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drawings/drawing3.xml" ContentType="application/vnd.openxmlformats-officedocument.drawing+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drawings/drawing4.xml" ContentType="application/vnd.openxmlformats-officedocument.drawing+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drawings/drawing5.xml" ContentType="application/vnd.openxmlformats-officedocument.drawing+xml"/>
  <Override PartName="/xl/charts/chart9.xml" ContentType="application/vnd.openxmlformats-officedocument.drawingml.chart+xml"/>
  <Override PartName="/xl/charts/style9.xml" ContentType="application/vnd.ms-office.chartstyle+xml"/>
  <Override PartName="/xl/charts/colors9.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526"/>
  <workbookPr/>
  <mc:AlternateContent xmlns:mc="http://schemas.openxmlformats.org/markup-compatibility/2006">
    <mc:Choice Requires="x15">
      <x15ac:absPath xmlns:x15ac="http://schemas.microsoft.com/office/spreadsheetml/2010/11/ac" url="C:\Users\tillh\Downloads\"/>
    </mc:Choice>
  </mc:AlternateContent>
  <xr:revisionPtr revIDLastSave="0" documentId="13_ncr:1_{D8E1FC7E-708A-4531-97F0-349BF91BFBD9}" xr6:coauthVersionLast="47" xr6:coauthVersionMax="47" xr10:uidLastSave="{00000000-0000-0000-0000-000000000000}"/>
  <bookViews>
    <workbookView xWindow="-108" yWindow="-108" windowWidth="41496" windowHeight="16776" activeTab="2" xr2:uid="{0BACD2F8-7B2E-48A9-8B72-52AA9319C627}"/>
  </bookViews>
  <sheets>
    <sheet name="Information" sheetId="4" r:id="rId1"/>
    <sheet name="Output" sheetId="5" r:id="rId2"/>
    <sheet name="Input" sheetId="3" r:id="rId3"/>
    <sheet name="ELMAS" sheetId="6" r:id="rId4"/>
    <sheet name="Bühler" sheetId="2" r:id="rId5"/>
    <sheet name="Jesper" sheetId="1" r:id="rId6"/>
    <sheet name="Rehfeldt" sheetId="7" r:id="rId7"/>
    <sheet name="Standard Profiles" sheetId="8" r:id="rId8"/>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J4" i="7" l="1" a="1"/>
  <c r="J4" i="7" s="1"/>
  <c r="K5" i="8"/>
  <c r="F12" i="8" a="1"/>
  <c r="F12" i="8" s="1"/>
  <c r="G18" i="8" s="1" a="1"/>
  <c r="G18" i="8" s="1"/>
  <c r="G5" i="8" a="1"/>
  <c r="G5" i="8" s="1"/>
  <c r="H5" i="8" s="1" a="1"/>
  <c r="H5" i="8" s="1"/>
  <c r="F5" i="8" a="1"/>
  <c r="F5" i="8" s="1"/>
  <c r="J33" i="1" a="1"/>
  <c r="J33" i="1" s="1"/>
  <c r="E18" i="8" s="1" a="1"/>
  <c r="E18" i="8" s="1"/>
  <c r="B10" i="1" s="1"/>
  <c r="J23" i="1" a="1"/>
  <c r="J23" i="1" s="1"/>
  <c r="F18" i="8" s="1" a="1"/>
  <c r="F18" i="8" s="1"/>
  <c r="I18" i="8" l="1" a="1"/>
  <c r="I18" i="8" s="1"/>
  <c r="J2" i="1" s="1"/>
  <c r="B13" i="1"/>
  <c r="B12" i="1"/>
  <c r="B11" i="1"/>
  <c r="J4" i="1" l="1"/>
  <c r="J5" i="1"/>
  <c r="J6" i="1"/>
  <c r="J3" i="1"/>
  <c r="K6" i="8" l="1"/>
  <c r="K7" i="8"/>
  <c r="K8" i="8"/>
  <c r="K9" i="8"/>
  <c r="K10" i="8"/>
  <c r="K11" i="8"/>
  <c r="I6" i="8" l="1"/>
  <c r="I7" i="8"/>
  <c r="I8" i="8"/>
  <c r="I9" i="8"/>
  <c r="I10" i="8"/>
  <c r="I11" i="8"/>
  <c r="I5" i="8"/>
  <c r="G7" i="7"/>
  <c r="F5" i="7" l="1"/>
  <c r="F11" i="7" s="1" a="1"/>
  <c r="F11" i="7" s="1"/>
  <c r="F19" i="7" s="1" a="1"/>
  <c r="F19" i="7" s="1"/>
  <c r="E7" i="7"/>
  <c r="E11" i="7" s="1" a="1"/>
  <c r="E11" i="7" s="1"/>
  <c r="E19" i="7" s="1" a="1"/>
  <c r="E19" i="7" s="1"/>
  <c r="D7" i="7"/>
  <c r="D11" i="7" s="1" a="1"/>
  <c r="D11" i="7" s="1"/>
  <c r="D19" i="7" s="1" a="1"/>
  <c r="D19" i="7" s="1"/>
  <c r="H7" i="7"/>
  <c r="H11" i="7" s="1" a="1"/>
  <c r="H11" i="7" s="1"/>
  <c r="C19" i="7" s="1" a="1"/>
  <c r="C19" i="7" s="1"/>
  <c r="G11" i="7" a="1"/>
  <c r="G11" i="7" s="1"/>
  <c r="I19" i="7" s="1" a="1"/>
  <c r="I19" i="7" s="1"/>
  <c r="J11" i="7" a="1"/>
  <c r="J11" i="7" s="1"/>
  <c r="J19" i="7" s="1" a="1"/>
  <c r="J19" i="7" s="1"/>
  <c r="C11" i="7" a="1"/>
  <c r="C11" i="7" s="1"/>
  <c r="G19" i="7" s="1" a="1"/>
  <c r="G19" i="7" s="1"/>
  <c r="AB34" i="2"/>
  <c r="AB36" i="2"/>
  <c r="AC36" i="2"/>
  <c r="AD36" i="2"/>
  <c r="AE36" i="2"/>
  <c r="AF36" i="2"/>
  <c r="AG36" i="2"/>
  <c r="AB37" i="2"/>
  <c r="AB38" i="2"/>
  <c r="AB39" i="2"/>
  <c r="AB40" i="2"/>
  <c r="AB43" i="2"/>
  <c r="AB45" i="2"/>
  <c r="AC45" i="2"/>
  <c r="AD45" i="2"/>
  <c r="AE45" i="2"/>
  <c r="AF45" i="2"/>
  <c r="AG45" i="2"/>
  <c r="AB46" i="2"/>
  <c r="AB47" i="2"/>
  <c r="AB48" i="2"/>
  <c r="AB49" i="2"/>
  <c r="AB50" i="2"/>
  <c r="J22" i="7" l="1"/>
  <c r="F22" i="7"/>
  <c r="E22" i="7"/>
  <c r="G22" i="7"/>
  <c r="I22" i="7"/>
  <c r="D22" i="7"/>
  <c r="C22" i="7"/>
  <c r="P2" i="1"/>
  <c r="R2" i="1" s="1"/>
  <c r="Q2" i="1" a="1"/>
  <c r="Q2" i="1" s="1"/>
  <c r="F17" i="1" l="1"/>
  <c r="E17" i="1"/>
  <c r="D17" i="1"/>
  <c r="C17" i="1"/>
  <c r="B18" i="1"/>
  <c r="F18" i="1" s="1"/>
  <c r="B19" i="1" l="1"/>
  <c r="C18" i="1"/>
  <c r="D18" i="1"/>
  <c r="E18" i="1"/>
  <c r="C34" i="2" a="1"/>
  <c r="C34" i="2" s="1"/>
  <c r="F19" i="1" l="1"/>
  <c r="B20" i="1"/>
  <c r="E19" i="1"/>
  <c r="D19" i="1"/>
  <c r="C19" i="1"/>
  <c r="Q9" i="5"/>
  <c r="Q10" i="5"/>
  <c r="Q11" i="5"/>
  <c r="Q12" i="5"/>
  <c r="Q13" i="5"/>
  <c r="Q14" i="5"/>
  <c r="Q15" i="5"/>
  <c r="Q16" i="5"/>
  <c r="Q17" i="5"/>
  <c r="Q18" i="5"/>
  <c r="Q19" i="5"/>
  <c r="Q20" i="5"/>
  <c r="Q21" i="5"/>
  <c r="Q22" i="5"/>
  <c r="Q23" i="5"/>
  <c r="Q24" i="5"/>
  <c r="Q25" i="5"/>
  <c r="Q26" i="5"/>
  <c r="Q27" i="5"/>
  <c r="Q28" i="5"/>
  <c r="Q29" i="5"/>
  <c r="Q30" i="5"/>
  <c r="Q31" i="5"/>
  <c r="Q32" i="5"/>
  <c r="Q33" i="5"/>
  <c r="Q34" i="5"/>
  <c r="Q35" i="5"/>
  <c r="Q36" i="5"/>
  <c r="Q37" i="5"/>
  <c r="Q38" i="5"/>
  <c r="Q39" i="5"/>
  <c r="Q40" i="5"/>
  <c r="Q41" i="5"/>
  <c r="Q42" i="5"/>
  <c r="Q43" i="5"/>
  <c r="Q44" i="5"/>
  <c r="Q45" i="5"/>
  <c r="Q46" i="5"/>
  <c r="Q47" i="5"/>
  <c r="Q48" i="5"/>
  <c r="Q49" i="5"/>
  <c r="Q50" i="5"/>
  <c r="Q51" i="5"/>
  <c r="Q52" i="5"/>
  <c r="Q53" i="5"/>
  <c r="Q54" i="5"/>
  <c r="Q55" i="5"/>
  <c r="Q56" i="5"/>
  <c r="Q57" i="5"/>
  <c r="Q58" i="5"/>
  <c r="Q59" i="5"/>
  <c r="Q60" i="5"/>
  <c r="Q61" i="5"/>
  <c r="Q62" i="5"/>
  <c r="Q63" i="5"/>
  <c r="Q64" i="5"/>
  <c r="Q65" i="5"/>
  <c r="Q66" i="5"/>
  <c r="Q67" i="5"/>
  <c r="Q68" i="5"/>
  <c r="Q69" i="5"/>
  <c r="Q70" i="5"/>
  <c r="Q71" i="5"/>
  <c r="Q72" i="5"/>
  <c r="Q73" i="5"/>
  <c r="Q74" i="5"/>
  <c r="Q75" i="5"/>
  <c r="Q76" i="5"/>
  <c r="Q77" i="5"/>
  <c r="Q78" i="5"/>
  <c r="Q79" i="5"/>
  <c r="Q80" i="5"/>
  <c r="Q81" i="5"/>
  <c r="Q82" i="5"/>
  <c r="Q83" i="5"/>
  <c r="Q84" i="5"/>
  <c r="Q85" i="5"/>
  <c r="Q86" i="5"/>
  <c r="Q87" i="5"/>
  <c r="Q88" i="5"/>
  <c r="Q89" i="5"/>
  <c r="Q90" i="5"/>
  <c r="Q91" i="5"/>
  <c r="Q92" i="5"/>
  <c r="Q93" i="5"/>
  <c r="Q94" i="5"/>
  <c r="Q95" i="5"/>
  <c r="Q96" i="5"/>
  <c r="Q97" i="5"/>
  <c r="Q98" i="5"/>
  <c r="Q99" i="5"/>
  <c r="Q100" i="5"/>
  <c r="Q101" i="5"/>
  <c r="Q102" i="5"/>
  <c r="Q103" i="5"/>
  <c r="Q104" i="5"/>
  <c r="Q105" i="5"/>
  <c r="Q106" i="5"/>
  <c r="Q107" i="5"/>
  <c r="Q108" i="5"/>
  <c r="Q109" i="5"/>
  <c r="Q110" i="5"/>
  <c r="Q111" i="5"/>
  <c r="Q112" i="5"/>
  <c r="Q113" i="5"/>
  <c r="Q114" i="5"/>
  <c r="Q115" i="5"/>
  <c r="Q116" i="5"/>
  <c r="Q117" i="5"/>
  <c r="Q118" i="5"/>
  <c r="Q119" i="5"/>
  <c r="Q120" i="5"/>
  <c r="Q121" i="5"/>
  <c r="Q122" i="5"/>
  <c r="Q123" i="5"/>
  <c r="Q124" i="5"/>
  <c r="Q125" i="5"/>
  <c r="Q126" i="5"/>
  <c r="Q127" i="5"/>
  <c r="Q128" i="5"/>
  <c r="Q129" i="5"/>
  <c r="Q130" i="5"/>
  <c r="Q131" i="5"/>
  <c r="Q132" i="5"/>
  <c r="Q133" i="5"/>
  <c r="Q134" i="5"/>
  <c r="Q135" i="5"/>
  <c r="Q136" i="5"/>
  <c r="Q137" i="5"/>
  <c r="Q138" i="5"/>
  <c r="Q139" i="5"/>
  <c r="Q140" i="5"/>
  <c r="Q141" i="5"/>
  <c r="Q142" i="5"/>
  <c r="Q143" i="5"/>
  <c r="Q144" i="5"/>
  <c r="Q145" i="5"/>
  <c r="Q146" i="5"/>
  <c r="Q147" i="5"/>
  <c r="Q148" i="5"/>
  <c r="Q149" i="5"/>
  <c r="Q150" i="5"/>
  <c r="Q151" i="5"/>
  <c r="Q152" i="5"/>
  <c r="Q153" i="5"/>
  <c r="Q154" i="5"/>
  <c r="Q155" i="5"/>
  <c r="Q156" i="5"/>
  <c r="Q157" i="5"/>
  <c r="Q158" i="5"/>
  <c r="Q159" i="5"/>
  <c r="Q160" i="5"/>
  <c r="Q161" i="5"/>
  <c r="Q162" i="5"/>
  <c r="Q163" i="5"/>
  <c r="Q164" i="5"/>
  <c r="Q165" i="5"/>
  <c r="Q166" i="5"/>
  <c r="Q167" i="5"/>
  <c r="Q168" i="5"/>
  <c r="Q169" i="5"/>
  <c r="Q170" i="5"/>
  <c r="Q171" i="5"/>
  <c r="Q172" i="5"/>
  <c r="Q173" i="5"/>
  <c r="Q174" i="5"/>
  <c r="Q175" i="5"/>
  <c r="Q176" i="5"/>
  <c r="Q177" i="5"/>
  <c r="Q178" i="5"/>
  <c r="Q179" i="5"/>
  <c r="Q180" i="5"/>
  <c r="Q181" i="5"/>
  <c r="Q182" i="5"/>
  <c r="Q183" i="5"/>
  <c r="Q184" i="5"/>
  <c r="Q185" i="5"/>
  <c r="Q186" i="5"/>
  <c r="Q187" i="5"/>
  <c r="Q188" i="5"/>
  <c r="Q189" i="5"/>
  <c r="Q190" i="5"/>
  <c r="Q191" i="5"/>
  <c r="Q192" i="5"/>
  <c r="Q193" i="5"/>
  <c r="Q194" i="5"/>
  <c r="Q195" i="5"/>
  <c r="Q196" i="5"/>
  <c r="Q197" i="5"/>
  <c r="Q198" i="5"/>
  <c r="Q199" i="5"/>
  <c r="Q200" i="5"/>
  <c r="Q201" i="5"/>
  <c r="Q202" i="5"/>
  <c r="Q203" i="5"/>
  <c r="Q204" i="5"/>
  <c r="Q205" i="5"/>
  <c r="Q206" i="5"/>
  <c r="Q207" i="5"/>
  <c r="Q208" i="5"/>
  <c r="Q209" i="5"/>
  <c r="Q210" i="5"/>
  <c r="Q211" i="5"/>
  <c r="Q212" i="5"/>
  <c r="Q213" i="5"/>
  <c r="Q214" i="5"/>
  <c r="Q215" i="5"/>
  <c r="Q216" i="5"/>
  <c r="Q217" i="5"/>
  <c r="Q218" i="5"/>
  <c r="Q219" i="5"/>
  <c r="Q220" i="5"/>
  <c r="Q221" i="5"/>
  <c r="Q222" i="5"/>
  <c r="Q223" i="5"/>
  <c r="Q224" i="5"/>
  <c r="Q225" i="5"/>
  <c r="Q226" i="5"/>
  <c r="Q227" i="5"/>
  <c r="Q228" i="5"/>
  <c r="Q229" i="5"/>
  <c r="Q230" i="5"/>
  <c r="Q231" i="5"/>
  <c r="Q232" i="5"/>
  <c r="Q233" i="5"/>
  <c r="Q234" i="5"/>
  <c r="Q235" i="5"/>
  <c r="Q236" i="5"/>
  <c r="Q237" i="5"/>
  <c r="Q238" i="5"/>
  <c r="Q239" i="5"/>
  <c r="Q240" i="5"/>
  <c r="Q241" i="5"/>
  <c r="Q242" i="5"/>
  <c r="Q243" i="5"/>
  <c r="Q244" i="5"/>
  <c r="Q245" i="5"/>
  <c r="Q246" i="5"/>
  <c r="Q247" i="5"/>
  <c r="Q248" i="5"/>
  <c r="Q249" i="5"/>
  <c r="Q250" i="5"/>
  <c r="Q251" i="5"/>
  <c r="Q252" i="5"/>
  <c r="Q253" i="5"/>
  <c r="Q254" i="5"/>
  <c r="Q255" i="5"/>
  <c r="Q256" i="5"/>
  <c r="Q257" i="5"/>
  <c r="Q258" i="5"/>
  <c r="Q259" i="5"/>
  <c r="Q260" i="5"/>
  <c r="Q261" i="5"/>
  <c r="Q262" i="5"/>
  <c r="Q263" i="5"/>
  <c r="Q264" i="5"/>
  <c r="Q265" i="5"/>
  <c r="Q266" i="5"/>
  <c r="Q267" i="5"/>
  <c r="Q268" i="5"/>
  <c r="Q269" i="5"/>
  <c r="Q270" i="5"/>
  <c r="Q271" i="5"/>
  <c r="Q272" i="5"/>
  <c r="Q273" i="5"/>
  <c r="Q274" i="5"/>
  <c r="Q275" i="5"/>
  <c r="Q276" i="5"/>
  <c r="Q277" i="5"/>
  <c r="Q278" i="5"/>
  <c r="Q279" i="5"/>
  <c r="Q280" i="5"/>
  <c r="Q281" i="5"/>
  <c r="Q282" i="5"/>
  <c r="Q283" i="5"/>
  <c r="Q284" i="5"/>
  <c r="Q285" i="5"/>
  <c r="Q286" i="5"/>
  <c r="Q287" i="5"/>
  <c r="Q288" i="5"/>
  <c r="Q289" i="5"/>
  <c r="Q290" i="5"/>
  <c r="Q291" i="5"/>
  <c r="Q292" i="5"/>
  <c r="Q293" i="5"/>
  <c r="Q294" i="5"/>
  <c r="Q295" i="5"/>
  <c r="Q296" i="5"/>
  <c r="Q297" i="5"/>
  <c r="Q298" i="5"/>
  <c r="Q299" i="5"/>
  <c r="Q300" i="5"/>
  <c r="Q301" i="5"/>
  <c r="Q302" i="5"/>
  <c r="Q303" i="5"/>
  <c r="Q304" i="5"/>
  <c r="Q305" i="5"/>
  <c r="Q306" i="5"/>
  <c r="Q307" i="5"/>
  <c r="Q308" i="5"/>
  <c r="Q309" i="5"/>
  <c r="Q310" i="5"/>
  <c r="Q311" i="5"/>
  <c r="Q312" i="5"/>
  <c r="Q313" i="5"/>
  <c r="Q314" i="5"/>
  <c r="Q315" i="5"/>
  <c r="Q316" i="5"/>
  <c r="Q317" i="5"/>
  <c r="Q318" i="5"/>
  <c r="Q319" i="5"/>
  <c r="Q320" i="5"/>
  <c r="Q321" i="5"/>
  <c r="Q322" i="5"/>
  <c r="Q323" i="5"/>
  <c r="Q324" i="5"/>
  <c r="Q325" i="5"/>
  <c r="Q326" i="5"/>
  <c r="Q327" i="5"/>
  <c r="Q328" i="5"/>
  <c r="Q329" i="5"/>
  <c r="Q330" i="5"/>
  <c r="Q331" i="5"/>
  <c r="Q332" i="5"/>
  <c r="Q333" i="5"/>
  <c r="Q334" i="5"/>
  <c r="Q335" i="5"/>
  <c r="Q336" i="5"/>
  <c r="Q337" i="5"/>
  <c r="Q338" i="5"/>
  <c r="Q339" i="5"/>
  <c r="Q340" i="5"/>
  <c r="Q341" i="5"/>
  <c r="Q342" i="5"/>
  <c r="Q343" i="5"/>
  <c r="Q344" i="5"/>
  <c r="Q345" i="5"/>
  <c r="Q346" i="5"/>
  <c r="Q347" i="5"/>
  <c r="Q348" i="5"/>
  <c r="Q349" i="5"/>
  <c r="Q350" i="5"/>
  <c r="Q351" i="5"/>
  <c r="Q352" i="5"/>
  <c r="Q353" i="5"/>
  <c r="Q354" i="5"/>
  <c r="Q355" i="5"/>
  <c r="Q356" i="5"/>
  <c r="Q357" i="5"/>
  <c r="Q358" i="5"/>
  <c r="Q359" i="5"/>
  <c r="Q360" i="5"/>
  <c r="Q361" i="5"/>
  <c r="Q362" i="5"/>
  <c r="Q363" i="5"/>
  <c r="Q364" i="5"/>
  <c r="Q365" i="5"/>
  <c r="Q366" i="5"/>
  <c r="Q367" i="5"/>
  <c r="Q368" i="5"/>
  <c r="Q369" i="5"/>
  <c r="Q370" i="5"/>
  <c r="Q371" i="5"/>
  <c r="Q372" i="5"/>
  <c r="Q373" i="5"/>
  <c r="Q374" i="5"/>
  <c r="Q375" i="5"/>
  <c r="Q376" i="5"/>
  <c r="Q377" i="5"/>
  <c r="Q378" i="5"/>
  <c r="Q379" i="5"/>
  <c r="Q380" i="5"/>
  <c r="Q381" i="5"/>
  <c r="Q382" i="5"/>
  <c r="Q383" i="5"/>
  <c r="Q384" i="5"/>
  <c r="Q385" i="5"/>
  <c r="Q386" i="5"/>
  <c r="Q387" i="5"/>
  <c r="Q388" i="5"/>
  <c r="Q389" i="5"/>
  <c r="Q390" i="5"/>
  <c r="Q391" i="5"/>
  <c r="Q392" i="5"/>
  <c r="Q393" i="5"/>
  <c r="Q394" i="5"/>
  <c r="Q395" i="5"/>
  <c r="Q396" i="5"/>
  <c r="Q397" i="5"/>
  <c r="Q398" i="5"/>
  <c r="Q399" i="5"/>
  <c r="Q400" i="5"/>
  <c r="Q401" i="5"/>
  <c r="Q402" i="5"/>
  <c r="Q403" i="5"/>
  <c r="Q404" i="5"/>
  <c r="Q405" i="5"/>
  <c r="Q406" i="5"/>
  <c r="Q407" i="5"/>
  <c r="Q408" i="5"/>
  <c r="Q409" i="5"/>
  <c r="Q410" i="5"/>
  <c r="Q411" i="5"/>
  <c r="Q412" i="5"/>
  <c r="Q413" i="5"/>
  <c r="Q414" i="5"/>
  <c r="Q415" i="5"/>
  <c r="Q416" i="5"/>
  <c r="Q417" i="5"/>
  <c r="Q418" i="5"/>
  <c r="Q419" i="5"/>
  <c r="Q420" i="5"/>
  <c r="Q421" i="5"/>
  <c r="Q422" i="5"/>
  <c r="Q423" i="5"/>
  <c r="Q424" i="5"/>
  <c r="Q425" i="5"/>
  <c r="Q426" i="5"/>
  <c r="Q427" i="5"/>
  <c r="Q428" i="5"/>
  <c r="Q429" i="5"/>
  <c r="Q430" i="5"/>
  <c r="Q431" i="5"/>
  <c r="Q432" i="5"/>
  <c r="Q433" i="5"/>
  <c r="Q434" i="5"/>
  <c r="Q435" i="5"/>
  <c r="Q436" i="5"/>
  <c r="Q437" i="5"/>
  <c r="Q438" i="5"/>
  <c r="Q439" i="5"/>
  <c r="Q440" i="5"/>
  <c r="Q441" i="5"/>
  <c r="Q442" i="5"/>
  <c r="Q443" i="5"/>
  <c r="Q444" i="5"/>
  <c r="Q445" i="5"/>
  <c r="Q446" i="5"/>
  <c r="Q447" i="5"/>
  <c r="Q448" i="5"/>
  <c r="Q449" i="5"/>
  <c r="Q450" i="5"/>
  <c r="Q451" i="5"/>
  <c r="Q452" i="5"/>
  <c r="Q453" i="5"/>
  <c r="Q454" i="5"/>
  <c r="Q455" i="5"/>
  <c r="Q456" i="5"/>
  <c r="Q457" i="5"/>
  <c r="Q458" i="5"/>
  <c r="Q459" i="5"/>
  <c r="Q460" i="5"/>
  <c r="Q461" i="5"/>
  <c r="Q462" i="5"/>
  <c r="Q463" i="5"/>
  <c r="Q464" i="5"/>
  <c r="Q465" i="5"/>
  <c r="Q466" i="5"/>
  <c r="Q467" i="5"/>
  <c r="Q468" i="5"/>
  <c r="Q469" i="5"/>
  <c r="Q470" i="5"/>
  <c r="Q471" i="5"/>
  <c r="Q472" i="5"/>
  <c r="Q473" i="5"/>
  <c r="Q474" i="5"/>
  <c r="Q475" i="5"/>
  <c r="Q476" i="5"/>
  <c r="Q477" i="5"/>
  <c r="Q478" i="5"/>
  <c r="Q479" i="5"/>
  <c r="Q480" i="5"/>
  <c r="Q481" i="5"/>
  <c r="Q482" i="5"/>
  <c r="Q483" i="5"/>
  <c r="Q484" i="5"/>
  <c r="Q485" i="5"/>
  <c r="Q486" i="5"/>
  <c r="Q487" i="5"/>
  <c r="Q488" i="5"/>
  <c r="Q489" i="5"/>
  <c r="Q490" i="5"/>
  <c r="Q491" i="5"/>
  <c r="Q492" i="5"/>
  <c r="Q493" i="5"/>
  <c r="Q494" i="5"/>
  <c r="Q495" i="5"/>
  <c r="Q496" i="5"/>
  <c r="Q497" i="5"/>
  <c r="Q498" i="5"/>
  <c r="Q499" i="5"/>
  <c r="Q500" i="5"/>
  <c r="Q501" i="5"/>
  <c r="Q502" i="5"/>
  <c r="Q503" i="5"/>
  <c r="Q504" i="5"/>
  <c r="Q505" i="5"/>
  <c r="Q506" i="5"/>
  <c r="Q507" i="5"/>
  <c r="Q508" i="5"/>
  <c r="Q509" i="5"/>
  <c r="Q510" i="5"/>
  <c r="Q511" i="5"/>
  <c r="Q512" i="5"/>
  <c r="Q513" i="5"/>
  <c r="Q514" i="5"/>
  <c r="Q515" i="5"/>
  <c r="Q516" i="5"/>
  <c r="Q517" i="5"/>
  <c r="Q518" i="5"/>
  <c r="Q519" i="5"/>
  <c r="Q520" i="5"/>
  <c r="Q521" i="5"/>
  <c r="Q522" i="5"/>
  <c r="Q523" i="5"/>
  <c r="Q524" i="5"/>
  <c r="Q525" i="5"/>
  <c r="Q526" i="5"/>
  <c r="Q527" i="5"/>
  <c r="Q528" i="5"/>
  <c r="Q529" i="5"/>
  <c r="Q530" i="5"/>
  <c r="Q531" i="5"/>
  <c r="Q532" i="5"/>
  <c r="Q533" i="5"/>
  <c r="Q534" i="5"/>
  <c r="Q535" i="5"/>
  <c r="Q536" i="5"/>
  <c r="Q537" i="5"/>
  <c r="Q538" i="5"/>
  <c r="Q539" i="5"/>
  <c r="Q540" i="5"/>
  <c r="Q541" i="5"/>
  <c r="Q542" i="5"/>
  <c r="Q543" i="5"/>
  <c r="Q544" i="5"/>
  <c r="Q545" i="5"/>
  <c r="Q546" i="5"/>
  <c r="Q547" i="5"/>
  <c r="Q548" i="5"/>
  <c r="Q549" i="5"/>
  <c r="Q550" i="5"/>
  <c r="Q551" i="5"/>
  <c r="Q552" i="5"/>
  <c r="Q553" i="5"/>
  <c r="Q554" i="5"/>
  <c r="Q555" i="5"/>
  <c r="Q556" i="5"/>
  <c r="Q557" i="5"/>
  <c r="Q558" i="5"/>
  <c r="Q559" i="5"/>
  <c r="Q560" i="5"/>
  <c r="Q561" i="5"/>
  <c r="Q562" i="5"/>
  <c r="Q563" i="5"/>
  <c r="Q564" i="5"/>
  <c r="Q565" i="5"/>
  <c r="Q566" i="5"/>
  <c r="Q567" i="5"/>
  <c r="Q568" i="5"/>
  <c r="Q569" i="5"/>
  <c r="Q570" i="5"/>
  <c r="Q571" i="5"/>
  <c r="Q572" i="5"/>
  <c r="Q573" i="5"/>
  <c r="Q574" i="5"/>
  <c r="Q575" i="5"/>
  <c r="Q576" i="5"/>
  <c r="Q577" i="5"/>
  <c r="Q578" i="5"/>
  <c r="Q579" i="5"/>
  <c r="Q580" i="5"/>
  <c r="Q581" i="5"/>
  <c r="Q582" i="5"/>
  <c r="Q583" i="5"/>
  <c r="Q584" i="5"/>
  <c r="Q585" i="5"/>
  <c r="Q586" i="5"/>
  <c r="Q587" i="5"/>
  <c r="Q588" i="5"/>
  <c r="Q589" i="5"/>
  <c r="Q590" i="5"/>
  <c r="Q591" i="5"/>
  <c r="Q592" i="5"/>
  <c r="Q593" i="5"/>
  <c r="Q594" i="5"/>
  <c r="Q595" i="5"/>
  <c r="Q596" i="5"/>
  <c r="Q597" i="5"/>
  <c r="Q598" i="5"/>
  <c r="Q599" i="5"/>
  <c r="Q600" i="5"/>
  <c r="Q601" i="5"/>
  <c r="Q602" i="5"/>
  <c r="Q603" i="5"/>
  <c r="Q604" i="5"/>
  <c r="Q605" i="5"/>
  <c r="Q606" i="5"/>
  <c r="Q607" i="5"/>
  <c r="Q608" i="5"/>
  <c r="Q609" i="5"/>
  <c r="Q610" i="5"/>
  <c r="Q611" i="5"/>
  <c r="Q612" i="5"/>
  <c r="Q613" i="5"/>
  <c r="Q614" i="5"/>
  <c r="Q615" i="5"/>
  <c r="Q616" i="5"/>
  <c r="Q617" i="5"/>
  <c r="Q618" i="5"/>
  <c r="Q619" i="5"/>
  <c r="Q620" i="5"/>
  <c r="Q621" i="5"/>
  <c r="Q622" i="5"/>
  <c r="Q623" i="5"/>
  <c r="Q624" i="5"/>
  <c r="Q625" i="5"/>
  <c r="Q626" i="5"/>
  <c r="Q627" i="5"/>
  <c r="Q628" i="5"/>
  <c r="Q629" i="5"/>
  <c r="Q630" i="5"/>
  <c r="Q631" i="5"/>
  <c r="Q632" i="5"/>
  <c r="Q633" i="5"/>
  <c r="Q634" i="5"/>
  <c r="Q635" i="5"/>
  <c r="Q636" i="5"/>
  <c r="Q637" i="5"/>
  <c r="Q638" i="5"/>
  <c r="Q639" i="5"/>
  <c r="Q640" i="5"/>
  <c r="Q641" i="5"/>
  <c r="Q642" i="5"/>
  <c r="Q643" i="5"/>
  <c r="Q644" i="5"/>
  <c r="Q645" i="5"/>
  <c r="Q646" i="5"/>
  <c r="Q647" i="5"/>
  <c r="Q648" i="5"/>
  <c r="Q649" i="5"/>
  <c r="Q650" i="5"/>
  <c r="Q651" i="5"/>
  <c r="Q652" i="5"/>
  <c r="Q653" i="5"/>
  <c r="Q654" i="5"/>
  <c r="Q655" i="5"/>
  <c r="Q656" i="5"/>
  <c r="Q657" i="5"/>
  <c r="Q658" i="5"/>
  <c r="Q659" i="5"/>
  <c r="Q660" i="5"/>
  <c r="Q661" i="5"/>
  <c r="Q662" i="5"/>
  <c r="Q663" i="5"/>
  <c r="Q664" i="5"/>
  <c r="Q665" i="5"/>
  <c r="Q666" i="5"/>
  <c r="Q667" i="5"/>
  <c r="Q668" i="5"/>
  <c r="Q669" i="5"/>
  <c r="Q670" i="5"/>
  <c r="Q671" i="5"/>
  <c r="Q672" i="5"/>
  <c r="Q673" i="5"/>
  <c r="Q674" i="5"/>
  <c r="Q675" i="5"/>
  <c r="Q676" i="5"/>
  <c r="Q677" i="5"/>
  <c r="Q678" i="5"/>
  <c r="Q679" i="5"/>
  <c r="Q680" i="5"/>
  <c r="Q681" i="5"/>
  <c r="Q682" i="5"/>
  <c r="Q683" i="5"/>
  <c r="Q684" i="5"/>
  <c r="Q685" i="5"/>
  <c r="Q686" i="5"/>
  <c r="Q687" i="5"/>
  <c r="Q688" i="5"/>
  <c r="Q689" i="5"/>
  <c r="Q690" i="5"/>
  <c r="Q691" i="5"/>
  <c r="Q692" i="5"/>
  <c r="Q693" i="5"/>
  <c r="Q694" i="5"/>
  <c r="Q695" i="5"/>
  <c r="Q696" i="5"/>
  <c r="Q697" i="5"/>
  <c r="Q698" i="5"/>
  <c r="Q699" i="5"/>
  <c r="Q700" i="5"/>
  <c r="Q701" i="5"/>
  <c r="Q702" i="5"/>
  <c r="Q703" i="5"/>
  <c r="Q704" i="5"/>
  <c r="Q705" i="5"/>
  <c r="Q706" i="5"/>
  <c r="Q707" i="5"/>
  <c r="Q708" i="5"/>
  <c r="Q709" i="5"/>
  <c r="Q710" i="5"/>
  <c r="Q711" i="5"/>
  <c r="Q712" i="5"/>
  <c r="Q713" i="5"/>
  <c r="Q714" i="5"/>
  <c r="Q715" i="5"/>
  <c r="Q716" i="5"/>
  <c r="Q717" i="5"/>
  <c r="Q718" i="5"/>
  <c r="Q719" i="5"/>
  <c r="Q720" i="5"/>
  <c r="Q721" i="5"/>
  <c r="Q722" i="5"/>
  <c r="Q723" i="5"/>
  <c r="Q724" i="5"/>
  <c r="Q725" i="5"/>
  <c r="Q726" i="5"/>
  <c r="Q727" i="5"/>
  <c r="Q728" i="5"/>
  <c r="Q729" i="5"/>
  <c r="Q730" i="5"/>
  <c r="Q731" i="5"/>
  <c r="Q732" i="5"/>
  <c r="Q733" i="5"/>
  <c r="Q734" i="5"/>
  <c r="Q735" i="5"/>
  <c r="Q736" i="5"/>
  <c r="Q737" i="5"/>
  <c r="Q738" i="5"/>
  <c r="Q739" i="5"/>
  <c r="Q740" i="5"/>
  <c r="Q741" i="5"/>
  <c r="Q742" i="5"/>
  <c r="Q743" i="5"/>
  <c r="Q744" i="5"/>
  <c r="Q745" i="5"/>
  <c r="Q746" i="5"/>
  <c r="Q747" i="5"/>
  <c r="Q748" i="5"/>
  <c r="Q749" i="5"/>
  <c r="Q750" i="5"/>
  <c r="Q751" i="5"/>
  <c r="Q752" i="5"/>
  <c r="Q753" i="5"/>
  <c r="Q754" i="5"/>
  <c r="Q755" i="5"/>
  <c r="Q756" i="5"/>
  <c r="Q757" i="5"/>
  <c r="Q758" i="5"/>
  <c r="Q759" i="5"/>
  <c r="Q760" i="5"/>
  <c r="Q761" i="5"/>
  <c r="Q762" i="5"/>
  <c r="Q763" i="5"/>
  <c r="Q764" i="5"/>
  <c r="Q765" i="5"/>
  <c r="Q766" i="5"/>
  <c r="Q767" i="5"/>
  <c r="Q768" i="5"/>
  <c r="Q769" i="5"/>
  <c r="Q770" i="5"/>
  <c r="Q771" i="5"/>
  <c r="Q772" i="5"/>
  <c r="Q773" i="5"/>
  <c r="Q774" i="5"/>
  <c r="Q775" i="5"/>
  <c r="Q776" i="5"/>
  <c r="Q777" i="5"/>
  <c r="Q778" i="5"/>
  <c r="Q779" i="5"/>
  <c r="Q780" i="5"/>
  <c r="Q781" i="5"/>
  <c r="Q782" i="5"/>
  <c r="Q783" i="5"/>
  <c r="Q784" i="5"/>
  <c r="Q785" i="5"/>
  <c r="Q786" i="5"/>
  <c r="Q787" i="5"/>
  <c r="Q788" i="5"/>
  <c r="Q789" i="5"/>
  <c r="Q790" i="5"/>
  <c r="Q791" i="5"/>
  <c r="Q792" i="5"/>
  <c r="Q793" i="5"/>
  <c r="Q794" i="5"/>
  <c r="Q795" i="5"/>
  <c r="Q796" i="5"/>
  <c r="Q797" i="5"/>
  <c r="Q798" i="5"/>
  <c r="Q799" i="5"/>
  <c r="Q800" i="5"/>
  <c r="Q801" i="5"/>
  <c r="Q802" i="5"/>
  <c r="Q803" i="5"/>
  <c r="Q804" i="5"/>
  <c r="Q805" i="5"/>
  <c r="Q806" i="5"/>
  <c r="Q807" i="5"/>
  <c r="Q808" i="5"/>
  <c r="Q809" i="5"/>
  <c r="Q810" i="5"/>
  <c r="Q811" i="5"/>
  <c r="Q812" i="5"/>
  <c r="Q813" i="5"/>
  <c r="Q814" i="5"/>
  <c r="Q815" i="5"/>
  <c r="Q816" i="5"/>
  <c r="Q817" i="5"/>
  <c r="Q818" i="5"/>
  <c r="Q819" i="5"/>
  <c r="Q820" i="5"/>
  <c r="Q821" i="5"/>
  <c r="Q822" i="5"/>
  <c r="Q823" i="5"/>
  <c r="Q824" i="5"/>
  <c r="Q825" i="5"/>
  <c r="Q826" i="5"/>
  <c r="Q827" i="5"/>
  <c r="Q828" i="5"/>
  <c r="Q829" i="5"/>
  <c r="Q830" i="5"/>
  <c r="Q831" i="5"/>
  <c r="Q832" i="5"/>
  <c r="Q833" i="5"/>
  <c r="Q834" i="5"/>
  <c r="Q835" i="5"/>
  <c r="Q836" i="5"/>
  <c r="Q837" i="5"/>
  <c r="Q838" i="5"/>
  <c r="Q839" i="5"/>
  <c r="Q840" i="5"/>
  <c r="Q841" i="5"/>
  <c r="Q842" i="5"/>
  <c r="Q843" i="5"/>
  <c r="Q844" i="5"/>
  <c r="Q845" i="5"/>
  <c r="Q846" i="5"/>
  <c r="Q847" i="5"/>
  <c r="Q848" i="5"/>
  <c r="Q849" i="5"/>
  <c r="Q850" i="5"/>
  <c r="Q851" i="5"/>
  <c r="Q852" i="5"/>
  <c r="Q853" i="5"/>
  <c r="Q854" i="5"/>
  <c r="Q855" i="5"/>
  <c r="Q856" i="5"/>
  <c r="Q857" i="5"/>
  <c r="Q858" i="5"/>
  <c r="Q859" i="5"/>
  <c r="Q860" i="5"/>
  <c r="Q861" i="5"/>
  <c r="Q862" i="5"/>
  <c r="Q863" i="5"/>
  <c r="Q864" i="5"/>
  <c r="Q865" i="5"/>
  <c r="Q866" i="5"/>
  <c r="Q867" i="5"/>
  <c r="Q868" i="5"/>
  <c r="Q869" i="5"/>
  <c r="Q870" i="5"/>
  <c r="Q871" i="5"/>
  <c r="Q872" i="5"/>
  <c r="Q873" i="5"/>
  <c r="Q874" i="5"/>
  <c r="Q875" i="5"/>
  <c r="Q876" i="5"/>
  <c r="Q877" i="5"/>
  <c r="Q878" i="5"/>
  <c r="Q879" i="5"/>
  <c r="Q880" i="5"/>
  <c r="Q881" i="5"/>
  <c r="Q882" i="5"/>
  <c r="Q883" i="5"/>
  <c r="Q884" i="5"/>
  <c r="Q885" i="5"/>
  <c r="Q886" i="5"/>
  <c r="Q887" i="5"/>
  <c r="Q888" i="5"/>
  <c r="Q889" i="5"/>
  <c r="Q890" i="5"/>
  <c r="Q891" i="5"/>
  <c r="Q892" i="5"/>
  <c r="Q893" i="5"/>
  <c r="Q894" i="5"/>
  <c r="Q895" i="5"/>
  <c r="Q896" i="5"/>
  <c r="Q897" i="5"/>
  <c r="Q898" i="5"/>
  <c r="Q899" i="5"/>
  <c r="Q900" i="5"/>
  <c r="Q901" i="5"/>
  <c r="Q902" i="5"/>
  <c r="Q903" i="5"/>
  <c r="Q904" i="5"/>
  <c r="Q905" i="5"/>
  <c r="Q906" i="5"/>
  <c r="Q907" i="5"/>
  <c r="Q908" i="5"/>
  <c r="Q909" i="5"/>
  <c r="Q910" i="5"/>
  <c r="Q911" i="5"/>
  <c r="Q912" i="5"/>
  <c r="Q913" i="5"/>
  <c r="Q914" i="5"/>
  <c r="Q915" i="5"/>
  <c r="Q916" i="5"/>
  <c r="Q917" i="5"/>
  <c r="Q918" i="5"/>
  <c r="Q919" i="5"/>
  <c r="Q920" i="5"/>
  <c r="Q921" i="5"/>
  <c r="Q922" i="5"/>
  <c r="Q923" i="5"/>
  <c r="Q924" i="5"/>
  <c r="Q925" i="5"/>
  <c r="Q926" i="5"/>
  <c r="Q927" i="5"/>
  <c r="Q928" i="5"/>
  <c r="Q929" i="5"/>
  <c r="Q930" i="5"/>
  <c r="Q931" i="5"/>
  <c r="Q932" i="5"/>
  <c r="Q933" i="5"/>
  <c r="Q934" i="5"/>
  <c r="Q935" i="5"/>
  <c r="Q936" i="5"/>
  <c r="Q937" i="5"/>
  <c r="Q938" i="5"/>
  <c r="Q939" i="5"/>
  <c r="Q940" i="5"/>
  <c r="Q941" i="5"/>
  <c r="Q942" i="5"/>
  <c r="Q943" i="5"/>
  <c r="Q944" i="5"/>
  <c r="Q945" i="5"/>
  <c r="Q946" i="5"/>
  <c r="Q947" i="5"/>
  <c r="Q948" i="5"/>
  <c r="Q949" i="5"/>
  <c r="Q950" i="5"/>
  <c r="Q951" i="5"/>
  <c r="Q952" i="5"/>
  <c r="Q953" i="5"/>
  <c r="Q954" i="5"/>
  <c r="Q955" i="5"/>
  <c r="Q956" i="5"/>
  <c r="Q957" i="5"/>
  <c r="Q958" i="5"/>
  <c r="Q959" i="5"/>
  <c r="Q960" i="5"/>
  <c r="Q961" i="5"/>
  <c r="Q962" i="5"/>
  <c r="Q963" i="5"/>
  <c r="Q964" i="5"/>
  <c r="Q965" i="5"/>
  <c r="Q966" i="5"/>
  <c r="Q967" i="5"/>
  <c r="Q968" i="5"/>
  <c r="Q969" i="5"/>
  <c r="Q970" i="5"/>
  <c r="Q971" i="5"/>
  <c r="Q972" i="5"/>
  <c r="Q973" i="5"/>
  <c r="Q974" i="5"/>
  <c r="Q975" i="5"/>
  <c r="Q976" i="5"/>
  <c r="Q977" i="5"/>
  <c r="Q978" i="5"/>
  <c r="Q979" i="5"/>
  <c r="Q980" i="5"/>
  <c r="Q981" i="5"/>
  <c r="Q982" i="5"/>
  <c r="Q983" i="5"/>
  <c r="Q984" i="5"/>
  <c r="Q985" i="5"/>
  <c r="Q986" i="5"/>
  <c r="Q987" i="5"/>
  <c r="Q988" i="5"/>
  <c r="Q989" i="5"/>
  <c r="Q990" i="5"/>
  <c r="Q991" i="5"/>
  <c r="Q992" i="5"/>
  <c r="Q993" i="5"/>
  <c r="Q994" i="5"/>
  <c r="Q995" i="5"/>
  <c r="Q996" i="5"/>
  <c r="Q997" i="5"/>
  <c r="Q998" i="5"/>
  <c r="Q999" i="5"/>
  <c r="Q1000" i="5"/>
  <c r="Q1001" i="5"/>
  <c r="Q1002" i="5"/>
  <c r="Q1003" i="5"/>
  <c r="Q1004" i="5"/>
  <c r="Q1005" i="5"/>
  <c r="Q1006" i="5"/>
  <c r="Q1007" i="5"/>
  <c r="Q1008" i="5"/>
  <c r="Q1009" i="5"/>
  <c r="Q1010" i="5"/>
  <c r="Q1011" i="5"/>
  <c r="Q1012" i="5"/>
  <c r="Q1013" i="5"/>
  <c r="Q1014" i="5"/>
  <c r="Q1015" i="5"/>
  <c r="Q1016" i="5"/>
  <c r="Q1017" i="5"/>
  <c r="Q1018" i="5"/>
  <c r="Q1019" i="5"/>
  <c r="Q1020" i="5"/>
  <c r="Q1021" i="5"/>
  <c r="Q1022" i="5"/>
  <c r="Q1023" i="5"/>
  <c r="Q1024" i="5"/>
  <c r="Q1025" i="5"/>
  <c r="Q1026" i="5"/>
  <c r="Q1027" i="5"/>
  <c r="Q1028" i="5"/>
  <c r="Q1029" i="5"/>
  <c r="Q1030" i="5"/>
  <c r="Q1031" i="5"/>
  <c r="Q1032" i="5"/>
  <c r="Q1033" i="5"/>
  <c r="Q1034" i="5"/>
  <c r="Q1035" i="5"/>
  <c r="Q1036" i="5"/>
  <c r="Q1037" i="5"/>
  <c r="Q1038" i="5"/>
  <c r="Q1039" i="5"/>
  <c r="Q1040" i="5"/>
  <c r="Q1041" i="5"/>
  <c r="Q1042" i="5"/>
  <c r="Q1043" i="5"/>
  <c r="Q1044" i="5"/>
  <c r="Q1045" i="5"/>
  <c r="Q1046" i="5"/>
  <c r="Q1047" i="5"/>
  <c r="Q1048" i="5"/>
  <c r="Q1049" i="5"/>
  <c r="Q1050" i="5"/>
  <c r="Q1051" i="5"/>
  <c r="Q1052" i="5"/>
  <c r="Q1053" i="5"/>
  <c r="Q1054" i="5"/>
  <c r="Q1055" i="5"/>
  <c r="Q1056" i="5"/>
  <c r="Q1057" i="5"/>
  <c r="Q1058" i="5"/>
  <c r="Q1059" i="5"/>
  <c r="Q1060" i="5"/>
  <c r="Q1061" i="5"/>
  <c r="Q1062" i="5"/>
  <c r="Q1063" i="5"/>
  <c r="Q1064" i="5"/>
  <c r="Q1065" i="5"/>
  <c r="Q1066" i="5"/>
  <c r="Q1067" i="5"/>
  <c r="Q1068" i="5"/>
  <c r="Q1069" i="5"/>
  <c r="Q1070" i="5"/>
  <c r="Q1071" i="5"/>
  <c r="Q1072" i="5"/>
  <c r="Q1073" i="5"/>
  <c r="Q1074" i="5"/>
  <c r="Q1075" i="5"/>
  <c r="Q1076" i="5"/>
  <c r="Q1077" i="5"/>
  <c r="Q1078" i="5"/>
  <c r="Q1079" i="5"/>
  <c r="Q1080" i="5"/>
  <c r="Q1081" i="5"/>
  <c r="Q1082" i="5"/>
  <c r="Q1083" i="5"/>
  <c r="Q1084" i="5"/>
  <c r="Q1085" i="5"/>
  <c r="Q1086" i="5"/>
  <c r="Q1087" i="5"/>
  <c r="Q1088" i="5"/>
  <c r="Q1089" i="5"/>
  <c r="Q1090" i="5"/>
  <c r="Q1091" i="5"/>
  <c r="Q1092" i="5"/>
  <c r="Q1093" i="5"/>
  <c r="Q1094" i="5"/>
  <c r="Q1095" i="5"/>
  <c r="Q1096" i="5"/>
  <c r="Q1097" i="5"/>
  <c r="Q1098" i="5"/>
  <c r="Q1099" i="5"/>
  <c r="Q1100" i="5"/>
  <c r="Q1101" i="5"/>
  <c r="Q1102" i="5"/>
  <c r="Q1103" i="5"/>
  <c r="Q1104" i="5"/>
  <c r="Q1105" i="5"/>
  <c r="Q1106" i="5"/>
  <c r="Q1107" i="5"/>
  <c r="Q1108" i="5"/>
  <c r="Q1109" i="5"/>
  <c r="Q1110" i="5"/>
  <c r="Q1111" i="5"/>
  <c r="Q1112" i="5"/>
  <c r="Q1113" i="5"/>
  <c r="Q1114" i="5"/>
  <c r="Q1115" i="5"/>
  <c r="Q1116" i="5"/>
  <c r="Q1117" i="5"/>
  <c r="Q1118" i="5"/>
  <c r="Q1119" i="5"/>
  <c r="Q1120" i="5"/>
  <c r="Q1121" i="5"/>
  <c r="Q1122" i="5"/>
  <c r="Q1123" i="5"/>
  <c r="Q1124" i="5"/>
  <c r="Q1125" i="5"/>
  <c r="Q1126" i="5"/>
  <c r="Q1127" i="5"/>
  <c r="Q1128" i="5"/>
  <c r="Q1129" i="5"/>
  <c r="Q1130" i="5"/>
  <c r="Q1131" i="5"/>
  <c r="Q1132" i="5"/>
  <c r="Q1133" i="5"/>
  <c r="Q1134" i="5"/>
  <c r="Q1135" i="5"/>
  <c r="Q1136" i="5"/>
  <c r="Q1137" i="5"/>
  <c r="Q1138" i="5"/>
  <c r="Q1139" i="5"/>
  <c r="Q1140" i="5"/>
  <c r="Q1141" i="5"/>
  <c r="Q1142" i="5"/>
  <c r="Q1143" i="5"/>
  <c r="Q1144" i="5"/>
  <c r="Q1145" i="5"/>
  <c r="Q1146" i="5"/>
  <c r="Q1147" i="5"/>
  <c r="Q1148" i="5"/>
  <c r="Q1149" i="5"/>
  <c r="Q1150" i="5"/>
  <c r="Q1151" i="5"/>
  <c r="Q1152" i="5"/>
  <c r="Q1153" i="5"/>
  <c r="Q1154" i="5"/>
  <c r="Q1155" i="5"/>
  <c r="Q1156" i="5"/>
  <c r="Q1157" i="5"/>
  <c r="Q1158" i="5"/>
  <c r="Q1159" i="5"/>
  <c r="Q1160" i="5"/>
  <c r="Q1161" i="5"/>
  <c r="Q1162" i="5"/>
  <c r="Q1163" i="5"/>
  <c r="Q1164" i="5"/>
  <c r="Q1165" i="5"/>
  <c r="Q1166" i="5"/>
  <c r="Q1167" i="5"/>
  <c r="Q1168" i="5"/>
  <c r="Q1169" i="5"/>
  <c r="Q1170" i="5"/>
  <c r="Q1171" i="5"/>
  <c r="Q1172" i="5"/>
  <c r="Q1173" i="5"/>
  <c r="Q1174" i="5"/>
  <c r="Q1175" i="5"/>
  <c r="Q1176" i="5"/>
  <c r="Q1177" i="5"/>
  <c r="Q1178" i="5"/>
  <c r="Q1179" i="5"/>
  <c r="Q1180" i="5"/>
  <c r="Q1181" i="5"/>
  <c r="Q1182" i="5"/>
  <c r="Q1183" i="5"/>
  <c r="Q1184" i="5"/>
  <c r="Q1185" i="5"/>
  <c r="Q1186" i="5"/>
  <c r="Q1187" i="5"/>
  <c r="Q1188" i="5"/>
  <c r="Q1189" i="5"/>
  <c r="Q1190" i="5"/>
  <c r="Q1191" i="5"/>
  <c r="Q1192" i="5"/>
  <c r="Q1193" i="5"/>
  <c r="Q1194" i="5"/>
  <c r="Q1195" i="5"/>
  <c r="Q1196" i="5"/>
  <c r="Q1197" i="5"/>
  <c r="Q1198" i="5"/>
  <c r="Q1199" i="5"/>
  <c r="Q1200" i="5"/>
  <c r="Q1201" i="5"/>
  <c r="Q1202" i="5"/>
  <c r="Q1203" i="5"/>
  <c r="Q1204" i="5"/>
  <c r="Q1205" i="5"/>
  <c r="Q1206" i="5"/>
  <c r="Q1207" i="5"/>
  <c r="Q1208" i="5"/>
  <c r="Q1209" i="5"/>
  <c r="Q1210" i="5"/>
  <c r="Q1211" i="5"/>
  <c r="Q1212" i="5"/>
  <c r="Q1213" i="5"/>
  <c r="Q1214" i="5"/>
  <c r="Q1215" i="5"/>
  <c r="Q1216" i="5"/>
  <c r="Q1217" i="5"/>
  <c r="Q1218" i="5"/>
  <c r="Q1219" i="5"/>
  <c r="Q1220" i="5"/>
  <c r="Q1221" i="5"/>
  <c r="Q1222" i="5"/>
  <c r="Q1223" i="5"/>
  <c r="Q1224" i="5"/>
  <c r="Q1225" i="5"/>
  <c r="Q1226" i="5"/>
  <c r="Q1227" i="5"/>
  <c r="Q1228" i="5"/>
  <c r="Q1229" i="5"/>
  <c r="Q1230" i="5"/>
  <c r="Q1231" i="5"/>
  <c r="Q1232" i="5"/>
  <c r="Q1233" i="5"/>
  <c r="Q1234" i="5"/>
  <c r="Q1235" i="5"/>
  <c r="Q1236" i="5"/>
  <c r="Q1237" i="5"/>
  <c r="Q1238" i="5"/>
  <c r="Q1239" i="5"/>
  <c r="Q1240" i="5"/>
  <c r="Q1241" i="5"/>
  <c r="Q1242" i="5"/>
  <c r="Q1243" i="5"/>
  <c r="Q1244" i="5"/>
  <c r="Q1245" i="5"/>
  <c r="Q1246" i="5"/>
  <c r="Q1247" i="5"/>
  <c r="Q1248" i="5"/>
  <c r="Q1249" i="5"/>
  <c r="Q1250" i="5"/>
  <c r="Q1251" i="5"/>
  <c r="Q1252" i="5"/>
  <c r="Q1253" i="5"/>
  <c r="Q1254" i="5"/>
  <c r="Q1255" i="5"/>
  <c r="Q1256" i="5"/>
  <c r="Q1257" i="5"/>
  <c r="Q1258" i="5"/>
  <c r="Q1259" i="5"/>
  <c r="Q1260" i="5"/>
  <c r="Q1261" i="5"/>
  <c r="Q1262" i="5"/>
  <c r="Q1263" i="5"/>
  <c r="Q1264" i="5"/>
  <c r="Q1265" i="5"/>
  <c r="Q1266" i="5"/>
  <c r="Q1267" i="5"/>
  <c r="Q1268" i="5"/>
  <c r="Q1269" i="5"/>
  <c r="Q1270" i="5"/>
  <c r="Q1271" i="5"/>
  <c r="Q1272" i="5"/>
  <c r="Q1273" i="5"/>
  <c r="Q1274" i="5"/>
  <c r="Q1275" i="5"/>
  <c r="Q1276" i="5"/>
  <c r="Q1277" i="5"/>
  <c r="Q1278" i="5"/>
  <c r="Q1279" i="5"/>
  <c r="Q1280" i="5"/>
  <c r="Q1281" i="5"/>
  <c r="Q1282" i="5"/>
  <c r="Q1283" i="5"/>
  <c r="Q1284" i="5"/>
  <c r="Q1285" i="5"/>
  <c r="Q1286" i="5"/>
  <c r="Q1287" i="5"/>
  <c r="Q1288" i="5"/>
  <c r="Q1289" i="5"/>
  <c r="Q1290" i="5"/>
  <c r="Q1291" i="5"/>
  <c r="Q1292" i="5"/>
  <c r="Q1293" i="5"/>
  <c r="Q1294" i="5"/>
  <c r="Q1295" i="5"/>
  <c r="Q1296" i="5"/>
  <c r="Q1297" i="5"/>
  <c r="Q1298" i="5"/>
  <c r="Q1299" i="5"/>
  <c r="Q1300" i="5"/>
  <c r="Q1301" i="5"/>
  <c r="Q1302" i="5"/>
  <c r="Q1303" i="5"/>
  <c r="Q1304" i="5"/>
  <c r="Q1305" i="5"/>
  <c r="Q1306" i="5"/>
  <c r="Q1307" i="5"/>
  <c r="Q1308" i="5"/>
  <c r="Q1309" i="5"/>
  <c r="Q1310" i="5"/>
  <c r="Q1311" i="5"/>
  <c r="Q1312" i="5"/>
  <c r="Q1313" i="5"/>
  <c r="Q1314" i="5"/>
  <c r="Q1315" i="5"/>
  <c r="Q1316" i="5"/>
  <c r="Q1317" i="5"/>
  <c r="Q1318" i="5"/>
  <c r="Q1319" i="5"/>
  <c r="Q1320" i="5"/>
  <c r="Q1321" i="5"/>
  <c r="Q1322" i="5"/>
  <c r="Q1323" i="5"/>
  <c r="Q1324" i="5"/>
  <c r="Q1325" i="5"/>
  <c r="Q1326" i="5"/>
  <c r="Q1327" i="5"/>
  <c r="Q1328" i="5"/>
  <c r="Q1329" i="5"/>
  <c r="Q1330" i="5"/>
  <c r="Q1331" i="5"/>
  <c r="Q1332" i="5"/>
  <c r="Q1333" i="5"/>
  <c r="Q1334" i="5"/>
  <c r="Q1335" i="5"/>
  <c r="Q1336" i="5"/>
  <c r="Q1337" i="5"/>
  <c r="Q1338" i="5"/>
  <c r="Q1339" i="5"/>
  <c r="Q1340" i="5"/>
  <c r="Q1341" i="5"/>
  <c r="Q1342" i="5"/>
  <c r="Q1343" i="5"/>
  <c r="Q1344" i="5"/>
  <c r="Q1345" i="5"/>
  <c r="Q1346" i="5"/>
  <c r="Q1347" i="5"/>
  <c r="Q1348" i="5"/>
  <c r="Q1349" i="5"/>
  <c r="Q1350" i="5"/>
  <c r="Q1351" i="5"/>
  <c r="Q1352" i="5"/>
  <c r="Q1353" i="5"/>
  <c r="Q1354" i="5"/>
  <c r="Q1355" i="5"/>
  <c r="Q1356" i="5"/>
  <c r="Q1357" i="5"/>
  <c r="Q1358" i="5"/>
  <c r="Q1359" i="5"/>
  <c r="Q1360" i="5"/>
  <c r="Q1361" i="5"/>
  <c r="Q1362" i="5"/>
  <c r="Q1363" i="5"/>
  <c r="Q1364" i="5"/>
  <c r="Q1365" i="5"/>
  <c r="Q1366" i="5"/>
  <c r="Q1367" i="5"/>
  <c r="Q1368" i="5"/>
  <c r="Q1369" i="5"/>
  <c r="Q1370" i="5"/>
  <c r="Q1371" i="5"/>
  <c r="Q1372" i="5"/>
  <c r="Q1373" i="5"/>
  <c r="Q1374" i="5"/>
  <c r="Q1375" i="5"/>
  <c r="Q1376" i="5"/>
  <c r="Q1377" i="5"/>
  <c r="Q1378" i="5"/>
  <c r="Q1379" i="5"/>
  <c r="Q1380" i="5"/>
  <c r="Q1381" i="5"/>
  <c r="Q1382" i="5"/>
  <c r="Q1383" i="5"/>
  <c r="Q1384" i="5"/>
  <c r="Q1385" i="5"/>
  <c r="Q1386" i="5"/>
  <c r="Q1387" i="5"/>
  <c r="Q1388" i="5"/>
  <c r="Q1389" i="5"/>
  <c r="Q1390" i="5"/>
  <c r="Q1391" i="5"/>
  <c r="Q1392" i="5"/>
  <c r="Q1393" i="5"/>
  <c r="Q1394" i="5"/>
  <c r="Q1395" i="5"/>
  <c r="Q1396" i="5"/>
  <c r="Q1397" i="5"/>
  <c r="Q1398" i="5"/>
  <c r="Q1399" i="5"/>
  <c r="Q1400" i="5"/>
  <c r="Q1401" i="5"/>
  <c r="Q1402" i="5"/>
  <c r="Q1403" i="5"/>
  <c r="Q1404" i="5"/>
  <c r="Q1405" i="5"/>
  <c r="Q1406" i="5"/>
  <c r="Q1407" i="5"/>
  <c r="Q1408" i="5"/>
  <c r="Q1409" i="5"/>
  <c r="Q1410" i="5"/>
  <c r="Q1411" i="5"/>
  <c r="Q1412" i="5"/>
  <c r="Q1413" i="5"/>
  <c r="Q1414" i="5"/>
  <c r="Q1415" i="5"/>
  <c r="Q1416" i="5"/>
  <c r="Q1417" i="5"/>
  <c r="Q1418" i="5"/>
  <c r="Q1419" i="5"/>
  <c r="Q1420" i="5"/>
  <c r="Q1421" i="5"/>
  <c r="Q1422" i="5"/>
  <c r="Q1423" i="5"/>
  <c r="Q1424" i="5"/>
  <c r="Q1425" i="5"/>
  <c r="Q1426" i="5"/>
  <c r="Q1427" i="5"/>
  <c r="Q1428" i="5"/>
  <c r="Q1429" i="5"/>
  <c r="Q1430" i="5"/>
  <c r="Q1431" i="5"/>
  <c r="Q1432" i="5"/>
  <c r="Q1433" i="5"/>
  <c r="Q1434" i="5"/>
  <c r="Q1435" i="5"/>
  <c r="Q1436" i="5"/>
  <c r="Q1437" i="5"/>
  <c r="Q1438" i="5"/>
  <c r="Q1439" i="5"/>
  <c r="Q1440" i="5"/>
  <c r="Q1441" i="5"/>
  <c r="Q1442" i="5"/>
  <c r="Q1443" i="5"/>
  <c r="Q1444" i="5"/>
  <c r="Q1445" i="5"/>
  <c r="Q1446" i="5"/>
  <c r="Q1447" i="5"/>
  <c r="Q1448" i="5"/>
  <c r="Q1449" i="5"/>
  <c r="Q1450" i="5"/>
  <c r="Q1451" i="5"/>
  <c r="Q1452" i="5"/>
  <c r="Q1453" i="5"/>
  <c r="Q1454" i="5"/>
  <c r="Q1455" i="5"/>
  <c r="Q1456" i="5"/>
  <c r="Q1457" i="5"/>
  <c r="Q1458" i="5"/>
  <c r="Q1459" i="5"/>
  <c r="Q1460" i="5"/>
  <c r="Q1461" i="5"/>
  <c r="Q1462" i="5"/>
  <c r="Q1463" i="5"/>
  <c r="Q1464" i="5"/>
  <c r="Q1465" i="5"/>
  <c r="Q1466" i="5"/>
  <c r="Q1467" i="5"/>
  <c r="Q1468" i="5"/>
  <c r="Q1469" i="5"/>
  <c r="Q1470" i="5"/>
  <c r="Q1471" i="5"/>
  <c r="Q1472" i="5"/>
  <c r="Q1473" i="5"/>
  <c r="Q1474" i="5"/>
  <c r="Q1475" i="5"/>
  <c r="Q1476" i="5"/>
  <c r="Q1477" i="5"/>
  <c r="Q1478" i="5"/>
  <c r="Q1479" i="5"/>
  <c r="Q1480" i="5"/>
  <c r="Q1481" i="5"/>
  <c r="Q1482" i="5"/>
  <c r="Q1483" i="5"/>
  <c r="Q1484" i="5"/>
  <c r="Q1485" i="5"/>
  <c r="Q1486" i="5"/>
  <c r="Q1487" i="5"/>
  <c r="Q1488" i="5"/>
  <c r="Q1489" i="5"/>
  <c r="Q1490" i="5"/>
  <c r="Q1491" i="5"/>
  <c r="Q1492" i="5"/>
  <c r="Q1493" i="5"/>
  <c r="Q1494" i="5"/>
  <c r="Q1495" i="5"/>
  <c r="Q1496" i="5"/>
  <c r="Q1497" i="5"/>
  <c r="Q1498" i="5"/>
  <c r="Q1499" i="5"/>
  <c r="Q1500" i="5"/>
  <c r="Q1501" i="5"/>
  <c r="Q1502" i="5"/>
  <c r="Q1503" i="5"/>
  <c r="Q1504" i="5"/>
  <c r="Q1505" i="5"/>
  <c r="Q1506" i="5"/>
  <c r="Q1507" i="5"/>
  <c r="Q1508" i="5"/>
  <c r="Q1509" i="5"/>
  <c r="Q1510" i="5"/>
  <c r="Q1511" i="5"/>
  <c r="Q1512" i="5"/>
  <c r="Q1513" i="5"/>
  <c r="Q1514" i="5"/>
  <c r="Q1515" i="5"/>
  <c r="Q1516" i="5"/>
  <c r="Q1517" i="5"/>
  <c r="Q1518" i="5"/>
  <c r="Q1519" i="5"/>
  <c r="Q1520" i="5"/>
  <c r="Q1521" i="5"/>
  <c r="Q1522" i="5"/>
  <c r="Q1523" i="5"/>
  <c r="Q1524" i="5"/>
  <c r="Q1525" i="5"/>
  <c r="Q1526" i="5"/>
  <c r="Q1527" i="5"/>
  <c r="Q1528" i="5"/>
  <c r="Q1529" i="5"/>
  <c r="Q1530" i="5"/>
  <c r="Q1531" i="5"/>
  <c r="Q1532" i="5"/>
  <c r="Q1533" i="5"/>
  <c r="Q1534" i="5"/>
  <c r="Q1535" i="5"/>
  <c r="Q1536" i="5"/>
  <c r="Q1537" i="5"/>
  <c r="Q1538" i="5"/>
  <c r="Q1539" i="5"/>
  <c r="Q1540" i="5"/>
  <c r="Q1541" i="5"/>
  <c r="Q1542" i="5"/>
  <c r="Q1543" i="5"/>
  <c r="Q1544" i="5"/>
  <c r="Q1545" i="5"/>
  <c r="Q1546" i="5"/>
  <c r="Q1547" i="5"/>
  <c r="Q1548" i="5"/>
  <c r="Q1549" i="5"/>
  <c r="Q1550" i="5"/>
  <c r="Q1551" i="5"/>
  <c r="Q1552" i="5"/>
  <c r="Q1553" i="5"/>
  <c r="Q1554" i="5"/>
  <c r="Q1555" i="5"/>
  <c r="Q1556" i="5"/>
  <c r="Q1557" i="5"/>
  <c r="Q1558" i="5"/>
  <c r="Q1559" i="5"/>
  <c r="Q1560" i="5"/>
  <c r="Q1561" i="5"/>
  <c r="Q1562" i="5"/>
  <c r="Q1563" i="5"/>
  <c r="Q1564" i="5"/>
  <c r="Q1565" i="5"/>
  <c r="Q1566" i="5"/>
  <c r="Q1567" i="5"/>
  <c r="Q1568" i="5"/>
  <c r="Q1569" i="5"/>
  <c r="Q1570" i="5"/>
  <c r="Q1571" i="5"/>
  <c r="Q1572" i="5"/>
  <c r="Q1573" i="5"/>
  <c r="Q1574" i="5"/>
  <c r="Q1575" i="5"/>
  <c r="Q1576" i="5"/>
  <c r="Q1577" i="5"/>
  <c r="Q1578" i="5"/>
  <c r="Q1579" i="5"/>
  <c r="Q1580" i="5"/>
  <c r="Q1581" i="5"/>
  <c r="Q1582" i="5"/>
  <c r="Q1583" i="5"/>
  <c r="Q1584" i="5"/>
  <c r="Q1585" i="5"/>
  <c r="Q1586" i="5"/>
  <c r="Q1587" i="5"/>
  <c r="Q1588" i="5"/>
  <c r="Q1589" i="5"/>
  <c r="Q1590" i="5"/>
  <c r="Q1591" i="5"/>
  <c r="Q1592" i="5"/>
  <c r="Q1593" i="5"/>
  <c r="Q1594" i="5"/>
  <c r="Q1595" i="5"/>
  <c r="Q1596" i="5"/>
  <c r="Q1597" i="5"/>
  <c r="Q1598" i="5"/>
  <c r="Q1599" i="5"/>
  <c r="Q1600" i="5"/>
  <c r="Q1601" i="5"/>
  <c r="Q1602" i="5"/>
  <c r="Q1603" i="5"/>
  <c r="Q1604" i="5"/>
  <c r="Q1605" i="5"/>
  <c r="Q1606" i="5"/>
  <c r="Q1607" i="5"/>
  <c r="Q1608" i="5"/>
  <c r="Q1609" i="5"/>
  <c r="Q1610" i="5"/>
  <c r="Q1611" i="5"/>
  <c r="Q1612" i="5"/>
  <c r="Q1613" i="5"/>
  <c r="Q1614" i="5"/>
  <c r="Q1615" i="5"/>
  <c r="Q1616" i="5"/>
  <c r="Q1617" i="5"/>
  <c r="Q1618" i="5"/>
  <c r="Q1619" i="5"/>
  <c r="Q1620" i="5"/>
  <c r="Q1621" i="5"/>
  <c r="Q1622" i="5"/>
  <c r="Q1623" i="5"/>
  <c r="Q1624" i="5"/>
  <c r="Q1625" i="5"/>
  <c r="Q1626" i="5"/>
  <c r="Q1627" i="5"/>
  <c r="Q1628" i="5"/>
  <c r="Q1629" i="5"/>
  <c r="Q1630" i="5"/>
  <c r="Q1631" i="5"/>
  <c r="Q1632" i="5"/>
  <c r="Q1633" i="5"/>
  <c r="Q1634" i="5"/>
  <c r="Q1635" i="5"/>
  <c r="Q1636" i="5"/>
  <c r="Q1637" i="5"/>
  <c r="Q1638" i="5"/>
  <c r="Q1639" i="5"/>
  <c r="Q1640" i="5"/>
  <c r="Q1641" i="5"/>
  <c r="Q1642" i="5"/>
  <c r="Q1643" i="5"/>
  <c r="Q1644" i="5"/>
  <c r="Q1645" i="5"/>
  <c r="Q1646" i="5"/>
  <c r="Q1647" i="5"/>
  <c r="Q1648" i="5"/>
  <c r="Q1649" i="5"/>
  <c r="Q1650" i="5"/>
  <c r="Q1651" i="5"/>
  <c r="Q1652" i="5"/>
  <c r="Q1653" i="5"/>
  <c r="Q1654" i="5"/>
  <c r="Q1655" i="5"/>
  <c r="Q1656" i="5"/>
  <c r="Q1657" i="5"/>
  <c r="Q1658" i="5"/>
  <c r="Q1659" i="5"/>
  <c r="Q1660" i="5"/>
  <c r="Q1661" i="5"/>
  <c r="Q1662" i="5"/>
  <c r="Q1663" i="5"/>
  <c r="Q1664" i="5"/>
  <c r="Q1665" i="5"/>
  <c r="Q1666" i="5"/>
  <c r="Q1667" i="5"/>
  <c r="Q1668" i="5"/>
  <c r="Q1669" i="5"/>
  <c r="Q1670" i="5"/>
  <c r="Q1671" i="5"/>
  <c r="Q1672" i="5"/>
  <c r="Q1673" i="5"/>
  <c r="Q1674" i="5"/>
  <c r="Q1675" i="5"/>
  <c r="Q1676" i="5"/>
  <c r="Q1677" i="5"/>
  <c r="Q1678" i="5"/>
  <c r="Q1679" i="5"/>
  <c r="Q1680" i="5"/>
  <c r="Q1681" i="5"/>
  <c r="Q1682" i="5"/>
  <c r="Q1683" i="5"/>
  <c r="Q1684" i="5"/>
  <c r="Q1685" i="5"/>
  <c r="Q1686" i="5"/>
  <c r="Q1687" i="5"/>
  <c r="Q1688" i="5"/>
  <c r="Q1689" i="5"/>
  <c r="Q1690" i="5"/>
  <c r="Q1691" i="5"/>
  <c r="Q1692" i="5"/>
  <c r="Q1693" i="5"/>
  <c r="Q1694" i="5"/>
  <c r="Q1695" i="5"/>
  <c r="Q1696" i="5"/>
  <c r="Q1697" i="5"/>
  <c r="Q1698" i="5"/>
  <c r="Q1699" i="5"/>
  <c r="Q1700" i="5"/>
  <c r="Q1701" i="5"/>
  <c r="Q1702" i="5"/>
  <c r="Q1703" i="5"/>
  <c r="Q1704" i="5"/>
  <c r="Q1705" i="5"/>
  <c r="Q1706" i="5"/>
  <c r="Q1707" i="5"/>
  <c r="Q1708" i="5"/>
  <c r="Q1709" i="5"/>
  <c r="Q1710" i="5"/>
  <c r="Q1711" i="5"/>
  <c r="Q1712" i="5"/>
  <c r="Q1713" i="5"/>
  <c r="Q1714" i="5"/>
  <c r="Q1715" i="5"/>
  <c r="Q1716" i="5"/>
  <c r="Q1717" i="5"/>
  <c r="Q1718" i="5"/>
  <c r="Q1719" i="5"/>
  <c r="Q1720" i="5"/>
  <c r="Q1721" i="5"/>
  <c r="Q1722" i="5"/>
  <c r="Q1723" i="5"/>
  <c r="Q1724" i="5"/>
  <c r="Q1725" i="5"/>
  <c r="Q1726" i="5"/>
  <c r="Q1727" i="5"/>
  <c r="Q1728" i="5"/>
  <c r="Q1729" i="5"/>
  <c r="Q1730" i="5"/>
  <c r="Q1731" i="5"/>
  <c r="Q1732" i="5"/>
  <c r="Q1733" i="5"/>
  <c r="Q1734" i="5"/>
  <c r="Q1735" i="5"/>
  <c r="Q1736" i="5"/>
  <c r="Q1737" i="5"/>
  <c r="Q1738" i="5"/>
  <c r="Q1739" i="5"/>
  <c r="Q1740" i="5"/>
  <c r="Q1741" i="5"/>
  <c r="Q1742" i="5"/>
  <c r="Q1743" i="5"/>
  <c r="Q1744" i="5"/>
  <c r="Q1745" i="5"/>
  <c r="Q1746" i="5"/>
  <c r="Q1747" i="5"/>
  <c r="Q1748" i="5"/>
  <c r="Q1749" i="5"/>
  <c r="Q1750" i="5"/>
  <c r="Q1751" i="5"/>
  <c r="Q1752" i="5"/>
  <c r="Q1753" i="5"/>
  <c r="Q1754" i="5"/>
  <c r="Q1755" i="5"/>
  <c r="Q1756" i="5"/>
  <c r="Q1757" i="5"/>
  <c r="Q1758" i="5"/>
  <c r="Q1759" i="5"/>
  <c r="Q1760" i="5"/>
  <c r="Q1761" i="5"/>
  <c r="Q1762" i="5"/>
  <c r="Q1763" i="5"/>
  <c r="Q1764" i="5"/>
  <c r="Q1765" i="5"/>
  <c r="Q1766" i="5"/>
  <c r="Q1767" i="5"/>
  <c r="Q1768" i="5"/>
  <c r="Q1769" i="5"/>
  <c r="Q1770" i="5"/>
  <c r="Q1771" i="5"/>
  <c r="Q1772" i="5"/>
  <c r="Q1773" i="5"/>
  <c r="Q1774" i="5"/>
  <c r="Q1775" i="5"/>
  <c r="Q1776" i="5"/>
  <c r="Q1777" i="5"/>
  <c r="Q1778" i="5"/>
  <c r="Q1779" i="5"/>
  <c r="Q1780" i="5"/>
  <c r="Q1781" i="5"/>
  <c r="Q1782" i="5"/>
  <c r="Q1783" i="5"/>
  <c r="Q1784" i="5"/>
  <c r="Q1785" i="5"/>
  <c r="Q1786" i="5"/>
  <c r="Q1787" i="5"/>
  <c r="Q1788" i="5"/>
  <c r="Q1789" i="5"/>
  <c r="Q1790" i="5"/>
  <c r="Q1791" i="5"/>
  <c r="Q1792" i="5"/>
  <c r="Q1793" i="5"/>
  <c r="Q1794" i="5"/>
  <c r="Q1795" i="5"/>
  <c r="Q1796" i="5"/>
  <c r="Q1797" i="5"/>
  <c r="Q1798" i="5"/>
  <c r="Q1799" i="5"/>
  <c r="Q1800" i="5"/>
  <c r="Q1801" i="5"/>
  <c r="Q1802" i="5"/>
  <c r="Q1803" i="5"/>
  <c r="Q1804" i="5"/>
  <c r="Q1805" i="5"/>
  <c r="Q1806" i="5"/>
  <c r="Q1807" i="5"/>
  <c r="Q1808" i="5"/>
  <c r="Q1809" i="5"/>
  <c r="Q1810" i="5"/>
  <c r="Q1811" i="5"/>
  <c r="Q1812" i="5"/>
  <c r="Q1813" i="5"/>
  <c r="Q1814" i="5"/>
  <c r="Q1815" i="5"/>
  <c r="Q1816" i="5"/>
  <c r="Q1817" i="5"/>
  <c r="Q1818" i="5"/>
  <c r="Q1819" i="5"/>
  <c r="Q1820" i="5"/>
  <c r="Q1821" i="5"/>
  <c r="Q1822" i="5"/>
  <c r="Q1823" i="5"/>
  <c r="Q1824" i="5"/>
  <c r="Q1825" i="5"/>
  <c r="Q1826" i="5"/>
  <c r="Q1827" i="5"/>
  <c r="Q1828" i="5"/>
  <c r="Q1829" i="5"/>
  <c r="Q1830" i="5"/>
  <c r="Q1831" i="5"/>
  <c r="Q1832" i="5"/>
  <c r="Q1833" i="5"/>
  <c r="Q1834" i="5"/>
  <c r="Q1835" i="5"/>
  <c r="Q1836" i="5"/>
  <c r="Q1837" i="5"/>
  <c r="Q1838" i="5"/>
  <c r="Q1839" i="5"/>
  <c r="Q1840" i="5"/>
  <c r="Q1841" i="5"/>
  <c r="Q1842" i="5"/>
  <c r="Q1843" i="5"/>
  <c r="Q1844" i="5"/>
  <c r="Q1845" i="5"/>
  <c r="Q1846" i="5"/>
  <c r="Q1847" i="5"/>
  <c r="Q1848" i="5"/>
  <c r="Q1849" i="5"/>
  <c r="Q1850" i="5"/>
  <c r="Q1851" i="5"/>
  <c r="Q1852" i="5"/>
  <c r="Q1853" i="5"/>
  <c r="Q1854" i="5"/>
  <c r="Q1855" i="5"/>
  <c r="Q1856" i="5"/>
  <c r="Q1857" i="5"/>
  <c r="Q1858" i="5"/>
  <c r="Q1859" i="5"/>
  <c r="Q1860" i="5"/>
  <c r="Q1861" i="5"/>
  <c r="Q1862" i="5"/>
  <c r="Q1863" i="5"/>
  <c r="Q1864" i="5"/>
  <c r="Q1865" i="5"/>
  <c r="Q1866" i="5"/>
  <c r="Q1867" i="5"/>
  <c r="Q1868" i="5"/>
  <c r="Q1869" i="5"/>
  <c r="Q1870" i="5"/>
  <c r="Q1871" i="5"/>
  <c r="Q1872" i="5"/>
  <c r="Q1873" i="5"/>
  <c r="Q1874" i="5"/>
  <c r="Q1875" i="5"/>
  <c r="Q1876" i="5"/>
  <c r="Q1877" i="5"/>
  <c r="Q1878" i="5"/>
  <c r="Q1879" i="5"/>
  <c r="Q1880" i="5"/>
  <c r="Q1881" i="5"/>
  <c r="Q1882" i="5"/>
  <c r="Q1883" i="5"/>
  <c r="Q1884" i="5"/>
  <c r="Q1885" i="5"/>
  <c r="Q1886" i="5"/>
  <c r="Q1887" i="5"/>
  <c r="Q1888" i="5"/>
  <c r="Q1889" i="5"/>
  <c r="Q1890" i="5"/>
  <c r="Q1891" i="5"/>
  <c r="Q1892" i="5"/>
  <c r="Q1893" i="5"/>
  <c r="Q1894" i="5"/>
  <c r="Q1895" i="5"/>
  <c r="Q1896" i="5"/>
  <c r="Q1897" i="5"/>
  <c r="Q1898" i="5"/>
  <c r="Q1899" i="5"/>
  <c r="Q1900" i="5"/>
  <c r="Q1901" i="5"/>
  <c r="Q1902" i="5"/>
  <c r="Q1903" i="5"/>
  <c r="Q1904" i="5"/>
  <c r="Q1905" i="5"/>
  <c r="Q1906" i="5"/>
  <c r="Q1907" i="5"/>
  <c r="Q1908" i="5"/>
  <c r="Q1909" i="5"/>
  <c r="Q1910" i="5"/>
  <c r="Q1911" i="5"/>
  <c r="Q1912" i="5"/>
  <c r="Q1913" i="5"/>
  <c r="Q1914" i="5"/>
  <c r="Q1915" i="5"/>
  <c r="Q1916" i="5"/>
  <c r="Q1917" i="5"/>
  <c r="Q1918" i="5"/>
  <c r="Q1919" i="5"/>
  <c r="Q1920" i="5"/>
  <c r="Q1921" i="5"/>
  <c r="Q1922" i="5"/>
  <c r="Q1923" i="5"/>
  <c r="Q1924" i="5"/>
  <c r="Q1925" i="5"/>
  <c r="Q1926" i="5"/>
  <c r="Q1927" i="5"/>
  <c r="Q1928" i="5"/>
  <c r="Q1929" i="5"/>
  <c r="Q1930" i="5"/>
  <c r="Q1931" i="5"/>
  <c r="Q1932" i="5"/>
  <c r="Q1933" i="5"/>
  <c r="Q1934" i="5"/>
  <c r="Q1935" i="5"/>
  <c r="Q1936" i="5"/>
  <c r="Q1937" i="5"/>
  <c r="Q1938" i="5"/>
  <c r="Q1939" i="5"/>
  <c r="Q1940" i="5"/>
  <c r="Q1941" i="5"/>
  <c r="Q1942" i="5"/>
  <c r="Q1943" i="5"/>
  <c r="Q1944" i="5"/>
  <c r="Q1945" i="5"/>
  <c r="Q1946" i="5"/>
  <c r="Q1947" i="5"/>
  <c r="Q1948" i="5"/>
  <c r="Q1949" i="5"/>
  <c r="Q1950" i="5"/>
  <c r="Q1951" i="5"/>
  <c r="Q1952" i="5"/>
  <c r="Q1953" i="5"/>
  <c r="Q1954" i="5"/>
  <c r="Q1955" i="5"/>
  <c r="Q1956" i="5"/>
  <c r="Q1957" i="5"/>
  <c r="Q1958" i="5"/>
  <c r="Q1959" i="5"/>
  <c r="Q1960" i="5"/>
  <c r="Q1961" i="5"/>
  <c r="Q1962" i="5"/>
  <c r="Q1963" i="5"/>
  <c r="Q1964" i="5"/>
  <c r="Q1965" i="5"/>
  <c r="Q1966" i="5"/>
  <c r="Q1967" i="5"/>
  <c r="Q1968" i="5"/>
  <c r="Q1969" i="5"/>
  <c r="Q1970" i="5"/>
  <c r="Q1971" i="5"/>
  <c r="Q1972" i="5"/>
  <c r="Q1973" i="5"/>
  <c r="Q1974" i="5"/>
  <c r="Q1975" i="5"/>
  <c r="Q1976" i="5"/>
  <c r="Q1977" i="5"/>
  <c r="Q1978" i="5"/>
  <c r="Q1979" i="5"/>
  <c r="Q1980" i="5"/>
  <c r="Q1981" i="5"/>
  <c r="Q1982" i="5"/>
  <c r="Q1983" i="5"/>
  <c r="Q1984" i="5"/>
  <c r="Q1985" i="5"/>
  <c r="Q1986" i="5"/>
  <c r="Q1987" i="5"/>
  <c r="Q1988" i="5"/>
  <c r="Q1989" i="5"/>
  <c r="Q1990" i="5"/>
  <c r="Q1991" i="5"/>
  <c r="Q1992" i="5"/>
  <c r="Q1993" i="5"/>
  <c r="Q1994" i="5"/>
  <c r="Q1995" i="5"/>
  <c r="Q1996" i="5"/>
  <c r="Q1997" i="5"/>
  <c r="Q1998" i="5"/>
  <c r="Q1999" i="5"/>
  <c r="Q2000" i="5"/>
  <c r="Q2001" i="5"/>
  <c r="Q2002" i="5"/>
  <c r="Q2003" i="5"/>
  <c r="Q2004" i="5"/>
  <c r="Q2005" i="5"/>
  <c r="Q2006" i="5"/>
  <c r="Q2007" i="5"/>
  <c r="Q2008" i="5"/>
  <c r="Q2009" i="5"/>
  <c r="Q2010" i="5"/>
  <c r="Q2011" i="5"/>
  <c r="Q2012" i="5"/>
  <c r="Q2013" i="5"/>
  <c r="Q2014" i="5"/>
  <c r="Q2015" i="5"/>
  <c r="Q2016" i="5"/>
  <c r="Q2017" i="5"/>
  <c r="Q2018" i="5"/>
  <c r="Q2019" i="5"/>
  <c r="Q2020" i="5"/>
  <c r="Q2021" i="5"/>
  <c r="Q2022" i="5"/>
  <c r="Q2023" i="5"/>
  <c r="Q2024" i="5"/>
  <c r="Q2025" i="5"/>
  <c r="Q2026" i="5"/>
  <c r="Q2027" i="5"/>
  <c r="Q2028" i="5"/>
  <c r="Q2029" i="5"/>
  <c r="Q2030" i="5"/>
  <c r="Q2031" i="5"/>
  <c r="Q2032" i="5"/>
  <c r="Q2033" i="5"/>
  <c r="Q2034" i="5"/>
  <c r="Q2035" i="5"/>
  <c r="Q2036" i="5"/>
  <c r="Q2037" i="5"/>
  <c r="Q2038" i="5"/>
  <c r="Q2039" i="5"/>
  <c r="Q2040" i="5"/>
  <c r="Q2041" i="5"/>
  <c r="Q2042" i="5"/>
  <c r="Q2043" i="5"/>
  <c r="Q2044" i="5"/>
  <c r="Q2045" i="5"/>
  <c r="Q2046" i="5"/>
  <c r="Q2047" i="5"/>
  <c r="Q2048" i="5"/>
  <c r="Q2049" i="5"/>
  <c r="Q2050" i="5"/>
  <c r="Q2051" i="5"/>
  <c r="Q2052" i="5"/>
  <c r="Q2053" i="5"/>
  <c r="Q2054" i="5"/>
  <c r="Q2055" i="5"/>
  <c r="Q2056" i="5"/>
  <c r="Q2057" i="5"/>
  <c r="Q2058" i="5"/>
  <c r="Q2059" i="5"/>
  <c r="Q2060" i="5"/>
  <c r="Q2061" i="5"/>
  <c r="Q2062" i="5"/>
  <c r="Q2063" i="5"/>
  <c r="Q2064" i="5"/>
  <c r="Q2065" i="5"/>
  <c r="Q2066" i="5"/>
  <c r="Q2067" i="5"/>
  <c r="Q2068" i="5"/>
  <c r="Q2069" i="5"/>
  <c r="Q2070" i="5"/>
  <c r="Q2071" i="5"/>
  <c r="Q2072" i="5"/>
  <c r="Q2073" i="5"/>
  <c r="Q2074" i="5"/>
  <c r="Q2075" i="5"/>
  <c r="Q2076" i="5"/>
  <c r="Q2077" i="5"/>
  <c r="Q2078" i="5"/>
  <c r="Q2079" i="5"/>
  <c r="Q2080" i="5"/>
  <c r="Q2081" i="5"/>
  <c r="Q2082" i="5"/>
  <c r="Q2083" i="5"/>
  <c r="Q2084" i="5"/>
  <c r="Q2085" i="5"/>
  <c r="Q2086" i="5"/>
  <c r="Q2087" i="5"/>
  <c r="Q2088" i="5"/>
  <c r="Q2089" i="5"/>
  <c r="Q2090" i="5"/>
  <c r="Q2091" i="5"/>
  <c r="Q2092" i="5"/>
  <c r="Q2093" i="5"/>
  <c r="Q2094" i="5"/>
  <c r="Q2095" i="5"/>
  <c r="Q2096" i="5"/>
  <c r="Q2097" i="5"/>
  <c r="Q2098" i="5"/>
  <c r="Q2099" i="5"/>
  <c r="Q2100" i="5"/>
  <c r="Q2101" i="5"/>
  <c r="Q2102" i="5"/>
  <c r="Q2103" i="5"/>
  <c r="Q2104" i="5"/>
  <c r="Q2105" i="5"/>
  <c r="Q2106" i="5"/>
  <c r="Q2107" i="5"/>
  <c r="Q2108" i="5"/>
  <c r="Q2109" i="5"/>
  <c r="Q2110" i="5"/>
  <c r="Q2111" i="5"/>
  <c r="Q2112" i="5"/>
  <c r="Q2113" i="5"/>
  <c r="Q2114" i="5"/>
  <c r="Q2115" i="5"/>
  <c r="Q2116" i="5"/>
  <c r="Q2117" i="5"/>
  <c r="Q2118" i="5"/>
  <c r="Q2119" i="5"/>
  <c r="Q2120" i="5"/>
  <c r="Q2121" i="5"/>
  <c r="Q2122" i="5"/>
  <c r="Q2123" i="5"/>
  <c r="Q2124" i="5"/>
  <c r="Q2125" i="5"/>
  <c r="Q2126" i="5"/>
  <c r="Q2127" i="5"/>
  <c r="Q2128" i="5"/>
  <c r="Q2129" i="5"/>
  <c r="Q2130" i="5"/>
  <c r="Q2131" i="5"/>
  <c r="Q2132" i="5"/>
  <c r="Q2133" i="5"/>
  <c r="Q2134" i="5"/>
  <c r="Q2135" i="5"/>
  <c r="Q2136" i="5"/>
  <c r="Q2137" i="5"/>
  <c r="Q2138" i="5"/>
  <c r="Q2139" i="5"/>
  <c r="Q2140" i="5"/>
  <c r="Q2141" i="5"/>
  <c r="Q2142" i="5"/>
  <c r="Q2143" i="5"/>
  <c r="Q2144" i="5"/>
  <c r="Q2145" i="5"/>
  <c r="Q2146" i="5"/>
  <c r="Q2147" i="5"/>
  <c r="Q2148" i="5"/>
  <c r="Q2149" i="5"/>
  <c r="Q2150" i="5"/>
  <c r="Q2151" i="5"/>
  <c r="Q2152" i="5"/>
  <c r="Q2153" i="5"/>
  <c r="Q2154" i="5"/>
  <c r="Q2155" i="5"/>
  <c r="Q2156" i="5"/>
  <c r="Q2157" i="5"/>
  <c r="Q2158" i="5"/>
  <c r="Q2159" i="5"/>
  <c r="Q2160" i="5"/>
  <c r="Q2161" i="5"/>
  <c r="Q2162" i="5"/>
  <c r="Q2163" i="5"/>
  <c r="Q2164" i="5"/>
  <c r="Q2165" i="5"/>
  <c r="Q2166" i="5"/>
  <c r="Q2167" i="5"/>
  <c r="Q2168" i="5"/>
  <c r="Q2169" i="5"/>
  <c r="Q2170" i="5"/>
  <c r="Q2171" i="5"/>
  <c r="Q2172" i="5"/>
  <c r="Q2173" i="5"/>
  <c r="Q2174" i="5"/>
  <c r="Q2175" i="5"/>
  <c r="Q2176" i="5"/>
  <c r="Q2177" i="5"/>
  <c r="Q2178" i="5"/>
  <c r="Q2179" i="5"/>
  <c r="Q2180" i="5"/>
  <c r="Q2181" i="5"/>
  <c r="Q2182" i="5"/>
  <c r="Q2183" i="5"/>
  <c r="Q2184" i="5"/>
  <c r="Q2185" i="5"/>
  <c r="Q2186" i="5"/>
  <c r="Q2187" i="5"/>
  <c r="Q2188" i="5"/>
  <c r="Q2189" i="5"/>
  <c r="Q2190" i="5"/>
  <c r="Q2191" i="5"/>
  <c r="Q2192" i="5"/>
  <c r="Q2193" i="5"/>
  <c r="Q2194" i="5"/>
  <c r="Q2195" i="5"/>
  <c r="Q2196" i="5"/>
  <c r="Q2197" i="5"/>
  <c r="Q2198" i="5"/>
  <c r="Q2199" i="5"/>
  <c r="Q2200" i="5"/>
  <c r="Q2201" i="5"/>
  <c r="Q2202" i="5"/>
  <c r="Q2203" i="5"/>
  <c r="Q2204" i="5"/>
  <c r="Q2205" i="5"/>
  <c r="Q2206" i="5"/>
  <c r="Q2207" i="5"/>
  <c r="Q2208" i="5"/>
  <c r="Q2209" i="5"/>
  <c r="Q2210" i="5"/>
  <c r="Q2211" i="5"/>
  <c r="Q2212" i="5"/>
  <c r="Q2213" i="5"/>
  <c r="Q2214" i="5"/>
  <c r="Q2215" i="5"/>
  <c r="Q2216" i="5"/>
  <c r="Q2217" i="5"/>
  <c r="Q2218" i="5"/>
  <c r="Q2219" i="5"/>
  <c r="Q2220" i="5"/>
  <c r="Q2221" i="5"/>
  <c r="Q2222" i="5"/>
  <c r="Q2223" i="5"/>
  <c r="Q2224" i="5"/>
  <c r="Q2225" i="5"/>
  <c r="Q2226" i="5"/>
  <c r="Q2227" i="5"/>
  <c r="Q2228" i="5"/>
  <c r="Q2229" i="5"/>
  <c r="Q2230" i="5"/>
  <c r="Q2231" i="5"/>
  <c r="Q2232" i="5"/>
  <c r="Q2233" i="5"/>
  <c r="Q2234" i="5"/>
  <c r="Q2235" i="5"/>
  <c r="Q2236" i="5"/>
  <c r="Q2237" i="5"/>
  <c r="Q2238" i="5"/>
  <c r="Q2239" i="5"/>
  <c r="Q2240" i="5"/>
  <c r="Q2241" i="5"/>
  <c r="Q2242" i="5"/>
  <c r="Q2243" i="5"/>
  <c r="Q2244" i="5"/>
  <c r="Q2245" i="5"/>
  <c r="Q2246" i="5"/>
  <c r="Q2247" i="5"/>
  <c r="Q2248" i="5"/>
  <c r="Q2249" i="5"/>
  <c r="Q2250" i="5"/>
  <c r="Q2251" i="5"/>
  <c r="Q2252" i="5"/>
  <c r="Q2253" i="5"/>
  <c r="Q2254" i="5"/>
  <c r="Q2255" i="5"/>
  <c r="Q2256" i="5"/>
  <c r="Q2257" i="5"/>
  <c r="Q2258" i="5"/>
  <c r="Q2259" i="5"/>
  <c r="Q2260" i="5"/>
  <c r="Q2261" i="5"/>
  <c r="Q2262" i="5"/>
  <c r="Q2263" i="5"/>
  <c r="Q2264" i="5"/>
  <c r="Q2265" i="5"/>
  <c r="Q2266" i="5"/>
  <c r="Q2267" i="5"/>
  <c r="Q2268" i="5"/>
  <c r="Q2269" i="5"/>
  <c r="Q2270" i="5"/>
  <c r="Q2271" i="5"/>
  <c r="Q2272" i="5"/>
  <c r="Q2273" i="5"/>
  <c r="Q2274" i="5"/>
  <c r="Q2275" i="5"/>
  <c r="Q2276" i="5"/>
  <c r="Q2277" i="5"/>
  <c r="Q2278" i="5"/>
  <c r="Q2279" i="5"/>
  <c r="Q2280" i="5"/>
  <c r="Q2281" i="5"/>
  <c r="Q2282" i="5"/>
  <c r="Q2283" i="5"/>
  <c r="Q2284" i="5"/>
  <c r="Q2285" i="5"/>
  <c r="Q2286" i="5"/>
  <c r="Q2287" i="5"/>
  <c r="Q2288" i="5"/>
  <c r="Q2289" i="5"/>
  <c r="Q2290" i="5"/>
  <c r="Q2291" i="5"/>
  <c r="Q2292" i="5"/>
  <c r="Q2293" i="5"/>
  <c r="Q2294" i="5"/>
  <c r="Q2295" i="5"/>
  <c r="Q2296" i="5"/>
  <c r="Q2297" i="5"/>
  <c r="Q2298" i="5"/>
  <c r="Q2299" i="5"/>
  <c r="Q2300" i="5"/>
  <c r="Q2301" i="5"/>
  <c r="Q2302" i="5"/>
  <c r="Q2303" i="5"/>
  <c r="Q2304" i="5"/>
  <c r="Q2305" i="5"/>
  <c r="Q2306" i="5"/>
  <c r="Q2307" i="5"/>
  <c r="Q2308" i="5"/>
  <c r="Q2309" i="5"/>
  <c r="Q2310" i="5"/>
  <c r="Q2311" i="5"/>
  <c r="Q2312" i="5"/>
  <c r="Q2313" i="5"/>
  <c r="Q2314" i="5"/>
  <c r="Q2315" i="5"/>
  <c r="Q2316" i="5"/>
  <c r="Q2317" i="5"/>
  <c r="Q2318" i="5"/>
  <c r="Q2319" i="5"/>
  <c r="Q2320" i="5"/>
  <c r="Q2321" i="5"/>
  <c r="Q2322" i="5"/>
  <c r="Q2323" i="5"/>
  <c r="Q2324" i="5"/>
  <c r="Q2325" i="5"/>
  <c r="Q2326" i="5"/>
  <c r="Q2327" i="5"/>
  <c r="Q2328" i="5"/>
  <c r="Q2329" i="5"/>
  <c r="Q2330" i="5"/>
  <c r="Q2331" i="5"/>
  <c r="Q2332" i="5"/>
  <c r="Q2333" i="5"/>
  <c r="Q2334" i="5"/>
  <c r="Q2335" i="5"/>
  <c r="Q2336" i="5"/>
  <c r="Q2337" i="5"/>
  <c r="Q2338" i="5"/>
  <c r="Q2339" i="5"/>
  <c r="Q2340" i="5"/>
  <c r="Q2341" i="5"/>
  <c r="Q2342" i="5"/>
  <c r="Q2343" i="5"/>
  <c r="Q2344" i="5"/>
  <c r="Q2345" i="5"/>
  <c r="Q2346" i="5"/>
  <c r="Q2347" i="5"/>
  <c r="Q2348" i="5"/>
  <c r="Q2349" i="5"/>
  <c r="Q2350" i="5"/>
  <c r="Q2351" i="5"/>
  <c r="Q2352" i="5"/>
  <c r="Q2353" i="5"/>
  <c r="Q2354" i="5"/>
  <c r="Q2355" i="5"/>
  <c r="Q2356" i="5"/>
  <c r="Q2357" i="5"/>
  <c r="Q2358" i="5"/>
  <c r="Q2359" i="5"/>
  <c r="Q2360" i="5"/>
  <c r="Q2361" i="5"/>
  <c r="Q2362" i="5"/>
  <c r="Q2363" i="5"/>
  <c r="Q2364" i="5"/>
  <c r="Q2365" i="5"/>
  <c r="Q2366" i="5"/>
  <c r="Q2367" i="5"/>
  <c r="Q2368" i="5"/>
  <c r="Q2369" i="5"/>
  <c r="Q2370" i="5"/>
  <c r="Q2371" i="5"/>
  <c r="Q2372" i="5"/>
  <c r="Q2373" i="5"/>
  <c r="Q2374" i="5"/>
  <c r="Q2375" i="5"/>
  <c r="Q2376" i="5"/>
  <c r="Q2377" i="5"/>
  <c r="Q2378" i="5"/>
  <c r="Q2379" i="5"/>
  <c r="Q2380" i="5"/>
  <c r="Q2381" i="5"/>
  <c r="Q2382" i="5"/>
  <c r="Q2383" i="5"/>
  <c r="Q2384" i="5"/>
  <c r="Q2385" i="5"/>
  <c r="Q2386" i="5"/>
  <c r="Q2387" i="5"/>
  <c r="Q2388" i="5"/>
  <c r="Q2389" i="5"/>
  <c r="Q2390" i="5"/>
  <c r="Q2391" i="5"/>
  <c r="Q2392" i="5"/>
  <c r="Q2393" i="5"/>
  <c r="Q2394" i="5"/>
  <c r="Q2395" i="5"/>
  <c r="Q2396" i="5"/>
  <c r="Q2397" i="5"/>
  <c r="Q2398" i="5"/>
  <c r="Q2399" i="5"/>
  <c r="Q2400" i="5"/>
  <c r="Q2401" i="5"/>
  <c r="Q2402" i="5"/>
  <c r="Q2403" i="5"/>
  <c r="Q2404" i="5"/>
  <c r="Q2405" i="5"/>
  <c r="Q2406" i="5"/>
  <c r="Q2407" i="5"/>
  <c r="Q2408" i="5"/>
  <c r="Q2409" i="5"/>
  <c r="Q2410" i="5"/>
  <c r="Q2411" i="5"/>
  <c r="Q2412" i="5"/>
  <c r="Q2413" i="5"/>
  <c r="Q2414" i="5"/>
  <c r="Q2415" i="5"/>
  <c r="Q2416" i="5"/>
  <c r="Q2417" i="5"/>
  <c r="Q2418" i="5"/>
  <c r="Q2419" i="5"/>
  <c r="Q2420" i="5"/>
  <c r="Q2421" i="5"/>
  <c r="Q2422" i="5"/>
  <c r="Q2423" i="5"/>
  <c r="Q2424" i="5"/>
  <c r="Q2425" i="5"/>
  <c r="Q2426" i="5"/>
  <c r="Q2427" i="5"/>
  <c r="Q2428" i="5"/>
  <c r="Q2429" i="5"/>
  <c r="Q2430" i="5"/>
  <c r="Q2431" i="5"/>
  <c r="Q2432" i="5"/>
  <c r="Q2433" i="5"/>
  <c r="Q2434" i="5"/>
  <c r="Q2435" i="5"/>
  <c r="Q2436" i="5"/>
  <c r="Q2437" i="5"/>
  <c r="Q2438" i="5"/>
  <c r="Q2439" i="5"/>
  <c r="Q2440" i="5"/>
  <c r="Q2441" i="5"/>
  <c r="Q2442" i="5"/>
  <c r="Q2443" i="5"/>
  <c r="Q2444" i="5"/>
  <c r="Q2445" i="5"/>
  <c r="Q2446" i="5"/>
  <c r="Q2447" i="5"/>
  <c r="Q2448" i="5"/>
  <c r="Q2449" i="5"/>
  <c r="Q2450" i="5"/>
  <c r="Q2451" i="5"/>
  <c r="Q2452" i="5"/>
  <c r="Q2453" i="5"/>
  <c r="Q2454" i="5"/>
  <c r="Q2455" i="5"/>
  <c r="Q2456" i="5"/>
  <c r="Q2457" i="5"/>
  <c r="Q2458" i="5"/>
  <c r="Q2459" i="5"/>
  <c r="Q2460" i="5"/>
  <c r="Q2461" i="5"/>
  <c r="Q2462" i="5"/>
  <c r="Q2463" i="5"/>
  <c r="Q2464" i="5"/>
  <c r="Q2465" i="5"/>
  <c r="Q2466" i="5"/>
  <c r="Q2467" i="5"/>
  <c r="Q2468" i="5"/>
  <c r="Q2469" i="5"/>
  <c r="Q2470" i="5"/>
  <c r="Q2471" i="5"/>
  <c r="Q2472" i="5"/>
  <c r="Q2473" i="5"/>
  <c r="Q2474" i="5"/>
  <c r="Q2475" i="5"/>
  <c r="Q2476" i="5"/>
  <c r="Q2477" i="5"/>
  <c r="Q2478" i="5"/>
  <c r="Q2479" i="5"/>
  <c r="Q2480" i="5"/>
  <c r="Q2481" i="5"/>
  <c r="Q2482" i="5"/>
  <c r="Q2483" i="5"/>
  <c r="Q2484" i="5"/>
  <c r="Q2485" i="5"/>
  <c r="Q2486" i="5"/>
  <c r="Q2487" i="5"/>
  <c r="Q2488" i="5"/>
  <c r="Q2489" i="5"/>
  <c r="Q2490" i="5"/>
  <c r="Q2491" i="5"/>
  <c r="Q2492" i="5"/>
  <c r="Q2493" i="5"/>
  <c r="Q2494" i="5"/>
  <c r="Q2495" i="5"/>
  <c r="Q2496" i="5"/>
  <c r="Q2497" i="5"/>
  <c r="Q2498" i="5"/>
  <c r="Q2499" i="5"/>
  <c r="Q2500" i="5"/>
  <c r="Q2501" i="5"/>
  <c r="Q2502" i="5"/>
  <c r="Q2503" i="5"/>
  <c r="Q2504" i="5"/>
  <c r="Q2505" i="5"/>
  <c r="Q2506" i="5"/>
  <c r="Q2507" i="5"/>
  <c r="Q2508" i="5"/>
  <c r="Q2509" i="5"/>
  <c r="Q2510" i="5"/>
  <c r="Q2511" i="5"/>
  <c r="Q2512" i="5"/>
  <c r="Q2513" i="5"/>
  <c r="Q2514" i="5"/>
  <c r="Q2515" i="5"/>
  <c r="Q2516" i="5"/>
  <c r="Q2517" i="5"/>
  <c r="Q2518" i="5"/>
  <c r="Q2519" i="5"/>
  <c r="Q2520" i="5"/>
  <c r="Q2521" i="5"/>
  <c r="Q2522" i="5"/>
  <c r="Q2523" i="5"/>
  <c r="Q2524" i="5"/>
  <c r="Q2525" i="5"/>
  <c r="Q2526" i="5"/>
  <c r="Q2527" i="5"/>
  <c r="Q2528" i="5"/>
  <c r="Q2529" i="5"/>
  <c r="Q2530" i="5"/>
  <c r="Q2531" i="5"/>
  <c r="Q2532" i="5"/>
  <c r="Q2533" i="5"/>
  <c r="Q2534" i="5"/>
  <c r="Q2535" i="5"/>
  <c r="Q2536" i="5"/>
  <c r="Q2537" i="5"/>
  <c r="Q2538" i="5"/>
  <c r="Q2539" i="5"/>
  <c r="Q2540" i="5"/>
  <c r="Q2541" i="5"/>
  <c r="Q2542" i="5"/>
  <c r="Q2543" i="5"/>
  <c r="Q2544" i="5"/>
  <c r="Q2545" i="5"/>
  <c r="Q2546" i="5"/>
  <c r="Q2547" i="5"/>
  <c r="Q2548" i="5"/>
  <c r="Q2549" i="5"/>
  <c r="Q2550" i="5"/>
  <c r="Q2551" i="5"/>
  <c r="Q2552" i="5"/>
  <c r="Q2553" i="5"/>
  <c r="Q2554" i="5"/>
  <c r="Q2555" i="5"/>
  <c r="Q2556" i="5"/>
  <c r="Q2557" i="5"/>
  <c r="Q2558" i="5"/>
  <c r="Q2559" i="5"/>
  <c r="Q2560" i="5"/>
  <c r="Q2561" i="5"/>
  <c r="Q2562" i="5"/>
  <c r="Q2563" i="5"/>
  <c r="Q2564" i="5"/>
  <c r="Q2565" i="5"/>
  <c r="Q2566" i="5"/>
  <c r="Q2567" i="5"/>
  <c r="Q2568" i="5"/>
  <c r="Q2569" i="5"/>
  <c r="Q2570" i="5"/>
  <c r="Q2571" i="5"/>
  <c r="Q2572" i="5"/>
  <c r="Q2573" i="5"/>
  <c r="Q2574" i="5"/>
  <c r="Q2575" i="5"/>
  <c r="Q2576" i="5"/>
  <c r="Q2577" i="5"/>
  <c r="Q2578" i="5"/>
  <c r="Q2579" i="5"/>
  <c r="Q2580" i="5"/>
  <c r="Q2581" i="5"/>
  <c r="Q2582" i="5"/>
  <c r="Q2583" i="5"/>
  <c r="Q2584" i="5"/>
  <c r="Q2585" i="5"/>
  <c r="Q2586" i="5"/>
  <c r="Q2587" i="5"/>
  <c r="Q2588" i="5"/>
  <c r="Q2589" i="5"/>
  <c r="Q2590" i="5"/>
  <c r="Q2591" i="5"/>
  <c r="Q2592" i="5"/>
  <c r="Q2593" i="5"/>
  <c r="Q2594" i="5"/>
  <c r="Q2595" i="5"/>
  <c r="Q2596" i="5"/>
  <c r="Q2597" i="5"/>
  <c r="Q2598" i="5"/>
  <c r="Q2599" i="5"/>
  <c r="Q2600" i="5"/>
  <c r="Q2601" i="5"/>
  <c r="Q2602" i="5"/>
  <c r="Q2603" i="5"/>
  <c r="Q2604" i="5"/>
  <c r="Q2605" i="5"/>
  <c r="Q2606" i="5"/>
  <c r="Q2607" i="5"/>
  <c r="Q2608" i="5"/>
  <c r="Q2609" i="5"/>
  <c r="Q2610" i="5"/>
  <c r="Q2611" i="5"/>
  <c r="Q2612" i="5"/>
  <c r="Q2613" i="5"/>
  <c r="Q2614" i="5"/>
  <c r="Q2615" i="5"/>
  <c r="Q2616" i="5"/>
  <c r="Q2617" i="5"/>
  <c r="Q2618" i="5"/>
  <c r="Q2619" i="5"/>
  <c r="Q2620" i="5"/>
  <c r="Q2621" i="5"/>
  <c r="Q2622" i="5"/>
  <c r="Q2623" i="5"/>
  <c r="Q2624" i="5"/>
  <c r="Q2625" i="5"/>
  <c r="Q2626" i="5"/>
  <c r="Q2627" i="5"/>
  <c r="Q2628" i="5"/>
  <c r="Q2629" i="5"/>
  <c r="Q2630" i="5"/>
  <c r="Q2631" i="5"/>
  <c r="Q2632" i="5"/>
  <c r="Q2633" i="5"/>
  <c r="Q2634" i="5"/>
  <c r="Q2635" i="5"/>
  <c r="Q2636" i="5"/>
  <c r="Q2637" i="5"/>
  <c r="Q2638" i="5"/>
  <c r="Q2639" i="5"/>
  <c r="Q2640" i="5"/>
  <c r="Q2641" i="5"/>
  <c r="Q2642" i="5"/>
  <c r="Q2643" i="5"/>
  <c r="Q2644" i="5"/>
  <c r="Q2645" i="5"/>
  <c r="Q2646" i="5"/>
  <c r="Q2647" i="5"/>
  <c r="Q2648" i="5"/>
  <c r="Q2649" i="5"/>
  <c r="Q2650" i="5"/>
  <c r="Q2651" i="5"/>
  <c r="Q2652" i="5"/>
  <c r="Q2653" i="5"/>
  <c r="Q2654" i="5"/>
  <c r="Q2655" i="5"/>
  <c r="Q2656" i="5"/>
  <c r="Q2657" i="5"/>
  <c r="Q2658" i="5"/>
  <c r="Q2659" i="5"/>
  <c r="Q2660" i="5"/>
  <c r="Q2661" i="5"/>
  <c r="Q2662" i="5"/>
  <c r="Q2663" i="5"/>
  <c r="Q2664" i="5"/>
  <c r="Q2665" i="5"/>
  <c r="Q2666" i="5"/>
  <c r="Q2667" i="5"/>
  <c r="Q2668" i="5"/>
  <c r="Q2669" i="5"/>
  <c r="Q2670" i="5"/>
  <c r="Q2671" i="5"/>
  <c r="Q2672" i="5"/>
  <c r="Q2673" i="5"/>
  <c r="Q2674" i="5"/>
  <c r="Q2675" i="5"/>
  <c r="Q2676" i="5"/>
  <c r="Q2677" i="5"/>
  <c r="Q2678" i="5"/>
  <c r="Q2679" i="5"/>
  <c r="Q2680" i="5"/>
  <c r="Q2681" i="5"/>
  <c r="Q2682" i="5"/>
  <c r="Q2683" i="5"/>
  <c r="Q2684" i="5"/>
  <c r="Q2685" i="5"/>
  <c r="Q2686" i="5"/>
  <c r="Q2687" i="5"/>
  <c r="Q2688" i="5"/>
  <c r="Q2689" i="5"/>
  <c r="Q2690" i="5"/>
  <c r="Q2691" i="5"/>
  <c r="Q2692" i="5"/>
  <c r="Q2693" i="5"/>
  <c r="Q2694" i="5"/>
  <c r="Q2695" i="5"/>
  <c r="Q2696" i="5"/>
  <c r="Q2697" i="5"/>
  <c r="Q2698" i="5"/>
  <c r="Q2699" i="5"/>
  <c r="Q2700" i="5"/>
  <c r="Q2701" i="5"/>
  <c r="Q2702" i="5"/>
  <c r="Q2703" i="5"/>
  <c r="Q2704" i="5"/>
  <c r="Q2705" i="5"/>
  <c r="Q2706" i="5"/>
  <c r="Q2707" i="5"/>
  <c r="Q2708" i="5"/>
  <c r="Q2709" i="5"/>
  <c r="Q2710" i="5"/>
  <c r="Q2711" i="5"/>
  <c r="Q2712" i="5"/>
  <c r="Q2713" i="5"/>
  <c r="Q2714" i="5"/>
  <c r="Q2715" i="5"/>
  <c r="Q2716" i="5"/>
  <c r="Q2717" i="5"/>
  <c r="Q2718" i="5"/>
  <c r="Q2719" i="5"/>
  <c r="Q2720" i="5"/>
  <c r="Q2721" i="5"/>
  <c r="Q2722" i="5"/>
  <c r="Q2723" i="5"/>
  <c r="Q2724" i="5"/>
  <c r="Q2725" i="5"/>
  <c r="Q2726" i="5"/>
  <c r="Q2727" i="5"/>
  <c r="Q2728" i="5"/>
  <c r="Q2729" i="5"/>
  <c r="Q2730" i="5"/>
  <c r="Q2731" i="5"/>
  <c r="Q2732" i="5"/>
  <c r="Q2733" i="5"/>
  <c r="Q2734" i="5"/>
  <c r="Q2735" i="5"/>
  <c r="Q2736" i="5"/>
  <c r="Q2737" i="5"/>
  <c r="Q2738" i="5"/>
  <c r="Q2739" i="5"/>
  <c r="Q2740" i="5"/>
  <c r="Q2741" i="5"/>
  <c r="Q2742" i="5"/>
  <c r="Q2743" i="5"/>
  <c r="Q2744" i="5"/>
  <c r="Q2745" i="5"/>
  <c r="Q2746" i="5"/>
  <c r="Q2747" i="5"/>
  <c r="Q2748" i="5"/>
  <c r="Q2749" i="5"/>
  <c r="Q2750" i="5"/>
  <c r="Q2751" i="5"/>
  <c r="Q2752" i="5"/>
  <c r="Q2753" i="5"/>
  <c r="Q2754" i="5"/>
  <c r="Q2755" i="5"/>
  <c r="Q2756" i="5"/>
  <c r="Q2757" i="5"/>
  <c r="Q2758" i="5"/>
  <c r="Q2759" i="5"/>
  <c r="Q2760" i="5"/>
  <c r="Q2761" i="5"/>
  <c r="Q2762" i="5"/>
  <c r="Q2763" i="5"/>
  <c r="Q2764" i="5"/>
  <c r="Q2765" i="5"/>
  <c r="Q2766" i="5"/>
  <c r="Q2767" i="5"/>
  <c r="Q2768" i="5"/>
  <c r="Q2769" i="5"/>
  <c r="Q2770" i="5"/>
  <c r="Q2771" i="5"/>
  <c r="Q2772" i="5"/>
  <c r="Q2773" i="5"/>
  <c r="Q2774" i="5"/>
  <c r="Q2775" i="5"/>
  <c r="Q2776" i="5"/>
  <c r="Q2777" i="5"/>
  <c r="Q2778" i="5"/>
  <c r="Q2779" i="5"/>
  <c r="Q2780" i="5"/>
  <c r="Q2781" i="5"/>
  <c r="Q2782" i="5"/>
  <c r="Q2783" i="5"/>
  <c r="Q2784" i="5"/>
  <c r="Q2785" i="5"/>
  <c r="Q2786" i="5"/>
  <c r="Q2787" i="5"/>
  <c r="Q2788" i="5"/>
  <c r="Q2789" i="5"/>
  <c r="Q2790" i="5"/>
  <c r="Q2791" i="5"/>
  <c r="Q2792" i="5"/>
  <c r="Q2793" i="5"/>
  <c r="Q2794" i="5"/>
  <c r="Q2795" i="5"/>
  <c r="Q2796" i="5"/>
  <c r="Q2797" i="5"/>
  <c r="Q2798" i="5"/>
  <c r="Q2799" i="5"/>
  <c r="Q2800" i="5"/>
  <c r="Q2801" i="5"/>
  <c r="Q2802" i="5"/>
  <c r="Q2803" i="5"/>
  <c r="Q2804" i="5"/>
  <c r="Q2805" i="5"/>
  <c r="Q2806" i="5"/>
  <c r="Q2807" i="5"/>
  <c r="Q2808" i="5"/>
  <c r="Q2809" i="5"/>
  <c r="Q2810" i="5"/>
  <c r="Q2811" i="5"/>
  <c r="Q2812" i="5"/>
  <c r="Q2813" i="5"/>
  <c r="Q2814" i="5"/>
  <c r="Q2815" i="5"/>
  <c r="Q2816" i="5"/>
  <c r="Q2817" i="5"/>
  <c r="Q2818" i="5"/>
  <c r="Q2819" i="5"/>
  <c r="Q2820" i="5"/>
  <c r="Q2821" i="5"/>
  <c r="Q2822" i="5"/>
  <c r="Q2823" i="5"/>
  <c r="Q2824" i="5"/>
  <c r="Q2825" i="5"/>
  <c r="Q2826" i="5"/>
  <c r="Q2827" i="5"/>
  <c r="Q2828" i="5"/>
  <c r="Q2829" i="5"/>
  <c r="Q2830" i="5"/>
  <c r="Q2831" i="5"/>
  <c r="Q2832" i="5"/>
  <c r="Q2833" i="5"/>
  <c r="Q2834" i="5"/>
  <c r="Q2835" i="5"/>
  <c r="Q2836" i="5"/>
  <c r="Q2837" i="5"/>
  <c r="Q2838" i="5"/>
  <c r="Q2839" i="5"/>
  <c r="Q2840" i="5"/>
  <c r="Q2841" i="5"/>
  <c r="Q2842" i="5"/>
  <c r="Q2843" i="5"/>
  <c r="Q2844" i="5"/>
  <c r="Q2845" i="5"/>
  <c r="Q2846" i="5"/>
  <c r="Q2847" i="5"/>
  <c r="Q2848" i="5"/>
  <c r="Q2849" i="5"/>
  <c r="Q2850" i="5"/>
  <c r="Q2851" i="5"/>
  <c r="Q2852" i="5"/>
  <c r="Q2853" i="5"/>
  <c r="Q2854" i="5"/>
  <c r="Q2855" i="5"/>
  <c r="Q2856" i="5"/>
  <c r="Q2857" i="5"/>
  <c r="Q2858" i="5"/>
  <c r="Q2859" i="5"/>
  <c r="Q2860" i="5"/>
  <c r="Q2861" i="5"/>
  <c r="Q2862" i="5"/>
  <c r="Q2863" i="5"/>
  <c r="Q2864" i="5"/>
  <c r="Q2865" i="5"/>
  <c r="Q2866" i="5"/>
  <c r="Q2867" i="5"/>
  <c r="Q2868" i="5"/>
  <c r="Q2869" i="5"/>
  <c r="Q2870" i="5"/>
  <c r="Q2871" i="5"/>
  <c r="Q2872" i="5"/>
  <c r="Q2873" i="5"/>
  <c r="Q2874" i="5"/>
  <c r="Q2875" i="5"/>
  <c r="Q2876" i="5"/>
  <c r="Q2877" i="5"/>
  <c r="Q2878" i="5"/>
  <c r="Q2879" i="5"/>
  <c r="Q2880" i="5"/>
  <c r="Q2881" i="5"/>
  <c r="Q2882" i="5"/>
  <c r="Q2883" i="5"/>
  <c r="Q2884" i="5"/>
  <c r="Q2885" i="5"/>
  <c r="Q2886" i="5"/>
  <c r="Q2887" i="5"/>
  <c r="Q2888" i="5"/>
  <c r="Q2889" i="5"/>
  <c r="Q2890" i="5"/>
  <c r="Q2891" i="5"/>
  <c r="Q2892" i="5"/>
  <c r="Q2893" i="5"/>
  <c r="Q2894" i="5"/>
  <c r="Q2895" i="5"/>
  <c r="Q2896" i="5"/>
  <c r="Q2897" i="5"/>
  <c r="Q2898" i="5"/>
  <c r="Q2899" i="5"/>
  <c r="Q2900" i="5"/>
  <c r="Q2901" i="5"/>
  <c r="Q2902" i="5"/>
  <c r="Q2903" i="5"/>
  <c r="Q2904" i="5"/>
  <c r="Q2905" i="5"/>
  <c r="Q2906" i="5"/>
  <c r="Q2907" i="5"/>
  <c r="Q2908" i="5"/>
  <c r="Q2909" i="5"/>
  <c r="Q2910" i="5"/>
  <c r="Q2911" i="5"/>
  <c r="Q2912" i="5"/>
  <c r="Q2913" i="5"/>
  <c r="Q2914" i="5"/>
  <c r="Q2915" i="5"/>
  <c r="Q2916" i="5"/>
  <c r="Q2917" i="5"/>
  <c r="Q2918" i="5"/>
  <c r="Q2919" i="5"/>
  <c r="Q2920" i="5"/>
  <c r="Q2921" i="5"/>
  <c r="Q2922" i="5"/>
  <c r="Q2923" i="5"/>
  <c r="Q2924" i="5"/>
  <c r="Q2925" i="5"/>
  <c r="Q2926" i="5"/>
  <c r="Q2927" i="5"/>
  <c r="Q2928" i="5"/>
  <c r="Q2929" i="5"/>
  <c r="Q2930" i="5"/>
  <c r="Q2931" i="5"/>
  <c r="Q2932" i="5"/>
  <c r="Q2933" i="5"/>
  <c r="Q2934" i="5"/>
  <c r="Q2935" i="5"/>
  <c r="Q2936" i="5"/>
  <c r="Q2937" i="5"/>
  <c r="Q2938" i="5"/>
  <c r="Q2939" i="5"/>
  <c r="Q2940" i="5"/>
  <c r="Q2941" i="5"/>
  <c r="Q2942" i="5"/>
  <c r="Q2943" i="5"/>
  <c r="Q2944" i="5"/>
  <c r="Q2945" i="5"/>
  <c r="Q2946" i="5"/>
  <c r="Q2947" i="5"/>
  <c r="Q2948" i="5"/>
  <c r="Q2949" i="5"/>
  <c r="Q2950" i="5"/>
  <c r="Q2951" i="5"/>
  <c r="Q2952" i="5"/>
  <c r="Q2953" i="5"/>
  <c r="Q2954" i="5"/>
  <c r="Q2955" i="5"/>
  <c r="Q2956" i="5"/>
  <c r="Q2957" i="5"/>
  <c r="Q2958" i="5"/>
  <c r="Q2959" i="5"/>
  <c r="Q2960" i="5"/>
  <c r="Q2961" i="5"/>
  <c r="Q2962" i="5"/>
  <c r="Q2963" i="5"/>
  <c r="Q2964" i="5"/>
  <c r="Q2965" i="5"/>
  <c r="Q2966" i="5"/>
  <c r="Q2967" i="5"/>
  <c r="Q2968" i="5"/>
  <c r="Q2969" i="5"/>
  <c r="Q2970" i="5"/>
  <c r="Q2971" i="5"/>
  <c r="Q2972" i="5"/>
  <c r="Q2973" i="5"/>
  <c r="Q2974" i="5"/>
  <c r="Q2975" i="5"/>
  <c r="Q2976" i="5"/>
  <c r="Q2977" i="5"/>
  <c r="Q2978" i="5"/>
  <c r="Q2979" i="5"/>
  <c r="Q2980" i="5"/>
  <c r="Q2981" i="5"/>
  <c r="Q2982" i="5"/>
  <c r="Q2983" i="5"/>
  <c r="Q2984" i="5"/>
  <c r="Q2985" i="5"/>
  <c r="Q2986" i="5"/>
  <c r="Q2987" i="5"/>
  <c r="Q2988" i="5"/>
  <c r="Q2989" i="5"/>
  <c r="Q2990" i="5"/>
  <c r="Q2991" i="5"/>
  <c r="Q2992" i="5"/>
  <c r="Q2993" i="5"/>
  <c r="Q2994" i="5"/>
  <c r="Q2995" i="5"/>
  <c r="Q2996" i="5"/>
  <c r="Q2997" i="5"/>
  <c r="Q2998" i="5"/>
  <c r="Q2999" i="5"/>
  <c r="Q3000" i="5"/>
  <c r="Q3001" i="5"/>
  <c r="Q3002" i="5"/>
  <c r="Q3003" i="5"/>
  <c r="Q3004" i="5"/>
  <c r="Q3005" i="5"/>
  <c r="Q3006" i="5"/>
  <c r="Q3007" i="5"/>
  <c r="Q3008" i="5"/>
  <c r="Q3009" i="5"/>
  <c r="Q3010" i="5"/>
  <c r="Q3011" i="5"/>
  <c r="Q3012" i="5"/>
  <c r="Q3013" i="5"/>
  <c r="Q3014" i="5"/>
  <c r="Q3015" i="5"/>
  <c r="Q3016" i="5"/>
  <c r="Q3017" i="5"/>
  <c r="Q3018" i="5"/>
  <c r="Q3019" i="5"/>
  <c r="Q3020" i="5"/>
  <c r="Q3021" i="5"/>
  <c r="Q3022" i="5"/>
  <c r="Q3023" i="5"/>
  <c r="Q3024" i="5"/>
  <c r="Q3025" i="5"/>
  <c r="Q3026" i="5"/>
  <c r="Q3027" i="5"/>
  <c r="Q3028" i="5"/>
  <c r="Q3029" i="5"/>
  <c r="Q3030" i="5"/>
  <c r="Q3031" i="5"/>
  <c r="Q3032" i="5"/>
  <c r="Q3033" i="5"/>
  <c r="Q3034" i="5"/>
  <c r="Q3035" i="5"/>
  <c r="Q3036" i="5"/>
  <c r="Q3037" i="5"/>
  <c r="Q3038" i="5"/>
  <c r="Q3039" i="5"/>
  <c r="Q3040" i="5"/>
  <c r="Q3041" i="5"/>
  <c r="Q3042" i="5"/>
  <c r="Q3043" i="5"/>
  <c r="Q3044" i="5"/>
  <c r="Q3045" i="5"/>
  <c r="Q3046" i="5"/>
  <c r="Q3047" i="5"/>
  <c r="Q3048" i="5"/>
  <c r="Q3049" i="5"/>
  <c r="Q3050" i="5"/>
  <c r="Q3051" i="5"/>
  <c r="Q3052" i="5"/>
  <c r="Q3053" i="5"/>
  <c r="Q3054" i="5"/>
  <c r="Q3055" i="5"/>
  <c r="Q3056" i="5"/>
  <c r="Q3057" i="5"/>
  <c r="Q3058" i="5"/>
  <c r="Q3059" i="5"/>
  <c r="Q3060" i="5"/>
  <c r="Q3061" i="5"/>
  <c r="Q3062" i="5"/>
  <c r="Q3063" i="5"/>
  <c r="Q3064" i="5"/>
  <c r="Q3065" i="5"/>
  <c r="Q3066" i="5"/>
  <c r="Q3067" i="5"/>
  <c r="Q3068" i="5"/>
  <c r="Q3069" i="5"/>
  <c r="Q3070" i="5"/>
  <c r="Q3071" i="5"/>
  <c r="Q3072" i="5"/>
  <c r="Q3073" i="5"/>
  <c r="Q3074" i="5"/>
  <c r="Q3075" i="5"/>
  <c r="Q3076" i="5"/>
  <c r="Q3077" i="5"/>
  <c r="Q3078" i="5"/>
  <c r="Q3079" i="5"/>
  <c r="Q3080" i="5"/>
  <c r="Q3081" i="5"/>
  <c r="Q3082" i="5"/>
  <c r="Q3083" i="5"/>
  <c r="Q3084" i="5"/>
  <c r="Q3085" i="5"/>
  <c r="Q3086" i="5"/>
  <c r="Q3087" i="5"/>
  <c r="Q3088" i="5"/>
  <c r="Q3089" i="5"/>
  <c r="Q3090" i="5"/>
  <c r="Q3091" i="5"/>
  <c r="Q3092" i="5"/>
  <c r="Q3093" i="5"/>
  <c r="Q3094" i="5"/>
  <c r="Q3095" i="5"/>
  <c r="Q3096" i="5"/>
  <c r="Q3097" i="5"/>
  <c r="Q3098" i="5"/>
  <c r="Q3099" i="5"/>
  <c r="Q3100" i="5"/>
  <c r="Q3101" i="5"/>
  <c r="Q3102" i="5"/>
  <c r="Q3103" i="5"/>
  <c r="Q3104" i="5"/>
  <c r="Q3105" i="5"/>
  <c r="Q3106" i="5"/>
  <c r="Q3107" i="5"/>
  <c r="Q3108" i="5"/>
  <c r="Q3109" i="5"/>
  <c r="Q3110" i="5"/>
  <c r="Q3111" i="5"/>
  <c r="Q3112" i="5"/>
  <c r="Q3113" i="5"/>
  <c r="Q3114" i="5"/>
  <c r="Q3115" i="5"/>
  <c r="Q3116" i="5"/>
  <c r="Q3117" i="5"/>
  <c r="Q3118" i="5"/>
  <c r="Q3119" i="5"/>
  <c r="Q3120" i="5"/>
  <c r="Q3121" i="5"/>
  <c r="Q3122" i="5"/>
  <c r="Q3123" i="5"/>
  <c r="Q3124" i="5"/>
  <c r="Q3125" i="5"/>
  <c r="Q3126" i="5"/>
  <c r="Q3127" i="5"/>
  <c r="Q3128" i="5"/>
  <c r="Q3129" i="5"/>
  <c r="Q3130" i="5"/>
  <c r="Q3131" i="5"/>
  <c r="Q3132" i="5"/>
  <c r="Q3133" i="5"/>
  <c r="Q3134" i="5"/>
  <c r="Q3135" i="5"/>
  <c r="Q3136" i="5"/>
  <c r="Q3137" i="5"/>
  <c r="Q3138" i="5"/>
  <c r="Q3139" i="5"/>
  <c r="Q3140" i="5"/>
  <c r="Q3141" i="5"/>
  <c r="Q3142" i="5"/>
  <c r="Q3143" i="5"/>
  <c r="Q3144" i="5"/>
  <c r="Q3145" i="5"/>
  <c r="Q3146" i="5"/>
  <c r="Q3147" i="5"/>
  <c r="Q3148" i="5"/>
  <c r="Q3149" i="5"/>
  <c r="Q3150" i="5"/>
  <c r="Q3151" i="5"/>
  <c r="Q3152" i="5"/>
  <c r="Q3153" i="5"/>
  <c r="Q3154" i="5"/>
  <c r="Q3155" i="5"/>
  <c r="Q3156" i="5"/>
  <c r="Q3157" i="5"/>
  <c r="Q3158" i="5"/>
  <c r="Q3159" i="5"/>
  <c r="Q3160" i="5"/>
  <c r="Q3161" i="5"/>
  <c r="Q3162" i="5"/>
  <c r="Q3163" i="5"/>
  <c r="Q3164" i="5"/>
  <c r="Q3165" i="5"/>
  <c r="Q3166" i="5"/>
  <c r="Q3167" i="5"/>
  <c r="Q3168" i="5"/>
  <c r="Q3169" i="5"/>
  <c r="Q3170" i="5"/>
  <c r="Q3171" i="5"/>
  <c r="Q3172" i="5"/>
  <c r="Q3173" i="5"/>
  <c r="Q3174" i="5"/>
  <c r="Q3175" i="5"/>
  <c r="Q3176" i="5"/>
  <c r="Q3177" i="5"/>
  <c r="Q3178" i="5"/>
  <c r="Q3179" i="5"/>
  <c r="Q3180" i="5"/>
  <c r="Q3181" i="5"/>
  <c r="Q3182" i="5"/>
  <c r="Q3183" i="5"/>
  <c r="Q3184" i="5"/>
  <c r="Q3185" i="5"/>
  <c r="Q3186" i="5"/>
  <c r="Q3187" i="5"/>
  <c r="Q3188" i="5"/>
  <c r="Q3189" i="5"/>
  <c r="Q3190" i="5"/>
  <c r="Q3191" i="5"/>
  <c r="Q3192" i="5"/>
  <c r="Q3193" i="5"/>
  <c r="Q3194" i="5"/>
  <c r="Q3195" i="5"/>
  <c r="Q3196" i="5"/>
  <c r="Q3197" i="5"/>
  <c r="Q3198" i="5"/>
  <c r="Q3199" i="5"/>
  <c r="Q3200" i="5"/>
  <c r="Q3201" i="5"/>
  <c r="Q3202" i="5"/>
  <c r="Q3203" i="5"/>
  <c r="Q3204" i="5"/>
  <c r="Q3205" i="5"/>
  <c r="Q3206" i="5"/>
  <c r="Q3207" i="5"/>
  <c r="Q3208" i="5"/>
  <c r="Q3209" i="5"/>
  <c r="Q3210" i="5"/>
  <c r="Q3211" i="5"/>
  <c r="Q3212" i="5"/>
  <c r="Q3213" i="5"/>
  <c r="Q3214" i="5"/>
  <c r="Q3215" i="5"/>
  <c r="Q3216" i="5"/>
  <c r="Q3217" i="5"/>
  <c r="Q3218" i="5"/>
  <c r="Q3219" i="5"/>
  <c r="Q3220" i="5"/>
  <c r="Q3221" i="5"/>
  <c r="Q3222" i="5"/>
  <c r="Q3223" i="5"/>
  <c r="Q3224" i="5"/>
  <c r="Q3225" i="5"/>
  <c r="Q3226" i="5"/>
  <c r="Q3227" i="5"/>
  <c r="Q3228" i="5"/>
  <c r="Q3229" i="5"/>
  <c r="Q3230" i="5"/>
  <c r="Q3231" i="5"/>
  <c r="Q3232" i="5"/>
  <c r="Q3233" i="5"/>
  <c r="Q3234" i="5"/>
  <c r="Q3235" i="5"/>
  <c r="Q3236" i="5"/>
  <c r="Q3237" i="5"/>
  <c r="Q3238" i="5"/>
  <c r="Q3239" i="5"/>
  <c r="Q3240" i="5"/>
  <c r="Q3241" i="5"/>
  <c r="Q3242" i="5"/>
  <c r="Q3243" i="5"/>
  <c r="Q3244" i="5"/>
  <c r="Q3245" i="5"/>
  <c r="Q3246" i="5"/>
  <c r="Q3247" i="5"/>
  <c r="Q3248" i="5"/>
  <c r="Q3249" i="5"/>
  <c r="Q3250" i="5"/>
  <c r="Q3251" i="5"/>
  <c r="Q3252" i="5"/>
  <c r="Q3253" i="5"/>
  <c r="Q3254" i="5"/>
  <c r="Q3255" i="5"/>
  <c r="Q3256" i="5"/>
  <c r="Q3257" i="5"/>
  <c r="Q3258" i="5"/>
  <c r="Q3259" i="5"/>
  <c r="Q3260" i="5"/>
  <c r="Q3261" i="5"/>
  <c r="Q3262" i="5"/>
  <c r="Q3263" i="5"/>
  <c r="Q3264" i="5"/>
  <c r="Q3265" i="5"/>
  <c r="Q3266" i="5"/>
  <c r="Q3267" i="5"/>
  <c r="Q3268" i="5"/>
  <c r="Q3269" i="5"/>
  <c r="Q3270" i="5"/>
  <c r="Q3271" i="5"/>
  <c r="Q3272" i="5"/>
  <c r="Q3273" i="5"/>
  <c r="Q3274" i="5"/>
  <c r="Q3275" i="5"/>
  <c r="Q3276" i="5"/>
  <c r="Q3277" i="5"/>
  <c r="Q3278" i="5"/>
  <c r="Q3279" i="5"/>
  <c r="Q3280" i="5"/>
  <c r="Q3281" i="5"/>
  <c r="Q3282" i="5"/>
  <c r="Q3283" i="5"/>
  <c r="Q3284" i="5"/>
  <c r="Q3285" i="5"/>
  <c r="Q3286" i="5"/>
  <c r="Q3287" i="5"/>
  <c r="Q3288" i="5"/>
  <c r="Q3289" i="5"/>
  <c r="Q3290" i="5"/>
  <c r="Q3291" i="5"/>
  <c r="Q3292" i="5"/>
  <c r="Q3293" i="5"/>
  <c r="Q3294" i="5"/>
  <c r="Q3295" i="5"/>
  <c r="Q3296" i="5"/>
  <c r="Q3297" i="5"/>
  <c r="Q3298" i="5"/>
  <c r="Q3299" i="5"/>
  <c r="Q3300" i="5"/>
  <c r="Q3301" i="5"/>
  <c r="Q3302" i="5"/>
  <c r="Q3303" i="5"/>
  <c r="Q3304" i="5"/>
  <c r="Q3305" i="5"/>
  <c r="Q3306" i="5"/>
  <c r="Q3307" i="5"/>
  <c r="Q3308" i="5"/>
  <c r="Q3309" i="5"/>
  <c r="Q3310" i="5"/>
  <c r="Q3311" i="5"/>
  <c r="Q3312" i="5"/>
  <c r="Q3313" i="5"/>
  <c r="Q3314" i="5"/>
  <c r="Q3315" i="5"/>
  <c r="Q3316" i="5"/>
  <c r="Q3317" i="5"/>
  <c r="Q3318" i="5"/>
  <c r="Q3319" i="5"/>
  <c r="Q3320" i="5"/>
  <c r="Q3321" i="5"/>
  <c r="Q3322" i="5"/>
  <c r="Q3323" i="5"/>
  <c r="Q3324" i="5"/>
  <c r="Q3325" i="5"/>
  <c r="Q3326" i="5"/>
  <c r="Q3327" i="5"/>
  <c r="Q3328" i="5"/>
  <c r="Q3329" i="5"/>
  <c r="Q3330" i="5"/>
  <c r="Q3331" i="5"/>
  <c r="Q3332" i="5"/>
  <c r="Q3333" i="5"/>
  <c r="Q3334" i="5"/>
  <c r="Q3335" i="5"/>
  <c r="Q3336" i="5"/>
  <c r="Q3337" i="5"/>
  <c r="Q3338" i="5"/>
  <c r="Q3339" i="5"/>
  <c r="Q3340" i="5"/>
  <c r="Q3341" i="5"/>
  <c r="Q3342" i="5"/>
  <c r="Q3343" i="5"/>
  <c r="Q3344" i="5"/>
  <c r="Q3345" i="5"/>
  <c r="Q3346" i="5"/>
  <c r="Q3347" i="5"/>
  <c r="Q3348" i="5"/>
  <c r="Q3349" i="5"/>
  <c r="Q3350" i="5"/>
  <c r="Q3351" i="5"/>
  <c r="Q3352" i="5"/>
  <c r="Q3353" i="5"/>
  <c r="Q3354" i="5"/>
  <c r="Q3355" i="5"/>
  <c r="Q3356" i="5"/>
  <c r="Q3357" i="5"/>
  <c r="Q3358" i="5"/>
  <c r="Q3359" i="5"/>
  <c r="Q3360" i="5"/>
  <c r="Q3361" i="5"/>
  <c r="Q3362" i="5"/>
  <c r="Q3363" i="5"/>
  <c r="Q3364" i="5"/>
  <c r="Q3365" i="5"/>
  <c r="Q3366" i="5"/>
  <c r="Q3367" i="5"/>
  <c r="Q3368" i="5"/>
  <c r="Q3369" i="5"/>
  <c r="Q3370" i="5"/>
  <c r="Q3371" i="5"/>
  <c r="Q3372" i="5"/>
  <c r="Q3373" i="5"/>
  <c r="Q3374" i="5"/>
  <c r="Q3375" i="5"/>
  <c r="Q3376" i="5"/>
  <c r="Q3377" i="5"/>
  <c r="Q3378" i="5"/>
  <c r="Q3379" i="5"/>
  <c r="Q3380" i="5"/>
  <c r="Q3381" i="5"/>
  <c r="Q3382" i="5"/>
  <c r="Q3383" i="5"/>
  <c r="Q3384" i="5"/>
  <c r="Q3385" i="5"/>
  <c r="Q3386" i="5"/>
  <c r="Q3387" i="5"/>
  <c r="Q3388" i="5"/>
  <c r="Q3389" i="5"/>
  <c r="Q3390" i="5"/>
  <c r="Q3391" i="5"/>
  <c r="Q3392" i="5"/>
  <c r="Q3393" i="5"/>
  <c r="Q3394" i="5"/>
  <c r="Q3395" i="5"/>
  <c r="Q3396" i="5"/>
  <c r="Q3397" i="5"/>
  <c r="Q3398" i="5"/>
  <c r="Q3399" i="5"/>
  <c r="Q3400" i="5"/>
  <c r="Q3401" i="5"/>
  <c r="Q3402" i="5"/>
  <c r="Q3403" i="5"/>
  <c r="Q3404" i="5"/>
  <c r="Q3405" i="5"/>
  <c r="Q3406" i="5"/>
  <c r="Q3407" i="5"/>
  <c r="Q3408" i="5"/>
  <c r="Q3409" i="5"/>
  <c r="Q3410" i="5"/>
  <c r="Q3411" i="5"/>
  <c r="Q3412" i="5"/>
  <c r="Q3413" i="5"/>
  <c r="Q3414" i="5"/>
  <c r="Q3415" i="5"/>
  <c r="Q3416" i="5"/>
  <c r="Q3417" i="5"/>
  <c r="Q3418" i="5"/>
  <c r="Q3419" i="5"/>
  <c r="Q3420" i="5"/>
  <c r="Q3421" i="5"/>
  <c r="Q3422" i="5"/>
  <c r="Q3423" i="5"/>
  <c r="Q3424" i="5"/>
  <c r="Q3425" i="5"/>
  <c r="Q3426" i="5"/>
  <c r="Q3427" i="5"/>
  <c r="Q3428" i="5"/>
  <c r="Q3429" i="5"/>
  <c r="Q3430" i="5"/>
  <c r="Q3431" i="5"/>
  <c r="Q3432" i="5"/>
  <c r="Q3433" i="5"/>
  <c r="Q3434" i="5"/>
  <c r="Q3435" i="5"/>
  <c r="Q3436" i="5"/>
  <c r="Q3437" i="5"/>
  <c r="Q3438" i="5"/>
  <c r="Q3439" i="5"/>
  <c r="Q3440" i="5"/>
  <c r="Q3441" i="5"/>
  <c r="Q3442" i="5"/>
  <c r="Q3443" i="5"/>
  <c r="Q3444" i="5"/>
  <c r="Q3445" i="5"/>
  <c r="Q3446" i="5"/>
  <c r="Q3447" i="5"/>
  <c r="Q3448" i="5"/>
  <c r="Q3449" i="5"/>
  <c r="Q3450" i="5"/>
  <c r="Q3451" i="5"/>
  <c r="Q3452" i="5"/>
  <c r="Q3453" i="5"/>
  <c r="Q3454" i="5"/>
  <c r="Q3455" i="5"/>
  <c r="Q3456" i="5"/>
  <c r="Q3457" i="5"/>
  <c r="Q3458" i="5"/>
  <c r="Q3459" i="5"/>
  <c r="Q3460" i="5"/>
  <c r="Q3461" i="5"/>
  <c r="Q3462" i="5"/>
  <c r="Q3463" i="5"/>
  <c r="Q3464" i="5"/>
  <c r="Q3465" i="5"/>
  <c r="Q3466" i="5"/>
  <c r="Q3467" i="5"/>
  <c r="Q3468" i="5"/>
  <c r="Q3469" i="5"/>
  <c r="Q3470" i="5"/>
  <c r="Q3471" i="5"/>
  <c r="Q3472" i="5"/>
  <c r="Q3473" i="5"/>
  <c r="Q3474" i="5"/>
  <c r="Q3475" i="5"/>
  <c r="Q3476" i="5"/>
  <c r="Q3477" i="5"/>
  <c r="Q3478" i="5"/>
  <c r="Q3479" i="5"/>
  <c r="Q3480" i="5"/>
  <c r="Q3481" i="5"/>
  <c r="Q3482" i="5"/>
  <c r="Q3483" i="5"/>
  <c r="Q3484" i="5"/>
  <c r="Q3485" i="5"/>
  <c r="Q3486" i="5"/>
  <c r="Q3487" i="5"/>
  <c r="Q3488" i="5"/>
  <c r="Q3489" i="5"/>
  <c r="Q3490" i="5"/>
  <c r="Q3491" i="5"/>
  <c r="Q3492" i="5"/>
  <c r="Q3493" i="5"/>
  <c r="Q3494" i="5"/>
  <c r="Q3495" i="5"/>
  <c r="Q3496" i="5"/>
  <c r="Q3497" i="5"/>
  <c r="Q3498" i="5"/>
  <c r="Q3499" i="5"/>
  <c r="Q3500" i="5"/>
  <c r="Q3501" i="5"/>
  <c r="Q3502" i="5"/>
  <c r="Q3503" i="5"/>
  <c r="Q3504" i="5"/>
  <c r="Q3505" i="5"/>
  <c r="Q3506" i="5"/>
  <c r="Q3507" i="5"/>
  <c r="Q3508" i="5"/>
  <c r="Q3509" i="5"/>
  <c r="Q3510" i="5"/>
  <c r="Q3511" i="5"/>
  <c r="Q3512" i="5"/>
  <c r="Q3513" i="5"/>
  <c r="Q3514" i="5"/>
  <c r="Q3515" i="5"/>
  <c r="Q3516" i="5"/>
  <c r="Q3517" i="5"/>
  <c r="Q3518" i="5"/>
  <c r="Q3519" i="5"/>
  <c r="Q3520" i="5"/>
  <c r="Q3521" i="5"/>
  <c r="Q3522" i="5"/>
  <c r="Q3523" i="5"/>
  <c r="Q3524" i="5"/>
  <c r="Q3525" i="5"/>
  <c r="Q3526" i="5"/>
  <c r="Q3527" i="5"/>
  <c r="Q3528" i="5"/>
  <c r="Q3529" i="5"/>
  <c r="Q3530" i="5"/>
  <c r="Q3531" i="5"/>
  <c r="Q3532" i="5"/>
  <c r="Q3533" i="5"/>
  <c r="Q3534" i="5"/>
  <c r="Q3535" i="5"/>
  <c r="Q3536" i="5"/>
  <c r="Q3537" i="5"/>
  <c r="Q3538" i="5"/>
  <c r="Q3539" i="5"/>
  <c r="Q3540" i="5"/>
  <c r="Q3541" i="5"/>
  <c r="Q3542" i="5"/>
  <c r="Q3543" i="5"/>
  <c r="Q3544" i="5"/>
  <c r="Q3545" i="5"/>
  <c r="Q3546" i="5"/>
  <c r="Q3547" i="5"/>
  <c r="Q3548" i="5"/>
  <c r="Q3549" i="5"/>
  <c r="Q3550" i="5"/>
  <c r="Q3551" i="5"/>
  <c r="Q3552" i="5"/>
  <c r="Q3553" i="5"/>
  <c r="Q3554" i="5"/>
  <c r="Q3555" i="5"/>
  <c r="Q3556" i="5"/>
  <c r="Q3557" i="5"/>
  <c r="Q3558" i="5"/>
  <c r="Q3559" i="5"/>
  <c r="Q3560" i="5"/>
  <c r="Q3561" i="5"/>
  <c r="Q3562" i="5"/>
  <c r="Q3563" i="5"/>
  <c r="Q3564" i="5"/>
  <c r="Q3565" i="5"/>
  <c r="Q3566" i="5"/>
  <c r="Q3567" i="5"/>
  <c r="Q3568" i="5"/>
  <c r="Q3569" i="5"/>
  <c r="Q3570" i="5"/>
  <c r="Q3571" i="5"/>
  <c r="Q3572" i="5"/>
  <c r="Q3573" i="5"/>
  <c r="Q3574" i="5"/>
  <c r="Q3575" i="5"/>
  <c r="Q3576" i="5"/>
  <c r="Q3577" i="5"/>
  <c r="Q3578" i="5"/>
  <c r="Q3579" i="5"/>
  <c r="Q3580" i="5"/>
  <c r="Q3581" i="5"/>
  <c r="Q3582" i="5"/>
  <c r="Q3583" i="5"/>
  <c r="Q3584" i="5"/>
  <c r="Q3585" i="5"/>
  <c r="Q3586" i="5"/>
  <c r="Q3587" i="5"/>
  <c r="Q3588" i="5"/>
  <c r="Q3589" i="5"/>
  <c r="Q3590" i="5"/>
  <c r="Q3591" i="5"/>
  <c r="Q3592" i="5"/>
  <c r="Q3593" i="5"/>
  <c r="Q3594" i="5"/>
  <c r="Q3595" i="5"/>
  <c r="Q3596" i="5"/>
  <c r="Q3597" i="5"/>
  <c r="Q3598" i="5"/>
  <c r="Q3599" i="5"/>
  <c r="Q3600" i="5"/>
  <c r="Q3601" i="5"/>
  <c r="Q3602" i="5"/>
  <c r="Q3603" i="5"/>
  <c r="Q3604" i="5"/>
  <c r="Q3605" i="5"/>
  <c r="Q3606" i="5"/>
  <c r="Q3607" i="5"/>
  <c r="Q3608" i="5"/>
  <c r="Q3609" i="5"/>
  <c r="Q3610" i="5"/>
  <c r="Q3611" i="5"/>
  <c r="Q3612" i="5"/>
  <c r="Q3613" i="5"/>
  <c r="Q3614" i="5"/>
  <c r="Q3615" i="5"/>
  <c r="Q3616" i="5"/>
  <c r="Q3617" i="5"/>
  <c r="Q3618" i="5"/>
  <c r="Q3619" i="5"/>
  <c r="Q3620" i="5"/>
  <c r="Q3621" i="5"/>
  <c r="Q3622" i="5"/>
  <c r="Q3623" i="5"/>
  <c r="Q3624" i="5"/>
  <c r="Q3625" i="5"/>
  <c r="Q3626" i="5"/>
  <c r="Q3627" i="5"/>
  <c r="Q3628" i="5"/>
  <c r="Q3629" i="5"/>
  <c r="Q3630" i="5"/>
  <c r="Q3631" i="5"/>
  <c r="Q3632" i="5"/>
  <c r="Q3633" i="5"/>
  <c r="Q3634" i="5"/>
  <c r="Q3635" i="5"/>
  <c r="Q3636" i="5"/>
  <c r="Q3637" i="5"/>
  <c r="Q3638" i="5"/>
  <c r="Q3639" i="5"/>
  <c r="Q3640" i="5"/>
  <c r="Q3641" i="5"/>
  <c r="Q3642" i="5"/>
  <c r="Q3643" i="5"/>
  <c r="Q3644" i="5"/>
  <c r="Q3645" i="5"/>
  <c r="Q3646" i="5"/>
  <c r="Q3647" i="5"/>
  <c r="Q3648" i="5"/>
  <c r="Q3649" i="5"/>
  <c r="Q3650" i="5"/>
  <c r="Q3651" i="5"/>
  <c r="Q3652" i="5"/>
  <c r="Q3653" i="5"/>
  <c r="Q3654" i="5"/>
  <c r="Q3655" i="5"/>
  <c r="Q3656" i="5"/>
  <c r="Q3657" i="5"/>
  <c r="Q3658" i="5"/>
  <c r="Q3659" i="5"/>
  <c r="Q3660" i="5"/>
  <c r="Q3661" i="5"/>
  <c r="Q3662" i="5"/>
  <c r="Q3663" i="5"/>
  <c r="Q3664" i="5"/>
  <c r="Q3665" i="5"/>
  <c r="Q3666" i="5"/>
  <c r="Q3667" i="5"/>
  <c r="Q3668" i="5"/>
  <c r="Q3669" i="5"/>
  <c r="Q3670" i="5"/>
  <c r="Q3671" i="5"/>
  <c r="Q3672" i="5"/>
  <c r="Q3673" i="5"/>
  <c r="Q3674" i="5"/>
  <c r="Q3675" i="5"/>
  <c r="Q3676" i="5"/>
  <c r="Q3677" i="5"/>
  <c r="Q3678" i="5"/>
  <c r="Q3679" i="5"/>
  <c r="Q3680" i="5"/>
  <c r="Q3681" i="5"/>
  <c r="Q3682" i="5"/>
  <c r="Q3683" i="5"/>
  <c r="Q3684" i="5"/>
  <c r="Q3685" i="5"/>
  <c r="Q3686" i="5"/>
  <c r="Q3687" i="5"/>
  <c r="Q3688" i="5"/>
  <c r="Q3689" i="5"/>
  <c r="Q3690" i="5"/>
  <c r="Q3691" i="5"/>
  <c r="Q3692" i="5"/>
  <c r="Q3693" i="5"/>
  <c r="Q3694" i="5"/>
  <c r="Q3695" i="5"/>
  <c r="Q3696" i="5"/>
  <c r="Q3697" i="5"/>
  <c r="Q3698" i="5"/>
  <c r="Q3699" i="5"/>
  <c r="Q3700" i="5"/>
  <c r="Q3701" i="5"/>
  <c r="Q3702" i="5"/>
  <c r="Q3703" i="5"/>
  <c r="Q3704" i="5"/>
  <c r="Q3705" i="5"/>
  <c r="Q3706" i="5"/>
  <c r="Q3707" i="5"/>
  <c r="Q3708" i="5"/>
  <c r="Q3709" i="5"/>
  <c r="Q3710" i="5"/>
  <c r="Q3711" i="5"/>
  <c r="Q3712" i="5"/>
  <c r="Q3713" i="5"/>
  <c r="Q3714" i="5"/>
  <c r="Q3715" i="5"/>
  <c r="Q3716" i="5"/>
  <c r="Q3717" i="5"/>
  <c r="Q3718" i="5"/>
  <c r="Q3719" i="5"/>
  <c r="Q3720" i="5"/>
  <c r="Q3721" i="5"/>
  <c r="Q3722" i="5"/>
  <c r="Q3723" i="5"/>
  <c r="Q3724" i="5"/>
  <c r="Q3725" i="5"/>
  <c r="Q3726" i="5"/>
  <c r="Q3727" i="5"/>
  <c r="Q3728" i="5"/>
  <c r="Q3729" i="5"/>
  <c r="Q3730" i="5"/>
  <c r="Q3731" i="5"/>
  <c r="Q3732" i="5"/>
  <c r="Q3733" i="5"/>
  <c r="Q3734" i="5"/>
  <c r="Q3735" i="5"/>
  <c r="Q3736" i="5"/>
  <c r="Q3737" i="5"/>
  <c r="Q3738" i="5"/>
  <c r="Q3739" i="5"/>
  <c r="Q3740" i="5"/>
  <c r="Q3741" i="5"/>
  <c r="Q3742" i="5"/>
  <c r="Q3743" i="5"/>
  <c r="Q3744" i="5"/>
  <c r="Q3745" i="5"/>
  <c r="Q3746" i="5"/>
  <c r="Q3747" i="5"/>
  <c r="Q3748" i="5"/>
  <c r="Q3749" i="5"/>
  <c r="Q3750" i="5"/>
  <c r="Q3751" i="5"/>
  <c r="Q3752" i="5"/>
  <c r="Q3753" i="5"/>
  <c r="Q3754" i="5"/>
  <c r="Q3755" i="5"/>
  <c r="Q3756" i="5"/>
  <c r="Q3757" i="5"/>
  <c r="Q3758" i="5"/>
  <c r="Q3759" i="5"/>
  <c r="Q3760" i="5"/>
  <c r="Q3761" i="5"/>
  <c r="Q3762" i="5"/>
  <c r="Q3763" i="5"/>
  <c r="Q3764" i="5"/>
  <c r="Q3765" i="5"/>
  <c r="Q3766" i="5"/>
  <c r="Q3767" i="5"/>
  <c r="Q3768" i="5"/>
  <c r="Q3769" i="5"/>
  <c r="Q3770" i="5"/>
  <c r="Q3771" i="5"/>
  <c r="Q3772" i="5"/>
  <c r="Q3773" i="5"/>
  <c r="Q3774" i="5"/>
  <c r="Q3775" i="5"/>
  <c r="Q3776" i="5"/>
  <c r="Q3777" i="5"/>
  <c r="Q3778" i="5"/>
  <c r="Q3779" i="5"/>
  <c r="Q3780" i="5"/>
  <c r="Q3781" i="5"/>
  <c r="Q3782" i="5"/>
  <c r="Q3783" i="5"/>
  <c r="Q3784" i="5"/>
  <c r="Q3785" i="5"/>
  <c r="Q3786" i="5"/>
  <c r="Q3787" i="5"/>
  <c r="Q3788" i="5"/>
  <c r="Q3789" i="5"/>
  <c r="Q3790" i="5"/>
  <c r="Q3791" i="5"/>
  <c r="Q3792" i="5"/>
  <c r="Q3793" i="5"/>
  <c r="Q3794" i="5"/>
  <c r="Q3795" i="5"/>
  <c r="Q3796" i="5"/>
  <c r="Q3797" i="5"/>
  <c r="Q3798" i="5"/>
  <c r="Q3799" i="5"/>
  <c r="Q3800" i="5"/>
  <c r="Q3801" i="5"/>
  <c r="Q3802" i="5"/>
  <c r="Q3803" i="5"/>
  <c r="Q3804" i="5"/>
  <c r="Q3805" i="5"/>
  <c r="Q3806" i="5"/>
  <c r="Q3807" i="5"/>
  <c r="Q3808" i="5"/>
  <c r="Q3809" i="5"/>
  <c r="Q3810" i="5"/>
  <c r="Q3811" i="5"/>
  <c r="Q3812" i="5"/>
  <c r="Q3813" i="5"/>
  <c r="Q3814" i="5"/>
  <c r="Q3815" i="5"/>
  <c r="Q3816" i="5"/>
  <c r="Q3817" i="5"/>
  <c r="Q3818" i="5"/>
  <c r="Q3819" i="5"/>
  <c r="Q3820" i="5"/>
  <c r="Q3821" i="5"/>
  <c r="Q3822" i="5"/>
  <c r="Q3823" i="5"/>
  <c r="Q3824" i="5"/>
  <c r="Q3825" i="5"/>
  <c r="Q3826" i="5"/>
  <c r="Q3827" i="5"/>
  <c r="Q3828" i="5"/>
  <c r="Q3829" i="5"/>
  <c r="Q3830" i="5"/>
  <c r="Q3831" i="5"/>
  <c r="Q3832" i="5"/>
  <c r="Q3833" i="5"/>
  <c r="Q3834" i="5"/>
  <c r="Q3835" i="5"/>
  <c r="Q3836" i="5"/>
  <c r="Q3837" i="5"/>
  <c r="Q3838" i="5"/>
  <c r="Q3839" i="5"/>
  <c r="Q3840" i="5"/>
  <c r="Q3841" i="5"/>
  <c r="Q3842" i="5"/>
  <c r="Q3843" i="5"/>
  <c r="Q3844" i="5"/>
  <c r="Q3845" i="5"/>
  <c r="Q3846" i="5"/>
  <c r="Q3847" i="5"/>
  <c r="Q3848" i="5"/>
  <c r="Q3849" i="5"/>
  <c r="Q3850" i="5"/>
  <c r="Q3851" i="5"/>
  <c r="Q3852" i="5"/>
  <c r="Q3853" i="5"/>
  <c r="Q3854" i="5"/>
  <c r="Q3855" i="5"/>
  <c r="Q3856" i="5"/>
  <c r="Q3857" i="5"/>
  <c r="Q3858" i="5"/>
  <c r="Q3859" i="5"/>
  <c r="Q3860" i="5"/>
  <c r="Q3861" i="5"/>
  <c r="Q3862" i="5"/>
  <c r="Q3863" i="5"/>
  <c r="Q3864" i="5"/>
  <c r="Q3865" i="5"/>
  <c r="Q3866" i="5"/>
  <c r="Q3867" i="5"/>
  <c r="Q3868" i="5"/>
  <c r="Q3869" i="5"/>
  <c r="Q3870" i="5"/>
  <c r="Q3871" i="5"/>
  <c r="Q3872" i="5"/>
  <c r="Q3873" i="5"/>
  <c r="Q3874" i="5"/>
  <c r="Q3875" i="5"/>
  <c r="Q3876" i="5"/>
  <c r="Q3877" i="5"/>
  <c r="Q3878" i="5"/>
  <c r="Q3879" i="5"/>
  <c r="Q3880" i="5"/>
  <c r="Q3881" i="5"/>
  <c r="Q3882" i="5"/>
  <c r="Q3883" i="5"/>
  <c r="Q3884" i="5"/>
  <c r="Q3885" i="5"/>
  <c r="Q3886" i="5"/>
  <c r="Q3887" i="5"/>
  <c r="Q3888" i="5"/>
  <c r="Q3889" i="5"/>
  <c r="Q3890" i="5"/>
  <c r="Q3891" i="5"/>
  <c r="Q3892" i="5"/>
  <c r="Q3893" i="5"/>
  <c r="Q3894" i="5"/>
  <c r="Q3895" i="5"/>
  <c r="Q3896" i="5"/>
  <c r="Q3897" i="5"/>
  <c r="Q3898" i="5"/>
  <c r="Q3899" i="5"/>
  <c r="Q3900" i="5"/>
  <c r="Q3901" i="5"/>
  <c r="Q3902" i="5"/>
  <c r="Q3903" i="5"/>
  <c r="Q3904" i="5"/>
  <c r="Q3905" i="5"/>
  <c r="Q3906" i="5"/>
  <c r="Q3907" i="5"/>
  <c r="Q3908" i="5"/>
  <c r="Q3909" i="5"/>
  <c r="Q3910" i="5"/>
  <c r="Q3911" i="5"/>
  <c r="Q3912" i="5"/>
  <c r="Q3913" i="5"/>
  <c r="Q3914" i="5"/>
  <c r="Q3915" i="5"/>
  <c r="Q3916" i="5"/>
  <c r="Q3917" i="5"/>
  <c r="Q3918" i="5"/>
  <c r="Q3919" i="5"/>
  <c r="Q3920" i="5"/>
  <c r="Q3921" i="5"/>
  <c r="Q3922" i="5"/>
  <c r="Q3923" i="5"/>
  <c r="Q3924" i="5"/>
  <c r="Q3925" i="5"/>
  <c r="Q3926" i="5"/>
  <c r="Q3927" i="5"/>
  <c r="Q3928" i="5"/>
  <c r="Q3929" i="5"/>
  <c r="Q3930" i="5"/>
  <c r="Q3931" i="5"/>
  <c r="Q3932" i="5"/>
  <c r="Q3933" i="5"/>
  <c r="Q3934" i="5"/>
  <c r="Q3935" i="5"/>
  <c r="Q3936" i="5"/>
  <c r="Q3937" i="5"/>
  <c r="Q3938" i="5"/>
  <c r="Q3939" i="5"/>
  <c r="Q3940" i="5"/>
  <c r="Q3941" i="5"/>
  <c r="Q3942" i="5"/>
  <c r="Q3943" i="5"/>
  <c r="Q3944" i="5"/>
  <c r="Q3945" i="5"/>
  <c r="Q3946" i="5"/>
  <c r="Q3947" i="5"/>
  <c r="Q3948" i="5"/>
  <c r="Q3949" i="5"/>
  <c r="Q3950" i="5"/>
  <c r="Q3951" i="5"/>
  <c r="Q3952" i="5"/>
  <c r="Q3953" i="5"/>
  <c r="Q3954" i="5"/>
  <c r="Q3955" i="5"/>
  <c r="Q3956" i="5"/>
  <c r="Q3957" i="5"/>
  <c r="Q3958" i="5"/>
  <c r="Q3959" i="5"/>
  <c r="Q3960" i="5"/>
  <c r="Q3961" i="5"/>
  <c r="Q3962" i="5"/>
  <c r="Q3963" i="5"/>
  <c r="Q3964" i="5"/>
  <c r="Q3965" i="5"/>
  <c r="Q3966" i="5"/>
  <c r="Q3967" i="5"/>
  <c r="Q3968" i="5"/>
  <c r="Q3969" i="5"/>
  <c r="Q3970" i="5"/>
  <c r="Q3971" i="5"/>
  <c r="Q3972" i="5"/>
  <c r="Q3973" i="5"/>
  <c r="Q3974" i="5"/>
  <c r="Q3975" i="5"/>
  <c r="Q3976" i="5"/>
  <c r="Q3977" i="5"/>
  <c r="Q3978" i="5"/>
  <c r="Q3979" i="5"/>
  <c r="Q3980" i="5"/>
  <c r="Q3981" i="5"/>
  <c r="Q3982" i="5"/>
  <c r="Q3983" i="5"/>
  <c r="Q3984" i="5"/>
  <c r="Q3985" i="5"/>
  <c r="Q3986" i="5"/>
  <c r="Q3987" i="5"/>
  <c r="Q3988" i="5"/>
  <c r="Q3989" i="5"/>
  <c r="Q3990" i="5"/>
  <c r="Q3991" i="5"/>
  <c r="Q3992" i="5"/>
  <c r="Q3993" i="5"/>
  <c r="Q3994" i="5"/>
  <c r="Q3995" i="5"/>
  <c r="Q3996" i="5"/>
  <c r="Q3997" i="5"/>
  <c r="Q3998" i="5"/>
  <c r="Q3999" i="5"/>
  <c r="Q4000" i="5"/>
  <c r="Q4001" i="5"/>
  <c r="Q4002" i="5"/>
  <c r="Q4003" i="5"/>
  <c r="Q4004" i="5"/>
  <c r="Q4005" i="5"/>
  <c r="Q4006" i="5"/>
  <c r="Q4007" i="5"/>
  <c r="Q4008" i="5"/>
  <c r="Q4009" i="5"/>
  <c r="Q4010" i="5"/>
  <c r="Q4011" i="5"/>
  <c r="Q4012" i="5"/>
  <c r="Q4013" i="5"/>
  <c r="Q4014" i="5"/>
  <c r="Q4015" i="5"/>
  <c r="Q4016" i="5"/>
  <c r="Q4017" i="5"/>
  <c r="Q4018" i="5"/>
  <c r="Q4019" i="5"/>
  <c r="Q4020" i="5"/>
  <c r="Q4021" i="5"/>
  <c r="Q4022" i="5"/>
  <c r="Q4023" i="5"/>
  <c r="Q4024" i="5"/>
  <c r="Q4025" i="5"/>
  <c r="Q4026" i="5"/>
  <c r="Q4027" i="5"/>
  <c r="Q4028" i="5"/>
  <c r="Q4029" i="5"/>
  <c r="Q4030" i="5"/>
  <c r="Q4031" i="5"/>
  <c r="Q4032" i="5"/>
  <c r="Q4033" i="5"/>
  <c r="Q4034" i="5"/>
  <c r="Q4035" i="5"/>
  <c r="Q4036" i="5"/>
  <c r="Q4037" i="5"/>
  <c r="Q4038" i="5"/>
  <c r="Q4039" i="5"/>
  <c r="Q4040" i="5"/>
  <c r="Q4041" i="5"/>
  <c r="Q4042" i="5"/>
  <c r="Q4043" i="5"/>
  <c r="Q4044" i="5"/>
  <c r="Q4045" i="5"/>
  <c r="Q4046" i="5"/>
  <c r="Q4047" i="5"/>
  <c r="Q4048" i="5"/>
  <c r="Q4049" i="5"/>
  <c r="Q4050" i="5"/>
  <c r="Q4051" i="5"/>
  <c r="Q4052" i="5"/>
  <c r="Q4053" i="5"/>
  <c r="Q4054" i="5"/>
  <c r="Q4055" i="5"/>
  <c r="Q4056" i="5"/>
  <c r="Q4057" i="5"/>
  <c r="Q4058" i="5"/>
  <c r="Q4059" i="5"/>
  <c r="Q4060" i="5"/>
  <c r="Q4061" i="5"/>
  <c r="Q4062" i="5"/>
  <c r="Q4063" i="5"/>
  <c r="Q4064" i="5"/>
  <c r="Q4065" i="5"/>
  <c r="Q4066" i="5"/>
  <c r="Q4067" i="5"/>
  <c r="Q4068" i="5"/>
  <c r="Q4069" i="5"/>
  <c r="Q4070" i="5"/>
  <c r="Q4071" i="5"/>
  <c r="Q4072" i="5"/>
  <c r="Q4073" i="5"/>
  <c r="Q4074" i="5"/>
  <c r="Q4075" i="5"/>
  <c r="Q4076" i="5"/>
  <c r="Q4077" i="5"/>
  <c r="Q4078" i="5"/>
  <c r="Q4079" i="5"/>
  <c r="Q4080" i="5"/>
  <c r="Q4081" i="5"/>
  <c r="Q4082" i="5"/>
  <c r="Q4083" i="5"/>
  <c r="Q4084" i="5"/>
  <c r="Q4085" i="5"/>
  <c r="Q4086" i="5"/>
  <c r="Q4087" i="5"/>
  <c r="Q4088" i="5"/>
  <c r="Q4089" i="5"/>
  <c r="Q4090" i="5"/>
  <c r="Q4091" i="5"/>
  <c r="Q4092" i="5"/>
  <c r="Q4093" i="5"/>
  <c r="Q4094" i="5"/>
  <c r="Q4095" i="5"/>
  <c r="Q4096" i="5"/>
  <c r="Q4097" i="5"/>
  <c r="Q4098" i="5"/>
  <c r="Q4099" i="5"/>
  <c r="Q4100" i="5"/>
  <c r="Q4101" i="5"/>
  <c r="Q4102" i="5"/>
  <c r="Q4103" i="5"/>
  <c r="Q4104" i="5"/>
  <c r="Q4105" i="5"/>
  <c r="Q4106" i="5"/>
  <c r="Q4107" i="5"/>
  <c r="Q4108" i="5"/>
  <c r="Q4109" i="5"/>
  <c r="Q4110" i="5"/>
  <c r="Q4111" i="5"/>
  <c r="Q4112" i="5"/>
  <c r="Q4113" i="5"/>
  <c r="Q4114" i="5"/>
  <c r="Q4115" i="5"/>
  <c r="Q4116" i="5"/>
  <c r="Q4117" i="5"/>
  <c r="Q4118" i="5"/>
  <c r="Q4119" i="5"/>
  <c r="Q4120" i="5"/>
  <c r="Q4121" i="5"/>
  <c r="Q4122" i="5"/>
  <c r="Q4123" i="5"/>
  <c r="Q4124" i="5"/>
  <c r="Q4125" i="5"/>
  <c r="Q4126" i="5"/>
  <c r="Q4127" i="5"/>
  <c r="Q4128" i="5"/>
  <c r="Q4129" i="5"/>
  <c r="Q4130" i="5"/>
  <c r="Q4131" i="5"/>
  <c r="Q4132" i="5"/>
  <c r="Q4133" i="5"/>
  <c r="Q4134" i="5"/>
  <c r="Q4135" i="5"/>
  <c r="Q4136" i="5"/>
  <c r="Q4137" i="5"/>
  <c r="Q4138" i="5"/>
  <c r="Q4139" i="5"/>
  <c r="Q4140" i="5"/>
  <c r="Q4141" i="5"/>
  <c r="Q4142" i="5"/>
  <c r="Q4143" i="5"/>
  <c r="Q4144" i="5"/>
  <c r="Q4145" i="5"/>
  <c r="Q4146" i="5"/>
  <c r="Q4147" i="5"/>
  <c r="Q4148" i="5"/>
  <c r="Q4149" i="5"/>
  <c r="Q4150" i="5"/>
  <c r="Q4151" i="5"/>
  <c r="Q4152" i="5"/>
  <c r="Q4153" i="5"/>
  <c r="Q4154" i="5"/>
  <c r="Q4155" i="5"/>
  <c r="Q4156" i="5"/>
  <c r="Q4157" i="5"/>
  <c r="Q4158" i="5"/>
  <c r="Q4159" i="5"/>
  <c r="Q4160" i="5"/>
  <c r="Q4161" i="5"/>
  <c r="Q4162" i="5"/>
  <c r="Q4163" i="5"/>
  <c r="Q4164" i="5"/>
  <c r="Q4165" i="5"/>
  <c r="Q4166" i="5"/>
  <c r="Q4167" i="5"/>
  <c r="Q4168" i="5"/>
  <c r="Q4169" i="5"/>
  <c r="Q4170" i="5"/>
  <c r="Q4171" i="5"/>
  <c r="Q4172" i="5"/>
  <c r="Q4173" i="5"/>
  <c r="Q4174" i="5"/>
  <c r="Q4175" i="5"/>
  <c r="Q4176" i="5"/>
  <c r="Q4177" i="5"/>
  <c r="Q4178" i="5"/>
  <c r="Q4179" i="5"/>
  <c r="Q4180" i="5"/>
  <c r="Q4181" i="5"/>
  <c r="Q4182" i="5"/>
  <c r="Q4183" i="5"/>
  <c r="Q4184" i="5"/>
  <c r="Q4185" i="5"/>
  <c r="Q4186" i="5"/>
  <c r="Q4187" i="5"/>
  <c r="Q4188" i="5"/>
  <c r="Q4189" i="5"/>
  <c r="Q4190" i="5"/>
  <c r="Q4191" i="5"/>
  <c r="Q4192" i="5"/>
  <c r="Q4193" i="5"/>
  <c r="Q4194" i="5"/>
  <c r="Q4195" i="5"/>
  <c r="Q4196" i="5"/>
  <c r="Q4197" i="5"/>
  <c r="Q4198" i="5"/>
  <c r="Q4199" i="5"/>
  <c r="Q4200" i="5"/>
  <c r="Q4201" i="5"/>
  <c r="Q4202" i="5"/>
  <c r="Q4203" i="5"/>
  <c r="Q4204" i="5"/>
  <c r="Q4205" i="5"/>
  <c r="Q4206" i="5"/>
  <c r="Q4207" i="5"/>
  <c r="Q4208" i="5"/>
  <c r="Q4209" i="5"/>
  <c r="Q4210" i="5"/>
  <c r="Q4211" i="5"/>
  <c r="Q4212" i="5"/>
  <c r="Q4213" i="5"/>
  <c r="Q4214" i="5"/>
  <c r="Q4215" i="5"/>
  <c r="Q4216" i="5"/>
  <c r="Q4217" i="5"/>
  <c r="Q4218" i="5"/>
  <c r="Q4219" i="5"/>
  <c r="Q4220" i="5"/>
  <c r="Q4221" i="5"/>
  <c r="Q4222" i="5"/>
  <c r="Q4223" i="5"/>
  <c r="Q4224" i="5"/>
  <c r="Q4225" i="5"/>
  <c r="Q4226" i="5"/>
  <c r="Q4227" i="5"/>
  <c r="Q4228" i="5"/>
  <c r="Q4229" i="5"/>
  <c r="Q4230" i="5"/>
  <c r="Q4231" i="5"/>
  <c r="Q4232" i="5"/>
  <c r="Q4233" i="5"/>
  <c r="Q4234" i="5"/>
  <c r="Q4235" i="5"/>
  <c r="Q4236" i="5"/>
  <c r="Q4237" i="5"/>
  <c r="Q4238" i="5"/>
  <c r="Q4239" i="5"/>
  <c r="Q4240" i="5"/>
  <c r="Q4241" i="5"/>
  <c r="Q4242" i="5"/>
  <c r="Q4243" i="5"/>
  <c r="Q4244" i="5"/>
  <c r="Q4245" i="5"/>
  <c r="Q4246" i="5"/>
  <c r="Q4247" i="5"/>
  <c r="Q4248" i="5"/>
  <c r="Q4249" i="5"/>
  <c r="Q4250" i="5"/>
  <c r="Q4251" i="5"/>
  <c r="Q4252" i="5"/>
  <c r="Q4253" i="5"/>
  <c r="Q4254" i="5"/>
  <c r="Q4255" i="5"/>
  <c r="Q4256" i="5"/>
  <c r="Q4257" i="5"/>
  <c r="Q4258" i="5"/>
  <c r="Q4259" i="5"/>
  <c r="Q4260" i="5"/>
  <c r="Q4261" i="5"/>
  <c r="Q4262" i="5"/>
  <c r="Q4263" i="5"/>
  <c r="Q4264" i="5"/>
  <c r="Q4265" i="5"/>
  <c r="Q4266" i="5"/>
  <c r="Q4267" i="5"/>
  <c r="Q4268" i="5"/>
  <c r="Q4269" i="5"/>
  <c r="Q4270" i="5"/>
  <c r="Q4271" i="5"/>
  <c r="Q4272" i="5"/>
  <c r="Q4273" i="5"/>
  <c r="Q4274" i="5"/>
  <c r="Q4275" i="5"/>
  <c r="Q4276" i="5"/>
  <c r="Q4277" i="5"/>
  <c r="Q4278" i="5"/>
  <c r="Q4279" i="5"/>
  <c r="Q4280" i="5"/>
  <c r="Q4281" i="5"/>
  <c r="Q4282" i="5"/>
  <c r="Q4283" i="5"/>
  <c r="Q4284" i="5"/>
  <c r="Q4285" i="5"/>
  <c r="Q4286" i="5"/>
  <c r="Q4287" i="5"/>
  <c r="Q4288" i="5"/>
  <c r="Q4289" i="5"/>
  <c r="Q4290" i="5"/>
  <c r="Q4291" i="5"/>
  <c r="Q4292" i="5"/>
  <c r="Q4293" i="5"/>
  <c r="Q4294" i="5"/>
  <c r="Q4295" i="5"/>
  <c r="Q4296" i="5"/>
  <c r="Q4297" i="5"/>
  <c r="Q4298" i="5"/>
  <c r="Q4299" i="5"/>
  <c r="Q4300" i="5"/>
  <c r="Q4301" i="5"/>
  <c r="Q4302" i="5"/>
  <c r="Q4303" i="5"/>
  <c r="Q4304" i="5"/>
  <c r="Q4305" i="5"/>
  <c r="Q4306" i="5"/>
  <c r="Q4307" i="5"/>
  <c r="Q4308" i="5"/>
  <c r="Q4309" i="5"/>
  <c r="Q4310" i="5"/>
  <c r="Q4311" i="5"/>
  <c r="Q4312" i="5"/>
  <c r="Q4313" i="5"/>
  <c r="Q4314" i="5"/>
  <c r="Q4315" i="5"/>
  <c r="Q4316" i="5"/>
  <c r="Q4317" i="5"/>
  <c r="Q4318" i="5"/>
  <c r="Q4319" i="5"/>
  <c r="Q4320" i="5"/>
  <c r="Q4321" i="5"/>
  <c r="Q4322" i="5"/>
  <c r="Q4323" i="5"/>
  <c r="Q4324" i="5"/>
  <c r="Q4325" i="5"/>
  <c r="Q4326" i="5"/>
  <c r="Q4327" i="5"/>
  <c r="Q4328" i="5"/>
  <c r="Q4329" i="5"/>
  <c r="Q4330" i="5"/>
  <c r="Q4331" i="5"/>
  <c r="Q4332" i="5"/>
  <c r="Q4333" i="5"/>
  <c r="Q4334" i="5"/>
  <c r="Q4335" i="5"/>
  <c r="Q4336" i="5"/>
  <c r="Q4337" i="5"/>
  <c r="Q4338" i="5"/>
  <c r="Q4339" i="5"/>
  <c r="Q4340" i="5"/>
  <c r="Q4341" i="5"/>
  <c r="Q4342" i="5"/>
  <c r="Q4343" i="5"/>
  <c r="Q4344" i="5"/>
  <c r="Q4345" i="5"/>
  <c r="Q4346" i="5"/>
  <c r="Q4347" i="5"/>
  <c r="Q4348" i="5"/>
  <c r="Q4349" i="5"/>
  <c r="Q4350" i="5"/>
  <c r="Q4351" i="5"/>
  <c r="Q4352" i="5"/>
  <c r="Q4353" i="5"/>
  <c r="Q4354" i="5"/>
  <c r="Q4355" i="5"/>
  <c r="Q4356" i="5"/>
  <c r="Q4357" i="5"/>
  <c r="Q4358" i="5"/>
  <c r="Q4359" i="5"/>
  <c r="Q4360" i="5"/>
  <c r="Q4361" i="5"/>
  <c r="Q4362" i="5"/>
  <c r="Q4363" i="5"/>
  <c r="Q4364" i="5"/>
  <c r="Q4365" i="5"/>
  <c r="Q4366" i="5"/>
  <c r="Q4367" i="5"/>
  <c r="Q4368" i="5"/>
  <c r="Q4369" i="5"/>
  <c r="Q4370" i="5"/>
  <c r="Q4371" i="5"/>
  <c r="Q4372" i="5"/>
  <c r="Q4373" i="5"/>
  <c r="Q4374" i="5"/>
  <c r="Q4375" i="5"/>
  <c r="Q4376" i="5"/>
  <c r="Q4377" i="5"/>
  <c r="Q4378" i="5"/>
  <c r="Q4379" i="5"/>
  <c r="Q4380" i="5"/>
  <c r="Q4381" i="5"/>
  <c r="Q4382" i="5"/>
  <c r="Q4383" i="5"/>
  <c r="Q4384" i="5"/>
  <c r="Q4385" i="5"/>
  <c r="Q4386" i="5"/>
  <c r="Q4387" i="5"/>
  <c r="Q4388" i="5"/>
  <c r="Q4389" i="5"/>
  <c r="Q4390" i="5"/>
  <c r="Q4391" i="5"/>
  <c r="Q4392" i="5"/>
  <c r="Q4393" i="5"/>
  <c r="Q4394" i="5"/>
  <c r="Q4395" i="5"/>
  <c r="Q4396" i="5"/>
  <c r="Q4397" i="5"/>
  <c r="Q4398" i="5"/>
  <c r="Q4399" i="5"/>
  <c r="Q4400" i="5"/>
  <c r="Q4401" i="5"/>
  <c r="Q4402" i="5"/>
  <c r="Q4403" i="5"/>
  <c r="Q4404" i="5"/>
  <c r="Q4405" i="5"/>
  <c r="Q4406" i="5"/>
  <c r="Q4407" i="5"/>
  <c r="Q4408" i="5"/>
  <c r="Q4409" i="5"/>
  <c r="Q4410" i="5"/>
  <c r="Q4411" i="5"/>
  <c r="Q4412" i="5"/>
  <c r="Q4413" i="5"/>
  <c r="Q4414" i="5"/>
  <c r="Q4415" i="5"/>
  <c r="Q4416" i="5"/>
  <c r="Q4417" i="5"/>
  <c r="Q4418" i="5"/>
  <c r="Q4419" i="5"/>
  <c r="Q4420" i="5"/>
  <c r="Q4421" i="5"/>
  <c r="Q4422" i="5"/>
  <c r="Q4423" i="5"/>
  <c r="Q4424" i="5"/>
  <c r="Q4425" i="5"/>
  <c r="Q4426" i="5"/>
  <c r="Q4427" i="5"/>
  <c r="Q4428" i="5"/>
  <c r="Q4429" i="5"/>
  <c r="Q4430" i="5"/>
  <c r="Q4431" i="5"/>
  <c r="Q4432" i="5"/>
  <c r="Q4433" i="5"/>
  <c r="Q4434" i="5"/>
  <c r="Q4435" i="5"/>
  <c r="Q4436" i="5"/>
  <c r="Q4437" i="5"/>
  <c r="Q4438" i="5"/>
  <c r="Q4439" i="5"/>
  <c r="Q4440" i="5"/>
  <c r="Q4441" i="5"/>
  <c r="Q4442" i="5"/>
  <c r="Q4443" i="5"/>
  <c r="Q4444" i="5"/>
  <c r="Q4445" i="5"/>
  <c r="Q4446" i="5"/>
  <c r="Q4447" i="5"/>
  <c r="Q4448" i="5"/>
  <c r="Q4449" i="5"/>
  <c r="Q4450" i="5"/>
  <c r="Q4451" i="5"/>
  <c r="Q4452" i="5"/>
  <c r="Q4453" i="5"/>
  <c r="Q4454" i="5"/>
  <c r="Q4455" i="5"/>
  <c r="Q4456" i="5"/>
  <c r="Q4457" i="5"/>
  <c r="Q4458" i="5"/>
  <c r="Q4459" i="5"/>
  <c r="Q4460" i="5"/>
  <c r="Q4461" i="5"/>
  <c r="Q4462" i="5"/>
  <c r="Q4463" i="5"/>
  <c r="Q4464" i="5"/>
  <c r="Q4465" i="5"/>
  <c r="Q4466" i="5"/>
  <c r="Q4467" i="5"/>
  <c r="Q4468" i="5"/>
  <c r="Q4469" i="5"/>
  <c r="Q4470" i="5"/>
  <c r="Q4471" i="5"/>
  <c r="Q4472" i="5"/>
  <c r="Q4473" i="5"/>
  <c r="Q4474" i="5"/>
  <c r="Q4475" i="5"/>
  <c r="Q4476" i="5"/>
  <c r="Q4477" i="5"/>
  <c r="Q4478" i="5"/>
  <c r="Q4479" i="5"/>
  <c r="Q4480" i="5"/>
  <c r="Q4481" i="5"/>
  <c r="Q4482" i="5"/>
  <c r="Q4483" i="5"/>
  <c r="Q4484" i="5"/>
  <c r="Q4485" i="5"/>
  <c r="Q4486" i="5"/>
  <c r="Q4487" i="5"/>
  <c r="Q4488" i="5"/>
  <c r="Q4489" i="5"/>
  <c r="Q4490" i="5"/>
  <c r="Q4491" i="5"/>
  <c r="Q4492" i="5"/>
  <c r="Q4493" i="5"/>
  <c r="Q4494" i="5"/>
  <c r="Q4495" i="5"/>
  <c r="Q4496" i="5"/>
  <c r="Q4497" i="5"/>
  <c r="Q4498" i="5"/>
  <c r="Q4499" i="5"/>
  <c r="Q4500" i="5"/>
  <c r="Q4501" i="5"/>
  <c r="Q4502" i="5"/>
  <c r="Q4503" i="5"/>
  <c r="Q4504" i="5"/>
  <c r="Q4505" i="5"/>
  <c r="Q4506" i="5"/>
  <c r="Q4507" i="5"/>
  <c r="Q4508" i="5"/>
  <c r="Q4509" i="5"/>
  <c r="Q4510" i="5"/>
  <c r="Q4511" i="5"/>
  <c r="Q4512" i="5"/>
  <c r="Q4513" i="5"/>
  <c r="Q4514" i="5"/>
  <c r="Q4515" i="5"/>
  <c r="Q4516" i="5"/>
  <c r="Q4517" i="5"/>
  <c r="Q4518" i="5"/>
  <c r="Q4519" i="5"/>
  <c r="Q4520" i="5"/>
  <c r="Q4521" i="5"/>
  <c r="Q4522" i="5"/>
  <c r="Q4523" i="5"/>
  <c r="Q4524" i="5"/>
  <c r="Q4525" i="5"/>
  <c r="Q4526" i="5"/>
  <c r="Q4527" i="5"/>
  <c r="Q4528" i="5"/>
  <c r="Q4529" i="5"/>
  <c r="Q4530" i="5"/>
  <c r="Q4531" i="5"/>
  <c r="Q4532" i="5"/>
  <c r="Q4533" i="5"/>
  <c r="Q4534" i="5"/>
  <c r="Q4535" i="5"/>
  <c r="Q4536" i="5"/>
  <c r="Q4537" i="5"/>
  <c r="Q4538" i="5"/>
  <c r="Q4539" i="5"/>
  <c r="Q4540" i="5"/>
  <c r="Q4541" i="5"/>
  <c r="Q4542" i="5"/>
  <c r="Q4543" i="5"/>
  <c r="Q4544" i="5"/>
  <c r="Q4545" i="5"/>
  <c r="Q4546" i="5"/>
  <c r="Q4547" i="5"/>
  <c r="Q4548" i="5"/>
  <c r="Q4549" i="5"/>
  <c r="Q4550" i="5"/>
  <c r="Q4551" i="5"/>
  <c r="Q4552" i="5"/>
  <c r="Q4553" i="5"/>
  <c r="Q4554" i="5"/>
  <c r="Q4555" i="5"/>
  <c r="Q4556" i="5"/>
  <c r="Q4557" i="5"/>
  <c r="Q4558" i="5"/>
  <c r="Q4559" i="5"/>
  <c r="Q4560" i="5"/>
  <c r="Q4561" i="5"/>
  <c r="Q4562" i="5"/>
  <c r="Q4563" i="5"/>
  <c r="Q4564" i="5"/>
  <c r="Q4565" i="5"/>
  <c r="Q4566" i="5"/>
  <c r="Q4567" i="5"/>
  <c r="Q4568" i="5"/>
  <c r="Q4569" i="5"/>
  <c r="Q4570" i="5"/>
  <c r="Q4571" i="5"/>
  <c r="Q4572" i="5"/>
  <c r="Q4573" i="5"/>
  <c r="Q4574" i="5"/>
  <c r="Q4575" i="5"/>
  <c r="Q4576" i="5"/>
  <c r="Q4577" i="5"/>
  <c r="Q4578" i="5"/>
  <c r="Q4579" i="5"/>
  <c r="Q4580" i="5"/>
  <c r="Q4581" i="5"/>
  <c r="Q4582" i="5"/>
  <c r="Q4583" i="5"/>
  <c r="Q4584" i="5"/>
  <c r="Q4585" i="5"/>
  <c r="Q4586" i="5"/>
  <c r="Q4587" i="5"/>
  <c r="Q4588" i="5"/>
  <c r="Q4589" i="5"/>
  <c r="Q4590" i="5"/>
  <c r="Q4591" i="5"/>
  <c r="Q4592" i="5"/>
  <c r="Q4593" i="5"/>
  <c r="Q4594" i="5"/>
  <c r="Q4595" i="5"/>
  <c r="Q4596" i="5"/>
  <c r="Q4597" i="5"/>
  <c r="Q4598" i="5"/>
  <c r="Q4599" i="5"/>
  <c r="Q4600" i="5"/>
  <c r="Q4601" i="5"/>
  <c r="Q4602" i="5"/>
  <c r="Q4603" i="5"/>
  <c r="Q4604" i="5"/>
  <c r="Q4605" i="5"/>
  <c r="Q4606" i="5"/>
  <c r="Q4607" i="5"/>
  <c r="Q4608" i="5"/>
  <c r="Q4609" i="5"/>
  <c r="Q4610" i="5"/>
  <c r="Q4611" i="5"/>
  <c r="Q4612" i="5"/>
  <c r="Q4613" i="5"/>
  <c r="Q4614" i="5"/>
  <c r="Q4615" i="5"/>
  <c r="Q4616" i="5"/>
  <c r="Q4617" i="5"/>
  <c r="Q4618" i="5"/>
  <c r="Q4619" i="5"/>
  <c r="Q4620" i="5"/>
  <c r="Q4621" i="5"/>
  <c r="Q4622" i="5"/>
  <c r="Q4623" i="5"/>
  <c r="Q4624" i="5"/>
  <c r="Q4625" i="5"/>
  <c r="Q4626" i="5"/>
  <c r="Q4627" i="5"/>
  <c r="Q4628" i="5"/>
  <c r="Q4629" i="5"/>
  <c r="Q4630" i="5"/>
  <c r="Q4631" i="5"/>
  <c r="Q4632" i="5"/>
  <c r="Q4633" i="5"/>
  <c r="Q4634" i="5"/>
  <c r="Q4635" i="5"/>
  <c r="Q4636" i="5"/>
  <c r="Q4637" i="5"/>
  <c r="Q4638" i="5"/>
  <c r="Q4639" i="5"/>
  <c r="Q4640" i="5"/>
  <c r="Q4641" i="5"/>
  <c r="Q4642" i="5"/>
  <c r="Q4643" i="5"/>
  <c r="Q4644" i="5"/>
  <c r="Q4645" i="5"/>
  <c r="Q4646" i="5"/>
  <c r="Q4647" i="5"/>
  <c r="Q4648" i="5"/>
  <c r="Q4649" i="5"/>
  <c r="Q4650" i="5"/>
  <c r="Q4651" i="5"/>
  <c r="Q4652" i="5"/>
  <c r="Q4653" i="5"/>
  <c r="Q4654" i="5"/>
  <c r="Q4655" i="5"/>
  <c r="Q4656" i="5"/>
  <c r="Q4657" i="5"/>
  <c r="Q4658" i="5"/>
  <c r="Q4659" i="5"/>
  <c r="Q4660" i="5"/>
  <c r="Q4661" i="5"/>
  <c r="Q4662" i="5"/>
  <c r="Q4663" i="5"/>
  <c r="Q4664" i="5"/>
  <c r="Q4665" i="5"/>
  <c r="Q4666" i="5"/>
  <c r="Q4667" i="5"/>
  <c r="Q4668" i="5"/>
  <c r="Q4669" i="5"/>
  <c r="Q4670" i="5"/>
  <c r="Q4671" i="5"/>
  <c r="Q4672" i="5"/>
  <c r="Q4673" i="5"/>
  <c r="Q4674" i="5"/>
  <c r="Q4675" i="5"/>
  <c r="Q4676" i="5"/>
  <c r="Q4677" i="5"/>
  <c r="Q4678" i="5"/>
  <c r="Q4679" i="5"/>
  <c r="Q4680" i="5"/>
  <c r="Q4681" i="5"/>
  <c r="Q4682" i="5"/>
  <c r="Q4683" i="5"/>
  <c r="Q4684" i="5"/>
  <c r="Q4685" i="5"/>
  <c r="Q4686" i="5"/>
  <c r="Q4687" i="5"/>
  <c r="Q4688" i="5"/>
  <c r="Q4689" i="5"/>
  <c r="Q4690" i="5"/>
  <c r="Q4691" i="5"/>
  <c r="Q4692" i="5"/>
  <c r="Q4693" i="5"/>
  <c r="Q4694" i="5"/>
  <c r="Q4695" i="5"/>
  <c r="Q4696" i="5"/>
  <c r="Q4697" i="5"/>
  <c r="Q4698" i="5"/>
  <c r="Q4699" i="5"/>
  <c r="Q4700" i="5"/>
  <c r="Q4701" i="5"/>
  <c r="Q4702" i="5"/>
  <c r="Q4703" i="5"/>
  <c r="Q4704" i="5"/>
  <c r="Q4705" i="5"/>
  <c r="Q4706" i="5"/>
  <c r="Q4707" i="5"/>
  <c r="Q4708" i="5"/>
  <c r="Q4709" i="5"/>
  <c r="Q4710" i="5"/>
  <c r="Q4711" i="5"/>
  <c r="Q4712" i="5"/>
  <c r="Q4713" i="5"/>
  <c r="Q4714" i="5"/>
  <c r="Q4715" i="5"/>
  <c r="Q4716" i="5"/>
  <c r="Q4717" i="5"/>
  <c r="Q4718" i="5"/>
  <c r="Q4719" i="5"/>
  <c r="Q4720" i="5"/>
  <c r="Q4721" i="5"/>
  <c r="Q4722" i="5"/>
  <c r="Q4723" i="5"/>
  <c r="Q4724" i="5"/>
  <c r="Q4725" i="5"/>
  <c r="Q4726" i="5"/>
  <c r="Q4727" i="5"/>
  <c r="Q4728" i="5"/>
  <c r="Q4729" i="5"/>
  <c r="Q4730" i="5"/>
  <c r="Q4731" i="5"/>
  <c r="Q4732" i="5"/>
  <c r="Q4733" i="5"/>
  <c r="Q4734" i="5"/>
  <c r="Q4735" i="5"/>
  <c r="Q4736" i="5"/>
  <c r="Q4737" i="5"/>
  <c r="Q4738" i="5"/>
  <c r="Q4739" i="5"/>
  <c r="Q4740" i="5"/>
  <c r="Q4741" i="5"/>
  <c r="Q4742" i="5"/>
  <c r="Q4743" i="5"/>
  <c r="Q4744" i="5"/>
  <c r="Q4745" i="5"/>
  <c r="Q4746" i="5"/>
  <c r="Q4747" i="5"/>
  <c r="Q4748" i="5"/>
  <c r="Q4749" i="5"/>
  <c r="Q4750" i="5"/>
  <c r="Q4751" i="5"/>
  <c r="Q4752" i="5"/>
  <c r="Q4753" i="5"/>
  <c r="Q4754" i="5"/>
  <c r="Q4755" i="5"/>
  <c r="Q4756" i="5"/>
  <c r="Q4757" i="5"/>
  <c r="Q4758" i="5"/>
  <c r="Q4759" i="5"/>
  <c r="Q4760" i="5"/>
  <c r="Q4761" i="5"/>
  <c r="Q4762" i="5"/>
  <c r="Q4763" i="5"/>
  <c r="Q4764" i="5"/>
  <c r="Q4765" i="5"/>
  <c r="Q4766" i="5"/>
  <c r="Q4767" i="5"/>
  <c r="Q4768" i="5"/>
  <c r="Q4769" i="5"/>
  <c r="Q4770" i="5"/>
  <c r="Q4771" i="5"/>
  <c r="Q4772" i="5"/>
  <c r="Q4773" i="5"/>
  <c r="Q4774" i="5"/>
  <c r="Q4775" i="5"/>
  <c r="Q4776" i="5"/>
  <c r="Q4777" i="5"/>
  <c r="Q4778" i="5"/>
  <c r="Q4779" i="5"/>
  <c r="Q4780" i="5"/>
  <c r="Q4781" i="5"/>
  <c r="Q4782" i="5"/>
  <c r="Q4783" i="5"/>
  <c r="Q4784" i="5"/>
  <c r="Q4785" i="5"/>
  <c r="Q4786" i="5"/>
  <c r="Q4787" i="5"/>
  <c r="Q4788" i="5"/>
  <c r="Q4789" i="5"/>
  <c r="Q4790" i="5"/>
  <c r="Q4791" i="5"/>
  <c r="Q4792" i="5"/>
  <c r="Q4793" i="5"/>
  <c r="Q4794" i="5"/>
  <c r="Q4795" i="5"/>
  <c r="Q4796" i="5"/>
  <c r="Q4797" i="5"/>
  <c r="Q4798" i="5"/>
  <c r="Q4799" i="5"/>
  <c r="Q4800" i="5"/>
  <c r="Q4801" i="5"/>
  <c r="Q4802" i="5"/>
  <c r="Q4803" i="5"/>
  <c r="Q4804" i="5"/>
  <c r="Q4805" i="5"/>
  <c r="Q4806" i="5"/>
  <c r="Q4807" i="5"/>
  <c r="Q4808" i="5"/>
  <c r="Q4809" i="5"/>
  <c r="Q4810" i="5"/>
  <c r="Q4811" i="5"/>
  <c r="Q4812" i="5"/>
  <c r="Q4813" i="5"/>
  <c r="Q4814" i="5"/>
  <c r="Q4815" i="5"/>
  <c r="Q4816" i="5"/>
  <c r="Q4817" i="5"/>
  <c r="Q4818" i="5"/>
  <c r="Q4819" i="5"/>
  <c r="Q4820" i="5"/>
  <c r="Q4821" i="5"/>
  <c r="Q4822" i="5"/>
  <c r="Q4823" i="5"/>
  <c r="Q4824" i="5"/>
  <c r="Q4825" i="5"/>
  <c r="Q4826" i="5"/>
  <c r="Q4827" i="5"/>
  <c r="Q4828" i="5"/>
  <c r="Q4829" i="5"/>
  <c r="Q4830" i="5"/>
  <c r="Q4831" i="5"/>
  <c r="Q4832" i="5"/>
  <c r="Q4833" i="5"/>
  <c r="Q4834" i="5"/>
  <c r="Q4835" i="5"/>
  <c r="Q4836" i="5"/>
  <c r="Q4837" i="5"/>
  <c r="Q4838" i="5"/>
  <c r="Q4839" i="5"/>
  <c r="Q4840" i="5"/>
  <c r="Q4841" i="5"/>
  <c r="Q4842" i="5"/>
  <c r="Q4843" i="5"/>
  <c r="Q4844" i="5"/>
  <c r="Q4845" i="5"/>
  <c r="Q4846" i="5"/>
  <c r="Q4847" i="5"/>
  <c r="Q4848" i="5"/>
  <c r="Q4849" i="5"/>
  <c r="Q4850" i="5"/>
  <c r="Q4851" i="5"/>
  <c r="Q4852" i="5"/>
  <c r="Q4853" i="5"/>
  <c r="Q4854" i="5"/>
  <c r="Q4855" i="5"/>
  <c r="Q4856" i="5"/>
  <c r="Q4857" i="5"/>
  <c r="Q4858" i="5"/>
  <c r="Q4859" i="5"/>
  <c r="Q4860" i="5"/>
  <c r="Q4861" i="5"/>
  <c r="Q4862" i="5"/>
  <c r="Q4863" i="5"/>
  <c r="Q4864" i="5"/>
  <c r="Q4865" i="5"/>
  <c r="Q4866" i="5"/>
  <c r="Q4867" i="5"/>
  <c r="Q4868" i="5"/>
  <c r="Q4869" i="5"/>
  <c r="Q4870" i="5"/>
  <c r="Q4871" i="5"/>
  <c r="Q4872" i="5"/>
  <c r="Q4873" i="5"/>
  <c r="Q4874" i="5"/>
  <c r="Q4875" i="5"/>
  <c r="Q4876" i="5"/>
  <c r="Q4877" i="5"/>
  <c r="Q4878" i="5"/>
  <c r="Q4879" i="5"/>
  <c r="Q4880" i="5"/>
  <c r="Q4881" i="5"/>
  <c r="Q4882" i="5"/>
  <c r="Q4883" i="5"/>
  <c r="Q4884" i="5"/>
  <c r="Q4885" i="5"/>
  <c r="Q4886" i="5"/>
  <c r="Q4887" i="5"/>
  <c r="Q4888" i="5"/>
  <c r="Q4889" i="5"/>
  <c r="Q4890" i="5"/>
  <c r="Q4891" i="5"/>
  <c r="Q4892" i="5"/>
  <c r="Q4893" i="5"/>
  <c r="Q4894" i="5"/>
  <c r="Q4895" i="5"/>
  <c r="Q4896" i="5"/>
  <c r="Q4897" i="5"/>
  <c r="Q4898" i="5"/>
  <c r="Q4899" i="5"/>
  <c r="Q4900" i="5"/>
  <c r="Q4901" i="5"/>
  <c r="Q4902" i="5"/>
  <c r="Q4903" i="5"/>
  <c r="Q4904" i="5"/>
  <c r="Q4905" i="5"/>
  <c r="Q4906" i="5"/>
  <c r="Q4907" i="5"/>
  <c r="Q4908" i="5"/>
  <c r="Q4909" i="5"/>
  <c r="Q4910" i="5"/>
  <c r="Q4911" i="5"/>
  <c r="Q4912" i="5"/>
  <c r="Q4913" i="5"/>
  <c r="Q4914" i="5"/>
  <c r="Q4915" i="5"/>
  <c r="Q4916" i="5"/>
  <c r="Q4917" i="5"/>
  <c r="Q4918" i="5"/>
  <c r="Q4919" i="5"/>
  <c r="Q4920" i="5"/>
  <c r="Q4921" i="5"/>
  <c r="Q4922" i="5"/>
  <c r="Q4923" i="5"/>
  <c r="Q4924" i="5"/>
  <c r="Q4925" i="5"/>
  <c r="Q4926" i="5"/>
  <c r="Q4927" i="5"/>
  <c r="Q4928" i="5"/>
  <c r="Q4929" i="5"/>
  <c r="Q4930" i="5"/>
  <c r="Q4931" i="5"/>
  <c r="Q4932" i="5"/>
  <c r="Q4933" i="5"/>
  <c r="Q4934" i="5"/>
  <c r="Q4935" i="5"/>
  <c r="Q4936" i="5"/>
  <c r="Q4937" i="5"/>
  <c r="Q4938" i="5"/>
  <c r="Q4939" i="5"/>
  <c r="Q4940" i="5"/>
  <c r="Q4941" i="5"/>
  <c r="Q4942" i="5"/>
  <c r="Q4943" i="5"/>
  <c r="Q4944" i="5"/>
  <c r="Q4945" i="5"/>
  <c r="Q4946" i="5"/>
  <c r="Q4947" i="5"/>
  <c r="Q4948" i="5"/>
  <c r="Q4949" i="5"/>
  <c r="Q4950" i="5"/>
  <c r="Q4951" i="5"/>
  <c r="Q4952" i="5"/>
  <c r="Q4953" i="5"/>
  <c r="Q4954" i="5"/>
  <c r="Q4955" i="5"/>
  <c r="Q4956" i="5"/>
  <c r="Q4957" i="5"/>
  <c r="Q4958" i="5"/>
  <c r="Q4959" i="5"/>
  <c r="Q4960" i="5"/>
  <c r="Q4961" i="5"/>
  <c r="Q4962" i="5"/>
  <c r="Q4963" i="5"/>
  <c r="Q4964" i="5"/>
  <c r="Q4965" i="5"/>
  <c r="Q4966" i="5"/>
  <c r="Q4967" i="5"/>
  <c r="Q4968" i="5"/>
  <c r="Q4969" i="5"/>
  <c r="Q4970" i="5"/>
  <c r="Q4971" i="5"/>
  <c r="Q4972" i="5"/>
  <c r="Q4973" i="5"/>
  <c r="Q4974" i="5"/>
  <c r="Q4975" i="5"/>
  <c r="Q4976" i="5"/>
  <c r="Q4977" i="5"/>
  <c r="Q4978" i="5"/>
  <c r="Q4979" i="5"/>
  <c r="Q4980" i="5"/>
  <c r="Q4981" i="5"/>
  <c r="Q4982" i="5"/>
  <c r="Q4983" i="5"/>
  <c r="Q4984" i="5"/>
  <c r="Q4985" i="5"/>
  <c r="Q4986" i="5"/>
  <c r="Q4987" i="5"/>
  <c r="Q4988" i="5"/>
  <c r="Q4989" i="5"/>
  <c r="Q4990" i="5"/>
  <c r="Q4991" i="5"/>
  <c r="Q4992" i="5"/>
  <c r="Q4993" i="5"/>
  <c r="Q4994" i="5"/>
  <c r="Q4995" i="5"/>
  <c r="Q4996" i="5"/>
  <c r="Q4997" i="5"/>
  <c r="Q4998" i="5"/>
  <c r="Q4999" i="5"/>
  <c r="Q5000" i="5"/>
  <c r="Q5001" i="5"/>
  <c r="Q5002" i="5"/>
  <c r="Q5003" i="5"/>
  <c r="Q5004" i="5"/>
  <c r="Q5005" i="5"/>
  <c r="Q5006" i="5"/>
  <c r="Q5007" i="5"/>
  <c r="Q5008" i="5"/>
  <c r="Q5009" i="5"/>
  <c r="Q5010" i="5"/>
  <c r="Q5011" i="5"/>
  <c r="Q5012" i="5"/>
  <c r="Q5013" i="5"/>
  <c r="Q5014" i="5"/>
  <c r="Q5015" i="5"/>
  <c r="Q5016" i="5"/>
  <c r="Q5017" i="5"/>
  <c r="Q5018" i="5"/>
  <c r="Q5019" i="5"/>
  <c r="Q5020" i="5"/>
  <c r="Q5021" i="5"/>
  <c r="Q5022" i="5"/>
  <c r="Q5023" i="5"/>
  <c r="Q5024" i="5"/>
  <c r="Q5025" i="5"/>
  <c r="Q5026" i="5"/>
  <c r="Q5027" i="5"/>
  <c r="Q5028" i="5"/>
  <c r="Q5029" i="5"/>
  <c r="Q5030" i="5"/>
  <c r="Q5031" i="5"/>
  <c r="Q5032" i="5"/>
  <c r="Q5033" i="5"/>
  <c r="Q5034" i="5"/>
  <c r="Q5035" i="5"/>
  <c r="Q5036" i="5"/>
  <c r="Q5037" i="5"/>
  <c r="Q5038" i="5"/>
  <c r="Q5039" i="5"/>
  <c r="Q5040" i="5"/>
  <c r="Q5041" i="5"/>
  <c r="Q5042" i="5"/>
  <c r="Q5043" i="5"/>
  <c r="Q5044" i="5"/>
  <c r="Q5045" i="5"/>
  <c r="Q5046" i="5"/>
  <c r="Q5047" i="5"/>
  <c r="Q5048" i="5"/>
  <c r="Q5049" i="5"/>
  <c r="Q5050" i="5"/>
  <c r="Q5051" i="5"/>
  <c r="Q5052" i="5"/>
  <c r="Q5053" i="5"/>
  <c r="Q5054" i="5"/>
  <c r="Q5055" i="5"/>
  <c r="Q5056" i="5"/>
  <c r="Q5057" i="5"/>
  <c r="Q5058" i="5"/>
  <c r="Q5059" i="5"/>
  <c r="Q5060" i="5"/>
  <c r="Q5061" i="5"/>
  <c r="Q5062" i="5"/>
  <c r="Q5063" i="5"/>
  <c r="Q5064" i="5"/>
  <c r="Q5065" i="5"/>
  <c r="Q5066" i="5"/>
  <c r="Q5067" i="5"/>
  <c r="Q5068" i="5"/>
  <c r="Q5069" i="5"/>
  <c r="Q5070" i="5"/>
  <c r="Q5071" i="5"/>
  <c r="Q5072" i="5"/>
  <c r="Q5073" i="5"/>
  <c r="Q5074" i="5"/>
  <c r="Q5075" i="5"/>
  <c r="Q5076" i="5"/>
  <c r="Q5077" i="5"/>
  <c r="Q5078" i="5"/>
  <c r="Q5079" i="5"/>
  <c r="Q5080" i="5"/>
  <c r="Q5081" i="5"/>
  <c r="Q5082" i="5"/>
  <c r="Q5083" i="5"/>
  <c r="Q5084" i="5"/>
  <c r="Q5085" i="5"/>
  <c r="Q5086" i="5"/>
  <c r="Q5087" i="5"/>
  <c r="Q5088" i="5"/>
  <c r="Q5089" i="5"/>
  <c r="Q5090" i="5"/>
  <c r="Q5091" i="5"/>
  <c r="Q5092" i="5"/>
  <c r="Q5093" i="5"/>
  <c r="Q5094" i="5"/>
  <c r="Q5095" i="5"/>
  <c r="Q5096" i="5"/>
  <c r="Q5097" i="5"/>
  <c r="Q5098" i="5"/>
  <c r="Q5099" i="5"/>
  <c r="Q5100" i="5"/>
  <c r="Q5101" i="5"/>
  <c r="Q5102" i="5"/>
  <c r="Q5103" i="5"/>
  <c r="Q5104" i="5"/>
  <c r="Q5105" i="5"/>
  <c r="Q5106" i="5"/>
  <c r="Q5107" i="5"/>
  <c r="Q5108" i="5"/>
  <c r="Q5109" i="5"/>
  <c r="Q5110" i="5"/>
  <c r="Q5111" i="5"/>
  <c r="Q5112" i="5"/>
  <c r="Q5113" i="5"/>
  <c r="Q5114" i="5"/>
  <c r="Q5115" i="5"/>
  <c r="Q5116" i="5"/>
  <c r="Q5117" i="5"/>
  <c r="Q5118" i="5"/>
  <c r="Q5119" i="5"/>
  <c r="Q5120" i="5"/>
  <c r="Q5121" i="5"/>
  <c r="Q5122" i="5"/>
  <c r="Q5123" i="5"/>
  <c r="Q5124" i="5"/>
  <c r="Q5125" i="5"/>
  <c r="Q5126" i="5"/>
  <c r="Q5127" i="5"/>
  <c r="Q5128" i="5"/>
  <c r="Q5129" i="5"/>
  <c r="Q5130" i="5"/>
  <c r="Q5131" i="5"/>
  <c r="Q5132" i="5"/>
  <c r="Q5133" i="5"/>
  <c r="Q5134" i="5"/>
  <c r="Q5135" i="5"/>
  <c r="Q5136" i="5"/>
  <c r="Q5137" i="5"/>
  <c r="Q5138" i="5"/>
  <c r="Q5139" i="5"/>
  <c r="Q5140" i="5"/>
  <c r="Q5141" i="5"/>
  <c r="Q5142" i="5"/>
  <c r="Q5143" i="5"/>
  <c r="Q5144" i="5"/>
  <c r="Q5145" i="5"/>
  <c r="Q5146" i="5"/>
  <c r="Q5147" i="5"/>
  <c r="Q5148" i="5"/>
  <c r="Q5149" i="5"/>
  <c r="Q5150" i="5"/>
  <c r="Q5151" i="5"/>
  <c r="Q5152" i="5"/>
  <c r="Q5153" i="5"/>
  <c r="Q5154" i="5"/>
  <c r="Q5155" i="5"/>
  <c r="Q5156" i="5"/>
  <c r="Q5157" i="5"/>
  <c r="Q5158" i="5"/>
  <c r="Q5159" i="5"/>
  <c r="Q5160" i="5"/>
  <c r="Q5161" i="5"/>
  <c r="Q5162" i="5"/>
  <c r="Q5163" i="5"/>
  <c r="Q5164" i="5"/>
  <c r="Q5165" i="5"/>
  <c r="Q5166" i="5"/>
  <c r="Q5167" i="5"/>
  <c r="Q5168" i="5"/>
  <c r="Q5169" i="5"/>
  <c r="Q5170" i="5"/>
  <c r="Q5171" i="5"/>
  <c r="Q5172" i="5"/>
  <c r="Q5173" i="5"/>
  <c r="Q5174" i="5"/>
  <c r="Q5175" i="5"/>
  <c r="Q5176" i="5"/>
  <c r="Q5177" i="5"/>
  <c r="Q5178" i="5"/>
  <c r="Q5179" i="5"/>
  <c r="Q5180" i="5"/>
  <c r="Q5181" i="5"/>
  <c r="Q5182" i="5"/>
  <c r="Q5183" i="5"/>
  <c r="Q5184" i="5"/>
  <c r="Q5185" i="5"/>
  <c r="Q5186" i="5"/>
  <c r="Q5187" i="5"/>
  <c r="Q5188" i="5"/>
  <c r="Q5189" i="5"/>
  <c r="Q5190" i="5"/>
  <c r="Q5191" i="5"/>
  <c r="Q5192" i="5"/>
  <c r="Q5193" i="5"/>
  <c r="Q5194" i="5"/>
  <c r="Q5195" i="5"/>
  <c r="Q5196" i="5"/>
  <c r="Q5197" i="5"/>
  <c r="Q5198" i="5"/>
  <c r="Q5199" i="5"/>
  <c r="Q5200" i="5"/>
  <c r="Q5201" i="5"/>
  <c r="Q5202" i="5"/>
  <c r="Q5203" i="5"/>
  <c r="Q5204" i="5"/>
  <c r="Q5205" i="5"/>
  <c r="Q5206" i="5"/>
  <c r="Q5207" i="5"/>
  <c r="Q5208" i="5"/>
  <c r="Q5209" i="5"/>
  <c r="Q5210" i="5"/>
  <c r="Q5211" i="5"/>
  <c r="Q5212" i="5"/>
  <c r="Q5213" i="5"/>
  <c r="Q5214" i="5"/>
  <c r="Q5215" i="5"/>
  <c r="Q5216" i="5"/>
  <c r="Q5217" i="5"/>
  <c r="Q5218" i="5"/>
  <c r="Q5219" i="5"/>
  <c r="Q5220" i="5"/>
  <c r="Q5221" i="5"/>
  <c r="Q5222" i="5"/>
  <c r="Q5223" i="5"/>
  <c r="Q5224" i="5"/>
  <c r="Q5225" i="5"/>
  <c r="Q5226" i="5"/>
  <c r="Q5227" i="5"/>
  <c r="Q5228" i="5"/>
  <c r="Q5229" i="5"/>
  <c r="Q5230" i="5"/>
  <c r="Q5231" i="5"/>
  <c r="Q5232" i="5"/>
  <c r="Q5233" i="5"/>
  <c r="Q5234" i="5"/>
  <c r="Q5235" i="5"/>
  <c r="Q5236" i="5"/>
  <c r="Q5237" i="5"/>
  <c r="Q5238" i="5"/>
  <c r="Q5239" i="5"/>
  <c r="Q5240" i="5"/>
  <c r="Q5241" i="5"/>
  <c r="Q5242" i="5"/>
  <c r="Q5243" i="5"/>
  <c r="Q5244" i="5"/>
  <c r="Q5245" i="5"/>
  <c r="Q5246" i="5"/>
  <c r="Q5247" i="5"/>
  <c r="Q5248" i="5"/>
  <c r="Q5249" i="5"/>
  <c r="Q5250" i="5"/>
  <c r="Q5251" i="5"/>
  <c r="Q5252" i="5"/>
  <c r="Q5253" i="5"/>
  <c r="Q5254" i="5"/>
  <c r="Q5255" i="5"/>
  <c r="Q5256" i="5"/>
  <c r="Q5257" i="5"/>
  <c r="Q5258" i="5"/>
  <c r="Q5259" i="5"/>
  <c r="Q5260" i="5"/>
  <c r="Q5261" i="5"/>
  <c r="Q5262" i="5"/>
  <c r="Q5263" i="5"/>
  <c r="Q5264" i="5"/>
  <c r="Q5265" i="5"/>
  <c r="Q5266" i="5"/>
  <c r="Q5267" i="5"/>
  <c r="Q5268" i="5"/>
  <c r="Q5269" i="5"/>
  <c r="Q5270" i="5"/>
  <c r="Q5271" i="5"/>
  <c r="Q5272" i="5"/>
  <c r="Q5273" i="5"/>
  <c r="Q5274" i="5"/>
  <c r="Q5275" i="5"/>
  <c r="Q5276" i="5"/>
  <c r="Q5277" i="5"/>
  <c r="Q5278" i="5"/>
  <c r="Q5279" i="5"/>
  <c r="Q5280" i="5"/>
  <c r="Q5281" i="5"/>
  <c r="Q5282" i="5"/>
  <c r="Q5283" i="5"/>
  <c r="Q5284" i="5"/>
  <c r="Q5285" i="5"/>
  <c r="Q5286" i="5"/>
  <c r="Q5287" i="5"/>
  <c r="Q5288" i="5"/>
  <c r="Q5289" i="5"/>
  <c r="Q5290" i="5"/>
  <c r="Q5291" i="5"/>
  <c r="Q5292" i="5"/>
  <c r="Q5293" i="5"/>
  <c r="Q5294" i="5"/>
  <c r="Q5295" i="5"/>
  <c r="Q5296" i="5"/>
  <c r="Q5297" i="5"/>
  <c r="Q5298" i="5"/>
  <c r="Q5299" i="5"/>
  <c r="Q5300" i="5"/>
  <c r="Q5301" i="5"/>
  <c r="Q5302" i="5"/>
  <c r="Q5303" i="5"/>
  <c r="Q5304" i="5"/>
  <c r="Q5305" i="5"/>
  <c r="Q5306" i="5"/>
  <c r="Q5307" i="5"/>
  <c r="Q5308" i="5"/>
  <c r="Q5309" i="5"/>
  <c r="Q5310" i="5"/>
  <c r="Q5311" i="5"/>
  <c r="Q5312" i="5"/>
  <c r="Q5313" i="5"/>
  <c r="Q5314" i="5"/>
  <c r="Q5315" i="5"/>
  <c r="Q5316" i="5"/>
  <c r="Q5317" i="5"/>
  <c r="Q5318" i="5"/>
  <c r="Q5319" i="5"/>
  <c r="Q5320" i="5"/>
  <c r="Q5321" i="5"/>
  <c r="Q5322" i="5"/>
  <c r="Q5323" i="5"/>
  <c r="Q5324" i="5"/>
  <c r="Q5325" i="5"/>
  <c r="Q5326" i="5"/>
  <c r="Q5327" i="5"/>
  <c r="Q5328" i="5"/>
  <c r="Q5329" i="5"/>
  <c r="Q5330" i="5"/>
  <c r="Q5331" i="5"/>
  <c r="Q5332" i="5"/>
  <c r="Q5333" i="5"/>
  <c r="Q5334" i="5"/>
  <c r="Q5335" i="5"/>
  <c r="Q5336" i="5"/>
  <c r="Q5337" i="5"/>
  <c r="Q5338" i="5"/>
  <c r="Q5339" i="5"/>
  <c r="Q5340" i="5"/>
  <c r="Q5341" i="5"/>
  <c r="Q5342" i="5"/>
  <c r="Q5343" i="5"/>
  <c r="Q5344" i="5"/>
  <c r="Q5345" i="5"/>
  <c r="Q5346" i="5"/>
  <c r="Q5347" i="5"/>
  <c r="Q5348" i="5"/>
  <c r="Q5349" i="5"/>
  <c r="Q5350" i="5"/>
  <c r="Q5351" i="5"/>
  <c r="Q5352" i="5"/>
  <c r="Q5353" i="5"/>
  <c r="Q5354" i="5"/>
  <c r="Q5355" i="5"/>
  <c r="Q5356" i="5"/>
  <c r="Q5357" i="5"/>
  <c r="Q5358" i="5"/>
  <c r="Q5359" i="5"/>
  <c r="Q5360" i="5"/>
  <c r="Q5361" i="5"/>
  <c r="Q5362" i="5"/>
  <c r="Q5363" i="5"/>
  <c r="Q5364" i="5"/>
  <c r="Q5365" i="5"/>
  <c r="Q5366" i="5"/>
  <c r="Q5367" i="5"/>
  <c r="Q5368" i="5"/>
  <c r="Q5369" i="5"/>
  <c r="Q5370" i="5"/>
  <c r="Q5371" i="5"/>
  <c r="Q5372" i="5"/>
  <c r="Q5373" i="5"/>
  <c r="Q5374" i="5"/>
  <c r="Q5375" i="5"/>
  <c r="Q5376" i="5"/>
  <c r="Q5377" i="5"/>
  <c r="Q5378" i="5"/>
  <c r="Q5379" i="5"/>
  <c r="Q5380" i="5"/>
  <c r="Q5381" i="5"/>
  <c r="Q5382" i="5"/>
  <c r="Q5383" i="5"/>
  <c r="Q5384" i="5"/>
  <c r="Q5385" i="5"/>
  <c r="Q5386" i="5"/>
  <c r="Q5387" i="5"/>
  <c r="Q5388" i="5"/>
  <c r="Q5389" i="5"/>
  <c r="Q5390" i="5"/>
  <c r="Q5391" i="5"/>
  <c r="Q5392" i="5"/>
  <c r="Q5393" i="5"/>
  <c r="Q5394" i="5"/>
  <c r="Q5395" i="5"/>
  <c r="Q5396" i="5"/>
  <c r="Q5397" i="5"/>
  <c r="Q5398" i="5"/>
  <c r="Q5399" i="5"/>
  <c r="Q5400" i="5"/>
  <c r="Q5401" i="5"/>
  <c r="Q5402" i="5"/>
  <c r="Q5403" i="5"/>
  <c r="Q5404" i="5"/>
  <c r="Q5405" i="5"/>
  <c r="Q5406" i="5"/>
  <c r="Q5407" i="5"/>
  <c r="Q5408" i="5"/>
  <c r="Q5409" i="5"/>
  <c r="Q5410" i="5"/>
  <c r="Q5411" i="5"/>
  <c r="Q5412" i="5"/>
  <c r="Q5413" i="5"/>
  <c r="Q5414" i="5"/>
  <c r="Q5415" i="5"/>
  <c r="Q5416" i="5"/>
  <c r="Q5417" i="5"/>
  <c r="Q5418" i="5"/>
  <c r="Q5419" i="5"/>
  <c r="Q5420" i="5"/>
  <c r="Q5421" i="5"/>
  <c r="Q5422" i="5"/>
  <c r="Q5423" i="5"/>
  <c r="Q5424" i="5"/>
  <c r="Q5425" i="5"/>
  <c r="Q5426" i="5"/>
  <c r="Q5427" i="5"/>
  <c r="Q5428" i="5"/>
  <c r="Q5429" i="5"/>
  <c r="Q5430" i="5"/>
  <c r="Q5431" i="5"/>
  <c r="Q5432" i="5"/>
  <c r="Q5433" i="5"/>
  <c r="Q5434" i="5"/>
  <c r="Q5435" i="5"/>
  <c r="Q5436" i="5"/>
  <c r="Q5437" i="5"/>
  <c r="Q5438" i="5"/>
  <c r="Q5439" i="5"/>
  <c r="Q5440" i="5"/>
  <c r="Q5441" i="5"/>
  <c r="Q5442" i="5"/>
  <c r="Q5443" i="5"/>
  <c r="Q5444" i="5"/>
  <c r="Q5445" i="5"/>
  <c r="Q5446" i="5"/>
  <c r="Q5447" i="5"/>
  <c r="Q5448" i="5"/>
  <c r="Q5449" i="5"/>
  <c r="Q5450" i="5"/>
  <c r="Q5451" i="5"/>
  <c r="Q5452" i="5"/>
  <c r="Q5453" i="5"/>
  <c r="Q5454" i="5"/>
  <c r="Q5455" i="5"/>
  <c r="Q5456" i="5"/>
  <c r="Q5457" i="5"/>
  <c r="Q5458" i="5"/>
  <c r="Q5459" i="5"/>
  <c r="Q5460" i="5"/>
  <c r="Q5461" i="5"/>
  <c r="Q5462" i="5"/>
  <c r="Q5463" i="5"/>
  <c r="Q5464" i="5"/>
  <c r="Q5465" i="5"/>
  <c r="Q5466" i="5"/>
  <c r="Q5467" i="5"/>
  <c r="Q5468" i="5"/>
  <c r="Q5469" i="5"/>
  <c r="Q5470" i="5"/>
  <c r="Q5471" i="5"/>
  <c r="Q5472" i="5"/>
  <c r="Q5473" i="5"/>
  <c r="Q5474" i="5"/>
  <c r="Q5475" i="5"/>
  <c r="Q5476" i="5"/>
  <c r="Q5477" i="5"/>
  <c r="Q5478" i="5"/>
  <c r="Q5479" i="5"/>
  <c r="Q5480" i="5"/>
  <c r="Q5481" i="5"/>
  <c r="Q5482" i="5"/>
  <c r="Q5483" i="5"/>
  <c r="Q5484" i="5"/>
  <c r="Q5485" i="5"/>
  <c r="Q5486" i="5"/>
  <c r="Q5487" i="5"/>
  <c r="Q5488" i="5"/>
  <c r="Q5489" i="5"/>
  <c r="Q5490" i="5"/>
  <c r="Q5491" i="5"/>
  <c r="Q5492" i="5"/>
  <c r="Q5493" i="5"/>
  <c r="Q5494" i="5"/>
  <c r="Q5495" i="5"/>
  <c r="Q5496" i="5"/>
  <c r="Q5497" i="5"/>
  <c r="Q5498" i="5"/>
  <c r="Q5499" i="5"/>
  <c r="Q5500" i="5"/>
  <c r="Q5501" i="5"/>
  <c r="Q5502" i="5"/>
  <c r="Q5503" i="5"/>
  <c r="Q5504" i="5"/>
  <c r="Q5505" i="5"/>
  <c r="Q5506" i="5"/>
  <c r="Q5507" i="5"/>
  <c r="Q5508" i="5"/>
  <c r="Q5509" i="5"/>
  <c r="Q5510" i="5"/>
  <c r="Q5511" i="5"/>
  <c r="Q5512" i="5"/>
  <c r="Q5513" i="5"/>
  <c r="Q5514" i="5"/>
  <c r="Q5515" i="5"/>
  <c r="Q5516" i="5"/>
  <c r="Q5517" i="5"/>
  <c r="Q5518" i="5"/>
  <c r="Q5519" i="5"/>
  <c r="Q5520" i="5"/>
  <c r="Q5521" i="5"/>
  <c r="Q5522" i="5"/>
  <c r="Q5523" i="5"/>
  <c r="Q5524" i="5"/>
  <c r="Q5525" i="5"/>
  <c r="Q5526" i="5"/>
  <c r="Q5527" i="5"/>
  <c r="Q5528" i="5"/>
  <c r="Q5529" i="5"/>
  <c r="Q5530" i="5"/>
  <c r="Q5531" i="5"/>
  <c r="Q5532" i="5"/>
  <c r="Q5533" i="5"/>
  <c r="Q5534" i="5"/>
  <c r="Q5535" i="5"/>
  <c r="Q5536" i="5"/>
  <c r="Q5537" i="5"/>
  <c r="Q5538" i="5"/>
  <c r="Q5539" i="5"/>
  <c r="Q5540" i="5"/>
  <c r="Q5541" i="5"/>
  <c r="Q5542" i="5"/>
  <c r="Q5543" i="5"/>
  <c r="Q5544" i="5"/>
  <c r="Q5545" i="5"/>
  <c r="Q5546" i="5"/>
  <c r="Q5547" i="5"/>
  <c r="Q5548" i="5"/>
  <c r="Q5549" i="5"/>
  <c r="Q5550" i="5"/>
  <c r="Q5551" i="5"/>
  <c r="Q5552" i="5"/>
  <c r="Q5553" i="5"/>
  <c r="Q5554" i="5"/>
  <c r="Q5555" i="5"/>
  <c r="Q5556" i="5"/>
  <c r="Q5557" i="5"/>
  <c r="Q5558" i="5"/>
  <c r="Q5559" i="5"/>
  <c r="Q5560" i="5"/>
  <c r="Q5561" i="5"/>
  <c r="Q5562" i="5"/>
  <c r="Q5563" i="5"/>
  <c r="Q5564" i="5"/>
  <c r="Q5565" i="5"/>
  <c r="Q5566" i="5"/>
  <c r="Q5567" i="5"/>
  <c r="Q5568" i="5"/>
  <c r="Q5569" i="5"/>
  <c r="Q5570" i="5"/>
  <c r="Q5571" i="5"/>
  <c r="Q5572" i="5"/>
  <c r="Q5573" i="5"/>
  <c r="Q5574" i="5"/>
  <c r="Q5575" i="5"/>
  <c r="Q5576" i="5"/>
  <c r="Q5577" i="5"/>
  <c r="Q5578" i="5"/>
  <c r="Q5579" i="5"/>
  <c r="Q5580" i="5"/>
  <c r="Q5581" i="5"/>
  <c r="Q5582" i="5"/>
  <c r="Q5583" i="5"/>
  <c r="Q5584" i="5"/>
  <c r="Q5585" i="5"/>
  <c r="Q5586" i="5"/>
  <c r="Q5587" i="5"/>
  <c r="Q5588" i="5"/>
  <c r="Q5589" i="5"/>
  <c r="Q5590" i="5"/>
  <c r="Q5591" i="5"/>
  <c r="Q5592" i="5"/>
  <c r="Q5593" i="5"/>
  <c r="Q5594" i="5"/>
  <c r="Q5595" i="5"/>
  <c r="Q5596" i="5"/>
  <c r="Q5597" i="5"/>
  <c r="Q5598" i="5"/>
  <c r="Q5599" i="5"/>
  <c r="Q5600" i="5"/>
  <c r="Q5601" i="5"/>
  <c r="Q5602" i="5"/>
  <c r="Q5603" i="5"/>
  <c r="Q5604" i="5"/>
  <c r="Q5605" i="5"/>
  <c r="Q5606" i="5"/>
  <c r="Q5607" i="5"/>
  <c r="Q5608" i="5"/>
  <c r="Q5609" i="5"/>
  <c r="Q5610" i="5"/>
  <c r="Q5611" i="5"/>
  <c r="Q5612" i="5"/>
  <c r="Q5613" i="5"/>
  <c r="Q5614" i="5"/>
  <c r="Q5615" i="5"/>
  <c r="Q5616" i="5"/>
  <c r="Q5617" i="5"/>
  <c r="Q5618" i="5"/>
  <c r="Q5619" i="5"/>
  <c r="Q5620" i="5"/>
  <c r="Q5621" i="5"/>
  <c r="Q5622" i="5"/>
  <c r="Q5623" i="5"/>
  <c r="Q5624" i="5"/>
  <c r="Q5625" i="5"/>
  <c r="Q5626" i="5"/>
  <c r="Q5627" i="5"/>
  <c r="Q5628" i="5"/>
  <c r="Q5629" i="5"/>
  <c r="Q5630" i="5"/>
  <c r="Q5631" i="5"/>
  <c r="Q5632" i="5"/>
  <c r="Q5633" i="5"/>
  <c r="Q5634" i="5"/>
  <c r="Q5635" i="5"/>
  <c r="Q5636" i="5"/>
  <c r="Q5637" i="5"/>
  <c r="Q5638" i="5"/>
  <c r="Q5639" i="5"/>
  <c r="Q5640" i="5"/>
  <c r="Q5641" i="5"/>
  <c r="Q5642" i="5"/>
  <c r="Q5643" i="5"/>
  <c r="Q5644" i="5"/>
  <c r="Q5645" i="5"/>
  <c r="Q5646" i="5"/>
  <c r="Q5647" i="5"/>
  <c r="Q5648" i="5"/>
  <c r="Q5649" i="5"/>
  <c r="Q5650" i="5"/>
  <c r="Q5651" i="5"/>
  <c r="Q5652" i="5"/>
  <c r="Q5653" i="5"/>
  <c r="Q5654" i="5"/>
  <c r="Q5655" i="5"/>
  <c r="Q5656" i="5"/>
  <c r="Q5657" i="5"/>
  <c r="Q5658" i="5"/>
  <c r="Q5659" i="5"/>
  <c r="Q5660" i="5"/>
  <c r="Q5661" i="5"/>
  <c r="Q5662" i="5"/>
  <c r="Q5663" i="5"/>
  <c r="Q5664" i="5"/>
  <c r="Q5665" i="5"/>
  <c r="Q5666" i="5"/>
  <c r="Q5667" i="5"/>
  <c r="Q5668" i="5"/>
  <c r="Q5669" i="5"/>
  <c r="Q5670" i="5"/>
  <c r="Q5671" i="5"/>
  <c r="Q5672" i="5"/>
  <c r="Q5673" i="5"/>
  <c r="Q5674" i="5"/>
  <c r="Q5675" i="5"/>
  <c r="Q5676" i="5"/>
  <c r="Q5677" i="5"/>
  <c r="Q5678" i="5"/>
  <c r="Q5679" i="5"/>
  <c r="Q5680" i="5"/>
  <c r="Q5681" i="5"/>
  <c r="Q5682" i="5"/>
  <c r="Q5683" i="5"/>
  <c r="Q5684" i="5"/>
  <c r="Q5685" i="5"/>
  <c r="Q5686" i="5"/>
  <c r="Q5687" i="5"/>
  <c r="Q5688" i="5"/>
  <c r="Q5689" i="5"/>
  <c r="Q5690" i="5"/>
  <c r="Q5691" i="5"/>
  <c r="Q5692" i="5"/>
  <c r="Q5693" i="5"/>
  <c r="Q5694" i="5"/>
  <c r="Q5695" i="5"/>
  <c r="Q5696" i="5"/>
  <c r="Q5697" i="5"/>
  <c r="Q5698" i="5"/>
  <c r="Q5699" i="5"/>
  <c r="Q5700" i="5"/>
  <c r="Q5701" i="5"/>
  <c r="Q5702" i="5"/>
  <c r="Q5703" i="5"/>
  <c r="Q5704" i="5"/>
  <c r="Q5705" i="5"/>
  <c r="Q5706" i="5"/>
  <c r="Q5707" i="5"/>
  <c r="Q5708" i="5"/>
  <c r="Q5709" i="5"/>
  <c r="Q5710" i="5"/>
  <c r="Q5711" i="5"/>
  <c r="Q5712" i="5"/>
  <c r="Q5713" i="5"/>
  <c r="Q5714" i="5"/>
  <c r="Q5715" i="5"/>
  <c r="Q5716" i="5"/>
  <c r="Q5717" i="5"/>
  <c r="Q5718" i="5"/>
  <c r="Q5719" i="5"/>
  <c r="Q5720" i="5"/>
  <c r="Q5721" i="5"/>
  <c r="Q5722" i="5"/>
  <c r="Q5723" i="5"/>
  <c r="Q5724" i="5"/>
  <c r="Q5725" i="5"/>
  <c r="Q5726" i="5"/>
  <c r="Q5727" i="5"/>
  <c r="Q5728" i="5"/>
  <c r="Q5729" i="5"/>
  <c r="Q5730" i="5"/>
  <c r="Q5731" i="5"/>
  <c r="Q5732" i="5"/>
  <c r="Q5733" i="5"/>
  <c r="Q5734" i="5"/>
  <c r="Q5735" i="5"/>
  <c r="Q5736" i="5"/>
  <c r="Q5737" i="5"/>
  <c r="Q5738" i="5"/>
  <c r="Q5739" i="5"/>
  <c r="Q5740" i="5"/>
  <c r="Q5741" i="5"/>
  <c r="Q5742" i="5"/>
  <c r="Q5743" i="5"/>
  <c r="Q5744" i="5"/>
  <c r="Q5745" i="5"/>
  <c r="Q5746" i="5"/>
  <c r="Q5747" i="5"/>
  <c r="Q5748" i="5"/>
  <c r="Q5749" i="5"/>
  <c r="Q5750" i="5"/>
  <c r="Q5751" i="5"/>
  <c r="Q5752" i="5"/>
  <c r="Q5753" i="5"/>
  <c r="Q5754" i="5"/>
  <c r="Q5755" i="5"/>
  <c r="Q5756" i="5"/>
  <c r="Q5757" i="5"/>
  <c r="Q5758" i="5"/>
  <c r="Q5759" i="5"/>
  <c r="Q5760" i="5"/>
  <c r="Q5761" i="5"/>
  <c r="Q5762" i="5"/>
  <c r="Q5763" i="5"/>
  <c r="Q5764" i="5"/>
  <c r="Q5765" i="5"/>
  <c r="Q5766" i="5"/>
  <c r="Q5767" i="5"/>
  <c r="Q5768" i="5"/>
  <c r="Q5769" i="5"/>
  <c r="Q5770" i="5"/>
  <c r="Q5771" i="5"/>
  <c r="Q5772" i="5"/>
  <c r="Q5773" i="5"/>
  <c r="Q5774" i="5"/>
  <c r="Q5775" i="5"/>
  <c r="Q5776" i="5"/>
  <c r="Q5777" i="5"/>
  <c r="Q5778" i="5"/>
  <c r="Q5779" i="5"/>
  <c r="Q5780" i="5"/>
  <c r="Q5781" i="5"/>
  <c r="Q5782" i="5"/>
  <c r="Q5783" i="5"/>
  <c r="Q5784" i="5"/>
  <c r="Q5785" i="5"/>
  <c r="Q5786" i="5"/>
  <c r="Q5787" i="5"/>
  <c r="Q5788" i="5"/>
  <c r="Q5789" i="5"/>
  <c r="Q5790" i="5"/>
  <c r="Q5791" i="5"/>
  <c r="Q5792" i="5"/>
  <c r="Q5793" i="5"/>
  <c r="Q5794" i="5"/>
  <c r="Q5795" i="5"/>
  <c r="Q5796" i="5"/>
  <c r="Q5797" i="5"/>
  <c r="Q5798" i="5"/>
  <c r="Q5799" i="5"/>
  <c r="Q5800" i="5"/>
  <c r="Q5801" i="5"/>
  <c r="Q5802" i="5"/>
  <c r="Q5803" i="5"/>
  <c r="Q5804" i="5"/>
  <c r="Q5805" i="5"/>
  <c r="Q5806" i="5"/>
  <c r="Q5807" i="5"/>
  <c r="Q5808" i="5"/>
  <c r="Q5809" i="5"/>
  <c r="Q5810" i="5"/>
  <c r="Q5811" i="5"/>
  <c r="Q5812" i="5"/>
  <c r="Q5813" i="5"/>
  <c r="Q5814" i="5"/>
  <c r="Q5815" i="5"/>
  <c r="Q5816" i="5"/>
  <c r="Q5817" i="5"/>
  <c r="Q5818" i="5"/>
  <c r="Q5819" i="5"/>
  <c r="Q5820" i="5"/>
  <c r="Q5821" i="5"/>
  <c r="Q5822" i="5"/>
  <c r="Q5823" i="5"/>
  <c r="Q5824" i="5"/>
  <c r="Q5825" i="5"/>
  <c r="Q5826" i="5"/>
  <c r="Q5827" i="5"/>
  <c r="Q5828" i="5"/>
  <c r="Q5829" i="5"/>
  <c r="Q5830" i="5"/>
  <c r="Q5831" i="5"/>
  <c r="Q5832" i="5"/>
  <c r="Q5833" i="5"/>
  <c r="Q5834" i="5"/>
  <c r="Q5835" i="5"/>
  <c r="Q5836" i="5"/>
  <c r="Q5837" i="5"/>
  <c r="Q5838" i="5"/>
  <c r="Q5839" i="5"/>
  <c r="Q5840" i="5"/>
  <c r="Q5841" i="5"/>
  <c r="Q5842" i="5"/>
  <c r="Q5843" i="5"/>
  <c r="Q5844" i="5"/>
  <c r="Q5845" i="5"/>
  <c r="Q5846" i="5"/>
  <c r="Q5847" i="5"/>
  <c r="Q5848" i="5"/>
  <c r="Q5849" i="5"/>
  <c r="Q5850" i="5"/>
  <c r="Q5851" i="5"/>
  <c r="Q5852" i="5"/>
  <c r="Q5853" i="5"/>
  <c r="Q5854" i="5"/>
  <c r="Q5855" i="5"/>
  <c r="Q5856" i="5"/>
  <c r="Q5857" i="5"/>
  <c r="Q5858" i="5"/>
  <c r="Q5859" i="5"/>
  <c r="Q5860" i="5"/>
  <c r="Q5861" i="5"/>
  <c r="Q5862" i="5"/>
  <c r="Q5863" i="5"/>
  <c r="Q5864" i="5"/>
  <c r="Q5865" i="5"/>
  <c r="Q5866" i="5"/>
  <c r="Q5867" i="5"/>
  <c r="Q5868" i="5"/>
  <c r="Q5869" i="5"/>
  <c r="Q5870" i="5"/>
  <c r="Q5871" i="5"/>
  <c r="Q5872" i="5"/>
  <c r="Q5873" i="5"/>
  <c r="Q5874" i="5"/>
  <c r="Q5875" i="5"/>
  <c r="Q5876" i="5"/>
  <c r="Q5877" i="5"/>
  <c r="Q5878" i="5"/>
  <c r="Q5879" i="5"/>
  <c r="Q5880" i="5"/>
  <c r="Q5881" i="5"/>
  <c r="Q5882" i="5"/>
  <c r="Q5883" i="5"/>
  <c r="Q5884" i="5"/>
  <c r="Q5885" i="5"/>
  <c r="Q5886" i="5"/>
  <c r="Q5887" i="5"/>
  <c r="Q5888" i="5"/>
  <c r="Q5889" i="5"/>
  <c r="Q5890" i="5"/>
  <c r="Q5891" i="5"/>
  <c r="Q5892" i="5"/>
  <c r="Q5893" i="5"/>
  <c r="Q5894" i="5"/>
  <c r="Q5895" i="5"/>
  <c r="Q5896" i="5"/>
  <c r="Q5897" i="5"/>
  <c r="Q5898" i="5"/>
  <c r="Q5899" i="5"/>
  <c r="Q5900" i="5"/>
  <c r="Q5901" i="5"/>
  <c r="Q5902" i="5"/>
  <c r="Q5903" i="5"/>
  <c r="Q5904" i="5"/>
  <c r="Q5905" i="5"/>
  <c r="Q5906" i="5"/>
  <c r="Q5907" i="5"/>
  <c r="Q5908" i="5"/>
  <c r="Q5909" i="5"/>
  <c r="Q5910" i="5"/>
  <c r="Q5911" i="5"/>
  <c r="Q5912" i="5"/>
  <c r="Q5913" i="5"/>
  <c r="Q5914" i="5"/>
  <c r="Q5915" i="5"/>
  <c r="Q5916" i="5"/>
  <c r="Q5917" i="5"/>
  <c r="Q5918" i="5"/>
  <c r="Q5919" i="5"/>
  <c r="Q5920" i="5"/>
  <c r="Q5921" i="5"/>
  <c r="Q5922" i="5"/>
  <c r="Q5923" i="5"/>
  <c r="Q5924" i="5"/>
  <c r="Q5925" i="5"/>
  <c r="Q5926" i="5"/>
  <c r="Q5927" i="5"/>
  <c r="Q5928" i="5"/>
  <c r="Q5929" i="5"/>
  <c r="Q5930" i="5"/>
  <c r="Q5931" i="5"/>
  <c r="Q5932" i="5"/>
  <c r="Q5933" i="5"/>
  <c r="Q5934" i="5"/>
  <c r="Q5935" i="5"/>
  <c r="Q5936" i="5"/>
  <c r="Q5937" i="5"/>
  <c r="Q5938" i="5"/>
  <c r="Q5939" i="5"/>
  <c r="Q5940" i="5"/>
  <c r="Q5941" i="5"/>
  <c r="Q5942" i="5"/>
  <c r="Q5943" i="5"/>
  <c r="Q5944" i="5"/>
  <c r="Q5945" i="5"/>
  <c r="Q5946" i="5"/>
  <c r="Q5947" i="5"/>
  <c r="Q5948" i="5"/>
  <c r="Q5949" i="5"/>
  <c r="Q5950" i="5"/>
  <c r="Q5951" i="5"/>
  <c r="Q5952" i="5"/>
  <c r="Q5953" i="5"/>
  <c r="Q5954" i="5"/>
  <c r="Q5955" i="5"/>
  <c r="Q5956" i="5"/>
  <c r="Q5957" i="5"/>
  <c r="Q5958" i="5"/>
  <c r="Q5959" i="5"/>
  <c r="Q5960" i="5"/>
  <c r="Q5961" i="5"/>
  <c r="Q5962" i="5"/>
  <c r="Q5963" i="5"/>
  <c r="Q5964" i="5"/>
  <c r="Q5965" i="5"/>
  <c r="Q5966" i="5"/>
  <c r="Q5967" i="5"/>
  <c r="Q5968" i="5"/>
  <c r="Q5969" i="5"/>
  <c r="Q5970" i="5"/>
  <c r="Q5971" i="5"/>
  <c r="Q5972" i="5"/>
  <c r="Q5973" i="5"/>
  <c r="Q5974" i="5"/>
  <c r="Q5975" i="5"/>
  <c r="Q5976" i="5"/>
  <c r="Q5977" i="5"/>
  <c r="Q5978" i="5"/>
  <c r="Q5979" i="5"/>
  <c r="Q5980" i="5"/>
  <c r="Q5981" i="5"/>
  <c r="Q5982" i="5"/>
  <c r="Q5983" i="5"/>
  <c r="Q5984" i="5"/>
  <c r="Q5985" i="5"/>
  <c r="Q5986" i="5"/>
  <c r="Q5987" i="5"/>
  <c r="Q5988" i="5"/>
  <c r="Q5989" i="5"/>
  <c r="Q5990" i="5"/>
  <c r="Q5991" i="5"/>
  <c r="Q5992" i="5"/>
  <c r="Q5993" i="5"/>
  <c r="Q5994" i="5"/>
  <c r="Q5995" i="5"/>
  <c r="Q5996" i="5"/>
  <c r="Q5997" i="5"/>
  <c r="Q5998" i="5"/>
  <c r="Q5999" i="5"/>
  <c r="Q6000" i="5"/>
  <c r="Q6001" i="5"/>
  <c r="Q6002" i="5"/>
  <c r="Q6003" i="5"/>
  <c r="Q6004" i="5"/>
  <c r="Q6005" i="5"/>
  <c r="Q6006" i="5"/>
  <c r="Q6007" i="5"/>
  <c r="Q6008" i="5"/>
  <c r="Q6009" i="5"/>
  <c r="Q6010" i="5"/>
  <c r="Q6011" i="5"/>
  <c r="Q6012" i="5"/>
  <c r="Q6013" i="5"/>
  <c r="Q6014" i="5"/>
  <c r="Q6015" i="5"/>
  <c r="Q6016" i="5"/>
  <c r="Q6017" i="5"/>
  <c r="Q6018" i="5"/>
  <c r="Q6019" i="5"/>
  <c r="Q6020" i="5"/>
  <c r="Q6021" i="5"/>
  <c r="Q6022" i="5"/>
  <c r="Q6023" i="5"/>
  <c r="Q6024" i="5"/>
  <c r="Q6025" i="5"/>
  <c r="Q6026" i="5"/>
  <c r="Q6027" i="5"/>
  <c r="Q6028" i="5"/>
  <c r="Q6029" i="5"/>
  <c r="Q6030" i="5"/>
  <c r="Q6031" i="5"/>
  <c r="Q6032" i="5"/>
  <c r="Q6033" i="5"/>
  <c r="Q6034" i="5"/>
  <c r="Q6035" i="5"/>
  <c r="Q6036" i="5"/>
  <c r="Q6037" i="5"/>
  <c r="Q6038" i="5"/>
  <c r="Q6039" i="5"/>
  <c r="Q6040" i="5"/>
  <c r="Q6041" i="5"/>
  <c r="Q6042" i="5"/>
  <c r="Q6043" i="5"/>
  <c r="Q6044" i="5"/>
  <c r="Q6045" i="5"/>
  <c r="Q6046" i="5"/>
  <c r="Q6047" i="5"/>
  <c r="Q6048" i="5"/>
  <c r="Q6049" i="5"/>
  <c r="Q6050" i="5"/>
  <c r="Q6051" i="5"/>
  <c r="Q6052" i="5"/>
  <c r="Q6053" i="5"/>
  <c r="Q6054" i="5"/>
  <c r="Q6055" i="5"/>
  <c r="Q6056" i="5"/>
  <c r="Q6057" i="5"/>
  <c r="Q6058" i="5"/>
  <c r="Q6059" i="5"/>
  <c r="Q6060" i="5"/>
  <c r="Q6061" i="5"/>
  <c r="Q6062" i="5"/>
  <c r="Q6063" i="5"/>
  <c r="Q6064" i="5"/>
  <c r="Q6065" i="5"/>
  <c r="Q6066" i="5"/>
  <c r="Q6067" i="5"/>
  <c r="Q6068" i="5"/>
  <c r="Q6069" i="5"/>
  <c r="Q6070" i="5"/>
  <c r="Q6071" i="5"/>
  <c r="Q6072" i="5"/>
  <c r="Q6073" i="5"/>
  <c r="Q6074" i="5"/>
  <c r="Q6075" i="5"/>
  <c r="Q6076" i="5"/>
  <c r="Q6077" i="5"/>
  <c r="Q6078" i="5"/>
  <c r="Q6079" i="5"/>
  <c r="Q6080" i="5"/>
  <c r="Q6081" i="5"/>
  <c r="Q6082" i="5"/>
  <c r="Q6083" i="5"/>
  <c r="Q6084" i="5"/>
  <c r="Q6085" i="5"/>
  <c r="Q6086" i="5"/>
  <c r="Q6087" i="5"/>
  <c r="Q6088" i="5"/>
  <c r="Q6089" i="5"/>
  <c r="Q6090" i="5"/>
  <c r="Q6091" i="5"/>
  <c r="Q6092" i="5"/>
  <c r="Q6093" i="5"/>
  <c r="Q6094" i="5"/>
  <c r="Q6095" i="5"/>
  <c r="Q6096" i="5"/>
  <c r="Q6097" i="5"/>
  <c r="Q6098" i="5"/>
  <c r="Q6099" i="5"/>
  <c r="Q6100" i="5"/>
  <c r="Q6101" i="5"/>
  <c r="Q6102" i="5"/>
  <c r="Q6103" i="5"/>
  <c r="Q6104" i="5"/>
  <c r="Q6105" i="5"/>
  <c r="Q6106" i="5"/>
  <c r="Q6107" i="5"/>
  <c r="Q6108" i="5"/>
  <c r="Q6109" i="5"/>
  <c r="Q6110" i="5"/>
  <c r="Q6111" i="5"/>
  <c r="Q6112" i="5"/>
  <c r="Q6113" i="5"/>
  <c r="Q6114" i="5"/>
  <c r="Q6115" i="5"/>
  <c r="Q6116" i="5"/>
  <c r="Q6117" i="5"/>
  <c r="Q6118" i="5"/>
  <c r="Q6119" i="5"/>
  <c r="Q6120" i="5"/>
  <c r="Q6121" i="5"/>
  <c r="Q6122" i="5"/>
  <c r="Q6123" i="5"/>
  <c r="Q6124" i="5"/>
  <c r="Q6125" i="5"/>
  <c r="Q6126" i="5"/>
  <c r="Q6127" i="5"/>
  <c r="Q6128" i="5"/>
  <c r="Q6129" i="5"/>
  <c r="Q6130" i="5"/>
  <c r="Q6131" i="5"/>
  <c r="Q6132" i="5"/>
  <c r="Q6133" i="5"/>
  <c r="Q6134" i="5"/>
  <c r="Q6135" i="5"/>
  <c r="Q6136" i="5"/>
  <c r="Q6137" i="5"/>
  <c r="Q6138" i="5"/>
  <c r="Q6139" i="5"/>
  <c r="Q6140" i="5"/>
  <c r="Q6141" i="5"/>
  <c r="Q6142" i="5"/>
  <c r="Q6143" i="5"/>
  <c r="Q6144" i="5"/>
  <c r="Q6145" i="5"/>
  <c r="Q6146" i="5"/>
  <c r="Q6147" i="5"/>
  <c r="Q6148" i="5"/>
  <c r="Q6149" i="5"/>
  <c r="Q6150" i="5"/>
  <c r="Q6151" i="5"/>
  <c r="Q6152" i="5"/>
  <c r="Q6153" i="5"/>
  <c r="Q6154" i="5"/>
  <c r="Q6155" i="5"/>
  <c r="Q6156" i="5"/>
  <c r="Q6157" i="5"/>
  <c r="Q6158" i="5"/>
  <c r="Q6159" i="5"/>
  <c r="Q6160" i="5"/>
  <c r="Q6161" i="5"/>
  <c r="Q6162" i="5"/>
  <c r="Q6163" i="5"/>
  <c r="Q6164" i="5"/>
  <c r="Q6165" i="5"/>
  <c r="Q6166" i="5"/>
  <c r="Q6167" i="5"/>
  <c r="Q6168" i="5"/>
  <c r="Q6169" i="5"/>
  <c r="Q6170" i="5"/>
  <c r="Q6171" i="5"/>
  <c r="Q6172" i="5"/>
  <c r="Q6173" i="5"/>
  <c r="Q6174" i="5"/>
  <c r="Q6175" i="5"/>
  <c r="Q6176" i="5"/>
  <c r="Q6177" i="5"/>
  <c r="Q6178" i="5"/>
  <c r="Q6179" i="5"/>
  <c r="Q6180" i="5"/>
  <c r="Q6181" i="5"/>
  <c r="Q6182" i="5"/>
  <c r="Q6183" i="5"/>
  <c r="Q6184" i="5"/>
  <c r="Q6185" i="5"/>
  <c r="Q6186" i="5"/>
  <c r="Q6187" i="5"/>
  <c r="Q6188" i="5"/>
  <c r="Q6189" i="5"/>
  <c r="Q6190" i="5"/>
  <c r="Q6191" i="5"/>
  <c r="Q6192" i="5"/>
  <c r="Q6193" i="5"/>
  <c r="Q6194" i="5"/>
  <c r="Q6195" i="5"/>
  <c r="Q6196" i="5"/>
  <c r="Q6197" i="5"/>
  <c r="Q6198" i="5"/>
  <c r="Q6199" i="5"/>
  <c r="Q6200" i="5"/>
  <c r="Q6201" i="5"/>
  <c r="Q6202" i="5"/>
  <c r="Q6203" i="5"/>
  <c r="Q6204" i="5"/>
  <c r="Q6205" i="5"/>
  <c r="Q6206" i="5"/>
  <c r="Q6207" i="5"/>
  <c r="Q6208" i="5"/>
  <c r="Q6209" i="5"/>
  <c r="Q6210" i="5"/>
  <c r="Q6211" i="5"/>
  <c r="Q6212" i="5"/>
  <c r="Q6213" i="5"/>
  <c r="Q6214" i="5"/>
  <c r="Q6215" i="5"/>
  <c r="Q6216" i="5"/>
  <c r="Q6217" i="5"/>
  <c r="Q6218" i="5"/>
  <c r="Q6219" i="5"/>
  <c r="Q6220" i="5"/>
  <c r="Q6221" i="5"/>
  <c r="Q6222" i="5"/>
  <c r="Q6223" i="5"/>
  <c r="Q6224" i="5"/>
  <c r="Q6225" i="5"/>
  <c r="Q6226" i="5"/>
  <c r="Q6227" i="5"/>
  <c r="Q6228" i="5"/>
  <c r="Q6229" i="5"/>
  <c r="Q6230" i="5"/>
  <c r="Q6231" i="5"/>
  <c r="Q6232" i="5"/>
  <c r="Q6233" i="5"/>
  <c r="Q6234" i="5"/>
  <c r="Q6235" i="5"/>
  <c r="Q6236" i="5"/>
  <c r="Q6237" i="5"/>
  <c r="Q6238" i="5"/>
  <c r="Q6239" i="5"/>
  <c r="Q6240" i="5"/>
  <c r="Q6241" i="5"/>
  <c r="Q6242" i="5"/>
  <c r="Q6243" i="5"/>
  <c r="Q6244" i="5"/>
  <c r="Q6245" i="5"/>
  <c r="Q6246" i="5"/>
  <c r="Q6247" i="5"/>
  <c r="Q6248" i="5"/>
  <c r="Q6249" i="5"/>
  <c r="Q6250" i="5"/>
  <c r="Q6251" i="5"/>
  <c r="Q6252" i="5"/>
  <c r="Q6253" i="5"/>
  <c r="Q6254" i="5"/>
  <c r="Q6255" i="5"/>
  <c r="Q6256" i="5"/>
  <c r="Q6257" i="5"/>
  <c r="Q6258" i="5"/>
  <c r="Q6259" i="5"/>
  <c r="Q6260" i="5"/>
  <c r="Q6261" i="5"/>
  <c r="Q6262" i="5"/>
  <c r="Q6263" i="5"/>
  <c r="Q6264" i="5"/>
  <c r="Q6265" i="5"/>
  <c r="Q6266" i="5"/>
  <c r="Q6267" i="5"/>
  <c r="Q6268" i="5"/>
  <c r="Q6269" i="5"/>
  <c r="Q6270" i="5"/>
  <c r="Q6271" i="5"/>
  <c r="Q6272" i="5"/>
  <c r="Q6273" i="5"/>
  <c r="Q6274" i="5"/>
  <c r="Q6275" i="5"/>
  <c r="Q6276" i="5"/>
  <c r="Q6277" i="5"/>
  <c r="Q6278" i="5"/>
  <c r="Q6279" i="5"/>
  <c r="Q6280" i="5"/>
  <c r="Q6281" i="5"/>
  <c r="Q6282" i="5"/>
  <c r="Q6283" i="5"/>
  <c r="Q6284" i="5"/>
  <c r="Q6285" i="5"/>
  <c r="Q6286" i="5"/>
  <c r="Q6287" i="5"/>
  <c r="Q6288" i="5"/>
  <c r="Q6289" i="5"/>
  <c r="Q6290" i="5"/>
  <c r="Q6291" i="5"/>
  <c r="Q6292" i="5"/>
  <c r="Q6293" i="5"/>
  <c r="Q6294" i="5"/>
  <c r="Q6295" i="5"/>
  <c r="Q6296" i="5"/>
  <c r="Q6297" i="5"/>
  <c r="Q6298" i="5"/>
  <c r="Q6299" i="5"/>
  <c r="Q6300" i="5"/>
  <c r="Q6301" i="5"/>
  <c r="Q6302" i="5"/>
  <c r="Q6303" i="5"/>
  <c r="Q6304" i="5"/>
  <c r="Q6305" i="5"/>
  <c r="Q6306" i="5"/>
  <c r="Q6307" i="5"/>
  <c r="Q6308" i="5"/>
  <c r="Q6309" i="5"/>
  <c r="Q6310" i="5"/>
  <c r="Q6311" i="5"/>
  <c r="Q6312" i="5"/>
  <c r="Q6313" i="5"/>
  <c r="Q6314" i="5"/>
  <c r="Q6315" i="5"/>
  <c r="Q6316" i="5"/>
  <c r="Q6317" i="5"/>
  <c r="Q6318" i="5"/>
  <c r="Q6319" i="5"/>
  <c r="Q6320" i="5"/>
  <c r="Q6321" i="5"/>
  <c r="Q6322" i="5"/>
  <c r="Q6323" i="5"/>
  <c r="Q6324" i="5"/>
  <c r="Q6325" i="5"/>
  <c r="Q6326" i="5"/>
  <c r="Q6327" i="5"/>
  <c r="Q6328" i="5"/>
  <c r="Q6329" i="5"/>
  <c r="Q6330" i="5"/>
  <c r="Q6331" i="5"/>
  <c r="Q6332" i="5"/>
  <c r="Q6333" i="5"/>
  <c r="Q6334" i="5"/>
  <c r="Q6335" i="5"/>
  <c r="Q6336" i="5"/>
  <c r="Q6337" i="5"/>
  <c r="Q6338" i="5"/>
  <c r="Q6339" i="5"/>
  <c r="Q6340" i="5"/>
  <c r="Q6341" i="5"/>
  <c r="Q6342" i="5"/>
  <c r="Q6343" i="5"/>
  <c r="Q6344" i="5"/>
  <c r="Q6345" i="5"/>
  <c r="Q6346" i="5"/>
  <c r="Q6347" i="5"/>
  <c r="Q6348" i="5"/>
  <c r="Q6349" i="5"/>
  <c r="Q6350" i="5"/>
  <c r="Q6351" i="5"/>
  <c r="Q6352" i="5"/>
  <c r="Q6353" i="5"/>
  <c r="Q6354" i="5"/>
  <c r="Q6355" i="5"/>
  <c r="Q6356" i="5"/>
  <c r="Q6357" i="5"/>
  <c r="Q6358" i="5"/>
  <c r="Q6359" i="5"/>
  <c r="Q6360" i="5"/>
  <c r="Q6361" i="5"/>
  <c r="Q6362" i="5"/>
  <c r="Q6363" i="5"/>
  <c r="Q6364" i="5"/>
  <c r="Q6365" i="5"/>
  <c r="Q6366" i="5"/>
  <c r="Q6367" i="5"/>
  <c r="Q6368" i="5"/>
  <c r="Q6369" i="5"/>
  <c r="Q6370" i="5"/>
  <c r="Q6371" i="5"/>
  <c r="Q6372" i="5"/>
  <c r="Q6373" i="5"/>
  <c r="Q6374" i="5"/>
  <c r="Q6375" i="5"/>
  <c r="Q6376" i="5"/>
  <c r="Q6377" i="5"/>
  <c r="Q6378" i="5"/>
  <c r="Q6379" i="5"/>
  <c r="Q6380" i="5"/>
  <c r="Q6381" i="5"/>
  <c r="Q6382" i="5"/>
  <c r="Q6383" i="5"/>
  <c r="Q6384" i="5"/>
  <c r="Q6385" i="5"/>
  <c r="Q6386" i="5"/>
  <c r="Q6387" i="5"/>
  <c r="Q6388" i="5"/>
  <c r="Q6389" i="5"/>
  <c r="Q6390" i="5"/>
  <c r="Q6391" i="5"/>
  <c r="Q6392" i="5"/>
  <c r="Q6393" i="5"/>
  <c r="Q6394" i="5"/>
  <c r="Q6395" i="5"/>
  <c r="Q6396" i="5"/>
  <c r="Q6397" i="5"/>
  <c r="Q6398" i="5"/>
  <c r="Q6399" i="5"/>
  <c r="Q6400" i="5"/>
  <c r="Q6401" i="5"/>
  <c r="Q6402" i="5"/>
  <c r="Q6403" i="5"/>
  <c r="Q6404" i="5"/>
  <c r="Q6405" i="5"/>
  <c r="Q6406" i="5"/>
  <c r="Q6407" i="5"/>
  <c r="Q6408" i="5"/>
  <c r="Q6409" i="5"/>
  <c r="Q6410" i="5"/>
  <c r="Q6411" i="5"/>
  <c r="Q6412" i="5"/>
  <c r="Q6413" i="5"/>
  <c r="Q6414" i="5"/>
  <c r="Q6415" i="5"/>
  <c r="Q6416" i="5"/>
  <c r="Q6417" i="5"/>
  <c r="Q6418" i="5"/>
  <c r="Q6419" i="5"/>
  <c r="Q6420" i="5"/>
  <c r="Q6421" i="5"/>
  <c r="Q6422" i="5"/>
  <c r="Q6423" i="5"/>
  <c r="Q6424" i="5"/>
  <c r="Q6425" i="5"/>
  <c r="Q6426" i="5"/>
  <c r="Q6427" i="5"/>
  <c r="Q6428" i="5"/>
  <c r="Q6429" i="5"/>
  <c r="Q6430" i="5"/>
  <c r="Q6431" i="5"/>
  <c r="Q6432" i="5"/>
  <c r="Q6433" i="5"/>
  <c r="Q6434" i="5"/>
  <c r="Q6435" i="5"/>
  <c r="Q6436" i="5"/>
  <c r="Q6437" i="5"/>
  <c r="Q6438" i="5"/>
  <c r="Q6439" i="5"/>
  <c r="Q6440" i="5"/>
  <c r="Q6441" i="5"/>
  <c r="Q6442" i="5"/>
  <c r="Q6443" i="5"/>
  <c r="Q6444" i="5"/>
  <c r="Q6445" i="5"/>
  <c r="Q6446" i="5"/>
  <c r="Q6447" i="5"/>
  <c r="Q6448" i="5"/>
  <c r="Q6449" i="5"/>
  <c r="Q6450" i="5"/>
  <c r="Q6451" i="5"/>
  <c r="Q6452" i="5"/>
  <c r="Q6453" i="5"/>
  <c r="Q6454" i="5"/>
  <c r="Q6455" i="5"/>
  <c r="Q6456" i="5"/>
  <c r="Q6457" i="5"/>
  <c r="Q6458" i="5"/>
  <c r="Q6459" i="5"/>
  <c r="Q6460" i="5"/>
  <c r="Q6461" i="5"/>
  <c r="Q6462" i="5"/>
  <c r="Q6463" i="5"/>
  <c r="Q6464" i="5"/>
  <c r="Q6465" i="5"/>
  <c r="Q6466" i="5"/>
  <c r="Q6467" i="5"/>
  <c r="Q6468" i="5"/>
  <c r="Q6469" i="5"/>
  <c r="Q6470" i="5"/>
  <c r="Q6471" i="5"/>
  <c r="Q6472" i="5"/>
  <c r="Q6473" i="5"/>
  <c r="Q6474" i="5"/>
  <c r="Q6475" i="5"/>
  <c r="Q6476" i="5"/>
  <c r="Q6477" i="5"/>
  <c r="Q6478" i="5"/>
  <c r="Q6479" i="5"/>
  <c r="Q6480" i="5"/>
  <c r="Q6481" i="5"/>
  <c r="Q6482" i="5"/>
  <c r="Q6483" i="5"/>
  <c r="Q6484" i="5"/>
  <c r="Q6485" i="5"/>
  <c r="Q6486" i="5"/>
  <c r="Q6487" i="5"/>
  <c r="Q6488" i="5"/>
  <c r="Q6489" i="5"/>
  <c r="Q6490" i="5"/>
  <c r="Q6491" i="5"/>
  <c r="Q6492" i="5"/>
  <c r="Q6493" i="5"/>
  <c r="Q6494" i="5"/>
  <c r="Q6495" i="5"/>
  <c r="Q6496" i="5"/>
  <c r="Q6497" i="5"/>
  <c r="Q6498" i="5"/>
  <c r="Q6499" i="5"/>
  <c r="Q6500" i="5"/>
  <c r="Q6501" i="5"/>
  <c r="Q6502" i="5"/>
  <c r="Q6503" i="5"/>
  <c r="Q6504" i="5"/>
  <c r="Q6505" i="5"/>
  <c r="Q6506" i="5"/>
  <c r="Q6507" i="5"/>
  <c r="Q6508" i="5"/>
  <c r="Q6509" i="5"/>
  <c r="Q6510" i="5"/>
  <c r="Q6511" i="5"/>
  <c r="Q6512" i="5"/>
  <c r="Q6513" i="5"/>
  <c r="Q6514" i="5"/>
  <c r="Q6515" i="5"/>
  <c r="Q6516" i="5"/>
  <c r="Q6517" i="5"/>
  <c r="Q6518" i="5"/>
  <c r="Q6519" i="5"/>
  <c r="Q6520" i="5"/>
  <c r="Q6521" i="5"/>
  <c r="Q6522" i="5"/>
  <c r="Q6523" i="5"/>
  <c r="Q6524" i="5"/>
  <c r="Q6525" i="5"/>
  <c r="Q6526" i="5"/>
  <c r="Q6527" i="5"/>
  <c r="Q6528" i="5"/>
  <c r="Q6529" i="5"/>
  <c r="Q6530" i="5"/>
  <c r="Q6531" i="5"/>
  <c r="Q6532" i="5"/>
  <c r="Q6533" i="5"/>
  <c r="Q6534" i="5"/>
  <c r="Q6535" i="5"/>
  <c r="Q6536" i="5"/>
  <c r="Q6537" i="5"/>
  <c r="Q6538" i="5"/>
  <c r="Q6539" i="5"/>
  <c r="Q6540" i="5"/>
  <c r="Q6541" i="5"/>
  <c r="Q6542" i="5"/>
  <c r="Q6543" i="5"/>
  <c r="Q6544" i="5"/>
  <c r="Q6545" i="5"/>
  <c r="Q6546" i="5"/>
  <c r="Q6547" i="5"/>
  <c r="Q6548" i="5"/>
  <c r="Q6549" i="5"/>
  <c r="Q6550" i="5"/>
  <c r="Q6551" i="5"/>
  <c r="Q6552" i="5"/>
  <c r="Q6553" i="5"/>
  <c r="Q6554" i="5"/>
  <c r="Q6555" i="5"/>
  <c r="Q6556" i="5"/>
  <c r="Q6557" i="5"/>
  <c r="Q6558" i="5"/>
  <c r="Q6559" i="5"/>
  <c r="Q6560" i="5"/>
  <c r="Q6561" i="5"/>
  <c r="Q6562" i="5"/>
  <c r="Q6563" i="5"/>
  <c r="Q6564" i="5"/>
  <c r="Q6565" i="5"/>
  <c r="Q6566" i="5"/>
  <c r="Q6567" i="5"/>
  <c r="Q6568" i="5"/>
  <c r="Q6569" i="5"/>
  <c r="Q6570" i="5"/>
  <c r="Q6571" i="5"/>
  <c r="Q6572" i="5"/>
  <c r="Q6573" i="5"/>
  <c r="Q6574" i="5"/>
  <c r="Q6575" i="5"/>
  <c r="Q6576" i="5"/>
  <c r="Q6577" i="5"/>
  <c r="Q6578" i="5"/>
  <c r="Q6579" i="5"/>
  <c r="Q6580" i="5"/>
  <c r="Q6581" i="5"/>
  <c r="Q6582" i="5"/>
  <c r="Q6583" i="5"/>
  <c r="Q6584" i="5"/>
  <c r="Q6585" i="5"/>
  <c r="Q6586" i="5"/>
  <c r="Q6587" i="5"/>
  <c r="Q6588" i="5"/>
  <c r="Q6589" i="5"/>
  <c r="Q6590" i="5"/>
  <c r="Q6591" i="5"/>
  <c r="Q6592" i="5"/>
  <c r="Q6593" i="5"/>
  <c r="Q6594" i="5"/>
  <c r="Q6595" i="5"/>
  <c r="Q6596" i="5"/>
  <c r="Q6597" i="5"/>
  <c r="Q6598" i="5"/>
  <c r="Q6599" i="5"/>
  <c r="Q6600" i="5"/>
  <c r="Q6601" i="5"/>
  <c r="Q6602" i="5"/>
  <c r="Q6603" i="5"/>
  <c r="Q6604" i="5"/>
  <c r="Q6605" i="5"/>
  <c r="Q6606" i="5"/>
  <c r="Q6607" i="5"/>
  <c r="Q6608" i="5"/>
  <c r="Q6609" i="5"/>
  <c r="Q6610" i="5"/>
  <c r="Q6611" i="5"/>
  <c r="Q6612" i="5"/>
  <c r="Q6613" i="5"/>
  <c r="Q6614" i="5"/>
  <c r="Q6615" i="5"/>
  <c r="Q6616" i="5"/>
  <c r="Q6617" i="5"/>
  <c r="Q6618" i="5"/>
  <c r="Q6619" i="5"/>
  <c r="Q6620" i="5"/>
  <c r="Q6621" i="5"/>
  <c r="Q6622" i="5"/>
  <c r="Q6623" i="5"/>
  <c r="Q6624" i="5"/>
  <c r="Q6625" i="5"/>
  <c r="Q6626" i="5"/>
  <c r="Q6627" i="5"/>
  <c r="Q6628" i="5"/>
  <c r="Q6629" i="5"/>
  <c r="Q6630" i="5"/>
  <c r="Q6631" i="5"/>
  <c r="Q6632" i="5"/>
  <c r="Q6633" i="5"/>
  <c r="Q6634" i="5"/>
  <c r="Q6635" i="5"/>
  <c r="Q6636" i="5"/>
  <c r="Q6637" i="5"/>
  <c r="Q6638" i="5"/>
  <c r="Q6639" i="5"/>
  <c r="Q6640" i="5"/>
  <c r="Q6641" i="5"/>
  <c r="Q6642" i="5"/>
  <c r="Q6643" i="5"/>
  <c r="Q6644" i="5"/>
  <c r="Q6645" i="5"/>
  <c r="Q6646" i="5"/>
  <c r="Q6647" i="5"/>
  <c r="Q6648" i="5"/>
  <c r="Q6649" i="5"/>
  <c r="Q6650" i="5"/>
  <c r="Q6651" i="5"/>
  <c r="Q6652" i="5"/>
  <c r="Q6653" i="5"/>
  <c r="Q6654" i="5"/>
  <c r="Q6655" i="5"/>
  <c r="Q6656" i="5"/>
  <c r="Q6657" i="5"/>
  <c r="Q6658" i="5"/>
  <c r="Q6659" i="5"/>
  <c r="Q6660" i="5"/>
  <c r="Q6661" i="5"/>
  <c r="Q6662" i="5"/>
  <c r="Q6663" i="5"/>
  <c r="Q6664" i="5"/>
  <c r="Q6665" i="5"/>
  <c r="Q6666" i="5"/>
  <c r="Q6667" i="5"/>
  <c r="Q6668" i="5"/>
  <c r="Q6669" i="5"/>
  <c r="Q6670" i="5"/>
  <c r="Q6671" i="5"/>
  <c r="Q6672" i="5"/>
  <c r="Q6673" i="5"/>
  <c r="Q6674" i="5"/>
  <c r="Q6675" i="5"/>
  <c r="Q6676" i="5"/>
  <c r="Q6677" i="5"/>
  <c r="Q6678" i="5"/>
  <c r="Q6679" i="5"/>
  <c r="Q6680" i="5"/>
  <c r="Q6681" i="5"/>
  <c r="Q6682" i="5"/>
  <c r="Q6683" i="5"/>
  <c r="Q6684" i="5"/>
  <c r="Q6685" i="5"/>
  <c r="Q6686" i="5"/>
  <c r="Q6687" i="5"/>
  <c r="Q6688" i="5"/>
  <c r="Q6689" i="5"/>
  <c r="Q6690" i="5"/>
  <c r="Q6691" i="5"/>
  <c r="Q6692" i="5"/>
  <c r="Q6693" i="5"/>
  <c r="Q6694" i="5"/>
  <c r="Q6695" i="5"/>
  <c r="Q6696" i="5"/>
  <c r="Q6697" i="5"/>
  <c r="Q6698" i="5"/>
  <c r="Q6699" i="5"/>
  <c r="Q6700" i="5"/>
  <c r="Q6701" i="5"/>
  <c r="Q6702" i="5"/>
  <c r="Q6703" i="5"/>
  <c r="Q6704" i="5"/>
  <c r="Q6705" i="5"/>
  <c r="Q6706" i="5"/>
  <c r="Q6707" i="5"/>
  <c r="Q6708" i="5"/>
  <c r="Q6709" i="5"/>
  <c r="Q6710" i="5"/>
  <c r="Q6711" i="5"/>
  <c r="Q6712" i="5"/>
  <c r="Q6713" i="5"/>
  <c r="Q6714" i="5"/>
  <c r="Q6715" i="5"/>
  <c r="Q6716" i="5"/>
  <c r="Q6717" i="5"/>
  <c r="Q6718" i="5"/>
  <c r="Q6719" i="5"/>
  <c r="Q6720" i="5"/>
  <c r="Q6721" i="5"/>
  <c r="Q6722" i="5"/>
  <c r="Q6723" i="5"/>
  <c r="Q6724" i="5"/>
  <c r="Q6725" i="5"/>
  <c r="Q6726" i="5"/>
  <c r="Q6727" i="5"/>
  <c r="Q6728" i="5"/>
  <c r="Q6729" i="5"/>
  <c r="Q6730" i="5"/>
  <c r="Q6731" i="5"/>
  <c r="Q6732" i="5"/>
  <c r="Q6733" i="5"/>
  <c r="Q6734" i="5"/>
  <c r="Q6735" i="5"/>
  <c r="Q6736" i="5"/>
  <c r="Q6737" i="5"/>
  <c r="Q6738" i="5"/>
  <c r="Q6739" i="5"/>
  <c r="Q6740" i="5"/>
  <c r="Q6741" i="5"/>
  <c r="Q6742" i="5"/>
  <c r="Q6743" i="5"/>
  <c r="Q6744" i="5"/>
  <c r="Q6745" i="5"/>
  <c r="Q6746" i="5"/>
  <c r="Q6747" i="5"/>
  <c r="Q6748" i="5"/>
  <c r="Q6749" i="5"/>
  <c r="Q6750" i="5"/>
  <c r="Q6751" i="5"/>
  <c r="Q6752" i="5"/>
  <c r="Q6753" i="5"/>
  <c r="Q6754" i="5"/>
  <c r="Q6755" i="5"/>
  <c r="Q6756" i="5"/>
  <c r="Q6757" i="5"/>
  <c r="Q6758" i="5"/>
  <c r="Q6759" i="5"/>
  <c r="Q6760" i="5"/>
  <c r="Q6761" i="5"/>
  <c r="Q6762" i="5"/>
  <c r="Q6763" i="5"/>
  <c r="Q6764" i="5"/>
  <c r="Q6765" i="5"/>
  <c r="Q6766" i="5"/>
  <c r="Q6767" i="5"/>
  <c r="Q6768" i="5"/>
  <c r="Q6769" i="5"/>
  <c r="Q6770" i="5"/>
  <c r="Q6771" i="5"/>
  <c r="Q6772" i="5"/>
  <c r="Q6773" i="5"/>
  <c r="Q6774" i="5"/>
  <c r="Q6775" i="5"/>
  <c r="Q6776" i="5"/>
  <c r="Q6777" i="5"/>
  <c r="Q6778" i="5"/>
  <c r="Q6779" i="5"/>
  <c r="Q6780" i="5"/>
  <c r="Q6781" i="5"/>
  <c r="Q6782" i="5"/>
  <c r="Q6783" i="5"/>
  <c r="Q6784" i="5"/>
  <c r="Q6785" i="5"/>
  <c r="Q6786" i="5"/>
  <c r="Q6787" i="5"/>
  <c r="Q6788" i="5"/>
  <c r="Q6789" i="5"/>
  <c r="Q6790" i="5"/>
  <c r="Q6791" i="5"/>
  <c r="Q6792" i="5"/>
  <c r="Q6793" i="5"/>
  <c r="Q6794" i="5"/>
  <c r="Q6795" i="5"/>
  <c r="Q6796" i="5"/>
  <c r="Q6797" i="5"/>
  <c r="Q6798" i="5"/>
  <c r="Q6799" i="5"/>
  <c r="Q6800" i="5"/>
  <c r="Q6801" i="5"/>
  <c r="Q6802" i="5"/>
  <c r="Q6803" i="5"/>
  <c r="Q6804" i="5"/>
  <c r="Q6805" i="5"/>
  <c r="Q6806" i="5"/>
  <c r="Q6807" i="5"/>
  <c r="Q6808" i="5"/>
  <c r="Q6809" i="5"/>
  <c r="Q6810" i="5"/>
  <c r="Q6811" i="5"/>
  <c r="Q6812" i="5"/>
  <c r="Q6813" i="5"/>
  <c r="Q6814" i="5"/>
  <c r="Q6815" i="5"/>
  <c r="Q6816" i="5"/>
  <c r="Q6817" i="5"/>
  <c r="Q6818" i="5"/>
  <c r="Q6819" i="5"/>
  <c r="Q6820" i="5"/>
  <c r="Q6821" i="5"/>
  <c r="Q6822" i="5"/>
  <c r="Q6823" i="5"/>
  <c r="Q6824" i="5"/>
  <c r="Q6825" i="5"/>
  <c r="Q6826" i="5"/>
  <c r="Q6827" i="5"/>
  <c r="Q6828" i="5"/>
  <c r="Q6829" i="5"/>
  <c r="Q6830" i="5"/>
  <c r="Q6831" i="5"/>
  <c r="Q6832" i="5"/>
  <c r="Q6833" i="5"/>
  <c r="Q6834" i="5"/>
  <c r="Q6835" i="5"/>
  <c r="Q6836" i="5"/>
  <c r="Q6837" i="5"/>
  <c r="Q6838" i="5"/>
  <c r="Q6839" i="5"/>
  <c r="Q6840" i="5"/>
  <c r="Q6841" i="5"/>
  <c r="Q6842" i="5"/>
  <c r="Q6843" i="5"/>
  <c r="Q6844" i="5"/>
  <c r="Q6845" i="5"/>
  <c r="Q6846" i="5"/>
  <c r="Q6847" i="5"/>
  <c r="Q6848" i="5"/>
  <c r="Q6849" i="5"/>
  <c r="Q6850" i="5"/>
  <c r="Q6851" i="5"/>
  <c r="Q6852" i="5"/>
  <c r="Q6853" i="5"/>
  <c r="Q6854" i="5"/>
  <c r="Q6855" i="5"/>
  <c r="Q6856" i="5"/>
  <c r="Q6857" i="5"/>
  <c r="Q6858" i="5"/>
  <c r="Q6859" i="5"/>
  <c r="Q6860" i="5"/>
  <c r="Q6861" i="5"/>
  <c r="Q6862" i="5"/>
  <c r="Q6863" i="5"/>
  <c r="Q6864" i="5"/>
  <c r="Q6865" i="5"/>
  <c r="Q6866" i="5"/>
  <c r="Q6867" i="5"/>
  <c r="Q6868" i="5"/>
  <c r="Q6869" i="5"/>
  <c r="Q6870" i="5"/>
  <c r="Q6871" i="5"/>
  <c r="Q6872" i="5"/>
  <c r="Q6873" i="5"/>
  <c r="Q6874" i="5"/>
  <c r="Q6875" i="5"/>
  <c r="Q6876" i="5"/>
  <c r="Q6877" i="5"/>
  <c r="Q6878" i="5"/>
  <c r="Q6879" i="5"/>
  <c r="Q6880" i="5"/>
  <c r="Q6881" i="5"/>
  <c r="Q6882" i="5"/>
  <c r="Q6883" i="5"/>
  <c r="Q6884" i="5"/>
  <c r="Q6885" i="5"/>
  <c r="Q6886" i="5"/>
  <c r="Q6887" i="5"/>
  <c r="Q6888" i="5"/>
  <c r="Q6889" i="5"/>
  <c r="Q6890" i="5"/>
  <c r="Q6891" i="5"/>
  <c r="Q6892" i="5"/>
  <c r="Q6893" i="5"/>
  <c r="Q6894" i="5"/>
  <c r="Q6895" i="5"/>
  <c r="Q6896" i="5"/>
  <c r="Q6897" i="5"/>
  <c r="Q6898" i="5"/>
  <c r="Q6899" i="5"/>
  <c r="Q6900" i="5"/>
  <c r="Q6901" i="5"/>
  <c r="Q6902" i="5"/>
  <c r="Q6903" i="5"/>
  <c r="Q6904" i="5"/>
  <c r="Q6905" i="5"/>
  <c r="Q6906" i="5"/>
  <c r="Q6907" i="5"/>
  <c r="Q6908" i="5"/>
  <c r="Q6909" i="5"/>
  <c r="Q6910" i="5"/>
  <c r="Q6911" i="5"/>
  <c r="Q6912" i="5"/>
  <c r="Q6913" i="5"/>
  <c r="Q6914" i="5"/>
  <c r="Q6915" i="5"/>
  <c r="Q6916" i="5"/>
  <c r="Q6917" i="5"/>
  <c r="Q6918" i="5"/>
  <c r="Q6919" i="5"/>
  <c r="Q6920" i="5"/>
  <c r="Q6921" i="5"/>
  <c r="Q6922" i="5"/>
  <c r="Q6923" i="5"/>
  <c r="Q6924" i="5"/>
  <c r="Q6925" i="5"/>
  <c r="Q6926" i="5"/>
  <c r="Q6927" i="5"/>
  <c r="Q6928" i="5"/>
  <c r="Q6929" i="5"/>
  <c r="Q6930" i="5"/>
  <c r="Q6931" i="5"/>
  <c r="Q6932" i="5"/>
  <c r="Q6933" i="5"/>
  <c r="Q6934" i="5"/>
  <c r="Q6935" i="5"/>
  <c r="Q6936" i="5"/>
  <c r="Q6937" i="5"/>
  <c r="Q6938" i="5"/>
  <c r="Q6939" i="5"/>
  <c r="Q6940" i="5"/>
  <c r="Q6941" i="5"/>
  <c r="Q6942" i="5"/>
  <c r="Q6943" i="5"/>
  <c r="Q6944" i="5"/>
  <c r="Q6945" i="5"/>
  <c r="Q6946" i="5"/>
  <c r="Q6947" i="5"/>
  <c r="Q6948" i="5"/>
  <c r="Q6949" i="5"/>
  <c r="Q6950" i="5"/>
  <c r="Q6951" i="5"/>
  <c r="Q6952" i="5"/>
  <c r="Q6953" i="5"/>
  <c r="Q6954" i="5"/>
  <c r="Q6955" i="5"/>
  <c r="Q6956" i="5"/>
  <c r="Q6957" i="5"/>
  <c r="Q6958" i="5"/>
  <c r="Q6959" i="5"/>
  <c r="Q6960" i="5"/>
  <c r="Q6961" i="5"/>
  <c r="Q6962" i="5"/>
  <c r="Q6963" i="5"/>
  <c r="Q6964" i="5"/>
  <c r="Q6965" i="5"/>
  <c r="Q6966" i="5"/>
  <c r="Q6967" i="5"/>
  <c r="Q6968" i="5"/>
  <c r="Q6969" i="5"/>
  <c r="Q6970" i="5"/>
  <c r="Q6971" i="5"/>
  <c r="Q6972" i="5"/>
  <c r="Q6973" i="5"/>
  <c r="Q6974" i="5"/>
  <c r="Q6975" i="5"/>
  <c r="Q6976" i="5"/>
  <c r="Q6977" i="5"/>
  <c r="Q6978" i="5"/>
  <c r="Q6979" i="5"/>
  <c r="Q6980" i="5"/>
  <c r="Q6981" i="5"/>
  <c r="Q6982" i="5"/>
  <c r="Q6983" i="5"/>
  <c r="Q6984" i="5"/>
  <c r="Q6985" i="5"/>
  <c r="Q6986" i="5"/>
  <c r="Q6987" i="5"/>
  <c r="Q6988" i="5"/>
  <c r="Q6989" i="5"/>
  <c r="Q6990" i="5"/>
  <c r="Q6991" i="5"/>
  <c r="Q6992" i="5"/>
  <c r="Q6993" i="5"/>
  <c r="Q6994" i="5"/>
  <c r="Q6995" i="5"/>
  <c r="Q6996" i="5"/>
  <c r="Q6997" i="5"/>
  <c r="Q6998" i="5"/>
  <c r="Q6999" i="5"/>
  <c r="Q7000" i="5"/>
  <c r="Q7001" i="5"/>
  <c r="Q7002" i="5"/>
  <c r="Q7003" i="5"/>
  <c r="Q7004" i="5"/>
  <c r="Q7005" i="5"/>
  <c r="Q7006" i="5"/>
  <c r="Q7007" i="5"/>
  <c r="Q7008" i="5"/>
  <c r="Q7009" i="5"/>
  <c r="Q7010" i="5"/>
  <c r="Q7011" i="5"/>
  <c r="Q7012" i="5"/>
  <c r="Q7013" i="5"/>
  <c r="Q7014" i="5"/>
  <c r="Q7015" i="5"/>
  <c r="Q7016" i="5"/>
  <c r="Q7017" i="5"/>
  <c r="Q7018" i="5"/>
  <c r="Q7019" i="5"/>
  <c r="Q7020" i="5"/>
  <c r="Q7021" i="5"/>
  <c r="Q7022" i="5"/>
  <c r="Q7023" i="5"/>
  <c r="Q7024" i="5"/>
  <c r="Q7025" i="5"/>
  <c r="Q7026" i="5"/>
  <c r="Q7027" i="5"/>
  <c r="Q7028" i="5"/>
  <c r="Q7029" i="5"/>
  <c r="Q7030" i="5"/>
  <c r="Q7031" i="5"/>
  <c r="Q7032" i="5"/>
  <c r="Q7033" i="5"/>
  <c r="Q7034" i="5"/>
  <c r="Q7035" i="5"/>
  <c r="Q7036" i="5"/>
  <c r="Q7037" i="5"/>
  <c r="Q7038" i="5"/>
  <c r="Q7039" i="5"/>
  <c r="Q7040" i="5"/>
  <c r="Q7041" i="5"/>
  <c r="Q7042" i="5"/>
  <c r="Q7043" i="5"/>
  <c r="Q7044" i="5"/>
  <c r="Q7045" i="5"/>
  <c r="Q7046" i="5"/>
  <c r="Q7047" i="5"/>
  <c r="Q7048" i="5"/>
  <c r="Q7049" i="5"/>
  <c r="Q7050" i="5"/>
  <c r="Q7051" i="5"/>
  <c r="Q7052" i="5"/>
  <c r="Q7053" i="5"/>
  <c r="Q7054" i="5"/>
  <c r="Q7055" i="5"/>
  <c r="Q7056" i="5"/>
  <c r="Q7057" i="5"/>
  <c r="Q7058" i="5"/>
  <c r="Q7059" i="5"/>
  <c r="Q7060" i="5"/>
  <c r="Q7061" i="5"/>
  <c r="Q7062" i="5"/>
  <c r="Q7063" i="5"/>
  <c r="Q7064" i="5"/>
  <c r="Q7065" i="5"/>
  <c r="Q7066" i="5"/>
  <c r="Q7067" i="5"/>
  <c r="Q7068" i="5"/>
  <c r="Q7069" i="5"/>
  <c r="Q7070" i="5"/>
  <c r="Q7071" i="5"/>
  <c r="Q7072" i="5"/>
  <c r="Q7073" i="5"/>
  <c r="Q7074" i="5"/>
  <c r="Q7075" i="5"/>
  <c r="Q7076" i="5"/>
  <c r="Q7077" i="5"/>
  <c r="Q7078" i="5"/>
  <c r="Q7079" i="5"/>
  <c r="Q7080" i="5"/>
  <c r="Q7081" i="5"/>
  <c r="Q7082" i="5"/>
  <c r="Q7083" i="5"/>
  <c r="Q7084" i="5"/>
  <c r="Q7085" i="5"/>
  <c r="Q7086" i="5"/>
  <c r="Q7087" i="5"/>
  <c r="Q7088" i="5"/>
  <c r="Q7089" i="5"/>
  <c r="Q7090" i="5"/>
  <c r="Q7091" i="5"/>
  <c r="Q7092" i="5"/>
  <c r="Q7093" i="5"/>
  <c r="Q7094" i="5"/>
  <c r="Q7095" i="5"/>
  <c r="Q7096" i="5"/>
  <c r="Q7097" i="5"/>
  <c r="Q7098" i="5"/>
  <c r="Q7099" i="5"/>
  <c r="Q7100" i="5"/>
  <c r="Q7101" i="5"/>
  <c r="Q7102" i="5"/>
  <c r="Q7103" i="5"/>
  <c r="Q7104" i="5"/>
  <c r="Q7105" i="5"/>
  <c r="Q7106" i="5"/>
  <c r="Q7107" i="5"/>
  <c r="Q7108" i="5"/>
  <c r="Q7109" i="5"/>
  <c r="Q7110" i="5"/>
  <c r="Q7111" i="5"/>
  <c r="Q7112" i="5"/>
  <c r="Q7113" i="5"/>
  <c r="Q7114" i="5"/>
  <c r="Q7115" i="5"/>
  <c r="Q7116" i="5"/>
  <c r="Q7117" i="5"/>
  <c r="Q7118" i="5"/>
  <c r="Q7119" i="5"/>
  <c r="Q7120" i="5"/>
  <c r="Q7121" i="5"/>
  <c r="Q7122" i="5"/>
  <c r="Q7123" i="5"/>
  <c r="Q7124" i="5"/>
  <c r="Q7125" i="5"/>
  <c r="Q7126" i="5"/>
  <c r="Q7127" i="5"/>
  <c r="Q7128" i="5"/>
  <c r="Q7129" i="5"/>
  <c r="Q7130" i="5"/>
  <c r="Q7131" i="5"/>
  <c r="Q7132" i="5"/>
  <c r="Q7133" i="5"/>
  <c r="Q7134" i="5"/>
  <c r="Q7135" i="5"/>
  <c r="Q7136" i="5"/>
  <c r="Q7137" i="5"/>
  <c r="Q7138" i="5"/>
  <c r="Q7139" i="5"/>
  <c r="Q7140" i="5"/>
  <c r="Q7141" i="5"/>
  <c r="Q7142" i="5"/>
  <c r="Q7143" i="5"/>
  <c r="Q7144" i="5"/>
  <c r="Q7145" i="5"/>
  <c r="Q7146" i="5"/>
  <c r="Q7147" i="5"/>
  <c r="Q7148" i="5"/>
  <c r="Q7149" i="5"/>
  <c r="Q7150" i="5"/>
  <c r="Q7151" i="5"/>
  <c r="Q7152" i="5"/>
  <c r="Q7153" i="5"/>
  <c r="Q7154" i="5"/>
  <c r="Q7155" i="5"/>
  <c r="Q7156" i="5"/>
  <c r="Q7157" i="5"/>
  <c r="Q7158" i="5"/>
  <c r="Q7159" i="5"/>
  <c r="Q7160" i="5"/>
  <c r="Q7161" i="5"/>
  <c r="Q7162" i="5"/>
  <c r="Q7163" i="5"/>
  <c r="Q7164" i="5"/>
  <c r="Q7165" i="5"/>
  <c r="Q7166" i="5"/>
  <c r="Q7167" i="5"/>
  <c r="Q7168" i="5"/>
  <c r="Q7169" i="5"/>
  <c r="Q7170" i="5"/>
  <c r="Q7171" i="5"/>
  <c r="Q7172" i="5"/>
  <c r="Q7173" i="5"/>
  <c r="Q7174" i="5"/>
  <c r="Q7175" i="5"/>
  <c r="Q7176" i="5"/>
  <c r="Q7177" i="5"/>
  <c r="Q7178" i="5"/>
  <c r="Q7179" i="5"/>
  <c r="Q7180" i="5"/>
  <c r="Q7181" i="5"/>
  <c r="Q7182" i="5"/>
  <c r="Q7183" i="5"/>
  <c r="Q7184" i="5"/>
  <c r="Q7185" i="5"/>
  <c r="Q7186" i="5"/>
  <c r="Q7187" i="5"/>
  <c r="Q7188" i="5"/>
  <c r="Q7189" i="5"/>
  <c r="Q7190" i="5"/>
  <c r="Q7191" i="5"/>
  <c r="Q7192" i="5"/>
  <c r="Q7193" i="5"/>
  <c r="Q7194" i="5"/>
  <c r="Q7195" i="5"/>
  <c r="Q7196" i="5"/>
  <c r="Q7197" i="5"/>
  <c r="Q7198" i="5"/>
  <c r="Q7199" i="5"/>
  <c r="Q7200" i="5"/>
  <c r="Q7201" i="5"/>
  <c r="Q7202" i="5"/>
  <c r="Q7203" i="5"/>
  <c r="Q7204" i="5"/>
  <c r="Q7205" i="5"/>
  <c r="Q7206" i="5"/>
  <c r="Q7207" i="5"/>
  <c r="Q7208" i="5"/>
  <c r="Q7209" i="5"/>
  <c r="Q7210" i="5"/>
  <c r="Q7211" i="5"/>
  <c r="Q7212" i="5"/>
  <c r="Q7213" i="5"/>
  <c r="Q7214" i="5"/>
  <c r="Q7215" i="5"/>
  <c r="Q7216" i="5"/>
  <c r="Q7217" i="5"/>
  <c r="Q7218" i="5"/>
  <c r="Q7219" i="5"/>
  <c r="Q7220" i="5"/>
  <c r="Q7221" i="5"/>
  <c r="Q7222" i="5"/>
  <c r="Q7223" i="5"/>
  <c r="Q7224" i="5"/>
  <c r="Q7225" i="5"/>
  <c r="Q7226" i="5"/>
  <c r="Q7227" i="5"/>
  <c r="Q7228" i="5"/>
  <c r="Q7229" i="5"/>
  <c r="Q7230" i="5"/>
  <c r="Q7231" i="5"/>
  <c r="Q7232" i="5"/>
  <c r="Q7233" i="5"/>
  <c r="Q7234" i="5"/>
  <c r="Q7235" i="5"/>
  <c r="Q7236" i="5"/>
  <c r="Q7237" i="5"/>
  <c r="Q7238" i="5"/>
  <c r="Q7239" i="5"/>
  <c r="Q7240" i="5"/>
  <c r="Q7241" i="5"/>
  <c r="Q7242" i="5"/>
  <c r="Q7243" i="5"/>
  <c r="Q7244" i="5"/>
  <c r="Q7245" i="5"/>
  <c r="Q7246" i="5"/>
  <c r="Q7247" i="5"/>
  <c r="Q7248" i="5"/>
  <c r="Q7249" i="5"/>
  <c r="Q7250" i="5"/>
  <c r="Q7251" i="5"/>
  <c r="Q7252" i="5"/>
  <c r="Q7253" i="5"/>
  <c r="Q7254" i="5"/>
  <c r="Q7255" i="5"/>
  <c r="Q7256" i="5"/>
  <c r="Q7257" i="5"/>
  <c r="Q7258" i="5"/>
  <c r="Q7259" i="5"/>
  <c r="Q7260" i="5"/>
  <c r="Q7261" i="5"/>
  <c r="Q7262" i="5"/>
  <c r="Q7263" i="5"/>
  <c r="Q7264" i="5"/>
  <c r="Q7265" i="5"/>
  <c r="Q7266" i="5"/>
  <c r="Q7267" i="5"/>
  <c r="Q7268" i="5"/>
  <c r="Q7269" i="5"/>
  <c r="Q7270" i="5"/>
  <c r="Q7271" i="5"/>
  <c r="Q7272" i="5"/>
  <c r="Q7273" i="5"/>
  <c r="Q7274" i="5"/>
  <c r="Q7275" i="5"/>
  <c r="Q7276" i="5"/>
  <c r="Q7277" i="5"/>
  <c r="Q7278" i="5"/>
  <c r="Q7279" i="5"/>
  <c r="Q7280" i="5"/>
  <c r="Q7281" i="5"/>
  <c r="Q7282" i="5"/>
  <c r="Q7283" i="5"/>
  <c r="Q7284" i="5"/>
  <c r="Q7285" i="5"/>
  <c r="Q7286" i="5"/>
  <c r="Q7287" i="5"/>
  <c r="Q7288" i="5"/>
  <c r="Q7289" i="5"/>
  <c r="Q7290" i="5"/>
  <c r="Q7291" i="5"/>
  <c r="Q7292" i="5"/>
  <c r="Q7293" i="5"/>
  <c r="Q7294" i="5"/>
  <c r="Q7295" i="5"/>
  <c r="Q7296" i="5"/>
  <c r="Q7297" i="5"/>
  <c r="Q7298" i="5"/>
  <c r="Q7299" i="5"/>
  <c r="Q7300" i="5"/>
  <c r="Q7301" i="5"/>
  <c r="Q7302" i="5"/>
  <c r="Q7303" i="5"/>
  <c r="Q7304" i="5"/>
  <c r="Q7305" i="5"/>
  <c r="Q7306" i="5"/>
  <c r="Q7307" i="5"/>
  <c r="Q7308" i="5"/>
  <c r="Q7309" i="5"/>
  <c r="Q7310" i="5"/>
  <c r="Q7311" i="5"/>
  <c r="Q7312" i="5"/>
  <c r="Q7313" i="5"/>
  <c r="Q7314" i="5"/>
  <c r="Q7315" i="5"/>
  <c r="Q7316" i="5"/>
  <c r="Q7317" i="5"/>
  <c r="Q7318" i="5"/>
  <c r="Q7319" i="5"/>
  <c r="Q7320" i="5"/>
  <c r="Q7321" i="5"/>
  <c r="Q7322" i="5"/>
  <c r="Q7323" i="5"/>
  <c r="Q7324" i="5"/>
  <c r="Q7325" i="5"/>
  <c r="Q7326" i="5"/>
  <c r="Q7327" i="5"/>
  <c r="Q7328" i="5"/>
  <c r="Q7329" i="5"/>
  <c r="Q7330" i="5"/>
  <c r="Q7331" i="5"/>
  <c r="Q7332" i="5"/>
  <c r="Q7333" i="5"/>
  <c r="Q7334" i="5"/>
  <c r="Q7335" i="5"/>
  <c r="Q7336" i="5"/>
  <c r="Q7337" i="5"/>
  <c r="Q7338" i="5"/>
  <c r="Q7339" i="5"/>
  <c r="Q7340" i="5"/>
  <c r="Q7341" i="5"/>
  <c r="Q7342" i="5"/>
  <c r="Q7343" i="5"/>
  <c r="Q7344" i="5"/>
  <c r="Q7345" i="5"/>
  <c r="Q7346" i="5"/>
  <c r="Q7347" i="5"/>
  <c r="Q7348" i="5"/>
  <c r="Q7349" i="5"/>
  <c r="Q7350" i="5"/>
  <c r="Q7351" i="5"/>
  <c r="Q7352" i="5"/>
  <c r="Q7353" i="5"/>
  <c r="Q7354" i="5"/>
  <c r="Q7355" i="5"/>
  <c r="Q7356" i="5"/>
  <c r="Q7357" i="5"/>
  <c r="Q7358" i="5"/>
  <c r="Q7359" i="5"/>
  <c r="Q7360" i="5"/>
  <c r="Q7361" i="5"/>
  <c r="Q7362" i="5"/>
  <c r="Q7363" i="5"/>
  <c r="Q7364" i="5"/>
  <c r="Q7365" i="5"/>
  <c r="Q7366" i="5"/>
  <c r="Q7367" i="5"/>
  <c r="Q7368" i="5"/>
  <c r="Q7369" i="5"/>
  <c r="Q7370" i="5"/>
  <c r="Q7371" i="5"/>
  <c r="Q7372" i="5"/>
  <c r="Q7373" i="5"/>
  <c r="Q7374" i="5"/>
  <c r="Q7375" i="5"/>
  <c r="Q7376" i="5"/>
  <c r="Q7377" i="5"/>
  <c r="Q7378" i="5"/>
  <c r="Q7379" i="5"/>
  <c r="Q7380" i="5"/>
  <c r="Q7381" i="5"/>
  <c r="Q7382" i="5"/>
  <c r="Q7383" i="5"/>
  <c r="Q7384" i="5"/>
  <c r="Q7385" i="5"/>
  <c r="Q7386" i="5"/>
  <c r="Q7387" i="5"/>
  <c r="Q7388" i="5"/>
  <c r="Q7389" i="5"/>
  <c r="Q7390" i="5"/>
  <c r="Q7391" i="5"/>
  <c r="Q7392" i="5"/>
  <c r="Q7393" i="5"/>
  <c r="Q7394" i="5"/>
  <c r="Q7395" i="5"/>
  <c r="Q7396" i="5"/>
  <c r="Q7397" i="5"/>
  <c r="Q7398" i="5"/>
  <c r="Q7399" i="5"/>
  <c r="Q7400" i="5"/>
  <c r="Q7401" i="5"/>
  <c r="Q7402" i="5"/>
  <c r="Q7403" i="5"/>
  <c r="Q7404" i="5"/>
  <c r="Q7405" i="5"/>
  <c r="Q7406" i="5"/>
  <c r="Q7407" i="5"/>
  <c r="Q7408" i="5"/>
  <c r="Q7409" i="5"/>
  <c r="Q7410" i="5"/>
  <c r="Q7411" i="5"/>
  <c r="Q7412" i="5"/>
  <c r="Q7413" i="5"/>
  <c r="Q7414" i="5"/>
  <c r="Q7415" i="5"/>
  <c r="Q7416" i="5"/>
  <c r="Q7417" i="5"/>
  <c r="Q7418" i="5"/>
  <c r="Q7419" i="5"/>
  <c r="Q7420" i="5"/>
  <c r="Q7421" i="5"/>
  <c r="Q7422" i="5"/>
  <c r="Q7423" i="5"/>
  <c r="Q7424" i="5"/>
  <c r="Q7425" i="5"/>
  <c r="Q7426" i="5"/>
  <c r="Q7427" i="5"/>
  <c r="Q7428" i="5"/>
  <c r="Q7429" i="5"/>
  <c r="Q7430" i="5"/>
  <c r="Q7431" i="5"/>
  <c r="Q7432" i="5"/>
  <c r="Q7433" i="5"/>
  <c r="Q7434" i="5"/>
  <c r="Q7435" i="5"/>
  <c r="Q7436" i="5"/>
  <c r="Q7437" i="5"/>
  <c r="Q7438" i="5"/>
  <c r="Q7439" i="5"/>
  <c r="Q7440" i="5"/>
  <c r="Q7441" i="5"/>
  <c r="Q7442" i="5"/>
  <c r="Q7443" i="5"/>
  <c r="Q7444" i="5"/>
  <c r="Q7445" i="5"/>
  <c r="Q7446" i="5"/>
  <c r="Q7447" i="5"/>
  <c r="Q7448" i="5"/>
  <c r="Q7449" i="5"/>
  <c r="Q7450" i="5"/>
  <c r="Q7451" i="5"/>
  <c r="Q7452" i="5"/>
  <c r="Q7453" i="5"/>
  <c r="Q7454" i="5"/>
  <c r="Q7455" i="5"/>
  <c r="Q7456" i="5"/>
  <c r="Q7457" i="5"/>
  <c r="Q7458" i="5"/>
  <c r="Q7459" i="5"/>
  <c r="Q7460" i="5"/>
  <c r="Q7461" i="5"/>
  <c r="Q7462" i="5"/>
  <c r="Q7463" i="5"/>
  <c r="Q7464" i="5"/>
  <c r="Q7465" i="5"/>
  <c r="Q7466" i="5"/>
  <c r="Q7467" i="5"/>
  <c r="Q7468" i="5"/>
  <c r="Q7469" i="5"/>
  <c r="Q7470" i="5"/>
  <c r="Q7471" i="5"/>
  <c r="Q7472" i="5"/>
  <c r="Q7473" i="5"/>
  <c r="Q7474" i="5"/>
  <c r="Q7475" i="5"/>
  <c r="Q7476" i="5"/>
  <c r="Q7477" i="5"/>
  <c r="Q7478" i="5"/>
  <c r="Q7479" i="5"/>
  <c r="Q7480" i="5"/>
  <c r="Q7481" i="5"/>
  <c r="Q7482" i="5"/>
  <c r="Q7483" i="5"/>
  <c r="Q7484" i="5"/>
  <c r="Q7485" i="5"/>
  <c r="Q7486" i="5"/>
  <c r="Q7487" i="5"/>
  <c r="Q7488" i="5"/>
  <c r="Q7489" i="5"/>
  <c r="Q7490" i="5"/>
  <c r="Q7491" i="5"/>
  <c r="Q7492" i="5"/>
  <c r="Q7493" i="5"/>
  <c r="Q7494" i="5"/>
  <c r="Q7495" i="5"/>
  <c r="Q7496" i="5"/>
  <c r="Q7497" i="5"/>
  <c r="Q7498" i="5"/>
  <c r="Q7499" i="5"/>
  <c r="Q7500" i="5"/>
  <c r="Q7501" i="5"/>
  <c r="Q7502" i="5"/>
  <c r="Q7503" i="5"/>
  <c r="Q7504" i="5"/>
  <c r="Q7505" i="5"/>
  <c r="Q7506" i="5"/>
  <c r="Q7507" i="5"/>
  <c r="Q7508" i="5"/>
  <c r="Q7509" i="5"/>
  <c r="Q7510" i="5"/>
  <c r="Q7511" i="5"/>
  <c r="Q7512" i="5"/>
  <c r="Q7513" i="5"/>
  <c r="Q7514" i="5"/>
  <c r="Q7515" i="5"/>
  <c r="Q7516" i="5"/>
  <c r="Q7517" i="5"/>
  <c r="Q7518" i="5"/>
  <c r="Q7519" i="5"/>
  <c r="Q7520" i="5"/>
  <c r="Q7521" i="5"/>
  <c r="Q7522" i="5"/>
  <c r="Q7523" i="5"/>
  <c r="Q7524" i="5"/>
  <c r="Q7525" i="5"/>
  <c r="Q7526" i="5"/>
  <c r="Q7527" i="5"/>
  <c r="Q7528" i="5"/>
  <c r="Q7529" i="5"/>
  <c r="Q7530" i="5"/>
  <c r="Q7531" i="5"/>
  <c r="Q7532" i="5"/>
  <c r="Q7533" i="5"/>
  <c r="Q7534" i="5"/>
  <c r="Q7535" i="5"/>
  <c r="Q7536" i="5"/>
  <c r="Q7537" i="5"/>
  <c r="Q7538" i="5"/>
  <c r="Q7539" i="5"/>
  <c r="Q7540" i="5"/>
  <c r="Q7541" i="5"/>
  <c r="Q7542" i="5"/>
  <c r="Q7543" i="5"/>
  <c r="Q7544" i="5"/>
  <c r="Q7545" i="5"/>
  <c r="Q7546" i="5"/>
  <c r="Q7547" i="5"/>
  <c r="Q7548" i="5"/>
  <c r="Q7549" i="5"/>
  <c r="Q7550" i="5"/>
  <c r="Q7551" i="5"/>
  <c r="Q7552" i="5"/>
  <c r="Q7553" i="5"/>
  <c r="Q7554" i="5"/>
  <c r="Q7555" i="5"/>
  <c r="Q7556" i="5"/>
  <c r="Q7557" i="5"/>
  <c r="Q7558" i="5"/>
  <c r="Q7559" i="5"/>
  <c r="Q7560" i="5"/>
  <c r="Q7561" i="5"/>
  <c r="Q7562" i="5"/>
  <c r="Q7563" i="5"/>
  <c r="Q7564" i="5"/>
  <c r="Q7565" i="5"/>
  <c r="Q7566" i="5"/>
  <c r="Q7567" i="5"/>
  <c r="Q7568" i="5"/>
  <c r="Q7569" i="5"/>
  <c r="Q7570" i="5"/>
  <c r="Q7571" i="5"/>
  <c r="Q7572" i="5"/>
  <c r="Q7573" i="5"/>
  <c r="Q7574" i="5"/>
  <c r="Q7575" i="5"/>
  <c r="Q7576" i="5"/>
  <c r="Q7577" i="5"/>
  <c r="Q7578" i="5"/>
  <c r="Q7579" i="5"/>
  <c r="Q7580" i="5"/>
  <c r="Q7581" i="5"/>
  <c r="Q7582" i="5"/>
  <c r="Q7583" i="5"/>
  <c r="Q7584" i="5"/>
  <c r="Q7585" i="5"/>
  <c r="Q7586" i="5"/>
  <c r="Q7587" i="5"/>
  <c r="Q7588" i="5"/>
  <c r="Q7589" i="5"/>
  <c r="Q7590" i="5"/>
  <c r="Q7591" i="5"/>
  <c r="Q7592" i="5"/>
  <c r="Q7593" i="5"/>
  <c r="Q7594" i="5"/>
  <c r="Q7595" i="5"/>
  <c r="Q7596" i="5"/>
  <c r="Q7597" i="5"/>
  <c r="Q7598" i="5"/>
  <c r="Q7599" i="5"/>
  <c r="Q7600" i="5"/>
  <c r="Q7601" i="5"/>
  <c r="Q7602" i="5"/>
  <c r="Q7603" i="5"/>
  <c r="Q7604" i="5"/>
  <c r="Q7605" i="5"/>
  <c r="Q7606" i="5"/>
  <c r="Q7607" i="5"/>
  <c r="Q7608" i="5"/>
  <c r="Q7609" i="5"/>
  <c r="Q7610" i="5"/>
  <c r="Q7611" i="5"/>
  <c r="Q7612" i="5"/>
  <c r="Q7613" i="5"/>
  <c r="Q7614" i="5"/>
  <c r="Q7615" i="5"/>
  <c r="Q7616" i="5"/>
  <c r="Q7617" i="5"/>
  <c r="Q7618" i="5"/>
  <c r="Q7619" i="5"/>
  <c r="Q7620" i="5"/>
  <c r="Q7621" i="5"/>
  <c r="Q7622" i="5"/>
  <c r="Q7623" i="5"/>
  <c r="Q7624" i="5"/>
  <c r="Q7625" i="5"/>
  <c r="Q7626" i="5"/>
  <c r="Q7627" i="5"/>
  <c r="Q7628" i="5"/>
  <c r="Q7629" i="5"/>
  <c r="Q7630" i="5"/>
  <c r="Q7631" i="5"/>
  <c r="Q7632" i="5"/>
  <c r="Q7633" i="5"/>
  <c r="Q7634" i="5"/>
  <c r="Q7635" i="5"/>
  <c r="Q7636" i="5"/>
  <c r="Q7637" i="5"/>
  <c r="Q7638" i="5"/>
  <c r="Q7639" i="5"/>
  <c r="Q7640" i="5"/>
  <c r="Q7641" i="5"/>
  <c r="Q7642" i="5"/>
  <c r="Q7643" i="5"/>
  <c r="Q7644" i="5"/>
  <c r="Q7645" i="5"/>
  <c r="Q7646" i="5"/>
  <c r="Q7647" i="5"/>
  <c r="Q7648" i="5"/>
  <c r="Q7649" i="5"/>
  <c r="Q7650" i="5"/>
  <c r="Q7651" i="5"/>
  <c r="Q7652" i="5"/>
  <c r="Q7653" i="5"/>
  <c r="Q7654" i="5"/>
  <c r="Q7655" i="5"/>
  <c r="Q7656" i="5"/>
  <c r="Q7657" i="5"/>
  <c r="Q7658" i="5"/>
  <c r="Q7659" i="5"/>
  <c r="Q7660" i="5"/>
  <c r="Q7661" i="5"/>
  <c r="Q7662" i="5"/>
  <c r="Q7663" i="5"/>
  <c r="Q7664" i="5"/>
  <c r="Q7665" i="5"/>
  <c r="Q7666" i="5"/>
  <c r="Q7667" i="5"/>
  <c r="Q7668" i="5"/>
  <c r="Q7669" i="5"/>
  <c r="Q7670" i="5"/>
  <c r="Q7671" i="5"/>
  <c r="Q7672" i="5"/>
  <c r="Q7673" i="5"/>
  <c r="Q7674" i="5"/>
  <c r="Q7675" i="5"/>
  <c r="Q7676" i="5"/>
  <c r="Q7677" i="5"/>
  <c r="Q7678" i="5"/>
  <c r="Q7679" i="5"/>
  <c r="Q7680" i="5"/>
  <c r="Q7681" i="5"/>
  <c r="Q7682" i="5"/>
  <c r="Q7683" i="5"/>
  <c r="Q7684" i="5"/>
  <c r="Q7685" i="5"/>
  <c r="Q7686" i="5"/>
  <c r="Q7687" i="5"/>
  <c r="Q7688" i="5"/>
  <c r="Q7689" i="5"/>
  <c r="Q7690" i="5"/>
  <c r="Q7691" i="5"/>
  <c r="Q7692" i="5"/>
  <c r="Q7693" i="5"/>
  <c r="Q7694" i="5"/>
  <c r="Q7695" i="5"/>
  <c r="Q7696" i="5"/>
  <c r="Q7697" i="5"/>
  <c r="Q7698" i="5"/>
  <c r="Q7699" i="5"/>
  <c r="Q7700" i="5"/>
  <c r="Q7701" i="5"/>
  <c r="Q7702" i="5"/>
  <c r="Q7703" i="5"/>
  <c r="Q7704" i="5"/>
  <c r="Q7705" i="5"/>
  <c r="Q7706" i="5"/>
  <c r="Q7707" i="5"/>
  <c r="Q7708" i="5"/>
  <c r="Q7709" i="5"/>
  <c r="Q7710" i="5"/>
  <c r="Q7711" i="5"/>
  <c r="Q7712" i="5"/>
  <c r="Q7713" i="5"/>
  <c r="Q7714" i="5"/>
  <c r="Q7715" i="5"/>
  <c r="Q7716" i="5"/>
  <c r="Q7717" i="5"/>
  <c r="Q7718" i="5"/>
  <c r="Q7719" i="5"/>
  <c r="Q7720" i="5"/>
  <c r="Q7721" i="5"/>
  <c r="Q7722" i="5"/>
  <c r="Q7723" i="5"/>
  <c r="Q7724" i="5"/>
  <c r="Q7725" i="5"/>
  <c r="Q7726" i="5"/>
  <c r="Q7727" i="5"/>
  <c r="Q7728" i="5"/>
  <c r="Q7729" i="5"/>
  <c r="Q7730" i="5"/>
  <c r="Q7731" i="5"/>
  <c r="Q7732" i="5"/>
  <c r="Q7733" i="5"/>
  <c r="Q7734" i="5"/>
  <c r="Q7735" i="5"/>
  <c r="Q7736" i="5"/>
  <c r="Q7737" i="5"/>
  <c r="Q7738" i="5"/>
  <c r="Q7739" i="5"/>
  <c r="Q7740" i="5"/>
  <c r="Q7741" i="5"/>
  <c r="Q7742" i="5"/>
  <c r="Q7743" i="5"/>
  <c r="Q7744" i="5"/>
  <c r="Q7745" i="5"/>
  <c r="Q7746" i="5"/>
  <c r="Q7747" i="5"/>
  <c r="Q7748" i="5"/>
  <c r="Q7749" i="5"/>
  <c r="Q7750" i="5"/>
  <c r="Q7751" i="5"/>
  <c r="Q7752" i="5"/>
  <c r="Q7753" i="5"/>
  <c r="Q7754" i="5"/>
  <c r="Q7755" i="5"/>
  <c r="Q7756" i="5"/>
  <c r="Q7757" i="5"/>
  <c r="Q7758" i="5"/>
  <c r="Q7759" i="5"/>
  <c r="Q7760" i="5"/>
  <c r="Q7761" i="5"/>
  <c r="Q7762" i="5"/>
  <c r="Q7763" i="5"/>
  <c r="Q7764" i="5"/>
  <c r="Q7765" i="5"/>
  <c r="Q7766" i="5"/>
  <c r="Q7767" i="5"/>
  <c r="Q7768" i="5"/>
  <c r="Q7769" i="5"/>
  <c r="Q7770" i="5"/>
  <c r="Q7771" i="5"/>
  <c r="Q7772" i="5"/>
  <c r="Q7773" i="5"/>
  <c r="Q7774" i="5"/>
  <c r="Q7775" i="5"/>
  <c r="Q7776" i="5"/>
  <c r="Q7777" i="5"/>
  <c r="Q7778" i="5"/>
  <c r="Q7779" i="5"/>
  <c r="Q7780" i="5"/>
  <c r="Q7781" i="5"/>
  <c r="Q7782" i="5"/>
  <c r="Q7783" i="5"/>
  <c r="Q7784" i="5"/>
  <c r="Q7785" i="5"/>
  <c r="Q7786" i="5"/>
  <c r="Q7787" i="5"/>
  <c r="Q7788" i="5"/>
  <c r="Q7789" i="5"/>
  <c r="Q7790" i="5"/>
  <c r="Q7791" i="5"/>
  <c r="Q7792" i="5"/>
  <c r="Q7793" i="5"/>
  <c r="Q7794" i="5"/>
  <c r="Q7795" i="5"/>
  <c r="Q7796" i="5"/>
  <c r="Q7797" i="5"/>
  <c r="Q7798" i="5"/>
  <c r="Q7799" i="5"/>
  <c r="Q7800" i="5"/>
  <c r="Q7801" i="5"/>
  <c r="Q7802" i="5"/>
  <c r="Q7803" i="5"/>
  <c r="Q7804" i="5"/>
  <c r="Q7805" i="5"/>
  <c r="Q7806" i="5"/>
  <c r="Q7807" i="5"/>
  <c r="Q7808" i="5"/>
  <c r="Q7809" i="5"/>
  <c r="Q7810" i="5"/>
  <c r="Q7811" i="5"/>
  <c r="Q7812" i="5"/>
  <c r="Q7813" i="5"/>
  <c r="Q7814" i="5"/>
  <c r="Q7815" i="5"/>
  <c r="Q7816" i="5"/>
  <c r="Q7817" i="5"/>
  <c r="Q7818" i="5"/>
  <c r="Q7819" i="5"/>
  <c r="Q7820" i="5"/>
  <c r="Q7821" i="5"/>
  <c r="Q7822" i="5"/>
  <c r="Q7823" i="5"/>
  <c r="Q7824" i="5"/>
  <c r="Q7825" i="5"/>
  <c r="Q7826" i="5"/>
  <c r="Q7827" i="5"/>
  <c r="Q7828" i="5"/>
  <c r="Q7829" i="5"/>
  <c r="Q7830" i="5"/>
  <c r="Q7831" i="5"/>
  <c r="Q7832" i="5"/>
  <c r="Q7833" i="5"/>
  <c r="Q7834" i="5"/>
  <c r="Q7835" i="5"/>
  <c r="Q7836" i="5"/>
  <c r="Q7837" i="5"/>
  <c r="Q7838" i="5"/>
  <c r="Q7839" i="5"/>
  <c r="Q7840" i="5"/>
  <c r="Q7841" i="5"/>
  <c r="Q7842" i="5"/>
  <c r="Q7843" i="5"/>
  <c r="Q7844" i="5"/>
  <c r="Q7845" i="5"/>
  <c r="Q7846" i="5"/>
  <c r="Q7847" i="5"/>
  <c r="Q7848" i="5"/>
  <c r="Q7849" i="5"/>
  <c r="Q7850" i="5"/>
  <c r="Q7851" i="5"/>
  <c r="Q7852" i="5"/>
  <c r="Q7853" i="5"/>
  <c r="Q7854" i="5"/>
  <c r="Q7855" i="5"/>
  <c r="Q7856" i="5"/>
  <c r="Q7857" i="5"/>
  <c r="Q7858" i="5"/>
  <c r="Q7859" i="5"/>
  <c r="Q7860" i="5"/>
  <c r="Q7861" i="5"/>
  <c r="Q7862" i="5"/>
  <c r="Q7863" i="5"/>
  <c r="Q7864" i="5"/>
  <c r="Q7865" i="5"/>
  <c r="Q7866" i="5"/>
  <c r="Q7867" i="5"/>
  <c r="Q7868" i="5"/>
  <c r="Q7869" i="5"/>
  <c r="Q7870" i="5"/>
  <c r="Q7871" i="5"/>
  <c r="Q7872" i="5"/>
  <c r="Q7873" i="5"/>
  <c r="Q7874" i="5"/>
  <c r="Q7875" i="5"/>
  <c r="Q7876" i="5"/>
  <c r="Q7877" i="5"/>
  <c r="Q7878" i="5"/>
  <c r="Q7879" i="5"/>
  <c r="Q7880" i="5"/>
  <c r="Q7881" i="5"/>
  <c r="Q7882" i="5"/>
  <c r="Q7883" i="5"/>
  <c r="Q7884" i="5"/>
  <c r="Q7885" i="5"/>
  <c r="Q7886" i="5"/>
  <c r="Q7887" i="5"/>
  <c r="Q7888" i="5"/>
  <c r="Q7889" i="5"/>
  <c r="Q7890" i="5"/>
  <c r="Q7891" i="5"/>
  <c r="Q7892" i="5"/>
  <c r="Q7893" i="5"/>
  <c r="Q7894" i="5"/>
  <c r="Q7895" i="5"/>
  <c r="Q7896" i="5"/>
  <c r="Q7897" i="5"/>
  <c r="Q7898" i="5"/>
  <c r="Q7899" i="5"/>
  <c r="Q7900" i="5"/>
  <c r="Q7901" i="5"/>
  <c r="Q7902" i="5"/>
  <c r="Q7903" i="5"/>
  <c r="Q7904" i="5"/>
  <c r="Q7905" i="5"/>
  <c r="Q7906" i="5"/>
  <c r="Q7907" i="5"/>
  <c r="Q7908" i="5"/>
  <c r="Q7909" i="5"/>
  <c r="Q7910" i="5"/>
  <c r="Q7911" i="5"/>
  <c r="Q7912" i="5"/>
  <c r="Q7913" i="5"/>
  <c r="Q7914" i="5"/>
  <c r="Q7915" i="5"/>
  <c r="Q7916" i="5"/>
  <c r="Q7917" i="5"/>
  <c r="Q7918" i="5"/>
  <c r="Q7919" i="5"/>
  <c r="Q7920" i="5"/>
  <c r="Q7921" i="5"/>
  <c r="Q7922" i="5"/>
  <c r="Q7923" i="5"/>
  <c r="Q7924" i="5"/>
  <c r="Q7925" i="5"/>
  <c r="Q7926" i="5"/>
  <c r="Q7927" i="5"/>
  <c r="Q7928" i="5"/>
  <c r="Q7929" i="5"/>
  <c r="Q7930" i="5"/>
  <c r="Q7931" i="5"/>
  <c r="Q7932" i="5"/>
  <c r="Q7933" i="5"/>
  <c r="Q7934" i="5"/>
  <c r="Q7935" i="5"/>
  <c r="Q7936" i="5"/>
  <c r="Q7937" i="5"/>
  <c r="Q7938" i="5"/>
  <c r="Q7939" i="5"/>
  <c r="Q7940" i="5"/>
  <c r="Q7941" i="5"/>
  <c r="Q7942" i="5"/>
  <c r="Q7943" i="5"/>
  <c r="Q7944" i="5"/>
  <c r="Q7945" i="5"/>
  <c r="Q7946" i="5"/>
  <c r="Q7947" i="5"/>
  <c r="Q7948" i="5"/>
  <c r="Q7949" i="5"/>
  <c r="Q7950" i="5"/>
  <c r="Q7951" i="5"/>
  <c r="Q7952" i="5"/>
  <c r="Q7953" i="5"/>
  <c r="Q7954" i="5"/>
  <c r="Q7955" i="5"/>
  <c r="Q7956" i="5"/>
  <c r="Q7957" i="5"/>
  <c r="Q7958" i="5"/>
  <c r="Q7959" i="5"/>
  <c r="Q7960" i="5"/>
  <c r="Q7961" i="5"/>
  <c r="Q7962" i="5"/>
  <c r="Q7963" i="5"/>
  <c r="Q7964" i="5"/>
  <c r="Q7965" i="5"/>
  <c r="Q7966" i="5"/>
  <c r="Q7967" i="5"/>
  <c r="Q7968" i="5"/>
  <c r="Q7969" i="5"/>
  <c r="Q7970" i="5"/>
  <c r="Q7971" i="5"/>
  <c r="Q7972" i="5"/>
  <c r="Q7973" i="5"/>
  <c r="Q7974" i="5"/>
  <c r="Q7975" i="5"/>
  <c r="Q7976" i="5"/>
  <c r="Q7977" i="5"/>
  <c r="Q7978" i="5"/>
  <c r="Q7979" i="5"/>
  <c r="Q7980" i="5"/>
  <c r="Q7981" i="5"/>
  <c r="Q7982" i="5"/>
  <c r="Q7983" i="5"/>
  <c r="Q7984" i="5"/>
  <c r="Q7985" i="5"/>
  <c r="Q7986" i="5"/>
  <c r="Q7987" i="5"/>
  <c r="Q7988" i="5"/>
  <c r="Q7989" i="5"/>
  <c r="Q7990" i="5"/>
  <c r="Q7991" i="5"/>
  <c r="Q7992" i="5"/>
  <c r="Q7993" i="5"/>
  <c r="Q7994" i="5"/>
  <c r="Q7995" i="5"/>
  <c r="Q7996" i="5"/>
  <c r="Q7997" i="5"/>
  <c r="Q7998" i="5"/>
  <c r="Q7999" i="5"/>
  <c r="Q8000" i="5"/>
  <c r="Q8001" i="5"/>
  <c r="Q8002" i="5"/>
  <c r="Q8003" i="5"/>
  <c r="Q8004" i="5"/>
  <c r="Q8005" i="5"/>
  <c r="Q8006" i="5"/>
  <c r="Q8007" i="5"/>
  <c r="Q8008" i="5"/>
  <c r="Q8009" i="5"/>
  <c r="Q8010" i="5"/>
  <c r="Q8011" i="5"/>
  <c r="Q8012" i="5"/>
  <c r="Q8013" i="5"/>
  <c r="Q8014" i="5"/>
  <c r="Q8015" i="5"/>
  <c r="Q8016" i="5"/>
  <c r="Q8017" i="5"/>
  <c r="Q8018" i="5"/>
  <c r="Q8019" i="5"/>
  <c r="Q8020" i="5"/>
  <c r="Q8021" i="5"/>
  <c r="Q8022" i="5"/>
  <c r="Q8023" i="5"/>
  <c r="Q8024" i="5"/>
  <c r="Q8025" i="5"/>
  <c r="Q8026" i="5"/>
  <c r="Q8027" i="5"/>
  <c r="Q8028" i="5"/>
  <c r="Q8029" i="5"/>
  <c r="Q8030" i="5"/>
  <c r="Q8031" i="5"/>
  <c r="Q8032" i="5"/>
  <c r="Q8033" i="5"/>
  <c r="Q8034" i="5"/>
  <c r="Q8035" i="5"/>
  <c r="Q8036" i="5"/>
  <c r="Q8037" i="5"/>
  <c r="Q8038" i="5"/>
  <c r="Q8039" i="5"/>
  <c r="Q8040" i="5"/>
  <c r="Q8041" i="5"/>
  <c r="Q8042" i="5"/>
  <c r="Q8043" i="5"/>
  <c r="Q8044" i="5"/>
  <c r="Q8045" i="5"/>
  <c r="Q8046" i="5"/>
  <c r="Q8047" i="5"/>
  <c r="Q8048" i="5"/>
  <c r="Q8049" i="5"/>
  <c r="Q8050" i="5"/>
  <c r="Q8051" i="5"/>
  <c r="Q8052" i="5"/>
  <c r="Q8053" i="5"/>
  <c r="Q8054" i="5"/>
  <c r="Q8055" i="5"/>
  <c r="Q8056" i="5"/>
  <c r="Q8057" i="5"/>
  <c r="Q8058" i="5"/>
  <c r="Q8059" i="5"/>
  <c r="Q8060" i="5"/>
  <c r="Q8061" i="5"/>
  <c r="Q8062" i="5"/>
  <c r="Q8063" i="5"/>
  <c r="Q8064" i="5"/>
  <c r="Q8065" i="5"/>
  <c r="Q8066" i="5"/>
  <c r="Q8067" i="5"/>
  <c r="Q8068" i="5"/>
  <c r="Q8069" i="5"/>
  <c r="Q8070" i="5"/>
  <c r="Q8071" i="5"/>
  <c r="Q8072" i="5"/>
  <c r="Q8073" i="5"/>
  <c r="Q8074" i="5"/>
  <c r="Q8075" i="5"/>
  <c r="Q8076" i="5"/>
  <c r="Q8077" i="5"/>
  <c r="Q8078" i="5"/>
  <c r="Q8079" i="5"/>
  <c r="Q8080" i="5"/>
  <c r="Q8081" i="5"/>
  <c r="Q8082" i="5"/>
  <c r="Q8083" i="5"/>
  <c r="Q8084" i="5"/>
  <c r="Q8085" i="5"/>
  <c r="Q8086" i="5"/>
  <c r="Q8087" i="5"/>
  <c r="Q8088" i="5"/>
  <c r="Q8089" i="5"/>
  <c r="Q8090" i="5"/>
  <c r="Q8091" i="5"/>
  <c r="Q8092" i="5"/>
  <c r="Q8093" i="5"/>
  <c r="Q8094" i="5"/>
  <c r="Q8095" i="5"/>
  <c r="Q8096" i="5"/>
  <c r="Q8097" i="5"/>
  <c r="Q8098" i="5"/>
  <c r="Q8099" i="5"/>
  <c r="Q8100" i="5"/>
  <c r="Q8101" i="5"/>
  <c r="Q8102" i="5"/>
  <c r="Q8103" i="5"/>
  <c r="Q8104" i="5"/>
  <c r="Q8105" i="5"/>
  <c r="Q8106" i="5"/>
  <c r="Q8107" i="5"/>
  <c r="Q8108" i="5"/>
  <c r="Q8109" i="5"/>
  <c r="Q8110" i="5"/>
  <c r="Q8111" i="5"/>
  <c r="Q8112" i="5"/>
  <c r="Q8113" i="5"/>
  <c r="Q8114" i="5"/>
  <c r="Q8115" i="5"/>
  <c r="Q8116" i="5"/>
  <c r="Q8117" i="5"/>
  <c r="Q8118" i="5"/>
  <c r="Q8119" i="5"/>
  <c r="Q8120" i="5"/>
  <c r="Q8121" i="5"/>
  <c r="Q8122" i="5"/>
  <c r="Q8123" i="5"/>
  <c r="Q8124" i="5"/>
  <c r="Q8125" i="5"/>
  <c r="Q8126" i="5"/>
  <c r="Q8127" i="5"/>
  <c r="Q8128" i="5"/>
  <c r="Q8129" i="5"/>
  <c r="Q8130" i="5"/>
  <c r="Q8131" i="5"/>
  <c r="Q8132" i="5"/>
  <c r="Q8133" i="5"/>
  <c r="Q8134" i="5"/>
  <c r="Q8135" i="5"/>
  <c r="Q8136" i="5"/>
  <c r="Q8137" i="5"/>
  <c r="Q8138" i="5"/>
  <c r="Q8139" i="5"/>
  <c r="Q8140" i="5"/>
  <c r="Q8141" i="5"/>
  <c r="Q8142" i="5"/>
  <c r="Q8143" i="5"/>
  <c r="Q8144" i="5"/>
  <c r="Q8145" i="5"/>
  <c r="Q8146" i="5"/>
  <c r="Q8147" i="5"/>
  <c r="Q8148" i="5"/>
  <c r="Q8149" i="5"/>
  <c r="Q8150" i="5"/>
  <c r="Q8151" i="5"/>
  <c r="Q8152" i="5"/>
  <c r="Q8153" i="5"/>
  <c r="Q8154" i="5"/>
  <c r="Q8155" i="5"/>
  <c r="Q8156" i="5"/>
  <c r="Q8157" i="5"/>
  <c r="Q8158" i="5"/>
  <c r="Q8159" i="5"/>
  <c r="Q8160" i="5"/>
  <c r="Q8161" i="5"/>
  <c r="Q8162" i="5"/>
  <c r="Q8163" i="5"/>
  <c r="Q8164" i="5"/>
  <c r="Q8165" i="5"/>
  <c r="Q8166" i="5"/>
  <c r="Q8167" i="5"/>
  <c r="Q8168" i="5"/>
  <c r="Q8169" i="5"/>
  <c r="Q8170" i="5"/>
  <c r="Q8171" i="5"/>
  <c r="Q8172" i="5"/>
  <c r="Q8173" i="5"/>
  <c r="Q8174" i="5"/>
  <c r="Q8175" i="5"/>
  <c r="Q8176" i="5"/>
  <c r="Q8177" i="5"/>
  <c r="Q8178" i="5"/>
  <c r="Q8179" i="5"/>
  <c r="Q8180" i="5"/>
  <c r="Q8181" i="5"/>
  <c r="Q8182" i="5"/>
  <c r="Q8183" i="5"/>
  <c r="Q8184" i="5"/>
  <c r="Q8185" i="5"/>
  <c r="Q8186" i="5"/>
  <c r="Q8187" i="5"/>
  <c r="Q8188" i="5"/>
  <c r="Q8189" i="5"/>
  <c r="Q8190" i="5"/>
  <c r="Q8191" i="5"/>
  <c r="Q8192" i="5"/>
  <c r="Q8193" i="5"/>
  <c r="Q8194" i="5"/>
  <c r="Q8195" i="5"/>
  <c r="Q8196" i="5"/>
  <c r="Q8197" i="5"/>
  <c r="Q8198" i="5"/>
  <c r="Q8199" i="5"/>
  <c r="Q8200" i="5"/>
  <c r="Q8201" i="5"/>
  <c r="Q8202" i="5"/>
  <c r="Q8203" i="5"/>
  <c r="Q8204" i="5"/>
  <c r="Q8205" i="5"/>
  <c r="Q8206" i="5"/>
  <c r="Q8207" i="5"/>
  <c r="Q8208" i="5"/>
  <c r="Q8209" i="5"/>
  <c r="Q8210" i="5"/>
  <c r="Q8211" i="5"/>
  <c r="Q8212" i="5"/>
  <c r="Q8213" i="5"/>
  <c r="Q8214" i="5"/>
  <c r="Q8215" i="5"/>
  <c r="Q8216" i="5"/>
  <c r="Q8217" i="5"/>
  <c r="Q8218" i="5"/>
  <c r="Q8219" i="5"/>
  <c r="Q8220" i="5"/>
  <c r="Q8221" i="5"/>
  <c r="Q8222" i="5"/>
  <c r="Q8223" i="5"/>
  <c r="Q8224" i="5"/>
  <c r="Q8225" i="5"/>
  <c r="Q8226" i="5"/>
  <c r="Q8227" i="5"/>
  <c r="Q8228" i="5"/>
  <c r="Q8229" i="5"/>
  <c r="Q8230" i="5"/>
  <c r="Q8231" i="5"/>
  <c r="Q8232" i="5"/>
  <c r="Q8233" i="5"/>
  <c r="Q8234" i="5"/>
  <c r="Q8235" i="5"/>
  <c r="Q8236" i="5"/>
  <c r="Q8237" i="5"/>
  <c r="Q8238" i="5"/>
  <c r="Q8239" i="5"/>
  <c r="Q8240" i="5"/>
  <c r="Q8241" i="5"/>
  <c r="Q8242" i="5"/>
  <c r="Q8243" i="5"/>
  <c r="Q8244" i="5"/>
  <c r="Q8245" i="5"/>
  <c r="Q8246" i="5"/>
  <c r="Q8247" i="5"/>
  <c r="Q8248" i="5"/>
  <c r="Q8249" i="5"/>
  <c r="Q8250" i="5"/>
  <c r="Q8251" i="5"/>
  <c r="Q8252" i="5"/>
  <c r="Q8253" i="5"/>
  <c r="Q8254" i="5"/>
  <c r="Q8255" i="5"/>
  <c r="Q8256" i="5"/>
  <c r="Q8257" i="5"/>
  <c r="Q8258" i="5"/>
  <c r="Q8259" i="5"/>
  <c r="Q8260" i="5"/>
  <c r="Q8261" i="5"/>
  <c r="Q8262" i="5"/>
  <c r="Q8263" i="5"/>
  <c r="Q8264" i="5"/>
  <c r="Q8265" i="5"/>
  <c r="Q8266" i="5"/>
  <c r="Q8267" i="5"/>
  <c r="Q8268" i="5"/>
  <c r="Q8269" i="5"/>
  <c r="Q8270" i="5"/>
  <c r="Q8271" i="5"/>
  <c r="Q8272" i="5"/>
  <c r="Q8273" i="5"/>
  <c r="Q8274" i="5"/>
  <c r="Q8275" i="5"/>
  <c r="Q8276" i="5"/>
  <c r="Q8277" i="5"/>
  <c r="Q8278" i="5"/>
  <c r="Q8279" i="5"/>
  <c r="Q8280" i="5"/>
  <c r="Q8281" i="5"/>
  <c r="Q8282" i="5"/>
  <c r="Q8283" i="5"/>
  <c r="Q8284" i="5"/>
  <c r="Q8285" i="5"/>
  <c r="Q8286" i="5"/>
  <c r="Q8287" i="5"/>
  <c r="Q8288" i="5"/>
  <c r="Q8289" i="5"/>
  <c r="Q8290" i="5"/>
  <c r="Q8291" i="5"/>
  <c r="Q8292" i="5"/>
  <c r="Q8293" i="5"/>
  <c r="Q8294" i="5"/>
  <c r="Q8295" i="5"/>
  <c r="Q8296" i="5"/>
  <c r="Q8297" i="5"/>
  <c r="Q8298" i="5"/>
  <c r="Q8299" i="5"/>
  <c r="Q8300" i="5"/>
  <c r="Q8301" i="5"/>
  <c r="Q8302" i="5"/>
  <c r="Q8303" i="5"/>
  <c r="Q8304" i="5"/>
  <c r="Q8305" i="5"/>
  <c r="Q8306" i="5"/>
  <c r="Q8307" i="5"/>
  <c r="Q8308" i="5"/>
  <c r="Q8309" i="5"/>
  <c r="Q8310" i="5"/>
  <c r="Q8311" i="5"/>
  <c r="Q8312" i="5"/>
  <c r="Q8313" i="5"/>
  <c r="Q8314" i="5"/>
  <c r="Q8315" i="5"/>
  <c r="Q8316" i="5"/>
  <c r="Q8317" i="5"/>
  <c r="Q8318" i="5"/>
  <c r="Q8319" i="5"/>
  <c r="Q8320" i="5"/>
  <c r="Q8321" i="5"/>
  <c r="Q8322" i="5"/>
  <c r="Q8323" i="5"/>
  <c r="Q8324" i="5"/>
  <c r="Q8325" i="5"/>
  <c r="Q8326" i="5"/>
  <c r="Q8327" i="5"/>
  <c r="Q8328" i="5"/>
  <c r="Q8329" i="5"/>
  <c r="Q8330" i="5"/>
  <c r="Q8331" i="5"/>
  <c r="Q8332" i="5"/>
  <c r="Q8333" i="5"/>
  <c r="Q8334" i="5"/>
  <c r="Q8335" i="5"/>
  <c r="Q8336" i="5"/>
  <c r="Q8337" i="5"/>
  <c r="Q8338" i="5"/>
  <c r="Q8339" i="5"/>
  <c r="Q8340" i="5"/>
  <c r="Q8341" i="5"/>
  <c r="Q8342" i="5"/>
  <c r="Q8343" i="5"/>
  <c r="Q8344" i="5"/>
  <c r="Q8345" i="5"/>
  <c r="Q8346" i="5"/>
  <c r="Q8347" i="5"/>
  <c r="Q8348" i="5"/>
  <c r="Q8349" i="5"/>
  <c r="Q8350" i="5"/>
  <c r="Q8351" i="5"/>
  <c r="Q8352" i="5"/>
  <c r="Q8353" i="5"/>
  <c r="Q8354" i="5"/>
  <c r="Q8355" i="5"/>
  <c r="Q8356" i="5"/>
  <c r="Q8357" i="5"/>
  <c r="Q8358" i="5"/>
  <c r="Q8359" i="5"/>
  <c r="Q8360" i="5"/>
  <c r="Q8361" i="5"/>
  <c r="Q8362" i="5"/>
  <c r="Q8363" i="5"/>
  <c r="Q8364" i="5"/>
  <c r="Q8365" i="5"/>
  <c r="Q8366" i="5"/>
  <c r="Q8367" i="5"/>
  <c r="Q8368" i="5"/>
  <c r="Q8369" i="5"/>
  <c r="Q8370" i="5"/>
  <c r="Q8371" i="5"/>
  <c r="Q8372" i="5"/>
  <c r="Q8373" i="5"/>
  <c r="Q8374" i="5"/>
  <c r="Q8375" i="5"/>
  <c r="Q8376" i="5"/>
  <c r="Q8377" i="5"/>
  <c r="Q8378" i="5"/>
  <c r="Q8379" i="5"/>
  <c r="Q8380" i="5"/>
  <c r="Q8381" i="5"/>
  <c r="Q8382" i="5"/>
  <c r="Q8383" i="5"/>
  <c r="Q8384" i="5"/>
  <c r="Q8385" i="5"/>
  <c r="Q8386" i="5"/>
  <c r="Q8387" i="5"/>
  <c r="Q8388" i="5"/>
  <c r="Q8389" i="5"/>
  <c r="Q8390" i="5"/>
  <c r="Q8391" i="5"/>
  <c r="Q8392" i="5"/>
  <c r="Q8393" i="5"/>
  <c r="Q8394" i="5"/>
  <c r="Q8395" i="5"/>
  <c r="Q8396" i="5"/>
  <c r="Q8397" i="5"/>
  <c r="Q8398" i="5"/>
  <c r="Q8399" i="5"/>
  <c r="Q8400" i="5"/>
  <c r="Q8401" i="5"/>
  <c r="Q8402" i="5"/>
  <c r="Q8403" i="5"/>
  <c r="Q8404" i="5"/>
  <c r="Q8405" i="5"/>
  <c r="Q8406" i="5"/>
  <c r="Q8407" i="5"/>
  <c r="Q8408" i="5"/>
  <c r="Q8409" i="5"/>
  <c r="Q8410" i="5"/>
  <c r="Q8411" i="5"/>
  <c r="Q8412" i="5"/>
  <c r="Q8413" i="5"/>
  <c r="Q8414" i="5"/>
  <c r="Q8415" i="5"/>
  <c r="Q8416" i="5"/>
  <c r="Q8417" i="5"/>
  <c r="Q8418" i="5"/>
  <c r="Q8419" i="5"/>
  <c r="Q8420" i="5"/>
  <c r="Q8421" i="5"/>
  <c r="Q8422" i="5"/>
  <c r="Q8423" i="5"/>
  <c r="Q8424" i="5"/>
  <c r="Q8425" i="5"/>
  <c r="Q8426" i="5"/>
  <c r="Q8427" i="5"/>
  <c r="Q8428" i="5"/>
  <c r="Q8429" i="5"/>
  <c r="Q8430" i="5"/>
  <c r="Q8431" i="5"/>
  <c r="Q8432" i="5"/>
  <c r="Q8433" i="5"/>
  <c r="Q8434" i="5"/>
  <c r="Q8435" i="5"/>
  <c r="Q8436" i="5"/>
  <c r="Q8437" i="5"/>
  <c r="Q8438" i="5"/>
  <c r="Q8439" i="5"/>
  <c r="Q8440" i="5"/>
  <c r="Q8441" i="5"/>
  <c r="Q8442" i="5"/>
  <c r="Q8443" i="5"/>
  <c r="Q8444" i="5"/>
  <c r="Q8445" i="5"/>
  <c r="Q8446" i="5"/>
  <c r="Q8447" i="5"/>
  <c r="Q8448" i="5"/>
  <c r="Q8449" i="5"/>
  <c r="Q8450" i="5"/>
  <c r="Q8451" i="5"/>
  <c r="Q8452" i="5"/>
  <c r="Q8453" i="5"/>
  <c r="Q8454" i="5"/>
  <c r="Q8455" i="5"/>
  <c r="Q8456" i="5"/>
  <c r="Q8457" i="5"/>
  <c r="Q8458" i="5"/>
  <c r="Q8459" i="5"/>
  <c r="Q8460" i="5"/>
  <c r="Q8461" i="5"/>
  <c r="Q8462" i="5"/>
  <c r="Q8463" i="5"/>
  <c r="Q8464" i="5"/>
  <c r="Q8465" i="5"/>
  <c r="Q8466" i="5"/>
  <c r="Q8467" i="5"/>
  <c r="Q8468" i="5"/>
  <c r="Q8469" i="5"/>
  <c r="Q8470" i="5"/>
  <c r="Q8471" i="5"/>
  <c r="Q8472" i="5"/>
  <c r="Q8473" i="5"/>
  <c r="Q8474" i="5"/>
  <c r="Q8475" i="5"/>
  <c r="Q8476" i="5"/>
  <c r="Q8477" i="5"/>
  <c r="Q8478" i="5"/>
  <c r="Q8479" i="5"/>
  <c r="Q8480" i="5"/>
  <c r="Q8481" i="5"/>
  <c r="Q8482" i="5"/>
  <c r="Q8483" i="5"/>
  <c r="Q8484" i="5"/>
  <c r="Q8485" i="5"/>
  <c r="Q8486" i="5"/>
  <c r="Q8487" i="5"/>
  <c r="Q8488" i="5"/>
  <c r="Q8489" i="5"/>
  <c r="Q8490" i="5"/>
  <c r="Q8491" i="5"/>
  <c r="Q8492" i="5"/>
  <c r="Q8493" i="5"/>
  <c r="Q8494" i="5"/>
  <c r="Q8495" i="5"/>
  <c r="Q8496" i="5"/>
  <c r="Q8497" i="5"/>
  <c r="Q8498" i="5"/>
  <c r="Q8499" i="5"/>
  <c r="Q8500" i="5"/>
  <c r="Q8501" i="5"/>
  <c r="Q8502" i="5"/>
  <c r="Q8503" i="5"/>
  <c r="Q8504" i="5"/>
  <c r="Q8505" i="5"/>
  <c r="Q8506" i="5"/>
  <c r="Q8507" i="5"/>
  <c r="Q8508" i="5"/>
  <c r="Q8509" i="5"/>
  <c r="Q8510" i="5"/>
  <c r="Q8511" i="5"/>
  <c r="Q8512" i="5"/>
  <c r="Q8513" i="5"/>
  <c r="Q8514" i="5"/>
  <c r="Q8515" i="5"/>
  <c r="Q8516" i="5"/>
  <c r="Q8517" i="5"/>
  <c r="Q8518" i="5"/>
  <c r="Q8519" i="5"/>
  <c r="Q8520" i="5"/>
  <c r="Q8521" i="5"/>
  <c r="Q8522" i="5"/>
  <c r="Q8523" i="5"/>
  <c r="Q8524" i="5"/>
  <c r="Q8525" i="5"/>
  <c r="Q8526" i="5"/>
  <c r="Q8527" i="5"/>
  <c r="Q8528" i="5"/>
  <c r="Q8529" i="5"/>
  <c r="Q8530" i="5"/>
  <c r="Q8531" i="5"/>
  <c r="Q8532" i="5"/>
  <c r="Q8533" i="5"/>
  <c r="Q8534" i="5"/>
  <c r="Q8535" i="5"/>
  <c r="Q8536" i="5"/>
  <c r="Q8537" i="5"/>
  <c r="Q8538" i="5"/>
  <c r="Q8539" i="5"/>
  <c r="Q8540" i="5"/>
  <c r="Q8541" i="5"/>
  <c r="Q8542" i="5"/>
  <c r="Q8543" i="5"/>
  <c r="Q8544" i="5"/>
  <c r="Q8545" i="5"/>
  <c r="Q8546" i="5"/>
  <c r="Q8547" i="5"/>
  <c r="Q8548" i="5"/>
  <c r="Q8549" i="5"/>
  <c r="Q8550" i="5"/>
  <c r="Q8551" i="5"/>
  <c r="Q8552" i="5"/>
  <c r="Q8553" i="5"/>
  <c r="Q8554" i="5"/>
  <c r="Q8555" i="5"/>
  <c r="Q8556" i="5"/>
  <c r="Q8557" i="5"/>
  <c r="Q8558" i="5"/>
  <c r="Q8559" i="5"/>
  <c r="Q8560" i="5"/>
  <c r="Q8561" i="5"/>
  <c r="Q8562" i="5"/>
  <c r="Q8563" i="5"/>
  <c r="Q8564" i="5"/>
  <c r="Q8565" i="5"/>
  <c r="Q8566" i="5"/>
  <c r="Q8567" i="5"/>
  <c r="Q8568" i="5"/>
  <c r="Q8569" i="5"/>
  <c r="Q8570" i="5"/>
  <c r="Q8571" i="5"/>
  <c r="Q8572" i="5"/>
  <c r="Q8573" i="5"/>
  <c r="Q8574" i="5"/>
  <c r="Q8575" i="5"/>
  <c r="Q8576" i="5"/>
  <c r="Q8577" i="5"/>
  <c r="Q8578" i="5"/>
  <c r="Q8579" i="5"/>
  <c r="Q8580" i="5"/>
  <c r="Q8581" i="5"/>
  <c r="Q8582" i="5"/>
  <c r="Q8583" i="5"/>
  <c r="Q8584" i="5"/>
  <c r="Q8585" i="5"/>
  <c r="Q8586" i="5"/>
  <c r="Q8587" i="5"/>
  <c r="Q8588" i="5"/>
  <c r="Q8589" i="5"/>
  <c r="Q8590" i="5"/>
  <c r="Q8591" i="5"/>
  <c r="Q8592" i="5"/>
  <c r="Q8593" i="5"/>
  <c r="Q8594" i="5"/>
  <c r="Q8595" i="5"/>
  <c r="Q8596" i="5"/>
  <c r="Q8597" i="5"/>
  <c r="Q8598" i="5"/>
  <c r="Q8599" i="5"/>
  <c r="Q8600" i="5"/>
  <c r="Q8601" i="5"/>
  <c r="Q8602" i="5"/>
  <c r="Q8603" i="5"/>
  <c r="Q8604" i="5"/>
  <c r="Q8605" i="5"/>
  <c r="Q8606" i="5"/>
  <c r="Q8607" i="5"/>
  <c r="Q8608" i="5"/>
  <c r="Q8609" i="5"/>
  <c r="Q8610" i="5"/>
  <c r="Q8611" i="5"/>
  <c r="Q8612" i="5"/>
  <c r="Q8613" i="5"/>
  <c r="Q8614" i="5"/>
  <c r="Q8615" i="5"/>
  <c r="Q8616" i="5"/>
  <c r="Q8617" i="5"/>
  <c r="Q8618" i="5"/>
  <c r="Q8619" i="5"/>
  <c r="Q8620" i="5"/>
  <c r="Q8621" i="5"/>
  <c r="Q8622" i="5"/>
  <c r="Q8623" i="5"/>
  <c r="Q8624" i="5"/>
  <c r="Q8625" i="5"/>
  <c r="Q8626" i="5"/>
  <c r="Q8627" i="5"/>
  <c r="Q8628" i="5"/>
  <c r="Q8629" i="5"/>
  <c r="Q8630" i="5"/>
  <c r="Q8631" i="5"/>
  <c r="Q8632" i="5"/>
  <c r="Q8633" i="5"/>
  <c r="Q8634" i="5"/>
  <c r="Q8635" i="5"/>
  <c r="Q8636" i="5"/>
  <c r="Q8637" i="5"/>
  <c r="Q8638" i="5"/>
  <c r="Q8639" i="5"/>
  <c r="Q8640" i="5"/>
  <c r="Q8641" i="5"/>
  <c r="Q8642" i="5"/>
  <c r="Q8643" i="5"/>
  <c r="Q8644" i="5"/>
  <c r="Q8645" i="5"/>
  <c r="Q8646" i="5"/>
  <c r="Q8647" i="5"/>
  <c r="Q8648" i="5"/>
  <c r="Q8649" i="5"/>
  <c r="Q8650" i="5"/>
  <c r="Q8651" i="5"/>
  <c r="Q8652" i="5"/>
  <c r="Q8653" i="5"/>
  <c r="Q8654" i="5"/>
  <c r="Q8655" i="5"/>
  <c r="Q8656" i="5"/>
  <c r="Q8657" i="5"/>
  <c r="Q8658" i="5"/>
  <c r="Q8659" i="5"/>
  <c r="Q8660" i="5"/>
  <c r="Q8661" i="5"/>
  <c r="Q8662" i="5"/>
  <c r="Q8663" i="5"/>
  <c r="Q8664" i="5"/>
  <c r="Q8665" i="5"/>
  <c r="Q8666" i="5"/>
  <c r="Q8667" i="5"/>
  <c r="Q8668" i="5"/>
  <c r="Q8669" i="5"/>
  <c r="Q8670" i="5"/>
  <c r="Q8671" i="5"/>
  <c r="Q8672" i="5"/>
  <c r="Q8673" i="5"/>
  <c r="Q8674" i="5"/>
  <c r="Q8675" i="5"/>
  <c r="Q8676" i="5"/>
  <c r="Q8677" i="5"/>
  <c r="Q8678" i="5"/>
  <c r="Q8679" i="5"/>
  <c r="Q8680" i="5"/>
  <c r="Q8681" i="5"/>
  <c r="Q8682" i="5"/>
  <c r="Q8683" i="5"/>
  <c r="Q8684" i="5"/>
  <c r="Q8685" i="5"/>
  <c r="Q8686" i="5"/>
  <c r="Q8687" i="5"/>
  <c r="Q8688" i="5"/>
  <c r="Q8689" i="5"/>
  <c r="Q8690" i="5"/>
  <c r="Q8691" i="5"/>
  <c r="Q8692" i="5"/>
  <c r="Q8693" i="5"/>
  <c r="Q8694" i="5"/>
  <c r="Q8695" i="5"/>
  <c r="Q8696" i="5"/>
  <c r="Q8697" i="5"/>
  <c r="Q8698" i="5"/>
  <c r="Q8699" i="5"/>
  <c r="Q8700" i="5"/>
  <c r="Q8701" i="5"/>
  <c r="Q8702" i="5"/>
  <c r="Q8703" i="5"/>
  <c r="Q8704" i="5"/>
  <c r="Q8705" i="5"/>
  <c r="Q8706" i="5"/>
  <c r="Q8707" i="5"/>
  <c r="Q8708" i="5"/>
  <c r="Q8709" i="5"/>
  <c r="Q8710" i="5"/>
  <c r="Q8711" i="5"/>
  <c r="Q8712" i="5"/>
  <c r="Q8713" i="5"/>
  <c r="Q8714" i="5"/>
  <c r="Q8715" i="5"/>
  <c r="Q8716" i="5"/>
  <c r="Q8717" i="5"/>
  <c r="Q8718" i="5"/>
  <c r="Q8719" i="5"/>
  <c r="Q8720" i="5"/>
  <c r="Q8721" i="5"/>
  <c r="Q8722" i="5"/>
  <c r="Q8723" i="5"/>
  <c r="Q8724" i="5"/>
  <c r="Q8725" i="5"/>
  <c r="Q8726" i="5"/>
  <c r="Q8727" i="5"/>
  <c r="Q8728" i="5"/>
  <c r="Q8729" i="5"/>
  <c r="Q8730" i="5"/>
  <c r="Q8731" i="5"/>
  <c r="Q8732" i="5"/>
  <c r="Q8733" i="5"/>
  <c r="Q8734" i="5"/>
  <c r="Q8735" i="5"/>
  <c r="Q8736" i="5"/>
  <c r="Q8737" i="5"/>
  <c r="Q8738" i="5"/>
  <c r="Q8739" i="5"/>
  <c r="Q8740" i="5"/>
  <c r="Q8741" i="5"/>
  <c r="Q8742" i="5"/>
  <c r="Q8743" i="5"/>
  <c r="Q8744" i="5"/>
  <c r="Q8745" i="5"/>
  <c r="Q8746" i="5"/>
  <c r="Q8747" i="5"/>
  <c r="Q8748" i="5"/>
  <c r="Q8749" i="5"/>
  <c r="Q8750" i="5"/>
  <c r="Q8751" i="5"/>
  <c r="Q8752" i="5"/>
  <c r="Q8753" i="5"/>
  <c r="Q8754" i="5"/>
  <c r="Q8755" i="5"/>
  <c r="Q8756" i="5"/>
  <c r="Q8757" i="5"/>
  <c r="Q8758" i="5"/>
  <c r="Q8759" i="5"/>
  <c r="Q8760" i="5"/>
  <c r="Q8761" i="5"/>
  <c r="Q8762" i="5"/>
  <c r="Q8763" i="5"/>
  <c r="Q8764" i="5"/>
  <c r="Q8765" i="5"/>
  <c r="Q8766" i="5"/>
  <c r="Q8767" i="5"/>
  <c r="Q8" i="5"/>
  <c r="Z8738" i="6"/>
  <c r="AA8738" i="6"/>
  <c r="AB8738" i="6"/>
  <c r="AC8738" i="6"/>
  <c r="AD8738" i="6"/>
  <c r="AE8738" i="6"/>
  <c r="AF8738" i="6"/>
  <c r="AG8738" i="6"/>
  <c r="AH8738" i="6"/>
  <c r="AI8738" i="6"/>
  <c r="AJ8738" i="6"/>
  <c r="AK8738" i="6"/>
  <c r="AL8738" i="6"/>
  <c r="AM8738" i="6"/>
  <c r="AN8738" i="6"/>
  <c r="AO8738" i="6"/>
  <c r="AP8738" i="6"/>
  <c r="Z8739" i="6"/>
  <c r="AA8739" i="6"/>
  <c r="AB8739" i="6"/>
  <c r="AC8739" i="6"/>
  <c r="AD8739" i="6"/>
  <c r="AE8739" i="6"/>
  <c r="AF8739" i="6"/>
  <c r="AG8739" i="6"/>
  <c r="AH8739" i="6"/>
  <c r="AI8739" i="6"/>
  <c r="AJ8739" i="6"/>
  <c r="AK8739" i="6"/>
  <c r="AL8739" i="6"/>
  <c r="AM8739" i="6"/>
  <c r="AN8739" i="6"/>
  <c r="AO8739" i="6"/>
  <c r="AP8739" i="6"/>
  <c r="Z8740" i="6"/>
  <c r="AA8740" i="6"/>
  <c r="AB8740" i="6"/>
  <c r="AC8740" i="6"/>
  <c r="AD8740" i="6"/>
  <c r="AE8740" i="6"/>
  <c r="AF8740" i="6"/>
  <c r="AG8740" i="6"/>
  <c r="AH8740" i="6"/>
  <c r="AI8740" i="6"/>
  <c r="AJ8740" i="6"/>
  <c r="AK8740" i="6"/>
  <c r="AL8740" i="6"/>
  <c r="AM8740" i="6"/>
  <c r="AN8740" i="6"/>
  <c r="AO8740" i="6"/>
  <c r="AP8740" i="6"/>
  <c r="Z8741" i="6"/>
  <c r="AA8741" i="6"/>
  <c r="AB8741" i="6"/>
  <c r="AC8741" i="6"/>
  <c r="AD8741" i="6"/>
  <c r="AE8741" i="6"/>
  <c r="AF8741" i="6"/>
  <c r="AG8741" i="6"/>
  <c r="AH8741" i="6"/>
  <c r="AI8741" i="6"/>
  <c r="AJ8741" i="6"/>
  <c r="AK8741" i="6"/>
  <c r="AL8741" i="6"/>
  <c r="AM8741" i="6"/>
  <c r="AN8741" i="6"/>
  <c r="AO8741" i="6"/>
  <c r="AP8741" i="6"/>
  <c r="Z8742" i="6"/>
  <c r="AA8742" i="6"/>
  <c r="AB8742" i="6"/>
  <c r="AC8742" i="6"/>
  <c r="AD8742" i="6"/>
  <c r="AE8742" i="6"/>
  <c r="AF8742" i="6"/>
  <c r="AG8742" i="6"/>
  <c r="AH8742" i="6"/>
  <c r="AI8742" i="6"/>
  <c r="AJ8742" i="6"/>
  <c r="AK8742" i="6"/>
  <c r="AL8742" i="6"/>
  <c r="AM8742" i="6"/>
  <c r="AN8742" i="6"/>
  <c r="AO8742" i="6"/>
  <c r="AP8742" i="6"/>
  <c r="Z8743" i="6"/>
  <c r="AA8743" i="6"/>
  <c r="AB8743" i="6"/>
  <c r="AC8743" i="6"/>
  <c r="AD8743" i="6"/>
  <c r="AE8743" i="6"/>
  <c r="AF8743" i="6"/>
  <c r="AG8743" i="6"/>
  <c r="AH8743" i="6"/>
  <c r="AI8743" i="6"/>
  <c r="AJ8743" i="6"/>
  <c r="AK8743" i="6"/>
  <c r="AL8743" i="6"/>
  <c r="AM8743" i="6"/>
  <c r="AN8743" i="6"/>
  <c r="AO8743" i="6"/>
  <c r="AP8743" i="6"/>
  <c r="Z8744" i="6"/>
  <c r="AA8744" i="6"/>
  <c r="AB8744" i="6"/>
  <c r="AC8744" i="6"/>
  <c r="AD8744" i="6"/>
  <c r="AE8744" i="6"/>
  <c r="AF8744" i="6"/>
  <c r="AG8744" i="6"/>
  <c r="AH8744" i="6"/>
  <c r="AI8744" i="6"/>
  <c r="AJ8744" i="6"/>
  <c r="AK8744" i="6"/>
  <c r="AL8744" i="6"/>
  <c r="AM8744" i="6"/>
  <c r="AN8744" i="6"/>
  <c r="AO8744" i="6"/>
  <c r="AP8744" i="6"/>
  <c r="Z8745" i="6"/>
  <c r="AA8745" i="6"/>
  <c r="AB8745" i="6"/>
  <c r="AC8745" i="6"/>
  <c r="AD8745" i="6"/>
  <c r="AE8745" i="6"/>
  <c r="AF8745" i="6"/>
  <c r="AG8745" i="6"/>
  <c r="AH8745" i="6"/>
  <c r="AI8745" i="6"/>
  <c r="AJ8745" i="6"/>
  <c r="AK8745" i="6"/>
  <c r="AL8745" i="6"/>
  <c r="AM8745" i="6"/>
  <c r="AN8745" i="6"/>
  <c r="AO8745" i="6"/>
  <c r="AP8745" i="6"/>
  <c r="Z8746" i="6"/>
  <c r="AA8746" i="6"/>
  <c r="AB8746" i="6"/>
  <c r="AC8746" i="6"/>
  <c r="AD8746" i="6"/>
  <c r="AE8746" i="6"/>
  <c r="AF8746" i="6"/>
  <c r="AG8746" i="6"/>
  <c r="AH8746" i="6"/>
  <c r="AI8746" i="6"/>
  <c r="AJ8746" i="6"/>
  <c r="AK8746" i="6"/>
  <c r="AL8746" i="6"/>
  <c r="AM8746" i="6"/>
  <c r="AN8746" i="6"/>
  <c r="AO8746" i="6"/>
  <c r="AP8746" i="6"/>
  <c r="Z8747" i="6"/>
  <c r="AA8747" i="6"/>
  <c r="AB8747" i="6"/>
  <c r="AC8747" i="6"/>
  <c r="AD8747" i="6"/>
  <c r="AE8747" i="6"/>
  <c r="AF8747" i="6"/>
  <c r="AG8747" i="6"/>
  <c r="AH8747" i="6"/>
  <c r="AI8747" i="6"/>
  <c r="AJ8747" i="6"/>
  <c r="AK8747" i="6"/>
  <c r="AL8747" i="6"/>
  <c r="AM8747" i="6"/>
  <c r="AN8747" i="6"/>
  <c r="AO8747" i="6"/>
  <c r="AP8747" i="6"/>
  <c r="Z8748" i="6"/>
  <c r="AA8748" i="6"/>
  <c r="AB8748" i="6"/>
  <c r="AC8748" i="6"/>
  <c r="AD8748" i="6"/>
  <c r="AE8748" i="6"/>
  <c r="AF8748" i="6"/>
  <c r="AG8748" i="6"/>
  <c r="AH8748" i="6"/>
  <c r="AI8748" i="6"/>
  <c r="AJ8748" i="6"/>
  <c r="AK8748" i="6"/>
  <c r="AL8748" i="6"/>
  <c r="AM8748" i="6"/>
  <c r="AN8748" i="6"/>
  <c r="AO8748" i="6"/>
  <c r="AP8748" i="6"/>
  <c r="Z8749" i="6"/>
  <c r="AA8749" i="6"/>
  <c r="AB8749" i="6"/>
  <c r="AC8749" i="6"/>
  <c r="AD8749" i="6"/>
  <c r="AE8749" i="6"/>
  <c r="AF8749" i="6"/>
  <c r="AG8749" i="6"/>
  <c r="AH8749" i="6"/>
  <c r="AI8749" i="6"/>
  <c r="AJ8749" i="6"/>
  <c r="AK8749" i="6"/>
  <c r="AL8749" i="6"/>
  <c r="AM8749" i="6"/>
  <c r="AN8749" i="6"/>
  <c r="AO8749" i="6"/>
  <c r="AP8749" i="6"/>
  <c r="Z8750" i="6"/>
  <c r="AA8750" i="6"/>
  <c r="AB8750" i="6"/>
  <c r="AC8750" i="6"/>
  <c r="AD8750" i="6"/>
  <c r="AE8750" i="6"/>
  <c r="AF8750" i="6"/>
  <c r="AG8750" i="6"/>
  <c r="AH8750" i="6"/>
  <c r="AI8750" i="6"/>
  <c r="AJ8750" i="6"/>
  <c r="AK8750" i="6"/>
  <c r="AL8750" i="6"/>
  <c r="AM8750" i="6"/>
  <c r="AN8750" i="6"/>
  <c r="AO8750" i="6"/>
  <c r="AP8750" i="6"/>
  <c r="Z8751" i="6"/>
  <c r="AA8751" i="6"/>
  <c r="AB8751" i="6"/>
  <c r="AC8751" i="6"/>
  <c r="AD8751" i="6"/>
  <c r="AE8751" i="6"/>
  <c r="AF8751" i="6"/>
  <c r="AG8751" i="6"/>
  <c r="AH8751" i="6"/>
  <c r="AI8751" i="6"/>
  <c r="AJ8751" i="6"/>
  <c r="AK8751" i="6"/>
  <c r="AL8751" i="6"/>
  <c r="AM8751" i="6"/>
  <c r="AN8751" i="6"/>
  <c r="AO8751" i="6"/>
  <c r="AP8751" i="6"/>
  <c r="Z8752" i="6"/>
  <c r="AA8752" i="6"/>
  <c r="AB8752" i="6"/>
  <c r="AC8752" i="6"/>
  <c r="AD8752" i="6"/>
  <c r="AE8752" i="6"/>
  <c r="AF8752" i="6"/>
  <c r="AG8752" i="6"/>
  <c r="AH8752" i="6"/>
  <c r="AI8752" i="6"/>
  <c r="AJ8752" i="6"/>
  <c r="AK8752" i="6"/>
  <c r="AL8752" i="6"/>
  <c r="AM8752" i="6"/>
  <c r="AN8752" i="6"/>
  <c r="AO8752" i="6"/>
  <c r="AP8752" i="6"/>
  <c r="Z8753" i="6"/>
  <c r="AA8753" i="6"/>
  <c r="AB8753" i="6"/>
  <c r="AC8753" i="6"/>
  <c r="AD8753" i="6"/>
  <c r="AE8753" i="6"/>
  <c r="AF8753" i="6"/>
  <c r="AG8753" i="6"/>
  <c r="AH8753" i="6"/>
  <c r="AI8753" i="6"/>
  <c r="AJ8753" i="6"/>
  <c r="AK8753" i="6"/>
  <c r="AL8753" i="6"/>
  <c r="AM8753" i="6"/>
  <c r="AN8753" i="6"/>
  <c r="AO8753" i="6"/>
  <c r="AP8753" i="6"/>
  <c r="Z8754" i="6"/>
  <c r="AA8754" i="6"/>
  <c r="AB8754" i="6"/>
  <c r="AC8754" i="6"/>
  <c r="AD8754" i="6"/>
  <c r="AE8754" i="6"/>
  <c r="AF8754" i="6"/>
  <c r="AG8754" i="6"/>
  <c r="AH8754" i="6"/>
  <c r="AI8754" i="6"/>
  <c r="AJ8754" i="6"/>
  <c r="AK8754" i="6"/>
  <c r="AL8754" i="6"/>
  <c r="AM8754" i="6"/>
  <c r="AN8754" i="6"/>
  <c r="AO8754" i="6"/>
  <c r="AP8754" i="6"/>
  <c r="Z8755" i="6"/>
  <c r="AA8755" i="6"/>
  <c r="AB8755" i="6"/>
  <c r="AC8755" i="6"/>
  <c r="AD8755" i="6"/>
  <c r="AE8755" i="6"/>
  <c r="AF8755" i="6"/>
  <c r="AG8755" i="6"/>
  <c r="AH8755" i="6"/>
  <c r="AI8755" i="6"/>
  <c r="AJ8755" i="6"/>
  <c r="AK8755" i="6"/>
  <c r="AL8755" i="6"/>
  <c r="AM8755" i="6"/>
  <c r="AN8755" i="6"/>
  <c r="AO8755" i="6"/>
  <c r="AP8755" i="6"/>
  <c r="Z8756" i="6"/>
  <c r="AA8756" i="6"/>
  <c r="AB8756" i="6"/>
  <c r="AC8756" i="6"/>
  <c r="AD8756" i="6"/>
  <c r="AE8756" i="6"/>
  <c r="AF8756" i="6"/>
  <c r="AG8756" i="6"/>
  <c r="AH8756" i="6"/>
  <c r="AI8756" i="6"/>
  <c r="AJ8756" i="6"/>
  <c r="AK8756" i="6"/>
  <c r="AL8756" i="6"/>
  <c r="AM8756" i="6"/>
  <c r="AN8756" i="6"/>
  <c r="AO8756" i="6"/>
  <c r="AP8756" i="6"/>
  <c r="Z8757" i="6"/>
  <c r="AA8757" i="6"/>
  <c r="AB8757" i="6"/>
  <c r="AC8757" i="6"/>
  <c r="AD8757" i="6"/>
  <c r="AE8757" i="6"/>
  <c r="AF8757" i="6"/>
  <c r="AG8757" i="6"/>
  <c r="AH8757" i="6"/>
  <c r="AI8757" i="6"/>
  <c r="AJ8757" i="6"/>
  <c r="AK8757" i="6"/>
  <c r="AL8757" i="6"/>
  <c r="AM8757" i="6"/>
  <c r="AN8757" i="6"/>
  <c r="AO8757" i="6"/>
  <c r="AP8757" i="6"/>
  <c r="Z8758" i="6"/>
  <c r="AA8758" i="6"/>
  <c r="AB8758" i="6"/>
  <c r="AC8758" i="6"/>
  <c r="AD8758" i="6"/>
  <c r="AE8758" i="6"/>
  <c r="AF8758" i="6"/>
  <c r="AG8758" i="6"/>
  <c r="AH8758" i="6"/>
  <c r="AI8758" i="6"/>
  <c r="AJ8758" i="6"/>
  <c r="AK8758" i="6"/>
  <c r="AL8758" i="6"/>
  <c r="AM8758" i="6"/>
  <c r="AN8758" i="6"/>
  <c r="AO8758" i="6"/>
  <c r="AP8758" i="6"/>
  <c r="Z8759" i="6"/>
  <c r="AA8759" i="6"/>
  <c r="AB8759" i="6"/>
  <c r="AC8759" i="6"/>
  <c r="AD8759" i="6"/>
  <c r="AE8759" i="6"/>
  <c r="AF8759" i="6"/>
  <c r="AG8759" i="6"/>
  <c r="AH8759" i="6"/>
  <c r="AI8759" i="6"/>
  <c r="AJ8759" i="6"/>
  <c r="AK8759" i="6"/>
  <c r="AL8759" i="6"/>
  <c r="AM8759" i="6"/>
  <c r="AN8759" i="6"/>
  <c r="AO8759" i="6"/>
  <c r="AP8759" i="6"/>
  <c r="Z8760" i="6"/>
  <c r="AA8760" i="6"/>
  <c r="AB8760" i="6"/>
  <c r="AC8760" i="6"/>
  <c r="AD8760" i="6"/>
  <c r="AE8760" i="6"/>
  <c r="AF8760" i="6"/>
  <c r="AG8760" i="6"/>
  <c r="AH8760" i="6"/>
  <c r="AI8760" i="6"/>
  <c r="AJ8760" i="6"/>
  <c r="AK8760" i="6"/>
  <c r="AL8760" i="6"/>
  <c r="AM8760" i="6"/>
  <c r="AN8760" i="6"/>
  <c r="AO8760" i="6"/>
  <c r="AP8760" i="6"/>
  <c r="Z8761" i="6"/>
  <c r="AA8761" i="6"/>
  <c r="AB8761" i="6"/>
  <c r="AC8761" i="6"/>
  <c r="AD8761" i="6"/>
  <c r="AE8761" i="6"/>
  <c r="AF8761" i="6"/>
  <c r="AG8761" i="6"/>
  <c r="AH8761" i="6"/>
  <c r="AI8761" i="6"/>
  <c r="AJ8761" i="6"/>
  <c r="AK8761" i="6"/>
  <c r="AL8761" i="6"/>
  <c r="AM8761" i="6"/>
  <c r="AN8761" i="6"/>
  <c r="AO8761" i="6"/>
  <c r="AP8761" i="6"/>
  <c r="Y8739" i="6"/>
  <c r="Y8740" i="6"/>
  <c r="Y8741" i="6"/>
  <c r="Y8742" i="6"/>
  <c r="Y8743" i="6"/>
  <c r="Y8744" i="6"/>
  <c r="Y8745" i="6"/>
  <c r="Y8746" i="6"/>
  <c r="Y8747" i="6"/>
  <c r="Y8748" i="6"/>
  <c r="Y8749" i="6"/>
  <c r="Y8750" i="6"/>
  <c r="Y8751" i="6"/>
  <c r="Y8752" i="6"/>
  <c r="Y8753" i="6"/>
  <c r="Y8754" i="6"/>
  <c r="Y8755" i="6"/>
  <c r="Y8756" i="6"/>
  <c r="Y8757" i="6"/>
  <c r="Y8758" i="6"/>
  <c r="Y8759" i="6"/>
  <c r="Y8760" i="6"/>
  <c r="Y8761" i="6"/>
  <c r="Y8738" i="6"/>
  <c r="B21" i="1" l="1"/>
  <c r="C20" i="1"/>
  <c r="F20" i="1"/>
  <c r="E20" i="1"/>
  <c r="D20" i="1"/>
  <c r="F22" i="3"/>
  <c r="N34" i="2"/>
  <c r="B34" i="2" s="1"/>
  <c r="H5" i="3"/>
  <c r="H6" i="3"/>
  <c r="H7" i="3"/>
  <c r="H8" i="3"/>
  <c r="H4" i="3"/>
  <c r="AC30" i="2"/>
  <c r="AD30" i="2"/>
  <c r="AE30" i="2"/>
  <c r="AF30" i="2"/>
  <c r="AG30" i="2"/>
  <c r="AH30" i="2"/>
  <c r="AI30" i="2"/>
  <c r="AJ30" i="2"/>
  <c r="AK30" i="2"/>
  <c r="AL30" i="2"/>
  <c r="AM30" i="2"/>
  <c r="AN30" i="2"/>
  <c r="AP30" i="2"/>
  <c r="AQ30" i="2"/>
  <c r="AR30" i="2"/>
  <c r="AS30" i="2"/>
  <c r="AT30" i="2"/>
  <c r="AU30" i="2"/>
  <c r="AV30" i="2"/>
  <c r="AW30" i="2"/>
  <c r="AX30" i="2"/>
  <c r="AY30" i="2"/>
  <c r="AZ30" i="2"/>
  <c r="BA30" i="2"/>
  <c r="BB30" i="2"/>
  <c r="BC30" i="2"/>
  <c r="BD30" i="2"/>
  <c r="BE30" i="2"/>
  <c r="BG30" i="2"/>
  <c r="BH30" i="2"/>
  <c r="BM30" i="2"/>
  <c r="BN30" i="2"/>
  <c r="BO30" i="2"/>
  <c r="BQ30" i="2"/>
  <c r="BR30" i="2"/>
  <c r="BS30" i="2"/>
  <c r="BT30" i="2"/>
  <c r="BU30" i="2"/>
  <c r="BV30" i="2"/>
  <c r="BW30" i="2"/>
  <c r="BX30" i="2"/>
  <c r="BY30" i="2"/>
  <c r="CE30" i="2"/>
  <c r="CF30" i="2"/>
  <c r="CG30" i="2"/>
  <c r="CH30" i="2"/>
  <c r="CI30" i="2"/>
  <c r="CJ30" i="2"/>
  <c r="CK30" i="2"/>
  <c r="CM30" i="2"/>
  <c r="CO30" i="2"/>
  <c r="CP30" i="2"/>
  <c r="CQ30" i="2"/>
  <c r="CR30" i="2"/>
  <c r="CS30" i="2"/>
  <c r="CX30" i="2"/>
  <c r="DA30" i="2"/>
  <c r="DB30" i="2"/>
  <c r="DC30" i="2"/>
  <c r="DE30" i="2"/>
  <c r="DF30" i="2"/>
  <c r="DG30" i="2"/>
  <c r="DH30" i="2"/>
  <c r="DI30" i="2"/>
  <c r="DJ30" i="2"/>
  <c r="DK30" i="2"/>
  <c r="DL30" i="2"/>
  <c r="DM30" i="2"/>
  <c r="DO30" i="2"/>
  <c r="DU30" i="2"/>
  <c r="DV30" i="2"/>
  <c r="DW30" i="2"/>
  <c r="EA30" i="2"/>
  <c r="EB30" i="2"/>
  <c r="EC30" i="2"/>
  <c r="ED30" i="2"/>
  <c r="EE30" i="2"/>
  <c r="EF30" i="2"/>
  <c r="EG30" i="2"/>
  <c r="EJ30" i="2"/>
  <c r="EM30" i="2"/>
  <c r="EO30" i="2"/>
  <c r="EP30" i="2"/>
  <c r="EQ30" i="2"/>
  <c r="ES30" i="2"/>
  <c r="EW30" i="2"/>
  <c r="EX30" i="2"/>
  <c r="EY30" i="2"/>
  <c r="EZ30" i="2"/>
  <c r="FA30" i="2"/>
  <c r="FG30" i="2"/>
  <c r="FH30" i="2"/>
  <c r="FI30" i="2"/>
  <c r="FJ30" i="2"/>
  <c r="FK30" i="2"/>
  <c r="FO30" i="2"/>
  <c r="FP30" i="2" s="1"/>
  <c r="CM12" i="2"/>
  <c r="AC12" i="2"/>
  <c r="AD12" i="2"/>
  <c r="AE12" i="2"/>
  <c r="AF12" i="2"/>
  <c r="AG12" i="2"/>
  <c r="AH12" i="2"/>
  <c r="AI12" i="2"/>
  <c r="AJ12" i="2"/>
  <c r="AK12" i="2"/>
  <c r="AL12" i="2"/>
  <c r="AM12" i="2"/>
  <c r="AN12" i="2"/>
  <c r="AO12" i="2"/>
  <c r="AP12" i="2"/>
  <c r="AQ12" i="2"/>
  <c r="AR12" i="2"/>
  <c r="AS12" i="2"/>
  <c r="AT12" i="2"/>
  <c r="AU12" i="2"/>
  <c r="AV12" i="2"/>
  <c r="AW12" i="2"/>
  <c r="AX12" i="2"/>
  <c r="AY12" i="2"/>
  <c r="BA12" i="2"/>
  <c r="BB12" i="2"/>
  <c r="BC12" i="2"/>
  <c r="BD12" i="2"/>
  <c r="BE12" i="2"/>
  <c r="BF12" i="2"/>
  <c r="BG12" i="2"/>
  <c r="BH12" i="2"/>
  <c r="BI12" i="2"/>
  <c r="BJ12" i="2"/>
  <c r="BK12" i="2"/>
  <c r="BL12" i="2"/>
  <c r="BO12" i="2"/>
  <c r="BP12" i="2"/>
  <c r="BQ12" i="2"/>
  <c r="BR12" i="2"/>
  <c r="BS12" i="2"/>
  <c r="BT12" i="2"/>
  <c r="BU12" i="2"/>
  <c r="BV12" i="2"/>
  <c r="BW12" i="2"/>
  <c r="BX12" i="2"/>
  <c r="BY12" i="2"/>
  <c r="BZ12" i="2"/>
  <c r="CB12" i="2"/>
  <c r="CC12" i="2"/>
  <c r="CD12" i="2"/>
  <c r="CE12" i="2"/>
  <c r="CH12" i="2"/>
  <c r="CI12" i="2"/>
  <c r="CJ12" i="2"/>
  <c r="CK12" i="2"/>
  <c r="CL12" i="2"/>
  <c r="CN12" i="2"/>
  <c r="CO12" i="2"/>
  <c r="CP12" i="2"/>
  <c r="CQ12" i="2"/>
  <c r="CR12" i="2"/>
  <c r="CS12" i="2"/>
  <c r="CT12" i="2"/>
  <c r="CV12" i="2"/>
  <c r="CW12" i="2"/>
  <c r="CX12" i="2"/>
  <c r="CY12" i="2"/>
  <c r="CZ12" i="2"/>
  <c r="DA12" i="2"/>
  <c r="DB12" i="2"/>
  <c r="DC12" i="2"/>
  <c r="DD12" i="2"/>
  <c r="DE12" i="2"/>
  <c r="DF12" i="2"/>
  <c r="DG12" i="2"/>
  <c r="DH12" i="2"/>
  <c r="DI12" i="2"/>
  <c r="DJ12" i="2"/>
  <c r="DK12" i="2"/>
  <c r="DL12" i="2"/>
  <c r="DM12" i="2"/>
  <c r="DN12" i="2"/>
  <c r="DO12" i="2"/>
  <c r="DP12" i="2"/>
  <c r="DQ12" i="2"/>
  <c r="DR12" i="2"/>
  <c r="DS12" i="2"/>
  <c r="DT12" i="2"/>
  <c r="EC12" i="2"/>
  <c r="ED12" i="2"/>
  <c r="EE12" i="2"/>
  <c r="EF12" i="2"/>
  <c r="EG12" i="2"/>
  <c r="EH12" i="2"/>
  <c r="EX12" i="2"/>
  <c r="EY12" i="2"/>
  <c r="EZ12" i="2"/>
  <c r="FA12" i="2"/>
  <c r="FB12" i="2"/>
  <c r="FH12" i="2"/>
  <c r="AB12" i="2"/>
  <c r="AZ12" i="2"/>
  <c r="BN12" i="2"/>
  <c r="CF12" i="2"/>
  <c r="CG12" i="2"/>
  <c r="DW12" i="2"/>
  <c r="DX12" i="2"/>
  <c r="DY12" i="2"/>
  <c r="DZ12" i="2"/>
  <c r="EA12" i="2"/>
  <c r="EB12" i="2"/>
  <c r="EJ12" i="2"/>
  <c r="EK12" i="2"/>
  <c r="EL12" i="2"/>
  <c r="EM12" i="2"/>
  <c r="EN12" i="2"/>
  <c r="EO12" i="2"/>
  <c r="EP12" i="2"/>
  <c r="EQ12" i="2"/>
  <c r="ER12" i="2"/>
  <c r="ES12" i="2"/>
  <c r="ET12" i="2"/>
  <c r="EU12" i="2"/>
  <c r="EV12" i="2"/>
  <c r="EW12" i="2"/>
  <c r="FG12" i="2"/>
  <c r="FI12" i="2"/>
  <c r="FJ12" i="2"/>
  <c r="FK12" i="2"/>
  <c r="FL12" i="2"/>
  <c r="FM12" i="2"/>
  <c r="FN12" i="2"/>
  <c r="FO12" i="2"/>
  <c r="FP12" i="2" s="1"/>
  <c r="FN30" i="2"/>
  <c r="FM30" i="2"/>
  <c r="FL30" i="2"/>
  <c r="FF30" i="2"/>
  <c r="FE30" i="2"/>
  <c r="FD30" i="2"/>
  <c r="FC30" i="2"/>
  <c r="FB30" i="2"/>
  <c r="EV30" i="2"/>
  <c r="EU30" i="2"/>
  <c r="ET30" i="2"/>
  <c r="ER30" i="2"/>
  <c r="EN30" i="2"/>
  <c r="EL30" i="2"/>
  <c r="EK30" i="2"/>
  <c r="EI30" i="2"/>
  <c r="EH30" i="2"/>
  <c r="DZ30" i="2"/>
  <c r="DY30" i="2"/>
  <c r="DX30" i="2"/>
  <c r="DT30" i="2"/>
  <c r="DS30" i="2"/>
  <c r="DR30" i="2"/>
  <c r="DQ30" i="2"/>
  <c r="DP30" i="2"/>
  <c r="DN30" i="2"/>
  <c r="DD30" i="2"/>
  <c r="CZ30" i="2"/>
  <c r="CY30" i="2"/>
  <c r="CW30" i="2"/>
  <c r="CV30" i="2"/>
  <c r="CU30" i="2"/>
  <c r="CT30" i="2"/>
  <c r="CN30" i="2"/>
  <c r="CL30" i="2"/>
  <c r="CD30" i="2"/>
  <c r="CC30" i="2"/>
  <c r="CB30" i="2"/>
  <c r="CA30" i="2"/>
  <c r="BZ30" i="2"/>
  <c r="BP30" i="2"/>
  <c r="BL30" i="2"/>
  <c r="BK30" i="2"/>
  <c r="BJ30" i="2"/>
  <c r="BI30" i="2"/>
  <c r="BF30" i="2"/>
  <c r="AO30" i="2"/>
  <c r="AB30" i="2"/>
  <c r="FO21" i="2"/>
  <c r="FP21" i="2" s="1"/>
  <c r="FN21" i="2"/>
  <c r="FM21" i="2"/>
  <c r="FL21" i="2"/>
  <c r="FK21" i="2"/>
  <c r="FJ21" i="2"/>
  <c r="FI21" i="2"/>
  <c r="FH21" i="2"/>
  <c r="FG21" i="2"/>
  <c r="FF21" i="2"/>
  <c r="FE21" i="2"/>
  <c r="FD21" i="2"/>
  <c r="FC21" i="2"/>
  <c r="FB21" i="2"/>
  <c r="FA21" i="2"/>
  <c r="EZ21" i="2"/>
  <c r="EY21" i="2"/>
  <c r="EX21" i="2"/>
  <c r="EW21" i="2"/>
  <c r="EV21" i="2"/>
  <c r="EU21" i="2"/>
  <c r="ET21" i="2"/>
  <c r="ES21" i="2"/>
  <c r="ER21" i="2"/>
  <c r="EQ21" i="2"/>
  <c r="EP21" i="2"/>
  <c r="EO21" i="2"/>
  <c r="EN21" i="2"/>
  <c r="EM21" i="2"/>
  <c r="EL21" i="2"/>
  <c r="EK21" i="2"/>
  <c r="EJ21" i="2"/>
  <c r="EI21" i="2"/>
  <c r="EH21" i="2"/>
  <c r="EG21" i="2"/>
  <c r="EF21" i="2"/>
  <c r="EE21" i="2"/>
  <c r="ED21" i="2"/>
  <c r="EC21" i="2"/>
  <c r="EB21" i="2"/>
  <c r="EA21" i="2"/>
  <c r="DZ21" i="2"/>
  <c r="DY21" i="2"/>
  <c r="DX21" i="2"/>
  <c r="DW21" i="2"/>
  <c r="DV21" i="2"/>
  <c r="DU21" i="2"/>
  <c r="DT21" i="2"/>
  <c r="DS21" i="2"/>
  <c r="DR21" i="2"/>
  <c r="DQ21" i="2"/>
  <c r="DP21" i="2"/>
  <c r="DO21" i="2"/>
  <c r="DN21" i="2"/>
  <c r="DM21" i="2"/>
  <c r="DL21" i="2"/>
  <c r="DK21" i="2"/>
  <c r="DJ21" i="2"/>
  <c r="DI21" i="2"/>
  <c r="DH21" i="2"/>
  <c r="DG21" i="2"/>
  <c r="DF21" i="2"/>
  <c r="DE21" i="2"/>
  <c r="DD21" i="2"/>
  <c r="DC21" i="2"/>
  <c r="DB21" i="2"/>
  <c r="DA21" i="2"/>
  <c r="CZ21" i="2"/>
  <c r="CY21" i="2"/>
  <c r="CX21" i="2"/>
  <c r="CW21" i="2"/>
  <c r="CV21" i="2"/>
  <c r="CU21" i="2"/>
  <c r="CT21" i="2"/>
  <c r="CS21" i="2"/>
  <c r="CR21" i="2"/>
  <c r="CQ21" i="2"/>
  <c r="CP21" i="2"/>
  <c r="CO21" i="2"/>
  <c r="CN21" i="2"/>
  <c r="CM21" i="2"/>
  <c r="CL21" i="2"/>
  <c r="CK21" i="2"/>
  <c r="CJ21" i="2"/>
  <c r="CI21" i="2"/>
  <c r="CH21" i="2"/>
  <c r="CG21" i="2"/>
  <c r="CF21" i="2"/>
  <c r="CE21" i="2"/>
  <c r="CD21" i="2"/>
  <c r="CC21" i="2"/>
  <c r="CB21" i="2"/>
  <c r="CA21" i="2"/>
  <c r="BZ21" i="2"/>
  <c r="BY21" i="2"/>
  <c r="BX21" i="2"/>
  <c r="BW21" i="2"/>
  <c r="BV21" i="2"/>
  <c r="BU21" i="2"/>
  <c r="BT21" i="2"/>
  <c r="BS21" i="2"/>
  <c r="BR21" i="2"/>
  <c r="BQ21" i="2"/>
  <c r="BP21" i="2"/>
  <c r="BO21" i="2"/>
  <c r="BN21" i="2"/>
  <c r="BM21" i="2"/>
  <c r="BL21" i="2"/>
  <c r="BK21" i="2"/>
  <c r="BJ21" i="2"/>
  <c r="BI21" i="2"/>
  <c r="BH21" i="2"/>
  <c r="BG21" i="2"/>
  <c r="BF21" i="2"/>
  <c r="BE21" i="2"/>
  <c r="BD21" i="2"/>
  <c r="BC21" i="2"/>
  <c r="BB21" i="2"/>
  <c r="BA21" i="2"/>
  <c r="AZ21" i="2"/>
  <c r="AY21" i="2"/>
  <c r="AX21" i="2"/>
  <c r="AW21" i="2"/>
  <c r="AV21" i="2"/>
  <c r="AU21" i="2"/>
  <c r="AT21" i="2"/>
  <c r="AS21" i="2"/>
  <c r="AR21" i="2"/>
  <c r="AQ21" i="2"/>
  <c r="AP21" i="2"/>
  <c r="AO21" i="2"/>
  <c r="AN21" i="2"/>
  <c r="AM21" i="2"/>
  <c r="AL21" i="2"/>
  <c r="AK21" i="2"/>
  <c r="AJ21" i="2"/>
  <c r="AI21" i="2"/>
  <c r="AH21" i="2"/>
  <c r="AG21" i="2"/>
  <c r="AF21" i="2"/>
  <c r="AE21" i="2"/>
  <c r="AD21" i="2"/>
  <c r="AC21" i="2"/>
  <c r="AB21" i="2"/>
  <c r="FC12" i="2"/>
  <c r="FD12" i="2"/>
  <c r="FE12" i="2"/>
  <c r="FF12" i="2"/>
  <c r="DU12" i="2"/>
  <c r="DV12" i="2"/>
  <c r="EI12" i="2"/>
  <c r="CA12" i="2"/>
  <c r="CU12" i="2"/>
  <c r="BM12" i="2"/>
  <c r="B22" i="1" l="1"/>
  <c r="C21" i="1"/>
  <c r="F21" i="1"/>
  <c r="E21" i="1"/>
  <c r="D21" i="1"/>
  <c r="W2" i="6"/>
  <c r="AQ2" i="6" s="1"/>
  <c r="U2" i="6" s="1" a="1"/>
  <c r="U2" i="6" s="1"/>
  <c r="N35" i="2"/>
  <c r="AR3" i="2"/>
  <c r="BP3" i="2"/>
  <c r="CN3" i="2"/>
  <c r="CF3" i="2"/>
  <c r="BH3" i="2"/>
  <c r="AJ3" i="2"/>
  <c r="H13" i="1" l="1"/>
  <c r="H12" i="1"/>
  <c r="H11" i="1"/>
  <c r="AY4" i="1"/>
  <c r="AY5" i="1" s="1"/>
  <c r="H10" i="1"/>
  <c r="W3" i="6"/>
  <c r="B35" i="2"/>
  <c r="B23" i="1"/>
  <c r="E22" i="1"/>
  <c r="F22" i="1"/>
  <c r="D22" i="1"/>
  <c r="C22" i="1"/>
  <c r="T2" i="6" a="1"/>
  <c r="T2" i="6" s="1"/>
  <c r="P2" i="6" a="1"/>
  <c r="P2" i="6" s="1"/>
  <c r="D2" i="6" a="1"/>
  <c r="D2" i="6" s="1"/>
  <c r="G2" i="6" a="1"/>
  <c r="G2" i="6" s="1"/>
  <c r="H2" i="6" a="1"/>
  <c r="H2" i="6" s="1"/>
  <c r="S2" i="6" a="1"/>
  <c r="S2" i="6" s="1"/>
  <c r="M2" i="6" a="1"/>
  <c r="M2" i="6" s="1"/>
  <c r="N2" i="6" a="1"/>
  <c r="N2" i="6" s="1"/>
  <c r="Q2" i="6" a="1"/>
  <c r="Q2" i="6" s="1"/>
  <c r="E2" i="6" a="1"/>
  <c r="E2" i="6" s="1"/>
  <c r="F2" i="6" a="1"/>
  <c r="F2" i="6" s="1"/>
  <c r="I2" i="6" a="1"/>
  <c r="I2" i="6" s="1"/>
  <c r="R2" i="6" a="1"/>
  <c r="R2" i="6" s="1"/>
  <c r="J2" i="6" a="1"/>
  <c r="J2" i="6" s="1"/>
  <c r="K2" i="6" a="1"/>
  <c r="K2" i="6" s="1"/>
  <c r="L2" i="6" a="1"/>
  <c r="L2" i="6" s="1"/>
  <c r="O2" i="6" a="1"/>
  <c r="O2" i="6" s="1"/>
  <c r="C2" i="6" a="1"/>
  <c r="C2" i="6" s="1"/>
  <c r="N36" i="2"/>
  <c r="B36" i="2" s="1"/>
  <c r="P3" i="1"/>
  <c r="R3" i="1" s="1"/>
  <c r="AX4" i="1" l="1"/>
  <c r="AW4" i="1" s="1"/>
  <c r="AY6" i="1"/>
  <c r="B24" i="1"/>
  <c r="F23" i="1"/>
  <c r="E23" i="1"/>
  <c r="D23" i="1"/>
  <c r="C23" i="1"/>
  <c r="W4" i="6"/>
  <c r="B2" i="6" a="1"/>
  <c r="B2" i="6" s="1"/>
  <c r="R8" i="5" s="1" a="1"/>
  <c r="R8" i="5" s="1"/>
  <c r="N37" i="2"/>
  <c r="W2" i="1"/>
  <c r="AB2" i="1"/>
  <c r="X2" i="1"/>
  <c r="V2" i="1"/>
  <c r="AA2" i="1"/>
  <c r="S2" i="1"/>
  <c r="Z2" i="1"/>
  <c r="U2" i="1"/>
  <c r="T2" i="1"/>
  <c r="Y2" i="1"/>
  <c r="P4" i="1"/>
  <c r="R4" i="1" s="1"/>
  <c r="AX5" i="1" l="1"/>
  <c r="AX6" i="1" s="1"/>
  <c r="W5" i="6"/>
  <c r="B37" i="2"/>
  <c r="AV4" i="1"/>
  <c r="AY7" i="1"/>
  <c r="B25" i="1"/>
  <c r="F24" i="1"/>
  <c r="E24" i="1"/>
  <c r="D24" i="1"/>
  <c r="C24" i="1"/>
  <c r="N38" i="2"/>
  <c r="B38" i="2" s="1"/>
  <c r="AC2" i="1"/>
  <c r="AE2" i="1"/>
  <c r="AB3" i="1"/>
  <c r="W3" i="1"/>
  <c r="AD2" i="1"/>
  <c r="AF2" i="1"/>
  <c r="AG2" i="1"/>
  <c r="Z3" i="1"/>
  <c r="X3" i="1"/>
  <c r="AA3" i="1"/>
  <c r="V3" i="1"/>
  <c r="U3" i="1"/>
  <c r="Y3" i="1"/>
  <c r="T3" i="1"/>
  <c r="S3" i="1"/>
  <c r="P5" i="1"/>
  <c r="R5" i="1" s="1"/>
  <c r="AW5" i="1" l="1"/>
  <c r="AV5" i="1" s="1"/>
  <c r="AY9" i="1"/>
  <c r="AU4" i="1"/>
  <c r="AX7" i="1"/>
  <c r="B26" i="1"/>
  <c r="F25" i="1"/>
  <c r="E25" i="1"/>
  <c r="D25" i="1"/>
  <c r="C25" i="1"/>
  <c r="AC3" i="1"/>
  <c r="W6" i="6"/>
  <c r="N39" i="2"/>
  <c r="B39" i="2" s="1"/>
  <c r="AG3" i="1"/>
  <c r="AF3" i="1"/>
  <c r="AE3" i="1"/>
  <c r="AB4" i="1"/>
  <c r="W4" i="1"/>
  <c r="AD3" i="1"/>
  <c r="Z4" i="1"/>
  <c r="AA4" i="1"/>
  <c r="U4" i="1"/>
  <c r="Y4" i="1"/>
  <c r="V4" i="1"/>
  <c r="T4" i="1"/>
  <c r="S4" i="1"/>
  <c r="X4" i="1"/>
  <c r="P6" i="1"/>
  <c r="R6" i="1" s="1"/>
  <c r="AW6" i="1" l="1"/>
  <c r="AW7" i="1" s="1"/>
  <c r="AZ4" i="1"/>
  <c r="AX9" i="1"/>
  <c r="AU5" i="1"/>
  <c r="B27" i="1"/>
  <c r="F26" i="1"/>
  <c r="E26" i="1"/>
  <c r="D26" i="1"/>
  <c r="C26" i="1"/>
  <c r="W7" i="6"/>
  <c r="N40" i="2"/>
  <c r="B40" i="2" s="1"/>
  <c r="AE4" i="1"/>
  <c r="AF4" i="1"/>
  <c r="AB5" i="1"/>
  <c r="W5" i="1"/>
  <c r="AC4" i="1"/>
  <c r="AG4" i="1"/>
  <c r="AD4" i="1"/>
  <c r="Z5" i="1"/>
  <c r="Y5" i="1"/>
  <c r="X5" i="1"/>
  <c r="U5" i="1"/>
  <c r="AA5" i="1"/>
  <c r="V5" i="1"/>
  <c r="T5" i="1"/>
  <c r="S5" i="1"/>
  <c r="P7" i="1"/>
  <c r="R7" i="1" s="1"/>
  <c r="AV6" i="1" l="1"/>
  <c r="AU6" i="1" s="1"/>
  <c r="AY22" i="1"/>
  <c r="AG37" i="2" s="1"/>
  <c r="AX22" i="1"/>
  <c r="AF37" i="2" s="1"/>
  <c r="AW22" i="1"/>
  <c r="AE37" i="2" s="1"/>
  <c r="AV22" i="1"/>
  <c r="AD37" i="2" s="1"/>
  <c r="AU22" i="1"/>
  <c r="AC37" i="2" s="1"/>
  <c r="AW9" i="1"/>
  <c r="AZ5" i="1"/>
  <c r="B28" i="1"/>
  <c r="F27" i="1"/>
  <c r="E27" i="1"/>
  <c r="D27" i="1"/>
  <c r="C27" i="1"/>
  <c r="W8" i="6"/>
  <c r="N41" i="2"/>
  <c r="B41" i="2" s="1"/>
  <c r="AG5" i="1"/>
  <c r="AC5" i="1"/>
  <c r="AF5" i="1"/>
  <c r="AE5" i="1"/>
  <c r="AD5" i="1"/>
  <c r="AB6" i="1"/>
  <c r="W6" i="1"/>
  <c r="Z6" i="1"/>
  <c r="Y6" i="1"/>
  <c r="X6" i="1"/>
  <c r="U6" i="1"/>
  <c r="AA6" i="1"/>
  <c r="V6" i="1"/>
  <c r="S6" i="1"/>
  <c r="T6" i="1"/>
  <c r="P8" i="1"/>
  <c r="R8" i="1" s="1"/>
  <c r="AV7" i="1" l="1"/>
  <c r="AZ22" i="1"/>
  <c r="AZ6" i="1"/>
  <c r="AY23" i="1"/>
  <c r="AG38" i="2" s="1"/>
  <c r="AX23" i="1"/>
  <c r="AF38" i="2" s="1"/>
  <c r="AW23" i="1"/>
  <c r="AE38" i="2" s="1"/>
  <c r="AV23" i="1"/>
  <c r="AD38" i="2" s="1"/>
  <c r="AV9" i="1"/>
  <c r="AU23" i="1"/>
  <c r="AC38" i="2" s="1"/>
  <c r="AU7" i="1"/>
  <c r="BG4" i="1" s="1" a="1"/>
  <c r="BG4" i="1" s="1"/>
  <c r="B29" i="1"/>
  <c r="C28" i="1"/>
  <c r="F28" i="1"/>
  <c r="E28" i="1"/>
  <c r="D28" i="1"/>
  <c r="W9" i="6"/>
  <c r="N42" i="2"/>
  <c r="B42" i="2" s="1"/>
  <c r="AD6" i="1"/>
  <c r="AC6" i="1"/>
  <c r="AG6" i="1"/>
  <c r="AB7" i="1"/>
  <c r="W7" i="1"/>
  <c r="AF6" i="1"/>
  <c r="AE6" i="1"/>
  <c r="Z7" i="1"/>
  <c r="Y7" i="1"/>
  <c r="X7" i="1"/>
  <c r="U7" i="1"/>
  <c r="V7" i="1"/>
  <c r="T7" i="1"/>
  <c r="S7" i="1"/>
  <c r="AA7" i="1"/>
  <c r="P9" i="1"/>
  <c r="R9" i="1" s="1"/>
  <c r="AU24" i="1" l="1"/>
  <c r="AC39" i="2" s="1"/>
  <c r="AY24" i="1"/>
  <c r="AG39" i="2" s="1"/>
  <c r="AX24" i="1"/>
  <c r="AF39" i="2" s="1"/>
  <c r="AW24" i="1"/>
  <c r="AE39" i="2" s="1"/>
  <c r="AV24" i="1"/>
  <c r="AZ23" i="1"/>
  <c r="AZ7" i="1"/>
  <c r="AU9" i="1"/>
  <c r="B30" i="1"/>
  <c r="D29" i="1"/>
  <c r="E29" i="1"/>
  <c r="F29" i="1"/>
  <c r="C29" i="1"/>
  <c r="W10" i="6"/>
  <c r="N43" i="2"/>
  <c r="B43" i="2" s="1"/>
  <c r="AB8" i="1"/>
  <c r="W8" i="1"/>
  <c r="Z8" i="1"/>
  <c r="X8" i="1"/>
  <c r="AA8" i="1"/>
  <c r="V8" i="1"/>
  <c r="T8" i="1"/>
  <c r="S8" i="1"/>
  <c r="Y8" i="1"/>
  <c r="U8" i="1"/>
  <c r="P10" i="1"/>
  <c r="R10" i="1" s="1"/>
  <c r="AU25" i="1" l="1"/>
  <c r="AC40" i="2" s="1"/>
  <c r="AZ24" i="1"/>
  <c r="AD39" i="2"/>
  <c r="AY25" i="1"/>
  <c r="AG40" i="2" s="1"/>
  <c r="AX25" i="1"/>
  <c r="AF40" i="2" s="1"/>
  <c r="AW25" i="1"/>
  <c r="AE40" i="2" s="1"/>
  <c r="AV25" i="1"/>
  <c r="AD40" i="2" s="1"/>
  <c r="B31" i="1"/>
  <c r="D30" i="1"/>
  <c r="F30" i="1"/>
  <c r="E30" i="1"/>
  <c r="C30" i="1"/>
  <c r="W11" i="6"/>
  <c r="N44" i="2"/>
  <c r="B44" i="2" s="1"/>
  <c r="AB9" i="1"/>
  <c r="W9" i="1"/>
  <c r="AA9" i="1"/>
  <c r="Y9" i="1"/>
  <c r="V9" i="1"/>
  <c r="X9" i="1"/>
  <c r="U9" i="1"/>
  <c r="Z9" i="1"/>
  <c r="S9" i="1"/>
  <c r="T9" i="1"/>
  <c r="P11" i="1"/>
  <c r="R11" i="1" s="1"/>
  <c r="AU26" i="1" l="1"/>
  <c r="AW26" i="1"/>
  <c r="AX26" i="1"/>
  <c r="AV26" i="1"/>
  <c r="AY26" i="1"/>
  <c r="AZ25" i="1"/>
  <c r="B32" i="1"/>
  <c r="E31" i="1"/>
  <c r="D31" i="1"/>
  <c r="F31" i="1"/>
  <c r="C31" i="1"/>
  <c r="W12" i="6"/>
  <c r="N45" i="2"/>
  <c r="B45" i="2" s="1"/>
  <c r="AD9" i="1"/>
  <c r="AG9" i="1"/>
  <c r="AF9" i="1"/>
  <c r="AB10" i="1"/>
  <c r="W10" i="1"/>
  <c r="AC9" i="1"/>
  <c r="AE9" i="1"/>
  <c r="AA10" i="1"/>
  <c r="Z10" i="1"/>
  <c r="X10" i="1"/>
  <c r="S10" i="1"/>
  <c r="Y10" i="1"/>
  <c r="V10" i="1"/>
  <c r="U10" i="1"/>
  <c r="T10" i="1"/>
  <c r="P12" i="1"/>
  <c r="R12" i="1" s="1"/>
  <c r="C32" i="1" l="1"/>
  <c r="E32" i="1"/>
  <c r="B33" i="1"/>
  <c r="D32" i="1"/>
  <c r="F32" i="1"/>
  <c r="W13" i="6"/>
  <c r="AG10" i="1"/>
  <c r="N46" i="2"/>
  <c r="B46" i="2" s="1"/>
  <c r="AE10" i="1"/>
  <c r="AF10" i="1"/>
  <c r="AD10" i="1"/>
  <c r="AB11" i="1"/>
  <c r="W11" i="1"/>
  <c r="AC10" i="1"/>
  <c r="AA11" i="1"/>
  <c r="Z11" i="1"/>
  <c r="X11" i="1"/>
  <c r="T11" i="1"/>
  <c r="S11" i="1"/>
  <c r="Y11" i="1"/>
  <c r="V11" i="1"/>
  <c r="U11" i="1"/>
  <c r="P13" i="1"/>
  <c r="R13" i="1" s="1"/>
  <c r="B34" i="1" l="1"/>
  <c r="D33" i="1"/>
  <c r="F33" i="1"/>
  <c r="E33" i="1"/>
  <c r="C33" i="1"/>
  <c r="W14" i="6"/>
  <c r="N47" i="2"/>
  <c r="B47" i="2" s="1"/>
  <c r="AG11" i="1"/>
  <c r="AF11" i="1"/>
  <c r="AC11" i="1"/>
  <c r="AE11" i="1"/>
  <c r="AB12" i="1"/>
  <c r="W12" i="1"/>
  <c r="AD11" i="1"/>
  <c r="Z12" i="1"/>
  <c r="V12" i="1"/>
  <c r="S12" i="1"/>
  <c r="Y12" i="1"/>
  <c r="X12" i="1"/>
  <c r="T12" i="1"/>
  <c r="U12" i="1"/>
  <c r="AA12" i="1"/>
  <c r="P14" i="1"/>
  <c r="R14" i="1" s="1"/>
  <c r="B35" i="1" l="1"/>
  <c r="F34" i="1"/>
  <c r="C34" i="1"/>
  <c r="E34" i="1"/>
  <c r="D34" i="1"/>
  <c r="W15" i="6"/>
  <c r="N48" i="2"/>
  <c r="B48" i="2" s="1"/>
  <c r="AG12" i="1"/>
  <c r="AE12" i="1"/>
  <c r="W13" i="1"/>
  <c r="AB13" i="1"/>
  <c r="AD12" i="1"/>
  <c r="AC12" i="1"/>
  <c r="AF12" i="1"/>
  <c r="U13" i="1"/>
  <c r="AA13" i="1"/>
  <c r="Y13" i="1"/>
  <c r="X13" i="1"/>
  <c r="S13" i="1"/>
  <c r="T13" i="1"/>
  <c r="Z13" i="1"/>
  <c r="V13" i="1"/>
  <c r="P15" i="1"/>
  <c r="R15" i="1" s="1"/>
  <c r="C35" i="1" l="1"/>
  <c r="B36" i="1"/>
  <c r="D35" i="1"/>
  <c r="E35" i="1"/>
  <c r="F35" i="1"/>
  <c r="W16" i="6"/>
  <c r="N49" i="2"/>
  <c r="B49" i="2" s="1"/>
  <c r="AF13" i="1"/>
  <c r="AD13" i="1"/>
  <c r="AB14" i="1"/>
  <c r="W14" i="1"/>
  <c r="AG13" i="1"/>
  <c r="AC13" i="1"/>
  <c r="AE13" i="1"/>
  <c r="AA14" i="1"/>
  <c r="Z14" i="1"/>
  <c r="Y14" i="1"/>
  <c r="V14" i="1"/>
  <c r="X14" i="1"/>
  <c r="S14" i="1"/>
  <c r="U14" i="1"/>
  <c r="T14" i="1"/>
  <c r="P16" i="1"/>
  <c r="R16" i="1" s="1"/>
  <c r="D36" i="1" l="1"/>
  <c r="C36" i="1"/>
  <c r="B37" i="1"/>
  <c r="F36" i="1"/>
  <c r="E36" i="1"/>
  <c r="W17" i="6"/>
  <c r="N50" i="2"/>
  <c r="B50" i="2" s="1"/>
  <c r="AB15" i="1"/>
  <c r="W15" i="1"/>
  <c r="X15" i="1"/>
  <c r="AA15" i="1"/>
  <c r="Z15" i="1"/>
  <c r="V15" i="1"/>
  <c r="U15" i="1"/>
  <c r="Y15" i="1"/>
  <c r="T15" i="1"/>
  <c r="S15" i="1"/>
  <c r="P17" i="1"/>
  <c r="R17" i="1" s="1"/>
  <c r="E37" i="1" l="1"/>
  <c r="D37" i="1"/>
  <c r="F37" i="1"/>
  <c r="C37" i="1"/>
  <c r="B38" i="1"/>
  <c r="W18" i="6"/>
  <c r="N51" i="2"/>
  <c r="B51" i="2" s="1"/>
  <c r="W16" i="1"/>
  <c r="AB16" i="1"/>
  <c r="AA16" i="1"/>
  <c r="Z16" i="1"/>
  <c r="V16" i="1"/>
  <c r="Y16" i="1"/>
  <c r="U16" i="1"/>
  <c r="T16" i="1"/>
  <c r="S16" i="1"/>
  <c r="X16" i="1"/>
  <c r="P18" i="1"/>
  <c r="R18" i="1" s="1"/>
  <c r="F38" i="1" l="1"/>
  <c r="D38" i="1"/>
  <c r="E38" i="1"/>
  <c r="C38" i="1"/>
  <c r="B39" i="1"/>
  <c r="W19" i="6"/>
  <c r="N52" i="2"/>
  <c r="B52" i="2" s="1"/>
  <c r="AG16" i="1"/>
  <c r="AD16" i="1"/>
  <c r="AF16" i="1"/>
  <c r="AE16" i="1"/>
  <c r="AB17" i="1"/>
  <c r="W17" i="1"/>
  <c r="AC16" i="1"/>
  <c r="AA17" i="1"/>
  <c r="Y17" i="1"/>
  <c r="V17" i="1"/>
  <c r="S17" i="1"/>
  <c r="X17" i="1"/>
  <c r="T17" i="1"/>
  <c r="U17" i="1"/>
  <c r="Z17" i="1"/>
  <c r="P19" i="1"/>
  <c r="R19" i="1" s="1"/>
  <c r="F39" i="1" l="1"/>
  <c r="E39" i="1"/>
  <c r="D39" i="1"/>
  <c r="C39" i="1"/>
  <c r="B40" i="1"/>
  <c r="W20" i="6"/>
  <c r="N53" i="2"/>
  <c r="B53" i="2" s="1"/>
  <c r="AG17" i="1"/>
  <c r="AD17" i="1"/>
  <c r="AF17" i="1"/>
  <c r="AB18" i="1"/>
  <c r="W18" i="1"/>
  <c r="AC17" i="1"/>
  <c r="AE17" i="1"/>
  <c r="AA18" i="1"/>
  <c r="Y18" i="1"/>
  <c r="X18" i="1"/>
  <c r="V18" i="1"/>
  <c r="S18" i="1"/>
  <c r="Z18" i="1"/>
  <c r="U18" i="1"/>
  <c r="T18" i="1"/>
  <c r="P20" i="1"/>
  <c r="R20" i="1" s="1"/>
  <c r="F40" i="1" l="1"/>
  <c r="E40" i="1"/>
  <c r="D40" i="1"/>
  <c r="C40" i="1"/>
  <c r="B41" i="1"/>
  <c r="W21" i="6"/>
  <c r="AG18" i="1"/>
  <c r="N54" i="2"/>
  <c r="B54" i="2" s="1"/>
  <c r="AC18" i="1"/>
  <c r="AF18" i="1"/>
  <c r="AB19" i="1"/>
  <c r="W19" i="1"/>
  <c r="AD18" i="1"/>
  <c r="AE18" i="1"/>
  <c r="AA19" i="1"/>
  <c r="Y19" i="1"/>
  <c r="Z19" i="1"/>
  <c r="S19" i="1"/>
  <c r="X19" i="1"/>
  <c r="T19" i="1"/>
  <c r="V19" i="1"/>
  <c r="U19" i="1"/>
  <c r="P21" i="1"/>
  <c r="R21" i="1" s="1"/>
  <c r="D41" i="1" l="1"/>
  <c r="C41" i="1"/>
  <c r="F41" i="1"/>
  <c r="E41" i="1"/>
  <c r="B42" i="1"/>
  <c r="W22" i="6"/>
  <c r="N55" i="2"/>
  <c r="B55" i="2" s="1"/>
  <c r="AB20" i="1"/>
  <c r="W20" i="1"/>
  <c r="AC19" i="1"/>
  <c r="AF19" i="1"/>
  <c r="AD19" i="1"/>
  <c r="AE19" i="1"/>
  <c r="AG19" i="1"/>
  <c r="Y20" i="1"/>
  <c r="X20" i="1"/>
  <c r="AA20" i="1"/>
  <c r="Z20" i="1"/>
  <c r="V20" i="1"/>
  <c r="T20" i="1"/>
  <c r="U20" i="1"/>
  <c r="S20" i="1"/>
  <c r="P22" i="1"/>
  <c r="R22" i="1" s="1"/>
  <c r="D42" i="1" l="1"/>
  <c r="E42" i="1"/>
  <c r="F42" i="1"/>
  <c r="B43" i="1"/>
  <c r="C42" i="1"/>
  <c r="W23" i="6"/>
  <c r="AG20" i="1"/>
  <c r="N56" i="2"/>
  <c r="B56" i="2" s="1"/>
  <c r="AF20" i="1"/>
  <c r="AD20" i="1"/>
  <c r="AB21" i="1"/>
  <c r="W21" i="1"/>
  <c r="AC20" i="1"/>
  <c r="AE20" i="1"/>
  <c r="Y21" i="1"/>
  <c r="AA21" i="1"/>
  <c r="S21" i="1"/>
  <c r="X21" i="1"/>
  <c r="T21" i="1"/>
  <c r="V21" i="1"/>
  <c r="Z21" i="1"/>
  <c r="U21" i="1"/>
  <c r="P23" i="1"/>
  <c r="R23" i="1" s="1"/>
  <c r="E43" i="1" l="1"/>
  <c r="B44" i="1"/>
  <c r="F43" i="1"/>
  <c r="D43" i="1"/>
  <c r="C43" i="1"/>
  <c r="W24" i="6"/>
  <c r="N57" i="2"/>
  <c r="B57" i="2" s="1"/>
  <c r="AB22" i="1"/>
  <c r="W22" i="1"/>
  <c r="X22" i="1"/>
  <c r="Y22" i="1"/>
  <c r="Z22" i="1"/>
  <c r="T22" i="1"/>
  <c r="AA22" i="1"/>
  <c r="V22" i="1"/>
  <c r="U22" i="1"/>
  <c r="S22" i="1"/>
  <c r="P24" i="1"/>
  <c r="R24" i="1" s="1"/>
  <c r="B45" i="1" l="1"/>
  <c r="F44" i="1"/>
  <c r="E44" i="1"/>
  <c r="D44" i="1"/>
  <c r="C44" i="1"/>
  <c r="W25" i="6"/>
  <c r="N58" i="2"/>
  <c r="B58" i="2" s="1"/>
  <c r="AB23" i="1"/>
  <c r="W23" i="1"/>
  <c r="X23" i="1"/>
  <c r="Y23" i="1"/>
  <c r="Z23" i="1"/>
  <c r="U23" i="1"/>
  <c r="V23" i="1"/>
  <c r="T23" i="1"/>
  <c r="AA23" i="1"/>
  <c r="S23" i="1"/>
  <c r="P25" i="1"/>
  <c r="R25" i="1" s="1"/>
  <c r="B46" i="1" l="1"/>
  <c r="F45" i="1"/>
  <c r="E45" i="1"/>
  <c r="D45" i="1"/>
  <c r="C45" i="1"/>
  <c r="W26" i="6"/>
  <c r="AG23" i="1"/>
  <c r="N59" i="2"/>
  <c r="B59" i="2" s="1"/>
  <c r="AD23" i="1"/>
  <c r="AE23" i="1"/>
  <c r="AC23" i="1"/>
  <c r="AB24" i="1"/>
  <c r="W24" i="1"/>
  <c r="AF23" i="1"/>
  <c r="Z24" i="1"/>
  <c r="X24" i="1"/>
  <c r="AA24" i="1"/>
  <c r="V24" i="1"/>
  <c r="U24" i="1"/>
  <c r="T24" i="1"/>
  <c r="S24" i="1"/>
  <c r="Y24" i="1"/>
  <c r="P26" i="1"/>
  <c r="R26" i="1" s="1"/>
  <c r="B47" i="1" l="1"/>
  <c r="C46" i="1"/>
  <c r="F46" i="1"/>
  <c r="E46" i="1"/>
  <c r="D46" i="1"/>
  <c r="W27" i="6"/>
  <c r="N60" i="2"/>
  <c r="B60" i="2" s="1"/>
  <c r="AG24" i="1"/>
  <c r="AC24" i="1"/>
  <c r="AE24" i="1"/>
  <c r="AB25" i="1"/>
  <c r="W25" i="1"/>
  <c r="AF24" i="1"/>
  <c r="AD24" i="1"/>
  <c r="Z25" i="1"/>
  <c r="Y25" i="1"/>
  <c r="X25" i="1"/>
  <c r="AA25" i="1"/>
  <c r="U25" i="1"/>
  <c r="T25" i="1"/>
  <c r="V25" i="1"/>
  <c r="S25" i="1"/>
  <c r="P27" i="1"/>
  <c r="R27" i="1" s="1"/>
  <c r="B48" i="1" l="1"/>
  <c r="D47" i="1"/>
  <c r="C47" i="1"/>
  <c r="F47" i="1"/>
  <c r="E47" i="1"/>
  <c r="W28" i="6"/>
  <c r="N61" i="2"/>
  <c r="B61" i="2" s="1"/>
  <c r="AG25" i="1"/>
  <c r="AD25" i="1"/>
  <c r="AE25" i="1"/>
  <c r="AC25" i="1"/>
  <c r="AF25" i="1"/>
  <c r="AB26" i="1"/>
  <c r="W26" i="1"/>
  <c r="AA26" i="1"/>
  <c r="Z26" i="1"/>
  <c r="Y26" i="1"/>
  <c r="U26" i="1"/>
  <c r="T26" i="1"/>
  <c r="X26" i="1"/>
  <c r="V26" i="1"/>
  <c r="S26" i="1"/>
  <c r="P28" i="1"/>
  <c r="R28" i="1" s="1"/>
  <c r="D48" i="1" l="1"/>
  <c r="B49" i="1"/>
  <c r="F48" i="1"/>
  <c r="E48" i="1"/>
  <c r="C48" i="1"/>
  <c r="W29" i="6"/>
  <c r="AC26" i="1"/>
  <c r="N62" i="2"/>
  <c r="B62" i="2" s="1"/>
  <c r="AG26" i="1"/>
  <c r="AF26" i="1"/>
  <c r="AB27" i="1"/>
  <c r="W27" i="1"/>
  <c r="AE26" i="1"/>
  <c r="AD26" i="1"/>
  <c r="AA27" i="1"/>
  <c r="Z27" i="1"/>
  <c r="Y27" i="1"/>
  <c r="U27" i="1"/>
  <c r="V27" i="1"/>
  <c r="S27" i="1"/>
  <c r="T27" i="1"/>
  <c r="X27" i="1"/>
  <c r="P29" i="1"/>
  <c r="R29" i="1" s="1"/>
  <c r="E49" i="1" l="1"/>
  <c r="C49" i="1"/>
  <c r="B50" i="1"/>
  <c r="D49" i="1"/>
  <c r="F49" i="1"/>
  <c r="W30" i="6"/>
  <c r="N63" i="2"/>
  <c r="B63" i="2" s="1"/>
  <c r="AG27" i="1"/>
  <c r="AF27" i="1"/>
  <c r="AD27" i="1"/>
  <c r="AB28" i="1"/>
  <c r="W28" i="1"/>
  <c r="AE27" i="1"/>
  <c r="AC27" i="1"/>
  <c r="V28" i="1"/>
  <c r="Z28" i="1"/>
  <c r="Y28" i="1"/>
  <c r="T28" i="1"/>
  <c r="X28" i="1"/>
  <c r="U28" i="1"/>
  <c r="S28" i="1"/>
  <c r="AA28" i="1"/>
  <c r="P30" i="1"/>
  <c r="R30" i="1" s="1"/>
  <c r="F50" i="1" l="1"/>
  <c r="E50" i="1"/>
  <c r="C50" i="1"/>
  <c r="B51" i="1"/>
  <c r="D50" i="1"/>
  <c r="W31" i="6"/>
  <c r="N64" i="2"/>
  <c r="B64" i="2" s="1"/>
  <c r="AB29" i="1"/>
  <c r="W29" i="1"/>
  <c r="AA29" i="1"/>
  <c r="Z29" i="1"/>
  <c r="Y29" i="1"/>
  <c r="U29" i="1"/>
  <c r="T29" i="1"/>
  <c r="X29" i="1"/>
  <c r="V29" i="1"/>
  <c r="S29" i="1"/>
  <c r="P31" i="1"/>
  <c r="R31" i="1" s="1"/>
  <c r="F51" i="1" l="1"/>
  <c r="D51" i="1"/>
  <c r="B52" i="1"/>
  <c r="C51" i="1"/>
  <c r="E51" i="1"/>
  <c r="W32" i="6"/>
  <c r="N65" i="2"/>
  <c r="B65" i="2" s="1"/>
  <c r="AB30" i="1"/>
  <c r="W30" i="1"/>
  <c r="AA30" i="1"/>
  <c r="Z30" i="1"/>
  <c r="X30" i="1"/>
  <c r="V30" i="1"/>
  <c r="Y30" i="1"/>
  <c r="U30" i="1"/>
  <c r="T30" i="1"/>
  <c r="S30" i="1"/>
  <c r="P32" i="1"/>
  <c r="R32" i="1" s="1"/>
  <c r="E52" i="1" l="1"/>
  <c r="D52" i="1"/>
  <c r="B53" i="1"/>
  <c r="F52" i="1"/>
  <c r="C52" i="1"/>
  <c r="W33" i="6"/>
  <c r="N66" i="2"/>
  <c r="B66" i="2" s="1"/>
  <c r="AF30" i="1"/>
  <c r="AC30" i="1"/>
  <c r="AE30" i="1"/>
  <c r="AD30" i="1"/>
  <c r="AB31" i="1"/>
  <c r="W31" i="1"/>
  <c r="AG30" i="1"/>
  <c r="Z31" i="1"/>
  <c r="AA31" i="1"/>
  <c r="Y31" i="1"/>
  <c r="U31" i="1"/>
  <c r="S31" i="1"/>
  <c r="X31" i="1"/>
  <c r="T31" i="1"/>
  <c r="V31" i="1"/>
  <c r="P33" i="1"/>
  <c r="R33" i="1" s="1"/>
  <c r="E53" i="1" l="1"/>
  <c r="D53" i="1"/>
  <c r="B54" i="1"/>
  <c r="F53" i="1"/>
  <c r="C53" i="1"/>
  <c r="W34" i="6"/>
  <c r="AG31" i="1"/>
  <c r="N67" i="2"/>
  <c r="B67" i="2" s="1"/>
  <c r="AD31" i="1"/>
  <c r="AF31" i="1"/>
  <c r="AB32" i="1"/>
  <c r="W32" i="1"/>
  <c r="AE31" i="1"/>
  <c r="AC31" i="1"/>
  <c r="Z32" i="1"/>
  <c r="AA32" i="1"/>
  <c r="X32" i="1"/>
  <c r="Y32" i="1"/>
  <c r="T32" i="1"/>
  <c r="U32" i="1"/>
  <c r="S32" i="1"/>
  <c r="V32" i="1"/>
  <c r="P34" i="1"/>
  <c r="R34" i="1" s="1"/>
  <c r="D54" i="1" l="1"/>
  <c r="F54" i="1"/>
  <c r="C54" i="1"/>
  <c r="B55" i="1"/>
  <c r="E54" i="1"/>
  <c r="W35" i="6"/>
  <c r="N68" i="2"/>
  <c r="B68" i="2" s="1"/>
  <c r="AE32" i="1"/>
  <c r="AF32" i="1"/>
  <c r="AC32" i="1"/>
  <c r="W33" i="1"/>
  <c r="AB33" i="1"/>
  <c r="AD32" i="1"/>
  <c r="AG32" i="1"/>
  <c r="Z33" i="1"/>
  <c r="AA33" i="1"/>
  <c r="U33" i="1"/>
  <c r="V33" i="1"/>
  <c r="S33" i="1"/>
  <c r="Y33" i="1"/>
  <c r="X33" i="1"/>
  <c r="T33" i="1"/>
  <c r="P35" i="1"/>
  <c r="R35" i="1" s="1"/>
  <c r="C55" i="1" l="1"/>
  <c r="F55" i="1"/>
  <c r="E55" i="1"/>
  <c r="B56" i="1"/>
  <c r="D55" i="1"/>
  <c r="W36" i="6"/>
  <c r="N69" i="2"/>
  <c r="B69" i="2" s="1"/>
  <c r="AG33" i="1"/>
  <c r="AF33" i="1"/>
  <c r="AE33" i="1"/>
  <c r="AD33" i="1"/>
  <c r="AB34" i="1"/>
  <c r="W34" i="1"/>
  <c r="AC33" i="1"/>
  <c r="Z34" i="1"/>
  <c r="X34" i="1"/>
  <c r="AA34" i="1"/>
  <c r="Y34" i="1"/>
  <c r="U34" i="1"/>
  <c r="S34" i="1"/>
  <c r="T34" i="1"/>
  <c r="V34" i="1"/>
  <c r="P36" i="1"/>
  <c r="R36" i="1" s="1"/>
  <c r="D56" i="1" l="1"/>
  <c r="C56" i="1"/>
  <c r="E56" i="1"/>
  <c r="B57" i="1"/>
  <c r="F56" i="1"/>
  <c r="W37" i="6"/>
  <c r="N70" i="2"/>
  <c r="B70" i="2" s="1"/>
  <c r="AF34" i="1"/>
  <c r="AE34" i="1"/>
  <c r="AD34" i="1"/>
  <c r="AC34" i="1"/>
  <c r="AB35" i="1"/>
  <c r="W35" i="1"/>
  <c r="AG34" i="1"/>
  <c r="X35" i="1"/>
  <c r="AA35" i="1"/>
  <c r="Z35" i="1"/>
  <c r="V35" i="1"/>
  <c r="Y35" i="1"/>
  <c r="U35" i="1"/>
  <c r="T35" i="1"/>
  <c r="S35" i="1"/>
  <c r="P37" i="1"/>
  <c r="R37" i="1" s="1"/>
  <c r="E57" i="1" l="1"/>
  <c r="D57" i="1"/>
  <c r="C57" i="1"/>
  <c r="F57" i="1"/>
  <c r="W38" i="6"/>
  <c r="N71" i="2"/>
  <c r="B71" i="2" s="1"/>
  <c r="W36" i="1"/>
  <c r="AB36" i="1"/>
  <c r="AA36" i="1"/>
  <c r="Z36" i="1"/>
  <c r="X36" i="1"/>
  <c r="V36" i="1"/>
  <c r="U36" i="1"/>
  <c r="T36" i="1"/>
  <c r="S36" i="1"/>
  <c r="Y36" i="1"/>
  <c r="P38" i="1"/>
  <c r="R38" i="1" s="1"/>
  <c r="W39" i="6" l="1"/>
  <c r="N72" i="2"/>
  <c r="B72" i="2" s="1"/>
  <c r="AB37" i="1"/>
  <c r="W37" i="1"/>
  <c r="Y37" i="1"/>
  <c r="AA37" i="1"/>
  <c r="Z37" i="1"/>
  <c r="X37" i="1"/>
  <c r="V37" i="1"/>
  <c r="U37" i="1"/>
  <c r="T37" i="1"/>
  <c r="S37" i="1"/>
  <c r="P39" i="1"/>
  <c r="R39" i="1" s="1"/>
  <c r="W40" i="6" l="1"/>
  <c r="N73" i="2"/>
  <c r="B73" i="2" s="1"/>
  <c r="AF37" i="1"/>
  <c r="AG37" i="1"/>
  <c r="AD37" i="1"/>
  <c r="AC37" i="1"/>
  <c r="AE37" i="1"/>
  <c r="AB38" i="1"/>
  <c r="W38" i="1"/>
  <c r="Z38" i="1"/>
  <c r="AA38" i="1"/>
  <c r="X38" i="1"/>
  <c r="V38" i="1"/>
  <c r="S38" i="1"/>
  <c r="Y38" i="1"/>
  <c r="T38" i="1"/>
  <c r="U38" i="1"/>
  <c r="P40" i="1"/>
  <c r="R40" i="1" s="1"/>
  <c r="W41" i="6" l="1"/>
  <c r="N74" i="2"/>
  <c r="B74" i="2" s="1"/>
  <c r="AE38" i="1"/>
  <c r="AF38" i="1"/>
  <c r="AC38" i="1"/>
  <c r="AG38" i="1"/>
  <c r="AB39" i="1"/>
  <c r="W39" i="1"/>
  <c r="AD38" i="1"/>
  <c r="AA39" i="1"/>
  <c r="Y39" i="1"/>
  <c r="Z39" i="1"/>
  <c r="X39" i="1"/>
  <c r="S39" i="1"/>
  <c r="V39" i="1"/>
  <c r="U39" i="1"/>
  <c r="T39" i="1"/>
  <c r="P41" i="1"/>
  <c r="R41" i="1" s="1"/>
  <c r="W42" i="6" l="1"/>
  <c r="AG39" i="1"/>
  <c r="N75" i="2"/>
  <c r="B75" i="2" s="1"/>
  <c r="AF39" i="1"/>
  <c r="AD39" i="1"/>
  <c r="AE39" i="1"/>
  <c r="AC39" i="1"/>
  <c r="W40" i="1"/>
  <c r="AB40" i="1"/>
  <c r="Y40" i="1"/>
  <c r="X40" i="1"/>
  <c r="AA40" i="1"/>
  <c r="Z40" i="1"/>
  <c r="V40" i="1"/>
  <c r="T40" i="1"/>
  <c r="S40" i="1"/>
  <c r="U40" i="1"/>
  <c r="P42" i="1"/>
  <c r="R42" i="1" s="1"/>
  <c r="W43" i="6" l="1"/>
  <c r="N76" i="2"/>
  <c r="B76" i="2" s="1"/>
  <c r="AD40" i="1"/>
  <c r="AE40" i="1"/>
  <c r="AG40" i="1"/>
  <c r="AC40" i="1"/>
  <c r="AB41" i="1"/>
  <c r="W41" i="1"/>
  <c r="AF40" i="1"/>
  <c r="Y41" i="1"/>
  <c r="AA41" i="1"/>
  <c r="Z41" i="1"/>
  <c r="X41" i="1"/>
  <c r="V41" i="1"/>
  <c r="T41" i="1"/>
  <c r="S41" i="1"/>
  <c r="U41" i="1"/>
  <c r="P43" i="1"/>
  <c r="R43" i="1" s="1"/>
  <c r="W44" i="6" l="1"/>
  <c r="AG41" i="1"/>
  <c r="N77" i="2"/>
  <c r="B77" i="2" s="1"/>
  <c r="AE41" i="1"/>
  <c r="AD41" i="1"/>
  <c r="AC41" i="1"/>
  <c r="AF41" i="1"/>
  <c r="AB42" i="1"/>
  <c r="W42" i="1"/>
  <c r="AA42" i="1"/>
  <c r="Z42" i="1"/>
  <c r="Y42" i="1"/>
  <c r="U42" i="1"/>
  <c r="S42" i="1"/>
  <c r="V42" i="1"/>
  <c r="T42" i="1"/>
  <c r="X42" i="1"/>
  <c r="P44" i="1"/>
  <c r="R44" i="1" s="1"/>
  <c r="W45" i="6" l="1"/>
  <c r="N78" i="2"/>
  <c r="B78" i="2" s="1"/>
  <c r="W43" i="1"/>
  <c r="AB43" i="1"/>
  <c r="AA43" i="1"/>
  <c r="Y43" i="1"/>
  <c r="U43" i="1"/>
  <c r="X43" i="1"/>
  <c r="V43" i="1"/>
  <c r="T43" i="1"/>
  <c r="Z43" i="1"/>
  <c r="S43" i="1"/>
  <c r="P45" i="1"/>
  <c r="R45" i="1" s="1"/>
  <c r="W46" i="6" l="1"/>
  <c r="N79" i="2"/>
  <c r="B79" i="2" s="1"/>
  <c r="W44" i="1"/>
  <c r="AB44" i="1"/>
  <c r="Z44" i="1"/>
  <c r="X44" i="1"/>
  <c r="AA44" i="1"/>
  <c r="Y44" i="1"/>
  <c r="U44" i="1"/>
  <c r="V44" i="1"/>
  <c r="T44" i="1"/>
  <c r="S44" i="1"/>
  <c r="P46" i="1"/>
  <c r="R46" i="1" s="1"/>
  <c r="W47" i="6" l="1"/>
  <c r="N80" i="2"/>
  <c r="B80" i="2" s="1"/>
  <c r="AG44" i="1"/>
  <c r="AC44" i="1"/>
  <c r="AF44" i="1"/>
  <c r="AE44" i="1"/>
  <c r="W45" i="1"/>
  <c r="AB45" i="1"/>
  <c r="AD44" i="1"/>
  <c r="Z45" i="1"/>
  <c r="Y45" i="1"/>
  <c r="X45" i="1"/>
  <c r="AA45" i="1"/>
  <c r="V45" i="1"/>
  <c r="U45" i="1"/>
  <c r="T45" i="1"/>
  <c r="S45" i="1"/>
  <c r="P47" i="1"/>
  <c r="R47" i="1" s="1"/>
  <c r="W48" i="6" l="1"/>
  <c r="N81" i="2"/>
  <c r="B81" i="2" s="1"/>
  <c r="AG45" i="1"/>
  <c r="AE45" i="1"/>
  <c r="AD45" i="1"/>
  <c r="AC45" i="1"/>
  <c r="W46" i="1"/>
  <c r="AB46" i="1"/>
  <c r="AF45" i="1"/>
  <c r="Y46" i="1"/>
  <c r="X46" i="1"/>
  <c r="AA46" i="1"/>
  <c r="Z46" i="1"/>
  <c r="U46" i="1"/>
  <c r="V46" i="1"/>
  <c r="T46" i="1"/>
  <c r="S46" i="1"/>
  <c r="P48" i="1"/>
  <c r="R48" i="1" s="1"/>
  <c r="W49" i="6" l="1"/>
  <c r="N82" i="2"/>
  <c r="B82" i="2" s="1"/>
  <c r="AD46" i="1"/>
  <c r="AG46" i="1"/>
  <c r="AF46" i="1"/>
  <c r="AE46" i="1"/>
  <c r="AB47" i="1"/>
  <c r="W47" i="1"/>
  <c r="AC46" i="1"/>
  <c r="Y47" i="1"/>
  <c r="X47" i="1"/>
  <c r="AA47" i="1"/>
  <c r="U47" i="1"/>
  <c r="Z47" i="1"/>
  <c r="V47" i="1"/>
  <c r="T47" i="1"/>
  <c r="S47" i="1"/>
  <c r="P49" i="1"/>
  <c r="R49" i="1" s="1"/>
  <c r="W50" i="6" l="1"/>
  <c r="N83" i="2"/>
  <c r="B83" i="2" s="1"/>
  <c r="AG47" i="1"/>
  <c r="AC47" i="1"/>
  <c r="W48" i="1"/>
  <c r="AB48" i="1"/>
  <c r="AF47" i="1"/>
  <c r="AE47" i="1"/>
  <c r="AD47" i="1"/>
  <c r="V48" i="1"/>
  <c r="T48" i="1"/>
  <c r="AA48" i="1"/>
  <c r="Z48" i="1"/>
  <c r="X48" i="1"/>
  <c r="Y48" i="1"/>
  <c r="U48" i="1"/>
  <c r="S48" i="1"/>
  <c r="P50" i="1"/>
  <c r="R50" i="1" s="1"/>
  <c r="W51" i="6" l="1"/>
  <c r="AG48" i="1"/>
  <c r="N84" i="2"/>
  <c r="B84" i="2" s="1"/>
  <c r="AB49" i="1"/>
  <c r="W49" i="1"/>
  <c r="AD48" i="1"/>
  <c r="AF48" i="1"/>
  <c r="AC48" i="1"/>
  <c r="AE48" i="1"/>
  <c r="AA49" i="1"/>
  <c r="Y49" i="1"/>
  <c r="U49" i="1"/>
  <c r="Z49" i="1"/>
  <c r="X49" i="1"/>
  <c r="V49" i="1"/>
  <c r="T49" i="1"/>
  <c r="S49" i="1"/>
  <c r="P51" i="1"/>
  <c r="R51" i="1" s="1"/>
  <c r="W52" i="6" l="1"/>
  <c r="N85" i="2"/>
  <c r="B85" i="2" s="1"/>
  <c r="W50" i="1"/>
  <c r="AB50" i="1"/>
  <c r="AA50" i="1"/>
  <c r="Z50" i="1"/>
  <c r="X50" i="1"/>
  <c r="V50" i="1"/>
  <c r="T50" i="1"/>
  <c r="Y50" i="1"/>
  <c r="U50" i="1"/>
  <c r="S50" i="1"/>
  <c r="P52" i="1"/>
  <c r="R52" i="1" s="1"/>
  <c r="W53" i="6" l="1"/>
  <c r="N86" i="2"/>
  <c r="B86" i="2" s="1"/>
  <c r="AB51" i="1"/>
  <c r="W51" i="1"/>
  <c r="Z51" i="1"/>
  <c r="X51" i="1"/>
  <c r="V51" i="1"/>
  <c r="S51" i="1"/>
  <c r="Y51" i="1"/>
  <c r="T51" i="1"/>
  <c r="AA51" i="1"/>
  <c r="U51" i="1"/>
  <c r="P53" i="1"/>
  <c r="R53" i="1" s="1"/>
  <c r="W54" i="6" l="1"/>
  <c r="N87" i="2"/>
  <c r="B87" i="2" s="1"/>
  <c r="AC51" i="1"/>
  <c r="AG51" i="1"/>
  <c r="AB52" i="1"/>
  <c r="W52" i="1"/>
  <c r="AF51" i="1"/>
  <c r="AE51" i="1"/>
  <c r="AD51" i="1"/>
  <c r="AA52" i="1"/>
  <c r="Y52" i="1"/>
  <c r="X52" i="1"/>
  <c r="Z52" i="1"/>
  <c r="S52" i="1"/>
  <c r="V52" i="1"/>
  <c r="T52" i="1"/>
  <c r="U52" i="1"/>
  <c r="P54" i="1"/>
  <c r="R54" i="1" s="1"/>
  <c r="W55" i="6" l="1"/>
  <c r="N88" i="2"/>
  <c r="B88" i="2" s="1"/>
  <c r="AG52" i="1"/>
  <c r="AF52" i="1"/>
  <c r="AE52" i="1"/>
  <c r="AD52" i="1"/>
  <c r="W53" i="1"/>
  <c r="AB53" i="1"/>
  <c r="AC52" i="1"/>
  <c r="AA53" i="1"/>
  <c r="Z53" i="1"/>
  <c r="U53" i="1"/>
  <c r="Y53" i="1"/>
  <c r="T53" i="1"/>
  <c r="X53" i="1"/>
  <c r="S53" i="1"/>
  <c r="V53" i="1"/>
  <c r="P55" i="1"/>
  <c r="R55" i="1" s="1"/>
  <c r="W56" i="6" l="1"/>
  <c r="N89" i="2"/>
  <c r="B89" i="2" s="1"/>
  <c r="AG53" i="1"/>
  <c r="AF53" i="1"/>
  <c r="AC53" i="1"/>
  <c r="AD53" i="1"/>
  <c r="AB54" i="1"/>
  <c r="W54" i="1"/>
  <c r="AE53" i="1"/>
  <c r="AA54" i="1"/>
  <c r="Z54" i="1"/>
  <c r="V54" i="1"/>
  <c r="X54" i="1"/>
  <c r="S54" i="1"/>
  <c r="T54" i="1"/>
  <c r="Y54" i="1"/>
  <c r="U54" i="1"/>
  <c r="P56" i="1"/>
  <c r="R56" i="1" s="1"/>
  <c r="W57" i="6" l="1"/>
  <c r="N90" i="2"/>
  <c r="B90" i="2" s="1"/>
  <c r="AC54" i="1"/>
  <c r="AE54" i="1"/>
  <c r="AB55" i="1"/>
  <c r="W55" i="1"/>
  <c r="AF54" i="1"/>
  <c r="AD54" i="1"/>
  <c r="AG54" i="1"/>
  <c r="X55" i="1"/>
  <c r="AA55" i="1"/>
  <c r="Z55" i="1"/>
  <c r="S55" i="1"/>
  <c r="T55" i="1"/>
  <c r="U55" i="1"/>
  <c r="V55" i="1"/>
  <c r="Y55" i="1"/>
  <c r="P57" i="1"/>
  <c r="R57" i="1" s="1"/>
  <c r="W58" i="6" l="1"/>
  <c r="N91" i="2"/>
  <c r="B91" i="2" s="1"/>
  <c r="AE55" i="1"/>
  <c r="AB56" i="1"/>
  <c r="W56" i="1"/>
  <c r="AG55" i="1"/>
  <c r="AF55" i="1"/>
  <c r="AD55" i="1"/>
  <c r="AC55" i="1"/>
  <c r="AA56" i="1"/>
  <c r="Z56" i="1"/>
  <c r="Y56" i="1"/>
  <c r="V56" i="1"/>
  <c r="X56" i="1"/>
  <c r="U56" i="1"/>
  <c r="S56" i="1"/>
  <c r="T56" i="1"/>
  <c r="P58" i="1"/>
  <c r="R58" i="1" s="1"/>
  <c r="W59" i="6" l="1"/>
  <c r="N92" i="2"/>
  <c r="B92" i="2" s="1"/>
  <c r="AB57" i="1"/>
  <c r="W57" i="1"/>
  <c r="Z57" i="1"/>
  <c r="Y57" i="1"/>
  <c r="V57" i="1"/>
  <c r="AA57" i="1"/>
  <c r="U57" i="1"/>
  <c r="X57" i="1"/>
  <c r="S57" i="1"/>
  <c r="T57" i="1"/>
  <c r="P59" i="1"/>
  <c r="R59" i="1" s="1"/>
  <c r="W60" i="6" l="1"/>
  <c r="N93" i="2"/>
  <c r="B93" i="2" s="1"/>
  <c r="AB58" i="1"/>
  <c r="W58" i="1"/>
  <c r="Z58" i="1"/>
  <c r="X58" i="1"/>
  <c r="V58" i="1"/>
  <c r="AA58" i="1"/>
  <c r="U58" i="1"/>
  <c r="Y58" i="1"/>
  <c r="S58" i="1"/>
  <c r="T58" i="1"/>
  <c r="P60" i="1"/>
  <c r="R60" i="1" s="1"/>
  <c r="W61" i="6" l="1"/>
  <c r="N94" i="2"/>
  <c r="B94" i="2" s="1"/>
  <c r="AD58" i="1"/>
  <c r="AG58" i="1"/>
  <c r="AC58" i="1"/>
  <c r="AE58" i="1"/>
  <c r="AB59" i="1"/>
  <c r="W59" i="1"/>
  <c r="AF58" i="1"/>
  <c r="AA59" i="1"/>
  <c r="Y59" i="1"/>
  <c r="S59" i="1"/>
  <c r="V59" i="1"/>
  <c r="Z59" i="1"/>
  <c r="U59" i="1"/>
  <c r="X59" i="1"/>
  <c r="T59" i="1"/>
  <c r="P61" i="1"/>
  <c r="R61" i="1" s="1"/>
  <c r="W62" i="6" l="1"/>
  <c r="AG59" i="1"/>
  <c r="N95" i="2"/>
  <c r="B95" i="2" s="1"/>
  <c r="AD59" i="1"/>
  <c r="AE59" i="1"/>
  <c r="AF59" i="1"/>
  <c r="W60" i="1"/>
  <c r="AB60" i="1"/>
  <c r="AC59" i="1"/>
  <c r="Y60" i="1"/>
  <c r="X60" i="1"/>
  <c r="V60" i="1"/>
  <c r="AA60" i="1"/>
  <c r="Z60" i="1"/>
  <c r="U60" i="1"/>
  <c r="S60" i="1"/>
  <c r="T60" i="1"/>
  <c r="P62" i="1"/>
  <c r="R62" i="1" s="1"/>
  <c r="W63" i="6" l="1"/>
  <c r="N96" i="2"/>
  <c r="B96" i="2" s="1"/>
  <c r="AG60" i="1"/>
  <c r="AC60" i="1"/>
  <c r="AD60" i="1"/>
  <c r="AB61" i="1"/>
  <c r="W61" i="1"/>
  <c r="AE60" i="1"/>
  <c r="AF60" i="1"/>
  <c r="Z61" i="1"/>
  <c r="Y61" i="1"/>
  <c r="T61" i="1"/>
  <c r="AA61" i="1"/>
  <c r="U61" i="1"/>
  <c r="X61" i="1"/>
  <c r="S61" i="1"/>
  <c r="V61" i="1"/>
  <c r="P63" i="1"/>
  <c r="R63" i="1" s="1"/>
  <c r="W64" i="6" l="1"/>
  <c r="AC61" i="1"/>
  <c r="AG61" i="1"/>
  <c r="N97" i="2"/>
  <c r="B97" i="2" s="1"/>
  <c r="AE61" i="1"/>
  <c r="AD61" i="1"/>
  <c r="AF61" i="1"/>
  <c r="AB62" i="1"/>
  <c r="W62" i="1"/>
  <c r="Z62" i="1"/>
  <c r="AA62" i="1"/>
  <c r="X62" i="1"/>
  <c r="Y62" i="1"/>
  <c r="V62" i="1"/>
  <c r="T62" i="1"/>
  <c r="U62" i="1"/>
  <c r="S62" i="1"/>
  <c r="P64" i="1"/>
  <c r="R64" i="1" s="1"/>
  <c r="W65" i="6" l="1"/>
  <c r="AG62" i="1"/>
  <c r="N98" i="2"/>
  <c r="B98" i="2" s="1"/>
  <c r="AD62" i="1"/>
  <c r="AE62" i="1"/>
  <c r="AF62" i="1"/>
  <c r="AC62" i="1"/>
  <c r="AB63" i="1"/>
  <c r="W63" i="1"/>
  <c r="Z63" i="1"/>
  <c r="AA63" i="1"/>
  <c r="U63" i="1"/>
  <c r="Y63" i="1"/>
  <c r="V63" i="1"/>
  <c r="S63" i="1"/>
  <c r="T63" i="1"/>
  <c r="X63" i="1"/>
  <c r="P65" i="1"/>
  <c r="R65" i="1" s="1"/>
  <c r="W66" i="6" l="1"/>
  <c r="N99" i="2"/>
  <c r="B99" i="2" s="1"/>
  <c r="W64" i="1"/>
  <c r="AB64" i="1"/>
  <c r="Z64" i="1"/>
  <c r="X64" i="1"/>
  <c r="U64" i="1"/>
  <c r="Y64" i="1"/>
  <c r="AA64" i="1"/>
  <c r="T64" i="1"/>
  <c r="V64" i="1"/>
  <c r="S64" i="1"/>
  <c r="P66" i="1"/>
  <c r="R66" i="1" s="1"/>
  <c r="W67" i="6" l="1"/>
  <c r="N100" i="2"/>
  <c r="B100" i="2" s="1"/>
  <c r="W65" i="1"/>
  <c r="AB65" i="1"/>
  <c r="Z65" i="1"/>
  <c r="Y65" i="1"/>
  <c r="X65" i="1"/>
  <c r="U65" i="1"/>
  <c r="AA65" i="1"/>
  <c r="T65" i="1"/>
  <c r="V65" i="1"/>
  <c r="S65" i="1"/>
  <c r="P67" i="1"/>
  <c r="R67" i="1" s="1"/>
  <c r="W68" i="6" l="1"/>
  <c r="N101" i="2"/>
  <c r="B101" i="2" s="1"/>
  <c r="AG65" i="1"/>
  <c r="AE65" i="1"/>
  <c r="W66" i="1"/>
  <c r="AB66" i="1"/>
  <c r="AF65" i="1"/>
  <c r="AC65" i="1"/>
  <c r="AD65" i="1"/>
  <c r="X66" i="1"/>
  <c r="AA66" i="1"/>
  <c r="Z66" i="1"/>
  <c r="V66" i="1"/>
  <c r="U66" i="1"/>
  <c r="Y66" i="1"/>
  <c r="T66" i="1"/>
  <c r="S66" i="1"/>
  <c r="P68" i="1"/>
  <c r="R68" i="1" s="1"/>
  <c r="W69" i="6" l="1"/>
  <c r="N102" i="2"/>
  <c r="B102" i="2" s="1"/>
  <c r="AC66" i="1"/>
  <c r="AE66" i="1"/>
  <c r="AG66" i="1"/>
  <c r="AD66" i="1"/>
  <c r="AB67" i="1"/>
  <c r="W67" i="1"/>
  <c r="AF66" i="1"/>
  <c r="Y67" i="1"/>
  <c r="X67" i="1"/>
  <c r="AA67" i="1"/>
  <c r="U67" i="1"/>
  <c r="Z67" i="1"/>
  <c r="T67" i="1"/>
  <c r="V67" i="1"/>
  <c r="S67" i="1"/>
  <c r="P69" i="1"/>
  <c r="R69" i="1" s="1"/>
  <c r="W70" i="6" l="1"/>
  <c r="N103" i="2"/>
  <c r="B103" i="2" s="1"/>
  <c r="AC67" i="1"/>
  <c r="AD67" i="1"/>
  <c r="AB68" i="1"/>
  <c r="W68" i="1"/>
  <c r="AF67" i="1"/>
  <c r="AE67" i="1"/>
  <c r="AG67" i="1"/>
  <c r="AA68" i="1"/>
  <c r="Y68" i="1"/>
  <c r="X68" i="1"/>
  <c r="V68" i="1"/>
  <c r="Z68" i="1"/>
  <c r="T68" i="1"/>
  <c r="U68" i="1"/>
  <c r="S68" i="1"/>
  <c r="P70" i="1"/>
  <c r="R70" i="1" s="1"/>
  <c r="W71" i="6" l="1"/>
  <c r="N104" i="2"/>
  <c r="B104" i="2" s="1"/>
  <c r="AD68" i="1"/>
  <c r="AG68" i="1"/>
  <c r="AF68" i="1"/>
  <c r="AC68" i="1"/>
  <c r="AB69" i="1"/>
  <c r="W69" i="1"/>
  <c r="AE68" i="1"/>
  <c r="AA69" i="1"/>
  <c r="Y69" i="1"/>
  <c r="X69" i="1"/>
  <c r="Z69" i="1"/>
  <c r="U69" i="1"/>
  <c r="T69" i="1"/>
  <c r="V69" i="1"/>
  <c r="S69" i="1"/>
  <c r="P71" i="1"/>
  <c r="R71" i="1" s="1"/>
  <c r="W72" i="6" l="1"/>
  <c r="N105" i="2"/>
  <c r="B105" i="2" s="1"/>
  <c r="AF69" i="1"/>
  <c r="AD69" i="1"/>
  <c r="AG69" i="1"/>
  <c r="AB70" i="1"/>
  <c r="W70" i="1"/>
  <c r="AE69" i="1"/>
  <c r="AC69" i="1"/>
  <c r="AA70" i="1"/>
  <c r="Z70" i="1"/>
  <c r="Y70" i="1"/>
  <c r="X70" i="1"/>
  <c r="U70" i="1"/>
  <c r="S70" i="1"/>
  <c r="V70" i="1"/>
  <c r="T70" i="1"/>
  <c r="P72" i="1"/>
  <c r="R72" i="1" s="1"/>
  <c r="W73" i="6" l="1"/>
  <c r="N106" i="2"/>
  <c r="B106" i="2" s="1"/>
  <c r="AB71" i="1"/>
  <c r="W71" i="1"/>
  <c r="AA71" i="1"/>
  <c r="X71" i="1"/>
  <c r="Z71" i="1"/>
  <c r="T71" i="1"/>
  <c r="V71" i="1"/>
  <c r="Y71" i="1"/>
  <c r="S71" i="1"/>
  <c r="U71" i="1"/>
  <c r="P73" i="1"/>
  <c r="R73" i="1" s="1"/>
  <c r="W74" i="6" l="1"/>
  <c r="N107" i="2"/>
  <c r="B107" i="2" s="1"/>
  <c r="AB72" i="1"/>
  <c r="W72" i="1"/>
  <c r="AA72" i="1"/>
  <c r="Y72" i="1"/>
  <c r="V72" i="1"/>
  <c r="X72" i="1"/>
  <c r="Z72" i="1"/>
  <c r="U72" i="1"/>
  <c r="T72" i="1"/>
  <c r="S72" i="1"/>
  <c r="P74" i="1"/>
  <c r="R74" i="1" s="1"/>
  <c r="W75" i="6" l="1"/>
  <c r="N108" i="2"/>
  <c r="B108" i="2" s="1"/>
  <c r="AG72" i="1"/>
  <c r="AF72" i="1"/>
  <c r="AD72" i="1"/>
  <c r="W73" i="1"/>
  <c r="AB73" i="1"/>
  <c r="AC72" i="1"/>
  <c r="AE72" i="1"/>
  <c r="AA73" i="1"/>
  <c r="Z73" i="1"/>
  <c r="U73" i="1"/>
  <c r="X73" i="1"/>
  <c r="Y73" i="1"/>
  <c r="S73" i="1"/>
  <c r="V73" i="1"/>
  <c r="T73" i="1"/>
  <c r="P75" i="1"/>
  <c r="R75" i="1" s="1"/>
  <c r="W76" i="6" l="1"/>
  <c r="N109" i="2"/>
  <c r="B109" i="2" s="1"/>
  <c r="AD73" i="1"/>
  <c r="AC73" i="1"/>
  <c r="AB74" i="1"/>
  <c r="W74" i="1"/>
  <c r="AE73" i="1"/>
  <c r="AF73" i="1"/>
  <c r="AG73" i="1"/>
  <c r="X74" i="1"/>
  <c r="Z74" i="1"/>
  <c r="Y74" i="1"/>
  <c r="T74" i="1"/>
  <c r="V74" i="1"/>
  <c r="AA74" i="1"/>
  <c r="S74" i="1"/>
  <c r="U74" i="1"/>
  <c r="P76" i="1"/>
  <c r="R76" i="1" s="1"/>
  <c r="W77" i="6" l="1"/>
  <c r="N110" i="2"/>
  <c r="B110" i="2" s="1"/>
  <c r="AG74" i="1"/>
  <c r="AB75" i="1"/>
  <c r="W75" i="1"/>
  <c r="AD74" i="1"/>
  <c r="AE74" i="1"/>
  <c r="AC74" i="1"/>
  <c r="AF74" i="1"/>
  <c r="X75" i="1"/>
  <c r="AA75" i="1"/>
  <c r="Y75" i="1"/>
  <c r="V75" i="1"/>
  <c r="S75" i="1"/>
  <c r="Z75" i="1"/>
  <c r="U75" i="1"/>
  <c r="T75" i="1"/>
  <c r="P77" i="1"/>
  <c r="R77" i="1" s="1"/>
  <c r="W78" i="6" l="1"/>
  <c r="N111" i="2"/>
  <c r="B111" i="2" s="1"/>
  <c r="AE75" i="1"/>
  <c r="AD75" i="1"/>
  <c r="AB76" i="1"/>
  <c r="W76" i="1"/>
  <c r="AC75" i="1"/>
  <c r="AG75" i="1"/>
  <c r="AF75" i="1"/>
  <c r="AA76" i="1"/>
  <c r="U76" i="1"/>
  <c r="Y76" i="1"/>
  <c r="V76" i="1"/>
  <c r="S76" i="1"/>
  <c r="Z76" i="1"/>
  <c r="X76" i="1"/>
  <c r="T76" i="1"/>
  <c r="P78" i="1"/>
  <c r="R78" i="1" s="1"/>
  <c r="W79" i="6" l="1"/>
  <c r="AG76" i="1"/>
  <c r="N112" i="2"/>
  <c r="B112" i="2" s="1"/>
  <c r="AF76" i="1"/>
  <c r="AD76" i="1"/>
  <c r="AB77" i="1"/>
  <c r="W77" i="1"/>
  <c r="AE76" i="1"/>
  <c r="AC76" i="1"/>
  <c r="Z77" i="1"/>
  <c r="AA77" i="1"/>
  <c r="V77" i="1"/>
  <c r="X77" i="1"/>
  <c r="Y77" i="1"/>
  <c r="U77" i="1"/>
  <c r="T77" i="1"/>
  <c r="S77" i="1"/>
  <c r="P79" i="1"/>
  <c r="R79" i="1" s="1"/>
  <c r="W80" i="6" l="1"/>
  <c r="N113" i="2"/>
  <c r="B113" i="2" s="1"/>
  <c r="AB78" i="1"/>
  <c r="W78" i="1"/>
  <c r="Z78" i="1"/>
  <c r="Y78" i="1"/>
  <c r="AA78" i="1"/>
  <c r="V78" i="1"/>
  <c r="X78" i="1"/>
  <c r="U78" i="1"/>
  <c r="T78" i="1"/>
  <c r="S78" i="1"/>
  <c r="P80" i="1"/>
  <c r="R80" i="1" s="1"/>
  <c r="W81" i="6" l="1"/>
  <c r="N114" i="2"/>
  <c r="B114" i="2" s="1"/>
  <c r="AB79" i="1"/>
  <c r="W79" i="1"/>
  <c r="Y79" i="1"/>
  <c r="Z79" i="1"/>
  <c r="AA79" i="1"/>
  <c r="S79" i="1"/>
  <c r="V79" i="1"/>
  <c r="U79" i="1"/>
  <c r="X79" i="1"/>
  <c r="T79" i="1"/>
  <c r="P81" i="1"/>
  <c r="R81" i="1" s="1"/>
  <c r="W82" i="6" l="1"/>
  <c r="N115" i="2"/>
  <c r="B115" i="2" s="1"/>
  <c r="AG79" i="1"/>
  <c r="W80" i="1"/>
  <c r="AB80" i="1"/>
  <c r="AC79" i="1"/>
  <c r="AF79" i="1"/>
  <c r="AD79" i="1"/>
  <c r="AE79" i="1"/>
  <c r="Y80" i="1"/>
  <c r="X80" i="1"/>
  <c r="Z80" i="1"/>
  <c r="AA80" i="1"/>
  <c r="V80" i="1"/>
  <c r="S80" i="1"/>
  <c r="T80" i="1"/>
  <c r="U80" i="1"/>
  <c r="P82" i="1"/>
  <c r="R82" i="1" s="1"/>
  <c r="W83" i="6" l="1"/>
  <c r="N116" i="2"/>
  <c r="B116" i="2" s="1"/>
  <c r="AG80" i="1"/>
  <c r="AD80" i="1"/>
  <c r="AC80" i="1"/>
  <c r="AF80" i="1"/>
  <c r="AB81" i="1"/>
  <c r="W81" i="1"/>
  <c r="AE80" i="1"/>
  <c r="Z81" i="1"/>
  <c r="AA81" i="1"/>
  <c r="Y81" i="1"/>
  <c r="V81" i="1"/>
  <c r="S81" i="1"/>
  <c r="X81" i="1"/>
  <c r="U81" i="1"/>
  <c r="T81" i="1"/>
  <c r="P83" i="1"/>
  <c r="R83" i="1" s="1"/>
  <c r="W84" i="6" l="1"/>
  <c r="AG81" i="1"/>
  <c r="N117" i="2"/>
  <c r="B117" i="2" s="1"/>
  <c r="AE81" i="1"/>
  <c r="AF81" i="1"/>
  <c r="AB82" i="1"/>
  <c r="W82" i="1"/>
  <c r="AC81" i="1"/>
  <c r="AD81" i="1"/>
  <c r="X82" i="1"/>
  <c r="Z82" i="1"/>
  <c r="T82" i="1"/>
  <c r="Y82" i="1"/>
  <c r="V82" i="1"/>
  <c r="AA82" i="1"/>
  <c r="S82" i="1"/>
  <c r="U82" i="1"/>
  <c r="P84" i="1"/>
  <c r="R84" i="1" s="1"/>
  <c r="W85" i="6" l="1"/>
  <c r="AG82" i="1"/>
  <c r="N118" i="2"/>
  <c r="B118" i="2" s="1"/>
  <c r="AC82" i="1"/>
  <c r="AE82" i="1"/>
  <c r="W83" i="1"/>
  <c r="AB83" i="1"/>
  <c r="AF82" i="1"/>
  <c r="AD82" i="1"/>
  <c r="AA83" i="1"/>
  <c r="U83" i="1"/>
  <c r="V83" i="1"/>
  <c r="X83" i="1"/>
  <c r="T83" i="1"/>
  <c r="Y83" i="1"/>
  <c r="Z83" i="1"/>
  <c r="S83" i="1"/>
  <c r="P85" i="1"/>
  <c r="R85" i="1" s="1"/>
  <c r="W86" i="6" l="1"/>
  <c r="N119" i="2"/>
  <c r="B119" i="2" s="1"/>
  <c r="AC83" i="1"/>
  <c r="W84" i="1"/>
  <c r="AB84" i="1"/>
  <c r="AG83" i="1"/>
  <c r="AD83" i="1"/>
  <c r="AF83" i="1"/>
  <c r="AE83" i="1"/>
  <c r="Z84" i="1"/>
  <c r="AA84" i="1"/>
  <c r="U84" i="1"/>
  <c r="S84" i="1"/>
  <c r="X84" i="1"/>
  <c r="T84" i="1"/>
  <c r="V84" i="1"/>
  <c r="Y84" i="1"/>
  <c r="P86" i="1"/>
  <c r="R86" i="1" s="1"/>
  <c r="W87" i="6" l="1"/>
  <c r="N120" i="2"/>
  <c r="B120" i="2" s="1"/>
  <c r="W85" i="1"/>
  <c r="AB85" i="1"/>
  <c r="Z85" i="1"/>
  <c r="Y85" i="1"/>
  <c r="U85" i="1"/>
  <c r="T85" i="1"/>
  <c r="V85" i="1"/>
  <c r="AA85" i="1"/>
  <c r="S85" i="1"/>
  <c r="X85" i="1"/>
  <c r="P87" i="1"/>
  <c r="R87" i="1" s="1"/>
  <c r="W88" i="6" l="1"/>
  <c r="N121" i="2"/>
  <c r="B121" i="2" s="1"/>
  <c r="W86" i="1"/>
  <c r="AB86" i="1"/>
  <c r="Z86" i="1"/>
  <c r="U86" i="1"/>
  <c r="T86" i="1"/>
  <c r="Y86" i="1"/>
  <c r="V86" i="1"/>
  <c r="AA86" i="1"/>
  <c r="S86" i="1"/>
  <c r="X86" i="1"/>
  <c r="P88" i="1"/>
  <c r="R88" i="1" s="1"/>
  <c r="W89" i="6" l="1"/>
  <c r="N122" i="2"/>
  <c r="B122" i="2" s="1"/>
  <c r="AG86" i="1"/>
  <c r="AE86" i="1"/>
  <c r="AB87" i="1"/>
  <c r="W87" i="1"/>
  <c r="AC86" i="1"/>
  <c r="AF86" i="1"/>
  <c r="AD86" i="1"/>
  <c r="Z87" i="1"/>
  <c r="AA87" i="1"/>
  <c r="V87" i="1"/>
  <c r="Y87" i="1"/>
  <c r="X87" i="1"/>
  <c r="U87" i="1"/>
  <c r="T87" i="1"/>
  <c r="S87" i="1"/>
  <c r="P89" i="1"/>
  <c r="R89" i="1" s="1"/>
  <c r="W90" i="6" l="1"/>
  <c r="N123" i="2"/>
  <c r="B123" i="2" s="1"/>
  <c r="AG87" i="1"/>
  <c r="AD87" i="1"/>
  <c r="AE87" i="1"/>
  <c r="AF87" i="1"/>
  <c r="AC87" i="1"/>
  <c r="AB88" i="1"/>
  <c r="W88" i="1"/>
  <c r="X88" i="1"/>
  <c r="Z88" i="1"/>
  <c r="V88" i="1"/>
  <c r="Y88" i="1"/>
  <c r="T88" i="1"/>
  <c r="AA88" i="1"/>
  <c r="S88" i="1"/>
  <c r="U88" i="1"/>
  <c r="P90" i="1"/>
  <c r="R90" i="1" s="1"/>
  <c r="W91" i="6" l="1"/>
  <c r="N124" i="2"/>
  <c r="B124" i="2" s="1"/>
  <c r="AE88" i="1"/>
  <c r="AC88" i="1"/>
  <c r="AG88" i="1"/>
  <c r="AB89" i="1"/>
  <c r="W89" i="1"/>
  <c r="AD88" i="1"/>
  <c r="AF88" i="1"/>
  <c r="AA89" i="1"/>
  <c r="X89" i="1"/>
  <c r="Z89" i="1"/>
  <c r="U89" i="1"/>
  <c r="Y89" i="1"/>
  <c r="V89" i="1"/>
  <c r="T89" i="1"/>
  <c r="S89" i="1"/>
  <c r="P91" i="1"/>
  <c r="R91" i="1" s="1"/>
  <c r="W92" i="6" l="1"/>
  <c r="N125" i="2"/>
  <c r="B125" i="2" s="1"/>
  <c r="AF89" i="1"/>
  <c r="AC89" i="1"/>
  <c r="AG89" i="1"/>
  <c r="AB90" i="1"/>
  <c r="W90" i="1"/>
  <c r="AE89" i="1"/>
  <c r="AD89" i="1"/>
  <c r="AA90" i="1"/>
  <c r="Z90" i="1"/>
  <c r="Y90" i="1"/>
  <c r="X90" i="1"/>
  <c r="U90" i="1"/>
  <c r="V90" i="1"/>
  <c r="T90" i="1"/>
  <c r="S90" i="1"/>
  <c r="P92" i="1"/>
  <c r="R92" i="1" s="1"/>
  <c r="W93" i="6" l="1"/>
  <c r="N126" i="2"/>
  <c r="B126" i="2" s="1"/>
  <c r="AG90" i="1"/>
  <c r="AC90" i="1"/>
  <c r="AD90" i="1"/>
  <c r="AF90" i="1"/>
  <c r="AE90" i="1"/>
  <c r="AB91" i="1"/>
  <c r="W91" i="1"/>
  <c r="Y91" i="1"/>
  <c r="X91" i="1"/>
  <c r="Z91" i="1"/>
  <c r="U91" i="1"/>
  <c r="T91" i="1"/>
  <c r="S91" i="1"/>
  <c r="AA91" i="1"/>
  <c r="V91" i="1"/>
  <c r="P93" i="1"/>
  <c r="R93" i="1" s="1"/>
  <c r="W94" i="6" l="1"/>
  <c r="N127" i="2"/>
  <c r="B127" i="2" s="1"/>
  <c r="AB92" i="1"/>
  <c r="W92" i="1"/>
  <c r="Y92" i="1"/>
  <c r="AA92" i="1"/>
  <c r="Z92" i="1"/>
  <c r="U92" i="1"/>
  <c r="V92" i="1"/>
  <c r="T92" i="1"/>
  <c r="X92" i="1"/>
  <c r="S92" i="1"/>
  <c r="P94" i="1"/>
  <c r="R94" i="1" s="1"/>
  <c r="W95" i="6" l="1"/>
  <c r="N128" i="2"/>
  <c r="B128" i="2" s="1"/>
  <c r="W93" i="1"/>
  <c r="AB93" i="1"/>
  <c r="Y93" i="1"/>
  <c r="U93" i="1"/>
  <c r="V93" i="1"/>
  <c r="AA93" i="1"/>
  <c r="Z93" i="1"/>
  <c r="S93" i="1"/>
  <c r="X93" i="1"/>
  <c r="T93" i="1"/>
  <c r="P95" i="1"/>
  <c r="R95" i="1" s="1"/>
  <c r="W96" i="6" l="1"/>
  <c r="N129" i="2"/>
  <c r="B129" i="2" s="1"/>
  <c r="AG93" i="1"/>
  <c r="AD93" i="1"/>
  <c r="AB94" i="1"/>
  <c r="W94" i="1"/>
  <c r="AC93" i="1"/>
  <c r="AF93" i="1"/>
  <c r="AE93" i="1"/>
  <c r="AA94" i="1"/>
  <c r="X94" i="1"/>
  <c r="Z94" i="1"/>
  <c r="S94" i="1"/>
  <c r="U94" i="1"/>
  <c r="Y94" i="1"/>
  <c r="V94" i="1"/>
  <c r="T94" i="1"/>
  <c r="P96" i="1"/>
  <c r="R96" i="1" s="1"/>
  <c r="W97" i="6" l="1"/>
  <c r="AG94" i="1"/>
  <c r="N130" i="2"/>
  <c r="B130" i="2" s="1"/>
  <c r="AC94" i="1"/>
  <c r="AB95" i="1"/>
  <c r="W95" i="1"/>
  <c r="AD94" i="1"/>
  <c r="AF94" i="1"/>
  <c r="AE94" i="1"/>
  <c r="AA95" i="1"/>
  <c r="Z95" i="1"/>
  <c r="Y95" i="1"/>
  <c r="T95" i="1"/>
  <c r="U95" i="1"/>
  <c r="V95" i="1"/>
  <c r="X95" i="1"/>
  <c r="S95" i="1"/>
  <c r="P97" i="1"/>
  <c r="R97" i="1" s="1"/>
  <c r="W98" i="6" l="1"/>
  <c r="AG95" i="1"/>
  <c r="N131" i="2"/>
  <c r="B131" i="2" s="1"/>
  <c r="AF95" i="1"/>
  <c r="AE95" i="1"/>
  <c r="AD95" i="1"/>
  <c r="AB96" i="1"/>
  <c r="W96" i="1"/>
  <c r="AC95" i="1"/>
  <c r="AA96" i="1"/>
  <c r="X96" i="1"/>
  <c r="Z96" i="1"/>
  <c r="V96" i="1"/>
  <c r="S96" i="1"/>
  <c r="U96" i="1"/>
  <c r="T96" i="1"/>
  <c r="Y96" i="1"/>
  <c r="P98" i="1"/>
  <c r="R98" i="1" s="1"/>
  <c r="W99" i="6" l="1"/>
  <c r="AG96" i="1"/>
  <c r="N132" i="2"/>
  <c r="B132" i="2" s="1"/>
  <c r="AE96" i="1"/>
  <c r="AC96" i="1"/>
  <c r="AF96" i="1"/>
  <c r="AB97" i="1"/>
  <c r="W97" i="1"/>
  <c r="AD96" i="1"/>
  <c r="AA97" i="1"/>
  <c r="Y97" i="1"/>
  <c r="X97" i="1"/>
  <c r="V97" i="1"/>
  <c r="S97" i="1"/>
  <c r="U97" i="1"/>
  <c r="Z97" i="1"/>
  <c r="T97" i="1"/>
  <c r="P99" i="1"/>
  <c r="R99" i="1" s="1"/>
  <c r="W100" i="6" l="1"/>
  <c r="N133" i="2"/>
  <c r="B133" i="2" s="1"/>
  <c r="AC97" i="1"/>
  <c r="AG97" i="1"/>
  <c r="AF97" i="1"/>
  <c r="AD97" i="1"/>
  <c r="AB98" i="1"/>
  <c r="W98" i="1"/>
  <c r="AE97" i="1"/>
  <c r="AA98" i="1"/>
  <c r="Y98" i="1"/>
  <c r="Z98" i="1"/>
  <c r="V98" i="1"/>
  <c r="X98" i="1"/>
  <c r="U98" i="1"/>
  <c r="S98" i="1"/>
  <c r="T98" i="1"/>
  <c r="P100" i="1"/>
  <c r="R100" i="1" s="1"/>
  <c r="W101" i="6" l="1"/>
  <c r="N134" i="2"/>
  <c r="B134" i="2" s="1"/>
  <c r="AB99" i="1"/>
  <c r="W99" i="1"/>
  <c r="Y99" i="1"/>
  <c r="AA99" i="1"/>
  <c r="X99" i="1"/>
  <c r="Z99" i="1"/>
  <c r="S99" i="1"/>
  <c r="V99" i="1"/>
  <c r="U99" i="1"/>
  <c r="T99" i="1"/>
  <c r="P101" i="1"/>
  <c r="R101" i="1" s="1"/>
  <c r="W102" i="6" l="1"/>
  <c r="N135" i="2"/>
  <c r="B135" i="2" s="1"/>
  <c r="AB100" i="1"/>
  <c r="W100" i="1"/>
  <c r="Y100" i="1"/>
  <c r="X100" i="1"/>
  <c r="AA100" i="1"/>
  <c r="Z100" i="1"/>
  <c r="V100" i="1"/>
  <c r="S100" i="1"/>
  <c r="U100" i="1"/>
  <c r="T100" i="1"/>
  <c r="P102" i="1"/>
  <c r="R102" i="1" s="1"/>
  <c r="W103" i="6" l="1"/>
  <c r="N136" i="2"/>
  <c r="B136" i="2" s="1"/>
  <c r="AG100" i="1"/>
  <c r="AC100" i="1"/>
  <c r="AD100" i="1"/>
  <c r="AF100" i="1"/>
  <c r="AE100" i="1"/>
  <c r="AB101" i="1"/>
  <c r="W101" i="1"/>
  <c r="Z101" i="1"/>
  <c r="Y101" i="1"/>
  <c r="AA101" i="1"/>
  <c r="X101" i="1"/>
  <c r="V101" i="1"/>
  <c r="T101" i="1"/>
  <c r="S101" i="1"/>
  <c r="U101" i="1"/>
  <c r="P103" i="1"/>
  <c r="R103" i="1" s="1"/>
  <c r="W104" i="6" l="1"/>
  <c r="N137" i="2"/>
  <c r="B137" i="2" s="1"/>
  <c r="AE101" i="1"/>
  <c r="AG101" i="1"/>
  <c r="AC101" i="1"/>
  <c r="AF101" i="1"/>
  <c r="AD101" i="1"/>
  <c r="AB102" i="1"/>
  <c r="W102" i="1"/>
  <c r="Z102" i="1"/>
  <c r="Y102" i="1"/>
  <c r="AA102" i="1"/>
  <c r="X102" i="1"/>
  <c r="V102" i="1"/>
  <c r="U102" i="1"/>
  <c r="S102" i="1"/>
  <c r="T102" i="1"/>
  <c r="P104" i="1"/>
  <c r="R104" i="1" s="1"/>
  <c r="W105" i="6" l="1"/>
  <c r="AC102" i="1"/>
  <c r="N138" i="2"/>
  <c r="B138" i="2" s="1"/>
  <c r="AD102" i="1"/>
  <c r="AF102" i="1"/>
  <c r="AE102" i="1"/>
  <c r="W103" i="1"/>
  <c r="AB103" i="1"/>
  <c r="AG102" i="1"/>
  <c r="Z103" i="1"/>
  <c r="AA103" i="1"/>
  <c r="Y103" i="1"/>
  <c r="U103" i="1"/>
  <c r="X103" i="1"/>
  <c r="T103" i="1"/>
  <c r="V103" i="1"/>
  <c r="S103" i="1"/>
  <c r="P105" i="1"/>
  <c r="R105" i="1" s="1"/>
  <c r="W106" i="6" l="1"/>
  <c r="N139" i="2"/>
  <c r="B139" i="2" s="1"/>
  <c r="AE103" i="1"/>
  <c r="AF103" i="1"/>
  <c r="AD103" i="1"/>
  <c r="W104" i="1"/>
  <c r="AB104" i="1"/>
  <c r="AC103" i="1"/>
  <c r="AG103" i="1"/>
  <c r="Z104" i="1"/>
  <c r="AA104" i="1"/>
  <c r="Y104" i="1"/>
  <c r="V104" i="1"/>
  <c r="T104" i="1"/>
  <c r="X104" i="1"/>
  <c r="U104" i="1"/>
  <c r="S104" i="1"/>
  <c r="P106" i="1"/>
  <c r="R106" i="1" s="1"/>
  <c r="W107" i="6" l="1"/>
  <c r="N140" i="2"/>
  <c r="B140" i="2" s="1"/>
  <c r="AG104" i="1"/>
  <c r="AF104" i="1"/>
  <c r="AD104" i="1"/>
  <c r="AE104" i="1"/>
  <c r="AC104" i="1"/>
  <c r="W105" i="1"/>
  <c r="AB105" i="1"/>
  <c r="Z105" i="1"/>
  <c r="Y105" i="1"/>
  <c r="U105" i="1"/>
  <c r="AA105" i="1"/>
  <c r="X105" i="1"/>
  <c r="S105" i="1"/>
  <c r="T105" i="1"/>
  <c r="V105" i="1"/>
  <c r="P107" i="1"/>
  <c r="R107" i="1" s="1"/>
  <c r="W108" i="6" l="1"/>
  <c r="N141" i="2"/>
  <c r="B141" i="2" s="1"/>
  <c r="W106" i="1"/>
  <c r="AB106" i="1"/>
  <c r="Z106" i="1"/>
  <c r="AA106" i="1"/>
  <c r="U106" i="1"/>
  <c r="Y106" i="1"/>
  <c r="X106" i="1"/>
  <c r="T106" i="1"/>
  <c r="S106" i="1"/>
  <c r="V106" i="1"/>
  <c r="P108" i="1"/>
  <c r="R108" i="1" s="1"/>
  <c r="W109" i="6" l="1"/>
  <c r="N142" i="2"/>
  <c r="B142" i="2" s="1"/>
  <c r="AB107" i="1"/>
  <c r="W107" i="1"/>
  <c r="AA107" i="1"/>
  <c r="Z107" i="1"/>
  <c r="X107" i="1"/>
  <c r="T107" i="1"/>
  <c r="Y107" i="1"/>
  <c r="U107" i="1"/>
  <c r="S107" i="1"/>
  <c r="V107" i="1"/>
  <c r="P109" i="1"/>
  <c r="R109" i="1" s="1"/>
  <c r="W110" i="6" l="1"/>
  <c r="N143" i="2"/>
  <c r="B143" i="2" s="1"/>
  <c r="AF107" i="1"/>
  <c r="AC107" i="1"/>
  <c r="AG107" i="1"/>
  <c r="AE107" i="1"/>
  <c r="W108" i="1"/>
  <c r="AB108" i="1"/>
  <c r="AD107" i="1"/>
  <c r="V108" i="1"/>
  <c r="Z108" i="1"/>
  <c r="T108" i="1"/>
  <c r="Y108" i="1"/>
  <c r="X108" i="1"/>
  <c r="AA108" i="1"/>
  <c r="S108" i="1"/>
  <c r="U108" i="1"/>
  <c r="P110" i="1"/>
  <c r="R110" i="1" s="1"/>
  <c r="W111" i="6" l="1"/>
  <c r="AG108" i="1"/>
  <c r="N144" i="2"/>
  <c r="B144" i="2" s="1"/>
  <c r="AC108" i="1"/>
  <c r="AE108" i="1"/>
  <c r="AB109" i="1"/>
  <c r="W109" i="1"/>
  <c r="AD108" i="1"/>
  <c r="AF108" i="1"/>
  <c r="AA109" i="1"/>
  <c r="X109" i="1"/>
  <c r="Y109" i="1"/>
  <c r="V109" i="1"/>
  <c r="Z109" i="1"/>
  <c r="T109" i="1"/>
  <c r="S109" i="1"/>
  <c r="U109" i="1"/>
  <c r="P111" i="1"/>
  <c r="R111" i="1" s="1"/>
  <c r="W112" i="6" l="1"/>
  <c r="N145" i="2"/>
  <c r="B145" i="2" s="1"/>
  <c r="AD109" i="1"/>
  <c r="AG109" i="1"/>
  <c r="AF109" i="1"/>
  <c r="AC109" i="1"/>
  <c r="AE109" i="1"/>
  <c r="W110" i="1"/>
  <c r="AB110" i="1"/>
  <c r="AA110" i="1"/>
  <c r="Z110" i="1"/>
  <c r="X110" i="1"/>
  <c r="Y110" i="1"/>
  <c r="T110" i="1"/>
  <c r="S110" i="1"/>
  <c r="V110" i="1"/>
  <c r="U110" i="1"/>
  <c r="P112" i="1"/>
  <c r="R112" i="1" s="1"/>
  <c r="W113" i="6" l="1"/>
  <c r="N146" i="2"/>
  <c r="B146" i="2" s="1"/>
  <c r="AF110" i="1"/>
  <c r="AG110" i="1"/>
  <c r="AE110" i="1"/>
  <c r="W111" i="1"/>
  <c r="AB111" i="1"/>
  <c r="AD110" i="1"/>
  <c r="AC110" i="1"/>
  <c r="X111" i="1"/>
  <c r="Z111" i="1"/>
  <c r="AA111" i="1"/>
  <c r="T111" i="1"/>
  <c r="U111" i="1"/>
  <c r="Y111" i="1"/>
  <c r="S111" i="1"/>
  <c r="V111" i="1"/>
  <c r="P113" i="1"/>
  <c r="R113" i="1" s="1"/>
  <c r="W114" i="6" l="1"/>
  <c r="N147" i="2"/>
  <c r="B147" i="2" s="1"/>
  <c r="AG111" i="1"/>
  <c r="AE111" i="1"/>
  <c r="AF111" i="1"/>
  <c r="AC111" i="1"/>
  <c r="W112" i="1"/>
  <c r="AB112" i="1"/>
  <c r="AD111" i="1"/>
  <c r="X112" i="1"/>
  <c r="Z112" i="1"/>
  <c r="AA112" i="1"/>
  <c r="U112" i="1"/>
  <c r="Y112" i="1"/>
  <c r="S112" i="1"/>
  <c r="V112" i="1"/>
  <c r="T112" i="1"/>
  <c r="P114" i="1"/>
  <c r="R114" i="1" s="1"/>
  <c r="W115" i="6" l="1"/>
  <c r="N148" i="2"/>
  <c r="B148" i="2" s="1"/>
  <c r="W113" i="1"/>
  <c r="AB113" i="1"/>
  <c r="Y113" i="1"/>
  <c r="AA113" i="1"/>
  <c r="X113" i="1"/>
  <c r="U113" i="1"/>
  <c r="V113" i="1"/>
  <c r="T113" i="1"/>
  <c r="Z113" i="1"/>
  <c r="S113" i="1"/>
  <c r="P115" i="1"/>
  <c r="R115" i="1" s="1"/>
  <c r="W116" i="6" l="1"/>
  <c r="N149" i="2"/>
  <c r="B149" i="2" s="1"/>
  <c r="W114" i="1"/>
  <c r="AB114" i="1"/>
  <c r="Y114" i="1"/>
  <c r="V114" i="1"/>
  <c r="AA114" i="1"/>
  <c r="U114" i="1"/>
  <c r="X114" i="1"/>
  <c r="T114" i="1"/>
  <c r="Z114" i="1"/>
  <c r="S114" i="1"/>
  <c r="P116" i="1"/>
  <c r="R116" i="1" s="1"/>
  <c r="W117" i="6" l="1"/>
  <c r="N150" i="2"/>
  <c r="B150" i="2" s="1"/>
  <c r="AG114" i="1"/>
  <c r="AC114" i="1"/>
  <c r="AD114" i="1"/>
  <c r="W115" i="1"/>
  <c r="AB115" i="1"/>
  <c r="AE114" i="1"/>
  <c r="AF114" i="1"/>
  <c r="AA115" i="1"/>
  <c r="Y115" i="1"/>
  <c r="Z115" i="1"/>
  <c r="V115" i="1"/>
  <c r="U115" i="1"/>
  <c r="S115" i="1"/>
  <c r="X115" i="1"/>
  <c r="T115" i="1"/>
  <c r="P117" i="1"/>
  <c r="R117" i="1" s="1"/>
  <c r="W118" i="6" l="1"/>
  <c r="N151" i="2"/>
  <c r="B151" i="2" s="1"/>
  <c r="AG115" i="1"/>
  <c r="AD115" i="1"/>
  <c r="AE115" i="1"/>
  <c r="AF115" i="1"/>
  <c r="W116" i="1"/>
  <c r="AB116" i="1"/>
  <c r="AC115" i="1"/>
  <c r="AA116" i="1"/>
  <c r="Y116" i="1"/>
  <c r="Z116" i="1"/>
  <c r="T116" i="1"/>
  <c r="V116" i="1"/>
  <c r="U116" i="1"/>
  <c r="X116" i="1"/>
  <c r="S116" i="1"/>
  <c r="P118" i="1"/>
  <c r="R118" i="1" s="1"/>
  <c r="W119" i="6" l="1"/>
  <c r="N152" i="2"/>
  <c r="B152" i="2" s="1"/>
  <c r="AG116" i="1"/>
  <c r="AE116" i="1"/>
  <c r="AD116" i="1"/>
  <c r="AF116" i="1"/>
  <c r="W117" i="1"/>
  <c r="AB117" i="1"/>
  <c r="AC116" i="1"/>
  <c r="X117" i="1"/>
  <c r="AA117" i="1"/>
  <c r="Y117" i="1"/>
  <c r="V117" i="1"/>
  <c r="Z117" i="1"/>
  <c r="U117" i="1"/>
  <c r="S117" i="1"/>
  <c r="T117" i="1"/>
  <c r="P119" i="1"/>
  <c r="R119" i="1" s="1"/>
  <c r="W120" i="6" l="1"/>
  <c r="N153" i="2"/>
  <c r="B153" i="2" s="1"/>
  <c r="AD117" i="1"/>
  <c r="AC117" i="1"/>
  <c r="AB118" i="1"/>
  <c r="W118" i="1"/>
  <c r="AF117" i="1"/>
  <c r="AE117" i="1"/>
  <c r="AG117" i="1"/>
  <c r="AA118" i="1"/>
  <c r="Y118" i="1"/>
  <c r="Z118" i="1"/>
  <c r="V118" i="1"/>
  <c r="U118" i="1"/>
  <c r="X118" i="1"/>
  <c r="S118" i="1"/>
  <c r="T118" i="1"/>
  <c r="P120" i="1"/>
  <c r="R120" i="1" s="1"/>
  <c r="W121" i="6" l="1"/>
  <c r="N154" i="2"/>
  <c r="B154" i="2" s="1"/>
  <c r="AG118" i="1"/>
  <c r="AD118" i="1"/>
  <c r="AC118" i="1"/>
  <c r="AB119" i="1"/>
  <c r="W119" i="1"/>
  <c r="AF118" i="1"/>
  <c r="AE118" i="1"/>
  <c r="Y119" i="1"/>
  <c r="S119" i="1"/>
  <c r="X119" i="1"/>
  <c r="V119" i="1"/>
  <c r="U119" i="1"/>
  <c r="AA119" i="1"/>
  <c r="T119" i="1"/>
  <c r="Z119" i="1"/>
  <c r="P121" i="1"/>
  <c r="R121" i="1" s="1"/>
  <c r="W122" i="6" l="1"/>
  <c r="N155" i="2"/>
  <c r="B155" i="2" s="1"/>
  <c r="AB120" i="1"/>
  <c r="W120" i="1"/>
  <c r="Y120" i="1"/>
  <c r="X120" i="1"/>
  <c r="AA120" i="1"/>
  <c r="Z120" i="1"/>
  <c r="V120" i="1"/>
  <c r="U120" i="1"/>
  <c r="T120" i="1"/>
  <c r="S120" i="1"/>
  <c r="P122" i="1"/>
  <c r="R122" i="1" s="1"/>
  <c r="W123" i="6" l="1"/>
  <c r="N156" i="2"/>
  <c r="B156" i="2" s="1"/>
  <c r="AB121" i="1"/>
  <c r="W121" i="1"/>
  <c r="AA121" i="1"/>
  <c r="V121" i="1"/>
  <c r="Y121" i="1"/>
  <c r="X121" i="1"/>
  <c r="U121" i="1"/>
  <c r="Z121" i="1"/>
  <c r="T121" i="1"/>
  <c r="S121" i="1"/>
  <c r="P123" i="1"/>
  <c r="R123" i="1" s="1"/>
  <c r="W124" i="6" l="1"/>
  <c r="N157" i="2"/>
  <c r="B157" i="2" s="1"/>
  <c r="AG121" i="1"/>
  <c r="AD121" i="1"/>
  <c r="AC121" i="1"/>
  <c r="AB122" i="1"/>
  <c r="W122" i="1"/>
  <c r="AE121" i="1"/>
  <c r="AF121" i="1"/>
  <c r="AA122" i="1"/>
  <c r="Y122" i="1"/>
  <c r="Z122" i="1"/>
  <c r="V122" i="1"/>
  <c r="X122" i="1"/>
  <c r="S122" i="1"/>
  <c r="T122" i="1"/>
  <c r="U122" i="1"/>
  <c r="P124" i="1"/>
  <c r="R124" i="1" s="1"/>
  <c r="W125" i="6" l="1"/>
  <c r="N158" i="2"/>
  <c r="B158" i="2" s="1"/>
  <c r="AF122" i="1"/>
  <c r="AD122" i="1"/>
  <c r="AC122" i="1"/>
  <c r="AE122" i="1"/>
  <c r="W123" i="1"/>
  <c r="AB123" i="1"/>
  <c r="AG122" i="1"/>
  <c r="AA123" i="1"/>
  <c r="Y123" i="1"/>
  <c r="X123" i="1"/>
  <c r="U123" i="1"/>
  <c r="V123" i="1"/>
  <c r="Z123" i="1"/>
  <c r="T123" i="1"/>
  <c r="S123" i="1"/>
  <c r="P125" i="1"/>
  <c r="R125" i="1" s="1"/>
  <c r="W126" i="6" l="1"/>
  <c r="N159" i="2"/>
  <c r="B159" i="2" s="1"/>
  <c r="AG123" i="1"/>
  <c r="AF123" i="1"/>
  <c r="W124" i="1"/>
  <c r="AB124" i="1"/>
  <c r="AE123" i="1"/>
  <c r="AC123" i="1"/>
  <c r="AD123" i="1"/>
  <c r="Z124" i="1"/>
  <c r="T124" i="1"/>
  <c r="V124" i="1"/>
  <c r="U124" i="1"/>
  <c r="X124" i="1"/>
  <c r="AA124" i="1"/>
  <c r="Y124" i="1"/>
  <c r="S124" i="1"/>
  <c r="P126" i="1"/>
  <c r="R126" i="1" s="1"/>
  <c r="W127" i="6" l="1"/>
  <c r="N160" i="2"/>
  <c r="B160" i="2" s="1"/>
  <c r="AE124" i="1"/>
  <c r="AC124" i="1"/>
  <c r="W125" i="1"/>
  <c r="AB125" i="1"/>
  <c r="AF124" i="1"/>
  <c r="AG124" i="1"/>
  <c r="AD124" i="1"/>
  <c r="Z125" i="1"/>
  <c r="Y125" i="1"/>
  <c r="AA125" i="1"/>
  <c r="X125" i="1"/>
  <c r="U125" i="1"/>
  <c r="V125" i="1"/>
  <c r="T125" i="1"/>
  <c r="S125" i="1"/>
  <c r="P127" i="1"/>
  <c r="R127" i="1" s="1"/>
  <c r="W128" i="6" l="1"/>
  <c r="N161" i="2"/>
  <c r="B161" i="2" s="1"/>
  <c r="AG125" i="1"/>
  <c r="W126" i="1"/>
  <c r="AB126" i="1"/>
  <c r="AD125" i="1"/>
  <c r="AC125" i="1"/>
  <c r="AF125" i="1"/>
  <c r="AE125" i="1"/>
  <c r="Z126" i="1"/>
  <c r="X126" i="1"/>
  <c r="AA126" i="1"/>
  <c r="U126" i="1"/>
  <c r="S126" i="1"/>
  <c r="T126" i="1"/>
  <c r="V126" i="1"/>
  <c r="Y126" i="1"/>
  <c r="P128" i="1"/>
  <c r="R128" i="1" s="1"/>
  <c r="W129" i="6" l="1"/>
  <c r="N162" i="2"/>
  <c r="B162" i="2" s="1"/>
  <c r="AB127" i="1"/>
  <c r="W127" i="1"/>
  <c r="Z127" i="1"/>
  <c r="AA127" i="1"/>
  <c r="Y127" i="1"/>
  <c r="X127" i="1"/>
  <c r="T127" i="1"/>
  <c r="V127" i="1"/>
  <c r="U127" i="1"/>
  <c r="S127" i="1"/>
  <c r="P129" i="1"/>
  <c r="R129" i="1" s="1"/>
  <c r="W130" i="6" l="1"/>
  <c r="N163" i="2"/>
  <c r="B163" i="2" s="1"/>
  <c r="W128" i="1"/>
  <c r="AB128" i="1"/>
  <c r="Z128" i="1"/>
  <c r="AA128" i="1"/>
  <c r="V128" i="1"/>
  <c r="T128" i="1"/>
  <c r="X128" i="1"/>
  <c r="S128" i="1"/>
  <c r="U128" i="1"/>
  <c r="Y128" i="1"/>
  <c r="P130" i="1"/>
  <c r="R130" i="1" s="1"/>
  <c r="W131" i="6" l="1"/>
  <c r="AG128" i="1"/>
  <c r="N164" i="2"/>
  <c r="B164" i="2" s="1"/>
  <c r="AC128" i="1"/>
  <c r="AB129" i="1"/>
  <c r="W129" i="1"/>
  <c r="AD128" i="1"/>
  <c r="AF128" i="1"/>
  <c r="AE128" i="1"/>
  <c r="AA129" i="1"/>
  <c r="Z129" i="1"/>
  <c r="X129" i="1"/>
  <c r="U129" i="1"/>
  <c r="T129" i="1"/>
  <c r="V129" i="1"/>
  <c r="Y129" i="1"/>
  <c r="S129" i="1"/>
  <c r="P131" i="1"/>
  <c r="R131" i="1" s="1"/>
  <c r="W132" i="6" l="1"/>
  <c r="N165" i="2"/>
  <c r="B165" i="2" s="1"/>
  <c r="AG129" i="1"/>
  <c r="W130" i="1"/>
  <c r="AB130" i="1"/>
  <c r="AE129" i="1"/>
  <c r="AD129" i="1"/>
  <c r="AC129" i="1"/>
  <c r="AF129" i="1"/>
  <c r="AA130" i="1"/>
  <c r="Z130" i="1"/>
  <c r="X130" i="1"/>
  <c r="V130" i="1"/>
  <c r="Y130" i="1"/>
  <c r="T130" i="1"/>
  <c r="U130" i="1"/>
  <c r="S130" i="1"/>
  <c r="P132" i="1"/>
  <c r="R132" i="1" s="1"/>
  <c r="W133" i="6" l="1"/>
  <c r="N166" i="2"/>
  <c r="B166" i="2" s="1"/>
  <c r="AC130" i="1"/>
  <c r="AE130" i="1"/>
  <c r="AF130" i="1"/>
  <c r="AD130" i="1"/>
  <c r="W131" i="1"/>
  <c r="AB131" i="1"/>
  <c r="AG130" i="1"/>
  <c r="X131" i="1"/>
  <c r="Z131" i="1"/>
  <c r="AA131" i="1"/>
  <c r="T131" i="1"/>
  <c r="S131" i="1"/>
  <c r="U131" i="1"/>
  <c r="Y131" i="1"/>
  <c r="V131" i="1"/>
  <c r="P133" i="1"/>
  <c r="R133" i="1" s="1"/>
  <c r="W134" i="6" l="1"/>
  <c r="N167" i="2"/>
  <c r="B167" i="2" s="1"/>
  <c r="AG131" i="1"/>
  <c r="AC131" i="1"/>
  <c r="AE131" i="1"/>
  <c r="W132" i="1"/>
  <c r="AB132" i="1"/>
  <c r="AD131" i="1"/>
  <c r="AF131" i="1"/>
  <c r="X132" i="1"/>
  <c r="Y132" i="1"/>
  <c r="Z132" i="1"/>
  <c r="AA132" i="1"/>
  <c r="T132" i="1"/>
  <c r="V132" i="1"/>
  <c r="S132" i="1"/>
  <c r="U132" i="1"/>
  <c r="P134" i="1"/>
  <c r="R134" i="1" s="1"/>
  <c r="W135" i="6" l="1"/>
  <c r="AG132" i="1"/>
  <c r="N168" i="2"/>
  <c r="B168" i="2" s="1"/>
  <c r="AE132" i="1"/>
  <c r="AC132" i="1"/>
  <c r="AD132" i="1"/>
  <c r="AF132" i="1"/>
  <c r="W133" i="1"/>
  <c r="AB133" i="1"/>
  <c r="X133" i="1"/>
  <c r="U133" i="1"/>
  <c r="Y133" i="1"/>
  <c r="S133" i="1"/>
  <c r="Z133" i="1"/>
  <c r="T133" i="1"/>
  <c r="V133" i="1"/>
  <c r="AA133" i="1"/>
  <c r="P135" i="1"/>
  <c r="R135" i="1" s="1"/>
  <c r="W136" i="6" l="1"/>
  <c r="N169" i="2"/>
  <c r="B169" i="2" s="1"/>
  <c r="W134" i="1"/>
  <c r="AB134" i="1"/>
  <c r="Z134" i="1"/>
  <c r="AA134" i="1"/>
  <c r="Y134" i="1"/>
  <c r="X134" i="1"/>
  <c r="T134" i="1"/>
  <c r="S134" i="1"/>
  <c r="U134" i="1"/>
  <c r="V134" i="1"/>
  <c r="P136" i="1"/>
  <c r="R136" i="1" s="1"/>
  <c r="W137" i="6" l="1"/>
  <c r="N170" i="2"/>
  <c r="B170" i="2" s="1"/>
  <c r="W135" i="1"/>
  <c r="AB135" i="1"/>
  <c r="AA135" i="1"/>
  <c r="Z135" i="1"/>
  <c r="V135" i="1"/>
  <c r="Y135" i="1"/>
  <c r="X135" i="1"/>
  <c r="S135" i="1"/>
  <c r="U135" i="1"/>
  <c r="T135" i="1"/>
  <c r="P137" i="1"/>
  <c r="R137" i="1" s="1"/>
  <c r="W138" i="6" l="1"/>
  <c r="N171" i="2"/>
  <c r="B171" i="2" s="1"/>
  <c r="AD135" i="1"/>
  <c r="AE135" i="1"/>
  <c r="AC135" i="1"/>
  <c r="W136" i="1"/>
  <c r="AB136" i="1"/>
  <c r="AF135" i="1"/>
  <c r="AG135" i="1"/>
  <c r="AA136" i="1"/>
  <c r="Y136" i="1"/>
  <c r="Z136" i="1"/>
  <c r="X136" i="1"/>
  <c r="V136" i="1"/>
  <c r="S136" i="1"/>
  <c r="U136" i="1"/>
  <c r="T136" i="1"/>
  <c r="P138" i="1"/>
  <c r="R138" i="1" s="1"/>
  <c r="W139" i="6" l="1"/>
  <c r="N172" i="2"/>
  <c r="B172" i="2" s="1"/>
  <c r="AC136" i="1"/>
  <c r="W137" i="1"/>
  <c r="AB137" i="1"/>
  <c r="AE136" i="1"/>
  <c r="AD136" i="1"/>
  <c r="AG136" i="1"/>
  <c r="AF136" i="1"/>
  <c r="Y137" i="1"/>
  <c r="Z137" i="1"/>
  <c r="X137" i="1"/>
  <c r="T137" i="1"/>
  <c r="V137" i="1"/>
  <c r="AA137" i="1"/>
  <c r="S137" i="1"/>
  <c r="U137" i="1"/>
  <c r="P139" i="1"/>
  <c r="R139" i="1" s="1"/>
  <c r="W140" i="6" l="1"/>
  <c r="N173" i="2"/>
  <c r="B173" i="2" s="1"/>
  <c r="AD137" i="1"/>
  <c r="AE137" i="1"/>
  <c r="AG137" i="1"/>
  <c r="AC137" i="1"/>
  <c r="W138" i="1"/>
  <c r="AB138" i="1"/>
  <c r="AF137" i="1"/>
  <c r="Y138" i="1"/>
  <c r="X138" i="1"/>
  <c r="Z138" i="1"/>
  <c r="AA138" i="1"/>
  <c r="V138" i="1"/>
  <c r="U138" i="1"/>
  <c r="S138" i="1"/>
  <c r="T138" i="1"/>
  <c r="P140" i="1"/>
  <c r="R140" i="1" s="1"/>
  <c r="W141" i="6" l="1"/>
  <c r="N174" i="2"/>
  <c r="B174" i="2" s="1"/>
  <c r="AC138" i="1"/>
  <c r="AE138" i="1"/>
  <c r="AG138" i="1"/>
  <c r="AD138" i="1"/>
  <c r="AB139" i="1"/>
  <c r="W139" i="1"/>
  <c r="AF138" i="1"/>
  <c r="Y139" i="1"/>
  <c r="S139" i="1"/>
  <c r="Z139" i="1"/>
  <c r="U139" i="1"/>
  <c r="V139" i="1"/>
  <c r="T139" i="1"/>
  <c r="AA139" i="1"/>
  <c r="X139" i="1"/>
  <c r="P141" i="1"/>
  <c r="R141" i="1" s="1"/>
  <c r="W142" i="6" l="1"/>
  <c r="N175" i="2"/>
  <c r="B175" i="2" s="1"/>
  <c r="AG139" i="1"/>
  <c r="AE139" i="1"/>
  <c r="AD139" i="1"/>
  <c r="AB140" i="1"/>
  <c r="W140" i="1"/>
  <c r="AF139" i="1"/>
  <c r="AC139" i="1"/>
  <c r="Y140" i="1"/>
  <c r="X140" i="1"/>
  <c r="AA140" i="1"/>
  <c r="Z140" i="1"/>
  <c r="V140" i="1"/>
  <c r="U140" i="1"/>
  <c r="S140" i="1"/>
  <c r="T140" i="1"/>
  <c r="P142" i="1"/>
  <c r="R142" i="1" s="1"/>
  <c r="W143" i="6" l="1"/>
  <c r="N176" i="2"/>
  <c r="B176" i="2" s="1"/>
  <c r="AB141" i="1"/>
  <c r="W141" i="1"/>
  <c r="Y141" i="1"/>
  <c r="AA141" i="1"/>
  <c r="V141" i="1"/>
  <c r="U141" i="1"/>
  <c r="S141" i="1"/>
  <c r="T141" i="1"/>
  <c r="X141" i="1"/>
  <c r="Z141" i="1"/>
  <c r="P143" i="1"/>
  <c r="R143" i="1" s="1"/>
  <c r="W144" i="6" l="1"/>
  <c r="N177" i="2"/>
  <c r="B177" i="2" s="1"/>
  <c r="AB142" i="1"/>
  <c r="W142" i="1"/>
  <c r="X142" i="1"/>
  <c r="Z142" i="1"/>
  <c r="V142" i="1"/>
  <c r="Y142" i="1"/>
  <c r="U142" i="1"/>
  <c r="AA142" i="1"/>
  <c r="S142" i="1"/>
  <c r="T142" i="1"/>
  <c r="P144" i="1"/>
  <c r="R144" i="1" s="1"/>
  <c r="W145" i="6" l="1"/>
  <c r="N178" i="2"/>
  <c r="B178" i="2" s="1"/>
  <c r="AG142" i="1"/>
  <c r="AC142" i="1"/>
  <c r="AD142" i="1"/>
  <c r="AE142" i="1"/>
  <c r="AB143" i="1"/>
  <c r="W143" i="1"/>
  <c r="AF142" i="1"/>
  <c r="Y143" i="1"/>
  <c r="AA143" i="1"/>
  <c r="U143" i="1"/>
  <c r="Z143" i="1"/>
  <c r="V143" i="1"/>
  <c r="X143" i="1"/>
  <c r="T143" i="1"/>
  <c r="S143" i="1"/>
  <c r="P145" i="1"/>
  <c r="R145" i="1" s="1"/>
  <c r="W146" i="6" l="1"/>
  <c r="N179" i="2"/>
  <c r="B179" i="2" s="1"/>
  <c r="AD143" i="1"/>
  <c r="AC143" i="1"/>
  <c r="AF143" i="1"/>
  <c r="AB144" i="1"/>
  <c r="W144" i="1"/>
  <c r="AE143" i="1"/>
  <c r="AG143" i="1"/>
  <c r="Z144" i="1"/>
  <c r="AA144" i="1"/>
  <c r="Y144" i="1"/>
  <c r="V144" i="1"/>
  <c r="X144" i="1"/>
  <c r="U144" i="1"/>
  <c r="S144" i="1"/>
  <c r="T144" i="1"/>
  <c r="P146" i="1"/>
  <c r="R146" i="1" s="1"/>
  <c r="W147" i="6" l="1"/>
  <c r="N180" i="2"/>
  <c r="B180" i="2" s="1"/>
  <c r="AG144" i="1"/>
  <c r="AE144" i="1"/>
  <c r="AC144" i="1"/>
  <c r="AD144" i="1"/>
  <c r="W145" i="1"/>
  <c r="AB145" i="1"/>
  <c r="AF144" i="1"/>
  <c r="Z145" i="1"/>
  <c r="Y145" i="1"/>
  <c r="AA145" i="1"/>
  <c r="U145" i="1"/>
  <c r="T145" i="1"/>
  <c r="S145" i="1"/>
  <c r="X145" i="1"/>
  <c r="V145" i="1"/>
  <c r="P147" i="1"/>
  <c r="R147" i="1" s="1"/>
  <c r="W148" i="6" l="1"/>
  <c r="N181" i="2"/>
  <c r="B181" i="2" s="1"/>
  <c r="AG145" i="1"/>
  <c r="AB146" i="1"/>
  <c r="W146" i="1"/>
  <c r="AE145" i="1"/>
  <c r="AC145" i="1"/>
  <c r="AF145" i="1"/>
  <c r="AD145" i="1"/>
  <c r="AA146" i="1"/>
  <c r="Z146" i="1"/>
  <c r="U146" i="1"/>
  <c r="V146" i="1"/>
  <c r="T146" i="1"/>
  <c r="X146" i="1"/>
  <c r="Y146" i="1"/>
  <c r="S146" i="1"/>
  <c r="P148" i="1"/>
  <c r="R148" i="1" s="1"/>
  <c r="W149" i="6" l="1"/>
  <c r="N182" i="2"/>
  <c r="B182" i="2" s="1"/>
  <c r="AC146" i="1"/>
  <c r="AB147" i="1"/>
  <c r="W147" i="1"/>
  <c r="AG146" i="1"/>
  <c r="AF146" i="1"/>
  <c r="AD146" i="1"/>
  <c r="AE146" i="1"/>
  <c r="AA147" i="1"/>
  <c r="Y147" i="1"/>
  <c r="X147" i="1"/>
  <c r="Z147" i="1"/>
  <c r="S147" i="1"/>
  <c r="T147" i="1"/>
  <c r="U147" i="1"/>
  <c r="V147" i="1"/>
  <c r="P149" i="1"/>
  <c r="R149" i="1" s="1"/>
  <c r="W150" i="6" l="1"/>
  <c r="N183" i="2"/>
  <c r="B183" i="2" s="1"/>
  <c r="AB148" i="1"/>
  <c r="W148" i="1"/>
  <c r="V148" i="1"/>
  <c r="AA148" i="1"/>
  <c r="T148" i="1"/>
  <c r="Z148" i="1"/>
  <c r="Y148" i="1"/>
  <c r="U148" i="1"/>
  <c r="S148" i="1"/>
  <c r="X148" i="1"/>
  <c r="P150" i="1"/>
  <c r="R150" i="1" s="1"/>
  <c r="W151" i="6" l="1"/>
  <c r="N184" i="2"/>
  <c r="B184" i="2" s="1"/>
  <c r="AB149" i="1"/>
  <c r="W149" i="1"/>
  <c r="AA149" i="1"/>
  <c r="Z149" i="1"/>
  <c r="Y149" i="1"/>
  <c r="T149" i="1"/>
  <c r="U149" i="1"/>
  <c r="X149" i="1"/>
  <c r="V149" i="1"/>
  <c r="S149" i="1"/>
  <c r="P151" i="1"/>
  <c r="R151" i="1" s="1"/>
  <c r="W152" i="6" l="1"/>
  <c r="N185" i="2"/>
  <c r="B185" i="2" s="1"/>
  <c r="AG149" i="1"/>
  <c r="AF149" i="1"/>
  <c r="AE149" i="1"/>
  <c r="W150" i="1"/>
  <c r="AB150" i="1"/>
  <c r="AD149" i="1"/>
  <c r="AC149" i="1"/>
  <c r="AA150" i="1"/>
  <c r="Z150" i="1"/>
  <c r="X150" i="1"/>
  <c r="Y150" i="1"/>
  <c r="T150" i="1"/>
  <c r="U150" i="1"/>
  <c r="V150" i="1"/>
  <c r="S150" i="1"/>
  <c r="P152" i="1"/>
  <c r="R152" i="1" s="1"/>
  <c r="W153" i="6" l="1"/>
  <c r="AG150" i="1"/>
  <c r="N186" i="2"/>
  <c r="B186" i="2" s="1"/>
  <c r="W151" i="1"/>
  <c r="AB151" i="1"/>
  <c r="AD150" i="1"/>
  <c r="AC150" i="1"/>
  <c r="AF150" i="1"/>
  <c r="AE150" i="1"/>
  <c r="X151" i="1"/>
  <c r="Z151" i="1"/>
  <c r="AA151" i="1"/>
  <c r="V151" i="1"/>
  <c r="Y151" i="1"/>
  <c r="T151" i="1"/>
  <c r="S151" i="1"/>
  <c r="U151" i="1"/>
  <c r="P153" i="1"/>
  <c r="R153" i="1" s="1"/>
  <c r="W154" i="6" l="1"/>
  <c r="N187" i="2"/>
  <c r="B187" i="2" s="1"/>
  <c r="AG151" i="1"/>
  <c r="AC151" i="1"/>
  <c r="AF151" i="1"/>
  <c r="W152" i="1"/>
  <c r="AB152" i="1"/>
  <c r="AE151" i="1"/>
  <c r="AD151" i="1"/>
  <c r="X152" i="1"/>
  <c r="Z152" i="1"/>
  <c r="Y152" i="1"/>
  <c r="AA152" i="1"/>
  <c r="T152" i="1"/>
  <c r="V152" i="1"/>
  <c r="U152" i="1"/>
  <c r="S152" i="1"/>
  <c r="P154" i="1"/>
  <c r="R154" i="1" s="1"/>
  <c r="W155" i="6" l="1"/>
  <c r="N188" i="2"/>
  <c r="B188" i="2" s="1"/>
  <c r="AB153" i="1"/>
  <c r="W153" i="1"/>
  <c r="AD152" i="1"/>
  <c r="AF152" i="1"/>
  <c r="AE152" i="1"/>
  <c r="AC152" i="1"/>
  <c r="AG152" i="1"/>
  <c r="X153" i="1"/>
  <c r="Z153" i="1"/>
  <c r="AA153" i="1"/>
  <c r="Y153" i="1"/>
  <c r="U153" i="1"/>
  <c r="V153" i="1"/>
  <c r="T153" i="1"/>
  <c r="S153" i="1"/>
  <c r="P155" i="1"/>
  <c r="R155" i="1" s="1"/>
  <c r="W156" i="6" l="1"/>
  <c r="N189" i="2"/>
  <c r="B189" i="2" s="1"/>
  <c r="AE153" i="1"/>
  <c r="AG153" i="1"/>
  <c r="AD153" i="1"/>
  <c r="AF153" i="1"/>
  <c r="AB154" i="1"/>
  <c r="W154" i="1"/>
  <c r="AC153" i="1"/>
  <c r="X154" i="1"/>
  <c r="AA154" i="1"/>
  <c r="Z154" i="1"/>
  <c r="U154" i="1"/>
  <c r="V154" i="1"/>
  <c r="Y154" i="1"/>
  <c r="S154" i="1"/>
  <c r="T154" i="1"/>
  <c r="P156" i="1"/>
  <c r="R156" i="1" s="1"/>
  <c r="W157" i="6" l="1"/>
  <c r="N190" i="2"/>
  <c r="B190" i="2" s="1"/>
  <c r="AB155" i="1"/>
  <c r="W155" i="1"/>
  <c r="AA155" i="1"/>
  <c r="V155" i="1"/>
  <c r="Y155" i="1"/>
  <c r="T155" i="1"/>
  <c r="U155" i="1"/>
  <c r="X155" i="1"/>
  <c r="S155" i="1"/>
  <c r="Z155" i="1"/>
  <c r="P157" i="1"/>
  <c r="R157" i="1" s="1"/>
  <c r="W158" i="6" l="1"/>
  <c r="N191" i="2"/>
  <c r="B191" i="2" s="1"/>
  <c r="AB156" i="1"/>
  <c r="W156" i="1"/>
  <c r="AA156" i="1"/>
  <c r="X156" i="1"/>
  <c r="Z156" i="1"/>
  <c r="V156" i="1"/>
  <c r="Y156" i="1"/>
  <c r="U156" i="1"/>
  <c r="T156" i="1"/>
  <c r="S156" i="1"/>
  <c r="P158" i="1"/>
  <c r="R158" i="1" s="1"/>
  <c r="W159" i="6" l="1"/>
  <c r="N192" i="2"/>
  <c r="B192" i="2" s="1"/>
  <c r="AE156" i="1"/>
  <c r="AG156" i="1"/>
  <c r="AD156" i="1"/>
  <c r="AC156" i="1"/>
  <c r="AB157" i="1"/>
  <c r="W157" i="1"/>
  <c r="AF156" i="1"/>
  <c r="Z157" i="1"/>
  <c r="AA157" i="1"/>
  <c r="X157" i="1"/>
  <c r="S157" i="1"/>
  <c r="V157" i="1"/>
  <c r="Y157" i="1"/>
  <c r="T157" i="1"/>
  <c r="U157" i="1"/>
  <c r="P159" i="1"/>
  <c r="R159" i="1" s="1"/>
  <c r="W160" i="6" l="1"/>
  <c r="AG157" i="1"/>
  <c r="N193" i="2"/>
  <c r="B193" i="2" s="1"/>
  <c r="AE157" i="1"/>
  <c r="AF157" i="1"/>
  <c r="AD157" i="1"/>
  <c r="AB158" i="1"/>
  <c r="W158" i="1"/>
  <c r="AC157" i="1"/>
  <c r="Z158" i="1"/>
  <c r="Y158" i="1"/>
  <c r="X158" i="1"/>
  <c r="T158" i="1"/>
  <c r="V158" i="1"/>
  <c r="S158" i="1"/>
  <c r="AA158" i="1"/>
  <c r="U158" i="1"/>
  <c r="P160" i="1"/>
  <c r="R160" i="1" s="1"/>
  <c r="W161" i="6" l="1"/>
  <c r="N194" i="2"/>
  <c r="B194" i="2" s="1"/>
  <c r="AG158" i="1"/>
  <c r="AE158" i="1"/>
  <c r="AD158" i="1"/>
  <c r="AC158" i="1"/>
  <c r="AB159" i="1"/>
  <c r="W159" i="1"/>
  <c r="AF158" i="1"/>
  <c r="Y159" i="1"/>
  <c r="X159" i="1"/>
  <c r="S159" i="1"/>
  <c r="V159" i="1"/>
  <c r="AA159" i="1"/>
  <c r="Z159" i="1"/>
  <c r="T159" i="1"/>
  <c r="U159" i="1"/>
  <c r="P161" i="1"/>
  <c r="R161" i="1" s="1"/>
  <c r="W162" i="6" l="1"/>
  <c r="N195" i="2"/>
  <c r="B195" i="2" s="1"/>
  <c r="AE159" i="1"/>
  <c r="AC159" i="1"/>
  <c r="AB160" i="1"/>
  <c r="W160" i="1"/>
  <c r="AF159" i="1"/>
  <c r="AG159" i="1"/>
  <c r="AD159" i="1"/>
  <c r="Y160" i="1"/>
  <c r="X160" i="1"/>
  <c r="AA160" i="1"/>
  <c r="Z160" i="1"/>
  <c r="S160" i="1"/>
  <c r="V160" i="1"/>
  <c r="U160" i="1"/>
  <c r="T160" i="1"/>
  <c r="P162" i="1"/>
  <c r="R162" i="1" s="1"/>
  <c r="W163" i="6" l="1"/>
  <c r="N196" i="2"/>
  <c r="B196" i="2" s="1"/>
  <c r="AG160" i="1"/>
  <c r="AC160" i="1"/>
  <c r="AD160" i="1"/>
  <c r="AE160" i="1"/>
  <c r="AF160" i="1"/>
  <c r="AB161" i="1"/>
  <c r="W161" i="1"/>
  <c r="Y161" i="1"/>
  <c r="AA161" i="1"/>
  <c r="V161" i="1"/>
  <c r="X161" i="1"/>
  <c r="Z161" i="1"/>
  <c r="S161" i="1"/>
  <c r="U161" i="1"/>
  <c r="T161" i="1"/>
  <c r="P163" i="1"/>
  <c r="R163" i="1" s="1"/>
  <c r="W164" i="6" l="1"/>
  <c r="N197" i="2"/>
  <c r="B197" i="2" s="1"/>
  <c r="AB162" i="1"/>
  <c r="W162" i="1"/>
  <c r="Y162" i="1"/>
  <c r="Z162" i="1"/>
  <c r="V162" i="1"/>
  <c r="AA162" i="1"/>
  <c r="X162" i="1"/>
  <c r="U162" i="1"/>
  <c r="S162" i="1"/>
  <c r="T162" i="1"/>
  <c r="P164" i="1"/>
  <c r="R164" i="1" s="1"/>
  <c r="W165" i="6" l="1"/>
  <c r="N198" i="2"/>
  <c r="B198" i="2" s="1"/>
  <c r="AB163" i="1"/>
  <c r="W163" i="1"/>
  <c r="Y163" i="1"/>
  <c r="Z163" i="1"/>
  <c r="U163" i="1"/>
  <c r="V163" i="1"/>
  <c r="AA163" i="1"/>
  <c r="X163" i="1"/>
  <c r="S163" i="1"/>
  <c r="T163" i="1"/>
  <c r="P165" i="1"/>
  <c r="R165" i="1" s="1"/>
  <c r="W166" i="6" l="1"/>
  <c r="N199" i="2"/>
  <c r="B199" i="2" s="1"/>
  <c r="AG163" i="1"/>
  <c r="AD163" i="1"/>
  <c r="AC163" i="1"/>
  <c r="W164" i="1"/>
  <c r="AB164" i="1"/>
  <c r="AE163" i="1"/>
  <c r="AF163" i="1"/>
  <c r="Z164" i="1"/>
  <c r="Y164" i="1"/>
  <c r="V164" i="1"/>
  <c r="AA164" i="1"/>
  <c r="U164" i="1"/>
  <c r="X164" i="1"/>
  <c r="S164" i="1"/>
  <c r="T164" i="1"/>
  <c r="P166" i="1"/>
  <c r="R166" i="1" s="1"/>
  <c r="W167" i="6" l="1"/>
  <c r="N200" i="2"/>
  <c r="B200" i="2" s="1"/>
  <c r="AE164" i="1"/>
  <c r="AC164" i="1"/>
  <c r="AD164" i="1"/>
  <c r="W165" i="1"/>
  <c r="AB165" i="1"/>
  <c r="AG164" i="1"/>
  <c r="AF164" i="1"/>
  <c r="Z165" i="1"/>
  <c r="Y165" i="1"/>
  <c r="U165" i="1"/>
  <c r="V165" i="1"/>
  <c r="X165" i="1"/>
  <c r="AA165" i="1"/>
  <c r="S165" i="1"/>
  <c r="T165" i="1"/>
  <c r="P167" i="1"/>
  <c r="R167" i="1" s="1"/>
  <c r="W168" i="6" l="1"/>
  <c r="AG165" i="1"/>
  <c r="N201" i="2"/>
  <c r="B201" i="2" s="1"/>
  <c r="AE165" i="1"/>
  <c r="AD165" i="1"/>
  <c r="AC165" i="1"/>
  <c r="W166" i="1"/>
  <c r="AB166" i="1"/>
  <c r="AF165" i="1"/>
  <c r="AA166" i="1"/>
  <c r="U166" i="1"/>
  <c r="X166" i="1"/>
  <c r="T166" i="1"/>
  <c r="Z166" i="1"/>
  <c r="Y166" i="1"/>
  <c r="V166" i="1"/>
  <c r="S166" i="1"/>
  <c r="P168" i="1"/>
  <c r="R168" i="1" s="1"/>
  <c r="W169" i="6" l="1"/>
  <c r="N202" i="2"/>
  <c r="AG166" i="1"/>
  <c r="AC166" i="1"/>
  <c r="AF166" i="1"/>
  <c r="W167" i="1"/>
  <c r="AB167" i="1"/>
  <c r="AE166" i="1"/>
  <c r="AD166" i="1"/>
  <c r="Y167" i="1"/>
  <c r="Z167" i="1"/>
  <c r="AA167" i="1"/>
  <c r="V167" i="1"/>
  <c r="X167" i="1"/>
  <c r="T167" i="1"/>
  <c r="U167" i="1"/>
  <c r="S167" i="1"/>
  <c r="P169" i="1"/>
  <c r="R169" i="1" s="1"/>
  <c r="W170" i="6" l="1"/>
  <c r="B202" i="2"/>
  <c r="N203" i="2"/>
  <c r="AG167" i="1"/>
  <c r="AE167" i="1"/>
  <c r="AD167" i="1"/>
  <c r="AC167" i="1"/>
  <c r="AF167" i="1"/>
  <c r="W168" i="1"/>
  <c r="AB168" i="1"/>
  <c r="AA168" i="1"/>
  <c r="V168" i="1"/>
  <c r="Z168" i="1"/>
  <c r="T168" i="1"/>
  <c r="S168" i="1"/>
  <c r="X168" i="1"/>
  <c r="U168" i="1"/>
  <c r="Y168" i="1"/>
  <c r="P170" i="1"/>
  <c r="R170" i="1" s="1"/>
  <c r="W171" i="6" l="1"/>
  <c r="B203" i="2"/>
  <c r="N204" i="2"/>
  <c r="AB169" i="1"/>
  <c r="W169" i="1"/>
  <c r="AA169" i="1"/>
  <c r="Z169" i="1"/>
  <c r="X169" i="1"/>
  <c r="Y169" i="1"/>
  <c r="T169" i="1"/>
  <c r="U169" i="1"/>
  <c r="V169" i="1"/>
  <c r="S169" i="1"/>
  <c r="P171" i="1"/>
  <c r="R171" i="1" s="1"/>
  <c r="W172" i="6" l="1"/>
  <c r="B204" i="2"/>
  <c r="N205" i="2"/>
  <c r="W170" i="1"/>
  <c r="AB170" i="1"/>
  <c r="AA170" i="1"/>
  <c r="Z170" i="1"/>
  <c r="Y170" i="1"/>
  <c r="X170" i="1"/>
  <c r="T170" i="1"/>
  <c r="U170" i="1"/>
  <c r="S170" i="1"/>
  <c r="V170" i="1"/>
  <c r="P172" i="1"/>
  <c r="R172" i="1" s="1"/>
  <c r="W173" i="6" l="1"/>
  <c r="B205" i="2"/>
  <c r="N206" i="2"/>
  <c r="AF170" i="1"/>
  <c r="AC170" i="1"/>
  <c r="AE170" i="1"/>
  <c r="AG170" i="1"/>
  <c r="AD170" i="1"/>
  <c r="W171" i="1"/>
  <c r="AB171" i="1"/>
  <c r="AA171" i="1"/>
  <c r="Z171" i="1"/>
  <c r="X171" i="1"/>
  <c r="T171" i="1"/>
  <c r="U171" i="1"/>
  <c r="V171" i="1"/>
  <c r="Y171" i="1"/>
  <c r="S171" i="1"/>
  <c r="P173" i="1"/>
  <c r="R173" i="1" s="1"/>
  <c r="W174" i="6" l="1"/>
  <c r="B206" i="2"/>
  <c r="N207" i="2"/>
  <c r="AG171" i="1"/>
  <c r="AE171" i="1"/>
  <c r="AF171" i="1"/>
  <c r="AC171" i="1"/>
  <c r="AB172" i="1"/>
  <c r="W172" i="1"/>
  <c r="AD171" i="1"/>
  <c r="X172" i="1"/>
  <c r="AA172" i="1"/>
  <c r="Z172" i="1"/>
  <c r="V172" i="1"/>
  <c r="Y172" i="1"/>
  <c r="T172" i="1"/>
  <c r="U172" i="1"/>
  <c r="S172" i="1"/>
  <c r="P174" i="1"/>
  <c r="R174" i="1" s="1"/>
  <c r="W175" i="6" l="1"/>
  <c r="B207" i="2"/>
  <c r="N208" i="2"/>
  <c r="AG172" i="1"/>
  <c r="AE172" i="1"/>
  <c r="AC172" i="1"/>
  <c r="AD172" i="1"/>
  <c r="AF172" i="1"/>
  <c r="AB173" i="1"/>
  <c r="W173" i="1"/>
  <c r="Z173" i="1"/>
  <c r="X173" i="1"/>
  <c r="AA173" i="1"/>
  <c r="U173" i="1"/>
  <c r="Y173" i="1"/>
  <c r="T173" i="1"/>
  <c r="S173" i="1"/>
  <c r="V173" i="1"/>
  <c r="P175" i="1"/>
  <c r="R175" i="1" s="1"/>
  <c r="W176" i="6" l="1"/>
  <c r="B208" i="2"/>
  <c r="N209" i="2"/>
  <c r="AG173" i="1"/>
  <c r="AC173" i="1"/>
  <c r="AF173" i="1"/>
  <c r="AE173" i="1"/>
  <c r="AB174" i="1"/>
  <c r="W174" i="1"/>
  <c r="AD173" i="1"/>
  <c r="Z174" i="1"/>
  <c r="X174" i="1"/>
  <c r="Y174" i="1"/>
  <c r="AA174" i="1"/>
  <c r="T174" i="1"/>
  <c r="V174" i="1"/>
  <c r="U174" i="1"/>
  <c r="S174" i="1"/>
  <c r="P176" i="1"/>
  <c r="R176" i="1" s="1"/>
  <c r="W177" i="6" l="1"/>
  <c r="B209" i="2"/>
  <c r="N210" i="2"/>
  <c r="AE174" i="1"/>
  <c r="AC174" i="1"/>
  <c r="AF174" i="1"/>
  <c r="AD174" i="1"/>
  <c r="AG174" i="1"/>
  <c r="AB175" i="1"/>
  <c r="W175" i="1"/>
  <c r="AA175" i="1"/>
  <c r="Z175" i="1"/>
  <c r="X175" i="1"/>
  <c r="Y175" i="1"/>
  <c r="V175" i="1"/>
  <c r="U175" i="1"/>
  <c r="T175" i="1"/>
  <c r="S175" i="1"/>
  <c r="P177" i="1"/>
  <c r="R177" i="1" s="1"/>
  <c r="W178" i="6" l="1"/>
  <c r="B210" i="2"/>
  <c r="N211" i="2"/>
  <c r="AB176" i="1"/>
  <c r="W176" i="1"/>
  <c r="AA176" i="1"/>
  <c r="Z176" i="1"/>
  <c r="Y176" i="1"/>
  <c r="X176" i="1"/>
  <c r="T176" i="1"/>
  <c r="U176" i="1"/>
  <c r="V176" i="1"/>
  <c r="S176" i="1"/>
  <c r="P178" i="1"/>
  <c r="R178" i="1" s="1"/>
  <c r="W179" i="6" l="1"/>
  <c r="B211" i="2"/>
  <c r="N212" i="2"/>
  <c r="AB177" i="1"/>
  <c r="W177" i="1"/>
  <c r="V177" i="1"/>
  <c r="AA177" i="1"/>
  <c r="Z177" i="1"/>
  <c r="X177" i="1"/>
  <c r="Y177" i="1"/>
  <c r="U177" i="1"/>
  <c r="T177" i="1"/>
  <c r="S177" i="1"/>
  <c r="P179" i="1"/>
  <c r="R179" i="1" s="1"/>
  <c r="W180" i="6" l="1"/>
  <c r="B212" i="2"/>
  <c r="N213" i="2"/>
  <c r="AC177" i="1"/>
  <c r="AG177" i="1"/>
  <c r="AE177" i="1"/>
  <c r="AD177" i="1"/>
  <c r="AB178" i="1"/>
  <c r="W178" i="1"/>
  <c r="AF177" i="1"/>
  <c r="AA178" i="1"/>
  <c r="X178" i="1"/>
  <c r="Y178" i="1"/>
  <c r="U178" i="1"/>
  <c r="S178" i="1"/>
  <c r="Z178" i="1"/>
  <c r="V178" i="1"/>
  <c r="T178" i="1"/>
  <c r="P180" i="1"/>
  <c r="R180" i="1" s="1"/>
  <c r="W181" i="6" l="1"/>
  <c r="B213" i="2"/>
  <c r="N214" i="2"/>
  <c r="AG178" i="1"/>
  <c r="AF178" i="1"/>
  <c r="AD178" i="1"/>
  <c r="AC178" i="1"/>
  <c r="AB179" i="1"/>
  <c r="W179" i="1"/>
  <c r="AE178" i="1"/>
  <c r="Y179" i="1"/>
  <c r="AA179" i="1"/>
  <c r="S179" i="1"/>
  <c r="T179" i="1"/>
  <c r="Z179" i="1"/>
  <c r="X179" i="1"/>
  <c r="U179" i="1"/>
  <c r="V179" i="1"/>
  <c r="P181" i="1"/>
  <c r="R181" i="1" s="1"/>
  <c r="W182" i="6" l="1"/>
  <c r="B214" i="2"/>
  <c r="AG179" i="1"/>
  <c r="N215" i="2"/>
  <c r="AF179" i="1"/>
  <c r="AD179" i="1"/>
  <c r="AE179" i="1"/>
  <c r="AB180" i="1"/>
  <c r="W180" i="1"/>
  <c r="AC179" i="1"/>
  <c r="Y180" i="1"/>
  <c r="X180" i="1"/>
  <c r="Z180" i="1"/>
  <c r="AA180" i="1"/>
  <c r="T180" i="1"/>
  <c r="S180" i="1"/>
  <c r="U180" i="1"/>
  <c r="V180" i="1"/>
  <c r="P182" i="1"/>
  <c r="R182" i="1" s="1"/>
  <c r="W183" i="6" l="1"/>
  <c r="B215" i="2"/>
  <c r="N216" i="2"/>
  <c r="AD180" i="1"/>
  <c r="AC180" i="1"/>
  <c r="AE180" i="1"/>
  <c r="AF180" i="1"/>
  <c r="AB181" i="1"/>
  <c r="W181" i="1"/>
  <c r="AG180" i="1"/>
  <c r="Z181" i="1"/>
  <c r="X181" i="1"/>
  <c r="AA181" i="1"/>
  <c r="Y181" i="1"/>
  <c r="S181" i="1"/>
  <c r="T181" i="1"/>
  <c r="U181" i="1"/>
  <c r="V181" i="1"/>
  <c r="P183" i="1"/>
  <c r="R183" i="1" s="1"/>
  <c r="W184" i="6" l="1"/>
  <c r="B216" i="2"/>
  <c r="N217" i="2"/>
  <c r="AG181" i="1"/>
  <c r="AF181" i="1"/>
  <c r="AD181" i="1"/>
  <c r="AE181" i="1"/>
  <c r="AC181" i="1"/>
  <c r="AB182" i="1"/>
  <c r="W182" i="1"/>
  <c r="Z182" i="1"/>
  <c r="Y182" i="1"/>
  <c r="V182" i="1"/>
  <c r="AA182" i="1"/>
  <c r="S182" i="1"/>
  <c r="X182" i="1"/>
  <c r="U182" i="1"/>
  <c r="T182" i="1"/>
  <c r="P184" i="1"/>
  <c r="R184" i="1" s="1"/>
  <c r="W185" i="6" l="1"/>
  <c r="B217" i="2"/>
  <c r="N218" i="2"/>
  <c r="AB183" i="1"/>
  <c r="W183" i="1"/>
  <c r="AA183" i="1"/>
  <c r="X183" i="1"/>
  <c r="U183" i="1"/>
  <c r="V183" i="1"/>
  <c r="Z183" i="1"/>
  <c r="Y183" i="1"/>
  <c r="T183" i="1"/>
  <c r="S183" i="1"/>
  <c r="P185" i="1"/>
  <c r="R185" i="1" s="1"/>
  <c r="W186" i="6" l="1"/>
  <c r="B218" i="2"/>
  <c r="N219" i="2"/>
  <c r="AB184" i="1"/>
  <c r="W184" i="1"/>
  <c r="Z184" i="1"/>
  <c r="Y184" i="1"/>
  <c r="X184" i="1"/>
  <c r="AA184" i="1"/>
  <c r="V184" i="1"/>
  <c r="U184" i="1"/>
  <c r="T184" i="1"/>
  <c r="S184" i="1"/>
  <c r="P186" i="1"/>
  <c r="R186" i="1" s="1"/>
  <c r="W187" i="6" l="1"/>
  <c r="B219" i="2"/>
  <c r="N220" i="2"/>
  <c r="AG184" i="1"/>
  <c r="W185" i="1"/>
  <c r="AB185" i="1"/>
  <c r="AD184" i="1"/>
  <c r="AC184" i="1"/>
  <c r="AE184" i="1"/>
  <c r="AF184" i="1"/>
  <c r="Z185" i="1"/>
  <c r="Y185" i="1"/>
  <c r="AA185" i="1"/>
  <c r="U185" i="1"/>
  <c r="V185" i="1"/>
  <c r="T185" i="1"/>
  <c r="S185" i="1"/>
  <c r="X185" i="1"/>
  <c r="P187" i="1"/>
  <c r="R187" i="1" s="1"/>
  <c r="W188" i="6" l="1"/>
  <c r="B220" i="2"/>
  <c r="N221" i="2"/>
  <c r="AE185" i="1"/>
  <c r="AF185" i="1"/>
  <c r="AD185" i="1"/>
  <c r="W186" i="1"/>
  <c r="AB186" i="1"/>
  <c r="AC185" i="1"/>
  <c r="AG185" i="1"/>
  <c r="Y186" i="1"/>
  <c r="AA186" i="1"/>
  <c r="Z186" i="1"/>
  <c r="X186" i="1"/>
  <c r="U186" i="1"/>
  <c r="V186" i="1"/>
  <c r="S186" i="1"/>
  <c r="T186" i="1"/>
  <c r="P188" i="1"/>
  <c r="R188" i="1" s="1"/>
  <c r="W189" i="6" l="1"/>
  <c r="B221" i="2"/>
  <c r="N222" i="2"/>
  <c r="AG186" i="1"/>
  <c r="AF186" i="1"/>
  <c r="AC186" i="1"/>
  <c r="W187" i="1"/>
  <c r="AB187" i="1"/>
  <c r="AE186" i="1"/>
  <c r="AD186" i="1"/>
  <c r="Y187" i="1"/>
  <c r="AA187" i="1"/>
  <c r="X187" i="1"/>
  <c r="T187" i="1"/>
  <c r="Z187" i="1"/>
  <c r="S187" i="1"/>
  <c r="V187" i="1"/>
  <c r="U187" i="1"/>
  <c r="P189" i="1"/>
  <c r="R189" i="1" s="1"/>
  <c r="W190" i="6" l="1"/>
  <c r="B222" i="2"/>
  <c r="N223" i="2"/>
  <c r="AG187" i="1"/>
  <c r="AE187" i="1"/>
  <c r="AF187" i="1"/>
  <c r="AD187" i="1"/>
  <c r="AC187" i="1"/>
  <c r="W188" i="1"/>
  <c r="AB188" i="1"/>
  <c r="Y188" i="1"/>
  <c r="V188" i="1"/>
  <c r="T188" i="1"/>
  <c r="X188" i="1"/>
  <c r="AA188" i="1"/>
  <c r="Z188" i="1"/>
  <c r="S188" i="1"/>
  <c r="U188" i="1"/>
  <c r="P190" i="1"/>
  <c r="R190" i="1" s="1"/>
  <c r="W191" i="6" l="1"/>
  <c r="B223" i="2"/>
  <c r="N224" i="2"/>
  <c r="AG188" i="1"/>
  <c r="AE188" i="1"/>
  <c r="AC188" i="1"/>
  <c r="AB189" i="1"/>
  <c r="W189" i="1"/>
  <c r="AD188" i="1"/>
  <c r="AF188" i="1"/>
  <c r="AA189" i="1"/>
  <c r="Z189" i="1"/>
  <c r="X189" i="1"/>
  <c r="V189" i="1"/>
  <c r="S189" i="1"/>
  <c r="U189" i="1"/>
  <c r="T189" i="1"/>
  <c r="Y189" i="1"/>
  <c r="P191" i="1"/>
  <c r="R191" i="1" s="1"/>
  <c r="W192" i="6" l="1"/>
  <c r="B224" i="2"/>
  <c r="N225" i="2"/>
  <c r="W190" i="1"/>
  <c r="AB190" i="1"/>
  <c r="AA190" i="1"/>
  <c r="Z190" i="1"/>
  <c r="Y190" i="1"/>
  <c r="X190" i="1"/>
  <c r="U190" i="1"/>
  <c r="T190" i="1"/>
  <c r="S190" i="1"/>
  <c r="V190" i="1"/>
  <c r="P192" i="1"/>
  <c r="R192" i="1" s="1"/>
  <c r="W193" i="6" l="1"/>
  <c r="B225" i="2"/>
  <c r="N226" i="2"/>
  <c r="W191" i="1"/>
  <c r="AB191" i="1"/>
  <c r="Z191" i="1"/>
  <c r="Y191" i="1"/>
  <c r="V191" i="1"/>
  <c r="U191" i="1"/>
  <c r="AA191" i="1"/>
  <c r="T191" i="1"/>
  <c r="X191" i="1"/>
  <c r="S191" i="1"/>
  <c r="P193" i="1"/>
  <c r="R193" i="1" s="1"/>
  <c r="W194" i="6" l="1"/>
  <c r="B226" i="2"/>
  <c r="N227" i="2"/>
  <c r="AG191" i="1"/>
  <c r="AD191" i="1"/>
  <c r="AE191" i="1"/>
  <c r="W192" i="1"/>
  <c r="AB192" i="1"/>
  <c r="AC191" i="1"/>
  <c r="AF191" i="1"/>
  <c r="X192" i="1"/>
  <c r="Y192" i="1"/>
  <c r="V192" i="1"/>
  <c r="U192" i="1"/>
  <c r="AA192" i="1"/>
  <c r="T192" i="1"/>
  <c r="Z192" i="1"/>
  <c r="S192" i="1"/>
  <c r="P194" i="1"/>
  <c r="R194" i="1" s="1"/>
  <c r="W195" i="6" l="1"/>
  <c r="B227" i="2"/>
  <c r="AG192" i="1"/>
  <c r="N228" i="2"/>
  <c r="AD192" i="1"/>
  <c r="AC192" i="1"/>
  <c r="AB193" i="1"/>
  <c r="W193" i="1"/>
  <c r="AE192" i="1"/>
  <c r="AF192" i="1"/>
  <c r="X193" i="1"/>
  <c r="Y193" i="1"/>
  <c r="AA193" i="1"/>
  <c r="V193" i="1"/>
  <c r="U193" i="1"/>
  <c r="Z193" i="1"/>
  <c r="T193" i="1"/>
  <c r="S193" i="1"/>
  <c r="P195" i="1"/>
  <c r="R195" i="1" s="1"/>
  <c r="W196" i="6" l="1"/>
  <c r="B228" i="2"/>
  <c r="N229" i="2"/>
  <c r="AG193" i="1"/>
  <c r="AD193" i="1"/>
  <c r="AC193" i="1"/>
  <c r="W194" i="1"/>
  <c r="AB194" i="1"/>
  <c r="AF193" i="1"/>
  <c r="AE193" i="1"/>
  <c r="AA194" i="1"/>
  <c r="X194" i="1"/>
  <c r="Z194" i="1"/>
  <c r="V194" i="1"/>
  <c r="U194" i="1"/>
  <c r="T194" i="1"/>
  <c r="S194" i="1"/>
  <c r="Y194" i="1"/>
  <c r="P196" i="1"/>
  <c r="R196" i="1" s="1"/>
  <c r="W197" i="6" l="1"/>
  <c r="B229" i="2"/>
  <c r="AG194" i="1"/>
  <c r="N230" i="2"/>
  <c r="AC194" i="1"/>
  <c r="AF194" i="1"/>
  <c r="AE194" i="1"/>
  <c r="W195" i="1"/>
  <c r="AB195" i="1"/>
  <c r="AD194" i="1"/>
  <c r="AA195" i="1"/>
  <c r="X195" i="1"/>
  <c r="Z195" i="1"/>
  <c r="V195" i="1"/>
  <c r="U195" i="1"/>
  <c r="T195" i="1"/>
  <c r="Y195" i="1"/>
  <c r="S195" i="1"/>
  <c r="P197" i="1"/>
  <c r="R197" i="1" s="1"/>
  <c r="W198" i="6" l="1"/>
  <c r="B230" i="2"/>
  <c r="N231" i="2"/>
  <c r="AF195" i="1"/>
  <c r="AG195" i="1"/>
  <c r="AC195" i="1"/>
  <c r="AE195" i="1"/>
  <c r="AB196" i="1"/>
  <c r="W196" i="1"/>
  <c r="AD195" i="1"/>
  <c r="AA196" i="1"/>
  <c r="Z196" i="1"/>
  <c r="X196" i="1"/>
  <c r="Y196" i="1"/>
  <c r="V196" i="1"/>
  <c r="U196" i="1"/>
  <c r="S196" i="1"/>
  <c r="T196" i="1"/>
  <c r="P198" i="1"/>
  <c r="R198" i="1" s="1"/>
  <c r="W199" i="6" l="1"/>
  <c r="B231" i="2"/>
  <c r="N232" i="2"/>
  <c r="AB197" i="1"/>
  <c r="W197" i="1"/>
  <c r="AA197" i="1"/>
  <c r="Z197" i="1"/>
  <c r="Y197" i="1"/>
  <c r="X197" i="1"/>
  <c r="V197" i="1"/>
  <c r="U197" i="1"/>
  <c r="T197" i="1"/>
  <c r="S197" i="1"/>
  <c r="P199" i="1"/>
  <c r="R199" i="1" s="1"/>
  <c r="W200" i="6" l="1"/>
  <c r="B232" i="2"/>
  <c r="N233" i="2"/>
  <c r="AB198" i="1"/>
  <c r="W198" i="1"/>
  <c r="AA198" i="1"/>
  <c r="Z198" i="1"/>
  <c r="V198" i="1"/>
  <c r="S198" i="1"/>
  <c r="Y198" i="1"/>
  <c r="T198" i="1"/>
  <c r="X198" i="1"/>
  <c r="U198" i="1"/>
  <c r="P200" i="1"/>
  <c r="R200" i="1" s="1"/>
  <c r="W201" i="6" l="1"/>
  <c r="B233" i="2"/>
  <c r="N234" i="2"/>
  <c r="AG198" i="1"/>
  <c r="AE198" i="1"/>
  <c r="AD198" i="1"/>
  <c r="AB199" i="1"/>
  <c r="W199" i="1"/>
  <c r="AF198" i="1"/>
  <c r="AC198" i="1"/>
  <c r="Y199" i="1"/>
  <c r="AA199" i="1"/>
  <c r="Z199" i="1"/>
  <c r="S199" i="1"/>
  <c r="V199" i="1"/>
  <c r="U199" i="1"/>
  <c r="T199" i="1"/>
  <c r="X199" i="1"/>
  <c r="P201" i="1"/>
  <c r="R201" i="1" s="1"/>
  <c r="W202" i="6" l="1"/>
  <c r="B234" i="2"/>
  <c r="AG199" i="1"/>
  <c r="N235" i="2"/>
  <c r="AD199" i="1"/>
  <c r="AE199" i="1"/>
  <c r="AF199" i="1"/>
  <c r="AB200" i="1"/>
  <c r="W200" i="1"/>
  <c r="AC199" i="1"/>
  <c r="Y200" i="1"/>
  <c r="X200" i="1"/>
  <c r="Z200" i="1"/>
  <c r="T200" i="1"/>
  <c r="S200" i="1"/>
  <c r="AA200" i="1"/>
  <c r="V200" i="1"/>
  <c r="U200" i="1"/>
  <c r="P202" i="1"/>
  <c r="R202" i="1" s="1"/>
  <c r="W203" i="6" l="1"/>
  <c r="B235" i="2"/>
  <c r="N236" i="2"/>
  <c r="AD200" i="1"/>
  <c r="AB201" i="1"/>
  <c r="W201" i="1"/>
  <c r="AF200" i="1"/>
  <c r="AE200" i="1"/>
  <c r="AG200" i="1"/>
  <c r="AC200" i="1"/>
  <c r="Z201" i="1"/>
  <c r="X201" i="1"/>
  <c r="AA201" i="1"/>
  <c r="T201" i="1"/>
  <c r="V201" i="1"/>
  <c r="S201" i="1"/>
  <c r="Y201" i="1"/>
  <c r="U201" i="1"/>
  <c r="P203" i="1"/>
  <c r="R203" i="1" s="1"/>
  <c r="W204" i="6" l="1"/>
  <c r="B236" i="2"/>
  <c r="N237" i="2"/>
  <c r="AG201" i="1"/>
  <c r="AF201" i="1"/>
  <c r="AB202" i="1"/>
  <c r="W202" i="1"/>
  <c r="AD201" i="1"/>
  <c r="AE201" i="1"/>
  <c r="AC201" i="1"/>
  <c r="X202" i="1"/>
  <c r="Z202" i="1"/>
  <c r="Y202" i="1"/>
  <c r="U202" i="1"/>
  <c r="S202" i="1"/>
  <c r="AA202" i="1"/>
  <c r="V202" i="1"/>
  <c r="T202" i="1"/>
  <c r="P204" i="1"/>
  <c r="R204" i="1" s="1"/>
  <c r="W205" i="6" l="1"/>
  <c r="B237" i="2"/>
  <c r="N238" i="2"/>
  <c r="AD202" i="1"/>
  <c r="AF202" i="1"/>
  <c r="AB203" i="1"/>
  <c r="W203" i="1"/>
  <c r="AE202" i="1"/>
  <c r="AG202" i="1"/>
  <c r="AC202" i="1"/>
  <c r="AA203" i="1"/>
  <c r="Z203" i="1"/>
  <c r="V203" i="1"/>
  <c r="U203" i="1"/>
  <c r="X203" i="1"/>
  <c r="S203" i="1"/>
  <c r="T203" i="1"/>
  <c r="Y203" i="1"/>
  <c r="P205" i="1"/>
  <c r="R205" i="1" s="1"/>
  <c r="W206" i="6" l="1"/>
  <c r="B238" i="2"/>
  <c r="N239" i="2"/>
  <c r="AB204" i="1"/>
  <c r="W204" i="1"/>
  <c r="Z204" i="1"/>
  <c r="AA204" i="1"/>
  <c r="Y204" i="1"/>
  <c r="V204" i="1"/>
  <c r="X204" i="1"/>
  <c r="U204" i="1"/>
  <c r="T204" i="1"/>
  <c r="S204" i="1"/>
  <c r="P206" i="1"/>
  <c r="R206" i="1" s="1"/>
  <c r="W207" i="6" l="1"/>
  <c r="B239" i="2"/>
  <c r="N240" i="2"/>
  <c r="W205" i="1"/>
  <c r="AB205" i="1"/>
  <c r="Z205" i="1"/>
  <c r="Y205" i="1"/>
  <c r="V205" i="1"/>
  <c r="U205" i="1"/>
  <c r="AA205" i="1"/>
  <c r="X205" i="1"/>
  <c r="T205" i="1"/>
  <c r="S205" i="1"/>
  <c r="P207" i="1"/>
  <c r="R207" i="1" s="1"/>
  <c r="W208" i="6" l="1"/>
  <c r="B240" i="2"/>
  <c r="N241" i="2"/>
  <c r="AG205" i="1"/>
  <c r="AD205" i="1"/>
  <c r="AE205" i="1"/>
  <c r="AC205" i="1"/>
  <c r="W206" i="1"/>
  <c r="AB206" i="1"/>
  <c r="AF205" i="1"/>
  <c r="Z206" i="1"/>
  <c r="AA206" i="1"/>
  <c r="Y206" i="1"/>
  <c r="V206" i="1"/>
  <c r="U206" i="1"/>
  <c r="T206" i="1"/>
  <c r="X206" i="1"/>
  <c r="S206" i="1"/>
  <c r="P208" i="1"/>
  <c r="R208" i="1" s="1"/>
  <c r="W209" i="6" l="1"/>
  <c r="B241" i="2"/>
  <c r="N242" i="2"/>
  <c r="AF206" i="1"/>
  <c r="AG206" i="1"/>
  <c r="AE206" i="1"/>
  <c r="AD206" i="1"/>
  <c r="W207" i="1"/>
  <c r="AB207" i="1"/>
  <c r="AC206" i="1"/>
  <c r="Z207" i="1"/>
  <c r="X207" i="1"/>
  <c r="AA207" i="1"/>
  <c r="Y207" i="1"/>
  <c r="V207" i="1"/>
  <c r="U207" i="1"/>
  <c r="S207" i="1"/>
  <c r="T207" i="1"/>
  <c r="P209" i="1"/>
  <c r="R209" i="1" s="1"/>
  <c r="W210" i="6" l="1"/>
  <c r="B242" i="2"/>
  <c r="N243" i="2"/>
  <c r="AG207" i="1"/>
  <c r="AE207" i="1"/>
  <c r="AF207" i="1"/>
  <c r="AC207" i="1"/>
  <c r="AD207" i="1"/>
  <c r="W208" i="1"/>
  <c r="AB208" i="1"/>
  <c r="Y208" i="1"/>
  <c r="V208" i="1"/>
  <c r="T208" i="1"/>
  <c r="Z208" i="1"/>
  <c r="X208" i="1"/>
  <c r="AA208" i="1"/>
  <c r="S208" i="1"/>
  <c r="U208" i="1"/>
  <c r="P210" i="1"/>
  <c r="R210" i="1" s="1"/>
  <c r="AE208" i="1" l="1"/>
  <c r="W211" i="6"/>
  <c r="B243" i="2"/>
  <c r="N244" i="2"/>
  <c r="AG208" i="1"/>
  <c r="AD208" i="1"/>
  <c r="AC208" i="1"/>
  <c r="AB209" i="1"/>
  <c r="W209" i="1"/>
  <c r="AF208" i="1"/>
  <c r="AA209" i="1"/>
  <c r="Y209" i="1"/>
  <c r="Z209" i="1"/>
  <c r="T209" i="1"/>
  <c r="X209" i="1"/>
  <c r="S209" i="1"/>
  <c r="U209" i="1"/>
  <c r="V209" i="1"/>
  <c r="P211" i="1"/>
  <c r="R211" i="1" s="1"/>
  <c r="W212" i="6" l="1"/>
  <c r="B244" i="2"/>
  <c r="AG209" i="1"/>
  <c r="N245" i="2"/>
  <c r="AD209" i="1"/>
  <c r="AE209" i="1"/>
  <c r="AF209" i="1"/>
  <c r="AC209" i="1"/>
  <c r="W210" i="1"/>
  <c r="AB210" i="1"/>
  <c r="AA210" i="1"/>
  <c r="Z210" i="1"/>
  <c r="Y210" i="1"/>
  <c r="X210" i="1"/>
  <c r="V210" i="1"/>
  <c r="S210" i="1"/>
  <c r="T210" i="1"/>
  <c r="U210" i="1"/>
  <c r="P212" i="1"/>
  <c r="R212" i="1" s="1"/>
  <c r="W213" i="6" l="1"/>
  <c r="B245" i="2"/>
  <c r="N246" i="2"/>
  <c r="W211" i="1"/>
  <c r="AB211" i="1"/>
  <c r="Y211" i="1"/>
  <c r="X211" i="1"/>
  <c r="AA211" i="1"/>
  <c r="Z211" i="1"/>
  <c r="T211" i="1"/>
  <c r="U211" i="1"/>
  <c r="S211" i="1"/>
  <c r="V211" i="1"/>
  <c r="P213" i="1"/>
  <c r="R213" i="1" s="1"/>
  <c r="W214" i="6" l="1"/>
  <c r="B246" i="2"/>
  <c r="N247" i="2"/>
  <c r="W212" i="1"/>
  <c r="AB212" i="1"/>
  <c r="AA212" i="1"/>
  <c r="Y212" i="1"/>
  <c r="Z212" i="1"/>
  <c r="V212" i="1"/>
  <c r="T212" i="1"/>
  <c r="U212" i="1"/>
  <c r="S212" i="1"/>
  <c r="X212" i="1"/>
  <c r="P214" i="1"/>
  <c r="R214" i="1" s="1"/>
  <c r="W215" i="6" l="1"/>
  <c r="B247" i="2"/>
  <c r="AG212" i="1"/>
  <c r="N248" i="2"/>
  <c r="AD212" i="1"/>
  <c r="AF212" i="1"/>
  <c r="AE212" i="1"/>
  <c r="AB213" i="1"/>
  <c r="W213" i="1"/>
  <c r="AC212" i="1"/>
  <c r="AA213" i="1"/>
  <c r="U213" i="1"/>
  <c r="X213" i="1"/>
  <c r="Y213" i="1"/>
  <c r="T213" i="1"/>
  <c r="Z213" i="1"/>
  <c r="V213" i="1"/>
  <c r="S213" i="1"/>
  <c r="P215" i="1"/>
  <c r="R215" i="1" s="1"/>
  <c r="W216" i="6" l="1"/>
  <c r="B248" i="2"/>
  <c r="N249" i="2"/>
  <c r="AF213" i="1"/>
  <c r="W214" i="1"/>
  <c r="AB214" i="1"/>
  <c r="AD213" i="1"/>
  <c r="AC213" i="1"/>
  <c r="AG213" i="1"/>
  <c r="AE213" i="1"/>
  <c r="X214" i="1"/>
  <c r="Z214" i="1"/>
  <c r="V214" i="1"/>
  <c r="AA214" i="1"/>
  <c r="U214" i="1"/>
  <c r="T214" i="1"/>
  <c r="S214" i="1"/>
  <c r="Y214" i="1"/>
  <c r="P216" i="1"/>
  <c r="R216" i="1" s="1"/>
  <c r="W217" i="6" l="1"/>
  <c r="B249" i="2"/>
  <c r="N250" i="2"/>
  <c r="AG214" i="1"/>
  <c r="AC214" i="1"/>
  <c r="AE214" i="1"/>
  <c r="W215" i="1"/>
  <c r="AB215" i="1"/>
  <c r="AD214" i="1"/>
  <c r="AF214" i="1"/>
  <c r="AA215" i="1"/>
  <c r="X215" i="1"/>
  <c r="Y215" i="1"/>
  <c r="Z215" i="1"/>
  <c r="U215" i="1"/>
  <c r="T215" i="1"/>
  <c r="V215" i="1"/>
  <c r="S215" i="1"/>
  <c r="P217" i="1"/>
  <c r="R217" i="1" s="1"/>
  <c r="W218" i="6" l="1"/>
  <c r="B250" i="2"/>
  <c r="N251" i="2"/>
  <c r="AG215" i="1"/>
  <c r="AF215" i="1"/>
  <c r="AD215" i="1"/>
  <c r="AC215" i="1"/>
  <c r="W216" i="1"/>
  <c r="AB216" i="1"/>
  <c r="AE215" i="1"/>
  <c r="AA216" i="1"/>
  <c r="X216" i="1"/>
  <c r="Y216" i="1"/>
  <c r="Z216" i="1"/>
  <c r="U216" i="1"/>
  <c r="T216" i="1"/>
  <c r="S216" i="1"/>
  <c r="V216" i="1"/>
  <c r="P218" i="1"/>
  <c r="R218" i="1" s="1"/>
  <c r="W219" i="6" l="1"/>
  <c r="B251" i="2"/>
  <c r="N252" i="2"/>
  <c r="AG216" i="1"/>
  <c r="AF216" i="1"/>
  <c r="AD216" i="1"/>
  <c r="AE216" i="1"/>
  <c r="AC216" i="1"/>
  <c r="W217" i="1"/>
  <c r="AB217" i="1"/>
  <c r="X217" i="1"/>
  <c r="AA217" i="1"/>
  <c r="Y217" i="1"/>
  <c r="U217" i="1"/>
  <c r="Z217" i="1"/>
  <c r="S217" i="1"/>
  <c r="T217" i="1"/>
  <c r="V217" i="1"/>
  <c r="P219" i="1"/>
  <c r="R219" i="1" s="1"/>
  <c r="W220" i="6" l="1"/>
  <c r="B252" i="2"/>
  <c r="N253" i="2"/>
  <c r="W218" i="1"/>
  <c r="AB218" i="1"/>
  <c r="AA218" i="1"/>
  <c r="X218" i="1"/>
  <c r="Y218" i="1"/>
  <c r="U218" i="1"/>
  <c r="T218" i="1"/>
  <c r="S218" i="1"/>
  <c r="V218" i="1"/>
  <c r="Z218" i="1"/>
  <c r="P220" i="1"/>
  <c r="R220" i="1" s="1"/>
  <c r="W221" i="6" l="1"/>
  <c r="B253" i="2"/>
  <c r="N254" i="2"/>
  <c r="AB219" i="1"/>
  <c r="W219" i="1"/>
  <c r="Y219" i="1"/>
  <c r="Z219" i="1"/>
  <c r="AA219" i="1"/>
  <c r="S219" i="1"/>
  <c r="V219" i="1"/>
  <c r="X219" i="1"/>
  <c r="U219" i="1"/>
  <c r="T219" i="1"/>
  <c r="P221" i="1"/>
  <c r="R221" i="1" s="1"/>
  <c r="W222" i="6" l="1"/>
  <c r="B254" i="2"/>
  <c r="AG219" i="1"/>
  <c r="N255" i="2"/>
  <c r="AD219" i="1"/>
  <c r="AE219" i="1"/>
  <c r="AB220" i="1"/>
  <c r="W220" i="1"/>
  <c r="AF219" i="1"/>
  <c r="AC219" i="1"/>
  <c r="Y220" i="1"/>
  <c r="X220" i="1"/>
  <c r="AA220" i="1"/>
  <c r="Z220" i="1"/>
  <c r="U220" i="1"/>
  <c r="V220" i="1"/>
  <c r="S220" i="1"/>
  <c r="T220" i="1"/>
  <c r="P222" i="1"/>
  <c r="R222" i="1" s="1"/>
  <c r="W223" i="6" l="1"/>
  <c r="B255" i="2"/>
  <c r="AG220" i="1"/>
  <c r="N256" i="2"/>
  <c r="AF220" i="1"/>
  <c r="AE220" i="1"/>
  <c r="AC220" i="1"/>
  <c r="AD220" i="1"/>
  <c r="AB221" i="1"/>
  <c r="W221" i="1"/>
  <c r="AA221" i="1"/>
  <c r="Z221" i="1"/>
  <c r="X221" i="1"/>
  <c r="T221" i="1"/>
  <c r="Y221" i="1"/>
  <c r="S221" i="1"/>
  <c r="U221" i="1"/>
  <c r="V221" i="1"/>
  <c r="P223" i="1"/>
  <c r="R223" i="1" s="1"/>
  <c r="W224" i="6" l="1"/>
  <c r="B256" i="2"/>
  <c r="N257" i="2"/>
  <c r="AG221" i="1"/>
  <c r="AF221" i="1"/>
  <c r="AE221" i="1"/>
  <c r="AC221" i="1"/>
  <c r="AB222" i="1"/>
  <c r="W222" i="1"/>
  <c r="AD221" i="1"/>
  <c r="AA222" i="1"/>
  <c r="Z222" i="1"/>
  <c r="X222" i="1"/>
  <c r="V222" i="1"/>
  <c r="Y222" i="1"/>
  <c r="T222" i="1"/>
  <c r="S222" i="1"/>
  <c r="U222" i="1"/>
  <c r="P224" i="1"/>
  <c r="R224" i="1" s="1"/>
  <c r="W225" i="6" l="1"/>
  <c r="B257" i="2"/>
  <c r="N258" i="2"/>
  <c r="AF222" i="1"/>
  <c r="AC222" i="1"/>
  <c r="AD222" i="1"/>
  <c r="AB223" i="1"/>
  <c r="W223" i="1"/>
  <c r="AE222" i="1"/>
  <c r="AG222" i="1"/>
  <c r="AA223" i="1"/>
  <c r="X223" i="1"/>
  <c r="Z223" i="1"/>
  <c r="Y223" i="1"/>
  <c r="V223" i="1"/>
  <c r="S223" i="1"/>
  <c r="U223" i="1"/>
  <c r="T223" i="1"/>
  <c r="P225" i="1"/>
  <c r="R225" i="1" s="1"/>
  <c r="W226" i="6" l="1"/>
  <c r="B258" i="2"/>
  <c r="AG223" i="1"/>
  <c r="N259" i="2"/>
  <c r="AF223" i="1"/>
  <c r="AC223" i="1"/>
  <c r="AD223" i="1"/>
  <c r="AE223" i="1"/>
  <c r="AB224" i="1"/>
  <c r="W224" i="1"/>
  <c r="Z224" i="1"/>
  <c r="V224" i="1"/>
  <c r="AA224" i="1"/>
  <c r="Y224" i="1"/>
  <c r="S224" i="1"/>
  <c r="U224" i="1"/>
  <c r="X224" i="1"/>
  <c r="T224" i="1"/>
  <c r="P226" i="1"/>
  <c r="R226" i="1" s="1"/>
  <c r="W227" i="6" l="1"/>
  <c r="B259" i="2"/>
  <c r="N260" i="2"/>
  <c r="W225" i="1"/>
  <c r="AB225" i="1"/>
  <c r="Z225" i="1"/>
  <c r="Y225" i="1"/>
  <c r="AA225" i="1"/>
  <c r="V225" i="1"/>
  <c r="U225" i="1"/>
  <c r="X225" i="1"/>
  <c r="S225" i="1"/>
  <c r="T225" i="1"/>
  <c r="P227" i="1"/>
  <c r="R227" i="1" s="1"/>
  <c r="W228" i="6" l="1"/>
  <c r="B260" i="2"/>
  <c r="N261" i="2"/>
  <c r="W226" i="1"/>
  <c r="AB226" i="1"/>
  <c r="Z226" i="1"/>
  <c r="V226" i="1"/>
  <c r="AA226" i="1"/>
  <c r="U226" i="1"/>
  <c r="X226" i="1"/>
  <c r="Y226" i="1"/>
  <c r="S226" i="1"/>
  <c r="T226" i="1"/>
  <c r="P228" i="1"/>
  <c r="R228" i="1" s="1"/>
  <c r="W229" i="6" l="1"/>
  <c r="B261" i="2"/>
  <c r="AD226" i="1"/>
  <c r="N262" i="2"/>
  <c r="AG226" i="1"/>
  <c r="AC226" i="1"/>
  <c r="AE226" i="1"/>
  <c r="W227" i="1"/>
  <c r="AB227" i="1"/>
  <c r="AF226" i="1"/>
  <c r="AA227" i="1"/>
  <c r="Y227" i="1"/>
  <c r="V227" i="1"/>
  <c r="Z227" i="1"/>
  <c r="X227" i="1"/>
  <c r="S227" i="1"/>
  <c r="T227" i="1"/>
  <c r="U227" i="1"/>
  <c r="P229" i="1"/>
  <c r="R229" i="1" s="1"/>
  <c r="W230" i="6" l="1"/>
  <c r="B262" i="2"/>
  <c r="N263" i="2"/>
  <c r="AG227" i="1"/>
  <c r="AD227" i="1"/>
  <c r="AE227" i="1"/>
  <c r="AF227" i="1"/>
  <c r="W228" i="1"/>
  <c r="AB228" i="1"/>
  <c r="AC227" i="1"/>
  <c r="Z228" i="1"/>
  <c r="AA228" i="1"/>
  <c r="V228" i="1"/>
  <c r="T228" i="1"/>
  <c r="U228" i="1"/>
  <c r="X228" i="1"/>
  <c r="Y228" i="1"/>
  <c r="S228" i="1"/>
  <c r="P230" i="1"/>
  <c r="R230" i="1" s="1"/>
  <c r="W231" i="6" l="1"/>
  <c r="B263" i="2"/>
  <c r="N264" i="2"/>
  <c r="AE228" i="1"/>
  <c r="AB229" i="1"/>
  <c r="W229" i="1"/>
  <c r="AF228" i="1"/>
  <c r="AC228" i="1"/>
  <c r="AD228" i="1"/>
  <c r="AG228" i="1"/>
  <c r="AA229" i="1"/>
  <c r="Z229" i="1"/>
  <c r="X229" i="1"/>
  <c r="V229" i="1"/>
  <c r="Y229" i="1"/>
  <c r="U229" i="1"/>
  <c r="S229" i="1"/>
  <c r="T229" i="1"/>
  <c r="P231" i="1"/>
  <c r="R231" i="1" s="1"/>
  <c r="W232" i="6" l="1"/>
  <c r="B264" i="2"/>
  <c r="AG229" i="1"/>
  <c r="N265" i="2"/>
  <c r="AF229" i="1"/>
  <c r="AC229" i="1"/>
  <c r="AE229" i="1"/>
  <c r="W230" i="1"/>
  <c r="AB230" i="1"/>
  <c r="AD229" i="1"/>
  <c r="AA230" i="1"/>
  <c r="Z230" i="1"/>
  <c r="Y230" i="1"/>
  <c r="T230" i="1"/>
  <c r="X230" i="1"/>
  <c r="V230" i="1"/>
  <c r="U230" i="1"/>
  <c r="S230" i="1"/>
  <c r="P232" i="1"/>
  <c r="R232" i="1" s="1"/>
  <c r="W233" i="6" l="1"/>
  <c r="B265" i="2"/>
  <c r="N266" i="2"/>
  <c r="AG230" i="1"/>
  <c r="AE230" i="1"/>
  <c r="AC230" i="1"/>
  <c r="AF230" i="1"/>
  <c r="W231" i="1"/>
  <c r="AB231" i="1"/>
  <c r="AD230" i="1"/>
  <c r="Y231" i="1"/>
  <c r="AA231" i="1"/>
  <c r="V231" i="1"/>
  <c r="S231" i="1"/>
  <c r="Z231" i="1"/>
  <c r="T231" i="1"/>
  <c r="X231" i="1"/>
  <c r="U231" i="1"/>
  <c r="P233" i="1"/>
  <c r="R233" i="1" s="1"/>
  <c r="W234" i="6" l="1"/>
  <c r="B266" i="2"/>
  <c r="N267" i="2"/>
  <c r="W232" i="1"/>
  <c r="AB232" i="1"/>
  <c r="Y232" i="1"/>
  <c r="Z232" i="1"/>
  <c r="T232" i="1"/>
  <c r="V232" i="1"/>
  <c r="X232" i="1"/>
  <c r="AA232" i="1"/>
  <c r="U232" i="1"/>
  <c r="S232" i="1"/>
  <c r="P234" i="1"/>
  <c r="R234" i="1" s="1"/>
  <c r="W235" i="6" l="1"/>
  <c r="B267" i="2"/>
  <c r="N268" i="2"/>
  <c r="AB233" i="1"/>
  <c r="W233" i="1"/>
  <c r="Y233" i="1"/>
  <c r="AA233" i="1"/>
  <c r="Z233" i="1"/>
  <c r="U233" i="1"/>
  <c r="T233" i="1"/>
  <c r="V233" i="1"/>
  <c r="X233" i="1"/>
  <c r="S233" i="1"/>
  <c r="P235" i="1"/>
  <c r="R235" i="1" s="1"/>
  <c r="W236" i="6" l="1"/>
  <c r="B268" i="2"/>
  <c r="AE233" i="1"/>
  <c r="N269" i="2"/>
  <c r="AF233" i="1"/>
  <c r="AG233" i="1"/>
  <c r="AD233" i="1"/>
  <c r="W234" i="1"/>
  <c r="AB234" i="1"/>
  <c r="AC233" i="1"/>
  <c r="Y234" i="1"/>
  <c r="X234" i="1"/>
  <c r="AA234" i="1"/>
  <c r="T234" i="1"/>
  <c r="V234" i="1"/>
  <c r="U234" i="1"/>
  <c r="S234" i="1"/>
  <c r="Z234" i="1"/>
  <c r="P236" i="1"/>
  <c r="R236" i="1" s="1"/>
  <c r="W237" i="6" l="1"/>
  <c r="B269" i="2"/>
  <c r="AF234" i="1"/>
  <c r="AE234" i="1"/>
  <c r="N270" i="2"/>
  <c r="AC234" i="1"/>
  <c r="AD234" i="1"/>
  <c r="AG234" i="1"/>
  <c r="W235" i="1"/>
  <c r="AB235" i="1"/>
  <c r="AA235" i="1"/>
  <c r="X235" i="1"/>
  <c r="Z235" i="1"/>
  <c r="V235" i="1"/>
  <c r="T235" i="1"/>
  <c r="Y235" i="1"/>
  <c r="U235" i="1"/>
  <c r="S235" i="1"/>
  <c r="P237" i="1"/>
  <c r="R237" i="1" s="1"/>
  <c r="W238" i="6" l="1"/>
  <c r="B270" i="2"/>
  <c r="AC235" i="1"/>
  <c r="AE235" i="1"/>
  <c r="AF235" i="1"/>
  <c r="N271" i="2"/>
  <c r="AG235" i="1"/>
  <c r="W236" i="1"/>
  <c r="AB236" i="1"/>
  <c r="AD235" i="1"/>
  <c r="AA236" i="1"/>
  <c r="X236" i="1"/>
  <c r="Z236" i="1"/>
  <c r="V236" i="1"/>
  <c r="T236" i="1"/>
  <c r="Y236" i="1"/>
  <c r="S236" i="1"/>
  <c r="U236" i="1"/>
  <c r="P238" i="1"/>
  <c r="R238" i="1" s="1"/>
  <c r="AE236" i="1" l="1"/>
  <c r="W239" i="6"/>
  <c r="B271" i="2"/>
  <c r="AF236" i="1"/>
  <c r="AG236" i="1"/>
  <c r="N272" i="2"/>
  <c r="AC236" i="1"/>
  <c r="W237" i="1"/>
  <c r="AB237" i="1"/>
  <c r="AD236" i="1"/>
  <c r="X237" i="1"/>
  <c r="Z237" i="1"/>
  <c r="Y237" i="1"/>
  <c r="AA237" i="1"/>
  <c r="U237" i="1"/>
  <c r="V237" i="1"/>
  <c r="T237" i="1"/>
  <c r="S237" i="1"/>
  <c r="P239" i="1"/>
  <c r="R239" i="1" s="1"/>
  <c r="W240" i="6" l="1"/>
  <c r="B272" i="2"/>
  <c r="AF237" i="1"/>
  <c r="AE237" i="1"/>
  <c r="AG237" i="1"/>
  <c r="N273" i="2"/>
  <c r="AC237" i="1"/>
  <c r="AD237" i="1"/>
  <c r="W238" i="1"/>
  <c r="AB238" i="1"/>
  <c r="X238" i="1"/>
  <c r="U238" i="1"/>
  <c r="Y238" i="1"/>
  <c r="S238" i="1"/>
  <c r="AA238" i="1"/>
  <c r="Z238" i="1"/>
  <c r="T238" i="1"/>
  <c r="V238" i="1"/>
  <c r="P240" i="1"/>
  <c r="R240" i="1" s="1"/>
  <c r="W241" i="6" l="1"/>
  <c r="B273" i="2"/>
  <c r="N274" i="2"/>
  <c r="AB239" i="1"/>
  <c r="W239" i="1"/>
  <c r="Y239" i="1"/>
  <c r="Z239" i="1"/>
  <c r="S239" i="1"/>
  <c r="U239" i="1"/>
  <c r="X239" i="1"/>
  <c r="V239" i="1"/>
  <c r="T239" i="1"/>
  <c r="AA239" i="1"/>
  <c r="P241" i="1"/>
  <c r="R241" i="1" s="1"/>
  <c r="W242" i="6" l="1"/>
  <c r="B274" i="2"/>
  <c r="N275" i="2"/>
  <c r="W240" i="1"/>
  <c r="AB240" i="1"/>
  <c r="Y240" i="1"/>
  <c r="X240" i="1"/>
  <c r="AA240" i="1"/>
  <c r="Z240" i="1"/>
  <c r="V240" i="1"/>
  <c r="U240" i="1"/>
  <c r="T240" i="1"/>
  <c r="S240" i="1"/>
  <c r="P242" i="1"/>
  <c r="R242" i="1" s="1"/>
  <c r="W243" i="6" l="1"/>
  <c r="B275" i="2"/>
  <c r="AE240" i="1"/>
  <c r="N276" i="2"/>
  <c r="AC240" i="1"/>
  <c r="AD240" i="1"/>
  <c r="AF240" i="1"/>
  <c r="W241" i="1"/>
  <c r="AB241" i="1"/>
  <c r="AG240" i="1"/>
  <c r="X241" i="1"/>
  <c r="AA241" i="1"/>
  <c r="Y241" i="1"/>
  <c r="U241" i="1"/>
  <c r="Z241" i="1"/>
  <c r="V241" i="1"/>
  <c r="T241" i="1"/>
  <c r="S241" i="1"/>
  <c r="P243" i="1"/>
  <c r="R243" i="1" s="1"/>
  <c r="W244" i="6" l="1"/>
  <c r="B276" i="2"/>
  <c r="AE241" i="1"/>
  <c r="N277" i="2"/>
  <c r="AG241" i="1"/>
  <c r="AC241" i="1"/>
  <c r="AF241" i="1"/>
  <c r="AD241" i="1"/>
  <c r="AB242" i="1"/>
  <c r="W242" i="1"/>
  <c r="Z242" i="1"/>
  <c r="Y242" i="1"/>
  <c r="AA242" i="1"/>
  <c r="T242" i="1"/>
  <c r="S242" i="1"/>
  <c r="U242" i="1"/>
  <c r="X242" i="1"/>
  <c r="V242" i="1"/>
  <c r="P244" i="1"/>
  <c r="R244" i="1" s="1"/>
  <c r="W245" i="6" l="1"/>
  <c r="B277" i="2"/>
  <c r="N278" i="2"/>
  <c r="AG242" i="1"/>
  <c r="AD242" i="1"/>
  <c r="AF242" i="1"/>
  <c r="AE242" i="1"/>
  <c r="AB243" i="1"/>
  <c r="W243" i="1"/>
  <c r="AC242" i="1"/>
  <c r="Z243" i="1"/>
  <c r="X243" i="1"/>
  <c r="Y243" i="1"/>
  <c r="V243" i="1"/>
  <c r="AA243" i="1"/>
  <c r="U243" i="1"/>
  <c r="T243" i="1"/>
  <c r="S243" i="1"/>
  <c r="P245" i="1"/>
  <c r="R245" i="1" s="1"/>
  <c r="W246" i="6" l="1"/>
  <c r="B278" i="2"/>
  <c r="AG243" i="1"/>
  <c r="N279" i="2"/>
  <c r="AC243" i="1"/>
  <c r="AD243" i="1"/>
  <c r="AE243" i="1"/>
  <c r="AB244" i="1"/>
  <c r="W244" i="1"/>
  <c r="AF243" i="1"/>
  <c r="Z244" i="1"/>
  <c r="AA244" i="1"/>
  <c r="X244" i="1"/>
  <c r="Y244" i="1"/>
  <c r="S244" i="1"/>
  <c r="U244" i="1"/>
  <c r="V244" i="1"/>
  <c r="T244" i="1"/>
  <c r="P246" i="1"/>
  <c r="R246" i="1" s="1"/>
  <c r="W247" i="6" l="1"/>
  <c r="B279" i="2"/>
  <c r="N280" i="2"/>
  <c r="AG244" i="1"/>
  <c r="AC244" i="1"/>
  <c r="AE244" i="1"/>
  <c r="AF244" i="1"/>
  <c r="AD244" i="1"/>
  <c r="W245" i="1"/>
  <c r="AB245" i="1"/>
  <c r="Z245" i="1"/>
  <c r="Y245" i="1"/>
  <c r="AA245" i="1"/>
  <c r="V245" i="1"/>
  <c r="S245" i="1"/>
  <c r="T245" i="1"/>
  <c r="U245" i="1"/>
  <c r="X245" i="1"/>
  <c r="P247" i="1"/>
  <c r="R247" i="1" s="1"/>
  <c r="W248" i="6" l="1"/>
  <c r="B280" i="2"/>
  <c r="N281" i="2"/>
  <c r="W246" i="1"/>
  <c r="AB246" i="1"/>
  <c r="AA246" i="1"/>
  <c r="Z246" i="1"/>
  <c r="Y246" i="1"/>
  <c r="X246" i="1"/>
  <c r="V246" i="1"/>
  <c r="U246" i="1"/>
  <c r="T246" i="1"/>
  <c r="S246" i="1"/>
  <c r="P248" i="1"/>
  <c r="R248" i="1" s="1"/>
  <c r="W249" i="6" l="1"/>
  <c r="B281" i="2"/>
  <c r="N282" i="2"/>
  <c r="AB247" i="1"/>
  <c r="W247" i="1"/>
  <c r="AA247" i="1"/>
  <c r="Z247" i="1"/>
  <c r="X247" i="1"/>
  <c r="V247" i="1"/>
  <c r="Y247" i="1"/>
  <c r="S247" i="1"/>
  <c r="T247" i="1"/>
  <c r="U247" i="1"/>
  <c r="P249" i="1"/>
  <c r="R249" i="1" s="1"/>
  <c r="W250" i="6" l="1"/>
  <c r="B282" i="2"/>
  <c r="N283" i="2"/>
  <c r="AF247" i="1"/>
  <c r="AE247" i="1"/>
  <c r="AC247" i="1"/>
  <c r="W248" i="1"/>
  <c r="AB248" i="1"/>
  <c r="AD247" i="1"/>
  <c r="AG247" i="1"/>
  <c r="V248" i="1"/>
  <c r="AA248" i="1"/>
  <c r="T248" i="1"/>
  <c r="X248" i="1"/>
  <c r="Y248" i="1"/>
  <c r="Z248" i="1"/>
  <c r="S248" i="1"/>
  <c r="U248" i="1"/>
  <c r="P250" i="1"/>
  <c r="R250" i="1" s="1"/>
  <c r="W251" i="6" l="1"/>
  <c r="B283" i="2"/>
  <c r="N284" i="2"/>
  <c r="AC248" i="1"/>
  <c r="AB249" i="1"/>
  <c r="W249" i="1"/>
  <c r="AE248" i="1"/>
  <c r="AG248" i="1"/>
  <c r="AF248" i="1"/>
  <c r="AD248" i="1"/>
  <c r="AA249" i="1"/>
  <c r="Z249" i="1"/>
  <c r="X249" i="1"/>
  <c r="V249" i="1"/>
  <c r="Y249" i="1"/>
  <c r="U249" i="1"/>
  <c r="T249" i="1"/>
  <c r="S249" i="1"/>
  <c r="P251" i="1"/>
  <c r="R251" i="1" s="1"/>
  <c r="W252" i="6" l="1"/>
  <c r="B284" i="2"/>
  <c r="N285" i="2"/>
  <c r="AG249" i="1"/>
  <c r="AF249" i="1"/>
  <c r="AD249" i="1"/>
  <c r="AE249" i="1"/>
  <c r="W250" i="1"/>
  <c r="AB250" i="1"/>
  <c r="AC249" i="1"/>
  <c r="AA250" i="1"/>
  <c r="Z250" i="1"/>
  <c r="X250" i="1"/>
  <c r="V250" i="1"/>
  <c r="Y250" i="1"/>
  <c r="U250" i="1"/>
  <c r="T250" i="1"/>
  <c r="S250" i="1"/>
  <c r="P252" i="1"/>
  <c r="R252" i="1" s="1"/>
  <c r="W253" i="6" l="1"/>
  <c r="B285" i="2"/>
  <c r="N286" i="2"/>
  <c r="AE250" i="1"/>
  <c r="AF250" i="1"/>
  <c r="AG250" i="1"/>
  <c r="AC250" i="1"/>
  <c r="AB251" i="1"/>
  <c r="W251" i="1"/>
  <c r="AD250" i="1"/>
  <c r="AA251" i="1"/>
  <c r="Z251" i="1"/>
  <c r="T251" i="1"/>
  <c r="X251" i="1"/>
  <c r="U251" i="1"/>
  <c r="Y251" i="1"/>
  <c r="V251" i="1"/>
  <c r="S251" i="1"/>
  <c r="P253" i="1"/>
  <c r="R253" i="1" s="1"/>
  <c r="W254" i="6" l="1"/>
  <c r="B286" i="2"/>
  <c r="N287" i="2"/>
  <c r="AF251" i="1"/>
  <c r="AE251" i="1"/>
  <c r="AG251" i="1"/>
  <c r="AC251" i="1"/>
  <c r="W252" i="1"/>
  <c r="AB252" i="1"/>
  <c r="AD251" i="1"/>
  <c r="X252" i="1"/>
  <c r="V252" i="1"/>
  <c r="S252" i="1"/>
  <c r="T252" i="1"/>
  <c r="AA252" i="1"/>
  <c r="Z252" i="1"/>
  <c r="Y252" i="1"/>
  <c r="U252" i="1"/>
  <c r="P254" i="1"/>
  <c r="R254" i="1" s="1"/>
  <c r="W255" i="6" l="1"/>
  <c r="B287" i="2"/>
  <c r="N288" i="2"/>
  <c r="AB253" i="1"/>
  <c r="W253" i="1"/>
  <c r="Y253" i="1"/>
  <c r="AA253" i="1"/>
  <c r="Z253" i="1"/>
  <c r="U253" i="1"/>
  <c r="X253" i="1"/>
  <c r="T253" i="1"/>
  <c r="S253" i="1"/>
  <c r="V253" i="1"/>
  <c r="P255" i="1"/>
  <c r="R255" i="1" s="1"/>
  <c r="W256" i="6" l="1"/>
  <c r="B288" i="2"/>
  <c r="N289" i="2"/>
  <c r="W254" i="1"/>
  <c r="AB254" i="1"/>
  <c r="Y254" i="1"/>
  <c r="AA254" i="1"/>
  <c r="Z254" i="1"/>
  <c r="T254" i="1"/>
  <c r="X254" i="1"/>
  <c r="V254" i="1"/>
  <c r="S254" i="1"/>
  <c r="U254" i="1"/>
  <c r="P256" i="1"/>
  <c r="R256" i="1" s="1"/>
  <c r="W257" i="6" l="1"/>
  <c r="B289" i="2"/>
  <c r="N290" i="2"/>
  <c r="AG254" i="1"/>
  <c r="AF254" i="1"/>
  <c r="AE254" i="1"/>
  <c r="AC254" i="1"/>
  <c r="AD254" i="1"/>
  <c r="AB255" i="1"/>
  <c r="W255" i="1"/>
  <c r="AA255" i="1"/>
  <c r="Y255" i="1"/>
  <c r="Z255" i="1"/>
  <c r="T255" i="1"/>
  <c r="X255" i="1"/>
  <c r="V255" i="1"/>
  <c r="U255" i="1"/>
  <c r="S255" i="1"/>
  <c r="P257" i="1"/>
  <c r="R257" i="1" s="1"/>
  <c r="W258" i="6" l="1"/>
  <c r="B290" i="2"/>
  <c r="N291" i="2"/>
  <c r="AF255" i="1"/>
  <c r="AE255" i="1"/>
  <c r="AG255" i="1"/>
  <c r="AD255" i="1"/>
  <c r="AC255" i="1"/>
  <c r="AB256" i="1"/>
  <c r="W256" i="1"/>
  <c r="AA256" i="1"/>
  <c r="X256" i="1"/>
  <c r="Y256" i="1"/>
  <c r="Z256" i="1"/>
  <c r="V256" i="1"/>
  <c r="T256" i="1"/>
  <c r="U256" i="1"/>
  <c r="S256" i="1"/>
  <c r="P258" i="1"/>
  <c r="R258" i="1" s="1"/>
  <c r="W259" i="6" l="1"/>
  <c r="B291" i="2"/>
  <c r="N292" i="2"/>
  <c r="AC256" i="1"/>
  <c r="AE256" i="1"/>
  <c r="AD256" i="1"/>
  <c r="AF256" i="1"/>
  <c r="AB257" i="1"/>
  <c r="W257" i="1"/>
  <c r="AG256" i="1"/>
  <c r="X257" i="1"/>
  <c r="AA257" i="1"/>
  <c r="Y257" i="1"/>
  <c r="Z257" i="1"/>
  <c r="T257" i="1"/>
  <c r="V257" i="1"/>
  <c r="U257" i="1"/>
  <c r="S257" i="1"/>
  <c r="P259" i="1"/>
  <c r="R259" i="1" s="1"/>
  <c r="W260" i="6" l="1"/>
  <c r="B292" i="2"/>
  <c r="AG257" i="1"/>
  <c r="N293" i="2"/>
  <c r="AC257" i="1"/>
  <c r="AE257" i="1"/>
  <c r="AF257" i="1"/>
  <c r="AD257" i="1"/>
  <c r="AB258" i="1"/>
  <c r="W258" i="1"/>
  <c r="X258" i="1"/>
  <c r="Y258" i="1"/>
  <c r="AA258" i="1"/>
  <c r="Z258" i="1"/>
  <c r="U258" i="1"/>
  <c r="T258" i="1"/>
  <c r="S258" i="1"/>
  <c r="V258" i="1"/>
  <c r="P260" i="1"/>
  <c r="R260" i="1" s="1"/>
  <c r="W261" i="6" l="1"/>
  <c r="B293" i="2"/>
  <c r="AG258" i="1"/>
  <c r="N294" i="2"/>
  <c r="AF258" i="1"/>
  <c r="AC258" i="1"/>
  <c r="AD258" i="1"/>
  <c r="AE258" i="1"/>
  <c r="AB259" i="1"/>
  <c r="W259" i="1"/>
  <c r="X259" i="1"/>
  <c r="AA259" i="1"/>
  <c r="S259" i="1"/>
  <c r="Z259" i="1"/>
  <c r="Y259" i="1"/>
  <c r="V259" i="1"/>
  <c r="U259" i="1"/>
  <c r="T259" i="1"/>
  <c r="P261" i="1"/>
  <c r="R261" i="1" s="1"/>
  <c r="W262" i="6" l="1"/>
  <c r="B294" i="2"/>
  <c r="N295" i="2"/>
  <c r="AB260" i="1"/>
  <c r="W260" i="1"/>
  <c r="Y260" i="1"/>
  <c r="Z260" i="1"/>
  <c r="X260" i="1"/>
  <c r="V260" i="1"/>
  <c r="U260" i="1"/>
  <c r="T260" i="1"/>
  <c r="AA260" i="1"/>
  <c r="S260" i="1"/>
  <c r="P262" i="1"/>
  <c r="R262" i="1" s="1"/>
  <c r="W263" i="6" l="1"/>
  <c r="B295" i="2"/>
  <c r="N296" i="2"/>
  <c r="AB261" i="1"/>
  <c r="W261" i="1"/>
  <c r="Z261" i="1"/>
  <c r="AA261" i="1"/>
  <c r="V261" i="1"/>
  <c r="X261" i="1"/>
  <c r="Y261" i="1"/>
  <c r="U261" i="1"/>
  <c r="S261" i="1"/>
  <c r="T261" i="1"/>
  <c r="P263" i="1"/>
  <c r="R263" i="1" s="1"/>
  <c r="W264" i="6" l="1"/>
  <c r="B296" i="2"/>
  <c r="N297" i="2"/>
  <c r="AG261" i="1"/>
  <c r="AC261" i="1"/>
  <c r="AF261" i="1"/>
  <c r="AD261" i="1"/>
  <c r="AE261" i="1"/>
  <c r="AB262" i="1"/>
  <c r="W262" i="1"/>
  <c r="Y262" i="1"/>
  <c r="AA262" i="1"/>
  <c r="X262" i="1"/>
  <c r="V262" i="1"/>
  <c r="U262" i="1"/>
  <c r="Z262" i="1"/>
  <c r="S262" i="1"/>
  <c r="T262" i="1"/>
  <c r="P264" i="1"/>
  <c r="R264" i="1" s="1"/>
  <c r="W265" i="6" l="1"/>
  <c r="B297" i="2"/>
  <c r="N298" i="2"/>
  <c r="AD262" i="1"/>
  <c r="AF262" i="1"/>
  <c r="AG262" i="1"/>
  <c r="AC262" i="1"/>
  <c r="W263" i="1"/>
  <c r="AB263" i="1"/>
  <c r="AE262" i="1"/>
  <c r="Z263" i="1"/>
  <c r="T263" i="1"/>
  <c r="S263" i="1"/>
  <c r="V263" i="1"/>
  <c r="U263" i="1"/>
  <c r="Y263" i="1"/>
  <c r="X263" i="1"/>
  <c r="AA263" i="1"/>
  <c r="P265" i="1"/>
  <c r="R265" i="1" s="1"/>
  <c r="W266" i="6" l="1"/>
  <c r="B298" i="2"/>
  <c r="N299" i="2"/>
  <c r="AE263" i="1"/>
  <c r="W264" i="1"/>
  <c r="AB264" i="1"/>
  <c r="AF263" i="1"/>
  <c r="AD263" i="1"/>
  <c r="AG263" i="1"/>
  <c r="AC263" i="1"/>
  <c r="Z264" i="1"/>
  <c r="X264" i="1"/>
  <c r="V264" i="1"/>
  <c r="U264" i="1"/>
  <c r="T264" i="1"/>
  <c r="Y264" i="1"/>
  <c r="S264" i="1"/>
  <c r="AA264" i="1"/>
  <c r="P266" i="1"/>
  <c r="R266" i="1" s="1"/>
  <c r="W267" i="6" l="1"/>
  <c r="B299" i="2"/>
  <c r="N300" i="2"/>
  <c r="AG264" i="1"/>
  <c r="AE264" i="1"/>
  <c r="AC264" i="1"/>
  <c r="W265" i="1"/>
  <c r="AB265" i="1"/>
  <c r="AD264" i="1"/>
  <c r="AF264" i="1"/>
  <c r="Z265" i="1"/>
  <c r="Y265" i="1"/>
  <c r="AA265" i="1"/>
  <c r="S265" i="1"/>
  <c r="V265" i="1"/>
  <c r="U265" i="1"/>
  <c r="T265" i="1"/>
  <c r="X265" i="1"/>
  <c r="P267" i="1"/>
  <c r="R267" i="1" s="1"/>
  <c r="W268" i="6" l="1"/>
  <c r="B300" i="2"/>
  <c r="N301" i="2"/>
  <c r="AG265" i="1"/>
  <c r="AE265" i="1"/>
  <c r="AD265" i="1"/>
  <c r="AB266" i="1"/>
  <c r="W266" i="1"/>
  <c r="AF265" i="1"/>
  <c r="AC265" i="1"/>
  <c r="Z266" i="1"/>
  <c r="Y266" i="1"/>
  <c r="X266" i="1"/>
  <c r="AA266" i="1"/>
  <c r="V266" i="1"/>
  <c r="S266" i="1"/>
  <c r="T266" i="1"/>
  <c r="U266" i="1"/>
  <c r="P268" i="1"/>
  <c r="R268" i="1" s="1"/>
  <c r="W269" i="6" l="1"/>
  <c r="B301" i="2"/>
  <c r="N302" i="2"/>
  <c r="AB267" i="1"/>
  <c r="W267" i="1"/>
  <c r="Z267" i="1"/>
  <c r="X267" i="1"/>
  <c r="V267" i="1"/>
  <c r="U267" i="1"/>
  <c r="AA267" i="1"/>
  <c r="Y267" i="1"/>
  <c r="S267" i="1"/>
  <c r="T267" i="1"/>
  <c r="P269" i="1"/>
  <c r="R269" i="1" s="1"/>
  <c r="W270" i="6" l="1"/>
  <c r="B302" i="2"/>
  <c r="N303" i="2"/>
  <c r="AB268" i="1"/>
  <c r="W268" i="1"/>
  <c r="AA268" i="1"/>
  <c r="Z268" i="1"/>
  <c r="V268" i="1"/>
  <c r="T268" i="1"/>
  <c r="U268" i="1"/>
  <c r="Y268" i="1"/>
  <c r="S268" i="1"/>
  <c r="X268" i="1"/>
  <c r="P270" i="1"/>
  <c r="R270" i="1" s="1"/>
  <c r="W271" i="6" l="1"/>
  <c r="B303" i="2"/>
  <c r="N304" i="2"/>
  <c r="AG268" i="1"/>
  <c r="AE268" i="1"/>
  <c r="AF268" i="1"/>
  <c r="AB269" i="1"/>
  <c r="W269" i="1"/>
  <c r="AD268" i="1"/>
  <c r="AC268" i="1"/>
  <c r="AA269" i="1"/>
  <c r="Z269" i="1"/>
  <c r="Y269" i="1"/>
  <c r="V269" i="1"/>
  <c r="X269" i="1"/>
  <c r="U269" i="1"/>
  <c r="S269" i="1"/>
  <c r="T269" i="1"/>
  <c r="P271" i="1"/>
  <c r="R271" i="1" s="1"/>
  <c r="W272" i="6" l="1"/>
  <c r="B304" i="2"/>
  <c r="N305" i="2"/>
  <c r="AG269" i="1"/>
  <c r="AF269" i="1"/>
  <c r="AD269" i="1"/>
  <c r="AC269" i="1"/>
  <c r="AE269" i="1"/>
  <c r="W270" i="1"/>
  <c r="AB270" i="1"/>
  <c r="AA270" i="1"/>
  <c r="Z270" i="1"/>
  <c r="X270" i="1"/>
  <c r="V270" i="1"/>
  <c r="U270" i="1"/>
  <c r="T270" i="1"/>
  <c r="Y270" i="1"/>
  <c r="S270" i="1"/>
  <c r="P272" i="1"/>
  <c r="R272" i="1" s="1"/>
  <c r="W273" i="6" l="1"/>
  <c r="B305" i="2"/>
  <c r="N306" i="2"/>
  <c r="AG270" i="1"/>
  <c r="AE270" i="1"/>
  <c r="AC270" i="1"/>
  <c r="W271" i="1"/>
  <c r="AB271" i="1"/>
  <c r="AF270" i="1"/>
  <c r="AD270" i="1"/>
  <c r="AA271" i="1"/>
  <c r="Z271" i="1"/>
  <c r="Y271" i="1"/>
  <c r="V271" i="1"/>
  <c r="X271" i="1"/>
  <c r="U271" i="1"/>
  <c r="S271" i="1"/>
  <c r="T271" i="1"/>
  <c r="P273" i="1"/>
  <c r="R273" i="1" s="1"/>
  <c r="W274" i="6" l="1"/>
  <c r="B306" i="2"/>
  <c r="AG271" i="1"/>
  <c r="N307" i="2"/>
  <c r="AD271" i="1"/>
  <c r="AC271" i="1"/>
  <c r="AB272" i="1"/>
  <c r="W272" i="1"/>
  <c r="AE271" i="1"/>
  <c r="AF271" i="1"/>
  <c r="AA272" i="1"/>
  <c r="Z272" i="1"/>
  <c r="X272" i="1"/>
  <c r="Y272" i="1"/>
  <c r="T272" i="1"/>
  <c r="V272" i="1"/>
  <c r="U272" i="1"/>
  <c r="S272" i="1"/>
  <c r="P274" i="1"/>
  <c r="R274" i="1" s="1"/>
  <c r="W275" i="6" l="1"/>
  <c r="B307" i="2"/>
  <c r="N308" i="2"/>
  <c r="AG272" i="1"/>
  <c r="AE272" i="1"/>
  <c r="AC272" i="1"/>
  <c r="AF272" i="1"/>
  <c r="AD272" i="1"/>
  <c r="AB273" i="1"/>
  <c r="W273" i="1"/>
  <c r="AA273" i="1"/>
  <c r="Y273" i="1"/>
  <c r="U273" i="1"/>
  <c r="X273" i="1"/>
  <c r="Z273" i="1"/>
  <c r="V273" i="1"/>
  <c r="S273" i="1"/>
  <c r="T273" i="1"/>
  <c r="P275" i="1"/>
  <c r="R275" i="1" s="1"/>
  <c r="W276" i="6" l="1"/>
  <c r="B308" i="2"/>
  <c r="N309" i="2"/>
  <c r="AB274" i="1"/>
  <c r="W274" i="1"/>
  <c r="AA274" i="1"/>
  <c r="Y274" i="1"/>
  <c r="X274" i="1"/>
  <c r="Z274" i="1"/>
  <c r="T274" i="1"/>
  <c r="V274" i="1"/>
  <c r="U274" i="1"/>
  <c r="S274" i="1"/>
  <c r="P276" i="1"/>
  <c r="R276" i="1" s="1"/>
  <c r="W277" i="6" l="1"/>
  <c r="B309" i="2"/>
  <c r="N310" i="2"/>
  <c r="AB275" i="1"/>
  <c r="W275" i="1"/>
  <c r="AA275" i="1"/>
  <c r="Y275" i="1"/>
  <c r="X275" i="1"/>
  <c r="Z275" i="1"/>
  <c r="T275" i="1"/>
  <c r="U275" i="1"/>
  <c r="V275" i="1"/>
  <c r="S275" i="1"/>
  <c r="P277" i="1"/>
  <c r="R277" i="1" s="1"/>
  <c r="W278" i="6" l="1"/>
  <c r="B310" i="2"/>
  <c r="N311" i="2"/>
  <c r="AF275" i="1"/>
  <c r="AG275" i="1"/>
  <c r="AC275" i="1"/>
  <c r="AD275" i="1"/>
  <c r="AB276" i="1"/>
  <c r="W276" i="1"/>
  <c r="AE275" i="1"/>
  <c r="AA276" i="1"/>
  <c r="X276" i="1"/>
  <c r="Y276" i="1"/>
  <c r="Z276" i="1"/>
  <c r="T276" i="1"/>
  <c r="V276" i="1"/>
  <c r="U276" i="1"/>
  <c r="S276" i="1"/>
  <c r="P278" i="1"/>
  <c r="R278" i="1" s="1"/>
  <c r="W279" i="6" l="1"/>
  <c r="B311" i="2"/>
  <c r="N312" i="2"/>
  <c r="AC276" i="1"/>
  <c r="AE276" i="1"/>
  <c r="AD276" i="1"/>
  <c r="AG276" i="1"/>
  <c r="AF276" i="1"/>
  <c r="AB277" i="1"/>
  <c r="W277" i="1"/>
  <c r="X277" i="1"/>
  <c r="Y277" i="1"/>
  <c r="V277" i="1"/>
  <c r="AA277" i="1"/>
  <c r="Z277" i="1"/>
  <c r="T277" i="1"/>
  <c r="U277" i="1"/>
  <c r="S277" i="1"/>
  <c r="P279" i="1"/>
  <c r="R279" i="1" s="1"/>
  <c r="W280" i="6" l="1"/>
  <c r="B312" i="2"/>
  <c r="N313" i="2"/>
  <c r="AC277" i="1"/>
  <c r="AD277" i="1"/>
  <c r="AE277" i="1"/>
  <c r="AB278" i="1"/>
  <c r="W278" i="1"/>
  <c r="AG277" i="1"/>
  <c r="AF277" i="1"/>
  <c r="X278" i="1"/>
  <c r="Y278" i="1"/>
  <c r="AA278" i="1"/>
  <c r="Z278" i="1"/>
  <c r="T278" i="1"/>
  <c r="S278" i="1"/>
  <c r="U278" i="1"/>
  <c r="V278" i="1"/>
  <c r="P280" i="1"/>
  <c r="R280" i="1" s="1"/>
  <c r="W281" i="6" l="1"/>
  <c r="B313" i="2"/>
  <c r="AG278" i="1"/>
  <c r="N314" i="2"/>
  <c r="AF278" i="1"/>
  <c r="AD278" i="1"/>
  <c r="AE278" i="1"/>
  <c r="AC278" i="1"/>
  <c r="AB279" i="1"/>
  <c r="W279" i="1"/>
  <c r="X279" i="1"/>
  <c r="AA279" i="1"/>
  <c r="Z279" i="1"/>
  <c r="Y279" i="1"/>
  <c r="U279" i="1"/>
  <c r="T279" i="1"/>
  <c r="V279" i="1"/>
  <c r="S279" i="1"/>
  <c r="P281" i="1"/>
  <c r="R281" i="1" s="1"/>
  <c r="W282" i="6" l="1"/>
  <c r="B314" i="2"/>
  <c r="AG279" i="1"/>
  <c r="N315" i="2"/>
  <c r="AC279" i="1"/>
  <c r="AF279" i="1"/>
  <c r="AE279" i="1"/>
  <c r="AD279" i="1"/>
  <c r="AB280" i="1"/>
  <c r="W280" i="1"/>
  <c r="Y280" i="1"/>
  <c r="AA280" i="1"/>
  <c r="X280" i="1"/>
  <c r="V280" i="1"/>
  <c r="U280" i="1"/>
  <c r="Z280" i="1"/>
  <c r="T280" i="1"/>
  <c r="S280" i="1"/>
  <c r="P282" i="1"/>
  <c r="R282" i="1" s="1"/>
  <c r="W283" i="6" l="1"/>
  <c r="B315" i="2"/>
  <c r="N316" i="2"/>
  <c r="AB281" i="1"/>
  <c r="W281" i="1"/>
  <c r="AA281" i="1"/>
  <c r="Y281" i="1"/>
  <c r="U281" i="1"/>
  <c r="Z281" i="1"/>
  <c r="T281" i="1"/>
  <c r="V281" i="1"/>
  <c r="X281" i="1"/>
  <c r="S281" i="1"/>
  <c r="P283" i="1"/>
  <c r="R283" i="1" s="1"/>
  <c r="W284" i="6" l="1"/>
  <c r="B316" i="2"/>
  <c r="N317" i="2"/>
  <c r="AB282" i="1"/>
  <c r="W282" i="1"/>
  <c r="V282" i="1"/>
  <c r="AA282" i="1"/>
  <c r="X282" i="1"/>
  <c r="U282" i="1"/>
  <c r="Z282" i="1"/>
  <c r="T282" i="1"/>
  <c r="Y282" i="1"/>
  <c r="S282" i="1"/>
  <c r="P284" i="1"/>
  <c r="R284" i="1" s="1"/>
  <c r="W285" i="6" l="1"/>
  <c r="B317" i="2"/>
  <c r="N318" i="2"/>
  <c r="AG282" i="1"/>
  <c r="AC282" i="1"/>
  <c r="AB283" i="1"/>
  <c r="W283" i="1"/>
  <c r="AE282" i="1"/>
  <c r="AF282" i="1"/>
  <c r="AD282" i="1"/>
  <c r="AA283" i="1"/>
  <c r="Y283" i="1"/>
  <c r="X283" i="1"/>
  <c r="S283" i="1"/>
  <c r="U283" i="1"/>
  <c r="Z283" i="1"/>
  <c r="V283" i="1"/>
  <c r="T283" i="1"/>
  <c r="P285" i="1"/>
  <c r="R285" i="1" s="1"/>
  <c r="W286" i="6" l="1"/>
  <c r="B318" i="2"/>
  <c r="N319" i="2"/>
  <c r="AG283" i="1"/>
  <c r="AD283" i="1"/>
  <c r="AF283" i="1"/>
  <c r="AB284" i="1"/>
  <c r="W284" i="1"/>
  <c r="AC283" i="1"/>
  <c r="AE283" i="1"/>
  <c r="Z284" i="1"/>
  <c r="Y284" i="1"/>
  <c r="X284" i="1"/>
  <c r="AA284" i="1"/>
  <c r="T284" i="1"/>
  <c r="U284" i="1"/>
  <c r="S284" i="1"/>
  <c r="V284" i="1"/>
  <c r="P286" i="1"/>
  <c r="R286" i="1" s="1"/>
  <c r="W287" i="6" l="1"/>
  <c r="B319" i="2"/>
  <c r="N320" i="2"/>
  <c r="AG284" i="1"/>
  <c r="AF284" i="1"/>
  <c r="AE284" i="1"/>
  <c r="AD284" i="1"/>
  <c r="AC284" i="1"/>
  <c r="W285" i="1"/>
  <c r="AB285" i="1"/>
  <c r="Z285" i="1"/>
  <c r="Y285" i="1"/>
  <c r="AA285" i="1"/>
  <c r="X285" i="1"/>
  <c r="S285" i="1"/>
  <c r="U285" i="1"/>
  <c r="T285" i="1"/>
  <c r="V285" i="1"/>
  <c r="P287" i="1"/>
  <c r="R287" i="1" s="1"/>
  <c r="W288" i="6" l="1"/>
  <c r="B320" i="2"/>
  <c r="N321" i="2"/>
  <c r="AG285" i="1"/>
  <c r="AF285" i="1"/>
  <c r="AD285" i="1"/>
  <c r="AE285" i="1"/>
  <c r="AC285" i="1"/>
  <c r="W286" i="1"/>
  <c r="AB286" i="1"/>
  <c r="Z286" i="1"/>
  <c r="Y286" i="1"/>
  <c r="X286" i="1"/>
  <c r="S286" i="1"/>
  <c r="U286" i="1"/>
  <c r="AA286" i="1"/>
  <c r="T286" i="1"/>
  <c r="V286" i="1"/>
  <c r="P288" i="1"/>
  <c r="R288" i="1" s="1"/>
  <c r="W289" i="6" l="1"/>
  <c r="B321" i="2"/>
  <c r="N322" i="2"/>
  <c r="AG286" i="1"/>
  <c r="AE286" i="1"/>
  <c r="AF286" i="1"/>
  <c r="AC286" i="1"/>
  <c r="W287" i="1"/>
  <c r="AB287" i="1"/>
  <c r="AD286" i="1"/>
  <c r="AA287" i="1"/>
  <c r="X287" i="1"/>
  <c r="Z287" i="1"/>
  <c r="V287" i="1"/>
  <c r="Y287" i="1"/>
  <c r="T287" i="1"/>
  <c r="U287" i="1"/>
  <c r="S287" i="1"/>
  <c r="P289" i="1"/>
  <c r="R289" i="1" s="1"/>
  <c r="W290" i="6" l="1"/>
  <c r="B322" i="2"/>
  <c r="N323" i="2"/>
  <c r="W288" i="1"/>
  <c r="AB288" i="1"/>
  <c r="Y288" i="1"/>
  <c r="V288" i="1"/>
  <c r="AA288" i="1"/>
  <c r="T288" i="1"/>
  <c r="X288" i="1"/>
  <c r="Z288" i="1"/>
  <c r="U288" i="1"/>
  <c r="S288" i="1"/>
  <c r="P290" i="1"/>
  <c r="R290" i="1" s="1"/>
  <c r="W291" i="6" l="1"/>
  <c r="B323" i="2"/>
  <c r="N324" i="2"/>
  <c r="AB289" i="1"/>
  <c r="W289" i="1"/>
  <c r="AA289" i="1"/>
  <c r="V289" i="1"/>
  <c r="Y289" i="1"/>
  <c r="X289" i="1"/>
  <c r="Z289" i="1"/>
  <c r="S289" i="1"/>
  <c r="T289" i="1"/>
  <c r="U289" i="1"/>
  <c r="P291" i="1"/>
  <c r="R291" i="1" s="1"/>
  <c r="W292" i="6" l="1"/>
  <c r="B324" i="2"/>
  <c r="AC289" i="1"/>
  <c r="N325" i="2"/>
  <c r="AG289" i="1"/>
  <c r="AD289" i="1"/>
  <c r="AF289" i="1"/>
  <c r="AE289" i="1"/>
  <c r="AB290" i="1"/>
  <c r="W290" i="1"/>
  <c r="AA290" i="1"/>
  <c r="Z290" i="1"/>
  <c r="Y290" i="1"/>
  <c r="V290" i="1"/>
  <c r="X290" i="1"/>
  <c r="S290" i="1"/>
  <c r="T290" i="1"/>
  <c r="U290" i="1"/>
  <c r="P292" i="1"/>
  <c r="R292" i="1" s="1"/>
  <c r="W293" i="6" l="1"/>
  <c r="B325" i="2"/>
  <c r="N326" i="2"/>
  <c r="AG290" i="1"/>
  <c r="AF290" i="1"/>
  <c r="AE290" i="1"/>
  <c r="AB291" i="1"/>
  <c r="W291" i="1"/>
  <c r="AD290" i="1"/>
  <c r="AC290" i="1"/>
  <c r="Z291" i="1"/>
  <c r="AA291" i="1"/>
  <c r="V291" i="1"/>
  <c r="U291" i="1"/>
  <c r="Y291" i="1"/>
  <c r="X291" i="1"/>
  <c r="S291" i="1"/>
  <c r="T291" i="1"/>
  <c r="P293" i="1"/>
  <c r="R293" i="1" s="1"/>
  <c r="W294" i="6" l="1"/>
  <c r="B326" i="2"/>
  <c r="N327" i="2"/>
  <c r="AG291" i="1"/>
  <c r="AD291" i="1"/>
  <c r="AE291" i="1"/>
  <c r="AC291" i="1"/>
  <c r="AF291" i="1"/>
  <c r="W292" i="1"/>
  <c r="AB292" i="1"/>
  <c r="Z292" i="1"/>
  <c r="X292" i="1"/>
  <c r="V292" i="1"/>
  <c r="AA292" i="1"/>
  <c r="Y292" i="1"/>
  <c r="U292" i="1"/>
  <c r="S292" i="1"/>
  <c r="T292" i="1"/>
  <c r="P294" i="1"/>
  <c r="R294" i="1" s="1"/>
  <c r="W295" i="6" l="1"/>
  <c r="B327" i="2"/>
  <c r="N328" i="2"/>
  <c r="AE292" i="1"/>
  <c r="AG292" i="1"/>
  <c r="AC292" i="1"/>
  <c r="AB293" i="1"/>
  <c r="W293" i="1"/>
  <c r="AD292" i="1"/>
  <c r="AF292" i="1"/>
  <c r="Z293" i="1"/>
  <c r="AA293" i="1"/>
  <c r="U293" i="1"/>
  <c r="X293" i="1"/>
  <c r="S293" i="1"/>
  <c r="T293" i="1"/>
  <c r="Y293" i="1"/>
  <c r="V293" i="1"/>
  <c r="P295" i="1"/>
  <c r="R295" i="1" s="1"/>
  <c r="W296" i="6" l="1"/>
  <c r="B328" i="2"/>
  <c r="N329" i="2"/>
  <c r="AG293" i="1"/>
  <c r="AF293" i="1"/>
  <c r="AE293" i="1"/>
  <c r="AB294" i="1"/>
  <c r="W294" i="1"/>
  <c r="AC293" i="1"/>
  <c r="AD293" i="1"/>
  <c r="AA294" i="1"/>
  <c r="Z294" i="1"/>
  <c r="V294" i="1"/>
  <c r="Y294" i="1"/>
  <c r="X294" i="1"/>
  <c r="U294" i="1"/>
  <c r="S294" i="1"/>
  <c r="T294" i="1"/>
  <c r="P296" i="1"/>
  <c r="R296" i="1" s="1"/>
  <c r="W297" i="6" l="1"/>
  <c r="B329" i="2"/>
  <c r="N330" i="2"/>
  <c r="AB295" i="1"/>
  <c r="W295" i="1"/>
  <c r="AA295" i="1"/>
  <c r="Z295" i="1"/>
  <c r="Y295" i="1"/>
  <c r="T295" i="1"/>
  <c r="X295" i="1"/>
  <c r="V295" i="1"/>
  <c r="S295" i="1"/>
  <c r="U295" i="1"/>
  <c r="P297" i="1"/>
  <c r="R297" i="1" s="1"/>
  <c r="W298" i="6" l="1"/>
  <c r="B330" i="2"/>
  <c r="N331" i="2"/>
  <c r="AB296" i="1"/>
  <c r="W296" i="1"/>
  <c r="AA296" i="1"/>
  <c r="X296" i="1"/>
  <c r="Z296" i="1"/>
  <c r="V296" i="1"/>
  <c r="T296" i="1"/>
  <c r="Y296" i="1"/>
  <c r="S296" i="1"/>
  <c r="U296" i="1"/>
  <c r="P298" i="1"/>
  <c r="R298" i="1" s="1"/>
  <c r="W299" i="6" l="1"/>
  <c r="B331" i="2"/>
  <c r="AG296" i="1"/>
  <c r="N332" i="2"/>
  <c r="AE296" i="1"/>
  <c r="AC296" i="1"/>
  <c r="AF296" i="1"/>
  <c r="AB297" i="1"/>
  <c r="W297" i="1"/>
  <c r="AD296" i="1"/>
  <c r="Y297" i="1"/>
  <c r="AA297" i="1"/>
  <c r="Z297" i="1"/>
  <c r="X297" i="1"/>
  <c r="V297" i="1"/>
  <c r="T297" i="1"/>
  <c r="S297" i="1"/>
  <c r="U297" i="1"/>
  <c r="P299" i="1"/>
  <c r="R299" i="1" s="1"/>
  <c r="W300" i="6" l="1"/>
  <c r="B332" i="2"/>
  <c r="N333" i="2"/>
  <c r="AG297" i="1"/>
  <c r="AE297" i="1"/>
  <c r="AC297" i="1"/>
  <c r="AF297" i="1"/>
  <c r="AD297" i="1"/>
  <c r="AB298" i="1"/>
  <c r="W298" i="1"/>
  <c r="Y298" i="1"/>
  <c r="AA298" i="1"/>
  <c r="X298" i="1"/>
  <c r="Z298" i="1"/>
  <c r="V298" i="1"/>
  <c r="T298" i="1"/>
  <c r="U298" i="1"/>
  <c r="S298" i="1"/>
  <c r="P300" i="1"/>
  <c r="R300" i="1" s="1"/>
  <c r="W301" i="6" l="1"/>
  <c r="B333" i="2"/>
  <c r="N334" i="2"/>
  <c r="AG298" i="1"/>
  <c r="AC298" i="1"/>
  <c r="AF298" i="1"/>
  <c r="AD298" i="1"/>
  <c r="AE298" i="1"/>
  <c r="AB299" i="1"/>
  <c r="W299" i="1"/>
  <c r="Y299" i="1"/>
  <c r="AA299" i="1"/>
  <c r="X299" i="1"/>
  <c r="Z299" i="1"/>
  <c r="V299" i="1"/>
  <c r="T299" i="1"/>
  <c r="U299" i="1"/>
  <c r="S299" i="1"/>
  <c r="P301" i="1"/>
  <c r="R301" i="1" s="1"/>
  <c r="W302" i="6" l="1"/>
  <c r="B334" i="2"/>
  <c r="AG299" i="1"/>
  <c r="N335" i="2"/>
  <c r="AC299" i="1"/>
  <c r="AE299" i="1"/>
  <c r="AF299" i="1"/>
  <c r="AD299" i="1"/>
  <c r="AB300" i="1"/>
  <c r="W300" i="1"/>
  <c r="Y300" i="1"/>
  <c r="Z300" i="1"/>
  <c r="AA300" i="1"/>
  <c r="U300" i="1"/>
  <c r="V300" i="1"/>
  <c r="T300" i="1"/>
  <c r="X300" i="1"/>
  <c r="S300" i="1"/>
  <c r="P302" i="1"/>
  <c r="R302" i="1" s="1"/>
  <c r="W303" i="6" l="1"/>
  <c r="B335" i="2"/>
  <c r="N336" i="2"/>
  <c r="AG300" i="1"/>
  <c r="AD300" i="1"/>
  <c r="AF300" i="1"/>
  <c r="AC300" i="1"/>
  <c r="AB301" i="1"/>
  <c r="W301" i="1"/>
  <c r="AE300" i="1"/>
  <c r="Y301" i="1"/>
  <c r="Z301" i="1"/>
  <c r="X301" i="1"/>
  <c r="AA301" i="1"/>
  <c r="U301" i="1"/>
  <c r="V301" i="1"/>
  <c r="T301" i="1"/>
  <c r="S301" i="1"/>
  <c r="P303" i="1"/>
  <c r="R303" i="1" s="1"/>
  <c r="W304" i="6" l="1"/>
  <c r="B336" i="2"/>
  <c r="N337" i="2"/>
  <c r="AB302" i="1"/>
  <c r="W302" i="1"/>
  <c r="X302" i="1"/>
  <c r="AA302" i="1"/>
  <c r="U302" i="1"/>
  <c r="V302" i="1"/>
  <c r="Y302" i="1"/>
  <c r="T302" i="1"/>
  <c r="S302" i="1"/>
  <c r="Z302" i="1"/>
  <c r="P304" i="1"/>
  <c r="R304" i="1" s="1"/>
  <c r="W305" i="6" l="1"/>
  <c r="B337" i="2"/>
  <c r="N338" i="2"/>
  <c r="AB303" i="1"/>
  <c r="W303" i="1"/>
  <c r="AA303" i="1"/>
  <c r="V303" i="1"/>
  <c r="Y303" i="1"/>
  <c r="Z303" i="1"/>
  <c r="X303" i="1"/>
  <c r="U303" i="1"/>
  <c r="T303" i="1"/>
  <c r="S303" i="1"/>
  <c r="P305" i="1"/>
  <c r="R305" i="1" s="1"/>
  <c r="W306" i="6" l="1"/>
  <c r="B338" i="2"/>
  <c r="N339" i="2"/>
  <c r="AG303" i="1"/>
  <c r="AF303" i="1"/>
  <c r="AE303" i="1"/>
  <c r="AD303" i="1"/>
  <c r="AC303" i="1"/>
  <c r="AB304" i="1"/>
  <c r="W304" i="1"/>
  <c r="Z304" i="1"/>
  <c r="AA304" i="1"/>
  <c r="X304" i="1"/>
  <c r="U304" i="1"/>
  <c r="V304" i="1"/>
  <c r="T304" i="1"/>
  <c r="Y304" i="1"/>
  <c r="S304" i="1"/>
  <c r="P306" i="1"/>
  <c r="R306" i="1" s="1"/>
  <c r="W307" i="6" l="1"/>
  <c r="B339" i="2"/>
  <c r="N340" i="2"/>
  <c r="AG304" i="1"/>
  <c r="AC304" i="1"/>
  <c r="AF304" i="1"/>
  <c r="AE304" i="1"/>
  <c r="W305" i="1"/>
  <c r="AB305" i="1"/>
  <c r="AD304" i="1"/>
  <c r="Z305" i="1"/>
  <c r="Y305" i="1"/>
  <c r="AA305" i="1"/>
  <c r="X305" i="1"/>
  <c r="T305" i="1"/>
  <c r="S305" i="1"/>
  <c r="U305" i="1"/>
  <c r="V305" i="1"/>
  <c r="P307" i="1"/>
  <c r="R307" i="1" s="1"/>
  <c r="W308" i="6" l="1"/>
  <c r="B340" i="2"/>
  <c r="N341" i="2"/>
  <c r="AG305" i="1"/>
  <c r="AD305" i="1"/>
  <c r="AC305" i="1"/>
  <c r="AF305" i="1"/>
  <c r="AE305" i="1"/>
  <c r="W306" i="1"/>
  <c r="AB306" i="1"/>
  <c r="Y306" i="1"/>
  <c r="AA306" i="1"/>
  <c r="Z306" i="1"/>
  <c r="X306" i="1"/>
  <c r="S306" i="1"/>
  <c r="U306" i="1"/>
  <c r="T306" i="1"/>
  <c r="V306" i="1"/>
  <c r="P308" i="1"/>
  <c r="R308" i="1" s="1"/>
  <c r="W309" i="6" l="1"/>
  <c r="B341" i="2"/>
  <c r="N342" i="2"/>
  <c r="AG306" i="1"/>
  <c r="AD306" i="1"/>
  <c r="AF306" i="1"/>
  <c r="AC306" i="1"/>
  <c r="W307" i="1"/>
  <c r="AB307" i="1"/>
  <c r="AE306" i="1"/>
  <c r="Y307" i="1"/>
  <c r="Z307" i="1"/>
  <c r="AA307" i="1"/>
  <c r="U307" i="1"/>
  <c r="X307" i="1"/>
  <c r="V307" i="1"/>
  <c r="S307" i="1"/>
  <c r="T307" i="1"/>
  <c r="P309" i="1"/>
  <c r="R309" i="1" s="1"/>
  <c r="W310" i="6" l="1"/>
  <c r="B342" i="2"/>
  <c r="N343" i="2"/>
  <c r="AG307" i="1"/>
  <c r="AE307" i="1"/>
  <c r="AD307" i="1"/>
  <c r="W308" i="1"/>
  <c r="AB308" i="1"/>
  <c r="AC307" i="1"/>
  <c r="AF307" i="1"/>
  <c r="T308" i="1"/>
  <c r="Y308" i="1"/>
  <c r="V308" i="1"/>
  <c r="Z308" i="1"/>
  <c r="X308" i="1"/>
  <c r="AA308" i="1"/>
  <c r="S308" i="1"/>
  <c r="U308" i="1"/>
  <c r="P310" i="1"/>
  <c r="R310" i="1" s="1"/>
  <c r="W311" i="6" l="1"/>
  <c r="B343" i="2"/>
  <c r="N344" i="2"/>
  <c r="W309" i="1"/>
  <c r="AB309" i="1"/>
  <c r="AA309" i="1"/>
  <c r="Z309" i="1"/>
  <c r="Y309" i="1"/>
  <c r="V309" i="1"/>
  <c r="X309" i="1"/>
  <c r="U309" i="1"/>
  <c r="S309" i="1"/>
  <c r="T309" i="1"/>
  <c r="P311" i="1"/>
  <c r="R311" i="1" s="1"/>
  <c r="W312" i="6" l="1"/>
  <c r="B344" i="2"/>
  <c r="N345" i="2"/>
  <c r="W310" i="1"/>
  <c r="AB310" i="1"/>
  <c r="AA310" i="1"/>
  <c r="Z310" i="1"/>
  <c r="Y310" i="1"/>
  <c r="V310" i="1"/>
  <c r="U310" i="1"/>
  <c r="X310" i="1"/>
  <c r="S310" i="1"/>
  <c r="T310" i="1"/>
  <c r="P312" i="1"/>
  <c r="R312" i="1" s="1"/>
  <c r="W313" i="6" l="1"/>
  <c r="B345" i="2"/>
  <c r="AG310" i="1"/>
  <c r="N346" i="2"/>
  <c r="AF310" i="1"/>
  <c r="AE310" i="1"/>
  <c r="AD310" i="1"/>
  <c r="W311" i="1"/>
  <c r="AB311" i="1"/>
  <c r="AC310" i="1"/>
  <c r="Y311" i="1"/>
  <c r="V311" i="1"/>
  <c r="Z311" i="1"/>
  <c r="AA311" i="1"/>
  <c r="T311" i="1"/>
  <c r="U311" i="1"/>
  <c r="X311" i="1"/>
  <c r="S311" i="1"/>
  <c r="P313" i="1"/>
  <c r="R313" i="1" s="1"/>
  <c r="W314" i="6" l="1"/>
  <c r="B346" i="2"/>
  <c r="N347" i="2"/>
  <c r="AG311" i="1"/>
  <c r="AC311" i="1"/>
  <c r="AD311" i="1"/>
  <c r="AE311" i="1"/>
  <c r="AB312" i="1"/>
  <c r="W312" i="1"/>
  <c r="AF311" i="1"/>
  <c r="AA312" i="1"/>
  <c r="X312" i="1"/>
  <c r="Y312" i="1"/>
  <c r="V312" i="1"/>
  <c r="U312" i="1"/>
  <c r="Z312" i="1"/>
  <c r="S312" i="1"/>
  <c r="T312" i="1"/>
  <c r="P314" i="1"/>
  <c r="R314" i="1" s="1"/>
  <c r="W315" i="6" l="1"/>
  <c r="B347" i="2"/>
  <c r="N348" i="2"/>
  <c r="AG312" i="1"/>
  <c r="AD312" i="1"/>
  <c r="AC312" i="1"/>
  <c r="AF312" i="1"/>
  <c r="AB313" i="1"/>
  <c r="W313" i="1"/>
  <c r="AE312" i="1"/>
  <c r="U313" i="1"/>
  <c r="Z313" i="1"/>
  <c r="X313" i="1"/>
  <c r="S313" i="1"/>
  <c r="AA313" i="1"/>
  <c r="Y313" i="1"/>
  <c r="V313" i="1"/>
  <c r="T313" i="1"/>
  <c r="P315" i="1"/>
  <c r="R315" i="1" s="1"/>
  <c r="W316" i="6" l="1"/>
  <c r="B348" i="2"/>
  <c r="N349" i="2"/>
  <c r="AF313" i="1"/>
  <c r="AG313" i="1"/>
  <c r="AD313" i="1"/>
  <c r="AB314" i="1"/>
  <c r="W314" i="1"/>
  <c r="AC313" i="1"/>
  <c r="AE313" i="1"/>
  <c r="Z314" i="1"/>
  <c r="AA314" i="1"/>
  <c r="Y314" i="1"/>
  <c r="V314" i="1"/>
  <c r="X314" i="1"/>
  <c r="T314" i="1"/>
  <c r="S314" i="1"/>
  <c r="U314" i="1"/>
  <c r="P316" i="1"/>
  <c r="R316" i="1" s="1"/>
  <c r="W317" i="6" l="1"/>
  <c r="B349" i="2"/>
  <c r="N350" i="2"/>
  <c r="AC314" i="1"/>
  <c r="AB315" i="1"/>
  <c r="W315" i="1"/>
  <c r="AE314" i="1"/>
  <c r="AD314" i="1"/>
  <c r="AF314" i="1"/>
  <c r="AG314" i="1"/>
  <c r="AA315" i="1"/>
  <c r="Z315" i="1"/>
  <c r="Y315" i="1"/>
  <c r="T315" i="1"/>
  <c r="U315" i="1"/>
  <c r="V315" i="1"/>
  <c r="S315" i="1"/>
  <c r="X315" i="1"/>
  <c r="P317" i="1"/>
  <c r="R317" i="1" s="1"/>
  <c r="W318" i="6" l="1"/>
  <c r="B350" i="2"/>
  <c r="N351" i="2"/>
  <c r="AB316" i="1"/>
  <c r="W316" i="1"/>
  <c r="AA316" i="1"/>
  <c r="X316" i="1"/>
  <c r="Z316" i="1"/>
  <c r="Y316" i="1"/>
  <c r="V316" i="1"/>
  <c r="T316" i="1"/>
  <c r="U316" i="1"/>
  <c r="S316" i="1"/>
  <c r="P318" i="1"/>
  <c r="R318" i="1" s="1"/>
  <c r="W319" i="6" l="1"/>
  <c r="B351" i="2"/>
  <c r="N352" i="2"/>
  <c r="AB317" i="1"/>
  <c r="W317" i="1"/>
  <c r="Z317" i="1"/>
  <c r="X317" i="1"/>
  <c r="T317" i="1"/>
  <c r="AA317" i="1"/>
  <c r="V317" i="1"/>
  <c r="S317" i="1"/>
  <c r="Y317" i="1"/>
  <c r="U317" i="1"/>
  <c r="P319" i="1"/>
  <c r="R319" i="1" s="1"/>
  <c r="W320" i="6" l="1"/>
  <c r="B352" i="2"/>
  <c r="N353" i="2"/>
  <c r="AG317" i="1"/>
  <c r="AE317" i="1"/>
  <c r="AC317" i="1"/>
  <c r="AB318" i="1"/>
  <c r="W318" i="1"/>
  <c r="AF317" i="1"/>
  <c r="AD317" i="1"/>
  <c r="X318" i="1"/>
  <c r="AA318" i="1"/>
  <c r="V318" i="1"/>
  <c r="Z318" i="1"/>
  <c r="T318" i="1"/>
  <c r="S318" i="1"/>
  <c r="U318" i="1"/>
  <c r="Y318" i="1"/>
  <c r="P320" i="1"/>
  <c r="R320" i="1" s="1"/>
  <c r="W321" i="6" l="1"/>
  <c r="B353" i="2"/>
  <c r="N354" i="2"/>
  <c r="AG318" i="1"/>
  <c r="AC318" i="1"/>
  <c r="AF318" i="1"/>
  <c r="AB319" i="1"/>
  <c r="W319" i="1"/>
  <c r="AE318" i="1"/>
  <c r="AD318" i="1"/>
  <c r="Y319" i="1"/>
  <c r="X319" i="1"/>
  <c r="Z319" i="1"/>
  <c r="AA319" i="1"/>
  <c r="T319" i="1"/>
  <c r="V319" i="1"/>
  <c r="S319" i="1"/>
  <c r="U319" i="1"/>
  <c r="P321" i="1"/>
  <c r="R321" i="1" s="1"/>
  <c r="W322" i="6" l="1"/>
  <c r="B354" i="2"/>
  <c r="N355" i="2"/>
  <c r="AG319" i="1"/>
  <c r="AD319" i="1"/>
  <c r="AC319" i="1"/>
  <c r="AE319" i="1"/>
  <c r="AF319" i="1"/>
  <c r="AB320" i="1"/>
  <c r="W320" i="1"/>
  <c r="Y320" i="1"/>
  <c r="AA320" i="1"/>
  <c r="T320" i="1"/>
  <c r="Z320" i="1"/>
  <c r="X320" i="1"/>
  <c r="V320" i="1"/>
  <c r="S320" i="1"/>
  <c r="U320" i="1"/>
  <c r="P322" i="1"/>
  <c r="R322" i="1" s="1"/>
  <c r="W323" i="6" l="1"/>
  <c r="B355" i="2"/>
  <c r="N356" i="2"/>
  <c r="AE320" i="1"/>
  <c r="AF320" i="1"/>
  <c r="AG320" i="1"/>
  <c r="AD320" i="1"/>
  <c r="AB321" i="1"/>
  <c r="W321" i="1"/>
  <c r="AC320" i="1"/>
  <c r="AA321" i="1"/>
  <c r="Y321" i="1"/>
  <c r="X321" i="1"/>
  <c r="U321" i="1"/>
  <c r="T321" i="1"/>
  <c r="Z321" i="1"/>
  <c r="V321" i="1"/>
  <c r="S321" i="1"/>
  <c r="P323" i="1"/>
  <c r="R323" i="1" s="1"/>
  <c r="W324" i="6" l="1"/>
  <c r="B356" i="2"/>
  <c r="N357" i="2"/>
  <c r="AG321" i="1"/>
  <c r="AC321" i="1"/>
  <c r="AF321" i="1"/>
  <c r="AD321" i="1"/>
  <c r="AB322" i="1"/>
  <c r="W322" i="1"/>
  <c r="AE321" i="1"/>
  <c r="AA322" i="1"/>
  <c r="Y322" i="1"/>
  <c r="Z322" i="1"/>
  <c r="U322" i="1"/>
  <c r="T322" i="1"/>
  <c r="X322" i="1"/>
  <c r="V322" i="1"/>
  <c r="S322" i="1"/>
  <c r="P324" i="1"/>
  <c r="R324" i="1" s="1"/>
  <c r="W325" i="6" l="1"/>
  <c r="B357" i="2"/>
  <c r="N358" i="2"/>
  <c r="AB323" i="1"/>
  <c r="W323" i="1"/>
  <c r="AA323" i="1"/>
  <c r="Y323" i="1"/>
  <c r="Z323" i="1"/>
  <c r="V323" i="1"/>
  <c r="U323" i="1"/>
  <c r="T323" i="1"/>
  <c r="X323" i="1"/>
  <c r="S323" i="1"/>
  <c r="P325" i="1"/>
  <c r="R325" i="1" s="1"/>
  <c r="W326" i="6" l="1"/>
  <c r="B358" i="2"/>
  <c r="N359" i="2"/>
  <c r="AB324" i="1"/>
  <c r="W324" i="1"/>
  <c r="Z324" i="1"/>
  <c r="X324" i="1"/>
  <c r="Y324" i="1"/>
  <c r="U324" i="1"/>
  <c r="AA324" i="1"/>
  <c r="T324" i="1"/>
  <c r="V324" i="1"/>
  <c r="S324" i="1"/>
  <c r="P326" i="1"/>
  <c r="R326" i="1" s="1"/>
  <c r="W327" i="6" l="1"/>
  <c r="B359" i="2"/>
  <c r="N360" i="2"/>
  <c r="AE324" i="1"/>
  <c r="AG324" i="1"/>
  <c r="AD324" i="1"/>
  <c r="AC324" i="1"/>
  <c r="AF324" i="1"/>
  <c r="W325" i="1"/>
  <c r="AB325" i="1"/>
  <c r="Z325" i="1"/>
  <c r="Y325" i="1"/>
  <c r="AA325" i="1"/>
  <c r="X325" i="1"/>
  <c r="U325" i="1"/>
  <c r="S325" i="1"/>
  <c r="T325" i="1"/>
  <c r="V325" i="1"/>
  <c r="P327" i="1"/>
  <c r="R327" i="1" s="1"/>
  <c r="W328" i="6" l="1"/>
  <c r="B360" i="2"/>
  <c r="N361" i="2"/>
  <c r="AG325" i="1"/>
  <c r="AD325" i="1"/>
  <c r="AF325" i="1"/>
  <c r="AE325" i="1"/>
  <c r="W326" i="1"/>
  <c r="AB326" i="1"/>
  <c r="AC325" i="1"/>
  <c r="Z326" i="1"/>
  <c r="AA326" i="1"/>
  <c r="Y326" i="1"/>
  <c r="T326" i="1"/>
  <c r="V326" i="1"/>
  <c r="U326" i="1"/>
  <c r="S326" i="1"/>
  <c r="X326" i="1"/>
  <c r="P328" i="1"/>
  <c r="R328" i="1" s="1"/>
  <c r="W329" i="6" l="1"/>
  <c r="B361" i="2"/>
  <c r="AG326" i="1"/>
  <c r="N362" i="2"/>
  <c r="AE326" i="1"/>
  <c r="AF326" i="1"/>
  <c r="W327" i="1"/>
  <c r="AB327" i="1"/>
  <c r="AC326" i="1"/>
  <c r="AD326" i="1"/>
  <c r="AA327" i="1"/>
  <c r="Z327" i="1"/>
  <c r="X327" i="1"/>
  <c r="Y327" i="1"/>
  <c r="V327" i="1"/>
  <c r="U327" i="1"/>
  <c r="T327" i="1"/>
  <c r="S327" i="1"/>
  <c r="P329" i="1"/>
  <c r="R329" i="1" s="1"/>
  <c r="W330" i="6" l="1"/>
  <c r="B362" i="2"/>
  <c r="N363" i="2"/>
  <c r="AG327" i="1"/>
  <c r="AC327" i="1"/>
  <c r="AE327" i="1"/>
  <c r="AF327" i="1"/>
  <c r="AD327" i="1"/>
  <c r="W328" i="1"/>
  <c r="AB328" i="1"/>
  <c r="AA328" i="1"/>
  <c r="T328" i="1"/>
  <c r="V328" i="1"/>
  <c r="X328" i="1"/>
  <c r="Z328" i="1"/>
  <c r="U328" i="1"/>
  <c r="Y328" i="1"/>
  <c r="S328" i="1"/>
  <c r="P330" i="1"/>
  <c r="R330" i="1" s="1"/>
  <c r="W331" i="6" l="1"/>
  <c r="B363" i="2"/>
  <c r="N364" i="2"/>
  <c r="AC328" i="1"/>
  <c r="W329" i="1"/>
  <c r="AB329" i="1"/>
  <c r="AE328" i="1"/>
  <c r="AD328" i="1"/>
  <c r="AG328" i="1"/>
  <c r="AF328" i="1"/>
  <c r="AA329" i="1"/>
  <c r="Y329" i="1"/>
  <c r="Z329" i="1"/>
  <c r="V329" i="1"/>
  <c r="X329" i="1"/>
  <c r="T329" i="1"/>
  <c r="U329" i="1"/>
  <c r="S329" i="1"/>
  <c r="P331" i="1"/>
  <c r="R331" i="1" s="1"/>
  <c r="W332" i="6" l="1"/>
  <c r="B364" i="2"/>
  <c r="N365" i="2"/>
  <c r="W330" i="1"/>
  <c r="AB330" i="1"/>
  <c r="AA330" i="1"/>
  <c r="Z330" i="1"/>
  <c r="V330" i="1"/>
  <c r="X330" i="1"/>
  <c r="U330" i="1"/>
  <c r="T330" i="1"/>
  <c r="S330" i="1"/>
  <c r="Y330" i="1"/>
  <c r="P332" i="1"/>
  <c r="R332" i="1" s="1"/>
  <c r="W333" i="6" l="1"/>
  <c r="B365" i="2"/>
  <c r="N366" i="2"/>
  <c r="W331" i="1"/>
  <c r="AB331" i="1"/>
  <c r="Z331" i="1"/>
  <c r="AA331" i="1"/>
  <c r="Y331" i="1"/>
  <c r="V331" i="1"/>
  <c r="X331" i="1"/>
  <c r="S331" i="1"/>
  <c r="T331" i="1"/>
  <c r="U331" i="1"/>
  <c r="P333" i="1"/>
  <c r="R333" i="1" s="1"/>
  <c r="W334" i="6" l="1"/>
  <c r="B366" i="2"/>
  <c r="N367" i="2"/>
  <c r="AE331" i="1"/>
  <c r="AG331" i="1"/>
  <c r="AF331" i="1"/>
  <c r="AD331" i="1"/>
  <c r="AC331" i="1"/>
  <c r="W332" i="1"/>
  <c r="AB332" i="1"/>
  <c r="Z332" i="1"/>
  <c r="AA332" i="1"/>
  <c r="V332" i="1"/>
  <c r="X332" i="1"/>
  <c r="T332" i="1"/>
  <c r="U332" i="1"/>
  <c r="S332" i="1"/>
  <c r="Y332" i="1"/>
  <c r="P334" i="1"/>
  <c r="R334" i="1" s="1"/>
  <c r="W335" i="6" l="1"/>
  <c r="B367" i="2"/>
  <c r="N368" i="2"/>
  <c r="AG332" i="1"/>
  <c r="AE332" i="1"/>
  <c r="AF332" i="1"/>
  <c r="AC332" i="1"/>
  <c r="AB333" i="1"/>
  <c r="W333" i="1"/>
  <c r="AD332" i="1"/>
  <c r="AA333" i="1"/>
  <c r="U333" i="1"/>
  <c r="X333" i="1"/>
  <c r="S333" i="1"/>
  <c r="Z333" i="1"/>
  <c r="V333" i="1"/>
  <c r="Y333" i="1"/>
  <c r="T333" i="1"/>
  <c r="P335" i="1"/>
  <c r="R335" i="1" s="1"/>
  <c r="W336" i="6" l="1"/>
  <c r="B368" i="2"/>
  <c r="N369" i="2"/>
  <c r="AF333" i="1"/>
  <c r="AD333" i="1"/>
  <c r="W334" i="1"/>
  <c r="AB334" i="1"/>
  <c r="AC333" i="1"/>
  <c r="AE333" i="1"/>
  <c r="AG333" i="1"/>
  <c r="Y334" i="1"/>
  <c r="V334" i="1"/>
  <c r="X334" i="1"/>
  <c r="U334" i="1"/>
  <c r="Z334" i="1"/>
  <c r="AA334" i="1"/>
  <c r="T334" i="1"/>
  <c r="S334" i="1"/>
  <c r="P336" i="1"/>
  <c r="R336" i="1" s="1"/>
  <c r="W337" i="6" l="1"/>
  <c r="B369" i="2"/>
  <c r="N370" i="2"/>
  <c r="AG334" i="1"/>
  <c r="AD334" i="1"/>
  <c r="AC334" i="1"/>
  <c r="AB335" i="1"/>
  <c r="W335" i="1"/>
  <c r="AE334" i="1"/>
  <c r="AF334" i="1"/>
  <c r="AA335" i="1"/>
  <c r="X335" i="1"/>
  <c r="T335" i="1"/>
  <c r="V335" i="1"/>
  <c r="U335" i="1"/>
  <c r="Y335" i="1"/>
  <c r="S335" i="1"/>
  <c r="Z335" i="1"/>
  <c r="P337" i="1"/>
  <c r="R337" i="1" s="1"/>
  <c r="W338" i="6" l="1"/>
  <c r="B370" i="2"/>
  <c r="N371" i="2"/>
  <c r="AF335" i="1"/>
  <c r="AG335" i="1"/>
  <c r="AC335" i="1"/>
  <c r="AB336" i="1"/>
  <c r="W336" i="1"/>
  <c r="AE335" i="1"/>
  <c r="AD335" i="1"/>
  <c r="AA336" i="1"/>
  <c r="X336" i="1"/>
  <c r="Z336" i="1"/>
  <c r="Y336" i="1"/>
  <c r="V336" i="1"/>
  <c r="U336" i="1"/>
  <c r="S336" i="1"/>
  <c r="T336" i="1"/>
  <c r="P338" i="1"/>
  <c r="R338" i="1" s="1"/>
  <c r="W339" i="6" l="1"/>
  <c r="B371" i="2"/>
  <c r="N372" i="2"/>
  <c r="AB337" i="1"/>
  <c r="W337" i="1"/>
  <c r="Z337" i="1"/>
  <c r="AA337" i="1"/>
  <c r="Y337" i="1"/>
  <c r="X337" i="1"/>
  <c r="T337" i="1"/>
  <c r="V337" i="1"/>
  <c r="S337" i="1"/>
  <c r="U337" i="1"/>
  <c r="P339" i="1"/>
  <c r="R339" i="1" s="1"/>
  <c r="W340" i="6" l="1"/>
  <c r="B372" i="2"/>
  <c r="N373" i="2"/>
  <c r="AB338" i="1"/>
  <c r="W338" i="1"/>
  <c r="Z338" i="1"/>
  <c r="X338" i="1"/>
  <c r="V338" i="1"/>
  <c r="AA338" i="1"/>
  <c r="Y338" i="1"/>
  <c r="T338" i="1"/>
  <c r="S338" i="1"/>
  <c r="U338" i="1"/>
  <c r="P340" i="1"/>
  <c r="R340" i="1" s="1"/>
  <c r="W341" i="6" l="1"/>
  <c r="B373" i="2"/>
  <c r="N374" i="2"/>
  <c r="AG338" i="1"/>
  <c r="AC338" i="1"/>
  <c r="AE338" i="1"/>
  <c r="AB339" i="1"/>
  <c r="W339" i="1"/>
  <c r="AD338" i="1"/>
  <c r="AF338" i="1"/>
  <c r="Z339" i="1"/>
  <c r="X339" i="1"/>
  <c r="AA339" i="1"/>
  <c r="Y339" i="1"/>
  <c r="T339" i="1"/>
  <c r="V339" i="1"/>
  <c r="S339" i="1"/>
  <c r="U339" i="1"/>
  <c r="P341" i="1"/>
  <c r="R341" i="1" s="1"/>
  <c r="W342" i="6" l="1"/>
  <c r="B374" i="2"/>
  <c r="AG339" i="1"/>
  <c r="N375" i="2"/>
  <c r="AE339" i="1"/>
  <c r="AF339" i="1"/>
  <c r="AC339" i="1"/>
  <c r="AD339" i="1"/>
  <c r="AB340" i="1"/>
  <c r="W340" i="1"/>
  <c r="Y340" i="1"/>
  <c r="Z340" i="1"/>
  <c r="X340" i="1"/>
  <c r="AA340" i="1"/>
  <c r="T340" i="1"/>
  <c r="V340" i="1"/>
  <c r="U340" i="1"/>
  <c r="S340" i="1"/>
  <c r="P342" i="1"/>
  <c r="R342" i="1" s="1"/>
  <c r="W343" i="6" l="1"/>
  <c r="B375" i="2"/>
  <c r="N376" i="2"/>
  <c r="AD340" i="1"/>
  <c r="AF340" i="1"/>
  <c r="AG340" i="1"/>
  <c r="AE340" i="1"/>
  <c r="AC340" i="1"/>
  <c r="AB341" i="1"/>
  <c r="W341" i="1"/>
  <c r="AA341" i="1"/>
  <c r="Y341" i="1"/>
  <c r="X341" i="1"/>
  <c r="T341" i="1"/>
  <c r="Z341" i="1"/>
  <c r="S341" i="1"/>
  <c r="V341" i="1"/>
  <c r="U341" i="1"/>
  <c r="P343" i="1"/>
  <c r="R343" i="1" s="1"/>
  <c r="W344" i="6" l="1"/>
  <c r="B376" i="2"/>
  <c r="N377" i="2"/>
  <c r="AG341" i="1"/>
  <c r="AF341" i="1"/>
  <c r="AD341" i="1"/>
  <c r="AE341" i="1"/>
  <c r="AC341" i="1"/>
  <c r="AB342" i="1"/>
  <c r="W342" i="1"/>
  <c r="Y342" i="1"/>
  <c r="Z342" i="1"/>
  <c r="AA342" i="1"/>
  <c r="U342" i="1"/>
  <c r="X342" i="1"/>
  <c r="T342" i="1"/>
  <c r="V342" i="1"/>
  <c r="S342" i="1"/>
  <c r="P344" i="1"/>
  <c r="R344" i="1" s="1"/>
  <c r="W345" i="6" l="1"/>
  <c r="B377" i="2"/>
  <c r="AC342" i="1"/>
  <c r="AG342" i="1"/>
  <c r="N378" i="2"/>
  <c r="AD342" i="1"/>
  <c r="AE342" i="1"/>
  <c r="AF342" i="1"/>
  <c r="AB343" i="1"/>
  <c r="W343" i="1"/>
  <c r="Y343" i="1"/>
  <c r="X343" i="1"/>
  <c r="V343" i="1"/>
  <c r="U343" i="1"/>
  <c r="AA343" i="1"/>
  <c r="T343" i="1"/>
  <c r="Z343" i="1"/>
  <c r="S343" i="1"/>
  <c r="P345" i="1"/>
  <c r="R345" i="1" s="1"/>
  <c r="W346" i="6" l="1"/>
  <c r="B378" i="2"/>
  <c r="N379" i="2"/>
  <c r="AB344" i="1"/>
  <c r="W344" i="1"/>
  <c r="Z344" i="1"/>
  <c r="AA344" i="1"/>
  <c r="Y344" i="1"/>
  <c r="X344" i="1"/>
  <c r="U344" i="1"/>
  <c r="T344" i="1"/>
  <c r="V344" i="1"/>
  <c r="S344" i="1"/>
  <c r="P346" i="1"/>
  <c r="R346" i="1" s="1"/>
  <c r="W347" i="6" l="1"/>
  <c r="B379" i="2"/>
  <c r="N380" i="2"/>
  <c r="W345" i="1"/>
  <c r="AB345" i="1"/>
  <c r="Z345" i="1"/>
  <c r="Y345" i="1"/>
  <c r="AA345" i="1"/>
  <c r="U345" i="1"/>
  <c r="X345" i="1"/>
  <c r="T345" i="1"/>
  <c r="S345" i="1"/>
  <c r="V345" i="1"/>
  <c r="P347" i="1"/>
  <c r="R347" i="1" s="1"/>
  <c r="W348" i="6" l="1"/>
  <c r="B380" i="2"/>
  <c r="N381" i="2"/>
  <c r="AF345" i="1"/>
  <c r="AD345" i="1"/>
  <c r="AG345" i="1"/>
  <c r="AC345" i="1"/>
  <c r="AE345" i="1"/>
  <c r="W346" i="1"/>
  <c r="AB346" i="1"/>
  <c r="AA346" i="1"/>
  <c r="Y346" i="1"/>
  <c r="Z346" i="1"/>
  <c r="V346" i="1"/>
  <c r="U346" i="1"/>
  <c r="X346" i="1"/>
  <c r="T346" i="1"/>
  <c r="S346" i="1"/>
  <c r="P348" i="1"/>
  <c r="R348" i="1" s="1"/>
  <c r="W349" i="6" l="1"/>
  <c r="B381" i="2"/>
  <c r="AC346" i="1"/>
  <c r="N382" i="2"/>
  <c r="AG346" i="1"/>
  <c r="AF346" i="1"/>
  <c r="AE346" i="1"/>
  <c r="AD346" i="1"/>
  <c r="W347" i="1"/>
  <c r="AB347" i="1"/>
  <c r="AA347" i="1"/>
  <c r="Z347" i="1"/>
  <c r="X347" i="1"/>
  <c r="T347" i="1"/>
  <c r="U347" i="1"/>
  <c r="V347" i="1"/>
  <c r="S347" i="1"/>
  <c r="Y347" i="1"/>
  <c r="P349" i="1"/>
  <c r="R349" i="1" s="1"/>
  <c r="W350" i="6" l="1"/>
  <c r="B382" i="2"/>
  <c r="N383" i="2"/>
  <c r="AF347" i="1"/>
  <c r="AG347" i="1"/>
  <c r="AE347" i="1"/>
  <c r="AC347" i="1"/>
  <c r="W348" i="1"/>
  <c r="AB348" i="1"/>
  <c r="AD347" i="1"/>
  <c r="Y348" i="1"/>
  <c r="AA348" i="1"/>
  <c r="T348" i="1"/>
  <c r="V348" i="1"/>
  <c r="X348" i="1"/>
  <c r="U348" i="1"/>
  <c r="Z348" i="1"/>
  <c r="S348" i="1"/>
  <c r="P350" i="1"/>
  <c r="R350" i="1" s="1"/>
  <c r="W351" i="6" l="1"/>
  <c r="B383" i="2"/>
  <c r="N384" i="2"/>
  <c r="AD348" i="1"/>
  <c r="AG348" i="1"/>
  <c r="AF348" i="1"/>
  <c r="AC348" i="1"/>
  <c r="W349" i="1"/>
  <c r="AB349" i="1"/>
  <c r="AE348" i="1"/>
  <c r="AA349" i="1"/>
  <c r="Z349" i="1"/>
  <c r="V349" i="1"/>
  <c r="Y349" i="1"/>
  <c r="X349" i="1"/>
  <c r="U349" i="1"/>
  <c r="S349" i="1"/>
  <c r="T349" i="1"/>
  <c r="P351" i="1"/>
  <c r="R351" i="1" s="1"/>
  <c r="W352" i="6" l="1"/>
  <c r="B384" i="2"/>
  <c r="N385" i="2"/>
  <c r="AF349" i="1"/>
  <c r="AC349" i="1"/>
  <c r="AE349" i="1"/>
  <c r="AD349" i="1"/>
  <c r="W350" i="1"/>
  <c r="AB350" i="1"/>
  <c r="AG349" i="1"/>
  <c r="AA350" i="1"/>
  <c r="Z350" i="1"/>
  <c r="X350" i="1"/>
  <c r="V350" i="1"/>
  <c r="Y350" i="1"/>
  <c r="S350" i="1"/>
  <c r="T350" i="1"/>
  <c r="U350" i="1"/>
  <c r="P352" i="1"/>
  <c r="R352" i="1" s="1"/>
  <c r="W353" i="6" l="1"/>
  <c r="B385" i="2"/>
  <c r="N386" i="2"/>
  <c r="W351" i="1"/>
  <c r="AB351" i="1"/>
  <c r="Y351" i="1"/>
  <c r="Z351" i="1"/>
  <c r="V351" i="1"/>
  <c r="AA351" i="1"/>
  <c r="U351" i="1"/>
  <c r="T351" i="1"/>
  <c r="X351" i="1"/>
  <c r="S351" i="1"/>
  <c r="P353" i="1"/>
  <c r="R353" i="1" s="1"/>
  <c r="W354" i="6" l="1"/>
  <c r="B386" i="2"/>
  <c r="N387" i="2"/>
  <c r="W352" i="1"/>
  <c r="AB352" i="1"/>
  <c r="X352" i="1"/>
  <c r="Z352" i="1"/>
  <c r="V352" i="1"/>
  <c r="AA352" i="1"/>
  <c r="Y352" i="1"/>
  <c r="S352" i="1"/>
  <c r="U352" i="1"/>
  <c r="T352" i="1"/>
  <c r="P354" i="1"/>
  <c r="R354" i="1" s="1"/>
  <c r="W355" i="6" l="1"/>
  <c r="B387" i="2"/>
  <c r="N388" i="2"/>
  <c r="AE352" i="1"/>
  <c r="AC352" i="1"/>
  <c r="AD352" i="1"/>
  <c r="AB353" i="1"/>
  <c r="W353" i="1"/>
  <c r="AF352" i="1"/>
  <c r="AG352" i="1"/>
  <c r="AA353" i="1"/>
  <c r="U353" i="1"/>
  <c r="X353" i="1"/>
  <c r="Z353" i="1"/>
  <c r="S353" i="1"/>
  <c r="Y353" i="1"/>
  <c r="V353" i="1"/>
  <c r="T353" i="1"/>
  <c r="P355" i="1"/>
  <c r="R355" i="1" s="1"/>
  <c r="W356" i="6" l="1"/>
  <c r="B388" i="2"/>
  <c r="AG353" i="1"/>
  <c r="N389" i="2"/>
  <c r="AD353" i="1"/>
  <c r="AF353" i="1"/>
  <c r="AC353" i="1"/>
  <c r="W354" i="1"/>
  <c r="AB354" i="1"/>
  <c r="AE353" i="1"/>
  <c r="AA354" i="1"/>
  <c r="Y354" i="1"/>
  <c r="X354" i="1"/>
  <c r="Z354" i="1"/>
  <c r="V354" i="1"/>
  <c r="T354" i="1"/>
  <c r="U354" i="1"/>
  <c r="S354" i="1"/>
  <c r="P356" i="1"/>
  <c r="R356" i="1" s="1"/>
  <c r="W357" i="6" l="1"/>
  <c r="B389" i="2"/>
  <c r="N390" i="2"/>
  <c r="AF354" i="1"/>
  <c r="AG354" i="1"/>
  <c r="AD354" i="1"/>
  <c r="AE354" i="1"/>
  <c r="AC354" i="1"/>
  <c r="W355" i="1"/>
  <c r="AB355" i="1"/>
  <c r="AA355" i="1"/>
  <c r="Z355" i="1"/>
  <c r="X355" i="1"/>
  <c r="U355" i="1"/>
  <c r="Y355" i="1"/>
  <c r="T355" i="1"/>
  <c r="S355" i="1"/>
  <c r="V355" i="1"/>
  <c r="P357" i="1"/>
  <c r="R357" i="1" s="1"/>
  <c r="W358" i="6" l="1"/>
  <c r="B390" i="2"/>
  <c r="N391" i="2"/>
  <c r="AC355" i="1"/>
  <c r="AF355" i="1"/>
  <c r="AE355" i="1"/>
  <c r="AD355" i="1"/>
  <c r="W356" i="1"/>
  <c r="AB356" i="1"/>
  <c r="AG355" i="1"/>
  <c r="AA356" i="1"/>
  <c r="X356" i="1"/>
  <c r="Z356" i="1"/>
  <c r="T356" i="1"/>
  <c r="Y356" i="1"/>
  <c r="S356" i="1"/>
  <c r="U356" i="1"/>
  <c r="V356" i="1"/>
  <c r="P358" i="1"/>
  <c r="R358" i="1" s="1"/>
  <c r="W359" i="6" l="1"/>
  <c r="B391" i="2"/>
  <c r="N392" i="2"/>
  <c r="AG356" i="1"/>
  <c r="AC356" i="1"/>
  <c r="AF356" i="1"/>
  <c r="AE356" i="1"/>
  <c r="AB357" i="1"/>
  <c r="W357" i="1"/>
  <c r="AD356" i="1"/>
  <c r="Z357" i="1"/>
  <c r="X357" i="1"/>
  <c r="Y357" i="1"/>
  <c r="S357" i="1"/>
  <c r="U357" i="1"/>
  <c r="T357" i="1"/>
  <c r="V357" i="1"/>
  <c r="AA357" i="1"/>
  <c r="P359" i="1"/>
  <c r="R359" i="1" s="1"/>
  <c r="W360" i="6" l="1"/>
  <c r="B392" i="2"/>
  <c r="N393" i="2"/>
  <c r="AB358" i="1"/>
  <c r="W358" i="1"/>
  <c r="X358" i="1"/>
  <c r="AA358" i="1"/>
  <c r="Z358" i="1"/>
  <c r="V358" i="1"/>
  <c r="T358" i="1"/>
  <c r="Y358" i="1"/>
  <c r="S358" i="1"/>
  <c r="U358" i="1"/>
  <c r="P360" i="1"/>
  <c r="R360" i="1" s="1"/>
  <c r="W361" i="6" l="1"/>
  <c r="B393" i="2"/>
  <c r="N394" i="2"/>
  <c r="AB359" i="1"/>
  <c r="W359" i="1"/>
  <c r="X359" i="1"/>
  <c r="AA359" i="1"/>
  <c r="Y359" i="1"/>
  <c r="T359" i="1"/>
  <c r="V359" i="1"/>
  <c r="U359" i="1"/>
  <c r="Z359" i="1"/>
  <c r="S359" i="1"/>
  <c r="P361" i="1"/>
  <c r="R361" i="1" s="1"/>
  <c r="W362" i="6" l="1"/>
  <c r="B394" i="2"/>
  <c r="AG359" i="1"/>
  <c r="N395" i="2"/>
  <c r="AC359" i="1"/>
  <c r="AD359" i="1"/>
  <c r="AF359" i="1"/>
  <c r="AB360" i="1"/>
  <c r="W360" i="1"/>
  <c r="AE359" i="1"/>
  <c r="Y360" i="1"/>
  <c r="Z360" i="1"/>
  <c r="T360" i="1"/>
  <c r="X360" i="1"/>
  <c r="V360" i="1"/>
  <c r="S360" i="1"/>
  <c r="U360" i="1"/>
  <c r="AA360" i="1"/>
  <c r="P362" i="1"/>
  <c r="R362" i="1" s="1"/>
  <c r="W363" i="6" l="1"/>
  <c r="B395" i="2"/>
  <c r="N396" i="2"/>
  <c r="AD360" i="1"/>
  <c r="AG360" i="1"/>
  <c r="AE360" i="1"/>
  <c r="AC360" i="1"/>
  <c r="AB361" i="1"/>
  <c r="W361" i="1"/>
  <c r="AF360" i="1"/>
  <c r="Z361" i="1"/>
  <c r="AA361" i="1"/>
  <c r="X361" i="1"/>
  <c r="V361" i="1"/>
  <c r="T361" i="1"/>
  <c r="Y361" i="1"/>
  <c r="U361" i="1"/>
  <c r="S361" i="1"/>
  <c r="P363" i="1"/>
  <c r="R363" i="1" s="1"/>
  <c r="W364" i="6" l="1"/>
  <c r="B396" i="2"/>
  <c r="N397" i="2"/>
  <c r="AC361" i="1"/>
  <c r="AF361" i="1"/>
  <c r="AG361" i="1"/>
  <c r="AE361" i="1"/>
  <c r="AB362" i="1"/>
  <c r="W362" i="1"/>
  <c r="AD361" i="1"/>
  <c r="Z362" i="1"/>
  <c r="AA362" i="1"/>
  <c r="X362" i="1"/>
  <c r="V362" i="1"/>
  <c r="T362" i="1"/>
  <c r="Y362" i="1"/>
  <c r="S362" i="1"/>
  <c r="U362" i="1"/>
  <c r="P364" i="1"/>
  <c r="R364" i="1" s="1"/>
  <c r="W365" i="6" l="1"/>
  <c r="B397" i="2"/>
  <c r="N398" i="2"/>
  <c r="AG362" i="1"/>
  <c r="AE362" i="1"/>
  <c r="AF362" i="1"/>
  <c r="AC362" i="1"/>
  <c r="AB363" i="1"/>
  <c r="W363" i="1"/>
  <c r="AD362" i="1"/>
  <c r="Z363" i="1"/>
  <c r="AA363" i="1"/>
  <c r="Y363" i="1"/>
  <c r="U363" i="1"/>
  <c r="V363" i="1"/>
  <c r="T363" i="1"/>
  <c r="S363" i="1"/>
  <c r="X363" i="1"/>
  <c r="P365" i="1"/>
  <c r="R365" i="1" s="1"/>
  <c r="W366" i="6" l="1"/>
  <c r="B398" i="2"/>
  <c r="N399" i="2"/>
  <c r="AD363" i="1"/>
  <c r="AE363" i="1"/>
  <c r="AF363" i="1"/>
  <c r="AB364" i="1"/>
  <c r="W364" i="1"/>
  <c r="AG363" i="1"/>
  <c r="AC363" i="1"/>
  <c r="Z364" i="1"/>
  <c r="Y364" i="1"/>
  <c r="X364" i="1"/>
  <c r="AA364" i="1"/>
  <c r="U364" i="1"/>
  <c r="V364" i="1"/>
  <c r="T364" i="1"/>
  <c r="S364" i="1"/>
  <c r="P366" i="1"/>
  <c r="R366" i="1" s="1"/>
  <c r="W367" i="6" l="1"/>
  <c r="B399" i="2"/>
  <c r="N400" i="2"/>
  <c r="W365" i="1"/>
  <c r="AB365" i="1"/>
  <c r="Z365" i="1"/>
  <c r="Y365" i="1"/>
  <c r="AA365" i="1"/>
  <c r="U365" i="1"/>
  <c r="V365" i="1"/>
  <c r="T365" i="1"/>
  <c r="S365" i="1"/>
  <c r="X365" i="1"/>
  <c r="P367" i="1"/>
  <c r="R367" i="1" s="1"/>
  <c r="W368" i="6" l="1"/>
  <c r="B400" i="2"/>
  <c r="N401" i="2"/>
  <c r="W366" i="1"/>
  <c r="AB366" i="1"/>
  <c r="Y366" i="1"/>
  <c r="X366" i="1"/>
  <c r="Z366" i="1"/>
  <c r="AA366" i="1"/>
  <c r="U366" i="1"/>
  <c r="V366" i="1"/>
  <c r="T366" i="1"/>
  <c r="S366" i="1"/>
  <c r="W369" i="6" l="1"/>
  <c r="B401" i="2"/>
  <c r="N402" i="2"/>
  <c r="AG366" i="1"/>
  <c r="AE366" i="1"/>
  <c r="AD366" i="1"/>
  <c r="AF366" i="1"/>
  <c r="W367" i="1"/>
  <c r="AB367" i="1"/>
  <c r="AC366" i="1"/>
  <c r="Y367" i="1"/>
  <c r="Z367" i="1"/>
  <c r="X367" i="1"/>
  <c r="AA367" i="1"/>
  <c r="AG367" i="1"/>
  <c r="U367" i="1"/>
  <c r="V367" i="1"/>
  <c r="T367" i="1"/>
  <c r="S367" i="1"/>
  <c r="W370" i="6" l="1"/>
  <c r="B402" i="2"/>
  <c r="N403" i="2"/>
  <c r="AE367" i="1"/>
  <c r="AD367" i="1"/>
  <c r="AF367" i="1"/>
  <c r="AC367" i="1"/>
  <c r="W371" i="6" l="1"/>
  <c r="B403" i="2"/>
  <c r="N404" i="2"/>
  <c r="W372" i="6" l="1"/>
  <c r="B404" i="2"/>
  <c r="N405" i="2"/>
  <c r="W373" i="6" l="1"/>
  <c r="B405" i="2"/>
  <c r="N406" i="2"/>
  <c r="W374" i="6" l="1"/>
  <c r="B406" i="2"/>
  <c r="N407" i="2"/>
  <c r="W375" i="6" l="1"/>
  <c r="B407" i="2"/>
  <c r="N408" i="2"/>
  <c r="W376" i="6" l="1"/>
  <c r="B408" i="2"/>
  <c r="N409" i="2"/>
  <c r="W377" i="6" l="1"/>
  <c r="B409" i="2"/>
  <c r="N410" i="2"/>
  <c r="W378" i="6" l="1"/>
  <c r="B410" i="2"/>
  <c r="N411" i="2"/>
  <c r="W379" i="6" l="1"/>
  <c r="B411" i="2"/>
  <c r="N412" i="2"/>
  <c r="W380" i="6" l="1"/>
  <c r="B412" i="2"/>
  <c r="N413" i="2"/>
  <c r="W381" i="6" l="1"/>
  <c r="B413" i="2"/>
  <c r="N414" i="2"/>
  <c r="W382" i="6" l="1"/>
  <c r="B414" i="2"/>
  <c r="N415" i="2"/>
  <c r="W383" i="6" l="1"/>
  <c r="B415" i="2"/>
  <c r="N416" i="2"/>
  <c r="W384" i="6" l="1"/>
  <c r="B416" i="2"/>
  <c r="N417" i="2"/>
  <c r="W385" i="6" l="1"/>
  <c r="B417" i="2"/>
  <c r="N418" i="2"/>
  <c r="W386" i="6" l="1"/>
  <c r="B418" i="2"/>
  <c r="N419" i="2"/>
  <c r="W387" i="6" l="1"/>
  <c r="B419" i="2"/>
  <c r="N420" i="2"/>
  <c r="W388" i="6" l="1"/>
  <c r="B420" i="2"/>
  <c r="N421" i="2"/>
  <c r="W389" i="6" l="1"/>
  <c r="B421" i="2"/>
  <c r="N422" i="2"/>
  <c r="W390" i="6" l="1"/>
  <c r="B422" i="2"/>
  <c r="N423" i="2"/>
  <c r="W391" i="6" l="1"/>
  <c r="B423" i="2"/>
  <c r="N424" i="2"/>
  <c r="W392" i="6" l="1"/>
  <c r="B424" i="2"/>
  <c r="N425" i="2"/>
  <c r="W393" i="6" l="1"/>
  <c r="B425" i="2"/>
  <c r="N426" i="2"/>
  <c r="W394" i="6" l="1"/>
  <c r="B426" i="2"/>
  <c r="N427" i="2"/>
  <c r="W395" i="6" l="1"/>
  <c r="B427" i="2"/>
  <c r="N428" i="2"/>
  <c r="W396" i="6" l="1"/>
  <c r="B428" i="2"/>
  <c r="N429" i="2"/>
  <c r="W397" i="6" l="1"/>
  <c r="B429" i="2"/>
  <c r="N430" i="2"/>
  <c r="W398" i="6" l="1"/>
  <c r="B430" i="2"/>
  <c r="N431" i="2"/>
  <c r="W399" i="6" l="1"/>
  <c r="B431" i="2"/>
  <c r="N432" i="2"/>
  <c r="W400" i="6" l="1"/>
  <c r="B432" i="2"/>
  <c r="N433" i="2"/>
  <c r="W401" i="6" l="1"/>
  <c r="B433" i="2"/>
  <c r="N434" i="2"/>
  <c r="W402" i="6" l="1"/>
  <c r="B434" i="2"/>
  <c r="N435" i="2"/>
  <c r="W403" i="6" l="1"/>
  <c r="B435" i="2"/>
  <c r="N436" i="2"/>
  <c r="W404" i="6" l="1"/>
  <c r="B436" i="2"/>
  <c r="N437" i="2"/>
  <c r="W405" i="6" l="1"/>
  <c r="B437" i="2"/>
  <c r="N438" i="2"/>
  <c r="W406" i="6" l="1"/>
  <c r="B438" i="2"/>
  <c r="N439" i="2"/>
  <c r="W407" i="6" l="1"/>
  <c r="B439" i="2"/>
  <c r="N440" i="2"/>
  <c r="W408" i="6" l="1"/>
  <c r="B440" i="2"/>
  <c r="N441" i="2"/>
  <c r="W409" i="6" l="1"/>
  <c r="B441" i="2"/>
  <c r="N442" i="2"/>
  <c r="W410" i="6" l="1"/>
  <c r="B442" i="2"/>
  <c r="N443" i="2"/>
  <c r="W411" i="6" l="1"/>
  <c r="B443" i="2"/>
  <c r="N444" i="2"/>
  <c r="W412" i="6" l="1"/>
  <c r="B444" i="2"/>
  <c r="N445" i="2"/>
  <c r="W413" i="6" l="1"/>
  <c r="B445" i="2"/>
  <c r="N446" i="2"/>
  <c r="W414" i="6" l="1"/>
  <c r="B446" i="2"/>
  <c r="N447" i="2"/>
  <c r="W415" i="6" l="1"/>
  <c r="B447" i="2"/>
  <c r="N448" i="2"/>
  <c r="W416" i="6" l="1"/>
  <c r="B448" i="2"/>
  <c r="N449" i="2"/>
  <c r="W417" i="6" l="1"/>
  <c r="B449" i="2"/>
  <c r="N450" i="2"/>
  <c r="W418" i="6" l="1"/>
  <c r="B450" i="2"/>
  <c r="N451" i="2"/>
  <c r="W419" i="6" l="1"/>
  <c r="B451" i="2"/>
  <c r="N452" i="2"/>
  <c r="W420" i="6" l="1"/>
  <c r="B452" i="2"/>
  <c r="N453" i="2"/>
  <c r="W421" i="6" l="1"/>
  <c r="B453" i="2"/>
  <c r="N454" i="2"/>
  <c r="W422" i="6" l="1"/>
  <c r="B454" i="2"/>
  <c r="N455" i="2"/>
  <c r="W423" i="6" l="1"/>
  <c r="B455" i="2"/>
  <c r="N456" i="2"/>
  <c r="W424" i="6" l="1"/>
  <c r="B456" i="2"/>
  <c r="N457" i="2"/>
  <c r="W425" i="6" l="1"/>
  <c r="B457" i="2"/>
  <c r="N458" i="2"/>
  <c r="W426" i="6" l="1"/>
  <c r="B458" i="2"/>
  <c r="N459" i="2"/>
  <c r="W427" i="6" l="1"/>
  <c r="B459" i="2"/>
  <c r="N460" i="2"/>
  <c r="W428" i="6" l="1"/>
  <c r="B460" i="2"/>
  <c r="N461" i="2"/>
  <c r="W429" i="6" l="1"/>
  <c r="B461" i="2"/>
  <c r="N462" i="2"/>
  <c r="W430" i="6" l="1"/>
  <c r="B462" i="2"/>
  <c r="N463" i="2"/>
  <c r="W431" i="6" l="1"/>
  <c r="B463" i="2"/>
  <c r="N464" i="2"/>
  <c r="W432" i="6" l="1"/>
  <c r="B464" i="2"/>
  <c r="N465" i="2"/>
  <c r="W433" i="6" l="1"/>
  <c r="B465" i="2"/>
  <c r="N466" i="2"/>
  <c r="W434" i="6" l="1"/>
  <c r="B466" i="2"/>
  <c r="N467" i="2"/>
  <c r="W435" i="6" l="1"/>
  <c r="B467" i="2"/>
  <c r="N468" i="2"/>
  <c r="W436" i="6" l="1"/>
  <c r="B468" i="2"/>
  <c r="N469" i="2"/>
  <c r="W437" i="6" l="1"/>
  <c r="B469" i="2"/>
  <c r="N470" i="2"/>
  <c r="W438" i="6" l="1"/>
  <c r="B470" i="2"/>
  <c r="N471" i="2"/>
  <c r="W439" i="6" l="1"/>
  <c r="B471" i="2"/>
  <c r="N472" i="2"/>
  <c r="W440" i="6" l="1"/>
  <c r="B472" i="2"/>
  <c r="N473" i="2"/>
  <c r="W441" i="6" l="1"/>
  <c r="B473" i="2"/>
  <c r="N474" i="2"/>
  <c r="W442" i="6" l="1"/>
  <c r="B474" i="2"/>
  <c r="N475" i="2"/>
  <c r="W443" i="6" l="1"/>
  <c r="B475" i="2"/>
  <c r="N476" i="2"/>
  <c r="W444" i="6" l="1"/>
  <c r="B476" i="2"/>
  <c r="N477" i="2"/>
  <c r="W445" i="6" l="1"/>
  <c r="B477" i="2"/>
  <c r="N478" i="2"/>
  <c r="W446" i="6" l="1"/>
  <c r="B478" i="2"/>
  <c r="N479" i="2"/>
  <c r="W447" i="6" l="1"/>
  <c r="B479" i="2"/>
  <c r="N480" i="2"/>
  <c r="W448" i="6" l="1"/>
  <c r="B480" i="2"/>
  <c r="N481" i="2"/>
  <c r="W449" i="6" l="1"/>
  <c r="B481" i="2"/>
  <c r="N482" i="2"/>
  <c r="W450" i="6" l="1"/>
  <c r="B482" i="2"/>
  <c r="N483" i="2"/>
  <c r="W451" i="6" l="1"/>
  <c r="B483" i="2"/>
  <c r="N484" i="2"/>
  <c r="W452" i="6" l="1"/>
  <c r="B484" i="2"/>
  <c r="N485" i="2"/>
  <c r="W453" i="6" l="1"/>
  <c r="B485" i="2"/>
  <c r="N486" i="2"/>
  <c r="W454" i="6" l="1"/>
  <c r="B486" i="2"/>
  <c r="N487" i="2"/>
  <c r="W455" i="6" l="1"/>
  <c r="B487" i="2"/>
  <c r="N488" i="2"/>
  <c r="W456" i="6" l="1"/>
  <c r="B488" i="2"/>
  <c r="N489" i="2"/>
  <c r="W457" i="6" l="1"/>
  <c r="B489" i="2"/>
  <c r="N490" i="2"/>
  <c r="W458" i="6" l="1"/>
  <c r="B490" i="2"/>
  <c r="N491" i="2"/>
  <c r="W459" i="6" l="1"/>
  <c r="B491" i="2"/>
  <c r="N492" i="2"/>
  <c r="W460" i="6" l="1"/>
  <c r="B492" i="2"/>
  <c r="N493" i="2"/>
  <c r="W461" i="6" l="1"/>
  <c r="B493" i="2"/>
  <c r="N494" i="2"/>
  <c r="W462" i="6" l="1"/>
  <c r="B494" i="2"/>
  <c r="N495" i="2"/>
  <c r="W463" i="6" l="1"/>
  <c r="B495" i="2"/>
  <c r="N496" i="2"/>
  <c r="W464" i="6" l="1"/>
  <c r="B496" i="2"/>
  <c r="N497" i="2"/>
  <c r="W465" i="6" l="1"/>
  <c r="B497" i="2"/>
  <c r="N498" i="2"/>
  <c r="W466" i="6" l="1"/>
  <c r="B498" i="2"/>
  <c r="N499" i="2"/>
  <c r="W467" i="6" l="1"/>
  <c r="B499" i="2"/>
  <c r="N500" i="2"/>
  <c r="W468" i="6" l="1"/>
  <c r="B500" i="2"/>
  <c r="N501" i="2"/>
  <c r="W469" i="6" l="1"/>
  <c r="B501" i="2"/>
  <c r="N502" i="2"/>
  <c r="W470" i="6" l="1"/>
  <c r="B502" i="2"/>
  <c r="N503" i="2"/>
  <c r="W471" i="6" l="1"/>
  <c r="B503" i="2"/>
  <c r="N504" i="2"/>
  <c r="W472" i="6" l="1"/>
  <c r="B504" i="2"/>
  <c r="N505" i="2"/>
  <c r="W473" i="6" l="1"/>
  <c r="B505" i="2"/>
  <c r="N506" i="2"/>
  <c r="W474" i="6" l="1"/>
  <c r="B506" i="2"/>
  <c r="N507" i="2"/>
  <c r="W475" i="6" l="1"/>
  <c r="B507" i="2"/>
  <c r="N508" i="2"/>
  <c r="W476" i="6" l="1"/>
  <c r="B508" i="2"/>
  <c r="N509" i="2"/>
  <c r="W477" i="6" l="1"/>
  <c r="B509" i="2"/>
  <c r="N510" i="2"/>
  <c r="W478" i="6" l="1"/>
  <c r="B510" i="2"/>
  <c r="N511" i="2"/>
  <c r="W479" i="6" l="1"/>
  <c r="B511" i="2"/>
  <c r="N512" i="2"/>
  <c r="W480" i="6" l="1"/>
  <c r="B512" i="2"/>
  <c r="N513" i="2"/>
  <c r="W481" i="6" l="1"/>
  <c r="B513" i="2"/>
  <c r="N514" i="2"/>
  <c r="W482" i="6" l="1"/>
  <c r="B514" i="2"/>
  <c r="N515" i="2"/>
  <c r="W483" i="6" l="1"/>
  <c r="B515" i="2"/>
  <c r="N516" i="2"/>
  <c r="W484" i="6" l="1"/>
  <c r="B516" i="2"/>
  <c r="N517" i="2"/>
  <c r="W485" i="6" l="1"/>
  <c r="B517" i="2"/>
  <c r="N518" i="2"/>
  <c r="W486" i="6" l="1"/>
  <c r="B518" i="2"/>
  <c r="N519" i="2"/>
  <c r="W487" i="6" l="1"/>
  <c r="B519" i="2"/>
  <c r="N520" i="2"/>
  <c r="W488" i="6" l="1"/>
  <c r="B520" i="2"/>
  <c r="N521" i="2"/>
  <c r="W489" i="6" l="1"/>
  <c r="B521" i="2"/>
  <c r="N522" i="2"/>
  <c r="W490" i="6" l="1"/>
  <c r="B522" i="2"/>
  <c r="N523" i="2"/>
  <c r="W491" i="6" l="1"/>
  <c r="B523" i="2"/>
  <c r="N524" i="2"/>
  <c r="W492" i="6" l="1"/>
  <c r="B524" i="2"/>
  <c r="N525" i="2"/>
  <c r="W493" i="6" l="1"/>
  <c r="B525" i="2"/>
  <c r="N526" i="2"/>
  <c r="W494" i="6" l="1"/>
  <c r="B526" i="2"/>
  <c r="N527" i="2"/>
  <c r="W495" i="6" l="1"/>
  <c r="B527" i="2"/>
  <c r="N528" i="2"/>
  <c r="W496" i="6" l="1"/>
  <c r="B528" i="2"/>
  <c r="N529" i="2"/>
  <c r="W497" i="6" l="1"/>
  <c r="B529" i="2"/>
  <c r="N530" i="2"/>
  <c r="W498" i="6" l="1"/>
  <c r="B530" i="2"/>
  <c r="N531" i="2"/>
  <c r="W499" i="6" l="1"/>
  <c r="B531" i="2"/>
  <c r="N532" i="2"/>
  <c r="W500" i="6" l="1"/>
  <c r="B532" i="2"/>
  <c r="N533" i="2"/>
  <c r="W501" i="6" l="1"/>
  <c r="B533" i="2"/>
  <c r="N534" i="2"/>
  <c r="W502" i="6" l="1"/>
  <c r="B534" i="2"/>
  <c r="N535" i="2"/>
  <c r="W503" i="6" l="1"/>
  <c r="B535" i="2"/>
  <c r="N536" i="2"/>
  <c r="W504" i="6" l="1"/>
  <c r="B536" i="2"/>
  <c r="N537" i="2"/>
  <c r="W505" i="6" l="1"/>
  <c r="B537" i="2"/>
  <c r="N538" i="2"/>
  <c r="W506" i="6" l="1"/>
  <c r="B538" i="2"/>
  <c r="N539" i="2"/>
  <c r="W507" i="6" l="1"/>
  <c r="B539" i="2"/>
  <c r="N540" i="2"/>
  <c r="W508" i="6" l="1"/>
  <c r="B540" i="2"/>
  <c r="N541" i="2"/>
  <c r="W509" i="6" l="1"/>
  <c r="B541" i="2"/>
  <c r="N542" i="2"/>
  <c r="W510" i="6" l="1"/>
  <c r="B542" i="2"/>
  <c r="N543" i="2"/>
  <c r="W511" i="6" l="1"/>
  <c r="B543" i="2"/>
  <c r="N544" i="2"/>
  <c r="W512" i="6" l="1"/>
  <c r="B544" i="2"/>
  <c r="N545" i="2"/>
  <c r="W513" i="6" l="1"/>
  <c r="B545" i="2"/>
  <c r="N546" i="2"/>
  <c r="W514" i="6" l="1"/>
  <c r="B546" i="2"/>
  <c r="N547" i="2"/>
  <c r="W515" i="6" l="1"/>
  <c r="B547" i="2"/>
  <c r="N548" i="2"/>
  <c r="W516" i="6" l="1"/>
  <c r="B548" i="2"/>
  <c r="N549" i="2"/>
  <c r="W517" i="6" l="1"/>
  <c r="B549" i="2"/>
  <c r="N550" i="2"/>
  <c r="W518" i="6" l="1"/>
  <c r="B550" i="2"/>
  <c r="N551" i="2"/>
  <c r="W519" i="6" l="1"/>
  <c r="B551" i="2"/>
  <c r="N552" i="2"/>
  <c r="W520" i="6" l="1"/>
  <c r="B552" i="2"/>
  <c r="N553" i="2"/>
  <c r="W521" i="6" l="1"/>
  <c r="B553" i="2"/>
  <c r="N554" i="2"/>
  <c r="W522" i="6" l="1"/>
  <c r="B554" i="2"/>
  <c r="N555" i="2"/>
  <c r="W523" i="6" l="1"/>
  <c r="B555" i="2"/>
  <c r="N556" i="2"/>
  <c r="W524" i="6" l="1"/>
  <c r="B556" i="2"/>
  <c r="N557" i="2"/>
  <c r="W525" i="6" l="1"/>
  <c r="B557" i="2"/>
  <c r="N558" i="2"/>
  <c r="W526" i="6" l="1"/>
  <c r="B558" i="2"/>
  <c r="N559" i="2"/>
  <c r="W527" i="6" l="1"/>
  <c r="B559" i="2"/>
  <c r="N560" i="2"/>
  <c r="W528" i="6" l="1"/>
  <c r="B560" i="2"/>
  <c r="N561" i="2"/>
  <c r="W529" i="6" l="1"/>
  <c r="B561" i="2"/>
  <c r="N562" i="2"/>
  <c r="W530" i="6" l="1"/>
  <c r="B562" i="2"/>
  <c r="N563" i="2"/>
  <c r="W531" i="6" l="1"/>
  <c r="B563" i="2"/>
  <c r="N564" i="2"/>
  <c r="W532" i="6" l="1"/>
  <c r="B564" i="2"/>
  <c r="N565" i="2"/>
  <c r="W533" i="6" l="1"/>
  <c r="B565" i="2"/>
  <c r="N566" i="2"/>
  <c r="W534" i="6" l="1"/>
  <c r="B566" i="2"/>
  <c r="N567" i="2"/>
  <c r="W535" i="6" l="1"/>
  <c r="B567" i="2"/>
  <c r="N568" i="2"/>
  <c r="W536" i="6" l="1"/>
  <c r="B568" i="2"/>
  <c r="N569" i="2"/>
  <c r="W537" i="6" l="1"/>
  <c r="B569" i="2"/>
  <c r="N570" i="2"/>
  <c r="W538" i="6" l="1"/>
  <c r="B570" i="2"/>
  <c r="N571" i="2"/>
  <c r="W539" i="6" l="1"/>
  <c r="B571" i="2"/>
  <c r="N572" i="2"/>
  <c r="W540" i="6" l="1"/>
  <c r="B572" i="2"/>
  <c r="N573" i="2"/>
  <c r="W541" i="6" l="1"/>
  <c r="B573" i="2"/>
  <c r="N574" i="2"/>
  <c r="W542" i="6" l="1"/>
  <c r="B574" i="2"/>
  <c r="N575" i="2"/>
  <c r="W543" i="6" l="1"/>
  <c r="B575" i="2"/>
  <c r="N576" i="2"/>
  <c r="W544" i="6" l="1"/>
  <c r="B576" i="2"/>
  <c r="N577" i="2"/>
  <c r="W545" i="6" l="1"/>
  <c r="B577" i="2"/>
  <c r="N578" i="2"/>
  <c r="W546" i="6" l="1"/>
  <c r="B578" i="2"/>
  <c r="N579" i="2"/>
  <c r="W547" i="6" l="1"/>
  <c r="B579" i="2"/>
  <c r="N580" i="2"/>
  <c r="W548" i="6" l="1"/>
  <c r="B580" i="2"/>
  <c r="N581" i="2"/>
  <c r="W549" i="6" l="1"/>
  <c r="B581" i="2"/>
  <c r="N582" i="2"/>
  <c r="W550" i="6" l="1"/>
  <c r="B582" i="2"/>
  <c r="N583" i="2"/>
  <c r="W551" i="6" l="1"/>
  <c r="B583" i="2"/>
  <c r="N584" i="2"/>
  <c r="W552" i="6" l="1"/>
  <c r="B584" i="2"/>
  <c r="N585" i="2"/>
  <c r="W553" i="6" l="1"/>
  <c r="B585" i="2"/>
  <c r="N586" i="2"/>
  <c r="W554" i="6" l="1"/>
  <c r="B586" i="2"/>
  <c r="N587" i="2"/>
  <c r="W555" i="6" l="1"/>
  <c r="B587" i="2"/>
  <c r="N588" i="2"/>
  <c r="W556" i="6" l="1"/>
  <c r="B588" i="2"/>
  <c r="N589" i="2"/>
  <c r="W557" i="6" l="1"/>
  <c r="B589" i="2"/>
  <c r="N590" i="2"/>
  <c r="W558" i="6" l="1"/>
  <c r="B590" i="2"/>
  <c r="N591" i="2"/>
  <c r="W559" i="6" l="1"/>
  <c r="B591" i="2"/>
  <c r="N592" i="2"/>
  <c r="W560" i="6" l="1"/>
  <c r="B592" i="2"/>
  <c r="N593" i="2"/>
  <c r="W561" i="6" l="1"/>
  <c r="B593" i="2"/>
  <c r="N594" i="2"/>
  <c r="W562" i="6" l="1"/>
  <c r="B594" i="2"/>
  <c r="N595" i="2"/>
  <c r="W563" i="6" l="1"/>
  <c r="B595" i="2"/>
  <c r="N596" i="2"/>
  <c r="W564" i="6" l="1"/>
  <c r="B596" i="2"/>
  <c r="N597" i="2"/>
  <c r="W565" i="6" l="1"/>
  <c r="B597" i="2"/>
  <c r="N598" i="2"/>
  <c r="W566" i="6" l="1"/>
  <c r="B598" i="2"/>
  <c r="N599" i="2"/>
  <c r="W567" i="6" l="1"/>
  <c r="B599" i="2"/>
  <c r="N600" i="2"/>
  <c r="W568" i="6" l="1"/>
  <c r="B600" i="2"/>
  <c r="N601" i="2"/>
  <c r="W569" i="6" l="1"/>
  <c r="B601" i="2"/>
  <c r="N602" i="2"/>
  <c r="W570" i="6" l="1"/>
  <c r="B602" i="2"/>
  <c r="N603" i="2"/>
  <c r="W571" i="6" l="1"/>
  <c r="B603" i="2"/>
  <c r="N604" i="2"/>
  <c r="W572" i="6" l="1"/>
  <c r="B604" i="2"/>
  <c r="N605" i="2"/>
  <c r="W573" i="6" l="1"/>
  <c r="B605" i="2"/>
  <c r="N606" i="2"/>
  <c r="W574" i="6" l="1"/>
  <c r="B606" i="2"/>
  <c r="N607" i="2"/>
  <c r="W575" i="6" l="1"/>
  <c r="B607" i="2"/>
  <c r="N608" i="2"/>
  <c r="W576" i="6" l="1"/>
  <c r="B608" i="2"/>
  <c r="N609" i="2"/>
  <c r="W577" i="6" l="1"/>
  <c r="B609" i="2"/>
  <c r="N610" i="2"/>
  <c r="W578" i="6" l="1"/>
  <c r="B610" i="2"/>
  <c r="N611" i="2"/>
  <c r="W579" i="6" l="1"/>
  <c r="B611" i="2"/>
  <c r="N612" i="2"/>
  <c r="W580" i="6" l="1"/>
  <c r="B612" i="2"/>
  <c r="N613" i="2"/>
  <c r="W581" i="6" l="1"/>
  <c r="B613" i="2"/>
  <c r="N614" i="2"/>
  <c r="W582" i="6" l="1"/>
  <c r="B614" i="2"/>
  <c r="N615" i="2"/>
  <c r="W583" i="6" l="1"/>
  <c r="B615" i="2"/>
  <c r="N616" i="2"/>
  <c r="W584" i="6" l="1"/>
  <c r="B616" i="2"/>
  <c r="N617" i="2"/>
  <c r="W585" i="6" l="1"/>
  <c r="B617" i="2"/>
  <c r="N618" i="2"/>
  <c r="W586" i="6" l="1"/>
  <c r="B618" i="2"/>
  <c r="N619" i="2"/>
  <c r="W587" i="6" l="1"/>
  <c r="B619" i="2"/>
  <c r="N620" i="2"/>
  <c r="W588" i="6" l="1"/>
  <c r="B620" i="2"/>
  <c r="N621" i="2"/>
  <c r="W589" i="6" l="1"/>
  <c r="B621" i="2"/>
  <c r="N622" i="2"/>
  <c r="W590" i="6" l="1"/>
  <c r="B622" i="2"/>
  <c r="N623" i="2"/>
  <c r="W591" i="6" l="1"/>
  <c r="B623" i="2"/>
  <c r="N624" i="2"/>
  <c r="W592" i="6" l="1"/>
  <c r="B624" i="2"/>
  <c r="N625" i="2"/>
  <c r="W593" i="6" l="1"/>
  <c r="B625" i="2"/>
  <c r="N626" i="2"/>
  <c r="W594" i="6" l="1"/>
  <c r="B626" i="2"/>
  <c r="N627" i="2"/>
  <c r="W595" i="6" l="1"/>
  <c r="B627" i="2"/>
  <c r="N628" i="2"/>
  <c r="W596" i="6" l="1"/>
  <c r="B628" i="2"/>
  <c r="N629" i="2"/>
  <c r="W597" i="6" l="1"/>
  <c r="B629" i="2"/>
  <c r="N630" i="2"/>
  <c r="W598" i="6" l="1"/>
  <c r="B630" i="2"/>
  <c r="N631" i="2"/>
  <c r="W599" i="6" l="1"/>
  <c r="B631" i="2"/>
  <c r="N632" i="2"/>
  <c r="W600" i="6" l="1"/>
  <c r="B632" i="2"/>
  <c r="N633" i="2"/>
  <c r="W601" i="6" l="1"/>
  <c r="B633" i="2"/>
  <c r="N634" i="2"/>
  <c r="W602" i="6" l="1"/>
  <c r="B634" i="2"/>
  <c r="N635" i="2"/>
  <c r="W603" i="6" l="1"/>
  <c r="B635" i="2"/>
  <c r="N636" i="2"/>
  <c r="W604" i="6" l="1"/>
  <c r="B636" i="2"/>
  <c r="N637" i="2"/>
  <c r="W605" i="6" l="1"/>
  <c r="B637" i="2"/>
  <c r="N638" i="2"/>
  <c r="W606" i="6" l="1"/>
  <c r="B638" i="2"/>
  <c r="N639" i="2"/>
  <c r="W607" i="6" l="1"/>
  <c r="B639" i="2"/>
  <c r="N640" i="2"/>
  <c r="W608" i="6" l="1"/>
  <c r="B640" i="2"/>
  <c r="N641" i="2"/>
  <c r="W609" i="6" l="1"/>
  <c r="B641" i="2"/>
  <c r="N642" i="2"/>
  <c r="W610" i="6" l="1"/>
  <c r="B642" i="2"/>
  <c r="N643" i="2"/>
  <c r="W611" i="6" l="1"/>
  <c r="B643" i="2"/>
  <c r="N644" i="2"/>
  <c r="W612" i="6" l="1"/>
  <c r="B644" i="2"/>
  <c r="N645" i="2"/>
  <c r="W613" i="6" l="1"/>
  <c r="B645" i="2"/>
  <c r="N646" i="2"/>
  <c r="W614" i="6" l="1"/>
  <c r="B646" i="2"/>
  <c r="N647" i="2"/>
  <c r="W615" i="6" l="1"/>
  <c r="B647" i="2"/>
  <c r="N648" i="2"/>
  <c r="W616" i="6" l="1"/>
  <c r="B648" i="2"/>
  <c r="N649" i="2"/>
  <c r="W617" i="6" l="1"/>
  <c r="B649" i="2"/>
  <c r="N650" i="2"/>
  <c r="W618" i="6" l="1"/>
  <c r="B650" i="2"/>
  <c r="N651" i="2"/>
  <c r="W619" i="6" l="1"/>
  <c r="B651" i="2"/>
  <c r="N652" i="2"/>
  <c r="W620" i="6" l="1"/>
  <c r="B652" i="2"/>
  <c r="N653" i="2"/>
  <c r="W621" i="6" l="1"/>
  <c r="B653" i="2"/>
  <c r="N654" i="2"/>
  <c r="W622" i="6" l="1"/>
  <c r="B654" i="2"/>
  <c r="N655" i="2"/>
  <c r="W623" i="6" l="1"/>
  <c r="B655" i="2"/>
  <c r="N656" i="2"/>
  <c r="W624" i="6" l="1"/>
  <c r="B656" i="2"/>
  <c r="N657" i="2"/>
  <c r="W625" i="6" l="1"/>
  <c r="B657" i="2"/>
  <c r="N658" i="2"/>
  <c r="W626" i="6" l="1"/>
  <c r="B658" i="2"/>
  <c r="N659" i="2"/>
  <c r="W627" i="6" l="1"/>
  <c r="B659" i="2"/>
  <c r="N660" i="2"/>
  <c r="W628" i="6" l="1"/>
  <c r="B660" i="2"/>
  <c r="N661" i="2"/>
  <c r="W629" i="6" l="1"/>
  <c r="B661" i="2"/>
  <c r="N662" i="2"/>
  <c r="W630" i="6" l="1"/>
  <c r="B662" i="2"/>
  <c r="N663" i="2"/>
  <c r="W631" i="6" l="1"/>
  <c r="B663" i="2"/>
  <c r="N664" i="2"/>
  <c r="W632" i="6" l="1"/>
  <c r="B664" i="2"/>
  <c r="N665" i="2"/>
  <c r="W633" i="6" l="1"/>
  <c r="B665" i="2"/>
  <c r="N666" i="2"/>
  <c r="W634" i="6" l="1"/>
  <c r="B666" i="2"/>
  <c r="N667" i="2"/>
  <c r="W635" i="6" l="1"/>
  <c r="B667" i="2"/>
  <c r="N668" i="2"/>
  <c r="W636" i="6" l="1"/>
  <c r="B668" i="2"/>
  <c r="N669" i="2"/>
  <c r="W637" i="6" l="1"/>
  <c r="B669" i="2"/>
  <c r="N670" i="2"/>
  <c r="W638" i="6" l="1"/>
  <c r="B670" i="2"/>
  <c r="N671" i="2"/>
  <c r="W639" i="6" l="1"/>
  <c r="B671" i="2"/>
  <c r="N672" i="2"/>
  <c r="W640" i="6" l="1"/>
  <c r="B672" i="2"/>
  <c r="N673" i="2"/>
  <c r="W641" i="6" l="1"/>
  <c r="B673" i="2"/>
  <c r="N674" i="2"/>
  <c r="W642" i="6" l="1"/>
  <c r="B674" i="2"/>
  <c r="N675" i="2"/>
  <c r="W643" i="6" l="1"/>
  <c r="B675" i="2"/>
  <c r="N676" i="2"/>
  <c r="W644" i="6" l="1"/>
  <c r="B676" i="2"/>
  <c r="N677" i="2"/>
  <c r="W645" i="6" l="1"/>
  <c r="B677" i="2"/>
  <c r="N678" i="2"/>
  <c r="W646" i="6" l="1"/>
  <c r="B678" i="2"/>
  <c r="N679" i="2"/>
  <c r="W647" i="6" l="1"/>
  <c r="B679" i="2"/>
  <c r="N680" i="2"/>
  <c r="W648" i="6" l="1"/>
  <c r="B680" i="2"/>
  <c r="N681" i="2"/>
  <c r="W649" i="6" l="1"/>
  <c r="B681" i="2"/>
  <c r="N682" i="2"/>
  <c r="W650" i="6" l="1"/>
  <c r="B682" i="2"/>
  <c r="N683" i="2"/>
  <c r="W651" i="6" l="1"/>
  <c r="B683" i="2"/>
  <c r="N684" i="2"/>
  <c r="W652" i="6" l="1"/>
  <c r="B684" i="2"/>
  <c r="N685" i="2"/>
  <c r="W653" i="6" l="1"/>
  <c r="B685" i="2"/>
  <c r="N686" i="2"/>
  <c r="W654" i="6" l="1"/>
  <c r="B686" i="2"/>
  <c r="N687" i="2"/>
  <c r="W655" i="6" l="1"/>
  <c r="B687" i="2"/>
  <c r="N688" i="2"/>
  <c r="W656" i="6" l="1"/>
  <c r="B688" i="2"/>
  <c r="N689" i="2"/>
  <c r="W657" i="6" l="1"/>
  <c r="B689" i="2"/>
  <c r="N690" i="2"/>
  <c r="W658" i="6" l="1"/>
  <c r="B690" i="2"/>
  <c r="N691" i="2"/>
  <c r="W659" i="6" l="1"/>
  <c r="B691" i="2"/>
  <c r="N692" i="2"/>
  <c r="W660" i="6" l="1"/>
  <c r="B692" i="2"/>
  <c r="N693" i="2"/>
  <c r="W661" i="6" l="1"/>
  <c r="B693" i="2"/>
  <c r="N694" i="2"/>
  <c r="W662" i="6" l="1"/>
  <c r="B694" i="2"/>
  <c r="N695" i="2"/>
  <c r="W663" i="6" l="1"/>
  <c r="B695" i="2"/>
  <c r="N696" i="2"/>
  <c r="W664" i="6" l="1"/>
  <c r="B696" i="2"/>
  <c r="N697" i="2"/>
  <c r="W665" i="6" l="1"/>
  <c r="B697" i="2"/>
  <c r="N698" i="2"/>
  <c r="W666" i="6" l="1"/>
  <c r="B698" i="2"/>
  <c r="N699" i="2"/>
  <c r="W667" i="6" l="1"/>
  <c r="B699" i="2"/>
  <c r="N700" i="2"/>
  <c r="W668" i="6" l="1"/>
  <c r="B700" i="2"/>
  <c r="N701" i="2"/>
  <c r="W669" i="6" l="1"/>
  <c r="B701" i="2"/>
  <c r="N702" i="2"/>
  <c r="W670" i="6" l="1"/>
  <c r="B702" i="2"/>
  <c r="N703" i="2"/>
  <c r="W671" i="6" l="1"/>
  <c r="B703" i="2"/>
  <c r="N704" i="2"/>
  <c r="W672" i="6" l="1"/>
  <c r="B704" i="2"/>
  <c r="N705" i="2"/>
  <c r="W673" i="6" l="1"/>
  <c r="B705" i="2"/>
  <c r="N706" i="2"/>
  <c r="W674" i="6" l="1"/>
  <c r="B706" i="2"/>
  <c r="N707" i="2"/>
  <c r="W675" i="6" l="1"/>
  <c r="B707" i="2"/>
  <c r="N708" i="2"/>
  <c r="W676" i="6" l="1"/>
  <c r="B708" i="2"/>
  <c r="N709" i="2"/>
  <c r="W677" i="6" l="1"/>
  <c r="B709" i="2"/>
  <c r="N710" i="2"/>
  <c r="W678" i="6" l="1"/>
  <c r="B710" i="2"/>
  <c r="N711" i="2"/>
  <c r="W679" i="6" l="1"/>
  <c r="B711" i="2"/>
  <c r="N712" i="2"/>
  <c r="W680" i="6" l="1"/>
  <c r="B712" i="2"/>
  <c r="N713" i="2"/>
  <c r="W681" i="6" l="1"/>
  <c r="B713" i="2"/>
  <c r="N714" i="2"/>
  <c r="W682" i="6" l="1"/>
  <c r="B714" i="2"/>
  <c r="N715" i="2"/>
  <c r="W683" i="6" l="1"/>
  <c r="B715" i="2"/>
  <c r="N716" i="2"/>
  <c r="W684" i="6" l="1"/>
  <c r="B716" i="2"/>
  <c r="N717" i="2"/>
  <c r="W685" i="6" l="1"/>
  <c r="B717" i="2"/>
  <c r="N718" i="2"/>
  <c r="W686" i="6" l="1"/>
  <c r="B718" i="2"/>
  <c r="N719" i="2"/>
  <c r="W687" i="6" l="1"/>
  <c r="B719" i="2"/>
  <c r="N720" i="2"/>
  <c r="W688" i="6" l="1"/>
  <c r="B720" i="2"/>
  <c r="N721" i="2"/>
  <c r="W689" i="6" l="1"/>
  <c r="B721" i="2"/>
  <c r="N722" i="2"/>
  <c r="W690" i="6" l="1"/>
  <c r="B722" i="2"/>
  <c r="N723" i="2"/>
  <c r="W691" i="6" l="1"/>
  <c r="B723" i="2"/>
  <c r="N724" i="2"/>
  <c r="W692" i="6" l="1"/>
  <c r="B724" i="2"/>
  <c r="N725" i="2"/>
  <c r="W693" i="6" l="1"/>
  <c r="B725" i="2"/>
  <c r="N726" i="2"/>
  <c r="W694" i="6" l="1"/>
  <c r="B726" i="2"/>
  <c r="N727" i="2"/>
  <c r="W695" i="6" l="1"/>
  <c r="B727" i="2"/>
  <c r="N728" i="2"/>
  <c r="W696" i="6" l="1"/>
  <c r="B728" i="2"/>
  <c r="N729" i="2"/>
  <c r="W697" i="6" l="1"/>
  <c r="B729" i="2"/>
  <c r="N730" i="2"/>
  <c r="W698" i="6" l="1"/>
  <c r="B730" i="2"/>
  <c r="N731" i="2"/>
  <c r="W699" i="6" l="1"/>
  <c r="B731" i="2"/>
  <c r="N732" i="2"/>
  <c r="W700" i="6" l="1"/>
  <c r="B732" i="2"/>
  <c r="N733" i="2"/>
  <c r="W701" i="6" l="1"/>
  <c r="B733" i="2"/>
  <c r="N734" i="2"/>
  <c r="W702" i="6" l="1"/>
  <c r="B734" i="2"/>
  <c r="N735" i="2"/>
  <c r="W703" i="6" l="1"/>
  <c r="B735" i="2"/>
  <c r="N736" i="2"/>
  <c r="W704" i="6" l="1"/>
  <c r="B736" i="2"/>
  <c r="N737" i="2"/>
  <c r="W705" i="6" l="1"/>
  <c r="B737" i="2"/>
  <c r="N738" i="2"/>
  <c r="W706" i="6" l="1"/>
  <c r="B738" i="2"/>
  <c r="N739" i="2"/>
  <c r="W707" i="6" l="1"/>
  <c r="B739" i="2"/>
  <c r="N740" i="2"/>
  <c r="W708" i="6" l="1"/>
  <c r="B740" i="2"/>
  <c r="N741" i="2"/>
  <c r="W709" i="6" l="1"/>
  <c r="B741" i="2"/>
  <c r="N742" i="2"/>
  <c r="W710" i="6" l="1"/>
  <c r="B742" i="2"/>
  <c r="N743" i="2"/>
  <c r="W711" i="6" l="1"/>
  <c r="B743" i="2"/>
  <c r="N744" i="2"/>
  <c r="W712" i="6" l="1"/>
  <c r="B744" i="2"/>
  <c r="N745" i="2"/>
  <c r="W713" i="6" l="1"/>
  <c r="B745" i="2"/>
  <c r="N746" i="2"/>
  <c r="W714" i="6" l="1"/>
  <c r="B746" i="2"/>
  <c r="N747" i="2"/>
  <c r="W715" i="6" l="1"/>
  <c r="B747" i="2"/>
  <c r="N748" i="2"/>
  <c r="W716" i="6" l="1"/>
  <c r="B748" i="2"/>
  <c r="N749" i="2"/>
  <c r="W717" i="6" l="1"/>
  <c r="B749" i="2"/>
  <c r="N750" i="2"/>
  <c r="W718" i="6" l="1"/>
  <c r="B750" i="2"/>
  <c r="N751" i="2"/>
  <c r="W719" i="6" l="1"/>
  <c r="B751" i="2"/>
  <c r="N752" i="2"/>
  <c r="W720" i="6" l="1"/>
  <c r="B752" i="2"/>
  <c r="N753" i="2"/>
  <c r="W721" i="6" l="1"/>
  <c r="B753" i="2"/>
  <c r="N754" i="2"/>
  <c r="W722" i="6" l="1"/>
  <c r="B754" i="2"/>
  <c r="N755" i="2"/>
  <c r="W723" i="6" l="1"/>
  <c r="B755" i="2"/>
  <c r="N756" i="2"/>
  <c r="W724" i="6" l="1"/>
  <c r="B756" i="2"/>
  <c r="N757" i="2"/>
  <c r="W725" i="6" l="1"/>
  <c r="B757" i="2"/>
  <c r="N758" i="2"/>
  <c r="W726" i="6" l="1"/>
  <c r="B758" i="2"/>
  <c r="N759" i="2"/>
  <c r="W727" i="6" l="1"/>
  <c r="B759" i="2"/>
  <c r="N760" i="2"/>
  <c r="W728" i="6" l="1"/>
  <c r="B760" i="2"/>
  <c r="N761" i="2"/>
  <c r="W729" i="6" l="1"/>
  <c r="B761" i="2"/>
  <c r="N762" i="2"/>
  <c r="W730" i="6" l="1"/>
  <c r="B762" i="2"/>
  <c r="N763" i="2"/>
  <c r="W731" i="6" l="1"/>
  <c r="B763" i="2"/>
  <c r="N764" i="2"/>
  <c r="W732" i="6" l="1"/>
  <c r="B764" i="2"/>
  <c r="N765" i="2"/>
  <c r="W733" i="6" l="1"/>
  <c r="B765" i="2"/>
  <c r="N766" i="2"/>
  <c r="W734" i="6" l="1"/>
  <c r="B766" i="2"/>
  <c r="N767" i="2"/>
  <c r="W735" i="6" l="1"/>
  <c r="B767" i="2"/>
  <c r="N768" i="2"/>
  <c r="W736" i="6" l="1"/>
  <c r="B768" i="2"/>
  <c r="N769" i="2"/>
  <c r="W737" i="6" l="1"/>
  <c r="B769" i="2"/>
  <c r="N770" i="2"/>
  <c r="W738" i="6" l="1"/>
  <c r="B770" i="2"/>
  <c r="N771" i="2"/>
  <c r="W739" i="6" l="1"/>
  <c r="B771" i="2"/>
  <c r="N772" i="2"/>
  <c r="W740" i="6" l="1"/>
  <c r="B772" i="2"/>
  <c r="N773" i="2"/>
  <c r="W741" i="6" l="1"/>
  <c r="B773" i="2"/>
  <c r="N774" i="2"/>
  <c r="W742" i="6" l="1"/>
  <c r="B774" i="2"/>
  <c r="N775" i="2"/>
  <c r="W743" i="6" l="1"/>
  <c r="B775" i="2"/>
  <c r="N776" i="2"/>
  <c r="W744" i="6" l="1"/>
  <c r="B776" i="2"/>
  <c r="N777" i="2"/>
  <c r="W745" i="6" l="1"/>
  <c r="B777" i="2"/>
  <c r="N778" i="2"/>
  <c r="W746" i="6" l="1"/>
  <c r="B778" i="2"/>
  <c r="N779" i="2"/>
  <c r="W747" i="6" l="1"/>
  <c r="B779" i="2"/>
  <c r="N780" i="2"/>
  <c r="W748" i="6" l="1"/>
  <c r="B780" i="2"/>
  <c r="N781" i="2"/>
  <c r="W749" i="6" l="1"/>
  <c r="B781" i="2"/>
  <c r="N782" i="2"/>
  <c r="W750" i="6" l="1"/>
  <c r="B782" i="2"/>
  <c r="N783" i="2"/>
  <c r="W751" i="6" l="1"/>
  <c r="B783" i="2"/>
  <c r="N784" i="2"/>
  <c r="W752" i="6" l="1"/>
  <c r="B784" i="2"/>
  <c r="N785" i="2"/>
  <c r="W753" i="6" l="1"/>
  <c r="B785" i="2"/>
  <c r="N786" i="2"/>
  <c r="W754" i="6" l="1"/>
  <c r="B786" i="2"/>
  <c r="N787" i="2"/>
  <c r="W755" i="6" l="1"/>
  <c r="B787" i="2"/>
  <c r="N788" i="2"/>
  <c r="W756" i="6" l="1"/>
  <c r="B788" i="2"/>
  <c r="N789" i="2"/>
  <c r="W757" i="6" l="1"/>
  <c r="B789" i="2"/>
  <c r="N790" i="2"/>
  <c r="W758" i="6" l="1"/>
  <c r="B790" i="2"/>
  <c r="N791" i="2"/>
  <c r="W759" i="6" l="1"/>
  <c r="B791" i="2"/>
  <c r="N792" i="2"/>
  <c r="W760" i="6" l="1"/>
  <c r="B792" i="2"/>
  <c r="N793" i="2"/>
  <c r="W761" i="6" l="1"/>
  <c r="B793" i="2"/>
  <c r="N794" i="2"/>
  <c r="W762" i="6" l="1"/>
  <c r="B794" i="2"/>
  <c r="N795" i="2"/>
  <c r="W763" i="6" l="1"/>
  <c r="B795" i="2"/>
  <c r="N796" i="2"/>
  <c r="W764" i="6" l="1"/>
  <c r="B796" i="2"/>
  <c r="N797" i="2"/>
  <c r="W765" i="6" l="1"/>
  <c r="B797" i="2"/>
  <c r="N798" i="2"/>
  <c r="W766" i="6" l="1"/>
  <c r="B798" i="2"/>
  <c r="N799" i="2"/>
  <c r="W767" i="6" l="1"/>
  <c r="B799" i="2"/>
  <c r="N800" i="2"/>
  <c r="W768" i="6" l="1"/>
  <c r="B800" i="2"/>
  <c r="N801" i="2"/>
  <c r="W769" i="6" l="1"/>
  <c r="B801" i="2"/>
  <c r="N802" i="2"/>
  <c r="W770" i="6" l="1"/>
  <c r="B802" i="2"/>
  <c r="N803" i="2"/>
  <c r="W771" i="6" l="1"/>
  <c r="B803" i="2"/>
  <c r="N804" i="2"/>
  <c r="W772" i="6" l="1"/>
  <c r="B804" i="2"/>
  <c r="N805" i="2"/>
  <c r="W773" i="6" l="1"/>
  <c r="B805" i="2"/>
  <c r="N806" i="2"/>
  <c r="W774" i="6" l="1"/>
  <c r="B806" i="2"/>
  <c r="N807" i="2"/>
  <c r="W775" i="6" l="1"/>
  <c r="B807" i="2"/>
  <c r="N808" i="2"/>
  <c r="W776" i="6" l="1"/>
  <c r="B808" i="2"/>
  <c r="N809" i="2"/>
  <c r="W777" i="6" l="1"/>
  <c r="B809" i="2"/>
  <c r="N810" i="2"/>
  <c r="W778" i="6" l="1"/>
  <c r="B810" i="2"/>
  <c r="N811" i="2"/>
  <c r="W779" i="6" l="1"/>
  <c r="B811" i="2"/>
  <c r="N812" i="2"/>
  <c r="W780" i="6" l="1"/>
  <c r="B812" i="2"/>
  <c r="N813" i="2"/>
  <c r="W781" i="6" l="1"/>
  <c r="B813" i="2"/>
  <c r="N814" i="2"/>
  <c r="W782" i="6" l="1"/>
  <c r="B814" i="2"/>
  <c r="N815" i="2"/>
  <c r="W783" i="6" l="1"/>
  <c r="B815" i="2"/>
  <c r="N816" i="2"/>
  <c r="W784" i="6" l="1"/>
  <c r="B816" i="2"/>
  <c r="N817" i="2"/>
  <c r="W785" i="6" l="1"/>
  <c r="B817" i="2"/>
  <c r="N818" i="2"/>
  <c r="W786" i="6" l="1"/>
  <c r="B818" i="2"/>
  <c r="N819" i="2"/>
  <c r="W787" i="6" l="1"/>
  <c r="B819" i="2"/>
  <c r="N820" i="2"/>
  <c r="W788" i="6" l="1"/>
  <c r="B820" i="2"/>
  <c r="N821" i="2"/>
  <c r="W789" i="6" l="1"/>
  <c r="B821" i="2"/>
  <c r="N822" i="2"/>
  <c r="W790" i="6" l="1"/>
  <c r="B822" i="2"/>
  <c r="N823" i="2"/>
  <c r="W791" i="6" l="1"/>
  <c r="B823" i="2"/>
  <c r="N824" i="2"/>
  <c r="W792" i="6" l="1"/>
  <c r="B824" i="2"/>
  <c r="N825" i="2"/>
  <c r="W793" i="6" l="1"/>
  <c r="B825" i="2"/>
  <c r="N826" i="2"/>
  <c r="W794" i="6" l="1"/>
  <c r="B826" i="2"/>
  <c r="N827" i="2"/>
  <c r="W795" i="6" l="1"/>
  <c r="B827" i="2"/>
  <c r="N828" i="2"/>
  <c r="W796" i="6" l="1"/>
  <c r="B828" i="2"/>
  <c r="N829" i="2"/>
  <c r="W797" i="6" l="1"/>
  <c r="B829" i="2"/>
  <c r="N830" i="2"/>
  <c r="W798" i="6" l="1"/>
  <c r="B830" i="2"/>
  <c r="N831" i="2"/>
  <c r="W799" i="6" l="1"/>
  <c r="B831" i="2"/>
  <c r="N832" i="2"/>
  <c r="W800" i="6" l="1"/>
  <c r="B832" i="2"/>
  <c r="N833" i="2"/>
  <c r="W801" i="6" l="1"/>
  <c r="B833" i="2"/>
  <c r="N834" i="2"/>
  <c r="W802" i="6" l="1"/>
  <c r="B834" i="2"/>
  <c r="N835" i="2"/>
  <c r="W803" i="6" l="1"/>
  <c r="B835" i="2"/>
  <c r="N836" i="2"/>
  <c r="W804" i="6" l="1"/>
  <c r="B836" i="2"/>
  <c r="N837" i="2"/>
  <c r="W805" i="6" l="1"/>
  <c r="B837" i="2"/>
  <c r="N838" i="2"/>
  <c r="W806" i="6" l="1"/>
  <c r="B838" i="2"/>
  <c r="N839" i="2"/>
  <c r="W807" i="6" l="1"/>
  <c r="B839" i="2"/>
  <c r="N840" i="2"/>
  <c r="W808" i="6" l="1"/>
  <c r="B840" i="2"/>
  <c r="N841" i="2"/>
  <c r="W809" i="6" l="1"/>
  <c r="B841" i="2"/>
  <c r="N842" i="2"/>
  <c r="W810" i="6" l="1"/>
  <c r="B842" i="2"/>
  <c r="N843" i="2"/>
  <c r="W811" i="6" l="1"/>
  <c r="B843" i="2"/>
  <c r="N844" i="2"/>
  <c r="W812" i="6" l="1"/>
  <c r="B844" i="2"/>
  <c r="N845" i="2"/>
  <c r="W813" i="6" l="1"/>
  <c r="B845" i="2"/>
  <c r="N846" i="2"/>
  <c r="W814" i="6" l="1"/>
  <c r="B846" i="2"/>
  <c r="N847" i="2"/>
  <c r="W815" i="6" l="1"/>
  <c r="B847" i="2"/>
  <c r="N848" i="2"/>
  <c r="W816" i="6" l="1"/>
  <c r="B848" i="2"/>
  <c r="N849" i="2"/>
  <c r="W817" i="6" l="1"/>
  <c r="B849" i="2"/>
  <c r="N850" i="2"/>
  <c r="W818" i="6" l="1"/>
  <c r="B850" i="2"/>
  <c r="N851" i="2"/>
  <c r="W819" i="6" l="1"/>
  <c r="B851" i="2"/>
  <c r="N852" i="2"/>
  <c r="W820" i="6" l="1"/>
  <c r="B852" i="2"/>
  <c r="N853" i="2"/>
  <c r="W821" i="6" l="1"/>
  <c r="B853" i="2"/>
  <c r="N854" i="2"/>
  <c r="W822" i="6" l="1"/>
  <c r="B854" i="2"/>
  <c r="N855" i="2"/>
  <c r="W823" i="6" l="1"/>
  <c r="B855" i="2"/>
  <c r="N856" i="2"/>
  <c r="W824" i="6" l="1"/>
  <c r="B856" i="2"/>
  <c r="N857" i="2"/>
  <c r="W825" i="6" l="1"/>
  <c r="B857" i="2"/>
  <c r="N858" i="2"/>
  <c r="W826" i="6" l="1"/>
  <c r="B858" i="2"/>
  <c r="N859" i="2"/>
  <c r="W827" i="6" l="1"/>
  <c r="B859" i="2"/>
  <c r="N860" i="2"/>
  <c r="W828" i="6" l="1"/>
  <c r="B860" i="2"/>
  <c r="N861" i="2"/>
  <c r="W829" i="6" l="1"/>
  <c r="B861" i="2"/>
  <c r="N862" i="2"/>
  <c r="W830" i="6" l="1"/>
  <c r="B862" i="2"/>
  <c r="N863" i="2"/>
  <c r="W831" i="6" l="1"/>
  <c r="B863" i="2"/>
  <c r="N864" i="2"/>
  <c r="W832" i="6" l="1"/>
  <c r="B864" i="2"/>
  <c r="N865" i="2"/>
  <c r="W833" i="6" l="1"/>
  <c r="B865" i="2"/>
  <c r="N866" i="2"/>
  <c r="W834" i="6" l="1"/>
  <c r="B866" i="2"/>
  <c r="N867" i="2"/>
  <c r="W835" i="6" l="1"/>
  <c r="B867" i="2"/>
  <c r="N868" i="2"/>
  <c r="W836" i="6" l="1"/>
  <c r="B868" i="2"/>
  <c r="N869" i="2"/>
  <c r="W837" i="6" l="1"/>
  <c r="B869" i="2"/>
  <c r="N870" i="2"/>
  <c r="W838" i="6" l="1"/>
  <c r="B870" i="2"/>
  <c r="N871" i="2"/>
  <c r="W839" i="6" l="1"/>
  <c r="B871" i="2"/>
  <c r="N872" i="2"/>
  <c r="W840" i="6" l="1"/>
  <c r="B872" i="2"/>
  <c r="N873" i="2"/>
  <c r="W841" i="6" l="1"/>
  <c r="B873" i="2"/>
  <c r="N874" i="2"/>
  <c r="W842" i="6" l="1"/>
  <c r="B874" i="2"/>
  <c r="N875" i="2"/>
  <c r="W843" i="6" l="1"/>
  <c r="B875" i="2"/>
  <c r="N876" i="2"/>
  <c r="W844" i="6" l="1"/>
  <c r="B876" i="2"/>
  <c r="N877" i="2"/>
  <c r="W845" i="6" l="1"/>
  <c r="B877" i="2"/>
  <c r="N878" i="2"/>
  <c r="W846" i="6" l="1"/>
  <c r="B878" i="2"/>
  <c r="N879" i="2"/>
  <c r="W847" i="6" l="1"/>
  <c r="B879" i="2"/>
  <c r="N880" i="2"/>
  <c r="W848" i="6" l="1"/>
  <c r="B880" i="2"/>
  <c r="N881" i="2"/>
  <c r="W849" i="6" l="1"/>
  <c r="B881" i="2"/>
  <c r="N882" i="2"/>
  <c r="W850" i="6" l="1"/>
  <c r="B882" i="2"/>
  <c r="N883" i="2"/>
  <c r="W851" i="6" l="1"/>
  <c r="B883" i="2"/>
  <c r="N884" i="2"/>
  <c r="W852" i="6" l="1"/>
  <c r="B884" i="2"/>
  <c r="N885" i="2"/>
  <c r="W853" i="6" l="1"/>
  <c r="B885" i="2"/>
  <c r="N886" i="2"/>
  <c r="W854" i="6" l="1"/>
  <c r="B886" i="2"/>
  <c r="N887" i="2"/>
  <c r="W855" i="6" l="1"/>
  <c r="B887" i="2"/>
  <c r="N888" i="2"/>
  <c r="W856" i="6" l="1"/>
  <c r="B888" i="2"/>
  <c r="N889" i="2"/>
  <c r="W857" i="6" l="1"/>
  <c r="B889" i="2"/>
  <c r="N890" i="2"/>
  <c r="W858" i="6" l="1"/>
  <c r="B890" i="2"/>
  <c r="N891" i="2"/>
  <c r="W859" i="6" l="1"/>
  <c r="B891" i="2"/>
  <c r="N892" i="2"/>
  <c r="W860" i="6" l="1"/>
  <c r="B892" i="2"/>
  <c r="N893" i="2"/>
  <c r="W861" i="6" l="1"/>
  <c r="B893" i="2"/>
  <c r="N894" i="2"/>
  <c r="W862" i="6" l="1"/>
  <c r="B894" i="2"/>
  <c r="N895" i="2"/>
  <c r="W863" i="6" l="1"/>
  <c r="B895" i="2"/>
  <c r="N896" i="2"/>
  <c r="W864" i="6" l="1"/>
  <c r="B896" i="2"/>
  <c r="N897" i="2"/>
  <c r="W865" i="6" l="1"/>
  <c r="B897" i="2"/>
  <c r="N898" i="2"/>
  <c r="W866" i="6" l="1"/>
  <c r="B898" i="2"/>
  <c r="N899" i="2"/>
  <c r="W867" i="6" l="1"/>
  <c r="B899" i="2"/>
  <c r="N900" i="2"/>
  <c r="W868" i="6" l="1"/>
  <c r="B900" i="2"/>
  <c r="N901" i="2"/>
  <c r="W869" i="6" l="1"/>
  <c r="B901" i="2"/>
  <c r="N902" i="2"/>
  <c r="W870" i="6" l="1"/>
  <c r="B902" i="2"/>
  <c r="N903" i="2"/>
  <c r="W871" i="6" l="1"/>
  <c r="B903" i="2"/>
  <c r="N904" i="2"/>
  <c r="W872" i="6" l="1"/>
  <c r="B904" i="2"/>
  <c r="N905" i="2"/>
  <c r="W873" i="6" l="1"/>
  <c r="B905" i="2"/>
  <c r="N906" i="2"/>
  <c r="W874" i="6" l="1"/>
  <c r="B906" i="2"/>
  <c r="N907" i="2"/>
  <c r="W875" i="6" l="1"/>
  <c r="B907" i="2"/>
  <c r="N908" i="2"/>
  <c r="W876" i="6" l="1"/>
  <c r="B908" i="2"/>
  <c r="N909" i="2"/>
  <c r="W877" i="6" l="1"/>
  <c r="B909" i="2"/>
  <c r="N910" i="2"/>
  <c r="W878" i="6" l="1"/>
  <c r="B910" i="2"/>
  <c r="N911" i="2"/>
  <c r="W879" i="6" l="1"/>
  <c r="B911" i="2"/>
  <c r="N912" i="2"/>
  <c r="W880" i="6" l="1"/>
  <c r="B912" i="2"/>
  <c r="N913" i="2"/>
  <c r="W881" i="6" l="1"/>
  <c r="B913" i="2"/>
  <c r="N914" i="2"/>
  <c r="W882" i="6" l="1"/>
  <c r="B914" i="2"/>
  <c r="N915" i="2"/>
  <c r="W883" i="6" l="1"/>
  <c r="B915" i="2"/>
  <c r="N916" i="2"/>
  <c r="W884" i="6" l="1"/>
  <c r="B916" i="2"/>
  <c r="N917" i="2"/>
  <c r="W885" i="6" l="1"/>
  <c r="B917" i="2"/>
  <c r="N918" i="2"/>
  <c r="W886" i="6" l="1"/>
  <c r="B918" i="2"/>
  <c r="N919" i="2"/>
  <c r="W887" i="6" l="1"/>
  <c r="B919" i="2"/>
  <c r="N920" i="2"/>
  <c r="W888" i="6" l="1"/>
  <c r="B920" i="2"/>
  <c r="N921" i="2"/>
  <c r="W889" i="6" l="1"/>
  <c r="B921" i="2"/>
  <c r="N922" i="2"/>
  <c r="W890" i="6" l="1"/>
  <c r="B922" i="2"/>
  <c r="N923" i="2"/>
  <c r="W891" i="6" l="1"/>
  <c r="B923" i="2"/>
  <c r="N924" i="2"/>
  <c r="W892" i="6" l="1"/>
  <c r="B924" i="2"/>
  <c r="N925" i="2"/>
  <c r="W893" i="6" l="1"/>
  <c r="B925" i="2"/>
  <c r="N926" i="2"/>
  <c r="W894" i="6" l="1"/>
  <c r="B926" i="2"/>
  <c r="N927" i="2"/>
  <c r="W895" i="6" l="1"/>
  <c r="B927" i="2"/>
  <c r="N928" i="2"/>
  <c r="W896" i="6" l="1"/>
  <c r="B928" i="2"/>
  <c r="N929" i="2"/>
  <c r="W897" i="6" l="1"/>
  <c r="B929" i="2"/>
  <c r="N930" i="2"/>
  <c r="W898" i="6" l="1"/>
  <c r="B930" i="2"/>
  <c r="N931" i="2"/>
  <c r="W899" i="6" l="1"/>
  <c r="B931" i="2"/>
  <c r="N932" i="2"/>
  <c r="W900" i="6" l="1"/>
  <c r="B932" i="2"/>
  <c r="N933" i="2"/>
  <c r="W901" i="6" l="1"/>
  <c r="B933" i="2"/>
  <c r="N934" i="2"/>
  <c r="W902" i="6" l="1"/>
  <c r="B934" i="2"/>
  <c r="N935" i="2"/>
  <c r="W903" i="6" l="1"/>
  <c r="B935" i="2"/>
  <c r="N936" i="2"/>
  <c r="W904" i="6" l="1"/>
  <c r="B936" i="2"/>
  <c r="N937" i="2"/>
  <c r="W905" i="6" l="1"/>
  <c r="B937" i="2"/>
  <c r="N938" i="2"/>
  <c r="W906" i="6" l="1"/>
  <c r="B938" i="2"/>
  <c r="N939" i="2"/>
  <c r="W907" i="6" l="1"/>
  <c r="B939" i="2"/>
  <c r="N940" i="2"/>
  <c r="W908" i="6" l="1"/>
  <c r="B940" i="2"/>
  <c r="N941" i="2"/>
  <c r="W909" i="6" l="1"/>
  <c r="B941" i="2"/>
  <c r="N942" i="2"/>
  <c r="W910" i="6" l="1"/>
  <c r="B942" i="2"/>
  <c r="N943" i="2"/>
  <c r="W911" i="6" l="1"/>
  <c r="B943" i="2"/>
  <c r="N944" i="2"/>
  <c r="W912" i="6" l="1"/>
  <c r="B944" i="2"/>
  <c r="N945" i="2"/>
  <c r="W913" i="6" l="1"/>
  <c r="B945" i="2"/>
  <c r="N946" i="2"/>
  <c r="W914" i="6" l="1"/>
  <c r="B946" i="2"/>
  <c r="N947" i="2"/>
  <c r="W915" i="6" l="1"/>
  <c r="B947" i="2"/>
  <c r="N948" i="2"/>
  <c r="W916" i="6" l="1"/>
  <c r="B948" i="2"/>
  <c r="N949" i="2"/>
  <c r="W917" i="6" l="1"/>
  <c r="B949" i="2"/>
  <c r="N950" i="2"/>
  <c r="W918" i="6" l="1"/>
  <c r="B950" i="2"/>
  <c r="N951" i="2"/>
  <c r="W919" i="6" l="1"/>
  <c r="B951" i="2"/>
  <c r="N952" i="2"/>
  <c r="W920" i="6" l="1"/>
  <c r="B952" i="2"/>
  <c r="N953" i="2"/>
  <c r="W921" i="6" l="1"/>
  <c r="B953" i="2"/>
  <c r="N954" i="2"/>
  <c r="W922" i="6" l="1"/>
  <c r="B954" i="2"/>
  <c r="N955" i="2"/>
  <c r="W923" i="6" l="1"/>
  <c r="B955" i="2"/>
  <c r="N956" i="2"/>
  <c r="W924" i="6" l="1"/>
  <c r="B956" i="2"/>
  <c r="N957" i="2"/>
  <c r="W925" i="6" l="1"/>
  <c r="B957" i="2"/>
  <c r="N958" i="2"/>
  <c r="W926" i="6" l="1"/>
  <c r="B958" i="2"/>
  <c r="N959" i="2"/>
  <c r="W927" i="6" l="1"/>
  <c r="B959" i="2"/>
  <c r="N960" i="2"/>
  <c r="W928" i="6" l="1"/>
  <c r="B960" i="2"/>
  <c r="N961" i="2"/>
  <c r="W929" i="6" l="1"/>
  <c r="B961" i="2"/>
  <c r="N962" i="2"/>
  <c r="W930" i="6" l="1"/>
  <c r="B962" i="2"/>
  <c r="N963" i="2"/>
  <c r="W931" i="6" l="1"/>
  <c r="B963" i="2"/>
  <c r="N964" i="2"/>
  <c r="W932" i="6" l="1"/>
  <c r="B964" i="2"/>
  <c r="N965" i="2"/>
  <c r="W933" i="6" l="1"/>
  <c r="B965" i="2"/>
  <c r="N966" i="2"/>
  <c r="W934" i="6" l="1"/>
  <c r="B966" i="2"/>
  <c r="N967" i="2"/>
  <c r="W935" i="6" l="1"/>
  <c r="B967" i="2"/>
  <c r="N968" i="2"/>
  <c r="W936" i="6" l="1"/>
  <c r="B968" i="2"/>
  <c r="N969" i="2"/>
  <c r="W937" i="6" l="1"/>
  <c r="B969" i="2"/>
  <c r="N970" i="2"/>
  <c r="W938" i="6" l="1"/>
  <c r="B970" i="2"/>
  <c r="N971" i="2"/>
  <c r="W939" i="6" l="1"/>
  <c r="B971" i="2"/>
  <c r="N972" i="2"/>
  <c r="W940" i="6" l="1"/>
  <c r="B972" i="2"/>
  <c r="N973" i="2"/>
  <c r="W941" i="6" l="1"/>
  <c r="B973" i="2"/>
  <c r="N974" i="2"/>
  <c r="W942" i="6" l="1"/>
  <c r="B974" i="2"/>
  <c r="N975" i="2"/>
  <c r="W943" i="6" l="1"/>
  <c r="B975" i="2"/>
  <c r="N976" i="2"/>
  <c r="W944" i="6" l="1"/>
  <c r="B976" i="2"/>
  <c r="N977" i="2"/>
  <c r="W945" i="6" l="1"/>
  <c r="B977" i="2"/>
  <c r="N978" i="2"/>
  <c r="W946" i="6" l="1"/>
  <c r="B978" i="2"/>
  <c r="N979" i="2"/>
  <c r="W947" i="6" l="1"/>
  <c r="B979" i="2"/>
  <c r="N980" i="2"/>
  <c r="W948" i="6" l="1"/>
  <c r="B980" i="2"/>
  <c r="N981" i="2"/>
  <c r="W949" i="6" l="1"/>
  <c r="B981" i="2"/>
  <c r="N982" i="2"/>
  <c r="W950" i="6" l="1"/>
  <c r="B982" i="2"/>
  <c r="N983" i="2"/>
  <c r="W951" i="6" l="1"/>
  <c r="B983" i="2"/>
  <c r="N984" i="2"/>
  <c r="W952" i="6" l="1"/>
  <c r="B984" i="2"/>
  <c r="N985" i="2"/>
  <c r="W953" i="6" l="1"/>
  <c r="B985" i="2"/>
  <c r="N986" i="2"/>
  <c r="W954" i="6" l="1"/>
  <c r="B986" i="2"/>
  <c r="N987" i="2"/>
  <c r="W955" i="6" l="1"/>
  <c r="B987" i="2"/>
  <c r="N988" i="2"/>
  <c r="W956" i="6" l="1"/>
  <c r="B988" i="2"/>
  <c r="N989" i="2"/>
  <c r="W957" i="6" l="1"/>
  <c r="B989" i="2"/>
  <c r="N990" i="2"/>
  <c r="W958" i="6" l="1"/>
  <c r="B990" i="2"/>
  <c r="N991" i="2"/>
  <c r="W959" i="6" l="1"/>
  <c r="B991" i="2"/>
  <c r="N992" i="2"/>
  <c r="W960" i="6" l="1"/>
  <c r="B992" i="2"/>
  <c r="N993" i="2"/>
  <c r="W961" i="6" l="1"/>
  <c r="B993" i="2"/>
  <c r="N994" i="2"/>
  <c r="W962" i="6" l="1"/>
  <c r="B994" i="2"/>
  <c r="N995" i="2"/>
  <c r="W963" i="6" l="1"/>
  <c r="B995" i="2"/>
  <c r="N996" i="2"/>
  <c r="W964" i="6" l="1"/>
  <c r="B996" i="2"/>
  <c r="N997" i="2"/>
  <c r="W965" i="6" l="1"/>
  <c r="B997" i="2"/>
  <c r="N998" i="2"/>
  <c r="W966" i="6" l="1"/>
  <c r="B998" i="2"/>
  <c r="N999" i="2"/>
  <c r="W967" i="6" l="1"/>
  <c r="B999" i="2"/>
  <c r="N1000" i="2"/>
  <c r="W968" i="6" l="1"/>
  <c r="B1000" i="2"/>
  <c r="N1001" i="2"/>
  <c r="W969" i="6" l="1"/>
  <c r="B1001" i="2"/>
  <c r="N1002" i="2"/>
  <c r="W970" i="6" l="1"/>
  <c r="B1002" i="2"/>
  <c r="N1003" i="2"/>
  <c r="W971" i="6" l="1"/>
  <c r="B1003" i="2"/>
  <c r="N1004" i="2"/>
  <c r="W972" i="6" l="1"/>
  <c r="B1004" i="2"/>
  <c r="N1005" i="2"/>
  <c r="W973" i="6" l="1"/>
  <c r="B1005" i="2"/>
  <c r="N1006" i="2"/>
  <c r="W974" i="6" l="1"/>
  <c r="B1006" i="2"/>
  <c r="N1007" i="2"/>
  <c r="W975" i="6" l="1"/>
  <c r="B1007" i="2"/>
  <c r="N1008" i="2"/>
  <c r="W976" i="6" l="1"/>
  <c r="B1008" i="2"/>
  <c r="N1009" i="2"/>
  <c r="W977" i="6" l="1"/>
  <c r="B1009" i="2"/>
  <c r="N1010" i="2"/>
  <c r="W978" i="6" l="1"/>
  <c r="B1010" i="2"/>
  <c r="N1011" i="2"/>
  <c r="W979" i="6" l="1"/>
  <c r="B1011" i="2"/>
  <c r="N1012" i="2"/>
  <c r="W980" i="6" l="1"/>
  <c r="B1012" i="2"/>
  <c r="N1013" i="2"/>
  <c r="W981" i="6" l="1"/>
  <c r="B1013" i="2"/>
  <c r="N1014" i="2"/>
  <c r="W982" i="6" l="1"/>
  <c r="B1014" i="2"/>
  <c r="N1015" i="2"/>
  <c r="W983" i="6" l="1"/>
  <c r="B1015" i="2"/>
  <c r="N1016" i="2"/>
  <c r="W984" i="6" l="1"/>
  <c r="B1016" i="2"/>
  <c r="N1017" i="2"/>
  <c r="W985" i="6" l="1"/>
  <c r="B1017" i="2"/>
  <c r="N1018" i="2"/>
  <c r="W986" i="6" l="1"/>
  <c r="B1018" i="2"/>
  <c r="N1019" i="2"/>
  <c r="W987" i="6" l="1"/>
  <c r="B1019" i="2"/>
  <c r="N1020" i="2"/>
  <c r="W988" i="6" l="1"/>
  <c r="B1020" i="2"/>
  <c r="N1021" i="2"/>
  <c r="W989" i="6" l="1"/>
  <c r="B1021" i="2"/>
  <c r="N1022" i="2"/>
  <c r="W990" i="6" l="1"/>
  <c r="B1022" i="2"/>
  <c r="N1023" i="2"/>
  <c r="W991" i="6" l="1"/>
  <c r="B1023" i="2"/>
  <c r="N1024" i="2"/>
  <c r="W992" i="6" l="1"/>
  <c r="B1024" i="2"/>
  <c r="N1025" i="2"/>
  <c r="W993" i="6" l="1"/>
  <c r="B1025" i="2"/>
  <c r="N1026" i="2"/>
  <c r="W994" i="6" l="1"/>
  <c r="B1026" i="2"/>
  <c r="N1027" i="2"/>
  <c r="W995" i="6" l="1"/>
  <c r="B1027" i="2"/>
  <c r="N1028" i="2"/>
  <c r="W996" i="6" l="1"/>
  <c r="B1028" i="2"/>
  <c r="N1029" i="2"/>
  <c r="W997" i="6" l="1"/>
  <c r="B1029" i="2"/>
  <c r="N1030" i="2"/>
  <c r="W998" i="6" l="1"/>
  <c r="B1030" i="2"/>
  <c r="N1031" i="2"/>
  <c r="W999" i="6" l="1"/>
  <c r="B1031" i="2"/>
  <c r="N1032" i="2"/>
  <c r="W1000" i="6" l="1"/>
  <c r="B1032" i="2"/>
  <c r="N1033" i="2"/>
  <c r="W1001" i="6" l="1"/>
  <c r="B1033" i="2"/>
  <c r="N1034" i="2"/>
  <c r="W1002" i="6" l="1"/>
  <c r="B1034" i="2"/>
  <c r="N1035" i="2"/>
  <c r="W1003" i="6" l="1"/>
  <c r="B1035" i="2"/>
  <c r="N1036" i="2"/>
  <c r="W1004" i="6" l="1"/>
  <c r="B1036" i="2"/>
  <c r="N1037" i="2"/>
  <c r="W1005" i="6" l="1"/>
  <c r="B1037" i="2"/>
  <c r="N1038" i="2"/>
  <c r="W1006" i="6" l="1"/>
  <c r="B1038" i="2"/>
  <c r="N1039" i="2"/>
  <c r="W1007" i="6" l="1"/>
  <c r="B1039" i="2"/>
  <c r="N1040" i="2"/>
  <c r="W1008" i="6" l="1"/>
  <c r="B1040" i="2"/>
  <c r="N1041" i="2"/>
  <c r="W1009" i="6" l="1"/>
  <c r="B1041" i="2"/>
  <c r="N1042" i="2"/>
  <c r="W1010" i="6" l="1"/>
  <c r="B1042" i="2"/>
  <c r="N1043" i="2"/>
  <c r="W1011" i="6" l="1"/>
  <c r="B1043" i="2"/>
  <c r="N1044" i="2"/>
  <c r="W1012" i="6" l="1"/>
  <c r="B1044" i="2"/>
  <c r="N1045" i="2"/>
  <c r="W1013" i="6" l="1"/>
  <c r="B1045" i="2"/>
  <c r="N1046" i="2"/>
  <c r="W1014" i="6" l="1"/>
  <c r="B1046" i="2"/>
  <c r="N1047" i="2"/>
  <c r="W1015" i="6" l="1"/>
  <c r="B1047" i="2"/>
  <c r="N1048" i="2"/>
  <c r="W1016" i="6" l="1"/>
  <c r="B1048" i="2"/>
  <c r="N1049" i="2"/>
  <c r="W1017" i="6" l="1"/>
  <c r="B1049" i="2"/>
  <c r="N1050" i="2"/>
  <c r="W1018" i="6" l="1"/>
  <c r="B1050" i="2"/>
  <c r="N1051" i="2"/>
  <c r="W1019" i="6" l="1"/>
  <c r="B1051" i="2"/>
  <c r="N1052" i="2"/>
  <c r="W1020" i="6" l="1"/>
  <c r="B1052" i="2"/>
  <c r="N1053" i="2"/>
  <c r="W1021" i="6" l="1"/>
  <c r="B1053" i="2"/>
  <c r="N1054" i="2"/>
  <c r="W1022" i="6" l="1"/>
  <c r="B1054" i="2"/>
  <c r="N1055" i="2"/>
  <c r="W1023" i="6" l="1"/>
  <c r="B1055" i="2"/>
  <c r="N1056" i="2"/>
  <c r="W1024" i="6" l="1"/>
  <c r="B1056" i="2"/>
  <c r="N1057" i="2"/>
  <c r="W1025" i="6" l="1"/>
  <c r="B1057" i="2"/>
  <c r="N1058" i="2"/>
  <c r="W1026" i="6" l="1"/>
  <c r="B1058" i="2"/>
  <c r="N1059" i="2"/>
  <c r="W1027" i="6" l="1"/>
  <c r="B1059" i="2"/>
  <c r="N1060" i="2"/>
  <c r="W1028" i="6" l="1"/>
  <c r="B1060" i="2"/>
  <c r="N1061" i="2"/>
  <c r="W1029" i="6" l="1"/>
  <c r="B1061" i="2"/>
  <c r="N1062" i="2"/>
  <c r="W1030" i="6" l="1"/>
  <c r="B1062" i="2"/>
  <c r="N1063" i="2"/>
  <c r="W1031" i="6" l="1"/>
  <c r="B1063" i="2"/>
  <c r="N1064" i="2"/>
  <c r="W1032" i="6" l="1"/>
  <c r="B1064" i="2"/>
  <c r="N1065" i="2"/>
  <c r="W1033" i="6" l="1"/>
  <c r="B1065" i="2"/>
  <c r="N1066" i="2"/>
  <c r="W1034" i="6" l="1"/>
  <c r="B1066" i="2"/>
  <c r="N1067" i="2"/>
  <c r="W1035" i="6" l="1"/>
  <c r="B1067" i="2"/>
  <c r="N1068" i="2"/>
  <c r="W1036" i="6" l="1"/>
  <c r="B1068" i="2"/>
  <c r="N1069" i="2"/>
  <c r="W1037" i="6" l="1"/>
  <c r="B1069" i="2"/>
  <c r="N1070" i="2"/>
  <c r="W1038" i="6" l="1"/>
  <c r="B1070" i="2"/>
  <c r="N1071" i="2"/>
  <c r="W1039" i="6" l="1"/>
  <c r="B1071" i="2"/>
  <c r="N1072" i="2"/>
  <c r="W1040" i="6" l="1"/>
  <c r="B1072" i="2"/>
  <c r="N1073" i="2"/>
  <c r="W1041" i="6" l="1"/>
  <c r="B1073" i="2"/>
  <c r="N1074" i="2"/>
  <c r="W1042" i="6" l="1"/>
  <c r="B1074" i="2"/>
  <c r="N1075" i="2"/>
  <c r="W1043" i="6" l="1"/>
  <c r="B1075" i="2"/>
  <c r="N1076" i="2"/>
  <c r="W1044" i="6" l="1"/>
  <c r="B1076" i="2"/>
  <c r="N1077" i="2"/>
  <c r="W1045" i="6" l="1"/>
  <c r="B1077" i="2"/>
  <c r="N1078" i="2"/>
  <c r="W1046" i="6" l="1"/>
  <c r="B1078" i="2"/>
  <c r="N1079" i="2"/>
  <c r="W1047" i="6" l="1"/>
  <c r="B1079" i="2"/>
  <c r="N1080" i="2"/>
  <c r="W1048" i="6" l="1"/>
  <c r="B1080" i="2"/>
  <c r="N1081" i="2"/>
  <c r="W1049" i="6" l="1"/>
  <c r="B1081" i="2"/>
  <c r="N1082" i="2"/>
  <c r="W1050" i="6" l="1"/>
  <c r="B1082" i="2"/>
  <c r="N1083" i="2"/>
  <c r="W1051" i="6" l="1"/>
  <c r="B1083" i="2"/>
  <c r="N1084" i="2"/>
  <c r="W1052" i="6" l="1"/>
  <c r="B1084" i="2"/>
  <c r="N1085" i="2"/>
  <c r="W1053" i="6" l="1"/>
  <c r="B1085" i="2"/>
  <c r="N1086" i="2"/>
  <c r="W1054" i="6" l="1"/>
  <c r="B1086" i="2"/>
  <c r="N1087" i="2"/>
  <c r="W1055" i="6" l="1"/>
  <c r="B1087" i="2"/>
  <c r="N1088" i="2"/>
  <c r="W1056" i="6" l="1"/>
  <c r="B1088" i="2"/>
  <c r="N1089" i="2"/>
  <c r="W1057" i="6" l="1"/>
  <c r="B1089" i="2"/>
  <c r="N1090" i="2"/>
  <c r="W1058" i="6" l="1"/>
  <c r="B1090" i="2"/>
  <c r="N1091" i="2"/>
  <c r="W1059" i="6" l="1"/>
  <c r="B1091" i="2"/>
  <c r="N1092" i="2"/>
  <c r="W1060" i="6" l="1"/>
  <c r="B1092" i="2"/>
  <c r="N1093" i="2"/>
  <c r="W1061" i="6" l="1"/>
  <c r="B1093" i="2"/>
  <c r="N1094" i="2"/>
  <c r="W1062" i="6" l="1"/>
  <c r="B1094" i="2"/>
  <c r="N1095" i="2"/>
  <c r="W1063" i="6" l="1"/>
  <c r="B1095" i="2"/>
  <c r="N1096" i="2"/>
  <c r="W1064" i="6" l="1"/>
  <c r="B1096" i="2"/>
  <c r="N1097" i="2"/>
  <c r="W1065" i="6" l="1"/>
  <c r="B1097" i="2"/>
  <c r="N1098" i="2"/>
  <c r="W1066" i="6" l="1"/>
  <c r="B1098" i="2"/>
  <c r="N1099" i="2"/>
  <c r="W1067" i="6" l="1"/>
  <c r="B1099" i="2"/>
  <c r="N1100" i="2"/>
  <c r="W1068" i="6" l="1"/>
  <c r="B1100" i="2"/>
  <c r="N1101" i="2"/>
  <c r="W1069" i="6" l="1"/>
  <c r="B1101" i="2"/>
  <c r="N1102" i="2"/>
  <c r="W1070" i="6" l="1"/>
  <c r="B1102" i="2"/>
  <c r="N1103" i="2"/>
  <c r="W1071" i="6" l="1"/>
  <c r="B1103" i="2"/>
  <c r="N1104" i="2"/>
  <c r="W1072" i="6" l="1"/>
  <c r="B1104" i="2"/>
  <c r="N1105" i="2"/>
  <c r="W1073" i="6" l="1"/>
  <c r="B1105" i="2"/>
  <c r="N1106" i="2"/>
  <c r="W1074" i="6" l="1"/>
  <c r="B1106" i="2"/>
  <c r="N1107" i="2"/>
  <c r="W1075" i="6" l="1"/>
  <c r="B1107" i="2"/>
  <c r="N1108" i="2"/>
  <c r="W1076" i="6" l="1"/>
  <c r="B1108" i="2"/>
  <c r="N1109" i="2"/>
  <c r="W1077" i="6" l="1"/>
  <c r="B1109" i="2"/>
  <c r="N1110" i="2"/>
  <c r="W1078" i="6" l="1"/>
  <c r="B1110" i="2"/>
  <c r="N1111" i="2"/>
  <c r="W1079" i="6" l="1"/>
  <c r="B1111" i="2"/>
  <c r="N1112" i="2"/>
  <c r="W1080" i="6" l="1"/>
  <c r="B1112" i="2"/>
  <c r="N1113" i="2"/>
  <c r="W1081" i="6" l="1"/>
  <c r="B1113" i="2"/>
  <c r="N1114" i="2"/>
  <c r="W1082" i="6" l="1"/>
  <c r="B1114" i="2"/>
  <c r="N1115" i="2"/>
  <c r="W1083" i="6" l="1"/>
  <c r="B1115" i="2"/>
  <c r="N1116" i="2"/>
  <c r="W1084" i="6" l="1"/>
  <c r="B1116" i="2"/>
  <c r="N1117" i="2"/>
  <c r="W1085" i="6" l="1"/>
  <c r="B1117" i="2"/>
  <c r="N1118" i="2"/>
  <c r="W1086" i="6" l="1"/>
  <c r="B1118" i="2"/>
  <c r="N1119" i="2"/>
  <c r="W1087" i="6" l="1"/>
  <c r="B1119" i="2"/>
  <c r="N1120" i="2"/>
  <c r="W1088" i="6" l="1"/>
  <c r="B1120" i="2"/>
  <c r="N1121" i="2"/>
  <c r="W1089" i="6" l="1"/>
  <c r="B1121" i="2"/>
  <c r="N1122" i="2"/>
  <c r="W1090" i="6" l="1"/>
  <c r="B1122" i="2"/>
  <c r="N1123" i="2"/>
  <c r="W1091" i="6" l="1"/>
  <c r="B1123" i="2"/>
  <c r="N1124" i="2"/>
  <c r="W1092" i="6" l="1"/>
  <c r="B1124" i="2"/>
  <c r="N1125" i="2"/>
  <c r="W1093" i="6" l="1"/>
  <c r="B1125" i="2"/>
  <c r="N1126" i="2"/>
  <c r="W1094" i="6" l="1"/>
  <c r="B1126" i="2"/>
  <c r="N1127" i="2"/>
  <c r="W1095" i="6" l="1"/>
  <c r="B1127" i="2"/>
  <c r="N1128" i="2"/>
  <c r="W1096" i="6" l="1"/>
  <c r="B1128" i="2"/>
  <c r="N1129" i="2"/>
  <c r="W1097" i="6" l="1"/>
  <c r="B1129" i="2"/>
  <c r="N1130" i="2"/>
  <c r="W1098" i="6" l="1"/>
  <c r="B1130" i="2"/>
  <c r="N1131" i="2"/>
  <c r="W1099" i="6" l="1"/>
  <c r="B1131" i="2"/>
  <c r="N1132" i="2"/>
  <c r="W1100" i="6" l="1"/>
  <c r="B1132" i="2"/>
  <c r="N1133" i="2"/>
  <c r="W1101" i="6" l="1"/>
  <c r="B1133" i="2"/>
  <c r="N1134" i="2"/>
  <c r="W1102" i="6" l="1"/>
  <c r="B1134" i="2"/>
  <c r="N1135" i="2"/>
  <c r="W1103" i="6" l="1"/>
  <c r="B1135" i="2"/>
  <c r="N1136" i="2"/>
  <c r="W1104" i="6" l="1"/>
  <c r="B1136" i="2"/>
  <c r="N1137" i="2"/>
  <c r="W1105" i="6" l="1"/>
  <c r="B1137" i="2"/>
  <c r="N1138" i="2"/>
  <c r="W1106" i="6" l="1"/>
  <c r="B1138" i="2"/>
  <c r="N1139" i="2"/>
  <c r="W1107" i="6" l="1"/>
  <c r="B1139" i="2"/>
  <c r="N1140" i="2"/>
  <c r="W1108" i="6" l="1"/>
  <c r="B1140" i="2"/>
  <c r="N1141" i="2"/>
  <c r="W1109" i="6" l="1"/>
  <c r="B1141" i="2"/>
  <c r="N1142" i="2"/>
  <c r="W1110" i="6" l="1"/>
  <c r="B1142" i="2"/>
  <c r="N1143" i="2"/>
  <c r="W1111" i="6" l="1"/>
  <c r="B1143" i="2"/>
  <c r="N1144" i="2"/>
  <c r="W1112" i="6" l="1"/>
  <c r="B1144" i="2"/>
  <c r="N1145" i="2"/>
  <c r="W1113" i="6" l="1"/>
  <c r="B1145" i="2"/>
  <c r="N1146" i="2"/>
  <c r="W1114" i="6" l="1"/>
  <c r="B1146" i="2"/>
  <c r="N1147" i="2"/>
  <c r="W1115" i="6" l="1"/>
  <c r="B1147" i="2"/>
  <c r="N1148" i="2"/>
  <c r="W1116" i="6" l="1"/>
  <c r="B1148" i="2"/>
  <c r="N1149" i="2"/>
  <c r="W1117" i="6" l="1"/>
  <c r="B1149" i="2"/>
  <c r="N1150" i="2"/>
  <c r="W1118" i="6" l="1"/>
  <c r="B1150" i="2"/>
  <c r="N1151" i="2"/>
  <c r="W1119" i="6" l="1"/>
  <c r="B1151" i="2"/>
  <c r="N1152" i="2"/>
  <c r="W1120" i="6" l="1"/>
  <c r="B1152" i="2"/>
  <c r="N1153" i="2"/>
  <c r="W1121" i="6" l="1"/>
  <c r="B1153" i="2"/>
  <c r="N1154" i="2"/>
  <c r="W1122" i="6" l="1"/>
  <c r="B1154" i="2"/>
  <c r="N1155" i="2"/>
  <c r="W1123" i="6" l="1"/>
  <c r="B1155" i="2"/>
  <c r="N1156" i="2"/>
  <c r="W1124" i="6" l="1"/>
  <c r="B1156" i="2"/>
  <c r="N1157" i="2"/>
  <c r="W1125" i="6" l="1"/>
  <c r="B1157" i="2"/>
  <c r="N1158" i="2"/>
  <c r="W1126" i="6" l="1"/>
  <c r="B1158" i="2"/>
  <c r="N1159" i="2"/>
  <c r="W1127" i="6" l="1"/>
  <c r="B1159" i="2"/>
  <c r="N1160" i="2"/>
  <c r="W1128" i="6" l="1"/>
  <c r="B1160" i="2"/>
  <c r="N1161" i="2"/>
  <c r="W1129" i="6" l="1"/>
  <c r="B1161" i="2"/>
  <c r="N1162" i="2"/>
  <c r="W1130" i="6" l="1"/>
  <c r="B1162" i="2"/>
  <c r="N1163" i="2"/>
  <c r="W1131" i="6" l="1"/>
  <c r="B1163" i="2"/>
  <c r="N1164" i="2"/>
  <c r="W1132" i="6" l="1"/>
  <c r="B1164" i="2"/>
  <c r="N1165" i="2"/>
  <c r="W1133" i="6" l="1"/>
  <c r="B1165" i="2"/>
  <c r="N1166" i="2"/>
  <c r="W1134" i="6" l="1"/>
  <c r="B1166" i="2"/>
  <c r="N1167" i="2"/>
  <c r="W1135" i="6" l="1"/>
  <c r="B1167" i="2"/>
  <c r="N1168" i="2"/>
  <c r="W1136" i="6" l="1"/>
  <c r="B1168" i="2"/>
  <c r="N1169" i="2"/>
  <c r="W1137" i="6" l="1"/>
  <c r="B1169" i="2"/>
  <c r="N1170" i="2"/>
  <c r="W1138" i="6" l="1"/>
  <c r="B1170" i="2"/>
  <c r="N1171" i="2"/>
  <c r="W1139" i="6" l="1"/>
  <c r="B1171" i="2"/>
  <c r="N1172" i="2"/>
  <c r="W1140" i="6" l="1"/>
  <c r="B1172" i="2"/>
  <c r="N1173" i="2"/>
  <c r="W1141" i="6" l="1"/>
  <c r="B1173" i="2"/>
  <c r="N1174" i="2"/>
  <c r="W1142" i="6" l="1"/>
  <c r="B1174" i="2"/>
  <c r="N1175" i="2"/>
  <c r="W1143" i="6" l="1"/>
  <c r="B1175" i="2"/>
  <c r="N1176" i="2"/>
  <c r="W1144" i="6" l="1"/>
  <c r="B1176" i="2"/>
  <c r="N1177" i="2"/>
  <c r="W1145" i="6" l="1"/>
  <c r="B1177" i="2"/>
  <c r="N1178" i="2"/>
  <c r="W1146" i="6" l="1"/>
  <c r="B1178" i="2"/>
  <c r="N1179" i="2"/>
  <c r="W1147" i="6" l="1"/>
  <c r="B1179" i="2"/>
  <c r="N1180" i="2"/>
  <c r="W1148" i="6" l="1"/>
  <c r="B1180" i="2"/>
  <c r="N1181" i="2"/>
  <c r="W1149" i="6" l="1"/>
  <c r="B1181" i="2"/>
  <c r="N1182" i="2"/>
  <c r="W1150" i="6" l="1"/>
  <c r="B1182" i="2"/>
  <c r="N1183" i="2"/>
  <c r="W1151" i="6" l="1"/>
  <c r="B1183" i="2"/>
  <c r="N1184" i="2"/>
  <c r="W1152" i="6" l="1"/>
  <c r="B1184" i="2"/>
  <c r="N1185" i="2"/>
  <c r="W1153" i="6" l="1"/>
  <c r="B1185" i="2"/>
  <c r="N1186" i="2"/>
  <c r="W1154" i="6" l="1"/>
  <c r="B1186" i="2"/>
  <c r="N1187" i="2"/>
  <c r="W1155" i="6" l="1"/>
  <c r="B1187" i="2"/>
  <c r="N1188" i="2"/>
  <c r="W1156" i="6" l="1"/>
  <c r="B1188" i="2"/>
  <c r="N1189" i="2"/>
  <c r="W1157" i="6" l="1"/>
  <c r="B1189" i="2"/>
  <c r="N1190" i="2"/>
  <c r="W1158" i="6" l="1"/>
  <c r="B1190" i="2"/>
  <c r="N1191" i="2"/>
  <c r="W1159" i="6" l="1"/>
  <c r="B1191" i="2"/>
  <c r="N1192" i="2"/>
  <c r="W1160" i="6" l="1"/>
  <c r="B1192" i="2"/>
  <c r="N1193" i="2"/>
  <c r="W1161" i="6" l="1"/>
  <c r="B1193" i="2"/>
  <c r="N1194" i="2"/>
  <c r="W1162" i="6" l="1"/>
  <c r="B1194" i="2"/>
  <c r="N1195" i="2"/>
  <c r="W1163" i="6" l="1"/>
  <c r="B1195" i="2"/>
  <c r="N1196" i="2"/>
  <c r="W1164" i="6" l="1"/>
  <c r="B1196" i="2"/>
  <c r="N1197" i="2"/>
  <c r="W1165" i="6" l="1"/>
  <c r="B1197" i="2"/>
  <c r="N1198" i="2"/>
  <c r="W1166" i="6" l="1"/>
  <c r="B1198" i="2"/>
  <c r="N1199" i="2"/>
  <c r="W1167" i="6" l="1"/>
  <c r="B1199" i="2"/>
  <c r="N1200" i="2"/>
  <c r="W1168" i="6" l="1"/>
  <c r="B1200" i="2"/>
  <c r="N1201" i="2"/>
  <c r="W1169" i="6" l="1"/>
  <c r="B1201" i="2"/>
  <c r="N1202" i="2"/>
  <c r="W1170" i="6" l="1"/>
  <c r="B1202" i="2"/>
  <c r="N1203" i="2"/>
  <c r="W1171" i="6" l="1"/>
  <c r="B1203" i="2"/>
  <c r="N1204" i="2"/>
  <c r="W1172" i="6" l="1"/>
  <c r="B1204" i="2"/>
  <c r="N1205" i="2"/>
  <c r="W1173" i="6" l="1"/>
  <c r="B1205" i="2"/>
  <c r="N1206" i="2"/>
  <c r="W1174" i="6" l="1"/>
  <c r="B1206" i="2"/>
  <c r="N1207" i="2"/>
  <c r="W1175" i="6" l="1"/>
  <c r="B1207" i="2"/>
  <c r="N1208" i="2"/>
  <c r="W1176" i="6" l="1"/>
  <c r="B1208" i="2"/>
  <c r="N1209" i="2"/>
  <c r="W1177" i="6" l="1"/>
  <c r="B1209" i="2"/>
  <c r="N1210" i="2"/>
  <c r="W1178" i="6" l="1"/>
  <c r="B1210" i="2"/>
  <c r="N1211" i="2"/>
  <c r="W1179" i="6" l="1"/>
  <c r="B1211" i="2"/>
  <c r="N1212" i="2"/>
  <c r="W1180" i="6" l="1"/>
  <c r="B1212" i="2"/>
  <c r="N1213" i="2"/>
  <c r="W1181" i="6" l="1"/>
  <c r="B1213" i="2"/>
  <c r="N1214" i="2"/>
  <c r="W1182" i="6" l="1"/>
  <c r="B1214" i="2"/>
  <c r="N1215" i="2"/>
  <c r="W1183" i="6" l="1"/>
  <c r="B1215" i="2"/>
  <c r="N1216" i="2"/>
  <c r="W1184" i="6" l="1"/>
  <c r="B1216" i="2"/>
  <c r="N1217" i="2"/>
  <c r="W1185" i="6" l="1"/>
  <c r="B1217" i="2"/>
  <c r="N1218" i="2"/>
  <c r="W1186" i="6" l="1"/>
  <c r="B1218" i="2"/>
  <c r="N1219" i="2"/>
  <c r="W1187" i="6" l="1"/>
  <c r="B1219" i="2"/>
  <c r="N1220" i="2"/>
  <c r="W1188" i="6" l="1"/>
  <c r="B1220" i="2"/>
  <c r="N1221" i="2"/>
  <c r="W1189" i="6" l="1"/>
  <c r="B1221" i="2"/>
  <c r="N1222" i="2"/>
  <c r="W1190" i="6" l="1"/>
  <c r="B1222" i="2"/>
  <c r="N1223" i="2"/>
  <c r="W1191" i="6" l="1"/>
  <c r="B1223" i="2"/>
  <c r="N1224" i="2"/>
  <c r="W1192" i="6" l="1"/>
  <c r="B1224" i="2"/>
  <c r="N1225" i="2"/>
  <c r="W1193" i="6" l="1"/>
  <c r="B1225" i="2"/>
  <c r="N1226" i="2"/>
  <c r="W1194" i="6" l="1"/>
  <c r="B1226" i="2"/>
  <c r="N1227" i="2"/>
  <c r="W1195" i="6" l="1"/>
  <c r="B1227" i="2"/>
  <c r="N1228" i="2"/>
  <c r="W1196" i="6" l="1"/>
  <c r="B1228" i="2"/>
  <c r="N1229" i="2"/>
  <c r="W1197" i="6" l="1"/>
  <c r="B1229" i="2"/>
  <c r="N1230" i="2"/>
  <c r="W1198" i="6" l="1"/>
  <c r="B1230" i="2"/>
  <c r="N1231" i="2"/>
  <c r="W1199" i="6" l="1"/>
  <c r="B1231" i="2"/>
  <c r="N1232" i="2"/>
  <c r="W1200" i="6" l="1"/>
  <c r="B1232" i="2"/>
  <c r="N1233" i="2"/>
  <c r="W1201" i="6" l="1"/>
  <c r="B1233" i="2"/>
  <c r="N1234" i="2"/>
  <c r="W1202" i="6" l="1"/>
  <c r="B1234" i="2"/>
  <c r="N1235" i="2"/>
  <c r="W1203" i="6" l="1"/>
  <c r="B1235" i="2"/>
  <c r="N1236" i="2"/>
  <c r="W1204" i="6" l="1"/>
  <c r="B1236" i="2"/>
  <c r="N1237" i="2"/>
  <c r="W1205" i="6" l="1"/>
  <c r="B1237" i="2"/>
  <c r="N1238" i="2"/>
  <c r="W1206" i="6" l="1"/>
  <c r="B1238" i="2"/>
  <c r="N1239" i="2"/>
  <c r="W1207" i="6" l="1"/>
  <c r="B1239" i="2"/>
  <c r="N1240" i="2"/>
  <c r="W1208" i="6" l="1"/>
  <c r="B1240" i="2"/>
  <c r="N1241" i="2"/>
  <c r="W1209" i="6" l="1"/>
  <c r="B1241" i="2"/>
  <c r="N1242" i="2"/>
  <c r="W1210" i="6" l="1"/>
  <c r="B1242" i="2"/>
  <c r="N1243" i="2"/>
  <c r="W1211" i="6" l="1"/>
  <c r="B1243" i="2"/>
  <c r="N1244" i="2"/>
  <c r="W1212" i="6" l="1"/>
  <c r="B1244" i="2"/>
  <c r="N1245" i="2"/>
  <c r="W1213" i="6" l="1"/>
  <c r="B1245" i="2"/>
  <c r="N1246" i="2"/>
  <c r="W1214" i="6" l="1"/>
  <c r="B1246" i="2"/>
  <c r="N1247" i="2"/>
  <c r="W1215" i="6" l="1"/>
  <c r="B1247" i="2"/>
  <c r="N1248" i="2"/>
  <c r="W1216" i="6" l="1"/>
  <c r="B1248" i="2"/>
  <c r="N1249" i="2"/>
  <c r="W1217" i="6" l="1"/>
  <c r="B1249" i="2"/>
  <c r="N1250" i="2"/>
  <c r="W1218" i="6" l="1"/>
  <c r="B1250" i="2"/>
  <c r="N1251" i="2"/>
  <c r="W1219" i="6" l="1"/>
  <c r="B1251" i="2"/>
  <c r="N1252" i="2"/>
  <c r="W1220" i="6" l="1"/>
  <c r="B1252" i="2"/>
  <c r="N1253" i="2"/>
  <c r="W1221" i="6" l="1"/>
  <c r="B1253" i="2"/>
  <c r="N1254" i="2"/>
  <c r="W1222" i="6" l="1"/>
  <c r="B1254" i="2"/>
  <c r="N1255" i="2"/>
  <c r="W1223" i="6" l="1"/>
  <c r="B1255" i="2"/>
  <c r="N1256" i="2"/>
  <c r="W1224" i="6" l="1"/>
  <c r="B1256" i="2"/>
  <c r="N1257" i="2"/>
  <c r="W1225" i="6" l="1"/>
  <c r="B1257" i="2"/>
  <c r="N1258" i="2"/>
  <c r="W1226" i="6" l="1"/>
  <c r="B1258" i="2"/>
  <c r="N1259" i="2"/>
  <c r="W1227" i="6" l="1"/>
  <c r="B1259" i="2"/>
  <c r="N1260" i="2"/>
  <c r="W1228" i="6" l="1"/>
  <c r="B1260" i="2"/>
  <c r="N1261" i="2"/>
  <c r="W1229" i="6" l="1"/>
  <c r="B1261" i="2"/>
  <c r="N1262" i="2"/>
  <c r="W1230" i="6" l="1"/>
  <c r="B1262" i="2"/>
  <c r="N1263" i="2"/>
  <c r="W1231" i="6" l="1"/>
  <c r="B1263" i="2"/>
  <c r="N1264" i="2"/>
  <c r="W1232" i="6" l="1"/>
  <c r="B1264" i="2"/>
  <c r="N1265" i="2"/>
  <c r="W1233" i="6" l="1"/>
  <c r="B1265" i="2"/>
  <c r="N1266" i="2"/>
  <c r="W1234" i="6" l="1"/>
  <c r="B1266" i="2"/>
  <c r="N1267" i="2"/>
  <c r="W1235" i="6" l="1"/>
  <c r="B1267" i="2"/>
  <c r="N1268" i="2"/>
  <c r="W1236" i="6" l="1"/>
  <c r="B1268" i="2"/>
  <c r="N1269" i="2"/>
  <c r="W1237" i="6" l="1"/>
  <c r="B1269" i="2"/>
  <c r="N1270" i="2"/>
  <c r="W1238" i="6" l="1"/>
  <c r="B1270" i="2"/>
  <c r="N1271" i="2"/>
  <c r="W1239" i="6" l="1"/>
  <c r="B1271" i="2"/>
  <c r="N1272" i="2"/>
  <c r="W1240" i="6" l="1"/>
  <c r="B1272" i="2"/>
  <c r="N1273" i="2"/>
  <c r="W1241" i="6" l="1"/>
  <c r="B1273" i="2"/>
  <c r="N1274" i="2"/>
  <c r="W1242" i="6" l="1"/>
  <c r="B1274" i="2"/>
  <c r="N1275" i="2"/>
  <c r="W1243" i="6" l="1"/>
  <c r="B1275" i="2"/>
  <c r="N1276" i="2"/>
  <c r="W1244" i="6" l="1"/>
  <c r="B1276" i="2"/>
  <c r="N1277" i="2"/>
  <c r="W1245" i="6" l="1"/>
  <c r="B1277" i="2"/>
  <c r="N1278" i="2"/>
  <c r="W1246" i="6" l="1"/>
  <c r="B1278" i="2"/>
  <c r="N1279" i="2"/>
  <c r="W1247" i="6" l="1"/>
  <c r="B1279" i="2"/>
  <c r="N1280" i="2"/>
  <c r="W1248" i="6" l="1"/>
  <c r="B1280" i="2"/>
  <c r="N1281" i="2"/>
  <c r="W1249" i="6" l="1"/>
  <c r="B1281" i="2"/>
  <c r="N1282" i="2"/>
  <c r="W1250" i="6" l="1"/>
  <c r="B1282" i="2"/>
  <c r="N1283" i="2"/>
  <c r="W1251" i="6" l="1"/>
  <c r="B1283" i="2"/>
  <c r="N1284" i="2"/>
  <c r="W1252" i="6" l="1"/>
  <c r="B1284" i="2"/>
  <c r="N1285" i="2"/>
  <c r="W1253" i="6" l="1"/>
  <c r="B1285" i="2"/>
  <c r="N1286" i="2"/>
  <c r="W1254" i="6" l="1"/>
  <c r="B1286" i="2"/>
  <c r="N1287" i="2"/>
  <c r="W1255" i="6" l="1"/>
  <c r="B1287" i="2"/>
  <c r="N1288" i="2"/>
  <c r="W1256" i="6" l="1"/>
  <c r="B1288" i="2"/>
  <c r="N1289" i="2"/>
  <c r="W1257" i="6" l="1"/>
  <c r="B1289" i="2"/>
  <c r="N1290" i="2"/>
  <c r="W1258" i="6" l="1"/>
  <c r="B1290" i="2"/>
  <c r="N1291" i="2"/>
  <c r="W1259" i="6" l="1"/>
  <c r="B1291" i="2"/>
  <c r="N1292" i="2"/>
  <c r="W1260" i="6" l="1"/>
  <c r="B1292" i="2"/>
  <c r="N1293" i="2"/>
  <c r="W1261" i="6" l="1"/>
  <c r="B1293" i="2"/>
  <c r="N1294" i="2"/>
  <c r="W1262" i="6" l="1"/>
  <c r="B1294" i="2"/>
  <c r="N1295" i="2"/>
  <c r="W1263" i="6" l="1"/>
  <c r="B1295" i="2"/>
  <c r="N1296" i="2"/>
  <c r="W1264" i="6" l="1"/>
  <c r="B1296" i="2"/>
  <c r="N1297" i="2"/>
  <c r="W1265" i="6" l="1"/>
  <c r="B1297" i="2"/>
  <c r="N1298" i="2"/>
  <c r="W1266" i="6" l="1"/>
  <c r="B1298" i="2"/>
  <c r="N1299" i="2"/>
  <c r="W1267" i="6" l="1"/>
  <c r="B1299" i="2"/>
  <c r="N1300" i="2"/>
  <c r="W1268" i="6" l="1"/>
  <c r="B1300" i="2"/>
  <c r="N1301" i="2"/>
  <c r="W1269" i="6" l="1"/>
  <c r="B1301" i="2"/>
  <c r="N1302" i="2"/>
  <c r="W1270" i="6" l="1"/>
  <c r="B1302" i="2"/>
  <c r="N1303" i="2"/>
  <c r="W1271" i="6" l="1"/>
  <c r="B1303" i="2"/>
  <c r="N1304" i="2"/>
  <c r="W1272" i="6" l="1"/>
  <c r="B1304" i="2"/>
  <c r="N1305" i="2"/>
  <c r="W1273" i="6" l="1"/>
  <c r="B1305" i="2"/>
  <c r="N1306" i="2"/>
  <c r="W1274" i="6" l="1"/>
  <c r="B1306" i="2"/>
  <c r="N1307" i="2"/>
  <c r="W1275" i="6" l="1"/>
  <c r="B1307" i="2"/>
  <c r="N1308" i="2"/>
  <c r="W1276" i="6" l="1"/>
  <c r="B1308" i="2"/>
  <c r="N1309" i="2"/>
  <c r="W1277" i="6" l="1"/>
  <c r="B1309" i="2"/>
  <c r="N1310" i="2"/>
  <c r="W1278" i="6" l="1"/>
  <c r="B1310" i="2"/>
  <c r="N1311" i="2"/>
  <c r="W1279" i="6" l="1"/>
  <c r="B1311" i="2"/>
  <c r="N1312" i="2"/>
  <c r="W1280" i="6" l="1"/>
  <c r="B1312" i="2"/>
  <c r="N1313" i="2"/>
  <c r="W1281" i="6" l="1"/>
  <c r="B1313" i="2"/>
  <c r="N1314" i="2"/>
  <c r="W1282" i="6" l="1"/>
  <c r="B1314" i="2"/>
  <c r="N1315" i="2"/>
  <c r="W1283" i="6" l="1"/>
  <c r="B1315" i="2"/>
  <c r="N1316" i="2"/>
  <c r="W1284" i="6" l="1"/>
  <c r="B1316" i="2"/>
  <c r="N1317" i="2"/>
  <c r="W1285" i="6" l="1"/>
  <c r="B1317" i="2"/>
  <c r="N1318" i="2"/>
  <c r="W1286" i="6" l="1"/>
  <c r="B1318" i="2"/>
  <c r="N1319" i="2"/>
  <c r="W1287" i="6" l="1"/>
  <c r="B1319" i="2"/>
  <c r="N1320" i="2"/>
  <c r="W1288" i="6" l="1"/>
  <c r="B1320" i="2"/>
  <c r="N1321" i="2"/>
  <c r="W1289" i="6" l="1"/>
  <c r="B1321" i="2"/>
  <c r="N1322" i="2"/>
  <c r="W1290" i="6" l="1"/>
  <c r="B1322" i="2"/>
  <c r="N1323" i="2"/>
  <c r="W1291" i="6" l="1"/>
  <c r="B1323" i="2"/>
  <c r="N1324" i="2"/>
  <c r="W1292" i="6" l="1"/>
  <c r="B1324" i="2"/>
  <c r="N1325" i="2"/>
  <c r="W1293" i="6" l="1"/>
  <c r="B1325" i="2"/>
  <c r="N1326" i="2"/>
  <c r="W1294" i="6" l="1"/>
  <c r="B1326" i="2"/>
  <c r="N1327" i="2"/>
  <c r="W1295" i="6" l="1"/>
  <c r="B1327" i="2"/>
  <c r="N1328" i="2"/>
  <c r="W1296" i="6" l="1"/>
  <c r="B1328" i="2"/>
  <c r="N1329" i="2"/>
  <c r="W1297" i="6" l="1"/>
  <c r="B1329" i="2"/>
  <c r="N1330" i="2"/>
  <c r="W1298" i="6" l="1"/>
  <c r="B1330" i="2"/>
  <c r="N1331" i="2"/>
  <c r="W1299" i="6" l="1"/>
  <c r="B1331" i="2"/>
  <c r="N1332" i="2"/>
  <c r="W1300" i="6" l="1"/>
  <c r="B1332" i="2"/>
  <c r="N1333" i="2"/>
  <c r="W1301" i="6" l="1"/>
  <c r="B1333" i="2"/>
  <c r="N1334" i="2"/>
  <c r="W1302" i="6" l="1"/>
  <c r="B1334" i="2"/>
  <c r="N1335" i="2"/>
  <c r="W1303" i="6" l="1"/>
  <c r="B1335" i="2"/>
  <c r="N1336" i="2"/>
  <c r="W1304" i="6" l="1"/>
  <c r="B1336" i="2"/>
  <c r="N1337" i="2"/>
  <c r="W1305" i="6" l="1"/>
  <c r="B1337" i="2"/>
  <c r="N1338" i="2"/>
  <c r="W1306" i="6" l="1"/>
  <c r="B1338" i="2"/>
  <c r="N1339" i="2"/>
  <c r="W1307" i="6" l="1"/>
  <c r="B1339" i="2"/>
  <c r="N1340" i="2"/>
  <c r="W1308" i="6" l="1"/>
  <c r="B1340" i="2"/>
  <c r="N1341" i="2"/>
  <c r="W1309" i="6" l="1"/>
  <c r="B1341" i="2"/>
  <c r="N1342" i="2"/>
  <c r="W1310" i="6" l="1"/>
  <c r="B1342" i="2"/>
  <c r="N1343" i="2"/>
  <c r="W1311" i="6" l="1"/>
  <c r="B1343" i="2"/>
  <c r="N1344" i="2"/>
  <c r="W1312" i="6" l="1"/>
  <c r="B1344" i="2"/>
  <c r="N1345" i="2"/>
  <c r="W1313" i="6" l="1"/>
  <c r="B1345" i="2"/>
  <c r="N1346" i="2"/>
  <c r="W1314" i="6" l="1"/>
  <c r="B1346" i="2"/>
  <c r="N1347" i="2"/>
  <c r="W1315" i="6" l="1"/>
  <c r="B1347" i="2"/>
  <c r="N1348" i="2"/>
  <c r="W1316" i="6" l="1"/>
  <c r="B1348" i="2"/>
  <c r="N1349" i="2"/>
  <c r="W1317" i="6" l="1"/>
  <c r="B1349" i="2"/>
  <c r="N1350" i="2"/>
  <c r="W1318" i="6" l="1"/>
  <c r="B1350" i="2"/>
  <c r="N1351" i="2"/>
  <c r="W1319" i="6" l="1"/>
  <c r="B1351" i="2"/>
  <c r="N1352" i="2"/>
  <c r="W1320" i="6" l="1"/>
  <c r="B1352" i="2"/>
  <c r="N1353" i="2"/>
  <c r="W1321" i="6" l="1"/>
  <c r="B1353" i="2"/>
  <c r="N1354" i="2"/>
  <c r="W1322" i="6" l="1"/>
  <c r="B1354" i="2"/>
  <c r="N1355" i="2"/>
  <c r="W1323" i="6" l="1"/>
  <c r="B1355" i="2"/>
  <c r="N1356" i="2"/>
  <c r="W1324" i="6" l="1"/>
  <c r="B1356" i="2"/>
  <c r="N1357" i="2"/>
  <c r="W1325" i="6" l="1"/>
  <c r="B1357" i="2"/>
  <c r="N1358" i="2"/>
  <c r="W1326" i="6" l="1"/>
  <c r="B1358" i="2"/>
  <c r="N1359" i="2"/>
  <c r="W1327" i="6" l="1"/>
  <c r="B1359" i="2"/>
  <c r="N1360" i="2"/>
  <c r="W1328" i="6" l="1"/>
  <c r="B1360" i="2"/>
  <c r="N1361" i="2"/>
  <c r="W1329" i="6" l="1"/>
  <c r="B1361" i="2"/>
  <c r="N1362" i="2"/>
  <c r="W1330" i="6" l="1"/>
  <c r="B1362" i="2"/>
  <c r="N1363" i="2"/>
  <c r="W1331" i="6" l="1"/>
  <c r="B1363" i="2"/>
  <c r="N1364" i="2"/>
  <c r="W1332" i="6" l="1"/>
  <c r="B1364" i="2"/>
  <c r="N1365" i="2"/>
  <c r="W1333" i="6" l="1"/>
  <c r="B1365" i="2"/>
  <c r="N1366" i="2"/>
  <c r="W1334" i="6" l="1"/>
  <c r="B1366" i="2"/>
  <c r="N1367" i="2"/>
  <c r="W1335" i="6" l="1"/>
  <c r="B1367" i="2"/>
  <c r="N1368" i="2"/>
  <c r="W1336" i="6" l="1"/>
  <c r="B1368" i="2"/>
  <c r="N1369" i="2"/>
  <c r="W1337" i="6" l="1"/>
  <c r="B1369" i="2"/>
  <c r="N1370" i="2"/>
  <c r="W1338" i="6" l="1"/>
  <c r="B1370" i="2"/>
  <c r="N1371" i="2"/>
  <c r="W1339" i="6" l="1"/>
  <c r="B1371" i="2"/>
  <c r="N1372" i="2"/>
  <c r="W1340" i="6" l="1"/>
  <c r="B1372" i="2"/>
  <c r="N1373" i="2"/>
  <c r="W1341" i="6" l="1"/>
  <c r="B1373" i="2"/>
  <c r="N1374" i="2"/>
  <c r="W1342" i="6" l="1"/>
  <c r="B1374" i="2"/>
  <c r="N1375" i="2"/>
  <c r="W1343" i="6" l="1"/>
  <c r="B1375" i="2"/>
  <c r="N1376" i="2"/>
  <c r="W1344" i="6" l="1"/>
  <c r="B1376" i="2"/>
  <c r="N1377" i="2"/>
  <c r="W1345" i="6" l="1"/>
  <c r="B1377" i="2"/>
  <c r="N1378" i="2"/>
  <c r="W1346" i="6" l="1"/>
  <c r="B1378" i="2"/>
  <c r="N1379" i="2"/>
  <c r="W1347" i="6" l="1"/>
  <c r="B1379" i="2"/>
  <c r="N1380" i="2"/>
  <c r="W1348" i="6" l="1"/>
  <c r="B1380" i="2"/>
  <c r="N1381" i="2"/>
  <c r="W1349" i="6" l="1"/>
  <c r="B1381" i="2"/>
  <c r="N1382" i="2"/>
  <c r="W1350" i="6" l="1"/>
  <c r="B1382" i="2"/>
  <c r="N1383" i="2"/>
  <c r="W1351" i="6" l="1"/>
  <c r="B1383" i="2"/>
  <c r="N1384" i="2"/>
  <c r="W1352" i="6" l="1"/>
  <c r="B1384" i="2"/>
  <c r="N1385" i="2"/>
  <c r="W1353" i="6" l="1"/>
  <c r="B1385" i="2"/>
  <c r="N1386" i="2"/>
  <c r="W1354" i="6" l="1"/>
  <c r="B1386" i="2"/>
  <c r="N1387" i="2"/>
  <c r="W1355" i="6" l="1"/>
  <c r="B1387" i="2"/>
  <c r="N1388" i="2"/>
  <c r="W1356" i="6" l="1"/>
  <c r="B1388" i="2"/>
  <c r="N1389" i="2"/>
  <c r="W1357" i="6" l="1"/>
  <c r="B1389" i="2"/>
  <c r="N1390" i="2"/>
  <c r="W1358" i="6" l="1"/>
  <c r="B1390" i="2"/>
  <c r="N1391" i="2"/>
  <c r="W1359" i="6" l="1"/>
  <c r="B1391" i="2"/>
  <c r="N1392" i="2"/>
  <c r="W1360" i="6" l="1"/>
  <c r="B1392" i="2"/>
  <c r="N1393" i="2"/>
  <c r="W1361" i="6" l="1"/>
  <c r="B1393" i="2"/>
  <c r="N1394" i="2"/>
  <c r="W1362" i="6" l="1"/>
  <c r="B1394" i="2"/>
  <c r="N1395" i="2"/>
  <c r="W1363" i="6" l="1"/>
  <c r="B1395" i="2"/>
  <c r="N1396" i="2"/>
  <c r="W1364" i="6" l="1"/>
  <c r="B1396" i="2"/>
  <c r="N1397" i="2"/>
  <c r="W1365" i="6" l="1"/>
  <c r="B1397" i="2"/>
  <c r="N1398" i="2"/>
  <c r="W1366" i="6" l="1"/>
  <c r="B1398" i="2"/>
  <c r="N1399" i="2"/>
  <c r="W1367" i="6" l="1"/>
  <c r="B1399" i="2"/>
  <c r="N1400" i="2"/>
  <c r="W1368" i="6" l="1"/>
  <c r="B1400" i="2"/>
  <c r="N1401" i="2"/>
  <c r="W1369" i="6" l="1"/>
  <c r="B1401" i="2"/>
  <c r="N1402" i="2"/>
  <c r="W1370" i="6" l="1"/>
  <c r="B1402" i="2"/>
  <c r="N1403" i="2"/>
  <c r="W1371" i="6" l="1"/>
  <c r="B1403" i="2"/>
  <c r="N1404" i="2"/>
  <c r="W1372" i="6" l="1"/>
  <c r="B1404" i="2"/>
  <c r="N1405" i="2"/>
  <c r="W1373" i="6" l="1"/>
  <c r="B1405" i="2"/>
  <c r="N1406" i="2"/>
  <c r="W1374" i="6" l="1"/>
  <c r="B1406" i="2"/>
  <c r="N1407" i="2"/>
  <c r="W1375" i="6" l="1"/>
  <c r="B1407" i="2"/>
  <c r="N1408" i="2"/>
  <c r="W1376" i="6" l="1"/>
  <c r="B1408" i="2"/>
  <c r="N1409" i="2"/>
  <c r="W1377" i="6" l="1"/>
  <c r="B1409" i="2"/>
  <c r="N1410" i="2"/>
  <c r="W1378" i="6" l="1"/>
  <c r="B1410" i="2"/>
  <c r="N1411" i="2"/>
  <c r="W1379" i="6" l="1"/>
  <c r="B1411" i="2"/>
  <c r="N1412" i="2"/>
  <c r="W1380" i="6" l="1"/>
  <c r="B1412" i="2"/>
  <c r="N1413" i="2"/>
  <c r="W1381" i="6" l="1"/>
  <c r="B1413" i="2"/>
  <c r="N1414" i="2"/>
  <c r="W1382" i="6" l="1"/>
  <c r="B1414" i="2"/>
  <c r="N1415" i="2"/>
  <c r="W1383" i="6" l="1"/>
  <c r="B1415" i="2"/>
  <c r="N1416" i="2"/>
  <c r="W1384" i="6" l="1"/>
  <c r="B1416" i="2"/>
  <c r="N1417" i="2"/>
  <c r="W1385" i="6" l="1"/>
  <c r="B1417" i="2"/>
  <c r="N1418" i="2"/>
  <c r="W1386" i="6" l="1"/>
  <c r="B1418" i="2"/>
  <c r="N1419" i="2"/>
  <c r="W1387" i="6" l="1"/>
  <c r="B1419" i="2"/>
  <c r="N1420" i="2"/>
  <c r="W1388" i="6" l="1"/>
  <c r="B1420" i="2"/>
  <c r="N1421" i="2"/>
  <c r="W1389" i="6" l="1"/>
  <c r="B1421" i="2"/>
  <c r="N1422" i="2"/>
  <c r="W1390" i="6" l="1"/>
  <c r="B1422" i="2"/>
  <c r="N1423" i="2"/>
  <c r="W1391" i="6" l="1"/>
  <c r="B1423" i="2"/>
  <c r="N1424" i="2"/>
  <c r="W1392" i="6" l="1"/>
  <c r="B1424" i="2"/>
  <c r="N1425" i="2"/>
  <c r="W1393" i="6" l="1"/>
  <c r="B1425" i="2"/>
  <c r="N1426" i="2"/>
  <c r="W1394" i="6" l="1"/>
  <c r="B1426" i="2"/>
  <c r="N1427" i="2"/>
  <c r="W1395" i="6" l="1"/>
  <c r="B1427" i="2"/>
  <c r="N1428" i="2"/>
  <c r="W1396" i="6" l="1"/>
  <c r="B1428" i="2"/>
  <c r="N1429" i="2"/>
  <c r="W1397" i="6" l="1"/>
  <c r="B1429" i="2"/>
  <c r="N1430" i="2"/>
  <c r="W1398" i="6" l="1"/>
  <c r="B1430" i="2"/>
  <c r="N1431" i="2"/>
  <c r="W1399" i="6" l="1"/>
  <c r="B1431" i="2"/>
  <c r="N1432" i="2"/>
  <c r="W1400" i="6" l="1"/>
  <c r="B1432" i="2"/>
  <c r="N1433" i="2"/>
  <c r="W1401" i="6" l="1"/>
  <c r="B1433" i="2"/>
  <c r="N1434" i="2"/>
  <c r="W1402" i="6" l="1"/>
  <c r="B1434" i="2"/>
  <c r="N1435" i="2"/>
  <c r="W1403" i="6" l="1"/>
  <c r="B1435" i="2"/>
  <c r="N1436" i="2"/>
  <c r="W1404" i="6" l="1"/>
  <c r="B1436" i="2"/>
  <c r="N1437" i="2"/>
  <c r="W1405" i="6" l="1"/>
  <c r="B1437" i="2"/>
  <c r="N1438" i="2"/>
  <c r="W1406" i="6" l="1"/>
  <c r="B1438" i="2"/>
  <c r="N1439" i="2"/>
  <c r="W1407" i="6" l="1"/>
  <c r="B1439" i="2"/>
  <c r="N1440" i="2"/>
  <c r="W1408" i="6" l="1"/>
  <c r="B1440" i="2"/>
  <c r="N1441" i="2"/>
  <c r="W1409" i="6" l="1"/>
  <c r="B1441" i="2"/>
  <c r="N1442" i="2"/>
  <c r="W1410" i="6" l="1"/>
  <c r="B1442" i="2"/>
  <c r="N1443" i="2"/>
  <c r="W1411" i="6" l="1"/>
  <c r="B1443" i="2"/>
  <c r="N1444" i="2"/>
  <c r="W1412" i="6" l="1"/>
  <c r="B1444" i="2"/>
  <c r="N1445" i="2"/>
  <c r="W1413" i="6" l="1"/>
  <c r="B1445" i="2"/>
  <c r="N1446" i="2"/>
  <c r="W1414" i="6" l="1"/>
  <c r="B1446" i="2"/>
  <c r="N1447" i="2"/>
  <c r="W1415" i="6" l="1"/>
  <c r="B1447" i="2"/>
  <c r="N1448" i="2"/>
  <c r="W1416" i="6" l="1"/>
  <c r="B1448" i="2"/>
  <c r="N1449" i="2"/>
  <c r="W1417" i="6" l="1"/>
  <c r="B1449" i="2"/>
  <c r="N1450" i="2"/>
  <c r="W1418" i="6" l="1"/>
  <c r="B1450" i="2"/>
  <c r="N1451" i="2"/>
  <c r="W1419" i="6" l="1"/>
  <c r="B1451" i="2"/>
  <c r="N1452" i="2"/>
  <c r="W1420" i="6" l="1"/>
  <c r="B1452" i="2"/>
  <c r="N1453" i="2"/>
  <c r="W1421" i="6" l="1"/>
  <c r="B1453" i="2"/>
  <c r="N1454" i="2"/>
  <c r="W1422" i="6" l="1"/>
  <c r="B1454" i="2"/>
  <c r="N1455" i="2"/>
  <c r="W1423" i="6" l="1"/>
  <c r="B1455" i="2"/>
  <c r="N1456" i="2"/>
  <c r="W1424" i="6" l="1"/>
  <c r="B1456" i="2"/>
  <c r="N1457" i="2"/>
  <c r="W1425" i="6" l="1"/>
  <c r="B1457" i="2"/>
  <c r="N1458" i="2"/>
  <c r="W1426" i="6" l="1"/>
  <c r="B1458" i="2"/>
  <c r="N1459" i="2"/>
  <c r="W1427" i="6" l="1"/>
  <c r="B1459" i="2"/>
  <c r="N1460" i="2"/>
  <c r="W1428" i="6" l="1"/>
  <c r="B1460" i="2"/>
  <c r="N1461" i="2"/>
  <c r="W1429" i="6" l="1"/>
  <c r="B1461" i="2"/>
  <c r="N1462" i="2"/>
  <c r="W1430" i="6" l="1"/>
  <c r="B1462" i="2"/>
  <c r="N1463" i="2"/>
  <c r="W1431" i="6" l="1"/>
  <c r="B1463" i="2"/>
  <c r="N1464" i="2"/>
  <c r="W1432" i="6" l="1"/>
  <c r="B1464" i="2"/>
  <c r="N1465" i="2"/>
  <c r="W1433" i="6" l="1"/>
  <c r="B1465" i="2"/>
  <c r="N1466" i="2"/>
  <c r="W1434" i="6" l="1"/>
  <c r="B1466" i="2"/>
  <c r="N1467" i="2"/>
  <c r="W1435" i="6" l="1"/>
  <c r="B1467" i="2"/>
  <c r="N1468" i="2"/>
  <c r="W1436" i="6" l="1"/>
  <c r="B1468" i="2"/>
  <c r="N1469" i="2"/>
  <c r="W1437" i="6" l="1"/>
  <c r="B1469" i="2"/>
  <c r="N1470" i="2"/>
  <c r="W1438" i="6" l="1"/>
  <c r="B1470" i="2"/>
  <c r="N1471" i="2"/>
  <c r="W1439" i="6" l="1"/>
  <c r="B1471" i="2"/>
  <c r="N1472" i="2"/>
  <c r="W1440" i="6" l="1"/>
  <c r="B1472" i="2"/>
  <c r="N1473" i="2"/>
  <c r="W1441" i="6" l="1"/>
  <c r="B1473" i="2"/>
  <c r="N1474" i="2"/>
  <c r="W1442" i="6" l="1"/>
  <c r="B1474" i="2"/>
  <c r="N1475" i="2"/>
  <c r="W1443" i="6" l="1"/>
  <c r="B1475" i="2"/>
  <c r="N1476" i="2"/>
  <c r="W1444" i="6" l="1"/>
  <c r="B1476" i="2"/>
  <c r="N1477" i="2"/>
  <c r="W1445" i="6" l="1"/>
  <c r="B1477" i="2"/>
  <c r="N1478" i="2"/>
  <c r="W1446" i="6" l="1"/>
  <c r="B1478" i="2"/>
  <c r="N1479" i="2"/>
  <c r="W1447" i="6" l="1"/>
  <c r="B1479" i="2"/>
  <c r="N1480" i="2"/>
  <c r="W1448" i="6" l="1"/>
  <c r="B1480" i="2"/>
  <c r="N1481" i="2"/>
  <c r="W1449" i="6" l="1"/>
  <c r="B1481" i="2"/>
  <c r="N1482" i="2"/>
  <c r="W1450" i="6" l="1"/>
  <c r="B1482" i="2"/>
  <c r="N1483" i="2"/>
  <c r="W1451" i="6" l="1"/>
  <c r="B1483" i="2"/>
  <c r="N1484" i="2"/>
  <c r="W1452" i="6" l="1"/>
  <c r="B1484" i="2"/>
  <c r="N1485" i="2"/>
  <c r="W1453" i="6" l="1"/>
  <c r="B1485" i="2"/>
  <c r="N1486" i="2"/>
  <c r="W1454" i="6" l="1"/>
  <c r="B1486" i="2"/>
  <c r="N1487" i="2"/>
  <c r="W1455" i="6" l="1"/>
  <c r="B1487" i="2"/>
  <c r="N1488" i="2"/>
  <c r="W1456" i="6" l="1"/>
  <c r="B1488" i="2"/>
  <c r="N1489" i="2"/>
  <c r="W1457" i="6" l="1"/>
  <c r="B1489" i="2"/>
  <c r="N1490" i="2"/>
  <c r="W1458" i="6" l="1"/>
  <c r="B1490" i="2"/>
  <c r="N1491" i="2"/>
  <c r="W1459" i="6" l="1"/>
  <c r="B1491" i="2"/>
  <c r="N1492" i="2"/>
  <c r="W1460" i="6" l="1"/>
  <c r="B1492" i="2"/>
  <c r="N1493" i="2"/>
  <c r="W1461" i="6" l="1"/>
  <c r="B1493" i="2"/>
  <c r="N1494" i="2"/>
  <c r="W1462" i="6" l="1"/>
  <c r="B1494" i="2"/>
  <c r="N1495" i="2"/>
  <c r="W1463" i="6" l="1"/>
  <c r="B1495" i="2"/>
  <c r="N1496" i="2"/>
  <c r="W1464" i="6" l="1"/>
  <c r="B1496" i="2"/>
  <c r="N1497" i="2"/>
  <c r="W1465" i="6" l="1"/>
  <c r="B1497" i="2"/>
  <c r="N1498" i="2"/>
  <c r="W1466" i="6" l="1"/>
  <c r="B1498" i="2"/>
  <c r="N1499" i="2"/>
  <c r="W1467" i="6" l="1"/>
  <c r="B1499" i="2"/>
  <c r="N1500" i="2"/>
  <c r="W1468" i="6" l="1"/>
  <c r="B1500" i="2"/>
  <c r="N1501" i="2"/>
  <c r="W1469" i="6" l="1"/>
  <c r="B1501" i="2"/>
  <c r="N1502" i="2"/>
  <c r="W1470" i="6" l="1"/>
  <c r="B1502" i="2"/>
  <c r="N1503" i="2"/>
  <c r="W1471" i="6" l="1"/>
  <c r="B1503" i="2"/>
  <c r="N1504" i="2"/>
  <c r="W1472" i="6" l="1"/>
  <c r="B1504" i="2"/>
  <c r="N1505" i="2"/>
  <c r="W1473" i="6" l="1"/>
  <c r="B1505" i="2"/>
  <c r="N1506" i="2"/>
  <c r="W1474" i="6" l="1"/>
  <c r="B1506" i="2"/>
  <c r="N1507" i="2"/>
  <c r="W1475" i="6" l="1"/>
  <c r="B1507" i="2"/>
  <c r="N1508" i="2"/>
  <c r="W1476" i="6" l="1"/>
  <c r="B1508" i="2"/>
  <c r="N1509" i="2"/>
  <c r="W1477" i="6" l="1"/>
  <c r="B1509" i="2"/>
  <c r="N1510" i="2"/>
  <c r="W1478" i="6" l="1"/>
  <c r="B1510" i="2"/>
  <c r="N1511" i="2"/>
  <c r="W1479" i="6" l="1"/>
  <c r="B1511" i="2"/>
  <c r="N1512" i="2"/>
  <c r="W1480" i="6" l="1"/>
  <c r="B1512" i="2"/>
  <c r="N1513" i="2"/>
  <c r="W1481" i="6" l="1"/>
  <c r="B1513" i="2"/>
  <c r="N1514" i="2"/>
  <c r="W1482" i="6" l="1"/>
  <c r="B1514" i="2"/>
  <c r="N1515" i="2"/>
  <c r="W1483" i="6" l="1"/>
  <c r="B1515" i="2"/>
  <c r="N1516" i="2"/>
  <c r="W1484" i="6" l="1"/>
  <c r="B1516" i="2"/>
  <c r="N1517" i="2"/>
  <c r="W1485" i="6" l="1"/>
  <c r="B1517" i="2"/>
  <c r="N1518" i="2"/>
  <c r="W1486" i="6" l="1"/>
  <c r="B1518" i="2"/>
  <c r="N1519" i="2"/>
  <c r="W1487" i="6" l="1"/>
  <c r="B1519" i="2"/>
  <c r="N1520" i="2"/>
  <c r="W1488" i="6" l="1"/>
  <c r="B1520" i="2"/>
  <c r="N1521" i="2"/>
  <c r="W1489" i="6" l="1"/>
  <c r="B1521" i="2"/>
  <c r="N1522" i="2"/>
  <c r="W1490" i="6" l="1"/>
  <c r="B1522" i="2"/>
  <c r="N1523" i="2"/>
  <c r="W1491" i="6" l="1"/>
  <c r="B1523" i="2"/>
  <c r="N1524" i="2"/>
  <c r="W1492" i="6" l="1"/>
  <c r="B1524" i="2"/>
  <c r="N1525" i="2"/>
  <c r="W1493" i="6" l="1"/>
  <c r="B1525" i="2"/>
  <c r="N1526" i="2"/>
  <c r="W1494" i="6" l="1"/>
  <c r="B1526" i="2"/>
  <c r="N1527" i="2"/>
  <c r="W1495" i="6" l="1"/>
  <c r="B1527" i="2"/>
  <c r="N1528" i="2"/>
  <c r="W1496" i="6" l="1"/>
  <c r="B1528" i="2"/>
  <c r="N1529" i="2"/>
  <c r="W1497" i="6" l="1"/>
  <c r="B1529" i="2"/>
  <c r="N1530" i="2"/>
  <c r="W1498" i="6" l="1"/>
  <c r="B1530" i="2"/>
  <c r="N1531" i="2"/>
  <c r="W1499" i="6" l="1"/>
  <c r="B1531" i="2"/>
  <c r="N1532" i="2"/>
  <c r="W1500" i="6" l="1"/>
  <c r="B1532" i="2"/>
  <c r="N1533" i="2"/>
  <c r="W1501" i="6" l="1"/>
  <c r="B1533" i="2"/>
  <c r="N1534" i="2"/>
  <c r="W1502" i="6" l="1"/>
  <c r="B1534" i="2"/>
  <c r="N1535" i="2"/>
  <c r="W1503" i="6" l="1"/>
  <c r="B1535" i="2"/>
  <c r="N1536" i="2"/>
  <c r="W1504" i="6" l="1"/>
  <c r="B1536" i="2"/>
  <c r="N1537" i="2"/>
  <c r="W1505" i="6" l="1"/>
  <c r="B1537" i="2"/>
  <c r="N1538" i="2"/>
  <c r="W1506" i="6" l="1"/>
  <c r="B1538" i="2"/>
  <c r="N1539" i="2"/>
  <c r="W1507" i="6" l="1"/>
  <c r="B1539" i="2"/>
  <c r="N1540" i="2"/>
  <c r="W1508" i="6" l="1"/>
  <c r="B1540" i="2"/>
  <c r="N1541" i="2"/>
  <c r="W1509" i="6" l="1"/>
  <c r="B1541" i="2"/>
  <c r="N1542" i="2"/>
  <c r="W1510" i="6" l="1"/>
  <c r="B1542" i="2"/>
  <c r="N1543" i="2"/>
  <c r="W1511" i="6" l="1"/>
  <c r="B1543" i="2"/>
  <c r="N1544" i="2"/>
  <c r="W1512" i="6" l="1"/>
  <c r="B1544" i="2"/>
  <c r="N1545" i="2"/>
  <c r="W1513" i="6" l="1"/>
  <c r="B1545" i="2"/>
  <c r="N1546" i="2"/>
  <c r="B1546" i="2" s="1"/>
  <c r="W1514" i="6" l="1"/>
  <c r="N1547" i="2"/>
  <c r="W1515" i="6" l="1"/>
  <c r="B1547" i="2"/>
  <c r="N1548" i="2"/>
  <c r="B1548" i="2" s="1"/>
  <c r="W1516" i="6" l="1"/>
  <c r="N1549" i="2"/>
  <c r="W1517" i="6" l="1"/>
  <c r="B1549" i="2"/>
  <c r="N1550" i="2"/>
  <c r="B1550" i="2" s="1"/>
  <c r="W1518" i="6" l="1"/>
  <c r="N1551" i="2"/>
  <c r="W1519" i="6" l="1"/>
  <c r="B1551" i="2"/>
  <c r="N1552" i="2"/>
  <c r="B1552" i="2" s="1"/>
  <c r="W1520" i="6" l="1"/>
  <c r="N1553" i="2"/>
  <c r="W1521" i="6" l="1"/>
  <c r="B1553" i="2"/>
  <c r="N1554" i="2"/>
  <c r="B1554" i="2" s="1"/>
  <c r="W1522" i="6" l="1"/>
  <c r="N1555" i="2"/>
  <c r="W1523" i="6" l="1"/>
  <c r="B1555" i="2"/>
  <c r="N1556" i="2"/>
  <c r="W1524" i="6" l="1"/>
  <c r="B1556" i="2"/>
  <c r="N1557" i="2"/>
  <c r="W1525" i="6" l="1"/>
  <c r="B1557" i="2"/>
  <c r="N1558" i="2"/>
  <c r="W1526" i="6" l="1"/>
  <c r="B1558" i="2"/>
  <c r="N1559" i="2"/>
  <c r="W1527" i="6" l="1"/>
  <c r="B1559" i="2"/>
  <c r="N1560" i="2"/>
  <c r="W1528" i="6" l="1"/>
  <c r="B1560" i="2"/>
  <c r="N1561" i="2"/>
  <c r="W1529" i="6" l="1"/>
  <c r="B1561" i="2"/>
  <c r="N1562" i="2"/>
  <c r="W1530" i="6" l="1"/>
  <c r="B1562" i="2"/>
  <c r="N1563" i="2"/>
  <c r="W1531" i="6" l="1"/>
  <c r="B1563" i="2"/>
  <c r="N1564" i="2"/>
  <c r="W1532" i="6" l="1"/>
  <c r="B1564" i="2"/>
  <c r="N1565" i="2"/>
  <c r="B1565" i="2" s="1"/>
  <c r="W1533" i="6" l="1"/>
  <c r="N1566" i="2"/>
  <c r="W1534" i="6" l="1"/>
  <c r="B1566" i="2"/>
  <c r="N1567" i="2"/>
  <c r="B1567" i="2" s="1"/>
  <c r="W1535" i="6" l="1"/>
  <c r="N1568" i="2"/>
  <c r="W1536" i="6" l="1"/>
  <c r="B1568" i="2"/>
  <c r="N1569" i="2"/>
  <c r="B1569" i="2" s="1"/>
  <c r="W1537" i="6" l="1"/>
  <c r="N1570" i="2"/>
  <c r="W1538" i="6" l="1"/>
  <c r="B1570" i="2"/>
  <c r="N1571" i="2"/>
  <c r="B1571" i="2" s="1"/>
  <c r="W1539" i="6" l="1"/>
  <c r="N1572" i="2"/>
  <c r="W1540" i="6" l="1"/>
  <c r="B1572" i="2"/>
  <c r="N1573" i="2"/>
  <c r="B1573" i="2" s="1"/>
  <c r="W1541" i="6" l="1"/>
  <c r="N1574" i="2"/>
  <c r="W1542" i="6" l="1"/>
  <c r="B1574" i="2"/>
  <c r="N1575" i="2"/>
  <c r="B1575" i="2" s="1"/>
  <c r="W1543" i="6" l="1"/>
  <c r="N1576" i="2"/>
  <c r="W1544" i="6" l="1"/>
  <c r="B1576" i="2"/>
  <c r="N1577" i="2"/>
  <c r="B1577" i="2" s="1"/>
  <c r="W1545" i="6" l="1"/>
  <c r="N1578" i="2"/>
  <c r="W1546" i="6" l="1"/>
  <c r="B1578" i="2"/>
  <c r="N1579" i="2"/>
  <c r="B1579" i="2" s="1"/>
  <c r="W1547" i="6" l="1"/>
  <c r="N1580" i="2"/>
  <c r="W1548" i="6" l="1"/>
  <c r="B1580" i="2"/>
  <c r="N1581" i="2"/>
  <c r="B1581" i="2" s="1"/>
  <c r="W1549" i="6" l="1"/>
  <c r="N1582" i="2"/>
  <c r="W1550" i="6" l="1"/>
  <c r="B1582" i="2"/>
  <c r="N1583" i="2"/>
  <c r="B1583" i="2" s="1"/>
  <c r="W1551" i="6" l="1"/>
  <c r="N1584" i="2"/>
  <c r="W1552" i="6" l="1"/>
  <c r="B1584" i="2"/>
  <c r="N1585" i="2"/>
  <c r="B1585" i="2" s="1"/>
  <c r="W1553" i="6" l="1"/>
  <c r="N1586" i="2"/>
  <c r="W1554" i="6" l="1"/>
  <c r="B1586" i="2"/>
  <c r="N1587" i="2"/>
  <c r="B1587" i="2" s="1"/>
  <c r="W1555" i="6" l="1"/>
  <c r="N1588" i="2"/>
  <c r="W1556" i="6" l="1"/>
  <c r="B1588" i="2"/>
  <c r="N1589" i="2"/>
  <c r="B1589" i="2" s="1"/>
  <c r="W1557" i="6" l="1"/>
  <c r="N1590" i="2"/>
  <c r="W1558" i="6" l="1"/>
  <c r="B1590" i="2"/>
  <c r="N1591" i="2"/>
  <c r="B1591" i="2" s="1"/>
  <c r="W1559" i="6" l="1"/>
  <c r="N1592" i="2"/>
  <c r="W1560" i="6" l="1"/>
  <c r="B1592" i="2"/>
  <c r="N1593" i="2"/>
  <c r="B1593" i="2" s="1"/>
  <c r="W1561" i="6" l="1"/>
  <c r="N1594" i="2"/>
  <c r="W1562" i="6" l="1"/>
  <c r="B1594" i="2"/>
  <c r="N1595" i="2"/>
  <c r="B1595" i="2" s="1"/>
  <c r="W1563" i="6" l="1"/>
  <c r="N1596" i="2"/>
  <c r="W1564" i="6" l="1"/>
  <c r="B1596" i="2"/>
  <c r="N1597" i="2"/>
  <c r="B1597" i="2" s="1"/>
  <c r="W1565" i="6" l="1"/>
  <c r="N1598" i="2"/>
  <c r="W1566" i="6" l="1"/>
  <c r="B1598" i="2"/>
  <c r="N1599" i="2"/>
  <c r="B1599" i="2" s="1"/>
  <c r="W1567" i="6" l="1"/>
  <c r="N1600" i="2"/>
  <c r="W1568" i="6" l="1"/>
  <c r="B1600" i="2"/>
  <c r="N1601" i="2"/>
  <c r="B1601" i="2" s="1"/>
  <c r="W1569" i="6" l="1"/>
  <c r="N1602" i="2"/>
  <c r="W1570" i="6" l="1"/>
  <c r="B1602" i="2"/>
  <c r="N1603" i="2"/>
  <c r="B1603" i="2" s="1"/>
  <c r="W1571" i="6" l="1"/>
  <c r="N1604" i="2"/>
  <c r="W1572" i="6" l="1"/>
  <c r="B1604" i="2"/>
  <c r="N1605" i="2"/>
  <c r="B1605" i="2" s="1"/>
  <c r="W1573" i="6" l="1"/>
  <c r="N1606" i="2"/>
  <c r="W1574" i="6" l="1"/>
  <c r="B1606" i="2"/>
  <c r="N1607" i="2"/>
  <c r="B1607" i="2" s="1"/>
  <c r="W1575" i="6" l="1"/>
  <c r="N1608" i="2"/>
  <c r="W1576" i="6" l="1"/>
  <c r="B1608" i="2"/>
  <c r="N1609" i="2"/>
  <c r="B1609" i="2" s="1"/>
  <c r="W1577" i="6" l="1"/>
  <c r="N1610" i="2"/>
  <c r="W1578" i="6" l="1"/>
  <c r="B1610" i="2"/>
  <c r="N1611" i="2"/>
  <c r="B1611" i="2" s="1"/>
  <c r="W1579" i="6" l="1"/>
  <c r="N1612" i="2"/>
  <c r="W1580" i="6" l="1"/>
  <c r="B1612" i="2"/>
  <c r="N1613" i="2"/>
  <c r="B1613" i="2" s="1"/>
  <c r="W1581" i="6" l="1"/>
  <c r="N1614" i="2"/>
  <c r="W1582" i="6" l="1"/>
  <c r="B1614" i="2"/>
  <c r="N1615" i="2"/>
  <c r="B1615" i="2" s="1"/>
  <c r="W1583" i="6" l="1"/>
  <c r="N1616" i="2"/>
  <c r="W1584" i="6" l="1"/>
  <c r="B1616" i="2"/>
  <c r="N1617" i="2"/>
  <c r="B1617" i="2" s="1"/>
  <c r="W1585" i="6" l="1"/>
  <c r="N1618" i="2"/>
  <c r="W1586" i="6" l="1"/>
  <c r="B1618" i="2"/>
  <c r="N1619" i="2"/>
  <c r="B1619" i="2" s="1"/>
  <c r="W1587" i="6" l="1"/>
  <c r="N1620" i="2"/>
  <c r="W1588" i="6" l="1"/>
  <c r="B1620" i="2"/>
  <c r="N1621" i="2"/>
  <c r="B1621" i="2" s="1"/>
  <c r="W1589" i="6" l="1"/>
  <c r="N1622" i="2"/>
  <c r="W1590" i="6" l="1"/>
  <c r="B1622" i="2"/>
  <c r="N1623" i="2"/>
  <c r="B1623" i="2" s="1"/>
  <c r="W1591" i="6" l="1"/>
  <c r="N1624" i="2"/>
  <c r="W1592" i="6" l="1"/>
  <c r="B1624" i="2"/>
  <c r="N1625" i="2"/>
  <c r="B1625" i="2" s="1"/>
  <c r="W1593" i="6" l="1"/>
  <c r="N1626" i="2"/>
  <c r="W1594" i="6" l="1"/>
  <c r="B1626" i="2"/>
  <c r="N1627" i="2"/>
  <c r="B1627" i="2" s="1"/>
  <c r="W1595" i="6" l="1"/>
  <c r="N1628" i="2"/>
  <c r="W1596" i="6" l="1"/>
  <c r="B1628" i="2"/>
  <c r="N1629" i="2"/>
  <c r="B1629" i="2" s="1"/>
  <c r="W1597" i="6" l="1"/>
  <c r="N1630" i="2"/>
  <c r="W1598" i="6" l="1"/>
  <c r="B1630" i="2"/>
  <c r="N1631" i="2"/>
  <c r="B1631" i="2" s="1"/>
  <c r="W1599" i="6" l="1"/>
  <c r="N1632" i="2"/>
  <c r="W1600" i="6" l="1"/>
  <c r="B1632" i="2"/>
  <c r="N1633" i="2"/>
  <c r="B1633" i="2" s="1"/>
  <c r="W1601" i="6" l="1"/>
  <c r="N1634" i="2"/>
  <c r="W1602" i="6" l="1"/>
  <c r="B1634" i="2"/>
  <c r="N1635" i="2"/>
  <c r="B1635" i="2" s="1"/>
  <c r="W1603" i="6" l="1"/>
  <c r="N1636" i="2"/>
  <c r="W1604" i="6" l="1"/>
  <c r="B1636" i="2"/>
  <c r="N1637" i="2"/>
  <c r="B1637" i="2" s="1"/>
  <c r="W1605" i="6" l="1"/>
  <c r="N1638" i="2"/>
  <c r="W1606" i="6" l="1"/>
  <c r="B1638" i="2"/>
  <c r="N1639" i="2"/>
  <c r="B1639" i="2" s="1"/>
  <c r="W1607" i="6" l="1"/>
  <c r="N1640" i="2"/>
  <c r="W1608" i="6" l="1"/>
  <c r="B1640" i="2"/>
  <c r="N1641" i="2"/>
  <c r="B1641" i="2" s="1"/>
  <c r="W1609" i="6" l="1"/>
  <c r="N1642" i="2"/>
  <c r="W1610" i="6" l="1"/>
  <c r="B1642" i="2"/>
  <c r="N1643" i="2"/>
  <c r="B1643" i="2" s="1"/>
  <c r="W1611" i="6" l="1"/>
  <c r="N1644" i="2"/>
  <c r="W1612" i="6" l="1"/>
  <c r="B1644" i="2"/>
  <c r="N1645" i="2"/>
  <c r="B1645" i="2" s="1"/>
  <c r="W1613" i="6" l="1"/>
  <c r="N1646" i="2"/>
  <c r="W1614" i="6" l="1"/>
  <c r="B1646" i="2"/>
  <c r="N1647" i="2"/>
  <c r="B1647" i="2" s="1"/>
  <c r="W1615" i="6" l="1"/>
  <c r="N1648" i="2"/>
  <c r="W1616" i="6" l="1"/>
  <c r="B1648" i="2"/>
  <c r="N1649" i="2"/>
  <c r="B1649" i="2" s="1"/>
  <c r="W1617" i="6" l="1"/>
  <c r="N1650" i="2"/>
  <c r="W1618" i="6" l="1"/>
  <c r="B1650" i="2"/>
  <c r="N1651" i="2"/>
  <c r="B1651" i="2" s="1"/>
  <c r="W1619" i="6" l="1"/>
  <c r="N1652" i="2"/>
  <c r="W1620" i="6" l="1"/>
  <c r="B1652" i="2"/>
  <c r="N1653" i="2"/>
  <c r="B1653" i="2" s="1"/>
  <c r="W1621" i="6" l="1"/>
  <c r="N1654" i="2"/>
  <c r="W1622" i="6" l="1"/>
  <c r="B1654" i="2"/>
  <c r="N1655" i="2"/>
  <c r="B1655" i="2" s="1"/>
  <c r="W1623" i="6" l="1"/>
  <c r="N1656" i="2"/>
  <c r="W1624" i="6" l="1"/>
  <c r="B1656" i="2"/>
  <c r="N1657" i="2"/>
  <c r="B1657" i="2" s="1"/>
  <c r="W1625" i="6" l="1"/>
  <c r="N1658" i="2"/>
  <c r="W1626" i="6" l="1"/>
  <c r="B1658" i="2"/>
  <c r="N1659" i="2"/>
  <c r="B1659" i="2" s="1"/>
  <c r="W1627" i="6" l="1"/>
  <c r="N1660" i="2"/>
  <c r="W1628" i="6" l="1"/>
  <c r="B1660" i="2"/>
  <c r="N1661" i="2"/>
  <c r="B1661" i="2" s="1"/>
  <c r="W1629" i="6" l="1"/>
  <c r="N1662" i="2"/>
  <c r="W1630" i="6" l="1"/>
  <c r="B1662" i="2"/>
  <c r="N1663" i="2"/>
  <c r="B1663" i="2" s="1"/>
  <c r="W1631" i="6" l="1"/>
  <c r="N1664" i="2"/>
  <c r="W1632" i="6" l="1"/>
  <c r="B1664" i="2"/>
  <c r="N1665" i="2"/>
  <c r="B1665" i="2" s="1"/>
  <c r="W1633" i="6" l="1"/>
  <c r="N1666" i="2"/>
  <c r="W1634" i="6" l="1"/>
  <c r="B1666" i="2"/>
  <c r="N1667" i="2"/>
  <c r="B1667" i="2" s="1"/>
  <c r="W1635" i="6" l="1"/>
  <c r="N1668" i="2"/>
  <c r="W1636" i="6" l="1"/>
  <c r="B1668" i="2"/>
  <c r="N1669" i="2"/>
  <c r="B1669" i="2" s="1"/>
  <c r="W1637" i="6" l="1"/>
  <c r="N1670" i="2"/>
  <c r="W1638" i="6" l="1"/>
  <c r="B1670" i="2"/>
  <c r="N1671" i="2"/>
  <c r="B1671" i="2" s="1"/>
  <c r="W1639" i="6" l="1"/>
  <c r="N1672" i="2"/>
  <c r="W1640" i="6" l="1"/>
  <c r="B1672" i="2"/>
  <c r="N1673" i="2"/>
  <c r="B1673" i="2" s="1"/>
  <c r="W1641" i="6" l="1"/>
  <c r="N1674" i="2"/>
  <c r="W1642" i="6" l="1"/>
  <c r="B1674" i="2"/>
  <c r="N1675" i="2"/>
  <c r="B1675" i="2" s="1"/>
  <c r="W1643" i="6" l="1"/>
  <c r="N1676" i="2"/>
  <c r="W1644" i="6" l="1"/>
  <c r="B1676" i="2"/>
  <c r="N1677" i="2"/>
  <c r="B1677" i="2" s="1"/>
  <c r="W1645" i="6" l="1"/>
  <c r="N1678" i="2"/>
  <c r="W1646" i="6" l="1"/>
  <c r="B1678" i="2"/>
  <c r="N1679" i="2"/>
  <c r="B1679" i="2" s="1"/>
  <c r="W1647" i="6" l="1"/>
  <c r="N1680" i="2"/>
  <c r="W1648" i="6" l="1"/>
  <c r="B1680" i="2"/>
  <c r="N1681" i="2"/>
  <c r="B1681" i="2" s="1"/>
  <c r="W1649" i="6" l="1"/>
  <c r="N1682" i="2"/>
  <c r="W1650" i="6" l="1"/>
  <c r="B1682" i="2"/>
  <c r="N1683" i="2"/>
  <c r="B1683" i="2" s="1"/>
  <c r="W1651" i="6" l="1"/>
  <c r="N1684" i="2"/>
  <c r="W1652" i="6" l="1"/>
  <c r="B1684" i="2"/>
  <c r="N1685" i="2"/>
  <c r="B1685" i="2" s="1"/>
  <c r="W1653" i="6" l="1"/>
  <c r="N1686" i="2"/>
  <c r="W1654" i="6" l="1"/>
  <c r="B1686" i="2"/>
  <c r="N1687" i="2"/>
  <c r="B1687" i="2" s="1"/>
  <c r="W1655" i="6" l="1"/>
  <c r="N1688" i="2"/>
  <c r="W1656" i="6" l="1"/>
  <c r="B1688" i="2"/>
  <c r="N1689" i="2"/>
  <c r="B1689" i="2" s="1"/>
  <c r="W1657" i="6" l="1"/>
  <c r="N1690" i="2"/>
  <c r="W1658" i="6" l="1"/>
  <c r="B1690" i="2"/>
  <c r="N1691" i="2"/>
  <c r="B1691" i="2" s="1"/>
  <c r="W1659" i="6" l="1"/>
  <c r="N1692" i="2"/>
  <c r="W1660" i="6" l="1"/>
  <c r="B1692" i="2"/>
  <c r="N1693" i="2"/>
  <c r="B1693" i="2" s="1"/>
  <c r="W1661" i="6" l="1"/>
  <c r="N1694" i="2"/>
  <c r="W1662" i="6" l="1"/>
  <c r="B1694" i="2"/>
  <c r="N1695" i="2"/>
  <c r="B1695" i="2" s="1"/>
  <c r="W1663" i="6" l="1"/>
  <c r="N1696" i="2"/>
  <c r="W1664" i="6" l="1"/>
  <c r="B1696" i="2"/>
  <c r="N1697" i="2"/>
  <c r="B1697" i="2" s="1"/>
  <c r="W1665" i="6" l="1"/>
  <c r="N1698" i="2"/>
  <c r="W1666" i="6" l="1"/>
  <c r="B1698" i="2"/>
  <c r="N1699" i="2"/>
  <c r="B1699" i="2" s="1"/>
  <c r="W1667" i="6" l="1"/>
  <c r="N1700" i="2"/>
  <c r="W1668" i="6" l="1"/>
  <c r="B1700" i="2"/>
  <c r="N1701" i="2"/>
  <c r="B1701" i="2" s="1"/>
  <c r="W1669" i="6" l="1"/>
  <c r="N1702" i="2"/>
  <c r="W1670" i="6" l="1"/>
  <c r="B1702" i="2"/>
  <c r="N1703" i="2"/>
  <c r="B1703" i="2" s="1"/>
  <c r="W1671" i="6" l="1"/>
  <c r="N1704" i="2"/>
  <c r="W1672" i="6" l="1"/>
  <c r="B1704" i="2"/>
  <c r="N1705" i="2"/>
  <c r="B1705" i="2" s="1"/>
  <c r="W1673" i="6" l="1"/>
  <c r="N1706" i="2"/>
  <c r="W1674" i="6" l="1"/>
  <c r="B1706" i="2"/>
  <c r="N1707" i="2"/>
  <c r="B1707" i="2" s="1"/>
  <c r="W1675" i="6" l="1"/>
  <c r="N1708" i="2"/>
  <c r="W1676" i="6" l="1"/>
  <c r="B1708" i="2"/>
  <c r="N1709" i="2"/>
  <c r="B1709" i="2" s="1"/>
  <c r="W1677" i="6" l="1"/>
  <c r="N1710" i="2"/>
  <c r="W1678" i="6" l="1"/>
  <c r="B1710" i="2"/>
  <c r="N1711" i="2"/>
  <c r="B1711" i="2" s="1"/>
  <c r="W1679" i="6" l="1"/>
  <c r="N1712" i="2"/>
  <c r="W1680" i="6" l="1"/>
  <c r="B1712" i="2"/>
  <c r="N1713" i="2"/>
  <c r="B1713" i="2" s="1"/>
  <c r="W1681" i="6" l="1"/>
  <c r="N1714" i="2"/>
  <c r="W1682" i="6" l="1"/>
  <c r="B1714" i="2"/>
  <c r="N1715" i="2"/>
  <c r="W1683" i="6" l="1"/>
  <c r="B1715" i="2"/>
  <c r="N1716" i="2"/>
  <c r="W1684" i="6" l="1"/>
  <c r="B1716" i="2"/>
  <c r="N1717" i="2"/>
  <c r="W1685" i="6" l="1"/>
  <c r="B1717" i="2"/>
  <c r="N1718" i="2"/>
  <c r="W1686" i="6" l="1"/>
  <c r="B1718" i="2"/>
  <c r="N1719" i="2"/>
  <c r="W1687" i="6" l="1"/>
  <c r="B1719" i="2"/>
  <c r="N1720" i="2"/>
  <c r="W1688" i="6" l="1"/>
  <c r="B1720" i="2"/>
  <c r="N1721" i="2"/>
  <c r="W1689" i="6" l="1"/>
  <c r="B1721" i="2"/>
  <c r="N1722" i="2"/>
  <c r="W1690" i="6" l="1"/>
  <c r="B1722" i="2"/>
  <c r="N1723" i="2"/>
  <c r="W1691" i="6" l="1"/>
  <c r="B1723" i="2"/>
  <c r="N1724" i="2"/>
  <c r="W1692" i="6" l="1"/>
  <c r="B1724" i="2"/>
  <c r="N1725" i="2"/>
  <c r="W1693" i="6" l="1"/>
  <c r="B1725" i="2"/>
  <c r="N1726" i="2"/>
  <c r="W1694" i="6" l="1"/>
  <c r="B1726" i="2"/>
  <c r="N1727" i="2"/>
  <c r="W1695" i="6" l="1"/>
  <c r="B1727" i="2"/>
  <c r="N1728" i="2"/>
  <c r="W1696" i="6" l="1"/>
  <c r="B1728" i="2"/>
  <c r="N1729" i="2"/>
  <c r="W1697" i="6" l="1"/>
  <c r="B1729" i="2"/>
  <c r="N1730" i="2"/>
  <c r="W1698" i="6" l="1"/>
  <c r="B1730" i="2"/>
  <c r="N1731" i="2"/>
  <c r="W1699" i="6" l="1"/>
  <c r="B1731" i="2"/>
  <c r="N1732" i="2"/>
  <c r="W1700" i="6" l="1"/>
  <c r="B1732" i="2"/>
  <c r="N1733" i="2"/>
  <c r="W1701" i="6" l="1"/>
  <c r="B1733" i="2"/>
  <c r="N1734" i="2"/>
  <c r="W1702" i="6" l="1"/>
  <c r="B1734" i="2"/>
  <c r="N1735" i="2"/>
  <c r="W1703" i="6" l="1"/>
  <c r="B1735" i="2"/>
  <c r="N1736" i="2"/>
  <c r="W1704" i="6" l="1"/>
  <c r="B1736" i="2"/>
  <c r="N1737" i="2"/>
  <c r="W1705" i="6" l="1"/>
  <c r="B1737" i="2"/>
  <c r="N1738" i="2"/>
  <c r="W1706" i="6" l="1"/>
  <c r="B1738" i="2"/>
  <c r="N1739" i="2"/>
  <c r="W1707" i="6" l="1"/>
  <c r="B1739" i="2"/>
  <c r="N1740" i="2"/>
  <c r="W1708" i="6" l="1"/>
  <c r="B1740" i="2"/>
  <c r="N1741" i="2"/>
  <c r="W1709" i="6" l="1"/>
  <c r="B1741" i="2"/>
  <c r="N1742" i="2"/>
  <c r="W1710" i="6" l="1"/>
  <c r="B1742" i="2"/>
  <c r="N1743" i="2"/>
  <c r="W1711" i="6" l="1"/>
  <c r="B1743" i="2"/>
  <c r="N1744" i="2"/>
  <c r="W1712" i="6" l="1"/>
  <c r="B1744" i="2"/>
  <c r="N1745" i="2"/>
  <c r="W1713" i="6" l="1"/>
  <c r="B1745" i="2"/>
  <c r="N1746" i="2"/>
  <c r="W1714" i="6" l="1"/>
  <c r="B1746" i="2"/>
  <c r="N1747" i="2"/>
  <c r="W1715" i="6" l="1"/>
  <c r="B1747" i="2"/>
  <c r="N1748" i="2"/>
  <c r="W1716" i="6" l="1"/>
  <c r="B1748" i="2"/>
  <c r="N1749" i="2"/>
  <c r="W1717" i="6" l="1"/>
  <c r="B1749" i="2"/>
  <c r="N1750" i="2"/>
  <c r="W1718" i="6" l="1"/>
  <c r="B1750" i="2"/>
  <c r="N1751" i="2"/>
  <c r="W1719" i="6" l="1"/>
  <c r="B1751" i="2"/>
  <c r="N1752" i="2"/>
  <c r="W1720" i="6" l="1"/>
  <c r="B1752" i="2"/>
  <c r="N1753" i="2"/>
  <c r="W1721" i="6" l="1"/>
  <c r="B1753" i="2"/>
  <c r="N1754" i="2"/>
  <c r="W1722" i="6" l="1"/>
  <c r="B1754" i="2"/>
  <c r="N1755" i="2"/>
  <c r="W1723" i="6" l="1"/>
  <c r="B1755" i="2"/>
  <c r="N1756" i="2"/>
  <c r="W1724" i="6" l="1"/>
  <c r="B1756" i="2"/>
  <c r="N1757" i="2"/>
  <c r="W1725" i="6" l="1"/>
  <c r="B1757" i="2"/>
  <c r="N1758" i="2"/>
  <c r="W1726" i="6" l="1"/>
  <c r="B1758" i="2"/>
  <c r="N1759" i="2"/>
  <c r="W1727" i="6" l="1"/>
  <c r="B1759" i="2"/>
  <c r="N1760" i="2"/>
  <c r="W1728" i="6" l="1"/>
  <c r="B1760" i="2"/>
  <c r="N1761" i="2"/>
  <c r="W1729" i="6" l="1"/>
  <c r="B1761" i="2"/>
  <c r="N1762" i="2"/>
  <c r="W1730" i="6" l="1"/>
  <c r="B1762" i="2"/>
  <c r="N1763" i="2"/>
  <c r="W1731" i="6" l="1"/>
  <c r="B1763" i="2"/>
  <c r="N1764" i="2"/>
  <c r="W1732" i="6" l="1"/>
  <c r="B1764" i="2"/>
  <c r="N1765" i="2"/>
  <c r="W1733" i="6" l="1"/>
  <c r="B1765" i="2"/>
  <c r="N1766" i="2"/>
  <c r="W1734" i="6" l="1"/>
  <c r="B1766" i="2"/>
  <c r="N1767" i="2"/>
  <c r="W1735" i="6" l="1"/>
  <c r="B1767" i="2"/>
  <c r="N1768" i="2"/>
  <c r="W1736" i="6" l="1"/>
  <c r="B1768" i="2"/>
  <c r="N1769" i="2"/>
  <c r="W1737" i="6" l="1"/>
  <c r="B1769" i="2"/>
  <c r="N1770" i="2"/>
  <c r="W1738" i="6" l="1"/>
  <c r="B1770" i="2"/>
  <c r="N1771" i="2"/>
  <c r="W1739" i="6" l="1"/>
  <c r="B1771" i="2"/>
  <c r="N1772" i="2"/>
  <c r="W1740" i="6" l="1"/>
  <c r="B1772" i="2"/>
  <c r="N1773" i="2"/>
  <c r="W1741" i="6" l="1"/>
  <c r="B1773" i="2"/>
  <c r="N1774" i="2"/>
  <c r="W1742" i="6" l="1"/>
  <c r="B1774" i="2"/>
  <c r="N1775" i="2"/>
  <c r="W1743" i="6" l="1"/>
  <c r="B1775" i="2"/>
  <c r="N1776" i="2"/>
  <c r="W1744" i="6" l="1"/>
  <c r="B1776" i="2"/>
  <c r="N1777" i="2"/>
  <c r="W1745" i="6" l="1"/>
  <c r="B1777" i="2"/>
  <c r="N1778" i="2"/>
  <c r="W1746" i="6" l="1"/>
  <c r="B1778" i="2"/>
  <c r="N1779" i="2"/>
  <c r="W1747" i="6" l="1"/>
  <c r="B1779" i="2"/>
  <c r="N1780" i="2"/>
  <c r="W1748" i="6" l="1"/>
  <c r="B1780" i="2"/>
  <c r="N1781" i="2"/>
  <c r="W1749" i="6" l="1"/>
  <c r="B1781" i="2"/>
  <c r="N1782" i="2"/>
  <c r="W1750" i="6" l="1"/>
  <c r="B1782" i="2"/>
  <c r="N1783" i="2"/>
  <c r="W1751" i="6" l="1"/>
  <c r="B1783" i="2"/>
  <c r="N1784" i="2"/>
  <c r="W1752" i="6" l="1"/>
  <c r="B1784" i="2"/>
  <c r="N1785" i="2"/>
  <c r="W1753" i="6" l="1"/>
  <c r="B1785" i="2"/>
  <c r="N1786" i="2"/>
  <c r="W1754" i="6" l="1"/>
  <c r="B1786" i="2"/>
  <c r="N1787" i="2"/>
  <c r="W1755" i="6" l="1"/>
  <c r="B1787" i="2"/>
  <c r="N1788" i="2"/>
  <c r="W1756" i="6" l="1"/>
  <c r="B1788" i="2"/>
  <c r="N1789" i="2"/>
  <c r="W1757" i="6" l="1"/>
  <c r="B1789" i="2"/>
  <c r="N1790" i="2"/>
  <c r="W1758" i="6" l="1"/>
  <c r="B1790" i="2"/>
  <c r="N1791" i="2"/>
  <c r="W1759" i="6" l="1"/>
  <c r="B1791" i="2"/>
  <c r="N1792" i="2"/>
  <c r="W1760" i="6" l="1"/>
  <c r="B1792" i="2"/>
  <c r="N1793" i="2"/>
  <c r="W1761" i="6" l="1"/>
  <c r="B1793" i="2"/>
  <c r="N1794" i="2"/>
  <c r="W1762" i="6" l="1"/>
  <c r="B1794" i="2"/>
  <c r="N1795" i="2"/>
  <c r="W1763" i="6" l="1"/>
  <c r="B1795" i="2"/>
  <c r="N1796" i="2"/>
  <c r="W1764" i="6" l="1"/>
  <c r="B1796" i="2"/>
  <c r="N1797" i="2"/>
  <c r="W1765" i="6" l="1"/>
  <c r="B1797" i="2"/>
  <c r="N1798" i="2"/>
  <c r="W1766" i="6" l="1"/>
  <c r="B1798" i="2"/>
  <c r="N1799" i="2"/>
  <c r="W1767" i="6" l="1"/>
  <c r="B1799" i="2"/>
  <c r="N1800" i="2"/>
  <c r="W1768" i="6" l="1"/>
  <c r="B1800" i="2"/>
  <c r="N1801" i="2"/>
  <c r="W1769" i="6" l="1"/>
  <c r="B1801" i="2"/>
  <c r="N1802" i="2"/>
  <c r="W1770" i="6" l="1"/>
  <c r="B1802" i="2"/>
  <c r="N1803" i="2"/>
  <c r="W1771" i="6" l="1"/>
  <c r="B1803" i="2"/>
  <c r="N1804" i="2"/>
  <c r="W1772" i="6" l="1"/>
  <c r="B1804" i="2"/>
  <c r="N1805" i="2"/>
  <c r="W1773" i="6" l="1"/>
  <c r="B1805" i="2"/>
  <c r="N1806" i="2"/>
  <c r="W1774" i="6" l="1"/>
  <c r="B1806" i="2"/>
  <c r="N1807" i="2"/>
  <c r="W1775" i="6" l="1"/>
  <c r="B1807" i="2"/>
  <c r="N1808" i="2"/>
  <c r="W1776" i="6" l="1"/>
  <c r="B1808" i="2"/>
  <c r="N1809" i="2"/>
  <c r="W1777" i="6" l="1"/>
  <c r="B1809" i="2"/>
  <c r="N1810" i="2"/>
  <c r="W1778" i="6" l="1"/>
  <c r="B1810" i="2"/>
  <c r="N1811" i="2"/>
  <c r="W1779" i="6" l="1"/>
  <c r="B1811" i="2"/>
  <c r="N1812" i="2"/>
  <c r="W1780" i="6" l="1"/>
  <c r="B1812" i="2"/>
  <c r="N1813" i="2"/>
  <c r="W1781" i="6" l="1"/>
  <c r="B1813" i="2"/>
  <c r="N1814" i="2"/>
  <c r="W1782" i="6" l="1"/>
  <c r="B1814" i="2"/>
  <c r="N1815" i="2"/>
  <c r="W1783" i="6" l="1"/>
  <c r="B1815" i="2"/>
  <c r="N1816" i="2"/>
  <c r="W1784" i="6" l="1"/>
  <c r="B1816" i="2"/>
  <c r="N1817" i="2"/>
  <c r="W1785" i="6" l="1"/>
  <c r="B1817" i="2"/>
  <c r="N1818" i="2"/>
  <c r="W1786" i="6" l="1"/>
  <c r="B1818" i="2"/>
  <c r="N1819" i="2"/>
  <c r="W1787" i="6" l="1"/>
  <c r="B1819" i="2"/>
  <c r="N1820" i="2"/>
  <c r="W1788" i="6" l="1"/>
  <c r="B1820" i="2"/>
  <c r="N1821" i="2"/>
  <c r="W1789" i="6" l="1"/>
  <c r="B1821" i="2"/>
  <c r="N1822" i="2"/>
  <c r="W1790" i="6" l="1"/>
  <c r="B1822" i="2"/>
  <c r="N1823" i="2"/>
  <c r="W1791" i="6" l="1"/>
  <c r="B1823" i="2"/>
  <c r="N1824" i="2"/>
  <c r="W1792" i="6" l="1"/>
  <c r="B1824" i="2"/>
  <c r="N1825" i="2"/>
  <c r="W1793" i="6" l="1"/>
  <c r="B1825" i="2"/>
  <c r="N1826" i="2"/>
  <c r="W1794" i="6" l="1"/>
  <c r="B1826" i="2"/>
  <c r="N1827" i="2"/>
  <c r="W1795" i="6" l="1"/>
  <c r="B1827" i="2"/>
  <c r="N1828" i="2"/>
  <c r="W1796" i="6" l="1"/>
  <c r="B1828" i="2"/>
  <c r="N1829" i="2"/>
  <c r="W1797" i="6" l="1"/>
  <c r="B1829" i="2"/>
  <c r="N1830" i="2"/>
  <c r="W1798" i="6" l="1"/>
  <c r="B1830" i="2"/>
  <c r="N1831" i="2"/>
  <c r="W1799" i="6" l="1"/>
  <c r="B1831" i="2"/>
  <c r="N1832" i="2"/>
  <c r="W1800" i="6" l="1"/>
  <c r="B1832" i="2"/>
  <c r="N1833" i="2"/>
  <c r="W1801" i="6" l="1"/>
  <c r="B1833" i="2"/>
  <c r="N1834" i="2"/>
  <c r="W1802" i="6" l="1"/>
  <c r="B1834" i="2"/>
  <c r="N1835" i="2"/>
  <c r="W1803" i="6" l="1"/>
  <c r="B1835" i="2"/>
  <c r="N1836" i="2"/>
  <c r="W1804" i="6" l="1"/>
  <c r="B1836" i="2"/>
  <c r="N1837" i="2"/>
  <c r="W1805" i="6" l="1"/>
  <c r="B1837" i="2"/>
  <c r="N1838" i="2"/>
  <c r="W1806" i="6" l="1"/>
  <c r="B1838" i="2"/>
  <c r="N1839" i="2"/>
  <c r="W1807" i="6" l="1"/>
  <c r="B1839" i="2"/>
  <c r="N1840" i="2"/>
  <c r="W1808" i="6" l="1"/>
  <c r="B1840" i="2"/>
  <c r="N1841" i="2"/>
  <c r="W1809" i="6" l="1"/>
  <c r="B1841" i="2"/>
  <c r="N1842" i="2"/>
  <c r="W1810" i="6" l="1"/>
  <c r="B1842" i="2"/>
  <c r="N1843" i="2"/>
  <c r="W1811" i="6" l="1"/>
  <c r="B1843" i="2"/>
  <c r="N1844" i="2"/>
  <c r="W1812" i="6" l="1"/>
  <c r="B1844" i="2"/>
  <c r="N1845" i="2"/>
  <c r="W1813" i="6" l="1"/>
  <c r="B1845" i="2"/>
  <c r="N1846" i="2"/>
  <c r="W1814" i="6" l="1"/>
  <c r="B1846" i="2"/>
  <c r="N1847" i="2"/>
  <c r="W1815" i="6" l="1"/>
  <c r="B1847" i="2"/>
  <c r="N1848" i="2"/>
  <c r="W1816" i="6" l="1"/>
  <c r="B1848" i="2"/>
  <c r="N1849" i="2"/>
  <c r="W1817" i="6" l="1"/>
  <c r="B1849" i="2"/>
  <c r="N1850" i="2"/>
  <c r="W1818" i="6" l="1"/>
  <c r="B1850" i="2"/>
  <c r="N1851" i="2"/>
  <c r="W1819" i="6" l="1"/>
  <c r="B1851" i="2"/>
  <c r="N1852" i="2"/>
  <c r="W1820" i="6" l="1"/>
  <c r="B1852" i="2"/>
  <c r="N1853" i="2"/>
  <c r="W1821" i="6" l="1"/>
  <c r="B1853" i="2"/>
  <c r="N1854" i="2"/>
  <c r="W1822" i="6" l="1"/>
  <c r="B1854" i="2"/>
  <c r="N1855" i="2"/>
  <c r="W1823" i="6" l="1"/>
  <c r="B1855" i="2"/>
  <c r="N1856" i="2"/>
  <c r="W1824" i="6" l="1"/>
  <c r="B1856" i="2"/>
  <c r="N1857" i="2"/>
  <c r="W1825" i="6" l="1"/>
  <c r="B1857" i="2"/>
  <c r="N1858" i="2"/>
  <c r="W1826" i="6" l="1"/>
  <c r="B1858" i="2"/>
  <c r="N1859" i="2"/>
  <c r="W1827" i="6" l="1"/>
  <c r="B1859" i="2"/>
  <c r="N1860" i="2"/>
  <c r="W1828" i="6" l="1"/>
  <c r="B1860" i="2"/>
  <c r="N1861" i="2"/>
  <c r="W1829" i="6" l="1"/>
  <c r="B1861" i="2"/>
  <c r="N1862" i="2"/>
  <c r="W1830" i="6" l="1"/>
  <c r="B1862" i="2"/>
  <c r="N1863" i="2"/>
  <c r="W1831" i="6" l="1"/>
  <c r="B1863" i="2"/>
  <c r="N1864" i="2"/>
  <c r="W1832" i="6" l="1"/>
  <c r="B1864" i="2"/>
  <c r="N1865" i="2"/>
  <c r="W1833" i="6" l="1"/>
  <c r="B1865" i="2"/>
  <c r="N1866" i="2"/>
  <c r="W1834" i="6" l="1"/>
  <c r="B1866" i="2"/>
  <c r="N1867" i="2"/>
  <c r="W1835" i="6" l="1"/>
  <c r="B1867" i="2"/>
  <c r="N1868" i="2"/>
  <c r="W1836" i="6" l="1"/>
  <c r="B1868" i="2"/>
  <c r="N1869" i="2"/>
  <c r="W1837" i="6" l="1"/>
  <c r="B1869" i="2"/>
  <c r="N1870" i="2"/>
  <c r="W1838" i="6" l="1"/>
  <c r="B1870" i="2"/>
  <c r="N1871" i="2"/>
  <c r="W1839" i="6" l="1"/>
  <c r="B1871" i="2"/>
  <c r="N1872" i="2"/>
  <c r="W1840" i="6" l="1"/>
  <c r="B1872" i="2"/>
  <c r="N1873" i="2"/>
  <c r="W1841" i="6" l="1"/>
  <c r="B1873" i="2"/>
  <c r="N1874" i="2"/>
  <c r="W1842" i="6" l="1"/>
  <c r="B1874" i="2"/>
  <c r="N1875" i="2"/>
  <c r="W1843" i="6" l="1"/>
  <c r="B1875" i="2"/>
  <c r="N1876" i="2"/>
  <c r="W1844" i="6" l="1"/>
  <c r="B1876" i="2"/>
  <c r="N1877" i="2"/>
  <c r="W1845" i="6" l="1"/>
  <c r="B1877" i="2"/>
  <c r="N1878" i="2"/>
  <c r="W1846" i="6" l="1"/>
  <c r="B1878" i="2"/>
  <c r="N1879" i="2"/>
  <c r="W1847" i="6" l="1"/>
  <c r="B1879" i="2"/>
  <c r="N1880" i="2"/>
  <c r="W1848" i="6" l="1"/>
  <c r="B1880" i="2"/>
  <c r="N1881" i="2"/>
  <c r="W1849" i="6" l="1"/>
  <c r="B1881" i="2"/>
  <c r="N1882" i="2"/>
  <c r="W1850" i="6" l="1"/>
  <c r="B1882" i="2"/>
  <c r="N1883" i="2"/>
  <c r="W1851" i="6" l="1"/>
  <c r="B1883" i="2"/>
  <c r="N1884" i="2"/>
  <c r="W1852" i="6" l="1"/>
  <c r="B1884" i="2"/>
  <c r="N1885" i="2"/>
  <c r="W1853" i="6" l="1"/>
  <c r="B1885" i="2"/>
  <c r="N1886" i="2"/>
  <c r="W1854" i="6" l="1"/>
  <c r="B1886" i="2"/>
  <c r="N1887" i="2"/>
  <c r="W1855" i="6" l="1"/>
  <c r="B1887" i="2"/>
  <c r="N1888" i="2"/>
  <c r="W1856" i="6" l="1"/>
  <c r="B1888" i="2"/>
  <c r="N1889" i="2"/>
  <c r="W1857" i="6" l="1"/>
  <c r="B1889" i="2"/>
  <c r="N1890" i="2"/>
  <c r="W1858" i="6" l="1"/>
  <c r="B1890" i="2"/>
  <c r="N1891" i="2"/>
  <c r="W1859" i="6" l="1"/>
  <c r="B1891" i="2"/>
  <c r="N1892" i="2"/>
  <c r="W1860" i="6" l="1"/>
  <c r="B1892" i="2"/>
  <c r="N1893" i="2"/>
  <c r="W1861" i="6" l="1"/>
  <c r="B1893" i="2"/>
  <c r="N1894" i="2"/>
  <c r="W1862" i="6" l="1"/>
  <c r="B1894" i="2"/>
  <c r="N1895" i="2"/>
  <c r="W1863" i="6" l="1"/>
  <c r="B1895" i="2"/>
  <c r="N1896" i="2"/>
  <c r="W1864" i="6" l="1"/>
  <c r="B1896" i="2"/>
  <c r="N1897" i="2"/>
  <c r="W1865" i="6" l="1"/>
  <c r="B1897" i="2"/>
  <c r="N1898" i="2"/>
  <c r="W1866" i="6" l="1"/>
  <c r="B1898" i="2"/>
  <c r="N1899" i="2"/>
  <c r="W1867" i="6" l="1"/>
  <c r="B1899" i="2"/>
  <c r="N1900" i="2"/>
  <c r="W1868" i="6" l="1"/>
  <c r="B1900" i="2"/>
  <c r="N1901" i="2"/>
  <c r="W1869" i="6" l="1"/>
  <c r="B1901" i="2"/>
  <c r="N1902" i="2"/>
  <c r="W1870" i="6" l="1"/>
  <c r="B1902" i="2"/>
  <c r="N1903" i="2"/>
  <c r="W1871" i="6" l="1"/>
  <c r="B1903" i="2"/>
  <c r="N1904" i="2"/>
  <c r="W1872" i="6" l="1"/>
  <c r="B1904" i="2"/>
  <c r="N1905" i="2"/>
  <c r="W1873" i="6" l="1"/>
  <c r="B1905" i="2"/>
  <c r="N1906" i="2"/>
  <c r="W1874" i="6" l="1"/>
  <c r="B1906" i="2"/>
  <c r="N1907" i="2"/>
  <c r="W1875" i="6" l="1"/>
  <c r="B1907" i="2"/>
  <c r="N1908" i="2"/>
  <c r="W1876" i="6" l="1"/>
  <c r="B1908" i="2"/>
  <c r="N1909" i="2"/>
  <c r="W1877" i="6" l="1"/>
  <c r="B1909" i="2"/>
  <c r="N1910" i="2"/>
  <c r="W1878" i="6" l="1"/>
  <c r="B1910" i="2"/>
  <c r="N1911" i="2"/>
  <c r="W1879" i="6" l="1"/>
  <c r="B1911" i="2"/>
  <c r="N1912" i="2"/>
  <c r="W1880" i="6" l="1"/>
  <c r="B1912" i="2"/>
  <c r="N1913" i="2"/>
  <c r="W1881" i="6" l="1"/>
  <c r="B1913" i="2"/>
  <c r="N1914" i="2"/>
  <c r="W1882" i="6" l="1"/>
  <c r="B1914" i="2"/>
  <c r="N1915" i="2"/>
  <c r="W1883" i="6" l="1"/>
  <c r="B1915" i="2"/>
  <c r="N1916" i="2"/>
  <c r="W1884" i="6" l="1"/>
  <c r="B1916" i="2"/>
  <c r="N1917" i="2"/>
  <c r="W1885" i="6" l="1"/>
  <c r="B1917" i="2"/>
  <c r="N1918" i="2"/>
  <c r="W1886" i="6" l="1"/>
  <c r="B1918" i="2"/>
  <c r="N1919" i="2"/>
  <c r="W1887" i="6" l="1"/>
  <c r="B1919" i="2"/>
  <c r="N1920" i="2"/>
  <c r="W1888" i="6" l="1"/>
  <c r="B1920" i="2"/>
  <c r="N1921" i="2"/>
  <c r="W1889" i="6" l="1"/>
  <c r="B1921" i="2"/>
  <c r="N1922" i="2"/>
  <c r="W1890" i="6" l="1"/>
  <c r="B1922" i="2"/>
  <c r="N1923" i="2"/>
  <c r="W1891" i="6" l="1"/>
  <c r="B1923" i="2"/>
  <c r="N1924" i="2"/>
  <c r="W1892" i="6" l="1"/>
  <c r="B1924" i="2"/>
  <c r="N1925" i="2"/>
  <c r="W1893" i="6" l="1"/>
  <c r="B1925" i="2"/>
  <c r="N1926" i="2"/>
  <c r="W1894" i="6" l="1"/>
  <c r="B1926" i="2"/>
  <c r="N1927" i="2"/>
  <c r="W1895" i="6" l="1"/>
  <c r="B1927" i="2"/>
  <c r="N1928" i="2"/>
  <c r="W1896" i="6" l="1"/>
  <c r="B1928" i="2"/>
  <c r="N1929" i="2"/>
  <c r="W1897" i="6" l="1"/>
  <c r="B1929" i="2"/>
  <c r="N1930" i="2"/>
  <c r="W1898" i="6" l="1"/>
  <c r="B1930" i="2"/>
  <c r="N1931" i="2"/>
  <c r="W1899" i="6" l="1"/>
  <c r="B1931" i="2"/>
  <c r="N1932" i="2"/>
  <c r="W1900" i="6" l="1"/>
  <c r="B1932" i="2"/>
  <c r="N1933" i="2"/>
  <c r="W1901" i="6" l="1"/>
  <c r="B1933" i="2"/>
  <c r="N1934" i="2"/>
  <c r="W1902" i="6" l="1"/>
  <c r="B1934" i="2"/>
  <c r="N1935" i="2"/>
  <c r="W1903" i="6" l="1"/>
  <c r="B1935" i="2"/>
  <c r="N1936" i="2"/>
  <c r="W1904" i="6" l="1"/>
  <c r="B1936" i="2"/>
  <c r="N1937" i="2"/>
  <c r="W1905" i="6" l="1"/>
  <c r="B1937" i="2"/>
  <c r="N1938" i="2"/>
  <c r="W1906" i="6" l="1"/>
  <c r="B1938" i="2"/>
  <c r="N1939" i="2"/>
  <c r="W1907" i="6" l="1"/>
  <c r="B1939" i="2"/>
  <c r="N1940" i="2"/>
  <c r="W1908" i="6" l="1"/>
  <c r="B1940" i="2"/>
  <c r="N1941" i="2"/>
  <c r="W1909" i="6" l="1"/>
  <c r="B1941" i="2"/>
  <c r="N1942" i="2"/>
  <c r="W1910" i="6" l="1"/>
  <c r="B1942" i="2"/>
  <c r="N1943" i="2"/>
  <c r="W1911" i="6" l="1"/>
  <c r="B1943" i="2"/>
  <c r="N1944" i="2"/>
  <c r="W1912" i="6" l="1"/>
  <c r="B1944" i="2"/>
  <c r="N1945" i="2"/>
  <c r="W1913" i="6" l="1"/>
  <c r="B1945" i="2"/>
  <c r="N1946" i="2"/>
  <c r="W1914" i="6" l="1"/>
  <c r="B1946" i="2"/>
  <c r="N1947" i="2"/>
  <c r="W1915" i="6" l="1"/>
  <c r="B1947" i="2"/>
  <c r="N1948" i="2"/>
  <c r="W1916" i="6" l="1"/>
  <c r="B1948" i="2"/>
  <c r="N1949" i="2"/>
  <c r="W1917" i="6" l="1"/>
  <c r="B1949" i="2"/>
  <c r="N1950" i="2"/>
  <c r="W1918" i="6" l="1"/>
  <c r="B1950" i="2"/>
  <c r="N1951" i="2"/>
  <c r="W1919" i="6" l="1"/>
  <c r="B1951" i="2"/>
  <c r="N1952" i="2"/>
  <c r="W1920" i="6" l="1"/>
  <c r="B1952" i="2"/>
  <c r="N1953" i="2"/>
  <c r="W1921" i="6" l="1"/>
  <c r="B1953" i="2"/>
  <c r="N1954" i="2"/>
  <c r="W1922" i="6" l="1"/>
  <c r="B1954" i="2"/>
  <c r="N1955" i="2"/>
  <c r="W1923" i="6" l="1"/>
  <c r="B1955" i="2"/>
  <c r="N1956" i="2"/>
  <c r="W1924" i="6" l="1"/>
  <c r="B1956" i="2"/>
  <c r="N1957" i="2"/>
  <c r="W1925" i="6" l="1"/>
  <c r="B1957" i="2"/>
  <c r="N1958" i="2"/>
  <c r="W1926" i="6" l="1"/>
  <c r="B1958" i="2"/>
  <c r="N1959" i="2"/>
  <c r="W1927" i="6" l="1"/>
  <c r="B1959" i="2"/>
  <c r="N1960" i="2"/>
  <c r="W1928" i="6" l="1"/>
  <c r="B1960" i="2"/>
  <c r="N1961" i="2"/>
  <c r="W1929" i="6" l="1"/>
  <c r="B1961" i="2"/>
  <c r="N1962" i="2"/>
  <c r="W1930" i="6" l="1"/>
  <c r="B1962" i="2"/>
  <c r="N1963" i="2"/>
  <c r="W1931" i="6" l="1"/>
  <c r="B1963" i="2"/>
  <c r="N1964" i="2"/>
  <c r="W1932" i="6" l="1"/>
  <c r="B1964" i="2"/>
  <c r="N1965" i="2"/>
  <c r="W1933" i="6" l="1"/>
  <c r="B1965" i="2"/>
  <c r="N1966" i="2"/>
  <c r="W1934" i="6" l="1"/>
  <c r="B1966" i="2"/>
  <c r="N1967" i="2"/>
  <c r="W1935" i="6" l="1"/>
  <c r="B1967" i="2"/>
  <c r="N1968" i="2"/>
  <c r="W1936" i="6" l="1"/>
  <c r="B1968" i="2"/>
  <c r="N1969" i="2"/>
  <c r="W1937" i="6" l="1"/>
  <c r="B1969" i="2"/>
  <c r="N1970" i="2"/>
  <c r="W1938" i="6" l="1"/>
  <c r="B1970" i="2"/>
  <c r="N1971" i="2"/>
  <c r="W1939" i="6" l="1"/>
  <c r="B1971" i="2"/>
  <c r="N1972" i="2"/>
  <c r="W1940" i="6" l="1"/>
  <c r="B1972" i="2"/>
  <c r="N1973" i="2"/>
  <c r="W1941" i="6" l="1"/>
  <c r="B1973" i="2"/>
  <c r="N1974" i="2"/>
  <c r="W1942" i="6" l="1"/>
  <c r="B1974" i="2"/>
  <c r="N1975" i="2"/>
  <c r="W1943" i="6" l="1"/>
  <c r="B1975" i="2"/>
  <c r="N1976" i="2"/>
  <c r="W1944" i="6" l="1"/>
  <c r="B1976" i="2"/>
  <c r="N1977" i="2"/>
  <c r="W1945" i="6" l="1"/>
  <c r="B1977" i="2"/>
  <c r="N1978" i="2"/>
  <c r="W1946" i="6" l="1"/>
  <c r="B1978" i="2"/>
  <c r="N1979" i="2"/>
  <c r="W1947" i="6" l="1"/>
  <c r="B1979" i="2"/>
  <c r="N1980" i="2"/>
  <c r="W1948" i="6" l="1"/>
  <c r="B1980" i="2"/>
  <c r="N1981" i="2"/>
  <c r="W1949" i="6" l="1"/>
  <c r="B1981" i="2"/>
  <c r="N1982" i="2"/>
  <c r="W1950" i="6" l="1"/>
  <c r="B1982" i="2"/>
  <c r="N1983" i="2"/>
  <c r="W1951" i="6" l="1"/>
  <c r="B1983" i="2"/>
  <c r="N1984" i="2"/>
  <c r="W1952" i="6" l="1"/>
  <c r="B1984" i="2"/>
  <c r="N1985" i="2"/>
  <c r="W1953" i="6" l="1"/>
  <c r="B1985" i="2"/>
  <c r="N1986" i="2"/>
  <c r="W1954" i="6" l="1"/>
  <c r="B1986" i="2"/>
  <c r="N1987" i="2"/>
  <c r="W1955" i="6" l="1"/>
  <c r="B1987" i="2"/>
  <c r="N1988" i="2"/>
  <c r="W1956" i="6" l="1"/>
  <c r="B1988" i="2"/>
  <c r="N1989" i="2"/>
  <c r="W1957" i="6" l="1"/>
  <c r="B1989" i="2"/>
  <c r="N1990" i="2"/>
  <c r="W1958" i="6" l="1"/>
  <c r="B1990" i="2"/>
  <c r="N1991" i="2"/>
  <c r="W1959" i="6" l="1"/>
  <c r="B1991" i="2"/>
  <c r="N1992" i="2"/>
  <c r="W1960" i="6" l="1"/>
  <c r="B1992" i="2"/>
  <c r="N1993" i="2"/>
  <c r="W1961" i="6" l="1"/>
  <c r="B1993" i="2"/>
  <c r="N1994" i="2"/>
  <c r="W1962" i="6" l="1"/>
  <c r="B1994" i="2"/>
  <c r="N1995" i="2"/>
  <c r="W1963" i="6" l="1"/>
  <c r="B1995" i="2"/>
  <c r="N1996" i="2"/>
  <c r="W1964" i="6" l="1"/>
  <c r="B1996" i="2"/>
  <c r="N1997" i="2"/>
  <c r="W1965" i="6" l="1"/>
  <c r="B1997" i="2"/>
  <c r="N1998" i="2"/>
  <c r="W1966" i="6" l="1"/>
  <c r="B1998" i="2"/>
  <c r="N1999" i="2"/>
  <c r="W1967" i="6" l="1"/>
  <c r="B1999" i="2"/>
  <c r="N2000" i="2"/>
  <c r="W1968" i="6" l="1"/>
  <c r="B2000" i="2"/>
  <c r="N2001" i="2"/>
  <c r="W1969" i="6" l="1"/>
  <c r="B2001" i="2"/>
  <c r="N2002" i="2"/>
  <c r="W1970" i="6" l="1"/>
  <c r="B2002" i="2"/>
  <c r="N2003" i="2"/>
  <c r="W1971" i="6" l="1"/>
  <c r="B2003" i="2"/>
  <c r="N2004" i="2"/>
  <c r="W1972" i="6" l="1"/>
  <c r="B2004" i="2"/>
  <c r="N2005" i="2"/>
  <c r="W1973" i="6" l="1"/>
  <c r="B2005" i="2"/>
  <c r="N2006" i="2"/>
  <c r="W1974" i="6" l="1"/>
  <c r="B2006" i="2"/>
  <c r="N2007" i="2"/>
  <c r="W1975" i="6" l="1"/>
  <c r="B2007" i="2"/>
  <c r="N2008" i="2"/>
  <c r="W1976" i="6" l="1"/>
  <c r="B2008" i="2"/>
  <c r="N2009" i="2"/>
  <c r="W1977" i="6" l="1"/>
  <c r="B2009" i="2"/>
  <c r="N2010" i="2"/>
  <c r="W1978" i="6" l="1"/>
  <c r="B2010" i="2"/>
  <c r="N2011" i="2"/>
  <c r="W1979" i="6" l="1"/>
  <c r="B2011" i="2"/>
  <c r="N2012" i="2"/>
  <c r="W1980" i="6" l="1"/>
  <c r="B2012" i="2"/>
  <c r="N2013" i="2"/>
  <c r="W1981" i="6" l="1"/>
  <c r="B2013" i="2"/>
  <c r="N2014" i="2"/>
  <c r="W1982" i="6" l="1"/>
  <c r="B2014" i="2"/>
  <c r="N2015" i="2"/>
  <c r="W1983" i="6" l="1"/>
  <c r="B2015" i="2"/>
  <c r="N2016" i="2"/>
  <c r="W1984" i="6" l="1"/>
  <c r="B2016" i="2"/>
  <c r="N2017" i="2"/>
  <c r="W1985" i="6" l="1"/>
  <c r="B2017" i="2"/>
  <c r="N2018" i="2"/>
  <c r="W1986" i="6" l="1"/>
  <c r="B2018" i="2"/>
  <c r="N2019" i="2"/>
  <c r="W1987" i="6" l="1"/>
  <c r="B2019" i="2"/>
  <c r="N2020" i="2"/>
  <c r="W1988" i="6" l="1"/>
  <c r="B2020" i="2"/>
  <c r="N2021" i="2"/>
  <c r="W1989" i="6" l="1"/>
  <c r="B2021" i="2"/>
  <c r="N2022" i="2"/>
  <c r="W1990" i="6" l="1"/>
  <c r="B2022" i="2"/>
  <c r="N2023" i="2"/>
  <c r="W1991" i="6" l="1"/>
  <c r="B2023" i="2"/>
  <c r="N2024" i="2"/>
  <c r="W1992" i="6" l="1"/>
  <c r="B2024" i="2"/>
  <c r="N2025" i="2"/>
  <c r="W1993" i="6" l="1"/>
  <c r="B2025" i="2"/>
  <c r="N2026" i="2"/>
  <c r="W1994" i="6" l="1"/>
  <c r="B2026" i="2"/>
  <c r="N2027" i="2"/>
  <c r="W1995" i="6" l="1"/>
  <c r="B2027" i="2"/>
  <c r="N2028" i="2"/>
  <c r="W1996" i="6" l="1"/>
  <c r="B2028" i="2"/>
  <c r="N2029" i="2"/>
  <c r="W1997" i="6" l="1"/>
  <c r="B2029" i="2"/>
  <c r="N2030" i="2"/>
  <c r="W1998" i="6" l="1"/>
  <c r="B2030" i="2"/>
  <c r="N2031" i="2"/>
  <c r="W1999" i="6" l="1"/>
  <c r="B2031" i="2"/>
  <c r="N2032" i="2"/>
  <c r="W2000" i="6" l="1"/>
  <c r="B2032" i="2"/>
  <c r="N2033" i="2"/>
  <c r="W2001" i="6" l="1"/>
  <c r="B2033" i="2"/>
  <c r="N2034" i="2"/>
  <c r="W2002" i="6" l="1"/>
  <c r="B2034" i="2"/>
  <c r="N2035" i="2"/>
  <c r="W2003" i="6" l="1"/>
  <c r="B2035" i="2"/>
  <c r="N2036" i="2"/>
  <c r="W2004" i="6" l="1"/>
  <c r="B2036" i="2"/>
  <c r="N2037" i="2"/>
  <c r="W2005" i="6" l="1"/>
  <c r="B2037" i="2"/>
  <c r="N2038" i="2"/>
  <c r="W2006" i="6" l="1"/>
  <c r="B2038" i="2"/>
  <c r="N2039" i="2"/>
  <c r="W2007" i="6" l="1"/>
  <c r="B2039" i="2"/>
  <c r="N2040" i="2"/>
  <c r="W2008" i="6" l="1"/>
  <c r="B2040" i="2"/>
  <c r="N2041" i="2"/>
  <c r="W2009" i="6" l="1"/>
  <c r="B2041" i="2"/>
  <c r="N2042" i="2"/>
  <c r="W2010" i="6" l="1"/>
  <c r="B2042" i="2"/>
  <c r="N2043" i="2"/>
  <c r="W2011" i="6" l="1"/>
  <c r="B2043" i="2"/>
  <c r="N2044" i="2"/>
  <c r="W2012" i="6" l="1"/>
  <c r="B2044" i="2"/>
  <c r="N2045" i="2"/>
  <c r="W2013" i="6" l="1"/>
  <c r="B2045" i="2"/>
  <c r="N2046" i="2"/>
  <c r="W2014" i="6" l="1"/>
  <c r="B2046" i="2"/>
  <c r="N2047" i="2"/>
  <c r="W2015" i="6" l="1"/>
  <c r="B2047" i="2"/>
  <c r="N2048" i="2"/>
  <c r="W2016" i="6" l="1"/>
  <c r="B2048" i="2"/>
  <c r="N2049" i="2"/>
  <c r="W2017" i="6" l="1"/>
  <c r="B2049" i="2"/>
  <c r="N2050" i="2"/>
  <c r="W2018" i="6" l="1"/>
  <c r="B2050" i="2"/>
  <c r="N2051" i="2"/>
  <c r="W2019" i="6" l="1"/>
  <c r="B2051" i="2"/>
  <c r="N2052" i="2"/>
  <c r="W2020" i="6" l="1"/>
  <c r="B2052" i="2"/>
  <c r="N2053" i="2"/>
  <c r="W2021" i="6" l="1"/>
  <c r="B2053" i="2"/>
  <c r="N2054" i="2"/>
  <c r="W2022" i="6" l="1"/>
  <c r="B2054" i="2"/>
  <c r="N2055" i="2"/>
  <c r="W2023" i="6" l="1"/>
  <c r="B2055" i="2"/>
  <c r="N2056" i="2"/>
  <c r="W2024" i="6" l="1"/>
  <c r="B2056" i="2"/>
  <c r="N2057" i="2"/>
  <c r="W2025" i="6" l="1"/>
  <c r="B2057" i="2"/>
  <c r="N2058" i="2"/>
  <c r="W2026" i="6" l="1"/>
  <c r="B2058" i="2"/>
  <c r="N2059" i="2"/>
  <c r="W2027" i="6" l="1"/>
  <c r="B2059" i="2"/>
  <c r="N2060" i="2"/>
  <c r="W2028" i="6" l="1"/>
  <c r="B2060" i="2"/>
  <c r="N2061" i="2"/>
  <c r="W2029" i="6" l="1"/>
  <c r="B2061" i="2"/>
  <c r="N2062" i="2"/>
  <c r="W2030" i="6" l="1"/>
  <c r="B2062" i="2"/>
  <c r="N2063" i="2"/>
  <c r="W2031" i="6" l="1"/>
  <c r="B2063" i="2"/>
  <c r="N2064" i="2"/>
  <c r="W2032" i="6" l="1"/>
  <c r="B2064" i="2"/>
  <c r="N2065" i="2"/>
  <c r="W2033" i="6" l="1"/>
  <c r="B2065" i="2"/>
  <c r="N2066" i="2"/>
  <c r="W2034" i="6" l="1"/>
  <c r="B2066" i="2"/>
  <c r="N2067" i="2"/>
  <c r="W2035" i="6" l="1"/>
  <c r="B2067" i="2"/>
  <c r="N2068" i="2"/>
  <c r="W2036" i="6" l="1"/>
  <c r="B2068" i="2"/>
  <c r="N2069" i="2"/>
  <c r="W2037" i="6" l="1"/>
  <c r="B2069" i="2"/>
  <c r="N2070" i="2"/>
  <c r="W2038" i="6" l="1"/>
  <c r="B2070" i="2"/>
  <c r="N2071" i="2"/>
  <c r="W2039" i="6" l="1"/>
  <c r="B2071" i="2"/>
  <c r="N2072" i="2"/>
  <c r="W2040" i="6" l="1"/>
  <c r="B2072" i="2"/>
  <c r="N2073" i="2"/>
  <c r="W2041" i="6" l="1"/>
  <c r="B2073" i="2"/>
  <c r="N2074" i="2"/>
  <c r="W2042" i="6" l="1"/>
  <c r="B2074" i="2"/>
  <c r="N2075" i="2"/>
  <c r="W2043" i="6" l="1"/>
  <c r="B2075" i="2"/>
  <c r="N2076" i="2"/>
  <c r="W2044" i="6" l="1"/>
  <c r="B2076" i="2"/>
  <c r="N2077" i="2"/>
  <c r="W2045" i="6" l="1"/>
  <c r="B2077" i="2"/>
  <c r="N2078" i="2"/>
  <c r="W2046" i="6" l="1"/>
  <c r="B2078" i="2"/>
  <c r="N2079" i="2"/>
  <c r="W2047" i="6" l="1"/>
  <c r="B2079" i="2"/>
  <c r="N2080" i="2"/>
  <c r="W2048" i="6" l="1"/>
  <c r="B2080" i="2"/>
  <c r="N2081" i="2"/>
  <c r="W2049" i="6" l="1"/>
  <c r="B2081" i="2"/>
  <c r="N2082" i="2"/>
  <c r="W2050" i="6" l="1"/>
  <c r="B2082" i="2"/>
  <c r="N2083" i="2"/>
  <c r="W2051" i="6" l="1"/>
  <c r="B2083" i="2"/>
  <c r="N2084" i="2"/>
  <c r="W2052" i="6" l="1"/>
  <c r="B2084" i="2"/>
  <c r="N2085" i="2"/>
  <c r="W2053" i="6" l="1"/>
  <c r="B2085" i="2"/>
  <c r="N2086" i="2"/>
  <c r="W2054" i="6" l="1"/>
  <c r="B2086" i="2"/>
  <c r="N2087" i="2"/>
  <c r="W2055" i="6" l="1"/>
  <c r="B2087" i="2"/>
  <c r="N2088" i="2"/>
  <c r="W2056" i="6" l="1"/>
  <c r="B2088" i="2"/>
  <c r="N2089" i="2"/>
  <c r="W2057" i="6" l="1"/>
  <c r="B2089" i="2"/>
  <c r="N2090" i="2"/>
  <c r="W2058" i="6" l="1"/>
  <c r="B2090" i="2"/>
  <c r="N2091" i="2"/>
  <c r="W2059" i="6" l="1"/>
  <c r="B2091" i="2"/>
  <c r="N2092" i="2"/>
  <c r="W2060" i="6" l="1"/>
  <c r="B2092" i="2"/>
  <c r="N2093" i="2"/>
  <c r="W2061" i="6" l="1"/>
  <c r="B2093" i="2"/>
  <c r="N2094" i="2"/>
  <c r="W2062" i="6" l="1"/>
  <c r="B2094" i="2"/>
  <c r="N2095" i="2"/>
  <c r="W2063" i="6" l="1"/>
  <c r="B2095" i="2"/>
  <c r="N2096" i="2"/>
  <c r="W2064" i="6" l="1"/>
  <c r="B2096" i="2"/>
  <c r="N2097" i="2"/>
  <c r="W2065" i="6" l="1"/>
  <c r="B2097" i="2"/>
  <c r="N2098" i="2"/>
  <c r="W2066" i="6" l="1"/>
  <c r="B2098" i="2"/>
  <c r="N2099" i="2"/>
  <c r="W2067" i="6" l="1"/>
  <c r="B2099" i="2"/>
  <c r="N2100" i="2"/>
  <c r="W2068" i="6" l="1"/>
  <c r="B2100" i="2"/>
  <c r="N2101" i="2"/>
  <c r="W2069" i="6" l="1"/>
  <c r="B2101" i="2"/>
  <c r="N2102" i="2"/>
  <c r="W2070" i="6" l="1"/>
  <c r="B2102" i="2"/>
  <c r="N2103" i="2"/>
  <c r="W2071" i="6" l="1"/>
  <c r="B2103" i="2"/>
  <c r="N2104" i="2"/>
  <c r="W2072" i="6" l="1"/>
  <c r="B2104" i="2"/>
  <c r="N2105" i="2"/>
  <c r="W2073" i="6" l="1"/>
  <c r="B2105" i="2"/>
  <c r="N2106" i="2"/>
  <c r="W2074" i="6" l="1"/>
  <c r="B2106" i="2"/>
  <c r="N2107" i="2"/>
  <c r="W2075" i="6" l="1"/>
  <c r="B2107" i="2"/>
  <c r="N2108" i="2"/>
  <c r="W2076" i="6" l="1"/>
  <c r="B2108" i="2"/>
  <c r="N2109" i="2"/>
  <c r="W2077" i="6" l="1"/>
  <c r="B2109" i="2"/>
  <c r="N2110" i="2"/>
  <c r="W2078" i="6" l="1"/>
  <c r="B2110" i="2"/>
  <c r="N2111" i="2"/>
  <c r="W2079" i="6" l="1"/>
  <c r="B2111" i="2"/>
  <c r="N2112" i="2"/>
  <c r="W2080" i="6" l="1"/>
  <c r="B2112" i="2"/>
  <c r="N2113" i="2"/>
  <c r="W2081" i="6" l="1"/>
  <c r="B2113" i="2"/>
  <c r="N2114" i="2"/>
  <c r="W2082" i="6" l="1"/>
  <c r="B2114" i="2"/>
  <c r="N2115" i="2"/>
  <c r="W2083" i="6" l="1"/>
  <c r="B2115" i="2"/>
  <c r="N2116" i="2"/>
  <c r="W2084" i="6" l="1"/>
  <c r="B2116" i="2"/>
  <c r="N2117" i="2"/>
  <c r="W2085" i="6" l="1"/>
  <c r="B2117" i="2"/>
  <c r="N2118" i="2"/>
  <c r="W2086" i="6" l="1"/>
  <c r="B2118" i="2"/>
  <c r="N2119" i="2"/>
  <c r="W2087" i="6" l="1"/>
  <c r="B2119" i="2"/>
  <c r="N2120" i="2"/>
  <c r="W2088" i="6" l="1"/>
  <c r="B2120" i="2"/>
  <c r="N2121" i="2"/>
  <c r="W2089" i="6" l="1"/>
  <c r="B2121" i="2"/>
  <c r="N2122" i="2"/>
  <c r="W2090" i="6" l="1"/>
  <c r="B2122" i="2"/>
  <c r="N2123" i="2"/>
  <c r="W2091" i="6" l="1"/>
  <c r="B2123" i="2"/>
  <c r="N2124" i="2"/>
  <c r="W2092" i="6" l="1"/>
  <c r="B2124" i="2"/>
  <c r="N2125" i="2"/>
  <c r="W2093" i="6" l="1"/>
  <c r="B2125" i="2"/>
  <c r="N2126" i="2"/>
  <c r="W2094" i="6" l="1"/>
  <c r="B2126" i="2"/>
  <c r="N2127" i="2"/>
  <c r="W2095" i="6" l="1"/>
  <c r="B2127" i="2"/>
  <c r="N2128" i="2"/>
  <c r="W2096" i="6" l="1"/>
  <c r="B2128" i="2"/>
  <c r="N2129" i="2"/>
  <c r="W2097" i="6" l="1"/>
  <c r="B2129" i="2"/>
  <c r="N2130" i="2"/>
  <c r="W2098" i="6" l="1"/>
  <c r="B2130" i="2"/>
  <c r="N2131" i="2"/>
  <c r="W2099" i="6" l="1"/>
  <c r="B2131" i="2"/>
  <c r="N2132" i="2"/>
  <c r="W2100" i="6" l="1"/>
  <c r="B2132" i="2"/>
  <c r="N2133" i="2"/>
  <c r="W2101" i="6" l="1"/>
  <c r="B2133" i="2"/>
  <c r="N2134" i="2"/>
  <c r="W2102" i="6" l="1"/>
  <c r="B2134" i="2"/>
  <c r="N2135" i="2"/>
  <c r="W2103" i="6" l="1"/>
  <c r="B2135" i="2"/>
  <c r="N2136" i="2"/>
  <c r="W2104" i="6" l="1"/>
  <c r="B2136" i="2"/>
  <c r="N2137" i="2"/>
  <c r="W2105" i="6" l="1"/>
  <c r="B2137" i="2"/>
  <c r="N2138" i="2"/>
  <c r="W2106" i="6" l="1"/>
  <c r="B2138" i="2"/>
  <c r="N2139" i="2"/>
  <c r="W2107" i="6" l="1"/>
  <c r="B2139" i="2"/>
  <c r="N2140" i="2"/>
  <c r="W2108" i="6" l="1"/>
  <c r="B2140" i="2"/>
  <c r="N2141" i="2"/>
  <c r="W2109" i="6" l="1"/>
  <c r="B2141" i="2"/>
  <c r="N2142" i="2"/>
  <c r="W2110" i="6" l="1"/>
  <c r="B2142" i="2"/>
  <c r="N2143" i="2"/>
  <c r="W2111" i="6" l="1"/>
  <c r="B2143" i="2"/>
  <c r="N2144" i="2"/>
  <c r="W2112" i="6" l="1"/>
  <c r="B2144" i="2"/>
  <c r="N2145" i="2"/>
  <c r="W2113" i="6" l="1"/>
  <c r="B2145" i="2"/>
  <c r="N2146" i="2"/>
  <c r="W2114" i="6" l="1"/>
  <c r="B2146" i="2"/>
  <c r="N2147" i="2"/>
  <c r="W2115" i="6" l="1"/>
  <c r="B2147" i="2"/>
  <c r="N2148" i="2"/>
  <c r="W2116" i="6" l="1"/>
  <c r="B2148" i="2"/>
  <c r="N2149" i="2"/>
  <c r="W2117" i="6" l="1"/>
  <c r="B2149" i="2"/>
  <c r="N2150" i="2"/>
  <c r="W2118" i="6" l="1"/>
  <c r="B2150" i="2"/>
  <c r="N2151" i="2"/>
  <c r="W2119" i="6" l="1"/>
  <c r="B2151" i="2"/>
  <c r="N2152" i="2"/>
  <c r="W2120" i="6" l="1"/>
  <c r="B2152" i="2"/>
  <c r="N2153" i="2"/>
  <c r="W2121" i="6" l="1"/>
  <c r="B2153" i="2"/>
  <c r="N2154" i="2"/>
  <c r="W2122" i="6" l="1"/>
  <c r="B2154" i="2"/>
  <c r="N2155" i="2"/>
  <c r="W2123" i="6" l="1"/>
  <c r="B2155" i="2"/>
  <c r="N2156" i="2"/>
  <c r="W2124" i="6" l="1"/>
  <c r="B2156" i="2"/>
  <c r="N2157" i="2"/>
  <c r="W2125" i="6" l="1"/>
  <c r="B2157" i="2"/>
  <c r="N2158" i="2"/>
  <c r="W2126" i="6" l="1"/>
  <c r="B2158" i="2"/>
  <c r="N2159" i="2"/>
  <c r="W2127" i="6" l="1"/>
  <c r="B2159" i="2"/>
  <c r="N2160" i="2"/>
  <c r="W2128" i="6" l="1"/>
  <c r="B2160" i="2"/>
  <c r="N2161" i="2"/>
  <c r="W2129" i="6" l="1"/>
  <c r="B2161" i="2"/>
  <c r="N2162" i="2"/>
  <c r="W2130" i="6" l="1"/>
  <c r="B2162" i="2"/>
  <c r="N2163" i="2"/>
  <c r="W2131" i="6" l="1"/>
  <c r="B2163" i="2"/>
  <c r="N2164" i="2"/>
  <c r="W2132" i="6" l="1"/>
  <c r="B2164" i="2"/>
  <c r="N2165" i="2"/>
  <c r="W2133" i="6" l="1"/>
  <c r="B2165" i="2"/>
  <c r="N2166" i="2"/>
  <c r="W2134" i="6" l="1"/>
  <c r="B2166" i="2"/>
  <c r="N2167" i="2"/>
  <c r="W2135" i="6" l="1"/>
  <c r="B2167" i="2"/>
  <c r="N2168" i="2"/>
  <c r="W2136" i="6" l="1"/>
  <c r="B2168" i="2"/>
  <c r="N2169" i="2"/>
  <c r="W2137" i="6" l="1"/>
  <c r="B2169" i="2"/>
  <c r="N2170" i="2"/>
  <c r="W2138" i="6" l="1"/>
  <c r="B2170" i="2"/>
  <c r="N2171" i="2"/>
  <c r="W2139" i="6" l="1"/>
  <c r="B2171" i="2"/>
  <c r="N2172" i="2"/>
  <c r="W2140" i="6" l="1"/>
  <c r="B2172" i="2"/>
  <c r="N2173" i="2"/>
  <c r="W2141" i="6" l="1"/>
  <c r="B2173" i="2"/>
  <c r="N2174" i="2"/>
  <c r="W2142" i="6" l="1"/>
  <c r="B2174" i="2"/>
  <c r="N2175" i="2"/>
  <c r="W2143" i="6" l="1"/>
  <c r="B2175" i="2"/>
  <c r="N2176" i="2"/>
  <c r="W2144" i="6" l="1"/>
  <c r="B2176" i="2"/>
  <c r="N2177" i="2"/>
  <c r="W2145" i="6" l="1"/>
  <c r="B2177" i="2"/>
  <c r="N2178" i="2"/>
  <c r="W2146" i="6" l="1"/>
  <c r="B2178" i="2"/>
  <c r="N2179" i="2"/>
  <c r="W2147" i="6" l="1"/>
  <c r="B2179" i="2"/>
  <c r="N2180" i="2"/>
  <c r="W2148" i="6" l="1"/>
  <c r="B2180" i="2"/>
  <c r="N2181" i="2"/>
  <c r="W2149" i="6" l="1"/>
  <c r="B2181" i="2"/>
  <c r="N2182" i="2"/>
  <c r="W2150" i="6" l="1"/>
  <c r="B2182" i="2"/>
  <c r="N2183" i="2"/>
  <c r="W2151" i="6" l="1"/>
  <c r="B2183" i="2"/>
  <c r="N2184" i="2"/>
  <c r="W2152" i="6" l="1"/>
  <c r="B2184" i="2"/>
  <c r="N2185" i="2"/>
  <c r="W2153" i="6" l="1"/>
  <c r="B2185" i="2"/>
  <c r="N2186" i="2"/>
  <c r="W2154" i="6" l="1"/>
  <c r="B2186" i="2"/>
  <c r="N2187" i="2"/>
  <c r="W2155" i="6" l="1"/>
  <c r="B2187" i="2"/>
  <c r="N2188" i="2"/>
  <c r="W2156" i="6" l="1"/>
  <c r="B2188" i="2"/>
  <c r="N2189" i="2"/>
  <c r="W2157" i="6" l="1"/>
  <c r="B2189" i="2"/>
  <c r="N2190" i="2"/>
  <c r="W2158" i="6" l="1"/>
  <c r="B2190" i="2"/>
  <c r="N2191" i="2"/>
  <c r="W2159" i="6" l="1"/>
  <c r="B2191" i="2"/>
  <c r="N2192" i="2"/>
  <c r="W2160" i="6" l="1"/>
  <c r="B2192" i="2"/>
  <c r="N2193" i="2"/>
  <c r="W2161" i="6" l="1"/>
  <c r="B2193" i="2"/>
  <c r="N2194" i="2"/>
  <c r="W2162" i="6" l="1"/>
  <c r="B2194" i="2"/>
  <c r="N2195" i="2"/>
  <c r="W2163" i="6" l="1"/>
  <c r="B2195" i="2"/>
  <c r="N2196" i="2"/>
  <c r="W2164" i="6" l="1"/>
  <c r="B2196" i="2"/>
  <c r="N2197" i="2"/>
  <c r="W2165" i="6" l="1"/>
  <c r="B2197" i="2"/>
  <c r="N2198" i="2"/>
  <c r="W2166" i="6" l="1"/>
  <c r="B2198" i="2"/>
  <c r="N2199" i="2"/>
  <c r="W2167" i="6" l="1"/>
  <c r="B2199" i="2"/>
  <c r="N2200" i="2"/>
  <c r="W2168" i="6" l="1"/>
  <c r="B2200" i="2"/>
  <c r="N2201" i="2"/>
  <c r="W2169" i="6" l="1"/>
  <c r="B2201" i="2"/>
  <c r="N2202" i="2"/>
  <c r="W2170" i="6" l="1"/>
  <c r="B2202" i="2"/>
  <c r="N2203" i="2"/>
  <c r="W2171" i="6" l="1"/>
  <c r="B2203" i="2"/>
  <c r="N2204" i="2"/>
  <c r="W2172" i="6" l="1"/>
  <c r="B2204" i="2"/>
  <c r="N2205" i="2"/>
  <c r="W2173" i="6" l="1"/>
  <c r="B2205" i="2"/>
  <c r="N2206" i="2"/>
  <c r="W2174" i="6" l="1"/>
  <c r="B2206" i="2"/>
  <c r="N2207" i="2"/>
  <c r="W2175" i="6" l="1"/>
  <c r="B2207" i="2"/>
  <c r="N2208" i="2"/>
  <c r="W2176" i="6" l="1"/>
  <c r="B2208" i="2"/>
  <c r="N2209" i="2"/>
  <c r="W2177" i="6" l="1"/>
  <c r="B2209" i="2"/>
  <c r="N2210" i="2"/>
  <c r="W2178" i="6" l="1"/>
  <c r="B2210" i="2"/>
  <c r="N2211" i="2"/>
  <c r="W2179" i="6" l="1"/>
  <c r="B2211" i="2"/>
  <c r="N2212" i="2"/>
  <c r="W2180" i="6" l="1"/>
  <c r="B2212" i="2"/>
  <c r="N2213" i="2"/>
  <c r="W2181" i="6" l="1"/>
  <c r="B2213" i="2"/>
  <c r="N2214" i="2"/>
  <c r="W2182" i="6" l="1"/>
  <c r="B2214" i="2"/>
  <c r="N2215" i="2"/>
  <c r="W2183" i="6" l="1"/>
  <c r="B2215" i="2"/>
  <c r="N2216" i="2"/>
  <c r="W2184" i="6" l="1"/>
  <c r="B2216" i="2"/>
  <c r="N2217" i="2"/>
  <c r="W2185" i="6" l="1"/>
  <c r="B2217" i="2"/>
  <c r="N2218" i="2"/>
  <c r="W2186" i="6" l="1"/>
  <c r="B2218" i="2"/>
  <c r="N2219" i="2"/>
  <c r="W2187" i="6" l="1"/>
  <c r="B2219" i="2"/>
  <c r="N2220" i="2"/>
  <c r="W2188" i="6" l="1"/>
  <c r="B2220" i="2"/>
  <c r="N2221" i="2"/>
  <c r="W2189" i="6" l="1"/>
  <c r="B2221" i="2"/>
  <c r="N2222" i="2"/>
  <c r="W2190" i="6" l="1"/>
  <c r="B2222" i="2"/>
  <c r="N2223" i="2"/>
  <c r="W2191" i="6" l="1"/>
  <c r="B2223" i="2"/>
  <c r="N2224" i="2"/>
  <c r="W2192" i="6" l="1"/>
  <c r="B2224" i="2"/>
  <c r="N2225" i="2"/>
  <c r="W2193" i="6" l="1"/>
  <c r="B2225" i="2"/>
  <c r="N2226" i="2"/>
  <c r="W2194" i="6" l="1"/>
  <c r="B2226" i="2"/>
  <c r="N2227" i="2"/>
  <c r="W2195" i="6" l="1"/>
  <c r="B2227" i="2"/>
  <c r="N2228" i="2"/>
  <c r="W2196" i="6" l="1"/>
  <c r="B2228" i="2"/>
  <c r="N2229" i="2"/>
  <c r="W2197" i="6" l="1"/>
  <c r="B2229" i="2"/>
  <c r="N2230" i="2"/>
  <c r="W2198" i="6" l="1"/>
  <c r="B2230" i="2"/>
  <c r="N2231" i="2"/>
  <c r="W2199" i="6" l="1"/>
  <c r="B2231" i="2"/>
  <c r="N2232" i="2"/>
  <c r="W2200" i="6" l="1"/>
  <c r="B2232" i="2"/>
  <c r="N2233" i="2"/>
  <c r="W2201" i="6" l="1"/>
  <c r="B2233" i="2"/>
  <c r="N2234" i="2"/>
  <c r="W2202" i="6" l="1"/>
  <c r="B2234" i="2"/>
  <c r="N2235" i="2"/>
  <c r="W2203" i="6" l="1"/>
  <c r="B2235" i="2"/>
  <c r="N2236" i="2"/>
  <c r="W2204" i="6" l="1"/>
  <c r="B2236" i="2"/>
  <c r="N2237" i="2"/>
  <c r="W2205" i="6" l="1"/>
  <c r="B2237" i="2"/>
  <c r="N2238" i="2"/>
  <c r="W2206" i="6" l="1"/>
  <c r="B2238" i="2"/>
  <c r="N2239" i="2"/>
  <c r="W2207" i="6" l="1"/>
  <c r="B2239" i="2"/>
  <c r="N2240" i="2"/>
  <c r="W2208" i="6" l="1"/>
  <c r="B2240" i="2"/>
  <c r="N2241" i="2"/>
  <c r="W2209" i="6" l="1"/>
  <c r="B2241" i="2"/>
  <c r="N2242" i="2"/>
  <c r="W2210" i="6" l="1"/>
  <c r="B2242" i="2"/>
  <c r="N2243" i="2"/>
  <c r="W2211" i="6" l="1"/>
  <c r="B2243" i="2"/>
  <c r="N2244" i="2"/>
  <c r="W2212" i="6" l="1"/>
  <c r="B2244" i="2"/>
  <c r="N2245" i="2"/>
  <c r="W2213" i="6" l="1"/>
  <c r="B2245" i="2"/>
  <c r="N2246" i="2"/>
  <c r="W2214" i="6" l="1"/>
  <c r="B2246" i="2"/>
  <c r="N2247" i="2"/>
  <c r="W2215" i="6" l="1"/>
  <c r="B2247" i="2"/>
  <c r="N2248" i="2"/>
  <c r="W2216" i="6" l="1"/>
  <c r="B2248" i="2"/>
  <c r="N2249" i="2"/>
  <c r="W2217" i="6" l="1"/>
  <c r="B2249" i="2"/>
  <c r="N2250" i="2"/>
  <c r="W2218" i="6" l="1"/>
  <c r="B2250" i="2"/>
  <c r="N2251" i="2"/>
  <c r="W2219" i="6" l="1"/>
  <c r="B2251" i="2"/>
  <c r="N2252" i="2"/>
  <c r="W2220" i="6" l="1"/>
  <c r="B2252" i="2"/>
  <c r="N2253" i="2"/>
  <c r="W2221" i="6" l="1"/>
  <c r="B2253" i="2"/>
  <c r="N2254" i="2"/>
  <c r="W2222" i="6" l="1"/>
  <c r="B2254" i="2"/>
  <c r="N2255" i="2"/>
  <c r="W2223" i="6" l="1"/>
  <c r="B2255" i="2"/>
  <c r="N2256" i="2"/>
  <c r="W2224" i="6" l="1"/>
  <c r="B2256" i="2"/>
  <c r="N2257" i="2"/>
  <c r="W2225" i="6" l="1"/>
  <c r="B2257" i="2"/>
  <c r="N2258" i="2"/>
  <c r="W2226" i="6" l="1"/>
  <c r="B2258" i="2"/>
  <c r="N2259" i="2"/>
  <c r="W2227" i="6" l="1"/>
  <c r="B2259" i="2"/>
  <c r="N2260" i="2"/>
  <c r="W2228" i="6" l="1"/>
  <c r="B2260" i="2"/>
  <c r="N2261" i="2"/>
  <c r="W2229" i="6" l="1"/>
  <c r="B2261" i="2"/>
  <c r="N2262" i="2"/>
  <c r="W2230" i="6" l="1"/>
  <c r="B2262" i="2"/>
  <c r="N2263" i="2"/>
  <c r="W2231" i="6" l="1"/>
  <c r="B2263" i="2"/>
  <c r="N2264" i="2"/>
  <c r="W2232" i="6" l="1"/>
  <c r="B2264" i="2"/>
  <c r="N2265" i="2"/>
  <c r="W2233" i="6" l="1"/>
  <c r="B2265" i="2"/>
  <c r="N2266" i="2"/>
  <c r="W2234" i="6" l="1"/>
  <c r="B2266" i="2"/>
  <c r="N2267" i="2"/>
  <c r="W2235" i="6" l="1"/>
  <c r="B2267" i="2"/>
  <c r="N2268" i="2"/>
  <c r="W2236" i="6" l="1"/>
  <c r="B2268" i="2"/>
  <c r="N2269" i="2"/>
  <c r="W2237" i="6" l="1"/>
  <c r="B2269" i="2"/>
  <c r="N2270" i="2"/>
  <c r="W2238" i="6" l="1"/>
  <c r="B2270" i="2"/>
  <c r="N2271" i="2"/>
  <c r="W2239" i="6" l="1"/>
  <c r="B2271" i="2"/>
  <c r="N2272" i="2"/>
  <c r="W2240" i="6" l="1"/>
  <c r="B2272" i="2"/>
  <c r="N2273" i="2"/>
  <c r="W2241" i="6" l="1"/>
  <c r="B2273" i="2"/>
  <c r="N2274" i="2"/>
  <c r="W2242" i="6" l="1"/>
  <c r="B2274" i="2"/>
  <c r="N2275" i="2"/>
  <c r="W2243" i="6" l="1"/>
  <c r="B2275" i="2"/>
  <c r="N2276" i="2"/>
  <c r="W2244" i="6" l="1"/>
  <c r="B2276" i="2"/>
  <c r="N2277" i="2"/>
  <c r="W2245" i="6" l="1"/>
  <c r="B2277" i="2"/>
  <c r="N2278" i="2"/>
  <c r="W2246" i="6" l="1"/>
  <c r="B2278" i="2"/>
  <c r="N2279" i="2"/>
  <c r="W2247" i="6" l="1"/>
  <c r="B2279" i="2"/>
  <c r="N2280" i="2"/>
  <c r="W2248" i="6" l="1"/>
  <c r="B2280" i="2"/>
  <c r="N2281" i="2"/>
  <c r="W2249" i="6" l="1"/>
  <c r="B2281" i="2"/>
  <c r="N2282" i="2"/>
  <c r="W2250" i="6" l="1"/>
  <c r="B2282" i="2"/>
  <c r="N2283" i="2"/>
  <c r="W2251" i="6" l="1"/>
  <c r="B2283" i="2"/>
  <c r="N2284" i="2"/>
  <c r="W2252" i="6" l="1"/>
  <c r="B2284" i="2"/>
  <c r="N2285" i="2"/>
  <c r="W2253" i="6" l="1"/>
  <c r="B2285" i="2"/>
  <c r="N2286" i="2"/>
  <c r="W2254" i="6" l="1"/>
  <c r="B2286" i="2"/>
  <c r="N2287" i="2"/>
  <c r="W2255" i="6" l="1"/>
  <c r="B2287" i="2"/>
  <c r="N2288" i="2"/>
  <c r="W2256" i="6" l="1"/>
  <c r="B2288" i="2"/>
  <c r="N2289" i="2"/>
  <c r="W2257" i="6" l="1"/>
  <c r="B2289" i="2"/>
  <c r="N2290" i="2"/>
  <c r="W2258" i="6" l="1"/>
  <c r="B2290" i="2"/>
  <c r="N2291" i="2"/>
  <c r="W2259" i="6" l="1"/>
  <c r="B2291" i="2"/>
  <c r="N2292" i="2"/>
  <c r="W2260" i="6" l="1"/>
  <c r="B2292" i="2"/>
  <c r="N2293" i="2"/>
  <c r="W2261" i="6" l="1"/>
  <c r="B2293" i="2"/>
  <c r="N2294" i="2"/>
  <c r="W2262" i="6" l="1"/>
  <c r="B2294" i="2"/>
  <c r="N2295" i="2"/>
  <c r="W2263" i="6" l="1"/>
  <c r="B2295" i="2"/>
  <c r="N2296" i="2"/>
  <c r="W2264" i="6" l="1"/>
  <c r="B2296" i="2"/>
  <c r="N2297" i="2"/>
  <c r="W2265" i="6" l="1"/>
  <c r="B2297" i="2"/>
  <c r="N2298" i="2"/>
  <c r="W2266" i="6" l="1"/>
  <c r="B2298" i="2"/>
  <c r="N2299" i="2"/>
  <c r="W2267" i="6" l="1"/>
  <c r="B2299" i="2"/>
  <c r="N2300" i="2"/>
  <c r="W2268" i="6" l="1"/>
  <c r="B2300" i="2"/>
  <c r="N2301" i="2"/>
  <c r="W2269" i="6" l="1"/>
  <c r="B2301" i="2"/>
  <c r="N2302" i="2"/>
  <c r="W2270" i="6" l="1"/>
  <c r="B2302" i="2"/>
  <c r="N2303" i="2"/>
  <c r="W2271" i="6" l="1"/>
  <c r="B2303" i="2"/>
  <c r="N2304" i="2"/>
  <c r="W2272" i="6" l="1"/>
  <c r="B2304" i="2"/>
  <c r="N2305" i="2"/>
  <c r="W2273" i="6" l="1"/>
  <c r="B2305" i="2"/>
  <c r="N2306" i="2"/>
  <c r="W2274" i="6" l="1"/>
  <c r="B2306" i="2"/>
  <c r="N2307" i="2"/>
  <c r="W2275" i="6" l="1"/>
  <c r="B2307" i="2"/>
  <c r="N2308" i="2"/>
  <c r="W2276" i="6" l="1"/>
  <c r="B2308" i="2"/>
  <c r="N2309" i="2"/>
  <c r="W2277" i="6" l="1"/>
  <c r="B2309" i="2"/>
  <c r="N2310" i="2"/>
  <c r="W2278" i="6" l="1"/>
  <c r="B2310" i="2"/>
  <c r="N2311" i="2"/>
  <c r="W2279" i="6" l="1"/>
  <c r="B2311" i="2"/>
  <c r="N2312" i="2"/>
  <c r="W2280" i="6" l="1"/>
  <c r="B2312" i="2"/>
  <c r="N2313" i="2"/>
  <c r="W2281" i="6" l="1"/>
  <c r="B2313" i="2"/>
  <c r="N2314" i="2"/>
  <c r="W2282" i="6" l="1"/>
  <c r="B2314" i="2"/>
  <c r="N2315" i="2"/>
  <c r="W2283" i="6" l="1"/>
  <c r="B2315" i="2"/>
  <c r="N2316" i="2"/>
  <c r="W2284" i="6" l="1"/>
  <c r="B2316" i="2"/>
  <c r="N2317" i="2"/>
  <c r="W2285" i="6" l="1"/>
  <c r="B2317" i="2"/>
  <c r="N2318" i="2"/>
  <c r="W2286" i="6" l="1"/>
  <c r="B2318" i="2"/>
  <c r="N2319" i="2"/>
  <c r="W2287" i="6" l="1"/>
  <c r="B2319" i="2"/>
  <c r="N2320" i="2"/>
  <c r="W2288" i="6" l="1"/>
  <c r="B2320" i="2"/>
  <c r="N2321" i="2"/>
  <c r="W2289" i="6" l="1"/>
  <c r="B2321" i="2"/>
  <c r="N2322" i="2"/>
  <c r="W2290" i="6" l="1"/>
  <c r="B2322" i="2"/>
  <c r="N2323" i="2"/>
  <c r="W2291" i="6" l="1"/>
  <c r="B2323" i="2"/>
  <c r="N2324" i="2"/>
  <c r="W2292" i="6" l="1"/>
  <c r="B2324" i="2"/>
  <c r="N2325" i="2"/>
  <c r="W2293" i="6" l="1"/>
  <c r="B2325" i="2"/>
  <c r="N2326" i="2"/>
  <c r="W2294" i="6" l="1"/>
  <c r="B2326" i="2"/>
  <c r="N2327" i="2"/>
  <c r="W2295" i="6" l="1"/>
  <c r="B2327" i="2"/>
  <c r="N2328" i="2"/>
  <c r="W2296" i="6" l="1"/>
  <c r="B2328" i="2"/>
  <c r="N2329" i="2"/>
  <c r="W2297" i="6" l="1"/>
  <c r="B2329" i="2"/>
  <c r="N2330" i="2"/>
  <c r="W2298" i="6" l="1"/>
  <c r="B2330" i="2"/>
  <c r="N2331" i="2"/>
  <c r="W2299" i="6" l="1"/>
  <c r="B2331" i="2"/>
  <c r="N2332" i="2"/>
  <c r="W2300" i="6" l="1"/>
  <c r="B2332" i="2"/>
  <c r="N2333" i="2"/>
  <c r="W2301" i="6" l="1"/>
  <c r="B2333" i="2"/>
  <c r="N2334" i="2"/>
  <c r="W2302" i="6" l="1"/>
  <c r="B2334" i="2"/>
  <c r="N2335" i="2"/>
  <c r="W2303" i="6" l="1"/>
  <c r="B2335" i="2"/>
  <c r="N2336" i="2"/>
  <c r="W2304" i="6" l="1"/>
  <c r="B2336" i="2"/>
  <c r="N2337" i="2"/>
  <c r="W2305" i="6" l="1"/>
  <c r="B2337" i="2"/>
  <c r="N2338" i="2"/>
  <c r="W2306" i="6" l="1"/>
  <c r="B2338" i="2"/>
  <c r="N2339" i="2"/>
  <c r="W2307" i="6" l="1"/>
  <c r="B2339" i="2"/>
  <c r="N2340" i="2"/>
  <c r="W2308" i="6" l="1"/>
  <c r="B2340" i="2"/>
  <c r="N2341" i="2"/>
  <c r="W2309" i="6" l="1"/>
  <c r="B2341" i="2"/>
  <c r="N2342" i="2"/>
  <c r="W2310" i="6" l="1"/>
  <c r="B2342" i="2"/>
  <c r="N2343" i="2"/>
  <c r="W2311" i="6" l="1"/>
  <c r="B2343" i="2"/>
  <c r="N2344" i="2"/>
  <c r="W2312" i="6" l="1"/>
  <c r="B2344" i="2"/>
  <c r="N2345" i="2"/>
  <c r="W2313" i="6" l="1"/>
  <c r="B2345" i="2"/>
  <c r="N2346" i="2"/>
  <c r="W2314" i="6" l="1"/>
  <c r="B2346" i="2"/>
  <c r="N2347" i="2"/>
  <c r="W2315" i="6" l="1"/>
  <c r="B2347" i="2"/>
  <c r="N2348" i="2"/>
  <c r="W2316" i="6" l="1"/>
  <c r="B2348" i="2"/>
  <c r="N2349" i="2"/>
  <c r="W2317" i="6" l="1"/>
  <c r="B2349" i="2"/>
  <c r="N2350" i="2"/>
  <c r="W2318" i="6" l="1"/>
  <c r="B2350" i="2"/>
  <c r="N2351" i="2"/>
  <c r="W2319" i="6" l="1"/>
  <c r="B2351" i="2"/>
  <c r="N2352" i="2"/>
  <c r="W2320" i="6" l="1"/>
  <c r="B2352" i="2"/>
  <c r="N2353" i="2"/>
  <c r="W2321" i="6" l="1"/>
  <c r="B2353" i="2"/>
  <c r="N2354" i="2"/>
  <c r="W2322" i="6" l="1"/>
  <c r="B2354" i="2"/>
  <c r="N2355" i="2"/>
  <c r="W2323" i="6" l="1"/>
  <c r="B2355" i="2"/>
  <c r="N2356" i="2"/>
  <c r="W2324" i="6" l="1"/>
  <c r="B2356" i="2"/>
  <c r="N2357" i="2"/>
  <c r="W2325" i="6" l="1"/>
  <c r="B2357" i="2"/>
  <c r="N2358" i="2"/>
  <c r="W2326" i="6" l="1"/>
  <c r="B2358" i="2"/>
  <c r="N2359" i="2"/>
  <c r="W2327" i="6" l="1"/>
  <c r="B2359" i="2"/>
  <c r="N2360" i="2"/>
  <c r="W2328" i="6" l="1"/>
  <c r="B2360" i="2"/>
  <c r="N2361" i="2"/>
  <c r="W2329" i="6" l="1"/>
  <c r="B2361" i="2"/>
  <c r="N2362" i="2"/>
  <c r="W2330" i="6" l="1"/>
  <c r="B2362" i="2"/>
  <c r="N2363" i="2"/>
  <c r="W2331" i="6" l="1"/>
  <c r="B2363" i="2"/>
  <c r="N2364" i="2"/>
  <c r="W2332" i="6" l="1"/>
  <c r="B2364" i="2"/>
  <c r="N2365" i="2"/>
  <c r="W2333" i="6" l="1"/>
  <c r="B2365" i="2"/>
  <c r="N2366" i="2"/>
  <c r="W2334" i="6" l="1"/>
  <c r="B2366" i="2"/>
  <c r="N2367" i="2"/>
  <c r="W2335" i="6" l="1"/>
  <c r="B2367" i="2"/>
  <c r="N2368" i="2"/>
  <c r="W2336" i="6" l="1"/>
  <c r="B2368" i="2"/>
  <c r="N2369" i="2"/>
  <c r="W2337" i="6" l="1"/>
  <c r="B2369" i="2"/>
  <c r="N2370" i="2"/>
  <c r="W2338" i="6" l="1"/>
  <c r="B2370" i="2"/>
  <c r="N2371" i="2"/>
  <c r="W2339" i="6" l="1"/>
  <c r="B2371" i="2"/>
  <c r="N2372" i="2"/>
  <c r="W2340" i="6" l="1"/>
  <c r="B2372" i="2"/>
  <c r="N2373" i="2"/>
  <c r="W2341" i="6" l="1"/>
  <c r="B2373" i="2"/>
  <c r="N2374" i="2"/>
  <c r="W2342" i="6" l="1"/>
  <c r="B2374" i="2"/>
  <c r="N2375" i="2"/>
  <c r="W2343" i="6" l="1"/>
  <c r="B2375" i="2"/>
  <c r="N2376" i="2"/>
  <c r="W2344" i="6" l="1"/>
  <c r="B2376" i="2"/>
  <c r="N2377" i="2"/>
  <c r="W2345" i="6" l="1"/>
  <c r="B2377" i="2"/>
  <c r="N2378" i="2"/>
  <c r="W2346" i="6" l="1"/>
  <c r="B2378" i="2"/>
  <c r="N2379" i="2"/>
  <c r="W2347" i="6" l="1"/>
  <c r="B2379" i="2"/>
  <c r="N2380" i="2"/>
  <c r="W2348" i="6" l="1"/>
  <c r="B2380" i="2"/>
  <c r="N2381" i="2"/>
  <c r="W2349" i="6" l="1"/>
  <c r="B2381" i="2"/>
  <c r="N2382" i="2"/>
  <c r="W2350" i="6" l="1"/>
  <c r="B2382" i="2"/>
  <c r="N2383" i="2"/>
  <c r="W2351" i="6" l="1"/>
  <c r="B2383" i="2"/>
  <c r="N2384" i="2"/>
  <c r="W2352" i="6" l="1"/>
  <c r="B2384" i="2"/>
  <c r="N2385" i="2"/>
  <c r="W2353" i="6" l="1"/>
  <c r="B2385" i="2"/>
  <c r="N2386" i="2"/>
  <c r="W2354" i="6" l="1"/>
  <c r="B2386" i="2"/>
  <c r="N2387" i="2"/>
  <c r="W2355" i="6" l="1"/>
  <c r="B2387" i="2"/>
  <c r="N2388" i="2"/>
  <c r="W2356" i="6" l="1"/>
  <c r="B2388" i="2"/>
  <c r="N2389" i="2"/>
  <c r="W2357" i="6" l="1"/>
  <c r="B2389" i="2"/>
  <c r="N2390" i="2"/>
  <c r="W2358" i="6" l="1"/>
  <c r="B2390" i="2"/>
  <c r="N2391" i="2"/>
  <c r="W2359" i="6" l="1"/>
  <c r="B2391" i="2"/>
  <c r="N2392" i="2"/>
  <c r="W2360" i="6" l="1"/>
  <c r="B2392" i="2"/>
  <c r="N2393" i="2"/>
  <c r="W2361" i="6" l="1"/>
  <c r="B2393" i="2"/>
  <c r="N2394" i="2"/>
  <c r="W2362" i="6" l="1"/>
  <c r="B2394" i="2"/>
  <c r="N2395" i="2"/>
  <c r="W2363" i="6" l="1"/>
  <c r="B2395" i="2"/>
  <c r="N2396" i="2"/>
  <c r="W2364" i="6" l="1"/>
  <c r="B2396" i="2"/>
  <c r="N2397" i="2"/>
  <c r="W2365" i="6" l="1"/>
  <c r="B2397" i="2"/>
  <c r="N2398" i="2"/>
  <c r="W2366" i="6" l="1"/>
  <c r="B2398" i="2"/>
  <c r="N2399" i="2"/>
  <c r="W2367" i="6" l="1"/>
  <c r="B2399" i="2"/>
  <c r="N2400" i="2"/>
  <c r="W2368" i="6" l="1"/>
  <c r="B2400" i="2"/>
  <c r="N2401" i="2"/>
  <c r="W2369" i="6" l="1"/>
  <c r="B2401" i="2"/>
  <c r="N2402" i="2"/>
  <c r="W2370" i="6" l="1"/>
  <c r="B2402" i="2"/>
  <c r="N2403" i="2"/>
  <c r="W2371" i="6" l="1"/>
  <c r="B2403" i="2"/>
  <c r="N2404" i="2"/>
  <c r="W2372" i="6" l="1"/>
  <c r="B2404" i="2"/>
  <c r="N2405" i="2"/>
  <c r="W2373" i="6" l="1"/>
  <c r="B2405" i="2"/>
  <c r="N2406" i="2"/>
  <c r="W2374" i="6" l="1"/>
  <c r="B2406" i="2"/>
  <c r="N2407" i="2"/>
  <c r="W2375" i="6" l="1"/>
  <c r="B2407" i="2"/>
  <c r="N2408" i="2"/>
  <c r="W2376" i="6" l="1"/>
  <c r="B2408" i="2"/>
  <c r="N2409" i="2"/>
  <c r="W2377" i="6" l="1"/>
  <c r="B2409" i="2"/>
  <c r="N2410" i="2"/>
  <c r="W2378" i="6" l="1"/>
  <c r="B2410" i="2"/>
  <c r="N2411" i="2"/>
  <c r="W2379" i="6" l="1"/>
  <c r="B2411" i="2"/>
  <c r="N2412" i="2"/>
  <c r="W2380" i="6" l="1"/>
  <c r="B2412" i="2"/>
  <c r="N2413" i="2"/>
  <c r="W2381" i="6" l="1"/>
  <c r="B2413" i="2"/>
  <c r="N2414" i="2"/>
  <c r="W2382" i="6" l="1"/>
  <c r="B2414" i="2"/>
  <c r="N2415" i="2"/>
  <c r="W2383" i="6" l="1"/>
  <c r="B2415" i="2"/>
  <c r="N2416" i="2"/>
  <c r="W2384" i="6" l="1"/>
  <c r="B2416" i="2"/>
  <c r="N2417" i="2"/>
  <c r="W2385" i="6" l="1"/>
  <c r="B2417" i="2"/>
  <c r="N2418" i="2"/>
  <c r="W2386" i="6" l="1"/>
  <c r="B2418" i="2"/>
  <c r="N2419" i="2"/>
  <c r="W2387" i="6" l="1"/>
  <c r="B2419" i="2"/>
  <c r="N2420" i="2"/>
  <c r="W2388" i="6" l="1"/>
  <c r="B2420" i="2"/>
  <c r="N2421" i="2"/>
  <c r="W2389" i="6" l="1"/>
  <c r="B2421" i="2"/>
  <c r="N2422" i="2"/>
  <c r="W2390" i="6" l="1"/>
  <c r="B2422" i="2"/>
  <c r="N2423" i="2"/>
  <c r="W2391" i="6" l="1"/>
  <c r="B2423" i="2"/>
  <c r="N2424" i="2"/>
  <c r="W2392" i="6" l="1"/>
  <c r="B2424" i="2"/>
  <c r="N2425" i="2"/>
  <c r="W2393" i="6" l="1"/>
  <c r="B2425" i="2"/>
  <c r="N2426" i="2"/>
  <c r="W2394" i="6" l="1"/>
  <c r="B2426" i="2"/>
  <c r="N2427" i="2"/>
  <c r="W2395" i="6" l="1"/>
  <c r="B2427" i="2"/>
  <c r="N2428" i="2"/>
  <c r="W2396" i="6" l="1"/>
  <c r="B2428" i="2"/>
  <c r="N2429" i="2"/>
  <c r="W2397" i="6" l="1"/>
  <c r="B2429" i="2"/>
  <c r="N2430" i="2"/>
  <c r="W2398" i="6" l="1"/>
  <c r="B2430" i="2"/>
  <c r="N2431" i="2"/>
  <c r="W2399" i="6" l="1"/>
  <c r="B2431" i="2"/>
  <c r="N2432" i="2"/>
  <c r="W2400" i="6" l="1"/>
  <c r="B2432" i="2"/>
  <c r="N2433" i="2"/>
  <c r="W2401" i="6" l="1"/>
  <c r="B2433" i="2"/>
  <c r="N2434" i="2"/>
  <c r="W2402" i="6" l="1"/>
  <c r="B2434" i="2"/>
  <c r="N2435" i="2"/>
  <c r="W2403" i="6" l="1"/>
  <c r="B2435" i="2"/>
  <c r="N2436" i="2"/>
  <c r="W2404" i="6" l="1"/>
  <c r="B2436" i="2"/>
  <c r="N2437" i="2"/>
  <c r="W2405" i="6" l="1"/>
  <c r="B2437" i="2"/>
  <c r="N2438" i="2"/>
  <c r="W2406" i="6" l="1"/>
  <c r="B2438" i="2"/>
  <c r="N2439" i="2"/>
  <c r="W2407" i="6" l="1"/>
  <c r="B2439" i="2"/>
  <c r="N2440" i="2"/>
  <c r="W2408" i="6" l="1"/>
  <c r="B2440" i="2"/>
  <c r="N2441" i="2"/>
  <c r="W2409" i="6" l="1"/>
  <c r="B2441" i="2"/>
  <c r="N2442" i="2"/>
  <c r="W2410" i="6" l="1"/>
  <c r="B2442" i="2"/>
  <c r="N2443" i="2"/>
  <c r="W2411" i="6" l="1"/>
  <c r="B2443" i="2"/>
  <c r="N2444" i="2"/>
  <c r="W2412" i="6" l="1"/>
  <c r="B2444" i="2"/>
  <c r="N2445" i="2"/>
  <c r="W2413" i="6" l="1"/>
  <c r="B2445" i="2"/>
  <c r="N2446" i="2"/>
  <c r="W2414" i="6" l="1"/>
  <c r="B2446" i="2"/>
  <c r="N2447" i="2"/>
  <c r="W2415" i="6" l="1"/>
  <c r="B2447" i="2"/>
  <c r="N2448" i="2"/>
  <c r="W2416" i="6" l="1"/>
  <c r="B2448" i="2"/>
  <c r="N2449" i="2"/>
  <c r="W2417" i="6" l="1"/>
  <c r="B2449" i="2"/>
  <c r="N2450" i="2"/>
  <c r="W2418" i="6" l="1"/>
  <c r="B2450" i="2"/>
  <c r="N2451" i="2"/>
  <c r="W2419" i="6" l="1"/>
  <c r="B2451" i="2"/>
  <c r="N2452" i="2"/>
  <c r="W2420" i="6" l="1"/>
  <c r="B2452" i="2"/>
  <c r="N2453" i="2"/>
  <c r="W2421" i="6" l="1"/>
  <c r="B2453" i="2"/>
  <c r="N2454" i="2"/>
  <c r="W2422" i="6" l="1"/>
  <c r="B2454" i="2"/>
  <c r="N2455" i="2"/>
  <c r="W2423" i="6" l="1"/>
  <c r="B2455" i="2"/>
  <c r="N2456" i="2"/>
  <c r="W2424" i="6" l="1"/>
  <c r="B2456" i="2"/>
  <c r="N2457" i="2"/>
  <c r="W2425" i="6" l="1"/>
  <c r="B2457" i="2"/>
  <c r="N2458" i="2"/>
  <c r="W2426" i="6" l="1"/>
  <c r="B2458" i="2"/>
  <c r="N2459" i="2"/>
  <c r="W2427" i="6" l="1"/>
  <c r="B2459" i="2"/>
  <c r="N2460" i="2"/>
  <c r="W2428" i="6" l="1"/>
  <c r="B2460" i="2"/>
  <c r="N2461" i="2"/>
  <c r="W2429" i="6" l="1"/>
  <c r="B2461" i="2"/>
  <c r="N2462" i="2"/>
  <c r="W2430" i="6" l="1"/>
  <c r="B2462" i="2"/>
  <c r="N2463" i="2"/>
  <c r="W2431" i="6" l="1"/>
  <c r="B2463" i="2"/>
  <c r="N2464" i="2"/>
  <c r="W2432" i="6" l="1"/>
  <c r="B2464" i="2"/>
  <c r="N2465" i="2"/>
  <c r="W2433" i="6" l="1"/>
  <c r="B2465" i="2"/>
  <c r="N2466" i="2"/>
  <c r="W2434" i="6" l="1"/>
  <c r="B2466" i="2"/>
  <c r="N2467" i="2"/>
  <c r="W2435" i="6" l="1"/>
  <c r="B2467" i="2"/>
  <c r="N2468" i="2"/>
  <c r="W2436" i="6" l="1"/>
  <c r="B2468" i="2"/>
  <c r="N2469" i="2"/>
  <c r="W2437" i="6" l="1"/>
  <c r="B2469" i="2"/>
  <c r="N2470" i="2"/>
  <c r="W2438" i="6" l="1"/>
  <c r="B2470" i="2"/>
  <c r="N2471" i="2"/>
  <c r="W2439" i="6" l="1"/>
  <c r="B2471" i="2"/>
  <c r="N2472" i="2"/>
  <c r="W2440" i="6" l="1"/>
  <c r="B2472" i="2"/>
  <c r="N2473" i="2"/>
  <c r="W2441" i="6" l="1"/>
  <c r="B2473" i="2"/>
  <c r="N2474" i="2"/>
  <c r="W2442" i="6" l="1"/>
  <c r="B2474" i="2"/>
  <c r="N2475" i="2"/>
  <c r="W2443" i="6" l="1"/>
  <c r="B2475" i="2"/>
  <c r="N2476" i="2"/>
  <c r="W2444" i="6" l="1"/>
  <c r="B2476" i="2"/>
  <c r="N2477" i="2"/>
  <c r="W2445" i="6" l="1"/>
  <c r="B2477" i="2"/>
  <c r="N2478" i="2"/>
  <c r="W2446" i="6" l="1"/>
  <c r="B2478" i="2"/>
  <c r="N2479" i="2"/>
  <c r="W2447" i="6" l="1"/>
  <c r="B2479" i="2"/>
  <c r="N2480" i="2"/>
  <c r="W2448" i="6" l="1"/>
  <c r="B2480" i="2"/>
  <c r="N2481" i="2"/>
  <c r="W2449" i="6" l="1"/>
  <c r="B2481" i="2"/>
  <c r="N2482" i="2"/>
  <c r="W2450" i="6" l="1"/>
  <c r="B2482" i="2"/>
  <c r="N2483" i="2"/>
  <c r="W2451" i="6" l="1"/>
  <c r="B2483" i="2"/>
  <c r="N2484" i="2"/>
  <c r="W2452" i="6" l="1"/>
  <c r="B2484" i="2"/>
  <c r="N2485" i="2"/>
  <c r="W2453" i="6" l="1"/>
  <c r="B2485" i="2"/>
  <c r="N2486" i="2"/>
  <c r="W2454" i="6" l="1"/>
  <c r="B2486" i="2"/>
  <c r="N2487" i="2"/>
  <c r="W2455" i="6" l="1"/>
  <c r="B2487" i="2"/>
  <c r="N2488" i="2"/>
  <c r="W2456" i="6" l="1"/>
  <c r="B2488" i="2"/>
  <c r="N2489" i="2"/>
  <c r="W2457" i="6" l="1"/>
  <c r="B2489" i="2"/>
  <c r="N2490" i="2"/>
  <c r="W2458" i="6" l="1"/>
  <c r="B2490" i="2"/>
  <c r="N2491" i="2"/>
  <c r="W2459" i="6" l="1"/>
  <c r="B2491" i="2"/>
  <c r="N2492" i="2"/>
  <c r="W2460" i="6" l="1"/>
  <c r="B2492" i="2"/>
  <c r="N2493" i="2"/>
  <c r="W2461" i="6" l="1"/>
  <c r="B2493" i="2"/>
  <c r="N2494" i="2"/>
  <c r="W2462" i="6" l="1"/>
  <c r="B2494" i="2"/>
  <c r="N2495" i="2"/>
  <c r="W2463" i="6" l="1"/>
  <c r="B2495" i="2"/>
  <c r="N2496" i="2"/>
  <c r="W2464" i="6" l="1"/>
  <c r="B2496" i="2"/>
  <c r="N2497" i="2"/>
  <c r="W2465" i="6" l="1"/>
  <c r="B2497" i="2"/>
  <c r="N2498" i="2"/>
  <c r="W2466" i="6" l="1"/>
  <c r="B2498" i="2"/>
  <c r="N2499" i="2"/>
  <c r="W2467" i="6" l="1"/>
  <c r="B2499" i="2"/>
  <c r="N2500" i="2"/>
  <c r="W2468" i="6" l="1"/>
  <c r="B2500" i="2"/>
  <c r="N2501" i="2"/>
  <c r="W2469" i="6" l="1"/>
  <c r="B2501" i="2"/>
  <c r="N2502" i="2"/>
  <c r="W2470" i="6" l="1"/>
  <c r="B2502" i="2"/>
  <c r="N2503" i="2"/>
  <c r="W2471" i="6" l="1"/>
  <c r="B2503" i="2"/>
  <c r="N2504" i="2"/>
  <c r="W2472" i="6" l="1"/>
  <c r="B2504" i="2"/>
  <c r="N2505" i="2"/>
  <c r="W2473" i="6" l="1"/>
  <c r="B2505" i="2"/>
  <c r="N2506" i="2"/>
  <c r="W2474" i="6" l="1"/>
  <c r="B2506" i="2"/>
  <c r="N2507" i="2"/>
  <c r="W2475" i="6" l="1"/>
  <c r="B2507" i="2"/>
  <c r="N2508" i="2"/>
  <c r="W2476" i="6" l="1"/>
  <c r="B2508" i="2"/>
  <c r="N2509" i="2"/>
  <c r="W2477" i="6" l="1"/>
  <c r="B2509" i="2"/>
  <c r="N2510" i="2"/>
  <c r="W2478" i="6" l="1"/>
  <c r="B2510" i="2"/>
  <c r="N2511" i="2"/>
  <c r="W2479" i="6" l="1"/>
  <c r="B2511" i="2"/>
  <c r="N2512" i="2"/>
  <c r="W2480" i="6" l="1"/>
  <c r="B2512" i="2"/>
  <c r="N2513" i="2"/>
  <c r="W2481" i="6" l="1"/>
  <c r="B2513" i="2"/>
  <c r="N2514" i="2"/>
  <c r="W2482" i="6" l="1"/>
  <c r="B2514" i="2"/>
  <c r="N2515" i="2"/>
  <c r="W2483" i="6" l="1"/>
  <c r="B2515" i="2"/>
  <c r="N2516" i="2"/>
  <c r="W2484" i="6" l="1"/>
  <c r="B2516" i="2"/>
  <c r="N2517" i="2"/>
  <c r="W2485" i="6" l="1"/>
  <c r="B2517" i="2"/>
  <c r="N2518" i="2"/>
  <c r="W2486" i="6" l="1"/>
  <c r="B2518" i="2"/>
  <c r="N2519" i="2"/>
  <c r="W2487" i="6" l="1"/>
  <c r="B2519" i="2"/>
  <c r="N2520" i="2"/>
  <c r="W2488" i="6" l="1"/>
  <c r="B2520" i="2"/>
  <c r="N2521" i="2"/>
  <c r="W2489" i="6" l="1"/>
  <c r="B2521" i="2"/>
  <c r="N2522" i="2"/>
  <c r="W2490" i="6" l="1"/>
  <c r="B2522" i="2"/>
  <c r="N2523" i="2"/>
  <c r="W2491" i="6" l="1"/>
  <c r="B2523" i="2"/>
  <c r="N2524" i="2"/>
  <c r="W2492" i="6" l="1"/>
  <c r="B2524" i="2"/>
  <c r="N2525" i="2"/>
  <c r="W2493" i="6" l="1"/>
  <c r="B2525" i="2"/>
  <c r="N2526" i="2"/>
  <c r="W2494" i="6" l="1"/>
  <c r="B2526" i="2"/>
  <c r="N2527" i="2"/>
  <c r="W2495" i="6" l="1"/>
  <c r="B2527" i="2"/>
  <c r="N2528" i="2"/>
  <c r="W2496" i="6" l="1"/>
  <c r="B2528" i="2"/>
  <c r="N2529" i="2"/>
  <c r="W2497" i="6" l="1"/>
  <c r="B2529" i="2"/>
  <c r="N2530" i="2"/>
  <c r="W2498" i="6" l="1"/>
  <c r="B2530" i="2"/>
  <c r="N2531" i="2"/>
  <c r="W2499" i="6" l="1"/>
  <c r="B2531" i="2"/>
  <c r="N2532" i="2"/>
  <c r="W2500" i="6" l="1"/>
  <c r="B2532" i="2"/>
  <c r="N2533" i="2"/>
  <c r="W2501" i="6" l="1"/>
  <c r="B2533" i="2"/>
  <c r="N2534" i="2"/>
  <c r="W2502" i="6" l="1"/>
  <c r="B2534" i="2"/>
  <c r="N2535" i="2"/>
  <c r="W2503" i="6" l="1"/>
  <c r="B2535" i="2"/>
  <c r="N2536" i="2"/>
  <c r="W2504" i="6" l="1"/>
  <c r="B2536" i="2"/>
  <c r="N2537" i="2"/>
  <c r="W2505" i="6" l="1"/>
  <c r="B2537" i="2"/>
  <c r="N2538" i="2"/>
  <c r="W2506" i="6" l="1"/>
  <c r="B2538" i="2"/>
  <c r="N2539" i="2"/>
  <c r="W2507" i="6" l="1"/>
  <c r="B2539" i="2"/>
  <c r="N2540" i="2"/>
  <c r="W2508" i="6" l="1"/>
  <c r="B2540" i="2"/>
  <c r="N2541" i="2"/>
  <c r="W2509" i="6" l="1"/>
  <c r="B2541" i="2"/>
  <c r="N2542" i="2"/>
  <c r="W2510" i="6" l="1"/>
  <c r="B2542" i="2"/>
  <c r="N2543" i="2"/>
  <c r="W2511" i="6" l="1"/>
  <c r="B2543" i="2"/>
  <c r="N2544" i="2"/>
  <c r="W2512" i="6" l="1"/>
  <c r="B2544" i="2"/>
  <c r="N2545" i="2"/>
  <c r="W2513" i="6" l="1"/>
  <c r="B2545" i="2"/>
  <c r="N2546" i="2"/>
  <c r="W2514" i="6" l="1"/>
  <c r="B2546" i="2"/>
  <c r="N2547" i="2"/>
  <c r="W2515" i="6" l="1"/>
  <c r="B2547" i="2"/>
  <c r="N2548" i="2"/>
  <c r="W2516" i="6" l="1"/>
  <c r="B2548" i="2"/>
  <c r="N2549" i="2"/>
  <c r="W2517" i="6" l="1"/>
  <c r="B2549" i="2"/>
  <c r="N2550" i="2"/>
  <c r="W2518" i="6" l="1"/>
  <c r="B2550" i="2"/>
  <c r="N2551" i="2"/>
  <c r="W2519" i="6" l="1"/>
  <c r="B2551" i="2"/>
  <c r="N2552" i="2"/>
  <c r="W2520" i="6" l="1"/>
  <c r="B2552" i="2"/>
  <c r="N2553" i="2"/>
  <c r="W2521" i="6" l="1"/>
  <c r="B2553" i="2"/>
  <c r="N2554" i="2"/>
  <c r="W2522" i="6" l="1"/>
  <c r="B2554" i="2"/>
  <c r="N2555" i="2"/>
  <c r="W2523" i="6" l="1"/>
  <c r="B2555" i="2"/>
  <c r="N2556" i="2"/>
  <c r="W2524" i="6" l="1"/>
  <c r="B2556" i="2"/>
  <c r="N2557" i="2"/>
  <c r="W2525" i="6" l="1"/>
  <c r="B2557" i="2"/>
  <c r="N2558" i="2"/>
  <c r="W2526" i="6" l="1"/>
  <c r="B2558" i="2"/>
  <c r="N2559" i="2"/>
  <c r="W2527" i="6" l="1"/>
  <c r="B2559" i="2"/>
  <c r="N2560" i="2"/>
  <c r="W2528" i="6" l="1"/>
  <c r="B2560" i="2"/>
  <c r="N2561" i="2"/>
  <c r="W2529" i="6" l="1"/>
  <c r="B2561" i="2"/>
  <c r="N2562" i="2"/>
  <c r="W2530" i="6" l="1"/>
  <c r="B2562" i="2"/>
  <c r="N2563" i="2"/>
  <c r="W2531" i="6" l="1"/>
  <c r="B2563" i="2"/>
  <c r="N2564" i="2"/>
  <c r="W2532" i="6" l="1"/>
  <c r="B2564" i="2"/>
  <c r="N2565" i="2"/>
  <c r="W2533" i="6" l="1"/>
  <c r="B2565" i="2"/>
  <c r="N2566" i="2"/>
  <c r="W2534" i="6" l="1"/>
  <c r="B2566" i="2"/>
  <c r="N2567" i="2"/>
  <c r="W2535" i="6" l="1"/>
  <c r="B2567" i="2"/>
  <c r="N2568" i="2"/>
  <c r="W2536" i="6" l="1"/>
  <c r="B2568" i="2"/>
  <c r="N2569" i="2"/>
  <c r="W2537" i="6" l="1"/>
  <c r="B2569" i="2"/>
  <c r="N2570" i="2"/>
  <c r="W2538" i="6" l="1"/>
  <c r="B2570" i="2"/>
  <c r="N2571" i="2"/>
  <c r="W2539" i="6" l="1"/>
  <c r="B2571" i="2"/>
  <c r="N2572" i="2"/>
  <c r="W2540" i="6" l="1"/>
  <c r="B2572" i="2"/>
  <c r="N2573" i="2"/>
  <c r="W2541" i="6" l="1"/>
  <c r="B2573" i="2"/>
  <c r="N2574" i="2"/>
  <c r="W2542" i="6" l="1"/>
  <c r="B2574" i="2"/>
  <c r="N2575" i="2"/>
  <c r="W2543" i="6" l="1"/>
  <c r="B2575" i="2"/>
  <c r="N2576" i="2"/>
  <c r="W2544" i="6" l="1"/>
  <c r="B2576" i="2"/>
  <c r="N2577" i="2"/>
  <c r="W2545" i="6" l="1"/>
  <c r="B2577" i="2"/>
  <c r="N2578" i="2"/>
  <c r="W2546" i="6" l="1"/>
  <c r="B2578" i="2"/>
  <c r="N2579" i="2"/>
  <c r="W2547" i="6" l="1"/>
  <c r="B2579" i="2"/>
  <c r="N2580" i="2"/>
  <c r="W2548" i="6" l="1"/>
  <c r="B2580" i="2"/>
  <c r="N2581" i="2"/>
  <c r="W2549" i="6" l="1"/>
  <c r="B2581" i="2"/>
  <c r="N2582" i="2"/>
  <c r="W2550" i="6" l="1"/>
  <c r="B2582" i="2"/>
  <c r="N2583" i="2"/>
  <c r="W2551" i="6" l="1"/>
  <c r="B2583" i="2"/>
  <c r="N2584" i="2"/>
  <c r="W2552" i="6" l="1"/>
  <c r="B2584" i="2"/>
  <c r="N2585" i="2"/>
  <c r="W2553" i="6" l="1"/>
  <c r="B2585" i="2"/>
  <c r="N2586" i="2"/>
  <c r="W2554" i="6" l="1"/>
  <c r="B2586" i="2"/>
  <c r="N2587" i="2"/>
  <c r="W2555" i="6" l="1"/>
  <c r="B2587" i="2"/>
  <c r="N2588" i="2"/>
  <c r="W2556" i="6" l="1"/>
  <c r="B2588" i="2"/>
  <c r="N2589" i="2"/>
  <c r="W2557" i="6" l="1"/>
  <c r="B2589" i="2"/>
  <c r="N2590" i="2"/>
  <c r="W2558" i="6" l="1"/>
  <c r="B2590" i="2"/>
  <c r="N2591" i="2"/>
  <c r="W2559" i="6" l="1"/>
  <c r="B2591" i="2"/>
  <c r="N2592" i="2"/>
  <c r="W2560" i="6" l="1"/>
  <c r="B2592" i="2"/>
  <c r="N2593" i="2"/>
  <c r="W2561" i="6" l="1"/>
  <c r="B2593" i="2"/>
  <c r="N2594" i="2"/>
  <c r="W2562" i="6" l="1"/>
  <c r="B2594" i="2"/>
  <c r="N2595" i="2"/>
  <c r="W2563" i="6" l="1"/>
  <c r="B2595" i="2"/>
  <c r="N2596" i="2"/>
  <c r="W2564" i="6" l="1"/>
  <c r="B2596" i="2"/>
  <c r="N2597" i="2"/>
  <c r="W2565" i="6" l="1"/>
  <c r="B2597" i="2"/>
  <c r="N2598" i="2"/>
  <c r="W2566" i="6" l="1"/>
  <c r="B2598" i="2"/>
  <c r="N2599" i="2"/>
  <c r="W2567" i="6" l="1"/>
  <c r="B2599" i="2"/>
  <c r="N2600" i="2"/>
  <c r="W2568" i="6" l="1"/>
  <c r="B2600" i="2"/>
  <c r="N2601" i="2"/>
  <c r="W2569" i="6" l="1"/>
  <c r="B2601" i="2"/>
  <c r="N2602" i="2"/>
  <c r="W2570" i="6" l="1"/>
  <c r="B2602" i="2"/>
  <c r="N2603" i="2"/>
  <c r="W2571" i="6" l="1"/>
  <c r="B2603" i="2"/>
  <c r="N2604" i="2"/>
  <c r="W2572" i="6" l="1"/>
  <c r="B2604" i="2"/>
  <c r="N2605" i="2"/>
  <c r="W2573" i="6" l="1"/>
  <c r="B2605" i="2"/>
  <c r="N2606" i="2"/>
  <c r="W2574" i="6" l="1"/>
  <c r="B2606" i="2"/>
  <c r="N2607" i="2"/>
  <c r="W2575" i="6" l="1"/>
  <c r="B2607" i="2"/>
  <c r="N2608" i="2"/>
  <c r="W2576" i="6" l="1"/>
  <c r="B2608" i="2"/>
  <c r="N2609" i="2"/>
  <c r="W2577" i="6" l="1"/>
  <c r="B2609" i="2"/>
  <c r="N2610" i="2"/>
  <c r="W2578" i="6" l="1"/>
  <c r="B2610" i="2"/>
  <c r="N2611" i="2"/>
  <c r="W2579" i="6" l="1"/>
  <c r="B2611" i="2"/>
  <c r="N2612" i="2"/>
  <c r="W2580" i="6" l="1"/>
  <c r="B2612" i="2"/>
  <c r="N2613" i="2"/>
  <c r="W2581" i="6" l="1"/>
  <c r="B2613" i="2"/>
  <c r="N2614" i="2"/>
  <c r="W2582" i="6" l="1"/>
  <c r="B2614" i="2"/>
  <c r="N2615" i="2"/>
  <c r="W2583" i="6" l="1"/>
  <c r="B2615" i="2"/>
  <c r="N2616" i="2"/>
  <c r="W2584" i="6" l="1"/>
  <c r="B2616" i="2"/>
  <c r="N2617" i="2"/>
  <c r="W2585" i="6" l="1"/>
  <c r="B2617" i="2"/>
  <c r="N2618" i="2"/>
  <c r="W2586" i="6" l="1"/>
  <c r="B2618" i="2"/>
  <c r="N2619" i="2"/>
  <c r="W2587" i="6" l="1"/>
  <c r="B2619" i="2"/>
  <c r="N2620" i="2"/>
  <c r="W2588" i="6" l="1"/>
  <c r="B2620" i="2"/>
  <c r="N2621" i="2"/>
  <c r="W2589" i="6" l="1"/>
  <c r="B2621" i="2"/>
  <c r="N2622" i="2"/>
  <c r="W2590" i="6" l="1"/>
  <c r="B2622" i="2"/>
  <c r="N2623" i="2"/>
  <c r="W2591" i="6" l="1"/>
  <c r="B2623" i="2"/>
  <c r="N2624" i="2"/>
  <c r="W2592" i="6" l="1"/>
  <c r="B2624" i="2"/>
  <c r="N2625" i="2"/>
  <c r="W2593" i="6" l="1"/>
  <c r="B2625" i="2"/>
  <c r="N2626" i="2"/>
  <c r="W2594" i="6" l="1"/>
  <c r="B2626" i="2"/>
  <c r="N2627" i="2"/>
  <c r="W2595" i="6" l="1"/>
  <c r="B2627" i="2"/>
  <c r="N2628" i="2"/>
  <c r="W2596" i="6" l="1"/>
  <c r="B2628" i="2"/>
  <c r="N2629" i="2"/>
  <c r="W2597" i="6" l="1"/>
  <c r="B2629" i="2"/>
  <c r="N2630" i="2"/>
  <c r="W2598" i="6" l="1"/>
  <c r="B2630" i="2"/>
  <c r="N2631" i="2"/>
  <c r="W2599" i="6" l="1"/>
  <c r="B2631" i="2"/>
  <c r="N2632" i="2"/>
  <c r="W2600" i="6" l="1"/>
  <c r="B2632" i="2"/>
  <c r="N2633" i="2"/>
  <c r="W2601" i="6" l="1"/>
  <c r="B2633" i="2"/>
  <c r="N2634" i="2"/>
  <c r="W2602" i="6" l="1"/>
  <c r="B2634" i="2"/>
  <c r="N2635" i="2"/>
  <c r="W2603" i="6" l="1"/>
  <c r="B2635" i="2"/>
  <c r="N2636" i="2"/>
  <c r="W2604" i="6" l="1"/>
  <c r="B2636" i="2"/>
  <c r="N2637" i="2"/>
  <c r="W2605" i="6" l="1"/>
  <c r="B2637" i="2"/>
  <c r="N2638" i="2"/>
  <c r="W2606" i="6" l="1"/>
  <c r="B2638" i="2"/>
  <c r="N2639" i="2"/>
  <c r="W2607" i="6" l="1"/>
  <c r="B2639" i="2"/>
  <c r="N2640" i="2"/>
  <c r="W2608" i="6" l="1"/>
  <c r="B2640" i="2"/>
  <c r="N2641" i="2"/>
  <c r="W2609" i="6" l="1"/>
  <c r="B2641" i="2"/>
  <c r="N2642" i="2"/>
  <c r="W2610" i="6" l="1"/>
  <c r="B2642" i="2"/>
  <c r="N2643" i="2"/>
  <c r="W2611" i="6" l="1"/>
  <c r="B2643" i="2"/>
  <c r="N2644" i="2"/>
  <c r="W2612" i="6" l="1"/>
  <c r="B2644" i="2"/>
  <c r="N2645" i="2"/>
  <c r="W2613" i="6" l="1"/>
  <c r="B2645" i="2"/>
  <c r="N2646" i="2"/>
  <c r="W2614" i="6" l="1"/>
  <c r="B2646" i="2"/>
  <c r="N2647" i="2"/>
  <c r="W2615" i="6" l="1"/>
  <c r="B2647" i="2"/>
  <c r="N2648" i="2"/>
  <c r="W2616" i="6" l="1"/>
  <c r="B2648" i="2"/>
  <c r="N2649" i="2"/>
  <c r="W2617" i="6" l="1"/>
  <c r="B2649" i="2"/>
  <c r="N2650" i="2"/>
  <c r="W2618" i="6" l="1"/>
  <c r="B2650" i="2"/>
  <c r="N2651" i="2"/>
  <c r="W2619" i="6" l="1"/>
  <c r="B2651" i="2"/>
  <c r="N2652" i="2"/>
  <c r="W2620" i="6" l="1"/>
  <c r="B2652" i="2"/>
  <c r="N2653" i="2"/>
  <c r="W2621" i="6" l="1"/>
  <c r="B2653" i="2"/>
  <c r="N2654" i="2"/>
  <c r="W2622" i="6" l="1"/>
  <c r="B2654" i="2"/>
  <c r="N2655" i="2"/>
  <c r="W2623" i="6" l="1"/>
  <c r="B2655" i="2"/>
  <c r="N2656" i="2"/>
  <c r="W2624" i="6" l="1"/>
  <c r="B2656" i="2"/>
  <c r="N2657" i="2"/>
  <c r="W2625" i="6" l="1"/>
  <c r="B2657" i="2"/>
  <c r="N2658" i="2"/>
  <c r="W2626" i="6" l="1"/>
  <c r="B2658" i="2"/>
  <c r="N2659" i="2"/>
  <c r="W2627" i="6" l="1"/>
  <c r="B2659" i="2"/>
  <c r="N2660" i="2"/>
  <c r="W2628" i="6" l="1"/>
  <c r="B2660" i="2"/>
  <c r="N2661" i="2"/>
  <c r="W2629" i="6" l="1"/>
  <c r="B2661" i="2"/>
  <c r="N2662" i="2"/>
  <c r="W2630" i="6" l="1"/>
  <c r="B2662" i="2"/>
  <c r="N2663" i="2"/>
  <c r="W2631" i="6" l="1"/>
  <c r="B2663" i="2"/>
  <c r="N2664" i="2"/>
  <c r="W2632" i="6" l="1"/>
  <c r="B2664" i="2"/>
  <c r="N2665" i="2"/>
  <c r="W2633" i="6" l="1"/>
  <c r="B2665" i="2"/>
  <c r="N2666" i="2"/>
  <c r="W2634" i="6" l="1"/>
  <c r="B2666" i="2"/>
  <c r="N2667" i="2"/>
  <c r="W2635" i="6" l="1"/>
  <c r="B2667" i="2"/>
  <c r="N2668" i="2"/>
  <c r="W2636" i="6" l="1"/>
  <c r="B2668" i="2"/>
  <c r="N2669" i="2"/>
  <c r="W2637" i="6" l="1"/>
  <c r="B2669" i="2"/>
  <c r="N2670" i="2"/>
  <c r="W2638" i="6" l="1"/>
  <c r="B2670" i="2"/>
  <c r="N2671" i="2"/>
  <c r="W2639" i="6" l="1"/>
  <c r="B2671" i="2"/>
  <c r="N2672" i="2"/>
  <c r="W2640" i="6" l="1"/>
  <c r="B2672" i="2"/>
  <c r="N2673" i="2"/>
  <c r="W2641" i="6" l="1"/>
  <c r="B2673" i="2"/>
  <c r="N2674" i="2"/>
  <c r="W2642" i="6" l="1"/>
  <c r="B2674" i="2"/>
  <c r="N2675" i="2"/>
  <c r="W2643" i="6" l="1"/>
  <c r="B2675" i="2"/>
  <c r="N2676" i="2"/>
  <c r="W2644" i="6" l="1"/>
  <c r="B2676" i="2"/>
  <c r="N2677" i="2"/>
  <c r="W2645" i="6" l="1"/>
  <c r="B2677" i="2"/>
  <c r="N2678" i="2"/>
  <c r="W2646" i="6" l="1"/>
  <c r="B2678" i="2"/>
  <c r="N2679" i="2"/>
  <c r="W2647" i="6" l="1"/>
  <c r="B2679" i="2"/>
  <c r="N2680" i="2"/>
  <c r="W2648" i="6" l="1"/>
  <c r="B2680" i="2"/>
  <c r="N2681" i="2"/>
  <c r="W2649" i="6" l="1"/>
  <c r="B2681" i="2"/>
  <c r="N2682" i="2"/>
  <c r="W2650" i="6" l="1"/>
  <c r="B2682" i="2"/>
  <c r="N2683" i="2"/>
  <c r="W2651" i="6" l="1"/>
  <c r="B2683" i="2"/>
  <c r="N2684" i="2"/>
  <c r="W2652" i="6" l="1"/>
  <c r="B2684" i="2"/>
  <c r="N2685" i="2"/>
  <c r="W2653" i="6" l="1"/>
  <c r="B2685" i="2"/>
  <c r="N2686" i="2"/>
  <c r="W2654" i="6" l="1"/>
  <c r="B2686" i="2"/>
  <c r="N2687" i="2"/>
  <c r="W2655" i="6" l="1"/>
  <c r="B2687" i="2"/>
  <c r="N2688" i="2"/>
  <c r="W2656" i="6" l="1"/>
  <c r="B2688" i="2"/>
  <c r="N2689" i="2"/>
  <c r="W2657" i="6" l="1"/>
  <c r="B2689" i="2"/>
  <c r="N2690" i="2"/>
  <c r="W2658" i="6" l="1"/>
  <c r="B2690" i="2"/>
  <c r="N2691" i="2"/>
  <c r="W2659" i="6" l="1"/>
  <c r="B2691" i="2"/>
  <c r="N2692" i="2"/>
  <c r="W2660" i="6" l="1"/>
  <c r="B2692" i="2"/>
  <c r="N2693" i="2"/>
  <c r="W2661" i="6" l="1"/>
  <c r="B2693" i="2"/>
  <c r="N2694" i="2"/>
  <c r="W2662" i="6" l="1"/>
  <c r="B2694" i="2"/>
  <c r="N2695" i="2"/>
  <c r="W2663" i="6" l="1"/>
  <c r="B2695" i="2"/>
  <c r="N2696" i="2"/>
  <c r="W2664" i="6" l="1"/>
  <c r="B2696" i="2"/>
  <c r="N2697" i="2"/>
  <c r="W2665" i="6" l="1"/>
  <c r="B2697" i="2"/>
  <c r="N2698" i="2"/>
  <c r="W2666" i="6" l="1"/>
  <c r="B2698" i="2"/>
  <c r="N2699" i="2"/>
  <c r="W2667" i="6" l="1"/>
  <c r="B2699" i="2"/>
  <c r="N2700" i="2"/>
  <c r="W2668" i="6" l="1"/>
  <c r="B2700" i="2"/>
  <c r="N2701" i="2"/>
  <c r="W2669" i="6" l="1"/>
  <c r="B2701" i="2"/>
  <c r="N2702" i="2"/>
  <c r="W2670" i="6" l="1"/>
  <c r="B2702" i="2"/>
  <c r="N2703" i="2"/>
  <c r="W2671" i="6" l="1"/>
  <c r="B2703" i="2"/>
  <c r="N2704" i="2"/>
  <c r="W2672" i="6" l="1"/>
  <c r="B2704" i="2"/>
  <c r="N2705" i="2"/>
  <c r="W2673" i="6" l="1"/>
  <c r="B2705" i="2"/>
  <c r="N2706" i="2"/>
  <c r="W2674" i="6" l="1"/>
  <c r="B2706" i="2"/>
  <c r="N2707" i="2"/>
  <c r="W2675" i="6" l="1"/>
  <c r="B2707" i="2"/>
  <c r="N2708" i="2"/>
  <c r="W2676" i="6" l="1"/>
  <c r="B2708" i="2"/>
  <c r="N2709" i="2"/>
  <c r="W2677" i="6" l="1"/>
  <c r="B2709" i="2"/>
  <c r="N2710" i="2"/>
  <c r="W2678" i="6" l="1"/>
  <c r="B2710" i="2"/>
  <c r="N2711" i="2"/>
  <c r="W2679" i="6" l="1"/>
  <c r="B2711" i="2"/>
  <c r="N2712" i="2"/>
  <c r="W2680" i="6" l="1"/>
  <c r="B2712" i="2"/>
  <c r="N2713" i="2"/>
  <c r="W2681" i="6" l="1"/>
  <c r="B2713" i="2"/>
  <c r="N2714" i="2"/>
  <c r="W2682" i="6" l="1"/>
  <c r="B2714" i="2"/>
  <c r="N2715" i="2"/>
  <c r="W2683" i="6" l="1"/>
  <c r="B2715" i="2"/>
  <c r="N2716" i="2"/>
  <c r="W2684" i="6" l="1"/>
  <c r="B2716" i="2"/>
  <c r="N2717" i="2"/>
  <c r="W2685" i="6" l="1"/>
  <c r="B2717" i="2"/>
  <c r="N2718" i="2"/>
  <c r="W2686" i="6" l="1"/>
  <c r="B2718" i="2"/>
  <c r="N2719" i="2"/>
  <c r="W2687" i="6" l="1"/>
  <c r="B2719" i="2"/>
  <c r="N2720" i="2"/>
  <c r="W2688" i="6" l="1"/>
  <c r="B2720" i="2"/>
  <c r="N2721" i="2"/>
  <c r="W2689" i="6" l="1"/>
  <c r="B2721" i="2"/>
  <c r="N2722" i="2"/>
  <c r="W2690" i="6" l="1"/>
  <c r="B2722" i="2"/>
  <c r="N2723" i="2"/>
  <c r="W2691" i="6" l="1"/>
  <c r="B2723" i="2"/>
  <c r="N2724" i="2"/>
  <c r="W2692" i="6" l="1"/>
  <c r="B2724" i="2"/>
  <c r="N2725" i="2"/>
  <c r="W2693" i="6" l="1"/>
  <c r="B2725" i="2"/>
  <c r="N2726" i="2"/>
  <c r="W2694" i="6" l="1"/>
  <c r="B2726" i="2"/>
  <c r="N2727" i="2"/>
  <c r="W2695" i="6" l="1"/>
  <c r="B2727" i="2"/>
  <c r="N2728" i="2"/>
  <c r="W2696" i="6" l="1"/>
  <c r="B2728" i="2"/>
  <c r="N2729" i="2"/>
  <c r="W2697" i="6" l="1"/>
  <c r="B2729" i="2"/>
  <c r="N2730" i="2"/>
  <c r="W2698" i="6" l="1"/>
  <c r="B2730" i="2"/>
  <c r="N2731" i="2"/>
  <c r="W2699" i="6" l="1"/>
  <c r="B2731" i="2"/>
  <c r="N2732" i="2"/>
  <c r="W2700" i="6" l="1"/>
  <c r="B2732" i="2"/>
  <c r="N2733" i="2"/>
  <c r="W2701" i="6" l="1"/>
  <c r="B2733" i="2"/>
  <c r="N2734" i="2"/>
  <c r="W2702" i="6" l="1"/>
  <c r="B2734" i="2"/>
  <c r="N2735" i="2"/>
  <c r="W2703" i="6" l="1"/>
  <c r="B2735" i="2"/>
  <c r="N2736" i="2"/>
  <c r="W2704" i="6" l="1"/>
  <c r="B2736" i="2"/>
  <c r="N2737" i="2"/>
  <c r="W2705" i="6" l="1"/>
  <c r="B2737" i="2"/>
  <c r="N2738" i="2"/>
  <c r="W2706" i="6" l="1"/>
  <c r="B2738" i="2"/>
  <c r="N2739" i="2"/>
  <c r="W2707" i="6" l="1"/>
  <c r="B2739" i="2"/>
  <c r="N2740" i="2"/>
  <c r="W2708" i="6" l="1"/>
  <c r="B2740" i="2"/>
  <c r="N2741" i="2"/>
  <c r="W2709" i="6" l="1"/>
  <c r="B2741" i="2"/>
  <c r="N2742" i="2"/>
  <c r="W2710" i="6" l="1"/>
  <c r="B2742" i="2"/>
  <c r="N2743" i="2"/>
  <c r="W2711" i="6" l="1"/>
  <c r="B2743" i="2"/>
  <c r="N2744" i="2"/>
  <c r="W2712" i="6" l="1"/>
  <c r="B2744" i="2"/>
  <c r="N2745" i="2"/>
  <c r="W2713" i="6" l="1"/>
  <c r="B2745" i="2"/>
  <c r="N2746" i="2"/>
  <c r="W2714" i="6" l="1"/>
  <c r="B2746" i="2"/>
  <c r="N2747" i="2"/>
  <c r="W2715" i="6" l="1"/>
  <c r="B2747" i="2"/>
  <c r="N2748" i="2"/>
  <c r="W2716" i="6" l="1"/>
  <c r="B2748" i="2"/>
  <c r="N2749" i="2"/>
  <c r="W2717" i="6" l="1"/>
  <c r="B2749" i="2"/>
  <c r="N2750" i="2"/>
  <c r="W2718" i="6" l="1"/>
  <c r="B2750" i="2"/>
  <c r="N2751" i="2"/>
  <c r="W2719" i="6" l="1"/>
  <c r="B2751" i="2"/>
  <c r="N2752" i="2"/>
  <c r="W2720" i="6" l="1"/>
  <c r="B2752" i="2"/>
  <c r="N2753" i="2"/>
  <c r="W2721" i="6" l="1"/>
  <c r="B2753" i="2"/>
  <c r="N2754" i="2"/>
  <c r="W2722" i="6" l="1"/>
  <c r="B2754" i="2"/>
  <c r="N2755" i="2"/>
  <c r="W2723" i="6" l="1"/>
  <c r="B2755" i="2"/>
  <c r="N2756" i="2"/>
  <c r="W2724" i="6" l="1"/>
  <c r="B2756" i="2"/>
  <c r="N2757" i="2"/>
  <c r="W2725" i="6" l="1"/>
  <c r="B2757" i="2"/>
  <c r="N2758" i="2"/>
  <c r="W2726" i="6" l="1"/>
  <c r="B2758" i="2"/>
  <c r="N2759" i="2"/>
  <c r="W2727" i="6" l="1"/>
  <c r="B2759" i="2"/>
  <c r="N2760" i="2"/>
  <c r="W2728" i="6" l="1"/>
  <c r="B2760" i="2"/>
  <c r="N2761" i="2"/>
  <c r="W2729" i="6" l="1"/>
  <c r="B2761" i="2"/>
  <c r="N2762" i="2"/>
  <c r="W2730" i="6" l="1"/>
  <c r="B2762" i="2"/>
  <c r="N2763" i="2"/>
  <c r="W2731" i="6" l="1"/>
  <c r="B2763" i="2"/>
  <c r="N2764" i="2"/>
  <c r="W2732" i="6" l="1"/>
  <c r="B2764" i="2"/>
  <c r="N2765" i="2"/>
  <c r="W2733" i="6" l="1"/>
  <c r="B2765" i="2"/>
  <c r="N2766" i="2"/>
  <c r="W2734" i="6" l="1"/>
  <c r="B2766" i="2"/>
  <c r="N2767" i="2"/>
  <c r="W2735" i="6" l="1"/>
  <c r="B2767" i="2"/>
  <c r="N2768" i="2"/>
  <c r="W2736" i="6" l="1"/>
  <c r="B2768" i="2"/>
  <c r="N2769" i="2"/>
  <c r="W2737" i="6" l="1"/>
  <c r="B2769" i="2"/>
  <c r="N2770" i="2"/>
  <c r="W2738" i="6" l="1"/>
  <c r="B2770" i="2"/>
  <c r="N2771" i="2"/>
  <c r="W2739" i="6" l="1"/>
  <c r="B2771" i="2"/>
  <c r="N2772" i="2"/>
  <c r="W2740" i="6" l="1"/>
  <c r="B2772" i="2"/>
  <c r="N2773" i="2"/>
  <c r="W2741" i="6" l="1"/>
  <c r="B2773" i="2"/>
  <c r="N2774" i="2"/>
  <c r="W2742" i="6" l="1"/>
  <c r="B2774" i="2"/>
  <c r="N2775" i="2"/>
  <c r="W2743" i="6" l="1"/>
  <c r="B2775" i="2"/>
  <c r="N2776" i="2"/>
  <c r="W2744" i="6" l="1"/>
  <c r="B2776" i="2"/>
  <c r="N2777" i="2"/>
  <c r="W2745" i="6" l="1"/>
  <c r="B2777" i="2"/>
  <c r="N2778" i="2"/>
  <c r="W2746" i="6" l="1"/>
  <c r="B2778" i="2"/>
  <c r="N2779" i="2"/>
  <c r="W2747" i="6" l="1"/>
  <c r="B2779" i="2"/>
  <c r="N2780" i="2"/>
  <c r="W2748" i="6" l="1"/>
  <c r="B2780" i="2"/>
  <c r="N2781" i="2"/>
  <c r="W2749" i="6" l="1"/>
  <c r="B2781" i="2"/>
  <c r="N2782" i="2"/>
  <c r="W2750" i="6" l="1"/>
  <c r="B2782" i="2"/>
  <c r="N2783" i="2"/>
  <c r="W2751" i="6" l="1"/>
  <c r="B2783" i="2"/>
  <c r="N2784" i="2"/>
  <c r="W2752" i="6" l="1"/>
  <c r="B2784" i="2"/>
  <c r="N2785" i="2"/>
  <c r="W2753" i="6" l="1"/>
  <c r="B2785" i="2"/>
  <c r="N2786" i="2"/>
  <c r="W2754" i="6" l="1"/>
  <c r="B2786" i="2"/>
  <c r="N2787" i="2"/>
  <c r="W2755" i="6" l="1"/>
  <c r="B2787" i="2"/>
  <c r="N2788" i="2"/>
  <c r="W2756" i="6" l="1"/>
  <c r="B2788" i="2"/>
  <c r="N2789" i="2"/>
  <c r="W2757" i="6" l="1"/>
  <c r="B2789" i="2"/>
  <c r="N2790" i="2"/>
  <c r="W2758" i="6" l="1"/>
  <c r="B2790" i="2"/>
  <c r="N2791" i="2"/>
  <c r="W2759" i="6" l="1"/>
  <c r="B2791" i="2"/>
  <c r="N2792" i="2"/>
  <c r="W2760" i="6" l="1"/>
  <c r="B2792" i="2"/>
  <c r="N2793" i="2"/>
  <c r="W2761" i="6" l="1"/>
  <c r="B2793" i="2"/>
  <c r="N2794" i="2"/>
  <c r="W2762" i="6" l="1"/>
  <c r="B2794" i="2"/>
  <c r="N2795" i="2"/>
  <c r="W2763" i="6" l="1"/>
  <c r="B2795" i="2"/>
  <c r="N2796" i="2"/>
  <c r="W2764" i="6" l="1"/>
  <c r="B2796" i="2"/>
  <c r="N2797" i="2"/>
  <c r="W2765" i="6" l="1"/>
  <c r="B2797" i="2"/>
  <c r="N2798" i="2"/>
  <c r="W2766" i="6" l="1"/>
  <c r="B2798" i="2"/>
  <c r="N2799" i="2"/>
  <c r="W2767" i="6" l="1"/>
  <c r="B2799" i="2"/>
  <c r="N2800" i="2"/>
  <c r="W2768" i="6" l="1"/>
  <c r="B2800" i="2"/>
  <c r="N2801" i="2"/>
  <c r="W2769" i="6" l="1"/>
  <c r="B2801" i="2"/>
  <c r="N2802" i="2"/>
  <c r="W2770" i="6" l="1"/>
  <c r="B2802" i="2"/>
  <c r="N2803" i="2"/>
  <c r="W2771" i="6" l="1"/>
  <c r="B2803" i="2"/>
  <c r="N2804" i="2"/>
  <c r="W2772" i="6" l="1"/>
  <c r="B2804" i="2"/>
  <c r="N2805" i="2"/>
  <c r="W2773" i="6" l="1"/>
  <c r="B2805" i="2"/>
  <c r="N2806" i="2"/>
  <c r="W2774" i="6" l="1"/>
  <c r="B2806" i="2"/>
  <c r="N2807" i="2"/>
  <c r="W2775" i="6" l="1"/>
  <c r="B2807" i="2"/>
  <c r="N2808" i="2"/>
  <c r="W2776" i="6" l="1"/>
  <c r="B2808" i="2"/>
  <c r="N2809" i="2"/>
  <c r="W2777" i="6" l="1"/>
  <c r="B2809" i="2"/>
  <c r="N2810" i="2"/>
  <c r="W2778" i="6" l="1"/>
  <c r="B2810" i="2"/>
  <c r="N2811" i="2"/>
  <c r="W2779" i="6" l="1"/>
  <c r="B2811" i="2"/>
  <c r="N2812" i="2"/>
  <c r="W2780" i="6" l="1"/>
  <c r="B2812" i="2"/>
  <c r="N2813" i="2"/>
  <c r="W2781" i="6" l="1"/>
  <c r="B2813" i="2"/>
  <c r="N2814" i="2"/>
  <c r="W2782" i="6" l="1"/>
  <c r="B2814" i="2"/>
  <c r="N2815" i="2"/>
  <c r="W2783" i="6" l="1"/>
  <c r="B2815" i="2"/>
  <c r="N2816" i="2"/>
  <c r="W2784" i="6" l="1"/>
  <c r="B2816" i="2"/>
  <c r="N2817" i="2"/>
  <c r="W2785" i="6" l="1"/>
  <c r="B2817" i="2"/>
  <c r="N2818" i="2"/>
  <c r="W2786" i="6" l="1"/>
  <c r="B2818" i="2"/>
  <c r="N2819" i="2"/>
  <c r="W2787" i="6" l="1"/>
  <c r="B2819" i="2"/>
  <c r="N2820" i="2"/>
  <c r="W2788" i="6" l="1"/>
  <c r="B2820" i="2"/>
  <c r="N2821" i="2"/>
  <c r="W2789" i="6" l="1"/>
  <c r="B2821" i="2"/>
  <c r="N2822" i="2"/>
  <c r="W2790" i="6" l="1"/>
  <c r="B2822" i="2"/>
  <c r="N2823" i="2"/>
  <c r="W2791" i="6" l="1"/>
  <c r="B2823" i="2"/>
  <c r="N2824" i="2"/>
  <c r="W2792" i="6" l="1"/>
  <c r="B2824" i="2"/>
  <c r="N2825" i="2"/>
  <c r="W2793" i="6" l="1"/>
  <c r="B2825" i="2"/>
  <c r="N2826" i="2"/>
  <c r="W2794" i="6" l="1"/>
  <c r="B2826" i="2"/>
  <c r="N2827" i="2"/>
  <c r="W2795" i="6" l="1"/>
  <c r="B2827" i="2"/>
  <c r="N2828" i="2"/>
  <c r="W2796" i="6" l="1"/>
  <c r="B2828" i="2"/>
  <c r="N2829" i="2"/>
  <c r="W2797" i="6" l="1"/>
  <c r="B2829" i="2"/>
  <c r="N2830" i="2"/>
  <c r="W2798" i="6" l="1"/>
  <c r="B2830" i="2"/>
  <c r="N2831" i="2"/>
  <c r="W2799" i="6" l="1"/>
  <c r="B2831" i="2"/>
  <c r="N2832" i="2"/>
  <c r="W2800" i="6" l="1"/>
  <c r="B2832" i="2"/>
  <c r="N2833" i="2"/>
  <c r="W2801" i="6" l="1"/>
  <c r="B2833" i="2"/>
  <c r="N2834" i="2"/>
  <c r="W2802" i="6" l="1"/>
  <c r="B2834" i="2"/>
  <c r="N2835" i="2"/>
  <c r="W2803" i="6" l="1"/>
  <c r="B2835" i="2"/>
  <c r="N2836" i="2"/>
  <c r="W2804" i="6" l="1"/>
  <c r="B2836" i="2"/>
  <c r="N2837" i="2"/>
  <c r="W2805" i="6" l="1"/>
  <c r="B2837" i="2"/>
  <c r="N2838" i="2"/>
  <c r="W2806" i="6" l="1"/>
  <c r="B2838" i="2"/>
  <c r="N2839" i="2"/>
  <c r="W2807" i="6" l="1"/>
  <c r="B2839" i="2"/>
  <c r="N2840" i="2"/>
  <c r="W2808" i="6" l="1"/>
  <c r="B2840" i="2"/>
  <c r="N2841" i="2"/>
  <c r="W2809" i="6" l="1"/>
  <c r="B2841" i="2"/>
  <c r="N2842" i="2"/>
  <c r="W2810" i="6" l="1"/>
  <c r="B2842" i="2"/>
  <c r="N2843" i="2"/>
  <c r="W2811" i="6" l="1"/>
  <c r="B2843" i="2"/>
  <c r="N2844" i="2"/>
  <c r="W2812" i="6" l="1"/>
  <c r="B2844" i="2"/>
  <c r="N2845" i="2"/>
  <c r="W2813" i="6" l="1"/>
  <c r="B2845" i="2"/>
  <c r="N2846" i="2"/>
  <c r="W2814" i="6" l="1"/>
  <c r="B2846" i="2"/>
  <c r="N2847" i="2"/>
  <c r="W2815" i="6" l="1"/>
  <c r="B2847" i="2"/>
  <c r="N2848" i="2"/>
  <c r="W2816" i="6" l="1"/>
  <c r="B2848" i="2"/>
  <c r="N2849" i="2"/>
  <c r="W2817" i="6" l="1"/>
  <c r="B2849" i="2"/>
  <c r="N2850" i="2"/>
  <c r="W2818" i="6" l="1"/>
  <c r="B2850" i="2"/>
  <c r="N2851" i="2"/>
  <c r="W2819" i="6" l="1"/>
  <c r="B2851" i="2"/>
  <c r="N2852" i="2"/>
  <c r="W2820" i="6" l="1"/>
  <c r="B2852" i="2"/>
  <c r="N2853" i="2"/>
  <c r="W2821" i="6" l="1"/>
  <c r="B2853" i="2"/>
  <c r="N2854" i="2"/>
  <c r="W2822" i="6" l="1"/>
  <c r="B2854" i="2"/>
  <c r="N2855" i="2"/>
  <c r="W2823" i="6" l="1"/>
  <c r="B2855" i="2"/>
  <c r="N2856" i="2"/>
  <c r="W2824" i="6" l="1"/>
  <c r="B2856" i="2"/>
  <c r="N2857" i="2"/>
  <c r="W2825" i="6" l="1"/>
  <c r="B2857" i="2"/>
  <c r="N2858" i="2"/>
  <c r="W2826" i="6" l="1"/>
  <c r="B2858" i="2"/>
  <c r="N2859" i="2"/>
  <c r="W2827" i="6" l="1"/>
  <c r="B2859" i="2"/>
  <c r="N2860" i="2"/>
  <c r="W2828" i="6" l="1"/>
  <c r="B2860" i="2"/>
  <c r="N2861" i="2"/>
  <c r="W2829" i="6" l="1"/>
  <c r="B2861" i="2"/>
  <c r="N2862" i="2"/>
  <c r="W2830" i="6" l="1"/>
  <c r="B2862" i="2"/>
  <c r="N2863" i="2"/>
  <c r="W2831" i="6" l="1"/>
  <c r="B2863" i="2"/>
  <c r="N2864" i="2"/>
  <c r="W2832" i="6" l="1"/>
  <c r="B2864" i="2"/>
  <c r="N2865" i="2"/>
  <c r="W2833" i="6" l="1"/>
  <c r="B2865" i="2"/>
  <c r="N2866" i="2"/>
  <c r="W2834" i="6" l="1"/>
  <c r="B2866" i="2"/>
  <c r="N2867" i="2"/>
  <c r="W2835" i="6" l="1"/>
  <c r="B2867" i="2"/>
  <c r="N2868" i="2"/>
  <c r="W2836" i="6" l="1"/>
  <c r="B2868" i="2"/>
  <c r="N2869" i="2"/>
  <c r="W2837" i="6" l="1"/>
  <c r="B2869" i="2"/>
  <c r="N2870" i="2"/>
  <c r="W2838" i="6" l="1"/>
  <c r="B2870" i="2"/>
  <c r="N2871" i="2"/>
  <c r="W2839" i="6" l="1"/>
  <c r="B2871" i="2"/>
  <c r="N2872" i="2"/>
  <c r="W2840" i="6" l="1"/>
  <c r="B2872" i="2"/>
  <c r="N2873" i="2"/>
  <c r="W2841" i="6" l="1"/>
  <c r="B2873" i="2"/>
  <c r="N2874" i="2"/>
  <c r="W2842" i="6" l="1"/>
  <c r="B2874" i="2"/>
  <c r="N2875" i="2"/>
  <c r="W2843" i="6" l="1"/>
  <c r="B2875" i="2"/>
  <c r="N2876" i="2"/>
  <c r="W2844" i="6" l="1"/>
  <c r="B2876" i="2"/>
  <c r="N2877" i="2"/>
  <c r="W2845" i="6" l="1"/>
  <c r="B2877" i="2"/>
  <c r="N2878" i="2"/>
  <c r="W2846" i="6" l="1"/>
  <c r="B2878" i="2"/>
  <c r="N2879" i="2"/>
  <c r="W2847" i="6" l="1"/>
  <c r="B2879" i="2"/>
  <c r="N2880" i="2"/>
  <c r="W2848" i="6" l="1"/>
  <c r="B2880" i="2"/>
  <c r="N2881" i="2"/>
  <c r="W2849" i="6" l="1"/>
  <c r="B2881" i="2"/>
  <c r="N2882" i="2"/>
  <c r="W2850" i="6" l="1"/>
  <c r="B2882" i="2"/>
  <c r="N2883" i="2"/>
  <c r="W2851" i="6" l="1"/>
  <c r="B2883" i="2"/>
  <c r="N2884" i="2"/>
  <c r="W2852" i="6" l="1"/>
  <c r="B2884" i="2"/>
  <c r="N2885" i="2"/>
  <c r="W2853" i="6" l="1"/>
  <c r="B2885" i="2"/>
  <c r="N2886" i="2"/>
  <c r="W2854" i="6" l="1"/>
  <c r="B2886" i="2"/>
  <c r="N2887" i="2"/>
  <c r="W2855" i="6" l="1"/>
  <c r="B2887" i="2"/>
  <c r="N2888" i="2"/>
  <c r="W2856" i="6" l="1"/>
  <c r="B2888" i="2"/>
  <c r="N2889" i="2"/>
  <c r="W2857" i="6" l="1"/>
  <c r="B2889" i="2"/>
  <c r="N2890" i="2"/>
  <c r="W2858" i="6" l="1"/>
  <c r="B2890" i="2"/>
  <c r="N2891" i="2"/>
  <c r="W2859" i="6" l="1"/>
  <c r="B2891" i="2"/>
  <c r="N2892" i="2"/>
  <c r="W2860" i="6" l="1"/>
  <c r="B2892" i="2"/>
  <c r="N2893" i="2"/>
  <c r="W2861" i="6" l="1"/>
  <c r="B2893" i="2"/>
  <c r="N2894" i="2"/>
  <c r="W2862" i="6" l="1"/>
  <c r="B2894" i="2"/>
  <c r="N2895" i="2"/>
  <c r="W2863" i="6" l="1"/>
  <c r="B2895" i="2"/>
  <c r="N2896" i="2"/>
  <c r="W2864" i="6" l="1"/>
  <c r="B2896" i="2"/>
  <c r="N2897" i="2"/>
  <c r="W2865" i="6" l="1"/>
  <c r="B2897" i="2"/>
  <c r="N2898" i="2"/>
  <c r="W2866" i="6" l="1"/>
  <c r="B2898" i="2"/>
  <c r="N2899" i="2"/>
  <c r="W2867" i="6" l="1"/>
  <c r="B2899" i="2"/>
  <c r="N2900" i="2"/>
  <c r="W2868" i="6" l="1"/>
  <c r="B2900" i="2"/>
  <c r="N2901" i="2"/>
  <c r="W2869" i="6" l="1"/>
  <c r="B2901" i="2"/>
  <c r="N2902" i="2"/>
  <c r="W2870" i="6" l="1"/>
  <c r="B2902" i="2"/>
  <c r="N2903" i="2"/>
  <c r="W2871" i="6" l="1"/>
  <c r="B2903" i="2"/>
  <c r="N2904" i="2"/>
  <c r="W2872" i="6" l="1"/>
  <c r="B2904" i="2"/>
  <c r="N2905" i="2"/>
  <c r="W2873" i="6" l="1"/>
  <c r="B2905" i="2"/>
  <c r="N2906" i="2"/>
  <c r="W2874" i="6" l="1"/>
  <c r="B2906" i="2"/>
  <c r="N2907" i="2"/>
  <c r="W2875" i="6" l="1"/>
  <c r="B2907" i="2"/>
  <c r="N2908" i="2"/>
  <c r="W2876" i="6" l="1"/>
  <c r="B2908" i="2"/>
  <c r="N2909" i="2"/>
  <c r="W2877" i="6" l="1"/>
  <c r="B2909" i="2"/>
  <c r="N2910" i="2"/>
  <c r="W2878" i="6" l="1"/>
  <c r="B2910" i="2"/>
  <c r="N2911" i="2"/>
  <c r="W2879" i="6" l="1"/>
  <c r="B2911" i="2"/>
  <c r="N2912" i="2"/>
  <c r="W2880" i="6" l="1"/>
  <c r="B2912" i="2"/>
  <c r="N2913" i="2"/>
  <c r="W2881" i="6" l="1"/>
  <c r="B2913" i="2"/>
  <c r="N2914" i="2"/>
  <c r="W2882" i="6" l="1"/>
  <c r="B2914" i="2"/>
  <c r="N2915" i="2"/>
  <c r="W2883" i="6" l="1"/>
  <c r="B2915" i="2"/>
  <c r="N2916" i="2"/>
  <c r="W2884" i="6" l="1"/>
  <c r="B2916" i="2"/>
  <c r="N2917" i="2"/>
  <c r="W2885" i="6" l="1"/>
  <c r="B2917" i="2"/>
  <c r="N2918" i="2"/>
  <c r="W2886" i="6" l="1"/>
  <c r="B2918" i="2"/>
  <c r="N2919" i="2"/>
  <c r="W2887" i="6" l="1"/>
  <c r="B2919" i="2"/>
  <c r="N2920" i="2"/>
  <c r="W2888" i="6" l="1"/>
  <c r="B2920" i="2"/>
  <c r="N2921" i="2"/>
  <c r="W2889" i="6" l="1"/>
  <c r="B2921" i="2"/>
  <c r="N2922" i="2"/>
  <c r="W2890" i="6" l="1"/>
  <c r="B2922" i="2"/>
  <c r="N2923" i="2"/>
  <c r="W2891" i="6" l="1"/>
  <c r="B2923" i="2"/>
  <c r="N2924" i="2"/>
  <c r="W2892" i="6" l="1"/>
  <c r="B2924" i="2"/>
  <c r="N2925" i="2"/>
  <c r="W2893" i="6" l="1"/>
  <c r="B2925" i="2"/>
  <c r="N2926" i="2"/>
  <c r="W2894" i="6" l="1"/>
  <c r="B2926" i="2"/>
  <c r="N2927" i="2"/>
  <c r="W2895" i="6" l="1"/>
  <c r="B2927" i="2"/>
  <c r="N2928" i="2"/>
  <c r="W2896" i="6" l="1"/>
  <c r="B2928" i="2"/>
  <c r="N2929" i="2"/>
  <c r="W2897" i="6" l="1"/>
  <c r="B2929" i="2"/>
  <c r="N2930" i="2"/>
  <c r="W2898" i="6" l="1"/>
  <c r="B2930" i="2"/>
  <c r="N2931" i="2"/>
  <c r="W2899" i="6" l="1"/>
  <c r="B2931" i="2"/>
  <c r="N2932" i="2"/>
  <c r="W2900" i="6" l="1"/>
  <c r="B2932" i="2"/>
  <c r="N2933" i="2"/>
  <c r="W2901" i="6" l="1"/>
  <c r="B2933" i="2"/>
  <c r="N2934" i="2"/>
  <c r="W2902" i="6" l="1"/>
  <c r="B2934" i="2"/>
  <c r="N2935" i="2"/>
  <c r="W2903" i="6" l="1"/>
  <c r="B2935" i="2"/>
  <c r="N2936" i="2"/>
  <c r="W2904" i="6" l="1"/>
  <c r="B2936" i="2"/>
  <c r="N2937" i="2"/>
  <c r="W2905" i="6" l="1"/>
  <c r="B2937" i="2"/>
  <c r="N2938" i="2"/>
  <c r="W2906" i="6" l="1"/>
  <c r="B2938" i="2"/>
  <c r="N2939" i="2"/>
  <c r="W2907" i="6" l="1"/>
  <c r="B2939" i="2"/>
  <c r="N2940" i="2"/>
  <c r="W2908" i="6" l="1"/>
  <c r="B2940" i="2"/>
  <c r="N2941" i="2"/>
  <c r="W2909" i="6" l="1"/>
  <c r="B2941" i="2"/>
  <c r="N2942" i="2"/>
  <c r="W2910" i="6" l="1"/>
  <c r="B2942" i="2"/>
  <c r="N2943" i="2"/>
  <c r="W2911" i="6" l="1"/>
  <c r="B2943" i="2"/>
  <c r="N2944" i="2"/>
  <c r="W2912" i="6" l="1"/>
  <c r="B2944" i="2"/>
  <c r="N2945" i="2"/>
  <c r="W2913" i="6" l="1"/>
  <c r="B2945" i="2"/>
  <c r="N2946" i="2"/>
  <c r="W2914" i="6" l="1"/>
  <c r="B2946" i="2"/>
  <c r="N2947" i="2"/>
  <c r="W2915" i="6" l="1"/>
  <c r="B2947" i="2"/>
  <c r="N2948" i="2"/>
  <c r="W2916" i="6" l="1"/>
  <c r="B2948" i="2"/>
  <c r="N2949" i="2"/>
  <c r="W2917" i="6" l="1"/>
  <c r="B2949" i="2"/>
  <c r="N2950" i="2"/>
  <c r="W2918" i="6" l="1"/>
  <c r="B2950" i="2"/>
  <c r="N2951" i="2"/>
  <c r="W2919" i="6" l="1"/>
  <c r="B2951" i="2"/>
  <c r="N2952" i="2"/>
  <c r="W2920" i="6" l="1"/>
  <c r="B2952" i="2"/>
  <c r="N2953" i="2"/>
  <c r="W2921" i="6" l="1"/>
  <c r="B2953" i="2"/>
  <c r="N2954" i="2"/>
  <c r="W2922" i="6" l="1"/>
  <c r="B2954" i="2"/>
  <c r="N2955" i="2"/>
  <c r="W2923" i="6" l="1"/>
  <c r="B2955" i="2"/>
  <c r="N2956" i="2"/>
  <c r="W2924" i="6" l="1"/>
  <c r="B2956" i="2"/>
  <c r="N2957" i="2"/>
  <c r="W2925" i="6" l="1"/>
  <c r="B2957" i="2"/>
  <c r="N2958" i="2"/>
  <c r="W2926" i="6" l="1"/>
  <c r="B2958" i="2"/>
  <c r="N2959" i="2"/>
  <c r="W2927" i="6" l="1"/>
  <c r="B2959" i="2"/>
  <c r="N2960" i="2"/>
  <c r="W2928" i="6" l="1"/>
  <c r="B2960" i="2"/>
  <c r="N2961" i="2"/>
  <c r="W2929" i="6" l="1"/>
  <c r="B2961" i="2"/>
  <c r="N2962" i="2"/>
  <c r="W2930" i="6" l="1"/>
  <c r="B2962" i="2"/>
  <c r="N2963" i="2"/>
  <c r="W2931" i="6" l="1"/>
  <c r="B2963" i="2"/>
  <c r="N2964" i="2"/>
  <c r="W2932" i="6" l="1"/>
  <c r="B2964" i="2"/>
  <c r="N2965" i="2"/>
  <c r="W2933" i="6" l="1"/>
  <c r="B2965" i="2"/>
  <c r="N2966" i="2"/>
  <c r="W2934" i="6" l="1"/>
  <c r="B2966" i="2"/>
  <c r="N2967" i="2"/>
  <c r="W2935" i="6" l="1"/>
  <c r="B2967" i="2"/>
  <c r="N2968" i="2"/>
  <c r="W2936" i="6" l="1"/>
  <c r="B2968" i="2"/>
  <c r="N2969" i="2"/>
  <c r="W2937" i="6" l="1"/>
  <c r="B2969" i="2"/>
  <c r="N2970" i="2"/>
  <c r="W2938" i="6" l="1"/>
  <c r="B2970" i="2"/>
  <c r="N2971" i="2"/>
  <c r="W2939" i="6" l="1"/>
  <c r="B2971" i="2"/>
  <c r="N2972" i="2"/>
  <c r="W2940" i="6" l="1"/>
  <c r="B2972" i="2"/>
  <c r="N2973" i="2"/>
  <c r="W2941" i="6" l="1"/>
  <c r="B2973" i="2"/>
  <c r="N2974" i="2"/>
  <c r="W2942" i="6" l="1"/>
  <c r="B2974" i="2"/>
  <c r="N2975" i="2"/>
  <c r="W2943" i="6" l="1"/>
  <c r="B2975" i="2"/>
  <c r="N2976" i="2"/>
  <c r="W2944" i="6" l="1"/>
  <c r="B2976" i="2"/>
  <c r="N2977" i="2"/>
  <c r="W2945" i="6" l="1"/>
  <c r="B2977" i="2"/>
  <c r="N2978" i="2"/>
  <c r="W2946" i="6" l="1"/>
  <c r="B2978" i="2"/>
  <c r="N2979" i="2"/>
  <c r="W2947" i="6" l="1"/>
  <c r="B2979" i="2"/>
  <c r="N2980" i="2"/>
  <c r="W2948" i="6" l="1"/>
  <c r="B2980" i="2"/>
  <c r="N2981" i="2"/>
  <c r="W2949" i="6" l="1"/>
  <c r="B2981" i="2"/>
  <c r="N2982" i="2"/>
  <c r="W2950" i="6" l="1"/>
  <c r="B2982" i="2"/>
  <c r="N2983" i="2"/>
  <c r="W2951" i="6" l="1"/>
  <c r="B2983" i="2"/>
  <c r="N2984" i="2"/>
  <c r="W2952" i="6" l="1"/>
  <c r="B2984" i="2"/>
  <c r="N2985" i="2"/>
  <c r="W2953" i="6" l="1"/>
  <c r="B2985" i="2"/>
  <c r="N2986" i="2"/>
  <c r="W2954" i="6" l="1"/>
  <c r="B2986" i="2"/>
  <c r="N2987" i="2"/>
  <c r="W2955" i="6" l="1"/>
  <c r="B2987" i="2"/>
  <c r="N2988" i="2"/>
  <c r="W2956" i="6" l="1"/>
  <c r="B2988" i="2"/>
  <c r="N2989" i="2"/>
  <c r="W2957" i="6" l="1"/>
  <c r="B2989" i="2"/>
  <c r="N2990" i="2"/>
  <c r="W2958" i="6" l="1"/>
  <c r="B2990" i="2"/>
  <c r="N2991" i="2"/>
  <c r="W2959" i="6" l="1"/>
  <c r="B2991" i="2"/>
  <c r="N2992" i="2"/>
  <c r="W2960" i="6" l="1"/>
  <c r="B2992" i="2"/>
  <c r="N2993" i="2"/>
  <c r="W2961" i="6" l="1"/>
  <c r="B2993" i="2"/>
  <c r="N2994" i="2"/>
  <c r="W2962" i="6" l="1"/>
  <c r="B2994" i="2"/>
  <c r="N2995" i="2"/>
  <c r="W2963" i="6" l="1"/>
  <c r="B2995" i="2"/>
  <c r="N2996" i="2"/>
  <c r="W2964" i="6" l="1"/>
  <c r="B2996" i="2"/>
  <c r="N2997" i="2"/>
  <c r="W2965" i="6" l="1"/>
  <c r="B2997" i="2"/>
  <c r="N2998" i="2"/>
  <c r="W2966" i="6" l="1"/>
  <c r="B2998" i="2"/>
  <c r="N2999" i="2"/>
  <c r="W2967" i="6" l="1"/>
  <c r="B2999" i="2"/>
  <c r="N3000" i="2"/>
  <c r="W2968" i="6" l="1"/>
  <c r="B3000" i="2"/>
  <c r="N3001" i="2"/>
  <c r="W2969" i="6" l="1"/>
  <c r="B3001" i="2"/>
  <c r="N3002" i="2"/>
  <c r="W2970" i="6" l="1"/>
  <c r="B3002" i="2"/>
  <c r="N3003" i="2"/>
  <c r="W2971" i="6" l="1"/>
  <c r="B3003" i="2"/>
  <c r="N3004" i="2"/>
  <c r="W2972" i="6" l="1"/>
  <c r="B3004" i="2"/>
  <c r="N3005" i="2"/>
  <c r="W2973" i="6" l="1"/>
  <c r="B3005" i="2"/>
  <c r="N3006" i="2"/>
  <c r="W2974" i="6" l="1"/>
  <c r="B3006" i="2"/>
  <c r="N3007" i="2"/>
  <c r="W2975" i="6" l="1"/>
  <c r="B3007" i="2"/>
  <c r="N3008" i="2"/>
  <c r="W2976" i="6" l="1"/>
  <c r="B3008" i="2"/>
  <c r="N3009" i="2"/>
  <c r="W2977" i="6" l="1"/>
  <c r="B3009" i="2"/>
  <c r="N3010" i="2"/>
  <c r="W2978" i="6" l="1"/>
  <c r="B3010" i="2"/>
  <c r="N3011" i="2"/>
  <c r="W2979" i="6" l="1"/>
  <c r="B3011" i="2"/>
  <c r="N3012" i="2"/>
  <c r="W2980" i="6" l="1"/>
  <c r="B3012" i="2"/>
  <c r="N3013" i="2"/>
  <c r="W2981" i="6" l="1"/>
  <c r="B3013" i="2"/>
  <c r="N3014" i="2"/>
  <c r="W2982" i="6" l="1"/>
  <c r="B3014" i="2"/>
  <c r="N3015" i="2"/>
  <c r="W2983" i="6" l="1"/>
  <c r="B3015" i="2"/>
  <c r="N3016" i="2"/>
  <c r="W2984" i="6" l="1"/>
  <c r="B3016" i="2"/>
  <c r="N3017" i="2"/>
  <c r="W2985" i="6" l="1"/>
  <c r="B3017" i="2"/>
  <c r="N3018" i="2"/>
  <c r="W2986" i="6" l="1"/>
  <c r="B3018" i="2"/>
  <c r="N3019" i="2"/>
  <c r="W2987" i="6" l="1"/>
  <c r="B3019" i="2"/>
  <c r="N3020" i="2"/>
  <c r="W2988" i="6" l="1"/>
  <c r="B3020" i="2"/>
  <c r="N3021" i="2"/>
  <c r="W2989" i="6" l="1"/>
  <c r="B3021" i="2"/>
  <c r="N3022" i="2"/>
  <c r="W2990" i="6" l="1"/>
  <c r="B3022" i="2"/>
  <c r="N3023" i="2"/>
  <c r="W2991" i="6" l="1"/>
  <c r="B3023" i="2"/>
  <c r="N3024" i="2"/>
  <c r="W2992" i="6" l="1"/>
  <c r="B3024" i="2"/>
  <c r="N3025" i="2"/>
  <c r="W2993" i="6" l="1"/>
  <c r="B3025" i="2"/>
  <c r="N3026" i="2"/>
  <c r="W2994" i="6" l="1"/>
  <c r="B3026" i="2"/>
  <c r="N3027" i="2"/>
  <c r="W2995" i="6" l="1"/>
  <c r="B3027" i="2"/>
  <c r="N3028" i="2"/>
  <c r="W2996" i="6" l="1"/>
  <c r="B3028" i="2"/>
  <c r="N3029" i="2"/>
  <c r="W2997" i="6" l="1"/>
  <c r="B3029" i="2"/>
  <c r="N3030" i="2"/>
  <c r="W2998" i="6" l="1"/>
  <c r="B3030" i="2"/>
  <c r="N3031" i="2"/>
  <c r="W2999" i="6" l="1"/>
  <c r="B3031" i="2"/>
  <c r="N3032" i="2"/>
  <c r="W3000" i="6" l="1"/>
  <c r="B3032" i="2"/>
  <c r="N3033" i="2"/>
  <c r="W3001" i="6" l="1"/>
  <c r="B3033" i="2"/>
  <c r="N3034" i="2"/>
  <c r="W3002" i="6" l="1"/>
  <c r="B3034" i="2"/>
  <c r="N3035" i="2"/>
  <c r="W3003" i="6" l="1"/>
  <c r="B3035" i="2"/>
  <c r="N3036" i="2"/>
  <c r="W3004" i="6" l="1"/>
  <c r="B3036" i="2"/>
  <c r="N3037" i="2"/>
  <c r="W3005" i="6" l="1"/>
  <c r="B3037" i="2"/>
  <c r="N3038" i="2"/>
  <c r="W3006" i="6" l="1"/>
  <c r="B3038" i="2"/>
  <c r="N3039" i="2"/>
  <c r="W3007" i="6" l="1"/>
  <c r="B3039" i="2"/>
  <c r="N3040" i="2"/>
  <c r="W3008" i="6" l="1"/>
  <c r="B3040" i="2"/>
  <c r="N3041" i="2"/>
  <c r="W3009" i="6" l="1"/>
  <c r="B3041" i="2"/>
  <c r="N3042" i="2"/>
  <c r="W3010" i="6" l="1"/>
  <c r="B3042" i="2"/>
  <c r="N3043" i="2"/>
  <c r="W3011" i="6" l="1"/>
  <c r="B3043" i="2"/>
  <c r="N3044" i="2"/>
  <c r="W3012" i="6" l="1"/>
  <c r="B3044" i="2"/>
  <c r="N3045" i="2"/>
  <c r="W3013" i="6" l="1"/>
  <c r="B3045" i="2"/>
  <c r="N3046" i="2"/>
  <c r="W3014" i="6" l="1"/>
  <c r="B3046" i="2"/>
  <c r="N3047" i="2"/>
  <c r="W3015" i="6" l="1"/>
  <c r="B3047" i="2"/>
  <c r="N3048" i="2"/>
  <c r="W3016" i="6" l="1"/>
  <c r="B3048" i="2"/>
  <c r="N3049" i="2"/>
  <c r="W3017" i="6" l="1"/>
  <c r="B3049" i="2"/>
  <c r="N3050" i="2"/>
  <c r="W3018" i="6" l="1"/>
  <c r="B3050" i="2"/>
  <c r="N3051" i="2"/>
  <c r="W3019" i="6" l="1"/>
  <c r="B3051" i="2"/>
  <c r="N3052" i="2"/>
  <c r="W3020" i="6" l="1"/>
  <c r="B3052" i="2"/>
  <c r="N3053" i="2"/>
  <c r="W3021" i="6" l="1"/>
  <c r="B3053" i="2"/>
  <c r="N3054" i="2"/>
  <c r="W3022" i="6" l="1"/>
  <c r="B3054" i="2"/>
  <c r="N3055" i="2"/>
  <c r="W3023" i="6" l="1"/>
  <c r="B3055" i="2"/>
  <c r="N3056" i="2"/>
  <c r="W3024" i="6" l="1"/>
  <c r="B3056" i="2"/>
  <c r="N3057" i="2"/>
  <c r="W3025" i="6" l="1"/>
  <c r="B3057" i="2"/>
  <c r="N3058" i="2"/>
  <c r="W3026" i="6" l="1"/>
  <c r="B3058" i="2"/>
  <c r="N3059" i="2"/>
  <c r="W3027" i="6" l="1"/>
  <c r="B3059" i="2"/>
  <c r="N3060" i="2"/>
  <c r="W3028" i="6" l="1"/>
  <c r="B3060" i="2"/>
  <c r="N3061" i="2"/>
  <c r="W3029" i="6" l="1"/>
  <c r="B3061" i="2"/>
  <c r="N3062" i="2"/>
  <c r="W3030" i="6" l="1"/>
  <c r="B3062" i="2"/>
  <c r="N3063" i="2"/>
  <c r="W3031" i="6" l="1"/>
  <c r="B3063" i="2"/>
  <c r="N3064" i="2"/>
  <c r="W3032" i="6" l="1"/>
  <c r="B3064" i="2"/>
  <c r="N3065" i="2"/>
  <c r="W3033" i="6" l="1"/>
  <c r="B3065" i="2"/>
  <c r="N3066" i="2"/>
  <c r="W3034" i="6" l="1"/>
  <c r="B3066" i="2"/>
  <c r="N3067" i="2"/>
  <c r="W3035" i="6" l="1"/>
  <c r="B3067" i="2"/>
  <c r="N3068" i="2"/>
  <c r="W3036" i="6" l="1"/>
  <c r="B3068" i="2"/>
  <c r="N3069" i="2"/>
  <c r="W3037" i="6" l="1"/>
  <c r="B3069" i="2"/>
  <c r="N3070" i="2"/>
  <c r="W3038" i="6" l="1"/>
  <c r="B3070" i="2"/>
  <c r="N3071" i="2"/>
  <c r="W3039" i="6" l="1"/>
  <c r="B3071" i="2"/>
  <c r="N3072" i="2"/>
  <c r="W3040" i="6" l="1"/>
  <c r="B3072" i="2"/>
  <c r="N3073" i="2"/>
  <c r="W3041" i="6" l="1"/>
  <c r="B3073" i="2"/>
  <c r="N3074" i="2"/>
  <c r="W3042" i="6" l="1"/>
  <c r="B3074" i="2"/>
  <c r="N3075" i="2"/>
  <c r="W3043" i="6" l="1"/>
  <c r="B3075" i="2"/>
  <c r="N3076" i="2"/>
  <c r="W3044" i="6" l="1"/>
  <c r="B3076" i="2"/>
  <c r="N3077" i="2"/>
  <c r="W3045" i="6" l="1"/>
  <c r="B3077" i="2"/>
  <c r="N3078" i="2"/>
  <c r="W3046" i="6" l="1"/>
  <c r="B3078" i="2"/>
  <c r="N3079" i="2"/>
  <c r="W3047" i="6" l="1"/>
  <c r="B3079" i="2"/>
  <c r="N3080" i="2"/>
  <c r="W3048" i="6" l="1"/>
  <c r="B3080" i="2"/>
  <c r="N3081" i="2"/>
  <c r="W3049" i="6" l="1"/>
  <c r="B3081" i="2"/>
  <c r="N3082" i="2"/>
  <c r="W3050" i="6" l="1"/>
  <c r="B3082" i="2"/>
  <c r="N3083" i="2"/>
  <c r="W3051" i="6" l="1"/>
  <c r="B3083" i="2"/>
  <c r="N3084" i="2"/>
  <c r="W3052" i="6" l="1"/>
  <c r="B3084" i="2"/>
  <c r="N3085" i="2"/>
  <c r="W3053" i="6" l="1"/>
  <c r="B3085" i="2"/>
  <c r="N3086" i="2"/>
  <c r="W3054" i="6" l="1"/>
  <c r="B3086" i="2"/>
  <c r="N3087" i="2"/>
  <c r="W3055" i="6" l="1"/>
  <c r="B3087" i="2"/>
  <c r="N3088" i="2"/>
  <c r="W3056" i="6" l="1"/>
  <c r="B3088" i="2"/>
  <c r="N3089" i="2"/>
  <c r="W3057" i="6" l="1"/>
  <c r="B3089" i="2"/>
  <c r="N3090" i="2"/>
  <c r="W3058" i="6" l="1"/>
  <c r="B3090" i="2"/>
  <c r="N3091" i="2"/>
  <c r="W3059" i="6" l="1"/>
  <c r="B3091" i="2"/>
  <c r="N3092" i="2"/>
  <c r="W3060" i="6" l="1"/>
  <c r="B3092" i="2"/>
  <c r="N3093" i="2"/>
  <c r="W3061" i="6" l="1"/>
  <c r="B3093" i="2"/>
  <c r="N3094" i="2"/>
  <c r="W3062" i="6" l="1"/>
  <c r="B3094" i="2"/>
  <c r="N3095" i="2"/>
  <c r="W3063" i="6" l="1"/>
  <c r="B3095" i="2"/>
  <c r="N3096" i="2"/>
  <c r="W3064" i="6" l="1"/>
  <c r="B3096" i="2"/>
  <c r="N3097" i="2"/>
  <c r="W3065" i="6" l="1"/>
  <c r="B3097" i="2"/>
  <c r="N3098" i="2"/>
  <c r="W3066" i="6" l="1"/>
  <c r="B3098" i="2"/>
  <c r="N3099" i="2"/>
  <c r="W3067" i="6" l="1"/>
  <c r="B3099" i="2"/>
  <c r="N3100" i="2"/>
  <c r="W3068" i="6" l="1"/>
  <c r="B3100" i="2"/>
  <c r="N3101" i="2"/>
  <c r="W3069" i="6" l="1"/>
  <c r="B3101" i="2"/>
  <c r="N3102" i="2"/>
  <c r="W3070" i="6" l="1"/>
  <c r="B3102" i="2"/>
  <c r="N3103" i="2"/>
  <c r="W3071" i="6" l="1"/>
  <c r="B3103" i="2"/>
  <c r="N3104" i="2"/>
  <c r="W3072" i="6" l="1"/>
  <c r="B3104" i="2"/>
  <c r="N3105" i="2"/>
  <c r="W3073" i="6" l="1"/>
  <c r="B3105" i="2"/>
  <c r="N3106" i="2"/>
  <c r="W3074" i="6" l="1"/>
  <c r="B3106" i="2"/>
  <c r="N3107" i="2"/>
  <c r="W3075" i="6" l="1"/>
  <c r="B3107" i="2"/>
  <c r="N3108" i="2"/>
  <c r="W3076" i="6" l="1"/>
  <c r="B3108" i="2"/>
  <c r="N3109" i="2"/>
  <c r="W3077" i="6" l="1"/>
  <c r="B3109" i="2"/>
  <c r="N3110" i="2"/>
  <c r="W3078" i="6" l="1"/>
  <c r="B3110" i="2"/>
  <c r="N3111" i="2"/>
  <c r="W3079" i="6" l="1"/>
  <c r="B3111" i="2"/>
  <c r="N3112" i="2"/>
  <c r="W3080" i="6" l="1"/>
  <c r="B3112" i="2"/>
  <c r="N3113" i="2"/>
  <c r="W3081" i="6" l="1"/>
  <c r="B3113" i="2"/>
  <c r="N3114" i="2"/>
  <c r="W3082" i="6" l="1"/>
  <c r="B3114" i="2"/>
  <c r="N3115" i="2"/>
  <c r="W3083" i="6" l="1"/>
  <c r="B3115" i="2"/>
  <c r="N3116" i="2"/>
  <c r="W3084" i="6" l="1"/>
  <c r="B3116" i="2"/>
  <c r="N3117" i="2"/>
  <c r="W3085" i="6" l="1"/>
  <c r="B3117" i="2"/>
  <c r="N3118" i="2"/>
  <c r="W3086" i="6" l="1"/>
  <c r="B3118" i="2"/>
  <c r="N3119" i="2"/>
  <c r="W3087" i="6" l="1"/>
  <c r="B3119" i="2"/>
  <c r="N3120" i="2"/>
  <c r="W3088" i="6" l="1"/>
  <c r="B3120" i="2"/>
  <c r="N3121" i="2"/>
  <c r="W3089" i="6" l="1"/>
  <c r="B3121" i="2"/>
  <c r="N3122" i="2"/>
  <c r="W3090" i="6" l="1"/>
  <c r="B3122" i="2"/>
  <c r="N3123" i="2"/>
  <c r="W3091" i="6" l="1"/>
  <c r="B3123" i="2"/>
  <c r="N3124" i="2"/>
  <c r="W3092" i="6" l="1"/>
  <c r="B3124" i="2"/>
  <c r="N3125" i="2"/>
  <c r="W3093" i="6" l="1"/>
  <c r="B3125" i="2"/>
  <c r="N3126" i="2"/>
  <c r="W3094" i="6" l="1"/>
  <c r="B3126" i="2"/>
  <c r="N3127" i="2"/>
  <c r="W3095" i="6" l="1"/>
  <c r="B3127" i="2"/>
  <c r="N3128" i="2"/>
  <c r="W3096" i="6" l="1"/>
  <c r="B3128" i="2"/>
  <c r="N3129" i="2"/>
  <c r="W3097" i="6" l="1"/>
  <c r="B3129" i="2"/>
  <c r="N3130" i="2"/>
  <c r="W3098" i="6" l="1"/>
  <c r="B3130" i="2"/>
  <c r="N3131" i="2"/>
  <c r="W3099" i="6" l="1"/>
  <c r="B3131" i="2"/>
  <c r="N3132" i="2"/>
  <c r="W3100" i="6" l="1"/>
  <c r="B3132" i="2"/>
  <c r="N3133" i="2"/>
  <c r="W3101" i="6" l="1"/>
  <c r="B3133" i="2"/>
  <c r="N3134" i="2"/>
  <c r="W3102" i="6" l="1"/>
  <c r="B3134" i="2"/>
  <c r="N3135" i="2"/>
  <c r="W3103" i="6" l="1"/>
  <c r="B3135" i="2"/>
  <c r="N3136" i="2"/>
  <c r="W3104" i="6" l="1"/>
  <c r="B3136" i="2"/>
  <c r="N3137" i="2"/>
  <c r="W3105" i="6" l="1"/>
  <c r="B3137" i="2"/>
  <c r="N3138" i="2"/>
  <c r="W3106" i="6" l="1"/>
  <c r="B3138" i="2"/>
  <c r="N3139" i="2"/>
  <c r="W3107" i="6" l="1"/>
  <c r="B3139" i="2"/>
  <c r="N3140" i="2"/>
  <c r="W3108" i="6" l="1"/>
  <c r="B3140" i="2"/>
  <c r="N3141" i="2"/>
  <c r="W3109" i="6" l="1"/>
  <c r="B3141" i="2"/>
  <c r="N3142" i="2"/>
  <c r="W3110" i="6" l="1"/>
  <c r="B3142" i="2"/>
  <c r="N3143" i="2"/>
  <c r="W3111" i="6" l="1"/>
  <c r="B3143" i="2"/>
  <c r="N3144" i="2"/>
  <c r="W3112" i="6" l="1"/>
  <c r="B3144" i="2"/>
  <c r="N3145" i="2"/>
  <c r="W3113" i="6" l="1"/>
  <c r="B3145" i="2"/>
  <c r="N3146" i="2"/>
  <c r="W3114" i="6" l="1"/>
  <c r="B3146" i="2"/>
  <c r="N3147" i="2"/>
  <c r="W3115" i="6" l="1"/>
  <c r="B3147" i="2"/>
  <c r="N3148" i="2"/>
  <c r="W3116" i="6" l="1"/>
  <c r="B3148" i="2"/>
  <c r="N3149" i="2"/>
  <c r="W3117" i="6" l="1"/>
  <c r="B3149" i="2"/>
  <c r="N3150" i="2"/>
  <c r="W3118" i="6" l="1"/>
  <c r="B3150" i="2"/>
  <c r="N3151" i="2"/>
  <c r="W3119" i="6" l="1"/>
  <c r="B3151" i="2"/>
  <c r="N3152" i="2"/>
  <c r="W3120" i="6" l="1"/>
  <c r="B3152" i="2"/>
  <c r="N3153" i="2"/>
  <c r="W3121" i="6" l="1"/>
  <c r="B3153" i="2"/>
  <c r="N3154" i="2"/>
  <c r="W3122" i="6" l="1"/>
  <c r="B3154" i="2"/>
  <c r="N3155" i="2"/>
  <c r="W3123" i="6" l="1"/>
  <c r="B3155" i="2"/>
  <c r="N3156" i="2"/>
  <c r="W3124" i="6" l="1"/>
  <c r="B3156" i="2"/>
  <c r="N3157" i="2"/>
  <c r="W3125" i="6" l="1"/>
  <c r="B3157" i="2"/>
  <c r="N3158" i="2"/>
  <c r="W3126" i="6" l="1"/>
  <c r="B3158" i="2"/>
  <c r="N3159" i="2"/>
  <c r="W3127" i="6" l="1"/>
  <c r="B3159" i="2"/>
  <c r="N3160" i="2"/>
  <c r="W3128" i="6" l="1"/>
  <c r="B3160" i="2"/>
  <c r="N3161" i="2"/>
  <c r="W3129" i="6" l="1"/>
  <c r="B3161" i="2"/>
  <c r="N3162" i="2"/>
  <c r="W3130" i="6" l="1"/>
  <c r="B3162" i="2"/>
  <c r="N3163" i="2"/>
  <c r="W3131" i="6" l="1"/>
  <c r="B3163" i="2"/>
  <c r="N3164" i="2"/>
  <c r="W3132" i="6" l="1"/>
  <c r="B3164" i="2"/>
  <c r="N3165" i="2"/>
  <c r="W3133" i="6" l="1"/>
  <c r="B3165" i="2"/>
  <c r="N3166" i="2"/>
  <c r="W3134" i="6" l="1"/>
  <c r="B3166" i="2"/>
  <c r="N3167" i="2"/>
  <c r="W3135" i="6" l="1"/>
  <c r="B3167" i="2"/>
  <c r="N3168" i="2"/>
  <c r="W3136" i="6" l="1"/>
  <c r="B3168" i="2"/>
  <c r="N3169" i="2"/>
  <c r="W3137" i="6" l="1"/>
  <c r="B3169" i="2"/>
  <c r="N3170" i="2"/>
  <c r="W3138" i="6" l="1"/>
  <c r="B3170" i="2"/>
  <c r="N3171" i="2"/>
  <c r="W3139" i="6" l="1"/>
  <c r="B3171" i="2"/>
  <c r="N3172" i="2"/>
  <c r="W3140" i="6" l="1"/>
  <c r="B3172" i="2"/>
  <c r="N3173" i="2"/>
  <c r="W3141" i="6" l="1"/>
  <c r="B3173" i="2"/>
  <c r="N3174" i="2"/>
  <c r="W3142" i="6" l="1"/>
  <c r="B3174" i="2"/>
  <c r="N3175" i="2"/>
  <c r="W3143" i="6" l="1"/>
  <c r="B3175" i="2"/>
  <c r="N3176" i="2"/>
  <c r="W3144" i="6" l="1"/>
  <c r="B3176" i="2"/>
  <c r="N3177" i="2"/>
  <c r="W3145" i="6" l="1"/>
  <c r="B3177" i="2"/>
  <c r="N3178" i="2"/>
  <c r="W3146" i="6" l="1"/>
  <c r="B3178" i="2"/>
  <c r="N3179" i="2"/>
  <c r="W3147" i="6" l="1"/>
  <c r="B3179" i="2"/>
  <c r="N3180" i="2"/>
  <c r="W3148" i="6" l="1"/>
  <c r="B3180" i="2"/>
  <c r="N3181" i="2"/>
  <c r="W3149" i="6" l="1"/>
  <c r="B3181" i="2"/>
  <c r="N3182" i="2"/>
  <c r="W3150" i="6" l="1"/>
  <c r="B3182" i="2"/>
  <c r="N3183" i="2"/>
  <c r="W3151" i="6" l="1"/>
  <c r="B3183" i="2"/>
  <c r="N3184" i="2"/>
  <c r="W3152" i="6" l="1"/>
  <c r="B3184" i="2"/>
  <c r="N3185" i="2"/>
  <c r="W3153" i="6" l="1"/>
  <c r="B3185" i="2"/>
  <c r="N3186" i="2"/>
  <c r="W3154" i="6" l="1"/>
  <c r="B3186" i="2"/>
  <c r="N3187" i="2"/>
  <c r="W3155" i="6" l="1"/>
  <c r="B3187" i="2"/>
  <c r="N3188" i="2"/>
  <c r="W3156" i="6" l="1"/>
  <c r="B3188" i="2"/>
  <c r="N3189" i="2"/>
  <c r="W3157" i="6" l="1"/>
  <c r="B3189" i="2"/>
  <c r="N3190" i="2"/>
  <c r="W3158" i="6" l="1"/>
  <c r="B3190" i="2"/>
  <c r="N3191" i="2"/>
  <c r="W3159" i="6" l="1"/>
  <c r="B3191" i="2"/>
  <c r="N3192" i="2"/>
  <c r="W3160" i="6" l="1"/>
  <c r="B3192" i="2"/>
  <c r="N3193" i="2"/>
  <c r="W3161" i="6" l="1"/>
  <c r="B3193" i="2"/>
  <c r="N3194" i="2"/>
  <c r="W3162" i="6" l="1"/>
  <c r="B3194" i="2"/>
  <c r="N3195" i="2"/>
  <c r="W3163" i="6" l="1"/>
  <c r="B3195" i="2"/>
  <c r="N3196" i="2"/>
  <c r="W3164" i="6" l="1"/>
  <c r="B3196" i="2"/>
  <c r="N3197" i="2"/>
  <c r="W3165" i="6" l="1"/>
  <c r="B3197" i="2"/>
  <c r="N3198" i="2"/>
  <c r="W3166" i="6" l="1"/>
  <c r="B3198" i="2"/>
  <c r="N3199" i="2"/>
  <c r="W3167" i="6" l="1"/>
  <c r="B3199" i="2"/>
  <c r="N3200" i="2"/>
  <c r="W3168" i="6" l="1"/>
  <c r="B3200" i="2"/>
  <c r="N3201" i="2"/>
  <c r="W3169" i="6" l="1"/>
  <c r="B3201" i="2"/>
  <c r="N3202" i="2"/>
  <c r="W3170" i="6" l="1"/>
  <c r="B3202" i="2"/>
  <c r="N3203" i="2"/>
  <c r="W3171" i="6" l="1"/>
  <c r="B3203" i="2"/>
  <c r="N3204" i="2"/>
  <c r="W3172" i="6" l="1"/>
  <c r="B3204" i="2"/>
  <c r="N3205" i="2"/>
  <c r="W3173" i="6" l="1"/>
  <c r="B3205" i="2"/>
  <c r="N3206" i="2"/>
  <c r="W3174" i="6" l="1"/>
  <c r="B3206" i="2"/>
  <c r="N3207" i="2"/>
  <c r="W3175" i="6" l="1"/>
  <c r="B3207" i="2"/>
  <c r="N3208" i="2"/>
  <c r="W3176" i="6" l="1"/>
  <c r="B3208" i="2"/>
  <c r="N3209" i="2"/>
  <c r="W3177" i="6" l="1"/>
  <c r="B3209" i="2"/>
  <c r="N3210" i="2"/>
  <c r="W3178" i="6" l="1"/>
  <c r="B3210" i="2"/>
  <c r="N3211" i="2"/>
  <c r="W3179" i="6" l="1"/>
  <c r="B3211" i="2"/>
  <c r="N3212" i="2"/>
  <c r="W3180" i="6" l="1"/>
  <c r="B3212" i="2"/>
  <c r="N3213" i="2"/>
  <c r="W3181" i="6" l="1"/>
  <c r="B3213" i="2"/>
  <c r="N3214" i="2"/>
  <c r="W3182" i="6" l="1"/>
  <c r="B3214" i="2"/>
  <c r="N3215" i="2"/>
  <c r="W3183" i="6" l="1"/>
  <c r="B3215" i="2"/>
  <c r="N3216" i="2"/>
  <c r="W3184" i="6" l="1"/>
  <c r="B3216" i="2"/>
  <c r="N3217" i="2"/>
  <c r="W3185" i="6" l="1"/>
  <c r="B3217" i="2"/>
  <c r="N3218" i="2"/>
  <c r="W3186" i="6" l="1"/>
  <c r="B3218" i="2"/>
  <c r="N3219" i="2"/>
  <c r="W3187" i="6" l="1"/>
  <c r="B3219" i="2"/>
  <c r="N3220" i="2"/>
  <c r="W3188" i="6" l="1"/>
  <c r="B3220" i="2"/>
  <c r="N3221" i="2"/>
  <c r="W3189" i="6" l="1"/>
  <c r="B3221" i="2"/>
  <c r="N3222" i="2"/>
  <c r="W3190" i="6" l="1"/>
  <c r="B3222" i="2"/>
  <c r="N3223" i="2"/>
  <c r="W3191" i="6" l="1"/>
  <c r="B3223" i="2"/>
  <c r="N3224" i="2"/>
  <c r="W3192" i="6" l="1"/>
  <c r="B3224" i="2"/>
  <c r="N3225" i="2"/>
  <c r="W3193" i="6" l="1"/>
  <c r="B3225" i="2"/>
  <c r="N3226" i="2"/>
  <c r="W3194" i="6" l="1"/>
  <c r="B3226" i="2"/>
  <c r="N3227" i="2"/>
  <c r="W3195" i="6" l="1"/>
  <c r="B3227" i="2"/>
  <c r="N3228" i="2"/>
  <c r="W3196" i="6" l="1"/>
  <c r="B3228" i="2"/>
  <c r="N3229" i="2"/>
  <c r="W3197" i="6" l="1"/>
  <c r="B3229" i="2"/>
  <c r="N3230" i="2"/>
  <c r="W3198" i="6" l="1"/>
  <c r="B3230" i="2"/>
  <c r="N3231" i="2"/>
  <c r="W3199" i="6" l="1"/>
  <c r="B3231" i="2"/>
  <c r="N3232" i="2"/>
  <c r="W3200" i="6" l="1"/>
  <c r="B3232" i="2"/>
  <c r="N3233" i="2"/>
  <c r="W3201" i="6" l="1"/>
  <c r="B3233" i="2"/>
  <c r="N3234" i="2"/>
  <c r="W3202" i="6" l="1"/>
  <c r="B3234" i="2"/>
  <c r="N3235" i="2"/>
  <c r="W3203" i="6" l="1"/>
  <c r="B3235" i="2"/>
  <c r="N3236" i="2"/>
  <c r="W3204" i="6" l="1"/>
  <c r="B3236" i="2"/>
  <c r="N3237" i="2"/>
  <c r="W3205" i="6" l="1"/>
  <c r="B3237" i="2"/>
  <c r="N3238" i="2"/>
  <c r="W3206" i="6" l="1"/>
  <c r="B3238" i="2"/>
  <c r="N3239" i="2"/>
  <c r="W3207" i="6" l="1"/>
  <c r="B3239" i="2"/>
  <c r="N3240" i="2"/>
  <c r="W3208" i="6" l="1"/>
  <c r="B3240" i="2"/>
  <c r="N3241" i="2"/>
  <c r="W3209" i="6" l="1"/>
  <c r="B3241" i="2"/>
  <c r="N3242" i="2"/>
  <c r="W3210" i="6" l="1"/>
  <c r="B3242" i="2"/>
  <c r="N3243" i="2"/>
  <c r="W3211" i="6" l="1"/>
  <c r="B3243" i="2"/>
  <c r="N3244" i="2"/>
  <c r="W3212" i="6" l="1"/>
  <c r="B3244" i="2"/>
  <c r="N3245" i="2"/>
  <c r="W3213" i="6" l="1"/>
  <c r="B3245" i="2"/>
  <c r="N3246" i="2"/>
  <c r="W3214" i="6" l="1"/>
  <c r="B3246" i="2"/>
  <c r="N3247" i="2"/>
  <c r="W3215" i="6" l="1"/>
  <c r="B3247" i="2"/>
  <c r="N3248" i="2"/>
  <c r="W3216" i="6" l="1"/>
  <c r="B3248" i="2"/>
  <c r="N3249" i="2"/>
  <c r="W3217" i="6" l="1"/>
  <c r="B3249" i="2"/>
  <c r="N3250" i="2"/>
  <c r="W3218" i="6" l="1"/>
  <c r="B3250" i="2"/>
  <c r="N3251" i="2"/>
  <c r="W3219" i="6" l="1"/>
  <c r="B3251" i="2"/>
  <c r="N3252" i="2"/>
  <c r="W3220" i="6" l="1"/>
  <c r="B3252" i="2"/>
  <c r="N3253" i="2"/>
  <c r="W3221" i="6" l="1"/>
  <c r="B3253" i="2"/>
  <c r="N3254" i="2"/>
  <c r="W3222" i="6" l="1"/>
  <c r="B3254" i="2"/>
  <c r="N3255" i="2"/>
  <c r="W3223" i="6" l="1"/>
  <c r="B3255" i="2"/>
  <c r="N3256" i="2"/>
  <c r="W3224" i="6" l="1"/>
  <c r="B3256" i="2"/>
  <c r="N3257" i="2"/>
  <c r="W3225" i="6" l="1"/>
  <c r="B3257" i="2"/>
  <c r="N3258" i="2"/>
  <c r="W3226" i="6" l="1"/>
  <c r="B3258" i="2"/>
  <c r="N3259" i="2"/>
  <c r="W3227" i="6" l="1"/>
  <c r="B3259" i="2"/>
  <c r="N3260" i="2"/>
  <c r="W3228" i="6" l="1"/>
  <c r="B3260" i="2"/>
  <c r="N3261" i="2"/>
  <c r="W3229" i="6" l="1"/>
  <c r="B3261" i="2"/>
  <c r="N3262" i="2"/>
  <c r="W3230" i="6" l="1"/>
  <c r="B3262" i="2"/>
  <c r="N3263" i="2"/>
  <c r="W3231" i="6" l="1"/>
  <c r="B3263" i="2"/>
  <c r="N3264" i="2"/>
  <c r="W3232" i="6" l="1"/>
  <c r="B3264" i="2"/>
  <c r="N3265" i="2"/>
  <c r="W3233" i="6" l="1"/>
  <c r="B3265" i="2"/>
  <c r="N3266" i="2"/>
  <c r="W3234" i="6" l="1"/>
  <c r="B3266" i="2"/>
  <c r="N3267" i="2"/>
  <c r="W3235" i="6" l="1"/>
  <c r="B3267" i="2"/>
  <c r="N3268" i="2"/>
  <c r="W3236" i="6" l="1"/>
  <c r="B3268" i="2"/>
  <c r="N3269" i="2"/>
  <c r="W3237" i="6" l="1"/>
  <c r="B3269" i="2"/>
  <c r="N3270" i="2"/>
  <c r="W3238" i="6" l="1"/>
  <c r="B3270" i="2"/>
  <c r="N3271" i="2"/>
  <c r="W3239" i="6" l="1"/>
  <c r="B3271" i="2"/>
  <c r="N3272" i="2"/>
  <c r="W3240" i="6" l="1"/>
  <c r="B3272" i="2"/>
  <c r="N3273" i="2"/>
  <c r="W3241" i="6" l="1"/>
  <c r="B3273" i="2"/>
  <c r="N3274" i="2"/>
  <c r="W3242" i="6" l="1"/>
  <c r="B3274" i="2"/>
  <c r="N3275" i="2"/>
  <c r="W3243" i="6" l="1"/>
  <c r="B3275" i="2"/>
  <c r="N3276" i="2"/>
  <c r="W3244" i="6" l="1"/>
  <c r="B3276" i="2"/>
  <c r="N3277" i="2"/>
  <c r="W3245" i="6" l="1"/>
  <c r="B3277" i="2"/>
  <c r="N3278" i="2"/>
  <c r="W3246" i="6" l="1"/>
  <c r="B3278" i="2"/>
  <c r="N3279" i="2"/>
  <c r="W3247" i="6" l="1"/>
  <c r="B3279" i="2"/>
  <c r="N3280" i="2"/>
  <c r="W3248" i="6" l="1"/>
  <c r="B3280" i="2"/>
  <c r="N3281" i="2"/>
  <c r="W3249" i="6" l="1"/>
  <c r="B3281" i="2"/>
  <c r="N3282" i="2"/>
  <c r="W3250" i="6" l="1"/>
  <c r="B3282" i="2"/>
  <c r="N3283" i="2"/>
  <c r="W3251" i="6" l="1"/>
  <c r="B3283" i="2"/>
  <c r="N3284" i="2"/>
  <c r="W3252" i="6" l="1"/>
  <c r="B3284" i="2"/>
  <c r="N3285" i="2"/>
  <c r="W3253" i="6" l="1"/>
  <c r="B3285" i="2"/>
  <c r="N3286" i="2"/>
  <c r="W3254" i="6" l="1"/>
  <c r="B3286" i="2"/>
  <c r="N3287" i="2"/>
  <c r="W3255" i="6" l="1"/>
  <c r="B3287" i="2"/>
  <c r="N3288" i="2"/>
  <c r="W3256" i="6" l="1"/>
  <c r="B3288" i="2"/>
  <c r="N3289" i="2"/>
  <c r="W3257" i="6" l="1"/>
  <c r="B3289" i="2"/>
  <c r="N3290" i="2"/>
  <c r="W3258" i="6" l="1"/>
  <c r="B3290" i="2"/>
  <c r="N3291" i="2"/>
  <c r="W3259" i="6" l="1"/>
  <c r="B3291" i="2"/>
  <c r="N3292" i="2"/>
  <c r="W3260" i="6" l="1"/>
  <c r="B3292" i="2"/>
  <c r="N3293" i="2"/>
  <c r="W3261" i="6" l="1"/>
  <c r="B3293" i="2"/>
  <c r="N3294" i="2"/>
  <c r="W3262" i="6" l="1"/>
  <c r="B3294" i="2"/>
  <c r="N3295" i="2"/>
  <c r="W3263" i="6" l="1"/>
  <c r="B3295" i="2"/>
  <c r="N3296" i="2"/>
  <c r="W3264" i="6" l="1"/>
  <c r="B3296" i="2"/>
  <c r="N3297" i="2"/>
  <c r="W3265" i="6" l="1"/>
  <c r="B3297" i="2"/>
  <c r="N3298" i="2"/>
  <c r="W3266" i="6" l="1"/>
  <c r="B3298" i="2"/>
  <c r="N3299" i="2"/>
  <c r="W3267" i="6" l="1"/>
  <c r="B3299" i="2"/>
  <c r="N3300" i="2"/>
  <c r="W3268" i="6" l="1"/>
  <c r="B3300" i="2"/>
  <c r="N3301" i="2"/>
  <c r="W3269" i="6" l="1"/>
  <c r="B3301" i="2"/>
  <c r="N3302" i="2"/>
  <c r="W3270" i="6" l="1"/>
  <c r="B3302" i="2"/>
  <c r="N3303" i="2"/>
  <c r="W3271" i="6" l="1"/>
  <c r="B3303" i="2"/>
  <c r="N3304" i="2"/>
  <c r="W3272" i="6" l="1"/>
  <c r="B3304" i="2"/>
  <c r="N3305" i="2"/>
  <c r="W3273" i="6" l="1"/>
  <c r="B3305" i="2"/>
  <c r="N3306" i="2"/>
  <c r="W3274" i="6" l="1"/>
  <c r="B3306" i="2"/>
  <c r="N3307" i="2"/>
  <c r="W3275" i="6" l="1"/>
  <c r="B3307" i="2"/>
  <c r="N3308" i="2"/>
  <c r="W3276" i="6" l="1"/>
  <c r="B3308" i="2"/>
  <c r="N3309" i="2"/>
  <c r="W3277" i="6" l="1"/>
  <c r="B3309" i="2"/>
  <c r="N3310" i="2"/>
  <c r="W3278" i="6" l="1"/>
  <c r="B3310" i="2"/>
  <c r="N3311" i="2"/>
  <c r="W3279" i="6" l="1"/>
  <c r="B3311" i="2"/>
  <c r="N3312" i="2"/>
  <c r="W3280" i="6" l="1"/>
  <c r="B3312" i="2"/>
  <c r="N3313" i="2"/>
  <c r="W3281" i="6" l="1"/>
  <c r="B3313" i="2"/>
  <c r="N3314" i="2"/>
  <c r="W3282" i="6" l="1"/>
  <c r="B3314" i="2"/>
  <c r="N3315" i="2"/>
  <c r="W3283" i="6" l="1"/>
  <c r="B3315" i="2"/>
  <c r="N3316" i="2"/>
  <c r="W3284" i="6" l="1"/>
  <c r="B3316" i="2"/>
  <c r="N3317" i="2"/>
  <c r="W3285" i="6" l="1"/>
  <c r="B3317" i="2"/>
  <c r="N3318" i="2"/>
  <c r="W3286" i="6" l="1"/>
  <c r="B3318" i="2"/>
  <c r="N3319" i="2"/>
  <c r="W3287" i="6" l="1"/>
  <c r="B3319" i="2"/>
  <c r="N3320" i="2"/>
  <c r="W3288" i="6" l="1"/>
  <c r="B3320" i="2"/>
  <c r="N3321" i="2"/>
  <c r="W3289" i="6" l="1"/>
  <c r="B3321" i="2"/>
  <c r="N3322" i="2"/>
  <c r="W3290" i="6" l="1"/>
  <c r="B3322" i="2"/>
  <c r="N3323" i="2"/>
  <c r="W3291" i="6" l="1"/>
  <c r="B3323" i="2"/>
  <c r="N3324" i="2"/>
  <c r="W3292" i="6" l="1"/>
  <c r="B3324" i="2"/>
  <c r="N3325" i="2"/>
  <c r="W3293" i="6" l="1"/>
  <c r="B3325" i="2"/>
  <c r="N3326" i="2"/>
  <c r="W3294" i="6" l="1"/>
  <c r="B3326" i="2"/>
  <c r="N3327" i="2"/>
  <c r="W3295" i="6" l="1"/>
  <c r="B3327" i="2"/>
  <c r="N3328" i="2"/>
  <c r="W3296" i="6" l="1"/>
  <c r="B3328" i="2"/>
  <c r="N3329" i="2"/>
  <c r="W3297" i="6" l="1"/>
  <c r="B3329" i="2"/>
  <c r="N3330" i="2"/>
  <c r="W3298" i="6" l="1"/>
  <c r="B3330" i="2"/>
  <c r="N3331" i="2"/>
  <c r="W3299" i="6" l="1"/>
  <c r="B3331" i="2"/>
  <c r="N3332" i="2"/>
  <c r="W3300" i="6" l="1"/>
  <c r="B3332" i="2"/>
  <c r="N3333" i="2"/>
  <c r="W3301" i="6" l="1"/>
  <c r="B3333" i="2"/>
  <c r="N3334" i="2"/>
  <c r="W3302" i="6" l="1"/>
  <c r="B3334" i="2"/>
  <c r="N3335" i="2"/>
  <c r="W3303" i="6" l="1"/>
  <c r="B3335" i="2"/>
  <c r="N3336" i="2"/>
  <c r="W3304" i="6" l="1"/>
  <c r="B3336" i="2"/>
  <c r="N3337" i="2"/>
  <c r="W3305" i="6" l="1"/>
  <c r="B3337" i="2"/>
  <c r="N3338" i="2"/>
  <c r="W3306" i="6" l="1"/>
  <c r="B3338" i="2"/>
  <c r="N3339" i="2"/>
  <c r="W3307" i="6" l="1"/>
  <c r="B3339" i="2"/>
  <c r="N3340" i="2"/>
  <c r="W3308" i="6" l="1"/>
  <c r="B3340" i="2"/>
  <c r="N3341" i="2"/>
  <c r="W3309" i="6" l="1"/>
  <c r="B3341" i="2"/>
  <c r="N3342" i="2"/>
  <c r="W3310" i="6" l="1"/>
  <c r="B3342" i="2"/>
  <c r="N3343" i="2"/>
  <c r="W3311" i="6" l="1"/>
  <c r="B3343" i="2"/>
  <c r="N3344" i="2"/>
  <c r="W3312" i="6" l="1"/>
  <c r="B3344" i="2"/>
  <c r="N3345" i="2"/>
  <c r="W3313" i="6" l="1"/>
  <c r="B3345" i="2"/>
  <c r="N3346" i="2"/>
  <c r="W3314" i="6" l="1"/>
  <c r="B3346" i="2"/>
  <c r="N3347" i="2"/>
  <c r="W3315" i="6" l="1"/>
  <c r="B3347" i="2"/>
  <c r="N3348" i="2"/>
  <c r="W3316" i="6" l="1"/>
  <c r="B3348" i="2"/>
  <c r="N3349" i="2"/>
  <c r="W3317" i="6" l="1"/>
  <c r="B3349" i="2"/>
  <c r="N3350" i="2"/>
  <c r="W3318" i="6" l="1"/>
  <c r="B3350" i="2"/>
  <c r="N3351" i="2"/>
  <c r="W3319" i="6" l="1"/>
  <c r="B3351" i="2"/>
  <c r="N3352" i="2"/>
  <c r="W3320" i="6" l="1"/>
  <c r="B3352" i="2"/>
  <c r="N3353" i="2"/>
  <c r="W3321" i="6" l="1"/>
  <c r="B3353" i="2"/>
  <c r="N3354" i="2"/>
  <c r="W3322" i="6" l="1"/>
  <c r="B3354" i="2"/>
  <c r="N3355" i="2"/>
  <c r="W3323" i="6" l="1"/>
  <c r="B3355" i="2"/>
  <c r="N3356" i="2"/>
  <c r="W3324" i="6" l="1"/>
  <c r="B3356" i="2"/>
  <c r="N3357" i="2"/>
  <c r="W3325" i="6" l="1"/>
  <c r="B3357" i="2"/>
  <c r="N3358" i="2"/>
  <c r="W3326" i="6" l="1"/>
  <c r="B3358" i="2"/>
  <c r="N3359" i="2"/>
  <c r="W3327" i="6" l="1"/>
  <c r="B3359" i="2"/>
  <c r="N3360" i="2"/>
  <c r="W3328" i="6" l="1"/>
  <c r="B3360" i="2"/>
  <c r="N3361" i="2"/>
  <c r="W3329" i="6" l="1"/>
  <c r="B3361" i="2"/>
  <c r="N3362" i="2"/>
  <c r="W3330" i="6" l="1"/>
  <c r="B3362" i="2"/>
  <c r="N3363" i="2"/>
  <c r="W3331" i="6" l="1"/>
  <c r="B3363" i="2"/>
  <c r="N3364" i="2"/>
  <c r="W3332" i="6" l="1"/>
  <c r="B3364" i="2"/>
  <c r="N3365" i="2"/>
  <c r="W3333" i="6" l="1"/>
  <c r="B3365" i="2"/>
  <c r="N3366" i="2"/>
  <c r="W3334" i="6" l="1"/>
  <c r="B3366" i="2"/>
  <c r="N3367" i="2"/>
  <c r="W3335" i="6" l="1"/>
  <c r="B3367" i="2"/>
  <c r="N3368" i="2"/>
  <c r="W3336" i="6" l="1"/>
  <c r="B3368" i="2"/>
  <c r="N3369" i="2"/>
  <c r="W3337" i="6" l="1"/>
  <c r="B3369" i="2"/>
  <c r="N3370" i="2"/>
  <c r="W3338" i="6" l="1"/>
  <c r="B3370" i="2"/>
  <c r="N3371" i="2"/>
  <c r="W3339" i="6" l="1"/>
  <c r="B3371" i="2"/>
  <c r="N3372" i="2"/>
  <c r="W3340" i="6" l="1"/>
  <c r="B3372" i="2"/>
  <c r="N3373" i="2"/>
  <c r="W3341" i="6" l="1"/>
  <c r="B3373" i="2"/>
  <c r="N3374" i="2"/>
  <c r="W3342" i="6" l="1"/>
  <c r="B3374" i="2"/>
  <c r="N3375" i="2"/>
  <c r="W3343" i="6" l="1"/>
  <c r="B3375" i="2"/>
  <c r="N3376" i="2"/>
  <c r="W3344" i="6" l="1"/>
  <c r="B3376" i="2"/>
  <c r="N3377" i="2"/>
  <c r="W3345" i="6" l="1"/>
  <c r="B3377" i="2"/>
  <c r="N3378" i="2"/>
  <c r="W3346" i="6" l="1"/>
  <c r="B3378" i="2"/>
  <c r="N3379" i="2"/>
  <c r="W3347" i="6" l="1"/>
  <c r="B3379" i="2"/>
  <c r="N3380" i="2"/>
  <c r="W3348" i="6" l="1"/>
  <c r="B3380" i="2"/>
  <c r="N3381" i="2"/>
  <c r="W3349" i="6" l="1"/>
  <c r="B3381" i="2"/>
  <c r="N3382" i="2"/>
  <c r="W3350" i="6" l="1"/>
  <c r="B3382" i="2"/>
  <c r="N3383" i="2"/>
  <c r="W3351" i="6" l="1"/>
  <c r="B3383" i="2"/>
  <c r="N3384" i="2"/>
  <c r="W3352" i="6" l="1"/>
  <c r="B3384" i="2"/>
  <c r="N3385" i="2"/>
  <c r="W3353" i="6" l="1"/>
  <c r="B3385" i="2"/>
  <c r="N3386" i="2"/>
  <c r="W3354" i="6" l="1"/>
  <c r="B3386" i="2"/>
  <c r="N3387" i="2"/>
  <c r="W3355" i="6" l="1"/>
  <c r="B3387" i="2"/>
  <c r="N3388" i="2"/>
  <c r="W3356" i="6" l="1"/>
  <c r="B3388" i="2"/>
  <c r="N3389" i="2"/>
  <c r="W3357" i="6" l="1"/>
  <c r="B3389" i="2"/>
  <c r="N3390" i="2"/>
  <c r="W3358" i="6" l="1"/>
  <c r="B3390" i="2"/>
  <c r="N3391" i="2"/>
  <c r="W3359" i="6" l="1"/>
  <c r="B3391" i="2"/>
  <c r="N3392" i="2"/>
  <c r="W3360" i="6" l="1"/>
  <c r="B3392" i="2"/>
  <c r="N3393" i="2"/>
  <c r="W3361" i="6" l="1"/>
  <c r="B3393" i="2"/>
  <c r="N3394" i="2"/>
  <c r="W3362" i="6" l="1"/>
  <c r="B3394" i="2"/>
  <c r="N3395" i="2"/>
  <c r="W3363" i="6" l="1"/>
  <c r="B3395" i="2"/>
  <c r="N3396" i="2"/>
  <c r="W3364" i="6" l="1"/>
  <c r="B3396" i="2"/>
  <c r="N3397" i="2"/>
  <c r="W3365" i="6" l="1"/>
  <c r="B3397" i="2"/>
  <c r="N3398" i="2"/>
  <c r="W3366" i="6" l="1"/>
  <c r="B3398" i="2"/>
  <c r="N3399" i="2"/>
  <c r="W3367" i="6" l="1"/>
  <c r="B3399" i="2"/>
  <c r="N3400" i="2"/>
  <c r="W3368" i="6" l="1"/>
  <c r="B3400" i="2"/>
  <c r="N3401" i="2"/>
  <c r="W3369" i="6" l="1"/>
  <c r="B3401" i="2"/>
  <c r="N3402" i="2"/>
  <c r="W3370" i="6" l="1"/>
  <c r="B3402" i="2"/>
  <c r="N3403" i="2"/>
  <c r="W3371" i="6" l="1"/>
  <c r="B3403" i="2"/>
  <c r="N3404" i="2"/>
  <c r="W3372" i="6" l="1"/>
  <c r="B3404" i="2"/>
  <c r="N3405" i="2"/>
  <c r="W3373" i="6" l="1"/>
  <c r="B3405" i="2"/>
  <c r="N3406" i="2"/>
  <c r="W3374" i="6" l="1"/>
  <c r="B3406" i="2"/>
  <c r="N3407" i="2"/>
  <c r="W3375" i="6" l="1"/>
  <c r="B3407" i="2"/>
  <c r="N3408" i="2"/>
  <c r="W3376" i="6" l="1"/>
  <c r="B3408" i="2"/>
  <c r="N3409" i="2"/>
  <c r="W3377" i="6" l="1"/>
  <c r="B3409" i="2"/>
  <c r="N3410" i="2"/>
  <c r="W3378" i="6" l="1"/>
  <c r="B3410" i="2"/>
  <c r="N3411" i="2"/>
  <c r="W3379" i="6" l="1"/>
  <c r="B3411" i="2"/>
  <c r="N3412" i="2"/>
  <c r="W3380" i="6" l="1"/>
  <c r="B3412" i="2"/>
  <c r="N3413" i="2"/>
  <c r="W3381" i="6" l="1"/>
  <c r="B3413" i="2"/>
  <c r="N3414" i="2"/>
  <c r="W3382" i="6" l="1"/>
  <c r="B3414" i="2"/>
  <c r="N3415" i="2"/>
  <c r="W3383" i="6" l="1"/>
  <c r="B3415" i="2"/>
  <c r="N3416" i="2"/>
  <c r="W3384" i="6" l="1"/>
  <c r="B3416" i="2"/>
  <c r="N3417" i="2"/>
  <c r="W3385" i="6" l="1"/>
  <c r="B3417" i="2"/>
  <c r="N3418" i="2"/>
  <c r="W3386" i="6" l="1"/>
  <c r="B3418" i="2"/>
  <c r="N3419" i="2"/>
  <c r="W3387" i="6" l="1"/>
  <c r="B3419" i="2"/>
  <c r="N3420" i="2"/>
  <c r="W3388" i="6" l="1"/>
  <c r="B3420" i="2"/>
  <c r="N3421" i="2"/>
  <c r="W3389" i="6" l="1"/>
  <c r="B3421" i="2"/>
  <c r="N3422" i="2"/>
  <c r="W3390" i="6" l="1"/>
  <c r="B3422" i="2"/>
  <c r="N3423" i="2"/>
  <c r="W3391" i="6" l="1"/>
  <c r="B3423" i="2"/>
  <c r="N3424" i="2"/>
  <c r="W3392" i="6" l="1"/>
  <c r="B3424" i="2"/>
  <c r="N3425" i="2"/>
  <c r="W3393" i="6" l="1"/>
  <c r="B3425" i="2"/>
  <c r="N3426" i="2"/>
  <c r="W3394" i="6" l="1"/>
  <c r="B3426" i="2"/>
  <c r="N3427" i="2"/>
  <c r="W3395" i="6" l="1"/>
  <c r="B3427" i="2"/>
  <c r="N3428" i="2"/>
  <c r="W3396" i="6" l="1"/>
  <c r="B3428" i="2"/>
  <c r="N3429" i="2"/>
  <c r="W3397" i="6" l="1"/>
  <c r="B3429" i="2"/>
  <c r="N3430" i="2"/>
  <c r="W3398" i="6" l="1"/>
  <c r="B3430" i="2"/>
  <c r="N3431" i="2"/>
  <c r="W3399" i="6" l="1"/>
  <c r="B3431" i="2"/>
  <c r="N3432" i="2"/>
  <c r="W3400" i="6" l="1"/>
  <c r="B3432" i="2"/>
  <c r="N3433" i="2"/>
  <c r="W3401" i="6" l="1"/>
  <c r="B3433" i="2"/>
  <c r="N3434" i="2"/>
  <c r="W3402" i="6" l="1"/>
  <c r="B3434" i="2"/>
  <c r="N3435" i="2"/>
  <c r="W3403" i="6" l="1"/>
  <c r="B3435" i="2"/>
  <c r="N3436" i="2"/>
  <c r="W3404" i="6" l="1"/>
  <c r="B3436" i="2"/>
  <c r="N3437" i="2"/>
  <c r="W3405" i="6" l="1"/>
  <c r="B3437" i="2"/>
  <c r="N3438" i="2"/>
  <c r="W3406" i="6" l="1"/>
  <c r="B3438" i="2"/>
  <c r="N3439" i="2"/>
  <c r="W3407" i="6" l="1"/>
  <c r="B3439" i="2"/>
  <c r="N3440" i="2"/>
  <c r="W3408" i="6" l="1"/>
  <c r="B3440" i="2"/>
  <c r="N3441" i="2"/>
  <c r="W3409" i="6" l="1"/>
  <c r="B3441" i="2"/>
  <c r="N3442" i="2"/>
  <c r="W3410" i="6" l="1"/>
  <c r="B3442" i="2"/>
  <c r="N3443" i="2"/>
  <c r="W3411" i="6" l="1"/>
  <c r="B3443" i="2"/>
  <c r="N3444" i="2"/>
  <c r="W3412" i="6" l="1"/>
  <c r="B3444" i="2"/>
  <c r="N3445" i="2"/>
  <c r="W3413" i="6" l="1"/>
  <c r="B3445" i="2"/>
  <c r="N3446" i="2"/>
  <c r="W3414" i="6" l="1"/>
  <c r="B3446" i="2"/>
  <c r="N3447" i="2"/>
  <c r="W3415" i="6" l="1"/>
  <c r="B3447" i="2"/>
  <c r="N3448" i="2"/>
  <c r="W3416" i="6" l="1"/>
  <c r="B3448" i="2"/>
  <c r="N3449" i="2"/>
  <c r="W3417" i="6" l="1"/>
  <c r="B3449" i="2"/>
  <c r="N3450" i="2"/>
  <c r="W3418" i="6" l="1"/>
  <c r="B3450" i="2"/>
  <c r="N3451" i="2"/>
  <c r="W3419" i="6" l="1"/>
  <c r="B3451" i="2"/>
  <c r="N3452" i="2"/>
  <c r="W3420" i="6" l="1"/>
  <c r="B3452" i="2"/>
  <c r="N3453" i="2"/>
  <c r="W3421" i="6" l="1"/>
  <c r="B3453" i="2"/>
  <c r="N3454" i="2"/>
  <c r="W3422" i="6" l="1"/>
  <c r="B3454" i="2"/>
  <c r="N3455" i="2"/>
  <c r="W3423" i="6" l="1"/>
  <c r="B3455" i="2"/>
  <c r="N3456" i="2"/>
  <c r="W3424" i="6" l="1"/>
  <c r="B3456" i="2"/>
  <c r="N3457" i="2"/>
  <c r="W3425" i="6" l="1"/>
  <c r="B3457" i="2"/>
  <c r="N3458" i="2"/>
  <c r="W3426" i="6" l="1"/>
  <c r="B3458" i="2"/>
  <c r="N3459" i="2"/>
  <c r="W3427" i="6" l="1"/>
  <c r="B3459" i="2"/>
  <c r="N3460" i="2"/>
  <c r="W3428" i="6" l="1"/>
  <c r="B3460" i="2"/>
  <c r="N3461" i="2"/>
  <c r="W3429" i="6" l="1"/>
  <c r="B3461" i="2"/>
  <c r="N3462" i="2"/>
  <c r="W3430" i="6" l="1"/>
  <c r="B3462" i="2"/>
  <c r="N3463" i="2"/>
  <c r="W3431" i="6" l="1"/>
  <c r="B3463" i="2"/>
  <c r="N3464" i="2"/>
  <c r="W3432" i="6" l="1"/>
  <c r="B3464" i="2"/>
  <c r="N3465" i="2"/>
  <c r="W3433" i="6" l="1"/>
  <c r="B3465" i="2"/>
  <c r="N3466" i="2"/>
  <c r="W3434" i="6" l="1"/>
  <c r="B3466" i="2"/>
  <c r="N3467" i="2"/>
  <c r="W3435" i="6" l="1"/>
  <c r="B3467" i="2"/>
  <c r="N3468" i="2"/>
  <c r="W3436" i="6" l="1"/>
  <c r="B3468" i="2"/>
  <c r="N3469" i="2"/>
  <c r="W3437" i="6" l="1"/>
  <c r="B3469" i="2"/>
  <c r="N3470" i="2"/>
  <c r="W3438" i="6" l="1"/>
  <c r="B3470" i="2"/>
  <c r="N3471" i="2"/>
  <c r="W3439" i="6" l="1"/>
  <c r="B3471" i="2"/>
  <c r="N3472" i="2"/>
  <c r="W3440" i="6" l="1"/>
  <c r="B3472" i="2"/>
  <c r="N3473" i="2"/>
  <c r="W3441" i="6" l="1"/>
  <c r="B3473" i="2"/>
  <c r="N3474" i="2"/>
  <c r="W3442" i="6" l="1"/>
  <c r="B3474" i="2"/>
  <c r="N3475" i="2"/>
  <c r="W3443" i="6" l="1"/>
  <c r="B3475" i="2"/>
  <c r="N3476" i="2"/>
  <c r="W3444" i="6" l="1"/>
  <c r="B3476" i="2"/>
  <c r="N3477" i="2"/>
  <c r="W3445" i="6" l="1"/>
  <c r="B3477" i="2"/>
  <c r="N3478" i="2"/>
  <c r="W3446" i="6" l="1"/>
  <c r="B3478" i="2"/>
  <c r="N3479" i="2"/>
  <c r="W3447" i="6" l="1"/>
  <c r="B3479" i="2"/>
  <c r="N3480" i="2"/>
  <c r="W3448" i="6" l="1"/>
  <c r="B3480" i="2"/>
  <c r="N3481" i="2"/>
  <c r="W3449" i="6" l="1"/>
  <c r="B3481" i="2"/>
  <c r="N3482" i="2"/>
  <c r="W3450" i="6" l="1"/>
  <c r="B3482" i="2"/>
  <c r="N3483" i="2"/>
  <c r="W3451" i="6" l="1"/>
  <c r="B3483" i="2"/>
  <c r="N3484" i="2"/>
  <c r="W3452" i="6" l="1"/>
  <c r="B3484" i="2"/>
  <c r="N3485" i="2"/>
  <c r="W3453" i="6" l="1"/>
  <c r="B3485" i="2"/>
  <c r="N3486" i="2"/>
  <c r="W3454" i="6" l="1"/>
  <c r="B3486" i="2"/>
  <c r="N3487" i="2"/>
  <c r="W3455" i="6" l="1"/>
  <c r="B3487" i="2"/>
  <c r="N3488" i="2"/>
  <c r="W3456" i="6" l="1"/>
  <c r="B3488" i="2"/>
  <c r="N3489" i="2"/>
  <c r="W3457" i="6" l="1"/>
  <c r="B3489" i="2"/>
  <c r="N3490" i="2"/>
  <c r="W3458" i="6" l="1"/>
  <c r="B3490" i="2"/>
  <c r="N3491" i="2"/>
  <c r="W3459" i="6" l="1"/>
  <c r="B3491" i="2"/>
  <c r="N3492" i="2"/>
  <c r="W3460" i="6" l="1"/>
  <c r="B3492" i="2"/>
  <c r="N3493" i="2"/>
  <c r="W3461" i="6" l="1"/>
  <c r="B3493" i="2"/>
  <c r="N3494" i="2"/>
  <c r="W3462" i="6" l="1"/>
  <c r="B3494" i="2"/>
  <c r="N3495" i="2"/>
  <c r="W3463" i="6" l="1"/>
  <c r="B3495" i="2"/>
  <c r="N3496" i="2"/>
  <c r="W3464" i="6" l="1"/>
  <c r="B3496" i="2"/>
  <c r="N3497" i="2"/>
  <c r="W3465" i="6" l="1"/>
  <c r="B3497" i="2"/>
  <c r="N3498" i="2"/>
  <c r="W3466" i="6" l="1"/>
  <c r="B3498" i="2"/>
  <c r="N3499" i="2"/>
  <c r="W3467" i="6" l="1"/>
  <c r="B3499" i="2"/>
  <c r="N3500" i="2"/>
  <c r="W3468" i="6" l="1"/>
  <c r="B3500" i="2"/>
  <c r="N3501" i="2"/>
  <c r="W3469" i="6" l="1"/>
  <c r="B3501" i="2"/>
  <c r="N3502" i="2"/>
  <c r="W3470" i="6" l="1"/>
  <c r="B3502" i="2"/>
  <c r="N3503" i="2"/>
  <c r="W3471" i="6" l="1"/>
  <c r="B3503" i="2"/>
  <c r="N3504" i="2"/>
  <c r="W3472" i="6" l="1"/>
  <c r="B3504" i="2"/>
  <c r="N3505" i="2"/>
  <c r="W3473" i="6" l="1"/>
  <c r="B3505" i="2"/>
  <c r="N3506" i="2"/>
  <c r="W3474" i="6" l="1"/>
  <c r="B3506" i="2"/>
  <c r="N3507" i="2"/>
  <c r="W3475" i="6" l="1"/>
  <c r="B3507" i="2"/>
  <c r="N3508" i="2"/>
  <c r="W3476" i="6" l="1"/>
  <c r="B3508" i="2"/>
  <c r="N3509" i="2"/>
  <c r="W3477" i="6" l="1"/>
  <c r="B3509" i="2"/>
  <c r="N3510" i="2"/>
  <c r="W3478" i="6" l="1"/>
  <c r="B3510" i="2"/>
  <c r="N3511" i="2"/>
  <c r="W3479" i="6" l="1"/>
  <c r="B3511" i="2"/>
  <c r="N3512" i="2"/>
  <c r="W3480" i="6" l="1"/>
  <c r="B3512" i="2"/>
  <c r="N3513" i="2"/>
  <c r="W3481" i="6" l="1"/>
  <c r="B3513" i="2"/>
  <c r="N3514" i="2"/>
  <c r="W3482" i="6" l="1"/>
  <c r="B3514" i="2"/>
  <c r="N3515" i="2"/>
  <c r="W3483" i="6" l="1"/>
  <c r="B3515" i="2"/>
  <c r="N3516" i="2"/>
  <c r="W3484" i="6" l="1"/>
  <c r="B3516" i="2"/>
  <c r="N3517" i="2"/>
  <c r="W3485" i="6" l="1"/>
  <c r="B3517" i="2"/>
  <c r="N3518" i="2"/>
  <c r="W3486" i="6" l="1"/>
  <c r="B3518" i="2"/>
  <c r="N3519" i="2"/>
  <c r="W3487" i="6" l="1"/>
  <c r="B3519" i="2"/>
  <c r="N3520" i="2"/>
  <c r="W3488" i="6" l="1"/>
  <c r="B3520" i="2"/>
  <c r="N3521" i="2"/>
  <c r="W3489" i="6" l="1"/>
  <c r="B3521" i="2"/>
  <c r="N3522" i="2"/>
  <c r="W3490" i="6" l="1"/>
  <c r="B3522" i="2"/>
  <c r="N3523" i="2"/>
  <c r="W3491" i="6" l="1"/>
  <c r="B3523" i="2"/>
  <c r="N3524" i="2"/>
  <c r="W3492" i="6" l="1"/>
  <c r="B3524" i="2"/>
  <c r="N3525" i="2"/>
  <c r="W3493" i="6" l="1"/>
  <c r="B3525" i="2"/>
  <c r="N3526" i="2"/>
  <c r="W3494" i="6" l="1"/>
  <c r="B3526" i="2"/>
  <c r="N3527" i="2"/>
  <c r="W3495" i="6" l="1"/>
  <c r="B3527" i="2"/>
  <c r="N3528" i="2"/>
  <c r="W3496" i="6" l="1"/>
  <c r="B3528" i="2"/>
  <c r="N3529" i="2"/>
  <c r="W3497" i="6" l="1"/>
  <c r="B3529" i="2"/>
  <c r="N3530" i="2"/>
  <c r="W3498" i="6" l="1"/>
  <c r="B3530" i="2"/>
  <c r="N3531" i="2"/>
  <c r="W3499" i="6" l="1"/>
  <c r="B3531" i="2"/>
  <c r="N3532" i="2"/>
  <c r="W3500" i="6" l="1"/>
  <c r="B3532" i="2"/>
  <c r="N3533" i="2"/>
  <c r="W3501" i="6" l="1"/>
  <c r="B3533" i="2"/>
  <c r="N3534" i="2"/>
  <c r="W3502" i="6" l="1"/>
  <c r="B3534" i="2"/>
  <c r="N3535" i="2"/>
  <c r="W3503" i="6" l="1"/>
  <c r="B3535" i="2"/>
  <c r="N3536" i="2"/>
  <c r="W3504" i="6" l="1"/>
  <c r="B3536" i="2"/>
  <c r="N3537" i="2"/>
  <c r="W3505" i="6" l="1"/>
  <c r="B3537" i="2"/>
  <c r="N3538" i="2"/>
  <c r="W3506" i="6" l="1"/>
  <c r="B3538" i="2"/>
  <c r="N3539" i="2"/>
  <c r="W3507" i="6" l="1"/>
  <c r="B3539" i="2"/>
  <c r="N3540" i="2"/>
  <c r="W3508" i="6" l="1"/>
  <c r="B3540" i="2"/>
  <c r="N3541" i="2"/>
  <c r="W3509" i="6" l="1"/>
  <c r="B3541" i="2"/>
  <c r="N3542" i="2"/>
  <c r="W3510" i="6" l="1"/>
  <c r="B3542" i="2"/>
  <c r="N3543" i="2"/>
  <c r="W3511" i="6" l="1"/>
  <c r="B3543" i="2"/>
  <c r="N3544" i="2"/>
  <c r="W3512" i="6" l="1"/>
  <c r="B3544" i="2"/>
  <c r="N3545" i="2"/>
  <c r="W3513" i="6" l="1"/>
  <c r="B3545" i="2"/>
  <c r="N3546" i="2"/>
  <c r="W3514" i="6" l="1"/>
  <c r="B3546" i="2"/>
  <c r="N3547" i="2"/>
  <c r="W3515" i="6" l="1"/>
  <c r="B3547" i="2"/>
  <c r="N3548" i="2"/>
  <c r="W3516" i="6" l="1"/>
  <c r="B3548" i="2"/>
  <c r="N3549" i="2"/>
  <c r="W3517" i="6" l="1"/>
  <c r="B3549" i="2"/>
  <c r="N3550" i="2"/>
  <c r="W3518" i="6" l="1"/>
  <c r="B3550" i="2"/>
  <c r="N3551" i="2"/>
  <c r="W3519" i="6" l="1"/>
  <c r="B3551" i="2"/>
  <c r="N3552" i="2"/>
  <c r="W3520" i="6" l="1"/>
  <c r="B3552" i="2"/>
  <c r="N3553" i="2"/>
  <c r="W3521" i="6" l="1"/>
  <c r="B3553" i="2"/>
  <c r="N3554" i="2"/>
  <c r="W3522" i="6" l="1"/>
  <c r="B3554" i="2"/>
  <c r="N3555" i="2"/>
  <c r="W3523" i="6" l="1"/>
  <c r="B3555" i="2"/>
  <c r="N3556" i="2"/>
  <c r="W3524" i="6" l="1"/>
  <c r="B3556" i="2"/>
  <c r="N3557" i="2"/>
  <c r="W3525" i="6" l="1"/>
  <c r="B3557" i="2"/>
  <c r="N3558" i="2"/>
  <c r="W3526" i="6" l="1"/>
  <c r="B3558" i="2"/>
  <c r="N3559" i="2"/>
  <c r="W3527" i="6" l="1"/>
  <c r="B3559" i="2"/>
  <c r="N3560" i="2"/>
  <c r="W3528" i="6" l="1"/>
  <c r="B3560" i="2"/>
  <c r="N3561" i="2"/>
  <c r="W3529" i="6" l="1"/>
  <c r="B3561" i="2"/>
  <c r="N3562" i="2"/>
  <c r="W3530" i="6" l="1"/>
  <c r="B3562" i="2"/>
  <c r="N3563" i="2"/>
  <c r="W3531" i="6" l="1"/>
  <c r="B3563" i="2"/>
  <c r="N3564" i="2"/>
  <c r="W3532" i="6" l="1"/>
  <c r="B3564" i="2"/>
  <c r="N3565" i="2"/>
  <c r="W3533" i="6" l="1"/>
  <c r="B3565" i="2"/>
  <c r="N3566" i="2"/>
  <c r="W3534" i="6" l="1"/>
  <c r="B3566" i="2"/>
  <c r="N3567" i="2"/>
  <c r="W3535" i="6" l="1"/>
  <c r="B3567" i="2"/>
  <c r="N3568" i="2"/>
  <c r="W3536" i="6" l="1"/>
  <c r="B3568" i="2"/>
  <c r="N3569" i="2"/>
  <c r="W3537" i="6" l="1"/>
  <c r="B3569" i="2"/>
  <c r="N3570" i="2"/>
  <c r="W3538" i="6" l="1"/>
  <c r="B3570" i="2"/>
  <c r="N3571" i="2"/>
  <c r="W3539" i="6" l="1"/>
  <c r="B3571" i="2"/>
  <c r="N3572" i="2"/>
  <c r="W3540" i="6" l="1"/>
  <c r="B3572" i="2"/>
  <c r="N3573" i="2"/>
  <c r="W3541" i="6" l="1"/>
  <c r="B3573" i="2"/>
  <c r="N3574" i="2"/>
  <c r="W3542" i="6" l="1"/>
  <c r="B3574" i="2"/>
  <c r="N3575" i="2"/>
  <c r="W3543" i="6" l="1"/>
  <c r="B3575" i="2"/>
  <c r="N3576" i="2"/>
  <c r="W3544" i="6" l="1"/>
  <c r="B3576" i="2"/>
  <c r="N3577" i="2"/>
  <c r="W3545" i="6" l="1"/>
  <c r="B3577" i="2"/>
  <c r="N3578" i="2"/>
  <c r="W3546" i="6" l="1"/>
  <c r="B3578" i="2"/>
  <c r="N3579" i="2"/>
  <c r="W3547" i="6" l="1"/>
  <c r="B3579" i="2"/>
  <c r="N3580" i="2"/>
  <c r="W3548" i="6" l="1"/>
  <c r="B3580" i="2"/>
  <c r="N3581" i="2"/>
  <c r="W3549" i="6" l="1"/>
  <c r="B3581" i="2"/>
  <c r="N3582" i="2"/>
  <c r="W3550" i="6" l="1"/>
  <c r="B3582" i="2"/>
  <c r="N3583" i="2"/>
  <c r="W3551" i="6" l="1"/>
  <c r="B3583" i="2"/>
  <c r="N3584" i="2"/>
  <c r="W3552" i="6" l="1"/>
  <c r="B3584" i="2"/>
  <c r="N3585" i="2"/>
  <c r="W3553" i="6" l="1"/>
  <c r="B3585" i="2"/>
  <c r="N3586" i="2"/>
  <c r="W3554" i="6" l="1"/>
  <c r="B3586" i="2"/>
  <c r="N3587" i="2"/>
  <c r="W3555" i="6" l="1"/>
  <c r="B3587" i="2"/>
  <c r="N3588" i="2"/>
  <c r="W3556" i="6" l="1"/>
  <c r="B3588" i="2"/>
  <c r="N3589" i="2"/>
  <c r="W3557" i="6" l="1"/>
  <c r="B3589" i="2"/>
  <c r="N3590" i="2"/>
  <c r="W3558" i="6" l="1"/>
  <c r="B3590" i="2"/>
  <c r="N3591" i="2"/>
  <c r="W3559" i="6" l="1"/>
  <c r="B3591" i="2"/>
  <c r="N3592" i="2"/>
  <c r="W3560" i="6" l="1"/>
  <c r="B3592" i="2"/>
  <c r="N3593" i="2"/>
  <c r="W3561" i="6" l="1"/>
  <c r="B3593" i="2"/>
  <c r="N3594" i="2"/>
  <c r="W3562" i="6" l="1"/>
  <c r="B3594" i="2"/>
  <c r="N3595" i="2"/>
  <c r="W3563" i="6" l="1"/>
  <c r="B3595" i="2"/>
  <c r="N3596" i="2"/>
  <c r="W3564" i="6" l="1"/>
  <c r="B3596" i="2"/>
  <c r="N3597" i="2"/>
  <c r="W3565" i="6" l="1"/>
  <c r="B3597" i="2"/>
  <c r="N3598" i="2"/>
  <c r="W3566" i="6" l="1"/>
  <c r="B3598" i="2"/>
  <c r="N3599" i="2"/>
  <c r="W3567" i="6" l="1"/>
  <c r="B3599" i="2"/>
  <c r="N3600" i="2"/>
  <c r="W3568" i="6" l="1"/>
  <c r="B3600" i="2"/>
  <c r="N3601" i="2"/>
  <c r="W3569" i="6" l="1"/>
  <c r="B3601" i="2"/>
  <c r="N3602" i="2"/>
  <c r="W3570" i="6" l="1"/>
  <c r="B3602" i="2"/>
  <c r="N3603" i="2"/>
  <c r="W3571" i="6" l="1"/>
  <c r="B3603" i="2"/>
  <c r="N3604" i="2"/>
  <c r="W3572" i="6" l="1"/>
  <c r="B3604" i="2"/>
  <c r="N3605" i="2"/>
  <c r="W3573" i="6" l="1"/>
  <c r="B3605" i="2"/>
  <c r="N3606" i="2"/>
  <c r="W3574" i="6" l="1"/>
  <c r="B3606" i="2"/>
  <c r="N3607" i="2"/>
  <c r="W3575" i="6" l="1"/>
  <c r="B3607" i="2"/>
  <c r="N3608" i="2"/>
  <c r="W3576" i="6" l="1"/>
  <c r="B3608" i="2"/>
  <c r="N3609" i="2"/>
  <c r="W3577" i="6" l="1"/>
  <c r="B3609" i="2"/>
  <c r="N3610" i="2"/>
  <c r="W3578" i="6" l="1"/>
  <c r="B3610" i="2"/>
  <c r="N3611" i="2"/>
  <c r="W3579" i="6" l="1"/>
  <c r="B3611" i="2"/>
  <c r="N3612" i="2"/>
  <c r="W3580" i="6" l="1"/>
  <c r="B3612" i="2"/>
  <c r="N3613" i="2"/>
  <c r="W3581" i="6" l="1"/>
  <c r="B3613" i="2"/>
  <c r="N3614" i="2"/>
  <c r="W3582" i="6" l="1"/>
  <c r="B3614" i="2"/>
  <c r="N3615" i="2"/>
  <c r="W3583" i="6" l="1"/>
  <c r="B3615" i="2"/>
  <c r="N3616" i="2"/>
  <c r="W3584" i="6" l="1"/>
  <c r="B3616" i="2"/>
  <c r="N3617" i="2"/>
  <c r="W3585" i="6" l="1"/>
  <c r="B3617" i="2"/>
  <c r="N3618" i="2"/>
  <c r="W3586" i="6" l="1"/>
  <c r="B3618" i="2"/>
  <c r="N3619" i="2"/>
  <c r="W3587" i="6" l="1"/>
  <c r="B3619" i="2"/>
  <c r="N3620" i="2"/>
  <c r="W3588" i="6" l="1"/>
  <c r="B3620" i="2"/>
  <c r="N3621" i="2"/>
  <c r="W3589" i="6" l="1"/>
  <c r="B3621" i="2"/>
  <c r="N3622" i="2"/>
  <c r="W3590" i="6" l="1"/>
  <c r="B3622" i="2"/>
  <c r="N3623" i="2"/>
  <c r="W3591" i="6" l="1"/>
  <c r="B3623" i="2"/>
  <c r="N3624" i="2"/>
  <c r="W3592" i="6" l="1"/>
  <c r="B3624" i="2"/>
  <c r="N3625" i="2"/>
  <c r="W3593" i="6" l="1"/>
  <c r="B3625" i="2"/>
  <c r="N3626" i="2"/>
  <c r="W3594" i="6" l="1"/>
  <c r="B3626" i="2"/>
  <c r="N3627" i="2"/>
  <c r="W3595" i="6" l="1"/>
  <c r="B3627" i="2"/>
  <c r="N3628" i="2"/>
  <c r="W3596" i="6" l="1"/>
  <c r="B3628" i="2"/>
  <c r="N3629" i="2"/>
  <c r="W3597" i="6" l="1"/>
  <c r="B3629" i="2"/>
  <c r="N3630" i="2"/>
  <c r="W3598" i="6" l="1"/>
  <c r="B3630" i="2"/>
  <c r="N3631" i="2"/>
  <c r="W3599" i="6" l="1"/>
  <c r="B3631" i="2"/>
  <c r="N3632" i="2"/>
  <c r="W3600" i="6" l="1"/>
  <c r="B3632" i="2"/>
  <c r="N3633" i="2"/>
  <c r="W3601" i="6" l="1"/>
  <c r="B3633" i="2"/>
  <c r="N3634" i="2"/>
  <c r="W3602" i="6" l="1"/>
  <c r="B3634" i="2"/>
  <c r="N3635" i="2"/>
  <c r="W3603" i="6" l="1"/>
  <c r="B3635" i="2"/>
  <c r="N3636" i="2"/>
  <c r="W3604" i="6" l="1"/>
  <c r="B3636" i="2"/>
  <c r="N3637" i="2"/>
  <c r="W3605" i="6" l="1"/>
  <c r="B3637" i="2"/>
  <c r="N3638" i="2"/>
  <c r="W3606" i="6" l="1"/>
  <c r="B3638" i="2"/>
  <c r="N3639" i="2"/>
  <c r="W3607" i="6" l="1"/>
  <c r="B3639" i="2"/>
  <c r="N3640" i="2"/>
  <c r="W3608" i="6" l="1"/>
  <c r="B3640" i="2"/>
  <c r="N3641" i="2"/>
  <c r="W3609" i="6" l="1"/>
  <c r="B3641" i="2"/>
  <c r="N3642" i="2"/>
  <c r="W3610" i="6" l="1"/>
  <c r="B3642" i="2"/>
  <c r="N3643" i="2"/>
  <c r="W3611" i="6" l="1"/>
  <c r="B3643" i="2"/>
  <c r="N3644" i="2"/>
  <c r="W3612" i="6" l="1"/>
  <c r="B3644" i="2"/>
  <c r="N3645" i="2"/>
  <c r="W3613" i="6" l="1"/>
  <c r="B3645" i="2"/>
  <c r="N3646" i="2"/>
  <c r="W3614" i="6" l="1"/>
  <c r="B3646" i="2"/>
  <c r="N3647" i="2"/>
  <c r="W3615" i="6" l="1"/>
  <c r="B3647" i="2"/>
  <c r="N3648" i="2"/>
  <c r="W3616" i="6" l="1"/>
  <c r="B3648" i="2"/>
  <c r="N3649" i="2"/>
  <c r="W3617" i="6" l="1"/>
  <c r="B3649" i="2"/>
  <c r="N3650" i="2"/>
  <c r="W3618" i="6" l="1"/>
  <c r="B3650" i="2"/>
  <c r="N3651" i="2"/>
  <c r="W3619" i="6" l="1"/>
  <c r="B3651" i="2"/>
  <c r="N3652" i="2"/>
  <c r="W3620" i="6" l="1"/>
  <c r="B3652" i="2"/>
  <c r="N3653" i="2"/>
  <c r="W3621" i="6" l="1"/>
  <c r="B3653" i="2"/>
  <c r="N3654" i="2"/>
  <c r="W3622" i="6" l="1"/>
  <c r="B3654" i="2"/>
  <c r="N3655" i="2"/>
  <c r="W3623" i="6" l="1"/>
  <c r="B3655" i="2"/>
  <c r="N3656" i="2"/>
  <c r="W3624" i="6" l="1"/>
  <c r="B3656" i="2"/>
  <c r="N3657" i="2"/>
  <c r="W3625" i="6" l="1"/>
  <c r="B3657" i="2"/>
  <c r="N3658" i="2"/>
  <c r="W3626" i="6" l="1"/>
  <c r="B3658" i="2"/>
  <c r="N3659" i="2"/>
  <c r="W3627" i="6" l="1"/>
  <c r="B3659" i="2"/>
  <c r="N3660" i="2"/>
  <c r="W3628" i="6" l="1"/>
  <c r="B3660" i="2"/>
  <c r="N3661" i="2"/>
  <c r="W3629" i="6" l="1"/>
  <c r="B3661" i="2"/>
  <c r="N3662" i="2"/>
  <c r="W3630" i="6" l="1"/>
  <c r="B3662" i="2"/>
  <c r="N3663" i="2"/>
  <c r="W3631" i="6" l="1"/>
  <c r="B3663" i="2"/>
  <c r="N3664" i="2"/>
  <c r="W3632" i="6" l="1"/>
  <c r="B3664" i="2"/>
  <c r="N3665" i="2"/>
  <c r="W3633" i="6" l="1"/>
  <c r="B3665" i="2"/>
  <c r="N3666" i="2"/>
  <c r="W3634" i="6" l="1"/>
  <c r="B3666" i="2"/>
  <c r="N3667" i="2"/>
  <c r="W3635" i="6" l="1"/>
  <c r="B3667" i="2"/>
  <c r="N3668" i="2"/>
  <c r="W3636" i="6" l="1"/>
  <c r="B3668" i="2"/>
  <c r="N3669" i="2"/>
  <c r="W3637" i="6" l="1"/>
  <c r="B3669" i="2"/>
  <c r="N3670" i="2"/>
  <c r="W3638" i="6" l="1"/>
  <c r="B3670" i="2"/>
  <c r="N3671" i="2"/>
  <c r="W3639" i="6" l="1"/>
  <c r="B3671" i="2"/>
  <c r="N3672" i="2"/>
  <c r="W3640" i="6" l="1"/>
  <c r="B3672" i="2"/>
  <c r="N3673" i="2"/>
  <c r="W3641" i="6" l="1"/>
  <c r="B3673" i="2"/>
  <c r="N3674" i="2"/>
  <c r="W3642" i="6" l="1"/>
  <c r="B3674" i="2"/>
  <c r="N3675" i="2"/>
  <c r="W3643" i="6" l="1"/>
  <c r="B3675" i="2"/>
  <c r="N3676" i="2"/>
  <c r="W3644" i="6" l="1"/>
  <c r="B3676" i="2"/>
  <c r="N3677" i="2"/>
  <c r="W3645" i="6" l="1"/>
  <c r="B3677" i="2"/>
  <c r="N3678" i="2"/>
  <c r="W3646" i="6" l="1"/>
  <c r="B3678" i="2"/>
  <c r="N3679" i="2"/>
  <c r="W3647" i="6" l="1"/>
  <c r="B3679" i="2"/>
  <c r="N3680" i="2"/>
  <c r="W3648" i="6" l="1"/>
  <c r="B3680" i="2"/>
  <c r="N3681" i="2"/>
  <c r="W3649" i="6" l="1"/>
  <c r="B3681" i="2"/>
  <c r="N3682" i="2"/>
  <c r="W3650" i="6" l="1"/>
  <c r="B3682" i="2"/>
  <c r="N3683" i="2"/>
  <c r="W3651" i="6" l="1"/>
  <c r="B3683" i="2"/>
  <c r="N3684" i="2"/>
  <c r="W3652" i="6" l="1"/>
  <c r="B3684" i="2"/>
  <c r="N3685" i="2"/>
  <c r="W3653" i="6" l="1"/>
  <c r="B3685" i="2"/>
  <c r="N3686" i="2"/>
  <c r="W3654" i="6" l="1"/>
  <c r="B3686" i="2"/>
  <c r="N3687" i="2"/>
  <c r="W3655" i="6" l="1"/>
  <c r="B3687" i="2"/>
  <c r="N3688" i="2"/>
  <c r="W3656" i="6" l="1"/>
  <c r="B3688" i="2"/>
  <c r="N3689" i="2"/>
  <c r="W3657" i="6" l="1"/>
  <c r="B3689" i="2"/>
  <c r="N3690" i="2"/>
  <c r="W3658" i="6" l="1"/>
  <c r="B3690" i="2"/>
  <c r="N3691" i="2"/>
  <c r="W3659" i="6" l="1"/>
  <c r="B3691" i="2"/>
  <c r="N3692" i="2"/>
  <c r="W3660" i="6" l="1"/>
  <c r="B3692" i="2"/>
  <c r="N3693" i="2"/>
  <c r="W3661" i="6" l="1"/>
  <c r="B3693" i="2"/>
  <c r="N3694" i="2"/>
  <c r="W3662" i="6" l="1"/>
  <c r="B3694" i="2"/>
  <c r="N3695" i="2"/>
  <c r="W3663" i="6" l="1"/>
  <c r="B3695" i="2"/>
  <c r="N3696" i="2"/>
  <c r="W3664" i="6" l="1"/>
  <c r="B3696" i="2"/>
  <c r="N3697" i="2"/>
  <c r="W3665" i="6" l="1"/>
  <c r="B3697" i="2"/>
  <c r="N3698" i="2"/>
  <c r="W3666" i="6" l="1"/>
  <c r="B3698" i="2"/>
  <c r="N3699" i="2"/>
  <c r="W3667" i="6" l="1"/>
  <c r="B3699" i="2"/>
  <c r="N3700" i="2"/>
  <c r="W3668" i="6" l="1"/>
  <c r="B3700" i="2"/>
  <c r="N3701" i="2"/>
  <c r="W3669" i="6" l="1"/>
  <c r="B3701" i="2"/>
  <c r="N3702" i="2"/>
  <c r="W3670" i="6" l="1"/>
  <c r="B3702" i="2"/>
  <c r="N3703" i="2"/>
  <c r="W3671" i="6" l="1"/>
  <c r="B3703" i="2"/>
  <c r="N3704" i="2"/>
  <c r="W3672" i="6" l="1"/>
  <c r="B3704" i="2"/>
  <c r="N3705" i="2"/>
  <c r="W3673" i="6" l="1"/>
  <c r="B3705" i="2"/>
  <c r="N3706" i="2"/>
  <c r="W3674" i="6" l="1"/>
  <c r="B3706" i="2"/>
  <c r="N3707" i="2"/>
  <c r="W3675" i="6" l="1"/>
  <c r="B3707" i="2"/>
  <c r="N3708" i="2"/>
  <c r="W3676" i="6" l="1"/>
  <c r="B3708" i="2"/>
  <c r="N3709" i="2"/>
  <c r="W3677" i="6" l="1"/>
  <c r="B3709" i="2"/>
  <c r="N3710" i="2"/>
  <c r="W3678" i="6" l="1"/>
  <c r="B3710" i="2"/>
  <c r="N3711" i="2"/>
  <c r="W3679" i="6" l="1"/>
  <c r="B3711" i="2"/>
  <c r="N3712" i="2"/>
  <c r="W3680" i="6" l="1"/>
  <c r="B3712" i="2"/>
  <c r="N3713" i="2"/>
  <c r="W3681" i="6" l="1"/>
  <c r="B3713" i="2"/>
  <c r="N3714" i="2"/>
  <c r="W3682" i="6" l="1"/>
  <c r="B3714" i="2"/>
  <c r="N3715" i="2"/>
  <c r="W3683" i="6" l="1"/>
  <c r="B3715" i="2"/>
  <c r="N3716" i="2"/>
  <c r="W3684" i="6" l="1"/>
  <c r="B3716" i="2"/>
  <c r="N3717" i="2"/>
  <c r="W3685" i="6" l="1"/>
  <c r="B3717" i="2"/>
  <c r="N3718" i="2"/>
  <c r="W3686" i="6" l="1"/>
  <c r="B3718" i="2"/>
  <c r="N3719" i="2"/>
  <c r="W3687" i="6" l="1"/>
  <c r="B3719" i="2"/>
  <c r="N3720" i="2"/>
  <c r="W3688" i="6" l="1"/>
  <c r="B3720" i="2"/>
  <c r="N3721" i="2"/>
  <c r="W3689" i="6" l="1"/>
  <c r="B3721" i="2"/>
  <c r="N3722" i="2"/>
  <c r="W3690" i="6" l="1"/>
  <c r="B3722" i="2"/>
  <c r="N3723" i="2"/>
  <c r="W3691" i="6" l="1"/>
  <c r="B3723" i="2"/>
  <c r="N3724" i="2"/>
  <c r="W3692" i="6" l="1"/>
  <c r="B3724" i="2"/>
  <c r="N3725" i="2"/>
  <c r="W3693" i="6" l="1"/>
  <c r="B3725" i="2"/>
  <c r="N3726" i="2"/>
  <c r="W3694" i="6" l="1"/>
  <c r="B3726" i="2"/>
  <c r="N3727" i="2"/>
  <c r="W3695" i="6" l="1"/>
  <c r="B3727" i="2"/>
  <c r="N3728" i="2"/>
  <c r="W3696" i="6" l="1"/>
  <c r="B3728" i="2"/>
  <c r="N3729" i="2"/>
  <c r="W3697" i="6" l="1"/>
  <c r="B3729" i="2"/>
  <c r="N3730" i="2"/>
  <c r="W3698" i="6" l="1"/>
  <c r="B3730" i="2"/>
  <c r="N3731" i="2"/>
  <c r="W3699" i="6" l="1"/>
  <c r="B3731" i="2"/>
  <c r="N3732" i="2"/>
  <c r="W3700" i="6" l="1"/>
  <c r="B3732" i="2"/>
  <c r="N3733" i="2"/>
  <c r="W3701" i="6" l="1"/>
  <c r="B3733" i="2"/>
  <c r="N3734" i="2"/>
  <c r="W3702" i="6" l="1"/>
  <c r="B3734" i="2"/>
  <c r="N3735" i="2"/>
  <c r="W3703" i="6" l="1"/>
  <c r="B3735" i="2"/>
  <c r="N3736" i="2"/>
  <c r="W3704" i="6" l="1"/>
  <c r="B3736" i="2"/>
  <c r="N3737" i="2"/>
  <c r="W3705" i="6" l="1"/>
  <c r="B3737" i="2"/>
  <c r="N3738" i="2"/>
  <c r="W3706" i="6" l="1"/>
  <c r="B3738" i="2"/>
  <c r="N3739" i="2"/>
  <c r="W3707" i="6" l="1"/>
  <c r="B3739" i="2"/>
  <c r="N3740" i="2"/>
  <c r="W3708" i="6" l="1"/>
  <c r="B3740" i="2"/>
  <c r="N3741" i="2"/>
  <c r="W3709" i="6" l="1"/>
  <c r="B3741" i="2"/>
  <c r="N3742" i="2"/>
  <c r="W3710" i="6" l="1"/>
  <c r="B3742" i="2"/>
  <c r="N3743" i="2"/>
  <c r="W3711" i="6" l="1"/>
  <c r="B3743" i="2"/>
  <c r="N3744" i="2"/>
  <c r="W3712" i="6" l="1"/>
  <c r="B3744" i="2"/>
  <c r="N3745" i="2"/>
  <c r="W3713" i="6" l="1"/>
  <c r="B3745" i="2"/>
  <c r="N3746" i="2"/>
  <c r="W3714" i="6" l="1"/>
  <c r="B3746" i="2"/>
  <c r="N3747" i="2"/>
  <c r="W3715" i="6" l="1"/>
  <c r="B3747" i="2"/>
  <c r="N3748" i="2"/>
  <c r="W3716" i="6" l="1"/>
  <c r="B3748" i="2"/>
  <c r="N3749" i="2"/>
  <c r="W3717" i="6" l="1"/>
  <c r="B3749" i="2"/>
  <c r="N3750" i="2"/>
  <c r="W3718" i="6" l="1"/>
  <c r="B3750" i="2"/>
  <c r="N3751" i="2"/>
  <c r="W3719" i="6" l="1"/>
  <c r="B3751" i="2"/>
  <c r="N3752" i="2"/>
  <c r="W3720" i="6" l="1"/>
  <c r="B3752" i="2"/>
  <c r="N3753" i="2"/>
  <c r="W3721" i="6" l="1"/>
  <c r="B3753" i="2"/>
  <c r="N3754" i="2"/>
  <c r="W3722" i="6" l="1"/>
  <c r="B3754" i="2"/>
  <c r="N3755" i="2"/>
  <c r="W3723" i="6" l="1"/>
  <c r="B3755" i="2"/>
  <c r="N3756" i="2"/>
  <c r="W3724" i="6" l="1"/>
  <c r="B3756" i="2"/>
  <c r="N3757" i="2"/>
  <c r="W3725" i="6" l="1"/>
  <c r="B3757" i="2"/>
  <c r="N3758" i="2"/>
  <c r="W3726" i="6" l="1"/>
  <c r="B3758" i="2"/>
  <c r="N3759" i="2"/>
  <c r="W3727" i="6" l="1"/>
  <c r="B3759" i="2"/>
  <c r="N3760" i="2"/>
  <c r="W3728" i="6" l="1"/>
  <c r="B3760" i="2"/>
  <c r="N3761" i="2"/>
  <c r="W3729" i="6" l="1"/>
  <c r="B3761" i="2"/>
  <c r="N3762" i="2"/>
  <c r="W3730" i="6" l="1"/>
  <c r="B3762" i="2"/>
  <c r="N3763" i="2"/>
  <c r="W3731" i="6" l="1"/>
  <c r="B3763" i="2"/>
  <c r="N3764" i="2"/>
  <c r="W3732" i="6" l="1"/>
  <c r="B3764" i="2"/>
  <c r="N3765" i="2"/>
  <c r="W3733" i="6" l="1"/>
  <c r="B3765" i="2"/>
  <c r="N3766" i="2"/>
  <c r="W3734" i="6" l="1"/>
  <c r="B3766" i="2"/>
  <c r="N3767" i="2"/>
  <c r="W3735" i="6" l="1"/>
  <c r="B3767" i="2"/>
  <c r="N3768" i="2"/>
  <c r="W3736" i="6" l="1"/>
  <c r="B3768" i="2"/>
  <c r="N3769" i="2"/>
  <c r="W3737" i="6" l="1"/>
  <c r="B3769" i="2"/>
  <c r="N3770" i="2"/>
  <c r="W3738" i="6" l="1"/>
  <c r="B3770" i="2"/>
  <c r="N3771" i="2"/>
  <c r="W3739" i="6" l="1"/>
  <c r="B3771" i="2"/>
  <c r="N3772" i="2"/>
  <c r="W3740" i="6" l="1"/>
  <c r="B3772" i="2"/>
  <c r="N3773" i="2"/>
  <c r="W3741" i="6" l="1"/>
  <c r="B3773" i="2"/>
  <c r="N3774" i="2"/>
  <c r="W3742" i="6" l="1"/>
  <c r="B3774" i="2"/>
  <c r="N3775" i="2"/>
  <c r="W3743" i="6" l="1"/>
  <c r="B3775" i="2"/>
  <c r="N3776" i="2"/>
  <c r="W3744" i="6" l="1"/>
  <c r="B3776" i="2"/>
  <c r="N3777" i="2"/>
  <c r="W3745" i="6" l="1"/>
  <c r="B3777" i="2"/>
  <c r="N3778" i="2"/>
  <c r="W3746" i="6" l="1"/>
  <c r="B3778" i="2"/>
  <c r="N3779" i="2"/>
  <c r="W3747" i="6" l="1"/>
  <c r="B3779" i="2"/>
  <c r="N3780" i="2"/>
  <c r="W3748" i="6" l="1"/>
  <c r="B3780" i="2"/>
  <c r="N3781" i="2"/>
  <c r="W3749" i="6" l="1"/>
  <c r="B3781" i="2"/>
  <c r="N3782" i="2"/>
  <c r="W3750" i="6" l="1"/>
  <c r="B3782" i="2"/>
  <c r="N3783" i="2"/>
  <c r="W3751" i="6" l="1"/>
  <c r="B3783" i="2"/>
  <c r="N3784" i="2"/>
  <c r="W3752" i="6" l="1"/>
  <c r="B3784" i="2"/>
  <c r="N3785" i="2"/>
  <c r="W3753" i="6" l="1"/>
  <c r="B3785" i="2"/>
  <c r="N3786" i="2"/>
  <c r="W3754" i="6" l="1"/>
  <c r="B3786" i="2"/>
  <c r="N3787" i="2"/>
  <c r="W3755" i="6" l="1"/>
  <c r="B3787" i="2"/>
  <c r="N3788" i="2"/>
  <c r="W3756" i="6" l="1"/>
  <c r="B3788" i="2"/>
  <c r="N3789" i="2"/>
  <c r="W3757" i="6" l="1"/>
  <c r="B3789" i="2"/>
  <c r="N3790" i="2"/>
  <c r="W3758" i="6" l="1"/>
  <c r="B3790" i="2"/>
  <c r="N3791" i="2"/>
  <c r="W3759" i="6" l="1"/>
  <c r="B3791" i="2"/>
  <c r="N3792" i="2"/>
  <c r="W3760" i="6" l="1"/>
  <c r="B3792" i="2"/>
  <c r="N3793" i="2"/>
  <c r="W3761" i="6" l="1"/>
  <c r="B3793" i="2"/>
  <c r="N3794" i="2"/>
  <c r="W3762" i="6" l="1"/>
  <c r="B3794" i="2"/>
  <c r="N3795" i="2"/>
  <c r="W3763" i="6" l="1"/>
  <c r="B3795" i="2"/>
  <c r="N3796" i="2"/>
  <c r="W3764" i="6" l="1"/>
  <c r="B3796" i="2"/>
  <c r="N3797" i="2"/>
  <c r="W3765" i="6" l="1"/>
  <c r="B3797" i="2"/>
  <c r="N3798" i="2"/>
  <c r="W3766" i="6" l="1"/>
  <c r="B3798" i="2"/>
  <c r="N3799" i="2"/>
  <c r="W3767" i="6" l="1"/>
  <c r="B3799" i="2"/>
  <c r="N3800" i="2"/>
  <c r="W3768" i="6" l="1"/>
  <c r="B3800" i="2"/>
  <c r="N3801" i="2"/>
  <c r="W3769" i="6" l="1"/>
  <c r="B3801" i="2"/>
  <c r="N3802" i="2"/>
  <c r="W3770" i="6" l="1"/>
  <c r="B3802" i="2"/>
  <c r="N3803" i="2"/>
  <c r="W3771" i="6" l="1"/>
  <c r="B3803" i="2"/>
  <c r="N3804" i="2"/>
  <c r="W3772" i="6" l="1"/>
  <c r="B3804" i="2"/>
  <c r="N3805" i="2"/>
  <c r="W3773" i="6" l="1"/>
  <c r="B3805" i="2"/>
  <c r="N3806" i="2"/>
  <c r="W3774" i="6" l="1"/>
  <c r="B3806" i="2"/>
  <c r="N3807" i="2"/>
  <c r="W3775" i="6" l="1"/>
  <c r="B3807" i="2"/>
  <c r="N3808" i="2"/>
  <c r="W3776" i="6" l="1"/>
  <c r="B3808" i="2"/>
  <c r="N3809" i="2"/>
  <c r="W3777" i="6" l="1"/>
  <c r="B3809" i="2"/>
  <c r="N3810" i="2"/>
  <c r="W3778" i="6" l="1"/>
  <c r="B3810" i="2"/>
  <c r="N3811" i="2"/>
  <c r="W3779" i="6" l="1"/>
  <c r="B3811" i="2"/>
  <c r="N3812" i="2"/>
  <c r="W3780" i="6" l="1"/>
  <c r="B3812" i="2"/>
  <c r="N3813" i="2"/>
  <c r="W3781" i="6" l="1"/>
  <c r="B3813" i="2"/>
  <c r="N3814" i="2"/>
  <c r="W3782" i="6" l="1"/>
  <c r="B3814" i="2"/>
  <c r="N3815" i="2"/>
  <c r="W3783" i="6" l="1"/>
  <c r="B3815" i="2"/>
  <c r="N3816" i="2"/>
  <c r="W3784" i="6" l="1"/>
  <c r="B3816" i="2"/>
  <c r="N3817" i="2"/>
  <c r="W3785" i="6" l="1"/>
  <c r="B3817" i="2"/>
  <c r="N3818" i="2"/>
  <c r="W3786" i="6" l="1"/>
  <c r="B3818" i="2"/>
  <c r="N3819" i="2"/>
  <c r="W3787" i="6" l="1"/>
  <c r="B3819" i="2"/>
  <c r="N3820" i="2"/>
  <c r="W3788" i="6" l="1"/>
  <c r="B3820" i="2"/>
  <c r="N3821" i="2"/>
  <c r="W3789" i="6" l="1"/>
  <c r="B3821" i="2"/>
  <c r="N3822" i="2"/>
  <c r="W3790" i="6" l="1"/>
  <c r="B3822" i="2"/>
  <c r="N3823" i="2"/>
  <c r="W3791" i="6" l="1"/>
  <c r="B3823" i="2"/>
  <c r="N3824" i="2"/>
  <c r="W3792" i="6" l="1"/>
  <c r="B3824" i="2"/>
  <c r="N3825" i="2"/>
  <c r="W3793" i="6" l="1"/>
  <c r="B3825" i="2"/>
  <c r="N3826" i="2"/>
  <c r="W3794" i="6" l="1"/>
  <c r="B3826" i="2"/>
  <c r="N3827" i="2"/>
  <c r="W3795" i="6" l="1"/>
  <c r="B3827" i="2"/>
  <c r="N3828" i="2"/>
  <c r="W3796" i="6" l="1"/>
  <c r="B3828" i="2"/>
  <c r="N3829" i="2"/>
  <c r="W3797" i="6" l="1"/>
  <c r="B3829" i="2"/>
  <c r="N3830" i="2"/>
  <c r="W3798" i="6" l="1"/>
  <c r="B3830" i="2"/>
  <c r="N3831" i="2"/>
  <c r="W3799" i="6" l="1"/>
  <c r="B3831" i="2"/>
  <c r="N3832" i="2"/>
  <c r="W3800" i="6" l="1"/>
  <c r="B3832" i="2"/>
  <c r="N3833" i="2"/>
  <c r="W3801" i="6" l="1"/>
  <c r="B3833" i="2"/>
  <c r="N3834" i="2"/>
  <c r="W3802" i="6" l="1"/>
  <c r="B3834" i="2"/>
  <c r="N3835" i="2"/>
  <c r="W3803" i="6" l="1"/>
  <c r="B3835" i="2"/>
  <c r="N3836" i="2"/>
  <c r="W3804" i="6" l="1"/>
  <c r="B3836" i="2"/>
  <c r="N3837" i="2"/>
  <c r="W3805" i="6" l="1"/>
  <c r="B3837" i="2"/>
  <c r="N3838" i="2"/>
  <c r="W3806" i="6" l="1"/>
  <c r="B3838" i="2"/>
  <c r="N3839" i="2"/>
  <c r="W3807" i="6" l="1"/>
  <c r="B3839" i="2"/>
  <c r="N3840" i="2"/>
  <c r="W3808" i="6" l="1"/>
  <c r="B3840" i="2"/>
  <c r="N3841" i="2"/>
  <c r="W3809" i="6" l="1"/>
  <c r="B3841" i="2"/>
  <c r="N3842" i="2"/>
  <c r="W3810" i="6" l="1"/>
  <c r="B3842" i="2"/>
  <c r="N3843" i="2"/>
  <c r="W3811" i="6" l="1"/>
  <c r="B3843" i="2"/>
  <c r="N3844" i="2"/>
  <c r="W3812" i="6" l="1"/>
  <c r="B3844" i="2"/>
  <c r="N3845" i="2"/>
  <c r="W3813" i="6" l="1"/>
  <c r="B3845" i="2"/>
  <c r="N3846" i="2"/>
  <c r="W3814" i="6" l="1"/>
  <c r="B3846" i="2"/>
  <c r="N3847" i="2"/>
  <c r="W3815" i="6" l="1"/>
  <c r="B3847" i="2"/>
  <c r="N3848" i="2"/>
  <c r="W3816" i="6" l="1"/>
  <c r="B3848" i="2"/>
  <c r="N3849" i="2"/>
  <c r="W3817" i="6" l="1"/>
  <c r="B3849" i="2"/>
  <c r="N3850" i="2"/>
  <c r="W3818" i="6" l="1"/>
  <c r="B3850" i="2"/>
  <c r="N3851" i="2"/>
  <c r="W3819" i="6" l="1"/>
  <c r="B3851" i="2"/>
  <c r="N3852" i="2"/>
  <c r="W3820" i="6" l="1"/>
  <c r="B3852" i="2"/>
  <c r="N3853" i="2"/>
  <c r="W3821" i="6" l="1"/>
  <c r="B3853" i="2"/>
  <c r="N3854" i="2"/>
  <c r="W3822" i="6" l="1"/>
  <c r="B3854" i="2"/>
  <c r="N3855" i="2"/>
  <c r="W3823" i="6" l="1"/>
  <c r="B3855" i="2"/>
  <c r="N3856" i="2"/>
  <c r="W3824" i="6" l="1"/>
  <c r="B3856" i="2"/>
  <c r="N3857" i="2"/>
  <c r="W3825" i="6" l="1"/>
  <c r="B3857" i="2"/>
  <c r="N3858" i="2"/>
  <c r="W3826" i="6" l="1"/>
  <c r="B3858" i="2"/>
  <c r="N3859" i="2"/>
  <c r="W3827" i="6" l="1"/>
  <c r="B3859" i="2"/>
  <c r="N3860" i="2"/>
  <c r="W3828" i="6" l="1"/>
  <c r="B3860" i="2"/>
  <c r="N3861" i="2"/>
  <c r="W3829" i="6" l="1"/>
  <c r="B3861" i="2"/>
  <c r="N3862" i="2"/>
  <c r="W3830" i="6" l="1"/>
  <c r="B3862" i="2"/>
  <c r="N3863" i="2"/>
  <c r="W3831" i="6" l="1"/>
  <c r="B3863" i="2"/>
  <c r="N3864" i="2"/>
  <c r="W3832" i="6" l="1"/>
  <c r="B3864" i="2"/>
  <c r="N3865" i="2"/>
  <c r="W3833" i="6" l="1"/>
  <c r="B3865" i="2"/>
  <c r="N3866" i="2"/>
  <c r="W3834" i="6" l="1"/>
  <c r="B3866" i="2"/>
  <c r="N3867" i="2"/>
  <c r="W3835" i="6" l="1"/>
  <c r="B3867" i="2"/>
  <c r="N3868" i="2"/>
  <c r="W3836" i="6" l="1"/>
  <c r="B3868" i="2"/>
  <c r="N3869" i="2"/>
  <c r="W3837" i="6" l="1"/>
  <c r="B3869" i="2"/>
  <c r="N3870" i="2"/>
  <c r="W3838" i="6" l="1"/>
  <c r="B3870" i="2"/>
  <c r="N3871" i="2"/>
  <c r="W3839" i="6" l="1"/>
  <c r="B3871" i="2"/>
  <c r="N3872" i="2"/>
  <c r="W3840" i="6" l="1"/>
  <c r="B3872" i="2"/>
  <c r="N3873" i="2"/>
  <c r="W3841" i="6" l="1"/>
  <c r="B3873" i="2"/>
  <c r="N3874" i="2"/>
  <c r="W3842" i="6" l="1"/>
  <c r="B3874" i="2"/>
  <c r="N3875" i="2"/>
  <c r="W3843" i="6" l="1"/>
  <c r="B3875" i="2"/>
  <c r="N3876" i="2"/>
  <c r="W3844" i="6" l="1"/>
  <c r="B3876" i="2"/>
  <c r="N3877" i="2"/>
  <c r="W3845" i="6" l="1"/>
  <c r="B3877" i="2"/>
  <c r="N3878" i="2"/>
  <c r="W3846" i="6" l="1"/>
  <c r="B3878" i="2"/>
  <c r="N3879" i="2"/>
  <c r="W3847" i="6" l="1"/>
  <c r="B3879" i="2"/>
  <c r="N3880" i="2"/>
  <c r="W3848" i="6" l="1"/>
  <c r="B3880" i="2"/>
  <c r="N3881" i="2"/>
  <c r="W3849" i="6" l="1"/>
  <c r="B3881" i="2"/>
  <c r="N3882" i="2"/>
  <c r="W3850" i="6" l="1"/>
  <c r="B3882" i="2"/>
  <c r="N3883" i="2"/>
  <c r="W3851" i="6" l="1"/>
  <c r="B3883" i="2"/>
  <c r="N3884" i="2"/>
  <c r="W3852" i="6" l="1"/>
  <c r="B3884" i="2"/>
  <c r="N3885" i="2"/>
  <c r="W3853" i="6" l="1"/>
  <c r="B3885" i="2"/>
  <c r="N3886" i="2"/>
  <c r="W3854" i="6" l="1"/>
  <c r="B3886" i="2"/>
  <c r="N3887" i="2"/>
  <c r="W3855" i="6" l="1"/>
  <c r="B3887" i="2"/>
  <c r="N3888" i="2"/>
  <c r="W3856" i="6" l="1"/>
  <c r="B3888" i="2"/>
  <c r="N3889" i="2"/>
  <c r="W3857" i="6" l="1"/>
  <c r="B3889" i="2"/>
  <c r="N3890" i="2"/>
  <c r="W3858" i="6" l="1"/>
  <c r="B3890" i="2"/>
  <c r="N3891" i="2"/>
  <c r="W3859" i="6" l="1"/>
  <c r="B3891" i="2"/>
  <c r="N3892" i="2"/>
  <c r="W3860" i="6" l="1"/>
  <c r="B3892" i="2"/>
  <c r="N3893" i="2"/>
  <c r="W3861" i="6" l="1"/>
  <c r="B3893" i="2"/>
  <c r="N3894" i="2"/>
  <c r="W3862" i="6" l="1"/>
  <c r="B3894" i="2"/>
  <c r="N3895" i="2"/>
  <c r="W3863" i="6" l="1"/>
  <c r="B3895" i="2"/>
  <c r="N3896" i="2"/>
  <c r="W3864" i="6" l="1"/>
  <c r="B3896" i="2"/>
  <c r="N3897" i="2"/>
  <c r="W3865" i="6" l="1"/>
  <c r="B3897" i="2"/>
  <c r="N3898" i="2"/>
  <c r="W3866" i="6" l="1"/>
  <c r="B3898" i="2"/>
  <c r="N3899" i="2"/>
  <c r="W3867" i="6" l="1"/>
  <c r="B3899" i="2"/>
  <c r="N3900" i="2"/>
  <c r="W3868" i="6" l="1"/>
  <c r="B3900" i="2"/>
  <c r="N3901" i="2"/>
  <c r="W3869" i="6" l="1"/>
  <c r="B3901" i="2"/>
  <c r="N3902" i="2"/>
  <c r="W3870" i="6" l="1"/>
  <c r="B3902" i="2"/>
  <c r="N3903" i="2"/>
  <c r="W3871" i="6" l="1"/>
  <c r="B3903" i="2"/>
  <c r="N3904" i="2"/>
  <c r="W3872" i="6" l="1"/>
  <c r="B3904" i="2"/>
  <c r="N3905" i="2"/>
  <c r="W3873" i="6" l="1"/>
  <c r="B3905" i="2"/>
  <c r="N3906" i="2"/>
  <c r="W3874" i="6" l="1"/>
  <c r="B3906" i="2"/>
  <c r="N3907" i="2"/>
  <c r="W3875" i="6" l="1"/>
  <c r="B3907" i="2"/>
  <c r="N3908" i="2"/>
  <c r="W3876" i="6" l="1"/>
  <c r="B3908" i="2"/>
  <c r="N3909" i="2"/>
  <c r="W3877" i="6" l="1"/>
  <c r="B3909" i="2"/>
  <c r="N3910" i="2"/>
  <c r="W3878" i="6" l="1"/>
  <c r="B3910" i="2"/>
  <c r="N3911" i="2"/>
  <c r="W3879" i="6" l="1"/>
  <c r="B3911" i="2"/>
  <c r="N3912" i="2"/>
  <c r="W3880" i="6" l="1"/>
  <c r="B3912" i="2"/>
  <c r="N3913" i="2"/>
  <c r="W3881" i="6" l="1"/>
  <c r="B3913" i="2"/>
  <c r="N3914" i="2"/>
  <c r="W3882" i="6" l="1"/>
  <c r="B3914" i="2"/>
  <c r="N3915" i="2"/>
  <c r="W3883" i="6" l="1"/>
  <c r="B3915" i="2"/>
  <c r="N3916" i="2"/>
  <c r="W3884" i="6" l="1"/>
  <c r="B3916" i="2"/>
  <c r="N3917" i="2"/>
  <c r="W3885" i="6" l="1"/>
  <c r="B3917" i="2"/>
  <c r="N3918" i="2"/>
  <c r="W3886" i="6" l="1"/>
  <c r="B3918" i="2"/>
  <c r="N3919" i="2"/>
  <c r="W3887" i="6" l="1"/>
  <c r="B3919" i="2"/>
  <c r="N3920" i="2"/>
  <c r="W3888" i="6" l="1"/>
  <c r="B3920" i="2"/>
  <c r="N3921" i="2"/>
  <c r="W3889" i="6" l="1"/>
  <c r="B3921" i="2"/>
  <c r="N3922" i="2"/>
  <c r="W3890" i="6" l="1"/>
  <c r="B3922" i="2"/>
  <c r="N3923" i="2"/>
  <c r="W3891" i="6" l="1"/>
  <c r="B3923" i="2"/>
  <c r="N3924" i="2"/>
  <c r="W3892" i="6" l="1"/>
  <c r="B3924" i="2"/>
  <c r="N3925" i="2"/>
  <c r="W3893" i="6" l="1"/>
  <c r="B3925" i="2"/>
  <c r="N3926" i="2"/>
  <c r="W3894" i="6" l="1"/>
  <c r="B3926" i="2"/>
  <c r="N3927" i="2"/>
  <c r="W3895" i="6" l="1"/>
  <c r="B3927" i="2"/>
  <c r="N3928" i="2"/>
  <c r="W3896" i="6" l="1"/>
  <c r="B3928" i="2"/>
  <c r="N3929" i="2"/>
  <c r="W3897" i="6" l="1"/>
  <c r="B3929" i="2"/>
  <c r="N3930" i="2"/>
  <c r="W3898" i="6" l="1"/>
  <c r="B3930" i="2"/>
  <c r="N3931" i="2"/>
  <c r="W3899" i="6" l="1"/>
  <c r="B3931" i="2"/>
  <c r="N3932" i="2"/>
  <c r="W3900" i="6" l="1"/>
  <c r="B3932" i="2"/>
  <c r="N3933" i="2"/>
  <c r="W3901" i="6" l="1"/>
  <c r="B3933" i="2"/>
  <c r="N3934" i="2"/>
  <c r="W3902" i="6" l="1"/>
  <c r="B3934" i="2"/>
  <c r="N3935" i="2"/>
  <c r="W3903" i="6" l="1"/>
  <c r="B3935" i="2"/>
  <c r="N3936" i="2"/>
  <c r="W3904" i="6" l="1"/>
  <c r="B3936" i="2"/>
  <c r="N3937" i="2"/>
  <c r="W3905" i="6" l="1"/>
  <c r="B3937" i="2"/>
  <c r="N3938" i="2"/>
  <c r="W3906" i="6" l="1"/>
  <c r="B3938" i="2"/>
  <c r="N3939" i="2"/>
  <c r="W3907" i="6" l="1"/>
  <c r="B3939" i="2"/>
  <c r="N3940" i="2"/>
  <c r="W3908" i="6" l="1"/>
  <c r="B3940" i="2"/>
  <c r="N3941" i="2"/>
  <c r="W3909" i="6" l="1"/>
  <c r="B3941" i="2"/>
  <c r="N3942" i="2"/>
  <c r="W3910" i="6" l="1"/>
  <c r="B3942" i="2"/>
  <c r="N3943" i="2"/>
  <c r="W3911" i="6" l="1"/>
  <c r="B3943" i="2"/>
  <c r="N3944" i="2"/>
  <c r="W3912" i="6" l="1"/>
  <c r="B3944" i="2"/>
  <c r="N3945" i="2"/>
  <c r="W3913" i="6" l="1"/>
  <c r="B3945" i="2"/>
  <c r="N3946" i="2"/>
  <c r="W3914" i="6" l="1"/>
  <c r="B3946" i="2"/>
  <c r="N3947" i="2"/>
  <c r="W3915" i="6" l="1"/>
  <c r="B3947" i="2"/>
  <c r="N3948" i="2"/>
  <c r="W3916" i="6" l="1"/>
  <c r="B3948" i="2"/>
  <c r="N3949" i="2"/>
  <c r="W3917" i="6" l="1"/>
  <c r="B3949" i="2"/>
  <c r="N3950" i="2"/>
  <c r="W3918" i="6" l="1"/>
  <c r="B3950" i="2"/>
  <c r="N3951" i="2"/>
  <c r="W3919" i="6" l="1"/>
  <c r="B3951" i="2"/>
  <c r="N3952" i="2"/>
  <c r="W3920" i="6" l="1"/>
  <c r="B3952" i="2"/>
  <c r="N3953" i="2"/>
  <c r="W3921" i="6" l="1"/>
  <c r="B3953" i="2"/>
  <c r="N3954" i="2"/>
  <c r="W3922" i="6" l="1"/>
  <c r="B3954" i="2"/>
  <c r="N3955" i="2"/>
  <c r="W3923" i="6" l="1"/>
  <c r="B3955" i="2"/>
  <c r="N3956" i="2"/>
  <c r="W3924" i="6" l="1"/>
  <c r="B3956" i="2"/>
  <c r="N3957" i="2"/>
  <c r="W3925" i="6" l="1"/>
  <c r="B3957" i="2"/>
  <c r="N3958" i="2"/>
  <c r="W3926" i="6" l="1"/>
  <c r="B3958" i="2"/>
  <c r="N3959" i="2"/>
  <c r="W3927" i="6" l="1"/>
  <c r="B3959" i="2"/>
  <c r="N3960" i="2"/>
  <c r="W3928" i="6" l="1"/>
  <c r="B3960" i="2"/>
  <c r="N3961" i="2"/>
  <c r="W3929" i="6" l="1"/>
  <c r="B3961" i="2"/>
  <c r="N3962" i="2"/>
  <c r="W3930" i="6" l="1"/>
  <c r="B3962" i="2"/>
  <c r="N3963" i="2"/>
  <c r="W3931" i="6" l="1"/>
  <c r="B3963" i="2"/>
  <c r="N3964" i="2"/>
  <c r="W3932" i="6" l="1"/>
  <c r="B3964" i="2"/>
  <c r="N3965" i="2"/>
  <c r="W3933" i="6" l="1"/>
  <c r="B3965" i="2"/>
  <c r="N3966" i="2"/>
  <c r="W3934" i="6" l="1"/>
  <c r="B3966" i="2"/>
  <c r="N3967" i="2"/>
  <c r="W3935" i="6" l="1"/>
  <c r="B3967" i="2"/>
  <c r="N3968" i="2"/>
  <c r="W3936" i="6" l="1"/>
  <c r="B3968" i="2"/>
  <c r="N3969" i="2"/>
  <c r="W3937" i="6" l="1"/>
  <c r="B3969" i="2"/>
  <c r="N3970" i="2"/>
  <c r="W3938" i="6" l="1"/>
  <c r="B3970" i="2"/>
  <c r="N3971" i="2"/>
  <c r="W3939" i="6" l="1"/>
  <c r="B3971" i="2"/>
  <c r="N3972" i="2"/>
  <c r="W3940" i="6" l="1"/>
  <c r="B3972" i="2"/>
  <c r="N3973" i="2"/>
  <c r="W3941" i="6" l="1"/>
  <c r="B3973" i="2"/>
  <c r="N3974" i="2"/>
  <c r="W3942" i="6" l="1"/>
  <c r="B3974" i="2"/>
  <c r="N3975" i="2"/>
  <c r="W3943" i="6" l="1"/>
  <c r="B3975" i="2"/>
  <c r="N3976" i="2"/>
  <c r="W3944" i="6" l="1"/>
  <c r="B3976" i="2"/>
  <c r="N3977" i="2"/>
  <c r="W3945" i="6" l="1"/>
  <c r="B3977" i="2"/>
  <c r="N3978" i="2"/>
  <c r="W3946" i="6" l="1"/>
  <c r="B3978" i="2"/>
  <c r="N3979" i="2"/>
  <c r="W3947" i="6" l="1"/>
  <c r="B3979" i="2"/>
  <c r="N3980" i="2"/>
  <c r="W3948" i="6" l="1"/>
  <c r="B3980" i="2"/>
  <c r="N3981" i="2"/>
  <c r="W3949" i="6" l="1"/>
  <c r="B3981" i="2"/>
  <c r="N3982" i="2"/>
  <c r="W3950" i="6" l="1"/>
  <c r="B3982" i="2"/>
  <c r="N3983" i="2"/>
  <c r="W3951" i="6" l="1"/>
  <c r="B3983" i="2"/>
  <c r="N3984" i="2"/>
  <c r="W3952" i="6" l="1"/>
  <c r="B3984" i="2"/>
  <c r="N3985" i="2"/>
  <c r="W3953" i="6" l="1"/>
  <c r="B3985" i="2"/>
  <c r="N3986" i="2"/>
  <c r="W3954" i="6" l="1"/>
  <c r="B3986" i="2"/>
  <c r="N3987" i="2"/>
  <c r="W3955" i="6" l="1"/>
  <c r="B3987" i="2"/>
  <c r="N3988" i="2"/>
  <c r="W3956" i="6" l="1"/>
  <c r="B3988" i="2"/>
  <c r="N3989" i="2"/>
  <c r="W3957" i="6" l="1"/>
  <c r="B3989" i="2"/>
  <c r="N3990" i="2"/>
  <c r="W3958" i="6" l="1"/>
  <c r="B3990" i="2"/>
  <c r="N3991" i="2"/>
  <c r="W3959" i="6" l="1"/>
  <c r="B3991" i="2"/>
  <c r="N3992" i="2"/>
  <c r="W3960" i="6" l="1"/>
  <c r="B3992" i="2"/>
  <c r="N3993" i="2"/>
  <c r="W3961" i="6" l="1"/>
  <c r="B3993" i="2"/>
  <c r="N3994" i="2"/>
  <c r="W3962" i="6" l="1"/>
  <c r="B3994" i="2"/>
  <c r="N3995" i="2"/>
  <c r="W3963" i="6" l="1"/>
  <c r="B3995" i="2"/>
  <c r="N3996" i="2"/>
  <c r="W3964" i="6" l="1"/>
  <c r="B3996" i="2"/>
  <c r="N3997" i="2"/>
  <c r="W3965" i="6" l="1"/>
  <c r="B3997" i="2"/>
  <c r="N3998" i="2"/>
  <c r="W3966" i="6" l="1"/>
  <c r="B3998" i="2"/>
  <c r="N3999" i="2"/>
  <c r="W3967" i="6" l="1"/>
  <c r="B3999" i="2"/>
  <c r="N4000" i="2"/>
  <c r="W3968" i="6" l="1"/>
  <c r="B4000" i="2"/>
  <c r="N4001" i="2"/>
  <c r="W3969" i="6" l="1"/>
  <c r="B4001" i="2"/>
  <c r="N4002" i="2"/>
  <c r="W3970" i="6" l="1"/>
  <c r="B4002" i="2"/>
  <c r="N4003" i="2"/>
  <c r="W3971" i="6" l="1"/>
  <c r="B4003" i="2"/>
  <c r="N4004" i="2"/>
  <c r="W3972" i="6" l="1"/>
  <c r="B4004" i="2"/>
  <c r="N4005" i="2"/>
  <c r="W3973" i="6" l="1"/>
  <c r="B4005" i="2"/>
  <c r="N4006" i="2"/>
  <c r="W3974" i="6" l="1"/>
  <c r="B4006" i="2"/>
  <c r="N4007" i="2"/>
  <c r="W3975" i="6" l="1"/>
  <c r="B4007" i="2"/>
  <c r="N4008" i="2"/>
  <c r="W3976" i="6" l="1"/>
  <c r="B4008" i="2"/>
  <c r="N4009" i="2"/>
  <c r="W3977" i="6" l="1"/>
  <c r="B4009" i="2"/>
  <c r="N4010" i="2"/>
  <c r="W3978" i="6" l="1"/>
  <c r="B4010" i="2"/>
  <c r="N4011" i="2"/>
  <c r="W3979" i="6" l="1"/>
  <c r="B4011" i="2"/>
  <c r="N4012" i="2"/>
  <c r="W3980" i="6" l="1"/>
  <c r="B4012" i="2"/>
  <c r="N4013" i="2"/>
  <c r="W3981" i="6" l="1"/>
  <c r="B4013" i="2"/>
  <c r="N4014" i="2"/>
  <c r="W3982" i="6" l="1"/>
  <c r="B4014" i="2"/>
  <c r="N4015" i="2"/>
  <c r="W3983" i="6" l="1"/>
  <c r="B4015" i="2"/>
  <c r="N4016" i="2"/>
  <c r="W3984" i="6" l="1"/>
  <c r="B4016" i="2"/>
  <c r="N4017" i="2"/>
  <c r="W3985" i="6" l="1"/>
  <c r="B4017" i="2"/>
  <c r="N4018" i="2"/>
  <c r="W3986" i="6" l="1"/>
  <c r="B4018" i="2"/>
  <c r="N4019" i="2"/>
  <c r="W3987" i="6" l="1"/>
  <c r="B4019" i="2"/>
  <c r="N4020" i="2"/>
  <c r="W3988" i="6" l="1"/>
  <c r="B4020" i="2"/>
  <c r="N4021" i="2"/>
  <c r="W3989" i="6" l="1"/>
  <c r="B4021" i="2"/>
  <c r="N4022" i="2"/>
  <c r="W3990" i="6" l="1"/>
  <c r="B4022" i="2"/>
  <c r="N4023" i="2"/>
  <c r="W3991" i="6" l="1"/>
  <c r="B4023" i="2"/>
  <c r="N4024" i="2"/>
  <c r="W3992" i="6" l="1"/>
  <c r="B4024" i="2"/>
  <c r="N4025" i="2"/>
  <c r="W3993" i="6" l="1"/>
  <c r="B4025" i="2"/>
  <c r="N4026" i="2"/>
  <c r="W3994" i="6" l="1"/>
  <c r="B4026" i="2"/>
  <c r="N4027" i="2"/>
  <c r="W3995" i="6" l="1"/>
  <c r="B4027" i="2"/>
  <c r="N4028" i="2"/>
  <c r="W3996" i="6" l="1"/>
  <c r="B4028" i="2"/>
  <c r="N4029" i="2"/>
  <c r="W3997" i="6" l="1"/>
  <c r="B4029" i="2"/>
  <c r="N4030" i="2"/>
  <c r="W3998" i="6" l="1"/>
  <c r="B4030" i="2"/>
  <c r="N4031" i="2"/>
  <c r="W3999" i="6" l="1"/>
  <c r="B4031" i="2"/>
  <c r="N4032" i="2"/>
  <c r="W4000" i="6" l="1"/>
  <c r="B4032" i="2"/>
  <c r="N4033" i="2"/>
  <c r="W4001" i="6" l="1"/>
  <c r="B4033" i="2"/>
  <c r="N4034" i="2"/>
  <c r="W4002" i="6" l="1"/>
  <c r="B4034" i="2"/>
  <c r="N4035" i="2"/>
  <c r="W4003" i="6" l="1"/>
  <c r="B4035" i="2"/>
  <c r="N4036" i="2"/>
  <c r="W4004" i="6" l="1"/>
  <c r="B4036" i="2"/>
  <c r="N4037" i="2"/>
  <c r="W4005" i="6" l="1"/>
  <c r="B4037" i="2"/>
  <c r="N4038" i="2"/>
  <c r="W4006" i="6" l="1"/>
  <c r="B4038" i="2"/>
  <c r="N4039" i="2"/>
  <c r="W4007" i="6" l="1"/>
  <c r="B4039" i="2"/>
  <c r="N4040" i="2"/>
  <c r="W4008" i="6" l="1"/>
  <c r="B4040" i="2"/>
  <c r="N4041" i="2"/>
  <c r="W4009" i="6" l="1"/>
  <c r="B4041" i="2"/>
  <c r="N4042" i="2"/>
  <c r="W4010" i="6" l="1"/>
  <c r="B4042" i="2"/>
  <c r="N4043" i="2"/>
  <c r="W4011" i="6" l="1"/>
  <c r="B4043" i="2"/>
  <c r="N4044" i="2"/>
  <c r="W4012" i="6" l="1"/>
  <c r="B4044" i="2"/>
  <c r="N4045" i="2"/>
  <c r="W4013" i="6" l="1"/>
  <c r="B4045" i="2"/>
  <c r="N4046" i="2"/>
  <c r="W4014" i="6" l="1"/>
  <c r="B4046" i="2"/>
  <c r="N4047" i="2"/>
  <c r="W4015" i="6" l="1"/>
  <c r="B4047" i="2"/>
  <c r="N4048" i="2"/>
  <c r="W4016" i="6" l="1"/>
  <c r="B4048" i="2"/>
  <c r="N4049" i="2"/>
  <c r="W4017" i="6" l="1"/>
  <c r="B4049" i="2"/>
  <c r="N4050" i="2"/>
  <c r="W4018" i="6" l="1"/>
  <c r="B4050" i="2"/>
  <c r="N4051" i="2"/>
  <c r="W4019" i="6" l="1"/>
  <c r="B4051" i="2"/>
  <c r="N4052" i="2"/>
  <c r="W4020" i="6" l="1"/>
  <c r="B4052" i="2"/>
  <c r="N4053" i="2"/>
  <c r="W4021" i="6" l="1"/>
  <c r="B4053" i="2"/>
  <c r="N4054" i="2"/>
  <c r="W4022" i="6" l="1"/>
  <c r="B4054" i="2"/>
  <c r="N4055" i="2"/>
  <c r="W4023" i="6" l="1"/>
  <c r="B4055" i="2"/>
  <c r="N4056" i="2"/>
  <c r="W4024" i="6" l="1"/>
  <c r="B4056" i="2"/>
  <c r="N4057" i="2"/>
  <c r="W4025" i="6" l="1"/>
  <c r="B4057" i="2"/>
  <c r="N4058" i="2"/>
  <c r="W4026" i="6" l="1"/>
  <c r="B4058" i="2"/>
  <c r="N4059" i="2"/>
  <c r="W4027" i="6" l="1"/>
  <c r="B4059" i="2"/>
  <c r="N4060" i="2"/>
  <c r="W4028" i="6" l="1"/>
  <c r="B4060" i="2"/>
  <c r="N4061" i="2"/>
  <c r="W4029" i="6" l="1"/>
  <c r="B4061" i="2"/>
  <c r="N4062" i="2"/>
  <c r="W4030" i="6" l="1"/>
  <c r="B4062" i="2"/>
  <c r="N4063" i="2"/>
  <c r="W4031" i="6" l="1"/>
  <c r="B4063" i="2"/>
  <c r="N4064" i="2"/>
  <c r="W4032" i="6" l="1"/>
  <c r="B4064" i="2"/>
  <c r="N4065" i="2"/>
  <c r="W4033" i="6" l="1"/>
  <c r="B4065" i="2"/>
  <c r="N4066" i="2"/>
  <c r="W4034" i="6" l="1"/>
  <c r="B4066" i="2"/>
  <c r="N4067" i="2"/>
  <c r="W4035" i="6" l="1"/>
  <c r="B4067" i="2"/>
  <c r="N4068" i="2"/>
  <c r="W4036" i="6" l="1"/>
  <c r="B4068" i="2"/>
  <c r="N4069" i="2"/>
  <c r="W4037" i="6" l="1"/>
  <c r="B4069" i="2"/>
  <c r="N4070" i="2"/>
  <c r="W4038" i="6" l="1"/>
  <c r="B4070" i="2"/>
  <c r="N4071" i="2"/>
  <c r="W4039" i="6" l="1"/>
  <c r="B4071" i="2"/>
  <c r="N4072" i="2"/>
  <c r="W4040" i="6" l="1"/>
  <c r="B4072" i="2"/>
  <c r="N4073" i="2"/>
  <c r="W4041" i="6" l="1"/>
  <c r="B4073" i="2"/>
  <c r="N4074" i="2"/>
  <c r="W4042" i="6" l="1"/>
  <c r="B4074" i="2"/>
  <c r="N4075" i="2"/>
  <c r="W4043" i="6" l="1"/>
  <c r="B4075" i="2"/>
  <c r="N4076" i="2"/>
  <c r="W4044" i="6" l="1"/>
  <c r="B4076" i="2"/>
  <c r="N4077" i="2"/>
  <c r="W4045" i="6" l="1"/>
  <c r="B4077" i="2"/>
  <c r="N4078" i="2"/>
  <c r="W4046" i="6" l="1"/>
  <c r="B4078" i="2"/>
  <c r="N4079" i="2"/>
  <c r="W4047" i="6" l="1"/>
  <c r="B4079" i="2"/>
  <c r="N4080" i="2"/>
  <c r="W4048" i="6" l="1"/>
  <c r="B4080" i="2"/>
  <c r="N4081" i="2"/>
  <c r="W4049" i="6" l="1"/>
  <c r="B4081" i="2"/>
  <c r="N4082" i="2"/>
  <c r="W4050" i="6" l="1"/>
  <c r="B4082" i="2"/>
  <c r="N4083" i="2"/>
  <c r="W4051" i="6" l="1"/>
  <c r="B4083" i="2"/>
  <c r="N4084" i="2"/>
  <c r="W4052" i="6" l="1"/>
  <c r="B4084" i="2"/>
  <c r="N4085" i="2"/>
  <c r="W4053" i="6" l="1"/>
  <c r="B4085" i="2"/>
  <c r="N4086" i="2"/>
  <c r="W4054" i="6" l="1"/>
  <c r="B4086" i="2"/>
  <c r="N4087" i="2"/>
  <c r="W4055" i="6" l="1"/>
  <c r="B4087" i="2"/>
  <c r="N4088" i="2"/>
  <c r="W4056" i="6" l="1"/>
  <c r="B4088" i="2"/>
  <c r="N4089" i="2"/>
  <c r="W4057" i="6" l="1"/>
  <c r="B4089" i="2"/>
  <c r="N4090" i="2"/>
  <c r="W4058" i="6" l="1"/>
  <c r="B4090" i="2"/>
  <c r="N4091" i="2"/>
  <c r="W4059" i="6" l="1"/>
  <c r="B4091" i="2"/>
  <c r="N4092" i="2"/>
  <c r="W4060" i="6" l="1"/>
  <c r="B4092" i="2"/>
  <c r="N4093" i="2"/>
  <c r="W4061" i="6" l="1"/>
  <c r="B4093" i="2"/>
  <c r="N4094" i="2"/>
  <c r="W4062" i="6" l="1"/>
  <c r="B4094" i="2"/>
  <c r="N4095" i="2"/>
  <c r="W4063" i="6" l="1"/>
  <c r="B4095" i="2"/>
  <c r="N4096" i="2"/>
  <c r="W4064" i="6" l="1"/>
  <c r="B4096" i="2"/>
  <c r="N4097" i="2"/>
  <c r="W4065" i="6" l="1"/>
  <c r="B4097" i="2"/>
  <c r="N4098" i="2"/>
  <c r="W4066" i="6" l="1"/>
  <c r="B4098" i="2"/>
  <c r="N4099" i="2"/>
  <c r="W4067" i="6" l="1"/>
  <c r="B4099" i="2"/>
  <c r="N4100" i="2"/>
  <c r="W4068" i="6" l="1"/>
  <c r="B4100" i="2"/>
  <c r="N4101" i="2"/>
  <c r="W4069" i="6" l="1"/>
  <c r="B4101" i="2"/>
  <c r="N4102" i="2"/>
  <c r="W4070" i="6" l="1"/>
  <c r="B4102" i="2"/>
  <c r="N4103" i="2"/>
  <c r="W4071" i="6" l="1"/>
  <c r="B4103" i="2"/>
  <c r="N4104" i="2"/>
  <c r="W4072" i="6" l="1"/>
  <c r="B4104" i="2"/>
  <c r="N4105" i="2"/>
  <c r="W4073" i="6" l="1"/>
  <c r="B4105" i="2"/>
  <c r="N4106" i="2"/>
  <c r="W4074" i="6" l="1"/>
  <c r="B4106" i="2"/>
  <c r="N4107" i="2"/>
  <c r="W4075" i="6" l="1"/>
  <c r="B4107" i="2"/>
  <c r="N4108" i="2"/>
  <c r="W4076" i="6" l="1"/>
  <c r="B4108" i="2"/>
  <c r="N4109" i="2"/>
  <c r="W4077" i="6" l="1"/>
  <c r="B4109" i="2"/>
  <c r="N4110" i="2"/>
  <c r="W4078" i="6" l="1"/>
  <c r="B4110" i="2"/>
  <c r="N4111" i="2"/>
  <c r="W4079" i="6" l="1"/>
  <c r="B4111" i="2"/>
  <c r="N4112" i="2"/>
  <c r="W4080" i="6" l="1"/>
  <c r="B4112" i="2"/>
  <c r="N4113" i="2"/>
  <c r="W4081" i="6" l="1"/>
  <c r="B4113" i="2"/>
  <c r="N4114" i="2"/>
  <c r="W4082" i="6" l="1"/>
  <c r="B4114" i="2"/>
  <c r="N4115" i="2"/>
  <c r="W4083" i="6" l="1"/>
  <c r="B4115" i="2"/>
  <c r="N4116" i="2"/>
  <c r="W4084" i="6" l="1"/>
  <c r="B4116" i="2"/>
  <c r="N4117" i="2"/>
  <c r="W4085" i="6" l="1"/>
  <c r="B4117" i="2"/>
  <c r="N4118" i="2"/>
  <c r="W4086" i="6" l="1"/>
  <c r="B4118" i="2"/>
  <c r="N4119" i="2"/>
  <c r="W4087" i="6" l="1"/>
  <c r="B4119" i="2"/>
  <c r="N4120" i="2"/>
  <c r="W4088" i="6" l="1"/>
  <c r="B4120" i="2"/>
  <c r="N4121" i="2"/>
  <c r="W4089" i="6" l="1"/>
  <c r="B4121" i="2"/>
  <c r="N4122" i="2"/>
  <c r="W4090" i="6" l="1"/>
  <c r="B4122" i="2"/>
  <c r="N4123" i="2"/>
  <c r="W4091" i="6" l="1"/>
  <c r="B4123" i="2"/>
  <c r="N4124" i="2"/>
  <c r="W4092" i="6" l="1"/>
  <c r="B4124" i="2"/>
  <c r="N4125" i="2"/>
  <c r="W4093" i="6" l="1"/>
  <c r="B4125" i="2"/>
  <c r="N4126" i="2"/>
  <c r="W4094" i="6" l="1"/>
  <c r="B4126" i="2"/>
  <c r="N4127" i="2"/>
  <c r="W4095" i="6" l="1"/>
  <c r="B4127" i="2"/>
  <c r="N4128" i="2"/>
  <c r="W4096" i="6" l="1"/>
  <c r="B4128" i="2"/>
  <c r="N4129" i="2"/>
  <c r="W4097" i="6" l="1"/>
  <c r="B4129" i="2"/>
  <c r="N4130" i="2"/>
  <c r="W4098" i="6" l="1"/>
  <c r="B4130" i="2"/>
  <c r="N4131" i="2"/>
  <c r="W4099" i="6" l="1"/>
  <c r="B4131" i="2"/>
  <c r="N4132" i="2"/>
  <c r="W4100" i="6" l="1"/>
  <c r="B4132" i="2"/>
  <c r="N4133" i="2"/>
  <c r="W4101" i="6" l="1"/>
  <c r="B4133" i="2"/>
  <c r="N4134" i="2"/>
  <c r="W4102" i="6" l="1"/>
  <c r="B4134" i="2"/>
  <c r="N4135" i="2"/>
  <c r="W4103" i="6" l="1"/>
  <c r="B4135" i="2"/>
  <c r="N4136" i="2"/>
  <c r="W4104" i="6" l="1"/>
  <c r="B4136" i="2"/>
  <c r="N4137" i="2"/>
  <c r="W4105" i="6" l="1"/>
  <c r="B4137" i="2"/>
  <c r="N4138" i="2"/>
  <c r="W4106" i="6" l="1"/>
  <c r="B4138" i="2"/>
  <c r="N4139" i="2"/>
  <c r="W4107" i="6" l="1"/>
  <c r="B4139" i="2"/>
  <c r="N4140" i="2"/>
  <c r="W4108" i="6" l="1"/>
  <c r="B4140" i="2"/>
  <c r="N4141" i="2"/>
  <c r="W4109" i="6" l="1"/>
  <c r="B4141" i="2"/>
  <c r="N4142" i="2"/>
  <c r="W4110" i="6" l="1"/>
  <c r="B4142" i="2"/>
  <c r="N4143" i="2"/>
  <c r="W4111" i="6" l="1"/>
  <c r="B4143" i="2"/>
  <c r="N4144" i="2"/>
  <c r="W4112" i="6" l="1"/>
  <c r="B4144" i="2"/>
  <c r="N4145" i="2"/>
  <c r="W4113" i="6" l="1"/>
  <c r="B4145" i="2"/>
  <c r="N4146" i="2"/>
  <c r="W4114" i="6" l="1"/>
  <c r="B4146" i="2"/>
  <c r="N4147" i="2"/>
  <c r="W4115" i="6" l="1"/>
  <c r="B4147" i="2"/>
  <c r="N4148" i="2"/>
  <c r="W4116" i="6" l="1"/>
  <c r="B4148" i="2"/>
  <c r="N4149" i="2"/>
  <c r="W4117" i="6" l="1"/>
  <c r="B4149" i="2"/>
  <c r="N4150" i="2"/>
  <c r="W4118" i="6" l="1"/>
  <c r="B4150" i="2"/>
  <c r="N4151" i="2"/>
  <c r="W4119" i="6" l="1"/>
  <c r="B4151" i="2"/>
  <c r="N4152" i="2"/>
  <c r="W4120" i="6" l="1"/>
  <c r="B4152" i="2"/>
  <c r="N4153" i="2"/>
  <c r="W4121" i="6" l="1"/>
  <c r="B4153" i="2"/>
  <c r="N4154" i="2"/>
  <c r="W4122" i="6" l="1"/>
  <c r="B4154" i="2"/>
  <c r="N4155" i="2"/>
  <c r="W4123" i="6" l="1"/>
  <c r="B4155" i="2"/>
  <c r="N4156" i="2"/>
  <c r="W4124" i="6" l="1"/>
  <c r="B4156" i="2"/>
  <c r="N4157" i="2"/>
  <c r="W4125" i="6" l="1"/>
  <c r="B4157" i="2"/>
  <c r="N4158" i="2"/>
  <c r="W4126" i="6" l="1"/>
  <c r="B4158" i="2"/>
  <c r="N4159" i="2"/>
  <c r="W4127" i="6" l="1"/>
  <c r="B4159" i="2"/>
  <c r="N4160" i="2"/>
  <c r="W4128" i="6" l="1"/>
  <c r="B4160" i="2"/>
  <c r="N4161" i="2"/>
  <c r="W4129" i="6" l="1"/>
  <c r="B4161" i="2"/>
  <c r="N4162" i="2"/>
  <c r="W4130" i="6" l="1"/>
  <c r="B4162" i="2"/>
  <c r="N4163" i="2"/>
  <c r="W4131" i="6" l="1"/>
  <c r="B4163" i="2"/>
  <c r="N4164" i="2"/>
  <c r="W4132" i="6" l="1"/>
  <c r="B4164" i="2"/>
  <c r="N4165" i="2"/>
  <c r="W4133" i="6" l="1"/>
  <c r="B4165" i="2"/>
  <c r="N4166" i="2"/>
  <c r="W4134" i="6" l="1"/>
  <c r="B4166" i="2"/>
  <c r="N4167" i="2"/>
  <c r="W4135" i="6" l="1"/>
  <c r="B4167" i="2"/>
  <c r="N4168" i="2"/>
  <c r="W4136" i="6" l="1"/>
  <c r="B4168" i="2"/>
  <c r="N4169" i="2"/>
  <c r="W4137" i="6" l="1"/>
  <c r="B4169" i="2"/>
  <c r="N4170" i="2"/>
  <c r="W4138" i="6" l="1"/>
  <c r="B4170" i="2"/>
  <c r="N4171" i="2"/>
  <c r="W4139" i="6" l="1"/>
  <c r="B4171" i="2"/>
  <c r="N4172" i="2"/>
  <c r="W4140" i="6" l="1"/>
  <c r="B4172" i="2"/>
  <c r="N4173" i="2"/>
  <c r="W4141" i="6" l="1"/>
  <c r="B4173" i="2"/>
  <c r="N4174" i="2"/>
  <c r="W4142" i="6" l="1"/>
  <c r="B4174" i="2"/>
  <c r="N4175" i="2"/>
  <c r="W4143" i="6" l="1"/>
  <c r="B4175" i="2"/>
  <c r="N4176" i="2"/>
  <c r="W4144" i="6" l="1"/>
  <c r="B4176" i="2"/>
  <c r="N4177" i="2"/>
  <c r="W4145" i="6" l="1"/>
  <c r="B4177" i="2"/>
  <c r="N4178" i="2"/>
  <c r="W4146" i="6" l="1"/>
  <c r="B4178" i="2"/>
  <c r="N4179" i="2"/>
  <c r="W4147" i="6" l="1"/>
  <c r="B4179" i="2"/>
  <c r="N4180" i="2"/>
  <c r="W4148" i="6" l="1"/>
  <c r="B4180" i="2"/>
  <c r="N4181" i="2"/>
  <c r="W4149" i="6" l="1"/>
  <c r="B4181" i="2"/>
  <c r="N4182" i="2"/>
  <c r="W4150" i="6" l="1"/>
  <c r="B4182" i="2"/>
  <c r="N4183" i="2"/>
  <c r="W4151" i="6" l="1"/>
  <c r="B4183" i="2"/>
  <c r="N4184" i="2"/>
  <c r="W4152" i="6" l="1"/>
  <c r="B4184" i="2"/>
  <c r="N4185" i="2"/>
  <c r="W4153" i="6" l="1"/>
  <c r="B4185" i="2"/>
  <c r="N4186" i="2"/>
  <c r="W4154" i="6" l="1"/>
  <c r="B4186" i="2"/>
  <c r="N4187" i="2"/>
  <c r="W4155" i="6" l="1"/>
  <c r="B4187" i="2"/>
  <c r="N4188" i="2"/>
  <c r="W4156" i="6" l="1"/>
  <c r="B4188" i="2"/>
  <c r="N4189" i="2"/>
  <c r="W4157" i="6" l="1"/>
  <c r="B4189" i="2"/>
  <c r="N4190" i="2"/>
  <c r="W4158" i="6" l="1"/>
  <c r="B4190" i="2"/>
  <c r="N4191" i="2"/>
  <c r="W4159" i="6" l="1"/>
  <c r="B4191" i="2"/>
  <c r="N4192" i="2"/>
  <c r="W4160" i="6" l="1"/>
  <c r="B4192" i="2"/>
  <c r="N4193" i="2"/>
  <c r="W4161" i="6" l="1"/>
  <c r="B4193" i="2"/>
  <c r="N4194" i="2"/>
  <c r="W4162" i="6" l="1"/>
  <c r="B4194" i="2"/>
  <c r="N4195" i="2"/>
  <c r="W4163" i="6" l="1"/>
  <c r="B4195" i="2"/>
  <c r="N4196" i="2"/>
  <c r="W4164" i="6" l="1"/>
  <c r="B4196" i="2"/>
  <c r="N4197" i="2"/>
  <c r="W4165" i="6" l="1"/>
  <c r="B4197" i="2"/>
  <c r="N4198" i="2"/>
  <c r="W4166" i="6" l="1"/>
  <c r="B4198" i="2"/>
  <c r="N4199" i="2"/>
  <c r="W4167" i="6" l="1"/>
  <c r="B4199" i="2"/>
  <c r="N4200" i="2"/>
  <c r="W4168" i="6" l="1"/>
  <c r="B4200" i="2"/>
  <c r="N4201" i="2"/>
  <c r="W4169" i="6" l="1"/>
  <c r="B4201" i="2"/>
  <c r="N4202" i="2"/>
  <c r="W4170" i="6" l="1"/>
  <c r="B4202" i="2"/>
  <c r="N4203" i="2"/>
  <c r="W4171" i="6" l="1"/>
  <c r="B4203" i="2"/>
  <c r="N4204" i="2"/>
  <c r="W4172" i="6" l="1"/>
  <c r="B4204" i="2"/>
  <c r="N4205" i="2"/>
  <c r="W4173" i="6" l="1"/>
  <c r="B4205" i="2"/>
  <c r="N4206" i="2"/>
  <c r="W4174" i="6" l="1"/>
  <c r="B4206" i="2"/>
  <c r="N4207" i="2"/>
  <c r="W4175" i="6" l="1"/>
  <c r="B4207" i="2"/>
  <c r="N4208" i="2"/>
  <c r="W4176" i="6" l="1"/>
  <c r="B4208" i="2"/>
  <c r="N4209" i="2"/>
  <c r="W4177" i="6" l="1"/>
  <c r="B4209" i="2"/>
  <c r="N4210" i="2"/>
  <c r="W4178" i="6" l="1"/>
  <c r="B4210" i="2"/>
  <c r="N4211" i="2"/>
  <c r="W4179" i="6" l="1"/>
  <c r="B4211" i="2"/>
  <c r="N4212" i="2"/>
  <c r="W4180" i="6" l="1"/>
  <c r="B4212" i="2"/>
  <c r="N4213" i="2"/>
  <c r="W4181" i="6" l="1"/>
  <c r="B4213" i="2"/>
  <c r="N4214" i="2"/>
  <c r="W4182" i="6" l="1"/>
  <c r="B4214" i="2"/>
  <c r="N4215" i="2"/>
  <c r="W4183" i="6" l="1"/>
  <c r="B4215" i="2"/>
  <c r="N4216" i="2"/>
  <c r="W4184" i="6" l="1"/>
  <c r="B4216" i="2"/>
  <c r="N4217" i="2"/>
  <c r="W4185" i="6" l="1"/>
  <c r="B4217" i="2"/>
  <c r="N4218" i="2"/>
  <c r="W4186" i="6" l="1"/>
  <c r="B4218" i="2"/>
  <c r="N4219" i="2"/>
  <c r="W4187" i="6" l="1"/>
  <c r="B4219" i="2"/>
  <c r="N4220" i="2"/>
  <c r="W4188" i="6" l="1"/>
  <c r="B4220" i="2"/>
  <c r="N4221" i="2"/>
  <c r="W4189" i="6" l="1"/>
  <c r="B4221" i="2"/>
  <c r="N4222" i="2"/>
  <c r="W4190" i="6" l="1"/>
  <c r="B4222" i="2"/>
  <c r="N4223" i="2"/>
  <c r="W4191" i="6" l="1"/>
  <c r="B4223" i="2"/>
  <c r="N4224" i="2"/>
  <c r="W4192" i="6" l="1"/>
  <c r="B4224" i="2"/>
  <c r="N4225" i="2"/>
  <c r="W4193" i="6" l="1"/>
  <c r="B4225" i="2"/>
  <c r="N4226" i="2"/>
  <c r="W4194" i="6" l="1"/>
  <c r="B4226" i="2"/>
  <c r="N4227" i="2"/>
  <c r="W4195" i="6" l="1"/>
  <c r="B4227" i="2"/>
  <c r="N4228" i="2"/>
  <c r="W4196" i="6" l="1"/>
  <c r="B4228" i="2"/>
  <c r="N4229" i="2"/>
  <c r="W4197" i="6" l="1"/>
  <c r="B4229" i="2"/>
  <c r="N4230" i="2"/>
  <c r="W4198" i="6" l="1"/>
  <c r="B4230" i="2"/>
  <c r="N4231" i="2"/>
  <c r="W4199" i="6" l="1"/>
  <c r="B4231" i="2"/>
  <c r="N4232" i="2"/>
  <c r="W4200" i="6" l="1"/>
  <c r="B4232" i="2"/>
  <c r="N4233" i="2"/>
  <c r="W4201" i="6" l="1"/>
  <c r="B4233" i="2"/>
  <c r="N4234" i="2"/>
  <c r="W4202" i="6" l="1"/>
  <c r="B4234" i="2"/>
  <c r="N4235" i="2"/>
  <c r="W4203" i="6" l="1"/>
  <c r="B4235" i="2"/>
  <c r="N4236" i="2"/>
  <c r="W4204" i="6" l="1"/>
  <c r="B4236" i="2"/>
  <c r="N4237" i="2"/>
  <c r="W4205" i="6" l="1"/>
  <c r="B4237" i="2"/>
  <c r="N4238" i="2"/>
  <c r="W4206" i="6" l="1"/>
  <c r="B4238" i="2"/>
  <c r="N4239" i="2"/>
  <c r="W4207" i="6" l="1"/>
  <c r="B4239" i="2"/>
  <c r="N4240" i="2"/>
  <c r="W4208" i="6" l="1"/>
  <c r="B4240" i="2"/>
  <c r="N4241" i="2"/>
  <c r="W4209" i="6" l="1"/>
  <c r="B4241" i="2"/>
  <c r="N4242" i="2"/>
  <c r="W4210" i="6" l="1"/>
  <c r="B4242" i="2"/>
  <c r="N4243" i="2"/>
  <c r="W4211" i="6" l="1"/>
  <c r="B4243" i="2"/>
  <c r="N4244" i="2"/>
  <c r="W4212" i="6" l="1"/>
  <c r="B4244" i="2"/>
  <c r="N4245" i="2"/>
  <c r="W4213" i="6" l="1"/>
  <c r="B4245" i="2"/>
  <c r="N4246" i="2"/>
  <c r="W4214" i="6" l="1"/>
  <c r="B4246" i="2"/>
  <c r="N4247" i="2"/>
  <c r="W4215" i="6" l="1"/>
  <c r="B4247" i="2"/>
  <c r="N4248" i="2"/>
  <c r="W4216" i="6" l="1"/>
  <c r="B4248" i="2"/>
  <c r="N4249" i="2"/>
  <c r="W4217" i="6" l="1"/>
  <c r="B4249" i="2"/>
  <c r="N4250" i="2"/>
  <c r="W4218" i="6" l="1"/>
  <c r="B4250" i="2"/>
  <c r="N4251" i="2"/>
  <c r="W4219" i="6" l="1"/>
  <c r="B4251" i="2"/>
  <c r="N4252" i="2"/>
  <c r="W4220" i="6" l="1"/>
  <c r="B4252" i="2"/>
  <c r="N4253" i="2"/>
  <c r="W4221" i="6" l="1"/>
  <c r="B4253" i="2"/>
  <c r="N4254" i="2"/>
  <c r="W4222" i="6" l="1"/>
  <c r="B4254" i="2"/>
  <c r="N4255" i="2"/>
  <c r="W4223" i="6" l="1"/>
  <c r="B4255" i="2"/>
  <c r="N4256" i="2"/>
  <c r="W4224" i="6" l="1"/>
  <c r="B4256" i="2"/>
  <c r="N4257" i="2"/>
  <c r="W4225" i="6" l="1"/>
  <c r="B4257" i="2"/>
  <c r="N4258" i="2"/>
  <c r="W4226" i="6" l="1"/>
  <c r="B4258" i="2"/>
  <c r="N4259" i="2"/>
  <c r="W4227" i="6" l="1"/>
  <c r="B4259" i="2"/>
  <c r="N4260" i="2"/>
  <c r="W4228" i="6" l="1"/>
  <c r="B4260" i="2"/>
  <c r="N4261" i="2"/>
  <c r="W4229" i="6" l="1"/>
  <c r="B4261" i="2"/>
  <c r="N4262" i="2"/>
  <c r="W4230" i="6" l="1"/>
  <c r="B4262" i="2"/>
  <c r="N4263" i="2"/>
  <c r="W4231" i="6" l="1"/>
  <c r="B4263" i="2"/>
  <c r="N4264" i="2"/>
  <c r="W4232" i="6" l="1"/>
  <c r="B4264" i="2"/>
  <c r="N4265" i="2"/>
  <c r="W4233" i="6" l="1"/>
  <c r="B4265" i="2"/>
  <c r="N4266" i="2"/>
  <c r="W4234" i="6" l="1"/>
  <c r="B4266" i="2"/>
  <c r="N4267" i="2"/>
  <c r="W4235" i="6" l="1"/>
  <c r="B4267" i="2"/>
  <c r="N4268" i="2"/>
  <c r="W4236" i="6" l="1"/>
  <c r="B4268" i="2"/>
  <c r="N4269" i="2"/>
  <c r="W4237" i="6" l="1"/>
  <c r="B4269" i="2"/>
  <c r="N4270" i="2"/>
  <c r="W4238" i="6" l="1"/>
  <c r="B4270" i="2"/>
  <c r="N4271" i="2"/>
  <c r="W4239" i="6" l="1"/>
  <c r="B4271" i="2"/>
  <c r="N4272" i="2"/>
  <c r="W4240" i="6" l="1"/>
  <c r="B4272" i="2"/>
  <c r="N4273" i="2"/>
  <c r="W4241" i="6" l="1"/>
  <c r="B4273" i="2"/>
  <c r="N4274" i="2"/>
  <c r="W4242" i="6" l="1"/>
  <c r="B4274" i="2"/>
  <c r="N4275" i="2"/>
  <c r="W4243" i="6" l="1"/>
  <c r="B4275" i="2"/>
  <c r="N4276" i="2"/>
  <c r="W4244" i="6" l="1"/>
  <c r="B4276" i="2"/>
  <c r="N4277" i="2"/>
  <c r="W4245" i="6" l="1"/>
  <c r="B4277" i="2"/>
  <c r="N4278" i="2"/>
  <c r="W4246" i="6" l="1"/>
  <c r="B4278" i="2"/>
  <c r="N4279" i="2"/>
  <c r="W4247" i="6" l="1"/>
  <c r="B4279" i="2"/>
  <c r="N4280" i="2"/>
  <c r="W4248" i="6" l="1"/>
  <c r="B4280" i="2"/>
  <c r="N4281" i="2"/>
  <c r="W4249" i="6" l="1"/>
  <c r="B4281" i="2"/>
  <c r="N4282" i="2"/>
  <c r="W4250" i="6" l="1"/>
  <c r="B4282" i="2"/>
  <c r="N4283" i="2"/>
  <c r="W4251" i="6" l="1"/>
  <c r="B4283" i="2"/>
  <c r="N4284" i="2"/>
  <c r="W4252" i="6" l="1"/>
  <c r="B4284" i="2"/>
  <c r="N4285" i="2"/>
  <c r="W4253" i="6" l="1"/>
  <c r="B4285" i="2"/>
  <c r="N4286" i="2"/>
  <c r="W4254" i="6" l="1"/>
  <c r="B4286" i="2"/>
  <c r="N4287" i="2"/>
  <c r="W4255" i="6" l="1"/>
  <c r="B4287" i="2"/>
  <c r="N4288" i="2"/>
  <c r="W4256" i="6" l="1"/>
  <c r="B4288" i="2"/>
  <c r="N4289" i="2"/>
  <c r="W4257" i="6" l="1"/>
  <c r="B4289" i="2"/>
  <c r="N4290" i="2"/>
  <c r="W4258" i="6" l="1"/>
  <c r="B4290" i="2"/>
  <c r="N4291" i="2"/>
  <c r="W4259" i="6" l="1"/>
  <c r="B4291" i="2"/>
  <c r="N4292" i="2"/>
  <c r="W4260" i="6" l="1"/>
  <c r="B4292" i="2"/>
  <c r="N4293" i="2"/>
  <c r="W4261" i="6" l="1"/>
  <c r="B4293" i="2"/>
  <c r="N4294" i="2"/>
  <c r="W4262" i="6" l="1"/>
  <c r="B4294" i="2"/>
  <c r="N4295" i="2"/>
  <c r="W4263" i="6" l="1"/>
  <c r="B4295" i="2"/>
  <c r="N4296" i="2"/>
  <c r="W4264" i="6" l="1"/>
  <c r="B4296" i="2"/>
  <c r="N4297" i="2"/>
  <c r="W4265" i="6" l="1"/>
  <c r="B4297" i="2"/>
  <c r="N4298" i="2"/>
  <c r="W4266" i="6" l="1"/>
  <c r="B4298" i="2"/>
  <c r="N4299" i="2"/>
  <c r="W4267" i="6" l="1"/>
  <c r="B4299" i="2"/>
  <c r="N4300" i="2"/>
  <c r="W4268" i="6" l="1"/>
  <c r="B4300" i="2"/>
  <c r="N4301" i="2"/>
  <c r="W4269" i="6" l="1"/>
  <c r="B4301" i="2"/>
  <c r="N4302" i="2"/>
  <c r="W4270" i="6" l="1"/>
  <c r="B4302" i="2"/>
  <c r="N4303" i="2"/>
  <c r="W4271" i="6" l="1"/>
  <c r="B4303" i="2"/>
  <c r="N4304" i="2"/>
  <c r="W4272" i="6" l="1"/>
  <c r="B4304" i="2"/>
  <c r="N4305" i="2"/>
  <c r="W4273" i="6" l="1"/>
  <c r="B4305" i="2"/>
  <c r="N4306" i="2"/>
  <c r="W4274" i="6" l="1"/>
  <c r="B4306" i="2"/>
  <c r="N4307" i="2"/>
  <c r="W4275" i="6" l="1"/>
  <c r="B4307" i="2"/>
  <c r="N4308" i="2"/>
  <c r="W4276" i="6" l="1"/>
  <c r="B4308" i="2"/>
  <c r="N4309" i="2"/>
  <c r="W4277" i="6" l="1"/>
  <c r="B4309" i="2"/>
  <c r="N4310" i="2"/>
  <c r="W4278" i="6" l="1"/>
  <c r="B4310" i="2"/>
  <c r="N4311" i="2"/>
  <c r="W4279" i="6" l="1"/>
  <c r="B4311" i="2"/>
  <c r="N4312" i="2"/>
  <c r="W4280" i="6" l="1"/>
  <c r="B4312" i="2"/>
  <c r="N4313" i="2"/>
  <c r="W4281" i="6" l="1"/>
  <c r="B4313" i="2"/>
  <c r="N4314" i="2"/>
  <c r="W4282" i="6" l="1"/>
  <c r="B4314" i="2"/>
  <c r="N4315" i="2"/>
  <c r="W4283" i="6" l="1"/>
  <c r="B4315" i="2"/>
  <c r="N4316" i="2"/>
  <c r="W4284" i="6" l="1"/>
  <c r="B4316" i="2"/>
  <c r="N4317" i="2"/>
  <c r="W4285" i="6" l="1"/>
  <c r="B4317" i="2"/>
  <c r="N4318" i="2"/>
  <c r="W4286" i="6" l="1"/>
  <c r="B4318" i="2"/>
  <c r="N4319" i="2"/>
  <c r="W4287" i="6" l="1"/>
  <c r="B4319" i="2"/>
  <c r="N4320" i="2"/>
  <c r="W4288" i="6" l="1"/>
  <c r="B4320" i="2"/>
  <c r="N4321" i="2"/>
  <c r="W4289" i="6" l="1"/>
  <c r="B4321" i="2"/>
  <c r="N4322" i="2"/>
  <c r="W4290" i="6" l="1"/>
  <c r="B4322" i="2"/>
  <c r="N4323" i="2"/>
  <c r="W4291" i="6" l="1"/>
  <c r="B4323" i="2"/>
  <c r="N4324" i="2"/>
  <c r="W4292" i="6" l="1"/>
  <c r="B4324" i="2"/>
  <c r="N4325" i="2"/>
  <c r="W4293" i="6" l="1"/>
  <c r="B4325" i="2"/>
  <c r="N4326" i="2"/>
  <c r="W4294" i="6" l="1"/>
  <c r="B4326" i="2"/>
  <c r="N4327" i="2"/>
  <c r="W4295" i="6" l="1"/>
  <c r="B4327" i="2"/>
  <c r="N4328" i="2"/>
  <c r="W4296" i="6" l="1"/>
  <c r="B4328" i="2"/>
  <c r="N4329" i="2"/>
  <c r="W4297" i="6" l="1"/>
  <c r="B4329" i="2"/>
  <c r="N4330" i="2"/>
  <c r="W4298" i="6" l="1"/>
  <c r="B4330" i="2"/>
  <c r="N4331" i="2"/>
  <c r="W4299" i="6" l="1"/>
  <c r="B4331" i="2"/>
  <c r="N4332" i="2"/>
  <c r="W4300" i="6" l="1"/>
  <c r="B4332" i="2"/>
  <c r="N4333" i="2"/>
  <c r="W4301" i="6" l="1"/>
  <c r="B4333" i="2"/>
  <c r="N4334" i="2"/>
  <c r="W4302" i="6" l="1"/>
  <c r="B4334" i="2"/>
  <c r="N4335" i="2"/>
  <c r="W4303" i="6" l="1"/>
  <c r="B4335" i="2"/>
  <c r="N4336" i="2"/>
  <c r="W4304" i="6" l="1"/>
  <c r="B4336" i="2"/>
  <c r="N4337" i="2"/>
  <c r="W4305" i="6" l="1"/>
  <c r="B4337" i="2"/>
  <c r="N4338" i="2"/>
  <c r="W4306" i="6" l="1"/>
  <c r="B4338" i="2"/>
  <c r="N4339" i="2"/>
  <c r="W4307" i="6" l="1"/>
  <c r="B4339" i="2"/>
  <c r="N4340" i="2"/>
  <c r="W4308" i="6" l="1"/>
  <c r="B4340" i="2"/>
  <c r="N4341" i="2"/>
  <c r="W4309" i="6" l="1"/>
  <c r="B4341" i="2"/>
  <c r="N4342" i="2"/>
  <c r="W4310" i="6" l="1"/>
  <c r="B4342" i="2"/>
  <c r="N4343" i="2"/>
  <c r="W4311" i="6" l="1"/>
  <c r="B4343" i="2"/>
  <c r="N4344" i="2"/>
  <c r="W4312" i="6" l="1"/>
  <c r="B4344" i="2"/>
  <c r="N4345" i="2"/>
  <c r="W4313" i="6" l="1"/>
  <c r="B4345" i="2"/>
  <c r="N4346" i="2"/>
  <c r="W4314" i="6" l="1"/>
  <c r="B4346" i="2"/>
  <c r="N4347" i="2"/>
  <c r="W4315" i="6" l="1"/>
  <c r="B4347" i="2"/>
  <c r="N4348" i="2"/>
  <c r="W4316" i="6" l="1"/>
  <c r="B4348" i="2"/>
  <c r="N4349" i="2"/>
  <c r="W4317" i="6" l="1"/>
  <c r="B4349" i="2"/>
  <c r="N4350" i="2"/>
  <c r="W4318" i="6" l="1"/>
  <c r="B4350" i="2"/>
  <c r="N4351" i="2"/>
  <c r="W4319" i="6" l="1"/>
  <c r="B4351" i="2"/>
  <c r="N4352" i="2"/>
  <c r="W4320" i="6" l="1"/>
  <c r="B4352" i="2"/>
  <c r="N4353" i="2"/>
  <c r="W4321" i="6" l="1"/>
  <c r="B4353" i="2"/>
  <c r="N4354" i="2"/>
  <c r="W4322" i="6" l="1"/>
  <c r="B4354" i="2"/>
  <c r="N4355" i="2"/>
  <c r="W4323" i="6" l="1"/>
  <c r="B4355" i="2"/>
  <c r="N4356" i="2"/>
  <c r="W4324" i="6" l="1"/>
  <c r="B4356" i="2"/>
  <c r="N4357" i="2"/>
  <c r="W4325" i="6" l="1"/>
  <c r="B4357" i="2"/>
  <c r="N4358" i="2"/>
  <c r="W4326" i="6" l="1"/>
  <c r="B4358" i="2"/>
  <c r="N4359" i="2"/>
  <c r="W4327" i="6" l="1"/>
  <c r="B4359" i="2"/>
  <c r="N4360" i="2"/>
  <c r="W4328" i="6" l="1"/>
  <c r="B4360" i="2"/>
  <c r="N4361" i="2"/>
  <c r="W4329" i="6" l="1"/>
  <c r="B4361" i="2"/>
  <c r="N4362" i="2"/>
  <c r="W4330" i="6" l="1"/>
  <c r="B4362" i="2"/>
  <c r="N4363" i="2"/>
  <c r="W4331" i="6" l="1"/>
  <c r="B4363" i="2"/>
  <c r="N4364" i="2"/>
  <c r="W4332" i="6" l="1"/>
  <c r="B4364" i="2"/>
  <c r="N4365" i="2"/>
  <c r="W4333" i="6" l="1"/>
  <c r="B4365" i="2"/>
  <c r="N4366" i="2"/>
  <c r="W4334" i="6" l="1"/>
  <c r="B4366" i="2"/>
  <c r="N4367" i="2"/>
  <c r="W4335" i="6" l="1"/>
  <c r="B4367" i="2"/>
  <c r="N4368" i="2"/>
  <c r="W4336" i="6" l="1"/>
  <c r="B4368" i="2"/>
  <c r="N4369" i="2"/>
  <c r="W4337" i="6" l="1"/>
  <c r="B4369" i="2"/>
  <c r="N4370" i="2"/>
  <c r="W4338" i="6" l="1"/>
  <c r="B4370" i="2"/>
  <c r="N4371" i="2"/>
  <c r="W4339" i="6" l="1"/>
  <c r="B4371" i="2"/>
  <c r="N4372" i="2"/>
  <c r="W4340" i="6" l="1"/>
  <c r="B4372" i="2"/>
  <c r="N4373" i="2"/>
  <c r="W4341" i="6" l="1"/>
  <c r="B4373" i="2"/>
  <c r="N4374" i="2"/>
  <c r="W4342" i="6" l="1"/>
  <c r="B4374" i="2"/>
  <c r="N4375" i="2"/>
  <c r="W4343" i="6" l="1"/>
  <c r="B4375" i="2"/>
  <c r="N4376" i="2"/>
  <c r="W4344" i="6" l="1"/>
  <c r="B4376" i="2"/>
  <c r="N4377" i="2"/>
  <c r="W4345" i="6" l="1"/>
  <c r="B4377" i="2"/>
  <c r="N4378" i="2"/>
  <c r="W4346" i="6" l="1"/>
  <c r="B4378" i="2"/>
  <c r="N4379" i="2"/>
  <c r="W4347" i="6" l="1"/>
  <c r="B4379" i="2"/>
  <c r="N4380" i="2"/>
  <c r="W4348" i="6" l="1"/>
  <c r="B4380" i="2"/>
  <c r="N4381" i="2"/>
  <c r="W4349" i="6" l="1"/>
  <c r="B4381" i="2"/>
  <c r="N4382" i="2"/>
  <c r="W4350" i="6" l="1"/>
  <c r="B4382" i="2"/>
  <c r="N4383" i="2"/>
  <c r="W4351" i="6" l="1"/>
  <c r="B4383" i="2"/>
  <c r="N4384" i="2"/>
  <c r="W4352" i="6" l="1"/>
  <c r="B4384" i="2"/>
  <c r="N4385" i="2"/>
  <c r="W4353" i="6" l="1"/>
  <c r="B4385" i="2"/>
  <c r="N4386" i="2"/>
  <c r="W4354" i="6" l="1"/>
  <c r="B4386" i="2"/>
  <c r="N4387" i="2"/>
  <c r="W4355" i="6" l="1"/>
  <c r="B4387" i="2"/>
  <c r="N4388" i="2"/>
  <c r="W4356" i="6" l="1"/>
  <c r="B4388" i="2"/>
  <c r="N4389" i="2"/>
  <c r="W4357" i="6" l="1"/>
  <c r="B4389" i="2"/>
  <c r="N4390" i="2"/>
  <c r="W4358" i="6" l="1"/>
  <c r="B4390" i="2"/>
  <c r="N4391" i="2"/>
  <c r="W4359" i="6" l="1"/>
  <c r="B4391" i="2"/>
  <c r="N4392" i="2"/>
  <c r="W4360" i="6" l="1"/>
  <c r="B4392" i="2"/>
  <c r="N4393" i="2"/>
  <c r="W4361" i="6" l="1"/>
  <c r="B4393" i="2"/>
  <c r="N4394" i="2"/>
  <c r="W4362" i="6" l="1"/>
  <c r="B4394" i="2"/>
  <c r="N4395" i="2"/>
  <c r="W4363" i="6" l="1"/>
  <c r="B4395" i="2"/>
  <c r="N4396" i="2"/>
  <c r="W4364" i="6" l="1"/>
  <c r="B4396" i="2"/>
  <c r="N4397" i="2"/>
  <c r="W4365" i="6" l="1"/>
  <c r="B4397" i="2"/>
  <c r="N4398" i="2"/>
  <c r="W4366" i="6" l="1"/>
  <c r="B4398" i="2"/>
  <c r="N4399" i="2"/>
  <c r="W4367" i="6" l="1"/>
  <c r="B4399" i="2"/>
  <c r="N4400" i="2"/>
  <c r="W4368" i="6" l="1"/>
  <c r="B4400" i="2"/>
  <c r="N4401" i="2"/>
  <c r="W4369" i="6" l="1"/>
  <c r="B4401" i="2"/>
  <c r="N4402" i="2"/>
  <c r="W4370" i="6" l="1"/>
  <c r="B4402" i="2"/>
  <c r="N4403" i="2"/>
  <c r="W4371" i="6" l="1"/>
  <c r="B4403" i="2"/>
  <c r="N4404" i="2"/>
  <c r="W4372" i="6" l="1"/>
  <c r="B4404" i="2"/>
  <c r="N4405" i="2"/>
  <c r="W4373" i="6" l="1"/>
  <c r="B4405" i="2"/>
  <c r="N4406" i="2"/>
  <c r="W4374" i="6" l="1"/>
  <c r="B4406" i="2"/>
  <c r="N4407" i="2"/>
  <c r="W4375" i="6" l="1"/>
  <c r="B4407" i="2"/>
  <c r="N4408" i="2"/>
  <c r="W4376" i="6" l="1"/>
  <c r="B4408" i="2"/>
  <c r="N4409" i="2"/>
  <c r="W4377" i="6" l="1"/>
  <c r="B4409" i="2"/>
  <c r="N4410" i="2"/>
  <c r="W4378" i="6" l="1"/>
  <c r="B4410" i="2"/>
  <c r="N4411" i="2"/>
  <c r="W4379" i="6" l="1"/>
  <c r="B4411" i="2"/>
  <c r="N4412" i="2"/>
  <c r="W4380" i="6" l="1"/>
  <c r="B4412" i="2"/>
  <c r="N4413" i="2"/>
  <c r="W4381" i="6" l="1"/>
  <c r="B4413" i="2"/>
  <c r="N4414" i="2"/>
  <c r="W4382" i="6" l="1"/>
  <c r="B4414" i="2"/>
  <c r="N4415" i="2"/>
  <c r="W4383" i="6" l="1"/>
  <c r="B4415" i="2"/>
  <c r="N4416" i="2"/>
  <c r="W4384" i="6" l="1"/>
  <c r="B4416" i="2"/>
  <c r="N4417" i="2"/>
  <c r="W4385" i="6" l="1"/>
  <c r="B4417" i="2"/>
  <c r="N4418" i="2"/>
  <c r="W4386" i="6" l="1"/>
  <c r="B4418" i="2"/>
  <c r="N4419" i="2"/>
  <c r="W4387" i="6" l="1"/>
  <c r="B4419" i="2"/>
  <c r="N4420" i="2"/>
  <c r="W4388" i="6" l="1"/>
  <c r="B4420" i="2"/>
  <c r="N4421" i="2"/>
  <c r="W4389" i="6" l="1"/>
  <c r="B4421" i="2"/>
  <c r="N4422" i="2"/>
  <c r="W4390" i="6" l="1"/>
  <c r="B4422" i="2"/>
  <c r="N4423" i="2"/>
  <c r="W4391" i="6" l="1"/>
  <c r="B4423" i="2"/>
  <c r="N4424" i="2"/>
  <c r="W4392" i="6" l="1"/>
  <c r="B4424" i="2"/>
  <c r="N4425" i="2"/>
  <c r="W4393" i="6" l="1"/>
  <c r="B4425" i="2"/>
  <c r="N4426" i="2"/>
  <c r="W4394" i="6" l="1"/>
  <c r="B4426" i="2"/>
  <c r="N4427" i="2"/>
  <c r="W4395" i="6" l="1"/>
  <c r="B4427" i="2"/>
  <c r="N4428" i="2"/>
  <c r="W4396" i="6" l="1"/>
  <c r="B4428" i="2"/>
  <c r="N4429" i="2"/>
  <c r="W4397" i="6" l="1"/>
  <c r="B4429" i="2"/>
  <c r="N4430" i="2"/>
  <c r="W4398" i="6" l="1"/>
  <c r="B4430" i="2"/>
  <c r="N4431" i="2"/>
  <c r="W4399" i="6" l="1"/>
  <c r="B4431" i="2"/>
  <c r="N4432" i="2"/>
  <c r="W4400" i="6" l="1"/>
  <c r="B4432" i="2"/>
  <c r="N4433" i="2"/>
  <c r="W4401" i="6" l="1"/>
  <c r="B4433" i="2"/>
  <c r="N4434" i="2"/>
  <c r="W4402" i="6" l="1"/>
  <c r="B4434" i="2"/>
  <c r="N4435" i="2"/>
  <c r="W4403" i="6" l="1"/>
  <c r="B4435" i="2"/>
  <c r="N4436" i="2"/>
  <c r="W4404" i="6" l="1"/>
  <c r="B4436" i="2"/>
  <c r="N4437" i="2"/>
  <c r="W4405" i="6" l="1"/>
  <c r="B4437" i="2"/>
  <c r="N4438" i="2"/>
  <c r="W4406" i="6" l="1"/>
  <c r="B4438" i="2"/>
  <c r="N4439" i="2"/>
  <c r="W4407" i="6" l="1"/>
  <c r="B4439" i="2"/>
  <c r="N4440" i="2"/>
  <c r="W4408" i="6" l="1"/>
  <c r="B4440" i="2"/>
  <c r="N4441" i="2"/>
  <c r="W4409" i="6" l="1"/>
  <c r="B4441" i="2"/>
  <c r="N4442" i="2"/>
  <c r="W4410" i="6" l="1"/>
  <c r="B4442" i="2"/>
  <c r="N4443" i="2"/>
  <c r="W4411" i="6" l="1"/>
  <c r="B4443" i="2"/>
  <c r="N4444" i="2"/>
  <c r="W4412" i="6" l="1"/>
  <c r="B4444" i="2"/>
  <c r="N4445" i="2"/>
  <c r="W4413" i="6" l="1"/>
  <c r="B4445" i="2"/>
  <c r="N4446" i="2"/>
  <c r="W4414" i="6" l="1"/>
  <c r="B4446" i="2"/>
  <c r="N4447" i="2"/>
  <c r="W4415" i="6" l="1"/>
  <c r="B4447" i="2"/>
  <c r="N4448" i="2"/>
  <c r="W4416" i="6" l="1"/>
  <c r="B4448" i="2"/>
  <c r="N4449" i="2"/>
  <c r="W4417" i="6" l="1"/>
  <c r="B4449" i="2"/>
  <c r="N4450" i="2"/>
  <c r="W4418" i="6" l="1"/>
  <c r="B4450" i="2"/>
  <c r="N4451" i="2"/>
  <c r="W4419" i="6" l="1"/>
  <c r="B4451" i="2"/>
  <c r="N4452" i="2"/>
  <c r="W4420" i="6" l="1"/>
  <c r="B4452" i="2"/>
  <c r="N4453" i="2"/>
  <c r="W4421" i="6" l="1"/>
  <c r="B4453" i="2"/>
  <c r="N4454" i="2"/>
  <c r="W4422" i="6" l="1"/>
  <c r="B4454" i="2"/>
  <c r="N4455" i="2"/>
  <c r="W4423" i="6" l="1"/>
  <c r="B4455" i="2"/>
  <c r="N4456" i="2"/>
  <c r="W4424" i="6" l="1"/>
  <c r="B4456" i="2"/>
  <c r="N4457" i="2"/>
  <c r="W4425" i="6" l="1"/>
  <c r="B4457" i="2"/>
  <c r="N4458" i="2"/>
  <c r="W4426" i="6" l="1"/>
  <c r="B4458" i="2"/>
  <c r="N4459" i="2"/>
  <c r="W4427" i="6" l="1"/>
  <c r="B4459" i="2"/>
  <c r="N4460" i="2"/>
  <c r="W4428" i="6" l="1"/>
  <c r="B4460" i="2"/>
  <c r="N4461" i="2"/>
  <c r="W4429" i="6" l="1"/>
  <c r="B4461" i="2"/>
  <c r="N4462" i="2"/>
  <c r="W4430" i="6" l="1"/>
  <c r="B4462" i="2"/>
  <c r="N4463" i="2"/>
  <c r="W4431" i="6" l="1"/>
  <c r="B4463" i="2"/>
  <c r="N4464" i="2"/>
  <c r="W4432" i="6" l="1"/>
  <c r="B4464" i="2"/>
  <c r="N4465" i="2"/>
  <c r="W4433" i="6" l="1"/>
  <c r="B4465" i="2"/>
  <c r="N4466" i="2"/>
  <c r="W4434" i="6" l="1"/>
  <c r="B4466" i="2"/>
  <c r="N4467" i="2"/>
  <c r="W4435" i="6" l="1"/>
  <c r="B4467" i="2"/>
  <c r="N4468" i="2"/>
  <c r="W4436" i="6" l="1"/>
  <c r="B4468" i="2"/>
  <c r="N4469" i="2"/>
  <c r="W4437" i="6" l="1"/>
  <c r="B4469" i="2"/>
  <c r="N4470" i="2"/>
  <c r="W4438" i="6" l="1"/>
  <c r="B4470" i="2"/>
  <c r="N4471" i="2"/>
  <c r="W4439" i="6" l="1"/>
  <c r="B4471" i="2"/>
  <c r="N4472" i="2"/>
  <c r="W4440" i="6" l="1"/>
  <c r="B4472" i="2"/>
  <c r="N4473" i="2"/>
  <c r="W4441" i="6" l="1"/>
  <c r="B4473" i="2"/>
  <c r="N4474" i="2"/>
  <c r="W4442" i="6" l="1"/>
  <c r="B4474" i="2"/>
  <c r="N4475" i="2"/>
  <c r="W4443" i="6" l="1"/>
  <c r="B4475" i="2"/>
  <c r="N4476" i="2"/>
  <c r="W4444" i="6" l="1"/>
  <c r="B4476" i="2"/>
  <c r="N4477" i="2"/>
  <c r="W4445" i="6" l="1"/>
  <c r="B4477" i="2"/>
  <c r="N4478" i="2"/>
  <c r="W4446" i="6" l="1"/>
  <c r="B4478" i="2"/>
  <c r="N4479" i="2"/>
  <c r="W4447" i="6" l="1"/>
  <c r="B4479" i="2"/>
  <c r="N4480" i="2"/>
  <c r="W4448" i="6" l="1"/>
  <c r="B4480" i="2"/>
  <c r="N4481" i="2"/>
  <c r="W4449" i="6" l="1"/>
  <c r="B4481" i="2"/>
  <c r="N4482" i="2"/>
  <c r="W4450" i="6" l="1"/>
  <c r="B4482" i="2"/>
  <c r="N4483" i="2"/>
  <c r="W4451" i="6" l="1"/>
  <c r="B4483" i="2"/>
  <c r="N4484" i="2"/>
  <c r="W4452" i="6" l="1"/>
  <c r="B4484" i="2"/>
  <c r="N4485" i="2"/>
  <c r="W4453" i="6" l="1"/>
  <c r="B4485" i="2"/>
  <c r="N4486" i="2"/>
  <c r="W4454" i="6" l="1"/>
  <c r="B4486" i="2"/>
  <c r="N4487" i="2"/>
  <c r="W4455" i="6" l="1"/>
  <c r="B4487" i="2"/>
  <c r="N4488" i="2"/>
  <c r="W4456" i="6" l="1"/>
  <c r="B4488" i="2"/>
  <c r="N4489" i="2"/>
  <c r="W4457" i="6" l="1"/>
  <c r="B4489" i="2"/>
  <c r="N4490" i="2"/>
  <c r="W4458" i="6" l="1"/>
  <c r="B4490" i="2"/>
  <c r="N4491" i="2"/>
  <c r="W4459" i="6" l="1"/>
  <c r="B4491" i="2"/>
  <c r="N4492" i="2"/>
  <c r="W4460" i="6" l="1"/>
  <c r="B4492" i="2"/>
  <c r="N4493" i="2"/>
  <c r="W4461" i="6" l="1"/>
  <c r="B4493" i="2"/>
  <c r="N4494" i="2"/>
  <c r="W4462" i="6" l="1"/>
  <c r="B4494" i="2"/>
  <c r="N4495" i="2"/>
  <c r="W4463" i="6" l="1"/>
  <c r="B4495" i="2"/>
  <c r="N4496" i="2"/>
  <c r="W4464" i="6" l="1"/>
  <c r="B4496" i="2"/>
  <c r="N4497" i="2"/>
  <c r="W4465" i="6" l="1"/>
  <c r="B4497" i="2"/>
  <c r="N4498" i="2"/>
  <c r="W4466" i="6" l="1"/>
  <c r="B4498" i="2"/>
  <c r="N4499" i="2"/>
  <c r="W4467" i="6" l="1"/>
  <c r="B4499" i="2"/>
  <c r="N4500" i="2"/>
  <c r="W4468" i="6" l="1"/>
  <c r="B4500" i="2"/>
  <c r="N4501" i="2"/>
  <c r="W4469" i="6" l="1"/>
  <c r="B4501" i="2"/>
  <c r="N4502" i="2"/>
  <c r="W4470" i="6" l="1"/>
  <c r="B4502" i="2"/>
  <c r="N4503" i="2"/>
  <c r="W4471" i="6" l="1"/>
  <c r="B4503" i="2"/>
  <c r="N4504" i="2"/>
  <c r="W4472" i="6" l="1"/>
  <c r="B4504" i="2"/>
  <c r="N4505" i="2"/>
  <c r="W4473" i="6" l="1"/>
  <c r="B4505" i="2"/>
  <c r="N4506" i="2"/>
  <c r="W4474" i="6" l="1"/>
  <c r="B4506" i="2"/>
  <c r="N4507" i="2"/>
  <c r="W4475" i="6" l="1"/>
  <c r="B4507" i="2"/>
  <c r="N4508" i="2"/>
  <c r="W4476" i="6" l="1"/>
  <c r="B4508" i="2"/>
  <c r="N4509" i="2"/>
  <c r="W4477" i="6" l="1"/>
  <c r="B4509" i="2"/>
  <c r="N4510" i="2"/>
  <c r="W4478" i="6" l="1"/>
  <c r="B4510" i="2"/>
  <c r="N4511" i="2"/>
  <c r="W4479" i="6" l="1"/>
  <c r="B4511" i="2"/>
  <c r="N4512" i="2"/>
  <c r="W4480" i="6" l="1"/>
  <c r="B4512" i="2"/>
  <c r="N4513" i="2"/>
  <c r="W4481" i="6" l="1"/>
  <c r="B4513" i="2"/>
  <c r="N4514" i="2"/>
  <c r="W4482" i="6" l="1"/>
  <c r="B4514" i="2"/>
  <c r="N4515" i="2"/>
  <c r="W4483" i="6" l="1"/>
  <c r="B4515" i="2"/>
  <c r="N4516" i="2"/>
  <c r="W4484" i="6" l="1"/>
  <c r="B4516" i="2"/>
  <c r="N4517" i="2"/>
  <c r="W4485" i="6" l="1"/>
  <c r="B4517" i="2"/>
  <c r="N4518" i="2"/>
  <c r="W4486" i="6" l="1"/>
  <c r="B4518" i="2"/>
  <c r="N4519" i="2"/>
  <c r="W4487" i="6" l="1"/>
  <c r="B4519" i="2"/>
  <c r="N4520" i="2"/>
  <c r="W4488" i="6" l="1"/>
  <c r="B4520" i="2"/>
  <c r="N4521" i="2"/>
  <c r="W4489" i="6" l="1"/>
  <c r="B4521" i="2"/>
  <c r="N4522" i="2"/>
  <c r="W4490" i="6" l="1"/>
  <c r="B4522" i="2"/>
  <c r="N4523" i="2"/>
  <c r="W4491" i="6" l="1"/>
  <c r="B4523" i="2"/>
  <c r="N4524" i="2"/>
  <c r="W4492" i="6" l="1"/>
  <c r="B4524" i="2"/>
  <c r="N4525" i="2"/>
  <c r="W4493" i="6" l="1"/>
  <c r="B4525" i="2"/>
  <c r="N4526" i="2"/>
  <c r="W4494" i="6" l="1"/>
  <c r="B4526" i="2"/>
  <c r="N4527" i="2"/>
  <c r="W4495" i="6" l="1"/>
  <c r="B4527" i="2"/>
  <c r="N4528" i="2"/>
  <c r="W4496" i="6" l="1"/>
  <c r="B4528" i="2"/>
  <c r="N4529" i="2"/>
  <c r="W4497" i="6" l="1"/>
  <c r="B4529" i="2"/>
  <c r="N4530" i="2"/>
  <c r="W4498" i="6" l="1"/>
  <c r="B4530" i="2"/>
  <c r="N4531" i="2"/>
  <c r="W4499" i="6" l="1"/>
  <c r="B4531" i="2"/>
  <c r="N4532" i="2"/>
  <c r="W4500" i="6" l="1"/>
  <c r="B4532" i="2"/>
  <c r="N4533" i="2"/>
  <c r="W4501" i="6" l="1"/>
  <c r="B4533" i="2"/>
  <c r="N4534" i="2"/>
  <c r="W4502" i="6" l="1"/>
  <c r="B4534" i="2"/>
  <c r="N4535" i="2"/>
  <c r="W4503" i="6" l="1"/>
  <c r="B4535" i="2"/>
  <c r="N4536" i="2"/>
  <c r="W4504" i="6" l="1"/>
  <c r="B4536" i="2"/>
  <c r="N4537" i="2"/>
  <c r="W4505" i="6" l="1"/>
  <c r="B4537" i="2"/>
  <c r="N4538" i="2"/>
  <c r="W4506" i="6" l="1"/>
  <c r="B4538" i="2"/>
  <c r="N4539" i="2"/>
  <c r="W4507" i="6" l="1"/>
  <c r="B4539" i="2"/>
  <c r="N4540" i="2"/>
  <c r="W4508" i="6" l="1"/>
  <c r="B4540" i="2"/>
  <c r="N4541" i="2"/>
  <c r="W4509" i="6" l="1"/>
  <c r="B4541" i="2"/>
  <c r="N4542" i="2"/>
  <c r="W4510" i="6" l="1"/>
  <c r="B4542" i="2"/>
  <c r="N4543" i="2"/>
  <c r="W4511" i="6" l="1"/>
  <c r="B4543" i="2"/>
  <c r="N4544" i="2"/>
  <c r="W4512" i="6" l="1"/>
  <c r="B4544" i="2"/>
  <c r="N4545" i="2"/>
  <c r="W4513" i="6" l="1"/>
  <c r="B4545" i="2"/>
  <c r="N4546" i="2"/>
  <c r="W4514" i="6" l="1"/>
  <c r="B4546" i="2"/>
  <c r="N4547" i="2"/>
  <c r="W4515" i="6" l="1"/>
  <c r="B4547" i="2"/>
  <c r="N4548" i="2"/>
  <c r="W4516" i="6" l="1"/>
  <c r="B4548" i="2"/>
  <c r="N4549" i="2"/>
  <c r="W4517" i="6" l="1"/>
  <c r="B4549" i="2"/>
  <c r="N4550" i="2"/>
  <c r="W4518" i="6" l="1"/>
  <c r="B4550" i="2"/>
  <c r="N4551" i="2"/>
  <c r="W4519" i="6" l="1"/>
  <c r="B4551" i="2"/>
  <c r="N4552" i="2"/>
  <c r="W4520" i="6" l="1"/>
  <c r="B4552" i="2"/>
  <c r="N4553" i="2"/>
  <c r="W4521" i="6" l="1"/>
  <c r="B4553" i="2"/>
  <c r="N4554" i="2"/>
  <c r="W4522" i="6" l="1"/>
  <c r="B4554" i="2"/>
  <c r="N4555" i="2"/>
  <c r="W4523" i="6" l="1"/>
  <c r="B4555" i="2"/>
  <c r="N4556" i="2"/>
  <c r="W4524" i="6" l="1"/>
  <c r="B4556" i="2"/>
  <c r="N4557" i="2"/>
  <c r="W4525" i="6" l="1"/>
  <c r="B4557" i="2"/>
  <c r="N4558" i="2"/>
  <c r="W4526" i="6" l="1"/>
  <c r="B4558" i="2"/>
  <c r="N4559" i="2"/>
  <c r="W4527" i="6" l="1"/>
  <c r="B4559" i="2"/>
  <c r="N4560" i="2"/>
  <c r="W4528" i="6" l="1"/>
  <c r="B4560" i="2"/>
  <c r="N4561" i="2"/>
  <c r="W4529" i="6" l="1"/>
  <c r="B4561" i="2"/>
  <c r="N4562" i="2"/>
  <c r="W4530" i="6" l="1"/>
  <c r="B4562" i="2"/>
  <c r="N4563" i="2"/>
  <c r="W4531" i="6" l="1"/>
  <c r="B4563" i="2"/>
  <c r="N4564" i="2"/>
  <c r="W4532" i="6" l="1"/>
  <c r="B4564" i="2"/>
  <c r="N4565" i="2"/>
  <c r="W4533" i="6" l="1"/>
  <c r="B4565" i="2"/>
  <c r="N4566" i="2"/>
  <c r="W4534" i="6" l="1"/>
  <c r="B4566" i="2"/>
  <c r="N4567" i="2"/>
  <c r="W4535" i="6" l="1"/>
  <c r="B4567" i="2"/>
  <c r="N4568" i="2"/>
  <c r="W4536" i="6" l="1"/>
  <c r="B4568" i="2"/>
  <c r="N4569" i="2"/>
  <c r="W4537" i="6" l="1"/>
  <c r="B4569" i="2"/>
  <c r="N4570" i="2"/>
  <c r="W4538" i="6" l="1"/>
  <c r="B4570" i="2"/>
  <c r="N4571" i="2"/>
  <c r="W4539" i="6" l="1"/>
  <c r="B4571" i="2"/>
  <c r="N4572" i="2"/>
  <c r="W4540" i="6" l="1"/>
  <c r="B4572" i="2"/>
  <c r="N4573" i="2"/>
  <c r="W4541" i="6" l="1"/>
  <c r="B4573" i="2"/>
  <c r="N4574" i="2"/>
  <c r="W4542" i="6" l="1"/>
  <c r="B4574" i="2"/>
  <c r="N4575" i="2"/>
  <c r="W4543" i="6" l="1"/>
  <c r="B4575" i="2"/>
  <c r="N4576" i="2"/>
  <c r="W4544" i="6" l="1"/>
  <c r="B4576" i="2"/>
  <c r="N4577" i="2"/>
  <c r="W4545" i="6" l="1"/>
  <c r="B4577" i="2"/>
  <c r="N4578" i="2"/>
  <c r="W4546" i="6" l="1"/>
  <c r="B4578" i="2"/>
  <c r="N4579" i="2"/>
  <c r="W4547" i="6" l="1"/>
  <c r="B4579" i="2"/>
  <c r="N4580" i="2"/>
  <c r="W4548" i="6" l="1"/>
  <c r="B4580" i="2"/>
  <c r="N4581" i="2"/>
  <c r="W4549" i="6" l="1"/>
  <c r="B4581" i="2"/>
  <c r="N4582" i="2"/>
  <c r="W4550" i="6" l="1"/>
  <c r="B4582" i="2"/>
  <c r="N4583" i="2"/>
  <c r="W4551" i="6" l="1"/>
  <c r="B4583" i="2"/>
  <c r="N4584" i="2"/>
  <c r="W4552" i="6" l="1"/>
  <c r="B4584" i="2"/>
  <c r="N4585" i="2"/>
  <c r="W4553" i="6" l="1"/>
  <c r="B4585" i="2"/>
  <c r="N4586" i="2"/>
  <c r="W4554" i="6" l="1"/>
  <c r="B4586" i="2"/>
  <c r="N4587" i="2"/>
  <c r="W4555" i="6" l="1"/>
  <c r="B4587" i="2"/>
  <c r="N4588" i="2"/>
  <c r="W4556" i="6" l="1"/>
  <c r="B4588" i="2"/>
  <c r="N4589" i="2"/>
  <c r="W4557" i="6" l="1"/>
  <c r="B4589" i="2"/>
  <c r="N4590" i="2"/>
  <c r="W4558" i="6" l="1"/>
  <c r="B4590" i="2"/>
  <c r="N4591" i="2"/>
  <c r="W4559" i="6" l="1"/>
  <c r="B4591" i="2"/>
  <c r="N4592" i="2"/>
  <c r="W4560" i="6" l="1"/>
  <c r="B4592" i="2"/>
  <c r="N4593" i="2"/>
  <c r="W4561" i="6" l="1"/>
  <c r="B4593" i="2"/>
  <c r="N4594" i="2"/>
  <c r="W4562" i="6" l="1"/>
  <c r="B4594" i="2"/>
  <c r="N4595" i="2"/>
  <c r="W4563" i="6" l="1"/>
  <c r="B4595" i="2"/>
  <c r="N4596" i="2"/>
  <c r="W4564" i="6" l="1"/>
  <c r="B4596" i="2"/>
  <c r="N4597" i="2"/>
  <c r="W4565" i="6" l="1"/>
  <c r="B4597" i="2"/>
  <c r="N4598" i="2"/>
  <c r="W4566" i="6" l="1"/>
  <c r="B4598" i="2"/>
  <c r="N4599" i="2"/>
  <c r="W4567" i="6" l="1"/>
  <c r="B4599" i="2"/>
  <c r="N4600" i="2"/>
  <c r="W4568" i="6" l="1"/>
  <c r="B4600" i="2"/>
  <c r="N4601" i="2"/>
  <c r="W4569" i="6" l="1"/>
  <c r="B4601" i="2"/>
  <c r="N4602" i="2"/>
  <c r="W4570" i="6" l="1"/>
  <c r="B4602" i="2"/>
  <c r="N4603" i="2"/>
  <c r="W4571" i="6" l="1"/>
  <c r="B4603" i="2"/>
  <c r="N4604" i="2"/>
  <c r="W4572" i="6" l="1"/>
  <c r="B4604" i="2"/>
  <c r="N4605" i="2"/>
  <c r="W4573" i="6" l="1"/>
  <c r="B4605" i="2"/>
  <c r="N4606" i="2"/>
  <c r="W4574" i="6" l="1"/>
  <c r="B4606" i="2"/>
  <c r="N4607" i="2"/>
  <c r="W4575" i="6" l="1"/>
  <c r="B4607" i="2"/>
  <c r="N4608" i="2"/>
  <c r="W4576" i="6" l="1"/>
  <c r="B4608" i="2"/>
  <c r="N4609" i="2"/>
  <c r="W4577" i="6" l="1"/>
  <c r="B4609" i="2"/>
  <c r="N4610" i="2"/>
  <c r="W4578" i="6" l="1"/>
  <c r="B4610" i="2"/>
  <c r="N4611" i="2"/>
  <c r="W4579" i="6" l="1"/>
  <c r="B4611" i="2"/>
  <c r="N4612" i="2"/>
  <c r="W4580" i="6" l="1"/>
  <c r="B4612" i="2"/>
  <c r="N4613" i="2"/>
  <c r="W4581" i="6" l="1"/>
  <c r="B4613" i="2"/>
  <c r="N4614" i="2"/>
  <c r="W4582" i="6" l="1"/>
  <c r="B4614" i="2"/>
  <c r="N4615" i="2"/>
  <c r="W4583" i="6" l="1"/>
  <c r="B4615" i="2"/>
  <c r="N4616" i="2"/>
  <c r="W4584" i="6" l="1"/>
  <c r="B4616" i="2"/>
  <c r="N4617" i="2"/>
  <c r="W4585" i="6" l="1"/>
  <c r="B4617" i="2"/>
  <c r="N4618" i="2"/>
  <c r="W4586" i="6" l="1"/>
  <c r="B4618" i="2"/>
  <c r="N4619" i="2"/>
  <c r="W4587" i="6" l="1"/>
  <c r="B4619" i="2"/>
  <c r="N4620" i="2"/>
  <c r="W4588" i="6" l="1"/>
  <c r="B4620" i="2"/>
  <c r="N4621" i="2"/>
  <c r="W4589" i="6" l="1"/>
  <c r="B4621" i="2"/>
  <c r="N4622" i="2"/>
  <c r="W4590" i="6" l="1"/>
  <c r="B4622" i="2"/>
  <c r="N4623" i="2"/>
  <c r="W4591" i="6" l="1"/>
  <c r="B4623" i="2"/>
  <c r="N4624" i="2"/>
  <c r="W4592" i="6" l="1"/>
  <c r="B4624" i="2"/>
  <c r="N4625" i="2"/>
  <c r="W4593" i="6" l="1"/>
  <c r="B4625" i="2"/>
  <c r="N4626" i="2"/>
  <c r="W4594" i="6" l="1"/>
  <c r="B4626" i="2"/>
  <c r="N4627" i="2"/>
  <c r="W4595" i="6" l="1"/>
  <c r="B4627" i="2"/>
  <c r="N4628" i="2"/>
  <c r="W4596" i="6" l="1"/>
  <c r="B4628" i="2"/>
  <c r="N4629" i="2"/>
  <c r="W4597" i="6" l="1"/>
  <c r="B4629" i="2"/>
  <c r="N4630" i="2"/>
  <c r="W4598" i="6" l="1"/>
  <c r="B4630" i="2"/>
  <c r="N4631" i="2"/>
  <c r="W4599" i="6" l="1"/>
  <c r="B4631" i="2"/>
  <c r="N4632" i="2"/>
  <c r="W4600" i="6" l="1"/>
  <c r="B4632" i="2"/>
  <c r="N4633" i="2"/>
  <c r="W4601" i="6" l="1"/>
  <c r="B4633" i="2"/>
  <c r="N4634" i="2"/>
  <c r="W4602" i="6" l="1"/>
  <c r="B4634" i="2"/>
  <c r="N4635" i="2"/>
  <c r="W4603" i="6" l="1"/>
  <c r="B4635" i="2"/>
  <c r="N4636" i="2"/>
  <c r="W4604" i="6" l="1"/>
  <c r="B4636" i="2"/>
  <c r="N4637" i="2"/>
  <c r="W4605" i="6" l="1"/>
  <c r="B4637" i="2"/>
  <c r="N4638" i="2"/>
  <c r="W4606" i="6" l="1"/>
  <c r="B4638" i="2"/>
  <c r="N4639" i="2"/>
  <c r="W4607" i="6" l="1"/>
  <c r="B4639" i="2"/>
  <c r="N4640" i="2"/>
  <c r="W4608" i="6" l="1"/>
  <c r="B4640" i="2"/>
  <c r="N4641" i="2"/>
  <c r="W4609" i="6" l="1"/>
  <c r="B4641" i="2"/>
  <c r="N4642" i="2"/>
  <c r="W4610" i="6" l="1"/>
  <c r="B4642" i="2"/>
  <c r="N4643" i="2"/>
  <c r="W4611" i="6" l="1"/>
  <c r="B4643" i="2"/>
  <c r="N4644" i="2"/>
  <c r="W4612" i="6" l="1"/>
  <c r="B4644" i="2"/>
  <c r="N4645" i="2"/>
  <c r="W4613" i="6" l="1"/>
  <c r="B4645" i="2"/>
  <c r="N4646" i="2"/>
  <c r="W4614" i="6" l="1"/>
  <c r="B4646" i="2"/>
  <c r="N4647" i="2"/>
  <c r="W4615" i="6" l="1"/>
  <c r="B4647" i="2"/>
  <c r="N4648" i="2"/>
  <c r="W4616" i="6" l="1"/>
  <c r="B4648" i="2"/>
  <c r="N4649" i="2"/>
  <c r="W4617" i="6" l="1"/>
  <c r="B4649" i="2"/>
  <c r="N4650" i="2"/>
  <c r="W4618" i="6" l="1"/>
  <c r="B4650" i="2"/>
  <c r="N4651" i="2"/>
  <c r="W4619" i="6" l="1"/>
  <c r="B4651" i="2"/>
  <c r="N4652" i="2"/>
  <c r="W4620" i="6" l="1"/>
  <c r="B4652" i="2"/>
  <c r="N4653" i="2"/>
  <c r="W4621" i="6" l="1"/>
  <c r="B4653" i="2"/>
  <c r="N4654" i="2"/>
  <c r="W4622" i="6" l="1"/>
  <c r="B4654" i="2"/>
  <c r="N4655" i="2"/>
  <c r="W4623" i="6" l="1"/>
  <c r="B4655" i="2"/>
  <c r="N4656" i="2"/>
  <c r="W4624" i="6" l="1"/>
  <c r="B4656" i="2"/>
  <c r="N4657" i="2"/>
  <c r="W4625" i="6" l="1"/>
  <c r="B4657" i="2"/>
  <c r="N4658" i="2"/>
  <c r="W4626" i="6" l="1"/>
  <c r="B4658" i="2"/>
  <c r="N4659" i="2"/>
  <c r="W4627" i="6" l="1"/>
  <c r="B4659" i="2"/>
  <c r="N4660" i="2"/>
  <c r="W4628" i="6" l="1"/>
  <c r="B4660" i="2"/>
  <c r="N4661" i="2"/>
  <c r="W4629" i="6" l="1"/>
  <c r="B4661" i="2"/>
  <c r="N4662" i="2"/>
  <c r="W4630" i="6" l="1"/>
  <c r="B4662" i="2"/>
  <c r="N4663" i="2"/>
  <c r="W4631" i="6" l="1"/>
  <c r="B4663" i="2"/>
  <c r="N4664" i="2"/>
  <c r="W4632" i="6" l="1"/>
  <c r="B4664" i="2"/>
  <c r="N4665" i="2"/>
  <c r="W4633" i="6" l="1"/>
  <c r="B4665" i="2"/>
  <c r="N4666" i="2"/>
  <c r="W4634" i="6" l="1"/>
  <c r="B4666" i="2"/>
  <c r="N4667" i="2"/>
  <c r="W4635" i="6" l="1"/>
  <c r="B4667" i="2"/>
  <c r="N4668" i="2"/>
  <c r="W4636" i="6" l="1"/>
  <c r="B4668" i="2"/>
  <c r="N4669" i="2"/>
  <c r="W4637" i="6" l="1"/>
  <c r="B4669" i="2"/>
  <c r="N4670" i="2"/>
  <c r="W4638" i="6" l="1"/>
  <c r="B4670" i="2"/>
  <c r="N4671" i="2"/>
  <c r="W4639" i="6" l="1"/>
  <c r="B4671" i="2"/>
  <c r="N4672" i="2"/>
  <c r="W4640" i="6" l="1"/>
  <c r="B4672" i="2"/>
  <c r="N4673" i="2"/>
  <c r="W4641" i="6" l="1"/>
  <c r="B4673" i="2"/>
  <c r="N4674" i="2"/>
  <c r="W4642" i="6" l="1"/>
  <c r="B4674" i="2"/>
  <c r="N4675" i="2"/>
  <c r="W4643" i="6" l="1"/>
  <c r="B4675" i="2"/>
  <c r="N4676" i="2"/>
  <c r="W4644" i="6" l="1"/>
  <c r="B4676" i="2"/>
  <c r="N4677" i="2"/>
  <c r="W4645" i="6" l="1"/>
  <c r="B4677" i="2"/>
  <c r="N4678" i="2"/>
  <c r="W4646" i="6" l="1"/>
  <c r="B4678" i="2"/>
  <c r="N4679" i="2"/>
  <c r="W4647" i="6" l="1"/>
  <c r="B4679" i="2"/>
  <c r="N4680" i="2"/>
  <c r="W4648" i="6" l="1"/>
  <c r="B4680" i="2"/>
  <c r="N4681" i="2"/>
  <c r="W4649" i="6" l="1"/>
  <c r="B4681" i="2"/>
  <c r="N4682" i="2"/>
  <c r="W4650" i="6" l="1"/>
  <c r="B4682" i="2"/>
  <c r="N4683" i="2"/>
  <c r="W4651" i="6" l="1"/>
  <c r="B4683" i="2"/>
  <c r="N4684" i="2"/>
  <c r="W4652" i="6" l="1"/>
  <c r="B4684" i="2"/>
  <c r="N4685" i="2"/>
  <c r="W4653" i="6" l="1"/>
  <c r="B4685" i="2"/>
  <c r="N4686" i="2"/>
  <c r="W4654" i="6" l="1"/>
  <c r="B4686" i="2"/>
  <c r="N4687" i="2"/>
  <c r="W4655" i="6" l="1"/>
  <c r="B4687" i="2"/>
  <c r="N4688" i="2"/>
  <c r="W4656" i="6" l="1"/>
  <c r="B4688" i="2"/>
  <c r="N4689" i="2"/>
  <c r="W4657" i="6" l="1"/>
  <c r="B4689" i="2"/>
  <c r="N4690" i="2"/>
  <c r="W4658" i="6" l="1"/>
  <c r="B4690" i="2"/>
  <c r="N4691" i="2"/>
  <c r="W4659" i="6" l="1"/>
  <c r="B4691" i="2"/>
  <c r="N4692" i="2"/>
  <c r="W4660" i="6" l="1"/>
  <c r="B4692" i="2"/>
  <c r="N4693" i="2"/>
  <c r="W4661" i="6" l="1"/>
  <c r="B4693" i="2"/>
  <c r="N4694" i="2"/>
  <c r="W4662" i="6" l="1"/>
  <c r="B4694" i="2"/>
  <c r="N4695" i="2"/>
  <c r="W4663" i="6" l="1"/>
  <c r="B4695" i="2"/>
  <c r="N4696" i="2"/>
  <c r="W4664" i="6" l="1"/>
  <c r="B4696" i="2"/>
  <c r="N4697" i="2"/>
  <c r="W4665" i="6" l="1"/>
  <c r="B4697" i="2"/>
  <c r="N4698" i="2"/>
  <c r="W4666" i="6" l="1"/>
  <c r="B4698" i="2"/>
  <c r="N4699" i="2"/>
  <c r="W4667" i="6" l="1"/>
  <c r="B4699" i="2"/>
  <c r="N4700" i="2"/>
  <c r="W4668" i="6" l="1"/>
  <c r="B4700" i="2"/>
  <c r="N4701" i="2"/>
  <c r="W4669" i="6" l="1"/>
  <c r="B4701" i="2"/>
  <c r="N4702" i="2"/>
  <c r="W4670" i="6" l="1"/>
  <c r="B4702" i="2"/>
  <c r="N4703" i="2"/>
  <c r="W4671" i="6" l="1"/>
  <c r="B4703" i="2"/>
  <c r="N4704" i="2"/>
  <c r="W4672" i="6" l="1"/>
  <c r="B4704" i="2"/>
  <c r="N4705" i="2"/>
  <c r="W4673" i="6" l="1"/>
  <c r="B4705" i="2"/>
  <c r="N4706" i="2"/>
  <c r="W4674" i="6" l="1"/>
  <c r="B4706" i="2"/>
  <c r="N4707" i="2"/>
  <c r="W4675" i="6" l="1"/>
  <c r="B4707" i="2"/>
  <c r="N4708" i="2"/>
  <c r="W4676" i="6" l="1"/>
  <c r="B4708" i="2"/>
  <c r="N4709" i="2"/>
  <c r="W4677" i="6" l="1"/>
  <c r="B4709" i="2"/>
  <c r="N4710" i="2"/>
  <c r="W4678" i="6" l="1"/>
  <c r="B4710" i="2"/>
  <c r="N4711" i="2"/>
  <c r="W4679" i="6" l="1"/>
  <c r="B4711" i="2"/>
  <c r="N4712" i="2"/>
  <c r="W4680" i="6" l="1"/>
  <c r="B4712" i="2"/>
  <c r="N4713" i="2"/>
  <c r="W4681" i="6" l="1"/>
  <c r="B4713" i="2"/>
  <c r="N4714" i="2"/>
  <c r="W4682" i="6" l="1"/>
  <c r="B4714" i="2"/>
  <c r="N4715" i="2"/>
  <c r="W4683" i="6" l="1"/>
  <c r="B4715" i="2"/>
  <c r="N4716" i="2"/>
  <c r="W4684" i="6" l="1"/>
  <c r="B4716" i="2"/>
  <c r="N4717" i="2"/>
  <c r="W4685" i="6" l="1"/>
  <c r="B4717" i="2"/>
  <c r="N4718" i="2"/>
  <c r="W4686" i="6" l="1"/>
  <c r="B4718" i="2"/>
  <c r="N4719" i="2"/>
  <c r="W4687" i="6" l="1"/>
  <c r="B4719" i="2"/>
  <c r="N4720" i="2"/>
  <c r="W4688" i="6" l="1"/>
  <c r="B4720" i="2"/>
  <c r="N4721" i="2"/>
  <c r="W4689" i="6" l="1"/>
  <c r="B4721" i="2"/>
  <c r="N4722" i="2"/>
  <c r="W4690" i="6" l="1"/>
  <c r="B4722" i="2"/>
  <c r="N4723" i="2"/>
  <c r="W4691" i="6" l="1"/>
  <c r="B4723" i="2"/>
  <c r="N4724" i="2"/>
  <c r="W4692" i="6" l="1"/>
  <c r="B4724" i="2"/>
  <c r="N4725" i="2"/>
  <c r="W4693" i="6" l="1"/>
  <c r="B4725" i="2"/>
  <c r="N4726" i="2"/>
  <c r="W4694" i="6" l="1"/>
  <c r="B4726" i="2"/>
  <c r="N4727" i="2"/>
  <c r="W4695" i="6" l="1"/>
  <c r="B4727" i="2"/>
  <c r="N4728" i="2"/>
  <c r="W4696" i="6" l="1"/>
  <c r="B4728" i="2"/>
  <c r="N4729" i="2"/>
  <c r="W4697" i="6" l="1"/>
  <c r="B4729" i="2"/>
  <c r="N4730" i="2"/>
  <c r="W4698" i="6" l="1"/>
  <c r="B4730" i="2"/>
  <c r="N4731" i="2"/>
  <c r="W4699" i="6" l="1"/>
  <c r="B4731" i="2"/>
  <c r="N4732" i="2"/>
  <c r="W4700" i="6" l="1"/>
  <c r="B4732" i="2"/>
  <c r="N4733" i="2"/>
  <c r="W4701" i="6" l="1"/>
  <c r="B4733" i="2"/>
  <c r="N4734" i="2"/>
  <c r="W4702" i="6" l="1"/>
  <c r="B4734" i="2"/>
  <c r="N4735" i="2"/>
  <c r="W4703" i="6" l="1"/>
  <c r="B4735" i="2"/>
  <c r="N4736" i="2"/>
  <c r="W4704" i="6" l="1"/>
  <c r="B4736" i="2"/>
  <c r="N4737" i="2"/>
  <c r="W4705" i="6" l="1"/>
  <c r="B4737" i="2"/>
  <c r="N4738" i="2"/>
  <c r="W4706" i="6" l="1"/>
  <c r="B4738" i="2"/>
  <c r="N4739" i="2"/>
  <c r="W4707" i="6" l="1"/>
  <c r="B4739" i="2"/>
  <c r="N4740" i="2"/>
  <c r="W4708" i="6" l="1"/>
  <c r="B4740" i="2"/>
  <c r="N4741" i="2"/>
  <c r="W4709" i="6" l="1"/>
  <c r="B4741" i="2"/>
  <c r="N4742" i="2"/>
  <c r="W4710" i="6" l="1"/>
  <c r="B4742" i="2"/>
  <c r="N4743" i="2"/>
  <c r="W4711" i="6" l="1"/>
  <c r="B4743" i="2"/>
  <c r="N4744" i="2"/>
  <c r="W4712" i="6" l="1"/>
  <c r="B4744" i="2"/>
  <c r="N4745" i="2"/>
  <c r="W4713" i="6" l="1"/>
  <c r="B4745" i="2"/>
  <c r="N4746" i="2"/>
  <c r="W4714" i="6" l="1"/>
  <c r="B4746" i="2"/>
  <c r="N4747" i="2"/>
  <c r="W4715" i="6" l="1"/>
  <c r="B4747" i="2"/>
  <c r="N4748" i="2"/>
  <c r="W4716" i="6" l="1"/>
  <c r="B4748" i="2"/>
  <c r="N4749" i="2"/>
  <c r="W4717" i="6" l="1"/>
  <c r="B4749" i="2"/>
  <c r="N4750" i="2"/>
  <c r="W4718" i="6" l="1"/>
  <c r="B4750" i="2"/>
  <c r="N4751" i="2"/>
  <c r="W4719" i="6" l="1"/>
  <c r="B4751" i="2"/>
  <c r="N4752" i="2"/>
  <c r="W4720" i="6" l="1"/>
  <c r="B4752" i="2"/>
  <c r="N4753" i="2"/>
  <c r="W4721" i="6" l="1"/>
  <c r="B4753" i="2"/>
  <c r="N4754" i="2"/>
  <c r="W4722" i="6" l="1"/>
  <c r="B4754" i="2"/>
  <c r="N4755" i="2"/>
  <c r="W4723" i="6" l="1"/>
  <c r="B4755" i="2"/>
  <c r="N4756" i="2"/>
  <c r="W4724" i="6" l="1"/>
  <c r="B4756" i="2"/>
  <c r="N4757" i="2"/>
  <c r="W4725" i="6" l="1"/>
  <c r="B4757" i="2"/>
  <c r="N4758" i="2"/>
  <c r="W4726" i="6" l="1"/>
  <c r="B4758" i="2"/>
  <c r="N4759" i="2"/>
  <c r="W4727" i="6" l="1"/>
  <c r="B4759" i="2"/>
  <c r="N4760" i="2"/>
  <c r="W4728" i="6" l="1"/>
  <c r="B4760" i="2"/>
  <c r="N4761" i="2"/>
  <c r="W4729" i="6" l="1"/>
  <c r="B4761" i="2"/>
  <c r="N4762" i="2"/>
  <c r="W4730" i="6" l="1"/>
  <c r="B4762" i="2"/>
  <c r="N4763" i="2"/>
  <c r="W4731" i="6" l="1"/>
  <c r="B4763" i="2"/>
  <c r="N4764" i="2"/>
  <c r="W4732" i="6" l="1"/>
  <c r="B4764" i="2"/>
  <c r="N4765" i="2"/>
  <c r="W4733" i="6" l="1"/>
  <c r="B4765" i="2"/>
  <c r="N4766" i="2"/>
  <c r="W4734" i="6" l="1"/>
  <c r="B4766" i="2"/>
  <c r="N4767" i="2"/>
  <c r="W4735" i="6" l="1"/>
  <c r="B4767" i="2"/>
  <c r="N4768" i="2"/>
  <c r="W4736" i="6" l="1"/>
  <c r="B4768" i="2"/>
  <c r="N4769" i="2"/>
  <c r="W4737" i="6" l="1"/>
  <c r="B4769" i="2"/>
  <c r="N4770" i="2"/>
  <c r="W4738" i="6" l="1"/>
  <c r="B4770" i="2"/>
  <c r="N4771" i="2"/>
  <c r="W4739" i="6" l="1"/>
  <c r="B4771" i="2"/>
  <c r="N4772" i="2"/>
  <c r="W4740" i="6" l="1"/>
  <c r="B4772" i="2"/>
  <c r="N4773" i="2"/>
  <c r="W4741" i="6" l="1"/>
  <c r="B4773" i="2"/>
  <c r="N4774" i="2"/>
  <c r="W4742" i="6" l="1"/>
  <c r="B4774" i="2"/>
  <c r="N4775" i="2"/>
  <c r="W4743" i="6" l="1"/>
  <c r="B4775" i="2"/>
  <c r="N4776" i="2"/>
  <c r="W4744" i="6" l="1"/>
  <c r="B4776" i="2"/>
  <c r="N4777" i="2"/>
  <c r="W4745" i="6" l="1"/>
  <c r="B4777" i="2"/>
  <c r="N4778" i="2"/>
  <c r="W4746" i="6" l="1"/>
  <c r="B4778" i="2"/>
  <c r="N4779" i="2"/>
  <c r="W4747" i="6" l="1"/>
  <c r="B4779" i="2"/>
  <c r="N4780" i="2"/>
  <c r="W4748" i="6" l="1"/>
  <c r="B4780" i="2"/>
  <c r="N4781" i="2"/>
  <c r="W4749" i="6" l="1"/>
  <c r="B4781" i="2"/>
  <c r="N4782" i="2"/>
  <c r="W4750" i="6" l="1"/>
  <c r="B4782" i="2"/>
  <c r="N4783" i="2"/>
  <c r="W4751" i="6" l="1"/>
  <c r="B4783" i="2"/>
  <c r="N4784" i="2"/>
  <c r="W4752" i="6" l="1"/>
  <c r="B4784" i="2"/>
  <c r="N4785" i="2"/>
  <c r="W4753" i="6" l="1"/>
  <c r="B4785" i="2"/>
  <c r="N4786" i="2"/>
  <c r="W4754" i="6" l="1"/>
  <c r="B4786" i="2"/>
  <c r="N4787" i="2"/>
  <c r="W4755" i="6" l="1"/>
  <c r="B4787" i="2"/>
  <c r="N4788" i="2"/>
  <c r="W4756" i="6" l="1"/>
  <c r="B4788" i="2"/>
  <c r="N4789" i="2"/>
  <c r="W4757" i="6" l="1"/>
  <c r="B4789" i="2"/>
  <c r="N4790" i="2"/>
  <c r="W4758" i="6" l="1"/>
  <c r="B4790" i="2"/>
  <c r="N4791" i="2"/>
  <c r="W4759" i="6" l="1"/>
  <c r="B4791" i="2"/>
  <c r="N4792" i="2"/>
  <c r="W4760" i="6" l="1"/>
  <c r="B4792" i="2"/>
  <c r="N4793" i="2"/>
  <c r="W4761" i="6" l="1"/>
  <c r="B4793" i="2"/>
  <c r="N4794" i="2"/>
  <c r="W4762" i="6" l="1"/>
  <c r="B4794" i="2"/>
  <c r="N4795" i="2"/>
  <c r="W4763" i="6" l="1"/>
  <c r="B4795" i="2"/>
  <c r="N4796" i="2"/>
  <c r="W4764" i="6" l="1"/>
  <c r="B4796" i="2"/>
  <c r="N4797" i="2"/>
  <c r="W4765" i="6" l="1"/>
  <c r="B4797" i="2"/>
  <c r="N4798" i="2"/>
  <c r="W4766" i="6" l="1"/>
  <c r="B4798" i="2"/>
  <c r="N4799" i="2"/>
  <c r="W4767" i="6" l="1"/>
  <c r="B4799" i="2"/>
  <c r="N4800" i="2"/>
  <c r="W4768" i="6" l="1"/>
  <c r="B4800" i="2"/>
  <c r="N4801" i="2"/>
  <c r="W4769" i="6" l="1"/>
  <c r="B4801" i="2"/>
  <c r="N4802" i="2"/>
  <c r="W4770" i="6" l="1"/>
  <c r="B4802" i="2"/>
  <c r="N4803" i="2"/>
  <c r="W4771" i="6" l="1"/>
  <c r="B4803" i="2"/>
  <c r="N4804" i="2"/>
  <c r="W4772" i="6" l="1"/>
  <c r="B4804" i="2"/>
  <c r="N4805" i="2"/>
  <c r="W4773" i="6" l="1"/>
  <c r="B4805" i="2"/>
  <c r="N4806" i="2"/>
  <c r="W4774" i="6" l="1"/>
  <c r="B4806" i="2"/>
  <c r="N4807" i="2"/>
  <c r="W4775" i="6" l="1"/>
  <c r="B4807" i="2"/>
  <c r="N4808" i="2"/>
  <c r="W4776" i="6" l="1"/>
  <c r="B4808" i="2"/>
  <c r="N4809" i="2"/>
  <c r="W4777" i="6" l="1"/>
  <c r="B4809" i="2"/>
  <c r="N4810" i="2"/>
  <c r="W4778" i="6" l="1"/>
  <c r="B4810" i="2"/>
  <c r="N4811" i="2"/>
  <c r="W4779" i="6" l="1"/>
  <c r="B4811" i="2"/>
  <c r="N4812" i="2"/>
  <c r="W4780" i="6" l="1"/>
  <c r="B4812" i="2"/>
  <c r="N4813" i="2"/>
  <c r="W4781" i="6" l="1"/>
  <c r="B4813" i="2"/>
  <c r="N4814" i="2"/>
  <c r="W4782" i="6" l="1"/>
  <c r="B4814" i="2"/>
  <c r="N4815" i="2"/>
  <c r="W4783" i="6" l="1"/>
  <c r="B4815" i="2"/>
  <c r="N4816" i="2"/>
  <c r="W4784" i="6" l="1"/>
  <c r="B4816" i="2"/>
  <c r="N4817" i="2"/>
  <c r="W4785" i="6" l="1"/>
  <c r="B4817" i="2"/>
  <c r="N4818" i="2"/>
  <c r="W4786" i="6" l="1"/>
  <c r="B4818" i="2"/>
  <c r="N4819" i="2"/>
  <c r="W4787" i="6" l="1"/>
  <c r="B4819" i="2"/>
  <c r="N4820" i="2"/>
  <c r="W4788" i="6" l="1"/>
  <c r="B4820" i="2"/>
  <c r="N4821" i="2"/>
  <c r="W4789" i="6" l="1"/>
  <c r="B4821" i="2"/>
  <c r="N4822" i="2"/>
  <c r="W4790" i="6" l="1"/>
  <c r="B4822" i="2"/>
  <c r="N4823" i="2"/>
  <c r="W4791" i="6" l="1"/>
  <c r="B4823" i="2"/>
  <c r="N4824" i="2"/>
  <c r="W4792" i="6" l="1"/>
  <c r="B4824" i="2"/>
  <c r="N4825" i="2"/>
  <c r="W4793" i="6" l="1"/>
  <c r="B4825" i="2"/>
  <c r="N4826" i="2"/>
  <c r="W4794" i="6" l="1"/>
  <c r="B4826" i="2"/>
  <c r="N4827" i="2"/>
  <c r="W4795" i="6" l="1"/>
  <c r="B4827" i="2"/>
  <c r="N4828" i="2"/>
  <c r="W4796" i="6" l="1"/>
  <c r="B4828" i="2"/>
  <c r="N4829" i="2"/>
  <c r="W4797" i="6" l="1"/>
  <c r="B4829" i="2"/>
  <c r="N4830" i="2"/>
  <c r="W4798" i="6" l="1"/>
  <c r="B4830" i="2"/>
  <c r="N4831" i="2"/>
  <c r="W4799" i="6" l="1"/>
  <c r="B4831" i="2"/>
  <c r="N4832" i="2"/>
  <c r="W4800" i="6" l="1"/>
  <c r="B4832" i="2"/>
  <c r="N4833" i="2"/>
  <c r="W4801" i="6" l="1"/>
  <c r="B4833" i="2"/>
  <c r="N4834" i="2"/>
  <c r="W4802" i="6" l="1"/>
  <c r="B4834" i="2"/>
  <c r="N4835" i="2"/>
  <c r="W4803" i="6" l="1"/>
  <c r="B4835" i="2"/>
  <c r="N4836" i="2"/>
  <c r="W4804" i="6" l="1"/>
  <c r="B4836" i="2"/>
  <c r="N4837" i="2"/>
  <c r="W4805" i="6" l="1"/>
  <c r="B4837" i="2"/>
  <c r="N4838" i="2"/>
  <c r="W4806" i="6" l="1"/>
  <c r="B4838" i="2"/>
  <c r="N4839" i="2"/>
  <c r="W4807" i="6" l="1"/>
  <c r="B4839" i="2"/>
  <c r="N4840" i="2"/>
  <c r="W4808" i="6" l="1"/>
  <c r="B4840" i="2"/>
  <c r="N4841" i="2"/>
  <c r="W4809" i="6" l="1"/>
  <c r="B4841" i="2"/>
  <c r="N4842" i="2"/>
  <c r="W4810" i="6" l="1"/>
  <c r="B4842" i="2"/>
  <c r="N4843" i="2"/>
  <c r="W4811" i="6" l="1"/>
  <c r="B4843" i="2"/>
  <c r="N4844" i="2"/>
  <c r="W4812" i="6" l="1"/>
  <c r="B4844" i="2"/>
  <c r="N4845" i="2"/>
  <c r="W4813" i="6" l="1"/>
  <c r="B4845" i="2"/>
  <c r="N4846" i="2"/>
  <c r="W4814" i="6" l="1"/>
  <c r="B4846" i="2"/>
  <c r="N4847" i="2"/>
  <c r="W4815" i="6" l="1"/>
  <c r="B4847" i="2"/>
  <c r="N4848" i="2"/>
  <c r="W4816" i="6" l="1"/>
  <c r="B4848" i="2"/>
  <c r="N4849" i="2"/>
  <c r="W4817" i="6" l="1"/>
  <c r="B4849" i="2"/>
  <c r="N4850" i="2"/>
  <c r="W4818" i="6" l="1"/>
  <c r="B4850" i="2"/>
  <c r="N4851" i="2"/>
  <c r="W4819" i="6" l="1"/>
  <c r="B4851" i="2"/>
  <c r="N4852" i="2"/>
  <c r="W4820" i="6" l="1"/>
  <c r="B4852" i="2"/>
  <c r="N4853" i="2"/>
  <c r="W4821" i="6" l="1"/>
  <c r="B4853" i="2"/>
  <c r="N4854" i="2"/>
  <c r="W4822" i="6" l="1"/>
  <c r="B4854" i="2"/>
  <c r="N4855" i="2"/>
  <c r="W4823" i="6" l="1"/>
  <c r="B4855" i="2"/>
  <c r="N4856" i="2"/>
  <c r="W4824" i="6" l="1"/>
  <c r="B4856" i="2"/>
  <c r="N4857" i="2"/>
  <c r="W4825" i="6" l="1"/>
  <c r="B4857" i="2"/>
  <c r="N4858" i="2"/>
  <c r="W4826" i="6" l="1"/>
  <c r="B4858" i="2"/>
  <c r="N4859" i="2"/>
  <c r="W4827" i="6" l="1"/>
  <c r="B4859" i="2"/>
  <c r="N4860" i="2"/>
  <c r="W4828" i="6" l="1"/>
  <c r="B4860" i="2"/>
  <c r="N4861" i="2"/>
  <c r="W4829" i="6" l="1"/>
  <c r="B4861" i="2"/>
  <c r="N4862" i="2"/>
  <c r="W4830" i="6" l="1"/>
  <c r="B4862" i="2"/>
  <c r="N4863" i="2"/>
  <c r="W4831" i="6" l="1"/>
  <c r="B4863" i="2"/>
  <c r="N4864" i="2"/>
  <c r="W4832" i="6" l="1"/>
  <c r="B4864" i="2"/>
  <c r="N4865" i="2"/>
  <c r="W4833" i="6" l="1"/>
  <c r="B4865" i="2"/>
  <c r="N4866" i="2"/>
  <c r="W4834" i="6" l="1"/>
  <c r="B4866" i="2"/>
  <c r="N4867" i="2"/>
  <c r="W4835" i="6" l="1"/>
  <c r="B4867" i="2"/>
  <c r="N4868" i="2"/>
  <c r="W4836" i="6" l="1"/>
  <c r="B4868" i="2"/>
  <c r="N4869" i="2"/>
  <c r="W4837" i="6" l="1"/>
  <c r="B4869" i="2"/>
  <c r="N4870" i="2"/>
  <c r="W4838" i="6" l="1"/>
  <c r="B4870" i="2"/>
  <c r="N4871" i="2"/>
  <c r="W4839" i="6" l="1"/>
  <c r="B4871" i="2"/>
  <c r="N4872" i="2"/>
  <c r="W4840" i="6" l="1"/>
  <c r="B4872" i="2"/>
  <c r="N4873" i="2"/>
  <c r="W4841" i="6" l="1"/>
  <c r="B4873" i="2"/>
  <c r="N4874" i="2"/>
  <c r="W4842" i="6" l="1"/>
  <c r="B4874" i="2"/>
  <c r="N4875" i="2"/>
  <c r="W4843" i="6" l="1"/>
  <c r="B4875" i="2"/>
  <c r="N4876" i="2"/>
  <c r="W4844" i="6" l="1"/>
  <c r="B4876" i="2"/>
  <c r="N4877" i="2"/>
  <c r="W4845" i="6" l="1"/>
  <c r="B4877" i="2"/>
  <c r="N4878" i="2"/>
  <c r="W4846" i="6" l="1"/>
  <c r="B4878" i="2"/>
  <c r="N4879" i="2"/>
  <c r="W4847" i="6" l="1"/>
  <c r="B4879" i="2"/>
  <c r="N4880" i="2"/>
  <c r="W4848" i="6" l="1"/>
  <c r="B4880" i="2"/>
  <c r="N4881" i="2"/>
  <c r="W4849" i="6" l="1"/>
  <c r="B4881" i="2"/>
  <c r="N4882" i="2"/>
  <c r="W4850" i="6" l="1"/>
  <c r="B4882" i="2"/>
  <c r="N4883" i="2"/>
  <c r="W4851" i="6" l="1"/>
  <c r="B4883" i="2"/>
  <c r="N4884" i="2"/>
  <c r="W4852" i="6" l="1"/>
  <c r="B4884" i="2"/>
  <c r="N4885" i="2"/>
  <c r="W4853" i="6" l="1"/>
  <c r="B4885" i="2"/>
  <c r="N4886" i="2"/>
  <c r="W4854" i="6" l="1"/>
  <c r="B4886" i="2"/>
  <c r="N4887" i="2"/>
  <c r="W4855" i="6" l="1"/>
  <c r="B4887" i="2"/>
  <c r="N4888" i="2"/>
  <c r="W4856" i="6" l="1"/>
  <c r="B4888" i="2"/>
  <c r="N4889" i="2"/>
  <c r="W4857" i="6" l="1"/>
  <c r="B4889" i="2"/>
  <c r="N4890" i="2"/>
  <c r="W4858" i="6" l="1"/>
  <c r="B4890" i="2"/>
  <c r="N4891" i="2"/>
  <c r="W4859" i="6" l="1"/>
  <c r="B4891" i="2"/>
  <c r="N4892" i="2"/>
  <c r="W4860" i="6" l="1"/>
  <c r="B4892" i="2"/>
  <c r="N4893" i="2"/>
  <c r="W4861" i="6" l="1"/>
  <c r="B4893" i="2"/>
  <c r="N4894" i="2"/>
  <c r="W4862" i="6" l="1"/>
  <c r="B4894" i="2"/>
  <c r="N4895" i="2"/>
  <c r="W4863" i="6" l="1"/>
  <c r="B4895" i="2"/>
  <c r="N4896" i="2"/>
  <c r="W4864" i="6" l="1"/>
  <c r="B4896" i="2"/>
  <c r="N4897" i="2"/>
  <c r="W4865" i="6" l="1"/>
  <c r="B4897" i="2"/>
  <c r="N4898" i="2"/>
  <c r="W4866" i="6" l="1"/>
  <c r="B4898" i="2"/>
  <c r="N4899" i="2"/>
  <c r="W4867" i="6" l="1"/>
  <c r="B4899" i="2"/>
  <c r="N4900" i="2"/>
  <c r="W4868" i="6" l="1"/>
  <c r="B4900" i="2"/>
  <c r="N4901" i="2"/>
  <c r="W4869" i="6" l="1"/>
  <c r="B4901" i="2"/>
  <c r="N4902" i="2"/>
  <c r="W4870" i="6" l="1"/>
  <c r="B4902" i="2"/>
  <c r="N4903" i="2"/>
  <c r="W4871" i="6" l="1"/>
  <c r="B4903" i="2"/>
  <c r="N4904" i="2"/>
  <c r="W4872" i="6" l="1"/>
  <c r="B4904" i="2"/>
  <c r="N4905" i="2"/>
  <c r="W4873" i="6" l="1"/>
  <c r="B4905" i="2"/>
  <c r="N4906" i="2"/>
  <c r="W4874" i="6" l="1"/>
  <c r="B4906" i="2"/>
  <c r="N4907" i="2"/>
  <c r="W4875" i="6" l="1"/>
  <c r="B4907" i="2"/>
  <c r="N4908" i="2"/>
  <c r="W4876" i="6" l="1"/>
  <c r="B4908" i="2"/>
  <c r="N4909" i="2"/>
  <c r="W4877" i="6" l="1"/>
  <c r="B4909" i="2"/>
  <c r="N4910" i="2"/>
  <c r="W4878" i="6" l="1"/>
  <c r="B4910" i="2"/>
  <c r="N4911" i="2"/>
  <c r="W4879" i="6" l="1"/>
  <c r="B4911" i="2"/>
  <c r="N4912" i="2"/>
  <c r="W4880" i="6" l="1"/>
  <c r="B4912" i="2"/>
  <c r="N4913" i="2"/>
  <c r="W4881" i="6" l="1"/>
  <c r="B4913" i="2"/>
  <c r="N4914" i="2"/>
  <c r="W4882" i="6" l="1"/>
  <c r="B4914" i="2"/>
  <c r="N4915" i="2"/>
  <c r="W4883" i="6" l="1"/>
  <c r="B4915" i="2"/>
  <c r="N4916" i="2"/>
  <c r="W4884" i="6" l="1"/>
  <c r="B4916" i="2"/>
  <c r="N4917" i="2"/>
  <c r="W4885" i="6" l="1"/>
  <c r="B4917" i="2"/>
  <c r="N4918" i="2"/>
  <c r="W4886" i="6" l="1"/>
  <c r="B4918" i="2"/>
  <c r="N4919" i="2"/>
  <c r="W4887" i="6" l="1"/>
  <c r="B4919" i="2"/>
  <c r="N4920" i="2"/>
  <c r="W4888" i="6" l="1"/>
  <c r="B4920" i="2"/>
  <c r="N4921" i="2"/>
  <c r="W4889" i="6" l="1"/>
  <c r="B4921" i="2"/>
  <c r="N4922" i="2"/>
  <c r="W4890" i="6" l="1"/>
  <c r="B4922" i="2"/>
  <c r="N4923" i="2"/>
  <c r="W4891" i="6" l="1"/>
  <c r="B4923" i="2"/>
  <c r="N4924" i="2"/>
  <c r="W4892" i="6" l="1"/>
  <c r="B4924" i="2"/>
  <c r="N4925" i="2"/>
  <c r="W4893" i="6" l="1"/>
  <c r="B4925" i="2"/>
  <c r="N4926" i="2"/>
  <c r="W4894" i="6" l="1"/>
  <c r="B4926" i="2"/>
  <c r="N4927" i="2"/>
  <c r="W4895" i="6" l="1"/>
  <c r="B4927" i="2"/>
  <c r="N4928" i="2"/>
  <c r="W4896" i="6" l="1"/>
  <c r="B4928" i="2"/>
  <c r="N4929" i="2"/>
  <c r="W4897" i="6" l="1"/>
  <c r="B4929" i="2"/>
  <c r="N4930" i="2"/>
  <c r="W4898" i="6" l="1"/>
  <c r="B4930" i="2"/>
  <c r="N4931" i="2"/>
  <c r="W4899" i="6" l="1"/>
  <c r="B4931" i="2"/>
  <c r="N4932" i="2"/>
  <c r="W4900" i="6" l="1"/>
  <c r="B4932" i="2"/>
  <c r="N4933" i="2"/>
  <c r="W4901" i="6" l="1"/>
  <c r="B4933" i="2"/>
  <c r="N4934" i="2"/>
  <c r="W4902" i="6" l="1"/>
  <c r="B4934" i="2"/>
  <c r="N4935" i="2"/>
  <c r="W4903" i="6" l="1"/>
  <c r="B4935" i="2"/>
  <c r="N4936" i="2"/>
  <c r="W4904" i="6" l="1"/>
  <c r="B4936" i="2"/>
  <c r="N4937" i="2"/>
  <c r="W4905" i="6" l="1"/>
  <c r="B4937" i="2"/>
  <c r="N4938" i="2"/>
  <c r="W4906" i="6" l="1"/>
  <c r="B4938" i="2"/>
  <c r="N4939" i="2"/>
  <c r="W4907" i="6" l="1"/>
  <c r="B4939" i="2"/>
  <c r="N4940" i="2"/>
  <c r="W4908" i="6" l="1"/>
  <c r="B4940" i="2"/>
  <c r="N4941" i="2"/>
  <c r="W4909" i="6" l="1"/>
  <c r="B4941" i="2"/>
  <c r="N4942" i="2"/>
  <c r="W4910" i="6" l="1"/>
  <c r="B4942" i="2"/>
  <c r="N4943" i="2"/>
  <c r="W4911" i="6" l="1"/>
  <c r="B4943" i="2"/>
  <c r="N4944" i="2"/>
  <c r="W4912" i="6" l="1"/>
  <c r="B4944" i="2"/>
  <c r="N4945" i="2"/>
  <c r="W4913" i="6" l="1"/>
  <c r="B4945" i="2"/>
  <c r="N4946" i="2"/>
  <c r="W4914" i="6" l="1"/>
  <c r="B4946" i="2"/>
  <c r="N4947" i="2"/>
  <c r="W4915" i="6" l="1"/>
  <c r="B4947" i="2"/>
  <c r="N4948" i="2"/>
  <c r="W4916" i="6" l="1"/>
  <c r="B4948" i="2"/>
  <c r="N4949" i="2"/>
  <c r="W4917" i="6" l="1"/>
  <c r="B4949" i="2"/>
  <c r="N4950" i="2"/>
  <c r="W4918" i="6" l="1"/>
  <c r="B4950" i="2"/>
  <c r="N4951" i="2"/>
  <c r="W4919" i="6" l="1"/>
  <c r="B4951" i="2"/>
  <c r="N4952" i="2"/>
  <c r="W4920" i="6" l="1"/>
  <c r="B4952" i="2"/>
  <c r="N4953" i="2"/>
  <c r="W4921" i="6" l="1"/>
  <c r="B4953" i="2"/>
  <c r="N4954" i="2"/>
  <c r="W4922" i="6" l="1"/>
  <c r="B4954" i="2"/>
  <c r="N4955" i="2"/>
  <c r="W4923" i="6" l="1"/>
  <c r="B4955" i="2"/>
  <c r="N4956" i="2"/>
  <c r="W4924" i="6" l="1"/>
  <c r="B4956" i="2"/>
  <c r="N4957" i="2"/>
  <c r="W4925" i="6" l="1"/>
  <c r="B4957" i="2"/>
  <c r="N4958" i="2"/>
  <c r="W4926" i="6" l="1"/>
  <c r="B4958" i="2"/>
  <c r="N4959" i="2"/>
  <c r="W4927" i="6" l="1"/>
  <c r="B4959" i="2"/>
  <c r="N4960" i="2"/>
  <c r="W4928" i="6" l="1"/>
  <c r="B4960" i="2"/>
  <c r="N4961" i="2"/>
  <c r="W4929" i="6" l="1"/>
  <c r="B4961" i="2"/>
  <c r="N4962" i="2"/>
  <c r="W4930" i="6" l="1"/>
  <c r="B4962" i="2"/>
  <c r="N4963" i="2"/>
  <c r="W4931" i="6" l="1"/>
  <c r="B4963" i="2"/>
  <c r="N4964" i="2"/>
  <c r="W4932" i="6" l="1"/>
  <c r="B4964" i="2"/>
  <c r="N4965" i="2"/>
  <c r="W4933" i="6" l="1"/>
  <c r="B4965" i="2"/>
  <c r="N4966" i="2"/>
  <c r="W4934" i="6" l="1"/>
  <c r="B4966" i="2"/>
  <c r="N4967" i="2"/>
  <c r="W4935" i="6" l="1"/>
  <c r="B4967" i="2"/>
  <c r="N4968" i="2"/>
  <c r="W4936" i="6" l="1"/>
  <c r="B4968" i="2"/>
  <c r="N4969" i="2"/>
  <c r="W4937" i="6" l="1"/>
  <c r="B4969" i="2"/>
  <c r="N4970" i="2"/>
  <c r="W4938" i="6" l="1"/>
  <c r="B4970" i="2"/>
  <c r="N4971" i="2"/>
  <c r="W4939" i="6" l="1"/>
  <c r="B4971" i="2"/>
  <c r="N4972" i="2"/>
  <c r="W4940" i="6" l="1"/>
  <c r="B4972" i="2"/>
  <c r="N4973" i="2"/>
  <c r="W4941" i="6" l="1"/>
  <c r="B4973" i="2"/>
  <c r="N4974" i="2"/>
  <c r="W4942" i="6" l="1"/>
  <c r="B4974" i="2"/>
  <c r="N4975" i="2"/>
  <c r="W4943" i="6" l="1"/>
  <c r="B4975" i="2"/>
  <c r="N4976" i="2"/>
  <c r="W4944" i="6" l="1"/>
  <c r="B4976" i="2"/>
  <c r="N4977" i="2"/>
  <c r="W4945" i="6" l="1"/>
  <c r="B4977" i="2"/>
  <c r="N4978" i="2"/>
  <c r="W4946" i="6" l="1"/>
  <c r="B4978" i="2"/>
  <c r="N4979" i="2"/>
  <c r="W4947" i="6" l="1"/>
  <c r="B4979" i="2"/>
  <c r="N4980" i="2"/>
  <c r="W4948" i="6" l="1"/>
  <c r="B4980" i="2"/>
  <c r="N4981" i="2"/>
  <c r="W4949" i="6" l="1"/>
  <c r="B4981" i="2"/>
  <c r="N4982" i="2"/>
  <c r="W4950" i="6" l="1"/>
  <c r="B4982" i="2"/>
  <c r="N4983" i="2"/>
  <c r="W4951" i="6" l="1"/>
  <c r="B4983" i="2"/>
  <c r="N4984" i="2"/>
  <c r="W4952" i="6" l="1"/>
  <c r="B4984" i="2"/>
  <c r="N4985" i="2"/>
  <c r="W4953" i="6" l="1"/>
  <c r="B4985" i="2"/>
  <c r="N4986" i="2"/>
  <c r="W4954" i="6" l="1"/>
  <c r="B4986" i="2"/>
  <c r="N4987" i="2"/>
  <c r="W4955" i="6" l="1"/>
  <c r="B4987" i="2"/>
  <c r="N4988" i="2"/>
  <c r="W4956" i="6" l="1"/>
  <c r="B4988" i="2"/>
  <c r="N4989" i="2"/>
  <c r="W4957" i="6" l="1"/>
  <c r="B4989" i="2"/>
  <c r="N4990" i="2"/>
  <c r="W4958" i="6" l="1"/>
  <c r="B4990" i="2"/>
  <c r="N4991" i="2"/>
  <c r="W4959" i="6" l="1"/>
  <c r="B4991" i="2"/>
  <c r="N4992" i="2"/>
  <c r="W4960" i="6" l="1"/>
  <c r="B4992" i="2"/>
  <c r="N4993" i="2"/>
  <c r="W4961" i="6" l="1"/>
  <c r="B4993" i="2"/>
  <c r="N4994" i="2"/>
  <c r="W4962" i="6" l="1"/>
  <c r="B4994" i="2"/>
  <c r="N4995" i="2"/>
  <c r="W4963" i="6" l="1"/>
  <c r="B4995" i="2"/>
  <c r="N4996" i="2"/>
  <c r="W4964" i="6" l="1"/>
  <c r="B4996" i="2"/>
  <c r="N4997" i="2"/>
  <c r="W4965" i="6" l="1"/>
  <c r="B4997" i="2"/>
  <c r="N4998" i="2"/>
  <c r="W4966" i="6" l="1"/>
  <c r="B4998" i="2"/>
  <c r="N4999" i="2"/>
  <c r="W4967" i="6" l="1"/>
  <c r="B4999" i="2"/>
  <c r="N5000" i="2"/>
  <c r="W4968" i="6" l="1"/>
  <c r="B5000" i="2"/>
  <c r="N5001" i="2"/>
  <c r="W4969" i="6" l="1"/>
  <c r="B5001" i="2"/>
  <c r="N5002" i="2"/>
  <c r="W4970" i="6" l="1"/>
  <c r="B5002" i="2"/>
  <c r="N5003" i="2"/>
  <c r="W4971" i="6" l="1"/>
  <c r="B5003" i="2"/>
  <c r="N5004" i="2"/>
  <c r="W4972" i="6" l="1"/>
  <c r="B5004" i="2"/>
  <c r="N5005" i="2"/>
  <c r="W4973" i="6" l="1"/>
  <c r="B5005" i="2"/>
  <c r="N5006" i="2"/>
  <c r="W4974" i="6" l="1"/>
  <c r="B5006" i="2"/>
  <c r="N5007" i="2"/>
  <c r="W4975" i="6" l="1"/>
  <c r="B5007" i="2"/>
  <c r="N5008" i="2"/>
  <c r="W4976" i="6" l="1"/>
  <c r="B5008" i="2"/>
  <c r="N5009" i="2"/>
  <c r="W4977" i="6" l="1"/>
  <c r="B5009" i="2"/>
  <c r="N5010" i="2"/>
  <c r="W4978" i="6" l="1"/>
  <c r="B5010" i="2"/>
  <c r="N5011" i="2"/>
  <c r="W4979" i="6" l="1"/>
  <c r="B5011" i="2"/>
  <c r="N5012" i="2"/>
  <c r="W4980" i="6" l="1"/>
  <c r="B5012" i="2"/>
  <c r="N5013" i="2"/>
  <c r="W4981" i="6" l="1"/>
  <c r="B5013" i="2"/>
  <c r="N5014" i="2"/>
  <c r="W4982" i="6" l="1"/>
  <c r="B5014" i="2"/>
  <c r="N5015" i="2"/>
  <c r="W4983" i="6" l="1"/>
  <c r="B5015" i="2"/>
  <c r="N5016" i="2"/>
  <c r="W4984" i="6" l="1"/>
  <c r="B5016" i="2"/>
  <c r="N5017" i="2"/>
  <c r="W4985" i="6" l="1"/>
  <c r="B5017" i="2"/>
  <c r="N5018" i="2"/>
  <c r="W4986" i="6" l="1"/>
  <c r="B5018" i="2"/>
  <c r="N5019" i="2"/>
  <c r="W4987" i="6" l="1"/>
  <c r="B5019" i="2"/>
  <c r="N5020" i="2"/>
  <c r="W4988" i="6" l="1"/>
  <c r="B5020" i="2"/>
  <c r="N5021" i="2"/>
  <c r="W4989" i="6" l="1"/>
  <c r="B5021" i="2"/>
  <c r="N5022" i="2"/>
  <c r="W4990" i="6" l="1"/>
  <c r="B5022" i="2"/>
  <c r="N5023" i="2"/>
  <c r="W4991" i="6" l="1"/>
  <c r="B5023" i="2"/>
  <c r="N5024" i="2"/>
  <c r="W4992" i="6" l="1"/>
  <c r="B5024" i="2"/>
  <c r="N5025" i="2"/>
  <c r="W4993" i="6" l="1"/>
  <c r="B5025" i="2"/>
  <c r="N5026" i="2"/>
  <c r="W4994" i="6" l="1"/>
  <c r="B5026" i="2"/>
  <c r="N5027" i="2"/>
  <c r="W4995" i="6" l="1"/>
  <c r="B5027" i="2"/>
  <c r="N5028" i="2"/>
  <c r="W4996" i="6" l="1"/>
  <c r="B5028" i="2"/>
  <c r="N5029" i="2"/>
  <c r="W4997" i="6" l="1"/>
  <c r="B5029" i="2"/>
  <c r="N5030" i="2"/>
  <c r="W4998" i="6" l="1"/>
  <c r="B5030" i="2"/>
  <c r="N5031" i="2"/>
  <c r="W4999" i="6" l="1"/>
  <c r="B5031" i="2"/>
  <c r="N5032" i="2"/>
  <c r="W5000" i="6" l="1"/>
  <c r="B5032" i="2"/>
  <c r="N5033" i="2"/>
  <c r="W5001" i="6" l="1"/>
  <c r="B5033" i="2"/>
  <c r="N5034" i="2"/>
  <c r="W5002" i="6" l="1"/>
  <c r="B5034" i="2"/>
  <c r="N5035" i="2"/>
  <c r="W5003" i="6" l="1"/>
  <c r="B5035" i="2"/>
  <c r="N5036" i="2"/>
  <c r="W5004" i="6" l="1"/>
  <c r="B5036" i="2"/>
  <c r="N5037" i="2"/>
  <c r="W5005" i="6" l="1"/>
  <c r="B5037" i="2"/>
  <c r="N5038" i="2"/>
  <c r="W5006" i="6" l="1"/>
  <c r="B5038" i="2"/>
  <c r="N5039" i="2"/>
  <c r="W5007" i="6" l="1"/>
  <c r="B5039" i="2"/>
  <c r="N5040" i="2"/>
  <c r="W5008" i="6" l="1"/>
  <c r="B5040" i="2"/>
  <c r="N5041" i="2"/>
  <c r="W5009" i="6" l="1"/>
  <c r="B5041" i="2"/>
  <c r="N5042" i="2"/>
  <c r="W5010" i="6" l="1"/>
  <c r="B5042" i="2"/>
  <c r="N5043" i="2"/>
  <c r="W5011" i="6" l="1"/>
  <c r="B5043" i="2"/>
  <c r="N5044" i="2"/>
  <c r="W5012" i="6" l="1"/>
  <c r="B5044" i="2"/>
  <c r="N5045" i="2"/>
  <c r="W5013" i="6" l="1"/>
  <c r="B5045" i="2"/>
  <c r="N5046" i="2"/>
  <c r="W5014" i="6" l="1"/>
  <c r="B5046" i="2"/>
  <c r="N5047" i="2"/>
  <c r="W5015" i="6" l="1"/>
  <c r="B5047" i="2"/>
  <c r="N5048" i="2"/>
  <c r="W5016" i="6" l="1"/>
  <c r="B5048" i="2"/>
  <c r="N5049" i="2"/>
  <c r="W5017" i="6" l="1"/>
  <c r="B5049" i="2"/>
  <c r="N5050" i="2"/>
  <c r="W5018" i="6" l="1"/>
  <c r="B5050" i="2"/>
  <c r="N5051" i="2"/>
  <c r="W5019" i="6" l="1"/>
  <c r="B5051" i="2"/>
  <c r="N5052" i="2"/>
  <c r="W5020" i="6" l="1"/>
  <c r="B5052" i="2"/>
  <c r="N5053" i="2"/>
  <c r="W5021" i="6" l="1"/>
  <c r="B5053" i="2"/>
  <c r="N5054" i="2"/>
  <c r="W5022" i="6" l="1"/>
  <c r="B5054" i="2"/>
  <c r="N5055" i="2"/>
  <c r="W5023" i="6" l="1"/>
  <c r="B5055" i="2"/>
  <c r="N5056" i="2"/>
  <c r="W5024" i="6" l="1"/>
  <c r="B5056" i="2"/>
  <c r="N5057" i="2"/>
  <c r="W5025" i="6" l="1"/>
  <c r="B5057" i="2"/>
  <c r="N5058" i="2"/>
  <c r="W5026" i="6" l="1"/>
  <c r="B5058" i="2"/>
  <c r="N5059" i="2"/>
  <c r="W5027" i="6" l="1"/>
  <c r="B5059" i="2"/>
  <c r="N5060" i="2"/>
  <c r="W5028" i="6" l="1"/>
  <c r="B5060" i="2"/>
  <c r="N5061" i="2"/>
  <c r="W5029" i="6" l="1"/>
  <c r="B5061" i="2"/>
  <c r="N5062" i="2"/>
  <c r="W5030" i="6" l="1"/>
  <c r="B5062" i="2"/>
  <c r="N5063" i="2"/>
  <c r="W5031" i="6" l="1"/>
  <c r="B5063" i="2"/>
  <c r="N5064" i="2"/>
  <c r="W5032" i="6" l="1"/>
  <c r="B5064" i="2"/>
  <c r="N5065" i="2"/>
  <c r="W5033" i="6" l="1"/>
  <c r="B5065" i="2"/>
  <c r="N5066" i="2"/>
  <c r="W5034" i="6" l="1"/>
  <c r="B5066" i="2"/>
  <c r="N5067" i="2"/>
  <c r="W5035" i="6" l="1"/>
  <c r="B5067" i="2"/>
  <c r="N5068" i="2"/>
  <c r="W5036" i="6" l="1"/>
  <c r="B5068" i="2"/>
  <c r="N5069" i="2"/>
  <c r="W5037" i="6" l="1"/>
  <c r="B5069" i="2"/>
  <c r="N5070" i="2"/>
  <c r="W5038" i="6" l="1"/>
  <c r="B5070" i="2"/>
  <c r="N5071" i="2"/>
  <c r="W5039" i="6" l="1"/>
  <c r="B5071" i="2"/>
  <c r="N5072" i="2"/>
  <c r="W5040" i="6" l="1"/>
  <c r="B5072" i="2"/>
  <c r="N5073" i="2"/>
  <c r="W5041" i="6" l="1"/>
  <c r="B5073" i="2"/>
  <c r="N5074" i="2"/>
  <c r="W5042" i="6" l="1"/>
  <c r="B5074" i="2"/>
  <c r="N5075" i="2"/>
  <c r="W5043" i="6" l="1"/>
  <c r="B5075" i="2"/>
  <c r="N5076" i="2"/>
  <c r="W5044" i="6" l="1"/>
  <c r="B5076" i="2"/>
  <c r="N5077" i="2"/>
  <c r="W5045" i="6" l="1"/>
  <c r="B5077" i="2"/>
  <c r="N5078" i="2"/>
  <c r="W5046" i="6" l="1"/>
  <c r="B5078" i="2"/>
  <c r="N5079" i="2"/>
  <c r="W5047" i="6" l="1"/>
  <c r="B5079" i="2"/>
  <c r="N5080" i="2"/>
  <c r="W5048" i="6" l="1"/>
  <c r="B5080" i="2"/>
  <c r="N5081" i="2"/>
  <c r="W5049" i="6" l="1"/>
  <c r="B5081" i="2"/>
  <c r="N5082" i="2"/>
  <c r="W5050" i="6" l="1"/>
  <c r="B5082" i="2"/>
  <c r="N5083" i="2"/>
  <c r="W5051" i="6" l="1"/>
  <c r="B5083" i="2"/>
  <c r="N5084" i="2"/>
  <c r="W5052" i="6" l="1"/>
  <c r="B5084" i="2"/>
  <c r="N5085" i="2"/>
  <c r="W5053" i="6" l="1"/>
  <c r="B5085" i="2"/>
  <c r="N5086" i="2"/>
  <c r="W5054" i="6" l="1"/>
  <c r="B5086" i="2"/>
  <c r="N5087" i="2"/>
  <c r="W5055" i="6" l="1"/>
  <c r="B5087" i="2"/>
  <c r="N5088" i="2"/>
  <c r="W5056" i="6" l="1"/>
  <c r="B5088" i="2"/>
  <c r="N5089" i="2"/>
  <c r="W5057" i="6" l="1"/>
  <c r="B5089" i="2"/>
  <c r="N5090" i="2"/>
  <c r="W5058" i="6" l="1"/>
  <c r="B5090" i="2"/>
  <c r="N5091" i="2"/>
  <c r="W5059" i="6" l="1"/>
  <c r="B5091" i="2"/>
  <c r="N5092" i="2"/>
  <c r="W5060" i="6" l="1"/>
  <c r="B5092" i="2"/>
  <c r="N5093" i="2"/>
  <c r="W5061" i="6" l="1"/>
  <c r="B5093" i="2"/>
  <c r="N5094" i="2"/>
  <c r="W5062" i="6" l="1"/>
  <c r="B5094" i="2"/>
  <c r="N5095" i="2"/>
  <c r="W5063" i="6" l="1"/>
  <c r="B5095" i="2"/>
  <c r="N5096" i="2"/>
  <c r="W5064" i="6" l="1"/>
  <c r="B5096" i="2"/>
  <c r="N5097" i="2"/>
  <c r="W5065" i="6" l="1"/>
  <c r="B5097" i="2"/>
  <c r="N5098" i="2"/>
  <c r="W5066" i="6" l="1"/>
  <c r="B5098" i="2"/>
  <c r="N5099" i="2"/>
  <c r="W5067" i="6" l="1"/>
  <c r="B5099" i="2"/>
  <c r="N5100" i="2"/>
  <c r="W5068" i="6" l="1"/>
  <c r="B5100" i="2"/>
  <c r="N5101" i="2"/>
  <c r="W5069" i="6" l="1"/>
  <c r="B5101" i="2"/>
  <c r="N5102" i="2"/>
  <c r="W5070" i="6" l="1"/>
  <c r="B5102" i="2"/>
  <c r="N5103" i="2"/>
  <c r="W5071" i="6" l="1"/>
  <c r="B5103" i="2"/>
  <c r="N5104" i="2"/>
  <c r="W5072" i="6" l="1"/>
  <c r="B5104" i="2"/>
  <c r="N5105" i="2"/>
  <c r="W5073" i="6" l="1"/>
  <c r="B5105" i="2"/>
  <c r="N5106" i="2"/>
  <c r="W5074" i="6" l="1"/>
  <c r="B5106" i="2"/>
  <c r="N5107" i="2"/>
  <c r="W5075" i="6" l="1"/>
  <c r="B5107" i="2"/>
  <c r="N5108" i="2"/>
  <c r="W5076" i="6" l="1"/>
  <c r="B5108" i="2"/>
  <c r="N5109" i="2"/>
  <c r="W5077" i="6" l="1"/>
  <c r="B5109" i="2"/>
  <c r="N5110" i="2"/>
  <c r="W5078" i="6" l="1"/>
  <c r="B5110" i="2"/>
  <c r="N5111" i="2"/>
  <c r="W5079" i="6" l="1"/>
  <c r="B5111" i="2"/>
  <c r="N5112" i="2"/>
  <c r="W5080" i="6" l="1"/>
  <c r="B5112" i="2"/>
  <c r="N5113" i="2"/>
  <c r="W5081" i="6" l="1"/>
  <c r="B5113" i="2"/>
  <c r="N5114" i="2"/>
  <c r="W5082" i="6" l="1"/>
  <c r="B5114" i="2"/>
  <c r="N5115" i="2"/>
  <c r="W5083" i="6" l="1"/>
  <c r="B5115" i="2"/>
  <c r="N5116" i="2"/>
  <c r="W5084" i="6" l="1"/>
  <c r="B5116" i="2"/>
  <c r="N5117" i="2"/>
  <c r="W5085" i="6" l="1"/>
  <c r="B5117" i="2"/>
  <c r="N5118" i="2"/>
  <c r="W5086" i="6" l="1"/>
  <c r="B5118" i="2"/>
  <c r="N5119" i="2"/>
  <c r="W5087" i="6" l="1"/>
  <c r="B5119" i="2"/>
  <c r="N5120" i="2"/>
  <c r="W5088" i="6" l="1"/>
  <c r="B5120" i="2"/>
  <c r="N5121" i="2"/>
  <c r="W5089" i="6" l="1"/>
  <c r="B5121" i="2"/>
  <c r="N5122" i="2"/>
  <c r="W5090" i="6" l="1"/>
  <c r="B5122" i="2"/>
  <c r="N5123" i="2"/>
  <c r="W5091" i="6" l="1"/>
  <c r="B5123" i="2"/>
  <c r="N5124" i="2"/>
  <c r="W5092" i="6" l="1"/>
  <c r="B5124" i="2"/>
  <c r="N5125" i="2"/>
  <c r="W5093" i="6" l="1"/>
  <c r="B5125" i="2"/>
  <c r="N5126" i="2"/>
  <c r="W5094" i="6" l="1"/>
  <c r="B5126" i="2"/>
  <c r="N5127" i="2"/>
  <c r="W5095" i="6" l="1"/>
  <c r="B5127" i="2"/>
  <c r="N5128" i="2"/>
  <c r="W5096" i="6" l="1"/>
  <c r="B5128" i="2"/>
  <c r="N5129" i="2"/>
  <c r="W5097" i="6" l="1"/>
  <c r="B5129" i="2"/>
  <c r="N5130" i="2"/>
  <c r="W5098" i="6" l="1"/>
  <c r="B5130" i="2"/>
  <c r="N5131" i="2"/>
  <c r="W5099" i="6" l="1"/>
  <c r="B5131" i="2"/>
  <c r="N5132" i="2"/>
  <c r="W5100" i="6" l="1"/>
  <c r="B5132" i="2"/>
  <c r="N5133" i="2"/>
  <c r="W5101" i="6" l="1"/>
  <c r="B5133" i="2"/>
  <c r="N5134" i="2"/>
  <c r="W5102" i="6" l="1"/>
  <c r="B5134" i="2"/>
  <c r="N5135" i="2"/>
  <c r="W5103" i="6" l="1"/>
  <c r="B5135" i="2"/>
  <c r="N5136" i="2"/>
  <c r="W5104" i="6" l="1"/>
  <c r="B5136" i="2"/>
  <c r="N5137" i="2"/>
  <c r="W5105" i="6" l="1"/>
  <c r="B5137" i="2"/>
  <c r="N5138" i="2"/>
  <c r="W5106" i="6" l="1"/>
  <c r="B5138" i="2"/>
  <c r="N5139" i="2"/>
  <c r="W5107" i="6" l="1"/>
  <c r="B5139" i="2"/>
  <c r="N5140" i="2"/>
  <c r="W5108" i="6" l="1"/>
  <c r="B5140" i="2"/>
  <c r="N5141" i="2"/>
  <c r="W5109" i="6" l="1"/>
  <c r="B5141" i="2"/>
  <c r="N5142" i="2"/>
  <c r="W5110" i="6" l="1"/>
  <c r="B5142" i="2"/>
  <c r="N5143" i="2"/>
  <c r="W5111" i="6" l="1"/>
  <c r="B5143" i="2"/>
  <c r="N5144" i="2"/>
  <c r="W5112" i="6" l="1"/>
  <c r="B5144" i="2"/>
  <c r="N5145" i="2"/>
  <c r="W5113" i="6" l="1"/>
  <c r="B5145" i="2"/>
  <c r="N5146" i="2"/>
  <c r="W5114" i="6" l="1"/>
  <c r="B5146" i="2"/>
  <c r="N5147" i="2"/>
  <c r="W5115" i="6" l="1"/>
  <c r="B5147" i="2"/>
  <c r="N5148" i="2"/>
  <c r="W5116" i="6" l="1"/>
  <c r="B5148" i="2"/>
  <c r="N5149" i="2"/>
  <c r="W5117" i="6" l="1"/>
  <c r="B5149" i="2"/>
  <c r="N5150" i="2"/>
  <c r="W5118" i="6" l="1"/>
  <c r="B5150" i="2"/>
  <c r="N5151" i="2"/>
  <c r="W5119" i="6" l="1"/>
  <c r="B5151" i="2"/>
  <c r="N5152" i="2"/>
  <c r="W5120" i="6" l="1"/>
  <c r="B5152" i="2"/>
  <c r="N5153" i="2"/>
  <c r="W5121" i="6" l="1"/>
  <c r="B5153" i="2"/>
  <c r="N5154" i="2"/>
  <c r="W5122" i="6" l="1"/>
  <c r="B5154" i="2"/>
  <c r="N5155" i="2"/>
  <c r="W5123" i="6" l="1"/>
  <c r="B5155" i="2"/>
  <c r="N5156" i="2"/>
  <c r="W5124" i="6" l="1"/>
  <c r="B5156" i="2"/>
  <c r="N5157" i="2"/>
  <c r="W5125" i="6" l="1"/>
  <c r="B5157" i="2"/>
  <c r="N5158" i="2"/>
  <c r="W5126" i="6" l="1"/>
  <c r="B5158" i="2"/>
  <c r="N5159" i="2"/>
  <c r="W5127" i="6" l="1"/>
  <c r="B5159" i="2"/>
  <c r="N5160" i="2"/>
  <c r="W5128" i="6" l="1"/>
  <c r="B5160" i="2"/>
  <c r="N5161" i="2"/>
  <c r="W5129" i="6" l="1"/>
  <c r="B5161" i="2"/>
  <c r="N5162" i="2"/>
  <c r="W5130" i="6" l="1"/>
  <c r="B5162" i="2"/>
  <c r="N5163" i="2"/>
  <c r="W5131" i="6" l="1"/>
  <c r="B5163" i="2"/>
  <c r="N5164" i="2"/>
  <c r="W5132" i="6" l="1"/>
  <c r="B5164" i="2"/>
  <c r="N5165" i="2"/>
  <c r="W5133" i="6" l="1"/>
  <c r="B5165" i="2"/>
  <c r="N5166" i="2"/>
  <c r="W5134" i="6" l="1"/>
  <c r="B5166" i="2"/>
  <c r="N5167" i="2"/>
  <c r="W5135" i="6" l="1"/>
  <c r="B5167" i="2"/>
  <c r="N5168" i="2"/>
  <c r="W5136" i="6" l="1"/>
  <c r="B5168" i="2"/>
  <c r="N5169" i="2"/>
  <c r="W5137" i="6" l="1"/>
  <c r="B5169" i="2"/>
  <c r="N5170" i="2"/>
  <c r="W5138" i="6" l="1"/>
  <c r="B5170" i="2"/>
  <c r="N5171" i="2"/>
  <c r="W5139" i="6" l="1"/>
  <c r="B5171" i="2"/>
  <c r="N5172" i="2"/>
  <c r="W5140" i="6" l="1"/>
  <c r="B5172" i="2"/>
  <c r="N5173" i="2"/>
  <c r="W5141" i="6" l="1"/>
  <c r="B5173" i="2"/>
  <c r="N5174" i="2"/>
  <c r="W5142" i="6" l="1"/>
  <c r="B5174" i="2"/>
  <c r="N5175" i="2"/>
  <c r="W5143" i="6" l="1"/>
  <c r="B5175" i="2"/>
  <c r="N5176" i="2"/>
  <c r="W5144" i="6" l="1"/>
  <c r="B5176" i="2"/>
  <c r="N5177" i="2"/>
  <c r="W5145" i="6" l="1"/>
  <c r="B5177" i="2"/>
  <c r="N5178" i="2"/>
  <c r="W5146" i="6" l="1"/>
  <c r="B5178" i="2"/>
  <c r="N5179" i="2"/>
  <c r="W5147" i="6" l="1"/>
  <c r="B5179" i="2"/>
  <c r="N5180" i="2"/>
  <c r="W5148" i="6" l="1"/>
  <c r="B5180" i="2"/>
  <c r="N5181" i="2"/>
  <c r="W5149" i="6" l="1"/>
  <c r="B5181" i="2"/>
  <c r="N5182" i="2"/>
  <c r="W5150" i="6" l="1"/>
  <c r="B5182" i="2"/>
  <c r="N5183" i="2"/>
  <c r="W5151" i="6" l="1"/>
  <c r="B5183" i="2"/>
  <c r="N5184" i="2"/>
  <c r="W5152" i="6" l="1"/>
  <c r="B5184" i="2"/>
  <c r="N5185" i="2"/>
  <c r="W5153" i="6" l="1"/>
  <c r="B5185" i="2"/>
  <c r="N5186" i="2"/>
  <c r="W5154" i="6" l="1"/>
  <c r="B5186" i="2"/>
  <c r="N5187" i="2"/>
  <c r="W5155" i="6" l="1"/>
  <c r="B5187" i="2"/>
  <c r="N5188" i="2"/>
  <c r="W5156" i="6" l="1"/>
  <c r="B5188" i="2"/>
  <c r="N5189" i="2"/>
  <c r="W5157" i="6" l="1"/>
  <c r="B5189" i="2"/>
  <c r="N5190" i="2"/>
  <c r="W5158" i="6" l="1"/>
  <c r="B5190" i="2"/>
  <c r="N5191" i="2"/>
  <c r="W5159" i="6" l="1"/>
  <c r="B5191" i="2"/>
  <c r="N5192" i="2"/>
  <c r="W5160" i="6" l="1"/>
  <c r="B5192" i="2"/>
  <c r="N5193" i="2"/>
  <c r="W5161" i="6" l="1"/>
  <c r="B5193" i="2"/>
  <c r="N5194" i="2"/>
  <c r="W5162" i="6" l="1"/>
  <c r="B5194" i="2"/>
  <c r="N5195" i="2"/>
  <c r="W5163" i="6" l="1"/>
  <c r="B5195" i="2"/>
  <c r="N5196" i="2"/>
  <c r="W5164" i="6" l="1"/>
  <c r="B5196" i="2"/>
  <c r="N5197" i="2"/>
  <c r="W5165" i="6" l="1"/>
  <c r="B5197" i="2"/>
  <c r="N5198" i="2"/>
  <c r="W5166" i="6" l="1"/>
  <c r="B5198" i="2"/>
  <c r="N5199" i="2"/>
  <c r="W5167" i="6" l="1"/>
  <c r="B5199" i="2"/>
  <c r="N5200" i="2"/>
  <c r="W5168" i="6" l="1"/>
  <c r="B5200" i="2"/>
  <c r="N5201" i="2"/>
  <c r="W5169" i="6" l="1"/>
  <c r="B5201" i="2"/>
  <c r="N5202" i="2"/>
  <c r="W5170" i="6" l="1"/>
  <c r="B5202" i="2"/>
  <c r="N5203" i="2"/>
  <c r="W5171" i="6" l="1"/>
  <c r="B5203" i="2"/>
  <c r="N5204" i="2"/>
  <c r="W5172" i="6" l="1"/>
  <c r="B5204" i="2"/>
  <c r="N5205" i="2"/>
  <c r="W5173" i="6" l="1"/>
  <c r="B5205" i="2"/>
  <c r="N5206" i="2"/>
  <c r="W5174" i="6" l="1"/>
  <c r="B5206" i="2"/>
  <c r="N5207" i="2"/>
  <c r="W5175" i="6" l="1"/>
  <c r="B5207" i="2"/>
  <c r="N5208" i="2"/>
  <c r="W5176" i="6" l="1"/>
  <c r="B5208" i="2"/>
  <c r="N5209" i="2"/>
  <c r="W5177" i="6" l="1"/>
  <c r="B5209" i="2"/>
  <c r="N5210" i="2"/>
  <c r="W5178" i="6" l="1"/>
  <c r="B5210" i="2"/>
  <c r="N5211" i="2"/>
  <c r="W5179" i="6" l="1"/>
  <c r="B5211" i="2"/>
  <c r="N5212" i="2"/>
  <c r="W5180" i="6" l="1"/>
  <c r="B5212" i="2"/>
  <c r="N5213" i="2"/>
  <c r="W5181" i="6" l="1"/>
  <c r="B5213" i="2"/>
  <c r="N5214" i="2"/>
  <c r="W5182" i="6" l="1"/>
  <c r="B5214" i="2"/>
  <c r="N5215" i="2"/>
  <c r="W5183" i="6" l="1"/>
  <c r="B5215" i="2"/>
  <c r="N5216" i="2"/>
  <c r="W5184" i="6" l="1"/>
  <c r="B5216" i="2"/>
  <c r="N5217" i="2"/>
  <c r="W5185" i="6" l="1"/>
  <c r="B5217" i="2"/>
  <c r="N5218" i="2"/>
  <c r="W5186" i="6" l="1"/>
  <c r="B5218" i="2"/>
  <c r="N5219" i="2"/>
  <c r="W5187" i="6" l="1"/>
  <c r="B5219" i="2"/>
  <c r="N5220" i="2"/>
  <c r="W5188" i="6" l="1"/>
  <c r="B5220" i="2"/>
  <c r="N5221" i="2"/>
  <c r="W5189" i="6" l="1"/>
  <c r="B5221" i="2"/>
  <c r="N5222" i="2"/>
  <c r="W5190" i="6" l="1"/>
  <c r="B5222" i="2"/>
  <c r="N5223" i="2"/>
  <c r="W5191" i="6" l="1"/>
  <c r="B5223" i="2"/>
  <c r="N5224" i="2"/>
  <c r="W5192" i="6" l="1"/>
  <c r="B5224" i="2"/>
  <c r="N5225" i="2"/>
  <c r="W5193" i="6" l="1"/>
  <c r="B5225" i="2"/>
  <c r="N5226" i="2"/>
  <c r="W5194" i="6" l="1"/>
  <c r="B5226" i="2"/>
  <c r="N5227" i="2"/>
  <c r="W5195" i="6" l="1"/>
  <c r="B5227" i="2"/>
  <c r="N5228" i="2"/>
  <c r="W5196" i="6" l="1"/>
  <c r="B5228" i="2"/>
  <c r="N5229" i="2"/>
  <c r="W5197" i="6" l="1"/>
  <c r="B5229" i="2"/>
  <c r="N5230" i="2"/>
  <c r="W5198" i="6" l="1"/>
  <c r="B5230" i="2"/>
  <c r="N5231" i="2"/>
  <c r="W5199" i="6" l="1"/>
  <c r="B5231" i="2"/>
  <c r="N5232" i="2"/>
  <c r="W5200" i="6" l="1"/>
  <c r="B5232" i="2"/>
  <c r="N5233" i="2"/>
  <c r="W5201" i="6" l="1"/>
  <c r="B5233" i="2"/>
  <c r="N5234" i="2"/>
  <c r="W5202" i="6" l="1"/>
  <c r="B5234" i="2"/>
  <c r="N5235" i="2"/>
  <c r="W5203" i="6" l="1"/>
  <c r="B5235" i="2"/>
  <c r="N5236" i="2"/>
  <c r="W5204" i="6" l="1"/>
  <c r="B5236" i="2"/>
  <c r="N5237" i="2"/>
  <c r="W5205" i="6" l="1"/>
  <c r="B5237" i="2"/>
  <c r="N5238" i="2"/>
  <c r="W5206" i="6" l="1"/>
  <c r="B5238" i="2"/>
  <c r="N5239" i="2"/>
  <c r="W5207" i="6" l="1"/>
  <c r="B5239" i="2"/>
  <c r="N5240" i="2"/>
  <c r="W5208" i="6" l="1"/>
  <c r="B5240" i="2"/>
  <c r="N5241" i="2"/>
  <c r="W5209" i="6" l="1"/>
  <c r="B5241" i="2"/>
  <c r="N5242" i="2"/>
  <c r="W5210" i="6" l="1"/>
  <c r="B5242" i="2"/>
  <c r="N5243" i="2"/>
  <c r="W5211" i="6" l="1"/>
  <c r="B5243" i="2"/>
  <c r="N5244" i="2"/>
  <c r="W5212" i="6" l="1"/>
  <c r="B5244" i="2"/>
  <c r="N5245" i="2"/>
  <c r="W5213" i="6" l="1"/>
  <c r="B5245" i="2"/>
  <c r="N5246" i="2"/>
  <c r="W5214" i="6" l="1"/>
  <c r="B5246" i="2"/>
  <c r="N5247" i="2"/>
  <c r="W5215" i="6" l="1"/>
  <c r="B5247" i="2"/>
  <c r="N5248" i="2"/>
  <c r="W5216" i="6" l="1"/>
  <c r="B5248" i="2"/>
  <c r="N5249" i="2"/>
  <c r="W5217" i="6" l="1"/>
  <c r="B5249" i="2"/>
  <c r="N5250" i="2"/>
  <c r="W5218" i="6" l="1"/>
  <c r="B5250" i="2"/>
  <c r="N5251" i="2"/>
  <c r="W5219" i="6" l="1"/>
  <c r="B5251" i="2"/>
  <c r="N5252" i="2"/>
  <c r="W5220" i="6" l="1"/>
  <c r="B5252" i="2"/>
  <c r="N5253" i="2"/>
  <c r="W5221" i="6" l="1"/>
  <c r="B5253" i="2"/>
  <c r="N5254" i="2"/>
  <c r="W5222" i="6" l="1"/>
  <c r="B5254" i="2"/>
  <c r="N5255" i="2"/>
  <c r="W5223" i="6" l="1"/>
  <c r="B5255" i="2"/>
  <c r="N5256" i="2"/>
  <c r="W5224" i="6" l="1"/>
  <c r="B5256" i="2"/>
  <c r="N5257" i="2"/>
  <c r="W5225" i="6" l="1"/>
  <c r="B5257" i="2"/>
  <c r="N5258" i="2"/>
  <c r="W5226" i="6" l="1"/>
  <c r="B5258" i="2"/>
  <c r="N5259" i="2"/>
  <c r="W5227" i="6" l="1"/>
  <c r="B5259" i="2"/>
  <c r="N5260" i="2"/>
  <c r="W5228" i="6" l="1"/>
  <c r="B5260" i="2"/>
  <c r="N5261" i="2"/>
  <c r="W5229" i="6" l="1"/>
  <c r="B5261" i="2"/>
  <c r="N5262" i="2"/>
  <c r="W5230" i="6" l="1"/>
  <c r="B5262" i="2"/>
  <c r="N5263" i="2"/>
  <c r="W5231" i="6" l="1"/>
  <c r="B5263" i="2"/>
  <c r="N5264" i="2"/>
  <c r="W5232" i="6" l="1"/>
  <c r="B5264" i="2"/>
  <c r="N5265" i="2"/>
  <c r="W5233" i="6" l="1"/>
  <c r="B5265" i="2"/>
  <c r="N5266" i="2"/>
  <c r="W5234" i="6" l="1"/>
  <c r="B5266" i="2"/>
  <c r="N5267" i="2"/>
  <c r="W5235" i="6" l="1"/>
  <c r="B5267" i="2"/>
  <c r="N5268" i="2"/>
  <c r="W5236" i="6" l="1"/>
  <c r="B5268" i="2"/>
  <c r="N5269" i="2"/>
  <c r="W5237" i="6" l="1"/>
  <c r="B5269" i="2"/>
  <c r="N5270" i="2"/>
  <c r="W5238" i="6" l="1"/>
  <c r="B5270" i="2"/>
  <c r="N5271" i="2"/>
  <c r="W5239" i="6" l="1"/>
  <c r="B5271" i="2"/>
  <c r="N5272" i="2"/>
  <c r="W5240" i="6" l="1"/>
  <c r="B5272" i="2"/>
  <c r="N5273" i="2"/>
  <c r="W5241" i="6" l="1"/>
  <c r="B5273" i="2"/>
  <c r="N5274" i="2"/>
  <c r="W5242" i="6" l="1"/>
  <c r="B5274" i="2"/>
  <c r="N5275" i="2"/>
  <c r="W5243" i="6" l="1"/>
  <c r="B5275" i="2"/>
  <c r="N5276" i="2"/>
  <c r="W5244" i="6" l="1"/>
  <c r="B5276" i="2"/>
  <c r="N5277" i="2"/>
  <c r="W5245" i="6" l="1"/>
  <c r="B5277" i="2"/>
  <c r="N5278" i="2"/>
  <c r="W5246" i="6" l="1"/>
  <c r="B5278" i="2"/>
  <c r="N5279" i="2"/>
  <c r="W5247" i="6" l="1"/>
  <c r="B5279" i="2"/>
  <c r="N5280" i="2"/>
  <c r="W5248" i="6" l="1"/>
  <c r="B5280" i="2"/>
  <c r="N5281" i="2"/>
  <c r="W5249" i="6" l="1"/>
  <c r="B5281" i="2"/>
  <c r="N5282" i="2"/>
  <c r="W5250" i="6" l="1"/>
  <c r="B5282" i="2"/>
  <c r="N5283" i="2"/>
  <c r="W5251" i="6" l="1"/>
  <c r="B5283" i="2"/>
  <c r="N5284" i="2"/>
  <c r="W5252" i="6" l="1"/>
  <c r="B5284" i="2"/>
  <c r="N5285" i="2"/>
  <c r="W5253" i="6" l="1"/>
  <c r="B5285" i="2"/>
  <c r="N5286" i="2"/>
  <c r="W5254" i="6" l="1"/>
  <c r="B5286" i="2"/>
  <c r="N5287" i="2"/>
  <c r="W5255" i="6" l="1"/>
  <c r="B5287" i="2"/>
  <c r="N5288" i="2"/>
  <c r="W5256" i="6" l="1"/>
  <c r="B5288" i="2"/>
  <c r="N5289" i="2"/>
  <c r="W5257" i="6" l="1"/>
  <c r="B5289" i="2"/>
  <c r="N5290" i="2"/>
  <c r="W5258" i="6" l="1"/>
  <c r="B5290" i="2"/>
  <c r="N5291" i="2"/>
  <c r="W5259" i="6" l="1"/>
  <c r="B5291" i="2"/>
  <c r="N5292" i="2"/>
  <c r="W5260" i="6" l="1"/>
  <c r="B5292" i="2"/>
  <c r="N5293" i="2"/>
  <c r="W5261" i="6" l="1"/>
  <c r="B5293" i="2"/>
  <c r="N5294" i="2"/>
  <c r="W5262" i="6" l="1"/>
  <c r="B5294" i="2"/>
  <c r="N5295" i="2"/>
  <c r="W5263" i="6" l="1"/>
  <c r="B5295" i="2"/>
  <c r="N5296" i="2"/>
  <c r="W5264" i="6" l="1"/>
  <c r="B5296" i="2"/>
  <c r="N5297" i="2"/>
  <c r="W5265" i="6" l="1"/>
  <c r="B5297" i="2"/>
  <c r="N5298" i="2"/>
  <c r="W5266" i="6" l="1"/>
  <c r="B5298" i="2"/>
  <c r="N5299" i="2"/>
  <c r="W5267" i="6" l="1"/>
  <c r="B5299" i="2"/>
  <c r="N5300" i="2"/>
  <c r="W5268" i="6" l="1"/>
  <c r="B5300" i="2"/>
  <c r="N5301" i="2"/>
  <c r="W5269" i="6" l="1"/>
  <c r="B5301" i="2"/>
  <c r="N5302" i="2"/>
  <c r="W5270" i="6" l="1"/>
  <c r="B5302" i="2"/>
  <c r="N5303" i="2"/>
  <c r="W5271" i="6" l="1"/>
  <c r="B5303" i="2"/>
  <c r="N5304" i="2"/>
  <c r="W5272" i="6" l="1"/>
  <c r="B5304" i="2"/>
  <c r="N5305" i="2"/>
  <c r="W5273" i="6" l="1"/>
  <c r="B5305" i="2"/>
  <c r="N5306" i="2"/>
  <c r="W5274" i="6" l="1"/>
  <c r="B5306" i="2"/>
  <c r="N5307" i="2"/>
  <c r="W5275" i="6" l="1"/>
  <c r="B5307" i="2"/>
  <c r="N5308" i="2"/>
  <c r="W5276" i="6" l="1"/>
  <c r="B5308" i="2"/>
  <c r="N5309" i="2"/>
  <c r="W5277" i="6" l="1"/>
  <c r="B5309" i="2"/>
  <c r="N5310" i="2"/>
  <c r="W5278" i="6" l="1"/>
  <c r="B5310" i="2"/>
  <c r="N5311" i="2"/>
  <c r="W5279" i="6" l="1"/>
  <c r="B5311" i="2"/>
  <c r="N5312" i="2"/>
  <c r="W5280" i="6" l="1"/>
  <c r="B5312" i="2"/>
  <c r="N5313" i="2"/>
  <c r="W5281" i="6" l="1"/>
  <c r="B5313" i="2"/>
  <c r="N5314" i="2"/>
  <c r="W5282" i="6" l="1"/>
  <c r="B5314" i="2"/>
  <c r="N5315" i="2"/>
  <c r="W5283" i="6" l="1"/>
  <c r="B5315" i="2"/>
  <c r="N5316" i="2"/>
  <c r="W5284" i="6" l="1"/>
  <c r="B5316" i="2"/>
  <c r="N5317" i="2"/>
  <c r="W5285" i="6" l="1"/>
  <c r="B5317" i="2"/>
  <c r="N5318" i="2"/>
  <c r="W5286" i="6" l="1"/>
  <c r="B5318" i="2"/>
  <c r="N5319" i="2"/>
  <c r="W5287" i="6" l="1"/>
  <c r="B5319" i="2"/>
  <c r="N5320" i="2"/>
  <c r="W5288" i="6" l="1"/>
  <c r="B5320" i="2"/>
  <c r="N5321" i="2"/>
  <c r="W5289" i="6" l="1"/>
  <c r="B5321" i="2"/>
  <c r="N5322" i="2"/>
  <c r="W5290" i="6" l="1"/>
  <c r="B5322" i="2"/>
  <c r="N5323" i="2"/>
  <c r="W5291" i="6" l="1"/>
  <c r="B5323" i="2"/>
  <c r="N5324" i="2"/>
  <c r="W5292" i="6" l="1"/>
  <c r="B5324" i="2"/>
  <c r="N5325" i="2"/>
  <c r="W5293" i="6" l="1"/>
  <c r="B5325" i="2"/>
  <c r="N5326" i="2"/>
  <c r="W5294" i="6" l="1"/>
  <c r="B5326" i="2"/>
  <c r="N5327" i="2"/>
  <c r="W5295" i="6" l="1"/>
  <c r="B5327" i="2"/>
  <c r="N5328" i="2"/>
  <c r="W5296" i="6" l="1"/>
  <c r="B5328" i="2"/>
  <c r="N5329" i="2"/>
  <c r="W5297" i="6" l="1"/>
  <c r="B5329" i="2"/>
  <c r="N5330" i="2"/>
  <c r="W5298" i="6" l="1"/>
  <c r="B5330" i="2"/>
  <c r="N5331" i="2"/>
  <c r="W5299" i="6" l="1"/>
  <c r="B5331" i="2"/>
  <c r="N5332" i="2"/>
  <c r="W5300" i="6" l="1"/>
  <c r="B5332" i="2"/>
  <c r="N5333" i="2"/>
  <c r="W5301" i="6" l="1"/>
  <c r="B5333" i="2"/>
  <c r="N5334" i="2"/>
  <c r="W5302" i="6" l="1"/>
  <c r="B5334" i="2"/>
  <c r="N5335" i="2"/>
  <c r="W5303" i="6" l="1"/>
  <c r="B5335" i="2"/>
  <c r="N5336" i="2"/>
  <c r="W5304" i="6" l="1"/>
  <c r="B5336" i="2"/>
  <c r="N5337" i="2"/>
  <c r="W5305" i="6" l="1"/>
  <c r="B5337" i="2"/>
  <c r="N5338" i="2"/>
  <c r="W5306" i="6" l="1"/>
  <c r="B5338" i="2"/>
  <c r="N5339" i="2"/>
  <c r="W5307" i="6" l="1"/>
  <c r="B5339" i="2"/>
  <c r="N5340" i="2"/>
  <c r="W5308" i="6" l="1"/>
  <c r="B5340" i="2"/>
  <c r="N5341" i="2"/>
  <c r="W5309" i="6" l="1"/>
  <c r="B5341" i="2"/>
  <c r="N5342" i="2"/>
  <c r="W5310" i="6" l="1"/>
  <c r="B5342" i="2"/>
  <c r="N5343" i="2"/>
  <c r="W5311" i="6" l="1"/>
  <c r="B5343" i="2"/>
  <c r="N5344" i="2"/>
  <c r="W5312" i="6" l="1"/>
  <c r="B5344" i="2"/>
  <c r="N5345" i="2"/>
  <c r="W5313" i="6" l="1"/>
  <c r="B5345" i="2"/>
  <c r="N5346" i="2"/>
  <c r="W5314" i="6" l="1"/>
  <c r="B5346" i="2"/>
  <c r="N5347" i="2"/>
  <c r="W5315" i="6" l="1"/>
  <c r="B5347" i="2"/>
  <c r="N5348" i="2"/>
  <c r="W5316" i="6" l="1"/>
  <c r="B5348" i="2"/>
  <c r="N5349" i="2"/>
  <c r="W5317" i="6" l="1"/>
  <c r="B5349" i="2"/>
  <c r="N5350" i="2"/>
  <c r="W5318" i="6" l="1"/>
  <c r="B5350" i="2"/>
  <c r="N5351" i="2"/>
  <c r="W5319" i="6" l="1"/>
  <c r="B5351" i="2"/>
  <c r="N5352" i="2"/>
  <c r="W5320" i="6" l="1"/>
  <c r="B5352" i="2"/>
  <c r="N5353" i="2"/>
  <c r="W5321" i="6" l="1"/>
  <c r="B5353" i="2"/>
  <c r="N5354" i="2"/>
  <c r="W5322" i="6" l="1"/>
  <c r="B5354" i="2"/>
  <c r="N5355" i="2"/>
  <c r="W5323" i="6" l="1"/>
  <c r="B5355" i="2"/>
  <c r="N5356" i="2"/>
  <c r="W5324" i="6" l="1"/>
  <c r="B5356" i="2"/>
  <c r="N5357" i="2"/>
  <c r="W5325" i="6" l="1"/>
  <c r="B5357" i="2"/>
  <c r="N5358" i="2"/>
  <c r="W5326" i="6" l="1"/>
  <c r="B5358" i="2"/>
  <c r="N5359" i="2"/>
  <c r="W5327" i="6" l="1"/>
  <c r="B5359" i="2"/>
  <c r="N5360" i="2"/>
  <c r="W5328" i="6" l="1"/>
  <c r="B5360" i="2"/>
  <c r="N5361" i="2"/>
  <c r="W5329" i="6" l="1"/>
  <c r="B5361" i="2"/>
  <c r="N5362" i="2"/>
  <c r="W5330" i="6" l="1"/>
  <c r="B5362" i="2"/>
  <c r="N5363" i="2"/>
  <c r="W5331" i="6" l="1"/>
  <c r="B5363" i="2"/>
  <c r="N5364" i="2"/>
  <c r="W5332" i="6" l="1"/>
  <c r="B5364" i="2"/>
  <c r="N5365" i="2"/>
  <c r="W5333" i="6" l="1"/>
  <c r="B5365" i="2"/>
  <c r="N5366" i="2"/>
  <c r="W5334" i="6" l="1"/>
  <c r="B5366" i="2"/>
  <c r="N5367" i="2"/>
  <c r="W5335" i="6" l="1"/>
  <c r="B5367" i="2"/>
  <c r="N5368" i="2"/>
  <c r="W5336" i="6" l="1"/>
  <c r="B5368" i="2"/>
  <c r="N5369" i="2"/>
  <c r="W5337" i="6" l="1"/>
  <c r="B5369" i="2"/>
  <c r="N5370" i="2"/>
  <c r="W5338" i="6" l="1"/>
  <c r="B5370" i="2"/>
  <c r="N5371" i="2"/>
  <c r="W5339" i="6" l="1"/>
  <c r="B5371" i="2"/>
  <c r="N5372" i="2"/>
  <c r="W5340" i="6" l="1"/>
  <c r="B5372" i="2"/>
  <c r="N5373" i="2"/>
  <c r="W5341" i="6" l="1"/>
  <c r="B5373" i="2"/>
  <c r="N5374" i="2"/>
  <c r="W5342" i="6" l="1"/>
  <c r="B5374" i="2"/>
  <c r="N5375" i="2"/>
  <c r="W5343" i="6" l="1"/>
  <c r="B5375" i="2"/>
  <c r="N5376" i="2"/>
  <c r="W5344" i="6" l="1"/>
  <c r="B5376" i="2"/>
  <c r="N5377" i="2"/>
  <c r="W5345" i="6" l="1"/>
  <c r="B5377" i="2"/>
  <c r="N5378" i="2"/>
  <c r="W5346" i="6" l="1"/>
  <c r="B5378" i="2"/>
  <c r="N5379" i="2"/>
  <c r="W5347" i="6" l="1"/>
  <c r="B5379" i="2"/>
  <c r="N5380" i="2"/>
  <c r="W5348" i="6" l="1"/>
  <c r="B5380" i="2"/>
  <c r="N5381" i="2"/>
  <c r="W5349" i="6" l="1"/>
  <c r="B5381" i="2"/>
  <c r="N5382" i="2"/>
  <c r="W5350" i="6" l="1"/>
  <c r="B5382" i="2"/>
  <c r="N5383" i="2"/>
  <c r="W5351" i="6" l="1"/>
  <c r="B5383" i="2"/>
  <c r="N5384" i="2"/>
  <c r="W5352" i="6" l="1"/>
  <c r="B5384" i="2"/>
  <c r="N5385" i="2"/>
  <c r="W5353" i="6" l="1"/>
  <c r="B5385" i="2"/>
  <c r="N5386" i="2"/>
  <c r="W5354" i="6" l="1"/>
  <c r="B5386" i="2"/>
  <c r="N5387" i="2"/>
  <c r="W5355" i="6" l="1"/>
  <c r="B5387" i="2"/>
  <c r="N5388" i="2"/>
  <c r="W5356" i="6" l="1"/>
  <c r="B5388" i="2"/>
  <c r="N5389" i="2"/>
  <c r="W5357" i="6" l="1"/>
  <c r="B5389" i="2"/>
  <c r="N5390" i="2"/>
  <c r="W5358" i="6" l="1"/>
  <c r="B5390" i="2"/>
  <c r="N5391" i="2"/>
  <c r="W5359" i="6" l="1"/>
  <c r="B5391" i="2"/>
  <c r="N5392" i="2"/>
  <c r="W5360" i="6" l="1"/>
  <c r="B5392" i="2"/>
  <c r="N5393" i="2"/>
  <c r="W5361" i="6" l="1"/>
  <c r="B5393" i="2"/>
  <c r="N5394" i="2"/>
  <c r="W5362" i="6" l="1"/>
  <c r="B5394" i="2"/>
  <c r="N5395" i="2"/>
  <c r="W5363" i="6" l="1"/>
  <c r="B5395" i="2"/>
  <c r="N5396" i="2"/>
  <c r="W5364" i="6" l="1"/>
  <c r="B5396" i="2"/>
  <c r="N5397" i="2"/>
  <c r="W5365" i="6" l="1"/>
  <c r="B5397" i="2"/>
  <c r="N5398" i="2"/>
  <c r="W5366" i="6" l="1"/>
  <c r="B5398" i="2"/>
  <c r="N5399" i="2"/>
  <c r="W5367" i="6" l="1"/>
  <c r="B5399" i="2"/>
  <c r="N5400" i="2"/>
  <c r="W5368" i="6" l="1"/>
  <c r="B5400" i="2"/>
  <c r="N5401" i="2"/>
  <c r="W5369" i="6" l="1"/>
  <c r="B5401" i="2"/>
  <c r="N5402" i="2"/>
  <c r="W5370" i="6" l="1"/>
  <c r="B5402" i="2"/>
  <c r="N5403" i="2"/>
  <c r="W5371" i="6" l="1"/>
  <c r="B5403" i="2"/>
  <c r="N5404" i="2"/>
  <c r="W5372" i="6" l="1"/>
  <c r="B5404" i="2"/>
  <c r="N5405" i="2"/>
  <c r="W5373" i="6" l="1"/>
  <c r="B5405" i="2"/>
  <c r="N5406" i="2"/>
  <c r="W5374" i="6" l="1"/>
  <c r="B5406" i="2"/>
  <c r="N5407" i="2"/>
  <c r="W5375" i="6" l="1"/>
  <c r="B5407" i="2"/>
  <c r="N5408" i="2"/>
  <c r="W5376" i="6" l="1"/>
  <c r="B5408" i="2"/>
  <c r="N5409" i="2"/>
  <c r="W5377" i="6" l="1"/>
  <c r="B5409" i="2"/>
  <c r="N5410" i="2"/>
  <c r="W5378" i="6" l="1"/>
  <c r="B5410" i="2"/>
  <c r="N5411" i="2"/>
  <c r="W5379" i="6" l="1"/>
  <c r="B5411" i="2"/>
  <c r="N5412" i="2"/>
  <c r="W5380" i="6" l="1"/>
  <c r="B5412" i="2"/>
  <c r="N5413" i="2"/>
  <c r="W5381" i="6" l="1"/>
  <c r="B5413" i="2"/>
  <c r="N5414" i="2"/>
  <c r="W5382" i="6" l="1"/>
  <c r="B5414" i="2"/>
  <c r="N5415" i="2"/>
  <c r="W5383" i="6" l="1"/>
  <c r="B5415" i="2"/>
  <c r="N5416" i="2"/>
  <c r="W5384" i="6" l="1"/>
  <c r="B5416" i="2"/>
  <c r="N5417" i="2"/>
  <c r="W5385" i="6" l="1"/>
  <c r="B5417" i="2"/>
  <c r="N5418" i="2"/>
  <c r="W5386" i="6" l="1"/>
  <c r="B5418" i="2"/>
  <c r="N5419" i="2"/>
  <c r="W5387" i="6" l="1"/>
  <c r="B5419" i="2"/>
  <c r="N5420" i="2"/>
  <c r="W5388" i="6" l="1"/>
  <c r="B5420" i="2"/>
  <c r="N5421" i="2"/>
  <c r="W5389" i="6" l="1"/>
  <c r="B5421" i="2"/>
  <c r="N5422" i="2"/>
  <c r="W5390" i="6" l="1"/>
  <c r="B5422" i="2"/>
  <c r="N5423" i="2"/>
  <c r="W5391" i="6" l="1"/>
  <c r="B5423" i="2"/>
  <c r="N5424" i="2"/>
  <c r="W5392" i="6" l="1"/>
  <c r="B5424" i="2"/>
  <c r="N5425" i="2"/>
  <c r="W5393" i="6" l="1"/>
  <c r="B5425" i="2"/>
  <c r="N5426" i="2"/>
  <c r="W5394" i="6" l="1"/>
  <c r="B5426" i="2"/>
  <c r="N5427" i="2"/>
  <c r="W5395" i="6" l="1"/>
  <c r="B5427" i="2"/>
  <c r="N5428" i="2"/>
  <c r="W5396" i="6" l="1"/>
  <c r="B5428" i="2"/>
  <c r="N5429" i="2"/>
  <c r="W5397" i="6" l="1"/>
  <c r="B5429" i="2"/>
  <c r="N5430" i="2"/>
  <c r="W5398" i="6" l="1"/>
  <c r="B5430" i="2"/>
  <c r="N5431" i="2"/>
  <c r="W5399" i="6" l="1"/>
  <c r="B5431" i="2"/>
  <c r="N5432" i="2"/>
  <c r="W5400" i="6" l="1"/>
  <c r="B5432" i="2"/>
  <c r="N5433" i="2"/>
  <c r="W5401" i="6" l="1"/>
  <c r="B5433" i="2"/>
  <c r="N5434" i="2"/>
  <c r="W5402" i="6" l="1"/>
  <c r="B5434" i="2"/>
  <c r="N5435" i="2"/>
  <c r="W5403" i="6" l="1"/>
  <c r="B5435" i="2"/>
  <c r="N5436" i="2"/>
  <c r="W5404" i="6" l="1"/>
  <c r="B5436" i="2"/>
  <c r="N5437" i="2"/>
  <c r="W5405" i="6" l="1"/>
  <c r="B5437" i="2"/>
  <c r="N5438" i="2"/>
  <c r="W5406" i="6" l="1"/>
  <c r="B5438" i="2"/>
  <c r="N5439" i="2"/>
  <c r="W5407" i="6" l="1"/>
  <c r="B5439" i="2"/>
  <c r="N5440" i="2"/>
  <c r="W5408" i="6" l="1"/>
  <c r="B5440" i="2"/>
  <c r="N5441" i="2"/>
  <c r="W5409" i="6" l="1"/>
  <c r="B5441" i="2"/>
  <c r="N5442" i="2"/>
  <c r="W5410" i="6" l="1"/>
  <c r="B5442" i="2"/>
  <c r="N5443" i="2"/>
  <c r="W5411" i="6" l="1"/>
  <c r="B5443" i="2"/>
  <c r="N5444" i="2"/>
  <c r="W5412" i="6" l="1"/>
  <c r="B5444" i="2"/>
  <c r="N5445" i="2"/>
  <c r="W5413" i="6" l="1"/>
  <c r="B5445" i="2"/>
  <c r="N5446" i="2"/>
  <c r="W5414" i="6" l="1"/>
  <c r="B5446" i="2"/>
  <c r="N5447" i="2"/>
  <c r="W5415" i="6" l="1"/>
  <c r="B5447" i="2"/>
  <c r="N5448" i="2"/>
  <c r="W5416" i="6" l="1"/>
  <c r="B5448" i="2"/>
  <c r="N5449" i="2"/>
  <c r="W5417" i="6" l="1"/>
  <c r="B5449" i="2"/>
  <c r="N5450" i="2"/>
  <c r="W5418" i="6" l="1"/>
  <c r="B5450" i="2"/>
  <c r="N5451" i="2"/>
  <c r="W5419" i="6" l="1"/>
  <c r="B5451" i="2"/>
  <c r="N5452" i="2"/>
  <c r="W5420" i="6" l="1"/>
  <c r="B5452" i="2"/>
  <c r="N5453" i="2"/>
  <c r="W5421" i="6" l="1"/>
  <c r="B5453" i="2"/>
  <c r="N5454" i="2"/>
  <c r="W5422" i="6" l="1"/>
  <c r="B5454" i="2"/>
  <c r="N5455" i="2"/>
  <c r="W5423" i="6" l="1"/>
  <c r="B5455" i="2"/>
  <c r="N5456" i="2"/>
  <c r="W5424" i="6" l="1"/>
  <c r="B5456" i="2"/>
  <c r="N5457" i="2"/>
  <c r="W5425" i="6" l="1"/>
  <c r="B5457" i="2"/>
  <c r="N5458" i="2"/>
  <c r="W5426" i="6" l="1"/>
  <c r="B5458" i="2"/>
  <c r="N5459" i="2"/>
  <c r="W5427" i="6" l="1"/>
  <c r="B5459" i="2"/>
  <c r="N5460" i="2"/>
  <c r="W5428" i="6" l="1"/>
  <c r="B5460" i="2"/>
  <c r="N5461" i="2"/>
  <c r="W5429" i="6" l="1"/>
  <c r="B5461" i="2"/>
  <c r="N5462" i="2"/>
  <c r="W5430" i="6" l="1"/>
  <c r="B5462" i="2"/>
  <c r="N5463" i="2"/>
  <c r="W5431" i="6" l="1"/>
  <c r="B5463" i="2"/>
  <c r="N5464" i="2"/>
  <c r="W5432" i="6" l="1"/>
  <c r="B5464" i="2"/>
  <c r="N5465" i="2"/>
  <c r="W5433" i="6" l="1"/>
  <c r="B5465" i="2"/>
  <c r="N5466" i="2"/>
  <c r="W5434" i="6" l="1"/>
  <c r="B5466" i="2"/>
  <c r="N5467" i="2"/>
  <c r="W5435" i="6" l="1"/>
  <c r="B5467" i="2"/>
  <c r="N5468" i="2"/>
  <c r="W5436" i="6" l="1"/>
  <c r="B5468" i="2"/>
  <c r="N5469" i="2"/>
  <c r="W5437" i="6" l="1"/>
  <c r="B5469" i="2"/>
  <c r="N5470" i="2"/>
  <c r="W5438" i="6" l="1"/>
  <c r="B5470" i="2"/>
  <c r="N5471" i="2"/>
  <c r="W5439" i="6" l="1"/>
  <c r="B5471" i="2"/>
  <c r="N5472" i="2"/>
  <c r="W5440" i="6" l="1"/>
  <c r="B5472" i="2"/>
  <c r="N5473" i="2"/>
  <c r="W5441" i="6" l="1"/>
  <c r="B5473" i="2"/>
  <c r="N5474" i="2"/>
  <c r="W5442" i="6" l="1"/>
  <c r="B5474" i="2"/>
  <c r="N5475" i="2"/>
  <c r="W5443" i="6" l="1"/>
  <c r="B5475" i="2"/>
  <c r="N5476" i="2"/>
  <c r="W5444" i="6" l="1"/>
  <c r="B5476" i="2"/>
  <c r="N5477" i="2"/>
  <c r="W5445" i="6" l="1"/>
  <c r="B5477" i="2"/>
  <c r="N5478" i="2"/>
  <c r="W5446" i="6" l="1"/>
  <c r="B5478" i="2"/>
  <c r="N5479" i="2"/>
  <c r="W5447" i="6" l="1"/>
  <c r="B5479" i="2"/>
  <c r="N5480" i="2"/>
  <c r="W5448" i="6" l="1"/>
  <c r="B5480" i="2"/>
  <c r="N5481" i="2"/>
  <c r="W5449" i="6" l="1"/>
  <c r="B5481" i="2"/>
  <c r="N5482" i="2"/>
  <c r="W5450" i="6" l="1"/>
  <c r="B5482" i="2"/>
  <c r="N5483" i="2"/>
  <c r="W5451" i="6" l="1"/>
  <c r="B5483" i="2"/>
  <c r="N5484" i="2"/>
  <c r="W5452" i="6" l="1"/>
  <c r="B5484" i="2"/>
  <c r="N5485" i="2"/>
  <c r="W5453" i="6" l="1"/>
  <c r="B5485" i="2"/>
  <c r="N5486" i="2"/>
  <c r="W5454" i="6" l="1"/>
  <c r="B5486" i="2"/>
  <c r="N5487" i="2"/>
  <c r="W5455" i="6" l="1"/>
  <c r="B5487" i="2"/>
  <c r="N5488" i="2"/>
  <c r="W5456" i="6" l="1"/>
  <c r="B5488" i="2"/>
  <c r="N5489" i="2"/>
  <c r="W5457" i="6" l="1"/>
  <c r="B5489" i="2"/>
  <c r="N5490" i="2"/>
  <c r="W5458" i="6" l="1"/>
  <c r="B5490" i="2"/>
  <c r="N5491" i="2"/>
  <c r="W5459" i="6" l="1"/>
  <c r="B5491" i="2"/>
  <c r="N5492" i="2"/>
  <c r="W5460" i="6" l="1"/>
  <c r="B5492" i="2"/>
  <c r="N5493" i="2"/>
  <c r="W5461" i="6" l="1"/>
  <c r="B5493" i="2"/>
  <c r="N5494" i="2"/>
  <c r="W5462" i="6" l="1"/>
  <c r="B5494" i="2"/>
  <c r="N5495" i="2"/>
  <c r="W5463" i="6" l="1"/>
  <c r="B5495" i="2"/>
  <c r="N5496" i="2"/>
  <c r="W5464" i="6" l="1"/>
  <c r="B5496" i="2"/>
  <c r="N5497" i="2"/>
  <c r="W5465" i="6" l="1"/>
  <c r="B5497" i="2"/>
  <c r="N5498" i="2"/>
  <c r="W5466" i="6" l="1"/>
  <c r="B5498" i="2"/>
  <c r="N5499" i="2"/>
  <c r="W5467" i="6" l="1"/>
  <c r="B5499" i="2"/>
  <c r="N5500" i="2"/>
  <c r="W5468" i="6" l="1"/>
  <c r="B5500" i="2"/>
  <c r="N5501" i="2"/>
  <c r="W5469" i="6" l="1"/>
  <c r="B5501" i="2"/>
  <c r="N5502" i="2"/>
  <c r="W5470" i="6" l="1"/>
  <c r="B5502" i="2"/>
  <c r="N5503" i="2"/>
  <c r="W5471" i="6" l="1"/>
  <c r="B5503" i="2"/>
  <c r="N5504" i="2"/>
  <c r="W5472" i="6" l="1"/>
  <c r="B5504" i="2"/>
  <c r="N5505" i="2"/>
  <c r="W5473" i="6" l="1"/>
  <c r="B5505" i="2"/>
  <c r="N5506" i="2"/>
  <c r="W5474" i="6" l="1"/>
  <c r="B5506" i="2"/>
  <c r="N5507" i="2"/>
  <c r="W5475" i="6" l="1"/>
  <c r="B5507" i="2"/>
  <c r="N5508" i="2"/>
  <c r="W5476" i="6" l="1"/>
  <c r="B5508" i="2"/>
  <c r="N5509" i="2"/>
  <c r="W5477" i="6" l="1"/>
  <c r="B5509" i="2"/>
  <c r="N5510" i="2"/>
  <c r="W5478" i="6" l="1"/>
  <c r="B5510" i="2"/>
  <c r="N5511" i="2"/>
  <c r="W5479" i="6" l="1"/>
  <c r="B5511" i="2"/>
  <c r="N5512" i="2"/>
  <c r="W5480" i="6" l="1"/>
  <c r="B5512" i="2"/>
  <c r="N5513" i="2"/>
  <c r="W5481" i="6" l="1"/>
  <c r="B5513" i="2"/>
  <c r="N5514" i="2"/>
  <c r="W5482" i="6" l="1"/>
  <c r="B5514" i="2"/>
  <c r="N5515" i="2"/>
  <c r="W5483" i="6" l="1"/>
  <c r="B5515" i="2"/>
  <c r="N5516" i="2"/>
  <c r="W5484" i="6" l="1"/>
  <c r="B5516" i="2"/>
  <c r="N5517" i="2"/>
  <c r="W5485" i="6" l="1"/>
  <c r="B5517" i="2"/>
  <c r="N5518" i="2"/>
  <c r="W5486" i="6" l="1"/>
  <c r="B5518" i="2"/>
  <c r="N5519" i="2"/>
  <c r="W5487" i="6" l="1"/>
  <c r="B5519" i="2"/>
  <c r="N5520" i="2"/>
  <c r="W5488" i="6" l="1"/>
  <c r="B5520" i="2"/>
  <c r="N5521" i="2"/>
  <c r="W5489" i="6" l="1"/>
  <c r="B5521" i="2"/>
  <c r="N5522" i="2"/>
  <c r="W5490" i="6" l="1"/>
  <c r="B5522" i="2"/>
  <c r="N5523" i="2"/>
  <c r="W5491" i="6" l="1"/>
  <c r="B5523" i="2"/>
  <c r="N5524" i="2"/>
  <c r="W5492" i="6" l="1"/>
  <c r="B5524" i="2"/>
  <c r="N5525" i="2"/>
  <c r="W5493" i="6" l="1"/>
  <c r="B5525" i="2"/>
  <c r="N5526" i="2"/>
  <c r="W5494" i="6" l="1"/>
  <c r="B5526" i="2"/>
  <c r="N5527" i="2"/>
  <c r="W5495" i="6" l="1"/>
  <c r="B5527" i="2"/>
  <c r="N5528" i="2"/>
  <c r="W5496" i="6" l="1"/>
  <c r="B5528" i="2"/>
  <c r="N5529" i="2"/>
  <c r="W5497" i="6" l="1"/>
  <c r="B5529" i="2"/>
  <c r="N5530" i="2"/>
  <c r="W5498" i="6" l="1"/>
  <c r="B5530" i="2"/>
  <c r="N5531" i="2"/>
  <c r="W5499" i="6" l="1"/>
  <c r="B5531" i="2"/>
  <c r="N5532" i="2"/>
  <c r="W5500" i="6" l="1"/>
  <c r="B5532" i="2"/>
  <c r="N5533" i="2"/>
  <c r="W5501" i="6" l="1"/>
  <c r="B5533" i="2"/>
  <c r="N5534" i="2"/>
  <c r="W5502" i="6" l="1"/>
  <c r="B5534" i="2"/>
  <c r="N5535" i="2"/>
  <c r="W5503" i="6" l="1"/>
  <c r="B5535" i="2"/>
  <c r="N5536" i="2"/>
  <c r="W5504" i="6" l="1"/>
  <c r="B5536" i="2"/>
  <c r="N5537" i="2"/>
  <c r="W5505" i="6" l="1"/>
  <c r="B5537" i="2"/>
  <c r="N5538" i="2"/>
  <c r="W5506" i="6" l="1"/>
  <c r="B5538" i="2"/>
  <c r="N5539" i="2"/>
  <c r="W5507" i="6" l="1"/>
  <c r="B5539" i="2"/>
  <c r="N5540" i="2"/>
  <c r="W5508" i="6" l="1"/>
  <c r="B5540" i="2"/>
  <c r="N5541" i="2"/>
  <c r="W5509" i="6" l="1"/>
  <c r="B5541" i="2"/>
  <c r="N5542" i="2"/>
  <c r="W5510" i="6" l="1"/>
  <c r="B5542" i="2"/>
  <c r="N5543" i="2"/>
  <c r="W5511" i="6" l="1"/>
  <c r="B5543" i="2"/>
  <c r="N5544" i="2"/>
  <c r="W5512" i="6" l="1"/>
  <c r="B5544" i="2"/>
  <c r="N5545" i="2"/>
  <c r="W5513" i="6" l="1"/>
  <c r="B5545" i="2"/>
  <c r="N5546" i="2"/>
  <c r="W5514" i="6" l="1"/>
  <c r="B5546" i="2"/>
  <c r="N5547" i="2"/>
  <c r="W5515" i="6" l="1"/>
  <c r="B5547" i="2"/>
  <c r="N5548" i="2"/>
  <c r="W5516" i="6" l="1"/>
  <c r="B5548" i="2"/>
  <c r="N5549" i="2"/>
  <c r="W5517" i="6" l="1"/>
  <c r="B5549" i="2"/>
  <c r="N5550" i="2"/>
  <c r="W5518" i="6" l="1"/>
  <c r="B5550" i="2"/>
  <c r="N5551" i="2"/>
  <c r="W5519" i="6" l="1"/>
  <c r="B5551" i="2"/>
  <c r="N5552" i="2"/>
  <c r="W5520" i="6" l="1"/>
  <c r="B5552" i="2"/>
  <c r="N5553" i="2"/>
  <c r="W5521" i="6" l="1"/>
  <c r="B5553" i="2"/>
  <c r="N5554" i="2"/>
  <c r="W5522" i="6" l="1"/>
  <c r="B5554" i="2"/>
  <c r="N5555" i="2"/>
  <c r="W5523" i="6" l="1"/>
  <c r="B5555" i="2"/>
  <c r="N5556" i="2"/>
  <c r="W5524" i="6" l="1"/>
  <c r="B5556" i="2"/>
  <c r="N5557" i="2"/>
  <c r="W5525" i="6" l="1"/>
  <c r="B5557" i="2"/>
  <c r="N5558" i="2"/>
  <c r="W5526" i="6" l="1"/>
  <c r="B5558" i="2"/>
  <c r="N5559" i="2"/>
  <c r="W5527" i="6" l="1"/>
  <c r="B5559" i="2"/>
  <c r="N5560" i="2"/>
  <c r="W5528" i="6" l="1"/>
  <c r="B5560" i="2"/>
  <c r="N5561" i="2"/>
  <c r="W5529" i="6" l="1"/>
  <c r="B5561" i="2"/>
  <c r="N5562" i="2"/>
  <c r="W5530" i="6" l="1"/>
  <c r="B5562" i="2"/>
  <c r="N5563" i="2"/>
  <c r="W5531" i="6" l="1"/>
  <c r="B5563" i="2"/>
  <c r="N5564" i="2"/>
  <c r="W5532" i="6" l="1"/>
  <c r="B5564" i="2"/>
  <c r="N5565" i="2"/>
  <c r="W5533" i="6" l="1"/>
  <c r="B5565" i="2"/>
  <c r="N5566" i="2"/>
  <c r="W5534" i="6" l="1"/>
  <c r="B5566" i="2"/>
  <c r="N5567" i="2"/>
  <c r="W5535" i="6" l="1"/>
  <c r="B5567" i="2"/>
  <c r="N5568" i="2"/>
  <c r="W5536" i="6" l="1"/>
  <c r="B5568" i="2"/>
  <c r="N5569" i="2"/>
  <c r="W5537" i="6" l="1"/>
  <c r="B5569" i="2"/>
  <c r="N5570" i="2"/>
  <c r="W5538" i="6" l="1"/>
  <c r="B5570" i="2"/>
  <c r="N5571" i="2"/>
  <c r="W5539" i="6" l="1"/>
  <c r="B5571" i="2"/>
  <c r="N5572" i="2"/>
  <c r="W5540" i="6" l="1"/>
  <c r="B5572" i="2"/>
  <c r="N5573" i="2"/>
  <c r="W5541" i="6" l="1"/>
  <c r="B5573" i="2"/>
  <c r="N5574" i="2"/>
  <c r="W5542" i="6" l="1"/>
  <c r="B5574" i="2"/>
  <c r="N5575" i="2"/>
  <c r="W5543" i="6" l="1"/>
  <c r="B5575" i="2"/>
  <c r="N5576" i="2"/>
  <c r="W5544" i="6" l="1"/>
  <c r="B5576" i="2"/>
  <c r="N5577" i="2"/>
  <c r="W5545" i="6" l="1"/>
  <c r="B5577" i="2"/>
  <c r="N5578" i="2"/>
  <c r="W5546" i="6" l="1"/>
  <c r="B5578" i="2"/>
  <c r="N5579" i="2"/>
  <c r="W5547" i="6" l="1"/>
  <c r="B5579" i="2"/>
  <c r="N5580" i="2"/>
  <c r="W5548" i="6" l="1"/>
  <c r="B5580" i="2"/>
  <c r="N5581" i="2"/>
  <c r="W5549" i="6" l="1"/>
  <c r="B5581" i="2"/>
  <c r="N5582" i="2"/>
  <c r="W5550" i="6" l="1"/>
  <c r="B5582" i="2"/>
  <c r="N5583" i="2"/>
  <c r="W5551" i="6" l="1"/>
  <c r="B5583" i="2"/>
  <c r="N5584" i="2"/>
  <c r="W5552" i="6" l="1"/>
  <c r="B5584" i="2"/>
  <c r="N5585" i="2"/>
  <c r="W5553" i="6" l="1"/>
  <c r="B5585" i="2"/>
  <c r="N5586" i="2"/>
  <c r="W5554" i="6" l="1"/>
  <c r="B5586" i="2"/>
  <c r="N5587" i="2"/>
  <c r="W5555" i="6" l="1"/>
  <c r="B5587" i="2"/>
  <c r="N5588" i="2"/>
  <c r="W5556" i="6" l="1"/>
  <c r="B5588" i="2"/>
  <c r="N5589" i="2"/>
  <c r="W5557" i="6" l="1"/>
  <c r="B5589" i="2"/>
  <c r="N5590" i="2"/>
  <c r="W5558" i="6" l="1"/>
  <c r="B5590" i="2"/>
  <c r="N5591" i="2"/>
  <c r="W5559" i="6" l="1"/>
  <c r="B5591" i="2"/>
  <c r="N5592" i="2"/>
  <c r="W5560" i="6" l="1"/>
  <c r="B5592" i="2"/>
  <c r="N5593" i="2"/>
  <c r="W5561" i="6" l="1"/>
  <c r="B5593" i="2"/>
  <c r="N5594" i="2"/>
  <c r="W5562" i="6" l="1"/>
  <c r="B5594" i="2"/>
  <c r="N5595" i="2"/>
  <c r="W5563" i="6" l="1"/>
  <c r="B5595" i="2"/>
  <c r="N5596" i="2"/>
  <c r="W5564" i="6" l="1"/>
  <c r="B5596" i="2"/>
  <c r="N5597" i="2"/>
  <c r="W5565" i="6" l="1"/>
  <c r="B5597" i="2"/>
  <c r="N5598" i="2"/>
  <c r="W5566" i="6" l="1"/>
  <c r="B5598" i="2"/>
  <c r="N5599" i="2"/>
  <c r="W5567" i="6" l="1"/>
  <c r="B5599" i="2"/>
  <c r="N5600" i="2"/>
  <c r="W5568" i="6" l="1"/>
  <c r="B5600" i="2"/>
  <c r="N5601" i="2"/>
  <c r="W5569" i="6" l="1"/>
  <c r="B5601" i="2"/>
  <c r="N5602" i="2"/>
  <c r="W5570" i="6" l="1"/>
  <c r="B5602" i="2"/>
  <c r="N5603" i="2"/>
  <c r="W5571" i="6" l="1"/>
  <c r="B5603" i="2"/>
  <c r="N5604" i="2"/>
  <c r="W5572" i="6" l="1"/>
  <c r="B5604" i="2"/>
  <c r="N5605" i="2"/>
  <c r="W5573" i="6" l="1"/>
  <c r="B5605" i="2"/>
  <c r="N5606" i="2"/>
  <c r="W5574" i="6" l="1"/>
  <c r="B5606" i="2"/>
  <c r="N5607" i="2"/>
  <c r="W5575" i="6" l="1"/>
  <c r="B5607" i="2"/>
  <c r="N5608" i="2"/>
  <c r="W5576" i="6" l="1"/>
  <c r="B5608" i="2"/>
  <c r="N5609" i="2"/>
  <c r="W5577" i="6" l="1"/>
  <c r="B5609" i="2"/>
  <c r="N5610" i="2"/>
  <c r="W5578" i="6" l="1"/>
  <c r="B5610" i="2"/>
  <c r="N5611" i="2"/>
  <c r="W5579" i="6" l="1"/>
  <c r="B5611" i="2"/>
  <c r="N5612" i="2"/>
  <c r="W5580" i="6" l="1"/>
  <c r="B5612" i="2"/>
  <c r="N5613" i="2"/>
  <c r="W5581" i="6" l="1"/>
  <c r="B5613" i="2"/>
  <c r="N5614" i="2"/>
  <c r="W5582" i="6" l="1"/>
  <c r="B5614" i="2"/>
  <c r="N5615" i="2"/>
  <c r="W5583" i="6" l="1"/>
  <c r="B5615" i="2"/>
  <c r="N5616" i="2"/>
  <c r="W5584" i="6" l="1"/>
  <c r="B5616" i="2"/>
  <c r="N5617" i="2"/>
  <c r="W5585" i="6" l="1"/>
  <c r="B5617" i="2"/>
  <c r="N5618" i="2"/>
  <c r="W5586" i="6" l="1"/>
  <c r="B5618" i="2"/>
  <c r="N5619" i="2"/>
  <c r="W5587" i="6" l="1"/>
  <c r="B5619" i="2"/>
  <c r="N5620" i="2"/>
  <c r="W5588" i="6" l="1"/>
  <c r="B5620" i="2"/>
  <c r="N5621" i="2"/>
  <c r="W5589" i="6" l="1"/>
  <c r="B5621" i="2"/>
  <c r="N5622" i="2"/>
  <c r="W5590" i="6" l="1"/>
  <c r="B5622" i="2"/>
  <c r="N5623" i="2"/>
  <c r="W5591" i="6" l="1"/>
  <c r="B5623" i="2"/>
  <c r="N5624" i="2"/>
  <c r="W5592" i="6" l="1"/>
  <c r="B5624" i="2"/>
  <c r="N5625" i="2"/>
  <c r="W5593" i="6" l="1"/>
  <c r="B5625" i="2"/>
  <c r="N5626" i="2"/>
  <c r="W5594" i="6" l="1"/>
  <c r="B5626" i="2"/>
  <c r="N5627" i="2"/>
  <c r="W5595" i="6" l="1"/>
  <c r="B5627" i="2"/>
  <c r="N5628" i="2"/>
  <c r="W5596" i="6" l="1"/>
  <c r="B5628" i="2"/>
  <c r="N5629" i="2"/>
  <c r="W5597" i="6" l="1"/>
  <c r="B5629" i="2"/>
  <c r="N5630" i="2"/>
  <c r="W5598" i="6" l="1"/>
  <c r="B5630" i="2"/>
  <c r="N5631" i="2"/>
  <c r="W5599" i="6" l="1"/>
  <c r="B5631" i="2"/>
  <c r="N5632" i="2"/>
  <c r="W5600" i="6" l="1"/>
  <c r="B5632" i="2"/>
  <c r="N5633" i="2"/>
  <c r="W5601" i="6" l="1"/>
  <c r="B5633" i="2"/>
  <c r="N5634" i="2"/>
  <c r="W5602" i="6" l="1"/>
  <c r="B5634" i="2"/>
  <c r="N5635" i="2"/>
  <c r="W5603" i="6" l="1"/>
  <c r="B5635" i="2"/>
  <c r="N5636" i="2"/>
  <c r="W5604" i="6" l="1"/>
  <c r="B5636" i="2"/>
  <c r="N5637" i="2"/>
  <c r="W5605" i="6" l="1"/>
  <c r="B5637" i="2"/>
  <c r="N5638" i="2"/>
  <c r="W5606" i="6" l="1"/>
  <c r="B5638" i="2"/>
  <c r="N5639" i="2"/>
  <c r="W5607" i="6" l="1"/>
  <c r="B5639" i="2"/>
  <c r="N5640" i="2"/>
  <c r="W5608" i="6" l="1"/>
  <c r="B5640" i="2"/>
  <c r="N5641" i="2"/>
  <c r="W5609" i="6" l="1"/>
  <c r="B5641" i="2"/>
  <c r="N5642" i="2"/>
  <c r="W5610" i="6" l="1"/>
  <c r="B5642" i="2"/>
  <c r="N5643" i="2"/>
  <c r="W5611" i="6" l="1"/>
  <c r="B5643" i="2"/>
  <c r="N5644" i="2"/>
  <c r="W5612" i="6" l="1"/>
  <c r="B5644" i="2"/>
  <c r="N5645" i="2"/>
  <c r="W5613" i="6" l="1"/>
  <c r="B5645" i="2"/>
  <c r="N5646" i="2"/>
  <c r="W5614" i="6" l="1"/>
  <c r="B5646" i="2"/>
  <c r="N5647" i="2"/>
  <c r="W5615" i="6" l="1"/>
  <c r="B5647" i="2"/>
  <c r="N5648" i="2"/>
  <c r="W5616" i="6" l="1"/>
  <c r="B5648" i="2"/>
  <c r="N5649" i="2"/>
  <c r="W5617" i="6" l="1"/>
  <c r="B5649" i="2"/>
  <c r="N5650" i="2"/>
  <c r="W5618" i="6" l="1"/>
  <c r="B5650" i="2"/>
  <c r="N5651" i="2"/>
  <c r="W5619" i="6" l="1"/>
  <c r="B5651" i="2"/>
  <c r="N5652" i="2"/>
  <c r="W5620" i="6" l="1"/>
  <c r="B5652" i="2"/>
  <c r="N5653" i="2"/>
  <c r="W5621" i="6" l="1"/>
  <c r="B5653" i="2"/>
  <c r="N5654" i="2"/>
  <c r="W5622" i="6" l="1"/>
  <c r="B5654" i="2"/>
  <c r="N5655" i="2"/>
  <c r="W5623" i="6" l="1"/>
  <c r="B5655" i="2"/>
  <c r="N5656" i="2"/>
  <c r="W5624" i="6" l="1"/>
  <c r="B5656" i="2"/>
  <c r="N5657" i="2"/>
  <c r="W5625" i="6" l="1"/>
  <c r="B5657" i="2"/>
  <c r="N5658" i="2"/>
  <c r="W5626" i="6" l="1"/>
  <c r="B5658" i="2"/>
  <c r="N5659" i="2"/>
  <c r="W5627" i="6" l="1"/>
  <c r="B5659" i="2"/>
  <c r="N5660" i="2"/>
  <c r="W5628" i="6" l="1"/>
  <c r="B5660" i="2"/>
  <c r="N5661" i="2"/>
  <c r="W5629" i="6" l="1"/>
  <c r="B5661" i="2"/>
  <c r="N5662" i="2"/>
  <c r="W5630" i="6" l="1"/>
  <c r="B5662" i="2"/>
  <c r="N5663" i="2"/>
  <c r="W5631" i="6" l="1"/>
  <c r="B5663" i="2"/>
  <c r="N5664" i="2"/>
  <c r="W5632" i="6" l="1"/>
  <c r="B5664" i="2"/>
  <c r="N5665" i="2"/>
  <c r="W5633" i="6" l="1"/>
  <c r="B5665" i="2"/>
  <c r="N5666" i="2"/>
  <c r="W5634" i="6" l="1"/>
  <c r="B5666" i="2"/>
  <c r="N5667" i="2"/>
  <c r="W5635" i="6" l="1"/>
  <c r="B5667" i="2"/>
  <c r="N5668" i="2"/>
  <c r="W5636" i="6" l="1"/>
  <c r="B5668" i="2"/>
  <c r="N5669" i="2"/>
  <c r="W5637" i="6" l="1"/>
  <c r="B5669" i="2"/>
  <c r="N5670" i="2"/>
  <c r="W5638" i="6" l="1"/>
  <c r="B5670" i="2"/>
  <c r="N5671" i="2"/>
  <c r="W5639" i="6" l="1"/>
  <c r="B5671" i="2"/>
  <c r="N5672" i="2"/>
  <c r="W5640" i="6" l="1"/>
  <c r="B5672" i="2"/>
  <c r="N5673" i="2"/>
  <c r="W5641" i="6" l="1"/>
  <c r="B5673" i="2"/>
  <c r="N5674" i="2"/>
  <c r="W5642" i="6" l="1"/>
  <c r="B5674" i="2"/>
  <c r="N5675" i="2"/>
  <c r="W5643" i="6" l="1"/>
  <c r="B5675" i="2"/>
  <c r="N5676" i="2"/>
  <c r="W5644" i="6" l="1"/>
  <c r="B5676" i="2"/>
  <c r="N5677" i="2"/>
  <c r="W5645" i="6" l="1"/>
  <c r="B5677" i="2"/>
  <c r="N5678" i="2"/>
  <c r="W5646" i="6" l="1"/>
  <c r="B5678" i="2"/>
  <c r="N5679" i="2"/>
  <c r="W5647" i="6" l="1"/>
  <c r="B5679" i="2"/>
  <c r="N5680" i="2"/>
  <c r="W5648" i="6" l="1"/>
  <c r="B5680" i="2"/>
  <c r="N5681" i="2"/>
  <c r="W5649" i="6" l="1"/>
  <c r="B5681" i="2"/>
  <c r="N5682" i="2"/>
  <c r="W5650" i="6" l="1"/>
  <c r="B5682" i="2"/>
  <c r="N5683" i="2"/>
  <c r="W5651" i="6" l="1"/>
  <c r="B5683" i="2"/>
  <c r="N5684" i="2"/>
  <c r="W5652" i="6" l="1"/>
  <c r="B5684" i="2"/>
  <c r="N5685" i="2"/>
  <c r="W5653" i="6" l="1"/>
  <c r="B5685" i="2"/>
  <c r="N5686" i="2"/>
  <c r="W5654" i="6" l="1"/>
  <c r="B5686" i="2"/>
  <c r="N5687" i="2"/>
  <c r="W5655" i="6" l="1"/>
  <c r="B5687" i="2"/>
  <c r="N5688" i="2"/>
  <c r="W5656" i="6" l="1"/>
  <c r="B5688" i="2"/>
  <c r="N5689" i="2"/>
  <c r="W5657" i="6" l="1"/>
  <c r="B5689" i="2"/>
  <c r="N5690" i="2"/>
  <c r="W5658" i="6" l="1"/>
  <c r="B5690" i="2"/>
  <c r="N5691" i="2"/>
  <c r="W5659" i="6" l="1"/>
  <c r="B5691" i="2"/>
  <c r="N5692" i="2"/>
  <c r="W5660" i="6" l="1"/>
  <c r="B5692" i="2"/>
  <c r="N5693" i="2"/>
  <c r="W5661" i="6" l="1"/>
  <c r="B5693" i="2"/>
  <c r="N5694" i="2"/>
  <c r="W5662" i="6" l="1"/>
  <c r="B5694" i="2"/>
  <c r="N5695" i="2"/>
  <c r="W5663" i="6" l="1"/>
  <c r="B5695" i="2"/>
  <c r="N5696" i="2"/>
  <c r="W5664" i="6" l="1"/>
  <c r="B5696" i="2"/>
  <c r="N5697" i="2"/>
  <c r="W5665" i="6" l="1"/>
  <c r="B5697" i="2"/>
  <c r="N5698" i="2"/>
  <c r="W5666" i="6" l="1"/>
  <c r="B5698" i="2"/>
  <c r="N5699" i="2"/>
  <c r="W5667" i="6" l="1"/>
  <c r="B5699" i="2"/>
  <c r="N5700" i="2"/>
  <c r="W5668" i="6" l="1"/>
  <c r="B5700" i="2"/>
  <c r="N5701" i="2"/>
  <c r="W5669" i="6" l="1"/>
  <c r="B5701" i="2"/>
  <c r="N5702" i="2"/>
  <c r="W5670" i="6" l="1"/>
  <c r="B5702" i="2"/>
  <c r="N5703" i="2"/>
  <c r="W5671" i="6" l="1"/>
  <c r="B5703" i="2"/>
  <c r="N5704" i="2"/>
  <c r="W5672" i="6" l="1"/>
  <c r="B5704" i="2"/>
  <c r="N5705" i="2"/>
  <c r="W5673" i="6" l="1"/>
  <c r="B5705" i="2"/>
  <c r="N5706" i="2"/>
  <c r="W5674" i="6" l="1"/>
  <c r="B5706" i="2"/>
  <c r="N5707" i="2"/>
  <c r="W5675" i="6" l="1"/>
  <c r="B5707" i="2"/>
  <c r="N5708" i="2"/>
  <c r="W5676" i="6" l="1"/>
  <c r="B5708" i="2"/>
  <c r="N5709" i="2"/>
  <c r="W5677" i="6" l="1"/>
  <c r="B5709" i="2"/>
  <c r="N5710" i="2"/>
  <c r="W5678" i="6" l="1"/>
  <c r="B5710" i="2"/>
  <c r="N5711" i="2"/>
  <c r="W5679" i="6" l="1"/>
  <c r="B5711" i="2"/>
  <c r="N5712" i="2"/>
  <c r="W5680" i="6" l="1"/>
  <c r="B5712" i="2"/>
  <c r="N5713" i="2"/>
  <c r="W5681" i="6" l="1"/>
  <c r="B5713" i="2"/>
  <c r="N5714" i="2"/>
  <c r="W5682" i="6" l="1"/>
  <c r="B5714" i="2"/>
  <c r="N5715" i="2"/>
  <c r="W5683" i="6" l="1"/>
  <c r="B5715" i="2"/>
  <c r="N5716" i="2"/>
  <c r="W5684" i="6" l="1"/>
  <c r="B5716" i="2"/>
  <c r="N5717" i="2"/>
  <c r="W5685" i="6" l="1"/>
  <c r="B5717" i="2"/>
  <c r="N5718" i="2"/>
  <c r="W5686" i="6" l="1"/>
  <c r="B5718" i="2"/>
  <c r="N5719" i="2"/>
  <c r="W5687" i="6" l="1"/>
  <c r="B5719" i="2"/>
  <c r="N5720" i="2"/>
  <c r="W5688" i="6" l="1"/>
  <c r="B5720" i="2"/>
  <c r="N5721" i="2"/>
  <c r="W5689" i="6" l="1"/>
  <c r="B5721" i="2"/>
  <c r="N5722" i="2"/>
  <c r="W5690" i="6" l="1"/>
  <c r="B5722" i="2"/>
  <c r="N5723" i="2"/>
  <c r="W5691" i="6" l="1"/>
  <c r="B5723" i="2"/>
  <c r="N5724" i="2"/>
  <c r="W5692" i="6" l="1"/>
  <c r="B5724" i="2"/>
  <c r="N5725" i="2"/>
  <c r="W5693" i="6" l="1"/>
  <c r="B5725" i="2"/>
  <c r="N5726" i="2"/>
  <c r="W5694" i="6" l="1"/>
  <c r="B5726" i="2"/>
  <c r="N5727" i="2"/>
  <c r="W5695" i="6" l="1"/>
  <c r="B5727" i="2"/>
  <c r="N5728" i="2"/>
  <c r="W5696" i="6" l="1"/>
  <c r="B5728" i="2"/>
  <c r="N5729" i="2"/>
  <c r="W5697" i="6" l="1"/>
  <c r="B5729" i="2"/>
  <c r="N5730" i="2"/>
  <c r="W5698" i="6" l="1"/>
  <c r="B5730" i="2"/>
  <c r="N5731" i="2"/>
  <c r="W5699" i="6" l="1"/>
  <c r="B5731" i="2"/>
  <c r="N5732" i="2"/>
  <c r="W5700" i="6" l="1"/>
  <c r="B5732" i="2"/>
  <c r="N5733" i="2"/>
  <c r="W5701" i="6" l="1"/>
  <c r="B5733" i="2"/>
  <c r="N5734" i="2"/>
  <c r="W5702" i="6" l="1"/>
  <c r="B5734" i="2"/>
  <c r="N5735" i="2"/>
  <c r="W5703" i="6" l="1"/>
  <c r="B5735" i="2"/>
  <c r="N5736" i="2"/>
  <c r="W5704" i="6" l="1"/>
  <c r="B5736" i="2"/>
  <c r="N5737" i="2"/>
  <c r="W5705" i="6" l="1"/>
  <c r="B5737" i="2"/>
  <c r="N5738" i="2"/>
  <c r="W5706" i="6" l="1"/>
  <c r="B5738" i="2"/>
  <c r="N5739" i="2"/>
  <c r="W5707" i="6" l="1"/>
  <c r="B5739" i="2"/>
  <c r="N5740" i="2"/>
  <c r="W5708" i="6" l="1"/>
  <c r="B5740" i="2"/>
  <c r="N5741" i="2"/>
  <c r="W5709" i="6" l="1"/>
  <c r="B5741" i="2"/>
  <c r="N5742" i="2"/>
  <c r="W5710" i="6" l="1"/>
  <c r="B5742" i="2"/>
  <c r="N5743" i="2"/>
  <c r="W5711" i="6" l="1"/>
  <c r="B5743" i="2"/>
  <c r="N5744" i="2"/>
  <c r="W5712" i="6" l="1"/>
  <c r="B5744" i="2"/>
  <c r="N5745" i="2"/>
  <c r="W5713" i="6" l="1"/>
  <c r="B5745" i="2"/>
  <c r="N5746" i="2"/>
  <c r="W5714" i="6" l="1"/>
  <c r="B5746" i="2"/>
  <c r="N5747" i="2"/>
  <c r="W5715" i="6" l="1"/>
  <c r="B5747" i="2"/>
  <c r="N5748" i="2"/>
  <c r="W5716" i="6" l="1"/>
  <c r="B5748" i="2"/>
  <c r="N5749" i="2"/>
  <c r="W5717" i="6" l="1"/>
  <c r="B5749" i="2"/>
  <c r="N5750" i="2"/>
  <c r="W5718" i="6" l="1"/>
  <c r="B5750" i="2"/>
  <c r="N5751" i="2"/>
  <c r="W5719" i="6" l="1"/>
  <c r="B5751" i="2"/>
  <c r="N5752" i="2"/>
  <c r="W5720" i="6" l="1"/>
  <c r="B5752" i="2"/>
  <c r="N5753" i="2"/>
  <c r="W5721" i="6" l="1"/>
  <c r="B5753" i="2"/>
  <c r="N5754" i="2"/>
  <c r="W5722" i="6" l="1"/>
  <c r="B5754" i="2"/>
  <c r="N5755" i="2"/>
  <c r="W5723" i="6" l="1"/>
  <c r="B5755" i="2"/>
  <c r="N5756" i="2"/>
  <c r="W5724" i="6" l="1"/>
  <c r="B5756" i="2"/>
  <c r="N5757" i="2"/>
  <c r="W5725" i="6" l="1"/>
  <c r="B5757" i="2"/>
  <c r="N5758" i="2"/>
  <c r="W5726" i="6" l="1"/>
  <c r="B5758" i="2"/>
  <c r="N5759" i="2"/>
  <c r="W5727" i="6" l="1"/>
  <c r="B5759" i="2"/>
  <c r="N5760" i="2"/>
  <c r="W5728" i="6" l="1"/>
  <c r="B5760" i="2"/>
  <c r="N5761" i="2"/>
  <c r="W5729" i="6" l="1"/>
  <c r="B5761" i="2"/>
  <c r="N5762" i="2"/>
  <c r="W5730" i="6" l="1"/>
  <c r="B5762" i="2"/>
  <c r="N5763" i="2"/>
  <c r="W5731" i="6" l="1"/>
  <c r="B5763" i="2"/>
  <c r="N5764" i="2"/>
  <c r="W5732" i="6" l="1"/>
  <c r="B5764" i="2"/>
  <c r="N5765" i="2"/>
  <c r="W5733" i="6" l="1"/>
  <c r="B5765" i="2"/>
  <c r="N5766" i="2"/>
  <c r="W5734" i="6" l="1"/>
  <c r="B5766" i="2"/>
  <c r="N5767" i="2"/>
  <c r="W5735" i="6" l="1"/>
  <c r="B5767" i="2"/>
  <c r="N5768" i="2"/>
  <c r="W5736" i="6" l="1"/>
  <c r="B5768" i="2"/>
  <c r="N5769" i="2"/>
  <c r="W5737" i="6" l="1"/>
  <c r="B5769" i="2"/>
  <c r="N5770" i="2"/>
  <c r="W5738" i="6" l="1"/>
  <c r="B5770" i="2"/>
  <c r="N5771" i="2"/>
  <c r="W5739" i="6" l="1"/>
  <c r="B5771" i="2"/>
  <c r="N5772" i="2"/>
  <c r="W5740" i="6" l="1"/>
  <c r="B5772" i="2"/>
  <c r="N5773" i="2"/>
  <c r="W5741" i="6" l="1"/>
  <c r="B5773" i="2"/>
  <c r="N5774" i="2"/>
  <c r="W5742" i="6" l="1"/>
  <c r="B5774" i="2"/>
  <c r="N5775" i="2"/>
  <c r="W5743" i="6" l="1"/>
  <c r="B5775" i="2"/>
  <c r="N5776" i="2"/>
  <c r="W5744" i="6" l="1"/>
  <c r="B5776" i="2"/>
  <c r="N5777" i="2"/>
  <c r="W5745" i="6" l="1"/>
  <c r="B5777" i="2"/>
  <c r="N5778" i="2"/>
  <c r="W5746" i="6" l="1"/>
  <c r="B5778" i="2"/>
  <c r="N5779" i="2"/>
  <c r="W5747" i="6" l="1"/>
  <c r="B5779" i="2"/>
  <c r="N5780" i="2"/>
  <c r="W5748" i="6" l="1"/>
  <c r="B5780" i="2"/>
  <c r="N5781" i="2"/>
  <c r="W5749" i="6" l="1"/>
  <c r="B5781" i="2"/>
  <c r="N5782" i="2"/>
  <c r="W5750" i="6" l="1"/>
  <c r="B5782" i="2"/>
  <c r="N5783" i="2"/>
  <c r="W5751" i="6" l="1"/>
  <c r="B5783" i="2"/>
  <c r="N5784" i="2"/>
  <c r="W5752" i="6" l="1"/>
  <c r="B5784" i="2"/>
  <c r="N5785" i="2"/>
  <c r="W5753" i="6" l="1"/>
  <c r="B5785" i="2"/>
  <c r="N5786" i="2"/>
  <c r="W5754" i="6" l="1"/>
  <c r="B5786" i="2"/>
  <c r="N5787" i="2"/>
  <c r="W5755" i="6" l="1"/>
  <c r="B5787" i="2"/>
  <c r="N5788" i="2"/>
  <c r="W5756" i="6" l="1"/>
  <c r="B5788" i="2"/>
  <c r="N5789" i="2"/>
  <c r="W5757" i="6" l="1"/>
  <c r="B5789" i="2"/>
  <c r="N5790" i="2"/>
  <c r="W5758" i="6" l="1"/>
  <c r="B5790" i="2"/>
  <c r="N5791" i="2"/>
  <c r="W5759" i="6" l="1"/>
  <c r="B5791" i="2"/>
  <c r="N5792" i="2"/>
  <c r="W5760" i="6" l="1"/>
  <c r="B5792" i="2"/>
  <c r="N5793" i="2"/>
  <c r="W5761" i="6" l="1"/>
  <c r="B5793" i="2"/>
  <c r="N5794" i="2"/>
  <c r="W5762" i="6" l="1"/>
  <c r="B5794" i="2"/>
  <c r="N5795" i="2"/>
  <c r="W5763" i="6" l="1"/>
  <c r="B5795" i="2"/>
  <c r="N5796" i="2"/>
  <c r="W5764" i="6" l="1"/>
  <c r="B5796" i="2"/>
  <c r="N5797" i="2"/>
  <c r="W5765" i="6" l="1"/>
  <c r="B5797" i="2"/>
  <c r="N5798" i="2"/>
  <c r="W5766" i="6" l="1"/>
  <c r="B5798" i="2"/>
  <c r="N5799" i="2"/>
  <c r="W5767" i="6" l="1"/>
  <c r="B5799" i="2"/>
  <c r="N5800" i="2"/>
  <c r="W5768" i="6" l="1"/>
  <c r="B5800" i="2"/>
  <c r="N5801" i="2"/>
  <c r="W5769" i="6" l="1"/>
  <c r="B5801" i="2"/>
  <c r="N5802" i="2"/>
  <c r="W5770" i="6" l="1"/>
  <c r="B5802" i="2"/>
  <c r="N5803" i="2"/>
  <c r="W5771" i="6" l="1"/>
  <c r="B5803" i="2"/>
  <c r="N5804" i="2"/>
  <c r="W5772" i="6" l="1"/>
  <c r="B5804" i="2"/>
  <c r="N5805" i="2"/>
  <c r="W5773" i="6" l="1"/>
  <c r="B5805" i="2"/>
  <c r="N5806" i="2"/>
  <c r="W5774" i="6" l="1"/>
  <c r="B5806" i="2"/>
  <c r="N5807" i="2"/>
  <c r="W5775" i="6" l="1"/>
  <c r="B5807" i="2"/>
  <c r="N5808" i="2"/>
  <c r="W5776" i="6" l="1"/>
  <c r="B5808" i="2"/>
  <c r="N5809" i="2"/>
  <c r="W5777" i="6" l="1"/>
  <c r="B5809" i="2"/>
  <c r="N5810" i="2"/>
  <c r="W5778" i="6" l="1"/>
  <c r="B5810" i="2"/>
  <c r="N5811" i="2"/>
  <c r="W5779" i="6" l="1"/>
  <c r="B5811" i="2"/>
  <c r="N5812" i="2"/>
  <c r="W5780" i="6" l="1"/>
  <c r="B5812" i="2"/>
  <c r="N5813" i="2"/>
  <c r="W5781" i="6" l="1"/>
  <c r="B5813" i="2"/>
  <c r="N5814" i="2"/>
  <c r="W5782" i="6" l="1"/>
  <c r="B5814" i="2"/>
  <c r="N5815" i="2"/>
  <c r="W5783" i="6" l="1"/>
  <c r="B5815" i="2"/>
  <c r="N5816" i="2"/>
  <c r="W5784" i="6" l="1"/>
  <c r="B5816" i="2"/>
  <c r="N5817" i="2"/>
  <c r="W5785" i="6" l="1"/>
  <c r="B5817" i="2"/>
  <c r="N5818" i="2"/>
  <c r="W5786" i="6" l="1"/>
  <c r="B5818" i="2"/>
  <c r="N5819" i="2"/>
  <c r="W5787" i="6" l="1"/>
  <c r="B5819" i="2"/>
  <c r="N5820" i="2"/>
  <c r="W5788" i="6" l="1"/>
  <c r="B5820" i="2"/>
  <c r="N5821" i="2"/>
  <c r="W5789" i="6" l="1"/>
  <c r="B5821" i="2"/>
  <c r="N5822" i="2"/>
  <c r="W5790" i="6" l="1"/>
  <c r="B5822" i="2"/>
  <c r="N5823" i="2"/>
  <c r="W5791" i="6" l="1"/>
  <c r="B5823" i="2"/>
  <c r="N5824" i="2"/>
  <c r="W5792" i="6" l="1"/>
  <c r="B5824" i="2"/>
  <c r="N5825" i="2"/>
  <c r="W5793" i="6" l="1"/>
  <c r="B5825" i="2"/>
  <c r="N5826" i="2"/>
  <c r="W5794" i="6" l="1"/>
  <c r="B5826" i="2"/>
  <c r="N5827" i="2"/>
  <c r="W5795" i="6" l="1"/>
  <c r="B5827" i="2"/>
  <c r="N5828" i="2"/>
  <c r="W5796" i="6" l="1"/>
  <c r="B5828" i="2"/>
  <c r="N5829" i="2"/>
  <c r="W5797" i="6" l="1"/>
  <c r="B5829" i="2"/>
  <c r="N5830" i="2"/>
  <c r="W5798" i="6" l="1"/>
  <c r="B5830" i="2"/>
  <c r="N5831" i="2"/>
  <c r="W5799" i="6" l="1"/>
  <c r="B5831" i="2"/>
  <c r="N5832" i="2"/>
  <c r="W5800" i="6" l="1"/>
  <c r="B5832" i="2"/>
  <c r="N5833" i="2"/>
  <c r="W5801" i="6" l="1"/>
  <c r="B5833" i="2"/>
  <c r="N5834" i="2"/>
  <c r="W5802" i="6" l="1"/>
  <c r="B5834" i="2"/>
  <c r="N5835" i="2"/>
  <c r="W5803" i="6" l="1"/>
  <c r="B5835" i="2"/>
  <c r="N5836" i="2"/>
  <c r="W5804" i="6" l="1"/>
  <c r="B5836" i="2"/>
  <c r="N5837" i="2"/>
  <c r="W5805" i="6" l="1"/>
  <c r="B5837" i="2"/>
  <c r="N5838" i="2"/>
  <c r="W5806" i="6" l="1"/>
  <c r="B5838" i="2"/>
  <c r="N5839" i="2"/>
  <c r="W5807" i="6" l="1"/>
  <c r="B5839" i="2"/>
  <c r="N5840" i="2"/>
  <c r="W5808" i="6" l="1"/>
  <c r="B5840" i="2"/>
  <c r="N5841" i="2"/>
  <c r="W5809" i="6" l="1"/>
  <c r="B5841" i="2"/>
  <c r="N5842" i="2"/>
  <c r="W5810" i="6" l="1"/>
  <c r="B5842" i="2"/>
  <c r="N5843" i="2"/>
  <c r="W5811" i="6" l="1"/>
  <c r="B5843" i="2"/>
  <c r="N5844" i="2"/>
  <c r="W5812" i="6" l="1"/>
  <c r="B5844" i="2"/>
  <c r="N5845" i="2"/>
  <c r="W5813" i="6" l="1"/>
  <c r="B5845" i="2"/>
  <c r="N5846" i="2"/>
  <c r="W5814" i="6" l="1"/>
  <c r="B5846" i="2"/>
  <c r="N5847" i="2"/>
  <c r="W5815" i="6" l="1"/>
  <c r="B5847" i="2"/>
  <c r="N5848" i="2"/>
  <c r="W5816" i="6" l="1"/>
  <c r="B5848" i="2"/>
  <c r="N5849" i="2"/>
  <c r="W5817" i="6" l="1"/>
  <c r="B5849" i="2"/>
  <c r="N5850" i="2"/>
  <c r="W5818" i="6" l="1"/>
  <c r="B5850" i="2"/>
  <c r="N5851" i="2"/>
  <c r="W5819" i="6" l="1"/>
  <c r="B5851" i="2"/>
  <c r="N5852" i="2"/>
  <c r="W5820" i="6" l="1"/>
  <c r="B5852" i="2"/>
  <c r="N5853" i="2"/>
  <c r="W5821" i="6" l="1"/>
  <c r="B5853" i="2"/>
  <c r="N5854" i="2"/>
  <c r="W5822" i="6" l="1"/>
  <c r="B5854" i="2"/>
  <c r="N5855" i="2"/>
  <c r="W5823" i="6" l="1"/>
  <c r="B5855" i="2"/>
  <c r="N5856" i="2"/>
  <c r="W5824" i="6" l="1"/>
  <c r="B5856" i="2"/>
  <c r="N5857" i="2"/>
  <c r="W5825" i="6" l="1"/>
  <c r="B5857" i="2"/>
  <c r="N5858" i="2"/>
  <c r="W5826" i="6" l="1"/>
  <c r="B5858" i="2"/>
  <c r="N5859" i="2"/>
  <c r="W5827" i="6" l="1"/>
  <c r="B5859" i="2"/>
  <c r="N5860" i="2"/>
  <c r="W5828" i="6" l="1"/>
  <c r="B5860" i="2"/>
  <c r="N5861" i="2"/>
  <c r="W5829" i="6" l="1"/>
  <c r="B5861" i="2"/>
  <c r="N5862" i="2"/>
  <c r="W5830" i="6" l="1"/>
  <c r="B5862" i="2"/>
  <c r="N5863" i="2"/>
  <c r="W5831" i="6" l="1"/>
  <c r="B5863" i="2"/>
  <c r="N5864" i="2"/>
  <c r="W5832" i="6" l="1"/>
  <c r="B5864" i="2"/>
  <c r="N5865" i="2"/>
  <c r="W5833" i="6" l="1"/>
  <c r="B5865" i="2"/>
  <c r="N5866" i="2"/>
  <c r="W5834" i="6" l="1"/>
  <c r="B5866" i="2"/>
  <c r="N5867" i="2"/>
  <c r="W5835" i="6" l="1"/>
  <c r="B5867" i="2"/>
  <c r="N5868" i="2"/>
  <c r="W5836" i="6" l="1"/>
  <c r="B5868" i="2"/>
  <c r="N5869" i="2"/>
  <c r="W5837" i="6" l="1"/>
  <c r="B5869" i="2"/>
  <c r="N5870" i="2"/>
  <c r="W5838" i="6" l="1"/>
  <c r="B5870" i="2"/>
  <c r="N5871" i="2"/>
  <c r="W5839" i="6" l="1"/>
  <c r="B5871" i="2"/>
  <c r="N5872" i="2"/>
  <c r="W5840" i="6" l="1"/>
  <c r="B5872" i="2"/>
  <c r="N5873" i="2"/>
  <c r="W5841" i="6" l="1"/>
  <c r="B5873" i="2"/>
  <c r="N5874" i="2"/>
  <c r="W5842" i="6" l="1"/>
  <c r="B5874" i="2"/>
  <c r="N5875" i="2"/>
  <c r="W5843" i="6" l="1"/>
  <c r="B5875" i="2"/>
  <c r="N5876" i="2"/>
  <c r="W5844" i="6" l="1"/>
  <c r="B5876" i="2"/>
  <c r="N5877" i="2"/>
  <c r="W5845" i="6" l="1"/>
  <c r="B5877" i="2"/>
  <c r="N5878" i="2"/>
  <c r="W5846" i="6" l="1"/>
  <c r="B5878" i="2"/>
  <c r="N5879" i="2"/>
  <c r="W5847" i="6" l="1"/>
  <c r="B5879" i="2"/>
  <c r="N5880" i="2"/>
  <c r="W5848" i="6" l="1"/>
  <c r="B5880" i="2"/>
  <c r="N5881" i="2"/>
  <c r="W5849" i="6" l="1"/>
  <c r="B5881" i="2"/>
  <c r="N5882" i="2"/>
  <c r="W5850" i="6" l="1"/>
  <c r="B5882" i="2"/>
  <c r="N5883" i="2"/>
  <c r="W5851" i="6" l="1"/>
  <c r="B5883" i="2"/>
  <c r="N5884" i="2"/>
  <c r="W5852" i="6" l="1"/>
  <c r="B5884" i="2"/>
  <c r="N5885" i="2"/>
  <c r="W5853" i="6" l="1"/>
  <c r="B5885" i="2"/>
  <c r="N5886" i="2"/>
  <c r="W5854" i="6" l="1"/>
  <c r="B5886" i="2"/>
  <c r="N5887" i="2"/>
  <c r="W5855" i="6" l="1"/>
  <c r="B5887" i="2"/>
  <c r="N5888" i="2"/>
  <c r="W5856" i="6" l="1"/>
  <c r="B5888" i="2"/>
  <c r="N5889" i="2"/>
  <c r="W5857" i="6" l="1"/>
  <c r="B5889" i="2"/>
  <c r="N5890" i="2"/>
  <c r="W5858" i="6" l="1"/>
  <c r="B5890" i="2"/>
  <c r="N5891" i="2"/>
  <c r="W5859" i="6" l="1"/>
  <c r="B5891" i="2"/>
  <c r="N5892" i="2"/>
  <c r="W5860" i="6" l="1"/>
  <c r="B5892" i="2"/>
  <c r="N5893" i="2"/>
  <c r="W5861" i="6" l="1"/>
  <c r="B5893" i="2"/>
  <c r="N5894" i="2"/>
  <c r="W5862" i="6" l="1"/>
  <c r="B5894" i="2"/>
  <c r="N5895" i="2"/>
  <c r="W5863" i="6" l="1"/>
  <c r="B5895" i="2"/>
  <c r="N5896" i="2"/>
  <c r="W5864" i="6" l="1"/>
  <c r="B5896" i="2"/>
  <c r="N5897" i="2"/>
  <c r="W5865" i="6" l="1"/>
  <c r="B5897" i="2"/>
  <c r="N5898" i="2"/>
  <c r="W5866" i="6" l="1"/>
  <c r="B5898" i="2"/>
  <c r="N5899" i="2"/>
  <c r="W5867" i="6" l="1"/>
  <c r="B5899" i="2"/>
  <c r="N5900" i="2"/>
  <c r="W5868" i="6" l="1"/>
  <c r="B5900" i="2"/>
  <c r="N5901" i="2"/>
  <c r="W5869" i="6" l="1"/>
  <c r="B5901" i="2"/>
  <c r="N5902" i="2"/>
  <c r="W5870" i="6" l="1"/>
  <c r="B5902" i="2"/>
  <c r="N5903" i="2"/>
  <c r="W5871" i="6" l="1"/>
  <c r="B5903" i="2"/>
  <c r="N5904" i="2"/>
  <c r="W5872" i="6" l="1"/>
  <c r="B5904" i="2"/>
  <c r="N5905" i="2"/>
  <c r="W5873" i="6" l="1"/>
  <c r="B5905" i="2"/>
  <c r="N5906" i="2"/>
  <c r="W5874" i="6" l="1"/>
  <c r="B5906" i="2"/>
  <c r="N5907" i="2"/>
  <c r="W5875" i="6" l="1"/>
  <c r="B5907" i="2"/>
  <c r="N5908" i="2"/>
  <c r="W5876" i="6" l="1"/>
  <c r="B5908" i="2"/>
  <c r="N5909" i="2"/>
  <c r="W5877" i="6" l="1"/>
  <c r="B5909" i="2"/>
  <c r="N5910" i="2"/>
  <c r="W5878" i="6" l="1"/>
  <c r="B5910" i="2"/>
  <c r="N5911" i="2"/>
  <c r="W5879" i="6" l="1"/>
  <c r="B5911" i="2"/>
  <c r="N5912" i="2"/>
  <c r="W5880" i="6" l="1"/>
  <c r="B5912" i="2"/>
  <c r="N5913" i="2"/>
  <c r="W5881" i="6" l="1"/>
  <c r="B5913" i="2"/>
  <c r="N5914" i="2"/>
  <c r="W5882" i="6" l="1"/>
  <c r="B5914" i="2"/>
  <c r="N5915" i="2"/>
  <c r="W5883" i="6" l="1"/>
  <c r="B5915" i="2"/>
  <c r="N5916" i="2"/>
  <c r="W5884" i="6" l="1"/>
  <c r="B5916" i="2"/>
  <c r="N5917" i="2"/>
  <c r="W5885" i="6" l="1"/>
  <c r="B5917" i="2"/>
  <c r="N5918" i="2"/>
  <c r="W5886" i="6" l="1"/>
  <c r="B5918" i="2"/>
  <c r="N5919" i="2"/>
  <c r="W5887" i="6" l="1"/>
  <c r="B5919" i="2"/>
  <c r="N5920" i="2"/>
  <c r="W5888" i="6" l="1"/>
  <c r="B5920" i="2"/>
  <c r="N5921" i="2"/>
  <c r="W5889" i="6" l="1"/>
  <c r="B5921" i="2"/>
  <c r="N5922" i="2"/>
  <c r="W5890" i="6" l="1"/>
  <c r="B5922" i="2"/>
  <c r="N5923" i="2"/>
  <c r="W5891" i="6" l="1"/>
  <c r="B5923" i="2"/>
  <c r="N5924" i="2"/>
  <c r="W5892" i="6" l="1"/>
  <c r="B5924" i="2"/>
  <c r="N5925" i="2"/>
  <c r="W5893" i="6" l="1"/>
  <c r="B5925" i="2"/>
  <c r="N5926" i="2"/>
  <c r="W5894" i="6" l="1"/>
  <c r="B5926" i="2"/>
  <c r="N5927" i="2"/>
  <c r="W5895" i="6" l="1"/>
  <c r="B5927" i="2"/>
  <c r="N5928" i="2"/>
  <c r="W5896" i="6" l="1"/>
  <c r="B5928" i="2"/>
  <c r="N5929" i="2"/>
  <c r="W5897" i="6" l="1"/>
  <c r="B5929" i="2"/>
  <c r="N5930" i="2"/>
  <c r="W5898" i="6" l="1"/>
  <c r="B5930" i="2"/>
  <c r="N5931" i="2"/>
  <c r="W5899" i="6" l="1"/>
  <c r="B5931" i="2"/>
  <c r="N5932" i="2"/>
  <c r="W5900" i="6" l="1"/>
  <c r="B5932" i="2"/>
  <c r="N5933" i="2"/>
  <c r="W5901" i="6" l="1"/>
  <c r="B5933" i="2"/>
  <c r="N5934" i="2"/>
  <c r="W5902" i="6" l="1"/>
  <c r="B5934" i="2"/>
  <c r="N5935" i="2"/>
  <c r="W5903" i="6" l="1"/>
  <c r="B5935" i="2"/>
  <c r="N5936" i="2"/>
  <c r="W5904" i="6" l="1"/>
  <c r="B5936" i="2"/>
  <c r="N5937" i="2"/>
  <c r="W5905" i="6" l="1"/>
  <c r="B5937" i="2"/>
  <c r="N5938" i="2"/>
  <c r="W5906" i="6" l="1"/>
  <c r="B5938" i="2"/>
  <c r="N5939" i="2"/>
  <c r="W5907" i="6" l="1"/>
  <c r="B5939" i="2"/>
  <c r="N5940" i="2"/>
  <c r="W5908" i="6" l="1"/>
  <c r="B5940" i="2"/>
  <c r="N5941" i="2"/>
  <c r="W5909" i="6" l="1"/>
  <c r="B5941" i="2"/>
  <c r="N5942" i="2"/>
  <c r="W5910" i="6" l="1"/>
  <c r="B5942" i="2"/>
  <c r="N5943" i="2"/>
  <c r="W5911" i="6" l="1"/>
  <c r="B5943" i="2"/>
  <c r="N5944" i="2"/>
  <c r="W5912" i="6" l="1"/>
  <c r="B5944" i="2"/>
  <c r="N5945" i="2"/>
  <c r="W5913" i="6" l="1"/>
  <c r="B5945" i="2"/>
  <c r="N5946" i="2"/>
  <c r="W5914" i="6" l="1"/>
  <c r="B5946" i="2"/>
  <c r="N5947" i="2"/>
  <c r="W5915" i="6" l="1"/>
  <c r="B5947" i="2"/>
  <c r="N5948" i="2"/>
  <c r="W5916" i="6" l="1"/>
  <c r="B5948" i="2"/>
  <c r="N5949" i="2"/>
  <c r="W5917" i="6" l="1"/>
  <c r="B5949" i="2"/>
  <c r="N5950" i="2"/>
  <c r="W5918" i="6" l="1"/>
  <c r="B5950" i="2"/>
  <c r="N5951" i="2"/>
  <c r="W5919" i="6" l="1"/>
  <c r="B5951" i="2"/>
  <c r="N5952" i="2"/>
  <c r="W5920" i="6" l="1"/>
  <c r="B5952" i="2"/>
  <c r="N5953" i="2"/>
  <c r="W5921" i="6" l="1"/>
  <c r="B5953" i="2"/>
  <c r="N5954" i="2"/>
  <c r="W5922" i="6" l="1"/>
  <c r="B5954" i="2"/>
  <c r="N5955" i="2"/>
  <c r="W5923" i="6" l="1"/>
  <c r="B5955" i="2"/>
  <c r="N5956" i="2"/>
  <c r="W5924" i="6" l="1"/>
  <c r="B5956" i="2"/>
  <c r="N5957" i="2"/>
  <c r="W5925" i="6" l="1"/>
  <c r="B5957" i="2"/>
  <c r="N5958" i="2"/>
  <c r="W5926" i="6" l="1"/>
  <c r="B5958" i="2"/>
  <c r="N5959" i="2"/>
  <c r="W5927" i="6" l="1"/>
  <c r="B5959" i="2"/>
  <c r="N5960" i="2"/>
  <c r="W5928" i="6" l="1"/>
  <c r="B5960" i="2"/>
  <c r="N5961" i="2"/>
  <c r="W5929" i="6" l="1"/>
  <c r="B5961" i="2"/>
  <c r="N5962" i="2"/>
  <c r="W5930" i="6" l="1"/>
  <c r="B5962" i="2"/>
  <c r="N5963" i="2"/>
  <c r="W5931" i="6" l="1"/>
  <c r="B5963" i="2"/>
  <c r="N5964" i="2"/>
  <c r="W5932" i="6" l="1"/>
  <c r="B5964" i="2"/>
  <c r="N5965" i="2"/>
  <c r="W5933" i="6" l="1"/>
  <c r="B5965" i="2"/>
  <c r="N5966" i="2"/>
  <c r="W5934" i="6" l="1"/>
  <c r="B5966" i="2"/>
  <c r="N5967" i="2"/>
  <c r="W5935" i="6" l="1"/>
  <c r="B5967" i="2"/>
  <c r="N5968" i="2"/>
  <c r="W5936" i="6" l="1"/>
  <c r="B5968" i="2"/>
  <c r="N5969" i="2"/>
  <c r="W5937" i="6" l="1"/>
  <c r="B5969" i="2"/>
  <c r="N5970" i="2"/>
  <c r="W5938" i="6" l="1"/>
  <c r="B5970" i="2"/>
  <c r="N5971" i="2"/>
  <c r="W5939" i="6" l="1"/>
  <c r="B5971" i="2"/>
  <c r="N5972" i="2"/>
  <c r="W5940" i="6" l="1"/>
  <c r="B5972" i="2"/>
  <c r="N5973" i="2"/>
  <c r="W5941" i="6" l="1"/>
  <c r="B5973" i="2"/>
  <c r="N5974" i="2"/>
  <c r="W5942" i="6" l="1"/>
  <c r="B5974" i="2"/>
  <c r="N5975" i="2"/>
  <c r="W5943" i="6" l="1"/>
  <c r="B5975" i="2"/>
  <c r="N5976" i="2"/>
  <c r="W5944" i="6" l="1"/>
  <c r="B5976" i="2"/>
  <c r="N5977" i="2"/>
  <c r="W5945" i="6" l="1"/>
  <c r="B5977" i="2"/>
  <c r="N5978" i="2"/>
  <c r="W5946" i="6" l="1"/>
  <c r="B5978" i="2"/>
  <c r="N5979" i="2"/>
  <c r="W5947" i="6" l="1"/>
  <c r="B5979" i="2"/>
  <c r="N5980" i="2"/>
  <c r="W5948" i="6" l="1"/>
  <c r="B5980" i="2"/>
  <c r="N5981" i="2"/>
  <c r="W5949" i="6" l="1"/>
  <c r="B5981" i="2"/>
  <c r="N5982" i="2"/>
  <c r="W5950" i="6" l="1"/>
  <c r="B5982" i="2"/>
  <c r="N5983" i="2"/>
  <c r="W5951" i="6" l="1"/>
  <c r="B5983" i="2"/>
  <c r="N5984" i="2"/>
  <c r="W5952" i="6" l="1"/>
  <c r="B5984" i="2"/>
  <c r="N5985" i="2"/>
  <c r="W5953" i="6" l="1"/>
  <c r="B5985" i="2"/>
  <c r="N5986" i="2"/>
  <c r="W5954" i="6" l="1"/>
  <c r="B5986" i="2"/>
  <c r="N5987" i="2"/>
  <c r="W5955" i="6" l="1"/>
  <c r="B5987" i="2"/>
  <c r="N5988" i="2"/>
  <c r="W5956" i="6" l="1"/>
  <c r="B5988" i="2"/>
  <c r="N5989" i="2"/>
  <c r="W5957" i="6" l="1"/>
  <c r="B5989" i="2"/>
  <c r="N5990" i="2"/>
  <c r="W5958" i="6" l="1"/>
  <c r="B5990" i="2"/>
  <c r="N5991" i="2"/>
  <c r="W5959" i="6" l="1"/>
  <c r="B5991" i="2"/>
  <c r="N5992" i="2"/>
  <c r="W5960" i="6" l="1"/>
  <c r="B5992" i="2"/>
  <c r="N5993" i="2"/>
  <c r="W5961" i="6" l="1"/>
  <c r="B5993" i="2"/>
  <c r="N5994" i="2"/>
  <c r="W5962" i="6" l="1"/>
  <c r="B5994" i="2"/>
  <c r="N5995" i="2"/>
  <c r="W5963" i="6" l="1"/>
  <c r="B5995" i="2"/>
  <c r="N5996" i="2"/>
  <c r="W5964" i="6" l="1"/>
  <c r="B5996" i="2"/>
  <c r="N5997" i="2"/>
  <c r="W5965" i="6" l="1"/>
  <c r="B5997" i="2"/>
  <c r="N5998" i="2"/>
  <c r="W5966" i="6" l="1"/>
  <c r="B5998" i="2"/>
  <c r="N5999" i="2"/>
  <c r="W5967" i="6" l="1"/>
  <c r="B5999" i="2"/>
  <c r="N6000" i="2"/>
  <c r="W5968" i="6" l="1"/>
  <c r="B6000" i="2"/>
  <c r="N6001" i="2"/>
  <c r="W5969" i="6" l="1"/>
  <c r="B6001" i="2"/>
  <c r="N6002" i="2"/>
  <c r="W5970" i="6" l="1"/>
  <c r="B6002" i="2"/>
  <c r="N6003" i="2"/>
  <c r="W5971" i="6" l="1"/>
  <c r="B6003" i="2"/>
  <c r="N6004" i="2"/>
  <c r="W5972" i="6" l="1"/>
  <c r="B6004" i="2"/>
  <c r="N6005" i="2"/>
  <c r="W5973" i="6" l="1"/>
  <c r="B6005" i="2"/>
  <c r="N6006" i="2"/>
  <c r="W5974" i="6" l="1"/>
  <c r="B6006" i="2"/>
  <c r="N6007" i="2"/>
  <c r="W5975" i="6" l="1"/>
  <c r="B6007" i="2"/>
  <c r="N6008" i="2"/>
  <c r="W5976" i="6" l="1"/>
  <c r="B6008" i="2"/>
  <c r="N6009" i="2"/>
  <c r="W5977" i="6" l="1"/>
  <c r="B6009" i="2"/>
  <c r="N6010" i="2"/>
  <c r="W5978" i="6" l="1"/>
  <c r="B6010" i="2"/>
  <c r="N6011" i="2"/>
  <c r="W5979" i="6" l="1"/>
  <c r="B6011" i="2"/>
  <c r="N6012" i="2"/>
  <c r="W5980" i="6" l="1"/>
  <c r="B6012" i="2"/>
  <c r="N6013" i="2"/>
  <c r="W5981" i="6" l="1"/>
  <c r="B6013" i="2"/>
  <c r="N6014" i="2"/>
  <c r="W5982" i="6" l="1"/>
  <c r="B6014" i="2"/>
  <c r="N6015" i="2"/>
  <c r="W5983" i="6" l="1"/>
  <c r="B6015" i="2"/>
  <c r="N6016" i="2"/>
  <c r="W5984" i="6" l="1"/>
  <c r="B6016" i="2"/>
  <c r="N6017" i="2"/>
  <c r="W5985" i="6" l="1"/>
  <c r="B6017" i="2"/>
  <c r="N6018" i="2"/>
  <c r="W5986" i="6" l="1"/>
  <c r="B6018" i="2"/>
  <c r="N6019" i="2"/>
  <c r="W5987" i="6" l="1"/>
  <c r="B6019" i="2"/>
  <c r="N6020" i="2"/>
  <c r="W5988" i="6" l="1"/>
  <c r="B6020" i="2"/>
  <c r="N6021" i="2"/>
  <c r="W5989" i="6" l="1"/>
  <c r="B6021" i="2"/>
  <c r="N6022" i="2"/>
  <c r="W5990" i="6" l="1"/>
  <c r="B6022" i="2"/>
  <c r="N6023" i="2"/>
  <c r="W5991" i="6" l="1"/>
  <c r="B6023" i="2"/>
  <c r="N6024" i="2"/>
  <c r="W5992" i="6" l="1"/>
  <c r="B6024" i="2"/>
  <c r="N6025" i="2"/>
  <c r="W5993" i="6" l="1"/>
  <c r="B6025" i="2"/>
  <c r="N6026" i="2"/>
  <c r="W5994" i="6" l="1"/>
  <c r="B6026" i="2"/>
  <c r="N6027" i="2"/>
  <c r="W5995" i="6" l="1"/>
  <c r="B6027" i="2"/>
  <c r="N6028" i="2"/>
  <c r="W5996" i="6" l="1"/>
  <c r="B6028" i="2"/>
  <c r="N6029" i="2"/>
  <c r="W5997" i="6" l="1"/>
  <c r="B6029" i="2"/>
  <c r="N6030" i="2"/>
  <c r="W5998" i="6" l="1"/>
  <c r="B6030" i="2"/>
  <c r="N6031" i="2"/>
  <c r="W5999" i="6" l="1"/>
  <c r="B6031" i="2"/>
  <c r="N6032" i="2"/>
  <c r="W6000" i="6" l="1"/>
  <c r="B6032" i="2"/>
  <c r="N6033" i="2"/>
  <c r="W6001" i="6" l="1"/>
  <c r="B6033" i="2"/>
  <c r="N6034" i="2"/>
  <c r="W6002" i="6" l="1"/>
  <c r="B6034" i="2"/>
  <c r="N6035" i="2"/>
  <c r="W6003" i="6" l="1"/>
  <c r="B6035" i="2"/>
  <c r="N6036" i="2"/>
  <c r="W6004" i="6" l="1"/>
  <c r="B6036" i="2"/>
  <c r="N6037" i="2"/>
  <c r="W6005" i="6" l="1"/>
  <c r="B6037" i="2"/>
  <c r="N6038" i="2"/>
  <c r="W6006" i="6" l="1"/>
  <c r="B6038" i="2"/>
  <c r="N6039" i="2"/>
  <c r="W6007" i="6" l="1"/>
  <c r="B6039" i="2"/>
  <c r="N6040" i="2"/>
  <c r="W6008" i="6" l="1"/>
  <c r="B6040" i="2"/>
  <c r="N6041" i="2"/>
  <c r="W6009" i="6" l="1"/>
  <c r="B6041" i="2"/>
  <c r="N6042" i="2"/>
  <c r="W6010" i="6" l="1"/>
  <c r="B6042" i="2"/>
  <c r="N6043" i="2"/>
  <c r="W6011" i="6" l="1"/>
  <c r="B6043" i="2"/>
  <c r="N6044" i="2"/>
  <c r="W6012" i="6" l="1"/>
  <c r="B6044" i="2"/>
  <c r="N6045" i="2"/>
  <c r="W6013" i="6" l="1"/>
  <c r="B6045" i="2"/>
  <c r="N6046" i="2"/>
  <c r="W6014" i="6" l="1"/>
  <c r="B6046" i="2"/>
  <c r="N6047" i="2"/>
  <c r="W6015" i="6" l="1"/>
  <c r="B6047" i="2"/>
  <c r="N6048" i="2"/>
  <c r="W6016" i="6" l="1"/>
  <c r="B6048" i="2"/>
  <c r="N6049" i="2"/>
  <c r="W6017" i="6" l="1"/>
  <c r="B6049" i="2"/>
  <c r="N6050" i="2"/>
  <c r="W6018" i="6" l="1"/>
  <c r="B6050" i="2"/>
  <c r="N6051" i="2"/>
  <c r="W6019" i="6" l="1"/>
  <c r="B6051" i="2"/>
  <c r="N6052" i="2"/>
  <c r="W6020" i="6" l="1"/>
  <c r="B6052" i="2"/>
  <c r="N6053" i="2"/>
  <c r="W6021" i="6" l="1"/>
  <c r="B6053" i="2"/>
  <c r="N6054" i="2"/>
  <c r="W6022" i="6" l="1"/>
  <c r="B6054" i="2"/>
  <c r="N6055" i="2"/>
  <c r="W6023" i="6" l="1"/>
  <c r="B6055" i="2"/>
  <c r="N6056" i="2"/>
  <c r="W6024" i="6" l="1"/>
  <c r="B6056" i="2"/>
  <c r="N6057" i="2"/>
  <c r="W6025" i="6" l="1"/>
  <c r="B6057" i="2"/>
  <c r="N6058" i="2"/>
  <c r="W6026" i="6" l="1"/>
  <c r="B6058" i="2"/>
  <c r="N6059" i="2"/>
  <c r="W6027" i="6" l="1"/>
  <c r="B6059" i="2"/>
  <c r="N6060" i="2"/>
  <c r="W6028" i="6" l="1"/>
  <c r="B6060" i="2"/>
  <c r="N6061" i="2"/>
  <c r="W6029" i="6" l="1"/>
  <c r="B6061" i="2"/>
  <c r="N6062" i="2"/>
  <c r="W6030" i="6" l="1"/>
  <c r="B6062" i="2"/>
  <c r="N6063" i="2"/>
  <c r="W6031" i="6" l="1"/>
  <c r="B6063" i="2"/>
  <c r="N6064" i="2"/>
  <c r="W6032" i="6" l="1"/>
  <c r="B6064" i="2"/>
  <c r="N6065" i="2"/>
  <c r="W6033" i="6" l="1"/>
  <c r="B6065" i="2"/>
  <c r="N6066" i="2"/>
  <c r="W6034" i="6" l="1"/>
  <c r="B6066" i="2"/>
  <c r="N6067" i="2"/>
  <c r="W6035" i="6" l="1"/>
  <c r="B6067" i="2"/>
  <c r="N6068" i="2"/>
  <c r="W6036" i="6" l="1"/>
  <c r="B6068" i="2"/>
  <c r="N6069" i="2"/>
  <c r="W6037" i="6" l="1"/>
  <c r="B6069" i="2"/>
  <c r="N6070" i="2"/>
  <c r="W6038" i="6" l="1"/>
  <c r="B6070" i="2"/>
  <c r="N6071" i="2"/>
  <c r="W6039" i="6" l="1"/>
  <c r="B6071" i="2"/>
  <c r="N6072" i="2"/>
  <c r="W6040" i="6" l="1"/>
  <c r="B6072" i="2"/>
  <c r="N6073" i="2"/>
  <c r="W6041" i="6" l="1"/>
  <c r="B6073" i="2"/>
  <c r="N6074" i="2"/>
  <c r="W6042" i="6" l="1"/>
  <c r="B6074" i="2"/>
  <c r="N6075" i="2"/>
  <c r="W6043" i="6" l="1"/>
  <c r="B6075" i="2"/>
  <c r="N6076" i="2"/>
  <c r="W6044" i="6" l="1"/>
  <c r="B6076" i="2"/>
  <c r="N6077" i="2"/>
  <c r="W6045" i="6" l="1"/>
  <c r="B6077" i="2"/>
  <c r="N6078" i="2"/>
  <c r="W6046" i="6" l="1"/>
  <c r="B6078" i="2"/>
  <c r="N6079" i="2"/>
  <c r="W6047" i="6" l="1"/>
  <c r="B6079" i="2"/>
  <c r="N6080" i="2"/>
  <c r="W6048" i="6" l="1"/>
  <c r="B6080" i="2"/>
  <c r="N6081" i="2"/>
  <c r="W6049" i="6" l="1"/>
  <c r="B6081" i="2"/>
  <c r="N6082" i="2"/>
  <c r="W6050" i="6" l="1"/>
  <c r="B6082" i="2"/>
  <c r="N6083" i="2"/>
  <c r="W6051" i="6" l="1"/>
  <c r="B6083" i="2"/>
  <c r="N6084" i="2"/>
  <c r="W6052" i="6" l="1"/>
  <c r="B6084" i="2"/>
  <c r="N6085" i="2"/>
  <c r="W6053" i="6" l="1"/>
  <c r="B6085" i="2"/>
  <c r="N6086" i="2"/>
  <c r="W6054" i="6" l="1"/>
  <c r="B6086" i="2"/>
  <c r="N6087" i="2"/>
  <c r="W6055" i="6" l="1"/>
  <c r="B6087" i="2"/>
  <c r="N6088" i="2"/>
  <c r="W6056" i="6" l="1"/>
  <c r="B6088" i="2"/>
  <c r="N6089" i="2"/>
  <c r="W6057" i="6" l="1"/>
  <c r="B6089" i="2"/>
  <c r="N6090" i="2"/>
  <c r="W6058" i="6" l="1"/>
  <c r="B6090" i="2"/>
  <c r="N6091" i="2"/>
  <c r="W6059" i="6" l="1"/>
  <c r="B6091" i="2"/>
  <c r="N6092" i="2"/>
  <c r="W6060" i="6" l="1"/>
  <c r="B6092" i="2"/>
  <c r="N6093" i="2"/>
  <c r="W6061" i="6" l="1"/>
  <c r="B6093" i="2"/>
  <c r="N6094" i="2"/>
  <c r="W6062" i="6" l="1"/>
  <c r="B6094" i="2"/>
  <c r="N6095" i="2"/>
  <c r="W6063" i="6" l="1"/>
  <c r="B6095" i="2"/>
  <c r="N6096" i="2"/>
  <c r="W6064" i="6" l="1"/>
  <c r="B6096" i="2"/>
  <c r="N6097" i="2"/>
  <c r="W6065" i="6" l="1"/>
  <c r="B6097" i="2"/>
  <c r="N6098" i="2"/>
  <c r="W6066" i="6" l="1"/>
  <c r="B6098" i="2"/>
  <c r="N6099" i="2"/>
  <c r="W6067" i="6" l="1"/>
  <c r="B6099" i="2"/>
  <c r="N6100" i="2"/>
  <c r="W6068" i="6" l="1"/>
  <c r="B6100" i="2"/>
  <c r="N6101" i="2"/>
  <c r="W6069" i="6" l="1"/>
  <c r="B6101" i="2"/>
  <c r="N6102" i="2"/>
  <c r="W6070" i="6" l="1"/>
  <c r="B6102" i="2"/>
  <c r="N6103" i="2"/>
  <c r="W6071" i="6" l="1"/>
  <c r="B6103" i="2"/>
  <c r="N6104" i="2"/>
  <c r="W6072" i="6" l="1"/>
  <c r="B6104" i="2"/>
  <c r="N6105" i="2"/>
  <c r="W6073" i="6" l="1"/>
  <c r="B6105" i="2"/>
  <c r="N6106" i="2"/>
  <c r="W6074" i="6" l="1"/>
  <c r="B6106" i="2"/>
  <c r="N6107" i="2"/>
  <c r="W6075" i="6" l="1"/>
  <c r="B6107" i="2"/>
  <c r="N6108" i="2"/>
  <c r="W6076" i="6" l="1"/>
  <c r="B6108" i="2"/>
  <c r="N6109" i="2"/>
  <c r="W6077" i="6" l="1"/>
  <c r="B6109" i="2"/>
  <c r="N6110" i="2"/>
  <c r="W6078" i="6" l="1"/>
  <c r="B6110" i="2"/>
  <c r="N6111" i="2"/>
  <c r="W6079" i="6" l="1"/>
  <c r="B6111" i="2"/>
  <c r="N6112" i="2"/>
  <c r="W6080" i="6" l="1"/>
  <c r="B6112" i="2"/>
  <c r="N6113" i="2"/>
  <c r="W6081" i="6" l="1"/>
  <c r="B6113" i="2"/>
  <c r="N6114" i="2"/>
  <c r="W6082" i="6" l="1"/>
  <c r="B6114" i="2"/>
  <c r="N6115" i="2"/>
  <c r="W6083" i="6" l="1"/>
  <c r="B6115" i="2"/>
  <c r="N6116" i="2"/>
  <c r="W6084" i="6" l="1"/>
  <c r="B6116" i="2"/>
  <c r="N6117" i="2"/>
  <c r="W6085" i="6" l="1"/>
  <c r="B6117" i="2"/>
  <c r="N6118" i="2"/>
  <c r="W6086" i="6" l="1"/>
  <c r="B6118" i="2"/>
  <c r="N6119" i="2"/>
  <c r="W6087" i="6" l="1"/>
  <c r="B6119" i="2"/>
  <c r="N6120" i="2"/>
  <c r="W6088" i="6" l="1"/>
  <c r="B6120" i="2"/>
  <c r="N6121" i="2"/>
  <c r="W6089" i="6" l="1"/>
  <c r="B6121" i="2"/>
  <c r="N6122" i="2"/>
  <c r="W6090" i="6" l="1"/>
  <c r="B6122" i="2"/>
  <c r="N6123" i="2"/>
  <c r="W6091" i="6" l="1"/>
  <c r="B6123" i="2"/>
  <c r="N6124" i="2"/>
  <c r="W6092" i="6" l="1"/>
  <c r="B6124" i="2"/>
  <c r="N6125" i="2"/>
  <c r="W6093" i="6" l="1"/>
  <c r="B6125" i="2"/>
  <c r="N6126" i="2"/>
  <c r="W6094" i="6" l="1"/>
  <c r="B6126" i="2"/>
  <c r="N6127" i="2"/>
  <c r="W6095" i="6" l="1"/>
  <c r="B6127" i="2"/>
  <c r="N6128" i="2"/>
  <c r="W6096" i="6" l="1"/>
  <c r="B6128" i="2"/>
  <c r="N6129" i="2"/>
  <c r="W6097" i="6" l="1"/>
  <c r="B6129" i="2"/>
  <c r="N6130" i="2"/>
  <c r="W6098" i="6" l="1"/>
  <c r="B6130" i="2"/>
  <c r="N6131" i="2"/>
  <c r="W6099" i="6" l="1"/>
  <c r="B6131" i="2"/>
  <c r="N6132" i="2"/>
  <c r="W6100" i="6" l="1"/>
  <c r="B6132" i="2"/>
  <c r="N6133" i="2"/>
  <c r="W6101" i="6" l="1"/>
  <c r="B6133" i="2"/>
  <c r="N6134" i="2"/>
  <c r="W6102" i="6" l="1"/>
  <c r="B6134" i="2"/>
  <c r="N6135" i="2"/>
  <c r="W6103" i="6" l="1"/>
  <c r="B6135" i="2"/>
  <c r="N6136" i="2"/>
  <c r="W6104" i="6" l="1"/>
  <c r="B6136" i="2"/>
  <c r="N6137" i="2"/>
  <c r="W6105" i="6" l="1"/>
  <c r="B6137" i="2"/>
  <c r="N6138" i="2"/>
  <c r="W6106" i="6" l="1"/>
  <c r="B6138" i="2"/>
  <c r="N6139" i="2"/>
  <c r="W6107" i="6" l="1"/>
  <c r="B6139" i="2"/>
  <c r="N6140" i="2"/>
  <c r="W6108" i="6" l="1"/>
  <c r="B6140" i="2"/>
  <c r="N6141" i="2"/>
  <c r="W6109" i="6" l="1"/>
  <c r="B6141" i="2"/>
  <c r="N6142" i="2"/>
  <c r="W6110" i="6" l="1"/>
  <c r="B6142" i="2"/>
  <c r="N6143" i="2"/>
  <c r="W6111" i="6" l="1"/>
  <c r="B6143" i="2"/>
  <c r="N6144" i="2"/>
  <c r="W6112" i="6" l="1"/>
  <c r="B6144" i="2"/>
  <c r="N6145" i="2"/>
  <c r="W6113" i="6" l="1"/>
  <c r="B6145" i="2"/>
  <c r="N6146" i="2"/>
  <c r="W6114" i="6" l="1"/>
  <c r="B6146" i="2"/>
  <c r="N6147" i="2"/>
  <c r="W6115" i="6" l="1"/>
  <c r="B6147" i="2"/>
  <c r="N6148" i="2"/>
  <c r="W6116" i="6" l="1"/>
  <c r="B6148" i="2"/>
  <c r="N6149" i="2"/>
  <c r="W6117" i="6" l="1"/>
  <c r="B6149" i="2"/>
  <c r="N6150" i="2"/>
  <c r="W6118" i="6" l="1"/>
  <c r="B6150" i="2"/>
  <c r="N6151" i="2"/>
  <c r="W6119" i="6" l="1"/>
  <c r="B6151" i="2"/>
  <c r="N6152" i="2"/>
  <c r="W6120" i="6" l="1"/>
  <c r="B6152" i="2"/>
  <c r="N6153" i="2"/>
  <c r="W6121" i="6" l="1"/>
  <c r="B6153" i="2"/>
  <c r="N6154" i="2"/>
  <c r="W6122" i="6" l="1"/>
  <c r="B6154" i="2"/>
  <c r="N6155" i="2"/>
  <c r="W6123" i="6" l="1"/>
  <c r="B6155" i="2"/>
  <c r="N6156" i="2"/>
  <c r="W6124" i="6" l="1"/>
  <c r="B6156" i="2"/>
  <c r="N6157" i="2"/>
  <c r="W6125" i="6" l="1"/>
  <c r="B6157" i="2"/>
  <c r="N6158" i="2"/>
  <c r="W6126" i="6" l="1"/>
  <c r="B6158" i="2"/>
  <c r="N6159" i="2"/>
  <c r="W6127" i="6" l="1"/>
  <c r="B6159" i="2"/>
  <c r="N6160" i="2"/>
  <c r="W6128" i="6" l="1"/>
  <c r="B6160" i="2"/>
  <c r="N6161" i="2"/>
  <c r="W6129" i="6" l="1"/>
  <c r="B6161" i="2"/>
  <c r="N6162" i="2"/>
  <c r="W6130" i="6" l="1"/>
  <c r="B6162" i="2"/>
  <c r="N6163" i="2"/>
  <c r="W6131" i="6" l="1"/>
  <c r="B6163" i="2"/>
  <c r="N6164" i="2"/>
  <c r="W6132" i="6" l="1"/>
  <c r="B6164" i="2"/>
  <c r="N6165" i="2"/>
  <c r="W6133" i="6" l="1"/>
  <c r="B6165" i="2"/>
  <c r="N6166" i="2"/>
  <c r="W6134" i="6" l="1"/>
  <c r="B6166" i="2"/>
  <c r="N6167" i="2"/>
  <c r="W6135" i="6" l="1"/>
  <c r="B6167" i="2"/>
  <c r="N6168" i="2"/>
  <c r="W6136" i="6" l="1"/>
  <c r="B6168" i="2"/>
  <c r="N6169" i="2"/>
  <c r="W6137" i="6" l="1"/>
  <c r="B6169" i="2"/>
  <c r="N6170" i="2"/>
  <c r="W6138" i="6" l="1"/>
  <c r="B6170" i="2"/>
  <c r="N6171" i="2"/>
  <c r="W6139" i="6" l="1"/>
  <c r="B6171" i="2"/>
  <c r="N6172" i="2"/>
  <c r="W6140" i="6" l="1"/>
  <c r="B6172" i="2"/>
  <c r="N6173" i="2"/>
  <c r="W6141" i="6" l="1"/>
  <c r="B6173" i="2"/>
  <c r="N6174" i="2"/>
  <c r="W6142" i="6" l="1"/>
  <c r="B6174" i="2"/>
  <c r="N6175" i="2"/>
  <c r="W6143" i="6" l="1"/>
  <c r="B6175" i="2"/>
  <c r="N6176" i="2"/>
  <c r="W6144" i="6" l="1"/>
  <c r="B6176" i="2"/>
  <c r="N6177" i="2"/>
  <c r="W6145" i="6" l="1"/>
  <c r="B6177" i="2"/>
  <c r="N6178" i="2"/>
  <c r="W6146" i="6" l="1"/>
  <c r="B6178" i="2"/>
  <c r="N6179" i="2"/>
  <c r="W6147" i="6" l="1"/>
  <c r="B6179" i="2"/>
  <c r="N6180" i="2"/>
  <c r="W6148" i="6" l="1"/>
  <c r="B6180" i="2"/>
  <c r="N6181" i="2"/>
  <c r="W6149" i="6" l="1"/>
  <c r="B6181" i="2"/>
  <c r="N6182" i="2"/>
  <c r="W6150" i="6" l="1"/>
  <c r="B6182" i="2"/>
  <c r="N6183" i="2"/>
  <c r="W6151" i="6" l="1"/>
  <c r="B6183" i="2"/>
  <c r="N6184" i="2"/>
  <c r="W6152" i="6" l="1"/>
  <c r="B6184" i="2"/>
  <c r="N6185" i="2"/>
  <c r="W6153" i="6" l="1"/>
  <c r="B6185" i="2"/>
  <c r="N6186" i="2"/>
  <c r="W6154" i="6" l="1"/>
  <c r="B6186" i="2"/>
  <c r="N6187" i="2"/>
  <c r="W6155" i="6" l="1"/>
  <c r="B6187" i="2"/>
  <c r="N6188" i="2"/>
  <c r="W6156" i="6" l="1"/>
  <c r="B6188" i="2"/>
  <c r="N6189" i="2"/>
  <c r="W6157" i="6" l="1"/>
  <c r="B6189" i="2"/>
  <c r="N6190" i="2"/>
  <c r="W6158" i="6" l="1"/>
  <c r="B6190" i="2"/>
  <c r="N6191" i="2"/>
  <c r="W6159" i="6" l="1"/>
  <c r="B6191" i="2"/>
  <c r="N6192" i="2"/>
  <c r="W6160" i="6" l="1"/>
  <c r="B6192" i="2"/>
  <c r="N6193" i="2"/>
  <c r="W6161" i="6" l="1"/>
  <c r="B6193" i="2"/>
  <c r="N6194" i="2"/>
  <c r="W6162" i="6" l="1"/>
  <c r="B6194" i="2"/>
  <c r="N6195" i="2"/>
  <c r="W6163" i="6" l="1"/>
  <c r="B6195" i="2"/>
  <c r="N6196" i="2"/>
  <c r="W6164" i="6" l="1"/>
  <c r="B6196" i="2"/>
  <c r="N6197" i="2"/>
  <c r="W6165" i="6" l="1"/>
  <c r="B6197" i="2"/>
  <c r="N6198" i="2"/>
  <c r="W6166" i="6" l="1"/>
  <c r="B6198" i="2"/>
  <c r="N6199" i="2"/>
  <c r="W6167" i="6" l="1"/>
  <c r="B6199" i="2"/>
  <c r="N6200" i="2"/>
  <c r="W6168" i="6" l="1"/>
  <c r="B6200" i="2"/>
  <c r="N6201" i="2"/>
  <c r="W6169" i="6" l="1"/>
  <c r="B6201" i="2"/>
  <c r="N6202" i="2"/>
  <c r="W6170" i="6" l="1"/>
  <c r="B6202" i="2"/>
  <c r="N6203" i="2"/>
  <c r="W6171" i="6" l="1"/>
  <c r="B6203" i="2"/>
  <c r="N6204" i="2"/>
  <c r="W6172" i="6" l="1"/>
  <c r="B6204" i="2"/>
  <c r="N6205" i="2"/>
  <c r="W6173" i="6" l="1"/>
  <c r="B6205" i="2"/>
  <c r="N6206" i="2"/>
  <c r="W6174" i="6" l="1"/>
  <c r="B6206" i="2"/>
  <c r="N6207" i="2"/>
  <c r="W6175" i="6" l="1"/>
  <c r="B6207" i="2"/>
  <c r="N6208" i="2"/>
  <c r="W6176" i="6" l="1"/>
  <c r="B6208" i="2"/>
  <c r="N6209" i="2"/>
  <c r="W6177" i="6" l="1"/>
  <c r="B6209" i="2"/>
  <c r="N6210" i="2"/>
  <c r="W6178" i="6" l="1"/>
  <c r="B6210" i="2"/>
  <c r="N6211" i="2"/>
  <c r="W6179" i="6" l="1"/>
  <c r="B6211" i="2"/>
  <c r="N6212" i="2"/>
  <c r="W6180" i="6" l="1"/>
  <c r="B6212" i="2"/>
  <c r="N6213" i="2"/>
  <c r="W6181" i="6" l="1"/>
  <c r="B6213" i="2"/>
  <c r="N6214" i="2"/>
  <c r="W6182" i="6" l="1"/>
  <c r="B6214" i="2"/>
  <c r="N6215" i="2"/>
  <c r="W6183" i="6" l="1"/>
  <c r="B6215" i="2"/>
  <c r="N6216" i="2"/>
  <c r="W6184" i="6" l="1"/>
  <c r="B6216" i="2"/>
  <c r="N6217" i="2"/>
  <c r="W6185" i="6" l="1"/>
  <c r="B6217" i="2"/>
  <c r="N6218" i="2"/>
  <c r="W6186" i="6" l="1"/>
  <c r="B6218" i="2"/>
  <c r="N6219" i="2"/>
  <c r="W6187" i="6" l="1"/>
  <c r="B6219" i="2"/>
  <c r="N6220" i="2"/>
  <c r="W6188" i="6" l="1"/>
  <c r="B6220" i="2"/>
  <c r="N6221" i="2"/>
  <c r="W6189" i="6" l="1"/>
  <c r="B6221" i="2"/>
  <c r="N6222" i="2"/>
  <c r="W6190" i="6" l="1"/>
  <c r="B6222" i="2"/>
  <c r="N6223" i="2"/>
  <c r="W6191" i="6" l="1"/>
  <c r="B6223" i="2"/>
  <c r="N6224" i="2"/>
  <c r="W6192" i="6" l="1"/>
  <c r="B6224" i="2"/>
  <c r="N6225" i="2"/>
  <c r="W6193" i="6" l="1"/>
  <c r="B6225" i="2"/>
  <c r="N6226" i="2"/>
  <c r="W6194" i="6" l="1"/>
  <c r="B6226" i="2"/>
  <c r="N6227" i="2"/>
  <c r="W6195" i="6" l="1"/>
  <c r="B6227" i="2"/>
  <c r="N6228" i="2"/>
  <c r="W6196" i="6" l="1"/>
  <c r="B6228" i="2"/>
  <c r="N6229" i="2"/>
  <c r="W6197" i="6" l="1"/>
  <c r="B6229" i="2"/>
  <c r="N6230" i="2"/>
  <c r="W6198" i="6" l="1"/>
  <c r="B6230" i="2"/>
  <c r="N6231" i="2"/>
  <c r="W6199" i="6" l="1"/>
  <c r="B6231" i="2"/>
  <c r="N6232" i="2"/>
  <c r="W6200" i="6" l="1"/>
  <c r="B6232" i="2"/>
  <c r="N6233" i="2"/>
  <c r="W6201" i="6" l="1"/>
  <c r="B6233" i="2"/>
  <c r="N6234" i="2"/>
  <c r="W6202" i="6" l="1"/>
  <c r="B6234" i="2"/>
  <c r="N6235" i="2"/>
  <c r="W6203" i="6" l="1"/>
  <c r="B6235" i="2"/>
  <c r="N6236" i="2"/>
  <c r="W6204" i="6" l="1"/>
  <c r="B6236" i="2"/>
  <c r="N6237" i="2"/>
  <c r="W6205" i="6" l="1"/>
  <c r="B6237" i="2"/>
  <c r="N6238" i="2"/>
  <c r="W6206" i="6" l="1"/>
  <c r="B6238" i="2"/>
  <c r="N6239" i="2"/>
  <c r="W6207" i="6" l="1"/>
  <c r="B6239" i="2"/>
  <c r="N6240" i="2"/>
  <c r="W6208" i="6" l="1"/>
  <c r="B6240" i="2"/>
  <c r="N6241" i="2"/>
  <c r="W6209" i="6" l="1"/>
  <c r="B6241" i="2"/>
  <c r="N6242" i="2"/>
  <c r="W6210" i="6" l="1"/>
  <c r="B6242" i="2"/>
  <c r="N6243" i="2"/>
  <c r="W6211" i="6" l="1"/>
  <c r="B6243" i="2"/>
  <c r="N6244" i="2"/>
  <c r="W6212" i="6" l="1"/>
  <c r="B6244" i="2"/>
  <c r="N6245" i="2"/>
  <c r="W6213" i="6" l="1"/>
  <c r="B6245" i="2"/>
  <c r="N6246" i="2"/>
  <c r="W6214" i="6" l="1"/>
  <c r="B6246" i="2"/>
  <c r="N6247" i="2"/>
  <c r="W6215" i="6" l="1"/>
  <c r="B6247" i="2"/>
  <c r="N6248" i="2"/>
  <c r="W6216" i="6" l="1"/>
  <c r="B6248" i="2"/>
  <c r="N6249" i="2"/>
  <c r="W6217" i="6" l="1"/>
  <c r="B6249" i="2"/>
  <c r="N6250" i="2"/>
  <c r="W6218" i="6" l="1"/>
  <c r="B6250" i="2"/>
  <c r="N6251" i="2"/>
  <c r="W6219" i="6" l="1"/>
  <c r="B6251" i="2"/>
  <c r="N6252" i="2"/>
  <c r="W6220" i="6" l="1"/>
  <c r="B6252" i="2"/>
  <c r="N6253" i="2"/>
  <c r="W6221" i="6" l="1"/>
  <c r="B6253" i="2"/>
  <c r="N6254" i="2"/>
  <c r="W6222" i="6" l="1"/>
  <c r="B6254" i="2"/>
  <c r="N6255" i="2"/>
  <c r="W6223" i="6" l="1"/>
  <c r="B6255" i="2"/>
  <c r="N6256" i="2"/>
  <c r="W6224" i="6" l="1"/>
  <c r="B6256" i="2"/>
  <c r="N6257" i="2"/>
  <c r="W6225" i="6" l="1"/>
  <c r="B6257" i="2"/>
  <c r="N6258" i="2"/>
  <c r="W6226" i="6" l="1"/>
  <c r="B6258" i="2"/>
  <c r="N6259" i="2"/>
  <c r="W6227" i="6" l="1"/>
  <c r="B6259" i="2"/>
  <c r="N6260" i="2"/>
  <c r="W6228" i="6" l="1"/>
  <c r="B6260" i="2"/>
  <c r="N6261" i="2"/>
  <c r="W6229" i="6" l="1"/>
  <c r="B6261" i="2"/>
  <c r="N6262" i="2"/>
  <c r="W6230" i="6" l="1"/>
  <c r="B6262" i="2"/>
  <c r="N6263" i="2"/>
  <c r="W6231" i="6" l="1"/>
  <c r="B6263" i="2"/>
  <c r="N6264" i="2"/>
  <c r="W6232" i="6" l="1"/>
  <c r="B6264" i="2"/>
  <c r="N6265" i="2"/>
  <c r="W6233" i="6" l="1"/>
  <c r="B6265" i="2"/>
  <c r="N6266" i="2"/>
  <c r="W6234" i="6" l="1"/>
  <c r="B6266" i="2"/>
  <c r="N6267" i="2"/>
  <c r="W6235" i="6" l="1"/>
  <c r="B6267" i="2"/>
  <c r="N6268" i="2"/>
  <c r="W6236" i="6" l="1"/>
  <c r="B6268" i="2"/>
  <c r="N6269" i="2"/>
  <c r="W6237" i="6" l="1"/>
  <c r="B6269" i="2"/>
  <c r="N6270" i="2"/>
  <c r="W6238" i="6" l="1"/>
  <c r="B6270" i="2"/>
  <c r="N6271" i="2"/>
  <c r="W6239" i="6" l="1"/>
  <c r="B6271" i="2"/>
  <c r="N6272" i="2"/>
  <c r="W6240" i="6" l="1"/>
  <c r="B6272" i="2"/>
  <c r="N6273" i="2"/>
  <c r="W6241" i="6" l="1"/>
  <c r="B6273" i="2"/>
  <c r="N6274" i="2"/>
  <c r="W6242" i="6" l="1"/>
  <c r="B6274" i="2"/>
  <c r="N6275" i="2"/>
  <c r="W6243" i="6" l="1"/>
  <c r="B6275" i="2"/>
  <c r="N6276" i="2"/>
  <c r="W6244" i="6" l="1"/>
  <c r="B6276" i="2"/>
  <c r="N6277" i="2"/>
  <c r="W6245" i="6" l="1"/>
  <c r="B6277" i="2"/>
  <c r="N6278" i="2"/>
  <c r="W6246" i="6" l="1"/>
  <c r="B6278" i="2"/>
  <c r="N6279" i="2"/>
  <c r="W6247" i="6" l="1"/>
  <c r="B6279" i="2"/>
  <c r="N6280" i="2"/>
  <c r="W6248" i="6" l="1"/>
  <c r="B6280" i="2"/>
  <c r="N6281" i="2"/>
  <c r="W6249" i="6" l="1"/>
  <c r="B6281" i="2"/>
  <c r="N6282" i="2"/>
  <c r="W6250" i="6" l="1"/>
  <c r="B6282" i="2"/>
  <c r="N6283" i="2"/>
  <c r="W6251" i="6" l="1"/>
  <c r="B6283" i="2"/>
  <c r="N6284" i="2"/>
  <c r="W6252" i="6" l="1"/>
  <c r="B6284" i="2"/>
  <c r="N6285" i="2"/>
  <c r="W6253" i="6" l="1"/>
  <c r="B6285" i="2"/>
  <c r="N6286" i="2"/>
  <c r="W6254" i="6" l="1"/>
  <c r="B6286" i="2"/>
  <c r="N6287" i="2"/>
  <c r="W6255" i="6" l="1"/>
  <c r="B6287" i="2"/>
  <c r="N6288" i="2"/>
  <c r="W6256" i="6" l="1"/>
  <c r="B6288" i="2"/>
  <c r="N6289" i="2"/>
  <c r="W6257" i="6" l="1"/>
  <c r="B6289" i="2"/>
  <c r="N6290" i="2"/>
  <c r="W6258" i="6" l="1"/>
  <c r="B6290" i="2"/>
  <c r="N6291" i="2"/>
  <c r="W6259" i="6" l="1"/>
  <c r="B6291" i="2"/>
  <c r="N6292" i="2"/>
  <c r="W6260" i="6" l="1"/>
  <c r="B6292" i="2"/>
  <c r="N6293" i="2"/>
  <c r="W6261" i="6" l="1"/>
  <c r="B6293" i="2"/>
  <c r="N6294" i="2"/>
  <c r="W6262" i="6" l="1"/>
  <c r="B6294" i="2"/>
  <c r="N6295" i="2"/>
  <c r="W6263" i="6" l="1"/>
  <c r="B6295" i="2"/>
  <c r="N6296" i="2"/>
  <c r="W6264" i="6" l="1"/>
  <c r="B6296" i="2"/>
  <c r="N6297" i="2"/>
  <c r="W6265" i="6" l="1"/>
  <c r="B6297" i="2"/>
  <c r="N6298" i="2"/>
  <c r="W6266" i="6" l="1"/>
  <c r="B6298" i="2"/>
  <c r="N6299" i="2"/>
  <c r="W6267" i="6" l="1"/>
  <c r="B6299" i="2"/>
  <c r="N6300" i="2"/>
  <c r="W6268" i="6" l="1"/>
  <c r="B6300" i="2"/>
  <c r="N6301" i="2"/>
  <c r="W6269" i="6" l="1"/>
  <c r="B6301" i="2"/>
  <c r="N6302" i="2"/>
  <c r="W6270" i="6" l="1"/>
  <c r="B6302" i="2"/>
  <c r="N6303" i="2"/>
  <c r="W6271" i="6" l="1"/>
  <c r="B6303" i="2"/>
  <c r="N6304" i="2"/>
  <c r="W6272" i="6" l="1"/>
  <c r="B6304" i="2"/>
  <c r="N6305" i="2"/>
  <c r="W6273" i="6" l="1"/>
  <c r="B6305" i="2"/>
  <c r="N6306" i="2"/>
  <c r="W6274" i="6" l="1"/>
  <c r="B6306" i="2"/>
  <c r="N6307" i="2"/>
  <c r="W6275" i="6" l="1"/>
  <c r="B6307" i="2"/>
  <c r="N6308" i="2"/>
  <c r="W6276" i="6" l="1"/>
  <c r="B6308" i="2"/>
  <c r="N6309" i="2"/>
  <c r="W6277" i="6" l="1"/>
  <c r="B6309" i="2"/>
  <c r="N6310" i="2"/>
  <c r="W6278" i="6" l="1"/>
  <c r="B6310" i="2"/>
  <c r="N6311" i="2"/>
  <c r="W6279" i="6" l="1"/>
  <c r="B6311" i="2"/>
  <c r="N6312" i="2"/>
  <c r="W6280" i="6" l="1"/>
  <c r="B6312" i="2"/>
  <c r="N6313" i="2"/>
  <c r="W6281" i="6" l="1"/>
  <c r="B6313" i="2"/>
  <c r="N6314" i="2"/>
  <c r="W6282" i="6" l="1"/>
  <c r="B6314" i="2"/>
  <c r="N6315" i="2"/>
  <c r="W6283" i="6" l="1"/>
  <c r="B6315" i="2"/>
  <c r="N6316" i="2"/>
  <c r="W6284" i="6" l="1"/>
  <c r="B6316" i="2"/>
  <c r="N6317" i="2"/>
  <c r="W6285" i="6" l="1"/>
  <c r="B6317" i="2"/>
  <c r="N6318" i="2"/>
  <c r="W6286" i="6" l="1"/>
  <c r="B6318" i="2"/>
  <c r="N6319" i="2"/>
  <c r="W6287" i="6" l="1"/>
  <c r="B6319" i="2"/>
  <c r="N6320" i="2"/>
  <c r="W6288" i="6" l="1"/>
  <c r="B6320" i="2"/>
  <c r="N6321" i="2"/>
  <c r="W6289" i="6" l="1"/>
  <c r="B6321" i="2"/>
  <c r="N6322" i="2"/>
  <c r="W6290" i="6" l="1"/>
  <c r="B6322" i="2"/>
  <c r="N6323" i="2"/>
  <c r="W6291" i="6" l="1"/>
  <c r="B6323" i="2"/>
  <c r="N6324" i="2"/>
  <c r="W6292" i="6" l="1"/>
  <c r="B6324" i="2"/>
  <c r="N6325" i="2"/>
  <c r="W6293" i="6" l="1"/>
  <c r="B6325" i="2"/>
  <c r="N6326" i="2"/>
  <c r="W6294" i="6" l="1"/>
  <c r="B6326" i="2"/>
  <c r="N6327" i="2"/>
  <c r="W6295" i="6" l="1"/>
  <c r="B6327" i="2"/>
  <c r="N6328" i="2"/>
  <c r="W6296" i="6" l="1"/>
  <c r="B6328" i="2"/>
  <c r="N6329" i="2"/>
  <c r="W6297" i="6" l="1"/>
  <c r="B6329" i="2"/>
  <c r="N6330" i="2"/>
  <c r="W6298" i="6" l="1"/>
  <c r="B6330" i="2"/>
  <c r="N6331" i="2"/>
  <c r="W6299" i="6" l="1"/>
  <c r="B6331" i="2"/>
  <c r="N6332" i="2"/>
  <c r="W6300" i="6" l="1"/>
  <c r="B6332" i="2"/>
  <c r="N6333" i="2"/>
  <c r="W6301" i="6" l="1"/>
  <c r="B6333" i="2"/>
  <c r="N6334" i="2"/>
  <c r="W6302" i="6" l="1"/>
  <c r="B6334" i="2"/>
  <c r="N6335" i="2"/>
  <c r="W6303" i="6" l="1"/>
  <c r="B6335" i="2"/>
  <c r="N6336" i="2"/>
  <c r="W6304" i="6" l="1"/>
  <c r="B6336" i="2"/>
  <c r="N6337" i="2"/>
  <c r="W6305" i="6" l="1"/>
  <c r="B6337" i="2"/>
  <c r="N6338" i="2"/>
  <c r="W6306" i="6" l="1"/>
  <c r="B6338" i="2"/>
  <c r="N6339" i="2"/>
  <c r="W6307" i="6" l="1"/>
  <c r="B6339" i="2"/>
  <c r="N6340" i="2"/>
  <c r="W6308" i="6" l="1"/>
  <c r="B6340" i="2"/>
  <c r="N6341" i="2"/>
  <c r="W6309" i="6" l="1"/>
  <c r="B6341" i="2"/>
  <c r="N6342" i="2"/>
  <c r="W6310" i="6" l="1"/>
  <c r="B6342" i="2"/>
  <c r="N6343" i="2"/>
  <c r="W6311" i="6" l="1"/>
  <c r="B6343" i="2"/>
  <c r="N6344" i="2"/>
  <c r="W6312" i="6" l="1"/>
  <c r="B6344" i="2"/>
  <c r="N6345" i="2"/>
  <c r="W6313" i="6" l="1"/>
  <c r="B6345" i="2"/>
  <c r="N6346" i="2"/>
  <c r="W6314" i="6" l="1"/>
  <c r="B6346" i="2"/>
  <c r="N6347" i="2"/>
  <c r="W6315" i="6" l="1"/>
  <c r="B6347" i="2"/>
  <c r="N6348" i="2"/>
  <c r="W6316" i="6" l="1"/>
  <c r="B6348" i="2"/>
  <c r="N6349" i="2"/>
  <c r="W6317" i="6" l="1"/>
  <c r="B6349" i="2"/>
  <c r="N6350" i="2"/>
  <c r="W6318" i="6" l="1"/>
  <c r="B6350" i="2"/>
  <c r="N6351" i="2"/>
  <c r="W6319" i="6" l="1"/>
  <c r="B6351" i="2"/>
  <c r="N6352" i="2"/>
  <c r="W6320" i="6" l="1"/>
  <c r="B6352" i="2"/>
  <c r="N6353" i="2"/>
  <c r="W6321" i="6" l="1"/>
  <c r="B6353" i="2"/>
  <c r="N6354" i="2"/>
  <c r="W6322" i="6" l="1"/>
  <c r="B6354" i="2"/>
  <c r="N6355" i="2"/>
  <c r="W6323" i="6" l="1"/>
  <c r="B6355" i="2"/>
  <c r="N6356" i="2"/>
  <c r="W6324" i="6" l="1"/>
  <c r="B6356" i="2"/>
  <c r="N6357" i="2"/>
  <c r="W6325" i="6" l="1"/>
  <c r="B6357" i="2"/>
  <c r="N6358" i="2"/>
  <c r="W6326" i="6" l="1"/>
  <c r="B6358" i="2"/>
  <c r="N6359" i="2"/>
  <c r="W6327" i="6" l="1"/>
  <c r="B6359" i="2"/>
  <c r="N6360" i="2"/>
  <c r="W6328" i="6" l="1"/>
  <c r="B6360" i="2"/>
  <c r="N6361" i="2"/>
  <c r="W6329" i="6" l="1"/>
  <c r="B6361" i="2"/>
  <c r="N6362" i="2"/>
  <c r="W6330" i="6" l="1"/>
  <c r="B6362" i="2"/>
  <c r="N6363" i="2"/>
  <c r="W6331" i="6" l="1"/>
  <c r="B6363" i="2"/>
  <c r="N6364" i="2"/>
  <c r="W6332" i="6" l="1"/>
  <c r="B6364" i="2"/>
  <c r="N6365" i="2"/>
  <c r="W6333" i="6" l="1"/>
  <c r="B6365" i="2"/>
  <c r="N6366" i="2"/>
  <c r="W6334" i="6" l="1"/>
  <c r="B6366" i="2"/>
  <c r="N6367" i="2"/>
  <c r="W6335" i="6" l="1"/>
  <c r="B6367" i="2"/>
  <c r="N6368" i="2"/>
  <c r="W6336" i="6" l="1"/>
  <c r="B6368" i="2"/>
  <c r="N6369" i="2"/>
  <c r="W6337" i="6" l="1"/>
  <c r="B6369" i="2"/>
  <c r="N6370" i="2"/>
  <c r="W6338" i="6" l="1"/>
  <c r="B6370" i="2"/>
  <c r="N6371" i="2"/>
  <c r="W6339" i="6" l="1"/>
  <c r="B6371" i="2"/>
  <c r="N6372" i="2"/>
  <c r="W6340" i="6" l="1"/>
  <c r="B6372" i="2"/>
  <c r="N6373" i="2"/>
  <c r="W6341" i="6" l="1"/>
  <c r="B6373" i="2"/>
  <c r="N6374" i="2"/>
  <c r="W6342" i="6" l="1"/>
  <c r="B6374" i="2"/>
  <c r="N6375" i="2"/>
  <c r="W6343" i="6" l="1"/>
  <c r="B6375" i="2"/>
  <c r="N6376" i="2"/>
  <c r="W6344" i="6" l="1"/>
  <c r="B6376" i="2"/>
  <c r="N6377" i="2"/>
  <c r="W6345" i="6" l="1"/>
  <c r="B6377" i="2"/>
  <c r="N6378" i="2"/>
  <c r="W6346" i="6" l="1"/>
  <c r="B6378" i="2"/>
  <c r="N6379" i="2"/>
  <c r="W6347" i="6" l="1"/>
  <c r="B6379" i="2"/>
  <c r="N6380" i="2"/>
  <c r="W6348" i="6" l="1"/>
  <c r="B6380" i="2"/>
  <c r="N6381" i="2"/>
  <c r="W6349" i="6" l="1"/>
  <c r="B6381" i="2"/>
  <c r="N6382" i="2"/>
  <c r="W6350" i="6" l="1"/>
  <c r="B6382" i="2"/>
  <c r="N6383" i="2"/>
  <c r="W6351" i="6" l="1"/>
  <c r="B6383" i="2"/>
  <c r="N6384" i="2"/>
  <c r="W6352" i="6" l="1"/>
  <c r="B6384" i="2"/>
  <c r="N6385" i="2"/>
  <c r="W6353" i="6" l="1"/>
  <c r="B6385" i="2"/>
  <c r="N6386" i="2"/>
  <c r="W6354" i="6" l="1"/>
  <c r="B6386" i="2"/>
  <c r="N6387" i="2"/>
  <c r="W6355" i="6" l="1"/>
  <c r="B6387" i="2"/>
  <c r="N6388" i="2"/>
  <c r="W6356" i="6" l="1"/>
  <c r="B6388" i="2"/>
  <c r="N6389" i="2"/>
  <c r="W6357" i="6" l="1"/>
  <c r="B6389" i="2"/>
  <c r="N6390" i="2"/>
  <c r="W6358" i="6" l="1"/>
  <c r="B6390" i="2"/>
  <c r="N6391" i="2"/>
  <c r="W6359" i="6" l="1"/>
  <c r="B6391" i="2"/>
  <c r="N6392" i="2"/>
  <c r="W6360" i="6" l="1"/>
  <c r="B6392" i="2"/>
  <c r="N6393" i="2"/>
  <c r="W6361" i="6" l="1"/>
  <c r="B6393" i="2"/>
  <c r="N6394" i="2"/>
  <c r="W6362" i="6" l="1"/>
  <c r="B6394" i="2"/>
  <c r="N6395" i="2"/>
  <c r="W6363" i="6" l="1"/>
  <c r="B6395" i="2"/>
  <c r="N6396" i="2"/>
  <c r="W6364" i="6" l="1"/>
  <c r="B6396" i="2"/>
  <c r="N6397" i="2"/>
  <c r="W6365" i="6" l="1"/>
  <c r="B6397" i="2"/>
  <c r="N6398" i="2"/>
  <c r="W6366" i="6" l="1"/>
  <c r="B6398" i="2"/>
  <c r="N6399" i="2"/>
  <c r="W6367" i="6" l="1"/>
  <c r="B6399" i="2"/>
  <c r="N6400" i="2"/>
  <c r="W6368" i="6" l="1"/>
  <c r="B6400" i="2"/>
  <c r="N6401" i="2"/>
  <c r="W6369" i="6" l="1"/>
  <c r="B6401" i="2"/>
  <c r="N6402" i="2"/>
  <c r="W6370" i="6" l="1"/>
  <c r="B6402" i="2"/>
  <c r="N6403" i="2"/>
  <c r="W6371" i="6" l="1"/>
  <c r="B6403" i="2"/>
  <c r="N6404" i="2"/>
  <c r="W6372" i="6" l="1"/>
  <c r="B6404" i="2"/>
  <c r="N6405" i="2"/>
  <c r="W6373" i="6" l="1"/>
  <c r="B6405" i="2"/>
  <c r="N6406" i="2"/>
  <c r="W6374" i="6" l="1"/>
  <c r="B6406" i="2"/>
  <c r="N6407" i="2"/>
  <c r="W6375" i="6" l="1"/>
  <c r="B6407" i="2"/>
  <c r="N6408" i="2"/>
  <c r="W6376" i="6" l="1"/>
  <c r="B6408" i="2"/>
  <c r="N6409" i="2"/>
  <c r="W6377" i="6" l="1"/>
  <c r="B6409" i="2"/>
  <c r="N6410" i="2"/>
  <c r="W6378" i="6" l="1"/>
  <c r="B6410" i="2"/>
  <c r="N6411" i="2"/>
  <c r="W6379" i="6" l="1"/>
  <c r="B6411" i="2"/>
  <c r="N6412" i="2"/>
  <c r="W6380" i="6" l="1"/>
  <c r="B6412" i="2"/>
  <c r="N6413" i="2"/>
  <c r="W6381" i="6" l="1"/>
  <c r="B6413" i="2"/>
  <c r="N6414" i="2"/>
  <c r="W6382" i="6" l="1"/>
  <c r="B6414" i="2"/>
  <c r="N6415" i="2"/>
  <c r="W6383" i="6" l="1"/>
  <c r="B6415" i="2"/>
  <c r="N6416" i="2"/>
  <c r="W6384" i="6" l="1"/>
  <c r="B6416" i="2"/>
  <c r="N6417" i="2"/>
  <c r="W6385" i="6" l="1"/>
  <c r="B6417" i="2"/>
  <c r="N6418" i="2"/>
  <c r="W6386" i="6" l="1"/>
  <c r="B6418" i="2"/>
  <c r="N6419" i="2"/>
  <c r="W6387" i="6" l="1"/>
  <c r="B6419" i="2"/>
  <c r="N6420" i="2"/>
  <c r="W6388" i="6" l="1"/>
  <c r="B6420" i="2"/>
  <c r="N6421" i="2"/>
  <c r="W6389" i="6" l="1"/>
  <c r="B6421" i="2"/>
  <c r="N6422" i="2"/>
  <c r="W6390" i="6" l="1"/>
  <c r="B6422" i="2"/>
  <c r="N6423" i="2"/>
  <c r="W6391" i="6" l="1"/>
  <c r="B6423" i="2"/>
  <c r="N6424" i="2"/>
  <c r="W6392" i="6" l="1"/>
  <c r="B6424" i="2"/>
  <c r="N6425" i="2"/>
  <c r="W6393" i="6" l="1"/>
  <c r="B6425" i="2"/>
  <c r="N6426" i="2"/>
  <c r="W6394" i="6" l="1"/>
  <c r="B6426" i="2"/>
  <c r="N6427" i="2"/>
  <c r="W6395" i="6" l="1"/>
  <c r="B6427" i="2"/>
  <c r="N6428" i="2"/>
  <c r="W6396" i="6" l="1"/>
  <c r="B6428" i="2"/>
  <c r="N6429" i="2"/>
  <c r="W6397" i="6" l="1"/>
  <c r="B6429" i="2"/>
  <c r="N6430" i="2"/>
  <c r="W6398" i="6" l="1"/>
  <c r="B6430" i="2"/>
  <c r="N6431" i="2"/>
  <c r="W6399" i="6" l="1"/>
  <c r="B6431" i="2"/>
  <c r="N6432" i="2"/>
  <c r="W6400" i="6" l="1"/>
  <c r="B6432" i="2"/>
  <c r="N6433" i="2"/>
  <c r="W6401" i="6" l="1"/>
  <c r="B6433" i="2"/>
  <c r="N6434" i="2"/>
  <c r="W6402" i="6" l="1"/>
  <c r="B6434" i="2"/>
  <c r="N6435" i="2"/>
  <c r="W6403" i="6" l="1"/>
  <c r="B6435" i="2"/>
  <c r="N6436" i="2"/>
  <c r="W6404" i="6" l="1"/>
  <c r="B6436" i="2"/>
  <c r="N6437" i="2"/>
  <c r="W6405" i="6" l="1"/>
  <c r="B6437" i="2"/>
  <c r="N6438" i="2"/>
  <c r="W6406" i="6" l="1"/>
  <c r="B6438" i="2"/>
  <c r="N6439" i="2"/>
  <c r="W6407" i="6" l="1"/>
  <c r="B6439" i="2"/>
  <c r="N6440" i="2"/>
  <c r="W6408" i="6" l="1"/>
  <c r="B6440" i="2"/>
  <c r="N6441" i="2"/>
  <c r="W6409" i="6" l="1"/>
  <c r="B6441" i="2"/>
  <c r="N6442" i="2"/>
  <c r="W6410" i="6" l="1"/>
  <c r="B6442" i="2"/>
  <c r="N6443" i="2"/>
  <c r="W6411" i="6" l="1"/>
  <c r="B6443" i="2"/>
  <c r="N6444" i="2"/>
  <c r="W6412" i="6" l="1"/>
  <c r="B6444" i="2"/>
  <c r="N6445" i="2"/>
  <c r="W6413" i="6" l="1"/>
  <c r="B6445" i="2"/>
  <c r="N6446" i="2"/>
  <c r="W6414" i="6" l="1"/>
  <c r="B6446" i="2"/>
  <c r="N6447" i="2"/>
  <c r="W6415" i="6" l="1"/>
  <c r="B6447" i="2"/>
  <c r="N6448" i="2"/>
  <c r="W6416" i="6" l="1"/>
  <c r="B6448" i="2"/>
  <c r="N6449" i="2"/>
  <c r="W6417" i="6" l="1"/>
  <c r="B6449" i="2"/>
  <c r="N6450" i="2"/>
  <c r="W6418" i="6" l="1"/>
  <c r="B6450" i="2"/>
  <c r="N6451" i="2"/>
  <c r="W6419" i="6" l="1"/>
  <c r="B6451" i="2"/>
  <c r="N6452" i="2"/>
  <c r="W6420" i="6" l="1"/>
  <c r="B6452" i="2"/>
  <c r="N6453" i="2"/>
  <c r="W6421" i="6" l="1"/>
  <c r="B6453" i="2"/>
  <c r="N6454" i="2"/>
  <c r="W6422" i="6" l="1"/>
  <c r="B6454" i="2"/>
  <c r="N6455" i="2"/>
  <c r="W6423" i="6" l="1"/>
  <c r="B6455" i="2"/>
  <c r="N6456" i="2"/>
  <c r="W6424" i="6" l="1"/>
  <c r="B6456" i="2"/>
  <c r="N6457" i="2"/>
  <c r="W6425" i="6" l="1"/>
  <c r="B6457" i="2"/>
  <c r="N6458" i="2"/>
  <c r="W6426" i="6" l="1"/>
  <c r="B6458" i="2"/>
  <c r="N6459" i="2"/>
  <c r="W6427" i="6" l="1"/>
  <c r="B6459" i="2"/>
  <c r="N6460" i="2"/>
  <c r="W6428" i="6" l="1"/>
  <c r="B6460" i="2"/>
  <c r="N6461" i="2"/>
  <c r="W6429" i="6" l="1"/>
  <c r="B6461" i="2"/>
  <c r="N6462" i="2"/>
  <c r="W6430" i="6" l="1"/>
  <c r="B6462" i="2"/>
  <c r="N6463" i="2"/>
  <c r="W6431" i="6" l="1"/>
  <c r="B6463" i="2"/>
  <c r="N6464" i="2"/>
  <c r="W6432" i="6" l="1"/>
  <c r="B6464" i="2"/>
  <c r="N6465" i="2"/>
  <c r="W6433" i="6" l="1"/>
  <c r="B6465" i="2"/>
  <c r="N6466" i="2"/>
  <c r="W6434" i="6" l="1"/>
  <c r="B6466" i="2"/>
  <c r="N6467" i="2"/>
  <c r="W6435" i="6" l="1"/>
  <c r="B6467" i="2"/>
  <c r="N6468" i="2"/>
  <c r="W6436" i="6" l="1"/>
  <c r="B6468" i="2"/>
  <c r="N6469" i="2"/>
  <c r="W6437" i="6" l="1"/>
  <c r="B6469" i="2"/>
  <c r="N6470" i="2"/>
  <c r="W6438" i="6" l="1"/>
  <c r="B6470" i="2"/>
  <c r="N6471" i="2"/>
  <c r="W6439" i="6" l="1"/>
  <c r="B6471" i="2"/>
  <c r="N6472" i="2"/>
  <c r="W6440" i="6" l="1"/>
  <c r="B6472" i="2"/>
  <c r="N6473" i="2"/>
  <c r="W6441" i="6" l="1"/>
  <c r="B6473" i="2"/>
  <c r="N6474" i="2"/>
  <c r="W6442" i="6" l="1"/>
  <c r="B6474" i="2"/>
  <c r="N6475" i="2"/>
  <c r="W6443" i="6" l="1"/>
  <c r="B6475" i="2"/>
  <c r="N6476" i="2"/>
  <c r="W6444" i="6" l="1"/>
  <c r="B6476" i="2"/>
  <c r="N6477" i="2"/>
  <c r="W6445" i="6" l="1"/>
  <c r="B6477" i="2"/>
  <c r="N6478" i="2"/>
  <c r="W6446" i="6" l="1"/>
  <c r="B6478" i="2"/>
  <c r="N6479" i="2"/>
  <c r="W6447" i="6" l="1"/>
  <c r="B6479" i="2"/>
  <c r="N6480" i="2"/>
  <c r="W6448" i="6" l="1"/>
  <c r="B6480" i="2"/>
  <c r="N6481" i="2"/>
  <c r="W6449" i="6" l="1"/>
  <c r="B6481" i="2"/>
  <c r="N6482" i="2"/>
  <c r="W6450" i="6" l="1"/>
  <c r="B6482" i="2"/>
  <c r="N6483" i="2"/>
  <c r="W6451" i="6" l="1"/>
  <c r="B6483" i="2"/>
  <c r="N6484" i="2"/>
  <c r="W6452" i="6" l="1"/>
  <c r="B6484" i="2"/>
  <c r="N6485" i="2"/>
  <c r="W6453" i="6" l="1"/>
  <c r="B6485" i="2"/>
  <c r="N6486" i="2"/>
  <c r="W6454" i="6" l="1"/>
  <c r="B6486" i="2"/>
  <c r="N6487" i="2"/>
  <c r="W6455" i="6" l="1"/>
  <c r="B6487" i="2"/>
  <c r="N6488" i="2"/>
  <c r="W6456" i="6" l="1"/>
  <c r="B6488" i="2"/>
  <c r="N6489" i="2"/>
  <c r="W6457" i="6" l="1"/>
  <c r="B6489" i="2"/>
  <c r="N6490" i="2"/>
  <c r="W6458" i="6" l="1"/>
  <c r="B6490" i="2"/>
  <c r="N6491" i="2"/>
  <c r="W6459" i="6" l="1"/>
  <c r="B6491" i="2"/>
  <c r="N6492" i="2"/>
  <c r="W6460" i="6" l="1"/>
  <c r="B6492" i="2"/>
  <c r="N6493" i="2"/>
  <c r="W6461" i="6" l="1"/>
  <c r="B6493" i="2"/>
  <c r="N6494" i="2"/>
  <c r="W6462" i="6" l="1"/>
  <c r="B6494" i="2"/>
  <c r="N6495" i="2"/>
  <c r="W6463" i="6" l="1"/>
  <c r="B6495" i="2"/>
  <c r="N6496" i="2"/>
  <c r="W6464" i="6" l="1"/>
  <c r="B6496" i="2"/>
  <c r="N6497" i="2"/>
  <c r="W6465" i="6" l="1"/>
  <c r="B6497" i="2"/>
  <c r="N6498" i="2"/>
  <c r="W6466" i="6" l="1"/>
  <c r="B6498" i="2"/>
  <c r="N6499" i="2"/>
  <c r="W6467" i="6" l="1"/>
  <c r="B6499" i="2"/>
  <c r="N6500" i="2"/>
  <c r="W6468" i="6" l="1"/>
  <c r="B6500" i="2"/>
  <c r="N6501" i="2"/>
  <c r="W6469" i="6" l="1"/>
  <c r="B6501" i="2"/>
  <c r="N6502" i="2"/>
  <c r="W6470" i="6" l="1"/>
  <c r="B6502" i="2"/>
  <c r="N6503" i="2"/>
  <c r="W6471" i="6" l="1"/>
  <c r="B6503" i="2"/>
  <c r="N6504" i="2"/>
  <c r="W6472" i="6" l="1"/>
  <c r="B6504" i="2"/>
  <c r="N6505" i="2"/>
  <c r="W6473" i="6" l="1"/>
  <c r="B6505" i="2"/>
  <c r="N6506" i="2"/>
  <c r="W6474" i="6" l="1"/>
  <c r="B6506" i="2"/>
  <c r="N6507" i="2"/>
  <c r="W6475" i="6" l="1"/>
  <c r="B6507" i="2"/>
  <c r="N6508" i="2"/>
  <c r="W6476" i="6" l="1"/>
  <c r="B6508" i="2"/>
  <c r="N6509" i="2"/>
  <c r="W6477" i="6" l="1"/>
  <c r="B6509" i="2"/>
  <c r="N6510" i="2"/>
  <c r="W6478" i="6" l="1"/>
  <c r="B6510" i="2"/>
  <c r="N6511" i="2"/>
  <c r="W6479" i="6" l="1"/>
  <c r="B6511" i="2"/>
  <c r="N6512" i="2"/>
  <c r="W6480" i="6" l="1"/>
  <c r="B6512" i="2"/>
  <c r="N6513" i="2"/>
  <c r="W6481" i="6" l="1"/>
  <c r="B6513" i="2"/>
  <c r="N6514" i="2"/>
  <c r="W6482" i="6" l="1"/>
  <c r="B6514" i="2"/>
  <c r="N6515" i="2"/>
  <c r="W6483" i="6" l="1"/>
  <c r="B6515" i="2"/>
  <c r="N6516" i="2"/>
  <c r="W6484" i="6" l="1"/>
  <c r="B6516" i="2"/>
  <c r="N6517" i="2"/>
  <c r="W6485" i="6" l="1"/>
  <c r="B6517" i="2"/>
  <c r="N6518" i="2"/>
  <c r="W6486" i="6" l="1"/>
  <c r="B6518" i="2"/>
  <c r="N6519" i="2"/>
  <c r="W6487" i="6" l="1"/>
  <c r="B6519" i="2"/>
  <c r="N6520" i="2"/>
  <c r="W6488" i="6" l="1"/>
  <c r="B6520" i="2"/>
  <c r="N6521" i="2"/>
  <c r="W6489" i="6" l="1"/>
  <c r="B6521" i="2"/>
  <c r="N6522" i="2"/>
  <c r="W6490" i="6" l="1"/>
  <c r="B6522" i="2"/>
  <c r="N6523" i="2"/>
  <c r="W6491" i="6" l="1"/>
  <c r="B6523" i="2"/>
  <c r="N6524" i="2"/>
  <c r="W6492" i="6" l="1"/>
  <c r="B6524" i="2"/>
  <c r="N6525" i="2"/>
  <c r="W6493" i="6" l="1"/>
  <c r="B6525" i="2"/>
  <c r="N6526" i="2"/>
  <c r="W6494" i="6" l="1"/>
  <c r="B6526" i="2"/>
  <c r="N6527" i="2"/>
  <c r="W6495" i="6" l="1"/>
  <c r="B6527" i="2"/>
  <c r="N6528" i="2"/>
  <c r="W6496" i="6" l="1"/>
  <c r="B6528" i="2"/>
  <c r="N6529" i="2"/>
  <c r="W6497" i="6" l="1"/>
  <c r="B6529" i="2"/>
  <c r="N6530" i="2"/>
  <c r="W6498" i="6" l="1"/>
  <c r="B6530" i="2"/>
  <c r="N6531" i="2"/>
  <c r="W6499" i="6" l="1"/>
  <c r="B6531" i="2"/>
  <c r="N6532" i="2"/>
  <c r="W6500" i="6" l="1"/>
  <c r="B6532" i="2"/>
  <c r="N6533" i="2"/>
  <c r="W6501" i="6" l="1"/>
  <c r="B6533" i="2"/>
  <c r="N6534" i="2"/>
  <c r="W6502" i="6" l="1"/>
  <c r="B6534" i="2"/>
  <c r="N6535" i="2"/>
  <c r="W6503" i="6" l="1"/>
  <c r="B6535" i="2"/>
  <c r="N6536" i="2"/>
  <c r="W6504" i="6" l="1"/>
  <c r="B6536" i="2"/>
  <c r="N6537" i="2"/>
  <c r="W6505" i="6" l="1"/>
  <c r="B6537" i="2"/>
  <c r="N6538" i="2"/>
  <c r="W6506" i="6" l="1"/>
  <c r="B6538" i="2"/>
  <c r="N6539" i="2"/>
  <c r="W6507" i="6" l="1"/>
  <c r="B6539" i="2"/>
  <c r="N6540" i="2"/>
  <c r="W6508" i="6" l="1"/>
  <c r="B6540" i="2"/>
  <c r="N6541" i="2"/>
  <c r="W6509" i="6" l="1"/>
  <c r="B6541" i="2"/>
  <c r="N6542" i="2"/>
  <c r="W6510" i="6" l="1"/>
  <c r="B6542" i="2"/>
  <c r="N6543" i="2"/>
  <c r="W6511" i="6" l="1"/>
  <c r="B6543" i="2"/>
  <c r="N6544" i="2"/>
  <c r="W6512" i="6" l="1"/>
  <c r="B6544" i="2"/>
  <c r="N6545" i="2"/>
  <c r="W6513" i="6" l="1"/>
  <c r="B6545" i="2"/>
  <c r="N6546" i="2"/>
  <c r="W6514" i="6" l="1"/>
  <c r="B6546" i="2"/>
  <c r="N6547" i="2"/>
  <c r="W6515" i="6" l="1"/>
  <c r="B6547" i="2"/>
  <c r="N6548" i="2"/>
  <c r="W6516" i="6" l="1"/>
  <c r="B6548" i="2"/>
  <c r="N6549" i="2"/>
  <c r="W6517" i="6" l="1"/>
  <c r="B6549" i="2"/>
  <c r="N6550" i="2"/>
  <c r="W6518" i="6" l="1"/>
  <c r="B6550" i="2"/>
  <c r="N6551" i="2"/>
  <c r="W6519" i="6" l="1"/>
  <c r="B6551" i="2"/>
  <c r="N6552" i="2"/>
  <c r="W6520" i="6" l="1"/>
  <c r="B6552" i="2"/>
  <c r="N6553" i="2"/>
  <c r="W6521" i="6" l="1"/>
  <c r="B6553" i="2"/>
  <c r="N6554" i="2"/>
  <c r="W6522" i="6" l="1"/>
  <c r="B6554" i="2"/>
  <c r="N6555" i="2"/>
  <c r="W6523" i="6" l="1"/>
  <c r="B6555" i="2"/>
  <c r="N6556" i="2"/>
  <c r="W6524" i="6" l="1"/>
  <c r="B6556" i="2"/>
  <c r="N6557" i="2"/>
  <c r="W6525" i="6" l="1"/>
  <c r="B6557" i="2"/>
  <c r="N6558" i="2"/>
  <c r="W6526" i="6" l="1"/>
  <c r="B6558" i="2"/>
  <c r="N6559" i="2"/>
  <c r="W6527" i="6" l="1"/>
  <c r="B6559" i="2"/>
  <c r="N6560" i="2"/>
  <c r="W6528" i="6" l="1"/>
  <c r="B6560" i="2"/>
  <c r="N6561" i="2"/>
  <c r="W6529" i="6" l="1"/>
  <c r="B6561" i="2"/>
  <c r="N6562" i="2"/>
  <c r="W6530" i="6" l="1"/>
  <c r="B6562" i="2"/>
  <c r="N6563" i="2"/>
  <c r="W6531" i="6" l="1"/>
  <c r="B6563" i="2"/>
  <c r="N6564" i="2"/>
  <c r="W6532" i="6" l="1"/>
  <c r="B6564" i="2"/>
  <c r="N6565" i="2"/>
  <c r="W6533" i="6" l="1"/>
  <c r="B6565" i="2"/>
  <c r="N6566" i="2"/>
  <c r="W6534" i="6" l="1"/>
  <c r="B6566" i="2"/>
  <c r="N6567" i="2"/>
  <c r="W6535" i="6" l="1"/>
  <c r="B6567" i="2"/>
  <c r="N6568" i="2"/>
  <c r="W6536" i="6" l="1"/>
  <c r="B6568" i="2"/>
  <c r="N6569" i="2"/>
  <c r="W6537" i="6" l="1"/>
  <c r="B6569" i="2"/>
  <c r="N6570" i="2"/>
  <c r="W6538" i="6" l="1"/>
  <c r="B6570" i="2"/>
  <c r="N6571" i="2"/>
  <c r="W6539" i="6" l="1"/>
  <c r="B6571" i="2"/>
  <c r="N6572" i="2"/>
  <c r="W6540" i="6" l="1"/>
  <c r="B6572" i="2"/>
  <c r="N6573" i="2"/>
  <c r="W6541" i="6" l="1"/>
  <c r="B6573" i="2"/>
  <c r="N6574" i="2"/>
  <c r="W6542" i="6" l="1"/>
  <c r="B6574" i="2"/>
  <c r="N6575" i="2"/>
  <c r="W6543" i="6" l="1"/>
  <c r="B6575" i="2"/>
  <c r="N6576" i="2"/>
  <c r="W6544" i="6" l="1"/>
  <c r="B6576" i="2"/>
  <c r="N6577" i="2"/>
  <c r="W6545" i="6" l="1"/>
  <c r="B6577" i="2"/>
  <c r="N6578" i="2"/>
  <c r="W6546" i="6" l="1"/>
  <c r="B6578" i="2"/>
  <c r="N6579" i="2"/>
  <c r="W6547" i="6" l="1"/>
  <c r="B6579" i="2"/>
  <c r="N6580" i="2"/>
  <c r="W6548" i="6" l="1"/>
  <c r="B6580" i="2"/>
  <c r="N6581" i="2"/>
  <c r="W6549" i="6" l="1"/>
  <c r="B6581" i="2"/>
  <c r="N6582" i="2"/>
  <c r="W6550" i="6" l="1"/>
  <c r="B6582" i="2"/>
  <c r="N6583" i="2"/>
  <c r="W6551" i="6" l="1"/>
  <c r="B6583" i="2"/>
  <c r="N6584" i="2"/>
  <c r="W6552" i="6" l="1"/>
  <c r="B6584" i="2"/>
  <c r="N6585" i="2"/>
  <c r="W6553" i="6" l="1"/>
  <c r="B6585" i="2"/>
  <c r="N6586" i="2"/>
  <c r="W6554" i="6" l="1"/>
  <c r="B6586" i="2"/>
  <c r="N6587" i="2"/>
  <c r="W6555" i="6" l="1"/>
  <c r="B6587" i="2"/>
  <c r="N6588" i="2"/>
  <c r="W6556" i="6" l="1"/>
  <c r="B6588" i="2"/>
  <c r="N6589" i="2"/>
  <c r="W6557" i="6" l="1"/>
  <c r="B6589" i="2"/>
  <c r="N6590" i="2"/>
  <c r="W6558" i="6" l="1"/>
  <c r="B6590" i="2"/>
  <c r="N6591" i="2"/>
  <c r="W6559" i="6" l="1"/>
  <c r="B6591" i="2"/>
  <c r="N6592" i="2"/>
  <c r="W6560" i="6" l="1"/>
  <c r="B6592" i="2"/>
  <c r="N6593" i="2"/>
  <c r="W6561" i="6" l="1"/>
  <c r="B6593" i="2"/>
  <c r="N6594" i="2"/>
  <c r="W6562" i="6" l="1"/>
  <c r="B6594" i="2"/>
  <c r="N6595" i="2"/>
  <c r="W6563" i="6" l="1"/>
  <c r="B6595" i="2"/>
  <c r="N6596" i="2"/>
  <c r="W6564" i="6" l="1"/>
  <c r="B6596" i="2"/>
  <c r="N6597" i="2"/>
  <c r="W6565" i="6" l="1"/>
  <c r="B6597" i="2"/>
  <c r="N6598" i="2"/>
  <c r="W6566" i="6" l="1"/>
  <c r="B6598" i="2"/>
  <c r="N6599" i="2"/>
  <c r="W6567" i="6" l="1"/>
  <c r="B6599" i="2"/>
  <c r="N6600" i="2"/>
  <c r="W6568" i="6" l="1"/>
  <c r="B6600" i="2"/>
  <c r="N6601" i="2"/>
  <c r="W6569" i="6" l="1"/>
  <c r="B6601" i="2"/>
  <c r="N6602" i="2"/>
  <c r="W6570" i="6" l="1"/>
  <c r="B6602" i="2"/>
  <c r="N6603" i="2"/>
  <c r="W6571" i="6" l="1"/>
  <c r="B6603" i="2"/>
  <c r="N6604" i="2"/>
  <c r="W6572" i="6" l="1"/>
  <c r="B6604" i="2"/>
  <c r="N6605" i="2"/>
  <c r="W6573" i="6" l="1"/>
  <c r="B6605" i="2"/>
  <c r="N6606" i="2"/>
  <c r="W6574" i="6" l="1"/>
  <c r="B6606" i="2"/>
  <c r="N6607" i="2"/>
  <c r="W6575" i="6" l="1"/>
  <c r="B6607" i="2"/>
  <c r="N6608" i="2"/>
  <c r="W6576" i="6" l="1"/>
  <c r="B6608" i="2"/>
  <c r="N6609" i="2"/>
  <c r="W6577" i="6" l="1"/>
  <c r="B6609" i="2"/>
  <c r="N6610" i="2"/>
  <c r="W6578" i="6" l="1"/>
  <c r="B6610" i="2"/>
  <c r="N6611" i="2"/>
  <c r="W6579" i="6" l="1"/>
  <c r="B6611" i="2"/>
  <c r="N6612" i="2"/>
  <c r="W6580" i="6" l="1"/>
  <c r="B6612" i="2"/>
  <c r="N6613" i="2"/>
  <c r="W6581" i="6" l="1"/>
  <c r="B6613" i="2"/>
  <c r="N6614" i="2"/>
  <c r="W6582" i="6" l="1"/>
  <c r="B6614" i="2"/>
  <c r="N6615" i="2"/>
  <c r="W6583" i="6" l="1"/>
  <c r="B6615" i="2"/>
  <c r="N6616" i="2"/>
  <c r="W6584" i="6" l="1"/>
  <c r="B6616" i="2"/>
  <c r="N6617" i="2"/>
  <c r="W6585" i="6" l="1"/>
  <c r="B6617" i="2"/>
  <c r="N6618" i="2"/>
  <c r="W6586" i="6" l="1"/>
  <c r="B6618" i="2"/>
  <c r="N6619" i="2"/>
  <c r="W6587" i="6" l="1"/>
  <c r="B6619" i="2"/>
  <c r="N6620" i="2"/>
  <c r="W6588" i="6" l="1"/>
  <c r="B6620" i="2"/>
  <c r="N6621" i="2"/>
  <c r="W6589" i="6" l="1"/>
  <c r="B6621" i="2"/>
  <c r="N6622" i="2"/>
  <c r="W6590" i="6" l="1"/>
  <c r="B6622" i="2"/>
  <c r="N6623" i="2"/>
  <c r="W6591" i="6" l="1"/>
  <c r="B6623" i="2"/>
  <c r="N6624" i="2"/>
  <c r="W6592" i="6" l="1"/>
  <c r="B6624" i="2"/>
  <c r="N6625" i="2"/>
  <c r="W6593" i="6" l="1"/>
  <c r="B6625" i="2"/>
  <c r="N6626" i="2"/>
  <c r="W6594" i="6" l="1"/>
  <c r="B6626" i="2"/>
  <c r="N6627" i="2"/>
  <c r="W6595" i="6" l="1"/>
  <c r="B6627" i="2"/>
  <c r="N6628" i="2"/>
  <c r="W6596" i="6" l="1"/>
  <c r="B6628" i="2"/>
  <c r="N6629" i="2"/>
  <c r="W6597" i="6" l="1"/>
  <c r="B6629" i="2"/>
  <c r="N6630" i="2"/>
  <c r="W6598" i="6" l="1"/>
  <c r="B6630" i="2"/>
  <c r="N6631" i="2"/>
  <c r="W6599" i="6" l="1"/>
  <c r="B6631" i="2"/>
  <c r="N6632" i="2"/>
  <c r="W6600" i="6" l="1"/>
  <c r="B6632" i="2"/>
  <c r="N6633" i="2"/>
  <c r="W6601" i="6" l="1"/>
  <c r="B6633" i="2"/>
  <c r="N6634" i="2"/>
  <c r="W6602" i="6" l="1"/>
  <c r="B6634" i="2"/>
  <c r="N6635" i="2"/>
  <c r="W6603" i="6" l="1"/>
  <c r="B6635" i="2"/>
  <c r="N6636" i="2"/>
  <c r="W6604" i="6" l="1"/>
  <c r="B6636" i="2"/>
  <c r="N6637" i="2"/>
  <c r="W6605" i="6" l="1"/>
  <c r="B6637" i="2"/>
  <c r="N6638" i="2"/>
  <c r="W6606" i="6" l="1"/>
  <c r="B6638" i="2"/>
  <c r="N6639" i="2"/>
  <c r="W6607" i="6" l="1"/>
  <c r="B6639" i="2"/>
  <c r="N6640" i="2"/>
  <c r="W6608" i="6" l="1"/>
  <c r="B6640" i="2"/>
  <c r="N6641" i="2"/>
  <c r="W6609" i="6" l="1"/>
  <c r="B6641" i="2"/>
  <c r="N6642" i="2"/>
  <c r="W6610" i="6" l="1"/>
  <c r="B6642" i="2"/>
  <c r="N6643" i="2"/>
  <c r="W6611" i="6" l="1"/>
  <c r="B6643" i="2"/>
  <c r="N6644" i="2"/>
  <c r="W6612" i="6" l="1"/>
  <c r="B6644" i="2"/>
  <c r="N6645" i="2"/>
  <c r="W6613" i="6" l="1"/>
  <c r="B6645" i="2"/>
  <c r="N6646" i="2"/>
  <c r="W6614" i="6" l="1"/>
  <c r="B6646" i="2"/>
  <c r="N6647" i="2"/>
  <c r="W6615" i="6" l="1"/>
  <c r="B6647" i="2"/>
  <c r="N6648" i="2"/>
  <c r="W6616" i="6" l="1"/>
  <c r="B6648" i="2"/>
  <c r="N6649" i="2"/>
  <c r="W6617" i="6" l="1"/>
  <c r="B6649" i="2"/>
  <c r="N6650" i="2"/>
  <c r="W6618" i="6" l="1"/>
  <c r="B6650" i="2"/>
  <c r="N6651" i="2"/>
  <c r="W6619" i="6" l="1"/>
  <c r="B6651" i="2"/>
  <c r="N6652" i="2"/>
  <c r="W6620" i="6" l="1"/>
  <c r="B6652" i="2"/>
  <c r="N6653" i="2"/>
  <c r="W6621" i="6" l="1"/>
  <c r="B6653" i="2"/>
  <c r="N6654" i="2"/>
  <c r="W6622" i="6" l="1"/>
  <c r="B6654" i="2"/>
  <c r="N6655" i="2"/>
  <c r="W6623" i="6" l="1"/>
  <c r="B6655" i="2"/>
  <c r="N6656" i="2"/>
  <c r="W6624" i="6" l="1"/>
  <c r="B6656" i="2"/>
  <c r="N6657" i="2"/>
  <c r="W6625" i="6" l="1"/>
  <c r="B6657" i="2"/>
  <c r="N6658" i="2"/>
  <c r="W6626" i="6" l="1"/>
  <c r="B6658" i="2"/>
  <c r="N6659" i="2"/>
  <c r="W6627" i="6" l="1"/>
  <c r="B6659" i="2"/>
  <c r="N6660" i="2"/>
  <c r="W6628" i="6" l="1"/>
  <c r="B6660" i="2"/>
  <c r="N6661" i="2"/>
  <c r="W6629" i="6" l="1"/>
  <c r="B6661" i="2"/>
  <c r="N6662" i="2"/>
  <c r="W6630" i="6" l="1"/>
  <c r="B6662" i="2"/>
  <c r="N6663" i="2"/>
  <c r="W6631" i="6" l="1"/>
  <c r="B6663" i="2"/>
  <c r="N6664" i="2"/>
  <c r="W6632" i="6" l="1"/>
  <c r="B6664" i="2"/>
  <c r="N6665" i="2"/>
  <c r="W6633" i="6" l="1"/>
  <c r="B6665" i="2"/>
  <c r="N6666" i="2"/>
  <c r="W6634" i="6" l="1"/>
  <c r="B6666" i="2"/>
  <c r="N6667" i="2"/>
  <c r="W6635" i="6" l="1"/>
  <c r="B6667" i="2"/>
  <c r="N6668" i="2"/>
  <c r="W6636" i="6" l="1"/>
  <c r="B6668" i="2"/>
  <c r="N6669" i="2"/>
  <c r="W6637" i="6" l="1"/>
  <c r="B6669" i="2"/>
  <c r="N6670" i="2"/>
  <c r="W6638" i="6" l="1"/>
  <c r="B6670" i="2"/>
  <c r="N6671" i="2"/>
  <c r="W6639" i="6" l="1"/>
  <c r="B6671" i="2"/>
  <c r="N6672" i="2"/>
  <c r="W6640" i="6" l="1"/>
  <c r="B6672" i="2"/>
  <c r="N6673" i="2"/>
  <c r="W6641" i="6" l="1"/>
  <c r="B6673" i="2"/>
  <c r="N6674" i="2"/>
  <c r="W6642" i="6" l="1"/>
  <c r="B6674" i="2"/>
  <c r="N6675" i="2"/>
  <c r="W6643" i="6" l="1"/>
  <c r="B6675" i="2"/>
  <c r="N6676" i="2"/>
  <c r="W6644" i="6" l="1"/>
  <c r="B6676" i="2"/>
  <c r="N6677" i="2"/>
  <c r="W6645" i="6" l="1"/>
  <c r="B6677" i="2"/>
  <c r="N6678" i="2"/>
  <c r="W6646" i="6" l="1"/>
  <c r="B6678" i="2"/>
  <c r="N6679" i="2"/>
  <c r="W6647" i="6" l="1"/>
  <c r="B6679" i="2"/>
  <c r="N6680" i="2"/>
  <c r="W6648" i="6" l="1"/>
  <c r="B6680" i="2"/>
  <c r="N6681" i="2"/>
  <c r="W6649" i="6" l="1"/>
  <c r="B6681" i="2"/>
  <c r="N6682" i="2"/>
  <c r="W6650" i="6" l="1"/>
  <c r="B6682" i="2"/>
  <c r="N6683" i="2"/>
  <c r="W6651" i="6" l="1"/>
  <c r="B6683" i="2"/>
  <c r="N6684" i="2"/>
  <c r="W6652" i="6" l="1"/>
  <c r="B6684" i="2"/>
  <c r="N6685" i="2"/>
  <c r="W6653" i="6" l="1"/>
  <c r="B6685" i="2"/>
  <c r="N6686" i="2"/>
  <c r="W6654" i="6" l="1"/>
  <c r="B6686" i="2"/>
  <c r="N6687" i="2"/>
  <c r="W6655" i="6" l="1"/>
  <c r="B6687" i="2"/>
  <c r="N6688" i="2"/>
  <c r="W6656" i="6" l="1"/>
  <c r="B6688" i="2"/>
  <c r="N6689" i="2"/>
  <c r="W6657" i="6" l="1"/>
  <c r="B6689" i="2"/>
  <c r="N6690" i="2"/>
  <c r="W6658" i="6" l="1"/>
  <c r="B6690" i="2"/>
  <c r="N6691" i="2"/>
  <c r="W6659" i="6" l="1"/>
  <c r="B6691" i="2"/>
  <c r="N6692" i="2"/>
  <c r="W6660" i="6" l="1"/>
  <c r="B6692" i="2"/>
  <c r="N6693" i="2"/>
  <c r="W6661" i="6" l="1"/>
  <c r="B6693" i="2"/>
  <c r="N6694" i="2"/>
  <c r="W6662" i="6" l="1"/>
  <c r="B6694" i="2"/>
  <c r="N6695" i="2"/>
  <c r="W6663" i="6" l="1"/>
  <c r="B6695" i="2"/>
  <c r="N6696" i="2"/>
  <c r="W6664" i="6" l="1"/>
  <c r="B6696" i="2"/>
  <c r="N6697" i="2"/>
  <c r="W6665" i="6" l="1"/>
  <c r="B6697" i="2"/>
  <c r="N6698" i="2"/>
  <c r="W6666" i="6" l="1"/>
  <c r="B6698" i="2"/>
  <c r="N6699" i="2"/>
  <c r="W6667" i="6" l="1"/>
  <c r="B6699" i="2"/>
  <c r="N6700" i="2"/>
  <c r="W6668" i="6" l="1"/>
  <c r="B6700" i="2"/>
  <c r="N6701" i="2"/>
  <c r="W6669" i="6" l="1"/>
  <c r="B6701" i="2"/>
  <c r="N6702" i="2"/>
  <c r="W6670" i="6" l="1"/>
  <c r="B6702" i="2"/>
  <c r="N6703" i="2"/>
  <c r="W6671" i="6" l="1"/>
  <c r="B6703" i="2"/>
  <c r="N6704" i="2"/>
  <c r="W6672" i="6" l="1"/>
  <c r="B6704" i="2"/>
  <c r="N6705" i="2"/>
  <c r="W6673" i="6" l="1"/>
  <c r="B6705" i="2"/>
  <c r="N6706" i="2"/>
  <c r="W6674" i="6" l="1"/>
  <c r="B6706" i="2"/>
  <c r="N6707" i="2"/>
  <c r="W6675" i="6" l="1"/>
  <c r="B6707" i="2"/>
  <c r="N6708" i="2"/>
  <c r="W6676" i="6" l="1"/>
  <c r="B6708" i="2"/>
  <c r="N6709" i="2"/>
  <c r="W6677" i="6" l="1"/>
  <c r="B6709" i="2"/>
  <c r="N6710" i="2"/>
  <c r="W6678" i="6" l="1"/>
  <c r="B6710" i="2"/>
  <c r="N6711" i="2"/>
  <c r="W6679" i="6" l="1"/>
  <c r="B6711" i="2"/>
  <c r="N6712" i="2"/>
  <c r="W6680" i="6" l="1"/>
  <c r="B6712" i="2"/>
  <c r="N6713" i="2"/>
  <c r="W6681" i="6" l="1"/>
  <c r="B6713" i="2"/>
  <c r="N6714" i="2"/>
  <c r="W6682" i="6" l="1"/>
  <c r="B6714" i="2"/>
  <c r="N6715" i="2"/>
  <c r="W6683" i="6" l="1"/>
  <c r="B6715" i="2"/>
  <c r="N6716" i="2"/>
  <c r="W6684" i="6" l="1"/>
  <c r="B6716" i="2"/>
  <c r="N6717" i="2"/>
  <c r="W6685" i="6" l="1"/>
  <c r="B6717" i="2"/>
  <c r="N6718" i="2"/>
  <c r="W6686" i="6" l="1"/>
  <c r="B6718" i="2"/>
  <c r="N6719" i="2"/>
  <c r="W6687" i="6" l="1"/>
  <c r="B6719" i="2"/>
  <c r="N6720" i="2"/>
  <c r="W6688" i="6" l="1"/>
  <c r="B6720" i="2"/>
  <c r="N6721" i="2"/>
  <c r="W6689" i="6" l="1"/>
  <c r="B6721" i="2"/>
  <c r="N6722" i="2"/>
  <c r="W6690" i="6" l="1"/>
  <c r="B6722" i="2"/>
  <c r="N6723" i="2"/>
  <c r="W6691" i="6" l="1"/>
  <c r="B6723" i="2"/>
  <c r="N6724" i="2"/>
  <c r="W6692" i="6" l="1"/>
  <c r="B6724" i="2"/>
  <c r="N6725" i="2"/>
  <c r="W6693" i="6" l="1"/>
  <c r="B6725" i="2"/>
  <c r="N6726" i="2"/>
  <c r="W6694" i="6" l="1"/>
  <c r="B6726" i="2"/>
  <c r="N6727" i="2"/>
  <c r="W6695" i="6" l="1"/>
  <c r="B6727" i="2"/>
  <c r="N6728" i="2"/>
  <c r="W6696" i="6" l="1"/>
  <c r="B6728" i="2"/>
  <c r="N6729" i="2"/>
  <c r="W6697" i="6" l="1"/>
  <c r="B6729" i="2"/>
  <c r="N6730" i="2"/>
  <c r="W6698" i="6" l="1"/>
  <c r="B6730" i="2"/>
  <c r="N6731" i="2"/>
  <c r="W6699" i="6" l="1"/>
  <c r="B6731" i="2"/>
  <c r="N6732" i="2"/>
  <c r="W6700" i="6" l="1"/>
  <c r="B6732" i="2"/>
  <c r="N6733" i="2"/>
  <c r="W6701" i="6" l="1"/>
  <c r="B6733" i="2"/>
  <c r="N6734" i="2"/>
  <c r="W6702" i="6" l="1"/>
  <c r="B6734" i="2"/>
  <c r="N6735" i="2"/>
  <c r="W6703" i="6" l="1"/>
  <c r="B6735" i="2"/>
  <c r="N6736" i="2"/>
  <c r="W6704" i="6" l="1"/>
  <c r="B6736" i="2"/>
  <c r="N6737" i="2"/>
  <c r="W6705" i="6" l="1"/>
  <c r="B6737" i="2"/>
  <c r="N6738" i="2"/>
  <c r="W6706" i="6" l="1"/>
  <c r="B6738" i="2"/>
  <c r="N6739" i="2"/>
  <c r="W6707" i="6" l="1"/>
  <c r="B6739" i="2"/>
  <c r="N6740" i="2"/>
  <c r="W6708" i="6" l="1"/>
  <c r="B6740" i="2"/>
  <c r="N6741" i="2"/>
  <c r="W6709" i="6" l="1"/>
  <c r="B6741" i="2"/>
  <c r="N6742" i="2"/>
  <c r="W6710" i="6" l="1"/>
  <c r="B6742" i="2"/>
  <c r="N6743" i="2"/>
  <c r="W6711" i="6" l="1"/>
  <c r="B6743" i="2"/>
  <c r="N6744" i="2"/>
  <c r="W6712" i="6" l="1"/>
  <c r="B6744" i="2"/>
  <c r="N6745" i="2"/>
  <c r="W6713" i="6" l="1"/>
  <c r="B6745" i="2"/>
  <c r="N6746" i="2"/>
  <c r="W6714" i="6" l="1"/>
  <c r="B6746" i="2"/>
  <c r="N6747" i="2"/>
  <c r="W6715" i="6" l="1"/>
  <c r="B6747" i="2"/>
  <c r="N6748" i="2"/>
  <c r="W6716" i="6" l="1"/>
  <c r="B6748" i="2"/>
  <c r="N6749" i="2"/>
  <c r="W6717" i="6" l="1"/>
  <c r="B6749" i="2"/>
  <c r="N6750" i="2"/>
  <c r="W6718" i="6" l="1"/>
  <c r="B6750" i="2"/>
  <c r="N6751" i="2"/>
  <c r="W6719" i="6" l="1"/>
  <c r="B6751" i="2"/>
  <c r="N6752" i="2"/>
  <c r="W6720" i="6" l="1"/>
  <c r="B6752" i="2"/>
  <c r="N6753" i="2"/>
  <c r="W6721" i="6" l="1"/>
  <c r="B6753" i="2"/>
  <c r="N6754" i="2"/>
  <c r="W6722" i="6" l="1"/>
  <c r="B6754" i="2"/>
  <c r="N6755" i="2"/>
  <c r="W6723" i="6" l="1"/>
  <c r="B6755" i="2"/>
  <c r="N6756" i="2"/>
  <c r="W6724" i="6" l="1"/>
  <c r="B6756" i="2"/>
  <c r="N6757" i="2"/>
  <c r="W6725" i="6" l="1"/>
  <c r="B6757" i="2"/>
  <c r="N6758" i="2"/>
  <c r="W6726" i="6" l="1"/>
  <c r="B6758" i="2"/>
  <c r="N6759" i="2"/>
  <c r="W6727" i="6" l="1"/>
  <c r="B6759" i="2"/>
  <c r="N6760" i="2"/>
  <c r="W6728" i="6" l="1"/>
  <c r="B6760" i="2"/>
  <c r="N6761" i="2"/>
  <c r="W6729" i="6" l="1"/>
  <c r="B6761" i="2"/>
  <c r="N6762" i="2"/>
  <c r="W6730" i="6" l="1"/>
  <c r="B6762" i="2"/>
  <c r="N6763" i="2"/>
  <c r="W6731" i="6" l="1"/>
  <c r="B6763" i="2"/>
  <c r="N6764" i="2"/>
  <c r="W6732" i="6" l="1"/>
  <c r="B6764" i="2"/>
  <c r="N6765" i="2"/>
  <c r="W6733" i="6" l="1"/>
  <c r="B6765" i="2"/>
  <c r="N6766" i="2"/>
  <c r="W6734" i="6" l="1"/>
  <c r="B6766" i="2"/>
  <c r="N6767" i="2"/>
  <c r="W6735" i="6" l="1"/>
  <c r="B6767" i="2"/>
  <c r="N6768" i="2"/>
  <c r="W6736" i="6" l="1"/>
  <c r="B6768" i="2"/>
  <c r="N6769" i="2"/>
  <c r="W6737" i="6" l="1"/>
  <c r="B6769" i="2"/>
  <c r="N6770" i="2"/>
  <c r="W6738" i="6" l="1"/>
  <c r="B6770" i="2"/>
  <c r="N6771" i="2"/>
  <c r="W6739" i="6" l="1"/>
  <c r="B6771" i="2"/>
  <c r="N6772" i="2"/>
  <c r="W6740" i="6" l="1"/>
  <c r="B6772" i="2"/>
  <c r="N6773" i="2"/>
  <c r="W6741" i="6" l="1"/>
  <c r="B6773" i="2"/>
  <c r="N6774" i="2"/>
  <c r="W6742" i="6" l="1"/>
  <c r="B6774" i="2"/>
  <c r="N6775" i="2"/>
  <c r="W6743" i="6" l="1"/>
  <c r="B6775" i="2"/>
  <c r="N6776" i="2"/>
  <c r="W6744" i="6" l="1"/>
  <c r="B6776" i="2"/>
  <c r="N6777" i="2"/>
  <c r="W6745" i="6" l="1"/>
  <c r="B6777" i="2"/>
  <c r="N6778" i="2"/>
  <c r="W6746" i="6" l="1"/>
  <c r="B6778" i="2"/>
  <c r="N6779" i="2"/>
  <c r="W6747" i="6" l="1"/>
  <c r="B6779" i="2"/>
  <c r="N6780" i="2"/>
  <c r="W6748" i="6" l="1"/>
  <c r="B6780" i="2"/>
  <c r="N6781" i="2"/>
  <c r="W6749" i="6" l="1"/>
  <c r="B6781" i="2"/>
  <c r="N6782" i="2"/>
  <c r="W6750" i="6" l="1"/>
  <c r="B6782" i="2"/>
  <c r="N6783" i="2"/>
  <c r="W6751" i="6" l="1"/>
  <c r="B6783" i="2"/>
  <c r="N6784" i="2"/>
  <c r="W6752" i="6" l="1"/>
  <c r="B6784" i="2"/>
  <c r="N6785" i="2"/>
  <c r="W6753" i="6" l="1"/>
  <c r="B6785" i="2"/>
  <c r="N6786" i="2"/>
  <c r="W6754" i="6" l="1"/>
  <c r="B6786" i="2"/>
  <c r="N6787" i="2"/>
  <c r="W6755" i="6" l="1"/>
  <c r="B6787" i="2"/>
  <c r="N6788" i="2"/>
  <c r="W6756" i="6" l="1"/>
  <c r="B6788" i="2"/>
  <c r="N6789" i="2"/>
  <c r="W6757" i="6" l="1"/>
  <c r="B6789" i="2"/>
  <c r="N6790" i="2"/>
  <c r="W6758" i="6" l="1"/>
  <c r="B6790" i="2"/>
  <c r="N6791" i="2"/>
  <c r="W6759" i="6" l="1"/>
  <c r="B6791" i="2"/>
  <c r="N6792" i="2"/>
  <c r="W6760" i="6" l="1"/>
  <c r="B6792" i="2"/>
  <c r="N6793" i="2"/>
  <c r="W6761" i="6" l="1"/>
  <c r="B6793" i="2"/>
  <c r="N6794" i="2"/>
  <c r="W6762" i="6" l="1"/>
  <c r="B6794" i="2"/>
  <c r="N6795" i="2"/>
  <c r="W6763" i="6" l="1"/>
  <c r="B6795" i="2"/>
  <c r="N6796" i="2"/>
  <c r="W6764" i="6" l="1"/>
  <c r="B6796" i="2"/>
  <c r="N6797" i="2"/>
  <c r="W6765" i="6" l="1"/>
  <c r="B6797" i="2"/>
  <c r="N6798" i="2"/>
  <c r="W6766" i="6" l="1"/>
  <c r="B6798" i="2"/>
  <c r="N6799" i="2"/>
  <c r="W6767" i="6" l="1"/>
  <c r="B6799" i="2"/>
  <c r="N6800" i="2"/>
  <c r="W6768" i="6" l="1"/>
  <c r="B6800" i="2"/>
  <c r="N6801" i="2"/>
  <c r="W6769" i="6" l="1"/>
  <c r="B6801" i="2"/>
  <c r="N6802" i="2"/>
  <c r="W6770" i="6" l="1"/>
  <c r="B6802" i="2"/>
  <c r="N6803" i="2"/>
  <c r="W6771" i="6" l="1"/>
  <c r="B6803" i="2"/>
  <c r="N6804" i="2"/>
  <c r="W6772" i="6" l="1"/>
  <c r="B6804" i="2"/>
  <c r="N6805" i="2"/>
  <c r="W6773" i="6" l="1"/>
  <c r="B6805" i="2"/>
  <c r="N6806" i="2"/>
  <c r="W6774" i="6" l="1"/>
  <c r="B6806" i="2"/>
  <c r="N6807" i="2"/>
  <c r="W6775" i="6" l="1"/>
  <c r="B6807" i="2"/>
  <c r="N6808" i="2"/>
  <c r="W6776" i="6" l="1"/>
  <c r="B6808" i="2"/>
  <c r="N6809" i="2"/>
  <c r="W6777" i="6" l="1"/>
  <c r="B6809" i="2"/>
  <c r="N6810" i="2"/>
  <c r="W6778" i="6" l="1"/>
  <c r="B6810" i="2"/>
  <c r="N6811" i="2"/>
  <c r="W6779" i="6" l="1"/>
  <c r="B6811" i="2"/>
  <c r="N6812" i="2"/>
  <c r="W6780" i="6" l="1"/>
  <c r="B6812" i="2"/>
  <c r="N6813" i="2"/>
  <c r="W6781" i="6" l="1"/>
  <c r="B6813" i="2"/>
  <c r="N6814" i="2"/>
  <c r="W6782" i="6" l="1"/>
  <c r="B6814" i="2"/>
  <c r="N6815" i="2"/>
  <c r="W6783" i="6" l="1"/>
  <c r="B6815" i="2"/>
  <c r="N6816" i="2"/>
  <c r="W6784" i="6" l="1"/>
  <c r="B6816" i="2"/>
  <c r="N6817" i="2"/>
  <c r="W6785" i="6" l="1"/>
  <c r="B6817" i="2"/>
  <c r="N6818" i="2"/>
  <c r="W6786" i="6" l="1"/>
  <c r="B6818" i="2"/>
  <c r="N6819" i="2"/>
  <c r="W6787" i="6" l="1"/>
  <c r="B6819" i="2"/>
  <c r="N6820" i="2"/>
  <c r="W6788" i="6" l="1"/>
  <c r="B6820" i="2"/>
  <c r="N6821" i="2"/>
  <c r="W6789" i="6" l="1"/>
  <c r="B6821" i="2"/>
  <c r="N6822" i="2"/>
  <c r="W6790" i="6" l="1"/>
  <c r="B6822" i="2"/>
  <c r="N6823" i="2"/>
  <c r="W6791" i="6" l="1"/>
  <c r="B6823" i="2"/>
  <c r="N6824" i="2"/>
  <c r="W6792" i="6" l="1"/>
  <c r="B6824" i="2"/>
  <c r="N6825" i="2"/>
  <c r="W6793" i="6" l="1"/>
  <c r="B6825" i="2"/>
  <c r="N6826" i="2"/>
  <c r="W6794" i="6" l="1"/>
  <c r="B6826" i="2"/>
  <c r="N6827" i="2"/>
  <c r="W6795" i="6" l="1"/>
  <c r="B6827" i="2"/>
  <c r="N6828" i="2"/>
  <c r="W6796" i="6" l="1"/>
  <c r="B6828" i="2"/>
  <c r="N6829" i="2"/>
  <c r="W6797" i="6" l="1"/>
  <c r="B6829" i="2"/>
  <c r="N6830" i="2"/>
  <c r="W6798" i="6" l="1"/>
  <c r="B6830" i="2"/>
  <c r="N6831" i="2"/>
  <c r="W6799" i="6" l="1"/>
  <c r="B6831" i="2"/>
  <c r="N6832" i="2"/>
  <c r="W6800" i="6" l="1"/>
  <c r="B6832" i="2"/>
  <c r="N6833" i="2"/>
  <c r="W6801" i="6" l="1"/>
  <c r="B6833" i="2"/>
  <c r="N6834" i="2"/>
  <c r="W6802" i="6" l="1"/>
  <c r="B6834" i="2"/>
  <c r="N6835" i="2"/>
  <c r="W6803" i="6" l="1"/>
  <c r="B6835" i="2"/>
  <c r="N6836" i="2"/>
  <c r="W6804" i="6" l="1"/>
  <c r="B6836" i="2"/>
  <c r="N6837" i="2"/>
  <c r="W6805" i="6" l="1"/>
  <c r="B6837" i="2"/>
  <c r="N6838" i="2"/>
  <c r="W6806" i="6" l="1"/>
  <c r="B6838" i="2"/>
  <c r="N6839" i="2"/>
  <c r="W6807" i="6" l="1"/>
  <c r="B6839" i="2"/>
  <c r="N6840" i="2"/>
  <c r="W6808" i="6" l="1"/>
  <c r="B6840" i="2"/>
  <c r="N6841" i="2"/>
  <c r="W6809" i="6" l="1"/>
  <c r="B6841" i="2"/>
  <c r="N6842" i="2"/>
  <c r="W6810" i="6" l="1"/>
  <c r="B6842" i="2"/>
  <c r="N6843" i="2"/>
  <c r="W6811" i="6" l="1"/>
  <c r="B6843" i="2"/>
  <c r="N6844" i="2"/>
  <c r="W6812" i="6" l="1"/>
  <c r="B6844" i="2"/>
  <c r="N6845" i="2"/>
  <c r="W6813" i="6" l="1"/>
  <c r="B6845" i="2"/>
  <c r="N6846" i="2"/>
  <c r="W6814" i="6" l="1"/>
  <c r="B6846" i="2"/>
  <c r="N6847" i="2"/>
  <c r="W6815" i="6" l="1"/>
  <c r="B6847" i="2"/>
  <c r="N6848" i="2"/>
  <c r="W6816" i="6" l="1"/>
  <c r="B6848" i="2"/>
  <c r="N6849" i="2"/>
  <c r="W6817" i="6" l="1"/>
  <c r="B6849" i="2"/>
  <c r="N6850" i="2"/>
  <c r="W6818" i="6" l="1"/>
  <c r="B6850" i="2"/>
  <c r="N6851" i="2"/>
  <c r="W6819" i="6" l="1"/>
  <c r="B6851" i="2"/>
  <c r="N6852" i="2"/>
  <c r="W6820" i="6" l="1"/>
  <c r="B6852" i="2"/>
  <c r="N6853" i="2"/>
  <c r="W6821" i="6" l="1"/>
  <c r="B6853" i="2"/>
  <c r="N6854" i="2"/>
  <c r="W6822" i="6" l="1"/>
  <c r="B6854" i="2"/>
  <c r="N6855" i="2"/>
  <c r="W6823" i="6" l="1"/>
  <c r="B6855" i="2"/>
  <c r="N6856" i="2"/>
  <c r="W6824" i="6" l="1"/>
  <c r="B6856" i="2"/>
  <c r="N6857" i="2"/>
  <c r="W6825" i="6" l="1"/>
  <c r="B6857" i="2"/>
  <c r="N6858" i="2"/>
  <c r="W6826" i="6" l="1"/>
  <c r="B6858" i="2"/>
  <c r="N6859" i="2"/>
  <c r="W6827" i="6" l="1"/>
  <c r="B6859" i="2"/>
  <c r="N6860" i="2"/>
  <c r="W6828" i="6" l="1"/>
  <c r="B6860" i="2"/>
  <c r="N6861" i="2"/>
  <c r="W6829" i="6" l="1"/>
  <c r="B6861" i="2"/>
  <c r="N6862" i="2"/>
  <c r="W6830" i="6" l="1"/>
  <c r="B6862" i="2"/>
  <c r="N6863" i="2"/>
  <c r="W6831" i="6" l="1"/>
  <c r="B6863" i="2"/>
  <c r="N6864" i="2"/>
  <c r="W6832" i="6" l="1"/>
  <c r="B6864" i="2"/>
  <c r="N6865" i="2"/>
  <c r="W6833" i="6" l="1"/>
  <c r="B6865" i="2"/>
  <c r="N6866" i="2"/>
  <c r="W6834" i="6" l="1"/>
  <c r="B6866" i="2"/>
  <c r="N6867" i="2"/>
  <c r="W6835" i="6" l="1"/>
  <c r="B6867" i="2"/>
  <c r="N6868" i="2"/>
  <c r="W6836" i="6" l="1"/>
  <c r="B6868" i="2"/>
  <c r="N6869" i="2"/>
  <c r="W6837" i="6" l="1"/>
  <c r="B6869" i="2"/>
  <c r="N6870" i="2"/>
  <c r="W6838" i="6" l="1"/>
  <c r="B6870" i="2"/>
  <c r="N6871" i="2"/>
  <c r="W6839" i="6" l="1"/>
  <c r="B6871" i="2"/>
  <c r="N6872" i="2"/>
  <c r="W6840" i="6" l="1"/>
  <c r="B6872" i="2"/>
  <c r="N6873" i="2"/>
  <c r="W6841" i="6" l="1"/>
  <c r="B6873" i="2"/>
  <c r="N6874" i="2"/>
  <c r="W6842" i="6" l="1"/>
  <c r="B6874" i="2"/>
  <c r="N6875" i="2"/>
  <c r="W6843" i="6" l="1"/>
  <c r="B6875" i="2"/>
  <c r="N6876" i="2"/>
  <c r="W6844" i="6" l="1"/>
  <c r="B6876" i="2"/>
  <c r="N6877" i="2"/>
  <c r="W6845" i="6" l="1"/>
  <c r="B6877" i="2"/>
  <c r="N6878" i="2"/>
  <c r="W6846" i="6" l="1"/>
  <c r="B6878" i="2"/>
  <c r="N6879" i="2"/>
  <c r="W6847" i="6" l="1"/>
  <c r="B6879" i="2"/>
  <c r="N6880" i="2"/>
  <c r="W6848" i="6" l="1"/>
  <c r="B6880" i="2"/>
  <c r="N6881" i="2"/>
  <c r="W6849" i="6" l="1"/>
  <c r="B6881" i="2"/>
  <c r="N6882" i="2"/>
  <c r="W6850" i="6" l="1"/>
  <c r="B6882" i="2"/>
  <c r="N6883" i="2"/>
  <c r="W6851" i="6" l="1"/>
  <c r="B6883" i="2"/>
  <c r="N6884" i="2"/>
  <c r="W6852" i="6" l="1"/>
  <c r="B6884" i="2"/>
  <c r="N6885" i="2"/>
  <c r="W6853" i="6" l="1"/>
  <c r="B6885" i="2"/>
  <c r="N6886" i="2"/>
  <c r="W6854" i="6" l="1"/>
  <c r="B6886" i="2"/>
  <c r="N6887" i="2"/>
  <c r="W6855" i="6" l="1"/>
  <c r="B6887" i="2"/>
  <c r="N6888" i="2"/>
  <c r="W6856" i="6" l="1"/>
  <c r="B6888" i="2"/>
  <c r="N6889" i="2"/>
  <c r="W6857" i="6" l="1"/>
  <c r="B6889" i="2"/>
  <c r="N6890" i="2"/>
  <c r="W6858" i="6" l="1"/>
  <c r="B6890" i="2"/>
  <c r="N6891" i="2"/>
  <c r="W6859" i="6" l="1"/>
  <c r="B6891" i="2"/>
  <c r="N6892" i="2"/>
  <c r="W6860" i="6" l="1"/>
  <c r="B6892" i="2"/>
  <c r="N6893" i="2"/>
  <c r="W6861" i="6" l="1"/>
  <c r="B6893" i="2"/>
  <c r="N6894" i="2"/>
  <c r="W6862" i="6" l="1"/>
  <c r="B6894" i="2"/>
  <c r="N6895" i="2"/>
  <c r="W6863" i="6" l="1"/>
  <c r="B6895" i="2"/>
  <c r="N6896" i="2"/>
  <c r="W6864" i="6" l="1"/>
  <c r="B6896" i="2"/>
  <c r="N6897" i="2"/>
  <c r="W6865" i="6" l="1"/>
  <c r="B6897" i="2"/>
  <c r="N6898" i="2"/>
  <c r="W6866" i="6" l="1"/>
  <c r="B6898" i="2"/>
  <c r="N6899" i="2"/>
  <c r="W6867" i="6" l="1"/>
  <c r="B6899" i="2"/>
  <c r="N6900" i="2"/>
  <c r="W6868" i="6" l="1"/>
  <c r="B6900" i="2"/>
  <c r="N6901" i="2"/>
  <c r="W6869" i="6" l="1"/>
  <c r="B6901" i="2"/>
  <c r="N6902" i="2"/>
  <c r="W6870" i="6" l="1"/>
  <c r="B6902" i="2"/>
  <c r="N6903" i="2"/>
  <c r="W6871" i="6" l="1"/>
  <c r="B6903" i="2"/>
  <c r="N6904" i="2"/>
  <c r="W6872" i="6" l="1"/>
  <c r="B6904" i="2"/>
  <c r="N6905" i="2"/>
  <c r="W6873" i="6" l="1"/>
  <c r="B6905" i="2"/>
  <c r="N6906" i="2"/>
  <c r="W6874" i="6" l="1"/>
  <c r="B6906" i="2"/>
  <c r="N6907" i="2"/>
  <c r="W6875" i="6" l="1"/>
  <c r="B6907" i="2"/>
  <c r="N6908" i="2"/>
  <c r="W6876" i="6" l="1"/>
  <c r="B6908" i="2"/>
  <c r="N6909" i="2"/>
  <c r="W6877" i="6" l="1"/>
  <c r="B6909" i="2"/>
  <c r="N6910" i="2"/>
  <c r="W6878" i="6" l="1"/>
  <c r="B6910" i="2"/>
  <c r="N6911" i="2"/>
  <c r="W6879" i="6" l="1"/>
  <c r="B6911" i="2"/>
  <c r="N6912" i="2"/>
  <c r="W6880" i="6" l="1"/>
  <c r="B6912" i="2"/>
  <c r="N6913" i="2"/>
  <c r="W6881" i="6" l="1"/>
  <c r="B6913" i="2"/>
  <c r="N6914" i="2"/>
  <c r="W6882" i="6" l="1"/>
  <c r="B6914" i="2"/>
  <c r="N6915" i="2"/>
  <c r="W6883" i="6" l="1"/>
  <c r="B6915" i="2"/>
  <c r="N6916" i="2"/>
  <c r="W6884" i="6" l="1"/>
  <c r="B6916" i="2"/>
  <c r="N6917" i="2"/>
  <c r="W6885" i="6" l="1"/>
  <c r="B6917" i="2"/>
  <c r="N6918" i="2"/>
  <c r="W6886" i="6" l="1"/>
  <c r="B6918" i="2"/>
  <c r="N6919" i="2"/>
  <c r="W6887" i="6" l="1"/>
  <c r="B6919" i="2"/>
  <c r="N6920" i="2"/>
  <c r="W6888" i="6" l="1"/>
  <c r="B6920" i="2"/>
  <c r="N6921" i="2"/>
  <c r="W6889" i="6" l="1"/>
  <c r="B6921" i="2"/>
  <c r="N6922" i="2"/>
  <c r="W6890" i="6" l="1"/>
  <c r="B6922" i="2"/>
  <c r="N6923" i="2"/>
  <c r="W6891" i="6" l="1"/>
  <c r="B6923" i="2"/>
  <c r="N6924" i="2"/>
  <c r="W6892" i="6" l="1"/>
  <c r="B6924" i="2"/>
  <c r="N6925" i="2"/>
  <c r="W6893" i="6" l="1"/>
  <c r="B6925" i="2"/>
  <c r="N6926" i="2"/>
  <c r="W6894" i="6" l="1"/>
  <c r="B6926" i="2"/>
  <c r="N6927" i="2"/>
  <c r="W6895" i="6" l="1"/>
  <c r="B6927" i="2"/>
  <c r="N6928" i="2"/>
  <c r="W6896" i="6" l="1"/>
  <c r="B6928" i="2"/>
  <c r="N6929" i="2"/>
  <c r="W6897" i="6" l="1"/>
  <c r="B6929" i="2"/>
  <c r="N6930" i="2"/>
  <c r="W6898" i="6" l="1"/>
  <c r="B6930" i="2"/>
  <c r="N6931" i="2"/>
  <c r="W6899" i="6" l="1"/>
  <c r="B6931" i="2"/>
  <c r="N6932" i="2"/>
  <c r="W6900" i="6" l="1"/>
  <c r="B6932" i="2"/>
  <c r="N6933" i="2"/>
  <c r="W6901" i="6" l="1"/>
  <c r="B6933" i="2"/>
  <c r="N6934" i="2"/>
  <c r="W6902" i="6" l="1"/>
  <c r="B6934" i="2"/>
  <c r="N6935" i="2"/>
  <c r="W6903" i="6" l="1"/>
  <c r="B6935" i="2"/>
  <c r="N6936" i="2"/>
  <c r="W6904" i="6" l="1"/>
  <c r="B6936" i="2"/>
  <c r="N6937" i="2"/>
  <c r="W6905" i="6" l="1"/>
  <c r="B6937" i="2"/>
  <c r="N6938" i="2"/>
  <c r="W6906" i="6" l="1"/>
  <c r="B6938" i="2"/>
  <c r="N6939" i="2"/>
  <c r="W6907" i="6" l="1"/>
  <c r="B6939" i="2"/>
  <c r="N6940" i="2"/>
  <c r="W6908" i="6" l="1"/>
  <c r="B6940" i="2"/>
  <c r="N6941" i="2"/>
  <c r="W6909" i="6" l="1"/>
  <c r="B6941" i="2"/>
  <c r="N6942" i="2"/>
  <c r="W6910" i="6" l="1"/>
  <c r="B6942" i="2"/>
  <c r="N6943" i="2"/>
  <c r="W6911" i="6" l="1"/>
  <c r="B6943" i="2"/>
  <c r="N6944" i="2"/>
  <c r="W6912" i="6" l="1"/>
  <c r="B6944" i="2"/>
  <c r="N6945" i="2"/>
  <c r="W6913" i="6" l="1"/>
  <c r="B6945" i="2"/>
  <c r="N6946" i="2"/>
  <c r="W6914" i="6" l="1"/>
  <c r="B6946" i="2"/>
  <c r="N6947" i="2"/>
  <c r="W6915" i="6" l="1"/>
  <c r="B6947" i="2"/>
  <c r="N6948" i="2"/>
  <c r="W6916" i="6" l="1"/>
  <c r="B6948" i="2"/>
  <c r="N6949" i="2"/>
  <c r="W6917" i="6" l="1"/>
  <c r="B6949" i="2"/>
  <c r="N6950" i="2"/>
  <c r="W6918" i="6" l="1"/>
  <c r="B6950" i="2"/>
  <c r="N6951" i="2"/>
  <c r="W6919" i="6" l="1"/>
  <c r="B6951" i="2"/>
  <c r="N6952" i="2"/>
  <c r="W6920" i="6" l="1"/>
  <c r="B6952" i="2"/>
  <c r="N6953" i="2"/>
  <c r="W6921" i="6" l="1"/>
  <c r="B6953" i="2"/>
  <c r="N6954" i="2"/>
  <c r="W6922" i="6" l="1"/>
  <c r="B6954" i="2"/>
  <c r="N6955" i="2"/>
  <c r="W6923" i="6" l="1"/>
  <c r="B6955" i="2"/>
  <c r="N6956" i="2"/>
  <c r="W6924" i="6" l="1"/>
  <c r="B6956" i="2"/>
  <c r="N6957" i="2"/>
  <c r="W6925" i="6" l="1"/>
  <c r="B6957" i="2"/>
  <c r="N6958" i="2"/>
  <c r="W6926" i="6" l="1"/>
  <c r="B6958" i="2"/>
  <c r="N6959" i="2"/>
  <c r="W6927" i="6" l="1"/>
  <c r="B6959" i="2"/>
  <c r="N6960" i="2"/>
  <c r="W6928" i="6" l="1"/>
  <c r="B6960" i="2"/>
  <c r="N6961" i="2"/>
  <c r="W6929" i="6" l="1"/>
  <c r="B6961" i="2"/>
  <c r="N6962" i="2"/>
  <c r="W6930" i="6" l="1"/>
  <c r="B6962" i="2"/>
  <c r="N6963" i="2"/>
  <c r="W6931" i="6" l="1"/>
  <c r="B6963" i="2"/>
  <c r="N6964" i="2"/>
  <c r="W6932" i="6" l="1"/>
  <c r="B6964" i="2"/>
  <c r="N6965" i="2"/>
  <c r="W6933" i="6" l="1"/>
  <c r="B6965" i="2"/>
  <c r="N6966" i="2"/>
  <c r="W6934" i="6" l="1"/>
  <c r="B6966" i="2"/>
  <c r="N6967" i="2"/>
  <c r="W6935" i="6" l="1"/>
  <c r="B6967" i="2"/>
  <c r="N6968" i="2"/>
  <c r="W6936" i="6" l="1"/>
  <c r="B6968" i="2"/>
  <c r="N6969" i="2"/>
  <c r="W6937" i="6" l="1"/>
  <c r="B6969" i="2"/>
  <c r="N6970" i="2"/>
  <c r="W6938" i="6" l="1"/>
  <c r="B6970" i="2"/>
  <c r="N6971" i="2"/>
  <c r="W6939" i="6" l="1"/>
  <c r="B6971" i="2"/>
  <c r="N6972" i="2"/>
  <c r="W6940" i="6" l="1"/>
  <c r="B6972" i="2"/>
  <c r="N6973" i="2"/>
  <c r="W6941" i="6" l="1"/>
  <c r="B6973" i="2"/>
  <c r="N6974" i="2"/>
  <c r="W6942" i="6" l="1"/>
  <c r="B6974" i="2"/>
  <c r="N6975" i="2"/>
  <c r="W6943" i="6" l="1"/>
  <c r="B6975" i="2"/>
  <c r="N6976" i="2"/>
  <c r="W6944" i="6" l="1"/>
  <c r="B6976" i="2"/>
  <c r="N6977" i="2"/>
  <c r="W6945" i="6" l="1"/>
  <c r="B6977" i="2"/>
  <c r="N6978" i="2"/>
  <c r="W6946" i="6" l="1"/>
  <c r="B6978" i="2"/>
  <c r="N6979" i="2"/>
  <c r="W6947" i="6" l="1"/>
  <c r="B6979" i="2"/>
  <c r="N6980" i="2"/>
  <c r="W6948" i="6" l="1"/>
  <c r="B6980" i="2"/>
  <c r="N6981" i="2"/>
  <c r="W6949" i="6" l="1"/>
  <c r="B6981" i="2"/>
  <c r="N6982" i="2"/>
  <c r="W6950" i="6" l="1"/>
  <c r="B6982" i="2"/>
  <c r="N6983" i="2"/>
  <c r="W6951" i="6" l="1"/>
  <c r="B6983" i="2"/>
  <c r="N6984" i="2"/>
  <c r="W6952" i="6" l="1"/>
  <c r="B6984" i="2"/>
  <c r="N6985" i="2"/>
  <c r="W6953" i="6" l="1"/>
  <c r="B6985" i="2"/>
  <c r="N6986" i="2"/>
  <c r="W6954" i="6" l="1"/>
  <c r="B6986" i="2"/>
  <c r="N6987" i="2"/>
  <c r="W6955" i="6" l="1"/>
  <c r="B6987" i="2"/>
  <c r="N6988" i="2"/>
  <c r="W6956" i="6" l="1"/>
  <c r="B6988" i="2"/>
  <c r="N6989" i="2"/>
  <c r="W6957" i="6" l="1"/>
  <c r="B6989" i="2"/>
  <c r="N6990" i="2"/>
  <c r="W6958" i="6" l="1"/>
  <c r="B6990" i="2"/>
  <c r="N6991" i="2"/>
  <c r="W6959" i="6" l="1"/>
  <c r="B6991" i="2"/>
  <c r="N6992" i="2"/>
  <c r="W6960" i="6" l="1"/>
  <c r="B6992" i="2"/>
  <c r="N6993" i="2"/>
  <c r="W6961" i="6" l="1"/>
  <c r="B6993" i="2"/>
  <c r="N6994" i="2"/>
  <c r="W6962" i="6" l="1"/>
  <c r="B6994" i="2"/>
  <c r="N6995" i="2"/>
  <c r="W6963" i="6" l="1"/>
  <c r="B6995" i="2"/>
  <c r="N6996" i="2"/>
  <c r="W6964" i="6" l="1"/>
  <c r="B6996" i="2"/>
  <c r="N6997" i="2"/>
  <c r="W6965" i="6" l="1"/>
  <c r="B6997" i="2"/>
  <c r="N6998" i="2"/>
  <c r="W6966" i="6" l="1"/>
  <c r="B6998" i="2"/>
  <c r="N6999" i="2"/>
  <c r="W6967" i="6" l="1"/>
  <c r="B6999" i="2"/>
  <c r="N7000" i="2"/>
  <c r="W6968" i="6" l="1"/>
  <c r="B7000" i="2"/>
  <c r="N7001" i="2"/>
  <c r="W6969" i="6" l="1"/>
  <c r="B7001" i="2"/>
  <c r="N7002" i="2"/>
  <c r="W6970" i="6" l="1"/>
  <c r="B7002" i="2"/>
  <c r="N7003" i="2"/>
  <c r="W6971" i="6" l="1"/>
  <c r="B7003" i="2"/>
  <c r="N7004" i="2"/>
  <c r="W6972" i="6" l="1"/>
  <c r="B7004" i="2"/>
  <c r="N7005" i="2"/>
  <c r="W6973" i="6" l="1"/>
  <c r="B7005" i="2"/>
  <c r="N7006" i="2"/>
  <c r="W6974" i="6" l="1"/>
  <c r="B7006" i="2"/>
  <c r="N7007" i="2"/>
  <c r="W6975" i="6" l="1"/>
  <c r="B7007" i="2"/>
  <c r="N7008" i="2"/>
  <c r="W6976" i="6" l="1"/>
  <c r="B7008" i="2"/>
  <c r="N7009" i="2"/>
  <c r="W6977" i="6" l="1"/>
  <c r="B7009" i="2"/>
  <c r="N7010" i="2"/>
  <c r="W6978" i="6" l="1"/>
  <c r="B7010" i="2"/>
  <c r="N7011" i="2"/>
  <c r="W6979" i="6" l="1"/>
  <c r="B7011" i="2"/>
  <c r="N7012" i="2"/>
  <c r="W6980" i="6" l="1"/>
  <c r="B7012" i="2"/>
  <c r="N7013" i="2"/>
  <c r="W6981" i="6" l="1"/>
  <c r="B7013" i="2"/>
  <c r="N7014" i="2"/>
  <c r="W6982" i="6" l="1"/>
  <c r="B7014" i="2"/>
  <c r="N7015" i="2"/>
  <c r="W6983" i="6" l="1"/>
  <c r="B7015" i="2"/>
  <c r="N7016" i="2"/>
  <c r="W6984" i="6" l="1"/>
  <c r="B7016" i="2"/>
  <c r="N7017" i="2"/>
  <c r="W6985" i="6" l="1"/>
  <c r="B7017" i="2"/>
  <c r="N7018" i="2"/>
  <c r="W6986" i="6" l="1"/>
  <c r="B7018" i="2"/>
  <c r="N7019" i="2"/>
  <c r="W6987" i="6" l="1"/>
  <c r="B7019" i="2"/>
  <c r="N7020" i="2"/>
  <c r="W6988" i="6" l="1"/>
  <c r="B7020" i="2"/>
  <c r="N7021" i="2"/>
  <c r="W6989" i="6" l="1"/>
  <c r="B7021" i="2"/>
  <c r="N7022" i="2"/>
  <c r="W6990" i="6" l="1"/>
  <c r="B7022" i="2"/>
  <c r="N7023" i="2"/>
  <c r="W6991" i="6" l="1"/>
  <c r="B7023" i="2"/>
  <c r="N7024" i="2"/>
  <c r="W6992" i="6" l="1"/>
  <c r="B7024" i="2"/>
  <c r="N7025" i="2"/>
  <c r="W6993" i="6" l="1"/>
  <c r="B7025" i="2"/>
  <c r="N7026" i="2"/>
  <c r="W6994" i="6" l="1"/>
  <c r="B7026" i="2"/>
  <c r="N7027" i="2"/>
  <c r="W6995" i="6" l="1"/>
  <c r="B7027" i="2"/>
  <c r="N7028" i="2"/>
  <c r="W6996" i="6" l="1"/>
  <c r="B7028" i="2"/>
  <c r="N7029" i="2"/>
  <c r="W6997" i="6" l="1"/>
  <c r="B7029" i="2"/>
  <c r="N7030" i="2"/>
  <c r="W6998" i="6" l="1"/>
  <c r="B7030" i="2"/>
  <c r="N7031" i="2"/>
  <c r="W6999" i="6" l="1"/>
  <c r="B7031" i="2"/>
  <c r="N7032" i="2"/>
  <c r="W7000" i="6" l="1"/>
  <c r="B7032" i="2"/>
  <c r="N7033" i="2"/>
  <c r="W7001" i="6" l="1"/>
  <c r="B7033" i="2"/>
  <c r="N7034" i="2"/>
  <c r="W7002" i="6" l="1"/>
  <c r="B7034" i="2"/>
  <c r="N7035" i="2"/>
  <c r="W7003" i="6" l="1"/>
  <c r="B7035" i="2"/>
  <c r="N7036" i="2"/>
  <c r="W7004" i="6" l="1"/>
  <c r="B7036" i="2"/>
  <c r="N7037" i="2"/>
  <c r="W7005" i="6" l="1"/>
  <c r="B7037" i="2"/>
  <c r="N7038" i="2"/>
  <c r="W7006" i="6" l="1"/>
  <c r="B7038" i="2"/>
  <c r="N7039" i="2"/>
  <c r="W7007" i="6" l="1"/>
  <c r="B7039" i="2"/>
  <c r="N7040" i="2"/>
  <c r="W7008" i="6" l="1"/>
  <c r="B7040" i="2"/>
  <c r="N7041" i="2"/>
  <c r="W7009" i="6" l="1"/>
  <c r="B7041" i="2"/>
  <c r="N7042" i="2"/>
  <c r="W7010" i="6" l="1"/>
  <c r="B7042" i="2"/>
  <c r="N7043" i="2"/>
  <c r="W7011" i="6" l="1"/>
  <c r="B7043" i="2"/>
  <c r="N7044" i="2"/>
  <c r="W7012" i="6" l="1"/>
  <c r="B7044" i="2"/>
  <c r="N7045" i="2"/>
  <c r="W7013" i="6" l="1"/>
  <c r="B7045" i="2"/>
  <c r="N7046" i="2"/>
  <c r="W7014" i="6" l="1"/>
  <c r="B7046" i="2"/>
  <c r="N7047" i="2"/>
  <c r="W7015" i="6" l="1"/>
  <c r="B7047" i="2"/>
  <c r="N7048" i="2"/>
  <c r="W7016" i="6" l="1"/>
  <c r="B7048" i="2"/>
  <c r="N7049" i="2"/>
  <c r="W7017" i="6" l="1"/>
  <c r="B7049" i="2"/>
  <c r="N7050" i="2"/>
  <c r="W7018" i="6" l="1"/>
  <c r="B7050" i="2"/>
  <c r="N7051" i="2"/>
  <c r="W7019" i="6" l="1"/>
  <c r="B7051" i="2"/>
  <c r="N7052" i="2"/>
  <c r="W7020" i="6" l="1"/>
  <c r="B7052" i="2"/>
  <c r="N7053" i="2"/>
  <c r="W7021" i="6" l="1"/>
  <c r="B7053" i="2"/>
  <c r="N7054" i="2"/>
  <c r="W7022" i="6" l="1"/>
  <c r="B7054" i="2"/>
  <c r="N7055" i="2"/>
  <c r="W7023" i="6" l="1"/>
  <c r="B7055" i="2"/>
  <c r="N7056" i="2"/>
  <c r="W7024" i="6" l="1"/>
  <c r="B7056" i="2"/>
  <c r="N7057" i="2"/>
  <c r="W7025" i="6" l="1"/>
  <c r="B7057" i="2"/>
  <c r="N7058" i="2"/>
  <c r="W7026" i="6" l="1"/>
  <c r="B7058" i="2"/>
  <c r="N7059" i="2"/>
  <c r="W7027" i="6" l="1"/>
  <c r="B7059" i="2"/>
  <c r="N7060" i="2"/>
  <c r="W7028" i="6" l="1"/>
  <c r="B7060" i="2"/>
  <c r="N7061" i="2"/>
  <c r="W7029" i="6" l="1"/>
  <c r="B7061" i="2"/>
  <c r="N7062" i="2"/>
  <c r="W7030" i="6" l="1"/>
  <c r="B7062" i="2"/>
  <c r="N7063" i="2"/>
  <c r="W7031" i="6" l="1"/>
  <c r="B7063" i="2"/>
  <c r="N7064" i="2"/>
  <c r="W7032" i="6" l="1"/>
  <c r="B7064" i="2"/>
  <c r="N7065" i="2"/>
  <c r="W7033" i="6" l="1"/>
  <c r="B7065" i="2"/>
  <c r="N7066" i="2"/>
  <c r="W7034" i="6" l="1"/>
  <c r="B7066" i="2"/>
  <c r="N7067" i="2"/>
  <c r="W7035" i="6" l="1"/>
  <c r="B7067" i="2"/>
  <c r="N7068" i="2"/>
  <c r="W7036" i="6" l="1"/>
  <c r="B7068" i="2"/>
  <c r="N7069" i="2"/>
  <c r="W7037" i="6" l="1"/>
  <c r="B7069" i="2"/>
  <c r="N7070" i="2"/>
  <c r="W7038" i="6" l="1"/>
  <c r="B7070" i="2"/>
  <c r="N7071" i="2"/>
  <c r="W7039" i="6" l="1"/>
  <c r="B7071" i="2"/>
  <c r="N7072" i="2"/>
  <c r="W7040" i="6" l="1"/>
  <c r="B7072" i="2"/>
  <c r="N7073" i="2"/>
  <c r="W7041" i="6" l="1"/>
  <c r="B7073" i="2"/>
  <c r="N7074" i="2"/>
  <c r="W7042" i="6" l="1"/>
  <c r="B7074" i="2"/>
  <c r="N7075" i="2"/>
  <c r="W7043" i="6" l="1"/>
  <c r="B7075" i="2"/>
  <c r="N7076" i="2"/>
  <c r="W7044" i="6" l="1"/>
  <c r="B7076" i="2"/>
  <c r="N7077" i="2"/>
  <c r="W7045" i="6" l="1"/>
  <c r="B7077" i="2"/>
  <c r="N7078" i="2"/>
  <c r="W7046" i="6" l="1"/>
  <c r="B7078" i="2"/>
  <c r="N7079" i="2"/>
  <c r="W7047" i="6" l="1"/>
  <c r="B7079" i="2"/>
  <c r="N7080" i="2"/>
  <c r="W7048" i="6" l="1"/>
  <c r="B7080" i="2"/>
  <c r="N7081" i="2"/>
  <c r="W7049" i="6" l="1"/>
  <c r="B7081" i="2"/>
  <c r="N7082" i="2"/>
  <c r="W7050" i="6" l="1"/>
  <c r="B7082" i="2"/>
  <c r="N7083" i="2"/>
  <c r="W7051" i="6" l="1"/>
  <c r="B7083" i="2"/>
  <c r="N7084" i="2"/>
  <c r="W7052" i="6" l="1"/>
  <c r="B7084" i="2"/>
  <c r="N7085" i="2"/>
  <c r="W7053" i="6" l="1"/>
  <c r="B7085" i="2"/>
  <c r="N7086" i="2"/>
  <c r="W7054" i="6" l="1"/>
  <c r="B7086" i="2"/>
  <c r="N7087" i="2"/>
  <c r="W7055" i="6" l="1"/>
  <c r="B7087" i="2"/>
  <c r="N7088" i="2"/>
  <c r="W7056" i="6" l="1"/>
  <c r="B7088" i="2"/>
  <c r="N7089" i="2"/>
  <c r="W7057" i="6" l="1"/>
  <c r="B7089" i="2"/>
  <c r="N7090" i="2"/>
  <c r="W7058" i="6" l="1"/>
  <c r="B7090" i="2"/>
  <c r="N7091" i="2"/>
  <c r="W7059" i="6" l="1"/>
  <c r="B7091" i="2"/>
  <c r="N7092" i="2"/>
  <c r="W7060" i="6" l="1"/>
  <c r="B7092" i="2"/>
  <c r="N7093" i="2"/>
  <c r="W7061" i="6" l="1"/>
  <c r="B7093" i="2"/>
  <c r="N7094" i="2"/>
  <c r="W7062" i="6" l="1"/>
  <c r="B7094" i="2"/>
  <c r="N7095" i="2"/>
  <c r="W7063" i="6" l="1"/>
  <c r="B7095" i="2"/>
  <c r="N7096" i="2"/>
  <c r="W7064" i="6" l="1"/>
  <c r="B7096" i="2"/>
  <c r="N7097" i="2"/>
  <c r="W7065" i="6" l="1"/>
  <c r="B7097" i="2"/>
  <c r="N7098" i="2"/>
  <c r="W7066" i="6" l="1"/>
  <c r="B7098" i="2"/>
  <c r="N7099" i="2"/>
  <c r="W7067" i="6" l="1"/>
  <c r="B7099" i="2"/>
  <c r="N7100" i="2"/>
  <c r="W7068" i="6" l="1"/>
  <c r="B7100" i="2"/>
  <c r="N7101" i="2"/>
  <c r="W7069" i="6" l="1"/>
  <c r="B7101" i="2"/>
  <c r="N7102" i="2"/>
  <c r="W7070" i="6" l="1"/>
  <c r="B7102" i="2"/>
  <c r="N7103" i="2"/>
  <c r="W7071" i="6" l="1"/>
  <c r="B7103" i="2"/>
  <c r="N7104" i="2"/>
  <c r="W7072" i="6" l="1"/>
  <c r="B7104" i="2"/>
  <c r="N7105" i="2"/>
  <c r="W7073" i="6" l="1"/>
  <c r="B7105" i="2"/>
  <c r="N7106" i="2"/>
  <c r="W7074" i="6" l="1"/>
  <c r="B7106" i="2"/>
  <c r="N7107" i="2"/>
  <c r="W7075" i="6" l="1"/>
  <c r="B7107" i="2"/>
  <c r="N7108" i="2"/>
  <c r="W7076" i="6" l="1"/>
  <c r="B7108" i="2"/>
  <c r="N7109" i="2"/>
  <c r="W7077" i="6" l="1"/>
  <c r="B7109" i="2"/>
  <c r="N7110" i="2"/>
  <c r="W7078" i="6" l="1"/>
  <c r="B7110" i="2"/>
  <c r="N7111" i="2"/>
  <c r="W7079" i="6" l="1"/>
  <c r="B7111" i="2"/>
  <c r="N7112" i="2"/>
  <c r="W7080" i="6" l="1"/>
  <c r="B7112" i="2"/>
  <c r="N7113" i="2"/>
  <c r="W7081" i="6" l="1"/>
  <c r="B7113" i="2"/>
  <c r="N7114" i="2"/>
  <c r="W7082" i="6" l="1"/>
  <c r="B7114" i="2"/>
  <c r="N7115" i="2"/>
  <c r="W7083" i="6" l="1"/>
  <c r="B7115" i="2"/>
  <c r="N7116" i="2"/>
  <c r="W7084" i="6" l="1"/>
  <c r="B7116" i="2"/>
  <c r="N7117" i="2"/>
  <c r="W7085" i="6" l="1"/>
  <c r="B7117" i="2"/>
  <c r="N7118" i="2"/>
  <c r="W7086" i="6" l="1"/>
  <c r="B7118" i="2"/>
  <c r="N7119" i="2"/>
  <c r="W7087" i="6" l="1"/>
  <c r="B7119" i="2"/>
  <c r="N7120" i="2"/>
  <c r="W7088" i="6" l="1"/>
  <c r="B7120" i="2"/>
  <c r="N7121" i="2"/>
  <c r="W7089" i="6" l="1"/>
  <c r="B7121" i="2"/>
  <c r="N7122" i="2"/>
  <c r="W7090" i="6" l="1"/>
  <c r="B7122" i="2"/>
  <c r="N7123" i="2"/>
  <c r="W7091" i="6" l="1"/>
  <c r="B7123" i="2"/>
  <c r="N7124" i="2"/>
  <c r="W7092" i="6" l="1"/>
  <c r="B7124" i="2"/>
  <c r="N7125" i="2"/>
  <c r="W7093" i="6" l="1"/>
  <c r="B7125" i="2"/>
  <c r="N7126" i="2"/>
  <c r="W7094" i="6" l="1"/>
  <c r="B7126" i="2"/>
  <c r="N7127" i="2"/>
  <c r="W7095" i="6" l="1"/>
  <c r="B7127" i="2"/>
  <c r="N7128" i="2"/>
  <c r="W7096" i="6" l="1"/>
  <c r="B7128" i="2"/>
  <c r="N7129" i="2"/>
  <c r="W7097" i="6" l="1"/>
  <c r="B7129" i="2"/>
  <c r="N7130" i="2"/>
  <c r="W7098" i="6" l="1"/>
  <c r="B7130" i="2"/>
  <c r="N7131" i="2"/>
  <c r="W7099" i="6" l="1"/>
  <c r="B7131" i="2"/>
  <c r="N7132" i="2"/>
  <c r="W7100" i="6" l="1"/>
  <c r="B7132" i="2"/>
  <c r="N7133" i="2"/>
  <c r="W7101" i="6" l="1"/>
  <c r="B7133" i="2"/>
  <c r="N7134" i="2"/>
  <c r="W7102" i="6" l="1"/>
  <c r="B7134" i="2"/>
  <c r="N7135" i="2"/>
  <c r="W7103" i="6" l="1"/>
  <c r="B7135" i="2"/>
  <c r="N7136" i="2"/>
  <c r="W7104" i="6" l="1"/>
  <c r="B7136" i="2"/>
  <c r="N7137" i="2"/>
  <c r="W7105" i="6" l="1"/>
  <c r="B7137" i="2"/>
  <c r="N7138" i="2"/>
  <c r="W7106" i="6" l="1"/>
  <c r="B7138" i="2"/>
  <c r="N7139" i="2"/>
  <c r="W7107" i="6" l="1"/>
  <c r="B7139" i="2"/>
  <c r="N7140" i="2"/>
  <c r="W7108" i="6" l="1"/>
  <c r="B7140" i="2"/>
  <c r="N7141" i="2"/>
  <c r="W7109" i="6" l="1"/>
  <c r="B7141" i="2"/>
  <c r="N7142" i="2"/>
  <c r="W7110" i="6" l="1"/>
  <c r="B7142" i="2"/>
  <c r="N7143" i="2"/>
  <c r="W7111" i="6" l="1"/>
  <c r="B7143" i="2"/>
  <c r="N7144" i="2"/>
  <c r="W7112" i="6" l="1"/>
  <c r="B7144" i="2"/>
  <c r="N7145" i="2"/>
  <c r="W7113" i="6" l="1"/>
  <c r="B7145" i="2"/>
  <c r="N7146" i="2"/>
  <c r="W7114" i="6" l="1"/>
  <c r="B7146" i="2"/>
  <c r="N7147" i="2"/>
  <c r="W7115" i="6" l="1"/>
  <c r="B7147" i="2"/>
  <c r="N7148" i="2"/>
  <c r="W7116" i="6" l="1"/>
  <c r="B7148" i="2"/>
  <c r="N7149" i="2"/>
  <c r="W7117" i="6" l="1"/>
  <c r="B7149" i="2"/>
  <c r="N7150" i="2"/>
  <c r="W7118" i="6" l="1"/>
  <c r="B7150" i="2"/>
  <c r="N7151" i="2"/>
  <c r="W7119" i="6" l="1"/>
  <c r="B7151" i="2"/>
  <c r="N7152" i="2"/>
  <c r="W7120" i="6" l="1"/>
  <c r="B7152" i="2"/>
  <c r="N7153" i="2"/>
  <c r="W7121" i="6" l="1"/>
  <c r="B7153" i="2"/>
  <c r="N7154" i="2"/>
  <c r="W7122" i="6" l="1"/>
  <c r="B7154" i="2"/>
  <c r="N7155" i="2"/>
  <c r="W7123" i="6" l="1"/>
  <c r="B7155" i="2"/>
  <c r="N7156" i="2"/>
  <c r="W7124" i="6" l="1"/>
  <c r="B7156" i="2"/>
  <c r="N7157" i="2"/>
  <c r="W7125" i="6" l="1"/>
  <c r="B7157" i="2"/>
  <c r="N7158" i="2"/>
  <c r="W7126" i="6" l="1"/>
  <c r="B7158" i="2"/>
  <c r="N7159" i="2"/>
  <c r="W7127" i="6" l="1"/>
  <c r="B7159" i="2"/>
  <c r="N7160" i="2"/>
  <c r="W7128" i="6" l="1"/>
  <c r="B7160" i="2"/>
  <c r="N7161" i="2"/>
  <c r="W7129" i="6" l="1"/>
  <c r="B7161" i="2"/>
  <c r="N7162" i="2"/>
  <c r="W7130" i="6" l="1"/>
  <c r="B7162" i="2"/>
  <c r="N7163" i="2"/>
  <c r="W7131" i="6" l="1"/>
  <c r="B7163" i="2"/>
  <c r="N7164" i="2"/>
  <c r="W7132" i="6" l="1"/>
  <c r="B7164" i="2"/>
  <c r="N7165" i="2"/>
  <c r="W7133" i="6" l="1"/>
  <c r="B7165" i="2"/>
  <c r="N7166" i="2"/>
  <c r="W7134" i="6" l="1"/>
  <c r="B7166" i="2"/>
  <c r="N7167" i="2"/>
  <c r="W7135" i="6" l="1"/>
  <c r="B7167" i="2"/>
  <c r="N7168" i="2"/>
  <c r="W7136" i="6" l="1"/>
  <c r="B7168" i="2"/>
  <c r="N7169" i="2"/>
  <c r="W7137" i="6" l="1"/>
  <c r="B7169" i="2"/>
  <c r="N7170" i="2"/>
  <c r="W7138" i="6" l="1"/>
  <c r="B7170" i="2"/>
  <c r="N7171" i="2"/>
  <c r="W7139" i="6" l="1"/>
  <c r="B7171" i="2"/>
  <c r="N7172" i="2"/>
  <c r="W7140" i="6" l="1"/>
  <c r="B7172" i="2"/>
  <c r="N7173" i="2"/>
  <c r="W7141" i="6" l="1"/>
  <c r="B7173" i="2"/>
  <c r="N7174" i="2"/>
  <c r="W7142" i="6" l="1"/>
  <c r="B7174" i="2"/>
  <c r="N7175" i="2"/>
  <c r="W7143" i="6" l="1"/>
  <c r="B7175" i="2"/>
  <c r="N7176" i="2"/>
  <c r="W7144" i="6" l="1"/>
  <c r="B7176" i="2"/>
  <c r="N7177" i="2"/>
  <c r="W7145" i="6" l="1"/>
  <c r="B7177" i="2"/>
  <c r="N7178" i="2"/>
  <c r="W7146" i="6" l="1"/>
  <c r="B7178" i="2"/>
  <c r="N7179" i="2"/>
  <c r="W7147" i="6" l="1"/>
  <c r="B7179" i="2"/>
  <c r="N7180" i="2"/>
  <c r="W7148" i="6" l="1"/>
  <c r="B7180" i="2"/>
  <c r="N7181" i="2"/>
  <c r="W7149" i="6" l="1"/>
  <c r="B7181" i="2"/>
  <c r="N7182" i="2"/>
  <c r="W7150" i="6" l="1"/>
  <c r="B7182" i="2"/>
  <c r="N7183" i="2"/>
  <c r="W7151" i="6" l="1"/>
  <c r="B7183" i="2"/>
  <c r="N7184" i="2"/>
  <c r="W7152" i="6" l="1"/>
  <c r="B7184" i="2"/>
  <c r="N7185" i="2"/>
  <c r="W7153" i="6" l="1"/>
  <c r="B7185" i="2"/>
  <c r="N7186" i="2"/>
  <c r="W7154" i="6" l="1"/>
  <c r="B7186" i="2"/>
  <c r="N7187" i="2"/>
  <c r="W7155" i="6" l="1"/>
  <c r="B7187" i="2"/>
  <c r="N7188" i="2"/>
  <c r="W7156" i="6" l="1"/>
  <c r="B7188" i="2"/>
  <c r="N7189" i="2"/>
  <c r="W7157" i="6" l="1"/>
  <c r="B7189" i="2"/>
  <c r="N7190" i="2"/>
  <c r="W7158" i="6" l="1"/>
  <c r="B7190" i="2"/>
  <c r="N7191" i="2"/>
  <c r="W7159" i="6" l="1"/>
  <c r="B7191" i="2"/>
  <c r="N7192" i="2"/>
  <c r="W7160" i="6" l="1"/>
  <c r="B7192" i="2"/>
  <c r="N7193" i="2"/>
  <c r="W7161" i="6" l="1"/>
  <c r="B7193" i="2"/>
  <c r="N7194" i="2"/>
  <c r="W7162" i="6" l="1"/>
  <c r="B7194" i="2"/>
  <c r="N7195" i="2"/>
  <c r="W7163" i="6" l="1"/>
  <c r="B7195" i="2"/>
  <c r="N7196" i="2"/>
  <c r="W7164" i="6" l="1"/>
  <c r="B7196" i="2"/>
  <c r="N7197" i="2"/>
  <c r="W7165" i="6" l="1"/>
  <c r="B7197" i="2"/>
  <c r="N7198" i="2"/>
  <c r="W7166" i="6" l="1"/>
  <c r="B7198" i="2"/>
  <c r="N7199" i="2"/>
  <c r="W7167" i="6" l="1"/>
  <c r="B7199" i="2"/>
  <c r="N7200" i="2"/>
  <c r="W7168" i="6" l="1"/>
  <c r="B7200" i="2"/>
  <c r="N7201" i="2"/>
  <c r="W7169" i="6" l="1"/>
  <c r="B7201" i="2"/>
  <c r="N7202" i="2"/>
  <c r="W7170" i="6" l="1"/>
  <c r="B7202" i="2"/>
  <c r="N7203" i="2"/>
  <c r="W7171" i="6" l="1"/>
  <c r="B7203" i="2"/>
  <c r="N7204" i="2"/>
  <c r="W7172" i="6" l="1"/>
  <c r="B7204" i="2"/>
  <c r="N7205" i="2"/>
  <c r="W7173" i="6" l="1"/>
  <c r="B7205" i="2"/>
  <c r="N7206" i="2"/>
  <c r="W7174" i="6" l="1"/>
  <c r="B7206" i="2"/>
  <c r="N7207" i="2"/>
  <c r="W7175" i="6" l="1"/>
  <c r="B7207" i="2"/>
  <c r="N7208" i="2"/>
  <c r="W7176" i="6" l="1"/>
  <c r="B7208" i="2"/>
  <c r="N7209" i="2"/>
  <c r="W7177" i="6" l="1"/>
  <c r="B7209" i="2"/>
  <c r="N7210" i="2"/>
  <c r="W7178" i="6" l="1"/>
  <c r="B7210" i="2"/>
  <c r="N7211" i="2"/>
  <c r="W7179" i="6" l="1"/>
  <c r="B7211" i="2"/>
  <c r="N7212" i="2"/>
  <c r="W7180" i="6" l="1"/>
  <c r="B7212" i="2"/>
  <c r="N7213" i="2"/>
  <c r="W7181" i="6" l="1"/>
  <c r="B7213" i="2"/>
  <c r="N7214" i="2"/>
  <c r="W7182" i="6" l="1"/>
  <c r="B7214" i="2"/>
  <c r="N7215" i="2"/>
  <c r="W7183" i="6" l="1"/>
  <c r="B7215" i="2"/>
  <c r="N7216" i="2"/>
  <c r="W7184" i="6" l="1"/>
  <c r="B7216" i="2"/>
  <c r="N7217" i="2"/>
  <c r="W7185" i="6" l="1"/>
  <c r="B7217" i="2"/>
  <c r="N7218" i="2"/>
  <c r="W7186" i="6" l="1"/>
  <c r="B7218" i="2"/>
  <c r="N7219" i="2"/>
  <c r="W7187" i="6" l="1"/>
  <c r="B7219" i="2"/>
  <c r="N7220" i="2"/>
  <c r="W7188" i="6" l="1"/>
  <c r="B7220" i="2"/>
  <c r="N7221" i="2"/>
  <c r="W7189" i="6" l="1"/>
  <c r="B7221" i="2"/>
  <c r="N7222" i="2"/>
  <c r="W7190" i="6" l="1"/>
  <c r="B7222" i="2"/>
  <c r="N7223" i="2"/>
  <c r="W7191" i="6" l="1"/>
  <c r="B7223" i="2"/>
  <c r="N7224" i="2"/>
  <c r="W7192" i="6" l="1"/>
  <c r="B7224" i="2"/>
  <c r="N7225" i="2"/>
  <c r="W7193" i="6" l="1"/>
  <c r="B7225" i="2"/>
  <c r="N7226" i="2"/>
  <c r="W7194" i="6" l="1"/>
  <c r="B7226" i="2"/>
  <c r="N7227" i="2"/>
  <c r="W7195" i="6" l="1"/>
  <c r="B7227" i="2"/>
  <c r="N7228" i="2"/>
  <c r="W7196" i="6" l="1"/>
  <c r="B7228" i="2"/>
  <c r="N7229" i="2"/>
  <c r="W7197" i="6" l="1"/>
  <c r="B7229" i="2"/>
  <c r="N7230" i="2"/>
  <c r="W7198" i="6" l="1"/>
  <c r="B7230" i="2"/>
  <c r="N7231" i="2"/>
  <c r="W7199" i="6" l="1"/>
  <c r="B7231" i="2"/>
  <c r="N7232" i="2"/>
  <c r="W7200" i="6" l="1"/>
  <c r="B7232" i="2"/>
  <c r="N7233" i="2"/>
  <c r="W7201" i="6" l="1"/>
  <c r="B7233" i="2"/>
  <c r="N7234" i="2"/>
  <c r="W7202" i="6" l="1"/>
  <c r="B7234" i="2"/>
  <c r="N7235" i="2"/>
  <c r="W7203" i="6" l="1"/>
  <c r="B7235" i="2"/>
  <c r="N7236" i="2"/>
  <c r="W7204" i="6" l="1"/>
  <c r="B7236" i="2"/>
  <c r="N7237" i="2"/>
  <c r="W7205" i="6" l="1"/>
  <c r="B7237" i="2"/>
  <c r="N7238" i="2"/>
  <c r="W7206" i="6" l="1"/>
  <c r="B7238" i="2"/>
  <c r="N7239" i="2"/>
  <c r="W7207" i="6" l="1"/>
  <c r="B7239" i="2"/>
  <c r="N7240" i="2"/>
  <c r="W7208" i="6" l="1"/>
  <c r="B7240" i="2"/>
  <c r="N7241" i="2"/>
  <c r="W7209" i="6" l="1"/>
  <c r="B7241" i="2"/>
  <c r="N7242" i="2"/>
  <c r="W7210" i="6" l="1"/>
  <c r="B7242" i="2"/>
  <c r="N7243" i="2"/>
  <c r="W7211" i="6" l="1"/>
  <c r="B7243" i="2"/>
  <c r="N7244" i="2"/>
  <c r="W7212" i="6" l="1"/>
  <c r="B7244" i="2"/>
  <c r="N7245" i="2"/>
  <c r="W7213" i="6" l="1"/>
  <c r="B7245" i="2"/>
  <c r="N7246" i="2"/>
  <c r="W7214" i="6" l="1"/>
  <c r="B7246" i="2"/>
  <c r="N7247" i="2"/>
  <c r="W7215" i="6" l="1"/>
  <c r="B7247" i="2"/>
  <c r="N7248" i="2"/>
  <c r="W7216" i="6" l="1"/>
  <c r="B7248" i="2"/>
  <c r="N7249" i="2"/>
  <c r="W7217" i="6" l="1"/>
  <c r="B7249" i="2"/>
  <c r="N7250" i="2"/>
  <c r="W7218" i="6" l="1"/>
  <c r="B7250" i="2"/>
  <c r="N7251" i="2"/>
  <c r="W7219" i="6" l="1"/>
  <c r="B7251" i="2"/>
  <c r="N7252" i="2"/>
  <c r="W7220" i="6" l="1"/>
  <c r="B7252" i="2"/>
  <c r="N7253" i="2"/>
  <c r="W7221" i="6" l="1"/>
  <c r="B7253" i="2"/>
  <c r="N7254" i="2"/>
  <c r="W7222" i="6" l="1"/>
  <c r="B7254" i="2"/>
  <c r="N7255" i="2"/>
  <c r="W7223" i="6" l="1"/>
  <c r="B7255" i="2"/>
  <c r="N7256" i="2"/>
  <c r="W7224" i="6" l="1"/>
  <c r="B7256" i="2"/>
  <c r="N7257" i="2"/>
  <c r="W7225" i="6" l="1"/>
  <c r="B7257" i="2"/>
  <c r="N7258" i="2"/>
  <c r="W7226" i="6" l="1"/>
  <c r="B7258" i="2"/>
  <c r="N7259" i="2"/>
  <c r="W7227" i="6" l="1"/>
  <c r="B7259" i="2"/>
  <c r="N7260" i="2"/>
  <c r="W7228" i="6" l="1"/>
  <c r="B7260" i="2"/>
  <c r="N7261" i="2"/>
  <c r="W7229" i="6" l="1"/>
  <c r="B7261" i="2"/>
  <c r="N7262" i="2"/>
  <c r="W7230" i="6" l="1"/>
  <c r="B7262" i="2"/>
  <c r="N7263" i="2"/>
  <c r="W7231" i="6" l="1"/>
  <c r="B7263" i="2"/>
  <c r="N7264" i="2"/>
  <c r="W7232" i="6" l="1"/>
  <c r="B7264" i="2"/>
  <c r="N7265" i="2"/>
  <c r="W7233" i="6" l="1"/>
  <c r="B7265" i="2"/>
  <c r="N7266" i="2"/>
  <c r="W7234" i="6" l="1"/>
  <c r="B7266" i="2"/>
  <c r="N7267" i="2"/>
  <c r="W7235" i="6" l="1"/>
  <c r="B7267" i="2"/>
  <c r="N7268" i="2"/>
  <c r="W7236" i="6" l="1"/>
  <c r="B7268" i="2"/>
  <c r="N7269" i="2"/>
  <c r="W7237" i="6" l="1"/>
  <c r="B7269" i="2"/>
  <c r="N7270" i="2"/>
  <c r="W7238" i="6" l="1"/>
  <c r="B7270" i="2"/>
  <c r="N7271" i="2"/>
  <c r="W7239" i="6" l="1"/>
  <c r="B7271" i="2"/>
  <c r="N7272" i="2"/>
  <c r="W7240" i="6" l="1"/>
  <c r="B7272" i="2"/>
  <c r="N7273" i="2"/>
  <c r="W7241" i="6" l="1"/>
  <c r="B7273" i="2"/>
  <c r="N7274" i="2"/>
  <c r="W7242" i="6" l="1"/>
  <c r="B7274" i="2"/>
  <c r="N7275" i="2"/>
  <c r="W7243" i="6" l="1"/>
  <c r="B7275" i="2"/>
  <c r="N7276" i="2"/>
  <c r="W7244" i="6" l="1"/>
  <c r="B7276" i="2"/>
  <c r="N7277" i="2"/>
  <c r="W7245" i="6" l="1"/>
  <c r="B7277" i="2"/>
  <c r="N7278" i="2"/>
  <c r="W7246" i="6" l="1"/>
  <c r="B7278" i="2"/>
  <c r="N7279" i="2"/>
  <c r="W7247" i="6" l="1"/>
  <c r="B7279" i="2"/>
  <c r="N7280" i="2"/>
  <c r="W7248" i="6" l="1"/>
  <c r="B7280" i="2"/>
  <c r="N7281" i="2"/>
  <c r="W7249" i="6" l="1"/>
  <c r="B7281" i="2"/>
  <c r="N7282" i="2"/>
  <c r="W7250" i="6" l="1"/>
  <c r="B7282" i="2"/>
  <c r="N7283" i="2"/>
  <c r="W7251" i="6" l="1"/>
  <c r="B7283" i="2"/>
  <c r="N7284" i="2"/>
  <c r="W7252" i="6" l="1"/>
  <c r="B7284" i="2"/>
  <c r="N7285" i="2"/>
  <c r="W7253" i="6" l="1"/>
  <c r="B7285" i="2"/>
  <c r="N7286" i="2"/>
  <c r="W7254" i="6" l="1"/>
  <c r="B7286" i="2"/>
  <c r="N7287" i="2"/>
  <c r="W7255" i="6" l="1"/>
  <c r="B7287" i="2"/>
  <c r="N7288" i="2"/>
  <c r="W7256" i="6" l="1"/>
  <c r="B7288" i="2"/>
  <c r="N7289" i="2"/>
  <c r="W7257" i="6" l="1"/>
  <c r="B7289" i="2"/>
  <c r="N7290" i="2"/>
  <c r="W7258" i="6" l="1"/>
  <c r="B7290" i="2"/>
  <c r="N7291" i="2"/>
  <c r="W7259" i="6" l="1"/>
  <c r="B7291" i="2"/>
  <c r="N7292" i="2"/>
  <c r="W7260" i="6" l="1"/>
  <c r="B7292" i="2"/>
  <c r="N7293" i="2"/>
  <c r="W7261" i="6" l="1"/>
  <c r="B7293" i="2"/>
  <c r="N7294" i="2"/>
  <c r="W7262" i="6" l="1"/>
  <c r="B7294" i="2"/>
  <c r="N7295" i="2"/>
  <c r="W7263" i="6" l="1"/>
  <c r="B7295" i="2"/>
  <c r="N7296" i="2"/>
  <c r="W7264" i="6" l="1"/>
  <c r="B7296" i="2"/>
  <c r="N7297" i="2"/>
  <c r="W7265" i="6" l="1"/>
  <c r="B7297" i="2"/>
  <c r="N7298" i="2"/>
  <c r="W7266" i="6" l="1"/>
  <c r="B7298" i="2"/>
  <c r="N7299" i="2"/>
  <c r="W7267" i="6" l="1"/>
  <c r="B7299" i="2"/>
  <c r="N7300" i="2"/>
  <c r="W7268" i="6" l="1"/>
  <c r="B7300" i="2"/>
  <c r="N7301" i="2"/>
  <c r="W7269" i="6" l="1"/>
  <c r="B7301" i="2"/>
  <c r="N7302" i="2"/>
  <c r="W7270" i="6" l="1"/>
  <c r="B7302" i="2"/>
  <c r="N7303" i="2"/>
  <c r="W7271" i="6" l="1"/>
  <c r="B7303" i="2"/>
  <c r="N7304" i="2"/>
  <c r="W7272" i="6" l="1"/>
  <c r="B7304" i="2"/>
  <c r="N7305" i="2"/>
  <c r="W7273" i="6" l="1"/>
  <c r="B7305" i="2"/>
  <c r="N7306" i="2"/>
  <c r="W7274" i="6" l="1"/>
  <c r="B7306" i="2"/>
  <c r="N7307" i="2"/>
  <c r="W7275" i="6" l="1"/>
  <c r="B7307" i="2"/>
  <c r="N7308" i="2"/>
  <c r="W7276" i="6" l="1"/>
  <c r="B7308" i="2"/>
  <c r="N7309" i="2"/>
  <c r="W7277" i="6" l="1"/>
  <c r="B7309" i="2"/>
  <c r="N7310" i="2"/>
  <c r="W7278" i="6" l="1"/>
  <c r="B7310" i="2"/>
  <c r="N7311" i="2"/>
  <c r="W7279" i="6" l="1"/>
  <c r="B7311" i="2"/>
  <c r="N7312" i="2"/>
  <c r="W7280" i="6" l="1"/>
  <c r="B7312" i="2"/>
  <c r="N7313" i="2"/>
  <c r="W7281" i="6" l="1"/>
  <c r="B7313" i="2"/>
  <c r="N7314" i="2"/>
  <c r="W7282" i="6" l="1"/>
  <c r="B7314" i="2"/>
  <c r="N7315" i="2"/>
  <c r="W7283" i="6" l="1"/>
  <c r="B7315" i="2"/>
  <c r="N7316" i="2"/>
  <c r="W7284" i="6" l="1"/>
  <c r="B7316" i="2"/>
  <c r="N7317" i="2"/>
  <c r="W7285" i="6" l="1"/>
  <c r="B7317" i="2"/>
  <c r="N7318" i="2"/>
  <c r="W7286" i="6" l="1"/>
  <c r="B7318" i="2"/>
  <c r="N7319" i="2"/>
  <c r="W7287" i="6" l="1"/>
  <c r="B7319" i="2"/>
  <c r="N7320" i="2"/>
  <c r="W7288" i="6" l="1"/>
  <c r="B7320" i="2"/>
  <c r="N7321" i="2"/>
  <c r="W7289" i="6" l="1"/>
  <c r="B7321" i="2"/>
  <c r="N7322" i="2"/>
  <c r="W7290" i="6" l="1"/>
  <c r="B7322" i="2"/>
  <c r="N7323" i="2"/>
  <c r="W7291" i="6" l="1"/>
  <c r="B7323" i="2"/>
  <c r="N7324" i="2"/>
  <c r="W7292" i="6" l="1"/>
  <c r="B7324" i="2"/>
  <c r="N7325" i="2"/>
  <c r="W7293" i="6" l="1"/>
  <c r="B7325" i="2"/>
  <c r="N7326" i="2"/>
  <c r="W7294" i="6" l="1"/>
  <c r="B7326" i="2"/>
  <c r="N7327" i="2"/>
  <c r="W7295" i="6" l="1"/>
  <c r="B7327" i="2"/>
  <c r="N7328" i="2"/>
  <c r="W7296" i="6" l="1"/>
  <c r="B7328" i="2"/>
  <c r="N7329" i="2"/>
  <c r="W7297" i="6" l="1"/>
  <c r="B7329" i="2"/>
  <c r="N7330" i="2"/>
  <c r="W7298" i="6" l="1"/>
  <c r="B7330" i="2"/>
  <c r="N7331" i="2"/>
  <c r="W7299" i="6" l="1"/>
  <c r="B7331" i="2"/>
  <c r="N7332" i="2"/>
  <c r="W7300" i="6" l="1"/>
  <c r="B7332" i="2"/>
  <c r="N7333" i="2"/>
  <c r="W7301" i="6" l="1"/>
  <c r="B7333" i="2"/>
  <c r="N7334" i="2"/>
  <c r="W7302" i="6" l="1"/>
  <c r="B7334" i="2"/>
  <c r="N7335" i="2"/>
  <c r="W7303" i="6" l="1"/>
  <c r="B7335" i="2"/>
  <c r="N7336" i="2"/>
  <c r="W7304" i="6" l="1"/>
  <c r="B7336" i="2"/>
  <c r="N7337" i="2"/>
  <c r="W7305" i="6" l="1"/>
  <c r="B7337" i="2"/>
  <c r="N7338" i="2"/>
  <c r="W7306" i="6" l="1"/>
  <c r="B7338" i="2"/>
  <c r="N7339" i="2"/>
  <c r="W7307" i="6" l="1"/>
  <c r="B7339" i="2"/>
  <c r="N7340" i="2"/>
  <c r="W7308" i="6" l="1"/>
  <c r="B7340" i="2"/>
  <c r="N7341" i="2"/>
  <c r="W7309" i="6" l="1"/>
  <c r="B7341" i="2"/>
  <c r="N7342" i="2"/>
  <c r="W7310" i="6" l="1"/>
  <c r="B7342" i="2"/>
  <c r="N7343" i="2"/>
  <c r="W7311" i="6" l="1"/>
  <c r="B7343" i="2"/>
  <c r="N7344" i="2"/>
  <c r="W7312" i="6" l="1"/>
  <c r="B7344" i="2"/>
  <c r="N7345" i="2"/>
  <c r="W7313" i="6" l="1"/>
  <c r="B7345" i="2"/>
  <c r="N7346" i="2"/>
  <c r="W7314" i="6" l="1"/>
  <c r="B7346" i="2"/>
  <c r="N7347" i="2"/>
  <c r="W7315" i="6" l="1"/>
  <c r="B7347" i="2"/>
  <c r="N7348" i="2"/>
  <c r="W7316" i="6" l="1"/>
  <c r="B7348" i="2"/>
  <c r="N7349" i="2"/>
  <c r="W7317" i="6" l="1"/>
  <c r="B7349" i="2"/>
  <c r="N7350" i="2"/>
  <c r="W7318" i="6" l="1"/>
  <c r="B7350" i="2"/>
  <c r="N7351" i="2"/>
  <c r="W7319" i="6" l="1"/>
  <c r="B7351" i="2"/>
  <c r="N7352" i="2"/>
  <c r="W7320" i="6" l="1"/>
  <c r="B7352" i="2"/>
  <c r="N7353" i="2"/>
  <c r="W7321" i="6" l="1"/>
  <c r="B7353" i="2"/>
  <c r="N7354" i="2"/>
  <c r="W7322" i="6" l="1"/>
  <c r="B7354" i="2"/>
  <c r="N7355" i="2"/>
  <c r="W7323" i="6" l="1"/>
  <c r="B7355" i="2"/>
  <c r="N7356" i="2"/>
  <c r="W7324" i="6" l="1"/>
  <c r="B7356" i="2"/>
  <c r="N7357" i="2"/>
  <c r="W7325" i="6" l="1"/>
  <c r="B7357" i="2"/>
  <c r="N7358" i="2"/>
  <c r="W7326" i="6" l="1"/>
  <c r="B7358" i="2"/>
  <c r="N7359" i="2"/>
  <c r="W7327" i="6" l="1"/>
  <c r="B7359" i="2"/>
  <c r="N7360" i="2"/>
  <c r="W7328" i="6" l="1"/>
  <c r="B7360" i="2"/>
  <c r="N7361" i="2"/>
  <c r="W7329" i="6" l="1"/>
  <c r="B7361" i="2"/>
  <c r="N7362" i="2"/>
  <c r="W7330" i="6" l="1"/>
  <c r="B7362" i="2"/>
  <c r="N7363" i="2"/>
  <c r="W7331" i="6" l="1"/>
  <c r="B7363" i="2"/>
  <c r="N7364" i="2"/>
  <c r="W7332" i="6" l="1"/>
  <c r="B7364" i="2"/>
  <c r="N7365" i="2"/>
  <c r="W7333" i="6" l="1"/>
  <c r="B7365" i="2"/>
  <c r="N7366" i="2"/>
  <c r="W7334" i="6" l="1"/>
  <c r="B7366" i="2"/>
  <c r="N7367" i="2"/>
  <c r="W7335" i="6" l="1"/>
  <c r="B7367" i="2"/>
  <c r="N7368" i="2"/>
  <c r="W7336" i="6" l="1"/>
  <c r="B7368" i="2"/>
  <c r="N7369" i="2"/>
  <c r="W7337" i="6" l="1"/>
  <c r="B7369" i="2"/>
  <c r="N7370" i="2"/>
  <c r="W7338" i="6" l="1"/>
  <c r="B7370" i="2"/>
  <c r="N7371" i="2"/>
  <c r="W7339" i="6" l="1"/>
  <c r="B7371" i="2"/>
  <c r="N7372" i="2"/>
  <c r="W7340" i="6" l="1"/>
  <c r="B7372" i="2"/>
  <c r="N7373" i="2"/>
  <c r="W7341" i="6" l="1"/>
  <c r="B7373" i="2"/>
  <c r="N7374" i="2"/>
  <c r="W7342" i="6" l="1"/>
  <c r="B7374" i="2"/>
  <c r="N7375" i="2"/>
  <c r="W7343" i="6" l="1"/>
  <c r="B7375" i="2"/>
  <c r="N7376" i="2"/>
  <c r="W7344" i="6" l="1"/>
  <c r="B7376" i="2"/>
  <c r="N7377" i="2"/>
  <c r="W7345" i="6" l="1"/>
  <c r="B7377" i="2"/>
  <c r="N7378" i="2"/>
  <c r="W7346" i="6" l="1"/>
  <c r="B7378" i="2"/>
  <c r="N7379" i="2"/>
  <c r="W7347" i="6" l="1"/>
  <c r="B7379" i="2"/>
  <c r="N7380" i="2"/>
  <c r="W7348" i="6" l="1"/>
  <c r="B7380" i="2"/>
  <c r="N7381" i="2"/>
  <c r="W7349" i="6" l="1"/>
  <c r="B7381" i="2"/>
  <c r="N7382" i="2"/>
  <c r="W7350" i="6" l="1"/>
  <c r="B7382" i="2"/>
  <c r="N7383" i="2"/>
  <c r="W7351" i="6" l="1"/>
  <c r="B7383" i="2"/>
  <c r="N7384" i="2"/>
  <c r="W7352" i="6" l="1"/>
  <c r="B7384" i="2"/>
  <c r="N7385" i="2"/>
  <c r="W7353" i="6" l="1"/>
  <c r="B7385" i="2"/>
  <c r="N7386" i="2"/>
  <c r="W7354" i="6" l="1"/>
  <c r="B7386" i="2"/>
  <c r="N7387" i="2"/>
  <c r="W7355" i="6" l="1"/>
  <c r="B7387" i="2"/>
  <c r="N7388" i="2"/>
  <c r="W7356" i="6" l="1"/>
  <c r="B7388" i="2"/>
  <c r="N7389" i="2"/>
  <c r="W7357" i="6" l="1"/>
  <c r="B7389" i="2"/>
  <c r="N7390" i="2"/>
  <c r="W7358" i="6" l="1"/>
  <c r="B7390" i="2"/>
  <c r="N7391" i="2"/>
  <c r="W7359" i="6" l="1"/>
  <c r="B7391" i="2"/>
  <c r="N7392" i="2"/>
  <c r="W7360" i="6" l="1"/>
  <c r="B7392" i="2"/>
  <c r="N7393" i="2"/>
  <c r="W7361" i="6" l="1"/>
  <c r="B7393" i="2"/>
  <c r="N7394" i="2"/>
  <c r="W7362" i="6" l="1"/>
  <c r="B7394" i="2"/>
  <c r="N7395" i="2"/>
  <c r="W7363" i="6" l="1"/>
  <c r="B7395" i="2"/>
  <c r="N7396" i="2"/>
  <c r="W7364" i="6" l="1"/>
  <c r="B7396" i="2"/>
  <c r="N7397" i="2"/>
  <c r="W7365" i="6" l="1"/>
  <c r="B7397" i="2"/>
  <c r="N7398" i="2"/>
  <c r="W7366" i="6" l="1"/>
  <c r="B7398" i="2"/>
  <c r="N7399" i="2"/>
  <c r="W7367" i="6" l="1"/>
  <c r="B7399" i="2"/>
  <c r="N7400" i="2"/>
  <c r="W7368" i="6" l="1"/>
  <c r="B7400" i="2"/>
  <c r="N7401" i="2"/>
  <c r="W7369" i="6" l="1"/>
  <c r="B7401" i="2"/>
  <c r="N7402" i="2"/>
  <c r="W7370" i="6" l="1"/>
  <c r="B7402" i="2"/>
  <c r="N7403" i="2"/>
  <c r="W7371" i="6" l="1"/>
  <c r="B7403" i="2"/>
  <c r="N7404" i="2"/>
  <c r="W7372" i="6" l="1"/>
  <c r="B7404" i="2"/>
  <c r="N7405" i="2"/>
  <c r="W7373" i="6" l="1"/>
  <c r="B7405" i="2"/>
  <c r="N7406" i="2"/>
  <c r="W7374" i="6" l="1"/>
  <c r="B7406" i="2"/>
  <c r="N7407" i="2"/>
  <c r="W7375" i="6" l="1"/>
  <c r="B7407" i="2"/>
  <c r="N7408" i="2"/>
  <c r="W7376" i="6" l="1"/>
  <c r="B7408" i="2"/>
  <c r="N7409" i="2"/>
  <c r="W7377" i="6" l="1"/>
  <c r="B7409" i="2"/>
  <c r="N7410" i="2"/>
  <c r="W7378" i="6" l="1"/>
  <c r="B7410" i="2"/>
  <c r="N7411" i="2"/>
  <c r="W7379" i="6" l="1"/>
  <c r="B7411" i="2"/>
  <c r="N7412" i="2"/>
  <c r="W7380" i="6" l="1"/>
  <c r="B7412" i="2"/>
  <c r="N7413" i="2"/>
  <c r="W7381" i="6" l="1"/>
  <c r="B7413" i="2"/>
  <c r="N7414" i="2"/>
  <c r="W7382" i="6" l="1"/>
  <c r="B7414" i="2"/>
  <c r="N7415" i="2"/>
  <c r="W7383" i="6" l="1"/>
  <c r="B7415" i="2"/>
  <c r="N7416" i="2"/>
  <c r="W7384" i="6" l="1"/>
  <c r="B7416" i="2"/>
  <c r="N7417" i="2"/>
  <c r="W7385" i="6" l="1"/>
  <c r="B7417" i="2"/>
  <c r="N7418" i="2"/>
  <c r="W7386" i="6" l="1"/>
  <c r="B7418" i="2"/>
  <c r="N7419" i="2"/>
  <c r="W7387" i="6" l="1"/>
  <c r="B7419" i="2"/>
  <c r="N7420" i="2"/>
  <c r="W7388" i="6" l="1"/>
  <c r="B7420" i="2"/>
  <c r="N7421" i="2"/>
  <c r="W7389" i="6" l="1"/>
  <c r="B7421" i="2"/>
  <c r="N7422" i="2"/>
  <c r="W7390" i="6" l="1"/>
  <c r="B7422" i="2"/>
  <c r="N7423" i="2"/>
  <c r="W7391" i="6" l="1"/>
  <c r="B7423" i="2"/>
  <c r="N7424" i="2"/>
  <c r="W7392" i="6" l="1"/>
  <c r="B7424" i="2"/>
  <c r="N7425" i="2"/>
  <c r="W7393" i="6" l="1"/>
  <c r="B7425" i="2"/>
  <c r="N7426" i="2"/>
  <c r="W7394" i="6" l="1"/>
  <c r="B7426" i="2"/>
  <c r="N7427" i="2"/>
  <c r="W7395" i="6" l="1"/>
  <c r="B7427" i="2"/>
  <c r="N7428" i="2"/>
  <c r="W7396" i="6" l="1"/>
  <c r="B7428" i="2"/>
  <c r="N7429" i="2"/>
  <c r="W7397" i="6" l="1"/>
  <c r="B7429" i="2"/>
  <c r="N7430" i="2"/>
  <c r="W7398" i="6" l="1"/>
  <c r="B7430" i="2"/>
  <c r="N7431" i="2"/>
  <c r="W7399" i="6" l="1"/>
  <c r="B7431" i="2"/>
  <c r="N7432" i="2"/>
  <c r="W7400" i="6" l="1"/>
  <c r="B7432" i="2"/>
  <c r="N7433" i="2"/>
  <c r="W7401" i="6" l="1"/>
  <c r="B7433" i="2"/>
  <c r="N7434" i="2"/>
  <c r="W7402" i="6" l="1"/>
  <c r="B7434" i="2"/>
  <c r="N7435" i="2"/>
  <c r="W7403" i="6" l="1"/>
  <c r="B7435" i="2"/>
  <c r="N7436" i="2"/>
  <c r="W7404" i="6" l="1"/>
  <c r="B7436" i="2"/>
  <c r="N7437" i="2"/>
  <c r="W7405" i="6" l="1"/>
  <c r="B7437" i="2"/>
  <c r="N7438" i="2"/>
  <c r="W7406" i="6" l="1"/>
  <c r="B7438" i="2"/>
  <c r="N7439" i="2"/>
  <c r="W7407" i="6" l="1"/>
  <c r="B7439" i="2"/>
  <c r="N7440" i="2"/>
  <c r="W7408" i="6" l="1"/>
  <c r="B7440" i="2"/>
  <c r="N7441" i="2"/>
  <c r="W7409" i="6" l="1"/>
  <c r="B7441" i="2"/>
  <c r="N7442" i="2"/>
  <c r="W7410" i="6" l="1"/>
  <c r="B7442" i="2"/>
  <c r="N7443" i="2"/>
  <c r="W7411" i="6" l="1"/>
  <c r="B7443" i="2"/>
  <c r="N7444" i="2"/>
  <c r="W7412" i="6" l="1"/>
  <c r="B7444" i="2"/>
  <c r="N7445" i="2"/>
  <c r="W7413" i="6" l="1"/>
  <c r="B7445" i="2"/>
  <c r="N7446" i="2"/>
  <c r="W7414" i="6" l="1"/>
  <c r="B7446" i="2"/>
  <c r="N7447" i="2"/>
  <c r="W7415" i="6" l="1"/>
  <c r="B7447" i="2"/>
  <c r="N7448" i="2"/>
  <c r="W7416" i="6" l="1"/>
  <c r="B7448" i="2"/>
  <c r="N7449" i="2"/>
  <c r="W7417" i="6" l="1"/>
  <c r="B7449" i="2"/>
  <c r="N7450" i="2"/>
  <c r="W7418" i="6" l="1"/>
  <c r="B7450" i="2"/>
  <c r="N7451" i="2"/>
  <c r="W7419" i="6" l="1"/>
  <c r="B7451" i="2"/>
  <c r="N7452" i="2"/>
  <c r="W7420" i="6" l="1"/>
  <c r="B7452" i="2"/>
  <c r="N7453" i="2"/>
  <c r="W7421" i="6" l="1"/>
  <c r="B7453" i="2"/>
  <c r="N7454" i="2"/>
  <c r="W7422" i="6" l="1"/>
  <c r="B7454" i="2"/>
  <c r="N7455" i="2"/>
  <c r="W7423" i="6" l="1"/>
  <c r="B7455" i="2"/>
  <c r="N7456" i="2"/>
  <c r="W7424" i="6" l="1"/>
  <c r="B7456" i="2"/>
  <c r="N7457" i="2"/>
  <c r="W7425" i="6" l="1"/>
  <c r="B7457" i="2"/>
  <c r="N7458" i="2"/>
  <c r="W7426" i="6" l="1"/>
  <c r="B7458" i="2"/>
  <c r="N7459" i="2"/>
  <c r="W7427" i="6" l="1"/>
  <c r="B7459" i="2"/>
  <c r="N7460" i="2"/>
  <c r="W7428" i="6" l="1"/>
  <c r="B7460" i="2"/>
  <c r="N7461" i="2"/>
  <c r="W7429" i="6" l="1"/>
  <c r="B7461" i="2"/>
  <c r="N7462" i="2"/>
  <c r="W7430" i="6" l="1"/>
  <c r="B7462" i="2"/>
  <c r="N7463" i="2"/>
  <c r="W7431" i="6" l="1"/>
  <c r="B7463" i="2"/>
  <c r="N7464" i="2"/>
  <c r="W7432" i="6" l="1"/>
  <c r="B7464" i="2"/>
  <c r="N7465" i="2"/>
  <c r="W7433" i="6" l="1"/>
  <c r="B7465" i="2"/>
  <c r="N7466" i="2"/>
  <c r="W7434" i="6" l="1"/>
  <c r="B7466" i="2"/>
  <c r="N7467" i="2"/>
  <c r="W7435" i="6" l="1"/>
  <c r="B7467" i="2"/>
  <c r="N7468" i="2"/>
  <c r="W7436" i="6" l="1"/>
  <c r="B7468" i="2"/>
  <c r="N7469" i="2"/>
  <c r="W7437" i="6" l="1"/>
  <c r="B7469" i="2"/>
  <c r="N7470" i="2"/>
  <c r="W7438" i="6" l="1"/>
  <c r="B7470" i="2"/>
  <c r="N7471" i="2"/>
  <c r="W7439" i="6" l="1"/>
  <c r="B7471" i="2"/>
  <c r="N7472" i="2"/>
  <c r="W7440" i="6" l="1"/>
  <c r="B7472" i="2"/>
  <c r="N7473" i="2"/>
  <c r="W7441" i="6" l="1"/>
  <c r="B7473" i="2"/>
  <c r="N7474" i="2"/>
  <c r="W7442" i="6" l="1"/>
  <c r="B7474" i="2"/>
  <c r="N7475" i="2"/>
  <c r="W7443" i="6" l="1"/>
  <c r="B7475" i="2"/>
  <c r="N7476" i="2"/>
  <c r="W7444" i="6" l="1"/>
  <c r="B7476" i="2"/>
  <c r="N7477" i="2"/>
  <c r="W7445" i="6" l="1"/>
  <c r="B7477" i="2"/>
  <c r="N7478" i="2"/>
  <c r="W7446" i="6" l="1"/>
  <c r="B7478" i="2"/>
  <c r="N7479" i="2"/>
  <c r="W7447" i="6" l="1"/>
  <c r="B7479" i="2"/>
  <c r="N7480" i="2"/>
  <c r="W7448" i="6" l="1"/>
  <c r="B7480" i="2"/>
  <c r="N7481" i="2"/>
  <c r="W7449" i="6" l="1"/>
  <c r="B7481" i="2"/>
  <c r="N7482" i="2"/>
  <c r="W7450" i="6" l="1"/>
  <c r="B7482" i="2"/>
  <c r="N7483" i="2"/>
  <c r="W7451" i="6" l="1"/>
  <c r="B7483" i="2"/>
  <c r="N7484" i="2"/>
  <c r="W7452" i="6" l="1"/>
  <c r="B7484" i="2"/>
  <c r="N7485" i="2"/>
  <c r="W7453" i="6" l="1"/>
  <c r="B7485" i="2"/>
  <c r="N7486" i="2"/>
  <c r="W7454" i="6" l="1"/>
  <c r="B7486" i="2"/>
  <c r="N7487" i="2"/>
  <c r="W7455" i="6" l="1"/>
  <c r="B7487" i="2"/>
  <c r="N7488" i="2"/>
  <c r="W7456" i="6" l="1"/>
  <c r="B7488" i="2"/>
  <c r="N7489" i="2"/>
  <c r="W7457" i="6" l="1"/>
  <c r="B7489" i="2"/>
  <c r="N7490" i="2"/>
  <c r="W7458" i="6" l="1"/>
  <c r="B7490" i="2"/>
  <c r="N7491" i="2"/>
  <c r="W7459" i="6" l="1"/>
  <c r="B7491" i="2"/>
  <c r="N7492" i="2"/>
  <c r="W7460" i="6" l="1"/>
  <c r="B7492" i="2"/>
  <c r="N7493" i="2"/>
  <c r="W7461" i="6" l="1"/>
  <c r="B7493" i="2"/>
  <c r="N7494" i="2"/>
  <c r="W7462" i="6" l="1"/>
  <c r="B7494" i="2"/>
  <c r="N7495" i="2"/>
  <c r="W7463" i="6" l="1"/>
  <c r="B7495" i="2"/>
  <c r="N7496" i="2"/>
  <c r="W7464" i="6" l="1"/>
  <c r="B7496" i="2"/>
  <c r="N7497" i="2"/>
  <c r="W7465" i="6" l="1"/>
  <c r="B7497" i="2"/>
  <c r="N7498" i="2"/>
  <c r="W7466" i="6" l="1"/>
  <c r="B7498" i="2"/>
  <c r="N7499" i="2"/>
  <c r="W7467" i="6" l="1"/>
  <c r="B7499" i="2"/>
  <c r="N7500" i="2"/>
  <c r="W7468" i="6" l="1"/>
  <c r="B7500" i="2"/>
  <c r="N7501" i="2"/>
  <c r="W7469" i="6" l="1"/>
  <c r="B7501" i="2"/>
  <c r="N7502" i="2"/>
  <c r="W7470" i="6" l="1"/>
  <c r="B7502" i="2"/>
  <c r="N7503" i="2"/>
  <c r="W7471" i="6" l="1"/>
  <c r="B7503" i="2"/>
  <c r="N7504" i="2"/>
  <c r="W7472" i="6" l="1"/>
  <c r="B7504" i="2"/>
  <c r="N7505" i="2"/>
  <c r="W7473" i="6" l="1"/>
  <c r="B7505" i="2"/>
  <c r="N7506" i="2"/>
  <c r="W7474" i="6" l="1"/>
  <c r="B7506" i="2"/>
  <c r="N7507" i="2"/>
  <c r="W7475" i="6" l="1"/>
  <c r="B7507" i="2"/>
  <c r="N7508" i="2"/>
  <c r="W7476" i="6" l="1"/>
  <c r="B7508" i="2"/>
  <c r="N7509" i="2"/>
  <c r="W7477" i="6" l="1"/>
  <c r="B7509" i="2"/>
  <c r="N7510" i="2"/>
  <c r="W7478" i="6" l="1"/>
  <c r="B7510" i="2"/>
  <c r="N7511" i="2"/>
  <c r="W7479" i="6" l="1"/>
  <c r="B7511" i="2"/>
  <c r="N7512" i="2"/>
  <c r="W7480" i="6" l="1"/>
  <c r="B7512" i="2"/>
  <c r="N7513" i="2"/>
  <c r="W7481" i="6" l="1"/>
  <c r="B7513" i="2"/>
  <c r="N7514" i="2"/>
  <c r="W7482" i="6" l="1"/>
  <c r="B7514" i="2"/>
  <c r="N7515" i="2"/>
  <c r="W7483" i="6" l="1"/>
  <c r="B7515" i="2"/>
  <c r="N7516" i="2"/>
  <c r="W7484" i="6" l="1"/>
  <c r="B7516" i="2"/>
  <c r="N7517" i="2"/>
  <c r="W7485" i="6" l="1"/>
  <c r="B7517" i="2"/>
  <c r="N7518" i="2"/>
  <c r="W7486" i="6" l="1"/>
  <c r="B7518" i="2"/>
  <c r="N7519" i="2"/>
  <c r="W7487" i="6" l="1"/>
  <c r="B7519" i="2"/>
  <c r="N7520" i="2"/>
  <c r="W7488" i="6" l="1"/>
  <c r="B7520" i="2"/>
  <c r="N7521" i="2"/>
  <c r="W7489" i="6" l="1"/>
  <c r="B7521" i="2"/>
  <c r="N7522" i="2"/>
  <c r="W7490" i="6" l="1"/>
  <c r="B7522" i="2"/>
  <c r="N7523" i="2"/>
  <c r="W7491" i="6" l="1"/>
  <c r="B7523" i="2"/>
  <c r="N7524" i="2"/>
  <c r="W7492" i="6" l="1"/>
  <c r="B7524" i="2"/>
  <c r="N7525" i="2"/>
  <c r="W7493" i="6" l="1"/>
  <c r="B7525" i="2"/>
  <c r="N7526" i="2"/>
  <c r="W7494" i="6" l="1"/>
  <c r="B7526" i="2"/>
  <c r="N7527" i="2"/>
  <c r="W7495" i="6" l="1"/>
  <c r="B7527" i="2"/>
  <c r="N7528" i="2"/>
  <c r="W7496" i="6" l="1"/>
  <c r="B7528" i="2"/>
  <c r="N7529" i="2"/>
  <c r="W7497" i="6" l="1"/>
  <c r="B7529" i="2"/>
  <c r="N7530" i="2"/>
  <c r="W7498" i="6" l="1"/>
  <c r="B7530" i="2"/>
  <c r="N7531" i="2"/>
  <c r="W7499" i="6" l="1"/>
  <c r="B7531" i="2"/>
  <c r="N7532" i="2"/>
  <c r="W7500" i="6" l="1"/>
  <c r="B7532" i="2"/>
  <c r="N7533" i="2"/>
  <c r="W7501" i="6" l="1"/>
  <c r="B7533" i="2"/>
  <c r="N7534" i="2"/>
  <c r="W7502" i="6" l="1"/>
  <c r="B7534" i="2"/>
  <c r="N7535" i="2"/>
  <c r="W7503" i="6" l="1"/>
  <c r="B7535" i="2"/>
  <c r="N7536" i="2"/>
  <c r="W7504" i="6" l="1"/>
  <c r="B7536" i="2"/>
  <c r="N7537" i="2"/>
  <c r="W7505" i="6" l="1"/>
  <c r="B7537" i="2"/>
  <c r="N7538" i="2"/>
  <c r="W7506" i="6" l="1"/>
  <c r="B7538" i="2"/>
  <c r="N7539" i="2"/>
  <c r="W7507" i="6" l="1"/>
  <c r="B7539" i="2"/>
  <c r="N7540" i="2"/>
  <c r="W7508" i="6" l="1"/>
  <c r="B7540" i="2"/>
  <c r="N7541" i="2"/>
  <c r="W7509" i="6" l="1"/>
  <c r="B7541" i="2"/>
  <c r="N7542" i="2"/>
  <c r="W7510" i="6" l="1"/>
  <c r="B7542" i="2"/>
  <c r="N7543" i="2"/>
  <c r="W7511" i="6" l="1"/>
  <c r="B7543" i="2"/>
  <c r="N7544" i="2"/>
  <c r="W7512" i="6" l="1"/>
  <c r="B7544" i="2"/>
  <c r="N7545" i="2"/>
  <c r="W7513" i="6" l="1"/>
  <c r="B7545" i="2"/>
  <c r="N7546" i="2"/>
  <c r="W7514" i="6" l="1"/>
  <c r="B7546" i="2"/>
  <c r="N7547" i="2"/>
  <c r="W7515" i="6" l="1"/>
  <c r="B7547" i="2"/>
  <c r="N7548" i="2"/>
  <c r="W7516" i="6" l="1"/>
  <c r="B7548" i="2"/>
  <c r="N7549" i="2"/>
  <c r="W7517" i="6" l="1"/>
  <c r="B7549" i="2"/>
  <c r="N7550" i="2"/>
  <c r="W7518" i="6" l="1"/>
  <c r="B7550" i="2"/>
  <c r="N7551" i="2"/>
  <c r="W7519" i="6" l="1"/>
  <c r="B7551" i="2"/>
  <c r="N7552" i="2"/>
  <c r="W7520" i="6" l="1"/>
  <c r="B7552" i="2"/>
  <c r="N7553" i="2"/>
  <c r="W7521" i="6" l="1"/>
  <c r="B7553" i="2"/>
  <c r="N7554" i="2"/>
  <c r="W7522" i="6" l="1"/>
  <c r="B7554" i="2"/>
  <c r="N7555" i="2"/>
  <c r="W7523" i="6" l="1"/>
  <c r="B7555" i="2"/>
  <c r="N7556" i="2"/>
  <c r="W7524" i="6" l="1"/>
  <c r="B7556" i="2"/>
  <c r="N7557" i="2"/>
  <c r="W7525" i="6" l="1"/>
  <c r="B7557" i="2"/>
  <c r="N7558" i="2"/>
  <c r="W7526" i="6" l="1"/>
  <c r="B7558" i="2"/>
  <c r="N7559" i="2"/>
  <c r="W7527" i="6" l="1"/>
  <c r="B7559" i="2"/>
  <c r="N7560" i="2"/>
  <c r="W7528" i="6" l="1"/>
  <c r="B7560" i="2"/>
  <c r="N7561" i="2"/>
  <c r="W7529" i="6" l="1"/>
  <c r="B7561" i="2"/>
  <c r="N7562" i="2"/>
  <c r="W7530" i="6" l="1"/>
  <c r="B7562" i="2"/>
  <c r="N7563" i="2"/>
  <c r="W7531" i="6" l="1"/>
  <c r="B7563" i="2"/>
  <c r="N7564" i="2"/>
  <c r="W7532" i="6" l="1"/>
  <c r="B7564" i="2"/>
  <c r="N7565" i="2"/>
  <c r="W7533" i="6" l="1"/>
  <c r="B7565" i="2"/>
  <c r="N7566" i="2"/>
  <c r="W7534" i="6" l="1"/>
  <c r="B7566" i="2"/>
  <c r="N7567" i="2"/>
  <c r="W7535" i="6" l="1"/>
  <c r="B7567" i="2"/>
  <c r="N7568" i="2"/>
  <c r="W7536" i="6" l="1"/>
  <c r="B7568" i="2"/>
  <c r="N7569" i="2"/>
  <c r="W7537" i="6" l="1"/>
  <c r="B7569" i="2"/>
  <c r="N7570" i="2"/>
  <c r="W7538" i="6" l="1"/>
  <c r="B7570" i="2"/>
  <c r="N7571" i="2"/>
  <c r="W7539" i="6" l="1"/>
  <c r="B7571" i="2"/>
  <c r="N7572" i="2"/>
  <c r="W7540" i="6" l="1"/>
  <c r="B7572" i="2"/>
  <c r="N7573" i="2"/>
  <c r="W7541" i="6" l="1"/>
  <c r="B7573" i="2"/>
  <c r="N7574" i="2"/>
  <c r="W7542" i="6" l="1"/>
  <c r="B7574" i="2"/>
  <c r="N7575" i="2"/>
  <c r="W7543" i="6" l="1"/>
  <c r="B7575" i="2"/>
  <c r="N7576" i="2"/>
  <c r="W7544" i="6" l="1"/>
  <c r="B7576" i="2"/>
  <c r="N7577" i="2"/>
  <c r="W7545" i="6" l="1"/>
  <c r="B7577" i="2"/>
  <c r="N7578" i="2"/>
  <c r="W7546" i="6" l="1"/>
  <c r="B7578" i="2"/>
  <c r="N7579" i="2"/>
  <c r="W7547" i="6" l="1"/>
  <c r="B7579" i="2"/>
  <c r="N7580" i="2"/>
  <c r="W7548" i="6" l="1"/>
  <c r="B7580" i="2"/>
  <c r="N7581" i="2"/>
  <c r="W7549" i="6" l="1"/>
  <c r="B7581" i="2"/>
  <c r="N7582" i="2"/>
  <c r="W7550" i="6" l="1"/>
  <c r="B7582" i="2"/>
  <c r="N7583" i="2"/>
  <c r="W7551" i="6" l="1"/>
  <c r="B7583" i="2"/>
  <c r="N7584" i="2"/>
  <c r="W7552" i="6" l="1"/>
  <c r="B7584" i="2"/>
  <c r="N7585" i="2"/>
  <c r="W7553" i="6" l="1"/>
  <c r="B7585" i="2"/>
  <c r="N7586" i="2"/>
  <c r="W7554" i="6" l="1"/>
  <c r="B7586" i="2"/>
  <c r="N7587" i="2"/>
  <c r="W7555" i="6" l="1"/>
  <c r="B7587" i="2"/>
  <c r="N7588" i="2"/>
  <c r="W7556" i="6" l="1"/>
  <c r="B7588" i="2"/>
  <c r="N7589" i="2"/>
  <c r="W7557" i="6" l="1"/>
  <c r="B7589" i="2"/>
  <c r="N7590" i="2"/>
  <c r="W7558" i="6" l="1"/>
  <c r="B7590" i="2"/>
  <c r="N7591" i="2"/>
  <c r="W7559" i="6" l="1"/>
  <c r="B7591" i="2"/>
  <c r="N7592" i="2"/>
  <c r="W7560" i="6" l="1"/>
  <c r="B7592" i="2"/>
  <c r="N7593" i="2"/>
  <c r="W7561" i="6" l="1"/>
  <c r="B7593" i="2"/>
  <c r="N7594" i="2"/>
  <c r="W7562" i="6" l="1"/>
  <c r="B7594" i="2"/>
  <c r="N7595" i="2"/>
  <c r="W7563" i="6" l="1"/>
  <c r="B7595" i="2"/>
  <c r="N7596" i="2"/>
  <c r="W7564" i="6" l="1"/>
  <c r="B7596" i="2"/>
  <c r="N7597" i="2"/>
  <c r="W7565" i="6" l="1"/>
  <c r="B7597" i="2"/>
  <c r="N7598" i="2"/>
  <c r="W7566" i="6" l="1"/>
  <c r="B7598" i="2"/>
  <c r="N7599" i="2"/>
  <c r="W7567" i="6" l="1"/>
  <c r="B7599" i="2"/>
  <c r="N7600" i="2"/>
  <c r="W7568" i="6" l="1"/>
  <c r="B7600" i="2"/>
  <c r="N7601" i="2"/>
  <c r="W7569" i="6" l="1"/>
  <c r="B7601" i="2"/>
  <c r="N7602" i="2"/>
  <c r="W7570" i="6" l="1"/>
  <c r="B7602" i="2"/>
  <c r="N7603" i="2"/>
  <c r="W7571" i="6" l="1"/>
  <c r="B7603" i="2"/>
  <c r="N7604" i="2"/>
  <c r="W7572" i="6" l="1"/>
  <c r="B7604" i="2"/>
  <c r="N7605" i="2"/>
  <c r="W7573" i="6" l="1"/>
  <c r="B7605" i="2"/>
  <c r="N7606" i="2"/>
  <c r="W7574" i="6" l="1"/>
  <c r="B7606" i="2"/>
  <c r="N7607" i="2"/>
  <c r="W7575" i="6" l="1"/>
  <c r="B7607" i="2"/>
  <c r="N7608" i="2"/>
  <c r="W7576" i="6" l="1"/>
  <c r="B7608" i="2"/>
  <c r="N7609" i="2"/>
  <c r="W7577" i="6" l="1"/>
  <c r="B7609" i="2"/>
  <c r="N7610" i="2"/>
  <c r="W7578" i="6" l="1"/>
  <c r="B7610" i="2"/>
  <c r="N7611" i="2"/>
  <c r="W7579" i="6" l="1"/>
  <c r="B7611" i="2"/>
  <c r="N7612" i="2"/>
  <c r="W7580" i="6" l="1"/>
  <c r="B7612" i="2"/>
  <c r="N7613" i="2"/>
  <c r="W7581" i="6" l="1"/>
  <c r="B7613" i="2"/>
  <c r="N7614" i="2"/>
  <c r="W7582" i="6" l="1"/>
  <c r="B7614" i="2"/>
  <c r="N7615" i="2"/>
  <c r="W7583" i="6" l="1"/>
  <c r="B7615" i="2"/>
  <c r="N7616" i="2"/>
  <c r="W7584" i="6" l="1"/>
  <c r="B7616" i="2"/>
  <c r="N7617" i="2"/>
  <c r="W7585" i="6" l="1"/>
  <c r="B7617" i="2"/>
  <c r="N7618" i="2"/>
  <c r="W7586" i="6" l="1"/>
  <c r="B7618" i="2"/>
  <c r="N7619" i="2"/>
  <c r="W7587" i="6" l="1"/>
  <c r="B7619" i="2"/>
  <c r="N7620" i="2"/>
  <c r="W7588" i="6" l="1"/>
  <c r="B7620" i="2"/>
  <c r="N7621" i="2"/>
  <c r="W7589" i="6" l="1"/>
  <c r="B7621" i="2"/>
  <c r="N7622" i="2"/>
  <c r="W7590" i="6" l="1"/>
  <c r="B7622" i="2"/>
  <c r="N7623" i="2"/>
  <c r="W7591" i="6" l="1"/>
  <c r="B7623" i="2"/>
  <c r="N7624" i="2"/>
  <c r="W7592" i="6" l="1"/>
  <c r="B7624" i="2"/>
  <c r="N7625" i="2"/>
  <c r="W7593" i="6" l="1"/>
  <c r="B7625" i="2"/>
  <c r="N7626" i="2"/>
  <c r="W7594" i="6" l="1"/>
  <c r="B7626" i="2"/>
  <c r="N7627" i="2"/>
  <c r="W7595" i="6" l="1"/>
  <c r="B7627" i="2"/>
  <c r="N7628" i="2"/>
  <c r="W7596" i="6" l="1"/>
  <c r="B7628" i="2"/>
  <c r="N7629" i="2"/>
  <c r="W7597" i="6" l="1"/>
  <c r="B7629" i="2"/>
  <c r="N7630" i="2"/>
  <c r="W7598" i="6" l="1"/>
  <c r="B7630" i="2"/>
  <c r="N7631" i="2"/>
  <c r="W7599" i="6" l="1"/>
  <c r="B7631" i="2"/>
  <c r="N7632" i="2"/>
  <c r="W7600" i="6" l="1"/>
  <c r="B7632" i="2"/>
  <c r="N7633" i="2"/>
  <c r="W7601" i="6" l="1"/>
  <c r="B7633" i="2"/>
  <c r="N7634" i="2"/>
  <c r="W7602" i="6" l="1"/>
  <c r="B7634" i="2"/>
  <c r="N7635" i="2"/>
  <c r="W7603" i="6" l="1"/>
  <c r="B7635" i="2"/>
  <c r="N7636" i="2"/>
  <c r="W7604" i="6" l="1"/>
  <c r="B7636" i="2"/>
  <c r="N7637" i="2"/>
  <c r="W7605" i="6" l="1"/>
  <c r="B7637" i="2"/>
  <c r="N7638" i="2"/>
  <c r="W7606" i="6" l="1"/>
  <c r="B7638" i="2"/>
  <c r="N7639" i="2"/>
  <c r="W7607" i="6" l="1"/>
  <c r="B7639" i="2"/>
  <c r="N7640" i="2"/>
  <c r="W7608" i="6" l="1"/>
  <c r="B7640" i="2"/>
  <c r="N7641" i="2"/>
  <c r="W7609" i="6" l="1"/>
  <c r="B7641" i="2"/>
  <c r="N7642" i="2"/>
  <c r="W7610" i="6" l="1"/>
  <c r="B7642" i="2"/>
  <c r="N7643" i="2"/>
  <c r="W7611" i="6" l="1"/>
  <c r="B7643" i="2"/>
  <c r="N7644" i="2"/>
  <c r="W7612" i="6" l="1"/>
  <c r="B7644" i="2"/>
  <c r="N7645" i="2"/>
  <c r="W7613" i="6" l="1"/>
  <c r="B7645" i="2"/>
  <c r="N7646" i="2"/>
  <c r="W7614" i="6" l="1"/>
  <c r="B7646" i="2"/>
  <c r="N7647" i="2"/>
  <c r="W7615" i="6" l="1"/>
  <c r="B7647" i="2"/>
  <c r="N7648" i="2"/>
  <c r="W7616" i="6" l="1"/>
  <c r="B7648" i="2"/>
  <c r="N7649" i="2"/>
  <c r="W7617" i="6" l="1"/>
  <c r="B7649" i="2"/>
  <c r="N7650" i="2"/>
  <c r="W7618" i="6" l="1"/>
  <c r="B7650" i="2"/>
  <c r="N7651" i="2"/>
  <c r="W7619" i="6" l="1"/>
  <c r="B7651" i="2"/>
  <c r="N7652" i="2"/>
  <c r="W7620" i="6" l="1"/>
  <c r="B7652" i="2"/>
  <c r="N7653" i="2"/>
  <c r="W7621" i="6" l="1"/>
  <c r="B7653" i="2"/>
  <c r="N7654" i="2"/>
  <c r="W7622" i="6" l="1"/>
  <c r="B7654" i="2"/>
  <c r="N7655" i="2"/>
  <c r="W7623" i="6" l="1"/>
  <c r="B7655" i="2"/>
  <c r="N7656" i="2"/>
  <c r="W7624" i="6" l="1"/>
  <c r="B7656" i="2"/>
  <c r="N7657" i="2"/>
  <c r="W7625" i="6" l="1"/>
  <c r="B7657" i="2"/>
  <c r="N7658" i="2"/>
  <c r="W7626" i="6" l="1"/>
  <c r="B7658" i="2"/>
  <c r="N7659" i="2"/>
  <c r="W7627" i="6" l="1"/>
  <c r="B7659" i="2"/>
  <c r="N7660" i="2"/>
  <c r="W7628" i="6" l="1"/>
  <c r="B7660" i="2"/>
  <c r="N7661" i="2"/>
  <c r="W7629" i="6" l="1"/>
  <c r="B7661" i="2"/>
  <c r="N7662" i="2"/>
  <c r="W7630" i="6" l="1"/>
  <c r="B7662" i="2"/>
  <c r="N7663" i="2"/>
  <c r="W7631" i="6" l="1"/>
  <c r="B7663" i="2"/>
  <c r="N7664" i="2"/>
  <c r="W7632" i="6" l="1"/>
  <c r="B7664" i="2"/>
  <c r="N7665" i="2"/>
  <c r="W7633" i="6" l="1"/>
  <c r="B7665" i="2"/>
  <c r="N7666" i="2"/>
  <c r="W7634" i="6" l="1"/>
  <c r="B7666" i="2"/>
  <c r="N7667" i="2"/>
  <c r="W7635" i="6" l="1"/>
  <c r="B7667" i="2"/>
  <c r="N7668" i="2"/>
  <c r="W7636" i="6" l="1"/>
  <c r="B7668" i="2"/>
  <c r="N7669" i="2"/>
  <c r="W7637" i="6" l="1"/>
  <c r="B7669" i="2"/>
  <c r="N7670" i="2"/>
  <c r="W7638" i="6" l="1"/>
  <c r="B7670" i="2"/>
  <c r="N7671" i="2"/>
  <c r="W7639" i="6" l="1"/>
  <c r="B7671" i="2"/>
  <c r="N7672" i="2"/>
  <c r="W7640" i="6" l="1"/>
  <c r="B7672" i="2"/>
  <c r="N7673" i="2"/>
  <c r="W7641" i="6" l="1"/>
  <c r="B7673" i="2"/>
  <c r="N7674" i="2"/>
  <c r="W7642" i="6" l="1"/>
  <c r="B7674" i="2"/>
  <c r="N7675" i="2"/>
  <c r="W7643" i="6" l="1"/>
  <c r="B7675" i="2"/>
  <c r="N7676" i="2"/>
  <c r="W7644" i="6" l="1"/>
  <c r="B7676" i="2"/>
  <c r="N7677" i="2"/>
  <c r="W7645" i="6" l="1"/>
  <c r="B7677" i="2"/>
  <c r="N7678" i="2"/>
  <c r="W7646" i="6" l="1"/>
  <c r="B7678" i="2"/>
  <c r="N7679" i="2"/>
  <c r="W7647" i="6" l="1"/>
  <c r="B7679" i="2"/>
  <c r="N7680" i="2"/>
  <c r="W7648" i="6" l="1"/>
  <c r="B7680" i="2"/>
  <c r="N7681" i="2"/>
  <c r="W7649" i="6" l="1"/>
  <c r="B7681" i="2"/>
  <c r="N7682" i="2"/>
  <c r="W7650" i="6" l="1"/>
  <c r="B7682" i="2"/>
  <c r="N7683" i="2"/>
  <c r="W7651" i="6" l="1"/>
  <c r="B7683" i="2"/>
  <c r="N7684" i="2"/>
  <c r="W7652" i="6" l="1"/>
  <c r="B7684" i="2"/>
  <c r="N7685" i="2"/>
  <c r="W7653" i="6" l="1"/>
  <c r="B7685" i="2"/>
  <c r="N7686" i="2"/>
  <c r="W7654" i="6" l="1"/>
  <c r="B7686" i="2"/>
  <c r="N7687" i="2"/>
  <c r="W7655" i="6" l="1"/>
  <c r="B7687" i="2"/>
  <c r="N7688" i="2"/>
  <c r="W7656" i="6" l="1"/>
  <c r="B7688" i="2"/>
  <c r="N7689" i="2"/>
  <c r="W7657" i="6" l="1"/>
  <c r="B7689" i="2"/>
  <c r="N7690" i="2"/>
  <c r="W7658" i="6" l="1"/>
  <c r="B7690" i="2"/>
  <c r="N7691" i="2"/>
  <c r="W7659" i="6" l="1"/>
  <c r="B7691" i="2"/>
  <c r="N7692" i="2"/>
  <c r="W7660" i="6" l="1"/>
  <c r="B7692" i="2"/>
  <c r="N7693" i="2"/>
  <c r="W7661" i="6" l="1"/>
  <c r="B7693" i="2"/>
  <c r="N7694" i="2"/>
  <c r="W7662" i="6" l="1"/>
  <c r="B7694" i="2"/>
  <c r="N7695" i="2"/>
  <c r="W7663" i="6" l="1"/>
  <c r="B7695" i="2"/>
  <c r="N7696" i="2"/>
  <c r="W7664" i="6" l="1"/>
  <c r="B7696" i="2"/>
  <c r="N7697" i="2"/>
  <c r="W7665" i="6" l="1"/>
  <c r="B7697" i="2"/>
  <c r="N7698" i="2"/>
  <c r="W7666" i="6" l="1"/>
  <c r="B7698" i="2"/>
  <c r="N7699" i="2"/>
  <c r="W7667" i="6" l="1"/>
  <c r="B7699" i="2"/>
  <c r="N7700" i="2"/>
  <c r="W7668" i="6" l="1"/>
  <c r="B7700" i="2"/>
  <c r="N7701" i="2"/>
  <c r="W7669" i="6" l="1"/>
  <c r="B7701" i="2"/>
  <c r="N7702" i="2"/>
  <c r="W7670" i="6" l="1"/>
  <c r="B7702" i="2"/>
  <c r="N7703" i="2"/>
  <c r="W7671" i="6" l="1"/>
  <c r="B7703" i="2"/>
  <c r="N7704" i="2"/>
  <c r="W7672" i="6" l="1"/>
  <c r="B7704" i="2"/>
  <c r="N7705" i="2"/>
  <c r="W7673" i="6" l="1"/>
  <c r="B7705" i="2"/>
  <c r="N7706" i="2"/>
  <c r="W7674" i="6" l="1"/>
  <c r="B7706" i="2"/>
  <c r="N7707" i="2"/>
  <c r="W7675" i="6" l="1"/>
  <c r="B7707" i="2"/>
  <c r="N7708" i="2"/>
  <c r="W7676" i="6" l="1"/>
  <c r="B7708" i="2"/>
  <c r="N7709" i="2"/>
  <c r="W7677" i="6" l="1"/>
  <c r="B7709" i="2"/>
  <c r="N7710" i="2"/>
  <c r="W7678" i="6" l="1"/>
  <c r="B7710" i="2"/>
  <c r="N7711" i="2"/>
  <c r="W7679" i="6" l="1"/>
  <c r="B7711" i="2"/>
  <c r="N7712" i="2"/>
  <c r="W7680" i="6" l="1"/>
  <c r="B7712" i="2"/>
  <c r="N7713" i="2"/>
  <c r="W7681" i="6" l="1"/>
  <c r="B7713" i="2"/>
  <c r="N7714" i="2"/>
  <c r="W7682" i="6" l="1"/>
  <c r="B7714" i="2"/>
  <c r="N7715" i="2"/>
  <c r="W7683" i="6" l="1"/>
  <c r="B7715" i="2"/>
  <c r="N7716" i="2"/>
  <c r="W7684" i="6" l="1"/>
  <c r="B7716" i="2"/>
  <c r="N7717" i="2"/>
  <c r="W7685" i="6" l="1"/>
  <c r="B7717" i="2"/>
  <c r="N7718" i="2"/>
  <c r="W7686" i="6" l="1"/>
  <c r="B7718" i="2"/>
  <c r="N7719" i="2"/>
  <c r="W7687" i="6" l="1"/>
  <c r="B7719" i="2"/>
  <c r="N7720" i="2"/>
  <c r="W7688" i="6" l="1"/>
  <c r="B7720" i="2"/>
  <c r="N7721" i="2"/>
  <c r="W7689" i="6" l="1"/>
  <c r="B7721" i="2"/>
  <c r="N7722" i="2"/>
  <c r="W7690" i="6" l="1"/>
  <c r="B7722" i="2"/>
  <c r="N7723" i="2"/>
  <c r="W7691" i="6" l="1"/>
  <c r="B7723" i="2"/>
  <c r="N7724" i="2"/>
  <c r="W7692" i="6" l="1"/>
  <c r="B7724" i="2"/>
  <c r="N7725" i="2"/>
  <c r="W7693" i="6" l="1"/>
  <c r="B7725" i="2"/>
  <c r="N7726" i="2"/>
  <c r="W7694" i="6" l="1"/>
  <c r="B7726" i="2"/>
  <c r="N7727" i="2"/>
  <c r="W7695" i="6" l="1"/>
  <c r="B7727" i="2"/>
  <c r="N7728" i="2"/>
  <c r="W7696" i="6" l="1"/>
  <c r="B7728" i="2"/>
  <c r="N7729" i="2"/>
  <c r="W7697" i="6" l="1"/>
  <c r="B7729" i="2"/>
  <c r="N7730" i="2"/>
  <c r="W7698" i="6" l="1"/>
  <c r="B7730" i="2"/>
  <c r="N7731" i="2"/>
  <c r="W7699" i="6" l="1"/>
  <c r="B7731" i="2"/>
  <c r="N7732" i="2"/>
  <c r="W7700" i="6" l="1"/>
  <c r="B7732" i="2"/>
  <c r="N7733" i="2"/>
  <c r="W7701" i="6" l="1"/>
  <c r="B7733" i="2"/>
  <c r="N7734" i="2"/>
  <c r="W7702" i="6" l="1"/>
  <c r="B7734" i="2"/>
  <c r="N7735" i="2"/>
  <c r="W7703" i="6" l="1"/>
  <c r="B7735" i="2"/>
  <c r="N7736" i="2"/>
  <c r="W7704" i="6" l="1"/>
  <c r="B7736" i="2"/>
  <c r="N7737" i="2"/>
  <c r="W7705" i="6" l="1"/>
  <c r="B7737" i="2"/>
  <c r="N7738" i="2"/>
  <c r="W7706" i="6" l="1"/>
  <c r="B7738" i="2"/>
  <c r="N7739" i="2"/>
  <c r="W7707" i="6" l="1"/>
  <c r="B7739" i="2"/>
  <c r="N7740" i="2"/>
  <c r="W7708" i="6" l="1"/>
  <c r="B7740" i="2"/>
  <c r="N7741" i="2"/>
  <c r="W7709" i="6" l="1"/>
  <c r="B7741" i="2"/>
  <c r="N7742" i="2"/>
  <c r="W7710" i="6" l="1"/>
  <c r="B7742" i="2"/>
  <c r="N7743" i="2"/>
  <c r="W7711" i="6" l="1"/>
  <c r="B7743" i="2"/>
  <c r="N7744" i="2"/>
  <c r="W7712" i="6" l="1"/>
  <c r="B7744" i="2"/>
  <c r="N7745" i="2"/>
  <c r="W7713" i="6" l="1"/>
  <c r="B7745" i="2"/>
  <c r="N7746" i="2"/>
  <c r="W7714" i="6" l="1"/>
  <c r="B7746" i="2"/>
  <c r="N7747" i="2"/>
  <c r="W7715" i="6" l="1"/>
  <c r="B7747" i="2"/>
  <c r="N7748" i="2"/>
  <c r="W7716" i="6" l="1"/>
  <c r="B7748" i="2"/>
  <c r="N7749" i="2"/>
  <c r="W7717" i="6" l="1"/>
  <c r="B7749" i="2"/>
  <c r="N7750" i="2"/>
  <c r="W7718" i="6" l="1"/>
  <c r="B7750" i="2"/>
  <c r="N7751" i="2"/>
  <c r="W7719" i="6" l="1"/>
  <c r="B7751" i="2"/>
  <c r="N7752" i="2"/>
  <c r="W7720" i="6" l="1"/>
  <c r="B7752" i="2"/>
  <c r="N7753" i="2"/>
  <c r="W7721" i="6" l="1"/>
  <c r="B7753" i="2"/>
  <c r="N7754" i="2"/>
  <c r="W7722" i="6" l="1"/>
  <c r="B7754" i="2"/>
  <c r="N7755" i="2"/>
  <c r="W7723" i="6" l="1"/>
  <c r="B7755" i="2"/>
  <c r="N7756" i="2"/>
  <c r="W7724" i="6" l="1"/>
  <c r="B7756" i="2"/>
  <c r="N7757" i="2"/>
  <c r="W7725" i="6" l="1"/>
  <c r="B7757" i="2"/>
  <c r="N7758" i="2"/>
  <c r="W7726" i="6" l="1"/>
  <c r="B7758" i="2"/>
  <c r="N7759" i="2"/>
  <c r="W7727" i="6" l="1"/>
  <c r="B7759" i="2"/>
  <c r="N7760" i="2"/>
  <c r="W7728" i="6" l="1"/>
  <c r="B7760" i="2"/>
  <c r="N7761" i="2"/>
  <c r="W7729" i="6" l="1"/>
  <c r="B7761" i="2"/>
  <c r="N7762" i="2"/>
  <c r="W7730" i="6" l="1"/>
  <c r="B7762" i="2"/>
  <c r="N7763" i="2"/>
  <c r="W7731" i="6" l="1"/>
  <c r="B7763" i="2"/>
  <c r="N7764" i="2"/>
  <c r="W7732" i="6" l="1"/>
  <c r="B7764" i="2"/>
  <c r="N7765" i="2"/>
  <c r="W7733" i="6" l="1"/>
  <c r="B7765" i="2"/>
  <c r="N7766" i="2"/>
  <c r="W7734" i="6" l="1"/>
  <c r="B7766" i="2"/>
  <c r="N7767" i="2"/>
  <c r="W7735" i="6" l="1"/>
  <c r="B7767" i="2"/>
  <c r="N7768" i="2"/>
  <c r="W7736" i="6" l="1"/>
  <c r="B7768" i="2"/>
  <c r="N7769" i="2"/>
  <c r="W7737" i="6" l="1"/>
  <c r="B7769" i="2"/>
  <c r="N7770" i="2"/>
  <c r="W7738" i="6" l="1"/>
  <c r="B7770" i="2"/>
  <c r="N7771" i="2"/>
  <c r="W7739" i="6" l="1"/>
  <c r="B7771" i="2"/>
  <c r="N7772" i="2"/>
  <c r="W7740" i="6" l="1"/>
  <c r="B7772" i="2"/>
  <c r="N7773" i="2"/>
  <c r="W7741" i="6" l="1"/>
  <c r="B7773" i="2"/>
  <c r="N7774" i="2"/>
  <c r="W7742" i="6" l="1"/>
  <c r="B7774" i="2"/>
  <c r="N7775" i="2"/>
  <c r="W7743" i="6" l="1"/>
  <c r="B7775" i="2"/>
  <c r="N7776" i="2"/>
  <c r="W7744" i="6" l="1"/>
  <c r="B7776" i="2"/>
  <c r="N7777" i="2"/>
  <c r="W7745" i="6" l="1"/>
  <c r="B7777" i="2"/>
  <c r="N7778" i="2"/>
  <c r="W7746" i="6" l="1"/>
  <c r="B7778" i="2"/>
  <c r="N7779" i="2"/>
  <c r="W7747" i="6" l="1"/>
  <c r="B7779" i="2"/>
  <c r="N7780" i="2"/>
  <c r="W7748" i="6" l="1"/>
  <c r="B7780" i="2"/>
  <c r="N7781" i="2"/>
  <c r="W7749" i="6" l="1"/>
  <c r="B7781" i="2"/>
  <c r="N7782" i="2"/>
  <c r="W7750" i="6" l="1"/>
  <c r="B7782" i="2"/>
  <c r="N7783" i="2"/>
  <c r="W7751" i="6" l="1"/>
  <c r="B7783" i="2"/>
  <c r="N7784" i="2"/>
  <c r="W7752" i="6" l="1"/>
  <c r="B7784" i="2"/>
  <c r="N7785" i="2"/>
  <c r="W7753" i="6" l="1"/>
  <c r="B7785" i="2"/>
  <c r="N7786" i="2"/>
  <c r="W7754" i="6" l="1"/>
  <c r="B7786" i="2"/>
  <c r="N7787" i="2"/>
  <c r="W7755" i="6" l="1"/>
  <c r="B7787" i="2"/>
  <c r="N7788" i="2"/>
  <c r="W7756" i="6" l="1"/>
  <c r="B7788" i="2"/>
  <c r="N7789" i="2"/>
  <c r="W7757" i="6" l="1"/>
  <c r="B7789" i="2"/>
  <c r="N7790" i="2"/>
  <c r="W7758" i="6" l="1"/>
  <c r="B7790" i="2"/>
  <c r="N7791" i="2"/>
  <c r="W7759" i="6" l="1"/>
  <c r="B7791" i="2"/>
  <c r="N7792" i="2"/>
  <c r="W7760" i="6" l="1"/>
  <c r="B7792" i="2"/>
  <c r="N7793" i="2"/>
  <c r="W7761" i="6" l="1"/>
  <c r="B7793" i="2"/>
  <c r="N7794" i="2"/>
  <c r="W7762" i="6" l="1"/>
  <c r="B7794" i="2"/>
  <c r="N7795" i="2"/>
  <c r="W7763" i="6" l="1"/>
  <c r="B7795" i="2"/>
  <c r="N7796" i="2"/>
  <c r="W7764" i="6" l="1"/>
  <c r="B7796" i="2"/>
  <c r="N7797" i="2"/>
  <c r="W7765" i="6" l="1"/>
  <c r="B7797" i="2"/>
  <c r="N7798" i="2"/>
  <c r="W7766" i="6" l="1"/>
  <c r="B7798" i="2"/>
  <c r="N7799" i="2"/>
  <c r="W7767" i="6" l="1"/>
  <c r="B7799" i="2"/>
  <c r="N7800" i="2"/>
  <c r="W7768" i="6" l="1"/>
  <c r="B7800" i="2"/>
  <c r="N7801" i="2"/>
  <c r="W7769" i="6" l="1"/>
  <c r="B7801" i="2"/>
  <c r="N7802" i="2"/>
  <c r="W7770" i="6" l="1"/>
  <c r="B7802" i="2"/>
  <c r="N7803" i="2"/>
  <c r="W7771" i="6" l="1"/>
  <c r="B7803" i="2"/>
  <c r="N7804" i="2"/>
  <c r="W7772" i="6" l="1"/>
  <c r="B7804" i="2"/>
  <c r="N7805" i="2"/>
  <c r="W7773" i="6" l="1"/>
  <c r="B7805" i="2"/>
  <c r="N7806" i="2"/>
  <c r="W7774" i="6" l="1"/>
  <c r="B7806" i="2"/>
  <c r="N7807" i="2"/>
  <c r="W7775" i="6" l="1"/>
  <c r="B7807" i="2"/>
  <c r="N7808" i="2"/>
  <c r="W7776" i="6" l="1"/>
  <c r="B7808" i="2"/>
  <c r="N7809" i="2"/>
  <c r="W7777" i="6" l="1"/>
  <c r="B7809" i="2"/>
  <c r="N7810" i="2"/>
  <c r="W7778" i="6" l="1"/>
  <c r="B7810" i="2"/>
  <c r="N7811" i="2"/>
  <c r="W7779" i="6" l="1"/>
  <c r="B7811" i="2"/>
  <c r="N7812" i="2"/>
  <c r="W7780" i="6" l="1"/>
  <c r="B7812" i="2"/>
  <c r="N7813" i="2"/>
  <c r="W7781" i="6" l="1"/>
  <c r="B7813" i="2"/>
  <c r="N7814" i="2"/>
  <c r="W7782" i="6" l="1"/>
  <c r="B7814" i="2"/>
  <c r="N7815" i="2"/>
  <c r="W7783" i="6" l="1"/>
  <c r="B7815" i="2"/>
  <c r="N7816" i="2"/>
  <c r="W7784" i="6" l="1"/>
  <c r="B7816" i="2"/>
  <c r="N7817" i="2"/>
  <c r="W7785" i="6" l="1"/>
  <c r="B7817" i="2"/>
  <c r="N7818" i="2"/>
  <c r="W7786" i="6" l="1"/>
  <c r="B7818" i="2"/>
  <c r="N7819" i="2"/>
  <c r="W7787" i="6" l="1"/>
  <c r="B7819" i="2"/>
  <c r="N7820" i="2"/>
  <c r="W7788" i="6" l="1"/>
  <c r="B7820" i="2"/>
  <c r="N7821" i="2"/>
  <c r="W7789" i="6" l="1"/>
  <c r="B7821" i="2"/>
  <c r="N7822" i="2"/>
  <c r="W7790" i="6" l="1"/>
  <c r="B7822" i="2"/>
  <c r="N7823" i="2"/>
  <c r="W7791" i="6" l="1"/>
  <c r="B7823" i="2"/>
  <c r="N7824" i="2"/>
  <c r="W7792" i="6" l="1"/>
  <c r="B7824" i="2"/>
  <c r="N7825" i="2"/>
  <c r="W7793" i="6" l="1"/>
  <c r="B7825" i="2"/>
  <c r="N7826" i="2"/>
  <c r="W7794" i="6" l="1"/>
  <c r="B7826" i="2"/>
  <c r="N7827" i="2"/>
  <c r="W7795" i="6" l="1"/>
  <c r="B7827" i="2"/>
  <c r="N7828" i="2"/>
  <c r="W7796" i="6" l="1"/>
  <c r="B7828" i="2"/>
  <c r="N7829" i="2"/>
  <c r="W7797" i="6" l="1"/>
  <c r="B7829" i="2"/>
  <c r="N7830" i="2"/>
  <c r="W7798" i="6" l="1"/>
  <c r="B7830" i="2"/>
  <c r="N7831" i="2"/>
  <c r="W7799" i="6" l="1"/>
  <c r="B7831" i="2"/>
  <c r="N7832" i="2"/>
  <c r="W7800" i="6" l="1"/>
  <c r="B7832" i="2"/>
  <c r="N7833" i="2"/>
  <c r="W7801" i="6" l="1"/>
  <c r="B7833" i="2"/>
  <c r="N7834" i="2"/>
  <c r="W7802" i="6" l="1"/>
  <c r="B7834" i="2"/>
  <c r="N7835" i="2"/>
  <c r="W7803" i="6" l="1"/>
  <c r="B7835" i="2"/>
  <c r="N7836" i="2"/>
  <c r="W7804" i="6" l="1"/>
  <c r="B7836" i="2"/>
  <c r="N7837" i="2"/>
  <c r="W7805" i="6" l="1"/>
  <c r="B7837" i="2"/>
  <c r="N7838" i="2"/>
  <c r="W7806" i="6" l="1"/>
  <c r="B7838" i="2"/>
  <c r="N7839" i="2"/>
  <c r="W7807" i="6" l="1"/>
  <c r="B7839" i="2"/>
  <c r="N7840" i="2"/>
  <c r="W7808" i="6" l="1"/>
  <c r="B7840" i="2"/>
  <c r="N7841" i="2"/>
  <c r="W7809" i="6" l="1"/>
  <c r="B7841" i="2"/>
  <c r="N7842" i="2"/>
  <c r="W7810" i="6" l="1"/>
  <c r="B7842" i="2"/>
  <c r="N7843" i="2"/>
  <c r="W7811" i="6" l="1"/>
  <c r="B7843" i="2"/>
  <c r="N7844" i="2"/>
  <c r="W7812" i="6" l="1"/>
  <c r="B7844" i="2"/>
  <c r="N7845" i="2"/>
  <c r="W7813" i="6" l="1"/>
  <c r="B7845" i="2"/>
  <c r="N7846" i="2"/>
  <c r="W7814" i="6" l="1"/>
  <c r="B7846" i="2"/>
  <c r="N7847" i="2"/>
  <c r="W7815" i="6" l="1"/>
  <c r="B7847" i="2"/>
  <c r="N7848" i="2"/>
  <c r="W7816" i="6" l="1"/>
  <c r="B7848" i="2"/>
  <c r="N7849" i="2"/>
  <c r="W7817" i="6" l="1"/>
  <c r="B7849" i="2"/>
  <c r="N7850" i="2"/>
  <c r="W7818" i="6" l="1"/>
  <c r="B7850" i="2"/>
  <c r="N7851" i="2"/>
  <c r="W7819" i="6" l="1"/>
  <c r="B7851" i="2"/>
  <c r="N7852" i="2"/>
  <c r="W7820" i="6" l="1"/>
  <c r="B7852" i="2"/>
  <c r="N7853" i="2"/>
  <c r="W7821" i="6" l="1"/>
  <c r="B7853" i="2"/>
  <c r="N7854" i="2"/>
  <c r="W7822" i="6" l="1"/>
  <c r="B7854" i="2"/>
  <c r="N7855" i="2"/>
  <c r="W7823" i="6" l="1"/>
  <c r="B7855" i="2"/>
  <c r="N7856" i="2"/>
  <c r="W7824" i="6" l="1"/>
  <c r="B7856" i="2"/>
  <c r="N7857" i="2"/>
  <c r="W7825" i="6" l="1"/>
  <c r="B7857" i="2"/>
  <c r="N7858" i="2"/>
  <c r="W7826" i="6" l="1"/>
  <c r="B7858" i="2"/>
  <c r="N7859" i="2"/>
  <c r="W7827" i="6" l="1"/>
  <c r="B7859" i="2"/>
  <c r="N7860" i="2"/>
  <c r="W7828" i="6" l="1"/>
  <c r="B7860" i="2"/>
  <c r="N7861" i="2"/>
  <c r="W7829" i="6" l="1"/>
  <c r="B7861" i="2"/>
  <c r="N7862" i="2"/>
  <c r="W7830" i="6" l="1"/>
  <c r="B7862" i="2"/>
  <c r="N7863" i="2"/>
  <c r="W7831" i="6" l="1"/>
  <c r="B7863" i="2"/>
  <c r="N7864" i="2"/>
  <c r="W7832" i="6" l="1"/>
  <c r="B7864" i="2"/>
  <c r="N7865" i="2"/>
  <c r="W7833" i="6" l="1"/>
  <c r="B7865" i="2"/>
  <c r="N7866" i="2"/>
  <c r="W7834" i="6" l="1"/>
  <c r="B7866" i="2"/>
  <c r="N7867" i="2"/>
  <c r="W7835" i="6" l="1"/>
  <c r="B7867" i="2"/>
  <c r="N7868" i="2"/>
  <c r="W7836" i="6" l="1"/>
  <c r="B7868" i="2"/>
  <c r="N7869" i="2"/>
  <c r="W7837" i="6" l="1"/>
  <c r="B7869" i="2"/>
  <c r="N7870" i="2"/>
  <c r="W7838" i="6" l="1"/>
  <c r="B7870" i="2"/>
  <c r="N7871" i="2"/>
  <c r="W7839" i="6" l="1"/>
  <c r="B7871" i="2"/>
  <c r="N7872" i="2"/>
  <c r="W7840" i="6" l="1"/>
  <c r="B7872" i="2"/>
  <c r="N7873" i="2"/>
  <c r="W7841" i="6" l="1"/>
  <c r="B7873" i="2"/>
  <c r="N7874" i="2"/>
  <c r="W7842" i="6" l="1"/>
  <c r="B7874" i="2"/>
  <c r="N7875" i="2"/>
  <c r="W7843" i="6" l="1"/>
  <c r="B7875" i="2"/>
  <c r="N7876" i="2"/>
  <c r="W7844" i="6" l="1"/>
  <c r="B7876" i="2"/>
  <c r="N7877" i="2"/>
  <c r="W7845" i="6" l="1"/>
  <c r="B7877" i="2"/>
  <c r="N7878" i="2"/>
  <c r="W7846" i="6" l="1"/>
  <c r="B7878" i="2"/>
  <c r="N7879" i="2"/>
  <c r="W7847" i="6" l="1"/>
  <c r="B7879" i="2"/>
  <c r="N7880" i="2"/>
  <c r="W7848" i="6" l="1"/>
  <c r="B7880" i="2"/>
  <c r="N7881" i="2"/>
  <c r="W7849" i="6" l="1"/>
  <c r="B7881" i="2"/>
  <c r="N7882" i="2"/>
  <c r="W7850" i="6" l="1"/>
  <c r="B7882" i="2"/>
  <c r="N7883" i="2"/>
  <c r="W7851" i="6" l="1"/>
  <c r="B7883" i="2"/>
  <c r="N7884" i="2"/>
  <c r="W7852" i="6" l="1"/>
  <c r="B7884" i="2"/>
  <c r="N7885" i="2"/>
  <c r="W7853" i="6" l="1"/>
  <c r="B7885" i="2"/>
  <c r="N7886" i="2"/>
  <c r="W7854" i="6" l="1"/>
  <c r="B7886" i="2"/>
  <c r="N7887" i="2"/>
  <c r="W7855" i="6" l="1"/>
  <c r="B7887" i="2"/>
  <c r="N7888" i="2"/>
  <c r="W7856" i="6" l="1"/>
  <c r="B7888" i="2"/>
  <c r="N7889" i="2"/>
  <c r="W7857" i="6" l="1"/>
  <c r="B7889" i="2"/>
  <c r="N7890" i="2"/>
  <c r="W7858" i="6" l="1"/>
  <c r="B7890" i="2"/>
  <c r="N7891" i="2"/>
  <c r="W7859" i="6" l="1"/>
  <c r="B7891" i="2"/>
  <c r="N7892" i="2"/>
  <c r="W7860" i="6" l="1"/>
  <c r="B7892" i="2"/>
  <c r="N7893" i="2"/>
  <c r="W7861" i="6" l="1"/>
  <c r="B7893" i="2"/>
  <c r="N7894" i="2"/>
  <c r="W7862" i="6" l="1"/>
  <c r="B7894" i="2"/>
  <c r="N7895" i="2"/>
  <c r="W7863" i="6" l="1"/>
  <c r="B7895" i="2"/>
  <c r="N7896" i="2"/>
  <c r="W7864" i="6" l="1"/>
  <c r="B7896" i="2"/>
  <c r="N7897" i="2"/>
  <c r="W7865" i="6" l="1"/>
  <c r="B7897" i="2"/>
  <c r="N7898" i="2"/>
  <c r="W7866" i="6" l="1"/>
  <c r="B7898" i="2"/>
  <c r="N7899" i="2"/>
  <c r="W7867" i="6" l="1"/>
  <c r="B7899" i="2"/>
  <c r="N7900" i="2"/>
  <c r="W7868" i="6" l="1"/>
  <c r="B7900" i="2"/>
  <c r="N7901" i="2"/>
  <c r="W7869" i="6" l="1"/>
  <c r="B7901" i="2"/>
  <c r="N7902" i="2"/>
  <c r="W7870" i="6" l="1"/>
  <c r="B7902" i="2"/>
  <c r="N7903" i="2"/>
  <c r="W7871" i="6" l="1"/>
  <c r="B7903" i="2"/>
  <c r="N7904" i="2"/>
  <c r="W7872" i="6" l="1"/>
  <c r="B7904" i="2"/>
  <c r="N7905" i="2"/>
  <c r="W7873" i="6" l="1"/>
  <c r="B7905" i="2"/>
  <c r="N7906" i="2"/>
  <c r="W7874" i="6" l="1"/>
  <c r="B7906" i="2"/>
  <c r="N7907" i="2"/>
  <c r="W7875" i="6" l="1"/>
  <c r="B7907" i="2"/>
  <c r="N7908" i="2"/>
  <c r="W7876" i="6" l="1"/>
  <c r="B7908" i="2"/>
  <c r="N7909" i="2"/>
  <c r="W7877" i="6" l="1"/>
  <c r="B7909" i="2"/>
  <c r="N7910" i="2"/>
  <c r="W7878" i="6" l="1"/>
  <c r="B7910" i="2"/>
  <c r="N7911" i="2"/>
  <c r="W7879" i="6" l="1"/>
  <c r="B7911" i="2"/>
  <c r="N7912" i="2"/>
  <c r="W7880" i="6" l="1"/>
  <c r="B7912" i="2"/>
  <c r="N7913" i="2"/>
  <c r="W7881" i="6" l="1"/>
  <c r="B7913" i="2"/>
  <c r="N7914" i="2"/>
  <c r="W7882" i="6" l="1"/>
  <c r="B7914" i="2"/>
  <c r="N7915" i="2"/>
  <c r="W7883" i="6" l="1"/>
  <c r="B7915" i="2"/>
  <c r="N7916" i="2"/>
  <c r="W7884" i="6" l="1"/>
  <c r="B7916" i="2"/>
  <c r="N7917" i="2"/>
  <c r="W7885" i="6" l="1"/>
  <c r="B7917" i="2"/>
  <c r="N7918" i="2"/>
  <c r="W7886" i="6" l="1"/>
  <c r="B7918" i="2"/>
  <c r="N7919" i="2"/>
  <c r="W7887" i="6" l="1"/>
  <c r="B7919" i="2"/>
  <c r="N7920" i="2"/>
  <c r="W7888" i="6" l="1"/>
  <c r="B7920" i="2"/>
  <c r="N7921" i="2"/>
  <c r="W7889" i="6" l="1"/>
  <c r="B7921" i="2"/>
  <c r="N7922" i="2"/>
  <c r="W7890" i="6" l="1"/>
  <c r="B7922" i="2"/>
  <c r="N7923" i="2"/>
  <c r="W7891" i="6" l="1"/>
  <c r="B7923" i="2"/>
  <c r="N7924" i="2"/>
  <c r="W7892" i="6" l="1"/>
  <c r="B7924" i="2"/>
  <c r="N7925" i="2"/>
  <c r="W7893" i="6" l="1"/>
  <c r="B7925" i="2"/>
  <c r="N7926" i="2"/>
  <c r="W7894" i="6" l="1"/>
  <c r="B7926" i="2"/>
  <c r="N7927" i="2"/>
  <c r="W7895" i="6" l="1"/>
  <c r="B7927" i="2"/>
  <c r="N7928" i="2"/>
  <c r="W7896" i="6" l="1"/>
  <c r="B7928" i="2"/>
  <c r="N7929" i="2"/>
  <c r="W7897" i="6" l="1"/>
  <c r="B7929" i="2"/>
  <c r="N7930" i="2"/>
  <c r="W7898" i="6" l="1"/>
  <c r="B7930" i="2"/>
  <c r="N7931" i="2"/>
  <c r="W7899" i="6" l="1"/>
  <c r="B7931" i="2"/>
  <c r="N7932" i="2"/>
  <c r="W7900" i="6" l="1"/>
  <c r="B7932" i="2"/>
  <c r="N7933" i="2"/>
  <c r="W7901" i="6" l="1"/>
  <c r="B7933" i="2"/>
  <c r="N7934" i="2"/>
  <c r="W7902" i="6" l="1"/>
  <c r="B7934" i="2"/>
  <c r="N7935" i="2"/>
  <c r="W7903" i="6" l="1"/>
  <c r="B7935" i="2"/>
  <c r="N7936" i="2"/>
  <c r="W7904" i="6" l="1"/>
  <c r="B7936" i="2"/>
  <c r="N7937" i="2"/>
  <c r="W7905" i="6" l="1"/>
  <c r="B7937" i="2"/>
  <c r="N7938" i="2"/>
  <c r="W7906" i="6" l="1"/>
  <c r="B7938" i="2"/>
  <c r="N7939" i="2"/>
  <c r="W7907" i="6" l="1"/>
  <c r="B7939" i="2"/>
  <c r="N7940" i="2"/>
  <c r="W7908" i="6" l="1"/>
  <c r="B7940" i="2"/>
  <c r="N7941" i="2"/>
  <c r="W7909" i="6" l="1"/>
  <c r="B7941" i="2"/>
  <c r="N7942" i="2"/>
  <c r="W7910" i="6" l="1"/>
  <c r="B7942" i="2"/>
  <c r="N7943" i="2"/>
  <c r="W7911" i="6" l="1"/>
  <c r="B7943" i="2"/>
  <c r="N7944" i="2"/>
  <c r="W7912" i="6" l="1"/>
  <c r="B7944" i="2"/>
  <c r="N7945" i="2"/>
  <c r="W7913" i="6" l="1"/>
  <c r="B7945" i="2"/>
  <c r="N7946" i="2"/>
  <c r="W7914" i="6" l="1"/>
  <c r="B7946" i="2"/>
  <c r="N7947" i="2"/>
  <c r="W7915" i="6" l="1"/>
  <c r="B7947" i="2"/>
  <c r="N7948" i="2"/>
  <c r="W7916" i="6" l="1"/>
  <c r="B7948" i="2"/>
  <c r="N7949" i="2"/>
  <c r="W7917" i="6" l="1"/>
  <c r="B7949" i="2"/>
  <c r="N7950" i="2"/>
  <c r="W7918" i="6" l="1"/>
  <c r="B7950" i="2"/>
  <c r="N7951" i="2"/>
  <c r="W7919" i="6" l="1"/>
  <c r="B7951" i="2"/>
  <c r="N7952" i="2"/>
  <c r="W7920" i="6" l="1"/>
  <c r="B7952" i="2"/>
  <c r="N7953" i="2"/>
  <c r="W7921" i="6" l="1"/>
  <c r="B7953" i="2"/>
  <c r="N7954" i="2"/>
  <c r="W7922" i="6" l="1"/>
  <c r="B7954" i="2"/>
  <c r="N7955" i="2"/>
  <c r="W7923" i="6" l="1"/>
  <c r="B7955" i="2"/>
  <c r="N7956" i="2"/>
  <c r="W7924" i="6" l="1"/>
  <c r="B7956" i="2"/>
  <c r="N7957" i="2"/>
  <c r="W7925" i="6" l="1"/>
  <c r="B7957" i="2"/>
  <c r="N7958" i="2"/>
  <c r="W7926" i="6" l="1"/>
  <c r="B7958" i="2"/>
  <c r="N7959" i="2"/>
  <c r="W7927" i="6" l="1"/>
  <c r="B7959" i="2"/>
  <c r="N7960" i="2"/>
  <c r="W7928" i="6" l="1"/>
  <c r="B7960" i="2"/>
  <c r="N7961" i="2"/>
  <c r="W7929" i="6" l="1"/>
  <c r="B7961" i="2"/>
  <c r="N7962" i="2"/>
  <c r="W7930" i="6" l="1"/>
  <c r="B7962" i="2"/>
  <c r="N7963" i="2"/>
  <c r="W7931" i="6" l="1"/>
  <c r="B7963" i="2"/>
  <c r="N7964" i="2"/>
  <c r="W7932" i="6" l="1"/>
  <c r="B7964" i="2"/>
  <c r="N7965" i="2"/>
  <c r="W7933" i="6" l="1"/>
  <c r="B7965" i="2"/>
  <c r="N7966" i="2"/>
  <c r="W7934" i="6" l="1"/>
  <c r="B7966" i="2"/>
  <c r="N7967" i="2"/>
  <c r="W7935" i="6" l="1"/>
  <c r="B7967" i="2"/>
  <c r="N7968" i="2"/>
  <c r="W7936" i="6" l="1"/>
  <c r="B7968" i="2"/>
  <c r="N7969" i="2"/>
  <c r="W7937" i="6" l="1"/>
  <c r="B7969" i="2"/>
  <c r="N7970" i="2"/>
  <c r="W7938" i="6" l="1"/>
  <c r="B7970" i="2"/>
  <c r="N7971" i="2"/>
  <c r="W7939" i="6" l="1"/>
  <c r="B7971" i="2"/>
  <c r="N7972" i="2"/>
  <c r="W7940" i="6" l="1"/>
  <c r="B7972" i="2"/>
  <c r="N7973" i="2"/>
  <c r="W7941" i="6" l="1"/>
  <c r="B7973" i="2"/>
  <c r="N7974" i="2"/>
  <c r="W7942" i="6" l="1"/>
  <c r="B7974" i="2"/>
  <c r="N7975" i="2"/>
  <c r="W7943" i="6" l="1"/>
  <c r="B7975" i="2"/>
  <c r="N7976" i="2"/>
  <c r="W7944" i="6" l="1"/>
  <c r="B7976" i="2"/>
  <c r="N7977" i="2"/>
  <c r="W7945" i="6" l="1"/>
  <c r="B7977" i="2"/>
  <c r="N7978" i="2"/>
  <c r="W7946" i="6" l="1"/>
  <c r="B7978" i="2"/>
  <c r="N7979" i="2"/>
  <c r="W7947" i="6" l="1"/>
  <c r="B7979" i="2"/>
  <c r="N7980" i="2"/>
  <c r="W7948" i="6" l="1"/>
  <c r="B7980" i="2"/>
  <c r="N7981" i="2"/>
  <c r="W7949" i="6" l="1"/>
  <c r="B7981" i="2"/>
  <c r="N7982" i="2"/>
  <c r="W7950" i="6" l="1"/>
  <c r="B7982" i="2"/>
  <c r="N7983" i="2"/>
  <c r="W7951" i="6" l="1"/>
  <c r="B7983" i="2"/>
  <c r="N7984" i="2"/>
  <c r="W7952" i="6" l="1"/>
  <c r="B7984" i="2"/>
  <c r="N7985" i="2"/>
  <c r="W7953" i="6" l="1"/>
  <c r="B7985" i="2"/>
  <c r="N7986" i="2"/>
  <c r="W7954" i="6" l="1"/>
  <c r="B7986" i="2"/>
  <c r="N7987" i="2"/>
  <c r="W7955" i="6" l="1"/>
  <c r="B7987" i="2"/>
  <c r="N7988" i="2"/>
  <c r="W7956" i="6" l="1"/>
  <c r="B7988" i="2"/>
  <c r="N7989" i="2"/>
  <c r="W7957" i="6" l="1"/>
  <c r="B7989" i="2"/>
  <c r="N7990" i="2"/>
  <c r="W7958" i="6" l="1"/>
  <c r="B7990" i="2"/>
  <c r="N7991" i="2"/>
  <c r="W7959" i="6" l="1"/>
  <c r="B7991" i="2"/>
  <c r="N7992" i="2"/>
  <c r="W7960" i="6" l="1"/>
  <c r="B7992" i="2"/>
  <c r="N7993" i="2"/>
  <c r="W7961" i="6" l="1"/>
  <c r="B7993" i="2"/>
  <c r="N7994" i="2"/>
  <c r="W7962" i="6" l="1"/>
  <c r="B7994" i="2"/>
  <c r="N7995" i="2"/>
  <c r="W7963" i="6" l="1"/>
  <c r="B7995" i="2"/>
  <c r="N7996" i="2"/>
  <c r="W7964" i="6" l="1"/>
  <c r="B7996" i="2"/>
  <c r="N7997" i="2"/>
  <c r="W7965" i="6" l="1"/>
  <c r="B7997" i="2"/>
  <c r="N7998" i="2"/>
  <c r="W7966" i="6" l="1"/>
  <c r="B7998" i="2"/>
  <c r="N7999" i="2"/>
  <c r="W7967" i="6" l="1"/>
  <c r="B7999" i="2"/>
  <c r="N8000" i="2"/>
  <c r="W7968" i="6" l="1"/>
  <c r="B8000" i="2"/>
  <c r="N8001" i="2"/>
  <c r="W7969" i="6" l="1"/>
  <c r="B8001" i="2"/>
  <c r="N8002" i="2"/>
  <c r="W7970" i="6" l="1"/>
  <c r="B8002" i="2"/>
  <c r="N8003" i="2"/>
  <c r="W7971" i="6" l="1"/>
  <c r="B8003" i="2"/>
  <c r="N8004" i="2"/>
  <c r="W7972" i="6" l="1"/>
  <c r="B8004" i="2"/>
  <c r="N8005" i="2"/>
  <c r="W7973" i="6" l="1"/>
  <c r="B8005" i="2"/>
  <c r="N8006" i="2"/>
  <c r="W7974" i="6" l="1"/>
  <c r="B8006" i="2"/>
  <c r="N8007" i="2"/>
  <c r="W7975" i="6" l="1"/>
  <c r="B8007" i="2"/>
  <c r="N8008" i="2"/>
  <c r="W7976" i="6" l="1"/>
  <c r="B8008" i="2"/>
  <c r="N8009" i="2"/>
  <c r="W7977" i="6" l="1"/>
  <c r="B8009" i="2"/>
  <c r="N8010" i="2"/>
  <c r="W7978" i="6" l="1"/>
  <c r="B8010" i="2"/>
  <c r="N8011" i="2"/>
  <c r="W7979" i="6" l="1"/>
  <c r="B8011" i="2"/>
  <c r="N8012" i="2"/>
  <c r="W7980" i="6" l="1"/>
  <c r="B8012" i="2"/>
  <c r="N8013" i="2"/>
  <c r="W7981" i="6" l="1"/>
  <c r="B8013" i="2"/>
  <c r="N8014" i="2"/>
  <c r="W7982" i="6" l="1"/>
  <c r="B8014" i="2"/>
  <c r="N8015" i="2"/>
  <c r="W7983" i="6" l="1"/>
  <c r="B8015" i="2"/>
  <c r="N8016" i="2"/>
  <c r="W7984" i="6" l="1"/>
  <c r="B8016" i="2"/>
  <c r="N8017" i="2"/>
  <c r="W7985" i="6" l="1"/>
  <c r="B8017" i="2"/>
  <c r="N8018" i="2"/>
  <c r="W7986" i="6" l="1"/>
  <c r="B8018" i="2"/>
  <c r="N8019" i="2"/>
  <c r="W7987" i="6" l="1"/>
  <c r="B8019" i="2"/>
  <c r="N8020" i="2"/>
  <c r="W7988" i="6" l="1"/>
  <c r="B8020" i="2"/>
  <c r="N8021" i="2"/>
  <c r="W7989" i="6" l="1"/>
  <c r="B8021" i="2"/>
  <c r="N8022" i="2"/>
  <c r="W7990" i="6" l="1"/>
  <c r="B8022" i="2"/>
  <c r="N8023" i="2"/>
  <c r="W7991" i="6" l="1"/>
  <c r="B8023" i="2"/>
  <c r="N8024" i="2"/>
  <c r="W7992" i="6" l="1"/>
  <c r="B8024" i="2"/>
  <c r="N8025" i="2"/>
  <c r="W7993" i="6" l="1"/>
  <c r="B8025" i="2"/>
  <c r="N8026" i="2"/>
  <c r="W7994" i="6" l="1"/>
  <c r="B8026" i="2"/>
  <c r="N8027" i="2"/>
  <c r="W7995" i="6" l="1"/>
  <c r="B8027" i="2"/>
  <c r="N8028" i="2"/>
  <c r="W7996" i="6" l="1"/>
  <c r="B8028" i="2"/>
  <c r="N8029" i="2"/>
  <c r="W7997" i="6" l="1"/>
  <c r="B8029" i="2"/>
  <c r="N8030" i="2"/>
  <c r="W7998" i="6" l="1"/>
  <c r="B8030" i="2"/>
  <c r="N8031" i="2"/>
  <c r="W7999" i="6" l="1"/>
  <c r="B8031" i="2"/>
  <c r="N8032" i="2"/>
  <c r="W8000" i="6" l="1"/>
  <c r="B8032" i="2"/>
  <c r="N8033" i="2"/>
  <c r="W8001" i="6" l="1"/>
  <c r="B8033" i="2"/>
  <c r="N8034" i="2"/>
  <c r="W8002" i="6" l="1"/>
  <c r="B8034" i="2"/>
  <c r="N8035" i="2"/>
  <c r="W8003" i="6" l="1"/>
  <c r="B8035" i="2"/>
  <c r="N8036" i="2"/>
  <c r="W8004" i="6" l="1"/>
  <c r="B8036" i="2"/>
  <c r="N8037" i="2"/>
  <c r="W8005" i="6" l="1"/>
  <c r="B8037" i="2"/>
  <c r="N8038" i="2"/>
  <c r="W8006" i="6" l="1"/>
  <c r="B8038" i="2"/>
  <c r="N8039" i="2"/>
  <c r="W8007" i="6" l="1"/>
  <c r="B8039" i="2"/>
  <c r="N8040" i="2"/>
  <c r="W8008" i="6" l="1"/>
  <c r="B8040" i="2"/>
  <c r="N8041" i="2"/>
  <c r="W8009" i="6" l="1"/>
  <c r="B8041" i="2"/>
  <c r="N8042" i="2"/>
  <c r="W8010" i="6" l="1"/>
  <c r="B8042" i="2"/>
  <c r="N8043" i="2"/>
  <c r="W8011" i="6" l="1"/>
  <c r="B8043" i="2"/>
  <c r="N8044" i="2"/>
  <c r="W8012" i="6" l="1"/>
  <c r="B8044" i="2"/>
  <c r="N8045" i="2"/>
  <c r="W8013" i="6" l="1"/>
  <c r="B8045" i="2"/>
  <c r="N8046" i="2"/>
  <c r="W8014" i="6" l="1"/>
  <c r="B8046" i="2"/>
  <c r="N8047" i="2"/>
  <c r="W8015" i="6" l="1"/>
  <c r="B8047" i="2"/>
  <c r="N8048" i="2"/>
  <c r="W8016" i="6" l="1"/>
  <c r="B8048" i="2"/>
  <c r="N8049" i="2"/>
  <c r="W8017" i="6" l="1"/>
  <c r="B8049" i="2"/>
  <c r="N8050" i="2"/>
  <c r="W8018" i="6" l="1"/>
  <c r="B8050" i="2"/>
  <c r="N8051" i="2"/>
  <c r="W8019" i="6" l="1"/>
  <c r="B8051" i="2"/>
  <c r="N8052" i="2"/>
  <c r="W8020" i="6" l="1"/>
  <c r="B8052" i="2"/>
  <c r="N8053" i="2"/>
  <c r="W8021" i="6" l="1"/>
  <c r="B8053" i="2"/>
  <c r="N8054" i="2"/>
  <c r="W8022" i="6" l="1"/>
  <c r="B8054" i="2"/>
  <c r="N8055" i="2"/>
  <c r="W8023" i="6" l="1"/>
  <c r="B8055" i="2"/>
  <c r="N8056" i="2"/>
  <c r="W8024" i="6" l="1"/>
  <c r="B8056" i="2"/>
  <c r="N8057" i="2"/>
  <c r="W8025" i="6" l="1"/>
  <c r="B8057" i="2"/>
  <c r="N8058" i="2"/>
  <c r="W8026" i="6" l="1"/>
  <c r="B8058" i="2"/>
  <c r="N8059" i="2"/>
  <c r="W8027" i="6" l="1"/>
  <c r="B8059" i="2"/>
  <c r="N8060" i="2"/>
  <c r="W8028" i="6" l="1"/>
  <c r="B8060" i="2"/>
  <c r="N8061" i="2"/>
  <c r="W8029" i="6" l="1"/>
  <c r="B8061" i="2"/>
  <c r="N8062" i="2"/>
  <c r="W8030" i="6" l="1"/>
  <c r="B8062" i="2"/>
  <c r="N8063" i="2"/>
  <c r="W8031" i="6" l="1"/>
  <c r="B8063" i="2"/>
  <c r="N8064" i="2"/>
  <c r="W8032" i="6" l="1"/>
  <c r="B8064" i="2"/>
  <c r="N8065" i="2"/>
  <c r="W8033" i="6" l="1"/>
  <c r="B8065" i="2"/>
  <c r="N8066" i="2"/>
  <c r="W8034" i="6" l="1"/>
  <c r="B8066" i="2"/>
  <c r="N8067" i="2"/>
  <c r="W8035" i="6" l="1"/>
  <c r="B8067" i="2"/>
  <c r="N8068" i="2"/>
  <c r="W8036" i="6" l="1"/>
  <c r="B8068" i="2"/>
  <c r="N8069" i="2"/>
  <c r="W8037" i="6" l="1"/>
  <c r="B8069" i="2"/>
  <c r="N8070" i="2"/>
  <c r="W8038" i="6" l="1"/>
  <c r="B8070" i="2"/>
  <c r="N8071" i="2"/>
  <c r="W8039" i="6" l="1"/>
  <c r="B8071" i="2"/>
  <c r="N8072" i="2"/>
  <c r="W8040" i="6" l="1"/>
  <c r="B8072" i="2"/>
  <c r="N8073" i="2"/>
  <c r="W8041" i="6" l="1"/>
  <c r="B8073" i="2"/>
  <c r="N8074" i="2"/>
  <c r="W8042" i="6" l="1"/>
  <c r="B8074" i="2"/>
  <c r="N8075" i="2"/>
  <c r="W8043" i="6" l="1"/>
  <c r="B8075" i="2"/>
  <c r="N8076" i="2"/>
  <c r="W8044" i="6" l="1"/>
  <c r="B8076" i="2"/>
  <c r="N8077" i="2"/>
  <c r="W8045" i="6" l="1"/>
  <c r="B8077" i="2"/>
  <c r="N8078" i="2"/>
  <c r="W8046" i="6" l="1"/>
  <c r="B8078" i="2"/>
  <c r="N8079" i="2"/>
  <c r="W8047" i="6" l="1"/>
  <c r="B8079" i="2"/>
  <c r="N8080" i="2"/>
  <c r="W8048" i="6" l="1"/>
  <c r="B8080" i="2"/>
  <c r="N8081" i="2"/>
  <c r="W8049" i="6" l="1"/>
  <c r="B8081" i="2"/>
  <c r="N8082" i="2"/>
  <c r="W8050" i="6" l="1"/>
  <c r="B8082" i="2"/>
  <c r="N8083" i="2"/>
  <c r="W8051" i="6" l="1"/>
  <c r="B8083" i="2"/>
  <c r="N8084" i="2"/>
  <c r="W8052" i="6" l="1"/>
  <c r="B8084" i="2"/>
  <c r="N8085" i="2"/>
  <c r="W8053" i="6" l="1"/>
  <c r="B8085" i="2"/>
  <c r="N8086" i="2"/>
  <c r="W8054" i="6" l="1"/>
  <c r="B8086" i="2"/>
  <c r="N8087" i="2"/>
  <c r="W8055" i="6" l="1"/>
  <c r="B8087" i="2"/>
  <c r="N8088" i="2"/>
  <c r="W8056" i="6" l="1"/>
  <c r="B8088" i="2"/>
  <c r="N8089" i="2"/>
  <c r="W8057" i="6" l="1"/>
  <c r="B8089" i="2"/>
  <c r="N8090" i="2"/>
  <c r="W8058" i="6" l="1"/>
  <c r="B8090" i="2"/>
  <c r="N8091" i="2"/>
  <c r="W8059" i="6" l="1"/>
  <c r="B8091" i="2"/>
  <c r="N8092" i="2"/>
  <c r="W8060" i="6" l="1"/>
  <c r="B8092" i="2"/>
  <c r="N8093" i="2"/>
  <c r="W8061" i="6" l="1"/>
  <c r="B8093" i="2"/>
  <c r="N8094" i="2"/>
  <c r="W8062" i="6" l="1"/>
  <c r="B8094" i="2"/>
  <c r="N8095" i="2"/>
  <c r="W8063" i="6" l="1"/>
  <c r="B8095" i="2"/>
  <c r="N8096" i="2"/>
  <c r="W8064" i="6" l="1"/>
  <c r="B8096" i="2"/>
  <c r="N8097" i="2"/>
  <c r="W8065" i="6" l="1"/>
  <c r="B8097" i="2"/>
  <c r="N8098" i="2"/>
  <c r="W8066" i="6" l="1"/>
  <c r="B8098" i="2"/>
  <c r="N8099" i="2"/>
  <c r="W8067" i="6" l="1"/>
  <c r="B8099" i="2"/>
  <c r="N8100" i="2"/>
  <c r="W8068" i="6" l="1"/>
  <c r="B8100" i="2"/>
  <c r="N8101" i="2"/>
  <c r="W8069" i="6" l="1"/>
  <c r="B8101" i="2"/>
  <c r="N8102" i="2"/>
  <c r="W8070" i="6" l="1"/>
  <c r="B8102" i="2"/>
  <c r="N8103" i="2"/>
  <c r="W8071" i="6" l="1"/>
  <c r="B8103" i="2"/>
  <c r="N8104" i="2"/>
  <c r="W8072" i="6" l="1"/>
  <c r="B8104" i="2"/>
  <c r="N8105" i="2"/>
  <c r="W8073" i="6" l="1"/>
  <c r="B8105" i="2"/>
  <c r="N8106" i="2"/>
  <c r="W8074" i="6" l="1"/>
  <c r="B8106" i="2"/>
  <c r="N8107" i="2"/>
  <c r="W8075" i="6" l="1"/>
  <c r="B8107" i="2"/>
  <c r="N8108" i="2"/>
  <c r="W8076" i="6" l="1"/>
  <c r="B8108" i="2"/>
  <c r="N8109" i="2"/>
  <c r="W8077" i="6" l="1"/>
  <c r="B8109" i="2"/>
  <c r="N8110" i="2"/>
  <c r="W8078" i="6" l="1"/>
  <c r="B8110" i="2"/>
  <c r="N8111" i="2"/>
  <c r="W8079" i="6" l="1"/>
  <c r="B8111" i="2"/>
  <c r="N8112" i="2"/>
  <c r="W8080" i="6" l="1"/>
  <c r="B8112" i="2"/>
  <c r="N8113" i="2"/>
  <c r="W8081" i="6" l="1"/>
  <c r="B8113" i="2"/>
  <c r="N8114" i="2"/>
  <c r="W8082" i="6" l="1"/>
  <c r="B8114" i="2"/>
  <c r="N8115" i="2"/>
  <c r="W8083" i="6" l="1"/>
  <c r="B8115" i="2"/>
  <c r="N8116" i="2"/>
  <c r="W8084" i="6" l="1"/>
  <c r="B8116" i="2"/>
  <c r="N8117" i="2"/>
  <c r="W8085" i="6" l="1"/>
  <c r="B8117" i="2"/>
  <c r="N8118" i="2"/>
  <c r="W8086" i="6" l="1"/>
  <c r="B8118" i="2"/>
  <c r="N8119" i="2"/>
  <c r="W8087" i="6" l="1"/>
  <c r="B8119" i="2"/>
  <c r="N8120" i="2"/>
  <c r="W8088" i="6" l="1"/>
  <c r="B8120" i="2"/>
  <c r="N8121" i="2"/>
  <c r="W8089" i="6" l="1"/>
  <c r="B8121" i="2"/>
  <c r="N8122" i="2"/>
  <c r="W8090" i="6" l="1"/>
  <c r="B8122" i="2"/>
  <c r="N8123" i="2"/>
  <c r="W8091" i="6" l="1"/>
  <c r="B8123" i="2"/>
  <c r="N8124" i="2"/>
  <c r="W8092" i="6" l="1"/>
  <c r="B8124" i="2"/>
  <c r="N8125" i="2"/>
  <c r="W8093" i="6" l="1"/>
  <c r="B8125" i="2"/>
  <c r="N8126" i="2"/>
  <c r="W8094" i="6" l="1"/>
  <c r="B8126" i="2"/>
  <c r="N8127" i="2"/>
  <c r="W8095" i="6" l="1"/>
  <c r="B8127" i="2"/>
  <c r="N8128" i="2"/>
  <c r="W8096" i="6" l="1"/>
  <c r="B8128" i="2"/>
  <c r="N8129" i="2"/>
  <c r="W8097" i="6" l="1"/>
  <c r="B8129" i="2"/>
  <c r="N8130" i="2"/>
  <c r="W8098" i="6" l="1"/>
  <c r="B8130" i="2"/>
  <c r="N8131" i="2"/>
  <c r="W8099" i="6" l="1"/>
  <c r="B8131" i="2"/>
  <c r="N8132" i="2"/>
  <c r="W8100" i="6" l="1"/>
  <c r="B8132" i="2"/>
  <c r="N8133" i="2"/>
  <c r="W8101" i="6" l="1"/>
  <c r="B8133" i="2"/>
  <c r="N8134" i="2"/>
  <c r="W8102" i="6" l="1"/>
  <c r="B8134" i="2"/>
  <c r="N8135" i="2"/>
  <c r="W8103" i="6" l="1"/>
  <c r="B8135" i="2"/>
  <c r="N8136" i="2"/>
  <c r="W8104" i="6" l="1"/>
  <c r="B8136" i="2"/>
  <c r="N8137" i="2"/>
  <c r="W8105" i="6" l="1"/>
  <c r="B8137" i="2"/>
  <c r="N8138" i="2"/>
  <c r="W8106" i="6" l="1"/>
  <c r="B8138" i="2"/>
  <c r="N8139" i="2"/>
  <c r="W8107" i="6" l="1"/>
  <c r="B8139" i="2"/>
  <c r="N8140" i="2"/>
  <c r="W8108" i="6" l="1"/>
  <c r="B8140" i="2"/>
  <c r="N8141" i="2"/>
  <c r="W8109" i="6" l="1"/>
  <c r="B8141" i="2"/>
  <c r="N8142" i="2"/>
  <c r="W8110" i="6" l="1"/>
  <c r="B8142" i="2"/>
  <c r="N8143" i="2"/>
  <c r="W8111" i="6" l="1"/>
  <c r="B8143" i="2"/>
  <c r="N8144" i="2"/>
  <c r="W8112" i="6" l="1"/>
  <c r="B8144" i="2"/>
  <c r="N8145" i="2"/>
  <c r="W8113" i="6" l="1"/>
  <c r="B8145" i="2"/>
  <c r="N8146" i="2"/>
  <c r="W8114" i="6" l="1"/>
  <c r="B8146" i="2"/>
  <c r="N8147" i="2"/>
  <c r="W8115" i="6" l="1"/>
  <c r="B8147" i="2"/>
  <c r="N8148" i="2"/>
  <c r="W8116" i="6" l="1"/>
  <c r="B8148" i="2"/>
  <c r="N8149" i="2"/>
  <c r="W8117" i="6" l="1"/>
  <c r="B8149" i="2"/>
  <c r="N8150" i="2"/>
  <c r="W8118" i="6" l="1"/>
  <c r="B8150" i="2"/>
  <c r="N8151" i="2"/>
  <c r="W8119" i="6" l="1"/>
  <c r="B8151" i="2"/>
  <c r="N8152" i="2"/>
  <c r="W8120" i="6" l="1"/>
  <c r="B8152" i="2"/>
  <c r="N8153" i="2"/>
  <c r="W8121" i="6" l="1"/>
  <c r="B8153" i="2"/>
  <c r="N8154" i="2"/>
  <c r="W8122" i="6" l="1"/>
  <c r="B8154" i="2"/>
  <c r="N8155" i="2"/>
  <c r="W8123" i="6" l="1"/>
  <c r="B8155" i="2"/>
  <c r="N8156" i="2"/>
  <c r="W8124" i="6" l="1"/>
  <c r="B8156" i="2"/>
  <c r="N8157" i="2"/>
  <c r="W8125" i="6" l="1"/>
  <c r="B8157" i="2"/>
  <c r="N8158" i="2"/>
  <c r="W8126" i="6" l="1"/>
  <c r="B8158" i="2"/>
  <c r="N8159" i="2"/>
  <c r="W8127" i="6" l="1"/>
  <c r="B8159" i="2"/>
  <c r="N8160" i="2"/>
  <c r="W8128" i="6" l="1"/>
  <c r="B8160" i="2"/>
  <c r="N8161" i="2"/>
  <c r="W8129" i="6" l="1"/>
  <c r="B8161" i="2"/>
  <c r="N8162" i="2"/>
  <c r="W8130" i="6" l="1"/>
  <c r="B8162" i="2"/>
  <c r="N8163" i="2"/>
  <c r="W8131" i="6" l="1"/>
  <c r="B8163" i="2"/>
  <c r="N8164" i="2"/>
  <c r="W8132" i="6" l="1"/>
  <c r="B8164" i="2"/>
  <c r="N8165" i="2"/>
  <c r="W8133" i="6" l="1"/>
  <c r="B8165" i="2"/>
  <c r="N8166" i="2"/>
  <c r="W8134" i="6" l="1"/>
  <c r="B8166" i="2"/>
  <c r="N8167" i="2"/>
  <c r="W8135" i="6" l="1"/>
  <c r="B8167" i="2"/>
  <c r="N8168" i="2"/>
  <c r="W8136" i="6" l="1"/>
  <c r="B8168" i="2"/>
  <c r="N8169" i="2"/>
  <c r="W8137" i="6" l="1"/>
  <c r="B8169" i="2"/>
  <c r="N8170" i="2"/>
  <c r="W8138" i="6" l="1"/>
  <c r="B8170" i="2"/>
  <c r="N8171" i="2"/>
  <c r="W8139" i="6" l="1"/>
  <c r="B8171" i="2"/>
  <c r="N8172" i="2"/>
  <c r="W8140" i="6" l="1"/>
  <c r="B8172" i="2"/>
  <c r="N8173" i="2"/>
  <c r="W8141" i="6" l="1"/>
  <c r="B8173" i="2"/>
  <c r="N8174" i="2"/>
  <c r="W8142" i="6" l="1"/>
  <c r="B8174" i="2"/>
  <c r="N8175" i="2"/>
  <c r="W8143" i="6" l="1"/>
  <c r="B8175" i="2"/>
  <c r="N8176" i="2"/>
  <c r="W8144" i="6" l="1"/>
  <c r="B8176" i="2"/>
  <c r="N8177" i="2"/>
  <c r="W8145" i="6" l="1"/>
  <c r="B8177" i="2"/>
  <c r="N8178" i="2"/>
  <c r="W8146" i="6" l="1"/>
  <c r="B8178" i="2"/>
  <c r="N8179" i="2"/>
  <c r="W8147" i="6" l="1"/>
  <c r="B8179" i="2"/>
  <c r="N8180" i="2"/>
  <c r="W8148" i="6" l="1"/>
  <c r="B8180" i="2"/>
  <c r="N8181" i="2"/>
  <c r="W8149" i="6" l="1"/>
  <c r="B8181" i="2"/>
  <c r="N8182" i="2"/>
  <c r="W8150" i="6" l="1"/>
  <c r="B8182" i="2"/>
  <c r="N8183" i="2"/>
  <c r="W8151" i="6" l="1"/>
  <c r="B8183" i="2"/>
  <c r="N8184" i="2"/>
  <c r="W8152" i="6" l="1"/>
  <c r="B8184" i="2"/>
  <c r="N8185" i="2"/>
  <c r="W8153" i="6" l="1"/>
  <c r="B8185" i="2"/>
  <c r="N8186" i="2"/>
  <c r="W8154" i="6" l="1"/>
  <c r="B8186" i="2"/>
  <c r="N8187" i="2"/>
  <c r="W8155" i="6" l="1"/>
  <c r="B8187" i="2"/>
  <c r="N8188" i="2"/>
  <c r="W8156" i="6" l="1"/>
  <c r="B8188" i="2"/>
  <c r="N8189" i="2"/>
  <c r="W8157" i="6" l="1"/>
  <c r="B8189" i="2"/>
  <c r="N8190" i="2"/>
  <c r="W8158" i="6" l="1"/>
  <c r="B8190" i="2"/>
  <c r="N8191" i="2"/>
  <c r="W8159" i="6" l="1"/>
  <c r="B8191" i="2"/>
  <c r="N8192" i="2"/>
  <c r="W8160" i="6" l="1"/>
  <c r="B8192" i="2"/>
  <c r="N8193" i="2"/>
  <c r="W8161" i="6" l="1"/>
  <c r="B8193" i="2"/>
  <c r="N8194" i="2"/>
  <c r="W8162" i="6" l="1"/>
  <c r="B8194" i="2"/>
  <c r="N8195" i="2"/>
  <c r="W8163" i="6" l="1"/>
  <c r="B8195" i="2"/>
  <c r="N8196" i="2"/>
  <c r="W8164" i="6" l="1"/>
  <c r="B8196" i="2"/>
  <c r="N8197" i="2"/>
  <c r="W8165" i="6" l="1"/>
  <c r="B8197" i="2"/>
  <c r="N8198" i="2"/>
  <c r="W8166" i="6" l="1"/>
  <c r="B8198" i="2"/>
  <c r="N8199" i="2"/>
  <c r="W8167" i="6" l="1"/>
  <c r="B8199" i="2"/>
  <c r="N8200" i="2"/>
  <c r="W8168" i="6" l="1"/>
  <c r="B8200" i="2"/>
  <c r="N8201" i="2"/>
  <c r="W8169" i="6" l="1"/>
  <c r="B8201" i="2"/>
  <c r="N8202" i="2"/>
  <c r="W8170" i="6" l="1"/>
  <c r="B8202" i="2"/>
  <c r="N8203" i="2"/>
  <c r="W8171" i="6" l="1"/>
  <c r="B8203" i="2"/>
  <c r="N8204" i="2"/>
  <c r="W8172" i="6" l="1"/>
  <c r="B8204" i="2"/>
  <c r="N8205" i="2"/>
  <c r="W8173" i="6" l="1"/>
  <c r="B8205" i="2"/>
  <c r="N8206" i="2"/>
  <c r="W8174" i="6" l="1"/>
  <c r="B8206" i="2"/>
  <c r="N8207" i="2"/>
  <c r="W8175" i="6" l="1"/>
  <c r="B8207" i="2"/>
  <c r="N8208" i="2"/>
  <c r="W8176" i="6" l="1"/>
  <c r="B8208" i="2"/>
  <c r="N8209" i="2"/>
  <c r="W8177" i="6" l="1"/>
  <c r="B8209" i="2"/>
  <c r="N8210" i="2"/>
  <c r="W8178" i="6" l="1"/>
  <c r="B8210" i="2"/>
  <c r="N8211" i="2"/>
  <c r="W8179" i="6" l="1"/>
  <c r="B8211" i="2"/>
  <c r="N8212" i="2"/>
  <c r="W8180" i="6" l="1"/>
  <c r="B8212" i="2"/>
  <c r="N8213" i="2"/>
  <c r="W8181" i="6" l="1"/>
  <c r="B8213" i="2"/>
  <c r="N8214" i="2"/>
  <c r="W8182" i="6" l="1"/>
  <c r="B8214" i="2"/>
  <c r="N8215" i="2"/>
  <c r="W8183" i="6" l="1"/>
  <c r="B8215" i="2"/>
  <c r="N8216" i="2"/>
  <c r="W8184" i="6" l="1"/>
  <c r="B8216" i="2"/>
  <c r="N8217" i="2"/>
  <c r="W8185" i="6" l="1"/>
  <c r="B8217" i="2"/>
  <c r="N8218" i="2"/>
  <c r="W8186" i="6" l="1"/>
  <c r="B8218" i="2"/>
  <c r="N8219" i="2"/>
  <c r="W8187" i="6" l="1"/>
  <c r="B8219" i="2"/>
  <c r="N8220" i="2"/>
  <c r="W8188" i="6" l="1"/>
  <c r="B8220" i="2"/>
  <c r="N8221" i="2"/>
  <c r="W8189" i="6" l="1"/>
  <c r="B8221" i="2"/>
  <c r="N8222" i="2"/>
  <c r="W8190" i="6" l="1"/>
  <c r="B8222" i="2"/>
  <c r="N8223" i="2"/>
  <c r="W8191" i="6" l="1"/>
  <c r="B8223" i="2"/>
  <c r="N8224" i="2"/>
  <c r="W8192" i="6" l="1"/>
  <c r="B8224" i="2"/>
  <c r="N8225" i="2"/>
  <c r="W8193" i="6" l="1"/>
  <c r="B8225" i="2"/>
  <c r="N8226" i="2"/>
  <c r="W8194" i="6" l="1"/>
  <c r="B8226" i="2"/>
  <c r="N8227" i="2"/>
  <c r="W8195" i="6" l="1"/>
  <c r="B8227" i="2"/>
  <c r="N8228" i="2"/>
  <c r="W8196" i="6" l="1"/>
  <c r="B8228" i="2"/>
  <c r="N8229" i="2"/>
  <c r="W8197" i="6" l="1"/>
  <c r="B8229" i="2"/>
  <c r="N8230" i="2"/>
  <c r="W8198" i="6" l="1"/>
  <c r="B8230" i="2"/>
  <c r="N8231" i="2"/>
  <c r="W8199" i="6" l="1"/>
  <c r="B8231" i="2"/>
  <c r="N8232" i="2"/>
  <c r="W8200" i="6" l="1"/>
  <c r="B8232" i="2"/>
  <c r="N8233" i="2"/>
  <c r="W8201" i="6" l="1"/>
  <c r="B8233" i="2"/>
  <c r="N8234" i="2"/>
  <c r="W8202" i="6" l="1"/>
  <c r="B8234" i="2"/>
  <c r="N8235" i="2"/>
  <c r="W8203" i="6" l="1"/>
  <c r="B8235" i="2"/>
  <c r="N8236" i="2"/>
  <c r="W8204" i="6" l="1"/>
  <c r="B8236" i="2"/>
  <c r="N8237" i="2"/>
  <c r="W8205" i="6" l="1"/>
  <c r="B8237" i="2"/>
  <c r="N8238" i="2"/>
  <c r="W8206" i="6" l="1"/>
  <c r="B8238" i="2"/>
  <c r="N8239" i="2"/>
  <c r="W8207" i="6" l="1"/>
  <c r="B8239" i="2"/>
  <c r="N8240" i="2"/>
  <c r="W8208" i="6" l="1"/>
  <c r="B8240" i="2"/>
  <c r="N8241" i="2"/>
  <c r="W8209" i="6" l="1"/>
  <c r="B8241" i="2"/>
  <c r="N8242" i="2"/>
  <c r="W8210" i="6" l="1"/>
  <c r="B8242" i="2"/>
  <c r="N8243" i="2"/>
  <c r="W8211" i="6" l="1"/>
  <c r="B8243" i="2"/>
  <c r="N8244" i="2"/>
  <c r="W8212" i="6" l="1"/>
  <c r="B8244" i="2"/>
  <c r="N8245" i="2"/>
  <c r="W8213" i="6" l="1"/>
  <c r="B8245" i="2"/>
  <c r="N8246" i="2"/>
  <c r="W8214" i="6" l="1"/>
  <c r="B8246" i="2"/>
  <c r="N8247" i="2"/>
  <c r="W8215" i="6" l="1"/>
  <c r="B8247" i="2"/>
  <c r="N8248" i="2"/>
  <c r="W8216" i="6" l="1"/>
  <c r="B8248" i="2"/>
  <c r="N8249" i="2"/>
  <c r="W8217" i="6" l="1"/>
  <c r="B8249" i="2"/>
  <c r="N8250" i="2"/>
  <c r="W8218" i="6" l="1"/>
  <c r="B8250" i="2"/>
  <c r="N8251" i="2"/>
  <c r="W8219" i="6" l="1"/>
  <c r="B8251" i="2"/>
  <c r="N8252" i="2"/>
  <c r="W8220" i="6" l="1"/>
  <c r="B8252" i="2"/>
  <c r="N8253" i="2"/>
  <c r="W8221" i="6" l="1"/>
  <c r="B8253" i="2"/>
  <c r="N8254" i="2"/>
  <c r="W8222" i="6" l="1"/>
  <c r="B8254" i="2"/>
  <c r="N8255" i="2"/>
  <c r="W8223" i="6" l="1"/>
  <c r="B8255" i="2"/>
  <c r="N8256" i="2"/>
  <c r="W8224" i="6" l="1"/>
  <c r="B8256" i="2"/>
  <c r="N8257" i="2"/>
  <c r="W8225" i="6" l="1"/>
  <c r="B8257" i="2"/>
  <c r="N8258" i="2"/>
  <c r="W8226" i="6" l="1"/>
  <c r="B8258" i="2"/>
  <c r="N8259" i="2"/>
  <c r="W8227" i="6" l="1"/>
  <c r="B8259" i="2"/>
  <c r="N8260" i="2"/>
  <c r="W8228" i="6" l="1"/>
  <c r="B8260" i="2"/>
  <c r="N8261" i="2"/>
  <c r="W8229" i="6" l="1"/>
  <c r="B8261" i="2"/>
  <c r="N8262" i="2"/>
  <c r="W8230" i="6" l="1"/>
  <c r="B8262" i="2"/>
  <c r="N8263" i="2"/>
  <c r="W8231" i="6" l="1"/>
  <c r="B8263" i="2"/>
  <c r="N8264" i="2"/>
  <c r="W8232" i="6" l="1"/>
  <c r="B8264" i="2"/>
  <c r="N8265" i="2"/>
  <c r="W8233" i="6" l="1"/>
  <c r="B8265" i="2"/>
  <c r="N8266" i="2"/>
  <c r="B8266" i="2" s="1"/>
  <c r="W8234" i="6" l="1"/>
  <c r="N8267" i="2"/>
  <c r="W8235" i="6" l="1"/>
  <c r="B8267" i="2"/>
  <c r="N8268" i="2"/>
  <c r="B8268" i="2" s="1"/>
  <c r="W8236" i="6" l="1"/>
  <c r="N8269" i="2"/>
  <c r="W8237" i="6" l="1"/>
  <c r="B8269" i="2"/>
  <c r="N8270" i="2"/>
  <c r="B8270" i="2" s="1"/>
  <c r="W8238" i="6" l="1"/>
  <c r="N8271" i="2"/>
  <c r="W8239" i="6" l="1"/>
  <c r="B8271" i="2"/>
  <c r="N8272" i="2"/>
  <c r="B8272" i="2" s="1"/>
  <c r="W8240" i="6" l="1"/>
  <c r="N8273" i="2"/>
  <c r="W8241" i="6" l="1"/>
  <c r="B8273" i="2"/>
  <c r="N8274" i="2"/>
  <c r="B8274" i="2" s="1"/>
  <c r="W8242" i="6" l="1"/>
  <c r="N8275" i="2"/>
  <c r="W8243" i="6" l="1"/>
  <c r="B8275" i="2"/>
  <c r="N8276" i="2"/>
  <c r="B8276" i="2" s="1"/>
  <c r="W8244" i="6" l="1"/>
  <c r="N8277" i="2"/>
  <c r="W8245" i="6" l="1"/>
  <c r="B8277" i="2"/>
  <c r="N8278" i="2"/>
  <c r="B8278" i="2" s="1"/>
  <c r="W8246" i="6" l="1"/>
  <c r="N8279" i="2"/>
  <c r="W8247" i="6" l="1"/>
  <c r="B8279" i="2"/>
  <c r="N8280" i="2"/>
  <c r="B8280" i="2" s="1"/>
  <c r="W8248" i="6" l="1"/>
  <c r="N8281" i="2"/>
  <c r="W8249" i="6" l="1"/>
  <c r="B8281" i="2"/>
  <c r="N8282" i="2"/>
  <c r="B8282" i="2" s="1"/>
  <c r="W8250" i="6" l="1"/>
  <c r="N8283" i="2"/>
  <c r="W8251" i="6" l="1"/>
  <c r="B8283" i="2"/>
  <c r="N8284" i="2"/>
  <c r="B8284" i="2" s="1"/>
  <c r="W8252" i="6" l="1"/>
  <c r="N8285" i="2"/>
  <c r="W8253" i="6" l="1"/>
  <c r="B8285" i="2"/>
  <c r="N8286" i="2"/>
  <c r="B8286" i="2" s="1"/>
  <c r="W8254" i="6" l="1"/>
  <c r="N8287" i="2"/>
  <c r="W8255" i="6" l="1"/>
  <c r="B8287" i="2"/>
  <c r="N8288" i="2"/>
  <c r="B8288" i="2" s="1"/>
  <c r="W8256" i="6" l="1"/>
  <c r="N8289" i="2"/>
  <c r="W8257" i="6" l="1"/>
  <c r="B8289" i="2"/>
  <c r="N8290" i="2"/>
  <c r="B8290" i="2" s="1"/>
  <c r="W8258" i="6" l="1"/>
  <c r="N8291" i="2"/>
  <c r="W8259" i="6" l="1"/>
  <c r="B8291" i="2"/>
  <c r="N8292" i="2"/>
  <c r="B8292" i="2" s="1"/>
  <c r="W8260" i="6" l="1"/>
  <c r="N8293" i="2"/>
  <c r="W8261" i="6" l="1"/>
  <c r="B8293" i="2"/>
  <c r="N8294" i="2"/>
  <c r="B8294" i="2" s="1"/>
  <c r="W8262" i="6" l="1"/>
  <c r="N8295" i="2"/>
  <c r="W8263" i="6" l="1"/>
  <c r="B8295" i="2"/>
  <c r="N8296" i="2"/>
  <c r="B8296" i="2" s="1"/>
  <c r="W8264" i="6" l="1"/>
  <c r="N8297" i="2"/>
  <c r="W8265" i="6" l="1"/>
  <c r="B8297" i="2"/>
  <c r="N8298" i="2"/>
  <c r="B8298" i="2" s="1"/>
  <c r="W8266" i="6" l="1"/>
  <c r="N8299" i="2"/>
  <c r="W8267" i="6" l="1"/>
  <c r="B8299" i="2"/>
  <c r="N8300" i="2"/>
  <c r="B8300" i="2" s="1"/>
  <c r="W8268" i="6" l="1"/>
  <c r="N8301" i="2"/>
  <c r="W8269" i="6" l="1"/>
  <c r="B8301" i="2"/>
  <c r="N8302" i="2"/>
  <c r="B8302" i="2" s="1"/>
  <c r="W8270" i="6" l="1"/>
  <c r="N8303" i="2"/>
  <c r="W8271" i="6" l="1"/>
  <c r="B8303" i="2"/>
  <c r="N8304" i="2"/>
  <c r="B8304" i="2" s="1"/>
  <c r="W8272" i="6" l="1"/>
  <c r="N8305" i="2"/>
  <c r="W8273" i="6" l="1"/>
  <c r="B8305" i="2"/>
  <c r="N8306" i="2"/>
  <c r="B8306" i="2" s="1"/>
  <c r="W8274" i="6" l="1"/>
  <c r="N8307" i="2"/>
  <c r="W8275" i="6" l="1"/>
  <c r="B8307" i="2"/>
  <c r="N8308" i="2"/>
  <c r="B8308" i="2" s="1"/>
  <c r="W8276" i="6" l="1"/>
  <c r="N8309" i="2"/>
  <c r="W8277" i="6" l="1"/>
  <c r="B8309" i="2"/>
  <c r="N8310" i="2"/>
  <c r="B8310" i="2" s="1"/>
  <c r="W8278" i="6" l="1"/>
  <c r="N8311" i="2"/>
  <c r="W8279" i="6" l="1"/>
  <c r="B8311" i="2"/>
  <c r="N8312" i="2"/>
  <c r="B8312" i="2" s="1"/>
  <c r="W8280" i="6" l="1"/>
  <c r="N8313" i="2"/>
  <c r="W8281" i="6" l="1"/>
  <c r="B8313" i="2"/>
  <c r="N8314" i="2"/>
  <c r="B8314" i="2" s="1"/>
  <c r="W8282" i="6" l="1"/>
  <c r="N8315" i="2"/>
  <c r="W8283" i="6" l="1"/>
  <c r="B8315" i="2"/>
  <c r="N8316" i="2"/>
  <c r="B8316" i="2" s="1"/>
  <c r="W8284" i="6" l="1"/>
  <c r="N8317" i="2"/>
  <c r="W8285" i="6" l="1"/>
  <c r="B8317" i="2"/>
  <c r="N8318" i="2"/>
  <c r="B8318" i="2" s="1"/>
  <c r="W8286" i="6" l="1"/>
  <c r="N8319" i="2"/>
  <c r="W8287" i="6" l="1"/>
  <c r="B8319" i="2"/>
  <c r="N8320" i="2"/>
  <c r="B8320" i="2" s="1"/>
  <c r="W8288" i="6" l="1"/>
  <c r="N8321" i="2"/>
  <c r="W8289" i="6" l="1"/>
  <c r="B8321" i="2"/>
  <c r="N8322" i="2"/>
  <c r="B8322" i="2" s="1"/>
  <c r="W8290" i="6" l="1"/>
  <c r="N8323" i="2"/>
  <c r="W8291" i="6" l="1"/>
  <c r="B8323" i="2"/>
  <c r="N8324" i="2"/>
  <c r="B8324" i="2" s="1"/>
  <c r="W8292" i="6" l="1"/>
  <c r="N8325" i="2"/>
  <c r="W8293" i="6" l="1"/>
  <c r="B8325" i="2"/>
  <c r="N8326" i="2"/>
  <c r="B8326" i="2" s="1"/>
  <c r="W8294" i="6" l="1"/>
  <c r="N8327" i="2"/>
  <c r="W8295" i="6" l="1"/>
  <c r="B8327" i="2"/>
  <c r="N8328" i="2"/>
  <c r="B8328" i="2" s="1"/>
  <c r="W8296" i="6" l="1"/>
  <c r="N8329" i="2"/>
  <c r="W8297" i="6" l="1"/>
  <c r="B8329" i="2"/>
  <c r="N8330" i="2"/>
  <c r="B8330" i="2" s="1"/>
  <c r="W8298" i="6" l="1"/>
  <c r="N8331" i="2"/>
  <c r="W8299" i="6" l="1"/>
  <c r="B8331" i="2"/>
  <c r="N8332" i="2"/>
  <c r="B8332" i="2" s="1"/>
  <c r="W8300" i="6" l="1"/>
  <c r="N8333" i="2"/>
  <c r="W8301" i="6" l="1"/>
  <c r="B8333" i="2"/>
  <c r="N8334" i="2"/>
  <c r="B8334" i="2" s="1"/>
  <c r="W8302" i="6" l="1"/>
  <c r="N8335" i="2"/>
  <c r="W8303" i="6" l="1"/>
  <c r="B8335" i="2"/>
  <c r="N8336" i="2"/>
  <c r="B8336" i="2" s="1"/>
  <c r="W8304" i="6" l="1"/>
  <c r="N8337" i="2"/>
  <c r="W8305" i="6" l="1"/>
  <c r="B8337" i="2"/>
  <c r="N8338" i="2"/>
  <c r="B8338" i="2" s="1"/>
  <c r="W8306" i="6" l="1"/>
  <c r="N8339" i="2"/>
  <c r="W8307" i="6" l="1"/>
  <c r="B8339" i="2"/>
  <c r="N8340" i="2"/>
  <c r="B8340" i="2" s="1"/>
  <c r="W8308" i="6" l="1"/>
  <c r="N8341" i="2"/>
  <c r="W8309" i="6" l="1"/>
  <c r="B8341" i="2"/>
  <c r="N8342" i="2"/>
  <c r="B8342" i="2" s="1"/>
  <c r="W8310" i="6" l="1"/>
  <c r="N8343" i="2"/>
  <c r="W8311" i="6" l="1"/>
  <c r="B8343" i="2"/>
  <c r="N8344" i="2"/>
  <c r="B8344" i="2" s="1"/>
  <c r="W8312" i="6" l="1"/>
  <c r="N8345" i="2"/>
  <c r="W8313" i="6" l="1"/>
  <c r="B8345" i="2"/>
  <c r="N8346" i="2"/>
  <c r="B8346" i="2" s="1"/>
  <c r="W8314" i="6" l="1"/>
  <c r="N8347" i="2"/>
  <c r="W8315" i="6" l="1"/>
  <c r="B8347" i="2"/>
  <c r="N8348" i="2"/>
  <c r="B8348" i="2" s="1"/>
  <c r="W8316" i="6" l="1"/>
  <c r="N8349" i="2"/>
  <c r="W8317" i="6" l="1"/>
  <c r="B8349" i="2"/>
  <c r="N8350" i="2"/>
  <c r="B8350" i="2" s="1"/>
  <c r="W8318" i="6" l="1"/>
  <c r="N8351" i="2"/>
  <c r="W8319" i="6" l="1"/>
  <c r="B8351" i="2"/>
  <c r="N8352" i="2"/>
  <c r="B8352" i="2" s="1"/>
  <c r="W8320" i="6" l="1"/>
  <c r="N8353" i="2"/>
  <c r="W8321" i="6" l="1"/>
  <c r="B8353" i="2"/>
  <c r="N8354" i="2"/>
  <c r="B8354" i="2" s="1"/>
  <c r="W8322" i="6" l="1"/>
  <c r="N8355" i="2"/>
  <c r="W8323" i="6" l="1"/>
  <c r="B8355" i="2"/>
  <c r="N8356" i="2"/>
  <c r="B8356" i="2" s="1"/>
  <c r="W8324" i="6" l="1"/>
  <c r="N8357" i="2"/>
  <c r="W8325" i="6" l="1"/>
  <c r="B8357" i="2"/>
  <c r="N8358" i="2"/>
  <c r="B8358" i="2" s="1"/>
  <c r="W8326" i="6" l="1"/>
  <c r="N8359" i="2"/>
  <c r="W8327" i="6" l="1"/>
  <c r="B8359" i="2"/>
  <c r="N8360" i="2"/>
  <c r="B8360" i="2" s="1"/>
  <c r="W8328" i="6" l="1"/>
  <c r="N8361" i="2"/>
  <c r="W8329" i="6" l="1"/>
  <c r="B8361" i="2"/>
  <c r="N8362" i="2"/>
  <c r="B8362" i="2" s="1"/>
  <c r="W8330" i="6" l="1"/>
  <c r="N8363" i="2"/>
  <c r="W8331" i="6" l="1"/>
  <c r="B8363" i="2"/>
  <c r="N8364" i="2"/>
  <c r="B8364" i="2" s="1"/>
  <c r="W8332" i="6" l="1"/>
  <c r="N8365" i="2"/>
  <c r="W8333" i="6" l="1"/>
  <c r="B8365" i="2"/>
  <c r="N8366" i="2"/>
  <c r="B8366" i="2" s="1"/>
  <c r="W8334" i="6" l="1"/>
  <c r="N8367" i="2"/>
  <c r="W8335" i="6" l="1"/>
  <c r="B8367" i="2"/>
  <c r="N8368" i="2"/>
  <c r="B8368" i="2" s="1"/>
  <c r="W8336" i="6" l="1"/>
  <c r="N8369" i="2"/>
  <c r="W8337" i="6" l="1"/>
  <c r="B8369" i="2"/>
  <c r="N8370" i="2"/>
  <c r="B8370" i="2" s="1"/>
  <c r="W8338" i="6" l="1"/>
  <c r="N8371" i="2"/>
  <c r="W8339" i="6" l="1"/>
  <c r="B8371" i="2"/>
  <c r="N8372" i="2"/>
  <c r="B8372" i="2" s="1"/>
  <c r="W8340" i="6" l="1"/>
  <c r="N8373" i="2"/>
  <c r="W8341" i="6" l="1"/>
  <c r="B8373" i="2"/>
  <c r="N8374" i="2"/>
  <c r="B8374" i="2" s="1"/>
  <c r="W8342" i="6" l="1"/>
  <c r="N8375" i="2"/>
  <c r="W8343" i="6" l="1"/>
  <c r="B8375" i="2"/>
  <c r="N8376" i="2"/>
  <c r="B8376" i="2" s="1"/>
  <c r="W8344" i="6" l="1"/>
  <c r="N8377" i="2"/>
  <c r="W8345" i="6" l="1"/>
  <c r="B8377" i="2"/>
  <c r="N8378" i="2"/>
  <c r="B8378" i="2" s="1"/>
  <c r="W8346" i="6" l="1"/>
  <c r="N8379" i="2"/>
  <c r="W8347" i="6" l="1"/>
  <c r="B8379" i="2"/>
  <c r="N8380" i="2"/>
  <c r="B8380" i="2" s="1"/>
  <c r="W8348" i="6" l="1"/>
  <c r="N8381" i="2"/>
  <c r="W8349" i="6" l="1"/>
  <c r="B8381" i="2"/>
  <c r="N8382" i="2"/>
  <c r="B8382" i="2" s="1"/>
  <c r="W8350" i="6" l="1"/>
  <c r="N8383" i="2"/>
  <c r="W8351" i="6" l="1"/>
  <c r="B8383" i="2"/>
  <c r="N8384" i="2"/>
  <c r="B8384" i="2" s="1"/>
  <c r="W8352" i="6" l="1"/>
  <c r="N8385" i="2"/>
  <c r="W8353" i="6" l="1"/>
  <c r="B8385" i="2"/>
  <c r="N8386" i="2"/>
  <c r="B8386" i="2" s="1"/>
  <c r="W8354" i="6" l="1"/>
  <c r="N8387" i="2"/>
  <c r="W8355" i="6" l="1"/>
  <c r="B8387" i="2"/>
  <c r="N8388" i="2"/>
  <c r="B8388" i="2" s="1"/>
  <c r="W8356" i="6" l="1"/>
  <c r="N8389" i="2"/>
  <c r="W8357" i="6" l="1"/>
  <c r="B8389" i="2"/>
  <c r="N8390" i="2"/>
  <c r="B8390" i="2" s="1"/>
  <c r="W8358" i="6" l="1"/>
  <c r="N8391" i="2"/>
  <c r="W8359" i="6" l="1"/>
  <c r="B8391" i="2"/>
  <c r="N8392" i="2"/>
  <c r="B8392" i="2" s="1"/>
  <c r="W8360" i="6" l="1"/>
  <c r="N8393" i="2"/>
  <c r="W8361" i="6" l="1"/>
  <c r="B8393" i="2"/>
  <c r="N8394" i="2"/>
  <c r="B8394" i="2" s="1"/>
  <c r="W8362" i="6" l="1"/>
  <c r="N8395" i="2"/>
  <c r="W8363" i="6" l="1"/>
  <c r="B8395" i="2"/>
  <c r="N8396" i="2"/>
  <c r="B8396" i="2" s="1"/>
  <c r="W8364" i="6" l="1"/>
  <c r="N8397" i="2"/>
  <c r="W8365" i="6" l="1"/>
  <c r="B8397" i="2"/>
  <c r="N8398" i="2"/>
  <c r="B8398" i="2" s="1"/>
  <c r="W8366" i="6" l="1"/>
  <c r="N8399" i="2"/>
  <c r="W8367" i="6" l="1"/>
  <c r="B8399" i="2"/>
  <c r="N8400" i="2"/>
  <c r="B8400" i="2" s="1"/>
  <c r="W8368" i="6" l="1"/>
  <c r="N8401" i="2"/>
  <c r="W8369" i="6" l="1"/>
  <c r="B8401" i="2"/>
  <c r="N8402" i="2"/>
  <c r="B8402" i="2" s="1"/>
  <c r="W8370" i="6" l="1"/>
  <c r="N8403" i="2"/>
  <c r="W8371" i="6" l="1"/>
  <c r="B8403" i="2"/>
  <c r="N8404" i="2"/>
  <c r="B8404" i="2" s="1"/>
  <c r="W8372" i="6" l="1"/>
  <c r="N8405" i="2"/>
  <c r="W8373" i="6" l="1"/>
  <c r="B8405" i="2"/>
  <c r="N8406" i="2"/>
  <c r="B8406" i="2" s="1"/>
  <c r="W8374" i="6" l="1"/>
  <c r="N8407" i="2"/>
  <c r="W8375" i="6" l="1"/>
  <c r="B8407" i="2"/>
  <c r="N8408" i="2"/>
  <c r="B8408" i="2" s="1"/>
  <c r="W8376" i="6" l="1"/>
  <c r="N8409" i="2"/>
  <c r="W8377" i="6" l="1"/>
  <c r="B8409" i="2"/>
  <c r="N8410" i="2"/>
  <c r="B8410" i="2" s="1"/>
  <c r="W8378" i="6" l="1"/>
  <c r="N8411" i="2"/>
  <c r="W8379" i="6" l="1"/>
  <c r="B8411" i="2"/>
  <c r="N8412" i="2"/>
  <c r="B8412" i="2" s="1"/>
  <c r="W8380" i="6" l="1"/>
  <c r="N8413" i="2"/>
  <c r="W8381" i="6" l="1"/>
  <c r="B8413" i="2"/>
  <c r="N8414" i="2"/>
  <c r="B8414" i="2" s="1"/>
  <c r="W8382" i="6" l="1"/>
  <c r="N8415" i="2"/>
  <c r="W8383" i="6" l="1"/>
  <c r="B8415" i="2"/>
  <c r="N8416" i="2"/>
  <c r="B8416" i="2" s="1"/>
  <c r="W8384" i="6" l="1"/>
  <c r="N8417" i="2"/>
  <c r="W8385" i="6" l="1"/>
  <c r="B8417" i="2"/>
  <c r="N8418" i="2"/>
  <c r="B8418" i="2" s="1"/>
  <c r="W8386" i="6" l="1"/>
  <c r="N8419" i="2"/>
  <c r="W8387" i="6" l="1"/>
  <c r="B8419" i="2"/>
  <c r="N8420" i="2"/>
  <c r="B8420" i="2" s="1"/>
  <c r="W8388" i="6" l="1"/>
  <c r="N8421" i="2"/>
  <c r="W8389" i="6" l="1"/>
  <c r="B8421" i="2"/>
  <c r="N8422" i="2"/>
  <c r="B8422" i="2" s="1"/>
  <c r="W8390" i="6" l="1"/>
  <c r="N8423" i="2"/>
  <c r="W8391" i="6" l="1"/>
  <c r="B8423" i="2"/>
  <c r="N8424" i="2"/>
  <c r="B8424" i="2" s="1"/>
  <c r="W8392" i="6" l="1"/>
  <c r="N8425" i="2"/>
  <c r="W8393" i="6" l="1"/>
  <c r="B8425" i="2"/>
  <c r="N8426" i="2"/>
  <c r="B8426" i="2" s="1"/>
  <c r="W8394" i="6" l="1"/>
  <c r="N8427" i="2"/>
  <c r="W8395" i="6" l="1"/>
  <c r="B8427" i="2"/>
  <c r="N8428" i="2"/>
  <c r="B8428" i="2" s="1"/>
  <c r="W8396" i="6" l="1"/>
  <c r="N8429" i="2"/>
  <c r="W8397" i="6" l="1"/>
  <c r="B8429" i="2"/>
  <c r="N8430" i="2"/>
  <c r="B8430" i="2" s="1"/>
  <c r="W8398" i="6" l="1"/>
  <c r="N8431" i="2"/>
  <c r="W8399" i="6" l="1"/>
  <c r="B8431" i="2"/>
  <c r="N8432" i="2"/>
  <c r="B8432" i="2" s="1"/>
  <c r="W8400" i="6" l="1"/>
  <c r="T34" i="2" a="1"/>
  <c r="N8433" i="2"/>
  <c r="W8401" i="6" l="1"/>
  <c r="B8433" i="2"/>
  <c r="G25" i="3"/>
  <c r="U117" i="2"/>
  <c r="U45" i="2"/>
  <c r="T34" i="2"/>
  <c r="E25" i="3" s="1"/>
  <c r="U69" i="2"/>
  <c r="U189" i="2"/>
  <c r="U141" i="2"/>
  <c r="U93" i="2"/>
  <c r="U165" i="2"/>
  <c r="N8434" i="2"/>
  <c r="W8402" i="6" l="1"/>
  <c r="B8434" i="2"/>
  <c r="N8435" i="2"/>
  <c r="W8403" i="6" l="1"/>
  <c r="B8435" i="2"/>
  <c r="N8436" i="2"/>
  <c r="W8404" i="6" l="1"/>
  <c r="B8436" i="2"/>
  <c r="N8437" i="2"/>
  <c r="W8405" i="6" l="1"/>
  <c r="B8437" i="2"/>
  <c r="N8438" i="2"/>
  <c r="W8406" i="6" l="1"/>
  <c r="B8438" i="2"/>
  <c r="N8439" i="2"/>
  <c r="W8407" i="6" l="1"/>
  <c r="B8439" i="2"/>
  <c r="N8440" i="2"/>
  <c r="W8408" i="6" l="1"/>
  <c r="B8440" i="2"/>
  <c r="N8441" i="2"/>
  <c r="W8409" i="6" l="1"/>
  <c r="B8441" i="2"/>
  <c r="N8442" i="2"/>
  <c r="W8410" i="6" l="1"/>
  <c r="B8442" i="2"/>
  <c r="N8443" i="2"/>
  <c r="W8411" i="6" l="1"/>
  <c r="B8443" i="2"/>
  <c r="N8444" i="2"/>
  <c r="W8412" i="6" l="1"/>
  <c r="B8444" i="2"/>
  <c r="N8445" i="2"/>
  <c r="W8413" i="6" l="1"/>
  <c r="B8445" i="2"/>
  <c r="N8446" i="2"/>
  <c r="W8414" i="6" l="1"/>
  <c r="B8446" i="2"/>
  <c r="N8447" i="2"/>
  <c r="W8415" i="6" l="1"/>
  <c r="B8447" i="2"/>
  <c r="N8448" i="2"/>
  <c r="W8416" i="6" l="1"/>
  <c r="B8448" i="2"/>
  <c r="N8449" i="2"/>
  <c r="W8417" i="6" l="1"/>
  <c r="B8449" i="2"/>
  <c r="N8450" i="2"/>
  <c r="W8418" i="6" l="1"/>
  <c r="B8450" i="2"/>
  <c r="N8451" i="2"/>
  <c r="W8419" i="6" l="1"/>
  <c r="B8451" i="2"/>
  <c r="N8452" i="2"/>
  <c r="W8420" i="6" l="1"/>
  <c r="B8452" i="2"/>
  <c r="N8453" i="2"/>
  <c r="W8421" i="6" l="1"/>
  <c r="B8453" i="2"/>
  <c r="N8454" i="2"/>
  <c r="W8422" i="6" l="1"/>
  <c r="B8454" i="2"/>
  <c r="N8455" i="2"/>
  <c r="W8423" i="6" l="1"/>
  <c r="B8455" i="2"/>
  <c r="N8456" i="2"/>
  <c r="W8424" i="6" l="1"/>
  <c r="B8456" i="2"/>
  <c r="N8457" i="2"/>
  <c r="W8425" i="6" l="1"/>
  <c r="B8457" i="2"/>
  <c r="N8458" i="2"/>
  <c r="W8426" i="6" l="1"/>
  <c r="B8458" i="2"/>
  <c r="N8459" i="2"/>
  <c r="W8427" i="6" l="1"/>
  <c r="B8459" i="2"/>
  <c r="N8460" i="2"/>
  <c r="W8428" i="6" l="1"/>
  <c r="B8460" i="2"/>
  <c r="N8461" i="2"/>
  <c r="W8429" i="6" l="1"/>
  <c r="B8461" i="2"/>
  <c r="N8462" i="2"/>
  <c r="W8430" i="6" l="1"/>
  <c r="B8462" i="2"/>
  <c r="N8463" i="2"/>
  <c r="W8431" i="6" l="1"/>
  <c r="B8463" i="2"/>
  <c r="N8464" i="2"/>
  <c r="W8432" i="6" l="1"/>
  <c r="B8464" i="2"/>
  <c r="N8465" i="2"/>
  <c r="W8433" i="6" l="1"/>
  <c r="B8465" i="2"/>
  <c r="N8466" i="2"/>
  <c r="W8434" i="6" l="1"/>
  <c r="B8466" i="2"/>
  <c r="N8467" i="2"/>
  <c r="W8435" i="6" l="1"/>
  <c r="B8467" i="2"/>
  <c r="N8468" i="2"/>
  <c r="W8436" i="6" l="1"/>
  <c r="B8468" i="2"/>
  <c r="N8469" i="2"/>
  <c r="W8437" i="6" l="1"/>
  <c r="B8469" i="2"/>
  <c r="N8470" i="2"/>
  <c r="W8438" i="6" l="1"/>
  <c r="B8470" i="2"/>
  <c r="N8471" i="2"/>
  <c r="W8439" i="6" l="1"/>
  <c r="B8471" i="2"/>
  <c r="N8472" i="2"/>
  <c r="W8440" i="6" l="1"/>
  <c r="B8472" i="2"/>
  <c r="N8473" i="2"/>
  <c r="W8441" i="6" l="1"/>
  <c r="B8473" i="2"/>
  <c r="N8474" i="2"/>
  <c r="W8442" i="6" l="1"/>
  <c r="B8474" i="2"/>
  <c r="N8475" i="2"/>
  <c r="W8443" i="6" l="1"/>
  <c r="B8475" i="2"/>
  <c r="N8476" i="2"/>
  <c r="W8444" i="6" l="1"/>
  <c r="B8476" i="2"/>
  <c r="N8477" i="2"/>
  <c r="W8445" i="6" l="1"/>
  <c r="B8477" i="2"/>
  <c r="N8478" i="2"/>
  <c r="W8446" i="6" l="1"/>
  <c r="B8478" i="2"/>
  <c r="N8479" i="2"/>
  <c r="W8447" i="6" l="1"/>
  <c r="B8479" i="2"/>
  <c r="N8480" i="2"/>
  <c r="W8448" i="6" l="1"/>
  <c r="B8480" i="2"/>
  <c r="N8481" i="2"/>
  <c r="W8449" i="6" l="1"/>
  <c r="B8481" i="2"/>
  <c r="N8482" i="2"/>
  <c r="W8450" i="6" l="1"/>
  <c r="B8482" i="2"/>
  <c r="N8483" i="2"/>
  <c r="W8451" i="6" l="1"/>
  <c r="B8483" i="2"/>
  <c r="N8484" i="2"/>
  <c r="W8452" i="6" l="1"/>
  <c r="B8484" i="2"/>
  <c r="N8485" i="2"/>
  <c r="W8453" i="6" l="1"/>
  <c r="B8485" i="2"/>
  <c r="N8486" i="2"/>
  <c r="W8454" i="6" l="1"/>
  <c r="B8486" i="2"/>
  <c r="N8487" i="2"/>
  <c r="W8455" i="6" l="1"/>
  <c r="B8487" i="2"/>
  <c r="N8488" i="2"/>
  <c r="W8456" i="6" l="1"/>
  <c r="B8488" i="2"/>
  <c r="N8489" i="2"/>
  <c r="W8457" i="6" l="1"/>
  <c r="B8489" i="2"/>
  <c r="N8490" i="2"/>
  <c r="W8458" i="6" l="1"/>
  <c r="B8490" i="2"/>
  <c r="N8491" i="2"/>
  <c r="W8459" i="6" l="1"/>
  <c r="B8491" i="2"/>
  <c r="N8492" i="2"/>
  <c r="W8460" i="6" l="1"/>
  <c r="B8492" i="2"/>
  <c r="N8493" i="2"/>
  <c r="W8461" i="6" l="1"/>
  <c r="B8493" i="2"/>
  <c r="N8494" i="2"/>
  <c r="W8462" i="6" l="1"/>
  <c r="B8494" i="2"/>
  <c r="N8495" i="2"/>
  <c r="W8463" i="6" l="1"/>
  <c r="B8495" i="2"/>
  <c r="N8496" i="2"/>
  <c r="W8464" i="6" l="1"/>
  <c r="B8496" i="2"/>
  <c r="N8497" i="2"/>
  <c r="W8465" i="6" l="1"/>
  <c r="B8497" i="2"/>
  <c r="N8498" i="2"/>
  <c r="W8466" i="6" l="1"/>
  <c r="B8498" i="2"/>
  <c r="N8499" i="2"/>
  <c r="W8467" i="6" l="1"/>
  <c r="B8499" i="2"/>
  <c r="N8500" i="2"/>
  <c r="W8468" i="6" l="1"/>
  <c r="B8500" i="2"/>
  <c r="N8501" i="2"/>
  <c r="W8469" i="6" l="1"/>
  <c r="B8501" i="2"/>
  <c r="N8502" i="2"/>
  <c r="W8470" i="6" l="1"/>
  <c r="B8502" i="2"/>
  <c r="N8503" i="2"/>
  <c r="W8471" i="6" l="1"/>
  <c r="B8503" i="2"/>
  <c r="N8504" i="2"/>
  <c r="W8472" i="6" l="1"/>
  <c r="B8504" i="2"/>
  <c r="N8505" i="2"/>
  <c r="W8473" i="6" l="1"/>
  <c r="B8505" i="2"/>
  <c r="N8506" i="2"/>
  <c r="W8474" i="6" l="1"/>
  <c r="B8506" i="2"/>
  <c r="N8507" i="2"/>
  <c r="W8475" i="6" l="1"/>
  <c r="B8507" i="2"/>
  <c r="N8508" i="2"/>
  <c r="W8476" i="6" l="1"/>
  <c r="B8508" i="2"/>
  <c r="N8509" i="2"/>
  <c r="W8477" i="6" l="1"/>
  <c r="B8509" i="2"/>
  <c r="N8510" i="2"/>
  <c r="W8478" i="6" l="1"/>
  <c r="B8510" i="2"/>
  <c r="N8511" i="2"/>
  <c r="W8479" i="6" l="1"/>
  <c r="B8511" i="2"/>
  <c r="N8512" i="2"/>
  <c r="W8480" i="6" l="1"/>
  <c r="B8512" i="2"/>
  <c r="N8513" i="2"/>
  <c r="W8481" i="6" l="1"/>
  <c r="B8513" i="2"/>
  <c r="N8514" i="2"/>
  <c r="W8482" i="6" l="1"/>
  <c r="B8514" i="2"/>
  <c r="N8515" i="2"/>
  <c r="W8483" i="6" l="1"/>
  <c r="B8515" i="2"/>
  <c r="N8516" i="2"/>
  <c r="W8484" i="6" l="1"/>
  <c r="B8516" i="2"/>
  <c r="N8517" i="2"/>
  <c r="W8485" i="6" l="1"/>
  <c r="B8517" i="2"/>
  <c r="N8518" i="2"/>
  <c r="W8486" i="6" l="1"/>
  <c r="B8518" i="2"/>
  <c r="N8519" i="2"/>
  <c r="W8487" i="6" l="1"/>
  <c r="B8519" i="2"/>
  <c r="N8520" i="2"/>
  <c r="W8488" i="6" l="1"/>
  <c r="B8520" i="2"/>
  <c r="N8521" i="2"/>
  <c r="W8489" i="6" l="1"/>
  <c r="B8521" i="2"/>
  <c r="N8522" i="2"/>
  <c r="W8490" i="6" l="1"/>
  <c r="B8522" i="2"/>
  <c r="N8523" i="2"/>
  <c r="W8491" i="6" l="1"/>
  <c r="B8523" i="2"/>
  <c r="N8524" i="2"/>
  <c r="W8492" i="6" l="1"/>
  <c r="B8524" i="2"/>
  <c r="N8525" i="2"/>
  <c r="W8493" i="6" l="1"/>
  <c r="B8525" i="2"/>
  <c r="N8526" i="2"/>
  <c r="W8494" i="6" l="1"/>
  <c r="B8526" i="2"/>
  <c r="N8527" i="2"/>
  <c r="W8495" i="6" l="1"/>
  <c r="B8527" i="2"/>
  <c r="N8528" i="2"/>
  <c r="W8496" i="6" l="1"/>
  <c r="B8528" i="2"/>
  <c r="N8529" i="2"/>
  <c r="W8497" i="6" l="1"/>
  <c r="B8529" i="2"/>
  <c r="N8530" i="2"/>
  <c r="W8498" i="6" l="1"/>
  <c r="B8530" i="2"/>
  <c r="N8531" i="2"/>
  <c r="W8499" i="6" l="1"/>
  <c r="B8531" i="2"/>
  <c r="N8532" i="2"/>
  <c r="W8500" i="6" l="1"/>
  <c r="B8532" i="2"/>
  <c r="N8533" i="2"/>
  <c r="W8501" i="6" l="1"/>
  <c r="B8533" i="2"/>
  <c r="N8534" i="2"/>
  <c r="W8502" i="6" l="1"/>
  <c r="B8534" i="2"/>
  <c r="N8535" i="2"/>
  <c r="W8503" i="6" l="1"/>
  <c r="B8535" i="2"/>
  <c r="N8536" i="2"/>
  <c r="W8504" i="6" l="1"/>
  <c r="B8536" i="2"/>
  <c r="N8537" i="2"/>
  <c r="W8505" i="6" l="1"/>
  <c r="B8537" i="2"/>
  <c r="N8538" i="2"/>
  <c r="W8506" i="6" l="1"/>
  <c r="B8538" i="2"/>
  <c r="N8539" i="2"/>
  <c r="W8507" i="6" l="1"/>
  <c r="B8539" i="2"/>
  <c r="N8540" i="2"/>
  <c r="W8508" i="6" l="1"/>
  <c r="B8540" i="2"/>
  <c r="N8541" i="2"/>
  <c r="W8509" i="6" l="1"/>
  <c r="B8541" i="2"/>
  <c r="N8542" i="2"/>
  <c r="W8510" i="6" l="1"/>
  <c r="B8542" i="2"/>
  <c r="N8543" i="2"/>
  <c r="W8511" i="6" l="1"/>
  <c r="B8543" i="2"/>
  <c r="N8544" i="2"/>
  <c r="W8512" i="6" l="1"/>
  <c r="B8544" i="2"/>
  <c r="N8545" i="2"/>
  <c r="W8513" i="6" l="1"/>
  <c r="B8545" i="2"/>
  <c r="N8546" i="2"/>
  <c r="W8514" i="6" l="1"/>
  <c r="B8546" i="2"/>
  <c r="N8547" i="2"/>
  <c r="W8515" i="6" l="1"/>
  <c r="B8547" i="2"/>
  <c r="N8548" i="2"/>
  <c r="W8516" i="6" l="1"/>
  <c r="B8548" i="2"/>
  <c r="N8549" i="2"/>
  <c r="W8517" i="6" l="1"/>
  <c r="B8549" i="2"/>
  <c r="N8550" i="2"/>
  <c r="W8518" i="6" l="1"/>
  <c r="B8550" i="2"/>
  <c r="N8551" i="2"/>
  <c r="W8519" i="6" l="1"/>
  <c r="B8551" i="2"/>
  <c r="N8552" i="2"/>
  <c r="W8520" i="6" l="1"/>
  <c r="B8552" i="2"/>
  <c r="N8553" i="2"/>
  <c r="W8521" i="6" l="1"/>
  <c r="B8553" i="2"/>
  <c r="N8554" i="2"/>
  <c r="W8522" i="6" l="1"/>
  <c r="B8554" i="2"/>
  <c r="N8555" i="2"/>
  <c r="W8523" i="6" l="1"/>
  <c r="B8555" i="2"/>
  <c r="N8556" i="2"/>
  <c r="W8524" i="6" l="1"/>
  <c r="B8556" i="2"/>
  <c r="N8557" i="2"/>
  <c r="W8525" i="6" l="1"/>
  <c r="B8557" i="2"/>
  <c r="N8558" i="2"/>
  <c r="W8526" i="6" l="1"/>
  <c r="B8558" i="2"/>
  <c r="N8559" i="2"/>
  <c r="W8527" i="6" l="1"/>
  <c r="B8559" i="2"/>
  <c r="N8560" i="2"/>
  <c r="W8528" i="6" l="1"/>
  <c r="B8560" i="2"/>
  <c r="N8561" i="2"/>
  <c r="W8529" i="6" l="1"/>
  <c r="B8561" i="2"/>
  <c r="N8562" i="2"/>
  <c r="W8530" i="6" l="1"/>
  <c r="B8562" i="2"/>
  <c r="N8563" i="2"/>
  <c r="W8531" i="6" l="1"/>
  <c r="B8563" i="2"/>
  <c r="N8564" i="2"/>
  <c r="W8532" i="6" l="1"/>
  <c r="B8564" i="2"/>
  <c r="N8565" i="2"/>
  <c r="W8533" i="6" l="1"/>
  <c r="B8565" i="2"/>
  <c r="N8566" i="2"/>
  <c r="W8534" i="6" l="1"/>
  <c r="B8566" i="2"/>
  <c r="N8567" i="2"/>
  <c r="W8535" i="6" l="1"/>
  <c r="B8567" i="2"/>
  <c r="N8568" i="2"/>
  <c r="W8536" i="6" l="1"/>
  <c r="B8568" i="2"/>
  <c r="N8569" i="2"/>
  <c r="W8537" i="6" l="1"/>
  <c r="B8569" i="2"/>
  <c r="N8570" i="2"/>
  <c r="W8538" i="6" l="1"/>
  <c r="B8570" i="2"/>
  <c r="N8571" i="2"/>
  <c r="W8539" i="6" l="1"/>
  <c r="B8571" i="2"/>
  <c r="N8572" i="2"/>
  <c r="W8540" i="6" l="1"/>
  <c r="B8572" i="2"/>
  <c r="N8573" i="2"/>
  <c r="W8541" i="6" l="1"/>
  <c r="B8573" i="2"/>
  <c r="N8574" i="2"/>
  <c r="W8542" i="6" l="1"/>
  <c r="B8574" i="2"/>
  <c r="N8575" i="2"/>
  <c r="W8543" i="6" l="1"/>
  <c r="B8575" i="2"/>
  <c r="N8576" i="2"/>
  <c r="W8544" i="6" l="1"/>
  <c r="B8576" i="2"/>
  <c r="N8577" i="2"/>
  <c r="W8545" i="6" l="1"/>
  <c r="B8577" i="2"/>
  <c r="N8578" i="2"/>
  <c r="W8546" i="6" l="1"/>
  <c r="B8578" i="2"/>
  <c r="N8579" i="2"/>
  <c r="W8547" i="6" l="1"/>
  <c r="B8579" i="2"/>
  <c r="N8580" i="2"/>
  <c r="W8548" i="6" l="1"/>
  <c r="B8580" i="2"/>
  <c r="N8581" i="2"/>
  <c r="W8549" i="6" l="1"/>
  <c r="B8581" i="2"/>
  <c r="N8582" i="2"/>
  <c r="W8550" i="6" l="1"/>
  <c r="B8582" i="2"/>
  <c r="N8583" i="2"/>
  <c r="W8551" i="6" l="1"/>
  <c r="B8583" i="2"/>
  <c r="N8584" i="2"/>
  <c r="W8552" i="6" l="1"/>
  <c r="B8584" i="2"/>
  <c r="N8585" i="2"/>
  <c r="W8553" i="6" l="1"/>
  <c r="B8585" i="2"/>
  <c r="N8586" i="2"/>
  <c r="W8554" i="6" l="1"/>
  <c r="B8586" i="2"/>
  <c r="N8587" i="2"/>
  <c r="W8555" i="6" l="1"/>
  <c r="B8587" i="2"/>
  <c r="N8588" i="2"/>
  <c r="W8556" i="6" l="1"/>
  <c r="B8588" i="2"/>
  <c r="N8589" i="2"/>
  <c r="W8557" i="6" l="1"/>
  <c r="B8589" i="2"/>
  <c r="N8590" i="2"/>
  <c r="W8558" i="6" l="1"/>
  <c r="B8590" i="2"/>
  <c r="N8591" i="2"/>
  <c r="W8559" i="6" l="1"/>
  <c r="B8591" i="2"/>
  <c r="N8592" i="2"/>
  <c r="W8560" i="6" l="1"/>
  <c r="B8592" i="2"/>
  <c r="N8593" i="2"/>
  <c r="W8561" i="6" l="1"/>
  <c r="B8593" i="2"/>
  <c r="N8594" i="2"/>
  <c r="W8562" i="6" l="1"/>
  <c r="B8594" i="2"/>
  <c r="N8595" i="2"/>
  <c r="W8563" i="6" l="1"/>
  <c r="B8595" i="2"/>
  <c r="N8596" i="2"/>
  <c r="W8564" i="6" l="1"/>
  <c r="B8596" i="2"/>
  <c r="N8597" i="2"/>
  <c r="W8565" i="6" l="1"/>
  <c r="B8597" i="2"/>
  <c r="N8598" i="2"/>
  <c r="W8566" i="6" l="1"/>
  <c r="B8598" i="2"/>
  <c r="N8599" i="2"/>
  <c r="W8567" i="6" l="1"/>
  <c r="B8599" i="2"/>
  <c r="N8600" i="2"/>
  <c r="W8568" i="6" l="1"/>
  <c r="B8600" i="2"/>
  <c r="N8601" i="2"/>
  <c r="W8569" i="6" l="1"/>
  <c r="B8601" i="2"/>
  <c r="N8602" i="2"/>
  <c r="W8570" i="6" l="1"/>
  <c r="B8602" i="2"/>
  <c r="N8603" i="2"/>
  <c r="W8571" i="6" l="1"/>
  <c r="B8603" i="2"/>
  <c r="N8604" i="2"/>
  <c r="W8572" i="6" l="1"/>
  <c r="B8604" i="2"/>
  <c r="N8605" i="2"/>
  <c r="W8573" i="6" l="1"/>
  <c r="B8605" i="2"/>
  <c r="N8606" i="2"/>
  <c r="W8574" i="6" l="1"/>
  <c r="B8606" i="2"/>
  <c r="N8607" i="2"/>
  <c r="W8575" i="6" l="1"/>
  <c r="B8607" i="2"/>
  <c r="N8608" i="2"/>
  <c r="W8576" i="6" l="1"/>
  <c r="B8608" i="2"/>
  <c r="N8609" i="2"/>
  <c r="W8577" i="6" l="1"/>
  <c r="B8609" i="2"/>
  <c r="N8610" i="2"/>
  <c r="W8578" i="6" l="1"/>
  <c r="B8610" i="2"/>
  <c r="N8611" i="2"/>
  <c r="W8579" i="6" l="1"/>
  <c r="B8611" i="2"/>
  <c r="N8612" i="2"/>
  <c r="W8580" i="6" l="1"/>
  <c r="B8612" i="2"/>
  <c r="N8613" i="2"/>
  <c r="W8581" i="6" l="1"/>
  <c r="B8613" i="2"/>
  <c r="N8614" i="2"/>
  <c r="W8582" i="6" l="1"/>
  <c r="B8614" i="2"/>
  <c r="N8615" i="2"/>
  <c r="W8583" i="6" l="1"/>
  <c r="B8615" i="2"/>
  <c r="N8616" i="2"/>
  <c r="W8584" i="6" l="1"/>
  <c r="B8616" i="2"/>
  <c r="N8617" i="2"/>
  <c r="W8585" i="6" l="1"/>
  <c r="B8617" i="2"/>
  <c r="N8618" i="2"/>
  <c r="W8586" i="6" l="1"/>
  <c r="B8618" i="2"/>
  <c r="N8619" i="2"/>
  <c r="W8587" i="6" l="1"/>
  <c r="B8619" i="2"/>
  <c r="N8620" i="2"/>
  <c r="W8588" i="6" l="1"/>
  <c r="B8620" i="2"/>
  <c r="N8621" i="2"/>
  <c r="W8589" i="6" l="1"/>
  <c r="B8621" i="2"/>
  <c r="N8622" i="2"/>
  <c r="W8590" i="6" l="1"/>
  <c r="B8622" i="2"/>
  <c r="N8623" i="2"/>
  <c r="W8591" i="6" l="1"/>
  <c r="B8623" i="2"/>
  <c r="N8624" i="2"/>
  <c r="W8592" i="6" l="1"/>
  <c r="B8624" i="2"/>
  <c r="N8625" i="2"/>
  <c r="W8593" i="6" l="1"/>
  <c r="B8625" i="2"/>
  <c r="N8626" i="2"/>
  <c r="W8594" i="6" l="1"/>
  <c r="B8626" i="2"/>
  <c r="N8627" i="2"/>
  <c r="W8595" i="6" l="1"/>
  <c r="B8627" i="2"/>
  <c r="N8628" i="2"/>
  <c r="W8596" i="6" l="1"/>
  <c r="B8628" i="2"/>
  <c r="N8629" i="2"/>
  <c r="W8597" i="6" l="1"/>
  <c r="B8629" i="2"/>
  <c r="N8630" i="2"/>
  <c r="W8598" i="6" l="1"/>
  <c r="B8630" i="2"/>
  <c r="N8631" i="2"/>
  <c r="W8599" i="6" l="1"/>
  <c r="B8631" i="2"/>
  <c r="N8632" i="2"/>
  <c r="W8600" i="6" l="1"/>
  <c r="B8632" i="2"/>
  <c r="N8633" i="2"/>
  <c r="W8601" i="6" l="1"/>
  <c r="B8633" i="2"/>
  <c r="N8634" i="2"/>
  <c r="W8602" i="6" l="1"/>
  <c r="B8634" i="2"/>
  <c r="N8635" i="2"/>
  <c r="W8603" i="6" l="1"/>
  <c r="B8635" i="2"/>
  <c r="N8636" i="2"/>
  <c r="W8604" i="6" l="1"/>
  <c r="B8636" i="2"/>
  <c r="N8637" i="2"/>
  <c r="W8605" i="6" l="1"/>
  <c r="B8637" i="2"/>
  <c r="N8638" i="2"/>
  <c r="W8606" i="6" l="1"/>
  <c r="B8638" i="2"/>
  <c r="N8639" i="2"/>
  <c r="W8607" i="6" l="1"/>
  <c r="B8639" i="2"/>
  <c r="N8640" i="2"/>
  <c r="W8608" i="6" l="1"/>
  <c r="B8640" i="2"/>
  <c r="N8641" i="2"/>
  <c r="W8609" i="6" l="1"/>
  <c r="B8641" i="2"/>
  <c r="N8642" i="2"/>
  <c r="W8610" i="6" l="1"/>
  <c r="B8642" i="2"/>
  <c r="N8643" i="2"/>
  <c r="W8611" i="6" l="1"/>
  <c r="B8643" i="2"/>
  <c r="N8644" i="2"/>
  <c r="W8612" i="6" l="1"/>
  <c r="B8644" i="2"/>
  <c r="N8645" i="2"/>
  <c r="W8613" i="6" l="1"/>
  <c r="B8645" i="2"/>
  <c r="N8646" i="2"/>
  <c r="W8614" i="6" l="1"/>
  <c r="B8646" i="2"/>
  <c r="N8647" i="2"/>
  <c r="W8615" i="6" l="1"/>
  <c r="B8647" i="2"/>
  <c r="N8648" i="2"/>
  <c r="W8616" i="6" l="1"/>
  <c r="B8648" i="2"/>
  <c r="N8649" i="2"/>
  <c r="W8617" i="6" l="1"/>
  <c r="B8649" i="2"/>
  <c r="N8650" i="2"/>
  <c r="W8618" i="6" l="1"/>
  <c r="B8650" i="2"/>
  <c r="N8651" i="2"/>
  <c r="W8619" i="6" l="1"/>
  <c r="B8651" i="2"/>
  <c r="N8652" i="2"/>
  <c r="W8620" i="6" l="1"/>
  <c r="B8652" i="2"/>
  <c r="N8653" i="2"/>
  <c r="W8621" i="6" l="1"/>
  <c r="B8653" i="2"/>
  <c r="N8654" i="2"/>
  <c r="W8622" i="6" l="1"/>
  <c r="B8654" i="2"/>
  <c r="N8655" i="2"/>
  <c r="W8623" i="6" l="1"/>
  <c r="B8655" i="2"/>
  <c r="N8656" i="2"/>
  <c r="W8624" i="6" l="1"/>
  <c r="B8656" i="2"/>
  <c r="N8657" i="2"/>
  <c r="W8625" i="6" l="1"/>
  <c r="B8657" i="2"/>
  <c r="N8658" i="2"/>
  <c r="W8626" i="6" l="1"/>
  <c r="B8658" i="2"/>
  <c r="N8659" i="2"/>
  <c r="W8627" i="6" l="1"/>
  <c r="B8659" i="2"/>
  <c r="N8660" i="2"/>
  <c r="W8628" i="6" l="1"/>
  <c r="B8660" i="2"/>
  <c r="N8661" i="2"/>
  <c r="W8629" i="6" l="1"/>
  <c r="B8661" i="2"/>
  <c r="N8662" i="2"/>
  <c r="W8630" i="6" l="1"/>
  <c r="B8662" i="2"/>
  <c r="N8663" i="2"/>
  <c r="W8631" i="6" l="1"/>
  <c r="B8663" i="2"/>
  <c r="N8664" i="2"/>
  <c r="W8632" i="6" l="1"/>
  <c r="B8664" i="2"/>
  <c r="N8665" i="2"/>
  <c r="W8633" i="6" l="1"/>
  <c r="B8665" i="2"/>
  <c r="N8666" i="2"/>
  <c r="W8634" i="6" l="1"/>
  <c r="B8666" i="2"/>
  <c r="N8667" i="2"/>
  <c r="W8635" i="6" l="1"/>
  <c r="B8667" i="2"/>
  <c r="N8668" i="2"/>
  <c r="W8636" i="6" l="1"/>
  <c r="B8668" i="2"/>
  <c r="N8669" i="2"/>
  <c r="W8637" i="6" l="1"/>
  <c r="B8669" i="2"/>
  <c r="N8670" i="2"/>
  <c r="W8638" i="6" l="1"/>
  <c r="B8670" i="2"/>
  <c r="N8671" i="2"/>
  <c r="W8639" i="6" l="1"/>
  <c r="B8671" i="2"/>
  <c r="N8672" i="2"/>
  <c r="W8640" i="6" l="1"/>
  <c r="B8672" i="2"/>
  <c r="N8673" i="2"/>
  <c r="W8641" i="6" l="1"/>
  <c r="B8673" i="2"/>
  <c r="N8674" i="2"/>
  <c r="W8642" i="6" l="1"/>
  <c r="B8674" i="2"/>
  <c r="N8675" i="2"/>
  <c r="W8643" i="6" l="1"/>
  <c r="B8675" i="2"/>
  <c r="N8676" i="2"/>
  <c r="W8644" i="6" l="1"/>
  <c r="B8676" i="2"/>
  <c r="N8677" i="2"/>
  <c r="W8645" i="6" l="1"/>
  <c r="B8677" i="2"/>
  <c r="N8678" i="2"/>
  <c r="W8646" i="6" l="1"/>
  <c r="B8678" i="2"/>
  <c r="N8679" i="2"/>
  <c r="W8647" i="6" l="1"/>
  <c r="B8679" i="2"/>
  <c r="N8680" i="2"/>
  <c r="W8648" i="6" l="1"/>
  <c r="B8680" i="2"/>
  <c r="N8681" i="2"/>
  <c r="W8649" i="6" l="1"/>
  <c r="B8681" i="2"/>
  <c r="N8682" i="2"/>
  <c r="W8650" i="6" l="1"/>
  <c r="B8682" i="2"/>
  <c r="N8683" i="2"/>
  <c r="W8651" i="6" l="1"/>
  <c r="B8683" i="2"/>
  <c r="N8684" i="2"/>
  <c r="W8652" i="6" l="1"/>
  <c r="B8684" i="2"/>
  <c r="N8685" i="2"/>
  <c r="W8653" i="6" l="1"/>
  <c r="B8685" i="2"/>
  <c r="N8686" i="2"/>
  <c r="W8654" i="6" l="1"/>
  <c r="B8686" i="2"/>
  <c r="N8687" i="2"/>
  <c r="W8655" i="6" l="1"/>
  <c r="B8687" i="2"/>
  <c r="N8688" i="2"/>
  <c r="W8656" i="6" l="1"/>
  <c r="B8688" i="2"/>
  <c r="N8689" i="2"/>
  <c r="W8657" i="6" l="1"/>
  <c r="B8689" i="2"/>
  <c r="N8690" i="2"/>
  <c r="W8658" i="6" l="1"/>
  <c r="B8690" i="2"/>
  <c r="N8691" i="2"/>
  <c r="W8659" i="6" l="1"/>
  <c r="B8691" i="2"/>
  <c r="N8692" i="2"/>
  <c r="W8660" i="6" l="1"/>
  <c r="B8692" i="2"/>
  <c r="N8693" i="2"/>
  <c r="W8661" i="6" l="1"/>
  <c r="B8693" i="2"/>
  <c r="N8694" i="2"/>
  <c r="W8662" i="6" l="1"/>
  <c r="B8694" i="2"/>
  <c r="N8695" i="2"/>
  <c r="W8663" i="6" l="1"/>
  <c r="B8695" i="2"/>
  <c r="N8696" i="2"/>
  <c r="W8664" i="6" l="1"/>
  <c r="B8696" i="2"/>
  <c r="N8697" i="2"/>
  <c r="W8665" i="6" l="1"/>
  <c r="B8697" i="2"/>
  <c r="N8698" i="2"/>
  <c r="W8666" i="6" l="1"/>
  <c r="B8698" i="2"/>
  <c r="N8699" i="2"/>
  <c r="W8667" i="6" l="1"/>
  <c r="B8699" i="2"/>
  <c r="N8700" i="2"/>
  <c r="W8668" i="6" l="1"/>
  <c r="B8700" i="2"/>
  <c r="N8701" i="2"/>
  <c r="W8669" i="6" l="1"/>
  <c r="B8701" i="2"/>
  <c r="N8702" i="2"/>
  <c r="W8670" i="6" l="1"/>
  <c r="B8702" i="2"/>
  <c r="N8703" i="2"/>
  <c r="W8671" i="6" l="1"/>
  <c r="B8703" i="2"/>
  <c r="N8704" i="2"/>
  <c r="W8672" i="6" l="1"/>
  <c r="B8704" i="2"/>
  <c r="N8705" i="2"/>
  <c r="W8673" i="6" l="1"/>
  <c r="B8705" i="2"/>
  <c r="N8706" i="2"/>
  <c r="W8674" i="6" l="1"/>
  <c r="B8706" i="2"/>
  <c r="N8707" i="2"/>
  <c r="W8675" i="6" l="1"/>
  <c r="B8707" i="2"/>
  <c r="N8708" i="2"/>
  <c r="W8676" i="6" l="1"/>
  <c r="B8708" i="2"/>
  <c r="N8709" i="2"/>
  <c r="W8677" i="6" l="1"/>
  <c r="B8709" i="2"/>
  <c r="N8710" i="2"/>
  <c r="W8678" i="6" l="1"/>
  <c r="B8710" i="2"/>
  <c r="N8711" i="2"/>
  <c r="W8679" i="6" l="1"/>
  <c r="B8711" i="2"/>
  <c r="N8712" i="2"/>
  <c r="W8680" i="6" l="1"/>
  <c r="B8712" i="2"/>
  <c r="N8713" i="2"/>
  <c r="W8681" i="6" l="1"/>
  <c r="B8713" i="2"/>
  <c r="N8714" i="2"/>
  <c r="W8682" i="6" l="1"/>
  <c r="B8714" i="2"/>
  <c r="N8715" i="2"/>
  <c r="W8683" i="6" l="1"/>
  <c r="B8715" i="2"/>
  <c r="N8716" i="2"/>
  <c r="W8684" i="6" l="1"/>
  <c r="B8716" i="2"/>
  <c r="N8717" i="2"/>
  <c r="W8685" i="6" l="1"/>
  <c r="B8717" i="2"/>
  <c r="N8718" i="2"/>
  <c r="W8686" i="6" l="1"/>
  <c r="B8718" i="2"/>
  <c r="N8719" i="2"/>
  <c r="W8687" i="6" l="1"/>
  <c r="B8719" i="2"/>
  <c r="N8720" i="2"/>
  <c r="W8688" i="6" l="1"/>
  <c r="B8720" i="2"/>
  <c r="N8721" i="2"/>
  <c r="W8689" i="6" l="1"/>
  <c r="B8721" i="2"/>
  <c r="N8722" i="2"/>
  <c r="W8690" i="6" l="1"/>
  <c r="B8722" i="2"/>
  <c r="N8723" i="2"/>
  <c r="W8691" i="6" l="1"/>
  <c r="B8723" i="2"/>
  <c r="N8724" i="2"/>
  <c r="W8692" i="6" l="1"/>
  <c r="B8724" i="2"/>
  <c r="N8725" i="2"/>
  <c r="W8693" i="6" l="1"/>
  <c r="B8725" i="2"/>
  <c r="N8726" i="2"/>
  <c r="W8694" i="6" l="1"/>
  <c r="B8726" i="2"/>
  <c r="N8727" i="2"/>
  <c r="W8695" i="6" l="1"/>
  <c r="B8727" i="2"/>
  <c r="N8728" i="2"/>
  <c r="W8696" i="6" l="1"/>
  <c r="B8728" i="2"/>
  <c r="N8729" i="2"/>
  <c r="W8697" i="6" l="1"/>
  <c r="B8729" i="2"/>
  <c r="N8730" i="2"/>
  <c r="W8698" i="6" l="1"/>
  <c r="B8730" i="2"/>
  <c r="N8731" i="2"/>
  <c r="W8699" i="6" l="1"/>
  <c r="B8731" i="2"/>
  <c r="N8732" i="2"/>
  <c r="W8700" i="6" l="1"/>
  <c r="B8732" i="2"/>
  <c r="N8733" i="2"/>
  <c r="W8701" i="6" l="1"/>
  <c r="B8733" i="2"/>
  <c r="N8734" i="2"/>
  <c r="W8702" i="6" l="1"/>
  <c r="B8734" i="2"/>
  <c r="N8735" i="2"/>
  <c r="W8703" i="6" l="1"/>
  <c r="B8735" i="2"/>
  <c r="N8736" i="2"/>
  <c r="W8704" i="6" l="1"/>
  <c r="B8736" i="2"/>
  <c r="N8737" i="2"/>
  <c r="W8705" i="6" l="1"/>
  <c r="B8737" i="2"/>
  <c r="N8738" i="2"/>
  <c r="W8706" i="6" l="1"/>
  <c r="B8738" i="2"/>
  <c r="N8739" i="2"/>
  <c r="W8707" i="6" l="1"/>
  <c r="B8739" i="2"/>
  <c r="N8740" i="2"/>
  <c r="W8708" i="6" l="1"/>
  <c r="B8740" i="2"/>
  <c r="N8741" i="2"/>
  <c r="W8709" i="6" l="1"/>
  <c r="B8741" i="2"/>
  <c r="N8742" i="2"/>
  <c r="W8710" i="6" l="1"/>
  <c r="B8742" i="2"/>
  <c r="N8743" i="2"/>
  <c r="W8711" i="6" l="1"/>
  <c r="B8743" i="2"/>
  <c r="N8744" i="2"/>
  <c r="W8712" i="6" l="1"/>
  <c r="B8744" i="2"/>
  <c r="N8745" i="2"/>
  <c r="W8713" i="6" l="1"/>
  <c r="B8745" i="2"/>
  <c r="N8746" i="2"/>
  <c r="W8714" i="6" l="1"/>
  <c r="B8746" i="2"/>
  <c r="N8747" i="2"/>
  <c r="W8715" i="6" l="1"/>
  <c r="B8747" i="2"/>
  <c r="N8748" i="2"/>
  <c r="W8716" i="6" l="1"/>
  <c r="B8748" i="2"/>
  <c r="N8749" i="2"/>
  <c r="W8717" i="6" l="1"/>
  <c r="B8749" i="2"/>
  <c r="N8750" i="2"/>
  <c r="W8718" i="6" l="1"/>
  <c r="B8750" i="2"/>
  <c r="N8751" i="2"/>
  <c r="W8719" i="6" l="1"/>
  <c r="B8751" i="2"/>
  <c r="N8752" i="2"/>
  <c r="W8720" i="6" l="1"/>
  <c r="B8752" i="2"/>
  <c r="N8753" i="2"/>
  <c r="W8721" i="6" l="1"/>
  <c r="B8753" i="2"/>
  <c r="N8754" i="2"/>
  <c r="W8722" i="6" l="1"/>
  <c r="B8754" i="2"/>
  <c r="N8755" i="2"/>
  <c r="W8723" i="6" l="1"/>
  <c r="B8755" i="2"/>
  <c r="N8756" i="2"/>
  <c r="W8724" i="6" l="1"/>
  <c r="B8756" i="2"/>
  <c r="N8757" i="2"/>
  <c r="W8725" i="6" l="1"/>
  <c r="B8757" i="2"/>
  <c r="N8758" i="2"/>
  <c r="W8726" i="6" l="1"/>
  <c r="B8758" i="2"/>
  <c r="N8759" i="2"/>
  <c r="W8727" i="6" l="1"/>
  <c r="B8759" i="2"/>
  <c r="N8760" i="2"/>
  <c r="W8728" i="6" l="1"/>
  <c r="B8760" i="2"/>
  <c r="N8761" i="2"/>
  <c r="W8729" i="6" l="1"/>
  <c r="B8761" i="2"/>
  <c r="N8762" i="2"/>
  <c r="W8730" i="6" l="1"/>
  <c r="B8762" i="2"/>
  <c r="N8763" i="2"/>
  <c r="W8731" i="6" l="1"/>
  <c r="B8763" i="2"/>
  <c r="N8764" i="2"/>
  <c r="W8732" i="6" l="1"/>
  <c r="B8764" i="2"/>
  <c r="N8765" i="2"/>
  <c r="W8733" i="6" l="1"/>
  <c r="B8765" i="2"/>
  <c r="N8766" i="2"/>
  <c r="W8734" i="6" l="1"/>
  <c r="B8766" i="2"/>
  <c r="N8767" i="2"/>
  <c r="W8735" i="6" l="1"/>
  <c r="B8767" i="2"/>
  <c r="N8768" i="2"/>
  <c r="W8736" i="6" l="1"/>
  <c r="B8768" i="2"/>
  <c r="N8769" i="2"/>
  <c r="W8737" i="6" l="1"/>
  <c r="B8769" i="2"/>
  <c r="N8770" i="2"/>
  <c r="W8738" i="6" l="1"/>
  <c r="B8770" i="2"/>
  <c r="N8771" i="2"/>
  <c r="W8739" i="6" l="1"/>
  <c r="B8771" i="2"/>
  <c r="N8772" i="2"/>
  <c r="W8740" i="6" l="1"/>
  <c r="B8772" i="2"/>
  <c r="N8773" i="2"/>
  <c r="W8741" i="6" l="1"/>
  <c r="B8773" i="2"/>
  <c r="N8774" i="2"/>
  <c r="W8742" i="6" l="1"/>
  <c r="B8774" i="2"/>
  <c r="N8775" i="2"/>
  <c r="W8743" i="6" l="1"/>
  <c r="B8775" i="2"/>
  <c r="N8776" i="2"/>
  <c r="W8744" i="6" l="1"/>
  <c r="B8776" i="2"/>
  <c r="N8777" i="2"/>
  <c r="W8745" i="6" l="1"/>
  <c r="B8777" i="2"/>
  <c r="N8778" i="2"/>
  <c r="W8746" i="6" l="1"/>
  <c r="B8778" i="2"/>
  <c r="N8779" i="2"/>
  <c r="W8747" i="6" l="1"/>
  <c r="B8779" i="2"/>
  <c r="N8780" i="2"/>
  <c r="W8748" i="6" l="1"/>
  <c r="B8780" i="2"/>
  <c r="N8781" i="2"/>
  <c r="W8749" i="6" l="1"/>
  <c r="B8781" i="2"/>
  <c r="N8782" i="2"/>
  <c r="W8750" i="6" l="1"/>
  <c r="B8782" i="2"/>
  <c r="N8783" i="2"/>
  <c r="W8751" i="6" l="1"/>
  <c r="B8783" i="2"/>
  <c r="N8784" i="2"/>
  <c r="W8752" i="6" l="1"/>
  <c r="B8784" i="2"/>
  <c r="N8785" i="2"/>
  <c r="W8753" i="6" l="1"/>
  <c r="B8785" i="2"/>
  <c r="N8786" i="2"/>
  <c r="W8754" i="6" l="1"/>
  <c r="B8786" i="2"/>
  <c r="N8787" i="2"/>
  <c r="W8755" i="6" l="1"/>
  <c r="B8787" i="2"/>
  <c r="N8788" i="2"/>
  <c r="W8756" i="6" l="1"/>
  <c r="B8788" i="2"/>
  <c r="N8789" i="2"/>
  <c r="W8757" i="6" l="1"/>
  <c r="B8789" i="2"/>
  <c r="N8790" i="2"/>
  <c r="W8758" i="6" l="1"/>
  <c r="B8790" i="2"/>
  <c r="N8791" i="2"/>
  <c r="W8759" i="6" l="1"/>
  <c r="B8791" i="2"/>
  <c r="N8792" i="2"/>
  <c r="W8760" i="6" l="1"/>
  <c r="B8792" i="2"/>
  <c r="N8793" i="2"/>
  <c r="W8761" i="6" l="1"/>
  <c r="B8793" i="2"/>
  <c r="P8767" i="5" l="1"/>
  <c r="I5" i="7" l="1"/>
  <c r="I11" i="7" s="1" a="1"/>
  <c r="I11" i="7" l="1"/>
  <c r="H19" i="7" s="1" a="1"/>
  <c r="H19" i="7" s="1"/>
  <c r="H22" i="7"/>
  <c r="P8" i="5" l="1"/>
  <c r="P9" i="5"/>
  <c r="P10" i="5"/>
  <c r="P11" i="5"/>
  <c r="P12" i="5"/>
  <c r="P13" i="5"/>
  <c r="P14" i="5"/>
  <c r="P15" i="5"/>
  <c r="P16" i="5"/>
  <c r="P17" i="5"/>
  <c r="P18" i="5"/>
  <c r="P19" i="5"/>
  <c r="P20" i="5"/>
  <c r="P21" i="5"/>
  <c r="P22" i="5"/>
  <c r="P23" i="5"/>
  <c r="P24" i="5"/>
  <c r="P25" i="5"/>
  <c r="P26" i="5"/>
  <c r="P27" i="5"/>
  <c r="P28" i="5"/>
  <c r="P29" i="5"/>
  <c r="P30" i="5"/>
  <c r="P31" i="5"/>
  <c r="P32" i="5"/>
  <c r="P33" i="5"/>
  <c r="P34" i="5"/>
  <c r="P35" i="5"/>
  <c r="P36" i="5"/>
  <c r="P37" i="5"/>
  <c r="P38" i="5"/>
  <c r="P39" i="5"/>
  <c r="P40" i="5"/>
  <c r="P41" i="5"/>
  <c r="P42" i="5"/>
  <c r="P43" i="5"/>
  <c r="P44" i="5"/>
  <c r="P45" i="5"/>
  <c r="P46" i="5"/>
  <c r="P47" i="5"/>
  <c r="P48" i="5"/>
  <c r="P49" i="5"/>
  <c r="P50" i="5"/>
  <c r="P51" i="5"/>
  <c r="P52" i="5"/>
  <c r="P53" i="5"/>
  <c r="P54" i="5"/>
  <c r="P55" i="5"/>
  <c r="P56" i="5"/>
  <c r="P57" i="5"/>
  <c r="P58" i="5"/>
  <c r="P59" i="5"/>
  <c r="P60" i="5"/>
  <c r="P61" i="5"/>
  <c r="P62" i="5"/>
  <c r="P63" i="5"/>
  <c r="P64" i="5"/>
  <c r="P65" i="5"/>
  <c r="P66" i="5"/>
  <c r="P67" i="5"/>
  <c r="P68" i="5"/>
  <c r="P69" i="5"/>
  <c r="P70" i="5"/>
  <c r="P71" i="5"/>
  <c r="P72" i="5"/>
  <c r="P73" i="5"/>
  <c r="P74" i="5"/>
  <c r="P75" i="5"/>
  <c r="P76" i="5"/>
  <c r="P77" i="5"/>
  <c r="P78" i="5"/>
  <c r="P79" i="5"/>
  <c r="P80" i="5"/>
  <c r="P81" i="5"/>
  <c r="P82" i="5"/>
  <c r="P83" i="5"/>
  <c r="P84" i="5"/>
  <c r="P85" i="5"/>
  <c r="P86" i="5"/>
  <c r="P87" i="5"/>
  <c r="P88" i="5"/>
  <c r="P89" i="5"/>
  <c r="P90" i="5"/>
  <c r="P91" i="5"/>
  <c r="P92" i="5"/>
  <c r="P93" i="5"/>
  <c r="P94" i="5"/>
  <c r="P95" i="5"/>
  <c r="P96" i="5"/>
  <c r="P97" i="5"/>
  <c r="P98" i="5"/>
  <c r="P99" i="5"/>
  <c r="P100" i="5"/>
  <c r="P101" i="5"/>
  <c r="P102" i="5"/>
  <c r="P103" i="5"/>
  <c r="P104" i="5"/>
  <c r="P105" i="5"/>
  <c r="P106" i="5"/>
  <c r="P107" i="5"/>
  <c r="P108" i="5"/>
  <c r="P109" i="5"/>
  <c r="P110" i="5"/>
  <c r="P111" i="5"/>
  <c r="P112" i="5"/>
  <c r="P113" i="5"/>
  <c r="P114" i="5"/>
  <c r="P115" i="5"/>
  <c r="P116" i="5"/>
  <c r="P117" i="5"/>
  <c r="P118" i="5"/>
  <c r="P119" i="5"/>
  <c r="P120" i="5"/>
  <c r="P121" i="5"/>
  <c r="P122" i="5"/>
  <c r="P123" i="5"/>
  <c r="P124" i="5"/>
  <c r="P125" i="5"/>
  <c r="P126" i="5"/>
  <c r="P127" i="5"/>
  <c r="P128" i="5"/>
  <c r="P129" i="5"/>
  <c r="P130" i="5"/>
  <c r="P131" i="5"/>
  <c r="P132" i="5"/>
  <c r="P133" i="5"/>
  <c r="P134" i="5"/>
  <c r="P135" i="5"/>
  <c r="P136" i="5"/>
  <c r="P137" i="5"/>
  <c r="P138" i="5"/>
  <c r="P139" i="5"/>
  <c r="P140" i="5"/>
  <c r="P141" i="5"/>
  <c r="P142" i="5"/>
  <c r="P143" i="5"/>
  <c r="P144" i="5"/>
  <c r="P145" i="5"/>
  <c r="P146" i="5"/>
  <c r="P147" i="5"/>
  <c r="P148" i="5"/>
  <c r="P149" i="5"/>
  <c r="P150" i="5"/>
  <c r="P151" i="5"/>
  <c r="P152" i="5"/>
  <c r="P153" i="5"/>
  <c r="P154" i="5"/>
  <c r="P155" i="5"/>
  <c r="P156" i="5"/>
  <c r="P157" i="5"/>
  <c r="P158" i="5"/>
  <c r="P159" i="5"/>
  <c r="P160" i="5"/>
  <c r="P161" i="5"/>
  <c r="P162" i="5"/>
  <c r="P163" i="5"/>
  <c r="P164" i="5"/>
  <c r="P165" i="5"/>
  <c r="P166" i="5"/>
  <c r="P167" i="5"/>
  <c r="P168" i="5"/>
  <c r="P169" i="5"/>
  <c r="P170" i="5"/>
  <c r="P171" i="5"/>
  <c r="P172" i="5"/>
  <c r="P173" i="5"/>
  <c r="P174" i="5"/>
  <c r="P175" i="5"/>
  <c r="P176" i="5"/>
  <c r="P177" i="5"/>
  <c r="P178" i="5"/>
  <c r="P179" i="5"/>
  <c r="P180" i="5"/>
  <c r="P181" i="5"/>
  <c r="P182" i="5"/>
  <c r="P183" i="5"/>
  <c r="P184" i="5"/>
  <c r="P185" i="5"/>
  <c r="P186" i="5"/>
  <c r="P187" i="5"/>
  <c r="P188" i="5"/>
  <c r="P189" i="5"/>
  <c r="P190" i="5"/>
  <c r="P191" i="5"/>
  <c r="P192" i="5"/>
  <c r="P193" i="5"/>
  <c r="P194" i="5"/>
  <c r="P195" i="5"/>
  <c r="P196" i="5"/>
  <c r="P197" i="5"/>
  <c r="P198" i="5"/>
  <c r="P199" i="5"/>
  <c r="P200" i="5"/>
  <c r="P201" i="5"/>
  <c r="P202" i="5"/>
  <c r="P203" i="5"/>
  <c r="P204" i="5"/>
  <c r="P205" i="5"/>
  <c r="P206" i="5"/>
  <c r="P207" i="5"/>
  <c r="P208" i="5"/>
  <c r="P209" i="5"/>
  <c r="P210" i="5"/>
  <c r="P211" i="5"/>
  <c r="P212" i="5"/>
  <c r="P213" i="5"/>
  <c r="P214" i="5"/>
  <c r="P215" i="5"/>
  <c r="P216" i="5"/>
  <c r="P217" i="5"/>
  <c r="P218" i="5"/>
  <c r="P219" i="5"/>
  <c r="P220" i="5"/>
  <c r="P221" i="5"/>
  <c r="P222" i="5"/>
  <c r="P223" i="5"/>
  <c r="P224" i="5"/>
  <c r="P225" i="5"/>
  <c r="P226" i="5"/>
  <c r="P227" i="5"/>
  <c r="P228" i="5"/>
  <c r="P229" i="5"/>
  <c r="P230" i="5"/>
  <c r="P231" i="5"/>
  <c r="P232" i="5"/>
  <c r="P233" i="5"/>
  <c r="P234" i="5"/>
  <c r="P235" i="5"/>
  <c r="P236" i="5"/>
  <c r="P237" i="5"/>
  <c r="P238" i="5"/>
  <c r="P239" i="5"/>
  <c r="P240" i="5"/>
  <c r="P241" i="5"/>
  <c r="P242" i="5"/>
  <c r="P243" i="5"/>
  <c r="P244" i="5"/>
  <c r="P245" i="5"/>
  <c r="P246" i="5"/>
  <c r="P247" i="5"/>
  <c r="P248" i="5"/>
  <c r="P249" i="5"/>
  <c r="P250" i="5"/>
  <c r="P251" i="5"/>
  <c r="P252" i="5"/>
  <c r="P253" i="5"/>
  <c r="P254" i="5"/>
  <c r="P255" i="5"/>
  <c r="P256" i="5"/>
  <c r="P257" i="5"/>
  <c r="P258" i="5"/>
  <c r="P259" i="5"/>
  <c r="P260" i="5"/>
  <c r="P261" i="5"/>
  <c r="P262" i="5"/>
  <c r="P263" i="5"/>
  <c r="P264" i="5"/>
  <c r="P265" i="5"/>
  <c r="P266" i="5"/>
  <c r="P267" i="5"/>
  <c r="P268" i="5"/>
  <c r="P269" i="5"/>
  <c r="P270" i="5"/>
  <c r="P271" i="5"/>
  <c r="P272" i="5"/>
  <c r="P273" i="5"/>
  <c r="P274" i="5"/>
  <c r="P275" i="5"/>
  <c r="P276" i="5"/>
  <c r="P277" i="5"/>
  <c r="P278" i="5"/>
  <c r="P279" i="5"/>
  <c r="P280" i="5"/>
  <c r="P281" i="5"/>
  <c r="P282" i="5"/>
  <c r="P283" i="5"/>
  <c r="P284" i="5"/>
  <c r="P285" i="5"/>
  <c r="P286" i="5"/>
  <c r="P287" i="5"/>
  <c r="P288" i="5"/>
  <c r="P289" i="5"/>
  <c r="P290" i="5"/>
  <c r="P291" i="5"/>
  <c r="P292" i="5"/>
  <c r="P293" i="5"/>
  <c r="P294" i="5"/>
  <c r="P295" i="5"/>
  <c r="P296" i="5"/>
  <c r="P297" i="5"/>
  <c r="P298" i="5"/>
  <c r="P299" i="5"/>
  <c r="P300" i="5"/>
  <c r="P301" i="5"/>
  <c r="P302" i="5"/>
  <c r="P303" i="5"/>
  <c r="P304" i="5"/>
  <c r="P305" i="5"/>
  <c r="P306" i="5"/>
  <c r="P307" i="5"/>
  <c r="P308" i="5"/>
  <c r="P309" i="5"/>
  <c r="P310" i="5"/>
  <c r="P311" i="5"/>
  <c r="P312" i="5"/>
  <c r="P313" i="5"/>
  <c r="P314" i="5"/>
  <c r="P315" i="5"/>
  <c r="P316" i="5"/>
  <c r="P317" i="5"/>
  <c r="P318" i="5"/>
  <c r="P319" i="5"/>
  <c r="P320" i="5"/>
  <c r="P321" i="5"/>
  <c r="P322" i="5"/>
  <c r="P323" i="5"/>
  <c r="P324" i="5"/>
  <c r="P325" i="5"/>
  <c r="P326" i="5"/>
  <c r="P327" i="5"/>
  <c r="P328" i="5"/>
  <c r="P329" i="5"/>
  <c r="P330" i="5"/>
  <c r="P331" i="5"/>
  <c r="P332" i="5"/>
  <c r="P333" i="5"/>
  <c r="P334" i="5"/>
  <c r="P335" i="5"/>
  <c r="P336" i="5"/>
  <c r="P337" i="5"/>
  <c r="P338" i="5"/>
  <c r="P339" i="5"/>
  <c r="P340" i="5"/>
  <c r="P341" i="5"/>
  <c r="P342" i="5"/>
  <c r="P343" i="5"/>
  <c r="P344" i="5"/>
  <c r="P345" i="5"/>
  <c r="P346" i="5"/>
  <c r="P347" i="5"/>
  <c r="P348" i="5"/>
  <c r="P349" i="5"/>
  <c r="P350" i="5"/>
  <c r="P351" i="5"/>
  <c r="P352" i="5"/>
  <c r="P353" i="5"/>
  <c r="P354" i="5"/>
  <c r="P355" i="5"/>
  <c r="P356" i="5"/>
  <c r="P357" i="5"/>
  <c r="P358" i="5"/>
  <c r="P359" i="5"/>
  <c r="P360" i="5"/>
  <c r="P361" i="5"/>
  <c r="P362" i="5"/>
  <c r="P363" i="5"/>
  <c r="P364" i="5"/>
  <c r="P365" i="5"/>
  <c r="P366" i="5"/>
  <c r="P367" i="5"/>
  <c r="P368" i="5"/>
  <c r="P369" i="5"/>
  <c r="P370" i="5"/>
  <c r="P371" i="5"/>
  <c r="P372" i="5"/>
  <c r="P373" i="5"/>
  <c r="P374" i="5"/>
  <c r="P375" i="5"/>
  <c r="P376" i="5"/>
  <c r="P377" i="5"/>
  <c r="P378" i="5"/>
  <c r="P379" i="5"/>
  <c r="P380" i="5"/>
  <c r="P381" i="5"/>
  <c r="P382" i="5"/>
  <c r="P383" i="5"/>
  <c r="P384" i="5"/>
  <c r="P385" i="5"/>
  <c r="P386" i="5"/>
  <c r="P387" i="5"/>
  <c r="P388" i="5"/>
  <c r="P389" i="5"/>
  <c r="P390" i="5"/>
  <c r="P391" i="5"/>
  <c r="P392" i="5"/>
  <c r="P393" i="5"/>
  <c r="P394" i="5"/>
  <c r="P395" i="5"/>
  <c r="P396" i="5"/>
  <c r="P397" i="5"/>
  <c r="P398" i="5"/>
  <c r="P399" i="5"/>
  <c r="P400" i="5"/>
  <c r="P401" i="5"/>
  <c r="P402" i="5"/>
  <c r="P403" i="5"/>
  <c r="P404" i="5"/>
  <c r="P405" i="5"/>
  <c r="P406" i="5"/>
  <c r="P407" i="5"/>
  <c r="P408" i="5"/>
  <c r="P409" i="5"/>
  <c r="P410" i="5"/>
  <c r="P411" i="5"/>
  <c r="P412" i="5"/>
  <c r="P413" i="5"/>
  <c r="P414" i="5"/>
  <c r="P415" i="5"/>
  <c r="P416" i="5"/>
  <c r="P417" i="5"/>
  <c r="P418" i="5"/>
  <c r="P419" i="5"/>
  <c r="P420" i="5"/>
  <c r="P421" i="5"/>
  <c r="P422" i="5"/>
  <c r="P423" i="5"/>
  <c r="P424" i="5"/>
  <c r="P425" i="5"/>
  <c r="P426" i="5"/>
  <c r="P427" i="5"/>
  <c r="P428" i="5"/>
  <c r="P429" i="5"/>
  <c r="P430" i="5"/>
  <c r="P431" i="5"/>
  <c r="P432" i="5"/>
  <c r="P433" i="5"/>
  <c r="P434" i="5"/>
  <c r="P435" i="5"/>
  <c r="P436" i="5"/>
  <c r="P437" i="5"/>
  <c r="P438" i="5"/>
  <c r="P439" i="5"/>
  <c r="P440" i="5"/>
  <c r="P441" i="5"/>
  <c r="P442" i="5"/>
  <c r="P443" i="5"/>
  <c r="P444" i="5"/>
  <c r="P445" i="5"/>
  <c r="P446" i="5"/>
  <c r="P447" i="5"/>
  <c r="P448" i="5"/>
  <c r="P449" i="5"/>
  <c r="P450" i="5"/>
  <c r="P451" i="5"/>
  <c r="P452" i="5"/>
  <c r="P453" i="5"/>
  <c r="P454" i="5"/>
  <c r="P455" i="5"/>
  <c r="P456" i="5"/>
  <c r="P457" i="5"/>
  <c r="P458" i="5"/>
  <c r="P459" i="5"/>
  <c r="P460" i="5"/>
  <c r="P461" i="5"/>
  <c r="P462" i="5"/>
  <c r="P463" i="5"/>
  <c r="P464" i="5"/>
  <c r="P465" i="5"/>
  <c r="P466" i="5"/>
  <c r="P467" i="5"/>
  <c r="P468" i="5"/>
  <c r="P469" i="5"/>
  <c r="P470" i="5"/>
  <c r="P471" i="5"/>
  <c r="P472" i="5"/>
  <c r="P473" i="5"/>
  <c r="P474" i="5"/>
  <c r="P475" i="5"/>
  <c r="P476" i="5"/>
  <c r="P477" i="5"/>
  <c r="P478" i="5"/>
  <c r="P479" i="5"/>
  <c r="P480" i="5"/>
  <c r="P481" i="5"/>
  <c r="P482" i="5"/>
  <c r="P483" i="5"/>
  <c r="P484" i="5"/>
  <c r="P485" i="5"/>
  <c r="P486" i="5"/>
  <c r="P487" i="5"/>
  <c r="P488" i="5"/>
  <c r="P489" i="5"/>
  <c r="P490" i="5"/>
  <c r="P491" i="5"/>
  <c r="P492" i="5"/>
  <c r="P493" i="5"/>
  <c r="P494" i="5"/>
  <c r="P495" i="5"/>
  <c r="P496" i="5"/>
  <c r="P497" i="5"/>
  <c r="P498" i="5"/>
  <c r="P499" i="5"/>
  <c r="P500" i="5"/>
  <c r="P501" i="5"/>
  <c r="P502" i="5"/>
  <c r="P503" i="5"/>
  <c r="P504" i="5"/>
  <c r="P505" i="5"/>
  <c r="P506" i="5"/>
  <c r="P507" i="5"/>
  <c r="P508" i="5"/>
  <c r="P509" i="5"/>
  <c r="P510" i="5"/>
  <c r="P511" i="5"/>
  <c r="P512" i="5"/>
  <c r="P513" i="5"/>
  <c r="P514" i="5"/>
  <c r="P515" i="5"/>
  <c r="P516" i="5"/>
  <c r="P517" i="5"/>
  <c r="P518" i="5"/>
  <c r="P519" i="5"/>
  <c r="P520" i="5"/>
  <c r="P521" i="5"/>
  <c r="P522" i="5"/>
  <c r="P523" i="5"/>
  <c r="P524" i="5"/>
  <c r="P525" i="5"/>
  <c r="P526" i="5"/>
  <c r="P527" i="5"/>
  <c r="P528" i="5"/>
  <c r="P529" i="5"/>
  <c r="P530" i="5"/>
  <c r="P531" i="5"/>
  <c r="P532" i="5"/>
  <c r="P533" i="5"/>
  <c r="P534" i="5"/>
  <c r="P535" i="5"/>
  <c r="P536" i="5"/>
  <c r="P537" i="5"/>
  <c r="P538" i="5"/>
  <c r="P539" i="5"/>
  <c r="P540" i="5"/>
  <c r="P541" i="5"/>
  <c r="P542" i="5"/>
  <c r="P543" i="5"/>
  <c r="P544" i="5"/>
  <c r="P545" i="5"/>
  <c r="P546" i="5"/>
  <c r="P547" i="5"/>
  <c r="P548" i="5"/>
  <c r="P549" i="5"/>
  <c r="P550" i="5"/>
  <c r="P551" i="5"/>
  <c r="P552" i="5"/>
  <c r="P553" i="5"/>
  <c r="P554" i="5"/>
  <c r="P555" i="5"/>
  <c r="P556" i="5"/>
  <c r="P557" i="5"/>
  <c r="P558" i="5"/>
  <c r="P559" i="5"/>
  <c r="P560" i="5"/>
  <c r="P561" i="5"/>
  <c r="P562" i="5"/>
  <c r="P563" i="5"/>
  <c r="P564" i="5"/>
  <c r="P565" i="5"/>
  <c r="P566" i="5"/>
  <c r="P567" i="5"/>
  <c r="P568" i="5"/>
  <c r="P569" i="5"/>
  <c r="P570" i="5"/>
  <c r="P571" i="5"/>
  <c r="P572" i="5"/>
  <c r="P573" i="5"/>
  <c r="P574" i="5"/>
  <c r="P575" i="5"/>
  <c r="P576" i="5"/>
  <c r="P577" i="5"/>
  <c r="P578" i="5"/>
  <c r="P579" i="5"/>
  <c r="P580" i="5"/>
  <c r="P581" i="5"/>
  <c r="P582" i="5"/>
  <c r="P583" i="5"/>
  <c r="P584" i="5"/>
  <c r="P585" i="5"/>
  <c r="P586" i="5"/>
  <c r="P587" i="5"/>
  <c r="P588" i="5"/>
  <c r="P589" i="5"/>
  <c r="P590" i="5"/>
  <c r="P591" i="5"/>
  <c r="P592" i="5"/>
  <c r="P593" i="5"/>
  <c r="P594" i="5"/>
  <c r="P595" i="5"/>
  <c r="P596" i="5"/>
  <c r="P597" i="5"/>
  <c r="P598" i="5"/>
  <c r="P599" i="5"/>
  <c r="P600" i="5"/>
  <c r="P601" i="5"/>
  <c r="P602" i="5"/>
  <c r="P603" i="5"/>
  <c r="P604" i="5"/>
  <c r="P605" i="5"/>
  <c r="P606" i="5"/>
  <c r="P607" i="5"/>
  <c r="P608" i="5"/>
  <c r="P609" i="5"/>
  <c r="P610" i="5"/>
  <c r="P611" i="5"/>
  <c r="P612" i="5"/>
  <c r="P613" i="5"/>
  <c r="P614" i="5"/>
  <c r="P615" i="5"/>
  <c r="P616" i="5"/>
  <c r="P617" i="5"/>
  <c r="P618" i="5"/>
  <c r="P619" i="5"/>
  <c r="P620" i="5"/>
  <c r="P621" i="5"/>
  <c r="P622" i="5"/>
  <c r="P623" i="5"/>
  <c r="P624" i="5"/>
  <c r="P625" i="5"/>
  <c r="P626" i="5"/>
  <c r="P627" i="5"/>
  <c r="P628" i="5"/>
  <c r="P629" i="5"/>
  <c r="P630" i="5"/>
  <c r="P631" i="5"/>
  <c r="P632" i="5"/>
  <c r="P633" i="5"/>
  <c r="P634" i="5"/>
  <c r="P635" i="5"/>
  <c r="P636" i="5"/>
  <c r="P637" i="5"/>
  <c r="P638" i="5"/>
  <c r="P639" i="5"/>
  <c r="P640" i="5"/>
  <c r="P641" i="5"/>
  <c r="P642" i="5"/>
  <c r="P643" i="5"/>
  <c r="P644" i="5"/>
  <c r="P645" i="5"/>
  <c r="P646" i="5"/>
  <c r="P647" i="5"/>
  <c r="P648" i="5"/>
  <c r="P649" i="5"/>
  <c r="P650" i="5"/>
  <c r="P651" i="5"/>
  <c r="P652" i="5"/>
  <c r="P653" i="5"/>
  <c r="P654" i="5"/>
  <c r="P655" i="5"/>
  <c r="P656" i="5"/>
  <c r="P657" i="5"/>
  <c r="P658" i="5"/>
  <c r="P659" i="5"/>
  <c r="P660" i="5"/>
  <c r="P661" i="5"/>
  <c r="P662" i="5"/>
  <c r="P663" i="5"/>
  <c r="P664" i="5"/>
  <c r="P665" i="5"/>
  <c r="P666" i="5"/>
  <c r="P667" i="5"/>
  <c r="P668" i="5"/>
  <c r="P669" i="5"/>
  <c r="P670" i="5"/>
  <c r="P671" i="5"/>
  <c r="P672" i="5"/>
  <c r="P673" i="5"/>
  <c r="P674" i="5"/>
  <c r="P675" i="5"/>
  <c r="P676" i="5"/>
  <c r="P677" i="5"/>
  <c r="P678" i="5"/>
  <c r="P679" i="5"/>
  <c r="P680" i="5"/>
  <c r="P681" i="5"/>
  <c r="P682" i="5"/>
  <c r="P683" i="5"/>
  <c r="P684" i="5"/>
  <c r="P685" i="5"/>
  <c r="P686" i="5"/>
  <c r="P687" i="5"/>
  <c r="P688" i="5"/>
  <c r="P689" i="5"/>
  <c r="P690" i="5"/>
  <c r="P691" i="5"/>
  <c r="P692" i="5"/>
  <c r="P693" i="5"/>
  <c r="P694" i="5"/>
  <c r="P695" i="5"/>
  <c r="P696" i="5"/>
  <c r="P697" i="5"/>
  <c r="P698" i="5"/>
  <c r="P699" i="5"/>
  <c r="P700" i="5"/>
  <c r="P701" i="5"/>
  <c r="P702" i="5"/>
  <c r="P703" i="5"/>
  <c r="P704" i="5"/>
  <c r="P705" i="5"/>
  <c r="P706" i="5"/>
  <c r="P707" i="5"/>
  <c r="P708" i="5"/>
  <c r="P709" i="5"/>
  <c r="P710" i="5"/>
  <c r="P711" i="5"/>
  <c r="P712" i="5"/>
  <c r="P713" i="5"/>
  <c r="P714" i="5"/>
  <c r="P715" i="5"/>
  <c r="P716" i="5"/>
  <c r="P717" i="5"/>
  <c r="P718" i="5"/>
  <c r="P719" i="5"/>
  <c r="P720" i="5"/>
  <c r="P721" i="5"/>
  <c r="P722" i="5"/>
  <c r="P723" i="5"/>
  <c r="P724" i="5"/>
  <c r="P725" i="5"/>
  <c r="P726" i="5"/>
  <c r="P727" i="5"/>
  <c r="P728" i="5"/>
  <c r="P729" i="5"/>
  <c r="P730" i="5"/>
  <c r="P731" i="5"/>
  <c r="P732" i="5"/>
  <c r="P733" i="5"/>
  <c r="P734" i="5"/>
  <c r="P735" i="5"/>
  <c r="P736" i="5"/>
  <c r="P737" i="5"/>
  <c r="P738" i="5"/>
  <c r="P739" i="5"/>
  <c r="P740" i="5"/>
  <c r="P741" i="5"/>
  <c r="P742" i="5"/>
  <c r="P743" i="5"/>
  <c r="P744" i="5"/>
  <c r="P745" i="5"/>
  <c r="P746" i="5"/>
  <c r="P747" i="5"/>
  <c r="P748" i="5"/>
  <c r="P749" i="5"/>
  <c r="P750" i="5"/>
  <c r="P751" i="5"/>
  <c r="P752" i="5"/>
  <c r="P753" i="5"/>
  <c r="P754" i="5"/>
  <c r="P755" i="5"/>
  <c r="P756" i="5"/>
  <c r="P757" i="5"/>
  <c r="P758" i="5"/>
  <c r="P759" i="5"/>
  <c r="P760" i="5"/>
  <c r="P761" i="5"/>
  <c r="P762" i="5"/>
  <c r="P763" i="5"/>
  <c r="P764" i="5"/>
  <c r="P765" i="5"/>
  <c r="P766" i="5"/>
  <c r="P767" i="5"/>
  <c r="P768" i="5"/>
  <c r="P769" i="5"/>
  <c r="P770" i="5"/>
  <c r="P771" i="5"/>
  <c r="P772" i="5"/>
  <c r="P773" i="5"/>
  <c r="P774" i="5"/>
  <c r="P775" i="5"/>
  <c r="P776" i="5"/>
  <c r="P777" i="5"/>
  <c r="P778" i="5"/>
  <c r="P779" i="5"/>
  <c r="P780" i="5"/>
  <c r="P781" i="5"/>
  <c r="P782" i="5"/>
  <c r="P783" i="5"/>
  <c r="P784" i="5"/>
  <c r="P785" i="5"/>
  <c r="P786" i="5"/>
  <c r="P787" i="5"/>
  <c r="P788" i="5"/>
  <c r="P789" i="5"/>
  <c r="P790" i="5"/>
  <c r="P791" i="5"/>
  <c r="P792" i="5"/>
  <c r="P793" i="5"/>
  <c r="P794" i="5"/>
  <c r="P795" i="5"/>
  <c r="P796" i="5"/>
  <c r="P797" i="5"/>
  <c r="P798" i="5"/>
  <c r="P799" i="5"/>
  <c r="P800" i="5"/>
  <c r="P801" i="5"/>
  <c r="P802" i="5"/>
  <c r="P803" i="5"/>
  <c r="P804" i="5"/>
  <c r="P805" i="5"/>
  <c r="P806" i="5"/>
  <c r="P807" i="5"/>
  <c r="P808" i="5"/>
  <c r="P809" i="5"/>
  <c r="P810" i="5"/>
  <c r="P811" i="5"/>
  <c r="P812" i="5"/>
  <c r="P813" i="5"/>
  <c r="P814" i="5"/>
  <c r="P815" i="5"/>
  <c r="P816" i="5"/>
  <c r="P817" i="5"/>
  <c r="P818" i="5"/>
  <c r="P819" i="5"/>
  <c r="P820" i="5"/>
  <c r="P821" i="5"/>
  <c r="P822" i="5"/>
  <c r="P823" i="5"/>
  <c r="P824" i="5"/>
  <c r="P825" i="5"/>
  <c r="P826" i="5"/>
  <c r="P827" i="5"/>
  <c r="P828" i="5"/>
  <c r="P829" i="5"/>
  <c r="P830" i="5"/>
  <c r="P831" i="5"/>
  <c r="P832" i="5"/>
  <c r="P833" i="5"/>
  <c r="P834" i="5"/>
  <c r="P835" i="5"/>
  <c r="P836" i="5"/>
  <c r="P837" i="5"/>
  <c r="P838" i="5"/>
  <c r="P839" i="5"/>
  <c r="P840" i="5"/>
  <c r="P841" i="5"/>
  <c r="P842" i="5"/>
  <c r="P843" i="5"/>
  <c r="P844" i="5"/>
  <c r="P845" i="5"/>
  <c r="P846" i="5"/>
  <c r="P847" i="5"/>
  <c r="P848" i="5"/>
  <c r="P849" i="5"/>
  <c r="P850" i="5"/>
  <c r="P851" i="5"/>
  <c r="P852" i="5"/>
  <c r="P853" i="5"/>
  <c r="P854" i="5"/>
  <c r="P855" i="5"/>
  <c r="P856" i="5"/>
  <c r="P857" i="5"/>
  <c r="P858" i="5"/>
  <c r="P859" i="5"/>
  <c r="P860" i="5"/>
  <c r="P861" i="5"/>
  <c r="P862" i="5"/>
  <c r="P863" i="5"/>
  <c r="P864" i="5"/>
  <c r="P865" i="5"/>
  <c r="P866" i="5"/>
  <c r="P867" i="5"/>
  <c r="P868" i="5"/>
  <c r="P869" i="5"/>
  <c r="P870" i="5"/>
  <c r="P871" i="5"/>
  <c r="P872" i="5"/>
  <c r="P873" i="5"/>
  <c r="P874" i="5"/>
  <c r="P875" i="5"/>
  <c r="P876" i="5"/>
  <c r="P877" i="5"/>
  <c r="P878" i="5"/>
  <c r="P879" i="5"/>
  <c r="P880" i="5"/>
  <c r="P881" i="5"/>
  <c r="P882" i="5"/>
  <c r="P883" i="5"/>
  <c r="P884" i="5"/>
  <c r="P885" i="5"/>
  <c r="P886" i="5"/>
  <c r="P887" i="5"/>
  <c r="P888" i="5"/>
  <c r="P889" i="5"/>
  <c r="P890" i="5"/>
  <c r="P891" i="5"/>
  <c r="P892" i="5"/>
  <c r="P893" i="5"/>
  <c r="P894" i="5"/>
  <c r="P895" i="5"/>
  <c r="P896" i="5"/>
  <c r="P897" i="5"/>
  <c r="P898" i="5"/>
  <c r="P899" i="5"/>
  <c r="P900" i="5"/>
  <c r="P901" i="5"/>
  <c r="P902" i="5"/>
  <c r="P903" i="5"/>
  <c r="P904" i="5"/>
  <c r="P905" i="5"/>
  <c r="P906" i="5"/>
  <c r="P907" i="5"/>
  <c r="P908" i="5"/>
  <c r="P909" i="5"/>
  <c r="P910" i="5"/>
  <c r="P911" i="5"/>
  <c r="P912" i="5"/>
  <c r="P913" i="5"/>
  <c r="P914" i="5"/>
  <c r="P915" i="5"/>
  <c r="P916" i="5"/>
  <c r="P917" i="5"/>
  <c r="P918" i="5"/>
  <c r="P919" i="5"/>
  <c r="P920" i="5"/>
  <c r="P921" i="5"/>
  <c r="P922" i="5"/>
  <c r="P923" i="5"/>
  <c r="P924" i="5"/>
  <c r="P925" i="5"/>
  <c r="P926" i="5"/>
  <c r="P927" i="5"/>
  <c r="P928" i="5"/>
  <c r="P929" i="5"/>
  <c r="P930" i="5"/>
  <c r="P931" i="5"/>
  <c r="P932" i="5"/>
  <c r="P933" i="5"/>
  <c r="P934" i="5"/>
  <c r="P935" i="5"/>
  <c r="P936" i="5"/>
  <c r="P937" i="5"/>
  <c r="P938" i="5"/>
  <c r="P939" i="5"/>
  <c r="P940" i="5"/>
  <c r="P941" i="5"/>
  <c r="P942" i="5"/>
  <c r="P943" i="5"/>
  <c r="P944" i="5"/>
  <c r="P945" i="5"/>
  <c r="P946" i="5"/>
  <c r="P947" i="5"/>
  <c r="P948" i="5"/>
  <c r="P949" i="5"/>
  <c r="P950" i="5"/>
  <c r="P951" i="5"/>
  <c r="P952" i="5"/>
  <c r="P953" i="5"/>
  <c r="P954" i="5"/>
  <c r="P955" i="5"/>
  <c r="P956" i="5"/>
  <c r="P957" i="5"/>
  <c r="P958" i="5"/>
  <c r="P959" i="5"/>
  <c r="P960" i="5"/>
  <c r="P961" i="5"/>
  <c r="P962" i="5"/>
  <c r="P963" i="5"/>
  <c r="P964" i="5"/>
  <c r="P965" i="5"/>
  <c r="P966" i="5"/>
  <c r="P967" i="5"/>
  <c r="P968" i="5"/>
  <c r="P969" i="5"/>
  <c r="P970" i="5"/>
  <c r="P971" i="5"/>
  <c r="P972" i="5"/>
  <c r="P973" i="5"/>
  <c r="P974" i="5"/>
  <c r="P975" i="5"/>
  <c r="P976" i="5"/>
  <c r="P977" i="5"/>
  <c r="P978" i="5"/>
  <c r="P979" i="5"/>
  <c r="P980" i="5"/>
  <c r="P981" i="5"/>
  <c r="P982" i="5"/>
  <c r="P983" i="5"/>
  <c r="P984" i="5"/>
  <c r="P985" i="5"/>
  <c r="P986" i="5"/>
  <c r="P987" i="5"/>
  <c r="P988" i="5"/>
  <c r="P989" i="5"/>
  <c r="P990" i="5"/>
  <c r="P991" i="5"/>
  <c r="P992" i="5"/>
  <c r="P993" i="5"/>
  <c r="P994" i="5"/>
  <c r="P995" i="5"/>
  <c r="P996" i="5"/>
  <c r="P997" i="5"/>
  <c r="P998" i="5"/>
  <c r="P999" i="5"/>
  <c r="P1000" i="5"/>
  <c r="P1001" i="5"/>
  <c r="P1002" i="5"/>
  <c r="P1003" i="5"/>
  <c r="P1004" i="5"/>
  <c r="P1005" i="5"/>
  <c r="P1006" i="5"/>
  <c r="P1007" i="5"/>
  <c r="P1008" i="5"/>
  <c r="P1009" i="5"/>
  <c r="P1010" i="5"/>
  <c r="P1011" i="5"/>
  <c r="P1012" i="5"/>
  <c r="P1013" i="5"/>
  <c r="P1014" i="5"/>
  <c r="P1015" i="5"/>
  <c r="P1016" i="5"/>
  <c r="P1017" i="5"/>
  <c r="P1018" i="5"/>
  <c r="P1019" i="5"/>
  <c r="P1020" i="5"/>
  <c r="P1021" i="5"/>
  <c r="P1022" i="5"/>
  <c r="P1023" i="5"/>
  <c r="P1024" i="5"/>
  <c r="P1025" i="5"/>
  <c r="P1026" i="5"/>
  <c r="P1027" i="5"/>
  <c r="P1028" i="5"/>
  <c r="P1029" i="5"/>
  <c r="P1030" i="5"/>
  <c r="P1031" i="5"/>
  <c r="P1032" i="5"/>
  <c r="P1033" i="5"/>
  <c r="P1034" i="5"/>
  <c r="P1035" i="5"/>
  <c r="P1036" i="5"/>
  <c r="P1037" i="5"/>
  <c r="P1038" i="5"/>
  <c r="P1039" i="5"/>
  <c r="P1040" i="5"/>
  <c r="P1041" i="5"/>
  <c r="P1042" i="5"/>
  <c r="P1043" i="5"/>
  <c r="P1044" i="5"/>
  <c r="P1045" i="5"/>
  <c r="P1046" i="5"/>
  <c r="P1047" i="5"/>
  <c r="P1048" i="5"/>
  <c r="P1049" i="5"/>
  <c r="P1050" i="5"/>
  <c r="P1051" i="5"/>
  <c r="P1052" i="5"/>
  <c r="P1053" i="5"/>
  <c r="P1054" i="5"/>
  <c r="P1055" i="5"/>
  <c r="P1056" i="5"/>
  <c r="P1057" i="5"/>
  <c r="P1058" i="5"/>
  <c r="P1059" i="5"/>
  <c r="P1060" i="5"/>
  <c r="P1061" i="5"/>
  <c r="P1062" i="5"/>
  <c r="P1063" i="5"/>
  <c r="P1064" i="5"/>
  <c r="P1065" i="5"/>
  <c r="P1066" i="5"/>
  <c r="P1067" i="5"/>
  <c r="P1068" i="5"/>
  <c r="P1069" i="5"/>
  <c r="P1070" i="5"/>
  <c r="P1071" i="5"/>
  <c r="P1072" i="5"/>
  <c r="P1073" i="5"/>
  <c r="P1074" i="5"/>
  <c r="P1075" i="5"/>
  <c r="P1076" i="5"/>
  <c r="P1077" i="5"/>
  <c r="P1078" i="5"/>
  <c r="P1079" i="5"/>
  <c r="P1080" i="5"/>
  <c r="P1081" i="5"/>
  <c r="P1082" i="5"/>
  <c r="P1083" i="5"/>
  <c r="P1084" i="5"/>
  <c r="P1085" i="5"/>
  <c r="P1086" i="5"/>
  <c r="P1087" i="5"/>
  <c r="P1088" i="5"/>
  <c r="P1089" i="5"/>
  <c r="P1090" i="5"/>
  <c r="P1091" i="5"/>
  <c r="P1092" i="5"/>
  <c r="P1093" i="5"/>
  <c r="P1094" i="5"/>
  <c r="P1095" i="5"/>
  <c r="P1096" i="5"/>
  <c r="P1097" i="5"/>
  <c r="P1098" i="5"/>
  <c r="P1099" i="5"/>
  <c r="P1100" i="5"/>
  <c r="P1101" i="5"/>
  <c r="P1102" i="5"/>
  <c r="P1103" i="5"/>
  <c r="P1104" i="5"/>
  <c r="P1105" i="5"/>
  <c r="P1106" i="5"/>
  <c r="P1107" i="5"/>
  <c r="P1108" i="5"/>
  <c r="P1109" i="5"/>
  <c r="P1110" i="5"/>
  <c r="P1111" i="5"/>
  <c r="P1112" i="5"/>
  <c r="P1113" i="5"/>
  <c r="P1114" i="5"/>
  <c r="P1115" i="5"/>
  <c r="P1116" i="5"/>
  <c r="P1117" i="5"/>
  <c r="P1118" i="5"/>
  <c r="P1119" i="5"/>
  <c r="P1120" i="5"/>
  <c r="P1121" i="5"/>
  <c r="P1122" i="5"/>
  <c r="P1123" i="5"/>
  <c r="P1124" i="5"/>
  <c r="P1125" i="5"/>
  <c r="P1126" i="5"/>
  <c r="P1127" i="5"/>
  <c r="P1128" i="5"/>
  <c r="P1129" i="5"/>
  <c r="P1130" i="5"/>
  <c r="P1131" i="5"/>
  <c r="P1132" i="5"/>
  <c r="P1133" i="5"/>
  <c r="P1134" i="5"/>
  <c r="P1135" i="5"/>
  <c r="P1136" i="5"/>
  <c r="P1137" i="5"/>
  <c r="P1138" i="5"/>
  <c r="P1139" i="5"/>
  <c r="P1140" i="5"/>
  <c r="P1141" i="5"/>
  <c r="P1142" i="5"/>
  <c r="P1143" i="5"/>
  <c r="P1144" i="5"/>
  <c r="P1145" i="5"/>
  <c r="P1146" i="5"/>
  <c r="P1147" i="5"/>
  <c r="P1148" i="5"/>
  <c r="P1149" i="5"/>
  <c r="P1150" i="5"/>
  <c r="P1151" i="5"/>
  <c r="P1152" i="5"/>
  <c r="P1153" i="5"/>
  <c r="P1154" i="5"/>
  <c r="P1155" i="5"/>
  <c r="P1156" i="5"/>
  <c r="P1157" i="5"/>
  <c r="P1158" i="5"/>
  <c r="P1159" i="5"/>
  <c r="P1160" i="5"/>
  <c r="P1161" i="5"/>
  <c r="P1162" i="5"/>
  <c r="P1163" i="5"/>
  <c r="P1164" i="5"/>
  <c r="P1165" i="5"/>
  <c r="P1166" i="5"/>
  <c r="P1167" i="5"/>
  <c r="P1168" i="5"/>
  <c r="P1169" i="5"/>
  <c r="P1170" i="5"/>
  <c r="P1171" i="5"/>
  <c r="P1172" i="5"/>
  <c r="P1173" i="5"/>
  <c r="P1174" i="5"/>
  <c r="P1175" i="5"/>
  <c r="P1176" i="5"/>
  <c r="P1177" i="5"/>
  <c r="P1178" i="5"/>
  <c r="P1179" i="5"/>
  <c r="P1180" i="5"/>
  <c r="P1181" i="5"/>
  <c r="P1182" i="5"/>
  <c r="P1183" i="5"/>
  <c r="P1184" i="5"/>
  <c r="P1185" i="5"/>
  <c r="P1186" i="5"/>
  <c r="P1187" i="5"/>
  <c r="P1188" i="5"/>
  <c r="P1189" i="5"/>
  <c r="P1190" i="5"/>
  <c r="P1191" i="5"/>
  <c r="P1192" i="5"/>
  <c r="P1193" i="5"/>
  <c r="P1194" i="5"/>
  <c r="P1195" i="5"/>
  <c r="P1196" i="5"/>
  <c r="P1197" i="5"/>
  <c r="P1198" i="5"/>
  <c r="P1199" i="5"/>
  <c r="P1200" i="5"/>
  <c r="P1201" i="5"/>
  <c r="P1202" i="5"/>
  <c r="P1203" i="5"/>
  <c r="P1204" i="5"/>
  <c r="P1205" i="5"/>
  <c r="P1206" i="5"/>
  <c r="P1207" i="5"/>
  <c r="P1208" i="5"/>
  <c r="P1209" i="5"/>
  <c r="P1210" i="5"/>
  <c r="P1211" i="5"/>
  <c r="P1212" i="5"/>
  <c r="P1213" i="5"/>
  <c r="P1214" i="5"/>
  <c r="P1215" i="5"/>
  <c r="P1216" i="5"/>
  <c r="P1217" i="5"/>
  <c r="P1218" i="5"/>
  <c r="P1219" i="5"/>
  <c r="P1220" i="5"/>
  <c r="P1221" i="5"/>
  <c r="P1222" i="5"/>
  <c r="P1223" i="5"/>
  <c r="P1224" i="5"/>
  <c r="P1225" i="5"/>
  <c r="P1226" i="5"/>
  <c r="P1227" i="5"/>
  <c r="P1228" i="5"/>
  <c r="P1229" i="5"/>
  <c r="P1230" i="5"/>
  <c r="P1231" i="5"/>
  <c r="P1232" i="5"/>
  <c r="P1233" i="5"/>
  <c r="P1234" i="5"/>
  <c r="P1235" i="5"/>
  <c r="P1236" i="5"/>
  <c r="P1237" i="5"/>
  <c r="P1238" i="5"/>
  <c r="P1239" i="5"/>
  <c r="P1240" i="5"/>
  <c r="P1241" i="5"/>
  <c r="P1242" i="5"/>
  <c r="P1243" i="5"/>
  <c r="P1244" i="5"/>
  <c r="P1245" i="5"/>
  <c r="P1246" i="5"/>
  <c r="P1247" i="5"/>
  <c r="P1248" i="5"/>
  <c r="P1249" i="5"/>
  <c r="P1250" i="5"/>
  <c r="P1251" i="5"/>
  <c r="P1252" i="5"/>
  <c r="P1253" i="5"/>
  <c r="P1254" i="5"/>
  <c r="P1255" i="5"/>
  <c r="P1256" i="5"/>
  <c r="P1257" i="5"/>
  <c r="P1258" i="5"/>
  <c r="P1259" i="5"/>
  <c r="P1260" i="5"/>
  <c r="P1261" i="5"/>
  <c r="P1262" i="5"/>
  <c r="P1263" i="5"/>
  <c r="P1264" i="5"/>
  <c r="P1265" i="5"/>
  <c r="P1266" i="5"/>
  <c r="P1267" i="5"/>
  <c r="P1268" i="5"/>
  <c r="P1269" i="5"/>
  <c r="P1270" i="5"/>
  <c r="P1271" i="5"/>
  <c r="P1272" i="5"/>
  <c r="P1273" i="5"/>
  <c r="P1274" i="5"/>
  <c r="P1275" i="5"/>
  <c r="P1276" i="5"/>
  <c r="P1277" i="5"/>
  <c r="P1278" i="5"/>
  <c r="P1279" i="5"/>
  <c r="P1280" i="5"/>
  <c r="P1281" i="5"/>
  <c r="P1282" i="5"/>
  <c r="P1283" i="5"/>
  <c r="P1284" i="5"/>
  <c r="P1285" i="5"/>
  <c r="P1286" i="5"/>
  <c r="P1287" i="5"/>
  <c r="P1288" i="5"/>
  <c r="P1289" i="5"/>
  <c r="P1290" i="5"/>
  <c r="P1291" i="5"/>
  <c r="P1292" i="5"/>
  <c r="P1293" i="5"/>
  <c r="P1294" i="5"/>
  <c r="P1295" i="5"/>
  <c r="P1296" i="5"/>
  <c r="P1297" i="5"/>
  <c r="P1298" i="5"/>
  <c r="P1299" i="5"/>
  <c r="P1300" i="5"/>
  <c r="P1301" i="5"/>
  <c r="P1302" i="5"/>
  <c r="P1303" i="5"/>
  <c r="P1304" i="5"/>
  <c r="P1305" i="5"/>
  <c r="P1306" i="5"/>
  <c r="P1307" i="5"/>
  <c r="P1308" i="5"/>
  <c r="P1309" i="5"/>
  <c r="P1310" i="5"/>
  <c r="P1311" i="5"/>
  <c r="P1312" i="5"/>
  <c r="P1313" i="5"/>
  <c r="P1314" i="5"/>
  <c r="P1315" i="5"/>
  <c r="P1316" i="5"/>
  <c r="P1317" i="5"/>
  <c r="P1318" i="5"/>
  <c r="P1319" i="5"/>
  <c r="P1320" i="5"/>
  <c r="P1321" i="5"/>
  <c r="P1322" i="5"/>
  <c r="P1323" i="5"/>
  <c r="P1324" i="5"/>
  <c r="P1325" i="5"/>
  <c r="P1326" i="5"/>
  <c r="P1327" i="5"/>
  <c r="P1328" i="5"/>
  <c r="P1329" i="5"/>
  <c r="P1330" i="5"/>
  <c r="P1331" i="5"/>
  <c r="P1332" i="5"/>
  <c r="P1333" i="5"/>
  <c r="P1334" i="5"/>
  <c r="P1335" i="5"/>
  <c r="P1336" i="5"/>
  <c r="P1337" i="5"/>
  <c r="P1338" i="5"/>
  <c r="P1339" i="5"/>
  <c r="P1340" i="5"/>
  <c r="P1341" i="5"/>
  <c r="P1342" i="5"/>
  <c r="P1343" i="5"/>
  <c r="P1344" i="5"/>
  <c r="P1345" i="5"/>
  <c r="P1346" i="5"/>
  <c r="P1347" i="5"/>
  <c r="P1348" i="5"/>
  <c r="P1349" i="5"/>
  <c r="P1350" i="5"/>
  <c r="P1351" i="5"/>
  <c r="P1352" i="5"/>
  <c r="P1353" i="5"/>
  <c r="P1354" i="5"/>
  <c r="P1355" i="5"/>
  <c r="P1356" i="5"/>
  <c r="P1357" i="5"/>
  <c r="P1358" i="5"/>
  <c r="P1359" i="5"/>
  <c r="P1360" i="5"/>
  <c r="P1361" i="5"/>
  <c r="P1362" i="5"/>
  <c r="P1363" i="5"/>
  <c r="P1364" i="5"/>
  <c r="P1365" i="5"/>
  <c r="P1366" i="5"/>
  <c r="P1367" i="5"/>
  <c r="P1368" i="5"/>
  <c r="P1369" i="5"/>
  <c r="P1370" i="5"/>
  <c r="P1371" i="5"/>
  <c r="P1372" i="5"/>
  <c r="P1373" i="5"/>
  <c r="P1374" i="5"/>
  <c r="P1375" i="5"/>
  <c r="P1376" i="5"/>
  <c r="P1377" i="5"/>
  <c r="P1378" i="5"/>
  <c r="P1379" i="5"/>
  <c r="P1380" i="5"/>
  <c r="P1381" i="5"/>
  <c r="P1382" i="5"/>
  <c r="P1383" i="5"/>
  <c r="P1384" i="5"/>
  <c r="P1385" i="5"/>
  <c r="P1386" i="5"/>
  <c r="P1387" i="5"/>
  <c r="P1388" i="5"/>
  <c r="P1389" i="5"/>
  <c r="P1390" i="5"/>
  <c r="P1391" i="5"/>
  <c r="P1392" i="5"/>
  <c r="P1393" i="5"/>
  <c r="P1394" i="5"/>
  <c r="P1395" i="5"/>
  <c r="P1396" i="5"/>
  <c r="P1397" i="5"/>
  <c r="P1398" i="5"/>
  <c r="P1399" i="5"/>
  <c r="P1400" i="5"/>
  <c r="P1401" i="5"/>
  <c r="P1402" i="5"/>
  <c r="P1403" i="5"/>
  <c r="P1404" i="5"/>
  <c r="P1405" i="5"/>
  <c r="P1406" i="5"/>
  <c r="P1407" i="5"/>
  <c r="P1408" i="5"/>
  <c r="P1409" i="5"/>
  <c r="P1410" i="5"/>
  <c r="P1411" i="5"/>
  <c r="P1412" i="5"/>
  <c r="P1413" i="5"/>
  <c r="P1414" i="5"/>
  <c r="P1415" i="5"/>
  <c r="P1416" i="5"/>
  <c r="P1417" i="5"/>
  <c r="P1418" i="5"/>
  <c r="P1419" i="5"/>
  <c r="P1420" i="5"/>
  <c r="P1421" i="5"/>
  <c r="P1422" i="5"/>
  <c r="P1423" i="5"/>
  <c r="P1424" i="5"/>
  <c r="P1425" i="5"/>
  <c r="P1426" i="5"/>
  <c r="P1427" i="5"/>
  <c r="P1428" i="5"/>
  <c r="P1429" i="5"/>
  <c r="P1430" i="5"/>
  <c r="P1431" i="5"/>
  <c r="P1432" i="5"/>
  <c r="P1433" i="5"/>
  <c r="P1434" i="5"/>
  <c r="P1435" i="5"/>
  <c r="P1436" i="5"/>
  <c r="P1437" i="5"/>
  <c r="P1438" i="5"/>
  <c r="P1439" i="5"/>
  <c r="P1440" i="5"/>
  <c r="P1441" i="5"/>
  <c r="P1442" i="5"/>
  <c r="P1443" i="5"/>
  <c r="P1444" i="5"/>
  <c r="P1445" i="5"/>
  <c r="P1446" i="5"/>
  <c r="P1447" i="5"/>
  <c r="P1448" i="5"/>
  <c r="P1449" i="5"/>
  <c r="P1450" i="5"/>
  <c r="P1451" i="5"/>
  <c r="P1452" i="5"/>
  <c r="P1453" i="5"/>
  <c r="P1454" i="5"/>
  <c r="P1455" i="5"/>
  <c r="P1456" i="5"/>
  <c r="P1457" i="5"/>
  <c r="P1458" i="5"/>
  <c r="P1459" i="5"/>
  <c r="P1460" i="5"/>
  <c r="P1461" i="5"/>
  <c r="P1462" i="5"/>
  <c r="P1463" i="5"/>
  <c r="P1464" i="5"/>
  <c r="P1465" i="5"/>
  <c r="P1466" i="5"/>
  <c r="P1467" i="5"/>
  <c r="P1468" i="5"/>
  <c r="P1469" i="5"/>
  <c r="P1470" i="5"/>
  <c r="P1471" i="5"/>
  <c r="P1472" i="5"/>
  <c r="P1473" i="5"/>
  <c r="P1474" i="5"/>
  <c r="P1475" i="5"/>
  <c r="P1476" i="5"/>
  <c r="P1477" i="5"/>
  <c r="P1478" i="5"/>
  <c r="P1479" i="5"/>
  <c r="P1480" i="5"/>
  <c r="P1481" i="5"/>
  <c r="P1482" i="5"/>
  <c r="P1483" i="5"/>
  <c r="P1484" i="5"/>
  <c r="P1485" i="5"/>
  <c r="P1486" i="5"/>
  <c r="P1487" i="5"/>
  <c r="P1488" i="5"/>
  <c r="P1489" i="5"/>
  <c r="P1490" i="5"/>
  <c r="P1491" i="5"/>
  <c r="P1492" i="5"/>
  <c r="P1493" i="5"/>
  <c r="P1494" i="5"/>
  <c r="P1495" i="5"/>
  <c r="P1496" i="5"/>
  <c r="P1497" i="5"/>
  <c r="P1498" i="5"/>
  <c r="P1499" i="5"/>
  <c r="P1500" i="5"/>
  <c r="P1501" i="5"/>
  <c r="P1502" i="5"/>
  <c r="P1503" i="5"/>
  <c r="P1504" i="5"/>
  <c r="P1505" i="5"/>
  <c r="P1506" i="5"/>
  <c r="P1507" i="5"/>
  <c r="P1508" i="5"/>
  <c r="P1509" i="5"/>
  <c r="P1510" i="5"/>
  <c r="P1511" i="5"/>
  <c r="P1512" i="5"/>
  <c r="P1513" i="5"/>
  <c r="P1514" i="5"/>
  <c r="P1515" i="5"/>
  <c r="P1516" i="5"/>
  <c r="P1517" i="5"/>
  <c r="P1518" i="5"/>
  <c r="P1519" i="5"/>
  <c r="P1520" i="5"/>
  <c r="P1521" i="5"/>
  <c r="P1522" i="5"/>
  <c r="P1523" i="5"/>
  <c r="P1524" i="5"/>
  <c r="P1525" i="5"/>
  <c r="P1526" i="5"/>
  <c r="P1527" i="5"/>
  <c r="P1528" i="5"/>
  <c r="P1529" i="5"/>
  <c r="P1530" i="5"/>
  <c r="P1531" i="5"/>
  <c r="P1532" i="5"/>
  <c r="P1533" i="5"/>
  <c r="P1534" i="5"/>
  <c r="P1535" i="5"/>
  <c r="P1536" i="5"/>
  <c r="P1537" i="5"/>
  <c r="P1538" i="5"/>
  <c r="P1539" i="5"/>
  <c r="P1540" i="5"/>
  <c r="P1541" i="5"/>
  <c r="P1542" i="5"/>
  <c r="P1543" i="5"/>
  <c r="P1544" i="5"/>
  <c r="P1545" i="5"/>
  <c r="P1546" i="5"/>
  <c r="P1547" i="5"/>
  <c r="P1548" i="5"/>
  <c r="P1549" i="5"/>
  <c r="P1550" i="5"/>
  <c r="P1551" i="5"/>
  <c r="P1552" i="5"/>
  <c r="P1553" i="5"/>
  <c r="P1554" i="5"/>
  <c r="P1555" i="5"/>
  <c r="P1556" i="5"/>
  <c r="P1557" i="5"/>
  <c r="P1558" i="5"/>
  <c r="P1559" i="5"/>
  <c r="P1560" i="5"/>
  <c r="P1561" i="5"/>
  <c r="P1562" i="5"/>
  <c r="P1563" i="5"/>
  <c r="P1564" i="5"/>
  <c r="P1565" i="5"/>
  <c r="P1566" i="5"/>
  <c r="P1567" i="5"/>
  <c r="P1568" i="5"/>
  <c r="P1569" i="5"/>
  <c r="P1570" i="5"/>
  <c r="P1571" i="5"/>
  <c r="P1572" i="5"/>
  <c r="P1573" i="5"/>
  <c r="P1574" i="5"/>
  <c r="P1575" i="5"/>
  <c r="P1576" i="5"/>
  <c r="P1577" i="5"/>
  <c r="P1578" i="5"/>
  <c r="P1579" i="5"/>
  <c r="P1580" i="5"/>
  <c r="P1581" i="5"/>
  <c r="P1582" i="5"/>
  <c r="P1583" i="5"/>
  <c r="P1584" i="5"/>
  <c r="P1585" i="5"/>
  <c r="P1586" i="5"/>
  <c r="P1587" i="5"/>
  <c r="P1588" i="5"/>
  <c r="P1589" i="5"/>
  <c r="P1590" i="5"/>
  <c r="P1591" i="5"/>
  <c r="P1592" i="5"/>
  <c r="P1593" i="5"/>
  <c r="P1594" i="5"/>
  <c r="P1595" i="5"/>
  <c r="P1596" i="5"/>
  <c r="P1597" i="5"/>
  <c r="P1598" i="5"/>
  <c r="P1599" i="5"/>
  <c r="P1600" i="5"/>
  <c r="P1601" i="5"/>
  <c r="P1602" i="5"/>
  <c r="P1603" i="5"/>
  <c r="P1604" i="5"/>
  <c r="P1605" i="5"/>
  <c r="P1606" i="5"/>
  <c r="P1607" i="5"/>
  <c r="P1608" i="5"/>
  <c r="P1609" i="5"/>
  <c r="P1610" i="5"/>
  <c r="P1611" i="5"/>
  <c r="P1612" i="5"/>
  <c r="P1613" i="5"/>
  <c r="P1614" i="5"/>
  <c r="P1615" i="5"/>
  <c r="P1616" i="5"/>
  <c r="P1617" i="5"/>
  <c r="P1618" i="5"/>
  <c r="P1619" i="5"/>
  <c r="P1620" i="5"/>
  <c r="P1621" i="5"/>
  <c r="P1622" i="5"/>
  <c r="P1623" i="5"/>
  <c r="P1624" i="5"/>
  <c r="P1625" i="5"/>
  <c r="P1626" i="5"/>
  <c r="P1627" i="5"/>
  <c r="P1628" i="5"/>
  <c r="P1629" i="5"/>
  <c r="P1630" i="5"/>
  <c r="P1631" i="5"/>
  <c r="P1632" i="5"/>
  <c r="P1633" i="5"/>
  <c r="P1634" i="5"/>
  <c r="P1635" i="5"/>
  <c r="P1636" i="5"/>
  <c r="P1637" i="5"/>
  <c r="P1638" i="5"/>
  <c r="P1639" i="5"/>
  <c r="P1640" i="5"/>
  <c r="P1641" i="5"/>
  <c r="P1642" i="5"/>
  <c r="P1643" i="5"/>
  <c r="P1644" i="5"/>
  <c r="P1645" i="5"/>
  <c r="P1646" i="5"/>
  <c r="P1647" i="5"/>
  <c r="P1648" i="5"/>
  <c r="P1649" i="5"/>
  <c r="P1650" i="5"/>
  <c r="P1651" i="5"/>
  <c r="P1652" i="5"/>
  <c r="P1653" i="5"/>
  <c r="P1654" i="5"/>
  <c r="P1655" i="5"/>
  <c r="P1656" i="5"/>
  <c r="P1657" i="5"/>
  <c r="P1658" i="5"/>
  <c r="P1659" i="5"/>
  <c r="P1660" i="5"/>
  <c r="P1661" i="5"/>
  <c r="P1662" i="5"/>
  <c r="P1663" i="5"/>
  <c r="P1664" i="5"/>
  <c r="P1665" i="5"/>
  <c r="P1666" i="5"/>
  <c r="P1667" i="5"/>
  <c r="P1668" i="5"/>
  <c r="P1669" i="5"/>
  <c r="P1670" i="5"/>
  <c r="P1671" i="5"/>
  <c r="P1672" i="5"/>
  <c r="P1673" i="5"/>
  <c r="P1674" i="5"/>
  <c r="P1675" i="5"/>
  <c r="P1676" i="5"/>
  <c r="P1677" i="5"/>
  <c r="P1678" i="5"/>
  <c r="P1679" i="5"/>
  <c r="P1680" i="5"/>
  <c r="P1681" i="5"/>
  <c r="P1682" i="5"/>
  <c r="P1683" i="5"/>
  <c r="P1684" i="5"/>
  <c r="P1685" i="5"/>
  <c r="P1686" i="5"/>
  <c r="P1687" i="5"/>
  <c r="P1688" i="5"/>
  <c r="P1689" i="5"/>
  <c r="P1690" i="5"/>
  <c r="P1691" i="5"/>
  <c r="P1692" i="5"/>
  <c r="P1693" i="5"/>
  <c r="P1694" i="5"/>
  <c r="P1695" i="5"/>
  <c r="P1696" i="5"/>
  <c r="P1697" i="5"/>
  <c r="P1698" i="5"/>
  <c r="P1699" i="5"/>
  <c r="P1700" i="5"/>
  <c r="P1701" i="5"/>
  <c r="P1702" i="5"/>
  <c r="P1703" i="5"/>
  <c r="P1704" i="5"/>
  <c r="P1705" i="5"/>
  <c r="P1706" i="5"/>
  <c r="P1707" i="5"/>
  <c r="P1708" i="5"/>
  <c r="P1709" i="5"/>
  <c r="P1710" i="5"/>
  <c r="P1711" i="5"/>
  <c r="P1712" i="5"/>
  <c r="P1713" i="5"/>
  <c r="P1714" i="5"/>
  <c r="P1715" i="5"/>
  <c r="P1716" i="5"/>
  <c r="P1717" i="5"/>
  <c r="P1718" i="5"/>
  <c r="P1719" i="5"/>
  <c r="P1720" i="5"/>
  <c r="P1721" i="5"/>
  <c r="P1722" i="5"/>
  <c r="P1723" i="5"/>
  <c r="P1724" i="5"/>
  <c r="P1725" i="5"/>
  <c r="P1726" i="5"/>
  <c r="P1727" i="5"/>
  <c r="P1728" i="5"/>
  <c r="P1729" i="5"/>
  <c r="P1730" i="5"/>
  <c r="P1731" i="5"/>
  <c r="P1732" i="5"/>
  <c r="P1733" i="5"/>
  <c r="P1734" i="5"/>
  <c r="P1735" i="5"/>
  <c r="P1736" i="5"/>
  <c r="P1737" i="5"/>
  <c r="P1738" i="5"/>
  <c r="P1739" i="5"/>
  <c r="P1740" i="5"/>
  <c r="P1741" i="5"/>
  <c r="P1742" i="5"/>
  <c r="P1743" i="5"/>
  <c r="P1744" i="5"/>
  <c r="P1745" i="5"/>
  <c r="P1746" i="5"/>
  <c r="P1747" i="5"/>
  <c r="P1748" i="5"/>
  <c r="P1749" i="5"/>
  <c r="P1750" i="5"/>
  <c r="P1751" i="5"/>
  <c r="P1752" i="5"/>
  <c r="P1753" i="5"/>
  <c r="P1754" i="5"/>
  <c r="P1755" i="5"/>
  <c r="P1756" i="5"/>
  <c r="P1757" i="5"/>
  <c r="P1758" i="5"/>
  <c r="P1759" i="5"/>
  <c r="P1760" i="5"/>
  <c r="P1761" i="5"/>
  <c r="P1762" i="5"/>
  <c r="P1763" i="5"/>
  <c r="P1764" i="5"/>
  <c r="P1765" i="5"/>
  <c r="P1766" i="5"/>
  <c r="P1767" i="5"/>
  <c r="P1768" i="5"/>
  <c r="P1769" i="5"/>
  <c r="P1770" i="5"/>
  <c r="P1771" i="5"/>
  <c r="P1772" i="5"/>
  <c r="P1773" i="5"/>
  <c r="P1774" i="5"/>
  <c r="P1775" i="5"/>
  <c r="P1776" i="5"/>
  <c r="P1777" i="5"/>
  <c r="P1778" i="5"/>
  <c r="P1779" i="5"/>
  <c r="P1780" i="5"/>
  <c r="P1781" i="5"/>
  <c r="P1782" i="5"/>
  <c r="P1783" i="5"/>
  <c r="P1784" i="5"/>
  <c r="P1785" i="5"/>
  <c r="P1786" i="5"/>
  <c r="P1787" i="5"/>
  <c r="P1788" i="5"/>
  <c r="P1789" i="5"/>
  <c r="P1790" i="5"/>
  <c r="P1791" i="5"/>
  <c r="P1792" i="5"/>
  <c r="P1793" i="5"/>
  <c r="P1794" i="5"/>
  <c r="P1795" i="5"/>
  <c r="P1796" i="5"/>
  <c r="P1797" i="5"/>
  <c r="P1798" i="5"/>
  <c r="P1799" i="5"/>
  <c r="P1800" i="5"/>
  <c r="P1801" i="5"/>
  <c r="P1802" i="5"/>
  <c r="P1803" i="5"/>
  <c r="P1804" i="5"/>
  <c r="P1805" i="5"/>
  <c r="P1806" i="5"/>
  <c r="P1807" i="5"/>
  <c r="P1808" i="5"/>
  <c r="P1809" i="5"/>
  <c r="P1810" i="5"/>
  <c r="P1811" i="5"/>
  <c r="P1812" i="5"/>
  <c r="P1813" i="5"/>
  <c r="P1814" i="5"/>
  <c r="P1815" i="5"/>
  <c r="P1816" i="5"/>
  <c r="P1817" i="5"/>
  <c r="P1818" i="5"/>
  <c r="P1819" i="5"/>
  <c r="P1820" i="5"/>
  <c r="P1821" i="5"/>
  <c r="P1822" i="5"/>
  <c r="P1823" i="5"/>
  <c r="P1824" i="5"/>
  <c r="P1825" i="5"/>
  <c r="P1826" i="5"/>
  <c r="P1827" i="5"/>
  <c r="P1828" i="5"/>
  <c r="P1829" i="5"/>
  <c r="P1830" i="5"/>
  <c r="P1831" i="5"/>
  <c r="P1832" i="5"/>
  <c r="P1833" i="5"/>
  <c r="P1834" i="5"/>
  <c r="P1835" i="5"/>
  <c r="P1836" i="5"/>
  <c r="P1837" i="5"/>
  <c r="P1838" i="5"/>
  <c r="P1839" i="5"/>
  <c r="P1840" i="5"/>
  <c r="P1841" i="5"/>
  <c r="P1842" i="5"/>
  <c r="P1843" i="5"/>
  <c r="P1844" i="5"/>
  <c r="P1845" i="5"/>
  <c r="P1846" i="5"/>
  <c r="P1847" i="5"/>
  <c r="P1848" i="5"/>
  <c r="P1849" i="5"/>
  <c r="P1850" i="5"/>
  <c r="P1851" i="5"/>
  <c r="P1852" i="5"/>
  <c r="P1853" i="5"/>
  <c r="P1854" i="5"/>
  <c r="P1855" i="5"/>
  <c r="P1856" i="5"/>
  <c r="P1857" i="5"/>
  <c r="P1858" i="5"/>
  <c r="P1859" i="5"/>
  <c r="P1860" i="5"/>
  <c r="P1861" i="5"/>
  <c r="P1862" i="5"/>
  <c r="P1863" i="5"/>
  <c r="P1864" i="5"/>
  <c r="P1865" i="5"/>
  <c r="P1866" i="5"/>
  <c r="P1867" i="5"/>
  <c r="P1868" i="5"/>
  <c r="P1869" i="5"/>
  <c r="P1870" i="5"/>
  <c r="P1871" i="5"/>
  <c r="P1872" i="5"/>
  <c r="P1873" i="5"/>
  <c r="P1874" i="5"/>
  <c r="P1875" i="5"/>
  <c r="P1876" i="5"/>
  <c r="P1877" i="5"/>
  <c r="P1878" i="5"/>
  <c r="P1879" i="5"/>
  <c r="P1880" i="5"/>
  <c r="P1881" i="5"/>
  <c r="P1882" i="5"/>
  <c r="P1883" i="5"/>
  <c r="P1884" i="5"/>
  <c r="P1885" i="5"/>
  <c r="P1886" i="5"/>
  <c r="P1887" i="5"/>
  <c r="P1888" i="5"/>
  <c r="P1889" i="5"/>
  <c r="P1890" i="5"/>
  <c r="P1891" i="5"/>
  <c r="P1892" i="5"/>
  <c r="P1893" i="5"/>
  <c r="P1894" i="5"/>
  <c r="P1895" i="5"/>
  <c r="P1896" i="5"/>
  <c r="P1897" i="5"/>
  <c r="P1898" i="5"/>
  <c r="P1899" i="5"/>
  <c r="P1900" i="5"/>
  <c r="P1901" i="5"/>
  <c r="P1902" i="5"/>
  <c r="P1903" i="5"/>
  <c r="P1904" i="5"/>
  <c r="P1905" i="5"/>
  <c r="P1906" i="5"/>
  <c r="P1907" i="5"/>
  <c r="P1908" i="5"/>
  <c r="P1909" i="5"/>
  <c r="P1910" i="5"/>
  <c r="P1911" i="5"/>
  <c r="P1912" i="5"/>
  <c r="P1913" i="5"/>
  <c r="P1914" i="5"/>
  <c r="P1915" i="5"/>
  <c r="P1916" i="5"/>
  <c r="P1917" i="5"/>
  <c r="P1918" i="5"/>
  <c r="P1919" i="5"/>
  <c r="P1920" i="5"/>
  <c r="P1921" i="5"/>
  <c r="P1922" i="5"/>
  <c r="P1923" i="5"/>
  <c r="P1924" i="5"/>
  <c r="P1925" i="5"/>
  <c r="P1926" i="5"/>
  <c r="P1927" i="5"/>
  <c r="P1928" i="5"/>
  <c r="P1929" i="5"/>
  <c r="P1930" i="5"/>
  <c r="P1931" i="5"/>
  <c r="P1932" i="5"/>
  <c r="P1933" i="5"/>
  <c r="P1934" i="5"/>
  <c r="P1935" i="5"/>
  <c r="P1936" i="5"/>
  <c r="P1937" i="5"/>
  <c r="P1938" i="5"/>
  <c r="P1939" i="5"/>
  <c r="P1940" i="5"/>
  <c r="P1941" i="5"/>
  <c r="P1942" i="5"/>
  <c r="P1943" i="5"/>
  <c r="P1944" i="5"/>
  <c r="P1945" i="5"/>
  <c r="P1946" i="5"/>
  <c r="P1947" i="5"/>
  <c r="P1948" i="5"/>
  <c r="P1949" i="5"/>
  <c r="P1950" i="5"/>
  <c r="P1951" i="5"/>
  <c r="P1952" i="5"/>
  <c r="P1953" i="5"/>
  <c r="P1954" i="5"/>
  <c r="P1955" i="5"/>
  <c r="P1956" i="5"/>
  <c r="P1957" i="5"/>
  <c r="P1958" i="5"/>
  <c r="P1959" i="5"/>
  <c r="P1960" i="5"/>
  <c r="P1961" i="5"/>
  <c r="P1962" i="5"/>
  <c r="P1963" i="5"/>
  <c r="P1964" i="5"/>
  <c r="P1965" i="5"/>
  <c r="P1966" i="5"/>
  <c r="P1967" i="5"/>
  <c r="P1968" i="5"/>
  <c r="P1969" i="5"/>
  <c r="P1970" i="5"/>
  <c r="P1971" i="5"/>
  <c r="P1972" i="5"/>
  <c r="P1973" i="5"/>
  <c r="P1974" i="5"/>
  <c r="P1975" i="5"/>
  <c r="P1976" i="5"/>
  <c r="P1977" i="5"/>
  <c r="P1978" i="5"/>
  <c r="P1979" i="5"/>
  <c r="P1980" i="5"/>
  <c r="P1981" i="5"/>
  <c r="P1982" i="5"/>
  <c r="P1983" i="5"/>
  <c r="P1984" i="5"/>
  <c r="P1985" i="5"/>
  <c r="P1986" i="5"/>
  <c r="P1987" i="5"/>
  <c r="P1988" i="5"/>
  <c r="P1989" i="5"/>
  <c r="P1990" i="5"/>
  <c r="P1991" i="5"/>
  <c r="P1992" i="5"/>
  <c r="P1993" i="5"/>
  <c r="P1994" i="5"/>
  <c r="P1995" i="5"/>
  <c r="P1996" i="5"/>
  <c r="P1997" i="5"/>
  <c r="P1998" i="5"/>
  <c r="P1999" i="5"/>
  <c r="P2000" i="5"/>
  <c r="P2001" i="5"/>
  <c r="P2002" i="5"/>
  <c r="P2003" i="5"/>
  <c r="P2004" i="5"/>
  <c r="P2005" i="5"/>
  <c r="P2006" i="5"/>
  <c r="P2007" i="5"/>
  <c r="P2008" i="5"/>
  <c r="P2009" i="5"/>
  <c r="P2010" i="5"/>
  <c r="P2011" i="5"/>
  <c r="P2012" i="5"/>
  <c r="P2013" i="5"/>
  <c r="P2014" i="5"/>
  <c r="P2015" i="5"/>
  <c r="P2016" i="5"/>
  <c r="P2017" i="5"/>
  <c r="P2018" i="5"/>
  <c r="P2019" i="5"/>
  <c r="P2020" i="5"/>
  <c r="P2021" i="5"/>
  <c r="P2022" i="5"/>
  <c r="P2023" i="5"/>
  <c r="P2024" i="5"/>
  <c r="P2025" i="5"/>
  <c r="P2026" i="5"/>
  <c r="P2027" i="5"/>
  <c r="P2028" i="5"/>
  <c r="P2029" i="5"/>
  <c r="P2030" i="5"/>
  <c r="P2031" i="5"/>
  <c r="P2032" i="5"/>
  <c r="P2033" i="5"/>
  <c r="P2034" i="5"/>
  <c r="P2035" i="5"/>
  <c r="P2036" i="5"/>
  <c r="P2037" i="5"/>
  <c r="P2038" i="5"/>
  <c r="P2039" i="5"/>
  <c r="P2040" i="5"/>
  <c r="P2041" i="5"/>
  <c r="P2042" i="5"/>
  <c r="P2043" i="5"/>
  <c r="P2044" i="5"/>
  <c r="P2045" i="5"/>
  <c r="P2046" i="5"/>
  <c r="P2047" i="5"/>
  <c r="P2048" i="5"/>
  <c r="P2049" i="5"/>
  <c r="P2050" i="5"/>
  <c r="P2051" i="5"/>
  <c r="P2052" i="5"/>
  <c r="P2053" i="5"/>
  <c r="P2054" i="5"/>
  <c r="P2055" i="5"/>
  <c r="P2056" i="5"/>
  <c r="P2057" i="5"/>
  <c r="P2058" i="5"/>
  <c r="P2059" i="5"/>
  <c r="P2060" i="5"/>
  <c r="P2061" i="5"/>
  <c r="P2062" i="5"/>
  <c r="P2063" i="5"/>
  <c r="P2064" i="5"/>
  <c r="P2065" i="5"/>
  <c r="P2066" i="5"/>
  <c r="P2067" i="5"/>
  <c r="P2068" i="5"/>
  <c r="P2069" i="5"/>
  <c r="P2070" i="5"/>
  <c r="P2071" i="5"/>
  <c r="P2072" i="5"/>
  <c r="P2073" i="5"/>
  <c r="P2074" i="5"/>
  <c r="P2075" i="5"/>
  <c r="P2076" i="5"/>
  <c r="P2077" i="5"/>
  <c r="P2078" i="5"/>
  <c r="P2079" i="5"/>
  <c r="P2080" i="5"/>
  <c r="P2081" i="5"/>
  <c r="P2082" i="5"/>
  <c r="P2083" i="5"/>
  <c r="P2084" i="5"/>
  <c r="P2085" i="5"/>
  <c r="P2086" i="5"/>
  <c r="P2087" i="5"/>
  <c r="P2088" i="5"/>
  <c r="P2089" i="5"/>
  <c r="P2090" i="5"/>
  <c r="P2091" i="5"/>
  <c r="P2092" i="5"/>
  <c r="P2093" i="5"/>
  <c r="P2094" i="5"/>
  <c r="P2095" i="5"/>
  <c r="P2096" i="5"/>
  <c r="P2097" i="5"/>
  <c r="P2098" i="5"/>
  <c r="P2099" i="5"/>
  <c r="P2100" i="5"/>
  <c r="P2101" i="5"/>
  <c r="P2102" i="5"/>
  <c r="P2103" i="5"/>
  <c r="P2104" i="5"/>
  <c r="P2105" i="5"/>
  <c r="P2106" i="5"/>
  <c r="P2107" i="5"/>
  <c r="P2108" i="5"/>
  <c r="P2109" i="5"/>
  <c r="P2110" i="5"/>
  <c r="P2111" i="5"/>
  <c r="P2112" i="5"/>
  <c r="P2113" i="5"/>
  <c r="P2114" i="5"/>
  <c r="P2115" i="5"/>
  <c r="P2116" i="5"/>
  <c r="P2117" i="5"/>
  <c r="P2118" i="5"/>
  <c r="P2119" i="5"/>
  <c r="P2120" i="5"/>
  <c r="P2121" i="5"/>
  <c r="P2122" i="5"/>
  <c r="P2123" i="5"/>
  <c r="P2124" i="5"/>
  <c r="P2125" i="5"/>
  <c r="P2126" i="5"/>
  <c r="P2127" i="5"/>
  <c r="P2128" i="5"/>
  <c r="P2129" i="5"/>
  <c r="P2130" i="5"/>
  <c r="P2131" i="5"/>
  <c r="P2132" i="5"/>
  <c r="P2133" i="5"/>
  <c r="P2134" i="5"/>
  <c r="P2135" i="5"/>
  <c r="P2136" i="5"/>
  <c r="P2137" i="5"/>
  <c r="P2138" i="5"/>
  <c r="P2139" i="5"/>
  <c r="P2140" i="5"/>
  <c r="P2141" i="5"/>
  <c r="P2142" i="5"/>
  <c r="P2143" i="5"/>
  <c r="P2144" i="5"/>
  <c r="P2145" i="5"/>
  <c r="P2146" i="5"/>
  <c r="P2147" i="5"/>
  <c r="P2148" i="5"/>
  <c r="P2149" i="5"/>
  <c r="P2150" i="5"/>
  <c r="P2151" i="5"/>
  <c r="P2152" i="5"/>
  <c r="P2153" i="5"/>
  <c r="P2154" i="5"/>
  <c r="P2155" i="5"/>
  <c r="P2156" i="5"/>
  <c r="P2157" i="5"/>
  <c r="P2158" i="5"/>
  <c r="P2159" i="5"/>
  <c r="P2160" i="5"/>
  <c r="P2161" i="5"/>
  <c r="P2162" i="5"/>
  <c r="P2163" i="5"/>
  <c r="P2164" i="5"/>
  <c r="P2165" i="5"/>
  <c r="P2166" i="5"/>
  <c r="P2167" i="5"/>
  <c r="P2168" i="5"/>
  <c r="P2169" i="5"/>
  <c r="P2170" i="5"/>
  <c r="P2171" i="5"/>
  <c r="P2172" i="5"/>
  <c r="P2173" i="5"/>
  <c r="P2174" i="5"/>
  <c r="P2175" i="5"/>
  <c r="P2176" i="5"/>
  <c r="P2177" i="5"/>
  <c r="P2178" i="5"/>
  <c r="P2179" i="5"/>
  <c r="P2180" i="5"/>
  <c r="P2181" i="5"/>
  <c r="P2182" i="5"/>
  <c r="P2183" i="5"/>
  <c r="P2184" i="5"/>
  <c r="P2185" i="5"/>
  <c r="P2186" i="5"/>
  <c r="P2187" i="5"/>
  <c r="P2188" i="5"/>
  <c r="P2189" i="5"/>
  <c r="P2190" i="5"/>
  <c r="P2191" i="5"/>
  <c r="P2192" i="5"/>
  <c r="P2193" i="5"/>
  <c r="P2194" i="5"/>
  <c r="P2195" i="5"/>
  <c r="P2196" i="5"/>
  <c r="P2197" i="5"/>
  <c r="P2198" i="5"/>
  <c r="P2199" i="5"/>
  <c r="P2200" i="5"/>
  <c r="P2201" i="5"/>
  <c r="P2202" i="5"/>
  <c r="P2203" i="5"/>
  <c r="P2204" i="5"/>
  <c r="P2205" i="5"/>
  <c r="P2206" i="5"/>
  <c r="P2207" i="5"/>
  <c r="P2208" i="5"/>
  <c r="P2209" i="5"/>
  <c r="P2210" i="5"/>
  <c r="P2211" i="5"/>
  <c r="P2212" i="5"/>
  <c r="P2213" i="5"/>
  <c r="P2214" i="5"/>
  <c r="P2215" i="5"/>
  <c r="P2216" i="5"/>
  <c r="P2217" i="5"/>
  <c r="P2218" i="5"/>
  <c r="P2219" i="5"/>
  <c r="P2220" i="5"/>
  <c r="P2221" i="5"/>
  <c r="P2222" i="5"/>
  <c r="P2223" i="5"/>
  <c r="P2224" i="5"/>
  <c r="P2225" i="5"/>
  <c r="P2226" i="5"/>
  <c r="P2227" i="5"/>
  <c r="P2228" i="5"/>
  <c r="P2229" i="5"/>
  <c r="P2230" i="5"/>
  <c r="P2231" i="5"/>
  <c r="P2232" i="5"/>
  <c r="P2233" i="5"/>
  <c r="P2234" i="5"/>
  <c r="P2235" i="5"/>
  <c r="P2236" i="5"/>
  <c r="P2237" i="5"/>
  <c r="P2238" i="5"/>
  <c r="P2239" i="5"/>
  <c r="P2240" i="5"/>
  <c r="P2241" i="5"/>
  <c r="P2242" i="5"/>
  <c r="P2243" i="5"/>
  <c r="P2244" i="5"/>
  <c r="P2245" i="5"/>
  <c r="P2246" i="5"/>
  <c r="P2247" i="5"/>
  <c r="P2248" i="5"/>
  <c r="P2249" i="5"/>
  <c r="P2250" i="5"/>
  <c r="P2251" i="5"/>
  <c r="P2252" i="5"/>
  <c r="P2253" i="5"/>
  <c r="P2254" i="5"/>
  <c r="P2255" i="5"/>
  <c r="P2256" i="5"/>
  <c r="P2257" i="5"/>
  <c r="P2258" i="5"/>
  <c r="P2259" i="5"/>
  <c r="P2260" i="5"/>
  <c r="P2261" i="5"/>
  <c r="P2262" i="5"/>
  <c r="P2263" i="5"/>
  <c r="P2264" i="5"/>
  <c r="P2265" i="5"/>
  <c r="P2266" i="5"/>
  <c r="P2267" i="5"/>
  <c r="P2268" i="5"/>
  <c r="P2269" i="5"/>
  <c r="P2270" i="5"/>
  <c r="P2271" i="5"/>
  <c r="P2272" i="5"/>
  <c r="P2273" i="5"/>
  <c r="P2274" i="5"/>
  <c r="P2275" i="5"/>
  <c r="P2276" i="5"/>
  <c r="P2277" i="5"/>
  <c r="P2278" i="5"/>
  <c r="P2279" i="5"/>
  <c r="P2280" i="5"/>
  <c r="P2281" i="5"/>
  <c r="P2282" i="5"/>
  <c r="P2283" i="5"/>
  <c r="P2284" i="5"/>
  <c r="P2285" i="5"/>
  <c r="P2286" i="5"/>
  <c r="P2287" i="5"/>
  <c r="P2288" i="5"/>
  <c r="P2289" i="5"/>
  <c r="P2290" i="5"/>
  <c r="P2291" i="5"/>
  <c r="P2292" i="5"/>
  <c r="P2293" i="5"/>
  <c r="P2294" i="5"/>
  <c r="P2295" i="5"/>
  <c r="P2296" i="5"/>
  <c r="P2297" i="5"/>
  <c r="P2298" i="5"/>
  <c r="P2299" i="5"/>
  <c r="P2300" i="5"/>
  <c r="P2301" i="5"/>
  <c r="P2302" i="5"/>
  <c r="P2303" i="5"/>
  <c r="P2304" i="5"/>
  <c r="P2305" i="5"/>
  <c r="P2306" i="5"/>
  <c r="P2307" i="5"/>
  <c r="P2308" i="5"/>
  <c r="P2309" i="5"/>
  <c r="P2310" i="5"/>
  <c r="P2311" i="5"/>
  <c r="P2312" i="5"/>
  <c r="P2313" i="5"/>
  <c r="P2314" i="5"/>
  <c r="P2315" i="5"/>
  <c r="P2316" i="5"/>
  <c r="P2317" i="5"/>
  <c r="P2318" i="5"/>
  <c r="P2319" i="5"/>
  <c r="P2320" i="5"/>
  <c r="P2321" i="5"/>
  <c r="P2322" i="5"/>
  <c r="P2323" i="5"/>
  <c r="P2324" i="5"/>
  <c r="P2325" i="5"/>
  <c r="P2326" i="5"/>
  <c r="P2327" i="5"/>
  <c r="P2328" i="5"/>
  <c r="P2329" i="5"/>
  <c r="P2330" i="5"/>
  <c r="P2331" i="5"/>
  <c r="P2332" i="5"/>
  <c r="P2333" i="5"/>
  <c r="P2334" i="5"/>
  <c r="P2335" i="5"/>
  <c r="P2336" i="5"/>
  <c r="P2337" i="5"/>
  <c r="P2338" i="5"/>
  <c r="P2339" i="5"/>
  <c r="P2340" i="5"/>
  <c r="P2341" i="5"/>
  <c r="P2342" i="5"/>
  <c r="P2343" i="5"/>
  <c r="P2344" i="5"/>
  <c r="P2345" i="5"/>
  <c r="P2346" i="5"/>
  <c r="P2347" i="5"/>
  <c r="P2348" i="5"/>
  <c r="P2349" i="5"/>
  <c r="P2350" i="5"/>
  <c r="P2351" i="5"/>
  <c r="P2352" i="5"/>
  <c r="P2353" i="5"/>
  <c r="P2354" i="5"/>
  <c r="P2355" i="5"/>
  <c r="P2356" i="5"/>
  <c r="P2357" i="5"/>
  <c r="P2358" i="5"/>
  <c r="P2359" i="5"/>
  <c r="P2360" i="5"/>
  <c r="P2361" i="5"/>
  <c r="P2362" i="5"/>
  <c r="P2363" i="5"/>
  <c r="P2364" i="5"/>
  <c r="P2365" i="5"/>
  <c r="P2366" i="5"/>
  <c r="P2367" i="5"/>
  <c r="P2368" i="5"/>
  <c r="P2369" i="5"/>
  <c r="P2370" i="5"/>
  <c r="P2371" i="5"/>
  <c r="P2372" i="5"/>
  <c r="P2373" i="5"/>
  <c r="P2374" i="5"/>
  <c r="P2375" i="5"/>
  <c r="P2376" i="5"/>
  <c r="P2377" i="5"/>
  <c r="P2378" i="5"/>
  <c r="P2379" i="5"/>
  <c r="P2380" i="5"/>
  <c r="P2381" i="5"/>
  <c r="P2382" i="5"/>
  <c r="P2383" i="5"/>
  <c r="P2384" i="5"/>
  <c r="P2385" i="5"/>
  <c r="P2386" i="5"/>
  <c r="P2387" i="5"/>
  <c r="P2388" i="5"/>
  <c r="P2389" i="5"/>
  <c r="P2390" i="5"/>
  <c r="P2391" i="5"/>
  <c r="P2392" i="5"/>
  <c r="P2393" i="5"/>
  <c r="P2394" i="5"/>
  <c r="P2395" i="5"/>
  <c r="P2396" i="5"/>
  <c r="P2397" i="5"/>
  <c r="P2398" i="5"/>
  <c r="P2399" i="5"/>
  <c r="P2400" i="5"/>
  <c r="P2401" i="5"/>
  <c r="P2402" i="5"/>
  <c r="P2403" i="5"/>
  <c r="P2404" i="5"/>
  <c r="P2405" i="5"/>
  <c r="P2406" i="5"/>
  <c r="P2407" i="5"/>
  <c r="P2408" i="5"/>
  <c r="P2409" i="5"/>
  <c r="P2410" i="5"/>
  <c r="P2411" i="5"/>
  <c r="P2412" i="5"/>
  <c r="P2413" i="5"/>
  <c r="P2414" i="5"/>
  <c r="P2415" i="5"/>
  <c r="P2416" i="5"/>
  <c r="P2417" i="5"/>
  <c r="P2418" i="5"/>
  <c r="P2419" i="5"/>
  <c r="P2420" i="5"/>
  <c r="P2421" i="5"/>
  <c r="P2422" i="5"/>
  <c r="P2423" i="5"/>
  <c r="P2424" i="5"/>
  <c r="P2425" i="5"/>
  <c r="P2426" i="5"/>
  <c r="P2427" i="5"/>
  <c r="P2428" i="5"/>
  <c r="P2429" i="5"/>
  <c r="P2430" i="5"/>
  <c r="P2431" i="5"/>
  <c r="P2432" i="5"/>
  <c r="P2433" i="5"/>
  <c r="P2434" i="5"/>
  <c r="P2435" i="5"/>
  <c r="P2436" i="5"/>
  <c r="P2437" i="5"/>
  <c r="P2438" i="5"/>
  <c r="P2439" i="5"/>
  <c r="P2440" i="5"/>
  <c r="P2441" i="5"/>
  <c r="P2442" i="5"/>
  <c r="P2443" i="5"/>
  <c r="P2444" i="5"/>
  <c r="P2445" i="5"/>
  <c r="P2446" i="5"/>
  <c r="P2447" i="5"/>
  <c r="P2448" i="5"/>
  <c r="P2449" i="5"/>
  <c r="P2450" i="5"/>
  <c r="P2451" i="5"/>
  <c r="P2452" i="5"/>
  <c r="P2453" i="5"/>
  <c r="P2454" i="5"/>
  <c r="P2455" i="5"/>
  <c r="P2456" i="5"/>
  <c r="P2457" i="5"/>
  <c r="P2458" i="5"/>
  <c r="P2459" i="5"/>
  <c r="P2460" i="5"/>
  <c r="P2461" i="5"/>
  <c r="P2462" i="5"/>
  <c r="P2463" i="5"/>
  <c r="P2464" i="5"/>
  <c r="P2465" i="5"/>
  <c r="P2466" i="5"/>
  <c r="P2467" i="5"/>
  <c r="P2468" i="5"/>
  <c r="P2469" i="5"/>
  <c r="P2470" i="5"/>
  <c r="P2471" i="5"/>
  <c r="P2472" i="5"/>
  <c r="P2473" i="5"/>
  <c r="P2474" i="5"/>
  <c r="P2475" i="5"/>
  <c r="P2476" i="5"/>
  <c r="P2477" i="5"/>
  <c r="P2478" i="5"/>
  <c r="P2479" i="5"/>
  <c r="P2480" i="5"/>
  <c r="P2481" i="5"/>
  <c r="P2482" i="5"/>
  <c r="P2483" i="5"/>
  <c r="P2484" i="5"/>
  <c r="P2485" i="5"/>
  <c r="P2486" i="5"/>
  <c r="P2487" i="5"/>
  <c r="P2488" i="5"/>
  <c r="P2489" i="5"/>
  <c r="P2490" i="5"/>
  <c r="P2491" i="5"/>
  <c r="P2492" i="5"/>
  <c r="P2493" i="5"/>
  <c r="P2494" i="5"/>
  <c r="P2495" i="5"/>
  <c r="P2496" i="5"/>
  <c r="P2497" i="5"/>
  <c r="P2498" i="5"/>
  <c r="P2499" i="5"/>
  <c r="P2500" i="5"/>
  <c r="P2501" i="5"/>
  <c r="P2502" i="5"/>
  <c r="P2503" i="5"/>
  <c r="P2504" i="5"/>
  <c r="P2505" i="5"/>
  <c r="P2506" i="5"/>
  <c r="P2507" i="5"/>
  <c r="P2508" i="5"/>
  <c r="P2509" i="5"/>
  <c r="P2510" i="5"/>
  <c r="P2511" i="5"/>
  <c r="P2512" i="5"/>
  <c r="P2513" i="5"/>
  <c r="P2514" i="5"/>
  <c r="P2515" i="5"/>
  <c r="P2516" i="5"/>
  <c r="P2517" i="5"/>
  <c r="P2518" i="5"/>
  <c r="P2519" i="5"/>
  <c r="P2520" i="5"/>
  <c r="P2521" i="5"/>
  <c r="P2522" i="5"/>
  <c r="P2523" i="5"/>
  <c r="P2524" i="5"/>
  <c r="P2525" i="5"/>
  <c r="P2526" i="5"/>
  <c r="P2527" i="5"/>
  <c r="P2528" i="5"/>
  <c r="P2529" i="5"/>
  <c r="P2530" i="5"/>
  <c r="P2531" i="5"/>
  <c r="P2532" i="5"/>
  <c r="P2533" i="5"/>
  <c r="P2534" i="5"/>
  <c r="P2535" i="5"/>
  <c r="P2536" i="5"/>
  <c r="P2537" i="5"/>
  <c r="P2538" i="5"/>
  <c r="P2539" i="5"/>
  <c r="P2540" i="5"/>
  <c r="P2541" i="5"/>
  <c r="P2542" i="5"/>
  <c r="P2543" i="5"/>
  <c r="P2544" i="5"/>
  <c r="P2545" i="5"/>
  <c r="P2546" i="5"/>
  <c r="P2547" i="5"/>
  <c r="P2548" i="5"/>
  <c r="P2549" i="5"/>
  <c r="P2550" i="5"/>
  <c r="P2551" i="5"/>
  <c r="P2552" i="5"/>
  <c r="P2553" i="5"/>
  <c r="P2554" i="5"/>
  <c r="P2555" i="5"/>
  <c r="P2556" i="5"/>
  <c r="P2557" i="5"/>
  <c r="P2558" i="5"/>
  <c r="P2559" i="5"/>
  <c r="P2560" i="5"/>
  <c r="P2561" i="5"/>
  <c r="P2562" i="5"/>
  <c r="P2563" i="5"/>
  <c r="P2564" i="5"/>
  <c r="P2565" i="5"/>
  <c r="P2566" i="5"/>
  <c r="P2567" i="5"/>
  <c r="P2568" i="5"/>
  <c r="P2569" i="5"/>
  <c r="P2570" i="5"/>
  <c r="P2571" i="5"/>
  <c r="P2572" i="5"/>
  <c r="P2573" i="5"/>
  <c r="P2574" i="5"/>
  <c r="P2575" i="5"/>
  <c r="P2576" i="5"/>
  <c r="P2577" i="5"/>
  <c r="P2578" i="5"/>
  <c r="P2579" i="5"/>
  <c r="P2580" i="5"/>
  <c r="P2581" i="5"/>
  <c r="P2582" i="5"/>
  <c r="P2583" i="5"/>
  <c r="P2584" i="5"/>
  <c r="P2585" i="5"/>
  <c r="P2586" i="5"/>
  <c r="P2587" i="5"/>
  <c r="P2588" i="5"/>
  <c r="P2589" i="5"/>
  <c r="P2590" i="5"/>
  <c r="P2591" i="5"/>
  <c r="P2592" i="5"/>
  <c r="P2593" i="5"/>
  <c r="P2594" i="5"/>
  <c r="P2595" i="5"/>
  <c r="P2596" i="5"/>
  <c r="P2597" i="5"/>
  <c r="P2598" i="5"/>
  <c r="P2599" i="5"/>
  <c r="P2600" i="5"/>
  <c r="P2601" i="5"/>
  <c r="P2602" i="5"/>
  <c r="P2603" i="5"/>
  <c r="P2604" i="5"/>
  <c r="P2605" i="5"/>
  <c r="P2606" i="5"/>
  <c r="P2607" i="5"/>
  <c r="P2608" i="5"/>
  <c r="P2609" i="5"/>
  <c r="P2610" i="5"/>
  <c r="P2611" i="5"/>
  <c r="P2612" i="5"/>
  <c r="P2613" i="5"/>
  <c r="P2614" i="5"/>
  <c r="P2615" i="5"/>
  <c r="P2616" i="5"/>
  <c r="P2617" i="5"/>
  <c r="P2618" i="5"/>
  <c r="P2619" i="5"/>
  <c r="P2620" i="5"/>
  <c r="P2621" i="5"/>
  <c r="P2622" i="5"/>
  <c r="P2623" i="5"/>
  <c r="P2624" i="5"/>
  <c r="P2625" i="5"/>
  <c r="P2626" i="5"/>
  <c r="P2627" i="5"/>
  <c r="P2628" i="5"/>
  <c r="P2629" i="5"/>
  <c r="P2630" i="5"/>
  <c r="P2631" i="5"/>
  <c r="P2632" i="5"/>
  <c r="P2633" i="5"/>
  <c r="P2634" i="5"/>
  <c r="P2635" i="5"/>
  <c r="P2636" i="5"/>
  <c r="P2637" i="5"/>
  <c r="P2638" i="5"/>
  <c r="P2639" i="5"/>
  <c r="P2640" i="5"/>
  <c r="P2641" i="5"/>
  <c r="P2642" i="5"/>
  <c r="P2643" i="5"/>
  <c r="P2644" i="5"/>
  <c r="P2645" i="5"/>
  <c r="P2646" i="5"/>
  <c r="P2647" i="5"/>
  <c r="P2648" i="5"/>
  <c r="P2649" i="5"/>
  <c r="P2650" i="5"/>
  <c r="P2651" i="5"/>
  <c r="P2652" i="5"/>
  <c r="P2653" i="5"/>
  <c r="P2654" i="5"/>
  <c r="P2655" i="5"/>
  <c r="P2656" i="5"/>
  <c r="P2657" i="5"/>
  <c r="P2658" i="5"/>
  <c r="P2659" i="5"/>
  <c r="P2660" i="5"/>
  <c r="P2661" i="5"/>
  <c r="P2662" i="5"/>
  <c r="P2663" i="5"/>
  <c r="P2664" i="5"/>
  <c r="P2665" i="5"/>
  <c r="P2666" i="5"/>
  <c r="P2667" i="5"/>
  <c r="P2668" i="5"/>
  <c r="P2669" i="5"/>
  <c r="P2670" i="5"/>
  <c r="P2671" i="5"/>
  <c r="P2672" i="5"/>
  <c r="P2673" i="5"/>
  <c r="P2674" i="5"/>
  <c r="P2675" i="5"/>
  <c r="P2676" i="5"/>
  <c r="P2677" i="5"/>
  <c r="P2678" i="5"/>
  <c r="P2679" i="5"/>
  <c r="P2680" i="5"/>
  <c r="P2681" i="5"/>
  <c r="P2682" i="5"/>
  <c r="P2683" i="5"/>
  <c r="P2684" i="5"/>
  <c r="P2685" i="5"/>
  <c r="P2686" i="5"/>
  <c r="P2687" i="5"/>
  <c r="P2688" i="5"/>
  <c r="P2689" i="5"/>
  <c r="P2690" i="5"/>
  <c r="P2691" i="5"/>
  <c r="P2692" i="5"/>
  <c r="P2693" i="5"/>
  <c r="P2694" i="5"/>
  <c r="P2695" i="5"/>
  <c r="P2696" i="5"/>
  <c r="P2697" i="5"/>
  <c r="P2698" i="5"/>
  <c r="P2699" i="5"/>
  <c r="P2700" i="5"/>
  <c r="P2701" i="5"/>
  <c r="P2702" i="5"/>
  <c r="P2703" i="5"/>
  <c r="P2704" i="5"/>
  <c r="P2705" i="5"/>
  <c r="P2706" i="5"/>
  <c r="P2707" i="5"/>
  <c r="P2708" i="5"/>
  <c r="P2709" i="5"/>
  <c r="P2710" i="5"/>
  <c r="P2711" i="5"/>
  <c r="P2712" i="5"/>
  <c r="P2713" i="5"/>
  <c r="P2714" i="5"/>
  <c r="P2715" i="5"/>
  <c r="P2716" i="5"/>
  <c r="P2717" i="5"/>
  <c r="P2718" i="5"/>
  <c r="P2719" i="5"/>
  <c r="P2720" i="5"/>
  <c r="P2721" i="5"/>
  <c r="P2722" i="5"/>
  <c r="P2723" i="5"/>
  <c r="P2724" i="5"/>
  <c r="P2725" i="5"/>
  <c r="P2726" i="5"/>
  <c r="P2727" i="5"/>
  <c r="P2728" i="5"/>
  <c r="P2729" i="5"/>
  <c r="P2730" i="5"/>
  <c r="P2731" i="5"/>
  <c r="P2732" i="5"/>
  <c r="P2733" i="5"/>
  <c r="P2734" i="5"/>
  <c r="P2735" i="5"/>
  <c r="P2736" i="5"/>
  <c r="P2737" i="5"/>
  <c r="P2738" i="5"/>
  <c r="P2739" i="5"/>
  <c r="P2740" i="5"/>
  <c r="P2741" i="5"/>
  <c r="P2742" i="5"/>
  <c r="P2743" i="5"/>
  <c r="P2744" i="5"/>
  <c r="P2745" i="5"/>
  <c r="P2746" i="5"/>
  <c r="P2747" i="5"/>
  <c r="P2748" i="5"/>
  <c r="P2749" i="5"/>
  <c r="P2750" i="5"/>
  <c r="P2751" i="5"/>
  <c r="P2752" i="5"/>
  <c r="P2753" i="5"/>
  <c r="P2754" i="5"/>
  <c r="P2755" i="5"/>
  <c r="P2756" i="5"/>
  <c r="P2757" i="5"/>
  <c r="P2758" i="5"/>
  <c r="P2759" i="5"/>
  <c r="P2760" i="5"/>
  <c r="P2761" i="5"/>
  <c r="P2762" i="5"/>
  <c r="P2763" i="5"/>
  <c r="P2764" i="5"/>
  <c r="P2765" i="5"/>
  <c r="P2766" i="5"/>
  <c r="P2767" i="5"/>
  <c r="P2768" i="5"/>
  <c r="P2769" i="5"/>
  <c r="P2770" i="5"/>
  <c r="P2771" i="5"/>
  <c r="P2772" i="5"/>
  <c r="P2773" i="5"/>
  <c r="P2774" i="5"/>
  <c r="P2775" i="5"/>
  <c r="P2776" i="5"/>
  <c r="P2777" i="5"/>
  <c r="P2778" i="5"/>
  <c r="P2779" i="5"/>
  <c r="P2780" i="5"/>
  <c r="P2781" i="5"/>
  <c r="P2782" i="5"/>
  <c r="P2783" i="5"/>
  <c r="P2784" i="5"/>
  <c r="P2785" i="5"/>
  <c r="P2786" i="5"/>
  <c r="P2787" i="5"/>
  <c r="P2788" i="5"/>
  <c r="P2789" i="5"/>
  <c r="P2790" i="5"/>
  <c r="P2791" i="5"/>
  <c r="P2792" i="5"/>
  <c r="P2793" i="5"/>
  <c r="P2794" i="5"/>
  <c r="P2795" i="5"/>
  <c r="P2796" i="5"/>
  <c r="P2797" i="5"/>
  <c r="P2798" i="5"/>
  <c r="P2799" i="5"/>
  <c r="P2800" i="5"/>
  <c r="P2801" i="5"/>
  <c r="P2802" i="5"/>
  <c r="P2803" i="5"/>
  <c r="P2804" i="5"/>
  <c r="P2805" i="5"/>
  <c r="P2806" i="5"/>
  <c r="P2807" i="5"/>
  <c r="P2808" i="5"/>
  <c r="P2809" i="5"/>
  <c r="P2810" i="5"/>
  <c r="P2811" i="5"/>
  <c r="P2812" i="5"/>
  <c r="P2813" i="5"/>
  <c r="P2814" i="5"/>
  <c r="P2815" i="5"/>
  <c r="P2816" i="5"/>
  <c r="P2817" i="5"/>
  <c r="P2818" i="5"/>
  <c r="P2819" i="5"/>
  <c r="P2820" i="5"/>
  <c r="P2821" i="5"/>
  <c r="P2822" i="5"/>
  <c r="P2823" i="5"/>
  <c r="P2824" i="5"/>
  <c r="P2825" i="5"/>
  <c r="P2826" i="5"/>
  <c r="P2827" i="5"/>
  <c r="P2828" i="5"/>
  <c r="P2829" i="5"/>
  <c r="P2830" i="5"/>
  <c r="P2831" i="5"/>
  <c r="P2832" i="5"/>
  <c r="P2833" i="5"/>
  <c r="P2834" i="5"/>
  <c r="P2835" i="5"/>
  <c r="P2836" i="5"/>
  <c r="P2837" i="5"/>
  <c r="P2838" i="5"/>
  <c r="P2839" i="5"/>
  <c r="P2840" i="5"/>
  <c r="P2841" i="5"/>
  <c r="P2842" i="5"/>
  <c r="P2843" i="5"/>
  <c r="P2844" i="5"/>
  <c r="P2845" i="5"/>
  <c r="P2846" i="5"/>
  <c r="P2847" i="5"/>
  <c r="P2848" i="5"/>
  <c r="P2849" i="5"/>
  <c r="P2850" i="5"/>
  <c r="P2851" i="5"/>
  <c r="P2852" i="5"/>
  <c r="P2853" i="5"/>
  <c r="P2854" i="5"/>
  <c r="P2855" i="5"/>
  <c r="P2856" i="5"/>
  <c r="P2857" i="5"/>
  <c r="P2858" i="5"/>
  <c r="P2859" i="5"/>
  <c r="P2860" i="5"/>
  <c r="P2861" i="5"/>
  <c r="P2862" i="5"/>
  <c r="P2863" i="5"/>
  <c r="P2864" i="5"/>
  <c r="P2865" i="5"/>
  <c r="P2866" i="5"/>
  <c r="P2867" i="5"/>
  <c r="P2868" i="5"/>
  <c r="P2869" i="5"/>
  <c r="P2870" i="5"/>
  <c r="P2871" i="5"/>
  <c r="P2872" i="5"/>
  <c r="P2873" i="5"/>
  <c r="P2874" i="5"/>
  <c r="P2875" i="5"/>
  <c r="P2876" i="5"/>
  <c r="P2877" i="5"/>
  <c r="P2878" i="5"/>
  <c r="P2879" i="5"/>
  <c r="P2880" i="5"/>
  <c r="P2881" i="5"/>
  <c r="P2882" i="5"/>
  <c r="P2883" i="5"/>
  <c r="P2884" i="5"/>
  <c r="P2885" i="5"/>
  <c r="P2886" i="5"/>
  <c r="P2887" i="5"/>
  <c r="P2888" i="5"/>
  <c r="P2889" i="5"/>
  <c r="P2890" i="5"/>
  <c r="P2891" i="5"/>
  <c r="P2892" i="5"/>
  <c r="P2893" i="5"/>
  <c r="P2894" i="5"/>
  <c r="P2895" i="5"/>
  <c r="P2896" i="5"/>
  <c r="P2897" i="5"/>
  <c r="P2898" i="5"/>
  <c r="P2899" i="5"/>
  <c r="P2900" i="5"/>
  <c r="P2901" i="5"/>
  <c r="P2902" i="5"/>
  <c r="P2903" i="5"/>
  <c r="P2904" i="5"/>
  <c r="P2905" i="5"/>
  <c r="P2906" i="5"/>
  <c r="P2907" i="5"/>
  <c r="P2908" i="5"/>
  <c r="P2909" i="5"/>
  <c r="P2910" i="5"/>
  <c r="P2911" i="5"/>
  <c r="P2912" i="5"/>
  <c r="P2913" i="5"/>
  <c r="P2914" i="5"/>
  <c r="P2915" i="5"/>
  <c r="P2916" i="5"/>
  <c r="P2917" i="5"/>
  <c r="P2918" i="5"/>
  <c r="P2919" i="5"/>
  <c r="P2920" i="5"/>
  <c r="P2921" i="5"/>
  <c r="P2922" i="5"/>
  <c r="P2923" i="5"/>
  <c r="P2924" i="5"/>
  <c r="P2925" i="5"/>
  <c r="P2926" i="5"/>
  <c r="P2927" i="5"/>
  <c r="P2928" i="5"/>
  <c r="P2929" i="5"/>
  <c r="P2930" i="5"/>
  <c r="P2931" i="5"/>
  <c r="P2932" i="5"/>
  <c r="P2933" i="5"/>
  <c r="P2934" i="5"/>
  <c r="P2935" i="5"/>
  <c r="P2936" i="5"/>
  <c r="P2937" i="5"/>
  <c r="P2938" i="5"/>
  <c r="P2939" i="5"/>
  <c r="P2940" i="5"/>
  <c r="P2941" i="5"/>
  <c r="P2942" i="5"/>
  <c r="P2943" i="5"/>
  <c r="P2944" i="5"/>
  <c r="P2945" i="5"/>
  <c r="P2946" i="5"/>
  <c r="P2947" i="5"/>
  <c r="P2948" i="5"/>
  <c r="P2949" i="5"/>
  <c r="P2950" i="5"/>
  <c r="P2951" i="5"/>
  <c r="P2952" i="5"/>
  <c r="P2953" i="5"/>
  <c r="P2954" i="5"/>
  <c r="P2955" i="5"/>
  <c r="P2956" i="5"/>
  <c r="P2957" i="5"/>
  <c r="P2958" i="5"/>
  <c r="P2959" i="5"/>
  <c r="P2960" i="5"/>
  <c r="P2961" i="5"/>
  <c r="P2962" i="5"/>
  <c r="P2963" i="5"/>
  <c r="P2964" i="5"/>
  <c r="P2965" i="5"/>
  <c r="P2966" i="5"/>
  <c r="P2967" i="5"/>
  <c r="P2968" i="5"/>
  <c r="P2969" i="5"/>
  <c r="P2970" i="5"/>
  <c r="P2971" i="5"/>
  <c r="P2972" i="5"/>
  <c r="P2973" i="5"/>
  <c r="P2974" i="5"/>
  <c r="P2975" i="5"/>
  <c r="P2976" i="5"/>
  <c r="P2977" i="5"/>
  <c r="P2978" i="5"/>
  <c r="P2979" i="5"/>
  <c r="P2980" i="5"/>
  <c r="P2981" i="5"/>
  <c r="P2982" i="5"/>
  <c r="P2983" i="5"/>
  <c r="P2984" i="5"/>
  <c r="P2985" i="5"/>
  <c r="P2986" i="5"/>
  <c r="P2987" i="5"/>
  <c r="P2988" i="5"/>
  <c r="P2989" i="5"/>
  <c r="P2990" i="5"/>
  <c r="P2991" i="5"/>
  <c r="P2992" i="5"/>
  <c r="P2993" i="5"/>
  <c r="P2994" i="5"/>
  <c r="P2995" i="5"/>
  <c r="P2996" i="5"/>
  <c r="P2997" i="5"/>
  <c r="P2998" i="5"/>
  <c r="P2999" i="5"/>
  <c r="P3000" i="5"/>
  <c r="P3001" i="5"/>
  <c r="P3002" i="5"/>
  <c r="P3003" i="5"/>
  <c r="P3004" i="5"/>
  <c r="P3005" i="5"/>
  <c r="P3006" i="5"/>
  <c r="P3007" i="5"/>
  <c r="P3008" i="5"/>
  <c r="P3009" i="5"/>
  <c r="P3010" i="5"/>
  <c r="P3011" i="5"/>
  <c r="P3012" i="5"/>
  <c r="P3013" i="5"/>
  <c r="P3014" i="5"/>
  <c r="P3015" i="5"/>
  <c r="P3016" i="5"/>
  <c r="P3017" i="5"/>
  <c r="P3018" i="5"/>
  <c r="P3019" i="5"/>
  <c r="P3020" i="5"/>
  <c r="P3021" i="5"/>
  <c r="P3022" i="5"/>
  <c r="P3023" i="5"/>
  <c r="P3024" i="5"/>
  <c r="P3025" i="5"/>
  <c r="P3026" i="5"/>
  <c r="P3027" i="5"/>
  <c r="P3028" i="5"/>
  <c r="P3029" i="5"/>
  <c r="P3030" i="5"/>
  <c r="P3031" i="5"/>
  <c r="P3032" i="5"/>
  <c r="P3033" i="5"/>
  <c r="P3034" i="5"/>
  <c r="P3035" i="5"/>
  <c r="P3036" i="5"/>
  <c r="P3037" i="5"/>
  <c r="P3038" i="5"/>
  <c r="P3039" i="5"/>
  <c r="P3040" i="5"/>
  <c r="P3041" i="5"/>
  <c r="P3042" i="5"/>
  <c r="P3043" i="5"/>
  <c r="P3044" i="5"/>
  <c r="P3045" i="5"/>
  <c r="P3046" i="5"/>
  <c r="P3047" i="5"/>
  <c r="P3048" i="5"/>
  <c r="P3049" i="5"/>
  <c r="P3050" i="5"/>
  <c r="P3051" i="5"/>
  <c r="P3052" i="5"/>
  <c r="P3053" i="5"/>
  <c r="P3054" i="5"/>
  <c r="P3055" i="5"/>
  <c r="P3056" i="5"/>
  <c r="P3057" i="5"/>
  <c r="P3058" i="5"/>
  <c r="P3059" i="5"/>
  <c r="P3060" i="5"/>
  <c r="P3061" i="5"/>
  <c r="P3062" i="5"/>
  <c r="P3063" i="5"/>
  <c r="P3064" i="5"/>
  <c r="P3065" i="5"/>
  <c r="P3066" i="5"/>
  <c r="P3067" i="5"/>
  <c r="P3068" i="5"/>
  <c r="P3069" i="5"/>
  <c r="P3070" i="5"/>
  <c r="P3071" i="5"/>
  <c r="P3072" i="5"/>
  <c r="P3073" i="5"/>
  <c r="P3074" i="5"/>
  <c r="P3075" i="5"/>
  <c r="P3076" i="5"/>
  <c r="P3077" i="5"/>
  <c r="P3078" i="5"/>
  <c r="P3079" i="5"/>
  <c r="P3080" i="5"/>
  <c r="P3081" i="5"/>
  <c r="P3082" i="5"/>
  <c r="P3083" i="5"/>
  <c r="P3084" i="5"/>
  <c r="P3085" i="5"/>
  <c r="P3086" i="5"/>
  <c r="P3087" i="5"/>
  <c r="P3088" i="5"/>
  <c r="P3089" i="5"/>
  <c r="P3090" i="5"/>
  <c r="P3091" i="5"/>
  <c r="P3092" i="5"/>
  <c r="P3093" i="5"/>
  <c r="P3094" i="5"/>
  <c r="P3095" i="5"/>
  <c r="P3096" i="5"/>
  <c r="P3097" i="5"/>
  <c r="P3098" i="5"/>
  <c r="P3099" i="5"/>
  <c r="P3100" i="5"/>
  <c r="P3101" i="5"/>
  <c r="P3102" i="5"/>
  <c r="P3103" i="5"/>
  <c r="P3104" i="5"/>
  <c r="P3105" i="5"/>
  <c r="P3106" i="5"/>
  <c r="P3107" i="5"/>
  <c r="P3108" i="5"/>
  <c r="P3109" i="5"/>
  <c r="P3110" i="5"/>
  <c r="P3111" i="5"/>
  <c r="P3112" i="5"/>
  <c r="P3113" i="5"/>
  <c r="P3114" i="5"/>
  <c r="P3115" i="5"/>
  <c r="P3116" i="5"/>
  <c r="P3117" i="5"/>
  <c r="P3118" i="5"/>
  <c r="P3119" i="5"/>
  <c r="P3120" i="5"/>
  <c r="P3121" i="5"/>
  <c r="P3122" i="5"/>
  <c r="P3123" i="5"/>
  <c r="P3124" i="5"/>
  <c r="P3125" i="5"/>
  <c r="P3126" i="5"/>
  <c r="P3127" i="5"/>
  <c r="P3128" i="5"/>
  <c r="P3129" i="5"/>
  <c r="P3130" i="5"/>
  <c r="P3131" i="5"/>
  <c r="P3132" i="5"/>
  <c r="P3133" i="5"/>
  <c r="P3134" i="5"/>
  <c r="P3135" i="5"/>
  <c r="P3136" i="5"/>
  <c r="P3137" i="5"/>
  <c r="P3138" i="5"/>
  <c r="P3139" i="5"/>
  <c r="P3140" i="5"/>
  <c r="P3141" i="5"/>
  <c r="P3142" i="5"/>
  <c r="P3143" i="5"/>
  <c r="P3144" i="5"/>
  <c r="P3145" i="5"/>
  <c r="P3146" i="5"/>
  <c r="P3147" i="5"/>
  <c r="P3148" i="5"/>
  <c r="P3149" i="5"/>
  <c r="P3150" i="5"/>
  <c r="P3151" i="5"/>
  <c r="P3152" i="5"/>
  <c r="P3153" i="5"/>
  <c r="P3154" i="5"/>
  <c r="P3155" i="5"/>
  <c r="P3156" i="5"/>
  <c r="P3157" i="5"/>
  <c r="P3158" i="5"/>
  <c r="P3159" i="5"/>
  <c r="P3160" i="5"/>
  <c r="P3161" i="5"/>
  <c r="P3162" i="5"/>
  <c r="P3163" i="5"/>
  <c r="P3164" i="5"/>
  <c r="P3165" i="5"/>
  <c r="P3166" i="5"/>
  <c r="P3167" i="5"/>
  <c r="P3168" i="5"/>
  <c r="P3169" i="5"/>
  <c r="P3170" i="5"/>
  <c r="P3171" i="5"/>
  <c r="P3172" i="5"/>
  <c r="P3173" i="5"/>
  <c r="P3174" i="5"/>
  <c r="P3175" i="5"/>
  <c r="P3176" i="5"/>
  <c r="P3177" i="5"/>
  <c r="P3178" i="5"/>
  <c r="P3179" i="5"/>
  <c r="P3180" i="5"/>
  <c r="P3181" i="5"/>
  <c r="P3182" i="5"/>
  <c r="P3183" i="5"/>
  <c r="P3184" i="5"/>
  <c r="P3185" i="5"/>
  <c r="P3186" i="5"/>
  <c r="P3187" i="5"/>
  <c r="P3188" i="5"/>
  <c r="P3189" i="5"/>
  <c r="P3190" i="5"/>
  <c r="P3191" i="5"/>
  <c r="P3192" i="5"/>
  <c r="P3193" i="5"/>
  <c r="P3194" i="5"/>
  <c r="P3195" i="5"/>
  <c r="P3196" i="5"/>
  <c r="P3197" i="5"/>
  <c r="P3198" i="5"/>
  <c r="P3199" i="5"/>
  <c r="P3200" i="5"/>
  <c r="P3201" i="5"/>
  <c r="P3202" i="5"/>
  <c r="P3203" i="5"/>
  <c r="P3204" i="5"/>
  <c r="P3205" i="5"/>
  <c r="P3206" i="5"/>
  <c r="P3207" i="5"/>
  <c r="P3208" i="5"/>
  <c r="P3209" i="5"/>
  <c r="P3210" i="5"/>
  <c r="P3211" i="5"/>
  <c r="P3212" i="5"/>
  <c r="P3213" i="5"/>
  <c r="P3214" i="5"/>
  <c r="P3215" i="5"/>
  <c r="P3216" i="5"/>
  <c r="P3217" i="5"/>
  <c r="P3218" i="5"/>
  <c r="P3219" i="5"/>
  <c r="P3220" i="5"/>
  <c r="P3221" i="5"/>
  <c r="P3222" i="5"/>
  <c r="P3223" i="5"/>
  <c r="P3224" i="5"/>
  <c r="P3225" i="5"/>
  <c r="P3226" i="5"/>
  <c r="P3227" i="5"/>
  <c r="P3228" i="5"/>
  <c r="P3229" i="5"/>
  <c r="P3230" i="5"/>
  <c r="P3231" i="5"/>
  <c r="P3232" i="5"/>
  <c r="P3233" i="5"/>
  <c r="P3234" i="5"/>
  <c r="P3235" i="5"/>
  <c r="P3236" i="5"/>
  <c r="P3237" i="5"/>
  <c r="P3238" i="5"/>
  <c r="P3239" i="5"/>
  <c r="P3240" i="5"/>
  <c r="P3241" i="5"/>
  <c r="P3242" i="5"/>
  <c r="P3243" i="5"/>
  <c r="P3244" i="5"/>
  <c r="P3245" i="5"/>
  <c r="P3246" i="5"/>
  <c r="P3247" i="5"/>
  <c r="P3248" i="5"/>
  <c r="P3249" i="5"/>
  <c r="P3250" i="5"/>
  <c r="P3251" i="5"/>
  <c r="P3252" i="5"/>
  <c r="P3253" i="5"/>
  <c r="P3254" i="5"/>
  <c r="P3255" i="5"/>
  <c r="P3256" i="5"/>
  <c r="P3257" i="5"/>
  <c r="P3258" i="5"/>
  <c r="P3259" i="5"/>
  <c r="P3260" i="5"/>
  <c r="P3261" i="5"/>
  <c r="P3262" i="5"/>
  <c r="P3263" i="5"/>
  <c r="P3264" i="5"/>
  <c r="P3265" i="5"/>
  <c r="P3266" i="5"/>
  <c r="P3267" i="5"/>
  <c r="P3268" i="5"/>
  <c r="P3269" i="5"/>
  <c r="P3270" i="5"/>
  <c r="P3271" i="5"/>
  <c r="P3272" i="5"/>
  <c r="P3273" i="5"/>
  <c r="P3274" i="5"/>
  <c r="P3275" i="5"/>
  <c r="P3276" i="5"/>
  <c r="P3277" i="5"/>
  <c r="P3278" i="5"/>
  <c r="P3279" i="5"/>
  <c r="P3280" i="5"/>
  <c r="P3281" i="5"/>
  <c r="P3282" i="5"/>
  <c r="P3283" i="5"/>
  <c r="P3284" i="5"/>
  <c r="P3285" i="5"/>
  <c r="P3286" i="5"/>
  <c r="P3287" i="5"/>
  <c r="P3288" i="5"/>
  <c r="P3289" i="5"/>
  <c r="P3290" i="5"/>
  <c r="P3291" i="5"/>
  <c r="P3292" i="5"/>
  <c r="P3293" i="5"/>
  <c r="P3294" i="5"/>
  <c r="P3295" i="5"/>
  <c r="P3296" i="5"/>
  <c r="P3297" i="5"/>
  <c r="P3298" i="5"/>
  <c r="P3299" i="5"/>
  <c r="P3300" i="5"/>
  <c r="P3301" i="5"/>
  <c r="P3302" i="5"/>
  <c r="P3303" i="5"/>
  <c r="P3304" i="5"/>
  <c r="P3305" i="5"/>
  <c r="P3306" i="5"/>
  <c r="P3307" i="5"/>
  <c r="P3308" i="5"/>
  <c r="P3309" i="5"/>
  <c r="P3310" i="5"/>
  <c r="P3311" i="5"/>
  <c r="P3312" i="5"/>
  <c r="P3313" i="5"/>
  <c r="P3314" i="5"/>
  <c r="P3315" i="5"/>
  <c r="P3316" i="5"/>
  <c r="P3317" i="5"/>
  <c r="P3318" i="5"/>
  <c r="P3319" i="5"/>
  <c r="P3320" i="5"/>
  <c r="P3321" i="5"/>
  <c r="P3322" i="5"/>
  <c r="P3323" i="5"/>
  <c r="P3324" i="5"/>
  <c r="P3325" i="5"/>
  <c r="P3326" i="5"/>
  <c r="P3327" i="5"/>
  <c r="P3328" i="5"/>
  <c r="P3329" i="5"/>
  <c r="P3330" i="5"/>
  <c r="P3331" i="5"/>
  <c r="P3332" i="5"/>
  <c r="P3333" i="5"/>
  <c r="P3334" i="5"/>
  <c r="P3335" i="5"/>
  <c r="P3336" i="5"/>
  <c r="P3337" i="5"/>
  <c r="P3338" i="5"/>
  <c r="P3339" i="5"/>
  <c r="P3340" i="5"/>
  <c r="P3341" i="5"/>
  <c r="P3342" i="5"/>
  <c r="P3343" i="5"/>
  <c r="P3344" i="5"/>
  <c r="P3345" i="5"/>
  <c r="P3346" i="5"/>
  <c r="P3347" i="5"/>
  <c r="P3348" i="5"/>
  <c r="P3349" i="5"/>
  <c r="P3350" i="5"/>
  <c r="P3351" i="5"/>
  <c r="P3352" i="5"/>
  <c r="P3353" i="5"/>
  <c r="P3354" i="5"/>
  <c r="P3355" i="5"/>
  <c r="P3356" i="5"/>
  <c r="P3357" i="5"/>
  <c r="P3358" i="5"/>
  <c r="P3359" i="5"/>
  <c r="P3360" i="5"/>
  <c r="P3361" i="5"/>
  <c r="P3362" i="5"/>
  <c r="P3363" i="5"/>
  <c r="P3364" i="5"/>
  <c r="P3365" i="5"/>
  <c r="P3366" i="5"/>
  <c r="P3367" i="5"/>
  <c r="P3368" i="5"/>
  <c r="P3369" i="5"/>
  <c r="P3370" i="5"/>
  <c r="P3371" i="5"/>
  <c r="P3372" i="5"/>
  <c r="P3373" i="5"/>
  <c r="P3374" i="5"/>
  <c r="P3375" i="5"/>
  <c r="P3376" i="5"/>
  <c r="P3377" i="5"/>
  <c r="P3378" i="5"/>
  <c r="P3379" i="5"/>
  <c r="P3380" i="5"/>
  <c r="P3381" i="5"/>
  <c r="P3382" i="5"/>
  <c r="P3383" i="5"/>
  <c r="P3384" i="5"/>
  <c r="P3385" i="5"/>
  <c r="P3386" i="5"/>
  <c r="P3387" i="5"/>
  <c r="P3388" i="5"/>
  <c r="P3389" i="5"/>
  <c r="P3390" i="5"/>
  <c r="P3391" i="5"/>
  <c r="P3392" i="5"/>
  <c r="P3393" i="5"/>
  <c r="P3394" i="5"/>
  <c r="P3395" i="5"/>
  <c r="P3396" i="5"/>
  <c r="P3397" i="5"/>
  <c r="P3398" i="5"/>
  <c r="P3399" i="5"/>
  <c r="P3400" i="5"/>
  <c r="P3401" i="5"/>
  <c r="P3402" i="5"/>
  <c r="P3403" i="5"/>
  <c r="P3404" i="5"/>
  <c r="P3405" i="5"/>
  <c r="P3406" i="5"/>
  <c r="P3407" i="5"/>
  <c r="P3408" i="5"/>
  <c r="P3409" i="5"/>
  <c r="P3410" i="5"/>
  <c r="P3411" i="5"/>
  <c r="P3412" i="5"/>
  <c r="P3413" i="5"/>
  <c r="P3414" i="5"/>
  <c r="P3415" i="5"/>
  <c r="P3416" i="5"/>
  <c r="P3417" i="5"/>
  <c r="P3418" i="5"/>
  <c r="P3419" i="5"/>
  <c r="P3420" i="5"/>
  <c r="P3421" i="5"/>
  <c r="P3422" i="5"/>
  <c r="P3423" i="5"/>
  <c r="P3424" i="5"/>
  <c r="P3425" i="5"/>
  <c r="P3426" i="5"/>
  <c r="P3427" i="5"/>
  <c r="P3428" i="5"/>
  <c r="P3429" i="5"/>
  <c r="P3430" i="5"/>
  <c r="P3431" i="5"/>
  <c r="P3432" i="5"/>
  <c r="P3433" i="5"/>
  <c r="P3434" i="5"/>
  <c r="P3435" i="5"/>
  <c r="P3436" i="5"/>
  <c r="P3437" i="5"/>
  <c r="P3438" i="5"/>
  <c r="P3439" i="5"/>
  <c r="P3440" i="5"/>
  <c r="P3441" i="5"/>
  <c r="P3442" i="5"/>
  <c r="P3443" i="5"/>
  <c r="P3444" i="5"/>
  <c r="P3445" i="5"/>
  <c r="P3446" i="5"/>
  <c r="P3447" i="5"/>
  <c r="P3448" i="5"/>
  <c r="P3449" i="5"/>
  <c r="P3450" i="5"/>
  <c r="P3451" i="5"/>
  <c r="P3452" i="5"/>
  <c r="P3453" i="5"/>
  <c r="P3454" i="5"/>
  <c r="P3455" i="5"/>
  <c r="P3456" i="5"/>
  <c r="P3457" i="5"/>
  <c r="P3458" i="5"/>
  <c r="P3459" i="5"/>
  <c r="P3460" i="5"/>
  <c r="P3461" i="5"/>
  <c r="P3462" i="5"/>
  <c r="P3463" i="5"/>
  <c r="P3464" i="5"/>
  <c r="P3465" i="5"/>
  <c r="P3466" i="5"/>
  <c r="P3467" i="5"/>
  <c r="P3468" i="5"/>
  <c r="P3469" i="5"/>
  <c r="P3470" i="5"/>
  <c r="P3471" i="5"/>
  <c r="P3472" i="5"/>
  <c r="P3473" i="5"/>
  <c r="P3474" i="5"/>
  <c r="P3475" i="5"/>
  <c r="P3476" i="5"/>
  <c r="P3477" i="5"/>
  <c r="P3478" i="5"/>
  <c r="P3479" i="5"/>
  <c r="P3480" i="5"/>
  <c r="P3481" i="5"/>
  <c r="P3482" i="5"/>
  <c r="P3483" i="5"/>
  <c r="P3484" i="5"/>
  <c r="P3485" i="5"/>
  <c r="P3486" i="5"/>
  <c r="P3487" i="5"/>
  <c r="P3488" i="5"/>
  <c r="P3489" i="5"/>
  <c r="P3490" i="5"/>
  <c r="P3491" i="5"/>
  <c r="P3492" i="5"/>
  <c r="P3493" i="5"/>
  <c r="P3494" i="5"/>
  <c r="P3495" i="5"/>
  <c r="P3496" i="5"/>
  <c r="P3497" i="5"/>
  <c r="P3498" i="5"/>
  <c r="P3499" i="5"/>
  <c r="P3500" i="5"/>
  <c r="P3501" i="5"/>
  <c r="P3502" i="5"/>
  <c r="P3503" i="5"/>
  <c r="P3504" i="5"/>
  <c r="P3505" i="5"/>
  <c r="P3506" i="5"/>
  <c r="P3507" i="5"/>
  <c r="P3508" i="5"/>
  <c r="P3509" i="5"/>
  <c r="P3510" i="5"/>
  <c r="P3511" i="5"/>
  <c r="P3512" i="5"/>
  <c r="P3513" i="5"/>
  <c r="P3514" i="5"/>
  <c r="P3515" i="5"/>
  <c r="P3516" i="5"/>
  <c r="P3517" i="5"/>
  <c r="P3518" i="5"/>
  <c r="P3519" i="5"/>
  <c r="P3520" i="5"/>
  <c r="P3521" i="5"/>
  <c r="P3522" i="5"/>
  <c r="P3523" i="5"/>
  <c r="P3524" i="5"/>
  <c r="P3525" i="5"/>
  <c r="P3526" i="5"/>
  <c r="P3527" i="5"/>
  <c r="P3528" i="5"/>
  <c r="P3529" i="5"/>
  <c r="P3530" i="5"/>
  <c r="P3531" i="5"/>
  <c r="P3532" i="5"/>
  <c r="P3533" i="5"/>
  <c r="P3534" i="5"/>
  <c r="P3535" i="5"/>
  <c r="P3536" i="5"/>
  <c r="P3537" i="5"/>
  <c r="P3538" i="5"/>
  <c r="P3539" i="5"/>
  <c r="P3540" i="5"/>
  <c r="P3541" i="5"/>
  <c r="P3542" i="5"/>
  <c r="P3543" i="5"/>
  <c r="P3544" i="5"/>
  <c r="P3545" i="5"/>
  <c r="P3546" i="5"/>
  <c r="P3547" i="5"/>
  <c r="P3548" i="5"/>
  <c r="P3549" i="5"/>
  <c r="P3550" i="5"/>
  <c r="P3551" i="5"/>
  <c r="P3552" i="5"/>
  <c r="P3553" i="5"/>
  <c r="P3554" i="5"/>
  <c r="P3555" i="5"/>
  <c r="P3556" i="5"/>
  <c r="P3557" i="5"/>
  <c r="P3558" i="5"/>
  <c r="P3559" i="5"/>
  <c r="P3560" i="5"/>
  <c r="P3561" i="5"/>
  <c r="P3562" i="5"/>
  <c r="P3563" i="5"/>
  <c r="P3564" i="5"/>
  <c r="P3565" i="5"/>
  <c r="P3566" i="5"/>
  <c r="P3567" i="5"/>
  <c r="P3568" i="5"/>
  <c r="P3569" i="5"/>
  <c r="P3570" i="5"/>
  <c r="P3571" i="5"/>
  <c r="P3572" i="5"/>
  <c r="P3573" i="5"/>
  <c r="P3574" i="5"/>
  <c r="P3575" i="5"/>
  <c r="P3576" i="5"/>
  <c r="P3577" i="5"/>
  <c r="P3578" i="5"/>
  <c r="P3579" i="5"/>
  <c r="P3580" i="5"/>
  <c r="P3581" i="5"/>
  <c r="P3582" i="5"/>
  <c r="P3583" i="5"/>
  <c r="P3584" i="5"/>
  <c r="P3585" i="5"/>
  <c r="P3586" i="5"/>
  <c r="P3587" i="5"/>
  <c r="P3588" i="5"/>
  <c r="P3589" i="5"/>
  <c r="P3590" i="5"/>
  <c r="P3591" i="5"/>
  <c r="P3592" i="5"/>
  <c r="P3593" i="5"/>
  <c r="P3594" i="5"/>
  <c r="P3595" i="5"/>
  <c r="P3596" i="5"/>
  <c r="P3597" i="5"/>
  <c r="P3598" i="5"/>
  <c r="P3599" i="5"/>
  <c r="P3600" i="5"/>
  <c r="P3601" i="5"/>
  <c r="P3602" i="5"/>
  <c r="P3603" i="5"/>
  <c r="P3604" i="5"/>
  <c r="P3605" i="5"/>
  <c r="P3606" i="5"/>
  <c r="P3607" i="5"/>
  <c r="P3608" i="5"/>
  <c r="P3609" i="5"/>
  <c r="P3610" i="5"/>
  <c r="P3611" i="5"/>
  <c r="P3612" i="5"/>
  <c r="P3613" i="5"/>
  <c r="P3614" i="5"/>
  <c r="P3615" i="5"/>
  <c r="P3616" i="5"/>
  <c r="P3617" i="5"/>
  <c r="P3618" i="5"/>
  <c r="P3619" i="5"/>
  <c r="P3620" i="5"/>
  <c r="P3621" i="5"/>
  <c r="P3622" i="5"/>
  <c r="P3623" i="5"/>
  <c r="P3624" i="5"/>
  <c r="P3625" i="5"/>
  <c r="P3626" i="5"/>
  <c r="P3627" i="5"/>
  <c r="P3628" i="5"/>
  <c r="P3629" i="5"/>
  <c r="P3630" i="5"/>
  <c r="P3631" i="5"/>
  <c r="P3632" i="5"/>
  <c r="P3633" i="5"/>
  <c r="P3634" i="5"/>
  <c r="P3635" i="5"/>
  <c r="P3636" i="5"/>
  <c r="P3637" i="5"/>
  <c r="P3638" i="5"/>
  <c r="P3639" i="5"/>
  <c r="P3640" i="5"/>
  <c r="P3641" i="5"/>
  <c r="P3642" i="5"/>
  <c r="P3643" i="5"/>
  <c r="P3644" i="5"/>
  <c r="P3645" i="5"/>
  <c r="P3646" i="5"/>
  <c r="P3647" i="5"/>
  <c r="P3648" i="5"/>
  <c r="P3649" i="5"/>
  <c r="P3650" i="5"/>
  <c r="P3651" i="5"/>
  <c r="P3652" i="5"/>
  <c r="P3653" i="5"/>
  <c r="P3654" i="5"/>
  <c r="P3655" i="5"/>
  <c r="P3656" i="5"/>
  <c r="P3657" i="5"/>
  <c r="P3658" i="5"/>
  <c r="P3659" i="5"/>
  <c r="P3660" i="5"/>
  <c r="P3661" i="5"/>
  <c r="P3662" i="5"/>
  <c r="P3663" i="5"/>
  <c r="P3664" i="5"/>
  <c r="P3665" i="5"/>
  <c r="P3666" i="5"/>
  <c r="P3667" i="5"/>
  <c r="P3668" i="5"/>
  <c r="P3669" i="5"/>
  <c r="P3670" i="5"/>
  <c r="P3671" i="5"/>
  <c r="P3672" i="5"/>
  <c r="P3673" i="5"/>
  <c r="P3674" i="5"/>
  <c r="P3675" i="5"/>
  <c r="P3676" i="5"/>
  <c r="P3677" i="5"/>
  <c r="P3678" i="5"/>
  <c r="P3679" i="5"/>
  <c r="P3680" i="5"/>
  <c r="P3681" i="5"/>
  <c r="P3682" i="5"/>
  <c r="P3683" i="5"/>
  <c r="P3684" i="5"/>
  <c r="P3685" i="5"/>
  <c r="P3686" i="5"/>
  <c r="P3687" i="5"/>
  <c r="P3688" i="5"/>
  <c r="P3689" i="5"/>
  <c r="P3690" i="5"/>
  <c r="P3691" i="5"/>
  <c r="P3692" i="5"/>
  <c r="P3693" i="5"/>
  <c r="P3694" i="5"/>
  <c r="P3695" i="5"/>
  <c r="P3696" i="5"/>
  <c r="P3697" i="5"/>
  <c r="P3698" i="5"/>
  <c r="P3699" i="5"/>
  <c r="P3700" i="5"/>
  <c r="P3701" i="5"/>
  <c r="P3702" i="5"/>
  <c r="P3703" i="5"/>
  <c r="P3704" i="5"/>
  <c r="P3705" i="5"/>
  <c r="P3706" i="5"/>
  <c r="P3707" i="5"/>
  <c r="P3708" i="5"/>
  <c r="P3709" i="5"/>
  <c r="P3710" i="5"/>
  <c r="P3711" i="5"/>
  <c r="P3712" i="5"/>
  <c r="P3713" i="5"/>
  <c r="P3714" i="5"/>
  <c r="P3715" i="5"/>
  <c r="P3716" i="5"/>
  <c r="P3717" i="5"/>
  <c r="P3718" i="5"/>
  <c r="P3719" i="5"/>
  <c r="P3720" i="5"/>
  <c r="P3721" i="5"/>
  <c r="P3722" i="5"/>
  <c r="P3723" i="5"/>
  <c r="P3724" i="5"/>
  <c r="P3725" i="5"/>
  <c r="P3726" i="5"/>
  <c r="P3727" i="5"/>
  <c r="P3728" i="5"/>
  <c r="P3729" i="5"/>
  <c r="P3730" i="5"/>
  <c r="P3731" i="5"/>
  <c r="P3732" i="5"/>
  <c r="P3733" i="5"/>
  <c r="P3734" i="5"/>
  <c r="P3735" i="5"/>
  <c r="P3736" i="5"/>
  <c r="P3737" i="5"/>
  <c r="P3738" i="5"/>
  <c r="P3739" i="5"/>
  <c r="P3740" i="5"/>
  <c r="P3741" i="5"/>
  <c r="P3742" i="5"/>
  <c r="P3743" i="5"/>
  <c r="P3744" i="5"/>
  <c r="P3745" i="5"/>
  <c r="P3746" i="5"/>
  <c r="P3747" i="5"/>
  <c r="P3748" i="5"/>
  <c r="P3749" i="5"/>
  <c r="P3750" i="5"/>
  <c r="P3751" i="5"/>
  <c r="P3752" i="5"/>
  <c r="P3753" i="5"/>
  <c r="P3754" i="5"/>
  <c r="P3755" i="5"/>
  <c r="P3756" i="5"/>
  <c r="P3757" i="5"/>
  <c r="P3758" i="5"/>
  <c r="P3759" i="5"/>
  <c r="P3760" i="5"/>
  <c r="P3761" i="5"/>
  <c r="P3762" i="5"/>
  <c r="P3763" i="5"/>
  <c r="P3764" i="5"/>
  <c r="P3765" i="5"/>
  <c r="P3766" i="5"/>
  <c r="P3767" i="5"/>
  <c r="P3768" i="5"/>
  <c r="P3769" i="5"/>
  <c r="P3770" i="5"/>
  <c r="P3771" i="5"/>
  <c r="P3772" i="5"/>
  <c r="P3773" i="5"/>
  <c r="P3774" i="5"/>
  <c r="P3775" i="5"/>
  <c r="P3776" i="5"/>
  <c r="P3777" i="5"/>
  <c r="P3778" i="5"/>
  <c r="P3779" i="5"/>
  <c r="P3780" i="5"/>
  <c r="P3781" i="5"/>
  <c r="P3782" i="5"/>
  <c r="P3783" i="5"/>
  <c r="P3784" i="5"/>
  <c r="P3785" i="5"/>
  <c r="P3786" i="5"/>
  <c r="P3787" i="5"/>
  <c r="P3788" i="5"/>
  <c r="P3789" i="5"/>
  <c r="P3790" i="5"/>
  <c r="P3791" i="5"/>
  <c r="P3792" i="5"/>
  <c r="P3793" i="5"/>
  <c r="P3794" i="5"/>
  <c r="P3795" i="5"/>
  <c r="P3796" i="5"/>
  <c r="P3797" i="5"/>
  <c r="P3798" i="5"/>
  <c r="P3799" i="5"/>
  <c r="P3800" i="5"/>
  <c r="P3801" i="5"/>
  <c r="P3802" i="5"/>
  <c r="P3803" i="5"/>
  <c r="P3804" i="5"/>
  <c r="P3805" i="5"/>
  <c r="P3806" i="5"/>
  <c r="P3807" i="5"/>
  <c r="P3808" i="5"/>
  <c r="P3809" i="5"/>
  <c r="P3810" i="5"/>
  <c r="P3811" i="5"/>
  <c r="P3812" i="5"/>
  <c r="P3813" i="5"/>
  <c r="P3814" i="5"/>
  <c r="P3815" i="5"/>
  <c r="P3816" i="5"/>
  <c r="P3817" i="5"/>
  <c r="P3818" i="5"/>
  <c r="P3819" i="5"/>
  <c r="P3820" i="5"/>
  <c r="P3821" i="5"/>
  <c r="P3822" i="5"/>
  <c r="P3823" i="5"/>
  <c r="P3824" i="5"/>
  <c r="P3825" i="5"/>
  <c r="P3826" i="5"/>
  <c r="P3827" i="5"/>
  <c r="P3828" i="5"/>
  <c r="P3829" i="5"/>
  <c r="P3830" i="5"/>
  <c r="P3831" i="5"/>
  <c r="P3832" i="5"/>
  <c r="P3833" i="5"/>
  <c r="P3834" i="5"/>
  <c r="P3835" i="5"/>
  <c r="P3836" i="5"/>
  <c r="P3837" i="5"/>
  <c r="P3838" i="5"/>
  <c r="P3839" i="5"/>
  <c r="P3840" i="5"/>
  <c r="P3841" i="5"/>
  <c r="P3842" i="5"/>
  <c r="P3843" i="5"/>
  <c r="P3844" i="5"/>
  <c r="P3845" i="5"/>
  <c r="P3846" i="5"/>
  <c r="P3847" i="5"/>
  <c r="P3848" i="5"/>
  <c r="P3849" i="5"/>
  <c r="P3850" i="5"/>
  <c r="P3851" i="5"/>
  <c r="P3852" i="5"/>
  <c r="P3853" i="5"/>
  <c r="P3854" i="5"/>
  <c r="P3855" i="5"/>
  <c r="P3856" i="5"/>
  <c r="P3857" i="5"/>
  <c r="P3858" i="5"/>
  <c r="P3859" i="5"/>
  <c r="P3860" i="5"/>
  <c r="P3861" i="5"/>
  <c r="P3862" i="5"/>
  <c r="P3863" i="5"/>
  <c r="P3864" i="5"/>
  <c r="P3865" i="5"/>
  <c r="P3866" i="5"/>
  <c r="P3867" i="5"/>
  <c r="P3868" i="5"/>
  <c r="P3869" i="5"/>
  <c r="P3870" i="5"/>
  <c r="P3871" i="5"/>
  <c r="P3872" i="5"/>
  <c r="P3873" i="5"/>
  <c r="P3874" i="5"/>
  <c r="P3875" i="5"/>
  <c r="P3876" i="5"/>
  <c r="P3877" i="5"/>
  <c r="P3878" i="5"/>
  <c r="P3879" i="5"/>
  <c r="P3880" i="5"/>
  <c r="P3881" i="5"/>
  <c r="P3882" i="5"/>
  <c r="P3883" i="5"/>
  <c r="P3884" i="5"/>
  <c r="P3885" i="5"/>
  <c r="P3886" i="5"/>
  <c r="P3887" i="5"/>
  <c r="P3888" i="5"/>
  <c r="P3889" i="5"/>
  <c r="P3890" i="5"/>
  <c r="P3891" i="5"/>
  <c r="P3892" i="5"/>
  <c r="P3893" i="5"/>
  <c r="P3894" i="5"/>
  <c r="P3895" i="5"/>
  <c r="P3896" i="5"/>
  <c r="P3897" i="5"/>
  <c r="P3898" i="5"/>
  <c r="P3899" i="5"/>
  <c r="P3900" i="5"/>
  <c r="P3901" i="5"/>
  <c r="P3902" i="5"/>
  <c r="P3903" i="5"/>
  <c r="P3904" i="5"/>
  <c r="P3905" i="5"/>
  <c r="P3906" i="5"/>
  <c r="P3907" i="5"/>
  <c r="P3908" i="5"/>
  <c r="P3909" i="5"/>
  <c r="P3910" i="5"/>
  <c r="P3911" i="5"/>
  <c r="P3912" i="5"/>
  <c r="P3913" i="5"/>
  <c r="P3914" i="5"/>
  <c r="P3915" i="5"/>
  <c r="P3916" i="5"/>
  <c r="P3917" i="5"/>
  <c r="P3918" i="5"/>
  <c r="P3919" i="5"/>
  <c r="P3920" i="5"/>
  <c r="P3921" i="5"/>
  <c r="P3922" i="5"/>
  <c r="P3923" i="5"/>
  <c r="P3924" i="5"/>
  <c r="P3925" i="5"/>
  <c r="P3926" i="5"/>
  <c r="P3927" i="5"/>
  <c r="P3928" i="5"/>
  <c r="P3929" i="5"/>
  <c r="P3930" i="5"/>
  <c r="P3931" i="5"/>
  <c r="P3932" i="5"/>
  <c r="P3933" i="5"/>
  <c r="P3934" i="5"/>
  <c r="P3935" i="5"/>
  <c r="P3936" i="5"/>
  <c r="P3937" i="5"/>
  <c r="P3938" i="5"/>
  <c r="P3939" i="5"/>
  <c r="P3940" i="5"/>
  <c r="P3941" i="5"/>
  <c r="P3942" i="5"/>
  <c r="P3943" i="5"/>
  <c r="P3944" i="5"/>
  <c r="P3945" i="5"/>
  <c r="P3946" i="5"/>
  <c r="P3947" i="5"/>
  <c r="P3948" i="5"/>
  <c r="P3949" i="5"/>
  <c r="P3950" i="5"/>
  <c r="P3951" i="5"/>
  <c r="P3952" i="5"/>
  <c r="P3953" i="5"/>
  <c r="P3954" i="5"/>
  <c r="P3955" i="5"/>
  <c r="P3956" i="5"/>
  <c r="P3957" i="5"/>
  <c r="P3958" i="5"/>
  <c r="P3959" i="5"/>
  <c r="P3960" i="5"/>
  <c r="P3961" i="5"/>
  <c r="P3962" i="5"/>
  <c r="P3963" i="5"/>
  <c r="P3964" i="5"/>
  <c r="P3965" i="5"/>
  <c r="P3966" i="5"/>
  <c r="P3967" i="5"/>
  <c r="P3968" i="5"/>
  <c r="P3969" i="5"/>
  <c r="P3970" i="5"/>
  <c r="P3971" i="5"/>
  <c r="P3972" i="5"/>
  <c r="P3973" i="5"/>
  <c r="P3974" i="5"/>
  <c r="P3975" i="5"/>
  <c r="P3976" i="5"/>
  <c r="P3977" i="5"/>
  <c r="P3978" i="5"/>
  <c r="P3979" i="5"/>
  <c r="P3980" i="5"/>
  <c r="P3981" i="5"/>
  <c r="P3982" i="5"/>
  <c r="P3983" i="5"/>
  <c r="P3984" i="5"/>
  <c r="P3985" i="5"/>
  <c r="P3986" i="5"/>
  <c r="P3987" i="5"/>
  <c r="P3988" i="5"/>
  <c r="P3989" i="5"/>
  <c r="P3990" i="5"/>
  <c r="P3991" i="5"/>
  <c r="P3992" i="5"/>
  <c r="P3993" i="5"/>
  <c r="P3994" i="5"/>
  <c r="P3995" i="5"/>
  <c r="P3996" i="5"/>
  <c r="P3997" i="5"/>
  <c r="P3998" i="5"/>
  <c r="P3999" i="5"/>
  <c r="P4000" i="5"/>
  <c r="P4001" i="5"/>
  <c r="P4002" i="5"/>
  <c r="P4003" i="5"/>
  <c r="P4004" i="5"/>
  <c r="P4005" i="5"/>
  <c r="P4006" i="5"/>
  <c r="P4007" i="5"/>
  <c r="P4008" i="5"/>
  <c r="P4009" i="5"/>
  <c r="P4010" i="5"/>
  <c r="P4011" i="5"/>
  <c r="P4012" i="5"/>
  <c r="P4013" i="5"/>
  <c r="P4014" i="5"/>
  <c r="P4015" i="5"/>
  <c r="P4016" i="5"/>
  <c r="P4017" i="5"/>
  <c r="P4018" i="5"/>
  <c r="P4019" i="5"/>
  <c r="P4020" i="5"/>
  <c r="P4021" i="5"/>
  <c r="P4022" i="5"/>
  <c r="P4023" i="5"/>
  <c r="P4024" i="5"/>
  <c r="P4025" i="5"/>
  <c r="P4026" i="5"/>
  <c r="P4027" i="5"/>
  <c r="P4028" i="5"/>
  <c r="P4029" i="5"/>
  <c r="P4030" i="5"/>
  <c r="P4031" i="5"/>
  <c r="P4032" i="5"/>
  <c r="P4033" i="5"/>
  <c r="P4034" i="5"/>
  <c r="P4035" i="5"/>
  <c r="P4036" i="5"/>
  <c r="P4037" i="5"/>
  <c r="P4038" i="5"/>
  <c r="P4039" i="5"/>
  <c r="P4040" i="5"/>
  <c r="P4041" i="5"/>
  <c r="P4042" i="5"/>
  <c r="P4043" i="5"/>
  <c r="P4044" i="5"/>
  <c r="P4045" i="5"/>
  <c r="P4046" i="5"/>
  <c r="P4047" i="5"/>
  <c r="P4048" i="5"/>
  <c r="P4049" i="5"/>
  <c r="P4050" i="5"/>
  <c r="P4051" i="5"/>
  <c r="P4052" i="5"/>
  <c r="P4053" i="5"/>
  <c r="P4054" i="5"/>
  <c r="P4055" i="5"/>
  <c r="P4056" i="5"/>
  <c r="P4057" i="5"/>
  <c r="P4058" i="5"/>
  <c r="P4059" i="5"/>
  <c r="P4060" i="5"/>
  <c r="P4061" i="5"/>
  <c r="P4062" i="5"/>
  <c r="P4063" i="5"/>
  <c r="P4064" i="5"/>
  <c r="P4065" i="5"/>
  <c r="P4066" i="5"/>
  <c r="P4067" i="5"/>
  <c r="P4068" i="5"/>
  <c r="P4069" i="5"/>
  <c r="P4070" i="5"/>
  <c r="P4071" i="5"/>
  <c r="P4072" i="5"/>
  <c r="P4073" i="5"/>
  <c r="P4074" i="5"/>
  <c r="P4075" i="5"/>
  <c r="P4076" i="5"/>
  <c r="P4077" i="5"/>
  <c r="P4078" i="5"/>
  <c r="P4079" i="5"/>
  <c r="P4080" i="5"/>
  <c r="P4081" i="5"/>
  <c r="P4082" i="5"/>
  <c r="P4083" i="5"/>
  <c r="P4084" i="5"/>
  <c r="P4085" i="5"/>
  <c r="P4086" i="5"/>
  <c r="P4087" i="5"/>
  <c r="P4088" i="5"/>
  <c r="P4089" i="5"/>
  <c r="P4090" i="5"/>
  <c r="P4091" i="5"/>
  <c r="P4092" i="5"/>
  <c r="P4093" i="5"/>
  <c r="P4094" i="5"/>
  <c r="P4095" i="5"/>
  <c r="P4096" i="5"/>
  <c r="P4097" i="5"/>
  <c r="P4098" i="5"/>
  <c r="P4099" i="5"/>
  <c r="P4100" i="5"/>
  <c r="P4101" i="5"/>
  <c r="P4102" i="5"/>
  <c r="P4103" i="5"/>
  <c r="P4104" i="5"/>
  <c r="P4105" i="5"/>
  <c r="P4106" i="5"/>
  <c r="P4107" i="5"/>
  <c r="P4108" i="5"/>
  <c r="P4109" i="5"/>
  <c r="P4110" i="5"/>
  <c r="P4111" i="5"/>
  <c r="P4112" i="5"/>
  <c r="P4113" i="5"/>
  <c r="P4114" i="5"/>
  <c r="P4115" i="5"/>
  <c r="P4116" i="5"/>
  <c r="P4117" i="5"/>
  <c r="P4118" i="5"/>
  <c r="P4119" i="5"/>
  <c r="P4120" i="5"/>
  <c r="P4121" i="5"/>
  <c r="P4122" i="5"/>
  <c r="P4123" i="5"/>
  <c r="P4124" i="5"/>
  <c r="P4125" i="5"/>
  <c r="P4126" i="5"/>
  <c r="P4127" i="5"/>
  <c r="P4128" i="5"/>
  <c r="P4129" i="5"/>
  <c r="P4130" i="5"/>
  <c r="P4131" i="5"/>
  <c r="P4132" i="5"/>
  <c r="P4133" i="5"/>
  <c r="P4134" i="5"/>
  <c r="P4135" i="5"/>
  <c r="P4136" i="5"/>
  <c r="P4137" i="5"/>
  <c r="P4138" i="5"/>
  <c r="P4139" i="5"/>
  <c r="P4140" i="5"/>
  <c r="P4141" i="5"/>
  <c r="P4142" i="5"/>
  <c r="P4143" i="5"/>
  <c r="P4144" i="5"/>
  <c r="P4145" i="5"/>
  <c r="P4146" i="5"/>
  <c r="P4147" i="5"/>
  <c r="P4148" i="5"/>
  <c r="P4149" i="5"/>
  <c r="P4150" i="5"/>
  <c r="P4151" i="5"/>
  <c r="P4152" i="5"/>
  <c r="P4153" i="5"/>
  <c r="P4154" i="5"/>
  <c r="P4155" i="5"/>
  <c r="P4156" i="5"/>
  <c r="P4157" i="5"/>
  <c r="P4158" i="5"/>
  <c r="P4159" i="5"/>
  <c r="P4160" i="5"/>
  <c r="P4161" i="5"/>
  <c r="P4162" i="5"/>
  <c r="P4163" i="5"/>
  <c r="P4164" i="5"/>
  <c r="P4165" i="5"/>
  <c r="P4166" i="5"/>
  <c r="P4167" i="5"/>
  <c r="P4168" i="5"/>
  <c r="P4169" i="5"/>
  <c r="P4170" i="5"/>
  <c r="P4171" i="5"/>
  <c r="P4172" i="5"/>
  <c r="P4173" i="5"/>
  <c r="P4174" i="5"/>
  <c r="P4175" i="5"/>
  <c r="P4176" i="5"/>
  <c r="P4177" i="5"/>
  <c r="P4178" i="5"/>
  <c r="P4179" i="5"/>
  <c r="P4180" i="5"/>
  <c r="P4181" i="5"/>
  <c r="P4182" i="5"/>
  <c r="P4183" i="5"/>
  <c r="P4184" i="5"/>
  <c r="P4185" i="5"/>
  <c r="P4186" i="5"/>
  <c r="P4187" i="5"/>
  <c r="P4188" i="5"/>
  <c r="P4189" i="5"/>
  <c r="P4190" i="5"/>
  <c r="P4191" i="5"/>
  <c r="P4192" i="5"/>
  <c r="P4193" i="5"/>
  <c r="P4194" i="5"/>
  <c r="P4195" i="5"/>
  <c r="P4196" i="5"/>
  <c r="P4197" i="5"/>
  <c r="P4198" i="5"/>
  <c r="P4199" i="5"/>
  <c r="P4200" i="5"/>
  <c r="P4201" i="5"/>
  <c r="P4202" i="5"/>
  <c r="P4203" i="5"/>
  <c r="P4204" i="5"/>
  <c r="P4205" i="5"/>
  <c r="P4206" i="5"/>
  <c r="P4207" i="5"/>
  <c r="P4208" i="5"/>
  <c r="P4209" i="5"/>
  <c r="P4210" i="5"/>
  <c r="P4211" i="5"/>
  <c r="P4212" i="5"/>
  <c r="P4213" i="5"/>
  <c r="P4214" i="5"/>
  <c r="P4215" i="5"/>
  <c r="P4216" i="5"/>
  <c r="P4217" i="5"/>
  <c r="P4218" i="5"/>
  <c r="P4219" i="5"/>
  <c r="P4220" i="5"/>
  <c r="P4221" i="5"/>
  <c r="P4222" i="5"/>
  <c r="P4223" i="5"/>
  <c r="P4224" i="5"/>
  <c r="P4225" i="5"/>
  <c r="P4226" i="5"/>
  <c r="P4227" i="5"/>
  <c r="P4228" i="5"/>
  <c r="P4229" i="5"/>
  <c r="P4230" i="5"/>
  <c r="P4231" i="5"/>
  <c r="P4232" i="5"/>
  <c r="P4233" i="5"/>
  <c r="P4234" i="5"/>
  <c r="P4235" i="5"/>
  <c r="P4236" i="5"/>
  <c r="P4237" i="5"/>
  <c r="P4238" i="5"/>
  <c r="P4239" i="5"/>
  <c r="P4240" i="5"/>
  <c r="P4241" i="5"/>
  <c r="P4242" i="5"/>
  <c r="P4243" i="5"/>
  <c r="P4244" i="5"/>
  <c r="P4245" i="5"/>
  <c r="P4246" i="5"/>
  <c r="P4247" i="5"/>
  <c r="P4248" i="5"/>
  <c r="P4249" i="5"/>
  <c r="P4250" i="5"/>
  <c r="P4251" i="5"/>
  <c r="P4252" i="5"/>
  <c r="P4253" i="5"/>
  <c r="P4254" i="5"/>
  <c r="P4255" i="5"/>
  <c r="P4256" i="5"/>
  <c r="P4257" i="5"/>
  <c r="P4258" i="5"/>
  <c r="P4259" i="5"/>
  <c r="P4260" i="5"/>
  <c r="P4261" i="5"/>
  <c r="P4262" i="5"/>
  <c r="P4263" i="5"/>
  <c r="P4264" i="5"/>
  <c r="P4265" i="5"/>
  <c r="P4266" i="5"/>
  <c r="P4267" i="5"/>
  <c r="P4268" i="5"/>
  <c r="P4269" i="5"/>
  <c r="P4270" i="5"/>
  <c r="P4271" i="5"/>
  <c r="P4272" i="5"/>
  <c r="P4273" i="5"/>
  <c r="P4274" i="5"/>
  <c r="P4275" i="5"/>
  <c r="P4276" i="5"/>
  <c r="P4277" i="5"/>
  <c r="P4278" i="5"/>
  <c r="P4279" i="5"/>
  <c r="P4280" i="5"/>
  <c r="P4281" i="5"/>
  <c r="P4282" i="5"/>
  <c r="P4283" i="5"/>
  <c r="P4284" i="5"/>
  <c r="P4285" i="5"/>
  <c r="P4286" i="5"/>
  <c r="P4287" i="5"/>
  <c r="P4288" i="5"/>
  <c r="P4289" i="5"/>
  <c r="P4290" i="5"/>
  <c r="P4291" i="5"/>
  <c r="P4292" i="5"/>
  <c r="P4293" i="5"/>
  <c r="P4294" i="5"/>
  <c r="P4295" i="5"/>
  <c r="P4296" i="5"/>
  <c r="P4297" i="5"/>
  <c r="P4298" i="5"/>
  <c r="P4299" i="5"/>
  <c r="P4300" i="5"/>
  <c r="P4301" i="5"/>
  <c r="P4302" i="5"/>
  <c r="P4303" i="5"/>
  <c r="P4304" i="5"/>
  <c r="P4305" i="5"/>
  <c r="P4306" i="5"/>
  <c r="P4307" i="5"/>
  <c r="P4308" i="5"/>
  <c r="P4309" i="5"/>
  <c r="P4310" i="5"/>
  <c r="P4311" i="5"/>
  <c r="P4312" i="5"/>
  <c r="P4313" i="5"/>
  <c r="P4314" i="5"/>
  <c r="P4315" i="5"/>
  <c r="P4316" i="5"/>
  <c r="P4317" i="5"/>
  <c r="P4318" i="5"/>
  <c r="P4319" i="5"/>
  <c r="P4320" i="5"/>
  <c r="P4321" i="5"/>
  <c r="P4322" i="5"/>
  <c r="P4323" i="5"/>
  <c r="P4324" i="5"/>
  <c r="P4325" i="5"/>
  <c r="P4326" i="5"/>
  <c r="P4327" i="5"/>
  <c r="P4328" i="5"/>
  <c r="P4329" i="5"/>
  <c r="P4330" i="5"/>
  <c r="P4331" i="5"/>
  <c r="P4332" i="5"/>
  <c r="P4333" i="5"/>
  <c r="P4334" i="5"/>
  <c r="P4335" i="5"/>
  <c r="P4336" i="5"/>
  <c r="P4337" i="5"/>
  <c r="P4338" i="5"/>
  <c r="P4339" i="5"/>
  <c r="P4340" i="5"/>
  <c r="P4341" i="5"/>
  <c r="P4342" i="5"/>
  <c r="P4343" i="5"/>
  <c r="P4344" i="5"/>
  <c r="P4345" i="5"/>
  <c r="P4346" i="5"/>
  <c r="P4347" i="5"/>
  <c r="P4348" i="5"/>
  <c r="P4349" i="5"/>
  <c r="P4350" i="5"/>
  <c r="P4351" i="5"/>
  <c r="P4352" i="5"/>
  <c r="P4353" i="5"/>
  <c r="P4354" i="5"/>
  <c r="P4355" i="5"/>
  <c r="P4356" i="5"/>
  <c r="P4357" i="5"/>
  <c r="P4358" i="5"/>
  <c r="P4359" i="5"/>
  <c r="P4360" i="5"/>
  <c r="P4361" i="5"/>
  <c r="P4362" i="5"/>
  <c r="P4363" i="5"/>
  <c r="P4364" i="5"/>
  <c r="P4365" i="5"/>
  <c r="P4366" i="5"/>
  <c r="P4367" i="5"/>
  <c r="P4368" i="5"/>
  <c r="P4369" i="5"/>
  <c r="P4370" i="5"/>
  <c r="P4371" i="5"/>
  <c r="P4372" i="5"/>
  <c r="P4373" i="5"/>
  <c r="P4374" i="5"/>
  <c r="P4375" i="5"/>
  <c r="P4376" i="5"/>
  <c r="P4377" i="5"/>
  <c r="P4378" i="5"/>
  <c r="P4379" i="5"/>
  <c r="P4380" i="5"/>
  <c r="P4381" i="5"/>
  <c r="P4382" i="5"/>
  <c r="P4383" i="5"/>
  <c r="P4384" i="5"/>
  <c r="P4385" i="5"/>
  <c r="P4386" i="5"/>
  <c r="P4387" i="5"/>
  <c r="P4388" i="5"/>
  <c r="P4389" i="5"/>
  <c r="P4390" i="5"/>
  <c r="P4391" i="5"/>
  <c r="P4392" i="5"/>
  <c r="P4393" i="5"/>
  <c r="P4394" i="5"/>
  <c r="P4395" i="5"/>
  <c r="P4396" i="5"/>
  <c r="P4397" i="5"/>
  <c r="P4398" i="5"/>
  <c r="P4399" i="5"/>
  <c r="P4400" i="5"/>
  <c r="P4401" i="5"/>
  <c r="P4402" i="5"/>
  <c r="P4403" i="5"/>
  <c r="P4404" i="5"/>
  <c r="P4405" i="5"/>
  <c r="P4406" i="5"/>
  <c r="P4407" i="5"/>
  <c r="P4408" i="5"/>
  <c r="P4409" i="5"/>
  <c r="P4410" i="5"/>
  <c r="P4411" i="5"/>
  <c r="P4412" i="5"/>
  <c r="P4413" i="5"/>
  <c r="P4414" i="5"/>
  <c r="P4415" i="5"/>
  <c r="P4416" i="5"/>
  <c r="P4417" i="5"/>
  <c r="P4418" i="5"/>
  <c r="P4419" i="5"/>
  <c r="P4420" i="5"/>
  <c r="P4421" i="5"/>
  <c r="P4422" i="5"/>
  <c r="P4423" i="5"/>
  <c r="P4424" i="5"/>
  <c r="P4425" i="5"/>
  <c r="P4426" i="5"/>
  <c r="P4427" i="5"/>
  <c r="P4428" i="5"/>
  <c r="P4429" i="5"/>
  <c r="P4430" i="5"/>
  <c r="P4431" i="5"/>
  <c r="P4432" i="5"/>
  <c r="P4433" i="5"/>
  <c r="P4434" i="5"/>
  <c r="P4435" i="5"/>
  <c r="P4436" i="5"/>
  <c r="P4437" i="5"/>
  <c r="P4438" i="5"/>
  <c r="P4439" i="5"/>
  <c r="P4440" i="5"/>
  <c r="P4441" i="5"/>
  <c r="P4442" i="5"/>
  <c r="P4443" i="5"/>
  <c r="P4444" i="5"/>
  <c r="P4445" i="5"/>
  <c r="P4446" i="5"/>
  <c r="P4447" i="5"/>
  <c r="P4448" i="5"/>
  <c r="P4449" i="5"/>
  <c r="P4450" i="5"/>
  <c r="P4451" i="5"/>
  <c r="P4452" i="5"/>
  <c r="P4453" i="5"/>
  <c r="P4454" i="5"/>
  <c r="P4455" i="5"/>
  <c r="P4456" i="5"/>
  <c r="P4457" i="5"/>
  <c r="P4458" i="5"/>
  <c r="P4459" i="5"/>
  <c r="P4460" i="5"/>
  <c r="P4461" i="5"/>
  <c r="P4462" i="5"/>
  <c r="P4463" i="5"/>
  <c r="P4464" i="5"/>
  <c r="P4465" i="5"/>
  <c r="P4466" i="5"/>
  <c r="P4467" i="5"/>
  <c r="P4468" i="5"/>
  <c r="P4469" i="5"/>
  <c r="P4470" i="5"/>
  <c r="P4471" i="5"/>
  <c r="P4472" i="5"/>
  <c r="P4473" i="5"/>
  <c r="P4474" i="5"/>
  <c r="P4475" i="5"/>
  <c r="P4476" i="5"/>
  <c r="P4477" i="5"/>
  <c r="P4478" i="5"/>
  <c r="P4479" i="5"/>
  <c r="P4480" i="5"/>
  <c r="P4481" i="5"/>
  <c r="P4482" i="5"/>
  <c r="P4483" i="5"/>
  <c r="P4484" i="5"/>
  <c r="P4485" i="5"/>
  <c r="P4486" i="5"/>
  <c r="P4487" i="5"/>
  <c r="P4488" i="5"/>
  <c r="P4489" i="5"/>
  <c r="P4490" i="5"/>
  <c r="P4491" i="5"/>
  <c r="P4492" i="5"/>
  <c r="P4493" i="5"/>
  <c r="P4494" i="5"/>
  <c r="P4495" i="5"/>
  <c r="P4496" i="5"/>
  <c r="P4497" i="5"/>
  <c r="P4498" i="5"/>
  <c r="P4499" i="5"/>
  <c r="P4500" i="5"/>
  <c r="P4501" i="5"/>
  <c r="P4502" i="5"/>
  <c r="P4503" i="5"/>
  <c r="P4504" i="5"/>
  <c r="P4505" i="5"/>
  <c r="P4506" i="5"/>
  <c r="P4507" i="5"/>
  <c r="P4508" i="5"/>
  <c r="P4509" i="5"/>
  <c r="P4510" i="5"/>
  <c r="P4511" i="5"/>
  <c r="P4512" i="5"/>
  <c r="P4513" i="5"/>
  <c r="P4514" i="5"/>
  <c r="P4515" i="5"/>
  <c r="P4516" i="5"/>
  <c r="P4517" i="5"/>
  <c r="P4518" i="5"/>
  <c r="P4519" i="5"/>
  <c r="P4520" i="5"/>
  <c r="P4521" i="5"/>
  <c r="P4522" i="5"/>
  <c r="P4523" i="5"/>
  <c r="P4524" i="5"/>
  <c r="P4525" i="5"/>
  <c r="P4526" i="5"/>
  <c r="P4527" i="5"/>
  <c r="P4528" i="5"/>
  <c r="P4529" i="5"/>
  <c r="P4530" i="5"/>
  <c r="P4531" i="5"/>
  <c r="P4532" i="5"/>
  <c r="P4533" i="5"/>
  <c r="P4534" i="5"/>
  <c r="P4535" i="5"/>
  <c r="P4536" i="5"/>
  <c r="P4537" i="5"/>
  <c r="P4538" i="5"/>
  <c r="P4539" i="5"/>
  <c r="P4540" i="5"/>
  <c r="P4541" i="5"/>
  <c r="P4542" i="5"/>
  <c r="P4543" i="5"/>
  <c r="P4544" i="5"/>
  <c r="P4545" i="5"/>
  <c r="P4546" i="5"/>
  <c r="P4547" i="5"/>
  <c r="P4548" i="5"/>
  <c r="P4549" i="5"/>
  <c r="P4550" i="5"/>
  <c r="P4551" i="5"/>
  <c r="P4552" i="5"/>
  <c r="P4553" i="5"/>
  <c r="P4554" i="5"/>
  <c r="P4555" i="5"/>
  <c r="P4556" i="5"/>
  <c r="P4557" i="5"/>
  <c r="P4558" i="5"/>
  <c r="P4559" i="5"/>
  <c r="P4560" i="5"/>
  <c r="P4561" i="5"/>
  <c r="P4562" i="5"/>
  <c r="P4563" i="5"/>
  <c r="P4564" i="5"/>
  <c r="P4565" i="5"/>
  <c r="P4566" i="5"/>
  <c r="P4567" i="5"/>
  <c r="P4568" i="5"/>
  <c r="P4569" i="5"/>
  <c r="P4570" i="5"/>
  <c r="P4571" i="5"/>
  <c r="P4572" i="5"/>
  <c r="P4573" i="5"/>
  <c r="P4574" i="5"/>
  <c r="P4575" i="5"/>
  <c r="P4576" i="5"/>
  <c r="P4577" i="5"/>
  <c r="P4578" i="5"/>
  <c r="P4579" i="5"/>
  <c r="P4580" i="5"/>
  <c r="P4581" i="5"/>
  <c r="P4582" i="5"/>
  <c r="P4583" i="5"/>
  <c r="P4584" i="5"/>
  <c r="P4585" i="5"/>
  <c r="P4586" i="5"/>
  <c r="P4587" i="5"/>
  <c r="P4588" i="5"/>
  <c r="P4589" i="5"/>
  <c r="P4590" i="5"/>
  <c r="P4591" i="5"/>
  <c r="P4592" i="5"/>
  <c r="P4593" i="5"/>
  <c r="P4594" i="5"/>
  <c r="P4595" i="5"/>
  <c r="P4596" i="5"/>
  <c r="P4597" i="5"/>
  <c r="P4598" i="5"/>
  <c r="P4599" i="5"/>
  <c r="P4600" i="5"/>
  <c r="P4601" i="5"/>
  <c r="P4602" i="5"/>
  <c r="P4603" i="5"/>
  <c r="P4604" i="5"/>
  <c r="P4605" i="5"/>
  <c r="P4606" i="5"/>
  <c r="P4607" i="5"/>
  <c r="P4608" i="5"/>
  <c r="P4609" i="5"/>
  <c r="P4610" i="5"/>
  <c r="P4611" i="5"/>
  <c r="P4612" i="5"/>
  <c r="P4613" i="5"/>
  <c r="P4614" i="5"/>
  <c r="P4615" i="5"/>
  <c r="P4616" i="5"/>
  <c r="P4617" i="5"/>
  <c r="P4618" i="5"/>
  <c r="P4619" i="5"/>
  <c r="P4620" i="5"/>
  <c r="P4621" i="5"/>
  <c r="P4622" i="5"/>
  <c r="P4623" i="5"/>
  <c r="P4624" i="5"/>
  <c r="P4625" i="5"/>
  <c r="P4626" i="5"/>
  <c r="P4627" i="5"/>
  <c r="P4628" i="5"/>
  <c r="P4629" i="5"/>
  <c r="P4630" i="5"/>
  <c r="P4631" i="5"/>
  <c r="P4632" i="5"/>
  <c r="P4633" i="5"/>
  <c r="P4634" i="5"/>
  <c r="P4635" i="5"/>
  <c r="P4636" i="5"/>
  <c r="P4637" i="5"/>
  <c r="P4638" i="5"/>
  <c r="P4639" i="5"/>
  <c r="P4640" i="5"/>
  <c r="P4641" i="5"/>
  <c r="P4642" i="5"/>
  <c r="P4643" i="5"/>
  <c r="P4644" i="5"/>
  <c r="P4645" i="5"/>
  <c r="P4646" i="5"/>
  <c r="P4647" i="5"/>
  <c r="P4648" i="5"/>
  <c r="P4649" i="5"/>
  <c r="P4650" i="5"/>
  <c r="P4651" i="5"/>
  <c r="P4652" i="5"/>
  <c r="P4653" i="5"/>
  <c r="P4654" i="5"/>
  <c r="P4655" i="5"/>
  <c r="P4656" i="5"/>
  <c r="P4657" i="5"/>
  <c r="P4658" i="5"/>
  <c r="P4659" i="5"/>
  <c r="P4660" i="5"/>
  <c r="P4661" i="5"/>
  <c r="P4662" i="5"/>
  <c r="P4663" i="5"/>
  <c r="P4664" i="5"/>
  <c r="P4665" i="5"/>
  <c r="P4666" i="5"/>
  <c r="P4667" i="5"/>
  <c r="P4668" i="5"/>
  <c r="P4669" i="5"/>
  <c r="P4670" i="5"/>
  <c r="P4671" i="5"/>
  <c r="P4672" i="5"/>
  <c r="P4673" i="5"/>
  <c r="P4674" i="5"/>
  <c r="P4675" i="5"/>
  <c r="P4676" i="5"/>
  <c r="P4677" i="5"/>
  <c r="P4678" i="5"/>
  <c r="P4679" i="5"/>
  <c r="P4680" i="5"/>
  <c r="P4681" i="5"/>
  <c r="P4682" i="5"/>
  <c r="P4683" i="5"/>
  <c r="P4684" i="5"/>
  <c r="P4685" i="5"/>
  <c r="P4686" i="5"/>
  <c r="P4687" i="5"/>
  <c r="P4688" i="5"/>
  <c r="P4689" i="5"/>
  <c r="P4690" i="5"/>
  <c r="P4691" i="5"/>
  <c r="P4692" i="5"/>
  <c r="P4693" i="5"/>
  <c r="P4694" i="5"/>
  <c r="P4695" i="5"/>
  <c r="P4696" i="5"/>
  <c r="P4697" i="5"/>
  <c r="P4698" i="5"/>
  <c r="P4699" i="5"/>
  <c r="P4700" i="5"/>
  <c r="P4701" i="5"/>
  <c r="P4702" i="5"/>
  <c r="P4703" i="5"/>
  <c r="P4704" i="5"/>
  <c r="P4705" i="5"/>
  <c r="P4706" i="5"/>
  <c r="P4707" i="5"/>
  <c r="P4708" i="5"/>
  <c r="P4709" i="5"/>
  <c r="P4710" i="5"/>
  <c r="P4711" i="5"/>
  <c r="P4712" i="5"/>
  <c r="P4713" i="5"/>
  <c r="P4714" i="5"/>
  <c r="P4715" i="5"/>
  <c r="P4716" i="5"/>
  <c r="P4717" i="5"/>
  <c r="P4718" i="5"/>
  <c r="P4719" i="5"/>
  <c r="P4720" i="5"/>
  <c r="P4721" i="5"/>
  <c r="P4722" i="5"/>
  <c r="P4723" i="5"/>
  <c r="P4724" i="5"/>
  <c r="P4725" i="5"/>
  <c r="P4726" i="5"/>
  <c r="P4727" i="5"/>
  <c r="P4728" i="5"/>
  <c r="P4729" i="5"/>
  <c r="P4730" i="5"/>
  <c r="P4731" i="5"/>
  <c r="P4732" i="5"/>
  <c r="P4733" i="5"/>
  <c r="P4734" i="5"/>
  <c r="P4735" i="5"/>
  <c r="P4736" i="5"/>
  <c r="P4737" i="5"/>
  <c r="P4738" i="5"/>
  <c r="P4739" i="5"/>
  <c r="P4740" i="5"/>
  <c r="P4741" i="5"/>
  <c r="P4742" i="5"/>
  <c r="P4743" i="5"/>
  <c r="P4744" i="5"/>
  <c r="P4745" i="5"/>
  <c r="P4746" i="5"/>
  <c r="P4747" i="5"/>
  <c r="P4748" i="5"/>
  <c r="P4749" i="5"/>
  <c r="P4750" i="5"/>
  <c r="P4751" i="5"/>
  <c r="P4752" i="5"/>
  <c r="P4753" i="5"/>
  <c r="P4754" i="5"/>
  <c r="P4755" i="5"/>
  <c r="P4756" i="5"/>
  <c r="P4757" i="5"/>
  <c r="P4758" i="5"/>
  <c r="P4759" i="5"/>
  <c r="P4760" i="5"/>
  <c r="P4761" i="5"/>
  <c r="P4762" i="5"/>
  <c r="P4763" i="5"/>
  <c r="P4764" i="5"/>
  <c r="P4765" i="5"/>
  <c r="P4766" i="5"/>
  <c r="P4767" i="5"/>
  <c r="P4768" i="5"/>
  <c r="P4769" i="5"/>
  <c r="P4770" i="5"/>
  <c r="P4771" i="5"/>
  <c r="P4772" i="5"/>
  <c r="P4773" i="5"/>
  <c r="P4774" i="5"/>
  <c r="P4775" i="5"/>
  <c r="P4776" i="5"/>
  <c r="P4777" i="5"/>
  <c r="P4778" i="5"/>
  <c r="P4779" i="5"/>
  <c r="P4780" i="5"/>
  <c r="P4781" i="5"/>
  <c r="P4782" i="5"/>
  <c r="P4783" i="5"/>
  <c r="P4784" i="5"/>
  <c r="P4785" i="5"/>
  <c r="P4786" i="5"/>
  <c r="P4787" i="5"/>
  <c r="P4788" i="5"/>
  <c r="P4789" i="5"/>
  <c r="P4790" i="5"/>
  <c r="P4791" i="5"/>
  <c r="P4792" i="5"/>
  <c r="P4793" i="5"/>
  <c r="P4794" i="5"/>
  <c r="P4795" i="5"/>
  <c r="P4796" i="5"/>
  <c r="P4797" i="5"/>
  <c r="P4798" i="5"/>
  <c r="P4799" i="5"/>
  <c r="P4800" i="5"/>
  <c r="P4801" i="5"/>
  <c r="P4802" i="5"/>
  <c r="P4803" i="5"/>
  <c r="P4804" i="5"/>
  <c r="P4805" i="5"/>
  <c r="P4806" i="5"/>
  <c r="P4807" i="5"/>
  <c r="P4808" i="5"/>
  <c r="P4809" i="5"/>
  <c r="P4810" i="5"/>
  <c r="P4811" i="5"/>
  <c r="P4812" i="5"/>
  <c r="P4813" i="5"/>
  <c r="P4814" i="5"/>
  <c r="P4815" i="5"/>
  <c r="P4816" i="5"/>
  <c r="P4817" i="5"/>
  <c r="P4818" i="5"/>
  <c r="P4819" i="5"/>
  <c r="P4820" i="5"/>
  <c r="P4821" i="5"/>
  <c r="P4822" i="5"/>
  <c r="P4823" i="5"/>
  <c r="P4824" i="5"/>
  <c r="P4825" i="5"/>
  <c r="P4826" i="5"/>
  <c r="P4827" i="5"/>
  <c r="P4828" i="5"/>
  <c r="P4829" i="5"/>
  <c r="P4830" i="5"/>
  <c r="P4831" i="5"/>
  <c r="P4832" i="5"/>
  <c r="P4833" i="5"/>
  <c r="P4834" i="5"/>
  <c r="P4835" i="5"/>
  <c r="P4836" i="5"/>
  <c r="P4837" i="5"/>
  <c r="P4838" i="5"/>
  <c r="P4839" i="5"/>
  <c r="P4840" i="5"/>
  <c r="P4841" i="5"/>
  <c r="P4842" i="5"/>
  <c r="P4843" i="5"/>
  <c r="P4844" i="5"/>
  <c r="P4845" i="5"/>
  <c r="P4846" i="5"/>
  <c r="P4847" i="5"/>
  <c r="P4848" i="5"/>
  <c r="P4849" i="5"/>
  <c r="P4850" i="5"/>
  <c r="P4851" i="5"/>
  <c r="P4852" i="5"/>
  <c r="P4853" i="5"/>
  <c r="P4854" i="5"/>
  <c r="P4855" i="5"/>
  <c r="P4856" i="5"/>
  <c r="P4857" i="5"/>
  <c r="P4858" i="5"/>
  <c r="P4859" i="5"/>
  <c r="P4860" i="5"/>
  <c r="P4861" i="5"/>
  <c r="P4862" i="5"/>
  <c r="P4863" i="5"/>
  <c r="P4864" i="5"/>
  <c r="P4865" i="5"/>
  <c r="P4866" i="5"/>
  <c r="P4867" i="5"/>
  <c r="P4868" i="5"/>
  <c r="P4869" i="5"/>
  <c r="P4870" i="5"/>
  <c r="P4871" i="5"/>
  <c r="P4872" i="5"/>
  <c r="P4873" i="5"/>
  <c r="P4874" i="5"/>
  <c r="P4875" i="5"/>
  <c r="P4876" i="5"/>
  <c r="P4877" i="5"/>
  <c r="P4878" i="5"/>
  <c r="P4879" i="5"/>
  <c r="P4880" i="5"/>
  <c r="P4881" i="5"/>
  <c r="P4882" i="5"/>
  <c r="P4883" i="5"/>
  <c r="P4884" i="5"/>
  <c r="P4885" i="5"/>
  <c r="P4886" i="5"/>
  <c r="P4887" i="5"/>
  <c r="P4888" i="5"/>
  <c r="P4889" i="5"/>
  <c r="P4890" i="5"/>
  <c r="P4891" i="5"/>
  <c r="P4892" i="5"/>
  <c r="P4893" i="5"/>
  <c r="P4894" i="5"/>
  <c r="P4895" i="5"/>
  <c r="P4896" i="5"/>
  <c r="P4897" i="5"/>
  <c r="P4898" i="5"/>
  <c r="P4899" i="5"/>
  <c r="P4900" i="5"/>
  <c r="P4901" i="5"/>
  <c r="P4902" i="5"/>
  <c r="P4903" i="5"/>
  <c r="P4904" i="5"/>
  <c r="P4905" i="5"/>
  <c r="P4906" i="5"/>
  <c r="P4907" i="5"/>
  <c r="P4908" i="5"/>
  <c r="P4909" i="5"/>
  <c r="P4910" i="5"/>
  <c r="P4911" i="5"/>
  <c r="P4912" i="5"/>
  <c r="P4913" i="5"/>
  <c r="P4914" i="5"/>
  <c r="P4915" i="5"/>
  <c r="P4916" i="5"/>
  <c r="P4917" i="5"/>
  <c r="P4918" i="5"/>
  <c r="P4919" i="5"/>
  <c r="P4920" i="5"/>
  <c r="P4921" i="5"/>
  <c r="P4922" i="5"/>
  <c r="P4923" i="5"/>
  <c r="P4924" i="5"/>
  <c r="P4925" i="5"/>
  <c r="P4926" i="5"/>
  <c r="P4927" i="5"/>
  <c r="P4928" i="5"/>
  <c r="P4929" i="5"/>
  <c r="P4930" i="5"/>
  <c r="P4931" i="5"/>
  <c r="P4932" i="5"/>
  <c r="P4933" i="5"/>
  <c r="P4934" i="5"/>
  <c r="P4935" i="5"/>
  <c r="P4936" i="5"/>
  <c r="P4937" i="5"/>
  <c r="P4938" i="5"/>
  <c r="P4939" i="5"/>
  <c r="P4940" i="5"/>
  <c r="P4941" i="5"/>
  <c r="P4942" i="5"/>
  <c r="P4943" i="5"/>
  <c r="P4944" i="5"/>
  <c r="P4945" i="5"/>
  <c r="P4946" i="5"/>
  <c r="P4947" i="5"/>
  <c r="P4948" i="5"/>
  <c r="P4949" i="5"/>
  <c r="P4950" i="5"/>
  <c r="P4951" i="5"/>
  <c r="P4952" i="5"/>
  <c r="P4953" i="5"/>
  <c r="P4954" i="5"/>
  <c r="P4955" i="5"/>
  <c r="P4956" i="5"/>
  <c r="P4957" i="5"/>
  <c r="P4958" i="5"/>
  <c r="P4959" i="5"/>
  <c r="P4960" i="5"/>
  <c r="P4961" i="5"/>
  <c r="P4962" i="5"/>
  <c r="P4963" i="5"/>
  <c r="P4964" i="5"/>
  <c r="P4965" i="5"/>
  <c r="P4966" i="5"/>
  <c r="P4967" i="5"/>
  <c r="P4968" i="5"/>
  <c r="P4969" i="5"/>
  <c r="P4970" i="5"/>
  <c r="P4971" i="5"/>
  <c r="P4972" i="5"/>
  <c r="P4973" i="5"/>
  <c r="P4974" i="5"/>
  <c r="P4975" i="5"/>
  <c r="P4976" i="5"/>
  <c r="P4977" i="5"/>
  <c r="P4978" i="5"/>
  <c r="P4979" i="5"/>
  <c r="P4980" i="5"/>
  <c r="P4981" i="5"/>
  <c r="P4982" i="5"/>
  <c r="P4983" i="5"/>
  <c r="P4984" i="5"/>
  <c r="P4985" i="5"/>
  <c r="P4986" i="5"/>
  <c r="P4987" i="5"/>
  <c r="P4988" i="5"/>
  <c r="P4989" i="5"/>
  <c r="P4990" i="5"/>
  <c r="P4991" i="5"/>
  <c r="P4992" i="5"/>
  <c r="P4993" i="5"/>
  <c r="P4994" i="5"/>
  <c r="P4995" i="5"/>
  <c r="P4996" i="5"/>
  <c r="P4997" i="5"/>
  <c r="P4998" i="5"/>
  <c r="P4999" i="5"/>
  <c r="P5000" i="5"/>
  <c r="P5001" i="5"/>
  <c r="P5002" i="5"/>
  <c r="P5003" i="5"/>
  <c r="P5004" i="5"/>
  <c r="P5005" i="5"/>
  <c r="P5006" i="5"/>
  <c r="P5007" i="5"/>
  <c r="P5008" i="5"/>
  <c r="P5009" i="5"/>
  <c r="P5010" i="5"/>
  <c r="P5011" i="5"/>
  <c r="P5012" i="5"/>
  <c r="P5013" i="5"/>
  <c r="P5014" i="5"/>
  <c r="P5015" i="5"/>
  <c r="P5016" i="5"/>
  <c r="P5017" i="5"/>
  <c r="P5018" i="5"/>
  <c r="P5019" i="5"/>
  <c r="P5020" i="5"/>
  <c r="P5021" i="5"/>
  <c r="P5022" i="5"/>
  <c r="P5023" i="5"/>
  <c r="P5024" i="5"/>
  <c r="P5025" i="5"/>
  <c r="P5026" i="5"/>
  <c r="P5027" i="5"/>
  <c r="P5028" i="5"/>
  <c r="P5029" i="5"/>
  <c r="P5030" i="5"/>
  <c r="P5031" i="5"/>
  <c r="P5032" i="5"/>
  <c r="P5033" i="5"/>
  <c r="P5034" i="5"/>
  <c r="P5035" i="5"/>
  <c r="P5036" i="5"/>
  <c r="P5037" i="5"/>
  <c r="P5038" i="5"/>
  <c r="P5039" i="5"/>
  <c r="P5040" i="5"/>
  <c r="P5041" i="5"/>
  <c r="P5042" i="5"/>
  <c r="P5043" i="5"/>
  <c r="P5044" i="5"/>
  <c r="P5045" i="5"/>
  <c r="P5046" i="5"/>
  <c r="P5047" i="5"/>
  <c r="P5048" i="5"/>
  <c r="P5049" i="5"/>
  <c r="P5050" i="5"/>
  <c r="P5051" i="5"/>
  <c r="P5052" i="5"/>
  <c r="P5053" i="5"/>
  <c r="P5054" i="5"/>
  <c r="P5055" i="5"/>
  <c r="P5056" i="5"/>
  <c r="P5057" i="5"/>
  <c r="P5058" i="5"/>
  <c r="P5059" i="5"/>
  <c r="P5060" i="5"/>
  <c r="P5061" i="5"/>
  <c r="P5062" i="5"/>
  <c r="P5063" i="5"/>
  <c r="P5064" i="5"/>
  <c r="P5065" i="5"/>
  <c r="P5066" i="5"/>
  <c r="P5067" i="5"/>
  <c r="P5068" i="5"/>
  <c r="P5069" i="5"/>
  <c r="P5070" i="5"/>
  <c r="P5071" i="5"/>
  <c r="P5072" i="5"/>
  <c r="P5073" i="5"/>
  <c r="P5074" i="5"/>
  <c r="P5075" i="5"/>
  <c r="P5076" i="5"/>
  <c r="P5077" i="5"/>
  <c r="P5078" i="5"/>
  <c r="P5079" i="5"/>
  <c r="P5080" i="5"/>
  <c r="P5081" i="5"/>
  <c r="P5082" i="5"/>
  <c r="P5083" i="5"/>
  <c r="P5084" i="5"/>
  <c r="P5085" i="5"/>
  <c r="P5086" i="5"/>
  <c r="P5087" i="5"/>
  <c r="P5088" i="5"/>
  <c r="P5089" i="5"/>
  <c r="P5090" i="5"/>
  <c r="P5091" i="5"/>
  <c r="P5092" i="5"/>
  <c r="P5093" i="5"/>
  <c r="P5094" i="5"/>
  <c r="P5095" i="5"/>
  <c r="P5096" i="5"/>
  <c r="P5097" i="5"/>
  <c r="P5098" i="5"/>
  <c r="P5099" i="5"/>
  <c r="P5100" i="5"/>
  <c r="P5101" i="5"/>
  <c r="P5102" i="5"/>
  <c r="P5103" i="5"/>
  <c r="P5104" i="5"/>
  <c r="P5105" i="5"/>
  <c r="P5106" i="5"/>
  <c r="P5107" i="5"/>
  <c r="P5108" i="5"/>
  <c r="P5109" i="5"/>
  <c r="P5110" i="5"/>
  <c r="P5111" i="5"/>
  <c r="P5112" i="5"/>
  <c r="P5113" i="5"/>
  <c r="P5114" i="5"/>
  <c r="P5115" i="5"/>
  <c r="P5116" i="5"/>
  <c r="P5117" i="5"/>
  <c r="P5118" i="5"/>
  <c r="P5119" i="5"/>
  <c r="P5120" i="5"/>
  <c r="P5121" i="5"/>
  <c r="P5122" i="5"/>
  <c r="P5123" i="5"/>
  <c r="P5124" i="5"/>
  <c r="P5125" i="5"/>
  <c r="P5126" i="5"/>
  <c r="P5127" i="5"/>
  <c r="P5128" i="5"/>
  <c r="P5129" i="5"/>
  <c r="P5130" i="5"/>
  <c r="P5131" i="5"/>
  <c r="P5132" i="5"/>
  <c r="P5133" i="5"/>
  <c r="P5134" i="5"/>
  <c r="P5135" i="5"/>
  <c r="P5136" i="5"/>
  <c r="P5137" i="5"/>
  <c r="P5138" i="5"/>
  <c r="P5139" i="5"/>
  <c r="P5140" i="5"/>
  <c r="P5141" i="5"/>
  <c r="P5142" i="5"/>
  <c r="P5143" i="5"/>
  <c r="P5144" i="5"/>
  <c r="P5145" i="5"/>
  <c r="P5146" i="5"/>
  <c r="P5147" i="5"/>
  <c r="P5148" i="5"/>
  <c r="P5149" i="5"/>
  <c r="P5150" i="5"/>
  <c r="P5151" i="5"/>
  <c r="P5152" i="5"/>
  <c r="P5153" i="5"/>
  <c r="P5154" i="5"/>
  <c r="P5155" i="5"/>
  <c r="P5156" i="5"/>
  <c r="P5157" i="5"/>
  <c r="P5158" i="5"/>
  <c r="P5159" i="5"/>
  <c r="P5160" i="5"/>
  <c r="P5161" i="5"/>
  <c r="P5162" i="5"/>
  <c r="P5163" i="5"/>
  <c r="P5164" i="5"/>
  <c r="P5165" i="5"/>
  <c r="P5166" i="5"/>
  <c r="P5167" i="5"/>
  <c r="P5168" i="5"/>
  <c r="P5169" i="5"/>
  <c r="P5170" i="5"/>
  <c r="P5171" i="5"/>
  <c r="P5172" i="5"/>
  <c r="P5173" i="5"/>
  <c r="P5174" i="5"/>
  <c r="P5175" i="5"/>
  <c r="P5176" i="5"/>
  <c r="P5177" i="5"/>
  <c r="P5178" i="5"/>
  <c r="P5179" i="5"/>
  <c r="P5180" i="5"/>
  <c r="P5181" i="5"/>
  <c r="P5182" i="5"/>
  <c r="P5183" i="5"/>
  <c r="P5184" i="5"/>
  <c r="P5185" i="5"/>
  <c r="P5186" i="5"/>
  <c r="P5187" i="5"/>
  <c r="P5188" i="5"/>
  <c r="P5189" i="5"/>
  <c r="P5190" i="5"/>
  <c r="P5191" i="5"/>
  <c r="P5192" i="5"/>
  <c r="P5193" i="5"/>
  <c r="P5194" i="5"/>
  <c r="P5195" i="5"/>
  <c r="P5196" i="5"/>
  <c r="P5197" i="5"/>
  <c r="P5198" i="5"/>
  <c r="P5199" i="5"/>
  <c r="P5200" i="5"/>
  <c r="P5201" i="5"/>
  <c r="P5202" i="5"/>
  <c r="P5203" i="5"/>
  <c r="P5204" i="5"/>
  <c r="P5205" i="5"/>
  <c r="P5206" i="5"/>
  <c r="P5207" i="5"/>
  <c r="P5208" i="5"/>
  <c r="P5209" i="5"/>
  <c r="P5210" i="5"/>
  <c r="P5211" i="5"/>
  <c r="P5212" i="5"/>
  <c r="P5213" i="5"/>
  <c r="P5214" i="5"/>
  <c r="P5215" i="5"/>
  <c r="P5216" i="5"/>
  <c r="P5217" i="5"/>
  <c r="P5218" i="5"/>
  <c r="P5219" i="5"/>
  <c r="P5220" i="5"/>
  <c r="P5221" i="5"/>
  <c r="P5222" i="5"/>
  <c r="P5223" i="5"/>
  <c r="P5224" i="5"/>
  <c r="P5225" i="5"/>
  <c r="P5226" i="5"/>
  <c r="P5227" i="5"/>
  <c r="P5228" i="5"/>
  <c r="P5229" i="5"/>
  <c r="P5230" i="5"/>
  <c r="P5231" i="5"/>
  <c r="P5232" i="5"/>
  <c r="P5233" i="5"/>
  <c r="P5234" i="5"/>
  <c r="P5235" i="5"/>
  <c r="P5236" i="5"/>
  <c r="P5237" i="5"/>
  <c r="P5238" i="5"/>
  <c r="P5239" i="5"/>
  <c r="P5240" i="5"/>
  <c r="P5241" i="5"/>
  <c r="P5242" i="5"/>
  <c r="P5243" i="5"/>
  <c r="P5244" i="5"/>
  <c r="P5245" i="5"/>
  <c r="P5246" i="5"/>
  <c r="P5247" i="5"/>
  <c r="P5248" i="5"/>
  <c r="P5249" i="5"/>
  <c r="P5250" i="5"/>
  <c r="P5251" i="5"/>
  <c r="P5252" i="5"/>
  <c r="P5253" i="5"/>
  <c r="P5254" i="5"/>
  <c r="P5255" i="5"/>
  <c r="P5256" i="5"/>
  <c r="P5257" i="5"/>
  <c r="P5258" i="5"/>
  <c r="P5259" i="5"/>
  <c r="P5260" i="5"/>
  <c r="P5261" i="5"/>
  <c r="P5262" i="5"/>
  <c r="P5263" i="5"/>
  <c r="P5264" i="5"/>
  <c r="P5265" i="5"/>
  <c r="P5266" i="5"/>
  <c r="P5267" i="5"/>
  <c r="P5268" i="5"/>
  <c r="P5269" i="5"/>
  <c r="P5270" i="5"/>
  <c r="P5271" i="5"/>
  <c r="P5272" i="5"/>
  <c r="P5273" i="5"/>
  <c r="P5274" i="5"/>
  <c r="P5275" i="5"/>
  <c r="P5276" i="5"/>
  <c r="P5277" i="5"/>
  <c r="P5278" i="5"/>
  <c r="P5279" i="5"/>
  <c r="P5280" i="5"/>
  <c r="P5281" i="5"/>
  <c r="P5282" i="5"/>
  <c r="P5283" i="5"/>
  <c r="P5284" i="5"/>
  <c r="P5285" i="5"/>
  <c r="P5286" i="5"/>
  <c r="P5287" i="5"/>
  <c r="P5288" i="5"/>
  <c r="P5289" i="5"/>
  <c r="P5290" i="5"/>
  <c r="P5291" i="5"/>
  <c r="P5292" i="5"/>
  <c r="P5293" i="5"/>
  <c r="P5294" i="5"/>
  <c r="P5295" i="5"/>
  <c r="P5296" i="5"/>
  <c r="P5297" i="5"/>
  <c r="P5298" i="5"/>
  <c r="P5299" i="5"/>
  <c r="P5300" i="5"/>
  <c r="P5301" i="5"/>
  <c r="P5302" i="5"/>
  <c r="P5303" i="5"/>
  <c r="P5304" i="5"/>
  <c r="P5305" i="5"/>
  <c r="P5306" i="5"/>
  <c r="P5307" i="5"/>
  <c r="P5308" i="5"/>
  <c r="P5309" i="5"/>
  <c r="P5310" i="5"/>
  <c r="P5311" i="5"/>
  <c r="P5312" i="5"/>
  <c r="P5313" i="5"/>
  <c r="P5314" i="5"/>
  <c r="P5315" i="5"/>
  <c r="P5316" i="5"/>
  <c r="P5317" i="5"/>
  <c r="P5318" i="5"/>
  <c r="P5319" i="5"/>
  <c r="P5320" i="5"/>
  <c r="P5321" i="5"/>
  <c r="P5322" i="5"/>
  <c r="P5323" i="5"/>
  <c r="P5324" i="5"/>
  <c r="P5325" i="5"/>
  <c r="P5326" i="5"/>
  <c r="P5327" i="5"/>
  <c r="P5328" i="5"/>
  <c r="P5329" i="5"/>
  <c r="P5330" i="5"/>
  <c r="P5331" i="5"/>
  <c r="P5332" i="5"/>
  <c r="P5333" i="5"/>
  <c r="P5334" i="5"/>
  <c r="P5335" i="5"/>
  <c r="P5336" i="5"/>
  <c r="P5337" i="5"/>
  <c r="P5338" i="5"/>
  <c r="P5339" i="5"/>
  <c r="P5340" i="5"/>
  <c r="P5341" i="5"/>
  <c r="P5342" i="5"/>
  <c r="P5343" i="5"/>
  <c r="P5344" i="5"/>
  <c r="P5345" i="5"/>
  <c r="P5346" i="5"/>
  <c r="P5347" i="5"/>
  <c r="P5348" i="5"/>
  <c r="P5349" i="5"/>
  <c r="P5350" i="5"/>
  <c r="P5351" i="5"/>
  <c r="P5352" i="5"/>
  <c r="P5353" i="5"/>
  <c r="P5354" i="5"/>
  <c r="P5355" i="5"/>
  <c r="P5356" i="5"/>
  <c r="P5357" i="5"/>
  <c r="P5358" i="5"/>
  <c r="P5359" i="5"/>
  <c r="P5360" i="5"/>
  <c r="P5361" i="5"/>
  <c r="P5362" i="5"/>
  <c r="P5363" i="5"/>
  <c r="P5364" i="5"/>
  <c r="P5365" i="5"/>
  <c r="P5366" i="5"/>
  <c r="P5367" i="5"/>
  <c r="P5368" i="5"/>
  <c r="P5369" i="5"/>
  <c r="P5370" i="5"/>
  <c r="P5371" i="5"/>
  <c r="P5372" i="5"/>
  <c r="P5373" i="5"/>
  <c r="P5374" i="5"/>
  <c r="P5375" i="5"/>
  <c r="P5376" i="5"/>
  <c r="P5377" i="5"/>
  <c r="P5378" i="5"/>
  <c r="P5379" i="5"/>
  <c r="P5380" i="5"/>
  <c r="P5381" i="5"/>
  <c r="P5382" i="5"/>
  <c r="P5383" i="5"/>
  <c r="P5384" i="5"/>
  <c r="P5385" i="5"/>
  <c r="P5386" i="5"/>
  <c r="P5387" i="5"/>
  <c r="P5388" i="5"/>
  <c r="P5389" i="5"/>
  <c r="P5390" i="5"/>
  <c r="P5391" i="5"/>
  <c r="P5392" i="5"/>
  <c r="P5393" i="5"/>
  <c r="P5394" i="5"/>
  <c r="P5395" i="5"/>
  <c r="P5396" i="5"/>
  <c r="P5397" i="5"/>
  <c r="P5398" i="5"/>
  <c r="P5399" i="5"/>
  <c r="P5400" i="5"/>
  <c r="P5401" i="5"/>
  <c r="P5402" i="5"/>
  <c r="P5403" i="5"/>
  <c r="P5404" i="5"/>
  <c r="P5405" i="5"/>
  <c r="P5406" i="5"/>
  <c r="P5407" i="5"/>
  <c r="P5408" i="5"/>
  <c r="P5409" i="5"/>
  <c r="P5410" i="5"/>
  <c r="P5411" i="5"/>
  <c r="P5412" i="5"/>
  <c r="P5413" i="5"/>
  <c r="P5414" i="5"/>
  <c r="P5415" i="5"/>
  <c r="P5416" i="5"/>
  <c r="P5417" i="5"/>
  <c r="P5418" i="5"/>
  <c r="P5419" i="5"/>
  <c r="P5420" i="5"/>
  <c r="P5421" i="5"/>
  <c r="P5422" i="5"/>
  <c r="P5423" i="5"/>
  <c r="P5424" i="5"/>
  <c r="P5425" i="5"/>
  <c r="P5426" i="5"/>
  <c r="P5427" i="5"/>
  <c r="P5428" i="5"/>
  <c r="P5429" i="5"/>
  <c r="P5430" i="5"/>
  <c r="P5431" i="5"/>
  <c r="P5432" i="5"/>
  <c r="P5433" i="5"/>
  <c r="P5434" i="5"/>
  <c r="P5435" i="5"/>
  <c r="P5436" i="5"/>
  <c r="P5437" i="5"/>
  <c r="P5438" i="5"/>
  <c r="P5439" i="5"/>
  <c r="P5440" i="5"/>
  <c r="P5441" i="5"/>
  <c r="P5442" i="5"/>
  <c r="P5443" i="5"/>
  <c r="P5444" i="5"/>
  <c r="P5445" i="5"/>
  <c r="P5446" i="5"/>
  <c r="P5447" i="5"/>
  <c r="P5448" i="5"/>
  <c r="P5449" i="5"/>
  <c r="P5450" i="5"/>
  <c r="P5451" i="5"/>
  <c r="P5452" i="5"/>
  <c r="P5453" i="5"/>
  <c r="P5454" i="5"/>
  <c r="P5455" i="5"/>
  <c r="P5456" i="5"/>
  <c r="P5457" i="5"/>
  <c r="P5458" i="5"/>
  <c r="P5459" i="5"/>
  <c r="P5460" i="5"/>
  <c r="P5461" i="5"/>
  <c r="P5462" i="5"/>
  <c r="P5463" i="5"/>
  <c r="P5464" i="5"/>
  <c r="P5465" i="5"/>
  <c r="P5466" i="5"/>
  <c r="P5467" i="5"/>
  <c r="P5468" i="5"/>
  <c r="P5469" i="5"/>
  <c r="P5470" i="5"/>
  <c r="P5471" i="5"/>
  <c r="P5472" i="5"/>
  <c r="P5473" i="5"/>
  <c r="P5474" i="5"/>
  <c r="P5475" i="5"/>
  <c r="P5476" i="5"/>
  <c r="P5477" i="5"/>
  <c r="P5478" i="5"/>
  <c r="P5479" i="5"/>
  <c r="P5480" i="5"/>
  <c r="P5481" i="5"/>
  <c r="P5482" i="5"/>
  <c r="P5483" i="5"/>
  <c r="P5484" i="5"/>
  <c r="P5485" i="5"/>
  <c r="P5486" i="5"/>
  <c r="P5487" i="5"/>
  <c r="P5488" i="5"/>
  <c r="P5489" i="5"/>
  <c r="P5490" i="5"/>
  <c r="P5491" i="5"/>
  <c r="P5492" i="5"/>
  <c r="P5493" i="5"/>
  <c r="P5494" i="5"/>
  <c r="P5495" i="5"/>
  <c r="P5496" i="5"/>
  <c r="P5497" i="5"/>
  <c r="P5498" i="5"/>
  <c r="P5499" i="5"/>
  <c r="P5500" i="5"/>
  <c r="P5501" i="5"/>
  <c r="P5502" i="5"/>
  <c r="P5503" i="5"/>
  <c r="P5504" i="5"/>
  <c r="P5505" i="5"/>
  <c r="P5506" i="5"/>
  <c r="P5507" i="5"/>
  <c r="P5508" i="5"/>
  <c r="P5509" i="5"/>
  <c r="P5510" i="5"/>
  <c r="P5511" i="5"/>
  <c r="P5512" i="5"/>
  <c r="P5513" i="5"/>
  <c r="P5514" i="5"/>
  <c r="P5515" i="5"/>
  <c r="P5516" i="5"/>
  <c r="P5517" i="5"/>
  <c r="P5518" i="5"/>
  <c r="P5519" i="5"/>
  <c r="P5520" i="5"/>
  <c r="P5521" i="5"/>
  <c r="P5522" i="5"/>
  <c r="P5523" i="5"/>
  <c r="P5524" i="5"/>
  <c r="P5525" i="5"/>
  <c r="P5526" i="5"/>
  <c r="P5527" i="5"/>
  <c r="P5528" i="5"/>
  <c r="P5529" i="5"/>
  <c r="P5530" i="5"/>
  <c r="P5531" i="5"/>
  <c r="P5532" i="5"/>
  <c r="P5533" i="5"/>
  <c r="P5534" i="5"/>
  <c r="P5535" i="5"/>
  <c r="P5536" i="5"/>
  <c r="P5537" i="5"/>
  <c r="P5538" i="5"/>
  <c r="P5539" i="5"/>
  <c r="P5540" i="5"/>
  <c r="P5541" i="5"/>
  <c r="P5542" i="5"/>
  <c r="P5543" i="5"/>
  <c r="P5544" i="5"/>
  <c r="P5545" i="5"/>
  <c r="P5546" i="5"/>
  <c r="P5547" i="5"/>
  <c r="P5548" i="5"/>
  <c r="P5549" i="5"/>
  <c r="P5550" i="5"/>
  <c r="P5551" i="5"/>
  <c r="P5552" i="5"/>
  <c r="P5553" i="5"/>
  <c r="P5554" i="5"/>
  <c r="P5555" i="5"/>
  <c r="P5556" i="5"/>
  <c r="P5557" i="5"/>
  <c r="P5558" i="5"/>
  <c r="P5559" i="5"/>
  <c r="P5560" i="5"/>
  <c r="P5561" i="5"/>
  <c r="P5562" i="5"/>
  <c r="P5563" i="5"/>
  <c r="P5564" i="5"/>
  <c r="P5565" i="5"/>
  <c r="P5566" i="5"/>
  <c r="P5567" i="5"/>
  <c r="P5568" i="5"/>
  <c r="P5569" i="5"/>
  <c r="P5570" i="5"/>
  <c r="P5571" i="5"/>
  <c r="P5572" i="5"/>
  <c r="P5573" i="5"/>
  <c r="P5574" i="5"/>
  <c r="P5575" i="5"/>
  <c r="P5576" i="5"/>
  <c r="P5577" i="5"/>
  <c r="P5578" i="5"/>
  <c r="P5579" i="5"/>
  <c r="P5580" i="5"/>
  <c r="P5581" i="5"/>
  <c r="P5582" i="5"/>
  <c r="P5583" i="5"/>
  <c r="P5584" i="5"/>
  <c r="P5585" i="5"/>
  <c r="P5586" i="5"/>
  <c r="P5587" i="5"/>
  <c r="P5588" i="5"/>
  <c r="P5589" i="5"/>
  <c r="P5590" i="5"/>
  <c r="P5591" i="5"/>
  <c r="P5592" i="5"/>
  <c r="P5593" i="5"/>
  <c r="P5594" i="5"/>
  <c r="P5595" i="5"/>
  <c r="P5596" i="5"/>
  <c r="P5597" i="5"/>
  <c r="P5598" i="5"/>
  <c r="P5599" i="5"/>
  <c r="P5600" i="5"/>
  <c r="P5601" i="5"/>
  <c r="P5602" i="5"/>
  <c r="P5603" i="5"/>
  <c r="P5604" i="5"/>
  <c r="P5605" i="5"/>
  <c r="P5606" i="5"/>
  <c r="P5607" i="5"/>
  <c r="P5608" i="5"/>
  <c r="P5609" i="5"/>
  <c r="P5610" i="5"/>
  <c r="P5611" i="5"/>
  <c r="P5612" i="5"/>
  <c r="P5613" i="5"/>
  <c r="P5614" i="5"/>
  <c r="P5615" i="5"/>
  <c r="P5616" i="5"/>
  <c r="P5617" i="5"/>
  <c r="P5618" i="5"/>
  <c r="P5619" i="5"/>
  <c r="P5620" i="5"/>
  <c r="P5621" i="5"/>
  <c r="P5622" i="5"/>
  <c r="P5623" i="5"/>
  <c r="P5624" i="5"/>
  <c r="P5625" i="5"/>
  <c r="P5626" i="5"/>
  <c r="P5627" i="5"/>
  <c r="P5628" i="5"/>
  <c r="P5629" i="5"/>
  <c r="P5630" i="5"/>
  <c r="P5631" i="5"/>
  <c r="P5632" i="5"/>
  <c r="P5633" i="5"/>
  <c r="P5634" i="5"/>
  <c r="P5635" i="5"/>
  <c r="P5636" i="5"/>
  <c r="P5637" i="5"/>
  <c r="P5638" i="5"/>
  <c r="P5639" i="5"/>
  <c r="P5640" i="5"/>
  <c r="P5641" i="5"/>
  <c r="P5642" i="5"/>
  <c r="P5643" i="5"/>
  <c r="P5644" i="5"/>
  <c r="P5645" i="5"/>
  <c r="P5646" i="5"/>
  <c r="P5647" i="5"/>
  <c r="P5648" i="5"/>
  <c r="P5649" i="5"/>
  <c r="P5650" i="5"/>
  <c r="P5651" i="5"/>
  <c r="P5652" i="5"/>
  <c r="P5653" i="5"/>
  <c r="P5654" i="5"/>
  <c r="P5655" i="5"/>
  <c r="P5656" i="5"/>
  <c r="P5657" i="5"/>
  <c r="P5658" i="5"/>
  <c r="P5659" i="5"/>
  <c r="P5660" i="5"/>
  <c r="P5661" i="5"/>
  <c r="P5662" i="5"/>
  <c r="P5663" i="5"/>
  <c r="P5664" i="5"/>
  <c r="P5665" i="5"/>
  <c r="P5666" i="5"/>
  <c r="P5667" i="5"/>
  <c r="P5668" i="5"/>
  <c r="P5669" i="5"/>
  <c r="P5670" i="5"/>
  <c r="P5671" i="5"/>
  <c r="P5672" i="5"/>
  <c r="P5673" i="5"/>
  <c r="P5674" i="5"/>
  <c r="P5675" i="5"/>
  <c r="P5676" i="5"/>
  <c r="P5677" i="5"/>
  <c r="P5678" i="5"/>
  <c r="P5679" i="5"/>
  <c r="P5680" i="5"/>
  <c r="P5681" i="5"/>
  <c r="P5682" i="5"/>
  <c r="P5683" i="5"/>
  <c r="P5684" i="5"/>
  <c r="P5685" i="5"/>
  <c r="P5686" i="5"/>
  <c r="P5687" i="5"/>
  <c r="P5688" i="5"/>
  <c r="P5689" i="5"/>
  <c r="P5690" i="5"/>
  <c r="P5691" i="5"/>
  <c r="P5692" i="5"/>
  <c r="P5693" i="5"/>
  <c r="P5694" i="5"/>
  <c r="P5695" i="5"/>
  <c r="P5696" i="5"/>
  <c r="P5697" i="5"/>
  <c r="P5698" i="5"/>
  <c r="P5699" i="5"/>
  <c r="P5700" i="5"/>
  <c r="P5701" i="5"/>
  <c r="P5702" i="5"/>
  <c r="P5703" i="5"/>
  <c r="P5704" i="5"/>
  <c r="P5705" i="5"/>
  <c r="P5706" i="5"/>
  <c r="P5707" i="5"/>
  <c r="P5708" i="5"/>
  <c r="P5709" i="5"/>
  <c r="P5710" i="5"/>
  <c r="P5711" i="5"/>
  <c r="P5712" i="5"/>
  <c r="P5713" i="5"/>
  <c r="P5714" i="5"/>
  <c r="P5715" i="5"/>
  <c r="P5716" i="5"/>
  <c r="P5717" i="5"/>
  <c r="P5718" i="5"/>
  <c r="P5719" i="5"/>
  <c r="P5720" i="5"/>
  <c r="P5721" i="5"/>
  <c r="P5722" i="5"/>
  <c r="P5723" i="5"/>
  <c r="P5724" i="5"/>
  <c r="P5725" i="5"/>
  <c r="P5726" i="5"/>
  <c r="P5727" i="5"/>
  <c r="P5728" i="5"/>
  <c r="P5729" i="5"/>
  <c r="P5730" i="5"/>
  <c r="P5731" i="5"/>
  <c r="P5732" i="5"/>
  <c r="P5733" i="5"/>
  <c r="P5734" i="5"/>
  <c r="P5735" i="5"/>
  <c r="P5736" i="5"/>
  <c r="P5737" i="5"/>
  <c r="P5738" i="5"/>
  <c r="P5739" i="5"/>
  <c r="P5740" i="5"/>
  <c r="P5741" i="5"/>
  <c r="P5742" i="5"/>
  <c r="P5743" i="5"/>
  <c r="P5744" i="5"/>
  <c r="P5745" i="5"/>
  <c r="P5746" i="5"/>
  <c r="P5747" i="5"/>
  <c r="P5748" i="5"/>
  <c r="P5749" i="5"/>
  <c r="P5750" i="5"/>
  <c r="P5751" i="5"/>
  <c r="P5752" i="5"/>
  <c r="P5753" i="5"/>
  <c r="P5754" i="5"/>
  <c r="P5755" i="5"/>
  <c r="P5756" i="5"/>
  <c r="P5757" i="5"/>
  <c r="P5758" i="5"/>
  <c r="P5759" i="5"/>
  <c r="P5760" i="5"/>
  <c r="P5761" i="5"/>
  <c r="P5762" i="5"/>
  <c r="P5763" i="5"/>
  <c r="P5764" i="5"/>
  <c r="P5765" i="5"/>
  <c r="P5766" i="5"/>
  <c r="P5767" i="5"/>
  <c r="P5768" i="5"/>
  <c r="P5769" i="5"/>
  <c r="P5770" i="5"/>
  <c r="P5771" i="5"/>
  <c r="P5772" i="5"/>
  <c r="P5773" i="5"/>
  <c r="P5774" i="5"/>
  <c r="P5775" i="5"/>
  <c r="P5776" i="5"/>
  <c r="P5777" i="5"/>
  <c r="P5778" i="5"/>
  <c r="P5779" i="5"/>
  <c r="P5780" i="5"/>
  <c r="P5781" i="5"/>
  <c r="P5782" i="5"/>
  <c r="P5783" i="5"/>
  <c r="P5784" i="5"/>
  <c r="P5785" i="5"/>
  <c r="P5786" i="5"/>
  <c r="P5787" i="5"/>
  <c r="P5788" i="5"/>
  <c r="P5789" i="5"/>
  <c r="P5790" i="5"/>
  <c r="P5791" i="5"/>
  <c r="P5792" i="5"/>
  <c r="P5793" i="5"/>
  <c r="P5794" i="5"/>
  <c r="P5795" i="5"/>
  <c r="P5796" i="5"/>
  <c r="P5797" i="5"/>
  <c r="P5798" i="5"/>
  <c r="P5799" i="5"/>
  <c r="P5800" i="5"/>
  <c r="P5801" i="5"/>
  <c r="P5802" i="5"/>
  <c r="P5803" i="5"/>
  <c r="P5804" i="5"/>
  <c r="P5805" i="5"/>
  <c r="P5806" i="5"/>
  <c r="P5807" i="5"/>
  <c r="P5808" i="5"/>
  <c r="P5809" i="5"/>
  <c r="P5810" i="5"/>
  <c r="P5811" i="5"/>
  <c r="P5812" i="5"/>
  <c r="P5813" i="5"/>
  <c r="P5814" i="5"/>
  <c r="P5815" i="5"/>
  <c r="P5816" i="5"/>
  <c r="P5817" i="5"/>
  <c r="P5818" i="5"/>
  <c r="P5819" i="5"/>
  <c r="P5820" i="5"/>
  <c r="P5821" i="5"/>
  <c r="P5822" i="5"/>
  <c r="P5823" i="5"/>
  <c r="P5824" i="5"/>
  <c r="P5825" i="5"/>
  <c r="P5826" i="5"/>
  <c r="P5827" i="5"/>
  <c r="P5828" i="5"/>
  <c r="P5829" i="5"/>
  <c r="P5830" i="5"/>
  <c r="P5831" i="5"/>
  <c r="P5832" i="5"/>
  <c r="P5833" i="5"/>
  <c r="P5834" i="5"/>
  <c r="P5835" i="5"/>
  <c r="P5836" i="5"/>
  <c r="P5837" i="5"/>
  <c r="P5838" i="5"/>
  <c r="P5839" i="5"/>
  <c r="P5840" i="5"/>
  <c r="P5841" i="5"/>
  <c r="P5842" i="5"/>
  <c r="P5843" i="5"/>
  <c r="P5844" i="5"/>
  <c r="P5845" i="5"/>
  <c r="P5846" i="5"/>
  <c r="P5847" i="5"/>
  <c r="P5848" i="5"/>
  <c r="P5849" i="5"/>
  <c r="P5850" i="5"/>
  <c r="P5851" i="5"/>
  <c r="P5852" i="5"/>
  <c r="P5853" i="5"/>
  <c r="P5854" i="5"/>
  <c r="P5855" i="5"/>
  <c r="P5856" i="5"/>
  <c r="P5857" i="5"/>
  <c r="P5858" i="5"/>
  <c r="P5859" i="5"/>
  <c r="P5860" i="5"/>
  <c r="P5861" i="5"/>
  <c r="P5862" i="5"/>
  <c r="P5863" i="5"/>
  <c r="P5864" i="5"/>
  <c r="P5865" i="5"/>
  <c r="P5866" i="5"/>
  <c r="P5867" i="5"/>
  <c r="P5868" i="5"/>
  <c r="P5869" i="5"/>
  <c r="P5870" i="5"/>
  <c r="P5871" i="5"/>
  <c r="P5872" i="5"/>
  <c r="P5873" i="5"/>
  <c r="P5874" i="5"/>
  <c r="P5875" i="5"/>
  <c r="P5876" i="5"/>
  <c r="P5877" i="5"/>
  <c r="P5878" i="5"/>
  <c r="P5879" i="5"/>
  <c r="P5880" i="5"/>
  <c r="P5881" i="5"/>
  <c r="P5882" i="5"/>
  <c r="P5883" i="5"/>
  <c r="P5884" i="5"/>
  <c r="P5885" i="5"/>
  <c r="P5886" i="5"/>
  <c r="P5887" i="5"/>
  <c r="P5888" i="5"/>
  <c r="P5889" i="5"/>
  <c r="P5890" i="5"/>
  <c r="P5891" i="5"/>
  <c r="P5892" i="5"/>
  <c r="P5893" i="5"/>
  <c r="P5894" i="5"/>
  <c r="P5895" i="5"/>
  <c r="P5896" i="5"/>
  <c r="P5897" i="5"/>
  <c r="P5898" i="5"/>
  <c r="P5899" i="5"/>
  <c r="P5900" i="5"/>
  <c r="P5901" i="5"/>
  <c r="P5902" i="5"/>
  <c r="P5903" i="5"/>
  <c r="P5904" i="5"/>
  <c r="P5905" i="5"/>
  <c r="P5906" i="5"/>
  <c r="P5907" i="5"/>
  <c r="P5908" i="5"/>
  <c r="P5909" i="5"/>
  <c r="P5910" i="5"/>
  <c r="P5911" i="5"/>
  <c r="P5912" i="5"/>
  <c r="P5913" i="5"/>
  <c r="P5914" i="5"/>
  <c r="P5915" i="5"/>
  <c r="P5916" i="5"/>
  <c r="P5917" i="5"/>
  <c r="P5918" i="5"/>
  <c r="P5919" i="5"/>
  <c r="P5920" i="5"/>
  <c r="P5921" i="5"/>
  <c r="P5922" i="5"/>
  <c r="P5923" i="5"/>
  <c r="P5924" i="5"/>
  <c r="P5925" i="5"/>
  <c r="P5926" i="5"/>
  <c r="P5927" i="5"/>
  <c r="P5928" i="5"/>
  <c r="P5929" i="5"/>
  <c r="P5930" i="5"/>
  <c r="P5931" i="5"/>
  <c r="P5932" i="5"/>
  <c r="P5933" i="5"/>
  <c r="P5934" i="5"/>
  <c r="P5935" i="5"/>
  <c r="P5936" i="5"/>
  <c r="P5937" i="5"/>
  <c r="P5938" i="5"/>
  <c r="P5939" i="5"/>
  <c r="P5940" i="5"/>
  <c r="P5941" i="5"/>
  <c r="P5942" i="5"/>
  <c r="P5943" i="5"/>
  <c r="P5944" i="5"/>
  <c r="P5945" i="5"/>
  <c r="P5946" i="5"/>
  <c r="P5947" i="5"/>
  <c r="P5948" i="5"/>
  <c r="P5949" i="5"/>
  <c r="P5950" i="5"/>
  <c r="P5951" i="5"/>
  <c r="P5952" i="5"/>
  <c r="P5953" i="5"/>
  <c r="P5954" i="5"/>
  <c r="P5955" i="5"/>
  <c r="P5956" i="5"/>
  <c r="P5957" i="5"/>
  <c r="P5958" i="5"/>
  <c r="P5959" i="5"/>
  <c r="P5960" i="5"/>
  <c r="P5961" i="5"/>
  <c r="P5962" i="5"/>
  <c r="P5963" i="5"/>
  <c r="P5964" i="5"/>
  <c r="P5965" i="5"/>
  <c r="P5966" i="5"/>
  <c r="P5967" i="5"/>
  <c r="P5968" i="5"/>
  <c r="P5969" i="5"/>
  <c r="P5970" i="5"/>
  <c r="P5971" i="5"/>
  <c r="P5972" i="5"/>
  <c r="P5973" i="5"/>
  <c r="P5974" i="5"/>
  <c r="P5975" i="5"/>
  <c r="P5976" i="5"/>
  <c r="P5977" i="5"/>
  <c r="P5978" i="5"/>
  <c r="P5979" i="5"/>
  <c r="P5980" i="5"/>
  <c r="P5981" i="5"/>
  <c r="P5982" i="5"/>
  <c r="P5983" i="5"/>
  <c r="P5984" i="5"/>
  <c r="P5985" i="5"/>
  <c r="P5986" i="5"/>
  <c r="P5987" i="5"/>
  <c r="P5988" i="5"/>
  <c r="P5989" i="5"/>
  <c r="P5990" i="5"/>
  <c r="P5991" i="5"/>
  <c r="P5992" i="5"/>
  <c r="P5993" i="5"/>
  <c r="P5994" i="5"/>
  <c r="P5995" i="5"/>
  <c r="P5996" i="5"/>
  <c r="P5997" i="5"/>
  <c r="P5998" i="5"/>
  <c r="P5999" i="5"/>
  <c r="P6000" i="5"/>
  <c r="P6001" i="5"/>
  <c r="P6002" i="5"/>
  <c r="P6003" i="5"/>
  <c r="P6004" i="5"/>
  <c r="P6005" i="5"/>
  <c r="P6006" i="5"/>
  <c r="P6007" i="5"/>
  <c r="P6008" i="5"/>
  <c r="P6009" i="5"/>
  <c r="P6010" i="5"/>
  <c r="P6011" i="5"/>
  <c r="P6012" i="5"/>
  <c r="P6013" i="5"/>
  <c r="P6014" i="5"/>
  <c r="P6015" i="5"/>
  <c r="P6016" i="5"/>
  <c r="P6017" i="5"/>
  <c r="P6018" i="5"/>
  <c r="P6019" i="5"/>
  <c r="P6020" i="5"/>
  <c r="P6021" i="5"/>
  <c r="P6022" i="5"/>
  <c r="P6023" i="5"/>
  <c r="P6024" i="5"/>
  <c r="P6025" i="5"/>
  <c r="P6026" i="5"/>
  <c r="P6027" i="5"/>
  <c r="P6028" i="5"/>
  <c r="P6029" i="5"/>
  <c r="P6030" i="5"/>
  <c r="P6031" i="5"/>
  <c r="P6032" i="5"/>
  <c r="P6033" i="5"/>
  <c r="P6034" i="5"/>
  <c r="P6035" i="5"/>
  <c r="P6036" i="5"/>
  <c r="P6037" i="5"/>
  <c r="P6038" i="5"/>
  <c r="P6039" i="5"/>
  <c r="P6040" i="5"/>
  <c r="P6041" i="5"/>
  <c r="P6042" i="5"/>
  <c r="P6043" i="5"/>
  <c r="P6044" i="5"/>
  <c r="P6045" i="5"/>
  <c r="P6046" i="5"/>
  <c r="P6047" i="5"/>
  <c r="P6048" i="5"/>
  <c r="P6049" i="5"/>
  <c r="P6050" i="5"/>
  <c r="P6051" i="5"/>
  <c r="P6052" i="5"/>
  <c r="P6053" i="5"/>
  <c r="P6054" i="5"/>
  <c r="P6055" i="5"/>
  <c r="P6056" i="5"/>
  <c r="P6057" i="5"/>
  <c r="P6058" i="5"/>
  <c r="P6059" i="5"/>
  <c r="P6060" i="5"/>
  <c r="P6061" i="5"/>
  <c r="P6062" i="5"/>
  <c r="P6063" i="5"/>
  <c r="P6064" i="5"/>
  <c r="P6065" i="5"/>
  <c r="P6066" i="5"/>
  <c r="P6067" i="5"/>
  <c r="P6068" i="5"/>
  <c r="P6069" i="5"/>
  <c r="P6070" i="5"/>
  <c r="P6071" i="5"/>
  <c r="P6072" i="5"/>
  <c r="P6073" i="5"/>
  <c r="P6074" i="5"/>
  <c r="P6075" i="5"/>
  <c r="P6076" i="5"/>
  <c r="P6077" i="5"/>
  <c r="P6078" i="5"/>
  <c r="P6079" i="5"/>
  <c r="P6080" i="5"/>
  <c r="P6081" i="5"/>
  <c r="P6082" i="5"/>
  <c r="P6083" i="5"/>
  <c r="P6084" i="5"/>
  <c r="P6085" i="5"/>
  <c r="P6086" i="5"/>
  <c r="P6087" i="5"/>
  <c r="P6088" i="5"/>
  <c r="P6089" i="5"/>
  <c r="P6090" i="5"/>
  <c r="P6091" i="5"/>
  <c r="P6092" i="5"/>
  <c r="P6093" i="5"/>
  <c r="P6094" i="5"/>
  <c r="P6095" i="5"/>
  <c r="P6096" i="5"/>
  <c r="P6097" i="5"/>
  <c r="P6098" i="5"/>
  <c r="P6099" i="5"/>
  <c r="P6100" i="5"/>
  <c r="P6101" i="5"/>
  <c r="P6102" i="5"/>
  <c r="P6103" i="5"/>
  <c r="P6104" i="5"/>
  <c r="P6105" i="5"/>
  <c r="P6106" i="5"/>
  <c r="P6107" i="5"/>
  <c r="P6108" i="5"/>
  <c r="P6109" i="5"/>
  <c r="P6110" i="5"/>
  <c r="P6111" i="5"/>
  <c r="P6112" i="5"/>
  <c r="P6113" i="5"/>
  <c r="P6114" i="5"/>
  <c r="P6115" i="5"/>
  <c r="P6116" i="5"/>
  <c r="P6117" i="5"/>
  <c r="P6118" i="5"/>
  <c r="P6119" i="5"/>
  <c r="P6120" i="5"/>
  <c r="P6121" i="5"/>
  <c r="P6122" i="5"/>
  <c r="P6123" i="5"/>
  <c r="P6124" i="5"/>
  <c r="P6125" i="5"/>
  <c r="P6126" i="5"/>
  <c r="P6127" i="5"/>
  <c r="P6128" i="5"/>
  <c r="P6129" i="5"/>
  <c r="P6130" i="5"/>
  <c r="P6131" i="5"/>
  <c r="P6132" i="5"/>
  <c r="P6133" i="5"/>
  <c r="P6134" i="5"/>
  <c r="P6135" i="5"/>
  <c r="P6136" i="5"/>
  <c r="P6137" i="5"/>
  <c r="P6138" i="5"/>
  <c r="P6139" i="5"/>
  <c r="P6140" i="5"/>
  <c r="P6141" i="5"/>
  <c r="P6142" i="5"/>
  <c r="P6143" i="5"/>
  <c r="P6144" i="5"/>
  <c r="P6145" i="5"/>
  <c r="P6146" i="5"/>
  <c r="P6147" i="5"/>
  <c r="P6148" i="5"/>
  <c r="P6149" i="5"/>
  <c r="P6150" i="5"/>
  <c r="P6151" i="5"/>
  <c r="P6152" i="5"/>
  <c r="P6153" i="5"/>
  <c r="P6154" i="5"/>
  <c r="P6155" i="5"/>
  <c r="P6156" i="5"/>
  <c r="P6157" i="5"/>
  <c r="P6158" i="5"/>
  <c r="P6159" i="5"/>
  <c r="P6160" i="5"/>
  <c r="P6161" i="5"/>
  <c r="P6162" i="5"/>
  <c r="P6163" i="5"/>
  <c r="P6164" i="5"/>
  <c r="P6165" i="5"/>
  <c r="P6166" i="5"/>
  <c r="P6167" i="5"/>
  <c r="P6168" i="5"/>
  <c r="P6169" i="5"/>
  <c r="P6170" i="5"/>
  <c r="P6171" i="5"/>
  <c r="P6172" i="5"/>
  <c r="P6173" i="5"/>
  <c r="P6174" i="5"/>
  <c r="P6175" i="5"/>
  <c r="P6176" i="5"/>
  <c r="P6177" i="5"/>
  <c r="P6178" i="5"/>
  <c r="P6179" i="5"/>
  <c r="P6180" i="5"/>
  <c r="P6181" i="5"/>
  <c r="P6182" i="5"/>
  <c r="P6183" i="5"/>
  <c r="P6184" i="5"/>
  <c r="P6185" i="5"/>
  <c r="P6186" i="5"/>
  <c r="P6187" i="5"/>
  <c r="P6188" i="5"/>
  <c r="P6189" i="5"/>
  <c r="P6190" i="5"/>
  <c r="P6191" i="5"/>
  <c r="P6192" i="5"/>
  <c r="P6193" i="5"/>
  <c r="P6194" i="5"/>
  <c r="P6195" i="5"/>
  <c r="P6196" i="5"/>
  <c r="P6197" i="5"/>
  <c r="P6198" i="5"/>
  <c r="P6199" i="5"/>
  <c r="P6200" i="5"/>
  <c r="P6201" i="5"/>
  <c r="P6202" i="5"/>
  <c r="P6203" i="5"/>
  <c r="P6204" i="5"/>
  <c r="P6205" i="5"/>
  <c r="P6206" i="5"/>
  <c r="P6207" i="5"/>
  <c r="P6208" i="5"/>
  <c r="P6209" i="5"/>
  <c r="P6210" i="5"/>
  <c r="P6211" i="5"/>
  <c r="P6212" i="5"/>
  <c r="P6213" i="5"/>
  <c r="P6214" i="5"/>
  <c r="P6215" i="5"/>
  <c r="P6216" i="5"/>
  <c r="P6217" i="5"/>
  <c r="P6218" i="5"/>
  <c r="P6219" i="5"/>
  <c r="P6220" i="5"/>
  <c r="P6221" i="5"/>
  <c r="P6222" i="5"/>
  <c r="P6223" i="5"/>
  <c r="P6224" i="5"/>
  <c r="P6225" i="5"/>
  <c r="P6226" i="5"/>
  <c r="P6227" i="5"/>
  <c r="P6228" i="5"/>
  <c r="P6229" i="5"/>
  <c r="P6230" i="5"/>
  <c r="P6231" i="5"/>
  <c r="P6232" i="5"/>
  <c r="P6233" i="5"/>
  <c r="P6234" i="5"/>
  <c r="P6235" i="5"/>
  <c r="P6236" i="5"/>
  <c r="P6237" i="5"/>
  <c r="P6238" i="5"/>
  <c r="P6239" i="5"/>
  <c r="P6240" i="5"/>
  <c r="P6241" i="5"/>
  <c r="P6242" i="5"/>
  <c r="P6243" i="5"/>
  <c r="P6244" i="5"/>
  <c r="P6245" i="5"/>
  <c r="P6246" i="5"/>
  <c r="P6247" i="5"/>
  <c r="P6248" i="5"/>
  <c r="P6249" i="5"/>
  <c r="P6250" i="5"/>
  <c r="P6251" i="5"/>
  <c r="P6252" i="5"/>
  <c r="P6253" i="5"/>
  <c r="P6254" i="5"/>
  <c r="P6255" i="5"/>
  <c r="P6256" i="5"/>
  <c r="P6257" i="5"/>
  <c r="P6258" i="5"/>
  <c r="P6259" i="5"/>
  <c r="P6260" i="5"/>
  <c r="P6261" i="5"/>
  <c r="P6262" i="5"/>
  <c r="P6263" i="5"/>
  <c r="P6264" i="5"/>
  <c r="P6265" i="5"/>
  <c r="P6266" i="5"/>
  <c r="P6267" i="5"/>
  <c r="P6268" i="5"/>
  <c r="P6269" i="5"/>
  <c r="P6270" i="5"/>
  <c r="P6271" i="5"/>
  <c r="P6272" i="5"/>
  <c r="P6273" i="5"/>
  <c r="P6274" i="5"/>
  <c r="P6275" i="5"/>
  <c r="P6276" i="5"/>
  <c r="P6277" i="5"/>
  <c r="P6278" i="5"/>
  <c r="P6279" i="5"/>
  <c r="P6280" i="5"/>
  <c r="P6281" i="5"/>
  <c r="P6282" i="5"/>
  <c r="P6283" i="5"/>
  <c r="P6284" i="5"/>
  <c r="P6285" i="5"/>
  <c r="P6286" i="5"/>
  <c r="P6287" i="5"/>
  <c r="P6288" i="5"/>
  <c r="P6289" i="5"/>
  <c r="P6290" i="5"/>
  <c r="P6291" i="5"/>
  <c r="P6292" i="5"/>
  <c r="P6293" i="5"/>
  <c r="P6294" i="5"/>
  <c r="P6295" i="5"/>
  <c r="P6296" i="5"/>
  <c r="P6297" i="5"/>
  <c r="P6298" i="5"/>
  <c r="P6299" i="5"/>
  <c r="P6300" i="5"/>
  <c r="P6301" i="5"/>
  <c r="P6302" i="5"/>
  <c r="P6303" i="5"/>
  <c r="P6304" i="5"/>
  <c r="P6305" i="5"/>
  <c r="P6306" i="5"/>
  <c r="P6307" i="5"/>
  <c r="P6308" i="5"/>
  <c r="P6309" i="5"/>
  <c r="P6310" i="5"/>
  <c r="P6311" i="5"/>
  <c r="P6312" i="5"/>
  <c r="P6313" i="5"/>
  <c r="P6314" i="5"/>
  <c r="P6315" i="5"/>
  <c r="P6316" i="5"/>
  <c r="P6317" i="5"/>
  <c r="P6318" i="5"/>
  <c r="P6319" i="5"/>
  <c r="P6320" i="5"/>
  <c r="P6321" i="5"/>
  <c r="P6322" i="5"/>
  <c r="P6323" i="5"/>
  <c r="P6324" i="5"/>
  <c r="P6325" i="5"/>
  <c r="P6326" i="5"/>
  <c r="P6327" i="5"/>
  <c r="P6328" i="5"/>
  <c r="P6329" i="5"/>
  <c r="P6330" i="5"/>
  <c r="P6331" i="5"/>
  <c r="P6332" i="5"/>
  <c r="P6333" i="5"/>
  <c r="P6334" i="5"/>
  <c r="P6335" i="5"/>
  <c r="P6336" i="5"/>
  <c r="P6337" i="5"/>
  <c r="P6338" i="5"/>
  <c r="P6339" i="5"/>
  <c r="P6340" i="5"/>
  <c r="P6341" i="5"/>
  <c r="P6342" i="5"/>
  <c r="P6343" i="5"/>
  <c r="P6344" i="5"/>
  <c r="P6345" i="5"/>
  <c r="P6346" i="5"/>
  <c r="P6347" i="5"/>
  <c r="P6348" i="5"/>
  <c r="P6349" i="5"/>
  <c r="P6350" i="5"/>
  <c r="P6351" i="5"/>
  <c r="P6352" i="5"/>
  <c r="P6353" i="5"/>
  <c r="P6354" i="5"/>
  <c r="P6355" i="5"/>
  <c r="P6356" i="5"/>
  <c r="P6357" i="5"/>
  <c r="P6358" i="5"/>
  <c r="P6359" i="5"/>
  <c r="P6360" i="5"/>
  <c r="P6361" i="5"/>
  <c r="P6362" i="5"/>
  <c r="P6363" i="5"/>
  <c r="P6364" i="5"/>
  <c r="P6365" i="5"/>
  <c r="P6366" i="5"/>
  <c r="P6367" i="5"/>
  <c r="P6368" i="5"/>
  <c r="P6369" i="5"/>
  <c r="P6370" i="5"/>
  <c r="P6371" i="5"/>
  <c r="P6372" i="5"/>
  <c r="P6373" i="5"/>
  <c r="P6374" i="5"/>
  <c r="P6375" i="5"/>
  <c r="P6376" i="5"/>
  <c r="P6377" i="5"/>
  <c r="P6378" i="5"/>
  <c r="P6379" i="5"/>
  <c r="P6380" i="5"/>
  <c r="P6381" i="5"/>
  <c r="P6382" i="5"/>
  <c r="P6383" i="5"/>
  <c r="P6384" i="5"/>
  <c r="P6385" i="5"/>
  <c r="P6386" i="5"/>
  <c r="P6387" i="5"/>
  <c r="P6388" i="5"/>
  <c r="P6389" i="5"/>
  <c r="P6390" i="5"/>
  <c r="P6391" i="5"/>
  <c r="P6392" i="5"/>
  <c r="P6393" i="5"/>
  <c r="P6394" i="5"/>
  <c r="P6395" i="5"/>
  <c r="P6396" i="5"/>
  <c r="P6397" i="5"/>
  <c r="P6398" i="5"/>
  <c r="P6399" i="5"/>
  <c r="P6400" i="5"/>
  <c r="P6401" i="5"/>
  <c r="P6402" i="5"/>
  <c r="P6403" i="5"/>
  <c r="P6404" i="5"/>
  <c r="P6405" i="5"/>
  <c r="P6406" i="5"/>
  <c r="P6407" i="5"/>
  <c r="P6408" i="5"/>
  <c r="P6409" i="5"/>
  <c r="P6410" i="5"/>
  <c r="P6411" i="5"/>
  <c r="P6412" i="5"/>
  <c r="P6413" i="5"/>
  <c r="P6414" i="5"/>
  <c r="P6415" i="5"/>
  <c r="P6416" i="5"/>
  <c r="P6417" i="5"/>
  <c r="P6418" i="5"/>
  <c r="P6419" i="5"/>
  <c r="P6420" i="5"/>
  <c r="P6421" i="5"/>
  <c r="P6422" i="5"/>
  <c r="P6423" i="5"/>
  <c r="P6424" i="5"/>
  <c r="P6425" i="5"/>
  <c r="P6426" i="5"/>
  <c r="P6427" i="5"/>
  <c r="P6428" i="5"/>
  <c r="P6429" i="5"/>
  <c r="P6430" i="5"/>
  <c r="P6431" i="5"/>
  <c r="P6432" i="5"/>
  <c r="P6433" i="5"/>
  <c r="P6434" i="5"/>
  <c r="P6435" i="5"/>
  <c r="P6436" i="5"/>
  <c r="P6437" i="5"/>
  <c r="P6438" i="5"/>
  <c r="P6439" i="5"/>
  <c r="P6440" i="5"/>
  <c r="P6441" i="5"/>
  <c r="P6442" i="5"/>
  <c r="P6443" i="5"/>
  <c r="P6444" i="5"/>
  <c r="P6445" i="5"/>
  <c r="P6446" i="5"/>
  <c r="P6447" i="5"/>
  <c r="P6448" i="5"/>
  <c r="P6449" i="5"/>
  <c r="P6450" i="5"/>
  <c r="P6451" i="5"/>
  <c r="P6452" i="5"/>
  <c r="P6453" i="5"/>
  <c r="P6454" i="5"/>
  <c r="P6455" i="5"/>
  <c r="P6456" i="5"/>
  <c r="P6457" i="5"/>
  <c r="P6458" i="5"/>
  <c r="P6459" i="5"/>
  <c r="P6460" i="5"/>
  <c r="P6461" i="5"/>
  <c r="P6462" i="5"/>
  <c r="P6463" i="5"/>
  <c r="P6464" i="5"/>
  <c r="P6465" i="5"/>
  <c r="P6466" i="5"/>
  <c r="P6467" i="5"/>
  <c r="P6468" i="5"/>
  <c r="P6469" i="5"/>
  <c r="P6470" i="5"/>
  <c r="P6471" i="5"/>
  <c r="P6472" i="5"/>
  <c r="P6473" i="5"/>
  <c r="P6474" i="5"/>
  <c r="P6475" i="5"/>
  <c r="P6476" i="5"/>
  <c r="P6477" i="5"/>
  <c r="P6478" i="5"/>
  <c r="P6479" i="5"/>
  <c r="P6480" i="5"/>
  <c r="P6481" i="5"/>
  <c r="P6482" i="5"/>
  <c r="P6483" i="5"/>
  <c r="P6484" i="5"/>
  <c r="P6485" i="5"/>
  <c r="P6486" i="5"/>
  <c r="P6487" i="5"/>
  <c r="P6488" i="5"/>
  <c r="P6489" i="5"/>
  <c r="P6490" i="5"/>
  <c r="P6491" i="5"/>
  <c r="P6492" i="5"/>
  <c r="P6493" i="5"/>
  <c r="P6494" i="5"/>
  <c r="P6495" i="5"/>
  <c r="P6496" i="5"/>
  <c r="P6497" i="5"/>
  <c r="P6498" i="5"/>
  <c r="P6499" i="5"/>
  <c r="P6500" i="5"/>
  <c r="P6501" i="5"/>
  <c r="P6502" i="5"/>
  <c r="P6503" i="5"/>
  <c r="P6504" i="5"/>
  <c r="P6505" i="5"/>
  <c r="P6506" i="5"/>
  <c r="P6507" i="5"/>
  <c r="P6508" i="5"/>
  <c r="P6509" i="5"/>
  <c r="P6510" i="5"/>
  <c r="P6511" i="5"/>
  <c r="P6512" i="5"/>
  <c r="P6513" i="5"/>
  <c r="P6514" i="5"/>
  <c r="P6515" i="5"/>
  <c r="P6516" i="5"/>
  <c r="P6517" i="5"/>
  <c r="P6518" i="5"/>
  <c r="P6519" i="5"/>
  <c r="P6520" i="5"/>
  <c r="P6521" i="5"/>
  <c r="P6522" i="5"/>
  <c r="P6523" i="5"/>
  <c r="P6524" i="5"/>
  <c r="P6525" i="5"/>
  <c r="P6526" i="5"/>
  <c r="P6527" i="5"/>
  <c r="P6528" i="5"/>
  <c r="P6529" i="5"/>
  <c r="P6530" i="5"/>
  <c r="P6531" i="5"/>
  <c r="P6532" i="5"/>
  <c r="P6533" i="5"/>
  <c r="P6534" i="5"/>
  <c r="P6535" i="5"/>
  <c r="P6536" i="5"/>
  <c r="P6537" i="5"/>
  <c r="P6538" i="5"/>
  <c r="P6539" i="5"/>
  <c r="P6540" i="5"/>
  <c r="P6541" i="5"/>
  <c r="P6542" i="5"/>
  <c r="P6543" i="5"/>
  <c r="P6544" i="5"/>
  <c r="P6545" i="5"/>
  <c r="P6546" i="5"/>
  <c r="P6547" i="5"/>
  <c r="P6548" i="5"/>
  <c r="P6549" i="5"/>
  <c r="P6550" i="5"/>
  <c r="P6551" i="5"/>
  <c r="P6552" i="5"/>
  <c r="P6553" i="5"/>
  <c r="P6554" i="5"/>
  <c r="P6555" i="5"/>
  <c r="P6556" i="5"/>
  <c r="P6557" i="5"/>
  <c r="P6558" i="5"/>
  <c r="P6559" i="5"/>
  <c r="P6560" i="5"/>
  <c r="P6561" i="5"/>
  <c r="P6562" i="5"/>
  <c r="P6563" i="5"/>
  <c r="P6564" i="5"/>
  <c r="P6565" i="5"/>
  <c r="P6566" i="5"/>
  <c r="P6567" i="5"/>
  <c r="P6568" i="5"/>
  <c r="P6569" i="5"/>
  <c r="P6570" i="5"/>
  <c r="P6571" i="5"/>
  <c r="P6572" i="5"/>
  <c r="P6573" i="5"/>
  <c r="P6574" i="5"/>
  <c r="P6575" i="5"/>
  <c r="P6576" i="5"/>
  <c r="P6577" i="5"/>
  <c r="P6578" i="5"/>
  <c r="P6579" i="5"/>
  <c r="P6580" i="5"/>
  <c r="P6581" i="5"/>
  <c r="P6582" i="5"/>
  <c r="P6583" i="5"/>
  <c r="P6584" i="5"/>
  <c r="P6585" i="5"/>
  <c r="P6586" i="5"/>
  <c r="P6587" i="5"/>
  <c r="P6588" i="5"/>
  <c r="P6589" i="5"/>
  <c r="P6590" i="5"/>
  <c r="P6591" i="5"/>
  <c r="P6592" i="5"/>
  <c r="P6593" i="5"/>
  <c r="P6594" i="5"/>
  <c r="P6595" i="5"/>
  <c r="P6596" i="5"/>
  <c r="P6597" i="5"/>
  <c r="P6598" i="5"/>
  <c r="P6599" i="5"/>
  <c r="P6600" i="5"/>
  <c r="P6601" i="5"/>
  <c r="P6602" i="5"/>
  <c r="P6603" i="5"/>
  <c r="P6604" i="5"/>
  <c r="P6605" i="5"/>
  <c r="P6606" i="5"/>
  <c r="P6607" i="5"/>
  <c r="P6608" i="5"/>
  <c r="P6609" i="5"/>
  <c r="P6610" i="5"/>
  <c r="P6611" i="5"/>
  <c r="P6612" i="5"/>
  <c r="P6613" i="5"/>
  <c r="P6614" i="5"/>
  <c r="P6615" i="5"/>
  <c r="P6616" i="5"/>
  <c r="P6617" i="5"/>
  <c r="P6618" i="5"/>
  <c r="P6619" i="5"/>
  <c r="P6620" i="5"/>
  <c r="P6621" i="5"/>
  <c r="P6622" i="5"/>
  <c r="P6623" i="5"/>
  <c r="P6624" i="5"/>
  <c r="P6625" i="5"/>
  <c r="P6626" i="5"/>
  <c r="P6627" i="5"/>
  <c r="P6628" i="5"/>
  <c r="P6629" i="5"/>
  <c r="P6630" i="5"/>
  <c r="P6631" i="5"/>
  <c r="P6632" i="5"/>
  <c r="P6633" i="5"/>
  <c r="P6634" i="5"/>
  <c r="P6635" i="5"/>
  <c r="P6636" i="5"/>
  <c r="P6637" i="5"/>
  <c r="P6638" i="5"/>
  <c r="P6639" i="5"/>
  <c r="P6640" i="5"/>
  <c r="P6641" i="5"/>
  <c r="P6642" i="5"/>
  <c r="P6643" i="5"/>
  <c r="P6644" i="5"/>
  <c r="P6645" i="5"/>
  <c r="P6646" i="5"/>
  <c r="P6647" i="5"/>
  <c r="P6648" i="5"/>
  <c r="P6649" i="5"/>
  <c r="P6650" i="5"/>
  <c r="P6651" i="5"/>
  <c r="P6652" i="5"/>
  <c r="P6653" i="5"/>
  <c r="P6654" i="5"/>
  <c r="P6655" i="5"/>
  <c r="P6656" i="5"/>
  <c r="P6657" i="5"/>
  <c r="P6658" i="5"/>
  <c r="P6659" i="5"/>
  <c r="P6660" i="5"/>
  <c r="P6661" i="5"/>
  <c r="P6662" i="5"/>
  <c r="P6663" i="5"/>
  <c r="P6664" i="5"/>
  <c r="P6665" i="5"/>
  <c r="P6666" i="5"/>
  <c r="P6667" i="5"/>
  <c r="P6668" i="5"/>
  <c r="P6669" i="5"/>
  <c r="P6670" i="5"/>
  <c r="P6671" i="5"/>
  <c r="P6672" i="5"/>
  <c r="P6673" i="5"/>
  <c r="P6674" i="5"/>
  <c r="P6675" i="5"/>
  <c r="P6676" i="5"/>
  <c r="P6677" i="5"/>
  <c r="P6678" i="5"/>
  <c r="P6679" i="5"/>
  <c r="P6680" i="5"/>
  <c r="P6681" i="5"/>
  <c r="P6682" i="5"/>
  <c r="P6683" i="5"/>
  <c r="P6684" i="5"/>
  <c r="P6685" i="5"/>
  <c r="P6686" i="5"/>
  <c r="P6687" i="5"/>
  <c r="P6688" i="5"/>
  <c r="P6689" i="5"/>
  <c r="P6690" i="5"/>
  <c r="P6691" i="5"/>
  <c r="P6692" i="5"/>
  <c r="P6693" i="5"/>
  <c r="P6694" i="5"/>
  <c r="P6695" i="5"/>
  <c r="P6696" i="5"/>
  <c r="P6697" i="5"/>
  <c r="P6698" i="5"/>
  <c r="P6699" i="5"/>
  <c r="P6700" i="5"/>
  <c r="P6701" i="5"/>
  <c r="P6702" i="5"/>
  <c r="P6703" i="5"/>
  <c r="P6704" i="5"/>
  <c r="P6705" i="5"/>
  <c r="P6706" i="5"/>
  <c r="P6707" i="5"/>
  <c r="P6708" i="5"/>
  <c r="P6709" i="5"/>
  <c r="P6710" i="5"/>
  <c r="P6711" i="5"/>
  <c r="P6712" i="5"/>
  <c r="P6713" i="5"/>
  <c r="P6714" i="5"/>
  <c r="P6715" i="5"/>
  <c r="P6716" i="5"/>
  <c r="P6717" i="5"/>
  <c r="P6718" i="5"/>
  <c r="P6719" i="5"/>
  <c r="P6720" i="5"/>
  <c r="P6721" i="5"/>
  <c r="P6722" i="5"/>
  <c r="P6723" i="5"/>
  <c r="P6724" i="5"/>
  <c r="P6725" i="5"/>
  <c r="P6726" i="5"/>
  <c r="P6727" i="5"/>
  <c r="P6728" i="5"/>
  <c r="P6729" i="5"/>
  <c r="P6730" i="5"/>
  <c r="P6731" i="5"/>
  <c r="P6732" i="5"/>
  <c r="P6733" i="5"/>
  <c r="P6734" i="5"/>
  <c r="P6735" i="5"/>
  <c r="P6736" i="5"/>
  <c r="P6737" i="5"/>
  <c r="P6738" i="5"/>
  <c r="P6739" i="5"/>
  <c r="P6740" i="5"/>
  <c r="P6741" i="5"/>
  <c r="P6742" i="5"/>
  <c r="P6743" i="5"/>
  <c r="P6744" i="5"/>
  <c r="P6745" i="5"/>
  <c r="P6746" i="5"/>
  <c r="P6747" i="5"/>
  <c r="P6748" i="5"/>
  <c r="P6749" i="5"/>
  <c r="P6750" i="5"/>
  <c r="P6751" i="5"/>
  <c r="P6752" i="5"/>
  <c r="P6753" i="5"/>
  <c r="P6754" i="5"/>
  <c r="P6755" i="5"/>
  <c r="P6756" i="5"/>
  <c r="P6757" i="5"/>
  <c r="P6758" i="5"/>
  <c r="P6759" i="5"/>
  <c r="P6760" i="5"/>
  <c r="P6761" i="5"/>
  <c r="P6762" i="5"/>
  <c r="P6763" i="5"/>
  <c r="P6764" i="5"/>
  <c r="P6765" i="5"/>
  <c r="P6766" i="5"/>
  <c r="P6767" i="5"/>
  <c r="P6768" i="5"/>
  <c r="P6769" i="5"/>
  <c r="P6770" i="5"/>
  <c r="P6771" i="5"/>
  <c r="P6772" i="5"/>
  <c r="P6773" i="5"/>
  <c r="P6774" i="5"/>
  <c r="P6775" i="5"/>
  <c r="P6776" i="5"/>
  <c r="P6777" i="5"/>
  <c r="P6778" i="5"/>
  <c r="P6779" i="5"/>
  <c r="P6780" i="5"/>
  <c r="P6781" i="5"/>
  <c r="P6782" i="5"/>
  <c r="P6783" i="5"/>
  <c r="P6784" i="5"/>
  <c r="P6785" i="5"/>
  <c r="P6786" i="5"/>
  <c r="P6787" i="5"/>
  <c r="P6788" i="5"/>
  <c r="P6789" i="5"/>
  <c r="P6790" i="5"/>
  <c r="P6791" i="5"/>
  <c r="P6792" i="5"/>
  <c r="P6793" i="5"/>
  <c r="P6794" i="5"/>
  <c r="P6795" i="5"/>
  <c r="P6796" i="5"/>
  <c r="P6797" i="5"/>
  <c r="P6798" i="5"/>
  <c r="P6799" i="5"/>
  <c r="P6800" i="5"/>
  <c r="P6801" i="5"/>
  <c r="P6802" i="5"/>
  <c r="P6803" i="5"/>
  <c r="P6804" i="5"/>
  <c r="P6805" i="5"/>
  <c r="P6806" i="5"/>
  <c r="P6807" i="5"/>
  <c r="P6808" i="5"/>
  <c r="P6809" i="5"/>
  <c r="P6810" i="5"/>
  <c r="P6811" i="5"/>
  <c r="P6812" i="5"/>
  <c r="P6813" i="5"/>
  <c r="P6814" i="5"/>
  <c r="P6815" i="5"/>
  <c r="P6816" i="5"/>
  <c r="P6817" i="5"/>
  <c r="P6818" i="5"/>
  <c r="P6819" i="5"/>
  <c r="P6820" i="5"/>
  <c r="P6821" i="5"/>
  <c r="P6822" i="5"/>
  <c r="P6823" i="5"/>
  <c r="P6824" i="5"/>
  <c r="P6825" i="5"/>
  <c r="P6826" i="5"/>
  <c r="P6827" i="5"/>
  <c r="P6828" i="5"/>
  <c r="P6829" i="5"/>
  <c r="P6830" i="5"/>
  <c r="P6831" i="5"/>
  <c r="P6832" i="5"/>
  <c r="P6833" i="5"/>
  <c r="P6834" i="5"/>
  <c r="P6835" i="5"/>
  <c r="P6836" i="5"/>
  <c r="P6837" i="5"/>
  <c r="P6838" i="5"/>
  <c r="P6839" i="5"/>
  <c r="P6840" i="5"/>
  <c r="P6841" i="5"/>
  <c r="P6842" i="5"/>
  <c r="P6843" i="5"/>
  <c r="P6844" i="5"/>
  <c r="P6845" i="5"/>
  <c r="P6846" i="5"/>
  <c r="P6847" i="5"/>
  <c r="P6848" i="5"/>
  <c r="P6849" i="5"/>
  <c r="P6850" i="5"/>
  <c r="P6851" i="5"/>
  <c r="P6852" i="5"/>
  <c r="P6853" i="5"/>
  <c r="P6854" i="5"/>
  <c r="P6855" i="5"/>
  <c r="P6856" i="5"/>
  <c r="P6857" i="5"/>
  <c r="P6858" i="5"/>
  <c r="P6859" i="5"/>
  <c r="P6860" i="5"/>
  <c r="P6861" i="5"/>
  <c r="P6862" i="5"/>
  <c r="P6863" i="5"/>
  <c r="P6864" i="5"/>
  <c r="P6865" i="5"/>
  <c r="P6866" i="5"/>
  <c r="P6867" i="5"/>
  <c r="P6868" i="5"/>
  <c r="P6869" i="5"/>
  <c r="P6870" i="5"/>
  <c r="P6871" i="5"/>
  <c r="P6872" i="5"/>
  <c r="P6873" i="5"/>
  <c r="P6874" i="5"/>
  <c r="P6875" i="5"/>
  <c r="P6876" i="5"/>
  <c r="P6877" i="5"/>
  <c r="P6878" i="5"/>
  <c r="P6879" i="5"/>
  <c r="P6880" i="5"/>
  <c r="P6881" i="5"/>
  <c r="P6882" i="5"/>
  <c r="P6883" i="5"/>
  <c r="P6884" i="5"/>
  <c r="P6885" i="5"/>
  <c r="P6886" i="5"/>
  <c r="P6887" i="5"/>
  <c r="P6888" i="5"/>
  <c r="P6889" i="5"/>
  <c r="P6890" i="5"/>
  <c r="P6891" i="5"/>
  <c r="P6892" i="5"/>
  <c r="P6893" i="5"/>
  <c r="P6894" i="5"/>
  <c r="P6895" i="5"/>
  <c r="P6896" i="5"/>
  <c r="P6897" i="5"/>
  <c r="P6898" i="5"/>
  <c r="P6899" i="5"/>
  <c r="P6900" i="5"/>
  <c r="P6901" i="5"/>
  <c r="P6902" i="5"/>
  <c r="P6903" i="5"/>
  <c r="P6904" i="5"/>
  <c r="P6905" i="5"/>
  <c r="P6906" i="5"/>
  <c r="P6907" i="5"/>
  <c r="P6908" i="5"/>
  <c r="P6909" i="5"/>
  <c r="P6910" i="5"/>
  <c r="P6911" i="5"/>
  <c r="P6912" i="5"/>
  <c r="P6913" i="5"/>
  <c r="P6914" i="5"/>
  <c r="P6915" i="5"/>
  <c r="P6916" i="5"/>
  <c r="P6917" i="5"/>
  <c r="P6918" i="5"/>
  <c r="P6919" i="5"/>
  <c r="P6920" i="5"/>
  <c r="P6921" i="5"/>
  <c r="P6922" i="5"/>
  <c r="P6923" i="5"/>
  <c r="P6924" i="5"/>
  <c r="P6925" i="5"/>
  <c r="P6926" i="5"/>
  <c r="P6927" i="5"/>
  <c r="P6928" i="5"/>
  <c r="P6929" i="5"/>
  <c r="P6930" i="5"/>
  <c r="P6931" i="5"/>
  <c r="P6932" i="5"/>
  <c r="P6933" i="5"/>
  <c r="P6934" i="5"/>
  <c r="P6935" i="5"/>
  <c r="P6936" i="5"/>
  <c r="P6937" i="5"/>
  <c r="P6938" i="5"/>
  <c r="P6939" i="5"/>
  <c r="P6940" i="5"/>
  <c r="P6941" i="5"/>
  <c r="P6942" i="5"/>
  <c r="P6943" i="5"/>
  <c r="P6944" i="5"/>
  <c r="P6945" i="5"/>
  <c r="P6946" i="5"/>
  <c r="P6947" i="5"/>
  <c r="P6948" i="5"/>
  <c r="P6949" i="5"/>
  <c r="P6950" i="5"/>
  <c r="P6951" i="5"/>
  <c r="P6952" i="5"/>
  <c r="P6953" i="5"/>
  <c r="P6954" i="5"/>
  <c r="P6955" i="5"/>
  <c r="P6956" i="5"/>
  <c r="P6957" i="5"/>
  <c r="P6958" i="5"/>
  <c r="P6959" i="5"/>
  <c r="P6960" i="5"/>
  <c r="P6961" i="5"/>
  <c r="P6962" i="5"/>
  <c r="P6963" i="5"/>
  <c r="P6964" i="5"/>
  <c r="P6965" i="5"/>
  <c r="P6966" i="5"/>
  <c r="P6967" i="5"/>
  <c r="P6968" i="5"/>
  <c r="P6969" i="5"/>
  <c r="P6970" i="5"/>
  <c r="P6971" i="5"/>
  <c r="P6972" i="5"/>
  <c r="P6973" i="5"/>
  <c r="P6974" i="5"/>
  <c r="P6975" i="5"/>
  <c r="P6976" i="5"/>
  <c r="P6977" i="5"/>
  <c r="P6978" i="5"/>
  <c r="P6979" i="5"/>
  <c r="P6980" i="5"/>
  <c r="P6981" i="5"/>
  <c r="P6982" i="5"/>
  <c r="P6983" i="5"/>
  <c r="P6984" i="5"/>
  <c r="P6985" i="5"/>
  <c r="P6986" i="5"/>
  <c r="P6987" i="5"/>
  <c r="P6988" i="5"/>
  <c r="P6989" i="5"/>
  <c r="P6990" i="5"/>
  <c r="P6991" i="5"/>
  <c r="P6992" i="5"/>
  <c r="P6993" i="5"/>
  <c r="P6994" i="5"/>
  <c r="P6995" i="5"/>
  <c r="P6996" i="5"/>
  <c r="P6997" i="5"/>
  <c r="P6998" i="5"/>
  <c r="P6999" i="5"/>
  <c r="P7000" i="5"/>
  <c r="P7001" i="5"/>
  <c r="P7002" i="5"/>
  <c r="P7003" i="5"/>
  <c r="P7004" i="5"/>
  <c r="P7005" i="5"/>
  <c r="P7006" i="5"/>
  <c r="P7007" i="5"/>
  <c r="P7008" i="5"/>
  <c r="P7009" i="5"/>
  <c r="P7010" i="5"/>
  <c r="P7011" i="5"/>
  <c r="P7012" i="5"/>
  <c r="P7013" i="5"/>
  <c r="P7014" i="5"/>
  <c r="P7015" i="5"/>
  <c r="P7016" i="5"/>
  <c r="P7017" i="5"/>
  <c r="P7018" i="5"/>
  <c r="P7019" i="5"/>
  <c r="P7020" i="5"/>
  <c r="P7021" i="5"/>
  <c r="P7022" i="5"/>
  <c r="P7023" i="5"/>
  <c r="P7024" i="5"/>
  <c r="P7025" i="5"/>
  <c r="P7026" i="5"/>
  <c r="P7027" i="5"/>
  <c r="P7028" i="5"/>
  <c r="P7029" i="5"/>
  <c r="P7030" i="5"/>
  <c r="P7031" i="5"/>
  <c r="P7032" i="5"/>
  <c r="P7033" i="5"/>
  <c r="P7034" i="5"/>
  <c r="P7035" i="5"/>
  <c r="P7036" i="5"/>
  <c r="P7037" i="5"/>
  <c r="P7038" i="5"/>
  <c r="P7039" i="5"/>
  <c r="P7040" i="5"/>
  <c r="P7041" i="5"/>
  <c r="P7042" i="5"/>
  <c r="P7043" i="5"/>
  <c r="P7044" i="5"/>
  <c r="P7045" i="5"/>
  <c r="P7046" i="5"/>
  <c r="P7047" i="5"/>
  <c r="P7048" i="5"/>
  <c r="P7049" i="5"/>
  <c r="P7050" i="5"/>
  <c r="P7051" i="5"/>
  <c r="P7052" i="5"/>
  <c r="P7053" i="5"/>
  <c r="P7054" i="5"/>
  <c r="P7055" i="5"/>
  <c r="P7056" i="5"/>
  <c r="P7057" i="5"/>
  <c r="P7058" i="5"/>
  <c r="P7059" i="5"/>
  <c r="P7060" i="5"/>
  <c r="P7061" i="5"/>
  <c r="P7062" i="5"/>
  <c r="P7063" i="5"/>
  <c r="P7064" i="5"/>
  <c r="P7065" i="5"/>
  <c r="P7066" i="5"/>
  <c r="P7067" i="5"/>
  <c r="P7068" i="5"/>
  <c r="P7069" i="5"/>
  <c r="P7070" i="5"/>
  <c r="P7071" i="5"/>
  <c r="P7072" i="5"/>
  <c r="P7073" i="5"/>
  <c r="P7074" i="5"/>
  <c r="P7075" i="5"/>
  <c r="P7076" i="5"/>
  <c r="P7077" i="5"/>
  <c r="P7078" i="5"/>
  <c r="P7079" i="5"/>
  <c r="P7080" i="5"/>
  <c r="P7081" i="5"/>
  <c r="P7082" i="5"/>
  <c r="P7083" i="5"/>
  <c r="P7084" i="5"/>
  <c r="P7085" i="5"/>
  <c r="P7086" i="5"/>
  <c r="P7087" i="5"/>
  <c r="P7088" i="5"/>
  <c r="P7089" i="5"/>
  <c r="P7090" i="5"/>
  <c r="P7091" i="5"/>
  <c r="P7092" i="5"/>
  <c r="P7093" i="5"/>
  <c r="P7094" i="5"/>
  <c r="P7095" i="5"/>
  <c r="P7096" i="5"/>
  <c r="P7097" i="5"/>
  <c r="P7098" i="5"/>
  <c r="P7099" i="5"/>
  <c r="P7100" i="5"/>
  <c r="P7101" i="5"/>
  <c r="P7102" i="5"/>
  <c r="P7103" i="5"/>
  <c r="P7104" i="5"/>
  <c r="P7105" i="5"/>
  <c r="P7106" i="5"/>
  <c r="P7107" i="5"/>
  <c r="P7108" i="5"/>
  <c r="P7109" i="5"/>
  <c r="P7110" i="5"/>
  <c r="P7111" i="5"/>
  <c r="P7112" i="5"/>
  <c r="P7113" i="5"/>
  <c r="P7114" i="5"/>
  <c r="P7115" i="5"/>
  <c r="P7116" i="5"/>
  <c r="P7117" i="5"/>
  <c r="P7118" i="5"/>
  <c r="P7119" i="5"/>
  <c r="P7120" i="5"/>
  <c r="P7121" i="5"/>
  <c r="P7122" i="5"/>
  <c r="P7123" i="5"/>
  <c r="P7124" i="5"/>
  <c r="P7125" i="5"/>
  <c r="P7126" i="5"/>
  <c r="P7127" i="5"/>
  <c r="P7128" i="5"/>
  <c r="P7129" i="5"/>
  <c r="P7130" i="5"/>
  <c r="P7131" i="5"/>
  <c r="P7132" i="5"/>
  <c r="P7133" i="5"/>
  <c r="P7134" i="5"/>
  <c r="P7135" i="5"/>
  <c r="P7136" i="5"/>
  <c r="P7137" i="5"/>
  <c r="P7138" i="5"/>
  <c r="P7139" i="5"/>
  <c r="P7140" i="5"/>
  <c r="P7141" i="5"/>
  <c r="P7142" i="5"/>
  <c r="P7143" i="5"/>
  <c r="P7144" i="5"/>
  <c r="P7145" i="5"/>
  <c r="P7146" i="5"/>
  <c r="P7147" i="5"/>
  <c r="P7148" i="5"/>
  <c r="P7149" i="5"/>
  <c r="P7150" i="5"/>
  <c r="P7151" i="5"/>
  <c r="P7152" i="5"/>
  <c r="P7153" i="5"/>
  <c r="P7154" i="5"/>
  <c r="P7155" i="5"/>
  <c r="P7156" i="5"/>
  <c r="P7157" i="5"/>
  <c r="P7158" i="5"/>
  <c r="P7159" i="5"/>
  <c r="P7160" i="5"/>
  <c r="P7161" i="5"/>
  <c r="P7162" i="5"/>
  <c r="P7163" i="5"/>
  <c r="P7164" i="5"/>
  <c r="P7165" i="5"/>
  <c r="P7166" i="5"/>
  <c r="P7167" i="5"/>
  <c r="P7168" i="5"/>
  <c r="P7169" i="5"/>
  <c r="P7170" i="5"/>
  <c r="P7171" i="5"/>
  <c r="P7172" i="5"/>
  <c r="P7173" i="5"/>
  <c r="P7174" i="5"/>
  <c r="P7175" i="5"/>
  <c r="P7176" i="5"/>
  <c r="P7177" i="5"/>
  <c r="P7178" i="5"/>
  <c r="P7179" i="5"/>
  <c r="P7180" i="5"/>
  <c r="P7181" i="5"/>
  <c r="P7182" i="5"/>
  <c r="P7183" i="5"/>
  <c r="P7184" i="5"/>
  <c r="P7185" i="5"/>
  <c r="P7186" i="5"/>
  <c r="P7187" i="5"/>
  <c r="P7188" i="5"/>
  <c r="P7189" i="5"/>
  <c r="P7190" i="5"/>
  <c r="P7191" i="5"/>
  <c r="P7192" i="5"/>
  <c r="P7193" i="5"/>
  <c r="P7194" i="5"/>
  <c r="P7195" i="5"/>
  <c r="P7196" i="5"/>
  <c r="P7197" i="5"/>
  <c r="P7198" i="5"/>
  <c r="P7199" i="5"/>
  <c r="P7200" i="5"/>
  <c r="P7201" i="5"/>
  <c r="P7202" i="5"/>
  <c r="P7203" i="5"/>
  <c r="P7204" i="5"/>
  <c r="P7205" i="5"/>
  <c r="P7206" i="5"/>
  <c r="P7207" i="5"/>
  <c r="P7208" i="5"/>
  <c r="P7209" i="5"/>
  <c r="P7210" i="5"/>
  <c r="P7211" i="5"/>
  <c r="P7212" i="5"/>
  <c r="P7213" i="5"/>
  <c r="P7214" i="5"/>
  <c r="P7215" i="5"/>
  <c r="P7216" i="5"/>
  <c r="P7217" i="5"/>
  <c r="P7218" i="5"/>
  <c r="P7219" i="5"/>
  <c r="P7220" i="5"/>
  <c r="P7221" i="5"/>
  <c r="P7222" i="5"/>
  <c r="P7223" i="5"/>
  <c r="P7224" i="5"/>
  <c r="P7225" i="5"/>
  <c r="P7226" i="5"/>
  <c r="P7227" i="5"/>
  <c r="P7228" i="5"/>
  <c r="P7229" i="5"/>
  <c r="P7230" i="5"/>
  <c r="P7231" i="5"/>
  <c r="P7232" i="5"/>
  <c r="P7233" i="5"/>
  <c r="P7234" i="5"/>
  <c r="P7235" i="5"/>
  <c r="P7236" i="5"/>
  <c r="P7237" i="5"/>
  <c r="P7238" i="5"/>
  <c r="P7239" i="5"/>
  <c r="P7240" i="5"/>
  <c r="P7241" i="5"/>
  <c r="P7242" i="5"/>
  <c r="P7243" i="5"/>
  <c r="P7244" i="5"/>
  <c r="P7245" i="5"/>
  <c r="P7246" i="5"/>
  <c r="P7247" i="5"/>
  <c r="P7248" i="5"/>
  <c r="P7249" i="5"/>
  <c r="P7250" i="5"/>
  <c r="P7251" i="5"/>
  <c r="P7252" i="5"/>
  <c r="P7253" i="5"/>
  <c r="P7254" i="5"/>
  <c r="P7255" i="5"/>
  <c r="P7256" i="5"/>
  <c r="P7257" i="5"/>
  <c r="P7258" i="5"/>
  <c r="P7259" i="5"/>
  <c r="P7260" i="5"/>
  <c r="P7261" i="5"/>
  <c r="P7262" i="5"/>
  <c r="P7263" i="5"/>
  <c r="P7264" i="5"/>
  <c r="P7265" i="5"/>
  <c r="P7266" i="5"/>
  <c r="P7267" i="5"/>
  <c r="P7268" i="5"/>
  <c r="P7269" i="5"/>
  <c r="P7270" i="5"/>
  <c r="P7271" i="5"/>
  <c r="P7272" i="5"/>
  <c r="P7273" i="5"/>
  <c r="P7274" i="5"/>
  <c r="P7275" i="5"/>
  <c r="P7276" i="5"/>
  <c r="P7277" i="5"/>
  <c r="P7278" i="5"/>
  <c r="P7279" i="5"/>
  <c r="P7280" i="5"/>
  <c r="P7281" i="5"/>
  <c r="P7282" i="5"/>
  <c r="P7283" i="5"/>
  <c r="P7284" i="5"/>
  <c r="P7285" i="5"/>
  <c r="P7286" i="5"/>
  <c r="P7287" i="5"/>
  <c r="P7288" i="5"/>
  <c r="P7289" i="5"/>
  <c r="P7290" i="5"/>
  <c r="P7291" i="5"/>
  <c r="P7292" i="5"/>
  <c r="P7293" i="5"/>
  <c r="P7294" i="5"/>
  <c r="P7295" i="5"/>
  <c r="P7296" i="5"/>
  <c r="P7297" i="5"/>
  <c r="P7298" i="5"/>
  <c r="P7299" i="5"/>
  <c r="P7300" i="5"/>
  <c r="P7301" i="5"/>
  <c r="P7302" i="5"/>
  <c r="P7303" i="5"/>
  <c r="P7304" i="5"/>
  <c r="P7305" i="5"/>
  <c r="P7306" i="5"/>
  <c r="P7307" i="5"/>
  <c r="P7308" i="5"/>
  <c r="P7309" i="5"/>
  <c r="P7310" i="5"/>
  <c r="P7311" i="5"/>
  <c r="P7312" i="5"/>
  <c r="P7313" i="5"/>
  <c r="P7314" i="5"/>
  <c r="P7315" i="5"/>
  <c r="P7316" i="5"/>
  <c r="P7317" i="5"/>
  <c r="P7318" i="5"/>
  <c r="P7319" i="5"/>
  <c r="P7320" i="5"/>
  <c r="P7321" i="5"/>
  <c r="P7322" i="5"/>
  <c r="P7323" i="5"/>
  <c r="P7324" i="5"/>
  <c r="P7325" i="5"/>
  <c r="P7326" i="5"/>
  <c r="P7327" i="5"/>
  <c r="P7328" i="5"/>
  <c r="P7329" i="5"/>
  <c r="P7330" i="5"/>
  <c r="P7331" i="5"/>
  <c r="P7332" i="5"/>
  <c r="P7333" i="5"/>
  <c r="P7334" i="5"/>
  <c r="P7335" i="5"/>
  <c r="P7336" i="5"/>
  <c r="P7337" i="5"/>
  <c r="P7338" i="5"/>
  <c r="P7339" i="5"/>
  <c r="P7340" i="5"/>
  <c r="P7341" i="5"/>
  <c r="P7342" i="5"/>
  <c r="P7343" i="5"/>
  <c r="P7344" i="5"/>
  <c r="P7345" i="5"/>
  <c r="P7346" i="5"/>
  <c r="P7347" i="5"/>
  <c r="P7348" i="5"/>
  <c r="P7349" i="5"/>
  <c r="P7350" i="5"/>
  <c r="P7351" i="5"/>
  <c r="P7352" i="5"/>
  <c r="P7353" i="5"/>
  <c r="P7354" i="5"/>
  <c r="P7355" i="5"/>
  <c r="P7356" i="5"/>
  <c r="P7357" i="5"/>
  <c r="P7358" i="5"/>
  <c r="P7359" i="5"/>
  <c r="P7360" i="5"/>
  <c r="P7361" i="5"/>
  <c r="P7362" i="5"/>
  <c r="P7363" i="5"/>
  <c r="P7364" i="5"/>
  <c r="P7365" i="5"/>
  <c r="P7366" i="5"/>
  <c r="P7367" i="5"/>
  <c r="P7368" i="5"/>
  <c r="P7369" i="5"/>
  <c r="P7370" i="5"/>
  <c r="P7371" i="5"/>
  <c r="P7372" i="5"/>
  <c r="P7373" i="5"/>
  <c r="P7374" i="5"/>
  <c r="P7375" i="5"/>
  <c r="P7376" i="5"/>
  <c r="P7377" i="5"/>
  <c r="P7378" i="5"/>
  <c r="P7379" i="5"/>
  <c r="P7380" i="5"/>
  <c r="P7381" i="5"/>
  <c r="P7382" i="5"/>
  <c r="P7383" i="5"/>
  <c r="P7384" i="5"/>
  <c r="P7385" i="5"/>
  <c r="P7386" i="5"/>
  <c r="P7387" i="5"/>
  <c r="P7388" i="5"/>
  <c r="P7389" i="5"/>
  <c r="P7390" i="5"/>
  <c r="P7391" i="5"/>
  <c r="P7392" i="5"/>
  <c r="P7393" i="5"/>
  <c r="P7394" i="5"/>
  <c r="P7395" i="5"/>
  <c r="P7396" i="5"/>
  <c r="P7397" i="5"/>
  <c r="P7398" i="5"/>
  <c r="P7399" i="5"/>
  <c r="P7400" i="5"/>
  <c r="P7401" i="5"/>
  <c r="P7402" i="5"/>
  <c r="P7403" i="5"/>
  <c r="P7404" i="5"/>
  <c r="P7405" i="5"/>
  <c r="P7406" i="5"/>
  <c r="P7407" i="5"/>
  <c r="P7408" i="5"/>
  <c r="P7409" i="5"/>
  <c r="P7410" i="5"/>
  <c r="P7411" i="5"/>
  <c r="P7412" i="5"/>
  <c r="P7413" i="5"/>
  <c r="P7414" i="5"/>
  <c r="P7415" i="5"/>
  <c r="P7416" i="5"/>
  <c r="P7417" i="5"/>
  <c r="P7418" i="5"/>
  <c r="P7419" i="5"/>
  <c r="P7420" i="5"/>
  <c r="P7421" i="5"/>
  <c r="P7422" i="5"/>
  <c r="P7423" i="5"/>
  <c r="P7424" i="5"/>
  <c r="P7425" i="5"/>
  <c r="P7426" i="5"/>
  <c r="P7427" i="5"/>
  <c r="P7428" i="5"/>
  <c r="P7429" i="5"/>
  <c r="P7430" i="5"/>
  <c r="P7431" i="5"/>
  <c r="P7432" i="5"/>
  <c r="P7433" i="5"/>
  <c r="P7434" i="5"/>
  <c r="P7435" i="5"/>
  <c r="P7436" i="5"/>
  <c r="P7437" i="5"/>
  <c r="P7438" i="5"/>
  <c r="P7439" i="5"/>
  <c r="P7440" i="5"/>
  <c r="P7441" i="5"/>
  <c r="P7442" i="5"/>
  <c r="P7443" i="5"/>
  <c r="P7444" i="5"/>
  <c r="P7445" i="5"/>
  <c r="P7446" i="5"/>
  <c r="P7447" i="5"/>
  <c r="P7448" i="5"/>
  <c r="P7449" i="5"/>
  <c r="P7450" i="5"/>
  <c r="P7451" i="5"/>
  <c r="P7452" i="5"/>
  <c r="P7453" i="5"/>
  <c r="P7454" i="5"/>
  <c r="P7455" i="5"/>
  <c r="P7456" i="5"/>
  <c r="P7457" i="5"/>
  <c r="P7458" i="5"/>
  <c r="P7459" i="5"/>
  <c r="P7460" i="5"/>
  <c r="P7461" i="5"/>
  <c r="P7462" i="5"/>
  <c r="P7463" i="5"/>
  <c r="P7464" i="5"/>
  <c r="P7465" i="5"/>
  <c r="P7466" i="5"/>
  <c r="P7467" i="5"/>
  <c r="P7468" i="5"/>
  <c r="P7469" i="5"/>
  <c r="P7470" i="5"/>
  <c r="P7471" i="5"/>
  <c r="P7472" i="5"/>
  <c r="P7473" i="5"/>
  <c r="P7474" i="5"/>
  <c r="P7475" i="5"/>
  <c r="P7476" i="5"/>
  <c r="P7477" i="5"/>
  <c r="P7478" i="5"/>
  <c r="P7479" i="5"/>
  <c r="P7480" i="5"/>
  <c r="P7481" i="5"/>
  <c r="P7482" i="5"/>
  <c r="P7483" i="5"/>
  <c r="P7484" i="5"/>
  <c r="P7485" i="5"/>
  <c r="P7486" i="5"/>
  <c r="P7487" i="5"/>
  <c r="P7488" i="5"/>
  <c r="P7489" i="5"/>
  <c r="P7490" i="5"/>
  <c r="P7491" i="5"/>
  <c r="P7492" i="5"/>
  <c r="P7493" i="5"/>
  <c r="P7494" i="5"/>
  <c r="P7495" i="5"/>
  <c r="P7496" i="5"/>
  <c r="P7497" i="5"/>
  <c r="P7498" i="5"/>
  <c r="P7499" i="5"/>
  <c r="P7500" i="5"/>
  <c r="P7501" i="5"/>
  <c r="P7502" i="5"/>
  <c r="P7503" i="5"/>
  <c r="P7504" i="5"/>
  <c r="P7505" i="5"/>
  <c r="P7506" i="5"/>
  <c r="P7507" i="5"/>
  <c r="P7508" i="5"/>
  <c r="P7509" i="5"/>
  <c r="P7510" i="5"/>
  <c r="P7511" i="5"/>
  <c r="P7512" i="5"/>
  <c r="P7513" i="5"/>
  <c r="P7514" i="5"/>
  <c r="P7515" i="5"/>
  <c r="P7516" i="5"/>
  <c r="P7517" i="5"/>
  <c r="P7518" i="5"/>
  <c r="P7519" i="5"/>
  <c r="P7520" i="5"/>
  <c r="P7521" i="5"/>
  <c r="P7522" i="5"/>
  <c r="P7523" i="5"/>
  <c r="P7524" i="5"/>
  <c r="P7525" i="5"/>
  <c r="P7526" i="5"/>
  <c r="P7527" i="5"/>
  <c r="P7528" i="5"/>
  <c r="P7529" i="5"/>
  <c r="P7530" i="5"/>
  <c r="P7531" i="5"/>
  <c r="P7532" i="5"/>
  <c r="P7533" i="5"/>
  <c r="P7534" i="5"/>
  <c r="P7535" i="5"/>
  <c r="P7536" i="5"/>
  <c r="P7537" i="5"/>
  <c r="P7538" i="5"/>
  <c r="P7539" i="5"/>
  <c r="P7540" i="5"/>
  <c r="P7541" i="5"/>
  <c r="P7542" i="5"/>
  <c r="P7543" i="5"/>
  <c r="P7544" i="5"/>
  <c r="P7545" i="5"/>
  <c r="P7546" i="5"/>
  <c r="P7547" i="5"/>
  <c r="P7548" i="5"/>
  <c r="P7549" i="5"/>
  <c r="P7550" i="5"/>
  <c r="P7551" i="5"/>
  <c r="P7552" i="5"/>
  <c r="P7553" i="5"/>
  <c r="P7554" i="5"/>
  <c r="P7555" i="5"/>
  <c r="P7556" i="5"/>
  <c r="P7557" i="5"/>
  <c r="P7558" i="5"/>
  <c r="P7559" i="5"/>
  <c r="P7560" i="5"/>
  <c r="P7561" i="5"/>
  <c r="P7562" i="5"/>
  <c r="P7563" i="5"/>
  <c r="P7564" i="5"/>
  <c r="P7565" i="5"/>
  <c r="P7566" i="5"/>
  <c r="P7567" i="5"/>
  <c r="P7568" i="5"/>
  <c r="P7569" i="5"/>
  <c r="P7570" i="5"/>
  <c r="P7571" i="5"/>
  <c r="P7572" i="5"/>
  <c r="P7573" i="5"/>
  <c r="P7574" i="5"/>
  <c r="P7575" i="5"/>
  <c r="P7576" i="5"/>
  <c r="P7577" i="5"/>
  <c r="P7578" i="5"/>
  <c r="P7579" i="5"/>
  <c r="P7580" i="5"/>
  <c r="P7581" i="5"/>
  <c r="P7582" i="5"/>
  <c r="P7583" i="5"/>
  <c r="P7584" i="5"/>
  <c r="P7585" i="5"/>
  <c r="P7586" i="5"/>
  <c r="P7587" i="5"/>
  <c r="P7588" i="5"/>
  <c r="P7589" i="5"/>
  <c r="P7590" i="5"/>
  <c r="P7591" i="5"/>
  <c r="P7592" i="5"/>
  <c r="P7593" i="5"/>
  <c r="P7594" i="5"/>
  <c r="P7595" i="5"/>
  <c r="P7596" i="5"/>
  <c r="P7597" i="5"/>
  <c r="P7598" i="5"/>
  <c r="P7599" i="5"/>
  <c r="P7600" i="5"/>
  <c r="P7601" i="5"/>
  <c r="P7602" i="5"/>
  <c r="P7603" i="5"/>
  <c r="P7604" i="5"/>
  <c r="P7605" i="5"/>
  <c r="P7606" i="5"/>
  <c r="P7607" i="5"/>
  <c r="P7608" i="5"/>
  <c r="P7609" i="5"/>
  <c r="P7610" i="5"/>
  <c r="P7611" i="5"/>
  <c r="P7612" i="5"/>
  <c r="P7613" i="5"/>
  <c r="P7614" i="5"/>
  <c r="P7615" i="5"/>
  <c r="P7616" i="5"/>
  <c r="P7617" i="5"/>
  <c r="P7618" i="5"/>
  <c r="P7619" i="5"/>
  <c r="P7620" i="5"/>
  <c r="P7621" i="5"/>
  <c r="P7622" i="5"/>
  <c r="P7623" i="5"/>
  <c r="P7624" i="5"/>
  <c r="P7625" i="5"/>
  <c r="P7626" i="5"/>
  <c r="P7627" i="5"/>
  <c r="P7628" i="5"/>
  <c r="P7629" i="5"/>
  <c r="P7630" i="5"/>
  <c r="P7631" i="5"/>
  <c r="P7632" i="5"/>
  <c r="P7633" i="5"/>
  <c r="P7634" i="5"/>
  <c r="P7635" i="5"/>
  <c r="P7636" i="5"/>
  <c r="P7637" i="5"/>
  <c r="P7638" i="5"/>
  <c r="P7639" i="5"/>
  <c r="P7640" i="5"/>
  <c r="P7641" i="5"/>
  <c r="P7642" i="5"/>
  <c r="P7643" i="5"/>
  <c r="P7644" i="5"/>
  <c r="P7645" i="5"/>
  <c r="P7646" i="5"/>
  <c r="P7647" i="5"/>
  <c r="P7648" i="5"/>
  <c r="P7649" i="5"/>
  <c r="P7650" i="5"/>
  <c r="P7651" i="5"/>
  <c r="P7652" i="5"/>
  <c r="P7653" i="5"/>
  <c r="P7654" i="5"/>
  <c r="P7655" i="5"/>
  <c r="P7656" i="5"/>
  <c r="P7657" i="5"/>
  <c r="P7658" i="5"/>
  <c r="P7659" i="5"/>
  <c r="P7660" i="5"/>
  <c r="P7661" i="5"/>
  <c r="P7662" i="5"/>
  <c r="P7663" i="5"/>
  <c r="P7664" i="5"/>
  <c r="P7665" i="5"/>
  <c r="P7666" i="5"/>
  <c r="P7667" i="5"/>
  <c r="P7668" i="5"/>
  <c r="P7669" i="5"/>
  <c r="P7670" i="5"/>
  <c r="P7671" i="5"/>
  <c r="P7672" i="5"/>
  <c r="P7673" i="5"/>
  <c r="P7674" i="5"/>
  <c r="P7675" i="5"/>
  <c r="P7676" i="5"/>
  <c r="P7677" i="5"/>
  <c r="P7678" i="5"/>
  <c r="P7679" i="5"/>
  <c r="P7680" i="5"/>
  <c r="P7681" i="5"/>
  <c r="P7682" i="5"/>
  <c r="P7683" i="5"/>
  <c r="P7684" i="5"/>
  <c r="P7685" i="5"/>
  <c r="P7686" i="5"/>
  <c r="P7687" i="5"/>
  <c r="P7688" i="5"/>
  <c r="P7689" i="5"/>
  <c r="P7690" i="5"/>
  <c r="P7691" i="5"/>
  <c r="P7692" i="5"/>
  <c r="P7693" i="5"/>
  <c r="P7694" i="5"/>
  <c r="P7695" i="5"/>
  <c r="P7696" i="5"/>
  <c r="P7697" i="5"/>
  <c r="P7698" i="5"/>
  <c r="P7699" i="5"/>
  <c r="P7700" i="5"/>
  <c r="P7701" i="5"/>
  <c r="P7702" i="5"/>
  <c r="P7703" i="5"/>
  <c r="P7704" i="5"/>
  <c r="P7705" i="5"/>
  <c r="P7706" i="5"/>
  <c r="P7707" i="5"/>
  <c r="P7708" i="5"/>
  <c r="P7709" i="5"/>
  <c r="P7710" i="5"/>
  <c r="P7711" i="5"/>
  <c r="P7712" i="5"/>
  <c r="P7713" i="5"/>
  <c r="P7714" i="5"/>
  <c r="P7715" i="5"/>
  <c r="P7716" i="5"/>
  <c r="P7717" i="5"/>
  <c r="P7718" i="5"/>
  <c r="P7719" i="5"/>
  <c r="P7720" i="5"/>
  <c r="P7721" i="5"/>
  <c r="P7722" i="5"/>
  <c r="P7723" i="5"/>
  <c r="P7724" i="5"/>
  <c r="P7725" i="5"/>
  <c r="P7726" i="5"/>
  <c r="P7727" i="5"/>
  <c r="P7728" i="5"/>
  <c r="P7729" i="5"/>
  <c r="P7730" i="5"/>
  <c r="P7731" i="5"/>
  <c r="P7732" i="5"/>
  <c r="P7733" i="5"/>
  <c r="P7734" i="5"/>
  <c r="P7735" i="5"/>
  <c r="P7736" i="5"/>
  <c r="P7737" i="5"/>
  <c r="P7738" i="5"/>
  <c r="P7739" i="5"/>
  <c r="P7740" i="5"/>
  <c r="P7741" i="5"/>
  <c r="P7742" i="5"/>
  <c r="P7743" i="5"/>
  <c r="P7744" i="5"/>
  <c r="P7745" i="5"/>
  <c r="P7746" i="5"/>
  <c r="P7747" i="5"/>
  <c r="P7748" i="5"/>
  <c r="P7749" i="5"/>
  <c r="P7750" i="5"/>
  <c r="P7751" i="5"/>
  <c r="P7752" i="5"/>
  <c r="P7753" i="5"/>
  <c r="P7754" i="5"/>
  <c r="P7755" i="5"/>
  <c r="P7756" i="5"/>
  <c r="P7757" i="5"/>
  <c r="P7758" i="5"/>
  <c r="P7759" i="5"/>
  <c r="P7760" i="5"/>
  <c r="P7761" i="5"/>
  <c r="P7762" i="5"/>
  <c r="P7763" i="5"/>
  <c r="P7764" i="5"/>
  <c r="P7765" i="5"/>
  <c r="P7766" i="5"/>
  <c r="P7767" i="5"/>
  <c r="P7768" i="5"/>
  <c r="P7769" i="5"/>
  <c r="P7770" i="5"/>
  <c r="P7771" i="5"/>
  <c r="P7772" i="5"/>
  <c r="P7773" i="5"/>
  <c r="P7774" i="5"/>
  <c r="P7775" i="5"/>
  <c r="P7776" i="5"/>
  <c r="P7777" i="5"/>
  <c r="P7778" i="5"/>
  <c r="P7779" i="5"/>
  <c r="P7780" i="5"/>
  <c r="P7781" i="5"/>
  <c r="P7782" i="5"/>
  <c r="P7783" i="5"/>
  <c r="P7784" i="5"/>
  <c r="P7785" i="5"/>
  <c r="P7786" i="5"/>
  <c r="P7787" i="5"/>
  <c r="P7788" i="5"/>
  <c r="P7789" i="5"/>
  <c r="P7790" i="5"/>
  <c r="P7791" i="5"/>
  <c r="P7792" i="5"/>
  <c r="P7793" i="5"/>
  <c r="P7794" i="5"/>
  <c r="P7795" i="5"/>
  <c r="P7796" i="5"/>
  <c r="P7797" i="5"/>
  <c r="P7798" i="5"/>
  <c r="P7799" i="5"/>
  <c r="P7800" i="5"/>
  <c r="P7801" i="5"/>
  <c r="P7802" i="5"/>
  <c r="P7803" i="5"/>
  <c r="P7804" i="5"/>
  <c r="P7805" i="5"/>
  <c r="P7806" i="5"/>
  <c r="P7807" i="5"/>
  <c r="P7808" i="5"/>
  <c r="P7809" i="5"/>
  <c r="P7810" i="5"/>
  <c r="P7811" i="5"/>
  <c r="P7812" i="5"/>
  <c r="P7813" i="5"/>
  <c r="P7814" i="5"/>
  <c r="P7815" i="5"/>
  <c r="P7816" i="5"/>
  <c r="P7817" i="5"/>
  <c r="P7818" i="5"/>
  <c r="P7819" i="5"/>
  <c r="P7820" i="5"/>
  <c r="P7821" i="5"/>
  <c r="P7822" i="5"/>
  <c r="P7823" i="5"/>
  <c r="P7824" i="5"/>
  <c r="P7825" i="5"/>
  <c r="P7826" i="5"/>
  <c r="P7827" i="5"/>
  <c r="P7828" i="5"/>
  <c r="P7829" i="5"/>
  <c r="P7830" i="5"/>
  <c r="P7831" i="5"/>
  <c r="P7832" i="5"/>
  <c r="P7833" i="5"/>
  <c r="P7834" i="5"/>
  <c r="P7835" i="5"/>
  <c r="P7836" i="5"/>
  <c r="P7837" i="5"/>
  <c r="P7838" i="5"/>
  <c r="P7839" i="5"/>
  <c r="P7840" i="5"/>
  <c r="P7841" i="5"/>
  <c r="P7842" i="5"/>
  <c r="P7843" i="5"/>
  <c r="P7844" i="5"/>
  <c r="P7845" i="5"/>
  <c r="P7846" i="5"/>
  <c r="P7847" i="5"/>
  <c r="P7848" i="5"/>
  <c r="P7849" i="5"/>
  <c r="P7850" i="5"/>
  <c r="P7851" i="5"/>
  <c r="P7852" i="5"/>
  <c r="P7853" i="5"/>
  <c r="P7854" i="5"/>
  <c r="P7855" i="5"/>
  <c r="P7856" i="5"/>
  <c r="P7857" i="5"/>
  <c r="P7858" i="5"/>
  <c r="P7859" i="5"/>
  <c r="P7860" i="5"/>
  <c r="P7861" i="5"/>
  <c r="P7862" i="5"/>
  <c r="P7863" i="5"/>
  <c r="P7864" i="5"/>
  <c r="P7865" i="5"/>
  <c r="P7866" i="5"/>
  <c r="P7867" i="5"/>
  <c r="P7868" i="5"/>
  <c r="P7869" i="5"/>
  <c r="P7870" i="5"/>
  <c r="P7871" i="5"/>
  <c r="P7872" i="5"/>
  <c r="P7873" i="5"/>
  <c r="P7874" i="5"/>
  <c r="P7875" i="5"/>
  <c r="P7876" i="5"/>
  <c r="P7877" i="5"/>
  <c r="P7878" i="5"/>
  <c r="P7879" i="5"/>
  <c r="P7880" i="5"/>
  <c r="P7881" i="5"/>
  <c r="P7882" i="5"/>
  <c r="P7883" i="5"/>
  <c r="P7884" i="5"/>
  <c r="P7885" i="5"/>
  <c r="P7886" i="5"/>
  <c r="P7887" i="5"/>
  <c r="P7888" i="5"/>
  <c r="P7889" i="5"/>
  <c r="P7890" i="5"/>
  <c r="P7891" i="5"/>
  <c r="P7892" i="5"/>
  <c r="P7893" i="5"/>
  <c r="P7894" i="5"/>
  <c r="P7895" i="5"/>
  <c r="P7896" i="5"/>
  <c r="P7897" i="5"/>
  <c r="P7898" i="5"/>
  <c r="P7899" i="5"/>
  <c r="P7900" i="5"/>
  <c r="P7901" i="5"/>
  <c r="P7902" i="5"/>
  <c r="P7903" i="5"/>
  <c r="P7904" i="5"/>
  <c r="P7905" i="5"/>
  <c r="P7906" i="5"/>
  <c r="P7907" i="5"/>
  <c r="P7908" i="5"/>
  <c r="P7909" i="5"/>
  <c r="P7910" i="5"/>
  <c r="P7911" i="5"/>
  <c r="P7912" i="5"/>
  <c r="P7913" i="5"/>
  <c r="P7914" i="5"/>
  <c r="P7915" i="5"/>
  <c r="P7916" i="5"/>
  <c r="P7917" i="5"/>
  <c r="P7918" i="5"/>
  <c r="P7919" i="5"/>
  <c r="P7920" i="5"/>
  <c r="P7921" i="5"/>
  <c r="P7922" i="5"/>
  <c r="P7923" i="5"/>
  <c r="P7924" i="5"/>
  <c r="P7925" i="5"/>
  <c r="P7926" i="5"/>
  <c r="P7927" i="5"/>
  <c r="P7928" i="5"/>
  <c r="P7929" i="5"/>
  <c r="P7930" i="5"/>
  <c r="P7931" i="5"/>
  <c r="P7932" i="5"/>
  <c r="P7933" i="5"/>
  <c r="P7934" i="5"/>
  <c r="P7935" i="5"/>
  <c r="P7936" i="5"/>
  <c r="P7937" i="5"/>
  <c r="P7938" i="5"/>
  <c r="P7939" i="5"/>
  <c r="P7940" i="5"/>
  <c r="P7941" i="5"/>
  <c r="P7942" i="5"/>
  <c r="P7943" i="5"/>
  <c r="P7944" i="5"/>
  <c r="P7945" i="5"/>
  <c r="P7946" i="5"/>
  <c r="P7947" i="5"/>
  <c r="P7948" i="5"/>
  <c r="P7949" i="5"/>
  <c r="P7950" i="5"/>
  <c r="P7951" i="5"/>
  <c r="P7952" i="5"/>
  <c r="P7953" i="5"/>
  <c r="P7954" i="5"/>
  <c r="P7955" i="5"/>
  <c r="P7956" i="5"/>
  <c r="P7957" i="5"/>
  <c r="P7958" i="5"/>
  <c r="P7959" i="5"/>
  <c r="P7960" i="5"/>
  <c r="P7961" i="5"/>
  <c r="P7962" i="5"/>
  <c r="P7963" i="5"/>
  <c r="P7964" i="5"/>
  <c r="P7965" i="5"/>
  <c r="P7966" i="5"/>
  <c r="P7967" i="5"/>
  <c r="P7968" i="5"/>
  <c r="P7969" i="5"/>
  <c r="P7970" i="5"/>
  <c r="P7971" i="5"/>
  <c r="P7972" i="5"/>
  <c r="P7973" i="5"/>
  <c r="P7974" i="5"/>
  <c r="P7975" i="5"/>
  <c r="P7976" i="5"/>
  <c r="P7977" i="5"/>
  <c r="P7978" i="5"/>
  <c r="P7979" i="5"/>
  <c r="P7980" i="5"/>
  <c r="P7981" i="5"/>
  <c r="P7982" i="5"/>
  <c r="P7983" i="5"/>
  <c r="P7984" i="5"/>
  <c r="P7985" i="5"/>
  <c r="P7986" i="5"/>
  <c r="P7987" i="5"/>
  <c r="P7988" i="5"/>
  <c r="P7989" i="5"/>
  <c r="P7990" i="5"/>
  <c r="P7991" i="5"/>
  <c r="P7992" i="5"/>
  <c r="P7993" i="5"/>
  <c r="P7994" i="5"/>
  <c r="P7995" i="5"/>
  <c r="P7996" i="5"/>
  <c r="P7997" i="5"/>
  <c r="P7998" i="5"/>
  <c r="P7999" i="5"/>
  <c r="P8000" i="5"/>
  <c r="P8001" i="5"/>
  <c r="P8002" i="5"/>
  <c r="P8003" i="5"/>
  <c r="P8004" i="5"/>
  <c r="P8005" i="5"/>
  <c r="P8006" i="5"/>
  <c r="P8007" i="5"/>
  <c r="P8008" i="5"/>
  <c r="P8009" i="5"/>
  <c r="P8010" i="5"/>
  <c r="P8011" i="5"/>
  <c r="P8012" i="5"/>
  <c r="P8013" i="5"/>
  <c r="P8014" i="5"/>
  <c r="P8015" i="5"/>
  <c r="P8016" i="5"/>
  <c r="P8017" i="5"/>
  <c r="P8018" i="5"/>
  <c r="P8019" i="5"/>
  <c r="P8020" i="5"/>
  <c r="P8021" i="5"/>
  <c r="P8022" i="5"/>
  <c r="P8023" i="5"/>
  <c r="P8024" i="5"/>
  <c r="P8025" i="5"/>
  <c r="P8026" i="5"/>
  <c r="P8027" i="5"/>
  <c r="P8028" i="5"/>
  <c r="P8029" i="5"/>
  <c r="P8030" i="5"/>
  <c r="P8031" i="5"/>
  <c r="P8032" i="5"/>
  <c r="P8033" i="5"/>
  <c r="P8034" i="5"/>
  <c r="P8035" i="5"/>
  <c r="P8036" i="5"/>
  <c r="P8037" i="5"/>
  <c r="P8038" i="5"/>
  <c r="P8039" i="5"/>
  <c r="P8040" i="5"/>
  <c r="P8041" i="5"/>
  <c r="P8042" i="5"/>
  <c r="P8043" i="5"/>
  <c r="P8044" i="5"/>
  <c r="P8045" i="5"/>
  <c r="P8046" i="5"/>
  <c r="P8047" i="5"/>
  <c r="P8048" i="5"/>
  <c r="P8049" i="5"/>
  <c r="P8050" i="5"/>
  <c r="P8051" i="5"/>
  <c r="P8052" i="5"/>
  <c r="P8053" i="5"/>
  <c r="P8054" i="5"/>
  <c r="P8055" i="5"/>
  <c r="P8056" i="5"/>
  <c r="P8057" i="5"/>
  <c r="P8058" i="5"/>
  <c r="P8059" i="5"/>
  <c r="P8060" i="5"/>
  <c r="P8061" i="5"/>
  <c r="P8062" i="5"/>
  <c r="P8063" i="5"/>
  <c r="P8064" i="5"/>
  <c r="P8065" i="5"/>
  <c r="P8066" i="5"/>
  <c r="P8067" i="5"/>
  <c r="P8068" i="5"/>
  <c r="P8069" i="5"/>
  <c r="P8070" i="5"/>
  <c r="P8071" i="5"/>
  <c r="P8072" i="5"/>
  <c r="P8073" i="5"/>
  <c r="P8074" i="5"/>
  <c r="P8075" i="5"/>
  <c r="P8076" i="5"/>
  <c r="P8077" i="5"/>
  <c r="P8078" i="5"/>
  <c r="P8079" i="5"/>
  <c r="P8080" i="5"/>
  <c r="P8081" i="5"/>
  <c r="P8082" i="5"/>
  <c r="P8083" i="5"/>
  <c r="P8084" i="5"/>
  <c r="P8085" i="5"/>
  <c r="P8086" i="5"/>
  <c r="P8087" i="5"/>
  <c r="P8088" i="5"/>
  <c r="P8089" i="5"/>
  <c r="P8090" i="5"/>
  <c r="P8091" i="5"/>
  <c r="P8092" i="5"/>
  <c r="P8093" i="5"/>
  <c r="P8094" i="5"/>
  <c r="P8095" i="5"/>
  <c r="P8096" i="5"/>
  <c r="P8097" i="5"/>
  <c r="P8098" i="5"/>
  <c r="P8099" i="5"/>
  <c r="P8100" i="5"/>
  <c r="P8101" i="5"/>
  <c r="P8102" i="5"/>
  <c r="P8103" i="5"/>
  <c r="P8104" i="5"/>
  <c r="P8105" i="5"/>
  <c r="P8106" i="5"/>
  <c r="P8107" i="5"/>
  <c r="P8108" i="5"/>
  <c r="P8109" i="5"/>
  <c r="P8110" i="5"/>
  <c r="P8111" i="5"/>
  <c r="P8112" i="5"/>
  <c r="P8113" i="5"/>
  <c r="P8114" i="5"/>
  <c r="P8115" i="5"/>
  <c r="P8116" i="5"/>
  <c r="P8117" i="5"/>
  <c r="P8118" i="5"/>
  <c r="P8119" i="5"/>
  <c r="P8120" i="5"/>
  <c r="P8121" i="5"/>
  <c r="P8122" i="5"/>
  <c r="P8123" i="5"/>
  <c r="P8124" i="5"/>
  <c r="P8125" i="5"/>
  <c r="P8126" i="5"/>
  <c r="P8127" i="5"/>
  <c r="P8128" i="5"/>
  <c r="P8129" i="5"/>
  <c r="P8130" i="5"/>
  <c r="P8131" i="5"/>
  <c r="P8132" i="5"/>
  <c r="P8133" i="5"/>
  <c r="P8134" i="5"/>
  <c r="P8135" i="5"/>
  <c r="P8136" i="5"/>
  <c r="P8137" i="5"/>
  <c r="P8138" i="5"/>
  <c r="P8139" i="5"/>
  <c r="P8140" i="5"/>
  <c r="P8141" i="5"/>
  <c r="P8142" i="5"/>
  <c r="P8143" i="5"/>
  <c r="P8144" i="5"/>
  <c r="P8145" i="5"/>
  <c r="P8146" i="5"/>
  <c r="P8147" i="5"/>
  <c r="P8148" i="5"/>
  <c r="P8149" i="5"/>
  <c r="P8150" i="5"/>
  <c r="P8151" i="5"/>
  <c r="P8152" i="5"/>
  <c r="P8153" i="5"/>
  <c r="P8154" i="5"/>
  <c r="P8155" i="5"/>
  <c r="P8156" i="5"/>
  <c r="P8157" i="5"/>
  <c r="P8158" i="5"/>
  <c r="P8159" i="5"/>
  <c r="P8160" i="5"/>
  <c r="P8161" i="5"/>
  <c r="P8162" i="5"/>
  <c r="P8163" i="5"/>
  <c r="P8164" i="5"/>
  <c r="P8165" i="5"/>
  <c r="P8166" i="5"/>
  <c r="P8167" i="5"/>
  <c r="P8168" i="5"/>
  <c r="P8169" i="5"/>
  <c r="P8170" i="5"/>
  <c r="P8171" i="5"/>
  <c r="P8172" i="5"/>
  <c r="P8173" i="5"/>
  <c r="P8174" i="5"/>
  <c r="P8175" i="5"/>
  <c r="P8176" i="5"/>
  <c r="P8177" i="5"/>
  <c r="P8178" i="5"/>
  <c r="P8179" i="5"/>
  <c r="P8180" i="5"/>
  <c r="P8181" i="5"/>
  <c r="P8182" i="5"/>
  <c r="P8183" i="5"/>
  <c r="P8184" i="5"/>
  <c r="P8185" i="5"/>
  <c r="P8186" i="5"/>
  <c r="P8187" i="5"/>
  <c r="P8188" i="5"/>
  <c r="P8189" i="5"/>
  <c r="P8190" i="5"/>
  <c r="P8191" i="5"/>
  <c r="P8192" i="5"/>
  <c r="P8193" i="5"/>
  <c r="P8194" i="5"/>
  <c r="P8195" i="5"/>
  <c r="P8196" i="5"/>
  <c r="P8197" i="5"/>
  <c r="P8198" i="5"/>
  <c r="P8199" i="5"/>
  <c r="P8200" i="5"/>
  <c r="P8201" i="5"/>
  <c r="P8202" i="5"/>
  <c r="P8203" i="5"/>
  <c r="P8204" i="5"/>
  <c r="P8205" i="5"/>
  <c r="P8206" i="5"/>
  <c r="P8207" i="5"/>
  <c r="P8208" i="5"/>
  <c r="P8209" i="5"/>
  <c r="P8210" i="5"/>
  <c r="P8211" i="5"/>
  <c r="P8212" i="5"/>
  <c r="P8213" i="5"/>
  <c r="P8214" i="5"/>
  <c r="P8215" i="5"/>
  <c r="P8216" i="5"/>
  <c r="P8217" i="5"/>
  <c r="P8218" i="5"/>
  <c r="P8219" i="5"/>
  <c r="P8220" i="5"/>
  <c r="P8221" i="5"/>
  <c r="P8222" i="5"/>
  <c r="P8223" i="5"/>
  <c r="P8224" i="5"/>
  <c r="P8225" i="5"/>
  <c r="P8226" i="5"/>
  <c r="P8227" i="5"/>
  <c r="P8228" i="5"/>
  <c r="P8229" i="5"/>
  <c r="P8230" i="5"/>
  <c r="P8231" i="5"/>
  <c r="P8232" i="5"/>
  <c r="P8233" i="5"/>
  <c r="P8234" i="5"/>
  <c r="P8235" i="5"/>
  <c r="P8236" i="5"/>
  <c r="P8237" i="5"/>
  <c r="P8238" i="5"/>
  <c r="P8239" i="5"/>
  <c r="P8240" i="5"/>
  <c r="P8241" i="5"/>
  <c r="P8242" i="5"/>
  <c r="P8243" i="5"/>
  <c r="P8244" i="5"/>
  <c r="P8245" i="5"/>
  <c r="P8246" i="5"/>
  <c r="P8247" i="5"/>
  <c r="P8248" i="5"/>
  <c r="P8249" i="5"/>
  <c r="P8250" i="5"/>
  <c r="P8251" i="5"/>
  <c r="P8252" i="5"/>
  <c r="P8253" i="5"/>
  <c r="P8254" i="5"/>
  <c r="P8255" i="5"/>
  <c r="P8256" i="5"/>
  <c r="P8257" i="5"/>
  <c r="P8258" i="5"/>
  <c r="P8259" i="5"/>
  <c r="P8260" i="5"/>
  <c r="P8261" i="5"/>
  <c r="P8262" i="5"/>
  <c r="P8263" i="5"/>
  <c r="P8264" i="5"/>
  <c r="P8265" i="5"/>
  <c r="P8266" i="5"/>
  <c r="P8267" i="5"/>
  <c r="P8268" i="5"/>
  <c r="P8269" i="5"/>
  <c r="P8270" i="5"/>
  <c r="P8271" i="5"/>
  <c r="P8272" i="5"/>
  <c r="P8273" i="5"/>
  <c r="P8274" i="5"/>
  <c r="P8275" i="5"/>
  <c r="P8276" i="5"/>
  <c r="P8277" i="5"/>
  <c r="P8278" i="5"/>
  <c r="P8279" i="5"/>
  <c r="P8280" i="5"/>
  <c r="P8281" i="5"/>
  <c r="P8282" i="5"/>
  <c r="P8283" i="5"/>
  <c r="P8284" i="5"/>
  <c r="P8285" i="5"/>
  <c r="P8286" i="5"/>
  <c r="P8287" i="5"/>
  <c r="P8288" i="5"/>
  <c r="P8289" i="5"/>
  <c r="P8290" i="5"/>
  <c r="P8291" i="5"/>
  <c r="P8292" i="5"/>
  <c r="P8293" i="5"/>
  <c r="P8294" i="5"/>
  <c r="P8295" i="5"/>
  <c r="P8296" i="5"/>
  <c r="P8297" i="5"/>
  <c r="P8298" i="5"/>
  <c r="P8299" i="5"/>
  <c r="P8300" i="5"/>
  <c r="P8301" i="5"/>
  <c r="P8302" i="5"/>
  <c r="P8303" i="5"/>
  <c r="P8304" i="5"/>
  <c r="P8305" i="5"/>
  <c r="P8306" i="5"/>
  <c r="P8307" i="5"/>
  <c r="P8308" i="5"/>
  <c r="P8309" i="5"/>
  <c r="P8310" i="5"/>
  <c r="P8311" i="5"/>
  <c r="P8312" i="5"/>
  <c r="P8313" i="5"/>
  <c r="P8314" i="5"/>
  <c r="P8315" i="5"/>
  <c r="P8316" i="5"/>
  <c r="P8317" i="5"/>
  <c r="P8318" i="5"/>
  <c r="P8319" i="5"/>
  <c r="P8320" i="5"/>
  <c r="P8321" i="5"/>
  <c r="P8322" i="5"/>
  <c r="P8323" i="5"/>
  <c r="P8324" i="5"/>
  <c r="P8325" i="5"/>
  <c r="P8326" i="5"/>
  <c r="P8327" i="5"/>
  <c r="P8328" i="5"/>
  <c r="P8329" i="5"/>
  <c r="P8330" i="5"/>
  <c r="P8331" i="5"/>
  <c r="P8332" i="5"/>
  <c r="P8333" i="5"/>
  <c r="P8334" i="5"/>
  <c r="P8335" i="5"/>
  <c r="P8336" i="5"/>
  <c r="P8337" i="5"/>
  <c r="P8338" i="5"/>
  <c r="P8339" i="5"/>
  <c r="P8340" i="5"/>
  <c r="P8341" i="5"/>
  <c r="P8342" i="5"/>
  <c r="P8343" i="5"/>
  <c r="P8344" i="5"/>
  <c r="P8345" i="5"/>
  <c r="P8346" i="5"/>
  <c r="P8347" i="5"/>
  <c r="P8348" i="5"/>
  <c r="P8349" i="5"/>
  <c r="P8350" i="5"/>
  <c r="P8351" i="5"/>
  <c r="P8352" i="5"/>
  <c r="P8353" i="5"/>
  <c r="P8354" i="5"/>
  <c r="P8355" i="5"/>
  <c r="P8356" i="5"/>
  <c r="P8357" i="5"/>
  <c r="P8358" i="5"/>
  <c r="P8359" i="5"/>
  <c r="P8360" i="5"/>
  <c r="P8361" i="5"/>
  <c r="P8362" i="5"/>
  <c r="P8363" i="5"/>
  <c r="P8364" i="5"/>
  <c r="P8365" i="5"/>
  <c r="P8366" i="5"/>
  <c r="P8367" i="5"/>
  <c r="P8368" i="5"/>
  <c r="P8369" i="5"/>
  <c r="P8370" i="5"/>
  <c r="P8371" i="5"/>
  <c r="P8372" i="5"/>
  <c r="P8373" i="5"/>
  <c r="P8374" i="5"/>
  <c r="P8375" i="5"/>
  <c r="P8376" i="5"/>
  <c r="P8377" i="5"/>
  <c r="P8378" i="5"/>
  <c r="P8379" i="5"/>
  <c r="P8380" i="5"/>
  <c r="P8381" i="5"/>
  <c r="P8382" i="5"/>
  <c r="P8383" i="5"/>
  <c r="P8384" i="5"/>
  <c r="P8385" i="5"/>
  <c r="P8386" i="5"/>
  <c r="P8387" i="5"/>
  <c r="P8388" i="5"/>
  <c r="P8389" i="5"/>
  <c r="P8390" i="5"/>
  <c r="P8391" i="5"/>
  <c r="P8392" i="5"/>
  <c r="P8393" i="5"/>
  <c r="P8394" i="5"/>
  <c r="P8395" i="5"/>
  <c r="P8396" i="5"/>
  <c r="P8397" i="5"/>
  <c r="P8398" i="5"/>
  <c r="P8399" i="5"/>
  <c r="P8400" i="5"/>
  <c r="P8401" i="5"/>
  <c r="P8402" i="5"/>
  <c r="P8403" i="5"/>
  <c r="P8404" i="5"/>
  <c r="P8405" i="5"/>
  <c r="P8406" i="5"/>
  <c r="P8407" i="5"/>
  <c r="P8408" i="5"/>
  <c r="P8409" i="5"/>
  <c r="P8410" i="5"/>
  <c r="P8411" i="5"/>
  <c r="P8412" i="5"/>
  <c r="P8413" i="5"/>
  <c r="P8414" i="5"/>
  <c r="P8415" i="5"/>
  <c r="P8416" i="5"/>
  <c r="P8417" i="5"/>
  <c r="P8418" i="5"/>
  <c r="P8419" i="5"/>
  <c r="P8420" i="5"/>
  <c r="P8421" i="5"/>
  <c r="P8422" i="5"/>
  <c r="P8423" i="5"/>
  <c r="P8424" i="5"/>
  <c r="P8425" i="5"/>
  <c r="P8426" i="5"/>
  <c r="P8427" i="5"/>
  <c r="P8428" i="5"/>
  <c r="P8429" i="5"/>
  <c r="P8430" i="5"/>
  <c r="P8431" i="5"/>
  <c r="P8432" i="5"/>
  <c r="P8433" i="5"/>
  <c r="P8434" i="5"/>
  <c r="P8435" i="5"/>
  <c r="P8436" i="5"/>
  <c r="P8437" i="5"/>
  <c r="P8438" i="5"/>
  <c r="P8439" i="5"/>
  <c r="P8440" i="5"/>
  <c r="P8441" i="5"/>
  <c r="P8442" i="5"/>
  <c r="P8443" i="5"/>
  <c r="P8444" i="5"/>
  <c r="P8445" i="5"/>
  <c r="P8446" i="5"/>
  <c r="P8447" i="5"/>
  <c r="P8448" i="5"/>
  <c r="P8449" i="5"/>
  <c r="P8450" i="5"/>
  <c r="P8451" i="5"/>
  <c r="P8452" i="5"/>
  <c r="P8453" i="5"/>
  <c r="P8454" i="5"/>
  <c r="P8455" i="5"/>
  <c r="P8456" i="5"/>
  <c r="P8457" i="5"/>
  <c r="P8458" i="5"/>
  <c r="P8459" i="5"/>
  <c r="P8460" i="5"/>
  <c r="P8461" i="5"/>
  <c r="P8462" i="5"/>
  <c r="P8463" i="5"/>
  <c r="P8464" i="5"/>
  <c r="P8465" i="5"/>
  <c r="P8466" i="5"/>
  <c r="P8467" i="5"/>
  <c r="P8468" i="5"/>
  <c r="P8469" i="5"/>
  <c r="P8470" i="5"/>
  <c r="P8471" i="5"/>
  <c r="P8472" i="5"/>
  <c r="P8473" i="5"/>
  <c r="P8474" i="5"/>
  <c r="P8475" i="5"/>
  <c r="P8476" i="5"/>
  <c r="P8477" i="5"/>
  <c r="P8478" i="5"/>
  <c r="P8479" i="5"/>
  <c r="P8480" i="5"/>
  <c r="P8481" i="5"/>
  <c r="P8482" i="5"/>
  <c r="P8483" i="5"/>
  <c r="P8484" i="5"/>
  <c r="P8485" i="5"/>
  <c r="P8486" i="5"/>
  <c r="P8487" i="5"/>
  <c r="P8488" i="5"/>
  <c r="P8489" i="5"/>
  <c r="P8490" i="5"/>
  <c r="P8491" i="5"/>
  <c r="P8492" i="5"/>
  <c r="P8493" i="5"/>
  <c r="P8494" i="5"/>
  <c r="P8495" i="5"/>
  <c r="P8496" i="5"/>
  <c r="P8497" i="5"/>
  <c r="P8498" i="5"/>
  <c r="P8499" i="5"/>
  <c r="P8500" i="5"/>
  <c r="P8501" i="5"/>
  <c r="P8502" i="5"/>
  <c r="P8503" i="5"/>
  <c r="P8504" i="5"/>
  <c r="P8505" i="5"/>
  <c r="P8506" i="5"/>
  <c r="P8507" i="5"/>
  <c r="P8508" i="5"/>
  <c r="P8509" i="5"/>
  <c r="P8510" i="5"/>
  <c r="P8511" i="5"/>
  <c r="P8512" i="5"/>
  <c r="P8513" i="5"/>
  <c r="P8514" i="5"/>
  <c r="P8515" i="5"/>
  <c r="P8516" i="5"/>
  <c r="P8517" i="5"/>
  <c r="P8518" i="5"/>
  <c r="P8519" i="5"/>
  <c r="P8520" i="5"/>
  <c r="P8521" i="5"/>
  <c r="P8522" i="5"/>
  <c r="P8523" i="5"/>
  <c r="P8524" i="5"/>
  <c r="P8525" i="5"/>
  <c r="P8526" i="5"/>
  <c r="P8527" i="5"/>
  <c r="P8528" i="5"/>
  <c r="P8529" i="5"/>
  <c r="P8530" i="5"/>
  <c r="P8531" i="5"/>
  <c r="P8532" i="5"/>
  <c r="P8533" i="5"/>
  <c r="P8534" i="5"/>
  <c r="P8535" i="5"/>
  <c r="P8536" i="5"/>
  <c r="P8537" i="5"/>
  <c r="P8538" i="5"/>
  <c r="P8539" i="5"/>
  <c r="P8540" i="5"/>
  <c r="P8541" i="5"/>
  <c r="P8542" i="5"/>
  <c r="P8543" i="5"/>
  <c r="P8544" i="5"/>
  <c r="P8545" i="5"/>
  <c r="P8546" i="5"/>
  <c r="P8547" i="5"/>
  <c r="P8548" i="5"/>
  <c r="P8549" i="5"/>
  <c r="P8550" i="5"/>
  <c r="P8551" i="5"/>
  <c r="P8552" i="5"/>
  <c r="P8553" i="5"/>
  <c r="P8554" i="5"/>
  <c r="P8555" i="5"/>
  <c r="P8556" i="5"/>
  <c r="P8557" i="5"/>
  <c r="P8558" i="5"/>
  <c r="P8559" i="5"/>
  <c r="P8560" i="5"/>
  <c r="P8561" i="5"/>
  <c r="P8562" i="5"/>
  <c r="P8563" i="5"/>
  <c r="P8564" i="5"/>
  <c r="P8565" i="5"/>
  <c r="P8566" i="5"/>
  <c r="P8567" i="5"/>
  <c r="P8568" i="5"/>
  <c r="P8569" i="5"/>
  <c r="P8570" i="5"/>
  <c r="P8571" i="5"/>
  <c r="P8572" i="5"/>
  <c r="P8573" i="5"/>
  <c r="P8574" i="5"/>
  <c r="P8575" i="5"/>
  <c r="P8576" i="5"/>
  <c r="P8577" i="5"/>
  <c r="P8578" i="5"/>
  <c r="P8579" i="5"/>
  <c r="P8580" i="5"/>
  <c r="P8581" i="5"/>
  <c r="P8582" i="5"/>
  <c r="P8583" i="5"/>
  <c r="P8584" i="5"/>
  <c r="P8585" i="5"/>
  <c r="P8586" i="5"/>
  <c r="P8587" i="5"/>
  <c r="P8588" i="5"/>
  <c r="P8589" i="5"/>
  <c r="P8590" i="5"/>
  <c r="P8591" i="5"/>
  <c r="P8592" i="5"/>
  <c r="P8593" i="5"/>
  <c r="P8594" i="5"/>
  <c r="P8595" i="5"/>
  <c r="P8596" i="5"/>
  <c r="P8597" i="5"/>
  <c r="P8598" i="5"/>
  <c r="P8599" i="5"/>
  <c r="P8600" i="5"/>
  <c r="P8601" i="5"/>
  <c r="P8602" i="5"/>
  <c r="P8603" i="5"/>
  <c r="P8604" i="5"/>
  <c r="P8605" i="5"/>
  <c r="P8606" i="5"/>
  <c r="P8607" i="5"/>
  <c r="P8608" i="5"/>
  <c r="P8609" i="5"/>
  <c r="P8610" i="5"/>
  <c r="P8611" i="5"/>
  <c r="P8612" i="5"/>
  <c r="P8613" i="5"/>
  <c r="P8614" i="5"/>
  <c r="P8615" i="5"/>
  <c r="P8616" i="5"/>
  <c r="P8617" i="5"/>
  <c r="P8618" i="5"/>
  <c r="P8619" i="5"/>
  <c r="P8620" i="5"/>
  <c r="P8621" i="5"/>
  <c r="P8622" i="5"/>
  <c r="P8623" i="5"/>
  <c r="P8624" i="5"/>
  <c r="P8625" i="5"/>
  <c r="P8626" i="5"/>
  <c r="P8627" i="5"/>
  <c r="P8628" i="5"/>
  <c r="P8629" i="5"/>
  <c r="P8630" i="5"/>
  <c r="P8631" i="5"/>
  <c r="P8632" i="5"/>
  <c r="P8633" i="5"/>
  <c r="P8634" i="5"/>
  <c r="P8635" i="5"/>
  <c r="P8636" i="5"/>
  <c r="P8637" i="5"/>
  <c r="P8638" i="5"/>
  <c r="P8639" i="5"/>
  <c r="P8640" i="5"/>
  <c r="P8641" i="5"/>
  <c r="P8642" i="5"/>
  <c r="P8643" i="5"/>
  <c r="P8644" i="5"/>
  <c r="P8645" i="5"/>
  <c r="P8646" i="5"/>
  <c r="P8647" i="5"/>
  <c r="P8648" i="5"/>
  <c r="P8649" i="5"/>
  <c r="P8650" i="5"/>
  <c r="P8651" i="5"/>
  <c r="P8652" i="5"/>
  <c r="P8653" i="5"/>
  <c r="P8654" i="5"/>
  <c r="P8655" i="5"/>
  <c r="P8656" i="5"/>
  <c r="P8657" i="5"/>
  <c r="P8658" i="5"/>
  <c r="P8659" i="5"/>
  <c r="P8660" i="5"/>
  <c r="P8661" i="5"/>
  <c r="P8662" i="5"/>
  <c r="P8663" i="5"/>
  <c r="P8664" i="5"/>
  <c r="P8665" i="5"/>
  <c r="P8666" i="5"/>
  <c r="P8667" i="5"/>
  <c r="P8668" i="5"/>
  <c r="P8669" i="5"/>
  <c r="P8670" i="5"/>
  <c r="P8671" i="5"/>
  <c r="P8672" i="5"/>
  <c r="P8673" i="5"/>
  <c r="P8674" i="5"/>
  <c r="P8675" i="5"/>
  <c r="P8676" i="5"/>
  <c r="P8677" i="5"/>
  <c r="P8678" i="5"/>
  <c r="P8679" i="5"/>
  <c r="P8680" i="5"/>
  <c r="P8681" i="5"/>
  <c r="P8682" i="5"/>
  <c r="P8683" i="5"/>
  <c r="P8684" i="5"/>
  <c r="P8685" i="5"/>
  <c r="P8686" i="5"/>
  <c r="P8687" i="5"/>
  <c r="P8688" i="5"/>
  <c r="P8689" i="5"/>
  <c r="P8690" i="5"/>
  <c r="P8691" i="5"/>
  <c r="P8692" i="5"/>
  <c r="P8693" i="5"/>
  <c r="P8694" i="5"/>
  <c r="P8695" i="5"/>
  <c r="P8696" i="5"/>
  <c r="P8697" i="5"/>
  <c r="P8698" i="5"/>
  <c r="P8699" i="5"/>
  <c r="P8700" i="5"/>
  <c r="P8701" i="5"/>
  <c r="P8702" i="5"/>
  <c r="P8703" i="5"/>
  <c r="P8704" i="5"/>
  <c r="P8705" i="5"/>
  <c r="P8706" i="5"/>
  <c r="P8707" i="5"/>
  <c r="P8708" i="5"/>
  <c r="P8709" i="5"/>
  <c r="P8710" i="5"/>
  <c r="P8711" i="5"/>
  <c r="P8712" i="5"/>
  <c r="P8713" i="5"/>
  <c r="P8714" i="5"/>
  <c r="P8715" i="5"/>
  <c r="P8716" i="5"/>
  <c r="P8717" i="5"/>
  <c r="P8718" i="5"/>
  <c r="P8719" i="5"/>
  <c r="P8720" i="5"/>
  <c r="P8721" i="5"/>
  <c r="P8722" i="5"/>
  <c r="P8723" i="5"/>
  <c r="P8724" i="5"/>
  <c r="P8725" i="5"/>
  <c r="P8726" i="5"/>
  <c r="P8727" i="5"/>
  <c r="P8728" i="5"/>
  <c r="P8729" i="5"/>
  <c r="P8730" i="5"/>
  <c r="P8731" i="5"/>
  <c r="P8732" i="5"/>
  <c r="P8733" i="5"/>
  <c r="P8734" i="5"/>
  <c r="P8735" i="5"/>
  <c r="P8736" i="5"/>
  <c r="P8737" i="5"/>
  <c r="P8738" i="5"/>
  <c r="P8739" i="5"/>
  <c r="P8740" i="5"/>
  <c r="P8741" i="5"/>
  <c r="P8742" i="5"/>
  <c r="P8743" i="5"/>
  <c r="P8744" i="5"/>
  <c r="P8745" i="5"/>
  <c r="P8746" i="5"/>
  <c r="P8747" i="5"/>
  <c r="P8748" i="5"/>
  <c r="P8749" i="5"/>
  <c r="P8750" i="5"/>
  <c r="P8751" i="5"/>
  <c r="P8752" i="5"/>
  <c r="P8753" i="5"/>
  <c r="P8754" i="5"/>
  <c r="P8755" i="5"/>
  <c r="P8756" i="5"/>
  <c r="P8757" i="5"/>
  <c r="P8758" i="5"/>
  <c r="P8759" i="5"/>
  <c r="P8760" i="5"/>
  <c r="P8761" i="5"/>
  <c r="P8762" i="5"/>
  <c r="P8763" i="5"/>
  <c r="P8764" i="5"/>
  <c r="P8765" i="5"/>
  <c r="P8766" i="5"/>
  <c r="K12" i="8"/>
  <c r="F16" i="8" l="1"/>
  <c r="B4" i="1" s="1"/>
  <c r="F21" i="3"/>
  <c r="B7" i="1" l="1"/>
  <c r="B6" i="1"/>
  <c r="B5" i="1"/>
  <c r="AE253" i="1" s="1"/>
  <c r="K2" i="1"/>
  <c r="K3" i="1"/>
  <c r="K5" i="1"/>
  <c r="K4" i="1"/>
  <c r="K6" i="1"/>
  <c r="B3" i="1"/>
  <c r="H4" i="1" s="1"/>
  <c r="AE50" i="1"/>
  <c r="H5" i="1"/>
  <c r="AE147" i="1"/>
  <c r="AE302" i="1"/>
  <c r="AE169" i="1"/>
  <c r="AE133" i="1"/>
  <c r="AE224" i="1"/>
  <c r="AE98" i="1"/>
  <c r="AE57" i="1"/>
  <c r="AE14" i="1"/>
  <c r="AE8" i="1"/>
  <c r="AE344" i="1"/>
  <c r="AE141" i="1"/>
  <c r="AE43" i="1"/>
  <c r="AE85" i="1"/>
  <c r="AE281" i="1"/>
  <c r="AE337" i="1"/>
  <c r="AE78" i="1"/>
  <c r="AE273" i="1"/>
  <c r="AE336" i="1"/>
  <c r="AE113" i="1"/>
  <c r="AE239" i="1"/>
  <c r="AE210" i="1"/>
  <c r="AE56" i="1"/>
  <c r="AE259" i="1"/>
  <c r="AE274" i="1"/>
  <c r="AE350" i="1"/>
  <c r="AE301" i="1"/>
  <c r="AE84" i="1"/>
  <c r="AE294" i="1"/>
  <c r="AE364" i="1"/>
  <c r="AE106" i="1"/>
  <c r="AE105" i="1"/>
  <c r="AE35" i="1"/>
  <c r="AE36" i="1"/>
  <c r="AE218" i="1"/>
  <c r="AE49" i="1"/>
  <c r="AE77" i="1"/>
  <c r="AE22" i="1"/>
  <c r="AE176" i="1"/>
  <c r="AE28" i="1"/>
  <c r="AE190" i="1"/>
  <c r="AE182" i="1"/>
  <c r="AE267" i="1"/>
  <c r="AE70" i="1"/>
  <c r="AE266" i="1"/>
  <c r="AE238" i="1"/>
  <c r="AE134" i="1"/>
  <c r="AE322" i="1"/>
  <c r="AE357" i="1"/>
  <c r="AE140" i="1"/>
  <c r="AE308" i="1"/>
  <c r="AE231" i="1"/>
  <c r="AE246" i="1"/>
  <c r="AE7" i="1"/>
  <c r="AE204" i="1"/>
  <c r="AE351" i="1"/>
  <c r="AE42" i="1"/>
  <c r="AE119" i="1"/>
  <c r="AE217" i="1"/>
  <c r="AE99" i="1"/>
  <c r="AE168" i="1"/>
  <c r="AE64" i="1"/>
  <c r="AE161" i="1"/>
  <c r="AE155" i="1"/>
  <c r="AE189" i="1"/>
  <c r="AE323" i="1"/>
  <c r="AE92" i="1"/>
  <c r="AE211" i="1"/>
  <c r="AE91" i="1"/>
  <c r="AE127" i="1"/>
  <c r="AE358" i="1"/>
  <c r="AE252" i="1"/>
  <c r="AE63" i="1"/>
  <c r="AE154" i="1"/>
  <c r="AE183" i="1"/>
  <c r="AE162" i="1"/>
  <c r="AE260" i="1"/>
  <c r="AE21" i="1"/>
  <c r="AE232" i="1"/>
  <c r="AE288" i="1"/>
  <c r="AE287" i="1"/>
  <c r="AE196" i="1"/>
  <c r="AE197" i="1"/>
  <c r="AE315" i="1"/>
  <c r="AE148" i="1"/>
  <c r="AE126" i="1"/>
  <c r="AE329" i="1"/>
  <c r="AE330" i="1"/>
  <c r="AE309" i="1"/>
  <c r="AE245" i="1"/>
  <c r="AE29" i="1"/>
  <c r="AE365" i="1"/>
  <c r="AE15" i="1"/>
  <c r="AE120" i="1"/>
  <c r="AE343" i="1"/>
  <c r="AE71" i="1"/>
  <c r="AE280" i="1"/>
  <c r="AE295" i="1"/>
  <c r="AE175" i="1"/>
  <c r="AE203" i="1"/>
  <c r="AE316" i="1"/>
  <c r="AE112" i="1"/>
  <c r="AG105" i="1"/>
  <c r="H7" i="1"/>
  <c r="AG301" i="1"/>
  <c r="AG294" i="1"/>
  <c r="AG182" i="1"/>
  <c r="AG217" i="1"/>
  <c r="AG57" i="1"/>
  <c r="AG21" i="1"/>
  <c r="AG323" i="1"/>
  <c r="AG28" i="1"/>
  <c r="AG351" i="1"/>
  <c r="AG43" i="1"/>
  <c r="AG336" i="1"/>
  <c r="AG127" i="1"/>
  <c r="AG365" i="1"/>
  <c r="AG183" i="1"/>
  <c r="AG106" i="1"/>
  <c r="AG329" i="1"/>
  <c r="AG364" i="1"/>
  <c r="AG134" i="1"/>
  <c r="AG8" i="1"/>
  <c r="AG70" i="1"/>
  <c r="AG288" i="1"/>
  <c r="AG71" i="1"/>
  <c r="AG113" i="1"/>
  <c r="AG99" i="1"/>
  <c r="AG189" i="1"/>
  <c r="AG197" i="1"/>
  <c r="AG77" i="1"/>
  <c r="AG64" i="1"/>
  <c r="AG56" i="1"/>
  <c r="AG119" i="1"/>
  <c r="AG190" i="1"/>
  <c r="AG302" i="1"/>
  <c r="AG154" i="1"/>
  <c r="AG259" i="1"/>
  <c r="AG267" i="1"/>
  <c r="AG266" i="1"/>
  <c r="AG50" i="1"/>
  <c r="AG246" i="1"/>
  <c r="AG92" i="1"/>
  <c r="AG169" i="1"/>
  <c r="AG175" i="1"/>
  <c r="AG358" i="1"/>
  <c r="AG344" i="1"/>
  <c r="AG350" i="1"/>
  <c r="AG273" i="1"/>
  <c r="AG343" i="1"/>
  <c r="AG176" i="1"/>
  <c r="AG225" i="1"/>
  <c r="AG147" i="1"/>
  <c r="AG196" i="1"/>
  <c r="AG252" i="1"/>
  <c r="AG337" i="1"/>
  <c r="AG245" i="1"/>
  <c r="AG281" i="1"/>
  <c r="AG42" i="1"/>
  <c r="AG162" i="1"/>
  <c r="AG315" i="1"/>
  <c r="AG168" i="1"/>
  <c r="AG15" i="1"/>
  <c r="AG253" i="1"/>
  <c r="AG36" i="1"/>
  <c r="AG161" i="1"/>
  <c r="AG218" i="1"/>
  <c r="AG63" i="1"/>
  <c r="AG295" i="1"/>
  <c r="AG260" i="1"/>
  <c r="AG357" i="1"/>
  <c r="AG14" i="1"/>
  <c r="AG155" i="1"/>
  <c r="AG309" i="1"/>
  <c r="AG133" i="1"/>
  <c r="AG203" i="1"/>
  <c r="AG22" i="1"/>
  <c r="AG126" i="1"/>
  <c r="AG141" i="1"/>
  <c r="AG7" i="1"/>
  <c r="AG316" i="1"/>
  <c r="AG98" i="1"/>
  <c r="AG140" i="1"/>
  <c r="AG211" i="1"/>
  <c r="AG322" i="1"/>
  <c r="AG287" i="1"/>
  <c r="AG238" i="1"/>
  <c r="AG280" i="1"/>
  <c r="AG91" i="1"/>
  <c r="AG232" i="1"/>
  <c r="AG239" i="1"/>
  <c r="AG274" i="1"/>
  <c r="AG85" i="1"/>
  <c r="AG84" i="1"/>
  <c r="AG330" i="1"/>
  <c r="AG204" i="1"/>
  <c r="AG308" i="1"/>
  <c r="AG35" i="1"/>
  <c r="AG78" i="1"/>
  <c r="AG112" i="1"/>
  <c r="AG210" i="1"/>
  <c r="AG29" i="1"/>
  <c r="AG231" i="1"/>
  <c r="AG224" i="1"/>
  <c r="AG148" i="1"/>
  <c r="AG120" i="1"/>
  <c r="AG49" i="1"/>
  <c r="H6" i="1"/>
  <c r="AF189" i="1"/>
  <c r="AF203" i="1"/>
  <c r="AF64" i="1"/>
  <c r="AF148" i="1"/>
  <c r="AF140" i="1"/>
  <c r="AF267" i="1"/>
  <c r="AF169" i="1"/>
  <c r="AF49" i="1"/>
  <c r="AF224" i="1"/>
  <c r="AF246" i="1"/>
  <c r="AF36" i="1"/>
  <c r="AF245" i="1"/>
  <c r="AF365" i="1"/>
  <c r="AF190" i="1"/>
  <c r="AF336" i="1"/>
  <c r="AF343" i="1"/>
  <c r="AF344" i="1"/>
  <c r="AF358" i="1"/>
  <c r="AF84" i="1"/>
  <c r="AF281" i="1"/>
  <c r="AF14" i="1"/>
  <c r="AF22" i="1"/>
  <c r="AF295" i="1"/>
  <c r="AF280" i="1"/>
  <c r="AF77" i="1"/>
  <c r="AF364" i="1"/>
  <c r="AF252" i="1"/>
  <c r="AF91" i="1"/>
  <c r="AF287" i="1"/>
  <c r="AF266" i="1"/>
  <c r="AF253" i="1"/>
  <c r="AF85" i="1"/>
  <c r="AF301" i="1"/>
  <c r="AF225" i="1"/>
  <c r="AF98" i="1"/>
  <c r="AF204" i="1"/>
  <c r="AF273" i="1"/>
  <c r="AF316" i="1"/>
  <c r="AF57" i="1"/>
  <c r="AF302" i="1"/>
  <c r="AF155" i="1"/>
  <c r="AF176" i="1"/>
  <c r="AF92" i="1"/>
  <c r="AF274" i="1"/>
  <c r="AF357" i="1"/>
  <c r="AF42" i="1"/>
  <c r="AF182" i="1"/>
  <c r="AF120" i="1"/>
  <c r="AF210" i="1"/>
  <c r="AF105" i="1"/>
  <c r="AF63" i="1"/>
  <c r="AF259" i="1"/>
  <c r="AF294" i="1"/>
  <c r="AF239" i="1"/>
  <c r="AF162" i="1"/>
  <c r="AF43" i="1"/>
  <c r="AF308" i="1"/>
  <c r="AF154" i="1"/>
  <c r="AF56" i="1"/>
  <c r="AF168" i="1"/>
  <c r="AF309" i="1"/>
  <c r="AF175" i="1"/>
  <c r="AF197" i="1"/>
  <c r="AF70" i="1"/>
  <c r="AF8" i="1"/>
  <c r="AF218" i="1"/>
  <c r="AF329" i="1"/>
  <c r="AF337" i="1"/>
  <c r="AF127" i="1"/>
  <c r="AF350" i="1"/>
  <c r="AF112" i="1"/>
  <c r="AF260" i="1"/>
  <c r="AF141" i="1"/>
  <c r="AF196" i="1"/>
  <c r="AF35" i="1"/>
  <c r="AF231" i="1"/>
  <c r="AF7" i="1"/>
  <c r="AF315" i="1"/>
  <c r="AF119" i="1"/>
  <c r="AF323" i="1"/>
  <c r="AF232" i="1"/>
  <c r="AF351" i="1"/>
  <c r="AF29" i="1"/>
  <c r="AF161" i="1"/>
  <c r="AF217" i="1"/>
  <c r="AF322" i="1"/>
  <c r="AF106" i="1"/>
  <c r="AF134" i="1"/>
  <c r="AF99" i="1"/>
  <c r="AF21" i="1"/>
  <c r="AF183" i="1"/>
  <c r="AF78" i="1"/>
  <c r="AF133" i="1"/>
  <c r="AF147" i="1"/>
  <c r="AF126" i="1"/>
  <c r="AF71" i="1"/>
  <c r="AF113" i="1"/>
  <c r="AF15" i="1"/>
  <c r="AF238" i="1"/>
  <c r="AF50" i="1"/>
  <c r="AF211" i="1"/>
  <c r="AF288" i="1"/>
  <c r="AF28" i="1"/>
  <c r="AF330" i="1"/>
  <c r="AD225" i="1"/>
  <c r="AD140" i="1"/>
  <c r="AD189" i="1"/>
  <c r="AD280" i="1"/>
  <c r="AD364" i="1"/>
  <c r="AD308" i="1"/>
  <c r="AD365" i="1"/>
  <c r="AD196" i="1"/>
  <c r="AD85" i="1"/>
  <c r="AD14" i="1"/>
  <c r="AD245" i="1"/>
  <c r="AD147" i="1"/>
  <c r="AD182" i="1"/>
  <c r="AD161" i="1"/>
  <c r="AD224" i="1"/>
  <c r="AD294" i="1"/>
  <c r="AD78" i="1"/>
  <c r="AD217" i="1"/>
  <c r="AD35" i="1"/>
  <c r="AD36" i="1"/>
  <c r="AD106" i="1"/>
  <c r="AD231" i="1"/>
  <c r="AD203" i="1"/>
  <c r="AD91" i="1"/>
  <c r="AD119" i="1"/>
  <c r="AD350" i="1"/>
  <c r="AD22" i="1"/>
  <c r="AD274" i="1"/>
  <c r="AD92" i="1"/>
  <c r="AD120" i="1"/>
  <c r="AD126" i="1"/>
  <c r="AD336" i="1"/>
  <c r="AD113" i="1"/>
  <c r="AD105" i="1"/>
  <c r="AD8" i="1"/>
  <c r="AD28" i="1"/>
  <c r="AD84" i="1"/>
  <c r="AD253" i="1"/>
  <c r="AD99" i="1"/>
  <c r="AD260" i="1"/>
  <c r="AD287" i="1"/>
  <c r="AD322" i="1"/>
  <c r="AD204" i="1"/>
  <c r="AD295" i="1"/>
  <c r="AD357" i="1"/>
  <c r="AD57" i="1"/>
  <c r="AD316" i="1"/>
  <c r="AD21" i="1"/>
  <c r="AD273" i="1"/>
  <c r="AD127" i="1"/>
  <c r="AD141" i="1"/>
  <c r="AD29" i="1"/>
  <c r="AD162" i="1"/>
  <c r="AD183" i="1"/>
  <c r="AD7" i="1"/>
  <c r="AD266" i="1"/>
  <c r="AD155" i="1"/>
  <c r="AD49" i="1"/>
  <c r="AD50" i="1"/>
  <c r="AD238" i="1"/>
  <c r="AD175" i="1"/>
  <c r="AD210" i="1"/>
  <c r="AD190" i="1"/>
  <c r="AD246" i="1"/>
  <c r="AD15" i="1"/>
  <c r="AD148" i="1"/>
  <c r="AD330" i="1"/>
  <c r="AD197" i="1"/>
  <c r="AD329" i="1"/>
  <c r="AD133" i="1"/>
  <c r="AD63" i="1"/>
  <c r="AD351" i="1"/>
  <c r="AD259" i="1"/>
  <c r="AD315" i="1"/>
  <c r="AD71" i="1"/>
  <c r="AD288" i="1"/>
  <c r="AD64" i="1"/>
  <c r="AD281" i="1"/>
  <c r="AD252" i="1"/>
  <c r="AD56" i="1"/>
  <c r="AD267" i="1"/>
  <c r="AD302" i="1"/>
  <c r="AD42" i="1"/>
  <c r="AD343" i="1"/>
  <c r="AD154" i="1"/>
  <c r="AD232" i="1"/>
  <c r="AD98" i="1"/>
  <c r="AD337" i="1"/>
  <c r="AD77" i="1"/>
  <c r="AD211" i="1"/>
  <c r="AD134" i="1"/>
  <c r="AD344" i="1"/>
  <c r="AD323" i="1"/>
  <c r="AD43" i="1"/>
  <c r="AD301" i="1"/>
  <c r="AD168" i="1"/>
  <c r="AD309" i="1"/>
  <c r="AD112" i="1"/>
  <c r="AD169" i="1"/>
  <c r="AD70" i="1"/>
  <c r="AD218" i="1"/>
  <c r="AD176" i="1"/>
  <c r="AD358" i="1"/>
  <c r="AD239" i="1"/>
  <c r="H3" i="1"/>
  <c r="AE225" i="1" l="1"/>
  <c r="AC7" i="1"/>
  <c r="AC127" i="1"/>
  <c r="AC162" i="1"/>
  <c r="AC196" i="1"/>
  <c r="AC273" i="1"/>
  <c r="AC288" i="1"/>
  <c r="AC210" i="1"/>
  <c r="AC155" i="1"/>
  <c r="AC190" i="1"/>
  <c r="AC239" i="1"/>
  <c r="AC112" i="1"/>
  <c r="AC91" i="1"/>
  <c r="AC77" i="1"/>
  <c r="AY13" i="1"/>
  <c r="AC232" i="1"/>
  <c r="AC14" i="1"/>
  <c r="AC49" i="1"/>
  <c r="AC22" i="1"/>
  <c r="AC266" i="1"/>
  <c r="AC231" i="1"/>
  <c r="AC141" i="1"/>
  <c r="AC78" i="1"/>
  <c r="AC168" i="1"/>
  <c r="AC84" i="1"/>
  <c r="AC99" i="1"/>
  <c r="AC336" i="1"/>
  <c r="AC189" i="1"/>
  <c r="AC35" i="1"/>
  <c r="AC126" i="1"/>
  <c r="AC259" i="1"/>
  <c r="AC323" i="1"/>
  <c r="AC267" i="1"/>
  <c r="AC204" i="1"/>
  <c r="AC309" i="1"/>
  <c r="AC43" i="1"/>
  <c r="AC343" i="1"/>
  <c r="AC287" i="1"/>
  <c r="AC225" i="1"/>
  <c r="AC15" i="1"/>
  <c r="AI236" i="1" s="1"/>
  <c r="AC134" i="1"/>
  <c r="AC105" i="1"/>
  <c r="AC21" i="1"/>
  <c r="AC183" i="1"/>
  <c r="AC92" i="1"/>
  <c r="AC56" i="1"/>
  <c r="AC71" i="1"/>
  <c r="AC113" i="1"/>
  <c r="AC294" i="1"/>
  <c r="AC295" i="1"/>
  <c r="AC182" i="1"/>
  <c r="AC8" i="1"/>
  <c r="AL150" i="1" s="1"/>
  <c r="AC350" i="1"/>
  <c r="AC148" i="1"/>
  <c r="AC245" i="1"/>
  <c r="AC42" i="1"/>
  <c r="AC119" i="1"/>
  <c r="AC329" i="1"/>
  <c r="AC140" i="1"/>
  <c r="AC280" i="1"/>
  <c r="AC302" i="1"/>
  <c r="AC301" i="1"/>
  <c r="AC281" i="1"/>
  <c r="AC203" i="1"/>
  <c r="AC365" i="1"/>
  <c r="AC322" i="1"/>
  <c r="AC175" i="1"/>
  <c r="AC217" i="1"/>
  <c r="AC197" i="1"/>
  <c r="AC50" i="1"/>
  <c r="AC344" i="1"/>
  <c r="AC29" i="1"/>
  <c r="AC308" i="1"/>
  <c r="AC98" i="1"/>
  <c r="AC211" i="1"/>
  <c r="AC224" i="1"/>
  <c r="AC169" i="1"/>
  <c r="AC351" i="1"/>
  <c r="AC330" i="1"/>
  <c r="AC337" i="1"/>
  <c r="AC358" i="1"/>
  <c r="AC120" i="1"/>
  <c r="AC133" i="1"/>
  <c r="AC253" i="1"/>
  <c r="AC106" i="1"/>
  <c r="AC364" i="1"/>
  <c r="AC161" i="1"/>
  <c r="AC154" i="1"/>
  <c r="AC252" i="1"/>
  <c r="AC28" i="1"/>
  <c r="AC246" i="1"/>
  <c r="AC85" i="1"/>
  <c r="AC57" i="1"/>
  <c r="AC63" i="1"/>
  <c r="AC36" i="1"/>
  <c r="AC260" i="1"/>
  <c r="AC316" i="1"/>
  <c r="AC315" i="1"/>
  <c r="AC147" i="1"/>
  <c r="AC218" i="1"/>
  <c r="AC70" i="1"/>
  <c r="AC176" i="1"/>
  <c r="AC64" i="1"/>
  <c r="AC238" i="1"/>
  <c r="AC357" i="1"/>
  <c r="AC274" i="1"/>
  <c r="AL233" i="1" l="1"/>
  <c r="AK269" i="1"/>
  <c r="AH70" i="1"/>
  <c r="AH358" i="1"/>
  <c r="AH302" i="1"/>
  <c r="AH134" i="1"/>
  <c r="AH231" i="1"/>
  <c r="AH280" i="1"/>
  <c r="AH204" i="1"/>
  <c r="AH291" i="1"/>
  <c r="AH140" i="1"/>
  <c r="AL109" i="1"/>
  <c r="AH77" i="1"/>
  <c r="D1854" i="2" s="1" a="1"/>
  <c r="D1854" i="2" s="1"/>
  <c r="AK35" i="1"/>
  <c r="AH111" i="1"/>
  <c r="AK17" i="1"/>
  <c r="AJ156" i="1"/>
  <c r="AJ308" i="1"/>
  <c r="AJ64" i="1"/>
  <c r="AH337" i="1"/>
  <c r="AI361" i="1"/>
  <c r="AL220" i="1"/>
  <c r="AI231" i="1"/>
  <c r="AI107" i="1"/>
  <c r="AH330" i="1"/>
  <c r="AI327" i="1"/>
  <c r="AK346" i="1"/>
  <c r="AK15" i="1"/>
  <c r="AK288" i="1"/>
  <c r="AH329" i="1"/>
  <c r="AH123" i="1"/>
  <c r="AL37" i="1"/>
  <c r="AK328" i="1"/>
  <c r="G7871" i="2" s="1" a="1"/>
  <c r="G7871" i="2" s="1"/>
  <c r="AK65" i="1"/>
  <c r="AI341" i="1"/>
  <c r="AH267" i="1"/>
  <c r="AJ112" i="1"/>
  <c r="AH218" i="1"/>
  <c r="AH15" i="1"/>
  <c r="AI334" i="1"/>
  <c r="AI282" i="1"/>
  <c r="AJ219" i="1"/>
  <c r="AJ216" i="1"/>
  <c r="AJ251" i="1"/>
  <c r="AI24" i="1"/>
  <c r="AK331" i="1"/>
  <c r="AH138" i="1"/>
  <c r="AK295" i="1"/>
  <c r="AI183" i="1"/>
  <c r="AK315" i="1"/>
  <c r="AL66" i="1"/>
  <c r="AI86" i="1"/>
  <c r="AJ139" i="1"/>
  <c r="AI293" i="1"/>
  <c r="AK39" i="1"/>
  <c r="AL13" i="1"/>
  <c r="AJ160" i="1"/>
  <c r="AH208" i="1"/>
  <c r="AL148" i="1"/>
  <c r="AJ231" i="1"/>
  <c r="AI33" i="1"/>
  <c r="AK327" i="1"/>
  <c r="AJ222" i="1"/>
  <c r="AJ292" i="1"/>
  <c r="AI34" i="1"/>
  <c r="AK276" i="1"/>
  <c r="AJ162" i="1"/>
  <c r="AI96" i="1"/>
  <c r="AL317" i="1"/>
  <c r="AK198" i="1"/>
  <c r="AL40" i="1"/>
  <c r="AI355" i="1"/>
  <c r="AL296" i="1"/>
  <c r="AL147" i="1"/>
  <c r="AK147" i="1"/>
  <c r="AJ353" i="1"/>
  <c r="AH19" i="1"/>
  <c r="AI110" i="1"/>
  <c r="AJ348" i="1"/>
  <c r="AH245" i="1"/>
  <c r="AK163" i="1"/>
  <c r="AK38" i="1"/>
  <c r="AH283" i="1"/>
  <c r="AL59" i="1"/>
  <c r="AI251" i="1"/>
  <c r="AI130" i="1"/>
  <c r="AI45" i="1"/>
  <c r="AH262" i="1"/>
  <c r="AL308" i="1"/>
  <c r="AI105" i="1"/>
  <c r="AK154" i="1"/>
  <c r="AH363" i="1"/>
  <c r="AI177" i="1"/>
  <c r="E4250" i="2" s="1" a="1"/>
  <c r="E4250" i="2" s="1"/>
  <c r="AI223" i="1"/>
  <c r="AH202" i="1"/>
  <c r="AL271" i="1"/>
  <c r="AJ103" i="1"/>
  <c r="AL219" i="1"/>
  <c r="AJ247" i="1"/>
  <c r="AL274" i="1"/>
  <c r="AK99" i="1"/>
  <c r="AI119" i="1"/>
  <c r="AJ173" i="1"/>
  <c r="AK188" i="1"/>
  <c r="AI292" i="1"/>
  <c r="E7004" i="2" s="1" a="1"/>
  <c r="E7004" i="2" s="1"/>
  <c r="AH33" i="1"/>
  <c r="AL142" i="1"/>
  <c r="AL20" i="1"/>
  <c r="AI153" i="1"/>
  <c r="AL14" i="1"/>
  <c r="AH71" i="1"/>
  <c r="AJ20" i="1"/>
  <c r="AH345" i="1"/>
  <c r="AI285" i="1"/>
  <c r="AL36" i="1"/>
  <c r="AK249" i="1"/>
  <c r="AJ349" i="1"/>
  <c r="AK122" i="1"/>
  <c r="AH244" i="1"/>
  <c r="AJ37" i="1"/>
  <c r="AH93" i="1"/>
  <c r="AI222" i="1"/>
  <c r="AL64" i="1"/>
  <c r="AL39" i="1"/>
  <c r="AJ128" i="1"/>
  <c r="AJ296" i="1"/>
  <c r="AL213" i="1"/>
  <c r="AJ352" i="1"/>
  <c r="AI242" i="1"/>
  <c r="AL265" i="1"/>
  <c r="AK59" i="1"/>
  <c r="AL365" i="1"/>
  <c r="AH14" i="1"/>
  <c r="D339" i="2" s="1" a="1"/>
  <c r="D339" i="2" s="1"/>
  <c r="AK316" i="1"/>
  <c r="AK60" i="1"/>
  <c r="AH361" i="1"/>
  <c r="AI52" i="1"/>
  <c r="AJ63" i="1"/>
  <c r="AI92" i="1"/>
  <c r="AI325" i="1"/>
  <c r="AK362" i="1"/>
  <c r="AJ355" i="1"/>
  <c r="AL94" i="1"/>
  <c r="AJ35" i="1"/>
  <c r="AK210" i="1"/>
  <c r="AK246" i="1"/>
  <c r="AJ141" i="1"/>
  <c r="AH94" i="1"/>
  <c r="AL303" i="1"/>
  <c r="AJ122" i="1"/>
  <c r="AL48" i="1"/>
  <c r="AI102" i="1"/>
  <c r="AH54" i="1"/>
  <c r="AI8" i="1"/>
  <c r="AH92" i="1"/>
  <c r="AL270" i="1"/>
  <c r="AI229" i="1"/>
  <c r="AL93" i="1"/>
  <c r="AL327" i="1"/>
  <c r="AH65" i="1"/>
  <c r="AK82" i="1"/>
  <c r="AL56" i="1"/>
  <c r="AJ293" i="1"/>
  <c r="AJ163" i="1"/>
  <c r="AI254" i="1"/>
  <c r="E6097" i="2" s="1" a="1"/>
  <c r="E6097" i="2" s="1"/>
  <c r="AJ177" i="1"/>
  <c r="AL4" i="1"/>
  <c r="AK325" i="1"/>
  <c r="AK76" i="1"/>
  <c r="AH133" i="1"/>
  <c r="AK238" i="1"/>
  <c r="AK358" i="1"/>
  <c r="AL267" i="1"/>
  <c r="AK234" i="1"/>
  <c r="AK73" i="1"/>
  <c r="AI90" i="1"/>
  <c r="AJ87" i="1"/>
  <c r="AI220" i="1"/>
  <c r="AK119" i="1"/>
  <c r="AI245" i="1"/>
  <c r="E5877" i="2" s="1" a="1"/>
  <c r="E5877" i="2" s="1"/>
  <c r="AI358" i="1"/>
  <c r="AJ339" i="1"/>
  <c r="AH156" i="1"/>
  <c r="AK97" i="1"/>
  <c r="AH11" i="1"/>
  <c r="AI146" i="1"/>
  <c r="AL102" i="1"/>
  <c r="AK56" i="1"/>
  <c r="AL322" i="1"/>
  <c r="AI270" i="1"/>
  <c r="AL348" i="1"/>
  <c r="AK283" i="1"/>
  <c r="AH87" i="1"/>
  <c r="AI207" i="1"/>
  <c r="AL165" i="1"/>
  <c r="AL306" i="1"/>
  <c r="AL225" i="1"/>
  <c r="AK231" i="1"/>
  <c r="AL224" i="1"/>
  <c r="AH224" i="1"/>
  <c r="AK187" i="1"/>
  <c r="AH272" i="1"/>
  <c r="AJ5" i="1"/>
  <c r="AL101" i="1"/>
  <c r="AJ137" i="1"/>
  <c r="AH100" i="1"/>
  <c r="AI63" i="1"/>
  <c r="AI273" i="1"/>
  <c r="AJ182" i="1"/>
  <c r="AI154" i="1"/>
  <c r="AL105" i="1"/>
  <c r="AJ365" i="1"/>
  <c r="AL227" i="1"/>
  <c r="AK152" i="1"/>
  <c r="AL228" i="1"/>
  <c r="AI38" i="1"/>
  <c r="AL285" i="1"/>
  <c r="AK205" i="1"/>
  <c r="AJ71" i="1"/>
  <c r="AH58" i="1"/>
  <c r="AL236" i="1"/>
  <c r="AI256" i="1"/>
  <c r="AI326" i="1"/>
  <c r="AI346" i="1"/>
  <c r="AL145" i="1"/>
  <c r="AH255" i="1"/>
  <c r="AK71" i="1"/>
  <c r="AI204" i="1"/>
  <c r="AH234" i="1"/>
  <c r="AH139" i="1"/>
  <c r="AL191" i="1"/>
  <c r="AL200" i="1"/>
  <c r="AL156" i="1"/>
  <c r="AH74" i="1"/>
  <c r="AK355" i="1"/>
  <c r="AK287" i="1"/>
  <c r="AJ351" i="1"/>
  <c r="AH269" i="1"/>
  <c r="AH7" i="1"/>
  <c r="AH37" i="1"/>
  <c r="AJ228" i="1"/>
  <c r="F5469" i="2" s="1" a="1"/>
  <c r="F5469" i="2" s="1"/>
  <c r="AJ233" i="1"/>
  <c r="AL242" i="1"/>
  <c r="AK168" i="1"/>
  <c r="AH64" i="1"/>
  <c r="AJ70" i="1"/>
  <c r="AJ287" i="1"/>
  <c r="AJ147" i="1"/>
  <c r="AK106" i="1"/>
  <c r="AI294" i="1"/>
  <c r="AI187" i="1"/>
  <c r="AL324" i="1"/>
  <c r="AI303" i="1"/>
  <c r="AK340" i="1"/>
  <c r="AK93" i="1"/>
  <c r="AJ184" i="1"/>
  <c r="AI20" i="1"/>
  <c r="AK55" i="1"/>
  <c r="AK178" i="1"/>
  <c r="AJ33" i="1"/>
  <c r="AJ171" i="1"/>
  <c r="AJ172" i="1"/>
  <c r="AK74" i="1"/>
  <c r="AJ285" i="1"/>
  <c r="AL130" i="1"/>
  <c r="H3126" i="2" s="1" a="1"/>
  <c r="H3126" i="2" s="1"/>
  <c r="AJ242" i="1"/>
  <c r="AH9" i="1"/>
  <c r="AK236" i="1"/>
  <c r="AH101" i="1"/>
  <c r="AI247" i="1"/>
  <c r="AJ97" i="1"/>
  <c r="AH178" i="1"/>
  <c r="AK285" i="1"/>
  <c r="AH66" i="1"/>
  <c r="AJ314" i="1"/>
  <c r="AH257" i="1"/>
  <c r="AK319" i="1"/>
  <c r="AH55" i="1"/>
  <c r="AL221" i="1"/>
  <c r="AL84" i="1"/>
  <c r="AK175" i="1"/>
  <c r="AJ309" i="1"/>
  <c r="AJ322" i="1"/>
  <c r="AH85" i="1"/>
  <c r="AL8" i="1"/>
  <c r="AJ259" i="1"/>
  <c r="AJ168" i="1"/>
  <c r="AL15" i="1"/>
  <c r="AJ176" i="1"/>
  <c r="AK252" i="1"/>
  <c r="AI225" i="1"/>
  <c r="AJ248" i="1"/>
  <c r="AK265" i="1"/>
  <c r="AL179" i="1"/>
  <c r="AI185" i="1"/>
  <c r="AK46" i="1"/>
  <c r="AL174" i="1"/>
  <c r="AI240" i="1"/>
  <c r="AK19" i="1"/>
  <c r="AK159" i="1"/>
  <c r="AL256" i="1"/>
  <c r="AK80" i="1"/>
  <c r="AJ125" i="1"/>
  <c r="AK117" i="1"/>
  <c r="AK251" i="1"/>
  <c r="G6016" i="2" s="1" a="1"/>
  <c r="G6016" i="2" s="1"/>
  <c r="AI94" i="1"/>
  <c r="AJ331" i="1"/>
  <c r="AJ101" i="1"/>
  <c r="AK311" i="1"/>
  <c r="AL132" i="1"/>
  <c r="AL170" i="1"/>
  <c r="AJ54" i="1"/>
  <c r="AH20" i="1"/>
  <c r="AK53" i="1"/>
  <c r="AH146" i="1"/>
  <c r="AI186" i="1"/>
  <c r="AI39" i="1"/>
  <c r="AK44" i="1"/>
  <c r="AH67" i="1"/>
  <c r="AI180" i="1"/>
  <c r="AL309" i="1"/>
  <c r="AJ217" i="1"/>
  <c r="AH106" i="1"/>
  <c r="AI274" i="1"/>
  <c r="AJ273" i="1"/>
  <c r="AJ280" i="1"/>
  <c r="AJ77" i="1"/>
  <c r="AJ358" i="1"/>
  <c r="AK170" i="1"/>
  <c r="G4087" i="2" s="1" a="1"/>
  <c r="G4087" i="2" s="1"/>
  <c r="AL138" i="1"/>
  <c r="H3298" i="2" s="1" a="1"/>
  <c r="H3298" i="2" s="1"/>
  <c r="AJ240" i="1"/>
  <c r="AK271" i="1"/>
  <c r="G6498" i="2" s="1" a="1"/>
  <c r="G6498" i="2" s="1"/>
  <c r="AH81" i="1"/>
  <c r="AJ165" i="1"/>
  <c r="AH222" i="1"/>
  <c r="AI73" i="1"/>
  <c r="AL293" i="1"/>
  <c r="AK160" i="1"/>
  <c r="AL177" i="1"/>
  <c r="AI237" i="1"/>
  <c r="E5683" i="2" s="1" a="1"/>
  <c r="E5683" i="2" s="1"/>
  <c r="AI275" i="1"/>
  <c r="AJ193" i="1"/>
  <c r="AK81" i="1"/>
  <c r="AL87" i="1"/>
  <c r="AI82" i="1"/>
  <c r="AH26" i="1"/>
  <c r="AL198" i="1"/>
  <c r="AH16" i="1"/>
  <c r="AJ95" i="1"/>
  <c r="AL223" i="1"/>
  <c r="AL118" i="1"/>
  <c r="AH248" i="1"/>
  <c r="AI93" i="1"/>
  <c r="AH75" i="1"/>
  <c r="D1802" i="2" s="1" a="1"/>
  <c r="D1802" i="2" s="1"/>
  <c r="AK25" i="1"/>
  <c r="AI323" i="1"/>
  <c r="AI68" i="1"/>
  <c r="AI55" i="1"/>
  <c r="AK157" i="1"/>
  <c r="AI173" i="1"/>
  <c r="AL291" i="1"/>
  <c r="AI201" i="1"/>
  <c r="AI288" i="1"/>
  <c r="AL71" i="1"/>
  <c r="AH147" i="1"/>
  <c r="D3534" i="2" s="1" a="1"/>
  <c r="D3534" i="2" s="1"/>
  <c r="AH225" i="1"/>
  <c r="AJ225" i="1"/>
  <c r="AH360" i="1"/>
  <c r="AH214" i="1"/>
  <c r="AI360" i="1"/>
  <c r="E8644" i="2" s="1" a="1"/>
  <c r="E8644" i="2" s="1"/>
  <c r="AH263" i="1"/>
  <c r="AI149" i="1"/>
  <c r="AH341" i="1"/>
  <c r="AI70" i="1"/>
  <c r="AI344" i="1"/>
  <c r="AH351" i="1"/>
  <c r="AH287" i="1"/>
  <c r="AJ364" i="1"/>
  <c r="AH249" i="1"/>
  <c r="AH121" i="1"/>
  <c r="AJ174" i="1"/>
  <c r="AK248" i="1"/>
  <c r="AK54" i="1"/>
  <c r="AK301" i="1"/>
  <c r="AJ253" i="1"/>
  <c r="AH219" i="1"/>
  <c r="AI66" i="1"/>
  <c r="AH179" i="1"/>
  <c r="AH115" i="1"/>
  <c r="AJ47" i="1"/>
  <c r="F1115" i="2" s="1" a="1"/>
  <c r="F1115" i="2" s="1"/>
  <c r="AI194" i="1"/>
  <c r="AJ264" i="1"/>
  <c r="AL116" i="1"/>
  <c r="AI118" i="1"/>
  <c r="AI349" i="1"/>
  <c r="E8384" i="2" s="1" a="1"/>
  <c r="E8384" i="2" s="1"/>
  <c r="AK45" i="1"/>
  <c r="AI129" i="1"/>
  <c r="E3100" i="2" s="1" a="1"/>
  <c r="E3100" i="2" s="1"/>
  <c r="AH353" i="1"/>
  <c r="AH253" i="1"/>
  <c r="AK141" i="1"/>
  <c r="AJ57" i="1"/>
  <c r="AJ88" i="1"/>
  <c r="AJ271" i="1"/>
  <c r="AL86" i="1"/>
  <c r="AI184" i="1"/>
  <c r="AL321" i="1"/>
  <c r="AH342" i="1"/>
  <c r="AI302" i="1"/>
  <c r="AH183" i="1"/>
  <c r="AH266" i="1"/>
  <c r="D6382" i="2" s="1" a="1"/>
  <c r="D6382" i="2" s="1"/>
  <c r="AH348" i="1"/>
  <c r="AL151" i="1"/>
  <c r="AJ317" i="1"/>
  <c r="AK201" i="1"/>
  <c r="AJ4" i="1"/>
  <c r="AI345" i="1"/>
  <c r="AK62" i="1"/>
  <c r="AI56" i="1"/>
  <c r="AH365" i="1"/>
  <c r="AH22" i="1"/>
  <c r="AH326" i="1"/>
  <c r="AL65" i="1"/>
  <c r="AJ150" i="1"/>
  <c r="AI265" i="1"/>
  <c r="AL68" i="1"/>
  <c r="H1628" i="2" s="1" a="1"/>
  <c r="H1628" i="2" s="1"/>
  <c r="AL80" i="1"/>
  <c r="AK123" i="1"/>
  <c r="AH35" i="1"/>
  <c r="AL238" i="1"/>
  <c r="AH315" i="1"/>
  <c r="AH49" i="1"/>
  <c r="AH350" i="1"/>
  <c r="AH317" i="1"/>
  <c r="AH170" i="1"/>
  <c r="AL186" i="1"/>
  <c r="AL278" i="1"/>
  <c r="AH53" i="1"/>
  <c r="D1260" i="2" s="1" a="1"/>
  <c r="D1260" i="2" s="1"/>
  <c r="AI272" i="1"/>
  <c r="AL23" i="1"/>
  <c r="AK317" i="1"/>
  <c r="AL245" i="1"/>
  <c r="AJ140" i="1"/>
  <c r="AJ294" i="1"/>
  <c r="F7055" i="2" s="1" a="1"/>
  <c r="F7055" i="2" s="1"/>
  <c r="AH78" i="1"/>
  <c r="AH172" i="1"/>
  <c r="AJ75" i="1"/>
  <c r="AH142" i="1"/>
  <c r="AK75" i="1"/>
  <c r="AI244" i="1"/>
  <c r="AJ181" i="1"/>
  <c r="AK207" i="1"/>
  <c r="AK90" i="1"/>
  <c r="AJ235" i="1"/>
  <c r="AJ58" i="1"/>
  <c r="AJ3" i="1"/>
  <c r="F80" i="2" s="1" a="1"/>
  <c r="F80" i="2" s="1"/>
  <c r="AL10" i="1"/>
  <c r="AH69" i="1"/>
  <c r="AH316" i="1"/>
  <c r="AH29" i="1"/>
  <c r="AK43" i="1"/>
  <c r="AL131" i="1"/>
  <c r="AH98" i="1"/>
  <c r="AK300" i="1"/>
  <c r="AK30" i="1"/>
  <c r="AH344" i="1"/>
  <c r="AI259" i="1"/>
  <c r="AL43" i="1"/>
  <c r="AK156" i="1"/>
  <c r="AH39" i="1"/>
  <c r="AJ78" i="1"/>
  <c r="F1861" i="2" s="1" a="1"/>
  <c r="F1861" i="2" s="1"/>
  <c r="AL119" i="1"/>
  <c r="AJ108" i="1"/>
  <c r="AH12" i="1"/>
  <c r="D281" i="2" s="1" a="1"/>
  <c r="D281" i="2" s="1"/>
  <c r="AL77" i="1"/>
  <c r="AI160" i="1"/>
  <c r="AJ40" i="1"/>
  <c r="AI367" i="1"/>
  <c r="AI22" i="1"/>
  <c r="AH18" i="1"/>
  <c r="AK221" i="1"/>
  <c r="G5311" i="2" s="1" a="1"/>
  <c r="G5311" i="2" s="1"/>
  <c r="AK228" i="1"/>
  <c r="AK199" i="1"/>
  <c r="AK286" i="1"/>
  <c r="AL263" i="1"/>
  <c r="AI147" i="1"/>
  <c r="AK72" i="1"/>
  <c r="AI43" i="1"/>
  <c r="AL307" i="1"/>
  <c r="AI271" i="1"/>
  <c r="AH184" i="1"/>
  <c r="D4418" i="2" s="1" a="1"/>
  <c r="D4418" i="2" s="1"/>
  <c r="AH8" i="1"/>
  <c r="AK145" i="1"/>
  <c r="AH258" i="1"/>
  <c r="AK229" i="1"/>
  <c r="AL183" i="1"/>
  <c r="AK67" i="1"/>
  <c r="AI221" i="1"/>
  <c r="AK341" i="1"/>
  <c r="AI301" i="1"/>
  <c r="AK128" i="1"/>
  <c r="AH63" i="1"/>
  <c r="AJ269" i="1"/>
  <c r="AK281" i="1"/>
  <c r="AJ157" i="1"/>
  <c r="AH246" i="1"/>
  <c r="AL16" i="1"/>
  <c r="AK11" i="1"/>
  <c r="AH230" i="1"/>
  <c r="AI321" i="1"/>
  <c r="E7695" i="2" s="1" a="1"/>
  <c r="E7695" i="2" s="1"/>
  <c r="AH286" i="1"/>
  <c r="AJ9" i="1"/>
  <c r="AL259" i="1"/>
  <c r="AK195" i="1"/>
  <c r="AI322" i="1"/>
  <c r="AL347" i="1"/>
  <c r="AI286" i="1"/>
  <c r="AJ82" i="1"/>
  <c r="AJ124" i="1"/>
  <c r="AH261" i="1"/>
  <c r="AI213" i="1"/>
  <c r="AJ72" i="1"/>
  <c r="AI252" i="1"/>
  <c r="AI176" i="1"/>
  <c r="AL280" i="1"/>
  <c r="AK233" i="1"/>
  <c r="AH152" i="1"/>
  <c r="AJ46" i="1"/>
  <c r="AL257" i="1"/>
  <c r="AH148" i="1"/>
  <c r="AH129" i="1"/>
  <c r="AK149" i="1"/>
  <c r="AK277" i="1"/>
  <c r="AH189" i="1"/>
  <c r="AL196" i="1"/>
  <c r="AL159" i="1"/>
  <c r="AK143" i="1"/>
  <c r="AL351" i="1"/>
  <c r="AJ278" i="1"/>
  <c r="AH306" i="1"/>
  <c r="AJ81" i="1"/>
  <c r="AH215" i="1"/>
  <c r="D5161" i="2" s="1" a="1"/>
  <c r="D5161" i="2" s="1"/>
  <c r="AI330" i="1"/>
  <c r="AH259" i="1"/>
  <c r="AK302" i="1"/>
  <c r="AJ153" i="1"/>
  <c r="AH226" i="1"/>
  <c r="AH187" i="1"/>
  <c r="AK47" i="1"/>
  <c r="AH175" i="1"/>
  <c r="AL202" i="1"/>
  <c r="AJ138" i="1"/>
  <c r="AH157" i="1"/>
  <c r="AL315" i="1"/>
  <c r="AH238" i="1"/>
  <c r="AJ132" i="1"/>
  <c r="AI268" i="1"/>
  <c r="AH135" i="1"/>
  <c r="AH56" i="1"/>
  <c r="AH180" i="1"/>
  <c r="AH177" i="1"/>
  <c r="AI41" i="1"/>
  <c r="AH103" i="1"/>
  <c r="AJ224" i="1"/>
  <c r="AH336" i="1"/>
  <c r="AK268" i="1"/>
  <c r="AH118" i="1"/>
  <c r="AJ105" i="1"/>
  <c r="AJ268" i="1"/>
  <c r="F6438" i="2" s="1" a="1"/>
  <c r="F6438" i="2" s="1"/>
  <c r="AK153" i="1"/>
  <c r="AK125" i="1"/>
  <c r="AL44" i="1"/>
  <c r="AK88" i="1"/>
  <c r="AH97" i="1"/>
  <c r="AI212" i="1"/>
  <c r="AI331" i="1"/>
  <c r="AI366" i="1"/>
  <c r="AJ366" i="1"/>
  <c r="AH237" i="1"/>
  <c r="AL334" i="1"/>
  <c r="AJ201" i="1"/>
  <c r="AI169" i="1"/>
  <c r="AJ21" i="1"/>
  <c r="AK225" i="1"/>
  <c r="AJ357" i="1"/>
  <c r="AH124" i="1"/>
  <c r="AJ185" i="1"/>
  <c r="AH41" i="1"/>
  <c r="AJ316" i="1"/>
  <c r="AL194" i="1"/>
  <c r="AK177" i="1"/>
  <c r="AJ354" i="1"/>
  <c r="AL294" i="1"/>
  <c r="AH116" i="1"/>
  <c r="AJ243" i="1"/>
  <c r="AI65" i="1"/>
  <c r="AK244" i="1"/>
  <c r="AL176" i="1"/>
  <c r="AJ145" i="1"/>
  <c r="AH182" i="1"/>
  <c r="AI315" i="1"/>
  <c r="AL181" i="1"/>
  <c r="AL90" i="1"/>
  <c r="AL352" i="1"/>
  <c r="AH169" i="1"/>
  <c r="AH46" i="1"/>
  <c r="AH327" i="1"/>
  <c r="AK107" i="1"/>
  <c r="AK200" i="1"/>
  <c r="AI29" i="1"/>
  <c r="AL258" i="1"/>
  <c r="AJ321" i="1"/>
  <c r="AH48" i="1"/>
  <c r="AK294" i="1"/>
  <c r="AL355" i="1"/>
  <c r="AH264" i="1"/>
  <c r="AH347" i="1"/>
  <c r="AI27" i="1"/>
  <c r="AL345" i="1"/>
  <c r="AH256" i="1"/>
  <c r="AK363" i="1"/>
  <c r="AL51" i="1"/>
  <c r="AK12" i="1"/>
  <c r="AH221" i="1"/>
  <c r="AJ211" i="1"/>
  <c r="AL205" i="1"/>
  <c r="H4909" i="2" s="1" a="1"/>
  <c r="H4909" i="2" s="1"/>
  <c r="AJ41" i="1"/>
  <c r="AI6" i="1"/>
  <c r="AH278" i="1"/>
  <c r="AI278" i="1"/>
  <c r="AH73" i="1"/>
  <c r="AK89" i="1"/>
  <c r="AJ116" i="1"/>
  <c r="F2793" i="2" s="1" a="1"/>
  <c r="F2793" i="2" s="1"/>
  <c r="AL275" i="1"/>
  <c r="AL333" i="1"/>
  <c r="AH171" i="1"/>
  <c r="AI314" i="1"/>
  <c r="AJ324" i="1"/>
  <c r="AH295" i="1"/>
  <c r="AH301" i="1"/>
  <c r="AJ113" i="1"/>
  <c r="AK98" i="1"/>
  <c r="AJ149" i="1"/>
  <c r="AH339" i="1"/>
  <c r="AJ34" i="1"/>
  <c r="AJ100" i="1"/>
  <c r="F2399" i="2" s="1" a="1"/>
  <c r="F2399" i="2" s="1"/>
  <c r="AL323" i="1"/>
  <c r="AJ91" i="1"/>
  <c r="AI109" i="1"/>
  <c r="AH91" i="1"/>
  <c r="AH160" i="1"/>
  <c r="AH307" i="1"/>
  <c r="AK332" i="1"/>
  <c r="AI202" i="1"/>
  <c r="AI150" i="1"/>
  <c r="AH239" i="1"/>
  <c r="AI174" i="1"/>
  <c r="AH352" i="1"/>
  <c r="AL185" i="1"/>
  <c r="AK220" i="1"/>
  <c r="AI336" i="1"/>
  <c r="AK213" i="1"/>
  <c r="AL340" i="1"/>
  <c r="AH158" i="1"/>
  <c r="AH107" i="1"/>
  <c r="AJ56" i="1"/>
  <c r="F1343" i="2" s="1" a="1"/>
  <c r="F1343" i="2" s="1"/>
  <c r="AI51" i="1"/>
  <c r="AK5" i="1"/>
  <c r="AI353" i="1"/>
  <c r="AK250" i="1"/>
  <c r="AI246" i="1"/>
  <c r="E5907" i="2" s="1" a="1"/>
  <c r="E5907" i="2" s="1"/>
  <c r="AH324" i="1"/>
  <c r="AH206" i="1"/>
  <c r="D4943" i="2" s="1" a="1"/>
  <c r="D4943" i="2" s="1"/>
  <c r="AL305" i="1"/>
  <c r="AI192" i="1"/>
  <c r="AK133" i="1"/>
  <c r="AL79" i="1"/>
  <c r="AI258" i="1"/>
  <c r="AH321" i="1"/>
  <c r="AL281" i="1"/>
  <c r="AH68" i="1"/>
  <c r="AH205" i="1"/>
  <c r="AJ84" i="1"/>
  <c r="AK203" i="1"/>
  <c r="AJ330" i="1"/>
  <c r="AK176" i="1"/>
  <c r="AI151" i="1"/>
  <c r="AJ310" i="1"/>
  <c r="AK338" i="1"/>
  <c r="AJ270" i="1"/>
  <c r="AK150" i="1"/>
  <c r="AJ159" i="1"/>
  <c r="AJ187" i="1"/>
  <c r="AI128" i="1"/>
  <c r="E3064" i="2" s="1" a="1"/>
  <c r="E3064" i="2" s="1"/>
  <c r="AI166" i="1"/>
  <c r="AI233" i="1"/>
  <c r="AJ24" i="1"/>
  <c r="AJ338" i="1"/>
  <c r="AI124" i="1"/>
  <c r="AJ106" i="1"/>
  <c r="AL316" i="1"/>
  <c r="AL211" i="1"/>
  <c r="H5070" i="2" s="1" a="1"/>
  <c r="H5070" i="2" s="1"/>
  <c r="AK162" i="1"/>
  <c r="AH36" i="1"/>
  <c r="AH211" i="1"/>
  <c r="AH309" i="1"/>
  <c r="AX13" i="1"/>
  <c r="AW13" i="1" s="1"/>
  <c r="AV13" i="1" s="1"/>
  <c r="AU13" i="1" s="1"/>
  <c r="AY14" i="1"/>
  <c r="AH57" i="1"/>
  <c r="AH308" i="1"/>
  <c r="AI217" i="1"/>
  <c r="AK343" i="1"/>
  <c r="AJ148" i="1"/>
  <c r="AL63" i="1"/>
  <c r="H1515" i="2" s="1" a="1"/>
  <c r="H1515" i="2" s="1"/>
  <c r="AK365" i="1"/>
  <c r="AJ190" i="1"/>
  <c r="AI316" i="1"/>
  <c r="AI365" i="1"/>
  <c r="AI175" i="1"/>
  <c r="AJ49" i="1"/>
  <c r="AK217" i="1"/>
  <c r="AK337" i="1"/>
  <c r="AI99" i="1"/>
  <c r="AI78" i="1"/>
  <c r="AK232" i="1"/>
  <c r="AI71" i="1"/>
  <c r="AK164" i="1"/>
  <c r="AJ227" i="1"/>
  <c r="AH102" i="1"/>
  <c r="AK139" i="1"/>
  <c r="G3329" i="2" s="1" a="1"/>
  <c r="G3329" i="2" s="1"/>
  <c r="AI135" i="1"/>
  <c r="E3226" i="2" s="1" a="1"/>
  <c r="E3226" i="2" s="1"/>
  <c r="AK101" i="1"/>
  <c r="AJ151" i="1"/>
  <c r="AH314" i="1"/>
  <c r="AL230" i="1"/>
  <c r="AK367" i="1"/>
  <c r="AJ202" i="1"/>
  <c r="AL304" i="1"/>
  <c r="AH216" i="1"/>
  <c r="AK58" i="1"/>
  <c r="AL163" i="1"/>
  <c r="H3911" i="2" s="1" a="1"/>
  <c r="H3911" i="2" s="1"/>
  <c r="AJ207" i="1"/>
  <c r="AJ304" i="1"/>
  <c r="AJ254" i="1"/>
  <c r="AJ367" i="1"/>
  <c r="AL360" i="1"/>
  <c r="AI80" i="1"/>
  <c r="AK20" i="1"/>
  <c r="AL166" i="1"/>
  <c r="AL269" i="1"/>
  <c r="AK318" i="1"/>
  <c r="AH76" i="1"/>
  <c r="AK305" i="1"/>
  <c r="G7316" i="2" s="1" a="1"/>
  <c r="G7316" i="2" s="1"/>
  <c r="AJ333" i="1"/>
  <c r="AJ276" i="1"/>
  <c r="AH109" i="1"/>
  <c r="AK102" i="1"/>
  <c r="G2450" i="2" s="1" a="1"/>
  <c r="G2450" i="2" s="1"/>
  <c r="AK32" i="1"/>
  <c r="AL240" i="1"/>
  <c r="AI311" i="1"/>
  <c r="AI195" i="1"/>
  <c r="AL164" i="1"/>
  <c r="AK151" i="1"/>
  <c r="AI2" i="1"/>
  <c r="AL300" i="1"/>
  <c r="AJ2" i="1"/>
  <c r="AK247" i="1"/>
  <c r="AI363" i="1"/>
  <c r="AH233" i="1"/>
  <c r="AJ194" i="1"/>
  <c r="AJ244" i="1"/>
  <c r="AK226" i="1"/>
  <c r="AH194" i="1"/>
  <c r="AK118" i="1"/>
  <c r="AJ83" i="1"/>
  <c r="AL146" i="1"/>
  <c r="AH299" i="1"/>
  <c r="D7172" i="2" s="1" a="1"/>
  <c r="D7172" i="2" s="1"/>
  <c r="AH349" i="1"/>
  <c r="AK321" i="1"/>
  <c r="AJ111" i="1"/>
  <c r="AH159" i="1"/>
  <c r="AI335" i="1"/>
  <c r="E8034" i="2" s="1" a="1"/>
  <c r="E8034" i="2" s="1"/>
  <c r="AI320" i="1"/>
  <c r="AL361" i="1"/>
  <c r="AL286" i="1"/>
  <c r="AH34" i="1"/>
  <c r="AK92" i="1"/>
  <c r="AJ329" i="1"/>
  <c r="AL232" i="1"/>
  <c r="AI211" i="1"/>
  <c r="E5071" i="2" s="1" a="1"/>
  <c r="E5071" i="2" s="1"/>
  <c r="AJ189" i="1"/>
  <c r="F4537" i="2" s="1" a="1"/>
  <c r="F4537" i="2" s="1"/>
  <c r="AL350" i="1"/>
  <c r="AL49" i="1"/>
  <c r="AI232" i="1"/>
  <c r="AJ239" i="1"/>
  <c r="AI85" i="1"/>
  <c r="AI190" i="1"/>
  <c r="AI287" i="1"/>
  <c r="AJ337" i="1"/>
  <c r="AI210" i="1"/>
  <c r="AK8" i="1"/>
  <c r="AL29" i="1"/>
  <c r="AI35" i="1"/>
  <c r="AK309" i="1"/>
  <c r="AI7" i="1"/>
  <c r="AK26" i="1"/>
  <c r="AL234" i="1"/>
  <c r="AH131" i="1"/>
  <c r="AI255" i="1"/>
  <c r="AH82" i="1"/>
  <c r="AL136" i="1"/>
  <c r="AL214" i="1"/>
  <c r="AH338" i="1"/>
  <c r="AH223" i="1"/>
  <c r="AJ208" i="1"/>
  <c r="AL208" i="1"/>
  <c r="AJ213" i="1"/>
  <c r="AH250" i="1"/>
  <c r="AJ334" i="1"/>
  <c r="AJ60" i="1"/>
  <c r="AK184" i="1"/>
  <c r="AI234" i="1"/>
  <c r="AJ26" i="1"/>
  <c r="AJ311" i="1"/>
  <c r="AI142" i="1"/>
  <c r="AJ110" i="1"/>
  <c r="AK240" i="1"/>
  <c r="AL362" i="1"/>
  <c r="AL123" i="1"/>
  <c r="AK94" i="1"/>
  <c r="AH83" i="1"/>
  <c r="AL359" i="1"/>
  <c r="AK171" i="1"/>
  <c r="AH17" i="1"/>
  <c r="AH128" i="1"/>
  <c r="AJ76" i="1"/>
  <c r="AJ230" i="1"/>
  <c r="AL110" i="1"/>
  <c r="AK361" i="1"/>
  <c r="AJ263" i="1"/>
  <c r="AI111" i="1"/>
  <c r="AJ214" i="1"/>
  <c r="AH23" i="1"/>
  <c r="AJ102" i="1"/>
  <c r="AJ277" i="1"/>
  <c r="AK257" i="1"/>
  <c r="AL135" i="1"/>
  <c r="AH276" i="1"/>
  <c r="AH47" i="1"/>
  <c r="AL262" i="1"/>
  <c r="AL32" i="1"/>
  <c r="AH305" i="1"/>
  <c r="AK34" i="1"/>
  <c r="AJ48" i="1"/>
  <c r="AK121" i="1"/>
  <c r="AH332" i="1"/>
  <c r="AH136" i="1"/>
  <c r="AJ44" i="1"/>
  <c r="AK270" i="1"/>
  <c r="AH209" i="1"/>
  <c r="AH45" i="1"/>
  <c r="AL312" i="1"/>
  <c r="AJ303" i="1"/>
  <c r="AI340" i="1"/>
  <c r="AH167" i="1"/>
  <c r="AL22" i="1"/>
  <c r="H528" i="2" s="1" a="1"/>
  <c r="H528" i="2" s="1"/>
  <c r="AJ92" i="1"/>
  <c r="AL260" i="1"/>
  <c r="AI133" i="1"/>
  <c r="AJ266" i="1"/>
  <c r="AL99" i="1"/>
  <c r="H2362" i="2" s="1" a="1"/>
  <c r="H2362" i="2" s="1"/>
  <c r="AL218" i="1"/>
  <c r="AI57" i="1"/>
  <c r="AJ302" i="1"/>
  <c r="AK21" i="1"/>
  <c r="AI106" i="1"/>
  <c r="AI364" i="1"/>
  <c r="AK357" i="1"/>
  <c r="AL246" i="1"/>
  <c r="AH84" i="1"/>
  <c r="AK351" i="1"/>
  <c r="AK155" i="1"/>
  <c r="AH366" i="1"/>
  <c r="AJ258" i="1"/>
  <c r="AI157" i="1"/>
  <c r="AH164" i="1"/>
  <c r="AI30" i="1"/>
  <c r="AH335" i="1"/>
  <c r="AJ143" i="1"/>
  <c r="AL289" i="1"/>
  <c r="AJ307" i="1"/>
  <c r="AJ327" i="1"/>
  <c r="AJ142" i="1"/>
  <c r="AJ297" i="1"/>
  <c r="AK173" i="1"/>
  <c r="AH293" i="1"/>
  <c r="AL284" i="1"/>
  <c r="AK258" i="1"/>
  <c r="AL115" i="1"/>
  <c r="AK116" i="1"/>
  <c r="AK352" i="1"/>
  <c r="AK108" i="1"/>
  <c r="AI60" i="1"/>
  <c r="AL108" i="1"/>
  <c r="AI243" i="1"/>
  <c r="AL160" i="1"/>
  <c r="AI205" i="1"/>
  <c r="AJ80" i="1"/>
  <c r="AH149" i="1"/>
  <c r="AL24" i="1"/>
  <c r="AJ191" i="1"/>
  <c r="AH59" i="1"/>
  <c r="AH191" i="1"/>
  <c r="AJ32" i="1"/>
  <c r="AK192" i="1"/>
  <c r="AJ136" i="1"/>
  <c r="AI44" i="1"/>
  <c r="AK279" i="1"/>
  <c r="AJ250" i="1"/>
  <c r="AJ291" i="1"/>
  <c r="AH27" i="1"/>
  <c r="AL282" i="1"/>
  <c r="AL61" i="1"/>
  <c r="AI248" i="1"/>
  <c r="AL6" i="1"/>
  <c r="AH313" i="1"/>
  <c r="AH236" i="1"/>
  <c r="AI48" i="1"/>
  <c r="AL149" i="1"/>
  <c r="AJ30" i="1"/>
  <c r="AJ79" i="1"/>
  <c r="AL195" i="1"/>
  <c r="AI125" i="1"/>
  <c r="AJ199" i="1"/>
  <c r="AI61" i="1"/>
  <c r="AL290" i="1"/>
  <c r="AK110" i="1"/>
  <c r="AH243" i="1"/>
  <c r="AH290" i="1"/>
  <c r="AI164" i="1"/>
  <c r="AI216" i="1"/>
  <c r="AK255" i="1"/>
  <c r="AL178" i="1"/>
  <c r="AJ332" i="1"/>
  <c r="AH176" i="1"/>
  <c r="AJ134" i="1"/>
  <c r="F3202" i="2" s="1" a="1"/>
  <c r="F3202" i="2" s="1"/>
  <c r="AL343" i="1"/>
  <c r="AI127" i="1"/>
  <c r="AJ274" i="1"/>
  <c r="AL217" i="1"/>
  <c r="AI350" i="1"/>
  <c r="AJ175" i="1"/>
  <c r="AK260" i="1"/>
  <c r="AK350" i="1"/>
  <c r="AK91" i="1"/>
  <c r="G2173" i="2" s="1" a="1"/>
  <c r="G2173" i="2" s="1"/>
  <c r="AI280" i="1"/>
  <c r="AK77" i="1"/>
  <c r="AJ295" i="1"/>
  <c r="AK330" i="1"/>
  <c r="AK22" i="1"/>
  <c r="AK14" i="1"/>
  <c r="AH362" i="1"/>
  <c r="AK262" i="1"/>
  <c r="AK293" i="1"/>
  <c r="AH173" i="1"/>
  <c r="AI319" i="1"/>
  <c r="AH165" i="1"/>
  <c r="AI122" i="1"/>
  <c r="AL153" i="1"/>
  <c r="AK114" i="1"/>
  <c r="AJ11" i="1"/>
  <c r="AL38" i="1"/>
  <c r="AL366" i="1"/>
  <c r="AI116" i="1"/>
  <c r="AH298" i="1"/>
  <c r="AH185" i="1"/>
  <c r="AK2" i="1"/>
  <c r="AI19" i="1"/>
  <c r="AH32" i="1"/>
  <c r="AL167" i="1"/>
  <c r="AL124" i="1"/>
  <c r="AJ129" i="1"/>
  <c r="AJ45" i="1"/>
  <c r="AI307" i="1"/>
  <c r="AK298" i="1"/>
  <c r="AI79" i="1"/>
  <c r="AL97" i="1"/>
  <c r="AH145" i="1"/>
  <c r="AK18" i="1"/>
  <c r="AI317" i="1"/>
  <c r="AH88" i="1"/>
  <c r="AH227" i="1"/>
  <c r="AK66" i="1"/>
  <c r="AI179" i="1"/>
  <c r="AI310" i="1"/>
  <c r="AL250" i="1"/>
  <c r="AL353" i="1"/>
  <c r="AJ12" i="1"/>
  <c r="AK180" i="1"/>
  <c r="AH62" i="1"/>
  <c r="AL311" i="1"/>
  <c r="AK95" i="1"/>
  <c r="AL363" i="1"/>
  <c r="AI18" i="1"/>
  <c r="AH355" i="1"/>
  <c r="AJ39" i="1"/>
  <c r="AK191" i="1"/>
  <c r="AI296" i="1"/>
  <c r="AL58" i="1"/>
  <c r="AJ340" i="1"/>
  <c r="AJ61" i="1"/>
  <c r="AL67" i="1"/>
  <c r="AL103" i="1"/>
  <c r="AK61" i="1"/>
  <c r="AJ195" i="1"/>
  <c r="AL212" i="1"/>
  <c r="AH242" i="1"/>
  <c r="AJ359" i="1"/>
  <c r="AL241" i="1"/>
  <c r="AL52" i="1"/>
  <c r="AH3" i="1"/>
  <c r="AK335" i="1"/>
  <c r="AK179" i="1"/>
  <c r="AJ301" i="1"/>
  <c r="AL197" i="1"/>
  <c r="AI120" i="1"/>
  <c r="E2877" i="2" s="1" a="1"/>
  <c r="E2877" i="2" s="1"/>
  <c r="AJ98" i="1"/>
  <c r="AJ315" i="1"/>
  <c r="AJ197" i="1"/>
  <c r="AI196" i="1"/>
  <c r="AI140" i="1"/>
  <c r="AK85" i="1"/>
  <c r="AK105" i="1"/>
  <c r="AL98" i="1"/>
  <c r="AK182" i="1"/>
  <c r="AK140" i="1"/>
  <c r="AJ22" i="1"/>
  <c r="AK161" i="1"/>
  <c r="G3862" i="2" s="1" a="1"/>
  <c r="G3862" i="2" s="1"/>
  <c r="AL337" i="1"/>
  <c r="AL330" i="1"/>
  <c r="AH2" i="1"/>
  <c r="AI249" i="1"/>
  <c r="AJ114" i="1"/>
  <c r="AH220" i="1"/>
  <c r="AI69" i="1"/>
  <c r="AI46" i="1"/>
  <c r="AL12" i="1"/>
  <c r="AL62" i="1"/>
  <c r="AK41" i="1"/>
  <c r="AK230" i="1"/>
  <c r="AK314" i="1"/>
  <c r="AI257" i="1"/>
  <c r="AL104" i="1"/>
  <c r="AH319" i="1"/>
  <c r="AL172" i="1"/>
  <c r="AJ25" i="1"/>
  <c r="AJ325" i="1"/>
  <c r="AH44" i="1"/>
  <c r="AJ326" i="1"/>
  <c r="AI304" i="1"/>
  <c r="AJ220" i="1"/>
  <c r="AI74" i="1"/>
  <c r="AJ93" i="1"/>
  <c r="AJ255" i="1"/>
  <c r="AL117" i="1"/>
  <c r="AK291" i="1"/>
  <c r="AH201" i="1"/>
  <c r="AJ104" i="1"/>
  <c r="AK124" i="1"/>
  <c r="AH95" i="1"/>
  <c r="AH270" i="1"/>
  <c r="AK127" i="1"/>
  <c r="AI351" i="1"/>
  <c r="AJ14" i="1"/>
  <c r="AL21" i="1"/>
  <c r="AI14" i="1"/>
  <c r="AH120" i="1"/>
  <c r="AJ155" i="1"/>
  <c r="AJ267" i="1"/>
  <c r="AL120" i="1"/>
  <c r="AK266" i="1"/>
  <c r="AL134" i="1"/>
  <c r="AL210" i="1"/>
  <c r="AL78" i="1"/>
  <c r="AK70" i="1"/>
  <c r="AL127" i="1"/>
  <c r="AL133" i="1"/>
  <c r="AI300" i="1"/>
  <c r="AK202" i="1"/>
  <c r="AI235" i="1"/>
  <c r="AH229" i="1"/>
  <c r="AL55" i="1"/>
  <c r="AK222" i="1"/>
  <c r="AK223" i="1"/>
  <c r="AI263" i="1"/>
  <c r="AL45" i="1"/>
  <c r="AH198" i="1"/>
  <c r="AK216" i="1"/>
  <c r="AJ131" i="1"/>
  <c r="AL192" i="1"/>
  <c r="AH340" i="1"/>
  <c r="AJ313" i="1"/>
  <c r="AI305" i="1"/>
  <c r="AK241" i="1"/>
  <c r="AH79" i="1"/>
  <c r="AI31" i="1"/>
  <c r="AI181" i="1"/>
  <c r="AK129" i="1"/>
  <c r="AI75" i="1"/>
  <c r="AI200" i="1"/>
  <c r="AL184" i="1"/>
  <c r="AK219" i="1"/>
  <c r="AJ186" i="1"/>
  <c r="AH199" i="1"/>
  <c r="AJ284" i="1"/>
  <c r="AL33" i="1"/>
  <c r="AH153" i="1"/>
  <c r="AH235" i="1"/>
  <c r="AI230" i="1"/>
  <c r="AJ283" i="1"/>
  <c r="AK292" i="1"/>
  <c r="AJ192" i="1"/>
  <c r="AK9" i="1"/>
  <c r="AJ27" i="1"/>
  <c r="AJ312" i="1"/>
  <c r="AH86" i="1"/>
  <c r="AH318" i="1"/>
  <c r="AI81" i="1"/>
  <c r="AI250" i="1"/>
  <c r="AJ18" i="1"/>
  <c r="AL122" i="1"/>
  <c r="AK296" i="1"/>
  <c r="AJ146" i="1"/>
  <c r="AI12" i="1"/>
  <c r="AH186" i="1"/>
  <c r="AI291" i="1"/>
  <c r="AI156" i="1"/>
  <c r="AK131" i="1"/>
  <c r="AK79" i="1"/>
  <c r="AI297" i="1"/>
  <c r="AK115" i="1"/>
  <c r="AK366" i="1"/>
  <c r="AH320" i="1"/>
  <c r="AH174" i="1"/>
  <c r="AL328" i="1"/>
  <c r="AI343" i="1"/>
  <c r="AK344" i="1"/>
  <c r="AI49" i="1"/>
  <c r="AL91" i="1"/>
  <c r="AK196" i="1"/>
  <c r="AK28" i="1"/>
  <c r="G671" i="2" s="1" a="1"/>
  <c r="G671" i="2" s="1"/>
  <c r="AL287" i="1"/>
  <c r="AL175" i="1"/>
  <c r="AL113" i="1"/>
  <c r="AJ288" i="1"/>
  <c r="AJ42" i="1"/>
  <c r="AL266" i="1"/>
  <c r="AI203" i="1"/>
  <c r="AI238" i="1"/>
  <c r="AJ281" i="1"/>
  <c r="AJ15" i="1"/>
  <c r="AI266" i="1"/>
  <c r="AJ344" i="1"/>
  <c r="AJ74" i="1"/>
  <c r="AL72" i="1"/>
  <c r="AK144" i="1"/>
  <c r="G3456" i="2" s="1" a="1"/>
  <c r="G3456" i="2" s="1"/>
  <c r="AH132" i="1"/>
  <c r="AH144" i="1"/>
  <c r="AI362" i="1"/>
  <c r="AK284" i="1"/>
  <c r="AJ55" i="1"/>
  <c r="AJ118" i="1"/>
  <c r="AJ121" i="1"/>
  <c r="AJ107" i="1"/>
  <c r="AI198" i="1"/>
  <c r="E4757" i="2" s="1" a="1"/>
  <c r="E4757" i="2" s="1"/>
  <c r="AH38" i="1"/>
  <c r="AI72" i="1"/>
  <c r="AK214" i="1"/>
  <c r="G5132" i="2" s="1" a="1"/>
  <c r="G5132" i="2" s="1"/>
  <c r="AL69" i="1"/>
  <c r="H1656" i="2" s="1" a="1"/>
  <c r="H1656" i="2" s="1"/>
  <c r="AK138" i="1"/>
  <c r="G3317" i="2" s="1" a="1"/>
  <c r="G3317" i="2" s="1"/>
  <c r="AH331" i="1"/>
  <c r="D7935" i="2" s="1" a="1"/>
  <c r="D7935" i="2" s="1"/>
  <c r="AH80" i="1"/>
  <c r="AL331" i="1"/>
  <c r="AJ223" i="1"/>
  <c r="AK333" i="1"/>
  <c r="AL111" i="1"/>
  <c r="H2672" i="2" s="1" a="1"/>
  <c r="H2672" i="2" s="1"/>
  <c r="AI23" i="1"/>
  <c r="AK208" i="1"/>
  <c r="AI333" i="1"/>
  <c r="E7985" i="2" s="1" a="1"/>
  <c r="E7985" i="2" s="1"/>
  <c r="AK313" i="1"/>
  <c r="AJ135" i="1"/>
  <c r="AK353" i="1"/>
  <c r="AI159" i="1"/>
  <c r="AL226" i="1"/>
  <c r="AK304" i="1"/>
  <c r="G7302" i="2" s="1" a="1"/>
  <c r="G7302" i="2" s="1"/>
  <c r="AK100" i="1"/>
  <c r="AI88" i="1"/>
  <c r="AL187" i="1"/>
  <c r="AK254" i="1"/>
  <c r="G6096" i="2" s="1" a="1"/>
  <c r="G6096" i="2" s="1"/>
  <c r="AL137" i="1"/>
  <c r="H3292" i="2" s="1" a="1"/>
  <c r="H3292" i="2" s="1"/>
  <c r="AJ363" i="1"/>
  <c r="AL325" i="1"/>
  <c r="AJ262" i="1"/>
  <c r="AL143" i="1"/>
  <c r="AJ342" i="1"/>
  <c r="AH114" i="1"/>
  <c r="AJ362" i="1"/>
  <c r="AJ289" i="1"/>
  <c r="AK31" i="1"/>
  <c r="AL332" i="1"/>
  <c r="AL314" i="1"/>
  <c r="AJ170" i="1"/>
  <c r="AI108" i="1"/>
  <c r="AH125" i="1"/>
  <c r="D2991" i="2" s="1" a="1"/>
  <c r="D2991" i="2" s="1"/>
  <c r="AK307" i="1"/>
  <c r="G7366" i="2" s="1" a="1"/>
  <c r="G7366" i="2" s="1"/>
  <c r="AJ275" i="1"/>
  <c r="AI193" i="1"/>
  <c r="AH13" i="1"/>
  <c r="D301" i="2" s="1" a="1"/>
  <c r="D301" i="2" s="1"/>
  <c r="AH312" i="1"/>
  <c r="AI313" i="1"/>
  <c r="AL139" i="1"/>
  <c r="AI347" i="1"/>
  <c r="AJ66" i="1"/>
  <c r="AL231" i="1"/>
  <c r="AL239" i="1"/>
  <c r="AH288" i="1"/>
  <c r="AK29" i="1"/>
  <c r="AL295" i="1"/>
  <c r="AK239" i="1"/>
  <c r="AL358" i="1"/>
  <c r="AL288" i="1"/>
  <c r="AJ99" i="1"/>
  <c r="AH260" i="1"/>
  <c r="AL329" i="1"/>
  <c r="AK134" i="1"/>
  <c r="AI260" i="1"/>
  <c r="AJ50" i="1"/>
  <c r="AH357" i="1"/>
  <c r="AJ120" i="1"/>
  <c r="AJ246" i="1"/>
  <c r="AI28" i="1"/>
  <c r="AH127" i="1"/>
  <c r="AJ300" i="1"/>
  <c r="AK48" i="1"/>
  <c r="AK10" i="1"/>
  <c r="AH181" i="1"/>
  <c r="AH40" i="1"/>
  <c r="AJ320" i="1"/>
  <c r="AJ115" i="1"/>
  <c r="AH4" i="1"/>
  <c r="AL249" i="1"/>
  <c r="H5970" i="2" s="1" a="1"/>
  <c r="H5970" i="2" s="1"/>
  <c r="AJ298" i="1"/>
  <c r="AI152" i="1"/>
  <c r="AK194" i="1"/>
  <c r="G4650" i="2" s="1" a="1"/>
  <c r="G4650" i="2" s="1"/>
  <c r="AH21" i="1"/>
  <c r="D506" i="2" s="1" a="1"/>
  <c r="D506" i="2" s="1"/>
  <c r="AK204" i="1"/>
  <c r="AJ210" i="1"/>
  <c r="AL344" i="1"/>
  <c r="AL253" i="1"/>
  <c r="AI267" i="1"/>
  <c r="AI42" i="1"/>
  <c r="AL106" i="1"/>
  <c r="AI50" i="1"/>
  <c r="AL92" i="1"/>
  <c r="AK211" i="1"/>
  <c r="AL158" i="1"/>
  <c r="AJ164" i="1"/>
  <c r="AI348" i="1"/>
  <c r="AI209" i="1"/>
  <c r="AJ234" i="1"/>
  <c r="AH277" i="1"/>
  <c r="D6656" i="2" s="1" a="1"/>
  <c r="D6656" i="2" s="1"/>
  <c r="AJ73" i="1"/>
  <c r="AK235" i="1"/>
  <c r="AK40" i="1"/>
  <c r="G958" i="2" s="1" a="1"/>
  <c r="G958" i="2" s="1"/>
  <c r="AL180" i="1"/>
  <c r="AK339" i="1"/>
  <c r="AH200" i="1"/>
  <c r="AH96" i="1"/>
  <c r="AL298" i="1"/>
  <c r="AJ221" i="1"/>
  <c r="AI226" i="1"/>
  <c r="E5423" i="2" s="1" a="1"/>
  <c r="E5423" i="2" s="1"/>
  <c r="AH284" i="1"/>
  <c r="AJ13" i="1"/>
  <c r="AH271" i="1"/>
  <c r="AI121" i="1"/>
  <c r="AL30" i="1"/>
  <c r="H713" i="2" s="1" a="1"/>
  <c r="H713" i="2" s="1"/>
  <c r="AK135" i="1"/>
  <c r="AK37" i="1"/>
  <c r="AJ319" i="1"/>
  <c r="AI269" i="1"/>
  <c r="AK137" i="1"/>
  <c r="AI87" i="1"/>
  <c r="AJ305" i="1"/>
  <c r="AI137" i="1"/>
  <c r="E3283" i="2" s="1" a="1"/>
  <c r="E3283" i="2" s="1"/>
  <c r="AK347" i="1"/>
  <c r="AL3" i="1"/>
  <c r="AJ52" i="1"/>
  <c r="AL248" i="1"/>
  <c r="AH207" i="1"/>
  <c r="AK166" i="1"/>
  <c r="AL54" i="1"/>
  <c r="H1294" i="2" s="1" a="1"/>
  <c r="H1294" i="2" s="1"/>
  <c r="AH292" i="1"/>
  <c r="AJ200" i="1"/>
  <c r="AL235" i="1"/>
  <c r="AH212" i="1"/>
  <c r="AI11" i="1"/>
  <c r="AL292" i="1"/>
  <c r="AL272" i="1"/>
  <c r="AK324" i="1"/>
  <c r="G7768" i="2" s="1" a="1"/>
  <c r="G7768" i="2" s="1"/>
  <c r="AL47" i="1"/>
  <c r="AI224" i="1"/>
  <c r="E5377" i="2" s="1" a="1"/>
  <c r="E5377" i="2" s="1"/>
  <c r="AI91" i="1"/>
  <c r="AL204" i="1"/>
  <c r="H4887" i="2" s="1" a="1"/>
  <c r="H4887" i="2" s="1"/>
  <c r="AK57" i="1"/>
  <c r="AI162" i="1"/>
  <c r="AJ8" i="1"/>
  <c r="AL203" i="1"/>
  <c r="AI113" i="1"/>
  <c r="AH150" i="1"/>
  <c r="AI136" i="1"/>
  <c r="E3260" i="2" s="1" a="1"/>
  <c r="E3260" i="2" s="1"/>
  <c r="AK51" i="1"/>
  <c r="AK111" i="1"/>
  <c r="G2672" i="2" s="1" a="1"/>
  <c r="G2672" i="2" s="1"/>
  <c r="AK172" i="1"/>
  <c r="AK50" i="1"/>
  <c r="AL85" i="1"/>
  <c r="AK167" i="1"/>
  <c r="G4014" i="2" s="1" a="1"/>
  <c r="G4014" i="2" s="1"/>
  <c r="AL18" i="1"/>
  <c r="AL114" i="1"/>
  <c r="AL209" i="1"/>
  <c r="AL277" i="1"/>
  <c r="AL155" i="1"/>
  <c r="AJ350" i="1"/>
  <c r="AL161" i="1"/>
  <c r="H3870" i="2" s="1" a="1"/>
  <c r="H3870" i="2" s="1"/>
  <c r="AJ336" i="1"/>
  <c r="AL11" i="1"/>
  <c r="AK113" i="1"/>
  <c r="AH161" i="1"/>
  <c r="AL273" i="1"/>
  <c r="AK183" i="1"/>
  <c r="AJ161" i="1"/>
  <c r="AL169" i="1"/>
  <c r="AK322" i="1"/>
  <c r="AK120" i="1"/>
  <c r="AJ343" i="1"/>
  <c r="AK274" i="1"/>
  <c r="AI253" i="1"/>
  <c r="E6074" i="2" s="1" a="1"/>
  <c r="E6074" i="2" s="1"/>
  <c r="AL252" i="1"/>
  <c r="AI67" i="1"/>
  <c r="AL339" i="1"/>
  <c r="AK33" i="1"/>
  <c r="AL254" i="1"/>
  <c r="H6099" i="2" s="1" a="1"/>
  <c r="H6099" i="2" s="1"/>
  <c r="AL199" i="1"/>
  <c r="AI25" i="1"/>
  <c r="AL276" i="1"/>
  <c r="H6619" i="2" s="1" a="1"/>
  <c r="H6619" i="2" s="1"/>
  <c r="AI215" i="1"/>
  <c r="AJ68" i="1"/>
  <c r="F1633" i="2" s="1" a="1"/>
  <c r="F1633" i="2" s="1"/>
  <c r="AL349" i="1"/>
  <c r="AL335" i="1"/>
  <c r="AK320" i="1"/>
  <c r="AL206" i="1"/>
  <c r="AJ306" i="1"/>
  <c r="F7348" i="2" s="1" a="1"/>
  <c r="F7348" i="2" s="1"/>
  <c r="AL215" i="1"/>
  <c r="AI143" i="1"/>
  <c r="AH310" i="1"/>
  <c r="AL75" i="1"/>
  <c r="AH254" i="1"/>
  <c r="AI17" i="1"/>
  <c r="AI279" i="1"/>
  <c r="AL152" i="1"/>
  <c r="AI5" i="1"/>
  <c r="AK13" i="1"/>
  <c r="AK342" i="1"/>
  <c r="AH325" i="1"/>
  <c r="AJ94" i="1"/>
  <c r="F2244" i="2" s="1" a="1"/>
  <c r="F2244" i="2" s="1"/>
  <c r="AI219" i="1"/>
  <c r="AI188" i="1"/>
  <c r="AK186" i="1"/>
  <c r="AL318" i="1"/>
  <c r="AI277" i="1"/>
  <c r="E6638" i="2" s="1" a="1"/>
  <c r="E6638" i="2" s="1"/>
  <c r="AL283" i="1"/>
  <c r="AH247" i="1"/>
  <c r="AI145" i="1"/>
  <c r="AJ279" i="1"/>
  <c r="AH346" i="1"/>
  <c r="AH279" i="1"/>
  <c r="AJ299" i="1"/>
  <c r="AH265" i="1"/>
  <c r="AK312" i="1"/>
  <c r="AK6" i="1"/>
  <c r="AL144" i="1"/>
  <c r="AK206" i="1"/>
  <c r="G4953" i="2" s="1" a="1"/>
  <c r="G4953" i="2" s="1"/>
  <c r="AK86" i="1"/>
  <c r="AI112" i="1"/>
  <c r="E2689" i="2" s="1" a="1"/>
  <c r="E2689" i="2" s="1"/>
  <c r="AK84" i="1"/>
  <c r="AK87" i="1"/>
  <c r="AH117" i="1"/>
  <c r="D2806" i="2" s="1" a="1"/>
  <c r="D2806" i="2" s="1"/>
  <c r="AK345" i="1"/>
  <c r="AH285" i="1"/>
  <c r="AL201" i="1"/>
  <c r="AL107" i="1"/>
  <c r="AI227" i="1"/>
  <c r="AI281" i="1"/>
  <c r="AH6" i="1"/>
  <c r="AI163" i="1"/>
  <c r="AK24" i="1"/>
  <c r="AK158" i="1"/>
  <c r="AL129" i="1"/>
  <c r="AL357" i="1"/>
  <c r="AK36" i="1"/>
  <c r="AL50" i="1"/>
  <c r="AJ43" i="1"/>
  <c r="F1024" i="2" s="1" a="1"/>
  <c r="F1024" i="2" s="1"/>
  <c r="AK69" i="1"/>
  <c r="AK7" i="1"/>
  <c r="G161" i="2" s="1" a="1"/>
  <c r="G161" i="2" s="1"/>
  <c r="AJ126" i="1"/>
  <c r="AL189" i="1"/>
  <c r="H4541" i="2" s="1" a="1"/>
  <c r="H4541" i="2" s="1"/>
  <c r="AI308" i="1"/>
  <c r="E7395" i="2" s="1" a="1"/>
  <c r="E7395" i="2" s="1"/>
  <c r="AK112" i="1"/>
  <c r="AJ133" i="1"/>
  <c r="AL70" i="1"/>
  <c r="AK218" i="1"/>
  <c r="AK49" i="1"/>
  <c r="AJ183" i="1"/>
  <c r="AK280" i="1"/>
  <c r="AK197" i="1"/>
  <c r="AL190" i="1"/>
  <c r="AJ152" i="1"/>
  <c r="AJ117" i="1"/>
  <c r="AL244" i="1"/>
  <c r="AL279" i="1"/>
  <c r="H6700" i="2" s="1" a="1"/>
  <c r="H6700" i="2" s="1"/>
  <c r="AL60" i="1"/>
  <c r="AH52" i="1"/>
  <c r="AI171" i="1"/>
  <c r="AL81" i="1"/>
  <c r="AI298" i="1"/>
  <c r="AI16" i="1"/>
  <c r="E386" i="2" s="1" a="1"/>
  <c r="E386" i="2" s="1"/>
  <c r="AH108" i="1"/>
  <c r="AI144" i="1"/>
  <c r="AL128" i="1"/>
  <c r="AK356" i="1"/>
  <c r="AJ215" i="1"/>
  <c r="AI117" i="1"/>
  <c r="AH359" i="1"/>
  <c r="AK243" i="1"/>
  <c r="AH303" i="1"/>
  <c r="AL34" i="1"/>
  <c r="AK209" i="1"/>
  <c r="G5018" i="2" s="1" a="1"/>
  <c r="G5018" i="2" s="1"/>
  <c r="AL229" i="1"/>
  <c r="AH5" i="1"/>
  <c r="AL341" i="1"/>
  <c r="AH110" i="1"/>
  <c r="AJ237" i="1"/>
  <c r="AK299" i="1"/>
  <c r="AK237" i="1"/>
  <c r="AJ19" i="1"/>
  <c r="F449" i="2" s="1" a="1"/>
  <c r="F449" i="2" s="1"/>
  <c r="AJ256" i="1"/>
  <c r="AI299" i="1"/>
  <c r="AJ272" i="1"/>
  <c r="AL356" i="1"/>
  <c r="AH228" i="1"/>
  <c r="AJ241" i="1"/>
  <c r="AI172" i="1"/>
  <c r="AL216" i="1"/>
  <c r="AH195" i="1"/>
  <c r="AL193" i="1"/>
  <c r="AH300" i="1"/>
  <c r="AJ59" i="1"/>
  <c r="AL251" i="1"/>
  <c r="AJ360" i="1"/>
  <c r="AJ356" i="1"/>
  <c r="AK227" i="1"/>
  <c r="G5455" i="2" s="1" a="1"/>
  <c r="G5455" i="2" s="1"/>
  <c r="AH322" i="1"/>
  <c r="AJ232" i="1"/>
  <c r="AL302" i="1"/>
  <c r="AK189" i="1"/>
  <c r="AI182" i="1"/>
  <c r="AL88" i="1"/>
  <c r="AK297" i="1"/>
  <c r="AL171" i="1"/>
  <c r="AL89" i="1"/>
  <c r="AL268" i="1"/>
  <c r="AL27" i="1"/>
  <c r="AH296" i="1"/>
  <c r="AJ205" i="1"/>
  <c r="AL73" i="1"/>
  <c r="AJ328" i="1"/>
  <c r="AI138" i="1"/>
  <c r="AH43" i="1"/>
  <c r="AK267" i="1"/>
  <c r="AK308" i="1"/>
  <c r="AJ323" i="1"/>
  <c r="AL57" i="1"/>
  <c r="AL140" i="1"/>
  <c r="AK63" i="1"/>
  <c r="AL301" i="1"/>
  <c r="AK42" i="1"/>
  <c r="AL168" i="1"/>
  <c r="AJ204" i="1"/>
  <c r="AK148" i="1"/>
  <c r="AK64" i="1"/>
  <c r="AL336" i="1"/>
  <c r="AI289" i="1"/>
  <c r="AI290" i="1"/>
  <c r="AJ23" i="1"/>
  <c r="AJ286" i="1"/>
  <c r="AI40" i="1"/>
  <c r="AH89" i="1"/>
  <c r="D2128" i="2" s="1" a="1"/>
  <c r="D2128" i="2" s="1"/>
  <c r="AL222" i="1"/>
  <c r="AL31" i="1"/>
  <c r="AH104" i="1"/>
  <c r="AK359" i="1"/>
  <c r="AH137" i="1"/>
  <c r="AH356" i="1"/>
  <c r="AK348" i="1"/>
  <c r="AK132" i="1"/>
  <c r="AI284" i="1"/>
  <c r="AJ17" i="1"/>
  <c r="F407" i="2" s="1" a="1"/>
  <c r="F407" i="2" s="1"/>
  <c r="AJ198" i="1"/>
  <c r="AL173" i="1"/>
  <c r="AH354" i="1"/>
  <c r="AL53" i="1"/>
  <c r="AL82" i="1"/>
  <c r="AL96" i="1"/>
  <c r="H2297" i="2" s="1" a="1"/>
  <c r="H2297" i="2" s="1"/>
  <c r="AH328" i="1"/>
  <c r="AJ69" i="1"/>
  <c r="AJ65" i="1"/>
  <c r="AI339" i="1"/>
  <c r="AQ339" i="1" s="1"/>
  <c r="G345" i="5" s="1"/>
  <c r="AJ180" i="1"/>
  <c r="AH232" i="1"/>
  <c r="AK323" i="1"/>
  <c r="AK273" i="1"/>
  <c r="G6553" i="2" s="1" a="1"/>
  <c r="G6553" i="2" s="1"/>
  <c r="AJ238" i="1"/>
  <c r="AH273" i="1"/>
  <c r="AK253" i="1"/>
  <c r="AI98" i="1"/>
  <c r="AJ203" i="1"/>
  <c r="AK364" i="1"/>
  <c r="AJ119" i="1"/>
  <c r="AJ218" i="1"/>
  <c r="AL35" i="1"/>
  <c r="AL154" i="1"/>
  <c r="H3692" i="2" s="1" a="1"/>
  <c r="H3692" i="2" s="1"/>
  <c r="AH203" i="1"/>
  <c r="AJ16" i="1"/>
  <c r="AJ10" i="1"/>
  <c r="AI165" i="1"/>
  <c r="AL25" i="1"/>
  <c r="AJ265" i="1"/>
  <c r="AL367" i="1"/>
  <c r="AI58" i="1"/>
  <c r="AH24" i="1"/>
  <c r="AI178" i="1"/>
  <c r="AJ158" i="1"/>
  <c r="AH188" i="1"/>
  <c r="AK349" i="1"/>
  <c r="G8369" i="2" s="1" a="1"/>
  <c r="G8369" i="2" s="1"/>
  <c r="AI338" i="1"/>
  <c r="AL121" i="1"/>
  <c r="AL5" i="1"/>
  <c r="AL354" i="1"/>
  <c r="AI354" i="1"/>
  <c r="AL2" i="1"/>
  <c r="AJ347" i="1"/>
  <c r="F8319" i="2" s="1" a="1"/>
  <c r="F8319" i="2" s="1"/>
  <c r="AJ335" i="1"/>
  <c r="AI115" i="1"/>
  <c r="AJ361" i="1"/>
  <c r="AL41" i="1"/>
  <c r="AJ206" i="1"/>
  <c r="AH163" i="1"/>
  <c r="AQ163" i="1" s="1"/>
  <c r="G169" i="5" s="1"/>
  <c r="AH213" i="1"/>
  <c r="AJ179" i="1"/>
  <c r="AN179" i="1" s="1"/>
  <c r="D185" i="5" s="1"/>
  <c r="AI167" i="1"/>
  <c r="E4007" i="2" s="1" a="1"/>
  <c r="E4007" i="2" s="1"/>
  <c r="AI241" i="1"/>
  <c r="AI101" i="1"/>
  <c r="AJ252" i="1"/>
  <c r="AK224" i="1"/>
  <c r="AI337" i="1"/>
  <c r="AJ28" i="1"/>
  <c r="AL126" i="1"/>
  <c r="AJ29" i="1"/>
  <c r="AL26" i="1"/>
  <c r="AI239" i="1"/>
  <c r="AI141" i="1"/>
  <c r="AK190" i="1"/>
  <c r="G4568" i="2" s="1" a="1"/>
  <c r="G4568" i="2" s="1"/>
  <c r="AK78" i="1"/>
  <c r="G1876" i="2" s="1" a="1"/>
  <c r="G1876" i="2" s="1"/>
  <c r="AI197" i="1"/>
  <c r="AI15" i="1"/>
  <c r="AK329" i="1"/>
  <c r="AI189" i="1"/>
  <c r="E4532" i="2" s="1" a="1"/>
  <c r="E4532" i="2" s="1"/>
  <c r="AL364" i="1"/>
  <c r="AI352" i="1"/>
  <c r="AJ51" i="1"/>
  <c r="AK52" i="1"/>
  <c r="AI53" i="1"/>
  <c r="AI132" i="1"/>
  <c r="AJ178" i="1"/>
  <c r="AL207" i="1"/>
  <c r="AJ130" i="1"/>
  <c r="AI89" i="1"/>
  <c r="AJ38" i="1"/>
  <c r="F903" i="2" s="1" a="1"/>
  <c r="F903" i="2" s="1"/>
  <c r="AI318" i="1"/>
  <c r="AK4" i="1"/>
  <c r="AJ86" i="1"/>
  <c r="F2051" i="2" s="1" a="1"/>
  <c r="F2051" i="2" s="1"/>
  <c r="AI306" i="1"/>
  <c r="AK174" i="1"/>
  <c r="AJ341" i="1"/>
  <c r="AK146" i="1"/>
  <c r="AL188" i="1"/>
  <c r="AK261" i="1"/>
  <c r="AH166" i="1"/>
  <c r="D3981" i="2" s="1" a="1"/>
  <c r="D3981" i="2" s="1"/>
  <c r="AJ229" i="1"/>
  <c r="AL100" i="1"/>
  <c r="AL297" i="1"/>
  <c r="AJ109" i="1"/>
  <c r="AK104" i="1"/>
  <c r="AH240" i="1"/>
  <c r="D5747" i="2" s="1" a="1"/>
  <c r="D5747" i="2" s="1"/>
  <c r="AL46" i="1"/>
  <c r="AK212" i="1"/>
  <c r="AH143" i="1"/>
  <c r="AJ318" i="1"/>
  <c r="AI328" i="1"/>
  <c r="AL313" i="1"/>
  <c r="AI10" i="1"/>
  <c r="AH10" i="1"/>
  <c r="AH60" i="1"/>
  <c r="D1432" i="2" s="1" a="1"/>
  <c r="D1432" i="2" s="1"/>
  <c r="AL17" i="1"/>
  <c r="AI3" i="1"/>
  <c r="AI262" i="1"/>
  <c r="AI139" i="1"/>
  <c r="E3325" i="2" s="1" a="1"/>
  <c r="E3325" i="2" s="1"/>
  <c r="AI228" i="1"/>
  <c r="AH51" i="1"/>
  <c r="AI47" i="1"/>
  <c r="AI332" i="1"/>
  <c r="AH251" i="1"/>
  <c r="AI214" i="1"/>
  <c r="AL157" i="1"/>
  <c r="AJ245" i="1"/>
  <c r="AI64" i="1"/>
  <c r="E1528" i="2" s="1" a="1"/>
  <c r="E1528" i="2" s="1"/>
  <c r="AI161" i="1"/>
  <c r="AL28" i="1"/>
  <c r="AK264" i="1"/>
  <c r="AJ345" i="1"/>
  <c r="AH311" i="1"/>
  <c r="AK23" i="1"/>
  <c r="AH289" i="1"/>
  <c r="AL76" i="1"/>
  <c r="AJ127" i="1"/>
  <c r="AH99" i="1"/>
  <c r="AI295" i="1"/>
  <c r="E7086" i="2" s="1" a="1"/>
  <c r="E7086" i="2" s="1"/>
  <c r="AI126" i="1"/>
  <c r="AK126" i="1"/>
  <c r="AH168" i="1"/>
  <c r="D4021" i="2" s="1" a="1"/>
  <c r="D4021" i="2" s="1"/>
  <c r="AK259" i="1"/>
  <c r="AI21" i="1"/>
  <c r="AI357" i="1"/>
  <c r="AK169" i="1"/>
  <c r="AJ260" i="1"/>
  <c r="AI168" i="1"/>
  <c r="E4025" i="2" s="1" a="1"/>
  <c r="E4025" i="2" s="1"/>
  <c r="AJ62" i="1"/>
  <c r="AI312" i="1"/>
  <c r="AK130" i="1"/>
  <c r="G3121" i="2" s="1" a="1"/>
  <c r="G3121" i="2" s="1"/>
  <c r="AI37" i="1"/>
  <c r="AL299" i="1"/>
  <c r="AK165" i="1"/>
  <c r="G3967" i="2" s="1" a="1"/>
  <c r="G3967" i="2" s="1"/>
  <c r="AL247" i="1"/>
  <c r="AJ53" i="1"/>
  <c r="AK185" i="1"/>
  <c r="AI359" i="1"/>
  <c r="AL19" i="1"/>
  <c r="AK290" i="1"/>
  <c r="AI123" i="1"/>
  <c r="AI83" i="1"/>
  <c r="AK136" i="1"/>
  <c r="AK310" i="1"/>
  <c r="AJ346" i="1"/>
  <c r="AI261" i="1"/>
  <c r="AI114" i="1"/>
  <c r="AK278" i="1"/>
  <c r="AI32" i="1"/>
  <c r="E770" i="2" s="1" a="1"/>
  <c r="E770" i="2" s="1"/>
  <c r="AL95" i="1"/>
  <c r="AK16" i="1"/>
  <c r="G385" i="2" s="1" a="1"/>
  <c r="G385" i="2" s="1"/>
  <c r="AI206" i="1"/>
  <c r="AI170" i="1"/>
  <c r="E4066" i="2" s="1" a="1"/>
  <c r="E4066" i="2" s="1"/>
  <c r="AJ123" i="1"/>
  <c r="AI324" i="1"/>
  <c r="AK27" i="1"/>
  <c r="AH193" i="1"/>
  <c r="AI283" i="1"/>
  <c r="AL83" i="1"/>
  <c r="AK282" i="1"/>
  <c r="AK142" i="1"/>
  <c r="AH30" i="1"/>
  <c r="AH282" i="1"/>
  <c r="AH31" i="1"/>
  <c r="AH90" i="1"/>
  <c r="AI13" i="1"/>
  <c r="E311" i="2" s="1" a="1"/>
  <c r="E311" i="2" s="1"/>
  <c r="AJ31" i="1"/>
  <c r="AL255" i="1"/>
  <c r="AI84" i="1"/>
  <c r="AH196" i="1"/>
  <c r="AH323" i="1"/>
  <c r="AH112" i="1"/>
  <c r="D2692" i="2" s="1" a="1"/>
  <c r="D2692" i="2" s="1"/>
  <c r="AH190" i="1"/>
  <c r="AH126" i="1"/>
  <c r="AH252" i="1"/>
  <c r="AH113" i="1"/>
  <c r="AK96" i="1"/>
  <c r="AK181" i="1"/>
  <c r="AI276" i="1"/>
  <c r="AJ282" i="1"/>
  <c r="AH268" i="1"/>
  <c r="AK275" i="1"/>
  <c r="AH130" i="1"/>
  <c r="AK83" i="1"/>
  <c r="G1996" i="2" s="1" a="1"/>
  <c r="G1996" i="2" s="1"/>
  <c r="AK215" i="1"/>
  <c r="AI158" i="1"/>
  <c r="AJ166" i="1"/>
  <c r="AI4" i="1"/>
  <c r="AK193" i="1"/>
  <c r="AL264" i="1"/>
  <c r="H6343" i="2" s="1" a="1"/>
  <c r="H6343" i="2" s="1"/>
  <c r="AI342" i="1"/>
  <c r="E8212" i="2" s="1" a="1"/>
  <c r="E8212" i="2" s="1"/>
  <c r="AJ290" i="1"/>
  <c r="AJ209" i="1"/>
  <c r="AK272" i="1"/>
  <c r="G6514" i="2" s="1" a="1"/>
  <c r="G6514" i="2" s="1"/>
  <c r="AI54" i="1"/>
  <c r="AL310" i="1"/>
  <c r="AJ90" i="1"/>
  <c r="AH333" i="1"/>
  <c r="AJ249" i="1"/>
  <c r="F5982" i="2" s="1" a="1"/>
  <c r="F5982" i="2" s="1"/>
  <c r="AI155" i="1"/>
  <c r="E3714" i="2" s="1" a="1"/>
  <c r="E3714" i="2" s="1"/>
  <c r="AJ85" i="1"/>
  <c r="AL42" i="1"/>
  <c r="AL162" i="1"/>
  <c r="AJ196" i="1"/>
  <c r="AI329" i="1"/>
  <c r="AI134" i="1"/>
  <c r="E3202" i="2" s="1" a="1"/>
  <c r="E3202" i="2" s="1"/>
  <c r="AH28" i="1"/>
  <c r="AH155" i="1"/>
  <c r="AH217" i="1"/>
  <c r="AJ144" i="1"/>
  <c r="AH192" i="1"/>
  <c r="AL261" i="1"/>
  <c r="H6257" i="2" s="1" a="1"/>
  <c r="H6257" i="2" s="1"/>
  <c r="AH241" i="1"/>
  <c r="AK326" i="1"/>
  <c r="AH122" i="1"/>
  <c r="AI104" i="1"/>
  <c r="AK242" i="1"/>
  <c r="AL320" i="1"/>
  <c r="AI100" i="1"/>
  <c r="E2387" i="2" s="1" a="1"/>
  <c r="E2387" i="2" s="1"/>
  <c r="AJ188" i="1"/>
  <c r="AK103" i="1"/>
  <c r="AL243" i="1"/>
  <c r="H5827" i="2" s="1" a="1"/>
  <c r="H5827" i="2" s="1"/>
  <c r="AI62" i="1"/>
  <c r="AL346" i="1"/>
  <c r="AK68" i="1"/>
  <c r="G1633" i="2" s="1" a="1"/>
  <c r="G1633" i="2" s="1"/>
  <c r="AI264" i="1"/>
  <c r="AK263" i="1"/>
  <c r="AJ6" i="1"/>
  <c r="AJ167" i="1"/>
  <c r="AH297" i="1"/>
  <c r="AK354" i="1"/>
  <c r="AI309" i="1"/>
  <c r="AJ36" i="1"/>
  <c r="F867" i="2" s="1" a="1"/>
  <c r="F867" i="2" s="1"/>
  <c r="AL141" i="1"/>
  <c r="AL7" i="1"/>
  <c r="AI148" i="1"/>
  <c r="AL182" i="1"/>
  <c r="AI77" i="1"/>
  <c r="AH105" i="1"/>
  <c r="AH50" i="1"/>
  <c r="AH294" i="1"/>
  <c r="AH154" i="1"/>
  <c r="D3703" i="2" s="1" a="1"/>
  <c r="D3703" i="2" s="1"/>
  <c r="AL74" i="1"/>
  <c r="AH151" i="1"/>
  <c r="AI199" i="1"/>
  <c r="AH61" i="1"/>
  <c r="AK303" i="1"/>
  <c r="AH25" i="1"/>
  <c r="AJ67" i="1"/>
  <c r="F1617" i="2" s="1" a="1"/>
  <c r="F1617" i="2" s="1"/>
  <c r="AI59" i="1"/>
  <c r="AI191" i="1"/>
  <c r="AH72" i="1"/>
  <c r="AI97" i="1"/>
  <c r="E2315" i="2" s="1" a="1"/>
  <c r="E2315" i="2" s="1"/>
  <c r="AJ236" i="1"/>
  <c r="AJ212" i="1"/>
  <c r="F5083" i="2" s="1" a="1"/>
  <c r="F5083" i="2" s="1"/>
  <c r="AI95" i="1"/>
  <c r="AL237" i="1"/>
  <c r="AK334" i="1"/>
  <c r="AK109" i="1"/>
  <c r="G2603" i="2" s="1" a="1"/>
  <c r="G2603" i="2" s="1"/>
  <c r="AL125" i="1"/>
  <c r="AJ226" i="1"/>
  <c r="F5421" i="2" s="1" a="1"/>
  <c r="F5421" i="2" s="1"/>
  <c r="AK256" i="1"/>
  <c r="AH304" i="1"/>
  <c r="AI26" i="1"/>
  <c r="AJ7" i="1"/>
  <c r="AH141" i="1"/>
  <c r="AL112" i="1"/>
  <c r="AH162" i="1"/>
  <c r="AK245" i="1"/>
  <c r="G5872" i="2" s="1" a="1"/>
  <c r="G5872" i="2" s="1"/>
  <c r="AH274" i="1"/>
  <c r="AH197" i="1"/>
  <c r="AH210" i="1"/>
  <c r="AI356" i="1"/>
  <c r="AH334" i="1"/>
  <c r="AK360" i="1"/>
  <c r="AL319" i="1"/>
  <c r="AI208" i="1"/>
  <c r="AI9" i="1"/>
  <c r="AK3" i="1"/>
  <c r="G64" i="2" s="1" a="1"/>
  <c r="G64" i="2" s="1"/>
  <c r="AK306" i="1"/>
  <c r="AJ257" i="1"/>
  <c r="AH367" i="1"/>
  <c r="AL326" i="1"/>
  <c r="AI131" i="1"/>
  <c r="AL338" i="1"/>
  <c r="AI103" i="1"/>
  <c r="AJ96" i="1"/>
  <c r="AL342" i="1"/>
  <c r="H8197" i="2" s="1" a="1"/>
  <c r="H8197" i="2" s="1"/>
  <c r="AJ261" i="1"/>
  <c r="AK289" i="1"/>
  <c r="AL9" i="1"/>
  <c r="AI76" i="1"/>
  <c r="AH275" i="1"/>
  <c r="AJ89" i="1"/>
  <c r="AJ154" i="1"/>
  <c r="AI36" i="1"/>
  <c r="AI218" i="1"/>
  <c r="AJ169" i="1"/>
  <c r="AK336" i="1"/>
  <c r="G8062" i="2" s="1" a="1"/>
  <c r="G8062" i="2" s="1"/>
  <c r="AH281" i="1"/>
  <c r="AH119" i="1"/>
  <c r="AH343" i="1"/>
  <c r="AH42" i="1"/>
  <c r="D1013" i="2" s="1" a="1"/>
  <c r="D1013" i="2" s="1"/>
  <c r="AH364" i="1"/>
  <c r="G2378" i="2" a="1"/>
  <c r="G2378" i="2" s="1"/>
  <c r="G2373" i="2" a="1"/>
  <c r="G2373" i="2" s="1"/>
  <c r="G6897" i="2" a="1"/>
  <c r="G6897" i="2" s="1"/>
  <c r="G6896" i="2" a="1"/>
  <c r="G6896" i="2" s="1"/>
  <c r="G6886" i="2" a="1"/>
  <c r="G6886" i="2" s="1"/>
  <c r="G6894" i="2" a="1"/>
  <c r="G6894" i="2" s="1"/>
  <c r="G2369" i="2" a="1"/>
  <c r="G2369" i="2" s="1"/>
  <c r="G2380" i="2" a="1"/>
  <c r="G2380" i="2" s="1"/>
  <c r="G2367" i="2" a="1"/>
  <c r="G2367" i="2" s="1"/>
  <c r="D5878" i="2" a="1"/>
  <c r="D5878" i="2" s="1"/>
  <c r="G6891" i="2" a="1"/>
  <c r="G6891" i="2" s="1"/>
  <c r="D5885" i="2" a="1"/>
  <c r="D5885" i="2" s="1"/>
  <c r="H5530" i="2" a="1"/>
  <c r="H5530" i="2" s="1"/>
  <c r="D5870" i="2" a="1"/>
  <c r="D5870" i="2" s="1"/>
  <c r="D5884" i="2" a="1"/>
  <c r="D5884" i="2" s="1"/>
  <c r="E5901" i="2" a="1"/>
  <c r="E5901" i="2" s="1"/>
  <c r="D5886" i="2" a="1"/>
  <c r="D5886" i="2" s="1"/>
  <c r="D5879" i="2" a="1"/>
  <c r="D5879" i="2" s="1"/>
  <c r="D5872" i="2" a="1"/>
  <c r="D5872" i="2" s="1"/>
  <c r="D5875" i="2" a="1"/>
  <c r="D5875" i="2" s="1"/>
  <c r="D5876" i="2" a="1"/>
  <c r="D5876" i="2" s="1"/>
  <c r="D5873" i="2" a="1"/>
  <c r="D5873" i="2" s="1"/>
  <c r="D5867" i="2" a="1"/>
  <c r="D5867" i="2" s="1"/>
  <c r="D5868" i="2" a="1"/>
  <c r="D5868" i="2" s="1"/>
  <c r="D5874" i="2" a="1"/>
  <c r="D5874" i="2" s="1"/>
  <c r="H5553" i="2" a="1"/>
  <c r="H5553" i="2" s="1"/>
  <c r="H5533" i="2" a="1"/>
  <c r="H5533" i="2" s="1"/>
  <c r="H5542" i="2" a="1"/>
  <c r="H5542" i="2" s="1"/>
  <c r="E5904" i="2" a="1"/>
  <c r="E5904" i="2" s="1"/>
  <c r="E5891" i="2" a="1"/>
  <c r="E5891" i="2" s="1"/>
  <c r="F7048" i="2" a="1"/>
  <c r="F7048" i="2" s="1"/>
  <c r="F7058" i="2" a="1"/>
  <c r="F7058" i="2" s="1"/>
  <c r="F7044" i="2" a="1"/>
  <c r="F7044" i="2" s="1"/>
  <c r="F7063" i="2" a="1"/>
  <c r="F7063" i="2" s="1"/>
  <c r="F7057" i="2" a="1"/>
  <c r="F7057" i="2" s="1"/>
  <c r="F7064" i="2" a="1"/>
  <c r="F7064" i="2" s="1"/>
  <c r="F7060" i="2" a="1"/>
  <c r="F7060" i="2" s="1"/>
  <c r="F7059" i="2" a="1"/>
  <c r="F7059" i="2" s="1"/>
  <c r="F7046" i="2" a="1"/>
  <c r="F7046" i="2" s="1"/>
  <c r="F7047" i="2" a="1"/>
  <c r="F7047" i="2" s="1"/>
  <c r="F7061" i="2" a="1"/>
  <c r="F7061" i="2" s="1"/>
  <c r="F7053" i="2" a="1"/>
  <c r="F7053" i="2" s="1"/>
  <c r="F7054" i="2" a="1"/>
  <c r="F7054" i="2" s="1"/>
  <c r="F7049" i="2" a="1"/>
  <c r="F7049" i="2" s="1"/>
  <c r="F7043" i="2" a="1"/>
  <c r="F7043" i="2" s="1"/>
  <c r="E8027" i="2" a="1"/>
  <c r="E8027" i="2" s="1"/>
  <c r="E8045" i="2" a="1"/>
  <c r="E8045" i="2" s="1"/>
  <c r="E8030" i="2" a="1"/>
  <c r="E8030" i="2" s="1"/>
  <c r="E7450" i="2" a="1"/>
  <c r="E7450" i="2" s="1"/>
  <c r="E7453" i="2" a="1"/>
  <c r="E7453" i="2" s="1"/>
  <c r="G7309" i="2" a="1"/>
  <c r="G7309" i="2" s="1"/>
  <c r="G7329" i="2" a="1"/>
  <c r="G7329" i="2" s="1"/>
  <c r="G7311" i="2" a="1"/>
  <c r="G7311" i="2" s="1"/>
  <c r="G7319" i="2" a="1"/>
  <c r="G7319" i="2" s="1"/>
  <c r="G7314" i="2" a="1"/>
  <c r="G7314" i="2" s="1"/>
  <c r="H3909" i="2" a="1"/>
  <c r="H3909" i="2" s="1"/>
  <c r="H3908" i="2" a="1"/>
  <c r="H3908" i="2" s="1"/>
  <c r="H3920" i="2" a="1"/>
  <c r="H3920" i="2" s="1"/>
  <c r="H3921" i="2" a="1"/>
  <c r="H3921" i="2" s="1"/>
  <c r="H3906" i="2" a="1"/>
  <c r="H3906" i="2" s="1"/>
  <c r="H3898" i="2" a="1"/>
  <c r="H3898" i="2" s="1"/>
  <c r="F3615" i="2" a="1"/>
  <c r="F3615" i="2" s="1"/>
  <c r="F3610" i="2" a="1"/>
  <c r="F3610" i="2" s="1"/>
  <c r="F3633" i="2" a="1"/>
  <c r="F3633" i="2" s="1"/>
  <c r="F3614" i="2" a="1"/>
  <c r="F3614" i="2" s="1"/>
  <c r="F3621" i="2" a="1"/>
  <c r="F3621" i="2" s="1"/>
  <c r="F3611" i="2" a="1"/>
  <c r="F3611" i="2" s="1"/>
  <c r="E5868" i="2" a="1"/>
  <c r="E5868" i="2" s="1"/>
  <c r="E5872" i="2" a="1"/>
  <c r="E5872" i="2" s="1"/>
  <c r="E5887" i="2" a="1"/>
  <c r="E5887" i="2" s="1"/>
  <c r="E5866" i="2" a="1"/>
  <c r="E5866" i="2" s="1"/>
  <c r="E5870" i="2" a="1"/>
  <c r="E5870" i="2" s="1"/>
  <c r="E5882" i="2" a="1"/>
  <c r="E5882" i="2" s="1"/>
  <c r="E5874" i="2" a="1"/>
  <c r="E5874" i="2" s="1"/>
  <c r="E5878" i="2" a="1"/>
  <c r="E5878" i="2" s="1"/>
  <c r="E5875" i="2" a="1"/>
  <c r="E5875" i="2" s="1"/>
  <c r="E5885" i="2" a="1"/>
  <c r="E5885" i="2" s="1"/>
  <c r="E5879" i="2" a="1"/>
  <c r="E5879" i="2" s="1"/>
  <c r="E5873" i="2" a="1"/>
  <c r="E5873" i="2" s="1"/>
  <c r="E5889" i="2" a="1"/>
  <c r="E5889" i="2" s="1"/>
  <c r="F191" i="2" a="1"/>
  <c r="F191" i="2" s="1"/>
  <c r="F186" i="2" a="1"/>
  <c r="F186" i="2" s="1"/>
  <c r="H4905" i="2" a="1"/>
  <c r="H4905" i="2" s="1"/>
  <c r="H4891" i="2" a="1"/>
  <c r="H4891" i="2" s="1"/>
  <c r="H4889" i="2" a="1"/>
  <c r="H4889" i="2" s="1"/>
  <c r="H4884" i="2" a="1"/>
  <c r="H4884" i="2" s="1"/>
  <c r="H4885" i="2" a="1"/>
  <c r="H4885" i="2" s="1"/>
  <c r="H4890" i="2" a="1"/>
  <c r="H4890" i="2" s="1"/>
  <c r="G276" i="2" a="1"/>
  <c r="G276" i="2" s="1"/>
  <c r="G288" i="2" a="1"/>
  <c r="G288" i="2" s="1"/>
  <c r="G283" i="2" a="1"/>
  <c r="G283" i="2" s="1"/>
  <c r="G278" i="2" a="1"/>
  <c r="G278" i="2" s="1"/>
  <c r="G291" i="2" a="1"/>
  <c r="G291" i="2" s="1"/>
  <c r="G279" i="2" a="1"/>
  <c r="G279" i="2" s="1"/>
  <c r="G277" i="2" a="1"/>
  <c r="G277" i="2" s="1"/>
  <c r="G286" i="2" a="1"/>
  <c r="G286" i="2" s="1"/>
  <c r="G294" i="2" a="1"/>
  <c r="G294" i="2" s="1"/>
  <c r="G284" i="2" a="1"/>
  <c r="G284" i="2" s="1"/>
  <c r="G285" i="2" a="1"/>
  <c r="G285" i="2" s="1"/>
  <c r="G281" i="2" a="1"/>
  <c r="G281" i="2" s="1"/>
  <c r="G275" i="2" a="1"/>
  <c r="G275" i="2" s="1"/>
  <c r="G297" i="2" a="1"/>
  <c r="G297" i="2" s="1"/>
  <c r="G290" i="2" a="1"/>
  <c r="G290" i="2" s="1"/>
  <c r="G292" i="2" a="1"/>
  <c r="G292" i="2" s="1"/>
  <c r="G296" i="2" a="1"/>
  <c r="G296" i="2" s="1"/>
  <c r="G287" i="2" a="1"/>
  <c r="G287" i="2" s="1"/>
  <c r="G289" i="2" a="1"/>
  <c r="G289" i="2" s="1"/>
  <c r="G280" i="2" a="1"/>
  <c r="G280" i="2" s="1"/>
  <c r="G295" i="2" a="1"/>
  <c r="G295" i="2" s="1"/>
  <c r="G282" i="2" a="1"/>
  <c r="G282" i="2" s="1"/>
  <c r="G274" i="2" a="1"/>
  <c r="G274" i="2" s="1"/>
  <c r="G293" i="2" a="1"/>
  <c r="G293" i="2" s="1"/>
  <c r="H2264" i="2" a="1"/>
  <c r="H2264" i="2" s="1"/>
  <c r="H2244" i="2" a="1"/>
  <c r="H2244" i="2" s="1"/>
  <c r="H2247" i="2" a="1"/>
  <c r="H2247" i="2" s="1"/>
  <c r="H2246" i="2" a="1"/>
  <c r="H2246" i="2" s="1"/>
  <c r="H2242" i="2" a="1"/>
  <c r="H2242" i="2" s="1"/>
  <c r="H2259" i="2" a="1"/>
  <c r="H2259" i="2" s="1"/>
  <c r="H2261" i="2" a="1"/>
  <c r="H2261" i="2" s="1"/>
  <c r="H2245" i="2" a="1"/>
  <c r="H2245" i="2" s="1"/>
  <c r="H2258" i="2" a="1"/>
  <c r="H2258" i="2" s="1"/>
  <c r="H2252" i="2" a="1"/>
  <c r="H2252" i="2" s="1"/>
  <c r="H2262" i="2" a="1"/>
  <c r="H2262" i="2" s="1"/>
  <c r="H2256" i="2" a="1"/>
  <c r="H2256" i="2" s="1"/>
  <c r="H2263" i="2" a="1"/>
  <c r="H2263" i="2" s="1"/>
  <c r="H2248" i="2" a="1"/>
  <c r="H2248" i="2" s="1"/>
  <c r="H2249" i="2" a="1"/>
  <c r="H2249" i="2" s="1"/>
  <c r="H2257" i="2" a="1"/>
  <c r="H2257" i="2" s="1"/>
  <c r="H2253" i="2" a="1"/>
  <c r="H2253" i="2" s="1"/>
  <c r="H2265" i="2" a="1"/>
  <c r="H2265" i="2" s="1"/>
  <c r="H2254" i="2" a="1"/>
  <c r="H2254" i="2" s="1"/>
  <c r="H2255" i="2" a="1"/>
  <c r="H2255" i="2" s="1"/>
  <c r="H2250" i="2" a="1"/>
  <c r="H2250" i="2" s="1"/>
  <c r="H2251" i="2" a="1"/>
  <c r="H2251" i="2" s="1"/>
  <c r="H2260" i="2" a="1"/>
  <c r="H2260" i="2" s="1"/>
  <c r="H2243" i="2" a="1"/>
  <c r="H2243" i="2" s="1"/>
  <c r="H3595" i="2" a="1"/>
  <c r="H3595" i="2" s="1"/>
  <c r="H3592" i="2" a="1"/>
  <c r="H3592" i="2" s="1"/>
  <c r="H3590" i="2" a="1"/>
  <c r="H3590" i="2" s="1"/>
  <c r="H3596" i="2" a="1"/>
  <c r="H3596" i="2" s="1"/>
  <c r="H3599" i="2" a="1"/>
  <c r="H3599" i="2" s="1"/>
  <c r="H3597" i="2" a="1"/>
  <c r="H3597" i="2" s="1"/>
  <c r="H3600" i="2" a="1"/>
  <c r="H3600" i="2" s="1"/>
  <c r="H3588" i="2" a="1"/>
  <c r="H3588" i="2" s="1"/>
  <c r="H3604" i="2" a="1"/>
  <c r="H3604" i="2" s="1"/>
  <c r="H3601" i="2" a="1"/>
  <c r="H3601" i="2" s="1"/>
  <c r="H3589" i="2" a="1"/>
  <c r="H3589" i="2" s="1"/>
  <c r="H3586" i="2" a="1"/>
  <c r="H3586" i="2" s="1"/>
  <c r="H3607" i="2" a="1"/>
  <c r="H3607" i="2" s="1"/>
  <c r="H3598" i="2" a="1"/>
  <c r="H3598" i="2" s="1"/>
  <c r="H3605" i="2" a="1"/>
  <c r="H3605" i="2" s="1"/>
  <c r="H3603" i="2" a="1"/>
  <c r="H3603" i="2" s="1"/>
  <c r="H3602" i="2" a="1"/>
  <c r="H3602" i="2" s="1"/>
  <c r="H3606" i="2" a="1"/>
  <c r="H3606" i="2" s="1"/>
  <c r="H3593" i="2" a="1"/>
  <c r="H3593" i="2" s="1"/>
  <c r="H3608" i="2" a="1"/>
  <c r="H3608" i="2" s="1"/>
  <c r="H3609" i="2" a="1"/>
  <c r="H3609" i="2" s="1"/>
  <c r="H3587" i="2" a="1"/>
  <c r="H3587" i="2" s="1"/>
  <c r="H3594" i="2" a="1"/>
  <c r="H3594" i="2" s="1"/>
  <c r="H3591" i="2" a="1"/>
  <c r="H3591" i="2" s="1"/>
  <c r="G5305" i="2" a="1"/>
  <c r="G5305" i="2" s="1"/>
  <c r="G5313" i="2" a="1"/>
  <c r="G5313" i="2" s="1"/>
  <c r="G5312" i="2" a="1"/>
  <c r="G5312" i="2" s="1"/>
  <c r="G5302" i="2" a="1"/>
  <c r="G5302" i="2" s="1"/>
  <c r="G5308" i="2" a="1"/>
  <c r="G5308" i="2" s="1"/>
  <c r="G5309" i="2" a="1"/>
  <c r="G5309" i="2" s="1"/>
  <c r="G5290" i="2" a="1"/>
  <c r="G5290" i="2" s="1"/>
  <c r="G5301" i="2" a="1"/>
  <c r="G5301" i="2" s="1"/>
  <c r="G5292" i="2" a="1"/>
  <c r="G5292" i="2" s="1"/>
  <c r="G6831" i="2" a="1"/>
  <c r="G6831" i="2" s="1"/>
  <c r="G3904" i="2" a="1"/>
  <c r="G3904" i="2" s="1"/>
  <c r="G3899" i="2" a="1"/>
  <c r="G3899" i="2" s="1"/>
  <c r="G3911" i="2" a="1"/>
  <c r="G3911" i="2" s="1"/>
  <c r="D2658" i="2" a="1"/>
  <c r="D2658" i="2" s="1"/>
  <c r="D2653" i="2" a="1"/>
  <c r="D2653" i="2" s="1"/>
  <c r="D2669" i="2" a="1"/>
  <c r="D2669" i="2" s="1"/>
  <c r="D2673" i="2" a="1"/>
  <c r="D2673" i="2" s="1"/>
  <c r="D2654" i="2" a="1"/>
  <c r="D2654" i="2" s="1"/>
  <c r="D2662" i="2" a="1"/>
  <c r="D2662" i="2" s="1"/>
  <c r="D2666" i="2" a="1"/>
  <c r="D2666" i="2" s="1"/>
  <c r="D2657" i="2" a="1"/>
  <c r="D2657" i="2" s="1"/>
  <c r="F5584" i="2" a="1"/>
  <c r="F5584" i="2" s="1"/>
  <c r="F5581" i="2" a="1"/>
  <c r="F5581" i="2" s="1"/>
  <c r="F5590" i="2" a="1"/>
  <c r="F5590" i="2" s="1"/>
  <c r="F5598" i="2" a="1"/>
  <c r="F5598" i="2" s="1"/>
  <c r="F5593" i="2" a="1"/>
  <c r="F5593" i="2" s="1"/>
  <c r="F5582" i="2" a="1"/>
  <c r="F5582" i="2" s="1"/>
  <c r="F5591" i="2" a="1"/>
  <c r="F5591" i="2" s="1"/>
  <c r="F5583" i="2" a="1"/>
  <c r="F5583" i="2" s="1"/>
  <c r="F5586" i="2" a="1"/>
  <c r="F5586" i="2" s="1"/>
  <c r="F5599" i="2" a="1"/>
  <c r="F5599" i="2" s="1"/>
  <c r="F5594" i="2" a="1"/>
  <c r="F5594" i="2" s="1"/>
  <c r="F5592" i="2" a="1"/>
  <c r="F5592" i="2" s="1"/>
  <c r="F5595" i="2" a="1"/>
  <c r="F5595" i="2" s="1"/>
  <c r="F5578" i="2" a="1"/>
  <c r="F5578" i="2" s="1"/>
  <c r="F5580" i="2" a="1"/>
  <c r="F5580" i="2" s="1"/>
  <c r="F5600" i="2" a="1"/>
  <c r="F5600" i="2" s="1"/>
  <c r="F5585" i="2" a="1"/>
  <c r="F5585" i="2" s="1"/>
  <c r="F5589" i="2" a="1"/>
  <c r="F5589" i="2" s="1"/>
  <c r="F5579" i="2" a="1"/>
  <c r="F5579" i="2" s="1"/>
  <c r="F5596" i="2" a="1"/>
  <c r="F5596" i="2" s="1"/>
  <c r="F5601" i="2" a="1"/>
  <c r="F5601" i="2" s="1"/>
  <c r="F5587" i="2" a="1"/>
  <c r="F5587" i="2" s="1"/>
  <c r="F5588" i="2" a="1"/>
  <c r="F5588" i="2" s="1"/>
  <c r="F5597" i="2" a="1"/>
  <c r="F5597" i="2" s="1"/>
  <c r="F1123" i="2" a="1"/>
  <c r="F1123" i="2" s="1"/>
  <c r="F1130" i="2" a="1"/>
  <c r="F1130" i="2" s="1"/>
  <c r="F1126" i="2" a="1"/>
  <c r="F1126" i="2" s="1"/>
  <c r="F1133" i="2" a="1"/>
  <c r="F1133" i="2" s="1"/>
  <c r="F1135" i="2" a="1"/>
  <c r="F1135" i="2" s="1"/>
  <c r="F1121" i="2" a="1"/>
  <c r="F1121" i="2" s="1"/>
  <c r="F1117" i="2" a="1"/>
  <c r="F1117" i="2" s="1"/>
  <c r="F1122" i="2" a="1"/>
  <c r="F1122" i="2" s="1"/>
  <c r="F1127" i="2" a="1"/>
  <c r="F1127" i="2" s="1"/>
  <c r="F1132" i="2" a="1"/>
  <c r="F1132" i="2" s="1"/>
  <c r="F1137" i="2" a="1"/>
  <c r="F1137" i="2" s="1"/>
  <c r="F1116" i="2" a="1"/>
  <c r="F1116" i="2" s="1"/>
  <c r="E4977" i="2" a="1"/>
  <c r="E4977" i="2" s="1"/>
  <c r="E4975" i="2" a="1"/>
  <c r="E4975" i="2" s="1"/>
  <c r="E4954" i="2" a="1"/>
  <c r="E4954" i="2" s="1"/>
  <c r="E4968" i="2" a="1"/>
  <c r="E4968" i="2" s="1"/>
  <c r="E4974" i="2" a="1"/>
  <c r="E4974" i="2" s="1"/>
  <c r="E4965" i="2" a="1"/>
  <c r="E4965" i="2" s="1"/>
  <c r="E4972" i="2" a="1"/>
  <c r="E4972" i="2" s="1"/>
  <c r="E4956" i="2" a="1"/>
  <c r="E4956" i="2" s="1"/>
  <c r="E4966" i="2" a="1"/>
  <c r="E4966" i="2" s="1"/>
  <c r="E4961" i="2" a="1"/>
  <c r="E4961" i="2" s="1"/>
  <c r="G5663" i="2" a="1"/>
  <c r="G5663" i="2" s="1"/>
  <c r="F2411" i="2" a="1"/>
  <c r="F2411" i="2" s="1"/>
  <c r="G8194" i="2" a="1"/>
  <c r="G8194" i="2" s="1"/>
  <c r="G8197" i="2" a="1"/>
  <c r="G8197" i="2" s="1"/>
  <c r="G8209" i="2" a="1"/>
  <c r="G8209" i="2" s="1"/>
  <c r="G8212" i="2" a="1"/>
  <c r="G8212" i="2" s="1"/>
  <c r="G8202" i="2" a="1"/>
  <c r="G8202" i="2" s="1"/>
  <c r="G8198" i="2" a="1"/>
  <c r="G8198" i="2" s="1"/>
  <c r="G8217" i="2" a="1"/>
  <c r="G8217" i="2" s="1"/>
  <c r="G8199" i="2" a="1"/>
  <c r="G8199" i="2" s="1"/>
  <c r="G8204" i="2" a="1"/>
  <c r="G8204" i="2" s="1"/>
  <c r="G8210" i="2" a="1"/>
  <c r="G8210" i="2" s="1"/>
  <c r="G8205" i="2" a="1"/>
  <c r="G8205" i="2" s="1"/>
  <c r="G8196" i="2" a="1"/>
  <c r="G8196" i="2" s="1"/>
  <c r="G8211" i="2" a="1"/>
  <c r="G8211" i="2" s="1"/>
  <c r="G8213" i="2" a="1"/>
  <c r="G8213" i="2" s="1"/>
  <c r="G8215" i="2" a="1"/>
  <c r="G8215" i="2" s="1"/>
  <c r="G8200" i="2" a="1"/>
  <c r="G8200" i="2" s="1"/>
  <c r="G8216" i="2" a="1"/>
  <c r="G8216" i="2" s="1"/>
  <c r="G8201" i="2" a="1"/>
  <c r="G8201" i="2" s="1"/>
  <c r="G8203" i="2" a="1"/>
  <c r="G8203" i="2" s="1"/>
  <c r="G8208" i="2" a="1"/>
  <c r="G8208" i="2" s="1"/>
  <c r="G8206" i="2" a="1"/>
  <c r="G8206" i="2" s="1"/>
  <c r="G8214" i="2" a="1"/>
  <c r="G8214" i="2" s="1"/>
  <c r="G8195" i="2" a="1"/>
  <c r="G8195" i="2" s="1"/>
  <c r="G8207" i="2" a="1"/>
  <c r="G8207" i="2" s="1"/>
  <c r="G1998" i="2" a="1"/>
  <c r="G1998" i="2" s="1"/>
  <c r="E8648" i="2" a="1"/>
  <c r="E8648" i="2" s="1"/>
  <c r="E8630" i="2" a="1"/>
  <c r="E8630" i="2" s="1"/>
  <c r="E8638" i="2" a="1"/>
  <c r="E8638" i="2" s="1"/>
  <c r="E8633" i="2" a="1"/>
  <c r="E8633" i="2" s="1"/>
  <c r="E8626" i="2" a="1"/>
  <c r="E8626" i="2" s="1"/>
  <c r="E8637" i="2" a="1"/>
  <c r="E8637" i="2" s="1"/>
  <c r="E8631" i="2" a="1"/>
  <c r="E8631" i="2" s="1"/>
  <c r="E8646" i="2" a="1"/>
  <c r="E8646" i="2" s="1"/>
  <c r="E8632" i="2" a="1"/>
  <c r="E8632" i="2" s="1"/>
  <c r="E8628" i="2" a="1"/>
  <c r="E8628" i="2" s="1"/>
  <c r="E8641" i="2" a="1"/>
  <c r="E8641" i="2" s="1"/>
  <c r="E8629" i="2" a="1"/>
  <c r="E8629" i="2" s="1"/>
  <c r="F5472" i="2" a="1"/>
  <c r="F5472" i="2" s="1"/>
  <c r="F5467" i="2" a="1"/>
  <c r="F5467" i="2" s="1"/>
  <c r="F5463" i="2" a="1"/>
  <c r="F5463" i="2" s="1"/>
  <c r="F5460" i="2" a="1"/>
  <c r="F5460" i="2" s="1"/>
  <c r="F5480" i="2" a="1"/>
  <c r="F5480" i="2" s="1"/>
  <c r="F5464" i="2" a="1"/>
  <c r="F5464" i="2" s="1"/>
  <c r="F5466" i="2" a="1"/>
  <c r="F5466" i="2" s="1"/>
  <c r="F5479" i="2" a="1"/>
  <c r="F5479" i="2" s="1"/>
  <c r="F3308" i="2" a="1"/>
  <c r="F3308" i="2" s="1"/>
  <c r="F3302" i="2" a="1"/>
  <c r="F3302" i="2" s="1"/>
  <c r="F3310" i="2" a="1"/>
  <c r="F3310" i="2" s="1"/>
  <c r="F3318" i="2" a="1"/>
  <c r="F3318" i="2" s="1"/>
  <c r="F3303" i="2" a="1"/>
  <c r="F3303" i="2" s="1"/>
  <c r="F3316" i="2" a="1"/>
  <c r="F3316" i="2" s="1"/>
  <c r="F3299" i="2" a="1"/>
  <c r="F3299" i="2" s="1"/>
  <c r="F3301" i="2" a="1"/>
  <c r="F3301" i="2" s="1"/>
  <c r="F3306" i="2" a="1"/>
  <c r="F3306" i="2" s="1"/>
  <c r="F3305" i="2" a="1"/>
  <c r="F3305" i="2" s="1"/>
  <c r="F3300" i="2" a="1"/>
  <c r="F3300" i="2" s="1"/>
  <c r="F3317" i="2" a="1"/>
  <c r="F3317" i="2" s="1"/>
  <c r="F3319" i="2" a="1"/>
  <c r="F3319" i="2" s="1"/>
  <c r="F3309" i="2" a="1"/>
  <c r="F3309" i="2" s="1"/>
  <c r="F3311" i="2" a="1"/>
  <c r="F3311" i="2" s="1"/>
  <c r="F3314" i="2" a="1"/>
  <c r="F3314" i="2" s="1"/>
  <c r="F3320" i="2" a="1"/>
  <c r="F3320" i="2" s="1"/>
  <c r="F3321" i="2" a="1"/>
  <c r="F3321" i="2" s="1"/>
  <c r="F3307" i="2" a="1"/>
  <c r="F3307" i="2" s="1"/>
  <c r="F3315" i="2" a="1"/>
  <c r="F3315" i="2" s="1"/>
  <c r="F3304" i="2" a="1"/>
  <c r="F3304" i="2" s="1"/>
  <c r="F3298" i="2" a="1"/>
  <c r="F3298" i="2" s="1"/>
  <c r="F3313" i="2" a="1"/>
  <c r="F3313" i="2" s="1"/>
  <c r="F3312" i="2" a="1"/>
  <c r="F3312" i="2" s="1"/>
  <c r="E7935" i="2" a="1"/>
  <c r="E7935" i="2" s="1"/>
  <c r="E7948" i="2" a="1"/>
  <c r="E7948" i="2" s="1"/>
  <c r="E7951" i="2" a="1"/>
  <c r="E7951" i="2" s="1"/>
  <c r="E7953" i="2" a="1"/>
  <c r="E7953" i="2" s="1"/>
  <c r="F2775" i="2" a="1"/>
  <c r="F2775" i="2" s="1"/>
  <c r="F2779" i="2" a="1"/>
  <c r="F2779" i="2" s="1"/>
  <c r="F2770" i="2" a="1"/>
  <c r="F2770" i="2" s="1"/>
  <c r="F2772" i="2" a="1"/>
  <c r="F2772" i="2" s="1"/>
  <c r="F2791" i="2" a="1"/>
  <c r="F2791" i="2" s="1"/>
  <c r="F2787" i="2" a="1"/>
  <c r="F2787" i="2" s="1"/>
  <c r="F2790" i="2" a="1"/>
  <c r="F2790" i="2" s="1"/>
  <c r="F2778" i="2" a="1"/>
  <c r="F2778" i="2" s="1"/>
  <c r="E5679" i="2" a="1"/>
  <c r="E5679" i="2" s="1"/>
  <c r="E5674" i="2" a="1"/>
  <c r="E5674" i="2" s="1"/>
  <c r="E5691" i="2" a="1"/>
  <c r="E5691" i="2" s="1"/>
  <c r="E5675" i="2" a="1"/>
  <c r="E5675" i="2" s="1"/>
  <c r="E5686" i="2" a="1"/>
  <c r="E5686" i="2" s="1"/>
  <c r="E5677" i="2" a="1"/>
  <c r="E5677" i="2" s="1"/>
  <c r="E5687" i="2" a="1"/>
  <c r="E5687" i="2" s="1"/>
  <c r="E5696" i="2" a="1"/>
  <c r="E5696" i="2" s="1"/>
  <c r="E5678" i="2" a="1"/>
  <c r="E5678" i="2" s="1"/>
  <c r="E5693" i="2" a="1"/>
  <c r="E5693" i="2" s="1"/>
  <c r="E5694" i="2" a="1"/>
  <c r="E5694" i="2" s="1"/>
  <c r="E5697" i="2" a="1"/>
  <c r="E5697" i="2" s="1"/>
  <c r="D1262" i="2" a="1"/>
  <c r="D1262" i="2" s="1"/>
  <c r="D1264" i="2" a="1"/>
  <c r="D1264" i="2" s="1"/>
  <c r="D1276" i="2" a="1"/>
  <c r="D1276" i="2" s="1"/>
  <c r="D1268" i="2" a="1"/>
  <c r="D1268" i="2" s="1"/>
  <c r="H6143" i="2" a="1"/>
  <c r="H6143" i="2" s="1"/>
  <c r="H6132" i="2" a="1"/>
  <c r="H6132" i="2" s="1"/>
  <c r="H6144" i="2" a="1"/>
  <c r="H6144" i="2" s="1"/>
  <c r="H6142" i="2" a="1"/>
  <c r="H6142" i="2" s="1"/>
  <c r="H6138" i="2" a="1"/>
  <c r="H6138" i="2" s="1"/>
  <c r="H6152" i="2" a="1"/>
  <c r="H6152" i="2" s="1"/>
  <c r="H6146" i="2" a="1"/>
  <c r="H6146" i="2" s="1"/>
  <c r="F481" i="2" a="1"/>
  <c r="F481" i="2" s="1"/>
  <c r="F483" i="2" a="1"/>
  <c r="F483" i="2" s="1"/>
  <c r="F489" i="2" a="1"/>
  <c r="F489" i="2" s="1"/>
  <c r="F486" i="2" a="1"/>
  <c r="F486" i="2" s="1"/>
  <c r="F474" i="2" a="1"/>
  <c r="F474" i="2" s="1"/>
  <c r="F475" i="2" a="1"/>
  <c r="F475" i="2" s="1"/>
  <c r="F476" i="2" a="1"/>
  <c r="F476" i="2" s="1"/>
  <c r="F469" i="2" a="1"/>
  <c r="F469" i="2" s="1"/>
  <c r="F468" i="2" a="1"/>
  <c r="F468" i="2" s="1"/>
  <c r="F484" i="2" a="1"/>
  <c r="F484" i="2" s="1"/>
  <c r="F470" i="2" a="1"/>
  <c r="F470" i="2" s="1"/>
  <c r="F477" i="2" a="1"/>
  <c r="F477" i="2" s="1"/>
  <c r="F485" i="2" a="1"/>
  <c r="F485" i="2" s="1"/>
  <c r="F488" i="2" a="1"/>
  <c r="F488" i="2" s="1"/>
  <c r="D6523" i="2" a="1"/>
  <c r="D6523" i="2" s="1"/>
  <c r="D6531" i="2" a="1"/>
  <c r="D6531" i="2" s="1"/>
  <c r="D6524" i="2" a="1"/>
  <c r="D6524" i="2" s="1"/>
  <c r="D6528" i="2" a="1"/>
  <c r="D6528" i="2" s="1"/>
  <c r="D6516" i="2" a="1"/>
  <c r="D6516" i="2" s="1"/>
  <c r="D6527" i="2" a="1"/>
  <c r="D6527" i="2" s="1"/>
  <c r="D6518" i="2" a="1"/>
  <c r="D6518" i="2" s="1"/>
  <c r="D6519" i="2" a="1"/>
  <c r="D6519" i="2" s="1"/>
  <c r="D6535" i="2" a="1"/>
  <c r="D6535" i="2" s="1"/>
  <c r="D6515" i="2" a="1"/>
  <c r="D6515" i="2" s="1"/>
  <c r="D6517" i="2" a="1"/>
  <c r="D6517" i="2" s="1"/>
  <c r="D6521" i="2" a="1"/>
  <c r="D6521" i="2" s="1"/>
  <c r="D6537" i="2" a="1"/>
  <c r="D6537" i="2" s="1"/>
  <c r="D6522" i="2" a="1"/>
  <c r="D6522" i="2" s="1"/>
  <c r="D6526" i="2" a="1"/>
  <c r="D6526" i="2" s="1"/>
  <c r="D6530" i="2" a="1"/>
  <c r="D6530" i="2" s="1"/>
  <c r="D6534" i="2" a="1"/>
  <c r="D6534" i="2" s="1"/>
  <c r="D6514" i="2" a="1"/>
  <c r="D6514" i="2" s="1"/>
  <c r="D6520" i="2" a="1"/>
  <c r="D6520" i="2" s="1"/>
  <c r="D6532" i="2" a="1"/>
  <c r="D6532" i="2" s="1"/>
  <c r="D6536" i="2" a="1"/>
  <c r="D6536" i="2" s="1"/>
  <c r="D6525" i="2" a="1"/>
  <c r="D6525" i="2" s="1"/>
  <c r="D6529" i="2" a="1"/>
  <c r="D6529" i="2" s="1"/>
  <c r="D6533" i="2" a="1"/>
  <c r="D6533" i="2" s="1"/>
  <c r="G1622" i="2" a="1"/>
  <c r="G1622" i="2" s="1"/>
  <c r="G1621" i="2" a="1"/>
  <c r="G1621" i="2" s="1"/>
  <c r="G1630" i="2" a="1"/>
  <c r="G1630" i="2" s="1"/>
  <c r="G1623" i="2" a="1"/>
  <c r="G1623" i="2" s="1"/>
  <c r="G1627" i="2" a="1"/>
  <c r="G1627" i="2" s="1"/>
  <c r="G1618" i="2" a="1"/>
  <c r="G1618" i="2" s="1"/>
  <c r="G1625" i="2" a="1"/>
  <c r="G1625" i="2" s="1"/>
  <c r="G1628" i="2" a="1"/>
  <c r="G1628" i="2" s="1"/>
  <c r="G1640" i="2" a="1"/>
  <c r="G1640" i="2" s="1"/>
  <c r="G1634" i="2" a="1"/>
  <c r="G1634" i="2" s="1"/>
  <c r="G1629" i="2" a="1"/>
  <c r="G1629" i="2" s="1"/>
  <c r="G1619" i="2" a="1"/>
  <c r="G1619" i="2" s="1"/>
  <c r="G1639" i="2" a="1"/>
  <c r="G1639" i="2" s="1"/>
  <c r="G1641" i="2" a="1"/>
  <c r="G1641" i="2" s="1"/>
  <c r="G1632" i="2" a="1"/>
  <c r="G1632" i="2" s="1"/>
  <c r="G1636" i="2" a="1"/>
  <c r="G1636" i="2" s="1"/>
  <c r="G1635" i="2" a="1"/>
  <c r="G1635" i="2" s="1"/>
  <c r="G1637" i="2" a="1"/>
  <c r="G1637" i="2" s="1"/>
  <c r="G1638" i="2" a="1"/>
  <c r="G1638" i="2" s="1"/>
  <c r="G1631" i="2" a="1"/>
  <c r="G1631" i="2" s="1"/>
  <c r="G1620" i="2" a="1"/>
  <c r="G1620" i="2" s="1"/>
  <c r="D4424" i="2" a="1"/>
  <c r="D4424" i="2" s="1"/>
  <c r="D4404" i="2" a="1"/>
  <c r="D4404" i="2" s="1"/>
  <c r="D4423" i="2" a="1"/>
  <c r="D4423" i="2" s="1"/>
  <c r="D4402" i="2" a="1"/>
  <c r="D4402" i="2" s="1"/>
  <c r="D4406" i="2" a="1"/>
  <c r="D4406" i="2" s="1"/>
  <c r="D4405" i="2" a="1"/>
  <c r="D4405" i="2" s="1"/>
  <c r="D4417" i="2" a="1"/>
  <c r="D4417" i="2" s="1"/>
  <c r="D4419" i="2" a="1"/>
  <c r="D4419" i="2" s="1"/>
  <c r="D4411" i="2" a="1"/>
  <c r="D4411" i="2" s="1"/>
  <c r="H8013" i="2" a="1"/>
  <c r="H8013" i="2" s="1"/>
  <c r="H8012" i="2" a="1"/>
  <c r="H8012" i="2" s="1"/>
  <c r="D6642" i="2" a="1"/>
  <c r="D6642" i="2" s="1"/>
  <c r="D6651" i="2" a="1"/>
  <c r="D6651" i="2" s="1"/>
  <c r="D5148" i="2" a="1"/>
  <c r="D5148" i="2" s="1"/>
  <c r="D5168" i="2" a="1"/>
  <c r="D5168" i="2" s="1"/>
  <c r="D5147" i="2" a="1"/>
  <c r="D5147" i="2" s="1"/>
  <c r="D5155" i="2" a="1"/>
  <c r="D5155" i="2" s="1"/>
  <c r="D5152" i="2" a="1"/>
  <c r="D5152" i="2" s="1"/>
  <c r="D5157" i="2" a="1"/>
  <c r="D5157" i="2" s="1"/>
  <c r="D5169" i="2" a="1"/>
  <c r="D5169" i="2" s="1"/>
  <c r="E7260" i="2" a="1"/>
  <c r="E7260" i="2" s="1"/>
  <c r="D1646" i="2" a="1"/>
  <c r="D1646" i="2" s="1"/>
  <c r="D1650" i="2" a="1"/>
  <c r="D1650" i="2" s="1"/>
  <c r="D1655" i="2" a="1"/>
  <c r="D1655" i="2" s="1"/>
  <c r="D1658" i="2" a="1"/>
  <c r="D1658" i="2" s="1"/>
  <c r="G4089" i="2" a="1"/>
  <c r="G4089" i="2" s="1"/>
  <c r="E2538" i="2" a="1"/>
  <c r="E2538" i="2" s="1"/>
  <c r="E2530" i="2" a="1"/>
  <c r="E2530" i="2" s="1"/>
  <c r="E2545" i="2" a="1"/>
  <c r="E2545" i="2" s="1"/>
  <c r="E2540" i="2" a="1"/>
  <c r="E2540" i="2" s="1"/>
  <c r="E2550" i="2" a="1"/>
  <c r="E2550" i="2" s="1"/>
  <c r="E2535" i="2" a="1"/>
  <c r="E2535" i="2" s="1"/>
  <c r="D6371" i="2" a="1"/>
  <c r="D6371" i="2" s="1"/>
  <c r="D6388" i="2" a="1"/>
  <c r="D6388" i="2" s="1"/>
  <c r="D6387" i="2" a="1"/>
  <c r="D6387" i="2" s="1"/>
  <c r="D6374" i="2" a="1"/>
  <c r="D6374" i="2" s="1"/>
  <c r="D6385" i="2" a="1"/>
  <c r="D6385" i="2" s="1"/>
  <c r="D6373" i="2" a="1"/>
  <c r="D6373" i="2" s="1"/>
  <c r="D6391" i="2" a="1"/>
  <c r="D6391" i="2" s="1"/>
  <c r="D6393" i="2" a="1"/>
  <c r="D6393" i="2" s="1"/>
  <c r="D6370" i="2" a="1"/>
  <c r="D6370" i="2" s="1"/>
  <c r="D6372" i="2" a="1"/>
  <c r="D6372" i="2" s="1"/>
  <c r="H5051" i="2" a="1"/>
  <c r="H5051" i="2" s="1"/>
  <c r="H5056" i="2" a="1"/>
  <c r="H5056" i="2" s="1"/>
  <c r="H5054" i="2" a="1"/>
  <c r="H5054" i="2" s="1"/>
  <c r="H5060" i="2" a="1"/>
  <c r="H5060" i="2" s="1"/>
  <c r="H5062" i="2" a="1"/>
  <c r="H5062" i="2" s="1"/>
  <c r="D8580" i="2" a="1"/>
  <c r="D8580" i="2" s="1"/>
  <c r="D8592" i="2" a="1"/>
  <c r="D8592" i="2" s="1"/>
  <c r="D8582" i="2" a="1"/>
  <c r="D8582" i="2" s="1"/>
  <c r="D8587" i="2" a="1"/>
  <c r="D8587" i="2" s="1"/>
  <c r="D8593" i="2" a="1"/>
  <c r="D8593" i="2" s="1"/>
  <c r="D8581" i="2" a="1"/>
  <c r="D8581" i="2" s="1"/>
  <c r="D8586" i="2" a="1"/>
  <c r="D8586" i="2" s="1"/>
  <c r="D8591" i="2" a="1"/>
  <c r="D8591" i="2" s="1"/>
  <c r="D8599" i="2" a="1"/>
  <c r="D8599" i="2" s="1"/>
  <c r="D8579" i="2" a="1"/>
  <c r="D8579" i="2" s="1"/>
  <c r="D8583" i="2" a="1"/>
  <c r="D8583" i="2" s="1"/>
  <c r="D8584" i="2" a="1"/>
  <c r="D8584" i="2" s="1"/>
  <c r="D8600" i="2" a="1"/>
  <c r="D8600" i="2" s="1"/>
  <c r="D8588" i="2" a="1"/>
  <c r="D8588" i="2" s="1"/>
  <c r="D8585" i="2" a="1"/>
  <c r="D8585" i="2" s="1"/>
  <c r="D8594" i="2" a="1"/>
  <c r="D8594" i="2" s="1"/>
  <c r="D8601" i="2" a="1"/>
  <c r="D8601" i="2" s="1"/>
  <c r="D8595" i="2" a="1"/>
  <c r="D8595" i="2" s="1"/>
  <c r="D8596" i="2" a="1"/>
  <c r="D8596" i="2" s="1"/>
  <c r="D8589" i="2" a="1"/>
  <c r="D8589" i="2" s="1"/>
  <c r="D8597" i="2" a="1"/>
  <c r="D8597" i="2" s="1"/>
  <c r="D8598" i="2" a="1"/>
  <c r="D8598" i="2" s="1"/>
  <c r="D8590" i="2" a="1"/>
  <c r="D8590" i="2" s="1"/>
  <c r="D8578" i="2" a="1"/>
  <c r="D8578" i="2" s="1"/>
  <c r="H870" i="2" a="1"/>
  <c r="H870" i="2" s="1"/>
  <c r="H854" i="2" a="1"/>
  <c r="H854" i="2" s="1"/>
  <c r="H862" i="2" a="1"/>
  <c r="H862" i="2" s="1"/>
  <c r="H872" i="2" a="1"/>
  <c r="H872" i="2" s="1"/>
  <c r="H867" i="2" a="1"/>
  <c r="H867" i="2" s="1"/>
  <c r="H873" i="2" a="1"/>
  <c r="H873" i="2" s="1"/>
  <c r="H857" i="2" a="1"/>
  <c r="H857" i="2" s="1"/>
  <c r="G5888" i="2" a="1"/>
  <c r="G5888" i="2" s="1"/>
  <c r="G5881" i="2" a="1"/>
  <c r="G5881" i="2" s="1"/>
  <c r="D6552" i="2" a="1"/>
  <c r="D6552" i="2" s="1"/>
  <c r="D6559" i="2" a="1"/>
  <c r="D6559" i="2" s="1"/>
  <c r="D6561" i="2" a="1"/>
  <c r="D6561" i="2" s="1"/>
  <c r="D6542" i="2" a="1"/>
  <c r="D6542" i="2" s="1"/>
  <c r="D6556" i="2" a="1"/>
  <c r="D6556" i="2" s="1"/>
  <c r="D6541" i="2" a="1"/>
  <c r="D6541" i="2" s="1"/>
  <c r="D6554" i="2" a="1"/>
  <c r="D6554" i="2" s="1"/>
  <c r="D6548" i="2" a="1"/>
  <c r="D6548" i="2" s="1"/>
  <c r="D6549" i="2" a="1"/>
  <c r="D6549" i="2" s="1"/>
  <c r="D6544" i="2" a="1"/>
  <c r="D6544" i="2" s="1"/>
  <c r="D6560" i="2" a="1"/>
  <c r="D6560" i="2" s="1"/>
  <c r="D6543" i="2" a="1"/>
  <c r="D6543" i="2" s="1"/>
  <c r="D6545" i="2" a="1"/>
  <c r="D6545" i="2" s="1"/>
  <c r="D6550" i="2" a="1"/>
  <c r="D6550" i="2" s="1"/>
  <c r="D6546" i="2" a="1"/>
  <c r="D6546" i="2" s="1"/>
  <c r="D6540" i="2" a="1"/>
  <c r="D6540" i="2" s="1"/>
  <c r="D6558" i="2" a="1"/>
  <c r="D6558" i="2" s="1"/>
  <c r="D6547" i="2" a="1"/>
  <c r="D6547" i="2" s="1"/>
  <c r="D6538" i="2" a="1"/>
  <c r="D6538" i="2" s="1"/>
  <c r="D6553" i="2" a="1"/>
  <c r="D6553" i="2" s="1"/>
  <c r="D6551" i="2" a="1"/>
  <c r="D6551" i="2" s="1"/>
  <c r="D6555" i="2" a="1"/>
  <c r="D6555" i="2" s="1"/>
  <c r="D6539" i="2" a="1"/>
  <c r="D6539" i="2" s="1"/>
  <c r="D6557" i="2" a="1"/>
  <c r="D6557" i="2" s="1"/>
  <c r="H2373" i="2" a="1"/>
  <c r="H2373" i="2" s="1"/>
  <c r="H2369" i="2" a="1"/>
  <c r="H2369" i="2" s="1"/>
  <c r="H2384" i="2" a="1"/>
  <c r="H2384" i="2" s="1"/>
  <c r="H2376" i="2" a="1"/>
  <c r="H2376" i="2" s="1"/>
  <c r="H2377" i="2" a="1"/>
  <c r="H2377" i="2" s="1"/>
  <c r="H2371" i="2" a="1"/>
  <c r="H2371" i="2" s="1"/>
  <c r="E7560" i="2" a="1"/>
  <c r="E7560" i="2" s="1"/>
  <c r="E7550" i="2" a="1"/>
  <c r="E7550" i="2" s="1"/>
  <c r="E7563" i="2" a="1"/>
  <c r="E7563" i="2" s="1"/>
  <c r="E7562" i="2" a="1"/>
  <c r="E7562" i="2" s="1"/>
  <c r="E7552" i="2" a="1"/>
  <c r="E7552" i="2" s="1"/>
  <c r="E7569" i="2" a="1"/>
  <c r="E7569" i="2" s="1"/>
  <c r="E7551" i="2" a="1"/>
  <c r="E7551" i="2" s="1"/>
  <c r="E7553" i="2" a="1"/>
  <c r="E7553" i="2" s="1"/>
  <c r="E7556" i="2" a="1"/>
  <c r="E7556" i="2" s="1"/>
  <c r="E7567" i="2" a="1"/>
  <c r="E7567" i="2" s="1"/>
  <c r="E7547" i="2" a="1"/>
  <c r="E7547" i="2" s="1"/>
  <c r="E7568" i="2" a="1"/>
  <c r="E7568" i="2" s="1"/>
  <c r="E7546" i="2" a="1"/>
  <c r="E7546" i="2" s="1"/>
  <c r="H4868" i="2" a="1"/>
  <c r="H4868" i="2" s="1"/>
  <c r="H4873" i="2" a="1"/>
  <c r="H4873" i="2" s="1"/>
  <c r="H4876" i="2" a="1"/>
  <c r="H4876" i="2" s="1"/>
  <c r="H4864" i="2" a="1"/>
  <c r="H4864" i="2" s="1"/>
  <c r="G5416" i="2" a="1"/>
  <c r="G5416" i="2" s="1"/>
  <c r="G5427" i="2" a="1"/>
  <c r="G5427" i="2" s="1"/>
  <c r="G5430" i="2" a="1"/>
  <c r="G5430" i="2" s="1"/>
  <c r="G5415" i="2" a="1"/>
  <c r="G5415" i="2" s="1"/>
  <c r="G5414" i="2" a="1"/>
  <c r="G5414" i="2" s="1"/>
  <c r="G5428" i="2" a="1"/>
  <c r="G5428" i="2" s="1"/>
  <c r="G5432" i="2" a="1"/>
  <c r="G5432" i="2" s="1"/>
  <c r="G5410" i="2" a="1"/>
  <c r="G5410" i="2" s="1"/>
  <c r="G5431" i="2" a="1"/>
  <c r="G5431" i="2" s="1"/>
  <c r="G5419" i="2" a="1"/>
  <c r="G5419" i="2" s="1"/>
  <c r="G5411" i="2" a="1"/>
  <c r="G5411" i="2" s="1"/>
  <c r="G5420" i="2" a="1"/>
  <c r="G5420" i="2" s="1"/>
  <c r="G5413" i="2" a="1"/>
  <c r="G5413" i="2" s="1"/>
  <c r="G5417" i="2" a="1"/>
  <c r="G5417" i="2" s="1"/>
  <c r="G5412" i="2" a="1"/>
  <c r="G5412" i="2" s="1"/>
  <c r="G5418" i="2" a="1"/>
  <c r="G5418" i="2" s="1"/>
  <c r="G5426" i="2" a="1"/>
  <c r="G5426" i="2" s="1"/>
  <c r="G5425" i="2" a="1"/>
  <c r="G5425" i="2" s="1"/>
  <c r="G5429" i="2" a="1"/>
  <c r="G5429" i="2" s="1"/>
  <c r="G5433" i="2" a="1"/>
  <c r="G5433" i="2" s="1"/>
  <c r="G5421" i="2" a="1"/>
  <c r="G5421" i="2" s="1"/>
  <c r="G5423" i="2" a="1"/>
  <c r="G5423" i="2" s="1"/>
  <c r="G5424" i="2" a="1"/>
  <c r="G5424" i="2" s="1"/>
  <c r="G5422" i="2" a="1"/>
  <c r="G5422" i="2" s="1"/>
  <c r="F6090" i="2" a="1"/>
  <c r="F6090" i="2" s="1"/>
  <c r="F6100" i="2" a="1"/>
  <c r="F6100" i="2" s="1"/>
  <c r="F6091" i="2" a="1"/>
  <c r="F6091" i="2" s="1"/>
  <c r="F6083" i="2" a="1"/>
  <c r="F6083" i="2" s="1"/>
  <c r="F6101" i="2" a="1"/>
  <c r="F6101" i="2" s="1"/>
  <c r="F6087" i="2" a="1"/>
  <c r="F6087" i="2" s="1"/>
  <c r="F6095" i="2" a="1"/>
  <c r="F6095" i="2" s="1"/>
  <c r="F6103" i="2" a="1"/>
  <c r="F6103" i="2" s="1"/>
  <c r="F6098" i="2" a="1"/>
  <c r="F6098" i="2" s="1"/>
  <c r="F6104" i="2" a="1"/>
  <c r="F6104" i="2" s="1"/>
  <c r="F6099" i="2" a="1"/>
  <c r="F6099" i="2" s="1"/>
  <c r="F6082" i="2" a="1"/>
  <c r="F6082" i="2" s="1"/>
  <c r="F6085" i="2" a="1"/>
  <c r="F6085" i="2" s="1"/>
  <c r="F4850" i="2" a="1"/>
  <c r="F4850" i="2" s="1"/>
  <c r="F4844" i="2" a="1"/>
  <c r="F4844" i="2" s="1"/>
  <c r="F516" i="2" a="1"/>
  <c r="F516" i="2" s="1"/>
  <c r="F525" i="2" a="1"/>
  <c r="F525" i="2" s="1"/>
  <c r="F526" i="2" a="1"/>
  <c r="F526" i="2" s="1"/>
  <c r="F522" i="2" a="1"/>
  <c r="F522" i="2" s="1"/>
  <c r="F530" i="2" a="1"/>
  <c r="F530" i="2" s="1"/>
  <c r="E315" i="2" a="1"/>
  <c r="E315" i="2" s="1"/>
  <c r="E300" i="2" a="1"/>
  <c r="E300" i="2" s="1"/>
  <c r="E299" i="2" a="1"/>
  <c r="E299" i="2" s="1"/>
  <c r="E313" i="2" a="1"/>
  <c r="E313" i="2" s="1"/>
  <c r="H5630" i="2" a="1"/>
  <c r="H5630" i="2" s="1"/>
  <c r="H5633" i="2" a="1"/>
  <c r="H5633" i="2" s="1"/>
  <c r="H5639" i="2" a="1"/>
  <c r="H5639" i="2" s="1"/>
  <c r="H5640" i="2" a="1"/>
  <c r="H5640" i="2" s="1"/>
  <c r="H5636" i="2" a="1"/>
  <c r="H5636" i="2" s="1"/>
  <c r="H5644" i="2" a="1"/>
  <c r="H5644" i="2" s="1"/>
  <c r="H5642" i="2" a="1"/>
  <c r="H5642" i="2" s="1"/>
  <c r="H5643" i="2" a="1"/>
  <c r="H5643" i="2" s="1"/>
  <c r="E1257" i="2" a="1"/>
  <c r="E1257" i="2" s="1"/>
  <c r="E1238" i="2" a="1"/>
  <c r="E1238" i="2" s="1"/>
  <c r="E1237" i="2" a="1"/>
  <c r="E1237" i="2" s="1"/>
  <c r="E1254" i="2" a="1"/>
  <c r="E1254" i="2" s="1"/>
  <c r="E1239" i="2" a="1"/>
  <c r="E1239" i="2" s="1"/>
  <c r="E1250" i="2" a="1"/>
  <c r="E1250" i="2" s="1"/>
  <c r="E1256" i="2" a="1"/>
  <c r="E1256" i="2" s="1"/>
  <c r="E1253" i="2" a="1"/>
  <c r="E1253" i="2" s="1"/>
  <c r="F2099" i="2" a="1"/>
  <c r="F2099" i="2" s="1"/>
  <c r="F2116" i="2" a="1"/>
  <c r="F2116" i="2" s="1"/>
  <c r="F2104" i="2" a="1"/>
  <c r="F2104" i="2" s="1"/>
  <c r="F2105" i="2" a="1"/>
  <c r="F2105" i="2" s="1"/>
  <c r="F2118" i="2" a="1"/>
  <c r="F2118" i="2" s="1"/>
  <c r="F2100" i="2" a="1"/>
  <c r="F2100" i="2" s="1"/>
  <c r="F2119" i="2" a="1"/>
  <c r="F2119" i="2" s="1"/>
  <c r="F2117" i="2" a="1"/>
  <c r="F2117" i="2" s="1"/>
  <c r="F2110" i="2" a="1"/>
  <c r="F2110" i="2" s="1"/>
  <c r="F2103" i="2" a="1"/>
  <c r="F2103" i="2" s="1"/>
  <c r="F2115" i="2" a="1"/>
  <c r="F2115" i="2" s="1"/>
  <c r="F2106" i="2" a="1"/>
  <c r="F2106" i="2" s="1"/>
  <c r="F2108" i="2" a="1"/>
  <c r="F2108" i="2" s="1"/>
  <c r="F2109" i="2" a="1"/>
  <c r="F2109" i="2" s="1"/>
  <c r="F2101" i="2" a="1"/>
  <c r="F2101" i="2" s="1"/>
  <c r="F2121" i="2" a="1"/>
  <c r="F2121" i="2" s="1"/>
  <c r="F2114" i="2" a="1"/>
  <c r="F2114" i="2" s="1"/>
  <c r="F2107" i="2" a="1"/>
  <c r="F2107" i="2" s="1"/>
  <c r="F2112" i="2" a="1"/>
  <c r="F2112" i="2" s="1"/>
  <c r="F2111" i="2" a="1"/>
  <c r="F2111" i="2" s="1"/>
  <c r="F2113" i="2" a="1"/>
  <c r="F2113" i="2" s="1"/>
  <c r="F2098" i="2" a="1"/>
  <c r="F2098" i="2" s="1"/>
  <c r="F2120" i="2" a="1"/>
  <c r="F2120" i="2" s="1"/>
  <c r="F2102" i="2" a="1"/>
  <c r="F2102" i="2" s="1"/>
  <c r="H1744" i="2" a="1"/>
  <c r="H1744" i="2" s="1"/>
  <c r="H1754" i="2" a="1"/>
  <c r="H1754" i="2" s="1"/>
  <c r="H1761" i="2" a="1"/>
  <c r="H1761" i="2" s="1"/>
  <c r="H1756" i="2" a="1"/>
  <c r="H1756" i="2" s="1"/>
  <c r="H1741" i="2" a="1"/>
  <c r="H1741" i="2" s="1"/>
  <c r="H1755" i="2" a="1"/>
  <c r="H1755" i="2" s="1"/>
  <c r="H1740" i="2" a="1"/>
  <c r="H1740" i="2" s="1"/>
  <c r="H1746" i="2" a="1"/>
  <c r="H1746" i="2" s="1"/>
  <c r="H1902" i="2" a="1"/>
  <c r="H1902" i="2" s="1"/>
  <c r="H1905" i="2" a="1"/>
  <c r="H1905" i="2" s="1"/>
  <c r="E8011" i="2" a="1"/>
  <c r="E8011" i="2" s="1"/>
  <c r="E8018" i="2" a="1"/>
  <c r="E8018" i="2" s="1"/>
  <c r="E8012" i="2" a="1"/>
  <c r="E8012" i="2" s="1"/>
  <c r="E8021" i="2" a="1"/>
  <c r="E8021" i="2" s="1"/>
  <c r="E8010" i="2" a="1"/>
  <c r="E8010" i="2" s="1"/>
  <c r="E8014" i="2" a="1"/>
  <c r="E8014" i="2" s="1"/>
  <c r="E8015" i="2" a="1"/>
  <c r="E8015" i="2" s="1"/>
  <c r="E8025" i="2" a="1"/>
  <c r="E8025" i="2" s="1"/>
  <c r="E8003" i="2" a="1"/>
  <c r="E8003" i="2" s="1"/>
  <c r="E8008" i="2" a="1"/>
  <c r="E8008" i="2" s="1"/>
  <c r="E8005" i="2" a="1"/>
  <c r="E8005" i="2" s="1"/>
  <c r="E8007" i="2" a="1"/>
  <c r="E8007" i="2" s="1"/>
  <c r="E8022" i="2" a="1"/>
  <c r="E8022" i="2" s="1"/>
  <c r="E8023" i="2" a="1"/>
  <c r="E8023" i="2" s="1"/>
  <c r="E8020" i="2" a="1"/>
  <c r="E8020" i="2" s="1"/>
  <c r="E8013" i="2" a="1"/>
  <c r="E8013" i="2" s="1"/>
  <c r="E8006" i="2" a="1"/>
  <c r="E8006" i="2" s="1"/>
  <c r="E8016" i="2" a="1"/>
  <c r="E8016" i="2" s="1"/>
  <c r="E8017" i="2" a="1"/>
  <c r="E8017" i="2" s="1"/>
  <c r="E8002" i="2" a="1"/>
  <c r="E8002" i="2" s="1"/>
  <c r="E8009" i="2" a="1"/>
  <c r="E8009" i="2" s="1"/>
  <c r="E8019" i="2" a="1"/>
  <c r="E8019" i="2" s="1"/>
  <c r="E8024" i="2" a="1"/>
  <c r="E8024" i="2" s="1"/>
  <c r="E8004" i="2" a="1"/>
  <c r="E8004" i="2" s="1"/>
  <c r="F1241" i="2" a="1"/>
  <c r="F1241" i="2" s="1"/>
  <c r="D377" i="2" a="1"/>
  <c r="D377" i="2" s="1"/>
  <c r="D381" i="2" a="1"/>
  <c r="D381" i="2" s="1"/>
  <c r="D371" i="2" a="1"/>
  <c r="D371" i="2" s="1"/>
  <c r="D374" i="2" a="1"/>
  <c r="D374" i="2" s="1"/>
  <c r="D370" i="2" a="1"/>
  <c r="D370" i="2" s="1"/>
  <c r="D373" i="2" a="1"/>
  <c r="D373" i="2" s="1"/>
  <c r="D391" i="2" a="1"/>
  <c r="D391" i="2" s="1"/>
  <c r="D378" i="2" a="1"/>
  <c r="D378" i="2" s="1"/>
  <c r="D389" i="2" a="1"/>
  <c r="D389" i="2" s="1"/>
  <c r="D387" i="2" a="1"/>
  <c r="D387" i="2" s="1"/>
  <c r="H3735" i="2" a="1"/>
  <c r="H3735" i="2" s="1"/>
  <c r="E5844" i="2" a="1"/>
  <c r="E5844" i="2" s="1"/>
  <c r="E5861" i="2" a="1"/>
  <c r="E5861" i="2" s="1"/>
  <c r="E5846" i="2" a="1"/>
  <c r="E5846" i="2" s="1"/>
  <c r="E5863" i="2" a="1"/>
  <c r="E5863" i="2" s="1"/>
  <c r="E5858" i="2" a="1"/>
  <c r="E5858" i="2" s="1"/>
  <c r="D7093" i="2" a="1"/>
  <c r="D7093" i="2" s="1"/>
  <c r="D4952" i="2" a="1"/>
  <c r="D4952" i="2" s="1"/>
  <c r="D4947" i="2" a="1"/>
  <c r="D4947" i="2" s="1"/>
  <c r="D4950" i="2" a="1"/>
  <c r="D4950" i="2" s="1"/>
  <c r="D4945" i="2" a="1"/>
  <c r="D4945" i="2" s="1"/>
  <c r="D4949" i="2" a="1"/>
  <c r="D4949" i="2" s="1"/>
  <c r="D4953" i="2" a="1"/>
  <c r="D4953" i="2" s="1"/>
  <c r="D4938" i="2" a="1"/>
  <c r="D4938" i="2" s="1"/>
  <c r="D4932" i="2" a="1"/>
  <c r="D4932" i="2" s="1"/>
  <c r="E5657" i="2" a="1"/>
  <c r="E5657" i="2" s="1"/>
  <c r="E5658" i="2" a="1"/>
  <c r="E5658" i="2" s="1"/>
  <c r="E5665" i="2" a="1"/>
  <c r="E5665" i="2" s="1"/>
  <c r="E5652" i="2" a="1"/>
  <c r="E5652" i="2" s="1"/>
  <c r="E5653" i="2" a="1"/>
  <c r="E5653" i="2" s="1"/>
  <c r="E5659" i="2" a="1"/>
  <c r="E5659" i="2" s="1"/>
  <c r="E5671" i="2" a="1"/>
  <c r="E5671" i="2" s="1"/>
  <c r="E5668" i="2" a="1"/>
  <c r="E5668" i="2" s="1"/>
  <c r="E5664" i="2" a="1"/>
  <c r="E5664" i="2" s="1"/>
  <c r="E5666" i="2" a="1"/>
  <c r="E5666" i="2" s="1"/>
  <c r="E5669" i="2" a="1"/>
  <c r="E5669" i="2" s="1"/>
  <c r="E5672" i="2" a="1"/>
  <c r="E5672" i="2" s="1"/>
  <c r="E5667" i="2" a="1"/>
  <c r="E5667" i="2" s="1"/>
  <c r="E5654" i="2" a="1"/>
  <c r="E5654" i="2" s="1"/>
  <c r="E5661" i="2" a="1"/>
  <c r="E5661" i="2" s="1"/>
  <c r="E5673" i="2" a="1"/>
  <c r="E5673" i="2" s="1"/>
  <c r="E5670" i="2" a="1"/>
  <c r="E5670" i="2" s="1"/>
  <c r="E5662" i="2" a="1"/>
  <c r="E5662" i="2" s="1"/>
  <c r="E5660" i="2" a="1"/>
  <c r="E5660" i="2" s="1"/>
  <c r="E5650" i="2" a="1"/>
  <c r="E5650" i="2" s="1"/>
  <c r="E5655" i="2" a="1"/>
  <c r="E5655" i="2" s="1"/>
  <c r="E5663" i="2" a="1"/>
  <c r="E5663" i="2" s="1"/>
  <c r="E5651" i="2" a="1"/>
  <c r="E5651" i="2" s="1"/>
  <c r="E5656" i="2" a="1"/>
  <c r="E5656" i="2" s="1"/>
  <c r="G7184" i="2" a="1"/>
  <c r="G7184" i="2" s="1"/>
  <c r="G7181" i="2" a="1"/>
  <c r="G7181" i="2" s="1"/>
  <c r="G7177" i="2" a="1"/>
  <c r="G7177" i="2" s="1"/>
  <c r="G7166" i="2" a="1"/>
  <c r="G7166" i="2" s="1"/>
  <c r="G7164" i="2" a="1"/>
  <c r="G7164" i="2" s="1"/>
  <c r="G7169" i="2" a="1"/>
  <c r="G7169" i="2" s="1"/>
  <c r="G7170" i="2" a="1"/>
  <c r="G7170" i="2" s="1"/>
  <c r="G7173" i="2" a="1"/>
  <c r="G7173" i="2" s="1"/>
  <c r="G7171" i="2" a="1"/>
  <c r="G7171" i="2" s="1"/>
  <c r="G7172" i="2" a="1"/>
  <c r="G7172" i="2" s="1"/>
  <c r="G7180" i="2" a="1"/>
  <c r="G7180" i="2" s="1"/>
  <c r="G7174" i="2" a="1"/>
  <c r="G7174" i="2" s="1"/>
  <c r="G7175" i="2" a="1"/>
  <c r="G7175" i="2" s="1"/>
  <c r="G7182" i="2" a="1"/>
  <c r="G7182" i="2" s="1"/>
  <c r="G7162" i="2" a="1"/>
  <c r="G7162" i="2" s="1"/>
  <c r="G7185" i="2" a="1"/>
  <c r="G7185" i="2" s="1"/>
  <c r="G7178" i="2" a="1"/>
  <c r="G7178" i="2" s="1"/>
  <c r="G7165" i="2" a="1"/>
  <c r="G7165" i="2" s="1"/>
  <c r="G7168" i="2" a="1"/>
  <c r="G7168" i="2" s="1"/>
  <c r="G7163" i="2" a="1"/>
  <c r="G7163" i="2" s="1"/>
  <c r="G7176" i="2" a="1"/>
  <c r="G7176" i="2" s="1"/>
  <c r="G7167" i="2" a="1"/>
  <c r="G7167" i="2" s="1"/>
  <c r="G7183" i="2" a="1"/>
  <c r="G7183" i="2" s="1"/>
  <c r="G7179" i="2" a="1"/>
  <c r="G7179" i="2" s="1"/>
  <c r="D5756" i="2" a="1"/>
  <c r="D5756" i="2" s="1"/>
  <c r="D5764" i="2" a="1"/>
  <c r="D5764" i="2" s="1"/>
  <c r="D5769" i="2" a="1"/>
  <c r="D5769" i="2" s="1"/>
  <c r="D5754" i="2" a="1"/>
  <c r="D5754" i="2" s="1"/>
  <c r="D5766" i="2" a="1"/>
  <c r="D5766" i="2" s="1"/>
  <c r="E6459" i="2" a="1"/>
  <c r="E6459" i="2" s="1"/>
  <c r="E6462" i="2" a="1"/>
  <c r="E6462" i="2" s="1"/>
  <c r="E2501" i="2" a="1"/>
  <c r="E2501" i="2" s="1"/>
  <c r="E2489" i="2" a="1"/>
  <c r="E2489" i="2" s="1"/>
  <c r="E2484" i="2" a="1"/>
  <c r="E2484" i="2" s="1"/>
  <c r="E2491" i="2" a="1"/>
  <c r="E2491" i="2" s="1"/>
  <c r="E2494" i="2" a="1"/>
  <c r="E2494" i="2" s="1"/>
  <c r="E2496" i="2" a="1"/>
  <c r="E2496" i="2" s="1"/>
  <c r="E2490" i="2" a="1"/>
  <c r="E2490" i="2" s="1"/>
  <c r="E2485" i="2" a="1"/>
  <c r="E2485" i="2" s="1"/>
  <c r="E2498" i="2" a="1"/>
  <c r="E2498" i="2" s="1"/>
  <c r="E2500" i="2" a="1"/>
  <c r="E2500" i="2" s="1"/>
  <c r="E2486" i="2" a="1"/>
  <c r="E2486" i="2" s="1"/>
  <c r="H6661" i="2" a="1"/>
  <c r="H6661" i="2" s="1"/>
  <c r="H6667" i="2" a="1"/>
  <c r="H6667" i="2" s="1"/>
  <c r="H6672" i="2" a="1"/>
  <c r="H6672" i="2" s="1"/>
  <c r="H6674" i="2" a="1"/>
  <c r="H6674" i="2" s="1"/>
  <c r="H6658" i="2" a="1"/>
  <c r="H6658" i="2" s="1"/>
  <c r="H6676" i="2" a="1"/>
  <c r="H6676" i="2" s="1"/>
  <c r="H4801" i="2" a="1"/>
  <c r="H4801" i="2" s="1"/>
  <c r="H4792" i="2" a="1"/>
  <c r="H4792" i="2" s="1"/>
  <c r="H4802" i="2" a="1"/>
  <c r="H4802" i="2" s="1"/>
  <c r="H4807" i="2" a="1"/>
  <c r="H4807" i="2" s="1"/>
  <c r="H4791" i="2" a="1"/>
  <c r="H4791" i="2" s="1"/>
  <c r="H4795" i="2" a="1"/>
  <c r="H4795" i="2" s="1"/>
  <c r="H4803" i="2" a="1"/>
  <c r="H4803" i="2" s="1"/>
  <c r="H4804" i="2" a="1"/>
  <c r="H4804" i="2" s="1"/>
  <c r="H4789" i="2" a="1"/>
  <c r="H4789" i="2" s="1"/>
  <c r="H4805" i="2" a="1"/>
  <c r="H4805" i="2" s="1"/>
  <c r="H4809" i="2" a="1"/>
  <c r="H4809" i="2" s="1"/>
  <c r="H4796" i="2" a="1"/>
  <c r="H4796" i="2" s="1"/>
  <c r="H4800" i="2" a="1"/>
  <c r="H4800" i="2" s="1"/>
  <c r="H4790" i="2" a="1"/>
  <c r="H4790" i="2" s="1"/>
  <c r="F8664" i="2" a="1"/>
  <c r="F8664" i="2" s="1"/>
  <c r="F8665" i="2" a="1"/>
  <c r="F8665" i="2" s="1"/>
  <c r="F8666" i="2" a="1"/>
  <c r="F8666" i="2" s="1"/>
  <c r="F8659" i="2" a="1"/>
  <c r="F8659" i="2" s="1"/>
  <c r="F8669" i="2" a="1"/>
  <c r="F8669" i="2" s="1"/>
  <c r="F8667" i="2" a="1"/>
  <c r="F8667" i="2" s="1"/>
  <c r="F8657" i="2" a="1"/>
  <c r="F8657" i="2" s="1"/>
  <c r="F8670" i="2" a="1"/>
  <c r="F8670" i="2" s="1"/>
  <c r="F8652" i="2" a="1"/>
  <c r="F8652" i="2" s="1"/>
  <c r="F8653" i="2" a="1"/>
  <c r="F8653" i="2" s="1"/>
  <c r="F8651" i="2" a="1"/>
  <c r="F8651" i="2" s="1"/>
  <c r="F8662" i="2" a="1"/>
  <c r="F8662" i="2" s="1"/>
  <c r="F8663" i="2" a="1"/>
  <c r="F8663" i="2" s="1"/>
  <c r="D5853" i="2" a="1"/>
  <c r="D5853" i="2" s="1"/>
  <c r="D5858" i="2" a="1"/>
  <c r="D5858" i="2" s="1"/>
  <c r="F7701" i="2" a="1"/>
  <c r="F7701" i="2" s="1"/>
  <c r="F7709" i="2" a="1"/>
  <c r="F7709" i="2" s="1"/>
  <c r="F7699" i="2" a="1"/>
  <c r="F7699" i="2" s="1"/>
  <c r="F7702" i="2" a="1"/>
  <c r="F7702" i="2" s="1"/>
  <c r="F7696" i="2" a="1"/>
  <c r="F7696" i="2" s="1"/>
  <c r="F7700" i="2" a="1"/>
  <c r="F7700" i="2" s="1"/>
  <c r="F7703" i="2" a="1"/>
  <c r="F7703" i="2" s="1"/>
  <c r="F7708" i="2" a="1"/>
  <c r="F7708" i="2" s="1"/>
  <c r="F7705" i="2" a="1"/>
  <c r="F7705" i="2" s="1"/>
  <c r="F7704" i="2" a="1"/>
  <c r="F7704" i="2" s="1"/>
  <c r="F7711" i="2" a="1"/>
  <c r="F7711" i="2" s="1"/>
  <c r="F7695" i="2" a="1"/>
  <c r="F7695" i="2" s="1"/>
  <c r="F7691" i="2" a="1"/>
  <c r="F7691" i="2" s="1"/>
  <c r="F7690" i="2" a="1"/>
  <c r="F7690" i="2" s="1"/>
  <c r="F7692" i="2" a="1"/>
  <c r="F7692" i="2" s="1"/>
  <c r="F7697" i="2" a="1"/>
  <c r="F7697" i="2" s="1"/>
  <c r="F7693" i="2" a="1"/>
  <c r="F7693" i="2" s="1"/>
  <c r="F7707" i="2" a="1"/>
  <c r="F7707" i="2" s="1"/>
  <c r="F7694" i="2" a="1"/>
  <c r="F7694" i="2" s="1"/>
  <c r="F7698" i="2" a="1"/>
  <c r="F7698" i="2" s="1"/>
  <c r="F7706" i="2" a="1"/>
  <c r="F7706" i="2" s="1"/>
  <c r="F7712" i="2" a="1"/>
  <c r="F7712" i="2" s="1"/>
  <c r="F7713" i="2" a="1"/>
  <c r="F7713" i="2" s="1"/>
  <c r="F7710" i="2" a="1"/>
  <c r="F7710" i="2" s="1"/>
  <c r="H2602" i="2" a="1"/>
  <c r="H2602" i="2" s="1"/>
  <c r="H2607" i="2" a="1"/>
  <c r="H2607" i="2" s="1"/>
  <c r="H2617" i="2" a="1"/>
  <c r="H2617" i="2" s="1"/>
  <c r="H2619" i="2" a="1"/>
  <c r="H2619" i="2" s="1"/>
  <c r="H2621" i="2" a="1"/>
  <c r="H2621" i="2" s="1"/>
  <c r="H2625" i="2" a="1"/>
  <c r="H2625" i="2" s="1"/>
  <c r="H2611" i="2" a="1"/>
  <c r="H2611" i="2" s="1"/>
  <c r="H2616" i="2" a="1"/>
  <c r="H2616" i="2" s="1"/>
  <c r="H2620" i="2" a="1"/>
  <c r="H2620" i="2" s="1"/>
  <c r="H2622" i="2" a="1"/>
  <c r="H2622" i="2" s="1"/>
  <c r="H2612" i="2" a="1"/>
  <c r="H2612" i="2" s="1"/>
  <c r="H2613" i="2" a="1"/>
  <c r="H2613" i="2" s="1"/>
  <c r="H2614" i="2" a="1"/>
  <c r="H2614" i="2" s="1"/>
  <c r="H2618" i="2" a="1"/>
  <c r="H2618" i="2" s="1"/>
  <c r="H2623" i="2" a="1"/>
  <c r="H2623" i="2" s="1"/>
  <c r="H2603" i="2" a="1"/>
  <c r="H2603" i="2" s="1"/>
  <c r="D889" i="2" a="1"/>
  <c r="D889" i="2" s="1"/>
  <c r="D880" i="2" a="1"/>
  <c r="D880" i="2" s="1"/>
  <c r="D884" i="2" a="1"/>
  <c r="D884" i="2" s="1"/>
  <c r="D888" i="2" a="1"/>
  <c r="D888" i="2" s="1"/>
  <c r="D892" i="2" a="1"/>
  <c r="D892" i="2" s="1"/>
  <c r="D877" i="2" a="1"/>
  <c r="D877" i="2" s="1"/>
  <c r="D875" i="2" a="1"/>
  <c r="D875" i="2" s="1"/>
  <c r="D887" i="2" a="1"/>
  <c r="D887" i="2" s="1"/>
  <c r="D882" i="2" a="1"/>
  <c r="D882" i="2" s="1"/>
  <c r="D894" i="2" a="1"/>
  <c r="D894" i="2" s="1"/>
  <c r="D885" i="2" a="1"/>
  <c r="D885" i="2" s="1"/>
  <c r="D897" i="2" a="1"/>
  <c r="D897" i="2" s="1"/>
  <c r="D893" i="2" a="1"/>
  <c r="D893" i="2" s="1"/>
  <c r="D883" i="2" a="1"/>
  <c r="D883" i="2" s="1"/>
  <c r="D891" i="2" a="1"/>
  <c r="D891" i="2" s="1"/>
  <c r="D878" i="2" a="1"/>
  <c r="D878" i="2" s="1"/>
  <c r="D886" i="2" a="1"/>
  <c r="D886" i="2" s="1"/>
  <c r="D881" i="2" a="1"/>
  <c r="D881" i="2" s="1"/>
  <c r="D896" i="2" a="1"/>
  <c r="D896" i="2" s="1"/>
  <c r="D879" i="2" a="1"/>
  <c r="D879" i="2" s="1"/>
  <c r="D876" i="2" a="1"/>
  <c r="D876" i="2" s="1"/>
  <c r="D874" i="2" a="1"/>
  <c r="D874" i="2" s="1"/>
  <c r="D890" i="2" a="1"/>
  <c r="D890" i="2" s="1"/>
  <c r="D895" i="2" a="1"/>
  <c r="D895" i="2" s="1"/>
  <c r="F778" i="2" a="1"/>
  <c r="F778" i="2" s="1"/>
  <c r="F794" i="2" a="1"/>
  <c r="F794" i="2" s="1"/>
  <c r="F798" i="2" a="1"/>
  <c r="F798" i="2" s="1"/>
  <c r="F801" i="2" a="1"/>
  <c r="F801" i="2" s="1"/>
  <c r="F786" i="2" a="1"/>
  <c r="F786" i="2" s="1"/>
  <c r="F799" i="2" a="1"/>
  <c r="F799" i="2" s="1"/>
  <c r="F779" i="2" a="1"/>
  <c r="F779" i="2" s="1"/>
  <c r="F796" i="2" a="1"/>
  <c r="F796" i="2" s="1"/>
  <c r="F782" i="2" a="1"/>
  <c r="F782" i="2" s="1"/>
  <c r="F788" i="2" a="1"/>
  <c r="F788" i="2" s="1"/>
  <c r="F784" i="2" a="1"/>
  <c r="F784" i="2" s="1"/>
  <c r="F800" i="2" a="1"/>
  <c r="F800" i="2" s="1"/>
  <c r="F787" i="2" a="1"/>
  <c r="F787" i="2" s="1"/>
  <c r="F780" i="2" a="1"/>
  <c r="F780" i="2" s="1"/>
  <c r="F795" i="2" a="1"/>
  <c r="F795" i="2" s="1"/>
  <c r="F781" i="2" a="1"/>
  <c r="F781" i="2" s="1"/>
  <c r="F797" i="2" a="1"/>
  <c r="F797" i="2" s="1"/>
  <c r="F790" i="2" a="1"/>
  <c r="F790" i="2" s="1"/>
  <c r="F791" i="2" a="1"/>
  <c r="F791" i="2" s="1"/>
  <c r="F783" i="2" a="1"/>
  <c r="F783" i="2" s="1"/>
  <c r="F792" i="2" a="1"/>
  <c r="F792" i="2" s="1"/>
  <c r="F789" i="2" a="1"/>
  <c r="F789" i="2" s="1"/>
  <c r="F785" i="2" a="1"/>
  <c r="F785" i="2" s="1"/>
  <c r="F793" i="2" a="1"/>
  <c r="F793" i="2" s="1"/>
  <c r="G3824" i="2" a="1"/>
  <c r="G3824" i="2" s="1"/>
  <c r="G3823" i="2" a="1"/>
  <c r="G3823" i="2" s="1"/>
  <c r="G3810" i="2" a="1"/>
  <c r="G3810" i="2" s="1"/>
  <c r="G3803" i="2" a="1"/>
  <c r="G3803" i="2" s="1"/>
  <c r="G3816" i="2" a="1"/>
  <c r="G3816" i="2" s="1"/>
  <c r="G3818" i="2" a="1"/>
  <c r="G3818" i="2" s="1"/>
  <c r="G3804" i="2" a="1"/>
  <c r="G3804" i="2" s="1"/>
  <c r="G3802" i="2" a="1"/>
  <c r="G3802" i="2" s="1"/>
  <c r="G3806" i="2" a="1"/>
  <c r="G3806" i="2" s="1"/>
  <c r="G3825" i="2" a="1"/>
  <c r="G3825" i="2" s="1"/>
  <c r="G3812" i="2" a="1"/>
  <c r="G3812" i="2" s="1"/>
  <c r="G3808" i="2" a="1"/>
  <c r="G3808" i="2" s="1"/>
  <c r="G3805" i="2" a="1"/>
  <c r="G3805" i="2" s="1"/>
  <c r="G3809" i="2" a="1"/>
  <c r="G3809" i="2" s="1"/>
  <c r="G3813" i="2" a="1"/>
  <c r="G3813" i="2" s="1"/>
  <c r="G3820" i="2" a="1"/>
  <c r="G3820" i="2" s="1"/>
  <c r="G3811" i="2" a="1"/>
  <c r="G3811" i="2" s="1"/>
  <c r="G3821" i="2" a="1"/>
  <c r="G3821" i="2" s="1"/>
  <c r="G3822" i="2" a="1"/>
  <c r="G3822" i="2" s="1"/>
  <c r="G3814" i="2" a="1"/>
  <c r="G3814" i="2" s="1"/>
  <c r="G3815" i="2" a="1"/>
  <c r="G3815" i="2" s="1"/>
  <c r="G3817" i="2" a="1"/>
  <c r="G3817" i="2" s="1"/>
  <c r="G3807" i="2" a="1"/>
  <c r="G3807" i="2" s="1"/>
  <c r="G3819" i="2" a="1"/>
  <c r="G3819" i="2" s="1"/>
  <c r="G7845" i="2" a="1"/>
  <c r="G7845" i="2" s="1"/>
  <c r="G7851" i="2" a="1"/>
  <c r="G7851" i="2" s="1"/>
  <c r="G7838" i="2" a="1"/>
  <c r="G7838" i="2" s="1"/>
  <c r="G7854" i="2" a="1"/>
  <c r="G7854" i="2" s="1"/>
  <c r="G7850" i="2" a="1"/>
  <c r="G7850" i="2" s="1"/>
  <c r="G7852" i="2" a="1"/>
  <c r="G7852" i="2" s="1"/>
  <c r="G7840" i="2" a="1"/>
  <c r="G7840" i="2" s="1"/>
  <c r="G7837" i="2" a="1"/>
  <c r="G7837" i="2" s="1"/>
  <c r="G7847" i="2" a="1"/>
  <c r="G7847" i="2" s="1"/>
  <c r="G7841" i="2" a="1"/>
  <c r="G7841" i="2" s="1"/>
  <c r="G7843" i="2" a="1"/>
  <c r="G7843" i="2" s="1"/>
  <c r="G7835" i="2" a="1"/>
  <c r="G7835" i="2" s="1"/>
  <c r="G7844" i="2" a="1"/>
  <c r="G7844" i="2" s="1"/>
  <c r="G7836" i="2" a="1"/>
  <c r="G7836" i="2" s="1"/>
  <c r="G7855" i="2" a="1"/>
  <c r="G7855" i="2" s="1"/>
  <c r="G7846" i="2" a="1"/>
  <c r="G7846" i="2" s="1"/>
  <c r="G7857" i="2" a="1"/>
  <c r="G7857" i="2" s="1"/>
  <c r="G7842" i="2" a="1"/>
  <c r="G7842" i="2" s="1"/>
  <c r="G7834" i="2" a="1"/>
  <c r="G7834" i="2" s="1"/>
  <c r="G7856" i="2" a="1"/>
  <c r="G7856" i="2" s="1"/>
  <c r="G7853" i="2" a="1"/>
  <c r="G7853" i="2" s="1"/>
  <c r="G7848" i="2" a="1"/>
  <c r="G7848" i="2" s="1"/>
  <c r="G7839" i="2" a="1"/>
  <c r="G7839" i="2" s="1"/>
  <c r="G7849" i="2" a="1"/>
  <c r="G7849" i="2" s="1"/>
  <c r="E8377" i="2" a="1"/>
  <c r="E8377" i="2" s="1"/>
  <c r="E8380" i="2" a="1"/>
  <c r="E8380" i="2" s="1"/>
  <c r="E8371" i="2" a="1"/>
  <c r="E8371" i="2" s="1"/>
  <c r="E8368" i="2" a="1"/>
  <c r="E8368" i="2" s="1"/>
  <c r="E8370" i="2" a="1"/>
  <c r="E8370" i="2" s="1"/>
  <c r="E8365" i="2" a="1"/>
  <c r="E8365" i="2" s="1"/>
  <c r="E8372" i="2" a="1"/>
  <c r="E8372" i="2" s="1"/>
  <c r="E8375" i="2" a="1"/>
  <c r="E8375" i="2" s="1"/>
  <c r="E8363" i="2" a="1"/>
  <c r="E8363" i="2" s="1"/>
  <c r="E8376" i="2" a="1"/>
  <c r="E8376" i="2" s="1"/>
  <c r="E8367" i="2" a="1"/>
  <c r="E8367" i="2" s="1"/>
  <c r="E8379" i="2" a="1"/>
  <c r="E8379" i="2" s="1"/>
  <c r="H7603" i="2" a="1"/>
  <c r="H7603" i="2" s="1"/>
  <c r="H7600" i="2" a="1"/>
  <c r="H7600" i="2" s="1"/>
  <c r="H7608" i="2" a="1"/>
  <c r="H7608" i="2" s="1"/>
  <c r="H7612" i="2" a="1"/>
  <c r="H7612" i="2" s="1"/>
  <c r="H7594" i="2" a="1"/>
  <c r="H7594" i="2" s="1"/>
  <c r="H7596" i="2" a="1"/>
  <c r="H7596" i="2" s="1"/>
  <c r="H7598" i="2" a="1"/>
  <c r="H7598" i="2" s="1"/>
  <c r="H7615" i="2" a="1"/>
  <c r="H7615" i="2" s="1"/>
  <c r="H7601" i="2" a="1"/>
  <c r="H7601" i="2" s="1"/>
  <c r="H7609" i="2" a="1"/>
  <c r="H7609" i="2" s="1"/>
  <c r="H7595" i="2" a="1"/>
  <c r="H7595" i="2" s="1"/>
  <c r="H7602" i="2" a="1"/>
  <c r="H7602" i="2" s="1"/>
  <c r="H7613" i="2" a="1"/>
  <c r="H7613" i="2" s="1"/>
  <c r="H7604" i="2" a="1"/>
  <c r="H7604" i="2" s="1"/>
  <c r="G8123" i="2" a="1"/>
  <c r="G8123" i="2" s="1"/>
  <c r="G8140" i="2" a="1"/>
  <c r="G8140" i="2" s="1"/>
  <c r="G8131" i="2" a="1"/>
  <c r="G8131" i="2" s="1"/>
  <c r="G8135" i="2" a="1"/>
  <c r="G8135" i="2" s="1"/>
  <c r="G8133" i="2" a="1"/>
  <c r="G8133" i="2" s="1"/>
  <c r="F1630" i="2" a="1"/>
  <c r="F1630" i="2" s="1"/>
  <c r="F1640" i="2" a="1"/>
  <c r="F1640" i="2" s="1"/>
  <c r="F1625" i="2" a="1"/>
  <c r="F1625" i="2" s="1"/>
  <c r="F1631" i="2" a="1"/>
  <c r="F1631" i="2" s="1"/>
  <c r="F1638" i="2" a="1"/>
  <c r="F1638" i="2" s="1"/>
  <c r="D3756" i="2" a="1"/>
  <c r="D3756" i="2" s="1"/>
  <c r="D3772" i="2" a="1"/>
  <c r="D3772" i="2" s="1"/>
  <c r="D3774" i="2" a="1"/>
  <c r="D3774" i="2" s="1"/>
  <c r="D3777" i="2" a="1"/>
  <c r="D3777" i="2" s="1"/>
  <c r="D3758" i="2" a="1"/>
  <c r="D3758" i="2" s="1"/>
  <c r="D3771" i="2" a="1"/>
  <c r="D3771" i="2" s="1"/>
  <c r="D3755" i="2" a="1"/>
  <c r="D3755" i="2" s="1"/>
  <c r="D3770" i="2" a="1"/>
  <c r="D3770" i="2" s="1"/>
  <c r="D3767" i="2" a="1"/>
  <c r="D3767" i="2" s="1"/>
  <c r="D3773" i="2" a="1"/>
  <c r="D3773" i="2" s="1"/>
  <c r="D3764" i="2" a="1"/>
  <c r="D3764" i="2" s="1"/>
  <c r="D3754" i="2" a="1"/>
  <c r="D3754" i="2" s="1"/>
  <c r="D3769" i="2" a="1"/>
  <c r="D3769" i="2" s="1"/>
  <c r="F1258" i="2" a="1"/>
  <c r="F1258" i="2" s="1"/>
  <c r="F1273" i="2" a="1"/>
  <c r="F1273" i="2" s="1"/>
  <c r="F1268" i="2" a="1"/>
  <c r="F1268" i="2" s="1"/>
  <c r="F1259" i="2" a="1"/>
  <c r="F1259" i="2" s="1"/>
  <c r="F1277" i="2" a="1"/>
  <c r="F1277" i="2" s="1"/>
  <c r="F1276" i="2" a="1"/>
  <c r="F1276" i="2" s="1"/>
  <c r="F1278" i="2" a="1"/>
  <c r="F1278" i="2" s="1"/>
  <c r="F1264" i="2" a="1"/>
  <c r="F1264" i="2" s="1"/>
  <c r="F1279" i="2" a="1"/>
  <c r="F1279" i="2" s="1"/>
  <c r="F1261" i="2" a="1"/>
  <c r="F1261" i="2" s="1"/>
  <c r="F1265" i="2" a="1"/>
  <c r="F1265" i="2" s="1"/>
  <c r="F1266" i="2" a="1"/>
  <c r="F1266" i="2" s="1"/>
  <c r="G6497" i="2" a="1"/>
  <c r="G6497" i="2" s="1"/>
  <c r="G6506" i="2" a="1"/>
  <c r="G6506" i="2" s="1"/>
  <c r="G6501" i="2" a="1"/>
  <c r="G6501" i="2" s="1"/>
  <c r="G6499" i="2" a="1"/>
  <c r="G6499" i="2" s="1"/>
  <c r="G6512" i="2" a="1"/>
  <c r="G6512" i="2" s="1"/>
  <c r="G6490" i="2" a="1"/>
  <c r="G6490" i="2" s="1"/>
  <c r="G6493" i="2" a="1"/>
  <c r="G6493" i="2" s="1"/>
  <c r="G6495" i="2" a="1"/>
  <c r="G6495" i="2" s="1"/>
  <c r="G6503" i="2" a="1"/>
  <c r="G6503" i="2" s="1"/>
  <c r="G6505" i="2" a="1"/>
  <c r="G6505" i="2" s="1"/>
  <c r="G6508" i="2" a="1"/>
  <c r="G6508" i="2" s="1"/>
  <c r="G6513" i="2" a="1"/>
  <c r="G6513" i="2" s="1"/>
  <c r="D2259" i="2" a="1"/>
  <c r="D2259" i="2" s="1"/>
  <c r="D2245" i="2" a="1"/>
  <c r="D2245" i="2" s="1"/>
  <c r="D2260" i="2" a="1"/>
  <c r="D2260" i="2" s="1"/>
  <c r="D2246" i="2" a="1"/>
  <c r="D2246" i="2" s="1"/>
  <c r="D2255" i="2" a="1"/>
  <c r="D2255" i="2" s="1"/>
  <c r="D2256" i="2" a="1"/>
  <c r="D2256" i="2" s="1"/>
  <c r="D2251" i="2" a="1"/>
  <c r="D2251" i="2" s="1"/>
  <c r="D2258" i="2" a="1"/>
  <c r="D2258" i="2" s="1"/>
  <c r="D2265" i="2" a="1"/>
  <c r="D2265" i="2" s="1"/>
  <c r="D2247" i="2" a="1"/>
  <c r="D2247" i="2" s="1"/>
  <c r="D2254" i="2" a="1"/>
  <c r="D2254" i="2" s="1"/>
  <c r="D2244" i="2" a="1"/>
  <c r="D2244" i="2" s="1"/>
  <c r="D2243" i="2" a="1"/>
  <c r="D2243" i="2" s="1"/>
  <c r="D2264" i="2" a="1"/>
  <c r="D2264" i="2" s="1"/>
  <c r="D2261" i="2" a="1"/>
  <c r="D2261" i="2" s="1"/>
  <c r="D2253" i="2" a="1"/>
  <c r="D2253" i="2" s="1"/>
  <c r="D2257" i="2" a="1"/>
  <c r="D2257" i="2" s="1"/>
  <c r="D2263" i="2" a="1"/>
  <c r="D2263" i="2" s="1"/>
  <c r="D2242" i="2" a="1"/>
  <c r="D2242" i="2" s="1"/>
  <c r="D2250" i="2" a="1"/>
  <c r="D2250" i="2" s="1"/>
  <c r="H7170" i="2" a="1"/>
  <c r="H7170" i="2" s="1"/>
  <c r="H7165" i="2" a="1"/>
  <c r="H7165" i="2" s="1"/>
  <c r="F6853" i="2" a="1"/>
  <c r="F6853" i="2" s="1"/>
  <c r="F6863" i="2" a="1"/>
  <c r="F6863" i="2" s="1"/>
  <c r="F6857" i="2" a="1"/>
  <c r="F6857" i="2" s="1"/>
  <c r="F6855" i="2" a="1"/>
  <c r="F6855" i="2" s="1"/>
  <c r="F6869" i="2" a="1"/>
  <c r="F6869" i="2" s="1"/>
  <c r="F6856" i="2" a="1"/>
  <c r="F6856" i="2" s="1"/>
  <c r="F6858" i="2" a="1"/>
  <c r="F6858" i="2" s="1"/>
  <c r="F6861" i="2" a="1"/>
  <c r="F6861" i="2" s="1"/>
  <c r="F6852" i="2" a="1"/>
  <c r="F6852" i="2" s="1"/>
  <c r="G1490" i="2" a="1"/>
  <c r="G1490" i="2" s="1"/>
  <c r="G1485" i="2" a="1"/>
  <c r="G1485" i="2" s="1"/>
  <c r="G1494" i="2" a="1"/>
  <c r="G1494" i="2" s="1"/>
  <c r="G1486" i="2" a="1"/>
  <c r="G1486" i="2" s="1"/>
  <c r="G1495" i="2" a="1"/>
  <c r="G1495" i="2" s="1"/>
  <c r="G1493" i="2" a="1"/>
  <c r="G1493" i="2" s="1"/>
  <c r="G1480" i="2" a="1"/>
  <c r="G1480" i="2" s="1"/>
  <c r="G1478" i="2" a="1"/>
  <c r="G1478" i="2" s="1"/>
  <c r="G1489" i="2" a="1"/>
  <c r="G1489" i="2" s="1"/>
  <c r="G1476" i="2" a="1"/>
  <c r="G1476" i="2" s="1"/>
  <c r="G1484" i="2" a="1"/>
  <c r="G1484" i="2" s="1"/>
  <c r="G1481" i="2" a="1"/>
  <c r="G1481" i="2" s="1"/>
  <c r="D3211" i="2" a="1"/>
  <c r="D3211" i="2" s="1"/>
  <c r="D3204" i="2" a="1"/>
  <c r="D3204" i="2" s="1"/>
  <c r="D3222" i="2" a="1"/>
  <c r="D3222" i="2" s="1"/>
  <c r="D3223" i="2" a="1"/>
  <c r="D3223" i="2" s="1"/>
  <c r="D3217" i="2" a="1"/>
  <c r="D3217" i="2" s="1"/>
  <c r="D3224" i="2" a="1"/>
  <c r="D3224" i="2" s="1"/>
  <c r="D3218" i="2" a="1"/>
  <c r="D3218" i="2" s="1"/>
  <c r="D3213" i="2" a="1"/>
  <c r="D3213" i="2" s="1"/>
  <c r="D3221" i="2" a="1"/>
  <c r="D3221" i="2" s="1"/>
  <c r="D3207" i="2" a="1"/>
  <c r="D3207" i="2" s="1"/>
  <c r="D3205" i="2" a="1"/>
  <c r="D3205" i="2" s="1"/>
  <c r="D3203" i="2" a="1"/>
  <c r="D3203" i="2" s="1"/>
  <c r="D3220" i="2" a="1"/>
  <c r="D3220" i="2" s="1"/>
  <c r="D3202" i="2" a="1"/>
  <c r="D3202" i="2" s="1"/>
  <c r="D3208" i="2" a="1"/>
  <c r="D3208" i="2" s="1"/>
  <c r="D3225" i="2" a="1"/>
  <c r="D3225" i="2" s="1"/>
  <c r="D3214" i="2" a="1"/>
  <c r="D3214" i="2" s="1"/>
  <c r="D3209" i="2" a="1"/>
  <c r="D3209" i="2" s="1"/>
  <c r="D3215" i="2" a="1"/>
  <c r="D3215" i="2" s="1"/>
  <c r="D3206" i="2" a="1"/>
  <c r="D3206" i="2" s="1"/>
  <c r="D3219" i="2" a="1"/>
  <c r="D3219" i="2" s="1"/>
  <c r="D3212" i="2" a="1"/>
  <c r="D3212" i="2" s="1"/>
  <c r="D3216" i="2" a="1"/>
  <c r="D3216" i="2" s="1"/>
  <c r="D3210" i="2" a="1"/>
  <c r="D3210" i="2" s="1"/>
  <c r="D6407" i="2" a="1"/>
  <c r="D6407" i="2" s="1"/>
  <c r="D6400" i="2" a="1"/>
  <c r="D6400" i="2" s="1"/>
  <c r="D6394" i="2" a="1"/>
  <c r="D6394" i="2" s="1"/>
  <c r="D6405" i="2" a="1"/>
  <c r="D6405" i="2" s="1"/>
  <c r="D6396" i="2" a="1"/>
  <c r="D6396" i="2" s="1"/>
  <c r="D6416" i="2" a="1"/>
  <c r="D6416" i="2" s="1"/>
  <c r="D6408" i="2" a="1"/>
  <c r="D6408" i="2" s="1"/>
  <c r="D6401" i="2" a="1"/>
  <c r="D6401" i="2" s="1"/>
  <c r="D6417" i="2" a="1"/>
  <c r="D6417" i="2" s="1"/>
  <c r="H1200" i="2" a="1"/>
  <c r="H1200" i="2" s="1"/>
  <c r="H1209" i="2" a="1"/>
  <c r="H1209" i="2" s="1"/>
  <c r="H1187" i="2" a="1"/>
  <c r="H1187" i="2" s="1"/>
  <c r="F8076" i="2" a="1"/>
  <c r="F8076" i="2" s="1"/>
  <c r="E4548" i="2" a="1"/>
  <c r="E4548" i="2" s="1"/>
  <c r="E4557" i="2" a="1"/>
  <c r="E4557" i="2" s="1"/>
  <c r="E4566" i="2" a="1"/>
  <c r="E4566" i="2" s="1"/>
  <c r="E4558" i="2" a="1"/>
  <c r="E4558" i="2" s="1"/>
  <c r="E4547" i="2" a="1"/>
  <c r="E4547" i="2" s="1"/>
  <c r="F2692" i="2" a="1"/>
  <c r="F2692" i="2" s="1"/>
  <c r="F2689" i="2" a="1"/>
  <c r="F2689" i="2" s="1"/>
  <c r="F2677" i="2" a="1"/>
  <c r="F2677" i="2" s="1"/>
  <c r="F2678" i="2" a="1"/>
  <c r="F2678" i="2" s="1"/>
  <c r="F2697" i="2" a="1"/>
  <c r="F2697" i="2" s="1"/>
  <c r="F2674" i="2" a="1"/>
  <c r="F2674" i="2" s="1"/>
  <c r="F2694" i="2" a="1"/>
  <c r="F2694" i="2" s="1"/>
  <c r="F2690" i="2" a="1"/>
  <c r="F2690" i="2" s="1"/>
  <c r="F2683" i="2" a="1"/>
  <c r="F2683" i="2" s="1"/>
  <c r="F2675" i="2" a="1"/>
  <c r="F2675" i="2" s="1"/>
  <c r="F2679" i="2" a="1"/>
  <c r="F2679" i="2" s="1"/>
  <c r="F2687" i="2" a="1"/>
  <c r="F2687" i="2" s="1"/>
  <c r="F2681" i="2" a="1"/>
  <c r="F2681" i="2" s="1"/>
  <c r="F2682" i="2" a="1"/>
  <c r="F2682" i="2" s="1"/>
  <c r="F2688" i="2" a="1"/>
  <c r="F2688" i="2" s="1"/>
  <c r="F2696" i="2" a="1"/>
  <c r="F2696" i="2" s="1"/>
  <c r="F2686" i="2" a="1"/>
  <c r="F2686" i="2" s="1"/>
  <c r="F2685" i="2" a="1"/>
  <c r="F2685" i="2" s="1"/>
  <c r="H7721" i="2" a="1"/>
  <c r="H7721" i="2" s="1"/>
  <c r="H7724" i="2" a="1"/>
  <c r="H7724" i="2" s="1"/>
  <c r="H7719" i="2" a="1"/>
  <c r="H7719" i="2" s="1"/>
  <c r="H7737" i="2" a="1"/>
  <c r="H7737" i="2" s="1"/>
  <c r="H7726" i="2" a="1"/>
  <c r="H7726" i="2" s="1"/>
  <c r="H7720" i="2" a="1"/>
  <c r="H7720" i="2" s="1"/>
  <c r="H7730" i="2" a="1"/>
  <c r="H7730" i="2" s="1"/>
  <c r="H7731" i="2" a="1"/>
  <c r="H7731" i="2" s="1"/>
  <c r="H7736" i="2" a="1"/>
  <c r="H7736" i="2" s="1"/>
  <c r="H7734" i="2" a="1"/>
  <c r="H7734" i="2" s="1"/>
  <c r="H7715" i="2" a="1"/>
  <c r="H7715" i="2" s="1"/>
  <c r="H7718" i="2" a="1"/>
  <c r="H7718" i="2" s="1"/>
  <c r="H7717" i="2" a="1"/>
  <c r="H7717" i="2" s="1"/>
  <c r="H7716" i="2" a="1"/>
  <c r="H7716" i="2" s="1"/>
  <c r="H7723" i="2" a="1"/>
  <c r="H7723" i="2" s="1"/>
  <c r="H7733" i="2" a="1"/>
  <c r="H7733" i="2" s="1"/>
  <c r="H7714" i="2" a="1"/>
  <c r="H7714" i="2" s="1"/>
  <c r="H7725" i="2" a="1"/>
  <c r="H7725" i="2" s="1"/>
  <c r="H7727" i="2" a="1"/>
  <c r="H7727" i="2" s="1"/>
  <c r="H7728" i="2" a="1"/>
  <c r="H7728" i="2" s="1"/>
  <c r="H3350" i="2" a="1"/>
  <c r="H3350" i="2" s="1"/>
  <c r="H3362" i="2" a="1"/>
  <c r="H3362" i="2" s="1"/>
  <c r="H3351" i="2" a="1"/>
  <c r="H3351" i="2" s="1"/>
  <c r="H3353" i="2" a="1"/>
  <c r="H3353" i="2" s="1"/>
  <c r="H3355" i="2" a="1"/>
  <c r="H3355" i="2" s="1"/>
  <c r="H3352" i="2" a="1"/>
  <c r="H3352" i="2" s="1"/>
  <c r="H3348" i="2" a="1"/>
  <c r="H3348" i="2" s="1"/>
  <c r="H3346" i="2" a="1"/>
  <c r="H3346" i="2" s="1"/>
  <c r="H3349" i="2" a="1"/>
  <c r="H3349" i="2" s="1"/>
  <c r="H3367" i="2" a="1"/>
  <c r="H3367" i="2" s="1"/>
  <c r="H3364" i="2" a="1"/>
  <c r="H3364" i="2" s="1"/>
  <c r="H3361" i="2" a="1"/>
  <c r="H3361" i="2" s="1"/>
  <c r="H3357" i="2" a="1"/>
  <c r="H3357" i="2" s="1"/>
  <c r="H3356" i="2" a="1"/>
  <c r="H3356" i="2" s="1"/>
  <c r="H3368" i="2" a="1"/>
  <c r="H3368" i="2" s="1"/>
  <c r="H3358" i="2" a="1"/>
  <c r="H3358" i="2" s="1"/>
  <c r="H3365" i="2" a="1"/>
  <c r="H3365" i="2" s="1"/>
  <c r="H3347" i="2" a="1"/>
  <c r="H3347" i="2" s="1"/>
  <c r="H3360" i="2" a="1"/>
  <c r="H3360" i="2" s="1"/>
  <c r="H3369" i="2" a="1"/>
  <c r="H3369" i="2" s="1"/>
  <c r="H3354" i="2" a="1"/>
  <c r="H3354" i="2" s="1"/>
  <c r="H3363" i="2" a="1"/>
  <c r="H3363" i="2" s="1"/>
  <c r="H3359" i="2" a="1"/>
  <c r="H3359" i="2" s="1"/>
  <c r="H3366" i="2" a="1"/>
  <c r="H3366" i="2" s="1"/>
  <c r="H8399" i="2" a="1"/>
  <c r="H8399" i="2" s="1"/>
  <c r="H8387" i="2" a="1"/>
  <c r="H8387" i="2" s="1"/>
  <c r="H8403" i="2" a="1"/>
  <c r="H8403" i="2" s="1"/>
  <c r="H8405" i="2" a="1"/>
  <c r="H8405" i="2" s="1"/>
  <c r="H8400" i="2" a="1"/>
  <c r="H8400" i="2" s="1"/>
  <c r="H8407" i="2" a="1"/>
  <c r="H8407" i="2" s="1"/>
  <c r="H8401" i="2" a="1"/>
  <c r="H8401" i="2" s="1"/>
  <c r="H8396" i="2" a="1"/>
  <c r="H8396" i="2" s="1"/>
  <c r="H8397" i="2" a="1"/>
  <c r="H8397" i="2" s="1"/>
  <c r="H8406" i="2" a="1"/>
  <c r="H8406" i="2" s="1"/>
  <c r="H8402" i="2" a="1"/>
  <c r="H8402" i="2" s="1"/>
  <c r="H8408" i="2" a="1"/>
  <c r="H8408" i="2" s="1"/>
  <c r="H8390" i="2" a="1"/>
  <c r="H8390" i="2" s="1"/>
  <c r="H8398" i="2" a="1"/>
  <c r="H8398" i="2" s="1"/>
  <c r="H8404" i="2" a="1"/>
  <c r="H8404" i="2" s="1"/>
  <c r="H8394" i="2" a="1"/>
  <c r="H8394" i="2" s="1"/>
  <c r="H8388" i="2" a="1"/>
  <c r="H8388" i="2" s="1"/>
  <c r="H8391" i="2" a="1"/>
  <c r="H8391" i="2" s="1"/>
  <c r="H8395" i="2" a="1"/>
  <c r="H8395" i="2" s="1"/>
  <c r="H8389" i="2" a="1"/>
  <c r="H8389" i="2" s="1"/>
  <c r="H8386" i="2" a="1"/>
  <c r="H8386" i="2" s="1"/>
  <c r="H8393" i="2" a="1"/>
  <c r="H8393" i="2" s="1"/>
  <c r="H8409" i="2" a="1"/>
  <c r="H8409" i="2" s="1"/>
  <c r="H8392" i="2" a="1"/>
  <c r="H8392" i="2" s="1"/>
  <c r="F6393" i="2" a="1"/>
  <c r="F6393" i="2" s="1"/>
  <c r="F6388" i="2" a="1"/>
  <c r="F6388" i="2" s="1"/>
  <c r="F6382" i="2" a="1"/>
  <c r="F6382" i="2" s="1"/>
  <c r="F6389" i="2" a="1"/>
  <c r="F6389" i="2" s="1"/>
  <c r="F6378" i="2" a="1"/>
  <c r="F6378" i="2" s="1"/>
  <c r="F6391" i="2" a="1"/>
  <c r="F6391" i="2" s="1"/>
  <c r="F1358" i="2" a="1"/>
  <c r="F1358" i="2" s="1"/>
  <c r="F1362" i="2" a="1"/>
  <c r="F1362" i="2" s="1"/>
  <c r="F1359" i="2" a="1"/>
  <c r="F1359" i="2" s="1"/>
  <c r="F1377" i="2" a="1"/>
  <c r="F1377" i="2" s="1"/>
  <c r="F1360" i="2" a="1"/>
  <c r="F1360" i="2" s="1"/>
  <c r="F1370" i="2" a="1"/>
  <c r="F1370" i="2" s="1"/>
  <c r="F1364" i="2" a="1"/>
  <c r="F1364" i="2" s="1"/>
  <c r="F1361" i="2" a="1"/>
  <c r="F1361" i="2" s="1"/>
  <c r="F1357" i="2" a="1"/>
  <c r="F1357" i="2" s="1"/>
  <c r="F1376" i="2" a="1"/>
  <c r="F1376" i="2" s="1"/>
  <c r="F1366" i="2" a="1"/>
  <c r="F1366" i="2" s="1"/>
  <c r="F1363" i="2" a="1"/>
  <c r="F1363" i="2" s="1"/>
  <c r="F1356" i="2" a="1"/>
  <c r="F1356" i="2" s="1"/>
  <c r="F1371" i="2" a="1"/>
  <c r="F1371" i="2" s="1"/>
  <c r="F1369" i="2" a="1"/>
  <c r="F1369" i="2" s="1"/>
  <c r="F1355" i="2" a="1"/>
  <c r="F1355" i="2" s="1"/>
  <c r="F1373" i="2" a="1"/>
  <c r="F1373" i="2" s="1"/>
  <c r="F1374" i="2" a="1"/>
  <c r="F1374" i="2" s="1"/>
  <c r="F1375" i="2" a="1"/>
  <c r="F1375" i="2" s="1"/>
  <c r="F1367" i="2" a="1"/>
  <c r="F1367" i="2" s="1"/>
  <c r="F1354" i="2" a="1"/>
  <c r="F1354" i="2" s="1"/>
  <c r="F1372" i="2" a="1"/>
  <c r="F1372" i="2" s="1"/>
  <c r="F1365" i="2" a="1"/>
  <c r="F1365" i="2" s="1"/>
  <c r="F1368" i="2" a="1"/>
  <c r="F1368" i="2" s="1"/>
  <c r="G160" i="2" a="1"/>
  <c r="G160" i="2" s="1"/>
  <c r="G170" i="2" a="1"/>
  <c r="G170" i="2" s="1"/>
  <c r="G174" i="2" a="1"/>
  <c r="G174" i="2" s="1"/>
  <c r="G175" i="2" a="1"/>
  <c r="G175" i="2" s="1"/>
  <c r="G176" i="2" a="1"/>
  <c r="G176" i="2" s="1"/>
  <c r="G156" i="2" a="1"/>
  <c r="G156" i="2" s="1"/>
  <c r="G159" i="2" a="1"/>
  <c r="G159" i="2" s="1"/>
  <c r="F6075" i="2" a="1"/>
  <c r="F6075" i="2" s="1"/>
  <c r="F6480" i="2" a="1"/>
  <c r="F6480" i="2" s="1"/>
  <c r="F6475" i="2" a="1"/>
  <c r="F6475" i="2" s="1"/>
  <c r="F6466" i="2" a="1"/>
  <c r="F6466" i="2" s="1"/>
  <c r="F6481" i="2" a="1"/>
  <c r="F6481" i="2" s="1"/>
  <c r="F6485" i="2" a="1"/>
  <c r="F6485" i="2" s="1"/>
  <c r="F6477" i="2" a="1"/>
  <c r="F6477" i="2" s="1"/>
  <c r="F6487" i="2" a="1"/>
  <c r="F6487" i="2" s="1"/>
  <c r="F6478" i="2" a="1"/>
  <c r="F6478" i="2" s="1"/>
  <c r="F6479" i="2" a="1"/>
  <c r="F6479" i="2" s="1"/>
  <c r="D7819" i="2" a="1"/>
  <c r="D7819" i="2" s="1"/>
  <c r="D7823" i="2" a="1"/>
  <c r="D7823" i="2" s="1"/>
  <c r="D7831" i="2" a="1"/>
  <c r="D7831" i="2" s="1"/>
  <c r="D7828" i="2" a="1"/>
  <c r="D7828" i="2" s="1"/>
  <c r="D7815" i="2" a="1"/>
  <c r="D7815" i="2" s="1"/>
  <c r="D7821" i="2" a="1"/>
  <c r="D7821" i="2" s="1"/>
  <c r="D7825" i="2" a="1"/>
  <c r="D7825" i="2" s="1"/>
  <c r="D7829" i="2" a="1"/>
  <c r="D7829" i="2" s="1"/>
  <c r="D7812" i="2" a="1"/>
  <c r="D7812" i="2" s="1"/>
  <c r="D7816" i="2" a="1"/>
  <c r="D7816" i="2" s="1"/>
  <c r="D7820" i="2" a="1"/>
  <c r="D7820" i="2" s="1"/>
  <c r="D7832" i="2" a="1"/>
  <c r="D7832" i="2" s="1"/>
  <c r="D7813" i="2" a="1"/>
  <c r="D7813" i="2" s="1"/>
  <c r="D7817" i="2" a="1"/>
  <c r="D7817" i="2" s="1"/>
  <c r="D7833" i="2" a="1"/>
  <c r="D7833" i="2" s="1"/>
  <c r="D7824" i="2" a="1"/>
  <c r="D7824" i="2" s="1"/>
  <c r="D7827" i="2" a="1"/>
  <c r="D7827" i="2" s="1"/>
  <c r="D7830" i="2" a="1"/>
  <c r="D7830" i="2" s="1"/>
  <c r="D7814" i="2" a="1"/>
  <c r="D7814" i="2" s="1"/>
  <c r="D7826" i="2" a="1"/>
  <c r="D7826" i="2" s="1"/>
  <c r="D7811" i="2" a="1"/>
  <c r="D7811" i="2" s="1"/>
  <c r="D7818" i="2" a="1"/>
  <c r="D7818" i="2" s="1"/>
  <c r="D7822" i="2" a="1"/>
  <c r="D7822" i="2" s="1"/>
  <c r="D7810" i="2" a="1"/>
  <c r="D7810" i="2" s="1"/>
  <c r="D6221" i="2" a="1"/>
  <c r="D6221" i="2" s="1"/>
  <c r="D6210" i="2" a="1"/>
  <c r="D6210" i="2" s="1"/>
  <c r="D6203" i="2" a="1"/>
  <c r="D6203" i="2" s="1"/>
  <c r="D6209" i="2" a="1"/>
  <c r="D6209" i="2" s="1"/>
  <c r="D6216" i="2" a="1"/>
  <c r="D6216" i="2" s="1"/>
  <c r="D6206" i="2" a="1"/>
  <c r="D6206" i="2" s="1"/>
  <c r="D6217" i="2" a="1"/>
  <c r="D6217" i="2" s="1"/>
  <c r="D6218" i="2" a="1"/>
  <c r="D6218" i="2" s="1"/>
  <c r="D6212" i="2" a="1"/>
  <c r="D6212" i="2" s="1"/>
  <c r="D6207" i="2" a="1"/>
  <c r="D6207" i="2" s="1"/>
  <c r="D6205" i="2" a="1"/>
  <c r="D6205" i="2" s="1"/>
  <c r="D6208" i="2" a="1"/>
  <c r="D6208" i="2" s="1"/>
  <c r="D6211" i="2" a="1"/>
  <c r="D6211" i="2" s="1"/>
  <c r="D6202" i="2" a="1"/>
  <c r="D6202" i="2" s="1"/>
  <c r="D6213" i="2" a="1"/>
  <c r="D6213" i="2" s="1"/>
  <c r="D6222" i="2" a="1"/>
  <c r="D6222" i="2" s="1"/>
  <c r="D6220" i="2" a="1"/>
  <c r="D6220" i="2" s="1"/>
  <c r="D6224" i="2" a="1"/>
  <c r="D6224" i="2" s="1"/>
  <c r="D6214" i="2" a="1"/>
  <c r="D6214" i="2" s="1"/>
  <c r="D6225" i="2" a="1"/>
  <c r="D6225" i="2" s="1"/>
  <c r="D6204" i="2" a="1"/>
  <c r="D6204" i="2" s="1"/>
  <c r="D6219" i="2" a="1"/>
  <c r="D6219" i="2" s="1"/>
  <c r="D6215" i="2" a="1"/>
  <c r="D6215" i="2" s="1"/>
  <c r="D6223" i="2" a="1"/>
  <c r="D6223" i="2" s="1"/>
  <c r="D2958" i="2" a="1"/>
  <c r="D2958" i="2" s="1"/>
  <c r="D2955" i="2" a="1"/>
  <c r="D2955" i="2" s="1"/>
  <c r="D2944" i="2" a="1"/>
  <c r="D2944" i="2" s="1"/>
  <c r="D2960" i="2" a="1"/>
  <c r="D2960" i="2" s="1"/>
  <c r="D2953" i="2" a="1"/>
  <c r="D2953" i="2" s="1"/>
  <c r="D2939" i="2" a="1"/>
  <c r="D2939" i="2" s="1"/>
  <c r="D2946" i="2" a="1"/>
  <c r="D2946" i="2" s="1"/>
  <c r="D2948" i="2" a="1"/>
  <c r="D2948" i="2" s="1"/>
  <c r="D2950" i="2" a="1"/>
  <c r="D2950" i="2" s="1"/>
  <c r="D2957" i="2" a="1"/>
  <c r="D2957" i="2" s="1"/>
  <c r="D2945" i="2" a="1"/>
  <c r="D2945" i="2" s="1"/>
  <c r="D2941" i="2" a="1"/>
  <c r="D2941" i="2" s="1"/>
  <c r="D2961" i="2" a="1"/>
  <c r="D2961" i="2" s="1"/>
  <c r="D2943" i="2" a="1"/>
  <c r="D2943" i="2" s="1"/>
  <c r="D2959" i="2" a="1"/>
  <c r="D2959" i="2" s="1"/>
  <c r="D2952" i="2" a="1"/>
  <c r="D2952" i="2" s="1"/>
  <c r="D2954" i="2" a="1"/>
  <c r="D2954" i="2" s="1"/>
  <c r="D2940" i="2" a="1"/>
  <c r="D2940" i="2" s="1"/>
  <c r="D2956" i="2" a="1"/>
  <c r="D2956" i="2" s="1"/>
  <c r="D2938" i="2" a="1"/>
  <c r="D2938" i="2" s="1"/>
  <c r="D2947" i="2" a="1"/>
  <c r="D2947" i="2" s="1"/>
  <c r="D2942" i="2" a="1"/>
  <c r="D2942" i="2" s="1"/>
  <c r="D2949" i="2" a="1"/>
  <c r="D2949" i="2" s="1"/>
  <c r="D2951" i="2" a="1"/>
  <c r="D2951" i="2" s="1"/>
  <c r="F2673" i="2" a="1"/>
  <c r="F2673" i="2" s="1"/>
  <c r="F2662" i="2" a="1"/>
  <c r="F2662" i="2" s="1"/>
  <c r="F2659" i="2" a="1"/>
  <c r="F2659" i="2" s="1"/>
  <c r="F2663" i="2" a="1"/>
  <c r="F2663" i="2" s="1"/>
  <c r="D4658" i="2" a="1"/>
  <c r="D4658" i="2" s="1"/>
  <c r="D4665" i="2" a="1"/>
  <c r="D4665" i="2" s="1"/>
  <c r="D4644" i="2" a="1"/>
  <c r="D4644" i="2" s="1"/>
  <c r="D4647" i="2" a="1"/>
  <c r="D4647" i="2" s="1"/>
  <c r="D4649" i="2" a="1"/>
  <c r="D4649" i="2" s="1"/>
  <c r="D4662" i="2" a="1"/>
  <c r="D4662" i="2" s="1"/>
  <c r="D4651" i="2" a="1"/>
  <c r="D4651" i="2" s="1"/>
  <c r="D4659" i="2" a="1"/>
  <c r="D4659" i="2" s="1"/>
  <c r="D4664" i="2" a="1"/>
  <c r="D4664" i="2" s="1"/>
  <c r="D1816" i="2" a="1"/>
  <c r="D1816" i="2" s="1"/>
  <c r="D1810" i="2" a="1"/>
  <c r="D1810" i="2" s="1"/>
  <c r="D1814" i="2" a="1"/>
  <c r="D1814" i="2" s="1"/>
  <c r="D1818" i="2" a="1"/>
  <c r="D1818" i="2" s="1"/>
  <c r="D1822" i="2" a="1"/>
  <c r="D1822" i="2" s="1"/>
  <c r="D1830" i="2" a="1"/>
  <c r="D1830" i="2" s="1"/>
  <c r="D1833" i="2" a="1"/>
  <c r="D1833" i="2" s="1"/>
  <c r="D1812" i="2" a="1"/>
  <c r="D1812" i="2" s="1"/>
  <c r="D1820" i="2" a="1"/>
  <c r="D1820" i="2" s="1"/>
  <c r="D1824" i="2" a="1"/>
  <c r="D1824" i="2" s="1"/>
  <c r="D1828" i="2" a="1"/>
  <c r="D1828" i="2" s="1"/>
  <c r="D1829" i="2" a="1"/>
  <c r="D1829" i="2" s="1"/>
  <c r="D1819" i="2" a="1"/>
  <c r="D1819" i="2" s="1"/>
  <c r="D1827" i="2" a="1"/>
  <c r="D1827" i="2" s="1"/>
  <c r="D1817" i="2" a="1"/>
  <c r="D1817" i="2" s="1"/>
  <c r="D1811" i="2" a="1"/>
  <c r="D1811" i="2" s="1"/>
  <c r="D1832" i="2" a="1"/>
  <c r="D1832" i="2" s="1"/>
  <c r="D1825" i="2" a="1"/>
  <c r="D1825" i="2" s="1"/>
  <c r="D1823" i="2" a="1"/>
  <c r="D1823" i="2" s="1"/>
  <c r="D1815" i="2" a="1"/>
  <c r="D1815" i="2" s="1"/>
  <c r="D1821" i="2" a="1"/>
  <c r="D1821" i="2" s="1"/>
  <c r="D1813" i="2" a="1"/>
  <c r="D1813" i="2" s="1"/>
  <c r="D1826" i="2" a="1"/>
  <c r="D1826" i="2" s="1"/>
  <c r="D1831" i="2" a="1"/>
  <c r="D1831" i="2" s="1"/>
  <c r="E3245" i="2" a="1"/>
  <c r="E3245" i="2" s="1"/>
  <c r="E3247" i="2" a="1"/>
  <c r="E3247" i="2" s="1"/>
  <c r="E3246" i="2" a="1"/>
  <c r="E3246" i="2" s="1"/>
  <c r="E3243" i="2" a="1"/>
  <c r="E3243" i="2" s="1"/>
  <c r="E3227" i="2" a="1"/>
  <c r="E3227" i="2" s="1"/>
  <c r="E3241" i="2" a="1"/>
  <c r="E3241" i="2" s="1"/>
  <c r="E3242" i="2" a="1"/>
  <c r="E3242" i="2" s="1"/>
  <c r="E1878" i="2" a="1"/>
  <c r="E1878" i="2" s="1"/>
  <c r="E1861" i="2" a="1"/>
  <c r="E1861" i="2" s="1"/>
  <c r="E1863" i="2" a="1"/>
  <c r="E1863" i="2" s="1"/>
  <c r="E1858" i="2" a="1"/>
  <c r="E1858" i="2" s="1"/>
  <c r="E1871" i="2" a="1"/>
  <c r="E1871" i="2" s="1"/>
  <c r="E1875" i="2" a="1"/>
  <c r="E1875" i="2" s="1"/>
  <c r="E1881" i="2" a="1"/>
  <c r="E1881" i="2" s="1"/>
  <c r="E1879" i="2" a="1"/>
  <c r="E1879" i="2" s="1"/>
  <c r="E1874" i="2" a="1"/>
  <c r="E1874" i="2" s="1"/>
  <c r="E1880" i="2" a="1"/>
  <c r="E1880" i="2" s="1"/>
  <c r="E1860" i="2" a="1"/>
  <c r="E1860" i="2" s="1"/>
  <c r="E1867" i="2" a="1"/>
  <c r="E1867" i="2" s="1"/>
  <c r="E1859" i="2" a="1"/>
  <c r="E1859" i="2" s="1"/>
  <c r="E1876" i="2" a="1"/>
  <c r="E1876" i="2" s="1"/>
  <c r="E1877" i="2" a="1"/>
  <c r="E1877" i="2" s="1"/>
  <c r="E1869" i="2" a="1"/>
  <c r="E1869" i="2" s="1"/>
  <c r="E1872" i="2" a="1"/>
  <c r="E1872" i="2" s="1"/>
  <c r="E1862" i="2" a="1"/>
  <c r="E1862" i="2" s="1"/>
  <c r="E1864" i="2" a="1"/>
  <c r="E1864" i="2" s="1"/>
  <c r="E1865" i="2" a="1"/>
  <c r="E1865" i="2" s="1"/>
  <c r="E1870" i="2" a="1"/>
  <c r="E1870" i="2" s="1"/>
  <c r="E1873" i="2" a="1"/>
  <c r="E1873" i="2" s="1"/>
  <c r="E1868" i="2" a="1"/>
  <c r="E1868" i="2" s="1"/>
  <c r="E1866" i="2" a="1"/>
  <c r="E1866" i="2" s="1"/>
  <c r="H6882" i="2" a="1"/>
  <c r="H6882" i="2" s="1"/>
  <c r="H6886" i="2" a="1"/>
  <c r="H6886" i="2" s="1"/>
  <c r="H6887" i="2" a="1"/>
  <c r="H6887" i="2" s="1"/>
  <c r="H6877" i="2" a="1"/>
  <c r="H6877" i="2" s="1"/>
  <c r="H6883" i="2" a="1"/>
  <c r="H6883" i="2" s="1"/>
  <c r="H6894" i="2" a="1"/>
  <c r="H6894" i="2" s="1"/>
  <c r="H6892" i="2" a="1"/>
  <c r="H6892" i="2" s="1"/>
  <c r="H6889" i="2" a="1"/>
  <c r="H6889" i="2" s="1"/>
  <c r="H6895" i="2" a="1"/>
  <c r="H6895" i="2" s="1"/>
  <c r="H6893" i="2" a="1"/>
  <c r="H6893" i="2" s="1"/>
  <c r="H6884" i="2" a="1"/>
  <c r="H6884" i="2" s="1"/>
  <c r="H6875" i="2" a="1"/>
  <c r="H6875" i="2" s="1"/>
  <c r="H6874" i="2" a="1"/>
  <c r="H6874" i="2" s="1"/>
  <c r="H6880" i="2" a="1"/>
  <c r="H6880" i="2" s="1"/>
  <c r="H6876" i="2" a="1"/>
  <c r="H6876" i="2" s="1"/>
  <c r="H6885" i="2" a="1"/>
  <c r="H6885" i="2" s="1"/>
  <c r="H6881" i="2" a="1"/>
  <c r="H6881" i="2" s="1"/>
  <c r="H6897" i="2" a="1"/>
  <c r="H6897" i="2" s="1"/>
  <c r="H6890" i="2" a="1"/>
  <c r="H6890" i="2" s="1"/>
  <c r="H6891" i="2" a="1"/>
  <c r="H6891" i="2" s="1"/>
  <c r="H6888" i="2" a="1"/>
  <c r="H6888" i="2" s="1"/>
  <c r="H6896" i="2" a="1"/>
  <c r="H6896" i="2" s="1"/>
  <c r="H6878" i="2" a="1"/>
  <c r="H6878" i="2" s="1"/>
  <c r="H6879" i="2" a="1"/>
  <c r="H6879" i="2" s="1"/>
  <c r="G6558" i="2" a="1"/>
  <c r="G6558" i="2" s="1"/>
  <c r="G6552" i="2" a="1"/>
  <c r="G6552" i="2" s="1"/>
  <c r="E7755" i="2" a="1"/>
  <c r="E7755" i="2" s="1"/>
  <c r="E7741" i="2" a="1"/>
  <c r="E7741" i="2" s="1"/>
  <c r="E7752" i="2" a="1"/>
  <c r="E7752" i="2" s="1"/>
  <c r="E7740" i="2" a="1"/>
  <c r="E7740" i="2" s="1"/>
  <c r="E7758" i="2" a="1"/>
  <c r="E7758" i="2" s="1"/>
  <c r="E7738" i="2" a="1"/>
  <c r="E7738" i="2" s="1"/>
  <c r="E7745" i="2" a="1"/>
  <c r="E7745" i="2" s="1"/>
  <c r="E7742" i="2" a="1"/>
  <c r="E7742" i="2" s="1"/>
  <c r="E7759" i="2" a="1"/>
  <c r="E7759" i="2" s="1"/>
  <c r="G1201" i="2" a="1"/>
  <c r="G1201" i="2" s="1"/>
  <c r="G1203" i="2" a="1"/>
  <c r="G1203" i="2" s="1"/>
  <c r="G1209" i="2" a="1"/>
  <c r="G1209" i="2" s="1"/>
  <c r="G1195" i="2" a="1"/>
  <c r="G1195" i="2" s="1"/>
  <c r="G1189" i="2" a="1"/>
  <c r="G1189" i="2" s="1"/>
  <c r="G1199" i="2" a="1"/>
  <c r="G1199" i="2" s="1"/>
  <c r="G1191" i="2" a="1"/>
  <c r="G1191" i="2" s="1"/>
  <c r="G1207" i="2" a="1"/>
  <c r="G1207" i="2" s="1"/>
  <c r="G1188" i="2" a="1"/>
  <c r="G1188" i="2" s="1"/>
  <c r="G1187" i="2" a="1"/>
  <c r="G1187" i="2" s="1"/>
  <c r="G1190" i="2" a="1"/>
  <c r="G1190" i="2" s="1"/>
  <c r="G1202" i="2" a="1"/>
  <c r="G1202" i="2" s="1"/>
  <c r="G1193" i="2" a="1"/>
  <c r="G1193" i="2" s="1"/>
  <c r="G1196" i="2" a="1"/>
  <c r="G1196" i="2" s="1"/>
  <c r="G1197" i="2" a="1"/>
  <c r="G1197" i="2" s="1"/>
  <c r="G1192" i="2" a="1"/>
  <c r="G1192" i="2" s="1"/>
  <c r="G1186" i="2" a="1"/>
  <c r="G1186" i="2" s="1"/>
  <c r="G1206" i="2" a="1"/>
  <c r="G1206" i="2" s="1"/>
  <c r="G4120" i="2" a="1"/>
  <c r="G4120" i="2" s="1"/>
  <c r="G4126" i="2" a="1"/>
  <c r="G4126" i="2" s="1"/>
  <c r="G4132" i="2" a="1"/>
  <c r="G4132" i="2" s="1"/>
  <c r="G4135" i="2" a="1"/>
  <c r="G4135" i="2" s="1"/>
  <c r="G4131" i="2" a="1"/>
  <c r="G4131" i="2" s="1"/>
  <c r="G4115" i="2" a="1"/>
  <c r="G4115" i="2" s="1"/>
  <c r="G4136" i="2" a="1"/>
  <c r="G4136" i="2" s="1"/>
  <c r="G4129" i="2" a="1"/>
  <c r="G4129" i="2" s="1"/>
  <c r="G4130" i="2" a="1"/>
  <c r="G4130" i="2" s="1"/>
  <c r="G4116" i="2" a="1"/>
  <c r="G4116" i="2" s="1"/>
  <c r="G4117" i="2" a="1"/>
  <c r="G4117" i="2" s="1"/>
  <c r="G4119" i="2" a="1"/>
  <c r="G4119" i="2" s="1"/>
  <c r="G4122" i="2" a="1"/>
  <c r="G4122" i="2" s="1"/>
  <c r="G4137" i="2" a="1"/>
  <c r="G4137" i="2" s="1"/>
  <c r="G4123" i="2" a="1"/>
  <c r="G4123" i="2" s="1"/>
  <c r="G4134" i="2" a="1"/>
  <c r="G4134" i="2" s="1"/>
  <c r="G4124" i="2" a="1"/>
  <c r="G4124" i="2" s="1"/>
  <c r="G4125" i="2" a="1"/>
  <c r="G4125" i="2" s="1"/>
  <c r="G4128" i="2" a="1"/>
  <c r="G4128" i="2" s="1"/>
  <c r="G4118" i="2" a="1"/>
  <c r="G4118" i="2" s="1"/>
  <c r="G4133" i="2" a="1"/>
  <c r="G4133" i="2" s="1"/>
  <c r="G4114" i="2" a="1"/>
  <c r="G4114" i="2" s="1"/>
  <c r="G4121" i="2" a="1"/>
  <c r="G4121" i="2" s="1"/>
  <c r="G4127" i="2" a="1"/>
  <c r="G4127" i="2" s="1"/>
  <c r="H6427" i="2" a="1"/>
  <c r="H6427" i="2" s="1"/>
  <c r="H6439" i="2" a="1"/>
  <c r="H6439" i="2" s="1"/>
  <c r="H6441" i="2" a="1"/>
  <c r="H6441" i="2" s="1"/>
  <c r="F8457" i="2" a="1"/>
  <c r="F8457" i="2" s="1"/>
  <c r="F8439" i="2" a="1"/>
  <c r="F8439" i="2" s="1"/>
  <c r="F8456" i="2" a="1"/>
  <c r="F8456" i="2" s="1"/>
  <c r="F8450" i="2" a="1"/>
  <c r="F8450" i="2" s="1"/>
  <c r="F8440" i="2" a="1"/>
  <c r="F8440" i="2" s="1"/>
  <c r="F8446" i="2" a="1"/>
  <c r="F8446" i="2" s="1"/>
  <c r="F8442" i="2" a="1"/>
  <c r="F8442" i="2" s="1"/>
  <c r="F8453" i="2" a="1"/>
  <c r="F8453" i="2" s="1"/>
  <c r="F8437" i="2" a="1"/>
  <c r="F8437" i="2" s="1"/>
  <c r="F8448" i="2" a="1"/>
  <c r="F8448" i="2" s="1"/>
  <c r="F8449" i="2" a="1"/>
  <c r="F8449" i="2" s="1"/>
  <c r="F8445" i="2" a="1"/>
  <c r="F8445" i="2" s="1"/>
  <c r="F8454" i="2" a="1"/>
  <c r="F8454" i="2" s="1"/>
  <c r="F8455" i="2" a="1"/>
  <c r="F8455" i="2" s="1"/>
  <c r="F8441" i="2" a="1"/>
  <c r="F8441" i="2" s="1"/>
  <c r="F8451" i="2" a="1"/>
  <c r="F8451" i="2" s="1"/>
  <c r="F8447" i="2" a="1"/>
  <c r="F8447" i="2" s="1"/>
  <c r="F8444" i="2" a="1"/>
  <c r="F8444" i="2" s="1"/>
  <c r="F8438" i="2" a="1"/>
  <c r="F8438" i="2" s="1"/>
  <c r="F8434" i="2" a="1"/>
  <c r="F8434" i="2" s="1"/>
  <c r="F8435" i="2" a="1"/>
  <c r="F8435" i="2" s="1"/>
  <c r="F8436" i="2" a="1"/>
  <c r="F8436" i="2" s="1"/>
  <c r="D1796" i="2" a="1"/>
  <c r="D1796" i="2" s="1"/>
  <c r="D1795" i="2" a="1"/>
  <c r="D1795" i="2" s="1"/>
  <c r="D1790" i="2" a="1"/>
  <c r="D1790" i="2" s="1"/>
  <c r="D1798" i="2" a="1"/>
  <c r="D1798" i="2" s="1"/>
  <c r="D1800" i="2" a="1"/>
  <c r="D1800" i="2" s="1"/>
  <c r="D1808" i="2" a="1"/>
  <c r="D1808" i="2" s="1"/>
  <c r="D1788" i="2" a="1"/>
  <c r="D1788" i="2" s="1"/>
  <c r="D1792" i="2" a="1"/>
  <c r="D1792" i="2" s="1"/>
  <c r="D1804" i="2" a="1"/>
  <c r="D1804" i="2" s="1"/>
  <c r="D1793" i="2" a="1"/>
  <c r="D1793" i="2" s="1"/>
  <c r="D1797" i="2" a="1"/>
  <c r="D1797" i="2" s="1"/>
  <c r="D1789" i="2" a="1"/>
  <c r="D1789" i="2" s="1"/>
  <c r="D1801" i="2" a="1"/>
  <c r="D1801" i="2" s="1"/>
  <c r="D1805" i="2" a="1"/>
  <c r="D1805" i="2" s="1"/>
  <c r="D1791" i="2" a="1"/>
  <c r="D1791" i="2" s="1"/>
  <c r="D1799" i="2" a="1"/>
  <c r="D1799" i="2" s="1"/>
  <c r="D1787" i="2" a="1"/>
  <c r="D1787" i="2" s="1"/>
  <c r="D1803" i="2" a="1"/>
  <c r="D1803" i="2" s="1"/>
  <c r="D1807" i="2" a="1"/>
  <c r="D1807" i="2" s="1"/>
  <c r="G1608" i="2" a="1"/>
  <c r="G1608" i="2" s="1"/>
  <c r="G1609" i="2" a="1"/>
  <c r="G1609" i="2" s="1"/>
  <c r="G1610" i="2" a="1"/>
  <c r="G1610" i="2" s="1"/>
  <c r="G1614" i="2" a="1"/>
  <c r="G1614" i="2" s="1"/>
  <c r="G1597" i="2" a="1"/>
  <c r="G1597" i="2" s="1"/>
  <c r="G1605" i="2" a="1"/>
  <c r="G1605" i="2" s="1"/>
  <c r="G1604" i="2" a="1"/>
  <c r="G1604" i="2" s="1"/>
  <c r="G1598" i="2" a="1"/>
  <c r="G1598" i="2" s="1"/>
  <c r="H3614" i="2" a="1"/>
  <c r="H3614" i="2" s="1"/>
  <c r="H3628" i="2" a="1"/>
  <c r="H3628" i="2" s="1"/>
  <c r="H3611" i="2" a="1"/>
  <c r="H3611" i="2" s="1"/>
  <c r="H3633" i="2" a="1"/>
  <c r="H3633" i="2" s="1"/>
  <c r="H3620" i="2" a="1"/>
  <c r="H3620" i="2" s="1"/>
  <c r="H3612" i="2" a="1"/>
  <c r="H3612" i="2" s="1"/>
  <c r="H3618" i="2" a="1"/>
  <c r="H3618" i="2" s="1"/>
  <c r="H3610" i="2" a="1"/>
  <c r="H3610" i="2" s="1"/>
  <c r="H3623" i="2" a="1"/>
  <c r="H3623" i="2" s="1"/>
  <c r="H3625" i="2" a="1"/>
  <c r="H3625" i="2" s="1"/>
  <c r="H3622" i="2" a="1"/>
  <c r="H3622" i="2" s="1"/>
  <c r="H3631" i="2" a="1"/>
  <c r="H3631" i="2" s="1"/>
  <c r="D2228" i="2" a="1"/>
  <c r="D2228" i="2" s="1"/>
  <c r="D2231" i="2" a="1"/>
  <c r="D2231" i="2" s="1"/>
  <c r="D2238" i="2" a="1"/>
  <c r="D2238" i="2" s="1"/>
  <c r="D2224" i="2" a="1"/>
  <c r="D2224" i="2" s="1"/>
  <c r="D2227" i="2" a="1"/>
  <c r="D2227" i="2" s="1"/>
  <c r="D2241" i="2" a="1"/>
  <c r="D2241" i="2" s="1"/>
  <c r="D2221" i="2" a="1"/>
  <c r="D2221" i="2" s="1"/>
  <c r="D2223" i="2" a="1"/>
  <c r="D2223" i="2" s="1"/>
  <c r="D2230" i="2" a="1"/>
  <c r="D2230" i="2" s="1"/>
  <c r="D2237" i="2" a="1"/>
  <c r="D2237" i="2" s="1"/>
  <c r="D2234" i="2" a="1"/>
  <c r="D2234" i="2" s="1"/>
  <c r="D2240" i="2" a="1"/>
  <c r="D2240" i="2" s="1"/>
  <c r="D2220" i="2" a="1"/>
  <c r="D2220" i="2" s="1"/>
  <c r="D2222" i="2" a="1"/>
  <c r="D2222" i="2" s="1"/>
  <c r="D2229" i="2" a="1"/>
  <c r="D2229" i="2" s="1"/>
  <c r="D2236" i="2" a="1"/>
  <c r="D2236" i="2" s="1"/>
  <c r="D2219" i="2" a="1"/>
  <c r="D2219" i="2" s="1"/>
  <c r="D2233" i="2" a="1"/>
  <c r="D2233" i="2" s="1"/>
  <c r="D2239" i="2" a="1"/>
  <c r="D2239" i="2" s="1"/>
  <c r="D2218" i="2" a="1"/>
  <c r="D2218" i="2" s="1"/>
  <c r="D2225" i="2" a="1"/>
  <c r="D2225" i="2" s="1"/>
  <c r="D2232" i="2" a="1"/>
  <c r="D2232" i="2" s="1"/>
  <c r="D2235" i="2" a="1"/>
  <c r="D2235" i="2" s="1"/>
  <c r="D2226" i="2" a="1"/>
  <c r="D2226" i="2" s="1"/>
  <c r="H8327" i="2" a="1"/>
  <c r="H8327" i="2" s="1"/>
  <c r="H8320" i="2" a="1"/>
  <c r="H8320" i="2" s="1"/>
  <c r="H8336" i="2" a="1"/>
  <c r="H8336" i="2" s="1"/>
  <c r="H8323" i="2" a="1"/>
  <c r="H8323" i="2" s="1"/>
  <c r="H8333" i="2" a="1"/>
  <c r="H8333" i="2" s="1"/>
  <c r="H8324" i="2" a="1"/>
  <c r="H8324" i="2" s="1"/>
  <c r="H8315" i="2" a="1"/>
  <c r="H8315" i="2" s="1"/>
  <c r="H8328" i="2" a="1"/>
  <c r="H8328" i="2" s="1"/>
  <c r="H8325" i="2" a="1"/>
  <c r="H8325" i="2" s="1"/>
  <c r="H8326" i="2" a="1"/>
  <c r="H8326" i="2" s="1"/>
  <c r="H8318" i="2" a="1"/>
  <c r="H8318" i="2" s="1"/>
  <c r="H8337" i="2" a="1"/>
  <c r="H8337" i="2" s="1"/>
  <c r="H8332" i="2" a="1"/>
  <c r="H8332" i="2" s="1"/>
  <c r="H8322" i="2" a="1"/>
  <c r="H8322" i="2" s="1"/>
  <c r="F2277" i="2" a="1"/>
  <c r="F2277" i="2" s="1"/>
  <c r="F2285" i="2" a="1"/>
  <c r="F2285" i="2" s="1"/>
  <c r="F2278" i="2" a="1"/>
  <c r="F2278" i="2" s="1"/>
  <c r="F2288" i="2" a="1"/>
  <c r="F2288" i="2" s="1"/>
  <c r="F2267" i="2" a="1"/>
  <c r="F2267" i="2" s="1"/>
  <c r="F2279" i="2" a="1"/>
  <c r="F2279" i="2" s="1"/>
  <c r="F2274" i="2" a="1"/>
  <c r="F2274" i="2" s="1"/>
  <c r="F2268" i="2" a="1"/>
  <c r="F2268" i="2" s="1"/>
  <c r="F2286" i="2" a="1"/>
  <c r="F2286" i="2" s="1"/>
  <c r="F2270" i="2" a="1"/>
  <c r="F2270" i="2" s="1"/>
  <c r="F2272" i="2" a="1"/>
  <c r="F2272" i="2" s="1"/>
  <c r="F2280" i="2" a="1"/>
  <c r="F2280" i="2" s="1"/>
  <c r="F2266" i="2" a="1"/>
  <c r="F2266" i="2" s="1"/>
  <c r="F2275" i="2" a="1"/>
  <c r="F2275" i="2" s="1"/>
  <c r="F2271" i="2" a="1"/>
  <c r="F2271" i="2" s="1"/>
  <c r="F2276" i="2" a="1"/>
  <c r="F2276" i="2" s="1"/>
  <c r="F2283" i="2" a="1"/>
  <c r="F2283" i="2" s="1"/>
  <c r="F2287" i="2" a="1"/>
  <c r="F2287" i="2" s="1"/>
  <c r="F2284" i="2" a="1"/>
  <c r="F2284" i="2" s="1"/>
  <c r="F2269" i="2" a="1"/>
  <c r="F2269" i="2" s="1"/>
  <c r="F2471" i="2" a="1"/>
  <c r="F2471" i="2" s="1"/>
  <c r="F2472" i="2" a="1"/>
  <c r="F2472" i="2" s="1"/>
  <c r="F2475" i="2" a="1"/>
  <c r="F2475" i="2" s="1"/>
  <c r="F2467" i="2" a="1"/>
  <c r="F2467" i="2" s="1"/>
  <c r="F2458" i="2" a="1"/>
  <c r="F2458" i="2" s="1"/>
  <c r="F2477" i="2" a="1"/>
  <c r="F2477" i="2" s="1"/>
  <c r="F2481" i="2" a="1"/>
  <c r="F2481" i="2" s="1"/>
  <c r="F2468" i="2" a="1"/>
  <c r="F2468" i="2" s="1"/>
  <c r="F2464" i="2" a="1"/>
  <c r="F2464" i="2" s="1"/>
  <c r="F2465" i="2" a="1"/>
  <c r="F2465" i="2" s="1"/>
  <c r="F2480" i="2" a="1"/>
  <c r="F2480" i="2" s="1"/>
  <c r="F2466" i="2" a="1"/>
  <c r="F2466" i="2" s="1"/>
  <c r="F2462" i="2" a="1"/>
  <c r="F2462" i="2" s="1"/>
  <c r="F2461" i="2" a="1"/>
  <c r="F2461" i="2" s="1"/>
  <c r="F2459" i="2" a="1"/>
  <c r="F2459" i="2" s="1"/>
  <c r="F2479" i="2" a="1"/>
  <c r="F2479" i="2" s="1"/>
  <c r="F6498" i="2" a="1"/>
  <c r="F6498" i="2" s="1"/>
  <c r="F6491" i="2" a="1"/>
  <c r="F6491" i="2" s="1"/>
  <c r="F6500" i="2" a="1"/>
  <c r="F6500" i="2" s="1"/>
  <c r="F6506" i="2" a="1"/>
  <c r="F6506" i="2" s="1"/>
  <c r="F6503" i="2" a="1"/>
  <c r="F6503" i="2" s="1"/>
  <c r="F6492" i="2" a="1"/>
  <c r="F6492" i="2" s="1"/>
  <c r="F6501" i="2" a="1"/>
  <c r="F6501" i="2" s="1"/>
  <c r="F6507" i="2" a="1"/>
  <c r="F6507" i="2" s="1"/>
  <c r="F6504" i="2" a="1"/>
  <c r="F6504" i="2" s="1"/>
  <c r="F6497" i="2" a="1"/>
  <c r="F6497" i="2" s="1"/>
  <c r="F6508" i="2" a="1"/>
  <c r="F6508" i="2" s="1"/>
  <c r="F6512" i="2" a="1"/>
  <c r="F6512" i="2" s="1"/>
  <c r="F6499" i="2" a="1"/>
  <c r="F6499" i="2" s="1"/>
  <c r="F6509" i="2" a="1"/>
  <c r="F6509" i="2" s="1"/>
  <c r="F6511" i="2" a="1"/>
  <c r="F6511" i="2" s="1"/>
  <c r="F6495" i="2" a="1"/>
  <c r="F6495" i="2" s="1"/>
  <c r="F6505" i="2" a="1"/>
  <c r="F6505" i="2" s="1"/>
  <c r="F6513" i="2" a="1"/>
  <c r="F6513" i="2" s="1"/>
  <c r="F6494" i="2" a="1"/>
  <c r="F6494" i="2" s="1"/>
  <c r="F6502" i="2" a="1"/>
  <c r="F6502" i="2" s="1"/>
  <c r="F6490" i="2" a="1"/>
  <c r="F6490" i="2" s="1"/>
  <c r="F6496" i="2" a="1"/>
  <c r="F6496" i="2" s="1"/>
  <c r="F6510" i="2" a="1"/>
  <c r="F6510" i="2" s="1"/>
  <c r="F6493" i="2" a="1"/>
  <c r="F6493" i="2" s="1"/>
  <c r="D2807" i="2" a="1"/>
  <c r="D2807" i="2" s="1"/>
  <c r="D2810" i="2" a="1"/>
  <c r="D2810" i="2" s="1"/>
  <c r="D2800" i="2" a="1"/>
  <c r="D2800" i="2" s="1"/>
  <c r="D2808" i="2" a="1"/>
  <c r="D2808" i="2" s="1"/>
  <c r="D2795" i="2" a="1"/>
  <c r="D2795" i="2" s="1"/>
  <c r="D2794" i="2" a="1"/>
  <c r="D2794" i="2" s="1"/>
  <c r="D2798" i="2" a="1"/>
  <c r="D2798" i="2" s="1"/>
  <c r="D2802" i="2" a="1"/>
  <c r="D2802" i="2" s="1"/>
  <c r="D2814" i="2" a="1"/>
  <c r="D2814" i="2" s="1"/>
  <c r="D2816" i="2" a="1"/>
  <c r="D2816" i="2" s="1"/>
  <c r="D2804" i="2" a="1"/>
  <c r="D2804" i="2" s="1"/>
  <c r="D2796" i="2" a="1"/>
  <c r="D2796" i="2" s="1"/>
  <c r="D4235" i="2" a="1"/>
  <c r="D4235" i="2" s="1"/>
  <c r="D4239" i="2" a="1"/>
  <c r="D4239" i="2" s="1"/>
  <c r="D4247" i="2" a="1"/>
  <c r="D4247" i="2" s="1"/>
  <c r="D4251" i="2" a="1"/>
  <c r="D4251" i="2" s="1"/>
  <c r="D4255" i="2" a="1"/>
  <c r="D4255" i="2" s="1"/>
  <c r="D4236" i="2" a="1"/>
  <c r="D4236" i="2" s="1"/>
  <c r="D4244" i="2" a="1"/>
  <c r="D4244" i="2" s="1"/>
  <c r="D4234" i="2" a="1"/>
  <c r="D4234" i="2" s="1"/>
  <c r="D4238" i="2" a="1"/>
  <c r="D4238" i="2" s="1"/>
  <c r="D4242" i="2" a="1"/>
  <c r="D4242" i="2" s="1"/>
  <c r="D4246" i="2" a="1"/>
  <c r="D4246" i="2" s="1"/>
  <c r="D4250" i="2" a="1"/>
  <c r="D4250" i="2" s="1"/>
  <c r="D4254" i="2" a="1"/>
  <c r="D4254" i="2" s="1"/>
  <c r="D4243" i="2" a="1"/>
  <c r="D4243" i="2" s="1"/>
  <c r="D4237" i="2" a="1"/>
  <c r="D4237" i="2" s="1"/>
  <c r="D4241" i="2" a="1"/>
  <c r="D4241" i="2" s="1"/>
  <c r="D4245" i="2" a="1"/>
  <c r="D4245" i="2" s="1"/>
  <c r="D4249" i="2" a="1"/>
  <c r="D4249" i="2" s="1"/>
  <c r="D4257" i="2" a="1"/>
  <c r="D4257" i="2" s="1"/>
  <c r="D4253" i="2" a="1"/>
  <c r="D4253" i="2" s="1"/>
  <c r="D4240" i="2" a="1"/>
  <c r="D4240" i="2" s="1"/>
  <c r="D4248" i="2" a="1"/>
  <c r="D4248" i="2" s="1"/>
  <c r="D4252" i="2" a="1"/>
  <c r="D4252" i="2" s="1"/>
  <c r="D4256" i="2" a="1"/>
  <c r="D4256" i="2" s="1"/>
  <c r="G650" i="2" a="1"/>
  <c r="G650" i="2" s="1"/>
  <c r="G641" i="2" a="1"/>
  <c r="G641" i="2" s="1"/>
  <c r="G645" i="2" a="1"/>
  <c r="G645" i="2" s="1"/>
  <c r="G642" i="2" a="1"/>
  <c r="G642" i="2" s="1"/>
  <c r="G655" i="2" a="1"/>
  <c r="G655" i="2" s="1"/>
  <c r="G640" i="2" a="1"/>
  <c r="G640" i="2" s="1"/>
  <c r="G638" i="2" a="1"/>
  <c r="G638" i="2" s="1"/>
  <c r="G634" i="2" a="1"/>
  <c r="G634" i="2" s="1"/>
  <c r="G646" i="2" a="1"/>
  <c r="G646" i="2" s="1"/>
  <c r="G643" i="2" a="1"/>
  <c r="G643" i="2" s="1"/>
  <c r="G651" i="2" a="1"/>
  <c r="G651" i="2" s="1"/>
  <c r="G644" i="2" a="1"/>
  <c r="G644" i="2" s="1"/>
  <c r="G635" i="2" a="1"/>
  <c r="G635" i="2" s="1"/>
  <c r="G639" i="2" a="1"/>
  <c r="G639" i="2" s="1"/>
  <c r="G636" i="2" a="1"/>
  <c r="G636" i="2" s="1"/>
  <c r="G647" i="2" a="1"/>
  <c r="G647" i="2" s="1"/>
  <c r="G656" i="2" a="1"/>
  <c r="G656" i="2" s="1"/>
  <c r="G653" i="2" a="1"/>
  <c r="G653" i="2" s="1"/>
  <c r="G637" i="2" a="1"/>
  <c r="G637" i="2" s="1"/>
  <c r="G649" i="2" a="1"/>
  <c r="G649" i="2" s="1"/>
  <c r="G648" i="2" a="1"/>
  <c r="G648" i="2" s="1"/>
  <c r="G657" i="2" a="1"/>
  <c r="G657" i="2" s="1"/>
  <c r="G652" i="2" a="1"/>
  <c r="G652" i="2" s="1"/>
  <c r="G654" i="2" a="1"/>
  <c r="G654" i="2" s="1"/>
  <c r="D7355" i="2" a="1"/>
  <c r="D7355" i="2" s="1"/>
  <c r="D7359" i="2" a="1"/>
  <c r="D7359" i="2" s="1"/>
  <c r="D7363" i="2" a="1"/>
  <c r="D7363" i="2" s="1"/>
  <c r="D7367" i="2" a="1"/>
  <c r="D7367" i="2" s="1"/>
  <c r="D7375" i="2" a="1"/>
  <c r="D7375" i="2" s="1"/>
  <c r="D7356" i="2" a="1"/>
  <c r="D7356" i="2" s="1"/>
  <c r="D7360" i="2" a="1"/>
  <c r="D7360" i="2" s="1"/>
  <c r="D7376" i="2" a="1"/>
  <c r="D7376" i="2" s="1"/>
  <c r="D7362" i="2" a="1"/>
  <c r="D7362" i="2" s="1"/>
  <c r="D7366" i="2" a="1"/>
  <c r="D7366" i="2" s="1"/>
  <c r="D7370" i="2" a="1"/>
  <c r="D7370" i="2" s="1"/>
  <c r="D7374" i="2" a="1"/>
  <c r="D7374" i="2" s="1"/>
  <c r="D7371" i="2" a="1"/>
  <c r="D7371" i="2" s="1"/>
  <c r="D7354" i="2" a="1"/>
  <c r="D7354" i="2" s="1"/>
  <c r="D7357" i="2" a="1"/>
  <c r="D7357" i="2" s="1"/>
  <c r="D7361" i="2" a="1"/>
  <c r="D7361" i="2" s="1"/>
  <c r="D7365" i="2" a="1"/>
  <c r="D7365" i="2" s="1"/>
  <c r="D7373" i="2" a="1"/>
  <c r="D7373" i="2" s="1"/>
  <c r="D7377" i="2" a="1"/>
  <c r="D7377" i="2" s="1"/>
  <c r="D7358" i="2" a="1"/>
  <c r="D7358" i="2" s="1"/>
  <c r="D7364" i="2" a="1"/>
  <c r="D7364" i="2" s="1"/>
  <c r="D7368" i="2" a="1"/>
  <c r="D7368" i="2" s="1"/>
  <c r="D7372" i="2" a="1"/>
  <c r="D7372" i="2" s="1"/>
  <c r="D7369" i="2" a="1"/>
  <c r="D7369" i="2" s="1"/>
  <c r="D2931" i="2" a="1"/>
  <c r="D2931" i="2" s="1"/>
  <c r="D2930" i="2" a="1"/>
  <c r="D2930" i="2" s="1"/>
  <c r="D2937" i="2" a="1"/>
  <c r="D2937" i="2" s="1"/>
  <c r="D2924" i="2" a="1"/>
  <c r="D2924" i="2" s="1"/>
  <c r="D2922" i="2" a="1"/>
  <c r="D2922" i="2" s="1"/>
  <c r="D2936" i="2" a="1"/>
  <c r="D2936" i="2" s="1"/>
  <c r="D2920" i="2" a="1"/>
  <c r="D2920" i="2" s="1"/>
  <c r="D2916" i="2" a="1"/>
  <c r="D2916" i="2" s="1"/>
  <c r="D2935" i="2" a="1"/>
  <c r="D2935" i="2" s="1"/>
  <c r="F1611" i="2" a="1"/>
  <c r="F1611" i="2" s="1"/>
  <c r="F1612" i="2" a="1"/>
  <c r="F1612" i="2" s="1"/>
  <c r="F1596" i="2" a="1"/>
  <c r="F1596" i="2" s="1"/>
  <c r="F1597" i="2" a="1"/>
  <c r="F1597" i="2" s="1"/>
  <c r="F1594" i="2" a="1"/>
  <c r="F1594" i="2" s="1"/>
  <c r="F1601" i="2" a="1"/>
  <c r="F1601" i="2" s="1"/>
  <c r="F1598" i="2" a="1"/>
  <c r="F1598" i="2" s="1"/>
  <c r="F1603" i="2" a="1"/>
  <c r="F1603" i="2" s="1"/>
  <c r="F1605" i="2" a="1"/>
  <c r="F1605" i="2" s="1"/>
  <c r="F6339" i="2" a="1"/>
  <c r="F6339" i="2" s="1"/>
  <c r="F6334" i="2" a="1"/>
  <c r="F6334" i="2" s="1"/>
  <c r="F6340" i="2" a="1"/>
  <c r="F6340" i="2" s="1"/>
  <c r="F6327" i="2" a="1"/>
  <c r="F6327" i="2" s="1"/>
  <c r="F6336" i="2" a="1"/>
  <c r="F6336" i="2" s="1"/>
  <c r="F6328" i="2" a="1"/>
  <c r="F6328" i="2" s="1"/>
  <c r="F6322" i="2" a="1"/>
  <c r="F6322" i="2" s="1"/>
  <c r="F6325" i="2" a="1"/>
  <c r="F6325" i="2" s="1"/>
  <c r="F6326" i="2" a="1"/>
  <c r="F6326" i="2" s="1"/>
  <c r="F6342" i="2" a="1"/>
  <c r="F6342" i="2" s="1"/>
  <c r="F6335" i="2" a="1"/>
  <c r="F6335" i="2" s="1"/>
  <c r="F6343" i="2" a="1"/>
  <c r="F6343" i="2" s="1"/>
  <c r="F6338" i="2" a="1"/>
  <c r="F6338" i="2" s="1"/>
  <c r="F6331" i="2" a="1"/>
  <c r="F6331" i="2" s="1"/>
  <c r="F5329" i="2" a="1"/>
  <c r="F5329" i="2" s="1"/>
  <c r="F5323" i="2" a="1"/>
  <c r="F5323" i="2" s="1"/>
  <c r="F5336" i="2" a="1"/>
  <c r="F5336" i="2" s="1"/>
  <c r="F5335" i="2" a="1"/>
  <c r="F5335" i="2" s="1"/>
  <c r="F5333" i="2" a="1"/>
  <c r="F5333" i="2" s="1"/>
  <c r="F5321" i="2" a="1"/>
  <c r="F5321" i="2" s="1"/>
  <c r="F5327" i="2" a="1"/>
  <c r="F5327" i="2" s="1"/>
  <c r="F5325" i="2" a="1"/>
  <c r="F5325" i="2" s="1"/>
  <c r="F5314" i="2" a="1"/>
  <c r="F5314" i="2" s="1"/>
  <c r="F5324" i="2" a="1"/>
  <c r="F5324" i="2" s="1"/>
  <c r="F5334" i="2" a="1"/>
  <c r="F5334" i="2" s="1"/>
  <c r="F5326" i="2" a="1"/>
  <c r="F5326" i="2" s="1"/>
  <c r="F5316" i="2" a="1"/>
  <c r="F5316" i="2" s="1"/>
  <c r="F5328" i="2" a="1"/>
  <c r="F5328" i="2" s="1"/>
  <c r="F5331" i="2" a="1"/>
  <c r="F5331" i="2" s="1"/>
  <c r="F5322" i="2" a="1"/>
  <c r="F5322" i="2" s="1"/>
  <c r="F5317" i="2" a="1"/>
  <c r="F5317" i="2" s="1"/>
  <c r="F5330" i="2" a="1"/>
  <c r="F5330" i="2" s="1"/>
  <c r="F5318" i="2" a="1"/>
  <c r="F5318" i="2" s="1"/>
  <c r="F5337" i="2" a="1"/>
  <c r="F5337" i="2" s="1"/>
  <c r="F5319" i="2" a="1"/>
  <c r="F5319" i="2" s="1"/>
  <c r="F5315" i="2" a="1"/>
  <c r="F5315" i="2" s="1"/>
  <c r="F5332" i="2" a="1"/>
  <c r="F5332" i="2" s="1"/>
  <c r="F5320" i="2" a="1"/>
  <c r="F5320" i="2" s="1"/>
  <c r="H2312" i="2" a="1"/>
  <c r="H2312" i="2" s="1"/>
  <c r="H2306" i="2" a="1"/>
  <c r="H2306" i="2" s="1"/>
  <c r="H2313" i="2" a="1"/>
  <c r="H2313" i="2" s="1"/>
  <c r="H2295" i="2" a="1"/>
  <c r="H2295" i="2" s="1"/>
  <c r="H2290" i="2" a="1"/>
  <c r="H2290" i="2" s="1"/>
  <c r="H2300" i="2" a="1"/>
  <c r="H2300" i="2" s="1"/>
  <c r="H2302" i="2" a="1"/>
  <c r="H2302" i="2" s="1"/>
  <c r="H2305" i="2" a="1"/>
  <c r="H2305" i="2" s="1"/>
  <c r="H2296" i="2" a="1"/>
  <c r="H2296" i="2" s="1"/>
  <c r="H2291" i="2" a="1"/>
  <c r="H2291" i="2" s="1"/>
  <c r="D2084" i="2" a="1"/>
  <c r="D2084" i="2" s="1"/>
  <c r="E776" i="2" a="1"/>
  <c r="E776" i="2" s="1"/>
  <c r="E769" i="2" a="1"/>
  <c r="E769" i="2" s="1"/>
  <c r="E772" i="2" a="1"/>
  <c r="E772" i="2" s="1"/>
  <c r="E766" i="2" a="1"/>
  <c r="E766" i="2" s="1"/>
  <c r="E773" i="2" a="1"/>
  <c r="E773" i="2" s="1"/>
  <c r="E756" i="2" a="1"/>
  <c r="E756" i="2" s="1"/>
  <c r="E760" i="2" a="1"/>
  <c r="E760" i="2" s="1"/>
  <c r="E764" i="2" a="1"/>
  <c r="E764" i="2" s="1"/>
  <c r="E768" i="2" a="1"/>
  <c r="E768" i="2" s="1"/>
  <c r="E757" i="2" a="1"/>
  <c r="E757" i="2" s="1"/>
  <c r="E758" i="2" a="1"/>
  <c r="E758" i="2" s="1"/>
  <c r="E754" i="2" a="1"/>
  <c r="E754" i="2" s="1"/>
  <c r="G3071" i="2" a="1"/>
  <c r="G3071" i="2" s="1"/>
  <c r="G3076" i="2" a="1"/>
  <c r="G3076" i="2" s="1"/>
  <c r="G3068" i="2" a="1"/>
  <c r="G3068" i="2" s="1"/>
  <c r="G3061" i="2" a="1"/>
  <c r="G3061" i="2" s="1"/>
  <c r="G3077" i="2" a="1"/>
  <c r="G3077" i="2" s="1"/>
  <c r="G3062" i="2" a="1"/>
  <c r="G3062" i="2" s="1"/>
  <c r="G3064" i="2" a="1"/>
  <c r="G3064" i="2" s="1"/>
  <c r="G3060" i="2" a="1"/>
  <c r="G3060" i="2" s="1"/>
  <c r="G3069" i="2" a="1"/>
  <c r="G3069" i="2" s="1"/>
  <c r="G3065" i="2" a="1"/>
  <c r="G3065" i="2" s="1"/>
  <c r="G3070" i="2" a="1"/>
  <c r="G3070" i="2" s="1"/>
  <c r="G3066" i="2" a="1"/>
  <c r="G3066" i="2" s="1"/>
  <c r="G3072" i="2" a="1"/>
  <c r="G3072" i="2" s="1"/>
  <c r="G3067" i="2" a="1"/>
  <c r="G3067" i="2" s="1"/>
  <c r="G3078" i="2" a="1"/>
  <c r="G3078" i="2" s="1"/>
  <c r="G3058" i="2" a="1"/>
  <c r="G3058" i="2" s="1"/>
  <c r="G3079" i="2" a="1"/>
  <c r="G3079" i="2" s="1"/>
  <c r="G3075" i="2" a="1"/>
  <c r="G3075" i="2" s="1"/>
  <c r="G3080" i="2" a="1"/>
  <c r="G3080" i="2" s="1"/>
  <c r="G3073" i="2" a="1"/>
  <c r="G3073" i="2" s="1"/>
  <c r="G3059" i="2" a="1"/>
  <c r="G3059" i="2" s="1"/>
  <c r="G3074" i="2" a="1"/>
  <c r="G3074" i="2" s="1"/>
  <c r="G3081" i="2" a="1"/>
  <c r="G3081" i="2" s="1"/>
  <c r="G3063" i="2" a="1"/>
  <c r="G3063" i="2" s="1"/>
  <c r="E2738" i="2" a="1"/>
  <c r="E2738" i="2" s="1"/>
  <c r="G5827" i="2" a="1"/>
  <c r="G5827" i="2" s="1"/>
  <c r="G5832" i="2" a="1"/>
  <c r="G5832" i="2" s="1"/>
  <c r="G5839" i="2" a="1"/>
  <c r="G5839" i="2" s="1"/>
  <c r="G5833" i="2" a="1"/>
  <c r="G5833" i="2" s="1"/>
  <c r="G5822" i="2" a="1"/>
  <c r="G5822" i="2" s="1"/>
  <c r="G5821" i="2" a="1"/>
  <c r="G5821" i="2" s="1"/>
  <c r="G5828" i="2" a="1"/>
  <c r="G5828" i="2" s="1"/>
  <c r="G5823" i="2" a="1"/>
  <c r="G5823" i="2" s="1"/>
  <c r="G5840" i="2" a="1"/>
  <c r="G5840" i="2" s="1"/>
  <c r="G5831" i="2" a="1"/>
  <c r="G5831" i="2" s="1"/>
  <c r="G5819" i="2" a="1"/>
  <c r="G5819" i="2" s="1"/>
  <c r="G5829" i="2" a="1"/>
  <c r="G5829" i="2" s="1"/>
  <c r="G5835" i="2" a="1"/>
  <c r="G5835" i="2" s="1"/>
  <c r="G5830" i="2" a="1"/>
  <c r="G5830" i="2" s="1"/>
  <c r="G5838" i="2" a="1"/>
  <c r="G5838" i="2" s="1"/>
  <c r="G5841" i="2" a="1"/>
  <c r="G5841" i="2" s="1"/>
  <c r="G5824" i="2" a="1"/>
  <c r="G5824" i="2" s="1"/>
  <c r="G5836" i="2" a="1"/>
  <c r="G5836" i="2" s="1"/>
  <c r="G5818" i="2" a="1"/>
  <c r="G5818" i="2" s="1"/>
  <c r="G5834" i="2" a="1"/>
  <c r="G5834" i="2" s="1"/>
  <c r="G5837" i="2" a="1"/>
  <c r="G5837" i="2" s="1"/>
  <c r="G5825" i="2" a="1"/>
  <c r="G5825" i="2" s="1"/>
  <c r="G5826" i="2" a="1"/>
  <c r="G5826" i="2" s="1"/>
  <c r="G5820" i="2" a="1"/>
  <c r="G5820" i="2" s="1"/>
  <c r="H4593" i="2" a="1"/>
  <c r="H4593" i="2" s="1"/>
  <c r="H4570" i="2" a="1"/>
  <c r="H4570" i="2" s="1"/>
  <c r="H4586" i="2" a="1"/>
  <c r="H4586" i="2" s="1"/>
  <c r="H4581" i="2" a="1"/>
  <c r="H4581" i="2" s="1"/>
  <c r="H4591" i="2" a="1"/>
  <c r="H4591" i="2" s="1"/>
  <c r="H4587" i="2" a="1"/>
  <c r="H4587" i="2" s="1"/>
  <c r="H4582" i="2" a="1"/>
  <c r="H4582" i="2" s="1"/>
  <c r="H4588" i="2" a="1"/>
  <c r="H4588" i="2" s="1"/>
  <c r="H4592" i="2" a="1"/>
  <c r="H4592" i="2" s="1"/>
  <c r="H4583" i="2" a="1"/>
  <c r="H4583" i="2" s="1"/>
  <c r="H4574" i="2" a="1"/>
  <c r="H4574" i="2" s="1"/>
  <c r="H4577" i="2" a="1"/>
  <c r="H4577" i="2" s="1"/>
  <c r="H4589" i="2" a="1"/>
  <c r="H4589" i="2" s="1"/>
  <c r="H4572" i="2" a="1"/>
  <c r="H4572" i="2" s="1"/>
  <c r="H4584" i="2" a="1"/>
  <c r="H4584" i="2" s="1"/>
  <c r="H4575" i="2" a="1"/>
  <c r="H4575" i="2" s="1"/>
  <c r="H4573" i="2" a="1"/>
  <c r="H4573" i="2" s="1"/>
  <c r="H4590" i="2" a="1"/>
  <c r="H4590" i="2" s="1"/>
  <c r="H4576" i="2" a="1"/>
  <c r="H4576" i="2" s="1"/>
  <c r="H4579" i="2" a="1"/>
  <c r="H4579" i="2" s="1"/>
  <c r="H4585" i="2" a="1"/>
  <c r="H4585" i="2" s="1"/>
  <c r="H4571" i="2" a="1"/>
  <c r="H4571" i="2" s="1"/>
  <c r="H4580" i="2" a="1"/>
  <c r="H4580" i="2" s="1"/>
  <c r="H4578" i="2" a="1"/>
  <c r="H4578" i="2" s="1"/>
  <c r="F399" i="2" a="1"/>
  <c r="F399" i="2" s="1"/>
  <c r="F412" i="2" a="1"/>
  <c r="F412" i="2" s="1"/>
  <c r="F394" i="2" a="1"/>
  <c r="F394" i="2" s="1"/>
  <c r="F417" i="2" a="1"/>
  <c r="F417" i="2" s="1"/>
  <c r="F396" i="2" a="1"/>
  <c r="F396" i="2" s="1"/>
  <c r="F415" i="2" a="1"/>
  <c r="F415" i="2" s="1"/>
  <c r="F398" i="2" a="1"/>
  <c r="F398" i="2" s="1"/>
  <c r="F400" i="2" a="1"/>
  <c r="F400" i="2" s="1"/>
  <c r="F395" i="2" a="1"/>
  <c r="F395" i="2" s="1"/>
  <c r="F397" i="2" a="1"/>
  <c r="F397" i="2" s="1"/>
  <c r="F414" i="2" a="1"/>
  <c r="F414" i="2" s="1"/>
  <c r="F5086" i="2" a="1"/>
  <c r="F5086" i="2" s="1"/>
  <c r="F5096" i="2" a="1"/>
  <c r="F5096" i="2" s="1"/>
  <c r="F5087" i="2" a="1"/>
  <c r="F5087" i="2" s="1"/>
  <c r="F5076" i="2" a="1"/>
  <c r="F5076" i="2" s="1"/>
  <c r="F5079" i="2" a="1"/>
  <c r="F5079" i="2" s="1"/>
  <c r="F5077" i="2" a="1"/>
  <c r="F5077" i="2" s="1"/>
  <c r="F5092" i="2" a="1"/>
  <c r="F5092" i="2" s="1"/>
  <c r="F5081" i="2" a="1"/>
  <c r="F5081" i="2" s="1"/>
  <c r="F5093" i="2" a="1"/>
  <c r="F5093" i="2" s="1"/>
  <c r="F5085" i="2" a="1"/>
  <c r="F5085" i="2" s="1"/>
  <c r="F5084" i="2" a="1"/>
  <c r="F5084" i="2" s="1"/>
  <c r="F5097" i="2" a="1"/>
  <c r="F5097" i="2" s="1"/>
  <c r="F5080" i="2" a="1"/>
  <c r="F5080" i="2" s="1"/>
  <c r="E5352" i="2" a="1"/>
  <c r="E5352" i="2" s="1"/>
  <c r="E5356" i="2" a="1"/>
  <c r="E5356" i="2" s="1"/>
  <c r="E5345" i="2" a="1"/>
  <c r="E5345" i="2" s="1"/>
  <c r="E5353" i="2" a="1"/>
  <c r="E5353" i="2" s="1"/>
  <c r="E5357" i="2" a="1"/>
  <c r="E5357" i="2" s="1"/>
  <c r="E5344" i="2" a="1"/>
  <c r="E5344" i="2" s="1"/>
  <c r="E5341" i="2" a="1"/>
  <c r="E5341" i="2" s="1"/>
  <c r="E5349" i="2" a="1"/>
  <c r="E5349" i="2" s="1"/>
  <c r="E5342" i="2" a="1"/>
  <c r="E5342" i="2" s="1"/>
  <c r="E5354" i="2" a="1"/>
  <c r="E5354" i="2" s="1"/>
  <c r="E5360" i="2" a="1"/>
  <c r="E5360" i="2" s="1"/>
  <c r="E5355" i="2" a="1"/>
  <c r="E5355" i="2" s="1"/>
  <c r="E5339" i="2" a="1"/>
  <c r="E5339" i="2" s="1"/>
  <c r="E5347" i="2" a="1"/>
  <c r="E5347" i="2" s="1"/>
  <c r="E5348" i="2" a="1"/>
  <c r="E5348" i="2" s="1"/>
  <c r="E5350" i="2" a="1"/>
  <c r="E5350" i="2" s="1"/>
  <c r="E5343" i="2" a="1"/>
  <c r="E5343" i="2" s="1"/>
  <c r="E5346" i="2" a="1"/>
  <c r="E5346" i="2" s="1"/>
  <c r="E5361" i="2" a="1"/>
  <c r="E5361" i="2" s="1"/>
  <c r="E5359" i="2" a="1"/>
  <c r="E5359" i="2" s="1"/>
  <c r="E5351" i="2" a="1"/>
  <c r="E5351" i="2" s="1"/>
  <c r="E5338" i="2" a="1"/>
  <c r="E5338" i="2" s="1"/>
  <c r="E5340" i="2" a="1"/>
  <c r="E5340" i="2" s="1"/>
  <c r="E5358" i="2" a="1"/>
  <c r="E5358" i="2" s="1"/>
  <c r="F1387" i="2" a="1"/>
  <c r="F1387" i="2" s="1"/>
  <c r="F1396" i="2" a="1"/>
  <c r="F1396" i="2" s="1"/>
  <c r="D3732" i="2" a="1"/>
  <c r="D3732" i="2" s="1"/>
  <c r="D3740" i="2" a="1"/>
  <c r="D3740" i="2" s="1"/>
  <c r="D3752" i="2" a="1"/>
  <c r="D3752" i="2" s="1"/>
  <c r="D3733" i="2" a="1"/>
  <c r="D3733" i="2" s="1"/>
  <c r="D3753" i="2" a="1"/>
  <c r="D3753" i="2" s="1"/>
  <c r="D3737" i="2" a="1"/>
  <c r="D3737" i="2" s="1"/>
  <c r="D3744" i="2" a="1"/>
  <c r="D3744" i="2" s="1"/>
  <c r="D3746" i="2" a="1"/>
  <c r="D3746" i="2" s="1"/>
  <c r="D3730" i="2" a="1"/>
  <c r="D3730" i="2" s="1"/>
  <c r="D3736" i="2" a="1"/>
  <c r="D3736" i="2" s="1"/>
  <c r="D3751" i="2" a="1"/>
  <c r="D3751" i="2" s="1"/>
  <c r="D3738" i="2" a="1"/>
  <c r="D3738" i="2" s="1"/>
  <c r="D3734" i="2" a="1"/>
  <c r="D3734" i="2" s="1"/>
  <c r="D3743" i="2" a="1"/>
  <c r="D3743" i="2" s="1"/>
  <c r="D3750" i="2" a="1"/>
  <c r="D3750" i="2" s="1"/>
  <c r="D3735" i="2" a="1"/>
  <c r="D3735" i="2" s="1"/>
  <c r="D3741" i="2" a="1"/>
  <c r="D3741" i="2" s="1"/>
  <c r="D3745" i="2" a="1"/>
  <c r="D3745" i="2" s="1"/>
  <c r="D3748" i="2" a="1"/>
  <c r="D3748" i="2" s="1"/>
  <c r="D3739" i="2" a="1"/>
  <c r="D3739" i="2" s="1"/>
  <c r="D3747" i="2" a="1"/>
  <c r="D3747" i="2" s="1"/>
  <c r="D3731" i="2" a="1"/>
  <c r="D3731" i="2" s="1"/>
  <c r="D3749" i="2" a="1"/>
  <c r="D3749" i="2" s="1"/>
  <c r="D3742" i="2" a="1"/>
  <c r="D3742" i="2" s="1"/>
  <c r="E7711" i="2" a="1"/>
  <c r="E7711" i="2" s="1"/>
  <c r="E7703" i="2" a="1"/>
  <c r="E7703" i="2" s="1"/>
  <c r="E7713" i="2" a="1"/>
  <c r="E7713" i="2" s="1"/>
  <c r="E7704" i="2" a="1"/>
  <c r="E7704" i="2" s="1"/>
  <c r="E7690" i="2" a="1"/>
  <c r="E7690" i="2" s="1"/>
  <c r="E7705" i="2" a="1"/>
  <c r="E7705" i="2" s="1"/>
  <c r="E7712" i="2" a="1"/>
  <c r="E7712" i="2" s="1"/>
  <c r="E7706" i="2" a="1"/>
  <c r="E7706" i="2" s="1"/>
  <c r="E7710" i="2" a="1"/>
  <c r="E7710" i="2" s="1"/>
  <c r="E7707" i="2" a="1"/>
  <c r="E7707" i="2" s="1"/>
  <c r="E7698" i="2" a="1"/>
  <c r="E7698" i="2" s="1"/>
  <c r="E7691" i="2" a="1"/>
  <c r="E7691" i="2" s="1"/>
  <c r="E7696" i="2" a="1"/>
  <c r="E7696" i="2" s="1"/>
  <c r="E7701" i="2" a="1"/>
  <c r="E7701" i="2" s="1"/>
  <c r="E7692" i="2" a="1"/>
  <c r="E7692" i="2" s="1"/>
  <c r="E7702" i="2" a="1"/>
  <c r="E7702" i="2" s="1"/>
  <c r="E7694" i="2" a="1"/>
  <c r="E7694" i="2" s="1"/>
  <c r="E7699" i="2" a="1"/>
  <c r="E7699" i="2" s="1"/>
  <c r="E7709" i="2" a="1"/>
  <c r="E7709" i="2" s="1"/>
  <c r="E7700" i="2" a="1"/>
  <c r="E7700" i="2" s="1"/>
  <c r="E7708" i="2" a="1"/>
  <c r="E7708" i="2" s="1"/>
  <c r="E7693" i="2" a="1"/>
  <c r="E7693" i="2" s="1"/>
  <c r="E7697" i="2" a="1"/>
  <c r="E7697" i="2" s="1"/>
  <c r="H8212" i="2" a="1"/>
  <c r="H8212" i="2" s="1"/>
  <c r="F58" i="2" a="1"/>
  <c r="F58" i="2" s="1"/>
  <c r="F67" i="2" a="1"/>
  <c r="F67" i="2" s="1"/>
  <c r="F76" i="2" a="1"/>
  <c r="F76" i="2" s="1"/>
  <c r="F69" i="2" a="1"/>
  <c r="F69" i="2" s="1"/>
  <c r="F72" i="2" a="1"/>
  <c r="F72" i="2" s="1"/>
  <c r="F59" i="2" a="1"/>
  <c r="F59" i="2" s="1"/>
  <c r="F81" i="2" a="1"/>
  <c r="F81" i="2" s="1"/>
  <c r="F74" i="2" a="1"/>
  <c r="F74" i="2" s="1"/>
  <c r="F66" i="2" a="1"/>
  <c r="F66" i="2" s="1"/>
  <c r="F60" i="2" a="1"/>
  <c r="F60" i="2" s="1"/>
  <c r="F77" i="2" a="1"/>
  <c r="F77" i="2" s="1"/>
  <c r="F64" i="2" a="1"/>
  <c r="F64" i="2" s="1"/>
  <c r="F65" i="2" a="1"/>
  <c r="F65" i="2" s="1"/>
  <c r="F78" i="2" a="1"/>
  <c r="F78" i="2" s="1"/>
  <c r="F73" i="2" a="1"/>
  <c r="F73" i="2" s="1"/>
  <c r="F62" i="2" a="1"/>
  <c r="F62" i="2" s="1"/>
  <c r="F70" i="2" a="1"/>
  <c r="F70" i="2" s="1"/>
  <c r="F75" i="2" a="1"/>
  <c r="F75" i="2" s="1"/>
  <c r="F71" i="2" a="1"/>
  <c r="F71" i="2" s="1"/>
  <c r="D3230" i="2" a="1"/>
  <c r="D3230" i="2" s="1"/>
  <c r="D3234" i="2" a="1"/>
  <c r="D3234" i="2" s="1"/>
  <c r="D3242" i="2" a="1"/>
  <c r="D3242" i="2" s="1"/>
  <c r="D3227" i="2" a="1"/>
  <c r="D3227" i="2" s="1"/>
  <c r="D3239" i="2" a="1"/>
  <c r="D3239" i="2" s="1"/>
  <c r="D3229" i="2" a="1"/>
  <c r="D3229" i="2" s="1"/>
  <c r="D3233" i="2" a="1"/>
  <c r="D3233" i="2" s="1"/>
  <c r="D3237" i="2" a="1"/>
  <c r="D3237" i="2" s="1"/>
  <c r="D3241" i="2" a="1"/>
  <c r="D3241" i="2" s="1"/>
  <c r="D3249" i="2" a="1"/>
  <c r="D3249" i="2" s="1"/>
  <c r="D3231" i="2" a="1"/>
  <c r="D3231" i="2" s="1"/>
  <c r="D3235" i="2" a="1"/>
  <c r="D3235" i="2" s="1"/>
  <c r="D3243" i="2" a="1"/>
  <c r="D3243" i="2" s="1"/>
  <c r="D3247" i="2" a="1"/>
  <c r="D3247" i="2" s="1"/>
  <c r="D3248" i="2" a="1"/>
  <c r="D3248" i="2" s="1"/>
  <c r="F3106" i="2" a="1"/>
  <c r="F3106" i="2" s="1"/>
  <c r="F3109" i="2" a="1"/>
  <c r="F3109" i="2" s="1"/>
  <c r="E4112" i="2" a="1"/>
  <c r="E4112" i="2" s="1"/>
  <c r="E4096" i="2" a="1"/>
  <c r="E4096" i="2" s="1"/>
  <c r="E4091" i="2" a="1"/>
  <c r="E4091" i="2" s="1"/>
  <c r="E4098" i="2" a="1"/>
  <c r="E4098" i="2" s="1"/>
  <c r="E4113" i="2" a="1"/>
  <c r="E4113" i="2" s="1"/>
  <c r="E4106" i="2" a="1"/>
  <c r="E4106" i="2" s="1"/>
  <c r="E4104" i="2" a="1"/>
  <c r="E4104" i="2" s="1"/>
  <c r="E4111" i="2" a="1"/>
  <c r="E4111" i="2" s="1"/>
  <c r="E4097" i="2" a="1"/>
  <c r="E4097" i="2" s="1"/>
  <c r="E4100" i="2" a="1"/>
  <c r="E4100" i="2" s="1"/>
  <c r="E4109" i="2" a="1"/>
  <c r="E4109" i="2" s="1"/>
  <c r="E4101" i="2" a="1"/>
  <c r="E4101" i="2" s="1"/>
  <c r="E4092" i="2" a="1"/>
  <c r="E4092" i="2" s="1"/>
  <c r="E4103" i="2" a="1"/>
  <c r="E4103" i="2" s="1"/>
  <c r="E4090" i="2" a="1"/>
  <c r="E4090" i="2" s="1"/>
  <c r="E4094" i="2" a="1"/>
  <c r="E4094" i="2" s="1"/>
  <c r="E4093" i="2" a="1"/>
  <c r="E4093" i="2" s="1"/>
  <c r="E4095" i="2" a="1"/>
  <c r="E4095" i="2" s="1"/>
  <c r="E4105" i="2" a="1"/>
  <c r="E4105" i="2" s="1"/>
  <c r="E4110" i="2" a="1"/>
  <c r="E4110" i="2" s="1"/>
  <c r="E4107" i="2" a="1"/>
  <c r="E4107" i="2" s="1"/>
  <c r="E4102" i="2" a="1"/>
  <c r="E4102" i="2" s="1"/>
  <c r="E4099" i="2" a="1"/>
  <c r="E4099" i="2" s="1"/>
  <c r="E4108" i="2" a="1"/>
  <c r="E4108" i="2" s="1"/>
  <c r="E3095" i="2" a="1"/>
  <c r="E3095" i="2" s="1"/>
  <c r="E3096" i="2" a="1"/>
  <c r="E3096" i="2" s="1"/>
  <c r="E3098" i="2" a="1"/>
  <c r="E3098" i="2" s="1"/>
  <c r="E3083" i="2" a="1"/>
  <c r="E3083" i="2" s="1"/>
  <c r="E3099" i="2" a="1"/>
  <c r="E3099" i="2" s="1"/>
  <c r="E3105" i="2" a="1"/>
  <c r="E3105" i="2" s="1"/>
  <c r="E3101" i="2" a="1"/>
  <c r="E3101" i="2" s="1"/>
  <c r="E3085" i="2" a="1"/>
  <c r="E3085" i="2" s="1"/>
  <c r="E3102" i="2" a="1"/>
  <c r="E3102" i="2" s="1"/>
  <c r="E3088" i="2" a="1"/>
  <c r="E3088" i="2" s="1"/>
  <c r="E3091" i="2" a="1"/>
  <c r="E3091" i="2" s="1"/>
  <c r="E3104" i="2" a="1"/>
  <c r="E3104" i="2" s="1"/>
  <c r="E3090" i="2" a="1"/>
  <c r="E3090" i="2" s="1"/>
  <c r="E3086" i="2" a="1"/>
  <c r="E3086" i="2" s="1"/>
  <c r="E3097" i="2" a="1"/>
  <c r="E3097" i="2" s="1"/>
  <c r="E3093" i="2" a="1"/>
  <c r="E3093" i="2" s="1"/>
  <c r="E3094" i="2" a="1"/>
  <c r="E3094" i="2" s="1"/>
  <c r="E3087" i="2" a="1"/>
  <c r="E3087" i="2" s="1"/>
  <c r="E3089" i="2" a="1"/>
  <c r="E3089" i="2" s="1"/>
  <c r="E3084" i="2" a="1"/>
  <c r="E3084" i="2" s="1"/>
  <c r="E3103" i="2" a="1"/>
  <c r="E3103" i="2" s="1"/>
  <c r="E788" i="2" a="1"/>
  <c r="E788" i="2" s="1"/>
  <c r="E797" i="2" a="1"/>
  <c r="E797" i="2" s="1"/>
  <c r="E779" i="2" a="1"/>
  <c r="E779" i="2" s="1"/>
  <c r="E781" i="2" a="1"/>
  <c r="E781" i="2" s="1"/>
  <c r="E784" i="2" a="1"/>
  <c r="E784" i="2" s="1"/>
  <c r="E780" i="2" a="1"/>
  <c r="E780" i="2" s="1"/>
  <c r="E782" i="2" a="1"/>
  <c r="E782" i="2" s="1"/>
  <c r="E792" i="2" a="1"/>
  <c r="E792" i="2" s="1"/>
  <c r="E796" i="2" a="1"/>
  <c r="E796" i="2" s="1"/>
  <c r="E794" i="2" a="1"/>
  <c r="E794" i="2" s="1"/>
  <c r="E791" i="2" a="1"/>
  <c r="E791" i="2" s="1"/>
  <c r="E800" i="2" a="1"/>
  <c r="E800" i="2" s="1"/>
  <c r="E795" i="2" a="1"/>
  <c r="E795" i="2" s="1"/>
  <c r="E778" i="2" a="1"/>
  <c r="E778" i="2" s="1"/>
  <c r="E789" i="2" a="1"/>
  <c r="E789" i="2" s="1"/>
  <c r="E783" i="2" a="1"/>
  <c r="E783" i="2" s="1"/>
  <c r="E798" i="2" a="1"/>
  <c r="E798" i="2" s="1"/>
  <c r="E799" i="2" a="1"/>
  <c r="E799" i="2" s="1"/>
  <c r="E790" i="2" a="1"/>
  <c r="E790" i="2" s="1"/>
  <c r="E793" i="2" a="1"/>
  <c r="E793" i="2" s="1"/>
  <c r="E785" i="2" a="1"/>
  <c r="E785" i="2" s="1"/>
  <c r="E787" i="2" a="1"/>
  <c r="E787" i="2" s="1"/>
  <c r="E786" i="2" a="1"/>
  <c r="E786" i="2" s="1"/>
  <c r="E801" i="2" a="1"/>
  <c r="E801" i="2" s="1"/>
  <c r="E3176" i="2" a="1"/>
  <c r="E3176" i="2" s="1"/>
  <c r="E3165" i="2" a="1"/>
  <c r="E3165" i="2" s="1"/>
  <c r="E3156" i="2" a="1"/>
  <c r="E3156" i="2" s="1"/>
  <c r="E3155" i="2" a="1"/>
  <c r="E3155" i="2" s="1"/>
  <c r="E3158" i="2" a="1"/>
  <c r="E3158" i="2" s="1"/>
  <c r="E3164" i="2" a="1"/>
  <c r="E3164" i="2" s="1"/>
  <c r="E3159" i="2" a="1"/>
  <c r="E3159" i="2" s="1"/>
  <c r="E3170" i="2" a="1"/>
  <c r="E3170" i="2" s="1"/>
  <c r="E3167" i="2" a="1"/>
  <c r="E3167" i="2" s="1"/>
  <c r="E3174" i="2" a="1"/>
  <c r="E3174" i="2" s="1"/>
  <c r="E3171" i="2" a="1"/>
  <c r="E3171" i="2" s="1"/>
  <c r="E3154" i="2" a="1"/>
  <c r="E3154" i="2" s="1"/>
  <c r="E3173" i="2" a="1"/>
  <c r="E3173" i="2" s="1"/>
  <c r="E3177" i="2" a="1"/>
  <c r="E3177" i="2" s="1"/>
  <c r="E3166" i="2" a="1"/>
  <c r="E3166" i="2" s="1"/>
  <c r="E3168" i="2" a="1"/>
  <c r="E3168" i="2" s="1"/>
  <c r="E3162" i="2" a="1"/>
  <c r="E3162" i="2" s="1"/>
  <c r="E3163" i="2" a="1"/>
  <c r="E3163" i="2" s="1"/>
  <c r="E3169" i="2" a="1"/>
  <c r="E3169" i="2" s="1"/>
  <c r="E3157" i="2" a="1"/>
  <c r="E3157" i="2" s="1"/>
  <c r="E3160" i="2" a="1"/>
  <c r="E3160" i="2" s="1"/>
  <c r="E3161" i="2" a="1"/>
  <c r="E3161" i="2" s="1"/>
  <c r="E3172" i="2" a="1"/>
  <c r="E3172" i="2" s="1"/>
  <c r="E3175" i="2" a="1"/>
  <c r="E3175" i="2" s="1"/>
  <c r="H6705" i="2" a="1"/>
  <c r="H6705" i="2" s="1"/>
  <c r="H6682" i="2" a="1"/>
  <c r="H6682" i="2" s="1"/>
  <c r="H3304" i="2" a="1"/>
  <c r="H3304" i="2" s="1"/>
  <c r="H3299" i="2" a="1"/>
  <c r="H3299" i="2" s="1"/>
  <c r="H3313" i="2" a="1"/>
  <c r="H3313" i="2" s="1"/>
  <c r="H3305" i="2" a="1"/>
  <c r="H3305" i="2" s="1"/>
  <c r="H3307" i="2" a="1"/>
  <c r="H3307" i="2" s="1"/>
  <c r="H3315" i="2" a="1"/>
  <c r="H3315" i="2" s="1"/>
  <c r="H3317" i="2" a="1"/>
  <c r="H3317" i="2" s="1"/>
  <c r="H3300" i="2" a="1"/>
  <c r="H3300" i="2" s="1"/>
  <c r="H3318" i="2" a="1"/>
  <c r="H3318" i="2" s="1"/>
  <c r="H3321" i="2" a="1"/>
  <c r="H3321" i="2" s="1"/>
  <c r="H3301" i="2" a="1"/>
  <c r="H3301" i="2" s="1"/>
  <c r="H3309" i="2" a="1"/>
  <c r="H3309" i="2" s="1"/>
  <c r="H3308" i="2" a="1"/>
  <c r="H3308" i="2" s="1"/>
  <c r="H3310" i="2" a="1"/>
  <c r="H3310" i="2" s="1"/>
  <c r="H3316" i="2" a="1"/>
  <c r="H3316" i="2" s="1"/>
  <c r="H3312" i="2" a="1"/>
  <c r="H3312" i="2" s="1"/>
  <c r="H3306" i="2" a="1"/>
  <c r="H3306" i="2" s="1"/>
  <c r="H3319" i="2" a="1"/>
  <c r="H3319" i="2" s="1"/>
  <c r="H3302" i="2" a="1"/>
  <c r="H3302" i="2" s="1"/>
  <c r="H3303" i="2" a="1"/>
  <c r="H3303" i="2" s="1"/>
  <c r="H3311" i="2" a="1"/>
  <c r="H3311" i="2" s="1"/>
  <c r="D291" i="2" a="1"/>
  <c r="D291" i="2" s="1"/>
  <c r="D297" i="2" a="1"/>
  <c r="D297" i="2" s="1"/>
  <c r="E5403" i="2" a="1"/>
  <c r="E5403" i="2" s="1"/>
  <c r="E5387" i="2" a="1"/>
  <c r="E5387" i="2" s="1"/>
  <c r="E5398" i="2" a="1"/>
  <c r="E5398" i="2" s="1"/>
  <c r="E5409" i="2" a="1"/>
  <c r="E5409" i="2" s="1"/>
  <c r="E5405" i="2" a="1"/>
  <c r="E5405" i="2" s="1"/>
  <c r="E5404" i="2" a="1"/>
  <c r="E5404" i="2" s="1"/>
  <c r="E5388" i="2" a="1"/>
  <c r="E5388" i="2" s="1"/>
  <c r="E5396" i="2" a="1"/>
  <c r="E5396" i="2" s="1"/>
  <c r="E5406" i="2" a="1"/>
  <c r="E5406" i="2" s="1"/>
  <c r="E5395" i="2" a="1"/>
  <c r="E5395" i="2" s="1"/>
  <c r="E5386" i="2" a="1"/>
  <c r="E5386" i="2" s="1"/>
  <c r="E5408" i="2" a="1"/>
  <c r="E5408" i="2" s="1"/>
  <c r="E5399" i="2" a="1"/>
  <c r="E5399" i="2" s="1"/>
  <c r="E5401" i="2" a="1"/>
  <c r="E5401" i="2" s="1"/>
  <c r="E5402" i="2" a="1"/>
  <c r="E5402" i="2" s="1"/>
  <c r="E5407" i="2" a="1"/>
  <c r="E5407" i="2" s="1"/>
  <c r="E5391" i="2" a="1"/>
  <c r="E5391" i="2" s="1"/>
  <c r="E5389" i="2" a="1"/>
  <c r="E5389" i="2" s="1"/>
  <c r="E5394" i="2" a="1"/>
  <c r="E5394" i="2" s="1"/>
  <c r="E5392" i="2" a="1"/>
  <c r="E5392" i="2" s="1"/>
  <c r="E5400" i="2" a="1"/>
  <c r="E5400" i="2" s="1"/>
  <c r="E5390" i="2" a="1"/>
  <c r="E5390" i="2" s="1"/>
  <c r="E5393" i="2" a="1"/>
  <c r="E5393" i="2" s="1"/>
  <c r="E5397" i="2" a="1"/>
  <c r="E5397" i="2" s="1"/>
  <c r="D5218" i="2" a="1"/>
  <c r="D5218" i="2" s="1"/>
  <c r="E846" i="2" a="1"/>
  <c r="E846" i="2" s="1"/>
  <c r="E833" i="2" a="1"/>
  <c r="E833" i="2" s="1"/>
  <c r="E842" i="2" a="1"/>
  <c r="E842" i="2" s="1"/>
  <c r="E847" i="2" a="1"/>
  <c r="E847" i="2" s="1"/>
  <c r="E849" i="2" a="1"/>
  <c r="E849" i="2" s="1"/>
  <c r="E828" i="2" a="1"/>
  <c r="E828" i="2" s="1"/>
  <c r="E832" i="2" a="1"/>
  <c r="E832" i="2" s="1"/>
  <c r="E845" i="2" a="1"/>
  <c r="E845" i="2" s="1"/>
  <c r="E843" i="2" a="1"/>
  <c r="E843" i="2" s="1"/>
  <c r="E829" i="2" a="1"/>
  <c r="E829" i="2" s="1"/>
  <c r="E830" i="2" a="1"/>
  <c r="E830" i="2" s="1"/>
  <c r="E844" i="2" a="1"/>
  <c r="E844" i="2" s="1"/>
  <c r="E834" i="2" a="1"/>
  <c r="E834" i="2" s="1"/>
  <c r="E827" i="2" a="1"/>
  <c r="E827" i="2" s="1"/>
  <c r="E840" i="2" a="1"/>
  <c r="E840" i="2" s="1"/>
  <c r="E835" i="2" a="1"/>
  <c r="E835" i="2" s="1"/>
  <c r="E841" i="2" a="1"/>
  <c r="E841" i="2" s="1"/>
  <c r="E826" i="2" a="1"/>
  <c r="E826" i="2" s="1"/>
  <c r="E848" i="2" a="1"/>
  <c r="E848" i="2" s="1"/>
  <c r="E839" i="2" a="1"/>
  <c r="E839" i="2" s="1"/>
  <c r="E831" i="2" a="1"/>
  <c r="E831" i="2" s="1"/>
  <c r="E837" i="2" a="1"/>
  <c r="E837" i="2" s="1"/>
  <c r="E838" i="2" a="1"/>
  <c r="E838" i="2" s="1"/>
  <c r="E836" i="2" a="1"/>
  <c r="E836" i="2" s="1"/>
  <c r="H687" i="2" a="1"/>
  <c r="H687" i="2" s="1"/>
  <c r="H696" i="2" a="1"/>
  <c r="H696" i="2" s="1"/>
  <c r="H704" i="2" a="1"/>
  <c r="H704" i="2" s="1"/>
  <c r="H691" i="2" a="1"/>
  <c r="H691" i="2" s="1"/>
  <c r="H697" i="2" a="1"/>
  <c r="H697" i="2" s="1"/>
  <c r="H685" i="2" a="1"/>
  <c r="H685" i="2" s="1"/>
  <c r="H688" i="2" a="1"/>
  <c r="H688" i="2" s="1"/>
  <c r="H699" i="2" a="1"/>
  <c r="H699" i="2" s="1"/>
  <c r="H686" i="2" a="1"/>
  <c r="H686" i="2" s="1"/>
  <c r="H705" i="2" a="1"/>
  <c r="H705" i="2" s="1"/>
  <c r="H689" i="2" a="1"/>
  <c r="H689" i="2" s="1"/>
  <c r="H692" i="2" a="1"/>
  <c r="H692" i="2" s="1"/>
  <c r="H690" i="2" a="1"/>
  <c r="H690" i="2" s="1"/>
  <c r="H702" i="2" a="1"/>
  <c r="H702" i="2" s="1"/>
  <c r="H693" i="2" a="1"/>
  <c r="H693" i="2" s="1"/>
  <c r="H700" i="2" a="1"/>
  <c r="H700" i="2" s="1"/>
  <c r="H698" i="2" a="1"/>
  <c r="H698" i="2" s="1"/>
  <c r="H682" i="2" a="1"/>
  <c r="H682" i="2" s="1"/>
  <c r="H694" i="2" a="1"/>
  <c r="H694" i="2" s="1"/>
  <c r="H683" i="2" a="1"/>
  <c r="H683" i="2" s="1"/>
  <c r="H701" i="2" a="1"/>
  <c r="H701" i="2" s="1"/>
  <c r="H684" i="2" a="1"/>
  <c r="H684" i="2" s="1"/>
  <c r="H695" i="2" a="1"/>
  <c r="H695" i="2" s="1"/>
  <c r="H703" i="2" a="1"/>
  <c r="H703" i="2" s="1"/>
  <c r="H1872" i="2" a="1"/>
  <c r="H1872" i="2" s="1"/>
  <c r="H1859" i="2" a="1"/>
  <c r="H1859" i="2" s="1"/>
  <c r="H1861" i="2" a="1"/>
  <c r="H1861" i="2" s="1"/>
  <c r="H1860" i="2" a="1"/>
  <c r="H1860" i="2" s="1"/>
  <c r="H1880" i="2" a="1"/>
  <c r="H1880" i="2" s="1"/>
  <c r="H1862" i="2" a="1"/>
  <c r="H1862" i="2" s="1"/>
  <c r="H1878" i="2" a="1"/>
  <c r="H1878" i="2" s="1"/>
  <c r="H1881" i="2" a="1"/>
  <c r="H1881" i="2" s="1"/>
  <c r="H1858" i="2" a="1"/>
  <c r="H1858" i="2" s="1"/>
  <c r="H1867" i="2" a="1"/>
  <c r="H1867" i="2" s="1"/>
  <c r="H1874" i="2" a="1"/>
  <c r="H1874" i="2" s="1"/>
  <c r="H1868" i="2" a="1"/>
  <c r="H1868" i="2" s="1"/>
  <c r="H1877" i="2" a="1"/>
  <c r="H1877" i="2" s="1"/>
  <c r="H1879" i="2" a="1"/>
  <c r="H1879" i="2" s="1"/>
  <c r="H1864" i="2" a="1"/>
  <c r="H1864" i="2" s="1"/>
  <c r="H1863" i="2" a="1"/>
  <c r="H1863" i="2" s="1"/>
  <c r="H1865" i="2" a="1"/>
  <c r="H1865" i="2" s="1"/>
  <c r="H1866" i="2" a="1"/>
  <c r="H1866" i="2" s="1"/>
  <c r="H1869" i="2" a="1"/>
  <c r="H1869" i="2" s="1"/>
  <c r="H1870" i="2" a="1"/>
  <c r="H1870" i="2" s="1"/>
  <c r="H1871" i="2" a="1"/>
  <c r="H1871" i="2" s="1"/>
  <c r="H1873" i="2" a="1"/>
  <c r="H1873" i="2" s="1"/>
  <c r="H1875" i="2" a="1"/>
  <c r="H1875" i="2" s="1"/>
  <c r="H1876" i="2" a="1"/>
  <c r="H1876" i="2" s="1"/>
  <c r="H5046" i="2" a="1"/>
  <c r="H5046" i="2" s="1"/>
  <c r="H5047" i="2" a="1"/>
  <c r="H5047" i="2" s="1"/>
  <c r="H5030" i="2" a="1"/>
  <c r="H5030" i="2" s="1"/>
  <c r="H5036" i="2" a="1"/>
  <c r="H5036" i="2" s="1"/>
  <c r="H5039" i="2" a="1"/>
  <c r="H5039" i="2" s="1"/>
  <c r="H5032" i="2" a="1"/>
  <c r="H5032" i="2" s="1"/>
  <c r="H5042" i="2" a="1"/>
  <c r="H5042" i="2" s="1"/>
  <c r="H5033" i="2" a="1"/>
  <c r="H5033" i="2" s="1"/>
  <c r="H5037" i="2" a="1"/>
  <c r="H5037" i="2" s="1"/>
  <c r="H5041" i="2" a="1"/>
  <c r="H5041" i="2" s="1"/>
  <c r="H5049" i="2" a="1"/>
  <c r="H5049" i="2" s="1"/>
  <c r="H5040" i="2" a="1"/>
  <c r="H5040" i="2" s="1"/>
  <c r="H5038" i="2" a="1"/>
  <c r="H5038" i="2" s="1"/>
  <c r="H5026" i="2" a="1"/>
  <c r="H5026" i="2" s="1"/>
  <c r="H5029" i="2" a="1"/>
  <c r="H5029" i="2" s="1"/>
  <c r="H5043" i="2" a="1"/>
  <c r="H5043" i="2" s="1"/>
  <c r="H5027" i="2" a="1"/>
  <c r="H5027" i="2" s="1"/>
  <c r="H5034" i="2" a="1"/>
  <c r="H5034" i="2" s="1"/>
  <c r="H5044" i="2" a="1"/>
  <c r="H5044" i="2" s="1"/>
  <c r="H5028" i="2" a="1"/>
  <c r="H5028" i="2" s="1"/>
  <c r="H5031" i="2" a="1"/>
  <c r="H5031" i="2" s="1"/>
  <c r="H5045" i="2" a="1"/>
  <c r="H5045" i="2" s="1"/>
  <c r="H5048" i="2" a="1"/>
  <c r="H5048" i="2" s="1"/>
  <c r="H5035" i="2" a="1"/>
  <c r="H5035" i="2" s="1"/>
  <c r="E4200" i="2" a="1"/>
  <c r="E4200" i="2" s="1"/>
  <c r="E4190" i="2" a="1"/>
  <c r="E4190" i="2" s="1"/>
  <c r="E4209" i="2" a="1"/>
  <c r="E4209" i="2" s="1"/>
  <c r="D1003" i="2" a="1"/>
  <c r="D1003" i="2" s="1"/>
  <c r="D1010" i="2" a="1"/>
  <c r="D1010" i="2" s="1"/>
  <c r="D1007" i="2" a="1"/>
  <c r="D1007" i="2" s="1"/>
  <c r="D996" i="2" a="1"/>
  <c r="D996" i="2" s="1"/>
  <c r="D999" i="2" a="1"/>
  <c r="D999" i="2" s="1"/>
  <c r="E4718" i="2" a="1"/>
  <c r="E4718" i="2" s="1"/>
  <c r="E4717" i="2" a="1"/>
  <c r="E4717" i="2" s="1"/>
  <c r="E4723" i="2" a="1"/>
  <c r="E4723" i="2" s="1"/>
  <c r="E4719" i="2" a="1"/>
  <c r="E4719" i="2" s="1"/>
  <c r="E4736" i="2" a="1"/>
  <c r="E4736" i="2" s="1"/>
  <c r="E4731" i="2" a="1"/>
  <c r="E4731" i="2" s="1"/>
  <c r="E4725" i="2" a="1"/>
  <c r="E4725" i="2" s="1"/>
  <c r="E4722" i="2" a="1"/>
  <c r="E4722" i="2" s="1"/>
  <c r="E4714" i="2" a="1"/>
  <c r="E4714" i="2" s="1"/>
  <c r="E4726" i="2" a="1"/>
  <c r="E4726" i="2" s="1"/>
  <c r="E4724" i="2" a="1"/>
  <c r="E4724" i="2" s="1"/>
  <c r="E4715" i="2" a="1"/>
  <c r="E4715" i="2" s="1"/>
  <c r="E4733" i="2" a="1"/>
  <c r="E4733" i="2" s="1"/>
  <c r="E4729" i="2" a="1"/>
  <c r="E4729" i="2" s="1"/>
  <c r="E4720" i="2" a="1"/>
  <c r="E4720" i="2" s="1"/>
  <c r="E4716" i="2" a="1"/>
  <c r="E4716" i="2" s="1"/>
  <c r="E4728" i="2" a="1"/>
  <c r="E4728" i="2" s="1"/>
  <c r="E4734" i="2" a="1"/>
  <c r="E4734" i="2" s="1"/>
  <c r="E4735" i="2" a="1"/>
  <c r="E4735" i="2" s="1"/>
  <c r="E4737" i="2" a="1"/>
  <c r="E4737" i="2" s="1"/>
  <c r="E4730" i="2" a="1"/>
  <c r="E4730" i="2" s="1"/>
  <c r="E4732" i="2" a="1"/>
  <c r="E4732" i="2" s="1"/>
  <c r="E4727" i="2" a="1"/>
  <c r="E4727" i="2" s="1"/>
  <c r="E4721" i="2" a="1"/>
  <c r="E4721" i="2" s="1"/>
  <c r="H3547" i="2" a="1"/>
  <c r="H3547" i="2" s="1"/>
  <c r="G1880" i="2" a="1"/>
  <c r="G1880" i="2" s="1"/>
  <c r="G1858" i="2" a="1"/>
  <c r="G1858" i="2" s="1"/>
  <c r="G1860" i="2" a="1"/>
  <c r="G1860" i="2" s="1"/>
  <c r="G1873" i="2" a="1"/>
  <c r="G1873" i="2" s="1"/>
  <c r="G1864" i="2" a="1"/>
  <c r="G1864" i="2" s="1"/>
  <c r="G1866" i="2" a="1"/>
  <c r="G1866" i="2" s="1"/>
  <c r="G1877" i="2" a="1"/>
  <c r="G1877" i="2" s="1"/>
  <c r="G1869" i="2" a="1"/>
  <c r="G1869" i="2" s="1"/>
  <c r="G1862" i="2" a="1"/>
  <c r="G1862" i="2" s="1"/>
  <c r="G1875" i="2" a="1"/>
  <c r="G1875" i="2" s="1"/>
  <c r="E7380" i="2" a="1"/>
  <c r="E7380" i="2" s="1"/>
  <c r="E7398" i="2" a="1"/>
  <c r="E7398" i="2" s="1"/>
  <c r="E7401" i="2" a="1"/>
  <c r="E7401" i="2" s="1"/>
  <c r="E7399" i="2" a="1"/>
  <c r="E7399" i="2" s="1"/>
  <c r="E7384" i="2" a="1"/>
  <c r="E7384" i="2" s="1"/>
  <c r="E7389" i="2" a="1"/>
  <c r="E7389" i="2" s="1"/>
  <c r="E7387" i="2" a="1"/>
  <c r="E7387" i="2" s="1"/>
  <c r="E7394" i="2" a="1"/>
  <c r="E7394" i="2" s="1"/>
  <c r="E7390" i="2" a="1"/>
  <c r="E7390" i="2" s="1"/>
  <c r="E7391" i="2" a="1"/>
  <c r="E7391" i="2" s="1"/>
  <c r="E7381" i="2" a="1"/>
  <c r="E7381" i="2" s="1"/>
  <c r="E7400" i="2" a="1"/>
  <c r="E7400" i="2" s="1"/>
  <c r="E7379" i="2" a="1"/>
  <c r="E7379" i="2" s="1"/>
  <c r="E7388" i="2" a="1"/>
  <c r="E7388" i="2" s="1"/>
  <c r="E7378" i="2" a="1"/>
  <c r="E7378" i="2" s="1"/>
  <c r="F4539" i="2" a="1"/>
  <c r="F4539" i="2" s="1"/>
  <c r="F4536" i="2" a="1"/>
  <c r="F4536" i="2" s="1"/>
  <c r="F4526" i="2" a="1"/>
  <c r="F4526" i="2" s="1"/>
  <c r="F4527" i="2" a="1"/>
  <c r="F4527" i="2" s="1"/>
  <c r="F4541" i="2" a="1"/>
  <c r="F4541" i="2" s="1"/>
  <c r="F4522" i="2" a="1"/>
  <c r="F4522" i="2" s="1"/>
  <c r="F4543" i="2" a="1"/>
  <c r="F4543" i="2" s="1"/>
  <c r="F4531" i="2" a="1"/>
  <c r="F4531" i="2" s="1"/>
  <c r="F4544" i="2" a="1"/>
  <c r="F4544" i="2" s="1"/>
  <c r="F4538" i="2" a="1"/>
  <c r="F4538" i="2" s="1"/>
  <c r="F4540" i="2" a="1"/>
  <c r="F4540" i="2" s="1"/>
  <c r="F4533" i="2" a="1"/>
  <c r="F4533" i="2" s="1"/>
  <c r="F4528" i="2" a="1"/>
  <c r="F4528" i="2" s="1"/>
  <c r="E5057" i="2" a="1"/>
  <c r="E5057" i="2" s="1"/>
  <c r="E5061" i="2" a="1"/>
  <c r="E5061" i="2" s="1"/>
  <c r="E5062" i="2" a="1"/>
  <c r="E5062" i="2" s="1"/>
  <c r="E5072" i="2" a="1"/>
  <c r="E5072" i="2" s="1"/>
  <c r="E5058" i="2" a="1"/>
  <c r="E5058" i="2" s="1"/>
  <c r="E5052" i="2" a="1"/>
  <c r="E5052" i="2" s="1"/>
  <c r="E5063" i="2" a="1"/>
  <c r="E5063" i="2" s="1"/>
  <c r="E5056" i="2" a="1"/>
  <c r="E5056" i="2" s="1"/>
  <c r="E5064" i="2" a="1"/>
  <c r="E5064" i="2" s="1"/>
  <c r="E5059" i="2" a="1"/>
  <c r="E5059" i="2" s="1"/>
  <c r="E5050" i="2" a="1"/>
  <c r="E5050" i="2" s="1"/>
  <c r="E5066" i="2" a="1"/>
  <c r="E5066" i="2" s="1"/>
  <c r="E5060" i="2" a="1"/>
  <c r="E5060" i="2" s="1"/>
  <c r="E5053" i="2" a="1"/>
  <c r="E5053" i="2" s="1"/>
  <c r="E5051" i="2" a="1"/>
  <c r="E5051" i="2" s="1"/>
  <c r="E5054" i="2" a="1"/>
  <c r="E5054" i="2" s="1"/>
  <c r="E5065" i="2" a="1"/>
  <c r="E5065" i="2" s="1"/>
  <c r="E5068" i="2" a="1"/>
  <c r="E5068" i="2" s="1"/>
  <c r="E5055" i="2" a="1"/>
  <c r="E5055" i="2" s="1"/>
  <c r="E5073" i="2" a="1"/>
  <c r="E5073" i="2" s="1"/>
  <c r="E5069" i="2" a="1"/>
  <c r="E5069" i="2" s="1"/>
  <c r="E5067" i="2" a="1"/>
  <c r="E5067" i="2" s="1"/>
  <c r="F8408" i="2" a="1"/>
  <c r="F8408" i="2" s="1"/>
  <c r="F8405" i="2" a="1"/>
  <c r="F8405" i="2" s="1"/>
  <c r="F8409" i="2" a="1"/>
  <c r="F8409" i="2" s="1"/>
  <c r="F8389" i="2" a="1"/>
  <c r="F8389" i="2" s="1"/>
  <c r="F8390" i="2" a="1"/>
  <c r="F8390" i="2" s="1"/>
  <c r="F8393" i="2" a="1"/>
  <c r="F8393" i="2" s="1"/>
  <c r="F8386" i="2" a="1"/>
  <c r="F8386" i="2" s="1"/>
  <c r="F8397" i="2" a="1"/>
  <c r="F8397" i="2" s="1"/>
  <c r="F8407" i="2" a="1"/>
  <c r="F8407" i="2" s="1"/>
  <c r="F8387" i="2" a="1"/>
  <c r="F8387" i="2" s="1"/>
  <c r="F8398" i="2" a="1"/>
  <c r="F8398" i="2" s="1"/>
  <c r="F8399" i="2" a="1"/>
  <c r="F8399" i="2" s="1"/>
  <c r="F8406" i="2" a="1"/>
  <c r="F8406" i="2" s="1"/>
  <c r="F8403" i="2" a="1"/>
  <c r="F8403" i="2" s="1"/>
  <c r="F8394" i="2" a="1"/>
  <c r="F8394" i="2" s="1"/>
  <c r="F8395" i="2" a="1"/>
  <c r="F8395" i="2" s="1"/>
  <c r="F8400" i="2" a="1"/>
  <c r="F8400" i="2" s="1"/>
  <c r="F8391" i="2" a="1"/>
  <c r="F8391" i="2" s="1"/>
  <c r="F8404" i="2" a="1"/>
  <c r="F8404" i="2" s="1"/>
  <c r="F8392" i="2" a="1"/>
  <c r="F8392" i="2" s="1"/>
  <c r="F8402" i="2" a="1"/>
  <c r="F8402" i="2" s="1"/>
  <c r="F8396" i="2" a="1"/>
  <c r="F8396" i="2" s="1"/>
  <c r="F8388" i="2" a="1"/>
  <c r="F8388" i="2" s="1"/>
  <c r="F8401" i="2" a="1"/>
  <c r="F8401" i="2" s="1"/>
  <c r="E1503" i="2" a="1"/>
  <c r="E1503" i="2" s="1"/>
  <c r="G2718" i="2" a="1"/>
  <c r="G2718" i="2" s="1"/>
  <c r="G2720" i="2" a="1"/>
  <c r="G2720" i="2" s="1"/>
  <c r="G2700" i="2" a="1"/>
  <c r="G2700" i="2" s="1"/>
  <c r="G2705" i="2" a="1"/>
  <c r="G2705" i="2" s="1"/>
  <c r="G2698" i="2" a="1"/>
  <c r="G2698" i="2" s="1"/>
  <c r="G2708" i="2" a="1"/>
  <c r="G2708" i="2" s="1"/>
  <c r="G2704" i="2" a="1"/>
  <c r="G2704" i="2" s="1"/>
  <c r="G2715" i="2" a="1"/>
  <c r="G2715" i="2" s="1"/>
  <c r="G2701" i="2" a="1"/>
  <c r="G2701" i="2" s="1"/>
  <c r="G2716" i="2" a="1"/>
  <c r="G2716" i="2" s="1"/>
  <c r="G2721" i="2" a="1"/>
  <c r="G2721" i="2" s="1"/>
  <c r="G2707" i="2" a="1"/>
  <c r="G2707" i="2" s="1"/>
  <c r="G2711" i="2" a="1"/>
  <c r="G2711" i="2" s="1"/>
  <c r="G2712" i="2" a="1"/>
  <c r="G2712" i="2" s="1"/>
  <c r="G2717" i="2" a="1"/>
  <c r="G2717" i="2" s="1"/>
  <c r="G2703" i="2" a="1"/>
  <c r="G2703" i="2" s="1"/>
  <c r="E4398" i="2" a="1"/>
  <c r="E4398" i="2" s="1"/>
  <c r="E4386" i="2" a="1"/>
  <c r="E4386" i="2" s="1"/>
  <c r="E4379" i="2" a="1"/>
  <c r="E4379" i="2" s="1"/>
  <c r="E4391" i="2" a="1"/>
  <c r="E4391" i="2" s="1"/>
  <c r="E4387" i="2" a="1"/>
  <c r="E4387" i="2" s="1"/>
  <c r="E4400" i="2" a="1"/>
  <c r="E4400" i="2" s="1"/>
  <c r="E4385" i="2" a="1"/>
  <c r="E4385" i="2" s="1"/>
  <c r="E4401" i="2" a="1"/>
  <c r="E4401" i="2" s="1"/>
  <c r="E4394" i="2" a="1"/>
  <c r="E4394" i="2" s="1"/>
  <c r="E4395" i="2" a="1"/>
  <c r="E4395" i="2" s="1"/>
  <c r="E4397" i="2" a="1"/>
  <c r="E4397" i="2" s="1"/>
  <c r="E4396" i="2" a="1"/>
  <c r="E4396" i="2" s="1"/>
  <c r="E4383" i="2" a="1"/>
  <c r="E4383" i="2" s="1"/>
  <c r="E4380" i="2" a="1"/>
  <c r="E4380" i="2" s="1"/>
  <c r="E4389" i="2" a="1"/>
  <c r="E4389" i="2" s="1"/>
  <c r="E4381" i="2" a="1"/>
  <c r="E4381" i="2" s="1"/>
  <c r="E4390" i="2" a="1"/>
  <c r="E4390" i="2" s="1"/>
  <c r="E4399" i="2" a="1"/>
  <c r="E4399" i="2" s="1"/>
  <c r="E4378" i="2" a="1"/>
  <c r="E4378" i="2" s="1"/>
  <c r="E4382" i="2" a="1"/>
  <c r="E4382" i="2" s="1"/>
  <c r="E4393" i="2" a="1"/>
  <c r="E4393" i="2" s="1"/>
  <c r="E4392" i="2" a="1"/>
  <c r="E4392" i="2" s="1"/>
  <c r="E4384" i="2" a="1"/>
  <c r="E4384" i="2" s="1"/>
  <c r="E4388" i="2" a="1"/>
  <c r="E4388" i="2" s="1"/>
  <c r="D1546" i="2" a="1"/>
  <c r="D1546" i="2" s="1"/>
  <c r="D1560" i="2" a="1"/>
  <c r="D1560" i="2" s="1"/>
  <c r="D1568" i="2" a="1"/>
  <c r="D1568" i="2" s="1"/>
  <c r="D1550" i="2" a="1"/>
  <c r="D1550" i="2" s="1"/>
  <c r="D1553" i="2" a="1"/>
  <c r="D1553" i="2" s="1"/>
  <c r="D1562" i="2" a="1"/>
  <c r="D1562" i="2" s="1"/>
  <c r="D1547" i="2" a="1"/>
  <c r="D1547" i="2" s="1"/>
  <c r="D1555" i="2" a="1"/>
  <c r="D1555" i="2" s="1"/>
  <c r="D1559" i="2" a="1"/>
  <c r="D1559" i="2" s="1"/>
  <c r="D1552" i="2" a="1"/>
  <c r="D1552" i="2" s="1"/>
  <c r="D1564" i="2" a="1"/>
  <c r="D1564" i="2" s="1"/>
  <c r="D1563" i="2" a="1"/>
  <c r="D1563" i="2" s="1"/>
  <c r="D1569" i="2" a="1"/>
  <c r="D1569" i="2" s="1"/>
  <c r="D1558" i="2" a="1"/>
  <c r="D1558" i="2" s="1"/>
  <c r="D1567" i="2" a="1"/>
  <c r="D1567" i="2" s="1"/>
  <c r="D1557" i="2" a="1"/>
  <c r="D1557" i="2" s="1"/>
  <c r="D1548" i="2" a="1"/>
  <c r="D1548" i="2" s="1"/>
  <c r="D1551" i="2" a="1"/>
  <c r="D1551" i="2" s="1"/>
  <c r="D1556" i="2" a="1"/>
  <c r="D1556" i="2" s="1"/>
  <c r="D1554" i="2" a="1"/>
  <c r="D1554" i="2" s="1"/>
  <c r="D1561" i="2" a="1"/>
  <c r="D1561" i="2" s="1"/>
  <c r="D1565" i="2" a="1"/>
  <c r="D1565" i="2" s="1"/>
  <c r="D1549" i="2" a="1"/>
  <c r="D1549" i="2" s="1"/>
  <c r="D1566" i="2" a="1"/>
  <c r="D1566" i="2" s="1"/>
  <c r="G2669" i="2" a="1"/>
  <c r="G2669" i="2" s="1"/>
  <c r="G2655" i="2" a="1"/>
  <c r="G2655" i="2" s="1"/>
  <c r="G2663" i="2" a="1"/>
  <c r="G2663" i="2" s="1"/>
  <c r="G2652" i="2" a="1"/>
  <c r="G2652" i="2" s="1"/>
  <c r="G2673" i="2" a="1"/>
  <c r="G2673" i="2" s="1"/>
  <c r="G2659" i="2" a="1"/>
  <c r="G2659" i="2" s="1"/>
  <c r="G2660" i="2" a="1"/>
  <c r="G2660" i="2" s="1"/>
  <c r="G2668" i="2" a="1"/>
  <c r="G2668" i="2" s="1"/>
  <c r="G2656" i="2" a="1"/>
  <c r="G2656" i="2" s="1"/>
  <c r="G2661" i="2" a="1"/>
  <c r="G2661" i="2" s="1"/>
  <c r="G2670" i="2" a="1"/>
  <c r="G2670" i="2" s="1"/>
  <c r="G2650" i="2" a="1"/>
  <c r="G2650" i="2" s="1"/>
  <c r="G2671" i="2" a="1"/>
  <c r="G2671" i="2" s="1"/>
  <c r="G2662" i="2" a="1"/>
  <c r="G2662" i="2" s="1"/>
  <c r="G2665" i="2" a="1"/>
  <c r="G2665" i="2" s="1"/>
  <c r="G2651" i="2" a="1"/>
  <c r="G2651" i="2" s="1"/>
  <c r="G2657" i="2" a="1"/>
  <c r="G2657" i="2" s="1"/>
  <c r="G2664" i="2" a="1"/>
  <c r="G2664" i="2" s="1"/>
  <c r="G2658" i="2" a="1"/>
  <c r="G2658" i="2" s="1"/>
  <c r="G2667" i="2" a="1"/>
  <c r="G2667" i="2" s="1"/>
  <c r="G2653" i="2" a="1"/>
  <c r="G2653" i="2" s="1"/>
  <c r="G2654" i="2" a="1"/>
  <c r="G2654" i="2" s="1"/>
  <c r="G2666" i="2" a="1"/>
  <c r="G2666" i="2" s="1"/>
  <c r="E1039" i="2" a="1"/>
  <c r="E1039" i="2" s="1"/>
  <c r="H6349" i="2" a="1"/>
  <c r="H6349" i="2" s="1"/>
  <c r="H6366" i="2" a="1"/>
  <c r="H6366" i="2" s="1"/>
  <c r="H6359" i="2" a="1"/>
  <c r="H6359" i="2" s="1"/>
  <c r="H6350" i="2" a="1"/>
  <c r="H6350" i="2" s="1"/>
  <c r="H6365" i="2" a="1"/>
  <c r="H6365" i="2" s="1"/>
  <c r="H6361" i="2" a="1"/>
  <c r="H6361" i="2" s="1"/>
  <c r="H6351" i="2" a="1"/>
  <c r="H6351" i="2" s="1"/>
  <c r="H6353" i="2" a="1"/>
  <c r="H6353" i="2" s="1"/>
  <c r="H6348" i="2" a="1"/>
  <c r="H6348" i="2" s="1"/>
  <c r="H6352" i="2" a="1"/>
  <c r="H6352" i="2" s="1"/>
  <c r="H6347" i="2" a="1"/>
  <c r="H6347" i="2" s="1"/>
  <c r="H6354" i="2" a="1"/>
  <c r="H6354" i="2" s="1"/>
  <c r="H6355" i="2" a="1"/>
  <c r="H6355" i="2" s="1"/>
  <c r="H6357" i="2" a="1"/>
  <c r="H6357" i="2" s="1"/>
  <c r="H6346" i="2" a="1"/>
  <c r="H6346" i="2" s="1"/>
  <c r="H6356" i="2" a="1"/>
  <c r="H6356" i="2" s="1"/>
  <c r="H6360" i="2" a="1"/>
  <c r="H6360" i="2" s="1"/>
  <c r="H6367" i="2" a="1"/>
  <c r="H6367" i="2" s="1"/>
  <c r="H6358" i="2" a="1"/>
  <c r="H6358" i="2" s="1"/>
  <c r="H6368" i="2" a="1"/>
  <c r="H6368" i="2" s="1"/>
  <c r="H6364" i="2" a="1"/>
  <c r="H6364" i="2" s="1"/>
  <c r="H6362" i="2" a="1"/>
  <c r="H6362" i="2" s="1"/>
  <c r="H6363" i="2" a="1"/>
  <c r="H6363" i="2" s="1"/>
  <c r="H6369" i="2" a="1"/>
  <c r="H6369" i="2" s="1"/>
  <c r="E7666" i="2" a="1"/>
  <c r="E7666" i="2" s="1"/>
  <c r="E7671" i="2" a="1"/>
  <c r="E7671" i="2" s="1"/>
  <c r="E7676" i="2" a="1"/>
  <c r="E7676" i="2" s="1"/>
  <c r="E7669" i="2" a="1"/>
  <c r="E7669" i="2" s="1"/>
  <c r="E7682" i="2" a="1"/>
  <c r="E7682" i="2" s="1"/>
  <c r="E7667" i="2" a="1"/>
  <c r="E7667" i="2" s="1"/>
  <c r="E7672" i="2" a="1"/>
  <c r="E7672" i="2" s="1"/>
  <c r="E7668" i="2" a="1"/>
  <c r="E7668" i="2" s="1"/>
  <c r="E7687" i="2" a="1"/>
  <c r="E7687" i="2" s="1"/>
  <c r="E7685" i="2" a="1"/>
  <c r="E7685" i="2" s="1"/>
  <c r="E7681" i="2" a="1"/>
  <c r="E7681" i="2" s="1"/>
  <c r="E7689" i="2" a="1"/>
  <c r="E7689" i="2" s="1"/>
  <c r="E7677" i="2" a="1"/>
  <c r="E7677" i="2" s="1"/>
  <c r="E7670" i="2" a="1"/>
  <c r="E7670" i="2" s="1"/>
  <c r="E7683" i="2" a="1"/>
  <c r="E7683" i="2" s="1"/>
  <c r="E7684" i="2" a="1"/>
  <c r="E7684" i="2" s="1"/>
  <c r="E7686" i="2" a="1"/>
  <c r="E7686" i="2" s="1"/>
  <c r="E7675" i="2" a="1"/>
  <c r="E7675" i="2" s="1"/>
  <c r="E7674" i="2" a="1"/>
  <c r="E7674" i="2" s="1"/>
  <c r="E7673" i="2" a="1"/>
  <c r="E7673" i="2" s="1"/>
  <c r="E7688" i="2" a="1"/>
  <c r="E7688" i="2" s="1"/>
  <c r="E7679" i="2" a="1"/>
  <c r="E7679" i="2" s="1"/>
  <c r="E7680" i="2" a="1"/>
  <c r="E7680" i="2" s="1"/>
  <c r="E7678" i="2" a="1"/>
  <c r="E7678" i="2" s="1"/>
  <c r="H3509" i="2" a="1"/>
  <c r="H3509" i="2" s="1"/>
  <c r="H3512" i="2" a="1"/>
  <c r="H3512" i="2" s="1"/>
  <c r="H3503" i="2" a="1"/>
  <c r="H3503" i="2" s="1"/>
  <c r="H3513" i="2" a="1"/>
  <c r="H3513" i="2" s="1"/>
  <c r="H3511" i="2" a="1"/>
  <c r="H3511" i="2" s="1"/>
  <c r="H3507" i="2" a="1"/>
  <c r="H3507" i="2" s="1"/>
  <c r="H3497" i="2" a="1"/>
  <c r="H3497" i="2" s="1"/>
  <c r="H3506" i="2" a="1"/>
  <c r="H3506" i="2" s="1"/>
  <c r="H3499" i="2" a="1"/>
  <c r="H3499" i="2" s="1"/>
  <c r="H3493" i="2" a="1"/>
  <c r="H3493" i="2" s="1"/>
  <c r="H3500" i="2" a="1"/>
  <c r="H3500" i="2" s="1"/>
  <c r="H3508" i="2" a="1"/>
  <c r="H3508" i="2" s="1"/>
  <c r="H3505" i="2" a="1"/>
  <c r="H3505" i="2" s="1"/>
  <c r="H3492" i="2" a="1"/>
  <c r="H3492" i="2" s="1"/>
  <c r="H3494" i="2" a="1"/>
  <c r="H3494" i="2" s="1"/>
  <c r="H3504" i="2" a="1"/>
  <c r="H3504" i="2" s="1"/>
  <c r="H3501" i="2" a="1"/>
  <c r="H3501" i="2" s="1"/>
  <c r="H3510" i="2" a="1"/>
  <c r="H3510" i="2" s="1"/>
  <c r="H3495" i="2" a="1"/>
  <c r="H3495" i="2" s="1"/>
  <c r="H3496" i="2" a="1"/>
  <c r="H3496" i="2" s="1"/>
  <c r="H3498" i="2" a="1"/>
  <c r="H3498" i="2" s="1"/>
  <c r="D5587" i="2" a="1"/>
  <c r="D5587" i="2" s="1"/>
  <c r="D5600" i="2" a="1"/>
  <c r="D5600" i="2" s="1"/>
  <c r="D5582" i="2" a="1"/>
  <c r="D5582" i="2" s="1"/>
  <c r="D5580" i="2" a="1"/>
  <c r="D5580" i="2" s="1"/>
  <c r="H3940" i="2" a="1"/>
  <c r="H3940" i="2" s="1"/>
  <c r="H3926" i="2" a="1"/>
  <c r="H3926" i="2" s="1"/>
  <c r="H3923" i="2" a="1"/>
  <c r="H3923" i="2" s="1"/>
  <c r="H3945" i="2" a="1"/>
  <c r="H3945" i="2" s="1"/>
  <c r="H3928" i="2" a="1"/>
  <c r="H3928" i="2" s="1"/>
  <c r="H3936" i="2" a="1"/>
  <c r="H3936" i="2" s="1"/>
  <c r="H3922" i="2" a="1"/>
  <c r="H3922" i="2" s="1"/>
  <c r="H3925" i="2" a="1"/>
  <c r="H3925" i="2" s="1"/>
  <c r="H3941" i="2" a="1"/>
  <c r="H3941" i="2" s="1"/>
  <c r="H3929" i="2" a="1"/>
  <c r="H3929" i="2" s="1"/>
  <c r="H3944" i="2" a="1"/>
  <c r="H3944" i="2" s="1"/>
  <c r="H3934" i="2" a="1"/>
  <c r="H3934" i="2" s="1"/>
  <c r="H3935" i="2" a="1"/>
  <c r="H3935" i="2" s="1"/>
  <c r="H3930" i="2" a="1"/>
  <c r="H3930" i="2" s="1"/>
  <c r="H3938" i="2" a="1"/>
  <c r="H3938" i="2" s="1"/>
  <c r="H3927" i="2" a="1"/>
  <c r="H3927" i="2" s="1"/>
  <c r="H3937" i="2" a="1"/>
  <c r="H3937" i="2" s="1"/>
  <c r="H3942" i="2" a="1"/>
  <c r="H3942" i="2" s="1"/>
  <c r="H3943" i="2" a="1"/>
  <c r="H3943" i="2" s="1"/>
  <c r="H3939" i="2" a="1"/>
  <c r="H3939" i="2" s="1"/>
  <c r="H3931" i="2" a="1"/>
  <c r="H3931" i="2" s="1"/>
  <c r="H3932" i="2" a="1"/>
  <c r="H3932" i="2" s="1"/>
  <c r="H3933" i="2" a="1"/>
  <c r="H3933" i="2" s="1"/>
  <c r="H3924" i="2" a="1"/>
  <c r="H3924" i="2" s="1"/>
  <c r="F6620" i="2" a="1"/>
  <c r="F6620" i="2" s="1"/>
  <c r="F6613" i="2" a="1"/>
  <c r="F6613" i="2" s="1"/>
  <c r="G2427" i="2" a="1"/>
  <c r="G2427" i="2" s="1"/>
  <c r="G2413" i="2" a="1"/>
  <c r="G2413" i="2" s="1"/>
  <c r="G2421" i="2" a="1"/>
  <c r="G2421" i="2" s="1"/>
  <c r="G2410" i="2" a="1"/>
  <c r="G2410" i="2" s="1"/>
  <c r="G2423" i="2" a="1"/>
  <c r="G2423" i="2" s="1"/>
  <c r="G2418" i="2" a="1"/>
  <c r="G2418" i="2" s="1"/>
  <c r="G2411" i="2" a="1"/>
  <c r="G2411" i="2" s="1"/>
  <c r="G2417" i="2" a="1"/>
  <c r="G2417" i="2" s="1"/>
  <c r="G2430" i="2" a="1"/>
  <c r="G2430" i="2" s="1"/>
  <c r="G2420" i="2" a="1"/>
  <c r="G2420" i="2" s="1"/>
  <c r="G2415" i="2" a="1"/>
  <c r="G2415" i="2" s="1"/>
  <c r="G2432" i="2" a="1"/>
  <c r="G2432" i="2" s="1"/>
  <c r="G2426" i="2" a="1"/>
  <c r="G2426" i="2" s="1"/>
  <c r="G2414" i="2" a="1"/>
  <c r="G2414" i="2" s="1"/>
  <c r="G2419" i="2" a="1"/>
  <c r="G2419" i="2" s="1"/>
  <c r="G2428" i="2" a="1"/>
  <c r="G2428" i="2" s="1"/>
  <c r="G2416" i="2" a="1"/>
  <c r="G2416" i="2" s="1"/>
  <c r="G2424" i="2" a="1"/>
  <c r="G2424" i="2" s="1"/>
  <c r="G2412" i="2" a="1"/>
  <c r="G2412" i="2" s="1"/>
  <c r="G2429" i="2" a="1"/>
  <c r="G2429" i="2" s="1"/>
  <c r="G2425" i="2" a="1"/>
  <c r="G2425" i="2" s="1"/>
  <c r="G2431" i="2" a="1"/>
  <c r="G2431" i="2" s="1"/>
  <c r="G2422" i="2" a="1"/>
  <c r="G2422" i="2" s="1"/>
  <c r="G2433" i="2" a="1"/>
  <c r="G2433" i="2" s="1"/>
  <c r="F1877" i="2" a="1"/>
  <c r="F1877" i="2" s="1"/>
  <c r="F1879" i="2" a="1"/>
  <c r="F1879" i="2" s="1"/>
  <c r="F1878" i="2" a="1"/>
  <c r="F1878" i="2" s="1"/>
  <c r="F1881" i="2" a="1"/>
  <c r="F1881" i="2" s="1"/>
  <c r="F1873" i="2" a="1"/>
  <c r="F1873" i="2" s="1"/>
  <c r="F1868" i="2" a="1"/>
  <c r="F1868" i="2" s="1"/>
  <c r="F1862" i="2" a="1"/>
  <c r="F1862" i="2" s="1"/>
  <c r="F1865" i="2" a="1"/>
  <c r="F1865" i="2" s="1"/>
  <c r="F1866" i="2" a="1"/>
  <c r="F1866" i="2" s="1"/>
  <c r="F1869" i="2" a="1"/>
  <c r="F1869" i="2" s="1"/>
  <c r="F1875" i="2" a="1"/>
  <c r="F1875" i="2" s="1"/>
  <c r="F1867" i="2" a="1"/>
  <c r="F1867" i="2" s="1"/>
  <c r="F1876" i="2" a="1"/>
  <c r="F1876" i="2" s="1"/>
  <c r="F1871" i="2" a="1"/>
  <c r="F1871" i="2" s="1"/>
  <c r="F1872" i="2" a="1"/>
  <c r="F1872" i="2" s="1"/>
  <c r="F1870" i="2" a="1"/>
  <c r="F1870" i="2" s="1"/>
  <c r="F1860" i="2" a="1"/>
  <c r="F1860" i="2" s="1"/>
  <c r="F1859" i="2" a="1"/>
  <c r="F1859" i="2" s="1"/>
  <c r="F1874" i="2" a="1"/>
  <c r="F1874" i="2" s="1"/>
  <c r="G666" i="2" a="1"/>
  <c r="G666" i="2" s="1"/>
  <c r="G670" i="2" a="1"/>
  <c r="G670" i="2" s="1"/>
  <c r="G663" i="2" a="1"/>
  <c r="G663" i="2" s="1"/>
  <c r="G669" i="2" a="1"/>
  <c r="G669" i="2" s="1"/>
  <c r="G661" i="2" a="1"/>
  <c r="G661" i="2" s="1"/>
  <c r="G674" i="2" a="1"/>
  <c r="G674" i="2" s="1"/>
  <c r="G679" i="2" a="1"/>
  <c r="G679" i="2" s="1"/>
  <c r="G658" i="2" a="1"/>
  <c r="G658" i="2" s="1"/>
  <c r="G667" i="2" a="1"/>
  <c r="G667" i="2" s="1"/>
  <c r="G1343" i="2" a="1"/>
  <c r="G1343" i="2" s="1"/>
  <c r="G1332" i="2" a="1"/>
  <c r="G1332" i="2" s="1"/>
  <c r="G1336" i="2" a="1"/>
  <c r="G1336" i="2" s="1"/>
  <c r="G1353" i="2" a="1"/>
  <c r="G1353" i="2" s="1"/>
  <c r="G1338" i="2" a="1"/>
  <c r="G1338" i="2" s="1"/>
  <c r="G1331" i="2" a="1"/>
  <c r="G1331" i="2" s="1"/>
  <c r="G1339" i="2" a="1"/>
  <c r="G1339" i="2" s="1"/>
  <c r="G1344" i="2" a="1"/>
  <c r="G1344" i="2" s="1"/>
  <c r="G1340" i="2" a="1"/>
  <c r="G1340" i="2" s="1"/>
  <c r="G1335" i="2" a="1"/>
  <c r="G1335" i="2" s="1"/>
  <c r="G1345" i="2" a="1"/>
  <c r="G1345" i="2" s="1"/>
  <c r="G1342" i="2" a="1"/>
  <c r="G1342" i="2" s="1"/>
  <c r="G1348" i="2" a="1"/>
  <c r="G1348" i="2" s="1"/>
  <c r="G1334" i="2" a="1"/>
  <c r="G1334" i="2" s="1"/>
  <c r="G1337" i="2" a="1"/>
  <c r="G1337" i="2" s="1"/>
  <c r="G1349" i="2" a="1"/>
  <c r="G1349" i="2" s="1"/>
  <c r="G1341" i="2" a="1"/>
  <c r="G1341" i="2" s="1"/>
  <c r="G1352" i="2" a="1"/>
  <c r="G1352" i="2" s="1"/>
  <c r="G1351" i="2" a="1"/>
  <c r="G1351" i="2" s="1"/>
  <c r="G1330" i="2" a="1"/>
  <c r="G1330" i="2" s="1"/>
  <c r="G1350" i="2" a="1"/>
  <c r="G1350" i="2" s="1"/>
  <c r="G1346" i="2" a="1"/>
  <c r="G1346" i="2" s="1"/>
  <c r="G1333" i="2" a="1"/>
  <c r="G1333" i="2" s="1"/>
  <c r="G1347" i="2" a="1"/>
  <c r="G1347" i="2" s="1"/>
  <c r="F7724" i="2" a="1"/>
  <c r="F7724" i="2" s="1"/>
  <c r="F7719" i="2" a="1"/>
  <c r="F7719" i="2" s="1"/>
  <c r="F7717" i="2" a="1"/>
  <c r="F7717" i="2" s="1"/>
  <c r="F7720" i="2" a="1"/>
  <c r="F7720" i="2" s="1"/>
  <c r="F7736" i="2" a="1"/>
  <c r="F7736" i="2" s="1"/>
  <c r="F7725" i="2" a="1"/>
  <c r="F7725" i="2" s="1"/>
  <c r="F7721" i="2" a="1"/>
  <c r="F7721" i="2" s="1"/>
  <c r="F7716" i="2" a="1"/>
  <c r="F7716" i="2" s="1"/>
  <c r="F7728" i="2" a="1"/>
  <c r="F7728" i="2" s="1"/>
  <c r="F7734" i="2" a="1"/>
  <c r="F7734" i="2" s="1"/>
  <c r="F7723" i="2" a="1"/>
  <c r="F7723" i="2" s="1"/>
  <c r="F7729" i="2" a="1"/>
  <c r="F7729" i="2" s="1"/>
  <c r="F7714" i="2" a="1"/>
  <c r="F7714" i="2" s="1"/>
  <c r="F7715" i="2" a="1"/>
  <c r="F7715" i="2" s="1"/>
  <c r="F7732" i="2" a="1"/>
  <c r="F7732" i="2" s="1"/>
  <c r="F7727" i="2" a="1"/>
  <c r="F7727" i="2" s="1"/>
  <c r="F7731" i="2" a="1"/>
  <c r="F7731" i="2" s="1"/>
  <c r="F7722" i="2" a="1"/>
  <c r="F7722" i="2" s="1"/>
  <c r="F7737" i="2" a="1"/>
  <c r="F7737" i="2" s="1"/>
  <c r="F7718" i="2" a="1"/>
  <c r="F7718" i="2" s="1"/>
  <c r="F7726" i="2" a="1"/>
  <c r="F7726" i="2" s="1"/>
  <c r="F7730" i="2" a="1"/>
  <c r="F7730" i="2" s="1"/>
  <c r="F7733" i="2" a="1"/>
  <c r="F7733" i="2" s="1"/>
  <c r="F7735" i="2" a="1"/>
  <c r="F7735" i="2" s="1"/>
  <c r="D1852" i="2" a="1"/>
  <c r="D1852" i="2" s="1"/>
  <c r="D1843" i="2" a="1"/>
  <c r="D1843" i="2" s="1"/>
  <c r="G5703" i="2" a="1"/>
  <c r="G5703" i="2" s="1"/>
  <c r="G5721" i="2" a="1"/>
  <c r="G5721" i="2" s="1"/>
  <c r="G5706" i="2" a="1"/>
  <c r="G5706" i="2" s="1"/>
  <c r="G5718" i="2" a="1"/>
  <c r="G5718" i="2" s="1"/>
  <c r="G5700" i="2" a="1"/>
  <c r="G5700" i="2" s="1"/>
  <c r="G5715" i="2" a="1"/>
  <c r="G5715" i="2" s="1"/>
  <c r="G5701" i="2" a="1"/>
  <c r="G5701" i="2" s="1"/>
  <c r="G5711" i="2" a="1"/>
  <c r="G5711" i="2" s="1"/>
  <c r="G5716" i="2" a="1"/>
  <c r="G5716" i="2" s="1"/>
  <c r="G5705" i="2" a="1"/>
  <c r="G5705" i="2" s="1"/>
  <c r="G5717" i="2" a="1"/>
  <c r="G5717" i="2" s="1"/>
  <c r="G5707" i="2" a="1"/>
  <c r="G5707" i="2" s="1"/>
  <c r="G5719" i="2" a="1"/>
  <c r="G5719" i="2" s="1"/>
  <c r="G5699" i="2" a="1"/>
  <c r="G5699" i="2" s="1"/>
  <c r="G5698" i="2" a="1"/>
  <c r="G5698" i="2" s="1"/>
  <c r="G5702" i="2" a="1"/>
  <c r="G5702" i="2" s="1"/>
  <c r="G5713" i="2" a="1"/>
  <c r="G5713" i="2" s="1"/>
  <c r="G5709" i="2" a="1"/>
  <c r="G5709" i="2" s="1"/>
  <c r="G5712" i="2" a="1"/>
  <c r="G5712" i="2" s="1"/>
  <c r="G5714" i="2" a="1"/>
  <c r="G5714" i="2" s="1"/>
  <c r="G5704" i="2" a="1"/>
  <c r="G5704" i="2" s="1"/>
  <c r="G5708" i="2" a="1"/>
  <c r="G5708" i="2" s="1"/>
  <c r="G5720" i="2" a="1"/>
  <c r="G5720" i="2" s="1"/>
  <c r="G5710" i="2" a="1"/>
  <c r="G5710" i="2" s="1"/>
  <c r="G4194" i="2" a="1"/>
  <c r="G4194" i="2" s="1"/>
  <c r="G4199" i="2" a="1"/>
  <c r="G4199" i="2" s="1"/>
  <c r="G4207" i="2" a="1"/>
  <c r="G4207" i="2" s="1"/>
  <c r="G4195" i="2" a="1"/>
  <c r="G4195" i="2" s="1"/>
  <c r="G4200" i="2" a="1"/>
  <c r="G4200" i="2" s="1"/>
  <c r="G4186" i="2" a="1"/>
  <c r="G4186" i="2" s="1"/>
  <c r="G4209" i="2" a="1"/>
  <c r="G4209" i="2" s="1"/>
  <c r="G4202" i="2" a="1"/>
  <c r="G4202" i="2" s="1"/>
  <c r="G4187" i="2" a="1"/>
  <c r="G4187" i="2" s="1"/>
  <c r="G4191" i="2" a="1"/>
  <c r="G4191" i="2" s="1"/>
  <c r="G4189" i="2" a="1"/>
  <c r="G4189" i="2" s="1"/>
  <c r="G4206" i="2" a="1"/>
  <c r="G4206" i="2" s="1"/>
  <c r="G4201" i="2" a="1"/>
  <c r="G4201" i="2" s="1"/>
  <c r="G4192" i="2" a="1"/>
  <c r="G4192" i="2" s="1"/>
  <c r="G4188" i="2" a="1"/>
  <c r="G4188" i="2" s="1"/>
  <c r="G4190" i="2" a="1"/>
  <c r="G4190" i="2" s="1"/>
  <c r="G4198" i="2" a="1"/>
  <c r="G4198" i="2" s="1"/>
  <c r="G4197" i="2" a="1"/>
  <c r="G4197" i="2" s="1"/>
  <c r="G4203" i="2" a="1"/>
  <c r="G4203" i="2" s="1"/>
  <c r="G4193" i="2" a="1"/>
  <c r="G4193" i="2" s="1"/>
  <c r="G4208" i="2" a="1"/>
  <c r="G4208" i="2" s="1"/>
  <c r="G4196" i="2" a="1"/>
  <c r="G4196" i="2" s="1"/>
  <c r="G4205" i="2" a="1"/>
  <c r="G4205" i="2" s="1"/>
  <c r="G4204" i="2" a="1"/>
  <c r="G4204" i="2" s="1"/>
  <c r="D7721" i="2" a="1"/>
  <c r="D7721" i="2" s="1"/>
  <c r="D7727" i="2" a="1"/>
  <c r="D7727" i="2" s="1"/>
  <c r="D7718" i="2" a="1"/>
  <c r="D7718" i="2" s="1"/>
  <c r="D7736" i="2" a="1"/>
  <c r="D7736" i="2" s="1"/>
  <c r="D7731" i="2" a="1"/>
  <c r="D7731" i="2" s="1"/>
  <c r="D7726" i="2" a="1"/>
  <c r="D7726" i="2" s="1"/>
  <c r="D7734" i="2" a="1"/>
  <c r="D7734" i="2" s="1"/>
  <c r="G5456" i="2" a="1"/>
  <c r="G5456" i="2" s="1"/>
  <c r="G5440" i="2" a="1"/>
  <c r="G5440" i="2" s="1"/>
  <c r="G5445" i="2" a="1"/>
  <c r="G5445" i="2" s="1"/>
  <c r="G5450" i="2" a="1"/>
  <c r="G5450" i="2" s="1"/>
  <c r="G5454" i="2" a="1"/>
  <c r="G5454" i="2" s="1"/>
  <c r="G5451" i="2" a="1"/>
  <c r="G5451" i="2" s="1"/>
  <c r="G5434" i="2" a="1"/>
  <c r="G5434" i="2" s="1"/>
  <c r="G5441" i="2" a="1"/>
  <c r="G5441" i="2" s="1"/>
  <c r="G5436" i="2" a="1"/>
  <c r="G5436" i="2" s="1"/>
  <c r="G5438" i="2" a="1"/>
  <c r="G5438" i="2" s="1"/>
  <c r="F8535" i="2" a="1"/>
  <c r="F8535" i="2" s="1"/>
  <c r="F8540" i="2" a="1"/>
  <c r="F8540" i="2" s="1"/>
  <c r="F8549" i="2" a="1"/>
  <c r="F8549" i="2" s="1"/>
  <c r="H5015" i="2" a="1"/>
  <c r="H5015" i="2" s="1"/>
  <c r="H5008" i="2" a="1"/>
  <c r="H5008" i="2" s="1"/>
  <c r="H5025" i="2" a="1"/>
  <c r="H5025" i="2" s="1"/>
  <c r="D8129" i="2" a="1"/>
  <c r="D8129" i="2" s="1"/>
  <c r="D8133" i="2" a="1"/>
  <c r="D8133" i="2" s="1"/>
  <c r="D8137" i="2" a="1"/>
  <c r="D8137" i="2" s="1"/>
  <c r="D8145" i="2" a="1"/>
  <c r="D8145" i="2" s="1"/>
  <c r="D8132" i="2" a="1"/>
  <c r="D8132" i="2" s="1"/>
  <c r="D8131" i="2" a="1"/>
  <c r="D8131" i="2" s="1"/>
  <c r="D8135" i="2" a="1"/>
  <c r="D8135" i="2" s="1"/>
  <c r="D8124" i="2" a="1"/>
  <c r="D8124" i="2" s="1"/>
  <c r="D8128" i="2" a="1"/>
  <c r="D8128" i="2" s="1"/>
  <c r="D8144" i="2" a="1"/>
  <c r="D8144" i="2" s="1"/>
  <c r="D8126" i="2" a="1"/>
  <c r="D8126" i="2" s="1"/>
  <c r="D8130" i="2" a="1"/>
  <c r="D8130" i="2" s="1"/>
  <c r="D8123" i="2" a="1"/>
  <c r="D8123" i="2" s="1"/>
  <c r="D8127" i="2" a="1"/>
  <c r="D8127" i="2" s="1"/>
  <c r="D8139" i="2" a="1"/>
  <c r="D8139" i="2" s="1"/>
  <c r="D8143" i="2" a="1"/>
  <c r="D8143" i="2" s="1"/>
  <c r="D8125" i="2" a="1"/>
  <c r="D8125" i="2" s="1"/>
  <c r="D8141" i="2" a="1"/>
  <c r="D8141" i="2" s="1"/>
  <c r="D8122" i="2" a="1"/>
  <c r="D8122" i="2" s="1"/>
  <c r="D8134" i="2" a="1"/>
  <c r="D8134" i="2" s="1"/>
  <c r="D8138" i="2" a="1"/>
  <c r="D8138" i="2" s="1"/>
  <c r="D8142" i="2" a="1"/>
  <c r="D8142" i="2" s="1"/>
  <c r="D8136" i="2" a="1"/>
  <c r="D8136" i="2" s="1"/>
  <c r="D8140" i="2" a="1"/>
  <c r="D8140" i="2" s="1"/>
  <c r="F3849" i="2" a="1"/>
  <c r="F3849" i="2" s="1"/>
  <c r="F3828" i="2" a="1"/>
  <c r="F3828" i="2" s="1"/>
  <c r="F3845" i="2" a="1"/>
  <c r="F3845" i="2" s="1"/>
  <c r="F3826" i="2" a="1"/>
  <c r="F3826" i="2" s="1"/>
  <c r="F3840" i="2" a="1"/>
  <c r="F3840" i="2" s="1"/>
  <c r="F3830" i="2" a="1"/>
  <c r="F3830" i="2" s="1"/>
  <c r="F3847" i="2" a="1"/>
  <c r="F3847" i="2" s="1"/>
  <c r="F3832" i="2" a="1"/>
  <c r="F3832" i="2" s="1"/>
  <c r="F3848" i="2" a="1"/>
  <c r="F3848" i="2" s="1"/>
  <c r="F3841" i="2" a="1"/>
  <c r="F3841" i="2" s="1"/>
  <c r="F3844" i="2" a="1"/>
  <c r="F3844" i="2" s="1"/>
  <c r="F3829" i="2" a="1"/>
  <c r="F3829" i="2" s="1"/>
  <c r="F3831" i="2" a="1"/>
  <c r="F3831" i="2" s="1"/>
  <c r="F3833" i="2" a="1"/>
  <c r="F3833" i="2" s="1"/>
  <c r="F3842" i="2" a="1"/>
  <c r="F3842" i="2" s="1"/>
  <c r="F3827" i="2" a="1"/>
  <c r="F3827" i="2" s="1"/>
  <c r="F3843" i="2" a="1"/>
  <c r="F3843" i="2" s="1"/>
  <c r="F3839" i="2" a="1"/>
  <c r="F3839" i="2" s="1"/>
  <c r="F3846" i="2" a="1"/>
  <c r="F3846" i="2" s="1"/>
  <c r="F3834" i="2" a="1"/>
  <c r="F3834" i="2" s="1"/>
  <c r="F3835" i="2" a="1"/>
  <c r="F3835" i="2" s="1"/>
  <c r="F3836" i="2" a="1"/>
  <c r="F3836" i="2" s="1"/>
  <c r="F3837" i="2" a="1"/>
  <c r="F3837" i="2" s="1"/>
  <c r="F3838" i="2" a="1"/>
  <c r="F3838" i="2" s="1"/>
  <c r="H8270" i="2" a="1"/>
  <c r="H8270" i="2" s="1"/>
  <c r="H8282" i="2" a="1"/>
  <c r="H8282" i="2" s="1"/>
  <c r="H8276" i="2" a="1"/>
  <c r="H8276" i="2" s="1"/>
  <c r="H1553" i="2" a="1"/>
  <c r="H1553" i="2" s="1"/>
  <c r="H1556" i="2" a="1"/>
  <c r="H1556" i="2" s="1"/>
  <c r="H1562" i="2" a="1"/>
  <c r="H1562" i="2" s="1"/>
  <c r="H1558" i="2" a="1"/>
  <c r="H1558" i="2" s="1"/>
  <c r="H1566" i="2" a="1"/>
  <c r="H1566" i="2" s="1"/>
  <c r="H1554" i="2" a="1"/>
  <c r="H1554" i="2" s="1"/>
  <c r="H1552" i="2" a="1"/>
  <c r="H1552" i="2" s="1"/>
  <c r="H1547" i="2" a="1"/>
  <c r="H1547" i="2" s="1"/>
  <c r="H1550" i="2" a="1"/>
  <c r="H1550" i="2" s="1"/>
  <c r="H1555" i="2" a="1"/>
  <c r="H1555" i="2" s="1"/>
  <c r="H1564" i="2" a="1"/>
  <c r="H1564" i="2" s="1"/>
  <c r="H1560" i="2" a="1"/>
  <c r="H1560" i="2" s="1"/>
  <c r="H1548" i="2" a="1"/>
  <c r="H1548" i="2" s="1"/>
  <c r="H1569" i="2" a="1"/>
  <c r="H1569" i="2" s="1"/>
  <c r="H1565" i="2" a="1"/>
  <c r="H1565" i="2" s="1"/>
  <c r="H1563" i="2" a="1"/>
  <c r="H1563" i="2" s="1"/>
  <c r="H1549" i="2" a="1"/>
  <c r="H1549" i="2" s="1"/>
  <c r="H1567" i="2" a="1"/>
  <c r="H1567" i="2" s="1"/>
  <c r="H1568" i="2" a="1"/>
  <c r="H1568" i="2" s="1"/>
  <c r="H1557" i="2" a="1"/>
  <c r="H1557" i="2" s="1"/>
  <c r="H1561" i="2" a="1"/>
  <c r="H1561" i="2" s="1"/>
  <c r="H1559" i="2" a="1"/>
  <c r="H1559" i="2" s="1"/>
  <c r="H1546" i="2" a="1"/>
  <c r="H1546" i="2" s="1"/>
  <c r="H1551" i="2" a="1"/>
  <c r="H1551" i="2" s="1"/>
  <c r="AP74" i="1"/>
  <c r="F80" i="5" s="1"/>
  <c r="AQ74" i="1"/>
  <c r="G80" i="5" s="1"/>
  <c r="AN74" i="1"/>
  <c r="D80" i="5" s="1"/>
  <c r="AO74" i="1"/>
  <c r="E80" i="5" s="1"/>
  <c r="AM74" i="1"/>
  <c r="D1768" i="2" a="1"/>
  <c r="D1768" i="2" s="1"/>
  <c r="D1780" i="2" a="1"/>
  <c r="D1780" i="2" s="1"/>
  <c r="D1762" i="2" a="1"/>
  <c r="D1762" i="2" s="1"/>
  <c r="D1766" i="2" a="1"/>
  <c r="D1766" i="2" s="1"/>
  <c r="D1774" i="2" a="1"/>
  <c r="D1774" i="2" s="1"/>
  <c r="D1778" i="2" a="1"/>
  <c r="D1778" i="2" s="1"/>
  <c r="D1782" i="2" a="1"/>
  <c r="D1782" i="2" s="1"/>
  <c r="D1771" i="2" a="1"/>
  <c r="D1771" i="2" s="1"/>
  <c r="D1765" i="2" a="1"/>
  <c r="D1765" i="2" s="1"/>
  <c r="D1773" i="2" a="1"/>
  <c r="D1773" i="2" s="1"/>
  <c r="D1777" i="2" a="1"/>
  <c r="D1777" i="2" s="1"/>
  <c r="D1781" i="2" a="1"/>
  <c r="D1781" i="2" s="1"/>
  <c r="D1770" i="2" a="1"/>
  <c r="D1770" i="2" s="1"/>
  <c r="D1764" i="2" a="1"/>
  <c r="D1764" i="2" s="1"/>
  <c r="D1772" i="2" a="1"/>
  <c r="D1772" i="2" s="1"/>
  <c r="D1776" i="2" a="1"/>
  <c r="D1776" i="2" s="1"/>
  <c r="D1784" i="2" a="1"/>
  <c r="D1784" i="2" s="1"/>
  <c r="D1763" i="2" a="1"/>
  <c r="D1763" i="2" s="1"/>
  <c r="D1767" i="2" a="1"/>
  <c r="D1767" i="2" s="1"/>
  <c r="D1775" i="2" a="1"/>
  <c r="D1775" i="2" s="1"/>
  <c r="D1779" i="2" a="1"/>
  <c r="D1779" i="2" s="1"/>
  <c r="D1783" i="2" a="1"/>
  <c r="D1783" i="2" s="1"/>
  <c r="D1785" i="2" a="1"/>
  <c r="D1785" i="2" s="1"/>
  <c r="D1769" i="2" a="1"/>
  <c r="D1769" i="2" s="1"/>
  <c r="E4119" i="2" a="1"/>
  <c r="E4119" i="2" s="1"/>
  <c r="E4130" i="2" a="1"/>
  <c r="E4130" i="2" s="1"/>
  <c r="E4124" i="2" a="1"/>
  <c r="E4124" i="2" s="1"/>
  <c r="E2642" i="2" a="1"/>
  <c r="E2642" i="2" s="1"/>
  <c r="E2634" i="2" a="1"/>
  <c r="E2634" i="2" s="1"/>
  <c r="E2646" i="2" a="1"/>
  <c r="E2646" i="2" s="1"/>
  <c r="D1429" i="2" a="1"/>
  <c r="D1429" i="2" s="1"/>
  <c r="D1433" i="2" a="1"/>
  <c r="D1433" i="2" s="1"/>
  <c r="D1437" i="2" a="1"/>
  <c r="D1437" i="2" s="1"/>
  <c r="D1445" i="2" a="1"/>
  <c r="D1445" i="2" s="1"/>
  <c r="D1426" i="2" a="1"/>
  <c r="D1426" i="2" s="1"/>
  <c r="D1436" i="2" a="1"/>
  <c r="D1436" i="2" s="1"/>
  <c r="D1439" i="2" a="1"/>
  <c r="D1439" i="2" s="1"/>
  <c r="D1431" i="2" a="1"/>
  <c r="D1431" i="2" s="1"/>
  <c r="D1442" i="2" a="1"/>
  <c r="D1442" i="2" s="1"/>
  <c r="D1449" i="2" a="1"/>
  <c r="D1449" i="2" s="1"/>
  <c r="D1430" i="2" a="1"/>
  <c r="D1430" i="2" s="1"/>
  <c r="D1427" i="2" a="1"/>
  <c r="D1427" i="2" s="1"/>
  <c r="D1438" i="2" a="1"/>
  <c r="D1438" i="2" s="1"/>
  <c r="D1448" i="2" a="1"/>
  <c r="D1448" i="2" s="1"/>
  <c r="D1444" i="2" a="1"/>
  <c r="D1444" i="2" s="1"/>
  <c r="D1441" i="2" a="1"/>
  <c r="D1441" i="2" s="1"/>
  <c r="D1440" i="2" a="1"/>
  <c r="D1440" i="2" s="1"/>
  <c r="D1447" i="2" a="1"/>
  <c r="D1447" i="2" s="1"/>
  <c r="D1435" i="2" a="1"/>
  <c r="D1435" i="2" s="1"/>
  <c r="D1434" i="2" a="1"/>
  <c r="D1434" i="2" s="1"/>
  <c r="D1443" i="2" a="1"/>
  <c r="D1443" i="2" s="1"/>
  <c r="D1428" i="2" a="1"/>
  <c r="D1428" i="2" s="1"/>
  <c r="D1446" i="2" a="1"/>
  <c r="D1446" i="2" s="1"/>
  <c r="D4967" i="2" a="1"/>
  <c r="D4967" i="2" s="1"/>
  <c r="D4971" i="2" a="1"/>
  <c r="D4971" i="2" s="1"/>
  <c r="D4975" i="2" a="1"/>
  <c r="D4975" i="2" s="1"/>
  <c r="G1793" i="2" a="1"/>
  <c r="G1793" i="2" s="1"/>
  <c r="G1796" i="2" a="1"/>
  <c r="G1796" i="2" s="1"/>
  <c r="G1806" i="2" a="1"/>
  <c r="G1806" i="2" s="1"/>
  <c r="G1797" i="2" a="1"/>
  <c r="G1797" i="2" s="1"/>
  <c r="G1794" i="2" a="1"/>
  <c r="G1794" i="2" s="1"/>
  <c r="G1788" i="2" a="1"/>
  <c r="G1788" i="2" s="1"/>
  <c r="G1787" i="2" a="1"/>
  <c r="G1787" i="2" s="1"/>
  <c r="G1803" i="2" a="1"/>
  <c r="G1803" i="2" s="1"/>
  <c r="G1809" i="2" a="1"/>
  <c r="G1809" i="2" s="1"/>
  <c r="G1789" i="2" a="1"/>
  <c r="G1789" i="2" s="1"/>
  <c r="G1801" i="2" a="1"/>
  <c r="G1801" i="2" s="1"/>
  <c r="G1795" i="2" a="1"/>
  <c r="G1795" i="2" s="1"/>
  <c r="G1791" i="2" a="1"/>
  <c r="G1791" i="2" s="1"/>
  <c r="G1800" i="2" a="1"/>
  <c r="G1800" i="2" s="1"/>
  <c r="G1802" i="2" a="1"/>
  <c r="G1802" i="2" s="1"/>
  <c r="G1790" i="2" a="1"/>
  <c r="G1790" i="2" s="1"/>
  <c r="G1804" i="2" a="1"/>
  <c r="G1804" i="2" s="1"/>
  <c r="G1799" i="2" a="1"/>
  <c r="G1799" i="2" s="1"/>
  <c r="G1792" i="2" a="1"/>
  <c r="G1792" i="2" s="1"/>
  <c r="G1805" i="2" a="1"/>
  <c r="G1805" i="2" s="1"/>
  <c r="G1807" i="2" a="1"/>
  <c r="G1807" i="2" s="1"/>
  <c r="G1798" i="2" a="1"/>
  <c r="G1798" i="2" s="1"/>
  <c r="G1786" i="2" a="1"/>
  <c r="G1786" i="2" s="1"/>
  <c r="G1808" i="2" a="1"/>
  <c r="G1808" i="2" s="1"/>
  <c r="H8157" i="2" a="1"/>
  <c r="H8157" i="2" s="1"/>
  <c r="H8146" i="2" a="1"/>
  <c r="H8146" i="2" s="1"/>
  <c r="H8149" i="2" a="1"/>
  <c r="H8149" i="2" s="1"/>
  <c r="H8163" i="2" a="1"/>
  <c r="H8163" i="2" s="1"/>
  <c r="H8167" i="2" a="1"/>
  <c r="H8167" i="2" s="1"/>
  <c r="H8164" i="2" a="1"/>
  <c r="H8164" i="2" s="1"/>
  <c r="H8165" i="2" a="1"/>
  <c r="H8165" i="2" s="1"/>
  <c r="H8147" i="2" a="1"/>
  <c r="H8147" i="2" s="1"/>
  <c r="H8148" i="2" a="1"/>
  <c r="H8148" i="2" s="1"/>
  <c r="H8156" i="2" a="1"/>
  <c r="H8156" i="2" s="1"/>
  <c r="H8159" i="2" a="1"/>
  <c r="H8159" i="2" s="1"/>
  <c r="H8161" i="2" a="1"/>
  <c r="H8161" i="2" s="1"/>
  <c r="H8150" i="2" a="1"/>
  <c r="H8150" i="2" s="1"/>
  <c r="H8152" i="2" a="1"/>
  <c r="H8152" i="2" s="1"/>
  <c r="H8160" i="2" a="1"/>
  <c r="H8160" i="2" s="1"/>
  <c r="H8158" i="2" a="1"/>
  <c r="H8158" i="2" s="1"/>
  <c r="H8169" i="2" a="1"/>
  <c r="H8169" i="2" s="1"/>
  <c r="H8162" i="2" a="1"/>
  <c r="H8162" i="2" s="1"/>
  <c r="H8153" i="2" a="1"/>
  <c r="H8153" i="2" s="1"/>
  <c r="H8154" i="2" a="1"/>
  <c r="H8154" i="2" s="1"/>
  <c r="H8166" i="2" a="1"/>
  <c r="H8166" i="2" s="1"/>
  <c r="H8155" i="2" a="1"/>
  <c r="H8155" i="2" s="1"/>
  <c r="H8168" i="2" a="1"/>
  <c r="H8168" i="2" s="1"/>
  <c r="H8151" i="2" a="1"/>
  <c r="H8151" i="2" s="1"/>
  <c r="E4004" i="2" a="1"/>
  <c r="E4004" i="2" s="1"/>
  <c r="E4008" i="2" a="1"/>
  <c r="E4008" i="2" s="1"/>
  <c r="E2152" i="2" a="1"/>
  <c r="E2152" i="2" s="1"/>
  <c r="E2168" i="2" a="1"/>
  <c r="E2168" i="2" s="1"/>
  <c r="E2150" i="2" a="1"/>
  <c r="E2150" i="2" s="1"/>
  <c r="E2159" i="2" a="1"/>
  <c r="E2159" i="2" s="1"/>
  <c r="E2162" i="2" a="1"/>
  <c r="E2162" i="2" s="1"/>
  <c r="E2165" i="2" a="1"/>
  <c r="E2165" i="2" s="1"/>
  <c r="E2166" i="2" a="1"/>
  <c r="E2166" i="2" s="1"/>
  <c r="E2147" i="2" a="1"/>
  <c r="E2147" i="2" s="1"/>
  <c r="E2146" i="2" a="1"/>
  <c r="E2146" i="2" s="1"/>
  <c r="E2160" i="2" a="1"/>
  <c r="E2160" i="2" s="1"/>
  <c r="E2163" i="2" a="1"/>
  <c r="E2163" i="2" s="1"/>
  <c r="E2167" i="2" a="1"/>
  <c r="E2167" i="2" s="1"/>
  <c r="E2151" i="2" a="1"/>
  <c r="E2151" i="2" s="1"/>
  <c r="E2155" i="2" a="1"/>
  <c r="E2155" i="2" s="1"/>
  <c r="E2156" i="2" a="1"/>
  <c r="E2156" i="2" s="1"/>
  <c r="E2169" i="2" a="1"/>
  <c r="E2169" i="2" s="1"/>
  <c r="E2154" i="2" a="1"/>
  <c r="E2154" i="2" s="1"/>
  <c r="E2157" i="2" a="1"/>
  <c r="E2157" i="2" s="1"/>
  <c r="E2161" i="2" a="1"/>
  <c r="E2161" i="2" s="1"/>
  <c r="E2164" i="2" a="1"/>
  <c r="E2164" i="2" s="1"/>
  <c r="E2158" i="2" a="1"/>
  <c r="E2158" i="2" s="1"/>
  <c r="F6451" i="2" a="1"/>
  <c r="F6451" i="2" s="1"/>
  <c r="F6446" i="2" a="1"/>
  <c r="F6446" i="2" s="1"/>
  <c r="F6453" i="2" a="1"/>
  <c r="F6453" i="2" s="1"/>
  <c r="F6444" i="2" a="1"/>
  <c r="F6444" i="2" s="1"/>
  <c r="F6461" i="2" a="1"/>
  <c r="F6461" i="2" s="1"/>
  <c r="F6449" i="2" a="1"/>
  <c r="F6449" i="2" s="1"/>
  <c r="F6445" i="2" a="1"/>
  <c r="F6445" i="2" s="1"/>
  <c r="F6456" i="2" a="1"/>
  <c r="F6456" i="2" s="1"/>
  <c r="F6450" i="2" a="1"/>
  <c r="F6450" i="2" s="1"/>
  <c r="F6460" i="2" a="1"/>
  <c r="F6460" i="2" s="1"/>
  <c r="F6454" i="2" a="1"/>
  <c r="F6454" i="2" s="1"/>
  <c r="F6452" i="2" a="1"/>
  <c r="F6452" i="2" s="1"/>
  <c r="F6442" i="2" a="1"/>
  <c r="F6442" i="2" s="1"/>
  <c r="F6458" i="2" a="1"/>
  <c r="F6458" i="2" s="1"/>
  <c r="F6443" i="2" a="1"/>
  <c r="F6443" i="2" s="1"/>
  <c r="F6457" i="2" a="1"/>
  <c r="F6457" i="2" s="1"/>
  <c r="F6459" i="2" a="1"/>
  <c r="F6459" i="2" s="1"/>
  <c r="F6447" i="2" a="1"/>
  <c r="F6447" i="2" s="1"/>
  <c r="F6465" i="2" a="1"/>
  <c r="F6465" i="2" s="1"/>
  <c r="F6462" i="2" a="1"/>
  <c r="F6462" i="2" s="1"/>
  <c r="F6448" i="2" a="1"/>
  <c r="F6448" i="2" s="1"/>
  <c r="F6463" i="2" a="1"/>
  <c r="F6463" i="2" s="1"/>
  <c r="F6455" i="2" a="1"/>
  <c r="F6455" i="2" s="1"/>
  <c r="F6464" i="2" a="1"/>
  <c r="F6464" i="2" s="1"/>
  <c r="F464" i="2" a="1"/>
  <c r="F464" i="2" s="1"/>
  <c r="F442" i="2" a="1"/>
  <c r="F442" i="2" s="1"/>
  <c r="F447" i="2" a="1"/>
  <c r="F447" i="2" s="1"/>
  <c r="G5075" i="2" a="1"/>
  <c r="G5075" i="2" s="1"/>
  <c r="G5096" i="2" a="1"/>
  <c r="G5096" i="2" s="1"/>
  <c r="G5088" i="2" a="1"/>
  <c r="G5088" i="2" s="1"/>
  <c r="E2093" i="2" a="1"/>
  <c r="E2093" i="2" s="1"/>
  <c r="E2083" i="2" a="1"/>
  <c r="E2083" i="2" s="1"/>
  <c r="E2075" i="2" a="1"/>
  <c r="E2075" i="2" s="1"/>
  <c r="E2081" i="2" a="1"/>
  <c r="E2081" i="2" s="1"/>
  <c r="E2086" i="2" a="1"/>
  <c r="E2086" i="2" s="1"/>
  <c r="E2074" i="2" a="1"/>
  <c r="E2074" i="2" s="1"/>
  <c r="E2082" i="2" a="1"/>
  <c r="E2082" i="2" s="1"/>
  <c r="E2076" i="2" a="1"/>
  <c r="E2076" i="2" s="1"/>
  <c r="E2094" i="2" a="1"/>
  <c r="E2094" i="2" s="1"/>
  <c r="E2089" i="2" a="1"/>
  <c r="E2089" i="2" s="1"/>
  <c r="E2095" i="2" a="1"/>
  <c r="E2095" i="2" s="1"/>
  <c r="E2085" i="2" a="1"/>
  <c r="E2085" i="2" s="1"/>
  <c r="E2096" i="2" a="1"/>
  <c r="E2096" i="2" s="1"/>
  <c r="E2090" i="2" a="1"/>
  <c r="E2090" i="2" s="1"/>
  <c r="E2087" i="2" a="1"/>
  <c r="E2087" i="2" s="1"/>
  <c r="E2077" i="2" a="1"/>
  <c r="E2077" i="2" s="1"/>
  <c r="E2097" i="2" a="1"/>
  <c r="E2097" i="2" s="1"/>
  <c r="E2079" i="2" a="1"/>
  <c r="E2079" i="2" s="1"/>
  <c r="E2091" i="2" a="1"/>
  <c r="E2091" i="2" s="1"/>
  <c r="E2084" i="2" a="1"/>
  <c r="E2084" i="2" s="1"/>
  <c r="E2088" i="2" a="1"/>
  <c r="E2088" i="2" s="1"/>
  <c r="E2092" i="2" a="1"/>
  <c r="E2092" i="2" s="1"/>
  <c r="E2078" i="2" a="1"/>
  <c r="E2078" i="2" s="1"/>
  <c r="E2080" i="2" a="1"/>
  <c r="E2080" i="2" s="1"/>
  <c r="D7348" i="2" a="1"/>
  <c r="D7348" i="2" s="1"/>
  <c r="D7352" i="2" a="1"/>
  <c r="D7352" i="2" s="1"/>
  <c r="AP25" i="1"/>
  <c r="F31" i="5" s="1"/>
  <c r="D609" i="2" a="1"/>
  <c r="D609" i="2" s="1"/>
  <c r="E5080" i="2" a="1"/>
  <c r="E5080" i="2" s="1"/>
  <c r="E5091" i="2" a="1"/>
  <c r="E5091" i="2" s="1"/>
  <c r="E5088" i="2" a="1"/>
  <c r="E5088" i="2" s="1"/>
  <c r="G1948" i="2" a="1"/>
  <c r="G1948" i="2" s="1"/>
  <c r="G1937" i="2" a="1"/>
  <c r="G1937" i="2" s="1"/>
  <c r="G1932" i="2" a="1"/>
  <c r="G1932" i="2" s="1"/>
  <c r="G1939" i="2" a="1"/>
  <c r="G1939" i="2" s="1"/>
  <c r="G1953" i="2" a="1"/>
  <c r="G1953" i="2" s="1"/>
  <c r="G1947" i="2" a="1"/>
  <c r="G1947" i="2" s="1"/>
  <c r="G1930" i="2" a="1"/>
  <c r="G1930" i="2" s="1"/>
  <c r="G1945" i="2" a="1"/>
  <c r="G1945" i="2" s="1"/>
  <c r="G1942" i="2" a="1"/>
  <c r="G1942" i="2" s="1"/>
  <c r="G1946" i="2" a="1"/>
  <c r="G1946" i="2" s="1"/>
  <c r="G1935" i="2" a="1"/>
  <c r="G1935" i="2" s="1"/>
  <c r="G1938" i="2" a="1"/>
  <c r="G1938" i="2" s="1"/>
  <c r="G1940" i="2" a="1"/>
  <c r="G1940" i="2" s="1"/>
  <c r="G1931" i="2" a="1"/>
  <c r="G1931" i="2" s="1"/>
  <c r="G1951" i="2" a="1"/>
  <c r="G1951" i="2" s="1"/>
  <c r="G1933" i="2" a="1"/>
  <c r="G1933" i="2" s="1"/>
  <c r="G1950" i="2" a="1"/>
  <c r="G1950" i="2" s="1"/>
  <c r="G1949" i="2" a="1"/>
  <c r="G1949" i="2" s="1"/>
  <c r="G1941" i="2" a="1"/>
  <c r="G1941" i="2" s="1"/>
  <c r="G1936" i="2" a="1"/>
  <c r="G1936" i="2" s="1"/>
  <c r="G1943" i="2" a="1"/>
  <c r="G1943" i="2" s="1"/>
  <c r="G1934" i="2" a="1"/>
  <c r="G1934" i="2" s="1"/>
  <c r="G1952" i="2" a="1"/>
  <c r="G1952" i="2" s="1"/>
  <c r="G1944" i="2" a="1"/>
  <c r="G1944" i="2" s="1"/>
  <c r="E7030" i="2" a="1"/>
  <c r="E7030" i="2" s="1"/>
  <c r="E7026" i="2" a="1"/>
  <c r="E7026" i="2" s="1"/>
  <c r="E7033" i="2" a="1"/>
  <c r="E7033" i="2" s="1"/>
  <c r="E7041" i="2" a="1"/>
  <c r="E7041" i="2" s="1"/>
  <c r="E7035" i="2" a="1"/>
  <c r="E7035" i="2" s="1"/>
  <c r="E7029" i="2" a="1"/>
  <c r="E7029" i="2" s="1"/>
  <c r="E7038" i="2" a="1"/>
  <c r="E7038" i="2" s="1"/>
  <c r="E7027" i="2" a="1"/>
  <c r="E7027" i="2" s="1"/>
  <c r="E7021" i="2" a="1"/>
  <c r="E7021" i="2" s="1"/>
  <c r="E7039" i="2" a="1"/>
  <c r="E7039" i="2" s="1"/>
  <c r="E7028" i="2" a="1"/>
  <c r="E7028" i="2" s="1"/>
  <c r="E7023" i="2" a="1"/>
  <c r="E7023" i="2" s="1"/>
  <c r="E7032" i="2" a="1"/>
  <c r="E7032" i="2" s="1"/>
  <c r="E7020" i="2" a="1"/>
  <c r="E7020" i="2" s="1"/>
  <c r="E7018" i="2" a="1"/>
  <c r="E7018" i="2" s="1"/>
  <c r="E7040" i="2" a="1"/>
  <c r="E7040" i="2" s="1"/>
  <c r="E7019" i="2" a="1"/>
  <c r="E7019" i="2" s="1"/>
  <c r="E7024" i="2" a="1"/>
  <c r="E7024" i="2" s="1"/>
  <c r="E7036" i="2" a="1"/>
  <c r="E7036" i="2" s="1"/>
  <c r="E7031" i="2" a="1"/>
  <c r="E7031" i="2" s="1"/>
  <c r="E7025" i="2" a="1"/>
  <c r="E7025" i="2" s="1"/>
  <c r="E7037" i="2" a="1"/>
  <c r="E7037" i="2" s="1"/>
  <c r="E7034" i="2" a="1"/>
  <c r="E7034" i="2" s="1"/>
  <c r="E7022" i="2" a="1"/>
  <c r="E7022" i="2" s="1"/>
  <c r="H5501" i="2" a="1"/>
  <c r="H5501" i="2" s="1"/>
  <c r="D796" i="2" a="1"/>
  <c r="D796" i="2" s="1"/>
  <c r="E2896" i="2" a="1"/>
  <c r="E2896" i="2" s="1"/>
  <c r="G4252" i="2" a="1"/>
  <c r="G4252" i="2" s="1"/>
  <c r="G4253" i="2" a="1"/>
  <c r="G4253" i="2" s="1"/>
  <c r="G4239" i="2" a="1"/>
  <c r="G4239" i="2" s="1"/>
  <c r="G4235" i="2" a="1"/>
  <c r="G4235" i="2" s="1"/>
  <c r="G4244" i="2" a="1"/>
  <c r="G4244" i="2" s="1"/>
  <c r="G4254" i="2" a="1"/>
  <c r="G4254" i="2" s="1"/>
  <c r="G4243" i="2" a="1"/>
  <c r="G4243" i="2" s="1"/>
  <c r="G4256" i="2" a="1"/>
  <c r="G4256" i="2" s="1"/>
  <c r="G4257" i="2" a="1"/>
  <c r="G4257" i="2" s="1"/>
  <c r="G4250" i="2" a="1"/>
  <c r="G4250" i="2" s="1"/>
  <c r="G4234" i="2" a="1"/>
  <c r="G4234" i="2" s="1"/>
  <c r="G4245" i="2" a="1"/>
  <c r="G4245" i="2" s="1"/>
  <c r="G4242" i="2" a="1"/>
  <c r="G4242" i="2" s="1"/>
  <c r="G4237" i="2" a="1"/>
  <c r="G4237" i="2" s="1"/>
  <c r="G4241" i="2" a="1"/>
  <c r="G4241" i="2" s="1"/>
  <c r="G4238" i="2" a="1"/>
  <c r="G4238" i="2" s="1"/>
  <c r="G4247" i="2" a="1"/>
  <c r="G4247" i="2" s="1"/>
  <c r="G4255" i="2" a="1"/>
  <c r="G4255" i="2" s="1"/>
  <c r="G4240" i="2" a="1"/>
  <c r="G4240" i="2" s="1"/>
  <c r="G4248" i="2" a="1"/>
  <c r="G4248" i="2" s="1"/>
  <c r="G4249" i="2" a="1"/>
  <c r="G4249" i="2" s="1"/>
  <c r="H4245" i="2" a="1"/>
  <c r="H4245" i="2" s="1"/>
  <c r="H4234" i="2" a="1"/>
  <c r="H4234" i="2" s="1"/>
  <c r="H4246" i="2" a="1"/>
  <c r="H4246" i="2" s="1"/>
  <c r="H4238" i="2" a="1"/>
  <c r="H4238" i="2" s="1"/>
  <c r="H4239" i="2" a="1"/>
  <c r="H4239" i="2" s="1"/>
  <c r="F8292" i="2" a="1"/>
  <c r="F8292" i="2" s="1"/>
  <c r="F8298" i="2" a="1"/>
  <c r="F8298" i="2" s="1"/>
  <c r="F8308" i="2" a="1"/>
  <c r="F8308" i="2" s="1"/>
  <c r="F8306" i="2" a="1"/>
  <c r="F8306" i="2" s="1"/>
  <c r="F8293" i="2" a="1"/>
  <c r="F8293" i="2" s="1"/>
  <c r="F8305" i="2" a="1"/>
  <c r="F8305" i="2" s="1"/>
  <c r="F8290" i="2" a="1"/>
  <c r="F8290" i="2" s="1"/>
  <c r="F8309" i="2" a="1"/>
  <c r="F8309" i="2" s="1"/>
  <c r="F8312" i="2" a="1"/>
  <c r="F8312" i="2" s="1"/>
  <c r="F8304" i="2" a="1"/>
  <c r="F8304" i="2" s="1"/>
  <c r="F8294" i="2" a="1"/>
  <c r="F8294" i="2" s="1"/>
  <c r="F8296" i="2" a="1"/>
  <c r="F8296" i="2" s="1"/>
  <c r="F8302" i="2" a="1"/>
  <c r="F8302" i="2" s="1"/>
  <c r="F8310" i="2" a="1"/>
  <c r="F8310" i="2" s="1"/>
  <c r="F8301" i="2" a="1"/>
  <c r="F8301" i="2" s="1"/>
  <c r="F8303" i="2" a="1"/>
  <c r="F8303" i="2" s="1"/>
  <c r="F8295" i="2" a="1"/>
  <c r="F8295" i="2" s="1"/>
  <c r="F8300" i="2" a="1"/>
  <c r="F8300" i="2" s="1"/>
  <c r="F8297" i="2" a="1"/>
  <c r="F8297" i="2" s="1"/>
  <c r="F8299" i="2" a="1"/>
  <c r="F8299" i="2" s="1"/>
  <c r="F8291" i="2" a="1"/>
  <c r="F8291" i="2" s="1"/>
  <c r="F8311" i="2" a="1"/>
  <c r="F8311" i="2" s="1"/>
  <c r="F8307" i="2" a="1"/>
  <c r="F8307" i="2" s="1"/>
  <c r="F8313" i="2" a="1"/>
  <c r="F8313" i="2" s="1"/>
  <c r="E8469" i="2" a="1"/>
  <c r="E8469" i="2" s="1"/>
  <c r="E8470" i="2" a="1"/>
  <c r="E8470" i="2" s="1"/>
  <c r="E8475" i="2" a="1"/>
  <c r="E8475" i="2" s="1"/>
  <c r="E8461" i="2" a="1"/>
  <c r="E8461" i="2" s="1"/>
  <c r="E8464" i="2" a="1"/>
  <c r="E8464" i="2" s="1"/>
  <c r="E8466" i="2" a="1"/>
  <c r="E8466" i="2" s="1"/>
  <c r="E8477" i="2" a="1"/>
  <c r="E8477" i="2" s="1"/>
  <c r="H8101" i="2" a="1"/>
  <c r="H8101" i="2" s="1"/>
  <c r="H8110" i="2" a="1"/>
  <c r="H8110" i="2" s="1"/>
  <c r="H8114" i="2" a="1"/>
  <c r="H8114" i="2" s="1"/>
  <c r="H8119" i="2" a="1"/>
  <c r="H8119" i="2" s="1"/>
  <c r="H8099" i="2" a="1"/>
  <c r="H8099" i="2" s="1"/>
  <c r="H8104" i="2" a="1"/>
  <c r="H8104" i="2" s="1"/>
  <c r="H8102" i="2" a="1"/>
  <c r="H8102" i="2" s="1"/>
  <c r="H8100" i="2" a="1"/>
  <c r="H8100" i="2" s="1"/>
  <c r="H8118" i="2" a="1"/>
  <c r="H8118" i="2" s="1"/>
  <c r="H8113" i="2" a="1"/>
  <c r="H8113" i="2" s="1"/>
  <c r="H8105" i="2" a="1"/>
  <c r="H8105" i="2" s="1"/>
  <c r="H8111" i="2" a="1"/>
  <c r="H8111" i="2" s="1"/>
  <c r="H8108" i="2" a="1"/>
  <c r="H8108" i="2" s="1"/>
  <c r="H8115" i="2" a="1"/>
  <c r="H8115" i="2" s="1"/>
  <c r="H8109" i="2" a="1"/>
  <c r="H8109" i="2" s="1"/>
  <c r="H8103" i="2" a="1"/>
  <c r="H8103" i="2" s="1"/>
  <c r="H8120" i="2" a="1"/>
  <c r="H8120" i="2" s="1"/>
  <c r="H8112" i="2" a="1"/>
  <c r="H8112" i="2" s="1"/>
  <c r="H8121" i="2" a="1"/>
  <c r="H8121" i="2" s="1"/>
  <c r="H8107" i="2" a="1"/>
  <c r="H8107" i="2" s="1"/>
  <c r="H8116" i="2" a="1"/>
  <c r="H8116" i="2" s="1"/>
  <c r="H8117" i="2" a="1"/>
  <c r="H8117" i="2" s="1"/>
  <c r="H8106" i="2" a="1"/>
  <c r="H8106" i="2" s="1"/>
  <c r="H8098" i="2" a="1"/>
  <c r="H8098" i="2" s="1"/>
  <c r="G3176" i="2" a="1"/>
  <c r="G3176" i="2" s="1"/>
  <c r="G3160" i="2" a="1"/>
  <c r="G3160" i="2" s="1"/>
  <c r="D945" i="2" a="1"/>
  <c r="D945" i="2" s="1"/>
  <c r="D942" i="2" a="1"/>
  <c r="D942" i="2" s="1"/>
  <c r="D928" i="2" a="1"/>
  <c r="D928" i="2" s="1"/>
  <c r="D932" i="2" a="1"/>
  <c r="D932" i="2" s="1"/>
  <c r="D936" i="2" a="1"/>
  <c r="D936" i="2" s="1"/>
  <c r="D944" i="2" a="1"/>
  <c r="D944" i="2" s="1"/>
  <c r="D922" i="2" a="1"/>
  <c r="D922" i="2" s="1"/>
  <c r="D926" i="2" a="1"/>
  <c r="D926" i="2" s="1"/>
  <c r="D934" i="2" a="1"/>
  <c r="D934" i="2" s="1"/>
  <c r="D938" i="2" a="1"/>
  <c r="D938" i="2" s="1"/>
  <c r="D937" i="2" a="1"/>
  <c r="D937" i="2" s="1"/>
  <c r="D939" i="2" a="1"/>
  <c r="D939" i="2" s="1"/>
  <c r="D929" i="2" a="1"/>
  <c r="D929" i="2" s="1"/>
  <c r="D927" i="2" a="1"/>
  <c r="D927" i="2" s="1"/>
  <c r="D924" i="2" a="1"/>
  <c r="D924" i="2" s="1"/>
  <c r="D941" i="2" a="1"/>
  <c r="D941" i="2" s="1"/>
  <c r="D923" i="2" a="1"/>
  <c r="D923" i="2" s="1"/>
  <c r="D943" i="2" a="1"/>
  <c r="D943" i="2" s="1"/>
  <c r="D933" i="2" a="1"/>
  <c r="D933" i="2" s="1"/>
  <c r="D931" i="2" a="1"/>
  <c r="D931" i="2" s="1"/>
  <c r="D935" i="2" a="1"/>
  <c r="D935" i="2" s="1"/>
  <c r="D925" i="2" a="1"/>
  <c r="D925" i="2" s="1"/>
  <c r="D940" i="2" a="1"/>
  <c r="D940" i="2" s="1"/>
  <c r="D930" i="2" a="1"/>
  <c r="D930" i="2" s="1"/>
  <c r="G8374" i="2" a="1"/>
  <c r="G8374" i="2" s="1"/>
  <c r="G8365" i="2" a="1"/>
  <c r="G8365" i="2" s="1"/>
  <c r="G8384" i="2" a="1"/>
  <c r="G8384" i="2" s="1"/>
  <c r="G8380" i="2" a="1"/>
  <c r="G8380" i="2" s="1"/>
  <c r="G8368" i="2" a="1"/>
  <c r="G8368" i="2" s="1"/>
  <c r="G8370" i="2" a="1"/>
  <c r="G8370" i="2" s="1"/>
  <c r="G8383" i="2" a="1"/>
  <c r="G8383" i="2" s="1"/>
  <c r="G8376" i="2" a="1"/>
  <c r="G8376" i="2" s="1"/>
  <c r="G8377" i="2" a="1"/>
  <c r="G8377" i="2" s="1"/>
  <c r="G8378" i="2" a="1"/>
  <c r="G8378" i="2" s="1"/>
  <c r="G8372" i="2" a="1"/>
  <c r="G8372" i="2" s="1"/>
  <c r="G5505" i="2" a="1"/>
  <c r="G5505" i="2" s="1"/>
  <c r="G5499" i="2" a="1"/>
  <c r="G5499" i="2" s="1"/>
  <c r="E466" i="2" a="1"/>
  <c r="E466" i="2" s="1"/>
  <c r="E478" i="2" a="1"/>
  <c r="E478" i="2" s="1"/>
  <c r="E485" i="2" a="1"/>
  <c r="E485" i="2" s="1"/>
  <c r="E488" i="2" a="1"/>
  <c r="E488" i="2" s="1"/>
  <c r="E482" i="2" a="1"/>
  <c r="E482" i="2" s="1"/>
  <c r="E471" i="2" a="1"/>
  <c r="E471" i="2" s="1"/>
  <c r="E489" i="2" a="1"/>
  <c r="E489" i="2" s="1"/>
  <c r="E481" i="2" a="1"/>
  <c r="E481" i="2" s="1"/>
  <c r="E487" i="2" a="1"/>
  <c r="E487" i="2" s="1"/>
  <c r="E483" i="2" a="1"/>
  <c r="E483" i="2" s="1"/>
  <c r="E473" i="2" a="1"/>
  <c r="E473" i="2" s="1"/>
  <c r="E467" i="2" a="1"/>
  <c r="E467" i="2" s="1"/>
  <c r="E475" i="2" a="1"/>
  <c r="E475" i="2" s="1"/>
  <c r="E477" i="2" a="1"/>
  <c r="E477" i="2" s="1"/>
  <c r="E468" i="2" a="1"/>
  <c r="E468" i="2" s="1"/>
  <c r="E469" i="2" a="1"/>
  <c r="E469" i="2" s="1"/>
  <c r="E476" i="2" a="1"/>
  <c r="E476" i="2" s="1"/>
  <c r="E480" i="2" a="1"/>
  <c r="E480" i="2" s="1"/>
  <c r="E484" i="2" a="1"/>
  <c r="E484" i="2" s="1"/>
  <c r="E479" i="2" a="1"/>
  <c r="E479" i="2" s="1"/>
  <c r="E486" i="2" a="1"/>
  <c r="E486" i="2" s="1"/>
  <c r="E470" i="2" a="1"/>
  <c r="E470" i="2" s="1"/>
  <c r="E472" i="2" a="1"/>
  <c r="E472" i="2" s="1"/>
  <c r="E474" i="2" a="1"/>
  <c r="E474" i="2" s="1"/>
  <c r="F3959" i="2" a="1"/>
  <c r="F3959" i="2" s="1"/>
  <c r="F3964" i="2" a="1"/>
  <c r="F3964" i="2" s="1"/>
  <c r="F3963" i="2" a="1"/>
  <c r="F3963" i="2" s="1"/>
  <c r="F3965" i="2" a="1"/>
  <c r="F3965" i="2" s="1"/>
  <c r="F3946" i="2" a="1"/>
  <c r="F3946" i="2" s="1"/>
  <c r="F3967" i="2" a="1"/>
  <c r="F3967" i="2" s="1"/>
  <c r="F3954" i="2" a="1"/>
  <c r="F3954" i="2" s="1"/>
  <c r="F3947" i="2" a="1"/>
  <c r="F3947" i="2" s="1"/>
  <c r="F3948" i="2" a="1"/>
  <c r="F3948" i="2" s="1"/>
  <c r="F3956" i="2" a="1"/>
  <c r="F3956" i="2" s="1"/>
  <c r="F3969" i="2" a="1"/>
  <c r="F3969" i="2" s="1"/>
  <c r="F3957" i="2" a="1"/>
  <c r="F3957" i="2" s="1"/>
  <c r="F3949" i="2" a="1"/>
  <c r="F3949" i="2" s="1"/>
  <c r="F3951" i="2" a="1"/>
  <c r="F3951" i="2" s="1"/>
  <c r="F3968" i="2" a="1"/>
  <c r="F3968" i="2" s="1"/>
  <c r="F3953" i="2" a="1"/>
  <c r="F3953" i="2" s="1"/>
  <c r="F3955" i="2" a="1"/>
  <c r="F3955" i="2" s="1"/>
  <c r="F3958" i="2" a="1"/>
  <c r="F3958" i="2" s="1"/>
  <c r="F3960" i="2" a="1"/>
  <c r="F3960" i="2" s="1"/>
  <c r="F3962" i="2" a="1"/>
  <c r="F3962" i="2" s="1"/>
  <c r="F3966" i="2" a="1"/>
  <c r="F3966" i="2" s="1"/>
  <c r="F3952" i="2" a="1"/>
  <c r="F3952" i="2" s="1"/>
  <c r="F3950" i="2" a="1"/>
  <c r="F3950" i="2" s="1"/>
  <c r="F3961" i="2" a="1"/>
  <c r="F3961" i="2" s="1"/>
  <c r="H5659" i="2" a="1"/>
  <c r="H5659" i="2" s="1"/>
  <c r="H5666" i="2" a="1"/>
  <c r="H5666" i="2" s="1"/>
  <c r="H5653" i="2" a="1"/>
  <c r="H5653" i="2" s="1"/>
  <c r="H5670" i="2" a="1"/>
  <c r="H5670" i="2" s="1"/>
  <c r="H5650" i="2" a="1"/>
  <c r="H5650" i="2" s="1"/>
  <c r="H5654" i="2" a="1"/>
  <c r="H5654" i="2" s="1"/>
  <c r="H5661" i="2" a="1"/>
  <c r="H5661" i="2" s="1"/>
  <c r="H5652" i="2" a="1"/>
  <c r="H5652" i="2" s="1"/>
  <c r="H5662" i="2" a="1"/>
  <c r="H5662" i="2" s="1"/>
  <c r="H5658" i="2" a="1"/>
  <c r="H5658" i="2" s="1"/>
  <c r="H5664" i="2" a="1"/>
  <c r="H5664" i="2" s="1"/>
  <c r="H5655" i="2" a="1"/>
  <c r="H5655" i="2" s="1"/>
  <c r="H5660" i="2" a="1"/>
  <c r="H5660" i="2" s="1"/>
  <c r="H5656" i="2" a="1"/>
  <c r="H5656" i="2" s="1"/>
  <c r="H5665" i="2" a="1"/>
  <c r="H5665" i="2" s="1"/>
  <c r="H5663" i="2" a="1"/>
  <c r="H5663" i="2" s="1"/>
  <c r="H5667" i="2" a="1"/>
  <c r="H5667" i="2" s="1"/>
  <c r="H5668" i="2" a="1"/>
  <c r="H5668" i="2" s="1"/>
  <c r="H5671" i="2" a="1"/>
  <c r="H5671" i="2" s="1"/>
  <c r="H5672" i="2" a="1"/>
  <c r="H5672" i="2" s="1"/>
  <c r="H5669" i="2" a="1"/>
  <c r="H5669" i="2" s="1"/>
  <c r="H5673" i="2" a="1"/>
  <c r="H5673" i="2" s="1"/>
  <c r="H5657" i="2" a="1"/>
  <c r="H5657" i="2" s="1"/>
  <c r="H5651" i="2" a="1"/>
  <c r="H5651" i="2" s="1"/>
  <c r="D2463" i="2" a="1"/>
  <c r="D2463" i="2" s="1"/>
  <c r="D2471" i="2" a="1"/>
  <c r="D2471" i="2" s="1"/>
  <c r="D2475" i="2" a="1"/>
  <c r="D2475" i="2" s="1"/>
  <c r="D2458" i="2" a="1"/>
  <c r="D2458" i="2" s="1"/>
  <c r="D2466" i="2" a="1"/>
  <c r="D2466" i="2" s="1"/>
  <c r="D2470" i="2" a="1"/>
  <c r="D2470" i="2" s="1"/>
  <c r="D2478" i="2" a="1"/>
  <c r="D2478" i="2" s="1"/>
  <c r="D2462" i="2" a="1"/>
  <c r="D2462" i="2" s="1"/>
  <c r="D2465" i="2" a="1"/>
  <c r="D2465" i="2" s="1"/>
  <c r="D2469" i="2" a="1"/>
  <c r="D2469" i="2" s="1"/>
  <c r="D2473" i="2" a="1"/>
  <c r="D2473" i="2" s="1"/>
  <c r="D2481" i="2" a="1"/>
  <c r="D2481" i="2" s="1"/>
  <c r="D2474" i="2" a="1"/>
  <c r="D2474" i="2" s="1"/>
  <c r="D2477" i="2" a="1"/>
  <c r="D2477" i="2" s="1"/>
  <c r="D2468" i="2" a="1"/>
  <c r="D2468" i="2" s="1"/>
  <c r="D2461" i="2" a="1"/>
  <c r="D2461" i="2" s="1"/>
  <c r="D2460" i="2" a="1"/>
  <c r="D2460" i="2" s="1"/>
  <c r="D2472" i="2" a="1"/>
  <c r="D2472" i="2" s="1"/>
  <c r="D2480" i="2" a="1"/>
  <c r="D2480" i="2" s="1"/>
  <c r="D2459" i="2" a="1"/>
  <c r="D2459" i="2" s="1"/>
  <c r="D2467" i="2" a="1"/>
  <c r="D2467" i="2" s="1"/>
  <c r="D2479" i="2" a="1"/>
  <c r="D2479" i="2" s="1"/>
  <c r="D2464" i="2" a="1"/>
  <c r="D2464" i="2" s="1"/>
  <c r="D2476" i="2" a="1"/>
  <c r="D2476" i="2" s="1"/>
  <c r="E7533" i="2" a="1"/>
  <c r="E7533" i="2" s="1"/>
  <c r="E7536" i="2" a="1"/>
  <c r="E7536" i="2" s="1"/>
  <c r="E7541" i="2" a="1"/>
  <c r="E7541" i="2" s="1"/>
  <c r="E7532" i="2" a="1"/>
  <c r="E7532" i="2" s="1"/>
  <c r="E7538" i="2" a="1"/>
  <c r="E7538" i="2" s="1"/>
  <c r="E7527" i="2" a="1"/>
  <c r="E7527" i="2" s="1"/>
  <c r="E7537" i="2" a="1"/>
  <c r="E7537" i="2" s="1"/>
  <c r="E7531" i="2" a="1"/>
  <c r="E7531" i="2" s="1"/>
  <c r="E7542" i="2" a="1"/>
  <c r="E7542" i="2" s="1"/>
  <c r="E7523" i="2" a="1"/>
  <c r="E7523" i="2" s="1"/>
  <c r="E7544" i="2" a="1"/>
  <c r="E7544" i="2" s="1"/>
  <c r="E7528" i="2" a="1"/>
  <c r="E7528" i="2" s="1"/>
  <c r="E7525" i="2" a="1"/>
  <c r="E7525" i="2" s="1"/>
  <c r="E7529" i="2" a="1"/>
  <c r="E7529" i="2" s="1"/>
  <c r="E7539" i="2" a="1"/>
  <c r="E7539" i="2" s="1"/>
  <c r="E7543" i="2" a="1"/>
  <c r="E7543" i="2" s="1"/>
  <c r="E7526" i="2" a="1"/>
  <c r="E7526" i="2" s="1"/>
  <c r="H6631" i="2" a="1"/>
  <c r="H6631" i="2" s="1"/>
  <c r="H6624" i="2" a="1"/>
  <c r="H6624" i="2" s="1"/>
  <c r="E4439" i="2" a="1"/>
  <c r="E4439" i="2" s="1"/>
  <c r="E4447" i="2" a="1"/>
  <c r="E4447" i="2" s="1"/>
  <c r="E4431" i="2" a="1"/>
  <c r="E4431" i="2" s="1"/>
  <c r="E4430" i="2" a="1"/>
  <c r="E4430" i="2" s="1"/>
  <c r="E4441" i="2" a="1"/>
  <c r="E4441" i="2" s="1"/>
  <c r="E4440" i="2" a="1"/>
  <c r="E4440" i="2" s="1"/>
  <c r="E4429" i="2" a="1"/>
  <c r="E4429" i="2" s="1"/>
  <c r="E4445" i="2" a="1"/>
  <c r="E4445" i="2" s="1"/>
  <c r="E4442" i="2" a="1"/>
  <c r="E4442" i="2" s="1"/>
  <c r="E4435" i="2" a="1"/>
  <c r="E4435" i="2" s="1"/>
  <c r="E4444" i="2" a="1"/>
  <c r="E4444" i="2" s="1"/>
  <c r="E4427" i="2" a="1"/>
  <c r="E4427" i="2" s="1"/>
  <c r="E4434" i="2" a="1"/>
  <c r="E4434" i="2" s="1"/>
  <c r="E4428" i="2" a="1"/>
  <c r="E4428" i="2" s="1"/>
  <c r="E4433" i="2" a="1"/>
  <c r="E4433" i="2" s="1"/>
  <c r="E4436" i="2" a="1"/>
  <c r="E4436" i="2" s="1"/>
  <c r="E4448" i="2" a="1"/>
  <c r="E4448" i="2" s="1"/>
  <c r="E4446" i="2" a="1"/>
  <c r="E4446" i="2" s="1"/>
  <c r="E4437" i="2" a="1"/>
  <c r="E4437" i="2" s="1"/>
  <c r="E4438" i="2" a="1"/>
  <c r="E4438" i="2" s="1"/>
  <c r="E4426" i="2" a="1"/>
  <c r="E4426" i="2" s="1"/>
  <c r="E4443" i="2" a="1"/>
  <c r="E4443" i="2" s="1"/>
  <c r="E4432" i="2" a="1"/>
  <c r="E4432" i="2" s="1"/>
  <c r="E4449" i="2" a="1"/>
  <c r="E4449" i="2" s="1"/>
  <c r="G3649" i="2" a="1"/>
  <c r="G3649" i="2" s="1"/>
  <c r="G3651" i="2" a="1"/>
  <c r="G3651" i="2" s="1"/>
  <c r="G3645" i="2" a="1"/>
  <c r="G3645" i="2" s="1"/>
  <c r="G3639" i="2" a="1"/>
  <c r="G3639" i="2" s="1"/>
  <c r="G3643" i="2" a="1"/>
  <c r="G3643" i="2" s="1"/>
  <c r="G3642" i="2" a="1"/>
  <c r="G3642" i="2" s="1"/>
  <c r="G3641" i="2" a="1"/>
  <c r="G3641" i="2" s="1"/>
  <c r="G3648" i="2" a="1"/>
  <c r="G3648" i="2" s="1"/>
  <c r="G3652" i="2" a="1"/>
  <c r="G3652" i="2" s="1"/>
  <c r="G3653" i="2" a="1"/>
  <c r="G3653" i="2" s="1"/>
  <c r="G3635" i="2" a="1"/>
  <c r="G3635" i="2" s="1"/>
  <c r="G3655" i="2" a="1"/>
  <c r="G3655" i="2" s="1"/>
  <c r="G3654" i="2" a="1"/>
  <c r="G3654" i="2" s="1"/>
  <c r="G3636" i="2" a="1"/>
  <c r="G3636" i="2" s="1"/>
  <c r="G3656" i="2" a="1"/>
  <c r="G3656" i="2" s="1"/>
  <c r="G3646" i="2" a="1"/>
  <c r="G3646" i="2" s="1"/>
  <c r="G3637" i="2" a="1"/>
  <c r="G3637" i="2" s="1"/>
  <c r="G3638" i="2" a="1"/>
  <c r="G3638" i="2" s="1"/>
  <c r="G3647" i="2" a="1"/>
  <c r="G3647" i="2" s="1"/>
  <c r="G3644" i="2" a="1"/>
  <c r="G3644" i="2" s="1"/>
  <c r="G3657" i="2" a="1"/>
  <c r="G3657" i="2" s="1"/>
  <c r="G3640" i="2" a="1"/>
  <c r="G3640" i="2" s="1"/>
  <c r="G3634" i="2" a="1"/>
  <c r="G3634" i="2" s="1"/>
  <c r="G3650" i="2" a="1"/>
  <c r="G3650" i="2" s="1"/>
  <c r="D1150" i="2" a="1"/>
  <c r="D1150" i="2" s="1"/>
  <c r="D1154" i="2" a="1"/>
  <c r="D1154" i="2" s="1"/>
  <c r="D1151" i="2" a="1"/>
  <c r="D1151" i="2" s="1"/>
  <c r="D1145" i="2" a="1"/>
  <c r="D1145" i="2" s="1"/>
  <c r="D1149" i="2" a="1"/>
  <c r="D1149" i="2" s="1"/>
  <c r="D1153" i="2" a="1"/>
  <c r="D1153" i="2" s="1"/>
  <c r="D1157" i="2" a="1"/>
  <c r="D1157" i="2" s="1"/>
  <c r="D1148" i="2" a="1"/>
  <c r="D1148" i="2" s="1"/>
  <c r="D1156" i="2" a="1"/>
  <c r="D1156" i="2" s="1"/>
  <c r="D1139" i="2" a="1"/>
  <c r="D1139" i="2" s="1"/>
  <c r="D1143" i="2" a="1"/>
  <c r="D1143" i="2" s="1"/>
  <c r="D1147" i="2" a="1"/>
  <c r="D1147" i="2" s="1"/>
  <c r="D1155" i="2" a="1"/>
  <c r="D1155" i="2" s="1"/>
  <c r="D1159" i="2" a="1"/>
  <c r="D1159" i="2" s="1"/>
  <c r="D1140" i="2" a="1"/>
  <c r="D1140" i="2" s="1"/>
  <c r="D1152" i="2" a="1"/>
  <c r="D1152" i="2" s="1"/>
  <c r="D1160" i="2" a="1"/>
  <c r="D1160" i="2" s="1"/>
  <c r="D1138" i="2" a="1"/>
  <c r="D1138" i="2" s="1"/>
  <c r="D1158" i="2" a="1"/>
  <c r="D1158" i="2" s="1"/>
  <c r="D1161" i="2" a="1"/>
  <c r="D1161" i="2" s="1"/>
  <c r="D1141" i="2" a="1"/>
  <c r="D1141" i="2" s="1"/>
  <c r="H1218" i="2" a="1"/>
  <c r="H1218" i="2" s="1"/>
  <c r="H1231" i="2" a="1"/>
  <c r="H1231" i="2" s="1"/>
  <c r="H1223" i="2" a="1"/>
  <c r="H1223" i="2" s="1"/>
  <c r="H1226" i="2" a="1"/>
  <c r="H1226" i="2" s="1"/>
  <c r="H1224" i="2" a="1"/>
  <c r="H1224" i="2" s="1"/>
  <c r="H1222" i="2" a="1"/>
  <c r="H1222" i="2" s="1"/>
  <c r="H1215" i="2" a="1"/>
  <c r="H1215" i="2" s="1"/>
  <c r="H1228" i="2" a="1"/>
  <c r="H1228" i="2" s="1"/>
  <c r="H1216" i="2" a="1"/>
  <c r="H1216" i="2" s="1"/>
  <c r="H1210" i="2" a="1"/>
  <c r="H1210" i="2" s="1"/>
  <c r="H1219" i="2" a="1"/>
  <c r="H1219" i="2" s="1"/>
  <c r="H1229" i="2" a="1"/>
  <c r="H1229" i="2" s="1"/>
  <c r="H1220" i="2" a="1"/>
  <c r="H1220" i="2" s="1"/>
  <c r="H1230" i="2" a="1"/>
  <c r="H1230" i="2" s="1"/>
  <c r="H1217" i="2" a="1"/>
  <c r="H1217" i="2" s="1"/>
  <c r="H1232" i="2" a="1"/>
  <c r="H1232" i="2" s="1"/>
  <c r="H1225" i="2" a="1"/>
  <c r="H1225" i="2" s="1"/>
  <c r="H1211" i="2" a="1"/>
  <c r="H1211" i="2" s="1"/>
  <c r="H1214" i="2" a="1"/>
  <c r="H1214" i="2" s="1"/>
  <c r="H1227" i="2" a="1"/>
  <c r="H1227" i="2" s="1"/>
  <c r="H1213" i="2" a="1"/>
  <c r="H1213" i="2" s="1"/>
  <c r="H1233" i="2" a="1"/>
  <c r="H1233" i="2" s="1"/>
  <c r="H1221" i="2" a="1"/>
  <c r="H1221" i="2" s="1"/>
  <c r="H1212" i="2" a="1"/>
  <c r="H1212" i="2" s="1"/>
  <c r="H6096" i="2" a="1"/>
  <c r="H6096" i="2" s="1"/>
  <c r="H6102" i="2" a="1"/>
  <c r="H6102" i="2" s="1"/>
  <c r="H6093" i="2" a="1"/>
  <c r="H6093" i="2" s="1"/>
  <c r="H6100" i="2" a="1"/>
  <c r="H6100" i="2" s="1"/>
  <c r="H6097" i="2" a="1"/>
  <c r="H6097" i="2" s="1"/>
  <c r="H6103" i="2" a="1"/>
  <c r="H6103" i="2" s="1"/>
  <c r="H6082" i="2" a="1"/>
  <c r="H6082" i="2" s="1"/>
  <c r="H6085" i="2" a="1"/>
  <c r="H6085" i="2" s="1"/>
  <c r="H6098" i="2" a="1"/>
  <c r="H6098" i="2" s="1"/>
  <c r="H6089" i="2" a="1"/>
  <c r="H6089" i="2" s="1"/>
  <c r="D8171" i="2" a="1"/>
  <c r="D8171" i="2" s="1"/>
  <c r="D8183" i="2" a="1"/>
  <c r="D8183" i="2" s="1"/>
  <c r="D8178" i="2" a="1"/>
  <c r="D8178" i="2" s="1"/>
  <c r="AN234" i="1"/>
  <c r="D240" i="5" s="1"/>
  <c r="AO234" i="1"/>
  <c r="E240" i="5" s="1"/>
  <c r="AQ234" i="1"/>
  <c r="G240" i="5" s="1"/>
  <c r="AP234" i="1"/>
  <c r="F240" i="5" s="1"/>
  <c r="AM234" i="1"/>
  <c r="D5624" i="2" a="1"/>
  <c r="D5624" i="2" s="1"/>
  <c r="D5604" i="2" a="1"/>
  <c r="D5604" i="2" s="1"/>
  <c r="D5611" i="2" a="1"/>
  <c r="D5611" i="2" s="1"/>
  <c r="D5619" i="2" a="1"/>
  <c r="D5619" i="2" s="1"/>
  <c r="D5623" i="2" a="1"/>
  <c r="D5623" i="2" s="1"/>
  <c r="D5607" i="2" a="1"/>
  <c r="D5607" i="2" s="1"/>
  <c r="D5603" i="2" a="1"/>
  <c r="D5603" i="2" s="1"/>
  <c r="D5610" i="2" a="1"/>
  <c r="D5610" i="2" s="1"/>
  <c r="D5614" i="2" a="1"/>
  <c r="D5614" i="2" s="1"/>
  <c r="D5618" i="2" a="1"/>
  <c r="D5618" i="2" s="1"/>
  <c r="D5622" i="2" a="1"/>
  <c r="D5622" i="2" s="1"/>
  <c r="D5615" i="2" a="1"/>
  <c r="D5615" i="2" s="1"/>
  <c r="D5606" i="2" a="1"/>
  <c r="D5606" i="2" s="1"/>
  <c r="D5613" i="2" a="1"/>
  <c r="D5613" i="2" s="1"/>
  <c r="D5617" i="2" a="1"/>
  <c r="D5617" i="2" s="1"/>
  <c r="D5621" i="2" a="1"/>
  <c r="D5621" i="2" s="1"/>
  <c r="D5602" i="2" a="1"/>
  <c r="D5602" i="2" s="1"/>
  <c r="D5609" i="2" a="1"/>
  <c r="D5609" i="2" s="1"/>
  <c r="D5625" i="2" a="1"/>
  <c r="D5625" i="2" s="1"/>
  <c r="D5605" i="2" a="1"/>
  <c r="D5605" i="2" s="1"/>
  <c r="D5612" i="2" a="1"/>
  <c r="D5612" i="2" s="1"/>
  <c r="D5616" i="2" a="1"/>
  <c r="D5616" i="2" s="1"/>
  <c r="D5620" i="2" a="1"/>
  <c r="D5620" i="2" s="1"/>
  <c r="D5608" i="2" a="1"/>
  <c r="D5608" i="2" s="1"/>
  <c r="G1665" i="2" a="1"/>
  <c r="G1665" i="2" s="1"/>
  <c r="G1662" i="2" a="1"/>
  <c r="G1662" i="2" s="1"/>
  <c r="G1664" i="2" a="1"/>
  <c r="G1664" i="2" s="1"/>
  <c r="G1649" i="2" a="1"/>
  <c r="G1649" i="2" s="1"/>
  <c r="G1642" i="2" a="1"/>
  <c r="G1642" i="2" s="1"/>
  <c r="G1656" i="2" a="1"/>
  <c r="G1656" i="2" s="1"/>
  <c r="G1643" i="2" a="1"/>
  <c r="G1643" i="2" s="1"/>
  <c r="G1645" i="2" a="1"/>
  <c r="G1645" i="2" s="1"/>
  <c r="G1647" i="2" a="1"/>
  <c r="G1647" i="2" s="1"/>
  <c r="G1644" i="2" a="1"/>
  <c r="G1644" i="2" s="1"/>
  <c r="G1658" i="2" a="1"/>
  <c r="G1658" i="2" s="1"/>
  <c r="G1648" i="2" a="1"/>
  <c r="G1648" i="2" s="1"/>
  <c r="G1650" i="2" a="1"/>
  <c r="G1650" i="2" s="1"/>
  <c r="G1655" i="2" a="1"/>
  <c r="G1655" i="2" s="1"/>
  <c r="G1654" i="2" a="1"/>
  <c r="G1654" i="2" s="1"/>
  <c r="G1653" i="2" a="1"/>
  <c r="G1653" i="2" s="1"/>
  <c r="G1659" i="2" a="1"/>
  <c r="G1659" i="2" s="1"/>
  <c r="G1663" i="2" a="1"/>
  <c r="G1663" i="2" s="1"/>
  <c r="G1657" i="2" a="1"/>
  <c r="G1657" i="2" s="1"/>
  <c r="G1646" i="2" a="1"/>
  <c r="G1646" i="2" s="1"/>
  <c r="G1652" i="2" a="1"/>
  <c r="G1652" i="2" s="1"/>
  <c r="G1660" i="2" a="1"/>
  <c r="G1660" i="2" s="1"/>
  <c r="G1661" i="2" a="1"/>
  <c r="G1661" i="2" s="1"/>
  <c r="G1651" i="2" a="1"/>
  <c r="G1651" i="2" s="1"/>
  <c r="G4795" i="2" a="1"/>
  <c r="G4795" i="2" s="1"/>
  <c r="G4793" i="2" a="1"/>
  <c r="G4793" i="2" s="1"/>
  <c r="G4800" i="2" a="1"/>
  <c r="G4800" i="2" s="1"/>
  <c r="G4803" i="2" a="1"/>
  <c r="G4803" i="2" s="1"/>
  <c r="G4796" i="2" a="1"/>
  <c r="G4796" i="2" s="1"/>
  <c r="G4789" i="2" a="1"/>
  <c r="G4789" i="2" s="1"/>
  <c r="G4792" i="2" a="1"/>
  <c r="G4792" i="2" s="1"/>
  <c r="G4786" i="2" a="1"/>
  <c r="G4786" i="2" s="1"/>
  <c r="G4805" i="2" a="1"/>
  <c r="G4805" i="2" s="1"/>
  <c r="G4797" i="2" a="1"/>
  <c r="G4797" i="2" s="1"/>
  <c r="G4788" i="2" a="1"/>
  <c r="G4788" i="2" s="1"/>
  <c r="D7070" i="2" a="1"/>
  <c r="D7070" i="2" s="1"/>
  <c r="D7077" i="2" a="1"/>
  <c r="D7077" i="2" s="1"/>
  <c r="D7088" i="2" a="1"/>
  <c r="D7088" i="2" s="1"/>
  <c r="E7060" i="2" a="1"/>
  <c r="E7060" i="2" s="1"/>
  <c r="E7050" i="2" a="1"/>
  <c r="E7050" i="2" s="1"/>
  <c r="E7063" i="2" a="1"/>
  <c r="E7063" i="2" s="1"/>
  <c r="E7042" i="2" a="1"/>
  <c r="E7042" i="2" s="1"/>
  <c r="E7045" i="2" a="1"/>
  <c r="E7045" i="2" s="1"/>
  <c r="E7061" i="2" a="1"/>
  <c r="E7061" i="2" s="1"/>
  <c r="E7057" i="2" a="1"/>
  <c r="E7057" i="2" s="1"/>
  <c r="E7055" i="2" a="1"/>
  <c r="E7055" i="2" s="1"/>
  <c r="E7048" i="2" a="1"/>
  <c r="E7048" i="2" s="1"/>
  <c r="E7062" i="2" a="1"/>
  <c r="E7062" i="2" s="1"/>
  <c r="E7046" i="2" a="1"/>
  <c r="E7046" i="2" s="1"/>
  <c r="E7056" i="2" a="1"/>
  <c r="E7056" i="2" s="1"/>
  <c r="E7052" i="2" a="1"/>
  <c r="E7052" i="2" s="1"/>
  <c r="E7065" i="2" a="1"/>
  <c r="E7065" i="2" s="1"/>
  <c r="E7059" i="2" a="1"/>
  <c r="E7059" i="2" s="1"/>
  <c r="E7054" i="2" a="1"/>
  <c r="E7054" i="2" s="1"/>
  <c r="E7044" i="2" a="1"/>
  <c r="E7044" i="2" s="1"/>
  <c r="E7053" i="2" a="1"/>
  <c r="E7053" i="2" s="1"/>
  <c r="E7049" i="2" a="1"/>
  <c r="E7049" i="2" s="1"/>
  <c r="E7047" i="2" a="1"/>
  <c r="E7047" i="2" s="1"/>
  <c r="E7064" i="2" a="1"/>
  <c r="E7064" i="2" s="1"/>
  <c r="E7043" i="2" a="1"/>
  <c r="E7043" i="2" s="1"/>
  <c r="E7058" i="2" a="1"/>
  <c r="E7058" i="2" s="1"/>
  <c r="E7051" i="2" a="1"/>
  <c r="E7051" i="2" s="1"/>
  <c r="F1022" i="2" a="1"/>
  <c r="F1022" i="2" s="1"/>
  <c r="F1027" i="2" a="1"/>
  <c r="F1027" i="2" s="1"/>
  <c r="F1037" i="2" a="1"/>
  <c r="F1037" i="2" s="1"/>
  <c r="F1031" i="2" a="1"/>
  <c r="F1031" i="2" s="1"/>
  <c r="F1021" i="2" a="1"/>
  <c r="F1021" i="2" s="1"/>
  <c r="F1035" i="2" a="1"/>
  <c r="F1035" i="2" s="1"/>
  <c r="F1029" i="2" a="1"/>
  <c r="F1029" i="2" s="1"/>
  <c r="F1020" i="2" a="1"/>
  <c r="F1020" i="2" s="1"/>
  <c r="F1025" i="2" a="1"/>
  <c r="F1025" i="2" s="1"/>
  <c r="F1028" i="2" a="1"/>
  <c r="F1028" i="2" s="1"/>
  <c r="E2370" i="2" a="1"/>
  <c r="E2370" i="2" s="1"/>
  <c r="E2365" i="2" a="1"/>
  <c r="E2365" i="2" s="1"/>
  <c r="E2367" i="2" a="1"/>
  <c r="E2367" i="2" s="1"/>
  <c r="E2363" i="2" a="1"/>
  <c r="E2363" i="2" s="1"/>
  <c r="E2383" i="2" a="1"/>
  <c r="E2383" i="2" s="1"/>
  <c r="E2377" i="2" a="1"/>
  <c r="E2377" i="2" s="1"/>
  <c r="E2384" i="2" a="1"/>
  <c r="E2384" i="2" s="1"/>
  <c r="E2372" i="2" a="1"/>
  <c r="E2372" i="2" s="1"/>
  <c r="E2368" i="2" a="1"/>
  <c r="E2368" i="2" s="1"/>
  <c r="E2364" i="2" a="1"/>
  <c r="E2364" i="2" s="1"/>
  <c r="E2362" i="2" a="1"/>
  <c r="E2362" i="2" s="1"/>
  <c r="E2369" i="2" a="1"/>
  <c r="E2369" i="2" s="1"/>
  <c r="E2378" i="2" a="1"/>
  <c r="E2378" i="2" s="1"/>
  <c r="E2371" i="2" a="1"/>
  <c r="E2371" i="2" s="1"/>
  <c r="E2374" i="2" a="1"/>
  <c r="E2374" i="2" s="1"/>
  <c r="E2375" i="2" a="1"/>
  <c r="E2375" i="2" s="1"/>
  <c r="E2380" i="2" a="1"/>
  <c r="E2380" i="2" s="1"/>
  <c r="E2381" i="2" a="1"/>
  <c r="E2381" i="2" s="1"/>
  <c r="E2376" i="2" a="1"/>
  <c r="E2376" i="2" s="1"/>
  <c r="E2379" i="2" a="1"/>
  <c r="E2379" i="2" s="1"/>
  <c r="E2366" i="2" a="1"/>
  <c r="E2366" i="2" s="1"/>
  <c r="E2385" i="2" a="1"/>
  <c r="E2385" i="2" s="1"/>
  <c r="E2382" i="2" a="1"/>
  <c r="E2382" i="2" s="1"/>
  <c r="E2373" i="2" a="1"/>
  <c r="E2373" i="2" s="1"/>
  <c r="G8084" i="2" a="1"/>
  <c r="G8084" i="2" s="1"/>
  <c r="G8075" i="2" a="1"/>
  <c r="G8075" i="2" s="1"/>
  <c r="G8080" i="2" a="1"/>
  <c r="G8080" i="2" s="1"/>
  <c r="G8077" i="2" a="1"/>
  <c r="G8077" i="2" s="1"/>
  <c r="G8090" i="2" a="1"/>
  <c r="G8090" i="2" s="1"/>
  <c r="G8096" i="2" a="1"/>
  <c r="G8096" i="2" s="1"/>
  <c r="G8082" i="2" a="1"/>
  <c r="G8082" i="2" s="1"/>
  <c r="G8088" i="2" a="1"/>
  <c r="G8088" i="2" s="1"/>
  <c r="G8097" i="2" a="1"/>
  <c r="G8097" i="2" s="1"/>
  <c r="G8092" i="2" a="1"/>
  <c r="G8092" i="2" s="1"/>
  <c r="G8081" i="2" a="1"/>
  <c r="G8081" i="2" s="1"/>
  <c r="G8091" i="2" a="1"/>
  <c r="G8091" i="2" s="1"/>
  <c r="G8085" i="2" a="1"/>
  <c r="G8085" i="2" s="1"/>
  <c r="G8086" i="2" a="1"/>
  <c r="G8086" i="2" s="1"/>
  <c r="G8095" i="2" a="1"/>
  <c r="G8095" i="2" s="1"/>
  <c r="G8076" i="2" a="1"/>
  <c r="G8076" i="2" s="1"/>
  <c r="G8093" i="2" a="1"/>
  <c r="G8093" i="2" s="1"/>
  <c r="G8083" i="2" a="1"/>
  <c r="G8083" i="2" s="1"/>
  <c r="G8089" i="2" a="1"/>
  <c r="G8089" i="2" s="1"/>
  <c r="G8078" i="2" a="1"/>
  <c r="G8078" i="2" s="1"/>
  <c r="G8094" i="2" a="1"/>
  <c r="G8094" i="2" s="1"/>
  <c r="G8074" i="2" a="1"/>
  <c r="G8074" i="2" s="1"/>
  <c r="G8087" i="2" a="1"/>
  <c r="G8087" i="2" s="1"/>
  <c r="G8079" i="2" a="1"/>
  <c r="G8079" i="2" s="1"/>
  <c r="G3350" i="2" a="1"/>
  <c r="G3350" i="2" s="1"/>
  <c r="G3347" i="2" a="1"/>
  <c r="G3347" i="2" s="1"/>
  <c r="G3363" i="2" a="1"/>
  <c r="G3363" i="2" s="1"/>
  <c r="G3351" i="2" a="1"/>
  <c r="G3351" i="2" s="1"/>
  <c r="G3348" i="2" a="1"/>
  <c r="G3348" i="2" s="1"/>
  <c r="G3355" i="2" a="1"/>
  <c r="G3355" i="2" s="1"/>
  <c r="G3357" i="2" a="1"/>
  <c r="G3357" i="2" s="1"/>
  <c r="G3349" i="2" a="1"/>
  <c r="G3349" i="2" s="1"/>
  <c r="G3362" i="2" a="1"/>
  <c r="G3362" i="2" s="1"/>
  <c r="G3365" i="2" a="1"/>
  <c r="G3365" i="2" s="1"/>
  <c r="G3359" i="2" a="1"/>
  <c r="G3359" i="2" s="1"/>
  <c r="G3369" i="2" a="1"/>
  <c r="G3369" i="2" s="1"/>
  <c r="G3356" i="2" a="1"/>
  <c r="G3356" i="2" s="1"/>
  <c r="G3366" i="2" a="1"/>
  <c r="G3366" i="2" s="1"/>
  <c r="G3367" i="2" a="1"/>
  <c r="G3367" i="2" s="1"/>
  <c r="G3361" i="2" a="1"/>
  <c r="G3361" i="2" s="1"/>
  <c r="G3360" i="2" a="1"/>
  <c r="G3360" i="2" s="1"/>
  <c r="G3368" i="2" a="1"/>
  <c r="G3368" i="2" s="1"/>
  <c r="G3353" i="2" a="1"/>
  <c r="G3353" i="2" s="1"/>
  <c r="G3354" i="2" a="1"/>
  <c r="G3354" i="2" s="1"/>
  <c r="G3364" i="2" a="1"/>
  <c r="G3364" i="2" s="1"/>
  <c r="G3352" i="2" a="1"/>
  <c r="G3352" i="2" s="1"/>
  <c r="G3346" i="2" a="1"/>
  <c r="G3346" i="2" s="1"/>
  <c r="G3358" i="2" a="1"/>
  <c r="G3358" i="2" s="1"/>
  <c r="G4368" i="2" a="1"/>
  <c r="G4368" i="2" s="1"/>
  <c r="G4376" i="2" a="1"/>
  <c r="G4376" i="2" s="1"/>
  <c r="F8433" i="2" a="1"/>
  <c r="F8433" i="2" s="1"/>
  <c r="F8429" i="2" a="1"/>
  <c r="F8429" i="2" s="1"/>
  <c r="F8410" i="2" a="1"/>
  <c r="F8410" i="2" s="1"/>
  <c r="F8413" i="2" a="1"/>
  <c r="F8413" i="2" s="1"/>
  <c r="F8411" i="2" a="1"/>
  <c r="F8411" i="2" s="1"/>
  <c r="F8418" i="2" a="1"/>
  <c r="F8418" i="2" s="1"/>
  <c r="F8423" i="2" a="1"/>
  <c r="F8423" i="2" s="1"/>
  <c r="F8430" i="2" a="1"/>
  <c r="F8430" i="2" s="1"/>
  <c r="F8432" i="2" a="1"/>
  <c r="F8432" i="2" s="1"/>
  <c r="F8431" i="2" a="1"/>
  <c r="F8431" i="2" s="1"/>
  <c r="F8424" i="2" a="1"/>
  <c r="F8424" i="2" s="1"/>
  <c r="F8415" i="2" a="1"/>
  <c r="F8415" i="2" s="1"/>
  <c r="F8416" i="2" a="1"/>
  <c r="F8416" i="2" s="1"/>
  <c r="F8426" i="2" a="1"/>
  <c r="F8426" i="2" s="1"/>
  <c r="F8421" i="2" a="1"/>
  <c r="F8421" i="2" s="1"/>
  <c r="F8412" i="2" a="1"/>
  <c r="F8412" i="2" s="1"/>
  <c r="F8419" i="2" a="1"/>
  <c r="F8419" i="2" s="1"/>
  <c r="F8420" i="2" a="1"/>
  <c r="F8420" i="2" s="1"/>
  <c r="F8422" i="2" a="1"/>
  <c r="F8422" i="2" s="1"/>
  <c r="F8425" i="2" a="1"/>
  <c r="F8425" i="2" s="1"/>
  <c r="F8417" i="2" a="1"/>
  <c r="F8417" i="2" s="1"/>
  <c r="F8428" i="2" a="1"/>
  <c r="F8428" i="2" s="1"/>
  <c r="F8427" i="2" a="1"/>
  <c r="F8427" i="2" s="1"/>
  <c r="F8414" i="2" a="1"/>
  <c r="F8414" i="2" s="1"/>
  <c r="E6410" i="2" a="1"/>
  <c r="E6410" i="2" s="1"/>
  <c r="E6408" i="2" a="1"/>
  <c r="E6408" i="2" s="1"/>
  <c r="E6407" i="2" a="1"/>
  <c r="E6407" i="2" s="1"/>
  <c r="G6372" i="2" a="1"/>
  <c r="G6372" i="2" s="1"/>
  <c r="G6380" i="2" a="1"/>
  <c r="G6380" i="2" s="1"/>
  <c r="G6382" i="2" a="1"/>
  <c r="G6382" i="2" s="1"/>
  <c r="G6386" i="2" a="1"/>
  <c r="G6386" i="2" s="1"/>
  <c r="G6376" i="2" a="1"/>
  <c r="G6376" i="2" s="1"/>
  <c r="G6375" i="2" a="1"/>
  <c r="G6375" i="2" s="1"/>
  <c r="G6389" i="2" a="1"/>
  <c r="G6389" i="2" s="1"/>
  <c r="G6390" i="2" a="1"/>
  <c r="G6390" i="2" s="1"/>
  <c r="G6391" i="2" a="1"/>
  <c r="G6391" i="2" s="1"/>
  <c r="G6381" i="2" a="1"/>
  <c r="G6381" i="2" s="1"/>
  <c r="G6384" i="2" a="1"/>
  <c r="G6384" i="2" s="1"/>
  <c r="G6373" i="2" a="1"/>
  <c r="G6373" i="2" s="1"/>
  <c r="G6388" i="2" a="1"/>
  <c r="G6388" i="2" s="1"/>
  <c r="G6370" i="2" a="1"/>
  <c r="G6370" i="2" s="1"/>
  <c r="G6378" i="2" a="1"/>
  <c r="G6378" i="2" s="1"/>
  <c r="G6385" i="2" a="1"/>
  <c r="G6385" i="2" s="1"/>
  <c r="G6393" i="2" a="1"/>
  <c r="G6393" i="2" s="1"/>
  <c r="G6374" i="2" a="1"/>
  <c r="G6374" i="2" s="1"/>
  <c r="G6377" i="2" a="1"/>
  <c r="G6377" i="2" s="1"/>
  <c r="G6383" i="2" a="1"/>
  <c r="G6383" i="2" s="1"/>
  <c r="G6387" i="2" a="1"/>
  <c r="G6387" i="2" s="1"/>
  <c r="G6371" i="2" a="1"/>
  <c r="G6371" i="2" s="1"/>
  <c r="G6379" i="2" a="1"/>
  <c r="G6379" i="2" s="1"/>
  <c r="G6392" i="2" a="1"/>
  <c r="G6392" i="2" s="1"/>
  <c r="H3864" i="2" a="1"/>
  <c r="H3864" i="2" s="1"/>
  <c r="H3853" i="2" a="1"/>
  <c r="H3853" i="2" s="1"/>
  <c r="H3867" i="2" a="1"/>
  <c r="H3867" i="2" s="1"/>
  <c r="H3858" i="2" a="1"/>
  <c r="H3858" i="2" s="1"/>
  <c r="H3850" i="2" a="1"/>
  <c r="H3850" i="2" s="1"/>
  <c r="H3873" i="2" a="1"/>
  <c r="H3873" i="2" s="1"/>
  <c r="H3851" i="2" a="1"/>
  <c r="H3851" i="2" s="1"/>
  <c r="H3865" i="2" a="1"/>
  <c r="H3865" i="2" s="1"/>
  <c r="H3863" i="2" a="1"/>
  <c r="H3863" i="2" s="1"/>
  <c r="H3868" i="2" a="1"/>
  <c r="H3868" i="2" s="1"/>
  <c r="H3854" i="2" a="1"/>
  <c r="H3854" i="2" s="1"/>
  <c r="H3869" i="2" a="1"/>
  <c r="H3869" i="2" s="1"/>
  <c r="H3857" i="2" a="1"/>
  <c r="H3857" i="2" s="1"/>
  <c r="H3862" i="2" a="1"/>
  <c r="H3862" i="2" s="1"/>
  <c r="H3860" i="2" a="1"/>
  <c r="H3860" i="2" s="1"/>
  <c r="H3852" i="2" a="1"/>
  <c r="H3852" i="2" s="1"/>
  <c r="H3855" i="2" a="1"/>
  <c r="H3855" i="2" s="1"/>
  <c r="H3856" i="2" a="1"/>
  <c r="H3856" i="2" s="1"/>
  <c r="H3872" i="2" a="1"/>
  <c r="H3872" i="2" s="1"/>
  <c r="G860" i="2" a="1"/>
  <c r="G860" i="2" s="1"/>
  <c r="G864" i="2" a="1"/>
  <c r="G864" i="2" s="1"/>
  <c r="G851" i="2" a="1"/>
  <c r="G851" i="2" s="1"/>
  <c r="F3549" i="2" a="1"/>
  <c r="F3549" i="2" s="1"/>
  <c r="F3547" i="2" a="1"/>
  <c r="F3547" i="2" s="1"/>
  <c r="F3539" i="2" a="1"/>
  <c r="F3539" i="2" s="1"/>
  <c r="F3558" i="2" a="1"/>
  <c r="F3558" i="2" s="1"/>
  <c r="F3553" i="2" a="1"/>
  <c r="F3553" i="2" s="1"/>
  <c r="F3541" i="2" a="1"/>
  <c r="F3541" i="2" s="1"/>
  <c r="F3560" i="2" a="1"/>
  <c r="F3560" i="2" s="1"/>
  <c r="F3554" i="2" a="1"/>
  <c r="F3554" i="2" s="1"/>
  <c r="F3559" i="2" a="1"/>
  <c r="F3559" i="2" s="1"/>
  <c r="F3543" i="2" a="1"/>
  <c r="F3543" i="2" s="1"/>
  <c r="F3542" i="2" a="1"/>
  <c r="F3542" i="2" s="1"/>
  <c r="F3561" i="2" a="1"/>
  <c r="F3561" i="2" s="1"/>
  <c r="F3555" i="2" a="1"/>
  <c r="F3555" i="2" s="1"/>
  <c r="F3545" i="2" a="1"/>
  <c r="F3545" i="2" s="1"/>
  <c r="F3538" i="2" a="1"/>
  <c r="F3538" i="2" s="1"/>
  <c r="F3546" i="2" a="1"/>
  <c r="F3546" i="2" s="1"/>
  <c r="F3540" i="2" a="1"/>
  <c r="F3540" i="2" s="1"/>
  <c r="F3548" i="2" a="1"/>
  <c r="F3548" i="2" s="1"/>
  <c r="F3552" i="2" a="1"/>
  <c r="F3552" i="2" s="1"/>
  <c r="F3544" i="2" a="1"/>
  <c r="F3544" i="2" s="1"/>
  <c r="F3556" i="2" a="1"/>
  <c r="F3556" i="2" s="1"/>
  <c r="F3557" i="2" a="1"/>
  <c r="F3557" i="2" s="1"/>
  <c r="F3550" i="2" a="1"/>
  <c r="F3550" i="2" s="1"/>
  <c r="F3551" i="2" a="1"/>
  <c r="F3551" i="2" s="1"/>
  <c r="F5719" i="2" a="1"/>
  <c r="F5719" i="2" s="1"/>
  <c r="F5698" i="2" a="1"/>
  <c r="F5698" i="2" s="1"/>
  <c r="F5715" i="2" a="1"/>
  <c r="F5715" i="2" s="1"/>
  <c r="F5716" i="2" a="1"/>
  <c r="F5716" i="2" s="1"/>
  <c r="F5699" i="2" a="1"/>
  <c r="F5699" i="2" s="1"/>
  <c r="F5710" i="2" a="1"/>
  <c r="F5710" i="2" s="1"/>
  <c r="F5712" i="2" a="1"/>
  <c r="F5712" i="2" s="1"/>
  <c r="F5711" i="2" a="1"/>
  <c r="F5711" i="2" s="1"/>
  <c r="F5718" i="2" a="1"/>
  <c r="F5718" i="2" s="1"/>
  <c r="F5717" i="2" a="1"/>
  <c r="F5717" i="2" s="1"/>
  <c r="F5705" i="2" a="1"/>
  <c r="F5705" i="2" s="1"/>
  <c r="F5708" i="2" a="1"/>
  <c r="F5708" i="2" s="1"/>
  <c r="F5713" i="2" a="1"/>
  <c r="F5713" i="2" s="1"/>
  <c r="E3217" i="2" a="1"/>
  <c r="E3217" i="2" s="1"/>
  <c r="E3218" i="2" a="1"/>
  <c r="E3218" i="2" s="1"/>
  <c r="E3207" i="2" a="1"/>
  <c r="E3207" i="2" s="1"/>
  <c r="E3205" i="2" a="1"/>
  <c r="E3205" i="2" s="1"/>
  <c r="E3210" i="2" a="1"/>
  <c r="E3210" i="2" s="1"/>
  <c r="E3209" i="2" a="1"/>
  <c r="E3209" i="2" s="1"/>
  <c r="E3214" i="2" a="1"/>
  <c r="E3214" i="2" s="1"/>
  <c r="E3221" i="2" a="1"/>
  <c r="E3221" i="2" s="1"/>
  <c r="E3204" i="2" a="1"/>
  <c r="E3204" i="2" s="1"/>
  <c r="E3222" i="2" a="1"/>
  <c r="E3222" i="2" s="1"/>
  <c r="E3224" i="2" a="1"/>
  <c r="E3224" i="2" s="1"/>
  <c r="E3203" i="2" a="1"/>
  <c r="E3203" i="2" s="1"/>
  <c r="D494" i="2" a="1"/>
  <c r="D494" i="2" s="1"/>
  <c r="D505" i="2" a="1"/>
  <c r="D505" i="2" s="1"/>
  <c r="H1543" i="2" a="1"/>
  <c r="H1543" i="2" s="1"/>
  <c r="H1542" i="2" a="1"/>
  <c r="H1542" i="2" s="1"/>
  <c r="H1531" i="2" a="1"/>
  <c r="H1531" i="2" s="1"/>
  <c r="H1525" i="2" a="1"/>
  <c r="H1525" i="2" s="1"/>
  <c r="H1534" i="2" a="1"/>
  <c r="H1534" i="2" s="1"/>
  <c r="H1530" i="2" a="1"/>
  <c r="H1530" i="2" s="1"/>
  <c r="H1528" i="2" a="1"/>
  <c r="H1528" i="2" s="1"/>
  <c r="H1544" i="2" a="1"/>
  <c r="H1544" i="2" s="1"/>
  <c r="H1533" i="2" a="1"/>
  <c r="H1533" i="2" s="1"/>
  <c r="H1545" i="2" a="1"/>
  <c r="H1545" i="2" s="1"/>
  <c r="H1526" i="2" a="1"/>
  <c r="H1526" i="2" s="1"/>
  <c r="H1529" i="2" a="1"/>
  <c r="H1529" i="2" s="1"/>
  <c r="H1540" i="2" a="1"/>
  <c r="H1540" i="2" s="1"/>
  <c r="H1541" i="2" a="1"/>
  <c r="H1541" i="2" s="1"/>
  <c r="H1527" i="2" a="1"/>
  <c r="H1527" i="2" s="1"/>
  <c r="H1523" i="2" a="1"/>
  <c r="H1523" i="2" s="1"/>
  <c r="H1536" i="2" a="1"/>
  <c r="H1536" i="2" s="1"/>
  <c r="H1537" i="2" a="1"/>
  <c r="H1537" i="2" s="1"/>
  <c r="H1524" i="2" a="1"/>
  <c r="H1524" i="2" s="1"/>
  <c r="H1522" i="2" a="1"/>
  <c r="H1522" i="2" s="1"/>
  <c r="H1535" i="2" a="1"/>
  <c r="H1535" i="2" s="1"/>
  <c r="H1538" i="2" a="1"/>
  <c r="H1538" i="2" s="1"/>
  <c r="H1539" i="2" a="1"/>
  <c r="H1539" i="2" s="1"/>
  <c r="H1532" i="2" a="1"/>
  <c r="H1532" i="2" s="1"/>
  <c r="F5174" i="2" a="1"/>
  <c r="F5174" i="2" s="1"/>
  <c r="F5177" i="2" a="1"/>
  <c r="F5177" i="2" s="1"/>
  <c r="F5190" i="2" a="1"/>
  <c r="F5190" i="2" s="1"/>
  <c r="F5183" i="2" a="1"/>
  <c r="F5183" i="2" s="1"/>
  <c r="F5187" i="2" a="1"/>
  <c r="F5187" i="2" s="1"/>
  <c r="F5182" i="2" a="1"/>
  <c r="F5182" i="2" s="1"/>
  <c r="F5184" i="2" a="1"/>
  <c r="F5184" i="2" s="1"/>
  <c r="F5181" i="2" a="1"/>
  <c r="F5181" i="2" s="1"/>
  <c r="F5171" i="2" a="1"/>
  <c r="F5171" i="2" s="1"/>
  <c r="F5191" i="2" a="1"/>
  <c r="F5191" i="2" s="1"/>
  <c r="F5186" i="2" a="1"/>
  <c r="F5186" i="2" s="1"/>
  <c r="F5193" i="2" a="1"/>
  <c r="F5193" i="2" s="1"/>
  <c r="F5179" i="2" a="1"/>
  <c r="F5179" i="2" s="1"/>
  <c r="F5180" i="2" a="1"/>
  <c r="F5180" i="2" s="1"/>
  <c r="F5178" i="2" a="1"/>
  <c r="F5178" i="2" s="1"/>
  <c r="F5172" i="2" a="1"/>
  <c r="F5172" i="2" s="1"/>
  <c r="F5192" i="2" a="1"/>
  <c r="F5192" i="2" s="1"/>
  <c r="F5170" i="2" a="1"/>
  <c r="F5170" i="2" s="1"/>
  <c r="F5185" i="2" a="1"/>
  <c r="F5185" i="2" s="1"/>
  <c r="F5173" i="2" a="1"/>
  <c r="F5173" i="2" s="1"/>
  <c r="F5188" i="2" a="1"/>
  <c r="F5188" i="2" s="1"/>
  <c r="F5175" i="2" a="1"/>
  <c r="F5175" i="2" s="1"/>
  <c r="F5189" i="2" a="1"/>
  <c r="F5189" i="2" s="1"/>
  <c r="F5176" i="2" a="1"/>
  <c r="F5176" i="2" s="1"/>
  <c r="AN317" i="1"/>
  <c r="D323" i="5" s="1"/>
  <c r="AQ317" i="1"/>
  <c r="G323" i="5" s="1"/>
  <c r="D7594" i="2" a="1"/>
  <c r="D7594" i="2" s="1"/>
  <c r="D7599" i="2" a="1"/>
  <c r="D7599" i="2" s="1"/>
  <c r="D7616" i="2" a="1"/>
  <c r="D7616" i="2" s="1"/>
  <c r="D7604" i="2" a="1"/>
  <c r="D7604" i="2" s="1"/>
  <c r="D7611" i="2" a="1"/>
  <c r="D7611" i="2" s="1"/>
  <c r="D7602" i="2" a="1"/>
  <c r="D7602" i="2" s="1"/>
  <c r="E4183" i="2" a="1"/>
  <c r="E4183" i="2" s="1"/>
  <c r="E4178" i="2" a="1"/>
  <c r="E4178" i="2" s="1"/>
  <c r="E4180" i="2" a="1"/>
  <c r="E4180" i="2" s="1"/>
  <c r="E4175" i="2" a="1"/>
  <c r="E4175" i="2" s="1"/>
  <c r="E4164" i="2" a="1"/>
  <c r="E4164" i="2" s="1"/>
  <c r="E4171" i="2" a="1"/>
  <c r="E4171" i="2" s="1"/>
  <c r="E4172" i="2" a="1"/>
  <c r="E4172" i="2" s="1"/>
  <c r="E4165" i="2" a="1"/>
  <c r="E4165" i="2" s="1"/>
  <c r="E4176" i="2" a="1"/>
  <c r="E4176" i="2" s="1"/>
  <c r="E4166" i="2" a="1"/>
  <c r="E4166" i="2" s="1"/>
  <c r="E4169" i="2" a="1"/>
  <c r="E4169" i="2" s="1"/>
  <c r="E4184" i="2" a="1"/>
  <c r="E4184" i="2" s="1"/>
  <c r="E4167" i="2" a="1"/>
  <c r="E4167" i="2" s="1"/>
  <c r="E4185" i="2" a="1"/>
  <c r="E4185" i="2" s="1"/>
  <c r="E4181" i="2" a="1"/>
  <c r="E4181" i="2" s="1"/>
  <c r="E4162" i="2" a="1"/>
  <c r="E4162" i="2" s="1"/>
  <c r="E4163" i="2" a="1"/>
  <c r="E4163" i="2" s="1"/>
  <c r="E4174" i="2" a="1"/>
  <c r="E4174" i="2" s="1"/>
  <c r="E4168" i="2" a="1"/>
  <c r="E4168" i="2" s="1"/>
  <c r="E4182" i="2" a="1"/>
  <c r="E4182" i="2" s="1"/>
  <c r="E4170" i="2" a="1"/>
  <c r="E4170" i="2" s="1"/>
  <c r="E4177" i="2" a="1"/>
  <c r="E4177" i="2" s="1"/>
  <c r="E4179" i="2" a="1"/>
  <c r="E4179" i="2" s="1"/>
  <c r="E4173" i="2" a="1"/>
  <c r="E4173" i="2" s="1"/>
  <c r="H8670" i="2" a="1"/>
  <c r="H8670" i="2" s="1"/>
  <c r="H8666" i="2" a="1"/>
  <c r="H8666" i="2" s="1"/>
  <c r="H8673" i="2" a="1"/>
  <c r="H8673" i="2" s="1"/>
  <c r="H8652" i="2" a="1"/>
  <c r="H8652" i="2" s="1"/>
  <c r="H8658" i="2" a="1"/>
  <c r="H8658" i="2" s="1"/>
  <c r="H8651" i="2" a="1"/>
  <c r="H8651" i="2" s="1"/>
  <c r="H8662" i="2" a="1"/>
  <c r="H8662" i="2" s="1"/>
  <c r="H8671" i="2" a="1"/>
  <c r="H8671" i="2" s="1"/>
  <c r="H8672" i="2" a="1"/>
  <c r="H8672" i="2" s="1"/>
  <c r="H8653" i="2" a="1"/>
  <c r="H8653" i="2" s="1"/>
  <c r="H8667" i="2" a="1"/>
  <c r="H8667" i="2" s="1"/>
  <c r="H8655" i="2" a="1"/>
  <c r="H8655" i="2" s="1"/>
  <c r="H8657" i="2" a="1"/>
  <c r="H8657" i="2" s="1"/>
  <c r="H8654" i="2" a="1"/>
  <c r="H8654" i="2" s="1"/>
  <c r="H8669" i="2" a="1"/>
  <c r="H8669" i="2" s="1"/>
  <c r="H8656" i="2" a="1"/>
  <c r="H8656" i="2" s="1"/>
  <c r="H8660" i="2" a="1"/>
  <c r="H8660" i="2" s="1"/>
  <c r="H8663" i="2" a="1"/>
  <c r="H8663" i="2" s="1"/>
  <c r="H8661" i="2" a="1"/>
  <c r="H8661" i="2" s="1"/>
  <c r="H8665" i="2" a="1"/>
  <c r="H8665" i="2" s="1"/>
  <c r="H8650" i="2" a="1"/>
  <c r="H8650" i="2" s="1"/>
  <c r="H8668" i="2" a="1"/>
  <c r="H8668" i="2" s="1"/>
  <c r="H8659" i="2" a="1"/>
  <c r="H8659" i="2" s="1"/>
  <c r="H8664" i="2" a="1"/>
  <c r="H8664" i="2" s="1"/>
  <c r="D7162" i="2" a="1"/>
  <c r="D7162" i="2" s="1"/>
  <c r="D7171" i="2" a="1"/>
  <c r="D7171" i="2" s="1"/>
  <c r="D7174" i="2" a="1"/>
  <c r="D7174" i="2" s="1"/>
  <c r="D7177" i="2" a="1"/>
  <c r="D7177" i="2" s="1"/>
  <c r="D7183" i="2" a="1"/>
  <c r="D7183" i="2" s="1"/>
  <c r="D7164" i="2" a="1"/>
  <c r="D7164" i="2" s="1"/>
  <c r="D7180" i="2" a="1"/>
  <c r="D7180" i="2" s="1"/>
  <c r="D7167" i="2" a="1"/>
  <c r="D7167" i="2" s="1"/>
  <c r="D7173" i="2" a="1"/>
  <c r="D7173" i="2" s="1"/>
  <c r="D7176" i="2" a="1"/>
  <c r="D7176" i="2" s="1"/>
  <c r="D7179" i="2" a="1"/>
  <c r="D7179" i="2" s="1"/>
  <c r="D7182" i="2" a="1"/>
  <c r="D7182" i="2" s="1"/>
  <c r="D7170" i="2" a="1"/>
  <c r="D7170" i="2" s="1"/>
  <c r="D7163" i="2" a="1"/>
  <c r="D7163" i="2" s="1"/>
  <c r="D7175" i="2" a="1"/>
  <c r="D7175" i="2" s="1"/>
  <c r="D7178" i="2" a="1"/>
  <c r="D7178" i="2" s="1"/>
  <c r="D7181" i="2" a="1"/>
  <c r="D7181" i="2" s="1"/>
  <c r="D7169" i="2" a="1"/>
  <c r="D7169" i="2" s="1"/>
  <c r="D7185" i="2" a="1"/>
  <c r="D7185" i="2" s="1"/>
  <c r="D7166" i="2" a="1"/>
  <c r="D7166" i="2" s="1"/>
  <c r="D7165" i="2" a="1"/>
  <c r="D7165" i="2" s="1"/>
  <c r="D7168" i="2" a="1"/>
  <c r="D7168" i="2" s="1"/>
  <c r="D7184" i="2" a="1"/>
  <c r="D7184" i="2" s="1"/>
  <c r="F4646" i="2" a="1"/>
  <c r="F4646" i="2" s="1"/>
  <c r="F4644" i="2" a="1"/>
  <c r="F4644" i="2" s="1"/>
  <c r="F4648" i="2" a="1"/>
  <c r="F4648" i="2" s="1"/>
  <c r="F4664" i="2" a="1"/>
  <c r="F4664" i="2" s="1"/>
  <c r="F4653" i="2" a="1"/>
  <c r="F4653" i="2" s="1"/>
  <c r="F4645" i="2" a="1"/>
  <c r="F4645" i="2" s="1"/>
  <c r="F4651" i="2" a="1"/>
  <c r="F4651" i="2" s="1"/>
  <c r="F4649" i="2" a="1"/>
  <c r="F4649" i="2" s="1"/>
  <c r="F4654" i="2" a="1"/>
  <c r="F4654" i="2" s="1"/>
  <c r="F4658" i="2" a="1"/>
  <c r="F4658" i="2" s="1"/>
  <c r="F4650" i="2" a="1"/>
  <c r="F4650" i="2" s="1"/>
  <c r="F4656" i="2" a="1"/>
  <c r="F4656" i="2" s="1"/>
  <c r="F4642" i="2" a="1"/>
  <c r="F4642" i="2" s="1"/>
  <c r="F4661" i="2" a="1"/>
  <c r="F4661" i="2" s="1"/>
  <c r="F4657" i="2" a="1"/>
  <c r="F4657" i="2" s="1"/>
  <c r="F4660" i="2" a="1"/>
  <c r="F4660" i="2" s="1"/>
  <c r="F4643" i="2" a="1"/>
  <c r="F4643" i="2" s="1"/>
  <c r="F4652" i="2" a="1"/>
  <c r="F4652" i="2" s="1"/>
  <c r="F4659" i="2" a="1"/>
  <c r="F4659" i="2" s="1"/>
  <c r="F4647" i="2" a="1"/>
  <c r="F4647" i="2" s="1"/>
  <c r="F4665" i="2" a="1"/>
  <c r="F4665" i="2" s="1"/>
  <c r="F4662" i="2" a="1"/>
  <c r="F4662" i="2" s="1"/>
  <c r="F4663" i="2" a="1"/>
  <c r="F4663" i="2" s="1"/>
  <c r="F4655" i="2" a="1"/>
  <c r="F4655" i="2" s="1"/>
  <c r="G3621" i="2" a="1"/>
  <c r="G3621" i="2" s="1"/>
  <c r="G3623" i="2" a="1"/>
  <c r="G3623" i="2" s="1"/>
  <c r="G3622" i="2" a="1"/>
  <c r="G3622" i="2" s="1"/>
  <c r="G3624" i="2" a="1"/>
  <c r="G3624" i="2" s="1"/>
  <c r="G3626" i="2" a="1"/>
  <c r="G3626" i="2" s="1"/>
  <c r="G3625" i="2" a="1"/>
  <c r="G3625" i="2" s="1"/>
  <c r="G3613" i="2" a="1"/>
  <c r="G3613" i="2" s="1"/>
  <c r="G3628" i="2" a="1"/>
  <c r="G3628" i="2" s="1"/>
  <c r="G3616" i="2" a="1"/>
  <c r="G3616" i="2" s="1"/>
  <c r="G3632" i="2" a="1"/>
  <c r="G3632" i="2" s="1"/>
  <c r="G3617" i="2" a="1"/>
  <c r="G3617" i="2" s="1"/>
  <c r="G3610" i="2" a="1"/>
  <c r="G3610" i="2" s="1"/>
  <c r="G3618" i="2" a="1"/>
  <c r="G3618" i="2" s="1"/>
  <c r="G3620" i="2" a="1"/>
  <c r="G3620" i="2" s="1"/>
  <c r="G3627" i="2" a="1"/>
  <c r="G3627" i="2" s="1"/>
  <c r="G3611" i="2" a="1"/>
  <c r="G3611" i="2" s="1"/>
  <c r="G3612" i="2" a="1"/>
  <c r="G3612" i="2" s="1"/>
  <c r="G3619" i="2" a="1"/>
  <c r="G3619" i="2" s="1"/>
  <c r="G3629" i="2" a="1"/>
  <c r="G3629" i="2" s="1"/>
  <c r="G3615" i="2" a="1"/>
  <c r="G3615" i="2" s="1"/>
  <c r="G3633" i="2" a="1"/>
  <c r="G3633" i="2" s="1"/>
  <c r="G3614" i="2" a="1"/>
  <c r="G3614" i="2" s="1"/>
  <c r="G3630" i="2" a="1"/>
  <c r="G3630" i="2" s="1"/>
  <c r="G3631" i="2" a="1"/>
  <c r="G3631" i="2" s="1"/>
  <c r="G2449" i="2" a="1"/>
  <c r="G2449" i="2" s="1"/>
  <c r="G2436" i="2" a="1"/>
  <c r="G2436" i="2" s="1"/>
  <c r="G2443" i="2" a="1"/>
  <c r="G2443" i="2" s="1"/>
  <c r="G2440" i="2" a="1"/>
  <c r="G2440" i="2" s="1"/>
  <c r="G2438" i="2" a="1"/>
  <c r="G2438" i="2" s="1"/>
  <c r="G2442" i="2" a="1"/>
  <c r="G2442" i="2" s="1"/>
  <c r="G2446" i="2" a="1"/>
  <c r="G2446" i="2" s="1"/>
  <c r="G2448" i="2" a="1"/>
  <c r="G2448" i="2" s="1"/>
  <c r="G2455" i="2" a="1"/>
  <c r="G2455" i="2" s="1"/>
  <c r="G2439" i="2" a="1"/>
  <c r="G2439" i="2" s="1"/>
  <c r="G2447" i="2" a="1"/>
  <c r="G2447" i="2" s="1"/>
  <c r="G2437" i="2" a="1"/>
  <c r="G2437" i="2" s="1"/>
  <c r="G2444" i="2" a="1"/>
  <c r="G2444" i="2" s="1"/>
  <c r="G2453" i="2" a="1"/>
  <c r="G2453" i="2" s="1"/>
  <c r="G2456" i="2" a="1"/>
  <c r="G2456" i="2" s="1"/>
  <c r="G2441" i="2" a="1"/>
  <c r="G2441" i="2" s="1"/>
  <c r="G2451" i="2" a="1"/>
  <c r="G2451" i="2" s="1"/>
  <c r="G2445" i="2" a="1"/>
  <c r="G2445" i="2" s="1"/>
  <c r="G2457" i="2" a="1"/>
  <c r="G2457" i="2" s="1"/>
  <c r="G2434" i="2" a="1"/>
  <c r="G2434" i="2" s="1"/>
  <c r="G2454" i="2" a="1"/>
  <c r="G2454" i="2" s="1"/>
  <c r="G2452" i="2" a="1"/>
  <c r="G2452" i="2" s="1"/>
  <c r="G7628" i="2" a="1"/>
  <c r="G7628" i="2" s="1"/>
  <c r="G7638" i="2" a="1"/>
  <c r="G7638" i="2" s="1"/>
  <c r="G7622" i="2" a="1"/>
  <c r="G7622" i="2" s="1"/>
  <c r="G7632" i="2" a="1"/>
  <c r="G7632" i="2" s="1"/>
  <c r="G7626" i="2" a="1"/>
  <c r="G7626" i="2" s="1"/>
  <c r="G7630" i="2" a="1"/>
  <c r="G7630" i="2" s="1"/>
  <c r="G7620" i="2" a="1"/>
  <c r="G7620" i="2" s="1"/>
  <c r="G7637" i="2" a="1"/>
  <c r="G7637" i="2" s="1"/>
  <c r="G7621" i="2" a="1"/>
  <c r="G7621" i="2" s="1"/>
  <c r="G7631" i="2" a="1"/>
  <c r="G7631" i="2" s="1"/>
  <c r="G7633" i="2" a="1"/>
  <c r="G7633" i="2" s="1"/>
  <c r="G7636" i="2" a="1"/>
  <c r="G7636" i="2" s="1"/>
  <c r="G7640" i="2" a="1"/>
  <c r="G7640" i="2" s="1"/>
  <c r="G7629" i="2" a="1"/>
  <c r="G7629" i="2" s="1"/>
  <c r="G7641" i="2" a="1"/>
  <c r="G7641" i="2" s="1"/>
  <c r="G7623" i="2" a="1"/>
  <c r="G7623" i="2" s="1"/>
  <c r="G7618" i="2" a="1"/>
  <c r="G7618" i="2" s="1"/>
  <c r="G7619" i="2" a="1"/>
  <c r="G7619" i="2" s="1"/>
  <c r="G7624" i="2" a="1"/>
  <c r="G7624" i="2" s="1"/>
  <c r="G7625" i="2" a="1"/>
  <c r="G7625" i="2" s="1"/>
  <c r="G7635" i="2" a="1"/>
  <c r="G7635" i="2" s="1"/>
  <c r="G7634" i="2" a="1"/>
  <c r="G7634" i="2" s="1"/>
  <c r="G7639" i="2" a="1"/>
  <c r="G7639" i="2" s="1"/>
  <c r="G7627" i="2" a="1"/>
  <c r="G7627" i="2" s="1"/>
  <c r="F7296" i="2" a="1"/>
  <c r="F7296" i="2" s="1"/>
  <c r="F7300" i="2" a="1"/>
  <c r="F7300" i="2" s="1"/>
  <c r="F7292" i="2" a="1"/>
  <c r="F7292" i="2" s="1"/>
  <c r="F7284" i="2" a="1"/>
  <c r="F7284" i="2" s="1"/>
  <c r="F7287" i="2" a="1"/>
  <c r="F7287" i="2" s="1"/>
  <c r="F7293" i="2" a="1"/>
  <c r="F7293" i="2" s="1"/>
  <c r="F7297" i="2" a="1"/>
  <c r="F7297" i="2" s="1"/>
  <c r="F7301" i="2" a="1"/>
  <c r="F7301" i="2" s="1"/>
  <c r="F7282" i="2" a="1"/>
  <c r="F7282" i="2" s="1"/>
  <c r="F7298" i="2" a="1"/>
  <c r="F7298" i="2" s="1"/>
  <c r="F7302" i="2" a="1"/>
  <c r="F7302" i="2" s="1"/>
  <c r="F7295" i="2" a="1"/>
  <c r="F7295" i="2" s="1"/>
  <c r="F7304" i="2" a="1"/>
  <c r="F7304" i="2" s="1"/>
  <c r="F7288" i="2" a="1"/>
  <c r="F7288" i="2" s="1"/>
  <c r="F7285" i="2" a="1"/>
  <c r="F7285" i="2" s="1"/>
  <c r="F7303" i="2" a="1"/>
  <c r="F7303" i="2" s="1"/>
  <c r="F7305" i="2" a="1"/>
  <c r="F7305" i="2" s="1"/>
  <c r="F7283" i="2" a="1"/>
  <c r="F7283" i="2" s="1"/>
  <c r="F7299" i="2" a="1"/>
  <c r="F7299" i="2" s="1"/>
  <c r="F7289" i="2" a="1"/>
  <c r="F7289" i="2" s="1"/>
  <c r="F7294" i="2" a="1"/>
  <c r="F7294" i="2" s="1"/>
  <c r="F7290" i="2" a="1"/>
  <c r="F7290" i="2" s="1"/>
  <c r="F7286" i="2" a="1"/>
  <c r="F7286" i="2" s="1"/>
  <c r="F7291" i="2" a="1"/>
  <c r="F7291" i="2" s="1"/>
  <c r="G3854" i="2" a="1"/>
  <c r="G3854" i="2" s="1"/>
  <c r="G3873" i="2" a="1"/>
  <c r="G3873" i="2" s="1"/>
  <c r="G3868" i="2" a="1"/>
  <c r="G3868" i="2" s="1"/>
  <c r="H4199" i="2" a="1"/>
  <c r="H4199" i="2" s="1"/>
  <c r="H4188" i="2" a="1"/>
  <c r="H4188" i="2" s="1"/>
  <c r="H4206" i="2" a="1"/>
  <c r="H4206" i="2" s="1"/>
  <c r="H4200" i="2" a="1"/>
  <c r="H4200" i="2" s="1"/>
  <c r="H4192" i="2" a="1"/>
  <c r="H4192" i="2" s="1"/>
  <c r="H4201" i="2" a="1"/>
  <c r="H4201" i="2" s="1"/>
  <c r="H4209" i="2" a="1"/>
  <c r="H4209" i="2" s="1"/>
  <c r="H4189" i="2" a="1"/>
  <c r="H4189" i="2" s="1"/>
  <c r="H4194" i="2" a="1"/>
  <c r="H4194" i="2" s="1"/>
  <c r="H4204" i="2" a="1"/>
  <c r="H4204" i="2" s="1"/>
  <c r="H4186" i="2" a="1"/>
  <c r="H4186" i="2" s="1"/>
  <c r="H4187" i="2" a="1"/>
  <c r="H4187" i="2" s="1"/>
  <c r="H4190" i="2" a="1"/>
  <c r="H4190" i="2" s="1"/>
  <c r="H4208" i="2" a="1"/>
  <c r="H4208" i="2" s="1"/>
  <c r="H4207" i="2" a="1"/>
  <c r="H4207" i="2" s="1"/>
  <c r="H4198" i="2" a="1"/>
  <c r="H4198" i="2" s="1"/>
  <c r="H4205" i="2" a="1"/>
  <c r="H4205" i="2" s="1"/>
  <c r="H4196" i="2" a="1"/>
  <c r="H4196" i="2" s="1"/>
  <c r="H4202" i="2" a="1"/>
  <c r="H4202" i="2" s="1"/>
  <c r="H4191" i="2" a="1"/>
  <c r="H4191" i="2" s="1"/>
  <c r="H4193" i="2" a="1"/>
  <c r="H4193" i="2" s="1"/>
  <c r="H4197" i="2" a="1"/>
  <c r="H4197" i="2" s="1"/>
  <c r="H4203" i="2" a="1"/>
  <c r="H4203" i="2" s="1"/>
  <c r="H4195" i="2" a="1"/>
  <c r="H4195" i="2" s="1"/>
  <c r="G4861" i="2" a="1"/>
  <c r="G4861" i="2" s="1"/>
  <c r="G4869" i="2" a="1"/>
  <c r="G4869" i="2" s="1"/>
  <c r="G4866" i="2" a="1"/>
  <c r="G4866" i="2" s="1"/>
  <c r="G4870" i="2" a="1"/>
  <c r="G4870" i="2" s="1"/>
  <c r="G4878" i="2" a="1"/>
  <c r="G4878" i="2" s="1"/>
  <c r="G4876" i="2" a="1"/>
  <c r="G4876" i="2" s="1"/>
  <c r="G4865" i="2" a="1"/>
  <c r="G4865" i="2" s="1"/>
  <c r="G4862" i="2" a="1"/>
  <c r="G4862" i="2" s="1"/>
  <c r="G4871" i="2" a="1"/>
  <c r="G4871" i="2" s="1"/>
  <c r="G4881" i="2" a="1"/>
  <c r="G4881" i="2" s="1"/>
  <c r="G4874" i="2" a="1"/>
  <c r="G4874" i="2" s="1"/>
  <c r="G4867" i="2" a="1"/>
  <c r="G4867" i="2" s="1"/>
  <c r="G4873" i="2" a="1"/>
  <c r="G4873" i="2" s="1"/>
  <c r="G4880" i="2" a="1"/>
  <c r="G4880" i="2" s="1"/>
  <c r="G4879" i="2" a="1"/>
  <c r="G4879" i="2" s="1"/>
  <c r="G4868" i="2" a="1"/>
  <c r="G4868" i="2" s="1"/>
  <c r="G4858" i="2" a="1"/>
  <c r="G4858" i="2" s="1"/>
  <c r="G4872" i="2" a="1"/>
  <c r="G4872" i="2" s="1"/>
  <c r="G4875" i="2" a="1"/>
  <c r="G4875" i="2" s="1"/>
  <c r="G4859" i="2" a="1"/>
  <c r="G4859" i="2" s="1"/>
  <c r="G4877" i="2" a="1"/>
  <c r="G4877" i="2" s="1"/>
  <c r="G4863" i="2" a="1"/>
  <c r="G4863" i="2" s="1"/>
  <c r="G4864" i="2" a="1"/>
  <c r="G4864" i="2" s="1"/>
  <c r="G4860" i="2" a="1"/>
  <c r="G4860" i="2" s="1"/>
  <c r="F7907" i="2" a="1"/>
  <c r="F7907" i="2" s="1"/>
  <c r="F7919" i="2" a="1"/>
  <c r="F7919" i="2" s="1"/>
  <c r="D328" i="2" a="1"/>
  <c r="D328" i="2" s="1"/>
  <c r="D322" i="2" a="1"/>
  <c r="D322" i="2" s="1"/>
  <c r="D343" i="2" a="1"/>
  <c r="D343" i="2" s="1"/>
  <c r="D332" i="2" a="1"/>
  <c r="D332" i="2" s="1"/>
  <c r="D325" i="2" a="1"/>
  <c r="D325" i="2" s="1"/>
  <c r="D326" i="2" a="1"/>
  <c r="D326" i="2" s="1"/>
  <c r="D337" i="2" a="1"/>
  <c r="D337" i="2" s="1"/>
  <c r="D345" i="2" a="1"/>
  <c r="D345" i="2" s="1"/>
  <c r="G6900" i="2" a="1"/>
  <c r="G6900" i="2" s="1"/>
  <c r="G6909" i="2" a="1"/>
  <c r="G6909" i="2" s="1"/>
  <c r="G6906" i="2" a="1"/>
  <c r="G6906" i="2" s="1"/>
  <c r="G6913" i="2" a="1"/>
  <c r="G6913" i="2" s="1"/>
  <c r="G6911" i="2" a="1"/>
  <c r="G6911" i="2" s="1"/>
  <c r="G6901" i="2" a="1"/>
  <c r="G6901" i="2" s="1"/>
  <c r="G6903" i="2" a="1"/>
  <c r="G6903" i="2" s="1"/>
  <c r="G6917" i="2" a="1"/>
  <c r="G6917" i="2" s="1"/>
  <c r="G6920" i="2" a="1"/>
  <c r="G6920" i="2" s="1"/>
  <c r="G6904" i="2" a="1"/>
  <c r="G6904" i="2" s="1"/>
  <c r="G6902" i="2" a="1"/>
  <c r="G6902" i="2" s="1"/>
  <c r="G6912" i="2" a="1"/>
  <c r="G6912" i="2" s="1"/>
  <c r="G6905" i="2" a="1"/>
  <c r="G6905" i="2" s="1"/>
  <c r="G6916" i="2" a="1"/>
  <c r="G6916" i="2" s="1"/>
  <c r="G6907" i="2" a="1"/>
  <c r="G6907" i="2" s="1"/>
  <c r="G6918" i="2" a="1"/>
  <c r="G6918" i="2" s="1"/>
  <c r="G6914" i="2" a="1"/>
  <c r="G6914" i="2" s="1"/>
  <c r="G6910" i="2" a="1"/>
  <c r="G6910" i="2" s="1"/>
  <c r="G6919" i="2" a="1"/>
  <c r="G6919" i="2" s="1"/>
  <c r="G6921" i="2" a="1"/>
  <c r="G6921" i="2" s="1"/>
  <c r="G6898" i="2" a="1"/>
  <c r="G6898" i="2" s="1"/>
  <c r="G6915" i="2" a="1"/>
  <c r="G6915" i="2" s="1"/>
  <c r="G6899" i="2" a="1"/>
  <c r="G6899" i="2" s="1"/>
  <c r="G6908" i="2" a="1"/>
  <c r="G6908" i="2" s="1"/>
  <c r="E2683" i="2" a="1"/>
  <c r="E2683" i="2" s="1"/>
  <c r="E2697" i="2" a="1"/>
  <c r="E2697" i="2" s="1"/>
  <c r="E2696" i="2" a="1"/>
  <c r="E2696" i="2" s="1"/>
  <c r="E2674" i="2" a="1"/>
  <c r="E2674" i="2" s="1"/>
  <c r="E2678" i="2" a="1"/>
  <c r="E2678" i="2" s="1"/>
  <c r="E2690" i="2" a="1"/>
  <c r="E2690" i="2" s="1"/>
  <c r="E2686" i="2" a="1"/>
  <c r="E2686" i="2" s="1"/>
  <c r="E2687" i="2" a="1"/>
  <c r="E2687" i="2" s="1"/>
  <c r="E2675" i="2" a="1"/>
  <c r="E2675" i="2" s="1"/>
  <c r="E2694" i="2" a="1"/>
  <c r="E2694" i="2" s="1"/>
  <c r="E2681" i="2" a="1"/>
  <c r="E2681" i="2" s="1"/>
  <c r="E2692" i="2" a="1"/>
  <c r="E2692" i="2" s="1"/>
  <c r="E2695" i="2" a="1"/>
  <c r="E2695" i="2" s="1"/>
  <c r="E2679" i="2" a="1"/>
  <c r="E2679" i="2" s="1"/>
  <c r="E2688" i="2" a="1"/>
  <c r="E2688" i="2" s="1"/>
  <c r="E2684" i="2" a="1"/>
  <c r="E2684" i="2" s="1"/>
  <c r="E2685" i="2" a="1"/>
  <c r="E2685" i="2" s="1"/>
  <c r="E2691" i="2" a="1"/>
  <c r="E2691" i="2" s="1"/>
  <c r="E2682" i="2" a="1"/>
  <c r="E2682" i="2" s="1"/>
  <c r="E2677" i="2" a="1"/>
  <c r="E2677" i="2" s="1"/>
  <c r="E2680" i="2" a="1"/>
  <c r="E2680" i="2" s="1"/>
  <c r="G2063" i="2" a="1"/>
  <c r="G2063" i="2" s="1"/>
  <c r="G2064" i="2" a="1"/>
  <c r="G2064" i="2" s="1"/>
  <c r="G2066" i="2" a="1"/>
  <c r="G2066" i="2" s="1"/>
  <c r="G2065" i="2" a="1"/>
  <c r="G2065" i="2" s="1"/>
  <c r="G2073" i="2" a="1"/>
  <c r="G2073" i="2" s="1"/>
  <c r="G2052" i="2" a="1"/>
  <c r="G2052" i="2" s="1"/>
  <c r="G2054" i="2" a="1"/>
  <c r="G2054" i="2" s="1"/>
  <c r="G2057" i="2" a="1"/>
  <c r="G2057" i="2" s="1"/>
  <c r="G2072" i="2" a="1"/>
  <c r="G2072" i="2" s="1"/>
  <c r="G2070" i="2" a="1"/>
  <c r="G2070" i="2" s="1"/>
  <c r="G2061" i="2" a="1"/>
  <c r="G2061" i="2" s="1"/>
  <c r="G2062" i="2" a="1"/>
  <c r="G2062" i="2" s="1"/>
  <c r="G2067" i="2" a="1"/>
  <c r="G2067" i="2" s="1"/>
  <c r="G2068" i="2" a="1"/>
  <c r="G2068" i="2" s="1"/>
  <c r="G2051" i="2" a="1"/>
  <c r="G2051" i="2" s="1"/>
  <c r="G2059" i="2" a="1"/>
  <c r="G2059" i="2" s="1"/>
  <c r="G2055" i="2" a="1"/>
  <c r="G2055" i="2" s="1"/>
  <c r="G2060" i="2" a="1"/>
  <c r="G2060" i="2" s="1"/>
  <c r="G2069" i="2" a="1"/>
  <c r="G2069" i="2" s="1"/>
  <c r="G2053" i="2" a="1"/>
  <c r="G2053" i="2" s="1"/>
  <c r="G2058" i="2" a="1"/>
  <c r="G2058" i="2" s="1"/>
  <c r="G2071" i="2" a="1"/>
  <c r="G2071" i="2" s="1"/>
  <c r="G2050" i="2" a="1"/>
  <c r="G2050" i="2" s="1"/>
  <c r="G2056" i="2" a="1"/>
  <c r="G2056" i="2" s="1"/>
  <c r="G4940" i="2" a="1"/>
  <c r="G4940" i="2" s="1"/>
  <c r="G4949" i="2" a="1"/>
  <c r="G4949" i="2" s="1"/>
  <c r="G4939" i="2" a="1"/>
  <c r="G4939" i="2" s="1"/>
  <c r="G4947" i="2" a="1"/>
  <c r="G4947" i="2" s="1"/>
  <c r="G4933" i="2" a="1"/>
  <c r="G4933" i="2" s="1"/>
  <c r="G4943" i="2" a="1"/>
  <c r="G4943" i="2" s="1"/>
  <c r="G4938" i="2" a="1"/>
  <c r="G4938" i="2" s="1"/>
  <c r="G4931" i="2" a="1"/>
  <c r="G4931" i="2" s="1"/>
  <c r="G4944" i="2" a="1"/>
  <c r="G4944" i="2" s="1"/>
  <c r="G4951" i="2" a="1"/>
  <c r="G4951" i="2" s="1"/>
  <c r="G4952" i="2" a="1"/>
  <c r="G4952" i="2" s="1"/>
  <c r="G4945" i="2" a="1"/>
  <c r="G4945" i="2" s="1"/>
  <c r="G4942" i="2" a="1"/>
  <c r="G4942" i="2" s="1"/>
  <c r="G4950" i="2" a="1"/>
  <c r="G4950" i="2" s="1"/>
  <c r="G4946" i="2" a="1"/>
  <c r="G4946" i="2" s="1"/>
  <c r="H3459" i="2" a="1"/>
  <c r="H3459" i="2" s="1"/>
  <c r="H3443" i="2" a="1"/>
  <c r="H3443" i="2" s="1"/>
  <c r="H3460" i="2" a="1"/>
  <c r="H3460" i="2" s="1"/>
  <c r="H3463" i="2" a="1"/>
  <c r="H3463" i="2" s="1"/>
  <c r="H3465" i="2" a="1"/>
  <c r="H3465" i="2" s="1"/>
  <c r="H3444" i="2" a="1"/>
  <c r="H3444" i="2" s="1"/>
  <c r="H3445" i="2" a="1"/>
  <c r="H3445" i="2" s="1"/>
  <c r="H3451" i="2" a="1"/>
  <c r="H3451" i="2" s="1"/>
  <c r="H3446" i="2" a="1"/>
  <c r="H3446" i="2" s="1"/>
  <c r="H3464" i="2" a="1"/>
  <c r="H3464" i="2" s="1"/>
  <c r="H3456" i="2" a="1"/>
  <c r="H3456" i="2" s="1"/>
  <c r="H3461" i="2" a="1"/>
  <c r="H3461" i="2" s="1"/>
  <c r="H3450" i="2" a="1"/>
  <c r="H3450" i="2" s="1"/>
  <c r="H3457" i="2" a="1"/>
  <c r="H3457" i="2" s="1"/>
  <c r="H3447" i="2" a="1"/>
  <c r="H3447" i="2" s="1"/>
  <c r="H3452" i="2" a="1"/>
  <c r="H3452" i="2" s="1"/>
  <c r="H3458" i="2" a="1"/>
  <c r="H3458" i="2" s="1"/>
  <c r="H3449" i="2" a="1"/>
  <c r="H3449" i="2" s="1"/>
  <c r="H3453" i="2" a="1"/>
  <c r="H3453" i="2" s="1"/>
  <c r="H3442" i="2" a="1"/>
  <c r="H3442" i="2" s="1"/>
  <c r="H3448" i="2" a="1"/>
  <c r="H3448" i="2" s="1"/>
  <c r="H3455" i="2" a="1"/>
  <c r="H3455" i="2" s="1"/>
  <c r="H3454" i="2" a="1"/>
  <c r="H3454" i="2" s="1"/>
  <c r="H3462" i="2" a="1"/>
  <c r="H3462" i="2" s="1"/>
  <c r="G153" i="2" a="1"/>
  <c r="G153" i="2" s="1"/>
  <c r="G142" i="2" a="1"/>
  <c r="G142" i="2" s="1"/>
  <c r="G133" i="2" a="1"/>
  <c r="G133" i="2" s="1"/>
  <c r="H2567" i="2" a="1"/>
  <c r="H2567" i="2" s="1"/>
  <c r="H2559" i="2" a="1"/>
  <c r="H2559" i="2" s="1"/>
  <c r="H2570" i="2" a="1"/>
  <c r="H2570" i="2" s="1"/>
  <c r="E935" i="2" a="1"/>
  <c r="E935" i="2" s="1"/>
  <c r="E932" i="2" a="1"/>
  <c r="E932" i="2" s="1"/>
  <c r="E927" i="2" a="1"/>
  <c r="E927" i="2" s="1"/>
  <c r="E939" i="2" a="1"/>
  <c r="E939" i="2" s="1"/>
  <c r="E943" i="2" a="1"/>
  <c r="E943" i="2" s="1"/>
  <c r="E941" i="2" a="1"/>
  <c r="E941" i="2" s="1"/>
  <c r="E930" i="2" a="1"/>
  <c r="E930" i="2" s="1"/>
  <c r="E922" i="2" a="1"/>
  <c r="E922" i="2" s="1"/>
  <c r="E944" i="2" a="1"/>
  <c r="E944" i="2" s="1"/>
  <c r="E928" i="2" a="1"/>
  <c r="E928" i="2" s="1"/>
  <c r="E931" i="2" a="1"/>
  <c r="E931" i="2" s="1"/>
  <c r="E923" i="2" a="1"/>
  <c r="E923" i="2" s="1"/>
  <c r="E945" i="2" a="1"/>
  <c r="E945" i="2" s="1"/>
  <c r="E942" i="2" a="1"/>
  <c r="E942" i="2" s="1"/>
  <c r="E924" i="2" a="1"/>
  <c r="E924" i="2" s="1"/>
  <c r="E933" i="2" a="1"/>
  <c r="E933" i="2" s="1"/>
  <c r="E937" i="2" a="1"/>
  <c r="E937" i="2" s="1"/>
  <c r="E936" i="2" a="1"/>
  <c r="E936" i="2" s="1"/>
  <c r="E938" i="2" a="1"/>
  <c r="E938" i="2" s="1"/>
  <c r="E929" i="2" a="1"/>
  <c r="E929" i="2" s="1"/>
  <c r="E925" i="2" a="1"/>
  <c r="E925" i="2" s="1"/>
  <c r="E934" i="2" a="1"/>
  <c r="E934" i="2" s="1"/>
  <c r="E940" i="2" a="1"/>
  <c r="E940" i="2" s="1"/>
  <c r="E926" i="2" a="1"/>
  <c r="E926" i="2" s="1"/>
  <c r="E2235" i="2" a="1"/>
  <c r="E2235" i="2" s="1"/>
  <c r="E2229" i="2" a="1"/>
  <c r="E2229" i="2" s="1"/>
  <c r="E2241" i="2" a="1"/>
  <c r="E2241" i="2" s="1"/>
  <c r="E2228" i="2" a="1"/>
  <c r="E2228" i="2" s="1"/>
  <c r="E2222" i="2" a="1"/>
  <c r="E2222" i="2" s="1"/>
  <c r="E2234" i="2" a="1"/>
  <c r="E2234" i="2" s="1"/>
  <c r="H4811" i="2" a="1"/>
  <c r="H4811" i="2" s="1"/>
  <c r="H4826" i="2" a="1"/>
  <c r="H4826" i="2" s="1"/>
  <c r="H4820" i="2" a="1"/>
  <c r="H4820" i="2" s="1"/>
  <c r="H4822" i="2" a="1"/>
  <c r="H4822" i="2" s="1"/>
  <c r="D4078" i="2" a="1"/>
  <c r="D4078" i="2" s="1"/>
  <c r="D4082" i="2" a="1"/>
  <c r="D4082" i="2" s="1"/>
  <c r="D4067" i="2" a="1"/>
  <c r="D4067" i="2" s="1"/>
  <c r="D4069" i="2" a="1"/>
  <c r="D4069" i="2" s="1"/>
  <c r="D4080" i="2" a="1"/>
  <c r="D4080" i="2" s="1"/>
  <c r="D4084" i="2" a="1"/>
  <c r="D4084" i="2" s="1"/>
  <c r="D730" i="2" a="1"/>
  <c r="D730" i="2" s="1"/>
  <c r="D746" i="2" a="1"/>
  <c r="D746" i="2" s="1"/>
  <c r="D737" i="2" a="1"/>
  <c r="D737" i="2" s="1"/>
  <c r="D745" i="2" a="1"/>
  <c r="D745" i="2" s="1"/>
  <c r="D732" i="2" a="1"/>
  <c r="D732" i="2" s="1"/>
  <c r="D744" i="2" a="1"/>
  <c r="D744" i="2" s="1"/>
  <c r="D752" i="2" a="1"/>
  <c r="D752" i="2" s="1"/>
  <c r="D741" i="2" a="1"/>
  <c r="D741" i="2" s="1"/>
  <c r="D739" i="2" a="1"/>
  <c r="D739" i="2" s="1"/>
  <c r="D743" i="2" a="1"/>
  <c r="D743" i="2" s="1"/>
  <c r="D747" i="2" a="1"/>
  <c r="D747" i="2" s="1"/>
  <c r="D733" i="2" a="1"/>
  <c r="D733" i="2" s="1"/>
  <c r="D749" i="2" a="1"/>
  <c r="D749" i="2" s="1"/>
  <c r="D750" i="2" a="1"/>
  <c r="D750" i="2" s="1"/>
  <c r="F6701" i="2" a="1"/>
  <c r="F6701" i="2" s="1"/>
  <c r="F6704" i="2" a="1"/>
  <c r="F6704" i="2" s="1"/>
  <c r="F6695" i="2" a="1"/>
  <c r="F6695" i="2" s="1"/>
  <c r="F6692" i="2" a="1"/>
  <c r="F6692" i="2" s="1"/>
  <c r="F6688" i="2" a="1"/>
  <c r="F6688" i="2" s="1"/>
  <c r="F6705" i="2" a="1"/>
  <c r="F6705" i="2" s="1"/>
  <c r="F6684" i="2" a="1"/>
  <c r="F6684" i="2" s="1"/>
  <c r="F6689" i="2" a="1"/>
  <c r="F6689" i="2" s="1"/>
  <c r="F6700" i="2" a="1"/>
  <c r="F6700" i="2" s="1"/>
  <c r="F6693" i="2" a="1"/>
  <c r="F6693" i="2" s="1"/>
  <c r="F6699" i="2" a="1"/>
  <c r="F6699" i="2" s="1"/>
  <c r="F6703" i="2" a="1"/>
  <c r="F6703" i="2" s="1"/>
  <c r="F6698" i="2" a="1"/>
  <c r="F6698" i="2" s="1"/>
  <c r="F6694" i="2" a="1"/>
  <c r="F6694" i="2" s="1"/>
  <c r="F6682" i="2" a="1"/>
  <c r="F6682" i="2" s="1"/>
  <c r="F6696" i="2" a="1"/>
  <c r="F6696" i="2" s="1"/>
  <c r="F6697" i="2" a="1"/>
  <c r="F6697" i="2" s="1"/>
  <c r="F6683" i="2" a="1"/>
  <c r="F6683" i="2" s="1"/>
  <c r="F6685" i="2" a="1"/>
  <c r="F6685" i="2" s="1"/>
  <c r="F6687" i="2" a="1"/>
  <c r="F6687" i="2" s="1"/>
  <c r="F6686" i="2" a="1"/>
  <c r="F6686" i="2" s="1"/>
  <c r="F6702" i="2" a="1"/>
  <c r="F6702" i="2" s="1"/>
  <c r="F6690" i="2" a="1"/>
  <c r="F6690" i="2" s="1"/>
  <c r="F6691" i="2" a="1"/>
  <c r="F6691" i="2" s="1"/>
  <c r="H3950" i="2" a="1"/>
  <c r="H3950" i="2" s="1"/>
  <c r="H3962" i="2" a="1"/>
  <c r="H3962" i="2" s="1"/>
  <c r="H3954" i="2" a="1"/>
  <c r="H3954" i="2" s="1"/>
  <c r="H3951" i="2" a="1"/>
  <c r="H3951" i="2" s="1"/>
  <c r="H3952" i="2" a="1"/>
  <c r="H3952" i="2" s="1"/>
  <c r="H3948" i="2" a="1"/>
  <c r="H3948" i="2" s="1"/>
  <c r="H3960" i="2" a="1"/>
  <c r="H3960" i="2" s="1"/>
  <c r="H3956" i="2" a="1"/>
  <c r="H3956" i="2" s="1"/>
  <c r="H3957" i="2" a="1"/>
  <c r="H3957" i="2" s="1"/>
  <c r="H3947" i="2" a="1"/>
  <c r="H3947" i="2" s="1"/>
  <c r="H3959" i="2" a="1"/>
  <c r="H3959" i="2" s="1"/>
  <c r="H3955" i="2" a="1"/>
  <c r="H3955" i="2" s="1"/>
  <c r="H3946" i="2" a="1"/>
  <c r="H3946" i="2" s="1"/>
  <c r="H3967" i="2" a="1"/>
  <c r="H3967" i="2" s="1"/>
  <c r="H3965" i="2" a="1"/>
  <c r="H3965" i="2" s="1"/>
  <c r="H3964" i="2" a="1"/>
  <c r="H3964" i="2" s="1"/>
  <c r="H3963" i="2" a="1"/>
  <c r="H3963" i="2" s="1"/>
  <c r="H3969" i="2" a="1"/>
  <c r="H3969" i="2" s="1"/>
  <c r="H3958" i="2" a="1"/>
  <c r="H3958" i="2" s="1"/>
  <c r="H3966" i="2" a="1"/>
  <c r="H3966" i="2" s="1"/>
  <c r="H3949" i="2" a="1"/>
  <c r="H3949" i="2" s="1"/>
  <c r="H3961" i="2" a="1"/>
  <c r="H3961" i="2" s="1"/>
  <c r="H3968" i="2" a="1"/>
  <c r="H3968" i="2" s="1"/>
  <c r="H3953" i="2" a="1"/>
  <c r="H3953" i="2" s="1"/>
  <c r="H1065" i="2" a="1"/>
  <c r="H1065" i="2" s="1"/>
  <c r="H1055" i="2" a="1"/>
  <c r="H1055" i="2" s="1"/>
  <c r="H1045" i="2" a="1"/>
  <c r="H1045" i="2" s="1"/>
  <c r="H1054" i="2" a="1"/>
  <c r="H1054" i="2" s="1"/>
  <c r="H1060" i="2" a="1"/>
  <c r="H1060" i="2" s="1"/>
  <c r="H1062" i="2" a="1"/>
  <c r="H1062" i="2" s="1"/>
  <c r="H1053" i="2" a="1"/>
  <c r="H1053" i="2" s="1"/>
  <c r="H1049" i="2" a="1"/>
  <c r="H1049" i="2" s="1"/>
  <c r="H1050" i="2" a="1"/>
  <c r="H1050" i="2" s="1"/>
  <c r="H1051" i="2" a="1"/>
  <c r="H1051" i="2" s="1"/>
  <c r="H1042" i="2" a="1"/>
  <c r="H1042" i="2" s="1"/>
  <c r="H1043" i="2" a="1"/>
  <c r="H1043" i="2" s="1"/>
  <c r="H1061" i="2" a="1"/>
  <c r="H1061" i="2" s="1"/>
  <c r="H1058" i="2" a="1"/>
  <c r="H1058" i="2" s="1"/>
  <c r="H1063" i="2" a="1"/>
  <c r="H1063" i="2" s="1"/>
  <c r="H1048" i="2" a="1"/>
  <c r="H1048" i="2" s="1"/>
  <c r="H1046" i="2" a="1"/>
  <c r="H1046" i="2" s="1"/>
  <c r="H1047" i="2" a="1"/>
  <c r="H1047" i="2" s="1"/>
  <c r="H1064" i="2" a="1"/>
  <c r="H1064" i="2" s="1"/>
  <c r="H1056" i="2" a="1"/>
  <c r="H1056" i="2" s="1"/>
  <c r="H1057" i="2" a="1"/>
  <c r="H1057" i="2" s="1"/>
  <c r="H1044" i="2" a="1"/>
  <c r="H1044" i="2" s="1"/>
  <c r="H1052" i="2" a="1"/>
  <c r="H1052" i="2" s="1"/>
  <c r="H1059" i="2" a="1"/>
  <c r="H1059" i="2" s="1"/>
  <c r="D4260" i="2" a="1"/>
  <c r="D4260" i="2" s="1"/>
  <c r="D4259" i="2" a="1"/>
  <c r="D4259" i="2" s="1"/>
  <c r="D4263" i="2" a="1"/>
  <c r="D4263" i="2" s="1"/>
  <c r="D4267" i="2" a="1"/>
  <c r="D4267" i="2" s="1"/>
  <c r="D4273" i="2" a="1"/>
  <c r="D4273" i="2" s="1"/>
  <c r="D4275" i="2" a="1"/>
  <c r="D4275" i="2" s="1"/>
  <c r="D4268" i="2" a="1"/>
  <c r="D4268" i="2" s="1"/>
  <c r="D4276" i="2" a="1"/>
  <c r="D4276" i="2" s="1"/>
  <c r="D4279" i="2" a="1"/>
  <c r="D4279" i="2" s="1"/>
  <c r="D4258" i="2" a="1"/>
  <c r="D4258" i="2" s="1"/>
  <c r="D4262" i="2" a="1"/>
  <c r="D4262" i="2" s="1"/>
  <c r="D4274" i="2" a="1"/>
  <c r="D4274" i="2" s="1"/>
  <c r="D4278" i="2" a="1"/>
  <c r="D4278" i="2" s="1"/>
  <c r="D4271" i="2" a="1"/>
  <c r="D4271" i="2" s="1"/>
  <c r="D4261" i="2" a="1"/>
  <c r="D4261" i="2" s="1"/>
  <c r="D4277" i="2" a="1"/>
  <c r="D4277" i="2" s="1"/>
  <c r="D4281" i="2" a="1"/>
  <c r="D4281" i="2" s="1"/>
  <c r="D4266" i="2" a="1"/>
  <c r="D4266" i="2" s="1"/>
  <c r="D4270" i="2" a="1"/>
  <c r="D4270" i="2" s="1"/>
  <c r="D4264" i="2" a="1"/>
  <c r="D4264" i="2" s="1"/>
  <c r="D4272" i="2" a="1"/>
  <c r="D4272" i="2" s="1"/>
  <c r="D4280" i="2" a="1"/>
  <c r="D4280" i="2" s="1"/>
  <c r="D4265" i="2" a="1"/>
  <c r="D4265" i="2" s="1"/>
  <c r="D4269" i="2" a="1"/>
  <c r="D4269" i="2" s="1"/>
  <c r="G3736" i="2" a="1"/>
  <c r="G3736" i="2" s="1"/>
  <c r="G3740" i="2" a="1"/>
  <c r="G3740" i="2" s="1"/>
  <c r="G3741" i="2" a="1"/>
  <c r="G3741" i="2" s="1"/>
  <c r="G3748" i="2" a="1"/>
  <c r="G3748" i="2" s="1"/>
  <c r="G3738" i="2" a="1"/>
  <c r="G3738" i="2" s="1"/>
  <c r="G3734" i="2" a="1"/>
  <c r="G3734" i="2" s="1"/>
  <c r="G3752" i="2" a="1"/>
  <c r="G3752" i="2" s="1"/>
  <c r="G3730" i="2" a="1"/>
  <c r="G3730" i="2" s="1"/>
  <c r="G3753" i="2" a="1"/>
  <c r="G3753" i="2" s="1"/>
  <c r="G3744" i="2" a="1"/>
  <c r="G3744" i="2" s="1"/>
  <c r="G3735" i="2" a="1"/>
  <c r="G3735" i="2" s="1"/>
  <c r="F1304" i="2" a="1"/>
  <c r="F1304" i="2" s="1"/>
  <c r="F1301" i="2" a="1"/>
  <c r="F1301" i="2" s="1"/>
  <c r="F1305" i="2" a="1"/>
  <c r="F1305" i="2" s="1"/>
  <c r="F1292" i="2" a="1"/>
  <c r="F1292" i="2" s="1"/>
  <c r="F1283" i="2" a="1"/>
  <c r="F1283" i="2" s="1"/>
  <c r="F1296" i="2" a="1"/>
  <c r="F1296" i="2" s="1"/>
  <c r="F1299" i="2" a="1"/>
  <c r="F1299" i="2" s="1"/>
  <c r="F1302" i="2" a="1"/>
  <c r="F1302" i="2" s="1"/>
  <c r="F1282" i="2" a="1"/>
  <c r="F1282" i="2" s="1"/>
  <c r="F1284" i="2" a="1"/>
  <c r="F1284" i="2" s="1"/>
  <c r="F1291" i="2" a="1"/>
  <c r="F1291" i="2" s="1"/>
  <c r="F1294" i="2" a="1"/>
  <c r="F1294" i="2" s="1"/>
  <c r="F1300" i="2" a="1"/>
  <c r="F1300" i="2" s="1"/>
  <c r="F1293" i="2" a="1"/>
  <c r="F1293" i="2" s="1"/>
  <c r="F1287" i="2" a="1"/>
  <c r="F1287" i="2" s="1"/>
  <c r="F1289" i="2" a="1"/>
  <c r="F1289" i="2" s="1"/>
  <c r="F1295" i="2" a="1"/>
  <c r="F1295" i="2" s="1"/>
  <c r="F1290" i="2" a="1"/>
  <c r="F1290" i="2" s="1"/>
  <c r="F1286" i="2" a="1"/>
  <c r="F1286" i="2" s="1"/>
  <c r="F1288" i="2" a="1"/>
  <c r="F1288" i="2" s="1"/>
  <c r="F1297" i="2" a="1"/>
  <c r="F1297" i="2" s="1"/>
  <c r="F1298" i="2" a="1"/>
  <c r="F1298" i="2" s="1"/>
  <c r="F1285" i="2" a="1"/>
  <c r="F1285" i="2" s="1"/>
  <c r="F1303" i="2" a="1"/>
  <c r="F1303" i="2" s="1"/>
  <c r="G7119" i="2" a="1"/>
  <c r="G7119" i="2" s="1"/>
  <c r="G7116" i="2" a="1"/>
  <c r="G7116" i="2" s="1"/>
  <c r="G7121" i="2" a="1"/>
  <c r="G7121" i="2" s="1"/>
  <c r="G7122" i="2" a="1"/>
  <c r="G7122" i="2" s="1"/>
  <c r="G7125" i="2" a="1"/>
  <c r="G7125" i="2" s="1"/>
  <c r="G7118" i="2" a="1"/>
  <c r="G7118" i="2" s="1"/>
  <c r="G7124" i="2" a="1"/>
  <c r="G7124" i="2" s="1"/>
  <c r="G7129" i="2" a="1"/>
  <c r="G7129" i="2" s="1"/>
  <c r="G7135" i="2" a="1"/>
  <c r="G7135" i="2" s="1"/>
  <c r="G7123" i="2" a="1"/>
  <c r="G7123" i="2" s="1"/>
  <c r="G7127" i="2" a="1"/>
  <c r="G7127" i="2" s="1"/>
  <c r="G7114" i="2" a="1"/>
  <c r="G7114" i="2" s="1"/>
  <c r="G7130" i="2" a="1"/>
  <c r="G7130" i="2" s="1"/>
  <c r="G7126" i="2" a="1"/>
  <c r="G7126" i="2" s="1"/>
  <c r="G7131" i="2" a="1"/>
  <c r="G7131" i="2" s="1"/>
  <c r="E6790" i="2" a="1"/>
  <c r="E6790" i="2" s="1"/>
  <c r="E6779" i="2" a="1"/>
  <c r="E6779" i="2" s="1"/>
  <c r="E4509" i="2" a="1"/>
  <c r="E4509" i="2" s="1"/>
  <c r="E4505" i="2" a="1"/>
  <c r="E4505" i="2" s="1"/>
  <c r="E4507" i="2" a="1"/>
  <c r="E4507" i="2" s="1"/>
  <c r="E4515" i="2" a="1"/>
  <c r="E4515" i="2" s="1"/>
  <c r="E4510" i="2" a="1"/>
  <c r="E4510" i="2" s="1"/>
  <c r="E4503" i="2" a="1"/>
  <c r="E4503" i="2" s="1"/>
  <c r="E4513" i="2" a="1"/>
  <c r="E4513" i="2" s="1"/>
  <c r="E4508" i="2" a="1"/>
  <c r="E4508" i="2" s="1"/>
  <c r="E4517" i="2" a="1"/>
  <c r="E4517" i="2" s="1"/>
  <c r="E4500" i="2" a="1"/>
  <c r="E4500" i="2" s="1"/>
  <c r="E4499" i="2" a="1"/>
  <c r="E4499" i="2" s="1"/>
  <c r="E4504" i="2" a="1"/>
  <c r="E4504" i="2" s="1"/>
  <c r="E4501" i="2" a="1"/>
  <c r="E4501" i="2" s="1"/>
  <c r="E4521" i="2" a="1"/>
  <c r="E4521" i="2" s="1"/>
  <c r="E4498" i="2" a="1"/>
  <c r="E4498" i="2" s="1"/>
  <c r="E4518" i="2" a="1"/>
  <c r="E4518" i="2" s="1"/>
  <c r="E4519" i="2" a="1"/>
  <c r="E4519" i="2" s="1"/>
  <c r="E4511" i="2" a="1"/>
  <c r="E4511" i="2" s="1"/>
  <c r="E4512" i="2" a="1"/>
  <c r="E4512" i="2" s="1"/>
  <c r="E4514" i="2" a="1"/>
  <c r="E4514" i="2" s="1"/>
  <c r="E4506" i="2" a="1"/>
  <c r="E4506" i="2" s="1"/>
  <c r="E4502" i="2" a="1"/>
  <c r="E4502" i="2" s="1"/>
  <c r="E4520" i="2" a="1"/>
  <c r="E4520" i="2" s="1"/>
  <c r="E4516" i="2" a="1"/>
  <c r="E4516" i="2" s="1"/>
  <c r="D2328" i="2" a="1"/>
  <c r="D2328" i="2" s="1"/>
  <c r="D2332" i="2" a="1"/>
  <c r="D2332" i="2" s="1"/>
  <c r="D2322" i="2" a="1"/>
  <c r="D2322" i="2" s="1"/>
  <c r="D2319" i="2" a="1"/>
  <c r="D2319" i="2" s="1"/>
  <c r="D2334" i="2" a="1"/>
  <c r="D2334" i="2" s="1"/>
  <c r="D2317" i="2" a="1"/>
  <c r="D2317" i="2" s="1"/>
  <c r="D2331" i="2" a="1"/>
  <c r="D2331" i="2" s="1"/>
  <c r="D2337" i="2" a="1"/>
  <c r="D2337" i="2" s="1"/>
  <c r="H880" i="2" a="1"/>
  <c r="H880" i="2" s="1"/>
  <c r="H895" i="2" a="1"/>
  <c r="H895" i="2" s="1"/>
  <c r="H879" i="2" a="1"/>
  <c r="H879" i="2" s="1"/>
  <c r="H892" i="2" a="1"/>
  <c r="H892" i="2" s="1"/>
  <c r="H885" i="2" a="1"/>
  <c r="H885" i="2" s="1"/>
  <c r="H891" i="2" a="1"/>
  <c r="H891" i="2" s="1"/>
  <c r="H882" i="2" a="1"/>
  <c r="H882" i="2" s="1"/>
  <c r="H877" i="2" a="1"/>
  <c r="H877" i="2" s="1"/>
  <c r="H886" i="2" a="1"/>
  <c r="H886" i="2" s="1"/>
  <c r="H890" i="2" a="1"/>
  <c r="H890" i="2" s="1"/>
  <c r="H887" i="2" a="1"/>
  <c r="H887" i="2" s="1"/>
  <c r="H881" i="2" a="1"/>
  <c r="H881" i="2" s="1"/>
  <c r="H875" i="2" a="1"/>
  <c r="H875" i="2" s="1"/>
  <c r="H884" i="2" a="1"/>
  <c r="H884" i="2" s="1"/>
  <c r="H894" i="2" a="1"/>
  <c r="H894" i="2" s="1"/>
  <c r="H874" i="2" a="1"/>
  <c r="H874" i="2" s="1"/>
  <c r="H896" i="2" a="1"/>
  <c r="H896" i="2" s="1"/>
  <c r="H889" i="2" a="1"/>
  <c r="H889" i="2" s="1"/>
  <c r="H876" i="2" a="1"/>
  <c r="H876" i="2" s="1"/>
  <c r="H897" i="2" a="1"/>
  <c r="H897" i="2" s="1"/>
  <c r="H878" i="2" a="1"/>
  <c r="H878" i="2" s="1"/>
  <c r="H883" i="2" a="1"/>
  <c r="H883" i="2" s="1"/>
  <c r="H888" i="2" a="1"/>
  <c r="H888" i="2" s="1"/>
  <c r="H893" i="2" a="1"/>
  <c r="H893" i="2" s="1"/>
  <c r="G3777" i="2" a="1"/>
  <c r="G3777" i="2" s="1"/>
  <c r="G3759" i="2" a="1"/>
  <c r="G3759" i="2" s="1"/>
  <c r="G3760" i="2" a="1"/>
  <c r="G3760" i="2" s="1"/>
  <c r="G3768" i="2" a="1"/>
  <c r="G3768" i="2" s="1"/>
  <c r="G3767" i="2" a="1"/>
  <c r="G3767" i="2" s="1"/>
  <c r="D453" i="2" a="1"/>
  <c r="D453" i="2" s="1"/>
  <c r="D444" i="2" a="1"/>
  <c r="D444" i="2" s="1"/>
  <c r="D443" i="2" a="1"/>
  <c r="D443" i="2" s="1"/>
  <c r="D451" i="2" a="1"/>
  <c r="D451" i="2" s="1"/>
  <c r="D455" i="2" a="1"/>
  <c r="D455" i="2" s="1"/>
  <c r="D447" i="2" a="1"/>
  <c r="D447" i="2" s="1"/>
  <c r="D459" i="2" a="1"/>
  <c r="D459" i="2" s="1"/>
  <c r="D458" i="2" a="1"/>
  <c r="D458" i="2" s="1"/>
  <c r="D457" i="2" a="1"/>
  <c r="D457" i="2" s="1"/>
  <c r="D461" i="2" a="1"/>
  <c r="D461" i="2" s="1"/>
  <c r="D448" i="2" a="1"/>
  <c r="D448" i="2" s="1"/>
  <c r="D452" i="2" a="1"/>
  <c r="D452" i="2" s="1"/>
  <c r="D456" i="2" a="1"/>
  <c r="D456" i="2" s="1"/>
  <c r="D465" i="2" a="1"/>
  <c r="D465" i="2" s="1"/>
  <c r="D446" i="2" a="1"/>
  <c r="D446" i="2" s="1"/>
  <c r="D450" i="2" a="1"/>
  <c r="D450" i="2" s="1"/>
  <c r="D442" i="2" a="1"/>
  <c r="D442" i="2" s="1"/>
  <c r="D454" i="2" a="1"/>
  <c r="D454" i="2" s="1"/>
  <c r="D462" i="2" a="1"/>
  <c r="D462" i="2" s="1"/>
  <c r="D463" i="2" a="1"/>
  <c r="D463" i="2" s="1"/>
  <c r="D460" i="2" a="1"/>
  <c r="D460" i="2" s="1"/>
  <c r="D445" i="2" a="1"/>
  <c r="D445" i="2" s="1"/>
  <c r="D449" i="2" a="1"/>
  <c r="D449" i="2" s="1"/>
  <c r="D464" i="2" a="1"/>
  <c r="D464" i="2" s="1"/>
  <c r="F7940" i="2" a="1"/>
  <c r="F7940" i="2" s="1"/>
  <c r="F7933" i="2" a="1"/>
  <c r="F7933" i="2" s="1"/>
  <c r="H2098" i="2" a="1"/>
  <c r="H2098" i="2" s="1"/>
  <c r="H2117" i="2" a="1"/>
  <c r="H2117" i="2" s="1"/>
  <c r="H2111" i="2" a="1"/>
  <c r="H2111" i="2" s="1"/>
  <c r="H2121" i="2" a="1"/>
  <c r="H2121" i="2" s="1"/>
  <c r="H2112" i="2" a="1"/>
  <c r="H2112" i="2" s="1"/>
  <c r="H2103" i="2" a="1"/>
  <c r="H2103" i="2" s="1"/>
  <c r="H2099" i="2" a="1"/>
  <c r="H2099" i="2" s="1"/>
  <c r="H2119" i="2" a="1"/>
  <c r="H2119" i="2" s="1"/>
  <c r="H2118" i="2" a="1"/>
  <c r="H2118" i="2" s="1"/>
  <c r="H2100" i="2" a="1"/>
  <c r="H2100" i="2" s="1"/>
  <c r="H2101" i="2" a="1"/>
  <c r="H2101" i="2" s="1"/>
  <c r="H2107" i="2" a="1"/>
  <c r="H2107" i="2" s="1"/>
  <c r="H2105" i="2" a="1"/>
  <c r="H2105" i="2" s="1"/>
  <c r="H2116" i="2" a="1"/>
  <c r="H2116" i="2" s="1"/>
  <c r="H2110" i="2" a="1"/>
  <c r="H2110" i="2" s="1"/>
  <c r="H2102" i="2" a="1"/>
  <c r="H2102" i="2" s="1"/>
  <c r="H2113" i="2" a="1"/>
  <c r="H2113" i="2" s="1"/>
  <c r="H2120" i="2" a="1"/>
  <c r="H2120" i="2" s="1"/>
  <c r="H2106" i="2" a="1"/>
  <c r="H2106" i="2" s="1"/>
  <c r="H2109" i="2" a="1"/>
  <c r="H2109" i="2" s="1"/>
  <c r="H2114" i="2" a="1"/>
  <c r="H2114" i="2" s="1"/>
  <c r="H2104" i="2" a="1"/>
  <c r="H2104" i="2" s="1"/>
  <c r="H2115" i="2" a="1"/>
  <c r="H2115" i="2" s="1"/>
  <c r="H2108" i="2" a="1"/>
  <c r="H2108" i="2" s="1"/>
  <c r="G4962" i="2" a="1"/>
  <c r="G4962" i="2" s="1"/>
  <c r="G4976" i="2" a="1"/>
  <c r="G4976" i="2" s="1"/>
  <c r="G4957" i="2" a="1"/>
  <c r="G4957" i="2" s="1"/>
  <c r="G4968" i="2" a="1"/>
  <c r="G4968" i="2" s="1"/>
  <c r="G4971" i="2" a="1"/>
  <c r="G4971" i="2" s="1"/>
  <c r="G4973" i="2" a="1"/>
  <c r="G4973" i="2" s="1"/>
  <c r="G4963" i="2" a="1"/>
  <c r="G4963" i="2" s="1"/>
  <c r="G4970" i="2" a="1"/>
  <c r="G4970" i="2" s="1"/>
  <c r="G4964" i="2" a="1"/>
  <c r="G4964" i="2" s="1"/>
  <c r="G4965" i="2" a="1"/>
  <c r="G4965" i="2" s="1"/>
  <c r="G4959" i="2" a="1"/>
  <c r="G4959" i="2" s="1"/>
  <c r="G4954" i="2" a="1"/>
  <c r="G4954" i="2" s="1"/>
  <c r="G4977" i="2" a="1"/>
  <c r="G4977" i="2" s="1"/>
  <c r="G4960" i="2" a="1"/>
  <c r="G4960" i="2" s="1"/>
  <c r="G4961" i="2" a="1"/>
  <c r="G4961" i="2" s="1"/>
  <c r="G4966" i="2" a="1"/>
  <c r="G4966" i="2" s="1"/>
  <c r="G4967" i="2" a="1"/>
  <c r="G4967" i="2" s="1"/>
  <c r="G4969" i="2" a="1"/>
  <c r="G4969" i="2" s="1"/>
  <c r="G4972" i="2" a="1"/>
  <c r="G4972" i="2" s="1"/>
  <c r="G4956" i="2" a="1"/>
  <c r="G4956" i="2" s="1"/>
  <c r="G4974" i="2" a="1"/>
  <c r="G4974" i="2" s="1"/>
  <c r="G4975" i="2" a="1"/>
  <c r="G4975" i="2" s="1"/>
  <c r="G4958" i="2" a="1"/>
  <c r="G4958" i="2" s="1"/>
  <c r="G4955" i="2" a="1"/>
  <c r="G4955" i="2" s="1"/>
  <c r="H3641" i="2" a="1"/>
  <c r="H3641" i="2" s="1"/>
  <c r="H3657" i="2" a="1"/>
  <c r="H3657" i="2" s="1"/>
  <c r="H3656" i="2" a="1"/>
  <c r="H3656" i="2" s="1"/>
  <c r="H3642" i="2" a="1"/>
  <c r="H3642" i="2" s="1"/>
  <c r="G1760" i="2" a="1"/>
  <c r="G1760" i="2" s="1"/>
  <c r="G1752" i="2" a="1"/>
  <c r="G1752" i="2" s="1"/>
  <c r="G1761" i="2" a="1"/>
  <c r="G1761" i="2" s="1"/>
  <c r="G1738" i="2" a="1"/>
  <c r="G1738" i="2" s="1"/>
  <c r="G1742" i="2" a="1"/>
  <c r="G1742" i="2" s="1"/>
  <c r="G1740" i="2" a="1"/>
  <c r="G1740" i="2" s="1"/>
  <c r="G1747" i="2" a="1"/>
  <c r="G1747" i="2" s="1"/>
  <c r="G1743" i="2" a="1"/>
  <c r="G1743" i="2" s="1"/>
  <c r="G1755" i="2" a="1"/>
  <c r="G1755" i="2" s="1"/>
  <c r="G1759" i="2" a="1"/>
  <c r="G1759" i="2" s="1"/>
  <c r="G1753" i="2" a="1"/>
  <c r="G1753" i="2" s="1"/>
  <c r="G1758" i="2" a="1"/>
  <c r="G1758" i="2" s="1"/>
  <c r="G1744" i="2" a="1"/>
  <c r="G1744" i="2" s="1"/>
  <c r="G1746" i="2" a="1"/>
  <c r="G1746" i="2" s="1"/>
  <c r="G1748" i="2" a="1"/>
  <c r="G1748" i="2" s="1"/>
  <c r="G1745" i="2" a="1"/>
  <c r="G1745" i="2" s="1"/>
  <c r="G1741" i="2" a="1"/>
  <c r="G1741" i="2" s="1"/>
  <c r="G1749" i="2" a="1"/>
  <c r="G1749" i="2" s="1"/>
  <c r="G1756" i="2" a="1"/>
  <c r="G1756" i="2" s="1"/>
  <c r="G1754" i="2" a="1"/>
  <c r="G1754" i="2" s="1"/>
  <c r="G1750" i="2" a="1"/>
  <c r="G1750" i="2" s="1"/>
  <c r="G1739" i="2" a="1"/>
  <c r="G1739" i="2" s="1"/>
  <c r="G1751" i="2" a="1"/>
  <c r="G1751" i="2" s="1"/>
  <c r="G1757" i="2" a="1"/>
  <c r="G1757" i="2" s="1"/>
  <c r="E7853" i="2" a="1"/>
  <c r="E7853" i="2" s="1"/>
  <c r="G2163" i="2" a="1"/>
  <c r="G2163" i="2" s="1"/>
  <c r="G2166" i="2" a="1"/>
  <c r="G2166" i="2" s="1"/>
  <c r="G2151" i="2" a="1"/>
  <c r="G2151" i="2" s="1"/>
  <c r="G2169" i="2" a="1"/>
  <c r="G2169" i="2" s="1"/>
  <c r="G2167" i="2" a="1"/>
  <c r="G2167" i="2" s="1"/>
  <c r="G2165" i="2" a="1"/>
  <c r="G2165" i="2" s="1"/>
  <c r="G2155" i="2" a="1"/>
  <c r="G2155" i="2" s="1"/>
  <c r="G2156" i="2" a="1"/>
  <c r="G2156" i="2" s="1"/>
  <c r="G2157" i="2" a="1"/>
  <c r="G2157" i="2" s="1"/>
  <c r="G2159" i="2" a="1"/>
  <c r="G2159" i="2" s="1"/>
  <c r="G2150" i="2" a="1"/>
  <c r="G2150" i="2" s="1"/>
  <c r="G2152" i="2" a="1"/>
  <c r="G2152" i="2" s="1"/>
  <c r="G2164" i="2" a="1"/>
  <c r="G2164" i="2" s="1"/>
  <c r="G2158" i="2" a="1"/>
  <c r="G2158" i="2" s="1"/>
  <c r="G2153" i="2" a="1"/>
  <c r="G2153" i="2" s="1"/>
  <c r="G2160" i="2" a="1"/>
  <c r="G2160" i="2" s="1"/>
  <c r="G2154" i="2" a="1"/>
  <c r="G2154" i="2" s="1"/>
  <c r="G2161" i="2" a="1"/>
  <c r="G2161" i="2" s="1"/>
  <c r="G2146" i="2" a="1"/>
  <c r="G2146" i="2" s="1"/>
  <c r="G2147" i="2" a="1"/>
  <c r="G2147" i="2" s="1"/>
  <c r="G2148" i="2" a="1"/>
  <c r="G2148" i="2" s="1"/>
  <c r="G2162" i="2" a="1"/>
  <c r="G2162" i="2" s="1"/>
  <c r="G2149" i="2" a="1"/>
  <c r="G2149" i="2" s="1"/>
  <c r="G2168" i="2" a="1"/>
  <c r="G2168" i="2" s="1"/>
  <c r="E1564" i="2" a="1"/>
  <c r="E1564" i="2" s="1"/>
  <c r="E1552" i="2" a="1"/>
  <c r="E1552" i="2" s="1"/>
  <c r="E1556" i="2" a="1"/>
  <c r="E1556" i="2" s="1"/>
  <c r="E1565" i="2" a="1"/>
  <c r="E1565" i="2" s="1"/>
  <c r="E1557" i="2" a="1"/>
  <c r="E1557" i="2" s="1"/>
  <c r="E1547" i="2" a="1"/>
  <c r="E1547" i="2" s="1"/>
  <c r="E1566" i="2" a="1"/>
  <c r="E1566" i="2" s="1"/>
  <c r="E1568" i="2" a="1"/>
  <c r="E1568" i="2" s="1"/>
  <c r="E1562" i="2" a="1"/>
  <c r="E1562" i="2" s="1"/>
  <c r="E1548" i="2" a="1"/>
  <c r="E1548" i="2" s="1"/>
  <c r="E1549" i="2" a="1"/>
  <c r="E1549" i="2" s="1"/>
  <c r="E1550" i="2" a="1"/>
  <c r="E1550" i="2" s="1"/>
  <c r="E1569" i="2" a="1"/>
  <c r="E1569" i="2" s="1"/>
  <c r="E1567" i="2" a="1"/>
  <c r="E1567" i="2" s="1"/>
  <c r="E1554" i="2" a="1"/>
  <c r="E1554" i="2" s="1"/>
  <c r="E1553" i="2" a="1"/>
  <c r="E1553" i="2" s="1"/>
  <c r="E1558" i="2" a="1"/>
  <c r="E1558" i="2" s="1"/>
  <c r="E1555" i="2" a="1"/>
  <c r="E1555" i="2" s="1"/>
  <c r="E1563" i="2" a="1"/>
  <c r="E1563" i="2" s="1"/>
  <c r="E1551" i="2" a="1"/>
  <c r="E1551" i="2" s="1"/>
  <c r="E1546" i="2" a="1"/>
  <c r="E1546" i="2" s="1"/>
  <c r="E1561" i="2" a="1"/>
  <c r="E1561" i="2" s="1"/>
  <c r="E1559" i="2" a="1"/>
  <c r="E1559" i="2" s="1"/>
  <c r="E1560" i="2" a="1"/>
  <c r="E1560" i="2" s="1"/>
  <c r="F3003" i="2" a="1"/>
  <c r="F3003" i="2" s="1"/>
  <c r="F2992" i="2" a="1"/>
  <c r="F2992" i="2" s="1"/>
  <c r="F3007" i="2" a="1"/>
  <c r="F3007" i="2" s="1"/>
  <c r="F2997" i="2" a="1"/>
  <c r="F2997" i="2" s="1"/>
  <c r="F3004" i="2" a="1"/>
  <c r="F3004" i="2" s="1"/>
  <c r="F2995" i="2" a="1"/>
  <c r="F2995" i="2" s="1"/>
  <c r="F2989" i="2" a="1"/>
  <c r="F2989" i="2" s="1"/>
  <c r="F2988" i="2" a="1"/>
  <c r="F2988" i="2" s="1"/>
  <c r="F2999" i="2" a="1"/>
  <c r="F2999" i="2" s="1"/>
  <c r="F2993" i="2" a="1"/>
  <c r="F2993" i="2" s="1"/>
  <c r="F2994" i="2" a="1"/>
  <c r="F2994" i="2" s="1"/>
  <c r="F3000" i="2" a="1"/>
  <c r="F3000" i="2" s="1"/>
  <c r="F3008" i="2" a="1"/>
  <c r="F3008" i="2" s="1"/>
  <c r="F2986" i="2" a="1"/>
  <c r="F2986" i="2" s="1"/>
  <c r="F2996" i="2" a="1"/>
  <c r="F2996" i="2" s="1"/>
  <c r="F3005" i="2" a="1"/>
  <c r="F3005" i="2" s="1"/>
  <c r="F3001" i="2" a="1"/>
  <c r="F3001" i="2" s="1"/>
  <c r="F2998" i="2" a="1"/>
  <c r="F2998" i="2" s="1"/>
  <c r="F2987" i="2" a="1"/>
  <c r="F2987" i="2" s="1"/>
  <c r="F2990" i="2" a="1"/>
  <c r="F2990" i="2" s="1"/>
  <c r="F2991" i="2" a="1"/>
  <c r="F2991" i="2" s="1"/>
  <c r="F3002" i="2" a="1"/>
  <c r="F3002" i="2" s="1"/>
  <c r="F3006" i="2" a="1"/>
  <c r="F3006" i="2" s="1"/>
  <c r="F3009" i="2" a="1"/>
  <c r="F3009" i="2" s="1"/>
  <c r="F310" i="2" a="1"/>
  <c r="F310" i="2" s="1"/>
  <c r="F306" i="2" a="1"/>
  <c r="F306" i="2" s="1"/>
  <c r="F314" i="2" a="1"/>
  <c r="F314" i="2" s="1"/>
  <c r="F302" i="2" a="1"/>
  <c r="F302" i="2" s="1"/>
  <c r="F320" i="2" a="1"/>
  <c r="F320" i="2" s="1"/>
  <c r="F307" i="2" a="1"/>
  <c r="F307" i="2" s="1"/>
  <c r="F311" i="2" a="1"/>
  <c r="F311" i="2" s="1"/>
  <c r="F319" i="2" a="1"/>
  <c r="F319" i="2" s="1"/>
  <c r="F318" i="2" a="1"/>
  <c r="F318" i="2" s="1"/>
  <c r="F315" i="2" a="1"/>
  <c r="F315" i="2" s="1"/>
  <c r="F298" i="2" a="1"/>
  <c r="F298" i="2" s="1"/>
  <c r="F316" i="2" a="1"/>
  <c r="F316" i="2" s="1"/>
  <c r="F299" i="2" a="1"/>
  <c r="F299" i="2" s="1"/>
  <c r="F303" i="2" a="1"/>
  <c r="F303" i="2" s="1"/>
  <c r="F300" i="2" a="1"/>
  <c r="F300" i="2" s="1"/>
  <c r="F313" i="2" a="1"/>
  <c r="F313" i="2" s="1"/>
  <c r="F301" i="2" a="1"/>
  <c r="F301" i="2" s="1"/>
  <c r="F304" i="2" a="1"/>
  <c r="F304" i="2" s="1"/>
  <c r="F309" i="2" a="1"/>
  <c r="F309" i="2" s="1"/>
  <c r="F308" i="2" a="1"/>
  <c r="F308" i="2" s="1"/>
  <c r="F312" i="2" a="1"/>
  <c r="F312" i="2" s="1"/>
  <c r="F317" i="2" a="1"/>
  <c r="F317" i="2" s="1"/>
  <c r="F305" i="2" a="1"/>
  <c r="F305" i="2" s="1"/>
  <c r="F321" i="2" a="1"/>
  <c r="F321" i="2" s="1"/>
  <c r="H6982" i="2" a="1"/>
  <c r="H6982" i="2" s="1"/>
  <c r="H6971" i="2" a="1"/>
  <c r="H6971" i="2" s="1"/>
  <c r="H6984" i="2" a="1"/>
  <c r="H6984" i="2" s="1"/>
  <c r="H6991" i="2" a="1"/>
  <c r="H6991" i="2" s="1"/>
  <c r="H6986" i="2" a="1"/>
  <c r="H6986" i="2" s="1"/>
  <c r="H6990" i="2" a="1"/>
  <c r="H6990" i="2" s="1"/>
  <c r="H6977" i="2" a="1"/>
  <c r="H6977" i="2" s="1"/>
  <c r="H6980" i="2" a="1"/>
  <c r="H6980" i="2" s="1"/>
  <c r="H6974" i="2" a="1"/>
  <c r="H6974" i="2" s="1"/>
  <c r="H6975" i="2" a="1"/>
  <c r="H6975" i="2" s="1"/>
  <c r="H6992" i="2" a="1"/>
  <c r="H6992" i="2" s="1"/>
  <c r="H6976" i="2" a="1"/>
  <c r="H6976" i="2" s="1"/>
  <c r="H6985" i="2" a="1"/>
  <c r="H6985" i="2" s="1"/>
  <c r="H6981" i="2" a="1"/>
  <c r="H6981" i="2" s="1"/>
  <c r="H6978" i="2" a="1"/>
  <c r="H6978" i="2" s="1"/>
  <c r="H6983" i="2" a="1"/>
  <c r="H6983" i="2" s="1"/>
  <c r="H6993" i="2" a="1"/>
  <c r="H6993" i="2" s="1"/>
  <c r="H6970" i="2" a="1"/>
  <c r="H6970" i="2" s="1"/>
  <c r="H6988" i="2" a="1"/>
  <c r="H6988" i="2" s="1"/>
  <c r="H6987" i="2" a="1"/>
  <c r="H6987" i="2" s="1"/>
  <c r="H6989" i="2" a="1"/>
  <c r="H6989" i="2" s="1"/>
  <c r="H6972" i="2" a="1"/>
  <c r="H6972" i="2" s="1"/>
  <c r="H6979" i="2" a="1"/>
  <c r="H6979" i="2" s="1"/>
  <c r="H6973" i="2" a="1"/>
  <c r="H6973" i="2" s="1"/>
  <c r="G3508" i="2" a="1"/>
  <c r="G3508" i="2" s="1"/>
  <c r="G3501" i="2" a="1"/>
  <c r="G3501" i="2" s="1"/>
  <c r="G3506" i="2" a="1"/>
  <c r="G3506" i="2" s="1"/>
  <c r="G3499" i="2" a="1"/>
  <c r="G3499" i="2" s="1"/>
  <c r="G3496" i="2" a="1"/>
  <c r="G3496" i="2" s="1"/>
  <c r="G3513" i="2" a="1"/>
  <c r="G3513" i="2" s="1"/>
  <c r="G3512" i="2" a="1"/>
  <c r="G3512" i="2" s="1"/>
  <c r="G3498" i="2" a="1"/>
  <c r="G3498" i="2" s="1"/>
  <c r="G3493" i="2" a="1"/>
  <c r="G3493" i="2" s="1"/>
  <c r="G3504" i="2" a="1"/>
  <c r="G3504" i="2" s="1"/>
  <c r="G3500" i="2" a="1"/>
  <c r="G3500" i="2" s="1"/>
  <c r="G3507" i="2" a="1"/>
  <c r="G3507" i="2" s="1"/>
  <c r="G3509" i="2" a="1"/>
  <c r="G3509" i="2" s="1"/>
  <c r="G3491" i="2" a="1"/>
  <c r="G3491" i="2" s="1"/>
  <c r="G3510" i="2" a="1"/>
  <c r="G3510" i="2" s="1"/>
  <c r="G3502" i="2" a="1"/>
  <c r="G3502" i="2" s="1"/>
  <c r="G3497" i="2" a="1"/>
  <c r="G3497" i="2" s="1"/>
  <c r="G3505" i="2" a="1"/>
  <c r="G3505" i="2" s="1"/>
  <c r="G3490" i="2" a="1"/>
  <c r="G3490" i="2" s="1"/>
  <c r="G3511" i="2" a="1"/>
  <c r="G3511" i="2" s="1"/>
  <c r="G3495" i="2" a="1"/>
  <c r="G3495" i="2" s="1"/>
  <c r="G3492" i="2" a="1"/>
  <c r="G3492" i="2" s="1"/>
  <c r="G3494" i="2" a="1"/>
  <c r="G3494" i="2" s="1"/>
  <c r="G3503" i="2" a="1"/>
  <c r="G3503" i="2" s="1"/>
  <c r="E3422" i="2" a="1"/>
  <c r="E3422" i="2" s="1"/>
  <c r="E3432" i="2" a="1"/>
  <c r="E3432" i="2" s="1"/>
  <c r="E3423" i="2" a="1"/>
  <c r="E3423" i="2" s="1"/>
  <c r="E3439" i="2" a="1"/>
  <c r="E3439" i="2" s="1"/>
  <c r="E3424" i="2" a="1"/>
  <c r="E3424" i="2" s="1"/>
  <c r="E3418" i="2" a="1"/>
  <c r="E3418" i="2" s="1"/>
  <c r="E3421" i="2" a="1"/>
  <c r="E3421" i="2" s="1"/>
  <c r="E3434" i="2" a="1"/>
  <c r="E3434" i="2" s="1"/>
  <c r="E3425" i="2" a="1"/>
  <c r="E3425" i="2" s="1"/>
  <c r="E3430" i="2" a="1"/>
  <c r="E3430" i="2" s="1"/>
  <c r="E3427" i="2" a="1"/>
  <c r="E3427" i="2" s="1"/>
  <c r="E3419" i="2" a="1"/>
  <c r="E3419" i="2" s="1"/>
  <c r="E3438" i="2" a="1"/>
  <c r="E3438" i="2" s="1"/>
  <c r="E3420" i="2" a="1"/>
  <c r="E3420" i="2" s="1"/>
  <c r="E3431" i="2" a="1"/>
  <c r="E3431" i="2" s="1"/>
  <c r="E3426" i="2" a="1"/>
  <c r="E3426" i="2" s="1"/>
  <c r="E3437" i="2" a="1"/>
  <c r="E3437" i="2" s="1"/>
  <c r="E3428" i="2" a="1"/>
  <c r="E3428" i="2" s="1"/>
  <c r="E3429" i="2" a="1"/>
  <c r="E3429" i="2" s="1"/>
  <c r="E3433" i="2" a="1"/>
  <c r="E3433" i="2" s="1"/>
  <c r="E3435" i="2" a="1"/>
  <c r="E3435" i="2" s="1"/>
  <c r="E3436" i="2" a="1"/>
  <c r="E3436" i="2" s="1"/>
  <c r="E3441" i="2" a="1"/>
  <c r="E3441" i="2" s="1"/>
  <c r="E3440" i="2" a="1"/>
  <c r="E3440" i="2" s="1"/>
  <c r="G2921" i="2" a="1"/>
  <c r="G2921" i="2" s="1"/>
  <c r="G2926" i="2" a="1"/>
  <c r="G2926" i="2" s="1"/>
  <c r="G2918" i="2" a="1"/>
  <c r="G2918" i="2" s="1"/>
  <c r="G2937" i="2" a="1"/>
  <c r="G2937" i="2" s="1"/>
  <c r="G2915" i="2" a="1"/>
  <c r="G2915" i="2" s="1"/>
  <c r="G2935" i="2" a="1"/>
  <c r="G2935" i="2" s="1"/>
  <c r="G2924" i="2" a="1"/>
  <c r="G2924" i="2" s="1"/>
  <c r="G2917" i="2" a="1"/>
  <c r="G2917" i="2" s="1"/>
  <c r="G2925" i="2" a="1"/>
  <c r="G2925" i="2" s="1"/>
  <c r="G2929" i="2" a="1"/>
  <c r="G2929" i="2" s="1"/>
  <c r="G2922" i="2" a="1"/>
  <c r="G2922" i="2" s="1"/>
  <c r="G2923" i="2" a="1"/>
  <c r="G2923" i="2" s="1"/>
  <c r="G2936" i="2" a="1"/>
  <c r="G2936" i="2" s="1"/>
  <c r="G2928" i="2" a="1"/>
  <c r="G2928" i="2" s="1"/>
  <c r="G2931" i="2" a="1"/>
  <c r="G2931" i="2" s="1"/>
  <c r="G2920" i="2" a="1"/>
  <c r="G2920" i="2" s="1"/>
  <c r="G2933" i="2" a="1"/>
  <c r="G2933" i="2" s="1"/>
  <c r="G2914" i="2" a="1"/>
  <c r="G2914" i="2" s="1"/>
  <c r="G3251" i="2" a="1"/>
  <c r="G3251" i="2" s="1"/>
  <c r="G3263" i="2" a="1"/>
  <c r="G3263" i="2" s="1"/>
  <c r="G3260" i="2" a="1"/>
  <c r="G3260" i="2" s="1"/>
  <c r="G3268" i="2" a="1"/>
  <c r="G3268" i="2" s="1"/>
  <c r="G3265" i="2" a="1"/>
  <c r="G3265" i="2" s="1"/>
  <c r="G3269" i="2" a="1"/>
  <c r="G3269" i="2" s="1"/>
  <c r="G3256" i="2" a="1"/>
  <c r="G3256" i="2" s="1"/>
  <c r="G3261" i="2" a="1"/>
  <c r="G3261" i="2" s="1"/>
  <c r="G3270" i="2" a="1"/>
  <c r="G3270" i="2" s="1"/>
  <c r="G3257" i="2" a="1"/>
  <c r="G3257" i="2" s="1"/>
  <c r="G3266" i="2" a="1"/>
  <c r="G3266" i="2" s="1"/>
  <c r="G3254" i="2" a="1"/>
  <c r="G3254" i="2" s="1"/>
  <c r="G3273" i="2" a="1"/>
  <c r="G3273" i="2" s="1"/>
  <c r="G3267" i="2" a="1"/>
  <c r="G3267" i="2" s="1"/>
  <c r="G3272" i="2" a="1"/>
  <c r="G3272" i="2" s="1"/>
  <c r="G3271" i="2" a="1"/>
  <c r="G3271" i="2" s="1"/>
  <c r="G3255" i="2" a="1"/>
  <c r="G3255" i="2" s="1"/>
  <c r="G3262" i="2" a="1"/>
  <c r="G3262" i="2" s="1"/>
  <c r="G3259" i="2" a="1"/>
  <c r="G3259" i="2" s="1"/>
  <c r="G3258" i="2" a="1"/>
  <c r="G3258" i="2" s="1"/>
  <c r="G3250" i="2" a="1"/>
  <c r="G3250" i="2" s="1"/>
  <c r="G3264" i="2" a="1"/>
  <c r="G3264" i="2" s="1"/>
  <c r="G3252" i="2" a="1"/>
  <c r="G3252" i="2" s="1"/>
  <c r="G3253" i="2" a="1"/>
  <c r="G3253" i="2" s="1"/>
  <c r="G8536" i="2" a="1"/>
  <c r="G8536" i="2" s="1"/>
  <c r="G8533" i="2" a="1"/>
  <c r="G8533" i="2" s="1"/>
  <c r="G8538" i="2" a="1"/>
  <c r="G8538" i="2" s="1"/>
  <c r="G8541" i="2" a="1"/>
  <c r="G8541" i="2" s="1"/>
  <c r="E1477" i="2" a="1"/>
  <c r="E1477" i="2" s="1"/>
  <c r="E1481" i="2" a="1"/>
  <c r="E1481" i="2" s="1"/>
  <c r="E1478" i="2" a="1"/>
  <c r="E1478" i="2" s="1"/>
  <c r="E1491" i="2" a="1"/>
  <c r="E1491" i="2" s="1"/>
  <c r="E1488" i="2" a="1"/>
  <c r="E1488" i="2" s="1"/>
  <c r="E1475" i="2" a="1"/>
  <c r="E1475" i="2" s="1"/>
  <c r="E1495" i="2" a="1"/>
  <c r="E1495" i="2" s="1"/>
  <c r="E1476" i="2" a="1"/>
  <c r="E1476" i="2" s="1"/>
  <c r="E1482" i="2" a="1"/>
  <c r="E1482" i="2" s="1"/>
  <c r="E1484" i="2" a="1"/>
  <c r="E1484" i="2" s="1"/>
  <c r="E1479" i="2" a="1"/>
  <c r="E1479" i="2" s="1"/>
  <c r="E1485" i="2" a="1"/>
  <c r="E1485" i="2" s="1"/>
  <c r="E1494" i="2" a="1"/>
  <c r="E1494" i="2" s="1"/>
  <c r="E1489" i="2" a="1"/>
  <c r="E1489" i="2" s="1"/>
  <c r="E1486" i="2" a="1"/>
  <c r="E1486" i="2" s="1"/>
  <c r="E1490" i="2" a="1"/>
  <c r="E1490" i="2" s="1"/>
  <c r="E1487" i="2" a="1"/>
  <c r="E1487" i="2" s="1"/>
  <c r="E1480" i="2" a="1"/>
  <c r="E1480" i="2" s="1"/>
  <c r="E1474" i="2" a="1"/>
  <c r="E1474" i="2" s="1"/>
  <c r="E1497" i="2" a="1"/>
  <c r="E1497" i="2" s="1"/>
  <c r="E1492" i="2" a="1"/>
  <c r="E1492" i="2" s="1"/>
  <c r="E1493" i="2" a="1"/>
  <c r="E1493" i="2" s="1"/>
  <c r="E1496" i="2" a="1"/>
  <c r="E1496" i="2" s="1"/>
  <c r="E1483" i="2" a="1"/>
  <c r="E1483" i="2" s="1"/>
  <c r="G6647" i="2" a="1"/>
  <c r="G6647" i="2" s="1"/>
  <c r="G6646" i="2" a="1"/>
  <c r="G6646" i="2" s="1"/>
  <c r="G6654" i="2" a="1"/>
  <c r="G6654" i="2" s="1"/>
  <c r="G6639" i="2" a="1"/>
  <c r="G6639" i="2" s="1"/>
  <c r="G6638" i="2" a="1"/>
  <c r="G6638" i="2" s="1"/>
  <c r="G6643" i="2" a="1"/>
  <c r="G6643" i="2" s="1"/>
  <c r="G6648" i="2" a="1"/>
  <c r="G6648" i="2" s="1"/>
  <c r="G6645" i="2" a="1"/>
  <c r="G6645" i="2" s="1"/>
  <c r="G6634" i="2" a="1"/>
  <c r="G6634" i="2" s="1"/>
  <c r="G6653" i="2" a="1"/>
  <c r="G6653" i="2" s="1"/>
  <c r="G6640" i="2" a="1"/>
  <c r="G6640" i="2" s="1"/>
  <c r="G6635" i="2" a="1"/>
  <c r="G6635" i="2" s="1"/>
  <c r="G6649" i="2" a="1"/>
  <c r="G6649" i="2" s="1"/>
  <c r="G6641" i="2" a="1"/>
  <c r="G6641" i="2" s="1"/>
  <c r="G6657" i="2" a="1"/>
  <c r="G6657" i="2" s="1"/>
  <c r="G6642" i="2" a="1"/>
  <c r="G6642" i="2" s="1"/>
  <c r="G6636" i="2" a="1"/>
  <c r="G6636" i="2" s="1"/>
  <c r="G6655" i="2" a="1"/>
  <c r="G6655" i="2" s="1"/>
  <c r="G6637" i="2" a="1"/>
  <c r="G6637" i="2" s="1"/>
  <c r="G6651" i="2" a="1"/>
  <c r="G6651" i="2" s="1"/>
  <c r="G6644" i="2" a="1"/>
  <c r="G6644" i="2" s="1"/>
  <c r="G6652" i="2" a="1"/>
  <c r="G6652" i="2" s="1"/>
  <c r="G6650" i="2" a="1"/>
  <c r="G6650" i="2" s="1"/>
  <c r="G6656" i="2" a="1"/>
  <c r="G6656" i="2" s="1"/>
  <c r="D8539" i="2" a="1"/>
  <c r="D8539" i="2" s="1"/>
  <c r="D8547" i="2" a="1"/>
  <c r="D8547" i="2" s="1"/>
  <c r="D8530" i="2" a="1"/>
  <c r="D8530" i="2" s="1"/>
  <c r="D8542" i="2" a="1"/>
  <c r="D8542" i="2" s="1"/>
  <c r="D8545" i="2" a="1"/>
  <c r="D8545" i="2" s="1"/>
  <c r="D8549" i="2" a="1"/>
  <c r="D8549" i="2" s="1"/>
  <c r="D8553" i="2" a="1"/>
  <c r="D8553" i="2" s="1"/>
  <c r="D8536" i="2" a="1"/>
  <c r="D8536" i="2" s="1"/>
  <c r="D8544" i="2" a="1"/>
  <c r="D8544" i="2" s="1"/>
  <c r="D8548" i="2" a="1"/>
  <c r="D8548" i="2" s="1"/>
  <c r="D8540" i="2" a="1"/>
  <c r="D8540" i="2" s="1"/>
  <c r="D8552" i="2" a="1"/>
  <c r="D8552" i="2" s="1"/>
  <c r="D8531" i="2" a="1"/>
  <c r="D8531" i="2" s="1"/>
  <c r="D8535" i="2" a="1"/>
  <c r="D8535" i="2" s="1"/>
  <c r="D8543" i="2" a="1"/>
  <c r="D8543" i="2" s="1"/>
  <c r="D8551" i="2" a="1"/>
  <c r="D8551" i="2" s="1"/>
  <c r="D8532" i="2" a="1"/>
  <c r="D8532" i="2" s="1"/>
  <c r="D8534" i="2" a="1"/>
  <c r="D8534" i="2" s="1"/>
  <c r="D8538" i="2" a="1"/>
  <c r="D8538" i="2" s="1"/>
  <c r="D8546" i="2" a="1"/>
  <c r="D8546" i="2" s="1"/>
  <c r="D8550" i="2" a="1"/>
  <c r="D8550" i="2" s="1"/>
  <c r="D8537" i="2" a="1"/>
  <c r="D8537" i="2" s="1"/>
  <c r="D8541" i="2" a="1"/>
  <c r="D8541" i="2" s="1"/>
  <c r="D8533" i="2" a="1"/>
  <c r="D8533" i="2" s="1"/>
  <c r="D8327" i="2" a="1"/>
  <c r="D8327" i="2" s="1"/>
  <c r="D8331" i="2" a="1"/>
  <c r="D8331" i="2" s="1"/>
  <c r="D8335" i="2" a="1"/>
  <c r="D8335" i="2" s="1"/>
  <c r="D8323" i="2" a="1"/>
  <c r="D8323" i="2" s="1"/>
  <c r="D8316" i="2" a="1"/>
  <c r="D8316" i="2" s="1"/>
  <c r="D8324" i="2" a="1"/>
  <c r="D8324" i="2" s="1"/>
  <c r="D8328" i="2" a="1"/>
  <c r="D8328" i="2" s="1"/>
  <c r="D8332" i="2" a="1"/>
  <c r="D8332" i="2" s="1"/>
  <c r="D8315" i="2" a="1"/>
  <c r="D8315" i="2" s="1"/>
  <c r="D8319" i="2" a="1"/>
  <c r="D8319" i="2" s="1"/>
  <c r="D8320" i="2" a="1"/>
  <c r="D8320" i="2" s="1"/>
  <c r="D8336" i="2" a="1"/>
  <c r="D8336" i="2" s="1"/>
  <c r="D8325" i="2" a="1"/>
  <c r="D8325" i="2" s="1"/>
  <c r="D8314" i="2" a="1"/>
  <c r="D8314" i="2" s="1"/>
  <c r="D8329" i="2" a="1"/>
  <c r="D8329" i="2" s="1"/>
  <c r="D8322" i="2" a="1"/>
  <c r="D8322" i="2" s="1"/>
  <c r="D8326" i="2" a="1"/>
  <c r="D8326" i="2" s="1"/>
  <c r="D8330" i="2" a="1"/>
  <c r="D8330" i="2" s="1"/>
  <c r="D8334" i="2" a="1"/>
  <c r="D8334" i="2" s="1"/>
  <c r="D8337" i="2" a="1"/>
  <c r="D8337" i="2" s="1"/>
  <c r="D8318" i="2" a="1"/>
  <c r="D8318" i="2" s="1"/>
  <c r="D8317" i="2" a="1"/>
  <c r="D8317" i="2" s="1"/>
  <c r="D8321" i="2" a="1"/>
  <c r="D8321" i="2" s="1"/>
  <c r="D8333" i="2" a="1"/>
  <c r="D8333" i="2" s="1"/>
  <c r="F569" i="2" a="1"/>
  <c r="F569" i="2" s="1"/>
  <c r="F566" i="2" a="1"/>
  <c r="F566" i="2" s="1"/>
  <c r="F578" i="2" a="1"/>
  <c r="F578" i="2" s="1"/>
  <c r="F581" i="2" a="1"/>
  <c r="F581" i="2" s="1"/>
  <c r="F577" i="2" a="1"/>
  <c r="F577" i="2" s="1"/>
  <c r="F579" i="2" a="1"/>
  <c r="F579" i="2" s="1"/>
  <c r="F573" i="2" a="1"/>
  <c r="F573" i="2" s="1"/>
  <c r="F583" i="2" a="1"/>
  <c r="F583" i="2" s="1"/>
  <c r="F565" i="2" a="1"/>
  <c r="F565" i="2" s="1"/>
  <c r="F575" i="2" a="1"/>
  <c r="F575" i="2" s="1"/>
  <c r="F584" i="2" a="1"/>
  <c r="F584" i="2" s="1"/>
  <c r="F585" i="2" a="1"/>
  <c r="F585" i="2" s="1"/>
  <c r="F574" i="2" a="1"/>
  <c r="F574" i="2" s="1"/>
  <c r="F576" i="2" a="1"/>
  <c r="F576" i="2" s="1"/>
  <c r="F582" i="2" a="1"/>
  <c r="F582" i="2" s="1"/>
  <c r="F563" i="2" a="1"/>
  <c r="F563" i="2" s="1"/>
  <c r="F562" i="2" a="1"/>
  <c r="F562" i="2" s="1"/>
  <c r="F564" i="2" a="1"/>
  <c r="F564" i="2" s="1"/>
  <c r="F568" i="2" a="1"/>
  <c r="F568" i="2" s="1"/>
  <c r="F570" i="2" a="1"/>
  <c r="F570" i="2" s="1"/>
  <c r="F580" i="2" a="1"/>
  <c r="F580" i="2" s="1"/>
  <c r="F567" i="2" a="1"/>
  <c r="F567" i="2" s="1"/>
  <c r="F571" i="2" a="1"/>
  <c r="F571" i="2" s="1"/>
  <c r="F572" i="2" a="1"/>
  <c r="F572" i="2" s="1"/>
  <c r="F3788" i="2" a="1"/>
  <c r="F3788" i="2" s="1"/>
  <c r="F3792" i="2" a="1"/>
  <c r="F3792" i="2" s="1"/>
  <c r="F3801" i="2" a="1"/>
  <c r="F3801" i="2" s="1"/>
  <c r="F3794" i="2" a="1"/>
  <c r="F3794" i="2" s="1"/>
  <c r="F3789" i="2" a="1"/>
  <c r="F3789" i="2" s="1"/>
  <c r="F3784" i="2" a="1"/>
  <c r="F3784" i="2" s="1"/>
  <c r="F3795" i="2" a="1"/>
  <c r="F3795" i="2" s="1"/>
  <c r="F3797" i="2" a="1"/>
  <c r="F3797" i="2" s="1"/>
  <c r="F3799" i="2" a="1"/>
  <c r="F3799" i="2" s="1"/>
  <c r="F3786" i="2" a="1"/>
  <c r="F3786" i="2" s="1"/>
  <c r="F3781" i="2" a="1"/>
  <c r="F3781" i="2" s="1"/>
  <c r="F3782" i="2" a="1"/>
  <c r="F3782" i="2" s="1"/>
  <c r="F3790" i="2" a="1"/>
  <c r="F3790" i="2" s="1"/>
  <c r="F3791" i="2" a="1"/>
  <c r="F3791" i="2" s="1"/>
  <c r="F3798" i="2" a="1"/>
  <c r="F3798" i="2" s="1"/>
  <c r="F3785" i="2" a="1"/>
  <c r="F3785" i="2" s="1"/>
  <c r="F3796" i="2" a="1"/>
  <c r="F3796" i="2" s="1"/>
  <c r="F3783" i="2" a="1"/>
  <c r="F3783" i="2" s="1"/>
  <c r="F3778" i="2" a="1"/>
  <c r="F3778" i="2" s="1"/>
  <c r="F3779" i="2" a="1"/>
  <c r="F3779" i="2" s="1"/>
  <c r="F3780" i="2" a="1"/>
  <c r="F3780" i="2" s="1"/>
  <c r="H6164" i="2" a="1"/>
  <c r="H6164" i="2" s="1"/>
  <c r="H6169" i="2" a="1"/>
  <c r="H6169" i="2" s="1"/>
  <c r="H6157" i="2" a="1"/>
  <c r="H6157" i="2" s="1"/>
  <c r="H6170" i="2" a="1"/>
  <c r="H6170" i="2" s="1"/>
  <c r="H6160" i="2" a="1"/>
  <c r="H6160" i="2" s="1"/>
  <c r="H6167" i="2" a="1"/>
  <c r="H6167" i="2" s="1"/>
  <c r="H6171" i="2" a="1"/>
  <c r="H6171" i="2" s="1"/>
  <c r="H6177" i="2" a="1"/>
  <c r="H6177" i="2" s="1"/>
  <c r="H6158" i="2" a="1"/>
  <c r="H6158" i="2" s="1"/>
  <c r="H6172" i="2" a="1"/>
  <c r="H6172" i="2" s="1"/>
  <c r="H6154" i="2" a="1"/>
  <c r="H6154" i="2" s="1"/>
  <c r="H6168" i="2" a="1"/>
  <c r="H6168" i="2" s="1"/>
  <c r="H6165" i="2" a="1"/>
  <c r="H6165" i="2" s="1"/>
  <c r="H6161" i="2" a="1"/>
  <c r="H6161" i="2" s="1"/>
  <c r="H6156" i="2" a="1"/>
  <c r="H6156" i="2" s="1"/>
  <c r="H6155" i="2" a="1"/>
  <c r="H6155" i="2" s="1"/>
  <c r="E4242" i="2" a="1"/>
  <c r="E4242" i="2" s="1"/>
  <c r="E4234" i="2" a="1"/>
  <c r="E4234" i="2" s="1"/>
  <c r="E4249" i="2" a="1"/>
  <c r="E4249" i="2" s="1"/>
  <c r="E4245" i="2" a="1"/>
  <c r="E4245" i="2" s="1"/>
  <c r="E4241" i="2" a="1"/>
  <c r="E4241" i="2" s="1"/>
  <c r="E4236" i="2" a="1"/>
  <c r="E4236" i="2" s="1"/>
  <c r="E4244" i="2" a="1"/>
  <c r="E4244" i="2" s="1"/>
  <c r="E4246" i="2" a="1"/>
  <c r="E4246" i="2" s="1"/>
  <c r="D1933" i="2" a="1"/>
  <c r="D1933" i="2" s="1"/>
  <c r="D1939" i="2" a="1"/>
  <c r="D1939" i="2" s="1"/>
  <c r="D1953" i="2" a="1"/>
  <c r="D1953" i="2" s="1"/>
  <c r="D1941" i="2" a="1"/>
  <c r="D1941" i="2" s="1"/>
  <c r="D1946" i="2" a="1"/>
  <c r="D1946" i="2" s="1"/>
  <c r="D1940" i="2" a="1"/>
  <c r="D1940" i="2" s="1"/>
  <c r="D1937" i="2" a="1"/>
  <c r="D1937" i="2" s="1"/>
  <c r="G4657" i="2" a="1"/>
  <c r="G4657" i="2" s="1"/>
  <c r="G4645" i="2" a="1"/>
  <c r="G4645" i="2" s="1"/>
  <c r="G4665" i="2" a="1"/>
  <c r="G4665" i="2" s="1"/>
  <c r="E3656" i="2" a="1"/>
  <c r="E3656" i="2" s="1"/>
  <c r="E3651" i="2" a="1"/>
  <c r="E3651" i="2" s="1"/>
  <c r="E3641" i="2" a="1"/>
  <c r="E3641" i="2" s="1"/>
  <c r="E3644" i="2" a="1"/>
  <c r="E3644" i="2" s="1"/>
  <c r="E3657" i="2" a="1"/>
  <c r="E3657" i="2" s="1"/>
  <c r="E3645" i="2" a="1"/>
  <c r="E3645" i="2" s="1"/>
  <c r="E3638" i="2" a="1"/>
  <c r="E3638" i="2" s="1"/>
  <c r="E3652" i="2" a="1"/>
  <c r="E3652" i="2" s="1"/>
  <c r="E3649" i="2" a="1"/>
  <c r="E3649" i="2" s="1"/>
  <c r="E3634" i="2" a="1"/>
  <c r="E3634" i="2" s="1"/>
  <c r="E3654" i="2" a="1"/>
  <c r="E3654" i="2" s="1"/>
  <c r="E3650" i="2" a="1"/>
  <c r="E3650" i="2" s="1"/>
  <c r="E3639" i="2" a="1"/>
  <c r="E3639" i="2" s="1"/>
  <c r="E3637" i="2" a="1"/>
  <c r="E3637" i="2" s="1"/>
  <c r="E3640" i="2" a="1"/>
  <c r="E3640" i="2" s="1"/>
  <c r="E3643" i="2" a="1"/>
  <c r="E3643" i="2" s="1"/>
  <c r="E3647" i="2" a="1"/>
  <c r="E3647" i="2" s="1"/>
  <c r="E3635" i="2" a="1"/>
  <c r="E3635" i="2" s="1"/>
  <c r="E3636" i="2" a="1"/>
  <c r="E3636" i="2" s="1"/>
  <c r="E3653" i="2" a="1"/>
  <c r="E3653" i="2" s="1"/>
  <c r="E3646" i="2" a="1"/>
  <c r="E3646" i="2" s="1"/>
  <c r="E3655" i="2" a="1"/>
  <c r="E3655" i="2" s="1"/>
  <c r="E3642" i="2" a="1"/>
  <c r="E3642" i="2" s="1"/>
  <c r="E3648" i="2" a="1"/>
  <c r="E3648" i="2" s="1"/>
  <c r="F7161" i="2" a="1"/>
  <c r="F7161" i="2" s="1"/>
  <c r="F7148" i="2" a="1"/>
  <c r="F7148" i="2" s="1"/>
  <c r="F7159" i="2" a="1"/>
  <c r="F7159" i="2" s="1"/>
  <c r="F7141" i="2" a="1"/>
  <c r="F7141" i="2" s="1"/>
  <c r="F7143" i="2" a="1"/>
  <c r="F7143" i="2" s="1"/>
  <c r="F7142" i="2" a="1"/>
  <c r="F7142" i="2" s="1"/>
  <c r="F7149" i="2" a="1"/>
  <c r="F7149" i="2" s="1"/>
  <c r="F7147" i="2" a="1"/>
  <c r="F7147" i="2" s="1"/>
  <c r="F7151" i="2" a="1"/>
  <c r="F7151" i="2" s="1"/>
  <c r="F7139" i="2" a="1"/>
  <c r="F7139" i="2" s="1"/>
  <c r="F7154" i="2" a="1"/>
  <c r="F7154" i="2" s="1"/>
  <c r="F7158" i="2" a="1"/>
  <c r="F7158" i="2" s="1"/>
  <c r="F7150" i="2" a="1"/>
  <c r="F7150" i="2" s="1"/>
  <c r="F7160" i="2" a="1"/>
  <c r="F7160" i="2" s="1"/>
  <c r="F7157" i="2" a="1"/>
  <c r="F7157" i="2" s="1"/>
  <c r="F7140" i="2" a="1"/>
  <c r="F7140" i="2" s="1"/>
  <c r="F7152" i="2" a="1"/>
  <c r="F7152" i="2" s="1"/>
  <c r="F7145" i="2" a="1"/>
  <c r="F7145" i="2" s="1"/>
  <c r="F7146" i="2" a="1"/>
  <c r="F7146" i="2" s="1"/>
  <c r="F7155" i="2" a="1"/>
  <c r="F7155" i="2" s="1"/>
  <c r="F7144" i="2" a="1"/>
  <c r="F7144" i="2" s="1"/>
  <c r="F7138" i="2" a="1"/>
  <c r="F7138" i="2" s="1"/>
  <c r="F7156" i="2" a="1"/>
  <c r="F7156" i="2" s="1"/>
  <c r="F7153" i="2" a="1"/>
  <c r="F7153" i="2" s="1"/>
  <c r="H5977" i="2" a="1"/>
  <c r="H5977" i="2" s="1"/>
  <c r="H5979" i="2" a="1"/>
  <c r="H5979" i="2" s="1"/>
  <c r="H5982" i="2" a="1"/>
  <c r="H5982" i="2" s="1"/>
  <c r="H5974" i="2" a="1"/>
  <c r="H5974" i="2" s="1"/>
  <c r="H5983" i="2" a="1"/>
  <c r="H5983" i="2" s="1"/>
  <c r="H5962" i="2" a="1"/>
  <c r="H5962" i="2" s="1"/>
  <c r="H5971" i="2" a="1"/>
  <c r="H5971" i="2" s="1"/>
  <c r="H5967" i="2" a="1"/>
  <c r="H5967" i="2" s="1"/>
  <c r="H5985" i="2" a="1"/>
  <c r="H5985" i="2" s="1"/>
  <c r="H5968" i="2" a="1"/>
  <c r="H5968" i="2" s="1"/>
  <c r="H5965" i="2" a="1"/>
  <c r="H5965" i="2" s="1"/>
  <c r="H5976" i="2" a="1"/>
  <c r="H5976" i="2" s="1"/>
  <c r="H5964" i="2" a="1"/>
  <c r="H5964" i="2" s="1"/>
  <c r="H5966" i="2" a="1"/>
  <c r="H5966" i="2" s="1"/>
  <c r="H5978" i="2" a="1"/>
  <c r="H5978" i="2" s="1"/>
  <c r="H5973" i="2" a="1"/>
  <c r="H5973" i="2" s="1"/>
  <c r="H5975" i="2" a="1"/>
  <c r="H5975" i="2" s="1"/>
  <c r="H5980" i="2" a="1"/>
  <c r="H5980" i="2" s="1"/>
  <c r="H5963" i="2" a="1"/>
  <c r="H5963" i="2" s="1"/>
  <c r="D100" i="2" a="1"/>
  <c r="D100" i="2" s="1"/>
  <c r="D91" i="2" a="1"/>
  <c r="D91" i="2" s="1"/>
  <c r="D105" i="2" a="1"/>
  <c r="D105" i="2" s="1"/>
  <c r="D85" i="2" a="1"/>
  <c r="D85" i="2" s="1"/>
  <c r="D101" i="2" a="1"/>
  <c r="D101" i="2" s="1"/>
  <c r="D84" i="2" a="1"/>
  <c r="D84" i="2" s="1"/>
  <c r="D104" i="2" a="1"/>
  <c r="D104" i="2" s="1"/>
  <c r="D99" i="2" a="1"/>
  <c r="D99" i="2" s="1"/>
  <c r="D87" i="2" a="1"/>
  <c r="D87" i="2" s="1"/>
  <c r="D97" i="2" a="1"/>
  <c r="D97" i="2" s="1"/>
  <c r="D94" i="2" a="1"/>
  <c r="D94" i="2" s="1"/>
  <c r="D96" i="2" a="1"/>
  <c r="D96" i="2" s="1"/>
  <c r="D88" i="2" a="1"/>
  <c r="D88" i="2" s="1"/>
  <c r="D83" i="2" a="1"/>
  <c r="D83" i="2" s="1"/>
  <c r="D95" i="2" a="1"/>
  <c r="D95" i="2" s="1"/>
  <c r="D98" i="2" a="1"/>
  <c r="D98" i="2" s="1"/>
  <c r="D103" i="2" a="1"/>
  <c r="D103" i="2" s="1"/>
  <c r="D82" i="2" a="1"/>
  <c r="D82" i="2" s="1"/>
  <c r="D102" i="2" a="1"/>
  <c r="D102" i="2" s="1"/>
  <c r="D89" i="2" a="1"/>
  <c r="D89" i="2" s="1"/>
  <c r="D93" i="2" a="1"/>
  <c r="D93" i="2" s="1"/>
  <c r="D90" i="2" a="1"/>
  <c r="D90" i="2" s="1"/>
  <c r="D86" i="2" a="1"/>
  <c r="D86" i="2" s="1"/>
  <c r="D92" i="2" a="1"/>
  <c r="D92" i="2" s="1"/>
  <c r="F2764" i="2" a="1"/>
  <c r="F2764" i="2" s="1"/>
  <c r="F2762" i="2" a="1"/>
  <c r="F2762" i="2" s="1"/>
  <c r="F2768" i="2" a="1"/>
  <c r="F2768" i="2" s="1"/>
  <c r="F2751" i="2" a="1"/>
  <c r="F2751" i="2" s="1"/>
  <c r="F2757" i="2" a="1"/>
  <c r="F2757" i="2" s="1"/>
  <c r="F2756" i="2" a="1"/>
  <c r="F2756" i="2" s="1"/>
  <c r="F2759" i="2" a="1"/>
  <c r="F2759" i="2" s="1"/>
  <c r="F2748" i="2" a="1"/>
  <c r="F2748" i="2" s="1"/>
  <c r="F2766" i="2" a="1"/>
  <c r="F2766" i="2" s="1"/>
  <c r="F2767" i="2" a="1"/>
  <c r="F2767" i="2" s="1"/>
  <c r="F7672" i="2" a="1"/>
  <c r="F7672" i="2" s="1"/>
  <c r="D956" i="2" a="1"/>
  <c r="D956" i="2" s="1"/>
  <c r="G236" i="2" a="1"/>
  <c r="G236" i="2" s="1"/>
  <c r="G1148" i="2" a="1"/>
  <c r="G1148" i="2" s="1"/>
  <c r="G1160" i="2" a="1"/>
  <c r="G1160" i="2" s="1"/>
  <c r="G1138" i="2" a="1"/>
  <c r="G1138" i="2" s="1"/>
  <c r="G1146" i="2" a="1"/>
  <c r="G1146" i="2" s="1"/>
  <c r="G1144" i="2" a="1"/>
  <c r="G1144" i="2" s="1"/>
  <c r="G1161" i="2" a="1"/>
  <c r="G1161" i="2" s="1"/>
  <c r="G1150" i="2" a="1"/>
  <c r="G1150" i="2" s="1"/>
  <c r="G1147" i="2" a="1"/>
  <c r="G1147" i="2" s="1"/>
  <c r="G1158" i="2" a="1"/>
  <c r="G1158" i="2" s="1"/>
  <c r="G1151" i="2" a="1"/>
  <c r="G1151" i="2" s="1"/>
  <c r="G1143" i="2" a="1"/>
  <c r="G1143" i="2" s="1"/>
  <c r="G1149" i="2" a="1"/>
  <c r="G1149" i="2" s="1"/>
  <c r="G1156" i="2" a="1"/>
  <c r="G1156" i="2" s="1"/>
  <c r="G1152" i="2" a="1"/>
  <c r="G1152" i="2" s="1"/>
  <c r="G1141" i="2" a="1"/>
  <c r="G1141" i="2" s="1"/>
  <c r="G1154" i="2" a="1"/>
  <c r="G1154" i="2" s="1"/>
  <c r="G1142" i="2" a="1"/>
  <c r="G1142" i="2" s="1"/>
  <c r="G1155" i="2" a="1"/>
  <c r="G1155" i="2" s="1"/>
  <c r="G1157" i="2" a="1"/>
  <c r="G1157" i="2" s="1"/>
  <c r="G1139" i="2" a="1"/>
  <c r="G1139" i="2" s="1"/>
  <c r="G1159" i="2" a="1"/>
  <c r="G1159" i="2" s="1"/>
  <c r="G1145" i="2" a="1"/>
  <c r="G1145" i="2" s="1"/>
  <c r="G1153" i="2" a="1"/>
  <c r="G1153" i="2" s="1"/>
  <c r="G1140" i="2" a="1"/>
  <c r="G1140" i="2" s="1"/>
  <c r="F7190" i="2" a="1"/>
  <c r="F7190" i="2" s="1"/>
  <c r="F7196" i="2" a="1"/>
  <c r="F7196" i="2" s="1"/>
  <c r="F7191" i="2" a="1"/>
  <c r="F7191" i="2" s="1"/>
  <c r="F7204" i="2" a="1"/>
  <c r="F7204" i="2" s="1"/>
  <c r="F7201" i="2" a="1"/>
  <c r="F7201" i="2" s="1"/>
  <c r="F7200" i="2" a="1"/>
  <c r="F7200" i="2" s="1"/>
  <c r="F7202" i="2" a="1"/>
  <c r="F7202" i="2" s="1"/>
  <c r="F7189" i="2" a="1"/>
  <c r="F7189" i="2" s="1"/>
  <c r="F7192" i="2" a="1"/>
  <c r="F7192" i="2" s="1"/>
  <c r="F7206" i="2" a="1"/>
  <c r="F7206" i="2" s="1"/>
  <c r="F7199" i="2" a="1"/>
  <c r="F7199" i="2" s="1"/>
  <c r="F7194" i="2" a="1"/>
  <c r="F7194" i="2" s="1"/>
  <c r="F7195" i="2" a="1"/>
  <c r="F7195" i="2" s="1"/>
  <c r="F7203" i="2" a="1"/>
  <c r="F7203" i="2" s="1"/>
  <c r="F7198" i="2" a="1"/>
  <c r="F7198" i="2" s="1"/>
  <c r="F7188" i="2" a="1"/>
  <c r="F7188" i="2" s="1"/>
  <c r="F7193" i="2" a="1"/>
  <c r="F7193" i="2" s="1"/>
  <c r="F7186" i="2" a="1"/>
  <c r="F7186" i="2" s="1"/>
  <c r="F7207" i="2" a="1"/>
  <c r="F7207" i="2" s="1"/>
  <c r="F7197" i="2" a="1"/>
  <c r="F7197" i="2" s="1"/>
  <c r="F7205" i="2" a="1"/>
  <c r="F7205" i="2" s="1"/>
  <c r="F7209" i="2" a="1"/>
  <c r="F7209" i="2" s="1"/>
  <c r="F7187" i="2" a="1"/>
  <c r="F7187" i="2" s="1"/>
  <c r="F7208" i="2" a="1"/>
  <c r="F7208" i="2" s="1"/>
  <c r="D3039" i="2" a="1"/>
  <c r="D3039" i="2" s="1"/>
  <c r="D3048" i="2" a="1"/>
  <c r="D3048" i="2" s="1"/>
  <c r="D3045" i="2" a="1"/>
  <c r="D3045" i="2" s="1"/>
  <c r="D3050" i="2" a="1"/>
  <c r="D3050" i="2" s="1"/>
  <c r="D3038" i="2" a="1"/>
  <c r="D3038" i="2" s="1"/>
  <c r="D3051" i="2" a="1"/>
  <c r="D3051" i="2" s="1"/>
  <c r="D3036" i="2" a="1"/>
  <c r="D3036" i="2" s="1"/>
  <c r="D3052" i="2" a="1"/>
  <c r="D3052" i="2" s="1"/>
  <c r="D3040" i="2" a="1"/>
  <c r="D3040" i="2" s="1"/>
  <c r="D3054" i="2" a="1"/>
  <c r="D3054" i="2" s="1"/>
  <c r="D3055" i="2" a="1"/>
  <c r="D3055" i="2" s="1"/>
  <c r="D3035" i="2" a="1"/>
  <c r="D3035" i="2" s="1"/>
  <c r="D3056" i="2" a="1"/>
  <c r="D3056" i="2" s="1"/>
  <c r="D3037" i="2" a="1"/>
  <c r="D3037" i="2" s="1"/>
  <c r="D3057" i="2" a="1"/>
  <c r="D3057" i="2" s="1"/>
  <c r="D3047" i="2" a="1"/>
  <c r="D3047" i="2" s="1"/>
  <c r="D3043" i="2" a="1"/>
  <c r="D3043" i="2" s="1"/>
  <c r="D3042" i="2" a="1"/>
  <c r="D3042" i="2" s="1"/>
  <c r="D3044" i="2" a="1"/>
  <c r="D3044" i="2" s="1"/>
  <c r="D3034" i="2" a="1"/>
  <c r="D3034" i="2" s="1"/>
  <c r="D3049" i="2" a="1"/>
  <c r="D3049" i="2" s="1"/>
  <c r="D3053" i="2" a="1"/>
  <c r="D3053" i="2" s="1"/>
  <c r="D3041" i="2" a="1"/>
  <c r="D3041" i="2" s="1"/>
  <c r="D3046" i="2" a="1"/>
  <c r="D3046" i="2" s="1"/>
  <c r="E660" i="2" a="1"/>
  <c r="E660" i="2" s="1"/>
  <c r="E680" i="2" a="1"/>
  <c r="E680" i="2" s="1"/>
  <c r="E662" i="2" a="1"/>
  <c r="E662" i="2" s="1"/>
  <c r="E667" i="2" a="1"/>
  <c r="E667" i="2" s="1"/>
  <c r="F5897" i="2" a="1"/>
  <c r="F5897" i="2" s="1"/>
  <c r="F5890" i="2" a="1"/>
  <c r="F5890" i="2" s="1"/>
  <c r="F5891" i="2" a="1"/>
  <c r="F5891" i="2" s="1"/>
  <c r="F5898" i="2" a="1"/>
  <c r="F5898" i="2" s="1"/>
  <c r="E1196" i="2" a="1"/>
  <c r="E1196" i="2" s="1"/>
  <c r="E1190" i="2" a="1"/>
  <c r="E1190" i="2" s="1"/>
  <c r="E1209" i="2" a="1"/>
  <c r="E1209" i="2" s="1"/>
  <c r="E1197" i="2" a="1"/>
  <c r="E1197" i="2" s="1"/>
  <c r="E1201" i="2" a="1"/>
  <c r="E1201" i="2" s="1"/>
  <c r="E1208" i="2" a="1"/>
  <c r="E1208" i="2" s="1"/>
  <c r="E1191" i="2" a="1"/>
  <c r="E1191" i="2" s="1"/>
  <c r="E1195" i="2" a="1"/>
  <c r="E1195" i="2" s="1"/>
  <c r="E1206" i="2" a="1"/>
  <c r="E1206" i="2" s="1"/>
  <c r="E1186" i="2" a="1"/>
  <c r="E1186" i="2" s="1"/>
  <c r="E1187" i="2" a="1"/>
  <c r="E1187" i="2" s="1"/>
  <c r="E1192" i="2" a="1"/>
  <c r="E1192" i="2" s="1"/>
  <c r="E1188" i="2" a="1"/>
  <c r="E1188" i="2" s="1"/>
  <c r="E1207" i="2" a="1"/>
  <c r="E1207" i="2" s="1"/>
  <c r="E1199" i="2" a="1"/>
  <c r="E1199" i="2" s="1"/>
  <c r="E1193" i="2" a="1"/>
  <c r="E1193" i="2" s="1"/>
  <c r="E1203" i="2" a="1"/>
  <c r="E1203" i="2" s="1"/>
  <c r="E1198" i="2" a="1"/>
  <c r="E1198" i="2" s="1"/>
  <c r="E1189" i="2" a="1"/>
  <c r="E1189" i="2" s="1"/>
  <c r="E1200" i="2" a="1"/>
  <c r="E1200" i="2" s="1"/>
  <c r="E1204" i="2" a="1"/>
  <c r="E1204" i="2" s="1"/>
  <c r="E1194" i="2" a="1"/>
  <c r="E1194" i="2" s="1"/>
  <c r="E1205" i="2" a="1"/>
  <c r="E1205" i="2" s="1"/>
  <c r="E1202" i="2" a="1"/>
  <c r="E1202" i="2" s="1"/>
  <c r="D2200" i="2" a="1"/>
  <c r="D2200" i="2" s="1"/>
  <c r="D2204" i="2" a="1"/>
  <c r="D2204" i="2" s="1"/>
  <c r="D2205" i="2" a="1"/>
  <c r="D2205" i="2" s="1"/>
  <c r="D2216" i="2" a="1"/>
  <c r="D2216" i="2" s="1"/>
  <c r="D2217" i="2" a="1"/>
  <c r="D2217" i="2" s="1"/>
  <c r="D2203" i="2" a="1"/>
  <c r="D2203" i="2" s="1"/>
  <c r="D2198" i="2" a="1"/>
  <c r="D2198" i="2" s="1"/>
  <c r="D2211" i="2" a="1"/>
  <c r="D2211" i="2" s="1"/>
  <c r="D2214" i="2" a="1"/>
  <c r="D2214" i="2" s="1"/>
  <c r="D2215" i="2" a="1"/>
  <c r="D2215" i="2" s="1"/>
  <c r="D2197" i="2" a="1"/>
  <c r="D2197" i="2" s="1"/>
  <c r="D2212" i="2" a="1"/>
  <c r="D2212" i="2" s="1"/>
  <c r="D2201" i="2" a="1"/>
  <c r="D2201" i="2" s="1"/>
  <c r="D2199" i="2" a="1"/>
  <c r="D2199" i="2" s="1"/>
  <c r="D2195" i="2" a="1"/>
  <c r="D2195" i="2" s="1"/>
  <c r="D2213" i="2" a="1"/>
  <c r="D2213" i="2" s="1"/>
  <c r="D2202" i="2" a="1"/>
  <c r="D2202" i="2" s="1"/>
  <c r="D2194" i="2" a="1"/>
  <c r="D2194" i="2" s="1"/>
  <c r="D2196" i="2" a="1"/>
  <c r="D2196" i="2" s="1"/>
  <c r="D2208" i="2" a="1"/>
  <c r="D2208" i="2" s="1"/>
  <c r="D2206" i="2" a="1"/>
  <c r="D2206" i="2" s="1"/>
  <c r="D2207" i="2" a="1"/>
  <c r="D2207" i="2" s="1"/>
  <c r="D2209" i="2" a="1"/>
  <c r="D2209" i="2" s="1"/>
  <c r="D2210" i="2" a="1"/>
  <c r="D2210" i="2" s="1"/>
  <c r="G1854" i="2" a="1"/>
  <c r="G1854" i="2" s="1"/>
  <c r="G1837" i="2" a="1"/>
  <c r="G1837" i="2" s="1"/>
  <c r="G1852" i="2" a="1"/>
  <c r="G1852" i="2" s="1"/>
  <c r="G1844" i="2" a="1"/>
  <c r="G1844" i="2" s="1"/>
  <c r="G1850" i="2" a="1"/>
  <c r="G1850" i="2" s="1"/>
  <c r="G1849" i="2" a="1"/>
  <c r="G1849" i="2" s="1"/>
  <c r="G1851" i="2" a="1"/>
  <c r="G1851" i="2" s="1"/>
  <c r="G1842" i="2" a="1"/>
  <c r="G1842" i="2" s="1"/>
  <c r="G1855" i="2" a="1"/>
  <c r="G1855" i="2" s="1"/>
  <c r="G1841" i="2" a="1"/>
  <c r="G1841" i="2" s="1"/>
  <c r="G1838" i="2" a="1"/>
  <c r="G1838" i="2" s="1"/>
  <c r="G1857" i="2" a="1"/>
  <c r="G1857" i="2" s="1"/>
  <c r="G1836" i="2" a="1"/>
  <c r="G1836" i="2" s="1"/>
  <c r="G1843" i="2" a="1"/>
  <c r="G1843" i="2" s="1"/>
  <c r="G1835" i="2" a="1"/>
  <c r="G1835" i="2" s="1"/>
  <c r="G1834" i="2" a="1"/>
  <c r="G1834" i="2" s="1"/>
  <c r="G1848" i="2" a="1"/>
  <c r="G1848" i="2" s="1"/>
  <c r="G1856" i="2" a="1"/>
  <c r="G1856" i="2" s="1"/>
  <c r="G1840" i="2" a="1"/>
  <c r="G1840" i="2" s="1"/>
  <c r="G1846" i="2" a="1"/>
  <c r="G1846" i="2" s="1"/>
  <c r="G1845" i="2" a="1"/>
  <c r="G1845" i="2" s="1"/>
  <c r="G1847" i="2" a="1"/>
  <c r="G1847" i="2" s="1"/>
  <c r="G1839" i="2" a="1"/>
  <c r="G1839" i="2" s="1"/>
  <c r="G1853" i="2" a="1"/>
  <c r="G1853" i="2" s="1"/>
  <c r="D7061" i="2" a="1"/>
  <c r="D7061" i="2" s="1"/>
  <c r="D7063" i="2" a="1"/>
  <c r="D7063" i="2" s="1"/>
  <c r="E5233" i="2" a="1"/>
  <c r="E5233" i="2" s="1"/>
  <c r="E5227" i="2" a="1"/>
  <c r="E5227" i="2" s="1"/>
  <c r="E5241" i="2" a="1"/>
  <c r="E5241" i="2" s="1"/>
  <c r="E5234" i="2" a="1"/>
  <c r="E5234" i="2" s="1"/>
  <c r="E5223" i="2" a="1"/>
  <c r="E5223" i="2" s="1"/>
  <c r="E5236" i="2" a="1"/>
  <c r="E5236" i="2" s="1"/>
  <c r="E5237" i="2" a="1"/>
  <c r="E5237" i="2" s="1"/>
  <c r="E5219" i="2" a="1"/>
  <c r="E5219" i="2" s="1"/>
  <c r="E5239" i="2" a="1"/>
  <c r="E5239" i="2" s="1"/>
  <c r="E5231" i="2" a="1"/>
  <c r="E5231" i="2" s="1"/>
  <c r="E5220" i="2" a="1"/>
  <c r="E5220" i="2" s="1"/>
  <c r="E5229" i="2" a="1"/>
  <c r="E5229" i="2" s="1"/>
  <c r="E5221" i="2" a="1"/>
  <c r="E5221" i="2" s="1"/>
  <c r="E5238" i="2" a="1"/>
  <c r="E5238" i="2" s="1"/>
  <c r="E5240" i="2" a="1"/>
  <c r="E5240" i="2" s="1"/>
  <c r="E5232" i="2" a="1"/>
  <c r="E5232" i="2" s="1"/>
  <c r="E5224" i="2" a="1"/>
  <c r="E5224" i="2" s="1"/>
  <c r="E5230" i="2" a="1"/>
  <c r="E5230" i="2" s="1"/>
  <c r="E5225" i="2" a="1"/>
  <c r="E5225" i="2" s="1"/>
  <c r="E5226" i="2" a="1"/>
  <c r="E5226" i="2" s="1"/>
  <c r="E5228" i="2" a="1"/>
  <c r="E5228" i="2" s="1"/>
  <c r="E5222" i="2" a="1"/>
  <c r="E5222" i="2" s="1"/>
  <c r="E5235" i="2" a="1"/>
  <c r="E5235" i="2" s="1"/>
  <c r="E5218" i="2" a="1"/>
  <c r="E5218" i="2" s="1"/>
  <c r="H349" i="2" a="1"/>
  <c r="H349" i="2" s="1"/>
  <c r="H359" i="2" a="1"/>
  <c r="H359" i="2" s="1"/>
  <c r="H352" i="2" a="1"/>
  <c r="H352" i="2" s="1"/>
  <c r="H350" i="2" a="1"/>
  <c r="H350" i="2" s="1"/>
  <c r="H362" i="2" a="1"/>
  <c r="H362" i="2" s="1"/>
  <c r="H353" i="2" a="1"/>
  <c r="H353" i="2" s="1"/>
  <c r="H361" i="2" a="1"/>
  <c r="H361" i="2" s="1"/>
  <c r="H358" i="2" a="1"/>
  <c r="H358" i="2" s="1"/>
  <c r="H366" i="2" a="1"/>
  <c r="H366" i="2" s="1"/>
  <c r="H365" i="2" a="1"/>
  <c r="H365" i="2" s="1"/>
  <c r="H360" i="2" a="1"/>
  <c r="H360" i="2" s="1"/>
  <c r="H355" i="2" a="1"/>
  <c r="H355" i="2" s="1"/>
  <c r="H364" i="2" a="1"/>
  <c r="H364" i="2" s="1"/>
  <c r="H351" i="2" a="1"/>
  <c r="H351" i="2" s="1"/>
  <c r="H348" i="2" a="1"/>
  <c r="H348" i="2" s="1"/>
  <c r="H357" i="2" a="1"/>
  <c r="H357" i="2" s="1"/>
  <c r="H368" i="2" a="1"/>
  <c r="H368" i="2" s="1"/>
  <c r="H369" i="2" a="1"/>
  <c r="H369" i="2" s="1"/>
  <c r="H347" i="2" a="1"/>
  <c r="H347" i="2" s="1"/>
  <c r="H356" i="2" a="1"/>
  <c r="H356" i="2" s="1"/>
  <c r="H354" i="2" a="1"/>
  <c r="H354" i="2" s="1"/>
  <c r="H346" i="2" a="1"/>
  <c r="H346" i="2" s="1"/>
  <c r="H363" i="2" a="1"/>
  <c r="H363" i="2" s="1"/>
  <c r="H367" i="2" a="1"/>
  <c r="H367" i="2" s="1"/>
  <c r="G2527" i="2" a="1"/>
  <c r="G2527" i="2" s="1"/>
  <c r="G2517" i="2" a="1"/>
  <c r="G2517" i="2" s="1"/>
  <c r="G2511" i="2" a="1"/>
  <c r="G2511" i="2" s="1"/>
  <c r="G2518" i="2" a="1"/>
  <c r="G2518" i="2" s="1"/>
  <c r="G2524" i="2" a="1"/>
  <c r="G2524" i="2" s="1"/>
  <c r="G2514" i="2" a="1"/>
  <c r="G2514" i="2" s="1"/>
  <c r="G2519" i="2" a="1"/>
  <c r="G2519" i="2" s="1"/>
  <c r="G2515" i="2" a="1"/>
  <c r="G2515" i="2" s="1"/>
  <c r="G2507" i="2" a="1"/>
  <c r="G2507" i="2" s="1"/>
  <c r="G2510" i="2" a="1"/>
  <c r="G2510" i="2" s="1"/>
  <c r="G2520" i="2" a="1"/>
  <c r="G2520" i="2" s="1"/>
  <c r="G2521" i="2" a="1"/>
  <c r="G2521" i="2" s="1"/>
  <c r="G2512" i="2" a="1"/>
  <c r="G2512" i="2" s="1"/>
  <c r="G2523" i="2" a="1"/>
  <c r="G2523" i="2" s="1"/>
  <c r="G2513" i="2" a="1"/>
  <c r="G2513" i="2" s="1"/>
  <c r="G2522" i="2" a="1"/>
  <c r="G2522" i="2" s="1"/>
  <c r="G2526" i="2" a="1"/>
  <c r="G2526" i="2" s="1"/>
  <c r="G2529" i="2" a="1"/>
  <c r="G2529" i="2" s="1"/>
  <c r="G2509" i="2" a="1"/>
  <c r="G2509" i="2" s="1"/>
  <c r="G2508" i="2" a="1"/>
  <c r="G2508" i="2" s="1"/>
  <c r="G2525" i="2" a="1"/>
  <c r="G2525" i="2" s="1"/>
  <c r="G2516" i="2" a="1"/>
  <c r="G2516" i="2" s="1"/>
  <c r="G2506" i="2" a="1"/>
  <c r="G2506" i="2" s="1"/>
  <c r="G2528" i="2" a="1"/>
  <c r="G2528" i="2" s="1"/>
  <c r="H2866" i="2" a="1"/>
  <c r="H2866" i="2" s="1"/>
  <c r="H2869" i="2" a="1"/>
  <c r="H2869" i="2" s="1"/>
  <c r="H2889" i="2" a="1"/>
  <c r="H2889" i="2" s="1"/>
  <c r="H2883" i="2" a="1"/>
  <c r="H2883" i="2" s="1"/>
  <c r="H2887" i="2" a="1"/>
  <c r="H2887" i="2" s="1"/>
  <c r="G6064" i="2" a="1"/>
  <c r="G6064" i="2" s="1"/>
  <c r="G6059" i="2" a="1"/>
  <c r="G6059" i="2" s="1"/>
  <c r="G6076" i="2" a="1"/>
  <c r="G6076" i="2" s="1"/>
  <c r="G6065" i="2" a="1"/>
  <c r="G6065" i="2" s="1"/>
  <c r="G6060" i="2" a="1"/>
  <c r="G6060" i="2" s="1"/>
  <c r="G6061" i="2" a="1"/>
  <c r="G6061" i="2" s="1"/>
  <c r="G6066" i="2" a="1"/>
  <c r="G6066" i="2" s="1"/>
  <c r="G6062" i="2" a="1"/>
  <c r="G6062" i="2" s="1"/>
  <c r="G6071" i="2" a="1"/>
  <c r="G6071" i="2" s="1"/>
  <c r="G6080" i="2" a="1"/>
  <c r="G6080" i="2" s="1"/>
  <c r="G6069" i="2" a="1"/>
  <c r="G6069" i="2" s="1"/>
  <c r="G6068" i="2" a="1"/>
  <c r="G6068" i="2" s="1"/>
  <c r="G6072" i="2" a="1"/>
  <c r="G6072" i="2" s="1"/>
  <c r="G6075" i="2" a="1"/>
  <c r="G6075" i="2" s="1"/>
  <c r="G6073" i="2" a="1"/>
  <c r="G6073" i="2" s="1"/>
  <c r="G6081" i="2" a="1"/>
  <c r="G6081" i="2" s="1"/>
  <c r="G6067" i="2" a="1"/>
  <c r="G6067" i="2" s="1"/>
  <c r="G6078" i="2" a="1"/>
  <c r="G6078" i="2" s="1"/>
  <c r="G6070" i="2" a="1"/>
  <c r="G6070" i="2" s="1"/>
  <c r="G6058" i="2" a="1"/>
  <c r="G6058" i="2" s="1"/>
  <c r="G6074" i="2" a="1"/>
  <c r="G6074" i="2" s="1"/>
  <c r="G6079" i="2" a="1"/>
  <c r="G6079" i="2" s="1"/>
  <c r="G6063" i="2" a="1"/>
  <c r="G6063" i="2" s="1"/>
  <c r="G6077" i="2" a="1"/>
  <c r="G6077" i="2" s="1"/>
  <c r="E528" i="2" a="1"/>
  <c r="E528" i="2" s="1"/>
  <c r="E517" i="2" a="1"/>
  <c r="E517" i="2" s="1"/>
  <c r="E514" i="2" a="1"/>
  <c r="E514" i="2" s="1"/>
  <c r="E535" i="2" a="1"/>
  <c r="E535" i="2" s="1"/>
  <c r="E524" i="2" a="1"/>
  <c r="E524" i="2" s="1"/>
  <c r="E529" i="2" a="1"/>
  <c r="E529" i="2" s="1"/>
  <c r="E537" i="2" a="1"/>
  <c r="E537" i="2" s="1"/>
  <c r="E515" i="2" a="1"/>
  <c r="E515" i="2" s="1"/>
  <c r="E519" i="2" a="1"/>
  <c r="E519" i="2" s="1"/>
  <c r="E516" i="2" a="1"/>
  <c r="E516" i="2" s="1"/>
  <c r="E527" i="2" a="1"/>
  <c r="E527" i="2" s="1"/>
  <c r="D4024" i="2" a="1"/>
  <c r="D4024" i="2" s="1"/>
  <c r="D4026" i="2" a="1"/>
  <c r="D4026" i="2" s="1"/>
  <c r="D4032" i="2" a="1"/>
  <c r="D4032" i="2" s="1"/>
  <c r="D4018" i="2" a="1"/>
  <c r="D4018" i="2" s="1"/>
  <c r="D4037" i="2" a="1"/>
  <c r="D4037" i="2" s="1"/>
  <c r="D4036" i="2" a="1"/>
  <c r="D4036" i="2" s="1"/>
  <c r="D4029" i="2" a="1"/>
  <c r="D4029" i="2" s="1"/>
  <c r="D4022" i="2" a="1"/>
  <c r="D4022" i="2" s="1"/>
  <c r="D4041" i="2" a="1"/>
  <c r="D4041" i="2" s="1"/>
  <c r="D4040" i="2" a="1"/>
  <c r="D4040" i="2" s="1"/>
  <c r="D4019" i="2" a="1"/>
  <c r="D4019" i="2" s="1"/>
  <c r="D3686" i="2" a="1"/>
  <c r="D3686" i="2" s="1"/>
  <c r="D3687" i="2" a="1"/>
  <c r="D3687" i="2" s="1"/>
  <c r="D3698" i="2" a="1"/>
  <c r="D3698" i="2" s="1"/>
  <c r="D3690" i="2" a="1"/>
  <c r="D3690" i="2" s="1"/>
  <c r="D3705" i="2" a="1"/>
  <c r="D3705" i="2" s="1"/>
  <c r="D3691" i="2" a="1"/>
  <c r="D3691" i="2" s="1"/>
  <c r="D3702" i="2" a="1"/>
  <c r="D3702" i="2" s="1"/>
  <c r="D3683" i="2" a="1"/>
  <c r="D3683" i="2" s="1"/>
  <c r="F7757" i="2" a="1"/>
  <c r="F7757" i="2" s="1"/>
  <c r="F7747" i="2" a="1"/>
  <c r="F7747" i="2" s="1"/>
  <c r="F7753" i="2" a="1"/>
  <c r="F7753" i="2" s="1"/>
  <c r="F7761" i="2" a="1"/>
  <c r="F7761" i="2" s="1"/>
  <c r="F7758" i="2" a="1"/>
  <c r="F7758" i="2" s="1"/>
  <c r="F7744" i="2" a="1"/>
  <c r="F7744" i="2" s="1"/>
  <c r="F7743" i="2" a="1"/>
  <c r="F7743" i="2" s="1"/>
  <c r="F7755" i="2" a="1"/>
  <c r="F7755" i="2" s="1"/>
  <c r="F7748" i="2" a="1"/>
  <c r="F7748" i="2" s="1"/>
  <c r="F7756" i="2" a="1"/>
  <c r="F7756" i="2" s="1"/>
  <c r="F7759" i="2" a="1"/>
  <c r="F7759" i="2" s="1"/>
  <c r="F7741" i="2" a="1"/>
  <c r="F7741" i="2" s="1"/>
  <c r="F7751" i="2" a="1"/>
  <c r="F7751" i="2" s="1"/>
  <c r="F7745" i="2" a="1"/>
  <c r="F7745" i="2" s="1"/>
  <c r="F7754" i="2" a="1"/>
  <c r="F7754" i="2" s="1"/>
  <c r="F7739" i="2" a="1"/>
  <c r="F7739" i="2" s="1"/>
  <c r="F7740" i="2" a="1"/>
  <c r="F7740" i="2" s="1"/>
  <c r="F7760" i="2" a="1"/>
  <c r="F7760" i="2" s="1"/>
  <c r="F7746" i="2" a="1"/>
  <c r="F7746" i="2" s="1"/>
  <c r="F7749" i="2" a="1"/>
  <c r="F7749" i="2" s="1"/>
  <c r="F7750" i="2" a="1"/>
  <c r="F7750" i="2" s="1"/>
  <c r="F7742" i="2" a="1"/>
  <c r="F7742" i="2" s="1"/>
  <c r="F7752" i="2" a="1"/>
  <c r="F7752" i="2" s="1"/>
  <c r="F7738" i="2" a="1"/>
  <c r="F7738" i="2" s="1"/>
  <c r="H1425" i="2" a="1"/>
  <c r="H1425" i="2" s="1"/>
  <c r="H1418" i="2" a="1"/>
  <c r="H1418" i="2" s="1"/>
  <c r="H1420" i="2" a="1"/>
  <c r="H1420" i="2" s="1"/>
  <c r="H1407" i="2" a="1"/>
  <c r="H1407" i="2" s="1"/>
  <c r="H1405" i="2" a="1"/>
  <c r="H1405" i="2" s="1"/>
  <c r="G1828" i="2" a="1"/>
  <c r="G1828" i="2" s="1"/>
  <c r="G1813" i="2" a="1"/>
  <c r="G1813" i="2" s="1"/>
  <c r="G1833" i="2" a="1"/>
  <c r="G1833" i="2" s="1"/>
  <c r="G1829" i="2" a="1"/>
  <c r="G1829" i="2" s="1"/>
  <c r="G1816" i="2" a="1"/>
  <c r="G1816" i="2" s="1"/>
  <c r="G1818" i="2" a="1"/>
  <c r="G1818" i="2" s="1"/>
  <c r="G1830" i="2" a="1"/>
  <c r="G1830" i="2" s="1"/>
  <c r="G1814" i="2" a="1"/>
  <c r="G1814" i="2" s="1"/>
  <c r="G1811" i="2" a="1"/>
  <c r="G1811" i="2" s="1"/>
  <c r="G1819" i="2" a="1"/>
  <c r="G1819" i="2" s="1"/>
  <c r="G1820" i="2" a="1"/>
  <c r="G1820" i="2" s="1"/>
  <c r="G1831" i="2" a="1"/>
  <c r="G1831" i="2" s="1"/>
  <c r="G1823" i="2" a="1"/>
  <c r="G1823" i="2" s="1"/>
  <c r="G1815" i="2" a="1"/>
  <c r="G1815" i="2" s="1"/>
  <c r="G1825" i="2" a="1"/>
  <c r="G1825" i="2" s="1"/>
  <c r="G1817" i="2" a="1"/>
  <c r="G1817" i="2" s="1"/>
  <c r="G1826" i="2" a="1"/>
  <c r="G1826" i="2" s="1"/>
  <c r="G1821" i="2" a="1"/>
  <c r="G1821" i="2" s="1"/>
  <c r="G1810" i="2" a="1"/>
  <c r="G1810" i="2" s="1"/>
  <c r="G1827" i="2" a="1"/>
  <c r="G1827" i="2" s="1"/>
  <c r="G1832" i="2" a="1"/>
  <c r="G1832" i="2" s="1"/>
  <c r="G1824" i="2" a="1"/>
  <c r="G1824" i="2" s="1"/>
  <c r="G1812" i="2" a="1"/>
  <c r="G1812" i="2" s="1"/>
  <c r="G1822" i="2" a="1"/>
  <c r="G1822" i="2" s="1"/>
  <c r="H6788" i="2" a="1"/>
  <c r="H6788" i="2" s="1"/>
  <c r="H6790" i="2" a="1"/>
  <c r="H6790" i="2" s="1"/>
  <c r="H6786" i="2" a="1"/>
  <c r="H6786" i="2" s="1"/>
  <c r="H6785" i="2" a="1"/>
  <c r="H6785" i="2" s="1"/>
  <c r="F3582" i="2" a="1"/>
  <c r="F3582" i="2" s="1"/>
  <c r="F3564" i="2" a="1"/>
  <c r="F3564" i="2" s="1"/>
  <c r="F3573" i="2" a="1"/>
  <c r="F3573" i="2" s="1"/>
  <c r="F3567" i="2" a="1"/>
  <c r="F3567" i="2" s="1"/>
  <c r="F3569" i="2" a="1"/>
  <c r="F3569" i="2" s="1"/>
  <c r="F3563" i="2" a="1"/>
  <c r="F3563" i="2" s="1"/>
  <c r="F3574" i="2" a="1"/>
  <c r="F3574" i="2" s="1"/>
  <c r="F3570" i="2" a="1"/>
  <c r="F3570" i="2" s="1"/>
  <c r="F3575" i="2" a="1"/>
  <c r="F3575" i="2" s="1"/>
  <c r="F3579" i="2" a="1"/>
  <c r="F3579" i="2" s="1"/>
  <c r="F3584" i="2" a="1"/>
  <c r="F3584" i="2" s="1"/>
  <c r="F3565" i="2" a="1"/>
  <c r="F3565" i="2" s="1"/>
  <c r="F3571" i="2" a="1"/>
  <c r="F3571" i="2" s="1"/>
  <c r="F3566" i="2" a="1"/>
  <c r="F3566" i="2" s="1"/>
  <c r="F3568" i="2" a="1"/>
  <c r="F3568" i="2" s="1"/>
  <c r="F3576" i="2" a="1"/>
  <c r="F3576" i="2" s="1"/>
  <c r="F3580" i="2" a="1"/>
  <c r="F3580" i="2" s="1"/>
  <c r="F3562" i="2" a="1"/>
  <c r="F3562" i="2" s="1"/>
  <c r="F3578" i="2" a="1"/>
  <c r="F3578" i="2" s="1"/>
  <c r="F3572" i="2" a="1"/>
  <c r="F3572" i="2" s="1"/>
  <c r="F3577" i="2" a="1"/>
  <c r="F3577" i="2" s="1"/>
  <c r="F3583" i="2" a="1"/>
  <c r="F3583" i="2" s="1"/>
  <c r="F3585" i="2" a="1"/>
  <c r="F3585" i="2" s="1"/>
  <c r="F3581" i="2" a="1"/>
  <c r="F3581" i="2" s="1"/>
  <c r="F5557" i="2" a="1"/>
  <c r="F5557" i="2" s="1"/>
  <c r="F5566" i="2" a="1"/>
  <c r="F5566" i="2" s="1"/>
  <c r="F5568" i="2" a="1"/>
  <c r="F5568" i="2" s="1"/>
  <c r="F5577" i="2" a="1"/>
  <c r="F5577" i="2" s="1"/>
  <c r="F5562" i="2" a="1"/>
  <c r="F5562" i="2" s="1"/>
  <c r="F5558" i="2" a="1"/>
  <c r="F5558" i="2" s="1"/>
  <c r="F5569" i="2" a="1"/>
  <c r="F5569" i="2" s="1"/>
  <c r="F5559" i="2" a="1"/>
  <c r="F5559" i="2" s="1"/>
  <c r="F5575" i="2" a="1"/>
  <c r="F5575" i="2" s="1"/>
  <c r="F5560" i="2" a="1"/>
  <c r="F5560" i="2" s="1"/>
  <c r="F5572" i="2" a="1"/>
  <c r="F5572" i="2" s="1"/>
  <c r="F5574" i="2" a="1"/>
  <c r="F5574" i="2" s="1"/>
  <c r="F5561" i="2" a="1"/>
  <c r="F5561" i="2" s="1"/>
  <c r="F5573" i="2" a="1"/>
  <c r="F5573" i="2" s="1"/>
  <c r="F5563" i="2" a="1"/>
  <c r="F5563" i="2" s="1"/>
  <c r="F5570" i="2" a="1"/>
  <c r="F5570" i="2" s="1"/>
  <c r="F5554" i="2" a="1"/>
  <c r="F5554" i="2" s="1"/>
  <c r="F5564" i="2" a="1"/>
  <c r="F5564" i="2" s="1"/>
  <c r="F5571" i="2" a="1"/>
  <c r="F5571" i="2" s="1"/>
  <c r="F5555" i="2" a="1"/>
  <c r="F5555" i="2" s="1"/>
  <c r="F5576" i="2" a="1"/>
  <c r="F5576" i="2" s="1"/>
  <c r="F5556" i="2" a="1"/>
  <c r="F5556" i="2" s="1"/>
  <c r="F5565" i="2" a="1"/>
  <c r="F5565" i="2" s="1"/>
  <c r="F5567" i="2" a="1"/>
  <c r="F5567" i="2" s="1"/>
  <c r="AQ18" i="1"/>
  <c r="G24" i="5" s="1"/>
  <c r="AN18" i="1"/>
  <c r="D24" i="5" s="1"/>
  <c r="AP18" i="1"/>
  <c r="F24" i="5" s="1"/>
  <c r="AO18" i="1"/>
  <c r="E24" i="5" s="1"/>
  <c r="AM18" i="1"/>
  <c r="D433" i="2" a="1"/>
  <c r="D433" i="2" s="1"/>
  <c r="D437" i="2" a="1"/>
  <c r="D437" i="2" s="1"/>
  <c r="D441" i="2" a="1"/>
  <c r="D441" i="2" s="1"/>
  <c r="D422" i="2" a="1"/>
  <c r="D422" i="2" s="1"/>
  <c r="D432" i="2" a="1"/>
  <c r="D432" i="2" s="1"/>
  <c r="D418" i="2" a="1"/>
  <c r="D418" i="2" s="1"/>
  <c r="D426" i="2" a="1"/>
  <c r="D426" i="2" s="1"/>
  <c r="D434" i="2" a="1"/>
  <c r="D434" i="2" s="1"/>
  <c r="D440" i="2" a="1"/>
  <c r="D440" i="2" s="1"/>
  <c r="AO159" i="1"/>
  <c r="E165" i="5" s="1"/>
  <c r="AN159" i="1"/>
  <c r="D165" i="5" s="1"/>
  <c r="AQ159" i="1"/>
  <c r="G165" i="5" s="1"/>
  <c r="AP159" i="1"/>
  <c r="F165" i="5" s="1"/>
  <c r="AM159" i="1"/>
  <c r="D3811" i="2" a="1"/>
  <c r="D3811" i="2" s="1"/>
  <c r="D3815" i="2" a="1"/>
  <c r="D3815" i="2" s="1"/>
  <c r="D3819" i="2" a="1"/>
  <c r="D3819" i="2" s="1"/>
  <c r="D3823" i="2" a="1"/>
  <c r="D3823" i="2" s="1"/>
  <c r="D3825" i="2" a="1"/>
  <c r="D3825" i="2" s="1"/>
  <c r="D3812" i="2" a="1"/>
  <c r="D3812" i="2" s="1"/>
  <c r="D3803" i="2" a="1"/>
  <c r="D3803" i="2" s="1"/>
  <c r="D3821" i="2" a="1"/>
  <c r="D3821" i="2" s="1"/>
  <c r="D3805" i="2" a="1"/>
  <c r="D3805" i="2" s="1"/>
  <c r="D3809" i="2" a="1"/>
  <c r="D3809" i="2" s="1"/>
  <c r="D3814" i="2" a="1"/>
  <c r="D3814" i="2" s="1"/>
  <c r="D3802" i="2" a="1"/>
  <c r="D3802" i="2" s="1"/>
  <c r="D3808" i="2" a="1"/>
  <c r="D3808" i="2" s="1"/>
  <c r="D3816" i="2" a="1"/>
  <c r="D3816" i="2" s="1"/>
  <c r="D3817" i="2" a="1"/>
  <c r="D3817" i="2" s="1"/>
  <c r="D3820" i="2" a="1"/>
  <c r="D3820" i="2" s="1"/>
  <c r="D3810" i="2" a="1"/>
  <c r="D3810" i="2" s="1"/>
  <c r="D3813" i="2" a="1"/>
  <c r="D3813" i="2" s="1"/>
  <c r="D3804" i="2" a="1"/>
  <c r="D3804" i="2" s="1"/>
  <c r="D3806" i="2" a="1"/>
  <c r="D3806" i="2" s="1"/>
  <c r="D3807" i="2" a="1"/>
  <c r="D3807" i="2" s="1"/>
  <c r="D3822" i="2" a="1"/>
  <c r="D3822" i="2" s="1"/>
  <c r="D3818" i="2" a="1"/>
  <c r="D3818" i="2" s="1"/>
  <c r="D3824" i="2" a="1"/>
  <c r="D3824" i="2" s="1"/>
  <c r="F1978" i="2" a="1"/>
  <c r="F1978" i="2" s="1"/>
  <c r="F1990" i="2" a="1"/>
  <c r="F1990" i="2" s="1"/>
  <c r="F1988" i="2" a="1"/>
  <c r="F1988" i="2" s="1"/>
  <c r="E4683" i="2" a="1"/>
  <c r="E4683" i="2" s="1"/>
  <c r="E4679" i="2" a="1"/>
  <c r="E4679" i="2" s="1"/>
  <c r="E4669" i="2" a="1"/>
  <c r="E4669" i="2" s="1"/>
  <c r="E4668" i="2" a="1"/>
  <c r="E4668" i="2" s="1"/>
  <c r="E4667" i="2" a="1"/>
  <c r="E4667" i="2" s="1"/>
  <c r="E4685" i="2" a="1"/>
  <c r="E4685" i="2" s="1"/>
  <c r="E4680" i="2" a="1"/>
  <c r="E4680" i="2" s="1"/>
  <c r="E4676" i="2" a="1"/>
  <c r="E4676" i="2" s="1"/>
  <c r="E4684" i="2" a="1"/>
  <c r="E4684" i="2" s="1"/>
  <c r="E4687" i="2" a="1"/>
  <c r="E4687" i="2" s="1"/>
  <c r="E4675" i="2" a="1"/>
  <c r="E4675" i="2" s="1"/>
  <c r="E4689" i="2" a="1"/>
  <c r="E4689" i="2" s="1"/>
  <c r="E4677" i="2" a="1"/>
  <c r="E4677" i="2" s="1"/>
  <c r="E4688" i="2" a="1"/>
  <c r="E4688" i="2" s="1"/>
  <c r="E4681" i="2" a="1"/>
  <c r="E4681" i="2" s="1"/>
  <c r="E4670" i="2" a="1"/>
  <c r="E4670" i="2" s="1"/>
  <c r="E4678" i="2" a="1"/>
  <c r="E4678" i="2" s="1"/>
  <c r="E4682" i="2" a="1"/>
  <c r="E4682" i="2" s="1"/>
  <c r="E4671" i="2" a="1"/>
  <c r="E4671" i="2" s="1"/>
  <c r="E4686" i="2" a="1"/>
  <c r="E4686" i="2" s="1"/>
  <c r="E4672" i="2" a="1"/>
  <c r="E4672" i="2" s="1"/>
  <c r="E4674" i="2" a="1"/>
  <c r="E4674" i="2" s="1"/>
  <c r="E4673" i="2" a="1"/>
  <c r="E4673" i="2" s="1"/>
  <c r="E4666" i="2" a="1"/>
  <c r="E4666" i="2" s="1"/>
  <c r="F7987" i="2" a="1"/>
  <c r="F7987" i="2" s="1"/>
  <c r="F7982" i="2" a="1"/>
  <c r="F7982" i="2" s="1"/>
  <c r="F7992" i="2" a="1"/>
  <c r="F7992" i="2" s="1"/>
  <c r="F7984" i="2" a="1"/>
  <c r="F7984" i="2" s="1"/>
  <c r="F8001" i="2" a="1"/>
  <c r="F8001" i="2" s="1"/>
  <c r="F7983" i="2" a="1"/>
  <c r="F7983" i="2" s="1"/>
  <c r="D5179" i="2" a="1"/>
  <c r="D5179" i="2" s="1"/>
  <c r="D5183" i="2" a="1"/>
  <c r="D5183" i="2" s="1"/>
  <c r="D5182" i="2" a="1"/>
  <c r="D5182" i="2" s="1"/>
  <c r="D5186" i="2" a="1"/>
  <c r="D5186" i="2" s="1"/>
  <c r="D5190" i="2" a="1"/>
  <c r="D5190" i="2" s="1"/>
  <c r="D5173" i="2" a="1"/>
  <c r="D5173" i="2" s="1"/>
  <c r="D5181" i="2" a="1"/>
  <c r="D5181" i="2" s="1"/>
  <c r="AO314" i="1"/>
  <c r="E320" i="5" s="1"/>
  <c r="AN314" i="1"/>
  <c r="D320" i="5" s="1"/>
  <c r="AM314" i="1"/>
  <c r="D7525" i="2" a="1"/>
  <c r="D7525" i="2" s="1"/>
  <c r="D7522" i="2" a="1"/>
  <c r="D7522" i="2" s="1"/>
  <c r="D7530" i="2" a="1"/>
  <c r="D7530" i="2" s="1"/>
  <c r="D7540" i="2" a="1"/>
  <c r="D7540" i="2" s="1"/>
  <c r="D7524" i="2" a="1"/>
  <c r="D7524" i="2" s="1"/>
  <c r="G3926" i="2" a="1"/>
  <c r="G3926" i="2" s="1"/>
  <c r="E6711" i="2" a="1"/>
  <c r="E6711" i="2" s="1"/>
  <c r="E6718" i="2" a="1"/>
  <c r="E6718" i="2" s="1"/>
  <c r="E6709" i="2" a="1"/>
  <c r="E6709" i="2" s="1"/>
  <c r="E6729" i="2" a="1"/>
  <c r="E6729" i="2" s="1"/>
  <c r="E6712" i="2" a="1"/>
  <c r="E6712" i="2" s="1"/>
  <c r="E6719" i="2" a="1"/>
  <c r="E6719" i="2" s="1"/>
  <c r="E6723" i="2" a="1"/>
  <c r="E6723" i="2" s="1"/>
  <c r="E6707" i="2" a="1"/>
  <c r="E6707" i="2" s="1"/>
  <c r="E6725" i="2" a="1"/>
  <c r="E6725" i="2" s="1"/>
  <c r="E6710" i="2" a="1"/>
  <c r="E6710" i="2" s="1"/>
  <c r="E6713" i="2" a="1"/>
  <c r="E6713" i="2" s="1"/>
  <c r="E6706" i="2" a="1"/>
  <c r="E6706" i="2" s="1"/>
  <c r="E6717" i="2" a="1"/>
  <c r="E6717" i="2" s="1"/>
  <c r="E6728" i="2" a="1"/>
  <c r="E6728" i="2" s="1"/>
  <c r="E6715" i="2" a="1"/>
  <c r="E6715" i="2" s="1"/>
  <c r="E6721" i="2" a="1"/>
  <c r="E6721" i="2" s="1"/>
  <c r="E6720" i="2" a="1"/>
  <c r="E6720" i="2" s="1"/>
  <c r="E6722" i="2" a="1"/>
  <c r="E6722" i="2" s="1"/>
  <c r="E6727" i="2" a="1"/>
  <c r="E6727" i="2" s="1"/>
  <c r="E6716" i="2" a="1"/>
  <c r="E6716" i="2" s="1"/>
  <c r="E6724" i="2" a="1"/>
  <c r="E6724" i="2" s="1"/>
  <c r="E6714" i="2" a="1"/>
  <c r="E6714" i="2" s="1"/>
  <c r="E6726" i="2" a="1"/>
  <c r="E6726" i="2" s="1"/>
  <c r="E6708" i="2" a="1"/>
  <c r="E6708" i="2" s="1"/>
  <c r="G3374" i="2" a="1"/>
  <c r="G3374" i="2" s="1"/>
  <c r="G3380" i="2" a="1"/>
  <c r="G3380" i="2" s="1"/>
  <c r="G3392" i="2" a="1"/>
  <c r="G3392" i="2" s="1"/>
  <c r="G3381" i="2" a="1"/>
  <c r="G3381" i="2" s="1"/>
  <c r="G3389" i="2" a="1"/>
  <c r="G3389" i="2" s="1"/>
  <c r="G3383" i="2" a="1"/>
  <c r="G3383" i="2" s="1"/>
  <c r="G3387" i="2" a="1"/>
  <c r="G3387" i="2" s="1"/>
  <c r="G3382" i="2" a="1"/>
  <c r="G3382" i="2" s="1"/>
  <c r="G3370" i="2" a="1"/>
  <c r="G3370" i="2" s="1"/>
  <c r="G3377" i="2" a="1"/>
  <c r="G3377" i="2" s="1"/>
  <c r="G3388" i="2" a="1"/>
  <c r="G3388" i="2" s="1"/>
  <c r="G3379" i="2" a="1"/>
  <c r="G3379" i="2" s="1"/>
  <c r="G3371" i="2" a="1"/>
  <c r="G3371" i="2" s="1"/>
  <c r="G3385" i="2" a="1"/>
  <c r="G3385" i="2" s="1"/>
  <c r="G3391" i="2" a="1"/>
  <c r="G3391" i="2" s="1"/>
  <c r="G3386" i="2" a="1"/>
  <c r="G3386" i="2" s="1"/>
  <c r="G3390" i="2" a="1"/>
  <c r="G3390" i="2" s="1"/>
  <c r="G3378" i="2" a="1"/>
  <c r="G3378" i="2" s="1"/>
  <c r="G3372" i="2" a="1"/>
  <c r="G3372" i="2" s="1"/>
  <c r="G3373" i="2" a="1"/>
  <c r="G3373" i="2" s="1"/>
  <c r="G3384" i="2" a="1"/>
  <c r="G3384" i="2" s="1"/>
  <c r="G3375" i="2" a="1"/>
  <c r="G3375" i="2" s="1"/>
  <c r="G3376" i="2" a="1"/>
  <c r="G3376" i="2" s="1"/>
  <c r="G3393" i="2" a="1"/>
  <c r="G3393" i="2" s="1"/>
  <c r="F2021" i="2" a="1"/>
  <c r="F2021" i="2" s="1"/>
  <c r="F2023" i="2" a="1"/>
  <c r="F2023" i="2" s="1"/>
  <c r="F2011" i="2" a="1"/>
  <c r="F2011" i="2" s="1"/>
  <c r="F2024" i="2" a="1"/>
  <c r="F2024" i="2" s="1"/>
  <c r="F2018" i="2" a="1"/>
  <c r="F2018" i="2" s="1"/>
  <c r="F2022" i="2" a="1"/>
  <c r="F2022" i="2" s="1"/>
  <c r="F2002" i="2" a="1"/>
  <c r="F2002" i="2" s="1"/>
  <c r="F2020" i="2" a="1"/>
  <c r="F2020" i="2" s="1"/>
  <c r="F2007" i="2" a="1"/>
  <c r="F2007" i="2" s="1"/>
  <c r="F2025" i="2" a="1"/>
  <c r="F2025" i="2" s="1"/>
  <c r="F2003" i="2" a="1"/>
  <c r="F2003" i="2" s="1"/>
  <c r="F2005" i="2" a="1"/>
  <c r="F2005" i="2" s="1"/>
  <c r="F2013" i="2" a="1"/>
  <c r="F2013" i="2" s="1"/>
  <c r="F2008" i="2" a="1"/>
  <c r="F2008" i="2" s="1"/>
  <c r="F2019" i="2" a="1"/>
  <c r="F2019" i="2" s="1"/>
  <c r="F2006" i="2" a="1"/>
  <c r="F2006" i="2" s="1"/>
  <c r="F2015" i="2" a="1"/>
  <c r="F2015" i="2" s="1"/>
  <c r="F2016" i="2" a="1"/>
  <c r="F2016" i="2" s="1"/>
  <c r="F2017" i="2" a="1"/>
  <c r="F2017" i="2" s="1"/>
  <c r="F2009" i="2" a="1"/>
  <c r="F2009" i="2" s="1"/>
  <c r="F2010" i="2" a="1"/>
  <c r="F2010" i="2" s="1"/>
  <c r="F2014" i="2" a="1"/>
  <c r="F2014" i="2" s="1"/>
  <c r="F2004" i="2" a="1"/>
  <c r="F2004" i="2" s="1"/>
  <c r="F2012" i="2" a="1"/>
  <c r="F2012" i="2" s="1"/>
  <c r="D8399" i="2" a="1"/>
  <c r="D8399" i="2" s="1"/>
  <c r="D8397" i="2" a="1"/>
  <c r="D8397" i="2" s="1"/>
  <c r="D8386" i="2" a="1"/>
  <c r="D8386" i="2" s="1"/>
  <c r="D8394" i="2" a="1"/>
  <c r="D8394" i="2" s="1"/>
  <c r="D8409" i="2" a="1"/>
  <c r="D8409" i="2" s="1"/>
  <c r="D8400" i="2" a="1"/>
  <c r="D8400" i="2" s="1"/>
  <c r="D8389" i="2" a="1"/>
  <c r="D8389" i="2" s="1"/>
  <c r="D8388" i="2" a="1"/>
  <c r="D8388" i="2" s="1"/>
  <c r="D8406" i="2" a="1"/>
  <c r="D8406" i="2" s="1"/>
  <c r="D8405" i="2" a="1"/>
  <c r="D8405" i="2" s="1"/>
  <c r="D8403" i="2" a="1"/>
  <c r="D8403" i="2" s="1"/>
  <c r="D8390" i="2" a="1"/>
  <c r="D8390" i="2" s="1"/>
  <c r="D8395" i="2" a="1"/>
  <c r="D8395" i="2" s="1"/>
  <c r="D8391" i="2" a="1"/>
  <c r="D8391" i="2" s="1"/>
  <c r="D8404" i="2" a="1"/>
  <c r="D8404" i="2" s="1"/>
  <c r="D8392" i="2" a="1"/>
  <c r="D8392" i="2" s="1"/>
  <c r="D8407" i="2" a="1"/>
  <c r="D8407" i="2" s="1"/>
  <c r="D8393" i="2" a="1"/>
  <c r="D8393" i="2" s="1"/>
  <c r="D8396" i="2" a="1"/>
  <c r="D8396" i="2" s="1"/>
  <c r="D8402" i="2" a="1"/>
  <c r="D8402" i="2" s="1"/>
  <c r="D8398" i="2" a="1"/>
  <c r="D8398" i="2" s="1"/>
  <c r="D8401" i="2" a="1"/>
  <c r="D8401" i="2" s="1"/>
  <c r="D8408" i="2" a="1"/>
  <c r="D8408" i="2" s="1"/>
  <c r="D8387" i="2" a="1"/>
  <c r="D8387" i="2" s="1"/>
  <c r="D4700" i="2" a="1"/>
  <c r="D4700" i="2" s="1"/>
  <c r="D4697" i="2" a="1"/>
  <c r="D4697" i="2" s="1"/>
  <c r="D4704" i="2" a="1"/>
  <c r="D4704" i="2" s="1"/>
  <c r="D4701" i="2" a="1"/>
  <c r="D4701" i="2" s="1"/>
  <c r="D4702" i="2" a="1"/>
  <c r="D4702" i="2" s="1"/>
  <c r="D4711" i="2" a="1"/>
  <c r="D4711" i="2" s="1"/>
  <c r="D4693" i="2" a="1"/>
  <c r="D4693" i="2" s="1"/>
  <c r="D4692" i="2" a="1"/>
  <c r="D4692" i="2" s="1"/>
  <c r="D4695" i="2" a="1"/>
  <c r="D4695" i="2" s="1"/>
  <c r="D4694" i="2" a="1"/>
  <c r="D4694" i="2" s="1"/>
  <c r="D4712" i="2" a="1"/>
  <c r="D4712" i="2" s="1"/>
  <c r="D4708" i="2" a="1"/>
  <c r="D4708" i="2" s="1"/>
  <c r="D4690" i="2" a="1"/>
  <c r="D4690" i="2" s="1"/>
  <c r="D4703" i="2" a="1"/>
  <c r="D4703" i="2" s="1"/>
  <c r="D4707" i="2" a="1"/>
  <c r="D4707" i="2" s="1"/>
  <c r="D4713" i="2" a="1"/>
  <c r="D4713" i="2" s="1"/>
  <c r="D4710" i="2" a="1"/>
  <c r="D4710" i="2" s="1"/>
  <c r="D4691" i="2" a="1"/>
  <c r="D4691" i="2" s="1"/>
  <c r="D4709" i="2" a="1"/>
  <c r="D4709" i="2" s="1"/>
  <c r="D4696" i="2" a="1"/>
  <c r="D4696" i="2" s="1"/>
  <c r="D2362" i="2" a="1"/>
  <c r="D2362" i="2" s="1"/>
  <c r="E2183" i="2" a="1"/>
  <c r="E2183" i="2" s="1"/>
  <c r="E2172" i="2" a="1"/>
  <c r="E2172" i="2" s="1"/>
  <c r="E2184" i="2" a="1"/>
  <c r="E2184" i="2" s="1"/>
  <c r="E2174" i="2" a="1"/>
  <c r="E2174" i="2" s="1"/>
  <c r="E2185" i="2" a="1"/>
  <c r="E2185" i="2" s="1"/>
  <c r="E2189" i="2" a="1"/>
  <c r="E2189" i="2" s="1"/>
  <c r="E2193" i="2" a="1"/>
  <c r="E2193" i="2" s="1"/>
  <c r="E2178" i="2" a="1"/>
  <c r="E2178" i="2" s="1"/>
  <c r="E2186" i="2" a="1"/>
  <c r="E2186" i="2" s="1"/>
  <c r="E2187" i="2" a="1"/>
  <c r="E2187" i="2" s="1"/>
  <c r="E2170" i="2" a="1"/>
  <c r="E2170" i="2" s="1"/>
  <c r="E2180" i="2" a="1"/>
  <c r="E2180" i="2" s="1"/>
  <c r="E2192" i="2" a="1"/>
  <c r="E2192" i="2" s="1"/>
  <c r="E2190" i="2" a="1"/>
  <c r="E2190" i="2" s="1"/>
  <c r="E2175" i="2" a="1"/>
  <c r="E2175" i="2" s="1"/>
  <c r="E2179" i="2" a="1"/>
  <c r="E2179" i="2" s="1"/>
  <c r="E2181" i="2" a="1"/>
  <c r="E2181" i="2" s="1"/>
  <c r="E2173" i="2" a="1"/>
  <c r="E2173" i="2" s="1"/>
  <c r="E2191" i="2" a="1"/>
  <c r="E2191" i="2" s="1"/>
  <c r="E2182" i="2" a="1"/>
  <c r="E2182" i="2" s="1"/>
  <c r="E2177" i="2" a="1"/>
  <c r="E2177" i="2" s="1"/>
  <c r="E2171" i="2" a="1"/>
  <c r="E2171" i="2" s="1"/>
  <c r="E2188" i="2" a="1"/>
  <c r="E2188" i="2" s="1"/>
  <c r="E2176" i="2" a="1"/>
  <c r="E2176" i="2" s="1"/>
  <c r="E5373" i="2" a="1"/>
  <c r="E5373" i="2" s="1"/>
  <c r="E5371" i="2" a="1"/>
  <c r="E5371" i="2" s="1"/>
  <c r="E5363" i="2" a="1"/>
  <c r="E5363" i="2" s="1"/>
  <c r="E5381" i="2" a="1"/>
  <c r="E5381" i="2" s="1"/>
  <c r="E5384" i="2" a="1"/>
  <c r="E5384" i="2" s="1"/>
  <c r="E5375" i="2" a="1"/>
  <c r="E5375" i="2" s="1"/>
  <c r="E5362" i="2" a="1"/>
  <c r="E5362" i="2" s="1"/>
  <c r="E5367" i="2" a="1"/>
  <c r="E5367" i="2" s="1"/>
  <c r="E5366" i="2" a="1"/>
  <c r="E5366" i="2" s="1"/>
  <c r="E5382" i="2" a="1"/>
  <c r="E5382" i="2" s="1"/>
  <c r="E5364" i="2" a="1"/>
  <c r="E5364" i="2" s="1"/>
  <c r="E5370" i="2" a="1"/>
  <c r="E5370" i="2" s="1"/>
  <c r="E5365" i="2" a="1"/>
  <c r="E5365" i="2" s="1"/>
  <c r="E5383" i="2" a="1"/>
  <c r="E5383" i="2" s="1"/>
  <c r="E5372" i="2" a="1"/>
  <c r="E5372" i="2" s="1"/>
  <c r="E5379" i="2" a="1"/>
  <c r="E5379" i="2" s="1"/>
  <c r="E5368" i="2" a="1"/>
  <c r="E5368" i="2" s="1"/>
  <c r="E5378" i="2" a="1"/>
  <c r="E5378" i="2" s="1"/>
  <c r="E5369" i="2" a="1"/>
  <c r="E5369" i="2" s="1"/>
  <c r="E5380" i="2" a="1"/>
  <c r="E5380" i="2" s="1"/>
  <c r="E5376" i="2" a="1"/>
  <c r="E5376" i="2" s="1"/>
  <c r="E5374" i="2" a="1"/>
  <c r="E5374" i="2" s="1"/>
  <c r="H1131" i="2" a="1"/>
  <c r="H1131" i="2" s="1"/>
  <c r="H1130" i="2" a="1"/>
  <c r="H1130" i="2" s="1"/>
  <c r="H1134" i="2" a="1"/>
  <c r="H1134" i="2" s="1"/>
  <c r="H1136" i="2" a="1"/>
  <c r="H1136" i="2" s="1"/>
  <c r="H1132" i="2" a="1"/>
  <c r="H1132" i="2" s="1"/>
  <c r="H1116" i="2" a="1"/>
  <c r="H1116" i="2" s="1"/>
  <c r="H1125" i="2" a="1"/>
  <c r="H1125" i="2" s="1"/>
  <c r="H1137" i="2" a="1"/>
  <c r="H1137" i="2" s="1"/>
  <c r="H1133" i="2" a="1"/>
  <c r="H1133" i="2" s="1"/>
  <c r="H1117" i="2" a="1"/>
  <c r="H1117" i="2" s="1"/>
  <c r="H1126" i="2" a="1"/>
  <c r="H1126" i="2" s="1"/>
  <c r="H1129" i="2" a="1"/>
  <c r="H1129" i="2" s="1"/>
  <c r="H1122" i="2" a="1"/>
  <c r="H1122" i="2" s="1"/>
  <c r="H1123" i="2" a="1"/>
  <c r="H1123" i="2" s="1"/>
  <c r="H1119" i="2" a="1"/>
  <c r="H1119" i="2" s="1"/>
  <c r="H1118" i="2" a="1"/>
  <c r="H1118" i="2" s="1"/>
  <c r="H1121" i="2" a="1"/>
  <c r="H1121" i="2" s="1"/>
  <c r="H1115" i="2" a="1"/>
  <c r="H1115" i="2" s="1"/>
  <c r="H1124" i="2" a="1"/>
  <c r="H1124" i="2" s="1"/>
  <c r="H1135" i="2" a="1"/>
  <c r="H1135" i="2" s="1"/>
  <c r="H1128" i="2" a="1"/>
  <c r="H1128" i="2" s="1"/>
  <c r="H1120" i="2" a="1"/>
  <c r="H1120" i="2" s="1"/>
  <c r="H1127" i="2" a="1"/>
  <c r="H1127" i="2" s="1"/>
  <c r="H1114" i="2" a="1"/>
  <c r="H1114" i="2" s="1"/>
  <c r="G7777" i="2" a="1"/>
  <c r="G7777" i="2" s="1"/>
  <c r="G7778" i="2" a="1"/>
  <c r="G7778" i="2" s="1"/>
  <c r="G7767" i="2" a="1"/>
  <c r="G7767" i="2" s="1"/>
  <c r="G7774" i="2" a="1"/>
  <c r="G7774" i="2" s="1"/>
  <c r="G7785" i="2" a="1"/>
  <c r="G7785" i="2" s="1"/>
  <c r="G7773" i="2" a="1"/>
  <c r="G7773" i="2" s="1"/>
  <c r="G7762" i="2" a="1"/>
  <c r="G7762" i="2" s="1"/>
  <c r="G7766" i="2" a="1"/>
  <c r="G7766" i="2" s="1"/>
  <c r="G7782" i="2" a="1"/>
  <c r="G7782" i="2" s="1"/>
  <c r="G7780" i="2" a="1"/>
  <c r="G7780" i="2" s="1"/>
  <c r="G7771" i="2" a="1"/>
  <c r="G7771" i="2" s="1"/>
  <c r="G7776" i="2" a="1"/>
  <c r="G7776" i="2" s="1"/>
  <c r="G7765" i="2" a="1"/>
  <c r="G7765" i="2" s="1"/>
  <c r="G7784" i="2" a="1"/>
  <c r="G7784" i="2" s="1"/>
  <c r="G7781" i="2" a="1"/>
  <c r="G7781" i="2" s="1"/>
  <c r="G7769" i="2" a="1"/>
  <c r="G7769" i="2" s="1"/>
  <c r="G7770" i="2" a="1"/>
  <c r="G7770" i="2" s="1"/>
  <c r="G7775" i="2" a="1"/>
  <c r="G7775" i="2" s="1"/>
  <c r="G7772" i="2" a="1"/>
  <c r="G7772" i="2" s="1"/>
  <c r="G7763" i="2" a="1"/>
  <c r="G7763" i="2" s="1"/>
  <c r="G7779" i="2" a="1"/>
  <c r="G7779" i="2" s="1"/>
  <c r="G7764" i="2" a="1"/>
  <c r="G7764" i="2" s="1"/>
  <c r="G7783" i="2" a="1"/>
  <c r="G7783" i="2" s="1"/>
  <c r="F1571" i="2" a="1"/>
  <c r="F1571" i="2" s="1"/>
  <c r="F1591" i="2" a="1"/>
  <c r="F1591" i="2" s="1"/>
  <c r="F1574" i="2" a="1"/>
  <c r="F1574" i="2" s="1"/>
  <c r="F1593" i="2" a="1"/>
  <c r="F1593" i="2" s="1"/>
  <c r="F1584" i="2" a="1"/>
  <c r="F1584" i="2" s="1"/>
  <c r="F1573" i="2" a="1"/>
  <c r="F1573" i="2" s="1"/>
  <c r="F1570" i="2" a="1"/>
  <c r="F1570" i="2" s="1"/>
  <c r="F1590" i="2" a="1"/>
  <c r="F1590" i="2" s="1"/>
  <c r="F1577" i="2" a="1"/>
  <c r="F1577" i="2" s="1"/>
  <c r="F1582" i="2" a="1"/>
  <c r="F1582" i="2" s="1"/>
  <c r="F1581" i="2" a="1"/>
  <c r="F1581" i="2" s="1"/>
  <c r="F1585" i="2" a="1"/>
  <c r="F1585" i="2" s="1"/>
  <c r="F1583" i="2" a="1"/>
  <c r="F1583" i="2" s="1"/>
  <c r="F1575" i="2" a="1"/>
  <c r="F1575" i="2" s="1"/>
  <c r="F1579" i="2" a="1"/>
  <c r="F1579" i="2" s="1"/>
  <c r="F1587" i="2" a="1"/>
  <c r="F1587" i="2" s="1"/>
  <c r="F1588" i="2" a="1"/>
  <c r="F1588" i="2" s="1"/>
  <c r="F1580" i="2" a="1"/>
  <c r="F1580" i="2" s="1"/>
  <c r="F1578" i="2" a="1"/>
  <c r="F1578" i="2" s="1"/>
  <c r="F1576" i="2" a="1"/>
  <c r="F1576" i="2" s="1"/>
  <c r="F1589" i="2" a="1"/>
  <c r="F1589" i="2" s="1"/>
  <c r="F1586" i="2" a="1"/>
  <c r="F1586" i="2" s="1"/>
  <c r="F1572" i="2" a="1"/>
  <c r="F1572" i="2" s="1"/>
  <c r="F1592" i="2" a="1"/>
  <c r="F1592" i="2" s="1"/>
  <c r="E8321" i="2" a="1"/>
  <c r="E8321" i="2" s="1"/>
  <c r="E8316" i="2" a="1"/>
  <c r="E8316" i="2" s="1"/>
  <c r="E8335" i="2" a="1"/>
  <c r="E8335" i="2" s="1"/>
  <c r="E8322" i="2" a="1"/>
  <c r="E8322" i="2" s="1"/>
  <c r="E8337" i="2" a="1"/>
  <c r="E8337" i="2" s="1"/>
  <c r="E8331" i="2" a="1"/>
  <c r="E8331" i="2" s="1"/>
  <c r="E8326" i="2" a="1"/>
  <c r="E8326" i="2" s="1"/>
  <c r="E8329" i="2" a="1"/>
  <c r="E8329" i="2" s="1"/>
  <c r="E8332" i="2" a="1"/>
  <c r="E8332" i="2" s="1"/>
  <c r="E8327" i="2" a="1"/>
  <c r="E8327" i="2" s="1"/>
  <c r="E8315" i="2" a="1"/>
  <c r="E8315" i="2" s="1"/>
  <c r="E8333" i="2" a="1"/>
  <c r="E8333" i="2" s="1"/>
  <c r="E8328" i="2" a="1"/>
  <c r="E8328" i="2" s="1"/>
  <c r="E8334" i="2" a="1"/>
  <c r="E8334" i="2" s="1"/>
  <c r="E8325" i="2" a="1"/>
  <c r="E8325" i="2" s="1"/>
  <c r="E8319" i="2" a="1"/>
  <c r="E8319" i="2" s="1"/>
  <c r="E8330" i="2" a="1"/>
  <c r="E8330" i="2" s="1"/>
  <c r="E8318" i="2" a="1"/>
  <c r="E8318" i="2" s="1"/>
  <c r="E8320" i="2" a="1"/>
  <c r="E8320" i="2" s="1"/>
  <c r="E8336" i="2" a="1"/>
  <c r="E8336" i="2" s="1"/>
  <c r="E8314" i="2" a="1"/>
  <c r="E8314" i="2" s="1"/>
  <c r="E8324" i="2" a="1"/>
  <c r="E8324" i="2" s="1"/>
  <c r="E8323" i="2" a="1"/>
  <c r="E8323" i="2" s="1"/>
  <c r="E8317" i="2" a="1"/>
  <c r="E8317" i="2" s="1"/>
  <c r="H3327" i="2" a="1"/>
  <c r="H3327" i="2" s="1"/>
  <c r="H3333" i="2" a="1"/>
  <c r="H3333" i="2" s="1"/>
  <c r="H3322" i="2" a="1"/>
  <c r="H3322" i="2" s="1"/>
  <c r="H3328" i="2" a="1"/>
  <c r="H3328" i="2" s="1"/>
  <c r="E7505" i="2" a="1"/>
  <c r="E7505" i="2" s="1"/>
  <c r="E7515" i="2" a="1"/>
  <c r="E7515" i="2" s="1"/>
  <c r="E7498" i="2" a="1"/>
  <c r="E7498" i="2" s="1"/>
  <c r="E7502" i="2" a="1"/>
  <c r="E7502" i="2" s="1"/>
  <c r="E7499" i="2" a="1"/>
  <c r="E7499" i="2" s="1"/>
  <c r="D7477" i="2" a="1"/>
  <c r="D7477" i="2" s="1"/>
  <c r="D7485" i="2" a="1"/>
  <c r="D7485" i="2" s="1"/>
  <c r="D7489" i="2" a="1"/>
  <c r="D7489" i="2" s="1"/>
  <c r="D7497" i="2" a="1"/>
  <c r="D7497" i="2" s="1"/>
  <c r="D7482" i="2" a="1"/>
  <c r="D7482" i="2" s="1"/>
  <c r="D305" i="2" a="1"/>
  <c r="D305" i="2" s="1"/>
  <c r="D320" i="2" a="1"/>
  <c r="D320" i="2" s="1"/>
  <c r="E4640" i="2" a="1"/>
  <c r="E4640" i="2" s="1"/>
  <c r="E4620" i="2" a="1"/>
  <c r="E4620" i="2" s="1"/>
  <c r="E4628" i="2" a="1"/>
  <c r="E4628" i="2" s="1"/>
  <c r="E4629" i="2" a="1"/>
  <c r="E4629" i="2" s="1"/>
  <c r="E4636" i="2" a="1"/>
  <c r="E4636" i="2" s="1"/>
  <c r="E4634" i="2" a="1"/>
  <c r="E4634" i="2" s="1"/>
  <c r="E4618" i="2" a="1"/>
  <c r="E4618" i="2" s="1"/>
  <c r="E4621" i="2" a="1"/>
  <c r="E4621" i="2" s="1"/>
  <c r="E4627" i="2" a="1"/>
  <c r="E4627" i="2" s="1"/>
  <c r="E4630" i="2" a="1"/>
  <c r="E4630" i="2" s="1"/>
  <c r="E4633" i="2" a="1"/>
  <c r="E4633" i="2" s="1"/>
  <c r="E4637" i="2" a="1"/>
  <c r="E4637" i="2" s="1"/>
  <c r="E4638" i="2" a="1"/>
  <c r="E4638" i="2" s="1"/>
  <c r="E4641" i="2" a="1"/>
  <c r="E4641" i="2" s="1"/>
  <c r="E4623" i="2" a="1"/>
  <c r="E4623" i="2" s="1"/>
  <c r="E4635" i="2" a="1"/>
  <c r="E4635" i="2" s="1"/>
  <c r="E4624" i="2" a="1"/>
  <c r="E4624" i="2" s="1"/>
  <c r="E4639" i="2" a="1"/>
  <c r="E4639" i="2" s="1"/>
  <c r="E4625" i="2" a="1"/>
  <c r="E4625" i="2" s="1"/>
  <c r="E4631" i="2" a="1"/>
  <c r="E4631" i="2" s="1"/>
  <c r="E4632" i="2" a="1"/>
  <c r="E4632" i="2" s="1"/>
  <c r="E4626" i="2" a="1"/>
  <c r="E4626" i="2" s="1"/>
  <c r="E4622" i="2" a="1"/>
  <c r="E4622" i="2" s="1"/>
  <c r="E4619" i="2" a="1"/>
  <c r="E4619" i="2" s="1"/>
  <c r="F6606" i="2" a="1"/>
  <c r="F6606" i="2" s="1"/>
  <c r="F6587" i="2" a="1"/>
  <c r="F6587" i="2" s="1"/>
  <c r="F6595" i="2" a="1"/>
  <c r="F6595" i="2" s="1"/>
  <c r="F6599" i="2" a="1"/>
  <c r="F6599" i="2" s="1"/>
  <c r="F6590" i="2" a="1"/>
  <c r="F6590" i="2" s="1"/>
  <c r="F6607" i="2" a="1"/>
  <c r="F6607" i="2" s="1"/>
  <c r="F6588" i="2" a="1"/>
  <c r="F6588" i="2" s="1"/>
  <c r="F6596" i="2" a="1"/>
  <c r="F6596" i="2" s="1"/>
  <c r="F6600" i="2" a="1"/>
  <c r="F6600" i="2" s="1"/>
  <c r="F6591" i="2" a="1"/>
  <c r="F6591" i="2" s="1"/>
  <c r="F6604" i="2" a="1"/>
  <c r="F6604" i="2" s="1"/>
  <c r="F6589" i="2" a="1"/>
  <c r="F6589" i="2" s="1"/>
  <c r="F6593" i="2" a="1"/>
  <c r="F6593" i="2" s="1"/>
  <c r="F6601" i="2" a="1"/>
  <c r="F6601" i="2" s="1"/>
  <c r="F6609" i="2" a="1"/>
  <c r="F6609" i="2" s="1"/>
  <c r="F6586" i="2" a="1"/>
  <c r="F6586" i="2" s="1"/>
  <c r="F6597" i="2" a="1"/>
  <c r="F6597" i="2" s="1"/>
  <c r="F6598" i="2" a="1"/>
  <c r="F6598" i="2" s="1"/>
  <c r="F6605" i="2" a="1"/>
  <c r="F6605" i="2" s="1"/>
  <c r="F6608" i="2" a="1"/>
  <c r="F6608" i="2" s="1"/>
  <c r="F6602" i="2" a="1"/>
  <c r="F6602" i="2" s="1"/>
  <c r="F6603" i="2" a="1"/>
  <c r="F6603" i="2" s="1"/>
  <c r="F6592" i="2" a="1"/>
  <c r="F6592" i="2" s="1"/>
  <c r="F6594" i="2" a="1"/>
  <c r="F6594" i="2" s="1"/>
  <c r="G7369" i="2" a="1"/>
  <c r="G7369" i="2" s="1"/>
  <c r="G7355" i="2" a="1"/>
  <c r="G7355" i="2" s="1"/>
  <c r="AP125" i="1"/>
  <c r="F131" i="5" s="1"/>
  <c r="AN125" i="1"/>
  <c r="D131" i="5" s="1"/>
  <c r="AO125" i="1"/>
  <c r="E131" i="5" s="1"/>
  <c r="AM125" i="1"/>
  <c r="D2996" i="2" a="1"/>
  <c r="D2996" i="2" s="1"/>
  <c r="D3000" i="2" a="1"/>
  <c r="D3000" i="2" s="1"/>
  <c r="D2998" i="2" a="1"/>
  <c r="D2998" i="2" s="1"/>
  <c r="D2994" i="2" a="1"/>
  <c r="D2994" i="2" s="1"/>
  <c r="D2989" i="2" a="1"/>
  <c r="D2989" i="2" s="1"/>
  <c r="D3002" i="2" a="1"/>
  <c r="D3002" i="2" s="1"/>
  <c r="E2598" i="2" a="1"/>
  <c r="E2598" i="2" s="1"/>
  <c r="E2581" i="2" a="1"/>
  <c r="E2581" i="2" s="1"/>
  <c r="E2580" i="2" a="1"/>
  <c r="E2580" i="2" s="1"/>
  <c r="E2588" i="2" a="1"/>
  <c r="E2588" i="2" s="1"/>
  <c r="E2592" i="2" a="1"/>
  <c r="E2592" i="2" s="1"/>
  <c r="E2589" i="2" a="1"/>
  <c r="E2589" i="2" s="1"/>
  <c r="E2586" i="2" a="1"/>
  <c r="E2586" i="2" s="1"/>
  <c r="E2596" i="2" a="1"/>
  <c r="E2596" i="2" s="1"/>
  <c r="E2600" i="2" a="1"/>
  <c r="E2600" i="2" s="1"/>
  <c r="E2587" i="2" a="1"/>
  <c r="E2587" i="2" s="1"/>
  <c r="E2582" i="2" a="1"/>
  <c r="E2582" i="2" s="1"/>
  <c r="E2601" i="2" a="1"/>
  <c r="E2601" i="2" s="1"/>
  <c r="E2593" i="2" a="1"/>
  <c r="E2593" i="2" s="1"/>
  <c r="E2579" i="2" a="1"/>
  <c r="E2579" i="2" s="1"/>
  <c r="E2578" i="2" a="1"/>
  <c r="E2578" i="2" s="1"/>
  <c r="E2591" i="2" a="1"/>
  <c r="E2591" i="2" s="1"/>
  <c r="E2594" i="2" a="1"/>
  <c r="E2594" i="2" s="1"/>
  <c r="E2595" i="2" a="1"/>
  <c r="E2595" i="2" s="1"/>
  <c r="E2583" i="2" a="1"/>
  <c r="E2583" i="2" s="1"/>
  <c r="E2599" i="2" a="1"/>
  <c r="E2599" i="2" s="1"/>
  <c r="E2584" i="2" a="1"/>
  <c r="E2584" i="2" s="1"/>
  <c r="E2597" i="2" a="1"/>
  <c r="E2597" i="2" s="1"/>
  <c r="E2590" i="2" a="1"/>
  <c r="E2590" i="2" s="1"/>
  <c r="E2585" i="2" a="1"/>
  <c r="E2585" i="2" s="1"/>
  <c r="F4073" i="2" a="1"/>
  <c r="F4073" i="2" s="1"/>
  <c r="F4085" i="2" a="1"/>
  <c r="F4085" i="2" s="1"/>
  <c r="F4080" i="2" a="1"/>
  <c r="F4080" i="2" s="1"/>
  <c r="F4086" i="2" a="1"/>
  <c r="F4086" i="2" s="1"/>
  <c r="F4083" i="2" a="1"/>
  <c r="F4083" i="2" s="1"/>
  <c r="F4081" i="2" a="1"/>
  <c r="F4081" i="2" s="1"/>
  <c r="F4069" i="2" a="1"/>
  <c r="F4069" i="2" s="1"/>
  <c r="F4077" i="2" a="1"/>
  <c r="F4077" i="2" s="1"/>
  <c r="F4082" i="2" a="1"/>
  <c r="F4082" i="2" s="1"/>
  <c r="F4089" i="2" a="1"/>
  <c r="F4089" i="2" s="1"/>
  <c r="F4066" i="2" a="1"/>
  <c r="F4066" i="2" s="1"/>
  <c r="F4071" i="2" a="1"/>
  <c r="F4071" i="2" s="1"/>
  <c r="F4068" i="2" a="1"/>
  <c r="F4068" i="2" s="1"/>
  <c r="F4072" i="2" a="1"/>
  <c r="F4072" i="2" s="1"/>
  <c r="F4088" i="2" a="1"/>
  <c r="F4088" i="2" s="1"/>
  <c r="F4070" i="2" a="1"/>
  <c r="F4070" i="2" s="1"/>
  <c r="F4074" i="2" a="1"/>
  <c r="F4074" i="2" s="1"/>
  <c r="F4087" i="2" a="1"/>
  <c r="F4087" i="2" s="1"/>
  <c r="F4076" i="2" a="1"/>
  <c r="F4076" i="2" s="1"/>
  <c r="F4078" i="2" a="1"/>
  <c r="F4078" i="2" s="1"/>
  <c r="F4075" i="2" a="1"/>
  <c r="F4075" i="2" s="1"/>
  <c r="F4084" i="2" a="1"/>
  <c r="F4084" i="2" s="1"/>
  <c r="F4067" i="2" a="1"/>
  <c r="F4067" i="2" s="1"/>
  <c r="F4079" i="2" a="1"/>
  <c r="F4079" i="2" s="1"/>
  <c r="H7543" i="2" a="1"/>
  <c r="H7543" i="2" s="1"/>
  <c r="H7530" i="2" a="1"/>
  <c r="H7530" i="2" s="1"/>
  <c r="H7526" i="2" a="1"/>
  <c r="H7526" i="2" s="1"/>
  <c r="H7523" i="2" a="1"/>
  <c r="H7523" i="2" s="1"/>
  <c r="H7544" i="2" a="1"/>
  <c r="H7544" i="2" s="1"/>
  <c r="H7540" i="2" a="1"/>
  <c r="H7540" i="2" s="1"/>
  <c r="H7527" i="2" a="1"/>
  <c r="H7527" i="2" s="1"/>
  <c r="H7531" i="2" a="1"/>
  <c r="H7531" i="2" s="1"/>
  <c r="H7535" i="2" a="1"/>
  <c r="H7535" i="2" s="1"/>
  <c r="H7541" i="2" a="1"/>
  <c r="H7541" i="2" s="1"/>
  <c r="H7537" i="2" a="1"/>
  <c r="H7537" i="2" s="1"/>
  <c r="H7536" i="2" a="1"/>
  <c r="H7536" i="2" s="1"/>
  <c r="H7532" i="2" a="1"/>
  <c r="H7532" i="2" s="1"/>
  <c r="H7538" i="2" a="1"/>
  <c r="H7538" i="2" s="1"/>
  <c r="H7545" i="2" a="1"/>
  <c r="H7545" i="2" s="1"/>
  <c r="H7542" i="2" a="1"/>
  <c r="H7542" i="2" s="1"/>
  <c r="H7522" i="2" a="1"/>
  <c r="H7522" i="2" s="1"/>
  <c r="H7525" i="2" a="1"/>
  <c r="H7525" i="2" s="1"/>
  <c r="H7533" i="2" a="1"/>
  <c r="H7533" i="2" s="1"/>
  <c r="H7539" i="2" a="1"/>
  <c r="H7539" i="2" s="1"/>
  <c r="H7529" i="2" a="1"/>
  <c r="H7529" i="2" s="1"/>
  <c r="H7528" i="2" a="1"/>
  <c r="H7528" i="2" s="1"/>
  <c r="H7534" i="2" a="1"/>
  <c r="H7534" i="2" s="1"/>
  <c r="H7524" i="2" a="1"/>
  <c r="H7524" i="2" s="1"/>
  <c r="H7973" i="2" a="1"/>
  <c r="H7973" i="2" s="1"/>
  <c r="H7967" i="2" a="1"/>
  <c r="H7967" i="2" s="1"/>
  <c r="H7975" i="2" a="1"/>
  <c r="H7975" i="2" s="1"/>
  <c r="H7954" i="2" a="1"/>
  <c r="H7954" i="2" s="1"/>
  <c r="H7955" i="2" a="1"/>
  <c r="H7955" i="2" s="1"/>
  <c r="H7976" i="2" a="1"/>
  <c r="H7976" i="2" s="1"/>
  <c r="H7963" i="2" a="1"/>
  <c r="H7963" i="2" s="1"/>
  <c r="H7974" i="2" a="1"/>
  <c r="H7974" i="2" s="1"/>
  <c r="H7957" i="2" a="1"/>
  <c r="H7957" i="2" s="1"/>
  <c r="H7964" i="2" a="1"/>
  <c r="H7964" i="2" s="1"/>
  <c r="H7977" i="2" a="1"/>
  <c r="H7977" i="2" s="1"/>
  <c r="H7969" i="2" a="1"/>
  <c r="H7969" i="2" s="1"/>
  <c r="H7958" i="2" a="1"/>
  <c r="H7958" i="2" s="1"/>
  <c r="H7970" i="2" a="1"/>
  <c r="H7970" i="2" s="1"/>
  <c r="H7959" i="2" a="1"/>
  <c r="H7959" i="2" s="1"/>
  <c r="H7971" i="2" a="1"/>
  <c r="H7971" i="2" s="1"/>
  <c r="H7956" i="2" a="1"/>
  <c r="H7956" i="2" s="1"/>
  <c r="H7961" i="2" a="1"/>
  <c r="H7961" i="2" s="1"/>
  <c r="H7960" i="2" a="1"/>
  <c r="H7960" i="2" s="1"/>
  <c r="H7968" i="2" a="1"/>
  <c r="H7968" i="2" s="1"/>
  <c r="H7966" i="2" a="1"/>
  <c r="H7966" i="2" s="1"/>
  <c r="H7972" i="2" a="1"/>
  <c r="H7972" i="2" s="1"/>
  <c r="H7962" i="2" a="1"/>
  <c r="H7962" i="2" s="1"/>
  <c r="H7965" i="2" a="1"/>
  <c r="H7965" i="2" s="1"/>
  <c r="G739" i="2" a="1"/>
  <c r="G739" i="2" s="1"/>
  <c r="G732" i="2" a="1"/>
  <c r="G732" i="2" s="1"/>
  <c r="G741" i="2" a="1"/>
  <c r="G741" i="2" s="1"/>
  <c r="G734" i="2" a="1"/>
  <c r="G734" i="2" s="1"/>
  <c r="G747" i="2" a="1"/>
  <c r="G747" i="2" s="1"/>
  <c r="G745" i="2" a="1"/>
  <c r="G745" i="2" s="1"/>
  <c r="G748" i="2" a="1"/>
  <c r="G748" i="2" s="1"/>
  <c r="G733" i="2" a="1"/>
  <c r="G733" i="2" s="1"/>
  <c r="G749" i="2" a="1"/>
  <c r="G749" i="2" s="1"/>
  <c r="G744" i="2" a="1"/>
  <c r="G744" i="2" s="1"/>
  <c r="G736" i="2" a="1"/>
  <c r="G736" i="2" s="1"/>
  <c r="G740" i="2" a="1"/>
  <c r="G740" i="2" s="1"/>
  <c r="G738" i="2" a="1"/>
  <c r="G738" i="2" s="1"/>
  <c r="G753" i="2" a="1"/>
  <c r="G753" i="2" s="1"/>
  <c r="G730" i="2" a="1"/>
  <c r="G730" i="2" s="1"/>
  <c r="G742" i="2" a="1"/>
  <c r="G742" i="2" s="1"/>
  <c r="G735" i="2" a="1"/>
  <c r="G735" i="2" s="1"/>
  <c r="G746" i="2" a="1"/>
  <c r="G746" i="2" s="1"/>
  <c r="G737" i="2" a="1"/>
  <c r="G737" i="2" s="1"/>
  <c r="G751" i="2" a="1"/>
  <c r="G751" i="2" s="1"/>
  <c r="G752" i="2" a="1"/>
  <c r="G752" i="2" s="1"/>
  <c r="G743" i="2" a="1"/>
  <c r="G743" i="2" s="1"/>
  <c r="F8684" i="2" a="1"/>
  <c r="F8684" i="2" s="1"/>
  <c r="D2743" i="2" a="1"/>
  <c r="D2743" i="2" s="1"/>
  <c r="F8200" i="2" a="1"/>
  <c r="F8200" i="2" s="1"/>
  <c r="F8208" i="2" a="1"/>
  <c r="F8208" i="2" s="1"/>
  <c r="H3441" i="2" a="1"/>
  <c r="H3441" i="2" s="1"/>
  <c r="H3424" i="2" a="1"/>
  <c r="H3424" i="2" s="1"/>
  <c r="H3421" i="2" a="1"/>
  <c r="H3421" i="2" s="1"/>
  <c r="H3437" i="2" a="1"/>
  <c r="H3437" i="2" s="1"/>
  <c r="H3428" i="2" a="1"/>
  <c r="H3428" i="2" s="1"/>
  <c r="H3436" i="2" a="1"/>
  <c r="H3436" i="2" s="1"/>
  <c r="H3419" i="2" a="1"/>
  <c r="H3419" i="2" s="1"/>
  <c r="H3434" i="2" a="1"/>
  <c r="H3434" i="2" s="1"/>
  <c r="H3420" i="2" a="1"/>
  <c r="H3420" i="2" s="1"/>
  <c r="H3430" i="2" a="1"/>
  <c r="H3430" i="2" s="1"/>
  <c r="H3429" i="2" a="1"/>
  <c r="H3429" i="2" s="1"/>
  <c r="H3440" i="2" a="1"/>
  <c r="H3440" i="2" s="1"/>
  <c r="H3438" i="2" a="1"/>
  <c r="H3438" i="2" s="1"/>
  <c r="H3439" i="2" a="1"/>
  <c r="H3439" i="2" s="1"/>
  <c r="H3423" i="2" a="1"/>
  <c r="H3423" i="2" s="1"/>
  <c r="H3432" i="2" a="1"/>
  <c r="H3432" i="2" s="1"/>
  <c r="H3425" i="2" a="1"/>
  <c r="H3425" i="2" s="1"/>
  <c r="H3435" i="2" a="1"/>
  <c r="H3435" i="2" s="1"/>
  <c r="H3418" i="2" a="1"/>
  <c r="H3418" i="2" s="1"/>
  <c r="H3433" i="2" a="1"/>
  <c r="H3433" i="2" s="1"/>
  <c r="H3427" i="2" a="1"/>
  <c r="H3427" i="2" s="1"/>
  <c r="H3431" i="2" a="1"/>
  <c r="H3431" i="2" s="1"/>
  <c r="H3426" i="2" a="1"/>
  <c r="H3426" i="2" s="1"/>
  <c r="H3422" i="2" a="1"/>
  <c r="H3422" i="2" s="1"/>
  <c r="F6285" i="2" a="1"/>
  <c r="F6285" i="2" s="1"/>
  <c r="F6278" i="2" a="1"/>
  <c r="F6278" i="2" s="1"/>
  <c r="F6286" i="2" a="1"/>
  <c r="F6286" i="2" s="1"/>
  <c r="F6279" i="2" a="1"/>
  <c r="F6279" i="2" s="1"/>
  <c r="F6287" i="2" a="1"/>
  <c r="F6287" i="2" s="1"/>
  <c r="F6280" i="2" a="1"/>
  <c r="F6280" i="2" s="1"/>
  <c r="F6275" i="2" a="1"/>
  <c r="F6275" i="2" s="1"/>
  <c r="F6292" i="2" a="1"/>
  <c r="F6292" i="2" s="1"/>
  <c r="F6282" i="2" a="1"/>
  <c r="F6282" i="2" s="1"/>
  <c r="F6283" i="2" a="1"/>
  <c r="F6283" i="2" s="1"/>
  <c r="F6294" i="2" a="1"/>
  <c r="F6294" i="2" s="1"/>
  <c r="F6288" i="2" a="1"/>
  <c r="F6288" i="2" s="1"/>
  <c r="F6290" i="2" a="1"/>
  <c r="F6290" i="2" s="1"/>
  <c r="F6295" i="2" a="1"/>
  <c r="F6295" i="2" s="1"/>
  <c r="F6289" i="2" a="1"/>
  <c r="F6289" i="2" s="1"/>
  <c r="F6284" i="2" a="1"/>
  <c r="F6284" i="2" s="1"/>
  <c r="F6276" i="2" a="1"/>
  <c r="F6276" i="2" s="1"/>
  <c r="F6296" i="2" a="1"/>
  <c r="F6296" i="2" s="1"/>
  <c r="F6277" i="2" a="1"/>
  <c r="F6277" i="2" s="1"/>
  <c r="F6297" i="2" a="1"/>
  <c r="F6297" i="2" s="1"/>
  <c r="F6293" i="2" a="1"/>
  <c r="F6293" i="2" s="1"/>
  <c r="F6291" i="2" a="1"/>
  <c r="F6291" i="2" s="1"/>
  <c r="F6281" i="2" a="1"/>
  <c r="F6281" i="2" s="1"/>
  <c r="F6274" i="2" a="1"/>
  <c r="F6274" i="2" s="1"/>
  <c r="H7799" i="2" a="1"/>
  <c r="H7799" i="2" s="1"/>
  <c r="H7805" i="2" a="1"/>
  <c r="H7805" i="2" s="1"/>
  <c r="H7806" i="2" a="1"/>
  <c r="H7806" i="2" s="1"/>
  <c r="H7807" i="2" a="1"/>
  <c r="H7807" i="2" s="1"/>
  <c r="H7809" i="2" a="1"/>
  <c r="H7809" i="2" s="1"/>
  <c r="H7801" i="2" a="1"/>
  <c r="H7801" i="2" s="1"/>
  <c r="H7790" i="2" a="1"/>
  <c r="H7790" i="2" s="1"/>
  <c r="H7787" i="2" a="1"/>
  <c r="H7787" i="2" s="1"/>
  <c r="H7802" i="2" a="1"/>
  <c r="H7802" i="2" s="1"/>
  <c r="H7791" i="2" a="1"/>
  <c r="H7791" i="2" s="1"/>
  <c r="H7788" i="2" a="1"/>
  <c r="H7788" i="2" s="1"/>
  <c r="H7798" i="2" a="1"/>
  <c r="H7798" i="2" s="1"/>
  <c r="H7792" i="2" a="1"/>
  <c r="H7792" i="2" s="1"/>
  <c r="H7794" i="2" a="1"/>
  <c r="H7794" i="2" s="1"/>
  <c r="H7803" i="2" a="1"/>
  <c r="H7803" i="2" s="1"/>
  <c r="H7795" i="2" a="1"/>
  <c r="H7795" i="2" s="1"/>
  <c r="H7800" i="2" a="1"/>
  <c r="H7800" i="2" s="1"/>
  <c r="H7786" i="2" a="1"/>
  <c r="H7786" i="2" s="1"/>
  <c r="H7804" i="2" a="1"/>
  <c r="H7804" i="2" s="1"/>
  <c r="H7793" i="2" a="1"/>
  <c r="H7793" i="2" s="1"/>
  <c r="H7796" i="2" a="1"/>
  <c r="H7796" i="2" s="1"/>
  <c r="H7797" i="2" a="1"/>
  <c r="H7797" i="2" s="1"/>
  <c r="H7789" i="2" a="1"/>
  <c r="H7789" i="2" s="1"/>
  <c r="H7808" i="2" a="1"/>
  <c r="H7808" i="2" s="1"/>
  <c r="F8715" i="2" a="1"/>
  <c r="F8715" i="2" s="1"/>
  <c r="F8708" i="2" a="1"/>
  <c r="F8708" i="2" s="1"/>
  <c r="F8720" i="2" a="1"/>
  <c r="F8720" i="2" s="1"/>
  <c r="F8706" i="2" a="1"/>
  <c r="F8706" i="2" s="1"/>
  <c r="H3290" i="2" a="1"/>
  <c r="H3290" i="2" s="1"/>
  <c r="H3282" i="2" a="1"/>
  <c r="H3282" i="2" s="1"/>
  <c r="H3274" i="2" a="1"/>
  <c r="H3274" i="2" s="1"/>
  <c r="H3277" i="2" a="1"/>
  <c r="H3277" i="2" s="1"/>
  <c r="H3293" i="2" a="1"/>
  <c r="H3293" i="2" s="1"/>
  <c r="G6101" i="2" a="1"/>
  <c r="G6101" i="2" s="1"/>
  <c r="G6082" i="2" a="1"/>
  <c r="G6082" i="2" s="1"/>
  <c r="G6086" i="2" a="1"/>
  <c r="G6086" i="2" s="1"/>
  <c r="G6084" i="2" a="1"/>
  <c r="G6084" i="2" s="1"/>
  <c r="G6102" i="2" a="1"/>
  <c r="G6102" i="2" s="1"/>
  <c r="H4481" i="2" a="1"/>
  <c r="H4481" i="2" s="1"/>
  <c r="H4478" i="2" a="1"/>
  <c r="H4478" i="2" s="1"/>
  <c r="E2109" i="2" a="1"/>
  <c r="E2109" i="2" s="1"/>
  <c r="E2121" i="2" a="1"/>
  <c r="E2121" i="2" s="1"/>
  <c r="E2110" i="2" a="1"/>
  <c r="E2110" i="2" s="1"/>
  <c r="E2106" i="2" a="1"/>
  <c r="E2106" i="2" s="1"/>
  <c r="E2116" i="2" a="1"/>
  <c r="E2116" i="2" s="1"/>
  <c r="E2118" i="2" a="1"/>
  <c r="E2118" i="2" s="1"/>
  <c r="E2103" i="2" a="1"/>
  <c r="E2103" i="2" s="1"/>
  <c r="E2107" i="2" a="1"/>
  <c r="E2107" i="2" s="1"/>
  <c r="E2114" i="2" a="1"/>
  <c r="E2114" i="2" s="1"/>
  <c r="E2104" i="2" a="1"/>
  <c r="E2104" i="2" s="1"/>
  <c r="E2112" i="2" a="1"/>
  <c r="E2112" i="2" s="1"/>
  <c r="E2099" i="2" a="1"/>
  <c r="E2099" i="2" s="1"/>
  <c r="E2101" i="2" a="1"/>
  <c r="E2101" i="2" s="1"/>
  <c r="E2111" i="2" a="1"/>
  <c r="E2111" i="2" s="1"/>
  <c r="E2115" i="2" a="1"/>
  <c r="E2115" i="2" s="1"/>
  <c r="E2117" i="2" a="1"/>
  <c r="E2117" i="2" s="1"/>
  <c r="E2102" i="2" a="1"/>
  <c r="E2102" i="2" s="1"/>
  <c r="E2120" i="2" a="1"/>
  <c r="E2120" i="2" s="1"/>
  <c r="E2105" i="2" a="1"/>
  <c r="E2105" i="2" s="1"/>
  <c r="E2098" i="2" a="1"/>
  <c r="E2098" i="2" s="1"/>
  <c r="E2119" i="2" a="1"/>
  <c r="E2119" i="2" s="1"/>
  <c r="E2113" i="2" a="1"/>
  <c r="E2113" i="2" s="1"/>
  <c r="E2100" i="2" a="1"/>
  <c r="E2100" i="2" s="1"/>
  <c r="E2108" i="2" a="1"/>
  <c r="E2108" i="2" s="1"/>
  <c r="G2388" i="2" a="1"/>
  <c r="G2388" i="2" s="1"/>
  <c r="G2403" i="2" a="1"/>
  <c r="G2403" i="2" s="1"/>
  <c r="G2393" i="2" a="1"/>
  <c r="G2393" i="2" s="1"/>
  <c r="G2389" i="2" a="1"/>
  <c r="G2389" i="2" s="1"/>
  <c r="G2391" i="2" a="1"/>
  <c r="G2391" i="2" s="1"/>
  <c r="G2407" i="2" a="1"/>
  <c r="G2407" i="2" s="1"/>
  <c r="G2390" i="2" a="1"/>
  <c r="G2390" i="2" s="1"/>
  <c r="G2404" i="2" a="1"/>
  <c r="G2404" i="2" s="1"/>
  <c r="G2394" i="2" a="1"/>
  <c r="G2394" i="2" s="1"/>
  <c r="G2405" i="2" a="1"/>
  <c r="G2405" i="2" s="1"/>
  <c r="G2398" i="2" a="1"/>
  <c r="G2398" i="2" s="1"/>
  <c r="G2386" i="2" a="1"/>
  <c r="G2386" i="2" s="1"/>
  <c r="G2399" i="2" a="1"/>
  <c r="G2399" i="2" s="1"/>
  <c r="G2408" i="2" a="1"/>
  <c r="G2408" i="2" s="1"/>
  <c r="G2400" i="2" a="1"/>
  <c r="G2400" i="2" s="1"/>
  <c r="G2406" i="2" a="1"/>
  <c r="G2406" i="2" s="1"/>
  <c r="G2401" i="2" a="1"/>
  <c r="G2401" i="2" s="1"/>
  <c r="G2395" i="2" a="1"/>
  <c r="G2395" i="2" s="1"/>
  <c r="G2387" i="2" a="1"/>
  <c r="G2387" i="2" s="1"/>
  <c r="G2397" i="2" a="1"/>
  <c r="G2397" i="2" s="1"/>
  <c r="G2392" i="2" a="1"/>
  <c r="G2392" i="2" s="1"/>
  <c r="G2396" i="2" a="1"/>
  <c r="G2396" i="2" s="1"/>
  <c r="G2409" i="2" a="1"/>
  <c r="G2409" i="2" s="1"/>
  <c r="G2402" i="2" a="1"/>
  <c r="G2402" i="2" s="1"/>
  <c r="G7296" i="2" a="1"/>
  <c r="G7296" i="2" s="1"/>
  <c r="G7290" i="2" a="1"/>
  <c r="G7290" i="2" s="1"/>
  <c r="G7298" i="2" a="1"/>
  <c r="G7298" i="2" s="1"/>
  <c r="G7291" i="2" a="1"/>
  <c r="G7291" i="2" s="1"/>
  <c r="G7286" i="2" a="1"/>
  <c r="G7286" i="2" s="1"/>
  <c r="G7301" i="2" a="1"/>
  <c r="G7301" i="2" s="1"/>
  <c r="H5433" i="2" a="1"/>
  <c r="H5433" i="2" s="1"/>
  <c r="H5425" i="2" a="1"/>
  <c r="H5425" i="2" s="1"/>
  <c r="H5416" i="2" a="1"/>
  <c r="H5416" i="2" s="1"/>
  <c r="H5412" i="2" a="1"/>
  <c r="H5412" i="2" s="1"/>
  <c r="H5419" i="2" a="1"/>
  <c r="H5419" i="2" s="1"/>
  <c r="H5417" i="2" a="1"/>
  <c r="H5417" i="2" s="1"/>
  <c r="H5418" i="2" a="1"/>
  <c r="H5418" i="2" s="1"/>
  <c r="H5421" i="2" a="1"/>
  <c r="H5421" i="2" s="1"/>
  <c r="E3814" i="2" a="1"/>
  <c r="E3814" i="2" s="1"/>
  <c r="E3819" i="2" a="1"/>
  <c r="E3819" i="2" s="1"/>
  <c r="E3807" i="2" a="1"/>
  <c r="E3807" i="2" s="1"/>
  <c r="E3820" i="2" a="1"/>
  <c r="E3820" i="2" s="1"/>
  <c r="E3812" i="2" a="1"/>
  <c r="E3812" i="2" s="1"/>
  <c r="E3823" i="2" a="1"/>
  <c r="E3823" i="2" s="1"/>
  <c r="E3813" i="2" a="1"/>
  <c r="E3813" i="2" s="1"/>
  <c r="E3817" i="2" a="1"/>
  <c r="E3817" i="2" s="1"/>
  <c r="E3808" i="2" a="1"/>
  <c r="E3808" i="2" s="1"/>
  <c r="E3806" i="2" a="1"/>
  <c r="E3806" i="2" s="1"/>
  <c r="E3804" i="2" a="1"/>
  <c r="E3804" i="2" s="1"/>
  <c r="E3809" i="2" a="1"/>
  <c r="E3809" i="2" s="1"/>
  <c r="E3811" i="2" a="1"/>
  <c r="E3811" i="2" s="1"/>
  <c r="E3805" i="2" a="1"/>
  <c r="E3805" i="2" s="1"/>
  <c r="E3824" i="2" a="1"/>
  <c r="E3824" i="2" s="1"/>
  <c r="E3825" i="2" a="1"/>
  <c r="E3825" i="2" s="1"/>
  <c r="E3802" i="2" a="1"/>
  <c r="E3802" i="2" s="1"/>
  <c r="E3810" i="2" a="1"/>
  <c r="E3810" i="2" s="1"/>
  <c r="E3821" i="2" a="1"/>
  <c r="E3821" i="2" s="1"/>
  <c r="E3815" i="2" a="1"/>
  <c r="E3815" i="2" s="1"/>
  <c r="E3803" i="2" a="1"/>
  <c r="E3803" i="2" s="1"/>
  <c r="E3816" i="2" a="1"/>
  <c r="E3816" i="2" s="1"/>
  <c r="E3822" i="2" a="1"/>
  <c r="E3822" i="2" s="1"/>
  <c r="E3818" i="2" a="1"/>
  <c r="E3818" i="2" s="1"/>
  <c r="G8460" i="2" a="1"/>
  <c r="G8460" i="2" s="1"/>
  <c r="G8471" i="2" a="1"/>
  <c r="G8471" i="2" s="1"/>
  <c r="G8475" i="2" a="1"/>
  <c r="G8475" i="2" s="1"/>
  <c r="G8461" i="2" a="1"/>
  <c r="G8461" i="2" s="1"/>
  <c r="G8468" i="2" a="1"/>
  <c r="G8468" i="2" s="1"/>
  <c r="G8474" i="2" a="1"/>
  <c r="G8474" i="2" s="1"/>
  <c r="G8466" i="2" a="1"/>
  <c r="G8466" i="2" s="1"/>
  <c r="G8481" i="2" a="1"/>
  <c r="G8481" i="2" s="1"/>
  <c r="G8476" i="2" a="1"/>
  <c r="G8476" i="2" s="1"/>
  <c r="G8469" i="2" a="1"/>
  <c r="G8469" i="2" s="1"/>
  <c r="G8477" i="2" a="1"/>
  <c r="G8477" i="2" s="1"/>
  <c r="G8459" i="2" a="1"/>
  <c r="G8459" i="2" s="1"/>
  <c r="G8478" i="2" a="1"/>
  <c r="G8478" i="2" s="1"/>
  <c r="G8458" i="2" a="1"/>
  <c r="G8458" i="2" s="1"/>
  <c r="G8479" i="2" a="1"/>
  <c r="G8479" i="2" s="1"/>
  <c r="G8470" i="2" a="1"/>
  <c r="G8470" i="2" s="1"/>
  <c r="G8465" i="2" a="1"/>
  <c r="G8465" i="2" s="1"/>
  <c r="G8467" i="2" a="1"/>
  <c r="G8467" i="2" s="1"/>
  <c r="G8480" i="2" a="1"/>
  <c r="G8480" i="2" s="1"/>
  <c r="G8472" i="2" a="1"/>
  <c r="G8472" i="2" s="1"/>
  <c r="G8473" i="2" a="1"/>
  <c r="G8473" i="2" s="1"/>
  <c r="G8463" i="2" a="1"/>
  <c r="G8463" i="2" s="1"/>
  <c r="G8462" i="2" a="1"/>
  <c r="G8462" i="2" s="1"/>
  <c r="G8464" i="2" a="1"/>
  <c r="G8464" i="2" s="1"/>
  <c r="F3234" i="2" a="1"/>
  <c r="F3234" i="2" s="1"/>
  <c r="F3246" i="2" a="1"/>
  <c r="F3246" i="2" s="1"/>
  <c r="F3227" i="2" a="1"/>
  <c r="F3227" i="2" s="1"/>
  <c r="F3238" i="2" a="1"/>
  <c r="F3238" i="2" s="1"/>
  <c r="F3239" i="2" a="1"/>
  <c r="F3239" i="2" s="1"/>
  <c r="F3229" i="2" a="1"/>
  <c r="F3229" i="2" s="1"/>
  <c r="F3249" i="2" a="1"/>
  <c r="F3249" i="2" s="1"/>
  <c r="F3242" i="2" a="1"/>
  <c r="F3242" i="2" s="1"/>
  <c r="F3230" i="2" a="1"/>
  <c r="F3230" i="2" s="1"/>
  <c r="F3235" i="2" a="1"/>
  <c r="F3235" i="2" s="1"/>
  <c r="F3240" i="2" a="1"/>
  <c r="F3240" i="2" s="1"/>
  <c r="F3247" i="2" a="1"/>
  <c r="F3247" i="2" s="1"/>
  <c r="F3236" i="2" a="1"/>
  <c r="F3236" i="2" s="1"/>
  <c r="F3232" i="2" a="1"/>
  <c r="F3232" i="2" s="1"/>
  <c r="F3243" i="2" a="1"/>
  <c r="F3243" i="2" s="1"/>
  <c r="F3231" i="2" a="1"/>
  <c r="F3231" i="2" s="1"/>
  <c r="F3248" i="2" a="1"/>
  <c r="F3248" i="2" s="1"/>
  <c r="F3226" i="2" a="1"/>
  <c r="F3226" i="2" s="1"/>
  <c r="F3241" i="2" a="1"/>
  <c r="F3241" i="2" s="1"/>
  <c r="F3245" i="2" a="1"/>
  <c r="F3245" i="2" s="1"/>
  <c r="F3228" i="2" a="1"/>
  <c r="F3228" i="2" s="1"/>
  <c r="F3233" i="2" a="1"/>
  <c r="F3233" i="2" s="1"/>
  <c r="F3237" i="2" a="1"/>
  <c r="F3237" i="2" s="1"/>
  <c r="F3244" i="2" a="1"/>
  <c r="F3244" i="2" s="1"/>
  <c r="G7507" i="2" a="1"/>
  <c r="G7507" i="2" s="1"/>
  <c r="G7513" i="2" a="1"/>
  <c r="G7513" i="2" s="1"/>
  <c r="G7506" i="2" a="1"/>
  <c r="G7506" i="2" s="1"/>
  <c r="G7504" i="2" a="1"/>
  <c r="G7504" i="2" s="1"/>
  <c r="G7509" i="2" a="1"/>
  <c r="G7509" i="2" s="1"/>
  <c r="G7517" i="2" a="1"/>
  <c r="G7517" i="2" s="1"/>
  <c r="G7499" i="2" a="1"/>
  <c r="G7499" i="2" s="1"/>
  <c r="G7511" i="2" a="1"/>
  <c r="G7511" i="2" s="1"/>
  <c r="G7520" i="2" a="1"/>
  <c r="G7520" i="2" s="1"/>
  <c r="G7501" i="2" a="1"/>
  <c r="G7501" i="2" s="1"/>
  <c r="G7514" i="2" a="1"/>
  <c r="G7514" i="2" s="1"/>
  <c r="G7515" i="2" a="1"/>
  <c r="G7515" i="2" s="1"/>
  <c r="G7519" i="2" a="1"/>
  <c r="G7519" i="2" s="1"/>
  <c r="G7512" i="2" a="1"/>
  <c r="G7512" i="2" s="1"/>
  <c r="G7498" i="2" a="1"/>
  <c r="G7498" i="2" s="1"/>
  <c r="G7505" i="2" a="1"/>
  <c r="G7505" i="2" s="1"/>
  <c r="G7518" i="2" a="1"/>
  <c r="G7518" i="2" s="1"/>
  <c r="G7502" i="2" a="1"/>
  <c r="G7502" i="2" s="1"/>
  <c r="G7500" i="2" a="1"/>
  <c r="G7500" i="2" s="1"/>
  <c r="G7503" i="2" a="1"/>
  <c r="G7503" i="2" s="1"/>
  <c r="G7516" i="2" a="1"/>
  <c r="G7516" i="2" s="1"/>
  <c r="G7508" i="2" a="1"/>
  <c r="G7508" i="2" s="1"/>
  <c r="G7510" i="2" a="1"/>
  <c r="G7510" i="2" s="1"/>
  <c r="G7521" i="2" a="1"/>
  <c r="G7521" i="2" s="1"/>
  <c r="E7997" i="2" a="1"/>
  <c r="E7997" i="2" s="1"/>
  <c r="E7992" i="2" a="1"/>
  <c r="E7992" i="2" s="1"/>
  <c r="E7986" i="2" a="1"/>
  <c r="E7986" i="2" s="1"/>
  <c r="E7998" i="2" a="1"/>
  <c r="E7998" i="2" s="1"/>
  <c r="E7981" i="2" a="1"/>
  <c r="E7981" i="2" s="1"/>
  <c r="E7987" i="2" a="1"/>
  <c r="E7987" i="2" s="1"/>
  <c r="E7999" i="2" a="1"/>
  <c r="E7999" i="2" s="1"/>
  <c r="E7991" i="2" a="1"/>
  <c r="E7991" i="2" s="1"/>
  <c r="E7984" i="2" a="1"/>
  <c r="E7984" i="2" s="1"/>
  <c r="E7982" i="2" a="1"/>
  <c r="E7982" i="2" s="1"/>
  <c r="E7990" i="2" a="1"/>
  <c r="E7990" i="2" s="1"/>
  <c r="E7983" i="2" a="1"/>
  <c r="E7983" i="2" s="1"/>
  <c r="E7993" i="2" a="1"/>
  <c r="E7993" i="2" s="1"/>
  <c r="E7995" i="2" a="1"/>
  <c r="E7995" i="2" s="1"/>
  <c r="E7989" i="2" a="1"/>
  <c r="E7989" i="2" s="1"/>
  <c r="E7988" i="2" a="1"/>
  <c r="E7988" i="2" s="1"/>
  <c r="E7978" i="2" a="1"/>
  <c r="E7978" i="2" s="1"/>
  <c r="E8000" i="2" a="1"/>
  <c r="E8000" i="2" s="1"/>
  <c r="E7979" i="2" a="1"/>
  <c r="E7979" i="2" s="1"/>
  <c r="E7980" i="2" a="1"/>
  <c r="E7980" i="2" s="1"/>
  <c r="E7994" i="2" a="1"/>
  <c r="E7994" i="2" s="1"/>
  <c r="E8001" i="2" a="1"/>
  <c r="E8001" i="2" s="1"/>
  <c r="E7996" i="2" a="1"/>
  <c r="E7996" i="2" s="1"/>
  <c r="G4984" i="2" a="1"/>
  <c r="G4984" i="2" s="1"/>
  <c r="E548" i="2" a="1"/>
  <c r="E548" i="2" s="1"/>
  <c r="E551" i="2" a="1"/>
  <c r="E551" i="2" s="1"/>
  <c r="H2657" i="2" a="1"/>
  <c r="H2657" i="2" s="1"/>
  <c r="F5357" i="2" a="1"/>
  <c r="F5357" i="2" s="1"/>
  <c r="F5354" i="2" a="1"/>
  <c r="F5354" i="2" s="1"/>
  <c r="F5339" i="2" a="1"/>
  <c r="F5339" i="2" s="1"/>
  <c r="F5353" i="2" a="1"/>
  <c r="F5353" i="2" s="1"/>
  <c r="F5360" i="2" a="1"/>
  <c r="F5360" i="2" s="1"/>
  <c r="F5346" i="2" a="1"/>
  <c r="F5346" i="2" s="1"/>
  <c r="F5361" i="2" a="1"/>
  <c r="F5361" i="2" s="1"/>
  <c r="F5350" i="2" a="1"/>
  <c r="F5350" i="2" s="1"/>
  <c r="F5352" i="2" a="1"/>
  <c r="F5352" i="2" s="1"/>
  <c r="F5342" i="2" a="1"/>
  <c r="F5342" i="2" s="1"/>
  <c r="F5338" i="2" a="1"/>
  <c r="F5338" i="2" s="1"/>
  <c r="F5344" i="2" a="1"/>
  <c r="F5344" i="2" s="1"/>
  <c r="F5345" i="2" a="1"/>
  <c r="F5345" i="2" s="1"/>
  <c r="F5340" i="2" a="1"/>
  <c r="F5340" i="2" s="1"/>
  <c r="F5347" i="2" a="1"/>
  <c r="F5347" i="2" s="1"/>
  <c r="F5351" i="2" a="1"/>
  <c r="F5351" i="2" s="1"/>
  <c r="F5356" i="2" a="1"/>
  <c r="F5356" i="2" s="1"/>
  <c r="F5358" i="2" a="1"/>
  <c r="F5358" i="2" s="1"/>
  <c r="F5355" i="2" a="1"/>
  <c r="F5355" i="2" s="1"/>
  <c r="F5343" i="2" a="1"/>
  <c r="F5343" i="2" s="1"/>
  <c r="F5349" i="2" a="1"/>
  <c r="F5349" i="2" s="1"/>
  <c r="F5341" i="2" a="1"/>
  <c r="F5341" i="2" s="1"/>
  <c r="F5359" i="2" a="1"/>
  <c r="F5359" i="2" s="1"/>
  <c r="F5348" i="2" a="1"/>
  <c r="F5348" i="2" s="1"/>
  <c r="H7943" i="2" a="1"/>
  <c r="H7943" i="2" s="1"/>
  <c r="H7942" i="2" a="1"/>
  <c r="H7942" i="2" s="1"/>
  <c r="H7947" i="2" a="1"/>
  <c r="H7947" i="2" s="1"/>
  <c r="H7944" i="2" a="1"/>
  <c r="H7944" i="2" s="1"/>
  <c r="H7931" i="2" a="1"/>
  <c r="H7931" i="2" s="1"/>
  <c r="H7936" i="2" a="1"/>
  <c r="H7936" i="2" s="1"/>
  <c r="H7945" i="2" a="1"/>
  <c r="H7945" i="2" s="1"/>
  <c r="H7948" i="2" a="1"/>
  <c r="H7948" i="2" s="1"/>
  <c r="H7946" i="2" a="1"/>
  <c r="H7946" i="2" s="1"/>
  <c r="H7930" i="2" a="1"/>
  <c r="H7930" i="2" s="1"/>
  <c r="H7937" i="2" a="1"/>
  <c r="H7937" i="2" s="1"/>
  <c r="H7933" i="2" a="1"/>
  <c r="H7933" i="2" s="1"/>
  <c r="H7949" i="2" a="1"/>
  <c r="H7949" i="2" s="1"/>
  <c r="H7950" i="2" a="1"/>
  <c r="H7950" i="2" s="1"/>
  <c r="H7938" i="2" a="1"/>
  <c r="H7938" i="2" s="1"/>
  <c r="H7951" i="2" a="1"/>
  <c r="H7951" i="2" s="1"/>
  <c r="H7934" i="2" a="1"/>
  <c r="H7934" i="2" s="1"/>
  <c r="H7940" i="2" a="1"/>
  <c r="H7940" i="2" s="1"/>
  <c r="H7952" i="2" a="1"/>
  <c r="H7952" i="2" s="1"/>
  <c r="H7939" i="2" a="1"/>
  <c r="H7939" i="2" s="1"/>
  <c r="H7932" i="2" a="1"/>
  <c r="H7932" i="2" s="1"/>
  <c r="H7935" i="2" a="1"/>
  <c r="H7935" i="2" s="1"/>
  <c r="H7953" i="2" a="1"/>
  <c r="H7953" i="2" s="1"/>
  <c r="H7941" i="2" a="1"/>
  <c r="H7941" i="2" s="1"/>
  <c r="D1919" i="2" a="1"/>
  <c r="D1919" i="2" s="1"/>
  <c r="D1927" i="2" a="1"/>
  <c r="D1927" i="2" s="1"/>
  <c r="D1918" i="2" a="1"/>
  <c r="D1918" i="2" s="1"/>
  <c r="D1922" i="2" a="1"/>
  <c r="D1922" i="2" s="1"/>
  <c r="D1911" i="2" a="1"/>
  <c r="D1911" i="2" s="1"/>
  <c r="D1915" i="2" a="1"/>
  <c r="D1915" i="2" s="1"/>
  <c r="D1910" i="2" a="1"/>
  <c r="D1910" i="2" s="1"/>
  <c r="D1912" i="2" a="1"/>
  <c r="D1912" i="2" s="1"/>
  <c r="D1907" i="2" a="1"/>
  <c r="D1907" i="2" s="1"/>
  <c r="D1920" i="2" a="1"/>
  <c r="D1920" i="2" s="1"/>
  <c r="D1925" i="2" a="1"/>
  <c r="D1925" i="2" s="1"/>
  <c r="D1917" i="2" a="1"/>
  <c r="D1917" i="2" s="1"/>
  <c r="D1924" i="2" a="1"/>
  <c r="D1924" i="2" s="1"/>
  <c r="D1929" i="2" a="1"/>
  <c r="D1929" i="2" s="1"/>
  <c r="D1914" i="2" a="1"/>
  <c r="D1914" i="2" s="1"/>
  <c r="D1909" i="2" a="1"/>
  <c r="D1909" i="2" s="1"/>
  <c r="D1921" i="2" a="1"/>
  <c r="D1921" i="2" s="1"/>
  <c r="D1926" i="2" a="1"/>
  <c r="D1926" i="2" s="1"/>
  <c r="D1913" i="2" a="1"/>
  <c r="D1913" i="2" s="1"/>
  <c r="D1908" i="2" a="1"/>
  <c r="D1908" i="2" s="1"/>
  <c r="D1916" i="2" a="1"/>
  <c r="D1916" i="2" s="1"/>
  <c r="D1928" i="2" a="1"/>
  <c r="D1928" i="2" s="1"/>
  <c r="D1906" i="2" a="1"/>
  <c r="D1906" i="2" s="1"/>
  <c r="D1923" i="2" a="1"/>
  <c r="D1923" i="2" s="1"/>
  <c r="D7933" i="2" a="1"/>
  <c r="D7933" i="2" s="1"/>
  <c r="D7938" i="2" a="1"/>
  <c r="D7938" i="2" s="1"/>
  <c r="D7931" i="2" a="1"/>
  <c r="D7931" i="2" s="1"/>
  <c r="D7936" i="2" a="1"/>
  <c r="D7936" i="2" s="1"/>
  <c r="D7946" i="2" a="1"/>
  <c r="D7946" i="2" s="1"/>
  <c r="D7944" i="2" a="1"/>
  <c r="D7944" i="2" s="1"/>
  <c r="D7949" i="2" a="1"/>
  <c r="D7949" i="2" s="1"/>
  <c r="G3308" i="2" a="1"/>
  <c r="G3308" i="2" s="1"/>
  <c r="G3311" i="2" a="1"/>
  <c r="G3311" i="2" s="1"/>
  <c r="G3313" i="2" a="1"/>
  <c r="G3313" i="2" s="1"/>
  <c r="G3318" i="2" a="1"/>
  <c r="G3318" i="2" s="1"/>
  <c r="G3305" i="2" a="1"/>
  <c r="G3305" i="2" s="1"/>
  <c r="G3304" i="2" a="1"/>
  <c r="G3304" i="2" s="1"/>
  <c r="H1654" i="2" a="1"/>
  <c r="H1654" i="2" s="1"/>
  <c r="H1649" i="2" a="1"/>
  <c r="H1649" i="2" s="1"/>
  <c r="H1664" i="2" a="1"/>
  <c r="H1664" i="2" s="1"/>
  <c r="H1651" i="2" a="1"/>
  <c r="H1651" i="2" s="1"/>
  <c r="H1647" i="2" a="1"/>
  <c r="H1647" i="2" s="1"/>
  <c r="H1657" i="2" a="1"/>
  <c r="H1657" i="2" s="1"/>
  <c r="G5136" i="2" a="1"/>
  <c r="G5136" i="2" s="1"/>
  <c r="G5124" i="2" a="1"/>
  <c r="G5124" i="2" s="1"/>
  <c r="E1718" i="2" a="1"/>
  <c r="E1718" i="2" s="1"/>
  <c r="E1720" i="2" a="1"/>
  <c r="E1720" i="2" s="1"/>
  <c r="E1729" i="2" a="1"/>
  <c r="E1729" i="2" s="1"/>
  <c r="E1719" i="2" a="1"/>
  <c r="E1719" i="2" s="1"/>
  <c r="E1721" i="2" a="1"/>
  <c r="E1721" i="2" s="1"/>
  <c r="E1714" i="2" a="1"/>
  <c r="E1714" i="2" s="1"/>
  <c r="E1723" i="2" a="1"/>
  <c r="E1723" i="2" s="1"/>
  <c r="E1727" i="2" a="1"/>
  <c r="E1727" i="2" s="1"/>
  <c r="E1735" i="2" a="1"/>
  <c r="E1735" i="2" s="1"/>
  <c r="E1730" i="2" a="1"/>
  <c r="E1730" i="2" s="1"/>
  <c r="E1722" i="2" a="1"/>
  <c r="E1722" i="2" s="1"/>
  <c r="E1732" i="2" a="1"/>
  <c r="E1732" i="2" s="1"/>
  <c r="E1724" i="2" a="1"/>
  <c r="E1724" i="2" s="1"/>
  <c r="E1728" i="2" a="1"/>
  <c r="E1728" i="2" s="1"/>
  <c r="E1734" i="2" a="1"/>
  <c r="E1734" i="2" s="1"/>
  <c r="E1725" i="2" a="1"/>
  <c r="E1725" i="2" s="1"/>
  <c r="E1716" i="2" a="1"/>
  <c r="E1716" i="2" s="1"/>
  <c r="E1726" i="2" a="1"/>
  <c r="E1726" i="2" s="1"/>
  <c r="E1733" i="2" a="1"/>
  <c r="E1733" i="2" s="1"/>
  <c r="E1737" i="2" a="1"/>
  <c r="E1737" i="2" s="1"/>
  <c r="E1717" i="2" a="1"/>
  <c r="E1717" i="2" s="1"/>
  <c r="E1715" i="2" a="1"/>
  <c r="E1715" i="2" s="1"/>
  <c r="E1731" i="2" a="1"/>
  <c r="E1731" i="2" s="1"/>
  <c r="E1736" i="2" a="1"/>
  <c r="E1736" i="2" s="1"/>
  <c r="AQ38" i="1"/>
  <c r="G44" i="5" s="1"/>
  <c r="AO38" i="1"/>
  <c r="E44" i="5" s="1"/>
  <c r="AP38" i="1"/>
  <c r="F44" i="5" s="1"/>
  <c r="AN38" i="1"/>
  <c r="D44" i="5" s="1"/>
  <c r="AM38" i="1"/>
  <c r="D904" i="2" a="1"/>
  <c r="D904" i="2" s="1"/>
  <c r="D921" i="2" a="1"/>
  <c r="D921" i="2" s="1"/>
  <c r="D899" i="2" a="1"/>
  <c r="D899" i="2" s="1"/>
  <c r="D908" i="2" a="1"/>
  <c r="D908" i="2" s="1"/>
  <c r="D902" i="2" a="1"/>
  <c r="D902" i="2" s="1"/>
  <c r="D906" i="2" a="1"/>
  <c r="D906" i="2" s="1"/>
  <c r="D910" i="2" a="1"/>
  <c r="D910" i="2" s="1"/>
  <c r="D912" i="2" a="1"/>
  <c r="D912" i="2" s="1"/>
  <c r="D915" i="2" a="1"/>
  <c r="D915" i="2" s="1"/>
  <c r="D917" i="2" a="1"/>
  <c r="D917" i="2" s="1"/>
  <c r="D898" i="2" a="1"/>
  <c r="D898" i="2" s="1"/>
  <c r="D900" i="2" a="1"/>
  <c r="D900" i="2" s="1"/>
  <c r="D914" i="2" a="1"/>
  <c r="D914" i="2" s="1"/>
  <c r="D903" i="2" a="1"/>
  <c r="D903" i="2" s="1"/>
  <c r="D916" i="2" a="1"/>
  <c r="D916" i="2" s="1"/>
  <c r="D919" i="2" a="1"/>
  <c r="D919" i="2" s="1"/>
  <c r="D905" i="2" a="1"/>
  <c r="D905" i="2" s="1"/>
  <c r="D901" i="2" a="1"/>
  <c r="D901" i="2" s="1"/>
  <c r="D909" i="2" a="1"/>
  <c r="D909" i="2" s="1"/>
  <c r="D911" i="2" a="1"/>
  <c r="D911" i="2" s="1"/>
  <c r="D918" i="2" a="1"/>
  <c r="D918" i="2" s="1"/>
  <c r="D907" i="2" a="1"/>
  <c r="D907" i="2" s="1"/>
  <c r="D913" i="2" a="1"/>
  <c r="D913" i="2" s="1"/>
  <c r="D920" i="2" a="1"/>
  <c r="D920" i="2" s="1"/>
  <c r="E4740" i="2" a="1"/>
  <c r="E4740" i="2" s="1"/>
  <c r="E4756" i="2" a="1"/>
  <c r="E4756" i="2" s="1"/>
  <c r="E4745" i="2" a="1"/>
  <c r="E4745" i="2" s="1"/>
  <c r="E4750" i="2" a="1"/>
  <c r="E4750" i="2" s="1"/>
  <c r="E4746" i="2" a="1"/>
  <c r="E4746" i="2" s="1"/>
  <c r="E4742" i="2" a="1"/>
  <c r="E4742" i="2" s="1"/>
  <c r="E4738" i="2" a="1"/>
  <c r="E4738" i="2" s="1"/>
  <c r="E4744" i="2" a="1"/>
  <c r="E4744" i="2" s="1"/>
  <c r="E4753" i="2" a="1"/>
  <c r="E4753" i="2" s="1"/>
  <c r="F2555" i="2" a="1"/>
  <c r="F2555" i="2" s="1"/>
  <c r="F2556" i="2" a="1"/>
  <c r="F2556" i="2" s="1"/>
  <c r="F2576" i="2" a="1"/>
  <c r="F2576" i="2" s="1"/>
  <c r="F2562" i="2" a="1"/>
  <c r="F2562" i="2" s="1"/>
  <c r="F2572" i="2" a="1"/>
  <c r="F2572" i="2" s="1"/>
  <c r="F2558" i="2" a="1"/>
  <c r="F2558" i="2" s="1"/>
  <c r="F2568" i="2" a="1"/>
  <c r="F2568" i="2" s="1"/>
  <c r="F2554" i="2" a="1"/>
  <c r="F2554" i="2" s="1"/>
  <c r="F2571" i="2" a="1"/>
  <c r="F2571" i="2" s="1"/>
  <c r="F2575" i="2" a="1"/>
  <c r="F2575" i="2" s="1"/>
  <c r="F2567" i="2" a="1"/>
  <c r="F2567" i="2" s="1"/>
  <c r="F2563" i="2" a="1"/>
  <c r="F2563" i="2" s="1"/>
  <c r="F2901" i="2" a="1"/>
  <c r="F2901" i="2" s="1"/>
  <c r="F2896" i="2" a="1"/>
  <c r="F2896" i="2" s="1"/>
  <c r="F2910" i="2" a="1"/>
  <c r="F2910" i="2" s="1"/>
  <c r="F2897" i="2" a="1"/>
  <c r="F2897" i="2" s="1"/>
  <c r="F2905" i="2" a="1"/>
  <c r="F2905" i="2" s="1"/>
  <c r="F2903" i="2" a="1"/>
  <c r="F2903" i="2" s="1"/>
  <c r="F2898" i="2" a="1"/>
  <c r="F2898" i="2" s="1"/>
  <c r="F2900" i="2" a="1"/>
  <c r="F2900" i="2" s="1"/>
  <c r="F2902" i="2" a="1"/>
  <c r="F2902" i="2" s="1"/>
  <c r="F2895" i="2" a="1"/>
  <c r="F2895" i="2" s="1"/>
  <c r="F2899" i="2" a="1"/>
  <c r="F2899" i="2" s="1"/>
  <c r="F2906" i="2" a="1"/>
  <c r="F2906" i="2" s="1"/>
  <c r="F2912" i="2" a="1"/>
  <c r="F2912" i="2" s="1"/>
  <c r="F2913" i="2" a="1"/>
  <c r="F2913" i="2" s="1"/>
  <c r="F2907" i="2" a="1"/>
  <c r="F2907" i="2" s="1"/>
  <c r="F2908" i="2" a="1"/>
  <c r="F2908" i="2" s="1"/>
  <c r="F2904" i="2" a="1"/>
  <c r="F2904" i="2" s="1"/>
  <c r="F2909" i="2" a="1"/>
  <c r="F2909" i="2" s="1"/>
  <c r="F2890" i="2" a="1"/>
  <c r="F2890" i="2" s="1"/>
  <c r="F2894" i="2" a="1"/>
  <c r="F2894" i="2" s="1"/>
  <c r="F2911" i="2" a="1"/>
  <c r="F2911" i="2" s="1"/>
  <c r="F2893" i="2" a="1"/>
  <c r="F2893" i="2" s="1"/>
  <c r="F2892" i="2" a="1"/>
  <c r="F2892" i="2" s="1"/>
  <c r="F2891" i="2" a="1"/>
  <c r="F2891" i="2" s="1"/>
  <c r="F2824" i="2" a="1"/>
  <c r="F2824" i="2" s="1"/>
  <c r="F2829" i="2" a="1"/>
  <c r="F2829" i="2" s="1"/>
  <c r="F2838" i="2" a="1"/>
  <c r="F2838" i="2" s="1"/>
  <c r="F2839" i="2" a="1"/>
  <c r="F2839" i="2" s="1"/>
  <c r="F2834" i="2" a="1"/>
  <c r="F2834" i="2" s="1"/>
  <c r="F2822" i="2" a="1"/>
  <c r="F2822" i="2" s="1"/>
  <c r="F2841" i="2" a="1"/>
  <c r="F2841" i="2" s="1"/>
  <c r="F2819" i="2" a="1"/>
  <c r="F2819" i="2" s="1"/>
  <c r="F2823" i="2" a="1"/>
  <c r="F2823" i="2" s="1"/>
  <c r="F2831" i="2" a="1"/>
  <c r="F2831" i="2" s="1"/>
  <c r="F2820" i="2" a="1"/>
  <c r="F2820" i="2" s="1"/>
  <c r="F2821" i="2" a="1"/>
  <c r="F2821" i="2" s="1"/>
  <c r="F2825" i="2" a="1"/>
  <c r="F2825" i="2" s="1"/>
  <c r="F2835" i="2" a="1"/>
  <c r="F2835" i="2" s="1"/>
  <c r="F2832" i="2" a="1"/>
  <c r="F2832" i="2" s="1"/>
  <c r="F2826" i="2" a="1"/>
  <c r="F2826" i="2" s="1"/>
  <c r="F2827" i="2" a="1"/>
  <c r="F2827" i="2" s="1"/>
  <c r="F2840" i="2" a="1"/>
  <c r="F2840" i="2" s="1"/>
  <c r="F2833" i="2" a="1"/>
  <c r="F2833" i="2" s="1"/>
  <c r="F2830" i="2" a="1"/>
  <c r="F2830" i="2" s="1"/>
  <c r="F2828" i="2" a="1"/>
  <c r="F2828" i="2" s="1"/>
  <c r="F2836" i="2" a="1"/>
  <c r="F2836" i="2" s="1"/>
  <c r="F2818" i="2" a="1"/>
  <c r="F2818" i="2" s="1"/>
  <c r="F2837" i="2" a="1"/>
  <c r="F2837" i="2" s="1"/>
  <c r="F1313" i="2" a="1"/>
  <c r="F1313" i="2" s="1"/>
  <c r="F1321" i="2" a="1"/>
  <c r="F1321" i="2" s="1"/>
  <c r="F1326" i="2" a="1"/>
  <c r="F1326" i="2" s="1"/>
  <c r="F1322" i="2" a="1"/>
  <c r="F1322" i="2" s="1"/>
  <c r="F1318" i="2" a="1"/>
  <c r="F1318" i="2" s="1"/>
  <c r="F1327" i="2" a="1"/>
  <c r="F1327" i="2" s="1"/>
  <c r="F1315" i="2" a="1"/>
  <c r="F1315" i="2" s="1"/>
  <c r="F1306" i="2" a="1"/>
  <c r="F1306" i="2" s="1"/>
  <c r="F1316" i="2" a="1"/>
  <c r="F1316" i="2" s="1"/>
  <c r="F1310" i="2" a="1"/>
  <c r="F1310" i="2" s="1"/>
  <c r="F1311" i="2" a="1"/>
  <c r="F1311" i="2" s="1"/>
  <c r="F1317" i="2" a="1"/>
  <c r="F1317" i="2" s="1"/>
  <c r="F1308" i="2" a="1"/>
  <c r="F1308" i="2" s="1"/>
  <c r="F1329" i="2" a="1"/>
  <c r="F1329" i="2" s="1"/>
  <c r="F1319" i="2" a="1"/>
  <c r="F1319" i="2" s="1"/>
  <c r="F1323" i="2" a="1"/>
  <c r="F1323" i="2" s="1"/>
  <c r="F1325" i="2" a="1"/>
  <c r="F1325" i="2" s="1"/>
  <c r="F1320" i="2" a="1"/>
  <c r="F1320" i="2" s="1"/>
  <c r="F1309" i="2" a="1"/>
  <c r="F1309" i="2" s="1"/>
  <c r="F1324" i="2" a="1"/>
  <c r="F1324" i="2" s="1"/>
  <c r="F1307" i="2" a="1"/>
  <c r="F1307" i="2" s="1"/>
  <c r="F1312" i="2" a="1"/>
  <c r="F1312" i="2" s="1"/>
  <c r="F1328" i="2" a="1"/>
  <c r="F1328" i="2" s="1"/>
  <c r="F1314" i="2" a="1"/>
  <c r="F1314" i="2" s="1"/>
  <c r="G6802" i="2" a="1"/>
  <c r="G6802" i="2" s="1"/>
  <c r="G6804" i="2" a="1"/>
  <c r="G6804" i="2" s="1"/>
  <c r="G6824" i="2" a="1"/>
  <c r="G6824" i="2" s="1"/>
  <c r="G6818" i="2" a="1"/>
  <c r="G6818" i="2" s="1"/>
  <c r="G6814" i="2" a="1"/>
  <c r="G6814" i="2" s="1"/>
  <c r="G6809" i="2" a="1"/>
  <c r="G6809" i="2" s="1"/>
  <c r="G6803" i="2" a="1"/>
  <c r="G6803" i="2" s="1"/>
  <c r="G6806" i="2" a="1"/>
  <c r="G6806" i="2" s="1"/>
  <c r="G6825" i="2" a="1"/>
  <c r="G6825" i="2" s="1"/>
  <c r="G6821" i="2" a="1"/>
  <c r="G6821" i="2" s="1"/>
  <c r="G6807" i="2" a="1"/>
  <c r="G6807" i="2" s="1"/>
  <c r="G6815" i="2" a="1"/>
  <c r="G6815" i="2" s="1"/>
  <c r="G6810" i="2" a="1"/>
  <c r="G6810" i="2" s="1"/>
  <c r="G6822" i="2" a="1"/>
  <c r="G6822" i="2" s="1"/>
  <c r="G6808" i="2" a="1"/>
  <c r="G6808" i="2" s="1"/>
  <c r="G6813" i="2" a="1"/>
  <c r="G6813" i="2" s="1"/>
  <c r="G6819" i="2" a="1"/>
  <c r="G6819" i="2" s="1"/>
  <c r="G6812" i="2" a="1"/>
  <c r="G6812" i="2" s="1"/>
  <c r="G6820" i="2" a="1"/>
  <c r="G6820" i="2" s="1"/>
  <c r="G6823" i="2" a="1"/>
  <c r="G6823" i="2" s="1"/>
  <c r="G6811" i="2" a="1"/>
  <c r="G6811" i="2" s="1"/>
  <c r="G6817" i="2" a="1"/>
  <c r="G6817" i="2" s="1"/>
  <c r="G6816" i="2" a="1"/>
  <c r="G6816" i="2" s="1"/>
  <c r="G6805" i="2" a="1"/>
  <c r="G6805" i="2" s="1"/>
  <c r="E8682" i="2" a="1"/>
  <c r="E8682" i="2" s="1"/>
  <c r="E8697" i="2" a="1"/>
  <c r="E8697" i="2" s="1"/>
  <c r="E8694" i="2" a="1"/>
  <c r="E8694" i="2" s="1"/>
  <c r="E8683" i="2" a="1"/>
  <c r="E8683" i="2" s="1"/>
  <c r="E8693" i="2" a="1"/>
  <c r="E8693" i="2" s="1"/>
  <c r="E8691" i="2" a="1"/>
  <c r="E8691" i="2" s="1"/>
  <c r="E8684" i="2" a="1"/>
  <c r="E8684" i="2" s="1"/>
  <c r="E8690" i="2" a="1"/>
  <c r="E8690" i="2" s="1"/>
  <c r="E8674" i="2" a="1"/>
  <c r="E8674" i="2" s="1"/>
  <c r="E8685" i="2" a="1"/>
  <c r="E8685" i="2" s="1"/>
  <c r="E8680" i="2" a="1"/>
  <c r="E8680" i="2" s="1"/>
  <c r="E8688" i="2" a="1"/>
  <c r="E8688" i="2" s="1"/>
  <c r="E8695" i="2" a="1"/>
  <c r="E8695" i="2" s="1"/>
  <c r="E8681" i="2" a="1"/>
  <c r="E8681" i="2" s="1"/>
  <c r="E8696" i="2" a="1"/>
  <c r="E8696" i="2" s="1"/>
  <c r="E8687" i="2" a="1"/>
  <c r="E8687" i="2" s="1"/>
  <c r="E8686" i="2" a="1"/>
  <c r="E8686" i="2" s="1"/>
  <c r="E8677" i="2" a="1"/>
  <c r="E8677" i="2" s="1"/>
  <c r="E8679" i="2" a="1"/>
  <c r="E8679" i="2" s="1"/>
  <c r="E8675" i="2" a="1"/>
  <c r="E8675" i="2" s="1"/>
  <c r="E8689" i="2" a="1"/>
  <c r="E8689" i="2" s="1"/>
  <c r="E8692" i="2" a="1"/>
  <c r="E8692" i="2" s="1"/>
  <c r="D3453" i="2" a="1"/>
  <c r="D3453" i="2" s="1"/>
  <c r="AM132" i="1"/>
  <c r="D3166" i="2" a="1"/>
  <c r="D3166" i="2" s="1"/>
  <c r="D3156" i="2" a="1"/>
  <c r="D3156" i="2" s="1"/>
  <c r="G3461" i="2" a="1"/>
  <c r="G3461" i="2" s="1"/>
  <c r="H1720" i="2" a="1"/>
  <c r="H1720" i="2" s="1"/>
  <c r="H1719" i="2" a="1"/>
  <c r="H1719" i="2" s="1"/>
  <c r="F1763" i="2" a="1"/>
  <c r="F1763" i="2" s="1"/>
  <c r="F1782" i="2" a="1"/>
  <c r="F1782" i="2" s="1"/>
  <c r="F1773" i="2" a="1"/>
  <c r="F1773" i="2" s="1"/>
  <c r="F1774" i="2" a="1"/>
  <c r="F1774" i="2" s="1"/>
  <c r="F1777" i="2" a="1"/>
  <c r="F1777" i="2" s="1"/>
  <c r="F1784" i="2" a="1"/>
  <c r="F1784" i="2" s="1"/>
  <c r="F1762" i="2" a="1"/>
  <c r="F1762" i="2" s="1"/>
  <c r="F1783" i="2" a="1"/>
  <c r="F1783" i="2" s="1"/>
  <c r="F1768" i="2" a="1"/>
  <c r="F1768" i="2" s="1"/>
  <c r="F1764" i="2" a="1"/>
  <c r="F1764" i="2" s="1"/>
  <c r="F1772" i="2" a="1"/>
  <c r="F1772" i="2" s="1"/>
  <c r="F1778" i="2" a="1"/>
  <c r="F1778" i="2" s="1"/>
  <c r="F1781" i="2" a="1"/>
  <c r="F1781" i="2" s="1"/>
  <c r="F1765" i="2" a="1"/>
  <c r="F1765" i="2" s="1"/>
  <c r="F1767" i="2" a="1"/>
  <c r="F1767" i="2" s="1"/>
  <c r="F1770" i="2" a="1"/>
  <c r="F1770" i="2" s="1"/>
  <c r="F1776" i="2" a="1"/>
  <c r="F1776" i="2" s="1"/>
  <c r="F1769" i="2" a="1"/>
  <c r="F1769" i="2" s="1"/>
  <c r="F1779" i="2" a="1"/>
  <c r="F1779" i="2" s="1"/>
  <c r="F1780" i="2" a="1"/>
  <c r="F1780" i="2" s="1"/>
  <c r="F1785" i="2" a="1"/>
  <c r="F1785" i="2" s="1"/>
  <c r="F1766" i="2" a="1"/>
  <c r="F1766" i="2" s="1"/>
  <c r="F1775" i="2" a="1"/>
  <c r="F1775" i="2" s="1"/>
  <c r="F1771" i="2" a="1"/>
  <c r="F1771" i="2" s="1"/>
  <c r="F8259" i="2" a="1"/>
  <c r="F8259" i="2" s="1"/>
  <c r="F8265" i="2" a="1"/>
  <c r="F8265" i="2" s="1"/>
  <c r="F8263" i="2" a="1"/>
  <c r="F8263" i="2" s="1"/>
  <c r="F8246" i="2" a="1"/>
  <c r="F8246" i="2" s="1"/>
  <c r="F8250" i="2" a="1"/>
  <c r="F8250" i="2" s="1"/>
  <c r="F8247" i="2" a="1"/>
  <c r="F8247" i="2" s="1"/>
  <c r="F8262" i="2" a="1"/>
  <c r="F8262" i="2" s="1"/>
  <c r="F8255" i="2" a="1"/>
  <c r="F8255" i="2" s="1"/>
  <c r="F8242" i="2" a="1"/>
  <c r="F8242" i="2" s="1"/>
  <c r="F8251" i="2" a="1"/>
  <c r="F8251" i="2" s="1"/>
  <c r="F8258" i="2" a="1"/>
  <c r="F8258" i="2" s="1"/>
  <c r="F8243" i="2" a="1"/>
  <c r="F8243" i="2" s="1"/>
  <c r="F8249" i="2" a="1"/>
  <c r="F8249" i="2" s="1"/>
  <c r="F8261" i="2" a="1"/>
  <c r="F8261" i="2" s="1"/>
  <c r="F8244" i="2" a="1"/>
  <c r="F8244" i="2" s="1"/>
  <c r="F8245" i="2" a="1"/>
  <c r="F8245" i="2" s="1"/>
  <c r="F8257" i="2" a="1"/>
  <c r="F8257" i="2" s="1"/>
  <c r="F8252" i="2" a="1"/>
  <c r="F8252" i="2" s="1"/>
  <c r="F8253" i="2" a="1"/>
  <c r="F8253" i="2" s="1"/>
  <c r="F8254" i="2" a="1"/>
  <c r="F8254" i="2" s="1"/>
  <c r="F8248" i="2" a="1"/>
  <c r="F8248" i="2" s="1"/>
  <c r="F8260" i="2" a="1"/>
  <c r="F8260" i="2" s="1"/>
  <c r="F8264" i="2" a="1"/>
  <c r="F8264" i="2" s="1"/>
  <c r="F8256" i="2" a="1"/>
  <c r="F8256" i="2" s="1"/>
  <c r="E6373" i="2" a="1"/>
  <c r="E6373" i="2" s="1"/>
  <c r="E6390" i="2" a="1"/>
  <c r="E6390" i="2" s="1"/>
  <c r="E6385" i="2" a="1"/>
  <c r="E6385" i="2" s="1"/>
  <c r="E6374" i="2" a="1"/>
  <c r="E6374" i="2" s="1"/>
  <c r="E6392" i="2" a="1"/>
  <c r="E6392" i="2" s="1"/>
  <c r="E6381" i="2" a="1"/>
  <c r="E6381" i="2" s="1"/>
  <c r="E6379" i="2" a="1"/>
  <c r="E6379" i="2" s="1"/>
  <c r="E6376" i="2" a="1"/>
  <c r="E6376" i="2" s="1"/>
  <c r="E6393" i="2" a="1"/>
  <c r="E6393" i="2" s="1"/>
  <c r="E6372" i="2" a="1"/>
  <c r="E6372" i="2" s="1"/>
  <c r="E6380" i="2" a="1"/>
  <c r="E6380" i="2" s="1"/>
  <c r="E6386" i="2" a="1"/>
  <c r="E6386" i="2" s="1"/>
  <c r="E6388" i="2" a="1"/>
  <c r="E6388" i="2" s="1"/>
  <c r="E6382" i="2" a="1"/>
  <c r="E6382" i="2" s="1"/>
  <c r="E6370" i="2" a="1"/>
  <c r="E6370" i="2" s="1"/>
  <c r="E6389" i="2" a="1"/>
  <c r="E6389" i="2" s="1"/>
  <c r="E6383" i="2" a="1"/>
  <c r="E6383" i="2" s="1"/>
  <c r="E6387" i="2" a="1"/>
  <c r="E6387" i="2" s="1"/>
  <c r="E6375" i="2" a="1"/>
  <c r="E6375" i="2" s="1"/>
  <c r="E6377" i="2" a="1"/>
  <c r="E6377" i="2" s="1"/>
  <c r="E6391" i="2" a="1"/>
  <c r="E6391" i="2" s="1"/>
  <c r="E6371" i="2" a="1"/>
  <c r="E6371" i="2" s="1"/>
  <c r="E6378" i="2" a="1"/>
  <c r="E6378" i="2" s="1"/>
  <c r="E6384" i="2" a="1"/>
  <c r="E6384" i="2" s="1"/>
  <c r="F352" i="2" a="1"/>
  <c r="F352" i="2" s="1"/>
  <c r="F358" i="2" a="1"/>
  <c r="F358" i="2" s="1"/>
  <c r="F348" i="2" a="1"/>
  <c r="F348" i="2" s="1"/>
  <c r="F366" i="2" a="1"/>
  <c r="F366" i="2" s="1"/>
  <c r="F346" i="2" a="1"/>
  <c r="F346" i="2" s="1"/>
  <c r="F356" i="2" a="1"/>
  <c r="F356" i="2" s="1"/>
  <c r="F347" i="2" a="1"/>
  <c r="F347" i="2" s="1"/>
  <c r="F363" i="2" a="1"/>
  <c r="F363" i="2" s="1"/>
  <c r="F360" i="2" a="1"/>
  <c r="F360" i="2" s="1"/>
  <c r="F364" i="2" a="1"/>
  <c r="F364" i="2" s="1"/>
  <c r="F361" i="2" a="1"/>
  <c r="F361" i="2" s="1"/>
  <c r="F365" i="2" a="1"/>
  <c r="F365" i="2" s="1"/>
  <c r="F362" i="2" a="1"/>
  <c r="F362" i="2" s="1"/>
  <c r="F357" i="2" a="1"/>
  <c r="F357" i="2" s="1"/>
  <c r="F351" i="2" a="1"/>
  <c r="F351" i="2" s="1"/>
  <c r="F369" i="2" a="1"/>
  <c r="F369" i="2" s="1"/>
  <c r="F353" i="2" a="1"/>
  <c r="F353" i="2" s="1"/>
  <c r="F355" i="2" a="1"/>
  <c r="F355" i="2" s="1"/>
  <c r="F350" i="2" a="1"/>
  <c r="F350" i="2" s="1"/>
  <c r="F359" i="2" a="1"/>
  <c r="F359" i="2" s="1"/>
  <c r="F367" i="2" a="1"/>
  <c r="F367" i="2" s="1"/>
  <c r="F354" i="2" a="1"/>
  <c r="F354" i="2" s="1"/>
  <c r="F349" i="2" a="1"/>
  <c r="F349" i="2" s="1"/>
  <c r="F368" i="2" a="1"/>
  <c r="F368" i="2" s="1"/>
  <c r="F850" i="2" a="1"/>
  <c r="F850" i="2" s="1"/>
  <c r="F857" i="2" a="1"/>
  <c r="F857" i="2" s="1"/>
  <c r="F851" i="2" a="1"/>
  <c r="F851" i="2" s="1"/>
  <c r="F864" i="2" a="1"/>
  <c r="F864" i="2" s="1"/>
  <c r="E6042" i="2" a="1"/>
  <c r="E6042" i="2" s="1"/>
  <c r="E6038" i="2" a="1"/>
  <c r="E6038" i="2" s="1"/>
  <c r="E6047" i="2" a="1"/>
  <c r="E6047" i="2" s="1"/>
  <c r="E6053" i="2" a="1"/>
  <c r="E6053" i="2" s="1"/>
  <c r="E6034" i="2" a="1"/>
  <c r="E6034" i="2" s="1"/>
  <c r="E6046" i="2" a="1"/>
  <c r="E6046" i="2" s="1"/>
  <c r="E6057" i="2" a="1"/>
  <c r="E6057" i="2" s="1"/>
  <c r="E6039" i="2" a="1"/>
  <c r="E6039" i="2" s="1"/>
  <c r="E6056" i="2" a="1"/>
  <c r="E6056" i="2" s="1"/>
  <c r="E6035" i="2" a="1"/>
  <c r="E6035" i="2" s="1"/>
  <c r="E6055" i="2" a="1"/>
  <c r="E6055" i="2" s="1"/>
  <c r="E6037" i="2" a="1"/>
  <c r="E6037" i="2" s="1"/>
  <c r="E6048" i="2" a="1"/>
  <c r="E6048" i="2" s="1"/>
  <c r="E6051" i="2" a="1"/>
  <c r="E6051" i="2" s="1"/>
  <c r="E6040" i="2" a="1"/>
  <c r="E6040" i="2" s="1"/>
  <c r="E6043" i="2" a="1"/>
  <c r="E6043" i="2" s="1"/>
  <c r="E6052" i="2" a="1"/>
  <c r="E6052" i="2" s="1"/>
  <c r="E6049" i="2" a="1"/>
  <c r="E6049" i="2" s="1"/>
  <c r="E6045" i="2" a="1"/>
  <c r="E6045" i="2" s="1"/>
  <c r="E6041" i="2" a="1"/>
  <c r="E6041" i="2" s="1"/>
  <c r="E6036" i="2" a="1"/>
  <c r="E6036" i="2" s="1"/>
  <c r="E6054" i="2" a="1"/>
  <c r="E6054" i="2" s="1"/>
  <c r="E6050" i="2" a="1"/>
  <c r="E6050" i="2" s="1"/>
  <c r="E6044" i="2" a="1"/>
  <c r="E6044" i="2" s="1"/>
  <c r="E4905" i="2" a="1"/>
  <c r="E4905" i="2" s="1"/>
  <c r="E4886" i="2" a="1"/>
  <c r="E4886" i="2" s="1"/>
  <c r="E4891" i="2" a="1"/>
  <c r="E4891" i="2" s="1"/>
  <c r="E4901" i="2" a="1"/>
  <c r="E4901" i="2" s="1"/>
  <c r="E4892" i="2" a="1"/>
  <c r="E4892" i="2" s="1"/>
  <c r="E4893" i="2" a="1"/>
  <c r="E4893" i="2" s="1"/>
  <c r="E4899" i="2" a="1"/>
  <c r="E4899" i="2" s="1"/>
  <c r="E4894" i="2" a="1"/>
  <c r="E4894" i="2" s="1"/>
  <c r="E4904" i="2" a="1"/>
  <c r="E4904" i="2" s="1"/>
  <c r="E4885" i="2" a="1"/>
  <c r="E4885" i="2" s="1"/>
  <c r="E4889" i="2" a="1"/>
  <c r="E4889" i="2" s="1"/>
  <c r="E4888" i="2" a="1"/>
  <c r="E4888" i="2" s="1"/>
  <c r="E4882" i="2" a="1"/>
  <c r="E4882" i="2" s="1"/>
  <c r="E4890" i="2" a="1"/>
  <c r="E4890" i="2" s="1"/>
  <c r="E4902" i="2" a="1"/>
  <c r="E4902" i="2" s="1"/>
  <c r="E4883" i="2" a="1"/>
  <c r="E4883" i="2" s="1"/>
  <c r="E4884" i="2" a="1"/>
  <c r="E4884" i="2" s="1"/>
  <c r="E4898" i="2" a="1"/>
  <c r="E4898" i="2" s="1"/>
  <c r="E4897" i="2" a="1"/>
  <c r="E4897" i="2" s="1"/>
  <c r="E4896" i="2" a="1"/>
  <c r="E4896" i="2" s="1"/>
  <c r="E4903" i="2" a="1"/>
  <c r="E4903" i="2" s="1"/>
  <c r="E4895" i="2" a="1"/>
  <c r="E4895" i="2" s="1"/>
  <c r="E4887" i="2" a="1"/>
  <c r="E4887" i="2" s="1"/>
  <c r="E4900" i="2" a="1"/>
  <c r="E4900" i="2" s="1"/>
  <c r="G8573" i="2" a="1"/>
  <c r="G8573" i="2" s="1"/>
  <c r="G8568" i="2" a="1"/>
  <c r="G8568" i="2" s="1"/>
  <c r="G8572" i="2" a="1"/>
  <c r="G8572" i="2" s="1"/>
  <c r="G8576" i="2" a="1"/>
  <c r="G8576" i="2" s="1"/>
  <c r="G8555" i="2" a="1"/>
  <c r="G8555" i="2" s="1"/>
  <c r="E8733" i="2" a="1"/>
  <c r="E8733" i="2" s="1"/>
  <c r="E8742" i="2" a="1"/>
  <c r="E8742" i="2" s="1"/>
  <c r="E8731" i="2" a="1"/>
  <c r="E8731" i="2" s="1"/>
  <c r="E8734" i="2" a="1"/>
  <c r="E8734" i="2" s="1"/>
  <c r="E8723" i="2" a="1"/>
  <c r="E8723" i="2" s="1"/>
  <c r="E8722" i="2" a="1"/>
  <c r="E8722" i="2" s="1"/>
  <c r="E8735" i="2" a="1"/>
  <c r="E8735" i="2" s="1"/>
  <c r="E8730" i="2" a="1"/>
  <c r="E8730" i="2" s="1"/>
  <c r="E8729" i="2" a="1"/>
  <c r="E8729" i="2" s="1"/>
  <c r="E8732" i="2" a="1"/>
  <c r="E8732" i="2" s="1"/>
  <c r="E8739" i="2" a="1"/>
  <c r="E8739" i="2" s="1"/>
  <c r="E8740" i="2" a="1"/>
  <c r="E8740" i="2" s="1"/>
  <c r="E8727" i="2" a="1"/>
  <c r="E8727" i="2" s="1"/>
  <c r="E8726" i="2" a="1"/>
  <c r="E8726" i="2" s="1"/>
  <c r="E8741" i="2" a="1"/>
  <c r="E8741" i="2" s="1"/>
  <c r="E8724" i="2" a="1"/>
  <c r="E8724" i="2" s="1"/>
  <c r="E8738" i="2" a="1"/>
  <c r="E8738" i="2" s="1"/>
  <c r="E8725" i="2" a="1"/>
  <c r="E8725" i="2" s="1"/>
  <c r="E8744" i="2" a="1"/>
  <c r="E8744" i="2" s="1"/>
  <c r="E8728" i="2" a="1"/>
  <c r="E8728" i="2" s="1"/>
  <c r="E8736" i="2" a="1"/>
  <c r="E8736" i="2" s="1"/>
  <c r="E8737" i="2" a="1"/>
  <c r="E8737" i="2" s="1"/>
  <c r="E8743" i="2" a="1"/>
  <c r="E8743" i="2" s="1"/>
  <c r="E8745" i="2" a="1"/>
  <c r="E8745" i="2" s="1"/>
  <c r="F1695" i="2" a="1"/>
  <c r="F1695" i="2" s="1"/>
  <c r="F1711" i="2" a="1"/>
  <c r="F1711" i="2" s="1"/>
  <c r="F1707" i="2" a="1"/>
  <c r="F1707" i="2" s="1"/>
  <c r="F1696" i="2" a="1"/>
  <c r="F1696" i="2" s="1"/>
  <c r="F1704" i="2" a="1"/>
  <c r="F1704" i="2" s="1"/>
  <c r="F1712" i="2" a="1"/>
  <c r="F1712" i="2" s="1"/>
  <c r="F1697" i="2" a="1"/>
  <c r="F1697" i="2" s="1"/>
  <c r="F1709" i="2" a="1"/>
  <c r="F1709" i="2" s="1"/>
  <c r="F1690" i="2" a="1"/>
  <c r="F1690" i="2" s="1"/>
  <c r="F1699" i="2" a="1"/>
  <c r="F1699" i="2" s="1"/>
  <c r="F1693" i="2" a="1"/>
  <c r="F1693" i="2" s="1"/>
  <c r="F1701" i="2" a="1"/>
  <c r="F1701" i="2" s="1"/>
  <c r="F1705" i="2" a="1"/>
  <c r="F1705" i="2" s="1"/>
  <c r="F1702" i="2" a="1"/>
  <c r="F1702" i="2" s="1"/>
  <c r="F1706" i="2" a="1"/>
  <c r="F1706" i="2" s="1"/>
  <c r="F1700" i="2" a="1"/>
  <c r="F1700" i="2" s="1"/>
  <c r="F1691" i="2" a="1"/>
  <c r="F1691" i="2" s="1"/>
  <c r="F1692" i="2" a="1"/>
  <c r="F1692" i="2" s="1"/>
  <c r="F1710" i="2" a="1"/>
  <c r="F1710" i="2" s="1"/>
  <c r="F1708" i="2" a="1"/>
  <c r="F1708" i="2" s="1"/>
  <c r="F1694" i="2" a="1"/>
  <c r="F1694" i="2" s="1"/>
  <c r="F1713" i="2" a="1"/>
  <c r="F1713" i="2" s="1"/>
  <c r="F1698" i="2" a="1"/>
  <c r="F1698" i="2" s="1"/>
  <c r="F1703" i="2" a="1"/>
  <c r="F1703" i="2" s="1"/>
  <c r="D3368" i="2" a="1"/>
  <c r="D3368" i="2" s="1"/>
  <c r="D3357" i="2" a="1"/>
  <c r="D3357" i="2" s="1"/>
  <c r="D3354" i="2" a="1"/>
  <c r="D3354" i="2" s="1"/>
  <c r="D3369" i="2" a="1"/>
  <c r="D3369" i="2" s="1"/>
  <c r="D3360" i="2" a="1"/>
  <c r="D3360" i="2" s="1"/>
  <c r="D3361" i="2" a="1"/>
  <c r="D3361" i="2" s="1"/>
  <c r="D3356" i="2" a="1"/>
  <c r="D3356" i="2" s="1"/>
  <c r="D3351" i="2" a="1"/>
  <c r="D3351" i="2" s="1"/>
  <c r="D3367" i="2" a="1"/>
  <c r="D3367" i="2" s="1"/>
  <c r="D3359" i="2" a="1"/>
  <c r="D3359" i="2" s="1"/>
  <c r="D3364" i="2" a="1"/>
  <c r="D3364" i="2" s="1"/>
  <c r="D3355" i="2" a="1"/>
  <c r="D3355" i="2" s="1"/>
  <c r="D3365" i="2" a="1"/>
  <c r="D3365" i="2" s="1"/>
  <c r="D3348" i="2" a="1"/>
  <c r="D3348" i="2" s="1"/>
  <c r="D3347" i="2" a="1"/>
  <c r="D3347" i="2" s="1"/>
  <c r="D3350" i="2" a="1"/>
  <c r="D3350" i="2" s="1"/>
  <c r="D3362" i="2" a="1"/>
  <c r="D3362" i="2" s="1"/>
  <c r="D3363" i="2" a="1"/>
  <c r="D3363" i="2" s="1"/>
  <c r="D3352" i="2" a="1"/>
  <c r="D3352" i="2" s="1"/>
  <c r="D3353" i="2" a="1"/>
  <c r="D3353" i="2" s="1"/>
  <c r="D3349" i="2" a="1"/>
  <c r="D3349" i="2" s="1"/>
  <c r="D3366" i="2" a="1"/>
  <c r="D3366" i="2" s="1"/>
  <c r="D3358" i="2" a="1"/>
  <c r="D3358" i="2" s="1"/>
  <c r="D3346" i="2" a="1"/>
  <c r="D3346" i="2" s="1"/>
  <c r="G8408" i="2" a="1"/>
  <c r="G8408" i="2" s="1"/>
  <c r="G8409" i="2" a="1"/>
  <c r="G8409" i="2" s="1"/>
  <c r="G8387" i="2" a="1"/>
  <c r="G8387" i="2" s="1"/>
  <c r="G8407" i="2" a="1"/>
  <c r="G8407" i="2" s="1"/>
  <c r="G8395" i="2" a="1"/>
  <c r="G8395" i="2" s="1"/>
  <c r="G8393" i="2" a="1"/>
  <c r="G8393" i="2" s="1"/>
  <c r="G8396" i="2" a="1"/>
  <c r="G8396" i="2" s="1"/>
  <c r="G8402" i="2" a="1"/>
  <c r="G8402" i="2" s="1"/>
  <c r="G8400" i="2" a="1"/>
  <c r="G8400" i="2" s="1"/>
  <c r="G8405" i="2" a="1"/>
  <c r="G8405" i="2" s="1"/>
  <c r="G8397" i="2" a="1"/>
  <c r="G8397" i="2" s="1"/>
  <c r="G8401" i="2" a="1"/>
  <c r="G8401" i="2" s="1"/>
  <c r="G8398" i="2" a="1"/>
  <c r="G8398" i="2" s="1"/>
  <c r="G8404" i="2" a="1"/>
  <c r="G8404" i="2" s="1"/>
  <c r="G8392" i="2" a="1"/>
  <c r="G8392" i="2" s="1"/>
  <c r="G2045" i="2" a="1"/>
  <c r="G2045" i="2" s="1"/>
  <c r="G2049" i="2" a="1"/>
  <c r="G2049" i="2" s="1"/>
  <c r="G2030" i="2" a="1"/>
  <c r="G2030" i="2" s="1"/>
  <c r="G2026" i="2" a="1"/>
  <c r="G2026" i="2" s="1"/>
  <c r="G2028" i="2" a="1"/>
  <c r="G2028" i="2" s="1"/>
  <c r="G2046" i="2" a="1"/>
  <c r="G2046" i="2" s="1"/>
  <c r="G2037" i="2" a="1"/>
  <c r="G2037" i="2" s="1"/>
  <c r="G2034" i="2" a="1"/>
  <c r="G2034" i="2" s="1"/>
  <c r="G2047" i="2" a="1"/>
  <c r="G2047" i="2" s="1"/>
  <c r="G2048" i="2" a="1"/>
  <c r="G2048" i="2" s="1"/>
  <c r="G2035" i="2" a="1"/>
  <c r="G2035" i="2" s="1"/>
  <c r="G2041" i="2" a="1"/>
  <c r="G2041" i="2" s="1"/>
  <c r="G2027" i="2" a="1"/>
  <c r="G2027" i="2" s="1"/>
  <c r="G2036" i="2" a="1"/>
  <c r="G2036" i="2" s="1"/>
  <c r="G2031" i="2" a="1"/>
  <c r="G2031" i="2" s="1"/>
  <c r="G2032" i="2" a="1"/>
  <c r="G2032" i="2" s="1"/>
  <c r="G2033" i="2" a="1"/>
  <c r="G2033" i="2" s="1"/>
  <c r="G2043" i="2" a="1"/>
  <c r="G2043" i="2" s="1"/>
  <c r="G2040" i="2" a="1"/>
  <c r="G2040" i="2" s="1"/>
  <c r="G2044" i="2" a="1"/>
  <c r="G2044" i="2" s="1"/>
  <c r="G2038" i="2" a="1"/>
  <c r="G2038" i="2" s="1"/>
  <c r="G2029" i="2" a="1"/>
  <c r="G2029" i="2" s="1"/>
  <c r="G2042" i="2" a="1"/>
  <c r="G2042" i="2" s="1"/>
  <c r="G2039" i="2" a="1"/>
  <c r="G2039" i="2" s="1"/>
  <c r="E3359" i="2" a="1"/>
  <c r="E3359" i="2" s="1"/>
  <c r="E3362" i="2" a="1"/>
  <c r="E3362" i="2" s="1"/>
  <c r="E3358" i="2" a="1"/>
  <c r="E3358" i="2" s="1"/>
  <c r="E3364" i="2" a="1"/>
  <c r="E3364" i="2" s="1"/>
  <c r="E3349" i="2" a="1"/>
  <c r="E3349" i="2" s="1"/>
  <c r="E3352" i="2" a="1"/>
  <c r="E3352" i="2" s="1"/>
  <c r="E3360" i="2" a="1"/>
  <c r="E3360" i="2" s="1"/>
  <c r="E3363" i="2" a="1"/>
  <c r="E3363" i="2" s="1"/>
  <c r="E3367" i="2" a="1"/>
  <c r="E3367" i="2" s="1"/>
  <c r="E3366" i="2" a="1"/>
  <c r="E3366" i="2" s="1"/>
  <c r="E3350" i="2" a="1"/>
  <c r="E3350" i="2" s="1"/>
  <c r="E3346" i="2" a="1"/>
  <c r="E3346" i="2" s="1"/>
  <c r="E3357" i="2" a="1"/>
  <c r="E3357" i="2" s="1"/>
  <c r="E3361" i="2" a="1"/>
  <c r="E3361" i="2" s="1"/>
  <c r="E3351" i="2" a="1"/>
  <c r="E3351" i="2" s="1"/>
  <c r="E3355" i="2" a="1"/>
  <c r="E3355" i="2" s="1"/>
  <c r="E3356" i="2" a="1"/>
  <c r="E3356" i="2" s="1"/>
  <c r="E3347" i="2" a="1"/>
  <c r="E3347" i="2" s="1"/>
  <c r="E3354" i="2" a="1"/>
  <c r="E3354" i="2" s="1"/>
  <c r="E3368" i="2" a="1"/>
  <c r="E3368" i="2" s="1"/>
  <c r="E3369" i="2" a="1"/>
  <c r="E3369" i="2" s="1"/>
  <c r="E3353" i="2" a="1"/>
  <c r="E3353" i="2" s="1"/>
  <c r="E3365" i="2" a="1"/>
  <c r="E3365" i="2" s="1"/>
  <c r="E3348" i="2" a="1"/>
  <c r="E3348" i="2" s="1"/>
  <c r="G1520" i="2" a="1"/>
  <c r="G1520" i="2" s="1"/>
  <c r="G1521" i="2" a="1"/>
  <c r="G1521" i="2" s="1"/>
  <c r="G1517" i="2" a="1"/>
  <c r="G1517" i="2" s="1"/>
  <c r="G1502" i="2" a="1"/>
  <c r="G1502" i="2" s="1"/>
  <c r="G1515" i="2" a="1"/>
  <c r="G1515" i="2" s="1"/>
  <c r="G1498" i="2" a="1"/>
  <c r="G1498" i="2" s="1"/>
  <c r="G1516" i="2" a="1"/>
  <c r="G1516" i="2" s="1"/>
  <c r="G1518" i="2" a="1"/>
  <c r="G1518" i="2" s="1"/>
  <c r="G1507" i="2" a="1"/>
  <c r="G1507" i="2" s="1"/>
  <c r="G1519" i="2" a="1"/>
  <c r="G1519" i="2" s="1"/>
  <c r="G1514" i="2" a="1"/>
  <c r="G1514" i="2" s="1"/>
  <c r="G1509" i="2" a="1"/>
  <c r="G1509" i="2" s="1"/>
  <c r="G1500" i="2" a="1"/>
  <c r="G1500" i="2" s="1"/>
  <c r="G1508" i="2" a="1"/>
  <c r="G1508" i="2" s="1"/>
  <c r="G1499" i="2" a="1"/>
  <c r="G1499" i="2" s="1"/>
  <c r="G1510" i="2" a="1"/>
  <c r="G1510" i="2" s="1"/>
  <c r="G1501" i="2" a="1"/>
  <c r="G1501" i="2" s="1"/>
  <c r="G1506" i="2" a="1"/>
  <c r="G1506" i="2" s="1"/>
  <c r="G1504" i="2" a="1"/>
  <c r="G1504" i="2" s="1"/>
  <c r="G1511" i="2" a="1"/>
  <c r="G1511" i="2" s="1"/>
  <c r="G1513" i="2" a="1"/>
  <c r="G1513" i="2" s="1"/>
  <c r="G1503" i="2" a="1"/>
  <c r="G1503" i="2" s="1"/>
  <c r="G1512" i="2" a="1"/>
  <c r="G1512" i="2" s="1"/>
  <c r="G1505" i="2" a="1"/>
  <c r="G1505" i="2" s="1"/>
  <c r="E7918" i="2" a="1"/>
  <c r="E7918" i="2" s="1"/>
  <c r="E7909" i="2" a="1"/>
  <c r="E7909" i="2" s="1"/>
  <c r="E7927" i="2" a="1"/>
  <c r="E7927" i="2" s="1"/>
  <c r="E7914" i="2" a="1"/>
  <c r="E7914" i="2" s="1"/>
  <c r="E7912" i="2" a="1"/>
  <c r="E7912" i="2" s="1"/>
  <c r="E7920" i="2" a="1"/>
  <c r="E7920" i="2" s="1"/>
  <c r="E7925" i="2" a="1"/>
  <c r="E7925" i="2" s="1"/>
  <c r="E7929" i="2" a="1"/>
  <c r="E7929" i="2" s="1"/>
  <c r="E7919" i="2" a="1"/>
  <c r="E7919" i="2" s="1"/>
  <c r="E7908" i="2" a="1"/>
  <c r="E7908" i="2" s="1"/>
  <c r="E7917" i="2" a="1"/>
  <c r="E7917" i="2" s="1"/>
  <c r="E7922" i="2" a="1"/>
  <c r="E7922" i="2" s="1"/>
  <c r="E7928" i="2" a="1"/>
  <c r="E7928" i="2" s="1"/>
  <c r="E7923" i="2" a="1"/>
  <c r="E7923" i="2" s="1"/>
  <c r="E7924" i="2" a="1"/>
  <c r="E7924" i="2" s="1"/>
  <c r="E7907" i="2" a="1"/>
  <c r="E7907" i="2" s="1"/>
  <c r="E7926" i="2" a="1"/>
  <c r="E7926" i="2" s="1"/>
  <c r="E7911" i="2" a="1"/>
  <c r="E7911" i="2" s="1"/>
  <c r="E7913" i="2" a="1"/>
  <c r="E7913" i="2" s="1"/>
  <c r="E7906" i="2" a="1"/>
  <c r="E7906" i="2" s="1"/>
  <c r="E7921" i="2" a="1"/>
  <c r="E7921" i="2" s="1"/>
  <c r="E7910" i="2" a="1"/>
  <c r="E7910" i="2" s="1"/>
  <c r="E7916" i="2" a="1"/>
  <c r="E7916" i="2" s="1"/>
  <c r="E7915" i="2" a="1"/>
  <c r="E7915" i="2" s="1"/>
  <c r="G4564" i="2" a="1"/>
  <c r="G4564" i="2" s="1"/>
  <c r="G4563" i="2" a="1"/>
  <c r="G4563" i="2" s="1"/>
  <c r="G4565" i="2" a="1"/>
  <c r="G4565" i="2" s="1"/>
  <c r="G4569" i="2" a="1"/>
  <c r="G4569" i="2" s="1"/>
  <c r="H1358" i="2" a="1"/>
  <c r="H1358" i="2" s="1"/>
  <c r="H1373" i="2" a="1"/>
  <c r="H1373" i="2" s="1"/>
  <c r="H1359" i="2" a="1"/>
  <c r="H1359" i="2" s="1"/>
  <c r="H1377" i="2" a="1"/>
  <c r="H1377" i="2" s="1"/>
  <c r="H1360" i="2" a="1"/>
  <c r="H1360" i="2" s="1"/>
  <c r="H1362" i="2" a="1"/>
  <c r="H1362" i="2" s="1"/>
  <c r="H1354" i="2" a="1"/>
  <c r="H1354" i="2" s="1"/>
  <c r="H1366" i="2" a="1"/>
  <c r="H1366" i="2" s="1"/>
  <c r="H1376" i="2" a="1"/>
  <c r="H1376" i="2" s="1"/>
  <c r="H1356" i="2" a="1"/>
  <c r="H1356" i="2" s="1"/>
  <c r="H1367" i="2" a="1"/>
  <c r="H1367" i="2" s="1"/>
  <c r="H1361" i="2" a="1"/>
  <c r="H1361" i="2" s="1"/>
  <c r="H1375" i="2" a="1"/>
  <c r="H1375" i="2" s="1"/>
  <c r="H1363" i="2" a="1"/>
  <c r="H1363" i="2" s="1"/>
  <c r="H1370" i="2" a="1"/>
  <c r="H1370" i="2" s="1"/>
  <c r="H1355" i="2" a="1"/>
  <c r="H1355" i="2" s="1"/>
  <c r="H1364" i="2" a="1"/>
  <c r="H1364" i="2" s="1"/>
  <c r="H1365" i="2" a="1"/>
  <c r="H1365" i="2" s="1"/>
  <c r="H1368" i="2" a="1"/>
  <c r="H1368" i="2" s="1"/>
  <c r="H1369" i="2" a="1"/>
  <c r="H1369" i="2" s="1"/>
  <c r="H1374" i="2" a="1"/>
  <c r="H1374" i="2" s="1"/>
  <c r="H1372" i="2" a="1"/>
  <c r="H1372" i="2" s="1"/>
  <c r="H1371" i="2" a="1"/>
  <c r="H1371" i="2" s="1"/>
  <c r="H1357" i="2" a="1"/>
  <c r="H1357" i="2" s="1"/>
  <c r="F3012" i="2" a="1"/>
  <c r="F3012" i="2" s="1"/>
  <c r="F3027" i="2" a="1"/>
  <c r="F3027" i="2" s="1"/>
  <c r="F3013" i="2" a="1"/>
  <c r="F3013" i="2" s="1"/>
  <c r="F3016" i="2" a="1"/>
  <c r="F3016" i="2" s="1"/>
  <c r="F3026" i="2" a="1"/>
  <c r="F3026" i="2" s="1"/>
  <c r="F3032" i="2" a="1"/>
  <c r="F3032" i="2" s="1"/>
  <c r="F3019" i="2" a="1"/>
  <c r="F3019" i="2" s="1"/>
  <c r="F3024" i="2" a="1"/>
  <c r="F3024" i="2" s="1"/>
  <c r="F3025" i="2" a="1"/>
  <c r="F3025" i="2" s="1"/>
  <c r="F3010" i="2" a="1"/>
  <c r="F3010" i="2" s="1"/>
  <c r="F3014" i="2" a="1"/>
  <c r="F3014" i="2" s="1"/>
  <c r="F3030" i="2" a="1"/>
  <c r="F3030" i="2" s="1"/>
  <c r="D6581" i="2" a="1"/>
  <c r="D6581" i="2" s="1"/>
  <c r="D6562" i="2" a="1"/>
  <c r="D6562" i="2" s="1"/>
  <c r="D6564" i="2" a="1"/>
  <c r="D6564" i="2" s="1"/>
  <c r="D6567" i="2" a="1"/>
  <c r="D6567" i="2" s="1"/>
  <c r="D6579" i="2" a="1"/>
  <c r="D6579" i="2" s="1"/>
  <c r="D6565" i="2" a="1"/>
  <c r="D6565" i="2" s="1"/>
  <c r="D6566" i="2" a="1"/>
  <c r="D6566" i="2" s="1"/>
  <c r="D6573" i="2" a="1"/>
  <c r="D6573" i="2" s="1"/>
  <c r="D6577" i="2" a="1"/>
  <c r="D6577" i="2" s="1"/>
  <c r="D6568" i="2" a="1"/>
  <c r="D6568" i="2" s="1"/>
  <c r="D6582" i="2" a="1"/>
  <c r="D6582" i="2" s="1"/>
  <c r="D6570" i="2" a="1"/>
  <c r="D6570" i="2" s="1"/>
  <c r="D6584" i="2" a="1"/>
  <c r="D6584" i="2" s="1"/>
  <c r="D6571" i="2" a="1"/>
  <c r="D6571" i="2" s="1"/>
  <c r="D6563" i="2" a="1"/>
  <c r="D6563" i="2" s="1"/>
  <c r="D6572" i="2" a="1"/>
  <c r="D6572" i="2" s="1"/>
  <c r="D6585" i="2" a="1"/>
  <c r="D6585" i="2" s="1"/>
  <c r="D6578" i="2" a="1"/>
  <c r="D6578" i="2" s="1"/>
  <c r="D6575" i="2" a="1"/>
  <c r="D6575" i="2" s="1"/>
  <c r="D6580" i="2" a="1"/>
  <c r="D6580" i="2" s="1"/>
  <c r="D6569" i="2" a="1"/>
  <c r="D6569" i="2" s="1"/>
  <c r="D6583" i="2" a="1"/>
  <c r="D6583" i="2" s="1"/>
  <c r="D6574" i="2" a="1"/>
  <c r="D6574" i="2" s="1"/>
  <c r="D6576" i="2" a="1"/>
  <c r="D6576" i="2" s="1"/>
  <c r="E8073" i="2" a="1"/>
  <c r="E8073" i="2" s="1"/>
  <c r="E8054" i="2" a="1"/>
  <c r="E8054" i="2" s="1"/>
  <c r="E8056" i="2" a="1"/>
  <c r="E8056" i="2" s="1"/>
  <c r="E8052" i="2" a="1"/>
  <c r="E8052" i="2" s="1"/>
  <c r="E8063" i="2" a="1"/>
  <c r="E8063" i="2" s="1"/>
  <c r="E8072" i="2" a="1"/>
  <c r="E8072" i="2" s="1"/>
  <c r="E8064" i="2" a="1"/>
  <c r="E8064" i="2" s="1"/>
  <c r="E8051" i="2" a="1"/>
  <c r="E8051" i="2" s="1"/>
  <c r="E8065" i="2" a="1"/>
  <c r="E8065" i="2" s="1"/>
  <c r="E8058" i="2" a="1"/>
  <c r="E8058" i="2" s="1"/>
  <c r="E8066" i="2" a="1"/>
  <c r="E8066" i="2" s="1"/>
  <c r="E8055" i="2" a="1"/>
  <c r="E8055" i="2" s="1"/>
  <c r="E8067" i="2" a="1"/>
  <c r="E8067" i="2" s="1"/>
  <c r="E8057" i="2" a="1"/>
  <c r="E8057" i="2" s="1"/>
  <c r="E8059" i="2" a="1"/>
  <c r="E8059" i="2" s="1"/>
  <c r="E8069" i="2" a="1"/>
  <c r="E8069" i="2" s="1"/>
  <c r="E8053" i="2" a="1"/>
  <c r="E8053" i="2" s="1"/>
  <c r="E8061" i="2" a="1"/>
  <c r="E8061" i="2" s="1"/>
  <c r="E8068" i="2" a="1"/>
  <c r="E8068" i="2" s="1"/>
  <c r="E8062" i="2" a="1"/>
  <c r="E8062" i="2" s="1"/>
  <c r="E8070" i="2" a="1"/>
  <c r="E8070" i="2" s="1"/>
  <c r="E8060" i="2" a="1"/>
  <c r="E8060" i="2" s="1"/>
  <c r="E8071" i="2" a="1"/>
  <c r="E8071" i="2" s="1"/>
  <c r="E8050" i="2" a="1"/>
  <c r="E8050" i="2" s="1"/>
  <c r="H4642" i="2" a="1"/>
  <c r="H4642" i="2" s="1"/>
  <c r="H4661" i="2" a="1"/>
  <c r="H4661" i="2" s="1"/>
  <c r="H4665" i="2" a="1"/>
  <c r="H4665" i="2" s="1"/>
  <c r="H4652" i="2" a="1"/>
  <c r="H4652" i="2" s="1"/>
  <c r="H4645" i="2" a="1"/>
  <c r="H4645" i="2" s="1"/>
  <c r="H4646" i="2" a="1"/>
  <c r="H4646" i="2" s="1"/>
  <c r="H4655" i="2" a="1"/>
  <c r="H4655" i="2" s="1"/>
  <c r="H4662" i="2" a="1"/>
  <c r="H4662" i="2" s="1"/>
  <c r="H4647" i="2" a="1"/>
  <c r="H4647" i="2" s="1"/>
  <c r="H4656" i="2" a="1"/>
  <c r="H4656" i="2" s="1"/>
  <c r="H4664" i="2" a="1"/>
  <c r="H4664" i="2" s="1"/>
  <c r="H4648" i="2" a="1"/>
  <c r="H4648" i="2" s="1"/>
  <c r="H4657" i="2" a="1"/>
  <c r="H4657" i="2" s="1"/>
  <c r="H4663" i="2" a="1"/>
  <c r="H4663" i="2" s="1"/>
  <c r="H4649" i="2" a="1"/>
  <c r="H4649" i="2" s="1"/>
  <c r="H4658" i="2" a="1"/>
  <c r="H4658" i="2" s="1"/>
  <c r="H4653" i="2" a="1"/>
  <c r="H4653" i="2" s="1"/>
  <c r="H4659" i="2" a="1"/>
  <c r="H4659" i="2" s="1"/>
  <c r="H4650" i="2" a="1"/>
  <c r="H4650" i="2" s="1"/>
  <c r="H4643" i="2" a="1"/>
  <c r="H4643" i="2" s="1"/>
  <c r="H4654" i="2" a="1"/>
  <c r="H4654" i="2" s="1"/>
  <c r="H4660" i="2" a="1"/>
  <c r="H4660" i="2" s="1"/>
  <c r="H4644" i="2" a="1"/>
  <c r="H4644" i="2" s="1"/>
  <c r="H4651" i="2" a="1"/>
  <c r="H4651" i="2" s="1"/>
  <c r="E3681" i="2" a="1"/>
  <c r="E3681" i="2" s="1"/>
  <c r="E3677" i="2" a="1"/>
  <c r="E3677" i="2" s="1"/>
  <c r="E3680" i="2" a="1"/>
  <c r="E3680" i="2" s="1"/>
  <c r="E3669" i="2" a="1"/>
  <c r="E3669" i="2" s="1"/>
  <c r="E3660" i="2" a="1"/>
  <c r="E3660" i="2" s="1"/>
  <c r="E3678" i="2" a="1"/>
  <c r="E3678" i="2" s="1"/>
  <c r="E3672" i="2" a="1"/>
  <c r="E3672" i="2" s="1"/>
  <c r="E3661" i="2" a="1"/>
  <c r="E3661" i="2" s="1"/>
  <c r="E3670" i="2" a="1"/>
  <c r="E3670" i="2" s="1"/>
  <c r="E3664" i="2" a="1"/>
  <c r="E3664" i="2" s="1"/>
  <c r="E3662" i="2" a="1"/>
  <c r="E3662" i="2" s="1"/>
  <c r="E3665" i="2" a="1"/>
  <c r="E3665" i="2" s="1"/>
  <c r="E3658" i="2" a="1"/>
  <c r="E3658" i="2" s="1"/>
  <c r="E3675" i="2" a="1"/>
  <c r="E3675" i="2" s="1"/>
  <c r="E3671" i="2" a="1"/>
  <c r="E3671" i="2" s="1"/>
  <c r="E3673" i="2" a="1"/>
  <c r="E3673" i="2" s="1"/>
  <c r="E3667" i="2" a="1"/>
  <c r="E3667" i="2" s="1"/>
  <c r="E3666" i="2" a="1"/>
  <c r="E3666" i="2" s="1"/>
  <c r="E3663" i="2" a="1"/>
  <c r="E3663" i="2" s="1"/>
  <c r="E3668" i="2" a="1"/>
  <c r="E3668" i="2" s="1"/>
  <c r="E3679" i="2" a="1"/>
  <c r="E3679" i="2" s="1"/>
  <c r="E3674" i="2" a="1"/>
  <c r="E3674" i="2" s="1"/>
  <c r="E3659" i="2" a="1"/>
  <c r="E3659" i="2" s="1"/>
  <c r="E3676" i="2" a="1"/>
  <c r="E3676" i="2" s="1"/>
  <c r="H5310" i="2" a="1"/>
  <c r="H5310" i="2" s="1"/>
  <c r="H5293" i="2" a="1"/>
  <c r="H5293" i="2" s="1"/>
  <c r="H5307" i="2" a="1"/>
  <c r="H5307" i="2" s="1"/>
  <c r="H5311" i="2" a="1"/>
  <c r="H5311" i="2" s="1"/>
  <c r="H5298" i="2" a="1"/>
  <c r="H5298" i="2" s="1"/>
  <c r="H5308" i="2" a="1"/>
  <c r="H5308" i="2" s="1"/>
  <c r="H5302" i="2" a="1"/>
  <c r="H5302" i="2" s="1"/>
  <c r="H5299" i="2" a="1"/>
  <c r="H5299" i="2" s="1"/>
  <c r="H5300" i="2" a="1"/>
  <c r="H5300" i="2" s="1"/>
  <c r="H5292" i="2" a="1"/>
  <c r="H5292" i="2" s="1"/>
  <c r="H5303" i="2" a="1"/>
  <c r="H5303" i="2" s="1"/>
  <c r="H5304" i="2" a="1"/>
  <c r="H5304" i="2" s="1"/>
  <c r="H5301" i="2" a="1"/>
  <c r="H5301" i="2" s="1"/>
  <c r="H5295" i="2" a="1"/>
  <c r="H5295" i="2" s="1"/>
  <c r="H5313" i="2" a="1"/>
  <c r="H5313" i="2" s="1"/>
  <c r="H5305" i="2" a="1"/>
  <c r="H5305" i="2" s="1"/>
  <c r="H5296" i="2" a="1"/>
  <c r="H5296" i="2" s="1"/>
  <c r="H5297" i="2" a="1"/>
  <c r="H5297" i="2" s="1"/>
  <c r="H5306" i="2" a="1"/>
  <c r="H5306" i="2" s="1"/>
  <c r="H5309" i="2" a="1"/>
  <c r="H5309" i="2" s="1"/>
  <c r="H5312" i="2" a="1"/>
  <c r="H5312" i="2" s="1"/>
  <c r="H5290" i="2" a="1"/>
  <c r="H5290" i="2" s="1"/>
  <c r="H5294" i="2" a="1"/>
  <c r="H5294" i="2" s="1"/>
  <c r="H5291" i="2" a="1"/>
  <c r="H5291" i="2" s="1"/>
  <c r="F7538" i="2" a="1"/>
  <c r="F7538" i="2" s="1"/>
  <c r="F7524" i="2" a="1"/>
  <c r="F7524" i="2" s="1"/>
  <c r="F7535" i="2" a="1"/>
  <c r="F7535" i="2" s="1"/>
  <c r="F7539" i="2" a="1"/>
  <c r="F7539" i="2" s="1"/>
  <c r="F7525" i="2" a="1"/>
  <c r="F7525" i="2" s="1"/>
  <c r="F7534" i="2" a="1"/>
  <c r="F7534" i="2" s="1"/>
  <c r="F7543" i="2" a="1"/>
  <c r="F7543" i="2" s="1"/>
  <c r="F7537" i="2" a="1"/>
  <c r="F7537" i="2" s="1"/>
  <c r="F7527" i="2" a="1"/>
  <c r="F7527" i="2" s="1"/>
  <c r="F7526" i="2" a="1"/>
  <c r="F7526" i="2" s="1"/>
  <c r="F7531" i="2" a="1"/>
  <c r="F7531" i="2" s="1"/>
  <c r="F7528" i="2" a="1"/>
  <c r="F7528" i="2" s="1"/>
  <c r="F7540" i="2" a="1"/>
  <c r="F7540" i="2" s="1"/>
  <c r="F7529" i="2" a="1"/>
  <c r="F7529" i="2" s="1"/>
  <c r="F7523" i="2" a="1"/>
  <c r="F7523" i="2" s="1"/>
  <c r="F7532" i="2" a="1"/>
  <c r="F7532" i="2" s="1"/>
  <c r="F7541" i="2" a="1"/>
  <c r="F7541" i="2" s="1"/>
  <c r="F7530" i="2" a="1"/>
  <c r="F7530" i="2" s="1"/>
  <c r="F7542" i="2" a="1"/>
  <c r="F7542" i="2" s="1"/>
  <c r="F7544" i="2" a="1"/>
  <c r="F7544" i="2" s="1"/>
  <c r="F7545" i="2" a="1"/>
  <c r="F7545" i="2" s="1"/>
  <c r="F7533" i="2" a="1"/>
  <c r="F7533" i="2" s="1"/>
  <c r="F7536" i="2" a="1"/>
  <c r="F7536" i="2" s="1"/>
  <c r="F7522" i="2" a="1"/>
  <c r="F7522" i="2" s="1"/>
  <c r="AQ68" i="1"/>
  <c r="G74" i="5" s="1"/>
  <c r="AO68" i="1"/>
  <c r="E74" i="5" s="1"/>
  <c r="AN68" i="1"/>
  <c r="D74" i="5" s="1"/>
  <c r="AP68" i="1"/>
  <c r="F74" i="5" s="1"/>
  <c r="AM68" i="1"/>
  <c r="D1620" i="2" a="1"/>
  <c r="D1620" i="2" s="1"/>
  <c r="D1618" i="2" a="1"/>
  <c r="D1618" i="2" s="1"/>
  <c r="D1623" i="2" a="1"/>
  <c r="D1623" i="2" s="1"/>
  <c r="D1626" i="2" a="1"/>
  <c r="D1626" i="2" s="1"/>
  <c r="D1630" i="2" a="1"/>
  <c r="D1630" i="2" s="1"/>
  <c r="D1634" i="2" a="1"/>
  <c r="D1634" i="2" s="1"/>
  <c r="D1638" i="2" a="1"/>
  <c r="D1638" i="2" s="1"/>
  <c r="D1637" i="2" a="1"/>
  <c r="D1637" i="2" s="1"/>
  <c r="D1625" i="2" a="1"/>
  <c r="D1625" i="2" s="1"/>
  <c r="D1628" i="2" a="1"/>
  <c r="D1628" i="2" s="1"/>
  <c r="D1633" i="2" a="1"/>
  <c r="D1633" i="2" s="1"/>
  <c r="D1640" i="2" a="1"/>
  <c r="D1640" i="2" s="1"/>
  <c r="D1631" i="2" a="1"/>
  <c r="D1631" i="2" s="1"/>
  <c r="D1621" i="2" a="1"/>
  <c r="D1621" i="2" s="1"/>
  <c r="D1624" i="2" a="1"/>
  <c r="D1624" i="2" s="1"/>
  <c r="D1629" i="2" a="1"/>
  <c r="D1629" i="2" s="1"/>
  <c r="D1632" i="2" a="1"/>
  <c r="D1632" i="2" s="1"/>
  <c r="D1636" i="2" a="1"/>
  <c r="D1636" i="2" s="1"/>
  <c r="D1641" i="2" a="1"/>
  <c r="D1641" i="2" s="1"/>
  <c r="D1619" i="2" a="1"/>
  <c r="D1619" i="2" s="1"/>
  <c r="D1622" i="2" a="1"/>
  <c r="D1622" i="2" s="1"/>
  <c r="D1627" i="2" a="1"/>
  <c r="D1627" i="2" s="1"/>
  <c r="D1635" i="2" a="1"/>
  <c r="D1635" i="2" s="1"/>
  <c r="D1639" i="2" a="1"/>
  <c r="D1639" i="2" s="1"/>
  <c r="H6855" i="2" a="1"/>
  <c r="H6855" i="2" s="1"/>
  <c r="H6869" i="2" a="1"/>
  <c r="H6869" i="2" s="1"/>
  <c r="D8363" i="2" a="1"/>
  <c r="D8363" i="2" s="1"/>
  <c r="D8364" i="2" a="1"/>
  <c r="D8364" i="2" s="1"/>
  <c r="D8380" i="2" a="1"/>
  <c r="D8380" i="2" s="1"/>
  <c r="D8368" i="2" a="1"/>
  <c r="D8368" i="2" s="1"/>
  <c r="D8365" i="2" a="1"/>
  <c r="D8365" i="2" s="1"/>
  <c r="D8377" i="2" a="1"/>
  <c r="D8377" i="2" s="1"/>
  <c r="D8370" i="2" a="1"/>
  <c r="D8370" i="2" s="1"/>
  <c r="D8382" i="2" a="1"/>
  <c r="D8382" i="2" s="1"/>
  <c r="F5852" i="2" a="1"/>
  <c r="F5852" i="2" s="1"/>
  <c r="F5864" i="2" a="1"/>
  <c r="F5864" i="2" s="1"/>
  <c r="F5853" i="2" a="1"/>
  <c r="F5853" i="2" s="1"/>
  <c r="F5859" i="2" a="1"/>
  <c r="F5859" i="2" s="1"/>
  <c r="F5848" i="2" a="1"/>
  <c r="F5848" i="2" s="1"/>
  <c r="F5844" i="2" a="1"/>
  <c r="F5844" i="2" s="1"/>
  <c r="F5860" i="2" a="1"/>
  <c r="F5860" i="2" s="1"/>
  <c r="F5849" i="2" a="1"/>
  <c r="F5849" i="2" s="1"/>
  <c r="F5845" i="2" a="1"/>
  <c r="F5845" i="2" s="1"/>
  <c r="F5850" i="2" a="1"/>
  <c r="F5850" i="2" s="1"/>
  <c r="F5863" i="2" a="1"/>
  <c r="F5863" i="2" s="1"/>
  <c r="F5858" i="2" a="1"/>
  <c r="F5858" i="2" s="1"/>
  <c r="F5856" i="2" a="1"/>
  <c r="F5856" i="2" s="1"/>
  <c r="F5851" i="2" a="1"/>
  <c r="F5851" i="2" s="1"/>
  <c r="F5842" i="2" a="1"/>
  <c r="F5842" i="2" s="1"/>
  <c r="F5847" i="2" a="1"/>
  <c r="F5847" i="2" s="1"/>
  <c r="F5854" i="2" a="1"/>
  <c r="F5854" i="2" s="1"/>
  <c r="F5861" i="2" a="1"/>
  <c r="F5861" i="2" s="1"/>
  <c r="F5843" i="2" a="1"/>
  <c r="F5843" i="2" s="1"/>
  <c r="F5855" i="2" a="1"/>
  <c r="F5855" i="2" s="1"/>
  <c r="F5846" i="2" a="1"/>
  <c r="F5846" i="2" s="1"/>
  <c r="F5865" i="2" a="1"/>
  <c r="F5865" i="2" s="1"/>
  <c r="F5857" i="2" a="1"/>
  <c r="F5857" i="2" s="1"/>
  <c r="F5862" i="2" a="1"/>
  <c r="F5862" i="2" s="1"/>
  <c r="E39" i="2" a="1"/>
  <c r="E39" i="2" s="1"/>
  <c r="E55" i="2" a="1"/>
  <c r="E55" i="2" s="1"/>
  <c r="E49" i="2" a="1"/>
  <c r="E49" i="2" s="1"/>
  <c r="E57" i="2" a="1"/>
  <c r="E57" i="2" s="1"/>
  <c r="E34" i="2" a="1"/>
  <c r="E34" i="2" s="1"/>
  <c r="E37" i="2" a="1"/>
  <c r="E37" i="2" s="1"/>
  <c r="E35" i="2" a="1"/>
  <c r="E35" i="2" s="1"/>
  <c r="E38" i="2" a="1"/>
  <c r="E38" i="2" s="1"/>
  <c r="E43" i="2" a="1"/>
  <c r="E43" i="2" s="1"/>
  <c r="E50" i="2" a="1"/>
  <c r="E50" i="2" s="1"/>
  <c r="E45" i="2" a="1"/>
  <c r="E45" i="2" s="1"/>
  <c r="E46" i="2" a="1"/>
  <c r="E46" i="2" s="1"/>
  <c r="E36" i="2" a="1"/>
  <c r="E36" i="2" s="1"/>
  <c r="E52" i="2" a="1"/>
  <c r="E52" i="2" s="1"/>
  <c r="E44" i="2" a="1"/>
  <c r="E44" i="2" s="1"/>
  <c r="E51" i="2" a="1"/>
  <c r="E51" i="2" s="1"/>
  <c r="E53" i="2" a="1"/>
  <c r="E53" i="2" s="1"/>
  <c r="E47" i="2" a="1"/>
  <c r="E47" i="2" s="1"/>
  <c r="E56" i="2" a="1"/>
  <c r="E56" i="2" s="1"/>
  <c r="E41" i="2" a="1"/>
  <c r="E41" i="2" s="1"/>
  <c r="E40" i="2" a="1"/>
  <c r="E40" i="2" s="1"/>
  <c r="E42" i="2" a="1"/>
  <c r="E42" i="2" s="1"/>
  <c r="E48" i="2" a="1"/>
  <c r="E48" i="2" s="1"/>
  <c r="E54" i="2" a="1"/>
  <c r="E54" i="2" s="1"/>
  <c r="D2609" i="2" a="1"/>
  <c r="D2609" i="2" s="1"/>
  <c r="D2613" i="2" a="1"/>
  <c r="D2613" i="2" s="1"/>
  <c r="D2617" i="2" a="1"/>
  <c r="D2617" i="2" s="1"/>
  <c r="D2625" i="2" a="1"/>
  <c r="D2625" i="2" s="1"/>
  <c r="D2614" i="2" a="1"/>
  <c r="D2614" i="2" s="1"/>
  <c r="D2605" i="2" a="1"/>
  <c r="D2605" i="2" s="1"/>
  <c r="D2621" i="2" a="1"/>
  <c r="D2621" i="2" s="1"/>
  <c r="D2612" i="2" a="1"/>
  <c r="D2612" i="2" s="1"/>
  <c r="D2624" i="2" a="1"/>
  <c r="D2624" i="2" s="1"/>
  <c r="D2608" i="2" a="1"/>
  <c r="D2608" i="2" s="1"/>
  <c r="D2620" i="2" a="1"/>
  <c r="D2620" i="2" s="1"/>
  <c r="D2607" i="2" a="1"/>
  <c r="D2607" i="2" s="1"/>
  <c r="D2611" i="2" a="1"/>
  <c r="D2611" i="2" s="1"/>
  <c r="D2615" i="2" a="1"/>
  <c r="D2615" i="2" s="1"/>
  <c r="D2604" i="2" a="1"/>
  <c r="D2604" i="2" s="1"/>
  <c r="D2616" i="2" a="1"/>
  <c r="D2616" i="2" s="1"/>
  <c r="D2603" i="2" a="1"/>
  <c r="D2603" i="2" s="1"/>
  <c r="D2623" i="2" a="1"/>
  <c r="D2623" i="2" s="1"/>
  <c r="D2606" i="2" a="1"/>
  <c r="D2606" i="2" s="1"/>
  <c r="D2610" i="2" a="1"/>
  <c r="D2610" i="2" s="1"/>
  <c r="D2618" i="2" a="1"/>
  <c r="D2618" i="2" s="1"/>
  <c r="D2602" i="2" a="1"/>
  <c r="D2602" i="2" s="1"/>
  <c r="D2622" i="2" a="1"/>
  <c r="D2622" i="2" s="1"/>
  <c r="D2619" i="2" a="1"/>
  <c r="D2619" i="2" s="1"/>
  <c r="H3981" i="2" a="1"/>
  <c r="H3981" i="2" s="1"/>
  <c r="H3986" i="2" a="1"/>
  <c r="H3986" i="2" s="1"/>
  <c r="H3980" i="2" a="1"/>
  <c r="H3980" i="2" s="1"/>
  <c r="H3991" i="2" a="1"/>
  <c r="H3991" i="2" s="1"/>
  <c r="H3984" i="2" a="1"/>
  <c r="H3984" i="2" s="1"/>
  <c r="H3972" i="2" a="1"/>
  <c r="H3972" i="2" s="1"/>
  <c r="H3974" i="2" a="1"/>
  <c r="H3974" i="2" s="1"/>
  <c r="H3983" i="2" a="1"/>
  <c r="H3983" i="2" s="1"/>
  <c r="H3976" i="2" a="1"/>
  <c r="H3976" i="2" s="1"/>
  <c r="H3973" i="2" a="1"/>
  <c r="H3973" i="2" s="1"/>
  <c r="H3977" i="2" a="1"/>
  <c r="H3977" i="2" s="1"/>
  <c r="H3987" i="2" a="1"/>
  <c r="H3987" i="2" s="1"/>
  <c r="H3988" i="2" a="1"/>
  <c r="H3988" i="2" s="1"/>
  <c r="H3990" i="2" a="1"/>
  <c r="H3990" i="2" s="1"/>
  <c r="H3970" i="2" a="1"/>
  <c r="H3970" i="2" s="1"/>
  <c r="H3978" i="2" a="1"/>
  <c r="H3978" i="2" s="1"/>
  <c r="H3992" i="2" a="1"/>
  <c r="H3992" i="2" s="1"/>
  <c r="H3985" i="2" a="1"/>
  <c r="H3985" i="2" s="1"/>
  <c r="H3982" i="2" a="1"/>
  <c r="H3982" i="2" s="1"/>
  <c r="H3971" i="2" a="1"/>
  <c r="H3971" i="2" s="1"/>
  <c r="H3989" i="2" a="1"/>
  <c r="H3989" i="2" s="1"/>
  <c r="H3975" i="2" a="1"/>
  <c r="H3975" i="2" s="1"/>
  <c r="H3993" i="2" a="1"/>
  <c r="H3993" i="2" s="1"/>
  <c r="H3979" i="2" a="1"/>
  <c r="H3979" i="2" s="1"/>
  <c r="F4974" i="2" a="1"/>
  <c r="F4974" i="2" s="1"/>
  <c r="F4961" i="2" a="1"/>
  <c r="F4961" i="2" s="1"/>
  <c r="F4965" i="2" a="1"/>
  <c r="F4965" i="2" s="1"/>
  <c r="F4955" i="2" a="1"/>
  <c r="F4955" i="2" s="1"/>
  <c r="F4967" i="2" a="1"/>
  <c r="F4967" i="2" s="1"/>
  <c r="F4963" i="2" a="1"/>
  <c r="F4963" i="2" s="1"/>
  <c r="F4975" i="2" a="1"/>
  <c r="F4975" i="2" s="1"/>
  <c r="F4960" i="2" a="1"/>
  <c r="F4960" i="2" s="1"/>
  <c r="F4976" i="2" a="1"/>
  <c r="F4976" i="2" s="1"/>
  <c r="F4972" i="2" a="1"/>
  <c r="F4972" i="2" s="1"/>
  <c r="F4954" i="2" a="1"/>
  <c r="F4954" i="2" s="1"/>
  <c r="F4959" i="2" a="1"/>
  <c r="F4959" i="2" s="1"/>
  <c r="F4971" i="2" a="1"/>
  <c r="F4971" i="2" s="1"/>
  <c r="F4968" i="2" a="1"/>
  <c r="F4968" i="2" s="1"/>
  <c r="F4962" i="2" a="1"/>
  <c r="F4962" i="2" s="1"/>
  <c r="F4966" i="2" a="1"/>
  <c r="F4966" i="2" s="1"/>
  <c r="F4957" i="2" a="1"/>
  <c r="F4957" i="2" s="1"/>
  <c r="F4964" i="2" a="1"/>
  <c r="F4964" i="2" s="1"/>
  <c r="F4956" i="2" a="1"/>
  <c r="F4956" i="2" s="1"/>
  <c r="F4973" i="2" a="1"/>
  <c r="F4973" i="2" s="1"/>
  <c r="F4969" i="2" a="1"/>
  <c r="F4969" i="2" s="1"/>
  <c r="F4977" i="2" a="1"/>
  <c r="F4977" i="2" s="1"/>
  <c r="F4958" i="2" a="1"/>
  <c r="F4958" i="2" s="1"/>
  <c r="F4970" i="2" a="1"/>
  <c r="F4970" i="2" s="1"/>
  <c r="H5512" i="2" a="1"/>
  <c r="H5512" i="2" s="1"/>
  <c r="H5519" i="2" a="1"/>
  <c r="H5519" i="2" s="1"/>
  <c r="H5509" i="2" a="1"/>
  <c r="H5509" i="2" s="1"/>
  <c r="H5514" i="2" a="1"/>
  <c r="H5514" i="2" s="1"/>
  <c r="H5506" i="2" a="1"/>
  <c r="H5506" i="2" s="1"/>
  <c r="H5521" i="2" a="1"/>
  <c r="H5521" i="2" s="1"/>
  <c r="H5523" i="2" a="1"/>
  <c r="H5523" i="2" s="1"/>
  <c r="H5517" i="2" a="1"/>
  <c r="H5517" i="2" s="1"/>
  <c r="H5522" i="2" a="1"/>
  <c r="H5522" i="2" s="1"/>
  <c r="H5518" i="2" a="1"/>
  <c r="H5518" i="2" s="1"/>
  <c r="H5525" i="2" a="1"/>
  <c r="H5525" i="2" s="1"/>
  <c r="H5520" i="2" a="1"/>
  <c r="H5520" i="2" s="1"/>
  <c r="H5524" i="2" a="1"/>
  <c r="H5524" i="2" s="1"/>
  <c r="H5516" i="2" a="1"/>
  <c r="H5516" i="2" s="1"/>
  <c r="H5511" i="2" a="1"/>
  <c r="H5511" i="2" s="1"/>
  <c r="H5526" i="2" a="1"/>
  <c r="H5526" i="2" s="1"/>
  <c r="AQ102" i="1"/>
  <c r="G108" i="5" s="1"/>
  <c r="AN102" i="1"/>
  <c r="D108" i="5" s="1"/>
  <c r="AO102" i="1"/>
  <c r="E108" i="5" s="1"/>
  <c r="AP102" i="1"/>
  <c r="F108" i="5" s="1"/>
  <c r="AM102" i="1"/>
  <c r="D2434" i="2" a="1"/>
  <c r="D2434" i="2" s="1"/>
  <c r="D2446" i="2" a="1"/>
  <c r="D2446" i="2" s="1"/>
  <c r="D2450" i="2" a="1"/>
  <c r="D2450" i="2" s="1"/>
  <c r="D2454" i="2" a="1"/>
  <c r="D2454" i="2" s="1"/>
  <c r="D2438" i="2" a="1"/>
  <c r="D2438" i="2" s="1"/>
  <c r="D2437" i="2" a="1"/>
  <c r="D2437" i="2" s="1"/>
  <c r="D2441" i="2" a="1"/>
  <c r="D2441" i="2" s="1"/>
  <c r="D2445" i="2" a="1"/>
  <c r="D2445" i="2" s="1"/>
  <c r="D2449" i="2" a="1"/>
  <c r="D2449" i="2" s="1"/>
  <c r="D2453" i="2" a="1"/>
  <c r="D2453" i="2" s="1"/>
  <c r="D2457" i="2" a="1"/>
  <c r="D2457" i="2" s="1"/>
  <c r="D2442" i="2" a="1"/>
  <c r="D2442" i="2" s="1"/>
  <c r="D2444" i="2" a="1"/>
  <c r="D2444" i="2" s="1"/>
  <c r="D2456" i="2" a="1"/>
  <c r="D2456" i="2" s="1"/>
  <c r="D2440" i="2" a="1"/>
  <c r="D2440" i="2" s="1"/>
  <c r="D2448" i="2" a="1"/>
  <c r="D2448" i="2" s="1"/>
  <c r="D2452" i="2" a="1"/>
  <c r="D2452" i="2" s="1"/>
  <c r="D2435" i="2" a="1"/>
  <c r="D2435" i="2" s="1"/>
  <c r="D2439" i="2" a="1"/>
  <c r="D2439" i="2" s="1"/>
  <c r="D2443" i="2" a="1"/>
  <c r="D2443" i="2" s="1"/>
  <c r="D2451" i="2" a="1"/>
  <c r="D2451" i="2" s="1"/>
  <c r="D2455" i="2" a="1"/>
  <c r="D2455" i="2" s="1"/>
  <c r="D2436" i="2" a="1"/>
  <c r="D2436" i="2" s="1"/>
  <c r="D2447" i="2" a="1"/>
  <c r="D2447" i="2" s="1"/>
  <c r="G2177" i="2" a="1"/>
  <c r="G2177" i="2" s="1"/>
  <c r="G2182" i="2" a="1"/>
  <c r="G2182" i="2" s="1"/>
  <c r="G2175" i="2" a="1"/>
  <c r="G2175" i="2" s="1"/>
  <c r="G2191" i="2" a="1"/>
  <c r="G2191" i="2" s="1"/>
  <c r="G2170" i="2" a="1"/>
  <c r="G2170" i="2" s="1"/>
  <c r="G2192" i="2" a="1"/>
  <c r="G2192" i="2" s="1"/>
  <c r="G2176" i="2" a="1"/>
  <c r="G2176" i="2" s="1"/>
  <c r="G2172" i="2" a="1"/>
  <c r="G2172" i="2" s="1"/>
  <c r="G2188" i="2" a="1"/>
  <c r="G2188" i="2" s="1"/>
  <c r="G2187" i="2" a="1"/>
  <c r="G2187" i="2" s="1"/>
  <c r="G2171" i="2" a="1"/>
  <c r="G2171" i="2" s="1"/>
  <c r="G2190" i="2" a="1"/>
  <c r="G2190" i="2" s="1"/>
  <c r="G2174" i="2" a="1"/>
  <c r="G2174" i="2" s="1"/>
  <c r="G2178" i="2" a="1"/>
  <c r="G2178" i="2" s="1"/>
  <c r="F2359" i="2" a="1"/>
  <c r="F2359" i="2" s="1"/>
  <c r="F2353" i="2" a="1"/>
  <c r="F2353" i="2" s="1"/>
  <c r="F2355" i="2" a="1"/>
  <c r="F2355" i="2" s="1"/>
  <c r="H664" i="2" a="1"/>
  <c r="H664" i="2" s="1"/>
  <c r="H667" i="2" a="1"/>
  <c r="H667" i="2" s="1"/>
  <c r="H660" i="2" a="1"/>
  <c r="H660" i="2" s="1"/>
  <c r="H668" i="2" a="1"/>
  <c r="H668" i="2" s="1"/>
  <c r="H663" i="2" a="1"/>
  <c r="H663" i="2" s="1"/>
  <c r="H670" i="2" a="1"/>
  <c r="H670" i="2" s="1"/>
  <c r="H669" i="2" a="1"/>
  <c r="H669" i="2" s="1"/>
  <c r="H671" i="2" a="1"/>
  <c r="H671" i="2" s="1"/>
  <c r="H677" i="2" a="1"/>
  <c r="H677" i="2" s="1"/>
  <c r="H665" i="2" a="1"/>
  <c r="H665" i="2" s="1"/>
  <c r="H659" i="2" a="1"/>
  <c r="H659" i="2" s="1"/>
  <c r="H666" i="2" a="1"/>
  <c r="H666" i="2" s="1"/>
  <c r="H676" i="2" a="1"/>
  <c r="H676" i="2" s="1"/>
  <c r="H679" i="2" a="1"/>
  <c r="H679" i="2" s="1"/>
  <c r="H672" i="2" a="1"/>
  <c r="H672" i="2" s="1"/>
  <c r="H678" i="2" a="1"/>
  <c r="H678" i="2" s="1"/>
  <c r="H680" i="2" a="1"/>
  <c r="H680" i="2" s="1"/>
  <c r="H674" i="2" a="1"/>
  <c r="H674" i="2" s="1"/>
  <c r="H662" i="2" a="1"/>
  <c r="H662" i="2" s="1"/>
  <c r="H675" i="2" a="1"/>
  <c r="H675" i="2" s="1"/>
  <c r="H661" i="2" a="1"/>
  <c r="H661" i="2" s="1"/>
  <c r="H658" i="2" a="1"/>
  <c r="H658" i="2" s="1"/>
  <c r="H681" i="2" a="1"/>
  <c r="H681" i="2" s="1"/>
  <c r="H673" i="2" a="1"/>
  <c r="H673" i="2" s="1"/>
  <c r="D6896" i="2" a="1"/>
  <c r="D6896" i="2" s="1"/>
  <c r="D6880" i="2" a="1"/>
  <c r="D6880" i="2" s="1"/>
  <c r="D6892" i="2" a="1"/>
  <c r="D6892" i="2" s="1"/>
  <c r="D6881" i="2" a="1"/>
  <c r="D6881" i="2" s="1"/>
  <c r="D6878" i="2" a="1"/>
  <c r="D6878" i="2" s="1"/>
  <c r="D6883" i="2" a="1"/>
  <c r="D6883" i="2" s="1"/>
  <c r="D6893" i="2" a="1"/>
  <c r="D6893" i="2" s="1"/>
  <c r="D6884" i="2" a="1"/>
  <c r="D6884" i="2" s="1"/>
  <c r="D6894" i="2" a="1"/>
  <c r="D6894" i="2" s="1"/>
  <c r="D6885" i="2" a="1"/>
  <c r="D6885" i="2" s="1"/>
  <c r="D6876" i="2" a="1"/>
  <c r="D6876" i="2" s="1"/>
  <c r="D6879" i="2" a="1"/>
  <c r="D6879" i="2" s="1"/>
  <c r="D6888" i="2" a="1"/>
  <c r="D6888" i="2" s="1"/>
  <c r="D6874" i="2" a="1"/>
  <c r="D6874" i="2" s="1"/>
  <c r="D6895" i="2" a="1"/>
  <c r="D6895" i="2" s="1"/>
  <c r="D6890" i="2" a="1"/>
  <c r="D6890" i="2" s="1"/>
  <c r="D6891" i="2" a="1"/>
  <c r="D6891" i="2" s="1"/>
  <c r="D6897" i="2" a="1"/>
  <c r="D6897" i="2" s="1"/>
  <c r="D6886" i="2" a="1"/>
  <c r="D6886" i="2" s="1"/>
  <c r="D6887" i="2" a="1"/>
  <c r="D6887" i="2" s="1"/>
  <c r="D6882" i="2" a="1"/>
  <c r="D6882" i="2" s="1"/>
  <c r="D6889" i="2" a="1"/>
  <c r="D6889" i="2" s="1"/>
  <c r="D6877" i="2" a="1"/>
  <c r="D6877" i="2" s="1"/>
  <c r="D6875" i="2" a="1"/>
  <c r="D6875" i="2" s="1"/>
  <c r="E3857" i="2" a="1"/>
  <c r="E3857" i="2" s="1"/>
  <c r="E3869" i="2" a="1"/>
  <c r="E3869" i="2" s="1"/>
  <c r="E3872" i="2" a="1"/>
  <c r="E3872" i="2" s="1"/>
  <c r="E3858" i="2" a="1"/>
  <c r="E3858" i="2" s="1"/>
  <c r="E3853" i="2" a="1"/>
  <c r="E3853" i="2" s="1"/>
  <c r="E3868" i="2" a="1"/>
  <c r="E3868" i="2" s="1"/>
  <c r="E3862" i="2" a="1"/>
  <c r="E3862" i="2" s="1"/>
  <c r="E3864" i="2" a="1"/>
  <c r="E3864" i="2" s="1"/>
  <c r="E3852" i="2" a="1"/>
  <c r="E3852" i="2" s="1"/>
  <c r="E3855" i="2" a="1"/>
  <c r="E3855" i="2" s="1"/>
  <c r="E3871" i="2" a="1"/>
  <c r="E3871" i="2" s="1"/>
  <c r="E3861" i="2" a="1"/>
  <c r="E3861" i="2" s="1"/>
  <c r="E3859" i="2" a="1"/>
  <c r="E3859" i="2" s="1"/>
  <c r="E3856" i="2" a="1"/>
  <c r="E3856" i="2" s="1"/>
  <c r="E3873" i="2" a="1"/>
  <c r="E3873" i="2" s="1"/>
  <c r="E3867" i="2" a="1"/>
  <c r="E3867" i="2" s="1"/>
  <c r="E3851" i="2" a="1"/>
  <c r="E3851" i="2" s="1"/>
  <c r="E3860" i="2" a="1"/>
  <c r="E3860" i="2" s="1"/>
  <c r="E3854" i="2" a="1"/>
  <c r="E3854" i="2" s="1"/>
  <c r="E3866" i="2" a="1"/>
  <c r="E3866" i="2" s="1"/>
  <c r="E3863" i="2" a="1"/>
  <c r="E3863" i="2" s="1"/>
  <c r="E3865" i="2" a="1"/>
  <c r="E3865" i="2" s="1"/>
  <c r="E3850" i="2" a="1"/>
  <c r="E3850" i="2" s="1"/>
  <c r="E3870" i="2" a="1"/>
  <c r="E3870" i="2" s="1"/>
  <c r="E2013" i="2" a="1"/>
  <c r="E2013" i="2" s="1"/>
  <c r="E2018" i="2" a="1"/>
  <c r="E2018" i="2" s="1"/>
  <c r="E2009" i="2" a="1"/>
  <c r="E2009" i="2" s="1"/>
  <c r="E2023" i="2" a="1"/>
  <c r="E2023" i="2" s="1"/>
  <c r="E2006" i="2" a="1"/>
  <c r="E2006" i="2" s="1"/>
  <c r="E2022" i="2" a="1"/>
  <c r="E2022" i="2" s="1"/>
  <c r="E2007" i="2" a="1"/>
  <c r="E2007" i="2" s="1"/>
  <c r="E2003" i="2" a="1"/>
  <c r="E2003" i="2" s="1"/>
  <c r="E2008" i="2" a="1"/>
  <c r="E2008" i="2" s="1"/>
  <c r="E2011" i="2" a="1"/>
  <c r="E2011" i="2" s="1"/>
  <c r="E2014" i="2" a="1"/>
  <c r="E2014" i="2" s="1"/>
  <c r="E2016" i="2" a="1"/>
  <c r="E2016" i="2" s="1"/>
  <c r="E2015" i="2" a="1"/>
  <c r="E2015" i="2" s="1"/>
  <c r="E2002" i="2" a="1"/>
  <c r="E2002" i="2" s="1"/>
  <c r="E2004" i="2" a="1"/>
  <c r="E2004" i="2" s="1"/>
  <c r="E2019" i="2" a="1"/>
  <c r="E2019" i="2" s="1"/>
  <c r="E2025" i="2" a="1"/>
  <c r="E2025" i="2" s="1"/>
  <c r="E2020" i="2" a="1"/>
  <c r="E2020" i="2" s="1"/>
  <c r="E2010" i="2" a="1"/>
  <c r="E2010" i="2" s="1"/>
  <c r="E2021" i="2" a="1"/>
  <c r="E2021" i="2" s="1"/>
  <c r="E2005" i="2" a="1"/>
  <c r="E2005" i="2" s="1"/>
  <c r="E2024" i="2" a="1"/>
  <c r="E2024" i="2" s="1"/>
  <c r="E2012" i="2" a="1"/>
  <c r="E2012" i="2" s="1"/>
  <c r="E2017" i="2" a="1"/>
  <c r="E2017" i="2" s="1"/>
  <c r="D4903" i="2" a="1"/>
  <c r="D4903" i="2" s="1"/>
  <c r="D4905" i="2" a="1"/>
  <c r="D4905" i="2" s="1"/>
  <c r="D4883" i="2" a="1"/>
  <c r="D4883" i="2" s="1"/>
  <c r="D4902" i="2" a="1"/>
  <c r="D4902" i="2" s="1"/>
  <c r="D4897" i="2" a="1"/>
  <c r="D4897" i="2" s="1"/>
  <c r="D4886" i="2" a="1"/>
  <c r="D4886" i="2" s="1"/>
  <c r="D4892" i="2" a="1"/>
  <c r="D4892" i="2" s="1"/>
  <c r="D4888" i="2" a="1"/>
  <c r="D4888" i="2" s="1"/>
  <c r="D4904" i="2" a="1"/>
  <c r="D4904" i="2" s="1"/>
  <c r="D4900" i="2" a="1"/>
  <c r="D4900" i="2" s="1"/>
  <c r="D4899" i="2" a="1"/>
  <c r="D4899" i="2" s="1"/>
  <c r="D4901" i="2" a="1"/>
  <c r="D4901" i="2" s="1"/>
  <c r="D4893" i="2" a="1"/>
  <c r="D4893" i="2" s="1"/>
  <c r="D4885" i="2" a="1"/>
  <c r="D4885" i="2" s="1"/>
  <c r="D4882" i="2" a="1"/>
  <c r="D4882" i="2" s="1"/>
  <c r="D4898" i="2" a="1"/>
  <c r="D4898" i="2" s="1"/>
  <c r="D4895" i="2" a="1"/>
  <c r="D4895" i="2" s="1"/>
  <c r="D4891" i="2" a="1"/>
  <c r="D4891" i="2" s="1"/>
  <c r="D4884" i="2" a="1"/>
  <c r="D4884" i="2" s="1"/>
  <c r="D4889" i="2" a="1"/>
  <c r="D4889" i="2" s="1"/>
  <c r="D4890" i="2" a="1"/>
  <c r="D4890" i="2" s="1"/>
  <c r="D4887" i="2" a="1"/>
  <c r="D4887" i="2" s="1"/>
  <c r="D4896" i="2" a="1"/>
  <c r="D4896" i="2" s="1"/>
  <c r="D4894" i="2" a="1"/>
  <c r="D4894" i="2" s="1"/>
  <c r="E201" i="2" a="1"/>
  <c r="E201" i="2" s="1"/>
  <c r="E182" i="2" a="1"/>
  <c r="E182" i="2" s="1"/>
  <c r="E188" i="2" a="1"/>
  <c r="E188" i="2" s="1"/>
  <c r="E179" i="2" a="1"/>
  <c r="E179" i="2" s="1"/>
  <c r="E183" i="2" a="1"/>
  <c r="E183" i="2" s="1"/>
  <c r="E193" i="2" a="1"/>
  <c r="E193" i="2" s="1"/>
  <c r="E198" i="2" a="1"/>
  <c r="E198" i="2" s="1"/>
  <c r="E190" i="2" a="1"/>
  <c r="E190" i="2" s="1"/>
  <c r="E180" i="2" a="1"/>
  <c r="E180" i="2" s="1"/>
  <c r="E185" i="2" a="1"/>
  <c r="E185" i="2" s="1"/>
  <c r="E194" i="2" a="1"/>
  <c r="E194" i="2" s="1"/>
  <c r="E191" i="2" a="1"/>
  <c r="E191" i="2" s="1"/>
  <c r="E196" i="2" a="1"/>
  <c r="E196" i="2" s="1"/>
  <c r="E186" i="2" a="1"/>
  <c r="E186" i="2" s="1"/>
  <c r="E197" i="2" a="1"/>
  <c r="E197" i="2" s="1"/>
  <c r="E199" i="2" a="1"/>
  <c r="E199" i="2" s="1"/>
  <c r="E184" i="2" a="1"/>
  <c r="E184" i="2" s="1"/>
  <c r="E200" i="2" a="1"/>
  <c r="E200" i="2" s="1"/>
  <c r="E189" i="2" a="1"/>
  <c r="E189" i="2" s="1"/>
  <c r="E195" i="2" a="1"/>
  <c r="E195" i="2" s="1"/>
  <c r="E192" i="2" a="1"/>
  <c r="E192" i="2" s="1"/>
  <c r="E178" i="2" a="1"/>
  <c r="E178" i="2" s="1"/>
  <c r="E181" i="2" a="1"/>
  <c r="E181" i="2" s="1"/>
  <c r="E187" i="2" a="1"/>
  <c r="E187" i="2" s="1"/>
  <c r="G7935" i="2" a="1"/>
  <c r="G7935" i="2" s="1"/>
  <c r="G7944" i="2" a="1"/>
  <c r="G7944" i="2" s="1"/>
  <c r="G7933" i="2" a="1"/>
  <c r="G7933" i="2" s="1"/>
  <c r="G7930" i="2" a="1"/>
  <c r="G7930" i="2" s="1"/>
  <c r="G7937" i="2" a="1"/>
  <c r="G7937" i="2" s="1"/>
  <c r="G7946" i="2" a="1"/>
  <c r="G7946" i="2" s="1"/>
  <c r="G7948" i="2" a="1"/>
  <c r="G7948" i="2" s="1"/>
  <c r="G7941" i="2" a="1"/>
  <c r="G7941" i="2" s="1"/>
  <c r="E5322" i="2" a="1"/>
  <c r="E5322" i="2" s="1"/>
  <c r="E5318" i="2" a="1"/>
  <c r="E5318" i="2" s="1"/>
  <c r="E5323" i="2" a="1"/>
  <c r="E5323" i="2" s="1"/>
  <c r="E5319" i="2" a="1"/>
  <c r="E5319" i="2" s="1"/>
  <c r="E5324" i="2" a="1"/>
  <c r="E5324" i="2" s="1"/>
  <c r="E5326" i="2" a="1"/>
  <c r="E5326" i="2" s="1"/>
  <c r="E5325" i="2" a="1"/>
  <c r="E5325" i="2" s="1"/>
  <c r="E5327" i="2" a="1"/>
  <c r="E5327" i="2" s="1"/>
  <c r="E5333" i="2" a="1"/>
  <c r="E5333" i="2" s="1"/>
  <c r="E5317" i="2" a="1"/>
  <c r="E5317" i="2" s="1"/>
  <c r="E5321" i="2" a="1"/>
  <c r="E5321" i="2" s="1"/>
  <c r="E5334" i="2" a="1"/>
  <c r="E5334" i="2" s="1"/>
  <c r="E5320" i="2" a="1"/>
  <c r="E5320" i="2" s="1"/>
  <c r="E5337" i="2" a="1"/>
  <c r="E5337" i="2" s="1"/>
  <c r="E5314" i="2" a="1"/>
  <c r="E5314" i="2" s="1"/>
  <c r="E5336" i="2" a="1"/>
  <c r="E5336" i="2" s="1"/>
  <c r="E5328" i="2" a="1"/>
  <c r="E5328" i="2" s="1"/>
  <c r="E5316" i="2" a="1"/>
  <c r="E5316" i="2" s="1"/>
  <c r="E5329" i="2" a="1"/>
  <c r="E5329" i="2" s="1"/>
  <c r="E5331" i="2" a="1"/>
  <c r="E5331" i="2" s="1"/>
  <c r="E5332" i="2" a="1"/>
  <c r="E5332" i="2" s="1"/>
  <c r="E5330" i="2" a="1"/>
  <c r="E5330" i="2" s="1"/>
  <c r="E5335" i="2" a="1"/>
  <c r="E5335" i="2" s="1"/>
  <c r="E5315" i="2" a="1"/>
  <c r="E5315" i="2" s="1"/>
  <c r="G3659" i="2" a="1"/>
  <c r="G3659" i="2" s="1"/>
  <c r="G3662" i="2" a="1"/>
  <c r="G3662" i="2" s="1"/>
  <c r="G3663" i="2" a="1"/>
  <c r="G3663" i="2" s="1"/>
  <c r="G3675" i="2" a="1"/>
  <c r="G3675" i="2" s="1"/>
  <c r="G3672" i="2" a="1"/>
  <c r="G3672" i="2" s="1"/>
  <c r="G3666" i="2" a="1"/>
  <c r="G3666" i="2" s="1"/>
  <c r="G3658" i="2" a="1"/>
  <c r="G3658" i="2" s="1"/>
  <c r="G3660" i="2" a="1"/>
  <c r="G3660" i="2" s="1"/>
  <c r="G3678" i="2" a="1"/>
  <c r="G3678" i="2" s="1"/>
  <c r="G3676" i="2" a="1"/>
  <c r="G3676" i="2" s="1"/>
  <c r="G3679" i="2" a="1"/>
  <c r="G3679" i="2" s="1"/>
  <c r="G3669" i="2" a="1"/>
  <c r="G3669" i="2" s="1"/>
  <c r="G3664" i="2" a="1"/>
  <c r="G3664" i="2" s="1"/>
  <c r="G3665" i="2" a="1"/>
  <c r="G3665" i="2" s="1"/>
  <c r="G3674" i="2" a="1"/>
  <c r="G3674" i="2" s="1"/>
  <c r="G3668" i="2" a="1"/>
  <c r="G3668" i="2" s="1"/>
  <c r="G3671" i="2" a="1"/>
  <c r="G3671" i="2" s="1"/>
  <c r="G3677" i="2" a="1"/>
  <c r="G3677" i="2" s="1"/>
  <c r="G3680" i="2" a="1"/>
  <c r="G3680" i="2" s="1"/>
  <c r="G3667" i="2" a="1"/>
  <c r="G3667" i="2" s="1"/>
  <c r="G3670" i="2" a="1"/>
  <c r="G3670" i="2" s="1"/>
  <c r="G3673" i="2" a="1"/>
  <c r="G3673" i="2" s="1"/>
  <c r="G3661" i="2" a="1"/>
  <c r="G3661" i="2" s="1"/>
  <c r="G3681" i="2" a="1"/>
  <c r="G3681" i="2" s="1"/>
  <c r="G7477" i="2" a="1"/>
  <c r="G7477" i="2" s="1"/>
  <c r="D6165" i="2" a="1"/>
  <c r="D6165" i="2" s="1"/>
  <c r="D6173" i="2" a="1"/>
  <c r="D6173" i="2" s="1"/>
  <c r="D6161" i="2" a="1"/>
  <c r="D6161" i="2" s="1"/>
  <c r="D6169" i="2" a="1"/>
  <c r="D6169" i="2" s="1"/>
  <c r="D6156" i="2" a="1"/>
  <c r="D6156" i="2" s="1"/>
  <c r="D6168" i="2" a="1"/>
  <c r="D6168" i="2" s="1"/>
  <c r="D6157" i="2" a="1"/>
  <c r="D6157" i="2" s="1"/>
  <c r="D6177" i="2" a="1"/>
  <c r="D6177" i="2" s="1"/>
  <c r="D6155" i="2" a="1"/>
  <c r="D6155" i="2" s="1"/>
  <c r="D6163" i="2" a="1"/>
  <c r="D6163" i="2" s="1"/>
  <c r="D6167" i="2" a="1"/>
  <c r="D6167" i="2" s="1"/>
  <c r="D6160" i="2" a="1"/>
  <c r="D6160" i="2" s="1"/>
  <c r="D6172" i="2" a="1"/>
  <c r="D6172" i="2" s="1"/>
  <c r="D6176" i="2" a="1"/>
  <c r="D6176" i="2" s="1"/>
  <c r="D6166" i="2" a="1"/>
  <c r="D6166" i="2" s="1"/>
  <c r="D6170" i="2" a="1"/>
  <c r="D6170" i="2" s="1"/>
  <c r="D6175" i="2" a="1"/>
  <c r="D6175" i="2" s="1"/>
  <c r="D6162" i="2" a="1"/>
  <c r="D6162" i="2" s="1"/>
  <c r="D6164" i="2" a="1"/>
  <c r="D6164" i="2" s="1"/>
  <c r="D6171" i="2" a="1"/>
  <c r="D6171" i="2" s="1"/>
  <c r="D6158" i="2" a="1"/>
  <c r="D6158" i="2" s="1"/>
  <c r="D6159" i="2" a="1"/>
  <c r="D6159" i="2" s="1"/>
  <c r="D6154" i="2" a="1"/>
  <c r="D6154" i="2" s="1"/>
  <c r="D6174" i="2" a="1"/>
  <c r="D6174" i="2" s="1"/>
  <c r="H5104" i="2" a="1"/>
  <c r="H5104" i="2" s="1"/>
  <c r="H5105" i="2" a="1"/>
  <c r="H5105" i="2" s="1"/>
  <c r="H5117" i="2" a="1"/>
  <c r="H5117" i="2" s="1"/>
  <c r="H5120" i="2" a="1"/>
  <c r="H5120" i="2" s="1"/>
  <c r="H5118" i="2" a="1"/>
  <c r="H5118" i="2" s="1"/>
  <c r="H5110" i="2" a="1"/>
  <c r="H5110" i="2" s="1"/>
  <c r="H5112" i="2" a="1"/>
  <c r="H5112" i="2" s="1"/>
  <c r="H5114" i="2" a="1"/>
  <c r="H5114" i="2" s="1"/>
  <c r="AQ195" i="1"/>
  <c r="G201" i="5" s="1"/>
  <c r="AM195" i="1"/>
  <c r="D4681" i="2" a="1"/>
  <c r="D4681" i="2" s="1"/>
  <c r="D4669" i="2" a="1"/>
  <c r="D4669" i="2" s="1"/>
  <c r="D4683" i="2" a="1"/>
  <c r="D4683" i="2" s="1"/>
  <c r="D4672" i="2" a="1"/>
  <c r="D4672" i="2" s="1"/>
  <c r="D4666" i="2" a="1"/>
  <c r="D4666" i="2" s="1"/>
  <c r="D4677" i="2" a="1"/>
  <c r="D4677" i="2" s="1"/>
  <c r="D4686" i="2" a="1"/>
  <c r="D4686" i="2" s="1"/>
  <c r="D4674" i="2" a="1"/>
  <c r="D4674" i="2" s="1"/>
  <c r="D4671" i="2" a="1"/>
  <c r="D4671" i="2" s="1"/>
  <c r="D4689" i="2" a="1"/>
  <c r="D4689" i="2" s="1"/>
  <c r="D4680" i="2" a="1"/>
  <c r="D4680" i="2" s="1"/>
  <c r="D4668" i="2" a="1"/>
  <c r="D4668" i="2" s="1"/>
  <c r="D4679" i="2" a="1"/>
  <c r="D4679" i="2" s="1"/>
  <c r="D4685" i="2" a="1"/>
  <c r="D4685" i="2" s="1"/>
  <c r="D4682" i="2" a="1"/>
  <c r="D4682" i="2" s="1"/>
  <c r="D4688" i="2" a="1"/>
  <c r="D4688" i="2" s="1"/>
  <c r="D4673" i="2" a="1"/>
  <c r="D4673" i="2" s="1"/>
  <c r="D4684" i="2" a="1"/>
  <c r="D4684" i="2" s="1"/>
  <c r="D4667" i="2" a="1"/>
  <c r="D4667" i="2" s="1"/>
  <c r="D4676" i="2" a="1"/>
  <c r="D4676" i="2" s="1"/>
  <c r="D4678" i="2" a="1"/>
  <c r="D4678" i="2" s="1"/>
  <c r="D4670" i="2" a="1"/>
  <c r="D4670" i="2" s="1"/>
  <c r="D4675" i="2" a="1"/>
  <c r="D4675" i="2" s="1"/>
  <c r="D4687" i="2" a="1"/>
  <c r="D4687" i="2" s="1"/>
  <c r="AO248" i="1"/>
  <c r="E254" i="5" s="1"/>
  <c r="AQ248" i="1"/>
  <c r="G254" i="5" s="1"/>
  <c r="AP248" i="1"/>
  <c r="F254" i="5" s="1"/>
  <c r="AN248" i="1"/>
  <c r="D254" i="5" s="1"/>
  <c r="AM248" i="1"/>
  <c r="D5938" i="2" a="1"/>
  <c r="D5938" i="2" s="1"/>
  <c r="D5946" i="2" a="1"/>
  <c r="D5946" i="2" s="1"/>
  <c r="D5954" i="2" a="1"/>
  <c r="D5954" i="2" s="1"/>
  <c r="D5958" i="2" a="1"/>
  <c r="D5958" i="2" s="1"/>
  <c r="D5939" i="2" a="1"/>
  <c r="D5939" i="2" s="1"/>
  <c r="D5943" i="2" a="1"/>
  <c r="D5943" i="2" s="1"/>
  <c r="D5951" i="2" a="1"/>
  <c r="D5951" i="2" s="1"/>
  <c r="D5955" i="2" a="1"/>
  <c r="D5955" i="2" s="1"/>
  <c r="D5949" i="2" a="1"/>
  <c r="D5949" i="2" s="1"/>
  <c r="D5953" i="2" a="1"/>
  <c r="D5953" i="2" s="1"/>
  <c r="D5957" i="2" a="1"/>
  <c r="D5957" i="2" s="1"/>
  <c r="D5961" i="2" a="1"/>
  <c r="D5961" i="2" s="1"/>
  <c r="D5942" i="2" a="1"/>
  <c r="D5942" i="2" s="1"/>
  <c r="D5950" i="2" a="1"/>
  <c r="D5950" i="2" s="1"/>
  <c r="D5940" i="2" a="1"/>
  <c r="D5940" i="2" s="1"/>
  <c r="D5944" i="2" a="1"/>
  <c r="D5944" i="2" s="1"/>
  <c r="D5948" i="2" a="1"/>
  <c r="D5948" i="2" s="1"/>
  <c r="D5956" i="2" a="1"/>
  <c r="D5956" i="2" s="1"/>
  <c r="D5960" i="2" a="1"/>
  <c r="D5960" i="2" s="1"/>
  <c r="D5941" i="2" a="1"/>
  <c r="D5941" i="2" s="1"/>
  <c r="D5945" i="2" a="1"/>
  <c r="D5945" i="2" s="1"/>
  <c r="D5947" i="2" a="1"/>
  <c r="D5947" i="2" s="1"/>
  <c r="D5959" i="2" a="1"/>
  <c r="D5959" i="2" s="1"/>
  <c r="D5952" i="2" a="1"/>
  <c r="D5952" i="2" s="1"/>
  <c r="E80" i="2" a="1"/>
  <c r="E80" i="2" s="1"/>
  <c r="E65" i="2" a="1"/>
  <c r="E65" i="2" s="1"/>
  <c r="E68" i="2" a="1"/>
  <c r="E68" i="2" s="1"/>
  <c r="E71" i="2" a="1"/>
  <c r="E71" i="2" s="1"/>
  <c r="E73" i="2" a="1"/>
  <c r="E73" i="2" s="1"/>
  <c r="E75" i="2" a="1"/>
  <c r="E75" i="2" s="1"/>
  <c r="E76" i="2" a="1"/>
  <c r="E76" i="2" s="1"/>
  <c r="E81" i="2" a="1"/>
  <c r="E81" i="2" s="1"/>
  <c r="E74" i="2" a="1"/>
  <c r="E74" i="2" s="1"/>
  <c r="E58" i="2" a="1"/>
  <c r="E58" i="2" s="1"/>
  <c r="E62" i="2" a="1"/>
  <c r="E62" i="2" s="1"/>
  <c r="E63" i="2" a="1"/>
  <c r="E63" i="2" s="1"/>
  <c r="E59" i="2" a="1"/>
  <c r="E59" i="2" s="1"/>
  <c r="E69" i="2" a="1"/>
  <c r="E69" i="2" s="1"/>
  <c r="E70" i="2" a="1"/>
  <c r="E70" i="2" s="1"/>
  <c r="E60" i="2" a="1"/>
  <c r="E60" i="2" s="1"/>
  <c r="E77" i="2" a="1"/>
  <c r="E77" i="2" s="1"/>
  <c r="E78" i="2" a="1"/>
  <c r="E78" i="2" s="1"/>
  <c r="E61" i="2" a="1"/>
  <c r="E61" i="2" s="1"/>
  <c r="E64" i="2" a="1"/>
  <c r="E64" i="2" s="1"/>
  <c r="E72" i="2" a="1"/>
  <c r="E72" i="2" s="1"/>
  <c r="E66" i="2" a="1"/>
  <c r="E66" i="2" s="1"/>
  <c r="E79" i="2" a="1"/>
  <c r="E79" i="2" s="1"/>
  <c r="E67" i="2" a="1"/>
  <c r="E67" i="2" s="1"/>
  <c r="H1305" i="2" a="1"/>
  <c r="H1305" i="2" s="1"/>
  <c r="H1289" i="2" a="1"/>
  <c r="H1289" i="2" s="1"/>
  <c r="H1298" i="2" a="1"/>
  <c r="H1298" i="2" s="1"/>
  <c r="H1284" i="2" a="1"/>
  <c r="H1284" i="2" s="1"/>
  <c r="H1297" i="2" a="1"/>
  <c r="H1297" i="2" s="1"/>
  <c r="H476" i="2" a="1"/>
  <c r="H476" i="2" s="1"/>
  <c r="H475" i="2" a="1"/>
  <c r="H475" i="2" s="1"/>
  <c r="H481" i="2" a="1"/>
  <c r="H481" i="2" s="1"/>
  <c r="H467" i="2" a="1"/>
  <c r="H467" i="2" s="1"/>
  <c r="H477" i="2" a="1"/>
  <c r="H477" i="2" s="1"/>
  <c r="H480" i="2" a="1"/>
  <c r="H480" i="2" s="1"/>
  <c r="H469" i="2" a="1"/>
  <c r="H469" i="2" s="1"/>
  <c r="H466" i="2" a="1"/>
  <c r="H466" i="2" s="1"/>
  <c r="H488" i="2" a="1"/>
  <c r="H488" i="2" s="1"/>
  <c r="H482" i="2" a="1"/>
  <c r="H482" i="2" s="1"/>
  <c r="H489" i="2" a="1"/>
  <c r="H489" i="2" s="1"/>
  <c r="H485" i="2" a="1"/>
  <c r="H485" i="2" s="1"/>
  <c r="H468" i="2" a="1"/>
  <c r="H468" i="2" s="1"/>
  <c r="H483" i="2" a="1"/>
  <c r="H483" i="2" s="1"/>
  <c r="H473" i="2" a="1"/>
  <c r="H473" i="2" s="1"/>
  <c r="H484" i="2" a="1"/>
  <c r="H484" i="2" s="1"/>
  <c r="H471" i="2" a="1"/>
  <c r="H471" i="2" s="1"/>
  <c r="H487" i="2" a="1"/>
  <c r="H487" i="2" s="1"/>
  <c r="H474" i="2" a="1"/>
  <c r="H474" i="2" s="1"/>
  <c r="H478" i="2" a="1"/>
  <c r="H478" i="2" s="1"/>
  <c r="H470" i="2" a="1"/>
  <c r="H470" i="2" s="1"/>
  <c r="H472" i="2" a="1"/>
  <c r="H472" i="2" s="1"/>
  <c r="H479" i="2" a="1"/>
  <c r="H479" i="2" s="1"/>
  <c r="H486" i="2" a="1"/>
  <c r="H486" i="2" s="1"/>
  <c r="AO278" i="1"/>
  <c r="E284" i="5" s="1"/>
  <c r="AP278" i="1"/>
  <c r="F284" i="5" s="1"/>
  <c r="AN278" i="1"/>
  <c r="D284" i="5" s="1"/>
  <c r="D6658" i="2" a="1"/>
  <c r="D6658" i="2" s="1"/>
  <c r="D6662" i="2" a="1"/>
  <c r="D6662" i="2" s="1"/>
  <c r="D6666" i="2" a="1"/>
  <c r="D6666" i="2" s="1"/>
  <c r="D6670" i="2" a="1"/>
  <c r="D6670" i="2" s="1"/>
  <c r="D6678" i="2" a="1"/>
  <c r="D6678" i="2" s="1"/>
  <c r="D6667" i="2" a="1"/>
  <c r="D6667" i="2" s="1"/>
  <c r="D6675" i="2" a="1"/>
  <c r="D6675" i="2" s="1"/>
  <c r="D6679" i="2" a="1"/>
  <c r="D6679" i="2" s="1"/>
  <c r="D6661" i="2" a="1"/>
  <c r="D6661" i="2" s="1"/>
  <c r="D6665" i="2" a="1"/>
  <c r="D6665" i="2" s="1"/>
  <c r="D6673" i="2" a="1"/>
  <c r="D6673" i="2" s="1"/>
  <c r="D6681" i="2" a="1"/>
  <c r="D6681" i="2" s="1"/>
  <c r="D6674" i="2" a="1"/>
  <c r="D6674" i="2" s="1"/>
  <c r="D6669" i="2" a="1"/>
  <c r="D6669" i="2" s="1"/>
  <c r="D6677" i="2" a="1"/>
  <c r="D6677" i="2" s="1"/>
  <c r="D6660" i="2" a="1"/>
  <c r="D6660" i="2" s="1"/>
  <c r="D6664" i="2" a="1"/>
  <c r="D6664" i="2" s="1"/>
  <c r="D6676" i="2" a="1"/>
  <c r="D6676" i="2" s="1"/>
  <c r="D6672" i="2" a="1"/>
  <c r="D6672" i="2" s="1"/>
  <c r="D6659" i="2" a="1"/>
  <c r="D6659" i="2" s="1"/>
  <c r="D6663" i="2" a="1"/>
  <c r="D6663" i="2" s="1"/>
  <c r="D6671" i="2" a="1"/>
  <c r="D6671" i="2" s="1"/>
  <c r="D6668" i="2" a="1"/>
  <c r="D6668" i="2" s="1"/>
  <c r="D6680" i="2" a="1"/>
  <c r="D6680" i="2" s="1"/>
  <c r="D2899" i="2" a="1"/>
  <c r="D2899" i="2" s="1"/>
  <c r="D2903" i="2" a="1"/>
  <c r="D2903" i="2" s="1"/>
  <c r="D2907" i="2" a="1"/>
  <c r="D2907" i="2" s="1"/>
  <c r="D2911" i="2" a="1"/>
  <c r="D2911" i="2" s="1"/>
  <c r="D2913" i="2" a="1"/>
  <c r="D2913" i="2" s="1"/>
  <c r="D2892" i="2" a="1"/>
  <c r="D2892" i="2" s="1"/>
  <c r="D2896" i="2" a="1"/>
  <c r="D2896" i="2" s="1"/>
  <c r="D2909" i="2" a="1"/>
  <c r="D2909" i="2" s="1"/>
  <c r="D2905" i="2" a="1"/>
  <c r="D2905" i="2" s="1"/>
  <c r="D2901" i="2" a="1"/>
  <c r="D2901" i="2" s="1"/>
  <c r="D2891" i="2" a="1"/>
  <c r="D2891" i="2" s="1"/>
  <c r="D2897" i="2" a="1"/>
  <c r="D2897" i="2" s="1"/>
  <c r="D2895" i="2" a="1"/>
  <c r="D2895" i="2" s="1"/>
  <c r="D2893" i="2" a="1"/>
  <c r="D2893" i="2" s="1"/>
  <c r="D2910" i="2" a="1"/>
  <c r="D2910" i="2" s="1"/>
  <c r="D2912" i="2" a="1"/>
  <c r="D2912" i="2" s="1"/>
  <c r="D2898" i="2" a="1"/>
  <c r="D2898" i="2" s="1"/>
  <c r="D2906" i="2" a="1"/>
  <c r="D2906" i="2" s="1"/>
  <c r="D2908" i="2" a="1"/>
  <c r="D2908" i="2" s="1"/>
  <c r="D2904" i="2" a="1"/>
  <c r="D2904" i="2" s="1"/>
  <c r="D2890" i="2" a="1"/>
  <c r="D2890" i="2" s="1"/>
  <c r="D2900" i="2" a="1"/>
  <c r="D2900" i="2" s="1"/>
  <c r="D2902" i="2" a="1"/>
  <c r="D2902" i="2" s="1"/>
  <c r="D2894" i="2" a="1"/>
  <c r="D2894" i="2" s="1"/>
  <c r="F2337" i="2" a="1"/>
  <c r="F2337" i="2" s="1"/>
  <c r="F2325" i="2" a="1"/>
  <c r="F2325" i="2" s="1"/>
  <c r="F2327" i="2" a="1"/>
  <c r="F2327" i="2" s="1"/>
  <c r="F2317" i="2" a="1"/>
  <c r="F2317" i="2" s="1"/>
  <c r="F2328" i="2" a="1"/>
  <c r="F2328" i="2" s="1"/>
  <c r="F2326" i="2" a="1"/>
  <c r="F2326" i="2" s="1"/>
  <c r="F2336" i="2" a="1"/>
  <c r="F2336" i="2" s="1"/>
  <c r="F2331" i="2" a="1"/>
  <c r="F2331" i="2" s="1"/>
  <c r="F2315" i="2" a="1"/>
  <c r="F2315" i="2" s="1"/>
  <c r="F2322" i="2" a="1"/>
  <c r="F2322" i="2" s="1"/>
  <c r="F2332" i="2" a="1"/>
  <c r="F2332" i="2" s="1"/>
  <c r="F2329" i="2" a="1"/>
  <c r="F2329" i="2" s="1"/>
  <c r="F2321" i="2" a="1"/>
  <c r="F2321" i="2" s="1"/>
  <c r="F2319" i="2" a="1"/>
  <c r="F2319" i="2" s="1"/>
  <c r="F2333" i="2" a="1"/>
  <c r="F2333" i="2" s="1"/>
  <c r="F2316" i="2" a="1"/>
  <c r="F2316" i="2" s="1"/>
  <c r="F2334" i="2" a="1"/>
  <c r="F2334" i="2" s="1"/>
  <c r="F2324" i="2" a="1"/>
  <c r="F2324" i="2" s="1"/>
  <c r="F2335" i="2" a="1"/>
  <c r="F2335" i="2" s="1"/>
  <c r="F2320" i="2" a="1"/>
  <c r="F2320" i="2" s="1"/>
  <c r="F2330" i="2" a="1"/>
  <c r="F2330" i="2" s="1"/>
  <c r="F2318" i="2" a="1"/>
  <c r="F2318" i="2" s="1"/>
  <c r="F2314" i="2" a="1"/>
  <c r="F2314" i="2" s="1"/>
  <c r="F2323" i="2" a="1"/>
  <c r="F2323" i="2" s="1"/>
  <c r="D3615" i="2" a="1"/>
  <c r="D3615" i="2" s="1"/>
  <c r="D3627" i="2" a="1"/>
  <c r="D3627" i="2" s="1"/>
  <c r="D3613" i="2" a="1"/>
  <c r="D3613" i="2" s="1"/>
  <c r="D3625" i="2" a="1"/>
  <c r="D3625" i="2" s="1"/>
  <c r="D3612" i="2" a="1"/>
  <c r="D3612" i="2" s="1"/>
  <c r="D3616" i="2" a="1"/>
  <c r="D3616" i="2" s="1"/>
  <c r="D3629" i="2" a="1"/>
  <c r="D3629" i="2" s="1"/>
  <c r="D3624" i="2" a="1"/>
  <c r="D3624" i="2" s="1"/>
  <c r="D3632" i="2" a="1"/>
  <c r="D3632" i="2" s="1"/>
  <c r="D3618" i="2" a="1"/>
  <c r="D3618" i="2" s="1"/>
  <c r="D3621" i="2" a="1"/>
  <c r="D3621" i="2" s="1"/>
  <c r="D3630" i="2" a="1"/>
  <c r="D3630" i="2" s="1"/>
  <c r="D3622" i="2" a="1"/>
  <c r="D3622" i="2" s="1"/>
  <c r="D3619" i="2" a="1"/>
  <c r="D3619" i="2" s="1"/>
  <c r="D3610" i="2" a="1"/>
  <c r="D3610" i="2" s="1"/>
  <c r="D3633" i="2" a="1"/>
  <c r="D3633" i="2" s="1"/>
  <c r="D3628" i="2" a="1"/>
  <c r="D3628" i="2" s="1"/>
  <c r="D3614" i="2" a="1"/>
  <c r="D3614" i="2" s="1"/>
  <c r="D3620" i="2" a="1"/>
  <c r="D3620" i="2" s="1"/>
  <c r="D3617" i="2" a="1"/>
  <c r="D3617" i="2" s="1"/>
  <c r="D3626" i="2" a="1"/>
  <c r="D3626" i="2" s="1"/>
  <c r="D3611" i="2" a="1"/>
  <c r="D3611" i="2" s="1"/>
  <c r="D3623" i="2" a="1"/>
  <c r="D3623" i="2" s="1"/>
  <c r="D3631" i="2" a="1"/>
  <c r="D3631" i="2" s="1"/>
  <c r="E7164" i="2" a="1"/>
  <c r="E7164" i="2" s="1"/>
  <c r="E7173" i="2" a="1"/>
  <c r="E7173" i="2" s="1"/>
  <c r="E7167" i="2" a="1"/>
  <c r="E7167" i="2" s="1"/>
  <c r="E7181" i="2" a="1"/>
  <c r="E7181" i="2" s="1"/>
  <c r="E7178" i="2" a="1"/>
  <c r="E7178" i="2" s="1"/>
  <c r="E7168" i="2" a="1"/>
  <c r="E7168" i="2" s="1"/>
  <c r="E7183" i="2" a="1"/>
  <c r="E7183" i="2" s="1"/>
  <c r="E7174" i="2" a="1"/>
  <c r="E7174" i="2" s="1"/>
  <c r="E7184" i="2" a="1"/>
  <c r="E7184" i="2" s="1"/>
  <c r="E7171" i="2" a="1"/>
  <c r="E7171" i="2" s="1"/>
  <c r="E7163" i="2" a="1"/>
  <c r="E7163" i="2" s="1"/>
  <c r="E7175" i="2" a="1"/>
  <c r="E7175" i="2" s="1"/>
  <c r="E7179" i="2" a="1"/>
  <c r="E7179" i="2" s="1"/>
  <c r="E7165" i="2" a="1"/>
  <c r="E7165" i="2" s="1"/>
  <c r="E7180" i="2" a="1"/>
  <c r="E7180" i="2" s="1"/>
  <c r="E7162" i="2" a="1"/>
  <c r="E7162" i="2" s="1"/>
  <c r="E7185" i="2" a="1"/>
  <c r="E7185" i="2" s="1"/>
  <c r="E7176" i="2" a="1"/>
  <c r="E7176" i="2" s="1"/>
  <c r="E7169" i="2" a="1"/>
  <c r="E7169" i="2" s="1"/>
  <c r="E7172" i="2" a="1"/>
  <c r="E7172" i="2" s="1"/>
  <c r="E7182" i="2" a="1"/>
  <c r="E7182" i="2" s="1"/>
  <c r="E7170" i="2" a="1"/>
  <c r="E7170" i="2" s="1"/>
  <c r="E7177" i="2" a="1"/>
  <c r="E7177" i="2" s="1"/>
  <c r="E7166" i="2" a="1"/>
  <c r="E7166" i="2" s="1"/>
  <c r="H6263" i="2" a="1"/>
  <c r="H6263" i="2" s="1"/>
  <c r="H6260" i="2" a="1"/>
  <c r="H6260" i="2" s="1"/>
  <c r="H6253" i="2" a="1"/>
  <c r="H6253" i="2" s="1"/>
  <c r="H6266" i="2" a="1"/>
  <c r="H6266" i="2" s="1"/>
  <c r="H6271" i="2" a="1"/>
  <c r="H6271" i="2" s="1"/>
  <c r="H6269" i="2" a="1"/>
  <c r="H6269" i="2" s="1"/>
  <c r="F7638" i="2" a="1"/>
  <c r="F7638" i="2" s="1"/>
  <c r="F7632" i="2" a="1"/>
  <c r="F7632" i="2" s="1"/>
  <c r="F7641" i="2" a="1"/>
  <c r="F7641" i="2" s="1"/>
  <c r="F7633" i="2" a="1"/>
  <c r="F7633" i="2" s="1"/>
  <c r="F7637" i="2" a="1"/>
  <c r="F7637" i="2" s="1"/>
  <c r="F7620" i="2" a="1"/>
  <c r="F7620" i="2" s="1"/>
  <c r="F7627" i="2" a="1"/>
  <c r="F7627" i="2" s="1"/>
  <c r="F7622" i="2" a="1"/>
  <c r="F7622" i="2" s="1"/>
  <c r="F7628" i="2" a="1"/>
  <c r="F7628" i="2" s="1"/>
  <c r="F7624" i="2" a="1"/>
  <c r="F7624" i="2" s="1"/>
  <c r="F7631" i="2" a="1"/>
  <c r="F7631" i="2" s="1"/>
  <c r="F7621" i="2" a="1"/>
  <c r="F7621" i="2" s="1"/>
  <c r="F7634" i="2" a="1"/>
  <c r="F7634" i="2" s="1"/>
  <c r="F7630" i="2" a="1"/>
  <c r="F7630" i="2" s="1"/>
  <c r="F7640" i="2" a="1"/>
  <c r="F7640" i="2" s="1"/>
  <c r="F7639" i="2" a="1"/>
  <c r="F7639" i="2" s="1"/>
  <c r="F7618" i="2" a="1"/>
  <c r="F7618" i="2" s="1"/>
  <c r="F7619" i="2" a="1"/>
  <c r="F7619" i="2" s="1"/>
  <c r="F7623" i="2" a="1"/>
  <c r="F7623" i="2" s="1"/>
  <c r="F7636" i="2" a="1"/>
  <c r="F7636" i="2" s="1"/>
  <c r="F7629" i="2" a="1"/>
  <c r="F7629" i="2" s="1"/>
  <c r="F7626" i="2" a="1"/>
  <c r="F7626" i="2" s="1"/>
  <c r="F7625" i="2" a="1"/>
  <c r="F7625" i="2" s="1"/>
  <c r="F7635" i="2" a="1"/>
  <c r="F7635" i="2" s="1"/>
  <c r="E3295" i="2" a="1"/>
  <c r="E3295" i="2" s="1"/>
  <c r="E3293" i="2" a="1"/>
  <c r="E3293" i="2" s="1"/>
  <c r="E3275" i="2" a="1"/>
  <c r="E3275" i="2" s="1"/>
  <c r="E3281" i="2" a="1"/>
  <c r="E3281" i="2" s="1"/>
  <c r="E3289" i="2" a="1"/>
  <c r="E3289" i="2" s="1"/>
  <c r="E3285" i="2" a="1"/>
  <c r="E3285" i="2" s="1"/>
  <c r="E3294" i="2" a="1"/>
  <c r="E3294" i="2" s="1"/>
  <c r="E3277" i="2" a="1"/>
  <c r="E3277" i="2" s="1"/>
  <c r="E3282" i="2" a="1"/>
  <c r="E3282" i="2" s="1"/>
  <c r="E3279" i="2" a="1"/>
  <c r="E3279" i="2" s="1"/>
  <c r="E3290" i="2" a="1"/>
  <c r="E3290" i="2" s="1"/>
  <c r="E3292" i="2" a="1"/>
  <c r="E3292" i="2" s="1"/>
  <c r="E3274" i="2" a="1"/>
  <c r="E3274" i="2" s="1"/>
  <c r="E3297" i="2" a="1"/>
  <c r="E3297" i="2" s="1"/>
  <c r="E3291" i="2" a="1"/>
  <c r="E3291" i="2" s="1"/>
  <c r="E3278" i="2" a="1"/>
  <c r="E3278" i="2" s="1"/>
  <c r="AQ73" i="1"/>
  <c r="G79" i="5" s="1"/>
  <c r="AP73" i="1"/>
  <c r="F79" i="5" s="1"/>
  <c r="AO73" i="1"/>
  <c r="E79" i="5" s="1"/>
  <c r="AN73" i="1"/>
  <c r="D79" i="5" s="1"/>
  <c r="AM73" i="1"/>
  <c r="D1751" i="2" a="1"/>
  <c r="D1751" i="2" s="1"/>
  <c r="D1738" i="2" a="1"/>
  <c r="D1738" i="2" s="1"/>
  <c r="D1742" i="2" a="1"/>
  <c r="D1742" i="2" s="1"/>
  <c r="D1746" i="2" a="1"/>
  <c r="D1746" i="2" s="1"/>
  <c r="D1754" i="2" a="1"/>
  <c r="D1754" i="2" s="1"/>
  <c r="D1758" i="2" a="1"/>
  <c r="D1758" i="2" s="1"/>
  <c r="D1755" i="2" a="1"/>
  <c r="D1755" i="2" s="1"/>
  <c r="D1750" i="2" a="1"/>
  <c r="D1750" i="2" s="1"/>
  <c r="D1741" i="2" a="1"/>
  <c r="D1741" i="2" s="1"/>
  <c r="D1745" i="2" a="1"/>
  <c r="D1745" i="2" s="1"/>
  <c r="D1749" i="2" a="1"/>
  <c r="D1749" i="2" s="1"/>
  <c r="D1753" i="2" a="1"/>
  <c r="D1753" i="2" s="1"/>
  <c r="D1757" i="2" a="1"/>
  <c r="D1757" i="2" s="1"/>
  <c r="D1761" i="2" a="1"/>
  <c r="D1761" i="2" s="1"/>
  <c r="D1739" i="2" a="1"/>
  <c r="D1739" i="2" s="1"/>
  <c r="D1743" i="2" a="1"/>
  <c r="D1743" i="2" s="1"/>
  <c r="D1747" i="2" a="1"/>
  <c r="D1747" i="2" s="1"/>
  <c r="D1756" i="2" a="1"/>
  <c r="D1756" i="2" s="1"/>
  <c r="D1744" i="2" a="1"/>
  <c r="D1744" i="2" s="1"/>
  <c r="D1752" i="2" a="1"/>
  <c r="D1752" i="2" s="1"/>
  <c r="D1759" i="2" a="1"/>
  <c r="D1759" i="2" s="1"/>
  <c r="D1740" i="2" a="1"/>
  <c r="D1740" i="2" s="1"/>
  <c r="D1760" i="2" a="1"/>
  <c r="D1760" i="2" s="1"/>
  <c r="D1748" i="2" a="1"/>
  <c r="D1748" i="2" s="1"/>
  <c r="H7854" i="2" a="1"/>
  <c r="H7854" i="2" s="1"/>
  <c r="H7846" i="2" a="1"/>
  <c r="H7846" i="2" s="1"/>
  <c r="H7841" i="2" a="1"/>
  <c r="H7841" i="2" s="1"/>
  <c r="H7847" i="2" a="1"/>
  <c r="H7847" i="2" s="1"/>
  <c r="H7856" i="2" a="1"/>
  <c r="H7856" i="2" s="1"/>
  <c r="H7835" i="2" a="1"/>
  <c r="H7835" i="2" s="1"/>
  <c r="H7853" i="2" a="1"/>
  <c r="H7853" i="2" s="1"/>
  <c r="H7845" i="2" a="1"/>
  <c r="H7845" i="2" s="1"/>
  <c r="H7855" i="2" a="1"/>
  <c r="H7855" i="2" s="1"/>
  <c r="H7844" i="2" a="1"/>
  <c r="H7844" i="2" s="1"/>
  <c r="H7850" i="2" a="1"/>
  <c r="H7850" i="2" s="1"/>
  <c r="H7838" i="2" a="1"/>
  <c r="H7838" i="2" s="1"/>
  <c r="H7842" i="2" a="1"/>
  <c r="H7842" i="2" s="1"/>
  <c r="H7834" i="2" a="1"/>
  <c r="H7834" i="2" s="1"/>
  <c r="H7840" i="2" a="1"/>
  <c r="H7840" i="2" s="1"/>
  <c r="H7851" i="2" a="1"/>
  <c r="H7851" i="2" s="1"/>
  <c r="H7857" i="2" a="1"/>
  <c r="H7857" i="2" s="1"/>
  <c r="H7852" i="2" a="1"/>
  <c r="H7852" i="2" s="1"/>
  <c r="H7848" i="2" a="1"/>
  <c r="H7848" i="2" s="1"/>
  <c r="H7837" i="2" a="1"/>
  <c r="H7837" i="2" s="1"/>
  <c r="H7849" i="2" a="1"/>
  <c r="H7849" i="2" s="1"/>
  <c r="H7839" i="2" a="1"/>
  <c r="H7839" i="2" s="1"/>
  <c r="H7836" i="2" a="1"/>
  <c r="H7836" i="2" s="1"/>
  <c r="H7843" i="2" a="1"/>
  <c r="H7843" i="2" s="1"/>
  <c r="E6349" i="2" a="1"/>
  <c r="E6349" i="2" s="1"/>
  <c r="E6362" i="2" a="1"/>
  <c r="E6362" i="2" s="1"/>
  <c r="E6348" i="2" a="1"/>
  <c r="E6348" i="2" s="1"/>
  <c r="E6366" i="2" a="1"/>
  <c r="E6366" i="2" s="1"/>
  <c r="E6368" i="2" a="1"/>
  <c r="E6368" i="2" s="1"/>
  <c r="E6364" i="2" a="1"/>
  <c r="E6364" i="2" s="1"/>
  <c r="D5104" i="2" a="1"/>
  <c r="D5104" i="2" s="1"/>
  <c r="D8444" i="2" a="1"/>
  <c r="D8444" i="2" s="1"/>
  <c r="D8448" i="2" a="1"/>
  <c r="D8448" i="2" s="1"/>
  <c r="D8456" i="2" a="1"/>
  <c r="D8456" i="2" s="1"/>
  <c r="D8452" i="2" a="1"/>
  <c r="D8452" i="2" s="1"/>
  <c r="D8434" i="2" a="1"/>
  <c r="D8434" i="2" s="1"/>
  <c r="D8437" i="2" a="1"/>
  <c r="D8437" i="2" s="1"/>
  <c r="D8441" i="2" a="1"/>
  <c r="D8441" i="2" s="1"/>
  <c r="D8457" i="2" a="1"/>
  <c r="D8457" i="2" s="1"/>
  <c r="F5801" i="2" a="1"/>
  <c r="F5801" i="2" s="1"/>
  <c r="F5810" i="2" a="1"/>
  <c r="F5810" i="2" s="1"/>
  <c r="F5811" i="2" a="1"/>
  <c r="F5811" i="2" s="1"/>
  <c r="F5815" i="2" a="1"/>
  <c r="F5815" i="2" s="1"/>
  <c r="F5814" i="2" a="1"/>
  <c r="F5814" i="2" s="1"/>
  <c r="F5816" i="2" a="1"/>
  <c r="F5816" i="2" s="1"/>
  <c r="H8180" i="2" a="1"/>
  <c r="H8180" i="2" s="1"/>
  <c r="H8192" i="2" a="1"/>
  <c r="H8192" i="2" s="1"/>
  <c r="H8177" i="2" a="1"/>
  <c r="H8177" i="2" s="1"/>
  <c r="H8183" i="2" a="1"/>
  <c r="H8183" i="2" s="1"/>
  <c r="H8174" i="2" a="1"/>
  <c r="H8174" i="2" s="1"/>
  <c r="H8181" i="2" a="1"/>
  <c r="H8181" i="2" s="1"/>
  <c r="H8175" i="2" a="1"/>
  <c r="H8175" i="2" s="1"/>
  <c r="H8176" i="2" a="1"/>
  <c r="H8176" i="2" s="1"/>
  <c r="H8170" i="2" a="1"/>
  <c r="H8170" i="2" s="1"/>
  <c r="H8191" i="2" a="1"/>
  <c r="H8191" i="2" s="1"/>
  <c r="H8185" i="2" a="1"/>
  <c r="H8185" i="2" s="1"/>
  <c r="H8193" i="2" a="1"/>
  <c r="H8193" i="2" s="1"/>
  <c r="H8184" i="2" a="1"/>
  <c r="H8184" i="2" s="1"/>
  <c r="H8171" i="2" a="1"/>
  <c r="H8171" i="2" s="1"/>
  <c r="H8173" i="2" a="1"/>
  <c r="H8173" i="2" s="1"/>
  <c r="H8182" i="2" a="1"/>
  <c r="H8182" i="2" s="1"/>
  <c r="H8186" i="2" a="1"/>
  <c r="H8186" i="2" s="1"/>
  <c r="H8187" i="2" a="1"/>
  <c r="H8187" i="2" s="1"/>
  <c r="H8189" i="2" a="1"/>
  <c r="H8189" i="2" s="1"/>
  <c r="H8178" i="2" a="1"/>
  <c r="H8178" i="2" s="1"/>
  <c r="H8179" i="2" a="1"/>
  <c r="H8179" i="2" s="1"/>
  <c r="H8188" i="2" a="1"/>
  <c r="H8188" i="2" s="1"/>
  <c r="H8190" i="2" a="1"/>
  <c r="H8190" i="2" s="1"/>
  <c r="H8172" i="2" a="1"/>
  <c r="H8172" i="2" s="1"/>
  <c r="E2261" i="2" a="1"/>
  <c r="E2261" i="2" s="1"/>
  <c r="E2254" i="2" a="1"/>
  <c r="E2254" i="2" s="1"/>
  <c r="E2258" i="2" a="1"/>
  <c r="E2258" i="2" s="1"/>
  <c r="E2264" i="2" a="1"/>
  <c r="E2264" i="2" s="1"/>
  <c r="E2260" i="2" a="1"/>
  <c r="E2260" i="2" s="1"/>
  <c r="E2248" i="2" a="1"/>
  <c r="E2248" i="2" s="1"/>
  <c r="E2255" i="2" a="1"/>
  <c r="E2255" i="2" s="1"/>
  <c r="E2243" i="2" a="1"/>
  <c r="E2243" i="2" s="1"/>
  <c r="H7129" i="2" a="1"/>
  <c r="H7129" i="2" s="1"/>
  <c r="H7135" i="2" a="1"/>
  <c r="H7135" i="2" s="1"/>
  <c r="H7122" i="2" a="1"/>
  <c r="H7122" i="2" s="1"/>
  <c r="H7130" i="2" a="1"/>
  <c r="H7130" i="2" s="1"/>
  <c r="H7119" i="2" a="1"/>
  <c r="H7119" i="2" s="1"/>
  <c r="H7134" i="2" a="1"/>
  <c r="H7134" i="2" s="1"/>
  <c r="H7117" i="2" a="1"/>
  <c r="H7117" i="2" s="1"/>
  <c r="H7118" i="2" a="1"/>
  <c r="H7118" i="2" s="1"/>
  <c r="H7120" i="2" a="1"/>
  <c r="H7120" i="2" s="1"/>
  <c r="H7132" i="2" a="1"/>
  <c r="H7132" i="2" s="1"/>
  <c r="H7131" i="2" a="1"/>
  <c r="H7131" i="2" s="1"/>
  <c r="H7123" i="2" a="1"/>
  <c r="H7123" i="2" s="1"/>
  <c r="H7128" i="2" a="1"/>
  <c r="H7128" i="2" s="1"/>
  <c r="H7133" i="2" a="1"/>
  <c r="H7133" i="2" s="1"/>
  <c r="H7124" i="2" a="1"/>
  <c r="H7124" i="2" s="1"/>
  <c r="H7116" i="2" a="1"/>
  <c r="H7116" i="2" s="1"/>
  <c r="H7114" i="2" a="1"/>
  <c r="H7114" i="2" s="1"/>
  <c r="H7125" i="2" a="1"/>
  <c r="H7125" i="2" s="1"/>
  <c r="H7136" i="2" a="1"/>
  <c r="H7136" i="2" s="1"/>
  <c r="H7137" i="2" a="1"/>
  <c r="H7137" i="2" s="1"/>
  <c r="H7121" i="2" a="1"/>
  <c r="H7121" i="2" s="1"/>
  <c r="H7115" i="2" a="1"/>
  <c r="H7115" i="2" s="1"/>
  <c r="H7126" i="2" a="1"/>
  <c r="H7126" i="2" s="1"/>
  <c r="H7127" i="2" a="1"/>
  <c r="H7127" i="2" s="1"/>
  <c r="G3227" i="2" a="1"/>
  <c r="G3227" i="2" s="1"/>
  <c r="G3244" i="2" a="1"/>
  <c r="G3244" i="2" s="1"/>
  <c r="E3792" i="2" a="1"/>
  <c r="E3792" i="2" s="1"/>
  <c r="E3787" i="2" a="1"/>
  <c r="E3787" i="2" s="1"/>
  <c r="E3801" i="2" a="1"/>
  <c r="E3801" i="2" s="1"/>
  <c r="E3788" i="2" a="1"/>
  <c r="E3788" i="2" s="1"/>
  <c r="E3793" i="2" a="1"/>
  <c r="E3793" i="2" s="1"/>
  <c r="E3789" i="2" a="1"/>
  <c r="E3789" i="2" s="1"/>
  <c r="E3783" i="2" a="1"/>
  <c r="E3783" i="2" s="1"/>
  <c r="E3778" i="2" a="1"/>
  <c r="E3778" i="2" s="1"/>
  <c r="E3796" i="2" a="1"/>
  <c r="E3796" i="2" s="1"/>
  <c r="E3797" i="2" a="1"/>
  <c r="E3797" i="2" s="1"/>
  <c r="E3794" i="2" a="1"/>
  <c r="E3794" i="2" s="1"/>
  <c r="E3781" i="2" a="1"/>
  <c r="E3781" i="2" s="1"/>
  <c r="E3798" i="2" a="1"/>
  <c r="E3798" i="2" s="1"/>
  <c r="E3784" i="2" a="1"/>
  <c r="E3784" i="2" s="1"/>
  <c r="E3799" i="2" a="1"/>
  <c r="E3799" i="2" s="1"/>
  <c r="E3791" i="2" a="1"/>
  <c r="E3791" i="2" s="1"/>
  <c r="E3782" i="2" a="1"/>
  <c r="E3782" i="2" s="1"/>
  <c r="E3800" i="2" a="1"/>
  <c r="E3800" i="2" s="1"/>
  <c r="E3790" i="2" a="1"/>
  <c r="E3790" i="2" s="1"/>
  <c r="E3780" i="2" a="1"/>
  <c r="E3780" i="2" s="1"/>
  <c r="E3785" i="2" a="1"/>
  <c r="E3785" i="2" s="1"/>
  <c r="E3779" i="2" a="1"/>
  <c r="E3779" i="2" s="1"/>
  <c r="E3786" i="2" a="1"/>
  <c r="E3786" i="2" s="1"/>
  <c r="E3795" i="2" a="1"/>
  <c r="E3795" i="2" s="1"/>
  <c r="G7868" i="2" a="1"/>
  <c r="G7868" i="2" s="1"/>
  <c r="G7873" i="2" a="1"/>
  <c r="G7873" i="2" s="1"/>
  <c r="G7869" i="2" a="1"/>
  <c r="G7869" i="2" s="1"/>
  <c r="G7866" i="2" a="1"/>
  <c r="G7866" i="2" s="1"/>
  <c r="G7861" i="2" a="1"/>
  <c r="G7861" i="2" s="1"/>
  <c r="G7876" i="2" a="1"/>
  <c r="G7876" i="2" s="1"/>
  <c r="G7858" i="2" a="1"/>
  <c r="G7858" i="2" s="1"/>
  <c r="G7875" i="2" a="1"/>
  <c r="G7875" i="2" s="1"/>
  <c r="G7872" i="2" a="1"/>
  <c r="G7872" i="2" s="1"/>
  <c r="G7880" i="2" a="1"/>
  <c r="G7880" i="2" s="1"/>
  <c r="G7870" i="2" a="1"/>
  <c r="G7870" i="2" s="1"/>
  <c r="G7881" i="2" a="1"/>
  <c r="G7881" i="2" s="1"/>
  <c r="G7863" i="2" a="1"/>
  <c r="G7863" i="2" s="1"/>
  <c r="G7860" i="2" a="1"/>
  <c r="G7860" i="2" s="1"/>
  <c r="G7879" i="2" a="1"/>
  <c r="G7879" i="2" s="1"/>
  <c r="G7878" i="2" a="1"/>
  <c r="G7878" i="2" s="1"/>
  <c r="G7874" i="2" a="1"/>
  <c r="G7874" i="2" s="1"/>
  <c r="H2237" i="2" a="1"/>
  <c r="H2237" i="2" s="1"/>
  <c r="H2238" i="2" a="1"/>
  <c r="H2238" i="2" s="1"/>
  <c r="H2229" i="2" a="1"/>
  <c r="H2229" i="2" s="1"/>
  <c r="H2222" i="2" a="1"/>
  <c r="H2222" i="2" s="1"/>
  <c r="H2227" i="2" a="1"/>
  <c r="H2227" i="2" s="1"/>
  <c r="H2220" i="2" a="1"/>
  <c r="H2220" i="2" s="1"/>
  <c r="H2235" i="2" a="1"/>
  <c r="H2235" i="2" s="1"/>
  <c r="H2236" i="2" a="1"/>
  <c r="H2236" i="2" s="1"/>
  <c r="H2240" i="2" a="1"/>
  <c r="H2240" i="2" s="1"/>
  <c r="H2221" i="2" a="1"/>
  <c r="H2221" i="2" s="1"/>
  <c r="H2239" i="2" a="1"/>
  <c r="H2239" i="2" s="1"/>
  <c r="H2230" i="2" a="1"/>
  <c r="H2230" i="2" s="1"/>
  <c r="H2219" i="2" a="1"/>
  <c r="H2219" i="2" s="1"/>
  <c r="H2223" i="2" a="1"/>
  <c r="H2223" i="2" s="1"/>
  <c r="H2234" i="2" a="1"/>
  <c r="H2234" i="2" s="1"/>
  <c r="H2228" i="2" a="1"/>
  <c r="H2228" i="2" s="1"/>
  <c r="H2241" i="2" a="1"/>
  <c r="H2241" i="2" s="1"/>
  <c r="H2226" i="2" a="1"/>
  <c r="H2226" i="2" s="1"/>
  <c r="H2231" i="2" a="1"/>
  <c r="H2231" i="2" s="1"/>
  <c r="H2232" i="2" a="1"/>
  <c r="H2232" i="2" s="1"/>
  <c r="H2224" i="2" a="1"/>
  <c r="H2224" i="2" s="1"/>
  <c r="H2233" i="2" a="1"/>
  <c r="H2233" i="2" s="1"/>
  <c r="H2218" i="2" a="1"/>
  <c r="H2218" i="2" s="1"/>
  <c r="H2225" i="2" a="1"/>
  <c r="H2225" i="2" s="1"/>
  <c r="F3759" i="2" a="1"/>
  <c r="F3759" i="2" s="1"/>
  <c r="F3754" i="2" a="1"/>
  <c r="F3754" i="2" s="1"/>
  <c r="F3758" i="2" a="1"/>
  <c r="F3758" i="2" s="1"/>
  <c r="F3766" i="2" a="1"/>
  <c r="F3766" i="2" s="1"/>
  <c r="F3760" i="2" a="1"/>
  <c r="F3760" i="2" s="1"/>
  <c r="F4135" i="2" a="1"/>
  <c r="F4135" i="2" s="1"/>
  <c r="F4125" i="2" a="1"/>
  <c r="F4125" i="2" s="1"/>
  <c r="F4119" i="2" a="1"/>
  <c r="F4119" i="2" s="1"/>
  <c r="F4137" i="2" a="1"/>
  <c r="F4137" i="2" s="1"/>
  <c r="F4118" i="2" a="1"/>
  <c r="F4118" i="2" s="1"/>
  <c r="F4114" i="2" a="1"/>
  <c r="F4114" i="2" s="1"/>
  <c r="F4130" i="2" a="1"/>
  <c r="F4130" i="2" s="1"/>
  <c r="F4116" i="2" a="1"/>
  <c r="F4116" i="2" s="1"/>
  <c r="F4123" i="2" a="1"/>
  <c r="F4123" i="2" s="1"/>
  <c r="F4133" i="2" a="1"/>
  <c r="F4133" i="2" s="1"/>
  <c r="F4136" i="2" a="1"/>
  <c r="F4136" i="2" s="1"/>
  <c r="F4128" i="2" a="1"/>
  <c r="F4128" i="2" s="1"/>
  <c r="F4126" i="2" a="1"/>
  <c r="F4126" i="2" s="1"/>
  <c r="F4134" i="2" a="1"/>
  <c r="F4134" i="2" s="1"/>
  <c r="F4127" i="2" a="1"/>
  <c r="F4127" i="2" s="1"/>
  <c r="F4120" i="2" a="1"/>
  <c r="F4120" i="2" s="1"/>
  <c r="F4117" i="2" a="1"/>
  <c r="F4117" i="2" s="1"/>
  <c r="F4131" i="2" a="1"/>
  <c r="F4131" i="2" s="1"/>
  <c r="F4121" i="2" a="1"/>
  <c r="F4121" i="2" s="1"/>
  <c r="F4124" i="2" a="1"/>
  <c r="F4124" i="2" s="1"/>
  <c r="F4132" i="2" a="1"/>
  <c r="F4132" i="2" s="1"/>
  <c r="F4122" i="2" a="1"/>
  <c r="F4122" i="2" s="1"/>
  <c r="F4129" i="2" a="1"/>
  <c r="F4129" i="2" s="1"/>
  <c r="F4115" i="2" a="1"/>
  <c r="F4115" i="2" s="1"/>
  <c r="G1919" i="2" a="1"/>
  <c r="G1919" i="2" s="1"/>
  <c r="G1917" i="2" a="1"/>
  <c r="G1917" i="2" s="1"/>
  <c r="G1915" i="2" a="1"/>
  <c r="G1915" i="2" s="1"/>
  <c r="G1911" i="2" a="1"/>
  <c r="G1911" i="2" s="1"/>
  <c r="G1922" i="2" a="1"/>
  <c r="G1922" i="2" s="1"/>
  <c r="G1909" i="2" a="1"/>
  <c r="G1909" i="2" s="1"/>
  <c r="G1921" i="2" a="1"/>
  <c r="G1921" i="2" s="1"/>
  <c r="G1912" i="2" a="1"/>
  <c r="G1912" i="2" s="1"/>
  <c r="G1916" i="2" a="1"/>
  <c r="G1916" i="2" s="1"/>
  <c r="G1920" i="2" a="1"/>
  <c r="G1920" i="2" s="1"/>
  <c r="G1923" i="2" a="1"/>
  <c r="G1923" i="2" s="1"/>
  <c r="G1928" i="2" a="1"/>
  <c r="G1928" i="2" s="1"/>
  <c r="G1926" i="2" a="1"/>
  <c r="G1926" i="2" s="1"/>
  <c r="G1927" i="2" a="1"/>
  <c r="G1927" i="2" s="1"/>
  <c r="G1918" i="2" a="1"/>
  <c r="G1918" i="2" s="1"/>
  <c r="G1929" i="2" a="1"/>
  <c r="G1929" i="2" s="1"/>
  <c r="G1906" i="2" a="1"/>
  <c r="G1906" i="2" s="1"/>
  <c r="G1914" i="2" a="1"/>
  <c r="G1914" i="2" s="1"/>
  <c r="G1908" i="2" a="1"/>
  <c r="G1908" i="2" s="1"/>
  <c r="G1925" i="2" a="1"/>
  <c r="G1925" i="2" s="1"/>
  <c r="G1913" i="2" a="1"/>
  <c r="G1913" i="2" s="1"/>
  <c r="G1910" i="2" a="1"/>
  <c r="G1910" i="2" s="1"/>
  <c r="G1907" i="2" a="1"/>
  <c r="G1907" i="2" s="1"/>
  <c r="G1924" i="2" a="1"/>
  <c r="G1924" i="2" s="1"/>
  <c r="E6150" i="2" a="1"/>
  <c r="E6150" i="2" s="1"/>
  <c r="E6153" i="2" a="1"/>
  <c r="E6153" i="2" s="1"/>
  <c r="E6134" i="2" a="1"/>
  <c r="E6134" i="2" s="1"/>
  <c r="E6131" i="2" a="1"/>
  <c r="E6131" i="2" s="1"/>
  <c r="E6139" i="2" a="1"/>
  <c r="E6139" i="2" s="1"/>
  <c r="E6130" i="2" a="1"/>
  <c r="E6130" i="2" s="1"/>
  <c r="E6132" i="2" a="1"/>
  <c r="E6132" i="2" s="1"/>
  <c r="E6152" i="2" a="1"/>
  <c r="E6152" i="2" s="1"/>
  <c r="E6135" i="2" a="1"/>
  <c r="E6135" i="2" s="1"/>
  <c r="E6147" i="2" a="1"/>
  <c r="E6147" i="2" s="1"/>
  <c r="E6145" i="2" a="1"/>
  <c r="E6145" i="2" s="1"/>
  <c r="E6137" i="2" a="1"/>
  <c r="E6137" i="2" s="1"/>
  <c r="E6138" i="2" a="1"/>
  <c r="E6138" i="2" s="1"/>
  <c r="E6144" i="2" a="1"/>
  <c r="E6144" i="2" s="1"/>
  <c r="E6146" i="2" a="1"/>
  <c r="E6146" i="2" s="1"/>
  <c r="E6140" i="2" a="1"/>
  <c r="E6140" i="2" s="1"/>
  <c r="E6148" i="2" a="1"/>
  <c r="E6148" i="2" s="1"/>
  <c r="E6149" i="2" a="1"/>
  <c r="E6149" i="2" s="1"/>
  <c r="E6133" i="2" a="1"/>
  <c r="E6133" i="2" s="1"/>
  <c r="E6141" i="2" a="1"/>
  <c r="E6141" i="2" s="1"/>
  <c r="E6142" i="2" a="1"/>
  <c r="E6142" i="2" s="1"/>
  <c r="E6151" i="2" a="1"/>
  <c r="E6151" i="2" s="1"/>
  <c r="E6136" i="2" a="1"/>
  <c r="E6136" i="2" s="1"/>
  <c r="E6143" i="2" a="1"/>
  <c r="E6143" i="2" s="1"/>
  <c r="E5426" i="2" a="1"/>
  <c r="E5426" i="2" s="1"/>
  <c r="E5419" i="2" a="1"/>
  <c r="E5419" i="2" s="1"/>
  <c r="E5410" i="2" a="1"/>
  <c r="E5410" i="2" s="1"/>
  <c r="E5413" i="2" a="1"/>
  <c r="E5413" i="2" s="1"/>
  <c r="E5418" i="2" a="1"/>
  <c r="E5418" i="2" s="1"/>
  <c r="E5428" i="2" a="1"/>
  <c r="E5428" i="2" s="1"/>
  <c r="G6800" i="2" a="1"/>
  <c r="G6800" i="2" s="1"/>
  <c r="G6790" i="2" a="1"/>
  <c r="G6790" i="2" s="1"/>
  <c r="G6779" i="2" a="1"/>
  <c r="G6779" i="2" s="1"/>
  <c r="G6797" i="2" a="1"/>
  <c r="G6797" i="2" s="1"/>
  <c r="G6780" i="2" a="1"/>
  <c r="G6780" i="2" s="1"/>
  <c r="G6778" i="2" a="1"/>
  <c r="G6778" i="2" s="1"/>
  <c r="G6781" i="2" a="1"/>
  <c r="G6781" i="2" s="1"/>
  <c r="G6801" i="2" a="1"/>
  <c r="G6801" i="2" s="1"/>
  <c r="G6786" i="2" a="1"/>
  <c r="G6786" i="2" s="1"/>
  <c r="G6784" i="2" a="1"/>
  <c r="G6784" i="2" s="1"/>
  <c r="G6795" i="2" a="1"/>
  <c r="G6795" i="2" s="1"/>
  <c r="G6785" i="2" a="1"/>
  <c r="G6785" i="2" s="1"/>
  <c r="G6788" i="2" a="1"/>
  <c r="G6788" i="2" s="1"/>
  <c r="G6796" i="2" a="1"/>
  <c r="G6796" i="2" s="1"/>
  <c r="G6789" i="2" a="1"/>
  <c r="G6789" i="2" s="1"/>
  <c r="G6794" i="2" a="1"/>
  <c r="G6794" i="2" s="1"/>
  <c r="G6791" i="2" a="1"/>
  <c r="G6791" i="2" s="1"/>
  <c r="G6799" i="2" a="1"/>
  <c r="G6799" i="2" s="1"/>
  <c r="G6782" i="2" a="1"/>
  <c r="G6782" i="2" s="1"/>
  <c r="G6798" i="2" a="1"/>
  <c r="G6798" i="2" s="1"/>
  <c r="G6793" i="2" a="1"/>
  <c r="G6793" i="2" s="1"/>
  <c r="G6783" i="2" a="1"/>
  <c r="G6783" i="2" s="1"/>
  <c r="G6787" i="2" a="1"/>
  <c r="G6787" i="2" s="1"/>
  <c r="G6792" i="2" a="1"/>
  <c r="G6792" i="2" s="1"/>
  <c r="G4176" i="2" a="1"/>
  <c r="G4176" i="2" s="1"/>
  <c r="G4164" i="2" a="1"/>
  <c r="G4164" i="2" s="1"/>
  <c r="G4171" i="2" a="1"/>
  <c r="G4171" i="2" s="1"/>
  <c r="G4180" i="2" a="1"/>
  <c r="G4180" i="2" s="1"/>
  <c r="G4177" i="2" a="1"/>
  <c r="G4177" i="2" s="1"/>
  <c r="G4170" i="2" a="1"/>
  <c r="G4170" i="2" s="1"/>
  <c r="G4175" i="2" a="1"/>
  <c r="G4175" i="2" s="1"/>
  <c r="G4162" i="2" a="1"/>
  <c r="G4162" i="2" s="1"/>
  <c r="G4167" i="2" a="1"/>
  <c r="G4167" i="2" s="1"/>
  <c r="G4172" i="2" a="1"/>
  <c r="G4172" i="2" s="1"/>
  <c r="G4166" i="2" a="1"/>
  <c r="G4166" i="2" s="1"/>
  <c r="G4184" i="2" a="1"/>
  <c r="G4184" i="2" s="1"/>
  <c r="G4168" i="2" a="1"/>
  <c r="G4168" i="2" s="1"/>
  <c r="G4173" i="2" a="1"/>
  <c r="G4173" i="2" s="1"/>
  <c r="G4182" i="2" a="1"/>
  <c r="G4182" i="2" s="1"/>
  <c r="G4178" i="2" a="1"/>
  <c r="G4178" i="2" s="1"/>
  <c r="G4179" i="2" a="1"/>
  <c r="G4179" i="2" s="1"/>
  <c r="G4174" i="2" a="1"/>
  <c r="G4174" i="2" s="1"/>
  <c r="G4183" i="2" a="1"/>
  <c r="G4183" i="2" s="1"/>
  <c r="G4163" i="2" a="1"/>
  <c r="G4163" i="2" s="1"/>
  <c r="G4165" i="2" a="1"/>
  <c r="G4165" i="2" s="1"/>
  <c r="G4169" i="2" a="1"/>
  <c r="G4169" i="2" s="1"/>
  <c r="G4185" i="2" a="1"/>
  <c r="G4185" i="2" s="1"/>
  <c r="G4181" i="2" a="1"/>
  <c r="G4181" i="2" s="1"/>
  <c r="F7332" i="2" a="1"/>
  <c r="F7332" i="2" s="1"/>
  <c r="F7330" i="2" a="1"/>
  <c r="F7330" i="2" s="1"/>
  <c r="F7337" i="2" a="1"/>
  <c r="F7337" i="2" s="1"/>
  <c r="F7333" i="2" a="1"/>
  <c r="F7333" i="2" s="1"/>
  <c r="F7353" i="2" a="1"/>
  <c r="F7353" i="2" s="1"/>
  <c r="F7346" i="2" a="1"/>
  <c r="F7346" i="2" s="1"/>
  <c r="F7341" i="2" a="1"/>
  <c r="F7341" i="2" s="1"/>
  <c r="F7331" i="2" a="1"/>
  <c r="F7331" i="2" s="1"/>
  <c r="F7342" i="2" a="1"/>
  <c r="F7342" i="2" s="1"/>
  <c r="E2284" i="2" a="1"/>
  <c r="E2284" i="2" s="1"/>
  <c r="E2277" i="2" a="1"/>
  <c r="E2277" i="2" s="1"/>
  <c r="E2269" i="2" a="1"/>
  <c r="E2269" i="2" s="1"/>
  <c r="E2286" i="2" a="1"/>
  <c r="E2286" i="2" s="1"/>
  <c r="E2272" i="2" a="1"/>
  <c r="E2272" i="2" s="1"/>
  <c r="E2275" i="2" a="1"/>
  <c r="E2275" i="2" s="1"/>
  <c r="E2276" i="2" a="1"/>
  <c r="E2276" i="2" s="1"/>
  <c r="E2267" i="2" a="1"/>
  <c r="E2267" i="2" s="1"/>
  <c r="E2287" i="2" a="1"/>
  <c r="E2287" i="2" s="1"/>
  <c r="E2266" i="2" a="1"/>
  <c r="E2266" i="2" s="1"/>
  <c r="E2282" i="2" a="1"/>
  <c r="E2282" i="2" s="1"/>
  <c r="E2279" i="2" a="1"/>
  <c r="E2279" i="2" s="1"/>
  <c r="E2281" i="2" a="1"/>
  <c r="E2281" i="2" s="1"/>
  <c r="E2278" i="2" a="1"/>
  <c r="E2278" i="2" s="1"/>
  <c r="E2268" i="2" a="1"/>
  <c r="E2268" i="2" s="1"/>
  <c r="E2283" i="2" a="1"/>
  <c r="E2283" i="2" s="1"/>
  <c r="E2285" i="2" a="1"/>
  <c r="E2285" i="2" s="1"/>
  <c r="E2289" i="2" a="1"/>
  <c r="E2289" i="2" s="1"/>
  <c r="E2270" i="2" a="1"/>
  <c r="E2270" i="2" s="1"/>
  <c r="E2274" i="2" a="1"/>
  <c r="E2274" i="2" s="1"/>
  <c r="E2288" i="2" a="1"/>
  <c r="E2288" i="2" s="1"/>
  <c r="E2271" i="2" a="1"/>
  <c r="E2271" i="2" s="1"/>
  <c r="E2273" i="2" a="1"/>
  <c r="E2273" i="2" s="1"/>
  <c r="E2280" i="2" a="1"/>
  <c r="E2280" i="2" s="1"/>
  <c r="E2949" i="2" a="1"/>
  <c r="E2949" i="2" s="1"/>
  <c r="E3449" i="2" a="1"/>
  <c r="E3449" i="2" s="1"/>
  <c r="E3452" i="2" a="1"/>
  <c r="E3452" i="2" s="1"/>
  <c r="E3459" i="2" a="1"/>
  <c r="E3459" i="2" s="1"/>
  <c r="E3463" i="2" a="1"/>
  <c r="E3463" i="2" s="1"/>
  <c r="E3453" i="2" a="1"/>
  <c r="E3453" i="2" s="1"/>
  <c r="E3450" i="2" a="1"/>
  <c r="E3450" i="2" s="1"/>
  <c r="E3454" i="2" a="1"/>
  <c r="E3454" i="2" s="1"/>
  <c r="E3465" i="2" a="1"/>
  <c r="E3465" i="2" s="1"/>
  <c r="E3446" i="2" a="1"/>
  <c r="E3446" i="2" s="1"/>
  <c r="E3448" i="2" a="1"/>
  <c r="E3448" i="2" s="1"/>
  <c r="E3443" i="2" a="1"/>
  <c r="E3443" i="2" s="1"/>
  <c r="E3461" i="2" a="1"/>
  <c r="E3461" i="2" s="1"/>
  <c r="E3460" i="2" a="1"/>
  <c r="E3460" i="2" s="1"/>
  <c r="E3444" i="2" a="1"/>
  <c r="E3444" i="2" s="1"/>
  <c r="E3458" i="2" a="1"/>
  <c r="E3458" i="2" s="1"/>
  <c r="E3442" i="2" a="1"/>
  <c r="E3442" i="2" s="1"/>
  <c r="E3445" i="2" a="1"/>
  <c r="E3445" i="2" s="1"/>
  <c r="E3455" i="2" a="1"/>
  <c r="E3455" i="2" s="1"/>
  <c r="E3456" i="2" a="1"/>
  <c r="E3456" i="2" s="1"/>
  <c r="E3457" i="2" a="1"/>
  <c r="E3457" i="2" s="1"/>
  <c r="E3447" i="2" a="1"/>
  <c r="E3447" i="2" s="1"/>
  <c r="E3462" i="2" a="1"/>
  <c r="E3462" i="2" s="1"/>
  <c r="E3464" i="2" a="1"/>
  <c r="E3464" i="2" s="1"/>
  <c r="E3451" i="2" a="1"/>
  <c r="E3451" i="2" s="1"/>
  <c r="AP321" i="1"/>
  <c r="F327" i="5" s="1"/>
  <c r="AQ321" i="1"/>
  <c r="G327" i="5" s="1"/>
  <c r="AO321" i="1"/>
  <c r="E327" i="5" s="1"/>
  <c r="AN321" i="1"/>
  <c r="D327" i="5" s="1"/>
  <c r="AM321" i="1"/>
  <c r="D7691" i="2" a="1"/>
  <c r="D7691" i="2" s="1"/>
  <c r="D7708" i="2" a="1"/>
  <c r="D7708" i="2" s="1"/>
  <c r="D7690" i="2" a="1"/>
  <c r="D7690" i="2" s="1"/>
  <c r="D7696" i="2" a="1"/>
  <c r="D7696" i="2" s="1"/>
  <c r="D7698" i="2" a="1"/>
  <c r="D7698" i="2" s="1"/>
  <c r="D7706" i="2" a="1"/>
  <c r="D7706" i="2" s="1"/>
  <c r="D7699" i="2" a="1"/>
  <c r="D7699" i="2" s="1"/>
  <c r="D7693" i="2" a="1"/>
  <c r="D7693" i="2" s="1"/>
  <c r="D7697" i="2" a="1"/>
  <c r="D7697" i="2" s="1"/>
  <c r="D7701" i="2" a="1"/>
  <c r="D7701" i="2" s="1"/>
  <c r="D7705" i="2" a="1"/>
  <c r="D7705" i="2" s="1"/>
  <c r="D7713" i="2" a="1"/>
  <c r="D7713" i="2" s="1"/>
  <c r="D7694" i="2" a="1"/>
  <c r="D7694" i="2" s="1"/>
  <c r="D7702" i="2" a="1"/>
  <c r="D7702" i="2" s="1"/>
  <c r="D7710" i="2" a="1"/>
  <c r="D7710" i="2" s="1"/>
  <c r="D7692" i="2" a="1"/>
  <c r="D7692" i="2" s="1"/>
  <c r="D7700" i="2" a="1"/>
  <c r="D7700" i="2" s="1"/>
  <c r="D7704" i="2" a="1"/>
  <c r="D7704" i="2" s="1"/>
  <c r="D7712" i="2" a="1"/>
  <c r="D7712" i="2" s="1"/>
  <c r="D7695" i="2" a="1"/>
  <c r="D7695" i="2" s="1"/>
  <c r="D7703" i="2" a="1"/>
  <c r="D7703" i="2" s="1"/>
  <c r="D7711" i="2" a="1"/>
  <c r="D7711" i="2" s="1"/>
  <c r="D7707" i="2" a="1"/>
  <c r="D7707" i="2" s="1"/>
  <c r="D7709" i="2" a="1"/>
  <c r="D7709" i="2" s="1"/>
  <c r="H5600" i="2" a="1"/>
  <c r="H5600" i="2" s="1"/>
  <c r="H5579" i="2" a="1"/>
  <c r="H5579" i="2" s="1"/>
  <c r="H5586" i="2" a="1"/>
  <c r="H5586" i="2" s="1"/>
  <c r="H5591" i="2" a="1"/>
  <c r="H5591" i="2" s="1"/>
  <c r="H5581" i="2" a="1"/>
  <c r="H5581" i="2" s="1"/>
  <c r="H5580" i="2" a="1"/>
  <c r="H5580" i="2" s="1"/>
  <c r="H5594" i="2" a="1"/>
  <c r="H5594" i="2" s="1"/>
  <c r="H5582" i="2" a="1"/>
  <c r="H5582" i="2" s="1"/>
  <c r="H5578" i="2" a="1"/>
  <c r="H5578" i="2" s="1"/>
  <c r="H5592" i="2" a="1"/>
  <c r="H5592" i="2" s="1"/>
  <c r="H5598" i="2" a="1"/>
  <c r="H5598" i="2" s="1"/>
  <c r="H5587" i="2" a="1"/>
  <c r="H5587" i="2" s="1"/>
  <c r="H5595" i="2" a="1"/>
  <c r="H5595" i="2" s="1"/>
  <c r="H5601" i="2" a="1"/>
  <c r="H5601" i="2" s="1"/>
  <c r="H5590" i="2" a="1"/>
  <c r="H5590" i="2" s="1"/>
  <c r="H5593" i="2" a="1"/>
  <c r="H5593" i="2" s="1"/>
  <c r="H5596" i="2" a="1"/>
  <c r="H5596" i="2" s="1"/>
  <c r="H5583" i="2" a="1"/>
  <c r="H5583" i="2" s="1"/>
  <c r="H5588" i="2" a="1"/>
  <c r="H5588" i="2" s="1"/>
  <c r="H5584" i="2" a="1"/>
  <c r="H5584" i="2" s="1"/>
  <c r="H5599" i="2" a="1"/>
  <c r="H5599" i="2" s="1"/>
  <c r="H5585" i="2" a="1"/>
  <c r="H5585" i="2" s="1"/>
  <c r="H5589" i="2" a="1"/>
  <c r="H5589" i="2" s="1"/>
  <c r="H5597" i="2" a="1"/>
  <c r="H5597" i="2" s="1"/>
  <c r="G8605" i="2" a="1"/>
  <c r="G8605" i="2" s="1"/>
  <c r="G8611" i="2" a="1"/>
  <c r="G8611" i="2" s="1"/>
  <c r="G8623" i="2" a="1"/>
  <c r="G8623" i="2" s="1"/>
  <c r="G8606" i="2" a="1"/>
  <c r="G8606" i="2" s="1"/>
  <c r="G8608" i="2" a="1"/>
  <c r="G8608" i="2" s="1"/>
  <c r="G8602" i="2" a="1"/>
  <c r="G8602" i="2" s="1"/>
  <c r="G8625" i="2" a="1"/>
  <c r="G8625" i="2" s="1"/>
  <c r="G8613" i="2" a="1"/>
  <c r="G8613" i="2" s="1"/>
  <c r="G8607" i="2" a="1"/>
  <c r="G8607" i="2" s="1"/>
  <c r="G8621" i="2" a="1"/>
  <c r="G8621" i="2" s="1"/>
  <c r="G8617" i="2" a="1"/>
  <c r="G8617" i="2" s="1"/>
  <c r="G8615" i="2" a="1"/>
  <c r="G8615" i="2" s="1"/>
  <c r="G8622" i="2" a="1"/>
  <c r="G8622" i="2" s="1"/>
  <c r="G8612" i="2" a="1"/>
  <c r="G8612" i="2" s="1"/>
  <c r="G8618" i="2" a="1"/>
  <c r="G8618" i="2" s="1"/>
  <c r="G8610" i="2" a="1"/>
  <c r="G8610" i="2" s="1"/>
  <c r="G8614" i="2" a="1"/>
  <c r="G8614" i="2" s="1"/>
  <c r="G8604" i="2" a="1"/>
  <c r="G8604" i="2" s="1"/>
  <c r="G8603" i="2" a="1"/>
  <c r="G8603" i="2" s="1"/>
  <c r="G8616" i="2" a="1"/>
  <c r="G8616" i="2" s="1"/>
  <c r="G8620" i="2" a="1"/>
  <c r="G8620" i="2" s="1"/>
  <c r="G8619" i="2" a="1"/>
  <c r="G8619" i="2" s="1"/>
  <c r="G8609" i="2" a="1"/>
  <c r="G8609" i="2" s="1"/>
  <c r="G8624" i="2" a="1"/>
  <c r="G8624" i="2" s="1"/>
  <c r="H4173" i="2" a="1"/>
  <c r="H4173" i="2" s="1"/>
  <c r="H4169" i="2" a="1"/>
  <c r="H4169" i="2" s="1"/>
  <c r="H4164" i="2" a="1"/>
  <c r="H4164" i="2" s="1"/>
  <c r="H4174" i="2" a="1"/>
  <c r="H4174" i="2" s="1"/>
  <c r="H4167" i="2" a="1"/>
  <c r="H4167" i="2" s="1"/>
  <c r="H4170" i="2" a="1"/>
  <c r="H4170" i="2" s="1"/>
  <c r="H4176" i="2" a="1"/>
  <c r="H4176" i="2" s="1"/>
  <c r="H4171" i="2" a="1"/>
  <c r="H4171" i="2" s="1"/>
  <c r="H4182" i="2" a="1"/>
  <c r="H4182" i="2" s="1"/>
  <c r="H4172" i="2" a="1"/>
  <c r="H4172" i="2" s="1"/>
  <c r="H4162" i="2" a="1"/>
  <c r="H4162" i="2" s="1"/>
  <c r="H4163" i="2" a="1"/>
  <c r="H4163" i="2" s="1"/>
  <c r="H4184" i="2" a="1"/>
  <c r="H4184" i="2" s="1"/>
  <c r="H4178" i="2" a="1"/>
  <c r="H4178" i="2" s="1"/>
  <c r="H4175" i="2" a="1"/>
  <c r="H4175" i="2" s="1"/>
  <c r="H4183" i="2" a="1"/>
  <c r="H4183" i="2" s="1"/>
  <c r="H4166" i="2" a="1"/>
  <c r="H4166" i="2" s="1"/>
  <c r="H4177" i="2" a="1"/>
  <c r="H4177" i="2" s="1"/>
  <c r="H4179" i="2" a="1"/>
  <c r="H4179" i="2" s="1"/>
  <c r="H4165" i="2" a="1"/>
  <c r="H4165" i="2" s="1"/>
  <c r="H4185" i="2" a="1"/>
  <c r="H4185" i="2" s="1"/>
  <c r="H4168" i="2" a="1"/>
  <c r="H4168" i="2" s="1"/>
  <c r="H4180" i="2" a="1"/>
  <c r="H4180" i="2" s="1"/>
  <c r="H4181" i="2" a="1"/>
  <c r="H4181" i="2" s="1"/>
  <c r="G6534" i="2" a="1"/>
  <c r="G6534" i="2" s="1"/>
  <c r="G6517" i="2" a="1"/>
  <c r="G6517" i="2" s="1"/>
  <c r="G6522" i="2" a="1"/>
  <c r="G6522" i="2" s="1"/>
  <c r="G6527" i="2" a="1"/>
  <c r="G6527" i="2" s="1"/>
  <c r="G6536" i="2" a="1"/>
  <c r="G6536" i="2" s="1"/>
  <c r="D570" i="2" a="1"/>
  <c r="D570" i="2" s="1"/>
  <c r="D574" i="2" a="1"/>
  <c r="D574" i="2" s="1"/>
  <c r="D578" i="2" a="1"/>
  <c r="D578" i="2" s="1"/>
  <c r="D566" i="2" a="1"/>
  <c r="D566" i="2" s="1"/>
  <c r="D562" i="2" a="1"/>
  <c r="D562" i="2" s="1"/>
  <c r="D582" i="2" a="1"/>
  <c r="D582" i="2" s="1"/>
  <c r="D564" i="2" a="1"/>
  <c r="D564" i="2" s="1"/>
  <c r="D572" i="2" a="1"/>
  <c r="D572" i="2" s="1"/>
  <c r="D569" i="2" a="1"/>
  <c r="D569" i="2" s="1"/>
  <c r="D581" i="2" a="1"/>
  <c r="D581" i="2" s="1"/>
  <c r="D583" i="2" a="1"/>
  <c r="D583" i="2" s="1"/>
  <c r="D585" i="2" a="1"/>
  <c r="D585" i="2" s="1"/>
  <c r="D577" i="2" a="1"/>
  <c r="D577" i="2" s="1"/>
  <c r="D568" i="2" a="1"/>
  <c r="D568" i="2" s="1"/>
  <c r="D576" i="2" a="1"/>
  <c r="D576" i="2" s="1"/>
  <c r="D584" i="2" a="1"/>
  <c r="D584" i="2" s="1"/>
  <c r="D580" i="2" a="1"/>
  <c r="D580" i="2" s="1"/>
  <c r="D573" i="2" a="1"/>
  <c r="D573" i="2" s="1"/>
  <c r="D565" i="2" a="1"/>
  <c r="D565" i="2" s="1"/>
  <c r="D567" i="2" a="1"/>
  <c r="D567" i="2" s="1"/>
  <c r="D575" i="2" a="1"/>
  <c r="D575" i="2" s="1"/>
  <c r="D563" i="2" a="1"/>
  <c r="D563" i="2" s="1"/>
  <c r="D571" i="2" a="1"/>
  <c r="D571" i="2" s="1"/>
  <c r="D579" i="2" a="1"/>
  <c r="D579" i="2" s="1"/>
  <c r="F8375" i="2" a="1"/>
  <c r="F8375" i="2" s="1"/>
  <c r="F8380" i="2" a="1"/>
  <c r="F8380" i="2" s="1"/>
  <c r="F8364" i="2" a="1"/>
  <c r="F8364" i="2" s="1"/>
  <c r="F8367" i="2" a="1"/>
  <c r="F8367" i="2" s="1"/>
  <c r="F8376" i="2" a="1"/>
  <c r="F8376" i="2" s="1"/>
  <c r="F8381" i="2" a="1"/>
  <c r="F8381" i="2" s="1"/>
  <c r="F8385" i="2" a="1"/>
  <c r="F8385" i="2" s="1"/>
  <c r="F8369" i="2" a="1"/>
  <c r="F8369" i="2" s="1"/>
  <c r="F8383" i="2" a="1"/>
  <c r="F8383" i="2" s="1"/>
  <c r="F8370" i="2" a="1"/>
  <c r="F8370" i="2" s="1"/>
  <c r="F8379" i="2" a="1"/>
  <c r="F8379" i="2" s="1"/>
  <c r="F8377" i="2" a="1"/>
  <c r="F8377" i="2" s="1"/>
  <c r="F8368" i="2" a="1"/>
  <c r="F8368" i="2" s="1"/>
  <c r="F8373" i="2" a="1"/>
  <c r="F8373" i="2" s="1"/>
  <c r="F8374" i="2" a="1"/>
  <c r="F8374" i="2" s="1"/>
  <c r="F8362" i="2" a="1"/>
  <c r="F8362" i="2" s="1"/>
  <c r="F8378" i="2" a="1"/>
  <c r="F8378" i="2" s="1"/>
  <c r="F8371" i="2" a="1"/>
  <c r="F8371" i="2" s="1"/>
  <c r="F8372" i="2" a="1"/>
  <c r="F8372" i="2" s="1"/>
  <c r="F8365" i="2" a="1"/>
  <c r="F8365" i="2" s="1"/>
  <c r="F8366" i="2" a="1"/>
  <c r="F8366" i="2" s="1"/>
  <c r="F8382" i="2" a="1"/>
  <c r="F8382" i="2" s="1"/>
  <c r="F8363" i="2" a="1"/>
  <c r="F8363" i="2" s="1"/>
  <c r="F8384" i="2" a="1"/>
  <c r="F8384" i="2" s="1"/>
  <c r="F1739" i="2" a="1"/>
  <c r="F1739" i="2" s="1"/>
  <c r="F1747" i="2" a="1"/>
  <c r="F1747" i="2" s="1"/>
  <c r="F1760" i="2" a="1"/>
  <c r="F1760" i="2" s="1"/>
  <c r="F1745" i="2" a="1"/>
  <c r="F1745" i="2" s="1"/>
  <c r="F1749" i="2" a="1"/>
  <c r="F1749" i="2" s="1"/>
  <c r="F1750" i="2" a="1"/>
  <c r="F1750" i="2" s="1"/>
  <c r="F1746" i="2" a="1"/>
  <c r="F1746" i="2" s="1"/>
  <c r="F1758" i="2" a="1"/>
  <c r="F1758" i="2" s="1"/>
  <c r="F1740" i="2" a="1"/>
  <c r="F1740" i="2" s="1"/>
  <c r="F1753" i="2" a="1"/>
  <c r="F1753" i="2" s="1"/>
  <c r="F1741" i="2" a="1"/>
  <c r="F1741" i="2" s="1"/>
  <c r="F1754" i="2" a="1"/>
  <c r="F1754" i="2" s="1"/>
  <c r="F1755" i="2" a="1"/>
  <c r="F1755" i="2" s="1"/>
  <c r="F1738" i="2" a="1"/>
  <c r="F1738" i="2" s="1"/>
  <c r="F1759" i="2" a="1"/>
  <c r="F1759" i="2" s="1"/>
  <c r="F1752" i="2" a="1"/>
  <c r="F1752" i="2" s="1"/>
  <c r="F1742" i="2" a="1"/>
  <c r="F1742" i="2" s="1"/>
  <c r="F1756" i="2" a="1"/>
  <c r="F1756" i="2" s="1"/>
  <c r="F1748" i="2" a="1"/>
  <c r="F1748" i="2" s="1"/>
  <c r="F1757" i="2" a="1"/>
  <c r="F1757" i="2" s="1"/>
  <c r="F1744" i="2" a="1"/>
  <c r="F1744" i="2" s="1"/>
  <c r="F1761" i="2" a="1"/>
  <c r="F1761" i="2" s="1"/>
  <c r="F1743" i="2" a="1"/>
  <c r="F1743" i="2" s="1"/>
  <c r="F1751" i="2" a="1"/>
  <c r="F1751" i="2" s="1"/>
  <c r="G8160" i="2" a="1"/>
  <c r="G8160" i="2" s="1"/>
  <c r="G8150" i="2" a="1"/>
  <c r="G8150" i="2" s="1"/>
  <c r="G8161" i="2" a="1"/>
  <c r="G8161" i="2" s="1"/>
  <c r="G8167" i="2" a="1"/>
  <c r="G8167" i="2" s="1"/>
  <c r="G8162" i="2" a="1"/>
  <c r="G8162" i="2" s="1"/>
  <c r="G8149" i="2" a="1"/>
  <c r="G8149" i="2" s="1"/>
  <c r="G8169" i="2" a="1"/>
  <c r="G8169" i="2" s="1"/>
  <c r="G8157" i="2" a="1"/>
  <c r="G8157" i="2" s="1"/>
  <c r="G8146" i="2" a="1"/>
  <c r="G8146" i="2" s="1"/>
  <c r="G8154" i="2" a="1"/>
  <c r="G8154" i="2" s="1"/>
  <c r="G8155" i="2" a="1"/>
  <c r="G8155" i="2" s="1"/>
  <c r="G8152" i="2" a="1"/>
  <c r="G8152" i="2" s="1"/>
  <c r="G8158" i="2" a="1"/>
  <c r="G8158" i="2" s="1"/>
  <c r="G8153" i="2" a="1"/>
  <c r="G8153" i="2" s="1"/>
  <c r="G8156" i="2" a="1"/>
  <c r="G8156" i="2" s="1"/>
  <c r="G8163" i="2" a="1"/>
  <c r="G8163" i="2" s="1"/>
  <c r="G8164" i="2" a="1"/>
  <c r="G8164" i="2" s="1"/>
  <c r="G8165" i="2" a="1"/>
  <c r="G8165" i="2" s="1"/>
  <c r="G8151" i="2" a="1"/>
  <c r="G8151" i="2" s="1"/>
  <c r="G8147" i="2" a="1"/>
  <c r="G8147" i="2" s="1"/>
  <c r="G8159" i="2" a="1"/>
  <c r="G8159" i="2" s="1"/>
  <c r="G8148" i="2" a="1"/>
  <c r="G8148" i="2" s="1"/>
  <c r="G8168" i="2" a="1"/>
  <c r="G8168" i="2" s="1"/>
  <c r="G8166" i="2" a="1"/>
  <c r="G8166" i="2" s="1"/>
  <c r="H7443" i="2" a="1"/>
  <c r="H7443" i="2" s="1"/>
  <c r="H7449" i="2" a="1"/>
  <c r="H7449" i="2" s="1"/>
  <c r="H7438" i="2" a="1"/>
  <c r="H7438" i="2" s="1"/>
  <c r="H7428" i="2" a="1"/>
  <c r="H7428" i="2" s="1"/>
  <c r="H7433" i="2" a="1"/>
  <c r="H7433" i="2" s="1"/>
  <c r="H7446" i="2" a="1"/>
  <c r="H7446" i="2" s="1"/>
  <c r="H7437" i="2" a="1"/>
  <c r="H7437" i="2" s="1"/>
  <c r="H7442" i="2" a="1"/>
  <c r="H7442" i="2" s="1"/>
  <c r="H7444" i="2" a="1"/>
  <c r="H7444" i="2" s="1"/>
  <c r="H7447" i="2" a="1"/>
  <c r="H7447" i="2" s="1"/>
  <c r="H7431" i="2" a="1"/>
  <c r="H7431" i="2" s="1"/>
  <c r="H7448" i="2" a="1"/>
  <c r="H7448" i="2" s="1"/>
  <c r="H7427" i="2" a="1"/>
  <c r="H7427" i="2" s="1"/>
  <c r="H7434" i="2" a="1"/>
  <c r="H7434" i="2" s="1"/>
  <c r="H7436" i="2" a="1"/>
  <c r="H7436" i="2" s="1"/>
  <c r="H7430" i="2" a="1"/>
  <c r="H7430" i="2" s="1"/>
  <c r="H7445" i="2" a="1"/>
  <c r="H7445" i="2" s="1"/>
  <c r="H7432" i="2" a="1"/>
  <c r="H7432" i="2" s="1"/>
  <c r="H7426" i="2" a="1"/>
  <c r="H7426" i="2" s="1"/>
  <c r="H7435" i="2" a="1"/>
  <c r="H7435" i="2" s="1"/>
  <c r="H7439" i="2" a="1"/>
  <c r="H7439" i="2" s="1"/>
  <c r="H7440" i="2" a="1"/>
  <c r="H7440" i="2" s="1"/>
  <c r="H7441" i="2" a="1"/>
  <c r="H7441" i="2" s="1"/>
  <c r="H7429" i="2" a="1"/>
  <c r="H7429" i="2" s="1"/>
  <c r="F1730" i="2" a="1"/>
  <c r="F1730" i="2" s="1"/>
  <c r="F1714" i="2" a="1"/>
  <c r="F1714" i="2" s="1"/>
  <c r="F1733" i="2" a="1"/>
  <c r="F1733" i="2" s="1"/>
  <c r="F1737" i="2" a="1"/>
  <c r="F1737" i="2" s="1"/>
  <c r="F1724" i="2" a="1"/>
  <c r="F1724" i="2" s="1"/>
  <c r="F1729" i="2" a="1"/>
  <c r="F1729" i="2" s="1"/>
  <c r="F1715" i="2" a="1"/>
  <c r="F1715" i="2" s="1"/>
  <c r="F1725" i="2" a="1"/>
  <c r="F1725" i="2" s="1"/>
  <c r="F1722" i="2" a="1"/>
  <c r="F1722" i="2" s="1"/>
  <c r="F1727" i="2" a="1"/>
  <c r="F1727" i="2" s="1"/>
  <c r="F1726" i="2" a="1"/>
  <c r="F1726" i="2" s="1"/>
  <c r="F1718" i="2" a="1"/>
  <c r="F1718" i="2" s="1"/>
  <c r="F1736" i="2" a="1"/>
  <c r="F1736" i="2" s="1"/>
  <c r="F1731" i="2" a="1"/>
  <c r="F1731" i="2" s="1"/>
  <c r="F1717" i="2" a="1"/>
  <c r="F1717" i="2" s="1"/>
  <c r="F1732" i="2" a="1"/>
  <c r="F1732" i="2" s="1"/>
  <c r="F1716" i="2" a="1"/>
  <c r="F1716" i="2" s="1"/>
  <c r="F1719" i="2" a="1"/>
  <c r="F1719" i="2" s="1"/>
  <c r="F1734" i="2" a="1"/>
  <c r="F1734" i="2" s="1"/>
  <c r="F1735" i="2" a="1"/>
  <c r="F1735" i="2" s="1"/>
  <c r="F1720" i="2" a="1"/>
  <c r="F1720" i="2" s="1"/>
  <c r="F1721" i="2" a="1"/>
  <c r="F1721" i="2" s="1"/>
  <c r="F1723" i="2" a="1"/>
  <c r="F1723" i="2" s="1"/>
  <c r="F1728" i="2" a="1"/>
  <c r="F1728" i="2" s="1"/>
  <c r="E5021" i="2" a="1"/>
  <c r="E5021" i="2" s="1"/>
  <c r="E5005" i="2" a="1"/>
  <c r="E5005" i="2" s="1"/>
  <c r="E5017" i="2" a="1"/>
  <c r="E5017" i="2" s="1"/>
  <c r="E5003" i="2" a="1"/>
  <c r="E5003" i="2" s="1"/>
  <c r="E5008" i="2" a="1"/>
  <c r="E5008" i="2" s="1"/>
  <c r="E5016" i="2" a="1"/>
  <c r="E5016" i="2" s="1"/>
  <c r="E5023" i="2" a="1"/>
  <c r="E5023" i="2" s="1"/>
  <c r="E5004" i="2" a="1"/>
  <c r="E5004" i="2" s="1"/>
  <c r="E5002" i="2" a="1"/>
  <c r="E5002" i="2" s="1"/>
  <c r="E5024" i="2" a="1"/>
  <c r="E5024" i="2" s="1"/>
  <c r="E5007" i="2" a="1"/>
  <c r="E5007" i="2" s="1"/>
  <c r="E5018" i="2" a="1"/>
  <c r="E5018" i="2" s="1"/>
  <c r="E5015" i="2" a="1"/>
  <c r="E5015" i="2" s="1"/>
  <c r="E5014" i="2" a="1"/>
  <c r="E5014" i="2" s="1"/>
  <c r="E5006" i="2" a="1"/>
  <c r="E5006" i="2" s="1"/>
  <c r="E5020" i="2" a="1"/>
  <c r="E5020" i="2" s="1"/>
  <c r="E5022" i="2" a="1"/>
  <c r="E5022" i="2" s="1"/>
  <c r="E5025" i="2" a="1"/>
  <c r="E5025" i="2" s="1"/>
  <c r="E5012" i="2" a="1"/>
  <c r="E5012" i="2" s="1"/>
  <c r="E5019" i="2" a="1"/>
  <c r="E5019" i="2" s="1"/>
  <c r="E5010" i="2" a="1"/>
  <c r="E5010" i="2" s="1"/>
  <c r="E5011" i="2" a="1"/>
  <c r="E5011" i="2" s="1"/>
  <c r="E5013" i="2" a="1"/>
  <c r="E5013" i="2" s="1"/>
  <c r="E5009" i="2" a="1"/>
  <c r="E5009" i="2" s="1"/>
  <c r="G6366" i="2" a="1"/>
  <c r="G6366" i="2" s="1"/>
  <c r="G6352" i="2" a="1"/>
  <c r="G6352" i="2" s="1"/>
  <c r="G6347" i="2" a="1"/>
  <c r="G6347" i="2" s="1"/>
  <c r="G6367" i="2" a="1"/>
  <c r="G6367" i="2" s="1"/>
  <c r="G6355" i="2" a="1"/>
  <c r="G6355" i="2" s="1"/>
  <c r="G6348" i="2" a="1"/>
  <c r="G6348" i="2" s="1"/>
  <c r="G6354" i="2" a="1"/>
  <c r="G6354" i="2" s="1"/>
  <c r="G6356" i="2" a="1"/>
  <c r="G6356" i="2" s="1"/>
  <c r="G6369" i="2" a="1"/>
  <c r="G6369" i="2" s="1"/>
  <c r="G6357" i="2" a="1"/>
  <c r="G6357" i="2" s="1"/>
  <c r="G6350" i="2" a="1"/>
  <c r="G6350" i="2" s="1"/>
  <c r="G6361" i="2" a="1"/>
  <c r="G6361" i="2" s="1"/>
  <c r="G6351" i="2" a="1"/>
  <c r="G6351" i="2" s="1"/>
  <c r="G6364" i="2" a="1"/>
  <c r="G6364" i="2" s="1"/>
  <c r="G6358" i="2" a="1"/>
  <c r="G6358" i="2" s="1"/>
  <c r="G6360" i="2" a="1"/>
  <c r="G6360" i="2" s="1"/>
  <c r="G6346" i="2" a="1"/>
  <c r="G6346" i="2" s="1"/>
  <c r="G6362" i="2" a="1"/>
  <c r="G6362" i="2" s="1"/>
  <c r="AO58" i="1"/>
  <c r="E64" i="5" s="1"/>
  <c r="D1380" i="2" a="1"/>
  <c r="D1380" i="2" s="1"/>
  <c r="D1388" i="2" a="1"/>
  <c r="D1388" i="2" s="1"/>
  <c r="D1392" i="2" a="1"/>
  <c r="D1392" i="2" s="1"/>
  <c r="D1400" i="2" a="1"/>
  <c r="D1400" i="2" s="1"/>
  <c r="D1384" i="2" a="1"/>
  <c r="D1384" i="2" s="1"/>
  <c r="D1390" i="2" a="1"/>
  <c r="D1390" i="2" s="1"/>
  <c r="D1398" i="2" a="1"/>
  <c r="D1398" i="2" s="1"/>
  <c r="D1396" i="2" a="1"/>
  <c r="D1396" i="2" s="1"/>
  <c r="D1387" i="2" a="1"/>
  <c r="D1387" i="2" s="1"/>
  <c r="D1389" i="2" a="1"/>
  <c r="D1389" i="2" s="1"/>
  <c r="D1383" i="2" a="1"/>
  <c r="D1383" i="2" s="1"/>
  <c r="D1391" i="2" a="1"/>
  <c r="D1391" i="2" s="1"/>
  <c r="D1379" i="2" a="1"/>
  <c r="D1379" i="2" s="1"/>
  <c r="D1397" i="2" a="1"/>
  <c r="D1397" i="2" s="1"/>
  <c r="D1381" i="2" a="1"/>
  <c r="D1381" i="2" s="1"/>
  <c r="D1385" i="2" a="1"/>
  <c r="D1385" i="2" s="1"/>
  <c r="D1393" i="2" a="1"/>
  <c r="D1393" i="2" s="1"/>
  <c r="D1399" i="2" a="1"/>
  <c r="D1399" i="2" s="1"/>
  <c r="D1395" i="2" a="1"/>
  <c r="D1395" i="2" s="1"/>
  <c r="D1401" i="2" a="1"/>
  <c r="D1401" i="2" s="1"/>
  <c r="D1382" i="2" a="1"/>
  <c r="D1382" i="2" s="1"/>
  <c r="D1378" i="2" a="1"/>
  <c r="D1378" i="2" s="1"/>
  <c r="D1394" i="2" a="1"/>
  <c r="D1394" i="2" s="1"/>
  <c r="D1386" i="2" a="1"/>
  <c r="D1386" i="2" s="1"/>
  <c r="F240" i="2" a="1"/>
  <c r="F240" i="2" s="1"/>
  <c r="F248" i="2" a="1"/>
  <c r="F248" i="2" s="1"/>
  <c r="F241" i="2" a="1"/>
  <c r="F241" i="2" s="1"/>
  <c r="F230" i="2" a="1"/>
  <c r="F230" i="2" s="1"/>
  <c r="F238" i="2" a="1"/>
  <c r="F238" i="2" s="1"/>
  <c r="F245" i="2" a="1"/>
  <c r="F245" i="2" s="1"/>
  <c r="F237" i="2" a="1"/>
  <c r="F237" i="2" s="1"/>
  <c r="F244" i="2" a="1"/>
  <c r="F244" i="2" s="1"/>
  <c r="F246" i="2" a="1"/>
  <c r="F246" i="2" s="1"/>
  <c r="F231" i="2" a="1"/>
  <c r="F231" i="2" s="1"/>
  <c r="F232" i="2" a="1"/>
  <c r="F232" i="2" s="1"/>
  <c r="F242" i="2" a="1"/>
  <c r="F242" i="2" s="1"/>
  <c r="F243" i="2" a="1"/>
  <c r="F243" i="2" s="1"/>
  <c r="F247" i="2" a="1"/>
  <c r="F247" i="2" s="1"/>
  <c r="F233" i="2" a="1"/>
  <c r="F233" i="2" s="1"/>
  <c r="F234" i="2" a="1"/>
  <c r="F234" i="2" s="1"/>
  <c r="F229" i="2" a="1"/>
  <c r="F229" i="2" s="1"/>
  <c r="F235" i="2" a="1"/>
  <c r="F235" i="2" s="1"/>
  <c r="F239" i="2" a="1"/>
  <c r="F239" i="2" s="1"/>
  <c r="F249" i="2" a="1"/>
  <c r="F249" i="2" s="1"/>
  <c r="F236" i="2" a="1"/>
  <c r="F236" i="2" s="1"/>
  <c r="F226" i="2" a="1"/>
  <c r="F226" i="2" s="1"/>
  <c r="F227" i="2" a="1"/>
  <c r="F227" i="2" s="1"/>
  <c r="F228" i="2" a="1"/>
  <c r="F228" i="2" s="1"/>
  <c r="F5961" i="2" a="1"/>
  <c r="F5961" i="2" s="1"/>
  <c r="F5949" i="2" a="1"/>
  <c r="F5949" i="2" s="1"/>
  <c r="F5945" i="2" a="1"/>
  <c r="F5945" i="2" s="1"/>
  <c r="F5948" i="2" a="1"/>
  <c r="F5948" i="2" s="1"/>
  <c r="F5941" i="2" a="1"/>
  <c r="F5941" i="2" s="1"/>
  <c r="F5950" i="2" a="1"/>
  <c r="F5950" i="2" s="1"/>
  <c r="F5954" i="2" a="1"/>
  <c r="F5954" i="2" s="1"/>
  <c r="F5952" i="2" a="1"/>
  <c r="F5952" i="2" s="1"/>
  <c r="F5959" i="2" a="1"/>
  <c r="F5959" i="2" s="1"/>
  <c r="F5947" i="2" a="1"/>
  <c r="F5947" i="2" s="1"/>
  <c r="F5942" i="2" a="1"/>
  <c r="F5942" i="2" s="1"/>
  <c r="F5960" i="2" a="1"/>
  <c r="F5960" i="2" s="1"/>
  <c r="F5951" i="2" a="1"/>
  <c r="F5951" i="2" s="1"/>
  <c r="F5938" i="2" a="1"/>
  <c r="F5938" i="2" s="1"/>
  <c r="F5939" i="2" a="1"/>
  <c r="F5939" i="2" s="1"/>
  <c r="F5957" i="2" a="1"/>
  <c r="F5957" i="2" s="1"/>
  <c r="F5940" i="2" a="1"/>
  <c r="F5940" i="2" s="1"/>
  <c r="F5943" i="2" a="1"/>
  <c r="F5943" i="2" s="1"/>
  <c r="F5955" i="2" a="1"/>
  <c r="F5955" i="2" s="1"/>
  <c r="F5958" i="2" a="1"/>
  <c r="F5958" i="2" s="1"/>
  <c r="F5946" i="2" a="1"/>
  <c r="F5946" i="2" s="1"/>
  <c r="F5956" i="2" a="1"/>
  <c r="F5956" i="2" s="1"/>
  <c r="F5944" i="2" a="1"/>
  <c r="F5944" i="2" s="1"/>
  <c r="F5953" i="2" a="1"/>
  <c r="F5953" i="2" s="1"/>
  <c r="F2547" i="2" a="1"/>
  <c r="F2547" i="2" s="1"/>
  <c r="F2539" i="2" a="1"/>
  <c r="F2539" i="2" s="1"/>
  <c r="F2550" i="2" a="1"/>
  <c r="F2550" i="2" s="1"/>
  <c r="F2540" i="2" a="1"/>
  <c r="F2540" i="2" s="1"/>
  <c r="F2544" i="2" a="1"/>
  <c r="F2544" i="2" s="1"/>
  <c r="F2545" i="2" a="1"/>
  <c r="F2545" i="2" s="1"/>
  <c r="F2530" i="2" a="1"/>
  <c r="F2530" i="2" s="1"/>
  <c r="F2535" i="2" a="1"/>
  <c r="F2535" i="2" s="1"/>
  <c r="F2548" i="2" a="1"/>
  <c r="F2548" i="2" s="1"/>
  <c r="F2531" i="2" a="1"/>
  <c r="F2531" i="2" s="1"/>
  <c r="F2536" i="2" a="1"/>
  <c r="F2536" i="2" s="1"/>
  <c r="F2534" i="2" a="1"/>
  <c r="F2534" i="2" s="1"/>
  <c r="F2537" i="2" a="1"/>
  <c r="F2537" i="2" s="1"/>
  <c r="F2538" i="2" a="1"/>
  <c r="F2538" i="2" s="1"/>
  <c r="F2543" i="2" a="1"/>
  <c r="F2543" i="2" s="1"/>
  <c r="F2533" i="2" a="1"/>
  <c r="F2533" i="2" s="1"/>
  <c r="F2541" i="2" a="1"/>
  <c r="F2541" i="2" s="1"/>
  <c r="F2549" i="2" a="1"/>
  <c r="F2549" i="2" s="1"/>
  <c r="F2551" i="2" a="1"/>
  <c r="F2551" i="2" s="1"/>
  <c r="F2552" i="2" a="1"/>
  <c r="F2552" i="2" s="1"/>
  <c r="F2553" i="2" a="1"/>
  <c r="F2553" i="2" s="1"/>
  <c r="F2546" i="2" a="1"/>
  <c r="F2546" i="2" s="1"/>
  <c r="F2542" i="2" a="1"/>
  <c r="F2542" i="2" s="1"/>
  <c r="F2532" i="2" a="1"/>
  <c r="F2532" i="2" s="1"/>
  <c r="E6912" i="2" a="1"/>
  <c r="E6912" i="2" s="1"/>
  <c r="E6918" i="2" a="1"/>
  <c r="E6918" i="2" s="1"/>
  <c r="E6908" i="2" a="1"/>
  <c r="E6908" i="2" s="1"/>
  <c r="E6898" i="2" a="1"/>
  <c r="E6898" i="2" s="1"/>
  <c r="E6916" i="2" a="1"/>
  <c r="E6916" i="2" s="1"/>
  <c r="E6911" i="2" a="1"/>
  <c r="E6911" i="2" s="1"/>
  <c r="E6915" i="2" a="1"/>
  <c r="E6915" i="2" s="1"/>
  <c r="E6900" i="2" a="1"/>
  <c r="E6900" i="2" s="1"/>
  <c r="E6906" i="2" a="1"/>
  <c r="E6906" i="2" s="1"/>
  <c r="E6901" i="2" a="1"/>
  <c r="E6901" i="2" s="1"/>
  <c r="E6907" i="2" a="1"/>
  <c r="E6907" i="2" s="1"/>
  <c r="E6921" i="2" a="1"/>
  <c r="E6921" i="2" s="1"/>
  <c r="E6913" i="2" a="1"/>
  <c r="E6913" i="2" s="1"/>
  <c r="E6909" i="2" a="1"/>
  <c r="E6909" i="2" s="1"/>
  <c r="E6902" i="2" a="1"/>
  <c r="E6902" i="2" s="1"/>
  <c r="E6917" i="2" a="1"/>
  <c r="E6917" i="2" s="1"/>
  <c r="E6910" i="2" a="1"/>
  <c r="E6910" i="2" s="1"/>
  <c r="E6919" i="2" a="1"/>
  <c r="E6919" i="2" s="1"/>
  <c r="E6905" i="2" a="1"/>
  <c r="E6905" i="2" s="1"/>
  <c r="E6903" i="2" a="1"/>
  <c r="E6903" i="2" s="1"/>
  <c r="E6904" i="2" a="1"/>
  <c r="E6904" i="2" s="1"/>
  <c r="E6920" i="2" a="1"/>
  <c r="E6920" i="2" s="1"/>
  <c r="E6914" i="2" a="1"/>
  <c r="E6914" i="2" s="1"/>
  <c r="E6899" i="2" a="1"/>
  <c r="E6899" i="2" s="1"/>
  <c r="H3685" i="2" a="1"/>
  <c r="H3685" i="2" s="1"/>
  <c r="H3690" i="2" a="1"/>
  <c r="H3690" i="2" s="1"/>
  <c r="H3688" i="2" a="1"/>
  <c r="H3688" i="2" s="1"/>
  <c r="H3689" i="2" a="1"/>
  <c r="H3689" i="2" s="1"/>
  <c r="H3703" i="2" a="1"/>
  <c r="H3703" i="2" s="1"/>
  <c r="H3700" i="2" a="1"/>
  <c r="H3700" i="2" s="1"/>
  <c r="H3691" i="2" a="1"/>
  <c r="H3691" i="2" s="1"/>
  <c r="H3701" i="2" a="1"/>
  <c r="H3701" i="2" s="1"/>
  <c r="F163" i="2" a="1"/>
  <c r="F163" i="2" s="1"/>
  <c r="F170" i="2" a="1"/>
  <c r="F170" i="2" s="1"/>
  <c r="F164" i="2" a="1"/>
  <c r="F164" i="2" s="1"/>
  <c r="F172" i="2" a="1"/>
  <c r="F172" i="2" s="1"/>
  <c r="F176" i="2" a="1"/>
  <c r="F176" i="2" s="1"/>
  <c r="F166" i="2" a="1"/>
  <c r="F166" i="2" s="1"/>
  <c r="F159" i="2" a="1"/>
  <c r="F159" i="2" s="1"/>
  <c r="F156" i="2" a="1"/>
  <c r="F156" i="2" s="1"/>
  <c r="F161" i="2" a="1"/>
  <c r="F161" i="2" s="1"/>
  <c r="F167" i="2" a="1"/>
  <c r="F167" i="2" s="1"/>
  <c r="F157" i="2" a="1"/>
  <c r="F157" i="2" s="1"/>
  <c r="F168" i="2" a="1"/>
  <c r="F168" i="2" s="1"/>
  <c r="F158" i="2" a="1"/>
  <c r="F158" i="2" s="1"/>
  <c r="F154" i="2" a="1"/>
  <c r="F154" i="2" s="1"/>
  <c r="F177" i="2" a="1"/>
  <c r="F177" i="2" s="1"/>
  <c r="F155" i="2" a="1"/>
  <c r="F155" i="2" s="1"/>
  <c r="F174" i="2" a="1"/>
  <c r="F174" i="2" s="1"/>
  <c r="F173" i="2" a="1"/>
  <c r="F173" i="2" s="1"/>
  <c r="F169" i="2" a="1"/>
  <c r="F169" i="2" s="1"/>
  <c r="F175" i="2" a="1"/>
  <c r="F175" i="2" s="1"/>
  <c r="F171" i="2" a="1"/>
  <c r="F171" i="2" s="1"/>
  <c r="F160" i="2" a="1"/>
  <c r="F160" i="2" s="1"/>
  <c r="F165" i="2" a="1"/>
  <c r="F165" i="2" s="1"/>
  <c r="F162" i="2" a="1"/>
  <c r="F162" i="2" s="1"/>
  <c r="E4059" i="2" a="1"/>
  <c r="E4059" i="2" s="1"/>
  <c r="E4046" i="2" a="1"/>
  <c r="E4046" i="2" s="1"/>
  <c r="E4060" i="2" a="1"/>
  <c r="E4060" i="2" s="1"/>
  <c r="E4049" i="2" a="1"/>
  <c r="E4049" i="2" s="1"/>
  <c r="E4054" i="2" a="1"/>
  <c r="E4054" i="2" s="1"/>
  <c r="E4044" i="2" a="1"/>
  <c r="E4044" i="2" s="1"/>
  <c r="E4047" i="2" a="1"/>
  <c r="E4047" i="2" s="1"/>
  <c r="E4061" i="2" a="1"/>
  <c r="E4061" i="2" s="1"/>
  <c r="E4050" i="2" a="1"/>
  <c r="E4050" i="2" s="1"/>
  <c r="E4063" i="2" a="1"/>
  <c r="E4063" i="2" s="1"/>
  <c r="E4065" i="2" a="1"/>
  <c r="E4065" i="2" s="1"/>
  <c r="E4056" i="2" a="1"/>
  <c r="E4056" i="2" s="1"/>
  <c r="E4051" i="2" a="1"/>
  <c r="E4051" i="2" s="1"/>
  <c r="E4042" i="2" a="1"/>
  <c r="E4042" i="2" s="1"/>
  <c r="E4048" i="2" a="1"/>
  <c r="E4048" i="2" s="1"/>
  <c r="E4062" i="2" a="1"/>
  <c r="E4062" i="2" s="1"/>
  <c r="E4045" i="2" a="1"/>
  <c r="E4045" i="2" s="1"/>
  <c r="E4052" i="2" a="1"/>
  <c r="E4052" i="2" s="1"/>
  <c r="E4057" i="2" a="1"/>
  <c r="E4057" i="2" s="1"/>
  <c r="E4055" i="2" a="1"/>
  <c r="E4055" i="2" s="1"/>
  <c r="E4064" i="2" a="1"/>
  <c r="E4064" i="2" s="1"/>
  <c r="E4058" i="2" a="1"/>
  <c r="E4058" i="2" s="1"/>
  <c r="E4043" i="2" a="1"/>
  <c r="E4043" i="2" s="1"/>
  <c r="E4053" i="2" a="1"/>
  <c r="E4053" i="2" s="1"/>
  <c r="E8587" i="2" a="1"/>
  <c r="E8587" i="2" s="1"/>
  <c r="E8591" i="2" a="1"/>
  <c r="E8591" i="2" s="1"/>
  <c r="E8599" i="2" a="1"/>
  <c r="E8599" i="2" s="1"/>
  <c r="E8601" i="2" a="1"/>
  <c r="E8601" i="2" s="1"/>
  <c r="E8594" i="2" a="1"/>
  <c r="E8594" i="2" s="1"/>
  <c r="E8582" i="2" a="1"/>
  <c r="E8582" i="2" s="1"/>
  <c r="E8583" i="2" a="1"/>
  <c r="E8583" i="2" s="1"/>
  <c r="E8585" i="2" a="1"/>
  <c r="E8585" i="2" s="1"/>
  <c r="E8592" i="2" a="1"/>
  <c r="E8592" i="2" s="1"/>
  <c r="E8595" i="2" a="1"/>
  <c r="E8595" i="2" s="1"/>
  <c r="E8578" i="2" a="1"/>
  <c r="E8578" i="2" s="1"/>
  <c r="E8596" i="2" a="1"/>
  <c r="E8596" i="2" s="1"/>
  <c r="E8580" i="2" a="1"/>
  <c r="E8580" i="2" s="1"/>
  <c r="E8581" i="2" a="1"/>
  <c r="E8581" i="2" s="1"/>
  <c r="E8597" i="2" a="1"/>
  <c r="E8597" i="2" s="1"/>
  <c r="E8598" i="2" a="1"/>
  <c r="E8598" i="2" s="1"/>
  <c r="E8589" i="2" a="1"/>
  <c r="E8589" i="2" s="1"/>
  <c r="E8600" i="2" a="1"/>
  <c r="E8600" i="2" s="1"/>
  <c r="E8590" i="2" a="1"/>
  <c r="E8590" i="2" s="1"/>
  <c r="E8584" i="2" a="1"/>
  <c r="E8584" i="2" s="1"/>
  <c r="E8586" i="2" a="1"/>
  <c r="E8586" i="2" s="1"/>
  <c r="E8588" i="2" a="1"/>
  <c r="E8588" i="2" s="1"/>
  <c r="E8593" i="2" a="1"/>
  <c r="E8593" i="2" s="1"/>
  <c r="E8579" i="2" a="1"/>
  <c r="E8579" i="2" s="1"/>
  <c r="G188" i="2" a="1"/>
  <c r="G188" i="2" s="1"/>
  <c r="G199" i="2" a="1"/>
  <c r="G199" i="2" s="1"/>
  <c r="G189" i="2" a="1"/>
  <c r="G189" i="2" s="1"/>
  <c r="G185" i="2" a="1"/>
  <c r="G185" i="2" s="1"/>
  <c r="G200" i="2" a="1"/>
  <c r="G200" i="2" s="1"/>
  <c r="G187" i="2" a="1"/>
  <c r="G187" i="2" s="1"/>
  <c r="G192" i="2" a="1"/>
  <c r="G192" i="2" s="1"/>
  <c r="G190" i="2" a="1"/>
  <c r="G190" i="2" s="1"/>
  <c r="G179" i="2" a="1"/>
  <c r="G179" i="2" s="1"/>
  <c r="G193" i="2" a="1"/>
  <c r="G193" i="2" s="1"/>
  <c r="G180" i="2" a="1"/>
  <c r="G180" i="2" s="1"/>
  <c r="G195" i="2" a="1"/>
  <c r="G195" i="2" s="1"/>
  <c r="G196" i="2" a="1"/>
  <c r="G196" i="2" s="1"/>
  <c r="G183" i="2" a="1"/>
  <c r="G183" i="2" s="1"/>
  <c r="G186" i="2" a="1"/>
  <c r="G186" i="2" s="1"/>
  <c r="G197" i="2" a="1"/>
  <c r="G197" i="2" s="1"/>
  <c r="G181" i="2" a="1"/>
  <c r="G181" i="2" s="1"/>
  <c r="G198" i="2" a="1"/>
  <c r="G198" i="2" s="1"/>
  <c r="G182" i="2" a="1"/>
  <c r="G182" i="2" s="1"/>
  <c r="G184" i="2" a="1"/>
  <c r="G184" i="2" s="1"/>
  <c r="G194" i="2" a="1"/>
  <c r="G194" i="2" s="1"/>
  <c r="G178" i="2" a="1"/>
  <c r="G178" i="2" s="1"/>
  <c r="G201" i="2" a="1"/>
  <c r="G201" i="2" s="1"/>
  <c r="G191" i="2" a="1"/>
  <c r="G191" i="2" s="1"/>
  <c r="E5043" i="2" a="1"/>
  <c r="E5043" i="2" s="1"/>
  <c r="E5046" i="2" a="1"/>
  <c r="E5046" i="2" s="1"/>
  <c r="E5042" i="2" a="1"/>
  <c r="E5042" i="2" s="1"/>
  <c r="E5029" i="2" a="1"/>
  <c r="E5029" i="2" s="1"/>
  <c r="E5026" i="2" a="1"/>
  <c r="E5026" i="2" s="1"/>
  <c r="E5030" i="2" a="1"/>
  <c r="E5030" i="2" s="1"/>
  <c r="E5038" i="2" a="1"/>
  <c r="E5038" i="2" s="1"/>
  <c r="E5047" i="2" a="1"/>
  <c r="E5047" i="2" s="1"/>
  <c r="E5039" i="2" a="1"/>
  <c r="E5039" i="2" s="1"/>
  <c r="E5049" i="2" a="1"/>
  <c r="E5049" i="2" s="1"/>
  <c r="E5035" i="2" a="1"/>
  <c r="E5035" i="2" s="1"/>
  <c r="E5032" i="2" a="1"/>
  <c r="E5032" i="2" s="1"/>
  <c r="E5027" i="2" a="1"/>
  <c r="E5027" i="2" s="1"/>
  <c r="E5033" i="2" a="1"/>
  <c r="E5033" i="2" s="1"/>
  <c r="E5034" i="2" a="1"/>
  <c r="E5034" i="2" s="1"/>
  <c r="E5037" i="2" a="1"/>
  <c r="E5037" i="2" s="1"/>
  <c r="E5028" i="2" a="1"/>
  <c r="E5028" i="2" s="1"/>
  <c r="E5036" i="2" a="1"/>
  <c r="E5036" i="2" s="1"/>
  <c r="E5031" i="2" a="1"/>
  <c r="E5031" i="2" s="1"/>
  <c r="E5041" i="2" a="1"/>
  <c r="E5041" i="2" s="1"/>
  <c r="E5044" i="2" a="1"/>
  <c r="E5044" i="2" s="1"/>
  <c r="E5040" i="2" a="1"/>
  <c r="E5040" i="2" s="1"/>
  <c r="E5048" i="2" a="1"/>
  <c r="E5048" i="2" s="1"/>
  <c r="E5045" i="2" a="1"/>
  <c r="E5045" i="2" s="1"/>
  <c r="H2518" i="2" a="1"/>
  <c r="H2518" i="2" s="1"/>
  <c r="H2520" i="2" a="1"/>
  <c r="H2520" i="2" s="1"/>
  <c r="H2513" i="2" a="1"/>
  <c r="H2513" i="2" s="1"/>
  <c r="H2519" i="2" a="1"/>
  <c r="H2519" i="2" s="1"/>
  <c r="H2521" i="2" a="1"/>
  <c r="H2521" i="2" s="1"/>
  <c r="H2524" i="2" a="1"/>
  <c r="H2524" i="2" s="1"/>
  <c r="H2515" i="2" a="1"/>
  <c r="H2515" i="2" s="1"/>
  <c r="H2514" i="2" a="1"/>
  <c r="H2514" i="2" s="1"/>
  <c r="H2527" i="2" a="1"/>
  <c r="H2527" i="2" s="1"/>
  <c r="H2507" i="2" a="1"/>
  <c r="H2507" i="2" s="1"/>
  <c r="H2526" i="2" a="1"/>
  <c r="H2526" i="2" s="1"/>
  <c r="H2511" i="2" a="1"/>
  <c r="H2511" i="2" s="1"/>
  <c r="H2528" i="2" a="1"/>
  <c r="H2528" i="2" s="1"/>
  <c r="H2529" i="2" a="1"/>
  <c r="H2529" i="2" s="1"/>
  <c r="H2512" i="2" a="1"/>
  <c r="H2512" i="2" s="1"/>
  <c r="H2506" i="2" a="1"/>
  <c r="H2506" i="2" s="1"/>
  <c r="H2516" i="2" a="1"/>
  <c r="H2516" i="2" s="1"/>
  <c r="H2522" i="2" a="1"/>
  <c r="H2522" i="2" s="1"/>
  <c r="H2510" i="2" a="1"/>
  <c r="H2510" i="2" s="1"/>
  <c r="H2523" i="2" a="1"/>
  <c r="H2523" i="2" s="1"/>
  <c r="H2508" i="2" a="1"/>
  <c r="H2508" i="2" s="1"/>
  <c r="H2525" i="2" a="1"/>
  <c r="H2525" i="2" s="1"/>
  <c r="H2509" i="2" a="1"/>
  <c r="H2509" i="2" s="1"/>
  <c r="H2517" i="2" a="1"/>
  <c r="H2517" i="2" s="1"/>
  <c r="D195" i="2" a="1"/>
  <c r="D195" i="2" s="1"/>
  <c r="D185" i="2" a="1"/>
  <c r="D185" i="2" s="1"/>
  <c r="D197" i="2" a="1"/>
  <c r="D197" i="2" s="1"/>
  <c r="D198" i="2" a="1"/>
  <c r="D198" i="2" s="1"/>
  <c r="D188" i="2" a="1"/>
  <c r="D188" i="2" s="1"/>
  <c r="D199" i="2" a="1"/>
  <c r="D199" i="2" s="1"/>
  <c r="D182" i="2" a="1"/>
  <c r="D182" i="2" s="1"/>
  <c r="D186" i="2" a="1"/>
  <c r="D186" i="2" s="1"/>
  <c r="D178" i="2" a="1"/>
  <c r="D178" i="2" s="1"/>
  <c r="D189" i="2" a="1"/>
  <c r="D189" i="2" s="1"/>
  <c r="D183" i="2" a="1"/>
  <c r="D183" i="2" s="1"/>
  <c r="D179" i="2" a="1"/>
  <c r="D179" i="2" s="1"/>
  <c r="D194" i="2" a="1"/>
  <c r="D194" i="2" s="1"/>
  <c r="D193" i="2" a="1"/>
  <c r="D193" i="2" s="1"/>
  <c r="D201" i="2" a="1"/>
  <c r="D201" i="2" s="1"/>
  <c r="D196" i="2" a="1"/>
  <c r="D196" i="2" s="1"/>
  <c r="D190" i="2" a="1"/>
  <c r="D190" i="2" s="1"/>
  <c r="D184" i="2" a="1"/>
  <c r="D184" i="2" s="1"/>
  <c r="D180" i="2" a="1"/>
  <c r="D180" i="2" s="1"/>
  <c r="D191" i="2" a="1"/>
  <c r="D191" i="2" s="1"/>
  <c r="D187" i="2" a="1"/>
  <c r="D187" i="2" s="1"/>
  <c r="D181" i="2" a="1"/>
  <c r="D181" i="2" s="1"/>
  <c r="D200" i="2" a="1"/>
  <c r="D200" i="2" s="1"/>
  <c r="D192" i="2" a="1"/>
  <c r="D192" i="2" s="1"/>
  <c r="G490" i="2" a="1"/>
  <c r="G490" i="2" s="1"/>
  <c r="G501" i="2" a="1"/>
  <c r="G501" i="2" s="1"/>
  <c r="G493" i="2" a="1"/>
  <c r="G493" i="2" s="1"/>
  <c r="G491" i="2" a="1"/>
  <c r="G491" i="2" s="1"/>
  <c r="G502" i="2" a="1"/>
  <c r="G502" i="2" s="1"/>
  <c r="G494" i="2" a="1"/>
  <c r="G494" i="2" s="1"/>
  <c r="G512" i="2" a="1"/>
  <c r="G512" i="2" s="1"/>
  <c r="G505" i="2" a="1"/>
  <c r="G505" i="2" s="1"/>
  <c r="G497" i="2" a="1"/>
  <c r="G497" i="2" s="1"/>
  <c r="G506" i="2" a="1"/>
  <c r="G506" i="2" s="1"/>
  <c r="G509" i="2" a="1"/>
  <c r="G509" i="2" s="1"/>
  <c r="G513" i="2" a="1"/>
  <c r="G513" i="2" s="1"/>
  <c r="G510" i="2" a="1"/>
  <c r="G510" i="2" s="1"/>
  <c r="G503" i="2" a="1"/>
  <c r="G503" i="2" s="1"/>
  <c r="G508" i="2" a="1"/>
  <c r="G508" i="2" s="1"/>
  <c r="G499" i="2" a="1"/>
  <c r="G499" i="2" s="1"/>
  <c r="G504" i="2" a="1"/>
  <c r="G504" i="2" s="1"/>
  <c r="G500" i="2" a="1"/>
  <c r="G500" i="2" s="1"/>
  <c r="G507" i="2" a="1"/>
  <c r="G507" i="2" s="1"/>
  <c r="G495" i="2" a="1"/>
  <c r="G495" i="2" s="1"/>
  <c r="G511" i="2" a="1"/>
  <c r="G511" i="2" s="1"/>
  <c r="G496" i="2" a="1"/>
  <c r="G496" i="2" s="1"/>
  <c r="G498" i="2" a="1"/>
  <c r="G498" i="2" s="1"/>
  <c r="G492" i="2" a="1"/>
  <c r="G492" i="2" s="1"/>
  <c r="G6227" i="2" a="1"/>
  <c r="G6227" i="2" s="1"/>
  <c r="G6232" i="2" a="1"/>
  <c r="G6232" i="2" s="1"/>
  <c r="G6234" i="2" a="1"/>
  <c r="G6234" i="2" s="1"/>
  <c r="G6229" i="2" a="1"/>
  <c r="G6229" i="2" s="1"/>
  <c r="G6245" i="2" a="1"/>
  <c r="G6245" i="2" s="1"/>
  <c r="G6235" i="2" a="1"/>
  <c r="G6235" i="2" s="1"/>
  <c r="G6240" i="2" a="1"/>
  <c r="G6240" i="2" s="1"/>
  <c r="G6243" i="2" a="1"/>
  <c r="G6243" i="2" s="1"/>
  <c r="G6226" i="2" a="1"/>
  <c r="G6226" i="2" s="1"/>
  <c r="G6241" i="2" a="1"/>
  <c r="G6241" i="2" s="1"/>
  <c r="G6228" i="2" a="1"/>
  <c r="G6228" i="2" s="1"/>
  <c r="G6231" i="2" a="1"/>
  <c r="G6231" i="2" s="1"/>
  <c r="G6230" i="2" a="1"/>
  <c r="G6230" i="2" s="1"/>
  <c r="G6246" i="2" a="1"/>
  <c r="G6246" i="2" s="1"/>
  <c r="G6244" i="2" a="1"/>
  <c r="G6244" i="2" s="1"/>
  <c r="G6237" i="2" a="1"/>
  <c r="G6237" i="2" s="1"/>
  <c r="G6247" i="2" a="1"/>
  <c r="G6247" i="2" s="1"/>
  <c r="G6249" i="2" a="1"/>
  <c r="G6249" i="2" s="1"/>
  <c r="G6242" i="2" a="1"/>
  <c r="G6242" i="2" s="1"/>
  <c r="G6248" i="2" a="1"/>
  <c r="G6248" i="2" s="1"/>
  <c r="G6239" i="2" a="1"/>
  <c r="G6239" i="2" s="1"/>
  <c r="G6233" i="2" a="1"/>
  <c r="G6233" i="2" s="1"/>
  <c r="G6236" i="2" a="1"/>
  <c r="G6236" i="2" s="1"/>
  <c r="G6238" i="2" a="1"/>
  <c r="G6238" i="2" s="1"/>
  <c r="F4187" i="2" a="1"/>
  <c r="F4187" i="2" s="1"/>
  <c r="F4198" i="2" a="1"/>
  <c r="F4198" i="2" s="1"/>
  <c r="F4188" i="2" a="1"/>
  <c r="F4188" i="2" s="1"/>
  <c r="F4186" i="2" a="1"/>
  <c r="F4186" i="2" s="1"/>
  <c r="F4196" i="2" a="1"/>
  <c r="F4196" i="2" s="1"/>
  <c r="F4191" i="2" a="1"/>
  <c r="F4191" i="2" s="1"/>
  <c r="F4192" i="2" a="1"/>
  <c r="F4192" i="2" s="1"/>
  <c r="F4195" i="2" a="1"/>
  <c r="F4195" i="2" s="1"/>
  <c r="F4204" i="2" a="1"/>
  <c r="F4204" i="2" s="1"/>
  <c r="F4193" i="2" a="1"/>
  <c r="F4193" i="2" s="1"/>
  <c r="F4208" i="2" a="1"/>
  <c r="F4208" i="2" s="1"/>
  <c r="F4189" i="2" a="1"/>
  <c r="F4189" i="2" s="1"/>
  <c r="F4194" i="2" a="1"/>
  <c r="F4194" i="2" s="1"/>
  <c r="F4199" i="2" a="1"/>
  <c r="F4199" i="2" s="1"/>
  <c r="F4207" i="2" a="1"/>
  <c r="F4207" i="2" s="1"/>
  <c r="F4202" i="2" a="1"/>
  <c r="F4202" i="2" s="1"/>
  <c r="F4197" i="2" a="1"/>
  <c r="F4197" i="2" s="1"/>
  <c r="F4203" i="2" a="1"/>
  <c r="F4203" i="2" s="1"/>
  <c r="F4200" i="2" a="1"/>
  <c r="F4200" i="2" s="1"/>
  <c r="F4190" i="2" a="1"/>
  <c r="F4190" i="2" s="1"/>
  <c r="F4205" i="2" a="1"/>
  <c r="F4205" i="2" s="1"/>
  <c r="F4209" i="2" a="1"/>
  <c r="F4209" i="2" s="1"/>
  <c r="F4206" i="2" a="1"/>
  <c r="F4206" i="2" s="1"/>
  <c r="F4201" i="2" a="1"/>
  <c r="F4201" i="2" s="1"/>
  <c r="G2676" i="2" a="1"/>
  <c r="G2676" i="2" s="1"/>
  <c r="G2697" i="2" a="1"/>
  <c r="G2697" i="2" s="1"/>
  <c r="G2689" i="2" a="1"/>
  <c r="G2689" i="2" s="1"/>
  <c r="G2683" i="2" a="1"/>
  <c r="G2683" i="2" s="1"/>
  <c r="G2677" i="2" a="1"/>
  <c r="G2677" i="2" s="1"/>
  <c r="G2680" i="2" a="1"/>
  <c r="G2680" i="2" s="1"/>
  <c r="G2694" i="2" a="1"/>
  <c r="G2694" i="2" s="1"/>
  <c r="G2674" i="2" a="1"/>
  <c r="G2674" i="2" s="1"/>
  <c r="G2679" i="2" a="1"/>
  <c r="G2679" i="2" s="1"/>
  <c r="G2687" i="2" a="1"/>
  <c r="G2687" i="2" s="1"/>
  <c r="G2692" i="2" a="1"/>
  <c r="G2692" i="2" s="1"/>
  <c r="G2690" i="2" a="1"/>
  <c r="G2690" i="2" s="1"/>
  <c r="G2686" i="2" a="1"/>
  <c r="G2686" i="2" s="1"/>
  <c r="G2675" i="2" a="1"/>
  <c r="G2675" i="2" s="1"/>
  <c r="G2685" i="2" a="1"/>
  <c r="G2685" i="2" s="1"/>
  <c r="G2678" i="2" a="1"/>
  <c r="G2678" i="2" s="1"/>
  <c r="G2682" i="2" a="1"/>
  <c r="G2682" i="2" s="1"/>
  <c r="G2684" i="2" a="1"/>
  <c r="G2684" i="2" s="1"/>
  <c r="G2691" i="2" a="1"/>
  <c r="G2691" i="2" s="1"/>
  <c r="G2688" i="2" a="1"/>
  <c r="G2688" i="2" s="1"/>
  <c r="G2693" i="2" a="1"/>
  <c r="G2693" i="2" s="1"/>
  <c r="G2695" i="2" a="1"/>
  <c r="G2695" i="2" s="1"/>
  <c r="G2681" i="2" a="1"/>
  <c r="G2681" i="2" s="1"/>
  <c r="G2696" i="2" a="1"/>
  <c r="G2696" i="2" s="1"/>
  <c r="D4057" i="2" a="1"/>
  <c r="D4057" i="2" s="1"/>
  <c r="D4053" i="2" a="1"/>
  <c r="D4053" i="2" s="1"/>
  <c r="D4061" i="2" a="1"/>
  <c r="D4061" i="2" s="1"/>
  <c r="D4048" i="2" a="1"/>
  <c r="D4048" i="2" s="1"/>
  <c r="D4047" i="2" a="1"/>
  <c r="D4047" i="2" s="1"/>
  <c r="D4045" i="2" a="1"/>
  <c r="D4045" i="2" s="1"/>
  <c r="D4064" i="2" a="1"/>
  <c r="D4064" i="2" s="1"/>
  <c r="D4058" i="2" a="1"/>
  <c r="D4058" i="2" s="1"/>
  <c r="G5402" i="2" a="1"/>
  <c r="G5402" i="2" s="1"/>
  <c r="G5403" i="2" a="1"/>
  <c r="G5403" i="2" s="1"/>
  <c r="G5407" i="2" a="1"/>
  <c r="G5407" i="2" s="1"/>
  <c r="G5396" i="2" a="1"/>
  <c r="G5396" i="2" s="1"/>
  <c r="G5404" i="2" a="1"/>
  <c r="G5404" i="2" s="1"/>
  <c r="G5392" i="2" a="1"/>
  <c r="G5392" i="2" s="1"/>
  <c r="G5389" i="2" a="1"/>
  <c r="G5389" i="2" s="1"/>
  <c r="G5391" i="2" a="1"/>
  <c r="G5391" i="2" s="1"/>
  <c r="G5388" i="2" a="1"/>
  <c r="G5388" i="2" s="1"/>
  <c r="G5399" i="2" a="1"/>
  <c r="G5399" i="2" s="1"/>
  <c r="G5386" i="2" a="1"/>
  <c r="G5386" i="2" s="1"/>
  <c r="G5406" i="2" a="1"/>
  <c r="G5406" i="2" s="1"/>
  <c r="G5395" i="2" a="1"/>
  <c r="G5395" i="2" s="1"/>
  <c r="G5400" i="2" a="1"/>
  <c r="G5400" i="2" s="1"/>
  <c r="G5390" i="2" a="1"/>
  <c r="G5390" i="2" s="1"/>
  <c r="G5401" i="2" a="1"/>
  <c r="G5401" i="2" s="1"/>
  <c r="G5397" i="2" a="1"/>
  <c r="G5397" i="2" s="1"/>
  <c r="G5408" i="2" a="1"/>
  <c r="G5408" i="2" s="1"/>
  <c r="G5394" i="2" a="1"/>
  <c r="G5394" i="2" s="1"/>
  <c r="G5398" i="2" a="1"/>
  <c r="G5398" i="2" s="1"/>
  <c r="G5387" i="2" a="1"/>
  <c r="G5387" i="2" s="1"/>
  <c r="G5393" i="2" a="1"/>
  <c r="G5393" i="2" s="1"/>
  <c r="G5405" i="2" a="1"/>
  <c r="G5405" i="2" s="1"/>
  <c r="G5409" i="2" a="1"/>
  <c r="G5409" i="2" s="1"/>
  <c r="H4532" i="2" a="1"/>
  <c r="H4532" i="2" s="1"/>
  <c r="H4530" i="2" a="1"/>
  <c r="H4530" i="2" s="1"/>
  <c r="H4527" i="2" a="1"/>
  <c r="H4527" i="2" s="1"/>
  <c r="H4537" i="2" a="1"/>
  <c r="H4537" i="2" s="1"/>
  <c r="H4538" i="2" a="1"/>
  <c r="H4538" i="2" s="1"/>
  <c r="H4544" i="2" a="1"/>
  <c r="H4544" i="2" s="1"/>
  <c r="H4535" i="2" a="1"/>
  <c r="H4535" i="2" s="1"/>
  <c r="H4539" i="2" a="1"/>
  <c r="H4539" i="2" s="1"/>
  <c r="H4528" i="2" a="1"/>
  <c r="H4528" i="2" s="1"/>
  <c r="H4522" i="2" a="1"/>
  <c r="H4522" i="2" s="1"/>
  <c r="H4540" i="2" a="1"/>
  <c r="H4540" i="2" s="1"/>
  <c r="H4523" i="2" a="1"/>
  <c r="H4523" i="2" s="1"/>
  <c r="H4536" i="2" a="1"/>
  <c r="H4536" i="2" s="1"/>
  <c r="H4531" i="2" a="1"/>
  <c r="H4531" i="2" s="1"/>
  <c r="H4542" i="2" a="1"/>
  <c r="H4542" i="2" s="1"/>
  <c r="H4529" i="2" a="1"/>
  <c r="H4529" i="2" s="1"/>
  <c r="H4543" i="2" a="1"/>
  <c r="H4543" i="2" s="1"/>
  <c r="H4533" i="2" a="1"/>
  <c r="H4533" i="2" s="1"/>
  <c r="H4526" i="2" a="1"/>
  <c r="H4526" i="2" s="1"/>
  <c r="D8758" i="2" a="1"/>
  <c r="D8758" i="2" s="1"/>
  <c r="D8750" i="2" a="1"/>
  <c r="D8750" i="2" s="1"/>
  <c r="D8754" i="2" a="1"/>
  <c r="D8754" i="2" s="1"/>
  <c r="D8747" i="2" a="1"/>
  <c r="D8747" i="2" s="1"/>
  <c r="D8746" i="2" a="1"/>
  <c r="D8746" i="2" s="1"/>
  <c r="D8759" i="2" a="1"/>
  <c r="D8759" i="2" s="1"/>
  <c r="D8765" i="2" a="1"/>
  <c r="D8765" i="2" s="1"/>
  <c r="D8748" i="2" a="1"/>
  <c r="D8748" i="2" s="1"/>
  <c r="D8764" i="2" a="1"/>
  <c r="D8764" i="2" s="1"/>
  <c r="D8752" i="2" a="1"/>
  <c r="D8752" i="2" s="1"/>
  <c r="D8753" i="2" a="1"/>
  <c r="D8753" i="2" s="1"/>
  <c r="D8756" i="2" a="1"/>
  <c r="D8756" i="2" s="1"/>
  <c r="D8751" i="2" a="1"/>
  <c r="D8751" i="2" s="1"/>
  <c r="D8757" i="2" a="1"/>
  <c r="D8757" i="2" s="1"/>
  <c r="D8766" i="2" a="1"/>
  <c r="D8766" i="2" s="1"/>
  <c r="D8769" i="2" a="1"/>
  <c r="D8769" i="2" s="1"/>
  <c r="D8768" i="2" a="1"/>
  <c r="D8768" i="2" s="1"/>
  <c r="D8760" i="2" a="1"/>
  <c r="D8760" i="2" s="1"/>
  <c r="D8761" i="2" a="1"/>
  <c r="D8761" i="2" s="1"/>
  <c r="D8767" i="2" a="1"/>
  <c r="D8767" i="2" s="1"/>
  <c r="D8763" i="2" a="1"/>
  <c r="D8763" i="2" s="1"/>
  <c r="D8762" i="2" a="1"/>
  <c r="D8762" i="2" s="1"/>
  <c r="D8749" i="2" a="1"/>
  <c r="D8749" i="2" s="1"/>
  <c r="D8755" i="2" a="1"/>
  <c r="D8755" i="2" s="1"/>
  <c r="D3860" i="2" a="1"/>
  <c r="D3860" i="2" s="1"/>
  <c r="D3852" i="2" a="1"/>
  <c r="D3852" i="2" s="1"/>
  <c r="D3858" i="2" a="1"/>
  <c r="D3858" i="2" s="1"/>
  <c r="D3853" i="2" a="1"/>
  <c r="D3853" i="2" s="1"/>
  <c r="D3861" i="2" a="1"/>
  <c r="D3861" i="2" s="1"/>
  <c r="D3854" i="2" a="1"/>
  <c r="D3854" i="2" s="1"/>
  <c r="D3865" i="2" a="1"/>
  <c r="D3865" i="2" s="1"/>
  <c r="D3855" i="2" a="1"/>
  <c r="D3855" i="2" s="1"/>
  <c r="D3863" i="2" a="1"/>
  <c r="D3863" i="2" s="1"/>
  <c r="D3851" i="2" a="1"/>
  <c r="D3851" i="2" s="1"/>
  <c r="D3859" i="2" a="1"/>
  <c r="D3859" i="2" s="1"/>
  <c r="D3869" i="2" a="1"/>
  <c r="D3869" i="2" s="1"/>
  <c r="D3867" i="2" a="1"/>
  <c r="D3867" i="2" s="1"/>
  <c r="D3864" i="2" a="1"/>
  <c r="D3864" i="2" s="1"/>
  <c r="D3857" i="2" a="1"/>
  <c r="D3857" i="2" s="1"/>
  <c r="D3856" i="2" a="1"/>
  <c r="D3856" i="2" s="1"/>
  <c r="D3866" i="2" a="1"/>
  <c r="D3866" i="2" s="1"/>
  <c r="D3868" i="2" a="1"/>
  <c r="D3868" i="2" s="1"/>
  <c r="D3873" i="2" a="1"/>
  <c r="D3873" i="2" s="1"/>
  <c r="D3872" i="2" a="1"/>
  <c r="D3872" i="2" s="1"/>
  <c r="D3850" i="2" a="1"/>
  <c r="D3850" i="2" s="1"/>
  <c r="D3870" i="2" a="1"/>
  <c r="D3870" i="2" s="1"/>
  <c r="D3862" i="2" a="1"/>
  <c r="D3862" i="2" s="1"/>
  <c r="D3871" i="2" a="1"/>
  <c r="D3871" i="2" s="1"/>
  <c r="D6748" i="2" a="1"/>
  <c r="D6748" i="2" s="1"/>
  <c r="D6746" i="2" a="1"/>
  <c r="D6746" i="2" s="1"/>
  <c r="E700" i="2" a="1"/>
  <c r="E700" i="2" s="1"/>
  <c r="E702" i="2" a="1"/>
  <c r="E702" i="2" s="1"/>
  <c r="E693" i="2" a="1"/>
  <c r="E693" i="2" s="1"/>
  <c r="E699" i="2" a="1"/>
  <c r="E699" i="2" s="1"/>
  <c r="E683" i="2" a="1"/>
  <c r="E683" i="2" s="1"/>
  <c r="E694" i="2" a="1"/>
  <c r="E694" i="2" s="1"/>
  <c r="E690" i="2" a="1"/>
  <c r="E690" i="2" s="1"/>
  <c r="E688" i="2" a="1"/>
  <c r="E688" i="2" s="1"/>
  <c r="E704" i="2" a="1"/>
  <c r="E704" i="2" s="1"/>
  <c r="E696" i="2" a="1"/>
  <c r="E696" i="2" s="1"/>
  <c r="E697" i="2" a="1"/>
  <c r="E697" i="2" s="1"/>
  <c r="E701" i="2" a="1"/>
  <c r="E701" i="2" s="1"/>
  <c r="E698" i="2" a="1"/>
  <c r="E698" i="2" s="1"/>
  <c r="E689" i="2" a="1"/>
  <c r="E689" i="2" s="1"/>
  <c r="E687" i="2" a="1"/>
  <c r="E687" i="2" s="1"/>
  <c r="E685" i="2" a="1"/>
  <c r="E685" i="2" s="1"/>
  <c r="E691" i="2" a="1"/>
  <c r="E691" i="2" s="1"/>
  <c r="E686" i="2" a="1"/>
  <c r="E686" i="2" s="1"/>
  <c r="E705" i="2" a="1"/>
  <c r="E705" i="2" s="1"/>
  <c r="E695" i="2" a="1"/>
  <c r="E695" i="2" s="1"/>
  <c r="E682" i="2" a="1"/>
  <c r="E682" i="2" s="1"/>
  <c r="E692" i="2" a="1"/>
  <c r="E692" i="2" s="1"/>
  <c r="E684" i="2" a="1"/>
  <c r="E684" i="2" s="1"/>
  <c r="E703" i="2" a="1"/>
  <c r="E703" i="2" s="1"/>
  <c r="E1522" i="2" a="1"/>
  <c r="E1522" i="2" s="1"/>
  <c r="E1534" i="2" a="1"/>
  <c r="E1534" i="2" s="1"/>
  <c r="E1527" i="2" a="1"/>
  <c r="E1527" i="2" s="1"/>
  <c r="E1539" i="2" a="1"/>
  <c r="E1539" i="2" s="1"/>
  <c r="E1536" i="2" a="1"/>
  <c r="E1536" i="2" s="1"/>
  <c r="E1544" i="2" a="1"/>
  <c r="E1544" i="2" s="1"/>
  <c r="E1523" i="2" a="1"/>
  <c r="E1523" i="2" s="1"/>
  <c r="E1529" i="2" a="1"/>
  <c r="E1529" i="2" s="1"/>
  <c r="E1537" i="2" a="1"/>
  <c r="E1537" i="2" s="1"/>
  <c r="E1541" i="2" a="1"/>
  <c r="E1541" i="2" s="1"/>
  <c r="E1538" i="2" a="1"/>
  <c r="E1538" i="2" s="1"/>
  <c r="E1530" i="2" a="1"/>
  <c r="E1530" i="2" s="1"/>
  <c r="E1540" i="2" a="1"/>
  <c r="E1540" i="2" s="1"/>
  <c r="E1545" i="2" a="1"/>
  <c r="E1545" i="2" s="1"/>
  <c r="E1526" i="2" a="1"/>
  <c r="E1526" i="2" s="1"/>
  <c r="E1542" i="2" a="1"/>
  <c r="E1542" i="2" s="1"/>
  <c r="E1543" i="2" a="1"/>
  <c r="E1543" i="2" s="1"/>
  <c r="E1535" i="2" a="1"/>
  <c r="E1535" i="2" s="1"/>
  <c r="E1533" i="2" a="1"/>
  <c r="E1533" i="2" s="1"/>
  <c r="AP115" i="1"/>
  <c r="F121" i="5" s="1"/>
  <c r="AQ115" i="1"/>
  <c r="G121" i="5" s="1"/>
  <c r="AO115" i="1"/>
  <c r="E121" i="5" s="1"/>
  <c r="AN115" i="1"/>
  <c r="D121" i="5" s="1"/>
  <c r="AM115" i="1"/>
  <c r="D2758" i="2" a="1"/>
  <c r="D2758" i="2" s="1"/>
  <c r="D2749" i="2" a="1"/>
  <c r="D2749" i="2" s="1"/>
  <c r="D2753" i="2" a="1"/>
  <c r="D2753" i="2" s="1"/>
  <c r="D2765" i="2" a="1"/>
  <c r="D2765" i="2" s="1"/>
  <c r="D2769" i="2" a="1"/>
  <c r="D2769" i="2" s="1"/>
  <c r="D2754" i="2" a="1"/>
  <c r="D2754" i="2" s="1"/>
  <c r="D2762" i="2" a="1"/>
  <c r="D2762" i="2" s="1"/>
  <c r="D2748" i="2" a="1"/>
  <c r="D2748" i="2" s="1"/>
  <c r="D2756" i="2" a="1"/>
  <c r="D2756" i="2" s="1"/>
  <c r="D2768" i="2" a="1"/>
  <c r="D2768" i="2" s="1"/>
  <c r="D2761" i="2" a="1"/>
  <c r="D2761" i="2" s="1"/>
  <c r="D2752" i="2" a="1"/>
  <c r="D2752" i="2" s="1"/>
  <c r="D2760" i="2" a="1"/>
  <c r="D2760" i="2" s="1"/>
  <c r="D2764" i="2" a="1"/>
  <c r="D2764" i="2" s="1"/>
  <c r="D2747" i="2" a="1"/>
  <c r="D2747" i="2" s="1"/>
  <c r="D2751" i="2" a="1"/>
  <c r="D2751" i="2" s="1"/>
  <c r="D2759" i="2" a="1"/>
  <c r="D2759" i="2" s="1"/>
  <c r="D2767" i="2" a="1"/>
  <c r="D2767" i="2" s="1"/>
  <c r="D2763" i="2" a="1"/>
  <c r="D2763" i="2" s="1"/>
  <c r="D2755" i="2" a="1"/>
  <c r="D2755" i="2" s="1"/>
  <c r="D2750" i="2" a="1"/>
  <c r="D2750" i="2" s="1"/>
  <c r="D2766" i="2" a="1"/>
  <c r="D2766" i="2" s="1"/>
  <c r="D2746" i="2" a="1"/>
  <c r="D2746" i="2" s="1"/>
  <c r="D2757" i="2" a="1"/>
  <c r="D2757" i="2" s="1"/>
  <c r="E3272" i="2" a="1"/>
  <c r="E3272" i="2" s="1"/>
  <c r="E3250" i="2" a="1"/>
  <c r="E3250" i="2" s="1"/>
  <c r="E3255" i="2" a="1"/>
  <c r="E3255" i="2" s="1"/>
  <c r="E3273" i="2" a="1"/>
  <c r="E3273" i="2" s="1"/>
  <c r="E3251" i="2" a="1"/>
  <c r="E3251" i="2" s="1"/>
  <c r="E3269" i="2" a="1"/>
  <c r="E3269" i="2" s="1"/>
  <c r="E3258" i="2" a="1"/>
  <c r="E3258" i="2" s="1"/>
  <c r="E3252" i="2" a="1"/>
  <c r="E3252" i="2" s="1"/>
  <c r="E3270" i="2" a="1"/>
  <c r="E3270" i="2" s="1"/>
  <c r="E3259" i="2" a="1"/>
  <c r="E3259" i="2" s="1"/>
  <c r="E3254" i="2" a="1"/>
  <c r="E3254" i="2" s="1"/>
  <c r="E3253" i="2" a="1"/>
  <c r="E3253" i="2" s="1"/>
  <c r="E3261" i="2" a="1"/>
  <c r="E3261" i="2" s="1"/>
  <c r="E3271" i="2" a="1"/>
  <c r="E3271" i="2" s="1"/>
  <c r="E3262" i="2" a="1"/>
  <c r="E3262" i="2" s="1"/>
  <c r="E3264" i="2" a="1"/>
  <c r="E3264" i="2" s="1"/>
  <c r="E3263" i="2" a="1"/>
  <c r="E3263" i="2" s="1"/>
  <c r="E3256" i="2" a="1"/>
  <c r="E3256" i="2" s="1"/>
  <c r="E3266" i="2" a="1"/>
  <c r="E3266" i="2" s="1"/>
  <c r="E3257" i="2" a="1"/>
  <c r="E3257" i="2" s="1"/>
  <c r="G111" i="2" a="1"/>
  <c r="G111" i="2" s="1"/>
  <c r="G129" i="2" a="1"/>
  <c r="G129" i="2" s="1"/>
  <c r="G108" i="2" a="1"/>
  <c r="G108" i="2" s="1"/>
  <c r="G128" i="2" a="1"/>
  <c r="G128" i="2" s="1"/>
  <c r="G106" i="2" a="1"/>
  <c r="G106" i="2" s="1"/>
  <c r="G6766" i="2" a="1"/>
  <c r="G6766" i="2" s="1"/>
  <c r="G6761" i="2" a="1"/>
  <c r="G6761" i="2" s="1"/>
  <c r="G6762" i="2" a="1"/>
  <c r="G6762" i="2" s="1"/>
  <c r="G6755" i="2" a="1"/>
  <c r="G6755" i="2" s="1"/>
  <c r="H7637" i="2" a="1"/>
  <c r="H7637" i="2" s="1"/>
  <c r="H7633" i="2" a="1"/>
  <c r="H7633" i="2" s="1"/>
  <c r="H7623" i="2" a="1"/>
  <c r="H7623" i="2" s="1"/>
  <c r="H7626" i="2" a="1"/>
  <c r="H7626" i="2" s="1"/>
  <c r="H7624" i="2" a="1"/>
  <c r="H7624" i="2" s="1"/>
  <c r="E4774" i="2" a="1"/>
  <c r="E4774" i="2" s="1"/>
  <c r="E4770" i="2" a="1"/>
  <c r="E4770" i="2" s="1"/>
  <c r="E4772" i="2" a="1"/>
  <c r="E4772" i="2" s="1"/>
  <c r="E4780" i="2" a="1"/>
  <c r="E4780" i="2" s="1"/>
  <c r="E4782" i="2" a="1"/>
  <c r="E4782" i="2" s="1"/>
  <c r="E4763" i="2" a="1"/>
  <c r="E4763" i="2" s="1"/>
  <c r="E4764" i="2" a="1"/>
  <c r="E4764" i="2" s="1"/>
  <c r="E4778" i="2" a="1"/>
  <c r="E4778" i="2" s="1"/>
  <c r="E4771" i="2" a="1"/>
  <c r="E4771" i="2" s="1"/>
  <c r="E4773" i="2" a="1"/>
  <c r="E4773" i="2" s="1"/>
  <c r="E4775" i="2" a="1"/>
  <c r="E4775" i="2" s="1"/>
  <c r="E4762" i="2" a="1"/>
  <c r="E4762" i="2" s="1"/>
  <c r="E4765" i="2" a="1"/>
  <c r="E4765" i="2" s="1"/>
  <c r="E4767" i="2" a="1"/>
  <c r="E4767" i="2" s="1"/>
  <c r="E4776" i="2" a="1"/>
  <c r="E4776" i="2" s="1"/>
  <c r="E4785" i="2" a="1"/>
  <c r="E4785" i="2" s="1"/>
  <c r="E4766" i="2" a="1"/>
  <c r="E4766" i="2" s="1"/>
  <c r="E4768" i="2" a="1"/>
  <c r="E4768" i="2" s="1"/>
  <c r="E4777" i="2" a="1"/>
  <c r="E4777" i="2" s="1"/>
  <c r="E4769" i="2" a="1"/>
  <c r="E4769" i="2" s="1"/>
  <c r="E4779" i="2" a="1"/>
  <c r="E4779" i="2" s="1"/>
  <c r="E4781" i="2" a="1"/>
  <c r="E4781" i="2" s="1"/>
  <c r="E4783" i="2" a="1"/>
  <c r="E4783" i="2" s="1"/>
  <c r="E4784" i="2" a="1"/>
  <c r="E4784" i="2" s="1"/>
  <c r="H3811" i="2" a="1"/>
  <c r="H3811" i="2" s="1"/>
  <c r="H3814" i="2" a="1"/>
  <c r="H3814" i="2" s="1"/>
  <c r="H3808" i="2" a="1"/>
  <c r="H3808" i="2" s="1"/>
  <c r="H3818" i="2" a="1"/>
  <c r="H3818" i="2" s="1"/>
  <c r="H3802" i="2" a="1"/>
  <c r="H3802" i="2" s="1"/>
  <c r="H3816" i="2" a="1"/>
  <c r="H3816" i="2" s="1"/>
  <c r="H3806" i="2" a="1"/>
  <c r="H3806" i="2" s="1"/>
  <c r="H3804" i="2" a="1"/>
  <c r="H3804" i="2" s="1"/>
  <c r="H3825" i="2" a="1"/>
  <c r="H3825" i="2" s="1"/>
  <c r="H3803" i="2" a="1"/>
  <c r="H3803" i="2" s="1"/>
  <c r="H3815" i="2" a="1"/>
  <c r="H3815" i="2" s="1"/>
  <c r="H3820" i="2" a="1"/>
  <c r="H3820" i="2" s="1"/>
  <c r="H3823" i="2" a="1"/>
  <c r="H3823" i="2" s="1"/>
  <c r="H3822" i="2" a="1"/>
  <c r="H3822" i="2" s="1"/>
  <c r="H3817" i="2" a="1"/>
  <c r="H3817" i="2" s="1"/>
  <c r="H3809" i="2" a="1"/>
  <c r="H3809" i="2" s="1"/>
  <c r="H3810" i="2" a="1"/>
  <c r="H3810" i="2" s="1"/>
  <c r="H3807" i="2" a="1"/>
  <c r="H3807" i="2" s="1"/>
  <c r="H3812" i="2" a="1"/>
  <c r="H3812" i="2" s="1"/>
  <c r="H3824" i="2" a="1"/>
  <c r="H3824" i="2" s="1"/>
  <c r="H3819" i="2" a="1"/>
  <c r="H3819" i="2" s="1"/>
  <c r="H3821" i="2" a="1"/>
  <c r="H3821" i="2" s="1"/>
  <c r="H3813" i="2" a="1"/>
  <c r="H3813" i="2" s="1"/>
  <c r="H3805" i="2" a="1"/>
  <c r="H3805" i="2" s="1"/>
  <c r="F8517" i="2" a="1"/>
  <c r="F8517" i="2" s="1"/>
  <c r="F8521" i="2" a="1"/>
  <c r="F8521" i="2" s="1"/>
  <c r="F8524" i="2" a="1"/>
  <c r="F8524" i="2" s="1"/>
  <c r="F8506" i="2" a="1"/>
  <c r="F8506" i="2" s="1"/>
  <c r="F8510" i="2" a="1"/>
  <c r="F8510" i="2" s="1"/>
  <c r="F8526" i="2" a="1"/>
  <c r="F8526" i="2" s="1"/>
  <c r="F8525" i="2" a="1"/>
  <c r="F8525" i="2" s="1"/>
  <c r="F8516" i="2" a="1"/>
  <c r="F8516" i="2" s="1"/>
  <c r="F8520" i="2" a="1"/>
  <c r="F8520" i="2" s="1"/>
  <c r="F8509" i="2" a="1"/>
  <c r="F8509" i="2" s="1"/>
  <c r="F8528" i="2" a="1"/>
  <c r="F8528" i="2" s="1"/>
  <c r="F8511" i="2" a="1"/>
  <c r="F8511" i="2" s="1"/>
  <c r="F8515" i="2" a="1"/>
  <c r="F8515" i="2" s="1"/>
  <c r="F8518" i="2" a="1"/>
  <c r="F8518" i="2" s="1"/>
  <c r="F8512" i="2" a="1"/>
  <c r="F8512" i="2" s="1"/>
  <c r="F8514" i="2" a="1"/>
  <c r="F8514" i="2" s="1"/>
  <c r="F8523" i="2" a="1"/>
  <c r="F8523" i="2" s="1"/>
  <c r="F8522" i="2" a="1"/>
  <c r="F8522" i="2" s="1"/>
  <c r="F8527" i="2" a="1"/>
  <c r="F8527" i="2" s="1"/>
  <c r="F8519" i="2" a="1"/>
  <c r="F8519" i="2" s="1"/>
  <c r="F8507" i="2" a="1"/>
  <c r="F8507" i="2" s="1"/>
  <c r="F8508" i="2" a="1"/>
  <c r="F8508" i="2" s="1"/>
  <c r="F8529" i="2" a="1"/>
  <c r="F8529" i="2" s="1"/>
  <c r="F8513" i="2" a="1"/>
  <c r="F8513" i="2" s="1"/>
  <c r="D624" i="2" a="1"/>
  <c r="D624" i="2" s="1"/>
  <c r="D615" i="2" a="1"/>
  <c r="D615" i="2" s="1"/>
  <c r="D623" i="2" a="1"/>
  <c r="D623" i="2" s="1"/>
  <c r="D625" i="2" a="1"/>
  <c r="D625" i="2" s="1"/>
  <c r="D611" i="2" a="1"/>
  <c r="D611" i="2" s="1"/>
  <c r="D613" i="2" a="1"/>
  <c r="D613" i="2" s="1"/>
  <c r="D621" i="2" a="1"/>
  <c r="D621" i="2" s="1"/>
  <c r="D627" i="2" a="1"/>
  <c r="D627" i="2" s="1"/>
  <c r="D616" i="2" a="1"/>
  <c r="D616" i="2" s="1"/>
  <c r="D618" i="2" a="1"/>
  <c r="D618" i="2" s="1"/>
  <c r="D610" i="2" a="1"/>
  <c r="D610" i="2" s="1"/>
  <c r="D632" i="2" a="1"/>
  <c r="D632" i="2" s="1"/>
  <c r="D633" i="2" a="1"/>
  <c r="D633" i="2" s="1"/>
  <c r="D612" i="2" a="1"/>
  <c r="D612" i="2" s="1"/>
  <c r="D620" i="2" a="1"/>
  <c r="D620" i="2" s="1"/>
  <c r="H966" i="2" a="1"/>
  <c r="H966" i="2" s="1"/>
  <c r="H946" i="2" a="1"/>
  <c r="H946" i="2" s="1"/>
  <c r="H953" i="2" a="1"/>
  <c r="H953" i="2" s="1"/>
  <c r="H962" i="2" a="1"/>
  <c r="H962" i="2" s="1"/>
  <c r="H958" i="2" a="1"/>
  <c r="H958" i="2" s="1"/>
  <c r="H955" i="2" a="1"/>
  <c r="H955" i="2" s="1"/>
  <c r="H961" i="2" a="1"/>
  <c r="H961" i="2" s="1"/>
  <c r="H967" i="2" a="1"/>
  <c r="H967" i="2" s="1"/>
  <c r="H947" i="2" a="1"/>
  <c r="H947" i="2" s="1"/>
  <c r="H968" i="2" a="1"/>
  <c r="H968" i="2" s="1"/>
  <c r="H950" i="2" a="1"/>
  <c r="H950" i="2" s="1"/>
  <c r="H969" i="2" a="1"/>
  <c r="H969" i="2" s="1"/>
  <c r="H959" i="2" a="1"/>
  <c r="H959" i="2" s="1"/>
  <c r="H960" i="2" a="1"/>
  <c r="H960" i="2" s="1"/>
  <c r="H952" i="2" a="1"/>
  <c r="H952" i="2" s="1"/>
  <c r="H963" i="2" a="1"/>
  <c r="H963" i="2" s="1"/>
  <c r="H956" i="2" a="1"/>
  <c r="H956" i="2" s="1"/>
  <c r="H948" i="2" a="1"/>
  <c r="H948" i="2" s="1"/>
  <c r="H965" i="2" a="1"/>
  <c r="H965" i="2" s="1"/>
  <c r="H964" i="2" a="1"/>
  <c r="H964" i="2" s="1"/>
  <c r="H954" i="2" a="1"/>
  <c r="H954" i="2" s="1"/>
  <c r="H957" i="2" a="1"/>
  <c r="H957" i="2" s="1"/>
  <c r="H949" i="2" a="1"/>
  <c r="H949" i="2" s="1"/>
  <c r="H951" i="2" a="1"/>
  <c r="H951" i="2" s="1"/>
  <c r="F4178" i="2" a="1"/>
  <c r="F4178" i="2" s="1"/>
  <c r="F4170" i="2" a="1"/>
  <c r="F4170" i="2" s="1"/>
  <c r="F4179" i="2" a="1"/>
  <c r="F4179" i="2" s="1"/>
  <c r="F4165" i="2" a="1"/>
  <c r="F4165" i="2" s="1"/>
  <c r="F4180" i="2" a="1"/>
  <c r="F4180" i="2" s="1"/>
  <c r="F4171" i="2" a="1"/>
  <c r="F4171" i="2" s="1"/>
  <c r="F4183" i="2" a="1"/>
  <c r="F4183" i="2" s="1"/>
  <c r="F4172" i="2" a="1"/>
  <c r="F4172" i="2" s="1"/>
  <c r="F4168" i="2" a="1"/>
  <c r="F4168" i="2" s="1"/>
  <c r="F4169" i="2" a="1"/>
  <c r="F4169" i="2" s="1"/>
  <c r="F4177" i="2" a="1"/>
  <c r="F4177" i="2" s="1"/>
  <c r="F4174" i="2" a="1"/>
  <c r="F4174" i="2" s="1"/>
  <c r="F4182" i="2" a="1"/>
  <c r="F4182" i="2" s="1"/>
  <c r="F4163" i="2" a="1"/>
  <c r="F4163" i="2" s="1"/>
  <c r="F4184" i="2" a="1"/>
  <c r="F4184" i="2" s="1"/>
  <c r="F4164" i="2" a="1"/>
  <c r="F4164" i="2" s="1"/>
  <c r="F4166" i="2" a="1"/>
  <c r="F4166" i="2" s="1"/>
  <c r="F4181" i="2" a="1"/>
  <c r="F4181" i="2" s="1"/>
  <c r="F4173" i="2" a="1"/>
  <c r="F4173" i="2" s="1"/>
  <c r="F4167" i="2" a="1"/>
  <c r="F4167" i="2" s="1"/>
  <c r="F4175" i="2" a="1"/>
  <c r="F4175" i="2" s="1"/>
  <c r="F4176" i="2" a="1"/>
  <c r="F4176" i="2" s="1"/>
  <c r="F4162" i="2" a="1"/>
  <c r="F4162" i="2" s="1"/>
  <c r="F4185" i="2" a="1"/>
  <c r="F4185" i="2" s="1"/>
  <c r="F1655" i="2" a="1"/>
  <c r="F1655" i="2" s="1"/>
  <c r="F1645" i="2" a="1"/>
  <c r="F1645" i="2" s="1"/>
  <c r="F1654" i="2" a="1"/>
  <c r="F1654" i="2" s="1"/>
  <c r="F1656" i="2" a="1"/>
  <c r="F1656" i="2" s="1"/>
  <c r="F1652" i="2" a="1"/>
  <c r="F1652" i="2" s="1"/>
  <c r="F1643" i="2" a="1"/>
  <c r="F1643" i="2" s="1"/>
  <c r="F1657" i="2" a="1"/>
  <c r="F1657" i="2" s="1"/>
  <c r="F1647" i="2" a="1"/>
  <c r="F1647" i="2" s="1"/>
  <c r="F1642" i="2" a="1"/>
  <c r="F1642" i="2" s="1"/>
  <c r="F1660" i="2" a="1"/>
  <c r="F1660" i="2" s="1"/>
  <c r="F1653" i="2" a="1"/>
  <c r="F1653" i="2" s="1"/>
  <c r="F1658" i="2" a="1"/>
  <c r="F1658" i="2" s="1"/>
  <c r="F1661" i="2" a="1"/>
  <c r="F1661" i="2" s="1"/>
  <c r="F1648" i="2" a="1"/>
  <c r="F1648" i="2" s="1"/>
  <c r="F1646" i="2" a="1"/>
  <c r="F1646" i="2" s="1"/>
  <c r="F1662" i="2" a="1"/>
  <c r="F1662" i="2" s="1"/>
  <c r="F1649" i="2" a="1"/>
  <c r="F1649" i="2" s="1"/>
  <c r="F1664" i="2" a="1"/>
  <c r="F1664" i="2" s="1"/>
  <c r="F1650" i="2" a="1"/>
  <c r="F1650" i="2" s="1"/>
  <c r="F1665" i="2" a="1"/>
  <c r="F1665" i="2" s="1"/>
  <c r="F1644" i="2" a="1"/>
  <c r="F1644" i="2" s="1"/>
  <c r="F1659" i="2" a="1"/>
  <c r="F1659" i="2" s="1"/>
  <c r="F1651" i="2" a="1"/>
  <c r="F1651" i="2" s="1"/>
  <c r="F1663" i="2" a="1"/>
  <c r="F1663" i="2" s="1"/>
  <c r="AP327" i="1"/>
  <c r="F333" i="5" s="1"/>
  <c r="AM327" i="1"/>
  <c r="D7840" i="2" a="1"/>
  <c r="D7840" i="2" s="1"/>
  <c r="D7853" i="2" a="1"/>
  <c r="D7853" i="2" s="1"/>
  <c r="D7843" i="2" a="1"/>
  <c r="D7843" i="2" s="1"/>
  <c r="D7856" i="2" a="1"/>
  <c r="D7856" i="2" s="1"/>
  <c r="D7836" i="2" a="1"/>
  <c r="D7836" i="2" s="1"/>
  <c r="D7844" i="2" a="1"/>
  <c r="D7844" i="2" s="1"/>
  <c r="D7838" i="2" a="1"/>
  <c r="D7838" i="2" s="1"/>
  <c r="E4084" i="2" a="1"/>
  <c r="E4084" i="2" s="1"/>
  <c r="E4070" i="2" a="1"/>
  <c r="E4070" i="2" s="1"/>
  <c r="E4077" i="2" a="1"/>
  <c r="E4077" i="2" s="1"/>
  <c r="E4074" i="2" a="1"/>
  <c r="E4074" i="2" s="1"/>
  <c r="E4079" i="2" a="1"/>
  <c r="E4079" i="2" s="1"/>
  <c r="E4078" i="2" a="1"/>
  <c r="E4078" i="2" s="1"/>
  <c r="E4068" i="2" a="1"/>
  <c r="E4068" i="2" s="1"/>
  <c r="E4089" i="2" a="1"/>
  <c r="E4089" i="2" s="1"/>
  <c r="E4075" i="2" a="1"/>
  <c r="E4075" i="2" s="1"/>
  <c r="G307" i="2" a="1"/>
  <c r="G307" i="2" s="1"/>
  <c r="G303" i="2" a="1"/>
  <c r="G303" i="2" s="1"/>
  <c r="G306" i="2" a="1"/>
  <c r="G306" i="2" s="1"/>
  <c r="G312" i="2" a="1"/>
  <c r="G312" i="2" s="1"/>
  <c r="G313" i="2" a="1"/>
  <c r="G313" i="2" s="1"/>
  <c r="G308" i="2" a="1"/>
  <c r="G308" i="2" s="1"/>
  <c r="G320" i="2" a="1"/>
  <c r="G320" i="2" s="1"/>
  <c r="G304" i="2" a="1"/>
  <c r="G304" i="2" s="1"/>
  <c r="G310" i="2" a="1"/>
  <c r="G310" i="2" s="1"/>
  <c r="G315" i="2" a="1"/>
  <c r="G315" i="2" s="1"/>
  <c r="G299" i="2" a="1"/>
  <c r="G299" i="2" s="1"/>
  <c r="G311" i="2" a="1"/>
  <c r="G311" i="2" s="1"/>
  <c r="G316" i="2" a="1"/>
  <c r="G316" i="2" s="1"/>
  <c r="G317" i="2" a="1"/>
  <c r="G317" i="2" s="1"/>
  <c r="G314" i="2" a="1"/>
  <c r="G314" i="2" s="1"/>
  <c r="G298" i="2" a="1"/>
  <c r="G298" i="2" s="1"/>
  <c r="G300" i="2" a="1"/>
  <c r="G300" i="2" s="1"/>
  <c r="G321" i="2" a="1"/>
  <c r="G321" i="2" s="1"/>
  <c r="G318" i="2" a="1"/>
  <c r="G318" i="2" s="1"/>
  <c r="G302" i="2" a="1"/>
  <c r="G302" i="2" s="1"/>
  <c r="G309" i="2" a="1"/>
  <c r="G309" i="2" s="1"/>
  <c r="G319" i="2" a="1"/>
  <c r="G319" i="2" s="1"/>
  <c r="G305" i="2" a="1"/>
  <c r="G305" i="2" s="1"/>
  <c r="G301" i="2" a="1"/>
  <c r="G301" i="2" s="1"/>
  <c r="H3111" i="2" a="1"/>
  <c r="H3111" i="2" s="1"/>
  <c r="H3129" i="2" a="1"/>
  <c r="H3129" i="2" s="1"/>
  <c r="G5152" i="2" a="1"/>
  <c r="G5152" i="2" s="1"/>
  <c r="G5161" i="2" a="1"/>
  <c r="G5161" i="2" s="1"/>
  <c r="G5168" i="2" a="1"/>
  <c r="G5168" i="2" s="1"/>
  <c r="G5156" i="2" a="1"/>
  <c r="G5156" i="2" s="1"/>
  <c r="G5155" i="2" a="1"/>
  <c r="G5155" i="2" s="1"/>
  <c r="G5162" i="2" a="1"/>
  <c r="G5162" i="2" s="1"/>
  <c r="G5149" i="2" a="1"/>
  <c r="G5149" i="2" s="1"/>
  <c r="G5153" i="2" a="1"/>
  <c r="G5153" i="2" s="1"/>
  <c r="G5150" i="2" a="1"/>
  <c r="G5150" i="2" s="1"/>
  <c r="G5169" i="2" a="1"/>
  <c r="G5169" i="2" s="1"/>
  <c r="G5147" i="2" a="1"/>
  <c r="G5147" i="2" s="1"/>
  <c r="G5154" i="2" a="1"/>
  <c r="G5154" i="2" s="1"/>
  <c r="G5167" i="2" a="1"/>
  <c r="G5167" i="2" s="1"/>
  <c r="G5157" i="2" a="1"/>
  <c r="G5157" i="2" s="1"/>
  <c r="G5159" i="2" a="1"/>
  <c r="G5159" i="2" s="1"/>
  <c r="G5163" i="2" a="1"/>
  <c r="G5163" i="2" s="1"/>
  <c r="G5164" i="2" a="1"/>
  <c r="G5164" i="2" s="1"/>
  <c r="G5146" i="2" a="1"/>
  <c r="G5146" i="2" s="1"/>
  <c r="G5148" i="2" a="1"/>
  <c r="G5148" i="2" s="1"/>
  <c r="G5165" i="2" a="1"/>
  <c r="G5165" i="2" s="1"/>
  <c r="G5166" i="2" a="1"/>
  <c r="G5166" i="2" s="1"/>
  <c r="G5158" i="2" a="1"/>
  <c r="G5158" i="2" s="1"/>
  <c r="G5151" i="2" a="1"/>
  <c r="G5151" i="2" s="1"/>
  <c r="G5160" i="2" a="1"/>
  <c r="G5160" i="2" s="1"/>
  <c r="E6435" i="2" a="1"/>
  <c r="E6435" i="2" s="1"/>
  <c r="E6439" i="2" a="1"/>
  <c r="E6439" i="2" s="1"/>
  <c r="E6433" i="2" a="1"/>
  <c r="E6433" i="2" s="1"/>
  <c r="E6418" i="2" a="1"/>
  <c r="E6418" i="2" s="1"/>
  <c r="E6430" i="2" a="1"/>
  <c r="E6430" i="2" s="1"/>
  <c r="E6434" i="2" a="1"/>
  <c r="E6434" i="2" s="1"/>
  <c r="E6429" i="2" a="1"/>
  <c r="E6429" i="2" s="1"/>
  <c r="E6428" i="2" a="1"/>
  <c r="E6428" i="2" s="1"/>
  <c r="E6420" i="2" a="1"/>
  <c r="E6420" i="2" s="1"/>
  <c r="E6432" i="2" a="1"/>
  <c r="E6432" i="2" s="1"/>
  <c r="E6425" i="2" a="1"/>
  <c r="E6425" i="2" s="1"/>
  <c r="E6440" i="2" a="1"/>
  <c r="E6440" i="2" s="1"/>
  <c r="E6438" i="2" a="1"/>
  <c r="E6438" i="2" s="1"/>
  <c r="E6441" i="2" a="1"/>
  <c r="E6441" i="2" s="1"/>
  <c r="E6423" i="2" a="1"/>
  <c r="E6423" i="2" s="1"/>
  <c r="E6431" i="2" a="1"/>
  <c r="E6431" i="2" s="1"/>
  <c r="E6426" i="2" a="1"/>
  <c r="E6426" i="2" s="1"/>
  <c r="E6427" i="2" a="1"/>
  <c r="E6427" i="2" s="1"/>
  <c r="E6424" i="2" a="1"/>
  <c r="E6424" i="2" s="1"/>
  <c r="E6436" i="2" a="1"/>
  <c r="E6436" i="2" s="1"/>
  <c r="E6422" i="2" a="1"/>
  <c r="E6422" i="2" s="1"/>
  <c r="E6419" i="2" a="1"/>
  <c r="E6419" i="2" s="1"/>
  <c r="E6421" i="2" a="1"/>
  <c r="E6421" i="2" s="1"/>
  <c r="E6437" i="2" a="1"/>
  <c r="E6437" i="2" s="1"/>
  <c r="H7678" i="2" a="1"/>
  <c r="H7678" i="2" s="1"/>
  <c r="H7673" i="2" a="1"/>
  <c r="H7673" i="2" s="1"/>
  <c r="H7681" i="2" a="1"/>
  <c r="H7681" i="2" s="1"/>
  <c r="E4152" i="2" a="1"/>
  <c r="E4152" i="2" s="1"/>
  <c r="E4142" i="2" a="1"/>
  <c r="E4142" i="2" s="1"/>
  <c r="E4145" i="2" a="1"/>
  <c r="E4145" i="2" s="1"/>
  <c r="E4140" i="2" a="1"/>
  <c r="E4140" i="2" s="1"/>
  <c r="E4146" i="2" a="1"/>
  <c r="E4146" i="2" s="1"/>
  <c r="E4143" i="2" a="1"/>
  <c r="E4143" i="2" s="1"/>
  <c r="E4158" i="2" a="1"/>
  <c r="E4158" i="2" s="1"/>
  <c r="E4139" i="2" a="1"/>
  <c r="E4139" i="2" s="1"/>
  <c r="E4154" i="2" a="1"/>
  <c r="E4154" i="2" s="1"/>
  <c r="E4151" i="2" a="1"/>
  <c r="E4151" i="2" s="1"/>
  <c r="E4161" i="2" a="1"/>
  <c r="E4161" i="2" s="1"/>
  <c r="E4155" i="2" a="1"/>
  <c r="E4155" i="2" s="1"/>
  <c r="E4157" i="2" a="1"/>
  <c r="E4157" i="2" s="1"/>
  <c r="E4150" i="2" a="1"/>
  <c r="E4150" i="2" s="1"/>
  <c r="E4159" i="2" a="1"/>
  <c r="E4159" i="2" s="1"/>
  <c r="E4138" i="2" a="1"/>
  <c r="E4138" i="2" s="1"/>
  <c r="E4160" i="2" a="1"/>
  <c r="E4160" i="2" s="1"/>
  <c r="E4147" i="2" a="1"/>
  <c r="E4147" i="2" s="1"/>
  <c r="E4148" i="2" a="1"/>
  <c r="E4148" i="2" s="1"/>
  <c r="E4153" i="2" a="1"/>
  <c r="E4153" i="2" s="1"/>
  <c r="E4141" i="2" a="1"/>
  <c r="E4141" i="2" s="1"/>
  <c r="E4156" i="2" a="1"/>
  <c r="E4156" i="2" s="1"/>
  <c r="E4144" i="2" a="1"/>
  <c r="E4144" i="2" s="1"/>
  <c r="E4149" i="2" a="1"/>
  <c r="E4149" i="2" s="1"/>
  <c r="G4749" i="2" a="1"/>
  <c r="G4749" i="2" s="1"/>
  <c r="G4755" i="2" a="1"/>
  <c r="G4755" i="2" s="1"/>
  <c r="G4742" i="2" a="1"/>
  <c r="G4742" i="2" s="1"/>
  <c r="G4739" i="2" a="1"/>
  <c r="G4739" i="2" s="1"/>
  <c r="G4756" i="2" a="1"/>
  <c r="G4756" i="2" s="1"/>
  <c r="G4757" i="2" a="1"/>
  <c r="G4757" i="2" s="1"/>
  <c r="G4754" i="2" a="1"/>
  <c r="G4754" i="2" s="1"/>
  <c r="G4738" i="2" a="1"/>
  <c r="G4738" i="2" s="1"/>
  <c r="G4753" i="2" a="1"/>
  <c r="G4753" i="2" s="1"/>
  <c r="G4746" i="2" a="1"/>
  <c r="G4746" i="2" s="1"/>
  <c r="G4740" i="2" a="1"/>
  <c r="G4740" i="2" s="1"/>
  <c r="G4747" i="2" a="1"/>
  <c r="G4747" i="2" s="1"/>
  <c r="G4745" i="2" a="1"/>
  <c r="G4745" i="2" s="1"/>
  <c r="G4748" i="2" a="1"/>
  <c r="G4748" i="2" s="1"/>
  <c r="G4741" i="2" a="1"/>
  <c r="G4741" i="2" s="1"/>
  <c r="G4761" i="2" a="1"/>
  <c r="G4761" i="2" s="1"/>
  <c r="G4744" i="2" a="1"/>
  <c r="G4744" i="2" s="1"/>
  <c r="G4758" i="2" a="1"/>
  <c r="G4758" i="2" s="1"/>
  <c r="G4750" i="2" a="1"/>
  <c r="G4750" i="2" s="1"/>
  <c r="G4751" i="2" a="1"/>
  <c r="G4751" i="2" s="1"/>
  <c r="G4760" i="2" a="1"/>
  <c r="G4760" i="2" s="1"/>
  <c r="G4752" i="2" a="1"/>
  <c r="G4752" i="2" s="1"/>
  <c r="G4743" i="2" a="1"/>
  <c r="G4743" i="2" s="1"/>
  <c r="G4759" i="2" a="1"/>
  <c r="G4759" i="2" s="1"/>
  <c r="F8326" i="2" a="1"/>
  <c r="F8326" i="2" s="1"/>
  <c r="F8324" i="2" a="1"/>
  <c r="F8324" i="2" s="1"/>
  <c r="F8322" i="2" a="1"/>
  <c r="F8322" i="2" s="1"/>
  <c r="F8318" i="2" a="1"/>
  <c r="F8318" i="2" s="1"/>
  <c r="F8328" i="2" a="1"/>
  <c r="F8328" i="2" s="1"/>
  <c r="F8323" i="2" a="1"/>
  <c r="F8323" i="2" s="1"/>
  <c r="F8325" i="2" a="1"/>
  <c r="F8325" i="2" s="1"/>
  <c r="F8329" i="2" a="1"/>
  <c r="F8329" i="2" s="1"/>
  <c r="F8333" i="2" a="1"/>
  <c r="F8333" i="2" s="1"/>
  <c r="F8321" i="2" a="1"/>
  <c r="F8321" i="2" s="1"/>
  <c r="F8330" i="2" a="1"/>
  <c r="F8330" i="2" s="1"/>
  <c r="F8314" i="2" a="1"/>
  <c r="F8314" i="2" s="1"/>
  <c r="F8334" i="2" a="1"/>
  <c r="F8334" i="2" s="1"/>
  <c r="F8336" i="2" a="1"/>
  <c r="F8336" i="2" s="1"/>
  <c r="F8327" i="2" a="1"/>
  <c r="F8327" i="2" s="1"/>
  <c r="F8337" i="2" a="1"/>
  <c r="F8337" i="2" s="1"/>
  <c r="F8335" i="2" a="1"/>
  <c r="F8335" i="2" s="1"/>
  <c r="F8317" i="2" a="1"/>
  <c r="F8317" i="2" s="1"/>
  <c r="F8315" i="2" a="1"/>
  <c r="F8315" i="2" s="1"/>
  <c r="F8331" i="2" a="1"/>
  <c r="F8331" i="2" s="1"/>
  <c r="F8332" i="2" a="1"/>
  <c r="F8332" i="2" s="1"/>
  <c r="E5290" i="2" a="1"/>
  <c r="E5290" i="2" s="1"/>
  <c r="E5293" i="2" a="1"/>
  <c r="E5293" i="2" s="1"/>
  <c r="E5313" i="2" a="1"/>
  <c r="E5313" i="2" s="1"/>
  <c r="E5305" i="2" a="1"/>
  <c r="E5305" i="2" s="1"/>
  <c r="E5298" i="2" a="1"/>
  <c r="E5298" i="2" s="1"/>
  <c r="E5311" i="2" a="1"/>
  <c r="E5311" i="2" s="1"/>
  <c r="E5296" i="2" a="1"/>
  <c r="E5296" i="2" s="1"/>
  <c r="E5302" i="2" a="1"/>
  <c r="E5302" i="2" s="1"/>
  <c r="E5299" i="2" a="1"/>
  <c r="E5299" i="2" s="1"/>
  <c r="E5292" i="2" a="1"/>
  <c r="E5292" i="2" s="1"/>
  <c r="E5304" i="2" a="1"/>
  <c r="E5304" i="2" s="1"/>
  <c r="E5307" i="2" a="1"/>
  <c r="E5307" i="2" s="1"/>
  <c r="E5300" i="2" a="1"/>
  <c r="E5300" i="2" s="1"/>
  <c r="E5308" i="2" a="1"/>
  <c r="E5308" i="2" s="1"/>
  <c r="E5295" i="2" a="1"/>
  <c r="E5295" i="2" s="1"/>
  <c r="E5303" i="2" a="1"/>
  <c r="E5303" i="2" s="1"/>
  <c r="E5301" i="2" a="1"/>
  <c r="E5301" i="2" s="1"/>
  <c r="E5297" i="2" a="1"/>
  <c r="E5297" i="2" s="1"/>
  <c r="E5291" i="2" a="1"/>
  <c r="E5291" i="2" s="1"/>
  <c r="E5306" i="2" a="1"/>
  <c r="E5306" i="2" s="1"/>
  <c r="E5309" i="2" a="1"/>
  <c r="E5309" i="2" s="1"/>
  <c r="E5310" i="2" a="1"/>
  <c r="E5310" i="2" s="1"/>
  <c r="E5312" i="2" a="1"/>
  <c r="E5312" i="2" s="1"/>
  <c r="E5294" i="2" a="1"/>
  <c r="E5294" i="2" s="1"/>
  <c r="E2328" i="2" a="1"/>
  <c r="E2328" i="2" s="1"/>
  <c r="E2322" i="2" a="1"/>
  <c r="E2322" i="2" s="1"/>
  <c r="E2325" i="2" a="1"/>
  <c r="E2325" i="2" s="1"/>
  <c r="E2332" i="2" a="1"/>
  <c r="E2332" i="2" s="1"/>
  <c r="E2335" i="2" a="1"/>
  <c r="E2335" i="2" s="1"/>
  <c r="E2330" i="2" a="1"/>
  <c r="E2330" i="2" s="1"/>
  <c r="F4097" i="2" a="1"/>
  <c r="F4097" i="2" s="1"/>
  <c r="F4093" i="2" a="1"/>
  <c r="F4093" i="2" s="1"/>
  <c r="F4103" i="2" a="1"/>
  <c r="F4103" i="2" s="1"/>
  <c r="F4108" i="2" a="1"/>
  <c r="F4108" i="2" s="1"/>
  <c r="F4098" i="2" a="1"/>
  <c r="F4098" i="2" s="1"/>
  <c r="F4094" i="2" a="1"/>
  <c r="F4094" i="2" s="1"/>
  <c r="F4091" i="2" a="1"/>
  <c r="F4091" i="2" s="1"/>
  <c r="F4102" i="2" a="1"/>
  <c r="F4102" i="2" s="1"/>
  <c r="F4110" i="2" a="1"/>
  <c r="F4110" i="2" s="1"/>
  <c r="F4113" i="2" a="1"/>
  <c r="F4113" i="2" s="1"/>
  <c r="F4112" i="2" a="1"/>
  <c r="F4112" i="2" s="1"/>
  <c r="F4106" i="2" a="1"/>
  <c r="F4106" i="2" s="1"/>
  <c r="F4092" i="2" a="1"/>
  <c r="F4092" i="2" s="1"/>
  <c r="F4095" i="2" a="1"/>
  <c r="F4095" i="2" s="1"/>
  <c r="F4109" i="2" a="1"/>
  <c r="F4109" i="2" s="1"/>
  <c r="F4111" i="2" a="1"/>
  <c r="F4111" i="2" s="1"/>
  <c r="F4100" i="2" a="1"/>
  <c r="F4100" i="2" s="1"/>
  <c r="F4090" i="2" a="1"/>
  <c r="F4090" i="2" s="1"/>
  <c r="F4096" i="2" a="1"/>
  <c r="F4096" i="2" s="1"/>
  <c r="F4105" i="2" a="1"/>
  <c r="F4105" i="2" s="1"/>
  <c r="F4104" i="2" a="1"/>
  <c r="F4104" i="2" s="1"/>
  <c r="F4107" i="2" a="1"/>
  <c r="F4107" i="2" s="1"/>
  <c r="F4101" i="2" a="1"/>
  <c r="F4101" i="2" s="1"/>
  <c r="F4099" i="2" a="1"/>
  <c r="F4099" i="2" s="1"/>
  <c r="G1431" i="2" a="1"/>
  <c r="G1431" i="2" s="1"/>
  <c r="G1427" i="2" a="1"/>
  <c r="G1427" i="2" s="1"/>
  <c r="G1426" i="2" a="1"/>
  <c r="G1426" i="2" s="1"/>
  <c r="G1445" i="2" a="1"/>
  <c r="G1445" i="2" s="1"/>
  <c r="G1447" i="2" a="1"/>
  <c r="G1447" i="2" s="1"/>
  <c r="G1430" i="2" a="1"/>
  <c r="G1430" i="2" s="1"/>
  <c r="G1435" i="2" a="1"/>
  <c r="G1435" i="2" s="1"/>
  <c r="G1449" i="2" a="1"/>
  <c r="G1449" i="2" s="1"/>
  <c r="G1442" i="2" a="1"/>
  <c r="G1442" i="2" s="1"/>
  <c r="G1428" i="2" a="1"/>
  <c r="G1428" i="2" s="1"/>
  <c r="G1443" i="2" a="1"/>
  <c r="G1443" i="2" s="1"/>
  <c r="G1439" i="2" a="1"/>
  <c r="G1439" i="2" s="1"/>
  <c r="G1446" i="2" a="1"/>
  <c r="G1446" i="2" s="1"/>
  <c r="G1436" i="2" a="1"/>
  <c r="G1436" i="2" s="1"/>
  <c r="G1448" i="2" a="1"/>
  <c r="G1448" i="2" s="1"/>
  <c r="G1437" i="2" a="1"/>
  <c r="G1437" i="2" s="1"/>
  <c r="G1438" i="2" a="1"/>
  <c r="G1438" i="2" s="1"/>
  <c r="G1429" i="2" a="1"/>
  <c r="G1429" i="2" s="1"/>
  <c r="G1440" i="2" a="1"/>
  <c r="G1440" i="2" s="1"/>
  <c r="G1432" i="2" a="1"/>
  <c r="G1432" i="2" s="1"/>
  <c r="G1441" i="2" a="1"/>
  <c r="G1441" i="2" s="1"/>
  <c r="G1433" i="2" a="1"/>
  <c r="G1433" i="2" s="1"/>
  <c r="G1434" i="2" a="1"/>
  <c r="G1434" i="2" s="1"/>
  <c r="G1444" i="2" a="1"/>
  <c r="G1444" i="2" s="1"/>
  <c r="F2591" i="2" a="1"/>
  <c r="F2591" i="2" s="1"/>
  <c r="F2587" i="2" a="1"/>
  <c r="F2587" i="2" s="1"/>
  <c r="F2582" i="2" a="1"/>
  <c r="F2582" i="2" s="1"/>
  <c r="F2593" i="2" a="1"/>
  <c r="F2593" i="2" s="1"/>
  <c r="F2596" i="2" a="1"/>
  <c r="F2596" i="2" s="1"/>
  <c r="F2598" i="2" a="1"/>
  <c r="F2598" i="2" s="1"/>
  <c r="F2584" i="2" a="1"/>
  <c r="F2584" i="2" s="1"/>
  <c r="F2592" i="2" a="1"/>
  <c r="F2592" i="2" s="1"/>
  <c r="F2599" i="2" a="1"/>
  <c r="F2599" i="2" s="1"/>
  <c r="F2586" i="2" a="1"/>
  <c r="F2586" i="2" s="1"/>
  <c r="F2600" i="2" a="1"/>
  <c r="F2600" i="2" s="1"/>
  <c r="F2580" i="2" a="1"/>
  <c r="F2580" i="2" s="1"/>
  <c r="F2590" i="2" a="1"/>
  <c r="F2590" i="2" s="1"/>
  <c r="F2578" i="2" a="1"/>
  <c r="F2578" i="2" s="1"/>
  <c r="F2595" i="2" a="1"/>
  <c r="F2595" i="2" s="1"/>
  <c r="F2588" i="2" a="1"/>
  <c r="F2588" i="2" s="1"/>
  <c r="F2583" i="2" a="1"/>
  <c r="F2583" i="2" s="1"/>
  <c r="F2585" i="2" a="1"/>
  <c r="F2585" i="2" s="1"/>
  <c r="F2589" i="2" a="1"/>
  <c r="F2589" i="2" s="1"/>
  <c r="F2597" i="2" a="1"/>
  <c r="F2597" i="2" s="1"/>
  <c r="F2594" i="2" a="1"/>
  <c r="F2594" i="2" s="1"/>
  <c r="F2581" i="2" a="1"/>
  <c r="F2581" i="2" s="1"/>
  <c r="F2601" i="2" a="1"/>
  <c r="F2601" i="2" s="1"/>
  <c r="F2579" i="2" a="1"/>
  <c r="F2579" i="2" s="1"/>
  <c r="E7009" i="2" a="1"/>
  <c r="E7009" i="2" s="1"/>
  <c r="H7306" i="2" a="1"/>
  <c r="H7306" i="2" s="1"/>
  <c r="H7322" i="2" a="1"/>
  <c r="H7322" i="2" s="1"/>
  <c r="H7327" i="2" a="1"/>
  <c r="H7327" i="2" s="1"/>
  <c r="H7309" i="2" a="1"/>
  <c r="H7309" i="2" s="1"/>
  <c r="H7319" i="2" a="1"/>
  <c r="H7319" i="2" s="1"/>
  <c r="H7323" i="2" a="1"/>
  <c r="H7323" i="2" s="1"/>
  <c r="H7317" i="2" a="1"/>
  <c r="H7317" i="2" s="1"/>
  <c r="H7325" i="2" a="1"/>
  <c r="H7325" i="2" s="1"/>
  <c r="H7310" i="2" a="1"/>
  <c r="H7310" i="2" s="1"/>
  <c r="H7314" i="2" a="1"/>
  <c r="H7314" i="2" s="1"/>
  <c r="H7318" i="2" a="1"/>
  <c r="H7318" i="2" s="1"/>
  <c r="H7316" i="2" a="1"/>
  <c r="H7316" i="2" s="1"/>
  <c r="H7311" i="2" a="1"/>
  <c r="H7311" i="2" s="1"/>
  <c r="H7308" i="2" a="1"/>
  <c r="H7308" i="2" s="1"/>
  <c r="H7321" i="2" a="1"/>
  <c r="H7321" i="2" s="1"/>
  <c r="H7315" i="2" a="1"/>
  <c r="H7315" i="2" s="1"/>
  <c r="H7312" i="2" a="1"/>
  <c r="H7312" i="2" s="1"/>
  <c r="H7313" i="2" a="1"/>
  <c r="H7313" i="2" s="1"/>
  <c r="H7326" i="2" a="1"/>
  <c r="H7326" i="2" s="1"/>
  <c r="H7307" i="2" a="1"/>
  <c r="H7307" i="2" s="1"/>
  <c r="H7320" i="2" a="1"/>
  <c r="H7320" i="2" s="1"/>
  <c r="H7328" i="2" a="1"/>
  <c r="H7328" i="2" s="1"/>
  <c r="H7329" i="2" a="1"/>
  <c r="H7329" i="2" s="1"/>
  <c r="H7324" i="2" a="1"/>
  <c r="H7324" i="2" s="1"/>
  <c r="H7159" i="2" a="1"/>
  <c r="H7159" i="2" s="1"/>
  <c r="H7142" i="2" a="1"/>
  <c r="H7142" i="2" s="1"/>
  <c r="H7147" i="2" a="1"/>
  <c r="H7147" i="2" s="1"/>
  <c r="H7155" i="2" a="1"/>
  <c r="H7155" i="2" s="1"/>
  <c r="H7140" i="2" a="1"/>
  <c r="H7140" i="2" s="1"/>
  <c r="H7148" i="2" a="1"/>
  <c r="H7148" i="2" s="1"/>
  <c r="H7156" i="2" a="1"/>
  <c r="H7156" i="2" s="1"/>
  <c r="H7150" i="2" a="1"/>
  <c r="H7150" i="2" s="1"/>
  <c r="H7146" i="2" a="1"/>
  <c r="H7146" i="2" s="1"/>
  <c r="H7158" i="2" a="1"/>
  <c r="H7158" i="2" s="1"/>
  <c r="H7160" i="2" a="1"/>
  <c r="H7160" i="2" s="1"/>
  <c r="H7139" i="2" a="1"/>
  <c r="H7139" i="2" s="1"/>
  <c r="H7149" i="2" a="1"/>
  <c r="H7149" i="2" s="1"/>
  <c r="H7151" i="2" a="1"/>
  <c r="H7151" i="2" s="1"/>
  <c r="H7143" i="2" a="1"/>
  <c r="H7143" i="2" s="1"/>
  <c r="H7138" i="2" a="1"/>
  <c r="H7138" i="2" s="1"/>
  <c r="H7144" i="2" a="1"/>
  <c r="H7144" i="2" s="1"/>
  <c r="H7157" i="2" a="1"/>
  <c r="H7157" i="2" s="1"/>
  <c r="H7154" i="2" a="1"/>
  <c r="H7154" i="2" s="1"/>
  <c r="H7153" i="2" a="1"/>
  <c r="H7153" i="2" s="1"/>
  <c r="H7141" i="2" a="1"/>
  <c r="H7141" i="2" s="1"/>
  <c r="H7161" i="2" a="1"/>
  <c r="H7161" i="2" s="1"/>
  <c r="H7145" i="2" a="1"/>
  <c r="H7145" i="2" s="1"/>
  <c r="H7152" i="2" a="1"/>
  <c r="H7152" i="2" s="1"/>
  <c r="E2458" i="2" a="1"/>
  <c r="E2458" i="2" s="1"/>
  <c r="E2465" i="2" a="1"/>
  <c r="E2465" i="2" s="1"/>
  <c r="E2460" i="2" a="1"/>
  <c r="E2460" i="2" s="1"/>
  <c r="E2474" i="2" a="1"/>
  <c r="E2474" i="2" s="1"/>
  <c r="E2475" i="2" a="1"/>
  <c r="E2475" i="2" s="1"/>
  <c r="E2479" i="2" a="1"/>
  <c r="E2479" i="2" s="1"/>
  <c r="E2476" i="2" a="1"/>
  <c r="E2476" i="2" s="1"/>
  <c r="E2461" i="2" a="1"/>
  <c r="E2461" i="2" s="1"/>
  <c r="E2472" i="2" a="1"/>
  <c r="E2472" i="2" s="1"/>
  <c r="E2480" i="2" a="1"/>
  <c r="E2480" i="2" s="1"/>
  <c r="E2469" i="2" a="1"/>
  <c r="E2469" i="2" s="1"/>
  <c r="E2470" i="2" a="1"/>
  <c r="E2470" i="2" s="1"/>
  <c r="E2471" i="2" a="1"/>
  <c r="E2471" i="2" s="1"/>
  <c r="E2464" i="2" a="1"/>
  <c r="E2464" i="2" s="1"/>
  <c r="E2477" i="2" a="1"/>
  <c r="E2477" i="2" s="1"/>
  <c r="E2468" i="2" a="1"/>
  <c r="E2468" i="2" s="1"/>
  <c r="E2459" i="2" a="1"/>
  <c r="E2459" i="2" s="1"/>
  <c r="E2467" i="2" a="1"/>
  <c r="E2467" i="2" s="1"/>
  <c r="E2481" i="2" a="1"/>
  <c r="E2481" i="2" s="1"/>
  <c r="E2463" i="2" a="1"/>
  <c r="E2463" i="2" s="1"/>
  <c r="E2478" i="2" a="1"/>
  <c r="E2478" i="2" s="1"/>
  <c r="E2473" i="2" a="1"/>
  <c r="E2473" i="2" s="1"/>
  <c r="E2466" i="2" a="1"/>
  <c r="E2466" i="2" s="1"/>
  <c r="E2462" i="2" a="1"/>
  <c r="E2462" i="2" s="1"/>
  <c r="F2058" i="2" a="1"/>
  <c r="F2058" i="2" s="1"/>
  <c r="F2069" i="2" a="1"/>
  <c r="F2069" i="2" s="1"/>
  <c r="F2055" i="2" a="1"/>
  <c r="F2055" i="2" s="1"/>
  <c r="F2059" i="2" a="1"/>
  <c r="F2059" i="2" s="1"/>
  <c r="F2065" i="2" a="1"/>
  <c r="F2065" i="2" s="1"/>
  <c r="F2060" i="2" a="1"/>
  <c r="F2060" i="2" s="1"/>
  <c r="F2050" i="2" a="1"/>
  <c r="F2050" i="2" s="1"/>
  <c r="F2070" i="2" a="1"/>
  <c r="F2070" i="2" s="1"/>
  <c r="F2071" i="2" a="1"/>
  <c r="F2071" i="2" s="1"/>
  <c r="F2057" i="2" a="1"/>
  <c r="F2057" i="2" s="1"/>
  <c r="F2052" i="2" a="1"/>
  <c r="F2052" i="2" s="1"/>
  <c r="F2068" i="2" a="1"/>
  <c r="F2068" i="2" s="1"/>
  <c r="F2066" i="2" a="1"/>
  <c r="F2066" i="2" s="1"/>
  <c r="F2073" i="2" a="1"/>
  <c r="F2073" i="2" s="1"/>
  <c r="F2056" i="2" a="1"/>
  <c r="F2056" i="2" s="1"/>
  <c r="F2067" i="2" a="1"/>
  <c r="F2067" i="2" s="1"/>
  <c r="F2062" i="2" a="1"/>
  <c r="F2062" i="2" s="1"/>
  <c r="F2063" i="2" a="1"/>
  <c r="F2063" i="2" s="1"/>
  <c r="F2072" i="2" a="1"/>
  <c r="F2072" i="2" s="1"/>
  <c r="F2064" i="2" a="1"/>
  <c r="F2064" i="2" s="1"/>
  <c r="F2054" i="2" a="1"/>
  <c r="F2054" i="2" s="1"/>
  <c r="G7689" i="2" a="1"/>
  <c r="G7689" i="2" s="1"/>
  <c r="G7675" i="2" a="1"/>
  <c r="G7675" i="2" s="1"/>
  <c r="G7680" i="2" a="1"/>
  <c r="G7680" i="2" s="1"/>
  <c r="G7676" i="2" a="1"/>
  <c r="G7676" i="2" s="1"/>
  <c r="G7679" i="2" a="1"/>
  <c r="G7679" i="2" s="1"/>
  <c r="G7677" i="2" a="1"/>
  <c r="G7677" i="2" s="1"/>
  <c r="G7670" i="2" a="1"/>
  <c r="G7670" i="2" s="1"/>
  <c r="G7686" i="2" a="1"/>
  <c r="G7686" i="2" s="1"/>
  <c r="G7684" i="2" a="1"/>
  <c r="G7684" i="2" s="1"/>
  <c r="G7672" i="2" a="1"/>
  <c r="G7672" i="2" s="1"/>
  <c r="G7678" i="2" a="1"/>
  <c r="G7678" i="2" s="1"/>
  <c r="G7667" i="2" a="1"/>
  <c r="G7667" i="2" s="1"/>
  <c r="G7682" i="2" a="1"/>
  <c r="G7682" i="2" s="1"/>
  <c r="G7666" i="2" a="1"/>
  <c r="G7666" i="2" s="1"/>
  <c r="G7688" i="2" a="1"/>
  <c r="G7688" i="2" s="1"/>
  <c r="G7668" i="2" a="1"/>
  <c r="G7668" i="2" s="1"/>
  <c r="G7687" i="2" a="1"/>
  <c r="G7687" i="2" s="1"/>
  <c r="G7669" i="2" a="1"/>
  <c r="G7669" i="2" s="1"/>
  <c r="G7671" i="2" a="1"/>
  <c r="G7671" i="2" s="1"/>
  <c r="G7685" i="2" a="1"/>
  <c r="G7685" i="2" s="1"/>
  <c r="G7674" i="2" a="1"/>
  <c r="G7674" i="2" s="1"/>
  <c r="G7673" i="2" a="1"/>
  <c r="G7673" i="2" s="1"/>
  <c r="G7681" i="2" a="1"/>
  <c r="G7681" i="2" s="1"/>
  <c r="G7683" i="2" a="1"/>
  <c r="G7683" i="2" s="1"/>
  <c r="D6262" i="2" a="1"/>
  <c r="D6262" i="2" s="1"/>
  <c r="D6273" i="2" a="1"/>
  <c r="D6273" i="2" s="1"/>
  <c r="D6260" i="2" a="1"/>
  <c r="D6260" i="2" s="1"/>
  <c r="D6268" i="2" a="1"/>
  <c r="D6268" i="2" s="1"/>
  <c r="D6272" i="2" a="1"/>
  <c r="D6272" i="2" s="1"/>
  <c r="D6252" i="2" a="1"/>
  <c r="D6252" i="2" s="1"/>
  <c r="D6256" i="2" a="1"/>
  <c r="D6256" i="2" s="1"/>
  <c r="D6264" i="2" a="1"/>
  <c r="D6264" i="2" s="1"/>
  <c r="D6265" i="2" a="1"/>
  <c r="D6265" i="2" s="1"/>
  <c r="D6255" i="2" a="1"/>
  <c r="D6255" i="2" s="1"/>
  <c r="D6253" i="2" a="1"/>
  <c r="D6253" i="2" s="1"/>
  <c r="D6270" i="2" a="1"/>
  <c r="D6270" i="2" s="1"/>
  <c r="D6250" i="2" a="1"/>
  <c r="D6250" i="2" s="1"/>
  <c r="D6258" i="2" a="1"/>
  <c r="D6258" i="2" s="1"/>
  <c r="D6263" i="2" a="1"/>
  <c r="D6263" i="2" s="1"/>
  <c r="D6261" i="2" a="1"/>
  <c r="D6261" i="2" s="1"/>
  <c r="D6266" i="2" a="1"/>
  <c r="D6266" i="2" s="1"/>
  <c r="D6271" i="2" a="1"/>
  <c r="D6271" i="2" s="1"/>
  <c r="D6251" i="2" a="1"/>
  <c r="D6251" i="2" s="1"/>
  <c r="D6259" i="2" a="1"/>
  <c r="D6259" i="2" s="1"/>
  <c r="D6269" i="2" a="1"/>
  <c r="D6269" i="2" s="1"/>
  <c r="D6257" i="2" a="1"/>
  <c r="D6257" i="2" s="1"/>
  <c r="D6254" i="2" a="1"/>
  <c r="D6254" i="2" s="1"/>
  <c r="D6267" i="2" a="1"/>
  <c r="D6267" i="2" s="1"/>
  <c r="E390" i="2" a="1"/>
  <c r="E390" i="2" s="1"/>
  <c r="E378" i="2" a="1"/>
  <c r="E378" i="2" s="1"/>
  <c r="E381" i="2" a="1"/>
  <c r="E381" i="2" s="1"/>
  <c r="E391" i="2" a="1"/>
  <c r="E391" i="2" s="1"/>
  <c r="E387" i="2" a="1"/>
  <c r="E387" i="2" s="1"/>
  <c r="E383" i="2" a="1"/>
  <c r="E383" i="2" s="1"/>
  <c r="E393" i="2" a="1"/>
  <c r="E393" i="2" s="1"/>
  <c r="E384" i="2" a="1"/>
  <c r="E384" i="2" s="1"/>
  <c r="E373" i="2" a="1"/>
  <c r="E373" i="2" s="1"/>
  <c r="E374" i="2" a="1"/>
  <c r="E374" i="2" s="1"/>
  <c r="E388" i="2" a="1"/>
  <c r="E388" i="2" s="1"/>
  <c r="E385" i="2" a="1"/>
  <c r="E385" i="2" s="1"/>
  <c r="E392" i="2" a="1"/>
  <c r="E392" i="2" s="1"/>
  <c r="E371" i="2" a="1"/>
  <c r="E371" i="2" s="1"/>
  <c r="E372" i="2" a="1"/>
  <c r="E372" i="2" s="1"/>
  <c r="E382" i="2" a="1"/>
  <c r="E382" i="2" s="1"/>
  <c r="E389" i="2" a="1"/>
  <c r="E389" i="2" s="1"/>
  <c r="F4404" i="2" a="1"/>
  <c r="F4404" i="2" s="1"/>
  <c r="F4414" i="2" a="1"/>
  <c r="F4414" i="2" s="1"/>
  <c r="F4405" i="2" a="1"/>
  <c r="F4405" i="2" s="1"/>
  <c r="F4407" i="2" a="1"/>
  <c r="F4407" i="2" s="1"/>
  <c r="F4409" i="2" a="1"/>
  <c r="F4409" i="2" s="1"/>
  <c r="F4425" i="2" a="1"/>
  <c r="F4425" i="2" s="1"/>
  <c r="F4418" i="2" a="1"/>
  <c r="F4418" i="2" s="1"/>
  <c r="F4419" i="2" a="1"/>
  <c r="F4419" i="2" s="1"/>
  <c r="F4422" i="2" a="1"/>
  <c r="F4422" i="2" s="1"/>
  <c r="F4423" i="2" a="1"/>
  <c r="F4423" i="2" s="1"/>
  <c r="F4420" i="2" a="1"/>
  <c r="F4420" i="2" s="1"/>
  <c r="F4413" i="2" a="1"/>
  <c r="F4413" i="2" s="1"/>
  <c r="F4403" i="2" a="1"/>
  <c r="F4403" i="2" s="1"/>
  <c r="F4410" i="2" a="1"/>
  <c r="F4410" i="2" s="1"/>
  <c r="F4417" i="2" a="1"/>
  <c r="F4417" i="2" s="1"/>
  <c r="F4411" i="2" a="1"/>
  <c r="F4411" i="2" s="1"/>
  <c r="F4415" i="2" a="1"/>
  <c r="F4415" i="2" s="1"/>
  <c r="F4408" i="2" a="1"/>
  <c r="F4408" i="2" s="1"/>
  <c r="F4424" i="2" a="1"/>
  <c r="F4424" i="2" s="1"/>
  <c r="F4402" i="2" a="1"/>
  <c r="F4402" i="2" s="1"/>
  <c r="F4406" i="2" a="1"/>
  <c r="F4406" i="2" s="1"/>
  <c r="F4416" i="2" a="1"/>
  <c r="F4416" i="2" s="1"/>
  <c r="F4421" i="2" a="1"/>
  <c r="F4421" i="2" s="1"/>
  <c r="F4412" i="2" a="1"/>
  <c r="F4412" i="2" s="1"/>
  <c r="E6329" i="2" a="1"/>
  <c r="E6329" i="2" s="1"/>
  <c r="E6341" i="2" a="1"/>
  <c r="E6341" i="2" s="1"/>
  <c r="E6324" i="2" a="1"/>
  <c r="E6324" i="2" s="1"/>
  <c r="E6342" i="2" a="1"/>
  <c r="E6342" i="2" s="1"/>
  <c r="E6322" i="2" a="1"/>
  <c r="E6322" i="2" s="1"/>
  <c r="E6343" i="2" a="1"/>
  <c r="E6343" i="2" s="1"/>
  <c r="E6332" i="2" a="1"/>
  <c r="E6332" i="2" s="1"/>
  <c r="E6336" i="2" a="1"/>
  <c r="E6336" i="2" s="1"/>
  <c r="E6333" i="2" a="1"/>
  <c r="E6333" i="2" s="1"/>
  <c r="E6345" i="2" a="1"/>
  <c r="E6345" i="2" s="1"/>
  <c r="E6334" i="2" a="1"/>
  <c r="E6334" i="2" s="1"/>
  <c r="E6323" i="2" a="1"/>
  <c r="E6323" i="2" s="1"/>
  <c r="E6326" i="2" a="1"/>
  <c r="E6326" i="2" s="1"/>
  <c r="E6337" i="2" a="1"/>
  <c r="E6337" i="2" s="1"/>
  <c r="E6344" i="2" a="1"/>
  <c r="E6344" i="2" s="1"/>
  <c r="E6325" i="2" a="1"/>
  <c r="E6325" i="2" s="1"/>
  <c r="E6339" i="2" a="1"/>
  <c r="E6339" i="2" s="1"/>
  <c r="E6340" i="2" a="1"/>
  <c r="E6340" i="2" s="1"/>
  <c r="E6330" i="2" a="1"/>
  <c r="E6330" i="2" s="1"/>
  <c r="E6335" i="2" a="1"/>
  <c r="E6335" i="2" s="1"/>
  <c r="E6338" i="2" a="1"/>
  <c r="E6338" i="2" s="1"/>
  <c r="E6331" i="2" a="1"/>
  <c r="E6331" i="2" s="1"/>
  <c r="E6327" i="2" a="1"/>
  <c r="E6327" i="2" s="1"/>
  <c r="E6328" i="2" a="1"/>
  <c r="E6328" i="2" s="1"/>
  <c r="H741" i="2" a="1"/>
  <c r="H741" i="2" s="1"/>
  <c r="H732" i="2" a="1"/>
  <c r="H732" i="2" s="1"/>
  <c r="H734" i="2" a="1"/>
  <c r="H734" i="2" s="1"/>
  <c r="H739" i="2" a="1"/>
  <c r="H739" i="2" s="1"/>
  <c r="H8352" i="2" a="1"/>
  <c r="H8352" i="2" s="1"/>
  <c r="H8354" i="2" a="1"/>
  <c r="H8354" i="2" s="1"/>
  <c r="H8353" i="2" a="1"/>
  <c r="H8353" i="2" s="1"/>
  <c r="H8338" i="2" a="1"/>
  <c r="H8338" i="2" s="1"/>
  <c r="H8357" i="2" a="1"/>
  <c r="H8357" i="2" s="1"/>
  <c r="H8342" i="2" a="1"/>
  <c r="H8342" i="2" s="1"/>
  <c r="H8355" i="2" a="1"/>
  <c r="H8355" i="2" s="1"/>
  <c r="H8340" i="2" a="1"/>
  <c r="H8340" i="2" s="1"/>
  <c r="H8346" i="2" a="1"/>
  <c r="H8346" i="2" s="1"/>
  <c r="H8360" i="2" a="1"/>
  <c r="H8360" i="2" s="1"/>
  <c r="H8341" i="2" a="1"/>
  <c r="H8341" i="2" s="1"/>
  <c r="H8343" i="2" a="1"/>
  <c r="H8343" i="2" s="1"/>
  <c r="H8345" i="2" a="1"/>
  <c r="H8345" i="2" s="1"/>
  <c r="H8348" i="2" a="1"/>
  <c r="H8348" i="2" s="1"/>
  <c r="H8349" i="2" a="1"/>
  <c r="H8349" i="2" s="1"/>
  <c r="H8339" i="2" a="1"/>
  <c r="H8339" i="2" s="1"/>
  <c r="H8351" i="2" a="1"/>
  <c r="H8351" i="2" s="1"/>
  <c r="H8358" i="2" a="1"/>
  <c r="H8358" i="2" s="1"/>
  <c r="H8359" i="2" a="1"/>
  <c r="H8359" i="2" s="1"/>
  <c r="H8361" i="2" a="1"/>
  <c r="H8361" i="2" s="1"/>
  <c r="H8347" i="2" a="1"/>
  <c r="H8347" i="2" s="1"/>
  <c r="H8344" i="2" a="1"/>
  <c r="H8344" i="2" s="1"/>
  <c r="H8356" i="2" a="1"/>
  <c r="H8356" i="2" s="1"/>
  <c r="H8350" i="2" a="1"/>
  <c r="H8350" i="2" s="1"/>
  <c r="F8112" i="2" a="1"/>
  <c r="F8112" i="2" s="1"/>
  <c r="F8120" i="2" a="1"/>
  <c r="F8120" i="2" s="1"/>
  <c r="F8101" i="2" a="1"/>
  <c r="F8101" i="2" s="1"/>
  <c r="F8109" i="2" a="1"/>
  <c r="F8109" i="2" s="1"/>
  <c r="F8098" i="2" a="1"/>
  <c r="F8098" i="2" s="1"/>
  <c r="F8099" i="2" a="1"/>
  <c r="F8099" i="2" s="1"/>
  <c r="F8116" i="2" a="1"/>
  <c r="F8116" i="2" s="1"/>
  <c r="F8100" i="2" a="1"/>
  <c r="F8100" i="2" s="1"/>
  <c r="F8111" i="2" a="1"/>
  <c r="F8111" i="2" s="1"/>
  <c r="F8104" i="2" a="1"/>
  <c r="F8104" i="2" s="1"/>
  <c r="F8117" i="2" a="1"/>
  <c r="F8117" i="2" s="1"/>
  <c r="F8110" i="2" a="1"/>
  <c r="F8110" i="2" s="1"/>
  <c r="F8106" i="2" a="1"/>
  <c r="F8106" i="2" s="1"/>
  <c r="F8108" i="2" a="1"/>
  <c r="F8108" i="2" s="1"/>
  <c r="F8102" i="2" a="1"/>
  <c r="F8102" i="2" s="1"/>
  <c r="F8114" i="2" a="1"/>
  <c r="F8114" i="2" s="1"/>
  <c r="F8119" i="2" a="1"/>
  <c r="F8119" i="2" s="1"/>
  <c r="H239" i="2" a="1"/>
  <c r="H239" i="2" s="1"/>
  <c r="H244" i="2" a="1"/>
  <c r="H244" i="2" s="1"/>
  <c r="H236" i="2" a="1"/>
  <c r="H236" i="2" s="1"/>
  <c r="H246" i="2" a="1"/>
  <c r="H246" i="2" s="1"/>
  <c r="H227" i="2" a="1"/>
  <c r="H227" i="2" s="1"/>
  <c r="H226" i="2" a="1"/>
  <c r="H226" i="2" s="1"/>
  <c r="H238" i="2" a="1"/>
  <c r="H238" i="2" s="1"/>
  <c r="H242" i="2" a="1"/>
  <c r="H242" i="2" s="1"/>
  <c r="H240" i="2" a="1"/>
  <c r="H240" i="2" s="1"/>
  <c r="H243" i="2" a="1"/>
  <c r="H243" i="2" s="1"/>
  <c r="H232" i="2" a="1"/>
  <c r="H232" i="2" s="1"/>
  <c r="H249" i="2" a="1"/>
  <c r="H249" i="2" s="1"/>
  <c r="H234" i="2" a="1"/>
  <c r="H234" i="2" s="1"/>
  <c r="H245" i="2" a="1"/>
  <c r="H245" i="2" s="1"/>
  <c r="H237" i="2" a="1"/>
  <c r="H237" i="2" s="1"/>
  <c r="H228" i="2" a="1"/>
  <c r="H228" i="2" s="1"/>
  <c r="H229" i="2" a="1"/>
  <c r="H229" i="2" s="1"/>
  <c r="H231" i="2" a="1"/>
  <c r="H231" i="2" s="1"/>
  <c r="H230" i="2" a="1"/>
  <c r="H230" i="2" s="1"/>
  <c r="H241" i="2" a="1"/>
  <c r="H241" i="2" s="1"/>
  <c r="H235" i="2" a="1"/>
  <c r="H235" i="2" s="1"/>
  <c r="H233" i="2" a="1"/>
  <c r="H233" i="2" s="1"/>
  <c r="H248" i="2" a="1"/>
  <c r="H248" i="2" s="1"/>
  <c r="H247" i="2" a="1"/>
  <c r="H247" i="2" s="1"/>
  <c r="G3968" i="2" a="1"/>
  <c r="G3968" i="2" s="1"/>
  <c r="G3947" i="2" a="1"/>
  <c r="G3947" i="2" s="1"/>
  <c r="G3965" i="2" a="1"/>
  <c r="G3965" i="2" s="1"/>
  <c r="G3959" i="2" a="1"/>
  <c r="G3959" i="2" s="1"/>
  <c r="G3960" i="2" a="1"/>
  <c r="G3960" i="2" s="1"/>
  <c r="G3950" i="2" a="1"/>
  <c r="G3950" i="2" s="1"/>
  <c r="G3951" i="2" a="1"/>
  <c r="G3951" i="2" s="1"/>
  <c r="G3955" i="2" a="1"/>
  <c r="G3955" i="2" s="1"/>
  <c r="E956" i="2" a="1"/>
  <c r="E956" i="2" s="1"/>
  <c r="E965" i="2" a="1"/>
  <c r="E965" i="2" s="1"/>
  <c r="E967" i="2" a="1"/>
  <c r="E967" i="2" s="1"/>
  <c r="E959" i="2" a="1"/>
  <c r="E959" i="2" s="1"/>
  <c r="E948" i="2" a="1"/>
  <c r="E948" i="2" s="1"/>
  <c r="E968" i="2" a="1"/>
  <c r="E968" i="2" s="1"/>
  <c r="H6479" i="2" a="1"/>
  <c r="H6479" i="2" s="1"/>
  <c r="H6476" i="2" a="1"/>
  <c r="H6476" i="2" s="1"/>
  <c r="H6484" i="2" a="1"/>
  <c r="H6484" i="2" s="1"/>
  <c r="H6480" i="2" a="1"/>
  <c r="H6480" i="2" s="1"/>
  <c r="H6467" i="2" a="1"/>
  <c r="H6467" i="2" s="1"/>
  <c r="H6486" i="2" a="1"/>
  <c r="H6486" i="2" s="1"/>
  <c r="H6483" i="2" a="1"/>
  <c r="H6483" i="2" s="1"/>
  <c r="H6474" i="2" a="1"/>
  <c r="H6474" i="2" s="1"/>
  <c r="H6477" i="2" a="1"/>
  <c r="H6477" i="2" s="1"/>
  <c r="H6487" i="2" a="1"/>
  <c r="H6487" i="2" s="1"/>
  <c r="H6481" i="2" a="1"/>
  <c r="H6481" i="2" s="1"/>
  <c r="H6466" i="2" a="1"/>
  <c r="H6466" i="2" s="1"/>
  <c r="H6482" i="2" a="1"/>
  <c r="H6482" i="2" s="1"/>
  <c r="H6472" i="2" a="1"/>
  <c r="H6472" i="2" s="1"/>
  <c r="H6473" i="2" a="1"/>
  <c r="H6473" i="2" s="1"/>
  <c r="H6471" i="2" a="1"/>
  <c r="H6471" i="2" s="1"/>
  <c r="H6469" i="2" a="1"/>
  <c r="H6469" i="2" s="1"/>
  <c r="H6475" i="2" a="1"/>
  <c r="H6475" i="2" s="1"/>
  <c r="H6478" i="2" a="1"/>
  <c r="H6478" i="2" s="1"/>
  <c r="H6485" i="2" a="1"/>
  <c r="H6485" i="2" s="1"/>
  <c r="H6489" i="2" a="1"/>
  <c r="H6489" i="2" s="1"/>
  <c r="H6468" i="2" a="1"/>
  <c r="H6468" i="2" s="1"/>
  <c r="H6488" i="2" a="1"/>
  <c r="H6488" i="2" s="1"/>
  <c r="H6470" i="2" a="1"/>
  <c r="H6470" i="2" s="1"/>
  <c r="E1811" i="2" a="1"/>
  <c r="E1811" i="2" s="1"/>
  <c r="E1822" i="2" a="1"/>
  <c r="E1822" i="2" s="1"/>
  <c r="E1818" i="2" a="1"/>
  <c r="E1818" i="2" s="1"/>
  <c r="E1820" i="2" a="1"/>
  <c r="E1820" i="2" s="1"/>
  <c r="E1830" i="2" a="1"/>
  <c r="E1830" i="2" s="1"/>
  <c r="E1815" i="2" a="1"/>
  <c r="E1815" i="2" s="1"/>
  <c r="E1831" i="2" a="1"/>
  <c r="E1831" i="2" s="1"/>
  <c r="E1816" i="2" a="1"/>
  <c r="E1816" i="2" s="1"/>
  <c r="E1817" i="2" a="1"/>
  <c r="E1817" i="2" s="1"/>
  <c r="E1821" i="2" a="1"/>
  <c r="E1821" i="2" s="1"/>
  <c r="E1819" i="2" a="1"/>
  <c r="E1819" i="2" s="1"/>
  <c r="E1829" i="2" a="1"/>
  <c r="E1829" i="2" s="1"/>
  <c r="E1812" i="2" a="1"/>
  <c r="E1812" i="2" s="1"/>
  <c r="E1825" i="2" a="1"/>
  <c r="E1825" i="2" s="1"/>
  <c r="E1814" i="2" a="1"/>
  <c r="E1814" i="2" s="1"/>
  <c r="E1828" i="2" a="1"/>
  <c r="E1828" i="2" s="1"/>
  <c r="E1823" i="2" a="1"/>
  <c r="E1823" i="2" s="1"/>
  <c r="E1824" i="2" a="1"/>
  <c r="E1824" i="2" s="1"/>
  <c r="E1833" i="2" a="1"/>
  <c r="E1833" i="2" s="1"/>
  <c r="E1813" i="2" a="1"/>
  <c r="E1813" i="2" s="1"/>
  <c r="E1810" i="2" a="1"/>
  <c r="E1810" i="2" s="1"/>
  <c r="E1826" i="2" a="1"/>
  <c r="E1826" i="2" s="1"/>
  <c r="E1827" i="2" a="1"/>
  <c r="E1827" i="2" s="1"/>
  <c r="E1832" i="2" a="1"/>
  <c r="E1832" i="2" s="1"/>
  <c r="H7764" i="2" a="1"/>
  <c r="H7764" i="2" s="1"/>
  <c r="H7776" i="2" a="1"/>
  <c r="H7776" i="2" s="1"/>
  <c r="H7771" i="2" a="1"/>
  <c r="H7771" i="2" s="1"/>
  <c r="H7765" i="2" a="1"/>
  <c r="H7765" i="2" s="1"/>
  <c r="H7763" i="2" a="1"/>
  <c r="H7763" i="2" s="1"/>
  <c r="H7777" i="2" a="1"/>
  <c r="H7777" i="2" s="1"/>
  <c r="H7779" i="2" a="1"/>
  <c r="H7779" i="2" s="1"/>
  <c r="H7768" i="2" a="1"/>
  <c r="H7768" i="2" s="1"/>
  <c r="H7778" i="2" a="1"/>
  <c r="H7778" i="2" s="1"/>
  <c r="H7766" i="2" a="1"/>
  <c r="H7766" i="2" s="1"/>
  <c r="H7769" i="2" a="1"/>
  <c r="H7769" i="2" s="1"/>
  <c r="H7784" i="2" a="1"/>
  <c r="H7784" i="2" s="1"/>
  <c r="H7783" i="2" a="1"/>
  <c r="H7783" i="2" s="1"/>
  <c r="H7773" i="2" a="1"/>
  <c r="H7773" i="2" s="1"/>
  <c r="H7785" i="2" a="1"/>
  <c r="H7785" i="2" s="1"/>
  <c r="H7774" i="2" a="1"/>
  <c r="H7774" i="2" s="1"/>
  <c r="H7780" i="2" a="1"/>
  <c r="H7780" i="2" s="1"/>
  <c r="H7762" i="2" a="1"/>
  <c r="H7762" i="2" s="1"/>
  <c r="H7781" i="2" a="1"/>
  <c r="H7781" i="2" s="1"/>
  <c r="H7772" i="2" a="1"/>
  <c r="H7772" i="2" s="1"/>
  <c r="H7775" i="2" a="1"/>
  <c r="H7775" i="2" s="1"/>
  <c r="H7782" i="2" a="1"/>
  <c r="H7782" i="2" s="1"/>
  <c r="H7770" i="2" a="1"/>
  <c r="H7770" i="2" s="1"/>
  <c r="H7767" i="2" a="1"/>
  <c r="H7767" i="2" s="1"/>
  <c r="G3106" i="2" a="1"/>
  <c r="G3106" i="2" s="1"/>
  <c r="G3128" i="2" a="1"/>
  <c r="G3128" i="2" s="1"/>
  <c r="G3107" i="2" a="1"/>
  <c r="G3107" i="2" s="1"/>
  <c r="G3109" i="2" a="1"/>
  <c r="G3109" i="2" s="1"/>
  <c r="G3113" i="2" a="1"/>
  <c r="G3113" i="2" s="1"/>
  <c r="G3112" i="2" a="1"/>
  <c r="G3112" i="2" s="1"/>
  <c r="G3116" i="2" a="1"/>
  <c r="G3116" i="2" s="1"/>
  <c r="G3120" i="2" a="1"/>
  <c r="G3120" i="2" s="1"/>
  <c r="G3117" i="2" a="1"/>
  <c r="G3117" i="2" s="1"/>
  <c r="G3122" i="2" a="1"/>
  <c r="G3122" i="2" s="1"/>
  <c r="E6949" i="2" a="1"/>
  <c r="E6949" i="2" s="1"/>
  <c r="E6968" i="2" a="1"/>
  <c r="E6968" i="2" s="1"/>
  <c r="E6950" i="2" a="1"/>
  <c r="E6950" i="2" s="1"/>
  <c r="E6964" i="2" a="1"/>
  <c r="E6964" i="2" s="1"/>
  <c r="E6952" i="2" a="1"/>
  <c r="E6952" i="2" s="1"/>
  <c r="E6954" i="2" a="1"/>
  <c r="E6954" i="2" s="1"/>
  <c r="E6958" i="2" a="1"/>
  <c r="E6958" i="2" s="1"/>
  <c r="E6961" i="2" a="1"/>
  <c r="E6961" i="2" s="1"/>
  <c r="E6967" i="2" a="1"/>
  <c r="E6967" i="2" s="1"/>
  <c r="E6946" i="2" a="1"/>
  <c r="E6946" i="2" s="1"/>
  <c r="E6962" i="2" a="1"/>
  <c r="E6962" i="2" s="1"/>
  <c r="E6956" i="2" a="1"/>
  <c r="E6956" i="2" s="1"/>
  <c r="E6947" i="2" a="1"/>
  <c r="E6947" i="2" s="1"/>
  <c r="E6953" i="2" a="1"/>
  <c r="E6953" i="2" s="1"/>
  <c r="E6957" i="2" a="1"/>
  <c r="E6957" i="2" s="1"/>
  <c r="E6969" i="2" a="1"/>
  <c r="E6969" i="2" s="1"/>
  <c r="E6955" i="2" a="1"/>
  <c r="E6955" i="2" s="1"/>
  <c r="E6959" i="2" a="1"/>
  <c r="E6959" i="2" s="1"/>
  <c r="E6948" i="2" a="1"/>
  <c r="E6948" i="2" s="1"/>
  <c r="E6951" i="2" a="1"/>
  <c r="E6951" i="2" s="1"/>
  <c r="E6960" i="2" a="1"/>
  <c r="E6960" i="2" s="1"/>
  <c r="E6966" i="2" a="1"/>
  <c r="E6966" i="2" s="1"/>
  <c r="E6963" i="2" a="1"/>
  <c r="E6963" i="2" s="1"/>
  <c r="E6965" i="2" a="1"/>
  <c r="E6965" i="2" s="1"/>
  <c r="E4496" i="2" a="1"/>
  <c r="E4496" i="2" s="1"/>
  <c r="E4489" i="2" a="1"/>
  <c r="E4489" i="2" s="1"/>
  <c r="E4492" i="2" a="1"/>
  <c r="E4492" i="2" s="1"/>
  <c r="E4478" i="2" a="1"/>
  <c r="E4478" i="2" s="1"/>
  <c r="E4483" i="2" a="1"/>
  <c r="E4483" i="2" s="1"/>
  <c r="E4479" i="2" a="1"/>
  <c r="E4479" i="2" s="1"/>
  <c r="E4490" i="2" a="1"/>
  <c r="E4490" i="2" s="1"/>
  <c r="E4481" i="2" a="1"/>
  <c r="E4481" i="2" s="1"/>
  <c r="E4495" i="2" a="1"/>
  <c r="E4495" i="2" s="1"/>
  <c r="E4487" i="2" a="1"/>
  <c r="E4487" i="2" s="1"/>
  <c r="E4484" i="2" a="1"/>
  <c r="E4484" i="2" s="1"/>
  <c r="E4497" i="2" a="1"/>
  <c r="E4497" i="2" s="1"/>
  <c r="E4486" i="2" a="1"/>
  <c r="E4486" i="2" s="1"/>
  <c r="E4480" i="2" a="1"/>
  <c r="E4480" i="2" s="1"/>
  <c r="E4482" i="2" a="1"/>
  <c r="E4482" i="2" s="1"/>
  <c r="E4494" i="2" a="1"/>
  <c r="E4494" i="2" s="1"/>
  <c r="E4491" i="2" a="1"/>
  <c r="E4491" i="2" s="1"/>
  <c r="E4474" i="2" a="1"/>
  <c r="E4474" i="2" s="1"/>
  <c r="E4475" i="2" a="1"/>
  <c r="E4475" i="2" s="1"/>
  <c r="E4476" i="2" a="1"/>
  <c r="E4476" i="2" s="1"/>
  <c r="E4485" i="2" a="1"/>
  <c r="E4485" i="2" s="1"/>
  <c r="E4488" i="2" a="1"/>
  <c r="E4488" i="2" s="1"/>
  <c r="E4493" i="2" a="1"/>
  <c r="E4493" i="2" s="1"/>
  <c r="E4477" i="2" a="1"/>
  <c r="E4477" i="2" s="1"/>
  <c r="H1593" i="2" a="1"/>
  <c r="H1593" i="2" s="1"/>
  <c r="H1574" i="2" a="1"/>
  <c r="H1574" i="2" s="1"/>
  <c r="H1581" i="2" a="1"/>
  <c r="H1581" i="2" s="1"/>
  <c r="H1576" i="2" a="1"/>
  <c r="H1576" i="2" s="1"/>
  <c r="H1573" i="2" a="1"/>
  <c r="H1573" i="2" s="1"/>
  <c r="H1582" i="2" a="1"/>
  <c r="H1582" i="2" s="1"/>
  <c r="H1592" i="2" a="1"/>
  <c r="H1592" i="2" s="1"/>
  <c r="H1588" i="2" a="1"/>
  <c r="H1588" i="2" s="1"/>
  <c r="H1587" i="2" a="1"/>
  <c r="H1587" i="2" s="1"/>
  <c r="H1570" i="2" a="1"/>
  <c r="H1570" i="2" s="1"/>
  <c r="H1591" i="2" a="1"/>
  <c r="H1591" i="2" s="1"/>
  <c r="H1572" i="2" a="1"/>
  <c r="H1572" i="2" s="1"/>
  <c r="H1590" i="2" a="1"/>
  <c r="H1590" i="2" s="1"/>
  <c r="H1589" i="2" a="1"/>
  <c r="H1589" i="2" s="1"/>
  <c r="H1575" i="2" a="1"/>
  <c r="H1575" i="2" s="1"/>
  <c r="H1577" i="2" a="1"/>
  <c r="H1577" i="2" s="1"/>
  <c r="H1571" i="2" a="1"/>
  <c r="H1571" i="2" s="1"/>
  <c r="H1585" i="2" a="1"/>
  <c r="H1585" i="2" s="1"/>
  <c r="H1586" i="2" a="1"/>
  <c r="H1586" i="2" s="1"/>
  <c r="H1579" i="2" a="1"/>
  <c r="H1579" i="2" s="1"/>
  <c r="H1578" i="2" a="1"/>
  <c r="H1578" i="2" s="1"/>
  <c r="H1580" i="2" a="1"/>
  <c r="H1580" i="2" s="1"/>
  <c r="H1583" i="2" a="1"/>
  <c r="H1583" i="2" s="1"/>
  <c r="H1584" i="2" a="1"/>
  <c r="H1584" i="2" s="1"/>
  <c r="F7392" i="2" a="1"/>
  <c r="F7392" i="2" s="1"/>
  <c r="F7382" i="2" a="1"/>
  <c r="F7382" i="2" s="1"/>
  <c r="F7384" i="2" a="1"/>
  <c r="F7384" i="2" s="1"/>
  <c r="F7393" i="2" a="1"/>
  <c r="F7393" i="2" s="1"/>
  <c r="F7396" i="2" a="1"/>
  <c r="F7396" i="2" s="1"/>
  <c r="F7398" i="2" a="1"/>
  <c r="F7398" i="2" s="1"/>
  <c r="F7383" i="2" a="1"/>
  <c r="F7383" i="2" s="1"/>
  <c r="F7387" i="2" a="1"/>
  <c r="F7387" i="2" s="1"/>
  <c r="F7389" i="2" a="1"/>
  <c r="F7389" i="2" s="1"/>
  <c r="F7388" i="2" a="1"/>
  <c r="F7388" i="2" s="1"/>
  <c r="F7391" i="2" a="1"/>
  <c r="F7391" i="2" s="1"/>
  <c r="F7400" i="2" a="1"/>
  <c r="F7400" i="2" s="1"/>
  <c r="F7386" i="2" a="1"/>
  <c r="F7386" i="2" s="1"/>
  <c r="F7378" i="2" a="1"/>
  <c r="F7378" i="2" s="1"/>
  <c r="F7381" i="2" a="1"/>
  <c r="F7381" i="2" s="1"/>
  <c r="F7385" i="2" a="1"/>
  <c r="F7385" i="2" s="1"/>
  <c r="F7397" i="2" a="1"/>
  <c r="F7397" i="2" s="1"/>
  <c r="F7399" i="2" a="1"/>
  <c r="F7399" i="2" s="1"/>
  <c r="F7395" i="2" a="1"/>
  <c r="F7395" i="2" s="1"/>
  <c r="F7401" i="2" a="1"/>
  <c r="F7401" i="2" s="1"/>
  <c r="F7379" i="2" a="1"/>
  <c r="F7379" i="2" s="1"/>
  <c r="F7390" i="2" a="1"/>
  <c r="F7390" i="2" s="1"/>
  <c r="F7380" i="2" a="1"/>
  <c r="F7380" i="2" s="1"/>
  <c r="F7394" i="2" a="1"/>
  <c r="F7394" i="2" s="1"/>
  <c r="E4031" i="2" a="1"/>
  <c r="E4031" i="2" s="1"/>
  <c r="E4022" i="2" a="1"/>
  <c r="E4022" i="2" s="1"/>
  <c r="E4032" i="2" a="1"/>
  <c r="E4032" i="2" s="1"/>
  <c r="E4033" i="2" a="1"/>
  <c r="E4033" i="2" s="1"/>
  <c r="E4034" i="2" a="1"/>
  <c r="E4034" i="2" s="1"/>
  <c r="E4038" i="2" a="1"/>
  <c r="E4038" i="2" s="1"/>
  <c r="E4018" i="2" a="1"/>
  <c r="E4018" i="2" s="1"/>
  <c r="E4035" i="2" a="1"/>
  <c r="E4035" i="2" s="1"/>
  <c r="E4027" i="2" a="1"/>
  <c r="E4027" i="2" s="1"/>
  <c r="E4039" i="2" a="1"/>
  <c r="E4039" i="2" s="1"/>
  <c r="E4026" i="2" a="1"/>
  <c r="E4026" i="2" s="1"/>
  <c r="E4040" i="2" a="1"/>
  <c r="E4040" i="2" s="1"/>
  <c r="E4028" i="2" a="1"/>
  <c r="E4028" i="2" s="1"/>
  <c r="E4020" i="2" a="1"/>
  <c r="E4020" i="2" s="1"/>
  <c r="E4041" i="2" a="1"/>
  <c r="E4041" i="2" s="1"/>
  <c r="E4029" i="2" a="1"/>
  <c r="E4029" i="2" s="1"/>
  <c r="E4021" i="2" a="1"/>
  <c r="E4021" i="2" s="1"/>
  <c r="E4030" i="2" a="1"/>
  <c r="E4030" i="2" s="1"/>
  <c r="G1525" i="2" a="1"/>
  <c r="G1525" i="2" s="1"/>
  <c r="G1537" i="2" a="1"/>
  <c r="G1537" i="2" s="1"/>
  <c r="G1535" i="2" a="1"/>
  <c r="G1535" i="2" s="1"/>
  <c r="G1528" i="2" a="1"/>
  <c r="G1528" i="2" s="1"/>
  <c r="G1538" i="2" a="1"/>
  <c r="G1538" i="2" s="1"/>
  <c r="G1527" i="2" a="1"/>
  <c r="G1527" i="2" s="1"/>
  <c r="G1542" i="2" a="1"/>
  <c r="G1542" i="2" s="1"/>
  <c r="G1536" i="2" a="1"/>
  <c r="G1536" i="2" s="1"/>
  <c r="G1532" i="2" a="1"/>
  <c r="G1532" i="2" s="1"/>
  <c r="G1524" i="2" a="1"/>
  <c r="G1524" i="2" s="1"/>
  <c r="G1545" i="2" a="1"/>
  <c r="G1545" i="2" s="1"/>
  <c r="G1522" i="2" a="1"/>
  <c r="G1522" i="2" s="1"/>
  <c r="G1543" i="2" a="1"/>
  <c r="G1543" i="2" s="1"/>
  <c r="G1534" i="2" a="1"/>
  <c r="G1534" i="2" s="1"/>
  <c r="G1544" i="2" a="1"/>
  <c r="G1544" i="2" s="1"/>
  <c r="G1533" i="2" a="1"/>
  <c r="G1533" i="2" s="1"/>
  <c r="G1526" i="2" a="1"/>
  <c r="G1526" i="2" s="1"/>
  <c r="G1531" i="2" a="1"/>
  <c r="G1531" i="2" s="1"/>
  <c r="G1529" i="2" a="1"/>
  <c r="G1529" i="2" s="1"/>
  <c r="G1530" i="2" a="1"/>
  <c r="G1530" i="2" s="1"/>
  <c r="G1523" i="2" a="1"/>
  <c r="G1523" i="2" s="1"/>
  <c r="G1539" i="2" a="1"/>
  <c r="G1539" i="2" s="1"/>
  <c r="G1540" i="2" a="1"/>
  <c r="G1540" i="2" s="1"/>
  <c r="G1541" i="2" a="1"/>
  <c r="G1541" i="2" s="1"/>
  <c r="F3704" i="2" a="1"/>
  <c r="F3704" i="2" s="1"/>
  <c r="F3690" i="2" a="1"/>
  <c r="F3690" i="2" s="1"/>
  <c r="F3693" i="2" a="1"/>
  <c r="F3693" i="2" s="1"/>
  <c r="F3697" i="2" a="1"/>
  <c r="F3697" i="2" s="1"/>
  <c r="F3687" i="2" a="1"/>
  <c r="F3687" i="2" s="1"/>
  <c r="F3682" i="2" a="1"/>
  <c r="F3682" i="2" s="1"/>
  <c r="F3683" i="2" a="1"/>
  <c r="F3683" i="2" s="1"/>
  <c r="F3694" i="2" a="1"/>
  <c r="F3694" i="2" s="1"/>
  <c r="F3703" i="2" a="1"/>
  <c r="F3703" i="2" s="1"/>
  <c r="F3695" i="2" a="1"/>
  <c r="F3695" i="2" s="1"/>
  <c r="F3698" i="2" a="1"/>
  <c r="F3698" i="2" s="1"/>
  <c r="F3696" i="2" a="1"/>
  <c r="F3696" i="2" s="1"/>
  <c r="F3699" i="2" a="1"/>
  <c r="F3699" i="2" s="1"/>
  <c r="F3685" i="2" a="1"/>
  <c r="F3685" i="2" s="1"/>
  <c r="F3701" i="2" a="1"/>
  <c r="F3701" i="2" s="1"/>
  <c r="F3705" i="2" a="1"/>
  <c r="F3705" i="2" s="1"/>
  <c r="F3700" i="2" a="1"/>
  <c r="F3700" i="2" s="1"/>
  <c r="F3684" i="2" a="1"/>
  <c r="F3684" i="2" s="1"/>
  <c r="F3686" i="2" a="1"/>
  <c r="F3686" i="2" s="1"/>
  <c r="F3688" i="2" a="1"/>
  <c r="F3688" i="2" s="1"/>
  <c r="F3691" i="2" a="1"/>
  <c r="F3691" i="2" s="1"/>
  <c r="F3692" i="2" a="1"/>
  <c r="F3692" i="2" s="1"/>
  <c r="F3689" i="2" a="1"/>
  <c r="F3689" i="2" s="1"/>
  <c r="F3702" i="2" a="1"/>
  <c r="F3702" i="2" s="1"/>
  <c r="D7232" i="2" a="1"/>
  <c r="D7232" i="2" s="1"/>
  <c r="D7211" i="2" a="1"/>
  <c r="D7211" i="2" s="1"/>
  <c r="D7222" i="2" a="1"/>
  <c r="D7222" i="2" s="1"/>
  <c r="D7229" i="2" a="1"/>
  <c r="D7229" i="2" s="1"/>
  <c r="D7230" i="2" a="1"/>
  <c r="D7230" i="2" s="1"/>
  <c r="D7216" i="2" a="1"/>
  <c r="D7216" i="2" s="1"/>
  <c r="D7215" i="2" a="1"/>
  <c r="D7215" i="2" s="1"/>
  <c r="D7225" i="2" a="1"/>
  <c r="D7225" i="2" s="1"/>
  <c r="D7224" i="2" a="1"/>
  <c r="D7224" i="2" s="1"/>
  <c r="D7233" i="2" a="1"/>
  <c r="D7233" i="2" s="1"/>
  <c r="D7212" i="2" a="1"/>
  <c r="D7212" i="2" s="1"/>
  <c r="D7220" i="2" a="1"/>
  <c r="D7220" i="2" s="1"/>
  <c r="D7213" i="2" a="1"/>
  <c r="D7213" i="2" s="1"/>
  <c r="D7218" i="2" a="1"/>
  <c r="D7218" i="2" s="1"/>
  <c r="D7214" i="2" a="1"/>
  <c r="D7214" i="2" s="1"/>
  <c r="D7219" i="2" a="1"/>
  <c r="D7219" i="2" s="1"/>
  <c r="D7221" i="2" a="1"/>
  <c r="D7221" i="2" s="1"/>
  <c r="D7223" i="2" a="1"/>
  <c r="D7223" i="2" s="1"/>
  <c r="D7210" i="2" a="1"/>
  <c r="D7210" i="2" s="1"/>
  <c r="D7226" i="2" a="1"/>
  <c r="D7226" i="2" s="1"/>
  <c r="D7227" i="2" a="1"/>
  <c r="D7227" i="2" s="1"/>
  <c r="D7231" i="2" a="1"/>
  <c r="D7231" i="2" s="1"/>
  <c r="D7217" i="2" a="1"/>
  <c r="D7217" i="2" s="1"/>
  <c r="D7228" i="2" a="1"/>
  <c r="D7228" i="2" s="1"/>
  <c r="F8057" i="2" a="1"/>
  <c r="F8057" i="2" s="1"/>
  <c r="F8068" i="2" a="1"/>
  <c r="F8068" i="2" s="1"/>
  <c r="F8053" i="2" a="1"/>
  <c r="F8053" i="2" s="1"/>
  <c r="F8058" i="2" a="1"/>
  <c r="F8058" i="2" s="1"/>
  <c r="F8064" i="2" a="1"/>
  <c r="F8064" i="2" s="1"/>
  <c r="F8067" i="2" a="1"/>
  <c r="F8067" i="2" s="1"/>
  <c r="F8051" i="2" a="1"/>
  <c r="F8051" i="2" s="1"/>
  <c r="F8054" i="2" a="1"/>
  <c r="F8054" i="2" s="1"/>
  <c r="F8060" i="2" a="1"/>
  <c r="F8060" i="2" s="1"/>
  <c r="F8070" i="2" a="1"/>
  <c r="F8070" i="2" s="1"/>
  <c r="F8063" i="2" a="1"/>
  <c r="F8063" i="2" s="1"/>
  <c r="F8052" i="2" a="1"/>
  <c r="F8052" i="2" s="1"/>
  <c r="F8065" i="2" a="1"/>
  <c r="F8065" i="2" s="1"/>
  <c r="F8056" i="2" a="1"/>
  <c r="F8056" i="2" s="1"/>
  <c r="F8055" i="2" a="1"/>
  <c r="F8055" i="2" s="1"/>
  <c r="F8059" i="2" a="1"/>
  <c r="F8059" i="2" s="1"/>
  <c r="F8061" i="2" a="1"/>
  <c r="F8061" i="2" s="1"/>
  <c r="F8062" i="2" a="1"/>
  <c r="F8062" i="2" s="1"/>
  <c r="F8066" i="2" a="1"/>
  <c r="F8066" i="2" s="1"/>
  <c r="F8069" i="2" a="1"/>
  <c r="F8069" i="2" s="1"/>
  <c r="F8072" i="2" a="1"/>
  <c r="F8072" i="2" s="1"/>
  <c r="F8073" i="2" a="1"/>
  <c r="F8073" i="2" s="1"/>
  <c r="F8050" i="2" a="1"/>
  <c r="F8050" i="2" s="1"/>
  <c r="F8071" i="2" a="1"/>
  <c r="F8071" i="2" s="1"/>
  <c r="G5198" i="2" a="1"/>
  <c r="G5198" i="2" s="1"/>
  <c r="G5210" i="2" a="1"/>
  <c r="G5210" i="2" s="1"/>
  <c r="G5208" i="2" a="1"/>
  <c r="G5208" i="2" s="1"/>
  <c r="G5200" i="2" a="1"/>
  <c r="G5200" i="2" s="1"/>
  <c r="G5206" i="2" a="1"/>
  <c r="G5206" i="2" s="1"/>
  <c r="G5203" i="2" a="1"/>
  <c r="G5203" i="2" s="1"/>
  <c r="G5213" i="2" a="1"/>
  <c r="G5213" i="2" s="1"/>
  <c r="G5202" i="2" a="1"/>
  <c r="G5202" i="2" s="1"/>
  <c r="G5204" i="2" a="1"/>
  <c r="G5204" i="2" s="1"/>
  <c r="G5209" i="2" a="1"/>
  <c r="G5209" i="2" s="1"/>
  <c r="G5195" i="2" a="1"/>
  <c r="G5195" i="2" s="1"/>
  <c r="G5211" i="2" a="1"/>
  <c r="G5211" i="2" s="1"/>
  <c r="G5205" i="2" a="1"/>
  <c r="G5205" i="2" s="1"/>
  <c r="G5196" i="2" a="1"/>
  <c r="G5196" i="2" s="1"/>
  <c r="G5215" i="2" a="1"/>
  <c r="G5215" i="2" s="1"/>
  <c r="G5197" i="2" a="1"/>
  <c r="G5197" i="2" s="1"/>
  <c r="G5201" i="2" a="1"/>
  <c r="G5201" i="2" s="1"/>
  <c r="G5212" i="2" a="1"/>
  <c r="G5212" i="2" s="1"/>
  <c r="G5207" i="2" a="1"/>
  <c r="G5207" i="2" s="1"/>
  <c r="G5216" i="2" a="1"/>
  <c r="G5216" i="2" s="1"/>
  <c r="G5194" i="2" a="1"/>
  <c r="G5194" i="2" s="1"/>
  <c r="G5217" i="2" a="1"/>
  <c r="G5217" i="2" s="1"/>
  <c r="G5214" i="2" a="1"/>
  <c r="G5214" i="2" s="1"/>
  <c r="G5199" i="2" a="1"/>
  <c r="G5199" i="2" s="1"/>
  <c r="D2854" i="2" a="1"/>
  <c r="D2854" i="2" s="1"/>
  <c r="D2845" i="2" a="1"/>
  <c r="D2845" i="2" s="1"/>
  <c r="D2861" i="2" a="1"/>
  <c r="D2861" i="2" s="1"/>
  <c r="D2855" i="2" a="1"/>
  <c r="D2855" i="2" s="1"/>
  <c r="H7891" i="2" a="1"/>
  <c r="H7891" i="2" s="1"/>
  <c r="H7888" i="2" a="1"/>
  <c r="H7888" i="2" s="1"/>
  <c r="H7893" i="2" a="1"/>
  <c r="H7893" i="2" s="1"/>
  <c r="H7890" i="2" a="1"/>
  <c r="H7890" i="2" s="1"/>
  <c r="H7897" i="2" a="1"/>
  <c r="H7897" i="2" s="1"/>
  <c r="H7902" i="2" a="1"/>
  <c r="H7902" i="2" s="1"/>
  <c r="H7889" i="2" a="1"/>
  <c r="H7889" i="2" s="1"/>
  <c r="H7904" i="2" a="1"/>
  <c r="H7904" i="2" s="1"/>
  <c r="H7900" i="2" a="1"/>
  <c r="H7900" i="2" s="1"/>
  <c r="H7892" i="2" a="1"/>
  <c r="H7892" i="2" s="1"/>
  <c r="H7899" i="2" a="1"/>
  <c r="H7899" i="2" s="1"/>
  <c r="H7882" i="2" a="1"/>
  <c r="H7882" i="2" s="1"/>
  <c r="H7896" i="2" a="1"/>
  <c r="H7896" i="2" s="1"/>
  <c r="H7903" i="2" a="1"/>
  <c r="H7903" i="2" s="1"/>
  <c r="H7884" i="2" a="1"/>
  <c r="H7884" i="2" s="1"/>
  <c r="H7886" i="2" a="1"/>
  <c r="H7886" i="2" s="1"/>
  <c r="H7905" i="2" a="1"/>
  <c r="H7905" i="2" s="1"/>
  <c r="H7887" i="2" a="1"/>
  <c r="H7887" i="2" s="1"/>
  <c r="H7894" i="2" a="1"/>
  <c r="H7894" i="2" s="1"/>
  <c r="H7901" i="2" a="1"/>
  <c r="H7901" i="2" s="1"/>
  <c r="H7883" i="2" a="1"/>
  <c r="H7883" i="2" s="1"/>
  <c r="H7885" i="2" a="1"/>
  <c r="H7885" i="2" s="1"/>
  <c r="H7898" i="2" a="1"/>
  <c r="H7898" i="2" s="1"/>
  <c r="H7895" i="2" a="1"/>
  <c r="H7895" i="2" s="1"/>
  <c r="D6227" i="2" a="1"/>
  <c r="D6227" i="2" s="1"/>
  <c r="D6239" i="2" a="1"/>
  <c r="D6239" i="2" s="1"/>
  <c r="D6248" i="2" a="1"/>
  <c r="D6248" i="2" s="1"/>
  <c r="D6245" i="2" a="1"/>
  <c r="D6245" i="2" s="1"/>
  <c r="D6243" i="2" a="1"/>
  <c r="D6243" i="2" s="1"/>
  <c r="D6230" i="2" a="1"/>
  <c r="D6230" i="2" s="1"/>
  <c r="D6228" i="2" a="1"/>
  <c r="D6228" i="2" s="1"/>
  <c r="D6226" i="2" a="1"/>
  <c r="D6226" i="2" s="1"/>
  <c r="D6244" i="2" a="1"/>
  <c r="D6244" i="2" s="1"/>
  <c r="D6236" i="2" a="1"/>
  <c r="D6236" i="2" s="1"/>
  <c r="D6246" i="2" a="1"/>
  <c r="D6246" i="2" s="1"/>
  <c r="D6234" i="2" a="1"/>
  <c r="D6234" i="2" s="1"/>
  <c r="D6247" i="2" a="1"/>
  <c r="D6247" i="2" s="1"/>
  <c r="D6249" i="2" a="1"/>
  <c r="D6249" i="2" s="1"/>
  <c r="D6232" i="2" a="1"/>
  <c r="D6232" i="2" s="1"/>
  <c r="D6233" i="2" a="1"/>
  <c r="D6233" i="2" s="1"/>
  <c r="D6235" i="2" a="1"/>
  <c r="D6235" i="2" s="1"/>
  <c r="D6229" i="2" a="1"/>
  <c r="D6229" i="2" s="1"/>
  <c r="D6237" i="2" a="1"/>
  <c r="D6237" i="2" s="1"/>
  <c r="D6238" i="2" a="1"/>
  <c r="D6238" i="2" s="1"/>
  <c r="D6231" i="2" a="1"/>
  <c r="D6231" i="2" s="1"/>
  <c r="D6240" i="2" a="1"/>
  <c r="D6240" i="2" s="1"/>
  <c r="D6242" i="2" a="1"/>
  <c r="D6242" i="2" s="1"/>
  <c r="D6241" i="2" a="1"/>
  <c r="D6241" i="2" s="1"/>
  <c r="D357" i="2" a="1"/>
  <c r="D357" i="2" s="1"/>
  <c r="D360" i="2" a="1"/>
  <c r="D360" i="2" s="1"/>
  <c r="D363" i="2" a="1"/>
  <c r="D363" i="2" s="1"/>
  <c r="D368" i="2" a="1"/>
  <c r="D368" i="2" s="1"/>
  <c r="D364" i="2" a="1"/>
  <c r="D364" i="2" s="1"/>
  <c r="D365" i="2" a="1"/>
  <c r="D365" i="2" s="1"/>
  <c r="D350" i="2" a="1"/>
  <c r="D350" i="2" s="1"/>
  <c r="D351" i="2" a="1"/>
  <c r="D351" i="2" s="1"/>
  <c r="D348" i="2" a="1"/>
  <c r="D348" i="2" s="1"/>
  <c r="D358" i="2" a="1"/>
  <c r="D358" i="2" s="1"/>
  <c r="D361" i="2" a="1"/>
  <c r="D361" i="2" s="1"/>
  <c r="D349" i="2" a="1"/>
  <c r="D349" i="2" s="1"/>
  <c r="D362" i="2" a="1"/>
  <c r="D362" i="2" s="1"/>
  <c r="D353" i="2" a="1"/>
  <c r="D353" i="2" s="1"/>
  <c r="D354" i="2" a="1"/>
  <c r="D354" i="2" s="1"/>
  <c r="D359" i="2" a="1"/>
  <c r="D359" i="2" s="1"/>
  <c r="D367" i="2" a="1"/>
  <c r="D367" i="2" s="1"/>
  <c r="D355" i="2" a="1"/>
  <c r="D355" i="2" s="1"/>
  <c r="D366" i="2" a="1"/>
  <c r="D366" i="2" s="1"/>
  <c r="D369" i="2" a="1"/>
  <c r="D369" i="2" s="1"/>
  <c r="D352" i="2" a="1"/>
  <c r="D352" i="2" s="1"/>
  <c r="D346" i="2" a="1"/>
  <c r="D346" i="2" s="1"/>
  <c r="D347" i="2" a="1"/>
  <c r="D347" i="2" s="1"/>
  <c r="D356" i="2" a="1"/>
  <c r="D356" i="2" s="1"/>
  <c r="D1361" i="2" a="1"/>
  <c r="D1361" i="2" s="1"/>
  <c r="D1364" i="2" a="1"/>
  <c r="D1364" i="2" s="1"/>
  <c r="D1373" i="2" a="1"/>
  <c r="D1373" i="2" s="1"/>
  <c r="D1367" i="2" a="1"/>
  <c r="D1367" i="2" s="1"/>
  <c r="D1365" i="2" a="1"/>
  <c r="D1365" i="2" s="1"/>
  <c r="D1377" i="2" a="1"/>
  <c r="D1377" i="2" s="1"/>
  <c r="D1366" i="2" a="1"/>
  <c r="D1366" i="2" s="1"/>
  <c r="D1376" i="2" a="1"/>
  <c r="D1376" i="2" s="1"/>
  <c r="D1370" i="2" a="1"/>
  <c r="D1370" i="2" s="1"/>
  <c r="D1374" i="2" a="1"/>
  <c r="D1374" i="2" s="1"/>
  <c r="D1369" i="2" a="1"/>
  <c r="D1369" i="2" s="1"/>
  <c r="D1359" i="2" a="1"/>
  <c r="D1359" i="2" s="1"/>
  <c r="D1371" i="2" a="1"/>
  <c r="D1371" i="2" s="1"/>
  <c r="D1354" i="2" a="1"/>
  <c r="D1354" i="2" s="1"/>
  <c r="D1356" i="2" a="1"/>
  <c r="D1356" i="2" s="1"/>
  <c r="D1355" i="2" a="1"/>
  <c r="D1355" i="2" s="1"/>
  <c r="D1372" i="2" a="1"/>
  <c r="D1372" i="2" s="1"/>
  <c r="D1360" i="2" a="1"/>
  <c r="D1360" i="2" s="1"/>
  <c r="D1363" i="2" a="1"/>
  <c r="D1363" i="2" s="1"/>
  <c r="D1358" i="2" a="1"/>
  <c r="D1358" i="2" s="1"/>
  <c r="D1375" i="2" a="1"/>
  <c r="D1375" i="2" s="1"/>
  <c r="D1357" i="2" a="1"/>
  <c r="D1357" i="2" s="1"/>
  <c r="D1362" i="2" a="1"/>
  <c r="D1362" i="2" s="1"/>
  <c r="D1368" i="2" a="1"/>
  <c r="D1368" i="2" s="1"/>
  <c r="G4384" i="2" a="1"/>
  <c r="G4384" i="2" s="1"/>
  <c r="G4381" i="2" a="1"/>
  <c r="G4381" i="2" s="1"/>
  <c r="G4391" i="2" a="1"/>
  <c r="G4391" i="2" s="1"/>
  <c r="G4385" i="2" a="1"/>
  <c r="G4385" i="2" s="1"/>
  <c r="G4396" i="2" a="1"/>
  <c r="G4396" i="2" s="1"/>
  <c r="G4392" i="2" a="1"/>
  <c r="G4392" i="2" s="1"/>
  <c r="G4393" i="2" a="1"/>
  <c r="G4393" i="2" s="1"/>
  <c r="G4398" i="2" a="1"/>
  <c r="G4398" i="2" s="1"/>
  <c r="G4399" i="2" a="1"/>
  <c r="G4399" i="2" s="1"/>
  <c r="G4387" i="2" a="1"/>
  <c r="G4387" i="2" s="1"/>
  <c r="G4395" i="2" a="1"/>
  <c r="G4395" i="2" s="1"/>
  <c r="G4389" i="2" a="1"/>
  <c r="G4389" i="2" s="1"/>
  <c r="G4390" i="2" a="1"/>
  <c r="G4390" i="2" s="1"/>
  <c r="G4401" i="2" a="1"/>
  <c r="G4401" i="2" s="1"/>
  <c r="G4379" i="2" a="1"/>
  <c r="G4379" i="2" s="1"/>
  <c r="G4386" i="2" a="1"/>
  <c r="G4386" i="2" s="1"/>
  <c r="G4378" i="2" a="1"/>
  <c r="G4378" i="2" s="1"/>
  <c r="G4394" i="2" a="1"/>
  <c r="G4394" i="2" s="1"/>
  <c r="G4380" i="2" a="1"/>
  <c r="G4380" i="2" s="1"/>
  <c r="G4400" i="2" a="1"/>
  <c r="G4400" i="2" s="1"/>
  <c r="G4382" i="2" a="1"/>
  <c r="G4382" i="2" s="1"/>
  <c r="G4397" i="2" a="1"/>
  <c r="G4397" i="2" s="1"/>
  <c r="G4383" i="2" a="1"/>
  <c r="G4383" i="2" s="1"/>
  <c r="G4388" i="2" a="1"/>
  <c r="G4388" i="2" s="1"/>
  <c r="F1342" i="2" a="1"/>
  <c r="F1342" i="2" s="1"/>
  <c r="F1332" i="2" a="1"/>
  <c r="F1332" i="2" s="1"/>
  <c r="D3532" i="2" a="1"/>
  <c r="D3532" i="2" s="1"/>
  <c r="G5725" i="2" a="1"/>
  <c r="G5725" i="2" s="1"/>
  <c r="G5736" i="2" a="1"/>
  <c r="G5736" i="2" s="1"/>
  <c r="G5731" i="2" a="1"/>
  <c r="G5731" i="2" s="1"/>
  <c r="G5737" i="2" a="1"/>
  <c r="G5737" i="2" s="1"/>
  <c r="G5739" i="2" a="1"/>
  <c r="G5739" i="2" s="1"/>
  <c r="G5742" i="2" a="1"/>
  <c r="G5742" i="2" s="1"/>
  <c r="G5743" i="2" a="1"/>
  <c r="G5743" i="2" s="1"/>
  <c r="G5726" i="2" a="1"/>
  <c r="G5726" i="2" s="1"/>
  <c r="G5723" i="2" a="1"/>
  <c r="G5723" i="2" s="1"/>
  <c r="G5745" i="2" a="1"/>
  <c r="G5745" i="2" s="1"/>
  <c r="G5729" i="2" a="1"/>
  <c r="G5729" i="2" s="1"/>
  <c r="G5738" i="2" a="1"/>
  <c r="G5738" i="2" s="1"/>
  <c r="G5722" i="2" a="1"/>
  <c r="G5722" i="2" s="1"/>
  <c r="G5730" i="2" a="1"/>
  <c r="G5730" i="2" s="1"/>
  <c r="G5733" i="2" a="1"/>
  <c r="G5733" i="2" s="1"/>
  <c r="G5740" i="2" a="1"/>
  <c r="G5740" i="2" s="1"/>
  <c r="G5741" i="2" a="1"/>
  <c r="G5741" i="2" s="1"/>
  <c r="G5734" i="2" a="1"/>
  <c r="G5734" i="2" s="1"/>
  <c r="G5732" i="2" a="1"/>
  <c r="G5732" i="2" s="1"/>
  <c r="G5724" i="2" a="1"/>
  <c r="G5724" i="2" s="1"/>
  <c r="G5744" i="2" a="1"/>
  <c r="G5744" i="2" s="1"/>
  <c r="G5728" i="2" a="1"/>
  <c r="G5728" i="2" s="1"/>
  <c r="G5727" i="2" a="1"/>
  <c r="G5727" i="2" s="1"/>
  <c r="G5735" i="2" a="1"/>
  <c r="G5735" i="2" s="1"/>
  <c r="H6555" i="2" a="1"/>
  <c r="H6555" i="2" s="1"/>
  <c r="H6557" i="2" a="1"/>
  <c r="H6557" i="2" s="1"/>
  <c r="H6556" i="2" a="1"/>
  <c r="H6556" i="2" s="1"/>
  <c r="H6538" i="2" a="1"/>
  <c r="H6538" i="2" s="1"/>
  <c r="H6558" i="2" a="1"/>
  <c r="H6558" i="2" s="1"/>
  <c r="H6545" i="2" a="1"/>
  <c r="H6545" i="2" s="1"/>
  <c r="H6553" i="2" a="1"/>
  <c r="H6553" i="2" s="1"/>
  <c r="H6539" i="2" a="1"/>
  <c r="H6539" i="2" s="1"/>
  <c r="H6541" i="2" a="1"/>
  <c r="H6541" i="2" s="1"/>
  <c r="H6560" i="2" a="1"/>
  <c r="H6560" i="2" s="1"/>
  <c r="H6561" i="2" a="1"/>
  <c r="H6561" i="2" s="1"/>
  <c r="H6549" i="2" a="1"/>
  <c r="H6549" i="2" s="1"/>
  <c r="H6551" i="2" a="1"/>
  <c r="H6551" i="2" s="1"/>
  <c r="H6550" i="2" a="1"/>
  <c r="H6550" i="2" s="1"/>
  <c r="H6552" i="2" a="1"/>
  <c r="H6552" i="2" s="1"/>
  <c r="H6544" i="2" a="1"/>
  <c r="H6544" i="2" s="1"/>
  <c r="H6546" i="2" a="1"/>
  <c r="H6546" i="2" s="1"/>
  <c r="H6554" i="2" a="1"/>
  <c r="H6554" i="2" s="1"/>
  <c r="H6542" i="2" a="1"/>
  <c r="H6542" i="2" s="1"/>
  <c r="E8246" i="2" a="1"/>
  <c r="E8246" i="2" s="1"/>
  <c r="E8257" i="2" a="1"/>
  <c r="E8257" i="2" s="1"/>
  <c r="E8250" i="2" a="1"/>
  <c r="E8250" i="2" s="1"/>
  <c r="E8261" i="2" a="1"/>
  <c r="E8261" i="2" s="1"/>
  <c r="E8252" i="2" a="1"/>
  <c r="E8252" i="2" s="1"/>
  <c r="E8254" i="2" a="1"/>
  <c r="E8254" i="2" s="1"/>
  <c r="E8242" i="2" a="1"/>
  <c r="E8242" i="2" s="1"/>
  <c r="E8253" i="2" a="1"/>
  <c r="E8253" i="2" s="1"/>
  <c r="E8263" i="2" a="1"/>
  <c r="E8263" i="2" s="1"/>
  <c r="E8243" i="2" a="1"/>
  <c r="E8243" i="2" s="1"/>
  <c r="E8260" i="2" a="1"/>
  <c r="E8260" i="2" s="1"/>
  <c r="E8247" i="2" a="1"/>
  <c r="E8247" i="2" s="1"/>
  <c r="E8264" i="2" a="1"/>
  <c r="E8264" i="2" s="1"/>
  <c r="E8265" i="2" a="1"/>
  <c r="E8265" i="2" s="1"/>
  <c r="E8248" i="2" a="1"/>
  <c r="E8248" i="2" s="1"/>
  <c r="E8256" i="2" a="1"/>
  <c r="E8256" i="2" s="1"/>
  <c r="E8249" i="2" a="1"/>
  <c r="E8249" i="2" s="1"/>
  <c r="E8262" i="2" a="1"/>
  <c r="E8262" i="2" s="1"/>
  <c r="E8244" i="2" a="1"/>
  <c r="E8244" i="2" s="1"/>
  <c r="E8251" i="2" a="1"/>
  <c r="E8251" i="2" s="1"/>
  <c r="E8258" i="2" a="1"/>
  <c r="E8258" i="2" s="1"/>
  <c r="E8245" i="2" a="1"/>
  <c r="E8245" i="2" s="1"/>
  <c r="E8259" i="2" a="1"/>
  <c r="E8259" i="2" s="1"/>
  <c r="E8255" i="2" a="1"/>
  <c r="E8255" i="2" s="1"/>
  <c r="H504" i="2" a="1"/>
  <c r="H504" i="2" s="1"/>
  <c r="H505" i="2" a="1"/>
  <c r="H505" i="2" s="1"/>
  <c r="H490" i="2" a="1"/>
  <c r="H490" i="2" s="1"/>
  <c r="H510" i="2" a="1"/>
  <c r="H510" i="2" s="1"/>
  <c r="H498" i="2" a="1"/>
  <c r="H498" i="2" s="1"/>
  <c r="H506" i="2" a="1"/>
  <c r="H506" i="2" s="1"/>
  <c r="H494" i="2" a="1"/>
  <c r="H494" i="2" s="1"/>
  <c r="H500" i="2" a="1"/>
  <c r="H500" i="2" s="1"/>
  <c r="H495" i="2" a="1"/>
  <c r="H495" i="2" s="1"/>
  <c r="H508" i="2" a="1"/>
  <c r="H508" i="2" s="1"/>
  <c r="H499" i="2" a="1"/>
  <c r="H499" i="2" s="1"/>
  <c r="H496" i="2" a="1"/>
  <c r="H496" i="2" s="1"/>
  <c r="H503" i="2" a="1"/>
  <c r="H503" i="2" s="1"/>
  <c r="H513" i="2" a="1"/>
  <c r="H513" i="2" s="1"/>
  <c r="H512" i="2" a="1"/>
  <c r="H512" i="2" s="1"/>
  <c r="H501" i="2" a="1"/>
  <c r="H501" i="2" s="1"/>
  <c r="H493" i="2" a="1"/>
  <c r="H493" i="2" s="1"/>
  <c r="H507" i="2" a="1"/>
  <c r="H507" i="2" s="1"/>
  <c r="H511" i="2" a="1"/>
  <c r="H511" i="2" s="1"/>
  <c r="H502" i="2" a="1"/>
  <c r="H502" i="2" s="1"/>
  <c r="H492" i="2" a="1"/>
  <c r="H492" i="2" s="1"/>
  <c r="H491" i="2" a="1"/>
  <c r="H491" i="2" s="1"/>
  <c r="H497" i="2" a="1"/>
  <c r="H497" i="2" s="1"/>
  <c r="H509" i="2" a="1"/>
  <c r="H509" i="2" s="1"/>
  <c r="F335" i="2" a="1"/>
  <c r="F335" i="2" s="1"/>
  <c r="F322" i="2" a="1"/>
  <c r="F322" i="2" s="1"/>
  <c r="F345" i="2" a="1"/>
  <c r="F345" i="2" s="1"/>
  <c r="F342" i="2" a="1"/>
  <c r="F342" i="2" s="1"/>
  <c r="F332" i="2" a="1"/>
  <c r="F332" i="2" s="1"/>
  <c r="F331" i="2" a="1"/>
  <c r="F331" i="2" s="1"/>
  <c r="F325" i="2" a="1"/>
  <c r="F325" i="2" s="1"/>
  <c r="F336" i="2" a="1"/>
  <c r="F336" i="2" s="1"/>
  <c r="F343" i="2" a="1"/>
  <c r="F343" i="2" s="1"/>
  <c r="F338" i="2" a="1"/>
  <c r="F338" i="2" s="1"/>
  <c r="F333" i="2" a="1"/>
  <c r="F333" i="2" s="1"/>
  <c r="F339" i="2" a="1"/>
  <c r="F339" i="2" s="1"/>
  <c r="F344" i="2" a="1"/>
  <c r="F344" i="2" s="1"/>
  <c r="F328" i="2" a="1"/>
  <c r="F328" i="2" s="1"/>
  <c r="F324" i="2" a="1"/>
  <c r="F324" i="2" s="1"/>
  <c r="F340" i="2" a="1"/>
  <c r="F340" i="2" s="1"/>
  <c r="F327" i="2" a="1"/>
  <c r="F327" i="2" s="1"/>
  <c r="F326" i="2" a="1"/>
  <c r="F326" i="2" s="1"/>
  <c r="F329" i="2" a="1"/>
  <c r="F329" i="2" s="1"/>
  <c r="F323" i="2" a="1"/>
  <c r="F323" i="2" s="1"/>
  <c r="F334" i="2" a="1"/>
  <c r="F334" i="2" s="1"/>
  <c r="F330" i="2" a="1"/>
  <c r="F330" i="2" s="1"/>
  <c r="F337" i="2" a="1"/>
  <c r="F337" i="2" s="1"/>
  <c r="F341" i="2" a="1"/>
  <c r="F341" i="2" s="1"/>
  <c r="E8433" i="2" a="1"/>
  <c r="E8433" i="2" s="1"/>
  <c r="E8418" i="2" a="1"/>
  <c r="E8418" i="2" s="1"/>
  <c r="E8414" i="2" a="1"/>
  <c r="E8414" i="2" s="1"/>
  <c r="E8420" i="2" a="1"/>
  <c r="E8420" i="2" s="1"/>
  <c r="E8410" i="2" a="1"/>
  <c r="E8410" i="2" s="1"/>
  <c r="E8428" i="2" a="1"/>
  <c r="E8428" i="2" s="1"/>
  <c r="E8431" i="2" a="1"/>
  <c r="E8431" i="2" s="1"/>
  <c r="E8427" i="2" a="1"/>
  <c r="E8427" i="2" s="1"/>
  <c r="E8423" i="2" a="1"/>
  <c r="E8423" i="2" s="1"/>
  <c r="E8432" i="2" a="1"/>
  <c r="E8432" i="2" s="1"/>
  <c r="E8415" i="2" a="1"/>
  <c r="E8415" i="2" s="1"/>
  <c r="E8416" i="2" a="1"/>
  <c r="E8416" i="2" s="1"/>
  <c r="E8412" i="2" a="1"/>
  <c r="E8412" i="2" s="1"/>
  <c r="E8422" i="2" a="1"/>
  <c r="E8422" i="2" s="1"/>
  <c r="E8417" i="2" a="1"/>
  <c r="E8417" i="2" s="1"/>
  <c r="E8413" i="2" a="1"/>
  <c r="E8413" i="2" s="1"/>
  <c r="E8421" i="2" a="1"/>
  <c r="E8421" i="2" s="1"/>
  <c r="E8425" i="2" a="1"/>
  <c r="E8425" i="2" s="1"/>
  <c r="E8429" i="2" a="1"/>
  <c r="E8429" i="2" s="1"/>
  <c r="E8424" i="2" a="1"/>
  <c r="E8424" i="2" s="1"/>
  <c r="E8411" i="2" a="1"/>
  <c r="E8411" i="2" s="1"/>
  <c r="E8430" i="2" a="1"/>
  <c r="E8430" i="2" s="1"/>
  <c r="E8419" i="2" a="1"/>
  <c r="E8419" i="2" s="1"/>
  <c r="E8426" i="2" a="1"/>
  <c r="E8426" i="2" s="1"/>
  <c r="D4283" i="2" a="1"/>
  <c r="D4283" i="2" s="1"/>
  <c r="D4287" i="2" a="1"/>
  <c r="D4287" i="2" s="1"/>
  <c r="D4295" i="2" a="1"/>
  <c r="D4295" i="2" s="1"/>
  <c r="D4299" i="2" a="1"/>
  <c r="D4299" i="2" s="1"/>
  <c r="D4303" i="2" a="1"/>
  <c r="D4303" i="2" s="1"/>
  <c r="D4288" i="2" a="1"/>
  <c r="D4288" i="2" s="1"/>
  <c r="D4282" i="2" a="1"/>
  <c r="D4282" i="2" s="1"/>
  <c r="D4286" i="2" a="1"/>
  <c r="D4286" i="2" s="1"/>
  <c r="D4298" i="2" a="1"/>
  <c r="D4298" i="2" s="1"/>
  <c r="D4302" i="2" a="1"/>
  <c r="D4302" i="2" s="1"/>
  <c r="D4291" i="2" a="1"/>
  <c r="D4291" i="2" s="1"/>
  <c r="D4294" i="2" a="1"/>
  <c r="D4294" i="2" s="1"/>
  <c r="D4285" i="2" a="1"/>
  <c r="D4285" i="2" s="1"/>
  <c r="D4293" i="2" a="1"/>
  <c r="D4293" i="2" s="1"/>
  <c r="D4297" i="2" a="1"/>
  <c r="D4297" i="2" s="1"/>
  <c r="D4301" i="2" a="1"/>
  <c r="D4301" i="2" s="1"/>
  <c r="D4305" i="2" a="1"/>
  <c r="D4305" i="2" s="1"/>
  <c r="D4290" i="2" a="1"/>
  <c r="D4290" i="2" s="1"/>
  <c r="D4284" i="2" a="1"/>
  <c r="D4284" i="2" s="1"/>
  <c r="D4292" i="2" a="1"/>
  <c r="D4292" i="2" s="1"/>
  <c r="D4296" i="2" a="1"/>
  <c r="D4296" i="2" s="1"/>
  <c r="D4300" i="2" a="1"/>
  <c r="D4300" i="2" s="1"/>
  <c r="D4304" i="2" a="1"/>
  <c r="D4304" i="2" s="1"/>
  <c r="D4289" i="2" a="1"/>
  <c r="D4289" i="2" s="1"/>
  <c r="H8535" i="2" a="1"/>
  <c r="H8535" i="2" s="1"/>
  <c r="H8531" i="2" a="1"/>
  <c r="H8531" i="2" s="1"/>
  <c r="H8550" i="2" a="1"/>
  <c r="H8550" i="2" s="1"/>
  <c r="H8542" i="2" a="1"/>
  <c r="H8542" i="2" s="1"/>
  <c r="H8532" i="2" a="1"/>
  <c r="H8532" i="2" s="1"/>
  <c r="H8536" i="2" a="1"/>
  <c r="H8536" i="2" s="1"/>
  <c r="H8530" i="2" a="1"/>
  <c r="H8530" i="2" s="1"/>
  <c r="H8537" i="2" a="1"/>
  <c r="H8537" i="2" s="1"/>
  <c r="H8543" i="2" a="1"/>
  <c r="H8543" i="2" s="1"/>
  <c r="H8538" i="2" a="1"/>
  <c r="H8538" i="2" s="1"/>
  <c r="H8541" i="2" a="1"/>
  <c r="H8541" i="2" s="1"/>
  <c r="H8539" i="2" a="1"/>
  <c r="H8539" i="2" s="1"/>
  <c r="H8544" i="2" a="1"/>
  <c r="H8544" i="2" s="1"/>
  <c r="H8547" i="2" a="1"/>
  <c r="H8547" i="2" s="1"/>
  <c r="H8545" i="2" a="1"/>
  <c r="H8545" i="2" s="1"/>
  <c r="H8548" i="2" a="1"/>
  <c r="H8548" i="2" s="1"/>
  <c r="H8533" i="2" a="1"/>
  <c r="H8533" i="2" s="1"/>
  <c r="H8540" i="2" a="1"/>
  <c r="H8540" i="2" s="1"/>
  <c r="H8546" i="2" a="1"/>
  <c r="H8546" i="2" s="1"/>
  <c r="F3169" i="2" a="1"/>
  <c r="F3169" i="2" s="1"/>
  <c r="F3161" i="2" a="1"/>
  <c r="F3161" i="2" s="1"/>
  <c r="F3171" i="2" a="1"/>
  <c r="F3171" i="2" s="1"/>
  <c r="F3168" i="2" a="1"/>
  <c r="F3168" i="2" s="1"/>
  <c r="F3175" i="2" a="1"/>
  <c r="F3175" i="2" s="1"/>
  <c r="F3164" i="2" a="1"/>
  <c r="F3164" i="2" s="1"/>
  <c r="F3167" i="2" a="1"/>
  <c r="F3167" i="2" s="1"/>
  <c r="F3172" i="2" a="1"/>
  <c r="F3172" i="2" s="1"/>
  <c r="F3170" i="2" a="1"/>
  <c r="F3170" i="2" s="1"/>
  <c r="F3177" i="2" a="1"/>
  <c r="F3177" i="2" s="1"/>
  <c r="F3162" i="2" a="1"/>
  <c r="F3162" i="2" s="1"/>
  <c r="F3163" i="2" a="1"/>
  <c r="F3163" i="2" s="1"/>
  <c r="F3155" i="2" a="1"/>
  <c r="F3155" i="2" s="1"/>
  <c r="F3157" i="2" a="1"/>
  <c r="F3157" i="2" s="1"/>
  <c r="F3154" i="2" a="1"/>
  <c r="F3154" i="2" s="1"/>
  <c r="F3174" i="2" a="1"/>
  <c r="F3174" i="2" s="1"/>
  <c r="F3156" i="2" a="1"/>
  <c r="F3156" i="2" s="1"/>
  <c r="F3158" i="2" a="1"/>
  <c r="F3158" i="2" s="1"/>
  <c r="F3159" i="2" a="1"/>
  <c r="F3159" i="2" s="1"/>
  <c r="F3160" i="2" a="1"/>
  <c r="F3160" i="2" s="1"/>
  <c r="F3165" i="2" a="1"/>
  <c r="F3165" i="2" s="1"/>
  <c r="F3166" i="2" a="1"/>
  <c r="F3166" i="2" s="1"/>
  <c r="F3176" i="2" a="1"/>
  <c r="F3176" i="2" s="1"/>
  <c r="F3173" i="2" a="1"/>
  <c r="F3173" i="2" s="1"/>
  <c r="H7502" i="2" a="1"/>
  <c r="H7502" i="2" s="1"/>
  <c r="H7509" i="2" a="1"/>
  <c r="H7509" i="2" s="1"/>
  <c r="H7516" i="2" a="1"/>
  <c r="H7516" i="2" s="1"/>
  <c r="H7508" i="2" a="1"/>
  <c r="H7508" i="2" s="1"/>
  <c r="H7498" i="2" a="1"/>
  <c r="H7498" i="2" s="1"/>
  <c r="H7510" i="2" a="1"/>
  <c r="H7510" i="2" s="1"/>
  <c r="H7514" i="2" a="1"/>
  <c r="H7514" i="2" s="1"/>
  <c r="H7519" i="2" a="1"/>
  <c r="H7519" i="2" s="1"/>
  <c r="H7505" i="2" a="1"/>
  <c r="H7505" i="2" s="1"/>
  <c r="H7499" i="2" a="1"/>
  <c r="H7499" i="2" s="1"/>
  <c r="H7520" i="2" a="1"/>
  <c r="H7520" i="2" s="1"/>
  <c r="H7503" i="2" a="1"/>
  <c r="H7503" i="2" s="1"/>
  <c r="H7521" i="2" a="1"/>
  <c r="H7521" i="2" s="1"/>
  <c r="H7504" i="2" a="1"/>
  <c r="H7504" i="2" s="1"/>
  <c r="H7501" i="2" a="1"/>
  <c r="H7501" i="2" s="1"/>
  <c r="H7515" i="2" a="1"/>
  <c r="H7515" i="2" s="1"/>
  <c r="H7500" i="2" a="1"/>
  <c r="H7500" i="2" s="1"/>
  <c r="H7507" i="2" a="1"/>
  <c r="H7507" i="2" s="1"/>
  <c r="H7512" i="2" a="1"/>
  <c r="H7512" i="2" s="1"/>
  <c r="H7518" i="2" a="1"/>
  <c r="H7518" i="2" s="1"/>
  <c r="H7517" i="2" a="1"/>
  <c r="H7517" i="2" s="1"/>
  <c r="H7513" i="2" a="1"/>
  <c r="H7513" i="2" s="1"/>
  <c r="H7506" i="2" a="1"/>
  <c r="H7506" i="2" s="1"/>
  <c r="H7511" i="2" a="1"/>
  <c r="H7511" i="2" s="1"/>
  <c r="H70" i="2" a="1"/>
  <c r="H70" i="2" s="1"/>
  <c r="H61" i="2" a="1"/>
  <c r="H61" i="2" s="1"/>
  <c r="H58" i="2" a="1"/>
  <c r="H58" i="2" s="1"/>
  <c r="H60" i="2" a="1"/>
  <c r="H60" i="2" s="1"/>
  <c r="H80" i="2" a="1"/>
  <c r="H80" i="2" s="1"/>
  <c r="H75" i="2" a="1"/>
  <c r="H75" i="2" s="1"/>
  <c r="H72" i="2" a="1"/>
  <c r="H72" i="2" s="1"/>
  <c r="H68" i="2" a="1"/>
  <c r="H68" i="2" s="1"/>
  <c r="H74" i="2" a="1"/>
  <c r="H74" i="2" s="1"/>
  <c r="H73" i="2" a="1"/>
  <c r="H73" i="2" s="1"/>
  <c r="H64" i="2" a="1"/>
  <c r="H64" i="2" s="1"/>
  <c r="H77" i="2" a="1"/>
  <c r="H77" i="2" s="1"/>
  <c r="H76" i="2" a="1"/>
  <c r="H76" i="2" s="1"/>
  <c r="H65" i="2" a="1"/>
  <c r="H65" i="2" s="1"/>
  <c r="H62" i="2" a="1"/>
  <c r="H62" i="2" s="1"/>
  <c r="H59" i="2" a="1"/>
  <c r="H59" i="2" s="1"/>
  <c r="H79" i="2" a="1"/>
  <c r="H79" i="2" s="1"/>
  <c r="H81" i="2" a="1"/>
  <c r="H81" i="2" s="1"/>
  <c r="H63" i="2" a="1"/>
  <c r="H63" i="2" s="1"/>
  <c r="H78" i="2" a="1"/>
  <c r="H78" i="2" s="1"/>
  <c r="H66" i="2" a="1"/>
  <c r="H66" i="2" s="1"/>
  <c r="H67" i="2" a="1"/>
  <c r="H67" i="2" s="1"/>
  <c r="H69" i="2" a="1"/>
  <c r="H69" i="2" s="1"/>
  <c r="H71" i="2" a="1"/>
  <c r="H71" i="2" s="1"/>
  <c r="G8634" i="2" a="1"/>
  <c r="G8634" i="2" s="1"/>
  <c r="G8637" i="2" a="1"/>
  <c r="G8637" i="2" s="1"/>
  <c r="G8640" i="2" a="1"/>
  <c r="G8640" i="2" s="1"/>
  <c r="G8631" i="2" a="1"/>
  <c r="G8631" i="2" s="1"/>
  <c r="G8641" i="2" a="1"/>
  <c r="G8641" i="2" s="1"/>
  <c r="G8646" i="2" a="1"/>
  <c r="G8646" i="2" s="1"/>
  <c r="G8647" i="2" a="1"/>
  <c r="G8647" i="2" s="1"/>
  <c r="G8627" i="2" a="1"/>
  <c r="G8627" i="2" s="1"/>
  <c r="G8648" i="2" a="1"/>
  <c r="G8648" i="2" s="1"/>
  <c r="G8645" i="2" a="1"/>
  <c r="G8645" i="2" s="1"/>
  <c r="G8636" i="2" a="1"/>
  <c r="G8636" i="2" s="1"/>
  <c r="G8649" i="2" a="1"/>
  <c r="G8649" i="2" s="1"/>
  <c r="G8642" i="2" a="1"/>
  <c r="G8642" i="2" s="1"/>
  <c r="G8628" i="2" a="1"/>
  <c r="G8628" i="2" s="1"/>
  <c r="G8629" i="2" a="1"/>
  <c r="G8629" i="2" s="1"/>
  <c r="G8633" i="2" a="1"/>
  <c r="G8633" i="2" s="1"/>
  <c r="G8635" i="2" a="1"/>
  <c r="G8635" i="2" s="1"/>
  <c r="G8638" i="2" a="1"/>
  <c r="G8638" i="2" s="1"/>
  <c r="G8639" i="2" a="1"/>
  <c r="G8639" i="2" s="1"/>
  <c r="G8643" i="2" a="1"/>
  <c r="G8643" i="2" s="1"/>
  <c r="G8644" i="2" a="1"/>
  <c r="G8644" i="2" s="1"/>
  <c r="G8630" i="2" a="1"/>
  <c r="G8630" i="2" s="1"/>
  <c r="G8632" i="2" a="1"/>
  <c r="G8632" i="2" s="1"/>
  <c r="G8626" i="2" a="1"/>
  <c r="G8626" i="2" s="1"/>
  <c r="H4745" i="2" a="1"/>
  <c r="H4745" i="2" s="1"/>
  <c r="H4740" i="2" a="1"/>
  <c r="H4740" i="2" s="1"/>
  <c r="H4743" i="2" a="1"/>
  <c r="H4743" i="2" s="1"/>
  <c r="H4753" i="2" a="1"/>
  <c r="H4753" i="2" s="1"/>
  <c r="H4744" i="2" a="1"/>
  <c r="H4744" i="2" s="1"/>
  <c r="H4750" i="2" a="1"/>
  <c r="H4750" i="2" s="1"/>
  <c r="H4761" i="2" a="1"/>
  <c r="H4761" i="2" s="1"/>
  <c r="H4754" i="2" a="1"/>
  <c r="H4754" i="2" s="1"/>
  <c r="H4747" i="2" a="1"/>
  <c r="H4747" i="2" s="1"/>
  <c r="H4748" i="2" a="1"/>
  <c r="H4748" i="2" s="1"/>
  <c r="H4749" i="2" a="1"/>
  <c r="H4749" i="2" s="1"/>
  <c r="H4742" i="2" a="1"/>
  <c r="H4742" i="2" s="1"/>
  <c r="H4752" i="2" a="1"/>
  <c r="H4752" i="2" s="1"/>
  <c r="H4739" i="2" a="1"/>
  <c r="H4739" i="2" s="1"/>
  <c r="H4757" i="2" a="1"/>
  <c r="H4757" i="2" s="1"/>
  <c r="H4755" i="2" a="1"/>
  <c r="H4755" i="2" s="1"/>
  <c r="H4741" i="2" a="1"/>
  <c r="H4741" i="2" s="1"/>
  <c r="H4760" i="2" a="1"/>
  <c r="H4760" i="2" s="1"/>
  <c r="H4758" i="2" a="1"/>
  <c r="H4758" i="2" s="1"/>
  <c r="AQ361" i="1"/>
  <c r="G367" i="5" s="1"/>
  <c r="AO361" i="1"/>
  <c r="E367" i="5" s="1"/>
  <c r="AN361" i="1"/>
  <c r="D367" i="5" s="1"/>
  <c r="AP361" i="1"/>
  <c r="F367" i="5" s="1"/>
  <c r="AM361" i="1"/>
  <c r="D8654" i="2" a="1"/>
  <c r="D8654" i="2" s="1"/>
  <c r="D8658" i="2" a="1"/>
  <c r="D8658" i="2" s="1"/>
  <c r="D8670" i="2" a="1"/>
  <c r="D8670" i="2" s="1"/>
  <c r="D8665" i="2" a="1"/>
  <c r="D8665" i="2" s="1"/>
  <c r="D8657" i="2" a="1"/>
  <c r="D8657" i="2" s="1"/>
  <c r="D8653" i="2" a="1"/>
  <c r="D8653" i="2" s="1"/>
  <c r="D8661" i="2" a="1"/>
  <c r="D8661" i="2" s="1"/>
  <c r="D8669" i="2" a="1"/>
  <c r="D8669" i="2" s="1"/>
  <c r="D8652" i="2" a="1"/>
  <c r="D8652" i="2" s="1"/>
  <c r="D8651" i="2" a="1"/>
  <c r="D8651" i="2" s="1"/>
  <c r="D8659" i="2" a="1"/>
  <c r="D8659" i="2" s="1"/>
  <c r="D8663" i="2" a="1"/>
  <c r="D8663" i="2" s="1"/>
  <c r="D8655" i="2" a="1"/>
  <c r="D8655" i="2" s="1"/>
  <c r="D8667" i="2" a="1"/>
  <c r="D8667" i="2" s="1"/>
  <c r="D8672" i="2" a="1"/>
  <c r="D8672" i="2" s="1"/>
  <c r="D8668" i="2" a="1"/>
  <c r="D8668" i="2" s="1"/>
  <c r="D8671" i="2" a="1"/>
  <c r="D8671" i="2" s="1"/>
  <c r="D8673" i="2" a="1"/>
  <c r="D8673" i="2" s="1"/>
  <c r="D8660" i="2" a="1"/>
  <c r="D8660" i="2" s="1"/>
  <c r="D8666" i="2" a="1"/>
  <c r="D8666" i="2" s="1"/>
  <c r="D8650" i="2" a="1"/>
  <c r="D8650" i="2" s="1"/>
  <c r="D8662" i="2" a="1"/>
  <c r="D8662" i="2" s="1"/>
  <c r="D8656" i="2" a="1"/>
  <c r="D8656" i="2" s="1"/>
  <c r="D8664" i="2" a="1"/>
  <c r="D8664" i="2" s="1"/>
  <c r="AN6" i="1"/>
  <c r="D12" i="5" s="1"/>
  <c r="AO6" i="1"/>
  <c r="E12" i="5" s="1"/>
  <c r="AQ6" i="1"/>
  <c r="G12" i="5" s="1"/>
  <c r="AP6" i="1"/>
  <c r="F12" i="5" s="1"/>
  <c r="AM6" i="1"/>
  <c r="D132" i="2" a="1"/>
  <c r="D132" i="2" s="1"/>
  <c r="D130" i="2" a="1"/>
  <c r="D130" i="2" s="1"/>
  <c r="D147" i="2" a="1"/>
  <c r="D147" i="2" s="1"/>
  <c r="D137" i="2" a="1"/>
  <c r="D137" i="2" s="1"/>
  <c r="D150" i="2" a="1"/>
  <c r="D150" i="2" s="1"/>
  <c r="D138" i="2" a="1"/>
  <c r="D138" i="2" s="1"/>
  <c r="D152" i="2" a="1"/>
  <c r="D152" i="2" s="1"/>
  <c r="D133" i="2" a="1"/>
  <c r="D133" i="2" s="1"/>
  <c r="D135" i="2" a="1"/>
  <c r="D135" i="2" s="1"/>
  <c r="D148" i="2" a="1"/>
  <c r="D148" i="2" s="1"/>
  <c r="D149" i="2" a="1"/>
  <c r="D149" i="2" s="1"/>
  <c r="D131" i="2" a="1"/>
  <c r="D131" i="2" s="1"/>
  <c r="D140" i="2" a="1"/>
  <c r="D140" i="2" s="1"/>
  <c r="D142" i="2" a="1"/>
  <c r="D142" i="2" s="1"/>
  <c r="D141" i="2" a="1"/>
  <c r="D141" i="2" s="1"/>
  <c r="D151" i="2" a="1"/>
  <c r="D151" i="2" s="1"/>
  <c r="D145" i="2" a="1"/>
  <c r="D145" i="2" s="1"/>
  <c r="D153" i="2" a="1"/>
  <c r="D153" i="2" s="1"/>
  <c r="D139" i="2" a="1"/>
  <c r="D139" i="2" s="1"/>
  <c r="D136" i="2" a="1"/>
  <c r="D136" i="2" s="1"/>
  <c r="D143" i="2" a="1"/>
  <c r="D143" i="2" s="1"/>
  <c r="D134" i="2" a="1"/>
  <c r="D134" i="2" s="1"/>
  <c r="D144" i="2" a="1"/>
  <c r="D144" i="2" s="1"/>
  <c r="D146" i="2" a="1"/>
  <c r="D146" i="2" s="1"/>
  <c r="H3395" i="2" a="1"/>
  <c r="H3395" i="2" s="1"/>
  <c r="H3407" i="2" a="1"/>
  <c r="H3407" i="2" s="1"/>
  <c r="H3417" i="2" a="1"/>
  <c r="H3417" i="2" s="1"/>
  <c r="H3394" i="2" a="1"/>
  <c r="H3394" i="2" s="1"/>
  <c r="H3403" i="2" a="1"/>
  <c r="H3403" i="2" s="1"/>
  <c r="H3414" i="2" a="1"/>
  <c r="H3414" i="2" s="1"/>
  <c r="H3411" i="2" a="1"/>
  <c r="H3411" i="2" s="1"/>
  <c r="H3398" i="2" a="1"/>
  <c r="H3398" i="2" s="1"/>
  <c r="H3416" i="2" a="1"/>
  <c r="H3416" i="2" s="1"/>
  <c r="H3399" i="2" a="1"/>
  <c r="H3399" i="2" s="1"/>
  <c r="H3408" i="2" a="1"/>
  <c r="H3408" i="2" s="1"/>
  <c r="H3413" i="2" a="1"/>
  <c r="H3413" i="2" s="1"/>
  <c r="H3406" i="2" a="1"/>
  <c r="H3406" i="2" s="1"/>
  <c r="H3400" i="2" a="1"/>
  <c r="H3400" i="2" s="1"/>
  <c r="H3404" i="2" a="1"/>
  <c r="H3404" i="2" s="1"/>
  <c r="H3397" i="2" a="1"/>
  <c r="H3397" i="2" s="1"/>
  <c r="H3410" i="2" a="1"/>
  <c r="H3410" i="2" s="1"/>
  <c r="H3412" i="2" a="1"/>
  <c r="H3412" i="2" s="1"/>
  <c r="H3402" i="2" a="1"/>
  <c r="H3402" i="2" s="1"/>
  <c r="E4645" i="2" a="1"/>
  <c r="E4645" i="2" s="1"/>
  <c r="E4647" i="2" a="1"/>
  <c r="E4647" i="2" s="1"/>
  <c r="E4649" i="2" a="1"/>
  <c r="E4649" i="2" s="1"/>
  <c r="E4664" i="2" a="1"/>
  <c r="E4664" i="2" s="1"/>
  <c r="E4654" i="2" a="1"/>
  <c r="E4654" i="2" s="1"/>
  <c r="E4662" i="2" a="1"/>
  <c r="E4662" i="2" s="1"/>
  <c r="E4652" i="2" a="1"/>
  <c r="E4652" i="2" s="1"/>
  <c r="E4653" i="2" a="1"/>
  <c r="E4653" i="2" s="1"/>
  <c r="E4657" i="2" a="1"/>
  <c r="E4657" i="2" s="1"/>
  <c r="E4642" i="2" a="1"/>
  <c r="E4642" i="2" s="1"/>
  <c r="E4643" i="2" a="1"/>
  <c r="E4643" i="2" s="1"/>
  <c r="E4660" i="2" a="1"/>
  <c r="E4660" i="2" s="1"/>
  <c r="E4663" i="2" a="1"/>
  <c r="E4663" i="2" s="1"/>
  <c r="E4648" i="2" a="1"/>
  <c r="E4648" i="2" s="1"/>
  <c r="E4651" i="2" a="1"/>
  <c r="E4651" i="2" s="1"/>
  <c r="E4644" i="2" a="1"/>
  <c r="E4644" i="2" s="1"/>
  <c r="E4658" i="2" a="1"/>
  <c r="E4658" i="2" s="1"/>
  <c r="E4655" i="2" a="1"/>
  <c r="E4655" i="2" s="1"/>
  <c r="E4665" i="2" a="1"/>
  <c r="E4665" i="2" s="1"/>
  <c r="E4656" i="2" a="1"/>
  <c r="E4656" i="2" s="1"/>
  <c r="E4659" i="2" a="1"/>
  <c r="E4659" i="2" s="1"/>
  <c r="E4650" i="2" a="1"/>
  <c r="E4650" i="2" s="1"/>
  <c r="E4646" i="2" a="1"/>
  <c r="E4646" i="2" s="1"/>
  <c r="E4661" i="2" a="1"/>
  <c r="E4661" i="2" s="1"/>
  <c r="F5691" i="2" a="1"/>
  <c r="F5691" i="2" s="1"/>
  <c r="F5693" i="2" a="1"/>
  <c r="F5693" i="2" s="1"/>
  <c r="F5675" i="2" a="1"/>
  <c r="F5675" i="2" s="1"/>
  <c r="F5678" i="2" a="1"/>
  <c r="F5678" i="2" s="1"/>
  <c r="F5695" i="2" a="1"/>
  <c r="F5695" i="2" s="1"/>
  <c r="F5683" i="2" a="1"/>
  <c r="F5683" i="2" s="1"/>
  <c r="F5696" i="2" a="1"/>
  <c r="F5696" i="2" s="1"/>
  <c r="F5687" i="2" a="1"/>
  <c r="F5687" i="2" s="1"/>
  <c r="F5684" i="2" a="1"/>
  <c r="F5684" i="2" s="1"/>
  <c r="F5674" i="2" a="1"/>
  <c r="F5674" i="2" s="1"/>
  <c r="F5679" i="2" a="1"/>
  <c r="F5679" i="2" s="1"/>
  <c r="F5688" i="2" a="1"/>
  <c r="F5688" i="2" s="1"/>
  <c r="F5680" i="2" a="1"/>
  <c r="F5680" i="2" s="1"/>
  <c r="F5685" i="2" a="1"/>
  <c r="F5685" i="2" s="1"/>
  <c r="F5681" i="2" a="1"/>
  <c r="F5681" i="2" s="1"/>
  <c r="F5676" i="2" a="1"/>
  <c r="F5676" i="2" s="1"/>
  <c r="F5682" i="2" a="1"/>
  <c r="F5682" i="2" s="1"/>
  <c r="F5690" i="2" a="1"/>
  <c r="F5690" i="2" s="1"/>
  <c r="F5697" i="2" a="1"/>
  <c r="F5697" i="2" s="1"/>
  <c r="F5677" i="2" a="1"/>
  <c r="F5677" i="2" s="1"/>
  <c r="F5692" i="2" a="1"/>
  <c r="F5692" i="2" s="1"/>
  <c r="F5686" i="2" a="1"/>
  <c r="F5686" i="2" s="1"/>
  <c r="F5689" i="2" a="1"/>
  <c r="F5689" i="2" s="1"/>
  <c r="F5694" i="2" a="1"/>
  <c r="F5694" i="2" s="1"/>
  <c r="AO286" i="1"/>
  <c r="E292" i="5" s="1"/>
  <c r="AN286" i="1"/>
  <c r="D292" i="5" s="1"/>
  <c r="AP286" i="1"/>
  <c r="F292" i="5" s="1"/>
  <c r="AQ286" i="1"/>
  <c r="G292" i="5" s="1"/>
  <c r="AM286" i="1"/>
  <c r="D6868" i="2" a="1"/>
  <c r="D6868" i="2" s="1"/>
  <c r="D6851" i="2" a="1"/>
  <c r="D6851" i="2" s="1"/>
  <c r="D6863" i="2" a="1"/>
  <c r="D6863" i="2" s="1"/>
  <c r="D6867" i="2" a="1"/>
  <c r="D6867" i="2" s="1"/>
  <c r="D6856" i="2" a="1"/>
  <c r="D6856" i="2" s="1"/>
  <c r="D6864" i="2" a="1"/>
  <c r="D6864" i="2" s="1"/>
  <c r="D6871" i="2" a="1"/>
  <c r="D6871" i="2" s="1"/>
  <c r="D6862" i="2" a="1"/>
  <c r="D6862" i="2" s="1"/>
  <c r="D6857" i="2" a="1"/>
  <c r="D6857" i="2" s="1"/>
  <c r="D6859" i="2" a="1"/>
  <c r="D6859" i="2" s="1"/>
  <c r="D6861" i="2" a="1"/>
  <c r="D6861" i="2" s="1"/>
  <c r="D6865" i="2" a="1"/>
  <c r="D6865" i="2" s="1"/>
  <c r="D6869" i="2" a="1"/>
  <c r="D6869" i="2" s="1"/>
  <c r="D6854" i="2" a="1"/>
  <c r="D6854" i="2" s="1"/>
  <c r="D6866" i="2" a="1"/>
  <c r="D6866" i="2" s="1"/>
  <c r="D6870" i="2" a="1"/>
  <c r="D6870" i="2" s="1"/>
  <c r="D6852" i="2" a="1"/>
  <c r="D6852" i="2" s="1"/>
  <c r="D6860" i="2" a="1"/>
  <c r="D6860" i="2" s="1"/>
  <c r="D6872" i="2" a="1"/>
  <c r="D6872" i="2" s="1"/>
  <c r="D6853" i="2" a="1"/>
  <c r="D6853" i="2" s="1"/>
  <c r="D6873" i="2" a="1"/>
  <c r="D6873" i="2" s="1"/>
  <c r="D6855" i="2" a="1"/>
  <c r="D6855" i="2" s="1"/>
  <c r="D6850" i="2" a="1"/>
  <c r="D6850" i="2" s="1"/>
  <c r="D6858" i="2" a="1"/>
  <c r="D6858" i="2" s="1"/>
  <c r="G2482" i="2" a="1"/>
  <c r="G2482" i="2" s="1"/>
  <c r="G2487" i="2" a="1"/>
  <c r="G2487" i="2" s="1"/>
  <c r="G2497" i="2" a="1"/>
  <c r="G2497" i="2" s="1"/>
  <c r="G2491" i="2" a="1"/>
  <c r="G2491" i="2" s="1"/>
  <c r="G2484" i="2" a="1"/>
  <c r="G2484" i="2" s="1"/>
  <c r="G2488" i="2" a="1"/>
  <c r="G2488" i="2" s="1"/>
  <c r="G2501" i="2" a="1"/>
  <c r="G2501" i="2" s="1"/>
  <c r="G2485" i="2" a="1"/>
  <c r="G2485" i="2" s="1"/>
  <c r="G2500" i="2" a="1"/>
  <c r="G2500" i="2" s="1"/>
  <c r="G2496" i="2" a="1"/>
  <c r="G2496" i="2" s="1"/>
  <c r="G2503" i="2" a="1"/>
  <c r="G2503" i="2" s="1"/>
  <c r="G2494" i="2" a="1"/>
  <c r="G2494" i="2" s="1"/>
  <c r="G2490" i="2" a="1"/>
  <c r="G2490" i="2" s="1"/>
  <c r="G2505" i="2" a="1"/>
  <c r="G2505" i="2" s="1"/>
  <c r="G2489" i="2" a="1"/>
  <c r="G2489" i="2" s="1"/>
  <c r="G2504" i="2" a="1"/>
  <c r="G2504" i="2" s="1"/>
  <c r="G2493" i="2" a="1"/>
  <c r="G2493" i="2" s="1"/>
  <c r="G2502" i="2" a="1"/>
  <c r="G2502" i="2" s="1"/>
  <c r="G2495" i="2" a="1"/>
  <c r="G2495" i="2" s="1"/>
  <c r="G2483" i="2" a="1"/>
  <c r="G2483" i="2" s="1"/>
  <c r="G2498" i="2" a="1"/>
  <c r="G2498" i="2" s="1"/>
  <c r="G2499" i="2" a="1"/>
  <c r="G2499" i="2" s="1"/>
  <c r="G2486" i="2" a="1"/>
  <c r="G2486" i="2" s="1"/>
  <c r="G2492" i="2" a="1"/>
  <c r="G2492" i="2" s="1"/>
  <c r="F7665" i="2" a="1"/>
  <c r="F7665" i="2" s="1"/>
  <c r="F7656" i="2" a="1"/>
  <c r="F7656" i="2" s="1"/>
  <c r="F7653" i="2" a="1"/>
  <c r="F7653" i="2" s="1"/>
  <c r="F7649" i="2" a="1"/>
  <c r="F7649" i="2" s="1"/>
  <c r="F7648" i="2" a="1"/>
  <c r="F7648" i="2" s="1"/>
  <c r="F7661" i="2" a="1"/>
  <c r="F7661" i="2" s="1"/>
  <c r="F7643" i="2" a="1"/>
  <c r="F7643" i="2" s="1"/>
  <c r="F7654" i="2" a="1"/>
  <c r="F7654" i="2" s="1"/>
  <c r="F7644" i="2" a="1"/>
  <c r="F7644" i="2" s="1"/>
  <c r="F7652" i="2" a="1"/>
  <c r="F7652" i="2" s="1"/>
  <c r="F7664" i="2" a="1"/>
  <c r="F7664" i="2" s="1"/>
  <c r="F7651" i="2" a="1"/>
  <c r="F7651" i="2" s="1"/>
  <c r="F7655" i="2" a="1"/>
  <c r="F7655" i="2" s="1"/>
  <c r="F7646" i="2" a="1"/>
  <c r="F7646" i="2" s="1"/>
  <c r="F7642" i="2" a="1"/>
  <c r="F7642" i="2" s="1"/>
  <c r="F7657" i="2" a="1"/>
  <c r="F7657" i="2" s="1"/>
  <c r="F7660" i="2" a="1"/>
  <c r="F7660" i="2" s="1"/>
  <c r="F7658" i="2" a="1"/>
  <c r="F7658" i="2" s="1"/>
  <c r="F7662" i="2" a="1"/>
  <c r="F7662" i="2" s="1"/>
  <c r="F7650" i="2" a="1"/>
  <c r="F7650" i="2" s="1"/>
  <c r="F7645" i="2" a="1"/>
  <c r="F7645" i="2" s="1"/>
  <c r="F7647" i="2" a="1"/>
  <c r="F7647" i="2" s="1"/>
  <c r="F7659" i="2" a="1"/>
  <c r="F7659" i="2" s="1"/>
  <c r="F7663" i="2" a="1"/>
  <c r="F7663" i="2" s="1"/>
  <c r="H3139" i="2" a="1"/>
  <c r="H3139" i="2" s="1"/>
  <c r="H3150" i="2" a="1"/>
  <c r="H3150" i="2" s="1"/>
  <c r="H3133" i="2" a="1"/>
  <c r="H3133" i="2" s="1"/>
  <c r="H3140" i="2" a="1"/>
  <c r="H3140" i="2" s="1"/>
  <c r="H3153" i="2" a="1"/>
  <c r="H3153" i="2" s="1"/>
  <c r="H3138" i="2" a="1"/>
  <c r="H3138" i="2" s="1"/>
  <c r="H3135" i="2" a="1"/>
  <c r="H3135" i="2" s="1"/>
  <c r="H3144" i="2" a="1"/>
  <c r="H3144" i="2" s="1"/>
  <c r="H3136" i="2" a="1"/>
  <c r="H3136" i="2" s="1"/>
  <c r="H3130" i="2" a="1"/>
  <c r="H3130" i="2" s="1"/>
  <c r="H3142" i="2" a="1"/>
  <c r="H3142" i="2" s="1"/>
  <c r="H3145" i="2" a="1"/>
  <c r="H3145" i="2" s="1"/>
  <c r="H3147" i="2" a="1"/>
  <c r="H3147" i="2" s="1"/>
  <c r="H3151" i="2" a="1"/>
  <c r="H3151" i="2" s="1"/>
  <c r="H3132" i="2" a="1"/>
  <c r="H3132" i="2" s="1"/>
  <c r="H3143" i="2" a="1"/>
  <c r="H3143" i="2" s="1"/>
  <c r="H3149" i="2" a="1"/>
  <c r="H3149" i="2" s="1"/>
  <c r="H3131" i="2" a="1"/>
  <c r="H3131" i="2" s="1"/>
  <c r="H3146" i="2" a="1"/>
  <c r="H3146" i="2" s="1"/>
  <c r="H3137" i="2" a="1"/>
  <c r="H3137" i="2" s="1"/>
  <c r="H3141" i="2" a="1"/>
  <c r="H3141" i="2" s="1"/>
  <c r="H3148" i="2" a="1"/>
  <c r="H3148" i="2" s="1"/>
  <c r="H3134" i="2" a="1"/>
  <c r="H3134" i="2" s="1"/>
  <c r="H3152" i="2" a="1"/>
  <c r="H3152" i="2" s="1"/>
  <c r="G5809" i="2" a="1"/>
  <c r="G5809" i="2" s="1"/>
  <c r="G5816" i="2" a="1"/>
  <c r="G5816" i="2" s="1"/>
  <c r="G5813" i="2" a="1"/>
  <c r="G5813" i="2" s="1"/>
  <c r="G5803" i="2" a="1"/>
  <c r="G5803" i="2" s="1"/>
  <c r="G5817" i="2" a="1"/>
  <c r="G5817" i="2" s="1"/>
  <c r="G5810" i="2" a="1"/>
  <c r="G5810" i="2" s="1"/>
  <c r="G5804" i="2" a="1"/>
  <c r="G5804" i="2" s="1"/>
  <c r="G5808" i="2" a="1"/>
  <c r="G5808" i="2" s="1"/>
  <c r="G5815" i="2" a="1"/>
  <c r="G5815" i="2" s="1"/>
  <c r="G5811" i="2" a="1"/>
  <c r="G5811" i="2" s="1"/>
  <c r="G5799" i="2" a="1"/>
  <c r="G5799" i="2" s="1"/>
  <c r="G5812" i="2" a="1"/>
  <c r="G5812" i="2" s="1"/>
  <c r="G5801" i="2" a="1"/>
  <c r="G5801" i="2" s="1"/>
  <c r="G5807" i="2" a="1"/>
  <c r="G5807" i="2" s="1"/>
  <c r="G5802" i="2" a="1"/>
  <c r="G5802" i="2" s="1"/>
  <c r="G5795" i="2" a="1"/>
  <c r="G5795" i="2" s="1"/>
  <c r="G5814" i="2" a="1"/>
  <c r="G5814" i="2" s="1"/>
  <c r="G5805" i="2" a="1"/>
  <c r="G5805" i="2" s="1"/>
  <c r="G5794" i="2" a="1"/>
  <c r="G5794" i="2" s="1"/>
  <c r="G5796" i="2" a="1"/>
  <c r="G5796" i="2" s="1"/>
  <c r="G5800" i="2" a="1"/>
  <c r="G5800" i="2" s="1"/>
  <c r="G5797" i="2" a="1"/>
  <c r="G5797" i="2" s="1"/>
  <c r="G5798" i="2" a="1"/>
  <c r="G5798" i="2" s="1"/>
  <c r="G5806" i="2" a="1"/>
  <c r="G5806" i="2" s="1"/>
  <c r="F4641" i="2" a="1"/>
  <c r="F4641" i="2" s="1"/>
  <c r="F4635" i="2" a="1"/>
  <c r="F4635" i="2" s="1"/>
  <c r="F4638" i="2" a="1"/>
  <c r="F4638" i="2" s="1"/>
  <c r="F4618" i="2" a="1"/>
  <c r="F4618" i="2" s="1"/>
  <c r="F4632" i="2" a="1"/>
  <c r="F4632" i="2" s="1"/>
  <c r="F4622" i="2" a="1"/>
  <c r="F4622" i="2" s="1"/>
  <c r="F4633" i="2" a="1"/>
  <c r="F4633" i="2" s="1"/>
  <c r="F4639" i="2" a="1"/>
  <c r="F4639" i="2" s="1"/>
  <c r="F4636" i="2" a="1"/>
  <c r="F4636" i="2" s="1"/>
  <c r="F4628" i="2" a="1"/>
  <c r="F4628" i="2" s="1"/>
  <c r="F4640" i="2" a="1"/>
  <c r="F4640" i="2" s="1"/>
  <c r="F4626" i="2" a="1"/>
  <c r="F4626" i="2" s="1"/>
  <c r="F4637" i="2" a="1"/>
  <c r="F4637" i="2" s="1"/>
  <c r="F4623" i="2" a="1"/>
  <c r="F4623" i="2" s="1"/>
  <c r="F4625" i="2" a="1"/>
  <c r="F4625" i="2" s="1"/>
  <c r="F4627" i="2" a="1"/>
  <c r="F4627" i="2" s="1"/>
  <c r="F4629" i="2" a="1"/>
  <c r="F4629" i="2" s="1"/>
  <c r="F4630" i="2" a="1"/>
  <c r="F4630" i="2" s="1"/>
  <c r="F4631" i="2" a="1"/>
  <c r="F4631" i="2" s="1"/>
  <c r="F4619" i="2" a="1"/>
  <c r="F4619" i="2" s="1"/>
  <c r="F4620" i="2" a="1"/>
  <c r="F4620" i="2" s="1"/>
  <c r="F4621" i="2" a="1"/>
  <c r="F4621" i="2" s="1"/>
  <c r="F4634" i="2" a="1"/>
  <c r="F4634" i="2" s="1"/>
  <c r="F4624" i="2" a="1"/>
  <c r="F4624" i="2" s="1"/>
  <c r="E2749" i="2" a="1"/>
  <c r="E2749" i="2" s="1"/>
  <c r="E2767" i="2" a="1"/>
  <c r="E2767" i="2" s="1"/>
  <c r="E2757" i="2" a="1"/>
  <c r="E2757" i="2" s="1"/>
  <c r="E2758" i="2" a="1"/>
  <c r="E2758" i="2" s="1"/>
  <c r="E2759" i="2" a="1"/>
  <c r="E2759" i="2" s="1"/>
  <c r="E2747" i="2" a="1"/>
  <c r="E2747" i="2" s="1"/>
  <c r="E2761" i="2" a="1"/>
  <c r="E2761" i="2" s="1"/>
  <c r="E2765" i="2" a="1"/>
  <c r="E2765" i="2" s="1"/>
  <c r="E2762" i="2" a="1"/>
  <c r="E2762" i="2" s="1"/>
  <c r="E2766" i="2" a="1"/>
  <c r="E2766" i="2" s="1"/>
  <c r="E2746" i="2" a="1"/>
  <c r="E2746" i="2" s="1"/>
  <c r="E2764" i="2" a="1"/>
  <c r="E2764" i="2" s="1"/>
  <c r="E2750" i="2" a="1"/>
  <c r="E2750" i="2" s="1"/>
  <c r="E2751" i="2" a="1"/>
  <c r="E2751" i="2" s="1"/>
  <c r="E2752" i="2" a="1"/>
  <c r="E2752" i="2" s="1"/>
  <c r="E2753" i="2" a="1"/>
  <c r="E2753" i="2" s="1"/>
  <c r="E2755" i="2" a="1"/>
  <c r="E2755" i="2" s="1"/>
  <c r="E2754" i="2" a="1"/>
  <c r="E2754" i="2" s="1"/>
  <c r="E2756" i="2" a="1"/>
  <c r="E2756" i="2" s="1"/>
  <c r="E2768" i="2" a="1"/>
  <c r="E2768" i="2" s="1"/>
  <c r="E2760" i="2" a="1"/>
  <c r="E2760" i="2" s="1"/>
  <c r="E2748" i="2" a="1"/>
  <c r="E2748" i="2" s="1"/>
  <c r="E2763" i="2" a="1"/>
  <c r="E2763" i="2" s="1"/>
  <c r="E2769" i="2" a="1"/>
  <c r="E2769" i="2" s="1"/>
  <c r="H1629" i="2" a="1"/>
  <c r="H1629" i="2" s="1"/>
  <c r="H1635" i="2" a="1"/>
  <c r="H1635" i="2" s="1"/>
  <c r="G8685" i="2" a="1"/>
  <c r="G8685" i="2" s="1"/>
  <c r="G8675" i="2" a="1"/>
  <c r="G8675" i="2" s="1"/>
  <c r="G8693" i="2" a="1"/>
  <c r="G8693" i="2" s="1"/>
  <c r="G8686" i="2" a="1"/>
  <c r="G8686" i="2" s="1"/>
  <c r="G8678" i="2" a="1"/>
  <c r="G8678" i="2" s="1"/>
  <c r="G8696" i="2" a="1"/>
  <c r="G8696" i="2" s="1"/>
  <c r="G8679" i="2" a="1"/>
  <c r="G8679" i="2" s="1"/>
  <c r="G8676" i="2" a="1"/>
  <c r="G8676" i="2" s="1"/>
  <c r="G8683" i="2" a="1"/>
  <c r="G8683" i="2" s="1"/>
  <c r="G8691" i="2" a="1"/>
  <c r="G8691" i="2" s="1"/>
  <c r="G8695" i="2" a="1"/>
  <c r="G8695" i="2" s="1"/>
  <c r="G8680" i="2" a="1"/>
  <c r="G8680" i="2" s="1"/>
  <c r="G8694" i="2" a="1"/>
  <c r="G8694" i="2" s="1"/>
  <c r="G8674" i="2" a="1"/>
  <c r="G8674" i="2" s="1"/>
  <c r="G8692" i="2" a="1"/>
  <c r="G8692" i="2" s="1"/>
  <c r="G8681" i="2" a="1"/>
  <c r="G8681" i="2" s="1"/>
  <c r="G8684" i="2" a="1"/>
  <c r="G8684" i="2" s="1"/>
  <c r="G8689" i="2" a="1"/>
  <c r="G8689" i="2" s="1"/>
  <c r="G8690" i="2" a="1"/>
  <c r="G8690" i="2" s="1"/>
  <c r="G8677" i="2" a="1"/>
  <c r="G8677" i="2" s="1"/>
  <c r="G8682" i="2" a="1"/>
  <c r="G8682" i="2" s="1"/>
  <c r="G8687" i="2" a="1"/>
  <c r="G8687" i="2" s="1"/>
  <c r="G8688" i="2" a="1"/>
  <c r="G8688" i="2" s="1"/>
  <c r="G8697" i="2" a="1"/>
  <c r="G8697" i="2" s="1"/>
  <c r="AN354" i="1"/>
  <c r="D360" i="5" s="1"/>
  <c r="AP354" i="1"/>
  <c r="F360" i="5" s="1"/>
  <c r="AO354" i="1"/>
  <c r="E360" i="5" s="1"/>
  <c r="AM354" i="1"/>
  <c r="D8489" i="2" a="1"/>
  <c r="D8489" i="2" s="1"/>
  <c r="D8497" i="2" a="1"/>
  <c r="D8497" i="2" s="1"/>
  <c r="D8501" i="2" a="1"/>
  <c r="D8501" i="2" s="1"/>
  <c r="D8482" i="2" a="1"/>
  <c r="D8482" i="2" s="1"/>
  <c r="D8494" i="2" a="1"/>
  <c r="D8494" i="2" s="1"/>
  <c r="D8498" i="2" a="1"/>
  <c r="D8498" i="2" s="1"/>
  <c r="D8502" i="2" a="1"/>
  <c r="D8502" i="2" s="1"/>
  <c r="D8485" i="2" a="1"/>
  <c r="D8485" i="2" s="1"/>
  <c r="D8493" i="2" a="1"/>
  <c r="D8493" i="2" s="1"/>
  <c r="D8484" i="2" a="1"/>
  <c r="D8484" i="2" s="1"/>
  <c r="D8488" i="2" a="1"/>
  <c r="D8488" i="2" s="1"/>
  <c r="D8505" i="2" a="1"/>
  <c r="D8505" i="2" s="1"/>
  <c r="D8487" i="2" a="1"/>
  <c r="D8487" i="2" s="1"/>
  <c r="D8491" i="2" a="1"/>
  <c r="D8491" i="2" s="1"/>
  <c r="D8496" i="2" a="1"/>
  <c r="D8496" i="2" s="1"/>
  <c r="D8495" i="2" a="1"/>
  <c r="D8495" i="2" s="1"/>
  <c r="D8499" i="2" a="1"/>
  <c r="D8499" i="2" s="1"/>
  <c r="D8503" i="2" a="1"/>
  <c r="D8503" i="2" s="1"/>
  <c r="D8486" i="2" a="1"/>
  <c r="D8486" i="2" s="1"/>
  <c r="D8490" i="2" a="1"/>
  <c r="D8490" i="2" s="1"/>
  <c r="D8483" i="2" a="1"/>
  <c r="D8483" i="2" s="1"/>
  <c r="D8500" i="2" a="1"/>
  <c r="D8500" i="2" s="1"/>
  <c r="D8492" i="2" a="1"/>
  <c r="D8492" i="2" s="1"/>
  <c r="D8504" i="2" a="1"/>
  <c r="D8504" i="2" s="1"/>
  <c r="E981" i="2" a="1"/>
  <c r="E981" i="2" s="1"/>
  <c r="E972" i="2" a="1"/>
  <c r="E972" i="2" s="1"/>
  <c r="E970" i="2" a="1"/>
  <c r="E970" i="2" s="1"/>
  <c r="E973" i="2" a="1"/>
  <c r="E973" i="2" s="1"/>
  <c r="E977" i="2" a="1"/>
  <c r="E977" i="2" s="1"/>
  <c r="E992" i="2" a="1"/>
  <c r="E992" i="2" s="1"/>
  <c r="E989" i="2" a="1"/>
  <c r="E989" i="2" s="1"/>
  <c r="E990" i="2" a="1"/>
  <c r="E990" i="2" s="1"/>
  <c r="E982" i="2" a="1"/>
  <c r="E982" i="2" s="1"/>
  <c r="E980" i="2" a="1"/>
  <c r="E980" i="2" s="1"/>
  <c r="E986" i="2" a="1"/>
  <c r="E986" i="2" s="1"/>
  <c r="E993" i="2" a="1"/>
  <c r="E993" i="2" s="1"/>
  <c r="E983" i="2" a="1"/>
  <c r="E983" i="2" s="1"/>
  <c r="E985" i="2" a="1"/>
  <c r="E985" i="2" s="1"/>
  <c r="E971" i="2" a="1"/>
  <c r="E971" i="2" s="1"/>
  <c r="E987" i="2" a="1"/>
  <c r="E987" i="2" s="1"/>
  <c r="E988" i="2" a="1"/>
  <c r="E988" i="2" s="1"/>
  <c r="E974" i="2" a="1"/>
  <c r="E974" i="2" s="1"/>
  <c r="E975" i="2" a="1"/>
  <c r="E975" i="2" s="1"/>
  <c r="E979" i="2" a="1"/>
  <c r="E979" i="2" s="1"/>
  <c r="E976" i="2" a="1"/>
  <c r="E976" i="2" s="1"/>
  <c r="E978" i="2" a="1"/>
  <c r="E978" i="2" s="1"/>
  <c r="E991" i="2" a="1"/>
  <c r="E991" i="2" s="1"/>
  <c r="E984" i="2" a="1"/>
  <c r="E984" i="2" s="1"/>
  <c r="H7832" i="2" a="1"/>
  <c r="H7832" i="2" s="1"/>
  <c r="H7821" i="2" a="1"/>
  <c r="H7821" i="2" s="1"/>
  <c r="H7833" i="2" a="1"/>
  <c r="H7833" i="2" s="1"/>
  <c r="H7814" i="2" a="1"/>
  <c r="H7814" i="2" s="1"/>
  <c r="H7813" i="2" a="1"/>
  <c r="H7813" i="2" s="1"/>
  <c r="H7827" i="2" a="1"/>
  <c r="H7827" i="2" s="1"/>
  <c r="H7819" i="2" a="1"/>
  <c r="H7819" i="2" s="1"/>
  <c r="H7822" i="2" a="1"/>
  <c r="H7822" i="2" s="1"/>
  <c r="H7817" i="2" a="1"/>
  <c r="H7817" i="2" s="1"/>
  <c r="H7824" i="2" a="1"/>
  <c r="H7824" i="2" s="1"/>
  <c r="H7829" i="2" a="1"/>
  <c r="H7829" i="2" s="1"/>
  <c r="H7815" i="2" a="1"/>
  <c r="H7815" i="2" s="1"/>
  <c r="H7820" i="2" a="1"/>
  <c r="H7820" i="2" s="1"/>
  <c r="H7831" i="2" a="1"/>
  <c r="H7831" i="2" s="1"/>
  <c r="H7823" i="2" a="1"/>
  <c r="H7823" i="2" s="1"/>
  <c r="H7811" i="2" a="1"/>
  <c r="H7811" i="2" s="1"/>
  <c r="H7818" i="2" a="1"/>
  <c r="H7818" i="2" s="1"/>
  <c r="H7830" i="2" a="1"/>
  <c r="H7830" i="2" s="1"/>
  <c r="H7825" i="2" a="1"/>
  <c r="H7825" i="2" s="1"/>
  <c r="H7812" i="2" a="1"/>
  <c r="H7812" i="2" s="1"/>
  <c r="H7828" i="2" a="1"/>
  <c r="H7828" i="2" s="1"/>
  <c r="H7810" i="2" a="1"/>
  <c r="H7810" i="2" s="1"/>
  <c r="H7816" i="2" a="1"/>
  <c r="H7816" i="2" s="1"/>
  <c r="H7826" i="2" a="1"/>
  <c r="H7826" i="2" s="1"/>
  <c r="E8490" i="2" a="1"/>
  <c r="E8490" i="2" s="1"/>
  <c r="E8496" i="2" a="1"/>
  <c r="E8496" i="2" s="1"/>
  <c r="E8500" i="2" a="1"/>
  <c r="E8500" i="2" s="1"/>
  <c r="E8505" i="2" a="1"/>
  <c r="E8505" i="2" s="1"/>
  <c r="E8498" i="2" a="1"/>
  <c r="E8498" i="2" s="1"/>
  <c r="E8483" i="2" a="1"/>
  <c r="E8483" i="2" s="1"/>
  <c r="E8493" i="2" a="1"/>
  <c r="E8493" i="2" s="1"/>
  <c r="E8504" i="2" a="1"/>
  <c r="E8504" i="2" s="1"/>
  <c r="E8491" i="2" a="1"/>
  <c r="E8491" i="2" s="1"/>
  <c r="E8486" i="2" a="1"/>
  <c r="E8486" i="2" s="1"/>
  <c r="E8487" i="2" a="1"/>
  <c r="E8487" i="2" s="1"/>
  <c r="E8489" i="2" a="1"/>
  <c r="E8489" i="2" s="1"/>
  <c r="E8492" i="2" a="1"/>
  <c r="E8492" i="2" s="1"/>
  <c r="E8501" i="2" a="1"/>
  <c r="E8501" i="2" s="1"/>
  <c r="E8503" i="2" a="1"/>
  <c r="E8503" i="2" s="1"/>
  <c r="E8495" i="2" a="1"/>
  <c r="E8495" i="2" s="1"/>
  <c r="E8497" i="2" a="1"/>
  <c r="E8497" i="2" s="1"/>
  <c r="E8502" i="2" a="1"/>
  <c r="E8502" i="2" s="1"/>
  <c r="G4638" i="2" a="1"/>
  <c r="G4638" i="2" s="1"/>
  <c r="G4627" i="2" a="1"/>
  <c r="G4627" i="2" s="1"/>
  <c r="G4622" i="2" a="1"/>
  <c r="G4622" i="2" s="1"/>
  <c r="G4639" i="2" a="1"/>
  <c r="G4639" i="2" s="1"/>
  <c r="G4621" i="2" a="1"/>
  <c r="G4621" i="2" s="1"/>
  <c r="G4636" i="2" a="1"/>
  <c r="G4636" i="2" s="1"/>
  <c r="G4619" i="2" a="1"/>
  <c r="G4619" i="2" s="1"/>
  <c r="G4628" i="2" a="1"/>
  <c r="G4628" i="2" s="1"/>
  <c r="G4637" i="2" a="1"/>
  <c r="G4637" i="2" s="1"/>
  <c r="G4640" i="2" a="1"/>
  <c r="G4640" i="2" s="1"/>
  <c r="G4623" i="2" a="1"/>
  <c r="G4623" i="2" s="1"/>
  <c r="G4618" i="2" a="1"/>
  <c r="G4618" i="2" s="1"/>
  <c r="G4620" i="2" a="1"/>
  <c r="G4620" i="2" s="1"/>
  <c r="G4629" i="2" a="1"/>
  <c r="G4629" i="2" s="1"/>
  <c r="G4626" i="2" a="1"/>
  <c r="G4626" i="2" s="1"/>
  <c r="G4635" i="2" a="1"/>
  <c r="G4635" i="2" s="1"/>
  <c r="G4624" i="2" a="1"/>
  <c r="G4624" i="2" s="1"/>
  <c r="G4630" i="2" a="1"/>
  <c r="G4630" i="2" s="1"/>
  <c r="G4625" i="2" a="1"/>
  <c r="G4625" i="2" s="1"/>
  <c r="G4641" i="2" a="1"/>
  <c r="G4641" i="2" s="1"/>
  <c r="G4633" i="2" a="1"/>
  <c r="G4633" i="2" s="1"/>
  <c r="G4631" i="2" a="1"/>
  <c r="G4631" i="2" s="1"/>
  <c r="G4632" i="2" a="1"/>
  <c r="G4632" i="2" s="1"/>
  <c r="G4634" i="2" a="1"/>
  <c r="G4634" i="2" s="1"/>
  <c r="G3418" i="2" a="1"/>
  <c r="G3418" i="2" s="1"/>
  <c r="G3420" i="2" a="1"/>
  <c r="G3420" i="2" s="1"/>
  <c r="G3419" i="2" a="1"/>
  <c r="G3419" i="2" s="1"/>
  <c r="G3432" i="2" a="1"/>
  <c r="G3432" i="2" s="1"/>
  <c r="G3424" i="2" a="1"/>
  <c r="G3424" i="2" s="1"/>
  <c r="G3434" i="2" a="1"/>
  <c r="G3434" i="2" s="1"/>
  <c r="G3431" i="2" a="1"/>
  <c r="G3431" i="2" s="1"/>
  <c r="G3435" i="2" a="1"/>
  <c r="G3435" i="2" s="1"/>
  <c r="G3441" i="2" a="1"/>
  <c r="G3441" i="2" s="1"/>
  <c r="G3421" i="2" a="1"/>
  <c r="G3421" i="2" s="1"/>
  <c r="G3422" i="2" a="1"/>
  <c r="G3422" i="2" s="1"/>
  <c r="G3425" i="2" a="1"/>
  <c r="G3425" i="2" s="1"/>
  <c r="G3426" i="2" a="1"/>
  <c r="G3426" i="2" s="1"/>
  <c r="G3439" i="2" a="1"/>
  <c r="G3439" i="2" s="1"/>
  <c r="G3433" i="2" a="1"/>
  <c r="G3433" i="2" s="1"/>
  <c r="G3430" i="2" a="1"/>
  <c r="G3430" i="2" s="1"/>
  <c r="G3423" i="2" a="1"/>
  <c r="G3423" i="2" s="1"/>
  <c r="G3429" i="2" a="1"/>
  <c r="G3429" i="2" s="1"/>
  <c r="G3440" i="2" a="1"/>
  <c r="G3440" i="2" s="1"/>
  <c r="G3436" i="2" a="1"/>
  <c r="G3436" i="2" s="1"/>
  <c r="G3437" i="2" a="1"/>
  <c r="G3437" i="2" s="1"/>
  <c r="G3427" i="2" a="1"/>
  <c r="G3427" i="2" s="1"/>
  <c r="G3438" i="2" a="1"/>
  <c r="G3438" i="2" s="1"/>
  <c r="G3428" i="2" a="1"/>
  <c r="G3428" i="2" s="1"/>
  <c r="E920" i="2" a="1"/>
  <c r="E920" i="2" s="1"/>
  <c r="E917" i="2" a="1"/>
  <c r="E917" i="2" s="1"/>
  <c r="E898" i="2" a="1"/>
  <c r="E898" i="2" s="1"/>
  <c r="E921" i="2" a="1"/>
  <c r="E921" i="2" s="1"/>
  <c r="E907" i="2" a="1"/>
  <c r="E907" i="2" s="1"/>
  <c r="E903" i="2" a="1"/>
  <c r="E903" i="2" s="1"/>
  <c r="E904" i="2" a="1"/>
  <c r="E904" i="2" s="1"/>
  <c r="E908" i="2" a="1"/>
  <c r="E908" i="2" s="1"/>
  <c r="E905" i="2" a="1"/>
  <c r="E905" i="2" s="1"/>
  <c r="E909" i="2" a="1"/>
  <c r="E909" i="2" s="1"/>
  <c r="E918" i="2" a="1"/>
  <c r="E918" i="2" s="1"/>
  <c r="E912" i="2" a="1"/>
  <c r="E912" i="2" s="1"/>
  <c r="E913" i="2" a="1"/>
  <c r="E913" i="2" s="1"/>
  <c r="E916" i="2" a="1"/>
  <c r="E916" i="2" s="1"/>
  <c r="E914" i="2" a="1"/>
  <c r="E914" i="2" s="1"/>
  <c r="E910" i="2" a="1"/>
  <c r="E910" i="2" s="1"/>
  <c r="E915" i="2" a="1"/>
  <c r="E915" i="2" s="1"/>
  <c r="E899" i="2" a="1"/>
  <c r="E899" i="2" s="1"/>
  <c r="E902" i="2" a="1"/>
  <c r="E902" i="2" s="1"/>
  <c r="E900" i="2" a="1"/>
  <c r="E900" i="2" s="1"/>
  <c r="E901" i="2" a="1"/>
  <c r="E901" i="2" s="1"/>
  <c r="E906" i="2" a="1"/>
  <c r="E906" i="2" s="1"/>
  <c r="E919" i="2" a="1"/>
  <c r="E919" i="2" s="1"/>
  <c r="E911" i="2" a="1"/>
  <c r="E911" i="2" s="1"/>
  <c r="G8709" i="2" a="1"/>
  <c r="G8709" i="2" s="1"/>
  <c r="G8700" i="2" a="1"/>
  <c r="G8700" i="2" s="1"/>
  <c r="G8705" i="2" a="1"/>
  <c r="G8705" i="2" s="1"/>
  <c r="G8706" i="2" a="1"/>
  <c r="G8706" i="2" s="1"/>
  <c r="G8716" i="2" a="1"/>
  <c r="G8716" i="2" s="1"/>
  <c r="G8719" i="2" a="1"/>
  <c r="G8719" i="2" s="1"/>
  <c r="G8704" i="2" a="1"/>
  <c r="G8704" i="2" s="1"/>
  <c r="G8720" i="2" a="1"/>
  <c r="G8720" i="2" s="1"/>
  <c r="G8717" i="2" a="1"/>
  <c r="G8717" i="2" s="1"/>
  <c r="G8721" i="2" a="1"/>
  <c r="G8721" i="2" s="1"/>
  <c r="G8708" i="2" a="1"/>
  <c r="G8708" i="2" s="1"/>
  <c r="G8710" i="2" a="1"/>
  <c r="G8710" i="2" s="1"/>
  <c r="G8703" i="2" a="1"/>
  <c r="G8703" i="2" s="1"/>
  <c r="G8718" i="2" a="1"/>
  <c r="G8718" i="2" s="1"/>
  <c r="G8713" i="2" a="1"/>
  <c r="G8713" i="2" s="1"/>
  <c r="G8707" i="2" a="1"/>
  <c r="G8707" i="2" s="1"/>
  <c r="G8714" i="2" a="1"/>
  <c r="G8714" i="2" s="1"/>
  <c r="G8701" i="2" a="1"/>
  <c r="G8701" i="2" s="1"/>
  <c r="G8715" i="2" a="1"/>
  <c r="G8715" i="2" s="1"/>
  <c r="G8711" i="2" a="1"/>
  <c r="G8711" i="2" s="1"/>
  <c r="G8699" i="2" a="1"/>
  <c r="G8699" i="2" s="1"/>
  <c r="G8712" i="2" a="1"/>
  <c r="G8712" i="2" s="1"/>
  <c r="G8702" i="2" a="1"/>
  <c r="G8702" i="2" s="1"/>
  <c r="G8698" i="2" a="1"/>
  <c r="G8698" i="2" s="1"/>
  <c r="G4281" i="2" a="1"/>
  <c r="G4281" i="2" s="1"/>
  <c r="G4262" i="2" a="1"/>
  <c r="G4262" i="2" s="1"/>
  <c r="G4280" i="2" a="1"/>
  <c r="G4280" i="2" s="1"/>
  <c r="G4267" i="2" a="1"/>
  <c r="G4267" i="2" s="1"/>
  <c r="G4263" i="2" a="1"/>
  <c r="G4263" i="2" s="1"/>
  <c r="G4273" i="2" a="1"/>
  <c r="G4273" i="2" s="1"/>
  <c r="G4277" i="2" a="1"/>
  <c r="G4277" i="2" s="1"/>
  <c r="G4261" i="2" a="1"/>
  <c r="G4261" i="2" s="1"/>
  <c r="G4278" i="2" a="1"/>
  <c r="G4278" i="2" s="1"/>
  <c r="G4275" i="2" a="1"/>
  <c r="G4275" i="2" s="1"/>
  <c r="G4259" i="2" a="1"/>
  <c r="G4259" i="2" s="1"/>
  <c r="G4268" i="2" a="1"/>
  <c r="G4268" i="2" s="1"/>
  <c r="G4264" i="2" a="1"/>
  <c r="G4264" i="2" s="1"/>
  <c r="G4271" i="2" a="1"/>
  <c r="G4271" i="2" s="1"/>
  <c r="G4260" i="2" a="1"/>
  <c r="G4260" i="2" s="1"/>
  <c r="G4258" i="2" a="1"/>
  <c r="G4258" i="2" s="1"/>
  <c r="G4272" i="2" a="1"/>
  <c r="G4272" i="2" s="1"/>
  <c r="G4269" i="2" a="1"/>
  <c r="G4269" i="2" s="1"/>
  <c r="G4270" i="2" a="1"/>
  <c r="G4270" i="2" s="1"/>
  <c r="G4265" i="2" a="1"/>
  <c r="G4265" i="2" s="1"/>
  <c r="G4274" i="2" a="1"/>
  <c r="G4274" i="2" s="1"/>
  <c r="G4279" i="2" a="1"/>
  <c r="G4279" i="2" s="1"/>
  <c r="G4266" i="2" a="1"/>
  <c r="G4266" i="2" s="1"/>
  <c r="G4276" i="2" a="1"/>
  <c r="G4276" i="2" s="1"/>
  <c r="H1924" i="2" a="1"/>
  <c r="H1924" i="2" s="1"/>
  <c r="H1912" i="2" a="1"/>
  <c r="H1912" i="2" s="1"/>
  <c r="H1919" i="2" a="1"/>
  <c r="H1919" i="2" s="1"/>
  <c r="H1925" i="2" a="1"/>
  <c r="H1925" i="2" s="1"/>
  <c r="H1916" i="2" a="1"/>
  <c r="H1916" i="2" s="1"/>
  <c r="H1908" i="2" a="1"/>
  <c r="H1908" i="2" s="1"/>
  <c r="H1910" i="2" a="1"/>
  <c r="H1910" i="2" s="1"/>
  <c r="H1922" i="2" a="1"/>
  <c r="H1922" i="2" s="1"/>
  <c r="H1923" i="2" a="1"/>
  <c r="H1923" i="2" s="1"/>
  <c r="H1926" i="2" a="1"/>
  <c r="H1926" i="2" s="1"/>
  <c r="H1906" i="2" a="1"/>
  <c r="H1906" i="2" s="1"/>
  <c r="H1927" i="2" a="1"/>
  <c r="H1927" i="2" s="1"/>
  <c r="H1915" i="2" a="1"/>
  <c r="H1915" i="2" s="1"/>
  <c r="H1921" i="2" a="1"/>
  <c r="H1921" i="2" s="1"/>
  <c r="H1929" i="2" a="1"/>
  <c r="H1929" i="2" s="1"/>
  <c r="H1928" i="2" a="1"/>
  <c r="H1928" i="2" s="1"/>
  <c r="H1911" i="2" a="1"/>
  <c r="H1911" i="2" s="1"/>
  <c r="H1909" i="2" a="1"/>
  <c r="H1909" i="2" s="1"/>
  <c r="H1917" i="2" a="1"/>
  <c r="H1917" i="2" s="1"/>
  <c r="E1747" i="2" a="1"/>
  <c r="E1747" i="2" s="1"/>
  <c r="E1753" i="2" a="1"/>
  <c r="E1753" i="2" s="1"/>
  <c r="E1757" i="2" a="1"/>
  <c r="E1757" i="2" s="1"/>
  <c r="E1748" i="2" a="1"/>
  <c r="E1748" i="2" s="1"/>
  <c r="E1743" i="2" a="1"/>
  <c r="E1743" i="2" s="1"/>
  <c r="E1760" i="2" a="1"/>
  <c r="E1760" i="2" s="1"/>
  <c r="E1750" i="2" a="1"/>
  <c r="E1750" i="2" s="1"/>
  <c r="E1751" i="2" a="1"/>
  <c r="E1751" i="2" s="1"/>
  <c r="E1754" i="2" a="1"/>
  <c r="E1754" i="2" s="1"/>
  <c r="E1744" i="2" a="1"/>
  <c r="E1744" i="2" s="1"/>
  <c r="E1740" i="2" a="1"/>
  <c r="E1740" i="2" s="1"/>
  <c r="E1745" i="2" a="1"/>
  <c r="E1745" i="2" s="1"/>
  <c r="E1752" i="2" a="1"/>
  <c r="E1752" i="2" s="1"/>
  <c r="E1759" i="2" a="1"/>
  <c r="E1759" i="2" s="1"/>
  <c r="E1755" i="2" a="1"/>
  <c r="E1755" i="2" s="1"/>
  <c r="E1749" i="2" a="1"/>
  <c r="E1749" i="2" s="1"/>
  <c r="E1741" i="2" a="1"/>
  <c r="E1741" i="2" s="1"/>
  <c r="E1739" i="2" a="1"/>
  <c r="E1739" i="2" s="1"/>
  <c r="E1756" i="2" a="1"/>
  <c r="E1756" i="2" s="1"/>
  <c r="E1742" i="2" a="1"/>
  <c r="E1742" i="2" s="1"/>
  <c r="E1746" i="2" a="1"/>
  <c r="E1746" i="2" s="1"/>
  <c r="E1738" i="2" a="1"/>
  <c r="E1738" i="2" s="1"/>
  <c r="E1761" i="2" a="1"/>
  <c r="E1761" i="2" s="1"/>
  <c r="E1758" i="2" a="1"/>
  <c r="E1758" i="2" s="1"/>
  <c r="AN200" i="1"/>
  <c r="D206" i="5" s="1"/>
  <c r="AO200" i="1"/>
  <c r="E206" i="5" s="1"/>
  <c r="AQ200" i="1"/>
  <c r="G206" i="5" s="1"/>
  <c r="AP200" i="1"/>
  <c r="F206" i="5" s="1"/>
  <c r="AM200" i="1"/>
  <c r="D4789" i="2" a="1"/>
  <c r="D4789" i="2" s="1"/>
  <c r="D4793" i="2" a="1"/>
  <c r="D4793" i="2" s="1"/>
  <c r="D4801" i="2" a="1"/>
  <c r="D4801" i="2" s="1"/>
  <c r="D4805" i="2" a="1"/>
  <c r="D4805" i="2" s="1"/>
  <c r="D4809" i="2" a="1"/>
  <c r="D4809" i="2" s="1"/>
  <c r="D4798" i="2" a="1"/>
  <c r="D4798" i="2" s="1"/>
  <c r="D4797" i="2" a="1"/>
  <c r="D4797" i="2" s="1"/>
  <c r="D4786" i="2" a="1"/>
  <c r="D4786" i="2" s="1"/>
  <c r="D4788" i="2" a="1"/>
  <c r="D4788" i="2" s="1"/>
  <c r="D4792" i="2" a="1"/>
  <c r="D4792" i="2" s="1"/>
  <c r="D4796" i="2" a="1"/>
  <c r="D4796" i="2" s="1"/>
  <c r="D4800" i="2" a="1"/>
  <c r="D4800" i="2" s="1"/>
  <c r="D4804" i="2" a="1"/>
  <c r="D4804" i="2" s="1"/>
  <c r="D4808" i="2" a="1"/>
  <c r="D4808" i="2" s="1"/>
  <c r="D4787" i="2" a="1"/>
  <c r="D4787" i="2" s="1"/>
  <c r="D4791" i="2" a="1"/>
  <c r="D4791" i="2" s="1"/>
  <c r="D4795" i="2" a="1"/>
  <c r="D4795" i="2" s="1"/>
  <c r="D4799" i="2" a="1"/>
  <c r="D4799" i="2" s="1"/>
  <c r="D4803" i="2" a="1"/>
  <c r="D4803" i="2" s="1"/>
  <c r="D4807" i="2" a="1"/>
  <c r="D4807" i="2" s="1"/>
  <c r="D4790" i="2" a="1"/>
  <c r="D4790" i="2" s="1"/>
  <c r="D4794" i="2" a="1"/>
  <c r="D4794" i="2" s="1"/>
  <c r="D4802" i="2" a="1"/>
  <c r="D4802" i="2" s="1"/>
  <c r="D4806" i="2" a="1"/>
  <c r="D4806" i="2" s="1"/>
  <c r="AQ237" i="1"/>
  <c r="G243" i="5" s="1"/>
  <c r="AN237" i="1"/>
  <c r="D243" i="5" s="1"/>
  <c r="AP237" i="1"/>
  <c r="F243" i="5" s="1"/>
  <c r="AO237" i="1"/>
  <c r="E243" i="5" s="1"/>
  <c r="AM237" i="1"/>
  <c r="D5677" i="2" a="1"/>
  <c r="D5677" i="2" s="1"/>
  <c r="D5685" i="2" a="1"/>
  <c r="D5685" i="2" s="1"/>
  <c r="D5679" i="2" a="1"/>
  <c r="D5679" i="2" s="1"/>
  <c r="D5683" i="2" a="1"/>
  <c r="D5683" i="2" s="1"/>
  <c r="D5687" i="2" a="1"/>
  <c r="D5687" i="2" s="1"/>
  <c r="D5691" i="2" a="1"/>
  <c r="D5691" i="2" s="1"/>
  <c r="D5695" i="2" a="1"/>
  <c r="D5695" i="2" s="1"/>
  <c r="D5692" i="2" a="1"/>
  <c r="D5692" i="2" s="1"/>
  <c r="D5675" i="2" a="1"/>
  <c r="D5675" i="2" s="1"/>
  <c r="D5678" i="2" a="1"/>
  <c r="D5678" i="2" s="1"/>
  <c r="D5682" i="2" a="1"/>
  <c r="D5682" i="2" s="1"/>
  <c r="D5686" i="2" a="1"/>
  <c r="D5686" i="2" s="1"/>
  <c r="D5690" i="2" a="1"/>
  <c r="D5690" i="2" s="1"/>
  <c r="D5694" i="2" a="1"/>
  <c r="D5694" i="2" s="1"/>
  <c r="D5681" i="2" a="1"/>
  <c r="D5681" i="2" s="1"/>
  <c r="D5689" i="2" a="1"/>
  <c r="D5689" i="2" s="1"/>
  <c r="D5693" i="2" a="1"/>
  <c r="D5693" i="2" s="1"/>
  <c r="D5697" i="2" a="1"/>
  <c r="D5697" i="2" s="1"/>
  <c r="D5674" i="2" a="1"/>
  <c r="D5674" i="2" s="1"/>
  <c r="D5676" i="2" a="1"/>
  <c r="D5676" i="2" s="1"/>
  <c r="D5680" i="2" a="1"/>
  <c r="D5680" i="2" s="1"/>
  <c r="D5684" i="2" a="1"/>
  <c r="D5684" i="2" s="1"/>
  <c r="D5688" i="2" a="1"/>
  <c r="D5688" i="2" s="1"/>
  <c r="D5696" i="2" a="1"/>
  <c r="D5696" i="2" s="1"/>
  <c r="E7640" i="2" a="1"/>
  <c r="E7640" i="2" s="1"/>
  <c r="E7635" i="2" a="1"/>
  <c r="E7635" i="2" s="1"/>
  <c r="E7638" i="2" a="1"/>
  <c r="E7638" i="2" s="1"/>
  <c r="E7631" i="2" a="1"/>
  <c r="E7631" i="2" s="1"/>
  <c r="E7641" i="2" a="1"/>
  <c r="E7641" i="2" s="1"/>
  <c r="E7634" i="2" a="1"/>
  <c r="E7634" i="2" s="1"/>
  <c r="E7636" i="2" a="1"/>
  <c r="E7636" i="2" s="1"/>
  <c r="E7621" i="2" a="1"/>
  <c r="E7621" i="2" s="1"/>
  <c r="E7619" i="2" a="1"/>
  <c r="E7619" i="2" s="1"/>
  <c r="E7630" i="2" a="1"/>
  <c r="E7630" i="2" s="1"/>
  <c r="E7623" i="2" a="1"/>
  <c r="E7623" i="2" s="1"/>
  <c r="E7639" i="2" a="1"/>
  <c r="E7639" i="2" s="1"/>
  <c r="E7626" i="2" a="1"/>
  <c r="E7626" i="2" s="1"/>
  <c r="E7622" i="2" a="1"/>
  <c r="E7622" i="2" s="1"/>
  <c r="E7632" i="2" a="1"/>
  <c r="E7632" i="2" s="1"/>
  <c r="E7624" i="2" a="1"/>
  <c r="E7624" i="2" s="1"/>
  <c r="E7627" i="2" a="1"/>
  <c r="E7627" i="2" s="1"/>
  <c r="E7620" i="2" a="1"/>
  <c r="E7620" i="2" s="1"/>
  <c r="E7628" i="2" a="1"/>
  <c r="E7628" i="2" s="1"/>
  <c r="H8382" i="2" a="1"/>
  <c r="H8382" i="2" s="1"/>
  <c r="H8375" i="2" a="1"/>
  <c r="H8375" i="2" s="1"/>
  <c r="H8383" i="2" a="1"/>
  <c r="H8383" i="2" s="1"/>
  <c r="H8364" i="2" a="1"/>
  <c r="H8364" i="2" s="1"/>
  <c r="H8370" i="2" a="1"/>
  <c r="H8370" i="2" s="1"/>
  <c r="H8376" i="2" a="1"/>
  <c r="H8376" i="2" s="1"/>
  <c r="H8384" i="2" a="1"/>
  <c r="H8384" i="2" s="1"/>
  <c r="H8365" i="2" a="1"/>
  <c r="H8365" i="2" s="1"/>
  <c r="H8385" i="2" a="1"/>
  <c r="H8385" i="2" s="1"/>
  <c r="H8377" i="2" a="1"/>
  <c r="H8377" i="2" s="1"/>
  <c r="H8369" i="2" a="1"/>
  <c r="H8369" i="2" s="1"/>
  <c r="H8378" i="2" a="1"/>
  <c r="H8378" i="2" s="1"/>
  <c r="H8363" i="2" a="1"/>
  <c r="H8363" i="2" s="1"/>
  <c r="H8367" i="2" a="1"/>
  <c r="H8367" i="2" s="1"/>
  <c r="H8362" i="2" a="1"/>
  <c r="H8362" i="2" s="1"/>
  <c r="H8381" i="2" a="1"/>
  <c r="H8381" i="2" s="1"/>
  <c r="H8373" i="2" a="1"/>
  <c r="H8373" i="2" s="1"/>
  <c r="H8371" i="2" a="1"/>
  <c r="H8371" i="2" s="1"/>
  <c r="H8366" i="2" a="1"/>
  <c r="H8366" i="2" s="1"/>
  <c r="H8372" i="2" a="1"/>
  <c r="H8372" i="2" s="1"/>
  <c r="H8368" i="2" a="1"/>
  <c r="H8368" i="2" s="1"/>
  <c r="H8379" i="2" a="1"/>
  <c r="H8379" i="2" s="1"/>
  <c r="H8374" i="2" a="1"/>
  <c r="H8374" i="2" s="1"/>
  <c r="H8380" i="2" a="1"/>
  <c r="H8380" i="2" s="1"/>
  <c r="F8499" i="2" a="1"/>
  <c r="F8499" i="2" s="1"/>
  <c r="F8486" i="2" a="1"/>
  <c r="F8486" i="2" s="1"/>
  <c r="F8497" i="2" a="1"/>
  <c r="F8497" i="2" s="1"/>
  <c r="F8500" i="2" a="1"/>
  <c r="F8500" i="2" s="1"/>
  <c r="F8483" i="2" a="1"/>
  <c r="F8483" i="2" s="1"/>
  <c r="F8492" i="2" a="1"/>
  <c r="F8492" i="2" s="1"/>
  <c r="F8502" i="2" a="1"/>
  <c r="F8502" i="2" s="1"/>
  <c r="F8491" i="2" a="1"/>
  <c r="F8491" i="2" s="1"/>
  <c r="F8503" i="2" a="1"/>
  <c r="F8503" i="2" s="1"/>
  <c r="F8482" i="2" a="1"/>
  <c r="F8482" i="2" s="1"/>
  <c r="F8490" i="2" a="1"/>
  <c r="F8490" i="2" s="1"/>
  <c r="F8505" i="2" a="1"/>
  <c r="F8505" i="2" s="1"/>
  <c r="F8495" i="2" a="1"/>
  <c r="F8495" i="2" s="1"/>
  <c r="F8484" i="2" a="1"/>
  <c r="F8484" i="2" s="1"/>
  <c r="F8504" i="2" a="1"/>
  <c r="F8504" i="2" s="1"/>
  <c r="F8498" i="2" a="1"/>
  <c r="F8498" i="2" s="1"/>
  <c r="F8501" i="2" a="1"/>
  <c r="F8501" i="2" s="1"/>
  <c r="F8494" i="2" a="1"/>
  <c r="F8494" i="2" s="1"/>
  <c r="F8488" i="2" a="1"/>
  <c r="F8488" i="2" s="1"/>
  <c r="F8493" i="2" a="1"/>
  <c r="F8493" i="2" s="1"/>
  <c r="F8487" i="2" a="1"/>
  <c r="F8487" i="2" s="1"/>
  <c r="F8489" i="2" a="1"/>
  <c r="F8489" i="2" s="1"/>
  <c r="F8496" i="2" a="1"/>
  <c r="F8496" i="2" s="1"/>
  <c r="F8485" i="2" a="1"/>
  <c r="F8485" i="2" s="1"/>
  <c r="G4447" i="2" a="1"/>
  <c r="G4447" i="2" s="1"/>
  <c r="G4428" i="2" a="1"/>
  <c r="G4428" i="2" s="1"/>
  <c r="G4448" i="2" a="1"/>
  <c r="G4448" i="2" s="1"/>
  <c r="G4426" i="2" a="1"/>
  <c r="G4426" i="2" s="1"/>
  <c r="G4446" i="2" a="1"/>
  <c r="G4446" i="2" s="1"/>
  <c r="G4445" i="2" a="1"/>
  <c r="G4445" i="2" s="1"/>
  <c r="G4449" i="2" a="1"/>
  <c r="G4449" i="2" s="1"/>
  <c r="G4429" i="2" a="1"/>
  <c r="G4429" i="2" s="1"/>
  <c r="G4431" i="2" a="1"/>
  <c r="G4431" i="2" s="1"/>
  <c r="G4438" i="2" a="1"/>
  <c r="G4438" i="2" s="1"/>
  <c r="G4433" i="2" a="1"/>
  <c r="G4433" i="2" s="1"/>
  <c r="G4444" i="2" a="1"/>
  <c r="G4444" i="2" s="1"/>
  <c r="G4439" i="2" a="1"/>
  <c r="G4439" i="2" s="1"/>
  <c r="G4435" i="2" a="1"/>
  <c r="G4435" i="2" s="1"/>
  <c r="G4436" i="2" a="1"/>
  <c r="G4436" i="2" s="1"/>
  <c r="G4440" i="2" a="1"/>
  <c r="G4440" i="2" s="1"/>
  <c r="G4430" i="2" a="1"/>
  <c r="G4430" i="2" s="1"/>
  <c r="G4437" i="2" a="1"/>
  <c r="G4437" i="2" s="1"/>
  <c r="G4442" i="2" a="1"/>
  <c r="G4442" i="2" s="1"/>
  <c r="G4432" i="2" a="1"/>
  <c r="G4432" i="2" s="1"/>
  <c r="G4434" i="2" a="1"/>
  <c r="G4434" i="2" s="1"/>
  <c r="G4443" i="2" a="1"/>
  <c r="G4443" i="2" s="1"/>
  <c r="G4441" i="2" a="1"/>
  <c r="G4441" i="2" s="1"/>
  <c r="G4427" i="2" a="1"/>
  <c r="G4427" i="2" s="1"/>
  <c r="H1938" i="2" a="1"/>
  <c r="H1938" i="2" s="1"/>
  <c r="H1943" i="2" a="1"/>
  <c r="H1943" i="2" s="1"/>
  <c r="H1939" i="2" a="1"/>
  <c r="H1939" i="2" s="1"/>
  <c r="H1944" i="2" a="1"/>
  <c r="H1944" i="2" s="1"/>
  <c r="H1947" i="2" a="1"/>
  <c r="H1947" i="2" s="1"/>
  <c r="H1933" i="2" a="1"/>
  <c r="H1933" i="2" s="1"/>
  <c r="H1930" i="2" a="1"/>
  <c r="H1930" i="2" s="1"/>
  <c r="H1934" i="2" a="1"/>
  <c r="H1934" i="2" s="1"/>
  <c r="H1942" i="2" a="1"/>
  <c r="H1942" i="2" s="1"/>
  <c r="H1945" i="2" a="1"/>
  <c r="H1945" i="2" s="1"/>
  <c r="H1932" i="2" a="1"/>
  <c r="H1932" i="2" s="1"/>
  <c r="H1951" i="2" a="1"/>
  <c r="H1951" i="2" s="1"/>
  <c r="H1946" i="2" a="1"/>
  <c r="H1946" i="2" s="1"/>
  <c r="H1948" i="2" a="1"/>
  <c r="H1948" i="2" s="1"/>
  <c r="H1952" i="2" a="1"/>
  <c r="H1952" i="2" s="1"/>
  <c r="H1950" i="2" a="1"/>
  <c r="H1950" i="2" s="1"/>
  <c r="H1949" i="2" a="1"/>
  <c r="H1949" i="2" s="1"/>
  <c r="H1953" i="2" a="1"/>
  <c r="H1953" i="2" s="1"/>
  <c r="H1935" i="2" a="1"/>
  <c r="H1935" i="2" s="1"/>
  <c r="H1931" i="2" a="1"/>
  <c r="H1931" i="2" s="1"/>
  <c r="H1936" i="2" a="1"/>
  <c r="H1936" i="2" s="1"/>
  <c r="H1940" i="2" a="1"/>
  <c r="H1940" i="2" s="1"/>
  <c r="H1937" i="2" a="1"/>
  <c r="H1937" i="2" s="1"/>
  <c r="H1941" i="2" a="1"/>
  <c r="H1941" i="2" s="1"/>
  <c r="G4511" i="2" a="1"/>
  <c r="G4511" i="2" s="1"/>
  <c r="G4500" i="2" a="1"/>
  <c r="G4500" i="2" s="1"/>
  <c r="G4502" i="2" a="1"/>
  <c r="G4502" i="2" s="1"/>
  <c r="G4512" i="2" a="1"/>
  <c r="G4512" i="2" s="1"/>
  <c r="G4516" i="2" a="1"/>
  <c r="G4516" i="2" s="1"/>
  <c r="G4503" i="2" a="1"/>
  <c r="G4503" i="2" s="1"/>
  <c r="G4505" i="2" a="1"/>
  <c r="G4505" i="2" s="1"/>
  <c r="G4499" i="2" a="1"/>
  <c r="G4499" i="2" s="1"/>
  <c r="G4509" i="2" a="1"/>
  <c r="G4509" i="2" s="1"/>
  <c r="G4515" i="2" a="1"/>
  <c r="G4515" i="2" s="1"/>
  <c r="G4520" i="2" a="1"/>
  <c r="G4520" i="2" s="1"/>
  <c r="G4521" i="2" a="1"/>
  <c r="G4521" i="2" s="1"/>
  <c r="G4519" i="2" a="1"/>
  <c r="G4519" i="2" s="1"/>
  <c r="G4501" i="2" a="1"/>
  <c r="G4501" i="2" s="1"/>
  <c r="G4506" i="2" a="1"/>
  <c r="G4506" i="2" s="1"/>
  <c r="G4504" i="2" a="1"/>
  <c r="G4504" i="2" s="1"/>
  <c r="G4508" i="2" a="1"/>
  <c r="G4508" i="2" s="1"/>
  <c r="G4510" i="2" a="1"/>
  <c r="G4510" i="2" s="1"/>
  <c r="G4513" i="2" a="1"/>
  <c r="G4513" i="2" s="1"/>
  <c r="F3750" i="2" a="1"/>
  <c r="F3750" i="2" s="1"/>
  <c r="F3753" i="2" a="1"/>
  <c r="F3753" i="2" s="1"/>
  <c r="F3732" i="2" a="1"/>
  <c r="F3732" i="2" s="1"/>
  <c r="F3748" i="2" a="1"/>
  <c r="F3748" i="2" s="1"/>
  <c r="F3744" i="2" a="1"/>
  <c r="F3744" i="2" s="1"/>
  <c r="F3737" i="2" a="1"/>
  <c r="F3737" i="2" s="1"/>
  <c r="F3741" i="2" a="1"/>
  <c r="F3741" i="2" s="1"/>
  <c r="F3746" i="2" a="1"/>
  <c r="F3746" i="2" s="1"/>
  <c r="F3745" i="2" a="1"/>
  <c r="F3745" i="2" s="1"/>
  <c r="F3736" i="2" a="1"/>
  <c r="F3736" i="2" s="1"/>
  <c r="F3731" i="2" a="1"/>
  <c r="F3731" i="2" s="1"/>
  <c r="F3749" i="2" a="1"/>
  <c r="F3749" i="2" s="1"/>
  <c r="F3730" i="2" a="1"/>
  <c r="F3730" i="2" s="1"/>
  <c r="F3733" i="2" a="1"/>
  <c r="F3733" i="2" s="1"/>
  <c r="F3743" i="2" a="1"/>
  <c r="F3743" i="2" s="1"/>
  <c r="F3747" i="2" a="1"/>
  <c r="F3747" i="2" s="1"/>
  <c r="F3752" i="2" a="1"/>
  <c r="F3752" i="2" s="1"/>
  <c r="F3739" i="2" a="1"/>
  <c r="F3739" i="2" s="1"/>
  <c r="F3734" i="2" a="1"/>
  <c r="F3734" i="2" s="1"/>
  <c r="F3735" i="2" a="1"/>
  <c r="F3735" i="2" s="1"/>
  <c r="F3751" i="2" a="1"/>
  <c r="F3751" i="2" s="1"/>
  <c r="F3738" i="2" a="1"/>
  <c r="F3738" i="2" s="1"/>
  <c r="F3742" i="2" a="1"/>
  <c r="F3742" i="2" s="1"/>
  <c r="F3740" i="2" a="1"/>
  <c r="F3740" i="2" s="1"/>
  <c r="F2397" i="2" a="1"/>
  <c r="F2397" i="2" s="1"/>
  <c r="F2404" i="2" a="1"/>
  <c r="F2404" i="2" s="1"/>
  <c r="F4267" i="2" a="1"/>
  <c r="F4267" i="2" s="1"/>
  <c r="F4277" i="2" a="1"/>
  <c r="F4277" i="2" s="1"/>
  <c r="F4260" i="2" a="1"/>
  <c r="F4260" i="2" s="1"/>
  <c r="F4268" i="2" a="1"/>
  <c r="F4268" i="2" s="1"/>
  <c r="F4281" i="2" a="1"/>
  <c r="F4281" i="2" s="1"/>
  <c r="F4263" i="2" a="1"/>
  <c r="F4263" i="2" s="1"/>
  <c r="F4274" i="2" a="1"/>
  <c r="F4274" i="2" s="1"/>
  <c r="F4270" i="2" a="1"/>
  <c r="F4270" i="2" s="1"/>
  <c r="F4264" i="2" a="1"/>
  <c r="F4264" i="2" s="1"/>
  <c r="F4280" i="2" a="1"/>
  <c r="F4280" i="2" s="1"/>
  <c r="F4265" i="2" a="1"/>
  <c r="F4265" i="2" s="1"/>
  <c r="F4261" i="2" a="1"/>
  <c r="F4261" i="2" s="1"/>
  <c r="F4278" i="2" a="1"/>
  <c r="F4278" i="2" s="1"/>
  <c r="F4269" i="2" a="1"/>
  <c r="F4269" i="2" s="1"/>
  <c r="F4276" i="2" a="1"/>
  <c r="F4276" i="2" s="1"/>
  <c r="F4273" i="2" a="1"/>
  <c r="F4273" i="2" s="1"/>
  <c r="F4262" i="2" a="1"/>
  <c r="F4262" i="2" s="1"/>
  <c r="F4266" i="2" a="1"/>
  <c r="F4266" i="2" s="1"/>
  <c r="F4258" i="2" a="1"/>
  <c r="F4258" i="2" s="1"/>
  <c r="F4279" i="2" a="1"/>
  <c r="F4279" i="2" s="1"/>
  <c r="F4271" i="2" a="1"/>
  <c r="F4271" i="2" s="1"/>
  <c r="F4275" i="2" a="1"/>
  <c r="F4275" i="2" s="1"/>
  <c r="F4259" i="2" a="1"/>
  <c r="F4259" i="2" s="1"/>
  <c r="F4272" i="2" a="1"/>
  <c r="F4272" i="2" s="1"/>
  <c r="H1438" i="2" a="1"/>
  <c r="H1438" i="2" s="1"/>
  <c r="H1437" i="2" a="1"/>
  <c r="H1437" i="2" s="1"/>
  <c r="H1442" i="2" a="1"/>
  <c r="H1442" i="2" s="1"/>
  <c r="H1439" i="2" a="1"/>
  <c r="H1439" i="2" s="1"/>
  <c r="H1445" i="2" a="1"/>
  <c r="H1445" i="2" s="1"/>
  <c r="H1435" i="2" a="1"/>
  <c r="H1435" i="2" s="1"/>
  <c r="H1426" i="2" a="1"/>
  <c r="H1426" i="2" s="1"/>
  <c r="H1429" i="2" a="1"/>
  <c r="H1429" i="2" s="1"/>
  <c r="H1432" i="2" a="1"/>
  <c r="H1432" i="2" s="1"/>
  <c r="H1448" i="2" a="1"/>
  <c r="H1448" i="2" s="1"/>
  <c r="H1430" i="2" a="1"/>
  <c r="H1430" i="2" s="1"/>
  <c r="H1446" i="2" a="1"/>
  <c r="H1446" i="2" s="1"/>
  <c r="H1449" i="2" a="1"/>
  <c r="H1449" i="2" s="1"/>
  <c r="H1433" i="2" a="1"/>
  <c r="H1433" i="2" s="1"/>
  <c r="H1427" i="2" a="1"/>
  <c r="H1427" i="2" s="1"/>
  <c r="H1431" i="2" a="1"/>
  <c r="H1431" i="2" s="1"/>
  <c r="H1436" i="2" a="1"/>
  <c r="H1436" i="2" s="1"/>
  <c r="H1443" i="2" a="1"/>
  <c r="H1443" i="2" s="1"/>
  <c r="H1447" i="2" a="1"/>
  <c r="H1447" i="2" s="1"/>
  <c r="H1441" i="2" a="1"/>
  <c r="H1441" i="2" s="1"/>
  <c r="H1428" i="2" a="1"/>
  <c r="H1428" i="2" s="1"/>
  <c r="H1440" i="2" a="1"/>
  <c r="H1440" i="2" s="1"/>
  <c r="H1444" i="2" a="1"/>
  <c r="H1444" i="2" s="1"/>
  <c r="H1434" i="2" a="1"/>
  <c r="H1434" i="2" s="1"/>
  <c r="E2310" i="2" a="1"/>
  <c r="E2310" i="2" s="1"/>
  <c r="E2305" i="2" a="1"/>
  <c r="E2305" i="2" s="1"/>
  <c r="E2312" i="2" a="1"/>
  <c r="E2312" i="2" s="1"/>
  <c r="E2306" i="2" a="1"/>
  <c r="E2306" i="2" s="1"/>
  <c r="E2293" i="2" a="1"/>
  <c r="E2293" i="2" s="1"/>
  <c r="E2290" i="2" a="1"/>
  <c r="E2290" i="2" s="1"/>
  <c r="E2302" i="2" a="1"/>
  <c r="E2302" i="2" s="1"/>
  <c r="E2300" i="2" a="1"/>
  <c r="E2300" i="2" s="1"/>
  <c r="E2301" i="2" a="1"/>
  <c r="E2301" i="2" s="1"/>
  <c r="E2313" i="2" a="1"/>
  <c r="E2313" i="2" s="1"/>
  <c r="E2296" i="2" a="1"/>
  <c r="E2296" i="2" s="1"/>
  <c r="E2292" i="2" a="1"/>
  <c r="E2292" i="2" s="1"/>
  <c r="E2297" i="2" a="1"/>
  <c r="E2297" i="2" s="1"/>
  <c r="E2299" i="2" a="1"/>
  <c r="E2299" i="2" s="1"/>
  <c r="E2307" i="2" a="1"/>
  <c r="E2307" i="2" s="1"/>
  <c r="E2294" i="2" a="1"/>
  <c r="E2294" i="2" s="1"/>
  <c r="E2291" i="2" a="1"/>
  <c r="E2291" i="2" s="1"/>
  <c r="E2295" i="2" a="1"/>
  <c r="E2295" i="2" s="1"/>
  <c r="E2309" i="2" a="1"/>
  <c r="E2309" i="2" s="1"/>
  <c r="E2308" i="2" a="1"/>
  <c r="E2308" i="2" s="1"/>
  <c r="E2303" i="2" a="1"/>
  <c r="E2303" i="2" s="1"/>
  <c r="E2298" i="2" a="1"/>
  <c r="E2298" i="2" s="1"/>
  <c r="E2311" i="2" a="1"/>
  <c r="E2311" i="2" s="1"/>
  <c r="E2304" i="2" a="1"/>
  <c r="E2304" i="2" s="1"/>
  <c r="F4827" i="2" a="1"/>
  <c r="F4827" i="2" s="1"/>
  <c r="F4826" i="2" a="1"/>
  <c r="F4826" i="2" s="1"/>
  <c r="F4828" i="2" a="1"/>
  <c r="F4828" i="2" s="1"/>
  <c r="F4810" i="2" a="1"/>
  <c r="F4810" i="2" s="1"/>
  <c r="F4829" i="2" a="1"/>
  <c r="F4829" i="2" s="1"/>
  <c r="F4824" i="2" a="1"/>
  <c r="F4824" i="2" s="1"/>
  <c r="F4812" i="2" a="1"/>
  <c r="F4812" i="2" s="1"/>
  <c r="F4833" i="2" a="1"/>
  <c r="F4833" i="2" s="1"/>
  <c r="F4814" i="2" a="1"/>
  <c r="F4814" i="2" s="1"/>
  <c r="F4831" i="2" a="1"/>
  <c r="F4831" i="2" s="1"/>
  <c r="F4816" i="2" a="1"/>
  <c r="F4816" i="2" s="1"/>
  <c r="F4820" i="2" a="1"/>
  <c r="F4820" i="2" s="1"/>
  <c r="F4817" i="2" a="1"/>
  <c r="F4817" i="2" s="1"/>
  <c r="F4825" i="2" a="1"/>
  <c r="F4825" i="2" s="1"/>
  <c r="F4818" i="2" a="1"/>
  <c r="F4818" i="2" s="1"/>
  <c r="F4821" i="2" a="1"/>
  <c r="F4821" i="2" s="1"/>
  <c r="F4822" i="2" a="1"/>
  <c r="F4822" i="2" s="1"/>
  <c r="F4823" i="2" a="1"/>
  <c r="F4823" i="2" s="1"/>
  <c r="F4815" i="2" a="1"/>
  <c r="F4815" i="2" s="1"/>
  <c r="F4811" i="2" a="1"/>
  <c r="F4811" i="2" s="1"/>
  <c r="F4813" i="2" a="1"/>
  <c r="F4813" i="2" s="1"/>
  <c r="F4819" i="2" a="1"/>
  <c r="F4819" i="2" s="1"/>
  <c r="F4832" i="2" a="1"/>
  <c r="F4832" i="2" s="1"/>
  <c r="F4830" i="2" a="1"/>
  <c r="F4830" i="2" s="1"/>
  <c r="G7603" i="2" a="1"/>
  <c r="G7603" i="2" s="1"/>
  <c r="G7597" i="2" a="1"/>
  <c r="G7597" i="2" s="1"/>
  <c r="G7614" i="2" a="1"/>
  <c r="G7614" i="2" s="1"/>
  <c r="G7611" i="2" a="1"/>
  <c r="G7611" i="2" s="1"/>
  <c r="G7612" i="2" a="1"/>
  <c r="G7612" i="2" s="1"/>
  <c r="G7616" i="2" a="1"/>
  <c r="G7616" i="2" s="1"/>
  <c r="G7613" i="2" a="1"/>
  <c r="G7613" i="2" s="1"/>
  <c r="G7607" i="2" a="1"/>
  <c r="G7607" i="2" s="1"/>
  <c r="G7602" i="2" a="1"/>
  <c r="G7602" i="2" s="1"/>
  <c r="G7600" i="2" a="1"/>
  <c r="G7600" i="2" s="1"/>
  <c r="G7604" i="2" a="1"/>
  <c r="G7604" i="2" s="1"/>
  <c r="G7608" i="2" a="1"/>
  <c r="G7608" i="2" s="1"/>
  <c r="G7605" i="2" a="1"/>
  <c r="G7605" i="2" s="1"/>
  <c r="G7609" i="2" a="1"/>
  <c r="G7609" i="2" s="1"/>
  <c r="G7595" i="2" a="1"/>
  <c r="G7595" i="2" s="1"/>
  <c r="G7601" i="2" a="1"/>
  <c r="G7601" i="2" s="1"/>
  <c r="G7596" i="2" a="1"/>
  <c r="G7596" i="2" s="1"/>
  <c r="G7610" i="2" a="1"/>
  <c r="G7610" i="2" s="1"/>
  <c r="G7615" i="2" a="1"/>
  <c r="G7615" i="2" s="1"/>
  <c r="G7617" i="2" a="1"/>
  <c r="G7617" i="2" s="1"/>
  <c r="G7594" i="2" a="1"/>
  <c r="G7594" i="2" s="1"/>
  <c r="G7599" i="2" a="1"/>
  <c r="G7599" i="2" s="1"/>
  <c r="G7606" i="2" a="1"/>
  <c r="G7606" i="2" s="1"/>
  <c r="G7598" i="2" a="1"/>
  <c r="G7598" i="2" s="1"/>
  <c r="G1245" i="2" a="1"/>
  <c r="G1245" i="2" s="1"/>
  <c r="G1243" i="2" a="1"/>
  <c r="G1243" i="2" s="1"/>
  <c r="G1235" i="2" a="1"/>
  <c r="G1235" i="2" s="1"/>
  <c r="G1253" i="2" a="1"/>
  <c r="G1253" i="2" s="1"/>
  <c r="G1246" i="2" a="1"/>
  <c r="G1246" i="2" s="1"/>
  <c r="G1240" i="2" a="1"/>
  <c r="G1240" i="2" s="1"/>
  <c r="G1247" i="2" a="1"/>
  <c r="G1247" i="2" s="1"/>
  <c r="G1250" i="2" a="1"/>
  <c r="G1250" i="2" s="1"/>
  <c r="G1239" i="2" a="1"/>
  <c r="G1239" i="2" s="1"/>
  <c r="G1256" i="2" a="1"/>
  <c r="G1256" i="2" s="1"/>
  <c r="G1251" i="2" a="1"/>
  <c r="G1251" i="2" s="1"/>
  <c r="G1252" i="2" a="1"/>
  <c r="G1252" i="2" s="1"/>
  <c r="G1248" i="2" a="1"/>
  <c r="G1248" i="2" s="1"/>
  <c r="G1236" i="2" a="1"/>
  <c r="G1236" i="2" s="1"/>
  <c r="G1254" i="2" a="1"/>
  <c r="G1254" i="2" s="1"/>
  <c r="G1238" i="2" a="1"/>
  <c r="G1238" i="2" s="1"/>
  <c r="G1257" i="2" a="1"/>
  <c r="G1257" i="2" s="1"/>
  <c r="G1244" i="2" a="1"/>
  <c r="G1244" i="2" s="1"/>
  <c r="G1241" i="2" a="1"/>
  <c r="G1241" i="2" s="1"/>
  <c r="G1237" i="2" a="1"/>
  <c r="G1237" i="2" s="1"/>
  <c r="G1234" i="2" a="1"/>
  <c r="G1234" i="2" s="1"/>
  <c r="G1255" i="2" a="1"/>
  <c r="G1255" i="2" s="1"/>
  <c r="G1242" i="2" a="1"/>
  <c r="G1242" i="2" s="1"/>
  <c r="G1249" i="2" a="1"/>
  <c r="G1249" i="2" s="1"/>
  <c r="F2817" i="2" a="1"/>
  <c r="F2817" i="2" s="1"/>
  <c r="F2815" i="2" a="1"/>
  <c r="F2815" i="2" s="1"/>
  <c r="F2797" i="2" a="1"/>
  <c r="F2797" i="2" s="1"/>
  <c r="F2811" i="2" a="1"/>
  <c r="F2811" i="2" s="1"/>
  <c r="F2800" i="2" a="1"/>
  <c r="F2800" i="2" s="1"/>
  <c r="F2794" i="2" a="1"/>
  <c r="F2794" i="2" s="1"/>
  <c r="G5989" i="2" a="1"/>
  <c r="G5989" i="2" s="1"/>
  <c r="G5999" i="2" a="1"/>
  <c r="G5999" i="2" s="1"/>
  <c r="G5990" i="2" a="1"/>
  <c r="G5990" i="2" s="1"/>
  <c r="G5986" i="2" a="1"/>
  <c r="G5986" i="2" s="1"/>
  <c r="G6003" i="2" a="1"/>
  <c r="G6003" i="2" s="1"/>
  <c r="G5995" i="2" a="1"/>
  <c r="G5995" i="2" s="1"/>
  <c r="G6000" i="2" a="1"/>
  <c r="G6000" i="2" s="1"/>
  <c r="G6005" i="2" a="1"/>
  <c r="G6005" i="2" s="1"/>
  <c r="G6008" i="2" a="1"/>
  <c r="G6008" i="2" s="1"/>
  <c r="G5993" i="2" a="1"/>
  <c r="G5993" i="2" s="1"/>
  <c r="G5991" i="2" a="1"/>
  <c r="G5991" i="2" s="1"/>
  <c r="G6007" i="2" a="1"/>
  <c r="G6007" i="2" s="1"/>
  <c r="G5988" i="2" a="1"/>
  <c r="G5988" i="2" s="1"/>
  <c r="G6009" i="2" a="1"/>
  <c r="G6009" i="2" s="1"/>
  <c r="G5998" i="2" a="1"/>
  <c r="G5998" i="2" s="1"/>
  <c r="G6001" i="2" a="1"/>
  <c r="G6001" i="2" s="1"/>
  <c r="G5994" i="2" a="1"/>
  <c r="G5994" i="2" s="1"/>
  <c r="G5997" i="2" a="1"/>
  <c r="G5997" i="2" s="1"/>
  <c r="G6002" i="2" a="1"/>
  <c r="G6002" i="2" s="1"/>
  <c r="G5987" i="2" a="1"/>
  <c r="G5987" i="2" s="1"/>
  <c r="G6006" i="2" a="1"/>
  <c r="G6006" i="2" s="1"/>
  <c r="G6004" i="2" a="1"/>
  <c r="G6004" i="2" s="1"/>
  <c r="G5996" i="2" a="1"/>
  <c r="G5996" i="2" s="1"/>
  <c r="G5992" i="2" a="1"/>
  <c r="G5992" i="2" s="1"/>
  <c r="F5970" i="2" a="1"/>
  <c r="F5970" i="2" s="1"/>
  <c r="F8584" i="2" a="1"/>
  <c r="F8584" i="2" s="1"/>
  <c r="F8579" i="2" a="1"/>
  <c r="F8579" i="2" s="1"/>
  <c r="F8596" i="2" a="1"/>
  <c r="F8596" i="2" s="1"/>
  <c r="F8587" i="2" a="1"/>
  <c r="F8587" i="2" s="1"/>
  <c r="F8580" i="2" a="1"/>
  <c r="F8580" i="2" s="1"/>
  <c r="F8588" i="2" a="1"/>
  <c r="F8588" i="2" s="1"/>
  <c r="F8593" i="2" a="1"/>
  <c r="F8593" i="2" s="1"/>
  <c r="F8598" i="2" a="1"/>
  <c r="F8598" i="2" s="1"/>
  <c r="F8590" i="2" a="1"/>
  <c r="F8590" i="2" s="1"/>
  <c r="F8591" i="2" a="1"/>
  <c r="F8591" i="2" s="1"/>
  <c r="F8581" i="2" a="1"/>
  <c r="F8581" i="2" s="1"/>
  <c r="F8582" i="2" a="1"/>
  <c r="F8582" i="2" s="1"/>
  <c r="F8583" i="2" a="1"/>
  <c r="F8583" i="2" s="1"/>
  <c r="F8599" i="2" a="1"/>
  <c r="F8599" i="2" s="1"/>
  <c r="F8589" i="2" a="1"/>
  <c r="F8589" i="2" s="1"/>
  <c r="F8592" i="2" a="1"/>
  <c r="F8592" i="2" s="1"/>
  <c r="F8585" i="2" a="1"/>
  <c r="F8585" i="2" s="1"/>
  <c r="F8594" i="2" a="1"/>
  <c r="F8594" i="2" s="1"/>
  <c r="F8600" i="2" a="1"/>
  <c r="F8600" i="2" s="1"/>
  <c r="F8578" i="2" a="1"/>
  <c r="F8578" i="2" s="1"/>
  <c r="F8597" i="2" a="1"/>
  <c r="F8597" i="2" s="1"/>
  <c r="F8586" i="2" a="1"/>
  <c r="F8586" i="2" s="1"/>
  <c r="F8595" i="2" a="1"/>
  <c r="F8595" i="2" s="1"/>
  <c r="F8601" i="2" a="1"/>
  <c r="F8601" i="2" s="1"/>
  <c r="D7238" i="2" a="1"/>
  <c r="D7238" i="2" s="1"/>
  <c r="D7241" i="2" a="1"/>
  <c r="D7241" i="2" s="1"/>
  <c r="D7236" i="2" a="1"/>
  <c r="D7236" i="2" s="1"/>
  <c r="D7234" i="2" a="1"/>
  <c r="D7234" i="2" s="1"/>
  <c r="D7256" i="2" a="1"/>
  <c r="D7256" i="2" s="1"/>
  <c r="D7252" i="2" a="1"/>
  <c r="D7252" i="2" s="1"/>
  <c r="D7242" i="2" a="1"/>
  <c r="D7242" i="2" s="1"/>
  <c r="D7250" i="2" a="1"/>
  <c r="D7250" i="2" s="1"/>
  <c r="D7254" i="2" a="1"/>
  <c r="D7254" i="2" s="1"/>
  <c r="D7247" i="2" a="1"/>
  <c r="D7247" i="2" s="1"/>
  <c r="D7249" i="2" a="1"/>
  <c r="D7249" i="2" s="1"/>
  <c r="D7245" i="2" a="1"/>
  <c r="D7245" i="2" s="1"/>
  <c r="D7246" i="2" a="1"/>
  <c r="D7246" i="2" s="1"/>
  <c r="D7235" i="2" a="1"/>
  <c r="D7235" i="2" s="1"/>
  <c r="D7240" i="2" a="1"/>
  <c r="D7240" i="2" s="1"/>
  <c r="D7239" i="2" a="1"/>
  <c r="D7239" i="2" s="1"/>
  <c r="D7255" i="2" a="1"/>
  <c r="D7255" i="2" s="1"/>
  <c r="D7257" i="2" a="1"/>
  <c r="D7257" i="2" s="1"/>
  <c r="D7251" i="2" a="1"/>
  <c r="D7251" i="2" s="1"/>
  <c r="D7237" i="2" a="1"/>
  <c r="D7237" i="2" s="1"/>
  <c r="D7253" i="2" a="1"/>
  <c r="D7253" i="2" s="1"/>
  <c r="D7248" i="2" a="1"/>
  <c r="D7248" i="2" s="1"/>
  <c r="D7244" i="2" a="1"/>
  <c r="D7244" i="2" s="1"/>
  <c r="D7243" i="2" a="1"/>
  <c r="D7243" i="2" s="1"/>
  <c r="G4721" i="2" a="1"/>
  <c r="G4721" i="2" s="1"/>
  <c r="G4715" i="2" a="1"/>
  <c r="G4715" i="2" s="1"/>
  <c r="G4732" i="2" a="1"/>
  <c r="G4732" i="2" s="1"/>
  <c r="G4725" i="2" a="1"/>
  <c r="G4725" i="2" s="1"/>
  <c r="G4736" i="2" a="1"/>
  <c r="G4736" i="2" s="1"/>
  <c r="G4729" i="2" a="1"/>
  <c r="G4729" i="2" s="1"/>
  <c r="G4733" i="2" a="1"/>
  <c r="G4733" i="2" s="1"/>
  <c r="G4730" i="2" a="1"/>
  <c r="G4730" i="2" s="1"/>
  <c r="G4723" i="2" a="1"/>
  <c r="G4723" i="2" s="1"/>
  <c r="G4716" i="2" a="1"/>
  <c r="G4716" i="2" s="1"/>
  <c r="G4714" i="2" a="1"/>
  <c r="G4714" i="2" s="1"/>
  <c r="G4722" i="2" a="1"/>
  <c r="G4722" i="2" s="1"/>
  <c r="G4734" i="2" a="1"/>
  <c r="G4734" i="2" s="1"/>
  <c r="G4735" i="2" a="1"/>
  <c r="G4735" i="2" s="1"/>
  <c r="G4726" i="2" a="1"/>
  <c r="G4726" i="2" s="1"/>
  <c r="G4727" i="2" a="1"/>
  <c r="G4727" i="2" s="1"/>
  <c r="G4720" i="2" a="1"/>
  <c r="G4720" i="2" s="1"/>
  <c r="G4728" i="2" a="1"/>
  <c r="G4728" i="2" s="1"/>
  <c r="G4731" i="2" a="1"/>
  <c r="G4731" i="2" s="1"/>
  <c r="G4718" i="2" a="1"/>
  <c r="G4718" i="2" s="1"/>
  <c r="G4737" i="2" a="1"/>
  <c r="G4737" i="2" s="1"/>
  <c r="G4719" i="2" a="1"/>
  <c r="G4719" i="2" s="1"/>
  <c r="G4717" i="2" a="1"/>
  <c r="G4717" i="2" s="1"/>
  <c r="G4724" i="2" a="1"/>
  <c r="G4724" i="2" s="1"/>
  <c r="F2871" i="2" a="1"/>
  <c r="F2871" i="2" s="1"/>
  <c r="F2866" i="2" a="1"/>
  <c r="F2866" i="2" s="1"/>
  <c r="F2886" i="2" a="1"/>
  <c r="F2886" i="2" s="1"/>
  <c r="F2874" i="2" a="1"/>
  <c r="F2874" i="2" s="1"/>
  <c r="F2872" i="2" a="1"/>
  <c r="F2872" i="2" s="1"/>
  <c r="F2887" i="2" a="1"/>
  <c r="F2887" i="2" s="1"/>
  <c r="F2875" i="2" a="1"/>
  <c r="F2875" i="2" s="1"/>
  <c r="F2882" i="2" a="1"/>
  <c r="F2882" i="2" s="1"/>
  <c r="F2876" i="2" a="1"/>
  <c r="F2876" i="2" s="1"/>
  <c r="F2867" i="2" a="1"/>
  <c r="F2867" i="2" s="1"/>
  <c r="F2877" i="2" a="1"/>
  <c r="F2877" i="2" s="1"/>
  <c r="F2879" i="2" a="1"/>
  <c r="F2879" i="2" s="1"/>
  <c r="F2883" i="2" a="1"/>
  <c r="F2883" i="2" s="1"/>
  <c r="F2868" i="2" a="1"/>
  <c r="F2868" i="2" s="1"/>
  <c r="F2873" i="2" a="1"/>
  <c r="F2873" i="2" s="1"/>
  <c r="F2880" i="2" a="1"/>
  <c r="F2880" i="2" s="1"/>
  <c r="F2888" i="2" a="1"/>
  <c r="F2888" i="2" s="1"/>
  <c r="F2870" i="2" a="1"/>
  <c r="F2870" i="2" s="1"/>
  <c r="F2878" i="2" a="1"/>
  <c r="F2878" i="2" s="1"/>
  <c r="F2881" i="2" a="1"/>
  <c r="F2881" i="2" s="1"/>
  <c r="F2884" i="2" a="1"/>
  <c r="F2884" i="2" s="1"/>
  <c r="F2889" i="2" a="1"/>
  <c r="F2889" i="2" s="1"/>
  <c r="F2869" i="2" a="1"/>
  <c r="F2869" i="2" s="1"/>
  <c r="F2885" i="2" a="1"/>
  <c r="F2885" i="2" s="1"/>
  <c r="D8570" i="2" a="1"/>
  <c r="D8570" i="2" s="1"/>
  <c r="D8561" i="2" a="1"/>
  <c r="D8561" i="2" s="1"/>
  <c r="D8571" i="2" a="1"/>
  <c r="D8571" i="2" s="1"/>
  <c r="D8558" i="2" a="1"/>
  <c r="D8558" i="2" s="1"/>
  <c r="D8563" i="2" a="1"/>
  <c r="D8563" i="2" s="1"/>
  <c r="D8577" i="2" a="1"/>
  <c r="D8577" i="2" s="1"/>
  <c r="D8567" i="2" a="1"/>
  <c r="D8567" i="2" s="1"/>
  <c r="D8572" i="2" a="1"/>
  <c r="D8572" i="2" s="1"/>
  <c r="D8562" i="2" a="1"/>
  <c r="D8562" i="2" s="1"/>
  <c r="D8568" i="2" a="1"/>
  <c r="D8568" i="2" s="1"/>
  <c r="D8569" i="2" a="1"/>
  <c r="D8569" i="2" s="1"/>
  <c r="D8555" i="2" a="1"/>
  <c r="D8555" i="2" s="1"/>
  <c r="D8557" i="2" a="1"/>
  <c r="D8557" i="2" s="1"/>
  <c r="D8566" i="2" a="1"/>
  <c r="D8566" i="2" s="1"/>
  <c r="D8574" i="2" a="1"/>
  <c r="D8574" i="2" s="1"/>
  <c r="D8564" i="2" a="1"/>
  <c r="D8564" i="2" s="1"/>
  <c r="D8575" i="2" a="1"/>
  <c r="D8575" i="2" s="1"/>
  <c r="D8554" i="2" a="1"/>
  <c r="D8554" i="2" s="1"/>
  <c r="D3371" i="2" a="1"/>
  <c r="D3371" i="2" s="1"/>
  <c r="D3375" i="2" a="1"/>
  <c r="D3375" i="2" s="1"/>
  <c r="D3382" i="2" a="1"/>
  <c r="D3382" i="2" s="1"/>
  <c r="D3389" i="2" a="1"/>
  <c r="D3389" i="2" s="1"/>
  <c r="D3381" i="2" a="1"/>
  <c r="D3381" i="2" s="1"/>
  <c r="D3385" i="2" a="1"/>
  <c r="D3385" i="2" s="1"/>
  <c r="D3384" i="2" a="1"/>
  <c r="D3384" i="2" s="1"/>
  <c r="D3388" i="2" a="1"/>
  <c r="D3388" i="2" s="1"/>
  <c r="D3377" i="2" a="1"/>
  <c r="D3377" i="2" s="1"/>
  <c r="D3370" i="2" a="1"/>
  <c r="D3370" i="2" s="1"/>
  <c r="D3380" i="2" a="1"/>
  <c r="D3380" i="2" s="1"/>
  <c r="D3376" i="2" a="1"/>
  <c r="D3376" i="2" s="1"/>
  <c r="D3383" i="2" a="1"/>
  <c r="D3383" i="2" s="1"/>
  <c r="D3373" i="2" a="1"/>
  <c r="D3373" i="2" s="1"/>
  <c r="D3390" i="2" a="1"/>
  <c r="D3390" i="2" s="1"/>
  <c r="D3372" i="2" a="1"/>
  <c r="D3372" i="2" s="1"/>
  <c r="D3378" i="2" a="1"/>
  <c r="D3378" i="2" s="1"/>
  <c r="D3374" i="2" a="1"/>
  <c r="D3374" i="2" s="1"/>
  <c r="D3391" i="2" a="1"/>
  <c r="D3391" i="2" s="1"/>
  <c r="D3386" i="2" a="1"/>
  <c r="D3386" i="2" s="1"/>
  <c r="D3392" i="2" a="1"/>
  <c r="D3392" i="2" s="1"/>
  <c r="D3387" i="2" a="1"/>
  <c r="D3387" i="2" s="1"/>
  <c r="D3393" i="2" a="1"/>
  <c r="D3393" i="2" s="1"/>
  <c r="D3379" i="2" a="1"/>
  <c r="D3379" i="2" s="1"/>
  <c r="F2855" i="2" a="1"/>
  <c r="F2855" i="2" s="1"/>
  <c r="F2842" i="2" a="1"/>
  <c r="F2842" i="2" s="1"/>
  <c r="F2860" i="2" a="1"/>
  <c r="F2860" i="2" s="1"/>
  <c r="F2856" i="2" a="1"/>
  <c r="F2856" i="2" s="1"/>
  <c r="F2847" i="2" a="1"/>
  <c r="F2847" i="2" s="1"/>
  <c r="F2857" i="2" a="1"/>
  <c r="F2857" i="2" s="1"/>
  <c r="F2843" i="2" a="1"/>
  <c r="F2843" i="2" s="1"/>
  <c r="F2859" i="2" a="1"/>
  <c r="F2859" i="2" s="1"/>
  <c r="F2851" i="2" a="1"/>
  <c r="F2851" i="2" s="1"/>
  <c r="F2850" i="2" a="1"/>
  <c r="F2850" i="2" s="1"/>
  <c r="F2848" i="2" a="1"/>
  <c r="F2848" i="2" s="1"/>
  <c r="F2861" i="2" a="1"/>
  <c r="F2861" i="2" s="1"/>
  <c r="F2858" i="2" a="1"/>
  <c r="F2858" i="2" s="1"/>
  <c r="F2863" i="2" a="1"/>
  <c r="F2863" i="2" s="1"/>
  <c r="F2846" i="2" a="1"/>
  <c r="F2846" i="2" s="1"/>
  <c r="F2853" i="2" a="1"/>
  <c r="F2853" i="2" s="1"/>
  <c r="F2849" i="2" a="1"/>
  <c r="F2849" i="2" s="1"/>
  <c r="F2862" i="2" a="1"/>
  <c r="F2862" i="2" s="1"/>
  <c r="F2865" i="2" a="1"/>
  <c r="F2865" i="2" s="1"/>
  <c r="F2845" i="2" a="1"/>
  <c r="F2845" i="2" s="1"/>
  <c r="F2852" i="2" a="1"/>
  <c r="F2852" i="2" s="1"/>
  <c r="F2854" i="2" a="1"/>
  <c r="F2854" i="2" s="1"/>
  <c r="F2844" i="2" a="1"/>
  <c r="F2844" i="2" s="1"/>
  <c r="F2864" i="2" a="1"/>
  <c r="F2864" i="2" s="1"/>
  <c r="H6389" i="2" a="1"/>
  <c r="H6389" i="2" s="1"/>
  <c r="H6370" i="2" a="1"/>
  <c r="H6370" i="2" s="1"/>
  <c r="H6373" i="2" a="1"/>
  <c r="H6373" i="2" s="1"/>
  <c r="H6376" i="2" a="1"/>
  <c r="H6376" i="2" s="1"/>
  <c r="H6383" i="2" a="1"/>
  <c r="H6383" i="2" s="1"/>
  <c r="H6378" i="2" a="1"/>
  <c r="H6378" i="2" s="1"/>
  <c r="H6379" i="2" a="1"/>
  <c r="H6379" i="2" s="1"/>
  <c r="H6372" i="2" a="1"/>
  <c r="H6372" i="2" s="1"/>
  <c r="H6371" i="2" a="1"/>
  <c r="H6371" i="2" s="1"/>
  <c r="H6374" i="2" a="1"/>
  <c r="H6374" i="2" s="1"/>
  <c r="H6381" i="2" a="1"/>
  <c r="H6381" i="2" s="1"/>
  <c r="H6390" i="2" a="1"/>
  <c r="H6390" i="2" s="1"/>
  <c r="H6385" i="2" a="1"/>
  <c r="H6385" i="2" s="1"/>
  <c r="H6375" i="2" a="1"/>
  <c r="H6375" i="2" s="1"/>
  <c r="H6393" i="2" a="1"/>
  <c r="H6393" i="2" s="1"/>
  <c r="H6384" i="2" a="1"/>
  <c r="H6384" i="2" s="1"/>
  <c r="H6391" i="2" a="1"/>
  <c r="H6391" i="2" s="1"/>
  <c r="H6392" i="2" a="1"/>
  <c r="H6392" i="2" s="1"/>
  <c r="H6382" i="2" a="1"/>
  <c r="H6382" i="2" s="1"/>
  <c r="H6380" i="2" a="1"/>
  <c r="H6380" i="2" s="1"/>
  <c r="H6388" i="2" a="1"/>
  <c r="H6388" i="2" s="1"/>
  <c r="H6386" i="2" a="1"/>
  <c r="H6386" i="2" s="1"/>
  <c r="H6387" i="2" a="1"/>
  <c r="H6387" i="2" s="1"/>
  <c r="H6377" i="2" a="1"/>
  <c r="H6377" i="2" s="1"/>
  <c r="F1007" i="2" a="1"/>
  <c r="F1007" i="2" s="1"/>
  <c r="F1012" i="2" a="1"/>
  <c r="F1012" i="2" s="1"/>
  <c r="F994" i="2" a="1"/>
  <c r="F994" i="2" s="1"/>
  <c r="F1008" i="2" a="1"/>
  <c r="F1008" i="2" s="1"/>
  <c r="F996" i="2" a="1"/>
  <c r="F996" i="2" s="1"/>
  <c r="F1006" i="2" a="1"/>
  <c r="F1006" i="2" s="1"/>
  <c r="F1009" i="2" a="1"/>
  <c r="F1009" i="2" s="1"/>
  <c r="F1000" i="2" a="1"/>
  <c r="F1000" i="2" s="1"/>
  <c r="F1015" i="2" a="1"/>
  <c r="F1015" i="2" s="1"/>
  <c r="F1013" i="2" a="1"/>
  <c r="F1013" i="2" s="1"/>
  <c r="F1011" i="2" a="1"/>
  <c r="F1011" i="2" s="1"/>
  <c r="F1014" i="2" a="1"/>
  <c r="F1014" i="2" s="1"/>
  <c r="F999" i="2" a="1"/>
  <c r="F999" i="2" s="1"/>
  <c r="F1003" i="2" a="1"/>
  <c r="F1003" i="2" s="1"/>
  <c r="F995" i="2" a="1"/>
  <c r="F995" i="2" s="1"/>
  <c r="F997" i="2" a="1"/>
  <c r="F997" i="2" s="1"/>
  <c r="F1001" i="2" a="1"/>
  <c r="F1001" i="2" s="1"/>
  <c r="F1005" i="2" a="1"/>
  <c r="F1005" i="2" s="1"/>
  <c r="F1004" i="2" a="1"/>
  <c r="F1004" i="2" s="1"/>
  <c r="F1002" i="2" a="1"/>
  <c r="F1002" i="2" s="1"/>
  <c r="F1010" i="2" a="1"/>
  <c r="F1010" i="2" s="1"/>
  <c r="F998" i="2" a="1"/>
  <c r="F998" i="2" s="1"/>
  <c r="F1017" i="2" a="1"/>
  <c r="F1017" i="2" s="1"/>
  <c r="F1016" i="2" a="1"/>
  <c r="F1016" i="2" s="1"/>
  <c r="E2042" i="2" a="1"/>
  <c r="E2042" i="2" s="1"/>
  <c r="E2044" i="2" a="1"/>
  <c r="E2044" i="2" s="1"/>
  <c r="E2029" i="2" a="1"/>
  <c r="E2029" i="2" s="1"/>
  <c r="E2043" i="2" a="1"/>
  <c r="E2043" i="2" s="1"/>
  <c r="E2048" i="2" a="1"/>
  <c r="E2048" i="2" s="1"/>
  <c r="E2028" i="2" a="1"/>
  <c r="E2028" i="2" s="1"/>
  <c r="E2030" i="2" a="1"/>
  <c r="E2030" i="2" s="1"/>
  <c r="E2035" i="2" a="1"/>
  <c r="E2035" i="2" s="1"/>
  <c r="E2041" i="2" a="1"/>
  <c r="E2041" i="2" s="1"/>
  <c r="E2037" i="2" a="1"/>
  <c r="E2037" i="2" s="1"/>
  <c r="E2032" i="2" a="1"/>
  <c r="E2032" i="2" s="1"/>
  <c r="E2045" i="2" a="1"/>
  <c r="E2045" i="2" s="1"/>
  <c r="E2026" i="2" a="1"/>
  <c r="E2026" i="2" s="1"/>
  <c r="E2039" i="2" a="1"/>
  <c r="E2039" i="2" s="1"/>
  <c r="E2031" i="2" a="1"/>
  <c r="E2031" i="2" s="1"/>
  <c r="E2040" i="2" a="1"/>
  <c r="E2040" i="2" s="1"/>
  <c r="E2047" i="2" a="1"/>
  <c r="E2047" i="2" s="1"/>
  <c r="E2038" i="2" a="1"/>
  <c r="E2038" i="2" s="1"/>
  <c r="E2033" i="2" a="1"/>
  <c r="E2033" i="2" s="1"/>
  <c r="E2049" i="2" a="1"/>
  <c r="E2049" i="2" s="1"/>
  <c r="E2034" i="2" a="1"/>
  <c r="E2034" i="2" s="1"/>
  <c r="E2046" i="2" a="1"/>
  <c r="E2046" i="2" s="1"/>
  <c r="E2027" i="2" a="1"/>
  <c r="E2027" i="2" s="1"/>
  <c r="E2036" i="2" a="1"/>
  <c r="E2036" i="2" s="1"/>
  <c r="D5732" i="2" a="1"/>
  <c r="D5732" i="2" s="1"/>
  <c r="D5722" i="2" a="1"/>
  <c r="D5722" i="2" s="1"/>
  <c r="D5738" i="2" a="1"/>
  <c r="D5738" i="2" s="1"/>
  <c r="D5730" i="2" a="1"/>
  <c r="D5730" i="2" s="1"/>
  <c r="D5733" i="2" a="1"/>
  <c r="D5733" i="2" s="1"/>
  <c r="D5739" i="2" a="1"/>
  <c r="D5739" i="2" s="1"/>
  <c r="D5744" i="2" a="1"/>
  <c r="D5744" i="2" s="1"/>
  <c r="D5723" i="2" a="1"/>
  <c r="D5723" i="2" s="1"/>
  <c r="D5734" i="2" a="1"/>
  <c r="D5734" i="2" s="1"/>
  <c r="D5740" i="2" a="1"/>
  <c r="D5740" i="2" s="1"/>
  <c r="D5745" i="2" a="1"/>
  <c r="D5745" i="2" s="1"/>
  <c r="D5724" i="2" a="1"/>
  <c r="D5724" i="2" s="1"/>
  <c r="D5726" i="2" a="1"/>
  <c r="D5726" i="2" s="1"/>
  <c r="D5725" i="2" a="1"/>
  <c r="D5725" i="2" s="1"/>
  <c r="D5735" i="2" a="1"/>
  <c r="D5735" i="2" s="1"/>
  <c r="D5742" i="2" a="1"/>
  <c r="D5742" i="2" s="1"/>
  <c r="D5728" i="2" a="1"/>
  <c r="D5728" i="2" s="1"/>
  <c r="D5741" i="2" a="1"/>
  <c r="D5741" i="2" s="1"/>
  <c r="D5727" i="2" a="1"/>
  <c r="D5727" i="2" s="1"/>
  <c r="D5729" i="2" a="1"/>
  <c r="D5729" i="2" s="1"/>
  <c r="D5736" i="2" a="1"/>
  <c r="D5736" i="2" s="1"/>
  <c r="D5731" i="2" a="1"/>
  <c r="D5731" i="2" s="1"/>
  <c r="D5737" i="2" a="1"/>
  <c r="D5737" i="2" s="1"/>
  <c r="D5743" i="2" a="1"/>
  <c r="D5743" i="2" s="1"/>
  <c r="F6411" i="2" a="1"/>
  <c r="F6411" i="2" s="1"/>
  <c r="F6413" i="2" a="1"/>
  <c r="F6413" i="2" s="1"/>
  <c r="F6408" i="2" a="1"/>
  <c r="F6408" i="2" s="1"/>
  <c r="F6412" i="2" a="1"/>
  <c r="F6412" i="2" s="1"/>
  <c r="F6394" i="2" a="1"/>
  <c r="F6394" i="2" s="1"/>
  <c r="F6417" i="2" a="1"/>
  <c r="F6417" i="2" s="1"/>
  <c r="F6404" i="2" a="1"/>
  <c r="F6404" i="2" s="1"/>
  <c r="F6400" i="2" a="1"/>
  <c r="F6400" i="2" s="1"/>
  <c r="F6397" i="2" a="1"/>
  <c r="F6397" i="2" s="1"/>
  <c r="F6414" i="2" a="1"/>
  <c r="F6414" i="2" s="1"/>
  <c r="F6406" i="2" a="1"/>
  <c r="F6406" i="2" s="1"/>
  <c r="F6409" i="2" a="1"/>
  <c r="F6409" i="2" s="1"/>
  <c r="F6399" i="2" a="1"/>
  <c r="F6399" i="2" s="1"/>
  <c r="F6407" i="2" a="1"/>
  <c r="F6407" i="2" s="1"/>
  <c r="F6401" i="2" a="1"/>
  <c r="F6401" i="2" s="1"/>
  <c r="F6416" i="2" a="1"/>
  <c r="F6416" i="2" s="1"/>
  <c r="F6396" i="2" a="1"/>
  <c r="F6396" i="2" s="1"/>
  <c r="F6402" i="2" a="1"/>
  <c r="F6402" i="2" s="1"/>
  <c r="F6398" i="2" a="1"/>
  <c r="F6398" i="2" s="1"/>
  <c r="F6415" i="2" a="1"/>
  <c r="F6415" i="2" s="1"/>
  <c r="F6403" i="2" a="1"/>
  <c r="F6403" i="2" s="1"/>
  <c r="F6410" i="2" a="1"/>
  <c r="F6410" i="2" s="1"/>
  <c r="F6395" i="2" a="1"/>
  <c r="F6395" i="2" s="1"/>
  <c r="F6405" i="2" a="1"/>
  <c r="F6405" i="2" s="1"/>
  <c r="G4696" i="2" a="1"/>
  <c r="G4696" i="2" s="1"/>
  <c r="G4694" i="2" a="1"/>
  <c r="G4694" i="2" s="1"/>
  <c r="G4691" i="2" a="1"/>
  <c r="G4691" i="2" s="1"/>
  <c r="G4712" i="2" a="1"/>
  <c r="G4712" i="2" s="1"/>
  <c r="G4697" i="2" a="1"/>
  <c r="G4697" i="2" s="1"/>
  <c r="G4702" i="2" a="1"/>
  <c r="G4702" i="2" s="1"/>
  <c r="G4699" i="2" a="1"/>
  <c r="G4699" i="2" s="1"/>
  <c r="G4711" i="2" a="1"/>
  <c r="G4711" i="2" s="1"/>
  <c r="G4707" i="2" a="1"/>
  <c r="G4707" i="2" s="1"/>
  <c r="G4703" i="2" a="1"/>
  <c r="G4703" i="2" s="1"/>
  <c r="G4708" i="2" a="1"/>
  <c r="G4708" i="2" s="1"/>
  <c r="G4700" i="2" a="1"/>
  <c r="G4700" i="2" s="1"/>
  <c r="G4709" i="2" a="1"/>
  <c r="G4709" i="2" s="1"/>
  <c r="G4704" i="2" a="1"/>
  <c r="G4704" i="2" s="1"/>
  <c r="G4710" i="2" a="1"/>
  <c r="G4710" i="2" s="1"/>
  <c r="G4701" i="2" a="1"/>
  <c r="G4701" i="2" s="1"/>
  <c r="G4695" i="2" a="1"/>
  <c r="G4695" i="2" s="1"/>
  <c r="G4690" i="2" a="1"/>
  <c r="G4690" i="2" s="1"/>
  <c r="G4706" i="2" a="1"/>
  <c r="G4706" i="2" s="1"/>
  <c r="G4698" i="2" a="1"/>
  <c r="G4698" i="2" s="1"/>
  <c r="G4713" i="2" a="1"/>
  <c r="G4713" i="2" s="1"/>
  <c r="G4692" i="2" a="1"/>
  <c r="G4692" i="2" s="1"/>
  <c r="G4693" i="2" a="1"/>
  <c r="G4693" i="2" s="1"/>
  <c r="G4705" i="2" a="1"/>
  <c r="G4705" i="2" s="1"/>
  <c r="H7085" i="2" a="1"/>
  <c r="H7085" i="2" s="1"/>
  <c r="H7087" i="2" a="1"/>
  <c r="H7087" i="2" s="1"/>
  <c r="H7079" i="2" a="1"/>
  <c r="H7079" i="2" s="1"/>
  <c r="H7080" i="2" a="1"/>
  <c r="H7080" i="2" s="1"/>
  <c r="H7069" i="2" a="1"/>
  <c r="H7069" i="2" s="1"/>
  <c r="H7074" i="2" a="1"/>
  <c r="H7074" i="2" s="1"/>
  <c r="H7072" i="2" a="1"/>
  <c r="H7072" i="2" s="1"/>
  <c r="H7077" i="2" a="1"/>
  <c r="H7077" i="2" s="1"/>
  <c r="H7084" i="2" a="1"/>
  <c r="H7084" i="2" s="1"/>
  <c r="H7089" i="2" a="1"/>
  <c r="H7089" i="2" s="1"/>
  <c r="D2535" i="2" a="1"/>
  <c r="D2535" i="2" s="1"/>
  <c r="D2553" i="2" a="1"/>
  <c r="D2553" i="2" s="1"/>
  <c r="D2530" i="2" a="1"/>
  <c r="D2530" i="2" s="1"/>
  <c r="D2536" i="2" a="1"/>
  <c r="D2536" i="2" s="1"/>
  <c r="D2539" i="2" a="1"/>
  <c r="D2539" i="2" s="1"/>
  <c r="D2550" i="2" a="1"/>
  <c r="D2550" i="2" s="1"/>
  <c r="D2543" i="2" a="1"/>
  <c r="D2543" i="2" s="1"/>
  <c r="D2537" i="2" a="1"/>
  <c r="D2537" i="2" s="1"/>
  <c r="D2544" i="2" a="1"/>
  <c r="D2544" i="2" s="1"/>
  <c r="D2540" i="2" a="1"/>
  <c r="D2540" i="2" s="1"/>
  <c r="D2533" i="2" a="1"/>
  <c r="D2533" i="2" s="1"/>
  <c r="D2548" i="2" a="1"/>
  <c r="D2548" i="2" s="1"/>
  <c r="D2541" i="2" a="1"/>
  <c r="D2541" i="2" s="1"/>
  <c r="D2545" i="2" a="1"/>
  <c r="D2545" i="2" s="1"/>
  <c r="D2549" i="2" a="1"/>
  <c r="D2549" i="2" s="1"/>
  <c r="D2538" i="2" a="1"/>
  <c r="D2538" i="2" s="1"/>
  <c r="D2552" i="2" a="1"/>
  <c r="D2552" i="2" s="1"/>
  <c r="D2546" i="2" a="1"/>
  <c r="D2546" i="2" s="1"/>
  <c r="D2547" i="2" a="1"/>
  <c r="D2547" i="2" s="1"/>
  <c r="D2534" i="2" a="1"/>
  <c r="D2534" i="2" s="1"/>
  <c r="D2542" i="2" a="1"/>
  <c r="D2542" i="2" s="1"/>
  <c r="D2551" i="2" a="1"/>
  <c r="D2551" i="2" s="1"/>
  <c r="D2532" i="2" a="1"/>
  <c r="D2532" i="2" s="1"/>
  <c r="D2531" i="2" a="1"/>
  <c r="D2531" i="2" s="1"/>
  <c r="H4714" i="2" a="1"/>
  <c r="H4714" i="2" s="1"/>
  <c r="H4724" i="2" a="1"/>
  <c r="H4724" i="2" s="1"/>
  <c r="H4719" i="2" a="1"/>
  <c r="H4719" i="2" s="1"/>
  <c r="H4720" i="2" a="1"/>
  <c r="H4720" i="2" s="1"/>
  <c r="H4735" i="2" a="1"/>
  <c r="H4735" i="2" s="1"/>
  <c r="H4734" i="2" a="1"/>
  <c r="H4734" i="2" s="1"/>
  <c r="H4727" i="2" a="1"/>
  <c r="H4727" i="2" s="1"/>
  <c r="H4736" i="2" a="1"/>
  <c r="H4736" i="2" s="1"/>
  <c r="H4731" i="2" a="1"/>
  <c r="H4731" i="2" s="1"/>
  <c r="H4717" i="2" a="1"/>
  <c r="H4717" i="2" s="1"/>
  <c r="H4725" i="2" a="1"/>
  <c r="H4725" i="2" s="1"/>
  <c r="H4718" i="2" a="1"/>
  <c r="H4718" i="2" s="1"/>
  <c r="H4715" i="2" a="1"/>
  <c r="H4715" i="2" s="1"/>
  <c r="H4726" i="2" a="1"/>
  <c r="H4726" i="2" s="1"/>
  <c r="H4728" i="2" a="1"/>
  <c r="H4728" i="2" s="1"/>
  <c r="H4729" i="2" a="1"/>
  <c r="H4729" i="2" s="1"/>
  <c r="H4730" i="2" a="1"/>
  <c r="H4730" i="2" s="1"/>
  <c r="H4733" i="2" a="1"/>
  <c r="H4733" i="2" s="1"/>
  <c r="F7221" i="2" a="1"/>
  <c r="F7221" i="2" s="1"/>
  <c r="F7227" i="2" a="1"/>
  <c r="F7227" i="2" s="1"/>
  <c r="F7224" i="2" a="1"/>
  <c r="F7224" i="2" s="1"/>
  <c r="F7228" i="2" a="1"/>
  <c r="F7228" i="2" s="1"/>
  <c r="F7232" i="2" a="1"/>
  <c r="F7232" i="2" s="1"/>
  <c r="F7226" i="2" a="1"/>
  <c r="F7226" i="2" s="1"/>
  <c r="F7233" i="2" a="1"/>
  <c r="F7233" i="2" s="1"/>
  <c r="F7213" i="2" a="1"/>
  <c r="F7213" i="2" s="1"/>
  <c r="F7219" i="2" a="1"/>
  <c r="F7219" i="2" s="1"/>
  <c r="F7214" i="2" a="1"/>
  <c r="F7214" i="2" s="1"/>
  <c r="F7210" i="2" a="1"/>
  <c r="F7210" i="2" s="1"/>
  <c r="F7216" i="2" a="1"/>
  <c r="F7216" i="2" s="1"/>
  <c r="F7222" i="2" a="1"/>
  <c r="F7222" i="2" s="1"/>
  <c r="F7217" i="2" a="1"/>
  <c r="F7217" i="2" s="1"/>
  <c r="F7223" i="2" a="1"/>
  <c r="F7223" i="2" s="1"/>
  <c r="F7225" i="2" a="1"/>
  <c r="F7225" i="2" s="1"/>
  <c r="F7229" i="2" a="1"/>
  <c r="F7229" i="2" s="1"/>
  <c r="F7218" i="2" a="1"/>
  <c r="F7218" i="2" s="1"/>
  <c r="F7231" i="2" a="1"/>
  <c r="F7231" i="2" s="1"/>
  <c r="F7220" i="2" a="1"/>
  <c r="F7220" i="2" s="1"/>
  <c r="F7212" i="2" a="1"/>
  <c r="F7212" i="2" s="1"/>
  <c r="F7215" i="2" a="1"/>
  <c r="F7215" i="2" s="1"/>
  <c r="F7211" i="2" a="1"/>
  <c r="F7211" i="2" s="1"/>
  <c r="F7230" i="2" a="1"/>
  <c r="F7230" i="2" s="1"/>
  <c r="D5194" i="2" a="1"/>
  <c r="D5194" i="2" s="1"/>
  <c r="D5211" i="2" a="1"/>
  <c r="D5211" i="2" s="1"/>
  <c r="D5216" i="2" a="1"/>
  <c r="D5216" i="2" s="1"/>
  <c r="D5213" i="2" a="1"/>
  <c r="D5213" i="2" s="1"/>
  <c r="D5209" i="2" a="1"/>
  <c r="D5209" i="2" s="1"/>
  <c r="D5207" i="2" a="1"/>
  <c r="D5207" i="2" s="1"/>
  <c r="D5210" i="2" a="1"/>
  <c r="D5210" i="2" s="1"/>
  <c r="D5201" i="2" a="1"/>
  <c r="D5201" i="2" s="1"/>
  <c r="D5197" i="2" a="1"/>
  <c r="D5197" i="2" s="1"/>
  <c r="D5195" i="2" a="1"/>
  <c r="D5195" i="2" s="1"/>
  <c r="D5196" i="2" a="1"/>
  <c r="D5196" i="2" s="1"/>
  <c r="D5198" i="2" a="1"/>
  <c r="D5198" i="2" s="1"/>
  <c r="D5217" i="2" a="1"/>
  <c r="D5217" i="2" s="1"/>
  <c r="D5200" i="2" a="1"/>
  <c r="D5200" i="2" s="1"/>
  <c r="D5215" i="2" a="1"/>
  <c r="D5215" i="2" s="1"/>
  <c r="D5199" i="2" a="1"/>
  <c r="D5199" i="2" s="1"/>
  <c r="D5208" i="2" a="1"/>
  <c r="D5208" i="2" s="1"/>
  <c r="D5214" i="2" a="1"/>
  <c r="D5214" i="2" s="1"/>
  <c r="D5212" i="2" a="1"/>
  <c r="D5212" i="2" s="1"/>
  <c r="D5203" i="2" a="1"/>
  <c r="D5203" i="2" s="1"/>
  <c r="D5204" i="2" a="1"/>
  <c r="D5204" i="2" s="1"/>
  <c r="D5206" i="2" a="1"/>
  <c r="D5206" i="2" s="1"/>
  <c r="D5202" i="2" a="1"/>
  <c r="D5202" i="2" s="1"/>
  <c r="D5205" i="2" a="1"/>
  <c r="D5205" i="2" s="1"/>
  <c r="G599" i="2" a="1"/>
  <c r="G599" i="2" s="1"/>
  <c r="G586" i="2" a="1"/>
  <c r="G586" i="2" s="1"/>
  <c r="G591" i="2" a="1"/>
  <c r="G591" i="2" s="1"/>
  <c r="G608" i="2" a="1"/>
  <c r="G608" i="2" s="1"/>
  <c r="G603" i="2" a="1"/>
  <c r="G603" i="2" s="1"/>
  <c r="G590" i="2" a="1"/>
  <c r="G590" i="2" s="1"/>
  <c r="G597" i="2" a="1"/>
  <c r="G597" i="2" s="1"/>
  <c r="G587" i="2" a="1"/>
  <c r="G587" i="2" s="1"/>
  <c r="G594" i="2" a="1"/>
  <c r="G594" i="2" s="1"/>
  <c r="G600" i="2" a="1"/>
  <c r="G600" i="2" s="1"/>
  <c r="G588" i="2" a="1"/>
  <c r="G588" i="2" s="1"/>
  <c r="G598" i="2" a="1"/>
  <c r="G598" i="2" s="1"/>
  <c r="G604" i="2" a="1"/>
  <c r="G604" i="2" s="1"/>
  <c r="G609" i="2" a="1"/>
  <c r="G609" i="2" s="1"/>
  <c r="G607" i="2" a="1"/>
  <c r="G607" i="2" s="1"/>
  <c r="G602" i="2" a="1"/>
  <c r="G602" i="2" s="1"/>
  <c r="G595" i="2" a="1"/>
  <c r="G595" i="2" s="1"/>
  <c r="G606" i="2" a="1"/>
  <c r="G606" i="2" s="1"/>
  <c r="G592" i="2" a="1"/>
  <c r="G592" i="2" s="1"/>
  <c r="G593" i="2" a="1"/>
  <c r="G593" i="2" s="1"/>
  <c r="G596" i="2" a="1"/>
  <c r="G596" i="2" s="1"/>
  <c r="G601" i="2" a="1"/>
  <c r="G601" i="2" s="1"/>
  <c r="G605" i="2" a="1"/>
  <c r="G605" i="2" s="1"/>
  <c r="G589" i="2" a="1"/>
  <c r="G589" i="2" s="1"/>
  <c r="F4797" i="2" a="1"/>
  <c r="F4797" i="2" s="1"/>
  <c r="F4794" i="2" a="1"/>
  <c r="F4794" i="2" s="1"/>
  <c r="F4802" i="2" a="1"/>
  <c r="F4802" i="2" s="1"/>
  <c r="F4807" i="2" a="1"/>
  <c r="F4807" i="2" s="1"/>
  <c r="F4787" i="2" a="1"/>
  <c r="F4787" i="2" s="1"/>
  <c r="F4793" i="2" a="1"/>
  <c r="F4793" i="2" s="1"/>
  <c r="F4791" i="2" a="1"/>
  <c r="F4791" i="2" s="1"/>
  <c r="F4789" i="2" a="1"/>
  <c r="F4789" i="2" s="1"/>
  <c r="F4795" i="2" a="1"/>
  <c r="F4795" i="2" s="1"/>
  <c r="F4800" i="2" a="1"/>
  <c r="F4800" i="2" s="1"/>
  <c r="F4790" i="2" a="1"/>
  <c r="F4790" i="2" s="1"/>
  <c r="F4796" i="2" a="1"/>
  <c r="F4796" i="2" s="1"/>
  <c r="F4804" i="2" a="1"/>
  <c r="F4804" i="2" s="1"/>
  <c r="F4801" i="2" a="1"/>
  <c r="F4801" i="2" s="1"/>
  <c r="F4809" i="2" a="1"/>
  <c r="F4809" i="2" s="1"/>
  <c r="F4803" i="2" a="1"/>
  <c r="F4803" i="2" s="1"/>
  <c r="F4792" i="2" a="1"/>
  <c r="F4792" i="2" s="1"/>
  <c r="F4798" i="2" a="1"/>
  <c r="F4798" i="2" s="1"/>
  <c r="F4805" i="2" a="1"/>
  <c r="F4805" i="2" s="1"/>
  <c r="F4799" i="2" a="1"/>
  <c r="F4799" i="2" s="1"/>
  <c r="F4806" i="2" a="1"/>
  <c r="F4806" i="2" s="1"/>
  <c r="F4786" i="2" a="1"/>
  <c r="F4786" i="2" s="1"/>
  <c r="F4788" i="2" a="1"/>
  <c r="F4788" i="2" s="1"/>
  <c r="F4808" i="2" a="1"/>
  <c r="F4808" i="2" s="1"/>
  <c r="AQ334" i="1"/>
  <c r="G340" i="5" s="1"/>
  <c r="D8004" i="2" a="1"/>
  <c r="D8004" i="2" s="1"/>
  <c r="D8008" i="2" a="1"/>
  <c r="D8008" i="2" s="1"/>
  <c r="D8016" i="2" a="1"/>
  <c r="D8016" i="2" s="1"/>
  <c r="D8020" i="2" a="1"/>
  <c r="D8020" i="2" s="1"/>
  <c r="D8022" i="2" a="1"/>
  <c r="D8022" i="2" s="1"/>
  <c r="D8017" i="2" a="1"/>
  <c r="D8017" i="2" s="1"/>
  <c r="D8011" i="2" a="1"/>
  <c r="D8011" i="2" s="1"/>
  <c r="D8025" i="2" a="1"/>
  <c r="D8025" i="2" s="1"/>
  <c r="D8006" i="2" a="1"/>
  <c r="D8006" i="2" s="1"/>
  <c r="D8014" i="2" a="1"/>
  <c r="D8014" i="2" s="1"/>
  <c r="D8002" i="2" a="1"/>
  <c r="D8002" i="2" s="1"/>
  <c r="D8024" i="2" a="1"/>
  <c r="D8024" i="2" s="1"/>
  <c r="D8003" i="2" a="1"/>
  <c r="D8003" i="2" s="1"/>
  <c r="D8010" i="2" a="1"/>
  <c r="D8010" i="2" s="1"/>
  <c r="D8013" i="2" a="1"/>
  <c r="D8013" i="2" s="1"/>
  <c r="D8009" i="2" a="1"/>
  <c r="D8009" i="2" s="1"/>
  <c r="D8023" i="2" a="1"/>
  <c r="D8023" i="2" s="1"/>
  <c r="D8005" i="2" a="1"/>
  <c r="D8005" i="2" s="1"/>
  <c r="D8018" i="2" a="1"/>
  <c r="D8018" i="2" s="1"/>
  <c r="D8012" i="2" a="1"/>
  <c r="D8012" i="2" s="1"/>
  <c r="D8015" i="2" a="1"/>
  <c r="D8015" i="2" s="1"/>
  <c r="D8019" i="2" a="1"/>
  <c r="D8019" i="2" s="1"/>
  <c r="D8007" i="2" a="1"/>
  <c r="D8007" i="2" s="1"/>
  <c r="D8021" i="2" a="1"/>
  <c r="D8021" i="2" s="1"/>
  <c r="H4456" i="2" a="1"/>
  <c r="H4456" i="2" s="1"/>
  <c r="H4463" i="2" a="1"/>
  <c r="H4463" i="2" s="1"/>
  <c r="H4472" i="2" a="1"/>
  <c r="H4472" i="2" s="1"/>
  <c r="H4453" i="2" a="1"/>
  <c r="H4453" i="2" s="1"/>
  <c r="H4457" i="2" a="1"/>
  <c r="H4457" i="2" s="1"/>
  <c r="H4467" i="2" a="1"/>
  <c r="H4467" i="2" s="1"/>
  <c r="H4452" i="2" a="1"/>
  <c r="H4452" i="2" s="1"/>
  <c r="H4460" i="2" a="1"/>
  <c r="H4460" i="2" s="1"/>
  <c r="H4466" i="2" a="1"/>
  <c r="H4466" i="2" s="1"/>
  <c r="H4468" i="2" a="1"/>
  <c r="H4468" i="2" s="1"/>
  <c r="H4462" i="2" a="1"/>
  <c r="H4462" i="2" s="1"/>
  <c r="H4465" i="2" a="1"/>
  <c r="H4465" i="2" s="1"/>
  <c r="H4471" i="2" a="1"/>
  <c r="H4471" i="2" s="1"/>
  <c r="H4469" i="2" a="1"/>
  <c r="H4469" i="2" s="1"/>
  <c r="H4454" i="2" a="1"/>
  <c r="H4454" i="2" s="1"/>
  <c r="H4473" i="2" a="1"/>
  <c r="H4473" i="2" s="1"/>
  <c r="H4461" i="2" a="1"/>
  <c r="H4461" i="2" s="1"/>
  <c r="H4455" i="2" a="1"/>
  <c r="H4455" i="2" s="1"/>
  <c r="H4450" i="2" a="1"/>
  <c r="H4450" i="2" s="1"/>
  <c r="H4451" i="2" a="1"/>
  <c r="H4451" i="2" s="1"/>
  <c r="H4458" i="2" a="1"/>
  <c r="H4458" i="2" s="1"/>
  <c r="H4459" i="2" a="1"/>
  <c r="H4459" i="2" s="1"/>
  <c r="H4470" i="2" a="1"/>
  <c r="H4470" i="2" s="1"/>
  <c r="H4464" i="2" a="1"/>
  <c r="H4464" i="2" s="1"/>
  <c r="F3486" i="2" a="1"/>
  <c r="F3486" i="2" s="1"/>
  <c r="F3481" i="2" a="1"/>
  <c r="F3481" i="2" s="1"/>
  <c r="F3479" i="2" a="1"/>
  <c r="F3479" i="2" s="1"/>
  <c r="F3476" i="2" a="1"/>
  <c r="F3476" i="2" s="1"/>
  <c r="F3470" i="2" a="1"/>
  <c r="F3470" i="2" s="1"/>
  <c r="F3487" i="2" a="1"/>
  <c r="F3487" i="2" s="1"/>
  <c r="F3477" i="2" a="1"/>
  <c r="F3477" i="2" s="1"/>
  <c r="F3484" i="2" a="1"/>
  <c r="F3484" i="2" s="1"/>
  <c r="F3468" i="2" a="1"/>
  <c r="F3468" i="2" s="1"/>
  <c r="F3475" i="2" a="1"/>
  <c r="F3475" i="2" s="1"/>
  <c r="F3482" i="2" a="1"/>
  <c r="F3482" i="2" s="1"/>
  <c r="F3466" i="2" a="1"/>
  <c r="F3466" i="2" s="1"/>
  <c r="F3483" i="2" a="1"/>
  <c r="F3483" i="2" s="1"/>
  <c r="F3485" i="2" a="1"/>
  <c r="F3485" i="2" s="1"/>
  <c r="F3471" i="2" a="1"/>
  <c r="F3471" i="2" s="1"/>
  <c r="F3478" i="2" a="1"/>
  <c r="F3478" i="2" s="1"/>
  <c r="F3488" i="2" a="1"/>
  <c r="F3488" i="2" s="1"/>
  <c r="F3467" i="2" a="1"/>
  <c r="F3467" i="2" s="1"/>
  <c r="F3473" i="2" a="1"/>
  <c r="F3473" i="2" s="1"/>
  <c r="F3480" i="2" a="1"/>
  <c r="F3480" i="2" s="1"/>
  <c r="F3472" i="2" a="1"/>
  <c r="F3472" i="2" s="1"/>
  <c r="F3489" i="2" a="1"/>
  <c r="F3489" i="2" s="1"/>
  <c r="F3469" i="2" a="1"/>
  <c r="F3469" i="2" s="1"/>
  <c r="F3474" i="2" a="1"/>
  <c r="F3474" i="2" s="1"/>
  <c r="D6419" i="2" a="1"/>
  <c r="D6419" i="2" s="1"/>
  <c r="D6431" i="2" a="1"/>
  <c r="D6431" i="2" s="1"/>
  <c r="D6441" i="2" a="1"/>
  <c r="D6441" i="2" s="1"/>
  <c r="D6421" i="2" a="1"/>
  <c r="D6421" i="2" s="1"/>
  <c r="D6418" i="2" a="1"/>
  <c r="D6418" i="2" s="1"/>
  <c r="F1549" i="2" a="1"/>
  <c r="F1549" i="2" s="1"/>
  <c r="F1568" i="2" a="1"/>
  <c r="F1568" i="2" s="1"/>
  <c r="F1546" i="2" a="1"/>
  <c r="F1546" i="2" s="1"/>
  <c r="F1560" i="2" a="1"/>
  <c r="F1560" i="2" s="1"/>
  <c r="F1565" i="2" a="1"/>
  <c r="F1565" i="2" s="1"/>
  <c r="F1557" i="2" a="1"/>
  <c r="F1557" i="2" s="1"/>
  <c r="F1558" i="2" a="1"/>
  <c r="F1558" i="2" s="1"/>
  <c r="F1555" i="2" a="1"/>
  <c r="F1555" i="2" s="1"/>
  <c r="G931" i="2" a="1"/>
  <c r="G931" i="2" s="1"/>
  <c r="G934" i="2" a="1"/>
  <c r="G934" i="2" s="1"/>
  <c r="G940" i="2" a="1"/>
  <c r="G940" i="2" s="1"/>
  <c r="G926" i="2" a="1"/>
  <c r="G926" i="2" s="1"/>
  <c r="G944" i="2" a="1"/>
  <c r="G944" i="2" s="1"/>
  <c r="G938" i="2" a="1"/>
  <c r="G938" i="2" s="1"/>
  <c r="G923" i="2" a="1"/>
  <c r="G923" i="2" s="1"/>
  <c r="G942" i="2" a="1"/>
  <c r="G942" i="2" s="1"/>
  <c r="G927" i="2" a="1"/>
  <c r="G927" i="2" s="1"/>
  <c r="G924" i="2" a="1"/>
  <c r="G924" i="2" s="1"/>
  <c r="G932" i="2" a="1"/>
  <c r="G932" i="2" s="1"/>
  <c r="G929" i="2" a="1"/>
  <c r="G929" i="2" s="1"/>
  <c r="G930" i="2" a="1"/>
  <c r="G930" i="2" s="1"/>
  <c r="G936" i="2" a="1"/>
  <c r="G936" i="2" s="1"/>
  <c r="G933" i="2" a="1"/>
  <c r="G933" i="2" s="1"/>
  <c r="G939" i="2" a="1"/>
  <c r="G939" i="2" s="1"/>
  <c r="G941" i="2" a="1"/>
  <c r="G941" i="2" s="1"/>
  <c r="G937" i="2" a="1"/>
  <c r="G937" i="2" s="1"/>
  <c r="G935" i="2" a="1"/>
  <c r="G935" i="2" s="1"/>
  <c r="G945" i="2" a="1"/>
  <c r="G945" i="2" s="1"/>
  <c r="G943" i="2" a="1"/>
  <c r="G943" i="2" s="1"/>
  <c r="G925" i="2" a="1"/>
  <c r="G925" i="2" s="1"/>
  <c r="G922" i="2" a="1"/>
  <c r="G922" i="2" s="1"/>
  <c r="G928" i="2" a="1"/>
  <c r="G928" i="2" s="1"/>
  <c r="E7768" i="2" a="1"/>
  <c r="E7768" i="2" s="1"/>
  <c r="E7781" i="2" a="1"/>
  <c r="E7781" i="2" s="1"/>
  <c r="E7775" i="2" a="1"/>
  <c r="E7775" i="2" s="1"/>
  <c r="E7779" i="2" a="1"/>
  <c r="E7779" i="2" s="1"/>
  <c r="E7770" i="2" a="1"/>
  <c r="E7770" i="2" s="1"/>
  <c r="E7777" i="2" a="1"/>
  <c r="E7777" i="2" s="1"/>
  <c r="E7767" i="2" a="1"/>
  <c r="E7767" i="2" s="1"/>
  <c r="E7764" i="2" a="1"/>
  <c r="E7764" i="2" s="1"/>
  <c r="E7783" i="2" a="1"/>
  <c r="E7783" i="2" s="1"/>
  <c r="E7774" i="2" a="1"/>
  <c r="E7774" i="2" s="1"/>
  <c r="E7776" i="2" a="1"/>
  <c r="E7776" i="2" s="1"/>
  <c r="E7769" i="2" a="1"/>
  <c r="E7769" i="2" s="1"/>
  <c r="E7780" i="2" a="1"/>
  <c r="E7780" i="2" s="1"/>
  <c r="E7765" i="2" a="1"/>
  <c r="E7765" i="2" s="1"/>
  <c r="E7782" i="2" a="1"/>
  <c r="E7782" i="2" s="1"/>
  <c r="E7771" i="2" a="1"/>
  <c r="E7771" i="2" s="1"/>
  <c r="E7762" i="2" a="1"/>
  <c r="E7762" i="2" s="1"/>
  <c r="E7772" i="2" a="1"/>
  <c r="E7772" i="2" s="1"/>
  <c r="E7784" i="2" a="1"/>
  <c r="E7784" i="2" s="1"/>
  <c r="E7785" i="2" a="1"/>
  <c r="E7785" i="2" s="1"/>
  <c r="E7778" i="2" a="1"/>
  <c r="E7778" i="2" s="1"/>
  <c r="E7773" i="2" a="1"/>
  <c r="E7773" i="2" s="1"/>
  <c r="E7763" i="2" a="1"/>
  <c r="E7763" i="2" s="1"/>
  <c r="E7766" i="2" a="1"/>
  <c r="E7766" i="2" s="1"/>
  <c r="AQ325" i="1"/>
  <c r="G331" i="5" s="1"/>
  <c r="AN325" i="1"/>
  <c r="D331" i="5" s="1"/>
  <c r="AP325" i="1"/>
  <c r="F331" i="5" s="1"/>
  <c r="AO325" i="1"/>
  <c r="E331" i="5" s="1"/>
  <c r="AM325" i="1"/>
  <c r="D7808" i="2" a="1"/>
  <c r="D7808" i="2" s="1"/>
  <c r="D7786" i="2" a="1"/>
  <c r="D7786" i="2" s="1"/>
  <c r="D7790" i="2" a="1"/>
  <c r="D7790" i="2" s="1"/>
  <c r="D7794" i="2" a="1"/>
  <c r="D7794" i="2" s="1"/>
  <c r="D7796" i="2" a="1"/>
  <c r="D7796" i="2" s="1"/>
  <c r="D7802" i="2" a="1"/>
  <c r="D7802" i="2" s="1"/>
  <c r="D7806" i="2" a="1"/>
  <c r="D7806" i="2" s="1"/>
  <c r="D7789" i="2" a="1"/>
  <c r="D7789" i="2" s="1"/>
  <c r="D7797" i="2" a="1"/>
  <c r="D7797" i="2" s="1"/>
  <c r="D7801" i="2" a="1"/>
  <c r="D7801" i="2" s="1"/>
  <c r="D7805" i="2" a="1"/>
  <c r="D7805" i="2" s="1"/>
  <c r="D7809" i="2" a="1"/>
  <c r="D7809" i="2" s="1"/>
  <c r="D7798" i="2" a="1"/>
  <c r="D7798" i="2" s="1"/>
  <c r="D7787" i="2" a="1"/>
  <c r="D7787" i="2" s="1"/>
  <c r="D7791" i="2" a="1"/>
  <c r="D7791" i="2" s="1"/>
  <c r="D7795" i="2" a="1"/>
  <c r="D7795" i="2" s="1"/>
  <c r="D7799" i="2" a="1"/>
  <c r="D7799" i="2" s="1"/>
  <c r="D7803" i="2" a="1"/>
  <c r="D7803" i="2" s="1"/>
  <c r="D7800" i="2" a="1"/>
  <c r="D7800" i="2" s="1"/>
  <c r="D7793" i="2" a="1"/>
  <c r="D7793" i="2" s="1"/>
  <c r="D7807" i="2" a="1"/>
  <c r="D7807" i="2" s="1"/>
  <c r="D7804" i="2" a="1"/>
  <c r="D7804" i="2" s="1"/>
  <c r="D7788" i="2" a="1"/>
  <c r="D7788" i="2" s="1"/>
  <c r="D7792" i="2" a="1"/>
  <c r="D7792" i="2" s="1"/>
  <c r="AQ264" i="1"/>
  <c r="G270" i="5" s="1"/>
  <c r="AN264" i="1"/>
  <c r="D270" i="5" s="1"/>
  <c r="D6336" i="2" a="1"/>
  <c r="D6336" i="2" s="1"/>
  <c r="D6344" i="2" a="1"/>
  <c r="D6344" i="2" s="1"/>
  <c r="D6322" i="2" a="1"/>
  <c r="D6322" i="2" s="1"/>
  <c r="D6334" i="2" a="1"/>
  <c r="D6334" i="2" s="1"/>
  <c r="D6324" i="2" a="1"/>
  <c r="D6324" i="2" s="1"/>
  <c r="D6328" i="2" a="1"/>
  <c r="D6328" i="2" s="1"/>
  <c r="D6332" i="2" a="1"/>
  <c r="D6332" i="2" s="1"/>
  <c r="D6340" i="2" a="1"/>
  <c r="D6340" i="2" s="1"/>
  <c r="D6325" i="2" a="1"/>
  <c r="D6325" i="2" s="1"/>
  <c r="D6337" i="2" a="1"/>
  <c r="D6337" i="2" s="1"/>
  <c r="D6341" i="2" a="1"/>
  <c r="D6341" i="2" s="1"/>
  <c r="D6326" i="2" a="1"/>
  <c r="D6326" i="2" s="1"/>
  <c r="D6335" i="2" a="1"/>
  <c r="D6335" i="2" s="1"/>
  <c r="D6330" i="2" a="1"/>
  <c r="D6330" i="2" s="1"/>
  <c r="D6343" i="2" a="1"/>
  <c r="D6343" i="2" s="1"/>
  <c r="D6345" i="2" a="1"/>
  <c r="D6345" i="2" s="1"/>
  <c r="D6338" i="2" a="1"/>
  <c r="D6338" i="2" s="1"/>
  <c r="D6342" i="2" a="1"/>
  <c r="D6342" i="2" s="1"/>
  <c r="D6327" i="2" a="1"/>
  <c r="D6327" i="2" s="1"/>
  <c r="D6329" i="2" a="1"/>
  <c r="D6329" i="2" s="1"/>
  <c r="D6323" i="2" a="1"/>
  <c r="D6323" i="2" s="1"/>
  <c r="D6333" i="2" a="1"/>
  <c r="D6333" i="2" s="1"/>
  <c r="D6339" i="2" a="1"/>
  <c r="D6339" i="2" s="1"/>
  <c r="D6331" i="2" a="1"/>
  <c r="D6331" i="2" s="1"/>
  <c r="G2122" i="2" a="1"/>
  <c r="G2122" i="2" s="1"/>
  <c r="G2140" i="2" a="1"/>
  <c r="G2140" i="2" s="1"/>
  <c r="G2138" i="2" a="1"/>
  <c r="G2138" i="2" s="1"/>
  <c r="G2144" i="2" a="1"/>
  <c r="G2144" i="2" s="1"/>
  <c r="G2123" i="2" a="1"/>
  <c r="G2123" i="2" s="1"/>
  <c r="G2145" i="2" a="1"/>
  <c r="G2145" i="2" s="1"/>
  <c r="G2141" i="2" a="1"/>
  <c r="G2141" i="2" s="1"/>
  <c r="G2127" i="2" a="1"/>
  <c r="G2127" i="2" s="1"/>
  <c r="G2136" i="2" a="1"/>
  <c r="G2136" i="2" s="1"/>
  <c r="G2133" i="2" a="1"/>
  <c r="G2133" i="2" s="1"/>
  <c r="G2124" i="2" a="1"/>
  <c r="G2124" i="2" s="1"/>
  <c r="G2132" i="2" a="1"/>
  <c r="G2132" i="2" s="1"/>
  <c r="G2130" i="2" a="1"/>
  <c r="G2130" i="2" s="1"/>
  <c r="G2126" i="2" a="1"/>
  <c r="G2126" i="2" s="1"/>
  <c r="G2142" i="2" a="1"/>
  <c r="G2142" i="2" s="1"/>
  <c r="G2131" i="2" a="1"/>
  <c r="G2131" i="2" s="1"/>
  <c r="G2143" i="2" a="1"/>
  <c r="G2143" i="2" s="1"/>
  <c r="G2128" i="2" a="1"/>
  <c r="G2128" i="2" s="1"/>
  <c r="G2134" i="2" a="1"/>
  <c r="G2134" i="2" s="1"/>
  <c r="G2135" i="2" a="1"/>
  <c r="G2135" i="2" s="1"/>
  <c r="G2129" i="2" a="1"/>
  <c r="G2129" i="2" s="1"/>
  <c r="G2137" i="2" a="1"/>
  <c r="G2137" i="2" s="1"/>
  <c r="G2125" i="2" a="1"/>
  <c r="G2125" i="2" s="1"/>
  <c r="G2139" i="2" a="1"/>
  <c r="G2139" i="2" s="1"/>
  <c r="G66" i="2" a="1"/>
  <c r="G66" i="2" s="1"/>
  <c r="E2604" i="2" a="1"/>
  <c r="E2604" i="2" s="1"/>
  <c r="E2624" i="2" a="1"/>
  <c r="E2624" i="2" s="1"/>
  <c r="E2610" i="2" a="1"/>
  <c r="E2610" i="2" s="1"/>
  <c r="E2605" i="2" a="1"/>
  <c r="E2605" i="2" s="1"/>
  <c r="E2614" i="2" a="1"/>
  <c r="E2614" i="2" s="1"/>
  <c r="E2618" i="2" a="1"/>
  <c r="E2618" i="2" s="1"/>
  <c r="E2611" i="2" a="1"/>
  <c r="E2611" i="2" s="1"/>
  <c r="E2619" i="2" a="1"/>
  <c r="E2619" i="2" s="1"/>
  <c r="E2607" i="2" a="1"/>
  <c r="E2607" i="2" s="1"/>
  <c r="E2625" i="2" a="1"/>
  <c r="E2625" i="2" s="1"/>
  <c r="E2617" i="2" a="1"/>
  <c r="E2617" i="2" s="1"/>
  <c r="E2616" i="2" a="1"/>
  <c r="E2616" i="2" s="1"/>
  <c r="E2608" i="2" a="1"/>
  <c r="E2608" i="2" s="1"/>
  <c r="E2606" i="2" a="1"/>
  <c r="E2606" i="2" s="1"/>
  <c r="E2622" i="2" a="1"/>
  <c r="E2622" i="2" s="1"/>
  <c r="E2623" i="2" a="1"/>
  <c r="E2623" i="2" s="1"/>
  <c r="E2609" i="2" a="1"/>
  <c r="E2609" i="2" s="1"/>
  <c r="E2621" i="2" a="1"/>
  <c r="E2621" i="2" s="1"/>
  <c r="E2613" i="2" a="1"/>
  <c r="E2613" i="2" s="1"/>
  <c r="E2602" i="2" a="1"/>
  <c r="E2602" i="2" s="1"/>
  <c r="E2603" i="2" a="1"/>
  <c r="E2603" i="2" s="1"/>
  <c r="E2615" i="2" a="1"/>
  <c r="E2615" i="2" s="1"/>
  <c r="E2612" i="2" a="1"/>
  <c r="E2612" i="2" s="1"/>
  <c r="E2620" i="2" a="1"/>
  <c r="E2620" i="2" s="1"/>
  <c r="E1419" i="2" a="1"/>
  <c r="E1419" i="2" s="1"/>
  <c r="E1406" i="2" a="1"/>
  <c r="E1406" i="2" s="1"/>
  <c r="E1414" i="2" a="1"/>
  <c r="E1414" i="2" s="1"/>
  <c r="E1410" i="2" a="1"/>
  <c r="E1410" i="2" s="1"/>
  <c r="E1417" i="2" a="1"/>
  <c r="E1417" i="2" s="1"/>
  <c r="E1423" i="2" a="1"/>
  <c r="E1423" i="2" s="1"/>
  <c r="E1404" i="2" a="1"/>
  <c r="E1404" i="2" s="1"/>
  <c r="E1405" i="2" a="1"/>
  <c r="E1405" i="2" s="1"/>
  <c r="E1411" i="2" a="1"/>
  <c r="E1411" i="2" s="1"/>
  <c r="E1415" i="2" a="1"/>
  <c r="E1415" i="2" s="1"/>
  <c r="E1424" i="2" a="1"/>
  <c r="E1424" i="2" s="1"/>
  <c r="E1412" i="2" a="1"/>
  <c r="E1412" i="2" s="1"/>
  <c r="E1408" i="2" a="1"/>
  <c r="E1408" i="2" s="1"/>
  <c r="E1402" i="2" a="1"/>
  <c r="E1402" i="2" s="1"/>
  <c r="E1418" i="2" a="1"/>
  <c r="E1418" i="2" s="1"/>
  <c r="E1416" i="2" a="1"/>
  <c r="E1416" i="2" s="1"/>
  <c r="E1409" i="2" a="1"/>
  <c r="E1409" i="2" s="1"/>
  <c r="E1425" i="2" a="1"/>
  <c r="E1425" i="2" s="1"/>
  <c r="E1422" i="2" a="1"/>
  <c r="E1422" i="2" s="1"/>
  <c r="E1403" i="2" a="1"/>
  <c r="E1403" i="2" s="1"/>
  <c r="E1421" i="2" a="1"/>
  <c r="E1421" i="2" s="1"/>
  <c r="E1407" i="2" a="1"/>
  <c r="E1407" i="2" s="1"/>
  <c r="E1413" i="2" a="1"/>
  <c r="E1413" i="2" s="1"/>
  <c r="E1420" i="2" a="1"/>
  <c r="E1420" i="2" s="1"/>
  <c r="E6179" i="2" a="1"/>
  <c r="E6179" i="2" s="1"/>
  <c r="E6190" i="2" a="1"/>
  <c r="E6190" i="2" s="1"/>
  <c r="E6182" i="2" a="1"/>
  <c r="E6182" i="2" s="1"/>
  <c r="E6187" i="2" a="1"/>
  <c r="E6187" i="2" s="1"/>
  <c r="E6180" i="2" a="1"/>
  <c r="E6180" i="2" s="1"/>
  <c r="E6197" i="2" a="1"/>
  <c r="E6197" i="2" s="1"/>
  <c r="E6178" i="2" a="1"/>
  <c r="E6178" i="2" s="1"/>
  <c r="E6200" i="2" a="1"/>
  <c r="E6200" i="2" s="1"/>
  <c r="E6192" i="2" a="1"/>
  <c r="E6192" i="2" s="1"/>
  <c r="E6189" i="2" a="1"/>
  <c r="E6189" i="2" s="1"/>
  <c r="E6198" i="2" a="1"/>
  <c r="E6198" i="2" s="1"/>
  <c r="E6193" i="2" a="1"/>
  <c r="E6193" i="2" s="1"/>
  <c r="E6184" i="2" a="1"/>
  <c r="E6184" i="2" s="1"/>
  <c r="E6194" i="2" a="1"/>
  <c r="E6194" i="2" s="1"/>
  <c r="E6188" i="2" a="1"/>
  <c r="E6188" i="2" s="1"/>
  <c r="E6191" i="2" a="1"/>
  <c r="E6191" i="2" s="1"/>
  <c r="H1966" i="2" a="1"/>
  <c r="H1966" i="2" s="1"/>
  <c r="H1956" i="2" a="1"/>
  <c r="H1956" i="2" s="1"/>
  <c r="H1969" i="2" a="1"/>
  <c r="H1969" i="2" s="1"/>
  <c r="H1971" i="2" a="1"/>
  <c r="H1971" i="2" s="1"/>
  <c r="H1974" i="2" a="1"/>
  <c r="H1974" i="2" s="1"/>
  <c r="H1970" i="2" a="1"/>
  <c r="H1970" i="2" s="1"/>
  <c r="H1961" i="2" a="1"/>
  <c r="H1961" i="2" s="1"/>
  <c r="H1975" i="2" a="1"/>
  <c r="H1975" i="2" s="1"/>
  <c r="H1972" i="2" a="1"/>
  <c r="H1972" i="2" s="1"/>
  <c r="H1960" i="2" a="1"/>
  <c r="H1960" i="2" s="1"/>
  <c r="H1957" i="2" a="1"/>
  <c r="H1957" i="2" s="1"/>
  <c r="H1976" i="2" a="1"/>
  <c r="H1976" i="2" s="1"/>
  <c r="H1962" i="2" a="1"/>
  <c r="H1962" i="2" s="1"/>
  <c r="H1964" i="2" a="1"/>
  <c r="H1964" i="2" s="1"/>
  <c r="H1958" i="2" a="1"/>
  <c r="H1958" i="2" s="1"/>
  <c r="H1977" i="2" a="1"/>
  <c r="H1977" i="2" s="1"/>
  <c r="H1959" i="2" a="1"/>
  <c r="H1959" i="2" s="1"/>
  <c r="H1973" i="2" a="1"/>
  <c r="H1973" i="2" s="1"/>
  <c r="H1954" i="2" a="1"/>
  <c r="H1954" i="2" s="1"/>
  <c r="H1963" i="2" a="1"/>
  <c r="H1963" i="2" s="1"/>
  <c r="H1967" i="2" a="1"/>
  <c r="H1967" i="2" s="1"/>
  <c r="H1965" i="2" a="1"/>
  <c r="H1965" i="2" s="1"/>
  <c r="H1955" i="2" a="1"/>
  <c r="H1955" i="2" s="1"/>
  <c r="H1968" i="2" a="1"/>
  <c r="H1968" i="2" s="1"/>
  <c r="E6602" i="2" a="1"/>
  <c r="E6602" i="2" s="1"/>
  <c r="E6609" i="2" a="1"/>
  <c r="E6609" i="2" s="1"/>
  <c r="E6599" i="2" a="1"/>
  <c r="E6599" i="2" s="1"/>
  <c r="E6592" i="2" a="1"/>
  <c r="E6592" i="2" s="1"/>
  <c r="E6606" i="2" a="1"/>
  <c r="E6606" i="2" s="1"/>
  <c r="E6586" i="2" a="1"/>
  <c r="E6586" i="2" s="1"/>
  <c r="E6605" i="2" a="1"/>
  <c r="E6605" i="2" s="1"/>
  <c r="E6595" i="2" a="1"/>
  <c r="E6595" i="2" s="1"/>
  <c r="E6594" i="2" a="1"/>
  <c r="E6594" i="2" s="1"/>
  <c r="E6604" i="2" a="1"/>
  <c r="E6604" i="2" s="1"/>
  <c r="E6596" i="2" a="1"/>
  <c r="E6596" i="2" s="1"/>
  <c r="E6603" i="2" a="1"/>
  <c r="E6603" i="2" s="1"/>
  <c r="E6598" i="2" a="1"/>
  <c r="E6598" i="2" s="1"/>
  <c r="E6601" i="2" a="1"/>
  <c r="E6601" i="2" s="1"/>
  <c r="E6600" i="2" a="1"/>
  <c r="E6600" i="2" s="1"/>
  <c r="E6589" i="2" a="1"/>
  <c r="E6589" i="2" s="1"/>
  <c r="E6588" i="2" a="1"/>
  <c r="E6588" i="2" s="1"/>
  <c r="E6590" i="2" a="1"/>
  <c r="E6590" i="2" s="1"/>
  <c r="E6591" i="2" a="1"/>
  <c r="E6591" i="2" s="1"/>
  <c r="E6608" i="2" a="1"/>
  <c r="E6608" i="2" s="1"/>
  <c r="E6593" i="2" a="1"/>
  <c r="E6593" i="2" s="1"/>
  <c r="E6607" i="2" a="1"/>
  <c r="E6607" i="2" s="1"/>
  <c r="E6587" i="2" a="1"/>
  <c r="E6587" i="2" s="1"/>
  <c r="E6597" i="2" a="1"/>
  <c r="E6597" i="2" s="1"/>
  <c r="G6678" i="2" a="1"/>
  <c r="G6678" i="2" s="1"/>
  <c r="G6659" i="2" a="1"/>
  <c r="G6659" i="2" s="1"/>
  <c r="G6674" i="2" a="1"/>
  <c r="G6674" i="2" s="1"/>
  <c r="G6668" i="2" a="1"/>
  <c r="G6668" i="2" s="1"/>
  <c r="G6661" i="2" a="1"/>
  <c r="G6661" i="2" s="1"/>
  <c r="G6676" i="2" a="1"/>
  <c r="G6676" i="2" s="1"/>
  <c r="G6672" i="2" a="1"/>
  <c r="G6672" i="2" s="1"/>
  <c r="G6666" i="2" a="1"/>
  <c r="G6666" i="2" s="1"/>
  <c r="G6673" i="2" a="1"/>
  <c r="G6673" i="2" s="1"/>
  <c r="G6679" i="2" a="1"/>
  <c r="G6679" i="2" s="1"/>
  <c r="G6662" i="2" a="1"/>
  <c r="G6662" i="2" s="1"/>
  <c r="G6677" i="2" a="1"/>
  <c r="G6677" i="2" s="1"/>
  <c r="G6669" i="2" a="1"/>
  <c r="G6669" i="2" s="1"/>
  <c r="G6664" i="2" a="1"/>
  <c r="G6664" i="2" s="1"/>
  <c r="G6670" i="2" a="1"/>
  <c r="G6670" i="2" s="1"/>
  <c r="G6671" i="2" a="1"/>
  <c r="G6671" i="2" s="1"/>
  <c r="G6681" i="2" a="1"/>
  <c r="G6681" i="2" s="1"/>
  <c r="G6663" i="2" a="1"/>
  <c r="G6663" i="2" s="1"/>
  <c r="G6658" i="2" a="1"/>
  <c r="G6658" i="2" s="1"/>
  <c r="G6667" i="2" a="1"/>
  <c r="G6667" i="2" s="1"/>
  <c r="G6660" i="2" a="1"/>
  <c r="G6660" i="2" s="1"/>
  <c r="G6675" i="2" a="1"/>
  <c r="G6675" i="2" s="1"/>
  <c r="G6665" i="2" a="1"/>
  <c r="G6665" i="2" s="1"/>
  <c r="G6680" i="2" a="1"/>
  <c r="G6680" i="2" s="1"/>
  <c r="AO303" i="1"/>
  <c r="E309" i="5" s="1"/>
  <c r="AN303" i="1"/>
  <c r="D309" i="5" s="1"/>
  <c r="AP303" i="1"/>
  <c r="F309" i="5" s="1"/>
  <c r="AQ303" i="1"/>
  <c r="G309" i="5" s="1"/>
  <c r="AM303" i="1"/>
  <c r="D7268" i="2" a="1"/>
  <c r="D7268" i="2" s="1"/>
  <c r="D7278" i="2" a="1"/>
  <c r="D7278" i="2" s="1"/>
  <c r="D7271" i="2" a="1"/>
  <c r="D7271" i="2" s="1"/>
  <c r="D7275" i="2" a="1"/>
  <c r="D7275" i="2" s="1"/>
  <c r="D7279" i="2" a="1"/>
  <c r="D7279" i="2" s="1"/>
  <c r="D7274" i="2" a="1"/>
  <c r="D7274" i="2" s="1"/>
  <c r="D7260" i="2" a="1"/>
  <c r="D7260" i="2" s="1"/>
  <c r="D7267" i="2" a="1"/>
  <c r="D7267" i="2" s="1"/>
  <c r="D7264" i="2" a="1"/>
  <c r="D7264" i="2" s="1"/>
  <c r="D7270" i="2" a="1"/>
  <c r="D7270" i="2" s="1"/>
  <c r="D7277" i="2" a="1"/>
  <c r="D7277" i="2" s="1"/>
  <c r="D7263" i="2" a="1"/>
  <c r="D7263" i="2" s="1"/>
  <c r="D7266" i="2" a="1"/>
  <c r="D7266" i="2" s="1"/>
  <c r="D7273" i="2" a="1"/>
  <c r="D7273" i="2" s="1"/>
  <c r="D7280" i="2" a="1"/>
  <c r="D7280" i="2" s="1"/>
  <c r="D7259" i="2" a="1"/>
  <c r="D7259" i="2" s="1"/>
  <c r="D7281" i="2" a="1"/>
  <c r="D7281" i="2" s="1"/>
  <c r="D7262" i="2" a="1"/>
  <c r="D7262" i="2" s="1"/>
  <c r="D7276" i="2" a="1"/>
  <c r="D7276" i="2" s="1"/>
  <c r="D7258" i="2" a="1"/>
  <c r="D7258" i="2" s="1"/>
  <c r="D7265" i="2" a="1"/>
  <c r="D7265" i="2" s="1"/>
  <c r="D7272" i="2" a="1"/>
  <c r="D7272" i="2" s="1"/>
  <c r="D7269" i="2" a="1"/>
  <c r="D7269" i="2" s="1"/>
  <c r="D7261" i="2" a="1"/>
  <c r="D7261" i="2" s="1"/>
  <c r="F116" i="2" a="1"/>
  <c r="F116" i="2" s="1"/>
  <c r="F118" i="2" a="1"/>
  <c r="F118" i="2" s="1"/>
  <c r="F110" i="2" a="1"/>
  <c r="F110" i="2" s="1"/>
  <c r="F108" i="2" a="1"/>
  <c r="F108" i="2" s="1"/>
  <c r="F117" i="2" a="1"/>
  <c r="F117" i="2" s="1"/>
  <c r="F129" i="2" a="1"/>
  <c r="F129" i="2" s="1"/>
  <c r="F111" i="2" a="1"/>
  <c r="F111" i="2" s="1"/>
  <c r="F113" i="2" a="1"/>
  <c r="F113" i="2" s="1"/>
  <c r="F119" i="2" a="1"/>
  <c r="F119" i="2" s="1"/>
  <c r="F120" i="2" a="1"/>
  <c r="F120" i="2" s="1"/>
  <c r="F124" i="2" a="1"/>
  <c r="F124" i="2" s="1"/>
  <c r="F121" i="2" a="1"/>
  <c r="F121" i="2" s="1"/>
  <c r="F107" i="2" a="1"/>
  <c r="F107" i="2" s="1"/>
  <c r="F128" i="2" a="1"/>
  <c r="F128" i="2" s="1"/>
  <c r="F122" i="2" a="1"/>
  <c r="F122" i="2" s="1"/>
  <c r="F114" i="2" a="1"/>
  <c r="F114" i="2" s="1"/>
  <c r="F112" i="2" a="1"/>
  <c r="F112" i="2" s="1"/>
  <c r="F109" i="2" a="1"/>
  <c r="F109" i="2" s="1"/>
  <c r="F115" i="2" a="1"/>
  <c r="F115" i="2" s="1"/>
  <c r="F125" i="2" a="1"/>
  <c r="F125" i="2" s="1"/>
  <c r="F127" i="2" a="1"/>
  <c r="F127" i="2" s="1"/>
  <c r="F123" i="2" a="1"/>
  <c r="F123" i="2" s="1"/>
  <c r="F126" i="2" a="1"/>
  <c r="F126" i="2" s="1"/>
  <c r="F106" i="2" a="1"/>
  <c r="F106" i="2" s="1"/>
  <c r="F1976" i="2" a="1"/>
  <c r="F1976" i="2" s="1"/>
  <c r="F1954" i="2" a="1"/>
  <c r="F1954" i="2" s="1"/>
  <c r="F1963" i="2" a="1"/>
  <c r="F1963" i="2" s="1"/>
  <c r="F1956" i="2" a="1"/>
  <c r="F1956" i="2" s="1"/>
  <c r="F1973" i="2" a="1"/>
  <c r="F1973" i="2" s="1"/>
  <c r="F1955" i="2" a="1"/>
  <c r="F1955" i="2" s="1"/>
  <c r="F1965" i="2" a="1"/>
  <c r="F1965" i="2" s="1"/>
  <c r="F1971" i="2" a="1"/>
  <c r="F1971" i="2" s="1"/>
  <c r="F1969" i="2" a="1"/>
  <c r="F1969" i="2" s="1"/>
  <c r="F1961" i="2" a="1"/>
  <c r="F1961" i="2" s="1"/>
  <c r="F1970" i="2" a="1"/>
  <c r="F1970" i="2" s="1"/>
  <c r="F1977" i="2" a="1"/>
  <c r="F1977" i="2" s="1"/>
  <c r="F1962" i="2" a="1"/>
  <c r="F1962" i="2" s="1"/>
  <c r="F1958" i="2" a="1"/>
  <c r="F1958" i="2" s="1"/>
  <c r="F1967" i="2" a="1"/>
  <c r="F1967" i="2" s="1"/>
  <c r="F1968" i="2" a="1"/>
  <c r="F1968" i="2" s="1"/>
  <c r="F1957" i="2" a="1"/>
  <c r="F1957" i="2" s="1"/>
  <c r="F1959" i="2" a="1"/>
  <c r="F1959" i="2" s="1"/>
  <c r="F1974" i="2" a="1"/>
  <c r="F1974" i="2" s="1"/>
  <c r="F1975" i="2" a="1"/>
  <c r="F1975" i="2" s="1"/>
  <c r="F1964" i="2" a="1"/>
  <c r="F1964" i="2" s="1"/>
  <c r="F1960" i="2" a="1"/>
  <c r="F1960" i="2" s="1"/>
  <c r="F1966" i="2" a="1"/>
  <c r="F1966" i="2" s="1"/>
  <c r="F1972" i="2" a="1"/>
  <c r="F1972" i="2" s="1"/>
  <c r="F4743" i="2" a="1"/>
  <c r="F4743" i="2" s="1"/>
  <c r="F4747" i="2" a="1"/>
  <c r="F4747" i="2" s="1"/>
  <c r="F4741" i="2" a="1"/>
  <c r="F4741" i="2" s="1"/>
  <c r="F4752" i="2" a="1"/>
  <c r="F4752" i="2" s="1"/>
  <c r="F4748" i="2" a="1"/>
  <c r="F4748" i="2" s="1"/>
  <c r="F4744" i="2" a="1"/>
  <c r="F4744" i="2" s="1"/>
  <c r="F4749" i="2" a="1"/>
  <c r="F4749" i="2" s="1"/>
  <c r="F4750" i="2" a="1"/>
  <c r="F4750" i="2" s="1"/>
  <c r="F4739" i="2" a="1"/>
  <c r="F4739" i="2" s="1"/>
  <c r="F4759" i="2" a="1"/>
  <c r="F4759" i="2" s="1"/>
  <c r="F4756" i="2" a="1"/>
  <c r="F4756" i="2" s="1"/>
  <c r="F4742" i="2" a="1"/>
  <c r="F4742" i="2" s="1"/>
  <c r="F4757" i="2" a="1"/>
  <c r="F4757" i="2" s="1"/>
  <c r="F4753" i="2" a="1"/>
  <c r="F4753" i="2" s="1"/>
  <c r="F4740" i="2" a="1"/>
  <c r="F4740" i="2" s="1"/>
  <c r="F4754" i="2" a="1"/>
  <c r="F4754" i="2" s="1"/>
  <c r="F4755" i="2" a="1"/>
  <c r="F4755" i="2" s="1"/>
  <c r="F4751" i="2" a="1"/>
  <c r="F4751" i="2" s="1"/>
  <c r="F4758" i="2" a="1"/>
  <c r="F4758" i="2" s="1"/>
  <c r="F4746" i="2" a="1"/>
  <c r="F4746" i="2" s="1"/>
  <c r="F4738" i="2" a="1"/>
  <c r="F4738" i="2" s="1"/>
  <c r="F4745" i="2" a="1"/>
  <c r="F4745" i="2" s="1"/>
  <c r="F4761" i="2" a="1"/>
  <c r="F4761" i="2" s="1"/>
  <c r="F4760" i="2" a="1"/>
  <c r="F4760" i="2" s="1"/>
  <c r="G2470" i="2" a="1"/>
  <c r="G2470" i="2" s="1"/>
  <c r="G2476" i="2" a="1"/>
  <c r="G2476" i="2" s="1"/>
  <c r="G2474" i="2" a="1"/>
  <c r="G2474" i="2" s="1"/>
  <c r="G2478" i="2" a="1"/>
  <c r="G2478" i="2" s="1"/>
  <c r="G2462" i="2" a="1"/>
  <c r="G2462" i="2" s="1"/>
  <c r="G2472" i="2" a="1"/>
  <c r="G2472" i="2" s="1"/>
  <c r="F1933" i="2" a="1"/>
  <c r="F1933" i="2" s="1"/>
  <c r="F1936" i="2" a="1"/>
  <c r="F1936" i="2" s="1"/>
  <c r="F1942" i="2" a="1"/>
  <c r="F1942" i="2" s="1"/>
  <c r="F1937" i="2" a="1"/>
  <c r="F1937" i="2" s="1"/>
  <c r="F1939" i="2" a="1"/>
  <c r="F1939" i="2" s="1"/>
  <c r="F1947" i="2" a="1"/>
  <c r="F1947" i="2" s="1"/>
  <c r="F1949" i="2" a="1"/>
  <c r="F1949" i="2" s="1"/>
  <c r="F1930" i="2" a="1"/>
  <c r="F1930" i="2" s="1"/>
  <c r="F1931" i="2" a="1"/>
  <c r="F1931" i="2" s="1"/>
  <c r="F1948" i="2" a="1"/>
  <c r="F1948" i="2" s="1"/>
  <c r="F1938" i="2" a="1"/>
  <c r="F1938" i="2" s="1"/>
  <c r="F1941" i="2" a="1"/>
  <c r="F1941" i="2" s="1"/>
  <c r="F1950" i="2" a="1"/>
  <c r="F1950" i="2" s="1"/>
  <c r="F1932" i="2" a="1"/>
  <c r="F1932" i="2" s="1"/>
  <c r="F1952" i="2" a="1"/>
  <c r="F1952" i="2" s="1"/>
  <c r="F1943" i="2" a="1"/>
  <c r="F1943" i="2" s="1"/>
  <c r="F1946" i="2" a="1"/>
  <c r="F1946" i="2" s="1"/>
  <c r="F1944" i="2" a="1"/>
  <c r="F1944" i="2" s="1"/>
  <c r="F1934" i="2" a="1"/>
  <c r="F1934" i="2" s="1"/>
  <c r="F1935" i="2" a="1"/>
  <c r="F1935" i="2" s="1"/>
  <c r="F1940" i="2" a="1"/>
  <c r="F1940" i="2" s="1"/>
  <c r="F1945" i="2" a="1"/>
  <c r="F1945" i="2" s="1"/>
  <c r="F1951" i="2" a="1"/>
  <c r="F1951" i="2" s="1"/>
  <c r="F1953" i="2" a="1"/>
  <c r="F1953" i="2" s="1"/>
  <c r="H114" i="2" a="1"/>
  <c r="H114" i="2" s="1"/>
  <c r="H121" i="2" a="1"/>
  <c r="H121" i="2" s="1"/>
  <c r="H106" i="2" a="1"/>
  <c r="H106" i="2" s="1"/>
  <c r="H128" i="2" a="1"/>
  <c r="H128" i="2" s="1"/>
  <c r="H111" i="2" a="1"/>
  <c r="H111" i="2" s="1"/>
  <c r="H118" i="2" a="1"/>
  <c r="H118" i="2" s="1"/>
  <c r="H124" i="2" a="1"/>
  <c r="H124" i="2" s="1"/>
  <c r="H119" i="2" a="1"/>
  <c r="H119" i="2" s="1"/>
  <c r="H120" i="2" a="1"/>
  <c r="H120" i="2" s="1"/>
  <c r="H125" i="2" a="1"/>
  <c r="H125" i="2" s="1"/>
  <c r="H123" i="2" a="1"/>
  <c r="H123" i="2" s="1"/>
  <c r="H113" i="2" a="1"/>
  <c r="H113" i="2" s="1"/>
  <c r="H115" i="2" a="1"/>
  <c r="H115" i="2" s="1"/>
  <c r="H117" i="2" a="1"/>
  <c r="H117" i="2" s="1"/>
  <c r="H129" i="2" a="1"/>
  <c r="H129" i="2" s="1"/>
  <c r="H110" i="2" a="1"/>
  <c r="H110" i="2" s="1"/>
  <c r="H112" i="2" a="1"/>
  <c r="H112" i="2" s="1"/>
  <c r="H126" i="2" a="1"/>
  <c r="H126" i="2" s="1"/>
  <c r="H109" i="2" a="1"/>
  <c r="H109" i="2" s="1"/>
  <c r="H122" i="2" a="1"/>
  <c r="H122" i="2" s="1"/>
  <c r="H116" i="2" a="1"/>
  <c r="H116" i="2" s="1"/>
  <c r="H127" i="2" a="1"/>
  <c r="H127" i="2" s="1"/>
  <c r="H107" i="2" a="1"/>
  <c r="H107" i="2" s="1"/>
  <c r="H108" i="2" a="1"/>
  <c r="H108" i="2" s="1"/>
  <c r="F2980" i="2" a="1"/>
  <c r="F2980" i="2" s="1"/>
  <c r="F2975" i="2" a="1"/>
  <c r="F2975" i="2" s="1"/>
  <c r="F2985" i="2" a="1"/>
  <c r="F2985" i="2" s="1"/>
  <c r="F2976" i="2" a="1"/>
  <c r="F2976" i="2" s="1"/>
  <c r="F2984" i="2" a="1"/>
  <c r="F2984" i="2" s="1"/>
  <c r="F2981" i="2" a="1"/>
  <c r="F2981" i="2" s="1"/>
  <c r="F2977" i="2" a="1"/>
  <c r="F2977" i="2" s="1"/>
  <c r="F2968" i="2" a="1"/>
  <c r="F2968" i="2" s="1"/>
  <c r="F2979" i="2" a="1"/>
  <c r="F2979" i="2" s="1"/>
  <c r="F2970" i="2" a="1"/>
  <c r="F2970" i="2" s="1"/>
  <c r="F2978" i="2" a="1"/>
  <c r="F2978" i="2" s="1"/>
  <c r="F2969" i="2" a="1"/>
  <c r="F2969" i="2" s="1"/>
  <c r="F2973" i="2" a="1"/>
  <c r="F2973" i="2" s="1"/>
  <c r="F2974" i="2" a="1"/>
  <c r="F2974" i="2" s="1"/>
  <c r="F2962" i="2" a="1"/>
  <c r="F2962" i="2" s="1"/>
  <c r="F2963" i="2" a="1"/>
  <c r="F2963" i="2" s="1"/>
  <c r="F2964" i="2" a="1"/>
  <c r="F2964" i="2" s="1"/>
  <c r="F2966" i="2" a="1"/>
  <c r="F2966" i="2" s="1"/>
  <c r="F2971" i="2" a="1"/>
  <c r="F2971" i="2" s="1"/>
  <c r="F2982" i="2" a="1"/>
  <c r="F2982" i="2" s="1"/>
  <c r="F2983" i="2" a="1"/>
  <c r="F2983" i="2" s="1"/>
  <c r="F2967" i="2" a="1"/>
  <c r="F2967" i="2" s="1"/>
  <c r="F2972" i="2" a="1"/>
  <c r="F2972" i="2" s="1"/>
  <c r="F2965" i="2" a="1"/>
  <c r="F2965" i="2" s="1"/>
  <c r="G1562" i="2" a="1"/>
  <c r="G1562" i="2" s="1"/>
  <c r="G1569" i="2" a="1"/>
  <c r="G1569" i="2" s="1"/>
  <c r="G1564" i="2" a="1"/>
  <c r="G1564" i="2" s="1"/>
  <c r="G1547" i="2" a="1"/>
  <c r="G1547" i="2" s="1"/>
  <c r="G1559" i="2" a="1"/>
  <c r="G1559" i="2" s="1"/>
  <c r="G1548" i="2" a="1"/>
  <c r="G1548" i="2" s="1"/>
  <c r="G1551" i="2" a="1"/>
  <c r="G1551" i="2" s="1"/>
  <c r="G1555" i="2" a="1"/>
  <c r="G1555" i="2" s="1"/>
  <c r="G1553" i="2" a="1"/>
  <c r="G1553" i="2" s="1"/>
  <c r="G1549" i="2" a="1"/>
  <c r="G1549" i="2" s="1"/>
  <c r="G1556" i="2" a="1"/>
  <c r="G1556" i="2" s="1"/>
  <c r="G1550" i="2" a="1"/>
  <c r="G1550" i="2" s="1"/>
  <c r="G1557" i="2" a="1"/>
  <c r="G1557" i="2" s="1"/>
  <c r="G1560" i="2" a="1"/>
  <c r="G1560" i="2" s="1"/>
  <c r="G1566" i="2" a="1"/>
  <c r="G1566" i="2" s="1"/>
  <c r="G1561" i="2" a="1"/>
  <c r="G1561" i="2" s="1"/>
  <c r="G1567" i="2" a="1"/>
  <c r="G1567" i="2" s="1"/>
  <c r="G1563" i="2" a="1"/>
  <c r="G1563" i="2" s="1"/>
  <c r="G1552" i="2" a="1"/>
  <c r="G1552" i="2" s="1"/>
  <c r="G1565" i="2" a="1"/>
  <c r="G1565" i="2" s="1"/>
  <c r="G1546" i="2" a="1"/>
  <c r="G1546" i="2" s="1"/>
  <c r="G1558" i="2" a="1"/>
  <c r="G1558" i="2" s="1"/>
  <c r="G1568" i="2" a="1"/>
  <c r="G1568" i="2" s="1"/>
  <c r="G1554" i="2" a="1"/>
  <c r="G1554" i="2" s="1"/>
  <c r="E6527" i="2" a="1"/>
  <c r="E6527" i="2" s="1"/>
  <c r="E6518" i="2" a="1"/>
  <c r="E6518" i="2" s="1"/>
  <c r="E6526" i="2" a="1"/>
  <c r="E6526" i="2" s="1"/>
  <c r="E6519" i="2" a="1"/>
  <c r="E6519" i="2" s="1"/>
  <c r="E6529" i="2" a="1"/>
  <c r="E6529" i="2" s="1"/>
  <c r="E6532" i="2" a="1"/>
  <c r="E6532" i="2" s="1"/>
  <c r="E6533" i="2" a="1"/>
  <c r="E6533" i="2" s="1"/>
  <c r="E6534" i="2" a="1"/>
  <c r="E6534" i="2" s="1"/>
  <c r="E6531" i="2" a="1"/>
  <c r="E6531" i="2" s="1"/>
  <c r="E6525" i="2" a="1"/>
  <c r="E6525" i="2" s="1"/>
  <c r="E6530" i="2" a="1"/>
  <c r="E6530" i="2" s="1"/>
  <c r="E6535" i="2" a="1"/>
  <c r="E6535" i="2" s="1"/>
  <c r="E6524" i="2" a="1"/>
  <c r="E6524" i="2" s="1"/>
  <c r="E6515" i="2" a="1"/>
  <c r="E6515" i="2" s="1"/>
  <c r="E6537" i="2" a="1"/>
  <c r="E6537" i="2" s="1"/>
  <c r="E6517" i="2" a="1"/>
  <c r="E6517" i="2" s="1"/>
  <c r="E6514" i="2" a="1"/>
  <c r="E6514" i="2" s="1"/>
  <c r="E6523" i="2" a="1"/>
  <c r="E6523" i="2" s="1"/>
  <c r="E6536" i="2" a="1"/>
  <c r="E6536" i="2" s="1"/>
  <c r="E6528" i="2" a="1"/>
  <c r="E6528" i="2" s="1"/>
  <c r="E6521" i="2" a="1"/>
  <c r="E6521" i="2" s="1"/>
  <c r="E6516" i="2" a="1"/>
  <c r="E6516" i="2" s="1"/>
  <c r="E6520" i="2" a="1"/>
  <c r="E6520" i="2" s="1"/>
  <c r="E6522" i="2" a="1"/>
  <c r="E6522" i="2" s="1"/>
  <c r="G7954" i="2" a="1"/>
  <c r="G7954" i="2" s="1"/>
  <c r="G7968" i="2" a="1"/>
  <c r="G7968" i="2" s="1"/>
  <c r="G7959" i="2" a="1"/>
  <c r="G7959" i="2" s="1"/>
  <c r="G7976" i="2" a="1"/>
  <c r="G7976" i="2" s="1"/>
  <c r="G7971" i="2" a="1"/>
  <c r="G7971" i="2" s="1"/>
  <c r="G7970" i="2" a="1"/>
  <c r="G7970" i="2" s="1"/>
  <c r="G7964" i="2" a="1"/>
  <c r="G7964" i="2" s="1"/>
  <c r="G7977" i="2" a="1"/>
  <c r="G7977" i="2" s="1"/>
  <c r="G7961" i="2" a="1"/>
  <c r="G7961" i="2" s="1"/>
  <c r="G7967" i="2" a="1"/>
  <c r="G7967" i="2" s="1"/>
  <c r="G7962" i="2" a="1"/>
  <c r="G7962" i="2" s="1"/>
  <c r="G7958" i="2" a="1"/>
  <c r="G7958" i="2" s="1"/>
  <c r="G7974" i="2" a="1"/>
  <c r="G7974" i="2" s="1"/>
  <c r="G7963" i="2" a="1"/>
  <c r="G7963" i="2" s="1"/>
  <c r="G7973" i="2" a="1"/>
  <c r="G7973" i="2" s="1"/>
  <c r="G7960" i="2" a="1"/>
  <c r="G7960" i="2" s="1"/>
  <c r="G7972" i="2" a="1"/>
  <c r="G7972" i="2" s="1"/>
  <c r="G7957" i="2" a="1"/>
  <c r="G7957" i="2" s="1"/>
  <c r="G7965" i="2" a="1"/>
  <c r="G7965" i="2" s="1"/>
  <c r="G7969" i="2" a="1"/>
  <c r="G7969" i="2" s="1"/>
  <c r="G7966" i="2" a="1"/>
  <c r="G7966" i="2" s="1"/>
  <c r="G7975" i="2" a="1"/>
  <c r="G7975" i="2" s="1"/>
  <c r="G7955" i="2" a="1"/>
  <c r="G7955" i="2" s="1"/>
  <c r="G7956" i="2" a="1"/>
  <c r="G7956" i="2" s="1"/>
  <c r="G5615" i="2" a="1"/>
  <c r="G5615" i="2" s="1"/>
  <c r="G5613" i="2" a="1"/>
  <c r="G5613" i="2" s="1"/>
  <c r="G5621" i="2" a="1"/>
  <c r="G5621" i="2" s="1"/>
  <c r="G5602" i="2" a="1"/>
  <c r="G5602" i="2" s="1"/>
  <c r="G5616" i="2" a="1"/>
  <c r="G5616" i="2" s="1"/>
  <c r="G5619" i="2" a="1"/>
  <c r="G5619" i="2" s="1"/>
  <c r="G5623" i="2" a="1"/>
  <c r="G5623" i="2" s="1"/>
  <c r="G5610" i="2" a="1"/>
  <c r="G5610" i="2" s="1"/>
  <c r="G5608" i="2" a="1"/>
  <c r="G5608" i="2" s="1"/>
  <c r="G5622" i="2" a="1"/>
  <c r="G5622" i="2" s="1"/>
  <c r="G5625" i="2" a="1"/>
  <c r="G5625" i="2" s="1"/>
  <c r="G5609" i="2" a="1"/>
  <c r="G5609" i="2" s="1"/>
  <c r="G5605" i="2" a="1"/>
  <c r="G5605" i="2" s="1"/>
  <c r="G5617" i="2" a="1"/>
  <c r="G5617" i="2" s="1"/>
  <c r="G5614" i="2" a="1"/>
  <c r="G5614" i="2" s="1"/>
  <c r="G5607" i="2" a="1"/>
  <c r="G5607" i="2" s="1"/>
  <c r="G5603" i="2" a="1"/>
  <c r="G5603" i="2" s="1"/>
  <c r="G5624" i="2" a="1"/>
  <c r="G5624" i="2" s="1"/>
  <c r="G5604" i="2" a="1"/>
  <c r="G5604" i="2" s="1"/>
  <c r="G5612" i="2" a="1"/>
  <c r="G5612" i="2" s="1"/>
  <c r="G5606" i="2" a="1"/>
  <c r="G5606" i="2" s="1"/>
  <c r="G5611" i="2" a="1"/>
  <c r="G5611" i="2" s="1"/>
  <c r="G5620" i="2" a="1"/>
  <c r="G5620" i="2" s="1"/>
  <c r="G5618" i="2" a="1"/>
  <c r="G5618" i="2" s="1"/>
  <c r="AP222" i="1"/>
  <c r="F228" i="5" s="1"/>
  <c r="AQ222" i="1"/>
  <c r="G228" i="5" s="1"/>
  <c r="AO222" i="1"/>
  <c r="E228" i="5" s="1"/>
  <c r="AN222" i="1"/>
  <c r="D228" i="5" s="1"/>
  <c r="AM222" i="1"/>
  <c r="D5316" i="2" a="1"/>
  <c r="D5316" i="2" s="1"/>
  <c r="D5320" i="2" a="1"/>
  <c r="D5320" i="2" s="1"/>
  <c r="D5324" i="2" a="1"/>
  <c r="D5324" i="2" s="1"/>
  <c r="D5328" i="2" a="1"/>
  <c r="D5328" i="2" s="1"/>
  <c r="D5336" i="2" a="1"/>
  <c r="D5336" i="2" s="1"/>
  <c r="D5315" i="2" a="1"/>
  <c r="D5315" i="2" s="1"/>
  <c r="D5319" i="2" a="1"/>
  <c r="D5319" i="2" s="1"/>
  <c r="D5323" i="2" a="1"/>
  <c r="D5323" i="2" s="1"/>
  <c r="D5327" i="2" a="1"/>
  <c r="D5327" i="2" s="1"/>
  <c r="D5331" i="2" a="1"/>
  <c r="D5331" i="2" s="1"/>
  <c r="D5335" i="2" a="1"/>
  <c r="D5335" i="2" s="1"/>
  <c r="D5332" i="2" a="1"/>
  <c r="D5332" i="2" s="1"/>
  <c r="D5314" i="2" a="1"/>
  <c r="D5314" i="2" s="1"/>
  <c r="D5318" i="2" a="1"/>
  <c r="D5318" i="2" s="1"/>
  <c r="D5322" i="2" a="1"/>
  <c r="D5322" i="2" s="1"/>
  <c r="D5326" i="2" a="1"/>
  <c r="D5326" i="2" s="1"/>
  <c r="D5330" i="2" a="1"/>
  <c r="D5330" i="2" s="1"/>
  <c r="D5334" i="2" a="1"/>
  <c r="D5334" i="2" s="1"/>
  <c r="D5317" i="2" a="1"/>
  <c r="D5317" i="2" s="1"/>
  <c r="D5321" i="2" a="1"/>
  <c r="D5321" i="2" s="1"/>
  <c r="D5325" i="2" a="1"/>
  <c r="D5325" i="2" s="1"/>
  <c r="D5329" i="2" a="1"/>
  <c r="D5329" i="2" s="1"/>
  <c r="D5333" i="2" a="1"/>
  <c r="D5333" i="2" s="1"/>
  <c r="D5337" i="2" a="1"/>
  <c r="D5337" i="2" s="1"/>
  <c r="E5501" i="2" a="1"/>
  <c r="E5501" i="2" s="1"/>
  <c r="E5489" i="2" a="1"/>
  <c r="E5489" i="2" s="1"/>
  <c r="E5487" i="2" a="1"/>
  <c r="E5487" i="2" s="1"/>
  <c r="E5502" i="2" a="1"/>
  <c r="E5502" i="2" s="1"/>
  <c r="E5482" i="2" a="1"/>
  <c r="E5482" i="2" s="1"/>
  <c r="E5486" i="2" a="1"/>
  <c r="E5486" i="2" s="1"/>
  <c r="E5483" i="2" a="1"/>
  <c r="E5483" i="2" s="1"/>
  <c r="E5505" i="2" a="1"/>
  <c r="E5505" i="2" s="1"/>
  <c r="E5495" i="2" a="1"/>
  <c r="E5495" i="2" s="1"/>
  <c r="E5493" i="2" a="1"/>
  <c r="E5493" i="2" s="1"/>
  <c r="E5504" i="2" a="1"/>
  <c r="E5504" i="2" s="1"/>
  <c r="E5499" i="2" a="1"/>
  <c r="E5499" i="2" s="1"/>
  <c r="E5488" i="2" a="1"/>
  <c r="E5488" i="2" s="1"/>
  <c r="E5496" i="2" a="1"/>
  <c r="E5496" i="2" s="1"/>
  <c r="E5490" i="2" a="1"/>
  <c r="E5490" i="2" s="1"/>
  <c r="E5498" i="2" a="1"/>
  <c r="E5498" i="2" s="1"/>
  <c r="E5491" i="2" a="1"/>
  <c r="E5491" i="2" s="1"/>
  <c r="E5492" i="2" a="1"/>
  <c r="E5492" i="2" s="1"/>
  <c r="E5500" i="2" a="1"/>
  <c r="E5500" i="2" s="1"/>
  <c r="E5485" i="2" a="1"/>
  <c r="E5485" i="2" s="1"/>
  <c r="E5503" i="2" a="1"/>
  <c r="E5503" i="2" s="1"/>
  <c r="E5494" i="2" a="1"/>
  <c r="E5494" i="2" s="1"/>
  <c r="E5497" i="2" a="1"/>
  <c r="E5497" i="2" s="1"/>
  <c r="E5484" i="2" a="1"/>
  <c r="E5484" i="2" s="1"/>
  <c r="H4317" i="2" a="1"/>
  <c r="H4317" i="2" s="1"/>
  <c r="H4309" i="2" a="1"/>
  <c r="H4309" i="2" s="1"/>
  <c r="H4326" i="2" a="1"/>
  <c r="H4326" i="2" s="1"/>
  <c r="H4323" i="2" a="1"/>
  <c r="H4323" i="2" s="1"/>
  <c r="H4325" i="2" a="1"/>
  <c r="H4325" i="2" s="1"/>
  <c r="H4314" i="2" a="1"/>
  <c r="H4314" i="2" s="1"/>
  <c r="H4306" i="2" a="1"/>
  <c r="H4306" i="2" s="1"/>
  <c r="H4328" i="2" a="1"/>
  <c r="H4328" i="2" s="1"/>
  <c r="H4322" i="2" a="1"/>
  <c r="H4322" i="2" s="1"/>
  <c r="H4318" i="2" a="1"/>
  <c r="H4318" i="2" s="1"/>
  <c r="H4311" i="2" a="1"/>
  <c r="H4311" i="2" s="1"/>
  <c r="H4315" i="2" a="1"/>
  <c r="H4315" i="2" s="1"/>
  <c r="H4320" i="2" a="1"/>
  <c r="H4320" i="2" s="1"/>
  <c r="H4316" i="2" a="1"/>
  <c r="H4316" i="2" s="1"/>
  <c r="H4307" i="2" a="1"/>
  <c r="H4307" i="2" s="1"/>
  <c r="H4308" i="2" a="1"/>
  <c r="H4308" i="2" s="1"/>
  <c r="H4324" i="2" a="1"/>
  <c r="H4324" i="2" s="1"/>
  <c r="H4310" i="2" a="1"/>
  <c r="H4310" i="2" s="1"/>
  <c r="H4319" i="2" a="1"/>
  <c r="H4319" i="2" s="1"/>
  <c r="H4312" i="2" a="1"/>
  <c r="H4312" i="2" s="1"/>
  <c r="H4327" i="2" a="1"/>
  <c r="H4327" i="2" s="1"/>
  <c r="H4313" i="2" a="1"/>
  <c r="H4313" i="2" s="1"/>
  <c r="H4329" i="2" a="1"/>
  <c r="H4329" i="2" s="1"/>
  <c r="H4321" i="2" a="1"/>
  <c r="H4321" i="2" s="1"/>
  <c r="E2137" i="2" a="1"/>
  <c r="E2137" i="2" s="1"/>
  <c r="E2132" i="2" a="1"/>
  <c r="E2132" i="2" s="1"/>
  <c r="E2141" i="2" a="1"/>
  <c r="E2141" i="2" s="1"/>
  <c r="E2133" i="2" a="1"/>
  <c r="E2133" i="2" s="1"/>
  <c r="E2126" i="2" a="1"/>
  <c r="E2126" i="2" s="1"/>
  <c r="E2143" i="2" a="1"/>
  <c r="E2143" i="2" s="1"/>
  <c r="E2136" i="2" a="1"/>
  <c r="E2136" i="2" s="1"/>
  <c r="E2140" i="2" a="1"/>
  <c r="E2140" i="2" s="1"/>
  <c r="E2128" i="2" a="1"/>
  <c r="E2128" i="2" s="1"/>
  <c r="E2134" i="2" a="1"/>
  <c r="E2134" i="2" s="1"/>
  <c r="E2135" i="2" a="1"/>
  <c r="E2135" i="2" s="1"/>
  <c r="E2145" i="2" a="1"/>
  <c r="E2145" i="2" s="1"/>
  <c r="E2129" i="2" a="1"/>
  <c r="E2129" i="2" s="1"/>
  <c r="E2123" i="2" a="1"/>
  <c r="E2123" i="2" s="1"/>
  <c r="E2124" i="2" a="1"/>
  <c r="E2124" i="2" s="1"/>
  <c r="E2130" i="2" a="1"/>
  <c r="E2130" i="2" s="1"/>
  <c r="E2127" i="2" a="1"/>
  <c r="E2127" i="2" s="1"/>
  <c r="E2125" i="2" a="1"/>
  <c r="E2125" i="2" s="1"/>
  <c r="E2144" i="2" a="1"/>
  <c r="E2144" i="2" s="1"/>
  <c r="E2131" i="2" a="1"/>
  <c r="E2131" i="2" s="1"/>
  <c r="E2122" i="2" a="1"/>
  <c r="E2122" i="2" s="1"/>
  <c r="E2139" i="2" a="1"/>
  <c r="E2139" i="2" s="1"/>
  <c r="E2142" i="2" a="1"/>
  <c r="E2142" i="2" s="1"/>
  <c r="E2138" i="2" a="1"/>
  <c r="E2138" i="2" s="1"/>
  <c r="E5146" i="2" a="1"/>
  <c r="E5146" i="2" s="1"/>
  <c r="E5152" i="2" a="1"/>
  <c r="E5152" i="2" s="1"/>
  <c r="E5159" i="2" a="1"/>
  <c r="E5159" i="2" s="1"/>
  <c r="E5150" i="2" a="1"/>
  <c r="E5150" i="2" s="1"/>
  <c r="E5168" i="2" a="1"/>
  <c r="E5168" i="2" s="1"/>
  <c r="E5163" i="2" a="1"/>
  <c r="E5163" i="2" s="1"/>
  <c r="E5147" i="2" a="1"/>
  <c r="E5147" i="2" s="1"/>
  <c r="E5153" i="2" a="1"/>
  <c r="E5153" i="2" s="1"/>
  <c r="E5161" i="2" a="1"/>
  <c r="E5161" i="2" s="1"/>
  <c r="E5151" i="2" a="1"/>
  <c r="E5151" i="2" s="1"/>
  <c r="E5169" i="2" a="1"/>
  <c r="E5169" i="2" s="1"/>
  <c r="E5162" i="2" a="1"/>
  <c r="E5162" i="2" s="1"/>
  <c r="E5148" i="2" a="1"/>
  <c r="E5148" i="2" s="1"/>
  <c r="E5154" i="2" a="1"/>
  <c r="E5154" i="2" s="1"/>
  <c r="E5166" i="2" a="1"/>
  <c r="E5166" i="2" s="1"/>
  <c r="E5160" i="2" a="1"/>
  <c r="E5160" i="2" s="1"/>
  <c r="E5149" i="2" a="1"/>
  <c r="E5149" i="2" s="1"/>
  <c r="E5155" i="2" a="1"/>
  <c r="E5155" i="2" s="1"/>
  <c r="E5164" i="2" a="1"/>
  <c r="E5164" i="2" s="1"/>
  <c r="E5156" i="2" a="1"/>
  <c r="E5156" i="2" s="1"/>
  <c r="E5167" i="2" a="1"/>
  <c r="E5167" i="2" s="1"/>
  <c r="E5157" i="2" a="1"/>
  <c r="E5157" i="2" s="1"/>
  <c r="E5165" i="2" a="1"/>
  <c r="E5165" i="2" s="1"/>
  <c r="E5158" i="2" a="1"/>
  <c r="E5158" i="2" s="1"/>
  <c r="H5462" i="2" a="1"/>
  <c r="H5462" i="2" s="1"/>
  <c r="H5460" i="2" a="1"/>
  <c r="H5460" i="2" s="1"/>
  <c r="H5467" i="2" a="1"/>
  <c r="H5467" i="2" s="1"/>
  <c r="H5477" i="2" a="1"/>
  <c r="H5477" i="2" s="1"/>
  <c r="H5474" i="2" a="1"/>
  <c r="H5474" i="2" s="1"/>
  <c r="H5471" i="2" a="1"/>
  <c r="H5471" i="2" s="1"/>
  <c r="H5468" i="2" a="1"/>
  <c r="H5468" i="2" s="1"/>
  <c r="H5458" i="2" a="1"/>
  <c r="H5458" i="2" s="1"/>
  <c r="H5463" i="2" a="1"/>
  <c r="H5463" i="2" s="1"/>
  <c r="H5470" i="2" a="1"/>
  <c r="H5470" i="2" s="1"/>
  <c r="H5476" i="2" a="1"/>
  <c r="H5476" i="2" s="1"/>
  <c r="H5472" i="2" a="1"/>
  <c r="H5472" i="2" s="1"/>
  <c r="H5469" i="2" a="1"/>
  <c r="H5469" i="2" s="1"/>
  <c r="H5480" i="2" a="1"/>
  <c r="H5480" i="2" s="1"/>
  <c r="H5466" i="2" a="1"/>
  <c r="H5466" i="2" s="1"/>
  <c r="H5465" i="2" a="1"/>
  <c r="H5465" i="2" s="1"/>
  <c r="H5473" i="2" a="1"/>
  <c r="H5473" i="2" s="1"/>
  <c r="H5478" i="2" a="1"/>
  <c r="H5478" i="2" s="1"/>
  <c r="H5479" i="2" a="1"/>
  <c r="H5479" i="2" s="1"/>
  <c r="H5475" i="2" a="1"/>
  <c r="H5475" i="2" s="1"/>
  <c r="H5459" i="2" a="1"/>
  <c r="H5459" i="2" s="1"/>
  <c r="H5464" i="2" a="1"/>
  <c r="H5464" i="2" s="1"/>
  <c r="H5461" i="2" a="1"/>
  <c r="H5461" i="2" s="1"/>
  <c r="H5481" i="2" a="1"/>
  <c r="H5481" i="2" s="1"/>
  <c r="E8187" i="2" a="1"/>
  <c r="E8187" i="2" s="1"/>
  <c r="E8183" i="2" a="1"/>
  <c r="E8183" i="2" s="1"/>
  <c r="E8171" i="2" a="1"/>
  <c r="E8171" i="2" s="1"/>
  <c r="E8180" i="2" a="1"/>
  <c r="E8180" i="2" s="1"/>
  <c r="E8184" i="2" a="1"/>
  <c r="E8184" i="2" s="1"/>
  <c r="E8179" i="2" a="1"/>
  <c r="E8179" i="2" s="1"/>
  <c r="E8173" i="2" a="1"/>
  <c r="E8173" i="2" s="1"/>
  <c r="E8185" i="2" a="1"/>
  <c r="E8185" i="2" s="1"/>
  <c r="E8172" i="2" a="1"/>
  <c r="E8172" i="2" s="1"/>
  <c r="E8175" i="2" a="1"/>
  <c r="E8175" i="2" s="1"/>
  <c r="E8192" i="2" a="1"/>
  <c r="E8192" i="2" s="1"/>
  <c r="E8181" i="2" a="1"/>
  <c r="E8181" i="2" s="1"/>
  <c r="E8177" i="2" a="1"/>
  <c r="E8177" i="2" s="1"/>
  <c r="E8182" i="2" a="1"/>
  <c r="E8182" i="2" s="1"/>
  <c r="E8178" i="2" a="1"/>
  <c r="E8178" i="2" s="1"/>
  <c r="E8189" i="2" a="1"/>
  <c r="E8189" i="2" s="1"/>
  <c r="E8190" i="2" a="1"/>
  <c r="E8190" i="2" s="1"/>
  <c r="E8170" i="2" a="1"/>
  <c r="E8170" i="2" s="1"/>
  <c r="E8193" i="2" a="1"/>
  <c r="E8193" i="2" s="1"/>
  <c r="E8186" i="2" a="1"/>
  <c r="E8186" i="2" s="1"/>
  <c r="E8188" i="2" a="1"/>
  <c r="E8188" i="2" s="1"/>
  <c r="E8174" i="2" a="1"/>
  <c r="E8174" i="2" s="1"/>
  <c r="E8191" i="2" a="1"/>
  <c r="E8191" i="2" s="1"/>
  <c r="E8176" i="2" a="1"/>
  <c r="E8176" i="2" s="1"/>
  <c r="G4491" i="2" a="1"/>
  <c r="G4491" i="2" s="1"/>
  <c r="G4497" i="2" a="1"/>
  <c r="G4497" i="2" s="1"/>
  <c r="G4476" i="2" a="1"/>
  <c r="G4476" i="2" s="1"/>
  <c r="G4488" i="2" a="1"/>
  <c r="G4488" i="2" s="1"/>
  <c r="G4486" i="2" a="1"/>
  <c r="G4486" i="2" s="1"/>
  <c r="G4484" i="2" a="1"/>
  <c r="G4484" i="2" s="1"/>
  <c r="G4482" i="2" a="1"/>
  <c r="G4482" i="2" s="1"/>
  <c r="G4495" i="2" a="1"/>
  <c r="G4495" i="2" s="1"/>
  <c r="G4493" i="2" a="1"/>
  <c r="G4493" i="2" s="1"/>
  <c r="G4496" i="2" a="1"/>
  <c r="G4496" i="2" s="1"/>
  <c r="G4494" i="2" a="1"/>
  <c r="G4494" i="2" s="1"/>
  <c r="G4490" i="2" a="1"/>
  <c r="G4490" i="2" s="1"/>
  <c r="G4483" i="2" a="1"/>
  <c r="G4483" i="2" s="1"/>
  <c r="G4481" i="2" a="1"/>
  <c r="G4481" i="2" s="1"/>
  <c r="G4477" i="2" a="1"/>
  <c r="G4477" i="2" s="1"/>
  <c r="G4492" i="2" a="1"/>
  <c r="G4492" i="2" s="1"/>
  <c r="G4474" i="2" a="1"/>
  <c r="G4474" i="2" s="1"/>
  <c r="G4487" i="2" a="1"/>
  <c r="G4487" i="2" s="1"/>
  <c r="G4485" i="2" a="1"/>
  <c r="G4485" i="2" s="1"/>
  <c r="G4480" i="2" a="1"/>
  <c r="G4480" i="2" s="1"/>
  <c r="G4475" i="2" a="1"/>
  <c r="G4475" i="2" s="1"/>
  <c r="G4478" i="2" a="1"/>
  <c r="G4478" i="2" s="1"/>
  <c r="G4479" i="2" a="1"/>
  <c r="G4479" i="2" s="1"/>
  <c r="G4489" i="2" a="1"/>
  <c r="G4489" i="2" s="1"/>
  <c r="F137" i="2" a="1"/>
  <c r="F137" i="2" s="1"/>
  <c r="F140" i="2" a="1"/>
  <c r="F140" i="2" s="1"/>
  <c r="F149" i="2" a="1"/>
  <c r="F149" i="2" s="1"/>
  <c r="F133" i="2" a="1"/>
  <c r="F133" i="2" s="1"/>
  <c r="F141" i="2" a="1"/>
  <c r="F141" i="2" s="1"/>
  <c r="F151" i="2" a="1"/>
  <c r="F151" i="2" s="1"/>
  <c r="F131" i="2" a="1"/>
  <c r="F131" i="2" s="1"/>
  <c r="F142" i="2" a="1"/>
  <c r="F142" i="2" s="1"/>
  <c r="F146" i="2" a="1"/>
  <c r="F146" i="2" s="1"/>
  <c r="F138" i="2" a="1"/>
  <c r="F138" i="2" s="1"/>
  <c r="F150" i="2" a="1"/>
  <c r="F150" i="2" s="1"/>
  <c r="F152" i="2" a="1"/>
  <c r="F152" i="2" s="1"/>
  <c r="F136" i="2" a="1"/>
  <c r="F136" i="2" s="1"/>
  <c r="F153" i="2" a="1"/>
  <c r="F153" i="2" s="1"/>
  <c r="F139" i="2" a="1"/>
  <c r="F139" i="2" s="1"/>
  <c r="F144" i="2" a="1"/>
  <c r="F144" i="2" s="1"/>
  <c r="F134" i="2" a="1"/>
  <c r="F134" i="2" s="1"/>
  <c r="F143" i="2" a="1"/>
  <c r="F143" i="2" s="1"/>
  <c r="F147" i="2" a="1"/>
  <c r="F147" i="2" s="1"/>
  <c r="F135" i="2" a="1"/>
  <c r="F135" i="2" s="1"/>
  <c r="F132" i="2" a="1"/>
  <c r="F132" i="2" s="1"/>
  <c r="F130" i="2" a="1"/>
  <c r="F130" i="2" s="1"/>
  <c r="F145" i="2" a="1"/>
  <c r="F145" i="2" s="1"/>
  <c r="F148" i="2" a="1"/>
  <c r="F148" i="2" s="1"/>
  <c r="H4771" i="2" a="1"/>
  <c r="H4771" i="2" s="1"/>
  <c r="H4767" i="2" a="1"/>
  <c r="H4767" i="2" s="1"/>
  <c r="H4779" i="2" a="1"/>
  <c r="H4779" i="2" s="1"/>
  <c r="H4777" i="2" a="1"/>
  <c r="H4777" i="2" s="1"/>
  <c r="H4783" i="2" a="1"/>
  <c r="H4783" i="2" s="1"/>
  <c r="H4762" i="2" a="1"/>
  <c r="H4762" i="2" s="1"/>
  <c r="H4768" i="2" a="1"/>
  <c r="H4768" i="2" s="1"/>
  <c r="H4770" i="2" a="1"/>
  <c r="H4770" i="2" s="1"/>
  <c r="H4763" i="2" a="1"/>
  <c r="H4763" i="2" s="1"/>
  <c r="H4778" i="2" a="1"/>
  <c r="H4778" i="2" s="1"/>
  <c r="H4772" i="2" a="1"/>
  <c r="H4772" i="2" s="1"/>
  <c r="H4776" i="2" a="1"/>
  <c r="H4776" i="2" s="1"/>
  <c r="H4782" i="2" a="1"/>
  <c r="H4782" i="2" s="1"/>
  <c r="H4773" i="2" a="1"/>
  <c r="H4773" i="2" s="1"/>
  <c r="H4784" i="2" a="1"/>
  <c r="H4784" i="2" s="1"/>
  <c r="H4769" i="2" a="1"/>
  <c r="H4769" i="2" s="1"/>
  <c r="H4774" i="2" a="1"/>
  <c r="H4774" i="2" s="1"/>
  <c r="H4766" i="2" a="1"/>
  <c r="H4766" i="2" s="1"/>
  <c r="H4775" i="2" a="1"/>
  <c r="H4775" i="2" s="1"/>
  <c r="H4780" i="2" a="1"/>
  <c r="H4780" i="2" s="1"/>
  <c r="H4764" i="2" a="1"/>
  <c r="H4764" i="2" s="1"/>
  <c r="H4781" i="2" a="1"/>
  <c r="H4781" i="2" s="1"/>
  <c r="H4765" i="2" a="1"/>
  <c r="H4765" i="2" s="1"/>
  <c r="H4785" i="2" a="1"/>
  <c r="H4785" i="2" s="1"/>
  <c r="F8127" i="2" a="1"/>
  <c r="F8127" i="2" s="1"/>
  <c r="F8129" i="2" a="1"/>
  <c r="F8129" i="2" s="1"/>
  <c r="F8128" i="2" a="1"/>
  <c r="F8128" i="2" s="1"/>
  <c r="F8145" i="2" a="1"/>
  <c r="F8145" i="2" s="1"/>
  <c r="F8142" i="2" a="1"/>
  <c r="F8142" i="2" s="1"/>
  <c r="F8132" i="2" a="1"/>
  <c r="F8132" i="2" s="1"/>
  <c r="F8135" i="2" a="1"/>
  <c r="F8135" i="2" s="1"/>
  <c r="F8125" i="2" a="1"/>
  <c r="F8125" i="2" s="1"/>
  <c r="F8130" i="2" a="1"/>
  <c r="F8130" i="2" s="1"/>
  <c r="F8136" i="2" a="1"/>
  <c r="F8136" i="2" s="1"/>
  <c r="F8122" i="2" a="1"/>
  <c r="F8122" i="2" s="1"/>
  <c r="F8131" i="2" a="1"/>
  <c r="F8131" i="2" s="1"/>
  <c r="F8134" i="2" a="1"/>
  <c r="F8134" i="2" s="1"/>
  <c r="F8144" i="2" a="1"/>
  <c r="F8144" i="2" s="1"/>
  <c r="F8123" i="2" a="1"/>
  <c r="F8123" i="2" s="1"/>
  <c r="F8124" i="2" a="1"/>
  <c r="F8124" i="2" s="1"/>
  <c r="F8138" i="2" a="1"/>
  <c r="F8138" i="2" s="1"/>
  <c r="F8126" i="2" a="1"/>
  <c r="F8126" i="2" s="1"/>
  <c r="F8137" i="2" a="1"/>
  <c r="F8137" i="2" s="1"/>
  <c r="F8143" i="2" a="1"/>
  <c r="F8143" i="2" s="1"/>
  <c r="F8139" i="2" a="1"/>
  <c r="F8139" i="2" s="1"/>
  <c r="F8141" i="2" a="1"/>
  <c r="F8141" i="2" s="1"/>
  <c r="F8133" i="2" a="1"/>
  <c r="F8133" i="2" s="1"/>
  <c r="F8140" i="2" a="1"/>
  <c r="F8140" i="2" s="1"/>
  <c r="F7776" i="2" a="1"/>
  <c r="F7776" i="2" s="1"/>
  <c r="F7768" i="2" a="1"/>
  <c r="F7768" i="2" s="1"/>
  <c r="F7772" i="2" a="1"/>
  <c r="F7772" i="2" s="1"/>
  <c r="F7777" i="2" a="1"/>
  <c r="F7777" i="2" s="1"/>
  <c r="F7763" i="2" a="1"/>
  <c r="F7763" i="2" s="1"/>
  <c r="F7774" i="2" a="1"/>
  <c r="F7774" i="2" s="1"/>
  <c r="F7778" i="2" a="1"/>
  <c r="F7778" i="2" s="1"/>
  <c r="F7782" i="2" a="1"/>
  <c r="F7782" i="2" s="1"/>
  <c r="F7773" i="2" a="1"/>
  <c r="F7773" i="2" s="1"/>
  <c r="F7784" i="2" a="1"/>
  <c r="F7784" i="2" s="1"/>
  <c r="F7779" i="2" a="1"/>
  <c r="F7779" i="2" s="1"/>
  <c r="F7770" i="2" a="1"/>
  <c r="F7770" i="2" s="1"/>
  <c r="F7766" i="2" a="1"/>
  <c r="F7766" i="2" s="1"/>
  <c r="F7771" i="2" a="1"/>
  <c r="F7771" i="2" s="1"/>
  <c r="F7769" i="2" a="1"/>
  <c r="F7769" i="2" s="1"/>
  <c r="F7785" i="2" a="1"/>
  <c r="F7785" i="2" s="1"/>
  <c r="F7780" i="2" a="1"/>
  <c r="F7780" i="2" s="1"/>
  <c r="F7764" i="2" a="1"/>
  <c r="F7764" i="2" s="1"/>
  <c r="F7781" i="2" a="1"/>
  <c r="F7781" i="2" s="1"/>
  <c r="F7762" i="2" a="1"/>
  <c r="F7762" i="2" s="1"/>
  <c r="F7775" i="2" a="1"/>
  <c r="F7775" i="2" s="1"/>
  <c r="F7767" i="2" a="1"/>
  <c r="F7767" i="2" s="1"/>
  <c r="F7783" i="2" a="1"/>
  <c r="F7783" i="2" s="1"/>
  <c r="F7765" i="2" a="1"/>
  <c r="F7765" i="2" s="1"/>
  <c r="H614" i="2" a="1"/>
  <c r="H614" i="2" s="1"/>
  <c r="H610" i="2" a="1"/>
  <c r="H610" i="2" s="1"/>
  <c r="H615" i="2" a="1"/>
  <c r="H615" i="2" s="1"/>
  <c r="H612" i="2" a="1"/>
  <c r="H612" i="2" s="1"/>
  <c r="H611" i="2" a="1"/>
  <c r="H611" i="2" s="1"/>
  <c r="H613" i="2" a="1"/>
  <c r="H613" i="2" s="1"/>
  <c r="H632" i="2" a="1"/>
  <c r="H632" i="2" s="1"/>
  <c r="H619" i="2" a="1"/>
  <c r="H619" i="2" s="1"/>
  <c r="H620" i="2" a="1"/>
  <c r="H620" i="2" s="1"/>
  <c r="H631" i="2" a="1"/>
  <c r="H631" i="2" s="1"/>
  <c r="H618" i="2" a="1"/>
  <c r="H618" i="2" s="1"/>
  <c r="H633" i="2" a="1"/>
  <c r="H633" i="2" s="1"/>
  <c r="H623" i="2" a="1"/>
  <c r="H623" i="2" s="1"/>
  <c r="H622" i="2" a="1"/>
  <c r="H622" i="2" s="1"/>
  <c r="H625" i="2" a="1"/>
  <c r="H625" i="2" s="1"/>
  <c r="H628" i="2" a="1"/>
  <c r="H628" i="2" s="1"/>
  <c r="H621" i="2" a="1"/>
  <c r="H621" i="2" s="1"/>
  <c r="H626" i="2" a="1"/>
  <c r="H626" i="2" s="1"/>
  <c r="H629" i="2" a="1"/>
  <c r="H629" i="2" s="1"/>
  <c r="H630" i="2" a="1"/>
  <c r="H630" i="2" s="1"/>
  <c r="H627" i="2" a="1"/>
  <c r="H627" i="2" s="1"/>
  <c r="H617" i="2" a="1"/>
  <c r="H617" i="2" s="1"/>
  <c r="H624" i="2" a="1"/>
  <c r="H624" i="2" s="1"/>
  <c r="H616" i="2" a="1"/>
  <c r="H616" i="2" s="1"/>
  <c r="AN363" i="1"/>
  <c r="D369" i="5" s="1"/>
  <c r="AQ363" i="1"/>
  <c r="G369" i="5" s="1"/>
  <c r="AP363" i="1"/>
  <c r="F369" i="5" s="1"/>
  <c r="AO363" i="1"/>
  <c r="E369" i="5" s="1"/>
  <c r="AM363" i="1"/>
  <c r="D8699" i="2" a="1"/>
  <c r="D8699" i="2" s="1"/>
  <c r="D8711" i="2" a="1"/>
  <c r="D8711" i="2" s="1"/>
  <c r="D8719" i="2" a="1"/>
  <c r="D8719" i="2" s="1"/>
  <c r="D8721" i="2" a="1"/>
  <c r="D8721" i="2" s="1"/>
  <c r="D8714" i="2" a="1"/>
  <c r="D8714" i="2" s="1"/>
  <c r="D8702" i="2" a="1"/>
  <c r="D8702" i="2" s="1"/>
  <c r="D8704" i="2" a="1"/>
  <c r="D8704" i="2" s="1"/>
  <c r="D8708" i="2" a="1"/>
  <c r="D8708" i="2" s="1"/>
  <c r="D8712" i="2" a="1"/>
  <c r="D8712" i="2" s="1"/>
  <c r="D8716" i="2" a="1"/>
  <c r="D8716" i="2" s="1"/>
  <c r="D8709" i="2" a="1"/>
  <c r="D8709" i="2" s="1"/>
  <c r="D8717" i="2" a="1"/>
  <c r="D8717" i="2" s="1"/>
  <c r="D8700" i="2" a="1"/>
  <c r="D8700" i="2" s="1"/>
  <c r="D8720" i="2" a="1"/>
  <c r="D8720" i="2" s="1"/>
  <c r="D8710" i="2" a="1"/>
  <c r="D8710" i="2" s="1"/>
  <c r="D8701" i="2" a="1"/>
  <c r="D8701" i="2" s="1"/>
  <c r="D8706" i="2" a="1"/>
  <c r="D8706" i="2" s="1"/>
  <c r="D8715" i="2" a="1"/>
  <c r="D8715" i="2" s="1"/>
  <c r="D8707" i="2" a="1"/>
  <c r="D8707" i="2" s="1"/>
  <c r="D8718" i="2" a="1"/>
  <c r="D8718" i="2" s="1"/>
  <c r="D8703" i="2" a="1"/>
  <c r="D8703" i="2" s="1"/>
  <c r="D8698" i="2" a="1"/>
  <c r="D8698" i="2" s="1"/>
  <c r="D8713" i="2" a="1"/>
  <c r="D8713" i="2" s="1"/>
  <c r="D8705" i="2" a="1"/>
  <c r="D8705" i="2" s="1"/>
  <c r="H8122" i="2" a="1"/>
  <c r="H8122" i="2" s="1"/>
  <c r="H8129" i="2" a="1"/>
  <c r="H8129" i="2" s="1"/>
  <c r="H8135" i="2" a="1"/>
  <c r="H8135" i="2" s="1"/>
  <c r="H8123" i="2" a="1"/>
  <c r="H8123" i="2" s="1"/>
  <c r="H8127" i="2" a="1"/>
  <c r="H8127" i="2" s="1"/>
  <c r="H8126" i="2" a="1"/>
  <c r="H8126" i="2" s="1"/>
  <c r="H8138" i="2" a="1"/>
  <c r="H8138" i="2" s="1"/>
  <c r="H8143" i="2" a="1"/>
  <c r="H8143" i="2" s="1"/>
  <c r="H8139" i="2" a="1"/>
  <c r="H8139" i="2" s="1"/>
  <c r="H8128" i="2" a="1"/>
  <c r="H8128" i="2" s="1"/>
  <c r="H8142" i="2" a="1"/>
  <c r="H8142" i="2" s="1"/>
  <c r="H8130" i="2" a="1"/>
  <c r="H8130" i="2" s="1"/>
  <c r="H8124" i="2" a="1"/>
  <c r="H8124" i="2" s="1"/>
  <c r="H8132" i="2" a="1"/>
  <c r="H8132" i="2" s="1"/>
  <c r="H8125" i="2" a="1"/>
  <c r="H8125" i="2" s="1"/>
  <c r="H8144" i="2" a="1"/>
  <c r="H8144" i="2" s="1"/>
  <c r="H8134" i="2" a="1"/>
  <c r="H8134" i="2" s="1"/>
  <c r="H8133" i="2" a="1"/>
  <c r="H8133" i="2" s="1"/>
  <c r="H8136" i="2" a="1"/>
  <c r="H8136" i="2" s="1"/>
  <c r="H8140" i="2" a="1"/>
  <c r="H8140" i="2" s="1"/>
  <c r="H8131" i="2" a="1"/>
  <c r="H8131" i="2" s="1"/>
  <c r="H8137" i="2" a="1"/>
  <c r="H8137" i="2" s="1"/>
  <c r="H8141" i="2" a="1"/>
  <c r="H8141" i="2" s="1"/>
  <c r="H8145" i="2" a="1"/>
  <c r="H8145" i="2" s="1"/>
  <c r="E645" i="2" a="1"/>
  <c r="E645" i="2" s="1"/>
  <c r="E656" i="2" a="1"/>
  <c r="E656" i="2" s="1"/>
  <c r="E641" i="2" a="1"/>
  <c r="E641" i="2" s="1"/>
  <c r="E654" i="2" a="1"/>
  <c r="E654" i="2" s="1"/>
  <c r="E642" i="2" a="1"/>
  <c r="E642" i="2" s="1"/>
  <c r="E637" i="2" a="1"/>
  <c r="E637" i="2" s="1"/>
  <c r="E643" i="2" a="1"/>
  <c r="E643" i="2" s="1"/>
  <c r="E655" i="2" a="1"/>
  <c r="E655" i="2" s="1"/>
  <c r="E653" i="2" a="1"/>
  <c r="E653" i="2" s="1"/>
  <c r="E650" i="2" a="1"/>
  <c r="E650" i="2" s="1"/>
  <c r="E638" i="2" a="1"/>
  <c r="E638" i="2" s="1"/>
  <c r="E634" i="2" a="1"/>
  <c r="E634" i="2" s="1"/>
  <c r="E639" i="2" a="1"/>
  <c r="E639" i="2" s="1"/>
  <c r="E647" i="2" a="1"/>
  <c r="E647" i="2" s="1"/>
  <c r="E651" i="2" a="1"/>
  <c r="E651" i="2" s="1"/>
  <c r="E640" i="2" a="1"/>
  <c r="E640" i="2" s="1"/>
  <c r="E644" i="2" a="1"/>
  <c r="E644" i="2" s="1"/>
  <c r="E648" i="2" a="1"/>
  <c r="E648" i="2" s="1"/>
  <c r="E657" i="2" a="1"/>
  <c r="E657" i="2" s="1"/>
  <c r="E636" i="2" a="1"/>
  <c r="E636" i="2" s="1"/>
  <c r="E652" i="2" a="1"/>
  <c r="E652" i="2" s="1"/>
  <c r="E635" i="2" a="1"/>
  <c r="E635" i="2" s="1"/>
  <c r="E646" i="2" a="1"/>
  <c r="E646" i="2" s="1"/>
  <c r="E649" i="2" a="1"/>
  <c r="E649" i="2" s="1"/>
  <c r="G8504" i="2" a="1"/>
  <c r="G8504" i="2" s="1"/>
  <c r="G8482" i="2" a="1"/>
  <c r="G8482" i="2" s="1"/>
  <c r="G8505" i="2" a="1"/>
  <c r="G8505" i="2" s="1"/>
  <c r="G8500" i="2" a="1"/>
  <c r="G8500" i="2" s="1"/>
  <c r="G8483" i="2" a="1"/>
  <c r="G8483" i="2" s="1"/>
  <c r="G8486" i="2" a="1"/>
  <c r="G8486" i="2" s="1"/>
  <c r="G8494" i="2" a="1"/>
  <c r="G8494" i="2" s="1"/>
  <c r="G8501" i="2" a="1"/>
  <c r="G8501" i="2" s="1"/>
  <c r="G8497" i="2" a="1"/>
  <c r="G8497" i="2" s="1"/>
  <c r="G8487" i="2" a="1"/>
  <c r="G8487" i="2" s="1"/>
  <c r="G8484" i="2" a="1"/>
  <c r="G8484" i="2" s="1"/>
  <c r="G8493" i="2" a="1"/>
  <c r="G8493" i="2" s="1"/>
  <c r="G8488" i="2" a="1"/>
  <c r="G8488" i="2" s="1"/>
  <c r="G8498" i="2" a="1"/>
  <c r="G8498" i="2" s="1"/>
  <c r="G8502" i="2" a="1"/>
  <c r="G8502" i="2" s="1"/>
  <c r="G8489" i="2" a="1"/>
  <c r="G8489" i="2" s="1"/>
  <c r="G8503" i="2" a="1"/>
  <c r="G8503" i="2" s="1"/>
  <c r="G8485" i="2" a="1"/>
  <c r="G8485" i="2" s="1"/>
  <c r="G8490" i="2" a="1"/>
  <c r="G8490" i="2" s="1"/>
  <c r="G8491" i="2" a="1"/>
  <c r="G8491" i="2" s="1"/>
  <c r="G8499" i="2" a="1"/>
  <c r="G8499" i="2" s="1"/>
  <c r="G8495" i="2" a="1"/>
  <c r="G8495" i="2" s="1"/>
  <c r="G8496" i="2" a="1"/>
  <c r="G8496" i="2" s="1"/>
  <c r="G8492" i="2" a="1"/>
  <c r="G8492" i="2" s="1"/>
  <c r="F699" i="2" a="1"/>
  <c r="F699" i="2" s="1"/>
  <c r="F703" i="2" a="1"/>
  <c r="F703" i="2" s="1"/>
  <c r="F686" i="2" a="1"/>
  <c r="F686" i="2" s="1"/>
  <c r="F694" i="2" a="1"/>
  <c r="F694" i="2" s="1"/>
  <c r="F684" i="2" a="1"/>
  <c r="F684" i="2" s="1"/>
  <c r="F687" i="2" a="1"/>
  <c r="F687" i="2" s="1"/>
  <c r="F701" i="2" a="1"/>
  <c r="F701" i="2" s="1"/>
  <c r="F704" i="2" a="1"/>
  <c r="F704" i="2" s="1"/>
  <c r="F689" i="2" a="1"/>
  <c r="F689" i="2" s="1"/>
  <c r="F696" i="2" a="1"/>
  <c r="F696" i="2" s="1"/>
  <c r="F685" i="2" a="1"/>
  <c r="F685" i="2" s="1"/>
  <c r="F690" i="2" a="1"/>
  <c r="F690" i="2" s="1"/>
  <c r="F700" i="2" a="1"/>
  <c r="F700" i="2" s="1"/>
  <c r="F691" i="2" a="1"/>
  <c r="F691" i="2" s="1"/>
  <c r="F702" i="2" a="1"/>
  <c r="F702" i="2" s="1"/>
  <c r="F698" i="2" a="1"/>
  <c r="F698" i="2" s="1"/>
  <c r="F682" i="2" a="1"/>
  <c r="F682" i="2" s="1"/>
  <c r="F683" i="2" a="1"/>
  <c r="F683" i="2" s="1"/>
  <c r="F705" i="2" a="1"/>
  <c r="F705" i="2" s="1"/>
  <c r="F697" i="2" a="1"/>
  <c r="F697" i="2" s="1"/>
  <c r="F688" i="2" a="1"/>
  <c r="F688" i="2" s="1"/>
  <c r="F692" i="2" a="1"/>
  <c r="F692" i="2" s="1"/>
  <c r="F693" i="2" a="1"/>
  <c r="F693" i="2" s="1"/>
  <c r="F695" i="2" a="1"/>
  <c r="F695" i="2" s="1"/>
  <c r="D848" i="2" a="1"/>
  <c r="D848" i="2" s="1"/>
  <c r="D843" i="2" a="1"/>
  <c r="D843" i="2" s="1"/>
  <c r="D849" i="2" a="1"/>
  <c r="D849" i="2" s="1"/>
  <c r="D833" i="2" a="1"/>
  <c r="D833" i="2" s="1"/>
  <c r="D837" i="2" a="1"/>
  <c r="D837" i="2" s="1"/>
  <c r="D842" i="2" a="1"/>
  <c r="D842" i="2" s="1"/>
  <c r="D830" i="2" a="1"/>
  <c r="D830" i="2" s="1"/>
  <c r="D836" i="2" a="1"/>
  <c r="D836" i="2" s="1"/>
  <c r="D828" i="2" a="1"/>
  <c r="D828" i="2" s="1"/>
  <c r="D838" i="2" a="1"/>
  <c r="D838" i="2" s="1"/>
  <c r="D845" i="2" a="1"/>
  <c r="D845" i="2" s="1"/>
  <c r="D840" i="2" a="1"/>
  <c r="D840" i="2" s="1"/>
  <c r="D841" i="2" a="1"/>
  <c r="D841" i="2" s="1"/>
  <c r="D846" i="2" a="1"/>
  <c r="D846" i="2" s="1"/>
  <c r="D832" i="2" a="1"/>
  <c r="D832" i="2" s="1"/>
  <c r="D839" i="2" a="1"/>
  <c r="D839" i="2" s="1"/>
  <c r="D844" i="2" a="1"/>
  <c r="D844" i="2" s="1"/>
  <c r="D827" i="2" a="1"/>
  <c r="D827" i="2" s="1"/>
  <c r="D826" i="2" a="1"/>
  <c r="D826" i="2" s="1"/>
  <c r="D847" i="2" a="1"/>
  <c r="D847" i="2" s="1"/>
  <c r="D834" i="2" a="1"/>
  <c r="D834" i="2" s="1"/>
  <c r="D831" i="2" a="1"/>
  <c r="D831" i="2" s="1"/>
  <c r="D835" i="2" a="1"/>
  <c r="D835" i="2" s="1"/>
  <c r="D829" i="2" a="1"/>
  <c r="D829" i="2" s="1"/>
  <c r="E6080" i="2" a="1"/>
  <c r="E6080" i="2" s="1"/>
  <c r="E6068" i="2" a="1"/>
  <c r="E6068" i="2" s="1"/>
  <c r="D861" i="2" a="1"/>
  <c r="D861" i="2" s="1"/>
  <c r="D863" i="2" a="1"/>
  <c r="D863" i="2" s="1"/>
  <c r="D870" i="2" a="1"/>
  <c r="D870" i="2" s="1"/>
  <c r="D865" i="2" a="1"/>
  <c r="D865" i="2" s="1"/>
  <c r="D853" i="2" a="1"/>
  <c r="D853" i="2" s="1"/>
  <c r="D866" i="2" a="1"/>
  <c r="D866" i="2" s="1"/>
  <c r="D850" i="2" a="1"/>
  <c r="D850" i="2" s="1"/>
  <c r="D856" i="2" a="1"/>
  <c r="D856" i="2" s="1"/>
  <c r="D852" i="2" a="1"/>
  <c r="D852" i="2" s="1"/>
  <c r="D868" i="2" a="1"/>
  <c r="D868" i="2" s="1"/>
  <c r="D873" i="2" a="1"/>
  <c r="D873" i="2" s="1"/>
  <c r="D871" i="2" a="1"/>
  <c r="D871" i="2" s="1"/>
  <c r="D854" i="2" a="1"/>
  <c r="D854" i="2" s="1"/>
  <c r="D869" i="2" a="1"/>
  <c r="D869" i="2" s="1"/>
  <c r="D859" i="2" a="1"/>
  <c r="D859" i="2" s="1"/>
  <c r="D858" i="2" a="1"/>
  <c r="D858" i="2" s="1"/>
  <c r="D857" i="2" a="1"/>
  <c r="D857" i="2" s="1"/>
  <c r="D851" i="2" a="1"/>
  <c r="D851" i="2" s="1"/>
  <c r="D860" i="2" a="1"/>
  <c r="D860" i="2" s="1"/>
  <c r="D872" i="2" a="1"/>
  <c r="D872" i="2" s="1"/>
  <c r="D864" i="2" a="1"/>
  <c r="D864" i="2" s="1"/>
  <c r="D855" i="2" a="1"/>
  <c r="D855" i="2" s="1"/>
  <c r="D862" i="2" a="1"/>
  <c r="D862" i="2" s="1"/>
  <c r="D867" i="2" a="1"/>
  <c r="D867" i="2" s="1"/>
  <c r="D7562" i="2" a="1"/>
  <c r="D7562" i="2" s="1"/>
  <c r="D7554" i="2" a="1"/>
  <c r="D7554" i="2" s="1"/>
  <c r="D7558" i="2" a="1"/>
  <c r="D7558" i="2" s="1"/>
  <c r="D7563" i="2" a="1"/>
  <c r="D7563" i="2" s="1"/>
  <c r="D7550" i="2" a="1"/>
  <c r="D7550" i="2" s="1"/>
  <c r="D7557" i="2" a="1"/>
  <c r="D7557" i="2" s="1"/>
  <c r="D7565" i="2" a="1"/>
  <c r="D7565" i="2" s="1"/>
  <c r="D7568" i="2" a="1"/>
  <c r="D7568" i="2" s="1"/>
  <c r="D7566" i="2" a="1"/>
  <c r="D7566" i="2" s="1"/>
  <c r="D7564" i="2" a="1"/>
  <c r="D7564" i="2" s="1"/>
  <c r="D7559" i="2" a="1"/>
  <c r="D7559" i="2" s="1"/>
  <c r="D7548" i="2" a="1"/>
  <c r="D7548" i="2" s="1"/>
  <c r="D7555" i="2" a="1"/>
  <c r="D7555" i="2" s="1"/>
  <c r="D7553" i="2" a="1"/>
  <c r="D7553" i="2" s="1"/>
  <c r="D7556" i="2" a="1"/>
  <c r="D7556" i="2" s="1"/>
  <c r="D7546" i="2" a="1"/>
  <c r="D7546" i="2" s="1"/>
  <c r="D7560" i="2" a="1"/>
  <c r="D7560" i="2" s="1"/>
  <c r="D7561" i="2" a="1"/>
  <c r="D7561" i="2" s="1"/>
  <c r="D7549" i="2" a="1"/>
  <c r="D7549" i="2" s="1"/>
  <c r="D7552" i="2" a="1"/>
  <c r="D7552" i="2" s="1"/>
  <c r="D7567" i="2" a="1"/>
  <c r="D7567" i="2" s="1"/>
  <c r="D7569" i="2" a="1"/>
  <c r="D7569" i="2" s="1"/>
  <c r="D7551" i="2" a="1"/>
  <c r="D7551" i="2" s="1"/>
  <c r="D7547" i="2" a="1"/>
  <c r="D7547" i="2" s="1"/>
  <c r="D530" i="2" a="1"/>
  <c r="D530" i="2" s="1"/>
  <c r="D518" i="2" a="1"/>
  <c r="D518" i="2" s="1"/>
  <c r="D516" i="2" a="1"/>
  <c r="D516" i="2" s="1"/>
  <c r="D527" i="2" a="1"/>
  <c r="D527" i="2" s="1"/>
  <c r="D524" i="2" a="1"/>
  <c r="D524" i="2" s="1"/>
  <c r="D533" i="2" a="1"/>
  <c r="D533" i="2" s="1"/>
  <c r="D525" i="2" a="1"/>
  <c r="D525" i="2" s="1"/>
  <c r="D526" i="2" a="1"/>
  <c r="D526" i="2" s="1"/>
  <c r="D520" i="2" a="1"/>
  <c r="D520" i="2" s="1"/>
  <c r="D532" i="2" a="1"/>
  <c r="D532" i="2" s="1"/>
  <c r="D521" i="2" a="1"/>
  <c r="D521" i="2" s="1"/>
  <c r="D534" i="2" a="1"/>
  <c r="D534" i="2" s="1"/>
  <c r="D531" i="2" a="1"/>
  <c r="D531" i="2" s="1"/>
  <c r="D537" i="2" a="1"/>
  <c r="D537" i="2" s="1"/>
  <c r="D515" i="2" a="1"/>
  <c r="D515" i="2" s="1"/>
  <c r="D536" i="2" a="1"/>
  <c r="D536" i="2" s="1"/>
  <c r="D529" i="2" a="1"/>
  <c r="D529" i="2" s="1"/>
  <c r="D514" i="2" a="1"/>
  <c r="D514" i="2" s="1"/>
  <c r="D517" i="2" a="1"/>
  <c r="D517" i="2" s="1"/>
  <c r="D519" i="2" a="1"/>
  <c r="D519" i="2" s="1"/>
  <c r="D535" i="2" a="1"/>
  <c r="D535" i="2" s="1"/>
  <c r="D522" i="2" a="1"/>
  <c r="D522" i="2" s="1"/>
  <c r="D528" i="2" a="1"/>
  <c r="D528" i="2" s="1"/>
  <c r="D523" i="2" a="1"/>
  <c r="D523" i="2" s="1"/>
  <c r="H4024" i="2" a="1"/>
  <c r="H4024" i="2" s="1"/>
  <c r="H4021" i="2" a="1"/>
  <c r="H4021" i="2" s="1"/>
  <c r="H4027" i="2" a="1"/>
  <c r="H4027" i="2" s="1"/>
  <c r="H4032" i="2" a="1"/>
  <c r="H4032" i="2" s="1"/>
  <c r="H4022" i="2" a="1"/>
  <c r="H4022" i="2" s="1"/>
  <c r="H4026" i="2" a="1"/>
  <c r="H4026" i="2" s="1"/>
  <c r="H4029" i="2" a="1"/>
  <c r="H4029" i="2" s="1"/>
  <c r="H4030" i="2" a="1"/>
  <c r="H4030" i="2" s="1"/>
  <c r="H4040" i="2" a="1"/>
  <c r="H4040" i="2" s="1"/>
  <c r="H4034" i="2" a="1"/>
  <c r="H4034" i="2" s="1"/>
  <c r="H4031" i="2" a="1"/>
  <c r="H4031" i="2" s="1"/>
  <c r="H4036" i="2" a="1"/>
  <c r="H4036" i="2" s="1"/>
  <c r="H4019" i="2" a="1"/>
  <c r="H4019" i="2" s="1"/>
  <c r="H4028" i="2" a="1"/>
  <c r="H4028" i="2" s="1"/>
  <c r="H4037" i="2" a="1"/>
  <c r="H4037" i="2" s="1"/>
  <c r="H4023" i="2" a="1"/>
  <c r="H4023" i="2" s="1"/>
  <c r="H4020" i="2" a="1"/>
  <c r="H4020" i="2" s="1"/>
  <c r="H4039" i="2" a="1"/>
  <c r="H4039" i="2" s="1"/>
  <c r="H4033" i="2" a="1"/>
  <c r="H4033" i="2" s="1"/>
  <c r="H4041" i="2" a="1"/>
  <c r="H4041" i="2" s="1"/>
  <c r="H4035" i="2" a="1"/>
  <c r="H4035" i="2" s="1"/>
  <c r="H4018" i="2" a="1"/>
  <c r="H4018" i="2" s="1"/>
  <c r="H4025" i="2" a="1"/>
  <c r="H4025" i="2" s="1"/>
  <c r="H4038" i="2" a="1"/>
  <c r="H4038" i="2" s="1"/>
  <c r="H3885" i="2" a="1"/>
  <c r="H3885" i="2" s="1"/>
  <c r="H3877" i="2" a="1"/>
  <c r="H3877" i="2" s="1"/>
  <c r="H3883" i="2" a="1"/>
  <c r="H3883" i="2" s="1"/>
  <c r="H3878" i="2" a="1"/>
  <c r="H3878" i="2" s="1"/>
  <c r="H3880" i="2" a="1"/>
  <c r="H3880" i="2" s="1"/>
  <c r="H3887" i="2" a="1"/>
  <c r="H3887" i="2" s="1"/>
  <c r="H3879" i="2" a="1"/>
  <c r="H3879" i="2" s="1"/>
  <c r="H3896" i="2" a="1"/>
  <c r="H3896" i="2" s="1"/>
  <c r="H3892" i="2" a="1"/>
  <c r="H3892" i="2" s="1"/>
  <c r="H3884" i="2" a="1"/>
  <c r="H3884" i="2" s="1"/>
  <c r="H3886" i="2" a="1"/>
  <c r="H3886" i="2" s="1"/>
  <c r="H3888" i="2" a="1"/>
  <c r="H3888" i="2" s="1"/>
  <c r="H3876" i="2" a="1"/>
  <c r="H3876" i="2" s="1"/>
  <c r="H3881" i="2" a="1"/>
  <c r="H3881" i="2" s="1"/>
  <c r="H3895" i="2" a="1"/>
  <c r="H3895" i="2" s="1"/>
  <c r="H3897" i="2" a="1"/>
  <c r="H3897" i="2" s="1"/>
  <c r="H3875" i="2" a="1"/>
  <c r="H3875" i="2" s="1"/>
  <c r="H3894" i="2" a="1"/>
  <c r="H3894" i="2" s="1"/>
  <c r="H3889" i="2" a="1"/>
  <c r="H3889" i="2" s="1"/>
  <c r="H3890" i="2" a="1"/>
  <c r="H3890" i="2" s="1"/>
  <c r="H3874" i="2" a="1"/>
  <c r="H3874" i="2" s="1"/>
  <c r="H3891" i="2" a="1"/>
  <c r="H3891" i="2" s="1"/>
  <c r="H3882" i="2" a="1"/>
  <c r="H3882" i="2" s="1"/>
  <c r="H3893" i="2" a="1"/>
  <c r="H3893" i="2" s="1"/>
  <c r="H7551" i="2" a="1"/>
  <c r="H7551" i="2" s="1"/>
  <c r="H7555" i="2" a="1"/>
  <c r="H7555" i="2" s="1"/>
  <c r="H7552" i="2" a="1"/>
  <c r="H7552" i="2" s="1"/>
  <c r="H7564" i="2" a="1"/>
  <c r="H7564" i="2" s="1"/>
  <c r="H7569" i="2" a="1"/>
  <c r="H7569" i="2" s="1"/>
  <c r="H7554" i="2" a="1"/>
  <c r="H7554" i="2" s="1"/>
  <c r="H7559" i="2" a="1"/>
  <c r="H7559" i="2" s="1"/>
  <c r="H7548" i="2" a="1"/>
  <c r="H7548" i="2" s="1"/>
  <c r="H7558" i="2" a="1"/>
  <c r="H7558" i="2" s="1"/>
  <c r="H7546" i="2" a="1"/>
  <c r="H7546" i="2" s="1"/>
  <c r="H7553" i="2" a="1"/>
  <c r="H7553" i="2" s="1"/>
  <c r="H7566" i="2" a="1"/>
  <c r="H7566" i="2" s="1"/>
  <c r="H7567" i="2" a="1"/>
  <c r="H7567" i="2" s="1"/>
  <c r="H7562" i="2" a="1"/>
  <c r="H7562" i="2" s="1"/>
  <c r="H7561" i="2" a="1"/>
  <c r="H7561" i="2" s="1"/>
  <c r="H7563" i="2" a="1"/>
  <c r="H7563" i="2" s="1"/>
  <c r="H7560" i="2" a="1"/>
  <c r="H7560" i="2" s="1"/>
  <c r="H7549" i="2" a="1"/>
  <c r="H7549" i="2" s="1"/>
  <c r="H7550" i="2" a="1"/>
  <c r="H7550" i="2" s="1"/>
  <c r="H7547" i="2" a="1"/>
  <c r="H7547" i="2" s="1"/>
  <c r="H7565" i="2" a="1"/>
  <c r="H7565" i="2" s="1"/>
  <c r="H7568" i="2" a="1"/>
  <c r="H7568" i="2" s="1"/>
  <c r="H7556" i="2" a="1"/>
  <c r="H7556" i="2" s="1"/>
  <c r="H7557" i="2" a="1"/>
  <c r="H7557" i="2" s="1"/>
  <c r="E8752" i="2" a="1"/>
  <c r="E8752" i="2" s="1"/>
  <c r="E8769" i="2" a="1"/>
  <c r="E8769" i="2" s="1"/>
  <c r="E8767" i="2" a="1"/>
  <c r="E8767" i="2" s="1"/>
  <c r="E8764" i="2" a="1"/>
  <c r="E8764" i="2" s="1"/>
  <c r="E8761" i="2" a="1"/>
  <c r="E8761" i="2" s="1"/>
  <c r="E8755" i="2" a="1"/>
  <c r="E8755" i="2" s="1"/>
  <c r="E8749" i="2" a="1"/>
  <c r="E8749" i="2" s="1"/>
  <c r="E8748" i="2" a="1"/>
  <c r="E8748" i="2" s="1"/>
  <c r="E8768" i="2" a="1"/>
  <c r="E8768" i="2" s="1"/>
  <c r="E8760" i="2" a="1"/>
  <c r="E8760" i="2" s="1"/>
  <c r="E8747" i="2" a="1"/>
  <c r="E8747" i="2" s="1"/>
  <c r="E8765" i="2" a="1"/>
  <c r="E8765" i="2" s="1"/>
  <c r="E8762" i="2" a="1"/>
  <c r="E8762" i="2" s="1"/>
  <c r="E8750" i="2" a="1"/>
  <c r="E8750" i="2" s="1"/>
  <c r="E8758" i="2" a="1"/>
  <c r="E8758" i="2" s="1"/>
  <c r="E8756" i="2" a="1"/>
  <c r="E8756" i="2" s="1"/>
  <c r="E8746" i="2" a="1"/>
  <c r="E8746" i="2" s="1"/>
  <c r="E8751" i="2" a="1"/>
  <c r="E8751" i="2" s="1"/>
  <c r="E8753" i="2" a="1"/>
  <c r="E8753" i="2" s="1"/>
  <c r="E8757" i="2" a="1"/>
  <c r="E8757" i="2" s="1"/>
  <c r="E8759" i="2" a="1"/>
  <c r="E8759" i="2" s="1"/>
  <c r="E8763" i="2" a="1"/>
  <c r="E8763" i="2" s="1"/>
  <c r="E8754" i="2" a="1"/>
  <c r="E8754" i="2" s="1"/>
  <c r="E8766" i="2" a="1"/>
  <c r="E8766" i="2" s="1"/>
  <c r="E7583" i="2" a="1"/>
  <c r="E7583" i="2" s="1"/>
  <c r="E7592" i="2" a="1"/>
  <c r="E7592" i="2" s="1"/>
  <c r="E7573" i="2" a="1"/>
  <c r="E7573" i="2" s="1"/>
  <c r="E7584" i="2" a="1"/>
  <c r="E7584" i="2" s="1"/>
  <c r="E7580" i="2" a="1"/>
  <c r="E7580" i="2" s="1"/>
  <c r="E7576" i="2" a="1"/>
  <c r="E7576" i="2" s="1"/>
  <c r="E7579" i="2" a="1"/>
  <c r="E7579" i="2" s="1"/>
  <c r="E7581" i="2" a="1"/>
  <c r="E7581" i="2" s="1"/>
  <c r="E7588" i="2" a="1"/>
  <c r="E7588" i="2" s="1"/>
  <c r="E7591" i="2" a="1"/>
  <c r="E7591" i="2" s="1"/>
  <c r="E7589" i="2" a="1"/>
  <c r="E7589" i="2" s="1"/>
  <c r="E7572" i="2" a="1"/>
  <c r="E7572" i="2" s="1"/>
  <c r="E7570" i="2" a="1"/>
  <c r="E7570" i="2" s="1"/>
  <c r="E7586" i="2" a="1"/>
  <c r="E7586" i="2" s="1"/>
  <c r="E7571" i="2" a="1"/>
  <c r="E7571" i="2" s="1"/>
  <c r="E7587" i="2" a="1"/>
  <c r="E7587" i="2" s="1"/>
  <c r="E7577" i="2" a="1"/>
  <c r="E7577" i="2" s="1"/>
  <c r="E7578" i="2" a="1"/>
  <c r="E7578" i="2" s="1"/>
  <c r="E7582" i="2" a="1"/>
  <c r="E7582" i="2" s="1"/>
  <c r="E7590" i="2" a="1"/>
  <c r="E7590" i="2" s="1"/>
  <c r="E7585" i="2" a="1"/>
  <c r="E7585" i="2" s="1"/>
  <c r="E7593" i="2" a="1"/>
  <c r="E7593" i="2" s="1"/>
  <c r="E7575" i="2" a="1"/>
  <c r="E7575" i="2" s="1"/>
  <c r="E7574" i="2" a="1"/>
  <c r="E7574" i="2" s="1"/>
  <c r="E4696" i="2" a="1"/>
  <c r="E4696" i="2" s="1"/>
  <c r="E4713" i="2" a="1"/>
  <c r="E4713" i="2" s="1"/>
  <c r="E4705" i="2" a="1"/>
  <c r="E4705" i="2" s="1"/>
  <c r="E4700" i="2" a="1"/>
  <c r="E4700" i="2" s="1"/>
  <c r="E4712" i="2" a="1"/>
  <c r="E4712" i="2" s="1"/>
  <c r="E4709" i="2" a="1"/>
  <c r="E4709" i="2" s="1"/>
  <c r="E4691" i="2" a="1"/>
  <c r="E4691" i="2" s="1"/>
  <c r="E4708" i="2" a="1"/>
  <c r="E4708" i="2" s="1"/>
  <c r="E4692" i="2" a="1"/>
  <c r="E4692" i="2" s="1"/>
  <c r="E4693" i="2" a="1"/>
  <c r="E4693" i="2" s="1"/>
  <c r="E4710" i="2" a="1"/>
  <c r="E4710" i="2" s="1"/>
  <c r="E4703" i="2" a="1"/>
  <c r="E4703" i="2" s="1"/>
  <c r="E4690" i="2" a="1"/>
  <c r="E4690" i="2" s="1"/>
  <c r="E4698" i="2" a="1"/>
  <c r="E4698" i="2" s="1"/>
  <c r="E4694" i="2" a="1"/>
  <c r="E4694" i="2" s="1"/>
  <c r="E4697" i="2" a="1"/>
  <c r="E4697" i="2" s="1"/>
  <c r="E4695" i="2" a="1"/>
  <c r="E4695" i="2" s="1"/>
  <c r="E4704" i="2" a="1"/>
  <c r="E4704" i="2" s="1"/>
  <c r="E4706" i="2" a="1"/>
  <c r="E4706" i="2" s="1"/>
  <c r="E4707" i="2" a="1"/>
  <c r="E4707" i="2" s="1"/>
  <c r="E4711" i="2" a="1"/>
  <c r="E4711" i="2" s="1"/>
  <c r="E4699" i="2" a="1"/>
  <c r="E4699" i="2" s="1"/>
  <c r="E4701" i="2" a="1"/>
  <c r="E4701" i="2" s="1"/>
  <c r="E4702" i="2" a="1"/>
  <c r="E4702" i="2" s="1"/>
  <c r="F4718" i="2" a="1"/>
  <c r="F4718" i="2" s="1"/>
  <c r="F4732" i="2" a="1"/>
  <c r="F4732" i="2" s="1"/>
  <c r="F4724" i="2" a="1"/>
  <c r="F4724" i="2" s="1"/>
  <c r="F4734" i="2" a="1"/>
  <c r="F4734" i="2" s="1"/>
  <c r="F4719" i="2" a="1"/>
  <c r="F4719" i="2" s="1"/>
  <c r="F4727" i="2" a="1"/>
  <c r="F4727" i="2" s="1"/>
  <c r="F4737" i="2" a="1"/>
  <c r="F4737" i="2" s="1"/>
  <c r="F4720" i="2" a="1"/>
  <c r="F4720" i="2" s="1"/>
  <c r="F4721" i="2" a="1"/>
  <c r="F4721" i="2" s="1"/>
  <c r="F4716" i="2" a="1"/>
  <c r="F4716" i="2" s="1"/>
  <c r="F4728" i="2" a="1"/>
  <c r="F4728" i="2" s="1"/>
  <c r="F4725" i="2" a="1"/>
  <c r="F4725" i="2" s="1"/>
  <c r="F4733" i="2" a="1"/>
  <c r="F4733" i="2" s="1"/>
  <c r="F4722" i="2" a="1"/>
  <c r="F4722" i="2" s="1"/>
  <c r="F4726" i="2" a="1"/>
  <c r="F4726" i="2" s="1"/>
  <c r="F4735" i="2" a="1"/>
  <c r="F4735" i="2" s="1"/>
  <c r="F4717" i="2" a="1"/>
  <c r="F4717" i="2" s="1"/>
  <c r="F4714" i="2" a="1"/>
  <c r="F4714" i="2" s="1"/>
  <c r="F4731" i="2" a="1"/>
  <c r="F4731" i="2" s="1"/>
  <c r="F4715" i="2" a="1"/>
  <c r="F4715" i="2" s="1"/>
  <c r="F4729" i="2" a="1"/>
  <c r="F4729" i="2" s="1"/>
  <c r="F4723" i="2" a="1"/>
  <c r="F4723" i="2" s="1"/>
  <c r="F4730" i="2" a="1"/>
  <c r="F4730" i="2" s="1"/>
  <c r="F4736" i="2" a="1"/>
  <c r="F4736" i="2" s="1"/>
  <c r="G3515" i="2" a="1"/>
  <c r="G3515" i="2" s="1"/>
  <c r="G3535" i="2" a="1"/>
  <c r="G3535" i="2" s="1"/>
  <c r="G3517" i="2" a="1"/>
  <c r="G3517" i="2" s="1"/>
  <c r="G3524" i="2" a="1"/>
  <c r="G3524" i="2" s="1"/>
  <c r="G3521" i="2" a="1"/>
  <c r="G3521" i="2" s="1"/>
  <c r="G3518" i="2" a="1"/>
  <c r="G3518" i="2" s="1"/>
  <c r="G3536" i="2" a="1"/>
  <c r="G3536" i="2" s="1"/>
  <c r="G3525" i="2" a="1"/>
  <c r="G3525" i="2" s="1"/>
  <c r="G3522" i="2" a="1"/>
  <c r="G3522" i="2" s="1"/>
  <c r="G3534" i="2" a="1"/>
  <c r="G3534" i="2" s="1"/>
  <c r="G3537" i="2" a="1"/>
  <c r="G3537" i="2" s="1"/>
  <c r="G3514" i="2" a="1"/>
  <c r="G3514" i="2" s="1"/>
  <c r="G3528" i="2" a="1"/>
  <c r="G3528" i="2" s="1"/>
  <c r="G3523" i="2" a="1"/>
  <c r="G3523" i="2" s="1"/>
  <c r="G3519" i="2" a="1"/>
  <c r="G3519" i="2" s="1"/>
  <c r="G3529" i="2" a="1"/>
  <c r="G3529" i="2" s="1"/>
  <c r="G3527" i="2" a="1"/>
  <c r="G3527" i="2" s="1"/>
  <c r="G3526" i="2" a="1"/>
  <c r="G3526" i="2" s="1"/>
  <c r="G3530" i="2" a="1"/>
  <c r="G3530" i="2" s="1"/>
  <c r="G3532" i="2" a="1"/>
  <c r="G3532" i="2" s="1"/>
  <c r="G3520" i="2" a="1"/>
  <c r="G3520" i="2" s="1"/>
  <c r="G3531" i="2" a="1"/>
  <c r="G3531" i="2" s="1"/>
  <c r="G3516" i="2" a="1"/>
  <c r="G3516" i="2" s="1"/>
  <c r="G3533" i="2" a="1"/>
  <c r="G3533" i="2" s="1"/>
  <c r="H2178" i="2" a="1"/>
  <c r="H2178" i="2" s="1"/>
  <c r="H2170" i="2" a="1"/>
  <c r="H2170" i="2" s="1"/>
  <c r="H2179" i="2" a="1"/>
  <c r="H2179" i="2" s="1"/>
  <c r="H2186" i="2" a="1"/>
  <c r="H2186" i="2" s="1"/>
  <c r="H2188" i="2" a="1"/>
  <c r="H2188" i="2" s="1"/>
  <c r="H2180" i="2" a="1"/>
  <c r="H2180" i="2" s="1"/>
  <c r="H2191" i="2" a="1"/>
  <c r="H2191" i="2" s="1"/>
  <c r="H2192" i="2" a="1"/>
  <c r="H2192" i="2" s="1"/>
  <c r="H2174" i="2" a="1"/>
  <c r="H2174" i="2" s="1"/>
  <c r="H2176" i="2" a="1"/>
  <c r="H2176" i="2" s="1"/>
  <c r="H2171" i="2" a="1"/>
  <c r="H2171" i="2" s="1"/>
  <c r="H2182" i="2" a="1"/>
  <c r="H2182" i="2" s="1"/>
  <c r="H2189" i="2" a="1"/>
  <c r="H2189" i="2" s="1"/>
  <c r="H2172" i="2" a="1"/>
  <c r="H2172" i="2" s="1"/>
  <c r="H2187" i="2" a="1"/>
  <c r="H2187" i="2" s="1"/>
  <c r="H2175" i="2" a="1"/>
  <c r="H2175" i="2" s="1"/>
  <c r="H2181" i="2" a="1"/>
  <c r="H2181" i="2" s="1"/>
  <c r="H2183" i="2" a="1"/>
  <c r="H2183" i="2" s="1"/>
  <c r="H2184" i="2" a="1"/>
  <c r="H2184" i="2" s="1"/>
  <c r="H2185" i="2" a="1"/>
  <c r="H2185" i="2" s="1"/>
  <c r="H2177" i="2" a="1"/>
  <c r="H2177" i="2" s="1"/>
  <c r="H2190" i="2" a="1"/>
  <c r="H2190" i="2" s="1"/>
  <c r="H2173" i="2" a="1"/>
  <c r="H2173" i="2" s="1"/>
  <c r="H2193" i="2" a="1"/>
  <c r="H2193" i="2" s="1"/>
  <c r="H5876" i="2" a="1"/>
  <c r="H5876" i="2" s="1"/>
  <c r="H5873" i="2" a="1"/>
  <c r="H5873" i="2" s="1"/>
  <c r="H5883" i="2" a="1"/>
  <c r="H5883" i="2" s="1"/>
  <c r="H5884" i="2" a="1"/>
  <c r="H5884" i="2" s="1"/>
  <c r="H5872" i="2" a="1"/>
  <c r="H5872" i="2" s="1"/>
  <c r="H5885" i="2" a="1"/>
  <c r="H5885" i="2" s="1"/>
  <c r="H5867" i="2" a="1"/>
  <c r="H5867" i="2" s="1"/>
  <c r="H5886" i="2" a="1"/>
  <c r="H5886" i="2" s="1"/>
  <c r="H5868" i="2" a="1"/>
  <c r="H5868" i="2" s="1"/>
  <c r="H5875" i="2" a="1"/>
  <c r="H5875" i="2" s="1"/>
  <c r="H5869" i="2" a="1"/>
  <c r="H5869" i="2" s="1"/>
  <c r="H5889" i="2" a="1"/>
  <c r="H5889" i="2" s="1"/>
  <c r="H5881" i="2" a="1"/>
  <c r="H5881" i="2" s="1"/>
  <c r="H5870" i="2" a="1"/>
  <c r="H5870" i="2" s="1"/>
  <c r="H5877" i="2" a="1"/>
  <c r="H5877" i="2" s="1"/>
  <c r="H5878" i="2" a="1"/>
  <c r="H5878" i="2" s="1"/>
  <c r="H5882" i="2" a="1"/>
  <c r="H5882" i="2" s="1"/>
  <c r="H5880" i="2" a="1"/>
  <c r="H5880" i="2" s="1"/>
  <c r="H5888" i="2" a="1"/>
  <c r="H5888" i="2" s="1"/>
  <c r="H5874" i="2" a="1"/>
  <c r="H5874" i="2" s="1"/>
  <c r="H5879" i="2" a="1"/>
  <c r="H5879" i="2" s="1"/>
  <c r="H5887" i="2" a="1"/>
  <c r="H5887" i="2" s="1"/>
  <c r="H5866" i="2" a="1"/>
  <c r="H5866" i="2" s="1"/>
  <c r="H5871" i="2" a="1"/>
  <c r="H5871" i="2" s="1"/>
  <c r="H8237" i="2" a="1"/>
  <c r="H8237" i="2" s="1"/>
  <c r="H8240" i="2" a="1"/>
  <c r="H8240" i="2" s="1"/>
  <c r="H8221" i="2" a="1"/>
  <c r="H8221" i="2" s="1"/>
  <c r="H8225" i="2" a="1"/>
  <c r="H8225" i="2" s="1"/>
  <c r="H8241" i="2" a="1"/>
  <c r="H8241" i="2" s="1"/>
  <c r="H8223" i="2" a="1"/>
  <c r="H8223" i="2" s="1"/>
  <c r="H8226" i="2" a="1"/>
  <c r="H8226" i="2" s="1"/>
  <c r="H8220" i="2" a="1"/>
  <c r="H8220" i="2" s="1"/>
  <c r="H8224" i="2" a="1"/>
  <c r="H8224" i="2" s="1"/>
  <c r="H8219" i="2" a="1"/>
  <c r="H8219" i="2" s="1"/>
  <c r="H8222" i="2" a="1"/>
  <c r="H8222" i="2" s="1"/>
  <c r="H8229" i="2" a="1"/>
  <c r="H8229" i="2" s="1"/>
  <c r="H8227" i="2" a="1"/>
  <c r="H8227" i="2" s="1"/>
  <c r="H8235" i="2" a="1"/>
  <c r="H8235" i="2" s="1"/>
  <c r="H8228" i="2" a="1"/>
  <c r="H8228" i="2" s="1"/>
  <c r="H8230" i="2" a="1"/>
  <c r="H8230" i="2" s="1"/>
  <c r="H8232" i="2" a="1"/>
  <c r="H8232" i="2" s="1"/>
  <c r="H8238" i="2" a="1"/>
  <c r="H8238" i="2" s="1"/>
  <c r="H8231" i="2" a="1"/>
  <c r="H8231" i="2" s="1"/>
  <c r="H8234" i="2" a="1"/>
  <c r="H8234" i="2" s="1"/>
  <c r="H8218" i="2" a="1"/>
  <c r="H8218" i="2" s="1"/>
  <c r="H8239" i="2" a="1"/>
  <c r="H8239" i="2" s="1"/>
  <c r="H8233" i="2" a="1"/>
  <c r="H8233" i="2" s="1"/>
  <c r="H8236" i="2" a="1"/>
  <c r="H8236" i="2" s="1"/>
  <c r="F3212" i="2" a="1"/>
  <c r="F3212" i="2" s="1"/>
  <c r="F3222" i="2" a="1"/>
  <c r="F3222" i="2" s="1"/>
  <c r="F3204" i="2" a="1"/>
  <c r="F3204" i="2" s="1"/>
  <c r="F3220" i="2" a="1"/>
  <c r="F3220" i="2" s="1"/>
  <c r="D4231" i="2" a="1"/>
  <c r="D4231" i="2" s="1"/>
  <c r="D4213" i="2" a="1"/>
  <c r="D4213" i="2" s="1"/>
  <c r="D4230" i="2" a="1"/>
  <c r="D4230" i="2" s="1"/>
  <c r="D4227" i="2" a="1"/>
  <c r="D4227" i="2" s="1"/>
  <c r="D4232" i="2" a="1"/>
  <c r="D4232" i="2" s="1"/>
  <c r="D4229" i="2" a="1"/>
  <c r="D4229" i="2" s="1"/>
  <c r="D4222" i="2" a="1"/>
  <c r="D4222" i="2" s="1"/>
  <c r="D4218" i="2" a="1"/>
  <c r="D4218" i="2" s="1"/>
  <c r="D4219" i="2" a="1"/>
  <c r="D4219" i="2" s="1"/>
  <c r="D4224" i="2" a="1"/>
  <c r="D4224" i="2" s="1"/>
  <c r="D4216" i="2" a="1"/>
  <c r="D4216" i="2" s="1"/>
  <c r="D4225" i="2" a="1"/>
  <c r="D4225" i="2" s="1"/>
  <c r="D4210" i="2" a="1"/>
  <c r="D4210" i="2" s="1"/>
  <c r="D4228" i="2" a="1"/>
  <c r="D4228" i="2" s="1"/>
  <c r="D4226" i="2" a="1"/>
  <c r="D4226" i="2" s="1"/>
  <c r="D4214" i="2" a="1"/>
  <c r="D4214" i="2" s="1"/>
  <c r="D4220" i="2" a="1"/>
  <c r="D4220" i="2" s="1"/>
  <c r="D4211" i="2" a="1"/>
  <c r="D4211" i="2" s="1"/>
  <c r="D4215" i="2" a="1"/>
  <c r="D4215" i="2" s="1"/>
  <c r="D4217" i="2" a="1"/>
  <c r="D4217" i="2" s="1"/>
  <c r="D4212" i="2" a="1"/>
  <c r="D4212" i="2" s="1"/>
  <c r="D4221" i="2" a="1"/>
  <c r="D4221" i="2" s="1"/>
  <c r="D4223" i="2" a="1"/>
  <c r="D4223" i="2" s="1"/>
  <c r="D4233" i="2" a="1"/>
  <c r="D4233" i="2" s="1"/>
  <c r="H7335" i="2" a="1"/>
  <c r="H7335" i="2" s="1"/>
  <c r="H7339" i="2" a="1"/>
  <c r="H7339" i="2" s="1"/>
  <c r="H7352" i="2" a="1"/>
  <c r="H7352" i="2" s="1"/>
  <c r="H7340" i="2" a="1"/>
  <c r="H7340" i="2" s="1"/>
  <c r="H7332" i="2" a="1"/>
  <c r="H7332" i="2" s="1"/>
  <c r="H7343" i="2" a="1"/>
  <c r="H7343" i="2" s="1"/>
  <c r="H7353" i="2" a="1"/>
  <c r="H7353" i="2" s="1"/>
  <c r="H7330" i="2" a="1"/>
  <c r="H7330" i="2" s="1"/>
  <c r="H7336" i="2" a="1"/>
  <c r="H7336" i="2" s="1"/>
  <c r="H7344" i="2" a="1"/>
  <c r="H7344" i="2" s="1"/>
  <c r="H7341" i="2" a="1"/>
  <c r="H7341" i="2" s="1"/>
  <c r="H7337" i="2" a="1"/>
  <c r="H7337" i="2" s="1"/>
  <c r="H7345" i="2" a="1"/>
  <c r="H7345" i="2" s="1"/>
  <c r="H7331" i="2" a="1"/>
  <c r="H7331" i="2" s="1"/>
  <c r="H7342" i="2" a="1"/>
  <c r="H7342" i="2" s="1"/>
  <c r="H7346" i="2" a="1"/>
  <c r="H7346" i="2" s="1"/>
  <c r="H7348" i="2" a="1"/>
  <c r="H7348" i="2" s="1"/>
  <c r="H7338" i="2" a="1"/>
  <c r="H7338" i="2" s="1"/>
  <c r="H7333" i="2" a="1"/>
  <c r="H7333" i="2" s="1"/>
  <c r="H7351" i="2" a="1"/>
  <c r="H7351" i="2" s="1"/>
  <c r="H7334" i="2" a="1"/>
  <c r="H7334" i="2" s="1"/>
  <c r="H7347" i="2" a="1"/>
  <c r="H7347" i="2" s="1"/>
  <c r="H7350" i="2" a="1"/>
  <c r="H7350" i="2" s="1"/>
  <c r="H7349" i="2" a="1"/>
  <c r="H7349" i="2" s="1"/>
  <c r="E2420" i="2" a="1"/>
  <c r="E2420" i="2" s="1"/>
  <c r="E2431" i="2" a="1"/>
  <c r="E2431" i="2" s="1"/>
  <c r="E2426" i="2" a="1"/>
  <c r="E2426" i="2" s="1"/>
  <c r="E2414" i="2" a="1"/>
  <c r="E2414" i="2" s="1"/>
  <c r="E2412" i="2" a="1"/>
  <c r="E2412" i="2" s="1"/>
  <c r="E2424" i="2" a="1"/>
  <c r="E2424" i="2" s="1"/>
  <c r="E2429" i="2" a="1"/>
  <c r="E2429" i="2" s="1"/>
  <c r="E2432" i="2" a="1"/>
  <c r="E2432" i="2" s="1"/>
  <c r="E2430" i="2" a="1"/>
  <c r="E2430" i="2" s="1"/>
  <c r="E2433" i="2" a="1"/>
  <c r="E2433" i="2" s="1"/>
  <c r="E2415" i="2" a="1"/>
  <c r="E2415" i="2" s="1"/>
  <c r="E2418" i="2" a="1"/>
  <c r="E2418" i="2" s="1"/>
  <c r="E2428" i="2" a="1"/>
  <c r="E2428" i="2" s="1"/>
  <c r="E2421" i="2" a="1"/>
  <c r="E2421" i="2" s="1"/>
  <c r="E2416" i="2" a="1"/>
  <c r="E2416" i="2" s="1"/>
  <c r="E2422" i="2" a="1"/>
  <c r="E2422" i="2" s="1"/>
  <c r="E2410" i="2" a="1"/>
  <c r="E2410" i="2" s="1"/>
  <c r="E2423" i="2" a="1"/>
  <c r="E2423" i="2" s="1"/>
  <c r="E2413" i="2" a="1"/>
  <c r="E2413" i="2" s="1"/>
  <c r="E2427" i="2" a="1"/>
  <c r="E2427" i="2" s="1"/>
  <c r="E2411" i="2" a="1"/>
  <c r="E2411" i="2" s="1"/>
  <c r="E2417" i="2" a="1"/>
  <c r="E2417" i="2" s="1"/>
  <c r="E2425" i="2" a="1"/>
  <c r="E2425" i="2" s="1"/>
  <c r="E2419" i="2" a="1"/>
  <c r="E2419" i="2" s="1"/>
  <c r="G1042" i="2" a="1"/>
  <c r="G1042" i="2" s="1"/>
  <c r="G1048" i="2" a="1"/>
  <c r="G1048" i="2" s="1"/>
  <c r="G1063" i="2" a="1"/>
  <c r="G1063" i="2" s="1"/>
  <c r="G1052" i="2" a="1"/>
  <c r="G1052" i="2" s="1"/>
  <c r="G1054" i="2" a="1"/>
  <c r="G1054" i="2" s="1"/>
  <c r="G1051" i="2" a="1"/>
  <c r="G1051" i="2" s="1"/>
  <c r="G1060" i="2" a="1"/>
  <c r="G1060" i="2" s="1"/>
  <c r="G1065" i="2" a="1"/>
  <c r="G1065" i="2" s="1"/>
  <c r="G1061" i="2" a="1"/>
  <c r="G1061" i="2" s="1"/>
  <c r="G1062" i="2" a="1"/>
  <c r="G1062" i="2" s="1"/>
  <c r="G1047" i="2" a="1"/>
  <c r="G1047" i="2" s="1"/>
  <c r="G1049" i="2" a="1"/>
  <c r="G1049" i="2" s="1"/>
  <c r="G1053" i="2" a="1"/>
  <c r="G1053" i="2" s="1"/>
  <c r="G1058" i="2" a="1"/>
  <c r="G1058" i="2" s="1"/>
  <c r="G1055" i="2" a="1"/>
  <c r="G1055" i="2" s="1"/>
  <c r="G1050" i="2" a="1"/>
  <c r="G1050" i="2" s="1"/>
  <c r="G1056" i="2" a="1"/>
  <c r="G1056" i="2" s="1"/>
  <c r="G1064" i="2" a="1"/>
  <c r="G1064" i="2" s="1"/>
  <c r="G1057" i="2" a="1"/>
  <c r="G1057" i="2" s="1"/>
  <c r="G1044" i="2" a="1"/>
  <c r="G1044" i="2" s="1"/>
  <c r="G1046" i="2" a="1"/>
  <c r="G1046" i="2" s="1"/>
  <c r="G1059" i="2" a="1"/>
  <c r="G1059" i="2" s="1"/>
  <c r="G1043" i="2" a="1"/>
  <c r="G1043" i="2" s="1"/>
  <c r="G1045" i="2" a="1"/>
  <c r="G1045" i="2" s="1"/>
  <c r="D1498" i="2" a="1"/>
  <c r="D1498" i="2" s="1"/>
  <c r="D1519" i="2" a="1"/>
  <c r="D1519" i="2" s="1"/>
  <c r="D1509" i="2" a="1"/>
  <c r="D1509" i="2" s="1"/>
  <c r="D1515" i="2" a="1"/>
  <c r="D1515" i="2" s="1"/>
  <c r="D1520" i="2" a="1"/>
  <c r="D1520" i="2" s="1"/>
  <c r="D1511" i="2" a="1"/>
  <c r="D1511" i="2" s="1"/>
  <c r="D1518" i="2" a="1"/>
  <c r="D1518" i="2" s="1"/>
  <c r="D1512" i="2" a="1"/>
  <c r="D1512" i="2" s="1"/>
  <c r="D1516" i="2" a="1"/>
  <c r="D1516" i="2" s="1"/>
  <c r="D1503" i="2" a="1"/>
  <c r="D1503" i="2" s="1"/>
  <c r="D1504" i="2" a="1"/>
  <c r="D1504" i="2" s="1"/>
  <c r="D1505" i="2" a="1"/>
  <c r="D1505" i="2" s="1"/>
  <c r="D1506" i="2" a="1"/>
  <c r="D1506" i="2" s="1"/>
  <c r="D1507" i="2" a="1"/>
  <c r="D1507" i="2" s="1"/>
  <c r="D1508" i="2" a="1"/>
  <c r="D1508" i="2" s="1"/>
  <c r="D1510" i="2" a="1"/>
  <c r="D1510" i="2" s="1"/>
  <c r="D1513" i="2" a="1"/>
  <c r="D1513" i="2" s="1"/>
  <c r="D1514" i="2" a="1"/>
  <c r="D1514" i="2" s="1"/>
  <c r="D1521" i="2" a="1"/>
  <c r="D1521" i="2" s="1"/>
  <c r="D1499" i="2" a="1"/>
  <c r="D1499" i="2" s="1"/>
  <c r="D1502" i="2" a="1"/>
  <c r="D1502" i="2" s="1"/>
  <c r="D1500" i="2" a="1"/>
  <c r="D1500" i="2" s="1"/>
  <c r="D1501" i="2" a="1"/>
  <c r="D1501" i="2" s="1"/>
  <c r="D1517" i="2" a="1"/>
  <c r="D1517" i="2" s="1"/>
  <c r="F5781" i="2" a="1"/>
  <c r="F5781" i="2" s="1"/>
  <c r="F5786" i="2" a="1"/>
  <c r="F5786" i="2" s="1"/>
  <c r="F5776" i="2" a="1"/>
  <c r="F5776" i="2" s="1"/>
  <c r="F5770" i="2" a="1"/>
  <c r="F5770" i="2" s="1"/>
  <c r="F5773" i="2" a="1"/>
  <c r="F5773" i="2" s="1"/>
  <c r="F5777" i="2" a="1"/>
  <c r="F5777" i="2" s="1"/>
  <c r="F5782" i="2" a="1"/>
  <c r="F5782" i="2" s="1"/>
  <c r="F5787" i="2" a="1"/>
  <c r="F5787" i="2" s="1"/>
  <c r="F5783" i="2" a="1"/>
  <c r="F5783" i="2" s="1"/>
  <c r="F5790" i="2" a="1"/>
  <c r="F5790" i="2" s="1"/>
  <c r="F5793" i="2" a="1"/>
  <c r="F5793" i="2" s="1"/>
  <c r="F5789" i="2" a="1"/>
  <c r="F5789" i="2" s="1"/>
  <c r="F5780" i="2" a="1"/>
  <c r="F5780" i="2" s="1"/>
  <c r="F5784" i="2" a="1"/>
  <c r="F5784" i="2" s="1"/>
  <c r="F5775" i="2" a="1"/>
  <c r="F5775" i="2" s="1"/>
  <c r="F5788" i="2" a="1"/>
  <c r="F5788" i="2" s="1"/>
  <c r="F5779" i="2" a="1"/>
  <c r="F5779" i="2" s="1"/>
  <c r="F5771" i="2" a="1"/>
  <c r="F5771" i="2" s="1"/>
  <c r="F5791" i="2" a="1"/>
  <c r="F5791" i="2" s="1"/>
  <c r="F5772" i="2" a="1"/>
  <c r="F5772" i="2" s="1"/>
  <c r="F5785" i="2" a="1"/>
  <c r="F5785" i="2" s="1"/>
  <c r="F5778" i="2" a="1"/>
  <c r="F5778" i="2" s="1"/>
  <c r="F5792" i="2" a="1"/>
  <c r="F5792" i="2" s="1"/>
  <c r="F5774" i="2" a="1"/>
  <c r="F5774" i="2" s="1"/>
  <c r="H5950" i="2" a="1"/>
  <c r="H5950" i="2" s="1"/>
  <c r="H5955" i="2" a="1"/>
  <c r="H5955" i="2" s="1"/>
  <c r="H5948" i="2" a="1"/>
  <c r="H5948" i="2" s="1"/>
  <c r="H5951" i="2" a="1"/>
  <c r="H5951" i="2" s="1"/>
  <c r="H5956" i="2" a="1"/>
  <c r="H5956" i="2" s="1"/>
  <c r="H5954" i="2" a="1"/>
  <c r="H5954" i="2" s="1"/>
  <c r="H5938" i="2" a="1"/>
  <c r="H5938" i="2" s="1"/>
  <c r="H5939" i="2" a="1"/>
  <c r="H5939" i="2" s="1"/>
  <c r="H5943" i="2" a="1"/>
  <c r="H5943" i="2" s="1"/>
  <c r="H5946" i="2" a="1"/>
  <c r="H5946" i="2" s="1"/>
  <c r="H5947" i="2" a="1"/>
  <c r="H5947" i="2" s="1"/>
  <c r="H5942" i="2" a="1"/>
  <c r="H5942" i="2" s="1"/>
  <c r="H5961" i="2" a="1"/>
  <c r="H5961" i="2" s="1"/>
  <c r="H5953" i="2" a="1"/>
  <c r="H5953" i="2" s="1"/>
  <c r="H5952" i="2" a="1"/>
  <c r="H5952" i="2" s="1"/>
  <c r="H5940" i="2" a="1"/>
  <c r="H5940" i="2" s="1"/>
  <c r="H5957" i="2" a="1"/>
  <c r="H5957" i="2" s="1"/>
  <c r="H5958" i="2" a="1"/>
  <c r="H5958" i="2" s="1"/>
  <c r="H5959" i="2" a="1"/>
  <c r="H5959" i="2" s="1"/>
  <c r="H5960" i="2" a="1"/>
  <c r="H5960" i="2" s="1"/>
  <c r="H5949" i="2" a="1"/>
  <c r="H5949" i="2" s="1"/>
  <c r="H5941" i="2" a="1"/>
  <c r="H5941" i="2" s="1"/>
  <c r="H5944" i="2" a="1"/>
  <c r="H5944" i="2" s="1"/>
  <c r="H5945" i="2" a="1"/>
  <c r="H5945" i="2" s="1"/>
  <c r="E2451" i="2" a="1"/>
  <c r="E2451" i="2" s="1"/>
  <c r="E2447" i="2" a="1"/>
  <c r="E2447" i="2" s="1"/>
  <c r="E2435" i="2" a="1"/>
  <c r="E2435" i="2" s="1"/>
  <c r="E2448" i="2" a="1"/>
  <c r="E2448" i="2" s="1"/>
  <c r="E2445" i="2" a="1"/>
  <c r="E2445" i="2" s="1"/>
  <c r="E2452" i="2" a="1"/>
  <c r="E2452" i="2" s="1"/>
  <c r="E2455" i="2" a="1"/>
  <c r="E2455" i="2" s="1"/>
  <c r="E2456" i="2" a="1"/>
  <c r="E2456" i="2" s="1"/>
  <c r="E2444" i="2" a="1"/>
  <c r="E2444" i="2" s="1"/>
  <c r="E2438" i="2" a="1"/>
  <c r="E2438" i="2" s="1"/>
  <c r="E2443" i="2" a="1"/>
  <c r="E2443" i="2" s="1"/>
  <c r="E2434" i="2" a="1"/>
  <c r="E2434" i="2" s="1"/>
  <c r="E2442" i="2" a="1"/>
  <c r="E2442" i="2" s="1"/>
  <c r="E2453" i="2" a="1"/>
  <c r="E2453" i="2" s="1"/>
  <c r="E2441" i="2" a="1"/>
  <c r="E2441" i="2" s="1"/>
  <c r="E2454" i="2" a="1"/>
  <c r="E2454" i="2" s="1"/>
  <c r="E2449" i="2" a="1"/>
  <c r="E2449" i="2" s="1"/>
  <c r="E2450" i="2" a="1"/>
  <c r="E2450" i="2" s="1"/>
  <c r="E2457" i="2" a="1"/>
  <c r="E2457" i="2" s="1"/>
  <c r="E2437" i="2" a="1"/>
  <c r="E2437" i="2" s="1"/>
  <c r="E2439" i="2" a="1"/>
  <c r="E2439" i="2" s="1"/>
  <c r="E2446" i="2" a="1"/>
  <c r="E2446" i="2" s="1"/>
  <c r="E2436" i="2" a="1"/>
  <c r="E2436" i="2" s="1"/>
  <c r="E2440" i="2" a="1"/>
  <c r="E2440" i="2" s="1"/>
  <c r="G8175" i="2" a="1"/>
  <c r="G8175" i="2" s="1"/>
  <c r="G8184" i="2" a="1"/>
  <c r="G8184" i="2" s="1"/>
  <c r="G8189" i="2" a="1"/>
  <c r="G8189" i="2" s="1"/>
  <c r="G8181" i="2" a="1"/>
  <c r="G8181" i="2" s="1"/>
  <c r="G8177" i="2" a="1"/>
  <c r="G8177" i="2" s="1"/>
  <c r="G8190" i="2" a="1"/>
  <c r="G8190" i="2" s="1"/>
  <c r="G8176" i="2" a="1"/>
  <c r="G8176" i="2" s="1"/>
  <c r="G8192" i="2" a="1"/>
  <c r="G8192" i="2" s="1"/>
  <c r="G8172" i="2" a="1"/>
  <c r="G8172" i="2" s="1"/>
  <c r="G8193" i="2" a="1"/>
  <c r="G8193" i="2" s="1"/>
  <c r="G8178" i="2" a="1"/>
  <c r="G8178" i="2" s="1"/>
  <c r="G8173" i="2" a="1"/>
  <c r="G8173" i="2" s="1"/>
  <c r="G8182" i="2" a="1"/>
  <c r="G8182" i="2" s="1"/>
  <c r="G8171" i="2" a="1"/>
  <c r="G8171" i="2" s="1"/>
  <c r="G8185" i="2" a="1"/>
  <c r="G8185" i="2" s="1"/>
  <c r="G8187" i="2" a="1"/>
  <c r="G8187" i="2" s="1"/>
  <c r="G8183" i="2" a="1"/>
  <c r="G8183" i="2" s="1"/>
  <c r="G8191" i="2" a="1"/>
  <c r="G8191" i="2" s="1"/>
  <c r="G8186" i="2" a="1"/>
  <c r="G8186" i="2" s="1"/>
  <c r="G8188" i="2" a="1"/>
  <c r="G8188" i="2" s="1"/>
  <c r="G8170" i="2" a="1"/>
  <c r="G8170" i="2" s="1"/>
  <c r="G8179" i="2" a="1"/>
  <c r="G8179" i="2" s="1"/>
  <c r="G8174" i="2" a="1"/>
  <c r="G8174" i="2" s="1"/>
  <c r="G8180" i="2" a="1"/>
  <c r="G8180" i="2" s="1"/>
  <c r="E5914" i="2" a="1"/>
  <c r="E5914" i="2" s="1"/>
  <c r="E5928" i="2" a="1"/>
  <c r="E5928" i="2" s="1"/>
  <c r="E5920" i="2" a="1"/>
  <c r="E5920" i="2" s="1"/>
  <c r="E5931" i="2" a="1"/>
  <c r="E5931" i="2" s="1"/>
  <c r="E5934" i="2" a="1"/>
  <c r="E5934" i="2" s="1"/>
  <c r="E5918" i="2" a="1"/>
  <c r="E5918" i="2" s="1"/>
  <c r="E5935" i="2" a="1"/>
  <c r="E5935" i="2" s="1"/>
  <c r="E5930" i="2" a="1"/>
  <c r="E5930" i="2" s="1"/>
  <c r="E5932" i="2" a="1"/>
  <c r="E5932" i="2" s="1"/>
  <c r="E5924" i="2" a="1"/>
  <c r="E5924" i="2" s="1"/>
  <c r="E5917" i="2" a="1"/>
  <c r="E5917" i="2" s="1"/>
  <c r="E5937" i="2" a="1"/>
  <c r="E5937" i="2" s="1"/>
  <c r="E5916" i="2" a="1"/>
  <c r="E5916" i="2" s="1"/>
  <c r="E5936" i="2" a="1"/>
  <c r="E5936" i="2" s="1"/>
  <c r="E5929" i="2" a="1"/>
  <c r="E5929" i="2" s="1"/>
  <c r="E5919" i="2" a="1"/>
  <c r="E5919" i="2" s="1"/>
  <c r="E5933" i="2" a="1"/>
  <c r="E5933" i="2" s="1"/>
  <c r="E5921" i="2" a="1"/>
  <c r="E5921" i="2" s="1"/>
  <c r="E5915" i="2" a="1"/>
  <c r="E5915" i="2" s="1"/>
  <c r="E5922" i="2" a="1"/>
  <c r="E5922" i="2" s="1"/>
  <c r="E5926" i="2" a="1"/>
  <c r="E5926" i="2" s="1"/>
  <c r="E5923" i="2" a="1"/>
  <c r="E5923" i="2" s="1"/>
  <c r="E5927" i="2" a="1"/>
  <c r="E5927" i="2" s="1"/>
  <c r="E5925" i="2" a="1"/>
  <c r="E5925" i="2" s="1"/>
  <c r="G4000" i="2" a="1"/>
  <c r="G4000" i="2" s="1"/>
  <c r="G4010" i="2" a="1"/>
  <c r="G4010" i="2" s="1"/>
  <c r="G4003" i="2" a="1"/>
  <c r="G4003" i="2" s="1"/>
  <c r="H3175" i="2" a="1"/>
  <c r="H3175" i="2" s="1"/>
  <c r="H3167" i="2" a="1"/>
  <c r="H3167" i="2" s="1"/>
  <c r="H3169" i="2" a="1"/>
  <c r="H3169" i="2" s="1"/>
  <c r="H3156" i="2" a="1"/>
  <c r="H3156" i="2" s="1"/>
  <c r="H3170" i="2" a="1"/>
  <c r="H3170" i="2" s="1"/>
  <c r="H3173" i="2" a="1"/>
  <c r="H3173" i="2" s="1"/>
  <c r="H3165" i="2" a="1"/>
  <c r="H3165" i="2" s="1"/>
  <c r="H3158" i="2" a="1"/>
  <c r="H3158" i="2" s="1"/>
  <c r="H3161" i="2" a="1"/>
  <c r="H3161" i="2" s="1"/>
  <c r="H3162" i="2" a="1"/>
  <c r="H3162" i="2" s="1"/>
  <c r="H3160" i="2" a="1"/>
  <c r="H3160" i="2" s="1"/>
  <c r="H3176" i="2" a="1"/>
  <c r="H3176" i="2" s="1"/>
  <c r="H3166" i="2" a="1"/>
  <c r="H3166" i="2" s="1"/>
  <c r="H3157" i="2" a="1"/>
  <c r="H3157" i="2" s="1"/>
  <c r="H3154" i="2" a="1"/>
  <c r="H3154" i="2" s="1"/>
  <c r="H3163" i="2" a="1"/>
  <c r="H3163" i="2" s="1"/>
  <c r="H3177" i="2" a="1"/>
  <c r="H3177" i="2" s="1"/>
  <c r="H3168" i="2" a="1"/>
  <c r="H3168" i="2" s="1"/>
  <c r="H3155" i="2" a="1"/>
  <c r="H3155" i="2" s="1"/>
  <c r="H3159" i="2" a="1"/>
  <c r="H3159" i="2" s="1"/>
  <c r="H3171" i="2" a="1"/>
  <c r="H3171" i="2" s="1"/>
  <c r="H3164" i="2" a="1"/>
  <c r="H3164" i="2" s="1"/>
  <c r="H3174" i="2" a="1"/>
  <c r="H3174" i="2" s="1"/>
  <c r="H3172" i="2" a="1"/>
  <c r="H3172" i="2" s="1"/>
  <c r="AN241" i="1"/>
  <c r="D247" i="5" s="1"/>
  <c r="AP241" i="1"/>
  <c r="F247" i="5" s="1"/>
  <c r="AQ241" i="1"/>
  <c r="G247" i="5" s="1"/>
  <c r="AO241" i="1"/>
  <c r="E247" i="5" s="1"/>
  <c r="AM241" i="1"/>
  <c r="D5781" i="2" a="1"/>
  <c r="D5781" i="2" s="1"/>
  <c r="D5785" i="2" a="1"/>
  <c r="D5785" i="2" s="1"/>
  <c r="D5770" i="2" a="1"/>
  <c r="D5770" i="2" s="1"/>
  <c r="D5772" i="2" a="1"/>
  <c r="D5772" i="2" s="1"/>
  <c r="D5776" i="2" a="1"/>
  <c r="D5776" i="2" s="1"/>
  <c r="D5780" i="2" a="1"/>
  <c r="D5780" i="2" s="1"/>
  <c r="D5784" i="2" a="1"/>
  <c r="D5784" i="2" s="1"/>
  <c r="D5788" i="2" a="1"/>
  <c r="D5788" i="2" s="1"/>
  <c r="D5793" i="2" a="1"/>
  <c r="D5793" i="2" s="1"/>
  <c r="D5792" i="2" a="1"/>
  <c r="D5792" i="2" s="1"/>
  <c r="D5771" i="2" a="1"/>
  <c r="D5771" i="2" s="1"/>
  <c r="D5775" i="2" a="1"/>
  <c r="D5775" i="2" s="1"/>
  <c r="D5779" i="2" a="1"/>
  <c r="D5779" i="2" s="1"/>
  <c r="D5783" i="2" a="1"/>
  <c r="D5783" i="2" s="1"/>
  <c r="D5787" i="2" a="1"/>
  <c r="D5787" i="2" s="1"/>
  <c r="D5791" i="2" a="1"/>
  <c r="D5791" i="2" s="1"/>
  <c r="D5774" i="2" a="1"/>
  <c r="D5774" i="2" s="1"/>
  <c r="D5778" i="2" a="1"/>
  <c r="D5778" i="2" s="1"/>
  <c r="D5782" i="2" a="1"/>
  <c r="D5782" i="2" s="1"/>
  <c r="D5786" i="2" a="1"/>
  <c r="D5786" i="2" s="1"/>
  <c r="D5790" i="2" a="1"/>
  <c r="D5790" i="2" s="1"/>
  <c r="D5773" i="2" a="1"/>
  <c r="D5773" i="2" s="1"/>
  <c r="D5777" i="2" a="1"/>
  <c r="D5777" i="2" s="1"/>
  <c r="D5789" i="2" a="1"/>
  <c r="D5789" i="2" s="1"/>
  <c r="G5680" i="2" a="1"/>
  <c r="G5680" i="2" s="1"/>
  <c r="G5676" i="2" a="1"/>
  <c r="G5676" i="2" s="1"/>
  <c r="G5686" i="2" a="1"/>
  <c r="G5686" i="2" s="1"/>
  <c r="G5695" i="2" a="1"/>
  <c r="G5695" i="2" s="1"/>
  <c r="G5677" i="2" a="1"/>
  <c r="G5677" i="2" s="1"/>
  <c r="G5678" i="2" a="1"/>
  <c r="G5678" i="2" s="1"/>
  <c r="G5681" i="2" a="1"/>
  <c r="G5681" i="2" s="1"/>
  <c r="G5683" i="2" a="1"/>
  <c r="G5683" i="2" s="1"/>
  <c r="G5687" i="2" a="1"/>
  <c r="G5687" i="2" s="1"/>
  <c r="G5696" i="2" a="1"/>
  <c r="G5696" i="2" s="1"/>
  <c r="G5684" i="2" a="1"/>
  <c r="G5684" i="2" s="1"/>
  <c r="G5693" i="2" a="1"/>
  <c r="G5693" i="2" s="1"/>
  <c r="G5682" i="2" a="1"/>
  <c r="G5682" i="2" s="1"/>
  <c r="G5685" i="2" a="1"/>
  <c r="G5685" i="2" s="1"/>
  <c r="G5688" i="2" a="1"/>
  <c r="G5688" i="2" s="1"/>
  <c r="G5697" i="2" a="1"/>
  <c r="G5697" i="2" s="1"/>
  <c r="G5679" i="2" a="1"/>
  <c r="G5679" i="2" s="1"/>
  <c r="G5689" i="2" a="1"/>
  <c r="G5689" i="2" s="1"/>
  <c r="G5675" i="2" a="1"/>
  <c r="G5675" i="2" s="1"/>
  <c r="G5690" i="2" a="1"/>
  <c r="G5690" i="2" s="1"/>
  <c r="G5694" i="2" a="1"/>
  <c r="G5694" i="2" s="1"/>
  <c r="G5691" i="2" a="1"/>
  <c r="G5691" i="2" s="1"/>
  <c r="G5674" i="2" a="1"/>
  <c r="G5674" i="2" s="1"/>
  <c r="G5692" i="2" a="1"/>
  <c r="G5692" i="2" s="1"/>
  <c r="G6603" i="2" a="1"/>
  <c r="G6603" i="2" s="1"/>
  <c r="G6587" i="2" a="1"/>
  <c r="G6587" i="2" s="1"/>
  <c r="G6591" i="2" a="1"/>
  <c r="G6591" i="2" s="1"/>
  <c r="G6595" i="2" a="1"/>
  <c r="G6595" i="2" s="1"/>
  <c r="G6599" i="2" a="1"/>
  <c r="G6599" i="2" s="1"/>
  <c r="G6593" i="2" a="1"/>
  <c r="G6593" i="2" s="1"/>
  <c r="G6602" i="2" a="1"/>
  <c r="G6602" i="2" s="1"/>
  <c r="G6600" i="2" a="1"/>
  <c r="G6600" i="2" s="1"/>
  <c r="G6606" i="2" a="1"/>
  <c r="G6606" i="2" s="1"/>
  <c r="G6601" i="2" a="1"/>
  <c r="G6601" i="2" s="1"/>
  <c r="G6592" i="2" a="1"/>
  <c r="G6592" i="2" s="1"/>
  <c r="G6589" i="2" a="1"/>
  <c r="G6589" i="2" s="1"/>
  <c r="G6605" i="2" a="1"/>
  <c r="G6605" i="2" s="1"/>
  <c r="G6597" i="2" a="1"/>
  <c r="G6597" i="2" s="1"/>
  <c r="G6594" i="2" a="1"/>
  <c r="G6594" i="2" s="1"/>
  <c r="G6608" i="2" a="1"/>
  <c r="G6608" i="2" s="1"/>
  <c r="G6590" i="2" a="1"/>
  <c r="G6590" i="2" s="1"/>
  <c r="G6596" i="2" a="1"/>
  <c r="G6596" i="2" s="1"/>
  <c r="G6604" i="2" a="1"/>
  <c r="G6604" i="2" s="1"/>
  <c r="G6588" i="2" a="1"/>
  <c r="G6588" i="2" s="1"/>
  <c r="G6609" i="2" a="1"/>
  <c r="G6609" i="2" s="1"/>
  <c r="G6598" i="2" a="1"/>
  <c r="G6598" i="2" s="1"/>
  <c r="G6607" i="2" a="1"/>
  <c r="G6607" i="2" s="1"/>
  <c r="G6586" i="2" a="1"/>
  <c r="G6586" i="2" s="1"/>
  <c r="H1104" i="2" a="1"/>
  <c r="H1104" i="2" s="1"/>
  <c r="H1092" i="2" a="1"/>
  <c r="H1092" i="2" s="1"/>
  <c r="H1111" i="2" a="1"/>
  <c r="H1111" i="2" s="1"/>
  <c r="H1108" i="2" a="1"/>
  <c r="H1108" i="2" s="1"/>
  <c r="H1112" i="2" a="1"/>
  <c r="H1112" i="2" s="1"/>
  <c r="H1105" i="2" a="1"/>
  <c r="H1105" i="2" s="1"/>
  <c r="H1106" i="2" a="1"/>
  <c r="H1106" i="2" s="1"/>
  <c r="H1095" i="2" a="1"/>
  <c r="H1095" i="2" s="1"/>
  <c r="H1101" i="2" a="1"/>
  <c r="H1101" i="2" s="1"/>
  <c r="H1113" i="2" a="1"/>
  <c r="H1113" i="2" s="1"/>
  <c r="H1093" i="2" a="1"/>
  <c r="H1093" i="2" s="1"/>
  <c r="H1100" i="2" a="1"/>
  <c r="H1100" i="2" s="1"/>
  <c r="H1096" i="2" a="1"/>
  <c r="H1096" i="2" s="1"/>
  <c r="H1090" i="2" a="1"/>
  <c r="H1090" i="2" s="1"/>
  <c r="H1109" i="2" a="1"/>
  <c r="H1109" i="2" s="1"/>
  <c r="H1103" i="2" a="1"/>
  <c r="H1103" i="2" s="1"/>
  <c r="H1107" i="2" a="1"/>
  <c r="H1107" i="2" s="1"/>
  <c r="H1110" i="2" a="1"/>
  <c r="H1110" i="2" s="1"/>
  <c r="H1098" i="2" a="1"/>
  <c r="H1098" i="2" s="1"/>
  <c r="H1099" i="2" a="1"/>
  <c r="H1099" i="2" s="1"/>
  <c r="H1094" i="2" a="1"/>
  <c r="H1094" i="2" s="1"/>
  <c r="H1097" i="2" a="1"/>
  <c r="H1097" i="2" s="1"/>
  <c r="H1102" i="2" a="1"/>
  <c r="H1102" i="2" s="1"/>
  <c r="H1091" i="2" a="1"/>
  <c r="H1091" i="2" s="1"/>
  <c r="G3296" i="2" a="1"/>
  <c r="G3296" i="2" s="1"/>
  <c r="G3289" i="2" a="1"/>
  <c r="G3289" i="2" s="1"/>
  <c r="G3279" i="2" a="1"/>
  <c r="G3279" i="2" s="1"/>
  <c r="G3290" i="2" a="1"/>
  <c r="G3290" i="2" s="1"/>
  <c r="G3276" i="2" a="1"/>
  <c r="G3276" i="2" s="1"/>
  <c r="G3275" i="2" a="1"/>
  <c r="G3275" i="2" s="1"/>
  <c r="G3274" i="2" a="1"/>
  <c r="G3274" i="2" s="1"/>
  <c r="G3293" i="2" a="1"/>
  <c r="G3293" i="2" s="1"/>
  <c r="G3283" i="2" a="1"/>
  <c r="G3283" i="2" s="1"/>
  <c r="G3277" i="2" a="1"/>
  <c r="G3277" i="2" s="1"/>
  <c r="G3280" i="2" a="1"/>
  <c r="G3280" i="2" s="1"/>
  <c r="G3284" i="2" a="1"/>
  <c r="G3284" i="2" s="1"/>
  <c r="G3297" i="2" a="1"/>
  <c r="G3297" i="2" s="1"/>
  <c r="G3281" i="2" a="1"/>
  <c r="G3281" i="2" s="1"/>
  <c r="G3285" i="2" a="1"/>
  <c r="G3285" i="2" s="1"/>
  <c r="G3291" i="2" a="1"/>
  <c r="G3291" i="2" s="1"/>
  <c r="G3294" i="2" a="1"/>
  <c r="G3294" i="2" s="1"/>
  <c r="G3286" i="2" a="1"/>
  <c r="G3286" i="2" s="1"/>
  <c r="G3292" i="2" a="1"/>
  <c r="G3292" i="2" s="1"/>
  <c r="G3282" i="2" a="1"/>
  <c r="G3282" i="2" s="1"/>
  <c r="G3295" i="2" a="1"/>
  <c r="G3295" i="2" s="1"/>
  <c r="G3287" i="2" a="1"/>
  <c r="G3287" i="2" s="1"/>
  <c r="G3278" i="2" a="1"/>
  <c r="G3278" i="2" s="1"/>
  <c r="G3288" i="2" a="1"/>
  <c r="G3288" i="2" s="1"/>
  <c r="AN256" i="1"/>
  <c r="D262" i="5" s="1"/>
  <c r="AQ256" i="1"/>
  <c r="G262" i="5" s="1"/>
  <c r="AO256" i="1"/>
  <c r="E262" i="5" s="1"/>
  <c r="AP256" i="1"/>
  <c r="F262" i="5" s="1"/>
  <c r="AM256" i="1"/>
  <c r="D6133" i="2" a="1"/>
  <c r="D6133" i="2" s="1"/>
  <c r="D6145" i="2" a="1"/>
  <c r="D6145" i="2" s="1"/>
  <c r="D6153" i="2" a="1"/>
  <c r="D6153" i="2" s="1"/>
  <c r="D6130" i="2" a="1"/>
  <c r="D6130" i="2" s="1"/>
  <c r="D6134" i="2" a="1"/>
  <c r="D6134" i="2" s="1"/>
  <c r="D6142" i="2" a="1"/>
  <c r="D6142" i="2" s="1"/>
  <c r="D6140" i="2" a="1"/>
  <c r="D6140" i="2" s="1"/>
  <c r="D6148" i="2" a="1"/>
  <c r="D6148" i="2" s="1"/>
  <c r="D6152" i="2" a="1"/>
  <c r="D6152" i="2" s="1"/>
  <c r="D6137" i="2" a="1"/>
  <c r="D6137" i="2" s="1"/>
  <c r="D6141" i="2" a="1"/>
  <c r="D6141" i="2" s="1"/>
  <c r="D6144" i="2" a="1"/>
  <c r="D6144" i="2" s="1"/>
  <c r="D6132" i="2" a="1"/>
  <c r="D6132" i="2" s="1"/>
  <c r="D6136" i="2" a="1"/>
  <c r="D6136" i="2" s="1"/>
  <c r="D6138" i="2" a="1"/>
  <c r="D6138" i="2" s="1"/>
  <c r="D6146" i="2" a="1"/>
  <c r="D6146" i="2" s="1"/>
  <c r="D6150" i="2" a="1"/>
  <c r="D6150" i="2" s="1"/>
  <c r="D6131" i="2" a="1"/>
  <c r="D6131" i="2" s="1"/>
  <c r="D6135" i="2" a="1"/>
  <c r="D6135" i="2" s="1"/>
  <c r="D6149" i="2" a="1"/>
  <c r="D6149" i="2" s="1"/>
  <c r="D6143" i="2" a="1"/>
  <c r="D6143" i="2" s="1"/>
  <c r="D6151" i="2" a="1"/>
  <c r="D6151" i="2" s="1"/>
  <c r="D6139" i="2" a="1"/>
  <c r="D6139" i="2" s="1"/>
  <c r="D6147" i="2" a="1"/>
  <c r="D6147" i="2" s="1"/>
  <c r="F4491" i="2" a="1"/>
  <c r="F4491" i="2" s="1"/>
  <c r="F4488" i="2" a="1"/>
  <c r="F4488" i="2" s="1"/>
  <c r="F4492" i="2" a="1"/>
  <c r="F4492" i="2" s="1"/>
  <c r="F4485" i="2" a="1"/>
  <c r="F4485" i="2" s="1"/>
  <c r="F4475" i="2" a="1"/>
  <c r="F4475" i="2" s="1"/>
  <c r="F4489" i="2" a="1"/>
  <c r="F4489" i="2" s="1"/>
  <c r="F4496" i="2" a="1"/>
  <c r="F4496" i="2" s="1"/>
  <c r="F4478" i="2" a="1"/>
  <c r="F4478" i="2" s="1"/>
  <c r="F4481" i="2" a="1"/>
  <c r="F4481" i="2" s="1"/>
  <c r="F4476" i="2" a="1"/>
  <c r="F4476" i="2" s="1"/>
  <c r="F4479" i="2" a="1"/>
  <c r="F4479" i="2" s="1"/>
  <c r="F4483" i="2" a="1"/>
  <c r="F4483" i="2" s="1"/>
  <c r="F4497" i="2" a="1"/>
  <c r="F4497" i="2" s="1"/>
  <c r="F4480" i="2" a="1"/>
  <c r="F4480" i="2" s="1"/>
  <c r="F4482" i="2" a="1"/>
  <c r="F4482" i="2" s="1"/>
  <c r="F4494" i="2" a="1"/>
  <c r="F4494" i="2" s="1"/>
  <c r="F4474" i="2" a="1"/>
  <c r="F4474" i="2" s="1"/>
  <c r="F4484" i="2" a="1"/>
  <c r="F4484" i="2" s="1"/>
  <c r="F4495" i="2" a="1"/>
  <c r="F4495" i="2" s="1"/>
  <c r="F4486" i="2" a="1"/>
  <c r="F4486" i="2" s="1"/>
  <c r="F4487" i="2" a="1"/>
  <c r="F4487" i="2" s="1"/>
  <c r="F4477" i="2" a="1"/>
  <c r="F4477" i="2" s="1"/>
  <c r="F4490" i="2" a="1"/>
  <c r="F4490" i="2" s="1"/>
  <c r="F4493" i="2" a="1"/>
  <c r="F4493" i="2" s="1"/>
  <c r="G404" i="2" a="1"/>
  <c r="G404" i="2" s="1"/>
  <c r="G409" i="2" a="1"/>
  <c r="G409" i="2" s="1"/>
  <c r="G406" i="2" a="1"/>
  <c r="G406" i="2" s="1"/>
  <c r="G411" i="2" a="1"/>
  <c r="G411" i="2" s="1"/>
  <c r="G407" i="2" a="1"/>
  <c r="G407" i="2" s="1"/>
  <c r="G397" i="2" a="1"/>
  <c r="G397" i="2" s="1"/>
  <c r="G402" i="2" a="1"/>
  <c r="G402" i="2" s="1"/>
  <c r="G412" i="2" a="1"/>
  <c r="G412" i="2" s="1"/>
  <c r="G403" i="2" a="1"/>
  <c r="G403" i="2" s="1"/>
  <c r="G394" i="2" a="1"/>
  <c r="G394" i="2" s="1"/>
  <c r="G398" i="2" a="1"/>
  <c r="G398" i="2" s="1"/>
  <c r="G395" i="2" a="1"/>
  <c r="G395" i="2" s="1"/>
  <c r="G399" i="2" a="1"/>
  <c r="G399" i="2" s="1"/>
  <c r="G401" i="2" a="1"/>
  <c r="G401" i="2" s="1"/>
  <c r="G396" i="2" a="1"/>
  <c r="G396" i="2" s="1"/>
  <c r="G417" i="2" a="1"/>
  <c r="G417" i="2" s="1"/>
  <c r="G400" i="2" a="1"/>
  <c r="G400" i="2" s="1"/>
  <c r="G410" i="2" a="1"/>
  <c r="G410" i="2" s="1"/>
  <c r="G414" i="2" a="1"/>
  <c r="G414" i="2" s="1"/>
  <c r="G415" i="2" a="1"/>
  <c r="G415" i="2" s="1"/>
  <c r="G408" i="2" a="1"/>
  <c r="G408" i="2" s="1"/>
  <c r="G416" i="2" a="1"/>
  <c r="G416" i="2" s="1"/>
  <c r="G413" i="2" a="1"/>
  <c r="G413" i="2" s="1"/>
  <c r="G405" i="2" a="1"/>
  <c r="G405" i="2" s="1"/>
  <c r="H991" i="2" a="1"/>
  <c r="H991" i="2" s="1"/>
  <c r="H970" i="2" a="1"/>
  <c r="H970" i="2" s="1"/>
  <c r="H975" i="2" a="1"/>
  <c r="H975" i="2" s="1"/>
  <c r="H977" i="2" a="1"/>
  <c r="H977" i="2" s="1"/>
  <c r="H984" i="2" a="1"/>
  <c r="H984" i="2" s="1"/>
  <c r="H971" i="2" a="1"/>
  <c r="H971" i="2" s="1"/>
  <c r="H976" i="2" a="1"/>
  <c r="H976" i="2" s="1"/>
  <c r="H988" i="2" a="1"/>
  <c r="H988" i="2" s="1"/>
  <c r="H992" i="2" a="1"/>
  <c r="H992" i="2" s="1"/>
  <c r="H972" i="2" a="1"/>
  <c r="H972" i="2" s="1"/>
  <c r="H989" i="2" a="1"/>
  <c r="H989" i="2" s="1"/>
  <c r="H981" i="2" a="1"/>
  <c r="H981" i="2" s="1"/>
  <c r="H990" i="2" a="1"/>
  <c r="H990" i="2" s="1"/>
  <c r="H974" i="2" a="1"/>
  <c r="H974" i="2" s="1"/>
  <c r="H980" i="2" a="1"/>
  <c r="H980" i="2" s="1"/>
  <c r="H985" i="2" a="1"/>
  <c r="H985" i="2" s="1"/>
  <c r="H986" i="2" a="1"/>
  <c r="H986" i="2" s="1"/>
  <c r="H979" i="2" a="1"/>
  <c r="H979" i="2" s="1"/>
  <c r="H987" i="2" a="1"/>
  <c r="H987" i="2" s="1"/>
  <c r="H983" i="2" a="1"/>
  <c r="H983" i="2" s="1"/>
  <c r="H982" i="2" a="1"/>
  <c r="H982" i="2" s="1"/>
  <c r="H978" i="2" a="1"/>
  <c r="H978" i="2" s="1"/>
  <c r="H993" i="2" a="1"/>
  <c r="H993" i="2" s="1"/>
  <c r="H973" i="2" a="1"/>
  <c r="H973" i="2" s="1"/>
  <c r="G7343" i="2" a="1"/>
  <c r="G7343" i="2" s="1"/>
  <c r="G7345" i="2" a="1"/>
  <c r="G7345" i="2" s="1"/>
  <c r="G7337" i="2" a="1"/>
  <c r="G7337" i="2" s="1"/>
  <c r="G7347" i="2" a="1"/>
  <c r="G7347" i="2" s="1"/>
  <c r="G7348" i="2" a="1"/>
  <c r="G7348" i="2" s="1"/>
  <c r="G7339" i="2" a="1"/>
  <c r="G7339" i="2" s="1"/>
  <c r="G7351" i="2" a="1"/>
  <c r="G7351" i="2" s="1"/>
  <c r="G7344" i="2" a="1"/>
  <c r="G7344" i="2" s="1"/>
  <c r="G7330" i="2" a="1"/>
  <c r="G7330" i="2" s="1"/>
  <c r="G7333" i="2" a="1"/>
  <c r="G7333" i="2" s="1"/>
  <c r="G6013" i="2" a="1"/>
  <c r="G6013" i="2" s="1"/>
  <c r="G6033" i="2" a="1"/>
  <c r="G6033" i="2" s="1"/>
  <c r="G6024" i="2" a="1"/>
  <c r="G6024" i="2" s="1"/>
  <c r="G6018" i="2" a="1"/>
  <c r="G6018" i="2" s="1"/>
  <c r="G6019" i="2" a="1"/>
  <c r="G6019" i="2" s="1"/>
  <c r="G5020" i="2" a="1"/>
  <c r="G5020" i="2" s="1"/>
  <c r="G5025" i="2" a="1"/>
  <c r="G5025" i="2" s="1"/>
  <c r="G5022" i="2" a="1"/>
  <c r="G5022" i="2" s="1"/>
  <c r="G5948" i="2" a="1"/>
  <c r="G5948" i="2" s="1"/>
  <c r="G5942" i="2" a="1"/>
  <c r="G5942" i="2" s="1"/>
  <c r="G5943" i="2" a="1"/>
  <c r="G5943" i="2" s="1"/>
  <c r="G5957" i="2" a="1"/>
  <c r="G5957" i="2" s="1"/>
  <c r="G5946" i="2" a="1"/>
  <c r="G5946" i="2" s="1"/>
  <c r="G5958" i="2" a="1"/>
  <c r="G5958" i="2" s="1"/>
  <c r="G5952" i="2" a="1"/>
  <c r="G5952" i="2" s="1"/>
  <c r="G5959" i="2" a="1"/>
  <c r="G5959" i="2" s="1"/>
  <c r="G5947" i="2" a="1"/>
  <c r="G5947" i="2" s="1"/>
  <c r="G5940" i="2" a="1"/>
  <c r="G5940" i="2" s="1"/>
  <c r="G5960" i="2" a="1"/>
  <c r="G5960" i="2" s="1"/>
  <c r="G5953" i="2" a="1"/>
  <c r="G5953" i="2" s="1"/>
  <c r="G5949" i="2" a="1"/>
  <c r="G5949" i="2" s="1"/>
  <c r="G5954" i="2" a="1"/>
  <c r="G5954" i="2" s="1"/>
  <c r="G5961" i="2" a="1"/>
  <c r="G5961" i="2" s="1"/>
  <c r="G5956" i="2" a="1"/>
  <c r="G5956" i="2" s="1"/>
  <c r="G5950" i="2" a="1"/>
  <c r="G5950" i="2" s="1"/>
  <c r="G5944" i="2" a="1"/>
  <c r="G5944" i="2" s="1"/>
  <c r="G5945" i="2" a="1"/>
  <c r="G5945" i="2" s="1"/>
  <c r="G5939" i="2" a="1"/>
  <c r="G5939" i="2" s="1"/>
  <c r="G5955" i="2" a="1"/>
  <c r="G5955" i="2" s="1"/>
  <c r="G5951" i="2" a="1"/>
  <c r="G5951" i="2" s="1"/>
  <c r="G5938" i="2" a="1"/>
  <c r="G5938" i="2" s="1"/>
  <c r="G5941" i="2" a="1"/>
  <c r="G5941" i="2" s="1"/>
  <c r="AP166" i="1"/>
  <c r="F172" i="5" s="1"/>
  <c r="AQ166" i="1"/>
  <c r="G172" i="5" s="1"/>
  <c r="AN166" i="1"/>
  <c r="D172" i="5" s="1"/>
  <c r="AO166" i="1"/>
  <c r="E172" i="5" s="1"/>
  <c r="AM166" i="1"/>
  <c r="D3979" i="2" a="1"/>
  <c r="D3979" i="2" s="1"/>
  <c r="D3991" i="2" a="1"/>
  <c r="D3991" i="2" s="1"/>
  <c r="D3970" i="2" a="1"/>
  <c r="D3970" i="2" s="1"/>
  <c r="D3982" i="2" a="1"/>
  <c r="D3982" i="2" s="1"/>
  <c r="D3986" i="2" a="1"/>
  <c r="D3986" i="2" s="1"/>
  <c r="D3973" i="2" a="1"/>
  <c r="D3973" i="2" s="1"/>
  <c r="D3985" i="2" a="1"/>
  <c r="D3985" i="2" s="1"/>
  <c r="D3989" i="2" a="1"/>
  <c r="D3989" i="2" s="1"/>
  <c r="D3977" i="2" a="1"/>
  <c r="D3977" i="2" s="1"/>
  <c r="D3984" i="2" a="1"/>
  <c r="D3984" i="2" s="1"/>
  <c r="D3992" i="2" a="1"/>
  <c r="D3992" i="2" s="1"/>
  <c r="D3971" i="2" a="1"/>
  <c r="D3971" i="2" s="1"/>
  <c r="D3975" i="2" a="1"/>
  <c r="D3975" i="2" s="1"/>
  <c r="D3987" i="2" a="1"/>
  <c r="D3987" i="2" s="1"/>
  <c r="D3972" i="2" a="1"/>
  <c r="D3972" i="2" s="1"/>
  <c r="D3976" i="2" a="1"/>
  <c r="D3976" i="2" s="1"/>
  <c r="D3988" i="2" a="1"/>
  <c r="D3988" i="2" s="1"/>
  <c r="D3978" i="2" a="1"/>
  <c r="D3978" i="2" s="1"/>
  <c r="D3990" i="2" a="1"/>
  <c r="D3990" i="2" s="1"/>
  <c r="AO254" i="1"/>
  <c r="E260" i="5" s="1"/>
  <c r="D6098" i="2" a="1"/>
  <c r="D6098" i="2" s="1"/>
  <c r="D6089" i="2" a="1"/>
  <c r="D6089" i="2" s="1"/>
  <c r="F2921" i="2" a="1"/>
  <c r="F2921" i="2" s="1"/>
  <c r="F2923" i="2" a="1"/>
  <c r="F2923" i="2" s="1"/>
  <c r="F2932" i="2" a="1"/>
  <c r="F2932" i="2" s="1"/>
  <c r="F2915" i="2" a="1"/>
  <c r="F2915" i="2" s="1"/>
  <c r="F2929" i="2" a="1"/>
  <c r="F2929" i="2" s="1"/>
  <c r="F2934" i="2" a="1"/>
  <c r="F2934" i="2" s="1"/>
  <c r="F2925" i="2" a="1"/>
  <c r="F2925" i="2" s="1"/>
  <c r="F2930" i="2" a="1"/>
  <c r="F2930" i="2" s="1"/>
  <c r="F2918" i="2" a="1"/>
  <c r="F2918" i="2" s="1"/>
  <c r="F2926" i="2" a="1"/>
  <c r="F2926" i="2" s="1"/>
  <c r="F2928" i="2" a="1"/>
  <c r="F2928" i="2" s="1"/>
  <c r="F2931" i="2" a="1"/>
  <c r="F2931" i="2" s="1"/>
  <c r="F2936" i="2" a="1"/>
  <c r="F2936" i="2" s="1"/>
  <c r="F2933" i="2" a="1"/>
  <c r="F2933" i="2" s="1"/>
  <c r="F2935" i="2" a="1"/>
  <c r="F2935" i="2" s="1"/>
  <c r="F2917" i="2" a="1"/>
  <c r="F2917" i="2" s="1"/>
  <c r="F2919" i="2" a="1"/>
  <c r="F2919" i="2" s="1"/>
  <c r="F2920" i="2" a="1"/>
  <c r="F2920" i="2" s="1"/>
  <c r="F2922" i="2" a="1"/>
  <c r="F2922" i="2" s="1"/>
  <c r="F2914" i="2" a="1"/>
  <c r="F2914" i="2" s="1"/>
  <c r="F2916" i="2" a="1"/>
  <c r="F2916" i="2" s="1"/>
  <c r="F2937" i="2" a="1"/>
  <c r="F2937" i="2" s="1"/>
  <c r="F2924" i="2" a="1"/>
  <c r="F2924" i="2" s="1"/>
  <c r="F2927" i="2" a="1"/>
  <c r="F2927" i="2" s="1"/>
  <c r="E6260" i="2" a="1"/>
  <c r="E6260" i="2" s="1"/>
  <c r="E6263" i="2" a="1"/>
  <c r="E6263" i="2" s="1"/>
  <c r="E6251" i="2" a="1"/>
  <c r="E6251" i="2" s="1"/>
  <c r="E6271" i="2" a="1"/>
  <c r="E6271" i="2" s="1"/>
  <c r="E6256" i="2" a="1"/>
  <c r="E6256" i="2" s="1"/>
  <c r="E6273" i="2" a="1"/>
  <c r="E6273" i="2" s="1"/>
  <c r="E6272" i="2" a="1"/>
  <c r="E6272" i="2" s="1"/>
  <c r="E6264" i="2" a="1"/>
  <c r="E6264" i="2" s="1"/>
  <c r="E6258" i="2" a="1"/>
  <c r="E6258" i="2" s="1"/>
  <c r="E6250" i="2" a="1"/>
  <c r="E6250" i="2" s="1"/>
  <c r="E6261" i="2" a="1"/>
  <c r="E6261" i="2" s="1"/>
  <c r="E6270" i="2" a="1"/>
  <c r="E6270" i="2" s="1"/>
  <c r="E6254" i="2" a="1"/>
  <c r="E6254" i="2" s="1"/>
  <c r="E6266" i="2" a="1"/>
  <c r="E6266" i="2" s="1"/>
  <c r="E6262" i="2" a="1"/>
  <c r="E6262" i="2" s="1"/>
  <c r="E6267" i="2" a="1"/>
  <c r="E6267" i="2" s="1"/>
  <c r="E6253" i="2" a="1"/>
  <c r="E6253" i="2" s="1"/>
  <c r="E6269" i="2" a="1"/>
  <c r="E6269" i="2" s="1"/>
  <c r="E6268" i="2" a="1"/>
  <c r="E6268" i="2" s="1"/>
  <c r="E6257" i="2" a="1"/>
  <c r="E6257" i="2" s="1"/>
  <c r="E6265" i="2" a="1"/>
  <c r="E6265" i="2" s="1"/>
  <c r="E6255" i="2" a="1"/>
  <c r="E6255" i="2" s="1"/>
  <c r="E6252" i="2" a="1"/>
  <c r="E6252" i="2" s="1"/>
  <c r="E6259" i="2" a="1"/>
  <c r="E6259" i="2" s="1"/>
  <c r="AO359" i="1"/>
  <c r="E365" i="5" s="1"/>
  <c r="AP359" i="1"/>
  <c r="F365" i="5" s="1"/>
  <c r="AN359" i="1"/>
  <c r="D365" i="5" s="1"/>
  <c r="AQ359" i="1"/>
  <c r="G365" i="5" s="1"/>
  <c r="AM359" i="1"/>
  <c r="D8605" i="2" a="1"/>
  <c r="D8605" i="2" s="1"/>
  <c r="D8609" i="2" a="1"/>
  <c r="D8609" i="2" s="1"/>
  <c r="D8613" i="2" a="1"/>
  <c r="D8613" i="2" s="1"/>
  <c r="D8617" i="2" a="1"/>
  <c r="D8617" i="2" s="1"/>
  <c r="D8621" i="2" a="1"/>
  <c r="D8621" i="2" s="1"/>
  <c r="D8602" i="2" a="1"/>
  <c r="D8602" i="2" s="1"/>
  <c r="D8612" i="2" a="1"/>
  <c r="D8612" i="2" s="1"/>
  <c r="D8616" i="2" a="1"/>
  <c r="D8616" i="2" s="1"/>
  <c r="D8624" i="2" a="1"/>
  <c r="D8624" i="2" s="1"/>
  <c r="D8625" i="2" a="1"/>
  <c r="D8625" i="2" s="1"/>
  <c r="D8604" i="2" a="1"/>
  <c r="D8604" i="2" s="1"/>
  <c r="D8620" i="2" a="1"/>
  <c r="D8620" i="2" s="1"/>
  <c r="D8608" i="2" a="1"/>
  <c r="D8608" i="2" s="1"/>
  <c r="D8619" i="2" a="1"/>
  <c r="D8619" i="2" s="1"/>
  <c r="D8607" i="2" a="1"/>
  <c r="D8607" i="2" s="1"/>
  <c r="D8606" i="2" a="1"/>
  <c r="D8606" i="2" s="1"/>
  <c r="D8610" i="2" a="1"/>
  <c r="D8610" i="2" s="1"/>
  <c r="D8614" i="2" a="1"/>
  <c r="D8614" i="2" s="1"/>
  <c r="D8618" i="2" a="1"/>
  <c r="D8618" i="2" s="1"/>
  <c r="D8622" i="2" a="1"/>
  <c r="D8622" i="2" s="1"/>
  <c r="D8611" i="2" a="1"/>
  <c r="D8611" i="2" s="1"/>
  <c r="D8615" i="2" a="1"/>
  <c r="D8615" i="2" s="1"/>
  <c r="D8603" i="2" a="1"/>
  <c r="D8603" i="2" s="1"/>
  <c r="D8623" i="2" a="1"/>
  <c r="D8623" i="2" s="1"/>
  <c r="F5665" i="2" a="1"/>
  <c r="F5665" i="2" s="1"/>
  <c r="F5669" i="2" a="1"/>
  <c r="F5669" i="2" s="1"/>
  <c r="F5666" i="2" a="1"/>
  <c r="F5666" i="2" s="1"/>
  <c r="F5654" i="2" a="1"/>
  <c r="F5654" i="2" s="1"/>
  <c r="F5667" i="2" a="1"/>
  <c r="F5667" i="2" s="1"/>
  <c r="F5656" i="2" a="1"/>
  <c r="F5656" i="2" s="1"/>
  <c r="F5664" i="2" a="1"/>
  <c r="F5664" i="2" s="1"/>
  <c r="F5657" i="2" a="1"/>
  <c r="F5657" i="2" s="1"/>
  <c r="F5658" i="2" a="1"/>
  <c r="F5658" i="2" s="1"/>
  <c r="F5653" i="2" a="1"/>
  <c r="F5653" i="2" s="1"/>
  <c r="F5668" i="2" a="1"/>
  <c r="F5668" i="2" s="1"/>
  <c r="F5652" i="2" a="1"/>
  <c r="F5652" i="2" s="1"/>
  <c r="F5659" i="2" a="1"/>
  <c r="F5659" i="2" s="1"/>
  <c r="F5661" i="2" a="1"/>
  <c r="F5661" i="2" s="1"/>
  <c r="F5672" i="2" a="1"/>
  <c r="F5672" i="2" s="1"/>
  <c r="F5650" i="2" a="1"/>
  <c r="F5650" i="2" s="1"/>
  <c r="F5670" i="2" a="1"/>
  <c r="F5670" i="2" s="1"/>
  <c r="F5651" i="2" a="1"/>
  <c r="F5651" i="2" s="1"/>
  <c r="F5662" i="2" a="1"/>
  <c r="F5662" i="2" s="1"/>
  <c r="F5660" i="2" a="1"/>
  <c r="F5660" i="2" s="1"/>
  <c r="F5663" i="2" a="1"/>
  <c r="F5663" i="2" s="1"/>
  <c r="F5671" i="2" a="1"/>
  <c r="F5671" i="2" s="1"/>
  <c r="F5655" i="2" a="1"/>
  <c r="F5655" i="2" s="1"/>
  <c r="F5673" i="2" a="1"/>
  <c r="F5673" i="2" s="1"/>
  <c r="G3847" i="2" a="1"/>
  <c r="G3847" i="2" s="1"/>
  <c r="G3844" i="2" a="1"/>
  <c r="G3844" i="2" s="1"/>
  <c r="G3831" i="2" a="1"/>
  <c r="G3831" i="2" s="1"/>
  <c r="G3848" i="2" a="1"/>
  <c r="G3848" i="2" s="1"/>
  <c r="G3842" i="2" a="1"/>
  <c r="G3842" i="2" s="1"/>
  <c r="G3833" i="2" a="1"/>
  <c r="G3833" i="2" s="1"/>
  <c r="G3836" i="2" a="1"/>
  <c r="G3836" i="2" s="1"/>
  <c r="G3845" i="2" a="1"/>
  <c r="G3845" i="2" s="1"/>
  <c r="G3835" i="2" a="1"/>
  <c r="G3835" i="2" s="1"/>
  <c r="G3828" i="2" a="1"/>
  <c r="G3828" i="2" s="1"/>
  <c r="G3837" i="2" a="1"/>
  <c r="G3837" i="2" s="1"/>
  <c r="G3829" i="2" a="1"/>
  <c r="G3829" i="2" s="1"/>
  <c r="G3838" i="2" a="1"/>
  <c r="G3838" i="2" s="1"/>
  <c r="G3834" i="2" a="1"/>
  <c r="G3834" i="2" s="1"/>
  <c r="G3839" i="2" a="1"/>
  <c r="G3839" i="2" s="1"/>
  <c r="G3840" i="2" a="1"/>
  <c r="G3840" i="2" s="1"/>
  <c r="G3830" i="2" a="1"/>
  <c r="G3830" i="2" s="1"/>
  <c r="G3832" i="2" a="1"/>
  <c r="G3832" i="2" s="1"/>
  <c r="G3826" i="2" a="1"/>
  <c r="G3826" i="2" s="1"/>
  <c r="G3841" i="2" a="1"/>
  <c r="G3841" i="2" s="1"/>
  <c r="G3849" i="2" a="1"/>
  <c r="G3849" i="2" s="1"/>
  <c r="G3846" i="2" a="1"/>
  <c r="G3846" i="2" s="1"/>
  <c r="G3827" i="2" a="1"/>
  <c r="G3827" i="2" s="1"/>
  <c r="G3843" i="2" a="1"/>
  <c r="G3843" i="2" s="1"/>
  <c r="E6821" i="2" a="1"/>
  <c r="E6821" i="2" s="1"/>
  <c r="E6816" i="2" a="1"/>
  <c r="E6816" i="2" s="1"/>
  <c r="E6805" i="2" a="1"/>
  <c r="E6805" i="2" s="1"/>
  <c r="E6822" i="2" a="1"/>
  <c r="E6822" i="2" s="1"/>
  <c r="E6824" i="2" a="1"/>
  <c r="E6824" i="2" s="1"/>
  <c r="E6811" i="2" a="1"/>
  <c r="E6811" i="2" s="1"/>
  <c r="E6808" i="2" a="1"/>
  <c r="E6808" i="2" s="1"/>
  <c r="E6813" i="2" a="1"/>
  <c r="E6813" i="2" s="1"/>
  <c r="E6817" i="2" a="1"/>
  <c r="E6817" i="2" s="1"/>
  <c r="E6815" i="2" a="1"/>
  <c r="E6815" i="2" s="1"/>
  <c r="E6807" i="2" a="1"/>
  <c r="E6807" i="2" s="1"/>
  <c r="E6810" i="2" a="1"/>
  <c r="E6810" i="2" s="1"/>
  <c r="E6818" i="2" a="1"/>
  <c r="E6818" i="2" s="1"/>
  <c r="E6812" i="2" a="1"/>
  <c r="E6812" i="2" s="1"/>
  <c r="E6806" i="2" a="1"/>
  <c r="E6806" i="2" s="1"/>
  <c r="E6804" i="2" a="1"/>
  <c r="E6804" i="2" s="1"/>
  <c r="E6823" i="2" a="1"/>
  <c r="E6823" i="2" s="1"/>
  <c r="E6814" i="2" a="1"/>
  <c r="E6814" i="2" s="1"/>
  <c r="E6825" i="2" a="1"/>
  <c r="E6825" i="2" s="1"/>
  <c r="E6803" i="2" a="1"/>
  <c r="E6803" i="2" s="1"/>
  <c r="E6819" i="2" a="1"/>
  <c r="E6819" i="2" s="1"/>
  <c r="E6820" i="2" a="1"/>
  <c r="E6820" i="2" s="1"/>
  <c r="E6809" i="2" a="1"/>
  <c r="E6809" i="2" s="1"/>
  <c r="E6802" i="2" a="1"/>
  <c r="E6802" i="2" s="1"/>
  <c r="F8777" i="2" a="1"/>
  <c r="F8777" i="2" s="1"/>
  <c r="F8780" i="2" a="1"/>
  <c r="F8780" i="2" s="1"/>
  <c r="F8770" i="2" a="1"/>
  <c r="F8770" i="2" s="1"/>
  <c r="F8772" i="2" a="1"/>
  <c r="F8772" i="2" s="1"/>
  <c r="F8781" i="2" a="1"/>
  <c r="F8781" i="2" s="1"/>
  <c r="F8791" i="2" a="1"/>
  <c r="F8791" i="2" s="1"/>
  <c r="F8788" i="2" a="1"/>
  <c r="F8788" i="2" s="1"/>
  <c r="F8784" i="2" a="1"/>
  <c r="F8784" i="2" s="1"/>
  <c r="F8789" i="2" a="1"/>
  <c r="F8789" i="2" s="1"/>
  <c r="F8771" i="2" a="1"/>
  <c r="F8771" i="2" s="1"/>
  <c r="F8787" i="2" a="1"/>
  <c r="F8787" i="2" s="1"/>
  <c r="F8776" i="2" a="1"/>
  <c r="F8776" i="2" s="1"/>
  <c r="F8790" i="2" a="1"/>
  <c r="F8790" i="2" s="1"/>
  <c r="F8778" i="2" a="1"/>
  <c r="F8778" i="2" s="1"/>
  <c r="F8773" i="2" a="1"/>
  <c r="F8773" i="2" s="1"/>
  <c r="F8774" i="2" a="1"/>
  <c r="F8774" i="2" s="1"/>
  <c r="F8785" i="2" a="1"/>
  <c r="F8785" i="2" s="1"/>
  <c r="F8779" i="2" a="1"/>
  <c r="F8779" i="2" s="1"/>
  <c r="F8786" i="2" a="1"/>
  <c r="F8786" i="2" s="1"/>
  <c r="F8793" i="2" a="1"/>
  <c r="F8793" i="2" s="1"/>
  <c r="F8783" i="2" a="1"/>
  <c r="F8783" i="2" s="1"/>
  <c r="F8792" i="2" a="1"/>
  <c r="F8792" i="2" s="1"/>
  <c r="F8775" i="2" a="1"/>
  <c r="F8775" i="2" s="1"/>
  <c r="F8782" i="2" a="1"/>
  <c r="F8782" i="2" s="1"/>
  <c r="F84" i="2" a="1"/>
  <c r="F84" i="2" s="1"/>
  <c r="F102" i="2" a="1"/>
  <c r="F102" i="2" s="1"/>
  <c r="F82" i="2" a="1"/>
  <c r="F82" i="2" s="1"/>
  <c r="F86" i="2" a="1"/>
  <c r="F86" i="2" s="1"/>
  <c r="F85" i="2" a="1"/>
  <c r="F85" i="2" s="1"/>
  <c r="F96" i="2" a="1"/>
  <c r="F96" i="2" s="1"/>
  <c r="F94" i="2" a="1"/>
  <c r="F94" i="2" s="1"/>
  <c r="F100" i="2" a="1"/>
  <c r="F100" i="2" s="1"/>
  <c r="F91" i="2" a="1"/>
  <c r="F91" i="2" s="1"/>
  <c r="F83" i="2" a="1"/>
  <c r="F83" i="2" s="1"/>
  <c r="F104" i="2" a="1"/>
  <c r="F104" i="2" s="1"/>
  <c r="F88" i="2" a="1"/>
  <c r="F88" i="2" s="1"/>
  <c r="F92" i="2" a="1"/>
  <c r="F92" i="2" s="1"/>
  <c r="F95" i="2" a="1"/>
  <c r="F95" i="2" s="1"/>
  <c r="F93" i="2" a="1"/>
  <c r="F93" i="2" s="1"/>
  <c r="F101" i="2" a="1"/>
  <c r="F101" i="2" s="1"/>
  <c r="F99" i="2" a="1"/>
  <c r="F99" i="2" s="1"/>
  <c r="F98" i="2" a="1"/>
  <c r="F98" i="2" s="1"/>
  <c r="F89" i="2" a="1"/>
  <c r="F89" i="2" s="1"/>
  <c r="F90" i="2" a="1"/>
  <c r="F90" i="2" s="1"/>
  <c r="F97" i="2" a="1"/>
  <c r="F97" i="2" s="1"/>
  <c r="F103" i="2" a="1"/>
  <c r="F103" i="2" s="1"/>
  <c r="F105" i="2" a="1"/>
  <c r="F105" i="2" s="1"/>
  <c r="F87" i="2" a="1"/>
  <c r="F87" i="2" s="1"/>
  <c r="E8098" i="2" a="1"/>
  <c r="E8098" i="2" s="1"/>
  <c r="E8100" i="2" a="1"/>
  <c r="E8100" i="2" s="1"/>
  <c r="E8101" i="2" a="1"/>
  <c r="E8101" i="2" s="1"/>
  <c r="E8108" i="2" a="1"/>
  <c r="E8108" i="2" s="1"/>
  <c r="E8118" i="2" a="1"/>
  <c r="E8118" i="2" s="1"/>
  <c r="E8121" i="2" a="1"/>
  <c r="E8121" i="2" s="1"/>
  <c r="E8099" i="2" a="1"/>
  <c r="E8099" i="2" s="1"/>
  <c r="E8110" i="2" a="1"/>
  <c r="E8110" i="2" s="1"/>
  <c r="E8115" i="2" a="1"/>
  <c r="E8115" i="2" s="1"/>
  <c r="E8112" i="2" a="1"/>
  <c r="E8112" i="2" s="1"/>
  <c r="E8105" i="2" a="1"/>
  <c r="E8105" i="2" s="1"/>
  <c r="E8106" i="2" a="1"/>
  <c r="E8106" i="2" s="1"/>
  <c r="E8111" i="2" a="1"/>
  <c r="E8111" i="2" s="1"/>
  <c r="E8107" i="2" a="1"/>
  <c r="E8107" i="2" s="1"/>
  <c r="E8119" i="2" a="1"/>
  <c r="E8119" i="2" s="1"/>
  <c r="E8114" i="2" a="1"/>
  <c r="E8114" i="2" s="1"/>
  <c r="E8120" i="2" a="1"/>
  <c r="E8120" i="2" s="1"/>
  <c r="E8102" i="2" a="1"/>
  <c r="E8102" i="2" s="1"/>
  <c r="E8103" i="2" a="1"/>
  <c r="E8103" i="2" s="1"/>
  <c r="E8117" i="2" a="1"/>
  <c r="E8117" i="2" s="1"/>
  <c r="E8113" i="2" a="1"/>
  <c r="E8113" i="2" s="1"/>
  <c r="E8104" i="2" a="1"/>
  <c r="E8104" i="2" s="1"/>
  <c r="E8116" i="2" a="1"/>
  <c r="E8116" i="2" s="1"/>
  <c r="E8109" i="2" a="1"/>
  <c r="E8109" i="2" s="1"/>
  <c r="G463" i="2" a="1"/>
  <c r="G463" i="2" s="1"/>
  <c r="G460" i="2" a="1"/>
  <c r="G460" i="2" s="1"/>
  <c r="G454" i="2" a="1"/>
  <c r="G454" i="2" s="1"/>
  <c r="G451" i="2" a="1"/>
  <c r="G451" i="2" s="1"/>
  <c r="G453" i="2" a="1"/>
  <c r="G453" i="2" s="1"/>
  <c r="G449" i="2" a="1"/>
  <c r="G449" i="2" s="1"/>
  <c r="G443" i="2" a="1"/>
  <c r="G443" i="2" s="1"/>
  <c r="G461" i="2" a="1"/>
  <c r="G461" i="2" s="1"/>
  <c r="G459" i="2" a="1"/>
  <c r="G459" i="2" s="1"/>
  <c r="G447" i="2" a="1"/>
  <c r="G447" i="2" s="1"/>
  <c r="G456" i="2" a="1"/>
  <c r="G456" i="2" s="1"/>
  <c r="G464" i="2" a="1"/>
  <c r="G464" i="2" s="1"/>
  <c r="G446" i="2" a="1"/>
  <c r="G446" i="2" s="1"/>
  <c r="G448" i="2" a="1"/>
  <c r="G448" i="2" s="1"/>
  <c r="G442" i="2" a="1"/>
  <c r="G442" i="2" s="1"/>
  <c r="G455" i="2" a="1"/>
  <c r="G455" i="2" s="1"/>
  <c r="G462" i="2" a="1"/>
  <c r="G462" i="2" s="1"/>
  <c r="G445" i="2" a="1"/>
  <c r="G445" i="2" s="1"/>
  <c r="G458" i="2" a="1"/>
  <c r="G458" i="2" s="1"/>
  <c r="G444" i="2" a="1"/>
  <c r="G444" i="2" s="1"/>
  <c r="G465" i="2" a="1"/>
  <c r="G465" i="2" s="1"/>
  <c r="G450" i="2" a="1"/>
  <c r="G450" i="2" s="1"/>
  <c r="G452" i="2" a="1"/>
  <c r="G452" i="2" s="1"/>
  <c r="G457" i="2" a="1"/>
  <c r="G457" i="2" s="1"/>
  <c r="F6947" i="2" a="1"/>
  <c r="F6947" i="2" s="1"/>
  <c r="F6961" i="2" a="1"/>
  <c r="F6961" i="2" s="1"/>
  <c r="F6957" i="2" a="1"/>
  <c r="F6957" i="2" s="1"/>
  <c r="F6952" i="2" a="1"/>
  <c r="F6952" i="2" s="1"/>
  <c r="F6967" i="2" a="1"/>
  <c r="F6967" i="2" s="1"/>
  <c r="F6959" i="2" a="1"/>
  <c r="F6959" i="2" s="1"/>
  <c r="F6951" i="2" a="1"/>
  <c r="F6951" i="2" s="1"/>
  <c r="F6969" i="2" a="1"/>
  <c r="F6969" i="2" s="1"/>
  <c r="F6960" i="2" a="1"/>
  <c r="F6960" i="2" s="1"/>
  <c r="F6954" i="2" a="1"/>
  <c r="F6954" i="2" s="1"/>
  <c r="F6965" i="2" a="1"/>
  <c r="F6965" i="2" s="1"/>
  <c r="F6964" i="2" a="1"/>
  <c r="F6964" i="2" s="1"/>
  <c r="F6966" i="2" a="1"/>
  <c r="F6966" i="2" s="1"/>
  <c r="F6949" i="2" a="1"/>
  <c r="F6949" i="2" s="1"/>
  <c r="F6950" i="2" a="1"/>
  <c r="F6950" i="2" s="1"/>
  <c r="F6953" i="2" a="1"/>
  <c r="F6953" i="2" s="1"/>
  <c r="F6968" i="2" a="1"/>
  <c r="F6968" i="2" s="1"/>
  <c r="F6955" i="2" a="1"/>
  <c r="F6955" i="2" s="1"/>
  <c r="F6956" i="2" a="1"/>
  <c r="F6956" i="2" s="1"/>
  <c r="F6948" i="2" a="1"/>
  <c r="F6948" i="2" s="1"/>
  <c r="F6958" i="2" a="1"/>
  <c r="F6958" i="2" s="1"/>
  <c r="F6962" i="2" a="1"/>
  <c r="F6962" i="2" s="1"/>
  <c r="F6963" i="2" a="1"/>
  <c r="F6963" i="2" s="1"/>
  <c r="F6946" i="2" a="1"/>
  <c r="F6946" i="2" s="1"/>
  <c r="AO171" i="1"/>
  <c r="E177" i="5" s="1"/>
  <c r="AP171" i="1"/>
  <c r="F177" i="5" s="1"/>
  <c r="AN171" i="1"/>
  <c r="D177" i="5" s="1"/>
  <c r="AQ171" i="1"/>
  <c r="G177" i="5" s="1"/>
  <c r="AM171" i="1"/>
  <c r="D4113" i="2" a="1"/>
  <c r="D4113" i="2" s="1"/>
  <c r="D4091" i="2" a="1"/>
  <c r="D4091" i="2" s="1"/>
  <c r="D4095" i="2" a="1"/>
  <c r="D4095" i="2" s="1"/>
  <c r="D4099" i="2" a="1"/>
  <c r="D4099" i="2" s="1"/>
  <c r="D4103" i="2" a="1"/>
  <c r="D4103" i="2" s="1"/>
  <c r="D4111" i="2" a="1"/>
  <c r="D4111" i="2" s="1"/>
  <c r="D4107" i="2" a="1"/>
  <c r="D4107" i="2" s="1"/>
  <c r="D4090" i="2" a="1"/>
  <c r="D4090" i="2" s="1"/>
  <c r="D4098" i="2" a="1"/>
  <c r="D4098" i="2" s="1"/>
  <c r="D4102" i="2" a="1"/>
  <c r="D4102" i="2" s="1"/>
  <c r="D4106" i="2" a="1"/>
  <c r="D4106" i="2" s="1"/>
  <c r="D4110" i="2" a="1"/>
  <c r="D4110" i="2" s="1"/>
  <c r="D4093" i="2" a="1"/>
  <c r="D4093" i="2" s="1"/>
  <c r="D4101" i="2" a="1"/>
  <c r="D4101" i="2" s="1"/>
  <c r="D4105" i="2" a="1"/>
  <c r="D4105" i="2" s="1"/>
  <c r="D4109" i="2" a="1"/>
  <c r="D4109" i="2" s="1"/>
  <c r="D4094" i="2" a="1"/>
  <c r="D4094" i="2" s="1"/>
  <c r="D4092" i="2" a="1"/>
  <c r="D4092" i="2" s="1"/>
  <c r="D4096" i="2" a="1"/>
  <c r="D4096" i="2" s="1"/>
  <c r="D4100" i="2" a="1"/>
  <c r="D4100" i="2" s="1"/>
  <c r="D4104" i="2" a="1"/>
  <c r="D4104" i="2" s="1"/>
  <c r="D4108" i="2" a="1"/>
  <c r="D4108" i="2" s="1"/>
  <c r="D4112" i="2" a="1"/>
  <c r="D4112" i="2" s="1"/>
  <c r="D4097" i="2" a="1"/>
  <c r="D4097" i="2" s="1"/>
  <c r="H7262" i="2" a="1"/>
  <c r="H7262" i="2" s="1"/>
  <c r="H7265" i="2" a="1"/>
  <c r="H7265" i="2" s="1"/>
  <c r="H7259" i="2" a="1"/>
  <c r="H7259" i="2" s="1"/>
  <c r="H7263" i="2" a="1"/>
  <c r="H7263" i="2" s="1"/>
  <c r="H7281" i="2" a="1"/>
  <c r="H7281" i="2" s="1"/>
  <c r="H7270" i="2" a="1"/>
  <c r="H7270" i="2" s="1"/>
  <c r="H7280" i="2" a="1"/>
  <c r="H7280" i="2" s="1"/>
  <c r="H7269" i="2" a="1"/>
  <c r="H7269" i="2" s="1"/>
  <c r="H7267" i="2" a="1"/>
  <c r="H7267" i="2" s="1"/>
  <c r="H7271" i="2" a="1"/>
  <c r="H7271" i="2" s="1"/>
  <c r="H7276" i="2" a="1"/>
  <c r="H7276" i="2" s="1"/>
  <c r="H7258" i="2" a="1"/>
  <c r="H7258" i="2" s="1"/>
  <c r="H7272" i="2" a="1"/>
  <c r="H7272" i="2" s="1"/>
  <c r="H7277" i="2" a="1"/>
  <c r="H7277" i="2" s="1"/>
  <c r="H7273" i="2" a="1"/>
  <c r="H7273" i="2" s="1"/>
  <c r="H7260" i="2" a="1"/>
  <c r="H7260" i="2" s="1"/>
  <c r="H7264" i="2" a="1"/>
  <c r="H7264" i="2" s="1"/>
  <c r="H7278" i="2" a="1"/>
  <c r="H7278" i="2" s="1"/>
  <c r="H7268" i="2" a="1"/>
  <c r="H7268" i="2" s="1"/>
  <c r="H7275" i="2" a="1"/>
  <c r="H7275" i="2" s="1"/>
  <c r="H7279" i="2" a="1"/>
  <c r="H7279" i="2" s="1"/>
  <c r="H7274" i="2" a="1"/>
  <c r="H7274" i="2" s="1"/>
  <c r="H7261" i="2" a="1"/>
  <c r="H7261" i="2" s="1"/>
  <c r="H7266" i="2" a="1"/>
  <c r="H7266" i="2" s="1"/>
  <c r="E8284" i="2" a="1"/>
  <c r="E8284" i="2" s="1"/>
  <c r="E8279" i="2" a="1"/>
  <c r="E8279" i="2" s="1"/>
  <c r="E8281" i="2" a="1"/>
  <c r="E8281" i="2" s="1"/>
  <c r="E8277" i="2" a="1"/>
  <c r="E8277" i="2" s="1"/>
  <c r="E8285" i="2" a="1"/>
  <c r="E8285" i="2" s="1"/>
  <c r="E8287" i="2" a="1"/>
  <c r="E8287" i="2" s="1"/>
  <c r="E8267" i="2" a="1"/>
  <c r="E8267" i="2" s="1"/>
  <c r="E8288" i="2" a="1"/>
  <c r="E8288" i="2" s="1"/>
  <c r="E8268" i="2" a="1"/>
  <c r="E8268" i="2" s="1"/>
  <c r="E8271" i="2" a="1"/>
  <c r="E8271" i="2" s="1"/>
  <c r="E8282" i="2" a="1"/>
  <c r="E8282" i="2" s="1"/>
  <c r="E8289" i="2" a="1"/>
  <c r="E8289" i="2" s="1"/>
  <c r="E8275" i="2" a="1"/>
  <c r="E8275" i="2" s="1"/>
  <c r="E8266" i="2" a="1"/>
  <c r="E8266" i="2" s="1"/>
  <c r="E8270" i="2" a="1"/>
  <c r="E8270" i="2" s="1"/>
  <c r="E8286" i="2" a="1"/>
  <c r="E8286" i="2" s="1"/>
  <c r="E8280" i="2" a="1"/>
  <c r="E8280" i="2" s="1"/>
  <c r="E8272" i="2" a="1"/>
  <c r="E8272" i="2" s="1"/>
  <c r="E8274" i="2" a="1"/>
  <c r="E8274" i="2" s="1"/>
  <c r="E8283" i="2" a="1"/>
  <c r="E8283" i="2" s="1"/>
  <c r="E8276" i="2" a="1"/>
  <c r="E8276" i="2" s="1"/>
  <c r="E8269" i="2" a="1"/>
  <c r="E8269" i="2" s="1"/>
  <c r="E8278" i="2" a="1"/>
  <c r="E8278" i="2" s="1"/>
  <c r="E8273" i="2" a="1"/>
  <c r="E8273" i="2" s="1"/>
  <c r="D161" i="2" a="1"/>
  <c r="D161" i="2" s="1"/>
  <c r="D173" i="2" a="1"/>
  <c r="D173" i="2" s="1"/>
  <c r="D160" i="2" a="1"/>
  <c r="D160" i="2" s="1"/>
  <c r="D165" i="2" a="1"/>
  <c r="D165" i="2" s="1"/>
  <c r="D177" i="2" a="1"/>
  <c r="D177" i="2" s="1"/>
  <c r="D172" i="2" a="1"/>
  <c r="D172" i="2" s="1"/>
  <c r="D175" i="2" a="1"/>
  <c r="D175" i="2" s="1"/>
  <c r="D155" i="2" a="1"/>
  <c r="D155" i="2" s="1"/>
  <c r="D174" i="2" a="1"/>
  <c r="D174" i="2" s="1"/>
  <c r="D171" i="2" a="1"/>
  <c r="D171" i="2" s="1"/>
  <c r="D162" i="2" a="1"/>
  <c r="D162" i="2" s="1"/>
  <c r="D157" i="2" a="1"/>
  <c r="D157" i="2" s="1"/>
  <c r="D166" i="2" a="1"/>
  <c r="D166" i="2" s="1"/>
  <c r="D164" i="2" a="1"/>
  <c r="D164" i="2" s="1"/>
  <c r="D167" i="2" a="1"/>
  <c r="D167" i="2" s="1"/>
  <c r="D159" i="2" a="1"/>
  <c r="D159" i="2" s="1"/>
  <c r="D176" i="2" a="1"/>
  <c r="D176" i="2" s="1"/>
  <c r="D158" i="2" a="1"/>
  <c r="D158" i="2" s="1"/>
  <c r="D169" i="2" a="1"/>
  <c r="D169" i="2" s="1"/>
  <c r="D168" i="2" a="1"/>
  <c r="D168" i="2" s="1"/>
  <c r="D156" i="2" a="1"/>
  <c r="D156" i="2" s="1"/>
  <c r="D154" i="2" a="1"/>
  <c r="D154" i="2" s="1"/>
  <c r="D163" i="2" a="1"/>
  <c r="D163" i="2" s="1"/>
  <c r="D170" i="2" a="1"/>
  <c r="D170" i="2" s="1"/>
  <c r="G2602" i="2" a="1"/>
  <c r="G2602" i="2" s="1"/>
  <c r="G2619" i="2" a="1"/>
  <c r="G2619" i="2" s="1"/>
  <c r="G5635" i="2" a="1"/>
  <c r="G5635" i="2" s="1"/>
  <c r="G5627" i="2" a="1"/>
  <c r="G5627" i="2" s="1"/>
  <c r="G5649" i="2" a="1"/>
  <c r="G5649" i="2" s="1"/>
  <c r="G5641" i="2" a="1"/>
  <c r="G5641" i="2" s="1"/>
  <c r="G5636" i="2" a="1"/>
  <c r="G5636" i="2" s="1"/>
  <c r="G5642" i="2" a="1"/>
  <c r="G5642" i="2" s="1"/>
  <c r="G5637" i="2" a="1"/>
  <c r="G5637" i="2" s="1"/>
  <c r="G5630" i="2" a="1"/>
  <c r="G5630" i="2" s="1"/>
  <c r="G5628" i="2" a="1"/>
  <c r="G5628" i="2" s="1"/>
  <c r="G5631" i="2" a="1"/>
  <c r="G5631" i="2" s="1"/>
  <c r="G5643" i="2" a="1"/>
  <c r="G5643" i="2" s="1"/>
  <c r="G5632" i="2" a="1"/>
  <c r="G5632" i="2" s="1"/>
  <c r="G5629" i="2" a="1"/>
  <c r="G5629" i="2" s="1"/>
  <c r="G5645" i="2" a="1"/>
  <c r="G5645" i="2" s="1"/>
  <c r="G5639" i="2" a="1"/>
  <c r="G5639" i="2" s="1"/>
  <c r="G5648" i="2" a="1"/>
  <c r="G5648" i="2" s="1"/>
  <c r="G5626" i="2" a="1"/>
  <c r="G5626" i="2" s="1"/>
  <c r="G5647" i="2" a="1"/>
  <c r="G5647" i="2" s="1"/>
  <c r="G5633" i="2" a="1"/>
  <c r="G5633" i="2" s="1"/>
  <c r="G5640" i="2" a="1"/>
  <c r="G5640" i="2" s="1"/>
  <c r="G5634" i="2" a="1"/>
  <c r="G5634" i="2" s="1"/>
  <c r="G5638" i="2" a="1"/>
  <c r="G5638" i="2" s="1"/>
  <c r="G5644" i="2" a="1"/>
  <c r="G5644" i="2" s="1"/>
  <c r="G5646" i="2" a="1"/>
  <c r="G5646" i="2" s="1"/>
  <c r="E1301" i="2" a="1"/>
  <c r="E1301" i="2" s="1"/>
  <c r="E1297" i="2" a="1"/>
  <c r="E1297" i="2" s="1"/>
  <c r="E1285" i="2" a="1"/>
  <c r="E1285" i="2" s="1"/>
  <c r="E1304" i="2" a="1"/>
  <c r="E1304" i="2" s="1"/>
  <c r="E1282" i="2" a="1"/>
  <c r="E1282" i="2" s="1"/>
  <c r="E1286" i="2" a="1"/>
  <c r="E1286" i="2" s="1"/>
  <c r="E1293" i="2" a="1"/>
  <c r="E1293" i="2" s="1"/>
  <c r="E1290" i="2" a="1"/>
  <c r="E1290" i="2" s="1"/>
  <c r="E1302" i="2" a="1"/>
  <c r="E1302" i="2" s="1"/>
  <c r="E1298" i="2" a="1"/>
  <c r="E1298" i="2" s="1"/>
  <c r="E1299" i="2" a="1"/>
  <c r="E1299" i="2" s="1"/>
  <c r="E1287" i="2" a="1"/>
  <c r="E1287" i="2" s="1"/>
  <c r="E1288" i="2" a="1"/>
  <c r="E1288" i="2" s="1"/>
  <c r="E1289" i="2" a="1"/>
  <c r="E1289" i="2" s="1"/>
  <c r="E1294" i="2" a="1"/>
  <c r="E1294" i="2" s="1"/>
  <c r="E1284" i="2" a="1"/>
  <c r="E1284" i="2" s="1"/>
  <c r="E1296" i="2" a="1"/>
  <c r="E1296" i="2" s="1"/>
  <c r="E1303" i="2" a="1"/>
  <c r="E1303" i="2" s="1"/>
  <c r="E1292" i="2" a="1"/>
  <c r="E1292" i="2" s="1"/>
  <c r="E1295" i="2" a="1"/>
  <c r="E1295" i="2" s="1"/>
  <c r="E1305" i="2" a="1"/>
  <c r="E1305" i="2" s="1"/>
  <c r="E1283" i="2" a="1"/>
  <c r="E1283" i="2" s="1"/>
  <c r="E1291" i="2" a="1"/>
  <c r="E1291" i="2" s="1"/>
  <c r="E1300" i="2" a="1"/>
  <c r="E1300" i="2" s="1"/>
  <c r="E4816" i="2" a="1"/>
  <c r="E4816" i="2" s="1"/>
  <c r="E4821" i="2" a="1"/>
  <c r="E4821" i="2" s="1"/>
  <c r="E4826" i="2" a="1"/>
  <c r="E4826" i="2" s="1"/>
  <c r="E4825" i="2" a="1"/>
  <c r="E4825" i="2" s="1"/>
  <c r="E4810" i="2" a="1"/>
  <c r="E4810" i="2" s="1"/>
  <c r="E4814" i="2" a="1"/>
  <c r="E4814" i="2" s="1"/>
  <c r="E4832" i="2" a="1"/>
  <c r="E4832" i="2" s="1"/>
  <c r="E4829" i="2" a="1"/>
  <c r="E4829" i="2" s="1"/>
  <c r="E4830" i="2" a="1"/>
  <c r="E4830" i="2" s="1"/>
  <c r="E4822" i="2" a="1"/>
  <c r="E4822" i="2" s="1"/>
  <c r="E4831" i="2" a="1"/>
  <c r="E4831" i="2" s="1"/>
  <c r="E4828" i="2" a="1"/>
  <c r="E4828" i="2" s="1"/>
  <c r="E4824" i="2" a="1"/>
  <c r="E4824" i="2" s="1"/>
  <c r="E4815" i="2" a="1"/>
  <c r="E4815" i="2" s="1"/>
  <c r="E4817" i="2" a="1"/>
  <c r="E4817" i="2" s="1"/>
  <c r="E4833" i="2" a="1"/>
  <c r="E4833" i="2" s="1"/>
  <c r="E4820" i="2" a="1"/>
  <c r="E4820" i="2" s="1"/>
  <c r="E4811" i="2" a="1"/>
  <c r="E4811" i="2" s="1"/>
  <c r="E4823" i="2" a="1"/>
  <c r="E4823" i="2" s="1"/>
  <c r="E4818" i="2" a="1"/>
  <c r="E4818" i="2" s="1"/>
  <c r="E4813" i="2" a="1"/>
  <c r="E4813" i="2" s="1"/>
  <c r="E4819" i="2" a="1"/>
  <c r="E4819" i="2" s="1"/>
  <c r="E4827" i="2" a="1"/>
  <c r="E4827" i="2" s="1"/>
  <c r="E4812" i="2" a="1"/>
  <c r="E4812" i="2" s="1"/>
  <c r="F5423" i="2" a="1"/>
  <c r="F5423" i="2" s="1"/>
  <c r="F5413" i="2" a="1"/>
  <c r="F5413" i="2" s="1"/>
  <c r="F5426" i="2" a="1"/>
  <c r="F5426" i="2" s="1"/>
  <c r="F5430" i="2" a="1"/>
  <c r="F5430" i="2" s="1"/>
  <c r="F5410" i="2" a="1"/>
  <c r="F5410" i="2" s="1"/>
  <c r="F5429" i="2" a="1"/>
  <c r="F5429" i="2" s="1"/>
  <c r="F5417" i="2" a="1"/>
  <c r="F5417" i="2" s="1"/>
  <c r="F5432" i="2" a="1"/>
  <c r="F5432" i="2" s="1"/>
  <c r="F5411" i="2" a="1"/>
  <c r="F5411" i="2" s="1"/>
  <c r="F5425" i="2" a="1"/>
  <c r="F5425" i="2" s="1"/>
  <c r="F5420" i="2" a="1"/>
  <c r="F5420" i="2" s="1"/>
  <c r="F5433" i="2" a="1"/>
  <c r="F5433" i="2" s="1"/>
  <c r="F5412" i="2" a="1"/>
  <c r="F5412" i="2" s="1"/>
  <c r="F5415" i="2" a="1"/>
  <c r="F5415" i="2" s="1"/>
  <c r="F5608" i="2" a="1"/>
  <c r="F5608" i="2" s="1"/>
  <c r="F5623" i="2" a="1"/>
  <c r="F5623" i="2" s="1"/>
  <c r="F5613" i="2" a="1"/>
  <c r="F5613" i="2" s="1"/>
  <c r="F5604" i="2" a="1"/>
  <c r="F5604" i="2" s="1"/>
  <c r="F5602" i="2" a="1"/>
  <c r="F5602" i="2" s="1"/>
  <c r="F5614" i="2" a="1"/>
  <c r="F5614" i="2" s="1"/>
  <c r="F5606" i="2" a="1"/>
  <c r="F5606" i="2" s="1"/>
  <c r="F5616" i="2" a="1"/>
  <c r="F5616" i="2" s="1"/>
  <c r="F5620" i="2" a="1"/>
  <c r="F5620" i="2" s="1"/>
  <c r="F5617" i="2" a="1"/>
  <c r="F5617" i="2" s="1"/>
  <c r="F5609" i="2" a="1"/>
  <c r="F5609" i="2" s="1"/>
  <c r="F5622" i="2" a="1"/>
  <c r="F5622" i="2" s="1"/>
  <c r="F5610" i="2" a="1"/>
  <c r="F5610" i="2" s="1"/>
  <c r="F5603" i="2" a="1"/>
  <c r="F5603" i="2" s="1"/>
  <c r="F5615" i="2" a="1"/>
  <c r="F5615" i="2" s="1"/>
  <c r="F5611" i="2" a="1"/>
  <c r="F5611" i="2" s="1"/>
  <c r="F5625" i="2" a="1"/>
  <c r="F5625" i="2" s="1"/>
  <c r="F5618" i="2" a="1"/>
  <c r="F5618" i="2" s="1"/>
  <c r="F5619" i="2" a="1"/>
  <c r="F5619" i="2" s="1"/>
  <c r="F5605" i="2" a="1"/>
  <c r="F5605" i="2" s="1"/>
  <c r="F5607" i="2" a="1"/>
  <c r="F5607" i="2" s="1"/>
  <c r="F5612" i="2" a="1"/>
  <c r="F5612" i="2" s="1"/>
  <c r="F5624" i="2" a="1"/>
  <c r="F5624" i="2" s="1"/>
  <c r="F5621" i="2" a="1"/>
  <c r="F5621" i="2" s="1"/>
  <c r="H5434" i="2" a="1"/>
  <c r="H5434" i="2" s="1"/>
  <c r="H5442" i="2" a="1"/>
  <c r="H5442" i="2" s="1"/>
  <c r="H5440" i="2" a="1"/>
  <c r="H5440" i="2" s="1"/>
  <c r="H5435" i="2" a="1"/>
  <c r="H5435" i="2" s="1"/>
  <c r="H5439" i="2" a="1"/>
  <c r="H5439" i="2" s="1"/>
  <c r="H5456" i="2" a="1"/>
  <c r="H5456" i="2" s="1"/>
  <c r="H5445" i="2" a="1"/>
  <c r="H5445" i="2" s="1"/>
  <c r="H5443" i="2" a="1"/>
  <c r="H5443" i="2" s="1"/>
  <c r="H5455" i="2" a="1"/>
  <c r="H5455" i="2" s="1"/>
  <c r="H5446" i="2" a="1"/>
  <c r="H5446" i="2" s="1"/>
  <c r="H5452" i="2" a="1"/>
  <c r="H5452" i="2" s="1"/>
  <c r="H5457" i="2" a="1"/>
  <c r="H5457" i="2" s="1"/>
  <c r="H5447" i="2" a="1"/>
  <c r="H5447" i="2" s="1"/>
  <c r="H5450" i="2" a="1"/>
  <c r="H5450" i="2" s="1"/>
  <c r="H5438" i="2" a="1"/>
  <c r="H5438" i="2" s="1"/>
  <c r="H5436" i="2" a="1"/>
  <c r="H5436" i="2" s="1"/>
  <c r="H5448" i="2" a="1"/>
  <c r="H5448" i="2" s="1"/>
  <c r="H5449" i="2" a="1"/>
  <c r="H5449" i="2" s="1"/>
  <c r="H5444" i="2" a="1"/>
  <c r="H5444" i="2" s="1"/>
  <c r="H5451" i="2" a="1"/>
  <c r="H5451" i="2" s="1"/>
  <c r="H5453" i="2" a="1"/>
  <c r="H5453" i="2" s="1"/>
  <c r="H5437" i="2" a="1"/>
  <c r="H5437" i="2" s="1"/>
  <c r="H5441" i="2" a="1"/>
  <c r="H5441" i="2" s="1"/>
  <c r="H5454" i="2" a="1"/>
  <c r="H5454" i="2" s="1"/>
  <c r="E2969" i="2" a="1"/>
  <c r="E2969" i="2" s="1"/>
  <c r="E2977" i="2" a="1"/>
  <c r="E2977" i="2" s="1"/>
  <c r="E2965" i="2" a="1"/>
  <c r="E2965" i="2" s="1"/>
  <c r="E2971" i="2" a="1"/>
  <c r="E2971" i="2" s="1"/>
  <c r="E2962" i="2" a="1"/>
  <c r="E2962" i="2" s="1"/>
  <c r="E2975" i="2" a="1"/>
  <c r="E2975" i="2" s="1"/>
  <c r="E2963" i="2" a="1"/>
  <c r="E2963" i="2" s="1"/>
  <c r="E2985" i="2" a="1"/>
  <c r="E2985" i="2" s="1"/>
  <c r="E2976" i="2" a="1"/>
  <c r="E2976" i="2" s="1"/>
  <c r="E2968" i="2" a="1"/>
  <c r="E2968" i="2" s="1"/>
  <c r="E2972" i="2" a="1"/>
  <c r="E2972" i="2" s="1"/>
  <c r="E2979" i="2" a="1"/>
  <c r="E2979" i="2" s="1"/>
  <c r="E2980" i="2" a="1"/>
  <c r="E2980" i="2" s="1"/>
  <c r="E2984" i="2" a="1"/>
  <c r="E2984" i="2" s="1"/>
  <c r="E2981" i="2" a="1"/>
  <c r="E2981" i="2" s="1"/>
  <c r="E2966" i="2" a="1"/>
  <c r="E2966" i="2" s="1"/>
  <c r="E2973" i="2" a="1"/>
  <c r="E2973" i="2" s="1"/>
  <c r="E2983" i="2" a="1"/>
  <c r="E2983" i="2" s="1"/>
  <c r="E2982" i="2" a="1"/>
  <c r="E2982" i="2" s="1"/>
  <c r="E2974" i="2" a="1"/>
  <c r="E2974" i="2" s="1"/>
  <c r="E2964" i="2" a="1"/>
  <c r="E2964" i="2" s="1"/>
  <c r="E2970" i="2" a="1"/>
  <c r="E2970" i="2" s="1"/>
  <c r="E2978" i="2" a="1"/>
  <c r="E2978" i="2" s="1"/>
  <c r="E2967" i="2" a="1"/>
  <c r="E2967" i="2" s="1"/>
  <c r="E3951" i="2" a="1"/>
  <c r="E3951" i="2" s="1"/>
  <c r="E3967" i="2" a="1"/>
  <c r="E3967" i="2" s="1"/>
  <c r="E3947" i="2" a="1"/>
  <c r="E3947" i="2" s="1"/>
  <c r="E3953" i="2" a="1"/>
  <c r="E3953" i="2" s="1"/>
  <c r="E3959" i="2" a="1"/>
  <c r="E3959" i="2" s="1"/>
  <c r="E3952" i="2" a="1"/>
  <c r="E3952" i="2" s="1"/>
  <c r="E3954" i="2" a="1"/>
  <c r="E3954" i="2" s="1"/>
  <c r="E3968" i="2" a="1"/>
  <c r="E3968" i="2" s="1"/>
  <c r="E3955" i="2" a="1"/>
  <c r="E3955" i="2" s="1"/>
  <c r="E3960" i="2" a="1"/>
  <c r="E3960" i="2" s="1"/>
  <c r="E3948" i="2" a="1"/>
  <c r="E3948" i="2" s="1"/>
  <c r="E3956" i="2" a="1"/>
  <c r="E3956" i="2" s="1"/>
  <c r="E3969" i="2" a="1"/>
  <c r="E3969" i="2" s="1"/>
  <c r="E3946" i="2" a="1"/>
  <c r="E3946" i="2" s="1"/>
  <c r="E3966" i="2" a="1"/>
  <c r="E3966" i="2" s="1"/>
  <c r="E3961" i="2" a="1"/>
  <c r="E3961" i="2" s="1"/>
  <c r="E3964" i="2" a="1"/>
  <c r="E3964" i="2" s="1"/>
  <c r="E3949" i="2" a="1"/>
  <c r="E3949" i="2" s="1"/>
  <c r="E3962" i="2" a="1"/>
  <c r="E3962" i="2" s="1"/>
  <c r="E3950" i="2" a="1"/>
  <c r="E3950" i="2" s="1"/>
  <c r="E3958" i="2" a="1"/>
  <c r="E3958" i="2" s="1"/>
  <c r="E3963" i="2" a="1"/>
  <c r="E3963" i="2" s="1"/>
  <c r="E3965" i="2" a="1"/>
  <c r="E3965" i="2" s="1"/>
  <c r="E3957" i="2" a="1"/>
  <c r="E3957" i="2" s="1"/>
  <c r="AQ333" i="1"/>
  <c r="G339" i="5" s="1"/>
  <c r="AP333" i="1"/>
  <c r="F339" i="5" s="1"/>
  <c r="AO333" i="1"/>
  <c r="E339" i="5" s="1"/>
  <c r="AN333" i="1"/>
  <c r="D339" i="5" s="1"/>
  <c r="AM333" i="1"/>
  <c r="D7980" i="2" a="1"/>
  <c r="D7980" i="2" s="1"/>
  <c r="D7983" i="2" a="1"/>
  <c r="D7983" i="2" s="1"/>
  <c r="D7987" i="2" a="1"/>
  <c r="D7987" i="2" s="1"/>
  <c r="D7994" i="2" a="1"/>
  <c r="D7994" i="2" s="1"/>
  <c r="D7997" i="2" a="1"/>
  <c r="D7997" i="2" s="1"/>
  <c r="D7996" i="2" a="1"/>
  <c r="D7996" i="2" s="1"/>
  <c r="D7990" i="2" a="1"/>
  <c r="D7990" i="2" s="1"/>
  <c r="D7999" i="2" a="1"/>
  <c r="D7999" i="2" s="1"/>
  <c r="D7978" i="2" a="1"/>
  <c r="D7978" i="2" s="1"/>
  <c r="D7992" i="2" a="1"/>
  <c r="D7992" i="2" s="1"/>
  <c r="D7993" i="2" a="1"/>
  <c r="D7993" i="2" s="1"/>
  <c r="D8000" i="2" a="1"/>
  <c r="D8000" i="2" s="1"/>
  <c r="D7979" i="2" a="1"/>
  <c r="D7979" i="2" s="1"/>
  <c r="D7981" i="2" a="1"/>
  <c r="D7981" i="2" s="1"/>
  <c r="D7988" i="2" a="1"/>
  <c r="D7988" i="2" s="1"/>
  <c r="D7989" i="2" a="1"/>
  <c r="D7989" i="2" s="1"/>
  <c r="D7982" i="2" a="1"/>
  <c r="D7982" i="2" s="1"/>
  <c r="D7991" i="2" a="1"/>
  <c r="D7991" i="2" s="1"/>
  <c r="D7998" i="2" a="1"/>
  <c r="D7998" i="2" s="1"/>
  <c r="D7985" i="2" a="1"/>
  <c r="D7985" i="2" s="1"/>
  <c r="D7995" i="2" a="1"/>
  <c r="D7995" i="2" s="1"/>
  <c r="D8001" i="2" a="1"/>
  <c r="D8001" i="2" s="1"/>
  <c r="D7984" i="2" a="1"/>
  <c r="D7984" i="2" s="1"/>
  <c r="D7986" i="2" a="1"/>
  <c r="D7986" i="2" s="1"/>
  <c r="F3940" i="2" a="1"/>
  <c r="F3940" i="2" s="1"/>
  <c r="F3926" i="2" a="1"/>
  <c r="F3926" i="2" s="1"/>
  <c r="F3922" i="2" a="1"/>
  <c r="F3922" i="2" s="1"/>
  <c r="F3944" i="2" a="1"/>
  <c r="F3944" i="2" s="1"/>
  <c r="F3941" i="2" a="1"/>
  <c r="F3941" i="2" s="1"/>
  <c r="F3934" i="2" a="1"/>
  <c r="F3934" i="2" s="1"/>
  <c r="F3923" i="2" a="1"/>
  <c r="F3923" i="2" s="1"/>
  <c r="F3945" i="2" a="1"/>
  <c r="F3945" i="2" s="1"/>
  <c r="F3933" i="2" a="1"/>
  <c r="F3933" i="2" s="1"/>
  <c r="F3924" i="2" a="1"/>
  <c r="F3924" i="2" s="1"/>
  <c r="F3930" i="2" a="1"/>
  <c r="F3930" i="2" s="1"/>
  <c r="F3925" i="2" a="1"/>
  <c r="F3925" i="2" s="1"/>
  <c r="F3943" i="2" a="1"/>
  <c r="F3943" i="2" s="1"/>
  <c r="F3928" i="2" a="1"/>
  <c r="F3928" i="2" s="1"/>
  <c r="F3936" i="2" a="1"/>
  <c r="F3936" i="2" s="1"/>
  <c r="F3937" i="2" a="1"/>
  <c r="F3937" i="2" s="1"/>
  <c r="F3932" i="2" a="1"/>
  <c r="F3932" i="2" s="1"/>
  <c r="F3931" i="2" a="1"/>
  <c r="F3931" i="2" s="1"/>
  <c r="F3938" i="2" a="1"/>
  <c r="F3938" i="2" s="1"/>
  <c r="F3939" i="2" a="1"/>
  <c r="F3939" i="2" s="1"/>
  <c r="F3942" i="2" a="1"/>
  <c r="F3942" i="2" s="1"/>
  <c r="F3935" i="2" a="1"/>
  <c r="F3935" i="2" s="1"/>
  <c r="F3929" i="2" a="1"/>
  <c r="F3929" i="2" s="1"/>
  <c r="F3927" i="2" a="1"/>
  <c r="F3927" i="2" s="1"/>
  <c r="G5973" i="2" a="1"/>
  <c r="G5973" i="2" s="1"/>
  <c r="G5972" i="2" a="1"/>
  <c r="G5972" i="2" s="1"/>
  <c r="G5969" i="2" a="1"/>
  <c r="G5969" i="2" s="1"/>
  <c r="G5962" i="2" a="1"/>
  <c r="G5962" i="2" s="1"/>
  <c r="G5984" i="2" a="1"/>
  <c r="G5984" i="2" s="1"/>
  <c r="G5963" i="2" a="1"/>
  <c r="G5963" i="2" s="1"/>
  <c r="G5971" i="2" a="1"/>
  <c r="G5971" i="2" s="1"/>
  <c r="G5974" i="2" a="1"/>
  <c r="G5974" i="2" s="1"/>
  <c r="G5968" i="2" a="1"/>
  <c r="G5968" i="2" s="1"/>
  <c r="G5965" i="2" a="1"/>
  <c r="G5965" i="2" s="1"/>
  <c r="G5970" i="2" a="1"/>
  <c r="G5970" i="2" s="1"/>
  <c r="G5976" i="2" a="1"/>
  <c r="G5976" i="2" s="1"/>
  <c r="G5985" i="2" a="1"/>
  <c r="G5985" i="2" s="1"/>
  <c r="G5977" i="2" a="1"/>
  <c r="G5977" i="2" s="1"/>
  <c r="G5982" i="2" a="1"/>
  <c r="G5982" i="2" s="1"/>
  <c r="G5979" i="2" a="1"/>
  <c r="G5979" i="2" s="1"/>
  <c r="G5967" i="2" a="1"/>
  <c r="G5967" i="2" s="1"/>
  <c r="G5966" i="2" a="1"/>
  <c r="G5966" i="2" s="1"/>
  <c r="G5983" i="2" a="1"/>
  <c r="G5983" i="2" s="1"/>
  <c r="G5964" i="2" a="1"/>
  <c r="G5964" i="2" s="1"/>
  <c r="G5981" i="2" a="1"/>
  <c r="G5981" i="2" s="1"/>
  <c r="G5978" i="2" a="1"/>
  <c r="G5978" i="2" s="1"/>
  <c r="G5980" i="2" a="1"/>
  <c r="G5980" i="2" s="1"/>
  <c r="G5975" i="2" a="1"/>
  <c r="G5975" i="2" s="1"/>
  <c r="E632" i="2" a="1"/>
  <c r="E632" i="2" s="1"/>
  <c r="E624" i="2" a="1"/>
  <c r="E624" i="2" s="1"/>
  <c r="E618" i="2" a="1"/>
  <c r="E618" i="2" s="1"/>
  <c r="E633" i="2" a="1"/>
  <c r="E633" i="2" s="1"/>
  <c r="E610" i="2" a="1"/>
  <c r="E610" i="2" s="1"/>
  <c r="E628" i="2" a="1"/>
  <c r="E628" i="2" s="1"/>
  <c r="E611" i="2" a="1"/>
  <c r="E611" i="2" s="1"/>
  <c r="E615" i="2" a="1"/>
  <c r="E615" i="2" s="1"/>
  <c r="E626" i="2" a="1"/>
  <c r="E626" i="2" s="1"/>
  <c r="E625" i="2" a="1"/>
  <c r="E625" i="2" s="1"/>
  <c r="E613" i="2" a="1"/>
  <c r="E613" i="2" s="1"/>
  <c r="E620" i="2" a="1"/>
  <c r="E620" i="2" s="1"/>
  <c r="E614" i="2" a="1"/>
  <c r="E614" i="2" s="1"/>
  <c r="E621" i="2" a="1"/>
  <c r="E621" i="2" s="1"/>
  <c r="E630" i="2" a="1"/>
  <c r="E630" i="2" s="1"/>
  <c r="E631" i="2" a="1"/>
  <c r="E631" i="2" s="1"/>
  <c r="E619" i="2" a="1"/>
  <c r="E619" i="2" s="1"/>
  <c r="E627" i="2" a="1"/>
  <c r="E627" i="2" s="1"/>
  <c r="E616" i="2" a="1"/>
  <c r="E616" i="2" s="1"/>
  <c r="E617" i="2" a="1"/>
  <c r="E617" i="2" s="1"/>
  <c r="E629" i="2" a="1"/>
  <c r="E629" i="2" s="1"/>
  <c r="E623" i="2" a="1"/>
  <c r="E623" i="2" s="1"/>
  <c r="E622" i="2" a="1"/>
  <c r="E622" i="2" s="1"/>
  <c r="E612" i="2" a="1"/>
  <c r="E612" i="2" s="1"/>
  <c r="D4858" i="2" a="1"/>
  <c r="D4858" i="2" s="1"/>
  <c r="D4869" i="2" a="1"/>
  <c r="D4869" i="2" s="1"/>
  <c r="D4873" i="2" a="1"/>
  <c r="D4873" i="2" s="1"/>
  <c r="D4867" i="2" a="1"/>
  <c r="D4867" i="2" s="1"/>
  <c r="D4870" i="2" a="1"/>
  <c r="D4870" i="2" s="1"/>
  <c r="D4878" i="2" a="1"/>
  <c r="D4878" i="2" s="1"/>
  <c r="D4881" i="2" a="1"/>
  <c r="D4881" i="2" s="1"/>
  <c r="D4859" i="2" a="1"/>
  <c r="D4859" i="2" s="1"/>
  <c r="D4872" i="2" a="1"/>
  <c r="D4872" i="2" s="1"/>
  <c r="D4876" i="2" a="1"/>
  <c r="D4876" i="2" s="1"/>
  <c r="D4874" i="2" a="1"/>
  <c r="D4874" i="2" s="1"/>
  <c r="D4864" i="2" a="1"/>
  <c r="D4864" i="2" s="1"/>
  <c r="D4862" i="2" a="1"/>
  <c r="D4862" i="2" s="1"/>
  <c r="D4877" i="2" a="1"/>
  <c r="D4877" i="2" s="1"/>
  <c r="D4863" i="2" a="1"/>
  <c r="D4863" i="2" s="1"/>
  <c r="D4871" i="2" a="1"/>
  <c r="D4871" i="2" s="1"/>
  <c r="D4866" i="2" a="1"/>
  <c r="D4866" i="2" s="1"/>
  <c r="D4875" i="2" a="1"/>
  <c r="D4875" i="2" s="1"/>
  <c r="D4860" i="2" a="1"/>
  <c r="D4860" i="2" s="1"/>
  <c r="D4880" i="2" a="1"/>
  <c r="D4880" i="2" s="1"/>
  <c r="D4868" i="2" a="1"/>
  <c r="D4868" i="2" s="1"/>
  <c r="D4865" i="2" a="1"/>
  <c r="D4865" i="2" s="1"/>
  <c r="D4879" i="2" a="1"/>
  <c r="D4879" i="2" s="1"/>
  <c r="D4861" i="2" a="1"/>
  <c r="D4861" i="2" s="1"/>
  <c r="D5378" i="2" a="1"/>
  <c r="D5378" i="2" s="1"/>
  <c r="D5367" i="2" a="1"/>
  <c r="D5367" i="2" s="1"/>
  <c r="D5365" i="2" a="1"/>
  <c r="D5365" i="2" s="1"/>
  <c r="D5375" i="2" a="1"/>
  <c r="D5375" i="2" s="1"/>
  <c r="D5374" i="2" a="1"/>
  <c r="D5374" i="2" s="1"/>
  <c r="D5366" i="2" a="1"/>
  <c r="D5366" i="2" s="1"/>
  <c r="D5385" i="2" a="1"/>
  <c r="D5385" i="2" s="1"/>
  <c r="D5379" i="2" a="1"/>
  <c r="D5379" i="2" s="1"/>
  <c r="D5371" i="2" a="1"/>
  <c r="D5371" i="2" s="1"/>
  <c r="D5383" i="2" a="1"/>
  <c r="D5383" i="2" s="1"/>
  <c r="D5362" i="2" a="1"/>
  <c r="D5362" i="2" s="1"/>
  <c r="D5376" i="2" a="1"/>
  <c r="D5376" i="2" s="1"/>
  <c r="D5372" i="2" a="1"/>
  <c r="D5372" i="2" s="1"/>
  <c r="D5373" i="2" a="1"/>
  <c r="D5373" i="2" s="1"/>
  <c r="D5380" i="2" a="1"/>
  <c r="D5380" i="2" s="1"/>
  <c r="D5382" i="2" a="1"/>
  <c r="D5382" i="2" s="1"/>
  <c r="D5369" i="2" a="1"/>
  <c r="D5369" i="2" s="1"/>
  <c r="D5368" i="2" a="1"/>
  <c r="D5368" i="2" s="1"/>
  <c r="D5370" i="2" a="1"/>
  <c r="D5370" i="2" s="1"/>
  <c r="D5377" i="2" a="1"/>
  <c r="D5377" i="2" s="1"/>
  <c r="D5363" i="2" a="1"/>
  <c r="D5363" i="2" s="1"/>
  <c r="D5384" i="2" a="1"/>
  <c r="D5384" i="2" s="1"/>
  <c r="D5381" i="2" a="1"/>
  <c r="D5381" i="2" s="1"/>
  <c r="D5364" i="2" a="1"/>
  <c r="D5364" i="2" s="1"/>
  <c r="H2208" i="2" a="1"/>
  <c r="H2208" i="2" s="1"/>
  <c r="H2215" i="2" a="1"/>
  <c r="H2215" i="2" s="1"/>
  <c r="H2209" i="2" a="1"/>
  <c r="H2209" i="2" s="1"/>
  <c r="H2195" i="2" a="1"/>
  <c r="H2195" i="2" s="1"/>
  <c r="H2200" i="2" a="1"/>
  <c r="H2200" i="2" s="1"/>
  <c r="H2210" i="2" a="1"/>
  <c r="H2210" i="2" s="1"/>
  <c r="H2202" i="2" a="1"/>
  <c r="H2202" i="2" s="1"/>
  <c r="H2201" i="2" a="1"/>
  <c r="H2201" i="2" s="1"/>
  <c r="H2211" i="2" a="1"/>
  <c r="H2211" i="2" s="1"/>
  <c r="H2212" i="2" a="1"/>
  <c r="H2212" i="2" s="1"/>
  <c r="H2204" i="2" a="1"/>
  <c r="H2204" i="2" s="1"/>
  <c r="H2216" i="2" a="1"/>
  <c r="H2216" i="2" s="1"/>
  <c r="H2206" i="2" a="1"/>
  <c r="H2206" i="2" s="1"/>
  <c r="H2213" i="2" a="1"/>
  <c r="H2213" i="2" s="1"/>
  <c r="H2207" i="2" a="1"/>
  <c r="H2207" i="2" s="1"/>
  <c r="H2217" i="2" a="1"/>
  <c r="H2217" i="2" s="1"/>
  <c r="H2194" i="2" a="1"/>
  <c r="H2194" i="2" s="1"/>
  <c r="H2198" i="2" a="1"/>
  <c r="H2198" i="2" s="1"/>
  <c r="H2197" i="2" a="1"/>
  <c r="H2197" i="2" s="1"/>
  <c r="H2214" i="2" a="1"/>
  <c r="H2214" i="2" s="1"/>
  <c r="H2196" i="2" a="1"/>
  <c r="H2196" i="2" s="1"/>
  <c r="H2199" i="2" a="1"/>
  <c r="H2199" i="2" s="1"/>
  <c r="H2205" i="2" a="1"/>
  <c r="H2205" i="2" s="1"/>
  <c r="H2203" i="2" a="1"/>
  <c r="H2203" i="2" s="1"/>
  <c r="H4386" i="2" a="1"/>
  <c r="H4386" i="2" s="1"/>
  <c r="H4387" i="2" a="1"/>
  <c r="H4387" i="2" s="1"/>
  <c r="H4382" i="2" a="1"/>
  <c r="H4382" i="2" s="1"/>
  <c r="H4391" i="2" a="1"/>
  <c r="H4391" i="2" s="1"/>
  <c r="H4389" i="2" a="1"/>
  <c r="H4389" i="2" s="1"/>
  <c r="H4383" i="2" a="1"/>
  <c r="H4383" i="2" s="1"/>
  <c r="H4398" i="2" a="1"/>
  <c r="H4398" i="2" s="1"/>
  <c r="H4395" i="2" a="1"/>
  <c r="H4395" i="2" s="1"/>
  <c r="H4388" i="2" a="1"/>
  <c r="H4388" i="2" s="1"/>
  <c r="H4392" i="2" a="1"/>
  <c r="H4392" i="2" s="1"/>
  <c r="H4396" i="2" a="1"/>
  <c r="H4396" i="2" s="1"/>
  <c r="H4381" i="2" a="1"/>
  <c r="H4381" i="2" s="1"/>
  <c r="H4378" i="2" a="1"/>
  <c r="H4378" i="2" s="1"/>
  <c r="H4379" i="2" a="1"/>
  <c r="H4379" i="2" s="1"/>
  <c r="H4399" i="2" a="1"/>
  <c r="H4399" i="2" s="1"/>
  <c r="H4385" i="2" a="1"/>
  <c r="H4385" i="2" s="1"/>
  <c r="H4380" i="2" a="1"/>
  <c r="H4380" i="2" s="1"/>
  <c r="H4390" i="2" a="1"/>
  <c r="H4390" i="2" s="1"/>
  <c r="H4394" i="2" a="1"/>
  <c r="H4394" i="2" s="1"/>
  <c r="H4400" i="2" a="1"/>
  <c r="H4400" i="2" s="1"/>
  <c r="H4384" i="2" a="1"/>
  <c r="H4384" i="2" s="1"/>
  <c r="H4393" i="2" a="1"/>
  <c r="H4393" i="2" s="1"/>
  <c r="H4401" i="2" a="1"/>
  <c r="H4401" i="2" s="1"/>
  <c r="H4397" i="2" a="1"/>
  <c r="H4397" i="2" s="1"/>
  <c r="F1856" i="2" a="1"/>
  <c r="F1856" i="2" s="1"/>
  <c r="F1855" i="2" a="1"/>
  <c r="F1855" i="2" s="1"/>
  <c r="F1849" i="2" a="1"/>
  <c r="F1849" i="2" s="1"/>
  <c r="F1844" i="2" a="1"/>
  <c r="F1844" i="2" s="1"/>
  <c r="F1834" i="2" a="1"/>
  <c r="F1834" i="2" s="1"/>
  <c r="F1850" i="2" a="1"/>
  <c r="F1850" i="2" s="1"/>
  <c r="F1838" i="2" a="1"/>
  <c r="F1838" i="2" s="1"/>
  <c r="F1845" i="2" a="1"/>
  <c r="F1845" i="2" s="1"/>
  <c r="F1847" i="2" a="1"/>
  <c r="F1847" i="2" s="1"/>
  <c r="F1841" i="2" a="1"/>
  <c r="F1841" i="2" s="1"/>
  <c r="F1840" i="2" a="1"/>
  <c r="F1840" i="2" s="1"/>
  <c r="F1842" i="2" a="1"/>
  <c r="F1842" i="2" s="1"/>
  <c r="F1852" i="2" a="1"/>
  <c r="F1852" i="2" s="1"/>
  <c r="F1853" i="2" a="1"/>
  <c r="F1853" i="2" s="1"/>
  <c r="F1854" i="2" a="1"/>
  <c r="F1854" i="2" s="1"/>
  <c r="F1857" i="2" a="1"/>
  <c r="F1857" i="2" s="1"/>
  <c r="F1836" i="2" a="1"/>
  <c r="F1836" i="2" s="1"/>
  <c r="F1848" i="2" a="1"/>
  <c r="F1848" i="2" s="1"/>
  <c r="F1837" i="2" a="1"/>
  <c r="F1837" i="2" s="1"/>
  <c r="F1851" i="2" a="1"/>
  <c r="F1851" i="2" s="1"/>
  <c r="F1846" i="2" a="1"/>
  <c r="F1846" i="2" s="1"/>
  <c r="F1839" i="2" a="1"/>
  <c r="F1839" i="2" s="1"/>
  <c r="F1843" i="2" a="1"/>
  <c r="F1843" i="2" s="1"/>
  <c r="F1835" i="2" a="1"/>
  <c r="F1835" i="2" s="1"/>
  <c r="E4525" i="2" a="1"/>
  <c r="E4525" i="2" s="1"/>
  <c r="E4541" i="2" a="1"/>
  <c r="E4541" i="2" s="1"/>
  <c r="E4528" i="2" a="1"/>
  <c r="E4528" i="2" s="1"/>
  <c r="G1179" i="2" a="1"/>
  <c r="G1179" i="2" s="1"/>
  <c r="G1171" i="2" a="1"/>
  <c r="G1171" i="2" s="1"/>
  <c r="G1169" i="2" a="1"/>
  <c r="G1169" i="2" s="1"/>
  <c r="G1168" i="2" a="1"/>
  <c r="G1168" i="2" s="1"/>
  <c r="G1180" i="2" a="1"/>
  <c r="G1180" i="2" s="1"/>
  <c r="G1170" i="2" a="1"/>
  <c r="G1170" i="2" s="1"/>
  <c r="G1172" i="2" a="1"/>
  <c r="G1172" i="2" s="1"/>
  <c r="G1176" i="2" a="1"/>
  <c r="G1176" i="2" s="1"/>
  <c r="G1164" i="2" a="1"/>
  <c r="G1164" i="2" s="1"/>
  <c r="G1185" i="2" a="1"/>
  <c r="G1185" i="2" s="1"/>
  <c r="G1163" i="2" a="1"/>
  <c r="G1163" i="2" s="1"/>
  <c r="G1166" i="2" a="1"/>
  <c r="G1166" i="2" s="1"/>
  <c r="G1184" i="2" a="1"/>
  <c r="G1184" i="2" s="1"/>
  <c r="G1167" i="2" a="1"/>
  <c r="G1167" i="2" s="1"/>
  <c r="G1183" i="2" a="1"/>
  <c r="G1183" i="2" s="1"/>
  <c r="G1174" i="2" a="1"/>
  <c r="G1174" i="2" s="1"/>
  <c r="G1175" i="2" a="1"/>
  <c r="G1175" i="2" s="1"/>
  <c r="G1178" i="2" a="1"/>
  <c r="G1178" i="2" s="1"/>
  <c r="G1162" i="2" a="1"/>
  <c r="G1162" i="2" s="1"/>
  <c r="G1173" i="2" a="1"/>
  <c r="G1173" i="2" s="1"/>
  <c r="G1177" i="2" a="1"/>
  <c r="G1177" i="2" s="1"/>
  <c r="G1181" i="2" a="1"/>
  <c r="G1181" i="2" s="1"/>
  <c r="G1182" i="2" a="1"/>
  <c r="G1182" i="2" s="1"/>
  <c r="G1165" i="2" a="1"/>
  <c r="G1165" i="2" s="1"/>
  <c r="H161" i="2" a="1"/>
  <c r="H161" i="2" s="1"/>
  <c r="H162" i="2" a="1"/>
  <c r="H162" i="2" s="1"/>
  <c r="H155" i="2" a="1"/>
  <c r="H155" i="2" s="1"/>
  <c r="H166" i="2" a="1"/>
  <c r="H166" i="2" s="1"/>
  <c r="H163" i="2" a="1"/>
  <c r="H163" i="2" s="1"/>
  <c r="H168" i="2" a="1"/>
  <c r="H168" i="2" s="1"/>
  <c r="H177" i="2" a="1"/>
  <c r="H177" i="2" s="1"/>
  <c r="H164" i="2" a="1"/>
  <c r="H164" i="2" s="1"/>
  <c r="H171" i="2" a="1"/>
  <c r="H171" i="2" s="1"/>
  <c r="H156" i="2" a="1"/>
  <c r="H156" i="2" s="1"/>
  <c r="H158" i="2" a="1"/>
  <c r="H158" i="2" s="1"/>
  <c r="H172" i="2" a="1"/>
  <c r="H172" i="2" s="1"/>
  <c r="H157" i="2" a="1"/>
  <c r="H157" i="2" s="1"/>
  <c r="H176" i="2" a="1"/>
  <c r="H176" i="2" s="1"/>
  <c r="H175" i="2" a="1"/>
  <c r="H175" i="2" s="1"/>
  <c r="H174" i="2" a="1"/>
  <c r="H174" i="2" s="1"/>
  <c r="H159" i="2" a="1"/>
  <c r="H159" i="2" s="1"/>
  <c r="H160" i="2" a="1"/>
  <c r="H160" i="2" s="1"/>
  <c r="H170" i="2" a="1"/>
  <c r="H170" i="2" s="1"/>
  <c r="H173" i="2" a="1"/>
  <c r="H173" i="2" s="1"/>
  <c r="H154" i="2" a="1"/>
  <c r="H154" i="2" s="1"/>
  <c r="H167" i="2" a="1"/>
  <c r="H167" i="2" s="1"/>
  <c r="H169" i="2" a="1"/>
  <c r="H169" i="2" s="1"/>
  <c r="H165" i="2" a="1"/>
  <c r="H165" i="2" s="1"/>
  <c r="G4053" i="2" a="1"/>
  <c r="G4053" i="2" s="1"/>
  <c r="G4042" i="2" a="1"/>
  <c r="G4042" i="2" s="1"/>
  <c r="G4052" i="2" a="1"/>
  <c r="G4052" i="2" s="1"/>
  <c r="G4044" i="2" a="1"/>
  <c r="G4044" i="2" s="1"/>
  <c r="G4054" i="2" a="1"/>
  <c r="G4054" i="2" s="1"/>
  <c r="G4043" i="2" a="1"/>
  <c r="G4043" i="2" s="1"/>
  <c r="G4062" i="2" a="1"/>
  <c r="G4062" i="2" s="1"/>
  <c r="G4059" i="2" a="1"/>
  <c r="G4059" i="2" s="1"/>
  <c r="G4050" i="2" a="1"/>
  <c r="G4050" i="2" s="1"/>
  <c r="G4047" i="2" a="1"/>
  <c r="G4047" i="2" s="1"/>
  <c r="G4060" i="2" a="1"/>
  <c r="G4060" i="2" s="1"/>
  <c r="G4048" i="2" a="1"/>
  <c r="G4048" i="2" s="1"/>
  <c r="G4045" i="2" a="1"/>
  <c r="G4045" i="2" s="1"/>
  <c r="G4057" i="2" a="1"/>
  <c r="G4057" i="2" s="1"/>
  <c r="G4051" i="2" a="1"/>
  <c r="G4051" i="2" s="1"/>
  <c r="G4058" i="2" a="1"/>
  <c r="G4058" i="2" s="1"/>
  <c r="G4055" i="2" a="1"/>
  <c r="G4055" i="2" s="1"/>
  <c r="G4056" i="2" a="1"/>
  <c r="G4056" i="2" s="1"/>
  <c r="G4049" i="2" a="1"/>
  <c r="G4049" i="2" s="1"/>
  <c r="G4061" i="2" a="1"/>
  <c r="G4061" i="2" s="1"/>
  <c r="G4063" i="2" a="1"/>
  <c r="G4063" i="2" s="1"/>
  <c r="G4065" i="2" a="1"/>
  <c r="G4065" i="2" s="1"/>
  <c r="G4046" i="2" a="1"/>
  <c r="G4046" i="2" s="1"/>
  <c r="G4064" i="2" a="1"/>
  <c r="G4064" i="2" s="1"/>
  <c r="F3522" i="2" a="1"/>
  <c r="F3522" i="2" s="1"/>
  <c r="F3527" i="2" a="1"/>
  <c r="F3527" i="2" s="1"/>
  <c r="F3536" i="2" a="1"/>
  <c r="F3536" i="2" s="1"/>
  <c r="F3514" i="2" a="1"/>
  <c r="F3514" i="2" s="1"/>
  <c r="F3516" i="2" a="1"/>
  <c r="F3516" i="2" s="1"/>
  <c r="F3525" i="2" a="1"/>
  <c r="F3525" i="2" s="1"/>
  <c r="F3523" i="2" a="1"/>
  <c r="F3523" i="2" s="1"/>
  <c r="F3528" i="2" a="1"/>
  <c r="F3528" i="2" s="1"/>
  <c r="F3515" i="2" a="1"/>
  <c r="F3515" i="2" s="1"/>
  <c r="F3534" i="2" a="1"/>
  <c r="F3534" i="2" s="1"/>
  <c r="F3533" i="2" a="1"/>
  <c r="F3533" i="2" s="1"/>
  <c r="F3529" i="2" a="1"/>
  <c r="F3529" i="2" s="1"/>
  <c r="F3521" i="2" a="1"/>
  <c r="F3521" i="2" s="1"/>
  <c r="F3517" i="2" a="1"/>
  <c r="F3517" i="2" s="1"/>
  <c r="F3520" i="2" a="1"/>
  <c r="F3520" i="2" s="1"/>
  <c r="F3535" i="2" a="1"/>
  <c r="F3535" i="2" s="1"/>
  <c r="F3524" i="2" a="1"/>
  <c r="F3524" i="2" s="1"/>
  <c r="F3526" i="2" a="1"/>
  <c r="F3526" i="2" s="1"/>
  <c r="F3532" i="2" a="1"/>
  <c r="F3532" i="2" s="1"/>
  <c r="F3531" i="2" a="1"/>
  <c r="F3531" i="2" s="1"/>
  <c r="F3537" i="2" a="1"/>
  <c r="F3537" i="2" s="1"/>
  <c r="F3530" i="2" a="1"/>
  <c r="F3530" i="2" s="1"/>
  <c r="F3519" i="2" a="1"/>
  <c r="F3519" i="2" s="1"/>
  <c r="F3518" i="2" a="1"/>
  <c r="F3518" i="2" s="1"/>
  <c r="E2860" i="2" a="1"/>
  <c r="E2860" i="2" s="1"/>
  <c r="E2851" i="2" a="1"/>
  <c r="E2851" i="2" s="1"/>
  <c r="E2849" i="2" a="1"/>
  <c r="E2849" i="2" s="1"/>
  <c r="E2862" i="2" a="1"/>
  <c r="E2862" i="2" s="1"/>
  <c r="E2842" i="2" a="1"/>
  <c r="E2842" i="2" s="1"/>
  <c r="E2843" i="2" a="1"/>
  <c r="E2843" i="2" s="1"/>
  <c r="E2864" i="2" a="1"/>
  <c r="E2864" i="2" s="1"/>
  <c r="E2861" i="2" a="1"/>
  <c r="E2861" i="2" s="1"/>
  <c r="E2844" i="2" a="1"/>
  <c r="E2844" i="2" s="1"/>
  <c r="E2848" i="2" a="1"/>
  <c r="E2848" i="2" s="1"/>
  <c r="E2845" i="2" a="1"/>
  <c r="E2845" i="2" s="1"/>
  <c r="E2846" i="2" a="1"/>
  <c r="E2846" i="2" s="1"/>
  <c r="E2850" i="2" a="1"/>
  <c r="E2850" i="2" s="1"/>
  <c r="E2853" i="2" a="1"/>
  <c r="E2853" i="2" s="1"/>
  <c r="E2857" i="2" a="1"/>
  <c r="E2857" i="2" s="1"/>
  <c r="E2859" i="2" a="1"/>
  <c r="E2859" i="2" s="1"/>
  <c r="E2863" i="2" a="1"/>
  <c r="E2863" i="2" s="1"/>
  <c r="E2852" i="2" a="1"/>
  <c r="E2852" i="2" s="1"/>
  <c r="E2847" i="2" a="1"/>
  <c r="E2847" i="2" s="1"/>
  <c r="E2865" i="2" a="1"/>
  <c r="E2865" i="2" s="1"/>
  <c r="E2856" i="2" a="1"/>
  <c r="E2856" i="2" s="1"/>
  <c r="E2858" i="2" a="1"/>
  <c r="E2858" i="2" s="1"/>
  <c r="E2854" i="2" a="1"/>
  <c r="E2854" i="2" s="1"/>
  <c r="E2855" i="2" a="1"/>
  <c r="E2855" i="2" s="1"/>
  <c r="E2351" i="2" a="1"/>
  <c r="E2351" i="2" s="1"/>
  <c r="E2348" i="2" a="1"/>
  <c r="E2348" i="2" s="1"/>
  <c r="E2352" i="2" a="1"/>
  <c r="E2352" i="2" s="1"/>
  <c r="E2355" i="2" a="1"/>
  <c r="E2355" i="2" s="1"/>
  <c r="E2356" i="2" a="1"/>
  <c r="E2356" i="2" s="1"/>
  <c r="E2340" i="2" a="1"/>
  <c r="E2340" i="2" s="1"/>
  <c r="E2353" i="2" a="1"/>
  <c r="E2353" i="2" s="1"/>
  <c r="E2339" i="2" a="1"/>
  <c r="E2339" i="2" s="1"/>
  <c r="E2357" i="2" a="1"/>
  <c r="E2357" i="2" s="1"/>
  <c r="E2358" i="2" a="1"/>
  <c r="E2358" i="2" s="1"/>
  <c r="E2342" i="2" a="1"/>
  <c r="E2342" i="2" s="1"/>
  <c r="E2345" i="2" a="1"/>
  <c r="E2345" i="2" s="1"/>
  <c r="E2359" i="2" a="1"/>
  <c r="E2359" i="2" s="1"/>
  <c r="E2347" i="2" a="1"/>
  <c r="E2347" i="2" s="1"/>
  <c r="E2349" i="2" a="1"/>
  <c r="E2349" i="2" s="1"/>
  <c r="E2360" i="2" a="1"/>
  <c r="E2360" i="2" s="1"/>
  <c r="E2350" i="2" a="1"/>
  <c r="E2350" i="2" s="1"/>
  <c r="E2343" i="2" a="1"/>
  <c r="E2343" i="2" s="1"/>
  <c r="E2344" i="2" a="1"/>
  <c r="E2344" i="2" s="1"/>
  <c r="E2361" i="2" a="1"/>
  <c r="E2361" i="2" s="1"/>
  <c r="E2354" i="2" a="1"/>
  <c r="E2354" i="2" s="1"/>
  <c r="E2338" i="2" a="1"/>
  <c r="E2338" i="2" s="1"/>
  <c r="E2346" i="2" a="1"/>
  <c r="E2346" i="2" s="1"/>
  <c r="E2341" i="2" a="1"/>
  <c r="E2341" i="2" s="1"/>
  <c r="E8388" i="2" a="1"/>
  <c r="E8388" i="2" s="1"/>
  <c r="E8396" i="2" a="1"/>
  <c r="E8396" i="2" s="1"/>
  <c r="E8407" i="2" a="1"/>
  <c r="E8407" i="2" s="1"/>
  <c r="E8393" i="2" a="1"/>
  <c r="E8393" i="2" s="1"/>
  <c r="E8389" i="2" a="1"/>
  <c r="E8389" i="2" s="1"/>
  <c r="E8408" i="2" a="1"/>
  <c r="E8408" i="2" s="1"/>
  <c r="E8402" i="2" a="1"/>
  <c r="E8402" i="2" s="1"/>
  <c r="E8386" i="2" a="1"/>
  <c r="E8386" i="2" s="1"/>
  <c r="E8390" i="2" a="1"/>
  <c r="E8390" i="2" s="1"/>
  <c r="E8387" i="2" a="1"/>
  <c r="E8387" i="2" s="1"/>
  <c r="E8397" i="2" a="1"/>
  <c r="E8397" i="2" s="1"/>
  <c r="E8404" i="2" a="1"/>
  <c r="E8404" i="2" s="1"/>
  <c r="E8405" i="2" a="1"/>
  <c r="E8405" i="2" s="1"/>
  <c r="E8392" i="2" a="1"/>
  <c r="E8392" i="2" s="1"/>
  <c r="E8403" i="2" a="1"/>
  <c r="E8403" i="2" s="1"/>
  <c r="E8400" i="2" a="1"/>
  <c r="E8400" i="2" s="1"/>
  <c r="E8394" i="2" a="1"/>
  <c r="E8394" i="2" s="1"/>
  <c r="E8395" i="2" a="1"/>
  <c r="E8395" i="2" s="1"/>
  <c r="E8399" i="2" a="1"/>
  <c r="E8399" i="2" s="1"/>
  <c r="E8409" i="2" a="1"/>
  <c r="E8409" i="2" s="1"/>
  <c r="E8398" i="2" a="1"/>
  <c r="E8398" i="2" s="1"/>
  <c r="E8391" i="2" a="1"/>
  <c r="E8391" i="2" s="1"/>
  <c r="E8401" i="2" a="1"/>
  <c r="E8401" i="2" s="1"/>
  <c r="E8406" i="2" a="1"/>
  <c r="E8406" i="2" s="1"/>
  <c r="H5206" i="2" a="1"/>
  <c r="H5206" i="2" s="1"/>
  <c r="H5217" i="2" a="1"/>
  <c r="H5217" i="2" s="1"/>
  <c r="H5215" i="2" a="1"/>
  <c r="H5215" i="2" s="1"/>
  <c r="H5210" i="2" a="1"/>
  <c r="H5210" i="2" s="1"/>
  <c r="H5213" i="2" a="1"/>
  <c r="H5213" i="2" s="1"/>
  <c r="H5194" i="2" a="1"/>
  <c r="H5194" i="2" s="1"/>
  <c r="H5198" i="2" a="1"/>
  <c r="H5198" i="2" s="1"/>
  <c r="H5211" i="2" a="1"/>
  <c r="H5211" i="2" s="1"/>
  <c r="H5199" i="2" a="1"/>
  <c r="H5199" i="2" s="1"/>
  <c r="H5196" i="2" a="1"/>
  <c r="H5196" i="2" s="1"/>
  <c r="H5203" i="2" a="1"/>
  <c r="H5203" i="2" s="1"/>
  <c r="H5205" i="2" a="1"/>
  <c r="H5205" i="2" s="1"/>
  <c r="H5195" i="2" a="1"/>
  <c r="H5195" i="2" s="1"/>
  <c r="H5200" i="2" a="1"/>
  <c r="H5200" i="2" s="1"/>
  <c r="H5207" i="2" a="1"/>
  <c r="H5207" i="2" s="1"/>
  <c r="H5216" i="2" a="1"/>
  <c r="H5216" i="2" s="1"/>
  <c r="H5209" i="2" a="1"/>
  <c r="H5209" i="2" s="1"/>
  <c r="H5214" i="2" a="1"/>
  <c r="H5214" i="2" s="1"/>
  <c r="H5204" i="2" a="1"/>
  <c r="H5204" i="2" s="1"/>
  <c r="H5197" i="2" a="1"/>
  <c r="H5197" i="2" s="1"/>
  <c r="H5201" i="2" a="1"/>
  <c r="H5201" i="2" s="1"/>
  <c r="H5202" i="2" a="1"/>
  <c r="H5202" i="2" s="1"/>
  <c r="H5212" i="2" a="1"/>
  <c r="H5212" i="2" s="1"/>
  <c r="H5208" i="2" a="1"/>
  <c r="H5208" i="2" s="1"/>
  <c r="D1703" i="2" a="1"/>
  <c r="D1703" i="2" s="1"/>
  <c r="D1708" i="2" a="1"/>
  <c r="D1708" i="2" s="1"/>
  <c r="D1691" i="2" a="1"/>
  <c r="D1691" i="2" s="1"/>
  <c r="D1696" i="2" a="1"/>
  <c r="D1696" i="2" s="1"/>
  <c r="D1701" i="2" a="1"/>
  <c r="D1701" i="2" s="1"/>
  <c r="D1707" i="2" a="1"/>
  <c r="D1707" i="2" s="1"/>
  <c r="D1709" i="2" a="1"/>
  <c r="D1709" i="2" s="1"/>
  <c r="D1693" i="2" a="1"/>
  <c r="D1693" i="2" s="1"/>
  <c r="D1711" i="2" a="1"/>
  <c r="D1711" i="2" s="1"/>
  <c r="D1713" i="2" a="1"/>
  <c r="D1713" i="2" s="1"/>
  <c r="D1698" i="2" a="1"/>
  <c r="D1698" i="2" s="1"/>
  <c r="D1690" i="2" a="1"/>
  <c r="D1690" i="2" s="1"/>
  <c r="D1710" i="2" a="1"/>
  <c r="D1710" i="2" s="1"/>
  <c r="D1694" i="2" a="1"/>
  <c r="D1694" i="2" s="1"/>
  <c r="D1699" i="2" a="1"/>
  <c r="D1699" i="2" s="1"/>
  <c r="D1712" i="2" a="1"/>
  <c r="D1712" i="2" s="1"/>
  <c r="D1704" i="2" a="1"/>
  <c r="D1704" i="2" s="1"/>
  <c r="D1700" i="2" a="1"/>
  <c r="D1700" i="2" s="1"/>
  <c r="D1705" i="2" a="1"/>
  <c r="D1705" i="2" s="1"/>
  <c r="D1702" i="2" a="1"/>
  <c r="D1702" i="2" s="1"/>
  <c r="D1692" i="2" a="1"/>
  <c r="D1692" i="2" s="1"/>
  <c r="D1706" i="2" a="1"/>
  <c r="D1706" i="2" s="1"/>
  <c r="D1695" i="2" a="1"/>
  <c r="D1695" i="2" s="1"/>
  <c r="D1697" i="2" a="1"/>
  <c r="D1697" i="2" s="1"/>
  <c r="D2346" i="2" a="1"/>
  <c r="D2346" i="2" s="1"/>
  <c r="D2350" i="2" a="1"/>
  <c r="D2350" i="2" s="1"/>
  <c r="D2344" i="2" a="1"/>
  <c r="D2344" i="2" s="1"/>
  <c r="D2360" i="2" a="1"/>
  <c r="D2360" i="2" s="1"/>
  <c r="D2359" i="2" a="1"/>
  <c r="D2359" i="2" s="1"/>
  <c r="D2356" i="2" a="1"/>
  <c r="D2356" i="2" s="1"/>
  <c r="D2347" i="2" a="1"/>
  <c r="D2347" i="2" s="1"/>
  <c r="D2338" i="2" a="1"/>
  <c r="D2338" i="2" s="1"/>
  <c r="D2349" i="2" a="1"/>
  <c r="D2349" i="2" s="1"/>
  <c r="D2354" i="2" a="1"/>
  <c r="D2354" i="2" s="1"/>
  <c r="D2355" i="2" a="1"/>
  <c r="D2355" i="2" s="1"/>
  <c r="D2361" i="2" a="1"/>
  <c r="D2361" i="2" s="1"/>
  <c r="D2358" i="2" a="1"/>
  <c r="D2358" i="2" s="1"/>
  <c r="D2351" i="2" a="1"/>
  <c r="D2351" i="2" s="1"/>
  <c r="D2348" i="2" a="1"/>
  <c r="D2348" i="2" s="1"/>
  <c r="D2339" i="2" a="1"/>
  <c r="D2339" i="2" s="1"/>
  <c r="D2340" i="2" a="1"/>
  <c r="D2340" i="2" s="1"/>
  <c r="D2341" i="2" a="1"/>
  <c r="D2341" i="2" s="1"/>
  <c r="D2343" i="2" a="1"/>
  <c r="D2343" i="2" s="1"/>
  <c r="D2345" i="2" a="1"/>
  <c r="D2345" i="2" s="1"/>
  <c r="D2342" i="2" a="1"/>
  <c r="D2342" i="2" s="1"/>
  <c r="D2352" i="2" a="1"/>
  <c r="D2352" i="2" s="1"/>
  <c r="D2353" i="2" a="1"/>
  <c r="D2353" i="2" s="1"/>
  <c r="D2357" i="2" a="1"/>
  <c r="D2357" i="2" s="1"/>
  <c r="G701" i="2" a="1"/>
  <c r="G701" i="2" s="1"/>
  <c r="G697" i="2" a="1"/>
  <c r="G697" i="2" s="1"/>
  <c r="G685" i="2" a="1"/>
  <c r="G685" i="2" s="1"/>
  <c r="G698" i="2" a="1"/>
  <c r="G698" i="2" s="1"/>
  <c r="G705" i="2" a="1"/>
  <c r="G705" i="2" s="1"/>
  <c r="G692" i="2" a="1"/>
  <c r="G692" i="2" s="1"/>
  <c r="G682" i="2" a="1"/>
  <c r="G682" i="2" s="1"/>
  <c r="G696" i="2" a="1"/>
  <c r="G696" i="2" s="1"/>
  <c r="G686" i="2" a="1"/>
  <c r="G686" i="2" s="1"/>
  <c r="G683" i="2" a="1"/>
  <c r="G683" i="2" s="1"/>
  <c r="G690" i="2" a="1"/>
  <c r="G690" i="2" s="1"/>
  <c r="G703" i="2" a="1"/>
  <c r="G703" i="2" s="1"/>
  <c r="G699" i="2" a="1"/>
  <c r="G699" i="2" s="1"/>
  <c r="G687" i="2" a="1"/>
  <c r="G687" i="2" s="1"/>
  <c r="G689" i="2" a="1"/>
  <c r="G689" i="2" s="1"/>
  <c r="G691" i="2" a="1"/>
  <c r="G691" i="2" s="1"/>
  <c r="G704" i="2" a="1"/>
  <c r="G704" i="2" s="1"/>
  <c r="G700" i="2" a="1"/>
  <c r="G700" i="2" s="1"/>
  <c r="G688" i="2" a="1"/>
  <c r="G688" i="2" s="1"/>
  <c r="G694" i="2" a="1"/>
  <c r="G694" i="2" s="1"/>
  <c r="G693" i="2" a="1"/>
  <c r="G693" i="2" s="1"/>
  <c r="G702" i="2" a="1"/>
  <c r="G702" i="2" s="1"/>
  <c r="G695" i="2" a="1"/>
  <c r="G695" i="2" s="1"/>
  <c r="G684" i="2" a="1"/>
  <c r="G684" i="2" s="1"/>
  <c r="H6240" i="2" a="1"/>
  <c r="H6240" i="2" s="1"/>
  <c r="H6243" i="2" a="1"/>
  <c r="H6243" i="2" s="1"/>
  <c r="H6242" i="2" a="1"/>
  <c r="H6242" i="2" s="1"/>
  <c r="H6249" i="2" a="1"/>
  <c r="H6249" i="2" s="1"/>
  <c r="H6244" i="2" a="1"/>
  <c r="H6244" i="2" s="1"/>
  <c r="H6235" i="2" a="1"/>
  <c r="H6235" i="2" s="1"/>
  <c r="H6238" i="2" a="1"/>
  <c r="H6238" i="2" s="1"/>
  <c r="H6236" i="2" a="1"/>
  <c r="H6236" i="2" s="1"/>
  <c r="H6245" i="2" a="1"/>
  <c r="H6245" i="2" s="1"/>
  <c r="H6226" i="2" a="1"/>
  <c r="H6226" i="2" s="1"/>
  <c r="H6227" i="2" a="1"/>
  <c r="H6227" i="2" s="1"/>
  <c r="H6241" i="2" a="1"/>
  <c r="H6241" i="2" s="1"/>
  <c r="H6228" i="2" a="1"/>
  <c r="H6228" i="2" s="1"/>
  <c r="H6232" i="2" a="1"/>
  <c r="H6232" i="2" s="1"/>
  <c r="H6246" i="2" a="1"/>
  <c r="H6246" i="2" s="1"/>
  <c r="H6247" i="2" a="1"/>
  <c r="H6247" i="2" s="1"/>
  <c r="H6233" i="2" a="1"/>
  <c r="H6233" i="2" s="1"/>
  <c r="H6237" i="2" a="1"/>
  <c r="H6237" i="2" s="1"/>
  <c r="H6234" i="2" a="1"/>
  <c r="H6234" i="2" s="1"/>
  <c r="H6248" i="2" a="1"/>
  <c r="H6248" i="2" s="1"/>
  <c r="H6230" i="2" a="1"/>
  <c r="H6230" i="2" s="1"/>
  <c r="H6229" i="2" a="1"/>
  <c r="H6229" i="2" s="1"/>
  <c r="H6239" i="2" a="1"/>
  <c r="H6239" i="2" s="1"/>
  <c r="H6231" i="2" a="1"/>
  <c r="H6231" i="2" s="1"/>
  <c r="F2194" i="2" a="1"/>
  <c r="F2194" i="2" s="1"/>
  <c r="F2200" i="2" a="1"/>
  <c r="F2200" i="2" s="1"/>
  <c r="F2215" i="2" a="1"/>
  <c r="F2215" i="2" s="1"/>
  <c r="F2210" i="2" a="1"/>
  <c r="F2210" i="2" s="1"/>
  <c r="F2205" i="2" a="1"/>
  <c r="F2205" i="2" s="1"/>
  <c r="F2211" i="2" a="1"/>
  <c r="F2211" i="2" s="1"/>
  <c r="F2206" i="2" a="1"/>
  <c r="F2206" i="2" s="1"/>
  <c r="F2212" i="2" a="1"/>
  <c r="F2212" i="2" s="1"/>
  <c r="F2197" i="2" a="1"/>
  <c r="F2197" i="2" s="1"/>
  <c r="F2195" i="2" a="1"/>
  <c r="F2195" i="2" s="1"/>
  <c r="F2216" i="2" a="1"/>
  <c r="F2216" i="2" s="1"/>
  <c r="F2202" i="2" a="1"/>
  <c r="F2202" i="2" s="1"/>
  <c r="F2199" i="2" a="1"/>
  <c r="F2199" i="2" s="1"/>
  <c r="F2214" i="2" a="1"/>
  <c r="F2214" i="2" s="1"/>
  <c r="F2207" i="2" a="1"/>
  <c r="F2207" i="2" s="1"/>
  <c r="F2203" i="2" a="1"/>
  <c r="F2203" i="2" s="1"/>
  <c r="F2217" i="2" a="1"/>
  <c r="F2217" i="2" s="1"/>
  <c r="F2208" i="2" a="1"/>
  <c r="F2208" i="2" s="1"/>
  <c r="F2198" i="2" a="1"/>
  <c r="F2198" i="2" s="1"/>
  <c r="F2204" i="2" a="1"/>
  <c r="F2204" i="2" s="1"/>
  <c r="F2201" i="2" a="1"/>
  <c r="F2201" i="2" s="1"/>
  <c r="F2209" i="2" a="1"/>
  <c r="F2209" i="2" s="1"/>
  <c r="F2196" i="2" a="1"/>
  <c r="F2196" i="2" s="1"/>
  <c r="F2213" i="2" a="1"/>
  <c r="F2213" i="2" s="1"/>
  <c r="H514" i="2" a="1"/>
  <c r="H514" i="2" s="1"/>
  <c r="H531" i="2" a="1"/>
  <c r="H531" i="2" s="1"/>
  <c r="H534" i="2" a="1"/>
  <c r="H534" i="2" s="1"/>
  <c r="F8269" i="2" a="1"/>
  <c r="F8269" i="2" s="1"/>
  <c r="F8277" i="2" a="1"/>
  <c r="F8277" i="2" s="1"/>
  <c r="F8274" i="2" a="1"/>
  <c r="F8274" i="2" s="1"/>
  <c r="F8270" i="2" a="1"/>
  <c r="F8270" i="2" s="1"/>
  <c r="F8287" i="2" a="1"/>
  <c r="F8287" i="2" s="1"/>
  <c r="F8282" i="2" a="1"/>
  <c r="F8282" i="2" s="1"/>
  <c r="F8275" i="2" a="1"/>
  <c r="F8275" i="2" s="1"/>
  <c r="F8272" i="2" a="1"/>
  <c r="F8272" i="2" s="1"/>
  <c r="F8267" i="2" a="1"/>
  <c r="F8267" i="2" s="1"/>
  <c r="F8271" i="2" a="1"/>
  <c r="F8271" i="2" s="1"/>
  <c r="F8268" i="2" a="1"/>
  <c r="F8268" i="2" s="1"/>
  <c r="F8273" i="2" a="1"/>
  <c r="F8273" i="2" s="1"/>
  <c r="F8288" i="2" a="1"/>
  <c r="F8288" i="2" s="1"/>
  <c r="F8276" i="2" a="1"/>
  <c r="F8276" i="2" s="1"/>
  <c r="F8280" i="2" a="1"/>
  <c r="F8280" i="2" s="1"/>
  <c r="F8289" i="2" a="1"/>
  <c r="F8289" i="2" s="1"/>
  <c r="F8285" i="2" a="1"/>
  <c r="F8285" i="2" s="1"/>
  <c r="F8266" i="2" a="1"/>
  <c r="F8266" i="2" s="1"/>
  <c r="F8278" i="2" a="1"/>
  <c r="F8278" i="2" s="1"/>
  <c r="F8281" i="2" a="1"/>
  <c r="F8281" i="2" s="1"/>
  <c r="F8283" i="2" a="1"/>
  <c r="F8283" i="2" s="1"/>
  <c r="F8284" i="2" a="1"/>
  <c r="F8284" i="2" s="1"/>
  <c r="F8279" i="2" a="1"/>
  <c r="F8279" i="2" s="1"/>
  <c r="F8286" i="2" a="1"/>
  <c r="F8286" i="2" s="1"/>
  <c r="H5263" i="2" a="1"/>
  <c r="H5263" i="2" s="1"/>
  <c r="H5253" i="2" a="1"/>
  <c r="H5253" i="2" s="1"/>
  <c r="H5255" i="2" a="1"/>
  <c r="H5255" i="2" s="1"/>
  <c r="H5247" i="2" a="1"/>
  <c r="H5247" i="2" s="1"/>
  <c r="H5259" i="2" a="1"/>
  <c r="H5259" i="2" s="1"/>
  <c r="H5244" i="2" a="1"/>
  <c r="H5244" i="2" s="1"/>
  <c r="H5248" i="2" a="1"/>
  <c r="H5248" i="2" s="1"/>
  <c r="H5254" i="2" a="1"/>
  <c r="H5254" i="2" s="1"/>
  <c r="H5245" i="2" a="1"/>
  <c r="H5245" i="2" s="1"/>
  <c r="H5265" i="2" a="1"/>
  <c r="H5265" i="2" s="1"/>
  <c r="H5257" i="2" a="1"/>
  <c r="H5257" i="2" s="1"/>
  <c r="H5250" i="2" a="1"/>
  <c r="H5250" i="2" s="1"/>
  <c r="H5261" i="2" a="1"/>
  <c r="H5261" i="2" s="1"/>
  <c r="H5260" i="2" a="1"/>
  <c r="H5260" i="2" s="1"/>
  <c r="H5243" i="2" a="1"/>
  <c r="H5243" i="2" s="1"/>
  <c r="H5251" i="2" a="1"/>
  <c r="H5251" i="2" s="1"/>
  <c r="H5262" i="2" a="1"/>
  <c r="H5262" i="2" s="1"/>
  <c r="H5246" i="2" a="1"/>
  <c r="H5246" i="2" s="1"/>
  <c r="H5264" i="2" a="1"/>
  <c r="H5264" i="2" s="1"/>
  <c r="H5249" i="2" a="1"/>
  <c r="H5249" i="2" s="1"/>
  <c r="H5252" i="2" a="1"/>
  <c r="H5252" i="2" s="1"/>
  <c r="H5242" i="2" a="1"/>
  <c r="H5242" i="2" s="1"/>
  <c r="H5256" i="2" a="1"/>
  <c r="H5256" i="2" s="1"/>
  <c r="H5258" i="2" a="1"/>
  <c r="H5258" i="2" s="1"/>
  <c r="F7103" i="2" a="1"/>
  <c r="F7103" i="2" s="1"/>
  <c r="F7113" i="2" a="1"/>
  <c r="F7113" i="2" s="1"/>
  <c r="F7101" i="2" a="1"/>
  <c r="F7101" i="2" s="1"/>
  <c r="F7105" i="2" a="1"/>
  <c r="F7105" i="2" s="1"/>
  <c r="F7106" i="2" a="1"/>
  <c r="F7106" i="2" s="1"/>
  <c r="F7092" i="2" a="1"/>
  <c r="F7092" i="2" s="1"/>
  <c r="F7111" i="2" a="1"/>
  <c r="F7111" i="2" s="1"/>
  <c r="F7090" i="2" a="1"/>
  <c r="F7090" i="2" s="1"/>
  <c r="F7108" i="2" a="1"/>
  <c r="F7108" i="2" s="1"/>
  <c r="F7096" i="2" a="1"/>
  <c r="F7096" i="2" s="1"/>
  <c r="F7109" i="2" a="1"/>
  <c r="F7109" i="2" s="1"/>
  <c r="F7091" i="2" a="1"/>
  <c r="F7091" i="2" s="1"/>
  <c r="F7104" i="2" a="1"/>
  <c r="F7104" i="2" s="1"/>
  <c r="F7097" i="2" a="1"/>
  <c r="F7097" i="2" s="1"/>
  <c r="F7094" i="2" a="1"/>
  <c r="F7094" i="2" s="1"/>
  <c r="F7093" i="2" a="1"/>
  <c r="F7093" i="2" s="1"/>
  <c r="F7102" i="2" a="1"/>
  <c r="F7102" i="2" s="1"/>
  <c r="F7110" i="2" a="1"/>
  <c r="F7110" i="2" s="1"/>
  <c r="F7112" i="2" a="1"/>
  <c r="F7112" i="2" s="1"/>
  <c r="F7098" i="2" a="1"/>
  <c r="F7098" i="2" s="1"/>
  <c r="F7099" i="2" a="1"/>
  <c r="F7099" i="2" s="1"/>
  <c r="F7107" i="2" a="1"/>
  <c r="F7107" i="2" s="1"/>
  <c r="F7095" i="2" a="1"/>
  <c r="F7095" i="2" s="1"/>
  <c r="F7100" i="2" a="1"/>
  <c r="F7100" i="2" s="1"/>
  <c r="F752" i="2" a="1"/>
  <c r="F752" i="2" s="1"/>
  <c r="F753" i="2" a="1"/>
  <c r="F753" i="2" s="1"/>
  <c r="F746" i="2" a="1"/>
  <c r="F746" i="2" s="1"/>
  <c r="F740" i="2" a="1"/>
  <c r="F740" i="2" s="1"/>
  <c r="F737" i="2" a="1"/>
  <c r="F737" i="2" s="1"/>
  <c r="F741" i="2" a="1"/>
  <c r="F741" i="2" s="1"/>
  <c r="F747" i="2" a="1"/>
  <c r="F747" i="2" s="1"/>
  <c r="F732" i="2" a="1"/>
  <c r="F732" i="2" s="1"/>
  <c r="F738" i="2" a="1"/>
  <c r="F738" i="2" s="1"/>
  <c r="F733" i="2" a="1"/>
  <c r="F733" i="2" s="1"/>
  <c r="F750" i="2" a="1"/>
  <c r="F750" i="2" s="1"/>
  <c r="F734" i="2" a="1"/>
  <c r="F734" i="2" s="1"/>
  <c r="F751" i="2" a="1"/>
  <c r="F751" i="2" s="1"/>
  <c r="F731" i="2" a="1"/>
  <c r="F731" i="2" s="1"/>
  <c r="F742" i="2" a="1"/>
  <c r="F742" i="2" s="1"/>
  <c r="F736" i="2" a="1"/>
  <c r="F736" i="2" s="1"/>
  <c r="F735" i="2" a="1"/>
  <c r="F735" i="2" s="1"/>
  <c r="F739" i="2" a="1"/>
  <c r="F739" i="2" s="1"/>
  <c r="F745" i="2" a="1"/>
  <c r="F745" i="2" s="1"/>
  <c r="F730" i="2" a="1"/>
  <c r="F730" i="2" s="1"/>
  <c r="F744" i="2" a="1"/>
  <c r="F744" i="2" s="1"/>
  <c r="F748" i="2" a="1"/>
  <c r="F748" i="2" s="1"/>
  <c r="F749" i="2" a="1"/>
  <c r="F749" i="2" s="1"/>
  <c r="F743" i="2" a="1"/>
  <c r="F743" i="2" s="1"/>
  <c r="F7425" i="2" a="1"/>
  <c r="F7425" i="2" s="1"/>
  <c r="F7415" i="2" a="1"/>
  <c r="F7415" i="2" s="1"/>
  <c r="F7410" i="2" a="1"/>
  <c r="F7410" i="2" s="1"/>
  <c r="F7402" i="2" a="1"/>
  <c r="F7402" i="2" s="1"/>
  <c r="F7421" i="2" a="1"/>
  <c r="F7421" i="2" s="1"/>
  <c r="F7424" i="2" a="1"/>
  <c r="F7424" i="2" s="1"/>
  <c r="F7403" i="2" a="1"/>
  <c r="F7403" i="2" s="1"/>
  <c r="F7417" i="2" a="1"/>
  <c r="F7417" i="2" s="1"/>
  <c r="F7404" i="2" a="1"/>
  <c r="F7404" i="2" s="1"/>
  <c r="F7407" i="2" a="1"/>
  <c r="F7407" i="2" s="1"/>
  <c r="F7416" i="2" a="1"/>
  <c r="F7416" i="2" s="1"/>
  <c r="F7414" i="2" a="1"/>
  <c r="F7414" i="2" s="1"/>
  <c r="F7418" i="2" a="1"/>
  <c r="F7418" i="2" s="1"/>
  <c r="F7413" i="2" a="1"/>
  <c r="F7413" i="2" s="1"/>
  <c r="F7422" i="2" a="1"/>
  <c r="F7422" i="2" s="1"/>
  <c r="F7405" i="2" a="1"/>
  <c r="F7405" i="2" s="1"/>
  <c r="F7419" i="2" a="1"/>
  <c r="F7419" i="2" s="1"/>
  <c r="F7411" i="2" a="1"/>
  <c r="F7411" i="2" s="1"/>
  <c r="F7408" i="2" a="1"/>
  <c r="F7408" i="2" s="1"/>
  <c r="F7412" i="2" a="1"/>
  <c r="F7412" i="2" s="1"/>
  <c r="F7423" i="2" a="1"/>
  <c r="F7423" i="2" s="1"/>
  <c r="F7420" i="2" a="1"/>
  <c r="F7420" i="2" s="1"/>
  <c r="F7406" i="2" a="1"/>
  <c r="F7406" i="2" s="1"/>
  <c r="F7409" i="2" a="1"/>
  <c r="F7409" i="2" s="1"/>
  <c r="E1626" i="2" a="1"/>
  <c r="E1626" i="2" s="1"/>
  <c r="E1627" i="2" a="1"/>
  <c r="E1627" i="2" s="1"/>
  <c r="E1628" i="2" a="1"/>
  <c r="E1628" i="2" s="1"/>
  <c r="E1637" i="2" a="1"/>
  <c r="E1637" i="2" s="1"/>
  <c r="E1629" i="2" a="1"/>
  <c r="E1629" i="2" s="1"/>
  <c r="E1631" i="2" a="1"/>
  <c r="E1631" i="2" s="1"/>
  <c r="E1620" i="2" a="1"/>
  <c r="E1620" i="2" s="1"/>
  <c r="E1618" i="2" a="1"/>
  <c r="E1618" i="2" s="1"/>
  <c r="E1632" i="2" a="1"/>
  <c r="E1632" i="2" s="1"/>
  <c r="E1636" i="2" a="1"/>
  <c r="E1636" i="2" s="1"/>
  <c r="E1638" i="2" a="1"/>
  <c r="E1638" i="2" s="1"/>
  <c r="E1621" i="2" a="1"/>
  <c r="E1621" i="2" s="1"/>
  <c r="E1640" i="2" a="1"/>
  <c r="E1640" i="2" s="1"/>
  <c r="E1641" i="2" a="1"/>
  <c r="E1641" i="2" s="1"/>
  <c r="E1625" i="2" a="1"/>
  <c r="E1625" i="2" s="1"/>
  <c r="E1622" i="2" a="1"/>
  <c r="E1622" i="2" s="1"/>
  <c r="E1623" i="2" a="1"/>
  <c r="E1623" i="2" s="1"/>
  <c r="E1630" i="2" a="1"/>
  <c r="E1630" i="2" s="1"/>
  <c r="E1635" i="2" a="1"/>
  <c r="E1635" i="2" s="1"/>
  <c r="E1639" i="2" a="1"/>
  <c r="E1639" i="2" s="1"/>
  <c r="E1624" i="2" a="1"/>
  <c r="E1624" i="2" s="1"/>
  <c r="E1619" i="2" a="1"/>
  <c r="E1619" i="2" s="1"/>
  <c r="E1634" i="2" a="1"/>
  <c r="E1634" i="2" s="1"/>
  <c r="E1633" i="2" a="1"/>
  <c r="E1633" i="2" s="1"/>
  <c r="E3468" i="2" a="1"/>
  <c r="E3468" i="2" s="1"/>
  <c r="E3487" i="2" a="1"/>
  <c r="E3487" i="2" s="1"/>
  <c r="E3482" i="2" a="1"/>
  <c r="E3482" i="2" s="1"/>
  <c r="E3489" i="2" a="1"/>
  <c r="E3489" i="2" s="1"/>
  <c r="E3477" i="2" a="1"/>
  <c r="E3477" i="2" s="1"/>
  <c r="E3483" i="2" a="1"/>
  <c r="E3483" i="2" s="1"/>
  <c r="E3476" i="2" a="1"/>
  <c r="E3476" i="2" s="1"/>
  <c r="E3466" i="2" a="1"/>
  <c r="E3466" i="2" s="1"/>
  <c r="E3470" i="2" a="1"/>
  <c r="E3470" i="2" s="1"/>
  <c r="E3485" i="2" a="1"/>
  <c r="E3485" i="2" s="1"/>
  <c r="E3481" i="2" a="1"/>
  <c r="E3481" i="2" s="1"/>
  <c r="E3475" i="2" a="1"/>
  <c r="E3475" i="2" s="1"/>
  <c r="E3472" i="2" a="1"/>
  <c r="E3472" i="2" s="1"/>
  <c r="E3484" i="2" a="1"/>
  <c r="E3484" i="2" s="1"/>
  <c r="E3479" i="2" a="1"/>
  <c r="E3479" i="2" s="1"/>
  <c r="E3480" i="2" a="1"/>
  <c r="E3480" i="2" s="1"/>
  <c r="E3467" i="2" a="1"/>
  <c r="E3467" i="2" s="1"/>
  <c r="E3488" i="2" a="1"/>
  <c r="E3488" i="2" s="1"/>
  <c r="E3473" i="2" a="1"/>
  <c r="E3473" i="2" s="1"/>
  <c r="E3486" i="2" a="1"/>
  <c r="E3486" i="2" s="1"/>
  <c r="E3474" i="2" a="1"/>
  <c r="E3474" i="2" s="1"/>
  <c r="E3478" i="2" a="1"/>
  <c r="E3478" i="2" s="1"/>
  <c r="E3469" i="2" a="1"/>
  <c r="E3469" i="2" s="1"/>
  <c r="E3471" i="2" a="1"/>
  <c r="E3471" i="2" s="1"/>
  <c r="AO221" i="1"/>
  <c r="E227" i="5" s="1"/>
  <c r="AQ221" i="1"/>
  <c r="G227" i="5" s="1"/>
  <c r="AN221" i="1"/>
  <c r="D227" i="5" s="1"/>
  <c r="AP221" i="1"/>
  <c r="F227" i="5" s="1"/>
  <c r="AM221" i="1"/>
  <c r="D5292" i="2" a="1"/>
  <c r="D5292" i="2" s="1"/>
  <c r="D5296" i="2" a="1"/>
  <c r="D5296" i="2" s="1"/>
  <c r="D5300" i="2" a="1"/>
  <c r="D5300" i="2" s="1"/>
  <c r="D5304" i="2" a="1"/>
  <c r="D5304" i="2" s="1"/>
  <c r="D5308" i="2" a="1"/>
  <c r="D5308" i="2" s="1"/>
  <c r="D5312" i="2" a="1"/>
  <c r="D5312" i="2" s="1"/>
  <c r="D5291" i="2" a="1"/>
  <c r="D5291" i="2" s="1"/>
  <c r="D5295" i="2" a="1"/>
  <c r="D5295" i="2" s="1"/>
  <c r="D5299" i="2" a="1"/>
  <c r="D5299" i="2" s="1"/>
  <c r="D5298" i="2" a="1"/>
  <c r="D5298" i="2" s="1"/>
  <c r="D5302" i="2" a="1"/>
  <c r="D5302" i="2" s="1"/>
  <c r="D5306" i="2" a="1"/>
  <c r="D5306" i="2" s="1"/>
  <c r="D5310" i="2" a="1"/>
  <c r="D5310" i="2" s="1"/>
  <c r="D5294" i="2" a="1"/>
  <c r="D5294" i="2" s="1"/>
  <c r="D5307" i="2" a="1"/>
  <c r="D5307" i="2" s="1"/>
  <c r="D5290" i="2" a="1"/>
  <c r="D5290" i="2" s="1"/>
  <c r="D5293" i="2" a="1"/>
  <c r="D5293" i="2" s="1"/>
  <c r="D5297" i="2" a="1"/>
  <c r="D5297" i="2" s="1"/>
  <c r="D5301" i="2" a="1"/>
  <c r="D5301" i="2" s="1"/>
  <c r="D5305" i="2" a="1"/>
  <c r="D5305" i="2" s="1"/>
  <c r="D5309" i="2" a="1"/>
  <c r="D5309" i="2" s="1"/>
  <c r="D5313" i="2" a="1"/>
  <c r="D5313" i="2" s="1"/>
  <c r="D5311" i="2" a="1"/>
  <c r="D5311" i="2" s="1"/>
  <c r="D5303" i="2" a="1"/>
  <c r="D5303" i="2" s="1"/>
  <c r="F7599" i="2" a="1"/>
  <c r="F7599" i="2" s="1"/>
  <c r="F7605" i="2" a="1"/>
  <c r="F7605" i="2" s="1"/>
  <c r="F7596" i="2" a="1"/>
  <c r="F7596" i="2" s="1"/>
  <c r="F7613" i="2" a="1"/>
  <c r="F7613" i="2" s="1"/>
  <c r="F7609" i="2" a="1"/>
  <c r="F7609" i="2" s="1"/>
  <c r="F7617" i="2" a="1"/>
  <c r="F7617" i="2" s="1"/>
  <c r="F7616" i="2" a="1"/>
  <c r="F7616" i="2" s="1"/>
  <c r="F7612" i="2" a="1"/>
  <c r="F7612" i="2" s="1"/>
  <c r="F7606" i="2" a="1"/>
  <c r="F7606" i="2" s="1"/>
  <c r="F7602" i="2" a="1"/>
  <c r="F7602" i="2" s="1"/>
  <c r="F7604" i="2" a="1"/>
  <c r="F7604" i="2" s="1"/>
  <c r="F7600" i="2" a="1"/>
  <c r="F7600" i="2" s="1"/>
  <c r="F7614" i="2" a="1"/>
  <c r="F7614" i="2" s="1"/>
  <c r="F7594" i="2" a="1"/>
  <c r="F7594" i="2" s="1"/>
  <c r="F7601" i="2" a="1"/>
  <c r="F7601" i="2" s="1"/>
  <c r="F7615" i="2" a="1"/>
  <c r="F7615" i="2" s="1"/>
  <c r="F7597" i="2" a="1"/>
  <c r="F7597" i="2" s="1"/>
  <c r="F7598" i="2" a="1"/>
  <c r="F7598" i="2" s="1"/>
  <c r="F7607" i="2" a="1"/>
  <c r="F7607" i="2" s="1"/>
  <c r="F7610" i="2" a="1"/>
  <c r="F7610" i="2" s="1"/>
  <c r="F7611" i="2" a="1"/>
  <c r="F7611" i="2" s="1"/>
  <c r="F7595" i="2" a="1"/>
  <c r="F7595" i="2" s="1"/>
  <c r="F7608" i="2" a="1"/>
  <c r="F7608" i="2" s="1"/>
  <c r="F7603" i="2" a="1"/>
  <c r="F7603" i="2" s="1"/>
  <c r="E8139" i="2" a="1"/>
  <c r="E8139" i="2" s="1"/>
  <c r="E8145" i="2" a="1"/>
  <c r="E8145" i="2" s="1"/>
  <c r="E8128" i="2" a="1"/>
  <c r="E8128" i="2" s="1"/>
  <c r="E8124" i="2" a="1"/>
  <c r="E8124" i="2" s="1"/>
  <c r="AO101" i="1"/>
  <c r="E107" i="5" s="1"/>
  <c r="AN101" i="1"/>
  <c r="D107" i="5" s="1"/>
  <c r="AP101" i="1"/>
  <c r="F107" i="5" s="1"/>
  <c r="AQ101" i="1"/>
  <c r="G107" i="5" s="1"/>
  <c r="AM101" i="1"/>
  <c r="D2418" i="2" a="1"/>
  <c r="D2418" i="2" s="1"/>
  <c r="D2422" i="2" a="1"/>
  <c r="D2422" i="2" s="1"/>
  <c r="D2413" i="2" a="1"/>
  <c r="D2413" i="2" s="1"/>
  <c r="D2417" i="2" a="1"/>
  <c r="D2417" i="2" s="1"/>
  <c r="D2421" i="2" a="1"/>
  <c r="D2421" i="2" s="1"/>
  <c r="D2425" i="2" a="1"/>
  <c r="D2425" i="2" s="1"/>
  <c r="D2416" i="2" a="1"/>
  <c r="D2416" i="2" s="1"/>
  <c r="D2420" i="2" a="1"/>
  <c r="D2420" i="2" s="1"/>
  <c r="D2428" i="2" a="1"/>
  <c r="D2428" i="2" s="1"/>
  <c r="D2433" i="2" a="1"/>
  <c r="D2433" i="2" s="1"/>
  <c r="D2429" i="2" a="1"/>
  <c r="D2429" i="2" s="1"/>
  <c r="D2432" i="2" a="1"/>
  <c r="D2432" i="2" s="1"/>
  <c r="D2411" i="2" a="1"/>
  <c r="D2411" i="2" s="1"/>
  <c r="D2415" i="2" a="1"/>
  <c r="D2415" i="2" s="1"/>
  <c r="D2419" i="2" a="1"/>
  <c r="D2419" i="2" s="1"/>
  <c r="D2427" i="2" a="1"/>
  <c r="D2427" i="2" s="1"/>
  <c r="D2431" i="2" a="1"/>
  <c r="D2431" i="2" s="1"/>
  <c r="D2412" i="2" a="1"/>
  <c r="D2412" i="2" s="1"/>
  <c r="D2424" i="2" a="1"/>
  <c r="D2424" i="2" s="1"/>
  <c r="D2423" i="2" a="1"/>
  <c r="D2423" i="2" s="1"/>
  <c r="D2410" i="2" a="1"/>
  <c r="D2410" i="2" s="1"/>
  <c r="D2414" i="2" a="1"/>
  <c r="D2414" i="2" s="1"/>
  <c r="D2426" i="2" a="1"/>
  <c r="D2426" i="2" s="1"/>
  <c r="D2430" i="2" a="1"/>
  <c r="D2430" i="2" s="1"/>
  <c r="AP193" i="1"/>
  <c r="F199" i="5" s="1"/>
  <c r="AN193" i="1"/>
  <c r="D199" i="5" s="1"/>
  <c r="AQ193" i="1"/>
  <c r="G199" i="5" s="1"/>
  <c r="AO193" i="1"/>
  <c r="E199" i="5" s="1"/>
  <c r="AM193" i="1"/>
  <c r="D4619" i="2" a="1"/>
  <c r="D4619" i="2" s="1"/>
  <c r="D4623" i="2" a="1"/>
  <c r="D4623" i="2" s="1"/>
  <c r="D4627" i="2" a="1"/>
  <c r="D4627" i="2" s="1"/>
  <c r="D4631" i="2" a="1"/>
  <c r="D4631" i="2" s="1"/>
  <c r="D4635" i="2" a="1"/>
  <c r="D4635" i="2" s="1"/>
  <c r="D4639" i="2" a="1"/>
  <c r="D4639" i="2" s="1"/>
  <c r="D4638" i="2" a="1"/>
  <c r="D4638" i="2" s="1"/>
  <c r="D4621" i="2" a="1"/>
  <c r="D4621" i="2" s="1"/>
  <c r="D4625" i="2" a="1"/>
  <c r="D4625" i="2" s="1"/>
  <c r="D4633" i="2" a="1"/>
  <c r="D4633" i="2" s="1"/>
  <c r="D4637" i="2" a="1"/>
  <c r="D4637" i="2" s="1"/>
  <c r="D4620" i="2" a="1"/>
  <c r="D4620" i="2" s="1"/>
  <c r="D4628" i="2" a="1"/>
  <c r="D4628" i="2" s="1"/>
  <c r="D4632" i="2" a="1"/>
  <c r="D4632" i="2" s="1"/>
  <c r="D4636" i="2" a="1"/>
  <c r="D4636" i="2" s="1"/>
  <c r="D4640" i="2" a="1"/>
  <c r="D4640" i="2" s="1"/>
  <c r="D4626" i="2" a="1"/>
  <c r="D4626" i="2" s="1"/>
  <c r="D4624" i="2" a="1"/>
  <c r="D4624" i="2" s="1"/>
  <c r="D4630" i="2" a="1"/>
  <c r="D4630" i="2" s="1"/>
  <c r="D4618" i="2" a="1"/>
  <c r="D4618" i="2" s="1"/>
  <c r="D4634" i="2" a="1"/>
  <c r="D4634" i="2" s="1"/>
  <c r="D4622" i="2" a="1"/>
  <c r="D4622" i="2" s="1"/>
  <c r="D4641" i="2" a="1"/>
  <c r="D4641" i="2" s="1"/>
  <c r="D4629" i="2" a="1"/>
  <c r="D4629" i="2" s="1"/>
  <c r="E5254" i="2" a="1"/>
  <c r="E5254" i="2" s="1"/>
  <c r="E5257" i="2" a="1"/>
  <c r="E5257" i="2" s="1"/>
  <c r="E5242" i="2" a="1"/>
  <c r="E5242" i="2" s="1"/>
  <c r="E5244" i="2" a="1"/>
  <c r="E5244" i="2" s="1"/>
  <c r="E5263" i="2" a="1"/>
  <c r="E5263" i="2" s="1"/>
  <c r="E5259" i="2" a="1"/>
  <c r="E5259" i="2" s="1"/>
  <c r="E5247" i="2" a="1"/>
  <c r="E5247" i="2" s="1"/>
  <c r="E5250" i="2" a="1"/>
  <c r="E5250" i="2" s="1"/>
  <c r="E5253" i="2" a="1"/>
  <c r="E5253" i="2" s="1"/>
  <c r="E5258" i="2" a="1"/>
  <c r="E5258" i="2" s="1"/>
  <c r="E5255" i="2" a="1"/>
  <c r="E5255" i="2" s="1"/>
  <c r="E5252" i="2" a="1"/>
  <c r="E5252" i="2" s="1"/>
  <c r="E5251" i="2" a="1"/>
  <c r="E5251" i="2" s="1"/>
  <c r="E5243" i="2" a="1"/>
  <c r="E5243" i="2" s="1"/>
  <c r="E5260" i="2" a="1"/>
  <c r="E5260" i="2" s="1"/>
  <c r="E5265" i="2" a="1"/>
  <c r="E5265" i="2" s="1"/>
  <c r="E5245" i="2" a="1"/>
  <c r="E5245" i="2" s="1"/>
  <c r="E5261" i="2" a="1"/>
  <c r="E5261" i="2" s="1"/>
  <c r="E5246" i="2" a="1"/>
  <c r="E5246" i="2" s="1"/>
  <c r="E5262" i="2" a="1"/>
  <c r="E5262" i="2" s="1"/>
  <c r="E5256" i="2" a="1"/>
  <c r="E5256" i="2" s="1"/>
  <c r="E5264" i="2" a="1"/>
  <c r="E5264" i="2" s="1"/>
  <c r="E5248" i="2" a="1"/>
  <c r="E5248" i="2" s="1"/>
  <c r="E5249" i="2" a="1"/>
  <c r="E5249" i="2" s="1"/>
  <c r="G7820" i="2" a="1"/>
  <c r="G7820" i="2" s="1"/>
  <c r="G7829" i="2" a="1"/>
  <c r="G7829" i="2" s="1"/>
  <c r="G7833" i="2" a="1"/>
  <c r="G7833" i="2" s="1"/>
  <c r="G7830" i="2" a="1"/>
  <c r="G7830" i="2" s="1"/>
  <c r="G7821" i="2" a="1"/>
  <c r="G7821" i="2" s="1"/>
  <c r="G7812" i="2" a="1"/>
  <c r="G7812" i="2" s="1"/>
  <c r="G7824" i="2" a="1"/>
  <c r="G7824" i="2" s="1"/>
  <c r="G7813" i="2" a="1"/>
  <c r="G7813" i="2" s="1"/>
  <c r="G7831" i="2" a="1"/>
  <c r="G7831" i="2" s="1"/>
  <c r="G7825" i="2" a="1"/>
  <c r="G7825" i="2" s="1"/>
  <c r="G7816" i="2" a="1"/>
  <c r="G7816" i="2" s="1"/>
  <c r="G7819" i="2" a="1"/>
  <c r="G7819" i="2" s="1"/>
  <c r="G7815" i="2" a="1"/>
  <c r="G7815" i="2" s="1"/>
  <c r="G7814" i="2" a="1"/>
  <c r="G7814" i="2" s="1"/>
  <c r="G7817" i="2" a="1"/>
  <c r="G7817" i="2" s="1"/>
  <c r="G7823" i="2" a="1"/>
  <c r="G7823" i="2" s="1"/>
  <c r="G7810" i="2" a="1"/>
  <c r="G7810" i="2" s="1"/>
  <c r="G7822" i="2" a="1"/>
  <c r="G7822" i="2" s="1"/>
  <c r="G7828" i="2" a="1"/>
  <c r="G7828" i="2" s="1"/>
  <c r="G7832" i="2" a="1"/>
  <c r="G7832" i="2" s="1"/>
  <c r="G7827" i="2" a="1"/>
  <c r="G7827" i="2" s="1"/>
  <c r="G7811" i="2" a="1"/>
  <c r="G7811" i="2" s="1"/>
  <c r="G7826" i="2" a="1"/>
  <c r="G7826" i="2" s="1"/>
  <c r="G7818" i="2" a="1"/>
  <c r="G7818" i="2" s="1"/>
  <c r="F4344" i="2" a="1"/>
  <c r="F4344" i="2" s="1"/>
  <c r="F4332" i="2" a="1"/>
  <c r="F4332" i="2" s="1"/>
  <c r="F4339" i="2" a="1"/>
  <c r="F4339" i="2" s="1"/>
  <c r="F4336" i="2" a="1"/>
  <c r="F4336" i="2" s="1"/>
  <c r="F4352" i="2" a="1"/>
  <c r="F4352" i="2" s="1"/>
  <c r="F4338" i="2" a="1"/>
  <c r="F4338" i="2" s="1"/>
  <c r="F4342" i="2" a="1"/>
  <c r="F4342" i="2" s="1"/>
  <c r="F4349" i="2" a="1"/>
  <c r="F4349" i="2" s="1"/>
  <c r="F4347" i="2" a="1"/>
  <c r="F4347" i="2" s="1"/>
  <c r="F4335" i="2" a="1"/>
  <c r="F4335" i="2" s="1"/>
  <c r="F4350" i="2" a="1"/>
  <c r="F4350" i="2" s="1"/>
  <c r="F4343" i="2" a="1"/>
  <c r="F4343" i="2" s="1"/>
  <c r="F4351" i="2" a="1"/>
  <c r="F4351" i="2" s="1"/>
  <c r="F4331" i="2" a="1"/>
  <c r="F4331" i="2" s="1"/>
  <c r="F4330" i="2" a="1"/>
  <c r="F4330" i="2" s="1"/>
  <c r="F4341" i="2" a="1"/>
  <c r="F4341" i="2" s="1"/>
  <c r="F4337" i="2" a="1"/>
  <c r="F4337" i="2" s="1"/>
  <c r="F4340" i="2" a="1"/>
  <c r="F4340" i="2" s="1"/>
  <c r="F4353" i="2" a="1"/>
  <c r="F4353" i="2" s="1"/>
  <c r="F4348" i="2" a="1"/>
  <c r="F4348" i="2" s="1"/>
  <c r="F4345" i="2" a="1"/>
  <c r="F4345" i="2" s="1"/>
  <c r="F4346" i="2" a="1"/>
  <c r="F4346" i="2" s="1"/>
  <c r="F4333" i="2" a="1"/>
  <c r="F4333" i="2" s="1"/>
  <c r="F4334" i="2" a="1"/>
  <c r="F4334" i="2" s="1"/>
  <c r="AN345" i="1"/>
  <c r="D351" i="5" s="1"/>
  <c r="AP345" i="1"/>
  <c r="F351" i="5" s="1"/>
  <c r="AQ345" i="1"/>
  <c r="G351" i="5" s="1"/>
  <c r="AO345" i="1"/>
  <c r="E351" i="5" s="1"/>
  <c r="AM345" i="1"/>
  <c r="D8288" i="2" a="1"/>
  <c r="D8288" i="2" s="1"/>
  <c r="D8267" i="2" a="1"/>
  <c r="D8267" i="2" s="1"/>
  <c r="D8268" i="2" a="1"/>
  <c r="D8268" i="2" s="1"/>
  <c r="D8276" i="2" a="1"/>
  <c r="D8276" i="2" s="1"/>
  <c r="D8280" i="2" a="1"/>
  <c r="D8280" i="2" s="1"/>
  <c r="D8284" i="2" a="1"/>
  <c r="D8284" i="2" s="1"/>
  <c r="D8285" i="2" a="1"/>
  <c r="D8285" i="2" s="1"/>
  <c r="D8279" i="2" a="1"/>
  <c r="D8279" i="2" s="1"/>
  <c r="D8287" i="2" a="1"/>
  <c r="D8287" i="2" s="1"/>
  <c r="D8272" i="2" a="1"/>
  <c r="D8272" i="2" s="1"/>
  <c r="D8269" i="2" a="1"/>
  <c r="D8269" i="2" s="1"/>
  <c r="D8273" i="2" a="1"/>
  <c r="D8273" i="2" s="1"/>
  <c r="D8277" i="2" a="1"/>
  <c r="D8277" i="2" s="1"/>
  <c r="D8281" i="2" a="1"/>
  <c r="D8281" i="2" s="1"/>
  <c r="D8270" i="2" a="1"/>
  <c r="D8270" i="2" s="1"/>
  <c r="D8289" i="2" a="1"/>
  <c r="D8289" i="2" s="1"/>
  <c r="D8266" i="2" a="1"/>
  <c r="D8266" i="2" s="1"/>
  <c r="D8274" i="2" a="1"/>
  <c r="D8274" i="2" s="1"/>
  <c r="D8278" i="2" a="1"/>
  <c r="D8278" i="2" s="1"/>
  <c r="D8282" i="2" a="1"/>
  <c r="D8282" i="2" s="1"/>
  <c r="D8286" i="2" a="1"/>
  <c r="D8286" i="2" s="1"/>
  <c r="D8271" i="2" a="1"/>
  <c r="D8271" i="2" s="1"/>
  <c r="D8275" i="2" a="1"/>
  <c r="D8275" i="2" s="1"/>
  <c r="D8283" i="2" a="1"/>
  <c r="D8283" i="2" s="1"/>
  <c r="AN205" i="1"/>
  <c r="D211" i="5" s="1"/>
  <c r="AQ205" i="1"/>
  <c r="G211" i="5" s="1"/>
  <c r="AO205" i="1"/>
  <c r="E211" i="5" s="1"/>
  <c r="AP205" i="1"/>
  <c r="F211" i="5" s="1"/>
  <c r="AM205" i="1"/>
  <c r="D4928" i="2" a="1"/>
  <c r="D4928" i="2" s="1"/>
  <c r="D4910" i="2" a="1"/>
  <c r="D4910" i="2" s="1"/>
  <c r="D4914" i="2" a="1"/>
  <c r="D4914" i="2" s="1"/>
  <c r="D4918" i="2" a="1"/>
  <c r="D4918" i="2" s="1"/>
  <c r="D4922" i="2" a="1"/>
  <c r="D4922" i="2" s="1"/>
  <c r="D4926" i="2" a="1"/>
  <c r="D4926" i="2" s="1"/>
  <c r="D4906" i="2" a="1"/>
  <c r="D4906" i="2" s="1"/>
  <c r="D4909" i="2" a="1"/>
  <c r="D4909" i="2" s="1"/>
  <c r="D4913" i="2" a="1"/>
  <c r="D4913" i="2" s="1"/>
  <c r="D4921" i="2" a="1"/>
  <c r="D4921" i="2" s="1"/>
  <c r="D4925" i="2" a="1"/>
  <c r="D4925" i="2" s="1"/>
  <c r="D4929" i="2" a="1"/>
  <c r="D4929" i="2" s="1"/>
  <c r="D4908" i="2" a="1"/>
  <c r="D4908" i="2" s="1"/>
  <c r="D4912" i="2" a="1"/>
  <c r="D4912" i="2" s="1"/>
  <c r="D4916" i="2" a="1"/>
  <c r="D4916" i="2" s="1"/>
  <c r="D4920" i="2" a="1"/>
  <c r="D4920" i="2" s="1"/>
  <c r="D4924" i="2" a="1"/>
  <c r="D4924" i="2" s="1"/>
  <c r="D4917" i="2" a="1"/>
  <c r="D4917" i="2" s="1"/>
  <c r="D4907" i="2" a="1"/>
  <c r="D4907" i="2" s="1"/>
  <c r="D4911" i="2" a="1"/>
  <c r="D4911" i="2" s="1"/>
  <c r="D4915" i="2" a="1"/>
  <c r="D4915" i="2" s="1"/>
  <c r="D4919" i="2" a="1"/>
  <c r="D4919" i="2" s="1"/>
  <c r="D4923" i="2" a="1"/>
  <c r="D4923" i="2" s="1"/>
  <c r="D4927" i="2" a="1"/>
  <c r="D4927" i="2" s="1"/>
  <c r="H2413" i="2" a="1"/>
  <c r="H2413" i="2" s="1"/>
  <c r="H2431" i="2" a="1"/>
  <c r="H2431" i="2" s="1"/>
  <c r="H2430" i="2" a="1"/>
  <c r="H2430" i="2" s="1"/>
  <c r="H2433" i="2" a="1"/>
  <c r="H2433" i="2" s="1"/>
  <c r="H2425" i="2" a="1"/>
  <c r="H2425" i="2" s="1"/>
  <c r="H2414" i="2" a="1"/>
  <c r="H2414" i="2" s="1"/>
  <c r="H2421" i="2" a="1"/>
  <c r="H2421" i="2" s="1"/>
  <c r="H2423" i="2" a="1"/>
  <c r="H2423" i="2" s="1"/>
  <c r="H2432" i="2" a="1"/>
  <c r="H2432" i="2" s="1"/>
  <c r="H2424" i="2" a="1"/>
  <c r="H2424" i="2" s="1"/>
  <c r="H2410" i="2" a="1"/>
  <c r="H2410" i="2" s="1"/>
  <c r="H2415" i="2" a="1"/>
  <c r="H2415" i="2" s="1"/>
  <c r="H2420" i="2" a="1"/>
  <c r="H2420" i="2" s="1"/>
  <c r="H2426" i="2" a="1"/>
  <c r="H2426" i="2" s="1"/>
  <c r="H2416" i="2" a="1"/>
  <c r="H2416" i="2" s="1"/>
  <c r="H2422" i="2" a="1"/>
  <c r="H2422" i="2" s="1"/>
  <c r="H2411" i="2" a="1"/>
  <c r="H2411" i="2" s="1"/>
  <c r="H2417" i="2" a="1"/>
  <c r="H2417" i="2" s="1"/>
  <c r="H2419" i="2" a="1"/>
  <c r="H2419" i="2" s="1"/>
  <c r="H2418" i="2" a="1"/>
  <c r="H2418" i="2" s="1"/>
  <c r="H2429" i="2" a="1"/>
  <c r="H2429" i="2" s="1"/>
  <c r="H2427" i="2" a="1"/>
  <c r="H2427" i="2" s="1"/>
  <c r="H2412" i="2" a="1"/>
  <c r="H2412" i="2" s="1"/>
  <c r="H2428" i="2" a="1"/>
  <c r="H2428" i="2" s="1"/>
  <c r="H2058" i="2" a="1"/>
  <c r="H2058" i="2" s="1"/>
  <c r="H2068" i="2" a="1"/>
  <c r="H2068" i="2" s="1"/>
  <c r="H2073" i="2" a="1"/>
  <c r="H2073" i="2" s="1"/>
  <c r="H2069" i="2" a="1"/>
  <c r="H2069" i="2" s="1"/>
  <c r="H2063" i="2" a="1"/>
  <c r="H2063" i="2" s="1"/>
  <c r="H2072" i="2" a="1"/>
  <c r="H2072" i="2" s="1"/>
  <c r="H2062" i="2" a="1"/>
  <c r="H2062" i="2" s="1"/>
  <c r="H2050" i="2" a="1"/>
  <c r="H2050" i="2" s="1"/>
  <c r="H2064" i="2" a="1"/>
  <c r="H2064" i="2" s="1"/>
  <c r="H2067" i="2" a="1"/>
  <c r="H2067" i="2" s="1"/>
  <c r="H2066" i="2" a="1"/>
  <c r="H2066" i="2" s="1"/>
  <c r="H2070" i="2" a="1"/>
  <c r="H2070" i="2" s="1"/>
  <c r="H2052" i="2" a="1"/>
  <c r="H2052" i="2" s="1"/>
  <c r="H2054" i="2" a="1"/>
  <c r="H2054" i="2" s="1"/>
  <c r="H2061" i="2" a="1"/>
  <c r="H2061" i="2" s="1"/>
  <c r="H2059" i="2" a="1"/>
  <c r="H2059" i="2" s="1"/>
  <c r="H2055" i="2" a="1"/>
  <c r="H2055" i="2" s="1"/>
  <c r="H2071" i="2" a="1"/>
  <c r="H2071" i="2" s="1"/>
  <c r="H2056" i="2" a="1"/>
  <c r="H2056" i="2" s="1"/>
  <c r="H2060" i="2" a="1"/>
  <c r="H2060" i="2" s="1"/>
  <c r="H2065" i="2" a="1"/>
  <c r="H2065" i="2" s="1"/>
  <c r="H2057" i="2" a="1"/>
  <c r="H2057" i="2" s="1"/>
  <c r="H2051" i="2" a="1"/>
  <c r="H2051" i="2" s="1"/>
  <c r="H2053" i="2" a="1"/>
  <c r="H2053" i="2" s="1"/>
  <c r="AQ328" i="1"/>
  <c r="G334" i="5" s="1"/>
  <c r="AO328" i="1"/>
  <c r="E334" i="5" s="1"/>
  <c r="AP328" i="1"/>
  <c r="F334" i="5" s="1"/>
  <c r="AN328" i="1"/>
  <c r="D334" i="5" s="1"/>
  <c r="AM328" i="1"/>
  <c r="D7859" i="2" a="1"/>
  <c r="D7859" i="2" s="1"/>
  <c r="D7871" i="2" a="1"/>
  <c r="D7871" i="2" s="1"/>
  <c r="D7870" i="2" a="1"/>
  <c r="D7870" i="2" s="1"/>
  <c r="D7861" i="2" a="1"/>
  <c r="D7861" i="2" s="1"/>
  <c r="D7864" i="2" a="1"/>
  <c r="D7864" i="2" s="1"/>
  <c r="D7874" i="2" a="1"/>
  <c r="D7874" i="2" s="1"/>
  <c r="D7860" i="2" a="1"/>
  <c r="D7860" i="2" s="1"/>
  <c r="D7877" i="2" a="1"/>
  <c r="D7877" i="2" s="1"/>
  <c r="D7873" i="2" a="1"/>
  <c r="D7873" i="2" s="1"/>
  <c r="D7858" i="2" a="1"/>
  <c r="D7858" i="2" s="1"/>
  <c r="D7865" i="2" a="1"/>
  <c r="D7865" i="2" s="1"/>
  <c r="D7875" i="2" a="1"/>
  <c r="D7875" i="2" s="1"/>
  <c r="D7879" i="2" a="1"/>
  <c r="D7879" i="2" s="1"/>
  <c r="D7881" i="2" a="1"/>
  <c r="D7881" i="2" s="1"/>
  <c r="D7869" i="2" a="1"/>
  <c r="D7869" i="2" s="1"/>
  <c r="D7867" i="2" a="1"/>
  <c r="D7867" i="2" s="1"/>
  <c r="D7863" i="2" a="1"/>
  <c r="D7863" i="2" s="1"/>
  <c r="D7878" i="2" a="1"/>
  <c r="D7878" i="2" s="1"/>
  <c r="D7876" i="2" a="1"/>
  <c r="D7876" i="2" s="1"/>
  <c r="D7872" i="2" a="1"/>
  <c r="D7872" i="2" s="1"/>
  <c r="D7880" i="2" a="1"/>
  <c r="D7880" i="2" s="1"/>
  <c r="D7866" i="2" a="1"/>
  <c r="D7866" i="2" s="1"/>
  <c r="D7868" i="2" a="1"/>
  <c r="D7868" i="2" s="1"/>
  <c r="D7862" i="2" a="1"/>
  <c r="D7862" i="2" s="1"/>
  <c r="F961" i="2" a="1"/>
  <c r="F961" i="2" s="1"/>
  <c r="F953" i="2" a="1"/>
  <c r="F953" i="2" s="1"/>
  <c r="F962" i="2" a="1"/>
  <c r="F962" i="2" s="1"/>
  <c r="F949" i="2" a="1"/>
  <c r="F949" i="2" s="1"/>
  <c r="F963" i="2" a="1"/>
  <c r="F963" i="2" s="1"/>
  <c r="F951" i="2" a="1"/>
  <c r="F951" i="2" s="1"/>
  <c r="F957" i="2" a="1"/>
  <c r="F957" i="2" s="1"/>
  <c r="F964" i="2" a="1"/>
  <c r="F964" i="2" s="1"/>
  <c r="F954" i="2" a="1"/>
  <c r="F954" i="2" s="1"/>
  <c r="F966" i="2" a="1"/>
  <c r="F966" i="2" s="1"/>
  <c r="F965" i="2" a="1"/>
  <c r="F965" i="2" s="1"/>
  <c r="F952" i="2" a="1"/>
  <c r="F952" i="2" s="1"/>
  <c r="F967" i="2" a="1"/>
  <c r="F967" i="2" s="1"/>
  <c r="F968" i="2" a="1"/>
  <c r="F968" i="2" s="1"/>
  <c r="F959" i="2" a="1"/>
  <c r="F959" i="2" s="1"/>
  <c r="F969" i="2" a="1"/>
  <c r="F969" i="2" s="1"/>
  <c r="F960" i="2" a="1"/>
  <c r="F960" i="2" s="1"/>
  <c r="F947" i="2" a="1"/>
  <c r="F947" i="2" s="1"/>
  <c r="F955" i="2" a="1"/>
  <c r="F955" i="2" s="1"/>
  <c r="F956" i="2" a="1"/>
  <c r="F956" i="2" s="1"/>
  <c r="F958" i="2" a="1"/>
  <c r="F958" i="2" s="1"/>
  <c r="F948" i="2" a="1"/>
  <c r="F948" i="2" s="1"/>
  <c r="F950" i="2" a="1"/>
  <c r="F950" i="2" s="1"/>
  <c r="F946" i="2" a="1"/>
  <c r="F946" i="2" s="1"/>
  <c r="H2280" i="2" a="1"/>
  <c r="H2280" i="2" s="1"/>
  <c r="H2272" i="2" a="1"/>
  <c r="H2272" i="2" s="1"/>
  <c r="H2268" i="2" a="1"/>
  <c r="H2268" i="2" s="1"/>
  <c r="H2289" i="2" a="1"/>
  <c r="H2289" i="2" s="1"/>
  <c r="H2284" i="2" a="1"/>
  <c r="H2284" i="2" s="1"/>
  <c r="H2274" i="2" a="1"/>
  <c r="H2274" i="2" s="1"/>
  <c r="H2283" i="2" a="1"/>
  <c r="H2283" i="2" s="1"/>
  <c r="H2282" i="2" a="1"/>
  <c r="H2282" i="2" s="1"/>
  <c r="H2285" i="2" a="1"/>
  <c r="H2285" i="2" s="1"/>
  <c r="H2266" i="2" a="1"/>
  <c r="H2266" i="2" s="1"/>
  <c r="H2279" i="2" a="1"/>
  <c r="H2279" i="2" s="1"/>
  <c r="H2267" i="2" a="1"/>
  <c r="H2267" i="2" s="1"/>
  <c r="H2278" i="2" a="1"/>
  <c r="H2278" i="2" s="1"/>
  <c r="H2286" i="2" a="1"/>
  <c r="H2286" i="2" s="1"/>
  <c r="H2281" i="2" a="1"/>
  <c r="H2281" i="2" s="1"/>
  <c r="H2273" i="2" a="1"/>
  <c r="H2273" i="2" s="1"/>
  <c r="H2271" i="2" a="1"/>
  <c r="H2271" i="2" s="1"/>
  <c r="H2269" i="2" a="1"/>
  <c r="H2269" i="2" s="1"/>
  <c r="H2287" i="2" a="1"/>
  <c r="H2287" i="2" s="1"/>
  <c r="H2270" i="2" a="1"/>
  <c r="H2270" i="2" s="1"/>
  <c r="H2276" i="2" a="1"/>
  <c r="H2276" i="2" s="1"/>
  <c r="H2277" i="2" a="1"/>
  <c r="H2277" i="2" s="1"/>
  <c r="H2288" i="2" a="1"/>
  <c r="H2288" i="2" s="1"/>
  <c r="H2275" i="2" a="1"/>
  <c r="H2275" i="2" s="1"/>
  <c r="E6703" i="2" a="1"/>
  <c r="E6703" i="2" s="1"/>
  <c r="E6697" i="2" a="1"/>
  <c r="E6697" i="2" s="1"/>
  <c r="E6700" i="2" a="1"/>
  <c r="E6700" i="2" s="1"/>
  <c r="E6704" i="2" a="1"/>
  <c r="E6704" i="2" s="1"/>
  <c r="E6684" i="2" a="1"/>
  <c r="E6684" i="2" s="1"/>
  <c r="E6698" i="2" a="1"/>
  <c r="E6698" i="2" s="1"/>
  <c r="E6690" i="2" a="1"/>
  <c r="E6690" i="2" s="1"/>
  <c r="E6699" i="2" a="1"/>
  <c r="E6699" i="2" s="1"/>
  <c r="E6693" i="2" a="1"/>
  <c r="E6693" i="2" s="1"/>
  <c r="E6702" i="2" a="1"/>
  <c r="E6702" i="2" s="1"/>
  <c r="E6694" i="2" a="1"/>
  <c r="E6694" i="2" s="1"/>
  <c r="E6687" i="2" a="1"/>
  <c r="E6687" i="2" s="1"/>
  <c r="E6695" i="2" a="1"/>
  <c r="E6695" i="2" s="1"/>
  <c r="E6691" i="2" a="1"/>
  <c r="E6691" i="2" s="1"/>
  <c r="E6692" i="2" a="1"/>
  <c r="E6692" i="2" s="1"/>
  <c r="E6701" i="2" a="1"/>
  <c r="E6701" i="2" s="1"/>
  <c r="E6686" i="2" a="1"/>
  <c r="E6686" i="2" s="1"/>
  <c r="E6688" i="2" a="1"/>
  <c r="E6688" i="2" s="1"/>
  <c r="E6689" i="2" a="1"/>
  <c r="E6689" i="2" s="1"/>
  <c r="E6705" i="2" a="1"/>
  <c r="E6705" i="2" s="1"/>
  <c r="E6696" i="2" a="1"/>
  <c r="E6696" i="2" s="1"/>
  <c r="E6683" i="2" a="1"/>
  <c r="E6683" i="2" s="1"/>
  <c r="E6685" i="2" a="1"/>
  <c r="E6685" i="2" s="1"/>
  <c r="E6682" i="2" a="1"/>
  <c r="E6682" i="2" s="1"/>
  <c r="G2806" i="2" a="1"/>
  <c r="G2806" i="2" s="1"/>
  <c r="G2815" i="2" a="1"/>
  <c r="G2815" i="2" s="1"/>
  <c r="G2804" i="2" a="1"/>
  <c r="G2804" i="2" s="1"/>
  <c r="G2809" i="2" a="1"/>
  <c r="G2809" i="2" s="1"/>
  <c r="G2816" i="2" a="1"/>
  <c r="G2816" i="2" s="1"/>
  <c r="G2799" i="2" a="1"/>
  <c r="G2799" i="2" s="1"/>
  <c r="G2797" i="2" a="1"/>
  <c r="G2797" i="2" s="1"/>
  <c r="G2794" i="2" a="1"/>
  <c r="G2794" i="2" s="1"/>
  <c r="G2812" i="2" a="1"/>
  <c r="G2812" i="2" s="1"/>
  <c r="G2803" i="2" a="1"/>
  <c r="G2803" i="2" s="1"/>
  <c r="G2798" i="2" a="1"/>
  <c r="G2798" i="2" s="1"/>
  <c r="G2805" i="2" a="1"/>
  <c r="G2805" i="2" s="1"/>
  <c r="G2813" i="2" a="1"/>
  <c r="G2813" i="2" s="1"/>
  <c r="G2796" i="2" a="1"/>
  <c r="G2796" i="2" s="1"/>
  <c r="G2800" i="2" a="1"/>
  <c r="G2800" i="2" s="1"/>
  <c r="G2810" i="2" a="1"/>
  <c r="G2810" i="2" s="1"/>
  <c r="G2802" i="2" a="1"/>
  <c r="G2802" i="2" s="1"/>
  <c r="G2811" i="2" a="1"/>
  <c r="G2811" i="2" s="1"/>
  <c r="G2807" i="2" a="1"/>
  <c r="G2807" i="2" s="1"/>
  <c r="G2801" i="2" a="1"/>
  <c r="G2801" i="2" s="1"/>
  <c r="G2817" i="2" a="1"/>
  <c r="G2817" i="2" s="1"/>
  <c r="G2814" i="2" a="1"/>
  <c r="G2814" i="2" s="1"/>
  <c r="G2808" i="2" a="1"/>
  <c r="G2808" i="2" s="1"/>
  <c r="G2795" i="2" a="1"/>
  <c r="G2795" i="2" s="1"/>
  <c r="AQ202" i="1"/>
  <c r="G208" i="5" s="1"/>
  <c r="AP202" i="1"/>
  <c r="F208" i="5" s="1"/>
  <c r="AO202" i="1"/>
  <c r="E208" i="5" s="1"/>
  <c r="AN202" i="1"/>
  <c r="D208" i="5" s="1"/>
  <c r="AM202" i="1"/>
  <c r="D4842" i="2" a="1"/>
  <c r="D4842" i="2" s="1"/>
  <c r="D4846" i="2" a="1"/>
  <c r="D4846" i="2" s="1"/>
  <c r="D4837" i="2" a="1"/>
  <c r="D4837" i="2" s="1"/>
  <c r="D4845" i="2" a="1"/>
  <c r="D4845" i="2" s="1"/>
  <c r="D4849" i="2" a="1"/>
  <c r="D4849" i="2" s="1"/>
  <c r="D4853" i="2" a="1"/>
  <c r="D4853" i="2" s="1"/>
  <c r="D4857" i="2" a="1"/>
  <c r="D4857" i="2" s="1"/>
  <c r="D4844" i="2" a="1"/>
  <c r="D4844" i="2" s="1"/>
  <c r="D4848" i="2" a="1"/>
  <c r="D4848" i="2" s="1"/>
  <c r="D4852" i="2" a="1"/>
  <c r="D4852" i="2" s="1"/>
  <c r="D4841" i="2" a="1"/>
  <c r="D4841" i="2" s="1"/>
  <c r="D4835" i="2" a="1"/>
  <c r="D4835" i="2" s="1"/>
  <c r="D4843" i="2" a="1"/>
  <c r="D4843" i="2" s="1"/>
  <c r="D4855" i="2" a="1"/>
  <c r="D4855" i="2" s="1"/>
  <c r="D4836" i="2" a="1"/>
  <c r="D4836" i="2" s="1"/>
  <c r="D4840" i="2" a="1"/>
  <c r="D4840" i="2" s="1"/>
  <c r="D4856" i="2" a="1"/>
  <c r="D4856" i="2" s="1"/>
  <c r="D4839" i="2" a="1"/>
  <c r="D4839" i="2" s="1"/>
  <c r="D4834" i="2" a="1"/>
  <c r="D4834" i="2" s="1"/>
  <c r="D4838" i="2" a="1"/>
  <c r="D4838" i="2" s="1"/>
  <c r="D4850" i="2" a="1"/>
  <c r="D4850" i="2" s="1"/>
  <c r="D4854" i="2" a="1"/>
  <c r="D4854" i="2" s="1"/>
  <c r="D4847" i="2" a="1"/>
  <c r="D4847" i="2" s="1"/>
  <c r="D4851" i="2" a="1"/>
  <c r="D4851" i="2" s="1"/>
  <c r="AN271" i="1"/>
  <c r="D277" i="5" s="1"/>
  <c r="AQ271" i="1"/>
  <c r="G277" i="5" s="1"/>
  <c r="AO271" i="1"/>
  <c r="E277" i="5" s="1"/>
  <c r="AP271" i="1"/>
  <c r="F277" i="5" s="1"/>
  <c r="AM271" i="1"/>
  <c r="D6497" i="2" a="1"/>
  <c r="D6497" i="2" s="1"/>
  <c r="D6501" i="2" a="1"/>
  <c r="D6501" i="2" s="1"/>
  <c r="D6509" i="2" a="1"/>
  <c r="D6509" i="2" s="1"/>
  <c r="D6491" i="2" a="1"/>
  <c r="D6491" i="2" s="1"/>
  <c r="D6498" i="2" a="1"/>
  <c r="D6498" i="2" s="1"/>
  <c r="D6506" i="2" a="1"/>
  <c r="D6506" i="2" s="1"/>
  <c r="D6492" i="2" a="1"/>
  <c r="D6492" i="2" s="1"/>
  <c r="D6499" i="2" a="1"/>
  <c r="D6499" i="2" s="1"/>
  <c r="D6508" i="2" a="1"/>
  <c r="D6508" i="2" s="1"/>
  <c r="D6494" i="2" a="1"/>
  <c r="D6494" i="2" s="1"/>
  <c r="D6505" i="2" a="1"/>
  <c r="D6505" i="2" s="1"/>
  <c r="D6512" i="2" a="1"/>
  <c r="D6512" i="2" s="1"/>
  <c r="D6490" i="2" a="1"/>
  <c r="D6490" i="2" s="1"/>
  <c r="D6504" i="2" a="1"/>
  <c r="D6504" i="2" s="1"/>
  <c r="D6496" i="2" a="1"/>
  <c r="D6496" i="2" s="1"/>
  <c r="D6503" i="2" a="1"/>
  <c r="D6503" i="2" s="1"/>
  <c r="D6511" i="2" a="1"/>
  <c r="D6511" i="2" s="1"/>
  <c r="D6513" i="2" a="1"/>
  <c r="D6513" i="2" s="1"/>
  <c r="D6493" i="2" a="1"/>
  <c r="D6493" i="2" s="1"/>
  <c r="D6500" i="2" a="1"/>
  <c r="D6500" i="2" s="1"/>
  <c r="D6507" i="2" a="1"/>
  <c r="D6507" i="2" s="1"/>
  <c r="D6495" i="2" a="1"/>
  <c r="D6495" i="2" s="1"/>
  <c r="D6502" i="2" a="1"/>
  <c r="D6502" i="2" s="1"/>
  <c r="D6510" i="2" a="1"/>
  <c r="D6510" i="2" s="1"/>
  <c r="G2334" i="2" a="1"/>
  <c r="G2334" i="2" s="1"/>
  <c r="G2336" i="2" a="1"/>
  <c r="G2336" i="2" s="1"/>
  <c r="G2319" i="2" a="1"/>
  <c r="G2319" i="2" s="1"/>
  <c r="G2337" i="2" a="1"/>
  <c r="G2337" i="2" s="1"/>
  <c r="G2320" i="2" a="1"/>
  <c r="G2320" i="2" s="1"/>
  <c r="G2335" i="2" a="1"/>
  <c r="G2335" i="2" s="1"/>
  <c r="G2315" i="2" a="1"/>
  <c r="G2315" i="2" s="1"/>
  <c r="G2321" i="2" a="1"/>
  <c r="G2321" i="2" s="1"/>
  <c r="G2332" i="2" a="1"/>
  <c r="G2332" i="2" s="1"/>
  <c r="G2316" i="2" a="1"/>
  <c r="G2316" i="2" s="1"/>
  <c r="G2323" i="2" a="1"/>
  <c r="G2323" i="2" s="1"/>
  <c r="G2327" i="2" a="1"/>
  <c r="G2327" i="2" s="1"/>
  <c r="G2324" i="2" a="1"/>
  <c r="G2324" i="2" s="1"/>
  <c r="G2330" i="2" a="1"/>
  <c r="G2330" i="2" s="1"/>
  <c r="G2328" i="2" a="1"/>
  <c r="G2328" i="2" s="1"/>
  <c r="G2317" i="2" a="1"/>
  <c r="G2317" i="2" s="1"/>
  <c r="G2325" i="2" a="1"/>
  <c r="G2325" i="2" s="1"/>
  <c r="G2329" i="2" a="1"/>
  <c r="G2329" i="2" s="1"/>
  <c r="G2318" i="2" a="1"/>
  <c r="G2318" i="2" s="1"/>
  <c r="G2314" i="2" a="1"/>
  <c r="G2314" i="2" s="1"/>
  <c r="G2326" i="2" a="1"/>
  <c r="G2326" i="2" s="1"/>
  <c r="G2333" i="2" a="1"/>
  <c r="G2333" i="2" s="1"/>
  <c r="G2331" i="2" a="1"/>
  <c r="G2331" i="2" s="1"/>
  <c r="G2322" i="2" a="1"/>
  <c r="G2322" i="2" s="1"/>
  <c r="H4520" i="2" a="1"/>
  <c r="H4520" i="2" s="1"/>
  <c r="H4507" i="2" a="1"/>
  <c r="H4507" i="2" s="1"/>
  <c r="H4517" i="2" a="1"/>
  <c r="H4517" i="2" s="1"/>
  <c r="H4513" i="2" a="1"/>
  <c r="H4513" i="2" s="1"/>
  <c r="H4508" i="2" a="1"/>
  <c r="H4508" i="2" s="1"/>
  <c r="H4498" i="2" a="1"/>
  <c r="H4498" i="2" s="1"/>
  <c r="H4519" i="2" a="1"/>
  <c r="H4519" i="2" s="1"/>
  <c r="H4503" i="2" a="1"/>
  <c r="H4503" i="2" s="1"/>
  <c r="H4511" i="2" a="1"/>
  <c r="H4511" i="2" s="1"/>
  <c r="H4514" i="2" a="1"/>
  <c r="H4514" i="2" s="1"/>
  <c r="H4504" i="2" a="1"/>
  <c r="H4504" i="2" s="1"/>
  <c r="H4505" i="2" a="1"/>
  <c r="H4505" i="2" s="1"/>
  <c r="H4506" i="2" a="1"/>
  <c r="H4506" i="2" s="1"/>
  <c r="H4500" i="2" a="1"/>
  <c r="H4500" i="2" s="1"/>
  <c r="H4515" i="2" a="1"/>
  <c r="H4515" i="2" s="1"/>
  <c r="H4501" i="2" a="1"/>
  <c r="H4501" i="2" s="1"/>
  <c r="H4499" i="2" a="1"/>
  <c r="H4499" i="2" s="1"/>
  <c r="H4509" i="2" a="1"/>
  <c r="H4509" i="2" s="1"/>
  <c r="H4516" i="2" a="1"/>
  <c r="H4516" i="2" s="1"/>
  <c r="H4502" i="2" a="1"/>
  <c r="H4502" i="2" s="1"/>
  <c r="H4518" i="2" a="1"/>
  <c r="H4518" i="2" s="1"/>
  <c r="H4521" i="2" a="1"/>
  <c r="H4521" i="2" s="1"/>
  <c r="H4512" i="2" a="1"/>
  <c r="H4512" i="2" s="1"/>
  <c r="H4510" i="2" a="1"/>
  <c r="H4510" i="2" s="1"/>
  <c r="AQ310" i="1"/>
  <c r="G316" i="5" s="1"/>
  <c r="AN310" i="1"/>
  <c r="D316" i="5" s="1"/>
  <c r="AP310" i="1"/>
  <c r="F316" i="5" s="1"/>
  <c r="AO310" i="1"/>
  <c r="E316" i="5" s="1"/>
  <c r="AM310" i="1"/>
  <c r="D7439" i="2" a="1"/>
  <c r="D7439" i="2" s="1"/>
  <c r="D7447" i="2" a="1"/>
  <c r="D7447" i="2" s="1"/>
  <c r="D7437" i="2" a="1"/>
  <c r="D7437" i="2" s="1"/>
  <c r="D7445" i="2" a="1"/>
  <c r="D7445" i="2" s="1"/>
  <c r="D7438" i="2" a="1"/>
  <c r="D7438" i="2" s="1"/>
  <c r="D7446" i="2" a="1"/>
  <c r="D7446" i="2" s="1"/>
  <c r="D7429" i="2" a="1"/>
  <c r="D7429" i="2" s="1"/>
  <c r="D7432" i="2" a="1"/>
  <c r="D7432" i="2" s="1"/>
  <c r="D7436" i="2" a="1"/>
  <c r="D7436" i="2" s="1"/>
  <c r="D7433" i="2" a="1"/>
  <c r="D7433" i="2" s="1"/>
  <c r="D7441" i="2" a="1"/>
  <c r="D7441" i="2" s="1"/>
  <c r="D7449" i="2" a="1"/>
  <c r="D7449" i="2" s="1"/>
  <c r="D7427" i="2" a="1"/>
  <c r="D7427" i="2" s="1"/>
  <c r="D7431" i="2" a="1"/>
  <c r="D7431" i="2" s="1"/>
  <c r="D7435" i="2" a="1"/>
  <c r="D7435" i="2" s="1"/>
  <c r="D7443" i="2" a="1"/>
  <c r="D7443" i="2" s="1"/>
  <c r="D7428" i="2" a="1"/>
  <c r="D7428" i="2" s="1"/>
  <c r="D7440" i="2" a="1"/>
  <c r="D7440" i="2" s="1"/>
  <c r="D7448" i="2" a="1"/>
  <c r="D7448" i="2" s="1"/>
  <c r="D7426" i="2" a="1"/>
  <c r="D7426" i="2" s="1"/>
  <c r="D7430" i="2" a="1"/>
  <c r="D7430" i="2" s="1"/>
  <c r="D7434" i="2" a="1"/>
  <c r="D7434" i="2" s="1"/>
  <c r="D7442" i="2" a="1"/>
  <c r="D7442" i="2" s="1"/>
  <c r="D7444" i="2" a="1"/>
  <c r="D7444" i="2" s="1"/>
  <c r="E3132" i="2" a="1"/>
  <c r="E3132" i="2" s="1"/>
  <c r="E3149" i="2" a="1"/>
  <c r="E3149" i="2" s="1"/>
  <c r="E3133" i="2" a="1"/>
  <c r="E3133" i="2" s="1"/>
  <c r="E3151" i="2" a="1"/>
  <c r="E3151" i="2" s="1"/>
  <c r="E3131" i="2" a="1"/>
  <c r="E3131" i="2" s="1"/>
  <c r="E3143" i="2" a="1"/>
  <c r="E3143" i="2" s="1"/>
  <c r="E3138" i="2" a="1"/>
  <c r="E3138" i="2" s="1"/>
  <c r="E3146" i="2" a="1"/>
  <c r="E3146" i="2" s="1"/>
  <c r="E3142" i="2" a="1"/>
  <c r="E3142" i="2" s="1"/>
  <c r="E3147" i="2" a="1"/>
  <c r="E3147" i="2" s="1"/>
  <c r="E3150" i="2" a="1"/>
  <c r="E3150" i="2" s="1"/>
  <c r="E3148" i="2" a="1"/>
  <c r="E3148" i="2" s="1"/>
  <c r="E3145" i="2" a="1"/>
  <c r="E3145" i="2" s="1"/>
  <c r="E3140" i="2" a="1"/>
  <c r="E3140" i="2" s="1"/>
  <c r="E3135" i="2" a="1"/>
  <c r="E3135" i="2" s="1"/>
  <c r="E3136" i="2" a="1"/>
  <c r="E3136" i="2" s="1"/>
  <c r="E3141" i="2" a="1"/>
  <c r="E3141" i="2" s="1"/>
  <c r="E3137" i="2" a="1"/>
  <c r="E3137" i="2" s="1"/>
  <c r="E3139" i="2" a="1"/>
  <c r="E3139" i="2" s="1"/>
  <c r="E3152" i="2" a="1"/>
  <c r="E3152" i="2" s="1"/>
  <c r="E3153" i="2" a="1"/>
  <c r="E3153" i="2" s="1"/>
  <c r="E3144" i="2" a="1"/>
  <c r="E3144" i="2" s="1"/>
  <c r="E3130" i="2" a="1"/>
  <c r="E3130" i="2" s="1"/>
  <c r="E3134" i="2" a="1"/>
  <c r="E3134" i="2" s="1"/>
  <c r="G7430" i="2" a="1"/>
  <c r="G7430" i="2" s="1"/>
  <c r="G7439" i="2" a="1"/>
  <c r="G7439" i="2" s="1"/>
  <c r="G7435" i="2" a="1"/>
  <c r="G7435" i="2" s="1"/>
  <c r="G7431" i="2" a="1"/>
  <c r="G7431" i="2" s="1"/>
  <c r="G7427" i="2" a="1"/>
  <c r="G7427" i="2" s="1"/>
  <c r="G7441" i="2" a="1"/>
  <c r="G7441" i="2" s="1"/>
  <c r="G7426" i="2" a="1"/>
  <c r="G7426" i="2" s="1"/>
  <c r="G7449" i="2" a="1"/>
  <c r="G7449" i="2" s="1"/>
  <c r="G7443" i="2" a="1"/>
  <c r="G7443" i="2" s="1"/>
  <c r="G7428" i="2" a="1"/>
  <c r="G7428" i="2" s="1"/>
  <c r="G7432" i="2" a="1"/>
  <c r="G7432" i="2" s="1"/>
  <c r="G7433" i="2" a="1"/>
  <c r="G7433" i="2" s="1"/>
  <c r="G7437" i="2" a="1"/>
  <c r="G7437" i="2" s="1"/>
  <c r="G7444" i="2" a="1"/>
  <c r="G7444" i="2" s="1"/>
  <c r="G7445" i="2" a="1"/>
  <c r="G7445" i="2" s="1"/>
  <c r="G7438" i="2" a="1"/>
  <c r="G7438" i="2" s="1"/>
  <c r="G7434" i="2" a="1"/>
  <c r="G7434" i="2" s="1"/>
  <c r="G7440" i="2" a="1"/>
  <c r="G7440" i="2" s="1"/>
  <c r="G7447" i="2" a="1"/>
  <c r="G7447" i="2" s="1"/>
  <c r="G7448" i="2" a="1"/>
  <c r="G7448" i="2" s="1"/>
  <c r="G7446" i="2" a="1"/>
  <c r="G7446" i="2" s="1"/>
  <c r="G7442" i="2" a="1"/>
  <c r="G7442" i="2" s="1"/>
  <c r="G7436" i="2" a="1"/>
  <c r="G7436" i="2" s="1"/>
  <c r="G7429" i="2" a="1"/>
  <c r="G7429" i="2" s="1"/>
  <c r="F5152" i="2" a="1"/>
  <c r="F5152" i="2" s="1"/>
  <c r="F5160" i="2" a="1"/>
  <c r="F5160" i="2" s="1"/>
  <c r="F5156" i="2" a="1"/>
  <c r="F5156" i="2" s="1"/>
  <c r="F5169" i="2" a="1"/>
  <c r="F5169" i="2" s="1"/>
  <c r="F5158" i="2" a="1"/>
  <c r="F5158" i="2" s="1"/>
  <c r="F5147" i="2" a="1"/>
  <c r="F5147" i="2" s="1"/>
  <c r="F5159" i="2" a="1"/>
  <c r="F5159" i="2" s="1"/>
  <c r="F5148" i="2" a="1"/>
  <c r="F5148" i="2" s="1"/>
  <c r="F5163" i="2" a="1"/>
  <c r="F5163" i="2" s="1"/>
  <c r="F5161" i="2" a="1"/>
  <c r="F5161" i="2" s="1"/>
  <c r="F5166" i="2" a="1"/>
  <c r="F5166" i="2" s="1"/>
  <c r="F5165" i="2" a="1"/>
  <c r="F5165" i="2" s="1"/>
  <c r="F5146" i="2" a="1"/>
  <c r="F5146" i="2" s="1"/>
  <c r="F5151" i="2" a="1"/>
  <c r="F5151" i="2" s="1"/>
  <c r="F5157" i="2" a="1"/>
  <c r="F5157" i="2" s="1"/>
  <c r="F5154" i="2" a="1"/>
  <c r="F5154" i="2" s="1"/>
  <c r="F5150" i="2" a="1"/>
  <c r="F5150" i="2" s="1"/>
  <c r="F5153" i="2" a="1"/>
  <c r="F5153" i="2" s="1"/>
  <c r="F5167" i="2" a="1"/>
  <c r="F5167" i="2" s="1"/>
  <c r="F5155" i="2" a="1"/>
  <c r="F5155" i="2" s="1"/>
  <c r="F5164" i="2" a="1"/>
  <c r="F5164" i="2" s="1"/>
  <c r="F5162" i="2" a="1"/>
  <c r="F5162" i="2" s="1"/>
  <c r="F5149" i="2" a="1"/>
  <c r="F5149" i="2" s="1"/>
  <c r="F5168" i="2" a="1"/>
  <c r="F5168" i="2" s="1"/>
  <c r="H7994" i="2" a="1"/>
  <c r="H7994" i="2" s="1"/>
  <c r="H7990" i="2" a="1"/>
  <c r="H7990" i="2" s="1"/>
  <c r="H7978" i="2" a="1"/>
  <c r="H7978" i="2" s="1"/>
  <c r="H7985" i="2" a="1"/>
  <c r="H7985" i="2" s="1"/>
  <c r="H7997" i="2" a="1"/>
  <c r="H7997" i="2" s="1"/>
  <c r="H7979" i="2" a="1"/>
  <c r="H7979" i="2" s="1"/>
  <c r="H7986" i="2" a="1"/>
  <c r="H7986" i="2" s="1"/>
  <c r="H7991" i="2" a="1"/>
  <c r="H7991" i="2" s="1"/>
  <c r="H7995" i="2" a="1"/>
  <c r="H7995" i="2" s="1"/>
  <c r="H7984" i="2" a="1"/>
  <c r="H7984" i="2" s="1"/>
  <c r="H7999" i="2" a="1"/>
  <c r="H7999" i="2" s="1"/>
  <c r="H7989" i="2" a="1"/>
  <c r="H7989" i="2" s="1"/>
  <c r="H7983" i="2" a="1"/>
  <c r="H7983" i="2" s="1"/>
  <c r="H7981" i="2" a="1"/>
  <c r="H7981" i="2" s="1"/>
  <c r="H7996" i="2" a="1"/>
  <c r="H7996" i="2" s="1"/>
  <c r="H8001" i="2" a="1"/>
  <c r="H8001" i="2" s="1"/>
  <c r="H7998" i="2" a="1"/>
  <c r="H7998" i="2" s="1"/>
  <c r="H7992" i="2" a="1"/>
  <c r="H7992" i="2" s="1"/>
  <c r="H7993" i="2" a="1"/>
  <c r="H7993" i="2" s="1"/>
  <c r="H8000" i="2" a="1"/>
  <c r="H8000" i="2" s="1"/>
  <c r="H7987" i="2" a="1"/>
  <c r="H7987" i="2" s="1"/>
  <c r="H7988" i="2" a="1"/>
  <c r="H7988" i="2" s="1"/>
  <c r="H7980" i="2" a="1"/>
  <c r="H7980" i="2" s="1"/>
  <c r="H7982" i="2" a="1"/>
  <c r="H7982" i="2" s="1"/>
  <c r="F8479" i="2" a="1"/>
  <c r="F8479" i="2" s="1"/>
  <c r="F8470" i="2" a="1"/>
  <c r="F8470" i="2" s="1"/>
  <c r="F8466" i="2" a="1"/>
  <c r="F8466" i="2" s="1"/>
  <c r="F8462" i="2" a="1"/>
  <c r="F8462" i="2" s="1"/>
  <c r="F8459" i="2" a="1"/>
  <c r="F8459" i="2" s="1"/>
  <c r="F8468" i="2" a="1"/>
  <c r="F8468" i="2" s="1"/>
  <c r="F8473" i="2" a="1"/>
  <c r="F8473" i="2" s="1"/>
  <c r="F8469" i="2" a="1"/>
  <c r="F8469" i="2" s="1"/>
  <c r="F8476" i="2" a="1"/>
  <c r="F8476" i="2" s="1"/>
  <c r="F8460" i="2" a="1"/>
  <c r="F8460" i="2" s="1"/>
  <c r="F8474" i="2" a="1"/>
  <c r="F8474" i="2" s="1"/>
  <c r="F8477" i="2" a="1"/>
  <c r="F8477" i="2" s="1"/>
  <c r="F8475" i="2" a="1"/>
  <c r="F8475" i="2" s="1"/>
  <c r="F8480" i="2" a="1"/>
  <c r="F8480" i="2" s="1"/>
  <c r="F8461" i="2" a="1"/>
  <c r="F8461" i="2" s="1"/>
  <c r="F8471" i="2" a="1"/>
  <c r="F8471" i="2" s="1"/>
  <c r="F8481" i="2" a="1"/>
  <c r="F8481" i="2" s="1"/>
  <c r="F8467" i="2" a="1"/>
  <c r="F8467" i="2" s="1"/>
  <c r="F8458" i="2" a="1"/>
  <c r="F8458" i="2" s="1"/>
  <c r="F8464" i="2" a="1"/>
  <c r="F8464" i="2" s="1"/>
  <c r="F8465" i="2" a="1"/>
  <c r="F8465" i="2" s="1"/>
  <c r="F8472" i="2" a="1"/>
  <c r="F8472" i="2" s="1"/>
  <c r="F8478" i="2" a="1"/>
  <c r="F8478" i="2" s="1"/>
  <c r="F8463" i="2" a="1"/>
  <c r="F8463" i="2" s="1"/>
  <c r="G8340" i="2" a="1"/>
  <c r="G8340" i="2" s="1"/>
  <c r="G8345" i="2" a="1"/>
  <c r="G8345" i="2" s="1"/>
  <c r="G8342" i="2" a="1"/>
  <c r="G8342" i="2" s="1"/>
  <c r="G8357" i="2" a="1"/>
  <c r="G8357" i="2" s="1"/>
  <c r="G8346" i="2" a="1"/>
  <c r="G8346" i="2" s="1"/>
  <c r="G8352" i="2" a="1"/>
  <c r="G8352" i="2" s="1"/>
  <c r="G8358" i="2" a="1"/>
  <c r="G8358" i="2" s="1"/>
  <c r="G8355" i="2" a="1"/>
  <c r="G8355" i="2" s="1"/>
  <c r="G8354" i="2" a="1"/>
  <c r="G8354" i="2" s="1"/>
  <c r="G8356" i="2" a="1"/>
  <c r="G8356" i="2" s="1"/>
  <c r="G8351" i="2" a="1"/>
  <c r="G8351" i="2" s="1"/>
  <c r="G8341" i="2" a="1"/>
  <c r="G8341" i="2" s="1"/>
  <c r="G8359" i="2" a="1"/>
  <c r="G8359" i="2" s="1"/>
  <c r="G8344" i="2" a="1"/>
  <c r="G8344" i="2" s="1"/>
  <c r="G8361" i="2" a="1"/>
  <c r="G8361" i="2" s="1"/>
  <c r="G8347" i="2" a="1"/>
  <c r="G8347" i="2" s="1"/>
  <c r="G8349" i="2" a="1"/>
  <c r="G8349" i="2" s="1"/>
  <c r="G8350" i="2" a="1"/>
  <c r="G8350" i="2" s="1"/>
  <c r="G8339" i="2" a="1"/>
  <c r="G8339" i="2" s="1"/>
  <c r="G8343" i="2" a="1"/>
  <c r="G8343" i="2" s="1"/>
  <c r="G8353" i="2" a="1"/>
  <c r="G8353" i="2" s="1"/>
  <c r="G8338" i="2" a="1"/>
  <c r="G8338" i="2" s="1"/>
  <c r="G8360" i="2" a="1"/>
  <c r="G8360" i="2" s="1"/>
  <c r="G8348" i="2" a="1"/>
  <c r="G8348" i="2" s="1"/>
  <c r="G1308" i="2" a="1"/>
  <c r="G1308" i="2" s="1"/>
  <c r="G1319" i="2" a="1"/>
  <c r="G1319" i="2" s="1"/>
  <c r="G1327" i="2" a="1"/>
  <c r="G1327" i="2" s="1"/>
  <c r="G1320" i="2" a="1"/>
  <c r="G1320" i="2" s="1"/>
  <c r="G1316" i="2" a="1"/>
  <c r="G1316" i="2" s="1"/>
  <c r="G1312" i="2" a="1"/>
  <c r="G1312" i="2" s="1"/>
  <c r="G1321" i="2" a="1"/>
  <c r="G1321" i="2" s="1"/>
  <c r="G1313" i="2" a="1"/>
  <c r="G1313" i="2" s="1"/>
  <c r="G1315" i="2" a="1"/>
  <c r="G1315" i="2" s="1"/>
  <c r="G1317" i="2" a="1"/>
  <c r="G1317" i="2" s="1"/>
  <c r="G1324" i="2" a="1"/>
  <c r="G1324" i="2" s="1"/>
  <c r="G1325" i="2" a="1"/>
  <c r="G1325" i="2" s="1"/>
  <c r="G1322" i="2" a="1"/>
  <c r="G1322" i="2" s="1"/>
  <c r="G1326" i="2" a="1"/>
  <c r="G1326" i="2" s="1"/>
  <c r="G1309" i="2" a="1"/>
  <c r="G1309" i="2" s="1"/>
  <c r="G1329" i="2" a="1"/>
  <c r="G1329" i="2" s="1"/>
  <c r="G1318" i="2" a="1"/>
  <c r="G1318" i="2" s="1"/>
  <c r="G1306" i="2" a="1"/>
  <c r="G1306" i="2" s="1"/>
  <c r="G1311" i="2" a="1"/>
  <c r="G1311" i="2" s="1"/>
  <c r="G1314" i="2" a="1"/>
  <c r="G1314" i="2" s="1"/>
  <c r="G1328" i="2" a="1"/>
  <c r="G1328" i="2" s="1"/>
  <c r="G1323" i="2" a="1"/>
  <c r="G1323" i="2" s="1"/>
  <c r="G1307" i="2" a="1"/>
  <c r="G1307" i="2" s="1"/>
  <c r="G1310" i="2" a="1"/>
  <c r="G1310" i="2" s="1"/>
  <c r="H8310" i="2" a="1"/>
  <c r="H8310" i="2" s="1"/>
  <c r="H8309" i="2" a="1"/>
  <c r="H8309" i="2" s="1"/>
  <c r="H8311" i="2" a="1"/>
  <c r="H8311" i="2" s="1"/>
  <c r="H8296" i="2" a="1"/>
  <c r="H8296" i="2" s="1"/>
  <c r="H8306" i="2" a="1"/>
  <c r="H8306" i="2" s="1"/>
  <c r="H8299" i="2" a="1"/>
  <c r="H8299" i="2" s="1"/>
  <c r="H8297" i="2" a="1"/>
  <c r="H8297" i="2" s="1"/>
  <c r="H8313" i="2" a="1"/>
  <c r="H8313" i="2" s="1"/>
  <c r="H8300" i="2" a="1"/>
  <c r="H8300" i="2" s="1"/>
  <c r="H8312" i="2" a="1"/>
  <c r="H8312" i="2" s="1"/>
  <c r="H8293" i="2" a="1"/>
  <c r="H8293" i="2" s="1"/>
  <c r="H8298" i="2" a="1"/>
  <c r="H8298" i="2" s="1"/>
  <c r="H8291" i="2" a="1"/>
  <c r="H8291" i="2" s="1"/>
  <c r="H8302" i="2" a="1"/>
  <c r="H8302" i="2" s="1"/>
  <c r="H8304" i="2" a="1"/>
  <c r="H8304" i="2" s="1"/>
  <c r="H8303" i="2" a="1"/>
  <c r="H8303" i="2" s="1"/>
  <c r="H8305" i="2" a="1"/>
  <c r="H8305" i="2" s="1"/>
  <c r="H8308" i="2" a="1"/>
  <c r="H8308" i="2" s="1"/>
  <c r="H8294" i="2" a="1"/>
  <c r="H8294" i="2" s="1"/>
  <c r="H8292" i="2" a="1"/>
  <c r="H8292" i="2" s="1"/>
  <c r="H8307" i="2" a="1"/>
  <c r="H8307" i="2" s="1"/>
  <c r="H8290" i="2" a="1"/>
  <c r="H8290" i="2" s="1"/>
  <c r="H8295" i="2" a="1"/>
  <c r="H8295" i="2" s="1"/>
  <c r="H8301" i="2" a="1"/>
  <c r="H8301" i="2" s="1"/>
  <c r="AQ188" i="1"/>
  <c r="G194" i="5" s="1"/>
  <c r="AN188" i="1"/>
  <c r="D194" i="5" s="1"/>
  <c r="AP188" i="1"/>
  <c r="F194" i="5" s="1"/>
  <c r="AO188" i="1"/>
  <c r="E194" i="5" s="1"/>
  <c r="AM188" i="1"/>
  <c r="D4502" i="2" a="1"/>
  <c r="D4502" i="2" s="1"/>
  <c r="D4501" i="2" a="1"/>
  <c r="D4501" i="2" s="1"/>
  <c r="D4505" i="2" a="1"/>
  <c r="D4505" i="2" s="1"/>
  <c r="D4509" i="2" a="1"/>
  <c r="D4509" i="2" s="1"/>
  <c r="D4513" i="2" a="1"/>
  <c r="D4513" i="2" s="1"/>
  <c r="D4517" i="2" a="1"/>
  <c r="D4517" i="2" s="1"/>
  <c r="D4521" i="2" a="1"/>
  <c r="D4521" i="2" s="1"/>
  <c r="D4500" i="2" a="1"/>
  <c r="D4500" i="2" s="1"/>
  <c r="D4504" i="2" a="1"/>
  <c r="D4504" i="2" s="1"/>
  <c r="D4512" i="2" a="1"/>
  <c r="D4512" i="2" s="1"/>
  <c r="D4516" i="2" a="1"/>
  <c r="D4516" i="2" s="1"/>
  <c r="D4520" i="2" a="1"/>
  <c r="D4520" i="2" s="1"/>
  <c r="D4507" i="2" a="1"/>
  <c r="D4507" i="2" s="1"/>
  <c r="D4511" i="2" a="1"/>
  <c r="D4511" i="2" s="1"/>
  <c r="D4515" i="2" a="1"/>
  <c r="D4515" i="2" s="1"/>
  <c r="D4519" i="2" a="1"/>
  <c r="D4519" i="2" s="1"/>
  <c r="D4498" i="2" a="1"/>
  <c r="D4498" i="2" s="1"/>
  <c r="D4506" i="2" a="1"/>
  <c r="D4506" i="2" s="1"/>
  <c r="D4499" i="2" a="1"/>
  <c r="D4499" i="2" s="1"/>
  <c r="D4503" i="2" a="1"/>
  <c r="D4503" i="2" s="1"/>
  <c r="D4514" i="2" a="1"/>
  <c r="D4514" i="2" s="1"/>
  <c r="D4518" i="2" a="1"/>
  <c r="D4518" i="2" s="1"/>
  <c r="D4508" i="2" a="1"/>
  <c r="D4508" i="2" s="1"/>
  <c r="D4510" i="2" a="1"/>
  <c r="D4510" i="2" s="1"/>
  <c r="E7802" i="2" a="1"/>
  <c r="E7802" i="2" s="1"/>
  <c r="E7790" i="2" a="1"/>
  <c r="E7790" i="2" s="1"/>
  <c r="E7793" i="2" a="1"/>
  <c r="E7793" i="2" s="1"/>
  <c r="E7803" i="2" a="1"/>
  <c r="E7803" i="2" s="1"/>
  <c r="E7796" i="2" a="1"/>
  <c r="E7796" i="2" s="1"/>
  <c r="E7800" i="2" a="1"/>
  <c r="E7800" i="2" s="1"/>
  <c r="E7808" i="2" a="1"/>
  <c r="E7808" i="2" s="1"/>
  <c r="E7791" i="2" a="1"/>
  <c r="E7791" i="2" s="1"/>
  <c r="E7809" i="2" a="1"/>
  <c r="E7809" i="2" s="1"/>
  <c r="E7797" i="2" a="1"/>
  <c r="E7797" i="2" s="1"/>
  <c r="E7789" i="2" a="1"/>
  <c r="E7789" i="2" s="1"/>
  <c r="E7787" i="2" a="1"/>
  <c r="E7787" i="2" s="1"/>
  <c r="E7792" i="2" a="1"/>
  <c r="E7792" i="2" s="1"/>
  <c r="E7798" i="2" a="1"/>
  <c r="E7798" i="2" s="1"/>
  <c r="E7804" i="2" a="1"/>
  <c r="E7804" i="2" s="1"/>
  <c r="E7805" i="2" a="1"/>
  <c r="E7805" i="2" s="1"/>
  <c r="E7807" i="2" a="1"/>
  <c r="E7807" i="2" s="1"/>
  <c r="E7786" i="2" a="1"/>
  <c r="E7786" i="2" s="1"/>
  <c r="E7794" i="2" a="1"/>
  <c r="E7794" i="2" s="1"/>
  <c r="E7788" i="2" a="1"/>
  <c r="E7788" i="2" s="1"/>
  <c r="E7799" i="2" a="1"/>
  <c r="E7799" i="2" s="1"/>
  <c r="E7801" i="2" a="1"/>
  <c r="E7801" i="2" s="1"/>
  <c r="E7795" i="2" a="1"/>
  <c r="E7795" i="2" s="1"/>
  <c r="E7806" i="2" a="1"/>
  <c r="E7806" i="2" s="1"/>
  <c r="E3573" i="2" a="1"/>
  <c r="E3573" i="2" s="1"/>
  <c r="E3566" i="2" a="1"/>
  <c r="E3566" i="2" s="1"/>
  <c r="E3582" i="2" a="1"/>
  <c r="E3582" i="2" s="1"/>
  <c r="E3570" i="2" a="1"/>
  <c r="E3570" i="2" s="1"/>
  <c r="E3583" i="2" a="1"/>
  <c r="E3583" i="2" s="1"/>
  <c r="E3562" i="2" a="1"/>
  <c r="E3562" i="2" s="1"/>
  <c r="E3574" i="2" a="1"/>
  <c r="E3574" i="2" s="1"/>
  <c r="E3579" i="2" a="1"/>
  <c r="E3579" i="2" s="1"/>
  <c r="E3567" i="2" a="1"/>
  <c r="E3567" i="2" s="1"/>
  <c r="E3585" i="2" a="1"/>
  <c r="E3585" i="2" s="1"/>
  <c r="E3563" i="2" a="1"/>
  <c r="E3563" i="2" s="1"/>
  <c r="E3576" i="2" a="1"/>
  <c r="E3576" i="2" s="1"/>
  <c r="E3564" i="2" a="1"/>
  <c r="E3564" i="2" s="1"/>
  <c r="E3577" i="2" a="1"/>
  <c r="E3577" i="2" s="1"/>
  <c r="E3584" i="2" a="1"/>
  <c r="E3584" i="2" s="1"/>
  <c r="E3578" i="2" a="1"/>
  <c r="E3578" i="2" s="1"/>
  <c r="E3572" i="2" a="1"/>
  <c r="E3572" i="2" s="1"/>
  <c r="E3569" i="2" a="1"/>
  <c r="E3569" i="2" s="1"/>
  <c r="E3580" i="2" a="1"/>
  <c r="E3580" i="2" s="1"/>
  <c r="E3571" i="2" a="1"/>
  <c r="E3571" i="2" s="1"/>
  <c r="E3565" i="2" a="1"/>
  <c r="E3565" i="2" s="1"/>
  <c r="E3568" i="2" a="1"/>
  <c r="E3568" i="2" s="1"/>
  <c r="E3575" i="2" a="1"/>
  <c r="E3575" i="2" s="1"/>
  <c r="E3581" i="2" a="1"/>
  <c r="E3581" i="2" s="1"/>
  <c r="D3332" i="2" a="1"/>
  <c r="D3332" i="2" s="1"/>
  <c r="D3340" i="2" a="1"/>
  <c r="D3340" i="2" s="1"/>
  <c r="D3323" i="2" a="1"/>
  <c r="D3323" i="2" s="1"/>
  <c r="D3335" i="2" a="1"/>
  <c r="D3335" i="2" s="1"/>
  <c r="D3339" i="2" a="1"/>
  <c r="D3339" i="2" s="1"/>
  <c r="D3324" i="2" a="1"/>
  <c r="D3324" i="2" s="1"/>
  <c r="D3328" i="2" a="1"/>
  <c r="D3328" i="2" s="1"/>
  <c r="D3344" i="2" a="1"/>
  <c r="D3344" i="2" s="1"/>
  <c r="D3326" i="2" a="1"/>
  <c r="D3326" i="2" s="1"/>
  <c r="D3330" i="2" a="1"/>
  <c r="D3330" i="2" s="1"/>
  <c r="D3327" i="2" a="1"/>
  <c r="D3327" i="2" s="1"/>
  <c r="D3331" i="2" a="1"/>
  <c r="D3331" i="2" s="1"/>
  <c r="D3343" i="2" a="1"/>
  <c r="D3343" i="2" s="1"/>
  <c r="D3322" i="2" a="1"/>
  <c r="D3322" i="2" s="1"/>
  <c r="D3342" i="2" a="1"/>
  <c r="D3342" i="2" s="1"/>
  <c r="D3333" i="2" a="1"/>
  <c r="D3333" i="2" s="1"/>
  <c r="D3341" i="2" a="1"/>
  <c r="D3341" i="2" s="1"/>
  <c r="D3345" i="2" a="1"/>
  <c r="D3345" i="2" s="1"/>
  <c r="D3334" i="2" a="1"/>
  <c r="D3334" i="2" s="1"/>
  <c r="D3338" i="2" a="1"/>
  <c r="D3338" i="2" s="1"/>
  <c r="D3325" i="2" a="1"/>
  <c r="D3325" i="2" s="1"/>
  <c r="D3329" i="2" a="1"/>
  <c r="D3329" i="2" s="1"/>
  <c r="D3336" i="2" a="1"/>
  <c r="D3336" i="2" s="1"/>
  <c r="D3337" i="2" a="1"/>
  <c r="D3337" i="2" s="1"/>
  <c r="F6262" i="2" a="1"/>
  <c r="F6262" i="2" s="1"/>
  <c r="F6266" i="2" a="1"/>
  <c r="F6266" i="2" s="1"/>
  <c r="F6269" i="2" a="1"/>
  <c r="F6269" i="2" s="1"/>
  <c r="F6267" i="2" a="1"/>
  <c r="F6267" i="2" s="1"/>
  <c r="F6257" i="2" a="1"/>
  <c r="F6257" i="2" s="1"/>
  <c r="F6272" i="2" a="1"/>
  <c r="F6272" i="2" s="1"/>
  <c r="F6253" i="2" a="1"/>
  <c r="F6253" i="2" s="1"/>
  <c r="F6264" i="2" a="1"/>
  <c r="F6264" i="2" s="1"/>
  <c r="F6263" i="2" a="1"/>
  <c r="F6263" i="2" s="1"/>
  <c r="F6251" i="2" a="1"/>
  <c r="F6251" i="2" s="1"/>
  <c r="F6261" i="2" a="1"/>
  <c r="F6261" i="2" s="1"/>
  <c r="F6255" i="2" a="1"/>
  <c r="F6255" i="2" s="1"/>
  <c r="F6260" i="2" a="1"/>
  <c r="F6260" i="2" s="1"/>
  <c r="F6252" i="2" a="1"/>
  <c r="F6252" i="2" s="1"/>
  <c r="F6268" i="2" a="1"/>
  <c r="F6268" i="2" s="1"/>
  <c r="F6270" i="2" a="1"/>
  <c r="F6270" i="2" s="1"/>
  <c r="F6265" i="2" a="1"/>
  <c r="F6265" i="2" s="1"/>
  <c r="F6273" i="2" a="1"/>
  <c r="F6273" i="2" s="1"/>
  <c r="F6250" i="2" a="1"/>
  <c r="F6250" i="2" s="1"/>
  <c r="F6259" i="2" a="1"/>
  <c r="F6259" i="2" s="1"/>
  <c r="F6256" i="2" a="1"/>
  <c r="F6256" i="2" s="1"/>
  <c r="F6271" i="2" a="1"/>
  <c r="F6271" i="2" s="1"/>
  <c r="F6254" i="2" a="1"/>
  <c r="F6254" i="2" s="1"/>
  <c r="F6258" i="2" a="1"/>
  <c r="F6258" i="2" s="1"/>
  <c r="E5115" i="2" a="1"/>
  <c r="E5115" i="2" s="1"/>
  <c r="E5099" i="2" a="1"/>
  <c r="E5099" i="2" s="1"/>
  <c r="E5119" i="2" a="1"/>
  <c r="E5119" i="2" s="1"/>
  <c r="E5114" i="2" a="1"/>
  <c r="E5114" i="2" s="1"/>
  <c r="E5117" i="2" a="1"/>
  <c r="E5117" i="2" s="1"/>
  <c r="E5102" i="2" a="1"/>
  <c r="E5102" i="2" s="1"/>
  <c r="E5106" i="2" a="1"/>
  <c r="E5106" i="2" s="1"/>
  <c r="E5101" i="2" a="1"/>
  <c r="E5101" i="2" s="1"/>
  <c r="E5116" i="2" a="1"/>
  <c r="E5116" i="2" s="1"/>
  <c r="E5103" i="2" a="1"/>
  <c r="E5103" i="2" s="1"/>
  <c r="E5111" i="2" a="1"/>
  <c r="E5111" i="2" s="1"/>
  <c r="E5120" i="2" a="1"/>
  <c r="E5120" i="2" s="1"/>
  <c r="E5104" i="2" a="1"/>
  <c r="E5104" i="2" s="1"/>
  <c r="E5112" i="2" a="1"/>
  <c r="E5112" i="2" s="1"/>
  <c r="E5121" i="2" a="1"/>
  <c r="E5121" i="2" s="1"/>
  <c r="E5110" i="2" a="1"/>
  <c r="E5110" i="2" s="1"/>
  <c r="E5105" i="2" a="1"/>
  <c r="E5105" i="2" s="1"/>
  <c r="E5107" i="2" a="1"/>
  <c r="E5107" i="2" s="1"/>
  <c r="E5098" i="2" a="1"/>
  <c r="E5098" i="2" s="1"/>
  <c r="E5113" i="2" a="1"/>
  <c r="E5113" i="2" s="1"/>
  <c r="E5108" i="2" a="1"/>
  <c r="E5108" i="2" s="1"/>
  <c r="E5118" i="2" a="1"/>
  <c r="E5118" i="2" s="1"/>
  <c r="E5109" i="2" a="1"/>
  <c r="E5109" i="2" s="1"/>
  <c r="E5100" i="2" a="1"/>
  <c r="E5100" i="2" s="1"/>
  <c r="G6298" i="2" a="1"/>
  <c r="G6298" i="2" s="1"/>
  <c r="G6306" i="2" a="1"/>
  <c r="G6306" i="2" s="1"/>
  <c r="G6309" i="2" a="1"/>
  <c r="G6309" i="2" s="1"/>
  <c r="G6318" i="2" a="1"/>
  <c r="G6318" i="2" s="1"/>
  <c r="G6316" i="2" a="1"/>
  <c r="G6316" i="2" s="1"/>
  <c r="G6310" i="2" a="1"/>
  <c r="G6310" i="2" s="1"/>
  <c r="G6299" i="2" a="1"/>
  <c r="G6299" i="2" s="1"/>
  <c r="G6307" i="2" a="1"/>
  <c r="G6307" i="2" s="1"/>
  <c r="G6315" i="2" a="1"/>
  <c r="G6315" i="2" s="1"/>
  <c r="G6314" i="2" a="1"/>
  <c r="G6314" i="2" s="1"/>
  <c r="G6300" i="2" a="1"/>
  <c r="G6300" i="2" s="1"/>
  <c r="G6317" i="2" a="1"/>
  <c r="G6317" i="2" s="1"/>
  <c r="G6313" i="2" a="1"/>
  <c r="G6313" i="2" s="1"/>
  <c r="G6308" i="2" a="1"/>
  <c r="G6308" i="2" s="1"/>
  <c r="G6319" i="2" a="1"/>
  <c r="G6319" i="2" s="1"/>
  <c r="G6305" i="2" a="1"/>
  <c r="G6305" i="2" s="1"/>
  <c r="G6301" i="2" a="1"/>
  <c r="G6301" i="2" s="1"/>
  <c r="G6311" i="2" a="1"/>
  <c r="G6311" i="2" s="1"/>
  <c r="G6302" i="2" a="1"/>
  <c r="G6302" i="2" s="1"/>
  <c r="G6312" i="2" a="1"/>
  <c r="G6312" i="2" s="1"/>
  <c r="G6304" i="2" a="1"/>
  <c r="G6304" i="2" s="1"/>
  <c r="G6321" i="2" a="1"/>
  <c r="G6321" i="2" s="1"/>
  <c r="G6303" i="2" a="1"/>
  <c r="G6303" i="2" s="1"/>
  <c r="G6320" i="2" a="1"/>
  <c r="G6320" i="2" s="1"/>
  <c r="H5914" i="2" a="1"/>
  <c r="H5914" i="2" s="1"/>
  <c r="H5927" i="2" a="1"/>
  <c r="H5927" i="2" s="1"/>
  <c r="H5919" i="2" a="1"/>
  <c r="H5919" i="2" s="1"/>
  <c r="H5924" i="2" a="1"/>
  <c r="H5924" i="2" s="1"/>
  <c r="H5930" i="2" a="1"/>
  <c r="H5930" i="2" s="1"/>
  <c r="H5916" i="2" a="1"/>
  <c r="H5916" i="2" s="1"/>
  <c r="H5931" i="2" a="1"/>
  <c r="H5931" i="2" s="1"/>
  <c r="H5920" i="2" a="1"/>
  <c r="H5920" i="2" s="1"/>
  <c r="H5935" i="2" a="1"/>
  <c r="H5935" i="2" s="1"/>
  <c r="H5934" i="2" a="1"/>
  <c r="H5934" i="2" s="1"/>
  <c r="H5922" i="2" a="1"/>
  <c r="H5922" i="2" s="1"/>
  <c r="H5937" i="2" a="1"/>
  <c r="H5937" i="2" s="1"/>
  <c r="H5933" i="2" a="1"/>
  <c r="H5933" i="2" s="1"/>
  <c r="H5918" i="2" a="1"/>
  <c r="H5918" i="2" s="1"/>
  <c r="H5915" i="2" a="1"/>
  <c r="H5915" i="2" s="1"/>
  <c r="H5926" i="2" a="1"/>
  <c r="H5926" i="2" s="1"/>
  <c r="H5929" i="2" a="1"/>
  <c r="H5929" i="2" s="1"/>
  <c r="H5936" i="2" a="1"/>
  <c r="H5936" i="2" s="1"/>
  <c r="H5928" i="2" a="1"/>
  <c r="H5928" i="2" s="1"/>
  <c r="H5921" i="2" a="1"/>
  <c r="H5921" i="2" s="1"/>
  <c r="H5923" i="2" a="1"/>
  <c r="H5923" i="2" s="1"/>
  <c r="H5925" i="2" a="1"/>
  <c r="H5925" i="2" s="1"/>
  <c r="H5932" i="2" a="1"/>
  <c r="H5932" i="2" s="1"/>
  <c r="H5917" i="2" a="1"/>
  <c r="H5917" i="2" s="1"/>
  <c r="D2135" i="2" a="1"/>
  <c r="D2135" i="2" s="1"/>
  <c r="D2125" i="2" a="1"/>
  <c r="D2125" i="2" s="1"/>
  <c r="D2124" i="2" a="1"/>
  <c r="D2124" i="2" s="1"/>
  <c r="D2122" i="2" a="1"/>
  <c r="D2122" i="2" s="1"/>
  <c r="H205" i="2" a="1"/>
  <c r="H205" i="2" s="1"/>
  <c r="H206" i="2" a="1"/>
  <c r="H206" i="2" s="1"/>
  <c r="H215" i="2" a="1"/>
  <c r="H215" i="2" s="1"/>
  <c r="H207" i="2" a="1"/>
  <c r="H207" i="2" s="1"/>
  <c r="H211" i="2" a="1"/>
  <c r="H211" i="2" s="1"/>
  <c r="H210" i="2" a="1"/>
  <c r="H210" i="2" s="1"/>
  <c r="H209" i="2" a="1"/>
  <c r="H209" i="2" s="1"/>
  <c r="H220" i="2" a="1"/>
  <c r="H220" i="2" s="1"/>
  <c r="H202" i="2" a="1"/>
  <c r="H202" i="2" s="1"/>
  <c r="H218" i="2" a="1"/>
  <c r="H218" i="2" s="1"/>
  <c r="H217" i="2" a="1"/>
  <c r="H217" i="2" s="1"/>
  <c r="H219" i="2" a="1"/>
  <c r="H219" i="2" s="1"/>
  <c r="H222" i="2" a="1"/>
  <c r="H222" i="2" s="1"/>
  <c r="H223" i="2" a="1"/>
  <c r="H223" i="2" s="1"/>
  <c r="H225" i="2" a="1"/>
  <c r="H225" i="2" s="1"/>
  <c r="H204" i="2" a="1"/>
  <c r="H204" i="2" s="1"/>
  <c r="H216" i="2" a="1"/>
  <c r="H216" i="2" s="1"/>
  <c r="H212" i="2" a="1"/>
  <c r="H212" i="2" s="1"/>
  <c r="H203" i="2" a="1"/>
  <c r="H203" i="2" s="1"/>
  <c r="H214" i="2" a="1"/>
  <c r="H214" i="2" s="1"/>
  <c r="H224" i="2" a="1"/>
  <c r="H224" i="2" s="1"/>
  <c r="H221" i="2" a="1"/>
  <c r="H221" i="2" s="1"/>
  <c r="H213" i="2" a="1"/>
  <c r="H213" i="2" s="1"/>
  <c r="H208" i="2" a="1"/>
  <c r="H208" i="2" s="1"/>
  <c r="F5761" i="2" a="1"/>
  <c r="F5761" i="2" s="1"/>
  <c r="F5750" i="2" a="1"/>
  <c r="F5750" i="2" s="1"/>
  <c r="F5752" i="2" a="1"/>
  <c r="F5752" i="2" s="1"/>
  <c r="F5751" i="2" a="1"/>
  <c r="F5751" i="2" s="1"/>
  <c r="F5765" i="2" a="1"/>
  <c r="F5765" i="2" s="1"/>
  <c r="F5763" i="2" a="1"/>
  <c r="F5763" i="2" s="1"/>
  <c r="F5759" i="2" a="1"/>
  <c r="F5759" i="2" s="1"/>
  <c r="F5767" i="2" a="1"/>
  <c r="F5767" i="2" s="1"/>
  <c r="F5757" i="2" a="1"/>
  <c r="F5757" i="2" s="1"/>
  <c r="F5754" i="2" a="1"/>
  <c r="F5754" i="2" s="1"/>
  <c r="F5748" i="2" a="1"/>
  <c r="F5748" i="2" s="1"/>
  <c r="F5753" i="2" a="1"/>
  <c r="F5753" i="2" s="1"/>
  <c r="F5756" i="2" a="1"/>
  <c r="F5756" i="2" s="1"/>
  <c r="F5749" i="2" a="1"/>
  <c r="F5749" i="2" s="1"/>
  <c r="F5755" i="2" a="1"/>
  <c r="F5755" i="2" s="1"/>
  <c r="F5766" i="2" a="1"/>
  <c r="F5766" i="2" s="1"/>
  <c r="F5747" i="2" a="1"/>
  <c r="F5747" i="2" s="1"/>
  <c r="F5768" i="2" a="1"/>
  <c r="F5768" i="2" s="1"/>
  <c r="F5769" i="2" a="1"/>
  <c r="F5769" i="2" s="1"/>
  <c r="F5764" i="2" a="1"/>
  <c r="F5764" i="2" s="1"/>
  <c r="F5762" i="2" a="1"/>
  <c r="F5762" i="2" s="1"/>
  <c r="F5758" i="2" a="1"/>
  <c r="F5758" i="2" s="1"/>
  <c r="F5746" i="2" a="1"/>
  <c r="F5746" i="2" s="1"/>
  <c r="F5760" i="2" a="1"/>
  <c r="F5760" i="2" s="1"/>
  <c r="F2146" i="2" a="1"/>
  <c r="F2146" i="2" s="1"/>
  <c r="F2150" i="2" a="1"/>
  <c r="F2150" i="2" s="1"/>
  <c r="F2169" i="2" a="1"/>
  <c r="F2169" i="2" s="1"/>
  <c r="F2166" i="2" a="1"/>
  <c r="F2166" i="2" s="1"/>
  <c r="F2147" i="2" a="1"/>
  <c r="F2147" i="2" s="1"/>
  <c r="F2163" i="2" a="1"/>
  <c r="F2163" i="2" s="1"/>
  <c r="F2148" i="2" a="1"/>
  <c r="F2148" i="2" s="1"/>
  <c r="F2168" i="2" a="1"/>
  <c r="F2168" i="2" s="1"/>
  <c r="F2154" i="2" a="1"/>
  <c r="F2154" i="2" s="1"/>
  <c r="F2151" i="2" a="1"/>
  <c r="F2151" i="2" s="1"/>
  <c r="F2167" i="2" a="1"/>
  <c r="F2167" i="2" s="1"/>
  <c r="F2164" i="2" a="1"/>
  <c r="F2164" i="2" s="1"/>
  <c r="F2156" i="2" a="1"/>
  <c r="F2156" i="2" s="1"/>
  <c r="F2165" i="2" a="1"/>
  <c r="F2165" i="2" s="1"/>
  <c r="F2158" i="2" a="1"/>
  <c r="F2158" i="2" s="1"/>
  <c r="F2157" i="2" a="1"/>
  <c r="F2157" i="2" s="1"/>
  <c r="F2152" i="2" a="1"/>
  <c r="F2152" i="2" s="1"/>
  <c r="F2153" i="2" a="1"/>
  <c r="F2153" i="2" s="1"/>
  <c r="F2161" i="2" a="1"/>
  <c r="F2161" i="2" s="1"/>
  <c r="F2160" i="2" a="1"/>
  <c r="F2160" i="2" s="1"/>
  <c r="F2155" i="2" a="1"/>
  <c r="F2155" i="2" s="1"/>
  <c r="F2149" i="2" a="1"/>
  <c r="F2149" i="2" s="1"/>
  <c r="F2159" i="2" a="1"/>
  <c r="F2159" i="2" s="1"/>
  <c r="F2162" i="2" a="1"/>
  <c r="F2162" i="2" s="1"/>
  <c r="E891" i="2" a="1"/>
  <c r="E891" i="2" s="1"/>
  <c r="E885" i="2" a="1"/>
  <c r="E885" i="2" s="1"/>
  <c r="E889" i="2" a="1"/>
  <c r="E889" i="2" s="1"/>
  <c r="E876" i="2" a="1"/>
  <c r="E876" i="2" s="1"/>
  <c r="E886" i="2" a="1"/>
  <c r="E886" i="2" s="1"/>
  <c r="E890" i="2" a="1"/>
  <c r="E890" i="2" s="1"/>
  <c r="E877" i="2" a="1"/>
  <c r="E877" i="2" s="1"/>
  <c r="E896" i="2" a="1"/>
  <c r="E896" i="2" s="1"/>
  <c r="E879" i="2" a="1"/>
  <c r="E879" i="2" s="1"/>
  <c r="E881" i="2" a="1"/>
  <c r="E881" i="2" s="1"/>
  <c r="E874" i="2" a="1"/>
  <c r="E874" i="2" s="1"/>
  <c r="E894" i="2" a="1"/>
  <c r="E894" i="2" s="1"/>
  <c r="E895" i="2" a="1"/>
  <c r="E895" i="2" s="1"/>
  <c r="E888" i="2" a="1"/>
  <c r="E888" i="2" s="1"/>
  <c r="E892" i="2" a="1"/>
  <c r="E892" i="2" s="1"/>
  <c r="E887" i="2" a="1"/>
  <c r="E887" i="2" s="1"/>
  <c r="E878" i="2" a="1"/>
  <c r="E878" i="2" s="1"/>
  <c r="E893" i="2" a="1"/>
  <c r="E893" i="2" s="1"/>
  <c r="E882" i="2" a="1"/>
  <c r="E882" i="2" s="1"/>
  <c r="E884" i="2" a="1"/>
  <c r="E884" i="2" s="1"/>
  <c r="E883" i="2" a="1"/>
  <c r="E883" i="2" s="1"/>
  <c r="E897" i="2" a="1"/>
  <c r="E897" i="2" s="1"/>
  <c r="E880" i="2" a="1"/>
  <c r="E880" i="2" s="1"/>
  <c r="E875" i="2" a="1"/>
  <c r="E875" i="2" s="1"/>
  <c r="F547" i="2" a="1"/>
  <c r="F547" i="2" s="1"/>
  <c r="F540" i="2" a="1"/>
  <c r="F540" i="2" s="1"/>
  <c r="F542" i="2" a="1"/>
  <c r="F542" i="2" s="1"/>
  <c r="F550" i="2" a="1"/>
  <c r="F550" i="2" s="1"/>
  <c r="F548" i="2" a="1"/>
  <c r="F548" i="2" s="1"/>
  <c r="F545" i="2" a="1"/>
  <c r="F545" i="2" s="1"/>
  <c r="F560" i="2" a="1"/>
  <c r="F560" i="2" s="1"/>
  <c r="F549" i="2" a="1"/>
  <c r="F549" i="2" s="1"/>
  <c r="F538" i="2" a="1"/>
  <c r="F538" i="2" s="1"/>
  <c r="F553" i="2" a="1"/>
  <c r="F553" i="2" s="1"/>
  <c r="F556" i="2" a="1"/>
  <c r="F556" i="2" s="1"/>
  <c r="F554" i="2" a="1"/>
  <c r="F554" i="2" s="1"/>
  <c r="F546" i="2" a="1"/>
  <c r="F546" i="2" s="1"/>
  <c r="F558" i="2" a="1"/>
  <c r="F558" i="2" s="1"/>
  <c r="F541" i="2" a="1"/>
  <c r="F541" i="2" s="1"/>
  <c r="F559" i="2" a="1"/>
  <c r="F559" i="2" s="1"/>
  <c r="F551" i="2" a="1"/>
  <c r="F551" i="2" s="1"/>
  <c r="F557" i="2" a="1"/>
  <c r="F557" i="2" s="1"/>
  <c r="F539" i="2" a="1"/>
  <c r="F539" i="2" s="1"/>
  <c r="F543" i="2" a="1"/>
  <c r="F543" i="2" s="1"/>
  <c r="F544" i="2" a="1"/>
  <c r="F544" i="2" s="1"/>
  <c r="F552" i="2" a="1"/>
  <c r="F552" i="2" s="1"/>
  <c r="F555" i="2" a="1"/>
  <c r="F555" i="2" s="1"/>
  <c r="F561" i="2" a="1"/>
  <c r="F561" i="2" s="1"/>
  <c r="AN297" i="1"/>
  <c r="D303" i="5" s="1"/>
  <c r="AO297" i="1"/>
  <c r="E303" i="5" s="1"/>
  <c r="AP297" i="1"/>
  <c r="F303" i="5" s="1"/>
  <c r="AQ297" i="1"/>
  <c r="G303" i="5" s="1"/>
  <c r="AM297" i="1"/>
  <c r="D7129" i="2" a="1"/>
  <c r="D7129" i="2" s="1"/>
  <c r="D7137" i="2" a="1"/>
  <c r="D7137" i="2" s="1"/>
  <c r="D7134" i="2" a="1"/>
  <c r="D7134" i="2" s="1"/>
  <c r="D7120" i="2" a="1"/>
  <c r="D7120" i="2" s="1"/>
  <c r="D7131" i="2" a="1"/>
  <c r="D7131" i="2" s="1"/>
  <c r="D7117" i="2" a="1"/>
  <c r="D7117" i="2" s="1"/>
  <c r="D7128" i="2" a="1"/>
  <c r="D7128" i="2" s="1"/>
  <c r="D7115" i="2" a="1"/>
  <c r="D7115" i="2" s="1"/>
  <c r="D7123" i="2" a="1"/>
  <c r="D7123" i="2" s="1"/>
  <c r="D7122" i="2" a="1"/>
  <c r="D7122" i="2" s="1"/>
  <c r="D7133" i="2" a="1"/>
  <c r="D7133" i="2" s="1"/>
  <c r="D7119" i="2" a="1"/>
  <c r="D7119" i="2" s="1"/>
  <c r="D7130" i="2" a="1"/>
  <c r="D7130" i="2" s="1"/>
  <c r="D7116" i="2" a="1"/>
  <c r="D7116" i="2" s="1"/>
  <c r="D7114" i="2" a="1"/>
  <c r="D7114" i="2" s="1"/>
  <c r="D7125" i="2" a="1"/>
  <c r="D7125" i="2" s="1"/>
  <c r="D7127" i="2" a="1"/>
  <c r="D7127" i="2" s="1"/>
  <c r="D7136" i="2" a="1"/>
  <c r="D7136" i="2" s="1"/>
  <c r="D7124" i="2" a="1"/>
  <c r="D7124" i="2" s="1"/>
  <c r="D7135" i="2" a="1"/>
  <c r="D7135" i="2" s="1"/>
  <c r="D7121" i="2" a="1"/>
  <c r="D7121" i="2" s="1"/>
  <c r="D7132" i="2" a="1"/>
  <c r="D7132" i="2" s="1"/>
  <c r="D7118" i="2" a="1"/>
  <c r="D7118" i="2" s="1"/>
  <c r="D7126" i="2" a="1"/>
  <c r="D7126" i="2" s="1"/>
  <c r="E4839" i="2" a="1"/>
  <c r="E4839" i="2" s="1"/>
  <c r="E4856" i="2" a="1"/>
  <c r="E4856" i="2" s="1"/>
  <c r="E4840" i="2" a="1"/>
  <c r="E4840" i="2" s="1"/>
  <c r="E4845" i="2" a="1"/>
  <c r="E4845" i="2" s="1"/>
  <c r="E4841" i="2" a="1"/>
  <c r="E4841" i="2" s="1"/>
  <c r="E4852" i="2" a="1"/>
  <c r="E4852" i="2" s="1"/>
  <c r="E4846" i="2" a="1"/>
  <c r="E4846" i="2" s="1"/>
  <c r="E4842" i="2" a="1"/>
  <c r="E4842" i="2" s="1"/>
  <c r="E4847" i="2" a="1"/>
  <c r="E4847" i="2" s="1"/>
  <c r="E4854" i="2" a="1"/>
  <c r="E4854" i="2" s="1"/>
  <c r="E4836" i="2" a="1"/>
  <c r="E4836" i="2" s="1"/>
  <c r="E4834" i="2" a="1"/>
  <c r="E4834" i="2" s="1"/>
  <c r="E4848" i="2" a="1"/>
  <c r="E4848" i="2" s="1"/>
  <c r="E4843" i="2" a="1"/>
  <c r="E4843" i="2" s="1"/>
  <c r="E4835" i="2" a="1"/>
  <c r="E4835" i="2" s="1"/>
  <c r="E4853" i="2" a="1"/>
  <c r="E4853" i="2" s="1"/>
  <c r="E4857" i="2" a="1"/>
  <c r="E4857" i="2" s="1"/>
  <c r="E4849" i="2" a="1"/>
  <c r="E4849" i="2" s="1"/>
  <c r="E4855" i="2" a="1"/>
  <c r="E4855" i="2" s="1"/>
  <c r="E4850" i="2" a="1"/>
  <c r="E4850" i="2" s="1"/>
  <c r="E4851" i="2" a="1"/>
  <c r="E4851" i="2" s="1"/>
  <c r="E4838" i="2" a="1"/>
  <c r="E4838" i="2" s="1"/>
  <c r="E4844" i="2" a="1"/>
  <c r="E4844" i="2" s="1"/>
  <c r="E4837" i="2" a="1"/>
  <c r="E4837" i="2" s="1"/>
  <c r="E6470" i="2" a="1"/>
  <c r="E6470" i="2" s="1"/>
  <c r="E6481" i="2" a="1"/>
  <c r="E6481" i="2" s="1"/>
  <c r="E6489" i="2" a="1"/>
  <c r="E6489" i="2" s="1"/>
  <c r="E6466" i="2" a="1"/>
  <c r="E6466" i="2" s="1"/>
  <c r="E6475" i="2" a="1"/>
  <c r="E6475" i="2" s="1"/>
  <c r="E6484" i="2" a="1"/>
  <c r="E6484" i="2" s="1"/>
  <c r="E6480" i="2" a="1"/>
  <c r="E6480" i="2" s="1"/>
  <c r="E6468" i="2" a="1"/>
  <c r="E6468" i="2" s="1"/>
  <c r="E6467" i="2" a="1"/>
  <c r="E6467" i="2" s="1"/>
  <c r="E6469" i="2" a="1"/>
  <c r="E6469" i="2" s="1"/>
  <c r="E6474" i="2" a="1"/>
  <c r="E6474" i="2" s="1"/>
  <c r="E6479" i="2" a="1"/>
  <c r="E6479" i="2" s="1"/>
  <c r="E6488" i="2" a="1"/>
  <c r="E6488" i="2" s="1"/>
  <c r="E6477" i="2" a="1"/>
  <c r="E6477" i="2" s="1"/>
  <c r="E6471" i="2" a="1"/>
  <c r="E6471" i="2" s="1"/>
  <c r="E6478" i="2" a="1"/>
  <c r="E6478" i="2" s="1"/>
  <c r="E6473" i="2" a="1"/>
  <c r="E6473" i="2" s="1"/>
  <c r="E6482" i="2" a="1"/>
  <c r="E6482" i="2" s="1"/>
  <c r="E6486" i="2" a="1"/>
  <c r="E6486" i="2" s="1"/>
  <c r="E6487" i="2" a="1"/>
  <c r="E6487" i="2" s="1"/>
  <c r="E6472" i="2" a="1"/>
  <c r="E6472" i="2" s="1"/>
  <c r="E6483" i="2" a="1"/>
  <c r="E6483" i="2" s="1"/>
  <c r="E6485" i="2" a="1"/>
  <c r="E6485" i="2" s="1"/>
  <c r="E6476" i="2" a="1"/>
  <c r="E6476" i="2" s="1"/>
  <c r="F1487" i="2" a="1"/>
  <c r="F1487" i="2" s="1"/>
  <c r="F1493" i="2" a="1"/>
  <c r="F1493" i="2" s="1"/>
  <c r="F1490" i="2" a="1"/>
  <c r="F1490" i="2" s="1"/>
  <c r="F1495" i="2" a="1"/>
  <c r="F1495" i="2" s="1"/>
  <c r="F1481" i="2" a="1"/>
  <c r="F1481" i="2" s="1"/>
  <c r="F1477" i="2" a="1"/>
  <c r="F1477" i="2" s="1"/>
  <c r="F1482" i="2" a="1"/>
  <c r="F1482" i="2" s="1"/>
  <c r="F1483" i="2" a="1"/>
  <c r="F1483" i="2" s="1"/>
  <c r="F1497" i="2" a="1"/>
  <c r="F1497" i="2" s="1"/>
  <c r="F1494" i="2" a="1"/>
  <c r="F1494" i="2" s="1"/>
  <c r="F1491" i="2" a="1"/>
  <c r="F1491" i="2" s="1"/>
  <c r="F1492" i="2" a="1"/>
  <c r="F1492" i="2" s="1"/>
  <c r="F1485" i="2" a="1"/>
  <c r="F1485" i="2" s="1"/>
  <c r="F1488" i="2" a="1"/>
  <c r="F1488" i="2" s="1"/>
  <c r="F1475" i="2" a="1"/>
  <c r="F1475" i="2" s="1"/>
  <c r="F1484" i="2" a="1"/>
  <c r="F1484" i="2" s="1"/>
  <c r="F1478" i="2" a="1"/>
  <c r="F1478" i="2" s="1"/>
  <c r="F1479" i="2" a="1"/>
  <c r="F1479" i="2" s="1"/>
  <c r="F1486" i="2" a="1"/>
  <c r="F1486" i="2" s="1"/>
  <c r="F1480" i="2" a="1"/>
  <c r="F1480" i="2" s="1"/>
  <c r="F1474" i="2" a="1"/>
  <c r="F1474" i="2" s="1"/>
  <c r="F1496" i="2" a="1"/>
  <c r="F1496" i="2" s="1"/>
  <c r="F1476" i="2" a="1"/>
  <c r="F1476" i="2" s="1"/>
  <c r="F1489" i="2" a="1"/>
  <c r="F1489" i="2" s="1"/>
  <c r="H8051" i="2" a="1"/>
  <c r="H8051" i="2" s="1"/>
  <c r="H8073" i="2" a="1"/>
  <c r="H8073" i="2" s="1"/>
  <c r="H8061" i="2" a="1"/>
  <c r="H8061" i="2" s="1"/>
  <c r="H8069" i="2" a="1"/>
  <c r="H8069" i="2" s="1"/>
  <c r="H8052" i="2" a="1"/>
  <c r="H8052" i="2" s="1"/>
  <c r="H8060" i="2" a="1"/>
  <c r="H8060" i="2" s="1"/>
  <c r="H8050" i="2" a="1"/>
  <c r="H8050" i="2" s="1"/>
  <c r="H8071" i="2" a="1"/>
  <c r="H8071" i="2" s="1"/>
  <c r="H8055" i="2" a="1"/>
  <c r="H8055" i="2" s="1"/>
  <c r="H8068" i="2" a="1"/>
  <c r="H8068" i="2" s="1"/>
  <c r="H8056" i="2" a="1"/>
  <c r="H8056" i="2" s="1"/>
  <c r="H8063" i="2" a="1"/>
  <c r="H8063" i="2" s="1"/>
  <c r="H8059" i="2" a="1"/>
  <c r="H8059" i="2" s="1"/>
  <c r="H8065" i="2" a="1"/>
  <c r="H8065" i="2" s="1"/>
  <c r="H8054" i="2" a="1"/>
  <c r="H8054" i="2" s="1"/>
  <c r="H8072" i="2" a="1"/>
  <c r="H8072" i="2" s="1"/>
  <c r="H8062" i="2" a="1"/>
  <c r="H8062" i="2" s="1"/>
  <c r="H8067" i="2" a="1"/>
  <c r="H8067" i="2" s="1"/>
  <c r="H8057" i="2" a="1"/>
  <c r="H8057" i="2" s="1"/>
  <c r="H8058" i="2" a="1"/>
  <c r="H8058" i="2" s="1"/>
  <c r="H8064" i="2" a="1"/>
  <c r="H8064" i="2" s="1"/>
  <c r="H8066" i="2" a="1"/>
  <c r="H8066" i="2" s="1"/>
  <c r="H8070" i="2" a="1"/>
  <c r="H8070" i="2" s="1"/>
  <c r="H8053" i="2" a="1"/>
  <c r="H8053" i="2" s="1"/>
  <c r="F3384" i="2" a="1"/>
  <c r="F3384" i="2" s="1"/>
  <c r="F3387" i="2" a="1"/>
  <c r="F3387" i="2" s="1"/>
  <c r="F3388" i="2" a="1"/>
  <c r="F3388" i="2" s="1"/>
  <c r="F3390" i="2" a="1"/>
  <c r="F3390" i="2" s="1"/>
  <c r="F3379" i="2" a="1"/>
  <c r="F3379" i="2" s="1"/>
  <c r="F3373" i="2" a="1"/>
  <c r="F3373" i="2" s="1"/>
  <c r="F3377" i="2" a="1"/>
  <c r="F3377" i="2" s="1"/>
  <c r="F3385" i="2" a="1"/>
  <c r="F3385" i="2" s="1"/>
  <c r="F3386" i="2" a="1"/>
  <c r="F3386" i="2" s="1"/>
  <c r="F3370" i="2" a="1"/>
  <c r="F3370" i="2" s="1"/>
  <c r="F3392" i="2" a="1"/>
  <c r="F3392" i="2" s="1"/>
  <c r="F3382" i="2" a="1"/>
  <c r="F3382" i="2" s="1"/>
  <c r="F3381" i="2" a="1"/>
  <c r="F3381" i="2" s="1"/>
  <c r="F3372" i="2" a="1"/>
  <c r="F3372" i="2" s="1"/>
  <c r="F3389" i="2" a="1"/>
  <c r="F3389" i="2" s="1"/>
  <c r="F3376" i="2" a="1"/>
  <c r="F3376" i="2" s="1"/>
  <c r="F3378" i="2" a="1"/>
  <c r="F3378" i="2" s="1"/>
  <c r="F3391" i="2" a="1"/>
  <c r="F3391" i="2" s="1"/>
  <c r="F3393" i="2" a="1"/>
  <c r="F3393" i="2" s="1"/>
  <c r="F3374" i="2" a="1"/>
  <c r="F3374" i="2" s="1"/>
  <c r="F3380" i="2" a="1"/>
  <c r="F3380" i="2" s="1"/>
  <c r="F3383" i="2" a="1"/>
  <c r="F3383" i="2" s="1"/>
  <c r="F3375" i="2" a="1"/>
  <c r="F3375" i="2" s="1"/>
  <c r="F3371" i="2" a="1"/>
  <c r="F3371" i="2" s="1"/>
  <c r="H6216" i="2" a="1"/>
  <c r="H6216" i="2" s="1"/>
  <c r="H6221" i="2" a="1"/>
  <c r="H6221" i="2" s="1"/>
  <c r="H6217" i="2" a="1"/>
  <c r="H6217" i="2" s="1"/>
  <c r="H6218" i="2" a="1"/>
  <c r="H6218" i="2" s="1"/>
  <c r="H6223" i="2" a="1"/>
  <c r="H6223" i="2" s="1"/>
  <c r="H6210" i="2" a="1"/>
  <c r="H6210" i="2" s="1"/>
  <c r="H6220" i="2" a="1"/>
  <c r="H6220" i="2" s="1"/>
  <c r="H6203" i="2" a="1"/>
  <c r="H6203" i="2" s="1"/>
  <c r="H6219" i="2" a="1"/>
  <c r="H6219" i="2" s="1"/>
  <c r="H6212" i="2" a="1"/>
  <c r="H6212" i="2" s="1"/>
  <c r="H6209" i="2" a="1"/>
  <c r="H6209" i="2" s="1"/>
  <c r="H6213" i="2" a="1"/>
  <c r="H6213" i="2" s="1"/>
  <c r="H6222" i="2" a="1"/>
  <c r="H6222" i="2" s="1"/>
  <c r="H6215" i="2" a="1"/>
  <c r="H6215" i="2" s="1"/>
  <c r="H6206" i="2" a="1"/>
  <c r="H6206" i="2" s="1"/>
  <c r="H6214" i="2" a="1"/>
  <c r="H6214" i="2" s="1"/>
  <c r="H6202" i="2" a="1"/>
  <c r="H6202" i="2" s="1"/>
  <c r="H6205" i="2" a="1"/>
  <c r="H6205" i="2" s="1"/>
  <c r="H6211" i="2" a="1"/>
  <c r="H6211" i="2" s="1"/>
  <c r="H6204" i="2" a="1"/>
  <c r="H6204" i="2" s="1"/>
  <c r="H6208" i="2" a="1"/>
  <c r="H6208" i="2" s="1"/>
  <c r="H6225" i="2" a="1"/>
  <c r="H6225" i="2" s="1"/>
  <c r="H6207" i="2" a="1"/>
  <c r="H6207" i="2" s="1"/>
  <c r="H6224" i="2" a="1"/>
  <c r="H6224" i="2" s="1"/>
  <c r="F6228" i="2" a="1"/>
  <c r="F6228" i="2" s="1"/>
  <c r="F6248" i="2" a="1"/>
  <c r="F6248" i="2" s="1"/>
  <c r="F6232" i="2" a="1"/>
  <c r="F6232" i="2" s="1"/>
  <c r="F6242" i="2" a="1"/>
  <c r="F6242" i="2" s="1"/>
  <c r="F6233" i="2" a="1"/>
  <c r="F6233" i="2" s="1"/>
  <c r="F6240" i="2" a="1"/>
  <c r="F6240" i="2" s="1"/>
  <c r="F6229" i="2" a="1"/>
  <c r="F6229" i="2" s="1"/>
  <c r="F6235" i="2" a="1"/>
  <c r="F6235" i="2" s="1"/>
  <c r="F6241" i="2" a="1"/>
  <c r="F6241" i="2" s="1"/>
  <c r="F6243" i="2" a="1"/>
  <c r="F6243" i="2" s="1"/>
  <c r="F6236" i="2" a="1"/>
  <c r="F6236" i="2" s="1"/>
  <c r="F6234" i="2" a="1"/>
  <c r="F6234" i="2" s="1"/>
  <c r="F6237" i="2" a="1"/>
  <c r="F6237" i="2" s="1"/>
  <c r="F6231" i="2" a="1"/>
  <c r="F6231" i="2" s="1"/>
  <c r="F6238" i="2" a="1"/>
  <c r="F6238" i="2" s="1"/>
  <c r="F6239" i="2" a="1"/>
  <c r="F6239" i="2" s="1"/>
  <c r="F6244" i="2" a="1"/>
  <c r="F6244" i="2" s="1"/>
  <c r="F6249" i="2" a="1"/>
  <c r="F6249" i="2" s="1"/>
  <c r="F6245" i="2" a="1"/>
  <c r="F6245" i="2" s="1"/>
  <c r="F6226" i="2" a="1"/>
  <c r="F6226" i="2" s="1"/>
  <c r="F6246" i="2" a="1"/>
  <c r="F6246" i="2" s="1"/>
  <c r="F6230" i="2" a="1"/>
  <c r="F6230" i="2" s="1"/>
  <c r="F6247" i="2" a="1"/>
  <c r="F6247" i="2" s="1"/>
  <c r="F6227" i="2" a="1"/>
  <c r="F6227" i="2" s="1"/>
  <c r="E857" i="2" a="1"/>
  <c r="E857" i="2" s="1"/>
  <c r="E850" i="2" a="1"/>
  <c r="E850" i="2" s="1"/>
  <c r="E854" i="2" a="1"/>
  <c r="E854" i="2" s="1"/>
  <c r="E867" i="2" a="1"/>
  <c r="E867" i="2" s="1"/>
  <c r="E872" i="2" a="1"/>
  <c r="E872" i="2" s="1"/>
  <c r="E852" i="2" a="1"/>
  <c r="E852" i="2" s="1"/>
  <c r="E851" i="2" a="1"/>
  <c r="E851" i="2" s="1"/>
  <c r="E870" i="2" a="1"/>
  <c r="E870" i="2" s="1"/>
  <c r="E856" i="2" a="1"/>
  <c r="E856" i="2" s="1"/>
  <c r="E863" i="2" a="1"/>
  <c r="E863" i="2" s="1"/>
  <c r="E866" i="2" a="1"/>
  <c r="E866" i="2" s="1"/>
  <c r="E860" i="2" a="1"/>
  <c r="E860" i="2" s="1"/>
  <c r="E861" i="2" a="1"/>
  <c r="E861" i="2" s="1"/>
  <c r="E853" i="2" a="1"/>
  <c r="E853" i="2" s="1"/>
  <c r="E855" i="2" a="1"/>
  <c r="E855" i="2" s="1"/>
  <c r="E869" i="2" a="1"/>
  <c r="E869" i="2" s="1"/>
  <c r="E865" i="2" a="1"/>
  <c r="E865" i="2" s="1"/>
  <c r="E858" i="2" a="1"/>
  <c r="E858" i="2" s="1"/>
  <c r="E859" i="2" a="1"/>
  <c r="E859" i="2" s="1"/>
  <c r="E873" i="2" a="1"/>
  <c r="E873" i="2" s="1"/>
  <c r="E864" i="2" a="1"/>
  <c r="E864" i="2" s="1"/>
  <c r="E868" i="2" a="1"/>
  <c r="E868" i="2" s="1"/>
  <c r="E862" i="2" a="1"/>
  <c r="E862" i="2" s="1"/>
  <c r="E871" i="2" a="1"/>
  <c r="E871" i="2" s="1"/>
  <c r="G2873" i="2" a="1"/>
  <c r="G2873" i="2" s="1"/>
  <c r="G2876" i="2" a="1"/>
  <c r="G2876" i="2" s="1"/>
  <c r="G2888" i="2" a="1"/>
  <c r="G2888" i="2" s="1"/>
  <c r="G2881" i="2" a="1"/>
  <c r="G2881" i="2" s="1"/>
  <c r="G2868" i="2" a="1"/>
  <c r="G2868" i="2" s="1"/>
  <c r="G2882" i="2" a="1"/>
  <c r="G2882" i="2" s="1"/>
  <c r="G2880" i="2" a="1"/>
  <c r="G2880" i="2" s="1"/>
  <c r="G2886" i="2" a="1"/>
  <c r="G2886" i="2" s="1"/>
  <c r="G2866" i="2" a="1"/>
  <c r="G2866" i="2" s="1"/>
  <c r="G2874" i="2" a="1"/>
  <c r="G2874" i="2" s="1"/>
  <c r="G2871" i="2" a="1"/>
  <c r="G2871" i="2" s="1"/>
  <c r="G2872" i="2" a="1"/>
  <c r="G2872" i="2" s="1"/>
  <c r="G2878" i="2" a="1"/>
  <c r="G2878" i="2" s="1"/>
  <c r="G2869" i="2" a="1"/>
  <c r="G2869" i="2" s="1"/>
  <c r="G2870" i="2" a="1"/>
  <c r="G2870" i="2" s="1"/>
  <c r="G2875" i="2" a="1"/>
  <c r="G2875" i="2" s="1"/>
  <c r="G2884" i="2" a="1"/>
  <c r="G2884" i="2" s="1"/>
  <c r="G2883" i="2" a="1"/>
  <c r="G2883" i="2" s="1"/>
  <c r="G2889" i="2" a="1"/>
  <c r="G2889" i="2" s="1"/>
  <c r="G2879" i="2" a="1"/>
  <c r="G2879" i="2" s="1"/>
  <c r="G2887" i="2" a="1"/>
  <c r="G2887" i="2" s="1"/>
  <c r="G2867" i="2" a="1"/>
  <c r="G2867" i="2" s="1"/>
  <c r="G2885" i="2" a="1"/>
  <c r="G2885" i="2" s="1"/>
  <c r="G2877" i="2" a="1"/>
  <c r="G2877" i="2" s="1"/>
  <c r="H2677" i="2" a="1"/>
  <c r="H2677" i="2" s="1"/>
  <c r="H2674" i="2" a="1"/>
  <c r="H2674" i="2" s="1"/>
  <c r="H2697" i="2" a="1"/>
  <c r="H2697" i="2" s="1"/>
  <c r="H2684" i="2" a="1"/>
  <c r="H2684" i="2" s="1"/>
  <c r="H2678" i="2" a="1"/>
  <c r="H2678" i="2" s="1"/>
  <c r="H2688" i="2" a="1"/>
  <c r="H2688" i="2" s="1"/>
  <c r="H2682" i="2" a="1"/>
  <c r="H2682" i="2" s="1"/>
  <c r="H2685" i="2" a="1"/>
  <c r="H2685" i="2" s="1"/>
  <c r="H2693" i="2" a="1"/>
  <c r="H2693" i="2" s="1"/>
  <c r="H2675" i="2" a="1"/>
  <c r="H2675" i="2" s="1"/>
  <c r="H2691" i="2" a="1"/>
  <c r="H2691" i="2" s="1"/>
  <c r="H2680" i="2" a="1"/>
  <c r="H2680" i="2" s="1"/>
  <c r="H2686" i="2" a="1"/>
  <c r="H2686" i="2" s="1"/>
  <c r="H2695" i="2" a="1"/>
  <c r="H2695" i="2" s="1"/>
  <c r="H2681" i="2" a="1"/>
  <c r="H2681" i="2" s="1"/>
  <c r="H2690" i="2" a="1"/>
  <c r="H2690" i="2" s="1"/>
  <c r="H2676" i="2" a="1"/>
  <c r="H2676" i="2" s="1"/>
  <c r="H2687" i="2" a="1"/>
  <c r="H2687" i="2" s="1"/>
  <c r="H2692" i="2" a="1"/>
  <c r="H2692" i="2" s="1"/>
  <c r="H2696" i="2" a="1"/>
  <c r="H2696" i="2" s="1"/>
  <c r="H2679" i="2" a="1"/>
  <c r="H2679" i="2" s="1"/>
  <c r="H2683" i="2" a="1"/>
  <c r="H2683" i="2" s="1"/>
  <c r="H2689" i="2" a="1"/>
  <c r="H2689" i="2" s="1"/>
  <c r="H2694" i="2" a="1"/>
  <c r="H2694" i="2" s="1"/>
  <c r="G7887" i="2" a="1"/>
  <c r="G7887" i="2" s="1"/>
  <c r="G7890" i="2" a="1"/>
  <c r="G7890" i="2" s="1"/>
  <c r="G7900" i="2" a="1"/>
  <c r="G7900" i="2" s="1"/>
  <c r="G7896" i="2" a="1"/>
  <c r="G7896" i="2" s="1"/>
  <c r="G7893" i="2" a="1"/>
  <c r="G7893" i="2" s="1"/>
  <c r="G7897" i="2" a="1"/>
  <c r="G7897" i="2" s="1"/>
  <c r="G7903" i="2" a="1"/>
  <c r="G7903" i="2" s="1"/>
  <c r="G7894" i="2" a="1"/>
  <c r="G7894" i="2" s="1"/>
  <c r="G7902" i="2" a="1"/>
  <c r="G7902" i="2" s="1"/>
  <c r="G7901" i="2" a="1"/>
  <c r="G7901" i="2" s="1"/>
  <c r="G7889" i="2" a="1"/>
  <c r="G7889" i="2" s="1"/>
  <c r="G7895" i="2" a="1"/>
  <c r="G7895" i="2" s="1"/>
  <c r="G7882" i="2" a="1"/>
  <c r="G7882" i="2" s="1"/>
  <c r="G7898" i="2" a="1"/>
  <c r="G7898" i="2" s="1"/>
  <c r="G7899" i="2" a="1"/>
  <c r="G7899" i="2" s="1"/>
  <c r="G7891" i="2" a="1"/>
  <c r="G7891" i="2" s="1"/>
  <c r="G7886" i="2" a="1"/>
  <c r="G7886" i="2" s="1"/>
  <c r="G7883" i="2" a="1"/>
  <c r="G7883" i="2" s="1"/>
  <c r="G7904" i="2" a="1"/>
  <c r="G7904" i="2" s="1"/>
  <c r="G7892" i="2" a="1"/>
  <c r="G7892" i="2" s="1"/>
  <c r="G7905" i="2" a="1"/>
  <c r="G7905" i="2" s="1"/>
  <c r="G7884" i="2" a="1"/>
  <c r="G7884" i="2" s="1"/>
  <c r="G7888" i="2" a="1"/>
  <c r="G7888" i="2" s="1"/>
  <c r="G7885" i="2" a="1"/>
  <c r="G7885" i="2" s="1"/>
  <c r="F2709" i="2" a="1"/>
  <c r="F2709" i="2" s="1"/>
  <c r="F2701" i="2" a="1"/>
  <c r="F2701" i="2" s="1"/>
  <c r="F2718" i="2" a="1"/>
  <c r="F2718" i="2" s="1"/>
  <c r="F2702" i="2" a="1"/>
  <c r="F2702" i="2" s="1"/>
  <c r="F2715" i="2" a="1"/>
  <c r="F2715" i="2" s="1"/>
  <c r="F2720" i="2" a="1"/>
  <c r="F2720" i="2" s="1"/>
  <c r="F2713" i="2" a="1"/>
  <c r="F2713" i="2" s="1"/>
  <c r="F2698" i="2" a="1"/>
  <c r="F2698" i="2" s="1"/>
  <c r="F2708" i="2" a="1"/>
  <c r="F2708" i="2" s="1"/>
  <c r="F2710" i="2" a="1"/>
  <c r="F2710" i="2" s="1"/>
  <c r="F2704" i="2" a="1"/>
  <c r="F2704" i="2" s="1"/>
  <c r="F2705" i="2" a="1"/>
  <c r="F2705" i="2" s="1"/>
  <c r="F2706" i="2" a="1"/>
  <c r="F2706" i="2" s="1"/>
  <c r="F2703" i="2" a="1"/>
  <c r="F2703" i="2" s="1"/>
  <c r="F2711" i="2" a="1"/>
  <c r="F2711" i="2" s="1"/>
  <c r="F2714" i="2" a="1"/>
  <c r="F2714" i="2" s="1"/>
  <c r="F2712" i="2" a="1"/>
  <c r="F2712" i="2" s="1"/>
  <c r="F2717" i="2" a="1"/>
  <c r="F2717" i="2" s="1"/>
  <c r="F2707" i="2" a="1"/>
  <c r="F2707" i="2" s="1"/>
  <c r="F2699" i="2" a="1"/>
  <c r="F2699" i="2" s="1"/>
  <c r="F2700" i="2" a="1"/>
  <c r="F2700" i="2" s="1"/>
  <c r="F2716" i="2" a="1"/>
  <c r="F2716" i="2" s="1"/>
  <c r="F2719" i="2" a="1"/>
  <c r="F2719" i="2" s="1"/>
  <c r="F2721" i="2" a="1"/>
  <c r="F2721" i="2" s="1"/>
  <c r="E8574" i="2" a="1"/>
  <c r="E8574" i="2" s="1"/>
  <c r="E8556" i="2" a="1"/>
  <c r="E8556" i="2" s="1"/>
  <c r="E8568" i="2" a="1"/>
  <c r="E8568" i="2" s="1"/>
  <c r="E8554" i="2" a="1"/>
  <c r="E8554" i="2" s="1"/>
  <c r="E8575" i="2" a="1"/>
  <c r="E8575" i="2" s="1"/>
  <c r="E8562" i="2" a="1"/>
  <c r="E8562" i="2" s="1"/>
  <c r="E8564" i="2" a="1"/>
  <c r="E8564" i="2" s="1"/>
  <c r="E8557" i="2" a="1"/>
  <c r="E8557" i="2" s="1"/>
  <c r="E8566" i="2" a="1"/>
  <c r="E8566" i="2" s="1"/>
  <c r="E8555" i="2" a="1"/>
  <c r="E8555" i="2" s="1"/>
  <c r="E8572" i="2" a="1"/>
  <c r="E8572" i="2" s="1"/>
  <c r="E8559" i="2" a="1"/>
  <c r="E8559" i="2" s="1"/>
  <c r="E8567" i="2" a="1"/>
  <c r="E8567" i="2" s="1"/>
  <c r="E8560" i="2" a="1"/>
  <c r="E8560" i="2" s="1"/>
  <c r="E8571" i="2" a="1"/>
  <c r="E8571" i="2" s="1"/>
  <c r="E8569" i="2" a="1"/>
  <c r="E8569" i="2" s="1"/>
  <c r="E8577" i="2" a="1"/>
  <c r="E8577" i="2" s="1"/>
  <c r="E8570" i="2" a="1"/>
  <c r="E8570" i="2" s="1"/>
  <c r="E8565" i="2" a="1"/>
  <c r="E8565" i="2" s="1"/>
  <c r="E8558" i="2" a="1"/>
  <c r="E8558" i="2" s="1"/>
  <c r="E8573" i="2" a="1"/>
  <c r="E8573" i="2" s="1"/>
  <c r="E8576" i="2" a="1"/>
  <c r="E8576" i="2" s="1"/>
  <c r="E8563" i="2" a="1"/>
  <c r="E8563" i="2" s="1"/>
  <c r="E8561" i="2" a="1"/>
  <c r="E8561" i="2" s="1"/>
  <c r="D3710" i="2" a="1"/>
  <c r="D3710" i="2" s="1"/>
  <c r="D3711" i="2" a="1"/>
  <c r="D3711" i="2" s="1"/>
  <c r="D3716" i="2" a="1"/>
  <c r="D3716" i="2" s="1"/>
  <c r="D3724" i="2" a="1"/>
  <c r="D3724" i="2" s="1"/>
  <c r="D3715" i="2" a="1"/>
  <c r="D3715" i="2" s="1"/>
  <c r="D3714" i="2" a="1"/>
  <c r="D3714" i="2" s="1"/>
  <c r="D3712" i="2" a="1"/>
  <c r="D3712" i="2" s="1"/>
  <c r="D3708" i="2" a="1"/>
  <c r="D3708" i="2" s="1"/>
  <c r="D3721" i="2" a="1"/>
  <c r="D3721" i="2" s="1"/>
  <c r="D3713" i="2" a="1"/>
  <c r="D3713" i="2" s="1"/>
  <c r="D3725" i="2" a="1"/>
  <c r="D3725" i="2" s="1"/>
  <c r="D3727" i="2" a="1"/>
  <c r="D3727" i="2" s="1"/>
  <c r="D3722" i="2" a="1"/>
  <c r="D3722" i="2" s="1"/>
  <c r="D3707" i="2" a="1"/>
  <c r="D3707" i="2" s="1"/>
  <c r="D3728" i="2" a="1"/>
  <c r="D3728" i="2" s="1"/>
  <c r="D3718" i="2" a="1"/>
  <c r="D3718" i="2" s="1"/>
  <c r="D3706" i="2" a="1"/>
  <c r="D3706" i="2" s="1"/>
  <c r="D3709" i="2" a="1"/>
  <c r="D3709" i="2" s="1"/>
  <c r="D3719" i="2" a="1"/>
  <c r="D3719" i="2" s="1"/>
  <c r="D3717" i="2" a="1"/>
  <c r="D3717" i="2" s="1"/>
  <c r="D3720" i="2" a="1"/>
  <c r="D3720" i="2" s="1"/>
  <c r="D3726" i="2" a="1"/>
  <c r="D3726" i="2" s="1"/>
  <c r="D3729" i="2" a="1"/>
  <c r="D3729" i="2" s="1"/>
  <c r="D3723" i="2" a="1"/>
  <c r="D3723" i="2" s="1"/>
  <c r="F7237" i="2" a="1"/>
  <c r="F7237" i="2" s="1"/>
  <c r="F7255" i="2" a="1"/>
  <c r="F7255" i="2" s="1"/>
  <c r="F7238" i="2" a="1"/>
  <c r="F7238" i="2" s="1"/>
  <c r="F7240" i="2" a="1"/>
  <c r="F7240" i="2" s="1"/>
  <c r="F7241" i="2" a="1"/>
  <c r="F7241" i="2" s="1"/>
  <c r="F7245" i="2" a="1"/>
  <c r="F7245" i="2" s="1"/>
  <c r="F7256" i="2" a="1"/>
  <c r="F7256" i="2" s="1"/>
  <c r="F7244" i="2" a="1"/>
  <c r="F7244" i="2" s="1"/>
  <c r="F7247" i="2" a="1"/>
  <c r="F7247" i="2" s="1"/>
  <c r="F7234" i="2" a="1"/>
  <c r="F7234" i="2" s="1"/>
  <c r="F7254" i="2" a="1"/>
  <c r="F7254" i="2" s="1"/>
  <c r="F7251" i="2" a="1"/>
  <c r="F7251" i="2" s="1"/>
  <c r="F7257" i="2" a="1"/>
  <c r="F7257" i="2" s="1"/>
  <c r="F7248" i="2" a="1"/>
  <c r="F7248" i="2" s="1"/>
  <c r="F7249" i="2" a="1"/>
  <c r="F7249" i="2" s="1"/>
  <c r="F7243" i="2" a="1"/>
  <c r="F7243" i="2" s="1"/>
  <c r="F7252" i="2" a="1"/>
  <c r="F7252" i="2" s="1"/>
  <c r="F7235" i="2" a="1"/>
  <c r="F7235" i="2" s="1"/>
  <c r="F7250" i="2" a="1"/>
  <c r="F7250" i="2" s="1"/>
  <c r="F7236" i="2" a="1"/>
  <c r="F7236" i="2" s="1"/>
  <c r="F7242" i="2" a="1"/>
  <c r="F7242" i="2" s="1"/>
  <c r="F7253" i="2" a="1"/>
  <c r="F7253" i="2" s="1"/>
  <c r="F7246" i="2" a="1"/>
  <c r="F7246" i="2" s="1"/>
  <c r="F7239" i="2" a="1"/>
  <c r="F7239" i="2" s="1"/>
  <c r="E1363" i="2" a="1"/>
  <c r="E1363" i="2" s="1"/>
  <c r="E1356" i="2" a="1"/>
  <c r="E1356" i="2" s="1"/>
  <c r="E1364" i="2" a="1"/>
  <c r="E1364" i="2" s="1"/>
  <c r="E1357" i="2" a="1"/>
  <c r="E1357" i="2" s="1"/>
  <c r="E1362" i="2" a="1"/>
  <c r="E1362" i="2" s="1"/>
  <c r="E1366" i="2" a="1"/>
  <c r="E1366" i="2" s="1"/>
  <c r="E1371" i="2" a="1"/>
  <c r="E1371" i="2" s="1"/>
  <c r="E1360" i="2" a="1"/>
  <c r="E1360" i="2" s="1"/>
  <c r="E1377" i="2" a="1"/>
  <c r="E1377" i="2" s="1"/>
  <c r="E1355" i="2" a="1"/>
  <c r="E1355" i="2" s="1"/>
  <c r="E1367" i="2" a="1"/>
  <c r="E1367" i="2" s="1"/>
  <c r="E1370" i="2" a="1"/>
  <c r="E1370" i="2" s="1"/>
  <c r="E1376" i="2" a="1"/>
  <c r="E1376" i="2" s="1"/>
  <c r="E1373" i="2" a="1"/>
  <c r="E1373" i="2" s="1"/>
  <c r="E1374" i="2" a="1"/>
  <c r="E1374" i="2" s="1"/>
  <c r="E1375" i="2" a="1"/>
  <c r="E1375" i="2" s="1"/>
  <c r="E1361" i="2" a="1"/>
  <c r="E1361" i="2" s="1"/>
  <c r="E1354" i="2" a="1"/>
  <c r="E1354" i="2" s="1"/>
  <c r="E1369" i="2" a="1"/>
  <c r="E1369" i="2" s="1"/>
  <c r="E1365" i="2" a="1"/>
  <c r="E1365" i="2" s="1"/>
  <c r="E1372" i="2" a="1"/>
  <c r="E1372" i="2" s="1"/>
  <c r="E1358" i="2" a="1"/>
  <c r="E1358" i="2" s="1"/>
  <c r="E1359" i="2" a="1"/>
  <c r="E1359" i="2" s="1"/>
  <c r="E1368" i="2" a="1"/>
  <c r="E1368" i="2" s="1"/>
  <c r="H5225" i="2" a="1"/>
  <c r="H5225" i="2" s="1"/>
  <c r="H5218" i="2" a="1"/>
  <c r="H5218" i="2" s="1"/>
  <c r="H5236" i="2" a="1"/>
  <c r="H5236" i="2" s="1"/>
  <c r="H5229" i="2" a="1"/>
  <c r="H5229" i="2" s="1"/>
  <c r="H5227" i="2" a="1"/>
  <c r="H5227" i="2" s="1"/>
  <c r="H5234" i="2" a="1"/>
  <c r="H5234" i="2" s="1"/>
  <c r="H5221" i="2" a="1"/>
  <c r="H5221" i="2" s="1"/>
  <c r="H5228" i="2" a="1"/>
  <c r="H5228" i="2" s="1"/>
  <c r="H5241" i="2" a="1"/>
  <c r="H5241" i="2" s="1"/>
  <c r="H5232" i="2" a="1"/>
  <c r="H5232" i="2" s="1"/>
  <c r="H5239" i="2" a="1"/>
  <c r="H5239" i="2" s="1"/>
  <c r="H5223" i="2" a="1"/>
  <c r="H5223" i="2" s="1"/>
  <c r="H5224" i="2" a="1"/>
  <c r="H5224" i="2" s="1"/>
  <c r="H5230" i="2" a="1"/>
  <c r="H5230" i="2" s="1"/>
  <c r="H5226" i="2" a="1"/>
  <c r="H5226" i="2" s="1"/>
  <c r="H5235" i="2" a="1"/>
  <c r="H5235" i="2" s="1"/>
  <c r="H5237" i="2" a="1"/>
  <c r="H5237" i="2" s="1"/>
  <c r="H5238" i="2" a="1"/>
  <c r="H5238" i="2" s="1"/>
  <c r="H5233" i="2" a="1"/>
  <c r="H5233" i="2" s="1"/>
  <c r="H5240" i="2" a="1"/>
  <c r="H5240" i="2" s="1"/>
  <c r="H5219" i="2" a="1"/>
  <c r="H5219" i="2" s="1"/>
  <c r="H5222" i="2" a="1"/>
  <c r="H5222" i="2" s="1"/>
  <c r="H5231" i="2" a="1"/>
  <c r="H5231" i="2" s="1"/>
  <c r="H5220" i="2" a="1"/>
  <c r="H5220" i="2" s="1"/>
  <c r="G8073" i="2" a="1"/>
  <c r="G8073" i="2" s="1"/>
  <c r="G8069" i="2" a="1"/>
  <c r="G8069" i="2" s="1"/>
  <c r="G8071" i="2" a="1"/>
  <c r="G8071" i="2" s="1"/>
  <c r="G8052" i="2" a="1"/>
  <c r="G8052" i="2" s="1"/>
  <c r="E1167" i="2" a="1"/>
  <c r="E1167" i="2" s="1"/>
  <c r="E1175" i="2" a="1"/>
  <c r="E1175" i="2" s="1"/>
  <c r="E1168" i="2" a="1"/>
  <c r="E1168" i="2" s="1"/>
  <c r="E1185" i="2" a="1"/>
  <c r="E1185" i="2" s="1"/>
  <c r="E1169" i="2" a="1"/>
  <c r="E1169" i="2" s="1"/>
  <c r="E1176" i="2" a="1"/>
  <c r="E1176" i="2" s="1"/>
  <c r="E1171" i="2" a="1"/>
  <c r="E1171" i="2" s="1"/>
  <c r="E1181" i="2" a="1"/>
  <c r="E1181" i="2" s="1"/>
  <c r="E1172" i="2" a="1"/>
  <c r="E1172" i="2" s="1"/>
  <c r="E1177" i="2" a="1"/>
  <c r="E1177" i="2" s="1"/>
  <c r="E1179" i="2" a="1"/>
  <c r="E1179" i="2" s="1"/>
  <c r="E1180" i="2" a="1"/>
  <c r="E1180" i="2" s="1"/>
  <c r="E1178" i="2" a="1"/>
  <c r="E1178" i="2" s="1"/>
  <c r="E1165" i="2" a="1"/>
  <c r="E1165" i="2" s="1"/>
  <c r="E1170" i="2" a="1"/>
  <c r="E1170" i="2" s="1"/>
  <c r="E1173" i="2" a="1"/>
  <c r="E1173" i="2" s="1"/>
  <c r="E1184" i="2" a="1"/>
  <c r="E1184" i="2" s="1"/>
  <c r="E1174" i="2" a="1"/>
  <c r="E1174" i="2" s="1"/>
  <c r="E1162" i="2" a="1"/>
  <c r="E1162" i="2" s="1"/>
  <c r="E1166" i="2" a="1"/>
  <c r="E1166" i="2" s="1"/>
  <c r="E1164" i="2" a="1"/>
  <c r="E1164" i="2" s="1"/>
  <c r="E1182" i="2" a="1"/>
  <c r="E1182" i="2" s="1"/>
  <c r="E1183" i="2" a="1"/>
  <c r="E1183" i="2" s="1"/>
  <c r="E1163" i="2" a="1"/>
  <c r="E1163" i="2" s="1"/>
  <c r="H5558" i="2" a="1"/>
  <c r="H5558" i="2" s="1"/>
  <c r="H5567" i="2" a="1"/>
  <c r="H5567" i="2" s="1"/>
  <c r="H5569" i="2" a="1"/>
  <c r="H5569" i="2" s="1"/>
  <c r="H5562" i="2" a="1"/>
  <c r="H5562" i="2" s="1"/>
  <c r="H5564" i="2" a="1"/>
  <c r="H5564" i="2" s="1"/>
  <c r="H5560" i="2" a="1"/>
  <c r="H5560" i="2" s="1"/>
  <c r="H5555" i="2" a="1"/>
  <c r="H5555" i="2" s="1"/>
  <c r="H5565" i="2" a="1"/>
  <c r="H5565" i="2" s="1"/>
  <c r="H5574" i="2" a="1"/>
  <c r="H5574" i="2" s="1"/>
  <c r="H5573" i="2" a="1"/>
  <c r="H5573" i="2" s="1"/>
  <c r="H5566" i="2" a="1"/>
  <c r="H5566" i="2" s="1"/>
  <c r="H5557" i="2" a="1"/>
  <c r="H5557" i="2" s="1"/>
  <c r="H5577" i="2" a="1"/>
  <c r="H5577" i="2" s="1"/>
  <c r="H5561" i="2" a="1"/>
  <c r="H5561" i="2" s="1"/>
  <c r="H5576" i="2" a="1"/>
  <c r="H5576" i="2" s="1"/>
  <c r="H5554" i="2" a="1"/>
  <c r="H5554" i="2" s="1"/>
  <c r="H5571" i="2" a="1"/>
  <c r="H5571" i="2" s="1"/>
  <c r="H5572" i="2" a="1"/>
  <c r="H5572" i="2" s="1"/>
  <c r="H5563" i="2" a="1"/>
  <c r="H5563" i="2" s="1"/>
  <c r="H5570" i="2" a="1"/>
  <c r="H5570" i="2" s="1"/>
  <c r="H5575" i="2" a="1"/>
  <c r="H5575" i="2" s="1"/>
  <c r="H5559" i="2" a="1"/>
  <c r="H5559" i="2" s="1"/>
  <c r="H5568" i="2" a="1"/>
  <c r="H5568" i="2" s="1"/>
  <c r="H5556" i="2" a="1"/>
  <c r="H5556" i="2" s="1"/>
  <c r="F7892" i="2" a="1"/>
  <c r="F7892" i="2" s="1"/>
  <c r="F7904" i="2" a="1"/>
  <c r="F7904" i="2" s="1"/>
  <c r="F7893" i="2" a="1"/>
  <c r="F7893" i="2" s="1"/>
  <c r="F7884" i="2" a="1"/>
  <c r="F7884" i="2" s="1"/>
  <c r="F7887" i="2" a="1"/>
  <c r="F7887" i="2" s="1"/>
  <c r="F7903" i="2" a="1"/>
  <c r="F7903" i="2" s="1"/>
  <c r="F7897" i="2" a="1"/>
  <c r="F7897" i="2" s="1"/>
  <c r="F7899" i="2" a="1"/>
  <c r="F7899" i="2" s="1"/>
  <c r="F7885" i="2" a="1"/>
  <c r="F7885" i="2" s="1"/>
  <c r="F7900" i="2" a="1"/>
  <c r="F7900" i="2" s="1"/>
  <c r="F7890" i="2" a="1"/>
  <c r="F7890" i="2" s="1"/>
  <c r="F7888" i="2" a="1"/>
  <c r="F7888" i="2" s="1"/>
  <c r="F7882" i="2" a="1"/>
  <c r="F7882" i="2" s="1"/>
  <c r="F7883" i="2" a="1"/>
  <c r="F7883" i="2" s="1"/>
  <c r="F7889" i="2" a="1"/>
  <c r="F7889" i="2" s="1"/>
  <c r="F7886" i="2" a="1"/>
  <c r="F7886" i="2" s="1"/>
  <c r="F7905" i="2" a="1"/>
  <c r="F7905" i="2" s="1"/>
  <c r="F7891" i="2" a="1"/>
  <c r="F7891" i="2" s="1"/>
  <c r="F7894" i="2" a="1"/>
  <c r="F7894" i="2" s="1"/>
  <c r="F7901" i="2" a="1"/>
  <c r="F7901" i="2" s="1"/>
  <c r="F7896" i="2" a="1"/>
  <c r="F7896" i="2" s="1"/>
  <c r="F7898" i="2" a="1"/>
  <c r="F7898" i="2" s="1"/>
  <c r="F7895" i="2" a="1"/>
  <c r="F7895" i="2" s="1"/>
  <c r="F7902" i="2" a="1"/>
  <c r="F7902" i="2" s="1"/>
  <c r="G2212" i="2" a="1"/>
  <c r="G2212" i="2" s="1"/>
  <c r="G2200" i="2" a="1"/>
  <c r="G2200" i="2" s="1"/>
  <c r="G2194" i="2" a="1"/>
  <c r="G2194" i="2" s="1"/>
  <c r="G2207" i="2" a="1"/>
  <c r="G2207" i="2" s="1"/>
  <c r="G2217" i="2" a="1"/>
  <c r="G2217" i="2" s="1"/>
  <c r="G2203" i="2" a="1"/>
  <c r="G2203" i="2" s="1"/>
  <c r="G2208" i="2" a="1"/>
  <c r="G2208" i="2" s="1"/>
  <c r="G2202" i="2" a="1"/>
  <c r="G2202" i="2" s="1"/>
  <c r="G2196" i="2" a="1"/>
  <c r="G2196" i="2" s="1"/>
  <c r="G2195" i="2" a="1"/>
  <c r="G2195" i="2" s="1"/>
  <c r="G2214" i="2" a="1"/>
  <c r="G2214" i="2" s="1"/>
  <c r="G2205" i="2" a="1"/>
  <c r="G2205" i="2" s="1"/>
  <c r="G2206" i="2" a="1"/>
  <c r="G2206" i="2" s="1"/>
  <c r="G2201" i="2" a="1"/>
  <c r="G2201" i="2" s="1"/>
  <c r="G2198" i="2" a="1"/>
  <c r="G2198" i="2" s="1"/>
  <c r="G2209" i="2" a="1"/>
  <c r="G2209" i="2" s="1"/>
  <c r="G2215" i="2" a="1"/>
  <c r="G2215" i="2" s="1"/>
  <c r="G2216" i="2" a="1"/>
  <c r="G2216" i="2" s="1"/>
  <c r="G2210" i="2" a="1"/>
  <c r="G2210" i="2" s="1"/>
  <c r="G2211" i="2" a="1"/>
  <c r="G2211" i="2" s="1"/>
  <c r="G2204" i="2" a="1"/>
  <c r="G2204" i="2" s="1"/>
  <c r="G2199" i="2" a="1"/>
  <c r="G2199" i="2" s="1"/>
  <c r="G2213" i="2" a="1"/>
  <c r="G2213" i="2" s="1"/>
  <c r="G2197" i="2" a="1"/>
  <c r="G2197" i="2" s="1"/>
  <c r="AP279" i="1"/>
  <c r="F285" i="5" s="1"/>
  <c r="AQ279" i="1"/>
  <c r="G285" i="5" s="1"/>
  <c r="AO279" i="1"/>
  <c r="E285" i="5" s="1"/>
  <c r="AN279" i="1"/>
  <c r="D285" i="5" s="1"/>
  <c r="AM279" i="1"/>
  <c r="D6692" i="2" a="1"/>
  <c r="D6692" i="2" s="1"/>
  <c r="D6696" i="2" a="1"/>
  <c r="D6696" i="2" s="1"/>
  <c r="D6700" i="2" a="1"/>
  <c r="D6700" i="2" s="1"/>
  <c r="D6682" i="2" a="1"/>
  <c r="D6682" i="2" s="1"/>
  <c r="D6690" i="2" a="1"/>
  <c r="D6690" i="2" s="1"/>
  <c r="D6694" i="2" a="1"/>
  <c r="D6694" i="2" s="1"/>
  <c r="D6702" i="2" a="1"/>
  <c r="D6702" i="2" s="1"/>
  <c r="D6691" i="2" a="1"/>
  <c r="D6691" i="2" s="1"/>
  <c r="D6699" i="2" a="1"/>
  <c r="D6699" i="2" s="1"/>
  <c r="D6685" i="2" a="1"/>
  <c r="D6685" i="2" s="1"/>
  <c r="D6693" i="2" a="1"/>
  <c r="D6693" i="2" s="1"/>
  <c r="D6701" i="2" a="1"/>
  <c r="D6701" i="2" s="1"/>
  <c r="D6705" i="2" a="1"/>
  <c r="D6705" i="2" s="1"/>
  <c r="D6686" i="2" a="1"/>
  <c r="D6686" i="2" s="1"/>
  <c r="D6698" i="2" a="1"/>
  <c r="D6698" i="2" s="1"/>
  <c r="D6704" i="2" a="1"/>
  <c r="D6704" i="2" s="1"/>
  <c r="D6689" i="2" a="1"/>
  <c r="D6689" i="2" s="1"/>
  <c r="D6697" i="2" a="1"/>
  <c r="D6697" i="2" s="1"/>
  <c r="D6684" i="2" a="1"/>
  <c r="D6684" i="2" s="1"/>
  <c r="D6688" i="2" a="1"/>
  <c r="D6688" i="2" s="1"/>
  <c r="D6683" i="2" a="1"/>
  <c r="D6683" i="2" s="1"/>
  <c r="D6687" i="2" a="1"/>
  <c r="D6687" i="2" s="1"/>
  <c r="D6695" i="2" a="1"/>
  <c r="D6695" i="2" s="1"/>
  <c r="D6703" i="2" a="1"/>
  <c r="D6703" i="2" s="1"/>
  <c r="AN146" i="1"/>
  <c r="D152" i="5" s="1"/>
  <c r="AO146" i="1"/>
  <c r="E152" i="5" s="1"/>
  <c r="AQ146" i="1"/>
  <c r="G152" i="5" s="1"/>
  <c r="AP146" i="1"/>
  <c r="F152" i="5" s="1"/>
  <c r="AM146" i="1"/>
  <c r="D3507" i="2" a="1"/>
  <c r="D3507" i="2" s="1"/>
  <c r="D3511" i="2" a="1"/>
  <c r="D3511" i="2" s="1"/>
  <c r="D3502" i="2" a="1"/>
  <c r="D3502" i="2" s="1"/>
  <c r="D3493" i="2" a="1"/>
  <c r="D3493" i="2" s="1"/>
  <c r="D3497" i="2" a="1"/>
  <c r="D3497" i="2" s="1"/>
  <c r="D3501" i="2" a="1"/>
  <c r="D3501" i="2" s="1"/>
  <c r="D3513" i="2" a="1"/>
  <c r="D3513" i="2" s="1"/>
  <c r="D3505" i="2" a="1"/>
  <c r="D3505" i="2" s="1"/>
  <c r="D3492" i="2" a="1"/>
  <c r="D3492" i="2" s="1"/>
  <c r="D3509" i="2" a="1"/>
  <c r="D3509" i="2" s="1"/>
  <c r="D3500" i="2" a="1"/>
  <c r="D3500" i="2" s="1"/>
  <c r="D3504" i="2" a="1"/>
  <c r="D3504" i="2" s="1"/>
  <c r="D3508" i="2" a="1"/>
  <c r="D3508" i="2" s="1"/>
  <c r="D3491" i="2" a="1"/>
  <c r="D3491" i="2" s="1"/>
  <c r="D3499" i="2" a="1"/>
  <c r="D3499" i="2" s="1"/>
  <c r="D3503" i="2" a="1"/>
  <c r="D3503" i="2" s="1"/>
  <c r="D3496" i="2" a="1"/>
  <c r="D3496" i="2" s="1"/>
  <c r="D3512" i="2" a="1"/>
  <c r="D3512" i="2" s="1"/>
  <c r="D3495" i="2" a="1"/>
  <c r="D3495" i="2" s="1"/>
  <c r="D3494" i="2" a="1"/>
  <c r="D3494" i="2" s="1"/>
  <c r="D3506" i="2" a="1"/>
  <c r="D3506" i="2" s="1"/>
  <c r="D3498" i="2" a="1"/>
  <c r="D3498" i="2" s="1"/>
  <c r="D3490" i="2" a="1"/>
  <c r="D3490" i="2" s="1"/>
  <c r="D3510" i="2" a="1"/>
  <c r="D3510" i="2" s="1"/>
  <c r="AQ66" i="1"/>
  <c r="G72" i="5" s="1"/>
  <c r="AN66" i="1"/>
  <c r="D72" i="5" s="1"/>
  <c r="AP66" i="1"/>
  <c r="F72" i="5" s="1"/>
  <c r="AO66" i="1"/>
  <c r="E72" i="5" s="1"/>
  <c r="AM66" i="1"/>
  <c r="D1573" i="2" a="1"/>
  <c r="D1573" i="2" s="1"/>
  <c r="D1576" i="2" a="1"/>
  <c r="D1576" i="2" s="1"/>
  <c r="D1581" i="2" a="1"/>
  <c r="D1581" i="2" s="1"/>
  <c r="D1585" i="2" a="1"/>
  <c r="D1585" i="2" s="1"/>
  <c r="D1588" i="2" a="1"/>
  <c r="D1588" i="2" s="1"/>
  <c r="D1593" i="2" a="1"/>
  <c r="D1593" i="2" s="1"/>
  <c r="D1572" i="2" a="1"/>
  <c r="D1572" i="2" s="1"/>
  <c r="D1577" i="2" a="1"/>
  <c r="D1577" i="2" s="1"/>
  <c r="D1580" i="2" a="1"/>
  <c r="D1580" i="2" s="1"/>
  <c r="D1584" i="2" a="1"/>
  <c r="D1584" i="2" s="1"/>
  <c r="D1589" i="2" a="1"/>
  <c r="D1589" i="2" s="1"/>
  <c r="D1592" i="2" a="1"/>
  <c r="D1592" i="2" s="1"/>
  <c r="D1570" i="2" a="1"/>
  <c r="D1570" i="2" s="1"/>
  <c r="D1579" i="2" a="1"/>
  <c r="D1579" i="2" s="1"/>
  <c r="D1582" i="2" a="1"/>
  <c r="D1582" i="2" s="1"/>
  <c r="D1575" i="2" a="1"/>
  <c r="D1575" i="2" s="1"/>
  <c r="D1586" i="2" a="1"/>
  <c r="D1586" i="2" s="1"/>
  <c r="D1591" i="2" a="1"/>
  <c r="D1591" i="2" s="1"/>
  <c r="D1571" i="2" a="1"/>
  <c r="D1571" i="2" s="1"/>
  <c r="D1574" i="2" a="1"/>
  <c r="D1574" i="2" s="1"/>
  <c r="D1578" i="2" a="1"/>
  <c r="D1578" i="2" s="1"/>
  <c r="D1583" i="2" a="1"/>
  <c r="D1583" i="2" s="1"/>
  <c r="D1587" i="2" a="1"/>
  <c r="D1587" i="2" s="1"/>
  <c r="D1590" i="2" a="1"/>
  <c r="D1590" i="2" s="1"/>
  <c r="AQ300" i="1"/>
  <c r="G306" i="5" s="1"/>
  <c r="AP300" i="1"/>
  <c r="F306" i="5" s="1"/>
  <c r="AO300" i="1"/>
  <c r="E306" i="5" s="1"/>
  <c r="AN300" i="1"/>
  <c r="D306" i="5" s="1"/>
  <c r="AM300" i="1"/>
  <c r="D7189" i="2" a="1"/>
  <c r="D7189" i="2" s="1"/>
  <c r="D7193" i="2" a="1"/>
  <c r="D7193" i="2" s="1"/>
  <c r="D7197" i="2" a="1"/>
  <c r="D7197" i="2" s="1"/>
  <c r="D7201" i="2" a="1"/>
  <c r="D7201" i="2" s="1"/>
  <c r="D7205" i="2" a="1"/>
  <c r="D7205" i="2" s="1"/>
  <c r="D7202" i="2" a="1"/>
  <c r="D7202" i="2" s="1"/>
  <c r="D7208" i="2" a="1"/>
  <c r="D7208" i="2" s="1"/>
  <c r="D7199" i="2" a="1"/>
  <c r="D7199" i="2" s="1"/>
  <c r="D7192" i="2" a="1"/>
  <c r="D7192" i="2" s="1"/>
  <c r="D7195" i="2" a="1"/>
  <c r="D7195" i="2" s="1"/>
  <c r="D7196" i="2" a="1"/>
  <c r="D7196" i="2" s="1"/>
  <c r="D7198" i="2" a="1"/>
  <c r="D7198" i="2" s="1"/>
  <c r="D7186" i="2" a="1"/>
  <c r="D7186" i="2" s="1"/>
  <c r="D7188" i="2" a="1"/>
  <c r="D7188" i="2" s="1"/>
  <c r="D7191" i="2" a="1"/>
  <c r="D7191" i="2" s="1"/>
  <c r="D7194" i="2" a="1"/>
  <c r="D7194" i="2" s="1"/>
  <c r="D7200" i="2" a="1"/>
  <c r="D7200" i="2" s="1"/>
  <c r="D7207" i="2" a="1"/>
  <c r="D7207" i="2" s="1"/>
  <c r="D7203" i="2" a="1"/>
  <c r="D7203" i="2" s="1"/>
  <c r="D7204" i="2" a="1"/>
  <c r="D7204" i="2" s="1"/>
  <c r="D7206" i="2" a="1"/>
  <c r="D7206" i="2" s="1"/>
  <c r="D7187" i="2" a="1"/>
  <c r="D7187" i="2" s="1"/>
  <c r="D7209" i="2" a="1"/>
  <c r="D7209" i="2" s="1"/>
  <c r="D7190" i="2" a="1"/>
  <c r="D7190" i="2" s="1"/>
  <c r="D4188" i="2" a="1"/>
  <c r="D4188" i="2" s="1"/>
  <c r="D4205" i="2" a="1"/>
  <c r="D4205" i="2" s="1"/>
  <c r="D4193" i="2" a="1"/>
  <c r="D4193" i="2" s="1"/>
  <c r="D4192" i="2" a="1"/>
  <c r="D4192" i="2" s="1"/>
  <c r="D4201" i="2" a="1"/>
  <c r="D4201" i="2" s="1"/>
  <c r="D4191" i="2" a="1"/>
  <c r="D4191" i="2" s="1"/>
  <c r="D4209" i="2" a="1"/>
  <c r="D4209" i="2" s="1"/>
  <c r="D4206" i="2" a="1"/>
  <c r="D4206" i="2" s="1"/>
  <c r="D4208" i="2" a="1"/>
  <c r="D4208" i="2" s="1"/>
  <c r="D4186" i="2" a="1"/>
  <c r="D4186" i="2" s="1"/>
  <c r="D4189" i="2" a="1"/>
  <c r="D4189" i="2" s="1"/>
  <c r="D4203" i="2" a="1"/>
  <c r="D4203" i="2" s="1"/>
  <c r="D4196" i="2" a="1"/>
  <c r="D4196" i="2" s="1"/>
  <c r="D4195" i="2" a="1"/>
  <c r="D4195" i="2" s="1"/>
  <c r="D4199" i="2" a="1"/>
  <c r="D4199" i="2" s="1"/>
  <c r="D4190" i="2" a="1"/>
  <c r="D4190" i="2" s="1"/>
  <c r="D4202" i="2" a="1"/>
  <c r="D4202" i="2" s="1"/>
  <c r="D4197" i="2" a="1"/>
  <c r="D4197" i="2" s="1"/>
  <c r="D4207" i="2" a="1"/>
  <c r="D4207" i="2" s="1"/>
  <c r="D4187" i="2" a="1"/>
  <c r="D4187" i="2" s="1"/>
  <c r="D4200" i="2" a="1"/>
  <c r="D4200" i="2" s="1"/>
  <c r="D4198" i="2" a="1"/>
  <c r="D4198" i="2" s="1"/>
  <c r="D4204" i="2" a="1"/>
  <c r="D4204" i="2" s="1"/>
  <c r="D4194" i="2" a="1"/>
  <c r="D4194" i="2" s="1"/>
  <c r="AP265" i="1"/>
  <c r="F271" i="5" s="1"/>
  <c r="D6361" i="2" a="1"/>
  <c r="D6361" i="2" s="1"/>
  <c r="D6352" i="2" a="1"/>
  <c r="D6352" i="2" s="1"/>
  <c r="D6356" i="2" a="1"/>
  <c r="D6356" i="2" s="1"/>
  <c r="D6360" i="2" a="1"/>
  <c r="D6360" i="2" s="1"/>
  <c r="D6364" i="2" a="1"/>
  <c r="D6364" i="2" s="1"/>
  <c r="D6368" i="2" a="1"/>
  <c r="D6368" i="2" s="1"/>
  <c r="D6362" i="2" a="1"/>
  <c r="D6362" i="2" s="1"/>
  <c r="D6354" i="2" a="1"/>
  <c r="D6354" i="2" s="1"/>
  <c r="D6369" i="2" a="1"/>
  <c r="D6369" i="2" s="1"/>
  <c r="D6351" i="2" a="1"/>
  <c r="D6351" i="2" s="1"/>
  <c r="D6358" i="2" a="1"/>
  <c r="D6358" i="2" s="1"/>
  <c r="D6347" i="2" a="1"/>
  <c r="D6347" i="2" s="1"/>
  <c r="D6349" i="2" a="1"/>
  <c r="D6349" i="2" s="1"/>
  <c r="D6355" i="2" a="1"/>
  <c r="D6355" i="2" s="1"/>
  <c r="D6366" i="2" a="1"/>
  <c r="D6366" i="2" s="1"/>
  <c r="D6353" i="2" a="1"/>
  <c r="D6353" i="2" s="1"/>
  <c r="D6357" i="2" a="1"/>
  <c r="D6357" i="2" s="1"/>
  <c r="D6359" i="2" a="1"/>
  <c r="D6359" i="2" s="1"/>
  <c r="D6363" i="2" a="1"/>
  <c r="D6363" i="2" s="1"/>
  <c r="D6350" i="2" a="1"/>
  <c r="D6350" i="2" s="1"/>
  <c r="D6348" i="2" a="1"/>
  <c r="D6348" i="2" s="1"/>
  <c r="D6365" i="2" a="1"/>
  <c r="D6365" i="2" s="1"/>
  <c r="D6367" i="2" a="1"/>
  <c r="D6367" i="2" s="1"/>
  <c r="D6346" i="2" a="1"/>
  <c r="D6346" i="2" s="1"/>
  <c r="E8655" i="2" a="1"/>
  <c r="E8655" i="2" s="1"/>
  <c r="E8662" i="2" a="1"/>
  <c r="E8662" i="2" s="1"/>
  <c r="E8663" i="2" a="1"/>
  <c r="E8663" i="2" s="1"/>
  <c r="E8666" i="2" a="1"/>
  <c r="E8666" i="2" s="1"/>
  <c r="E8658" i="2" a="1"/>
  <c r="E8658" i="2" s="1"/>
  <c r="E8669" i="2" a="1"/>
  <c r="E8669" i="2" s="1"/>
  <c r="E8652" i="2" a="1"/>
  <c r="E8652" i="2" s="1"/>
  <c r="E8670" i="2" a="1"/>
  <c r="E8670" i="2" s="1"/>
  <c r="E8650" i="2" a="1"/>
  <c r="E8650" i="2" s="1"/>
  <c r="E8654" i="2" a="1"/>
  <c r="E8654" i="2" s="1"/>
  <c r="E8661" i="2" a="1"/>
  <c r="E8661" i="2" s="1"/>
  <c r="E8660" i="2" a="1"/>
  <c r="E8660" i="2" s="1"/>
  <c r="E8653" i="2" a="1"/>
  <c r="E8653" i="2" s="1"/>
  <c r="E8673" i="2" a="1"/>
  <c r="E8673" i="2" s="1"/>
  <c r="E8656" i="2" a="1"/>
  <c r="E8656" i="2" s="1"/>
  <c r="E8659" i="2" a="1"/>
  <c r="E8659" i="2" s="1"/>
  <c r="E8671" i="2" a="1"/>
  <c r="E8671" i="2" s="1"/>
  <c r="E8672" i="2" a="1"/>
  <c r="E8672" i="2" s="1"/>
  <c r="E8664" i="2" a="1"/>
  <c r="E8664" i="2" s="1"/>
  <c r="E8665" i="2" a="1"/>
  <c r="E8665" i="2" s="1"/>
  <c r="E8651" i="2" a="1"/>
  <c r="E8651" i="2" s="1"/>
  <c r="E8667" i="2" a="1"/>
  <c r="E8667" i="2" s="1"/>
  <c r="E8657" i="2" a="1"/>
  <c r="E8657" i="2" s="1"/>
  <c r="E8668" i="2" a="1"/>
  <c r="E8668" i="2" s="1"/>
  <c r="E2559" i="2" a="1"/>
  <c r="E2559" i="2" s="1"/>
  <c r="E2576" i="2" a="1"/>
  <c r="E2576" i="2" s="1"/>
  <c r="E2568" i="2" a="1"/>
  <c r="E2568" i="2" s="1"/>
  <c r="E2558" i="2" a="1"/>
  <c r="E2558" i="2" s="1"/>
  <c r="E2557" i="2" a="1"/>
  <c r="E2557" i="2" s="1"/>
  <c r="E2572" i="2" a="1"/>
  <c r="E2572" i="2" s="1"/>
  <c r="E2571" i="2" a="1"/>
  <c r="E2571" i="2" s="1"/>
  <c r="E2562" i="2" a="1"/>
  <c r="E2562" i="2" s="1"/>
  <c r="E2566" i="2" a="1"/>
  <c r="E2566" i="2" s="1"/>
  <c r="E2575" i="2" a="1"/>
  <c r="E2575" i="2" s="1"/>
  <c r="E2573" i="2" a="1"/>
  <c r="E2573" i="2" s="1"/>
  <c r="E2560" i="2" a="1"/>
  <c r="E2560" i="2" s="1"/>
  <c r="E2574" i="2" a="1"/>
  <c r="E2574" i="2" s="1"/>
  <c r="E2563" i="2" a="1"/>
  <c r="E2563" i="2" s="1"/>
  <c r="E2555" i="2" a="1"/>
  <c r="E2555" i="2" s="1"/>
  <c r="E2564" i="2" a="1"/>
  <c r="E2564" i="2" s="1"/>
  <c r="E2569" i="2" a="1"/>
  <c r="E2569" i="2" s="1"/>
  <c r="E2556" i="2" a="1"/>
  <c r="E2556" i="2" s="1"/>
  <c r="E2570" i="2" a="1"/>
  <c r="E2570" i="2" s="1"/>
  <c r="E2577" i="2" a="1"/>
  <c r="E2577" i="2" s="1"/>
  <c r="E2561" i="2" a="1"/>
  <c r="E2561" i="2" s="1"/>
  <c r="E2565" i="2" a="1"/>
  <c r="E2565" i="2" s="1"/>
  <c r="E2554" i="2" a="1"/>
  <c r="E2554" i="2" s="1"/>
  <c r="E2567" i="2" a="1"/>
  <c r="E2567" i="2" s="1"/>
  <c r="G8110" i="2" a="1"/>
  <c r="G8110" i="2" s="1"/>
  <c r="G8102" i="2" a="1"/>
  <c r="G8102" i="2" s="1"/>
  <c r="G8111" i="2" a="1"/>
  <c r="G8111" i="2" s="1"/>
  <c r="G8103" i="2" a="1"/>
  <c r="G8103" i="2" s="1"/>
  <c r="G8113" i="2" a="1"/>
  <c r="G8113" i="2" s="1"/>
  <c r="G8099" i="2" a="1"/>
  <c r="G8099" i="2" s="1"/>
  <c r="G8108" i="2" a="1"/>
  <c r="G8108" i="2" s="1"/>
  <c r="G8120" i="2" a="1"/>
  <c r="G8120" i="2" s="1"/>
  <c r="G8118" i="2" a="1"/>
  <c r="G8118" i="2" s="1"/>
  <c r="G8114" i="2" a="1"/>
  <c r="G8114" i="2" s="1"/>
  <c r="G8106" i="2" a="1"/>
  <c r="G8106" i="2" s="1"/>
  <c r="G8109" i="2" a="1"/>
  <c r="G8109" i="2" s="1"/>
  <c r="G8112" i="2" a="1"/>
  <c r="G8112" i="2" s="1"/>
  <c r="G8100" i="2" a="1"/>
  <c r="G8100" i="2" s="1"/>
  <c r="G8101" i="2" a="1"/>
  <c r="G8101" i="2" s="1"/>
  <c r="G8115" i="2" a="1"/>
  <c r="G8115" i="2" s="1"/>
  <c r="G8116" i="2" a="1"/>
  <c r="G8116" i="2" s="1"/>
  <c r="G8117" i="2" a="1"/>
  <c r="G8117" i="2" s="1"/>
  <c r="G8119" i="2" a="1"/>
  <c r="G8119" i="2" s="1"/>
  <c r="G8107" i="2" a="1"/>
  <c r="G8107" i="2" s="1"/>
  <c r="G8098" i="2" a="1"/>
  <c r="G8098" i="2" s="1"/>
  <c r="G8121" i="2" a="1"/>
  <c r="G8121" i="2" s="1"/>
  <c r="G8104" i="2" a="1"/>
  <c r="G8104" i="2" s="1"/>
  <c r="G8105" i="2" a="1"/>
  <c r="G8105" i="2" s="1"/>
  <c r="F4923" i="2" a="1"/>
  <c r="F4923" i="2" s="1"/>
  <c r="F4915" i="2" a="1"/>
  <c r="F4915" i="2" s="1"/>
  <c r="F4927" i="2" a="1"/>
  <c r="F4927" i="2" s="1"/>
  <c r="F4914" i="2" a="1"/>
  <c r="F4914" i="2" s="1"/>
  <c r="F4921" i="2" a="1"/>
  <c r="F4921" i="2" s="1"/>
  <c r="F4916" i="2" a="1"/>
  <c r="F4916" i="2" s="1"/>
  <c r="F4928" i="2" a="1"/>
  <c r="F4928" i="2" s="1"/>
  <c r="F4929" i="2" a="1"/>
  <c r="F4929" i="2" s="1"/>
  <c r="F4926" i="2" a="1"/>
  <c r="F4926" i="2" s="1"/>
  <c r="F4906" i="2" a="1"/>
  <c r="F4906" i="2" s="1"/>
  <c r="F4920" i="2" a="1"/>
  <c r="F4920" i="2" s="1"/>
  <c r="F4907" i="2" a="1"/>
  <c r="F4907" i="2" s="1"/>
  <c r="F4908" i="2" a="1"/>
  <c r="F4908" i="2" s="1"/>
  <c r="F4913" i="2" a="1"/>
  <c r="F4913" i="2" s="1"/>
  <c r="F4909" i="2" a="1"/>
  <c r="F4909" i="2" s="1"/>
  <c r="F4922" i="2" a="1"/>
  <c r="F4922" i="2" s="1"/>
  <c r="F4911" i="2" a="1"/>
  <c r="F4911" i="2" s="1"/>
  <c r="F4912" i="2" a="1"/>
  <c r="F4912" i="2" s="1"/>
  <c r="F4924" i="2" a="1"/>
  <c r="F4924" i="2" s="1"/>
  <c r="F4910" i="2" a="1"/>
  <c r="F4910" i="2" s="1"/>
  <c r="F4917" i="2" a="1"/>
  <c r="F4917" i="2" s="1"/>
  <c r="F4918" i="2" a="1"/>
  <c r="F4918" i="2" s="1"/>
  <c r="F4919" i="2" a="1"/>
  <c r="F4919" i="2" s="1"/>
  <c r="F4925" i="2" a="1"/>
  <c r="F4925" i="2" s="1"/>
  <c r="F7323" i="2" a="1"/>
  <c r="F7323" i="2" s="1"/>
  <c r="F7321" i="2" a="1"/>
  <c r="F7321" i="2" s="1"/>
  <c r="F7309" i="2" a="1"/>
  <c r="F7309" i="2" s="1"/>
  <c r="F7322" i="2" a="1"/>
  <c r="F7322" i="2" s="1"/>
  <c r="F7325" i="2" a="1"/>
  <c r="F7325" i="2" s="1"/>
  <c r="F7317" i="2" a="1"/>
  <c r="F7317" i="2" s="1"/>
  <c r="F7306" i="2" a="1"/>
  <c r="F7306" i="2" s="1"/>
  <c r="F7316" i="2" a="1"/>
  <c r="F7316" i="2" s="1"/>
  <c r="F7319" i="2" a="1"/>
  <c r="F7319" i="2" s="1"/>
  <c r="F7310" i="2" a="1"/>
  <c r="F7310" i="2" s="1"/>
  <c r="F7326" i="2" a="1"/>
  <c r="F7326" i="2" s="1"/>
  <c r="F7311" i="2" a="1"/>
  <c r="F7311" i="2" s="1"/>
  <c r="F7312" i="2" a="1"/>
  <c r="F7312" i="2" s="1"/>
  <c r="F7318" i="2" a="1"/>
  <c r="F7318" i="2" s="1"/>
  <c r="F7308" i="2" a="1"/>
  <c r="F7308" i="2" s="1"/>
  <c r="F7320" i="2" a="1"/>
  <c r="F7320" i="2" s="1"/>
  <c r="F7328" i="2" a="1"/>
  <c r="F7328" i="2" s="1"/>
  <c r="F7327" i="2" a="1"/>
  <c r="F7327" i="2" s="1"/>
  <c r="F7329" i="2" a="1"/>
  <c r="F7329" i="2" s="1"/>
  <c r="F7324" i="2" a="1"/>
  <c r="F7324" i="2" s="1"/>
  <c r="F7315" i="2" a="1"/>
  <c r="F7315" i="2" s="1"/>
  <c r="F7313" i="2" a="1"/>
  <c r="F7313" i="2" s="1"/>
  <c r="F7307" i="2" a="1"/>
  <c r="F7307" i="2" s="1"/>
  <c r="F7314" i="2" a="1"/>
  <c r="F7314" i="2" s="1"/>
  <c r="G7258" i="2" a="1"/>
  <c r="G7258" i="2" s="1"/>
  <c r="G7266" i="2" a="1"/>
  <c r="G7266" i="2" s="1"/>
  <c r="G7273" i="2" a="1"/>
  <c r="G7273" i="2" s="1"/>
  <c r="G7276" i="2" a="1"/>
  <c r="G7276" i="2" s="1"/>
  <c r="G7272" i="2" a="1"/>
  <c r="G7272" i="2" s="1"/>
  <c r="G7269" i="2" a="1"/>
  <c r="G7269" i="2" s="1"/>
  <c r="G7259" i="2" a="1"/>
  <c r="G7259" i="2" s="1"/>
  <c r="G7279" i="2" a="1"/>
  <c r="G7279" i="2" s="1"/>
  <c r="G7274" i="2" a="1"/>
  <c r="G7274" i="2" s="1"/>
  <c r="G7260" i="2" a="1"/>
  <c r="G7260" i="2" s="1"/>
  <c r="G7264" i="2" a="1"/>
  <c r="G7264" i="2" s="1"/>
  <c r="G7278" i="2" a="1"/>
  <c r="G7278" i="2" s="1"/>
  <c r="G7268" i="2" a="1"/>
  <c r="G7268" i="2" s="1"/>
  <c r="G7262" i="2" a="1"/>
  <c r="G7262" i="2" s="1"/>
  <c r="G7261" i="2" a="1"/>
  <c r="G7261" i="2" s="1"/>
  <c r="G7280" i="2" a="1"/>
  <c r="G7280" i="2" s="1"/>
  <c r="G7277" i="2" a="1"/>
  <c r="G7277" i="2" s="1"/>
  <c r="G7267" i="2" a="1"/>
  <c r="G7267" i="2" s="1"/>
  <c r="G7265" i="2" a="1"/>
  <c r="G7265" i="2" s="1"/>
  <c r="G7270" i="2" a="1"/>
  <c r="G7270" i="2" s="1"/>
  <c r="G7271" i="2" a="1"/>
  <c r="G7271" i="2" s="1"/>
  <c r="G7263" i="2" a="1"/>
  <c r="G7263" i="2" s="1"/>
  <c r="G7281" i="2" a="1"/>
  <c r="G7281" i="2" s="1"/>
  <c r="G7275" i="2" a="1"/>
  <c r="G7275" i="2" s="1"/>
  <c r="F825" i="2" a="1"/>
  <c r="F825" i="2" s="1"/>
  <c r="F820" i="2" a="1"/>
  <c r="F820" i="2" s="1"/>
  <c r="F823" i="2" a="1"/>
  <c r="F823" i="2" s="1"/>
  <c r="F818" i="2" a="1"/>
  <c r="F818" i="2" s="1"/>
  <c r="F808" i="2" a="1"/>
  <c r="F808" i="2" s="1"/>
  <c r="F821" i="2" a="1"/>
  <c r="F821" i="2" s="1"/>
  <c r="F813" i="2" a="1"/>
  <c r="F813" i="2" s="1"/>
  <c r="F815" i="2" a="1"/>
  <c r="F815" i="2" s="1"/>
  <c r="F807" i="2" a="1"/>
  <c r="F807" i="2" s="1"/>
  <c r="F802" i="2" a="1"/>
  <c r="F802" i="2" s="1"/>
  <c r="F810" i="2" a="1"/>
  <c r="F810" i="2" s="1"/>
  <c r="F809" i="2" a="1"/>
  <c r="F809" i="2" s="1"/>
  <c r="F812" i="2" a="1"/>
  <c r="F812" i="2" s="1"/>
  <c r="F803" i="2" a="1"/>
  <c r="F803" i="2" s="1"/>
  <c r="F816" i="2" a="1"/>
  <c r="F816" i="2" s="1"/>
  <c r="F804" i="2" a="1"/>
  <c r="F804" i="2" s="1"/>
  <c r="F805" i="2" a="1"/>
  <c r="F805" i="2" s="1"/>
  <c r="F806" i="2" a="1"/>
  <c r="F806" i="2" s="1"/>
  <c r="F819" i="2" a="1"/>
  <c r="F819" i="2" s="1"/>
  <c r="F811" i="2" a="1"/>
  <c r="F811" i="2" s="1"/>
  <c r="F817" i="2" a="1"/>
  <c r="F817" i="2" s="1"/>
  <c r="F822" i="2" a="1"/>
  <c r="F822" i="2" s="1"/>
  <c r="F824" i="2" a="1"/>
  <c r="F824" i="2" s="1"/>
  <c r="F814" i="2" a="1"/>
  <c r="F814" i="2" s="1"/>
  <c r="AP11" i="1"/>
  <c r="F17" i="5" s="1"/>
  <c r="D252" i="2" a="1"/>
  <c r="D252" i="2" s="1"/>
  <c r="D261" i="2" a="1"/>
  <c r="D261" i="2" s="1"/>
  <c r="D269" i="2" a="1"/>
  <c r="D269" i="2" s="1"/>
  <c r="D254" i="2" a="1"/>
  <c r="D254" i="2" s="1"/>
  <c r="D267" i="2" a="1"/>
  <c r="D267" i="2" s="1"/>
  <c r="AM11" i="1"/>
  <c r="D256" i="2" a="1"/>
  <c r="D256" i="2" s="1"/>
  <c r="D270" i="2" a="1"/>
  <c r="D270" i="2" s="1"/>
  <c r="D258" i="2" a="1"/>
  <c r="D258" i="2" s="1"/>
  <c r="D272" i="2" a="1"/>
  <c r="D272" i="2" s="1"/>
  <c r="D263" i="2" a="1"/>
  <c r="D263" i="2" s="1"/>
  <c r="D255" i="2" a="1"/>
  <c r="D255" i="2" s="1"/>
  <c r="D271" i="2" a="1"/>
  <c r="D271" i="2" s="1"/>
  <c r="D253" i="2" a="1"/>
  <c r="D253" i="2" s="1"/>
  <c r="D264" i="2" a="1"/>
  <c r="D264" i="2" s="1"/>
  <c r="D273" i="2" a="1"/>
  <c r="D273" i="2" s="1"/>
  <c r="D266" i="2" a="1"/>
  <c r="D266" i="2" s="1"/>
  <c r="D268" i="2" a="1"/>
  <c r="D268" i="2" s="1"/>
  <c r="D250" i="2" a="1"/>
  <c r="D250" i="2" s="1"/>
  <c r="D251" i="2" a="1"/>
  <c r="D251" i="2" s="1"/>
  <c r="D257" i="2" a="1"/>
  <c r="D257" i="2" s="1"/>
  <c r="D259" i="2" a="1"/>
  <c r="D259" i="2" s="1"/>
  <c r="D262" i="2" a="1"/>
  <c r="D262" i="2" s="1"/>
  <c r="D260" i="2" a="1"/>
  <c r="D260" i="2" s="1"/>
  <c r="D265" i="2" a="1"/>
  <c r="D265" i="2" s="1"/>
  <c r="AN163" i="1"/>
  <c r="D169" i="5" s="1"/>
  <c r="D3904" i="2" a="1"/>
  <c r="D3904" i="2" s="1"/>
  <c r="D3921" i="2" a="1"/>
  <c r="D3921" i="2" s="1"/>
  <c r="D3903" i="2" a="1"/>
  <c r="D3903" i="2" s="1"/>
  <c r="H1142" i="2" a="1"/>
  <c r="H1142" i="2" s="1"/>
  <c r="H1154" i="2" a="1"/>
  <c r="H1154" i="2" s="1"/>
  <c r="H1155" i="2" a="1"/>
  <c r="H1155" i="2" s="1"/>
  <c r="H1143" i="2" a="1"/>
  <c r="H1143" i="2" s="1"/>
  <c r="H1156" i="2" a="1"/>
  <c r="H1156" i="2" s="1"/>
  <c r="H1157" i="2" a="1"/>
  <c r="H1157" i="2" s="1"/>
  <c r="H1146" i="2" a="1"/>
  <c r="H1146" i="2" s="1"/>
  <c r="H1138" i="2" a="1"/>
  <c r="H1138" i="2" s="1"/>
  <c r="H1145" i="2" a="1"/>
  <c r="H1145" i="2" s="1"/>
  <c r="H1147" i="2" a="1"/>
  <c r="H1147" i="2" s="1"/>
  <c r="H1158" i="2" a="1"/>
  <c r="H1158" i="2" s="1"/>
  <c r="H1149" i="2" a="1"/>
  <c r="H1149" i="2" s="1"/>
  <c r="H1139" i="2" a="1"/>
  <c r="H1139" i="2" s="1"/>
  <c r="H1150" i="2" a="1"/>
  <c r="H1150" i="2" s="1"/>
  <c r="H1159" i="2" a="1"/>
  <c r="H1159" i="2" s="1"/>
  <c r="H1144" i="2" a="1"/>
  <c r="H1144" i="2" s="1"/>
  <c r="H1140" i="2" a="1"/>
  <c r="H1140" i="2" s="1"/>
  <c r="H1151" i="2" a="1"/>
  <c r="H1151" i="2" s="1"/>
  <c r="H1148" i="2" a="1"/>
  <c r="H1148" i="2" s="1"/>
  <c r="H1152" i="2" a="1"/>
  <c r="H1152" i="2" s="1"/>
  <c r="H1141" i="2" a="1"/>
  <c r="H1141" i="2" s="1"/>
  <c r="H1160" i="2" a="1"/>
  <c r="H1160" i="2" s="1"/>
  <c r="H1153" i="2" a="1"/>
  <c r="H1153" i="2" s="1"/>
  <c r="H1161" i="2" a="1"/>
  <c r="H1161" i="2" s="1"/>
  <c r="G4832" i="2" a="1"/>
  <c r="G4832" i="2" s="1"/>
  <c r="G4812" i="2" a="1"/>
  <c r="G4812" i="2" s="1"/>
  <c r="G4815" i="2" a="1"/>
  <c r="G4815" i="2" s="1"/>
  <c r="G4829" i="2" a="1"/>
  <c r="G4829" i="2" s="1"/>
  <c r="G4810" i="2" a="1"/>
  <c r="G4810" i="2" s="1"/>
  <c r="G4826" i="2" a="1"/>
  <c r="G4826" i="2" s="1"/>
  <c r="G4813" i="2" a="1"/>
  <c r="G4813" i="2" s="1"/>
  <c r="G4828" i="2" a="1"/>
  <c r="G4828" i="2" s="1"/>
  <c r="G4825" i="2" a="1"/>
  <c r="G4825" i="2" s="1"/>
  <c r="G4833" i="2" a="1"/>
  <c r="G4833" i="2" s="1"/>
  <c r="G4827" i="2" a="1"/>
  <c r="G4827" i="2" s="1"/>
  <c r="G4823" i="2" a="1"/>
  <c r="G4823" i="2" s="1"/>
  <c r="G4819" i="2" a="1"/>
  <c r="G4819" i="2" s="1"/>
  <c r="G4824" i="2" a="1"/>
  <c r="G4824" i="2" s="1"/>
  <c r="G4811" i="2" a="1"/>
  <c r="G4811" i="2" s="1"/>
  <c r="G4830" i="2" a="1"/>
  <c r="G4830" i="2" s="1"/>
  <c r="G4814" i="2" a="1"/>
  <c r="G4814" i="2" s="1"/>
  <c r="G4821" i="2" a="1"/>
  <c r="G4821" i="2" s="1"/>
  <c r="G4831" i="2" a="1"/>
  <c r="G4831" i="2" s="1"/>
  <c r="G4816" i="2" a="1"/>
  <c r="G4816" i="2" s="1"/>
  <c r="G4818" i="2" a="1"/>
  <c r="G4818" i="2" s="1"/>
  <c r="G4820" i="2" a="1"/>
  <c r="G4820" i="2" s="1"/>
  <c r="G4822" i="2" a="1"/>
  <c r="G4822" i="2" s="1"/>
  <c r="G4817" i="2" a="1"/>
  <c r="G4817" i="2" s="1"/>
  <c r="AP5" i="1"/>
  <c r="F11" i="5" s="1"/>
  <c r="AQ5" i="1"/>
  <c r="G11" i="5" s="1"/>
  <c r="AN5" i="1"/>
  <c r="D11" i="5" s="1"/>
  <c r="AO5" i="1"/>
  <c r="E11" i="5" s="1"/>
  <c r="AM5" i="1"/>
  <c r="D109" i="2" a="1"/>
  <c r="D109" i="2" s="1"/>
  <c r="D121" i="2" a="1"/>
  <c r="D121" i="2" s="1"/>
  <c r="D124" i="2" a="1"/>
  <c r="D124" i="2" s="1"/>
  <c r="D111" i="2" a="1"/>
  <c r="D111" i="2" s="1"/>
  <c r="D114" i="2" a="1"/>
  <c r="D114" i="2" s="1"/>
  <c r="D110" i="2" a="1"/>
  <c r="D110" i="2" s="1"/>
  <c r="D128" i="2" a="1"/>
  <c r="D128" i="2" s="1"/>
  <c r="D117" i="2" a="1"/>
  <c r="D117" i="2" s="1"/>
  <c r="D113" i="2" a="1"/>
  <c r="D113" i="2" s="1"/>
  <c r="D123" i="2" a="1"/>
  <c r="D123" i="2" s="1"/>
  <c r="D125" i="2" a="1"/>
  <c r="D125" i="2" s="1"/>
  <c r="D119" i="2" a="1"/>
  <c r="D119" i="2" s="1"/>
  <c r="D120" i="2" a="1"/>
  <c r="D120" i="2" s="1"/>
  <c r="D118" i="2" a="1"/>
  <c r="D118" i="2" s="1"/>
  <c r="D122" i="2" a="1"/>
  <c r="D122" i="2" s="1"/>
  <c r="D112" i="2" a="1"/>
  <c r="D112" i="2" s="1"/>
  <c r="D107" i="2" a="1"/>
  <c r="D107" i="2" s="1"/>
  <c r="D126" i="2" a="1"/>
  <c r="D126" i="2" s="1"/>
  <c r="D115" i="2" a="1"/>
  <c r="D115" i="2" s="1"/>
  <c r="D116" i="2" a="1"/>
  <c r="D116" i="2" s="1"/>
  <c r="D106" i="2" a="1"/>
  <c r="D106" i="2" s="1"/>
  <c r="D129" i="2" a="1"/>
  <c r="D129" i="2" s="1"/>
  <c r="D108" i="2" a="1"/>
  <c r="D108" i="2" s="1"/>
  <c r="D127" i="2" a="1"/>
  <c r="D127" i="2" s="1"/>
  <c r="G5458" i="2" a="1"/>
  <c r="G5458" i="2" s="1"/>
  <c r="G5462" i="2" a="1"/>
  <c r="G5462" i="2" s="1"/>
  <c r="G5468" i="2" a="1"/>
  <c r="G5468" i="2" s="1"/>
  <c r="G5472" i="2" a="1"/>
  <c r="G5472" i="2" s="1"/>
  <c r="G5481" i="2" a="1"/>
  <c r="G5481" i="2" s="1"/>
  <c r="G5467" i="2" a="1"/>
  <c r="G5467" i="2" s="1"/>
  <c r="G5473" i="2" a="1"/>
  <c r="G5473" i="2" s="1"/>
  <c r="G5475" i="2" a="1"/>
  <c r="G5475" i="2" s="1"/>
  <c r="G5469" i="2" a="1"/>
  <c r="G5469" i="2" s="1"/>
  <c r="G5466" i="2" a="1"/>
  <c r="G5466" i="2" s="1"/>
  <c r="G5464" i="2" a="1"/>
  <c r="G5464" i="2" s="1"/>
  <c r="G5478" i="2" a="1"/>
  <c r="G5478" i="2" s="1"/>
  <c r="G5479" i="2" a="1"/>
  <c r="G5479" i="2" s="1"/>
  <c r="G5480" i="2" a="1"/>
  <c r="G5480" i="2" s="1"/>
  <c r="G5471" i="2" a="1"/>
  <c r="G5471" i="2" s="1"/>
  <c r="G5476" i="2" a="1"/>
  <c r="G5476" i="2" s="1"/>
  <c r="G5465" i="2" a="1"/>
  <c r="G5465" i="2" s="1"/>
  <c r="G5474" i="2" a="1"/>
  <c r="G5474" i="2" s="1"/>
  <c r="G5470" i="2" a="1"/>
  <c r="G5470" i="2" s="1"/>
  <c r="G5459" i="2" a="1"/>
  <c r="G5459" i="2" s="1"/>
  <c r="G5460" i="2" a="1"/>
  <c r="G5460" i="2" s="1"/>
  <c r="G5463" i="2" a="1"/>
  <c r="G5463" i="2" s="1"/>
  <c r="G5461" i="2" a="1"/>
  <c r="G5461" i="2" s="1"/>
  <c r="G5477" i="2" a="1"/>
  <c r="G5477" i="2" s="1"/>
  <c r="H2407" i="2" a="1"/>
  <c r="H2407" i="2" s="1"/>
  <c r="H2390" i="2" a="1"/>
  <c r="H2390" i="2" s="1"/>
  <c r="H2409" i="2" a="1"/>
  <c r="H2409" i="2" s="1"/>
  <c r="H2393" i="2" a="1"/>
  <c r="H2393" i="2" s="1"/>
  <c r="H2406" i="2" a="1"/>
  <c r="H2406" i="2" s="1"/>
  <c r="H2398" i="2" a="1"/>
  <c r="H2398" i="2" s="1"/>
  <c r="H2403" i="2" a="1"/>
  <c r="H2403" i="2" s="1"/>
  <c r="H2392" i="2" a="1"/>
  <c r="H2392" i="2" s="1"/>
  <c r="H2402" i="2" a="1"/>
  <c r="H2402" i="2" s="1"/>
  <c r="H2401" i="2" a="1"/>
  <c r="H2401" i="2" s="1"/>
  <c r="H2396" i="2" a="1"/>
  <c r="H2396" i="2" s="1"/>
  <c r="H2404" i="2" a="1"/>
  <c r="H2404" i="2" s="1"/>
  <c r="H2408" i="2" a="1"/>
  <c r="H2408" i="2" s="1"/>
  <c r="H2395" i="2" a="1"/>
  <c r="H2395" i="2" s="1"/>
  <c r="H2391" i="2" a="1"/>
  <c r="H2391" i="2" s="1"/>
  <c r="H2388" i="2" a="1"/>
  <c r="H2388" i="2" s="1"/>
  <c r="H2386" i="2" a="1"/>
  <c r="H2386" i="2" s="1"/>
  <c r="H2387" i="2" a="1"/>
  <c r="H2387" i="2" s="1"/>
  <c r="H2394" i="2" a="1"/>
  <c r="H2394" i="2" s="1"/>
  <c r="H2405" i="2" a="1"/>
  <c r="H2405" i="2" s="1"/>
  <c r="H2397" i="2" a="1"/>
  <c r="H2397" i="2" s="1"/>
  <c r="H2389" i="2" a="1"/>
  <c r="H2389" i="2" s="1"/>
  <c r="H2399" i="2" a="1"/>
  <c r="H2399" i="2" s="1"/>
  <c r="H2400" i="2" a="1"/>
  <c r="H2400" i="2" s="1"/>
  <c r="H720" i="2" a="1"/>
  <c r="H720" i="2" s="1"/>
  <c r="H715" i="2" a="1"/>
  <c r="H715" i="2" s="1"/>
  <c r="H728" i="2" a="1"/>
  <c r="H728" i="2" s="1"/>
  <c r="H723" i="2" a="1"/>
  <c r="H723" i="2" s="1"/>
  <c r="H711" i="2" a="1"/>
  <c r="H711" i="2" s="1"/>
  <c r="G1770" i="2" a="1"/>
  <c r="G1770" i="2" s="1"/>
  <c r="G1765" i="2" a="1"/>
  <c r="G1765" i="2" s="1"/>
  <c r="G1772" i="2" a="1"/>
  <c r="G1772" i="2" s="1"/>
  <c r="G1782" i="2" a="1"/>
  <c r="G1782" i="2" s="1"/>
  <c r="G1771" i="2" a="1"/>
  <c r="G1771" i="2" s="1"/>
  <c r="G1774" i="2" a="1"/>
  <c r="G1774" i="2" s="1"/>
  <c r="G1767" i="2" a="1"/>
  <c r="G1767" i="2" s="1"/>
  <c r="G1777" i="2" a="1"/>
  <c r="G1777" i="2" s="1"/>
  <c r="G1762" i="2" a="1"/>
  <c r="G1762" i="2" s="1"/>
  <c r="G1763" i="2" a="1"/>
  <c r="G1763" i="2" s="1"/>
  <c r="G1773" i="2" a="1"/>
  <c r="G1773" i="2" s="1"/>
  <c r="G1775" i="2" a="1"/>
  <c r="G1775" i="2" s="1"/>
  <c r="G1776" i="2" a="1"/>
  <c r="G1776" i="2" s="1"/>
  <c r="G1779" i="2" a="1"/>
  <c r="G1779" i="2" s="1"/>
  <c r="G1781" i="2" a="1"/>
  <c r="G1781" i="2" s="1"/>
  <c r="G1785" i="2" a="1"/>
  <c r="G1785" i="2" s="1"/>
  <c r="G1784" i="2" a="1"/>
  <c r="G1784" i="2" s="1"/>
  <c r="G1766" i="2" a="1"/>
  <c r="G1766" i="2" s="1"/>
  <c r="G1769" i="2" a="1"/>
  <c r="G1769" i="2" s="1"/>
  <c r="G1764" i="2" a="1"/>
  <c r="G1764" i="2" s="1"/>
  <c r="G1778" i="2" a="1"/>
  <c r="G1778" i="2" s="1"/>
  <c r="G1780" i="2" a="1"/>
  <c r="G1780" i="2" s="1"/>
  <c r="G1768" i="2" a="1"/>
  <c r="G1768" i="2" s="1"/>
  <c r="G1783" i="2" a="1"/>
  <c r="G1783" i="2" s="1"/>
  <c r="F3985" i="2" a="1"/>
  <c r="F3985" i="2" s="1"/>
  <c r="F3982" i="2" a="1"/>
  <c r="F3982" i="2" s="1"/>
  <c r="F3988" i="2" a="1"/>
  <c r="F3988" i="2" s="1"/>
  <c r="F3990" i="2" a="1"/>
  <c r="F3990" i="2" s="1"/>
  <c r="F3973" i="2" a="1"/>
  <c r="F3973" i="2" s="1"/>
  <c r="F3989" i="2" a="1"/>
  <c r="F3989" i="2" s="1"/>
  <c r="F3991" i="2" a="1"/>
  <c r="F3991" i="2" s="1"/>
  <c r="F3984" i="2" a="1"/>
  <c r="F3984" i="2" s="1"/>
  <c r="F3976" i="2" a="1"/>
  <c r="F3976" i="2" s="1"/>
  <c r="F3970" i="2" a="1"/>
  <c r="F3970" i="2" s="1"/>
  <c r="F3993" i="2" a="1"/>
  <c r="F3993" i="2" s="1"/>
  <c r="F3971" i="2" a="1"/>
  <c r="F3971" i="2" s="1"/>
  <c r="F3974" i="2" a="1"/>
  <c r="F3974" i="2" s="1"/>
  <c r="F3972" i="2" a="1"/>
  <c r="F3972" i="2" s="1"/>
  <c r="F3980" i="2" a="1"/>
  <c r="F3980" i="2" s="1"/>
  <c r="F3977" i="2" a="1"/>
  <c r="F3977" i="2" s="1"/>
  <c r="F3987" i="2" a="1"/>
  <c r="F3987" i="2" s="1"/>
  <c r="F3978" i="2" a="1"/>
  <c r="F3978" i="2" s="1"/>
  <c r="F3983" i="2" a="1"/>
  <c r="F3983" i="2" s="1"/>
  <c r="F3975" i="2" a="1"/>
  <c r="F3975" i="2" s="1"/>
  <c r="F3981" i="2" a="1"/>
  <c r="F3981" i="2" s="1"/>
  <c r="F3992" i="2" a="1"/>
  <c r="F3992" i="2" s="1"/>
  <c r="F3979" i="2" a="1"/>
  <c r="F3979" i="2" s="1"/>
  <c r="F3986" i="2" a="1"/>
  <c r="F3986" i="2" s="1"/>
  <c r="AN226" i="1"/>
  <c r="D232" i="5" s="1"/>
  <c r="AP226" i="1"/>
  <c r="F232" i="5" s="1"/>
  <c r="AO226" i="1"/>
  <c r="E232" i="5" s="1"/>
  <c r="AQ226" i="1"/>
  <c r="G232" i="5" s="1"/>
  <c r="AM226" i="1"/>
  <c r="D5410" i="2" a="1"/>
  <c r="D5410" i="2" s="1"/>
  <c r="D5418" i="2" a="1"/>
  <c r="D5418" i="2" s="1"/>
  <c r="D5422" i="2" a="1"/>
  <c r="D5422" i="2" s="1"/>
  <c r="D5426" i="2" a="1"/>
  <c r="D5426" i="2" s="1"/>
  <c r="D5433" i="2" a="1"/>
  <c r="D5433" i="2" s="1"/>
  <c r="D5412" i="2" a="1"/>
  <c r="D5412" i="2" s="1"/>
  <c r="D5416" i="2" a="1"/>
  <c r="D5416" i="2" s="1"/>
  <c r="D5420" i="2" a="1"/>
  <c r="D5420" i="2" s="1"/>
  <c r="D5424" i="2" a="1"/>
  <c r="D5424" i="2" s="1"/>
  <c r="D5428" i="2" a="1"/>
  <c r="D5428" i="2" s="1"/>
  <c r="D5430" i="2" a="1"/>
  <c r="D5430" i="2" s="1"/>
  <c r="D5432" i="2" a="1"/>
  <c r="D5432" i="2" s="1"/>
  <c r="D5421" i="2" a="1"/>
  <c r="D5421" i="2" s="1"/>
  <c r="D5431" i="2" a="1"/>
  <c r="D5431" i="2" s="1"/>
  <c r="D5414" i="2" a="1"/>
  <c r="D5414" i="2" s="1"/>
  <c r="D5419" i="2" a="1"/>
  <c r="D5419" i="2" s="1"/>
  <c r="D5429" i="2" a="1"/>
  <c r="D5429" i="2" s="1"/>
  <c r="D5417" i="2" a="1"/>
  <c r="D5417" i="2" s="1"/>
  <c r="D5427" i="2" a="1"/>
  <c r="D5427" i="2" s="1"/>
  <c r="D5415" i="2" a="1"/>
  <c r="D5415" i="2" s="1"/>
  <c r="D5425" i="2" a="1"/>
  <c r="D5425" i="2" s="1"/>
  <c r="D5413" i="2" a="1"/>
  <c r="D5413" i="2" s="1"/>
  <c r="D5423" i="2" a="1"/>
  <c r="D5423" i="2" s="1"/>
  <c r="D5411" i="2" a="1"/>
  <c r="D5411" i="2" s="1"/>
  <c r="F3342" i="2" a="1"/>
  <c r="F3342" i="2" s="1"/>
  <c r="F3323" i="2" a="1"/>
  <c r="F3323" i="2" s="1"/>
  <c r="F3331" i="2" a="1"/>
  <c r="F3331" i="2" s="1"/>
  <c r="F3343" i="2" a="1"/>
  <c r="F3343" i="2" s="1"/>
  <c r="F3328" i="2" a="1"/>
  <c r="F3328" i="2" s="1"/>
  <c r="F3334" i="2" a="1"/>
  <c r="F3334" i="2" s="1"/>
  <c r="F3345" i="2" a="1"/>
  <c r="F3345" i="2" s="1"/>
  <c r="F3326" i="2" a="1"/>
  <c r="F3326" i="2" s="1"/>
  <c r="F3336" i="2" a="1"/>
  <c r="F3336" i="2" s="1"/>
  <c r="F3341" i="2" a="1"/>
  <c r="F3341" i="2" s="1"/>
  <c r="F3324" i="2" a="1"/>
  <c r="F3324" i="2" s="1"/>
  <c r="F3327" i="2" a="1"/>
  <c r="F3327" i="2" s="1"/>
  <c r="F3332" i="2" a="1"/>
  <c r="F3332" i="2" s="1"/>
  <c r="F3333" i="2" a="1"/>
  <c r="F3333" i="2" s="1"/>
  <c r="F3337" i="2" a="1"/>
  <c r="F3337" i="2" s="1"/>
  <c r="F3329" i="2" a="1"/>
  <c r="F3329" i="2" s="1"/>
  <c r="F3330" i="2" a="1"/>
  <c r="F3330" i="2" s="1"/>
  <c r="F3338" i="2" a="1"/>
  <c r="F3338" i="2" s="1"/>
  <c r="F3339" i="2" a="1"/>
  <c r="F3339" i="2" s="1"/>
  <c r="F3322" i="2" a="1"/>
  <c r="F3322" i="2" s="1"/>
  <c r="F3340" i="2" a="1"/>
  <c r="F3340" i="2" s="1"/>
  <c r="F3335" i="2" a="1"/>
  <c r="F3335" i="2" s="1"/>
  <c r="F3344" i="2" a="1"/>
  <c r="F3344" i="2" s="1"/>
  <c r="F3325" i="2" a="1"/>
  <c r="F3325" i="2" s="1"/>
  <c r="E8771" i="2" a="1"/>
  <c r="E8771" i="2" s="1"/>
  <c r="E8776" i="2" a="1"/>
  <c r="E8776" i="2" s="1"/>
  <c r="E8786" i="2" a="1"/>
  <c r="E8786" i="2" s="1"/>
  <c r="E8772" i="2" a="1"/>
  <c r="E8772" i="2" s="1"/>
  <c r="E8778" i="2" a="1"/>
  <c r="E8778" i="2" s="1"/>
  <c r="E8782" i="2" a="1"/>
  <c r="E8782" i="2" s="1"/>
  <c r="E8789" i="2" a="1"/>
  <c r="E8789" i="2" s="1"/>
  <c r="E8791" i="2" a="1"/>
  <c r="E8791" i="2" s="1"/>
  <c r="E8770" i="2" a="1"/>
  <c r="E8770" i="2" s="1"/>
  <c r="E8779" i="2" a="1"/>
  <c r="E8779" i="2" s="1"/>
  <c r="E8788" i="2" a="1"/>
  <c r="E8788" i="2" s="1"/>
  <c r="E8775" i="2" a="1"/>
  <c r="E8775" i="2" s="1"/>
  <c r="E8790" i="2" a="1"/>
  <c r="E8790" i="2" s="1"/>
  <c r="E8792" i="2" a="1"/>
  <c r="E8792" i="2" s="1"/>
  <c r="E8785" i="2" a="1"/>
  <c r="E8785" i="2" s="1"/>
  <c r="E8783" i="2" a="1"/>
  <c r="E8783" i="2" s="1"/>
  <c r="E8773" i="2" a="1"/>
  <c r="E8773" i="2" s="1"/>
  <c r="E8774" i="2" a="1"/>
  <c r="E8774" i="2" s="1"/>
  <c r="E8781" i="2" a="1"/>
  <c r="E8781" i="2" s="1"/>
  <c r="E8787" i="2" a="1"/>
  <c r="E8787" i="2" s="1"/>
  <c r="E8793" i="2" a="1"/>
  <c r="E8793" i="2" s="1"/>
  <c r="E8777" i="2" a="1"/>
  <c r="E8777" i="2" s="1"/>
  <c r="E8784" i="2" a="1"/>
  <c r="E8784" i="2" s="1"/>
  <c r="E8780" i="2" a="1"/>
  <c r="E8780" i="2" s="1"/>
  <c r="AO284" i="1"/>
  <c r="E290" i="5" s="1"/>
  <c r="AP284" i="1"/>
  <c r="F290" i="5" s="1"/>
  <c r="AN284" i="1"/>
  <c r="D290" i="5" s="1"/>
  <c r="AQ284" i="1"/>
  <c r="G290" i="5" s="1"/>
  <c r="AM284" i="1"/>
  <c r="D6816" i="2" a="1"/>
  <c r="D6816" i="2" s="1"/>
  <c r="D6802" i="2" a="1"/>
  <c r="D6802" i="2" s="1"/>
  <c r="D6810" i="2" a="1"/>
  <c r="D6810" i="2" s="1"/>
  <c r="D6814" i="2" a="1"/>
  <c r="D6814" i="2" s="1"/>
  <c r="D6822" i="2" a="1"/>
  <c r="D6822" i="2" s="1"/>
  <c r="D6805" i="2" a="1"/>
  <c r="D6805" i="2" s="1"/>
  <c r="D6817" i="2" a="1"/>
  <c r="D6817" i="2" s="1"/>
  <c r="D6821" i="2" a="1"/>
  <c r="D6821" i="2" s="1"/>
  <c r="D6825" i="2" a="1"/>
  <c r="D6825" i="2" s="1"/>
  <c r="D6806" i="2" a="1"/>
  <c r="D6806" i="2" s="1"/>
  <c r="D6818" i="2" a="1"/>
  <c r="D6818" i="2" s="1"/>
  <c r="D6813" i="2" a="1"/>
  <c r="D6813" i="2" s="1"/>
  <c r="D6808" i="2" a="1"/>
  <c r="D6808" i="2" s="1"/>
  <c r="D6812" i="2" a="1"/>
  <c r="D6812" i="2" s="1"/>
  <c r="D6809" i="2" a="1"/>
  <c r="D6809" i="2" s="1"/>
  <c r="D6804" i="2" a="1"/>
  <c r="D6804" i="2" s="1"/>
  <c r="D6820" i="2" a="1"/>
  <c r="D6820" i="2" s="1"/>
  <c r="D6824" i="2" a="1"/>
  <c r="D6824" i="2" s="1"/>
  <c r="D6803" i="2" a="1"/>
  <c r="D6803" i="2" s="1"/>
  <c r="D6807" i="2" a="1"/>
  <c r="D6807" i="2" s="1"/>
  <c r="D6811" i="2" a="1"/>
  <c r="D6811" i="2" s="1"/>
  <c r="D6815" i="2" a="1"/>
  <c r="D6815" i="2" s="1"/>
  <c r="D6819" i="2" a="1"/>
  <c r="D6819" i="2" s="1"/>
  <c r="D6823" i="2" a="1"/>
  <c r="D6823" i="2" s="1"/>
  <c r="E2835" i="2" a="1"/>
  <c r="E2835" i="2" s="1"/>
  <c r="E2829" i="2" a="1"/>
  <c r="E2829" i="2" s="1"/>
  <c r="E2819" i="2" a="1"/>
  <c r="E2819" i="2" s="1"/>
  <c r="E2840" i="2" a="1"/>
  <c r="E2840" i="2" s="1"/>
  <c r="E2830" i="2" a="1"/>
  <c r="E2830" i="2" s="1"/>
  <c r="E2839" i="2" a="1"/>
  <c r="E2839" i="2" s="1"/>
  <c r="E2836" i="2" a="1"/>
  <c r="E2836" i="2" s="1"/>
  <c r="E2831" i="2" a="1"/>
  <c r="E2831" i="2" s="1"/>
  <c r="E2826" i="2" a="1"/>
  <c r="E2826" i="2" s="1"/>
  <c r="E2833" i="2" a="1"/>
  <c r="E2833" i="2" s="1"/>
  <c r="E2827" i="2" a="1"/>
  <c r="E2827" i="2" s="1"/>
  <c r="E2834" i="2" a="1"/>
  <c r="E2834" i="2" s="1"/>
  <c r="E2818" i="2" a="1"/>
  <c r="E2818" i="2" s="1"/>
  <c r="E2837" i="2" a="1"/>
  <c r="E2837" i="2" s="1"/>
  <c r="E2828" i="2" a="1"/>
  <c r="E2828" i="2" s="1"/>
  <c r="E2822" i="2" a="1"/>
  <c r="E2822" i="2" s="1"/>
  <c r="E2821" i="2" a="1"/>
  <c r="E2821" i="2" s="1"/>
  <c r="E2832" i="2" a="1"/>
  <c r="E2832" i="2" s="1"/>
  <c r="E2820" i="2" a="1"/>
  <c r="E2820" i="2" s="1"/>
  <c r="E2823" i="2" a="1"/>
  <c r="E2823" i="2" s="1"/>
  <c r="E2824" i="2" a="1"/>
  <c r="E2824" i="2" s="1"/>
  <c r="E2838" i="2" a="1"/>
  <c r="E2838" i="2" s="1"/>
  <c r="E2825" i="2" a="1"/>
  <c r="E2825" i="2" s="1"/>
  <c r="E2841" i="2" a="1"/>
  <c r="E2841" i="2" s="1"/>
  <c r="F8179" i="2" a="1"/>
  <c r="F8179" i="2" s="1"/>
  <c r="F8170" i="2" a="1"/>
  <c r="F8170" i="2" s="1"/>
  <c r="F8180" i="2" a="1"/>
  <c r="F8180" i="2" s="1"/>
  <c r="F8182" i="2" a="1"/>
  <c r="F8182" i="2" s="1"/>
  <c r="F8174" i="2" a="1"/>
  <c r="F8174" i="2" s="1"/>
  <c r="F8183" i="2" a="1"/>
  <c r="F8183" i="2" s="1"/>
  <c r="F8187" i="2" a="1"/>
  <c r="F8187" i="2" s="1"/>
  <c r="F8185" i="2" a="1"/>
  <c r="F8185" i="2" s="1"/>
  <c r="F8178" i="2" a="1"/>
  <c r="F8178" i="2" s="1"/>
  <c r="F8191" i="2" a="1"/>
  <c r="F8191" i="2" s="1"/>
  <c r="F8171" i="2" a="1"/>
  <c r="F8171" i="2" s="1"/>
  <c r="F8172" i="2" a="1"/>
  <c r="F8172" i="2" s="1"/>
  <c r="F8189" i="2" a="1"/>
  <c r="F8189" i="2" s="1"/>
  <c r="F8192" i="2" a="1"/>
  <c r="F8192" i="2" s="1"/>
  <c r="F8193" i="2" a="1"/>
  <c r="F8193" i="2" s="1"/>
  <c r="F8175" i="2" a="1"/>
  <c r="F8175" i="2" s="1"/>
  <c r="F8173" i="2" a="1"/>
  <c r="F8173" i="2" s="1"/>
  <c r="F8176" i="2" a="1"/>
  <c r="F8176" i="2" s="1"/>
  <c r="F8186" i="2" a="1"/>
  <c r="F8186" i="2" s="1"/>
  <c r="F8181" i="2" a="1"/>
  <c r="F8181" i="2" s="1"/>
  <c r="F8190" i="2" a="1"/>
  <c r="F8190" i="2" s="1"/>
  <c r="F8177" i="2" a="1"/>
  <c r="F8177" i="2" s="1"/>
  <c r="F8188" i="2" a="1"/>
  <c r="F8188" i="2" s="1"/>
  <c r="F8184" i="2" a="1"/>
  <c r="F8184" i="2" s="1"/>
  <c r="H5165" i="2" a="1"/>
  <c r="H5165" i="2" s="1"/>
  <c r="H5168" i="2" a="1"/>
  <c r="H5168" i="2" s="1"/>
  <c r="H5166" i="2" a="1"/>
  <c r="H5166" i="2" s="1"/>
  <c r="H5167" i="2" a="1"/>
  <c r="H5167" i="2" s="1"/>
  <c r="H5160" i="2" a="1"/>
  <c r="H5160" i="2" s="1"/>
  <c r="H5146" i="2" a="1"/>
  <c r="H5146" i="2" s="1"/>
  <c r="H5169" i="2" a="1"/>
  <c r="H5169" i="2" s="1"/>
  <c r="H5149" i="2" a="1"/>
  <c r="H5149" i="2" s="1"/>
  <c r="H5150" i="2" a="1"/>
  <c r="H5150" i="2" s="1"/>
  <c r="H5163" i="2" a="1"/>
  <c r="H5163" i="2" s="1"/>
  <c r="H5155" i="2" a="1"/>
  <c r="H5155" i="2" s="1"/>
  <c r="H5164" i="2" a="1"/>
  <c r="H5164" i="2" s="1"/>
  <c r="H5159" i="2" a="1"/>
  <c r="H5159" i="2" s="1"/>
  <c r="H5147" i="2" a="1"/>
  <c r="H5147" i="2" s="1"/>
  <c r="H5157" i="2" a="1"/>
  <c r="H5157" i="2" s="1"/>
  <c r="H5162" i="2" a="1"/>
  <c r="H5162" i="2" s="1"/>
  <c r="H5148" i="2" a="1"/>
  <c r="H5148" i="2" s="1"/>
  <c r="H5154" i="2" a="1"/>
  <c r="H5154" i="2" s="1"/>
  <c r="H5156" i="2" a="1"/>
  <c r="H5156" i="2" s="1"/>
  <c r="H5158" i="2" a="1"/>
  <c r="H5158" i="2" s="1"/>
  <c r="H5151" i="2" a="1"/>
  <c r="H5151" i="2" s="1"/>
  <c r="H5161" i="2" a="1"/>
  <c r="H5161" i="2" s="1"/>
  <c r="H5152" i="2" a="1"/>
  <c r="H5152" i="2" s="1"/>
  <c r="H5153" i="2" a="1"/>
  <c r="H5153" i="2" s="1"/>
  <c r="E5586" i="2" a="1"/>
  <c r="E5586" i="2" s="1"/>
  <c r="E5597" i="2" a="1"/>
  <c r="E5597" i="2" s="1"/>
  <c r="E5578" i="2" a="1"/>
  <c r="E5578" i="2" s="1"/>
  <c r="E5595" i="2" a="1"/>
  <c r="E5595" i="2" s="1"/>
  <c r="E5596" i="2" a="1"/>
  <c r="E5596" i="2" s="1"/>
  <c r="E5580" i="2" a="1"/>
  <c r="E5580" i="2" s="1"/>
  <c r="E5587" i="2" a="1"/>
  <c r="E5587" i="2" s="1"/>
  <c r="E5599" i="2" a="1"/>
  <c r="E5599" i="2" s="1"/>
  <c r="E5600" i="2" a="1"/>
  <c r="E5600" i="2" s="1"/>
  <c r="E5592" i="2" a="1"/>
  <c r="E5592" i="2" s="1"/>
  <c r="E5589" i="2" a="1"/>
  <c r="E5589" i="2" s="1"/>
  <c r="E5594" i="2" a="1"/>
  <c r="E5594" i="2" s="1"/>
  <c r="E5590" i="2" a="1"/>
  <c r="E5590" i="2" s="1"/>
  <c r="E5585" i="2" a="1"/>
  <c r="E5585" i="2" s="1"/>
  <c r="E5591" i="2" a="1"/>
  <c r="E5591" i="2" s="1"/>
  <c r="E5582" i="2" a="1"/>
  <c r="E5582" i="2" s="1"/>
  <c r="E5583" i="2" a="1"/>
  <c r="E5583" i="2" s="1"/>
  <c r="E5588" i="2" a="1"/>
  <c r="E5588" i="2" s="1"/>
  <c r="E5593" i="2" a="1"/>
  <c r="E5593" i="2" s="1"/>
  <c r="E5581" i="2" a="1"/>
  <c r="E5581" i="2" s="1"/>
  <c r="E5579" i="2" a="1"/>
  <c r="E5579" i="2" s="1"/>
  <c r="E5601" i="2" a="1"/>
  <c r="E5601" i="2" s="1"/>
  <c r="E5584" i="2" a="1"/>
  <c r="E5584" i="2" s="1"/>
  <c r="E5598" i="2" a="1"/>
  <c r="E5598" i="2" s="1"/>
  <c r="E1993" i="2" a="1"/>
  <c r="E1993" i="2" s="1"/>
  <c r="E1998" i="2" a="1"/>
  <c r="E1998" i="2" s="1"/>
  <c r="E1989" i="2" a="1"/>
  <c r="E1989" i="2" s="1"/>
  <c r="E2000" i="2" a="1"/>
  <c r="E2000" i="2" s="1"/>
  <c r="E1978" i="2" a="1"/>
  <c r="E1978" i="2" s="1"/>
  <c r="E1990" i="2" a="1"/>
  <c r="E1990" i="2" s="1"/>
  <c r="E1995" i="2" a="1"/>
  <c r="E1995" i="2" s="1"/>
  <c r="E1980" i="2" a="1"/>
  <c r="E1980" i="2" s="1"/>
  <c r="E1996" i="2" a="1"/>
  <c r="E1996" i="2" s="1"/>
  <c r="E1992" i="2" a="1"/>
  <c r="E1992" i="2" s="1"/>
  <c r="E1985" i="2" a="1"/>
  <c r="E1985" i="2" s="1"/>
  <c r="E1997" i="2" a="1"/>
  <c r="E1997" i="2" s="1"/>
  <c r="E1991" i="2" a="1"/>
  <c r="E1991" i="2" s="1"/>
  <c r="E1986" i="2" a="1"/>
  <c r="E1986" i="2" s="1"/>
  <c r="E1982" i="2" a="1"/>
  <c r="E1982" i="2" s="1"/>
  <c r="E1979" i="2" a="1"/>
  <c r="E1979" i="2" s="1"/>
  <c r="E1981" i="2" a="1"/>
  <c r="E1981" i="2" s="1"/>
  <c r="E1983" i="2" a="1"/>
  <c r="E1983" i="2" s="1"/>
  <c r="E1988" i="2" a="1"/>
  <c r="E1988" i="2" s="1"/>
  <c r="E1994" i="2" a="1"/>
  <c r="E1994" i="2" s="1"/>
  <c r="E1984" i="2" a="1"/>
  <c r="E1984" i="2" s="1"/>
  <c r="E2001" i="2" a="1"/>
  <c r="E2001" i="2" s="1"/>
  <c r="E1987" i="2" a="1"/>
  <c r="E1987" i="2" s="1"/>
  <c r="E1999" i="2" a="1"/>
  <c r="E1999" i="2" s="1"/>
  <c r="H3071" i="2" a="1"/>
  <c r="H3071" i="2" s="1"/>
  <c r="H3058" i="2" a="1"/>
  <c r="H3058" i="2" s="1"/>
  <c r="H3066" i="2" a="1"/>
  <c r="H3066" i="2" s="1"/>
  <c r="H3059" i="2" a="1"/>
  <c r="H3059" i="2" s="1"/>
  <c r="H3061" i="2" a="1"/>
  <c r="H3061" i="2" s="1"/>
  <c r="H3077" i="2" a="1"/>
  <c r="H3077" i="2" s="1"/>
  <c r="H3080" i="2" a="1"/>
  <c r="H3080" i="2" s="1"/>
  <c r="H3076" i="2" a="1"/>
  <c r="H3076" i="2" s="1"/>
  <c r="H3081" i="2" a="1"/>
  <c r="H3081" i="2" s="1"/>
  <c r="H3062" i="2" a="1"/>
  <c r="H3062" i="2" s="1"/>
  <c r="H3070" i="2" a="1"/>
  <c r="H3070" i="2" s="1"/>
  <c r="H3068" i="2" a="1"/>
  <c r="H3068" i="2" s="1"/>
  <c r="H3073" i="2" a="1"/>
  <c r="H3073" i="2" s="1"/>
  <c r="H3065" i="2" a="1"/>
  <c r="H3065" i="2" s="1"/>
  <c r="H3079" i="2" a="1"/>
  <c r="H3079" i="2" s="1"/>
  <c r="H3060" i="2" a="1"/>
  <c r="H3060" i="2" s="1"/>
  <c r="H3063" i="2" a="1"/>
  <c r="H3063" i="2" s="1"/>
  <c r="H3064" i="2" a="1"/>
  <c r="H3064" i="2" s="1"/>
  <c r="H3072" i="2" a="1"/>
  <c r="H3072" i="2" s="1"/>
  <c r="H3069" i="2" a="1"/>
  <c r="H3069" i="2" s="1"/>
  <c r="H3074" i="2" a="1"/>
  <c r="H3074" i="2" s="1"/>
  <c r="H3075" i="2" a="1"/>
  <c r="H3075" i="2" s="1"/>
  <c r="H3067" i="2" a="1"/>
  <c r="H3067" i="2" s="1"/>
  <c r="H3078" i="2" a="1"/>
  <c r="H3078" i="2" s="1"/>
  <c r="G4778" i="2" a="1"/>
  <c r="G4778" i="2" s="1"/>
  <c r="G4783" i="2" a="1"/>
  <c r="G4783" i="2" s="1"/>
  <c r="G4780" i="2" a="1"/>
  <c r="G4780" i="2" s="1"/>
  <c r="G4763" i="2" a="1"/>
  <c r="G4763" i="2" s="1"/>
  <c r="G4766" i="2" a="1"/>
  <c r="G4766" i="2" s="1"/>
  <c r="G4764" i="2" a="1"/>
  <c r="G4764" i="2" s="1"/>
  <c r="G4779" i="2" a="1"/>
  <c r="G4779" i="2" s="1"/>
  <c r="G4782" i="2" a="1"/>
  <c r="G4782" i="2" s="1"/>
  <c r="G4765" i="2" a="1"/>
  <c r="G4765" i="2" s="1"/>
  <c r="G4770" i="2" a="1"/>
  <c r="G4770" i="2" s="1"/>
  <c r="G4769" i="2" a="1"/>
  <c r="G4769" i="2" s="1"/>
  <c r="G4776" i="2" a="1"/>
  <c r="G4776" i="2" s="1"/>
  <c r="G4781" i="2" a="1"/>
  <c r="G4781" i="2" s="1"/>
  <c r="G4784" i="2" a="1"/>
  <c r="G4784" i="2" s="1"/>
  <c r="G4777" i="2" a="1"/>
  <c r="G4777" i="2" s="1"/>
  <c r="G4772" i="2" a="1"/>
  <c r="G4772" i="2" s="1"/>
  <c r="G4774" i="2" a="1"/>
  <c r="G4774" i="2" s="1"/>
  <c r="G4785" i="2" a="1"/>
  <c r="G4785" i="2" s="1"/>
  <c r="G4768" i="2" a="1"/>
  <c r="G4768" i="2" s="1"/>
  <c r="G4775" i="2" a="1"/>
  <c r="G4775" i="2" s="1"/>
  <c r="G4771" i="2" a="1"/>
  <c r="G4771" i="2" s="1"/>
  <c r="G4773" i="2" a="1"/>
  <c r="G4773" i="2" s="1"/>
  <c r="G4762" i="2" a="1"/>
  <c r="G4762" i="2" s="1"/>
  <c r="G4767" i="2" a="1"/>
  <c r="G4767" i="2" s="1"/>
  <c r="H5684" i="2" a="1"/>
  <c r="H5684" i="2" s="1"/>
  <c r="H5675" i="2" a="1"/>
  <c r="H5675" i="2" s="1"/>
  <c r="H5685" i="2" a="1"/>
  <c r="H5685" i="2" s="1"/>
  <c r="H5691" i="2" a="1"/>
  <c r="H5691" i="2" s="1"/>
  <c r="H5692" i="2" a="1"/>
  <c r="H5692" i="2" s="1"/>
  <c r="H5681" i="2" a="1"/>
  <c r="H5681" i="2" s="1"/>
  <c r="H5677" i="2" a="1"/>
  <c r="H5677" i="2" s="1"/>
  <c r="H5689" i="2" a="1"/>
  <c r="H5689" i="2" s="1"/>
  <c r="H5696" i="2" a="1"/>
  <c r="H5696" i="2" s="1"/>
  <c r="H5688" i="2" a="1"/>
  <c r="H5688" i="2" s="1"/>
  <c r="H5686" i="2" a="1"/>
  <c r="H5686" i="2" s="1"/>
  <c r="H5687" i="2" a="1"/>
  <c r="H5687" i="2" s="1"/>
  <c r="H5690" i="2" a="1"/>
  <c r="H5690" i="2" s="1"/>
  <c r="H5697" i="2" a="1"/>
  <c r="H5697" i="2" s="1"/>
  <c r="H5680" i="2" a="1"/>
  <c r="H5680" i="2" s="1"/>
  <c r="H5694" i="2" a="1"/>
  <c r="H5694" i="2" s="1"/>
  <c r="H5693" i="2" a="1"/>
  <c r="H5693" i="2" s="1"/>
  <c r="H5695" i="2" a="1"/>
  <c r="H5695" i="2" s="1"/>
  <c r="H5676" i="2" a="1"/>
  <c r="H5676" i="2" s="1"/>
  <c r="H5683" i="2" a="1"/>
  <c r="H5683" i="2" s="1"/>
  <c r="H5682" i="2" a="1"/>
  <c r="H5682" i="2" s="1"/>
  <c r="H5678" i="2" a="1"/>
  <c r="H5678" i="2" s="1"/>
  <c r="H5679" i="2" a="1"/>
  <c r="H5679" i="2" s="1"/>
  <c r="H5674" i="2" a="1"/>
  <c r="H5674" i="2" s="1"/>
  <c r="AQ137" i="1"/>
  <c r="G143" i="5" s="1"/>
  <c r="AN137" i="1"/>
  <c r="D143" i="5" s="1"/>
  <c r="AO137" i="1"/>
  <c r="E143" i="5" s="1"/>
  <c r="AP137" i="1"/>
  <c r="F143" i="5" s="1"/>
  <c r="AM137" i="1"/>
  <c r="D3276" i="2" a="1"/>
  <c r="D3276" i="2" s="1"/>
  <c r="D3296" i="2" a="1"/>
  <c r="D3296" i="2" s="1"/>
  <c r="D3275" i="2" a="1"/>
  <c r="D3275" i="2" s="1"/>
  <c r="D3274" i="2" a="1"/>
  <c r="D3274" i="2" s="1"/>
  <c r="D3278" i="2" a="1"/>
  <c r="D3278" i="2" s="1"/>
  <c r="D3290" i="2" a="1"/>
  <c r="D3290" i="2" s="1"/>
  <c r="D3279" i="2" a="1"/>
  <c r="D3279" i="2" s="1"/>
  <c r="D3295" i="2" a="1"/>
  <c r="D3295" i="2" s="1"/>
  <c r="D3294" i="2" a="1"/>
  <c r="D3294" i="2" s="1"/>
  <c r="D3281" i="2" a="1"/>
  <c r="D3281" i="2" s="1"/>
  <c r="D3285" i="2" a="1"/>
  <c r="D3285" i="2" s="1"/>
  <c r="D3297" i="2" a="1"/>
  <c r="D3297" i="2" s="1"/>
  <c r="D3282" i="2" a="1"/>
  <c r="D3282" i="2" s="1"/>
  <c r="D3286" i="2" a="1"/>
  <c r="D3286" i="2" s="1"/>
  <c r="D3280" i="2" a="1"/>
  <c r="D3280" i="2" s="1"/>
  <c r="D3288" i="2" a="1"/>
  <c r="D3288" i="2" s="1"/>
  <c r="D3277" i="2" a="1"/>
  <c r="D3277" i="2" s="1"/>
  <c r="D3289" i="2" a="1"/>
  <c r="D3289" i="2" s="1"/>
  <c r="D3293" i="2" a="1"/>
  <c r="D3293" i="2" s="1"/>
  <c r="D3284" i="2" a="1"/>
  <c r="D3284" i="2" s="1"/>
  <c r="D3292" i="2" a="1"/>
  <c r="D3292" i="2" s="1"/>
  <c r="D3283" i="2" a="1"/>
  <c r="D3283" i="2" s="1"/>
  <c r="D3287" i="2" a="1"/>
  <c r="D3287" i="2" s="1"/>
  <c r="D3291" i="2" a="1"/>
  <c r="D3291" i="2" s="1"/>
  <c r="E2069" i="2" a="1"/>
  <c r="E2069" i="2" s="1"/>
  <c r="E2067" i="2" a="1"/>
  <c r="E2067" i="2" s="1"/>
  <c r="E2056" i="2" a="1"/>
  <c r="E2056" i="2" s="1"/>
  <c r="E2066" i="2" a="1"/>
  <c r="E2066" i="2" s="1"/>
  <c r="E2070" i="2" a="1"/>
  <c r="E2070" i="2" s="1"/>
  <c r="E2064" i="2" a="1"/>
  <c r="E2064" i="2" s="1"/>
  <c r="E2055" i="2" a="1"/>
  <c r="E2055" i="2" s="1"/>
  <c r="E2053" i="2" a="1"/>
  <c r="E2053" i="2" s="1"/>
  <c r="E2073" i="2" a="1"/>
  <c r="E2073" i="2" s="1"/>
  <c r="E2059" i="2" a="1"/>
  <c r="E2059" i="2" s="1"/>
  <c r="E2063" i="2" a="1"/>
  <c r="E2063" i="2" s="1"/>
  <c r="E2068" i="2" a="1"/>
  <c r="E2068" i="2" s="1"/>
  <c r="E2062" i="2" a="1"/>
  <c r="E2062" i="2" s="1"/>
  <c r="E2057" i="2" a="1"/>
  <c r="E2057" i="2" s="1"/>
  <c r="E2058" i="2" a="1"/>
  <c r="E2058" i="2" s="1"/>
  <c r="E2061" i="2" a="1"/>
  <c r="E2061" i="2" s="1"/>
  <c r="E2050" i="2" a="1"/>
  <c r="E2050" i="2" s="1"/>
  <c r="E2054" i="2" a="1"/>
  <c r="E2054" i="2" s="1"/>
  <c r="E2065" i="2" a="1"/>
  <c r="E2065" i="2" s="1"/>
  <c r="E2071" i="2" a="1"/>
  <c r="E2071" i="2" s="1"/>
  <c r="E2051" i="2" a="1"/>
  <c r="E2051" i="2" s="1"/>
  <c r="E2060" i="2" a="1"/>
  <c r="E2060" i="2" s="1"/>
  <c r="E2072" i="2" a="1"/>
  <c r="E2072" i="2" s="1"/>
  <c r="E2052" i="2" a="1"/>
  <c r="E2052" i="2" s="1"/>
  <c r="G1296" i="2" a="1"/>
  <c r="G1296" i="2" s="1"/>
  <c r="G1282" i="2" a="1"/>
  <c r="G1282" i="2" s="1"/>
  <c r="G1304" i="2" a="1"/>
  <c r="G1304" i="2" s="1"/>
  <c r="G1300" i="2" a="1"/>
  <c r="G1300" i="2" s="1"/>
  <c r="G1289" i="2" a="1"/>
  <c r="G1289" i="2" s="1"/>
  <c r="G1286" i="2" a="1"/>
  <c r="G1286" i="2" s="1"/>
  <c r="G1301" i="2" a="1"/>
  <c r="G1301" i="2" s="1"/>
  <c r="G1287" i="2" a="1"/>
  <c r="G1287" i="2" s="1"/>
  <c r="G1302" i="2" a="1"/>
  <c r="G1302" i="2" s="1"/>
  <c r="G1288" i="2" a="1"/>
  <c r="G1288" i="2" s="1"/>
  <c r="G1291" i="2" a="1"/>
  <c r="G1291" i="2" s="1"/>
  <c r="G1303" i="2" a="1"/>
  <c r="G1303" i="2" s="1"/>
  <c r="G1298" i="2" a="1"/>
  <c r="G1298" i="2" s="1"/>
  <c r="G1293" i="2" a="1"/>
  <c r="G1293" i="2" s="1"/>
  <c r="G1305" i="2" a="1"/>
  <c r="G1305" i="2" s="1"/>
  <c r="G1294" i="2" a="1"/>
  <c r="G1294" i="2" s="1"/>
  <c r="G1283" i="2" a="1"/>
  <c r="G1283" i="2" s="1"/>
  <c r="G1284" i="2" a="1"/>
  <c r="G1284" i="2" s="1"/>
  <c r="G1290" i="2" a="1"/>
  <c r="G1290" i="2" s="1"/>
  <c r="G1295" i="2" a="1"/>
  <c r="G1295" i="2" s="1"/>
  <c r="G1299" i="2" a="1"/>
  <c r="G1299" i="2" s="1"/>
  <c r="G1292" i="2" a="1"/>
  <c r="G1292" i="2" s="1"/>
  <c r="G1285" i="2" a="1"/>
  <c r="G1285" i="2" s="1"/>
  <c r="G1297" i="2" a="1"/>
  <c r="G1297" i="2" s="1"/>
  <c r="E4279" i="2" a="1"/>
  <c r="E4279" i="2" s="1"/>
  <c r="E4261" i="2" a="1"/>
  <c r="E4261" i="2" s="1"/>
  <c r="E4277" i="2" a="1"/>
  <c r="E4277" i="2" s="1"/>
  <c r="E4280" i="2" a="1"/>
  <c r="E4280" i="2" s="1"/>
  <c r="E4268" i="2" a="1"/>
  <c r="E4268" i="2" s="1"/>
  <c r="E4258" i="2" a="1"/>
  <c r="E4258" i="2" s="1"/>
  <c r="E4274" i="2" a="1"/>
  <c r="E4274" i="2" s="1"/>
  <c r="E4260" i="2" a="1"/>
  <c r="E4260" i="2" s="1"/>
  <c r="E4272" i="2" a="1"/>
  <c r="E4272" i="2" s="1"/>
  <c r="E4264" i="2" a="1"/>
  <c r="E4264" i="2" s="1"/>
  <c r="E4266" i="2" a="1"/>
  <c r="E4266" i="2" s="1"/>
  <c r="E4273" i="2" a="1"/>
  <c r="E4273" i="2" s="1"/>
  <c r="E4269" i="2" a="1"/>
  <c r="E4269" i="2" s="1"/>
  <c r="E4267" i="2" a="1"/>
  <c r="E4267" i="2" s="1"/>
  <c r="E4276" i="2" a="1"/>
  <c r="E4276" i="2" s="1"/>
  <c r="E4259" i="2" a="1"/>
  <c r="E4259" i="2" s="1"/>
  <c r="E4265" i="2" a="1"/>
  <c r="E4265" i="2" s="1"/>
  <c r="E4270" i="2" a="1"/>
  <c r="E4270" i="2" s="1"/>
  <c r="E4271" i="2" a="1"/>
  <c r="E4271" i="2" s="1"/>
  <c r="E4262" i="2" a="1"/>
  <c r="E4262" i="2" s="1"/>
  <c r="E4275" i="2" a="1"/>
  <c r="E4275" i="2" s="1"/>
  <c r="E4263" i="2" a="1"/>
  <c r="E4263" i="2" s="1"/>
  <c r="E4278" i="2" a="1"/>
  <c r="E4278" i="2" s="1"/>
  <c r="E4281" i="2" a="1"/>
  <c r="E4281" i="2" s="1"/>
  <c r="G6859" i="2" a="1"/>
  <c r="G6859" i="2" s="1"/>
  <c r="G6858" i="2" a="1"/>
  <c r="G6858" i="2" s="1"/>
  <c r="G6855" i="2" a="1"/>
  <c r="G6855" i="2" s="1"/>
  <c r="G6871" i="2" a="1"/>
  <c r="G6871" i="2" s="1"/>
  <c r="G6860" i="2" a="1"/>
  <c r="G6860" i="2" s="1"/>
  <c r="G6872" i="2" a="1"/>
  <c r="G6872" i="2" s="1"/>
  <c r="G6862" i="2" a="1"/>
  <c r="G6862" i="2" s="1"/>
  <c r="G6870" i="2" a="1"/>
  <c r="G6870" i="2" s="1"/>
  <c r="G6854" i="2" a="1"/>
  <c r="G6854" i="2" s="1"/>
  <c r="G6865" i="2" a="1"/>
  <c r="G6865" i="2" s="1"/>
  <c r="G6853" i="2" a="1"/>
  <c r="G6853" i="2" s="1"/>
  <c r="G6850" i="2" a="1"/>
  <c r="G6850" i="2" s="1"/>
  <c r="G6864" i="2" a="1"/>
  <c r="G6864" i="2" s="1"/>
  <c r="G6867" i="2" a="1"/>
  <c r="G6867" i="2" s="1"/>
  <c r="G6851" i="2" a="1"/>
  <c r="G6851" i="2" s="1"/>
  <c r="G6868" i="2" a="1"/>
  <c r="G6868" i="2" s="1"/>
  <c r="G6863" i="2" a="1"/>
  <c r="G6863" i="2" s="1"/>
  <c r="G6866" i="2" a="1"/>
  <c r="G6866" i="2" s="1"/>
  <c r="G6873" i="2" a="1"/>
  <c r="G6873" i="2" s="1"/>
  <c r="G6857" i="2" a="1"/>
  <c r="G6857" i="2" s="1"/>
  <c r="G6856" i="2" a="1"/>
  <c r="G6856" i="2" s="1"/>
  <c r="G6869" i="2" a="1"/>
  <c r="G6869" i="2" s="1"/>
  <c r="G6852" i="2" a="1"/>
  <c r="G6852" i="2" s="1"/>
  <c r="G6861" i="2" a="1"/>
  <c r="G6861" i="2" s="1"/>
  <c r="G1107" i="2" a="1"/>
  <c r="G1107" i="2" s="1"/>
  <c r="G1103" i="2" a="1"/>
  <c r="G1103" i="2" s="1"/>
  <c r="G1113" i="2" a="1"/>
  <c r="G1113" i="2" s="1"/>
  <c r="G1099" i="2" a="1"/>
  <c r="G1099" i="2" s="1"/>
  <c r="G1091" i="2" a="1"/>
  <c r="G1091" i="2" s="1"/>
  <c r="G1096" i="2" a="1"/>
  <c r="G1096" i="2" s="1"/>
  <c r="G1092" i="2" a="1"/>
  <c r="G1092" i="2" s="1"/>
  <c r="G1097" i="2" a="1"/>
  <c r="G1097" i="2" s="1"/>
  <c r="G1112" i="2" a="1"/>
  <c r="G1112" i="2" s="1"/>
  <c r="G1102" i="2" a="1"/>
  <c r="G1102" i="2" s="1"/>
  <c r="G1094" i="2" a="1"/>
  <c r="G1094" i="2" s="1"/>
  <c r="G1093" i="2" a="1"/>
  <c r="G1093" i="2" s="1"/>
  <c r="G1101" i="2" a="1"/>
  <c r="G1101" i="2" s="1"/>
  <c r="G1098" i="2" a="1"/>
  <c r="G1098" i="2" s="1"/>
  <c r="G1104" i="2" a="1"/>
  <c r="G1104" i="2" s="1"/>
  <c r="G1108" i="2" a="1"/>
  <c r="G1108" i="2" s="1"/>
  <c r="G1100" i="2" a="1"/>
  <c r="G1100" i="2" s="1"/>
  <c r="G1109" i="2" a="1"/>
  <c r="G1109" i="2" s="1"/>
  <c r="G1090" i="2" a="1"/>
  <c r="G1090" i="2" s="1"/>
  <c r="G1105" i="2" a="1"/>
  <c r="G1105" i="2" s="1"/>
  <c r="G1110" i="2" a="1"/>
  <c r="G1110" i="2" s="1"/>
  <c r="G1111" i="2" a="1"/>
  <c r="G1111" i="2" s="1"/>
  <c r="G1106" i="2" a="1"/>
  <c r="G1106" i="2" s="1"/>
  <c r="G1095" i="2" a="1"/>
  <c r="G1095" i="2" s="1"/>
  <c r="H2986" i="2" a="1"/>
  <c r="H2986" i="2" s="1"/>
  <c r="H2994" i="2" a="1"/>
  <c r="H2994" i="2" s="1"/>
  <c r="H3004" i="2" a="1"/>
  <c r="H3004" i="2" s="1"/>
  <c r="H2990" i="2" a="1"/>
  <c r="H2990" i="2" s="1"/>
  <c r="H2996" i="2" a="1"/>
  <c r="H2996" i="2" s="1"/>
  <c r="H3005" i="2" a="1"/>
  <c r="H3005" i="2" s="1"/>
  <c r="H3000" i="2" a="1"/>
  <c r="H3000" i="2" s="1"/>
  <c r="H2998" i="2" a="1"/>
  <c r="H2998" i="2" s="1"/>
  <c r="H3006" i="2" a="1"/>
  <c r="H3006" i="2" s="1"/>
  <c r="H2991" i="2" a="1"/>
  <c r="H2991" i="2" s="1"/>
  <c r="H2997" i="2" a="1"/>
  <c r="H2997" i="2" s="1"/>
  <c r="H3007" i="2" a="1"/>
  <c r="H3007" i="2" s="1"/>
  <c r="H2989" i="2" a="1"/>
  <c r="H2989" i="2" s="1"/>
  <c r="H2993" i="2" a="1"/>
  <c r="H2993" i="2" s="1"/>
  <c r="H2999" i="2" a="1"/>
  <c r="H2999" i="2" s="1"/>
  <c r="H3001" i="2" a="1"/>
  <c r="H3001" i="2" s="1"/>
  <c r="H2992" i="2" a="1"/>
  <c r="H2992" i="2" s="1"/>
  <c r="H3008" i="2" a="1"/>
  <c r="H3008" i="2" s="1"/>
  <c r="H2995" i="2" a="1"/>
  <c r="H2995" i="2" s="1"/>
  <c r="H2988" i="2" a="1"/>
  <c r="H2988" i="2" s="1"/>
  <c r="H3002" i="2" a="1"/>
  <c r="H3002" i="2" s="1"/>
  <c r="H3009" i="2" a="1"/>
  <c r="H3009" i="2" s="1"/>
  <c r="H2987" i="2" a="1"/>
  <c r="H2987" i="2" s="1"/>
  <c r="H3003" i="2" a="1"/>
  <c r="H3003" i="2" s="1"/>
  <c r="H4970" i="2" a="1"/>
  <c r="H4970" i="2" s="1"/>
  <c r="H4963" i="2" a="1"/>
  <c r="H4963" i="2" s="1"/>
  <c r="H4957" i="2" a="1"/>
  <c r="H4957" i="2" s="1"/>
  <c r="H4962" i="2" a="1"/>
  <c r="H4962" i="2" s="1"/>
  <c r="H4976" i="2" a="1"/>
  <c r="H4976" i="2" s="1"/>
  <c r="H4971" i="2" a="1"/>
  <c r="H4971" i="2" s="1"/>
  <c r="H4975" i="2" a="1"/>
  <c r="H4975" i="2" s="1"/>
  <c r="H4958" i="2" a="1"/>
  <c r="H4958" i="2" s="1"/>
  <c r="H4954" i="2" a="1"/>
  <c r="H4954" i="2" s="1"/>
  <c r="H4977" i="2" a="1"/>
  <c r="H4977" i="2" s="1"/>
  <c r="H4965" i="2" a="1"/>
  <c r="H4965" i="2" s="1"/>
  <c r="H4968" i="2" a="1"/>
  <c r="H4968" i="2" s="1"/>
  <c r="H4972" i="2" a="1"/>
  <c r="H4972" i="2" s="1"/>
  <c r="H4973" i="2" a="1"/>
  <c r="H4973" i="2" s="1"/>
  <c r="H4966" i="2" a="1"/>
  <c r="H4966" i="2" s="1"/>
  <c r="H4974" i="2" a="1"/>
  <c r="H4974" i="2" s="1"/>
  <c r="H4967" i="2" a="1"/>
  <c r="H4967" i="2" s="1"/>
  <c r="H4969" i="2" a="1"/>
  <c r="H4969" i="2" s="1"/>
  <c r="H4961" i="2" a="1"/>
  <c r="H4961" i="2" s="1"/>
  <c r="H4964" i="2" a="1"/>
  <c r="H4964" i="2" s="1"/>
  <c r="H4956" i="2" a="1"/>
  <c r="H4956" i="2" s="1"/>
  <c r="H4959" i="2" a="1"/>
  <c r="H4959" i="2" s="1"/>
  <c r="H4960" i="2" a="1"/>
  <c r="H4960" i="2" s="1"/>
  <c r="H4955" i="2" a="1"/>
  <c r="H4955" i="2" s="1"/>
  <c r="AN52" i="1"/>
  <c r="D58" i="5" s="1"/>
  <c r="AP52" i="1"/>
  <c r="F58" i="5" s="1"/>
  <c r="AQ52" i="1"/>
  <c r="G58" i="5" s="1"/>
  <c r="AO52" i="1"/>
  <c r="E58" i="5" s="1"/>
  <c r="AM52" i="1"/>
  <c r="D1257" i="2" a="1"/>
  <c r="D1257" i="2" s="1"/>
  <c r="D1234" i="2" a="1"/>
  <c r="D1234" i="2" s="1"/>
  <c r="D1249" i="2" a="1"/>
  <c r="D1249" i="2" s="1"/>
  <c r="D1244" i="2" a="1"/>
  <c r="D1244" i="2" s="1"/>
  <c r="D1248" i="2" a="1"/>
  <c r="D1248" i="2" s="1"/>
  <c r="D1252" i="2" a="1"/>
  <c r="D1252" i="2" s="1"/>
  <c r="D1256" i="2" a="1"/>
  <c r="D1256" i="2" s="1"/>
  <c r="D1237" i="2" a="1"/>
  <c r="D1237" i="2" s="1"/>
  <c r="D1240" i="2" a="1"/>
  <c r="D1240" i="2" s="1"/>
  <c r="D1239" i="2" a="1"/>
  <c r="D1239" i="2" s="1"/>
  <c r="D1243" i="2" a="1"/>
  <c r="D1243" i="2" s="1"/>
  <c r="D1247" i="2" a="1"/>
  <c r="D1247" i="2" s="1"/>
  <c r="D1251" i="2" a="1"/>
  <c r="D1251" i="2" s="1"/>
  <c r="D1255" i="2" a="1"/>
  <c r="D1255" i="2" s="1"/>
  <c r="D1236" i="2" a="1"/>
  <c r="D1236" i="2" s="1"/>
  <c r="D1238" i="2" a="1"/>
  <c r="D1238" i="2" s="1"/>
  <c r="D1242" i="2" a="1"/>
  <c r="D1242" i="2" s="1"/>
  <c r="D1246" i="2" a="1"/>
  <c r="D1246" i="2" s="1"/>
  <c r="D1250" i="2" a="1"/>
  <c r="D1250" i="2" s="1"/>
  <c r="D1241" i="2" a="1"/>
  <c r="D1241" i="2" s="1"/>
  <c r="D1245" i="2" a="1"/>
  <c r="D1245" i="2" s="1"/>
  <c r="D1253" i="2" a="1"/>
  <c r="D1253" i="2" s="1"/>
  <c r="D1254" i="2" a="1"/>
  <c r="D1254" i="2" s="1"/>
  <c r="D1235" i="2" a="1"/>
  <c r="D1235" i="2" s="1"/>
  <c r="G726" i="2" a="1"/>
  <c r="G726" i="2" s="1"/>
  <c r="G717" i="2" a="1"/>
  <c r="G717" i="2" s="1"/>
  <c r="G725" i="2" a="1"/>
  <c r="G725" i="2" s="1"/>
  <c r="G709" i="2" a="1"/>
  <c r="G709" i="2" s="1"/>
  <c r="G722" i="2" a="1"/>
  <c r="G722" i="2" s="1"/>
  <c r="G727" i="2" a="1"/>
  <c r="G727" i="2" s="1"/>
  <c r="G724" i="2" a="1"/>
  <c r="G724" i="2" s="1"/>
  <c r="G716" i="2" a="1"/>
  <c r="G716" i="2" s="1"/>
  <c r="G728" i="2" a="1"/>
  <c r="G728" i="2" s="1"/>
  <c r="G723" i="2" a="1"/>
  <c r="G723" i="2" s="1"/>
  <c r="G708" i="2" a="1"/>
  <c r="G708" i="2" s="1"/>
  <c r="G707" i="2" a="1"/>
  <c r="G707" i="2" s="1"/>
  <c r="G720" i="2" a="1"/>
  <c r="G720" i="2" s="1"/>
  <c r="G710" i="2" a="1"/>
  <c r="G710" i="2" s="1"/>
  <c r="G714" i="2" a="1"/>
  <c r="G714" i="2" s="1"/>
  <c r="G721" i="2" a="1"/>
  <c r="G721" i="2" s="1"/>
  <c r="G719" i="2" a="1"/>
  <c r="G719" i="2" s="1"/>
  <c r="G718" i="2" a="1"/>
  <c r="G718" i="2" s="1"/>
  <c r="G715" i="2" a="1"/>
  <c r="G715" i="2" s="1"/>
  <c r="G706" i="2" a="1"/>
  <c r="G706" i="2" s="1"/>
  <c r="G712" i="2" a="1"/>
  <c r="G712" i="2" s="1"/>
  <c r="G713" i="2" a="1"/>
  <c r="G713" i="2" s="1"/>
  <c r="G729" i="2" a="1"/>
  <c r="G729" i="2" s="1"/>
  <c r="G711" i="2" a="1"/>
  <c r="G711" i="2" s="1"/>
  <c r="E4602" i="2" a="1"/>
  <c r="E4602" i="2" s="1"/>
  <c r="E4610" i="2" a="1"/>
  <c r="E4610" i="2" s="1"/>
  <c r="E4604" i="2" a="1"/>
  <c r="E4604" i="2" s="1"/>
  <c r="E4595" i="2" a="1"/>
  <c r="E4595" i="2" s="1"/>
  <c r="E4605" i="2" a="1"/>
  <c r="E4605" i="2" s="1"/>
  <c r="E4603" i="2" a="1"/>
  <c r="E4603" i="2" s="1"/>
  <c r="E4606" i="2" a="1"/>
  <c r="E4606" i="2" s="1"/>
  <c r="E4612" i="2" a="1"/>
  <c r="E4612" i="2" s="1"/>
  <c r="E4613" i="2" a="1"/>
  <c r="E4613" i="2" s="1"/>
  <c r="E4597" i="2" a="1"/>
  <c r="E4597" i="2" s="1"/>
  <c r="E4598" i="2" a="1"/>
  <c r="E4598" i="2" s="1"/>
  <c r="E4614" i="2" a="1"/>
  <c r="E4614" i="2" s="1"/>
  <c r="E4594" i="2" a="1"/>
  <c r="E4594" i="2" s="1"/>
  <c r="E4599" i="2" a="1"/>
  <c r="E4599" i="2" s="1"/>
  <c r="E4616" i="2" a="1"/>
  <c r="E4616" i="2" s="1"/>
  <c r="E4615" i="2" a="1"/>
  <c r="E4615" i="2" s="1"/>
  <c r="E4600" i="2" a="1"/>
  <c r="E4600" i="2" s="1"/>
  <c r="E4617" i="2" a="1"/>
  <c r="E4617" i="2" s="1"/>
  <c r="E4611" i="2" a="1"/>
  <c r="E4611" i="2" s="1"/>
  <c r="E4607" i="2" a="1"/>
  <c r="E4607" i="2" s="1"/>
  <c r="E4596" i="2" a="1"/>
  <c r="E4596" i="2" s="1"/>
  <c r="E4608" i="2" a="1"/>
  <c r="E4608" i="2" s="1"/>
  <c r="E4601" i="2" a="1"/>
  <c r="E4601" i="2" s="1"/>
  <c r="E4609" i="2" a="1"/>
  <c r="E4609" i="2" s="1"/>
  <c r="F4000" i="2" a="1"/>
  <c r="F4000" i="2" s="1"/>
  <c r="F4008" i="2" a="1"/>
  <c r="F4008" i="2" s="1"/>
  <c r="F4016" i="2" a="1"/>
  <c r="F4016" i="2" s="1"/>
  <c r="F4003" i="2" a="1"/>
  <c r="F4003" i="2" s="1"/>
  <c r="F4001" i="2" a="1"/>
  <c r="F4001" i="2" s="1"/>
  <c r="F4017" i="2" a="1"/>
  <c r="F4017" i="2" s="1"/>
  <c r="F4013" i="2" a="1"/>
  <c r="F4013" i="2" s="1"/>
  <c r="F4005" i="2" a="1"/>
  <c r="F4005" i="2" s="1"/>
  <c r="F3994" i="2" a="1"/>
  <c r="F3994" i="2" s="1"/>
  <c r="F4014" i="2" a="1"/>
  <c r="F4014" i="2" s="1"/>
  <c r="F4006" i="2" a="1"/>
  <c r="F4006" i="2" s="1"/>
  <c r="F4012" i="2" a="1"/>
  <c r="F4012" i="2" s="1"/>
  <c r="F4002" i="2" a="1"/>
  <c r="F4002" i="2" s="1"/>
  <c r="F4007" i="2" a="1"/>
  <c r="F4007" i="2" s="1"/>
  <c r="F4009" i="2" a="1"/>
  <c r="F4009" i="2" s="1"/>
  <c r="F3995" i="2" a="1"/>
  <c r="F3995" i="2" s="1"/>
  <c r="F3998" i="2" a="1"/>
  <c r="F3998" i="2" s="1"/>
  <c r="F3999" i="2" a="1"/>
  <c r="F3999" i="2" s="1"/>
  <c r="F4015" i="2" a="1"/>
  <c r="F4015" i="2" s="1"/>
  <c r="F4011" i="2" a="1"/>
  <c r="F4011" i="2" s="1"/>
  <c r="F3996" i="2" a="1"/>
  <c r="F3996" i="2" s="1"/>
  <c r="F3997" i="2" a="1"/>
  <c r="F3997" i="2" s="1"/>
  <c r="F4004" i="2" a="1"/>
  <c r="F4004" i="2" s="1"/>
  <c r="F4010" i="2" a="1"/>
  <c r="F4010" i="2" s="1"/>
  <c r="E1265" i="2" a="1"/>
  <c r="E1265" i="2" s="1"/>
  <c r="E1280" i="2" a="1"/>
  <c r="E1280" i="2" s="1"/>
  <c r="E1271" i="2" a="1"/>
  <c r="E1271" i="2" s="1"/>
  <c r="E1279" i="2" a="1"/>
  <c r="E1279" i="2" s="1"/>
  <c r="E1272" i="2" a="1"/>
  <c r="E1272" i="2" s="1"/>
  <c r="E1281" i="2" a="1"/>
  <c r="E1281" i="2" s="1"/>
  <c r="E1269" i="2" a="1"/>
  <c r="E1269" i="2" s="1"/>
  <c r="E1258" i="2" a="1"/>
  <c r="E1258" i="2" s="1"/>
  <c r="E1266" i="2" a="1"/>
  <c r="E1266" i="2" s="1"/>
  <c r="E1277" i="2" a="1"/>
  <c r="E1277" i="2" s="1"/>
  <c r="E1260" i="2" a="1"/>
  <c r="E1260" i="2" s="1"/>
  <c r="E1262" i="2" a="1"/>
  <c r="E1262" i="2" s="1"/>
  <c r="E1275" i="2" a="1"/>
  <c r="E1275" i="2" s="1"/>
  <c r="E1276" i="2" a="1"/>
  <c r="E1276" i="2" s="1"/>
  <c r="E1270" i="2" a="1"/>
  <c r="E1270" i="2" s="1"/>
  <c r="E1264" i="2" a="1"/>
  <c r="E1264" i="2" s="1"/>
  <c r="E1261" i="2" a="1"/>
  <c r="E1261" i="2" s="1"/>
  <c r="E1263" i="2" a="1"/>
  <c r="E1263" i="2" s="1"/>
  <c r="E1268" i="2" a="1"/>
  <c r="E1268" i="2" s="1"/>
  <c r="E1274" i="2" a="1"/>
  <c r="E1274" i="2" s="1"/>
  <c r="E1259" i="2" a="1"/>
  <c r="E1259" i="2" s="1"/>
  <c r="E1278" i="2" a="1"/>
  <c r="E1278" i="2" s="1"/>
  <c r="E1267" i="2" a="1"/>
  <c r="E1267" i="2" s="1"/>
  <c r="E1273" i="2" a="1"/>
  <c r="E1273" i="2" s="1"/>
  <c r="H5846" i="2" a="1"/>
  <c r="H5846" i="2" s="1"/>
  <c r="H5863" i="2" a="1"/>
  <c r="H5863" i="2" s="1"/>
  <c r="H5844" i="2" a="1"/>
  <c r="H5844" i="2" s="1"/>
  <c r="H5847" i="2" a="1"/>
  <c r="H5847" i="2" s="1"/>
  <c r="H5852" i="2" a="1"/>
  <c r="H5852" i="2" s="1"/>
  <c r="H5845" i="2" a="1"/>
  <c r="H5845" i="2" s="1"/>
  <c r="H5842" i="2" a="1"/>
  <c r="H5842" i="2" s="1"/>
  <c r="H5854" i="2" a="1"/>
  <c r="H5854" i="2" s="1"/>
  <c r="H5865" i="2" a="1"/>
  <c r="H5865" i="2" s="1"/>
  <c r="H5850" i="2" a="1"/>
  <c r="H5850" i="2" s="1"/>
  <c r="H5861" i="2" a="1"/>
  <c r="H5861" i="2" s="1"/>
  <c r="H5858" i="2" a="1"/>
  <c r="H5858" i="2" s="1"/>
  <c r="H5851" i="2" a="1"/>
  <c r="H5851" i="2" s="1"/>
  <c r="H5843" i="2" a="1"/>
  <c r="H5843" i="2" s="1"/>
  <c r="H5862" i="2" a="1"/>
  <c r="H5862" i="2" s="1"/>
  <c r="H5855" i="2" a="1"/>
  <c r="H5855" i="2" s="1"/>
  <c r="H5849" i="2" a="1"/>
  <c r="H5849" i="2" s="1"/>
  <c r="H5864" i="2" a="1"/>
  <c r="H5864" i="2" s="1"/>
  <c r="H5856" i="2" a="1"/>
  <c r="H5856" i="2" s="1"/>
  <c r="H5857" i="2" a="1"/>
  <c r="H5857" i="2" s="1"/>
  <c r="H5860" i="2" a="1"/>
  <c r="H5860" i="2" s="1"/>
  <c r="H5859" i="2" a="1"/>
  <c r="H5859" i="2" s="1"/>
  <c r="H5853" i="2" a="1"/>
  <c r="H5853" i="2" s="1"/>
  <c r="H5848" i="2" a="1"/>
  <c r="H5848" i="2" s="1"/>
  <c r="AN304" i="1"/>
  <c r="D310" i="5" s="1"/>
  <c r="AO304" i="1"/>
  <c r="E310" i="5" s="1"/>
  <c r="AP304" i="1"/>
  <c r="F310" i="5" s="1"/>
  <c r="AQ304" i="1"/>
  <c r="G310" i="5" s="1"/>
  <c r="AM304" i="1"/>
  <c r="D7296" i="2" a="1"/>
  <c r="D7296" i="2" s="1"/>
  <c r="D7285" i="2" a="1"/>
  <c r="D7285" i="2" s="1"/>
  <c r="D7292" i="2" a="1"/>
  <c r="D7292" i="2" s="1"/>
  <c r="D7299" i="2" a="1"/>
  <c r="D7299" i="2" s="1"/>
  <c r="D7286" i="2" a="1"/>
  <c r="D7286" i="2" s="1"/>
  <c r="D7302" i="2" a="1"/>
  <c r="D7302" i="2" s="1"/>
  <c r="D7288" i="2" a="1"/>
  <c r="D7288" i="2" s="1"/>
  <c r="D7295" i="2" a="1"/>
  <c r="D7295" i="2" s="1"/>
  <c r="D7284" i="2" a="1"/>
  <c r="D7284" i="2" s="1"/>
  <c r="D7291" i="2" a="1"/>
  <c r="D7291" i="2" s="1"/>
  <c r="D7305" i="2" a="1"/>
  <c r="D7305" i="2" s="1"/>
  <c r="D7301" i="2" a="1"/>
  <c r="D7301" i="2" s="1"/>
  <c r="D7287" i="2" a="1"/>
  <c r="D7287" i="2" s="1"/>
  <c r="D7290" i="2" a="1"/>
  <c r="D7290" i="2" s="1"/>
  <c r="D7297" i="2" a="1"/>
  <c r="D7297" i="2" s="1"/>
  <c r="D7283" i="2" a="1"/>
  <c r="D7283" i="2" s="1"/>
  <c r="D7294" i="2" a="1"/>
  <c r="D7294" i="2" s="1"/>
  <c r="D7298" i="2" a="1"/>
  <c r="D7298" i="2" s="1"/>
  <c r="D7293" i="2" a="1"/>
  <c r="D7293" i="2" s="1"/>
  <c r="D7300" i="2" a="1"/>
  <c r="D7300" i="2" s="1"/>
  <c r="D7304" i="2" a="1"/>
  <c r="D7304" i="2" s="1"/>
  <c r="D7282" i="2" a="1"/>
  <c r="D7282" i="2" s="1"/>
  <c r="D7289" i="2" a="1"/>
  <c r="D7289" i="2" s="1"/>
  <c r="D7303" i="2" a="1"/>
  <c r="D7303" i="2" s="1"/>
  <c r="H6304" i="2" a="1"/>
  <c r="H6304" i="2" s="1"/>
  <c r="H6310" i="2" a="1"/>
  <c r="H6310" i="2" s="1"/>
  <c r="H6320" i="2" a="1"/>
  <c r="H6320" i="2" s="1"/>
  <c r="H6302" i="2" a="1"/>
  <c r="H6302" i="2" s="1"/>
  <c r="H6306" i="2" a="1"/>
  <c r="H6306" i="2" s="1"/>
  <c r="H6311" i="2" a="1"/>
  <c r="H6311" i="2" s="1"/>
  <c r="H6309" i="2" a="1"/>
  <c r="H6309" i="2" s="1"/>
  <c r="H6316" i="2" a="1"/>
  <c r="H6316" i="2" s="1"/>
  <c r="H6298" i="2" a="1"/>
  <c r="H6298" i="2" s="1"/>
  <c r="H6318" i="2" a="1"/>
  <c r="H6318" i="2" s="1"/>
  <c r="H6321" i="2" a="1"/>
  <c r="H6321" i="2" s="1"/>
  <c r="H6312" i="2" a="1"/>
  <c r="H6312" i="2" s="1"/>
  <c r="H6301" i="2" a="1"/>
  <c r="H6301" i="2" s="1"/>
  <c r="H6303" i="2" a="1"/>
  <c r="H6303" i="2" s="1"/>
  <c r="H6313" i="2" a="1"/>
  <c r="H6313" i="2" s="1"/>
  <c r="H6319" i="2" a="1"/>
  <c r="H6319" i="2" s="1"/>
  <c r="H6299" i="2" a="1"/>
  <c r="H6299" i="2" s="1"/>
  <c r="H6314" i="2" a="1"/>
  <c r="H6314" i="2" s="1"/>
  <c r="H6315" i="2" a="1"/>
  <c r="H6315" i="2" s="1"/>
  <c r="H6300" i="2" a="1"/>
  <c r="H6300" i="2" s="1"/>
  <c r="H6305" i="2" a="1"/>
  <c r="H6305" i="2" s="1"/>
  <c r="H6307" i="2" a="1"/>
  <c r="H6307" i="2" s="1"/>
  <c r="H6308" i="2" a="1"/>
  <c r="H6308" i="2" s="1"/>
  <c r="H6317" i="2" a="1"/>
  <c r="H6317" i="2" s="1"/>
  <c r="F4142" i="2" a="1"/>
  <c r="F4142" i="2" s="1"/>
  <c r="F4149" i="2" a="1"/>
  <c r="F4149" i="2" s="1"/>
  <c r="F4138" i="2" a="1"/>
  <c r="F4138" i="2" s="1"/>
  <c r="F4160" i="2" a="1"/>
  <c r="F4160" i="2" s="1"/>
  <c r="F4150" i="2" a="1"/>
  <c r="F4150" i="2" s="1"/>
  <c r="F4154" i="2" a="1"/>
  <c r="F4154" i="2" s="1"/>
  <c r="F4143" i="2" a="1"/>
  <c r="F4143" i="2" s="1"/>
  <c r="F4151" i="2" a="1"/>
  <c r="F4151" i="2" s="1"/>
  <c r="F4156" i="2" a="1"/>
  <c r="F4156" i="2" s="1"/>
  <c r="F4146" i="2" a="1"/>
  <c r="F4146" i="2" s="1"/>
  <c r="F4145" i="2" a="1"/>
  <c r="F4145" i="2" s="1"/>
  <c r="F4158" i="2" a="1"/>
  <c r="F4158" i="2" s="1"/>
  <c r="F4148" i="2" a="1"/>
  <c r="F4148" i="2" s="1"/>
  <c r="F4140" i="2" a="1"/>
  <c r="F4140" i="2" s="1"/>
  <c r="F4159" i="2" a="1"/>
  <c r="F4159" i="2" s="1"/>
  <c r="F4152" i="2" a="1"/>
  <c r="F4152" i="2" s="1"/>
  <c r="F4139" i="2" a="1"/>
  <c r="F4139" i="2" s="1"/>
  <c r="F4157" i="2" a="1"/>
  <c r="F4157" i="2" s="1"/>
  <c r="F4161" i="2" a="1"/>
  <c r="F4161" i="2" s="1"/>
  <c r="F4144" i="2" a="1"/>
  <c r="F4144" i="2" s="1"/>
  <c r="F4147" i="2" a="1"/>
  <c r="F4147" i="2" s="1"/>
  <c r="F4153" i="2" a="1"/>
  <c r="F4153" i="2" s="1"/>
  <c r="F4155" i="2" a="1"/>
  <c r="F4155" i="2" s="1"/>
  <c r="F4141" i="2" a="1"/>
  <c r="F4141" i="2" s="1"/>
  <c r="E8451" i="2" a="1"/>
  <c r="E8451" i="2" s="1"/>
  <c r="E8443" i="2" a="1"/>
  <c r="E8443" i="2" s="1"/>
  <c r="E8437" i="2" a="1"/>
  <c r="E8437" i="2" s="1"/>
  <c r="E8444" i="2" a="1"/>
  <c r="E8444" i="2" s="1"/>
  <c r="E8435" i="2" a="1"/>
  <c r="E8435" i="2" s="1"/>
  <c r="E8452" i="2" a="1"/>
  <c r="E8452" i="2" s="1"/>
  <c r="E8453" i="2" a="1"/>
  <c r="E8453" i="2" s="1"/>
  <c r="E8440" i="2" a="1"/>
  <c r="E8440" i="2" s="1"/>
  <c r="E8438" i="2" a="1"/>
  <c r="E8438" i="2" s="1"/>
  <c r="E8456" i="2" a="1"/>
  <c r="E8456" i="2" s="1"/>
  <c r="E8434" i="2" a="1"/>
  <c r="E8434" i="2" s="1"/>
  <c r="E8447" i="2" a="1"/>
  <c r="E8447" i="2" s="1"/>
  <c r="E8455" i="2" a="1"/>
  <c r="E8455" i="2" s="1"/>
  <c r="E8445" i="2" a="1"/>
  <c r="E8445" i="2" s="1"/>
  <c r="E8449" i="2" a="1"/>
  <c r="E8449" i="2" s="1"/>
  <c r="E8446" i="2" a="1"/>
  <c r="E8446" i="2" s="1"/>
  <c r="E8454" i="2" a="1"/>
  <c r="E8454" i="2" s="1"/>
  <c r="E8441" i="2" a="1"/>
  <c r="E8441" i="2" s="1"/>
  <c r="E8439" i="2" a="1"/>
  <c r="E8439" i="2" s="1"/>
  <c r="E8450" i="2" a="1"/>
  <c r="E8450" i="2" s="1"/>
  <c r="E8457" i="2" a="1"/>
  <c r="E8457" i="2" s="1"/>
  <c r="E8442" i="2" a="1"/>
  <c r="E8442" i="2" s="1"/>
  <c r="E8448" i="2" a="1"/>
  <c r="E8448" i="2" s="1"/>
  <c r="E8436" i="2" a="1"/>
  <c r="E8436" i="2" s="1"/>
  <c r="H4563" i="2" a="1"/>
  <c r="H4563" i="2" s="1"/>
  <c r="H4556" i="2" a="1"/>
  <c r="H4556" i="2" s="1"/>
  <c r="H4555" i="2" a="1"/>
  <c r="H4555" i="2" s="1"/>
  <c r="H4562" i="2" a="1"/>
  <c r="H4562" i="2" s="1"/>
  <c r="H4557" i="2" a="1"/>
  <c r="H4557" i="2" s="1"/>
  <c r="H4546" i="2" a="1"/>
  <c r="H4546" i="2" s="1"/>
  <c r="H4559" i="2" a="1"/>
  <c r="H4559" i="2" s="1"/>
  <c r="H4567" i="2" a="1"/>
  <c r="H4567" i="2" s="1"/>
  <c r="H4547" i="2" a="1"/>
  <c r="H4547" i="2" s="1"/>
  <c r="H4549" i="2" a="1"/>
  <c r="H4549" i="2" s="1"/>
  <c r="H4548" i="2" a="1"/>
  <c r="H4548" i="2" s="1"/>
  <c r="H4561" i="2" a="1"/>
  <c r="H4561" i="2" s="1"/>
  <c r="H4564" i="2" a="1"/>
  <c r="H4564" i="2" s="1"/>
  <c r="H4553" i="2" a="1"/>
  <c r="H4553" i="2" s="1"/>
  <c r="H4550" i="2" a="1"/>
  <c r="H4550" i="2" s="1"/>
  <c r="H4569" i="2" a="1"/>
  <c r="H4569" i="2" s="1"/>
  <c r="H4568" i="2" a="1"/>
  <c r="H4568" i="2" s="1"/>
  <c r="H4552" i="2" a="1"/>
  <c r="H4552" i="2" s="1"/>
  <c r="H4560" i="2" a="1"/>
  <c r="H4560" i="2" s="1"/>
  <c r="H4565" i="2" a="1"/>
  <c r="H4565" i="2" s="1"/>
  <c r="H4558" i="2" a="1"/>
  <c r="H4558" i="2" s="1"/>
  <c r="H4551" i="2" a="1"/>
  <c r="H4551" i="2" s="1"/>
  <c r="H4554" i="2" a="1"/>
  <c r="H4554" i="2" s="1"/>
  <c r="H4566" i="2" a="1"/>
  <c r="H4566" i="2" s="1"/>
  <c r="F5537" i="2" a="1"/>
  <c r="F5537" i="2" s="1"/>
  <c r="F5543" i="2" a="1"/>
  <c r="F5543" i="2" s="1"/>
  <c r="F5546" i="2" a="1"/>
  <c r="F5546" i="2" s="1"/>
  <c r="F5538" i="2" a="1"/>
  <c r="F5538" i="2" s="1"/>
  <c r="F5553" i="2" a="1"/>
  <c r="F5553" i="2" s="1"/>
  <c r="F5539" i="2" a="1"/>
  <c r="F5539" i="2" s="1"/>
  <c r="F5551" i="2" a="1"/>
  <c r="F5551" i="2" s="1"/>
  <c r="F5530" i="2" a="1"/>
  <c r="F5530" i="2" s="1"/>
  <c r="F5540" i="2" a="1"/>
  <c r="F5540" i="2" s="1"/>
  <c r="F5542" i="2" a="1"/>
  <c r="F5542" i="2" s="1"/>
  <c r="F5550" i="2" a="1"/>
  <c r="F5550" i="2" s="1"/>
  <c r="F5552" i="2" a="1"/>
  <c r="F5552" i="2" s="1"/>
  <c r="F5532" i="2" a="1"/>
  <c r="F5532" i="2" s="1"/>
  <c r="F5549" i="2" a="1"/>
  <c r="F5549" i="2" s="1"/>
  <c r="F5533" i="2" a="1"/>
  <c r="F5533" i="2" s="1"/>
  <c r="F5545" i="2" a="1"/>
  <c r="F5545" i="2" s="1"/>
  <c r="F5536" i="2" a="1"/>
  <c r="F5536" i="2" s="1"/>
  <c r="F5541" i="2" a="1"/>
  <c r="F5541" i="2" s="1"/>
  <c r="F5535" i="2" a="1"/>
  <c r="F5535" i="2" s="1"/>
  <c r="F5544" i="2" a="1"/>
  <c r="F5544" i="2" s="1"/>
  <c r="F5548" i="2" a="1"/>
  <c r="F5548" i="2" s="1"/>
  <c r="F5547" i="2" a="1"/>
  <c r="F5547" i="2" s="1"/>
  <c r="F5531" i="2" a="1"/>
  <c r="F5531" i="2" s="1"/>
  <c r="F5534" i="2" a="1"/>
  <c r="F5534" i="2" s="1"/>
  <c r="H6749" i="2" a="1"/>
  <c r="H6749" i="2" s="1"/>
  <c r="H6741" i="2" a="1"/>
  <c r="H6741" i="2" s="1"/>
  <c r="H6750" i="2" a="1"/>
  <c r="H6750" i="2" s="1"/>
  <c r="H6753" i="2" a="1"/>
  <c r="H6753" i="2" s="1"/>
  <c r="H6747" i="2" a="1"/>
  <c r="H6747" i="2" s="1"/>
  <c r="H6744" i="2" a="1"/>
  <c r="H6744" i="2" s="1"/>
  <c r="H6731" i="2" a="1"/>
  <c r="H6731" i="2" s="1"/>
  <c r="H6733" i="2" a="1"/>
  <c r="H6733" i="2" s="1"/>
  <c r="H6745" i="2" a="1"/>
  <c r="H6745" i="2" s="1"/>
  <c r="H6734" i="2" a="1"/>
  <c r="H6734" i="2" s="1"/>
  <c r="H6735" i="2" a="1"/>
  <c r="H6735" i="2" s="1"/>
  <c r="H6746" i="2" a="1"/>
  <c r="H6746" i="2" s="1"/>
  <c r="H6730" i="2" a="1"/>
  <c r="H6730" i="2" s="1"/>
  <c r="H6738" i="2" a="1"/>
  <c r="H6738" i="2" s="1"/>
  <c r="H6742" i="2" a="1"/>
  <c r="H6742" i="2" s="1"/>
  <c r="H6743" i="2" a="1"/>
  <c r="H6743" i="2" s="1"/>
  <c r="H6751" i="2" a="1"/>
  <c r="H6751" i="2" s="1"/>
  <c r="H6736" i="2" a="1"/>
  <c r="H6736" i="2" s="1"/>
  <c r="H6740" i="2" a="1"/>
  <c r="H6740" i="2" s="1"/>
  <c r="H6737" i="2" a="1"/>
  <c r="H6737" i="2" s="1"/>
  <c r="H6752" i="2" a="1"/>
  <c r="H6752" i="2" s="1"/>
  <c r="H6732" i="2" a="1"/>
  <c r="H6732" i="2" s="1"/>
  <c r="H6748" i="2" a="1"/>
  <c r="H6748" i="2" s="1"/>
  <c r="H6739" i="2" a="1"/>
  <c r="H6739" i="2" s="1"/>
  <c r="H8729" i="2" a="1"/>
  <c r="H8729" i="2" s="1"/>
  <c r="H8726" i="2" a="1"/>
  <c r="H8726" i="2" s="1"/>
  <c r="H8724" i="2" a="1"/>
  <c r="H8724" i="2" s="1"/>
  <c r="H8745" i="2" a="1"/>
  <c r="H8745" i="2" s="1"/>
  <c r="H8734" i="2" a="1"/>
  <c r="H8734" i="2" s="1"/>
  <c r="H8727" i="2" a="1"/>
  <c r="H8727" i="2" s="1"/>
  <c r="H8730" i="2" a="1"/>
  <c r="H8730" i="2" s="1"/>
  <c r="H8737" i="2" a="1"/>
  <c r="H8737" i="2" s="1"/>
  <c r="H8740" i="2" a="1"/>
  <c r="H8740" i="2" s="1"/>
  <c r="H8725" i="2" a="1"/>
  <c r="H8725" i="2" s="1"/>
  <c r="H8741" i="2" a="1"/>
  <c r="H8741" i="2" s="1"/>
  <c r="H8733" i="2" a="1"/>
  <c r="H8733" i="2" s="1"/>
  <c r="H8735" i="2" a="1"/>
  <c r="H8735" i="2" s="1"/>
  <c r="H8731" i="2" a="1"/>
  <c r="H8731" i="2" s="1"/>
  <c r="H8736" i="2" a="1"/>
  <c r="H8736" i="2" s="1"/>
  <c r="H8744" i="2" a="1"/>
  <c r="H8744" i="2" s="1"/>
  <c r="H8722" i="2" a="1"/>
  <c r="H8722" i="2" s="1"/>
  <c r="H8738" i="2" a="1"/>
  <c r="H8738" i="2" s="1"/>
  <c r="H8739" i="2" a="1"/>
  <c r="H8739" i="2" s="1"/>
  <c r="H8742" i="2" a="1"/>
  <c r="H8742" i="2" s="1"/>
  <c r="H8723" i="2" a="1"/>
  <c r="H8723" i="2" s="1"/>
  <c r="H8743" i="2" a="1"/>
  <c r="H8743" i="2" s="1"/>
  <c r="H8732" i="2" a="1"/>
  <c r="H8732" i="2" s="1"/>
  <c r="H8728" i="2" a="1"/>
  <c r="H8728" i="2" s="1"/>
  <c r="F1205" i="2" a="1"/>
  <c r="F1205" i="2" s="1"/>
  <c r="F1197" i="2" a="1"/>
  <c r="F1197" i="2" s="1"/>
  <c r="F1187" i="2" a="1"/>
  <c r="F1187" i="2" s="1"/>
  <c r="F1192" i="2" a="1"/>
  <c r="F1192" i="2" s="1"/>
  <c r="F1209" i="2" a="1"/>
  <c r="F1209" i="2" s="1"/>
  <c r="F1207" i="2" a="1"/>
  <c r="F1207" i="2" s="1"/>
  <c r="F1198" i="2" a="1"/>
  <c r="F1198" i="2" s="1"/>
  <c r="F1189" i="2" a="1"/>
  <c r="F1189" i="2" s="1"/>
  <c r="F1208" i="2" a="1"/>
  <c r="F1208" i="2" s="1"/>
  <c r="F1199" i="2" a="1"/>
  <c r="F1199" i="2" s="1"/>
  <c r="F1204" i="2" a="1"/>
  <c r="F1204" i="2" s="1"/>
  <c r="F1200" i="2" a="1"/>
  <c r="F1200" i="2" s="1"/>
  <c r="F1206" i="2" a="1"/>
  <c r="F1206" i="2" s="1"/>
  <c r="F1188" i="2" a="1"/>
  <c r="F1188" i="2" s="1"/>
  <c r="F1203" i="2" a="1"/>
  <c r="F1203" i="2" s="1"/>
  <c r="F1196" i="2" a="1"/>
  <c r="F1196" i="2" s="1"/>
  <c r="F1202" i="2" a="1"/>
  <c r="F1202" i="2" s="1"/>
  <c r="F1201" i="2" a="1"/>
  <c r="F1201" i="2" s="1"/>
  <c r="F1190" i="2" a="1"/>
  <c r="F1190" i="2" s="1"/>
  <c r="F1186" i="2" a="1"/>
  <c r="F1186" i="2" s="1"/>
  <c r="F1191" i="2" a="1"/>
  <c r="F1191" i="2" s="1"/>
  <c r="F1194" i="2" a="1"/>
  <c r="F1194" i="2" s="1"/>
  <c r="F1195" i="2" a="1"/>
  <c r="F1195" i="2" s="1"/>
  <c r="F1193" i="2" a="1"/>
  <c r="F1193" i="2" s="1"/>
  <c r="E6242" i="2" a="1"/>
  <c r="E6242" i="2" s="1"/>
  <c r="E6247" i="2" a="1"/>
  <c r="E6247" i="2" s="1"/>
  <c r="E6248" i="2" a="1"/>
  <c r="E6248" i="2" s="1"/>
  <c r="E6244" i="2" a="1"/>
  <c r="E6244" i="2" s="1"/>
  <c r="E6230" i="2" a="1"/>
  <c r="E6230" i="2" s="1"/>
  <c r="E6249" i="2" a="1"/>
  <c r="E6249" i="2" s="1"/>
  <c r="E6245" i="2" a="1"/>
  <c r="E6245" i="2" s="1"/>
  <c r="E6233" i="2" a="1"/>
  <c r="E6233" i="2" s="1"/>
  <c r="E6241" i="2" a="1"/>
  <c r="E6241" i="2" s="1"/>
  <c r="E6232" i="2" a="1"/>
  <c r="E6232" i="2" s="1"/>
  <c r="E6239" i="2" a="1"/>
  <c r="E6239" i="2" s="1"/>
  <c r="E6237" i="2" a="1"/>
  <c r="E6237" i="2" s="1"/>
  <c r="E6240" i="2" a="1"/>
  <c r="E6240" i="2" s="1"/>
  <c r="E6246" i="2" a="1"/>
  <c r="E6246" i="2" s="1"/>
  <c r="E6235" i="2" a="1"/>
  <c r="E6235" i="2" s="1"/>
  <c r="E6226" i="2" a="1"/>
  <c r="E6226" i="2" s="1"/>
  <c r="E6236" i="2" a="1"/>
  <c r="E6236" i="2" s="1"/>
  <c r="E6234" i="2" a="1"/>
  <c r="E6234" i="2" s="1"/>
  <c r="E6229" i="2" a="1"/>
  <c r="E6229" i="2" s="1"/>
  <c r="E6243" i="2" a="1"/>
  <c r="E6243" i="2" s="1"/>
  <c r="E6231" i="2" a="1"/>
  <c r="E6231" i="2" s="1"/>
  <c r="E6228" i="2" a="1"/>
  <c r="E6228" i="2" s="1"/>
  <c r="E6238" i="2" a="1"/>
  <c r="E6238" i="2" s="1"/>
  <c r="E6227" i="2" a="1"/>
  <c r="E6227" i="2" s="1"/>
  <c r="G3209" i="2" a="1"/>
  <c r="G3209" i="2" s="1"/>
  <c r="G3223" i="2" a="1"/>
  <c r="G3223" i="2" s="1"/>
  <c r="G3202" i="2" a="1"/>
  <c r="G3202" i="2" s="1"/>
  <c r="G3217" i="2" a="1"/>
  <c r="G3217" i="2" s="1"/>
  <c r="G3210" i="2" a="1"/>
  <c r="G3210" i="2" s="1"/>
  <c r="G3206" i="2" a="1"/>
  <c r="G3206" i="2" s="1"/>
  <c r="G3221" i="2" a="1"/>
  <c r="G3221" i="2" s="1"/>
  <c r="G3218" i="2" a="1"/>
  <c r="G3218" i="2" s="1"/>
  <c r="G3224" i="2" a="1"/>
  <c r="G3224" i="2" s="1"/>
  <c r="G3219" i="2" a="1"/>
  <c r="G3219" i="2" s="1"/>
  <c r="G3213" i="2" a="1"/>
  <c r="G3213" i="2" s="1"/>
  <c r="G3211" i="2" a="1"/>
  <c r="G3211" i="2" s="1"/>
  <c r="G3204" i="2" a="1"/>
  <c r="G3204" i="2" s="1"/>
  <c r="G3220" i="2" a="1"/>
  <c r="G3220" i="2" s="1"/>
  <c r="G3225" i="2" a="1"/>
  <c r="G3225" i="2" s="1"/>
  <c r="G3205" i="2" a="1"/>
  <c r="G3205" i="2" s="1"/>
  <c r="G3208" i="2" a="1"/>
  <c r="G3208" i="2" s="1"/>
  <c r="G3214" i="2" a="1"/>
  <c r="G3214" i="2" s="1"/>
  <c r="G3207" i="2" a="1"/>
  <c r="G3207" i="2" s="1"/>
  <c r="G3222" i="2" a="1"/>
  <c r="G3222" i="2" s="1"/>
  <c r="G3215" i="2" a="1"/>
  <c r="G3215" i="2" s="1"/>
  <c r="G3212" i="2" a="1"/>
  <c r="G3212" i="2" s="1"/>
  <c r="G3216" i="2" a="1"/>
  <c r="G3216" i="2" s="1"/>
  <c r="G3203" i="2" a="1"/>
  <c r="G3203" i="2" s="1"/>
  <c r="G6397" i="2" a="1"/>
  <c r="G6397" i="2" s="1"/>
  <c r="G6417" i="2" a="1"/>
  <c r="G6417" i="2" s="1"/>
  <c r="G6398" i="2" a="1"/>
  <c r="G6398" i="2" s="1"/>
  <c r="G6402" i="2" a="1"/>
  <c r="G6402" i="2" s="1"/>
  <c r="G6399" i="2" a="1"/>
  <c r="G6399" i="2" s="1"/>
  <c r="G6400" i="2" a="1"/>
  <c r="G6400" i="2" s="1"/>
  <c r="G6403" i="2" a="1"/>
  <c r="G6403" i="2" s="1"/>
  <c r="G6405" i="2" a="1"/>
  <c r="G6405" i="2" s="1"/>
  <c r="G6409" i="2" a="1"/>
  <c r="G6409" i="2" s="1"/>
  <c r="G6408" i="2" a="1"/>
  <c r="G6408" i="2" s="1"/>
  <c r="G6413" i="2" a="1"/>
  <c r="G6413" i="2" s="1"/>
  <c r="G6411" i="2" a="1"/>
  <c r="G6411" i="2" s="1"/>
  <c r="G6394" i="2" a="1"/>
  <c r="G6394" i="2" s="1"/>
  <c r="G6395" i="2" a="1"/>
  <c r="G6395" i="2" s="1"/>
  <c r="G6404" i="2" a="1"/>
  <c r="G6404" i="2" s="1"/>
  <c r="G6416" i="2" a="1"/>
  <c r="G6416" i="2" s="1"/>
  <c r="G6406" i="2" a="1"/>
  <c r="G6406" i="2" s="1"/>
  <c r="G6412" i="2" a="1"/>
  <c r="G6412" i="2" s="1"/>
  <c r="G6396" i="2" a="1"/>
  <c r="G6396" i="2" s="1"/>
  <c r="G6415" i="2" a="1"/>
  <c r="G6415" i="2" s="1"/>
  <c r="G6410" i="2" a="1"/>
  <c r="G6410" i="2" s="1"/>
  <c r="G6407" i="2" a="1"/>
  <c r="G6407" i="2" s="1"/>
  <c r="G6401" i="2" a="1"/>
  <c r="G6401" i="2" s="1"/>
  <c r="G6414" i="2" a="1"/>
  <c r="G6414" i="2" s="1"/>
  <c r="D1341" i="2" a="1"/>
  <c r="D1341" i="2" s="1"/>
  <c r="D1350" i="2" a="1"/>
  <c r="D1350" i="2" s="1"/>
  <c r="D1343" i="2" a="1"/>
  <c r="D1343" i="2" s="1"/>
  <c r="D1333" i="2" a="1"/>
  <c r="D1333" i="2" s="1"/>
  <c r="D1332" i="2" a="1"/>
  <c r="D1332" i="2" s="1"/>
  <c r="D1347" i="2" a="1"/>
  <c r="D1347" i="2" s="1"/>
  <c r="D1351" i="2" a="1"/>
  <c r="D1351" i="2" s="1"/>
  <c r="D1339" i="2" a="1"/>
  <c r="D1339" i="2" s="1"/>
  <c r="D1342" i="2" a="1"/>
  <c r="D1342" i="2" s="1"/>
  <c r="D1340" i="2" a="1"/>
  <c r="D1340" i="2" s="1"/>
  <c r="D1344" i="2" a="1"/>
  <c r="D1344" i="2" s="1"/>
  <c r="D1346" i="2" a="1"/>
  <c r="D1346" i="2" s="1"/>
  <c r="D1345" i="2" a="1"/>
  <c r="D1345" i="2" s="1"/>
  <c r="D1334" i="2" a="1"/>
  <c r="D1334" i="2" s="1"/>
  <c r="D1330" i="2" a="1"/>
  <c r="D1330" i="2" s="1"/>
  <c r="D1335" i="2" a="1"/>
  <c r="D1335" i="2" s="1"/>
  <c r="D1348" i="2" a="1"/>
  <c r="D1348" i="2" s="1"/>
  <c r="D1353" i="2" a="1"/>
  <c r="D1353" i="2" s="1"/>
  <c r="D1352" i="2" a="1"/>
  <c r="D1352" i="2" s="1"/>
  <c r="D1349" i="2" a="1"/>
  <c r="D1349" i="2" s="1"/>
  <c r="D1336" i="2" a="1"/>
  <c r="D1336" i="2" s="1"/>
  <c r="D1331" i="2" a="1"/>
  <c r="D1331" i="2" s="1"/>
  <c r="D1338" i="2" a="1"/>
  <c r="D1338" i="2" s="1"/>
  <c r="D1337" i="2" a="1"/>
  <c r="D1337" i="2" s="1"/>
  <c r="F673" i="2" a="1"/>
  <c r="F673" i="2" s="1"/>
  <c r="F665" i="2" a="1"/>
  <c r="F665" i="2" s="1"/>
  <c r="F667" i="2" a="1"/>
  <c r="F667" i="2" s="1"/>
  <c r="F662" i="2" a="1"/>
  <c r="F662" i="2" s="1"/>
  <c r="F681" i="2" a="1"/>
  <c r="F681" i="2" s="1"/>
  <c r="F674" i="2" a="1"/>
  <c r="F674" i="2" s="1"/>
  <c r="F671" i="2" a="1"/>
  <c r="F671" i="2" s="1"/>
  <c r="F668" i="2" a="1"/>
  <c r="F668" i="2" s="1"/>
  <c r="F676" i="2" a="1"/>
  <c r="F676" i="2" s="1"/>
  <c r="F661" i="2" a="1"/>
  <c r="F661" i="2" s="1"/>
  <c r="F669" i="2" a="1"/>
  <c r="F669" i="2" s="1"/>
  <c r="F679" i="2" a="1"/>
  <c r="F679" i="2" s="1"/>
  <c r="F666" i="2" a="1"/>
  <c r="F666" i="2" s="1"/>
  <c r="F670" i="2" a="1"/>
  <c r="F670" i="2" s="1"/>
  <c r="F680" i="2" a="1"/>
  <c r="F680" i="2" s="1"/>
  <c r="F672" i="2" a="1"/>
  <c r="F672" i="2" s="1"/>
  <c r="F664" i="2" a="1"/>
  <c r="F664" i="2" s="1"/>
  <c r="F658" i="2" a="1"/>
  <c r="F658" i="2" s="1"/>
  <c r="F660" i="2" a="1"/>
  <c r="F660" i="2" s="1"/>
  <c r="F678" i="2" a="1"/>
  <c r="F678" i="2" s="1"/>
  <c r="F675" i="2" a="1"/>
  <c r="F675" i="2" s="1"/>
  <c r="F659" i="2" a="1"/>
  <c r="F659" i="2" s="1"/>
  <c r="F677" i="2" a="1"/>
  <c r="F677" i="2" s="1"/>
  <c r="F663" i="2" a="1"/>
  <c r="F663" i="2" s="1"/>
  <c r="E366" i="2" a="1"/>
  <c r="E366" i="2" s="1"/>
  <c r="E358" i="2" a="1"/>
  <c r="E358" i="2" s="1"/>
  <c r="E367" i="2" a="1"/>
  <c r="E367" i="2" s="1"/>
  <c r="E363" i="2" a="1"/>
  <c r="E363" i="2" s="1"/>
  <c r="E353" i="2" a="1"/>
  <c r="E353" i="2" s="1"/>
  <c r="E356" i="2" a="1"/>
  <c r="E356" i="2" s="1"/>
  <c r="E350" i="2" a="1"/>
  <c r="E350" i="2" s="1"/>
  <c r="E346" i="2" a="1"/>
  <c r="E346" i="2" s="1"/>
  <c r="E349" i="2" a="1"/>
  <c r="E349" i="2" s="1"/>
  <c r="E347" i="2" a="1"/>
  <c r="E347" i="2" s="1"/>
  <c r="E365" i="2" a="1"/>
  <c r="E365" i="2" s="1"/>
  <c r="E355" i="2" a="1"/>
  <c r="E355" i="2" s="1"/>
  <c r="E348" i="2" a="1"/>
  <c r="E348" i="2" s="1"/>
  <c r="E359" i="2" a="1"/>
  <c r="E359" i="2" s="1"/>
  <c r="E351" i="2" a="1"/>
  <c r="E351" i="2" s="1"/>
  <c r="E364" i="2" a="1"/>
  <c r="E364" i="2" s="1"/>
  <c r="E368" i="2" a="1"/>
  <c r="E368" i="2" s="1"/>
  <c r="E361" i="2" a="1"/>
  <c r="E361" i="2" s="1"/>
  <c r="E354" i="2" a="1"/>
  <c r="E354" i="2" s="1"/>
  <c r="E360" i="2" a="1"/>
  <c r="E360" i="2" s="1"/>
  <c r="E362" i="2" a="1"/>
  <c r="E362" i="2" s="1"/>
  <c r="E352" i="2" a="1"/>
  <c r="E352" i="2" s="1"/>
  <c r="E369" i="2" a="1"/>
  <c r="E369" i="2" s="1"/>
  <c r="E357" i="2" a="1"/>
  <c r="E357" i="2" s="1"/>
  <c r="F3181" i="2" a="1"/>
  <c r="F3181" i="2" s="1"/>
  <c r="F3191" i="2" a="1"/>
  <c r="F3191" i="2" s="1"/>
  <c r="F3199" i="2" a="1"/>
  <c r="F3199" i="2" s="1"/>
  <c r="F3182" i="2" a="1"/>
  <c r="F3182" i="2" s="1"/>
  <c r="F3194" i="2" a="1"/>
  <c r="F3194" i="2" s="1"/>
  <c r="F3187" i="2" a="1"/>
  <c r="F3187" i="2" s="1"/>
  <c r="F3185" i="2" a="1"/>
  <c r="F3185" i="2" s="1"/>
  <c r="F3196" i="2" a="1"/>
  <c r="F3196" i="2" s="1"/>
  <c r="F3180" i="2" a="1"/>
  <c r="F3180" i="2" s="1"/>
  <c r="F3188" i="2" a="1"/>
  <c r="F3188" i="2" s="1"/>
  <c r="F3192" i="2" a="1"/>
  <c r="F3192" i="2" s="1"/>
  <c r="F3179" i="2" a="1"/>
  <c r="F3179" i="2" s="1"/>
  <c r="F3197" i="2" a="1"/>
  <c r="F3197" i="2" s="1"/>
  <c r="F3200" i="2" a="1"/>
  <c r="F3200" i="2" s="1"/>
  <c r="F3201" i="2" a="1"/>
  <c r="F3201" i="2" s="1"/>
  <c r="F3193" i="2" a="1"/>
  <c r="F3193" i="2" s="1"/>
  <c r="F3183" i="2" a="1"/>
  <c r="F3183" i="2" s="1"/>
  <c r="F3190" i="2" a="1"/>
  <c r="F3190" i="2" s="1"/>
  <c r="F3184" i="2" a="1"/>
  <c r="F3184" i="2" s="1"/>
  <c r="F3189" i="2" a="1"/>
  <c r="F3189" i="2" s="1"/>
  <c r="F3178" i="2" a="1"/>
  <c r="F3178" i="2" s="1"/>
  <c r="F3186" i="2" a="1"/>
  <c r="F3186" i="2" s="1"/>
  <c r="F3198" i="2" a="1"/>
  <c r="F3198" i="2" s="1"/>
  <c r="F3195" i="2" a="1"/>
  <c r="F3195" i="2" s="1"/>
  <c r="F5722" i="2" a="1"/>
  <c r="F5722" i="2" s="1"/>
  <c r="F5743" i="2" a="1"/>
  <c r="F5743" i="2" s="1"/>
  <c r="F5723" i="2" a="1"/>
  <c r="F5723" i="2" s="1"/>
  <c r="F5741" i="2" a="1"/>
  <c r="F5741" i="2" s="1"/>
  <c r="F5734" i="2" a="1"/>
  <c r="F5734" i="2" s="1"/>
  <c r="F5731" i="2" a="1"/>
  <c r="F5731" i="2" s="1"/>
  <c r="F5735" i="2" a="1"/>
  <c r="F5735" i="2" s="1"/>
  <c r="F5732" i="2" a="1"/>
  <c r="F5732" i="2" s="1"/>
  <c r="F5745" i="2" a="1"/>
  <c r="F5745" i="2" s="1"/>
  <c r="F5738" i="2" a="1"/>
  <c r="F5738" i="2" s="1"/>
  <c r="F5729" i="2" a="1"/>
  <c r="F5729" i="2" s="1"/>
  <c r="F5733" i="2" a="1"/>
  <c r="F5733" i="2" s="1"/>
  <c r="F5740" i="2" a="1"/>
  <c r="F5740" i="2" s="1"/>
  <c r="F5737" i="2" a="1"/>
  <c r="F5737" i="2" s="1"/>
  <c r="F5726" i="2" a="1"/>
  <c r="F5726" i="2" s="1"/>
  <c r="F5739" i="2" a="1"/>
  <c r="F5739" i="2" s="1"/>
  <c r="F5724" i="2" a="1"/>
  <c r="F5724" i="2" s="1"/>
  <c r="F5742" i="2" a="1"/>
  <c r="F5742" i="2" s="1"/>
  <c r="F5725" i="2" a="1"/>
  <c r="F5725" i="2" s="1"/>
  <c r="F5727" i="2" a="1"/>
  <c r="F5727" i="2" s="1"/>
  <c r="F5730" i="2" a="1"/>
  <c r="F5730" i="2" s="1"/>
  <c r="F5744" i="2" a="1"/>
  <c r="F5744" i="2" s="1"/>
  <c r="F5736" i="2" a="1"/>
  <c r="F5736" i="2" s="1"/>
  <c r="F5728" i="2" a="1"/>
  <c r="F5728" i="2" s="1"/>
  <c r="E5573" i="2" a="1"/>
  <c r="E5573" i="2" s="1"/>
  <c r="E5560" i="2" a="1"/>
  <c r="E5560" i="2" s="1"/>
  <c r="E5556" i="2" a="1"/>
  <c r="E5556" i="2" s="1"/>
  <c r="E5563" i="2" a="1"/>
  <c r="E5563" i="2" s="1"/>
  <c r="E5569" i="2" a="1"/>
  <c r="E5569" i="2" s="1"/>
  <c r="E5566" i="2" a="1"/>
  <c r="E5566" i="2" s="1"/>
  <c r="E5562" i="2" a="1"/>
  <c r="E5562" i="2" s="1"/>
  <c r="E5572" i="2" a="1"/>
  <c r="E5572" i="2" s="1"/>
  <c r="E5567" i="2" a="1"/>
  <c r="E5567" i="2" s="1"/>
  <c r="E5554" i="2" a="1"/>
  <c r="E5554" i="2" s="1"/>
  <c r="E5568" i="2" a="1"/>
  <c r="E5568" i="2" s="1"/>
  <c r="E5564" i="2" a="1"/>
  <c r="E5564" i="2" s="1"/>
  <c r="E5574" i="2" a="1"/>
  <c r="E5574" i="2" s="1"/>
  <c r="E5570" i="2" a="1"/>
  <c r="E5570" i="2" s="1"/>
  <c r="E5575" i="2" a="1"/>
  <c r="E5575" i="2" s="1"/>
  <c r="E5565" i="2" a="1"/>
  <c r="E5565" i="2" s="1"/>
  <c r="E5576" i="2" a="1"/>
  <c r="E5576" i="2" s="1"/>
  <c r="E5571" i="2" a="1"/>
  <c r="E5571" i="2" s="1"/>
  <c r="E5557" i="2" a="1"/>
  <c r="E5557" i="2" s="1"/>
  <c r="E5577" i="2" a="1"/>
  <c r="E5577" i="2" s="1"/>
  <c r="E5559" i="2" a="1"/>
  <c r="E5559" i="2" s="1"/>
  <c r="E5555" i="2" a="1"/>
  <c r="E5555" i="2" s="1"/>
  <c r="E5558" i="2" a="1"/>
  <c r="E5558" i="2" s="1"/>
  <c r="E5561" i="2" a="1"/>
  <c r="E5561" i="2" s="1"/>
  <c r="H1178" i="2" a="1"/>
  <c r="H1178" i="2" s="1"/>
  <c r="H1180" i="2" a="1"/>
  <c r="H1180" i="2" s="1"/>
  <c r="H1176" i="2" a="1"/>
  <c r="H1176" i="2" s="1"/>
  <c r="H1171" i="2" a="1"/>
  <c r="H1171" i="2" s="1"/>
  <c r="H1162" i="2" a="1"/>
  <c r="H1162" i="2" s="1"/>
  <c r="H1185" i="2" a="1"/>
  <c r="H1185" i="2" s="1"/>
  <c r="H1181" i="2" a="1"/>
  <c r="H1181" i="2" s="1"/>
  <c r="H1175" i="2" a="1"/>
  <c r="H1175" i="2" s="1"/>
  <c r="H1182" i="2" a="1"/>
  <c r="H1182" i="2" s="1"/>
  <c r="H1179" i="2" a="1"/>
  <c r="H1179" i="2" s="1"/>
  <c r="H1183" i="2" a="1"/>
  <c r="H1183" i="2" s="1"/>
  <c r="H1177" i="2" a="1"/>
  <c r="H1177" i="2" s="1"/>
  <c r="H1184" i="2" a="1"/>
  <c r="H1184" i="2" s="1"/>
  <c r="H1163" i="2" a="1"/>
  <c r="H1163" i="2" s="1"/>
  <c r="H1167" i="2" a="1"/>
  <c r="H1167" i="2" s="1"/>
  <c r="H1168" i="2" a="1"/>
  <c r="H1168" i="2" s="1"/>
  <c r="H1169" i="2" a="1"/>
  <c r="H1169" i="2" s="1"/>
  <c r="H1164" i="2" a="1"/>
  <c r="H1164" i="2" s="1"/>
  <c r="H1173" i="2" a="1"/>
  <c r="H1173" i="2" s="1"/>
  <c r="H1165" i="2" a="1"/>
  <c r="H1165" i="2" s="1"/>
  <c r="H1166" i="2" a="1"/>
  <c r="H1166" i="2" s="1"/>
  <c r="H1174" i="2" a="1"/>
  <c r="H1174" i="2" s="1"/>
  <c r="H1170" i="2" a="1"/>
  <c r="H1170" i="2" s="1"/>
  <c r="H1172" i="2" a="1"/>
  <c r="H1172" i="2" s="1"/>
  <c r="E2194" i="2" a="1"/>
  <c r="E2194" i="2" s="1"/>
  <c r="E2216" i="2" a="1"/>
  <c r="E2216" i="2" s="1"/>
  <c r="E2205" i="2" a="1"/>
  <c r="E2205" i="2" s="1"/>
  <c r="E2195" i="2" a="1"/>
  <c r="E2195" i="2" s="1"/>
  <c r="E2210" i="2" a="1"/>
  <c r="E2210" i="2" s="1"/>
  <c r="E2212" i="2" a="1"/>
  <c r="E2212" i="2" s="1"/>
  <c r="E2213" i="2" a="1"/>
  <c r="E2213" i="2" s="1"/>
  <c r="E2196" i="2" a="1"/>
  <c r="E2196" i="2" s="1"/>
  <c r="E2217" i="2" a="1"/>
  <c r="E2217" i="2" s="1"/>
  <c r="E2215" i="2" a="1"/>
  <c r="E2215" i="2" s="1"/>
  <c r="E2202" i="2" a="1"/>
  <c r="E2202" i="2" s="1"/>
  <c r="E2209" i="2" a="1"/>
  <c r="E2209" i="2" s="1"/>
  <c r="E2199" i="2" a="1"/>
  <c r="E2199" i="2" s="1"/>
  <c r="E2203" i="2" a="1"/>
  <c r="E2203" i="2" s="1"/>
  <c r="E2200" i="2" a="1"/>
  <c r="E2200" i="2" s="1"/>
  <c r="E2206" i="2" a="1"/>
  <c r="E2206" i="2" s="1"/>
  <c r="E2211" i="2" a="1"/>
  <c r="E2211" i="2" s="1"/>
  <c r="E2197" i="2" a="1"/>
  <c r="E2197" i="2" s="1"/>
  <c r="E2214" i="2" a="1"/>
  <c r="E2214" i="2" s="1"/>
  <c r="E2207" i="2" a="1"/>
  <c r="E2207" i="2" s="1"/>
  <c r="E2208" i="2" a="1"/>
  <c r="E2208" i="2" s="1"/>
  <c r="E2204" i="2" a="1"/>
  <c r="E2204" i="2" s="1"/>
  <c r="E2198" i="2" a="1"/>
  <c r="E2198" i="2" s="1"/>
  <c r="E2201" i="2" a="1"/>
  <c r="E2201" i="2" s="1"/>
  <c r="G2346" i="2" a="1"/>
  <c r="G2346" i="2" s="1"/>
  <c r="G2350" i="2" a="1"/>
  <c r="G2350" i="2" s="1"/>
  <c r="G2342" i="2" a="1"/>
  <c r="G2342" i="2" s="1"/>
  <c r="G2351" i="2" a="1"/>
  <c r="G2351" i="2" s="1"/>
  <c r="G2356" i="2" a="1"/>
  <c r="G2356" i="2" s="1"/>
  <c r="G2347" i="2" a="1"/>
  <c r="G2347" i="2" s="1"/>
  <c r="G2338" i="2" a="1"/>
  <c r="G2338" i="2" s="1"/>
  <c r="G2357" i="2" a="1"/>
  <c r="G2357" i="2" s="1"/>
  <c r="G2359" i="2" a="1"/>
  <c r="G2359" i="2" s="1"/>
  <c r="G2352" i="2" a="1"/>
  <c r="G2352" i="2" s="1"/>
  <c r="G2349" i="2" a="1"/>
  <c r="G2349" i="2" s="1"/>
  <c r="G2339" i="2" a="1"/>
  <c r="G2339" i="2" s="1"/>
  <c r="G2343" i="2" a="1"/>
  <c r="G2343" i="2" s="1"/>
  <c r="G2340" i="2" a="1"/>
  <c r="G2340" i="2" s="1"/>
  <c r="G2341" i="2" a="1"/>
  <c r="G2341" i="2" s="1"/>
  <c r="G2344" i="2" a="1"/>
  <c r="G2344" i="2" s="1"/>
  <c r="G2358" i="2" a="1"/>
  <c r="G2358" i="2" s="1"/>
  <c r="G2360" i="2" a="1"/>
  <c r="G2360" i="2" s="1"/>
  <c r="G2345" i="2" a="1"/>
  <c r="G2345" i="2" s="1"/>
  <c r="G2361" i="2" a="1"/>
  <c r="G2361" i="2" s="1"/>
  <c r="G2354" i="2" a="1"/>
  <c r="G2354" i="2" s="1"/>
  <c r="G2355" i="2" a="1"/>
  <c r="G2355" i="2" s="1"/>
  <c r="G2353" i="2" a="1"/>
  <c r="G2353" i="2" s="1"/>
  <c r="G2348" i="2" a="1"/>
  <c r="G2348" i="2" s="1"/>
  <c r="H198" i="2" a="1"/>
  <c r="H198" i="2" s="1"/>
  <c r="H188" i="2" a="1"/>
  <c r="H188" i="2" s="1"/>
  <c r="H178" i="2" a="1"/>
  <c r="H178" i="2" s="1"/>
  <c r="H190" i="2" a="1"/>
  <c r="H190" i="2" s="1"/>
  <c r="H193" i="2" a="1"/>
  <c r="H193" i="2" s="1"/>
  <c r="H183" i="2" a="1"/>
  <c r="H183" i="2" s="1"/>
  <c r="H189" i="2" a="1"/>
  <c r="H189" i="2" s="1"/>
  <c r="H194" i="2" a="1"/>
  <c r="H194" i="2" s="1"/>
  <c r="H185" i="2" a="1"/>
  <c r="H185" i="2" s="1"/>
  <c r="H201" i="2" a="1"/>
  <c r="H201" i="2" s="1"/>
  <c r="H196" i="2" a="1"/>
  <c r="H196" i="2" s="1"/>
  <c r="H199" i="2" a="1"/>
  <c r="H199" i="2" s="1"/>
  <c r="H187" i="2" a="1"/>
  <c r="H187" i="2" s="1"/>
  <c r="H181" i="2" a="1"/>
  <c r="H181" i="2" s="1"/>
  <c r="H184" i="2" a="1"/>
  <c r="H184" i="2" s="1"/>
  <c r="H191" i="2" a="1"/>
  <c r="H191" i="2" s="1"/>
  <c r="H197" i="2" a="1"/>
  <c r="H197" i="2" s="1"/>
  <c r="H192" i="2" a="1"/>
  <c r="H192" i="2" s="1"/>
  <c r="H179" i="2" a="1"/>
  <c r="H179" i="2" s="1"/>
  <c r="H182" i="2" a="1"/>
  <c r="H182" i="2" s="1"/>
  <c r="H200" i="2" a="1"/>
  <c r="H200" i="2" s="1"/>
  <c r="H195" i="2" a="1"/>
  <c r="H195" i="2" s="1"/>
  <c r="H180" i="2" a="1"/>
  <c r="H180" i="2" s="1"/>
  <c r="H186" i="2" a="1"/>
  <c r="H186" i="2" s="1"/>
  <c r="G8234" i="2" a="1"/>
  <c r="G8234" i="2" s="1"/>
  <c r="G8238" i="2" a="1"/>
  <c r="G8238" i="2" s="1"/>
  <c r="G8235" i="2" a="1"/>
  <c r="G8235" i="2" s="1"/>
  <c r="G8219" i="2" a="1"/>
  <c r="G8219" i="2" s="1"/>
  <c r="G8226" i="2" a="1"/>
  <c r="G8226" i="2" s="1"/>
  <c r="G8236" i="2" a="1"/>
  <c r="G8236" i="2" s="1"/>
  <c r="G8223" i="2" a="1"/>
  <c r="G8223" i="2" s="1"/>
  <c r="G8229" i="2" a="1"/>
  <c r="G8229" i="2" s="1"/>
  <c r="G8224" i="2" a="1"/>
  <c r="G8224" i="2" s="1"/>
  <c r="G8233" i="2" a="1"/>
  <c r="G8233" i="2" s="1"/>
  <c r="G8241" i="2" a="1"/>
  <c r="G8241" i="2" s="1"/>
  <c r="G8230" i="2" a="1"/>
  <c r="G8230" i="2" s="1"/>
  <c r="G8227" i="2" a="1"/>
  <c r="G8227" i="2" s="1"/>
  <c r="G8225" i="2" a="1"/>
  <c r="G8225" i="2" s="1"/>
  <c r="G8228" i="2" a="1"/>
  <c r="G8228" i="2" s="1"/>
  <c r="G8222" i="2" a="1"/>
  <c r="G8222" i="2" s="1"/>
  <c r="G8218" i="2" a="1"/>
  <c r="G8218" i="2" s="1"/>
  <c r="G8231" i="2" a="1"/>
  <c r="G8231" i="2" s="1"/>
  <c r="G8220" i="2" a="1"/>
  <c r="G8220" i="2" s="1"/>
  <c r="G8232" i="2" a="1"/>
  <c r="G8232" i="2" s="1"/>
  <c r="G8239" i="2" a="1"/>
  <c r="G8239" i="2" s="1"/>
  <c r="G8240" i="2" a="1"/>
  <c r="G8240" i="2" s="1"/>
  <c r="G8221" i="2" a="1"/>
  <c r="G8221" i="2" s="1"/>
  <c r="G8237" i="2" a="1"/>
  <c r="G8237" i="2" s="1"/>
  <c r="D8742" i="2" a="1"/>
  <c r="D8742" i="2" s="1"/>
  <c r="D8741" i="2" a="1"/>
  <c r="D8741" i="2" s="1"/>
  <c r="D8734" i="2" a="1"/>
  <c r="D8734" i="2" s="1"/>
  <c r="D8726" i="2" a="1"/>
  <c r="D8726" i="2" s="1"/>
  <c r="D8729" i="2" a="1"/>
  <c r="D8729" i="2" s="1"/>
  <c r="D8736" i="2" a="1"/>
  <c r="D8736" i="2" s="1"/>
  <c r="D8725" i="2" a="1"/>
  <c r="D8725" i="2" s="1"/>
  <c r="D8731" i="2" a="1"/>
  <c r="D8731" i="2" s="1"/>
  <c r="D8733" i="2" a="1"/>
  <c r="D8733" i="2" s="1"/>
  <c r="D8730" i="2" a="1"/>
  <c r="D8730" i="2" s="1"/>
  <c r="D8727" i="2" a="1"/>
  <c r="D8727" i="2" s="1"/>
  <c r="D8732" i="2" a="1"/>
  <c r="D8732" i="2" s="1"/>
  <c r="D8728" i="2" a="1"/>
  <c r="D8728" i="2" s="1"/>
  <c r="D8739" i="2" a="1"/>
  <c r="D8739" i="2" s="1"/>
  <c r="D8722" i="2" a="1"/>
  <c r="D8722" i="2" s="1"/>
  <c r="D8723" i="2" a="1"/>
  <c r="D8723" i="2" s="1"/>
  <c r="D8740" i="2" a="1"/>
  <c r="D8740" i="2" s="1"/>
  <c r="D8735" i="2" a="1"/>
  <c r="D8735" i="2" s="1"/>
  <c r="D8737" i="2" a="1"/>
  <c r="D8737" i="2" s="1"/>
  <c r="D8743" i="2" a="1"/>
  <c r="D8743" i="2" s="1"/>
  <c r="D8744" i="2" a="1"/>
  <c r="D8744" i="2" s="1"/>
  <c r="D8738" i="2" a="1"/>
  <c r="D8738" i="2" s="1"/>
  <c r="D8745" i="2" a="1"/>
  <c r="D8745" i="2" s="1"/>
  <c r="D8724" i="2" a="1"/>
  <c r="D8724" i="2" s="1"/>
  <c r="E5198" i="2" a="1"/>
  <c r="E5198" i="2" s="1"/>
  <c r="E5202" i="2" a="1"/>
  <c r="E5202" i="2" s="1"/>
  <c r="E5217" i="2" a="1"/>
  <c r="E5217" i="2" s="1"/>
  <c r="E5203" i="2" a="1"/>
  <c r="E5203" i="2" s="1"/>
  <c r="E5216" i="2" a="1"/>
  <c r="E5216" i="2" s="1"/>
  <c r="E5197" i="2" a="1"/>
  <c r="E5197" i="2" s="1"/>
  <c r="E5214" i="2" a="1"/>
  <c r="E5214" i="2" s="1"/>
  <c r="E5207" i="2" a="1"/>
  <c r="E5207" i="2" s="1"/>
  <c r="E5195" i="2" a="1"/>
  <c r="E5195" i="2" s="1"/>
  <c r="E5200" i="2" a="1"/>
  <c r="E5200" i="2" s="1"/>
  <c r="E5210" i="2" a="1"/>
  <c r="E5210" i="2" s="1"/>
  <c r="E5201" i="2" a="1"/>
  <c r="E5201" i="2" s="1"/>
  <c r="E5206" i="2" a="1"/>
  <c r="E5206" i="2" s="1"/>
  <c r="E5208" i="2" a="1"/>
  <c r="E5208" i="2" s="1"/>
  <c r="E5213" i="2" a="1"/>
  <c r="E5213" i="2" s="1"/>
  <c r="E5205" i="2" a="1"/>
  <c r="E5205" i="2" s="1"/>
  <c r="E5212" i="2" a="1"/>
  <c r="E5212" i="2" s="1"/>
  <c r="E5209" i="2" a="1"/>
  <c r="E5209" i="2" s="1"/>
  <c r="E5211" i="2" a="1"/>
  <c r="E5211" i="2" s="1"/>
  <c r="E5196" i="2" a="1"/>
  <c r="E5196" i="2" s="1"/>
  <c r="E5204" i="2" a="1"/>
  <c r="E5204" i="2" s="1"/>
  <c r="E5194" i="2" a="1"/>
  <c r="E5194" i="2" s="1"/>
  <c r="E5199" i="2" a="1"/>
  <c r="E5199" i="2" s="1"/>
  <c r="E5215" i="2" a="1"/>
  <c r="E5215" i="2" s="1"/>
  <c r="H5401" i="2" a="1"/>
  <c r="H5401" i="2" s="1"/>
  <c r="H5405" i="2" a="1"/>
  <c r="H5405" i="2" s="1"/>
  <c r="H5406" i="2" a="1"/>
  <c r="H5406" i="2" s="1"/>
  <c r="H5397" i="2" a="1"/>
  <c r="H5397" i="2" s="1"/>
  <c r="H5409" i="2" a="1"/>
  <c r="H5409" i="2" s="1"/>
  <c r="H5407" i="2" a="1"/>
  <c r="H5407" i="2" s="1"/>
  <c r="H5402" i="2" a="1"/>
  <c r="H5402" i="2" s="1"/>
  <c r="H5389" i="2" a="1"/>
  <c r="H5389" i="2" s="1"/>
  <c r="H5392" i="2" a="1"/>
  <c r="H5392" i="2" s="1"/>
  <c r="H5393" i="2" a="1"/>
  <c r="H5393" i="2" s="1"/>
  <c r="H5404" i="2" a="1"/>
  <c r="H5404" i="2" s="1"/>
  <c r="H5394" i="2" a="1"/>
  <c r="H5394" i="2" s="1"/>
  <c r="H5398" i="2" a="1"/>
  <c r="H5398" i="2" s="1"/>
  <c r="H5395" i="2" a="1"/>
  <c r="H5395" i="2" s="1"/>
  <c r="H5390" i="2" a="1"/>
  <c r="H5390" i="2" s="1"/>
  <c r="H5399" i="2" a="1"/>
  <c r="H5399" i="2" s="1"/>
  <c r="H5391" i="2" a="1"/>
  <c r="H5391" i="2" s="1"/>
  <c r="H5403" i="2" a="1"/>
  <c r="H5403" i="2" s="1"/>
  <c r="H5387" i="2" a="1"/>
  <c r="H5387" i="2" s="1"/>
  <c r="H5388" i="2" a="1"/>
  <c r="H5388" i="2" s="1"/>
  <c r="H5408" i="2" a="1"/>
  <c r="H5408" i="2" s="1"/>
  <c r="H5396" i="2" a="1"/>
  <c r="H5396" i="2" s="1"/>
  <c r="H5386" i="2" a="1"/>
  <c r="H5386" i="2" s="1"/>
  <c r="H5400" i="2" a="1"/>
  <c r="H5400" i="2" s="1"/>
  <c r="E5772" i="2" a="1"/>
  <c r="E5772" i="2" s="1"/>
  <c r="E5789" i="2" a="1"/>
  <c r="E5789" i="2" s="1"/>
  <c r="E5778" i="2" a="1"/>
  <c r="E5778" i="2" s="1"/>
  <c r="E5770" i="2" a="1"/>
  <c r="E5770" i="2" s="1"/>
  <c r="E5776" i="2" a="1"/>
  <c r="E5776" i="2" s="1"/>
  <c r="E5786" i="2" a="1"/>
  <c r="E5786" i="2" s="1"/>
  <c r="E5791" i="2" a="1"/>
  <c r="E5791" i="2" s="1"/>
  <c r="E5773" i="2" a="1"/>
  <c r="E5773" i="2" s="1"/>
  <c r="E5771" i="2" a="1"/>
  <c r="E5771" i="2" s="1"/>
  <c r="E5775" i="2" a="1"/>
  <c r="E5775" i="2" s="1"/>
  <c r="E5787" i="2" a="1"/>
  <c r="E5787" i="2" s="1"/>
  <c r="E5793" i="2" a="1"/>
  <c r="E5793" i="2" s="1"/>
  <c r="E5774" i="2" a="1"/>
  <c r="E5774" i="2" s="1"/>
  <c r="E5792" i="2" a="1"/>
  <c r="E5792" i="2" s="1"/>
  <c r="E5784" i="2" a="1"/>
  <c r="E5784" i="2" s="1"/>
  <c r="E5785" i="2" a="1"/>
  <c r="E5785" i="2" s="1"/>
  <c r="E5790" i="2" a="1"/>
  <c r="E5790" i="2" s="1"/>
  <c r="E5782" i="2" a="1"/>
  <c r="E5782" i="2" s="1"/>
  <c r="E5783" i="2" a="1"/>
  <c r="E5783" i="2" s="1"/>
  <c r="E5788" i="2" a="1"/>
  <c r="E5788" i="2" s="1"/>
  <c r="E5777" i="2" a="1"/>
  <c r="E5777" i="2" s="1"/>
  <c r="E5780" i="2" a="1"/>
  <c r="E5780" i="2" s="1"/>
  <c r="E5779" i="2" a="1"/>
  <c r="E5779" i="2" s="1"/>
  <c r="E5781" i="2" a="1"/>
  <c r="E5781" i="2" s="1"/>
  <c r="F7034" i="2" a="1"/>
  <c r="F7034" i="2" s="1"/>
  <c r="F7038" i="2" a="1"/>
  <c r="F7038" i="2" s="1"/>
  <c r="F7018" i="2" a="1"/>
  <c r="F7018" i="2" s="1"/>
  <c r="F7035" i="2" a="1"/>
  <c r="F7035" i="2" s="1"/>
  <c r="F7024" i="2" a="1"/>
  <c r="F7024" i="2" s="1"/>
  <c r="F7027" i="2" a="1"/>
  <c r="F7027" i="2" s="1"/>
  <c r="F7039" i="2" a="1"/>
  <c r="F7039" i="2" s="1"/>
  <c r="F7021" i="2" a="1"/>
  <c r="F7021" i="2" s="1"/>
  <c r="F7040" i="2" a="1"/>
  <c r="F7040" i="2" s="1"/>
  <c r="F7041" i="2" a="1"/>
  <c r="F7041" i="2" s="1"/>
  <c r="F7031" i="2" a="1"/>
  <c r="F7031" i="2" s="1"/>
  <c r="F7036" i="2" a="1"/>
  <c r="F7036" i="2" s="1"/>
  <c r="F7028" i="2" a="1"/>
  <c r="F7028" i="2" s="1"/>
  <c r="F7026" i="2" a="1"/>
  <c r="F7026" i="2" s="1"/>
  <c r="F7029" i="2" a="1"/>
  <c r="F7029" i="2" s="1"/>
  <c r="F7025" i="2" a="1"/>
  <c r="F7025" i="2" s="1"/>
  <c r="F7022" i="2" a="1"/>
  <c r="F7022" i="2" s="1"/>
  <c r="F7030" i="2" a="1"/>
  <c r="F7030" i="2" s="1"/>
  <c r="F7019" i="2" a="1"/>
  <c r="F7019" i="2" s="1"/>
  <c r="F7023" i="2" a="1"/>
  <c r="F7023" i="2" s="1"/>
  <c r="F7032" i="2" a="1"/>
  <c r="F7032" i="2" s="1"/>
  <c r="F7020" i="2" a="1"/>
  <c r="F7020" i="2" s="1"/>
  <c r="F7037" i="2" a="1"/>
  <c r="F7037" i="2" s="1"/>
  <c r="F7033" i="2" a="1"/>
  <c r="F7033" i="2" s="1"/>
  <c r="AN283" i="1"/>
  <c r="D289" i="5" s="1"/>
  <c r="AP283" i="1"/>
  <c r="F289" i="5" s="1"/>
  <c r="AO283" i="1"/>
  <c r="E289" i="5" s="1"/>
  <c r="AQ283" i="1"/>
  <c r="G289" i="5" s="1"/>
  <c r="AM283" i="1"/>
  <c r="D6784" i="2" a="1"/>
  <c r="D6784" i="2" s="1"/>
  <c r="D6796" i="2" a="1"/>
  <c r="D6796" i="2" s="1"/>
  <c r="D6783" i="2" a="1"/>
  <c r="D6783" i="2" s="1"/>
  <c r="D6778" i="2" a="1"/>
  <c r="D6778" i="2" s="1"/>
  <c r="D6782" i="2" a="1"/>
  <c r="D6782" i="2" s="1"/>
  <c r="D6786" i="2" a="1"/>
  <c r="D6786" i="2" s="1"/>
  <c r="D6790" i="2" a="1"/>
  <c r="D6790" i="2" s="1"/>
  <c r="D6798" i="2" a="1"/>
  <c r="D6798" i="2" s="1"/>
  <c r="D6795" i="2" a="1"/>
  <c r="D6795" i="2" s="1"/>
  <c r="D6781" i="2" a="1"/>
  <c r="D6781" i="2" s="1"/>
  <c r="D6785" i="2" a="1"/>
  <c r="D6785" i="2" s="1"/>
  <c r="D6789" i="2" a="1"/>
  <c r="D6789" i="2" s="1"/>
  <c r="D6801" i="2" a="1"/>
  <c r="D6801" i="2" s="1"/>
  <c r="D6794" i="2" a="1"/>
  <c r="D6794" i="2" s="1"/>
  <c r="D6780" i="2" a="1"/>
  <c r="D6780" i="2" s="1"/>
  <c r="D6788" i="2" a="1"/>
  <c r="D6788" i="2" s="1"/>
  <c r="D6792" i="2" a="1"/>
  <c r="D6792" i="2" s="1"/>
  <c r="D6800" i="2" a="1"/>
  <c r="D6800" i="2" s="1"/>
  <c r="D6779" i="2" a="1"/>
  <c r="D6779" i="2" s="1"/>
  <c r="D6787" i="2" a="1"/>
  <c r="D6787" i="2" s="1"/>
  <c r="D6791" i="2" a="1"/>
  <c r="D6791" i="2" s="1"/>
  <c r="D6799" i="2" a="1"/>
  <c r="D6799" i="2" s="1"/>
  <c r="D6793" i="2" a="1"/>
  <c r="D6793" i="2" s="1"/>
  <c r="D6797" i="2" a="1"/>
  <c r="D6797" i="2" s="1"/>
  <c r="H3759" i="2" a="1"/>
  <c r="H3759" i="2" s="1"/>
  <c r="H3755" i="2" a="1"/>
  <c r="H3755" i="2" s="1"/>
  <c r="H3765" i="2" a="1"/>
  <c r="H3765" i="2" s="1"/>
  <c r="H3774" i="2" a="1"/>
  <c r="H3774" i="2" s="1"/>
  <c r="H3770" i="2" a="1"/>
  <c r="H3770" i="2" s="1"/>
  <c r="H3762" i="2" a="1"/>
  <c r="H3762" i="2" s="1"/>
  <c r="H3758" i="2" a="1"/>
  <c r="H3758" i="2" s="1"/>
  <c r="H3766" i="2" a="1"/>
  <c r="H3766" i="2" s="1"/>
  <c r="H3757" i="2" a="1"/>
  <c r="H3757" i="2" s="1"/>
  <c r="H3775" i="2" a="1"/>
  <c r="H3775" i="2" s="1"/>
  <c r="H3771" i="2" a="1"/>
  <c r="H3771" i="2" s="1"/>
  <c r="H3777" i="2" a="1"/>
  <c r="H3777" i="2" s="1"/>
  <c r="H3776" i="2" a="1"/>
  <c r="H3776" i="2" s="1"/>
  <c r="H3769" i="2" a="1"/>
  <c r="H3769" i="2" s="1"/>
  <c r="H3763" i="2" a="1"/>
  <c r="H3763" i="2" s="1"/>
  <c r="H3764" i="2" a="1"/>
  <c r="H3764" i="2" s="1"/>
  <c r="H3756" i="2" a="1"/>
  <c r="H3756" i="2" s="1"/>
  <c r="H3767" i="2" a="1"/>
  <c r="H3767" i="2" s="1"/>
  <c r="H3760" i="2" a="1"/>
  <c r="H3760" i="2" s="1"/>
  <c r="H3773" i="2" a="1"/>
  <c r="H3773" i="2" s="1"/>
  <c r="H3768" i="2" a="1"/>
  <c r="H3768" i="2" s="1"/>
  <c r="H3754" i="2" a="1"/>
  <c r="H3754" i="2" s="1"/>
  <c r="H3772" i="2" a="1"/>
  <c r="H3772" i="2" s="1"/>
  <c r="H3761" i="2" a="1"/>
  <c r="H3761" i="2" s="1"/>
  <c r="F5262" i="2" a="1"/>
  <c r="F5262" i="2" s="1"/>
  <c r="F5254" i="2" a="1"/>
  <c r="F5254" i="2" s="1"/>
  <c r="F5260" i="2" a="1"/>
  <c r="F5260" i="2" s="1"/>
  <c r="F5256" i="2" a="1"/>
  <c r="F5256" i="2" s="1"/>
  <c r="F5263" i="2" a="1"/>
  <c r="F5263" i="2" s="1"/>
  <c r="F5246" i="2" a="1"/>
  <c r="F5246" i="2" s="1"/>
  <c r="F5258" i="2" a="1"/>
  <c r="F5258" i="2" s="1"/>
  <c r="F5261" i="2" a="1"/>
  <c r="F5261" i="2" s="1"/>
  <c r="F5249" i="2" a="1"/>
  <c r="F5249" i="2" s="1"/>
  <c r="F5242" i="2" a="1"/>
  <c r="F5242" i="2" s="1"/>
  <c r="F5248" i="2" a="1"/>
  <c r="F5248" i="2" s="1"/>
  <c r="F5251" i="2" a="1"/>
  <c r="F5251" i="2" s="1"/>
  <c r="F5243" i="2" a="1"/>
  <c r="F5243" i="2" s="1"/>
  <c r="F5265" i="2" a="1"/>
  <c r="F5265" i="2" s="1"/>
  <c r="F5252" i="2" a="1"/>
  <c r="F5252" i="2" s="1"/>
  <c r="F5244" i="2" a="1"/>
  <c r="F5244" i="2" s="1"/>
  <c r="F5264" i="2" a="1"/>
  <c r="F5264" i="2" s="1"/>
  <c r="F5257" i="2" a="1"/>
  <c r="F5257" i="2" s="1"/>
  <c r="F5245" i="2" a="1"/>
  <c r="F5245" i="2" s="1"/>
  <c r="F5250" i="2" a="1"/>
  <c r="F5250" i="2" s="1"/>
  <c r="F5247" i="2" a="1"/>
  <c r="F5247" i="2" s="1"/>
  <c r="F5255" i="2" a="1"/>
  <c r="F5255" i="2" s="1"/>
  <c r="F5259" i="2" a="1"/>
  <c r="F5259" i="2" s="1"/>
  <c r="F5253" i="2" a="1"/>
  <c r="F5253" i="2" s="1"/>
  <c r="G7574" i="2" a="1"/>
  <c r="G7574" i="2" s="1"/>
  <c r="G7593" i="2" a="1"/>
  <c r="G7593" i="2" s="1"/>
  <c r="G7588" i="2" a="1"/>
  <c r="G7588" i="2" s="1"/>
  <c r="G7584" i="2" a="1"/>
  <c r="G7584" i="2" s="1"/>
  <c r="G7579" i="2" a="1"/>
  <c r="G7579" i="2" s="1"/>
  <c r="G7575" i="2" a="1"/>
  <c r="G7575" i="2" s="1"/>
  <c r="G7580" i="2" a="1"/>
  <c r="G7580" i="2" s="1"/>
  <c r="G7590" i="2" a="1"/>
  <c r="G7590" i="2" s="1"/>
  <c r="G7585" i="2" a="1"/>
  <c r="G7585" i="2" s="1"/>
  <c r="G7587" i="2" a="1"/>
  <c r="G7587" i="2" s="1"/>
  <c r="G7592" i="2" a="1"/>
  <c r="G7592" i="2" s="1"/>
  <c r="G7576" i="2" a="1"/>
  <c r="G7576" i="2" s="1"/>
  <c r="G7578" i="2" a="1"/>
  <c r="G7578" i="2" s="1"/>
  <c r="G7591" i="2" a="1"/>
  <c r="G7591" i="2" s="1"/>
  <c r="G7586" i="2" a="1"/>
  <c r="G7586" i="2" s="1"/>
  <c r="G7570" i="2" a="1"/>
  <c r="G7570" i="2" s="1"/>
  <c r="G7571" i="2" a="1"/>
  <c r="G7571" i="2" s="1"/>
  <c r="G7572" i="2" a="1"/>
  <c r="G7572" i="2" s="1"/>
  <c r="G7577" i="2" a="1"/>
  <c r="G7577" i="2" s="1"/>
  <c r="G7589" i="2" a="1"/>
  <c r="G7589" i="2" s="1"/>
  <c r="G7581" i="2" a="1"/>
  <c r="G7581" i="2" s="1"/>
  <c r="G7582" i="2" a="1"/>
  <c r="G7582" i="2" s="1"/>
  <c r="G7583" i="2" a="1"/>
  <c r="G7583" i="2" s="1"/>
  <c r="G7573" i="2" a="1"/>
  <c r="G7573" i="2" s="1"/>
  <c r="H83" i="2" a="1"/>
  <c r="H83" i="2" s="1"/>
  <c r="H98" i="2" a="1"/>
  <c r="H98" i="2" s="1"/>
  <c r="H86" i="2" a="1"/>
  <c r="H86" i="2" s="1"/>
  <c r="H88" i="2" a="1"/>
  <c r="H88" i="2" s="1"/>
  <c r="H93" i="2" a="1"/>
  <c r="H93" i="2" s="1"/>
  <c r="H104" i="2" a="1"/>
  <c r="H104" i="2" s="1"/>
  <c r="H105" i="2" a="1"/>
  <c r="H105" i="2" s="1"/>
  <c r="H95" i="2" a="1"/>
  <c r="H95" i="2" s="1"/>
  <c r="H96" i="2" a="1"/>
  <c r="H96" i="2" s="1"/>
  <c r="H91" i="2" a="1"/>
  <c r="H91" i="2" s="1"/>
  <c r="H100" i="2" a="1"/>
  <c r="H100" i="2" s="1"/>
  <c r="H99" i="2" a="1"/>
  <c r="H99" i="2" s="1"/>
  <c r="H92" i="2" a="1"/>
  <c r="H92" i="2" s="1"/>
  <c r="H101" i="2" a="1"/>
  <c r="H101" i="2" s="1"/>
  <c r="H84" i="2" a="1"/>
  <c r="H84" i="2" s="1"/>
  <c r="H82" i="2" a="1"/>
  <c r="H82" i="2" s="1"/>
  <c r="H94" i="2" a="1"/>
  <c r="H94" i="2" s="1"/>
  <c r="H103" i="2" a="1"/>
  <c r="H103" i="2" s="1"/>
  <c r="H87" i="2" a="1"/>
  <c r="H87" i="2" s="1"/>
  <c r="H89" i="2" a="1"/>
  <c r="H89" i="2" s="1"/>
  <c r="H90" i="2" a="1"/>
  <c r="H90" i="2" s="1"/>
  <c r="H102" i="2" a="1"/>
  <c r="H102" i="2" s="1"/>
  <c r="H97" i="2" a="1"/>
  <c r="H97" i="2" s="1"/>
  <c r="H85" i="2" a="1"/>
  <c r="H85" i="2" s="1"/>
  <c r="G3981" i="2" a="1"/>
  <c r="G3981" i="2" s="1"/>
  <c r="G3979" i="2" a="1"/>
  <c r="G3979" i="2" s="1"/>
  <c r="G3972" i="2" a="1"/>
  <c r="G3972" i="2" s="1"/>
  <c r="G3982" i="2" a="1"/>
  <c r="G3982" i="2" s="1"/>
  <c r="G3980" i="2" a="1"/>
  <c r="G3980" i="2" s="1"/>
  <c r="G3987" i="2" a="1"/>
  <c r="G3987" i="2" s="1"/>
  <c r="G3983" i="2" a="1"/>
  <c r="G3983" i="2" s="1"/>
  <c r="G3985" i="2" a="1"/>
  <c r="G3985" i="2" s="1"/>
  <c r="G3991" i="2" a="1"/>
  <c r="G3991" i="2" s="1"/>
  <c r="G3986" i="2" a="1"/>
  <c r="G3986" i="2" s="1"/>
  <c r="G3990" i="2" a="1"/>
  <c r="G3990" i="2" s="1"/>
  <c r="G3977" i="2" a="1"/>
  <c r="G3977" i="2" s="1"/>
  <c r="G3992" i="2" a="1"/>
  <c r="G3992" i="2" s="1"/>
  <c r="G3988" i="2" a="1"/>
  <c r="G3988" i="2" s="1"/>
  <c r="G3970" i="2" a="1"/>
  <c r="G3970" i="2" s="1"/>
  <c r="G3993" i="2" a="1"/>
  <c r="G3993" i="2" s="1"/>
  <c r="G3978" i="2" a="1"/>
  <c r="G3978" i="2" s="1"/>
  <c r="G3974" i="2" a="1"/>
  <c r="G3974" i="2" s="1"/>
  <c r="G3973" i="2" a="1"/>
  <c r="G3973" i="2" s="1"/>
  <c r="G3971" i="2" a="1"/>
  <c r="G3971" i="2" s="1"/>
  <c r="G3989" i="2" a="1"/>
  <c r="G3989" i="2" s="1"/>
  <c r="G3975" i="2" a="1"/>
  <c r="G3975" i="2" s="1"/>
  <c r="G3984" i="2" a="1"/>
  <c r="G3984" i="2" s="1"/>
  <c r="G3976" i="2" a="1"/>
  <c r="G3976" i="2" s="1"/>
  <c r="AO143" i="1"/>
  <c r="E149" i="5" s="1"/>
  <c r="AQ143" i="1"/>
  <c r="G149" i="5" s="1"/>
  <c r="AN143" i="1"/>
  <c r="D149" i="5" s="1"/>
  <c r="AP143" i="1"/>
  <c r="F149" i="5" s="1"/>
  <c r="AM143" i="1"/>
  <c r="D3425" i="2" a="1"/>
  <c r="D3425" i="2" s="1"/>
  <c r="D3433" i="2" a="1"/>
  <c r="D3433" i="2" s="1"/>
  <c r="D3441" i="2" a="1"/>
  <c r="D3441" i="2" s="1"/>
  <c r="D3421" i="2" a="1"/>
  <c r="D3421" i="2" s="1"/>
  <c r="D3429" i="2" a="1"/>
  <c r="D3429" i="2" s="1"/>
  <c r="D3437" i="2" a="1"/>
  <c r="D3437" i="2" s="1"/>
  <c r="D3419" i="2" a="1"/>
  <c r="D3419" i="2" s="1"/>
  <c r="D3423" i="2" a="1"/>
  <c r="D3423" i="2" s="1"/>
  <c r="D3427" i="2" a="1"/>
  <c r="D3427" i="2" s="1"/>
  <c r="D3431" i="2" a="1"/>
  <c r="D3431" i="2" s="1"/>
  <c r="D3435" i="2" a="1"/>
  <c r="D3435" i="2" s="1"/>
  <c r="D3432" i="2" a="1"/>
  <c r="D3432" i="2" s="1"/>
  <c r="D3436" i="2" a="1"/>
  <c r="D3436" i="2" s="1"/>
  <c r="D3418" i="2" a="1"/>
  <c r="D3418" i="2" s="1"/>
  <c r="D3426" i="2" a="1"/>
  <c r="D3426" i="2" s="1"/>
  <c r="D3430" i="2" a="1"/>
  <c r="D3430" i="2" s="1"/>
  <c r="D3438" i="2" a="1"/>
  <c r="D3438" i="2" s="1"/>
  <c r="D3439" i="2" a="1"/>
  <c r="D3439" i="2" s="1"/>
  <c r="D3434" i="2" a="1"/>
  <c r="D3434" i="2" s="1"/>
  <c r="D3424" i="2" a="1"/>
  <c r="D3424" i="2" s="1"/>
  <c r="D3440" i="2" a="1"/>
  <c r="D3440" i="2" s="1"/>
  <c r="D3428" i="2" a="1"/>
  <c r="D3428" i="2" s="1"/>
  <c r="D3420" i="2" a="1"/>
  <c r="D3420" i="2" s="1"/>
  <c r="D3422" i="2" a="1"/>
  <c r="D3422" i="2" s="1"/>
  <c r="AQ262" i="1"/>
  <c r="G268" i="5" s="1"/>
  <c r="AO262" i="1"/>
  <c r="E268" i="5" s="1"/>
  <c r="AP262" i="1"/>
  <c r="F268" i="5" s="1"/>
  <c r="AN262" i="1"/>
  <c r="D268" i="5" s="1"/>
  <c r="AM262" i="1"/>
  <c r="D6295" i="2" a="1"/>
  <c r="D6295" i="2" s="1"/>
  <c r="D6282" i="2" a="1"/>
  <c r="D6282" i="2" s="1"/>
  <c r="D6290" i="2" a="1"/>
  <c r="D6290" i="2" s="1"/>
  <c r="D6281" i="2" a="1"/>
  <c r="D6281" i="2" s="1"/>
  <c r="D6274" i="2" a="1"/>
  <c r="D6274" i="2" s="1"/>
  <c r="D6277" i="2" a="1"/>
  <c r="D6277" i="2" s="1"/>
  <c r="D6297" i="2" a="1"/>
  <c r="D6297" i="2" s="1"/>
  <c r="D6292" i="2" a="1"/>
  <c r="D6292" i="2" s="1"/>
  <c r="D6288" i="2" a="1"/>
  <c r="D6288" i="2" s="1"/>
  <c r="D6284" i="2" a="1"/>
  <c r="D6284" i="2" s="1"/>
  <c r="D6296" i="2" a="1"/>
  <c r="D6296" i="2" s="1"/>
  <c r="D6275" i="2" a="1"/>
  <c r="D6275" i="2" s="1"/>
  <c r="D6294" i="2" a="1"/>
  <c r="D6294" i="2" s="1"/>
  <c r="D6280" i="2" a="1"/>
  <c r="D6280" i="2" s="1"/>
  <c r="D6286" i="2" a="1"/>
  <c r="D6286" i="2" s="1"/>
  <c r="D6291" i="2" a="1"/>
  <c r="D6291" i="2" s="1"/>
  <c r="D6293" i="2" a="1"/>
  <c r="D6293" i="2" s="1"/>
  <c r="D6287" i="2" a="1"/>
  <c r="D6287" i="2" s="1"/>
  <c r="D6289" i="2" a="1"/>
  <c r="D6289" i="2" s="1"/>
  <c r="D6278" i="2" a="1"/>
  <c r="D6278" i="2" s="1"/>
  <c r="D6283" i="2" a="1"/>
  <c r="D6283" i="2" s="1"/>
  <c r="D6285" i="2" a="1"/>
  <c r="D6285" i="2" s="1"/>
  <c r="D6276" i="2" a="1"/>
  <c r="D6276" i="2" s="1"/>
  <c r="D6279" i="2" a="1"/>
  <c r="D6279" i="2" s="1"/>
  <c r="AP90" i="1"/>
  <c r="F96" i="5" s="1"/>
  <c r="AO90" i="1"/>
  <c r="E96" i="5" s="1"/>
  <c r="AN90" i="1"/>
  <c r="D96" i="5" s="1"/>
  <c r="AQ90" i="1"/>
  <c r="G96" i="5" s="1"/>
  <c r="AM90" i="1"/>
  <c r="D2148" i="2" a="1"/>
  <c r="D2148" i="2" s="1"/>
  <c r="D2147" i="2" a="1"/>
  <c r="D2147" i="2" s="1"/>
  <c r="D2169" i="2" a="1"/>
  <c r="D2169" i="2" s="1"/>
  <c r="D2149" i="2" a="1"/>
  <c r="D2149" i="2" s="1"/>
  <c r="D2161" i="2" a="1"/>
  <c r="D2161" i="2" s="1"/>
  <c r="D2158" i="2" a="1"/>
  <c r="D2158" i="2" s="1"/>
  <c r="D2165" i="2" a="1"/>
  <c r="D2165" i="2" s="1"/>
  <c r="D2167" i="2" a="1"/>
  <c r="D2167" i="2" s="1"/>
  <c r="D2160" i="2" a="1"/>
  <c r="D2160" i="2" s="1"/>
  <c r="D2153" i="2" a="1"/>
  <c r="D2153" i="2" s="1"/>
  <c r="D2155" i="2" a="1"/>
  <c r="D2155" i="2" s="1"/>
  <c r="D2162" i="2" a="1"/>
  <c r="D2162" i="2" s="1"/>
  <c r="D2151" i="2" a="1"/>
  <c r="D2151" i="2" s="1"/>
  <c r="D2164" i="2" a="1"/>
  <c r="D2164" i="2" s="1"/>
  <c r="D2146" i="2" a="1"/>
  <c r="D2146" i="2" s="1"/>
  <c r="D2157" i="2" a="1"/>
  <c r="D2157" i="2" s="1"/>
  <c r="D2159" i="2" a="1"/>
  <c r="D2159" i="2" s="1"/>
  <c r="D2166" i="2" a="1"/>
  <c r="D2166" i="2" s="1"/>
  <c r="D2152" i="2" a="1"/>
  <c r="D2152" i="2" s="1"/>
  <c r="D2168" i="2" a="1"/>
  <c r="D2168" i="2" s="1"/>
  <c r="D2150" i="2" a="1"/>
  <c r="D2150" i="2" s="1"/>
  <c r="D2154" i="2" a="1"/>
  <c r="D2154" i="2" s="1"/>
  <c r="D2163" i="2" a="1"/>
  <c r="D2163" i="2" s="1"/>
  <c r="D2156" i="2" a="1"/>
  <c r="D2156" i="2" s="1"/>
  <c r="G8275" i="2" a="1"/>
  <c r="G8275" i="2" s="1"/>
  <c r="G8285" i="2" a="1"/>
  <c r="G8285" i="2" s="1"/>
  <c r="G8276" i="2" a="1"/>
  <c r="G8276" i="2" s="1"/>
  <c r="G8286" i="2" a="1"/>
  <c r="G8286" i="2" s="1"/>
  <c r="G8277" i="2" a="1"/>
  <c r="G8277" i="2" s="1"/>
  <c r="G8287" i="2" a="1"/>
  <c r="G8287" i="2" s="1"/>
  <c r="G8280" i="2" a="1"/>
  <c r="G8280" i="2" s="1"/>
  <c r="G8272" i="2" a="1"/>
  <c r="G8272" i="2" s="1"/>
  <c r="G8267" i="2" a="1"/>
  <c r="G8267" i="2" s="1"/>
  <c r="G8279" i="2" a="1"/>
  <c r="G8279" i="2" s="1"/>
  <c r="G8269" i="2" a="1"/>
  <c r="G8269" i="2" s="1"/>
  <c r="G8282" i="2" a="1"/>
  <c r="G8282" i="2" s="1"/>
  <c r="G8271" i="2" a="1"/>
  <c r="G8271" i="2" s="1"/>
  <c r="G8266" i="2" a="1"/>
  <c r="G8266" i="2" s="1"/>
  <c r="G8270" i="2" a="1"/>
  <c r="G8270" i="2" s="1"/>
  <c r="G8274" i="2" a="1"/>
  <c r="G8274" i="2" s="1"/>
  <c r="G8273" i="2" a="1"/>
  <c r="G8273" i="2" s="1"/>
  <c r="G8278" i="2" a="1"/>
  <c r="G8278" i="2" s="1"/>
  <c r="G8288" i="2" a="1"/>
  <c r="G8288" i="2" s="1"/>
  <c r="G8283" i="2" a="1"/>
  <c r="G8283" i="2" s="1"/>
  <c r="G8284" i="2" a="1"/>
  <c r="G8284" i="2" s="1"/>
  <c r="G8281" i="2" a="1"/>
  <c r="G8281" i="2" s="1"/>
  <c r="G8268" i="2" a="1"/>
  <c r="G8268" i="2" s="1"/>
  <c r="G8289" i="2" a="1"/>
  <c r="G8289" i="2" s="1"/>
  <c r="F3811" i="2" a="1"/>
  <c r="F3811" i="2" s="1"/>
  <c r="F3820" i="2" a="1"/>
  <c r="F3820" i="2" s="1"/>
  <c r="F3812" i="2" a="1"/>
  <c r="F3812" i="2" s="1"/>
  <c r="F3818" i="2" a="1"/>
  <c r="F3818" i="2" s="1"/>
  <c r="F3802" i="2" a="1"/>
  <c r="F3802" i="2" s="1"/>
  <c r="F3807" i="2" a="1"/>
  <c r="F3807" i="2" s="1"/>
  <c r="F3803" i="2" a="1"/>
  <c r="F3803" i="2" s="1"/>
  <c r="F3817" i="2" a="1"/>
  <c r="F3817" i="2" s="1"/>
  <c r="F3822" i="2" a="1"/>
  <c r="F3822" i="2" s="1"/>
  <c r="F3813" i="2" a="1"/>
  <c r="F3813" i="2" s="1"/>
  <c r="F3821" i="2" a="1"/>
  <c r="F3821" i="2" s="1"/>
  <c r="F3823" i="2" a="1"/>
  <c r="F3823" i="2" s="1"/>
  <c r="F3815" i="2" a="1"/>
  <c r="F3815" i="2" s="1"/>
  <c r="F3819" i="2" a="1"/>
  <c r="F3819" i="2" s="1"/>
  <c r="F3814" i="2" a="1"/>
  <c r="F3814" i="2" s="1"/>
  <c r="F3816" i="2" a="1"/>
  <c r="F3816" i="2" s="1"/>
  <c r="F3808" i="2" a="1"/>
  <c r="F3808" i="2" s="1"/>
  <c r="F3810" i="2" a="1"/>
  <c r="F3810" i="2" s="1"/>
  <c r="F3825" i="2" a="1"/>
  <c r="F3825" i="2" s="1"/>
  <c r="F3809" i="2" a="1"/>
  <c r="F3809" i="2" s="1"/>
  <c r="F3804" i="2" a="1"/>
  <c r="F3804" i="2" s="1"/>
  <c r="F3806" i="2" a="1"/>
  <c r="F3806" i="2" s="1"/>
  <c r="F3805" i="2" a="1"/>
  <c r="F3805" i="2" s="1"/>
  <c r="F3824" i="2" a="1"/>
  <c r="F3824" i="2" s="1"/>
  <c r="E125" i="2" a="1"/>
  <c r="E125" i="2" s="1"/>
  <c r="E124" i="2" a="1"/>
  <c r="E124" i="2" s="1"/>
  <c r="E112" i="2" a="1"/>
  <c r="E112" i="2" s="1"/>
  <c r="E107" i="2" a="1"/>
  <c r="E107" i="2" s="1"/>
  <c r="E114" i="2" a="1"/>
  <c r="E114" i="2" s="1"/>
  <c r="E121" i="2" a="1"/>
  <c r="E121" i="2" s="1"/>
  <c r="E126" i="2" a="1"/>
  <c r="E126" i="2" s="1"/>
  <c r="E119" i="2" a="1"/>
  <c r="E119" i="2" s="1"/>
  <c r="E109" i="2" a="1"/>
  <c r="E109" i="2" s="1"/>
  <c r="E129" i="2" a="1"/>
  <c r="E129" i="2" s="1"/>
  <c r="E120" i="2" a="1"/>
  <c r="E120" i="2" s="1"/>
  <c r="E113" i="2" a="1"/>
  <c r="E113" i="2" s="1"/>
  <c r="E110" i="2" a="1"/>
  <c r="E110" i="2" s="1"/>
  <c r="E111" i="2" a="1"/>
  <c r="E111" i="2" s="1"/>
  <c r="E106" i="2" a="1"/>
  <c r="E106" i="2" s="1"/>
  <c r="E108" i="2" a="1"/>
  <c r="E108" i="2" s="1"/>
  <c r="E122" i="2" a="1"/>
  <c r="E122" i="2" s="1"/>
  <c r="E123" i="2" a="1"/>
  <c r="E123" i="2" s="1"/>
  <c r="E128" i="2" a="1"/>
  <c r="E128" i="2" s="1"/>
  <c r="E127" i="2" a="1"/>
  <c r="E127" i="2" s="1"/>
  <c r="E115" i="2" a="1"/>
  <c r="E115" i="2" s="1"/>
  <c r="E118" i="2" a="1"/>
  <c r="E118" i="2" s="1"/>
  <c r="E116" i="2" a="1"/>
  <c r="E116" i="2" s="1"/>
  <c r="E117" i="2" a="1"/>
  <c r="E117" i="2" s="1"/>
  <c r="H2159" i="2" a="1"/>
  <c r="H2159" i="2" s="1"/>
  <c r="H2165" i="2" a="1"/>
  <c r="H2165" i="2" s="1"/>
  <c r="H2161" i="2" a="1"/>
  <c r="H2161" i="2" s="1"/>
  <c r="H2154" i="2" a="1"/>
  <c r="H2154" i="2" s="1"/>
  <c r="H2147" i="2" a="1"/>
  <c r="H2147" i="2" s="1"/>
  <c r="H2155" i="2" a="1"/>
  <c r="H2155" i="2" s="1"/>
  <c r="H2152" i="2" a="1"/>
  <c r="H2152" i="2" s="1"/>
  <c r="H2162" i="2" a="1"/>
  <c r="H2162" i="2" s="1"/>
  <c r="H2156" i="2" a="1"/>
  <c r="H2156" i="2" s="1"/>
  <c r="H2153" i="2" a="1"/>
  <c r="H2153" i="2" s="1"/>
  <c r="H2160" i="2" a="1"/>
  <c r="H2160" i="2" s="1"/>
  <c r="H2167" i="2" a="1"/>
  <c r="H2167" i="2" s="1"/>
  <c r="H2151" i="2" a="1"/>
  <c r="H2151" i="2" s="1"/>
  <c r="H2168" i="2" a="1"/>
  <c r="H2168" i="2" s="1"/>
  <c r="H2149" i="2" a="1"/>
  <c r="H2149" i="2" s="1"/>
  <c r="H2169" i="2" a="1"/>
  <c r="H2169" i="2" s="1"/>
  <c r="H2150" i="2" a="1"/>
  <c r="H2150" i="2" s="1"/>
  <c r="H2166" i="2" a="1"/>
  <c r="H2166" i="2" s="1"/>
  <c r="H2158" i="2" a="1"/>
  <c r="H2158" i="2" s="1"/>
  <c r="H2146" i="2" a="1"/>
  <c r="H2146" i="2" s="1"/>
  <c r="H2163" i="2" a="1"/>
  <c r="H2163" i="2" s="1"/>
  <c r="H2157" i="2" a="1"/>
  <c r="H2157" i="2" s="1"/>
  <c r="H2148" i="2" a="1"/>
  <c r="H2148" i="2" s="1"/>
  <c r="H2164" i="2" a="1"/>
  <c r="H2164" i="2" s="1"/>
  <c r="F6826" i="2" a="1"/>
  <c r="F6826" i="2" s="1"/>
  <c r="F6836" i="2" a="1"/>
  <c r="F6836" i="2" s="1"/>
  <c r="F6827" i="2" a="1"/>
  <c r="F6827" i="2" s="1"/>
  <c r="F6834" i="2" a="1"/>
  <c r="F6834" i="2" s="1"/>
  <c r="F6838" i="2" a="1"/>
  <c r="F6838" i="2" s="1"/>
  <c r="F6840" i="2" a="1"/>
  <c r="F6840" i="2" s="1"/>
  <c r="F6835" i="2" a="1"/>
  <c r="F6835" i="2" s="1"/>
  <c r="F6847" i="2" a="1"/>
  <c r="F6847" i="2" s="1"/>
  <c r="F6829" i="2" a="1"/>
  <c r="F6829" i="2" s="1"/>
  <c r="F6844" i="2" a="1"/>
  <c r="F6844" i="2" s="1"/>
  <c r="F6830" i="2" a="1"/>
  <c r="F6830" i="2" s="1"/>
  <c r="F6846" i="2" a="1"/>
  <c r="F6846" i="2" s="1"/>
  <c r="F6839" i="2" a="1"/>
  <c r="F6839" i="2" s="1"/>
  <c r="F6833" i="2" a="1"/>
  <c r="F6833" i="2" s="1"/>
  <c r="F6849" i="2" a="1"/>
  <c r="F6849" i="2" s="1"/>
  <c r="F6842" i="2" a="1"/>
  <c r="F6842" i="2" s="1"/>
  <c r="F6843" i="2" a="1"/>
  <c r="F6843" i="2" s="1"/>
  <c r="F6841" i="2" a="1"/>
  <c r="F6841" i="2" s="1"/>
  <c r="F6828" i="2" a="1"/>
  <c r="F6828" i="2" s="1"/>
  <c r="F6848" i="2" a="1"/>
  <c r="F6848" i="2" s="1"/>
  <c r="F6837" i="2" a="1"/>
  <c r="F6837" i="2" s="1"/>
  <c r="F6831" i="2" a="1"/>
  <c r="F6831" i="2" s="1"/>
  <c r="F6845" i="2" a="1"/>
  <c r="F6845" i="2" s="1"/>
  <c r="F6832" i="2" a="1"/>
  <c r="F6832" i="2" s="1"/>
  <c r="E4586" i="2" a="1"/>
  <c r="E4586" i="2" s="1"/>
  <c r="E4580" i="2" a="1"/>
  <c r="E4580" i="2" s="1"/>
  <c r="E4570" i="2" a="1"/>
  <c r="E4570" i="2" s="1"/>
  <c r="E4587" i="2" a="1"/>
  <c r="E4587" i="2" s="1"/>
  <c r="E4571" i="2" a="1"/>
  <c r="E4571" i="2" s="1"/>
  <c r="E4581" i="2" a="1"/>
  <c r="E4581" i="2" s="1"/>
  <c r="E4572" i="2" a="1"/>
  <c r="E4572" i="2" s="1"/>
  <c r="E4588" i="2" a="1"/>
  <c r="E4588" i="2" s="1"/>
  <c r="E4573" i="2" a="1"/>
  <c r="E4573" i="2" s="1"/>
  <c r="E4582" i="2" a="1"/>
  <c r="E4582" i="2" s="1"/>
  <c r="E4575" i="2" a="1"/>
  <c r="E4575" i="2" s="1"/>
  <c r="E4574" i="2" a="1"/>
  <c r="E4574" i="2" s="1"/>
  <c r="E4592" i="2" a="1"/>
  <c r="E4592" i="2" s="1"/>
  <c r="E4578" i="2" a="1"/>
  <c r="E4578" i="2" s="1"/>
  <c r="E4590" i="2" a="1"/>
  <c r="E4590" i="2" s="1"/>
  <c r="E4583" i="2" a="1"/>
  <c r="E4583" i="2" s="1"/>
  <c r="E4579" i="2" a="1"/>
  <c r="E4579" i="2" s="1"/>
  <c r="E4576" i="2" a="1"/>
  <c r="E4576" i="2" s="1"/>
  <c r="E4589" i="2" a="1"/>
  <c r="E4589" i="2" s="1"/>
  <c r="E4585" i="2" a="1"/>
  <c r="E4585" i="2" s="1"/>
  <c r="E4577" i="2" a="1"/>
  <c r="E4577" i="2" s="1"/>
  <c r="E4584" i="2" a="1"/>
  <c r="E4584" i="2" s="1"/>
  <c r="E4591" i="2" a="1"/>
  <c r="E4591" i="2" s="1"/>
  <c r="E4593" i="2" a="1"/>
  <c r="E4593" i="2" s="1"/>
  <c r="H2771" i="2" a="1"/>
  <c r="H2771" i="2" s="1"/>
  <c r="H2774" i="2" a="1"/>
  <c r="H2774" i="2" s="1"/>
  <c r="H2781" i="2" a="1"/>
  <c r="H2781" i="2" s="1"/>
  <c r="H2791" i="2" a="1"/>
  <c r="H2791" i="2" s="1"/>
  <c r="H2787" i="2" a="1"/>
  <c r="H2787" i="2" s="1"/>
  <c r="H2779" i="2" a="1"/>
  <c r="H2779" i="2" s="1"/>
  <c r="H2777" i="2" a="1"/>
  <c r="H2777" i="2" s="1"/>
  <c r="H2790" i="2" a="1"/>
  <c r="H2790" i="2" s="1"/>
  <c r="H2792" i="2" a="1"/>
  <c r="H2792" i="2" s="1"/>
  <c r="H2778" i="2" a="1"/>
  <c r="H2778" i="2" s="1"/>
  <c r="H2773" i="2" a="1"/>
  <c r="H2773" i="2" s="1"/>
  <c r="H2775" i="2" a="1"/>
  <c r="H2775" i="2" s="1"/>
  <c r="H2780" i="2" a="1"/>
  <c r="H2780" i="2" s="1"/>
  <c r="H2784" i="2" a="1"/>
  <c r="H2784" i="2" s="1"/>
  <c r="H2770" i="2" a="1"/>
  <c r="H2770" i="2" s="1"/>
  <c r="H2788" i="2" a="1"/>
  <c r="H2788" i="2" s="1"/>
  <c r="H2776" i="2" a="1"/>
  <c r="H2776" i="2" s="1"/>
  <c r="H2789" i="2" a="1"/>
  <c r="H2789" i="2" s="1"/>
  <c r="H2785" i="2" a="1"/>
  <c r="H2785" i="2" s="1"/>
  <c r="H2793" i="2" a="1"/>
  <c r="H2793" i="2" s="1"/>
  <c r="H2783" i="2" a="1"/>
  <c r="H2783" i="2" s="1"/>
  <c r="H2786" i="2" a="1"/>
  <c r="H2786" i="2" s="1"/>
  <c r="H2782" i="2" a="1"/>
  <c r="H2782" i="2" s="1"/>
  <c r="H2772" i="2" a="1"/>
  <c r="H2772" i="2" s="1"/>
  <c r="E2394" i="2" a="1"/>
  <c r="E2394" i="2" s="1"/>
  <c r="E2390" i="2" a="1"/>
  <c r="E2390" i="2" s="1"/>
  <c r="E2395" i="2" a="1"/>
  <c r="E2395" i="2" s="1"/>
  <c r="E2401" i="2" a="1"/>
  <c r="E2401" i="2" s="1"/>
  <c r="E2405" i="2" a="1"/>
  <c r="E2405" i="2" s="1"/>
  <c r="AQ158" i="1"/>
  <c r="G164" i="5" s="1"/>
  <c r="AN158" i="1"/>
  <c r="D164" i="5" s="1"/>
  <c r="AO158" i="1"/>
  <c r="E164" i="5" s="1"/>
  <c r="AM158" i="1"/>
  <c r="D3778" i="2" a="1"/>
  <c r="D3778" i="2" s="1"/>
  <c r="D3790" i="2" a="1"/>
  <c r="D3790" i="2" s="1"/>
  <c r="D3799" i="2" a="1"/>
  <c r="D3799" i="2" s="1"/>
  <c r="D3784" i="2" a="1"/>
  <c r="D3784" i="2" s="1"/>
  <c r="D3780" i="2" a="1"/>
  <c r="D3780" i="2" s="1"/>
  <c r="D3781" i="2" a="1"/>
  <c r="D3781" i="2" s="1"/>
  <c r="D3796" i="2" a="1"/>
  <c r="D3796" i="2" s="1"/>
  <c r="D3783" i="2" a="1"/>
  <c r="D3783" i="2" s="1"/>
  <c r="D3786" i="2" a="1"/>
  <c r="D3786" i="2" s="1"/>
  <c r="D3789" i="2" a="1"/>
  <c r="D3789" i="2" s="1"/>
  <c r="D3793" i="2" a="1"/>
  <c r="D3793" i="2" s="1"/>
  <c r="D3795" i="2" a="1"/>
  <c r="D3795" i="2" s="1"/>
  <c r="D3798" i="2" a="1"/>
  <c r="D3798" i="2" s="1"/>
  <c r="D3801" i="2" a="1"/>
  <c r="D3801" i="2" s="1"/>
  <c r="D3782" i="2" a="1"/>
  <c r="D3782" i="2" s="1"/>
  <c r="D3792" i="2" a="1"/>
  <c r="D3792" i="2" s="1"/>
  <c r="D3791" i="2" a="1"/>
  <c r="D3791" i="2" s="1"/>
  <c r="D3794" i="2" a="1"/>
  <c r="D3794" i="2" s="1"/>
  <c r="D3797" i="2" a="1"/>
  <c r="D3797" i="2" s="1"/>
  <c r="D3785" i="2" a="1"/>
  <c r="D3785" i="2" s="1"/>
  <c r="D3779" i="2" a="1"/>
  <c r="D3779" i="2" s="1"/>
  <c r="D3788" i="2" a="1"/>
  <c r="D3788" i="2" s="1"/>
  <c r="D3787" i="2" a="1"/>
  <c r="D3787" i="2" s="1"/>
  <c r="D3800" i="2" a="1"/>
  <c r="D3800" i="2" s="1"/>
  <c r="E102" i="2" a="1"/>
  <c r="E102" i="2" s="1"/>
  <c r="E86" i="2" a="1"/>
  <c r="E86" i="2" s="1"/>
  <c r="E103" i="2" a="1"/>
  <c r="E103" i="2" s="1"/>
  <c r="E90" i="2" a="1"/>
  <c r="E90" i="2" s="1"/>
  <c r="E83" i="2" a="1"/>
  <c r="E83" i="2" s="1"/>
  <c r="E99" i="2" a="1"/>
  <c r="E99" i="2" s="1"/>
  <c r="E98" i="2" a="1"/>
  <c r="E98" i="2" s="1"/>
  <c r="E95" i="2" a="1"/>
  <c r="E95" i="2" s="1"/>
  <c r="E92" i="2" a="1"/>
  <c r="E92" i="2" s="1"/>
  <c r="E82" i="2" a="1"/>
  <c r="E82" i="2" s="1"/>
  <c r="E105" i="2" a="1"/>
  <c r="E105" i="2" s="1"/>
  <c r="E97" i="2" a="1"/>
  <c r="E97" i="2" s="1"/>
  <c r="E100" i="2" a="1"/>
  <c r="E100" i="2" s="1"/>
  <c r="E101" i="2" a="1"/>
  <c r="E101" i="2" s="1"/>
  <c r="E91" i="2" a="1"/>
  <c r="E91" i="2" s="1"/>
  <c r="E93" i="2" a="1"/>
  <c r="E93" i="2" s="1"/>
  <c r="E84" i="2" a="1"/>
  <c r="E84" i="2" s="1"/>
  <c r="E94" i="2" a="1"/>
  <c r="E94" i="2" s="1"/>
  <c r="E88" i="2" a="1"/>
  <c r="E88" i="2" s="1"/>
  <c r="E89" i="2" a="1"/>
  <c r="E89" i="2" s="1"/>
  <c r="E96" i="2" a="1"/>
  <c r="E96" i="2" s="1"/>
  <c r="E104" i="2" a="1"/>
  <c r="E104" i="2" s="1"/>
  <c r="E87" i="2" a="1"/>
  <c r="E87" i="2" s="1"/>
  <c r="E85" i="2" a="1"/>
  <c r="E85" i="2" s="1"/>
  <c r="H6605" i="2" a="1"/>
  <c r="H6605" i="2" s="1"/>
  <c r="H6594" i="2" a="1"/>
  <c r="H6594" i="2" s="1"/>
  <c r="H6592" i="2" a="1"/>
  <c r="H6592" i="2" s="1"/>
  <c r="H6595" i="2" a="1"/>
  <c r="H6595" i="2" s="1"/>
  <c r="H6604" i="2" a="1"/>
  <c r="H6604" i="2" s="1"/>
  <c r="H6606" i="2" a="1"/>
  <c r="H6606" i="2" s="1"/>
  <c r="H6602" i="2" a="1"/>
  <c r="H6602" i="2" s="1"/>
  <c r="H6589" i="2" a="1"/>
  <c r="H6589" i="2" s="1"/>
  <c r="H6608" i="2" a="1"/>
  <c r="H6608" i="2" s="1"/>
  <c r="H6598" i="2" a="1"/>
  <c r="H6598" i="2" s="1"/>
  <c r="H6586" i="2" a="1"/>
  <c r="H6586" i="2" s="1"/>
  <c r="H6603" i="2" a="1"/>
  <c r="H6603" i="2" s="1"/>
  <c r="H6591" i="2" a="1"/>
  <c r="H6591" i="2" s="1"/>
  <c r="H6590" i="2" a="1"/>
  <c r="H6590" i="2" s="1"/>
  <c r="H6599" i="2" a="1"/>
  <c r="H6599" i="2" s="1"/>
  <c r="H6607" i="2" a="1"/>
  <c r="H6607" i="2" s="1"/>
  <c r="H6588" i="2" a="1"/>
  <c r="H6588" i="2" s="1"/>
  <c r="H6593" i="2" a="1"/>
  <c r="H6593" i="2" s="1"/>
  <c r="H6600" i="2" a="1"/>
  <c r="H6600" i="2" s="1"/>
  <c r="H6601" i="2" a="1"/>
  <c r="H6601" i="2" s="1"/>
  <c r="H6609" i="2" a="1"/>
  <c r="H6609" i="2" s="1"/>
  <c r="H6587" i="2" a="1"/>
  <c r="H6587" i="2" s="1"/>
  <c r="H6596" i="2" a="1"/>
  <c r="H6596" i="2" s="1"/>
  <c r="H6597" i="2" a="1"/>
  <c r="H6597" i="2" s="1"/>
  <c r="AQ263" i="1"/>
  <c r="G269" i="5" s="1"/>
  <c r="AN263" i="1"/>
  <c r="D269" i="5" s="1"/>
  <c r="AP263" i="1"/>
  <c r="F269" i="5" s="1"/>
  <c r="AO263" i="1"/>
  <c r="E269" i="5" s="1"/>
  <c r="AM263" i="1"/>
  <c r="D6305" i="2" a="1"/>
  <c r="D6305" i="2" s="1"/>
  <c r="D6321" i="2" a="1"/>
  <c r="D6321" i="2" s="1"/>
  <c r="D6299" i="2" a="1"/>
  <c r="D6299" i="2" s="1"/>
  <c r="D6303" i="2" a="1"/>
  <c r="D6303" i="2" s="1"/>
  <c r="D6307" i="2" a="1"/>
  <c r="D6307" i="2" s="1"/>
  <c r="D6315" i="2" a="1"/>
  <c r="D6315" i="2" s="1"/>
  <c r="D6319" i="2" a="1"/>
  <c r="D6319" i="2" s="1"/>
  <c r="D6308" i="2" a="1"/>
  <c r="D6308" i="2" s="1"/>
  <c r="D6312" i="2" a="1"/>
  <c r="D6312" i="2" s="1"/>
  <c r="D6314" i="2" a="1"/>
  <c r="D6314" i="2" s="1"/>
  <c r="D6304" i="2" a="1"/>
  <c r="D6304" i="2" s="1"/>
  <c r="D6300" i="2" a="1"/>
  <c r="D6300" i="2" s="1"/>
  <c r="D6298" i="2" a="1"/>
  <c r="D6298" i="2" s="1"/>
  <c r="D6317" i="2" a="1"/>
  <c r="D6317" i="2" s="1"/>
  <c r="D6313" i="2" a="1"/>
  <c r="D6313" i="2" s="1"/>
  <c r="D6309" i="2" a="1"/>
  <c r="D6309" i="2" s="1"/>
  <c r="D6301" i="2" a="1"/>
  <c r="D6301" i="2" s="1"/>
  <c r="D6311" i="2" a="1"/>
  <c r="D6311" i="2" s="1"/>
  <c r="D6318" i="2" a="1"/>
  <c r="D6318" i="2" s="1"/>
  <c r="D6310" i="2" a="1"/>
  <c r="D6310" i="2" s="1"/>
  <c r="D6306" i="2" a="1"/>
  <c r="D6306" i="2" s="1"/>
  <c r="D6316" i="2" a="1"/>
  <c r="D6316" i="2" s="1"/>
  <c r="D6320" i="2" a="1"/>
  <c r="D6320" i="2" s="1"/>
  <c r="D6302" i="2" a="1"/>
  <c r="D6302" i="2" s="1"/>
  <c r="F5626" i="2" a="1"/>
  <c r="F5626" i="2" s="1"/>
  <c r="F5640" i="2" a="1"/>
  <c r="F5640" i="2" s="1"/>
  <c r="F5627" i="2" a="1"/>
  <c r="F5627" i="2" s="1"/>
  <c r="F5631" i="2" a="1"/>
  <c r="F5631" i="2" s="1"/>
  <c r="F5628" i="2" a="1"/>
  <c r="F5628" i="2" s="1"/>
  <c r="F5641" i="2" a="1"/>
  <c r="F5641" i="2" s="1"/>
  <c r="F5636" i="2" a="1"/>
  <c r="F5636" i="2" s="1"/>
  <c r="F5630" i="2" a="1"/>
  <c r="F5630" i="2" s="1"/>
  <c r="F5642" i="2" a="1"/>
  <c r="F5642" i="2" s="1"/>
  <c r="F5638" i="2" a="1"/>
  <c r="F5638" i="2" s="1"/>
  <c r="F5644" i="2" a="1"/>
  <c r="F5644" i="2" s="1"/>
  <c r="F5645" i="2" a="1"/>
  <c r="F5645" i="2" s="1"/>
  <c r="F5634" i="2" a="1"/>
  <c r="F5634" i="2" s="1"/>
  <c r="F5637" i="2" a="1"/>
  <c r="F5637" i="2" s="1"/>
  <c r="F5632" i="2" a="1"/>
  <c r="F5632" i="2" s="1"/>
  <c r="F5648" i="2" a="1"/>
  <c r="F5648" i="2" s="1"/>
  <c r="F5629" i="2" a="1"/>
  <c r="F5629" i="2" s="1"/>
  <c r="F5647" i="2" a="1"/>
  <c r="F5647" i="2" s="1"/>
  <c r="F5635" i="2" a="1"/>
  <c r="F5635" i="2" s="1"/>
  <c r="F5639" i="2" a="1"/>
  <c r="F5639" i="2" s="1"/>
  <c r="F5646" i="2" a="1"/>
  <c r="F5646" i="2" s="1"/>
  <c r="F5649" i="2" a="1"/>
  <c r="F5649" i="2" s="1"/>
  <c r="F5643" i="2" a="1"/>
  <c r="F5643" i="2" s="1"/>
  <c r="F5633" i="2" a="1"/>
  <c r="F5633" i="2" s="1"/>
  <c r="G258" i="2" a="1"/>
  <c r="G258" i="2" s="1"/>
  <c r="G255" i="2" a="1"/>
  <c r="G255" i="2" s="1"/>
  <c r="G260" i="2" a="1"/>
  <c r="G260" i="2" s="1"/>
  <c r="G272" i="2" a="1"/>
  <c r="G272" i="2" s="1"/>
  <c r="G263" i="2" a="1"/>
  <c r="G263" i="2" s="1"/>
  <c r="G250" i="2" a="1"/>
  <c r="G250" i="2" s="1"/>
  <c r="G259" i="2" a="1"/>
  <c r="G259" i="2" s="1"/>
  <c r="G267" i="2" a="1"/>
  <c r="G267" i="2" s="1"/>
  <c r="G273" i="2" a="1"/>
  <c r="G273" i="2" s="1"/>
  <c r="G252" i="2" a="1"/>
  <c r="G252" i="2" s="1"/>
  <c r="G254" i="2" a="1"/>
  <c r="G254" i="2" s="1"/>
  <c r="G271" i="2" a="1"/>
  <c r="G271" i="2" s="1"/>
  <c r="G251" i="2" a="1"/>
  <c r="G251" i="2" s="1"/>
  <c r="G265" i="2" a="1"/>
  <c r="G265" i="2" s="1"/>
  <c r="G269" i="2" a="1"/>
  <c r="G269" i="2" s="1"/>
  <c r="G253" i="2" a="1"/>
  <c r="G253" i="2" s="1"/>
  <c r="G261" i="2" a="1"/>
  <c r="G261" i="2" s="1"/>
  <c r="G268" i="2" a="1"/>
  <c r="G268" i="2" s="1"/>
  <c r="G256" i="2" a="1"/>
  <c r="G256" i="2" s="1"/>
  <c r="G257" i="2" a="1"/>
  <c r="G257" i="2" s="1"/>
  <c r="G266" i="2" a="1"/>
  <c r="G266" i="2" s="1"/>
  <c r="G264" i="2" a="1"/>
  <c r="G264" i="2" s="1"/>
  <c r="G262" i="2" a="1"/>
  <c r="G262" i="2" s="1"/>
  <c r="G270" i="2" a="1"/>
  <c r="G270" i="2" s="1"/>
  <c r="F5301" i="2" a="1"/>
  <c r="F5301" i="2" s="1"/>
  <c r="F5290" i="2" a="1"/>
  <c r="F5290" i="2" s="1"/>
  <c r="F5298" i="2" a="1"/>
  <c r="F5298" i="2" s="1"/>
  <c r="F5312" i="2" a="1"/>
  <c r="F5312" i="2" s="1"/>
  <c r="F5308" i="2" a="1"/>
  <c r="F5308" i="2" s="1"/>
  <c r="F5297" i="2" a="1"/>
  <c r="F5297" i="2" s="1"/>
  <c r="F5313" i="2" a="1"/>
  <c r="F5313" i="2" s="1"/>
  <c r="F5291" i="2" a="1"/>
  <c r="F5291" i="2" s="1"/>
  <c r="F5310" i="2" a="1"/>
  <c r="F5310" i="2" s="1"/>
  <c r="F5292" i="2" a="1"/>
  <c r="F5292" i="2" s="1"/>
  <c r="F5296" i="2" a="1"/>
  <c r="F5296" i="2" s="1"/>
  <c r="F5295" i="2" a="1"/>
  <c r="F5295" i="2" s="1"/>
  <c r="F5311" i="2" a="1"/>
  <c r="F5311" i="2" s="1"/>
  <c r="F5305" i="2" a="1"/>
  <c r="F5305" i="2" s="1"/>
  <c r="F5307" i="2" a="1"/>
  <c r="F5307" i="2" s="1"/>
  <c r="F5294" i="2" a="1"/>
  <c r="F5294" i="2" s="1"/>
  <c r="F5300" i="2" a="1"/>
  <c r="F5300" i="2" s="1"/>
  <c r="F5299" i="2" a="1"/>
  <c r="F5299" i="2" s="1"/>
  <c r="F5303" i="2" a="1"/>
  <c r="F5303" i="2" s="1"/>
  <c r="F5304" i="2" a="1"/>
  <c r="F5304" i="2" s="1"/>
  <c r="F5306" i="2" a="1"/>
  <c r="F5306" i="2" s="1"/>
  <c r="F5302" i="2" a="1"/>
  <c r="F5302" i="2" s="1"/>
  <c r="F5293" i="2" a="1"/>
  <c r="F5293" i="2" s="1"/>
  <c r="F5309" i="2" a="1"/>
  <c r="F5309" i="2" s="1"/>
  <c r="H7034" i="2" a="1"/>
  <c r="H7034" i="2" s="1"/>
  <c r="H7035" i="2" a="1"/>
  <c r="H7035" i="2" s="1"/>
  <c r="H7018" i="2" a="1"/>
  <c r="H7018" i="2" s="1"/>
  <c r="H7023" i="2" a="1"/>
  <c r="H7023" i="2" s="1"/>
  <c r="H7037" i="2" a="1"/>
  <c r="H7037" i="2" s="1"/>
  <c r="H7038" i="2" a="1"/>
  <c r="H7038" i="2" s="1"/>
  <c r="H7032" i="2" a="1"/>
  <c r="H7032" i="2" s="1"/>
  <c r="H7021" i="2" a="1"/>
  <c r="H7021" i="2" s="1"/>
  <c r="H7027" i="2" a="1"/>
  <c r="H7027" i="2" s="1"/>
  <c r="H7020" i="2" a="1"/>
  <c r="H7020" i="2" s="1"/>
  <c r="H7041" i="2" a="1"/>
  <c r="H7041" i="2" s="1"/>
  <c r="H7024" i="2" a="1"/>
  <c r="H7024" i="2" s="1"/>
  <c r="H7025" i="2" a="1"/>
  <c r="H7025" i="2" s="1"/>
  <c r="H7028" i="2" a="1"/>
  <c r="H7028" i="2" s="1"/>
  <c r="H7030" i="2" a="1"/>
  <c r="H7030" i="2" s="1"/>
  <c r="H7031" i="2" a="1"/>
  <c r="H7031" i="2" s="1"/>
  <c r="H7040" i="2" a="1"/>
  <c r="H7040" i="2" s="1"/>
  <c r="H7039" i="2" a="1"/>
  <c r="H7039" i="2" s="1"/>
  <c r="H7033" i="2" a="1"/>
  <c r="H7033" i="2" s="1"/>
  <c r="H7029" i="2" a="1"/>
  <c r="H7029" i="2" s="1"/>
  <c r="H7036" i="2" a="1"/>
  <c r="H7036" i="2" s="1"/>
  <c r="H7022" i="2" a="1"/>
  <c r="H7022" i="2" s="1"/>
  <c r="H7026" i="2" a="1"/>
  <c r="H7026" i="2" s="1"/>
  <c r="H7019" i="2" a="1"/>
  <c r="H7019" i="2" s="1"/>
  <c r="E7350" i="2" a="1"/>
  <c r="E7350" i="2" s="1"/>
  <c r="E7344" i="2" a="1"/>
  <c r="E7344" i="2" s="1"/>
  <c r="E7353" i="2" a="1"/>
  <c r="E7353" i="2" s="1"/>
  <c r="E7334" i="2" a="1"/>
  <c r="E7334" i="2" s="1"/>
  <c r="E7348" i="2" a="1"/>
  <c r="E7348" i="2" s="1"/>
  <c r="E7331" i="2" a="1"/>
  <c r="E7331" i="2" s="1"/>
  <c r="E7338" i="2" a="1"/>
  <c r="E7338" i="2" s="1"/>
  <c r="E7345" i="2" a="1"/>
  <c r="E7345" i="2" s="1"/>
  <c r="E7335" i="2" a="1"/>
  <c r="E7335" i="2" s="1"/>
  <c r="E7333" i="2" a="1"/>
  <c r="E7333" i="2" s="1"/>
  <c r="E7346" i="2" a="1"/>
  <c r="E7346" i="2" s="1"/>
  <c r="E7343" i="2" a="1"/>
  <c r="E7343" i="2" s="1"/>
  <c r="E7337" i="2" a="1"/>
  <c r="E7337" i="2" s="1"/>
  <c r="E7352" i="2" a="1"/>
  <c r="E7352" i="2" s="1"/>
  <c r="E7336" i="2" a="1"/>
  <c r="E7336" i="2" s="1"/>
  <c r="E7341" i="2" a="1"/>
  <c r="E7341" i="2" s="1"/>
  <c r="E7332" i="2" a="1"/>
  <c r="E7332" i="2" s="1"/>
  <c r="E7342" i="2" a="1"/>
  <c r="E7342" i="2" s="1"/>
  <c r="E7347" i="2" a="1"/>
  <c r="E7347" i="2" s="1"/>
  <c r="E7351" i="2" a="1"/>
  <c r="E7351" i="2" s="1"/>
  <c r="E7349" i="2" a="1"/>
  <c r="E7349" i="2" s="1"/>
  <c r="E7339" i="2" a="1"/>
  <c r="E7339" i="2" s="1"/>
  <c r="E7340" i="2" a="1"/>
  <c r="E7340" i="2" s="1"/>
  <c r="E7330" i="2" a="1"/>
  <c r="E7330" i="2" s="1"/>
  <c r="H4936" i="2" a="1"/>
  <c r="H4936" i="2" s="1"/>
  <c r="H4945" i="2" a="1"/>
  <c r="H4945" i="2" s="1"/>
  <c r="H4947" i="2" a="1"/>
  <c r="H4947" i="2" s="1"/>
  <c r="H4930" i="2" a="1"/>
  <c r="H4930" i="2" s="1"/>
  <c r="H4951" i="2" a="1"/>
  <c r="H4951" i="2" s="1"/>
  <c r="H4953" i="2" a="1"/>
  <c r="H4953" i="2" s="1"/>
  <c r="H4949" i="2" a="1"/>
  <c r="H4949" i="2" s="1"/>
  <c r="H4938" i="2" a="1"/>
  <c r="H4938" i="2" s="1"/>
  <c r="H4933" i="2" a="1"/>
  <c r="H4933" i="2" s="1"/>
  <c r="H4950" i="2" a="1"/>
  <c r="H4950" i="2" s="1"/>
  <c r="H4952" i="2" a="1"/>
  <c r="H4952" i="2" s="1"/>
  <c r="H4934" i="2" a="1"/>
  <c r="H4934" i="2" s="1"/>
  <c r="H4948" i="2" a="1"/>
  <c r="H4948" i="2" s="1"/>
  <c r="H4946" i="2" a="1"/>
  <c r="H4946" i="2" s="1"/>
  <c r="H4935" i="2" a="1"/>
  <c r="H4935" i="2" s="1"/>
  <c r="H4937" i="2" a="1"/>
  <c r="H4937" i="2" s="1"/>
  <c r="H4932" i="2" a="1"/>
  <c r="H4932" i="2" s="1"/>
  <c r="H4931" i="2" a="1"/>
  <c r="H4931" i="2" s="1"/>
  <c r="H4939" i="2" a="1"/>
  <c r="H4939" i="2" s="1"/>
  <c r="H4942" i="2" a="1"/>
  <c r="H4942" i="2" s="1"/>
  <c r="H4941" i="2" a="1"/>
  <c r="H4941" i="2" s="1"/>
  <c r="H4940" i="2" a="1"/>
  <c r="H4940" i="2" s="1"/>
  <c r="H4944" i="2" a="1"/>
  <c r="H4944" i="2" s="1"/>
  <c r="H4943" i="2" a="1"/>
  <c r="H4943" i="2" s="1"/>
  <c r="H4428" i="2" a="1"/>
  <c r="H4428" i="2" s="1"/>
  <c r="H4438" i="2" a="1"/>
  <c r="H4438" i="2" s="1"/>
  <c r="H4446" i="2" a="1"/>
  <c r="H4446" i="2" s="1"/>
  <c r="H4439" i="2" a="1"/>
  <c r="H4439" i="2" s="1"/>
  <c r="H4441" i="2" a="1"/>
  <c r="H4441" i="2" s="1"/>
  <c r="H4440" i="2" a="1"/>
  <c r="H4440" i="2" s="1"/>
  <c r="H4432" i="2" a="1"/>
  <c r="H4432" i="2" s="1"/>
  <c r="H4442" i="2" a="1"/>
  <c r="H4442" i="2" s="1"/>
  <c r="H4426" i="2" a="1"/>
  <c r="H4426" i="2" s="1"/>
  <c r="H4449" i="2" a="1"/>
  <c r="H4449" i="2" s="1"/>
  <c r="H4431" i="2" a="1"/>
  <c r="H4431" i="2" s="1"/>
  <c r="H4430" i="2" a="1"/>
  <c r="H4430" i="2" s="1"/>
  <c r="H4435" i="2" a="1"/>
  <c r="H4435" i="2" s="1"/>
  <c r="H4434" i="2" a="1"/>
  <c r="H4434" i="2" s="1"/>
  <c r="H4443" i="2" a="1"/>
  <c r="H4443" i="2" s="1"/>
  <c r="H4436" i="2" a="1"/>
  <c r="H4436" i="2" s="1"/>
  <c r="H4445" i="2" a="1"/>
  <c r="H4445" i="2" s="1"/>
  <c r="H4427" i="2" a="1"/>
  <c r="H4427" i="2" s="1"/>
  <c r="H4444" i="2" a="1"/>
  <c r="H4444" i="2" s="1"/>
  <c r="H4447" i="2" a="1"/>
  <c r="H4447" i="2" s="1"/>
  <c r="H4448" i="2" a="1"/>
  <c r="H4448" i="2" s="1"/>
  <c r="H4437" i="2" a="1"/>
  <c r="H4437" i="2" s="1"/>
  <c r="H4433" i="2" a="1"/>
  <c r="H4433" i="2" s="1"/>
  <c r="H4429" i="2" a="1"/>
  <c r="H4429" i="2" s="1"/>
  <c r="G6958" i="2" a="1"/>
  <c r="G6958" i="2" s="1"/>
  <c r="G6950" i="2" a="1"/>
  <c r="G6950" i="2" s="1"/>
  <c r="G6968" i="2" a="1"/>
  <c r="G6968" i="2" s="1"/>
  <c r="G6948" i="2" a="1"/>
  <c r="G6948" i="2" s="1"/>
  <c r="G6965" i="2" a="1"/>
  <c r="G6965" i="2" s="1"/>
  <c r="G6960" i="2" a="1"/>
  <c r="G6960" i="2" s="1"/>
  <c r="G6967" i="2" a="1"/>
  <c r="G6967" i="2" s="1"/>
  <c r="G6957" i="2" a="1"/>
  <c r="G6957" i="2" s="1"/>
  <c r="G6946" i="2" a="1"/>
  <c r="G6946" i="2" s="1"/>
  <c r="G6947" i="2" a="1"/>
  <c r="G6947" i="2" s="1"/>
  <c r="G6963" i="2" a="1"/>
  <c r="G6963" i="2" s="1"/>
  <c r="G6951" i="2" a="1"/>
  <c r="G6951" i="2" s="1"/>
  <c r="G6955" i="2" a="1"/>
  <c r="G6955" i="2" s="1"/>
  <c r="G6952" i="2" a="1"/>
  <c r="G6952" i="2" s="1"/>
  <c r="G6949" i="2" a="1"/>
  <c r="G6949" i="2" s="1"/>
  <c r="G6953" i="2" a="1"/>
  <c r="G6953" i="2" s="1"/>
  <c r="G6961" i="2" a="1"/>
  <c r="G6961" i="2" s="1"/>
  <c r="G6956" i="2" a="1"/>
  <c r="G6956" i="2" s="1"/>
  <c r="G6954" i="2" a="1"/>
  <c r="G6954" i="2" s="1"/>
  <c r="G6962" i="2" a="1"/>
  <c r="G6962" i="2" s="1"/>
  <c r="G6964" i="2" a="1"/>
  <c r="G6964" i="2" s="1"/>
  <c r="G6969" i="2" a="1"/>
  <c r="G6969" i="2" s="1"/>
  <c r="G6959" i="2" a="1"/>
  <c r="G6959" i="2" s="1"/>
  <c r="G6966" i="2" a="1"/>
  <c r="G6966" i="2" s="1"/>
  <c r="AN108" i="1"/>
  <c r="D114" i="5" s="1"/>
  <c r="AO108" i="1"/>
  <c r="E114" i="5" s="1"/>
  <c r="AQ108" i="1"/>
  <c r="G114" i="5" s="1"/>
  <c r="AP108" i="1"/>
  <c r="F114" i="5" s="1"/>
  <c r="AM108" i="1"/>
  <c r="D2589" i="2" a="1"/>
  <c r="D2589" i="2" s="1"/>
  <c r="D2597" i="2" a="1"/>
  <c r="D2597" i="2" s="1"/>
  <c r="D2580" i="2" a="1"/>
  <c r="D2580" i="2" s="1"/>
  <c r="D2584" i="2" a="1"/>
  <c r="D2584" i="2" s="1"/>
  <c r="D2588" i="2" a="1"/>
  <c r="D2588" i="2" s="1"/>
  <c r="D2581" i="2" a="1"/>
  <c r="D2581" i="2" s="1"/>
  <c r="D2601" i="2" a="1"/>
  <c r="D2601" i="2" s="1"/>
  <c r="D2596" i="2" a="1"/>
  <c r="D2596" i="2" s="1"/>
  <c r="D2600" i="2" a="1"/>
  <c r="D2600" i="2" s="1"/>
  <c r="D2579" i="2" a="1"/>
  <c r="D2579" i="2" s="1"/>
  <c r="D2583" i="2" a="1"/>
  <c r="D2583" i="2" s="1"/>
  <c r="D2591" i="2" a="1"/>
  <c r="D2591" i="2" s="1"/>
  <c r="D2592" i="2" a="1"/>
  <c r="D2592" i="2" s="1"/>
  <c r="D2587" i="2" a="1"/>
  <c r="D2587" i="2" s="1"/>
  <c r="D2595" i="2" a="1"/>
  <c r="D2595" i="2" s="1"/>
  <c r="D2599" i="2" a="1"/>
  <c r="D2599" i="2" s="1"/>
  <c r="D2578" i="2" a="1"/>
  <c r="D2578" i="2" s="1"/>
  <c r="D2586" i="2" a="1"/>
  <c r="D2586" i="2" s="1"/>
  <c r="D2590" i="2" a="1"/>
  <c r="D2590" i="2" s="1"/>
  <c r="D2594" i="2" a="1"/>
  <c r="D2594" i="2" s="1"/>
  <c r="D2582" i="2" a="1"/>
  <c r="D2582" i="2" s="1"/>
  <c r="D2598" i="2" a="1"/>
  <c r="D2598" i="2" s="1"/>
  <c r="D2585" i="2" a="1"/>
  <c r="D2585" i="2" s="1"/>
  <c r="D2593" i="2" a="1"/>
  <c r="D2593" i="2" s="1"/>
  <c r="F5022" i="2" a="1"/>
  <c r="F5022" i="2" s="1"/>
  <c r="F5019" i="2" a="1"/>
  <c r="F5019" i="2" s="1"/>
  <c r="F5014" i="2" a="1"/>
  <c r="F5014" i="2" s="1"/>
  <c r="F5023" i="2" a="1"/>
  <c r="F5023" i="2" s="1"/>
  <c r="F5005" i="2" a="1"/>
  <c r="F5005" i="2" s="1"/>
  <c r="F5015" i="2" a="1"/>
  <c r="F5015" i="2" s="1"/>
  <c r="F5002" i="2" a="1"/>
  <c r="F5002" i="2" s="1"/>
  <c r="F5012" i="2" a="1"/>
  <c r="F5012" i="2" s="1"/>
  <c r="F5004" i="2" a="1"/>
  <c r="F5004" i="2" s="1"/>
  <c r="F5024" i="2" a="1"/>
  <c r="F5024" i="2" s="1"/>
  <c r="F5011" i="2" a="1"/>
  <c r="F5011" i="2" s="1"/>
  <c r="F5006" i="2" a="1"/>
  <c r="F5006" i="2" s="1"/>
  <c r="F5017" i="2" a="1"/>
  <c r="F5017" i="2" s="1"/>
  <c r="F5016" i="2" a="1"/>
  <c r="F5016" i="2" s="1"/>
  <c r="F5008" i="2" a="1"/>
  <c r="F5008" i="2" s="1"/>
  <c r="F5010" i="2" a="1"/>
  <c r="F5010" i="2" s="1"/>
  <c r="F5018" i="2" a="1"/>
  <c r="F5018" i="2" s="1"/>
  <c r="F5020" i="2" a="1"/>
  <c r="F5020" i="2" s="1"/>
  <c r="F5025" i="2" a="1"/>
  <c r="F5025" i="2" s="1"/>
  <c r="F5021" i="2" a="1"/>
  <c r="F5021" i="2" s="1"/>
  <c r="F5007" i="2" a="1"/>
  <c r="F5007" i="2" s="1"/>
  <c r="F5003" i="2" a="1"/>
  <c r="F5003" i="2" s="1"/>
  <c r="F5009" i="2" a="1"/>
  <c r="F5009" i="2" s="1"/>
  <c r="F5013" i="2" a="1"/>
  <c r="F5013" i="2" s="1"/>
  <c r="G1075" i="2" a="1"/>
  <c r="G1075" i="2" s="1"/>
  <c r="G1079" i="2" a="1"/>
  <c r="G1079" i="2" s="1"/>
  <c r="G1084" i="2" a="1"/>
  <c r="G1084" i="2" s="1"/>
  <c r="G1083" i="2" a="1"/>
  <c r="G1083" i="2" s="1"/>
  <c r="G1080" i="2" a="1"/>
  <c r="G1080" i="2" s="1"/>
  <c r="G1077" i="2" a="1"/>
  <c r="G1077" i="2" s="1"/>
  <c r="G1071" i="2" a="1"/>
  <c r="G1071" i="2" s="1"/>
  <c r="G1066" i="2" a="1"/>
  <c r="G1066" i="2" s="1"/>
  <c r="G1087" i="2" a="1"/>
  <c r="G1087" i="2" s="1"/>
  <c r="G1067" i="2" a="1"/>
  <c r="G1067" i="2" s="1"/>
  <c r="G1070" i="2" a="1"/>
  <c r="G1070" i="2" s="1"/>
  <c r="G1076" i="2" a="1"/>
  <c r="G1076" i="2" s="1"/>
  <c r="G1085" i="2" a="1"/>
  <c r="G1085" i="2" s="1"/>
  <c r="G1081" i="2" a="1"/>
  <c r="G1081" i="2" s="1"/>
  <c r="G1073" i="2" a="1"/>
  <c r="G1073" i="2" s="1"/>
  <c r="G1078" i="2" a="1"/>
  <c r="G1078" i="2" s="1"/>
  <c r="G1089" i="2" a="1"/>
  <c r="G1089" i="2" s="1"/>
  <c r="G1086" i="2" a="1"/>
  <c r="G1086" i="2" s="1"/>
  <c r="G1074" i="2" a="1"/>
  <c r="G1074" i="2" s="1"/>
  <c r="G1082" i="2" a="1"/>
  <c r="G1082" i="2" s="1"/>
  <c r="G1072" i="2" a="1"/>
  <c r="G1072" i="2" s="1"/>
  <c r="G1068" i="2" a="1"/>
  <c r="G1068" i="2" s="1"/>
  <c r="G1088" i="2" a="1"/>
  <c r="G1088" i="2" s="1"/>
  <c r="G1069" i="2" a="1"/>
  <c r="G1069" i="2" s="1"/>
  <c r="AO104" i="1"/>
  <c r="E110" i="5" s="1"/>
  <c r="AQ104" i="1"/>
  <c r="G110" i="5" s="1"/>
  <c r="AN104" i="1"/>
  <c r="D110" i="5" s="1"/>
  <c r="AP104" i="1"/>
  <c r="F110" i="5" s="1"/>
  <c r="AM104" i="1"/>
  <c r="D2482" i="2" a="1"/>
  <c r="D2482" i="2" s="1"/>
  <c r="D2486" i="2" a="1"/>
  <c r="D2486" i="2" s="1"/>
  <c r="D2490" i="2" a="1"/>
  <c r="D2490" i="2" s="1"/>
  <c r="D2494" i="2" a="1"/>
  <c r="D2494" i="2" s="1"/>
  <c r="D2498" i="2" a="1"/>
  <c r="D2498" i="2" s="1"/>
  <c r="D2502" i="2" a="1"/>
  <c r="D2502" i="2" s="1"/>
  <c r="D2485" i="2" a="1"/>
  <c r="D2485" i="2" s="1"/>
  <c r="D2489" i="2" a="1"/>
  <c r="D2489" i="2" s="1"/>
  <c r="D2497" i="2" a="1"/>
  <c r="D2497" i="2" s="1"/>
  <c r="D2505" i="2" a="1"/>
  <c r="D2505" i="2" s="1"/>
  <c r="D2493" i="2" a="1"/>
  <c r="D2493" i="2" s="1"/>
  <c r="D2484" i="2" a="1"/>
  <c r="D2484" i="2" s="1"/>
  <c r="D2488" i="2" a="1"/>
  <c r="D2488" i="2" s="1"/>
  <c r="D2496" i="2" a="1"/>
  <c r="D2496" i="2" s="1"/>
  <c r="D2501" i="2" a="1"/>
  <c r="D2501" i="2" s="1"/>
  <c r="D2500" i="2" a="1"/>
  <c r="D2500" i="2" s="1"/>
  <c r="D2504" i="2" a="1"/>
  <c r="D2504" i="2" s="1"/>
  <c r="D2483" i="2" a="1"/>
  <c r="D2483" i="2" s="1"/>
  <c r="D2487" i="2" a="1"/>
  <c r="D2487" i="2" s="1"/>
  <c r="D2491" i="2" a="1"/>
  <c r="D2491" i="2" s="1"/>
  <c r="D2495" i="2" a="1"/>
  <c r="D2495" i="2" s="1"/>
  <c r="D2499" i="2" a="1"/>
  <c r="D2499" i="2" s="1"/>
  <c r="D2503" i="2" a="1"/>
  <c r="D2503" i="2" s="1"/>
  <c r="D2492" i="2" a="1"/>
  <c r="D2492" i="2" s="1"/>
  <c r="H8444" i="2" a="1"/>
  <c r="H8444" i="2" s="1"/>
  <c r="H8452" i="2" a="1"/>
  <c r="H8452" i="2" s="1"/>
  <c r="H8440" i="2" a="1"/>
  <c r="H8440" i="2" s="1"/>
  <c r="H8447" i="2" a="1"/>
  <c r="H8447" i="2" s="1"/>
  <c r="H8453" i="2" a="1"/>
  <c r="H8453" i="2" s="1"/>
  <c r="H8446" i="2" a="1"/>
  <c r="H8446" i="2" s="1"/>
  <c r="H8448" i="2" a="1"/>
  <c r="H8448" i="2" s="1"/>
  <c r="H8457" i="2" a="1"/>
  <c r="H8457" i="2" s="1"/>
  <c r="H8435" i="2" a="1"/>
  <c r="H8435" i="2" s="1"/>
  <c r="H8442" i="2" a="1"/>
  <c r="H8442" i="2" s="1"/>
  <c r="H8436" i="2" a="1"/>
  <c r="H8436" i="2" s="1"/>
  <c r="H8437" i="2" a="1"/>
  <c r="H8437" i="2" s="1"/>
  <c r="H8439" i="2" a="1"/>
  <c r="H8439" i="2" s="1"/>
  <c r="H8454" i="2" a="1"/>
  <c r="H8454" i="2" s="1"/>
  <c r="H8456" i="2" a="1"/>
  <c r="H8456" i="2" s="1"/>
  <c r="H8449" i="2" a="1"/>
  <c r="H8449" i="2" s="1"/>
  <c r="H8450" i="2" a="1"/>
  <c r="H8450" i="2" s="1"/>
  <c r="H8438" i="2" a="1"/>
  <c r="H8438" i="2" s="1"/>
  <c r="H8455" i="2" a="1"/>
  <c r="H8455" i="2" s="1"/>
  <c r="H8445" i="2" a="1"/>
  <c r="H8445" i="2" s="1"/>
  <c r="H8443" i="2" a="1"/>
  <c r="H8443" i="2" s="1"/>
  <c r="H8434" i="2" a="1"/>
  <c r="H8434" i="2" s="1"/>
  <c r="H8441" i="2" a="1"/>
  <c r="H8441" i="2" s="1"/>
  <c r="H8451" i="2" a="1"/>
  <c r="H8451" i="2" s="1"/>
  <c r="G2227" i="2" a="1"/>
  <c r="G2227" i="2" s="1"/>
  <c r="G2232" i="2" a="1"/>
  <c r="G2232" i="2" s="1"/>
  <c r="G2235" i="2" a="1"/>
  <c r="G2235" i="2" s="1"/>
  <c r="G2238" i="2" a="1"/>
  <c r="G2238" i="2" s="1"/>
  <c r="G2233" i="2" a="1"/>
  <c r="G2233" i="2" s="1"/>
  <c r="G2218" i="2" a="1"/>
  <c r="G2218" i="2" s="1"/>
  <c r="G2228" i="2" a="1"/>
  <c r="G2228" i="2" s="1"/>
  <c r="G2234" i="2" a="1"/>
  <c r="G2234" i="2" s="1"/>
  <c r="G2225" i="2" a="1"/>
  <c r="G2225" i="2" s="1"/>
  <c r="G2219" i="2" a="1"/>
  <c r="G2219" i="2" s="1"/>
  <c r="G2226" i="2" a="1"/>
  <c r="G2226" i="2" s="1"/>
  <c r="G2220" i="2" a="1"/>
  <c r="G2220" i="2" s="1"/>
  <c r="G2230" i="2" a="1"/>
  <c r="G2230" i="2" s="1"/>
  <c r="G2221" i="2" a="1"/>
  <c r="G2221" i="2" s="1"/>
  <c r="G2236" i="2" a="1"/>
  <c r="G2236" i="2" s="1"/>
  <c r="G2223" i="2" a="1"/>
  <c r="G2223" i="2" s="1"/>
  <c r="G2237" i="2" a="1"/>
  <c r="G2237" i="2" s="1"/>
  <c r="G2224" i="2" a="1"/>
  <c r="G2224" i="2" s="1"/>
  <c r="G2240" i="2" a="1"/>
  <c r="G2240" i="2" s="1"/>
  <c r="G2241" i="2" a="1"/>
  <c r="G2241" i="2" s="1"/>
  <c r="G2229" i="2" a="1"/>
  <c r="G2229" i="2" s="1"/>
  <c r="G2231" i="2" a="1"/>
  <c r="G2231" i="2" s="1"/>
  <c r="G2222" i="2" a="1"/>
  <c r="G2222" i="2" s="1"/>
  <c r="G2239" i="2" a="1"/>
  <c r="G2239" i="2" s="1"/>
  <c r="G6930" i="2" a="1"/>
  <c r="G6930" i="2" s="1"/>
  <c r="G6945" i="2" a="1"/>
  <c r="G6945" i="2" s="1"/>
  <c r="G6938" i="2" a="1"/>
  <c r="G6938" i="2" s="1"/>
  <c r="G6931" i="2" a="1"/>
  <c r="G6931" i="2" s="1"/>
  <c r="G6934" i="2" a="1"/>
  <c r="G6934" i="2" s="1"/>
  <c r="G6927" i="2" a="1"/>
  <c r="G6927" i="2" s="1"/>
  <c r="G6940" i="2" a="1"/>
  <c r="G6940" i="2" s="1"/>
  <c r="G6926" i="2" a="1"/>
  <c r="G6926" i="2" s="1"/>
  <c r="G6939" i="2" a="1"/>
  <c r="G6939" i="2" s="1"/>
  <c r="G6935" i="2" a="1"/>
  <c r="G6935" i="2" s="1"/>
  <c r="G6929" i="2" a="1"/>
  <c r="G6929" i="2" s="1"/>
  <c r="G6936" i="2" a="1"/>
  <c r="G6936" i="2" s="1"/>
  <c r="G6941" i="2" a="1"/>
  <c r="G6941" i="2" s="1"/>
  <c r="G6943" i="2" a="1"/>
  <c r="G6943" i="2" s="1"/>
  <c r="G6922" i="2" a="1"/>
  <c r="G6922" i="2" s="1"/>
  <c r="G6923" i="2" a="1"/>
  <c r="G6923" i="2" s="1"/>
  <c r="G6937" i="2" a="1"/>
  <c r="G6937" i="2" s="1"/>
  <c r="G6924" i="2" a="1"/>
  <c r="G6924" i="2" s="1"/>
  <c r="G6942" i="2" a="1"/>
  <c r="G6942" i="2" s="1"/>
  <c r="G6944" i="2" a="1"/>
  <c r="G6944" i="2" s="1"/>
  <c r="G6933" i="2" a="1"/>
  <c r="G6933" i="2" s="1"/>
  <c r="G6928" i="2" a="1"/>
  <c r="G6928" i="2" s="1"/>
  <c r="G6932" i="2" a="1"/>
  <c r="G6932" i="2" s="1"/>
  <c r="G6925" i="2" a="1"/>
  <c r="G6925" i="2" s="1"/>
  <c r="G2944" i="2" a="1"/>
  <c r="G2944" i="2" s="1"/>
  <c r="G2955" i="2" a="1"/>
  <c r="G2955" i="2" s="1"/>
  <c r="G2951" i="2" a="1"/>
  <c r="G2951" i="2" s="1"/>
  <c r="G2947" i="2" a="1"/>
  <c r="G2947" i="2" s="1"/>
  <c r="G2957" i="2" a="1"/>
  <c r="G2957" i="2" s="1"/>
  <c r="G2960" i="2" a="1"/>
  <c r="G2960" i="2" s="1"/>
  <c r="G2956" i="2" a="1"/>
  <c r="G2956" i="2" s="1"/>
  <c r="G2959" i="2" a="1"/>
  <c r="G2959" i="2" s="1"/>
  <c r="G2938" i="2" a="1"/>
  <c r="G2938" i="2" s="1"/>
  <c r="G2952" i="2" a="1"/>
  <c r="G2952" i="2" s="1"/>
  <c r="G2942" i="2" a="1"/>
  <c r="G2942" i="2" s="1"/>
  <c r="G2953" i="2" a="1"/>
  <c r="G2953" i="2" s="1"/>
  <c r="G2939" i="2" a="1"/>
  <c r="G2939" i="2" s="1"/>
  <c r="G2941" i="2" a="1"/>
  <c r="G2941" i="2" s="1"/>
  <c r="G2943" i="2" a="1"/>
  <c r="G2943" i="2" s="1"/>
  <c r="G2950" i="2" a="1"/>
  <c r="G2950" i="2" s="1"/>
  <c r="G2945" i="2" a="1"/>
  <c r="G2945" i="2" s="1"/>
  <c r="G2946" i="2" a="1"/>
  <c r="G2946" i="2" s="1"/>
  <c r="G2961" i="2" a="1"/>
  <c r="G2961" i="2" s="1"/>
  <c r="G2958" i="2" a="1"/>
  <c r="G2958" i="2" s="1"/>
  <c r="G2954" i="2" a="1"/>
  <c r="G2954" i="2" s="1"/>
  <c r="G2948" i="2" a="1"/>
  <c r="G2948" i="2" s="1"/>
  <c r="G2949" i="2" a="1"/>
  <c r="G2949" i="2" s="1"/>
  <c r="G2940" i="2" a="1"/>
  <c r="G2940" i="2" s="1"/>
  <c r="E605" i="2" a="1"/>
  <c r="E605" i="2" s="1"/>
  <c r="E607" i="2" a="1"/>
  <c r="E607" i="2" s="1"/>
  <c r="E609" i="2" a="1"/>
  <c r="E609" i="2" s="1"/>
  <c r="E593" i="2" a="1"/>
  <c r="E593" i="2" s="1"/>
  <c r="E603" i="2" a="1"/>
  <c r="E603" i="2" s="1"/>
  <c r="E600" i="2" a="1"/>
  <c r="E600" i="2" s="1"/>
  <c r="E604" i="2" a="1"/>
  <c r="E604" i="2" s="1"/>
  <c r="E587" i="2" a="1"/>
  <c r="E587" i="2" s="1"/>
  <c r="E589" i="2" a="1"/>
  <c r="E589" i="2" s="1"/>
  <c r="E592" i="2" a="1"/>
  <c r="E592" i="2" s="1"/>
  <c r="E601" i="2" a="1"/>
  <c r="E601" i="2" s="1"/>
  <c r="E590" i="2" a="1"/>
  <c r="E590" i="2" s="1"/>
  <c r="E597" i="2" a="1"/>
  <c r="E597" i="2" s="1"/>
  <c r="E594" i="2" a="1"/>
  <c r="E594" i="2" s="1"/>
  <c r="E598" i="2" a="1"/>
  <c r="E598" i="2" s="1"/>
  <c r="E595" i="2" a="1"/>
  <c r="E595" i="2" s="1"/>
  <c r="E608" i="2" a="1"/>
  <c r="E608" i="2" s="1"/>
  <c r="E596" i="2" a="1"/>
  <c r="E596" i="2" s="1"/>
  <c r="E599" i="2" a="1"/>
  <c r="E599" i="2" s="1"/>
  <c r="E602" i="2" a="1"/>
  <c r="E602" i="2" s="1"/>
  <c r="E606" i="2" a="1"/>
  <c r="E606" i="2" s="1"/>
  <c r="E588" i="2" a="1"/>
  <c r="E588" i="2" s="1"/>
  <c r="E591" i="2" a="1"/>
  <c r="E591" i="2" s="1"/>
  <c r="E586" i="2" a="1"/>
  <c r="E586" i="2" s="1"/>
  <c r="G5857" i="2" a="1"/>
  <c r="G5857" i="2" s="1"/>
  <c r="G5846" i="2" a="1"/>
  <c r="G5846" i="2" s="1"/>
  <c r="G5843" i="2" a="1"/>
  <c r="G5843" i="2" s="1"/>
  <c r="G5861" i="2" a="1"/>
  <c r="G5861" i="2" s="1"/>
  <c r="G5849" i="2" a="1"/>
  <c r="G5849" i="2" s="1"/>
  <c r="G5851" i="2" a="1"/>
  <c r="G5851" i="2" s="1"/>
  <c r="G5845" i="2" a="1"/>
  <c r="G5845" i="2" s="1"/>
  <c r="G5852" i="2" a="1"/>
  <c r="G5852" i="2" s="1"/>
  <c r="G5858" i="2" a="1"/>
  <c r="G5858" i="2" s="1"/>
  <c r="G5853" i="2" a="1"/>
  <c r="G5853" i="2" s="1"/>
  <c r="G5847" i="2" a="1"/>
  <c r="G5847" i="2" s="1"/>
  <c r="G5855" i="2" a="1"/>
  <c r="G5855" i="2" s="1"/>
  <c r="G5856" i="2" a="1"/>
  <c r="G5856" i="2" s="1"/>
  <c r="G5862" i="2" a="1"/>
  <c r="G5862" i="2" s="1"/>
  <c r="G5865" i="2" a="1"/>
  <c r="G5865" i="2" s="1"/>
  <c r="G5844" i="2" a="1"/>
  <c r="G5844" i="2" s="1"/>
  <c r="G5842" i="2" a="1"/>
  <c r="G5842" i="2" s="1"/>
  <c r="G5864" i="2" a="1"/>
  <c r="G5864" i="2" s="1"/>
  <c r="G5859" i="2" a="1"/>
  <c r="G5859" i="2" s="1"/>
  <c r="G5863" i="2" a="1"/>
  <c r="G5863" i="2" s="1"/>
  <c r="G5860" i="2" a="1"/>
  <c r="G5860" i="2" s="1"/>
  <c r="G5850" i="2" a="1"/>
  <c r="G5850" i="2" s="1"/>
  <c r="G5848" i="2" a="1"/>
  <c r="G5848" i="2" s="1"/>
  <c r="G5854" i="2" a="1"/>
  <c r="G5854" i="2" s="1"/>
  <c r="H4289" i="2" a="1"/>
  <c r="H4289" i="2" s="1"/>
  <c r="H4290" i="2" a="1"/>
  <c r="H4290" i="2" s="1"/>
  <c r="H4282" i="2" a="1"/>
  <c r="H4282" i="2" s="1"/>
  <c r="H4283" i="2" a="1"/>
  <c r="H4283" i="2" s="1"/>
  <c r="H4291" i="2" a="1"/>
  <c r="H4291" i="2" s="1"/>
  <c r="H4285" i="2" a="1"/>
  <c r="H4285" i="2" s="1"/>
  <c r="H4304" i="2" a="1"/>
  <c r="H4304" i="2" s="1"/>
  <c r="H4301" i="2" a="1"/>
  <c r="H4301" i="2" s="1"/>
  <c r="H4293" i="2" a="1"/>
  <c r="H4293" i="2" s="1"/>
  <c r="H4302" i="2" a="1"/>
  <c r="H4302" i="2" s="1"/>
  <c r="H4284" i="2" a="1"/>
  <c r="H4284" i="2" s="1"/>
  <c r="H4297" i="2" a="1"/>
  <c r="H4297" i="2" s="1"/>
  <c r="H4288" i="2" a="1"/>
  <c r="H4288" i="2" s="1"/>
  <c r="H4299" i="2" a="1"/>
  <c r="H4299" i="2" s="1"/>
  <c r="H4305" i="2" a="1"/>
  <c r="H4305" i="2" s="1"/>
  <c r="H4303" i="2" a="1"/>
  <c r="H4303" i="2" s="1"/>
  <c r="H4294" i="2" a="1"/>
  <c r="H4294" i="2" s="1"/>
  <c r="H4300" i="2" a="1"/>
  <c r="H4300" i="2" s="1"/>
  <c r="H4286" i="2" a="1"/>
  <c r="H4286" i="2" s="1"/>
  <c r="H4287" i="2" a="1"/>
  <c r="H4287" i="2" s="1"/>
  <c r="H4298" i="2" a="1"/>
  <c r="H4298" i="2" s="1"/>
  <c r="H4292" i="2" a="1"/>
  <c r="H4292" i="2" s="1"/>
  <c r="H4295" i="2" a="1"/>
  <c r="H4295" i="2" s="1"/>
  <c r="H4296" i="2" a="1"/>
  <c r="H4296" i="2" s="1"/>
  <c r="G6151" i="2" a="1"/>
  <c r="G6151" i="2" s="1"/>
  <c r="G6142" i="2" a="1"/>
  <c r="G6142" i="2" s="1"/>
  <c r="G6148" i="2" a="1"/>
  <c r="G6148" i="2" s="1"/>
  <c r="G6143" i="2" a="1"/>
  <c r="G6143" i="2" s="1"/>
  <c r="G6136" i="2" a="1"/>
  <c r="G6136" i="2" s="1"/>
  <c r="G6133" i="2" a="1"/>
  <c r="G6133" i="2" s="1"/>
  <c r="G6137" i="2" a="1"/>
  <c r="G6137" i="2" s="1"/>
  <c r="G6138" i="2" a="1"/>
  <c r="G6138" i="2" s="1"/>
  <c r="G6149" i="2" a="1"/>
  <c r="G6149" i="2" s="1"/>
  <c r="G6153" i="2" a="1"/>
  <c r="G6153" i="2" s="1"/>
  <c r="G6130" i="2" a="1"/>
  <c r="G6130" i="2" s="1"/>
  <c r="G6145" i="2" a="1"/>
  <c r="G6145" i="2" s="1"/>
  <c r="G6150" i="2" a="1"/>
  <c r="G6150" i="2" s="1"/>
  <c r="G6134" i="2" a="1"/>
  <c r="G6134" i="2" s="1"/>
  <c r="G6140" i="2" a="1"/>
  <c r="G6140" i="2" s="1"/>
  <c r="G6139" i="2" a="1"/>
  <c r="G6139" i="2" s="1"/>
  <c r="G6141" i="2" a="1"/>
  <c r="G6141" i="2" s="1"/>
  <c r="G6144" i="2" a="1"/>
  <c r="G6144" i="2" s="1"/>
  <c r="G6131" i="2" a="1"/>
  <c r="G6131" i="2" s="1"/>
  <c r="G6147" i="2" a="1"/>
  <c r="G6147" i="2" s="1"/>
  <c r="G6146" i="2" a="1"/>
  <c r="G6146" i="2" s="1"/>
  <c r="G6135" i="2" a="1"/>
  <c r="G6135" i="2" s="1"/>
  <c r="G6152" i="2" a="1"/>
  <c r="G6152" i="2" s="1"/>
  <c r="G6132" i="2" a="1"/>
  <c r="G6132" i="2" s="1"/>
  <c r="H5268" i="2" a="1"/>
  <c r="H5268" i="2" s="1"/>
  <c r="H5279" i="2" a="1"/>
  <c r="H5279" i="2" s="1"/>
  <c r="H5269" i="2" a="1"/>
  <c r="H5269" i="2" s="1"/>
  <c r="H5286" i="2" a="1"/>
  <c r="H5286" i="2" s="1"/>
  <c r="H5273" i="2" a="1"/>
  <c r="H5273" i="2" s="1"/>
  <c r="H5280" i="2" a="1"/>
  <c r="H5280" i="2" s="1"/>
  <c r="H5274" i="2" a="1"/>
  <c r="H5274" i="2" s="1"/>
  <c r="H5287" i="2" a="1"/>
  <c r="H5287" i="2" s="1"/>
  <c r="H5275" i="2" a="1"/>
  <c r="H5275" i="2" s="1"/>
  <c r="H5284" i="2" a="1"/>
  <c r="H5284" i="2" s="1"/>
  <c r="H5289" i="2" a="1"/>
  <c r="H5289" i="2" s="1"/>
  <c r="H5283" i="2" a="1"/>
  <c r="H5283" i="2" s="1"/>
  <c r="H5281" i="2" a="1"/>
  <c r="H5281" i="2" s="1"/>
  <c r="H5282" i="2" a="1"/>
  <c r="H5282" i="2" s="1"/>
  <c r="H5271" i="2" a="1"/>
  <c r="H5271" i="2" s="1"/>
  <c r="H5266" i="2" a="1"/>
  <c r="H5266" i="2" s="1"/>
  <c r="H5267" i="2" a="1"/>
  <c r="H5267" i="2" s="1"/>
  <c r="H5288" i="2" a="1"/>
  <c r="H5288" i="2" s="1"/>
  <c r="H5285" i="2" a="1"/>
  <c r="H5285" i="2" s="1"/>
  <c r="H5278" i="2" a="1"/>
  <c r="H5278" i="2" s="1"/>
  <c r="H5277" i="2" a="1"/>
  <c r="H5277" i="2" s="1"/>
  <c r="H5272" i="2" a="1"/>
  <c r="H5272" i="2" s="1"/>
  <c r="H5276" i="2" a="1"/>
  <c r="H5276" i="2" s="1"/>
  <c r="H5270" i="2" a="1"/>
  <c r="H5270" i="2" s="1"/>
  <c r="G780" i="2" a="1"/>
  <c r="G780" i="2" s="1"/>
  <c r="G795" i="2" a="1"/>
  <c r="G795" i="2" s="1"/>
  <c r="G799" i="2" a="1"/>
  <c r="G799" i="2" s="1"/>
  <c r="G781" i="2" a="1"/>
  <c r="G781" i="2" s="1"/>
  <c r="G786" i="2" a="1"/>
  <c r="G786" i="2" s="1"/>
  <c r="G800" i="2" a="1"/>
  <c r="G800" i="2" s="1"/>
  <c r="G778" i="2" a="1"/>
  <c r="G778" i="2" s="1"/>
  <c r="G794" i="2" a="1"/>
  <c r="G794" i="2" s="1"/>
  <c r="G785" i="2" a="1"/>
  <c r="G785" i="2" s="1"/>
  <c r="G801" i="2" a="1"/>
  <c r="G801" i="2" s="1"/>
  <c r="G787" i="2" a="1"/>
  <c r="G787" i="2" s="1"/>
  <c r="G796" i="2" a="1"/>
  <c r="G796" i="2" s="1"/>
  <c r="G791" i="2" a="1"/>
  <c r="G791" i="2" s="1"/>
  <c r="G792" i="2" a="1"/>
  <c r="G792" i="2" s="1"/>
  <c r="G782" i="2" a="1"/>
  <c r="G782" i="2" s="1"/>
  <c r="G793" i="2" a="1"/>
  <c r="G793" i="2" s="1"/>
  <c r="G783" i="2" a="1"/>
  <c r="G783" i="2" s="1"/>
  <c r="G779" i="2" a="1"/>
  <c r="G779" i="2" s="1"/>
  <c r="G798" i="2" a="1"/>
  <c r="G798" i="2" s="1"/>
  <c r="G789" i="2" a="1"/>
  <c r="G789" i="2" s="1"/>
  <c r="G790" i="2" a="1"/>
  <c r="G790" i="2" s="1"/>
  <c r="G788" i="2" a="1"/>
  <c r="G788" i="2" s="1"/>
  <c r="G784" i="2" a="1"/>
  <c r="G784" i="2" s="1"/>
  <c r="G797" i="2" a="1"/>
  <c r="G797" i="2" s="1"/>
  <c r="AP275" i="1"/>
  <c r="F281" i="5" s="1"/>
  <c r="AN275" i="1"/>
  <c r="D281" i="5" s="1"/>
  <c r="AQ275" i="1"/>
  <c r="G281" i="5" s="1"/>
  <c r="AO275" i="1"/>
  <c r="E281" i="5" s="1"/>
  <c r="AM275" i="1"/>
  <c r="D6587" i="2" a="1"/>
  <c r="D6587" i="2" s="1"/>
  <c r="D6591" i="2" a="1"/>
  <c r="D6591" i="2" s="1"/>
  <c r="D6595" i="2" a="1"/>
  <c r="D6595" i="2" s="1"/>
  <c r="D6599" i="2" a="1"/>
  <c r="D6599" i="2" s="1"/>
  <c r="D6593" i="2" a="1"/>
  <c r="D6593" i="2" s="1"/>
  <c r="D6605" i="2" a="1"/>
  <c r="D6605" i="2" s="1"/>
  <c r="D6609" i="2" a="1"/>
  <c r="D6609" i="2" s="1"/>
  <c r="D6598" i="2" a="1"/>
  <c r="D6598" i="2" s="1"/>
  <c r="D6602" i="2" a="1"/>
  <c r="D6602" i="2" s="1"/>
  <c r="D6589" i="2" a="1"/>
  <c r="D6589" i="2" s="1"/>
  <c r="D6588" i="2" a="1"/>
  <c r="D6588" i="2" s="1"/>
  <c r="D6608" i="2" a="1"/>
  <c r="D6608" i="2" s="1"/>
  <c r="D6597" i="2" a="1"/>
  <c r="D6597" i="2" s="1"/>
  <c r="D6601" i="2" a="1"/>
  <c r="D6601" i="2" s="1"/>
  <c r="D6592" i="2" a="1"/>
  <c r="D6592" i="2" s="1"/>
  <c r="D6603" i="2" a="1"/>
  <c r="D6603" i="2" s="1"/>
  <c r="D6607" i="2" a="1"/>
  <c r="D6607" i="2" s="1"/>
  <c r="D6596" i="2" a="1"/>
  <c r="D6596" i="2" s="1"/>
  <c r="D6600" i="2" a="1"/>
  <c r="D6600" i="2" s="1"/>
  <c r="D6604" i="2" a="1"/>
  <c r="D6604" i="2" s="1"/>
  <c r="D6586" i="2" a="1"/>
  <c r="D6586" i="2" s="1"/>
  <c r="D6590" i="2" a="1"/>
  <c r="D6590" i="2" s="1"/>
  <c r="D6594" i="2" a="1"/>
  <c r="D6594" i="2" s="1"/>
  <c r="D6606" i="2" a="1"/>
  <c r="D6606" i="2" s="1"/>
  <c r="G5272" i="2" a="1"/>
  <c r="G5272" i="2" s="1"/>
  <c r="G5267" i="2" a="1"/>
  <c r="G5267" i="2" s="1"/>
  <c r="G5269" i="2" a="1"/>
  <c r="G5269" i="2" s="1"/>
  <c r="G5273" i="2" a="1"/>
  <c r="G5273" i="2" s="1"/>
  <c r="G5276" i="2" a="1"/>
  <c r="G5276" i="2" s="1"/>
  <c r="G5275" i="2" a="1"/>
  <c r="G5275" i="2" s="1"/>
  <c r="G5278" i="2" a="1"/>
  <c r="G5278" i="2" s="1"/>
  <c r="G5289" i="2" a="1"/>
  <c r="G5289" i="2" s="1"/>
  <c r="G5281" i="2" a="1"/>
  <c r="G5281" i="2" s="1"/>
  <c r="G5279" i="2" a="1"/>
  <c r="G5279" i="2" s="1"/>
  <c r="G5270" i="2" a="1"/>
  <c r="G5270" i="2" s="1"/>
  <c r="G5287" i="2" a="1"/>
  <c r="G5287" i="2" s="1"/>
  <c r="G5288" i="2" a="1"/>
  <c r="G5288" i="2" s="1"/>
  <c r="G5283" i="2" a="1"/>
  <c r="G5283" i="2" s="1"/>
  <c r="G5268" i="2" a="1"/>
  <c r="G5268" i="2" s="1"/>
  <c r="G5280" i="2" a="1"/>
  <c r="G5280" i="2" s="1"/>
  <c r="G5266" i="2" a="1"/>
  <c r="G5266" i="2" s="1"/>
  <c r="G5282" i="2" a="1"/>
  <c r="G5282" i="2" s="1"/>
  <c r="G5277" i="2" a="1"/>
  <c r="G5277" i="2" s="1"/>
  <c r="G5285" i="2" a="1"/>
  <c r="G5285" i="2" s="1"/>
  <c r="G5286" i="2" a="1"/>
  <c r="G5286" i="2" s="1"/>
  <c r="G5284" i="2" a="1"/>
  <c r="G5284" i="2" s="1"/>
  <c r="G5274" i="2" a="1"/>
  <c r="G5274" i="2" s="1"/>
  <c r="G5271" i="2" a="1"/>
  <c r="G5271" i="2" s="1"/>
  <c r="H266" i="2" a="1"/>
  <c r="H266" i="2" s="1"/>
  <c r="H250" i="2" a="1"/>
  <c r="H250" i="2" s="1"/>
  <c r="H259" i="2" a="1"/>
  <c r="H259" i="2" s="1"/>
  <c r="H251" i="2" a="1"/>
  <c r="H251" i="2" s="1"/>
  <c r="H265" i="2" a="1"/>
  <c r="H265" i="2" s="1"/>
  <c r="H252" i="2" a="1"/>
  <c r="H252" i="2" s="1"/>
  <c r="H272" i="2" a="1"/>
  <c r="H272" i="2" s="1"/>
  <c r="H254" i="2" a="1"/>
  <c r="H254" i="2" s="1"/>
  <c r="H255" i="2" a="1"/>
  <c r="H255" i="2" s="1"/>
  <c r="H273" i="2" a="1"/>
  <c r="H273" i="2" s="1"/>
  <c r="H270" i="2" a="1"/>
  <c r="H270" i="2" s="1"/>
  <c r="H258" i="2" a="1"/>
  <c r="H258" i="2" s="1"/>
  <c r="H271" i="2" a="1"/>
  <c r="H271" i="2" s="1"/>
  <c r="H261" i="2" a="1"/>
  <c r="H261" i="2" s="1"/>
  <c r="H260" i="2" a="1"/>
  <c r="H260" i="2" s="1"/>
  <c r="H253" i="2" a="1"/>
  <c r="H253" i="2" s="1"/>
  <c r="H257" i="2" a="1"/>
  <c r="H257" i="2" s="1"/>
  <c r="H263" i="2" a="1"/>
  <c r="H263" i="2" s="1"/>
  <c r="H262" i="2" a="1"/>
  <c r="H262" i="2" s="1"/>
  <c r="H268" i="2" a="1"/>
  <c r="H268" i="2" s="1"/>
  <c r="H264" i="2" a="1"/>
  <c r="H264" i="2" s="1"/>
  <c r="H269" i="2" a="1"/>
  <c r="H269" i="2" s="1"/>
  <c r="H267" i="2" a="1"/>
  <c r="H267" i="2" s="1"/>
  <c r="H256" i="2" a="1"/>
  <c r="H256" i="2" s="1"/>
  <c r="F2133" i="2" a="1"/>
  <c r="F2133" i="2" s="1"/>
  <c r="F2130" i="2" a="1"/>
  <c r="F2130" i="2" s="1"/>
  <c r="F2145" i="2" a="1"/>
  <c r="F2145" i="2" s="1"/>
  <c r="F2136" i="2" a="1"/>
  <c r="F2136" i="2" s="1"/>
  <c r="F2138" i="2" a="1"/>
  <c r="F2138" i="2" s="1"/>
  <c r="F2127" i="2" a="1"/>
  <c r="F2127" i="2" s="1"/>
  <c r="F2135" i="2" a="1"/>
  <c r="F2135" i="2" s="1"/>
  <c r="F2126" i="2" a="1"/>
  <c r="F2126" i="2" s="1"/>
  <c r="F2131" i="2" a="1"/>
  <c r="F2131" i="2" s="1"/>
  <c r="F2134" i="2" a="1"/>
  <c r="F2134" i="2" s="1"/>
  <c r="F2141" i="2" a="1"/>
  <c r="F2141" i="2" s="1"/>
  <c r="F2122" i="2" a="1"/>
  <c r="F2122" i="2" s="1"/>
  <c r="F2137" i="2" a="1"/>
  <c r="F2137" i="2" s="1"/>
  <c r="F2128" i="2" a="1"/>
  <c r="F2128" i="2" s="1"/>
  <c r="F2125" i="2" a="1"/>
  <c r="F2125" i="2" s="1"/>
  <c r="F2139" i="2" a="1"/>
  <c r="F2139" i="2" s="1"/>
  <c r="F2142" i="2" a="1"/>
  <c r="F2142" i="2" s="1"/>
  <c r="F2144" i="2" a="1"/>
  <c r="F2144" i="2" s="1"/>
  <c r="F2123" i="2" a="1"/>
  <c r="F2123" i="2" s="1"/>
  <c r="F2132" i="2" a="1"/>
  <c r="F2132" i="2" s="1"/>
  <c r="F2143" i="2" a="1"/>
  <c r="F2143" i="2" s="1"/>
  <c r="F2140" i="2" a="1"/>
  <c r="F2140" i="2" s="1"/>
  <c r="F2124" i="2" a="1"/>
  <c r="F2124" i="2" s="1"/>
  <c r="F2129" i="2" a="1"/>
  <c r="F2129" i="2" s="1"/>
  <c r="H6049" i="2" a="1"/>
  <c r="H6049" i="2" s="1"/>
  <c r="H6038" i="2" a="1"/>
  <c r="H6038" i="2" s="1"/>
  <c r="H6053" i="2" a="1"/>
  <c r="H6053" i="2" s="1"/>
  <c r="H6056" i="2" a="1"/>
  <c r="H6056" i="2" s="1"/>
  <c r="H6043" i="2" a="1"/>
  <c r="H6043" i="2" s="1"/>
  <c r="H6040" i="2" a="1"/>
  <c r="H6040" i="2" s="1"/>
  <c r="H6045" i="2" a="1"/>
  <c r="H6045" i="2" s="1"/>
  <c r="H6057" i="2" a="1"/>
  <c r="H6057" i="2" s="1"/>
  <c r="H6034" i="2" a="1"/>
  <c r="H6034" i="2" s="1"/>
  <c r="H6041" i="2" a="1"/>
  <c r="H6041" i="2" s="1"/>
  <c r="H6052" i="2" a="1"/>
  <c r="H6052" i="2" s="1"/>
  <c r="H6042" i="2" a="1"/>
  <c r="H6042" i="2" s="1"/>
  <c r="H6047" i="2" a="1"/>
  <c r="H6047" i="2" s="1"/>
  <c r="H6036" i="2" a="1"/>
  <c r="H6036" i="2" s="1"/>
  <c r="H6035" i="2" a="1"/>
  <c r="H6035" i="2" s="1"/>
  <c r="H6046" i="2" a="1"/>
  <c r="H6046" i="2" s="1"/>
  <c r="H6044" i="2" a="1"/>
  <c r="H6044" i="2" s="1"/>
  <c r="H6050" i="2" a="1"/>
  <c r="H6050" i="2" s="1"/>
  <c r="H6055" i="2" a="1"/>
  <c r="H6055" i="2" s="1"/>
  <c r="H6039" i="2" a="1"/>
  <c r="H6039" i="2" s="1"/>
  <c r="H6051" i="2" a="1"/>
  <c r="H6051" i="2" s="1"/>
  <c r="H6048" i="2" a="1"/>
  <c r="H6048" i="2" s="1"/>
  <c r="H6037" i="2" a="1"/>
  <c r="H6037" i="2" s="1"/>
  <c r="H6054" i="2" a="1"/>
  <c r="H6054" i="2" s="1"/>
  <c r="F8752" i="2" a="1"/>
  <c r="F8752" i="2" s="1"/>
  <c r="F8761" i="2" a="1"/>
  <c r="F8761" i="2" s="1"/>
  <c r="F8768" i="2" a="1"/>
  <c r="F8768" i="2" s="1"/>
  <c r="F8756" i="2" a="1"/>
  <c r="F8756" i="2" s="1"/>
  <c r="F8757" i="2" a="1"/>
  <c r="F8757" i="2" s="1"/>
  <c r="F8749" i="2" a="1"/>
  <c r="F8749" i="2" s="1"/>
  <c r="F8765" i="2" a="1"/>
  <c r="F8765" i="2" s="1"/>
  <c r="F8760" i="2" a="1"/>
  <c r="F8760" i="2" s="1"/>
  <c r="F8759" i="2" a="1"/>
  <c r="F8759" i="2" s="1"/>
  <c r="F8766" i="2" a="1"/>
  <c r="F8766" i="2" s="1"/>
  <c r="F8754" i="2" a="1"/>
  <c r="F8754" i="2" s="1"/>
  <c r="F8751" i="2" a="1"/>
  <c r="F8751" i="2" s="1"/>
  <c r="F8747" i="2" a="1"/>
  <c r="F8747" i="2" s="1"/>
  <c r="F8748" i="2" a="1"/>
  <c r="F8748" i="2" s="1"/>
  <c r="F8755" i="2" a="1"/>
  <c r="F8755" i="2" s="1"/>
  <c r="F8758" i="2" a="1"/>
  <c r="F8758" i="2" s="1"/>
  <c r="F8750" i="2" a="1"/>
  <c r="F8750" i="2" s="1"/>
  <c r="F8762" i="2" a="1"/>
  <c r="F8762" i="2" s="1"/>
  <c r="F8763" i="2" a="1"/>
  <c r="F8763" i="2" s="1"/>
  <c r="F8746" i="2" a="1"/>
  <c r="F8746" i="2" s="1"/>
  <c r="F8767" i="2" a="1"/>
  <c r="F8767" i="2" s="1"/>
  <c r="F8764" i="2" a="1"/>
  <c r="F8764" i="2" s="1"/>
  <c r="F8769" i="2" a="1"/>
  <c r="F8769" i="2" s="1"/>
  <c r="F8753" i="2" a="1"/>
  <c r="F8753" i="2" s="1"/>
  <c r="H3011" i="2" a="1"/>
  <c r="H3011" i="2" s="1"/>
  <c r="H3022" i="2" a="1"/>
  <c r="H3022" i="2" s="1"/>
  <c r="H3032" i="2" a="1"/>
  <c r="H3032" i="2" s="1"/>
  <c r="H3014" i="2" a="1"/>
  <c r="H3014" i="2" s="1"/>
  <c r="H3023" i="2" a="1"/>
  <c r="H3023" i="2" s="1"/>
  <c r="H3031" i="2" a="1"/>
  <c r="H3031" i="2" s="1"/>
  <c r="H3021" i="2" a="1"/>
  <c r="H3021" i="2" s="1"/>
  <c r="H3017" i="2" a="1"/>
  <c r="H3017" i="2" s="1"/>
  <c r="H3024" i="2" a="1"/>
  <c r="H3024" i="2" s="1"/>
  <c r="H3028" i="2" a="1"/>
  <c r="H3028" i="2" s="1"/>
  <c r="H3015" i="2" a="1"/>
  <c r="H3015" i="2" s="1"/>
  <c r="H3033" i="2" a="1"/>
  <c r="H3033" i="2" s="1"/>
  <c r="H3010" i="2" a="1"/>
  <c r="H3010" i="2" s="1"/>
  <c r="H3016" i="2" a="1"/>
  <c r="H3016" i="2" s="1"/>
  <c r="H3012" i="2" a="1"/>
  <c r="H3012" i="2" s="1"/>
  <c r="H3020" i="2" a="1"/>
  <c r="H3020" i="2" s="1"/>
  <c r="H3018" i="2" a="1"/>
  <c r="H3018" i="2" s="1"/>
  <c r="H3030" i="2" a="1"/>
  <c r="H3030" i="2" s="1"/>
  <c r="H3026" i="2" a="1"/>
  <c r="H3026" i="2" s="1"/>
  <c r="H3029" i="2" a="1"/>
  <c r="H3029" i="2" s="1"/>
  <c r="H3019" i="2" a="1"/>
  <c r="H3019" i="2" s="1"/>
  <c r="H3013" i="2" a="1"/>
  <c r="H3013" i="2" s="1"/>
  <c r="H3027" i="2" a="1"/>
  <c r="H3027" i="2" s="1"/>
  <c r="H3025" i="2" a="1"/>
  <c r="H3025" i="2" s="1"/>
  <c r="H7584" i="2" a="1"/>
  <c r="H7584" i="2" s="1"/>
  <c r="H7575" i="2" a="1"/>
  <c r="H7575" i="2" s="1"/>
  <c r="H7583" i="2" a="1"/>
  <c r="H7583" i="2" s="1"/>
  <c r="H7589" i="2" a="1"/>
  <c r="H7589" i="2" s="1"/>
  <c r="H7593" i="2" a="1"/>
  <c r="H7593" i="2" s="1"/>
  <c r="H7592" i="2" a="1"/>
  <c r="H7592" i="2" s="1"/>
  <c r="H7571" i="2" a="1"/>
  <c r="H7571" i="2" s="1"/>
  <c r="H7577" i="2" a="1"/>
  <c r="H7577" i="2" s="1"/>
  <c r="H7582" i="2" a="1"/>
  <c r="H7582" i="2" s="1"/>
  <c r="H7572" i="2" a="1"/>
  <c r="H7572" i="2" s="1"/>
  <c r="H7585" i="2" a="1"/>
  <c r="H7585" i="2" s="1"/>
  <c r="H7588" i="2" a="1"/>
  <c r="H7588" i="2" s="1"/>
  <c r="H7579" i="2" a="1"/>
  <c r="H7579" i="2" s="1"/>
  <c r="H7586" i="2" a="1"/>
  <c r="H7586" i="2" s="1"/>
  <c r="H7573" i="2" a="1"/>
  <c r="H7573" i="2" s="1"/>
  <c r="H7591" i="2" a="1"/>
  <c r="H7591" i="2" s="1"/>
  <c r="H7574" i="2" a="1"/>
  <c r="H7574" i="2" s="1"/>
  <c r="H7581" i="2" a="1"/>
  <c r="H7581" i="2" s="1"/>
  <c r="H7590" i="2" a="1"/>
  <c r="H7590" i="2" s="1"/>
  <c r="H7570" i="2" a="1"/>
  <c r="H7570" i="2" s="1"/>
  <c r="H7580" i="2" a="1"/>
  <c r="H7580" i="2" s="1"/>
  <c r="H7587" i="2" a="1"/>
  <c r="H7587" i="2" s="1"/>
  <c r="H7576" i="2" a="1"/>
  <c r="H7576" i="2" s="1"/>
  <c r="H7578" i="2" a="1"/>
  <c r="H7578" i="2" s="1"/>
  <c r="F6743" i="2" a="1"/>
  <c r="F6743" i="2" s="1"/>
  <c r="F6730" i="2" a="1"/>
  <c r="F6730" i="2" s="1"/>
  <c r="F6748" i="2" a="1"/>
  <c r="F6748" i="2" s="1"/>
  <c r="F6740" i="2" a="1"/>
  <c r="F6740" i="2" s="1"/>
  <c r="F6749" i="2" a="1"/>
  <c r="F6749" i="2" s="1"/>
  <c r="F6745" i="2" a="1"/>
  <c r="F6745" i="2" s="1"/>
  <c r="F6742" i="2" a="1"/>
  <c r="F6742" i="2" s="1"/>
  <c r="F6741" i="2" a="1"/>
  <c r="F6741" i="2" s="1"/>
  <c r="F6731" i="2" a="1"/>
  <c r="F6731" i="2" s="1"/>
  <c r="F6753" i="2" a="1"/>
  <c r="F6753" i="2" s="1"/>
  <c r="F6746" i="2" a="1"/>
  <c r="F6746" i="2" s="1"/>
  <c r="F6750" i="2" a="1"/>
  <c r="F6750" i="2" s="1"/>
  <c r="F6751" i="2" a="1"/>
  <c r="F6751" i="2" s="1"/>
  <c r="F6752" i="2" a="1"/>
  <c r="F6752" i="2" s="1"/>
  <c r="F6737" i="2" a="1"/>
  <c r="F6737" i="2" s="1"/>
  <c r="F6736" i="2" a="1"/>
  <c r="F6736" i="2" s="1"/>
  <c r="F6735" i="2" a="1"/>
  <c r="F6735" i="2" s="1"/>
  <c r="F6738" i="2" a="1"/>
  <c r="F6738" i="2" s="1"/>
  <c r="F6732" i="2" a="1"/>
  <c r="F6732" i="2" s="1"/>
  <c r="F6747" i="2" a="1"/>
  <c r="F6747" i="2" s="1"/>
  <c r="F6733" i="2" a="1"/>
  <c r="F6733" i="2" s="1"/>
  <c r="F6739" i="2" a="1"/>
  <c r="F6739" i="2" s="1"/>
  <c r="F6744" i="2" a="1"/>
  <c r="F6744" i="2" s="1"/>
  <c r="F6734" i="2" a="1"/>
  <c r="F6734" i="2" s="1"/>
  <c r="E5699" i="2" a="1"/>
  <c r="E5699" i="2" s="1"/>
  <c r="E5716" i="2" a="1"/>
  <c r="E5716" i="2" s="1"/>
  <c r="E5715" i="2" a="1"/>
  <c r="E5715" i="2" s="1"/>
  <c r="E5717" i="2" a="1"/>
  <c r="E5717" i="2" s="1"/>
  <c r="E5705" i="2" a="1"/>
  <c r="E5705" i="2" s="1"/>
  <c r="E5718" i="2" a="1"/>
  <c r="E5718" i="2" s="1"/>
  <c r="E5712" i="2" a="1"/>
  <c r="E5712" i="2" s="1"/>
  <c r="E5720" i="2" a="1"/>
  <c r="E5720" i="2" s="1"/>
  <c r="E5707" i="2" a="1"/>
  <c r="E5707" i="2" s="1"/>
  <c r="E5719" i="2" a="1"/>
  <c r="E5719" i="2" s="1"/>
  <c r="E5700" i="2" a="1"/>
  <c r="E5700" i="2" s="1"/>
  <c r="E5711" i="2" a="1"/>
  <c r="E5711" i="2" s="1"/>
  <c r="E5706" i="2" a="1"/>
  <c r="E5706" i="2" s="1"/>
  <c r="E5709" i="2" a="1"/>
  <c r="E5709" i="2" s="1"/>
  <c r="E5710" i="2" a="1"/>
  <c r="E5710" i="2" s="1"/>
  <c r="E5704" i="2" a="1"/>
  <c r="E5704" i="2" s="1"/>
  <c r="E5708" i="2" a="1"/>
  <c r="E5708" i="2" s="1"/>
  <c r="E5713" i="2" a="1"/>
  <c r="E5713" i="2" s="1"/>
  <c r="E5714" i="2" a="1"/>
  <c r="E5714" i="2" s="1"/>
  <c r="E5701" i="2" a="1"/>
  <c r="E5701" i="2" s="1"/>
  <c r="E5721" i="2" a="1"/>
  <c r="E5721" i="2" s="1"/>
  <c r="E5702" i="2" a="1"/>
  <c r="E5702" i="2" s="1"/>
  <c r="E5698" i="2" a="1"/>
  <c r="E5698" i="2" s="1"/>
  <c r="E5703" i="2" a="1"/>
  <c r="E5703" i="2" s="1"/>
  <c r="E4871" i="2" a="1"/>
  <c r="E4871" i="2" s="1"/>
  <c r="E4880" i="2" a="1"/>
  <c r="E4880" i="2" s="1"/>
  <c r="E4875" i="2" a="1"/>
  <c r="E4875" i="2" s="1"/>
  <c r="E4862" i="2" a="1"/>
  <c r="E4862" i="2" s="1"/>
  <c r="E4873" i="2" a="1"/>
  <c r="E4873" i="2" s="1"/>
  <c r="E4870" i="2" a="1"/>
  <c r="E4870" i="2" s="1"/>
  <c r="E4867" i="2" a="1"/>
  <c r="E4867" i="2" s="1"/>
  <c r="E4876" i="2" a="1"/>
  <c r="E4876" i="2" s="1"/>
  <c r="E4858" i="2" a="1"/>
  <c r="E4858" i="2" s="1"/>
  <c r="E4868" i="2" a="1"/>
  <c r="E4868" i="2" s="1"/>
  <c r="E4864" i="2" a="1"/>
  <c r="E4864" i="2" s="1"/>
  <c r="E4859" i="2" a="1"/>
  <c r="E4859" i="2" s="1"/>
  <c r="E4863" i="2" a="1"/>
  <c r="E4863" i="2" s="1"/>
  <c r="E4869" i="2" a="1"/>
  <c r="E4869" i="2" s="1"/>
  <c r="E4874" i="2" a="1"/>
  <c r="E4874" i="2" s="1"/>
  <c r="E4881" i="2" a="1"/>
  <c r="E4881" i="2" s="1"/>
  <c r="E4861" i="2" a="1"/>
  <c r="E4861" i="2" s="1"/>
  <c r="E4877" i="2" a="1"/>
  <c r="E4877" i="2" s="1"/>
  <c r="E4879" i="2" a="1"/>
  <c r="E4879" i="2" s="1"/>
  <c r="E4865" i="2" a="1"/>
  <c r="E4865" i="2" s="1"/>
  <c r="E4872" i="2" a="1"/>
  <c r="E4872" i="2" s="1"/>
  <c r="E4878" i="2" a="1"/>
  <c r="E4878" i="2" s="1"/>
  <c r="E4860" i="2" a="1"/>
  <c r="E4860" i="2" s="1"/>
  <c r="E4866" i="2" a="1"/>
  <c r="E4866" i="2" s="1"/>
  <c r="G8730" i="2" a="1"/>
  <c r="G8730" i="2" s="1"/>
  <c r="G8722" i="2" a="1"/>
  <c r="G8722" i="2" s="1"/>
  <c r="G8723" i="2" a="1"/>
  <c r="G8723" i="2" s="1"/>
  <c r="G8731" i="2" a="1"/>
  <c r="G8731" i="2" s="1"/>
  <c r="G8727" i="2" a="1"/>
  <c r="G8727" i="2" s="1"/>
  <c r="G8729" i="2" a="1"/>
  <c r="G8729" i="2" s="1"/>
  <c r="G8737" i="2" a="1"/>
  <c r="G8737" i="2" s="1"/>
  <c r="G8740" i="2" a="1"/>
  <c r="G8740" i="2" s="1"/>
  <c r="G8738" i="2" a="1"/>
  <c r="G8738" i="2" s="1"/>
  <c r="G8739" i="2" a="1"/>
  <c r="G8739" i="2" s="1"/>
  <c r="G8736" i="2" a="1"/>
  <c r="G8736" i="2" s="1"/>
  <c r="G8735" i="2" a="1"/>
  <c r="G8735" i="2" s="1"/>
  <c r="G8742" i="2" a="1"/>
  <c r="G8742" i="2" s="1"/>
  <c r="G8726" i="2" a="1"/>
  <c r="G8726" i="2" s="1"/>
  <c r="G8733" i="2" a="1"/>
  <c r="G8733" i="2" s="1"/>
  <c r="G8743" i="2" a="1"/>
  <c r="G8743" i="2" s="1"/>
  <c r="G8724" i="2" a="1"/>
  <c r="G8724" i="2" s="1"/>
  <c r="G8728" i="2" a="1"/>
  <c r="G8728" i="2" s="1"/>
  <c r="G8741" i="2" a="1"/>
  <c r="G8741" i="2" s="1"/>
  <c r="G8734" i="2" a="1"/>
  <c r="G8734" i="2" s="1"/>
  <c r="G8745" i="2" a="1"/>
  <c r="G8745" i="2" s="1"/>
  <c r="G8732" i="2" a="1"/>
  <c r="G8732" i="2" s="1"/>
  <c r="G8725" i="2" a="1"/>
  <c r="G8725" i="2" s="1"/>
  <c r="G8744" i="2" a="1"/>
  <c r="G8744" i="2" s="1"/>
  <c r="E7724" i="2" a="1"/>
  <c r="E7724" i="2" s="1"/>
  <c r="E7715" i="2" a="1"/>
  <c r="E7715" i="2" s="1"/>
  <c r="E7731" i="2" a="1"/>
  <c r="E7731" i="2" s="1"/>
  <c r="E7734" i="2" a="1"/>
  <c r="E7734" i="2" s="1"/>
  <c r="E7719" i="2" a="1"/>
  <c r="E7719" i="2" s="1"/>
  <c r="E7722" i="2" a="1"/>
  <c r="E7722" i="2" s="1"/>
  <c r="E7718" i="2" a="1"/>
  <c r="E7718" i="2" s="1"/>
  <c r="E7716" i="2" a="1"/>
  <c r="E7716" i="2" s="1"/>
  <c r="E7727" i="2" a="1"/>
  <c r="E7727" i="2" s="1"/>
  <c r="E7714" i="2" a="1"/>
  <c r="E7714" i="2" s="1"/>
  <c r="E7721" i="2" a="1"/>
  <c r="E7721" i="2" s="1"/>
  <c r="E7728" i="2" a="1"/>
  <c r="E7728" i="2" s="1"/>
  <c r="E7736" i="2" a="1"/>
  <c r="E7736" i="2" s="1"/>
  <c r="E7725" i="2" a="1"/>
  <c r="E7725" i="2" s="1"/>
  <c r="E7729" i="2" a="1"/>
  <c r="E7729" i="2" s="1"/>
  <c r="E7737" i="2" a="1"/>
  <c r="E7737" i="2" s="1"/>
  <c r="E7732" i="2" a="1"/>
  <c r="E7732" i="2" s="1"/>
  <c r="E7720" i="2" a="1"/>
  <c r="E7720" i="2" s="1"/>
  <c r="E7723" i="2" a="1"/>
  <c r="E7723" i="2" s="1"/>
  <c r="E7735" i="2" a="1"/>
  <c r="E7735" i="2" s="1"/>
  <c r="E7730" i="2" a="1"/>
  <c r="E7730" i="2" s="1"/>
  <c r="E7717" i="2" a="1"/>
  <c r="E7717" i="2" s="1"/>
  <c r="E7726" i="2" a="1"/>
  <c r="E7726" i="2" s="1"/>
  <c r="E7733" i="2" a="1"/>
  <c r="E7733" i="2" s="1"/>
  <c r="F2372" i="2" a="1"/>
  <c r="F2372" i="2" s="1"/>
  <c r="F2378" i="2" a="1"/>
  <c r="F2378" i="2" s="1"/>
  <c r="F2383" i="2" a="1"/>
  <c r="F2383" i="2" s="1"/>
  <c r="F2379" i="2" a="1"/>
  <c r="F2379" i="2" s="1"/>
  <c r="F2373" i="2" a="1"/>
  <c r="F2373" i="2" s="1"/>
  <c r="F2362" i="2" a="1"/>
  <c r="F2362" i="2" s="1"/>
  <c r="F2371" i="2" a="1"/>
  <c r="F2371" i="2" s="1"/>
  <c r="F2365" i="2" a="1"/>
  <c r="F2365" i="2" s="1"/>
  <c r="F2370" i="2" a="1"/>
  <c r="F2370" i="2" s="1"/>
  <c r="F2385" i="2" a="1"/>
  <c r="F2385" i="2" s="1"/>
  <c r="F2363" i="2" a="1"/>
  <c r="F2363" i="2" s="1"/>
  <c r="F2366" i="2" a="1"/>
  <c r="F2366" i="2" s="1"/>
  <c r="F2382" i="2" a="1"/>
  <c r="F2382" i="2" s="1"/>
  <c r="F2375" i="2" a="1"/>
  <c r="F2375" i="2" s="1"/>
  <c r="F2367" i="2" a="1"/>
  <c r="F2367" i="2" s="1"/>
  <c r="F2380" i="2" a="1"/>
  <c r="F2380" i="2" s="1"/>
  <c r="F2376" i="2" a="1"/>
  <c r="F2376" i="2" s="1"/>
  <c r="F2368" i="2" a="1"/>
  <c r="F2368" i="2" s="1"/>
  <c r="F2369" i="2" a="1"/>
  <c r="F2369" i="2" s="1"/>
  <c r="F2377" i="2" a="1"/>
  <c r="F2377" i="2" s="1"/>
  <c r="F2364" i="2" a="1"/>
  <c r="F2364" i="2" s="1"/>
  <c r="F2381" i="2" a="1"/>
  <c r="F2381" i="2" s="1"/>
  <c r="F2384" i="2" a="1"/>
  <c r="F2384" i="2" s="1"/>
  <c r="F2374" i="2" a="1"/>
  <c r="F2374" i="2" s="1"/>
  <c r="E3692" i="2" a="1"/>
  <c r="E3692" i="2" s="1"/>
  <c r="E3686" i="2" a="1"/>
  <c r="E3686" i="2" s="1"/>
  <c r="E3698" i="2" a="1"/>
  <c r="E3698" i="2" s="1"/>
  <c r="E3687" i="2" a="1"/>
  <c r="E3687" i="2" s="1"/>
  <c r="E3694" i="2" a="1"/>
  <c r="E3694" i="2" s="1"/>
  <c r="E3702" i="2" a="1"/>
  <c r="E3702" i="2" s="1"/>
  <c r="E3699" i="2" a="1"/>
  <c r="E3699" i="2" s="1"/>
  <c r="E3696" i="2" a="1"/>
  <c r="E3696" i="2" s="1"/>
  <c r="E3682" i="2" a="1"/>
  <c r="E3682" i="2" s="1"/>
  <c r="E3704" i="2" a="1"/>
  <c r="E3704" i="2" s="1"/>
  <c r="E3700" i="2" a="1"/>
  <c r="E3700" i="2" s="1"/>
  <c r="E3690" i="2" a="1"/>
  <c r="E3690" i="2" s="1"/>
  <c r="E3691" i="2" a="1"/>
  <c r="E3691" i="2" s="1"/>
  <c r="E3689" i="2" a="1"/>
  <c r="E3689" i="2" s="1"/>
  <c r="E3683" i="2" a="1"/>
  <c r="E3683" i="2" s="1"/>
  <c r="E3697" i="2" a="1"/>
  <c r="E3697" i="2" s="1"/>
  <c r="E3684" i="2" a="1"/>
  <c r="E3684" i="2" s="1"/>
  <c r="E3705" i="2" a="1"/>
  <c r="E3705" i="2" s="1"/>
  <c r="E3695" i="2" a="1"/>
  <c r="E3695" i="2" s="1"/>
  <c r="E3685" i="2" a="1"/>
  <c r="E3685" i="2" s="1"/>
  <c r="E3701" i="2" a="1"/>
  <c r="E3701" i="2" s="1"/>
  <c r="E3688" i="2" a="1"/>
  <c r="E3688" i="2" s="1"/>
  <c r="E3703" i="2" a="1"/>
  <c r="E3703" i="2" s="1"/>
  <c r="E3693" i="2" a="1"/>
  <c r="E3693" i="2" s="1"/>
  <c r="F3850" i="2" a="1"/>
  <c r="F3850" i="2" s="1"/>
  <c r="F3854" i="2" a="1"/>
  <c r="F3854" i="2" s="1"/>
  <c r="F3866" i="2" a="1"/>
  <c r="F3866" i="2" s="1"/>
  <c r="F3872" i="2" a="1"/>
  <c r="F3872" i="2" s="1"/>
  <c r="F3868" i="2" a="1"/>
  <c r="F3868" i="2" s="1"/>
  <c r="F3873" i="2" a="1"/>
  <c r="F3873" i="2" s="1"/>
  <c r="F3859" i="2" a="1"/>
  <c r="F3859" i="2" s="1"/>
  <c r="F3864" i="2" a="1"/>
  <c r="F3864" i="2" s="1"/>
  <c r="F3858" i="2" a="1"/>
  <c r="F3858" i="2" s="1"/>
  <c r="F3860" i="2" a="1"/>
  <c r="F3860" i="2" s="1"/>
  <c r="F3852" i="2" a="1"/>
  <c r="F3852" i="2" s="1"/>
  <c r="F3870" i="2" a="1"/>
  <c r="F3870" i="2" s="1"/>
  <c r="F3861" i="2" a="1"/>
  <c r="F3861" i="2" s="1"/>
  <c r="F3857" i="2" a="1"/>
  <c r="F3857" i="2" s="1"/>
  <c r="F3871" i="2" a="1"/>
  <c r="F3871" i="2" s="1"/>
  <c r="F3869" i="2" a="1"/>
  <c r="F3869" i="2" s="1"/>
  <c r="F3865" i="2" a="1"/>
  <c r="F3865" i="2" s="1"/>
  <c r="F3853" i="2" a="1"/>
  <c r="F3853" i="2" s="1"/>
  <c r="F3855" i="2" a="1"/>
  <c r="F3855" i="2" s="1"/>
  <c r="F3856" i="2" a="1"/>
  <c r="F3856" i="2" s="1"/>
  <c r="F3867" i="2" a="1"/>
  <c r="F3867" i="2" s="1"/>
  <c r="F3862" i="2" a="1"/>
  <c r="F3862" i="2" s="1"/>
  <c r="F3863" i="2" a="1"/>
  <c r="F3863" i="2" s="1"/>
  <c r="F3851" i="2" a="1"/>
  <c r="F3851" i="2" s="1"/>
  <c r="F4558" i="2" a="1"/>
  <c r="F4558" i="2" s="1"/>
  <c r="F4547" i="2" a="1"/>
  <c r="F4547" i="2" s="1"/>
  <c r="F4546" i="2" a="1"/>
  <c r="F4546" i="2" s="1"/>
  <c r="F4555" i="2" a="1"/>
  <c r="F4555" i="2" s="1"/>
  <c r="F4561" i="2" a="1"/>
  <c r="F4561" i="2" s="1"/>
  <c r="F4554" i="2" a="1"/>
  <c r="F4554" i="2" s="1"/>
  <c r="F4556" i="2" a="1"/>
  <c r="F4556" i="2" s="1"/>
  <c r="F4552" i="2" a="1"/>
  <c r="F4552" i="2" s="1"/>
  <c r="F4562" i="2" a="1"/>
  <c r="F4562" i="2" s="1"/>
  <c r="F4566" i="2" a="1"/>
  <c r="F4566" i="2" s="1"/>
  <c r="F4567" i="2" a="1"/>
  <c r="F4567" i="2" s="1"/>
  <c r="F4557" i="2" a="1"/>
  <c r="F4557" i="2" s="1"/>
  <c r="F4548" i="2" a="1"/>
  <c r="F4548" i="2" s="1"/>
  <c r="F4559" i="2" a="1"/>
  <c r="F4559" i="2" s="1"/>
  <c r="F4549" i="2" a="1"/>
  <c r="F4549" i="2" s="1"/>
  <c r="F4560" i="2" a="1"/>
  <c r="F4560" i="2" s="1"/>
  <c r="F4551" i="2" a="1"/>
  <c r="F4551" i="2" s="1"/>
  <c r="F4563" i="2" a="1"/>
  <c r="F4563" i="2" s="1"/>
  <c r="F4564" i="2" a="1"/>
  <c r="F4564" i="2" s="1"/>
  <c r="F4565" i="2" a="1"/>
  <c r="F4565" i="2" s="1"/>
  <c r="F4568" i="2" a="1"/>
  <c r="F4568" i="2" s="1"/>
  <c r="F4550" i="2" a="1"/>
  <c r="F4550" i="2" s="1"/>
  <c r="F4553" i="2" a="1"/>
  <c r="F4553" i="2" s="1"/>
  <c r="F4569" i="2" a="1"/>
  <c r="F4569" i="2" s="1"/>
  <c r="D8219" i="2" a="1"/>
  <c r="D8219" i="2" s="1"/>
  <c r="D8220" i="2" a="1"/>
  <c r="D8220" i="2" s="1"/>
  <c r="D8233" i="2" a="1"/>
  <c r="D8233" i="2" s="1"/>
  <c r="D8221" i="2" a="1"/>
  <c r="D8221" i="2" s="1"/>
  <c r="D8241" i="2" a="1"/>
  <c r="D8241" i="2" s="1"/>
  <c r="D8222" i="2" a="1"/>
  <c r="D8222" i="2" s="1"/>
  <c r="D8230" i="2" a="1"/>
  <c r="D8230" i="2" s="1"/>
  <c r="D8223" i="2" a="1"/>
  <c r="D8223" i="2" s="1"/>
  <c r="D8237" i="2" a="1"/>
  <c r="D8237" i="2" s="1"/>
  <c r="D8236" i="2" a="1"/>
  <c r="D8236" i="2" s="1"/>
  <c r="D8224" i="2" a="1"/>
  <c r="D8224" i="2" s="1"/>
  <c r="D8229" i="2" a="1"/>
  <c r="D8229" i="2" s="1"/>
  <c r="D8231" i="2" a="1"/>
  <c r="D8231" i="2" s="1"/>
  <c r="D8225" i="2" a="1"/>
  <c r="D8225" i="2" s="1"/>
  <c r="D8228" i="2" a="1"/>
  <c r="D8228" i="2" s="1"/>
  <c r="D8239" i="2" a="1"/>
  <c r="D8239" i="2" s="1"/>
  <c r="D8226" i="2" a="1"/>
  <c r="D8226" i="2" s="1"/>
  <c r="D8232" i="2" a="1"/>
  <c r="D8232" i="2" s="1"/>
  <c r="D8227" i="2" a="1"/>
  <c r="D8227" i="2" s="1"/>
  <c r="D8235" i="2" a="1"/>
  <c r="D8235" i="2" s="1"/>
  <c r="D8238" i="2" a="1"/>
  <c r="D8238" i="2" s="1"/>
  <c r="D8234" i="2" a="1"/>
  <c r="D8234" i="2" s="1"/>
  <c r="D8218" i="2" a="1"/>
  <c r="D8218" i="2" s="1"/>
  <c r="D8240" i="2" a="1"/>
  <c r="D8240" i="2" s="1"/>
  <c r="G8761" i="2" a="1"/>
  <c r="G8761" i="2" s="1"/>
  <c r="G8753" i="2" a="1"/>
  <c r="G8753" i="2" s="1"/>
  <c r="G8768" i="2" a="1"/>
  <c r="G8768" i="2" s="1"/>
  <c r="G8762" i="2" a="1"/>
  <c r="G8762" i="2" s="1"/>
  <c r="G8754" i="2" a="1"/>
  <c r="G8754" i="2" s="1"/>
  <c r="G8763" i="2" a="1"/>
  <c r="G8763" i="2" s="1"/>
  <c r="G8757" i="2" a="1"/>
  <c r="G8757" i="2" s="1"/>
  <c r="G8760" i="2" a="1"/>
  <c r="G8760" i="2" s="1"/>
  <c r="G8749" i="2" a="1"/>
  <c r="G8749" i="2" s="1"/>
  <c r="G8758" i="2" a="1"/>
  <c r="G8758" i="2" s="1"/>
  <c r="G8765" i="2" a="1"/>
  <c r="G8765" i="2" s="1"/>
  <c r="G8759" i="2" a="1"/>
  <c r="G8759" i="2" s="1"/>
  <c r="G8756" i="2" a="1"/>
  <c r="G8756" i="2" s="1"/>
  <c r="G8767" i="2" a="1"/>
  <c r="G8767" i="2" s="1"/>
  <c r="G8750" i="2" a="1"/>
  <c r="G8750" i="2" s="1"/>
  <c r="G8746" i="2" a="1"/>
  <c r="G8746" i="2" s="1"/>
  <c r="G8766" i="2" a="1"/>
  <c r="G8766" i="2" s="1"/>
  <c r="G8769" i="2" a="1"/>
  <c r="G8769" i="2" s="1"/>
  <c r="G8755" i="2" a="1"/>
  <c r="G8755" i="2" s="1"/>
  <c r="G8751" i="2" a="1"/>
  <c r="G8751" i="2" s="1"/>
  <c r="G8764" i="2" a="1"/>
  <c r="G8764" i="2" s="1"/>
  <c r="G8748" i="2" a="1"/>
  <c r="G8748" i="2" s="1"/>
  <c r="G8752" i="2" a="1"/>
  <c r="G8752" i="2" s="1"/>
  <c r="G8747" i="2" a="1"/>
  <c r="G8747" i="2" s="1"/>
  <c r="D2704" i="2" a="1"/>
  <c r="D2704" i="2" s="1"/>
  <c r="D2709" i="2" a="1"/>
  <c r="D2709" i="2" s="1"/>
  <c r="D2706" i="2" a="1"/>
  <c r="D2706" i="2" s="1"/>
  <c r="D2713" i="2" a="1"/>
  <c r="D2713" i="2" s="1"/>
  <c r="D2705" i="2" a="1"/>
  <c r="D2705" i="2" s="1"/>
  <c r="D2718" i="2" a="1"/>
  <c r="D2718" i="2" s="1"/>
  <c r="D2716" i="2" a="1"/>
  <c r="D2716" i="2" s="1"/>
  <c r="D2699" i="2" a="1"/>
  <c r="D2699" i="2" s="1"/>
  <c r="D2700" i="2" a="1"/>
  <c r="D2700" i="2" s="1"/>
  <c r="D2703" i="2" a="1"/>
  <c r="D2703" i="2" s="1"/>
  <c r="D2701" i="2" a="1"/>
  <c r="D2701" i="2" s="1"/>
  <c r="D2698" i="2" a="1"/>
  <c r="D2698" i="2" s="1"/>
  <c r="D2710" i="2" a="1"/>
  <c r="D2710" i="2" s="1"/>
  <c r="D2717" i="2" a="1"/>
  <c r="D2717" i="2" s="1"/>
  <c r="D2715" i="2" a="1"/>
  <c r="D2715" i="2" s="1"/>
  <c r="D2714" i="2" a="1"/>
  <c r="D2714" i="2" s="1"/>
  <c r="D2702" i="2" a="1"/>
  <c r="D2702" i="2" s="1"/>
  <c r="D2712" i="2" a="1"/>
  <c r="D2712" i="2" s="1"/>
  <c r="D2707" i="2" a="1"/>
  <c r="D2707" i="2" s="1"/>
  <c r="D2720" i="2" a="1"/>
  <c r="D2720" i="2" s="1"/>
  <c r="D2721" i="2" a="1"/>
  <c r="D2721" i="2" s="1"/>
  <c r="D2708" i="2" a="1"/>
  <c r="D2708" i="2" s="1"/>
  <c r="D2719" i="2" a="1"/>
  <c r="D2719" i="2" s="1"/>
  <c r="D2711" i="2" a="1"/>
  <c r="D2711" i="2" s="1"/>
  <c r="E6542" i="2" a="1"/>
  <c r="E6542" i="2" s="1"/>
  <c r="E6551" i="2" a="1"/>
  <c r="E6551" i="2" s="1"/>
  <c r="E6546" i="2" a="1"/>
  <c r="E6546" i="2" s="1"/>
  <c r="E6547" i="2" a="1"/>
  <c r="E6547" i="2" s="1"/>
  <c r="E6544" i="2" a="1"/>
  <c r="E6544" i="2" s="1"/>
  <c r="E6549" i="2" a="1"/>
  <c r="E6549" i="2" s="1"/>
  <c r="E6550" i="2" a="1"/>
  <c r="E6550" i="2" s="1"/>
  <c r="E6559" i="2" a="1"/>
  <c r="E6559" i="2" s="1"/>
  <c r="E6554" i="2" a="1"/>
  <c r="E6554" i="2" s="1"/>
  <c r="E6538" i="2" a="1"/>
  <c r="E6538" i="2" s="1"/>
  <c r="E6541" i="2" a="1"/>
  <c r="E6541" i="2" s="1"/>
  <c r="E6543" i="2" a="1"/>
  <c r="E6543" i="2" s="1"/>
  <c r="E6539" i="2" a="1"/>
  <c r="E6539" i="2" s="1"/>
  <c r="E6558" i="2" a="1"/>
  <c r="E6558" i="2" s="1"/>
  <c r="E6540" i="2" a="1"/>
  <c r="E6540" i="2" s="1"/>
  <c r="E6552" i="2" a="1"/>
  <c r="E6552" i="2" s="1"/>
  <c r="E6555" i="2" a="1"/>
  <c r="E6555" i="2" s="1"/>
  <c r="E6553" i="2" a="1"/>
  <c r="E6553" i="2" s="1"/>
  <c r="E6556" i="2" a="1"/>
  <c r="E6556" i="2" s="1"/>
  <c r="E6545" i="2" a="1"/>
  <c r="E6545" i="2" s="1"/>
  <c r="E6561" i="2" a="1"/>
  <c r="E6561" i="2" s="1"/>
  <c r="E6557" i="2" a="1"/>
  <c r="E6557" i="2" s="1"/>
  <c r="E6560" i="2" a="1"/>
  <c r="E6560" i="2" s="1"/>
  <c r="E6548" i="2" a="1"/>
  <c r="E6548" i="2" s="1"/>
  <c r="G3895" i="2" a="1"/>
  <c r="G3895" i="2" s="1"/>
  <c r="G3878" i="2" a="1"/>
  <c r="G3878" i="2" s="1"/>
  <c r="G3877" i="2" a="1"/>
  <c r="G3877" i="2" s="1"/>
  <c r="G3896" i="2" a="1"/>
  <c r="G3896" i="2" s="1"/>
  <c r="G3883" i="2" a="1"/>
  <c r="G3883" i="2" s="1"/>
  <c r="G3894" i="2" a="1"/>
  <c r="G3894" i="2" s="1"/>
  <c r="G3875" i="2" a="1"/>
  <c r="G3875" i="2" s="1"/>
  <c r="G3879" i="2" a="1"/>
  <c r="G3879" i="2" s="1"/>
  <c r="G3892" i="2" a="1"/>
  <c r="G3892" i="2" s="1"/>
  <c r="G3876" i="2" a="1"/>
  <c r="G3876" i="2" s="1"/>
  <c r="G3884" i="2" a="1"/>
  <c r="G3884" i="2" s="1"/>
  <c r="G3885" i="2" a="1"/>
  <c r="G3885" i="2" s="1"/>
  <c r="G3891" i="2" a="1"/>
  <c r="G3891" i="2" s="1"/>
  <c r="G3897" i="2" a="1"/>
  <c r="G3897" i="2" s="1"/>
  <c r="G3886" i="2" a="1"/>
  <c r="G3886" i="2" s="1"/>
  <c r="G3882" i="2" a="1"/>
  <c r="G3882" i="2" s="1"/>
  <c r="G3893" i="2" a="1"/>
  <c r="G3893" i="2" s="1"/>
  <c r="G3881" i="2" a="1"/>
  <c r="G3881" i="2" s="1"/>
  <c r="G3887" i="2" a="1"/>
  <c r="G3887" i="2" s="1"/>
  <c r="G3889" i="2" a="1"/>
  <c r="G3889" i="2" s="1"/>
  <c r="G3874" i="2" a="1"/>
  <c r="G3874" i="2" s="1"/>
  <c r="G3890" i="2" a="1"/>
  <c r="G3890" i="2" s="1"/>
  <c r="G3880" i="2" a="1"/>
  <c r="G3880" i="2" s="1"/>
  <c r="G3888" i="2" a="1"/>
  <c r="G3888" i="2" s="1"/>
  <c r="G4890" i="2" a="1"/>
  <c r="G4890" i="2" s="1"/>
  <c r="G4902" i="2" a="1"/>
  <c r="G4902" i="2" s="1"/>
  <c r="G4889" i="2" a="1"/>
  <c r="G4889" i="2" s="1"/>
  <c r="G4891" i="2" a="1"/>
  <c r="G4891" i="2" s="1"/>
  <c r="G4882" i="2" a="1"/>
  <c r="G4882" i="2" s="1"/>
  <c r="G4887" i="2" a="1"/>
  <c r="G4887" i="2" s="1"/>
  <c r="G4892" i="2" a="1"/>
  <c r="G4892" i="2" s="1"/>
  <c r="G4904" i="2" a="1"/>
  <c r="G4904" i="2" s="1"/>
  <c r="G4903" i="2" a="1"/>
  <c r="G4903" i="2" s="1"/>
  <c r="G4893" i="2" a="1"/>
  <c r="G4893" i="2" s="1"/>
  <c r="G4897" i="2" a="1"/>
  <c r="G4897" i="2" s="1"/>
  <c r="G4899" i="2" a="1"/>
  <c r="G4899" i="2" s="1"/>
  <c r="G4883" i="2" a="1"/>
  <c r="G4883" i="2" s="1"/>
  <c r="G4896" i="2" a="1"/>
  <c r="G4896" i="2" s="1"/>
  <c r="G4905" i="2" a="1"/>
  <c r="G4905" i="2" s="1"/>
  <c r="G4885" i="2" a="1"/>
  <c r="G4885" i="2" s="1"/>
  <c r="G4901" i="2" a="1"/>
  <c r="G4901" i="2" s="1"/>
  <c r="G4884" i="2" a="1"/>
  <c r="G4884" i="2" s="1"/>
  <c r="G4894" i="2" a="1"/>
  <c r="G4894" i="2" s="1"/>
  <c r="G4888" i="2" a="1"/>
  <c r="G4888" i="2" s="1"/>
  <c r="G4900" i="2" a="1"/>
  <c r="G4900" i="2" s="1"/>
  <c r="G4895" i="2" a="1"/>
  <c r="G4895" i="2" s="1"/>
  <c r="G4886" i="2" a="1"/>
  <c r="G4886" i="2" s="1"/>
  <c r="G4898" i="2" a="1"/>
  <c r="G4898" i="2" s="1"/>
  <c r="H7758" i="2" a="1"/>
  <c r="H7758" i="2" s="1"/>
  <c r="H7751" i="2" a="1"/>
  <c r="H7751" i="2" s="1"/>
  <c r="H7754" i="2" a="1"/>
  <c r="H7754" i="2" s="1"/>
  <c r="H7739" i="2" a="1"/>
  <c r="H7739" i="2" s="1"/>
  <c r="H7740" i="2" a="1"/>
  <c r="H7740" i="2" s="1"/>
  <c r="H7753" i="2" a="1"/>
  <c r="H7753" i="2" s="1"/>
  <c r="H7759" i="2" a="1"/>
  <c r="H7759" i="2" s="1"/>
  <c r="H7752" i="2" a="1"/>
  <c r="H7752" i="2" s="1"/>
  <c r="H7748" i="2" a="1"/>
  <c r="H7748" i="2" s="1"/>
  <c r="H7744" i="2" a="1"/>
  <c r="H7744" i="2" s="1"/>
  <c r="H7746" i="2" a="1"/>
  <c r="H7746" i="2" s="1"/>
  <c r="H7757" i="2" a="1"/>
  <c r="H7757" i="2" s="1"/>
  <c r="H7747" i="2" a="1"/>
  <c r="H7747" i="2" s="1"/>
  <c r="H7756" i="2" a="1"/>
  <c r="H7756" i="2" s="1"/>
  <c r="H7761" i="2" a="1"/>
  <c r="H7761" i="2" s="1"/>
  <c r="H7742" i="2" a="1"/>
  <c r="H7742" i="2" s="1"/>
  <c r="H7750" i="2" a="1"/>
  <c r="H7750" i="2" s="1"/>
  <c r="H7760" i="2" a="1"/>
  <c r="H7760" i="2" s="1"/>
  <c r="H7741" i="2" a="1"/>
  <c r="H7741" i="2" s="1"/>
  <c r="H7755" i="2" a="1"/>
  <c r="H7755" i="2" s="1"/>
  <c r="H7738" i="2" a="1"/>
  <c r="H7738" i="2" s="1"/>
  <c r="H7745" i="2" a="1"/>
  <c r="H7745" i="2" s="1"/>
  <c r="H7743" i="2" a="1"/>
  <c r="H7743" i="2" s="1"/>
  <c r="H7749" i="2" a="1"/>
  <c r="H7749" i="2" s="1"/>
  <c r="F5214" i="2" a="1"/>
  <c r="F5214" i="2" s="1"/>
  <c r="F5209" i="2" a="1"/>
  <c r="F5209" i="2" s="1"/>
  <c r="F5216" i="2" a="1"/>
  <c r="F5216" i="2" s="1"/>
  <c r="F5210" i="2" a="1"/>
  <c r="F5210" i="2" s="1"/>
  <c r="F5217" i="2" a="1"/>
  <c r="F5217" i="2" s="1"/>
  <c r="F5197" i="2" a="1"/>
  <c r="F5197" i="2" s="1"/>
  <c r="F5202" i="2" a="1"/>
  <c r="F5202" i="2" s="1"/>
  <c r="F5198" i="2" a="1"/>
  <c r="F5198" i="2" s="1"/>
  <c r="F5208" i="2" a="1"/>
  <c r="F5208" i="2" s="1"/>
  <c r="F5201" i="2" a="1"/>
  <c r="F5201" i="2" s="1"/>
  <c r="F5206" i="2" a="1"/>
  <c r="F5206" i="2" s="1"/>
  <c r="F5204" i="2" a="1"/>
  <c r="F5204" i="2" s="1"/>
  <c r="F5207" i="2" a="1"/>
  <c r="F5207" i="2" s="1"/>
  <c r="F5211" i="2" a="1"/>
  <c r="F5211" i="2" s="1"/>
  <c r="F5205" i="2" a="1"/>
  <c r="F5205" i="2" s="1"/>
  <c r="F5200" i="2" a="1"/>
  <c r="F5200" i="2" s="1"/>
  <c r="F5195" i="2" a="1"/>
  <c r="F5195" i="2" s="1"/>
  <c r="F5199" i="2" a="1"/>
  <c r="F5199" i="2" s="1"/>
  <c r="F5213" i="2" a="1"/>
  <c r="F5213" i="2" s="1"/>
  <c r="F5215" i="2" a="1"/>
  <c r="F5215" i="2" s="1"/>
  <c r="F5203" i="2" a="1"/>
  <c r="F5203" i="2" s="1"/>
  <c r="F5194" i="2" a="1"/>
  <c r="F5194" i="2" s="1"/>
  <c r="F5196" i="2" a="1"/>
  <c r="F5196" i="2" s="1"/>
  <c r="F5212" i="2" a="1"/>
  <c r="F5212" i="2" s="1"/>
  <c r="E820" i="2" a="1"/>
  <c r="E820" i="2" s="1"/>
  <c r="E809" i="2" a="1"/>
  <c r="E809" i="2" s="1"/>
  <c r="E824" i="2" a="1"/>
  <c r="E824" i="2" s="1"/>
  <c r="E802" i="2" a="1"/>
  <c r="E802" i="2" s="1"/>
  <c r="E807" i="2" a="1"/>
  <c r="E807" i="2" s="1"/>
  <c r="E825" i="2" a="1"/>
  <c r="E825" i="2" s="1"/>
  <c r="E803" i="2" a="1"/>
  <c r="E803" i="2" s="1"/>
  <c r="E810" i="2" a="1"/>
  <c r="E810" i="2" s="1"/>
  <c r="E814" i="2" a="1"/>
  <c r="E814" i="2" s="1"/>
  <c r="E804" i="2" a="1"/>
  <c r="E804" i="2" s="1"/>
  <c r="E823" i="2" a="1"/>
  <c r="E823" i="2" s="1"/>
  <c r="E815" i="2" a="1"/>
  <c r="E815" i="2" s="1"/>
  <c r="E821" i="2" a="1"/>
  <c r="E821" i="2" s="1"/>
  <c r="E811" i="2" a="1"/>
  <c r="E811" i="2" s="1"/>
  <c r="E816" i="2" a="1"/>
  <c r="E816" i="2" s="1"/>
  <c r="E812" i="2" a="1"/>
  <c r="E812" i="2" s="1"/>
  <c r="E817" i="2" a="1"/>
  <c r="E817" i="2" s="1"/>
  <c r="E808" i="2" a="1"/>
  <c r="E808" i="2" s="1"/>
  <c r="E818" i="2" a="1"/>
  <c r="E818" i="2" s="1"/>
  <c r="E813" i="2" a="1"/>
  <c r="E813" i="2" s="1"/>
  <c r="E819" i="2" a="1"/>
  <c r="E819" i="2" s="1"/>
  <c r="E822" i="2" a="1"/>
  <c r="E822" i="2" s="1"/>
  <c r="E805" i="2" a="1"/>
  <c r="E805" i="2" s="1"/>
  <c r="E806" i="2" a="1"/>
  <c r="E806" i="2" s="1"/>
  <c r="E3341" i="2" a="1"/>
  <c r="E3341" i="2" s="1"/>
  <c r="E3343" i="2" a="1"/>
  <c r="E3343" i="2" s="1"/>
  <c r="E3323" i="2" a="1"/>
  <c r="E3323" i="2" s="1"/>
  <c r="E3335" i="2" a="1"/>
  <c r="E3335" i="2" s="1"/>
  <c r="E3324" i="2" a="1"/>
  <c r="E3324" i="2" s="1"/>
  <c r="E3331" i="2" a="1"/>
  <c r="E3331" i="2" s="1"/>
  <c r="E3322" i="2" a="1"/>
  <c r="E3322" i="2" s="1"/>
  <c r="E5278" i="2" a="1"/>
  <c r="E5278" i="2" s="1"/>
  <c r="E5288" i="2" a="1"/>
  <c r="E5288" i="2" s="1"/>
  <c r="E5269" i="2" a="1"/>
  <c r="E5269" i="2" s="1"/>
  <c r="E5279" i="2" a="1"/>
  <c r="E5279" i="2" s="1"/>
  <c r="E5281" i="2" a="1"/>
  <c r="E5281" i="2" s="1"/>
  <c r="E5275" i="2" a="1"/>
  <c r="E5275" i="2" s="1"/>
  <c r="E5280" i="2" a="1"/>
  <c r="E5280" i="2" s="1"/>
  <c r="E5266" i="2" a="1"/>
  <c r="E5266" i="2" s="1"/>
  <c r="E5277" i="2" a="1"/>
  <c r="E5277" i="2" s="1"/>
  <c r="E5284" i="2" a="1"/>
  <c r="E5284" i="2" s="1"/>
  <c r="E5271" i="2" a="1"/>
  <c r="E5271" i="2" s="1"/>
  <c r="E5285" i="2" a="1"/>
  <c r="E5285" i="2" s="1"/>
  <c r="E5272" i="2" a="1"/>
  <c r="E5272" i="2" s="1"/>
  <c r="E5286" i="2" a="1"/>
  <c r="E5286" i="2" s="1"/>
  <c r="E5289" i="2" a="1"/>
  <c r="E5289" i="2" s="1"/>
  <c r="E5287" i="2" a="1"/>
  <c r="E5287" i="2" s="1"/>
  <c r="E5270" i="2" a="1"/>
  <c r="E5270" i="2" s="1"/>
  <c r="E5267" i="2" a="1"/>
  <c r="E5267" i="2" s="1"/>
  <c r="E5274" i="2" a="1"/>
  <c r="E5274" i="2" s="1"/>
  <c r="E5276" i="2" a="1"/>
  <c r="E5276" i="2" s="1"/>
  <c r="E5273" i="2" a="1"/>
  <c r="E5273" i="2" s="1"/>
  <c r="E5268" i="2" a="1"/>
  <c r="E5268" i="2" s="1"/>
  <c r="E5283" i="2" a="1"/>
  <c r="E5283" i="2" s="1"/>
  <c r="E5282" i="2" a="1"/>
  <c r="E5282" i="2" s="1"/>
  <c r="H6567" i="2" a="1"/>
  <c r="H6567" i="2" s="1"/>
  <c r="H6576" i="2" a="1"/>
  <c r="H6576" i="2" s="1"/>
  <c r="H6562" i="2" a="1"/>
  <c r="H6562" i="2" s="1"/>
  <c r="H6577" i="2" a="1"/>
  <c r="H6577" i="2" s="1"/>
  <c r="H6564" i="2" a="1"/>
  <c r="H6564" i="2" s="1"/>
  <c r="H6580" i="2" a="1"/>
  <c r="H6580" i="2" s="1"/>
  <c r="H6583" i="2" a="1"/>
  <c r="H6583" i="2" s="1"/>
  <c r="H6563" i="2" a="1"/>
  <c r="H6563" i="2" s="1"/>
  <c r="H6578" i="2" a="1"/>
  <c r="H6578" i="2" s="1"/>
  <c r="H6584" i="2" a="1"/>
  <c r="H6584" i="2" s="1"/>
  <c r="H6565" i="2" a="1"/>
  <c r="H6565" i="2" s="1"/>
  <c r="H6568" i="2" a="1"/>
  <c r="H6568" i="2" s="1"/>
  <c r="H6585" i="2" a="1"/>
  <c r="H6585" i="2" s="1"/>
  <c r="H6566" i="2" a="1"/>
  <c r="H6566" i="2" s="1"/>
  <c r="H6581" i="2" a="1"/>
  <c r="H6581" i="2" s="1"/>
  <c r="H6571" i="2" a="1"/>
  <c r="H6571" i="2" s="1"/>
  <c r="H6570" i="2" a="1"/>
  <c r="H6570" i="2" s="1"/>
  <c r="H6572" i="2" a="1"/>
  <c r="H6572" i="2" s="1"/>
  <c r="H6569" i="2" a="1"/>
  <c r="H6569" i="2" s="1"/>
  <c r="H6582" i="2" a="1"/>
  <c r="H6582" i="2" s="1"/>
  <c r="H6579" i="2" a="1"/>
  <c r="H6579" i="2" s="1"/>
  <c r="H6574" i="2" a="1"/>
  <c r="H6574" i="2" s="1"/>
  <c r="H6573" i="2" a="1"/>
  <c r="H6573" i="2" s="1"/>
  <c r="H6575" i="2" a="1"/>
  <c r="H6575" i="2" s="1"/>
  <c r="F3075" i="2" a="1"/>
  <c r="F3075" i="2" s="1"/>
  <c r="F3076" i="2" a="1"/>
  <c r="F3076" i="2" s="1"/>
  <c r="F3081" i="2" a="1"/>
  <c r="F3081" i="2" s="1"/>
  <c r="F3062" i="2" a="1"/>
  <c r="F3062" i="2" s="1"/>
  <c r="F3065" i="2" a="1"/>
  <c r="F3065" i="2" s="1"/>
  <c r="F3077" i="2" a="1"/>
  <c r="F3077" i="2" s="1"/>
  <c r="F3067" i="2" a="1"/>
  <c r="F3067" i="2" s="1"/>
  <c r="F3069" i="2" a="1"/>
  <c r="F3069" i="2" s="1"/>
  <c r="F3060" i="2" a="1"/>
  <c r="F3060" i="2" s="1"/>
  <c r="F3078" i="2" a="1"/>
  <c r="F3078" i="2" s="1"/>
  <c r="F3070" i="2" a="1"/>
  <c r="F3070" i="2" s="1"/>
  <c r="F3074" i="2" a="1"/>
  <c r="F3074" i="2" s="1"/>
  <c r="F3079" i="2" a="1"/>
  <c r="F3079" i="2" s="1"/>
  <c r="F3071" i="2" a="1"/>
  <c r="F3071" i="2" s="1"/>
  <c r="F3072" i="2" a="1"/>
  <c r="F3072" i="2" s="1"/>
  <c r="F3059" i="2" a="1"/>
  <c r="F3059" i="2" s="1"/>
  <c r="F3073" i="2" a="1"/>
  <c r="F3073" i="2" s="1"/>
  <c r="F3061" i="2" a="1"/>
  <c r="F3061" i="2" s="1"/>
  <c r="F3064" i="2" a="1"/>
  <c r="F3064" i="2" s="1"/>
  <c r="F3066" i="2" a="1"/>
  <c r="F3066" i="2" s="1"/>
  <c r="F3068" i="2" a="1"/>
  <c r="F3068" i="2" s="1"/>
  <c r="F3080" i="2" a="1"/>
  <c r="F3080" i="2" s="1"/>
  <c r="F3063" i="2" a="1"/>
  <c r="F3063" i="2" s="1"/>
  <c r="F3058" i="2" a="1"/>
  <c r="F3058" i="2" s="1"/>
  <c r="F839" i="2" a="1"/>
  <c r="F839" i="2" s="1"/>
  <c r="F832" i="2" a="1"/>
  <c r="F832" i="2" s="1"/>
  <c r="F840" i="2" a="1"/>
  <c r="F840" i="2" s="1"/>
  <c r="F833" i="2" a="1"/>
  <c r="F833" i="2" s="1"/>
  <c r="F842" i="2" a="1"/>
  <c r="F842" i="2" s="1"/>
  <c r="F836" i="2" a="1"/>
  <c r="F836" i="2" s="1"/>
  <c r="F831" i="2" a="1"/>
  <c r="F831" i="2" s="1"/>
  <c r="F848" i="2" a="1"/>
  <c r="F848" i="2" s="1"/>
  <c r="F826" i="2" a="1"/>
  <c r="F826" i="2" s="1"/>
  <c r="F849" i="2" a="1"/>
  <c r="F849" i="2" s="1"/>
  <c r="F827" i="2" a="1"/>
  <c r="F827" i="2" s="1"/>
  <c r="F845" i="2" a="1"/>
  <c r="F845" i="2" s="1"/>
  <c r="F838" i="2" a="1"/>
  <c r="F838" i="2" s="1"/>
  <c r="F834" i="2" a="1"/>
  <c r="F834" i="2" s="1"/>
  <c r="F847" i="2" a="1"/>
  <c r="F847" i="2" s="1"/>
  <c r="F841" i="2" a="1"/>
  <c r="F841" i="2" s="1"/>
  <c r="F835" i="2" a="1"/>
  <c r="F835" i="2" s="1"/>
  <c r="F829" i="2" a="1"/>
  <c r="F829" i="2" s="1"/>
  <c r="F837" i="2" a="1"/>
  <c r="F837" i="2" s="1"/>
  <c r="F830" i="2" a="1"/>
  <c r="F830" i="2" s="1"/>
  <c r="F843" i="2" a="1"/>
  <c r="F843" i="2" s="1"/>
  <c r="F844" i="2" a="1"/>
  <c r="F844" i="2" s="1"/>
  <c r="F828" i="2" a="1"/>
  <c r="F828" i="2" s="1"/>
  <c r="F846" i="2" a="1"/>
  <c r="F846" i="2" s="1"/>
  <c r="E1121" i="2" a="1"/>
  <c r="E1121" i="2" s="1"/>
  <c r="E1123" i="2" a="1"/>
  <c r="E1123" i="2" s="1"/>
  <c r="E1128" i="2" a="1"/>
  <c r="E1128" i="2" s="1"/>
  <c r="E1124" i="2" a="1"/>
  <c r="E1124" i="2" s="1"/>
  <c r="E1132" i="2" a="1"/>
  <c r="E1132" i="2" s="1"/>
  <c r="E1136" i="2" a="1"/>
  <c r="E1136" i="2" s="1"/>
  <c r="E1133" i="2" a="1"/>
  <c r="E1133" i="2" s="1"/>
  <c r="E1127" i="2" a="1"/>
  <c r="E1127" i="2" s="1"/>
  <c r="E1114" i="2" a="1"/>
  <c r="E1114" i="2" s="1"/>
  <c r="E1116" i="2" a="1"/>
  <c r="E1116" i="2" s="1"/>
  <c r="E1126" i="2" a="1"/>
  <c r="E1126" i="2" s="1"/>
  <c r="E1134" i="2" a="1"/>
  <c r="E1134" i="2" s="1"/>
  <c r="E1135" i="2" a="1"/>
  <c r="E1135" i="2" s="1"/>
  <c r="E1129" i="2" a="1"/>
  <c r="E1129" i="2" s="1"/>
  <c r="E1131" i="2" a="1"/>
  <c r="E1131" i="2" s="1"/>
  <c r="E1117" i="2" a="1"/>
  <c r="E1117" i="2" s="1"/>
  <c r="E1137" i="2" a="1"/>
  <c r="E1137" i="2" s="1"/>
  <c r="E1118" i="2" a="1"/>
  <c r="E1118" i="2" s="1"/>
  <c r="E1115" i="2" a="1"/>
  <c r="E1115" i="2" s="1"/>
  <c r="E1119" i="2" a="1"/>
  <c r="E1119" i="2" s="1"/>
  <c r="E1120" i="2" a="1"/>
  <c r="E1120" i="2" s="1"/>
  <c r="E1122" i="2" a="1"/>
  <c r="E1122" i="2" s="1"/>
  <c r="E1125" i="2" a="1"/>
  <c r="E1125" i="2" s="1"/>
  <c r="E1130" i="2" a="1"/>
  <c r="E1130" i="2" s="1"/>
  <c r="G917" i="2" a="1"/>
  <c r="G917" i="2" s="1"/>
  <c r="G921" i="2" a="1"/>
  <c r="G921" i="2" s="1"/>
  <c r="G902" i="2" a="1"/>
  <c r="G902" i="2" s="1"/>
  <c r="G909" i="2" a="1"/>
  <c r="G909" i="2" s="1"/>
  <c r="G912" i="2" a="1"/>
  <c r="G912" i="2" s="1"/>
  <c r="G907" i="2" a="1"/>
  <c r="G907" i="2" s="1"/>
  <c r="G913" i="2" a="1"/>
  <c r="G913" i="2" s="1"/>
  <c r="G900" i="2" a="1"/>
  <c r="G900" i="2" s="1"/>
  <c r="G914" i="2" a="1"/>
  <c r="G914" i="2" s="1"/>
  <c r="G906" i="2" a="1"/>
  <c r="G906" i="2" s="1"/>
  <c r="G918" i="2" a="1"/>
  <c r="G918" i="2" s="1"/>
  <c r="G919" i="2" a="1"/>
  <c r="G919" i="2" s="1"/>
  <c r="G910" i="2" a="1"/>
  <c r="G910" i="2" s="1"/>
  <c r="G898" i="2" a="1"/>
  <c r="G898" i="2" s="1"/>
  <c r="G903" i="2" a="1"/>
  <c r="G903" i="2" s="1"/>
  <c r="G911" i="2" a="1"/>
  <c r="G911" i="2" s="1"/>
  <c r="G899" i="2" a="1"/>
  <c r="G899" i="2" s="1"/>
  <c r="G920" i="2" a="1"/>
  <c r="G920" i="2" s="1"/>
  <c r="G905" i="2" a="1"/>
  <c r="G905" i="2" s="1"/>
  <c r="G901" i="2" a="1"/>
  <c r="G901" i="2" s="1"/>
  <c r="G915" i="2" a="1"/>
  <c r="G915" i="2" s="1"/>
  <c r="G908" i="2" a="1"/>
  <c r="G908" i="2" s="1"/>
  <c r="G916" i="2" a="1"/>
  <c r="G916" i="2" s="1"/>
  <c r="G904" i="2" a="1"/>
  <c r="G904" i="2" s="1"/>
  <c r="D5711" i="2" a="1"/>
  <c r="D5711" i="2" s="1"/>
  <c r="D5721" i="2" a="1"/>
  <c r="D5721" i="2" s="1"/>
  <c r="D5719" i="2" a="1"/>
  <c r="D5719" i="2" s="1"/>
  <c r="D5698" i="2" a="1"/>
  <c r="D5698" i="2" s="1"/>
  <c r="D5701" i="2" a="1"/>
  <c r="D5701" i="2" s="1"/>
  <c r="D5714" i="2" a="1"/>
  <c r="D5714" i="2" s="1"/>
  <c r="D5699" i="2" a="1"/>
  <c r="D5699" i="2" s="1"/>
  <c r="D5706" i="2" a="1"/>
  <c r="D5706" i="2" s="1"/>
  <c r="D5717" i="2" a="1"/>
  <c r="D5717" i="2" s="1"/>
  <c r="D5712" i="2" a="1"/>
  <c r="D5712" i="2" s="1"/>
  <c r="D5709" i="2" a="1"/>
  <c r="D5709" i="2" s="1"/>
  <c r="D5708" i="2" a="1"/>
  <c r="D5708" i="2" s="1"/>
  <c r="D5700" i="2" a="1"/>
  <c r="D5700" i="2" s="1"/>
  <c r="D5710" i="2" a="1"/>
  <c r="D5710" i="2" s="1"/>
  <c r="D5713" i="2" a="1"/>
  <c r="D5713" i="2" s="1"/>
  <c r="D5715" i="2" a="1"/>
  <c r="D5715" i="2" s="1"/>
  <c r="D5702" i="2" a="1"/>
  <c r="D5702" i="2" s="1"/>
  <c r="D5720" i="2" a="1"/>
  <c r="D5720" i="2" s="1"/>
  <c r="D5704" i="2" a="1"/>
  <c r="D5704" i="2" s="1"/>
  <c r="D5705" i="2" a="1"/>
  <c r="D5705" i="2" s="1"/>
  <c r="D5707" i="2" a="1"/>
  <c r="D5707" i="2" s="1"/>
  <c r="D5716" i="2" a="1"/>
  <c r="D5716" i="2" s="1"/>
  <c r="D5718" i="2" a="1"/>
  <c r="D5718" i="2" s="1"/>
  <c r="D5703" i="2" a="1"/>
  <c r="D5703" i="2" s="1"/>
  <c r="AQ219" i="1"/>
  <c r="G225" i="5" s="1"/>
  <c r="AO219" i="1"/>
  <c r="E225" i="5" s="1"/>
  <c r="AP219" i="1"/>
  <c r="F225" i="5" s="1"/>
  <c r="AN219" i="1"/>
  <c r="D225" i="5" s="1"/>
  <c r="AM219" i="1"/>
  <c r="D5257" i="2" a="1"/>
  <c r="D5257" i="2" s="1"/>
  <c r="D5243" i="2" a="1"/>
  <c r="D5243" i="2" s="1"/>
  <c r="D5247" i="2" a="1"/>
  <c r="D5247" i="2" s="1"/>
  <c r="D5251" i="2" a="1"/>
  <c r="D5251" i="2" s="1"/>
  <c r="D5255" i="2" a="1"/>
  <c r="D5255" i="2" s="1"/>
  <c r="D5259" i="2" a="1"/>
  <c r="D5259" i="2" s="1"/>
  <c r="D5263" i="2" a="1"/>
  <c r="D5263" i="2" s="1"/>
  <c r="D5242" i="2" a="1"/>
  <c r="D5242" i="2" s="1"/>
  <c r="D5246" i="2" a="1"/>
  <c r="D5246" i="2" s="1"/>
  <c r="D5250" i="2" a="1"/>
  <c r="D5250" i="2" s="1"/>
  <c r="D5254" i="2" a="1"/>
  <c r="D5254" i="2" s="1"/>
  <c r="D5258" i="2" a="1"/>
  <c r="D5258" i="2" s="1"/>
  <c r="D5262" i="2" a="1"/>
  <c r="D5262" i="2" s="1"/>
  <c r="D5245" i="2" a="1"/>
  <c r="D5245" i="2" s="1"/>
  <c r="D5249" i="2" a="1"/>
  <c r="D5249" i="2" s="1"/>
  <c r="D5253" i="2" a="1"/>
  <c r="D5253" i="2" s="1"/>
  <c r="D5261" i="2" a="1"/>
  <c r="D5261" i="2" s="1"/>
  <c r="D5265" i="2" a="1"/>
  <c r="D5265" i="2" s="1"/>
  <c r="D5244" i="2" a="1"/>
  <c r="D5244" i="2" s="1"/>
  <c r="D5248" i="2" a="1"/>
  <c r="D5248" i="2" s="1"/>
  <c r="D5252" i="2" a="1"/>
  <c r="D5252" i="2" s="1"/>
  <c r="D5256" i="2" a="1"/>
  <c r="D5256" i="2" s="1"/>
  <c r="D5260" i="2" a="1"/>
  <c r="D5260" i="2" s="1"/>
  <c r="D5264" i="2" a="1"/>
  <c r="D5264" i="2" s="1"/>
  <c r="E140" i="2" a="1"/>
  <c r="E140" i="2" s="1"/>
  <c r="E135" i="2" a="1"/>
  <c r="E135" i="2" s="1"/>
  <c r="E133" i="2" a="1"/>
  <c r="E133" i="2" s="1"/>
  <c r="E150" i="2" a="1"/>
  <c r="E150" i="2" s="1"/>
  <c r="E132" i="2" a="1"/>
  <c r="E132" i="2" s="1"/>
  <c r="E151" i="2" a="1"/>
  <c r="E151" i="2" s="1"/>
  <c r="E138" i="2" a="1"/>
  <c r="E138" i="2" s="1"/>
  <c r="E137" i="2" a="1"/>
  <c r="E137" i="2" s="1"/>
  <c r="E139" i="2" a="1"/>
  <c r="E139" i="2" s="1"/>
  <c r="E148" i="2" a="1"/>
  <c r="E148" i="2" s="1"/>
  <c r="E142" i="2" a="1"/>
  <c r="E142" i="2" s="1"/>
  <c r="E144" i="2" a="1"/>
  <c r="E144" i="2" s="1"/>
  <c r="E153" i="2" a="1"/>
  <c r="E153" i="2" s="1"/>
  <c r="E130" i="2" a="1"/>
  <c r="E130" i="2" s="1"/>
  <c r="E152" i="2" a="1"/>
  <c r="E152" i="2" s="1"/>
  <c r="E141" i="2" a="1"/>
  <c r="E141" i="2" s="1"/>
  <c r="E145" i="2" a="1"/>
  <c r="E145" i="2" s="1"/>
  <c r="E147" i="2" a="1"/>
  <c r="E147" i="2" s="1"/>
  <c r="E146" i="2" a="1"/>
  <c r="E146" i="2" s="1"/>
  <c r="E131" i="2" a="1"/>
  <c r="E131" i="2" s="1"/>
  <c r="E134" i="2" a="1"/>
  <c r="E134" i="2" s="1"/>
  <c r="E136" i="2" a="1"/>
  <c r="E136" i="2" s="1"/>
  <c r="E149" i="2" a="1"/>
  <c r="E149" i="2" s="1"/>
  <c r="E143" i="2" a="1"/>
  <c r="E143" i="2" s="1"/>
  <c r="E3510" i="2" a="1"/>
  <c r="E3510" i="2" s="1"/>
  <c r="E3505" i="2" a="1"/>
  <c r="E3505" i="2" s="1"/>
  <c r="E3498" i="2" a="1"/>
  <c r="E3498" i="2" s="1"/>
  <c r="E3506" i="2" a="1"/>
  <c r="E3506" i="2" s="1"/>
  <c r="E3495" i="2" a="1"/>
  <c r="E3495" i="2" s="1"/>
  <c r="E3504" i="2" a="1"/>
  <c r="E3504" i="2" s="1"/>
  <c r="E3507" i="2" a="1"/>
  <c r="E3507" i="2" s="1"/>
  <c r="E3492" i="2" a="1"/>
  <c r="E3492" i="2" s="1"/>
  <c r="E3493" i="2" a="1"/>
  <c r="E3493" i="2" s="1"/>
  <c r="E3497" i="2" a="1"/>
  <c r="E3497" i="2" s="1"/>
  <c r="E3496" i="2" a="1"/>
  <c r="E3496" i="2" s="1"/>
  <c r="E3499" i="2" a="1"/>
  <c r="E3499" i="2" s="1"/>
  <c r="E3508" i="2" a="1"/>
  <c r="E3508" i="2" s="1"/>
  <c r="E3513" i="2" a="1"/>
  <c r="E3513" i="2" s="1"/>
  <c r="E3500" i="2" a="1"/>
  <c r="E3500" i="2" s="1"/>
  <c r="E3511" i="2" a="1"/>
  <c r="E3511" i="2" s="1"/>
  <c r="E3501" i="2" a="1"/>
  <c r="E3501" i="2" s="1"/>
  <c r="E3509" i="2" a="1"/>
  <c r="E3509" i="2" s="1"/>
  <c r="E3502" i="2" a="1"/>
  <c r="E3502" i="2" s="1"/>
  <c r="E3494" i="2" a="1"/>
  <c r="E3494" i="2" s="1"/>
  <c r="E3490" i="2" a="1"/>
  <c r="E3490" i="2" s="1"/>
  <c r="E3503" i="2" a="1"/>
  <c r="E3503" i="2" s="1"/>
  <c r="E3491" i="2" a="1"/>
  <c r="E3491" i="2" s="1"/>
  <c r="E3512" i="2" a="1"/>
  <c r="E3512" i="2" s="1"/>
  <c r="F3662" i="2" a="1"/>
  <c r="F3662" i="2" s="1"/>
  <c r="F3667" i="2" a="1"/>
  <c r="F3667" i="2" s="1"/>
  <c r="F3669" i="2" a="1"/>
  <c r="F3669" i="2" s="1"/>
  <c r="F3673" i="2" a="1"/>
  <c r="F3673" i="2" s="1"/>
  <c r="F3658" i="2" a="1"/>
  <c r="F3658" i="2" s="1"/>
  <c r="F3661" i="2" a="1"/>
  <c r="F3661" i="2" s="1"/>
  <c r="F3665" i="2" a="1"/>
  <c r="F3665" i="2" s="1"/>
  <c r="F3681" i="2" a="1"/>
  <c r="F3681" i="2" s="1"/>
  <c r="F3679" i="2" a="1"/>
  <c r="F3679" i="2" s="1"/>
  <c r="F3663" i="2" a="1"/>
  <c r="F3663" i="2" s="1"/>
  <c r="F3666" i="2" a="1"/>
  <c r="F3666" i="2" s="1"/>
  <c r="F3660" i="2" a="1"/>
  <c r="F3660" i="2" s="1"/>
  <c r="F3677" i="2" a="1"/>
  <c r="F3677" i="2" s="1"/>
  <c r="F3664" i="2" a="1"/>
  <c r="F3664" i="2" s="1"/>
  <c r="F3674" i="2" a="1"/>
  <c r="F3674" i="2" s="1"/>
  <c r="F3678" i="2" a="1"/>
  <c r="F3678" i="2" s="1"/>
  <c r="F3676" i="2" a="1"/>
  <c r="F3676" i="2" s="1"/>
  <c r="F3680" i="2" a="1"/>
  <c r="F3680" i="2" s="1"/>
  <c r="F3670" i="2" a="1"/>
  <c r="F3670" i="2" s="1"/>
  <c r="F3675" i="2" a="1"/>
  <c r="F3675" i="2" s="1"/>
  <c r="F3672" i="2" a="1"/>
  <c r="F3672" i="2" s="1"/>
  <c r="F3671" i="2" a="1"/>
  <c r="F3671" i="2" s="1"/>
  <c r="F3659" i="2" a="1"/>
  <c r="F3659" i="2" s="1"/>
  <c r="F3668" i="2" a="1"/>
  <c r="F3668" i="2" s="1"/>
  <c r="H1026" i="2" a="1"/>
  <c r="H1026" i="2" s="1"/>
  <c r="H1032" i="2" a="1"/>
  <c r="H1032" i="2" s="1"/>
  <c r="H1029" i="2" a="1"/>
  <c r="H1029" i="2" s="1"/>
  <c r="H1023" i="2" a="1"/>
  <c r="H1023" i="2" s="1"/>
  <c r="H1033" i="2" a="1"/>
  <c r="H1033" i="2" s="1"/>
  <c r="H1030" i="2" a="1"/>
  <c r="H1030" i="2" s="1"/>
  <c r="H1041" i="2" a="1"/>
  <c r="H1041" i="2" s="1"/>
  <c r="H1020" i="2" a="1"/>
  <c r="H1020" i="2" s="1"/>
  <c r="H1019" i="2" a="1"/>
  <c r="H1019" i="2" s="1"/>
  <c r="H1040" i="2" a="1"/>
  <c r="H1040" i="2" s="1"/>
  <c r="H1022" i="2" a="1"/>
  <c r="H1022" i="2" s="1"/>
  <c r="H1025" i="2" a="1"/>
  <c r="H1025" i="2" s="1"/>
  <c r="H1035" i="2" a="1"/>
  <c r="H1035" i="2" s="1"/>
  <c r="H1024" i="2" a="1"/>
  <c r="H1024" i="2" s="1"/>
  <c r="H1028" i="2" a="1"/>
  <c r="H1028" i="2" s="1"/>
  <c r="H1037" i="2" a="1"/>
  <c r="H1037" i="2" s="1"/>
  <c r="H1034" i="2" a="1"/>
  <c r="H1034" i="2" s="1"/>
  <c r="H1021" i="2" a="1"/>
  <c r="H1021" i="2" s="1"/>
  <c r="H1027" i="2" a="1"/>
  <c r="H1027" i="2" s="1"/>
  <c r="H1031" i="2" a="1"/>
  <c r="H1031" i="2" s="1"/>
  <c r="H1038" i="2" a="1"/>
  <c r="H1038" i="2" s="1"/>
  <c r="H1039" i="2" a="1"/>
  <c r="H1039" i="2" s="1"/>
  <c r="H1018" i="2" a="1"/>
  <c r="H1018" i="2" s="1"/>
  <c r="H1036" i="2" a="1"/>
  <c r="H1036" i="2" s="1"/>
  <c r="F7426" i="2" a="1"/>
  <c r="F7426" i="2" s="1"/>
  <c r="F7434" i="2" a="1"/>
  <c r="F7434" i="2" s="1"/>
  <c r="F7427" i="2" a="1"/>
  <c r="F7427" i="2" s="1"/>
  <c r="F7435" i="2" a="1"/>
  <c r="F7435" i="2" s="1"/>
  <c r="F7433" i="2" a="1"/>
  <c r="F7433" i="2" s="1"/>
  <c r="F7439" i="2" a="1"/>
  <c r="F7439" i="2" s="1"/>
  <c r="F7442" i="2" a="1"/>
  <c r="F7442" i="2" s="1"/>
  <c r="F7444" i="2" a="1"/>
  <c r="F7444" i="2" s="1"/>
  <c r="F7429" i="2" a="1"/>
  <c r="F7429" i="2" s="1"/>
  <c r="F7440" i="2" a="1"/>
  <c r="F7440" i="2" s="1"/>
  <c r="F7430" i="2" a="1"/>
  <c r="F7430" i="2" s="1"/>
  <c r="F7431" i="2" a="1"/>
  <c r="F7431" i="2" s="1"/>
  <c r="F7445" i="2" a="1"/>
  <c r="F7445" i="2" s="1"/>
  <c r="F7449" i="2" a="1"/>
  <c r="F7449" i="2" s="1"/>
  <c r="F7446" i="2" a="1"/>
  <c r="F7446" i="2" s="1"/>
  <c r="F7436" i="2" a="1"/>
  <c r="F7436" i="2" s="1"/>
  <c r="F7437" i="2" a="1"/>
  <c r="F7437" i="2" s="1"/>
  <c r="F7448" i="2" a="1"/>
  <c r="F7448" i="2" s="1"/>
  <c r="F7438" i="2" a="1"/>
  <c r="F7438" i="2" s="1"/>
  <c r="F7447" i="2" a="1"/>
  <c r="F7447" i="2" s="1"/>
  <c r="F7428" i="2" a="1"/>
  <c r="F7428" i="2" s="1"/>
  <c r="F7432" i="2" a="1"/>
  <c r="F7432" i="2" s="1"/>
  <c r="F7443" i="2" a="1"/>
  <c r="F7443" i="2" s="1"/>
  <c r="F7441" i="2" a="1"/>
  <c r="F7441" i="2" s="1"/>
  <c r="G7197" i="2" a="1"/>
  <c r="G7197" i="2" s="1"/>
  <c r="G7188" i="2" a="1"/>
  <c r="G7188" i="2" s="1"/>
  <c r="G7198" i="2" a="1"/>
  <c r="G7198" i="2" s="1"/>
  <c r="G7207" i="2" a="1"/>
  <c r="G7207" i="2" s="1"/>
  <c r="G7192" i="2" a="1"/>
  <c r="G7192" i="2" s="1"/>
  <c r="G7194" i="2" a="1"/>
  <c r="G7194" i="2" s="1"/>
  <c r="G7209" i="2" a="1"/>
  <c r="G7209" i="2" s="1"/>
  <c r="G7196" i="2" a="1"/>
  <c r="G7196" i="2" s="1"/>
  <c r="G7204" i="2" a="1"/>
  <c r="G7204" i="2" s="1"/>
  <c r="G7202" i="2" a="1"/>
  <c r="G7202" i="2" s="1"/>
  <c r="G7208" i="2" a="1"/>
  <c r="G7208" i="2" s="1"/>
  <c r="G7187" i="2" a="1"/>
  <c r="G7187" i="2" s="1"/>
  <c r="G7199" i="2" a="1"/>
  <c r="G7199" i="2" s="1"/>
  <c r="G7200" i="2" a="1"/>
  <c r="G7200" i="2" s="1"/>
  <c r="G7205" i="2" a="1"/>
  <c r="G7205" i="2" s="1"/>
  <c r="G7201" i="2" a="1"/>
  <c r="G7201" i="2" s="1"/>
  <c r="G7186" i="2" a="1"/>
  <c r="G7186" i="2" s="1"/>
  <c r="G7189" i="2" a="1"/>
  <c r="G7189" i="2" s="1"/>
  <c r="G7190" i="2" a="1"/>
  <c r="G7190" i="2" s="1"/>
  <c r="G7191" i="2" a="1"/>
  <c r="G7191" i="2" s="1"/>
  <c r="G7203" i="2" a="1"/>
  <c r="G7203" i="2" s="1"/>
  <c r="G7195" i="2" a="1"/>
  <c r="G7195" i="2" s="1"/>
  <c r="G7206" i="2" a="1"/>
  <c r="G7206" i="2" s="1"/>
  <c r="G7193" i="2" a="1"/>
  <c r="G7193" i="2" s="1"/>
  <c r="E3589" i="2" a="1"/>
  <c r="E3589" i="2" s="1"/>
  <c r="E3608" i="2" a="1"/>
  <c r="E3608" i="2" s="1"/>
  <c r="E3586" i="2" a="1"/>
  <c r="E3586" i="2" s="1"/>
  <c r="E3592" i="2" a="1"/>
  <c r="E3592" i="2" s="1"/>
  <c r="E3604" i="2" a="1"/>
  <c r="E3604" i="2" s="1"/>
  <c r="E3603" i="2" a="1"/>
  <c r="E3603" i="2" s="1"/>
  <c r="E3606" i="2" a="1"/>
  <c r="E3606" i="2" s="1"/>
  <c r="E3588" i="2" a="1"/>
  <c r="E3588" i="2" s="1"/>
  <c r="E3587" i="2" a="1"/>
  <c r="E3587" i="2" s="1"/>
  <c r="E3594" i="2" a="1"/>
  <c r="E3594" i="2" s="1"/>
  <c r="E3607" i="2" a="1"/>
  <c r="E3607" i="2" s="1"/>
  <c r="E3595" i="2" a="1"/>
  <c r="E3595" i="2" s="1"/>
  <c r="E3591" i="2" a="1"/>
  <c r="E3591" i="2" s="1"/>
  <c r="E3609" i="2" a="1"/>
  <c r="E3609" i="2" s="1"/>
  <c r="E3605" i="2" a="1"/>
  <c r="E3605" i="2" s="1"/>
  <c r="E3600" i="2" a="1"/>
  <c r="E3600" i="2" s="1"/>
  <c r="E3598" i="2" a="1"/>
  <c r="E3598" i="2" s="1"/>
  <c r="E3590" i="2" a="1"/>
  <c r="E3590" i="2" s="1"/>
  <c r="E3593" i="2" a="1"/>
  <c r="E3593" i="2" s="1"/>
  <c r="E3601" i="2" a="1"/>
  <c r="E3601" i="2" s="1"/>
  <c r="E3602" i="2" a="1"/>
  <c r="E3602" i="2" s="1"/>
  <c r="E3597" i="2" a="1"/>
  <c r="E3597" i="2" s="1"/>
  <c r="E3596" i="2" a="1"/>
  <c r="E3596" i="2" s="1"/>
  <c r="E3599" i="2" a="1"/>
  <c r="E3599" i="2" s="1"/>
  <c r="AP230" i="1"/>
  <c r="F236" i="5" s="1"/>
  <c r="AO230" i="1"/>
  <c r="E236" i="5" s="1"/>
  <c r="AQ230" i="1"/>
  <c r="G236" i="5" s="1"/>
  <c r="AN230" i="1"/>
  <c r="D236" i="5" s="1"/>
  <c r="AM230" i="1"/>
  <c r="D5508" i="2" a="1"/>
  <c r="D5508" i="2" s="1"/>
  <c r="D5512" i="2" a="1"/>
  <c r="D5512" i="2" s="1"/>
  <c r="D5511" i="2" a="1"/>
  <c r="D5511" i="2" s="1"/>
  <c r="D5521" i="2" a="1"/>
  <c r="D5521" i="2" s="1"/>
  <c r="D5528" i="2" a="1"/>
  <c r="D5528" i="2" s="1"/>
  <c r="D5514" i="2" a="1"/>
  <c r="D5514" i="2" s="1"/>
  <c r="D5522" i="2" a="1"/>
  <c r="D5522" i="2" s="1"/>
  <c r="D5517" i="2" a="1"/>
  <c r="D5517" i="2" s="1"/>
  <c r="D5524" i="2" a="1"/>
  <c r="D5524" i="2" s="1"/>
  <c r="D5527" i="2" a="1"/>
  <c r="D5527" i="2" s="1"/>
  <c r="D5520" i="2" a="1"/>
  <c r="D5520" i="2" s="1"/>
  <c r="D5510" i="2" a="1"/>
  <c r="D5510" i="2" s="1"/>
  <c r="D5507" i="2" a="1"/>
  <c r="D5507" i="2" s="1"/>
  <c r="D5513" i="2" a="1"/>
  <c r="D5513" i="2" s="1"/>
  <c r="D5523" i="2" a="1"/>
  <c r="D5523" i="2" s="1"/>
  <c r="D5516" i="2" a="1"/>
  <c r="D5516" i="2" s="1"/>
  <c r="D5519" i="2" a="1"/>
  <c r="D5519" i="2" s="1"/>
  <c r="D5526" i="2" a="1"/>
  <c r="D5526" i="2" s="1"/>
  <c r="D5515" i="2" a="1"/>
  <c r="D5515" i="2" s="1"/>
  <c r="D5509" i="2" a="1"/>
  <c r="D5509" i="2" s="1"/>
  <c r="D5529" i="2" a="1"/>
  <c r="D5529" i="2" s="1"/>
  <c r="D5506" i="2" a="1"/>
  <c r="D5506" i="2" s="1"/>
  <c r="D5518" i="2" a="1"/>
  <c r="D5518" i="2" s="1"/>
  <c r="D5525" i="2" a="1"/>
  <c r="D5525" i="2" s="1"/>
  <c r="AO150" i="1"/>
  <c r="E156" i="5" s="1"/>
  <c r="AP150" i="1"/>
  <c r="F156" i="5" s="1"/>
  <c r="AQ150" i="1"/>
  <c r="G156" i="5" s="1"/>
  <c r="AN150" i="1"/>
  <c r="D156" i="5" s="1"/>
  <c r="AM150" i="1"/>
  <c r="D3592" i="2" a="1"/>
  <c r="D3592" i="2" s="1"/>
  <c r="D3600" i="2" a="1"/>
  <c r="D3600" i="2" s="1"/>
  <c r="D3604" i="2" a="1"/>
  <c r="D3604" i="2" s="1"/>
  <c r="D3586" i="2" a="1"/>
  <c r="D3586" i="2" s="1"/>
  <c r="D3590" i="2" a="1"/>
  <c r="D3590" i="2" s="1"/>
  <c r="D3594" i="2" a="1"/>
  <c r="D3594" i="2" s="1"/>
  <c r="D3606" i="2" a="1"/>
  <c r="D3606" i="2" s="1"/>
  <c r="D3602" i="2" a="1"/>
  <c r="D3602" i="2" s="1"/>
  <c r="D3589" i="2" a="1"/>
  <c r="D3589" i="2" s="1"/>
  <c r="D3595" i="2" a="1"/>
  <c r="D3595" i="2" s="1"/>
  <c r="D3599" i="2" a="1"/>
  <c r="D3599" i="2" s="1"/>
  <c r="D3607" i="2" a="1"/>
  <c r="D3607" i="2" s="1"/>
  <c r="D3597" i="2" a="1"/>
  <c r="D3597" i="2" s="1"/>
  <c r="D3601" i="2" a="1"/>
  <c r="D3601" i="2" s="1"/>
  <c r="D3605" i="2" a="1"/>
  <c r="D3605" i="2" s="1"/>
  <c r="D3609" i="2" a="1"/>
  <c r="D3609" i="2" s="1"/>
  <c r="D3598" i="2" a="1"/>
  <c r="D3598" i="2" s="1"/>
  <c r="D3587" i="2" a="1"/>
  <c r="D3587" i="2" s="1"/>
  <c r="D3591" i="2" a="1"/>
  <c r="D3591" i="2" s="1"/>
  <c r="D3588" i="2" a="1"/>
  <c r="D3588" i="2" s="1"/>
  <c r="D3603" i="2" a="1"/>
  <c r="D3603" i="2" s="1"/>
  <c r="D3596" i="2" a="1"/>
  <c r="D3596" i="2" s="1"/>
  <c r="D3608" i="2" a="1"/>
  <c r="D3608" i="2" s="1"/>
  <c r="D3593" i="2" a="1"/>
  <c r="D3593" i="2" s="1"/>
  <c r="H8762" i="2" a="1"/>
  <c r="H8762" i="2" s="1"/>
  <c r="H8763" i="2" a="1"/>
  <c r="H8763" i="2" s="1"/>
  <c r="H8750" i="2" a="1"/>
  <c r="H8750" i="2" s="1"/>
  <c r="H8764" i="2" a="1"/>
  <c r="H8764" i="2" s="1"/>
  <c r="H8749" i="2" a="1"/>
  <c r="H8749" i="2" s="1"/>
  <c r="H8769" i="2" a="1"/>
  <c r="H8769" i="2" s="1"/>
  <c r="H8757" i="2" a="1"/>
  <c r="H8757" i="2" s="1"/>
  <c r="H8756" i="2" a="1"/>
  <c r="H8756" i="2" s="1"/>
  <c r="H8765" i="2" a="1"/>
  <c r="H8765" i="2" s="1"/>
  <c r="H8747" i="2" a="1"/>
  <c r="H8747" i="2" s="1"/>
  <c r="H8751" i="2" a="1"/>
  <c r="H8751" i="2" s="1"/>
  <c r="H8752" i="2" a="1"/>
  <c r="H8752" i="2" s="1"/>
  <c r="H8755" i="2" a="1"/>
  <c r="H8755" i="2" s="1"/>
  <c r="H8746" i="2" a="1"/>
  <c r="H8746" i="2" s="1"/>
  <c r="H8748" i="2" a="1"/>
  <c r="H8748" i="2" s="1"/>
  <c r="H8753" i="2" a="1"/>
  <c r="H8753" i="2" s="1"/>
  <c r="H8758" i="2" a="1"/>
  <c r="H8758" i="2" s="1"/>
  <c r="H8754" i="2" a="1"/>
  <c r="H8754" i="2" s="1"/>
  <c r="H8761" i="2" a="1"/>
  <c r="H8761" i="2" s="1"/>
  <c r="H8760" i="2" a="1"/>
  <c r="H8760" i="2" s="1"/>
  <c r="H8768" i="2" a="1"/>
  <c r="H8768" i="2" s="1"/>
  <c r="H8766" i="2" a="1"/>
  <c r="H8766" i="2" s="1"/>
  <c r="H8759" i="2" a="1"/>
  <c r="H8759" i="2" s="1"/>
  <c r="H8767" i="2" a="1"/>
  <c r="H8767" i="2" s="1"/>
  <c r="F8342" i="2" a="1"/>
  <c r="F8342" i="2" s="1"/>
  <c r="F8358" i="2" a="1"/>
  <c r="F8358" i="2" s="1"/>
  <c r="F8346" i="2" a="1"/>
  <c r="F8346" i="2" s="1"/>
  <c r="F8343" i="2" a="1"/>
  <c r="F8343" i="2" s="1"/>
  <c r="F8353" i="2" a="1"/>
  <c r="F8353" i="2" s="1"/>
  <c r="F8348" i="2" a="1"/>
  <c r="F8348" i="2" s="1"/>
  <c r="F8357" i="2" a="1"/>
  <c r="F8357" i="2" s="1"/>
  <c r="F8360" i="2" a="1"/>
  <c r="F8360" i="2" s="1"/>
  <c r="F8354" i="2" a="1"/>
  <c r="F8354" i="2" s="1"/>
  <c r="F8356" i="2" a="1"/>
  <c r="F8356" i="2" s="1"/>
  <c r="F8355" i="2" a="1"/>
  <c r="F8355" i="2" s="1"/>
  <c r="F8344" i="2" a="1"/>
  <c r="F8344" i="2" s="1"/>
  <c r="F8361" i="2" a="1"/>
  <c r="F8361" i="2" s="1"/>
  <c r="F8345" i="2" a="1"/>
  <c r="F8345" i="2" s="1"/>
  <c r="F8350" i="2" a="1"/>
  <c r="F8350" i="2" s="1"/>
  <c r="F8359" i="2" a="1"/>
  <c r="F8359" i="2" s="1"/>
  <c r="F8339" i="2" a="1"/>
  <c r="F8339" i="2" s="1"/>
  <c r="F8352" i="2" a="1"/>
  <c r="F8352" i="2" s="1"/>
  <c r="F8351" i="2" a="1"/>
  <c r="F8351" i="2" s="1"/>
  <c r="F8340" i="2" a="1"/>
  <c r="F8340" i="2" s="1"/>
  <c r="F8347" i="2" a="1"/>
  <c r="F8347" i="2" s="1"/>
  <c r="F8349" i="2" a="1"/>
  <c r="F8349" i="2" s="1"/>
  <c r="F8338" i="2" a="1"/>
  <c r="F8338" i="2" s="1"/>
  <c r="F8341" i="2" a="1"/>
  <c r="F8341" i="2" s="1"/>
  <c r="AO152" i="1"/>
  <c r="E158" i="5" s="1"/>
  <c r="AN152" i="1"/>
  <c r="D158" i="5" s="1"/>
  <c r="AP152" i="1"/>
  <c r="F158" i="5" s="1"/>
  <c r="AQ152" i="1"/>
  <c r="G158" i="5" s="1"/>
  <c r="AM152" i="1"/>
  <c r="D3652" i="2" a="1"/>
  <c r="D3652" i="2" s="1"/>
  <c r="D3639" i="2" a="1"/>
  <c r="D3639" i="2" s="1"/>
  <c r="D3647" i="2" a="1"/>
  <c r="D3647" i="2" s="1"/>
  <c r="D3649" i="2" a="1"/>
  <c r="D3649" i="2" s="1"/>
  <c r="D3651" i="2" a="1"/>
  <c r="D3651" i="2" s="1"/>
  <c r="D3636" i="2" a="1"/>
  <c r="D3636" i="2" s="1"/>
  <c r="D3644" i="2" a="1"/>
  <c r="D3644" i="2" s="1"/>
  <c r="D3635" i="2" a="1"/>
  <c r="D3635" i="2" s="1"/>
  <c r="D3643" i="2" a="1"/>
  <c r="D3643" i="2" s="1"/>
  <c r="D3655" i="2" a="1"/>
  <c r="D3655" i="2" s="1"/>
  <c r="D3642" i="2" a="1"/>
  <c r="D3642" i="2" s="1"/>
  <c r="D3634" i="2" a="1"/>
  <c r="D3634" i="2" s="1"/>
  <c r="D3646" i="2" a="1"/>
  <c r="D3646" i="2" s="1"/>
  <c r="D3640" i="2" a="1"/>
  <c r="D3640" i="2" s="1"/>
  <c r="D3648" i="2" a="1"/>
  <c r="D3648" i="2" s="1"/>
  <c r="D3656" i="2" a="1"/>
  <c r="D3656" i="2" s="1"/>
  <c r="D3657" i="2" a="1"/>
  <c r="D3657" i="2" s="1"/>
  <c r="D3637" i="2" a="1"/>
  <c r="D3637" i="2" s="1"/>
  <c r="D3645" i="2" a="1"/>
  <c r="D3645" i="2" s="1"/>
  <c r="D3653" i="2" a="1"/>
  <c r="D3653" i="2" s="1"/>
  <c r="D3638" i="2" a="1"/>
  <c r="D3638" i="2" s="1"/>
  <c r="D3654" i="2" a="1"/>
  <c r="D3654" i="2" s="1"/>
  <c r="D3641" i="2" a="1"/>
  <c r="D3641" i="2" s="1"/>
  <c r="D3650" i="2" a="1"/>
  <c r="D3650" i="2" s="1"/>
  <c r="E3107" i="2" a="1"/>
  <c r="E3107" i="2" s="1"/>
  <c r="E3110" i="2" a="1"/>
  <c r="E3110" i="2" s="1"/>
  <c r="E3119" i="2" a="1"/>
  <c r="E3119" i="2" s="1"/>
  <c r="E3116" i="2" a="1"/>
  <c r="E3116" i="2" s="1"/>
  <c r="E3111" i="2" a="1"/>
  <c r="E3111" i="2" s="1"/>
  <c r="E3121" i="2" a="1"/>
  <c r="E3121" i="2" s="1"/>
  <c r="E3124" i="2" a="1"/>
  <c r="E3124" i="2" s="1"/>
  <c r="E3112" i="2" a="1"/>
  <c r="E3112" i="2" s="1"/>
  <c r="E3125" i="2" a="1"/>
  <c r="E3125" i="2" s="1"/>
  <c r="E3108" i="2" a="1"/>
  <c r="E3108" i="2" s="1"/>
  <c r="E3120" i="2" a="1"/>
  <c r="E3120" i="2" s="1"/>
  <c r="E3106" i="2" a="1"/>
  <c r="E3106" i="2" s="1"/>
  <c r="E3126" i="2" a="1"/>
  <c r="E3126" i="2" s="1"/>
  <c r="E3122" i="2" a="1"/>
  <c r="E3122" i="2" s="1"/>
  <c r="E3127" i="2" a="1"/>
  <c r="E3127" i="2" s="1"/>
  <c r="E3129" i="2" a="1"/>
  <c r="E3129" i="2" s="1"/>
  <c r="E3113" i="2" a="1"/>
  <c r="E3113" i="2" s="1"/>
  <c r="E3128" i="2" a="1"/>
  <c r="E3128" i="2" s="1"/>
  <c r="E3114" i="2" a="1"/>
  <c r="E3114" i="2" s="1"/>
  <c r="E3109" i="2" a="1"/>
  <c r="E3109" i="2" s="1"/>
  <c r="E3118" i="2" a="1"/>
  <c r="E3118" i="2" s="1"/>
  <c r="E3115" i="2" a="1"/>
  <c r="E3115" i="2" s="1"/>
  <c r="E3123" i="2" a="1"/>
  <c r="E3123" i="2" s="1"/>
  <c r="E3117" i="2" a="1"/>
  <c r="E3117" i="2" s="1"/>
  <c r="G6453" i="2" a="1"/>
  <c r="G6453" i="2" s="1"/>
  <c r="G6452" i="2" a="1"/>
  <c r="G6452" i="2" s="1"/>
  <c r="G6464" i="2" a="1"/>
  <c r="G6464" i="2" s="1"/>
  <c r="G6458" i="2" a="1"/>
  <c r="G6458" i="2" s="1"/>
  <c r="G6454" i="2" a="1"/>
  <c r="G6454" i="2" s="1"/>
  <c r="G6446" i="2" a="1"/>
  <c r="G6446" i="2" s="1"/>
  <c r="G6462" i="2" a="1"/>
  <c r="G6462" i="2" s="1"/>
  <c r="G6465" i="2" a="1"/>
  <c r="G6465" i="2" s="1"/>
  <c r="G6445" i="2" a="1"/>
  <c r="G6445" i="2" s="1"/>
  <c r="G6442" i="2" a="1"/>
  <c r="G6442" i="2" s="1"/>
  <c r="G6459" i="2" a="1"/>
  <c r="G6459" i="2" s="1"/>
  <c r="G6448" i="2" a="1"/>
  <c r="G6448" i="2" s="1"/>
  <c r="G6444" i="2" a="1"/>
  <c r="G6444" i="2" s="1"/>
  <c r="G6461" i="2" a="1"/>
  <c r="G6461" i="2" s="1"/>
  <c r="G6449" i="2" a="1"/>
  <c r="G6449" i="2" s="1"/>
  <c r="G6450" i="2" a="1"/>
  <c r="G6450" i="2" s="1"/>
  <c r="G6443" i="2" a="1"/>
  <c r="G6443" i="2" s="1"/>
  <c r="G6455" i="2" a="1"/>
  <c r="G6455" i="2" s="1"/>
  <c r="G6463" i="2" a="1"/>
  <c r="G6463" i="2" s="1"/>
  <c r="G6457" i="2" a="1"/>
  <c r="G6457" i="2" s="1"/>
  <c r="G6451" i="2" a="1"/>
  <c r="G6451" i="2" s="1"/>
  <c r="G6460" i="2" a="1"/>
  <c r="G6460" i="2" s="1"/>
  <c r="G6456" i="2" a="1"/>
  <c r="G6456" i="2" s="1"/>
  <c r="G6447" i="2" a="1"/>
  <c r="G6447" i="2" s="1"/>
  <c r="AO360" i="1"/>
  <c r="E366" i="5" s="1"/>
  <c r="AQ360" i="1"/>
  <c r="G366" i="5" s="1"/>
  <c r="AN360" i="1"/>
  <c r="D366" i="5" s="1"/>
  <c r="AP360" i="1"/>
  <c r="F366" i="5" s="1"/>
  <c r="AM360" i="1"/>
  <c r="D8629" i="2" a="1"/>
  <c r="D8629" i="2" s="1"/>
  <c r="D8633" i="2" a="1"/>
  <c r="D8633" i="2" s="1"/>
  <c r="D8641" i="2" a="1"/>
  <c r="D8641" i="2" s="1"/>
  <c r="D8645" i="2" a="1"/>
  <c r="D8645" i="2" s="1"/>
  <c r="D8646" i="2" a="1"/>
  <c r="D8646" i="2" s="1"/>
  <c r="D8637" i="2" a="1"/>
  <c r="D8637" i="2" s="1"/>
  <c r="D8649" i="2" a="1"/>
  <c r="D8649" i="2" s="1"/>
  <c r="D8632" i="2" a="1"/>
  <c r="D8632" i="2" s="1"/>
  <c r="D8636" i="2" a="1"/>
  <c r="D8636" i="2" s="1"/>
  <c r="D8640" i="2" a="1"/>
  <c r="D8640" i="2" s="1"/>
  <c r="D8648" i="2" a="1"/>
  <c r="D8648" i="2" s="1"/>
  <c r="D8627" i="2" a="1"/>
  <c r="D8627" i="2" s="1"/>
  <c r="D8631" i="2" a="1"/>
  <c r="D8631" i="2" s="1"/>
  <c r="D8635" i="2" a="1"/>
  <c r="D8635" i="2" s="1"/>
  <c r="D8639" i="2" a="1"/>
  <c r="D8639" i="2" s="1"/>
  <c r="D8643" i="2" a="1"/>
  <c r="D8643" i="2" s="1"/>
  <c r="D8644" i="2" a="1"/>
  <c r="D8644" i="2" s="1"/>
  <c r="D8647" i="2" a="1"/>
  <c r="D8647" i="2" s="1"/>
  <c r="D8626" i="2" a="1"/>
  <c r="D8626" i="2" s="1"/>
  <c r="D8638" i="2" a="1"/>
  <c r="D8638" i="2" s="1"/>
  <c r="D8630" i="2" a="1"/>
  <c r="D8630" i="2" s="1"/>
  <c r="D8634" i="2" a="1"/>
  <c r="D8634" i="2" s="1"/>
  <c r="D8642" i="2" a="1"/>
  <c r="D8642" i="2" s="1"/>
  <c r="D8628" i="2" a="1"/>
  <c r="D8628" i="2" s="1"/>
  <c r="AN100" i="1"/>
  <c r="D106" i="5" s="1"/>
  <c r="D2387" i="2" a="1"/>
  <c r="D2387" i="2" s="1"/>
  <c r="D2398" i="2" a="1"/>
  <c r="D2398" i="2" s="1"/>
  <c r="D2389" i="2" a="1"/>
  <c r="D2389" i="2" s="1"/>
  <c r="D2401" i="2" a="1"/>
  <c r="D2401" i="2" s="1"/>
  <c r="D2409" i="2" a="1"/>
  <c r="D2409" i="2" s="1"/>
  <c r="D2386" i="2" a="1"/>
  <c r="D2386" i="2" s="1"/>
  <c r="D2406" i="2" a="1"/>
  <c r="D2406" i="2" s="1"/>
  <c r="D2393" i="2" a="1"/>
  <c r="D2393" i="2" s="1"/>
  <c r="D2397" i="2" a="1"/>
  <c r="D2397" i="2" s="1"/>
  <c r="D2405" i="2" a="1"/>
  <c r="D2405" i="2" s="1"/>
  <c r="D2396" i="2" a="1"/>
  <c r="D2396" i="2" s="1"/>
  <c r="D2400" i="2" a="1"/>
  <c r="D2400" i="2" s="1"/>
  <c r="D2404" i="2" a="1"/>
  <c r="D2404" i="2" s="1"/>
  <c r="D2388" i="2" a="1"/>
  <c r="D2388" i="2" s="1"/>
  <c r="D2408" i="2" a="1"/>
  <c r="D2408" i="2" s="1"/>
  <c r="D2391" i="2" a="1"/>
  <c r="D2391" i="2" s="1"/>
  <c r="D2395" i="2" a="1"/>
  <c r="D2395" i="2" s="1"/>
  <c r="D2399" i="2" a="1"/>
  <c r="D2399" i="2" s="1"/>
  <c r="D2403" i="2" a="1"/>
  <c r="D2403" i="2" s="1"/>
  <c r="D2392" i="2" a="1"/>
  <c r="D2392" i="2" s="1"/>
  <c r="D2407" i="2" a="1"/>
  <c r="D2407" i="2" s="1"/>
  <c r="D2390" i="2" a="1"/>
  <c r="D2390" i="2" s="1"/>
  <c r="D2394" i="2" a="1"/>
  <c r="D2394" i="2" s="1"/>
  <c r="D2402" i="2" a="1"/>
  <c r="D2402" i="2" s="1"/>
  <c r="H2124" i="2" a="1"/>
  <c r="H2124" i="2" s="1"/>
  <c r="H2139" i="2" a="1"/>
  <c r="H2139" i="2" s="1"/>
  <c r="H2128" i="2" a="1"/>
  <c r="H2128" i="2" s="1"/>
  <c r="H2143" i="2" a="1"/>
  <c r="H2143" i="2" s="1"/>
  <c r="H2140" i="2" a="1"/>
  <c r="H2140" i="2" s="1"/>
  <c r="H2131" i="2" a="1"/>
  <c r="H2131" i="2" s="1"/>
  <c r="H2125" i="2" a="1"/>
  <c r="H2125" i="2" s="1"/>
  <c r="H2141" i="2" a="1"/>
  <c r="H2141" i="2" s="1"/>
  <c r="H2133" i="2" a="1"/>
  <c r="H2133" i="2" s="1"/>
  <c r="H2126" i="2" a="1"/>
  <c r="H2126" i="2" s="1"/>
  <c r="H2123" i="2" a="1"/>
  <c r="H2123" i="2" s="1"/>
  <c r="H2135" i="2" a="1"/>
  <c r="H2135" i="2" s="1"/>
  <c r="H2122" i="2" a="1"/>
  <c r="H2122" i="2" s="1"/>
  <c r="H2144" i="2" a="1"/>
  <c r="H2144" i="2" s="1"/>
  <c r="H2127" i="2" a="1"/>
  <c r="H2127" i="2" s="1"/>
  <c r="H2129" i="2" a="1"/>
  <c r="H2129" i="2" s="1"/>
  <c r="H2134" i="2" a="1"/>
  <c r="H2134" i="2" s="1"/>
  <c r="H2142" i="2" a="1"/>
  <c r="H2142" i="2" s="1"/>
  <c r="H2138" i="2" a="1"/>
  <c r="H2138" i="2" s="1"/>
  <c r="H2130" i="2" a="1"/>
  <c r="H2130" i="2" s="1"/>
  <c r="H2145" i="2" a="1"/>
  <c r="H2145" i="2" s="1"/>
  <c r="H2132" i="2" a="1"/>
  <c r="H2132" i="2" s="1"/>
  <c r="H2136" i="2" a="1"/>
  <c r="H2136" i="2" s="1"/>
  <c r="H2137" i="2" a="1"/>
  <c r="H2137" i="2" s="1"/>
  <c r="H7868" i="2" a="1"/>
  <c r="H7868" i="2" s="1"/>
  <c r="H7867" i="2" a="1"/>
  <c r="H7867" i="2" s="1"/>
  <c r="H7881" i="2" a="1"/>
  <c r="H7881" i="2" s="1"/>
  <c r="H7871" i="2" a="1"/>
  <c r="H7871" i="2" s="1"/>
  <c r="H7858" i="2" a="1"/>
  <c r="H7858" i="2" s="1"/>
  <c r="H7880" i="2" a="1"/>
  <c r="H7880" i="2" s="1"/>
  <c r="H7872" i="2" a="1"/>
  <c r="H7872" i="2" s="1"/>
  <c r="H7869" i="2" a="1"/>
  <c r="H7869" i="2" s="1"/>
  <c r="H7876" i="2" a="1"/>
  <c r="H7876" i="2" s="1"/>
  <c r="H7861" i="2" a="1"/>
  <c r="H7861" i="2" s="1"/>
  <c r="H7860" i="2" a="1"/>
  <c r="H7860" i="2" s="1"/>
  <c r="H7870" i="2" a="1"/>
  <c r="H7870" i="2" s="1"/>
  <c r="H7864" i="2" a="1"/>
  <c r="H7864" i="2" s="1"/>
  <c r="H7873" i="2" a="1"/>
  <c r="H7873" i="2" s="1"/>
  <c r="H7878" i="2" a="1"/>
  <c r="H7878" i="2" s="1"/>
  <c r="H7879" i="2" a="1"/>
  <c r="H7879" i="2" s="1"/>
  <c r="H7863" i="2" a="1"/>
  <c r="H7863" i="2" s="1"/>
  <c r="H7874" i="2" a="1"/>
  <c r="H7874" i="2" s="1"/>
  <c r="H7875" i="2" a="1"/>
  <c r="H7875" i="2" s="1"/>
  <c r="H7866" i="2" a="1"/>
  <c r="H7866" i="2" s="1"/>
  <c r="H7877" i="2" a="1"/>
  <c r="H7877" i="2" s="1"/>
  <c r="H7859" i="2" a="1"/>
  <c r="H7859" i="2" s="1"/>
  <c r="H7862" i="2" a="1"/>
  <c r="H7862" i="2" s="1"/>
  <c r="H7865" i="2" a="1"/>
  <c r="H7865" i="2" s="1"/>
  <c r="AN174" i="1"/>
  <c r="D180" i="5" s="1"/>
  <c r="AQ174" i="1"/>
  <c r="G180" i="5" s="1"/>
  <c r="AO174" i="1"/>
  <c r="E180" i="5" s="1"/>
  <c r="AP174" i="1"/>
  <c r="F180" i="5" s="1"/>
  <c r="AM174" i="1"/>
  <c r="D4168" i="2" a="1"/>
  <c r="D4168" i="2" s="1"/>
  <c r="D4170" i="2" a="1"/>
  <c r="D4170" i="2" s="1"/>
  <c r="D4172" i="2" a="1"/>
  <c r="D4172" i="2" s="1"/>
  <c r="D4176" i="2" a="1"/>
  <c r="D4176" i="2" s="1"/>
  <c r="D4184" i="2" a="1"/>
  <c r="D4184" i="2" s="1"/>
  <c r="D4164" i="2" a="1"/>
  <c r="D4164" i="2" s="1"/>
  <c r="D4167" i="2" a="1"/>
  <c r="D4167" i="2" s="1"/>
  <c r="D4171" i="2" a="1"/>
  <c r="D4171" i="2" s="1"/>
  <c r="D4175" i="2" a="1"/>
  <c r="D4175" i="2" s="1"/>
  <c r="D4183" i="2" a="1"/>
  <c r="D4183" i="2" s="1"/>
  <c r="D4180" i="2" a="1"/>
  <c r="D4180" i="2" s="1"/>
  <c r="D4163" i="2" a="1"/>
  <c r="D4163" i="2" s="1"/>
  <c r="D4179" i="2" a="1"/>
  <c r="D4179" i="2" s="1"/>
  <c r="D4162" i="2" a="1"/>
  <c r="D4162" i="2" s="1"/>
  <c r="D4174" i="2" a="1"/>
  <c r="D4174" i="2" s="1"/>
  <c r="D4178" i="2" a="1"/>
  <c r="D4178" i="2" s="1"/>
  <c r="D4182" i="2" a="1"/>
  <c r="D4182" i="2" s="1"/>
  <c r="D4165" i="2" a="1"/>
  <c r="D4165" i="2" s="1"/>
  <c r="D4169" i="2" a="1"/>
  <c r="D4169" i="2" s="1"/>
  <c r="D4173" i="2" a="1"/>
  <c r="D4173" i="2" s="1"/>
  <c r="D4177" i="2" a="1"/>
  <c r="D4177" i="2" s="1"/>
  <c r="D4181" i="2" a="1"/>
  <c r="D4181" i="2" s="1"/>
  <c r="D4185" i="2" a="1"/>
  <c r="D4185" i="2" s="1"/>
  <c r="D4166" i="2" a="1"/>
  <c r="D4166" i="2" s="1"/>
  <c r="AN320" i="1"/>
  <c r="D326" i="5" s="1"/>
  <c r="AP320" i="1"/>
  <c r="F326" i="5" s="1"/>
  <c r="AQ320" i="1"/>
  <c r="G326" i="5" s="1"/>
  <c r="AO320" i="1"/>
  <c r="E326" i="5" s="1"/>
  <c r="AM320" i="1"/>
  <c r="D7668" i="2" a="1"/>
  <c r="D7668" i="2" s="1"/>
  <c r="D7688" i="2" a="1"/>
  <c r="D7688" i="2" s="1"/>
  <c r="D7679" i="2" a="1"/>
  <c r="D7679" i="2" s="1"/>
  <c r="D7670" i="2" a="1"/>
  <c r="D7670" i="2" s="1"/>
  <c r="D7674" i="2" a="1"/>
  <c r="D7674" i="2" s="1"/>
  <c r="D7678" i="2" a="1"/>
  <c r="D7678" i="2" s="1"/>
  <c r="D7682" i="2" a="1"/>
  <c r="D7682" i="2" s="1"/>
  <c r="D7686" i="2" a="1"/>
  <c r="D7686" i="2" s="1"/>
  <c r="D7667" i="2" a="1"/>
  <c r="D7667" i="2" s="1"/>
  <c r="D7677" i="2" a="1"/>
  <c r="D7677" i="2" s="1"/>
  <c r="D7681" i="2" a="1"/>
  <c r="D7681" i="2" s="1"/>
  <c r="D7685" i="2" a="1"/>
  <c r="D7685" i="2" s="1"/>
  <c r="D7666" i="2" a="1"/>
  <c r="D7666" i="2" s="1"/>
  <c r="D7669" i="2" a="1"/>
  <c r="D7669" i="2" s="1"/>
  <c r="D7673" i="2" a="1"/>
  <c r="D7673" i="2" s="1"/>
  <c r="D7689" i="2" a="1"/>
  <c r="D7689" i="2" s="1"/>
  <c r="D7672" i="2" a="1"/>
  <c r="D7672" i="2" s="1"/>
  <c r="D7671" i="2" a="1"/>
  <c r="D7671" i="2" s="1"/>
  <c r="D7675" i="2" a="1"/>
  <c r="D7675" i="2" s="1"/>
  <c r="D7683" i="2" a="1"/>
  <c r="D7683" i="2" s="1"/>
  <c r="D7687" i="2" a="1"/>
  <c r="D7687" i="2" s="1"/>
  <c r="D7680" i="2" a="1"/>
  <c r="D7680" i="2" s="1"/>
  <c r="D7684" i="2" a="1"/>
  <c r="D7684" i="2" s="1"/>
  <c r="D7676" i="2" a="1"/>
  <c r="D7676" i="2" s="1"/>
  <c r="G8785" i="2" a="1"/>
  <c r="G8785" i="2" s="1"/>
  <c r="G8779" i="2" a="1"/>
  <c r="G8779" i="2" s="1"/>
  <c r="G8790" i="2" a="1"/>
  <c r="G8790" i="2" s="1"/>
  <c r="G8780" i="2" a="1"/>
  <c r="G8780" i="2" s="1"/>
  <c r="G8777" i="2" a="1"/>
  <c r="G8777" i="2" s="1"/>
  <c r="G8786" i="2" a="1"/>
  <c r="G8786" i="2" s="1"/>
  <c r="G8784" i="2" a="1"/>
  <c r="G8784" i="2" s="1"/>
  <c r="G8778" i="2" a="1"/>
  <c r="G8778" i="2" s="1"/>
  <c r="G8792" i="2" a="1"/>
  <c r="G8792" i="2" s="1"/>
  <c r="G8770" i="2" a="1"/>
  <c r="G8770" i="2" s="1"/>
  <c r="G8781" i="2" a="1"/>
  <c r="G8781" i="2" s="1"/>
  <c r="G8787" i="2" a="1"/>
  <c r="G8787" i="2" s="1"/>
  <c r="G8771" i="2" a="1"/>
  <c r="G8771" i="2" s="1"/>
  <c r="G8774" i="2" a="1"/>
  <c r="G8774" i="2" s="1"/>
  <c r="G8789" i="2" a="1"/>
  <c r="G8789" i="2" s="1"/>
  <c r="G8772" i="2" a="1"/>
  <c r="G8772" i="2" s="1"/>
  <c r="G8791" i="2" a="1"/>
  <c r="G8791" i="2" s="1"/>
  <c r="G8773" i="2" a="1"/>
  <c r="G8773" i="2" s="1"/>
  <c r="G8788" i="2" a="1"/>
  <c r="G8788" i="2" s="1"/>
  <c r="G8782" i="2" a="1"/>
  <c r="G8782" i="2" s="1"/>
  <c r="G8783" i="2" a="1"/>
  <c r="G8783" i="2" s="1"/>
  <c r="G8775" i="2" a="1"/>
  <c r="G8775" i="2" s="1"/>
  <c r="G8776" i="2" a="1"/>
  <c r="G8776" i="2" s="1"/>
  <c r="G8793" i="2" a="1"/>
  <c r="G8793" i="2" s="1"/>
  <c r="G2760" i="2" a="1"/>
  <c r="G2760" i="2" s="1"/>
  <c r="G2761" i="2" a="1"/>
  <c r="G2761" i="2" s="1"/>
  <c r="G2747" i="2" a="1"/>
  <c r="G2747" i="2" s="1"/>
  <c r="G2769" i="2" a="1"/>
  <c r="G2769" i="2" s="1"/>
  <c r="G2750" i="2" a="1"/>
  <c r="G2750" i="2" s="1"/>
  <c r="G2748" i="2" a="1"/>
  <c r="G2748" i="2" s="1"/>
  <c r="G2756" i="2" a="1"/>
  <c r="G2756" i="2" s="1"/>
  <c r="G2757" i="2" a="1"/>
  <c r="G2757" i="2" s="1"/>
  <c r="G2749" i="2" a="1"/>
  <c r="G2749" i="2" s="1"/>
  <c r="G2758" i="2" a="1"/>
  <c r="G2758" i="2" s="1"/>
  <c r="G2767" i="2" a="1"/>
  <c r="G2767" i="2" s="1"/>
  <c r="G2759" i="2" a="1"/>
  <c r="G2759" i="2" s="1"/>
  <c r="G2752" i="2" a="1"/>
  <c r="G2752" i="2" s="1"/>
  <c r="G2764" i="2" a="1"/>
  <c r="G2764" i="2" s="1"/>
  <c r="G2763" i="2" a="1"/>
  <c r="G2763" i="2" s="1"/>
  <c r="G2754" i="2" a="1"/>
  <c r="G2754" i="2" s="1"/>
  <c r="G2755" i="2" a="1"/>
  <c r="G2755" i="2" s="1"/>
  <c r="G2753" i="2" a="1"/>
  <c r="G2753" i="2" s="1"/>
  <c r="G2765" i="2" a="1"/>
  <c r="G2765" i="2" s="1"/>
  <c r="G2766" i="2" a="1"/>
  <c r="G2766" i="2" s="1"/>
  <c r="G2746" i="2" a="1"/>
  <c r="G2746" i="2" s="1"/>
  <c r="G2751" i="2" a="1"/>
  <c r="G2751" i="2" s="1"/>
  <c r="G2762" i="2" a="1"/>
  <c r="G2762" i="2" s="1"/>
  <c r="G2768" i="2" a="1"/>
  <c r="G2768" i="2" s="1"/>
  <c r="E7131" i="2" a="1"/>
  <c r="E7131" i="2" s="1"/>
  <c r="E7117" i="2" a="1"/>
  <c r="E7117" i="2" s="1"/>
  <c r="E7133" i="2" a="1"/>
  <c r="E7133" i="2" s="1"/>
  <c r="E7136" i="2" a="1"/>
  <c r="E7136" i="2" s="1"/>
  <c r="E7119" i="2" a="1"/>
  <c r="E7119" i="2" s="1"/>
  <c r="E7137" i="2" a="1"/>
  <c r="E7137" i="2" s="1"/>
  <c r="E7124" i="2" a="1"/>
  <c r="E7124" i="2" s="1"/>
  <c r="E7115" i="2" a="1"/>
  <c r="E7115" i="2" s="1"/>
  <c r="E7116" i="2" a="1"/>
  <c r="E7116" i="2" s="1"/>
  <c r="E7120" i="2" a="1"/>
  <c r="E7120" i="2" s="1"/>
  <c r="E7129" i="2" a="1"/>
  <c r="E7129" i="2" s="1"/>
  <c r="E7121" i="2" a="1"/>
  <c r="E7121" i="2" s="1"/>
  <c r="E7130" i="2" a="1"/>
  <c r="E7130" i="2" s="1"/>
  <c r="E7134" i="2" a="1"/>
  <c r="E7134" i="2" s="1"/>
  <c r="E7125" i="2" a="1"/>
  <c r="E7125" i="2" s="1"/>
  <c r="E7123" i="2" a="1"/>
  <c r="E7123" i="2" s="1"/>
  <c r="E7126" i="2" a="1"/>
  <c r="E7126" i="2" s="1"/>
  <c r="E7127" i="2" a="1"/>
  <c r="E7127" i="2" s="1"/>
  <c r="E7118" i="2" a="1"/>
  <c r="E7118" i="2" s="1"/>
  <c r="E7122" i="2" a="1"/>
  <c r="E7122" i="2" s="1"/>
  <c r="E7135" i="2" a="1"/>
  <c r="E7135" i="2" s="1"/>
  <c r="E7128" i="2" a="1"/>
  <c r="E7128" i="2" s="1"/>
  <c r="E7114" i="2" a="1"/>
  <c r="E7114" i="2" s="1"/>
  <c r="E7132" i="2" a="1"/>
  <c r="E7132" i="2" s="1"/>
  <c r="G1889" i="2" a="1"/>
  <c r="G1889" i="2" s="1"/>
  <c r="G1898" i="2" a="1"/>
  <c r="G1898" i="2" s="1"/>
  <c r="G1887" i="2" a="1"/>
  <c r="G1887" i="2" s="1"/>
  <c r="G1903" i="2" a="1"/>
  <c r="G1903" i="2" s="1"/>
  <c r="G1896" i="2" a="1"/>
  <c r="G1896" i="2" s="1"/>
  <c r="G1902" i="2" a="1"/>
  <c r="G1902" i="2" s="1"/>
  <c r="G1904" i="2" a="1"/>
  <c r="G1904" i="2" s="1"/>
  <c r="G1897" i="2" a="1"/>
  <c r="G1897" i="2" s="1"/>
  <c r="G1882" i="2" a="1"/>
  <c r="G1882" i="2" s="1"/>
  <c r="G1899" i="2" a="1"/>
  <c r="G1899" i="2" s="1"/>
  <c r="G1890" i="2" a="1"/>
  <c r="G1890" i="2" s="1"/>
  <c r="G1900" i="2" a="1"/>
  <c r="G1900" i="2" s="1"/>
  <c r="G1884" i="2" a="1"/>
  <c r="G1884" i="2" s="1"/>
  <c r="G1885" i="2" a="1"/>
  <c r="G1885" i="2" s="1"/>
  <c r="G1891" i="2" a="1"/>
  <c r="G1891" i="2" s="1"/>
  <c r="G1893" i="2" a="1"/>
  <c r="G1893" i="2" s="1"/>
  <c r="G1888" i="2" a="1"/>
  <c r="G1888" i="2" s="1"/>
  <c r="G1894" i="2" a="1"/>
  <c r="G1894" i="2" s="1"/>
  <c r="G1883" i="2" a="1"/>
  <c r="G1883" i="2" s="1"/>
  <c r="G1905" i="2" a="1"/>
  <c r="G1905" i="2" s="1"/>
  <c r="G1895" i="2" a="1"/>
  <c r="G1895" i="2" s="1"/>
  <c r="G1886" i="2" a="1"/>
  <c r="G1886" i="2" s="1"/>
  <c r="G1892" i="2" a="1"/>
  <c r="G1892" i="2" s="1"/>
  <c r="G1901" i="2" a="1"/>
  <c r="G1901" i="2" s="1"/>
  <c r="G3136" i="2" a="1"/>
  <c r="G3136" i="2" s="1"/>
  <c r="G3142" i="2" a="1"/>
  <c r="G3142" i="2" s="1"/>
  <c r="G3148" i="2" a="1"/>
  <c r="G3148" i="2" s="1"/>
  <c r="G3152" i="2" a="1"/>
  <c r="G3152" i="2" s="1"/>
  <c r="G3143" i="2" a="1"/>
  <c r="G3143" i="2" s="1"/>
  <c r="G3149" i="2" a="1"/>
  <c r="G3149" i="2" s="1"/>
  <c r="G3144" i="2" a="1"/>
  <c r="G3144" i="2" s="1"/>
  <c r="G3139" i="2" a="1"/>
  <c r="G3139" i="2" s="1"/>
  <c r="G3145" i="2" a="1"/>
  <c r="G3145" i="2" s="1"/>
  <c r="G3134" i="2" a="1"/>
  <c r="G3134" i="2" s="1"/>
  <c r="G3146" i="2" a="1"/>
  <c r="G3146" i="2" s="1"/>
  <c r="G3153" i="2" a="1"/>
  <c r="G3153" i="2" s="1"/>
  <c r="G3131" i="2" a="1"/>
  <c r="G3131" i="2" s="1"/>
  <c r="G3151" i="2" a="1"/>
  <c r="G3151" i="2" s="1"/>
  <c r="G3150" i="2" a="1"/>
  <c r="G3150" i="2" s="1"/>
  <c r="G3135" i="2" a="1"/>
  <c r="G3135" i="2" s="1"/>
  <c r="G3140" i="2" a="1"/>
  <c r="G3140" i="2" s="1"/>
  <c r="G3130" i="2" a="1"/>
  <c r="G3130" i="2" s="1"/>
  <c r="G3147" i="2" a="1"/>
  <c r="G3147" i="2" s="1"/>
  <c r="G3141" i="2" a="1"/>
  <c r="G3141" i="2" s="1"/>
  <c r="G3132" i="2" a="1"/>
  <c r="G3132" i="2" s="1"/>
  <c r="G3138" i="2" a="1"/>
  <c r="G3138" i="2" s="1"/>
  <c r="G3137" i="2" a="1"/>
  <c r="G3137" i="2" s="1"/>
  <c r="G3133" i="2" a="1"/>
  <c r="G3133" i="2" s="1"/>
  <c r="E3746" i="2" a="1"/>
  <c r="E3746" i="2" s="1"/>
  <c r="E3734" i="2" a="1"/>
  <c r="E3734" i="2" s="1"/>
  <c r="E3753" i="2" a="1"/>
  <c r="E3753" i="2" s="1"/>
  <c r="E3749" i="2" a="1"/>
  <c r="E3749" i="2" s="1"/>
  <c r="E3731" i="2" a="1"/>
  <c r="E3731" i="2" s="1"/>
  <c r="E3735" i="2" a="1"/>
  <c r="E3735" i="2" s="1"/>
  <c r="E3738" i="2" a="1"/>
  <c r="E3738" i="2" s="1"/>
  <c r="E3745" i="2" a="1"/>
  <c r="E3745" i="2" s="1"/>
  <c r="E3750" i="2" a="1"/>
  <c r="E3750" i="2" s="1"/>
  <c r="E3751" i="2" a="1"/>
  <c r="E3751" i="2" s="1"/>
  <c r="E3736" i="2" a="1"/>
  <c r="E3736" i="2" s="1"/>
  <c r="E3752" i="2" a="1"/>
  <c r="E3752" i="2" s="1"/>
  <c r="E3741" i="2" a="1"/>
  <c r="E3741" i="2" s="1"/>
  <c r="E3737" i="2" a="1"/>
  <c r="E3737" i="2" s="1"/>
  <c r="E3732" i="2" a="1"/>
  <c r="E3732" i="2" s="1"/>
  <c r="E3730" i="2" a="1"/>
  <c r="E3730" i="2" s="1"/>
  <c r="E3739" i="2" a="1"/>
  <c r="E3739" i="2" s="1"/>
  <c r="E3744" i="2" a="1"/>
  <c r="E3744" i="2" s="1"/>
  <c r="E3740" i="2" a="1"/>
  <c r="E3740" i="2" s="1"/>
  <c r="E3733" i="2" a="1"/>
  <c r="E3733" i="2" s="1"/>
  <c r="E3743" i="2" a="1"/>
  <c r="E3743" i="2" s="1"/>
  <c r="E3742" i="2" a="1"/>
  <c r="E3742" i="2" s="1"/>
  <c r="E3747" i="2" a="1"/>
  <c r="E3747" i="2" s="1"/>
  <c r="E3748" i="2" a="1"/>
  <c r="E3748" i="2" s="1"/>
  <c r="E6990" i="2" a="1"/>
  <c r="E6990" i="2" s="1"/>
  <c r="E6991" i="2" a="1"/>
  <c r="E6991" i="2" s="1"/>
  <c r="E6983" i="2" a="1"/>
  <c r="E6983" i="2" s="1"/>
  <c r="E6987" i="2" a="1"/>
  <c r="E6987" i="2" s="1"/>
  <c r="E6970" i="2" a="1"/>
  <c r="E6970" i="2" s="1"/>
  <c r="E6978" i="2" a="1"/>
  <c r="E6978" i="2" s="1"/>
  <c r="E6992" i="2" a="1"/>
  <c r="E6992" i="2" s="1"/>
  <c r="E6980" i="2" a="1"/>
  <c r="E6980" i="2" s="1"/>
  <c r="E6976" i="2" a="1"/>
  <c r="E6976" i="2" s="1"/>
  <c r="E6982" i="2" a="1"/>
  <c r="E6982" i="2" s="1"/>
  <c r="E6975" i="2" a="1"/>
  <c r="E6975" i="2" s="1"/>
  <c r="E6984" i="2" a="1"/>
  <c r="E6984" i="2" s="1"/>
  <c r="E6977" i="2" a="1"/>
  <c r="E6977" i="2" s="1"/>
  <c r="E6988" i="2" a="1"/>
  <c r="E6988" i="2" s="1"/>
  <c r="E6986" i="2" a="1"/>
  <c r="E6986" i="2" s="1"/>
  <c r="E6979" i="2" a="1"/>
  <c r="E6979" i="2" s="1"/>
  <c r="E6971" i="2" a="1"/>
  <c r="E6971" i="2" s="1"/>
  <c r="E6972" i="2" a="1"/>
  <c r="E6972" i="2" s="1"/>
  <c r="E6993" i="2" a="1"/>
  <c r="E6993" i="2" s="1"/>
  <c r="E6981" i="2" a="1"/>
  <c r="E6981" i="2" s="1"/>
  <c r="E6985" i="2" a="1"/>
  <c r="E6985" i="2" s="1"/>
  <c r="E6973" i="2" a="1"/>
  <c r="E6973" i="2" s="1"/>
  <c r="E6974" i="2" a="1"/>
  <c r="E6974" i="2" s="1"/>
  <c r="E6989" i="2" a="1"/>
  <c r="E6989" i="2" s="1"/>
  <c r="AP186" i="1"/>
  <c r="F192" i="5" s="1"/>
  <c r="AN186" i="1"/>
  <c r="D192" i="5" s="1"/>
  <c r="AQ186" i="1"/>
  <c r="G192" i="5" s="1"/>
  <c r="AO186" i="1"/>
  <c r="E192" i="5" s="1"/>
  <c r="AM186" i="1"/>
  <c r="D4453" i="2" a="1"/>
  <c r="D4453" i="2" s="1"/>
  <c r="D4461" i="2" a="1"/>
  <c r="D4461" i="2" s="1"/>
  <c r="D4469" i="2" a="1"/>
  <c r="D4469" i="2" s="1"/>
  <c r="D4473" i="2" a="1"/>
  <c r="D4473" i="2" s="1"/>
  <c r="D4450" i="2" a="1"/>
  <c r="D4450" i="2" s="1"/>
  <c r="D4465" i="2" a="1"/>
  <c r="D4465" i="2" s="1"/>
  <c r="D4460" i="2" a="1"/>
  <c r="D4460" i="2" s="1"/>
  <c r="D4468" i="2" a="1"/>
  <c r="D4468" i="2" s="1"/>
  <c r="D4472" i="2" a="1"/>
  <c r="D4472" i="2" s="1"/>
  <c r="D4457" i="2" a="1"/>
  <c r="D4457" i="2" s="1"/>
  <c r="D4456" i="2" a="1"/>
  <c r="D4456" i="2" s="1"/>
  <c r="D4464" i="2" a="1"/>
  <c r="D4464" i="2" s="1"/>
  <c r="D4455" i="2" a="1"/>
  <c r="D4455" i="2" s="1"/>
  <c r="D4459" i="2" a="1"/>
  <c r="D4459" i="2" s="1"/>
  <c r="D4463" i="2" a="1"/>
  <c r="D4463" i="2" s="1"/>
  <c r="D4467" i="2" a="1"/>
  <c r="D4467" i="2" s="1"/>
  <c r="D4471" i="2" a="1"/>
  <c r="D4471" i="2" s="1"/>
  <c r="D4452" i="2" a="1"/>
  <c r="D4452" i="2" s="1"/>
  <c r="D4451" i="2" a="1"/>
  <c r="D4451" i="2" s="1"/>
  <c r="D4454" i="2" a="1"/>
  <c r="D4454" i="2" s="1"/>
  <c r="D4458" i="2" a="1"/>
  <c r="D4458" i="2" s="1"/>
  <c r="D4462" i="2" a="1"/>
  <c r="D4462" i="2" s="1"/>
  <c r="D4466" i="2" a="1"/>
  <c r="D4466" i="2" s="1"/>
  <c r="D4470" i="2" a="1"/>
  <c r="D4470" i="2" s="1"/>
  <c r="E287" i="2" a="1"/>
  <c r="E287" i="2" s="1"/>
  <c r="E291" i="2" a="1"/>
  <c r="E291" i="2" s="1"/>
  <c r="E288" i="2" a="1"/>
  <c r="E288" i="2" s="1"/>
  <c r="E292" i="2" a="1"/>
  <c r="E292" i="2" s="1"/>
  <c r="E290" i="2" a="1"/>
  <c r="E290" i="2" s="1"/>
  <c r="E274" i="2" a="1"/>
  <c r="E274" i="2" s="1"/>
  <c r="E286" i="2" a="1"/>
  <c r="E286" i="2" s="1"/>
  <c r="E283" i="2" a="1"/>
  <c r="E283" i="2" s="1"/>
  <c r="E279" i="2" a="1"/>
  <c r="E279" i="2" s="1"/>
  <c r="E289" i="2" a="1"/>
  <c r="E289" i="2" s="1"/>
  <c r="E293" i="2" a="1"/>
  <c r="E293" i="2" s="1"/>
  <c r="E277" i="2" a="1"/>
  <c r="E277" i="2" s="1"/>
  <c r="E276" i="2" a="1"/>
  <c r="E276" i="2" s="1"/>
  <c r="E278" i="2" a="1"/>
  <c r="E278" i="2" s="1"/>
  <c r="E297" i="2" a="1"/>
  <c r="E297" i="2" s="1"/>
  <c r="E280" i="2" a="1"/>
  <c r="E280" i="2" s="1"/>
  <c r="E282" i="2" a="1"/>
  <c r="E282" i="2" s="1"/>
  <c r="E281" i="2" a="1"/>
  <c r="E281" i="2" s="1"/>
  <c r="E284" i="2" a="1"/>
  <c r="E284" i="2" s="1"/>
  <c r="E294" i="2" a="1"/>
  <c r="E294" i="2" s="1"/>
  <c r="E275" i="2" a="1"/>
  <c r="E275" i="2" s="1"/>
  <c r="E295" i="2" a="1"/>
  <c r="E295" i="2" s="1"/>
  <c r="E296" i="2" a="1"/>
  <c r="E296" i="2" s="1"/>
  <c r="E285" i="2" a="1"/>
  <c r="E285" i="2" s="1"/>
  <c r="F3498" i="2" a="1"/>
  <c r="F3498" i="2" s="1"/>
  <c r="F3506" i="2" a="1"/>
  <c r="F3506" i="2" s="1"/>
  <c r="F3499" i="2" a="1"/>
  <c r="F3499" i="2" s="1"/>
  <c r="F3507" i="2" a="1"/>
  <c r="F3507" i="2" s="1"/>
  <c r="F3512" i="2" a="1"/>
  <c r="F3512" i="2" s="1"/>
  <c r="F3508" i="2" a="1"/>
  <c r="F3508" i="2" s="1"/>
  <c r="F3492" i="2" a="1"/>
  <c r="F3492" i="2" s="1"/>
  <c r="F3505" i="2" a="1"/>
  <c r="F3505" i="2" s="1"/>
  <c r="F3493" i="2" a="1"/>
  <c r="F3493" i="2" s="1"/>
  <c r="F3504" i="2" a="1"/>
  <c r="F3504" i="2" s="1"/>
  <c r="F3494" i="2" a="1"/>
  <c r="F3494" i="2" s="1"/>
  <c r="F3500" i="2" a="1"/>
  <c r="F3500" i="2" s="1"/>
  <c r="F3495" i="2" a="1"/>
  <c r="F3495" i="2" s="1"/>
  <c r="F3497" i="2" a="1"/>
  <c r="F3497" i="2" s="1"/>
  <c r="F3511" i="2" a="1"/>
  <c r="F3511" i="2" s="1"/>
  <c r="F3501" i="2" a="1"/>
  <c r="F3501" i="2" s="1"/>
  <c r="F3513" i="2" a="1"/>
  <c r="F3513" i="2" s="1"/>
  <c r="F3510" i="2" a="1"/>
  <c r="F3510" i="2" s="1"/>
  <c r="F3496" i="2" a="1"/>
  <c r="F3496" i="2" s="1"/>
  <c r="F3490" i="2" a="1"/>
  <c r="F3490" i="2" s="1"/>
  <c r="F3491" i="2" a="1"/>
  <c r="F3491" i="2" s="1"/>
  <c r="F3509" i="2" a="1"/>
  <c r="F3509" i="2" s="1"/>
  <c r="F3502" i="2" a="1"/>
  <c r="F3502" i="2" s="1"/>
  <c r="F3503" i="2" a="1"/>
  <c r="F3503" i="2" s="1"/>
  <c r="G7110" i="2" a="1"/>
  <c r="G7110" i="2" s="1"/>
  <c r="G7097" i="2" a="1"/>
  <c r="G7097" i="2" s="1"/>
  <c r="G7112" i="2" a="1"/>
  <c r="G7112" i="2" s="1"/>
  <c r="G7107" i="2" a="1"/>
  <c r="G7107" i="2" s="1"/>
  <c r="G7090" i="2" a="1"/>
  <c r="G7090" i="2" s="1"/>
  <c r="G7103" i="2" a="1"/>
  <c r="G7103" i="2" s="1"/>
  <c r="G7093" i="2" a="1"/>
  <c r="G7093" i="2" s="1"/>
  <c r="G7100" i="2" a="1"/>
  <c r="G7100" i="2" s="1"/>
  <c r="G7104" i="2" a="1"/>
  <c r="G7104" i="2" s="1"/>
  <c r="G7105" i="2" a="1"/>
  <c r="G7105" i="2" s="1"/>
  <c r="G7113" i="2" a="1"/>
  <c r="G7113" i="2" s="1"/>
  <c r="G7106" i="2" a="1"/>
  <c r="G7106" i="2" s="1"/>
  <c r="G7098" i="2" a="1"/>
  <c r="G7098" i="2" s="1"/>
  <c r="G7101" i="2" a="1"/>
  <c r="G7101" i="2" s="1"/>
  <c r="G7091" i="2" a="1"/>
  <c r="G7091" i="2" s="1"/>
  <c r="G7108" i="2" a="1"/>
  <c r="G7108" i="2" s="1"/>
  <c r="G7102" i="2" a="1"/>
  <c r="G7102" i="2" s="1"/>
  <c r="G7092" i="2" a="1"/>
  <c r="G7092" i="2" s="1"/>
  <c r="G7111" i="2" a="1"/>
  <c r="G7111" i="2" s="1"/>
  <c r="G7094" i="2" a="1"/>
  <c r="G7094" i="2" s="1"/>
  <c r="G7109" i="2" a="1"/>
  <c r="G7109" i="2" s="1"/>
  <c r="G7095" i="2" a="1"/>
  <c r="G7095" i="2" s="1"/>
  <c r="G7099" i="2" a="1"/>
  <c r="G7099" i="2" s="1"/>
  <c r="G7096" i="2" a="1"/>
  <c r="G7096" i="2" s="1"/>
  <c r="H2915" i="2" a="1"/>
  <c r="H2915" i="2" s="1"/>
  <c r="H2930" i="2" a="1"/>
  <c r="H2930" i="2" s="1"/>
  <c r="H2932" i="2" a="1"/>
  <c r="H2932" i="2" s="1"/>
  <c r="H2924" i="2" a="1"/>
  <c r="H2924" i="2" s="1"/>
  <c r="H2935" i="2" a="1"/>
  <c r="H2935" i="2" s="1"/>
  <c r="H2918" i="2" a="1"/>
  <c r="H2918" i="2" s="1"/>
  <c r="H2929" i="2" a="1"/>
  <c r="H2929" i="2" s="1"/>
  <c r="H2933" i="2" a="1"/>
  <c r="H2933" i="2" s="1"/>
  <c r="H2919" i="2" a="1"/>
  <c r="H2919" i="2" s="1"/>
  <c r="H2925" i="2" a="1"/>
  <c r="H2925" i="2" s="1"/>
  <c r="H2916" i="2" a="1"/>
  <c r="H2916" i="2" s="1"/>
  <c r="H2937" i="2" a="1"/>
  <c r="H2937" i="2" s="1"/>
  <c r="H2926" i="2" a="1"/>
  <c r="H2926" i="2" s="1"/>
  <c r="H2931" i="2" a="1"/>
  <c r="H2931" i="2" s="1"/>
  <c r="H2920" i="2" a="1"/>
  <c r="H2920" i="2" s="1"/>
  <c r="H2921" i="2" a="1"/>
  <c r="H2921" i="2" s="1"/>
  <c r="H2923" i="2" a="1"/>
  <c r="H2923" i="2" s="1"/>
  <c r="H2928" i="2" a="1"/>
  <c r="H2928" i="2" s="1"/>
  <c r="H2927" i="2" a="1"/>
  <c r="H2927" i="2" s="1"/>
  <c r="H2934" i="2" a="1"/>
  <c r="H2934" i="2" s="1"/>
  <c r="H2914" i="2" a="1"/>
  <c r="H2914" i="2" s="1"/>
  <c r="H2936" i="2" a="1"/>
  <c r="H2936" i="2" s="1"/>
  <c r="H2917" i="2" a="1"/>
  <c r="H2917" i="2" s="1"/>
  <c r="H2922" i="2" a="1"/>
  <c r="H2922" i="2" s="1"/>
  <c r="F426" i="2" a="1"/>
  <c r="F426" i="2" s="1"/>
  <c r="F420" i="2" a="1"/>
  <c r="F420" i="2" s="1"/>
  <c r="F429" i="2" a="1"/>
  <c r="F429" i="2" s="1"/>
  <c r="F427" i="2" a="1"/>
  <c r="F427" i="2" s="1"/>
  <c r="F428" i="2" a="1"/>
  <c r="F428" i="2" s="1"/>
  <c r="F433" i="2" a="1"/>
  <c r="F433" i="2" s="1"/>
  <c r="F432" i="2" a="1"/>
  <c r="F432" i="2" s="1"/>
  <c r="F421" i="2" a="1"/>
  <c r="F421" i="2" s="1"/>
  <c r="F430" i="2" a="1"/>
  <c r="F430" i="2" s="1"/>
  <c r="F418" i="2" a="1"/>
  <c r="F418" i="2" s="1"/>
  <c r="F441" i="2" a="1"/>
  <c r="F441" i="2" s="1"/>
  <c r="F434" i="2" a="1"/>
  <c r="F434" i="2" s="1"/>
  <c r="F438" i="2" a="1"/>
  <c r="F438" i="2" s="1"/>
  <c r="F423" i="2" a="1"/>
  <c r="F423" i="2" s="1"/>
  <c r="F431" i="2" a="1"/>
  <c r="F431" i="2" s="1"/>
  <c r="F435" i="2" a="1"/>
  <c r="F435" i="2" s="1"/>
  <c r="F422" i="2" a="1"/>
  <c r="F422" i="2" s="1"/>
  <c r="F437" i="2" a="1"/>
  <c r="F437" i="2" s="1"/>
  <c r="F436" i="2" a="1"/>
  <c r="F436" i="2" s="1"/>
  <c r="F439" i="2" a="1"/>
  <c r="F439" i="2" s="1"/>
  <c r="F424" i="2" a="1"/>
  <c r="F424" i="2" s="1"/>
  <c r="F440" i="2" a="1"/>
  <c r="F440" i="2" s="1"/>
  <c r="F419" i="2" a="1"/>
  <c r="F419" i="2" s="1"/>
  <c r="F425" i="2" a="1"/>
  <c r="F425" i="2" s="1"/>
  <c r="E5998" i="2" a="1"/>
  <c r="E5998" i="2" s="1"/>
  <c r="E5999" i="2" a="1"/>
  <c r="E5999" i="2" s="1"/>
  <c r="E6002" i="2" a="1"/>
  <c r="E6002" i="2" s="1"/>
  <c r="E6000" i="2" a="1"/>
  <c r="E6000" i="2" s="1"/>
  <c r="E5989" i="2" a="1"/>
  <c r="E5989" i="2" s="1"/>
  <c r="E6004" i="2" a="1"/>
  <c r="E6004" i="2" s="1"/>
  <c r="E5990" i="2" a="1"/>
  <c r="E5990" i="2" s="1"/>
  <c r="E6005" i="2" a="1"/>
  <c r="E6005" i="2" s="1"/>
  <c r="E6001" i="2" a="1"/>
  <c r="E6001" i="2" s="1"/>
  <c r="E5994" i="2" a="1"/>
  <c r="E5994" i="2" s="1"/>
  <c r="E6009" i="2" a="1"/>
  <c r="E6009" i="2" s="1"/>
  <c r="E5986" i="2" a="1"/>
  <c r="E5986" i="2" s="1"/>
  <c r="E5988" i="2" a="1"/>
  <c r="E5988" i="2" s="1"/>
  <c r="E6007" i="2" a="1"/>
  <c r="E6007" i="2" s="1"/>
  <c r="E6003" i="2" a="1"/>
  <c r="E6003" i="2" s="1"/>
  <c r="E5995" i="2" a="1"/>
  <c r="E5995" i="2" s="1"/>
  <c r="E5992" i="2" a="1"/>
  <c r="E5992" i="2" s="1"/>
  <c r="E5996" i="2" a="1"/>
  <c r="E5996" i="2" s="1"/>
  <c r="E6006" i="2" a="1"/>
  <c r="E6006" i="2" s="1"/>
  <c r="E5991" i="2" a="1"/>
  <c r="E5991" i="2" s="1"/>
  <c r="E5993" i="2" a="1"/>
  <c r="E5993" i="2" s="1"/>
  <c r="E5997" i="2" a="1"/>
  <c r="E5997" i="2" s="1"/>
  <c r="E5987" i="2" a="1"/>
  <c r="E5987" i="2" s="1"/>
  <c r="E6008" i="2" a="1"/>
  <c r="E6008" i="2" s="1"/>
  <c r="E1941" i="2" a="1"/>
  <c r="E1941" i="2" s="1"/>
  <c r="E1951" i="2" a="1"/>
  <c r="E1951" i="2" s="1"/>
  <c r="E1938" i="2" a="1"/>
  <c r="E1938" i="2" s="1"/>
  <c r="E1942" i="2" a="1"/>
  <c r="E1942" i="2" s="1"/>
  <c r="E1944" i="2" a="1"/>
  <c r="E1944" i="2" s="1"/>
  <c r="E1940" i="2" a="1"/>
  <c r="E1940" i="2" s="1"/>
  <c r="E1945" i="2" a="1"/>
  <c r="E1945" i="2" s="1"/>
  <c r="E1952" i="2" a="1"/>
  <c r="E1952" i="2" s="1"/>
  <c r="E1948" i="2" a="1"/>
  <c r="E1948" i="2" s="1"/>
  <c r="E1934" i="2" a="1"/>
  <c r="E1934" i="2" s="1"/>
  <c r="E1947" i="2" a="1"/>
  <c r="E1947" i="2" s="1"/>
  <c r="E1943" i="2" a="1"/>
  <c r="E1943" i="2" s="1"/>
  <c r="E1950" i="2" a="1"/>
  <c r="E1950" i="2" s="1"/>
  <c r="E1949" i="2" a="1"/>
  <c r="E1949" i="2" s="1"/>
  <c r="E1953" i="2" a="1"/>
  <c r="E1953" i="2" s="1"/>
  <c r="E1939" i="2" a="1"/>
  <c r="E1939" i="2" s="1"/>
  <c r="E1930" i="2" a="1"/>
  <c r="E1930" i="2" s="1"/>
  <c r="E1933" i="2" a="1"/>
  <c r="E1933" i="2" s="1"/>
  <c r="E1946" i="2" a="1"/>
  <c r="E1946" i="2" s="1"/>
  <c r="E1935" i="2" a="1"/>
  <c r="E1935" i="2" s="1"/>
  <c r="E1937" i="2" a="1"/>
  <c r="E1937" i="2" s="1"/>
  <c r="E1936" i="2" a="1"/>
  <c r="E1936" i="2" s="1"/>
  <c r="E1931" i="2" a="1"/>
  <c r="E1931" i="2" s="1"/>
  <c r="E1932" i="2" a="1"/>
  <c r="E1932" i="2" s="1"/>
  <c r="AO318" i="1"/>
  <c r="E324" i="5" s="1"/>
  <c r="AP318" i="1"/>
  <c r="F324" i="5" s="1"/>
  <c r="AN318" i="1"/>
  <c r="D324" i="5" s="1"/>
  <c r="AQ318" i="1"/>
  <c r="G324" i="5" s="1"/>
  <c r="AM318" i="1"/>
  <c r="D7638" i="2" a="1"/>
  <c r="D7638" i="2" s="1"/>
  <c r="D7623" i="2" a="1"/>
  <c r="D7623" i="2" s="1"/>
  <c r="D7631" i="2" a="1"/>
  <c r="D7631" i="2" s="1"/>
  <c r="D7618" i="2" a="1"/>
  <c r="D7618" i="2" s="1"/>
  <c r="D7626" i="2" a="1"/>
  <c r="D7626" i="2" s="1"/>
  <c r="D7621" i="2" a="1"/>
  <c r="D7621" i="2" s="1"/>
  <c r="D7625" i="2" a="1"/>
  <c r="D7625" i="2" s="1"/>
  <c r="D7629" i="2" a="1"/>
  <c r="D7629" i="2" s="1"/>
  <c r="D7637" i="2" a="1"/>
  <c r="D7637" i="2" s="1"/>
  <c r="D7622" i="2" a="1"/>
  <c r="D7622" i="2" s="1"/>
  <c r="D7630" i="2" a="1"/>
  <c r="D7630" i="2" s="1"/>
  <c r="D7634" i="2" a="1"/>
  <c r="D7634" i="2" s="1"/>
  <c r="D7620" i="2" a="1"/>
  <c r="D7620" i="2" s="1"/>
  <c r="D7624" i="2" a="1"/>
  <c r="D7624" i="2" s="1"/>
  <c r="D7628" i="2" a="1"/>
  <c r="D7628" i="2" s="1"/>
  <c r="D7632" i="2" a="1"/>
  <c r="D7632" i="2" s="1"/>
  <c r="D7640" i="2" a="1"/>
  <c r="D7640" i="2" s="1"/>
  <c r="D7633" i="2" a="1"/>
  <c r="D7633" i="2" s="1"/>
  <c r="D7619" i="2" a="1"/>
  <c r="D7619" i="2" s="1"/>
  <c r="D7627" i="2" a="1"/>
  <c r="D7627" i="2" s="1"/>
  <c r="D7635" i="2" a="1"/>
  <c r="D7635" i="2" s="1"/>
  <c r="D7639" i="2" a="1"/>
  <c r="D7639" i="2" s="1"/>
  <c r="D7636" i="2" a="1"/>
  <c r="D7636" i="2" s="1"/>
  <c r="D7641" i="2" a="1"/>
  <c r="D7641" i="2" s="1"/>
  <c r="AQ86" i="1"/>
  <c r="G92" i="5" s="1"/>
  <c r="AO86" i="1"/>
  <c r="E92" i="5" s="1"/>
  <c r="AN86" i="1"/>
  <c r="D92" i="5" s="1"/>
  <c r="AP86" i="1"/>
  <c r="F92" i="5" s="1"/>
  <c r="AM86" i="1"/>
  <c r="D2050" i="2" a="1"/>
  <c r="D2050" i="2" s="1"/>
  <c r="D2054" i="2" a="1"/>
  <c r="D2054" i="2" s="1"/>
  <c r="D2058" i="2" a="1"/>
  <c r="D2058" i="2" s="1"/>
  <c r="D2052" i="2" a="1"/>
  <c r="D2052" i="2" s="1"/>
  <c r="D2056" i="2" a="1"/>
  <c r="D2056" i="2" s="1"/>
  <c r="D2060" i="2" a="1"/>
  <c r="D2060" i="2" s="1"/>
  <c r="D2064" i="2" a="1"/>
  <c r="D2064" i="2" s="1"/>
  <c r="D2068" i="2" a="1"/>
  <c r="D2068" i="2" s="1"/>
  <c r="D2072" i="2" a="1"/>
  <c r="D2072" i="2" s="1"/>
  <c r="D2051" i="2" a="1"/>
  <c r="D2051" i="2" s="1"/>
  <c r="D2055" i="2" a="1"/>
  <c r="D2055" i="2" s="1"/>
  <c r="D2059" i="2" a="1"/>
  <c r="D2059" i="2" s="1"/>
  <c r="D2063" i="2" a="1"/>
  <c r="D2063" i="2" s="1"/>
  <c r="D2067" i="2" a="1"/>
  <c r="D2067" i="2" s="1"/>
  <c r="D2071" i="2" a="1"/>
  <c r="D2071" i="2" s="1"/>
  <c r="D2057" i="2" a="1"/>
  <c r="D2057" i="2" s="1"/>
  <c r="D2053" i="2" a="1"/>
  <c r="D2053" i="2" s="1"/>
  <c r="D2065" i="2" a="1"/>
  <c r="D2065" i="2" s="1"/>
  <c r="D2062" i="2" a="1"/>
  <c r="D2062" i="2" s="1"/>
  <c r="D2066" i="2" a="1"/>
  <c r="D2066" i="2" s="1"/>
  <c r="D2069" i="2" a="1"/>
  <c r="D2069" i="2" s="1"/>
  <c r="D2070" i="2" a="1"/>
  <c r="D2070" i="2" s="1"/>
  <c r="D2061" i="2" a="1"/>
  <c r="D2061" i="2" s="1"/>
  <c r="D2073" i="2" a="1"/>
  <c r="D2073" i="2" s="1"/>
  <c r="F7486" i="2" a="1"/>
  <c r="F7486" i="2" s="1"/>
  <c r="F7488" i="2" a="1"/>
  <c r="F7488" i="2" s="1"/>
  <c r="F7493" i="2" a="1"/>
  <c r="F7493" i="2" s="1"/>
  <c r="F7496" i="2" a="1"/>
  <c r="F7496" i="2" s="1"/>
  <c r="F7489" i="2" a="1"/>
  <c r="F7489" i="2" s="1"/>
  <c r="F7491" i="2" a="1"/>
  <c r="F7491" i="2" s="1"/>
  <c r="F7494" i="2" a="1"/>
  <c r="F7494" i="2" s="1"/>
  <c r="F7480" i="2" a="1"/>
  <c r="F7480" i="2" s="1"/>
  <c r="F7483" i="2" a="1"/>
  <c r="F7483" i="2" s="1"/>
  <c r="F7484" i="2" a="1"/>
  <c r="F7484" i="2" s="1"/>
  <c r="F7476" i="2" a="1"/>
  <c r="F7476" i="2" s="1"/>
  <c r="F7474" i="2" a="1"/>
  <c r="F7474" i="2" s="1"/>
  <c r="F7475" i="2" a="1"/>
  <c r="F7475" i="2" s="1"/>
  <c r="F7482" i="2" a="1"/>
  <c r="F7482" i="2" s="1"/>
  <c r="F7477" i="2" a="1"/>
  <c r="F7477" i="2" s="1"/>
  <c r="F7485" i="2" a="1"/>
  <c r="F7485" i="2" s="1"/>
  <c r="F7478" i="2" a="1"/>
  <c r="F7478" i="2" s="1"/>
  <c r="F7487" i="2" a="1"/>
  <c r="F7487" i="2" s="1"/>
  <c r="F7492" i="2" a="1"/>
  <c r="F7492" i="2" s="1"/>
  <c r="F7479" i="2" a="1"/>
  <c r="F7479" i="2" s="1"/>
  <c r="F7481" i="2" a="1"/>
  <c r="F7481" i="2" s="1"/>
  <c r="F7495" i="2" a="1"/>
  <c r="F7495" i="2" s="1"/>
  <c r="F7490" i="2" a="1"/>
  <c r="F7490" i="2" s="1"/>
  <c r="F7497" i="2" a="1"/>
  <c r="F7497" i="2" s="1"/>
  <c r="F656" i="2" a="1"/>
  <c r="F656" i="2" s="1"/>
  <c r="F652" i="2" a="1"/>
  <c r="F652" i="2" s="1"/>
  <c r="F638" i="2" a="1"/>
  <c r="F638" i="2" s="1"/>
  <c r="F647" i="2" a="1"/>
  <c r="F647" i="2" s="1"/>
  <c r="F657" i="2" a="1"/>
  <c r="F657" i="2" s="1"/>
  <c r="F643" i="2" a="1"/>
  <c r="F643" i="2" s="1"/>
  <c r="F650" i="2" a="1"/>
  <c r="F650" i="2" s="1"/>
  <c r="F634" i="2" a="1"/>
  <c r="F634" i="2" s="1"/>
  <c r="F655" i="2" a="1"/>
  <c r="F655" i="2" s="1"/>
  <c r="F635" i="2" a="1"/>
  <c r="F635" i="2" s="1"/>
  <c r="F653" i="2" a="1"/>
  <c r="F653" i="2" s="1"/>
  <c r="F639" i="2" a="1"/>
  <c r="F639" i="2" s="1"/>
  <c r="F641" i="2" a="1"/>
  <c r="F641" i="2" s="1"/>
  <c r="F642" i="2" a="1"/>
  <c r="F642" i="2" s="1"/>
  <c r="F645" i="2" a="1"/>
  <c r="F645" i="2" s="1"/>
  <c r="F636" i="2" a="1"/>
  <c r="F636" i="2" s="1"/>
  <c r="F646" i="2" a="1"/>
  <c r="F646" i="2" s="1"/>
  <c r="F637" i="2" a="1"/>
  <c r="F637" i="2" s="1"/>
  <c r="F648" i="2" a="1"/>
  <c r="F648" i="2" s="1"/>
  <c r="F640" i="2" a="1"/>
  <c r="F640" i="2" s="1"/>
  <c r="F644" i="2" a="1"/>
  <c r="F644" i="2" s="1"/>
  <c r="F651" i="2" a="1"/>
  <c r="F651" i="2" s="1"/>
  <c r="F649" i="2" a="1"/>
  <c r="F649" i="2" s="1"/>
  <c r="F654" i="2" a="1"/>
  <c r="F654" i="2" s="1"/>
  <c r="G217" i="2" a="1"/>
  <c r="G217" i="2" s="1"/>
  <c r="G218" i="2" a="1"/>
  <c r="G218" i="2" s="1"/>
  <c r="G213" i="2" a="1"/>
  <c r="G213" i="2" s="1"/>
  <c r="G223" i="2" a="1"/>
  <c r="G223" i="2" s="1"/>
  <c r="G214" i="2" a="1"/>
  <c r="G214" i="2" s="1"/>
  <c r="G225" i="2" a="1"/>
  <c r="G225" i="2" s="1"/>
  <c r="G208" i="2" a="1"/>
  <c r="G208" i="2" s="1"/>
  <c r="G221" i="2" a="1"/>
  <c r="G221" i="2" s="1"/>
  <c r="G207" i="2" a="1"/>
  <c r="G207" i="2" s="1"/>
  <c r="G210" i="2" a="1"/>
  <c r="G210" i="2" s="1"/>
  <c r="G205" i="2" a="1"/>
  <c r="G205" i="2" s="1"/>
  <c r="G211" i="2" a="1"/>
  <c r="G211" i="2" s="1"/>
  <c r="G216" i="2" a="1"/>
  <c r="G216" i="2" s="1"/>
  <c r="G215" i="2" a="1"/>
  <c r="G215" i="2" s="1"/>
  <c r="G204" i="2" a="1"/>
  <c r="G204" i="2" s="1"/>
  <c r="G203" i="2" a="1"/>
  <c r="G203" i="2" s="1"/>
  <c r="G209" i="2" a="1"/>
  <c r="G209" i="2" s="1"/>
  <c r="G202" i="2" a="1"/>
  <c r="G202" i="2" s="1"/>
  <c r="G222" i="2" a="1"/>
  <c r="G222" i="2" s="1"/>
  <c r="G219" i="2" a="1"/>
  <c r="G219" i="2" s="1"/>
  <c r="G224" i="2" a="1"/>
  <c r="G224" i="2" s="1"/>
  <c r="G206" i="2" a="1"/>
  <c r="G206" i="2" s="1"/>
  <c r="G220" i="2" a="1"/>
  <c r="G220" i="2" s="1"/>
  <c r="G212" i="2" a="1"/>
  <c r="G212" i="2" s="1"/>
  <c r="F4602" i="2" a="1"/>
  <c r="F4602" i="2" s="1"/>
  <c r="F4612" i="2" a="1"/>
  <c r="F4612" i="2" s="1"/>
  <c r="F4599" i="2" a="1"/>
  <c r="F4599" i="2" s="1"/>
  <c r="F4614" i="2" a="1"/>
  <c r="F4614" i="2" s="1"/>
  <c r="F4603" i="2" a="1"/>
  <c r="F4603" i="2" s="1"/>
  <c r="F4615" i="2" a="1"/>
  <c r="F4615" i="2" s="1"/>
  <c r="F4608" i="2" a="1"/>
  <c r="F4608" i="2" s="1"/>
  <c r="F4600" i="2" a="1"/>
  <c r="F4600" i="2" s="1"/>
  <c r="F4616" i="2" a="1"/>
  <c r="F4616" i="2" s="1"/>
  <c r="F4610" i="2" a="1"/>
  <c r="F4610" i="2" s="1"/>
  <c r="F4604" i="2" a="1"/>
  <c r="F4604" i="2" s="1"/>
  <c r="F4595" i="2" a="1"/>
  <c r="F4595" i="2" s="1"/>
  <c r="F4597" i="2" a="1"/>
  <c r="F4597" i="2" s="1"/>
  <c r="F4607" i="2" a="1"/>
  <c r="F4607" i="2" s="1"/>
  <c r="F4606" i="2" a="1"/>
  <c r="F4606" i="2" s="1"/>
  <c r="F4594" i="2" a="1"/>
  <c r="F4594" i="2" s="1"/>
  <c r="F4617" i="2" a="1"/>
  <c r="F4617" i="2" s="1"/>
  <c r="F4596" i="2" a="1"/>
  <c r="F4596" i="2" s="1"/>
  <c r="F4609" i="2" a="1"/>
  <c r="F4609" i="2" s="1"/>
  <c r="F4598" i="2" a="1"/>
  <c r="F4598" i="2" s="1"/>
  <c r="F4605" i="2" a="1"/>
  <c r="F4605" i="2" s="1"/>
  <c r="F4601" i="2" a="1"/>
  <c r="F4601" i="2" s="1"/>
  <c r="F4611" i="2" a="1"/>
  <c r="F4611" i="2" s="1"/>
  <c r="F4613" i="2" a="1"/>
  <c r="F4613" i="2" s="1"/>
  <c r="G7014" i="2" a="1"/>
  <c r="G7014" i="2" s="1"/>
  <c r="G7002" i="2" a="1"/>
  <c r="G7002" i="2" s="1"/>
  <c r="G7007" i="2" a="1"/>
  <c r="G7007" i="2" s="1"/>
  <c r="G6995" i="2" a="1"/>
  <c r="G6995" i="2" s="1"/>
  <c r="G7017" i="2" a="1"/>
  <c r="G7017" i="2" s="1"/>
  <c r="G7015" i="2" a="1"/>
  <c r="G7015" i="2" s="1"/>
  <c r="G7009" i="2" a="1"/>
  <c r="G7009" i="2" s="1"/>
  <c r="G6996" i="2" a="1"/>
  <c r="G6996" i="2" s="1"/>
  <c r="G7001" i="2" a="1"/>
  <c r="G7001" i="2" s="1"/>
  <c r="G7005" i="2" a="1"/>
  <c r="G7005" i="2" s="1"/>
  <c r="G7006" i="2" a="1"/>
  <c r="G7006" i="2" s="1"/>
  <c r="G7011" i="2" a="1"/>
  <c r="G7011" i="2" s="1"/>
  <c r="G7008" i="2" a="1"/>
  <c r="G7008" i="2" s="1"/>
  <c r="G7000" i="2" a="1"/>
  <c r="G7000" i="2" s="1"/>
  <c r="G6998" i="2" a="1"/>
  <c r="G6998" i="2" s="1"/>
  <c r="G7010" i="2" a="1"/>
  <c r="G7010" i="2" s="1"/>
  <c r="G6999" i="2" a="1"/>
  <c r="G6999" i="2" s="1"/>
  <c r="G7003" i="2" a="1"/>
  <c r="G7003" i="2" s="1"/>
  <c r="G7004" i="2" a="1"/>
  <c r="G7004" i="2" s="1"/>
  <c r="G7016" i="2" a="1"/>
  <c r="G7016" i="2" s="1"/>
  <c r="G7013" i="2" a="1"/>
  <c r="G7013" i="2" s="1"/>
  <c r="G6997" i="2" a="1"/>
  <c r="G6997" i="2" s="1"/>
  <c r="G7012" i="2" a="1"/>
  <c r="G7012" i="2" s="1"/>
  <c r="G6994" i="2" a="1"/>
  <c r="G6994" i="2" s="1"/>
  <c r="F6799" i="2" a="1"/>
  <c r="F6799" i="2" s="1"/>
  <c r="F6778" i="2" a="1"/>
  <c r="F6778" i="2" s="1"/>
  <c r="F6785" i="2" a="1"/>
  <c r="F6785" i="2" s="1"/>
  <c r="F6780" i="2" a="1"/>
  <c r="F6780" i="2" s="1"/>
  <c r="F6791" i="2" a="1"/>
  <c r="F6791" i="2" s="1"/>
  <c r="F6786" i="2" a="1"/>
  <c r="F6786" i="2" s="1"/>
  <c r="F6798" i="2" a="1"/>
  <c r="F6798" i="2" s="1"/>
  <c r="F6784" i="2" a="1"/>
  <c r="F6784" i="2" s="1"/>
  <c r="F6787" i="2" a="1"/>
  <c r="F6787" i="2" s="1"/>
  <c r="F6797" i="2" a="1"/>
  <c r="F6797" i="2" s="1"/>
  <c r="F6800" i="2" a="1"/>
  <c r="F6800" i="2" s="1"/>
  <c r="F6801" i="2" a="1"/>
  <c r="F6801" i="2" s="1"/>
  <c r="F6794" i="2" a="1"/>
  <c r="F6794" i="2" s="1"/>
  <c r="F6779" i="2" a="1"/>
  <c r="F6779" i="2" s="1"/>
  <c r="F6795" i="2" a="1"/>
  <c r="F6795" i="2" s="1"/>
  <c r="F6789" i="2" a="1"/>
  <c r="F6789" i="2" s="1"/>
  <c r="F6790" i="2" a="1"/>
  <c r="F6790" i="2" s="1"/>
  <c r="F6781" i="2" a="1"/>
  <c r="F6781" i="2" s="1"/>
  <c r="F6796" i="2" a="1"/>
  <c r="F6796" i="2" s="1"/>
  <c r="F6783" i="2" a="1"/>
  <c r="F6783" i="2" s="1"/>
  <c r="F6793" i="2" a="1"/>
  <c r="F6793" i="2" s="1"/>
  <c r="F6792" i="2" a="1"/>
  <c r="F6792" i="2" s="1"/>
  <c r="F6788" i="2" a="1"/>
  <c r="F6788" i="2" s="1"/>
  <c r="F6782" i="2" a="1"/>
  <c r="F6782" i="2" s="1"/>
  <c r="E5506" i="2" a="1"/>
  <c r="E5506" i="2" s="1"/>
  <c r="E5514" i="2" a="1"/>
  <c r="E5514" i="2" s="1"/>
  <c r="E5526" i="2" a="1"/>
  <c r="E5526" i="2" s="1"/>
  <c r="E5527" i="2" a="1"/>
  <c r="E5527" i="2" s="1"/>
  <c r="E5515" i="2" a="1"/>
  <c r="E5515" i="2" s="1"/>
  <c r="E5525" i="2" a="1"/>
  <c r="E5525" i="2" s="1"/>
  <c r="E5522" i="2" a="1"/>
  <c r="E5522" i="2" s="1"/>
  <c r="E5517" i="2" a="1"/>
  <c r="E5517" i="2" s="1"/>
  <c r="E5523" i="2" a="1"/>
  <c r="E5523" i="2" s="1"/>
  <c r="E5528" i="2" a="1"/>
  <c r="E5528" i="2" s="1"/>
  <c r="E5508" i="2" a="1"/>
  <c r="E5508" i="2" s="1"/>
  <c r="E5518" i="2" a="1"/>
  <c r="E5518" i="2" s="1"/>
  <c r="E5511" i="2" a="1"/>
  <c r="E5511" i="2" s="1"/>
  <c r="E5510" i="2" a="1"/>
  <c r="E5510" i="2" s="1"/>
  <c r="E5521" i="2" a="1"/>
  <c r="E5521" i="2" s="1"/>
  <c r="E5516" i="2" a="1"/>
  <c r="E5516" i="2" s="1"/>
  <c r="E5519" i="2" a="1"/>
  <c r="E5519" i="2" s="1"/>
  <c r="E5520" i="2" a="1"/>
  <c r="E5520" i="2" s="1"/>
  <c r="E5507" i="2" a="1"/>
  <c r="E5507" i="2" s="1"/>
  <c r="E5513" i="2" a="1"/>
  <c r="E5513" i="2" s="1"/>
  <c r="E5509" i="2" a="1"/>
  <c r="E5509" i="2" s="1"/>
  <c r="E5524" i="2" a="1"/>
  <c r="E5524" i="2" s="1"/>
  <c r="E5529" i="2" a="1"/>
  <c r="E5529" i="2" s="1"/>
  <c r="E5512" i="2" a="1"/>
  <c r="E5512" i="2" s="1"/>
  <c r="AO235" i="1"/>
  <c r="E241" i="5" s="1"/>
  <c r="AP235" i="1"/>
  <c r="F241" i="5" s="1"/>
  <c r="AQ235" i="1"/>
  <c r="G241" i="5" s="1"/>
  <c r="AN235" i="1"/>
  <c r="D241" i="5" s="1"/>
  <c r="AM235" i="1"/>
  <c r="D5627" i="2" a="1"/>
  <c r="D5627" i="2" s="1"/>
  <c r="D5631" i="2" a="1"/>
  <c r="D5631" i="2" s="1"/>
  <c r="D5635" i="2" a="1"/>
  <c r="D5635" i="2" s="1"/>
  <c r="D5643" i="2" a="1"/>
  <c r="D5643" i="2" s="1"/>
  <c r="D5647" i="2" a="1"/>
  <c r="D5647" i="2" s="1"/>
  <c r="D5640" i="2" a="1"/>
  <c r="D5640" i="2" s="1"/>
  <c r="D5639" i="2" a="1"/>
  <c r="D5639" i="2" s="1"/>
  <c r="D5626" i="2" a="1"/>
  <c r="D5626" i="2" s="1"/>
  <c r="D5630" i="2" a="1"/>
  <c r="D5630" i="2" s="1"/>
  <c r="D5634" i="2" a="1"/>
  <c r="D5634" i="2" s="1"/>
  <c r="D5638" i="2" a="1"/>
  <c r="D5638" i="2" s="1"/>
  <c r="D5642" i="2" a="1"/>
  <c r="D5642" i="2" s="1"/>
  <c r="D5646" i="2" a="1"/>
  <c r="D5646" i="2" s="1"/>
  <c r="D5629" i="2" a="1"/>
  <c r="D5629" i="2" s="1"/>
  <c r="D5633" i="2" a="1"/>
  <c r="D5633" i="2" s="1"/>
  <c r="D5637" i="2" a="1"/>
  <c r="D5637" i="2" s="1"/>
  <c r="D5641" i="2" a="1"/>
  <c r="D5641" i="2" s="1"/>
  <c r="D5645" i="2" a="1"/>
  <c r="D5645" i="2" s="1"/>
  <c r="D5628" i="2" a="1"/>
  <c r="D5628" i="2" s="1"/>
  <c r="D5632" i="2" a="1"/>
  <c r="D5632" i="2" s="1"/>
  <c r="D5636" i="2" a="1"/>
  <c r="D5636" i="2" s="1"/>
  <c r="D5644" i="2" a="1"/>
  <c r="D5644" i="2" s="1"/>
  <c r="D5648" i="2" a="1"/>
  <c r="D5648" i="2" s="1"/>
  <c r="D5649" i="2" a="1"/>
  <c r="D5649" i="2" s="1"/>
  <c r="AQ153" i="1"/>
  <c r="G159" i="5" s="1"/>
  <c r="AN153" i="1"/>
  <c r="D159" i="5" s="1"/>
  <c r="AO153" i="1"/>
  <c r="E159" i="5" s="1"/>
  <c r="AP153" i="1"/>
  <c r="F159" i="5" s="1"/>
  <c r="AM153" i="1"/>
  <c r="D3664" i="2" a="1"/>
  <c r="D3664" i="2" s="1"/>
  <c r="D3659" i="2" a="1"/>
  <c r="D3659" i="2" s="1"/>
  <c r="D3663" i="2" a="1"/>
  <c r="D3663" i="2" s="1"/>
  <c r="D3667" i="2" a="1"/>
  <c r="D3667" i="2" s="1"/>
  <c r="D3671" i="2" a="1"/>
  <c r="D3671" i="2" s="1"/>
  <c r="D3679" i="2" a="1"/>
  <c r="D3679" i="2" s="1"/>
  <c r="D3661" i="2" a="1"/>
  <c r="D3661" i="2" s="1"/>
  <c r="D3665" i="2" a="1"/>
  <c r="D3665" i="2" s="1"/>
  <c r="D3669" i="2" a="1"/>
  <c r="D3669" i="2" s="1"/>
  <c r="D3673" i="2" a="1"/>
  <c r="D3673" i="2" s="1"/>
  <c r="D3677" i="2" a="1"/>
  <c r="D3677" i="2" s="1"/>
  <c r="D3681" i="2" a="1"/>
  <c r="D3681" i="2" s="1"/>
  <c r="D3672" i="2" a="1"/>
  <c r="D3672" i="2" s="1"/>
  <c r="D3674" i="2" a="1"/>
  <c r="D3674" i="2" s="1"/>
  <c r="D3660" i="2" a="1"/>
  <c r="D3660" i="2" s="1"/>
  <c r="D3658" i="2" a="1"/>
  <c r="D3658" i="2" s="1"/>
  <c r="D3670" i="2" a="1"/>
  <c r="D3670" i="2" s="1"/>
  <c r="D3680" i="2" a="1"/>
  <c r="D3680" i="2" s="1"/>
  <c r="D3675" i="2" a="1"/>
  <c r="D3675" i="2" s="1"/>
  <c r="D3668" i="2" a="1"/>
  <c r="D3668" i="2" s="1"/>
  <c r="D3678" i="2" a="1"/>
  <c r="D3678" i="2" s="1"/>
  <c r="D3666" i="2" a="1"/>
  <c r="D3666" i="2" s="1"/>
  <c r="D3676" i="2" a="1"/>
  <c r="D3676" i="2" s="1"/>
  <c r="D3662" i="2" a="1"/>
  <c r="D3662" i="2" s="1"/>
  <c r="H788" i="2" a="1"/>
  <c r="H788" i="2" s="1"/>
  <c r="H800" i="2" a="1"/>
  <c r="H800" i="2" s="1"/>
  <c r="H794" i="2" a="1"/>
  <c r="H794" i="2" s="1"/>
  <c r="H790" i="2" a="1"/>
  <c r="H790" i="2" s="1"/>
  <c r="H791" i="2" a="1"/>
  <c r="H791" i="2" s="1"/>
  <c r="H787" i="2" a="1"/>
  <c r="H787" i="2" s="1"/>
  <c r="H793" i="2" a="1"/>
  <c r="H793" i="2" s="1"/>
  <c r="H799" i="2" a="1"/>
  <c r="H799" i="2" s="1"/>
  <c r="H781" i="2" a="1"/>
  <c r="H781" i="2" s="1"/>
  <c r="H783" i="2" a="1"/>
  <c r="H783" i="2" s="1"/>
  <c r="H784" i="2" a="1"/>
  <c r="H784" i="2" s="1"/>
  <c r="H796" i="2" a="1"/>
  <c r="H796" i="2" s="1"/>
  <c r="H789" i="2" a="1"/>
  <c r="H789" i="2" s="1"/>
  <c r="H779" i="2" a="1"/>
  <c r="H779" i="2" s="1"/>
  <c r="H798" i="2" a="1"/>
  <c r="H798" i="2" s="1"/>
  <c r="H801" i="2" a="1"/>
  <c r="H801" i="2" s="1"/>
  <c r="H792" i="2" a="1"/>
  <c r="H792" i="2" s="1"/>
  <c r="H795" i="2" a="1"/>
  <c r="H795" i="2" s="1"/>
  <c r="H786" i="2" a="1"/>
  <c r="H786" i="2" s="1"/>
  <c r="H797" i="2" a="1"/>
  <c r="H797" i="2" s="1"/>
  <c r="H780" i="2" a="1"/>
  <c r="H780" i="2" s="1"/>
  <c r="H778" i="2" a="1"/>
  <c r="H778" i="2" s="1"/>
  <c r="H785" i="2" a="1"/>
  <c r="H785" i="2" s="1"/>
  <c r="H782" i="2" a="1"/>
  <c r="H782" i="2" s="1"/>
  <c r="F6805" i="2" a="1"/>
  <c r="F6805" i="2" s="1"/>
  <c r="F6808" i="2" a="1"/>
  <c r="F6808" i="2" s="1"/>
  <c r="F6821" i="2" a="1"/>
  <c r="F6821" i="2" s="1"/>
  <c r="F6809" i="2" a="1"/>
  <c r="F6809" i="2" s="1"/>
  <c r="F6806" i="2" a="1"/>
  <c r="F6806" i="2" s="1"/>
  <c r="F6813" i="2" a="1"/>
  <c r="F6813" i="2" s="1"/>
  <c r="F6819" i="2" a="1"/>
  <c r="F6819" i="2" s="1"/>
  <c r="F6823" i="2" a="1"/>
  <c r="F6823" i="2" s="1"/>
  <c r="F6818" i="2" a="1"/>
  <c r="F6818" i="2" s="1"/>
  <c r="F6810" i="2" a="1"/>
  <c r="F6810" i="2" s="1"/>
  <c r="F6816" i="2" a="1"/>
  <c r="F6816" i="2" s="1"/>
  <c r="F6811" i="2" a="1"/>
  <c r="F6811" i="2" s="1"/>
  <c r="F6804" i="2" a="1"/>
  <c r="F6804" i="2" s="1"/>
  <c r="F6820" i="2" a="1"/>
  <c r="F6820" i="2" s="1"/>
  <c r="F6814" i="2" a="1"/>
  <c r="F6814" i="2" s="1"/>
  <c r="F6822" i="2" a="1"/>
  <c r="F6822" i="2" s="1"/>
  <c r="F6803" i="2" a="1"/>
  <c r="F6803" i="2" s="1"/>
  <c r="F6812" i="2" a="1"/>
  <c r="F6812" i="2" s="1"/>
  <c r="F6817" i="2" a="1"/>
  <c r="F6817" i="2" s="1"/>
  <c r="F6815" i="2" a="1"/>
  <c r="F6815" i="2" s="1"/>
  <c r="F6807" i="2" a="1"/>
  <c r="F6807" i="2" s="1"/>
  <c r="F6824" i="2" a="1"/>
  <c r="F6824" i="2" s="1"/>
  <c r="F6825" i="2" a="1"/>
  <c r="F6825" i="2" s="1"/>
  <c r="F6802" i="2" a="1"/>
  <c r="F6802" i="2" s="1"/>
  <c r="AP199" i="1"/>
  <c r="F205" i="5" s="1"/>
  <c r="AO199" i="1"/>
  <c r="E205" i="5" s="1"/>
  <c r="AN199" i="1"/>
  <c r="D205" i="5" s="1"/>
  <c r="AQ199" i="1"/>
  <c r="G205" i="5" s="1"/>
  <c r="AM199" i="1"/>
  <c r="D4785" i="2" a="1"/>
  <c r="D4785" i="2" s="1"/>
  <c r="D4770" i="2" a="1"/>
  <c r="D4770" i="2" s="1"/>
  <c r="D4769" i="2" a="1"/>
  <c r="D4769" i="2" s="1"/>
  <c r="D4773" i="2" a="1"/>
  <c r="D4773" i="2" s="1"/>
  <c r="D4777" i="2" a="1"/>
  <c r="D4777" i="2" s="1"/>
  <c r="D4768" i="2" a="1"/>
  <c r="D4768" i="2" s="1"/>
  <c r="D4776" i="2" a="1"/>
  <c r="D4776" i="2" s="1"/>
  <c r="D4780" i="2" a="1"/>
  <c r="D4780" i="2" s="1"/>
  <c r="D4784" i="2" a="1"/>
  <c r="D4784" i="2" s="1"/>
  <c r="D4764" i="2" a="1"/>
  <c r="D4764" i="2" s="1"/>
  <c r="D4772" i="2" a="1"/>
  <c r="D4772" i="2" s="1"/>
  <c r="D4763" i="2" a="1"/>
  <c r="D4763" i="2" s="1"/>
  <c r="D4767" i="2" a="1"/>
  <c r="D4767" i="2" s="1"/>
  <c r="D4775" i="2" a="1"/>
  <c r="D4775" i="2" s="1"/>
  <c r="D4779" i="2" a="1"/>
  <c r="D4779" i="2" s="1"/>
  <c r="D4783" i="2" a="1"/>
  <c r="D4783" i="2" s="1"/>
  <c r="D4771" i="2" a="1"/>
  <c r="D4771" i="2" s="1"/>
  <c r="D4762" i="2" a="1"/>
  <c r="D4762" i="2" s="1"/>
  <c r="D4766" i="2" a="1"/>
  <c r="D4766" i="2" s="1"/>
  <c r="D4778" i="2" a="1"/>
  <c r="D4778" i="2" s="1"/>
  <c r="D4774" i="2" a="1"/>
  <c r="D4774" i="2" s="1"/>
  <c r="D4782" i="2" a="1"/>
  <c r="D4782" i="2" s="1"/>
  <c r="D4765" i="2" a="1"/>
  <c r="D4765" i="2" s="1"/>
  <c r="D4781" i="2" a="1"/>
  <c r="D4781" i="2" s="1"/>
  <c r="F4452" i="2" a="1"/>
  <c r="F4452" i="2" s="1"/>
  <c r="F4453" i="2" a="1"/>
  <c r="F4453" i="2" s="1"/>
  <c r="F4472" i="2" a="1"/>
  <c r="F4472" i="2" s="1"/>
  <c r="F4450" i="2" a="1"/>
  <c r="F4450" i="2" s="1"/>
  <c r="F4465" i="2" a="1"/>
  <c r="F4465" i="2" s="1"/>
  <c r="F4455" i="2" a="1"/>
  <c r="F4455" i="2" s="1"/>
  <c r="F4459" i="2" a="1"/>
  <c r="F4459" i="2" s="1"/>
  <c r="F4466" i="2" a="1"/>
  <c r="F4466" i="2" s="1"/>
  <c r="F4471" i="2" a="1"/>
  <c r="F4471" i="2" s="1"/>
  <c r="F4462" i="2" a="1"/>
  <c r="F4462" i="2" s="1"/>
  <c r="F4464" i="2" a="1"/>
  <c r="F4464" i="2" s="1"/>
  <c r="F4468" i="2" a="1"/>
  <c r="F4468" i="2" s="1"/>
  <c r="F4467" i="2" a="1"/>
  <c r="F4467" i="2" s="1"/>
  <c r="F4469" i="2" a="1"/>
  <c r="F4469" i="2" s="1"/>
  <c r="F4454" i="2" a="1"/>
  <c r="F4454" i="2" s="1"/>
  <c r="F4470" i="2" a="1"/>
  <c r="F4470" i="2" s="1"/>
  <c r="F4461" i="2" a="1"/>
  <c r="F4461" i="2" s="1"/>
  <c r="F4451" i="2" a="1"/>
  <c r="F4451" i="2" s="1"/>
  <c r="F4456" i="2" a="1"/>
  <c r="F4456" i="2" s="1"/>
  <c r="F4457" i="2" a="1"/>
  <c r="F4457" i="2" s="1"/>
  <c r="F4458" i="2" a="1"/>
  <c r="F4458" i="2" s="1"/>
  <c r="F4460" i="2" a="1"/>
  <c r="F4460" i="2" s="1"/>
  <c r="F4473" i="2" a="1"/>
  <c r="F4473" i="2" s="1"/>
  <c r="F4463" i="2" a="1"/>
  <c r="F4463" i="2" s="1"/>
  <c r="G5254" i="2" a="1"/>
  <c r="G5254" i="2" s="1"/>
  <c r="G5248" i="2" a="1"/>
  <c r="G5248" i="2" s="1"/>
  <c r="G5263" i="2" a="1"/>
  <c r="G5263" i="2" s="1"/>
  <c r="G5260" i="2" a="1"/>
  <c r="G5260" i="2" s="1"/>
  <c r="G5244" i="2" a="1"/>
  <c r="G5244" i="2" s="1"/>
  <c r="G5250" i="2" a="1"/>
  <c r="G5250" i="2" s="1"/>
  <c r="G5257" i="2" a="1"/>
  <c r="G5257" i="2" s="1"/>
  <c r="G5262" i="2" a="1"/>
  <c r="G5262" i="2" s="1"/>
  <c r="G5245" i="2" a="1"/>
  <c r="G5245" i="2" s="1"/>
  <c r="G5255" i="2" a="1"/>
  <c r="G5255" i="2" s="1"/>
  <c r="G5256" i="2" a="1"/>
  <c r="G5256" i="2" s="1"/>
  <c r="G5249" i="2" a="1"/>
  <c r="G5249" i="2" s="1"/>
  <c r="G5252" i="2" a="1"/>
  <c r="G5252" i="2" s="1"/>
  <c r="G5261" i="2" a="1"/>
  <c r="G5261" i="2" s="1"/>
  <c r="G5242" i="2" a="1"/>
  <c r="G5242" i="2" s="1"/>
  <c r="G5264" i="2" a="1"/>
  <c r="G5264" i="2" s="1"/>
  <c r="G5246" i="2" a="1"/>
  <c r="G5246" i="2" s="1"/>
  <c r="G5251" i="2" a="1"/>
  <c r="G5251" i="2" s="1"/>
  <c r="G5265" i="2" a="1"/>
  <c r="G5265" i="2" s="1"/>
  <c r="G5253" i="2" a="1"/>
  <c r="G5253" i="2" s="1"/>
  <c r="G5259" i="2" a="1"/>
  <c r="G5259" i="2" s="1"/>
  <c r="G5247" i="2" a="1"/>
  <c r="G5247" i="2" s="1"/>
  <c r="G5258" i="2" a="1"/>
  <c r="G5258" i="2" s="1"/>
  <c r="G5243" i="2" a="1"/>
  <c r="G5243" i="2" s="1"/>
  <c r="H4410" i="2" a="1"/>
  <c r="H4410" i="2" s="1"/>
  <c r="H4416" i="2" a="1"/>
  <c r="H4416" i="2" s="1"/>
  <c r="H4412" i="2" a="1"/>
  <c r="H4412" i="2" s="1"/>
  <c r="H4402" i="2" a="1"/>
  <c r="H4402" i="2" s="1"/>
  <c r="H4423" i="2" a="1"/>
  <c r="H4423" i="2" s="1"/>
  <c r="H4413" i="2" a="1"/>
  <c r="H4413" i="2" s="1"/>
  <c r="H4422" i="2" a="1"/>
  <c r="H4422" i="2" s="1"/>
  <c r="H4417" i="2" a="1"/>
  <c r="H4417" i="2" s="1"/>
  <c r="H4406" i="2" a="1"/>
  <c r="H4406" i="2" s="1"/>
  <c r="H4407" i="2" a="1"/>
  <c r="H4407" i="2" s="1"/>
  <c r="H4419" i="2" a="1"/>
  <c r="H4419" i="2" s="1"/>
  <c r="H4403" i="2" a="1"/>
  <c r="H4403" i="2" s="1"/>
  <c r="H4409" i="2" a="1"/>
  <c r="H4409" i="2" s="1"/>
  <c r="H4425" i="2" a="1"/>
  <c r="H4425" i="2" s="1"/>
  <c r="H4414" i="2" a="1"/>
  <c r="H4414" i="2" s="1"/>
  <c r="H4405" i="2" a="1"/>
  <c r="H4405" i="2" s="1"/>
  <c r="H4408" i="2" a="1"/>
  <c r="H4408" i="2" s="1"/>
  <c r="H4418" i="2" a="1"/>
  <c r="H4418" i="2" s="1"/>
  <c r="H4404" i="2" a="1"/>
  <c r="H4404" i="2" s="1"/>
  <c r="H4421" i="2" a="1"/>
  <c r="H4421" i="2" s="1"/>
  <c r="H4424" i="2" a="1"/>
  <c r="H4424" i="2" s="1"/>
  <c r="H4411" i="2" a="1"/>
  <c r="H4411" i="2" s="1"/>
  <c r="H4415" i="2" a="1"/>
  <c r="H4415" i="2" s="1"/>
  <c r="H4420" i="2" a="1"/>
  <c r="H4420" i="2" s="1"/>
  <c r="E4803" i="2" a="1"/>
  <c r="E4803" i="2" s="1"/>
  <c r="E4799" i="2" a="1"/>
  <c r="E4799" i="2" s="1"/>
  <c r="E4790" i="2" a="1"/>
  <c r="E4790" i="2" s="1"/>
  <c r="E4800" i="2" a="1"/>
  <c r="E4800" i="2" s="1"/>
  <c r="E4804" i="2" a="1"/>
  <c r="E4804" i="2" s="1"/>
  <c r="E4805" i="2" a="1"/>
  <c r="E4805" i="2" s="1"/>
  <c r="E4791" i="2" a="1"/>
  <c r="E4791" i="2" s="1"/>
  <c r="E4793" i="2" a="1"/>
  <c r="E4793" i="2" s="1"/>
  <c r="E4808" i="2" a="1"/>
  <c r="E4808" i="2" s="1"/>
  <c r="E4796" i="2" a="1"/>
  <c r="E4796" i="2" s="1"/>
  <c r="E4787" i="2" a="1"/>
  <c r="E4787" i="2" s="1"/>
  <c r="E4789" i="2" a="1"/>
  <c r="E4789" i="2" s="1"/>
  <c r="E4786" i="2" a="1"/>
  <c r="E4786" i="2" s="1"/>
  <c r="E4807" i="2" a="1"/>
  <c r="E4807" i="2" s="1"/>
  <c r="E4795" i="2" a="1"/>
  <c r="E4795" i="2" s="1"/>
  <c r="E4809" i="2" a="1"/>
  <c r="E4809" i="2" s="1"/>
  <c r="E4806" i="2" a="1"/>
  <c r="E4806" i="2" s="1"/>
  <c r="E4794" i="2" a="1"/>
  <c r="E4794" i="2" s="1"/>
  <c r="E4798" i="2" a="1"/>
  <c r="E4798" i="2" s="1"/>
  <c r="E4792" i="2" a="1"/>
  <c r="E4792" i="2" s="1"/>
  <c r="E4802" i="2" a="1"/>
  <c r="E4802" i="2" s="1"/>
  <c r="E4788" i="2" a="1"/>
  <c r="E4788" i="2" s="1"/>
  <c r="E4797" i="2" a="1"/>
  <c r="E4797" i="2" s="1"/>
  <c r="E4801" i="2" a="1"/>
  <c r="E4801" i="2" s="1"/>
  <c r="E1798" i="2" a="1"/>
  <c r="E1798" i="2" s="1"/>
  <c r="E1805" i="2" a="1"/>
  <c r="E1805" i="2" s="1"/>
  <c r="E1796" i="2" a="1"/>
  <c r="E1796" i="2" s="1"/>
  <c r="E1787" i="2" a="1"/>
  <c r="E1787" i="2" s="1"/>
  <c r="E1790" i="2" a="1"/>
  <c r="E1790" i="2" s="1"/>
  <c r="E1802" i="2" a="1"/>
  <c r="E1802" i="2" s="1"/>
  <c r="E1809" i="2" a="1"/>
  <c r="E1809" i="2" s="1"/>
  <c r="E1807" i="2" a="1"/>
  <c r="E1807" i="2" s="1"/>
  <c r="E1801" i="2" a="1"/>
  <c r="E1801" i="2" s="1"/>
  <c r="E1792" i="2" a="1"/>
  <c r="E1792" i="2" s="1"/>
  <c r="E1799" i="2" a="1"/>
  <c r="E1799" i="2" s="1"/>
  <c r="E1803" i="2" a="1"/>
  <c r="E1803" i="2" s="1"/>
  <c r="E1793" i="2" a="1"/>
  <c r="E1793" i="2" s="1"/>
  <c r="E1800" i="2" a="1"/>
  <c r="E1800" i="2" s="1"/>
  <c r="E1794" i="2" a="1"/>
  <c r="E1794" i="2" s="1"/>
  <c r="E1788" i="2" a="1"/>
  <c r="E1788" i="2" s="1"/>
  <c r="E1795" i="2" a="1"/>
  <c r="E1795" i="2" s="1"/>
  <c r="E1789" i="2" a="1"/>
  <c r="E1789" i="2" s="1"/>
  <c r="E1791" i="2" a="1"/>
  <c r="E1791" i="2" s="1"/>
  <c r="E1797" i="2" a="1"/>
  <c r="E1797" i="2" s="1"/>
  <c r="E1808" i="2" a="1"/>
  <c r="E1808" i="2" s="1"/>
  <c r="E1806" i="2" a="1"/>
  <c r="E1806" i="2" s="1"/>
  <c r="E1804" i="2" a="1"/>
  <c r="E1804" i="2" s="1"/>
  <c r="E1786" i="2" a="1"/>
  <c r="E1786" i="2" s="1"/>
  <c r="G3098" i="2" a="1"/>
  <c r="G3098" i="2" s="1"/>
  <c r="G3100" i="2" a="1"/>
  <c r="G3100" i="2" s="1"/>
  <c r="G3089" i="2" a="1"/>
  <c r="G3089" i="2" s="1"/>
  <c r="G3085" i="2" a="1"/>
  <c r="G3085" i="2" s="1"/>
  <c r="G3101" i="2" a="1"/>
  <c r="G3101" i="2" s="1"/>
  <c r="G3091" i="2" a="1"/>
  <c r="G3091" i="2" s="1"/>
  <c r="G3087" i="2" a="1"/>
  <c r="G3087" i="2" s="1"/>
  <c r="G3083" i="2" a="1"/>
  <c r="G3083" i="2" s="1"/>
  <c r="G3097" i="2" a="1"/>
  <c r="G3097" i="2" s="1"/>
  <c r="G3104" i="2" a="1"/>
  <c r="G3104" i="2" s="1"/>
  <c r="G3105" i="2" a="1"/>
  <c r="G3105" i="2" s="1"/>
  <c r="G3093" i="2" a="1"/>
  <c r="G3093" i="2" s="1"/>
  <c r="G3084" i="2" a="1"/>
  <c r="G3084" i="2" s="1"/>
  <c r="G3090" i="2" a="1"/>
  <c r="G3090" i="2" s="1"/>
  <c r="G3102" i="2" a="1"/>
  <c r="G3102" i="2" s="1"/>
  <c r="G3103" i="2" a="1"/>
  <c r="G3103" i="2" s="1"/>
  <c r="G3094" i="2" a="1"/>
  <c r="G3094" i="2" s="1"/>
  <c r="G3096" i="2" a="1"/>
  <c r="G3096" i="2" s="1"/>
  <c r="G3099" i="2" a="1"/>
  <c r="G3099" i="2" s="1"/>
  <c r="G3086" i="2" a="1"/>
  <c r="G3086" i="2" s="1"/>
  <c r="G3092" i="2" a="1"/>
  <c r="G3092" i="2" s="1"/>
  <c r="G3082" i="2" a="1"/>
  <c r="G3082" i="2" s="1"/>
  <c r="G3088" i="2" a="1"/>
  <c r="G3088" i="2" s="1"/>
  <c r="G3095" i="2" a="1"/>
  <c r="G3095" i="2" s="1"/>
  <c r="E4338" i="2" a="1"/>
  <c r="E4338" i="2" s="1"/>
  <c r="E4330" i="2" a="1"/>
  <c r="E4330" i="2" s="1"/>
  <c r="E4345" i="2" a="1"/>
  <c r="E4345" i="2" s="1"/>
  <c r="E4343" i="2" a="1"/>
  <c r="E4343" i="2" s="1"/>
  <c r="E4334" i="2" a="1"/>
  <c r="E4334" i="2" s="1"/>
  <c r="E4331" i="2" a="1"/>
  <c r="E4331" i="2" s="1"/>
  <c r="E4335" i="2" a="1"/>
  <c r="E4335" i="2" s="1"/>
  <c r="E4348" i="2" a="1"/>
  <c r="E4348" i="2" s="1"/>
  <c r="E4336" i="2" a="1"/>
  <c r="E4336" i="2" s="1"/>
  <c r="E4337" i="2" a="1"/>
  <c r="E4337" i="2" s="1"/>
  <c r="E4350" i="2" a="1"/>
  <c r="E4350" i="2" s="1"/>
  <c r="E4340" i="2" a="1"/>
  <c r="E4340" i="2" s="1"/>
  <c r="E4339" i="2" a="1"/>
  <c r="E4339" i="2" s="1"/>
  <c r="E4341" i="2" a="1"/>
  <c r="E4341" i="2" s="1"/>
  <c r="E4342" i="2" a="1"/>
  <c r="E4342" i="2" s="1"/>
  <c r="E4347" i="2" a="1"/>
  <c r="E4347" i="2" s="1"/>
  <c r="E4351" i="2" a="1"/>
  <c r="E4351" i="2" s="1"/>
  <c r="E4333" i="2" a="1"/>
  <c r="E4333" i="2" s="1"/>
  <c r="E4353" i="2" a="1"/>
  <c r="E4353" i="2" s="1"/>
  <c r="E4349" i="2" a="1"/>
  <c r="E4349" i="2" s="1"/>
  <c r="E4332" i="2" a="1"/>
  <c r="E4332" i="2" s="1"/>
  <c r="E4344" i="2" a="1"/>
  <c r="E4344" i="2" s="1"/>
  <c r="E4352" i="2" a="1"/>
  <c r="E4352" i="2" s="1"/>
  <c r="E4346" i="2" a="1"/>
  <c r="E4346" i="2" s="1"/>
  <c r="E745" i="2" a="1"/>
  <c r="E745" i="2" s="1"/>
  <c r="E740" i="2" a="1"/>
  <c r="E740" i="2" s="1"/>
  <c r="E731" i="2" a="1"/>
  <c r="E731" i="2" s="1"/>
  <c r="E736" i="2" a="1"/>
  <c r="E736" i="2" s="1"/>
  <c r="E746" i="2" a="1"/>
  <c r="E746" i="2" s="1"/>
  <c r="E734" i="2" a="1"/>
  <c r="E734" i="2" s="1"/>
  <c r="E749" i="2" a="1"/>
  <c r="E749" i="2" s="1"/>
  <c r="E737" i="2" a="1"/>
  <c r="E737" i="2" s="1"/>
  <c r="E753" i="2" a="1"/>
  <c r="E753" i="2" s="1"/>
  <c r="E743" i="2" a="1"/>
  <c r="E743" i="2" s="1"/>
  <c r="E744" i="2" a="1"/>
  <c r="E744" i="2" s="1"/>
  <c r="E733" i="2" a="1"/>
  <c r="E733" i="2" s="1"/>
  <c r="E735" i="2" a="1"/>
  <c r="E735" i="2" s="1"/>
  <c r="E739" i="2" a="1"/>
  <c r="E739" i="2" s="1"/>
  <c r="E732" i="2" a="1"/>
  <c r="E732" i="2" s="1"/>
  <c r="E730" i="2" a="1"/>
  <c r="E730" i="2" s="1"/>
  <c r="E750" i="2" a="1"/>
  <c r="E750" i="2" s="1"/>
  <c r="E748" i="2" a="1"/>
  <c r="E748" i="2" s="1"/>
  <c r="E751" i="2" a="1"/>
  <c r="E751" i="2" s="1"/>
  <c r="E752" i="2" a="1"/>
  <c r="E752" i="2" s="1"/>
  <c r="E738" i="2" a="1"/>
  <c r="E738" i="2" s="1"/>
  <c r="E747" i="2" a="1"/>
  <c r="E747" i="2" s="1"/>
  <c r="E741" i="2" a="1"/>
  <c r="E741" i="2" s="1"/>
  <c r="E742" i="2" a="1"/>
  <c r="E742" i="2" s="1"/>
  <c r="AQ79" i="1"/>
  <c r="G85" i="5" s="1"/>
  <c r="AO79" i="1"/>
  <c r="E85" i="5" s="1"/>
  <c r="AN79" i="1"/>
  <c r="D85" i="5" s="1"/>
  <c r="AP79" i="1"/>
  <c r="F85" i="5" s="1"/>
  <c r="AM79" i="1"/>
  <c r="D1882" i="2" a="1"/>
  <c r="D1882" i="2" s="1"/>
  <c r="D1886" i="2" a="1"/>
  <c r="D1886" i="2" s="1"/>
  <c r="D1890" i="2" a="1"/>
  <c r="D1890" i="2" s="1"/>
  <c r="D1894" i="2" a="1"/>
  <c r="D1894" i="2" s="1"/>
  <c r="D1898" i="2" a="1"/>
  <c r="D1898" i="2" s="1"/>
  <c r="D1902" i="2" a="1"/>
  <c r="D1902" i="2" s="1"/>
  <c r="D1884" i="2" a="1"/>
  <c r="D1884" i="2" s="1"/>
  <c r="D1892" i="2" a="1"/>
  <c r="D1892" i="2" s="1"/>
  <c r="D1904" i="2" a="1"/>
  <c r="D1904" i="2" s="1"/>
  <c r="D1900" i="2" a="1"/>
  <c r="D1900" i="2" s="1"/>
  <c r="D1887" i="2" a="1"/>
  <c r="D1887" i="2" s="1"/>
  <c r="D1903" i="2" a="1"/>
  <c r="D1903" i="2" s="1"/>
  <c r="D1896" i="2" a="1"/>
  <c r="D1896" i="2" s="1"/>
  <c r="D1889" i="2" a="1"/>
  <c r="D1889" i="2" s="1"/>
  <c r="D1891" i="2" a="1"/>
  <c r="D1891" i="2" s="1"/>
  <c r="D1893" i="2" a="1"/>
  <c r="D1893" i="2" s="1"/>
  <c r="D1905" i="2" a="1"/>
  <c r="D1905" i="2" s="1"/>
  <c r="D1895" i="2" a="1"/>
  <c r="D1895" i="2" s="1"/>
  <c r="D1897" i="2" a="1"/>
  <c r="D1897" i="2" s="1"/>
  <c r="D1888" i="2" a="1"/>
  <c r="D1888" i="2" s="1"/>
  <c r="D1883" i="2" a="1"/>
  <c r="D1883" i="2" s="1"/>
  <c r="D1885" i="2" a="1"/>
  <c r="D1885" i="2" s="1"/>
  <c r="D1901" i="2" a="1"/>
  <c r="D1901" i="2" s="1"/>
  <c r="D1899" i="2" a="1"/>
  <c r="D1899" i="2" s="1"/>
  <c r="G5778" i="2" a="1"/>
  <c r="G5778" i="2" s="1"/>
  <c r="G5773" i="2" a="1"/>
  <c r="G5773" i="2" s="1"/>
  <c r="G5772" i="2" a="1"/>
  <c r="G5772" i="2" s="1"/>
  <c r="G5792" i="2" a="1"/>
  <c r="G5792" i="2" s="1"/>
  <c r="G5771" i="2" a="1"/>
  <c r="G5771" i="2" s="1"/>
  <c r="G5789" i="2" a="1"/>
  <c r="G5789" i="2" s="1"/>
  <c r="G5770" i="2" a="1"/>
  <c r="G5770" i="2" s="1"/>
  <c r="G5793" i="2" a="1"/>
  <c r="G5793" i="2" s="1"/>
  <c r="G5782" i="2" a="1"/>
  <c r="G5782" i="2" s="1"/>
  <c r="G5774" i="2" a="1"/>
  <c r="G5774" i="2" s="1"/>
  <c r="G5783" i="2" a="1"/>
  <c r="G5783" i="2" s="1"/>
  <c r="G5787" i="2" a="1"/>
  <c r="G5787" i="2" s="1"/>
  <c r="G5775" i="2" a="1"/>
  <c r="G5775" i="2" s="1"/>
  <c r="G5784" i="2" a="1"/>
  <c r="G5784" i="2" s="1"/>
  <c r="G5776" i="2" a="1"/>
  <c r="G5776" i="2" s="1"/>
  <c r="G5777" i="2" a="1"/>
  <c r="G5777" i="2" s="1"/>
  <c r="G5785" i="2" a="1"/>
  <c r="G5785" i="2" s="1"/>
  <c r="G5786" i="2" a="1"/>
  <c r="G5786" i="2" s="1"/>
  <c r="G5779" i="2" a="1"/>
  <c r="G5779" i="2" s="1"/>
  <c r="G5788" i="2" a="1"/>
  <c r="G5788" i="2" s="1"/>
  <c r="G5780" i="2" a="1"/>
  <c r="G5780" i="2" s="1"/>
  <c r="G5790" i="2" a="1"/>
  <c r="G5790" i="2" s="1"/>
  <c r="G5781" i="2" a="1"/>
  <c r="G5781" i="2" s="1"/>
  <c r="G5791" i="2" a="1"/>
  <c r="G5791" i="2" s="1"/>
  <c r="E7321" i="2" a="1"/>
  <c r="E7321" i="2" s="1"/>
  <c r="E7309" i="2" a="1"/>
  <c r="E7309" i="2" s="1"/>
  <c r="E7326" i="2" a="1"/>
  <c r="E7326" i="2" s="1"/>
  <c r="E7325" i="2" a="1"/>
  <c r="E7325" i="2" s="1"/>
  <c r="E7306" i="2" a="1"/>
  <c r="E7306" i="2" s="1"/>
  <c r="E7315" i="2" a="1"/>
  <c r="E7315" i="2" s="1"/>
  <c r="E7327" i="2" a="1"/>
  <c r="E7327" i="2" s="1"/>
  <c r="E7329" i="2" a="1"/>
  <c r="E7329" i="2" s="1"/>
  <c r="E7314" i="2" a="1"/>
  <c r="E7314" i="2" s="1"/>
  <c r="E7310" i="2" a="1"/>
  <c r="E7310" i="2" s="1"/>
  <c r="E7307" i="2" a="1"/>
  <c r="E7307" i="2" s="1"/>
  <c r="E7317" i="2" a="1"/>
  <c r="E7317" i="2" s="1"/>
  <c r="E7311" i="2" a="1"/>
  <c r="E7311" i="2" s="1"/>
  <c r="E7323" i="2" a="1"/>
  <c r="E7323" i="2" s="1"/>
  <c r="E7320" i="2" a="1"/>
  <c r="E7320" i="2" s="1"/>
  <c r="E7319" i="2" a="1"/>
  <c r="E7319" i="2" s="1"/>
  <c r="E7328" i="2" a="1"/>
  <c r="E7328" i="2" s="1"/>
  <c r="E7322" i="2" a="1"/>
  <c r="E7322" i="2" s="1"/>
  <c r="E7308" i="2" a="1"/>
  <c r="E7308" i="2" s="1"/>
  <c r="E7324" i="2" a="1"/>
  <c r="E7324" i="2" s="1"/>
  <c r="E7318" i="2" a="1"/>
  <c r="E7318" i="2" s="1"/>
  <c r="E7316" i="2" a="1"/>
  <c r="E7316" i="2" s="1"/>
  <c r="E7312" i="2" a="1"/>
  <c r="E7312" i="2" s="1"/>
  <c r="E7313" i="2" a="1"/>
  <c r="E7313" i="2" s="1"/>
  <c r="F7498" i="2" a="1"/>
  <c r="F7498" i="2" s="1"/>
  <c r="F7504" i="2" a="1"/>
  <c r="F7504" i="2" s="1"/>
  <c r="F7514" i="2" a="1"/>
  <c r="F7514" i="2" s="1"/>
  <c r="F7503" i="2" a="1"/>
  <c r="F7503" i="2" s="1"/>
  <c r="F7507" i="2" a="1"/>
  <c r="F7507" i="2" s="1"/>
  <c r="F7510" i="2" a="1"/>
  <c r="F7510" i="2" s="1"/>
  <c r="F7519" i="2" a="1"/>
  <c r="F7519" i="2" s="1"/>
  <c r="F7511" i="2" a="1"/>
  <c r="F7511" i="2" s="1"/>
  <c r="F7508" i="2" a="1"/>
  <c r="F7508" i="2" s="1"/>
  <c r="F7505" i="2" a="1"/>
  <c r="F7505" i="2" s="1"/>
  <c r="F7520" i="2" a="1"/>
  <c r="F7520" i="2" s="1"/>
  <c r="F7501" i="2" a="1"/>
  <c r="F7501" i="2" s="1"/>
  <c r="F7521" i="2" a="1"/>
  <c r="F7521" i="2" s="1"/>
  <c r="F7517" i="2" a="1"/>
  <c r="F7517" i="2" s="1"/>
  <c r="F7499" i="2" a="1"/>
  <c r="F7499" i="2" s="1"/>
  <c r="F7500" i="2" a="1"/>
  <c r="F7500" i="2" s="1"/>
  <c r="F7515" i="2" a="1"/>
  <c r="F7515" i="2" s="1"/>
  <c r="F7506" i="2" a="1"/>
  <c r="F7506" i="2" s="1"/>
  <c r="F7513" i="2" a="1"/>
  <c r="F7513" i="2" s="1"/>
  <c r="F7502" i="2" a="1"/>
  <c r="F7502" i="2" s="1"/>
  <c r="F7516" i="2" a="1"/>
  <c r="F7516" i="2" s="1"/>
  <c r="F7518" i="2" a="1"/>
  <c r="F7518" i="2" s="1"/>
  <c r="F7509" i="2" a="1"/>
  <c r="F7509" i="2" s="1"/>
  <c r="F7512" i="2" a="1"/>
  <c r="F7512" i="2" s="1"/>
  <c r="AO340" i="1"/>
  <c r="E346" i="5" s="1"/>
  <c r="AQ340" i="1"/>
  <c r="G346" i="5" s="1"/>
  <c r="AN340" i="1"/>
  <c r="D346" i="5" s="1"/>
  <c r="AP340" i="1"/>
  <c r="F346" i="5" s="1"/>
  <c r="AM340" i="1"/>
  <c r="D8152" i="2" a="1"/>
  <c r="D8152" i="2" s="1"/>
  <c r="D8156" i="2" a="1"/>
  <c r="D8156" i="2" s="1"/>
  <c r="D8160" i="2" a="1"/>
  <c r="D8160" i="2" s="1"/>
  <c r="D8148" i="2" a="1"/>
  <c r="D8148" i="2" s="1"/>
  <c r="D8159" i="2" a="1"/>
  <c r="D8159" i="2" s="1"/>
  <c r="D8164" i="2" a="1"/>
  <c r="D8164" i="2" s="1"/>
  <c r="D8168" i="2" a="1"/>
  <c r="D8168" i="2" s="1"/>
  <c r="D8158" i="2" a="1"/>
  <c r="D8158" i="2" s="1"/>
  <c r="D8166" i="2" a="1"/>
  <c r="D8166" i="2" s="1"/>
  <c r="D8147" i="2" a="1"/>
  <c r="D8147" i="2" s="1"/>
  <c r="D8151" i="2" a="1"/>
  <c r="D8151" i="2" s="1"/>
  <c r="D8155" i="2" a="1"/>
  <c r="D8155" i="2" s="1"/>
  <c r="D8163" i="2" a="1"/>
  <c r="D8163" i="2" s="1"/>
  <c r="D8167" i="2" a="1"/>
  <c r="D8167" i="2" s="1"/>
  <c r="D8150" i="2" a="1"/>
  <c r="D8150" i="2" s="1"/>
  <c r="D8149" i="2" a="1"/>
  <c r="D8149" i="2" s="1"/>
  <c r="D8153" i="2" a="1"/>
  <c r="D8153" i="2" s="1"/>
  <c r="D8161" i="2" a="1"/>
  <c r="D8161" i="2" s="1"/>
  <c r="D8165" i="2" a="1"/>
  <c r="D8165" i="2" s="1"/>
  <c r="D8169" i="2" a="1"/>
  <c r="D8169" i="2" s="1"/>
  <c r="D8146" i="2" a="1"/>
  <c r="D8146" i="2" s="1"/>
  <c r="D8154" i="2" a="1"/>
  <c r="D8154" i="2" s="1"/>
  <c r="D8162" i="2" a="1"/>
  <c r="D8162" i="2" s="1"/>
  <c r="D8157" i="2" a="1"/>
  <c r="D8157" i="2" s="1"/>
  <c r="H4598" i="2" a="1"/>
  <c r="H4598" i="2" s="1"/>
  <c r="H4614" i="2" a="1"/>
  <c r="H4614" i="2" s="1"/>
  <c r="H4600" i="2" a="1"/>
  <c r="H4600" i="2" s="1"/>
  <c r="H4605" i="2" a="1"/>
  <c r="H4605" i="2" s="1"/>
  <c r="H4607" i="2" a="1"/>
  <c r="H4607" i="2" s="1"/>
  <c r="H4601" i="2" a="1"/>
  <c r="H4601" i="2" s="1"/>
  <c r="H4611" i="2" a="1"/>
  <c r="H4611" i="2" s="1"/>
  <c r="H4608" i="2" a="1"/>
  <c r="H4608" i="2" s="1"/>
  <c r="H4604" i="2" a="1"/>
  <c r="H4604" i="2" s="1"/>
  <c r="H4617" i="2" a="1"/>
  <c r="H4617" i="2" s="1"/>
  <c r="H4609" i="2" a="1"/>
  <c r="H4609" i="2" s="1"/>
  <c r="H4610" i="2" a="1"/>
  <c r="H4610" i="2" s="1"/>
  <c r="H4606" i="2" a="1"/>
  <c r="H4606" i="2" s="1"/>
  <c r="H4615" i="2" a="1"/>
  <c r="H4615" i="2" s="1"/>
  <c r="H4599" i="2" a="1"/>
  <c r="H4599" i="2" s="1"/>
  <c r="H4616" i="2" a="1"/>
  <c r="H4616" i="2" s="1"/>
  <c r="H4602" i="2" a="1"/>
  <c r="H4602" i="2" s="1"/>
  <c r="H4596" i="2" a="1"/>
  <c r="H4596" i="2" s="1"/>
  <c r="H4613" i="2" a="1"/>
  <c r="H4613" i="2" s="1"/>
  <c r="H4612" i="2" a="1"/>
  <c r="H4612" i="2" s="1"/>
  <c r="H4595" i="2" a="1"/>
  <c r="H4595" i="2" s="1"/>
  <c r="H4597" i="2" a="1"/>
  <c r="H4597" i="2" s="1"/>
  <c r="H4594" i="2" a="1"/>
  <c r="H4594" i="2" s="1"/>
  <c r="H4603" i="2" a="1"/>
  <c r="H4603" i="2" s="1"/>
  <c r="F3144" i="2" a="1"/>
  <c r="F3144" i="2" s="1"/>
  <c r="F3153" i="2" a="1"/>
  <c r="F3153" i="2" s="1"/>
  <c r="F3141" i="2" a="1"/>
  <c r="F3141" i="2" s="1"/>
  <c r="F3137" i="2" a="1"/>
  <c r="F3137" i="2" s="1"/>
  <c r="F3133" i="2" a="1"/>
  <c r="F3133" i="2" s="1"/>
  <c r="F3142" i="2" a="1"/>
  <c r="F3142" i="2" s="1"/>
  <c r="F3130" i="2" a="1"/>
  <c r="F3130" i="2" s="1"/>
  <c r="F3135" i="2" a="1"/>
  <c r="F3135" i="2" s="1"/>
  <c r="F3148" i="2" a="1"/>
  <c r="F3148" i="2" s="1"/>
  <c r="F3146" i="2" a="1"/>
  <c r="F3146" i="2" s="1"/>
  <c r="F3149" i="2" a="1"/>
  <c r="F3149" i="2" s="1"/>
  <c r="F3132" i="2" a="1"/>
  <c r="F3132" i="2" s="1"/>
  <c r="F3150" i="2" a="1"/>
  <c r="F3150" i="2" s="1"/>
  <c r="F3147" i="2" a="1"/>
  <c r="F3147" i="2" s="1"/>
  <c r="F3151" i="2" a="1"/>
  <c r="F3151" i="2" s="1"/>
  <c r="F3134" i="2" a="1"/>
  <c r="F3134" i="2" s="1"/>
  <c r="F3139" i="2" a="1"/>
  <c r="F3139" i="2" s="1"/>
  <c r="F3140" i="2" a="1"/>
  <c r="F3140" i="2" s="1"/>
  <c r="F3152" i="2" a="1"/>
  <c r="F3152" i="2" s="1"/>
  <c r="F3145" i="2" a="1"/>
  <c r="F3145" i="2" s="1"/>
  <c r="F3131" i="2" a="1"/>
  <c r="F3131" i="2" s="1"/>
  <c r="F3143" i="2" a="1"/>
  <c r="F3143" i="2" s="1"/>
  <c r="F3136" i="2" a="1"/>
  <c r="F3136" i="2" s="1"/>
  <c r="F3138" i="2" a="1"/>
  <c r="F3138" i="2" s="1"/>
  <c r="G5190" i="2" a="1"/>
  <c r="G5190" i="2" s="1"/>
  <c r="G5189" i="2" a="1"/>
  <c r="G5189" i="2" s="1"/>
  <c r="G5173" i="2" a="1"/>
  <c r="G5173" i="2" s="1"/>
  <c r="G5170" i="2" a="1"/>
  <c r="G5170" i="2" s="1"/>
  <c r="G5193" i="2" a="1"/>
  <c r="G5193" i="2" s="1"/>
  <c r="G5175" i="2" a="1"/>
  <c r="G5175" i="2" s="1"/>
  <c r="G5171" i="2" a="1"/>
  <c r="G5171" i="2" s="1"/>
  <c r="G5181" i="2" a="1"/>
  <c r="G5181" i="2" s="1"/>
  <c r="G5182" i="2" a="1"/>
  <c r="G5182" i="2" s="1"/>
  <c r="G5185" i="2" a="1"/>
  <c r="G5185" i="2" s="1"/>
  <c r="G5187" i="2" a="1"/>
  <c r="G5187" i="2" s="1"/>
  <c r="G5191" i="2" a="1"/>
  <c r="G5191" i="2" s="1"/>
  <c r="G5188" i="2" a="1"/>
  <c r="G5188" i="2" s="1"/>
  <c r="G5178" i="2" a="1"/>
  <c r="G5178" i="2" s="1"/>
  <c r="G5174" i="2" a="1"/>
  <c r="G5174" i="2" s="1"/>
  <c r="G5192" i="2" a="1"/>
  <c r="G5192" i="2" s="1"/>
  <c r="G5172" i="2" a="1"/>
  <c r="G5172" i="2" s="1"/>
  <c r="G5186" i="2" a="1"/>
  <c r="G5186" i="2" s="1"/>
  <c r="G5184" i="2" a="1"/>
  <c r="G5184" i="2" s="1"/>
  <c r="G5180" i="2" a="1"/>
  <c r="G5180" i="2" s="1"/>
  <c r="G5176" i="2" a="1"/>
  <c r="G5176" i="2" s="1"/>
  <c r="G5177" i="2" a="1"/>
  <c r="G5177" i="2" s="1"/>
  <c r="G5183" i="2" a="1"/>
  <c r="G5183" i="2" s="1"/>
  <c r="G5179" i="2" a="1"/>
  <c r="G5179" i="2" s="1"/>
  <c r="AQ198" i="1"/>
  <c r="G204" i="5" s="1"/>
  <c r="AP198" i="1"/>
  <c r="F204" i="5" s="1"/>
  <c r="AO198" i="1"/>
  <c r="E204" i="5" s="1"/>
  <c r="AN198" i="1"/>
  <c r="D204" i="5" s="1"/>
  <c r="AM198" i="1"/>
  <c r="D4738" i="2" a="1"/>
  <c r="D4738" i="2" s="1"/>
  <c r="D4750" i="2" a="1"/>
  <c r="D4750" i="2" s="1"/>
  <c r="D4749" i="2" a="1"/>
  <c r="D4749" i="2" s="1"/>
  <c r="D4753" i="2" a="1"/>
  <c r="D4753" i="2" s="1"/>
  <c r="D4740" i="2" a="1"/>
  <c r="D4740" i="2" s="1"/>
  <c r="D4744" i="2" a="1"/>
  <c r="D4744" i="2" s="1"/>
  <c r="D4748" i="2" a="1"/>
  <c r="D4748" i="2" s="1"/>
  <c r="D4756" i="2" a="1"/>
  <c r="D4756" i="2" s="1"/>
  <c r="D4760" i="2" a="1"/>
  <c r="D4760" i="2" s="1"/>
  <c r="D4741" i="2" a="1"/>
  <c r="D4741" i="2" s="1"/>
  <c r="D4752" i="2" a="1"/>
  <c r="D4752" i="2" s="1"/>
  <c r="D4739" i="2" a="1"/>
  <c r="D4739" i="2" s="1"/>
  <c r="D4747" i="2" a="1"/>
  <c r="D4747" i="2" s="1"/>
  <c r="D4755" i="2" a="1"/>
  <c r="D4755" i="2" s="1"/>
  <c r="D4751" i="2" a="1"/>
  <c r="D4751" i="2" s="1"/>
  <c r="D4759" i="2" a="1"/>
  <c r="D4759" i="2" s="1"/>
  <c r="D4742" i="2" a="1"/>
  <c r="D4742" i="2" s="1"/>
  <c r="D4746" i="2" a="1"/>
  <c r="D4746" i="2" s="1"/>
  <c r="D4754" i="2" a="1"/>
  <c r="D4754" i="2" s="1"/>
  <c r="D4758" i="2" a="1"/>
  <c r="D4758" i="2" s="1"/>
  <c r="D4743" i="2" a="1"/>
  <c r="D4743" i="2" s="1"/>
  <c r="D4745" i="2" a="1"/>
  <c r="D4745" i="2" s="1"/>
  <c r="D4757" i="2" a="1"/>
  <c r="D4757" i="2" s="1"/>
  <c r="D4761" i="2" a="1"/>
  <c r="D4761" i="2" s="1"/>
  <c r="H1084" i="2" a="1"/>
  <c r="H1084" i="2" s="1"/>
  <c r="H1076" i="2" a="1"/>
  <c r="H1076" i="2" s="1"/>
  <c r="H1066" i="2" a="1"/>
  <c r="H1066" i="2" s="1"/>
  <c r="H1080" i="2" a="1"/>
  <c r="H1080" i="2" s="1"/>
  <c r="H1087" i="2" a="1"/>
  <c r="H1087" i="2" s="1"/>
  <c r="H1072" i="2" a="1"/>
  <c r="H1072" i="2" s="1"/>
  <c r="H1067" i="2" a="1"/>
  <c r="H1067" i="2" s="1"/>
  <c r="H1088" i="2" a="1"/>
  <c r="H1088" i="2" s="1"/>
  <c r="H1083" i="2" a="1"/>
  <c r="H1083" i="2" s="1"/>
  <c r="H1070" i="2" a="1"/>
  <c r="H1070" i="2" s="1"/>
  <c r="H1069" i="2" a="1"/>
  <c r="H1069" i="2" s="1"/>
  <c r="H1074" i="2" a="1"/>
  <c r="H1074" i="2" s="1"/>
  <c r="H1089" i="2" a="1"/>
  <c r="H1089" i="2" s="1"/>
  <c r="H1075" i="2" a="1"/>
  <c r="H1075" i="2" s="1"/>
  <c r="H1073" i="2" a="1"/>
  <c r="H1073" i="2" s="1"/>
  <c r="H1086" i="2" a="1"/>
  <c r="H1086" i="2" s="1"/>
  <c r="H1085" i="2" a="1"/>
  <c r="H1085" i="2" s="1"/>
  <c r="H1077" i="2" a="1"/>
  <c r="H1077" i="2" s="1"/>
  <c r="H1079" i="2" a="1"/>
  <c r="H1079" i="2" s="1"/>
  <c r="H1078" i="2" a="1"/>
  <c r="H1078" i="2" s="1"/>
  <c r="H1081" i="2" a="1"/>
  <c r="H1081" i="2" s="1"/>
  <c r="H1082" i="2" a="1"/>
  <c r="H1082" i="2" s="1"/>
  <c r="H1068" i="2" a="1"/>
  <c r="H1068" i="2" s="1"/>
  <c r="H1071" i="2" a="1"/>
  <c r="H1071" i="2" s="1"/>
  <c r="E6306" i="2" a="1"/>
  <c r="E6306" i="2" s="1"/>
  <c r="E6316" i="2" a="1"/>
  <c r="E6316" i="2" s="1"/>
  <c r="E6301" i="2" a="1"/>
  <c r="E6301" i="2" s="1"/>
  <c r="E6320" i="2" a="1"/>
  <c r="E6320" i="2" s="1"/>
  <c r="E6314" i="2" a="1"/>
  <c r="E6314" i="2" s="1"/>
  <c r="E6302" i="2" a="1"/>
  <c r="E6302" i="2" s="1"/>
  <c r="E6321" i="2" a="1"/>
  <c r="E6321" i="2" s="1"/>
  <c r="E6315" i="2" a="1"/>
  <c r="E6315" i="2" s="1"/>
  <c r="E6299" i="2" a="1"/>
  <c r="E6299" i="2" s="1"/>
  <c r="E6317" i="2" a="1"/>
  <c r="E6317" i="2" s="1"/>
  <c r="E6300" i="2" a="1"/>
  <c r="E6300" i="2" s="1"/>
  <c r="E6304" i="2" a="1"/>
  <c r="E6304" i="2" s="1"/>
  <c r="E6308" i="2" a="1"/>
  <c r="E6308" i="2" s="1"/>
  <c r="E6305" i="2" a="1"/>
  <c r="E6305" i="2" s="1"/>
  <c r="E6313" i="2" a="1"/>
  <c r="E6313" i="2" s="1"/>
  <c r="E6309" i="2" a="1"/>
  <c r="E6309" i="2" s="1"/>
  <c r="E6312" i="2" a="1"/>
  <c r="E6312" i="2" s="1"/>
  <c r="E6307" i="2" a="1"/>
  <c r="E6307" i="2" s="1"/>
  <c r="E6319" i="2" a="1"/>
  <c r="E6319" i="2" s="1"/>
  <c r="E6310" i="2" a="1"/>
  <c r="E6310" i="2" s="1"/>
  <c r="E6303" i="2" a="1"/>
  <c r="E6303" i="2" s="1"/>
  <c r="E6311" i="2" a="1"/>
  <c r="E6311" i="2" s="1"/>
  <c r="E6298" i="2" a="1"/>
  <c r="E6298" i="2" s="1"/>
  <c r="E6318" i="2" a="1"/>
  <c r="E6318" i="2" s="1"/>
  <c r="G5340" i="2" a="1"/>
  <c r="G5340" i="2" s="1"/>
  <c r="G5351" i="2" a="1"/>
  <c r="G5351" i="2" s="1"/>
  <c r="G5357" i="2" a="1"/>
  <c r="G5357" i="2" s="1"/>
  <c r="G5360" i="2" a="1"/>
  <c r="G5360" i="2" s="1"/>
  <c r="G5347" i="2" a="1"/>
  <c r="G5347" i="2" s="1"/>
  <c r="G5339" i="2" a="1"/>
  <c r="G5339" i="2" s="1"/>
  <c r="G5345" i="2" a="1"/>
  <c r="G5345" i="2" s="1"/>
  <c r="G5352" i="2" a="1"/>
  <c r="G5352" i="2" s="1"/>
  <c r="G5358" i="2" a="1"/>
  <c r="G5358" i="2" s="1"/>
  <c r="G5349" i="2" a="1"/>
  <c r="G5349" i="2" s="1"/>
  <c r="G5341" i="2" a="1"/>
  <c r="G5341" i="2" s="1"/>
  <c r="G5354" i="2" a="1"/>
  <c r="G5354" i="2" s="1"/>
  <c r="G5342" i="2" a="1"/>
  <c r="G5342" i="2" s="1"/>
  <c r="G5355" i="2" a="1"/>
  <c r="G5355" i="2" s="1"/>
  <c r="G5344" i="2" a="1"/>
  <c r="G5344" i="2" s="1"/>
  <c r="G5359" i="2" a="1"/>
  <c r="G5359" i="2" s="1"/>
  <c r="G5348" i="2" a="1"/>
  <c r="G5348" i="2" s="1"/>
  <c r="G5346" i="2" a="1"/>
  <c r="G5346" i="2" s="1"/>
  <c r="G5353" i="2" a="1"/>
  <c r="G5353" i="2" s="1"/>
  <c r="G5361" i="2" a="1"/>
  <c r="G5361" i="2" s="1"/>
  <c r="G5350" i="2" a="1"/>
  <c r="G5350" i="2" s="1"/>
  <c r="G5343" i="2" a="1"/>
  <c r="G5343" i="2" s="1"/>
  <c r="G5356" i="2" a="1"/>
  <c r="G5356" i="2" s="1"/>
  <c r="G5338" i="2" a="1"/>
  <c r="G5338" i="2" s="1"/>
  <c r="G5337" i="2" a="1"/>
  <c r="G5337" i="2" s="1"/>
  <c r="G5327" i="2" a="1"/>
  <c r="G5327" i="2" s="1"/>
  <c r="G5314" i="2" a="1"/>
  <c r="G5314" i="2" s="1"/>
  <c r="G5328" i="2" a="1"/>
  <c r="G5328" i="2" s="1"/>
  <c r="G5315" i="2" a="1"/>
  <c r="G5315" i="2" s="1"/>
  <c r="G5319" i="2" a="1"/>
  <c r="G5319" i="2" s="1"/>
  <c r="G5322" i="2" a="1"/>
  <c r="G5322" i="2" s="1"/>
  <c r="G5325" i="2" a="1"/>
  <c r="G5325" i="2" s="1"/>
  <c r="G5318" i="2" a="1"/>
  <c r="G5318" i="2" s="1"/>
  <c r="G5323" i="2" a="1"/>
  <c r="G5323" i="2" s="1"/>
  <c r="G5324" i="2" a="1"/>
  <c r="G5324" i="2" s="1"/>
  <c r="G5316" i="2" a="1"/>
  <c r="G5316" i="2" s="1"/>
  <c r="G5330" i="2" a="1"/>
  <c r="G5330" i="2" s="1"/>
  <c r="G5333" i="2" a="1"/>
  <c r="G5333" i="2" s="1"/>
  <c r="G5320" i="2" a="1"/>
  <c r="G5320" i="2" s="1"/>
  <c r="G5321" i="2" a="1"/>
  <c r="G5321" i="2" s="1"/>
  <c r="G5317" i="2" a="1"/>
  <c r="G5317" i="2" s="1"/>
  <c r="G5326" i="2" a="1"/>
  <c r="G5326" i="2" s="1"/>
  <c r="G5332" i="2" a="1"/>
  <c r="G5332" i="2" s="1"/>
  <c r="G5329" i="2" a="1"/>
  <c r="G5329" i="2" s="1"/>
  <c r="G5331" i="2" a="1"/>
  <c r="G5331" i="2" s="1"/>
  <c r="G5336" i="2" a="1"/>
  <c r="G5336" i="2" s="1"/>
  <c r="G5334" i="2" a="1"/>
  <c r="G5334" i="2" s="1"/>
  <c r="G5335" i="2" a="1"/>
  <c r="G5335" i="2" s="1"/>
  <c r="H1314" i="2" a="1"/>
  <c r="H1314" i="2" s="1"/>
  <c r="H1310" i="2" a="1"/>
  <c r="H1310" i="2" s="1"/>
  <c r="H1307" i="2" a="1"/>
  <c r="H1307" i="2" s="1"/>
  <c r="H1328" i="2" a="1"/>
  <c r="H1328" i="2" s="1"/>
  <c r="H1327" i="2" a="1"/>
  <c r="H1327" i="2" s="1"/>
  <c r="H1313" i="2" a="1"/>
  <c r="H1313" i="2" s="1"/>
  <c r="H1306" i="2" a="1"/>
  <c r="H1306" i="2" s="1"/>
  <c r="H1316" i="2" a="1"/>
  <c r="H1316" i="2" s="1"/>
  <c r="H1321" i="2" a="1"/>
  <c r="H1321" i="2" s="1"/>
  <c r="H1312" i="2" a="1"/>
  <c r="H1312" i="2" s="1"/>
  <c r="H1323" i="2" a="1"/>
  <c r="H1323" i="2" s="1"/>
  <c r="H1318" i="2" a="1"/>
  <c r="H1318" i="2" s="1"/>
  <c r="H1329" i="2" a="1"/>
  <c r="H1329" i="2" s="1"/>
  <c r="H1315" i="2" a="1"/>
  <c r="H1315" i="2" s="1"/>
  <c r="H1309" i="2" a="1"/>
  <c r="H1309" i="2" s="1"/>
  <c r="H1326" i="2" a="1"/>
  <c r="H1326" i="2" s="1"/>
  <c r="H1319" i="2" a="1"/>
  <c r="H1319" i="2" s="1"/>
  <c r="H1322" i="2" a="1"/>
  <c r="H1322" i="2" s="1"/>
  <c r="H1308" i="2" a="1"/>
  <c r="H1308" i="2" s="1"/>
  <c r="H1320" i="2" a="1"/>
  <c r="H1320" i="2" s="1"/>
  <c r="H1325" i="2" a="1"/>
  <c r="H1325" i="2" s="1"/>
  <c r="H1324" i="2" a="1"/>
  <c r="H1324" i="2" s="1"/>
  <c r="H1317" i="2" a="1"/>
  <c r="H1317" i="2" s="1"/>
  <c r="H1311" i="2" a="1"/>
  <c r="H1311" i="2" s="1"/>
  <c r="AO229" i="1"/>
  <c r="E235" i="5" s="1"/>
  <c r="AP229" i="1"/>
  <c r="F235" i="5" s="1"/>
  <c r="AN229" i="1"/>
  <c r="D235" i="5" s="1"/>
  <c r="AQ229" i="1"/>
  <c r="G235" i="5" s="1"/>
  <c r="AM229" i="1"/>
  <c r="D5483" i="2" a="1"/>
  <c r="D5483" i="2" s="1"/>
  <c r="D5487" i="2" a="1"/>
  <c r="D5487" i="2" s="1"/>
  <c r="D5491" i="2" a="1"/>
  <c r="D5491" i="2" s="1"/>
  <c r="D5495" i="2" a="1"/>
  <c r="D5495" i="2" s="1"/>
  <c r="D5499" i="2" a="1"/>
  <c r="D5499" i="2" s="1"/>
  <c r="D5503" i="2" a="1"/>
  <c r="D5503" i="2" s="1"/>
  <c r="D5482" i="2" a="1"/>
  <c r="D5482" i="2" s="1"/>
  <c r="D5485" i="2" a="1"/>
  <c r="D5485" i="2" s="1"/>
  <c r="D5498" i="2" a="1"/>
  <c r="D5498" i="2" s="1"/>
  <c r="D5488" i="2" a="1"/>
  <c r="D5488" i="2" s="1"/>
  <c r="D5493" i="2" a="1"/>
  <c r="D5493" i="2" s="1"/>
  <c r="D5490" i="2" a="1"/>
  <c r="D5490" i="2" s="1"/>
  <c r="D5492" i="2" a="1"/>
  <c r="D5492" i="2" s="1"/>
  <c r="D5497" i="2" a="1"/>
  <c r="D5497" i="2" s="1"/>
  <c r="D5505" i="2" a="1"/>
  <c r="D5505" i="2" s="1"/>
  <c r="D5494" i="2" a="1"/>
  <c r="D5494" i="2" s="1"/>
  <c r="D5500" i="2" a="1"/>
  <c r="D5500" i="2" s="1"/>
  <c r="D5484" i="2" a="1"/>
  <c r="D5484" i="2" s="1"/>
  <c r="D5489" i="2" a="1"/>
  <c r="D5489" i="2" s="1"/>
  <c r="D5504" i="2" a="1"/>
  <c r="D5504" i="2" s="1"/>
  <c r="D5502" i="2" a="1"/>
  <c r="D5502" i="2" s="1"/>
  <c r="D5486" i="2" a="1"/>
  <c r="D5486" i="2" s="1"/>
  <c r="D5496" i="2" a="1"/>
  <c r="D5496" i="2" s="1"/>
  <c r="D5501" i="2" a="1"/>
  <c r="D5501" i="2" s="1"/>
  <c r="E5649" i="2" a="1"/>
  <c r="E5649" i="2" s="1"/>
  <c r="E5636" i="2" a="1"/>
  <c r="E5636" i="2" s="1"/>
  <c r="E5626" i="2" a="1"/>
  <c r="E5626" i="2" s="1"/>
  <c r="E5629" i="2" a="1"/>
  <c r="E5629" i="2" s="1"/>
  <c r="E5647" i="2" a="1"/>
  <c r="E5647" i="2" s="1"/>
  <c r="E5635" i="2" a="1"/>
  <c r="E5635" i="2" s="1"/>
  <c r="E5648" i="2" a="1"/>
  <c r="E5648" i="2" s="1"/>
  <c r="E5641" i="2" a="1"/>
  <c r="E5641" i="2" s="1"/>
  <c r="E5627" i="2" a="1"/>
  <c r="E5627" i="2" s="1"/>
  <c r="E5634" i="2" a="1"/>
  <c r="E5634" i="2" s="1"/>
  <c r="E5628" i="2" a="1"/>
  <c r="E5628" i="2" s="1"/>
  <c r="E5638" i="2" a="1"/>
  <c r="E5638" i="2" s="1"/>
  <c r="E5643" i="2" a="1"/>
  <c r="E5643" i="2" s="1"/>
  <c r="E5631" i="2" a="1"/>
  <c r="E5631" i="2" s="1"/>
  <c r="E5645" i="2" a="1"/>
  <c r="E5645" i="2" s="1"/>
  <c r="E5637" i="2" a="1"/>
  <c r="E5637" i="2" s="1"/>
  <c r="E5639" i="2" a="1"/>
  <c r="E5639" i="2" s="1"/>
  <c r="E5640" i="2" a="1"/>
  <c r="E5640" i="2" s="1"/>
  <c r="E5646" i="2" a="1"/>
  <c r="E5646" i="2" s="1"/>
  <c r="E5633" i="2" a="1"/>
  <c r="E5633" i="2" s="1"/>
  <c r="E5630" i="2" a="1"/>
  <c r="E5630" i="2" s="1"/>
  <c r="E5632" i="2" a="1"/>
  <c r="E5632" i="2" s="1"/>
  <c r="E5644" i="2" a="1"/>
  <c r="E5644" i="2" s="1"/>
  <c r="E5642" i="2" a="1"/>
  <c r="E5642" i="2" s="1"/>
  <c r="G4857" i="2" a="1"/>
  <c r="G4857" i="2" s="1"/>
  <c r="G4850" i="2" a="1"/>
  <c r="G4850" i="2" s="1"/>
  <c r="G4834" i="2" a="1"/>
  <c r="G4834" i="2" s="1"/>
  <c r="G4848" i="2" a="1"/>
  <c r="G4848" i="2" s="1"/>
  <c r="G4841" i="2" a="1"/>
  <c r="G4841" i="2" s="1"/>
  <c r="G4840" i="2" a="1"/>
  <c r="G4840" i="2" s="1"/>
  <c r="G4837" i="2" a="1"/>
  <c r="G4837" i="2" s="1"/>
  <c r="G4842" i="2" a="1"/>
  <c r="G4842" i="2" s="1"/>
  <c r="G4835" i="2" a="1"/>
  <c r="G4835" i="2" s="1"/>
  <c r="G4852" i="2" a="1"/>
  <c r="G4852" i="2" s="1"/>
  <c r="G4854" i="2" a="1"/>
  <c r="G4854" i="2" s="1"/>
  <c r="G4849" i="2" a="1"/>
  <c r="G4849" i="2" s="1"/>
  <c r="G4843" i="2" a="1"/>
  <c r="G4843" i="2" s="1"/>
  <c r="G4845" i="2" a="1"/>
  <c r="G4845" i="2" s="1"/>
  <c r="G4846" i="2" a="1"/>
  <c r="G4846" i="2" s="1"/>
  <c r="G4836" i="2" a="1"/>
  <c r="G4836" i="2" s="1"/>
  <c r="G4847" i="2" a="1"/>
  <c r="G4847" i="2" s="1"/>
  <c r="G4851" i="2" a="1"/>
  <c r="G4851" i="2" s="1"/>
  <c r="G4838" i="2" a="1"/>
  <c r="G4838" i="2" s="1"/>
  <c r="G4844" i="2" a="1"/>
  <c r="G4844" i="2" s="1"/>
  <c r="G4853" i="2" a="1"/>
  <c r="G4853" i="2" s="1"/>
  <c r="G4855" i="2" a="1"/>
  <c r="G4855" i="2" s="1"/>
  <c r="G4839" i="2" a="1"/>
  <c r="G4839" i="2" s="1"/>
  <c r="G4856" i="2" a="1"/>
  <c r="G4856" i="2" s="1"/>
  <c r="E7207" i="2" a="1"/>
  <c r="E7207" i="2" s="1"/>
  <c r="E7202" i="2" a="1"/>
  <c r="E7202" i="2" s="1"/>
  <c r="E7195" i="2" a="1"/>
  <c r="E7195" i="2" s="1"/>
  <c r="E7208" i="2" a="1"/>
  <c r="E7208" i="2" s="1"/>
  <c r="E7204" i="2" a="1"/>
  <c r="E7204" i="2" s="1"/>
  <c r="E7199" i="2" a="1"/>
  <c r="E7199" i="2" s="1"/>
  <c r="E7209" i="2" a="1"/>
  <c r="E7209" i="2" s="1"/>
  <c r="E7190" i="2" a="1"/>
  <c r="E7190" i="2" s="1"/>
  <c r="E7188" i="2" a="1"/>
  <c r="E7188" i="2" s="1"/>
  <c r="E7193" i="2" a="1"/>
  <c r="E7193" i="2" s="1"/>
  <c r="E7191" i="2" a="1"/>
  <c r="E7191" i="2" s="1"/>
  <c r="E7200" i="2" a="1"/>
  <c r="E7200" i="2" s="1"/>
  <c r="E7192" i="2" a="1"/>
  <c r="E7192" i="2" s="1"/>
  <c r="E7196" i="2" a="1"/>
  <c r="E7196" i="2" s="1"/>
  <c r="E7201" i="2" a="1"/>
  <c r="E7201" i="2" s="1"/>
  <c r="E7198" i="2" a="1"/>
  <c r="E7198" i="2" s="1"/>
  <c r="E7189" i="2" a="1"/>
  <c r="E7189" i="2" s="1"/>
  <c r="E7197" i="2" a="1"/>
  <c r="E7197" i="2" s="1"/>
  <c r="E7186" i="2" a="1"/>
  <c r="E7186" i="2" s="1"/>
  <c r="E7203" i="2" a="1"/>
  <c r="E7203" i="2" s="1"/>
  <c r="E7194" i="2" a="1"/>
  <c r="E7194" i="2" s="1"/>
  <c r="E7187" i="2" a="1"/>
  <c r="E7187" i="2" s="1"/>
  <c r="E7205" i="2" a="1"/>
  <c r="E7205" i="2" s="1"/>
  <c r="E7206" i="2" a="1"/>
  <c r="E7206" i="2" s="1"/>
  <c r="H3191" i="2" a="1"/>
  <c r="H3191" i="2" s="1"/>
  <c r="H3189" i="2" a="1"/>
  <c r="H3189" i="2" s="1"/>
  <c r="H3196" i="2" a="1"/>
  <c r="H3196" i="2" s="1"/>
  <c r="H3190" i="2" a="1"/>
  <c r="H3190" i="2" s="1"/>
  <c r="H3188" i="2" a="1"/>
  <c r="H3188" i="2" s="1"/>
  <c r="H3184" i="2" a="1"/>
  <c r="H3184" i="2" s="1"/>
  <c r="H3199" i="2" a="1"/>
  <c r="H3199" i="2" s="1"/>
  <c r="H3185" i="2" a="1"/>
  <c r="H3185" i="2" s="1"/>
  <c r="H3193" i="2" a="1"/>
  <c r="H3193" i="2" s="1"/>
  <c r="H3179" i="2" a="1"/>
  <c r="H3179" i="2" s="1"/>
  <c r="H3180" i="2" a="1"/>
  <c r="H3180" i="2" s="1"/>
  <c r="H3181" i="2" a="1"/>
  <c r="H3181" i="2" s="1"/>
  <c r="H3182" i="2" a="1"/>
  <c r="H3182" i="2" s="1"/>
  <c r="H3198" i="2" a="1"/>
  <c r="H3198" i="2" s="1"/>
  <c r="H3187" i="2" a="1"/>
  <c r="H3187" i="2" s="1"/>
  <c r="H3195" i="2" a="1"/>
  <c r="H3195" i="2" s="1"/>
  <c r="H3178" i="2" a="1"/>
  <c r="H3178" i="2" s="1"/>
  <c r="H3200" i="2" a="1"/>
  <c r="H3200" i="2" s="1"/>
  <c r="H3201" i="2" a="1"/>
  <c r="H3201" i="2" s="1"/>
  <c r="H3183" i="2" a="1"/>
  <c r="H3183" i="2" s="1"/>
  <c r="H3186" i="2" a="1"/>
  <c r="H3186" i="2" s="1"/>
  <c r="H3192" i="2" a="1"/>
  <c r="H3192" i="2" s="1"/>
  <c r="H3197" i="2" a="1"/>
  <c r="H3197" i="2" s="1"/>
  <c r="H3194" i="2" a="1"/>
  <c r="H3194" i="2" s="1"/>
  <c r="H3034" i="2" a="1"/>
  <c r="H3034" i="2" s="1"/>
  <c r="H3044" i="2" a="1"/>
  <c r="H3044" i="2" s="1"/>
  <c r="H3055" i="2" a="1"/>
  <c r="H3055" i="2" s="1"/>
  <c r="H3053" i="2" a="1"/>
  <c r="H3053" i="2" s="1"/>
  <c r="H3038" i="2" a="1"/>
  <c r="H3038" i="2" s="1"/>
  <c r="H3039" i="2" a="1"/>
  <c r="H3039" i="2" s="1"/>
  <c r="H3046" i="2" a="1"/>
  <c r="H3046" i="2" s="1"/>
  <c r="H3043" i="2" a="1"/>
  <c r="H3043" i="2" s="1"/>
  <c r="H3049" i="2" a="1"/>
  <c r="H3049" i="2" s="1"/>
  <c r="H3052" i="2" a="1"/>
  <c r="H3052" i="2" s="1"/>
  <c r="H3056" i="2" a="1"/>
  <c r="H3056" i="2" s="1"/>
  <c r="H3036" i="2" a="1"/>
  <c r="H3036" i="2" s="1"/>
  <c r="H3037" i="2" a="1"/>
  <c r="H3037" i="2" s="1"/>
  <c r="H3050" i="2" a="1"/>
  <c r="H3050" i="2" s="1"/>
  <c r="H3047" i="2" a="1"/>
  <c r="H3047" i="2" s="1"/>
  <c r="H3057" i="2" a="1"/>
  <c r="H3057" i="2" s="1"/>
  <c r="H3045" i="2" a="1"/>
  <c r="H3045" i="2" s="1"/>
  <c r="H3040" i="2" a="1"/>
  <c r="H3040" i="2" s="1"/>
  <c r="H3054" i="2" a="1"/>
  <c r="H3054" i="2" s="1"/>
  <c r="H3051" i="2" a="1"/>
  <c r="H3051" i="2" s="1"/>
  <c r="H3035" i="2" a="1"/>
  <c r="H3035" i="2" s="1"/>
  <c r="H3048" i="2" a="1"/>
  <c r="H3048" i="2" s="1"/>
  <c r="H3042" i="2" a="1"/>
  <c r="H3042" i="2" s="1"/>
  <c r="H3041" i="2" a="1"/>
  <c r="H3041" i="2" s="1"/>
  <c r="H840" i="2" a="1"/>
  <c r="H840" i="2" s="1"/>
  <c r="H828" i="2" a="1"/>
  <c r="H828" i="2" s="1"/>
  <c r="H830" i="2" a="1"/>
  <c r="H830" i="2" s="1"/>
  <c r="H842" i="2" a="1"/>
  <c r="H842" i="2" s="1"/>
  <c r="H847" i="2" a="1"/>
  <c r="H847" i="2" s="1"/>
  <c r="H831" i="2" a="1"/>
  <c r="H831" i="2" s="1"/>
  <c r="H826" i="2" a="1"/>
  <c r="H826" i="2" s="1"/>
  <c r="H832" i="2" a="1"/>
  <c r="H832" i="2" s="1"/>
  <c r="H836" i="2" a="1"/>
  <c r="H836" i="2" s="1"/>
  <c r="H839" i="2" a="1"/>
  <c r="H839" i="2" s="1"/>
  <c r="H837" i="2" a="1"/>
  <c r="H837" i="2" s="1"/>
  <c r="H841" i="2" a="1"/>
  <c r="H841" i="2" s="1"/>
  <c r="H844" i="2" a="1"/>
  <c r="H844" i="2" s="1"/>
  <c r="H843" i="2" a="1"/>
  <c r="H843" i="2" s="1"/>
  <c r="H846" i="2" a="1"/>
  <c r="H846" i="2" s="1"/>
  <c r="H835" i="2" a="1"/>
  <c r="H835" i="2" s="1"/>
  <c r="H829" i="2" a="1"/>
  <c r="H829" i="2" s="1"/>
  <c r="H848" i="2" a="1"/>
  <c r="H848" i="2" s="1"/>
  <c r="H833" i="2" a="1"/>
  <c r="H833" i="2" s="1"/>
  <c r="H845" i="2" a="1"/>
  <c r="H845" i="2" s="1"/>
  <c r="H849" i="2" a="1"/>
  <c r="H849" i="2" s="1"/>
  <c r="H827" i="2" a="1"/>
  <c r="H827" i="2" s="1"/>
  <c r="H838" i="2" a="1"/>
  <c r="H838" i="2" s="1"/>
  <c r="H834" i="2" a="1"/>
  <c r="H834" i="2" s="1"/>
  <c r="G6052" i="2" a="1"/>
  <c r="G6052" i="2" s="1"/>
  <c r="G6039" i="2" a="1"/>
  <c r="G6039" i="2" s="1"/>
  <c r="G6042" i="2" a="1"/>
  <c r="G6042" i="2" s="1"/>
  <c r="G6035" i="2" a="1"/>
  <c r="G6035" i="2" s="1"/>
  <c r="G6055" i="2" a="1"/>
  <c r="G6055" i="2" s="1"/>
  <c r="G6041" i="2" a="1"/>
  <c r="G6041" i="2" s="1"/>
  <c r="G6036" i="2" a="1"/>
  <c r="G6036" i="2" s="1"/>
  <c r="G6040" i="2" a="1"/>
  <c r="G6040" i="2" s="1"/>
  <c r="G6057" i="2" a="1"/>
  <c r="G6057" i="2" s="1"/>
  <c r="G6046" i="2" a="1"/>
  <c r="G6046" i="2" s="1"/>
  <c r="G6037" i="2" a="1"/>
  <c r="G6037" i="2" s="1"/>
  <c r="G6050" i="2" a="1"/>
  <c r="G6050" i="2" s="1"/>
  <c r="G6054" i="2" a="1"/>
  <c r="G6054" i="2" s="1"/>
  <c r="G6049" i="2" a="1"/>
  <c r="G6049" i="2" s="1"/>
  <c r="G6044" i="2" a="1"/>
  <c r="G6044" i="2" s="1"/>
  <c r="G6053" i="2" a="1"/>
  <c r="G6053" i="2" s="1"/>
  <c r="G6051" i="2" a="1"/>
  <c r="G6051" i="2" s="1"/>
  <c r="G6056" i="2" a="1"/>
  <c r="G6056" i="2" s="1"/>
  <c r="G6043" i="2" a="1"/>
  <c r="G6043" i="2" s="1"/>
  <c r="G6047" i="2" a="1"/>
  <c r="G6047" i="2" s="1"/>
  <c r="G6045" i="2" a="1"/>
  <c r="G6045" i="2" s="1"/>
  <c r="G6048" i="2" a="1"/>
  <c r="G6048" i="2" s="1"/>
  <c r="G6034" i="2" a="1"/>
  <c r="G6034" i="2" s="1"/>
  <c r="G6038" i="2" a="1"/>
  <c r="G6038" i="2" s="1"/>
  <c r="F5227" i="2" a="1"/>
  <c r="F5227" i="2" s="1"/>
  <c r="F5226" i="2" a="1"/>
  <c r="F5226" i="2" s="1"/>
  <c r="F5222" i="2" a="1"/>
  <c r="F5222" i="2" s="1"/>
  <c r="F5232" i="2" a="1"/>
  <c r="F5232" i="2" s="1"/>
  <c r="F5241" i="2" a="1"/>
  <c r="F5241" i="2" s="1"/>
  <c r="F5229" i="2" a="1"/>
  <c r="F5229" i="2" s="1"/>
  <c r="F5230" i="2" a="1"/>
  <c r="F5230" i="2" s="1"/>
  <c r="F5224" i="2" a="1"/>
  <c r="F5224" i="2" s="1"/>
  <c r="F5220" i="2" a="1"/>
  <c r="F5220" i="2" s="1"/>
  <c r="F5218" i="2" a="1"/>
  <c r="F5218" i="2" s="1"/>
  <c r="F5231" i="2" a="1"/>
  <c r="F5231" i="2" s="1"/>
  <c r="F5225" i="2" a="1"/>
  <c r="F5225" i="2" s="1"/>
  <c r="F5234" i="2" a="1"/>
  <c r="F5234" i="2" s="1"/>
  <c r="F5239" i="2" a="1"/>
  <c r="F5239" i="2" s="1"/>
  <c r="F5236" i="2" a="1"/>
  <c r="F5236" i="2" s="1"/>
  <c r="F5221" i="2" a="1"/>
  <c r="F5221" i="2" s="1"/>
  <c r="F5223" i="2" a="1"/>
  <c r="F5223" i="2" s="1"/>
  <c r="F5233" i="2" a="1"/>
  <c r="F5233" i="2" s="1"/>
  <c r="F5238" i="2" a="1"/>
  <c r="F5238" i="2" s="1"/>
  <c r="F5219" i="2" a="1"/>
  <c r="F5219" i="2" s="1"/>
  <c r="F5237" i="2" a="1"/>
  <c r="F5237" i="2" s="1"/>
  <c r="F5240" i="2" a="1"/>
  <c r="F5240" i="2" s="1"/>
  <c r="F5235" i="2" a="1"/>
  <c r="F5235" i="2" s="1"/>
  <c r="F5228" i="2" a="1"/>
  <c r="F5228" i="2" s="1"/>
  <c r="E1335" i="2" a="1"/>
  <c r="E1335" i="2" s="1"/>
  <c r="E1349" i="2" a="1"/>
  <c r="E1349" i="2" s="1"/>
  <c r="E1344" i="2" a="1"/>
  <c r="E1344" i="2" s="1"/>
  <c r="E1332" i="2" a="1"/>
  <c r="E1332" i="2" s="1"/>
  <c r="E1337" i="2" a="1"/>
  <c r="E1337" i="2" s="1"/>
  <c r="E1346" i="2" a="1"/>
  <c r="E1346" i="2" s="1"/>
  <c r="E1347" i="2" a="1"/>
  <c r="E1347" i="2" s="1"/>
  <c r="E1348" i="2" a="1"/>
  <c r="E1348" i="2" s="1"/>
  <c r="E1333" i="2" a="1"/>
  <c r="E1333" i="2" s="1"/>
  <c r="E1340" i="2" a="1"/>
  <c r="E1340" i="2" s="1"/>
  <c r="E1338" i="2" a="1"/>
  <c r="E1338" i="2" s="1"/>
  <c r="E1341" i="2" a="1"/>
  <c r="E1341" i="2" s="1"/>
  <c r="E1343" i="2" a="1"/>
  <c r="E1343" i="2" s="1"/>
  <c r="E1342" i="2" a="1"/>
  <c r="E1342" i="2" s="1"/>
  <c r="E1350" i="2" a="1"/>
  <c r="E1350" i="2" s="1"/>
  <c r="E1334" i="2" a="1"/>
  <c r="E1334" i="2" s="1"/>
  <c r="E1330" i="2" a="1"/>
  <c r="E1330" i="2" s="1"/>
  <c r="E1351" i="2" a="1"/>
  <c r="E1351" i="2" s="1"/>
  <c r="E1345" i="2" a="1"/>
  <c r="E1345" i="2" s="1"/>
  <c r="E1353" i="2" a="1"/>
  <c r="E1353" i="2" s="1"/>
  <c r="E1336" i="2" a="1"/>
  <c r="E1336" i="2" s="1"/>
  <c r="E1352" i="2" a="1"/>
  <c r="E1352" i="2" s="1"/>
  <c r="E1331" i="2" a="1"/>
  <c r="E1331" i="2" s="1"/>
  <c r="E1339" i="2" a="1"/>
  <c r="E1339" i="2" s="1"/>
  <c r="E998" i="2" a="1"/>
  <c r="E998" i="2" s="1"/>
  <c r="E1001" i="2" a="1"/>
  <c r="E1001" i="2" s="1"/>
  <c r="E1002" i="2" a="1"/>
  <c r="E1002" i="2" s="1"/>
  <c r="E1009" i="2" a="1"/>
  <c r="E1009" i="2" s="1"/>
  <c r="E1012" i="2" a="1"/>
  <c r="E1012" i="2" s="1"/>
  <c r="E1011" i="2" a="1"/>
  <c r="E1011" i="2" s="1"/>
  <c r="E1016" i="2" a="1"/>
  <c r="E1016" i="2" s="1"/>
  <c r="E999" i="2" a="1"/>
  <c r="E999" i="2" s="1"/>
  <c r="E1003" i="2" a="1"/>
  <c r="E1003" i="2" s="1"/>
  <c r="E1014" i="2" a="1"/>
  <c r="E1014" i="2" s="1"/>
  <c r="E1013" i="2" a="1"/>
  <c r="E1013" i="2" s="1"/>
  <c r="E1017" i="2" a="1"/>
  <c r="E1017" i="2" s="1"/>
  <c r="E1007" i="2" a="1"/>
  <c r="E1007" i="2" s="1"/>
  <c r="E1004" i="2" a="1"/>
  <c r="E1004" i="2" s="1"/>
  <c r="E1000" i="2" a="1"/>
  <c r="E1000" i="2" s="1"/>
  <c r="E995" i="2" a="1"/>
  <c r="E995" i="2" s="1"/>
  <c r="E1015" i="2" a="1"/>
  <c r="E1015" i="2" s="1"/>
  <c r="E996" i="2" a="1"/>
  <c r="E996" i="2" s="1"/>
  <c r="E997" i="2" a="1"/>
  <c r="E997" i="2" s="1"/>
  <c r="E1005" i="2" a="1"/>
  <c r="E1005" i="2" s="1"/>
  <c r="E994" i="2" a="1"/>
  <c r="E994" i="2" s="1"/>
  <c r="E1006" i="2" a="1"/>
  <c r="E1006" i="2" s="1"/>
  <c r="E1008" i="2" a="1"/>
  <c r="E1008" i="2" s="1"/>
  <c r="E1010" i="2" a="1"/>
  <c r="E1010" i="2" s="1"/>
  <c r="G1008" i="2" a="1"/>
  <c r="G1008" i="2" s="1"/>
  <c r="G995" i="2" a="1"/>
  <c r="G995" i="2" s="1"/>
  <c r="G1009" i="2" a="1"/>
  <c r="G1009" i="2" s="1"/>
  <c r="G1010" i="2" a="1"/>
  <c r="G1010" i="2" s="1"/>
  <c r="G1016" i="2" a="1"/>
  <c r="G1016" i="2" s="1"/>
  <c r="G1014" i="2" a="1"/>
  <c r="G1014" i="2" s="1"/>
  <c r="G1005" i="2" a="1"/>
  <c r="G1005" i="2" s="1"/>
  <c r="G1012" i="2" a="1"/>
  <c r="G1012" i="2" s="1"/>
  <c r="G1013" i="2" a="1"/>
  <c r="G1013" i="2" s="1"/>
  <c r="G994" i="2" a="1"/>
  <c r="G994" i="2" s="1"/>
  <c r="G1001" i="2" a="1"/>
  <c r="G1001" i="2" s="1"/>
  <c r="G998" i="2" a="1"/>
  <c r="G998" i="2" s="1"/>
  <c r="G1007" i="2" a="1"/>
  <c r="G1007" i="2" s="1"/>
  <c r="G999" i="2" a="1"/>
  <c r="G999" i="2" s="1"/>
  <c r="G1000" i="2" a="1"/>
  <c r="G1000" i="2" s="1"/>
  <c r="G1017" i="2" a="1"/>
  <c r="G1017" i="2" s="1"/>
  <c r="G997" i="2" a="1"/>
  <c r="G997" i="2" s="1"/>
  <c r="G1006" i="2" a="1"/>
  <c r="G1006" i="2" s="1"/>
  <c r="G1011" i="2" a="1"/>
  <c r="G1011" i="2" s="1"/>
  <c r="G996" i="2" a="1"/>
  <c r="G996" i="2" s="1"/>
  <c r="G1002" i="2" a="1"/>
  <c r="G1002" i="2" s="1"/>
  <c r="G1004" i="2" a="1"/>
  <c r="G1004" i="2" s="1"/>
  <c r="G1015" i="2" a="1"/>
  <c r="G1015" i="2" s="1"/>
  <c r="G1003" i="2" a="1"/>
  <c r="G1003" i="2" s="1"/>
  <c r="E4221" i="2" a="1"/>
  <c r="E4221" i="2" s="1"/>
  <c r="E4223" i="2" a="1"/>
  <c r="E4223" i="2" s="1"/>
  <c r="E4225" i="2" a="1"/>
  <c r="E4225" i="2" s="1"/>
  <c r="E4226" i="2" a="1"/>
  <c r="E4226" i="2" s="1"/>
  <c r="E4220" i="2" a="1"/>
  <c r="E4220" i="2" s="1"/>
  <c r="E4230" i="2" a="1"/>
  <c r="E4230" i="2" s="1"/>
  <c r="E4228" i="2" a="1"/>
  <c r="E4228" i="2" s="1"/>
  <c r="E4224" i="2" a="1"/>
  <c r="E4224" i="2" s="1"/>
  <c r="E4231" i="2" a="1"/>
  <c r="E4231" i="2" s="1"/>
  <c r="E4219" i="2" a="1"/>
  <c r="E4219" i="2" s="1"/>
  <c r="E4213" i="2" a="1"/>
  <c r="E4213" i="2" s="1"/>
  <c r="E4232" i="2" a="1"/>
  <c r="E4232" i="2" s="1"/>
  <c r="E4210" i="2" a="1"/>
  <c r="E4210" i="2" s="1"/>
  <c r="E4214" i="2" a="1"/>
  <c r="E4214" i="2" s="1"/>
  <c r="E4216" i="2" a="1"/>
  <c r="E4216" i="2" s="1"/>
  <c r="E4233" i="2" a="1"/>
  <c r="E4233" i="2" s="1"/>
  <c r="E4211" i="2" a="1"/>
  <c r="E4211" i="2" s="1"/>
  <c r="E4227" i="2" a="1"/>
  <c r="E4227" i="2" s="1"/>
  <c r="E4222" i="2" a="1"/>
  <c r="E4222" i="2" s="1"/>
  <c r="E4218" i="2" a="1"/>
  <c r="E4218" i="2" s="1"/>
  <c r="E4212" i="2" a="1"/>
  <c r="E4212" i="2" s="1"/>
  <c r="E4217" i="2" a="1"/>
  <c r="E4217" i="2" s="1"/>
  <c r="E4229" i="2" a="1"/>
  <c r="E4229" i="2" s="1"/>
  <c r="E4215" i="2" a="1"/>
  <c r="E4215" i="2" s="1"/>
  <c r="F6921" i="2" a="1"/>
  <c r="F6921" i="2" s="1"/>
  <c r="F6908" i="2" a="1"/>
  <c r="F6908" i="2" s="1"/>
  <c r="F6901" i="2" a="1"/>
  <c r="F6901" i="2" s="1"/>
  <c r="F6913" i="2" a="1"/>
  <c r="F6913" i="2" s="1"/>
  <c r="F6920" i="2" a="1"/>
  <c r="F6920" i="2" s="1"/>
  <c r="F6916" i="2" a="1"/>
  <c r="F6916" i="2" s="1"/>
  <c r="F6898" i="2" a="1"/>
  <c r="F6898" i="2" s="1"/>
  <c r="F6907" i="2" a="1"/>
  <c r="F6907" i="2" s="1"/>
  <c r="F6899" i="2" a="1"/>
  <c r="F6899" i="2" s="1"/>
  <c r="F6903" i="2" a="1"/>
  <c r="F6903" i="2" s="1"/>
  <c r="F6900" i="2" a="1"/>
  <c r="F6900" i="2" s="1"/>
  <c r="F6904" i="2" a="1"/>
  <c r="F6904" i="2" s="1"/>
  <c r="F6915" i="2" a="1"/>
  <c r="F6915" i="2" s="1"/>
  <c r="F6905" i="2" a="1"/>
  <c r="F6905" i="2" s="1"/>
  <c r="F6902" i="2" a="1"/>
  <c r="F6902" i="2" s="1"/>
  <c r="F6912" i="2" a="1"/>
  <c r="F6912" i="2" s="1"/>
  <c r="F6906" i="2" a="1"/>
  <c r="F6906" i="2" s="1"/>
  <c r="F6909" i="2" a="1"/>
  <c r="F6909" i="2" s="1"/>
  <c r="F6918" i="2" a="1"/>
  <c r="F6918" i="2" s="1"/>
  <c r="F6917" i="2" a="1"/>
  <c r="F6917" i="2" s="1"/>
  <c r="F6910" i="2" a="1"/>
  <c r="F6910" i="2" s="1"/>
  <c r="F6911" i="2" a="1"/>
  <c r="F6911" i="2" s="1"/>
  <c r="F6919" i="2" a="1"/>
  <c r="F6919" i="2" s="1"/>
  <c r="F6914" i="2" a="1"/>
  <c r="F6914" i="2" s="1"/>
  <c r="D7380" i="2" a="1"/>
  <c r="D7380" i="2" s="1"/>
  <c r="D7395" i="2" a="1"/>
  <c r="D7395" i="2" s="1"/>
  <c r="D7385" i="2" a="1"/>
  <c r="D7385" i="2" s="1"/>
  <c r="D7393" i="2" a="1"/>
  <c r="D7393" i="2" s="1"/>
  <c r="D7388" i="2" a="1"/>
  <c r="D7388" i="2" s="1"/>
  <c r="D7382" i="2" a="1"/>
  <c r="D7382" i="2" s="1"/>
  <c r="D7389" i="2" a="1"/>
  <c r="D7389" i="2" s="1"/>
  <c r="D7398" i="2" a="1"/>
  <c r="D7398" i="2" s="1"/>
  <c r="D7386" i="2" a="1"/>
  <c r="D7386" i="2" s="1"/>
  <c r="D7383" i="2" a="1"/>
  <c r="D7383" i="2" s="1"/>
  <c r="D7378" i="2" a="1"/>
  <c r="D7378" i="2" s="1"/>
  <c r="D7381" i="2" a="1"/>
  <c r="D7381" i="2" s="1"/>
  <c r="D7397" i="2" a="1"/>
  <c r="D7397" i="2" s="1"/>
  <c r="D7379" i="2" a="1"/>
  <c r="D7379" i="2" s="1"/>
  <c r="D7394" i="2" a="1"/>
  <c r="D7394" i="2" s="1"/>
  <c r="D7390" i="2" a="1"/>
  <c r="D7390" i="2" s="1"/>
  <c r="D7391" i="2" a="1"/>
  <c r="D7391" i="2" s="1"/>
  <c r="D7392" i="2" a="1"/>
  <c r="D7392" i="2" s="1"/>
  <c r="D7399" i="2" a="1"/>
  <c r="D7399" i="2" s="1"/>
  <c r="D7401" i="2" a="1"/>
  <c r="D7401" i="2" s="1"/>
  <c r="D7400" i="2" a="1"/>
  <c r="D7400" i="2" s="1"/>
  <c r="D7396" i="2" a="1"/>
  <c r="D7396" i="2" s="1"/>
  <c r="D7384" i="2" a="1"/>
  <c r="D7384" i="2" s="1"/>
  <c r="D7387" i="2" a="1"/>
  <c r="D7387" i="2" s="1"/>
  <c r="D659" i="2" a="1"/>
  <c r="D659" i="2" s="1"/>
  <c r="D662" i="2" a="1"/>
  <c r="D662" i="2" s="1"/>
  <c r="D680" i="2" a="1"/>
  <c r="D680" i="2" s="1"/>
  <c r="D663" i="2" a="1"/>
  <c r="D663" i="2" s="1"/>
  <c r="D672" i="2" a="1"/>
  <c r="D672" i="2" s="1"/>
  <c r="D676" i="2" a="1"/>
  <c r="D676" i="2" s="1"/>
  <c r="D678" i="2" a="1"/>
  <c r="D678" i="2" s="1"/>
  <c r="D675" i="2" a="1"/>
  <c r="D675" i="2" s="1"/>
  <c r="D669" i="2" a="1"/>
  <c r="D669" i="2" s="1"/>
  <c r="D677" i="2" a="1"/>
  <c r="D677" i="2" s="1"/>
  <c r="D661" i="2" a="1"/>
  <c r="D661" i="2" s="1"/>
  <c r="D673" i="2" a="1"/>
  <c r="D673" i="2" s="1"/>
  <c r="D658" i="2" a="1"/>
  <c r="D658" i="2" s="1"/>
  <c r="D665" i="2" a="1"/>
  <c r="D665" i="2" s="1"/>
  <c r="D667" i="2" a="1"/>
  <c r="D667" i="2" s="1"/>
  <c r="D666" i="2" a="1"/>
  <c r="D666" i="2" s="1"/>
  <c r="D671" i="2" a="1"/>
  <c r="D671" i="2" s="1"/>
  <c r="D670" i="2" a="1"/>
  <c r="D670" i="2" s="1"/>
  <c r="D664" i="2" a="1"/>
  <c r="D664" i="2" s="1"/>
  <c r="D668" i="2" a="1"/>
  <c r="D668" i="2" s="1"/>
  <c r="D681" i="2" a="1"/>
  <c r="D681" i="2" s="1"/>
  <c r="D679" i="2" a="1"/>
  <c r="D679" i="2" s="1"/>
  <c r="D674" i="2" a="1"/>
  <c r="D674" i="2" s="1"/>
  <c r="D660" i="2" a="1"/>
  <c r="D660" i="2" s="1"/>
  <c r="F4034" i="2" a="1"/>
  <c r="F4034" i="2" s="1"/>
  <c r="F4035" i="2" a="1"/>
  <c r="F4035" i="2" s="1"/>
  <c r="F4040" i="2" a="1"/>
  <c r="F4040" i="2" s="1"/>
  <c r="F4037" i="2" a="1"/>
  <c r="F4037" i="2" s="1"/>
  <c r="F4041" i="2" a="1"/>
  <c r="F4041" i="2" s="1"/>
  <c r="F4039" i="2" a="1"/>
  <c r="F4039" i="2" s="1"/>
  <c r="F4028" i="2" a="1"/>
  <c r="F4028" i="2" s="1"/>
  <c r="F4020" i="2" a="1"/>
  <c r="F4020" i="2" s="1"/>
  <c r="F4038" i="2" a="1"/>
  <c r="F4038" i="2" s="1"/>
  <c r="F4022" i="2" a="1"/>
  <c r="F4022" i="2" s="1"/>
  <c r="F4029" i="2" a="1"/>
  <c r="F4029" i="2" s="1"/>
  <c r="F4036" i="2" a="1"/>
  <c r="F4036" i="2" s="1"/>
  <c r="F4030" i="2" a="1"/>
  <c r="F4030" i="2" s="1"/>
  <c r="F4031" i="2" a="1"/>
  <c r="F4031" i="2" s="1"/>
  <c r="F4025" i="2" a="1"/>
  <c r="F4025" i="2" s="1"/>
  <c r="F4032" i="2" a="1"/>
  <c r="F4032" i="2" s="1"/>
  <c r="F4018" i="2" a="1"/>
  <c r="F4018" i="2" s="1"/>
  <c r="F4019" i="2" a="1"/>
  <c r="F4019" i="2" s="1"/>
  <c r="F4027" i="2" a="1"/>
  <c r="F4027" i="2" s="1"/>
  <c r="F4023" i="2" a="1"/>
  <c r="F4023" i="2" s="1"/>
  <c r="F4024" i="2" a="1"/>
  <c r="F4024" i="2" s="1"/>
  <c r="F4033" i="2" a="1"/>
  <c r="F4033" i="2" s="1"/>
  <c r="F4021" i="2" a="1"/>
  <c r="F4021" i="2" s="1"/>
  <c r="F4026" i="2" a="1"/>
  <c r="F4026" i="2" s="1"/>
  <c r="F5048" i="2" a="1"/>
  <c r="F5048" i="2" s="1"/>
  <c r="F5037" i="2" a="1"/>
  <c r="F5037" i="2" s="1"/>
  <c r="F5030" i="2" a="1"/>
  <c r="F5030" i="2" s="1"/>
  <c r="F5047" i="2" a="1"/>
  <c r="F5047" i="2" s="1"/>
  <c r="F5026" i="2" a="1"/>
  <c r="F5026" i="2" s="1"/>
  <c r="F5046" i="2" a="1"/>
  <c r="F5046" i="2" s="1"/>
  <c r="F5033" i="2" a="1"/>
  <c r="F5033" i="2" s="1"/>
  <c r="F5027" i="2" a="1"/>
  <c r="F5027" i="2" s="1"/>
  <c r="F5042" i="2" a="1"/>
  <c r="F5042" i="2" s="1"/>
  <c r="F5049" i="2" a="1"/>
  <c r="F5049" i="2" s="1"/>
  <c r="F5028" i="2" a="1"/>
  <c r="F5028" i="2" s="1"/>
  <c r="F5029" i="2" a="1"/>
  <c r="F5029" i="2" s="1"/>
  <c r="F5045" i="2" a="1"/>
  <c r="F5045" i="2" s="1"/>
  <c r="F5032" i="2" a="1"/>
  <c r="F5032" i="2" s="1"/>
  <c r="F5040" i="2" a="1"/>
  <c r="F5040" i="2" s="1"/>
  <c r="F5034" i="2" a="1"/>
  <c r="F5034" i="2" s="1"/>
  <c r="F5041" i="2" a="1"/>
  <c r="F5041" i="2" s="1"/>
  <c r="F5039" i="2" a="1"/>
  <c r="F5039" i="2" s="1"/>
  <c r="F5044" i="2" a="1"/>
  <c r="F5044" i="2" s="1"/>
  <c r="F5035" i="2" a="1"/>
  <c r="F5035" i="2" s="1"/>
  <c r="F5036" i="2" a="1"/>
  <c r="F5036" i="2" s="1"/>
  <c r="F5038" i="2" a="1"/>
  <c r="F5038" i="2" s="1"/>
  <c r="F5031" i="2" a="1"/>
  <c r="F5031" i="2" s="1"/>
  <c r="F5043" i="2" a="1"/>
  <c r="F5043" i="2" s="1"/>
  <c r="G7044" i="2" a="1"/>
  <c r="G7044" i="2" s="1"/>
  <c r="G7053" i="2" a="1"/>
  <c r="G7053" i="2" s="1"/>
  <c r="G7062" i="2" a="1"/>
  <c r="G7062" i="2" s="1"/>
  <c r="G7065" i="2" a="1"/>
  <c r="G7065" i="2" s="1"/>
  <c r="G7043" i="2" a="1"/>
  <c r="G7043" i="2" s="1"/>
  <c r="G7057" i="2" a="1"/>
  <c r="G7057" i="2" s="1"/>
  <c r="G7054" i="2" a="1"/>
  <c r="G7054" i="2" s="1"/>
  <c r="G7063" i="2" a="1"/>
  <c r="G7063" i="2" s="1"/>
  <c r="G7055" i="2" a="1"/>
  <c r="G7055" i="2" s="1"/>
  <c r="G7052" i="2" a="1"/>
  <c r="G7052" i="2" s="1"/>
  <c r="G7042" i="2" a="1"/>
  <c r="G7042" i="2" s="1"/>
  <c r="G7047" i="2" a="1"/>
  <c r="G7047" i="2" s="1"/>
  <c r="G7048" i="2" a="1"/>
  <c r="G7048" i="2" s="1"/>
  <c r="G7049" i="2" a="1"/>
  <c r="G7049" i="2" s="1"/>
  <c r="G7064" i="2" a="1"/>
  <c r="G7064" i="2" s="1"/>
  <c r="G7058" i="2" a="1"/>
  <c r="G7058" i="2" s="1"/>
  <c r="G7050" i="2" a="1"/>
  <c r="G7050" i="2" s="1"/>
  <c r="G7061" i="2" a="1"/>
  <c r="G7061" i="2" s="1"/>
  <c r="G7045" i="2" a="1"/>
  <c r="G7045" i="2" s="1"/>
  <c r="G7046" i="2" a="1"/>
  <c r="G7046" i="2" s="1"/>
  <c r="G7056" i="2" a="1"/>
  <c r="G7056" i="2" s="1"/>
  <c r="G7060" i="2" a="1"/>
  <c r="G7060" i="2" s="1"/>
  <c r="G7051" i="2" a="1"/>
  <c r="G7051" i="2" s="1"/>
  <c r="G7059" i="2" a="1"/>
  <c r="G7059" i="2" s="1"/>
  <c r="F5374" i="2" a="1"/>
  <c r="F5374" i="2" s="1"/>
  <c r="F5380" i="2" a="1"/>
  <c r="F5380" i="2" s="1"/>
  <c r="F5375" i="2" a="1"/>
  <c r="F5375" i="2" s="1"/>
  <c r="F5384" i="2" a="1"/>
  <c r="F5384" i="2" s="1"/>
  <c r="F5382" i="2" a="1"/>
  <c r="F5382" i="2" s="1"/>
  <c r="F5377" i="2" a="1"/>
  <c r="F5377" i="2" s="1"/>
  <c r="F5366" i="2" a="1"/>
  <c r="F5366" i="2" s="1"/>
  <c r="F5372" i="2" a="1"/>
  <c r="F5372" i="2" s="1"/>
  <c r="F5385" i="2" a="1"/>
  <c r="F5385" i="2" s="1"/>
  <c r="F5373" i="2" a="1"/>
  <c r="F5373" i="2" s="1"/>
  <c r="F5376" i="2" a="1"/>
  <c r="F5376" i="2" s="1"/>
  <c r="F5383" i="2" a="1"/>
  <c r="F5383" i="2" s="1"/>
  <c r="F5371" i="2" a="1"/>
  <c r="F5371" i="2" s="1"/>
  <c r="F5381" i="2" a="1"/>
  <c r="F5381" i="2" s="1"/>
  <c r="F5362" i="2" a="1"/>
  <c r="F5362" i="2" s="1"/>
  <c r="F5364" i="2" a="1"/>
  <c r="F5364" i="2" s="1"/>
  <c r="F5363" i="2" a="1"/>
  <c r="F5363" i="2" s="1"/>
  <c r="F5369" i="2" a="1"/>
  <c r="F5369" i="2" s="1"/>
  <c r="F5365" i="2" a="1"/>
  <c r="F5365" i="2" s="1"/>
  <c r="F5370" i="2" a="1"/>
  <c r="F5370" i="2" s="1"/>
  <c r="F5378" i="2" a="1"/>
  <c r="F5378" i="2" s="1"/>
  <c r="F5379" i="2" a="1"/>
  <c r="F5379" i="2" s="1"/>
  <c r="F5368" i="2" a="1"/>
  <c r="F5368" i="2" s="1"/>
  <c r="F5367" i="2" a="1"/>
  <c r="F5367" i="2" s="1"/>
  <c r="E7884" i="2" a="1"/>
  <c r="E7884" i="2" s="1"/>
  <c r="E7903" i="2" a="1"/>
  <c r="E7903" i="2" s="1"/>
  <c r="E7897" i="2" a="1"/>
  <c r="E7897" i="2" s="1"/>
  <c r="E7890" i="2" a="1"/>
  <c r="E7890" i="2" s="1"/>
  <c r="E7885" i="2" a="1"/>
  <c r="E7885" i="2" s="1"/>
  <c r="E7891" i="2" a="1"/>
  <c r="E7891" i="2" s="1"/>
  <c r="E7882" i="2" a="1"/>
  <c r="E7882" i="2" s="1"/>
  <c r="E7905" i="2" a="1"/>
  <c r="E7905" i="2" s="1"/>
  <c r="E7899" i="2" a="1"/>
  <c r="E7899" i="2" s="1"/>
  <c r="E7896" i="2" a="1"/>
  <c r="E7896" i="2" s="1"/>
  <c r="E7886" i="2" a="1"/>
  <c r="E7886" i="2" s="1"/>
  <c r="E7895" i="2" a="1"/>
  <c r="E7895" i="2" s="1"/>
  <c r="E7883" i="2" a="1"/>
  <c r="E7883" i="2" s="1"/>
  <c r="E7888" i="2" a="1"/>
  <c r="E7888" i="2" s="1"/>
  <c r="E7889" i="2" a="1"/>
  <c r="E7889" i="2" s="1"/>
  <c r="E7902" i="2" a="1"/>
  <c r="E7902" i="2" s="1"/>
  <c r="E7901" i="2" a="1"/>
  <c r="E7901" i="2" s="1"/>
  <c r="E7898" i="2" a="1"/>
  <c r="E7898" i="2" s="1"/>
  <c r="E7904" i="2" a="1"/>
  <c r="E7904" i="2" s="1"/>
  <c r="E7894" i="2" a="1"/>
  <c r="E7894" i="2" s="1"/>
  <c r="E7887" i="2" a="1"/>
  <c r="E7887" i="2" s="1"/>
  <c r="E7892" i="2" a="1"/>
  <c r="E7892" i="2" s="1"/>
  <c r="E7893" i="2" a="1"/>
  <c r="E7893" i="2" s="1"/>
  <c r="E7900" i="2" a="1"/>
  <c r="E7900" i="2" s="1"/>
  <c r="G828" i="2" a="1"/>
  <c r="G828" i="2" s="1"/>
  <c r="G837" i="2" a="1"/>
  <c r="G837" i="2" s="1"/>
  <c r="G831" i="2" a="1"/>
  <c r="G831" i="2" s="1"/>
  <c r="G839" i="2" a="1"/>
  <c r="G839" i="2" s="1"/>
  <c r="G841" i="2" a="1"/>
  <c r="G841" i="2" s="1"/>
  <c r="G833" i="2" a="1"/>
  <c r="G833" i="2" s="1"/>
  <c r="G844" i="2" a="1"/>
  <c r="G844" i="2" s="1"/>
  <c r="G829" i="2" a="1"/>
  <c r="G829" i="2" s="1"/>
  <c r="G847" i="2" a="1"/>
  <c r="G847" i="2" s="1"/>
  <c r="G848" i="2" a="1"/>
  <c r="G848" i="2" s="1"/>
  <c r="G838" i="2" a="1"/>
  <c r="G838" i="2" s="1"/>
  <c r="G835" i="2" a="1"/>
  <c r="G835" i="2" s="1"/>
  <c r="G842" i="2" a="1"/>
  <c r="G842" i="2" s="1"/>
  <c r="G845" i="2" a="1"/>
  <c r="G845" i="2" s="1"/>
  <c r="G830" i="2" a="1"/>
  <c r="G830" i="2" s="1"/>
  <c r="G832" i="2" a="1"/>
  <c r="G832" i="2" s="1"/>
  <c r="G849" i="2" a="1"/>
  <c r="G849" i="2" s="1"/>
  <c r="G836" i="2" a="1"/>
  <c r="G836" i="2" s="1"/>
  <c r="G827" i="2" a="1"/>
  <c r="G827" i="2" s="1"/>
  <c r="G843" i="2" a="1"/>
  <c r="G843" i="2" s="1"/>
  <c r="G834" i="2" a="1"/>
  <c r="G834" i="2" s="1"/>
  <c r="G826" i="2" a="1"/>
  <c r="G826" i="2" s="1"/>
  <c r="G840" i="2" a="1"/>
  <c r="G840" i="2" s="1"/>
  <c r="G846" i="2" a="1"/>
  <c r="G846" i="2" s="1"/>
  <c r="G1035" i="2" a="1"/>
  <c r="G1035" i="2" s="1"/>
  <c r="G1031" i="2" a="1"/>
  <c r="G1031" i="2" s="1"/>
  <c r="G1026" i="2" a="1"/>
  <c r="G1026" i="2" s="1"/>
  <c r="G1024" i="2" a="1"/>
  <c r="G1024" i="2" s="1"/>
  <c r="G1032" i="2" a="1"/>
  <c r="G1032" i="2" s="1"/>
  <c r="G1033" i="2" a="1"/>
  <c r="G1033" i="2" s="1"/>
  <c r="G1039" i="2" a="1"/>
  <c r="G1039" i="2" s="1"/>
  <c r="G1018" i="2" a="1"/>
  <c r="G1018" i="2" s="1"/>
  <c r="G1023" i="2" a="1"/>
  <c r="G1023" i="2" s="1"/>
  <c r="G1029" i="2" a="1"/>
  <c r="G1029" i="2" s="1"/>
  <c r="G1019" i="2" a="1"/>
  <c r="G1019" i="2" s="1"/>
  <c r="G1020" i="2" a="1"/>
  <c r="G1020" i="2" s="1"/>
  <c r="G1034" i="2" a="1"/>
  <c r="G1034" i="2" s="1"/>
  <c r="G1036" i="2" a="1"/>
  <c r="G1036" i="2" s="1"/>
  <c r="G1022" i="2" a="1"/>
  <c r="G1022" i="2" s="1"/>
  <c r="G1027" i="2" a="1"/>
  <c r="G1027" i="2" s="1"/>
  <c r="G1040" i="2" a="1"/>
  <c r="G1040" i="2" s="1"/>
  <c r="G1028" i="2" a="1"/>
  <c r="G1028" i="2" s="1"/>
  <c r="G1021" i="2" a="1"/>
  <c r="G1021" i="2" s="1"/>
  <c r="G1041" i="2" a="1"/>
  <c r="G1041" i="2" s="1"/>
  <c r="G1038" i="2" a="1"/>
  <c r="G1038" i="2" s="1"/>
  <c r="G1037" i="2" a="1"/>
  <c r="G1037" i="2" s="1"/>
  <c r="G1030" i="2" a="1"/>
  <c r="G1030" i="2" s="1"/>
  <c r="G1025" i="2" a="1"/>
  <c r="G1025" i="2" s="1"/>
  <c r="H1844" i="2" a="1"/>
  <c r="H1844" i="2" s="1"/>
  <c r="H1840" i="2" a="1"/>
  <c r="H1840" i="2" s="1"/>
  <c r="H1837" i="2" a="1"/>
  <c r="H1837" i="2" s="1"/>
  <c r="H1850" i="2" a="1"/>
  <c r="H1850" i="2" s="1"/>
  <c r="H1857" i="2" a="1"/>
  <c r="H1857" i="2" s="1"/>
  <c r="H1851" i="2" a="1"/>
  <c r="H1851" i="2" s="1"/>
  <c r="H1841" i="2" a="1"/>
  <c r="H1841" i="2" s="1"/>
  <c r="H1839" i="2" a="1"/>
  <c r="H1839" i="2" s="1"/>
  <c r="H1845" i="2" a="1"/>
  <c r="H1845" i="2" s="1"/>
  <c r="H1842" i="2" a="1"/>
  <c r="H1842" i="2" s="1"/>
  <c r="H1854" i="2" a="1"/>
  <c r="H1854" i="2" s="1"/>
  <c r="H1843" i="2" a="1"/>
  <c r="H1843" i="2" s="1"/>
  <c r="H1835" i="2" a="1"/>
  <c r="H1835" i="2" s="1"/>
  <c r="H1846" i="2" a="1"/>
  <c r="H1846" i="2" s="1"/>
  <c r="H1855" i="2" a="1"/>
  <c r="H1855" i="2" s="1"/>
  <c r="H1836" i="2" a="1"/>
  <c r="H1836" i="2" s="1"/>
  <c r="H1847" i="2" a="1"/>
  <c r="H1847" i="2" s="1"/>
  <c r="H1838" i="2" a="1"/>
  <c r="H1838" i="2" s="1"/>
  <c r="H1834" i="2" a="1"/>
  <c r="H1834" i="2" s="1"/>
  <c r="H1848" i="2" a="1"/>
  <c r="H1848" i="2" s="1"/>
  <c r="H1852" i="2" a="1"/>
  <c r="H1852" i="2" s="1"/>
  <c r="H1849" i="2" a="1"/>
  <c r="H1849" i="2" s="1"/>
  <c r="H1853" i="2" a="1"/>
  <c r="H1853" i="2" s="1"/>
  <c r="H1856" i="2" a="1"/>
  <c r="H1856" i="2" s="1"/>
  <c r="E264" i="2" a="1"/>
  <c r="E264" i="2" s="1"/>
  <c r="E254" i="2" a="1"/>
  <c r="E254" i="2" s="1"/>
  <c r="E272" i="2" a="1"/>
  <c r="E272" i="2" s="1"/>
  <c r="E250" i="2" a="1"/>
  <c r="E250" i="2" s="1"/>
  <c r="E265" i="2" a="1"/>
  <c r="E265" i="2" s="1"/>
  <c r="E251" i="2" a="1"/>
  <c r="E251" i="2" s="1"/>
  <c r="E270" i="2" a="1"/>
  <c r="E270" i="2" s="1"/>
  <c r="E266" i="2" a="1"/>
  <c r="E266" i="2" s="1"/>
  <c r="E256" i="2" a="1"/>
  <c r="E256" i="2" s="1"/>
  <c r="E262" i="2" a="1"/>
  <c r="E262" i="2" s="1"/>
  <c r="E263" i="2" a="1"/>
  <c r="E263" i="2" s="1"/>
  <c r="E252" i="2" a="1"/>
  <c r="E252" i="2" s="1"/>
  <c r="E269" i="2" a="1"/>
  <c r="E269" i="2" s="1"/>
  <c r="E255" i="2" a="1"/>
  <c r="E255" i="2" s="1"/>
  <c r="E267" i="2" a="1"/>
  <c r="E267" i="2" s="1"/>
  <c r="E268" i="2" a="1"/>
  <c r="E268" i="2" s="1"/>
  <c r="E273" i="2" a="1"/>
  <c r="E273" i="2" s="1"/>
  <c r="E258" i="2" a="1"/>
  <c r="E258" i="2" s="1"/>
  <c r="E259" i="2" a="1"/>
  <c r="E259" i="2" s="1"/>
  <c r="E260" i="2" a="1"/>
  <c r="E260" i="2" s="1"/>
  <c r="E257" i="2" a="1"/>
  <c r="E257" i="2" s="1"/>
  <c r="E271" i="2" a="1"/>
  <c r="E271" i="2" s="1"/>
  <c r="E253" i="2" a="1"/>
  <c r="E253" i="2" s="1"/>
  <c r="E261" i="2" a="1"/>
  <c r="E261" i="2" s="1"/>
  <c r="E4320" i="2" a="1"/>
  <c r="E4320" i="2" s="1"/>
  <c r="E4318" i="2" a="1"/>
  <c r="E4318" i="2" s="1"/>
  <c r="E4314" i="2" a="1"/>
  <c r="E4314" i="2" s="1"/>
  <c r="E4315" i="2" a="1"/>
  <c r="E4315" i="2" s="1"/>
  <c r="E4323" i="2" a="1"/>
  <c r="E4323" i="2" s="1"/>
  <c r="E4312" i="2" a="1"/>
  <c r="E4312" i="2" s="1"/>
  <c r="E4321" i="2" a="1"/>
  <c r="E4321" i="2" s="1"/>
  <c r="E4324" i="2" a="1"/>
  <c r="E4324" i="2" s="1"/>
  <c r="E4309" i="2" a="1"/>
  <c r="E4309" i="2" s="1"/>
  <c r="E4316" i="2" a="1"/>
  <c r="E4316" i="2" s="1"/>
  <c r="E4325" i="2" a="1"/>
  <c r="E4325" i="2" s="1"/>
  <c r="E4310" i="2" a="1"/>
  <c r="E4310" i="2" s="1"/>
  <c r="E4306" i="2" a="1"/>
  <c r="E4306" i="2" s="1"/>
  <c r="E4317" i="2" a="1"/>
  <c r="E4317" i="2" s="1"/>
  <c r="E4319" i="2" a="1"/>
  <c r="E4319" i="2" s="1"/>
  <c r="E4327" i="2" a="1"/>
  <c r="E4327" i="2" s="1"/>
  <c r="E4328" i="2" a="1"/>
  <c r="E4328" i="2" s="1"/>
  <c r="E4329" i="2" a="1"/>
  <c r="E4329" i="2" s="1"/>
  <c r="E4308" i="2" a="1"/>
  <c r="E4308" i="2" s="1"/>
  <c r="E4326" i="2" a="1"/>
  <c r="E4326" i="2" s="1"/>
  <c r="E4313" i="2" a="1"/>
  <c r="E4313" i="2" s="1"/>
  <c r="E4322" i="2" a="1"/>
  <c r="E4322" i="2" s="1"/>
  <c r="E4307" i="2" a="1"/>
  <c r="E4307" i="2" s="1"/>
  <c r="E4311" i="2" a="1"/>
  <c r="E4311" i="2" s="1"/>
  <c r="F8555" i="2" a="1"/>
  <c r="F8555" i="2" s="1"/>
  <c r="F8570" i="2" a="1"/>
  <c r="F8570" i="2" s="1"/>
  <c r="F8556" i="2" a="1"/>
  <c r="F8556" i="2" s="1"/>
  <c r="F8564" i="2" a="1"/>
  <c r="F8564" i="2" s="1"/>
  <c r="F8566" i="2" a="1"/>
  <c r="F8566" i="2" s="1"/>
  <c r="F8562" i="2" a="1"/>
  <c r="F8562" i="2" s="1"/>
  <c r="F8559" i="2" a="1"/>
  <c r="F8559" i="2" s="1"/>
  <c r="F8574" i="2" a="1"/>
  <c r="F8574" i="2" s="1"/>
  <c r="F8554" i="2" a="1"/>
  <c r="F8554" i="2" s="1"/>
  <c r="F8569" i="2" a="1"/>
  <c r="F8569" i="2" s="1"/>
  <c r="F8571" i="2" a="1"/>
  <c r="F8571" i="2" s="1"/>
  <c r="F8575" i="2" a="1"/>
  <c r="F8575" i="2" s="1"/>
  <c r="F8560" i="2" a="1"/>
  <c r="F8560" i="2" s="1"/>
  <c r="F8567" i="2" a="1"/>
  <c r="F8567" i="2" s="1"/>
  <c r="F8576" i="2" a="1"/>
  <c r="F8576" i="2" s="1"/>
  <c r="F8572" i="2" a="1"/>
  <c r="F8572" i="2" s="1"/>
  <c r="F8557" i="2" a="1"/>
  <c r="F8557" i="2" s="1"/>
  <c r="F8577" i="2" a="1"/>
  <c r="F8577" i="2" s="1"/>
  <c r="F8561" i="2" a="1"/>
  <c r="F8561" i="2" s="1"/>
  <c r="F8558" i="2" a="1"/>
  <c r="F8558" i="2" s="1"/>
  <c r="F8563" i="2" a="1"/>
  <c r="F8563" i="2" s="1"/>
  <c r="F8565" i="2" a="1"/>
  <c r="F8565" i="2" s="1"/>
  <c r="F8568" i="2" a="1"/>
  <c r="F8568" i="2" s="1"/>
  <c r="F8573" i="2" a="1"/>
  <c r="F8573" i="2" s="1"/>
  <c r="H6179" i="2" a="1"/>
  <c r="H6179" i="2" s="1"/>
  <c r="H6180" i="2" a="1"/>
  <c r="H6180" i="2" s="1"/>
  <c r="H6198" i="2" a="1"/>
  <c r="H6198" i="2" s="1"/>
  <c r="H6181" i="2" a="1"/>
  <c r="H6181" i="2" s="1"/>
  <c r="H6196" i="2" a="1"/>
  <c r="H6196" i="2" s="1"/>
  <c r="H6200" i="2" a="1"/>
  <c r="H6200" i="2" s="1"/>
  <c r="H6182" i="2" a="1"/>
  <c r="H6182" i="2" s="1"/>
  <c r="H6186" i="2" a="1"/>
  <c r="H6186" i="2" s="1"/>
  <c r="H6190" i="2" a="1"/>
  <c r="H6190" i="2" s="1"/>
  <c r="H6197" i="2" a="1"/>
  <c r="H6197" i="2" s="1"/>
  <c r="H6194" i="2" a="1"/>
  <c r="H6194" i="2" s="1"/>
  <c r="H6188" i="2" a="1"/>
  <c r="H6188" i="2" s="1"/>
  <c r="H6191" i="2" a="1"/>
  <c r="H6191" i="2" s="1"/>
  <c r="H6184" i="2" a="1"/>
  <c r="H6184" i="2" s="1"/>
  <c r="H6178" i="2" a="1"/>
  <c r="H6178" i="2" s="1"/>
  <c r="H6199" i="2" a="1"/>
  <c r="H6199" i="2" s="1"/>
  <c r="H6183" i="2" a="1"/>
  <c r="H6183" i="2" s="1"/>
  <c r="H6185" i="2" a="1"/>
  <c r="H6185" i="2" s="1"/>
  <c r="H6195" i="2" a="1"/>
  <c r="H6195" i="2" s="1"/>
  <c r="H6193" i="2" a="1"/>
  <c r="H6193" i="2" s="1"/>
  <c r="H6201" i="2" a="1"/>
  <c r="H6201" i="2" s="1"/>
  <c r="H6187" i="2" a="1"/>
  <c r="H6187" i="2" s="1"/>
  <c r="H6189" i="2" a="1"/>
  <c r="H6189" i="2" s="1"/>
  <c r="H6192" i="2" a="1"/>
  <c r="H6192" i="2" s="1"/>
  <c r="AP289" i="1"/>
  <c r="F295" i="5" s="1"/>
  <c r="AQ289" i="1"/>
  <c r="G295" i="5" s="1"/>
  <c r="AO289" i="1"/>
  <c r="E295" i="5" s="1"/>
  <c r="AN289" i="1"/>
  <c r="D295" i="5" s="1"/>
  <c r="AM289" i="1"/>
  <c r="D6938" i="2" a="1"/>
  <c r="D6938" i="2" s="1"/>
  <c r="D6925" i="2" a="1"/>
  <c r="D6925" i="2" s="1"/>
  <c r="D6929" i="2" a="1"/>
  <c r="D6929" i="2" s="1"/>
  <c r="D6933" i="2" a="1"/>
  <c r="D6933" i="2" s="1"/>
  <c r="D6937" i="2" a="1"/>
  <c r="D6937" i="2" s="1"/>
  <c r="D6941" i="2" a="1"/>
  <c r="D6941" i="2" s="1"/>
  <c r="D6945" i="2" a="1"/>
  <c r="D6945" i="2" s="1"/>
  <c r="D6924" i="2" a="1"/>
  <c r="D6924" i="2" s="1"/>
  <c r="D6928" i="2" a="1"/>
  <c r="D6928" i="2" s="1"/>
  <c r="D6932" i="2" a="1"/>
  <c r="D6932" i="2" s="1"/>
  <c r="D6936" i="2" a="1"/>
  <c r="D6936" i="2" s="1"/>
  <c r="D6940" i="2" a="1"/>
  <c r="D6940" i="2" s="1"/>
  <c r="D6944" i="2" a="1"/>
  <c r="D6944" i="2" s="1"/>
  <c r="D6923" i="2" a="1"/>
  <c r="D6923" i="2" s="1"/>
  <c r="D6943" i="2" a="1"/>
  <c r="D6943" i="2" s="1"/>
  <c r="D6930" i="2" a="1"/>
  <c r="D6930" i="2" s="1"/>
  <c r="D6927" i="2" a="1"/>
  <c r="D6927" i="2" s="1"/>
  <c r="D6934" i="2" a="1"/>
  <c r="D6934" i="2" s="1"/>
  <c r="D6931" i="2" a="1"/>
  <c r="D6931" i="2" s="1"/>
  <c r="D6935" i="2" a="1"/>
  <c r="D6935" i="2" s="1"/>
  <c r="D6922" i="2" a="1"/>
  <c r="D6922" i="2" s="1"/>
  <c r="D6942" i="2" a="1"/>
  <c r="D6942" i="2" s="1"/>
  <c r="D6939" i="2" a="1"/>
  <c r="D6939" i="2" s="1"/>
  <c r="D6926" i="2" a="1"/>
  <c r="D6926" i="2" s="1"/>
  <c r="AQ10" i="1"/>
  <c r="G16" i="5" s="1"/>
  <c r="AP10" i="1"/>
  <c r="F16" i="5" s="1"/>
  <c r="AN10" i="1"/>
  <c r="D16" i="5" s="1"/>
  <c r="AO10" i="1"/>
  <c r="E16" i="5" s="1"/>
  <c r="D233" i="2" a="1"/>
  <c r="D233" i="2" s="1"/>
  <c r="D244" i="2" a="1"/>
  <c r="D244" i="2" s="1"/>
  <c r="D242" i="2" a="1"/>
  <c r="D242" i="2" s="1"/>
  <c r="D237" i="2" a="1"/>
  <c r="D237" i="2" s="1"/>
  <c r="D245" i="2" a="1"/>
  <c r="D245" i="2" s="1"/>
  <c r="D231" i="2" a="1"/>
  <c r="D231" i="2" s="1"/>
  <c r="D249" i="2" a="1"/>
  <c r="D249" i="2" s="1"/>
  <c r="D234" i="2" a="1"/>
  <c r="D234" i="2" s="1"/>
  <c r="D236" i="2" a="1"/>
  <c r="D236" i="2" s="1"/>
  <c r="D229" i="2" a="1"/>
  <c r="D229" i="2" s="1"/>
  <c r="D246" i="2" a="1"/>
  <c r="D246" i="2" s="1"/>
  <c r="D227" i="2" a="1"/>
  <c r="D227" i="2" s="1"/>
  <c r="D228" i="2" a="1"/>
  <c r="D228" i="2" s="1"/>
  <c r="D243" i="2" a="1"/>
  <c r="D243" i="2" s="1"/>
  <c r="D240" i="2" a="1"/>
  <c r="D240" i="2" s="1"/>
  <c r="D239" i="2" a="1"/>
  <c r="D239" i="2" s="1"/>
  <c r="AM10" i="1"/>
  <c r="D235" i="2" a="1"/>
  <c r="D235" i="2" s="1"/>
  <c r="D230" i="2" a="1"/>
  <c r="D230" i="2" s="1"/>
  <c r="D248" i="2" a="1"/>
  <c r="D248" i="2" s="1"/>
  <c r="D226" i="2" a="1"/>
  <c r="D226" i="2" s="1"/>
  <c r="D232" i="2" a="1"/>
  <c r="D232" i="2" s="1"/>
  <c r="D247" i="2" a="1"/>
  <c r="D247" i="2" s="1"/>
  <c r="D241" i="2" a="1"/>
  <c r="D241" i="2" s="1"/>
  <c r="D238" i="2" a="1"/>
  <c r="D238" i="2" s="1"/>
  <c r="E7971" i="2" a="1"/>
  <c r="E7971" i="2" s="1"/>
  <c r="E7967" i="2" a="1"/>
  <c r="E7967" i="2" s="1"/>
  <c r="E7973" i="2" a="1"/>
  <c r="E7973" i="2" s="1"/>
  <c r="E7954" i="2" a="1"/>
  <c r="E7954" i="2" s="1"/>
  <c r="E7964" i="2" a="1"/>
  <c r="E7964" i="2" s="1"/>
  <c r="E7960" i="2" a="1"/>
  <c r="E7960" i="2" s="1"/>
  <c r="E7975" i="2" a="1"/>
  <c r="E7975" i="2" s="1"/>
  <c r="E7966" i="2" a="1"/>
  <c r="E7966" i="2" s="1"/>
  <c r="E7957" i="2" a="1"/>
  <c r="E7957" i="2" s="1"/>
  <c r="E7969" i="2" a="1"/>
  <c r="E7969" i="2" s="1"/>
  <c r="E7970" i="2" a="1"/>
  <c r="E7970" i="2" s="1"/>
  <c r="E7961" i="2" a="1"/>
  <c r="E7961" i="2" s="1"/>
  <c r="E7974" i="2" a="1"/>
  <c r="E7974" i="2" s="1"/>
  <c r="E7963" i="2" a="1"/>
  <c r="E7963" i="2" s="1"/>
  <c r="E7962" i="2" a="1"/>
  <c r="E7962" i="2" s="1"/>
  <c r="E7965" i="2" a="1"/>
  <c r="E7965" i="2" s="1"/>
  <c r="E7972" i="2" a="1"/>
  <c r="E7972" i="2" s="1"/>
  <c r="E7956" i="2" a="1"/>
  <c r="E7956" i="2" s="1"/>
  <c r="E7959" i="2" a="1"/>
  <c r="E7959" i="2" s="1"/>
  <c r="E7977" i="2" a="1"/>
  <c r="E7977" i="2" s="1"/>
  <c r="E7976" i="2" a="1"/>
  <c r="E7976" i="2" s="1"/>
  <c r="E7958" i="2" a="1"/>
  <c r="E7958" i="2" s="1"/>
  <c r="E7955" i="2" a="1"/>
  <c r="E7955" i="2" s="1"/>
  <c r="E7968" i="2" a="1"/>
  <c r="E7968" i="2" s="1"/>
  <c r="G6322" i="2" a="1"/>
  <c r="G6322" i="2" s="1"/>
  <c r="G6324" i="2" a="1"/>
  <c r="G6324" i="2" s="1"/>
  <c r="G6327" i="2" a="1"/>
  <c r="G6327" i="2" s="1"/>
  <c r="G6325" i="2" a="1"/>
  <c r="G6325" i="2" s="1"/>
  <c r="G6345" i="2" a="1"/>
  <c r="G6345" i="2" s="1"/>
  <c r="G6341" i="2" a="1"/>
  <c r="G6341" i="2" s="1"/>
  <c r="G6331" i="2" a="1"/>
  <c r="G6331" i="2" s="1"/>
  <c r="G6334" i="2" a="1"/>
  <c r="G6334" i="2" s="1"/>
  <c r="G6344" i="2" a="1"/>
  <c r="G6344" i="2" s="1"/>
  <c r="G6326" i="2" a="1"/>
  <c r="G6326" i="2" s="1"/>
  <c r="G6333" i="2" a="1"/>
  <c r="G6333" i="2" s="1"/>
  <c r="G6337" i="2" a="1"/>
  <c r="G6337" i="2" s="1"/>
  <c r="G6330" i="2" a="1"/>
  <c r="G6330" i="2" s="1"/>
  <c r="G6339" i="2" a="1"/>
  <c r="G6339" i="2" s="1"/>
  <c r="G6335" i="2" a="1"/>
  <c r="G6335" i="2" s="1"/>
  <c r="G6338" i="2" a="1"/>
  <c r="G6338" i="2" s="1"/>
  <c r="G6332" i="2" a="1"/>
  <c r="G6332" i="2" s="1"/>
  <c r="G6328" i="2" a="1"/>
  <c r="G6328" i="2" s="1"/>
  <c r="G6342" i="2" a="1"/>
  <c r="G6342" i="2" s="1"/>
  <c r="G6323" i="2" a="1"/>
  <c r="G6323" i="2" s="1"/>
  <c r="G6329" i="2" a="1"/>
  <c r="G6329" i="2" s="1"/>
  <c r="G6340" i="2" a="1"/>
  <c r="G6340" i="2" s="1"/>
  <c r="G6336" i="2" a="1"/>
  <c r="G6336" i="2" s="1"/>
  <c r="G6343" i="2" a="1"/>
  <c r="G6343" i="2" s="1"/>
  <c r="D8082" i="2" a="1"/>
  <c r="D8082" i="2" s="1"/>
  <c r="D8092" i="2" a="1"/>
  <c r="D8092" i="2" s="1"/>
  <c r="D8093" i="2" a="1"/>
  <c r="D8093" i="2" s="1"/>
  <c r="D8096" i="2" a="1"/>
  <c r="D8096" i="2" s="1"/>
  <c r="D8075" i="2" a="1"/>
  <c r="D8075" i="2" s="1"/>
  <c r="D8077" i="2" a="1"/>
  <c r="D8077" i="2" s="1"/>
  <c r="D8086" i="2" a="1"/>
  <c r="D8086" i="2" s="1"/>
  <c r="D8078" i="2" a="1"/>
  <c r="D8078" i="2" s="1"/>
  <c r="D8081" i="2" a="1"/>
  <c r="D8081" i="2" s="1"/>
  <c r="D8095" i="2" a="1"/>
  <c r="D8095" i="2" s="1"/>
  <c r="D8076" i="2" a="1"/>
  <c r="D8076" i="2" s="1"/>
  <c r="D8087" i="2" a="1"/>
  <c r="D8087" i="2" s="1"/>
  <c r="D8089" i="2" a="1"/>
  <c r="D8089" i="2" s="1"/>
  <c r="D8084" i="2" a="1"/>
  <c r="D8084" i="2" s="1"/>
  <c r="D8091" i="2" a="1"/>
  <c r="D8091" i="2" s="1"/>
  <c r="D8083" i="2" a="1"/>
  <c r="D8083" i="2" s="1"/>
  <c r="D8097" i="2" a="1"/>
  <c r="D8097" i="2" s="1"/>
  <c r="D8090" i="2" a="1"/>
  <c r="D8090" i="2" s="1"/>
  <c r="D8074" i="2" a="1"/>
  <c r="D8074" i="2" s="1"/>
  <c r="D8085" i="2" a="1"/>
  <c r="D8085" i="2" s="1"/>
  <c r="D8079" i="2" a="1"/>
  <c r="D8079" i="2" s="1"/>
  <c r="D8080" i="2" a="1"/>
  <c r="D8080" i="2" s="1"/>
  <c r="D8094" i="2" a="1"/>
  <c r="D8094" i="2" s="1"/>
  <c r="D8088" i="2" a="1"/>
  <c r="D8088" i="2" s="1"/>
  <c r="G7659" i="2" a="1"/>
  <c r="G7659" i="2" s="1"/>
  <c r="G7650" i="2" a="1"/>
  <c r="G7650" i="2" s="1"/>
  <c r="G7654" i="2" a="1"/>
  <c r="G7654" i="2" s="1"/>
  <c r="G7646" i="2" a="1"/>
  <c r="G7646" i="2" s="1"/>
  <c r="G7662" i="2" a="1"/>
  <c r="G7662" i="2" s="1"/>
  <c r="G7648" i="2" a="1"/>
  <c r="G7648" i="2" s="1"/>
  <c r="G7663" i="2" a="1"/>
  <c r="G7663" i="2" s="1"/>
  <c r="G7644" i="2" a="1"/>
  <c r="G7644" i="2" s="1"/>
  <c r="G7653" i="2" a="1"/>
  <c r="G7653" i="2" s="1"/>
  <c r="G7645" i="2" a="1"/>
  <c r="G7645" i="2" s="1"/>
  <c r="G7656" i="2" a="1"/>
  <c r="G7656" i="2" s="1"/>
  <c r="G7651" i="2" a="1"/>
  <c r="G7651" i="2" s="1"/>
  <c r="G7658" i="2" a="1"/>
  <c r="G7658" i="2" s="1"/>
  <c r="G7665" i="2" a="1"/>
  <c r="G7665" i="2" s="1"/>
  <c r="G7642" i="2" a="1"/>
  <c r="G7642" i="2" s="1"/>
  <c r="G7655" i="2" a="1"/>
  <c r="G7655" i="2" s="1"/>
  <c r="G7664" i="2" a="1"/>
  <c r="G7664" i="2" s="1"/>
  <c r="G7652" i="2" a="1"/>
  <c r="G7652" i="2" s="1"/>
  <c r="G7660" i="2" a="1"/>
  <c r="G7660" i="2" s="1"/>
  <c r="G7643" i="2" a="1"/>
  <c r="G7643" i="2" s="1"/>
  <c r="G7647" i="2" a="1"/>
  <c r="G7647" i="2" s="1"/>
  <c r="G7649" i="2" a="1"/>
  <c r="G7649" i="2" s="1"/>
  <c r="G7661" i="2" a="1"/>
  <c r="G7661" i="2" s="1"/>
  <c r="G7657" i="2" a="1"/>
  <c r="G7657" i="2" s="1"/>
  <c r="H5172" i="2" a="1"/>
  <c r="H5172" i="2" s="1"/>
  <c r="H5170" i="2" a="1"/>
  <c r="H5170" i="2" s="1"/>
  <c r="H5192" i="2" a="1"/>
  <c r="H5192" i="2" s="1"/>
  <c r="H5175" i="2" a="1"/>
  <c r="H5175" i="2" s="1"/>
  <c r="H5173" i="2" a="1"/>
  <c r="H5173" i="2" s="1"/>
  <c r="H5190" i="2" a="1"/>
  <c r="H5190" i="2" s="1"/>
  <c r="H5187" i="2" a="1"/>
  <c r="H5187" i="2" s="1"/>
  <c r="H5177" i="2" a="1"/>
  <c r="H5177" i="2" s="1"/>
  <c r="H5188" i="2" a="1"/>
  <c r="H5188" i="2" s="1"/>
  <c r="H5178" i="2" a="1"/>
  <c r="H5178" i="2" s="1"/>
  <c r="H5176" i="2" a="1"/>
  <c r="H5176" i="2" s="1"/>
  <c r="H5179" i="2" a="1"/>
  <c r="H5179" i="2" s="1"/>
  <c r="H5189" i="2" a="1"/>
  <c r="H5189" i="2" s="1"/>
  <c r="H5180" i="2" a="1"/>
  <c r="H5180" i="2" s="1"/>
  <c r="H5193" i="2" a="1"/>
  <c r="H5193" i="2" s="1"/>
  <c r="H5171" i="2" a="1"/>
  <c r="H5171" i="2" s="1"/>
  <c r="H5181" i="2" a="1"/>
  <c r="H5181" i="2" s="1"/>
  <c r="H5184" i="2" a="1"/>
  <c r="H5184" i="2" s="1"/>
  <c r="H5186" i="2" a="1"/>
  <c r="H5186" i="2" s="1"/>
  <c r="H5182" i="2" a="1"/>
  <c r="H5182" i="2" s="1"/>
  <c r="H5185" i="2" a="1"/>
  <c r="H5185" i="2" s="1"/>
  <c r="H5174" i="2" a="1"/>
  <c r="H5174" i="2" s="1"/>
  <c r="H5183" i="2" a="1"/>
  <c r="H5183" i="2" s="1"/>
  <c r="H5191" i="2" a="1"/>
  <c r="H5191" i="2" s="1"/>
  <c r="G2101" i="2" a="1"/>
  <c r="G2101" i="2" s="1"/>
  <c r="G2105" i="2" a="1"/>
  <c r="G2105" i="2" s="1"/>
  <c r="G2098" i="2" a="1"/>
  <c r="G2098" i="2" s="1"/>
  <c r="G2106" i="2" a="1"/>
  <c r="G2106" i="2" s="1"/>
  <c r="G2119" i="2" a="1"/>
  <c r="G2119" i="2" s="1"/>
  <c r="G2108" i="2" a="1"/>
  <c r="G2108" i="2" s="1"/>
  <c r="G2107" i="2" a="1"/>
  <c r="G2107" i="2" s="1"/>
  <c r="G2114" i="2" a="1"/>
  <c r="G2114" i="2" s="1"/>
  <c r="G2112" i="2" a="1"/>
  <c r="G2112" i="2" s="1"/>
  <c r="G2117" i="2" a="1"/>
  <c r="G2117" i="2" s="1"/>
  <c r="G2115" i="2" a="1"/>
  <c r="G2115" i="2" s="1"/>
  <c r="G2099" i="2" a="1"/>
  <c r="G2099" i="2" s="1"/>
  <c r="G2109" i="2" a="1"/>
  <c r="G2109" i="2" s="1"/>
  <c r="G2113" i="2" a="1"/>
  <c r="G2113" i="2" s="1"/>
  <c r="G2100" i="2" a="1"/>
  <c r="G2100" i="2" s="1"/>
  <c r="G2104" i="2" a="1"/>
  <c r="G2104" i="2" s="1"/>
  <c r="G2120" i="2" a="1"/>
  <c r="G2120" i="2" s="1"/>
  <c r="G2103" i="2" a="1"/>
  <c r="G2103" i="2" s="1"/>
  <c r="G2110" i="2" a="1"/>
  <c r="G2110" i="2" s="1"/>
  <c r="G2111" i="2" a="1"/>
  <c r="G2111" i="2" s="1"/>
  <c r="G2102" i="2" a="1"/>
  <c r="G2102" i="2" s="1"/>
  <c r="G2121" i="2" a="1"/>
  <c r="G2121" i="2" s="1"/>
  <c r="G2116" i="2" a="1"/>
  <c r="G2116" i="2" s="1"/>
  <c r="G2118" i="2" a="1"/>
  <c r="G2118" i="2" s="1"/>
  <c r="H8414" i="2" a="1"/>
  <c r="H8414" i="2" s="1"/>
  <c r="H8430" i="2" a="1"/>
  <c r="H8430" i="2" s="1"/>
  <c r="H8424" i="2" a="1"/>
  <c r="H8424" i="2" s="1"/>
  <c r="H8417" i="2" a="1"/>
  <c r="H8417" i="2" s="1"/>
  <c r="H8420" i="2" a="1"/>
  <c r="H8420" i="2" s="1"/>
  <c r="H8421" i="2" a="1"/>
  <c r="H8421" i="2" s="1"/>
  <c r="H8415" i="2" a="1"/>
  <c r="H8415" i="2" s="1"/>
  <c r="H8431" i="2" a="1"/>
  <c r="H8431" i="2" s="1"/>
  <c r="H8412" i="2" a="1"/>
  <c r="H8412" i="2" s="1"/>
  <c r="H8425" i="2" a="1"/>
  <c r="H8425" i="2" s="1"/>
  <c r="H8432" i="2" a="1"/>
  <c r="H8432" i="2" s="1"/>
  <c r="H8416" i="2" a="1"/>
  <c r="H8416" i="2" s="1"/>
  <c r="H8418" i="2" a="1"/>
  <c r="H8418" i="2" s="1"/>
  <c r="H8413" i="2" a="1"/>
  <c r="H8413" i="2" s="1"/>
  <c r="H8419" i="2" a="1"/>
  <c r="H8419" i="2" s="1"/>
  <c r="H8428" i="2" a="1"/>
  <c r="H8428" i="2" s="1"/>
  <c r="H8429" i="2" a="1"/>
  <c r="H8429" i="2" s="1"/>
  <c r="H8410" i="2" a="1"/>
  <c r="H8410" i="2" s="1"/>
  <c r="H8422" i="2" a="1"/>
  <c r="H8422" i="2" s="1"/>
  <c r="H8423" i="2" a="1"/>
  <c r="H8423" i="2" s="1"/>
  <c r="H8426" i="2" a="1"/>
  <c r="H8426" i="2" s="1"/>
  <c r="H8411" i="2" a="1"/>
  <c r="H8411" i="2" s="1"/>
  <c r="H8427" i="2" a="1"/>
  <c r="H8427" i="2" s="1"/>
  <c r="H8433" i="2" a="1"/>
  <c r="H8433" i="2" s="1"/>
  <c r="E5795" i="2" a="1"/>
  <c r="E5795" i="2" s="1"/>
  <c r="E5814" i="2" a="1"/>
  <c r="E5814" i="2" s="1"/>
  <c r="E5817" i="2" a="1"/>
  <c r="E5817" i="2" s="1"/>
  <c r="E5810" i="2" a="1"/>
  <c r="E5810" i="2" s="1"/>
  <c r="E5815" i="2" a="1"/>
  <c r="E5815" i="2" s="1"/>
  <c r="E5804" i="2" a="1"/>
  <c r="E5804" i="2" s="1"/>
  <c r="E5798" i="2" a="1"/>
  <c r="E5798" i="2" s="1"/>
  <c r="E5808" i="2" a="1"/>
  <c r="E5808" i="2" s="1"/>
  <c r="E5800" i="2" a="1"/>
  <c r="E5800" i="2" s="1"/>
  <c r="E5802" i="2" a="1"/>
  <c r="E5802" i="2" s="1"/>
  <c r="E5801" i="2" a="1"/>
  <c r="E5801" i="2" s="1"/>
  <c r="E5794" i="2" a="1"/>
  <c r="E5794" i="2" s="1"/>
  <c r="E5806" i="2" a="1"/>
  <c r="E5806" i="2" s="1"/>
  <c r="E5816" i="2" a="1"/>
  <c r="E5816" i="2" s="1"/>
  <c r="E5811" i="2" a="1"/>
  <c r="E5811" i="2" s="1"/>
  <c r="E5797" i="2" a="1"/>
  <c r="E5797" i="2" s="1"/>
  <c r="E5812" i="2" a="1"/>
  <c r="E5812" i="2" s="1"/>
  <c r="E5803" i="2" a="1"/>
  <c r="E5803" i="2" s="1"/>
  <c r="E5799" i="2" a="1"/>
  <c r="E5799" i="2" s="1"/>
  <c r="E5813" i="2" a="1"/>
  <c r="E5813" i="2" s="1"/>
  <c r="E5809" i="2" a="1"/>
  <c r="E5809" i="2" s="1"/>
  <c r="E5796" i="2" a="1"/>
  <c r="E5796" i="2" s="1"/>
  <c r="E5807" i="2" a="1"/>
  <c r="E5807" i="2" s="1"/>
  <c r="E5805" i="2" a="1"/>
  <c r="E5805" i="2" s="1"/>
  <c r="H5815" i="2" a="1"/>
  <c r="H5815" i="2" s="1"/>
  <c r="H5812" i="2" a="1"/>
  <c r="H5812" i="2" s="1"/>
  <c r="H5806" i="2" a="1"/>
  <c r="H5806" i="2" s="1"/>
  <c r="H5800" i="2" a="1"/>
  <c r="H5800" i="2" s="1"/>
  <c r="H5813" i="2" a="1"/>
  <c r="H5813" i="2" s="1"/>
  <c r="H5798" i="2" a="1"/>
  <c r="H5798" i="2" s="1"/>
  <c r="H5816" i="2" a="1"/>
  <c r="H5816" i="2" s="1"/>
  <c r="H5814" i="2" a="1"/>
  <c r="H5814" i="2" s="1"/>
  <c r="H5810" i="2" a="1"/>
  <c r="H5810" i="2" s="1"/>
  <c r="H5811" i="2" a="1"/>
  <c r="H5811" i="2" s="1"/>
  <c r="H5799" i="2" a="1"/>
  <c r="H5799" i="2" s="1"/>
  <c r="H5807" i="2" a="1"/>
  <c r="H5807" i="2" s="1"/>
  <c r="H5808" i="2" a="1"/>
  <c r="H5808" i="2" s="1"/>
  <c r="H5795" i="2" a="1"/>
  <c r="H5795" i="2" s="1"/>
  <c r="H5809" i="2" a="1"/>
  <c r="H5809" i="2" s="1"/>
  <c r="H5817" i="2" a="1"/>
  <c r="H5817" i="2" s="1"/>
  <c r="H5805" i="2" a="1"/>
  <c r="H5805" i="2" s="1"/>
  <c r="H5796" i="2" a="1"/>
  <c r="H5796" i="2" s="1"/>
  <c r="H5803" i="2" a="1"/>
  <c r="H5803" i="2" s="1"/>
  <c r="H5804" i="2" a="1"/>
  <c r="H5804" i="2" s="1"/>
  <c r="H5801" i="2" a="1"/>
  <c r="H5801" i="2" s="1"/>
  <c r="H5797" i="2" a="1"/>
  <c r="H5797" i="2" s="1"/>
  <c r="H5802" i="2" a="1"/>
  <c r="H5802" i="2" s="1"/>
  <c r="H5794" i="2" a="1"/>
  <c r="H5794" i="2" s="1"/>
  <c r="AN20" i="1"/>
  <c r="D26" i="5" s="1"/>
  <c r="AP20" i="1"/>
  <c r="F26" i="5" s="1"/>
  <c r="AO20" i="1"/>
  <c r="E26" i="5" s="1"/>
  <c r="AQ20" i="1"/>
  <c r="G26" i="5" s="1"/>
  <c r="AM20" i="1"/>
  <c r="D468" i="2" a="1"/>
  <c r="D468" i="2" s="1"/>
  <c r="D472" i="2" a="1"/>
  <c r="D472" i="2" s="1"/>
  <c r="D476" i="2" a="1"/>
  <c r="D476" i="2" s="1"/>
  <c r="D484" i="2" a="1"/>
  <c r="D484" i="2" s="1"/>
  <c r="D488" i="2" a="1"/>
  <c r="D488" i="2" s="1"/>
  <c r="D480" i="2" a="1"/>
  <c r="D480" i="2" s="1"/>
  <c r="D474" i="2" a="1"/>
  <c r="D474" i="2" s="1"/>
  <c r="D486" i="2" a="1"/>
  <c r="D486" i="2" s="1"/>
  <c r="D466" i="2" a="1"/>
  <c r="D466" i="2" s="1"/>
  <c r="D478" i="2" a="1"/>
  <c r="D478" i="2" s="1"/>
  <c r="D469" i="2" a="1"/>
  <c r="D469" i="2" s="1"/>
  <c r="D473" i="2" a="1"/>
  <c r="D473" i="2" s="1"/>
  <c r="D485" i="2" a="1"/>
  <c r="D485" i="2" s="1"/>
  <c r="D489" i="2" a="1"/>
  <c r="D489" i="2" s="1"/>
  <c r="D470" i="2" a="1"/>
  <c r="D470" i="2" s="1"/>
  <c r="D482" i="2" a="1"/>
  <c r="D482" i="2" s="1"/>
  <c r="D477" i="2" a="1"/>
  <c r="D477" i="2" s="1"/>
  <c r="D481" i="2" a="1"/>
  <c r="D481" i="2" s="1"/>
  <c r="D487" i="2" a="1"/>
  <c r="D487" i="2" s="1"/>
  <c r="D475" i="2" a="1"/>
  <c r="D475" i="2" s="1"/>
  <c r="D479" i="2" a="1"/>
  <c r="D479" i="2" s="1"/>
  <c r="D467" i="2" a="1"/>
  <c r="D467" i="2" s="1"/>
  <c r="D483" i="2" a="1"/>
  <c r="D483" i="2" s="1"/>
  <c r="D471" i="2" a="1"/>
  <c r="D471" i="2" s="1"/>
  <c r="G4453" i="2" a="1"/>
  <c r="G4453" i="2" s="1"/>
  <c r="G4457" i="2" a="1"/>
  <c r="G4457" i="2" s="1"/>
  <c r="G4470" i="2" a="1"/>
  <c r="G4470" i="2" s="1"/>
  <c r="G4464" i="2" a="1"/>
  <c r="G4464" i="2" s="1"/>
  <c r="G4458" i="2" a="1"/>
  <c r="G4458" i="2" s="1"/>
  <c r="G4450" i="2" a="1"/>
  <c r="G4450" i="2" s="1"/>
  <c r="G4461" i="2" a="1"/>
  <c r="G4461" i="2" s="1"/>
  <c r="G4452" i="2" a="1"/>
  <c r="G4452" i="2" s="1"/>
  <c r="G4456" i="2" a="1"/>
  <c r="G4456" i="2" s="1"/>
  <c r="G4462" i="2" a="1"/>
  <c r="G4462" i="2" s="1"/>
  <c r="G4460" i="2" a="1"/>
  <c r="G4460" i="2" s="1"/>
  <c r="G4466" i="2" a="1"/>
  <c r="G4466" i="2" s="1"/>
  <c r="G4459" i="2" a="1"/>
  <c r="G4459" i="2" s="1"/>
  <c r="G4463" i="2" a="1"/>
  <c r="G4463" i="2" s="1"/>
  <c r="G4467" i="2" a="1"/>
  <c r="G4467" i="2" s="1"/>
  <c r="G4465" i="2" a="1"/>
  <c r="G4465" i="2" s="1"/>
  <c r="G4454" i="2" a="1"/>
  <c r="G4454" i="2" s="1"/>
  <c r="G4471" i="2" a="1"/>
  <c r="G4471" i="2" s="1"/>
  <c r="G4468" i="2" a="1"/>
  <c r="G4468" i="2" s="1"/>
  <c r="G4472" i="2" a="1"/>
  <c r="G4472" i="2" s="1"/>
  <c r="G4455" i="2" a="1"/>
  <c r="G4455" i="2" s="1"/>
  <c r="G4469" i="2" a="1"/>
  <c r="G4469" i="2" s="1"/>
  <c r="G4473" i="2" a="1"/>
  <c r="G4473" i="2" s="1"/>
  <c r="G4451" i="2" a="1"/>
  <c r="G4451" i="2" s="1"/>
  <c r="H6844" i="2" a="1"/>
  <c r="H6844" i="2" s="1"/>
  <c r="H6834" i="2" a="1"/>
  <c r="H6834" i="2" s="1"/>
  <c r="H6839" i="2" a="1"/>
  <c r="H6839" i="2" s="1"/>
  <c r="H6830" i="2" a="1"/>
  <c r="H6830" i="2" s="1"/>
  <c r="H6837" i="2" a="1"/>
  <c r="H6837" i="2" s="1"/>
  <c r="H6836" i="2" a="1"/>
  <c r="H6836" i="2" s="1"/>
  <c r="H6848" i="2" a="1"/>
  <c r="H6848" i="2" s="1"/>
  <c r="H6847" i="2" a="1"/>
  <c r="H6847" i="2" s="1"/>
  <c r="H6843" i="2" a="1"/>
  <c r="H6843" i="2" s="1"/>
  <c r="H6835" i="2" a="1"/>
  <c r="H6835" i="2" s="1"/>
  <c r="H6849" i="2" a="1"/>
  <c r="H6849" i="2" s="1"/>
  <c r="H6827" i="2" a="1"/>
  <c r="H6827" i="2" s="1"/>
  <c r="H6840" i="2" a="1"/>
  <c r="H6840" i="2" s="1"/>
  <c r="H6838" i="2" a="1"/>
  <c r="H6838" i="2" s="1"/>
  <c r="H6833" i="2" a="1"/>
  <c r="H6833" i="2" s="1"/>
  <c r="H6828" i="2" a="1"/>
  <c r="H6828" i="2" s="1"/>
  <c r="H6841" i="2" a="1"/>
  <c r="H6841" i="2" s="1"/>
  <c r="H6842" i="2" a="1"/>
  <c r="H6842" i="2" s="1"/>
  <c r="H6846" i="2" a="1"/>
  <c r="H6846" i="2" s="1"/>
  <c r="H6832" i="2" a="1"/>
  <c r="H6832" i="2" s="1"/>
  <c r="H6845" i="2" a="1"/>
  <c r="H6845" i="2" s="1"/>
  <c r="H6831" i="2" a="1"/>
  <c r="H6831" i="2" s="1"/>
  <c r="H6826" i="2" a="1"/>
  <c r="H6826" i="2" s="1"/>
  <c r="H6829" i="2" a="1"/>
  <c r="H6829" i="2" s="1"/>
  <c r="G7557" i="2" a="1"/>
  <c r="G7557" i="2" s="1"/>
  <c r="G7565" i="2" a="1"/>
  <c r="G7565" i="2" s="1"/>
  <c r="G7564" i="2" a="1"/>
  <c r="G7564" i="2" s="1"/>
  <c r="G7546" i="2" a="1"/>
  <c r="G7546" i="2" s="1"/>
  <c r="G7561" i="2" a="1"/>
  <c r="G7561" i="2" s="1"/>
  <c r="G7551" i="2" a="1"/>
  <c r="G7551" i="2" s="1"/>
  <c r="G7562" i="2" a="1"/>
  <c r="G7562" i="2" s="1"/>
  <c r="G7563" i="2" a="1"/>
  <c r="G7563" i="2" s="1"/>
  <c r="G7569" i="2" a="1"/>
  <c r="G7569" i="2" s="1"/>
  <c r="G7553" i="2" a="1"/>
  <c r="G7553" i="2" s="1"/>
  <c r="G7549" i="2" a="1"/>
  <c r="G7549" i="2" s="1"/>
  <c r="G7568" i="2" a="1"/>
  <c r="G7568" i="2" s="1"/>
  <c r="G7555" i="2" a="1"/>
  <c r="G7555" i="2" s="1"/>
  <c r="G7566" i="2" a="1"/>
  <c r="G7566" i="2" s="1"/>
  <c r="G7556" i="2" a="1"/>
  <c r="G7556" i="2" s="1"/>
  <c r="G7559" i="2" a="1"/>
  <c r="G7559" i="2" s="1"/>
  <c r="G7567" i="2" a="1"/>
  <c r="G7567" i="2" s="1"/>
  <c r="G7552" i="2" a="1"/>
  <c r="G7552" i="2" s="1"/>
  <c r="G7560" i="2" a="1"/>
  <c r="G7560" i="2" s="1"/>
  <c r="G7554" i="2" a="1"/>
  <c r="G7554" i="2" s="1"/>
  <c r="G7558" i="2" a="1"/>
  <c r="G7558" i="2" s="1"/>
  <c r="G7547" i="2" a="1"/>
  <c r="G7547" i="2" s="1"/>
  <c r="G7550" i="2" a="1"/>
  <c r="G7550" i="2" s="1"/>
  <c r="G7548" i="2" a="1"/>
  <c r="G7548" i="2" s="1"/>
  <c r="H3531" i="2" a="1"/>
  <c r="H3531" i="2" s="1"/>
  <c r="H3521" i="2" a="1"/>
  <c r="H3521" i="2" s="1"/>
  <c r="H3532" i="2" a="1"/>
  <c r="H3532" i="2" s="1"/>
  <c r="H3516" i="2" a="1"/>
  <c r="H3516" i="2" s="1"/>
  <c r="H3526" i="2" a="1"/>
  <c r="H3526" i="2" s="1"/>
  <c r="H3527" i="2" a="1"/>
  <c r="H3527" i="2" s="1"/>
  <c r="H3524" i="2" a="1"/>
  <c r="H3524" i="2" s="1"/>
  <c r="H3519" i="2" a="1"/>
  <c r="H3519" i="2" s="1"/>
  <c r="H3520" i="2" a="1"/>
  <c r="H3520" i="2" s="1"/>
  <c r="H3515" i="2" a="1"/>
  <c r="H3515" i="2" s="1"/>
  <c r="H3535" i="2" a="1"/>
  <c r="H3535" i="2" s="1"/>
  <c r="H3528" i="2" a="1"/>
  <c r="H3528" i="2" s="1"/>
  <c r="H3517" i="2" a="1"/>
  <c r="H3517" i="2" s="1"/>
  <c r="H3533" i="2" a="1"/>
  <c r="H3533" i="2" s="1"/>
  <c r="H3536" i="2" a="1"/>
  <c r="H3536" i="2" s="1"/>
  <c r="H3522" i="2" a="1"/>
  <c r="H3522" i="2" s="1"/>
  <c r="H3518" i="2" a="1"/>
  <c r="H3518" i="2" s="1"/>
  <c r="H3537" i="2" a="1"/>
  <c r="H3537" i="2" s="1"/>
  <c r="H3525" i="2" a="1"/>
  <c r="H3525" i="2" s="1"/>
  <c r="H3529" i="2" a="1"/>
  <c r="H3529" i="2" s="1"/>
  <c r="H3530" i="2" a="1"/>
  <c r="H3530" i="2" s="1"/>
  <c r="H3534" i="2" a="1"/>
  <c r="H3534" i="2" s="1"/>
  <c r="H3523" i="2" a="1"/>
  <c r="H3523" i="2" s="1"/>
  <c r="H3514" i="2" a="1"/>
  <c r="H3514" i="2" s="1"/>
  <c r="F2517" i="2" a="1"/>
  <c r="F2517" i="2" s="1"/>
  <c r="F2529" i="2" a="1"/>
  <c r="F2529" i="2" s="1"/>
  <c r="F2519" i="2" a="1"/>
  <c r="F2519" i="2" s="1"/>
  <c r="F2518" i="2" a="1"/>
  <c r="F2518" i="2" s="1"/>
  <c r="F2524" i="2" a="1"/>
  <c r="F2524" i="2" s="1"/>
  <c r="F2521" i="2" a="1"/>
  <c r="F2521" i="2" s="1"/>
  <c r="F2525" i="2" a="1"/>
  <c r="F2525" i="2" s="1"/>
  <c r="F2510" i="2" a="1"/>
  <c r="F2510" i="2" s="1"/>
  <c r="F2526" i="2" a="1"/>
  <c r="F2526" i="2" s="1"/>
  <c r="F2507" i="2" a="1"/>
  <c r="F2507" i="2" s="1"/>
  <c r="F2527" i="2" a="1"/>
  <c r="F2527" i="2" s="1"/>
  <c r="F2522" i="2" a="1"/>
  <c r="F2522" i="2" s="1"/>
  <c r="F2509" i="2" a="1"/>
  <c r="F2509" i="2" s="1"/>
  <c r="F2528" i="2" a="1"/>
  <c r="F2528" i="2" s="1"/>
  <c r="F2508" i="2" a="1"/>
  <c r="F2508" i="2" s="1"/>
  <c r="F2513" i="2" a="1"/>
  <c r="F2513" i="2" s="1"/>
  <c r="F2511" i="2" a="1"/>
  <c r="F2511" i="2" s="1"/>
  <c r="F2516" i="2" a="1"/>
  <c r="F2516" i="2" s="1"/>
  <c r="F2506" i="2" a="1"/>
  <c r="F2506" i="2" s="1"/>
  <c r="F2520" i="2" a="1"/>
  <c r="F2520" i="2" s="1"/>
  <c r="F2523" i="2" a="1"/>
  <c r="F2523" i="2" s="1"/>
  <c r="F2512" i="2" a="1"/>
  <c r="F2512" i="2" s="1"/>
  <c r="F2514" i="2" a="1"/>
  <c r="F2514" i="2" s="1"/>
  <c r="F2515" i="2" a="1"/>
  <c r="F2515" i="2" s="1"/>
  <c r="H7383" i="2" a="1"/>
  <c r="H7383" i="2" s="1"/>
  <c r="H7396" i="2" a="1"/>
  <c r="H7396" i="2" s="1"/>
  <c r="H7386" i="2" a="1"/>
  <c r="H7386" i="2" s="1"/>
  <c r="H7378" i="2" a="1"/>
  <c r="H7378" i="2" s="1"/>
  <c r="H7398" i="2" a="1"/>
  <c r="H7398" i="2" s="1"/>
  <c r="H7390" i="2" a="1"/>
  <c r="H7390" i="2" s="1"/>
  <c r="H7388" i="2" a="1"/>
  <c r="H7388" i="2" s="1"/>
  <c r="H7400" i="2" a="1"/>
  <c r="H7400" i="2" s="1"/>
  <c r="H7394" i="2" a="1"/>
  <c r="H7394" i="2" s="1"/>
  <c r="H7384" i="2" a="1"/>
  <c r="H7384" i="2" s="1"/>
  <c r="H7381" i="2" a="1"/>
  <c r="H7381" i="2" s="1"/>
  <c r="H7385" i="2" a="1"/>
  <c r="H7385" i="2" s="1"/>
  <c r="H7379" i="2" a="1"/>
  <c r="H7379" i="2" s="1"/>
  <c r="H7391" i="2" a="1"/>
  <c r="H7391" i="2" s="1"/>
  <c r="H7380" i="2" a="1"/>
  <c r="H7380" i="2" s="1"/>
  <c r="H7392" i="2" a="1"/>
  <c r="H7392" i="2" s="1"/>
  <c r="H7387" i="2" a="1"/>
  <c r="H7387" i="2" s="1"/>
  <c r="H7393" i="2" a="1"/>
  <c r="H7393" i="2" s="1"/>
  <c r="H7397" i="2" a="1"/>
  <c r="H7397" i="2" s="1"/>
  <c r="H7399" i="2" a="1"/>
  <c r="H7399" i="2" s="1"/>
  <c r="H7382" i="2" a="1"/>
  <c r="H7382" i="2" s="1"/>
  <c r="H7395" i="2" a="1"/>
  <c r="H7395" i="2" s="1"/>
  <c r="H7401" i="2" a="1"/>
  <c r="H7401" i="2" s="1"/>
  <c r="H7389" i="2" a="1"/>
  <c r="H7389" i="2" s="1"/>
  <c r="H4707" i="2" a="1"/>
  <c r="H4707" i="2" s="1"/>
  <c r="H4700" i="2" a="1"/>
  <c r="H4700" i="2" s="1"/>
  <c r="H4704" i="2" a="1"/>
  <c r="H4704" i="2" s="1"/>
  <c r="H4711" i="2" a="1"/>
  <c r="H4711" i="2" s="1"/>
  <c r="H4713" i="2" a="1"/>
  <c r="H4713" i="2" s="1"/>
  <c r="H4703" i="2" a="1"/>
  <c r="H4703" i="2" s="1"/>
  <c r="H4694" i="2" a="1"/>
  <c r="H4694" i="2" s="1"/>
  <c r="H4709" i="2" a="1"/>
  <c r="H4709" i="2" s="1"/>
  <c r="H4712" i="2" a="1"/>
  <c r="H4712" i="2" s="1"/>
  <c r="H4705" i="2" a="1"/>
  <c r="H4705" i="2" s="1"/>
  <c r="H4699" i="2" a="1"/>
  <c r="H4699" i="2" s="1"/>
  <c r="H4695" i="2" a="1"/>
  <c r="H4695" i="2" s="1"/>
  <c r="H4696" i="2" a="1"/>
  <c r="H4696" i="2" s="1"/>
  <c r="H4708" i="2" a="1"/>
  <c r="H4708" i="2" s="1"/>
  <c r="H4702" i="2" a="1"/>
  <c r="H4702" i="2" s="1"/>
  <c r="H4692" i="2" a="1"/>
  <c r="H4692" i="2" s="1"/>
  <c r="H4710" i="2" a="1"/>
  <c r="H4710" i="2" s="1"/>
  <c r="H4706" i="2" a="1"/>
  <c r="H4706" i="2" s="1"/>
  <c r="H4697" i="2" a="1"/>
  <c r="H4697" i="2" s="1"/>
  <c r="H4690" i="2" a="1"/>
  <c r="H4690" i="2" s="1"/>
  <c r="H4693" i="2" a="1"/>
  <c r="H4693" i="2" s="1"/>
  <c r="H4698" i="2" a="1"/>
  <c r="H4698" i="2" s="1"/>
  <c r="H4701" i="2" a="1"/>
  <c r="H4701" i="2" s="1"/>
  <c r="H4691" i="2" a="1"/>
  <c r="H4691" i="2" s="1"/>
  <c r="AN46" i="1"/>
  <c r="D52" i="5" s="1"/>
  <c r="AP46" i="1"/>
  <c r="F52" i="5" s="1"/>
  <c r="AQ46" i="1"/>
  <c r="G52" i="5" s="1"/>
  <c r="AO46" i="1"/>
  <c r="E52" i="5" s="1"/>
  <c r="AM46" i="1"/>
  <c r="D1111" i="2" a="1"/>
  <c r="D1111" i="2" s="1"/>
  <c r="D1098" i="2" a="1"/>
  <c r="D1098" i="2" s="1"/>
  <c r="D1102" i="2" a="1"/>
  <c r="D1102" i="2" s="1"/>
  <c r="D1106" i="2" a="1"/>
  <c r="D1106" i="2" s="1"/>
  <c r="D1093" i="2" a="1"/>
  <c r="D1093" i="2" s="1"/>
  <c r="D1097" i="2" a="1"/>
  <c r="D1097" i="2" s="1"/>
  <c r="D1105" i="2" a="1"/>
  <c r="D1105" i="2" s="1"/>
  <c r="D1101" i="2" a="1"/>
  <c r="D1101" i="2" s="1"/>
  <c r="D1092" i="2" a="1"/>
  <c r="D1092" i="2" s="1"/>
  <c r="D1100" i="2" a="1"/>
  <c r="D1100" i="2" s="1"/>
  <c r="D1104" i="2" a="1"/>
  <c r="D1104" i="2" s="1"/>
  <c r="D1108" i="2" a="1"/>
  <c r="D1108" i="2" s="1"/>
  <c r="D1112" i="2" a="1"/>
  <c r="D1112" i="2" s="1"/>
  <c r="D1113" i="2" a="1"/>
  <c r="D1113" i="2" s="1"/>
  <c r="D1109" i="2" a="1"/>
  <c r="D1109" i="2" s="1"/>
  <c r="D1096" i="2" a="1"/>
  <c r="D1096" i="2" s="1"/>
  <c r="D1091" i="2" a="1"/>
  <c r="D1091" i="2" s="1"/>
  <c r="D1095" i="2" a="1"/>
  <c r="D1095" i="2" s="1"/>
  <c r="D1099" i="2" a="1"/>
  <c r="D1099" i="2" s="1"/>
  <c r="D1103" i="2" a="1"/>
  <c r="D1103" i="2" s="1"/>
  <c r="D1107" i="2" a="1"/>
  <c r="D1107" i="2" s="1"/>
  <c r="D1090" i="2" a="1"/>
  <c r="D1090" i="2" s="1"/>
  <c r="D1094" i="2" a="1"/>
  <c r="D1094" i="2" s="1"/>
  <c r="D1110" i="2" a="1"/>
  <c r="D1110" i="2" s="1"/>
  <c r="G8526" i="2" a="1"/>
  <c r="G8526" i="2" s="1"/>
  <c r="G8522" i="2" a="1"/>
  <c r="G8522" i="2" s="1"/>
  <c r="G8528" i="2" a="1"/>
  <c r="G8528" i="2" s="1"/>
  <c r="G8506" i="2" a="1"/>
  <c r="G8506" i="2" s="1"/>
  <c r="G8508" i="2" a="1"/>
  <c r="G8508" i="2" s="1"/>
  <c r="G8513" i="2" a="1"/>
  <c r="G8513" i="2" s="1"/>
  <c r="G8527" i="2" a="1"/>
  <c r="G8527" i="2" s="1"/>
  <c r="G8519" i="2" a="1"/>
  <c r="G8519" i="2" s="1"/>
  <c r="G8529" i="2" a="1"/>
  <c r="G8529" i="2" s="1"/>
  <c r="G8515" i="2" a="1"/>
  <c r="G8515" i="2" s="1"/>
  <c r="G8520" i="2" a="1"/>
  <c r="G8520" i="2" s="1"/>
  <c r="G8516" i="2" a="1"/>
  <c r="G8516" i="2" s="1"/>
  <c r="G8523" i="2" a="1"/>
  <c r="G8523" i="2" s="1"/>
  <c r="G8521" i="2" a="1"/>
  <c r="G8521" i="2" s="1"/>
  <c r="G8525" i="2" a="1"/>
  <c r="G8525" i="2" s="1"/>
  <c r="G8511" i="2" a="1"/>
  <c r="G8511" i="2" s="1"/>
  <c r="G8507" i="2" a="1"/>
  <c r="G8507" i="2" s="1"/>
  <c r="G8509" i="2" a="1"/>
  <c r="G8509" i="2" s="1"/>
  <c r="G8514" i="2" a="1"/>
  <c r="G8514" i="2" s="1"/>
  <c r="G8517" i="2" a="1"/>
  <c r="G8517" i="2" s="1"/>
  <c r="G8518" i="2" a="1"/>
  <c r="G8518" i="2" s="1"/>
  <c r="G8512" i="2" a="1"/>
  <c r="G8512" i="2" s="1"/>
  <c r="G8524" i="2" a="1"/>
  <c r="G8524" i="2" s="1"/>
  <c r="G8510" i="2" a="1"/>
  <c r="G8510" i="2" s="1"/>
  <c r="AP129" i="1"/>
  <c r="F135" i="5" s="1"/>
  <c r="AN129" i="1"/>
  <c r="D135" i="5" s="1"/>
  <c r="AO129" i="1"/>
  <c r="E135" i="5" s="1"/>
  <c r="AQ129" i="1"/>
  <c r="G135" i="5" s="1"/>
  <c r="AM129" i="1"/>
  <c r="D3082" i="2" a="1"/>
  <c r="D3082" i="2" s="1"/>
  <c r="D3094" i="2" a="1"/>
  <c r="D3094" i="2" s="1"/>
  <c r="D3087" i="2" a="1"/>
  <c r="D3087" i="2" s="1"/>
  <c r="D3088" i="2" a="1"/>
  <c r="D3088" i="2" s="1"/>
  <c r="D3095" i="2" a="1"/>
  <c r="D3095" i="2" s="1"/>
  <c r="D3083" i="2" a="1"/>
  <c r="D3083" i="2" s="1"/>
  <c r="D3097" i="2" a="1"/>
  <c r="D3097" i="2" s="1"/>
  <c r="D3084" i="2" a="1"/>
  <c r="D3084" i="2" s="1"/>
  <c r="D3105" i="2" a="1"/>
  <c r="D3105" i="2" s="1"/>
  <c r="D3100" i="2" a="1"/>
  <c r="D3100" i="2" s="1"/>
  <c r="D3086" i="2" a="1"/>
  <c r="D3086" i="2" s="1"/>
  <c r="D3093" i="2" a="1"/>
  <c r="D3093" i="2" s="1"/>
  <c r="D3101" i="2" a="1"/>
  <c r="D3101" i="2" s="1"/>
  <c r="D3104" i="2" a="1"/>
  <c r="D3104" i="2" s="1"/>
  <c r="D3090" i="2" a="1"/>
  <c r="D3090" i="2" s="1"/>
  <c r="D3103" i="2" a="1"/>
  <c r="D3103" i="2" s="1"/>
  <c r="D3092" i="2" a="1"/>
  <c r="D3092" i="2" s="1"/>
  <c r="D3099" i="2" a="1"/>
  <c r="D3099" i="2" s="1"/>
  <c r="D3102" i="2" a="1"/>
  <c r="D3102" i="2" s="1"/>
  <c r="D3085" i="2" a="1"/>
  <c r="D3085" i="2" s="1"/>
  <c r="D3089" i="2" a="1"/>
  <c r="D3089" i="2" s="1"/>
  <c r="D3096" i="2" a="1"/>
  <c r="D3096" i="2" s="1"/>
  <c r="D3091" i="2" a="1"/>
  <c r="D3091" i="2" s="1"/>
  <c r="D3098" i="2" a="1"/>
  <c r="D3098" i="2" s="1"/>
  <c r="E568" i="2" a="1"/>
  <c r="E568" i="2" s="1"/>
  <c r="E585" i="2" a="1"/>
  <c r="E585" i="2" s="1"/>
  <c r="E580" i="2" a="1"/>
  <c r="E580" i="2" s="1"/>
  <c r="E572" i="2" a="1"/>
  <c r="E572" i="2" s="1"/>
  <c r="E583" i="2" a="1"/>
  <c r="E583" i="2" s="1"/>
  <c r="E573" i="2" a="1"/>
  <c r="E573" i="2" s="1"/>
  <c r="E577" i="2" a="1"/>
  <c r="E577" i="2" s="1"/>
  <c r="E566" i="2" a="1"/>
  <c r="E566" i="2" s="1"/>
  <c r="E578" i="2" a="1"/>
  <c r="E578" i="2" s="1"/>
  <c r="E562" i="2" a="1"/>
  <c r="E562" i="2" s="1"/>
  <c r="E569" i="2" a="1"/>
  <c r="E569" i="2" s="1"/>
  <c r="E575" i="2" a="1"/>
  <c r="E575" i="2" s="1"/>
  <c r="E564" i="2" a="1"/>
  <c r="E564" i="2" s="1"/>
  <c r="E584" i="2" a="1"/>
  <c r="E584" i="2" s="1"/>
  <c r="E576" i="2" a="1"/>
  <c r="E576" i="2" s="1"/>
  <c r="E565" i="2" a="1"/>
  <c r="E565" i="2" s="1"/>
  <c r="E581" i="2" a="1"/>
  <c r="E581" i="2" s="1"/>
  <c r="E582" i="2" a="1"/>
  <c r="E582" i="2" s="1"/>
  <c r="E570" i="2" a="1"/>
  <c r="E570" i="2" s="1"/>
  <c r="E563" i="2" a="1"/>
  <c r="E563" i="2" s="1"/>
  <c r="E567" i="2" a="1"/>
  <c r="E567" i="2" s="1"/>
  <c r="E579" i="2" a="1"/>
  <c r="E579" i="2" s="1"/>
  <c r="E571" i="2" a="1"/>
  <c r="E571" i="2" s="1"/>
  <c r="E574" i="2" a="1"/>
  <c r="E574" i="2" s="1"/>
  <c r="G1965" i="2" a="1"/>
  <c r="G1965" i="2" s="1"/>
  <c r="G1964" i="2" a="1"/>
  <c r="G1964" i="2" s="1"/>
  <c r="G1970" i="2" a="1"/>
  <c r="G1970" i="2" s="1"/>
  <c r="G1954" i="2" a="1"/>
  <c r="G1954" i="2" s="1"/>
  <c r="G1972" i="2" a="1"/>
  <c r="G1972" i="2" s="1"/>
  <c r="G1967" i="2" a="1"/>
  <c r="G1967" i="2" s="1"/>
  <c r="G1975" i="2" a="1"/>
  <c r="G1975" i="2" s="1"/>
  <c r="G1976" i="2" a="1"/>
  <c r="G1976" i="2" s="1"/>
  <c r="G1961" i="2" a="1"/>
  <c r="G1961" i="2" s="1"/>
  <c r="G1957" i="2" a="1"/>
  <c r="G1957" i="2" s="1"/>
  <c r="G1971" i="2" a="1"/>
  <c r="G1971" i="2" s="1"/>
  <c r="G1969" i="2" a="1"/>
  <c r="G1969" i="2" s="1"/>
  <c r="G1977" i="2" a="1"/>
  <c r="G1977" i="2" s="1"/>
  <c r="G1956" i="2" a="1"/>
  <c r="G1956" i="2" s="1"/>
  <c r="G1959" i="2" a="1"/>
  <c r="G1959" i="2" s="1"/>
  <c r="G1955" i="2" a="1"/>
  <c r="G1955" i="2" s="1"/>
  <c r="G1962" i="2" a="1"/>
  <c r="G1962" i="2" s="1"/>
  <c r="G1963" i="2" a="1"/>
  <c r="G1963" i="2" s="1"/>
  <c r="G1966" i="2" a="1"/>
  <c r="G1966" i="2" s="1"/>
  <c r="G1968" i="2" a="1"/>
  <c r="G1968" i="2" s="1"/>
  <c r="G1958" i="2" a="1"/>
  <c r="G1958" i="2" s="1"/>
  <c r="G1960" i="2" a="1"/>
  <c r="G1960" i="2" s="1"/>
  <c r="G1974" i="2" a="1"/>
  <c r="G1974" i="2" s="1"/>
  <c r="G1973" i="2" a="1"/>
  <c r="G1973" i="2" s="1"/>
  <c r="AQ249" i="1"/>
  <c r="G255" i="5" s="1"/>
  <c r="AN249" i="1"/>
  <c r="D255" i="5" s="1"/>
  <c r="AP249" i="1"/>
  <c r="F255" i="5" s="1"/>
  <c r="AO249" i="1"/>
  <c r="E255" i="5" s="1"/>
  <c r="AM249" i="1"/>
  <c r="D5979" i="2" a="1"/>
  <c r="D5979" i="2" s="1"/>
  <c r="D5970" i="2" a="1"/>
  <c r="D5970" i="2" s="1"/>
  <c r="D5978" i="2" a="1"/>
  <c r="D5978" i="2" s="1"/>
  <c r="D5963" i="2" a="1"/>
  <c r="D5963" i="2" s="1"/>
  <c r="D5975" i="2" a="1"/>
  <c r="D5975" i="2" s="1"/>
  <c r="D5983" i="2" a="1"/>
  <c r="D5983" i="2" s="1"/>
  <c r="D5962" i="2" a="1"/>
  <c r="D5962" i="2" s="1"/>
  <c r="D5966" i="2" a="1"/>
  <c r="D5966" i="2" s="1"/>
  <c r="D5965" i="2" a="1"/>
  <c r="D5965" i="2" s="1"/>
  <c r="D5969" i="2" a="1"/>
  <c r="D5969" i="2" s="1"/>
  <c r="D5973" i="2" a="1"/>
  <c r="D5973" i="2" s="1"/>
  <c r="D5974" i="2" a="1"/>
  <c r="D5974" i="2" s="1"/>
  <c r="D5982" i="2" a="1"/>
  <c r="D5982" i="2" s="1"/>
  <c r="D5968" i="2" a="1"/>
  <c r="D5968" i="2" s="1"/>
  <c r="D5980" i="2" a="1"/>
  <c r="D5980" i="2" s="1"/>
  <c r="D5977" i="2" a="1"/>
  <c r="D5977" i="2" s="1"/>
  <c r="D5981" i="2" a="1"/>
  <c r="D5981" i="2" s="1"/>
  <c r="D5985" i="2" a="1"/>
  <c r="D5985" i="2" s="1"/>
  <c r="D5984" i="2" a="1"/>
  <c r="D5984" i="2" s="1"/>
  <c r="D5967" i="2" a="1"/>
  <c r="D5967" i="2" s="1"/>
  <c r="D5971" i="2" a="1"/>
  <c r="D5971" i="2" s="1"/>
  <c r="D5964" i="2" a="1"/>
  <c r="D5964" i="2" s="1"/>
  <c r="D5972" i="2" a="1"/>
  <c r="D5972" i="2" s="1"/>
  <c r="D5976" i="2" a="1"/>
  <c r="D5976" i="2" s="1"/>
  <c r="AN54" i="1"/>
  <c r="D60" i="5" s="1"/>
  <c r="AQ54" i="1"/>
  <c r="G60" i="5" s="1"/>
  <c r="AO54" i="1"/>
  <c r="E60" i="5" s="1"/>
  <c r="AP54" i="1"/>
  <c r="F60" i="5" s="1"/>
  <c r="AM54" i="1"/>
  <c r="D1286" i="2" a="1"/>
  <c r="D1286" i="2" s="1"/>
  <c r="D1290" i="2" a="1"/>
  <c r="D1290" i="2" s="1"/>
  <c r="D1298" i="2" a="1"/>
  <c r="D1298" i="2" s="1"/>
  <c r="D1293" i="2" a="1"/>
  <c r="D1293" i="2" s="1"/>
  <c r="D1305" i="2" a="1"/>
  <c r="D1305" i="2" s="1"/>
  <c r="D1297" i="2" a="1"/>
  <c r="D1297" i="2" s="1"/>
  <c r="D1301" i="2" a="1"/>
  <c r="D1301" i="2" s="1"/>
  <c r="D1283" i="2" a="1"/>
  <c r="D1283" i="2" s="1"/>
  <c r="D1287" i="2" a="1"/>
  <c r="D1287" i="2" s="1"/>
  <c r="D1291" i="2" a="1"/>
  <c r="D1291" i="2" s="1"/>
  <c r="D1299" i="2" a="1"/>
  <c r="D1299" i="2" s="1"/>
  <c r="D1295" i="2" a="1"/>
  <c r="D1295" i="2" s="1"/>
  <c r="D1303" i="2" a="1"/>
  <c r="D1303" i="2" s="1"/>
  <c r="D1282" i="2" a="1"/>
  <c r="D1282" i="2" s="1"/>
  <c r="D1294" i="2" a="1"/>
  <c r="D1294" i="2" s="1"/>
  <c r="D1302" i="2" a="1"/>
  <c r="D1302" i="2" s="1"/>
  <c r="D1289" i="2" a="1"/>
  <c r="D1289" i="2" s="1"/>
  <c r="D1284" i="2" a="1"/>
  <c r="D1284" i="2" s="1"/>
  <c r="D1288" i="2" a="1"/>
  <c r="D1288" i="2" s="1"/>
  <c r="D1292" i="2" a="1"/>
  <c r="D1292" i="2" s="1"/>
  <c r="D1296" i="2" a="1"/>
  <c r="D1296" i="2" s="1"/>
  <c r="D1304" i="2" a="1"/>
  <c r="D1304" i="2" s="1"/>
  <c r="D1285" i="2" a="1"/>
  <c r="D1285" i="2" s="1"/>
  <c r="D1300" i="2" a="1"/>
  <c r="D1300" i="2" s="1"/>
  <c r="H4624" i="2" a="1"/>
  <c r="H4624" i="2" s="1"/>
  <c r="H4640" i="2" a="1"/>
  <c r="H4640" i="2" s="1"/>
  <c r="H4634" i="2" a="1"/>
  <c r="H4634" i="2" s="1"/>
  <c r="H4628" i="2" a="1"/>
  <c r="H4628" i="2" s="1"/>
  <c r="H4641" i="2" a="1"/>
  <c r="H4641" i="2" s="1"/>
  <c r="H4635" i="2" a="1"/>
  <c r="H4635" i="2" s="1"/>
  <c r="H4618" i="2" a="1"/>
  <c r="H4618" i="2" s="1"/>
  <c r="H4626" i="2" a="1"/>
  <c r="H4626" i="2" s="1"/>
  <c r="H4619" i="2" a="1"/>
  <c r="H4619" i="2" s="1"/>
  <c r="H4637" i="2" a="1"/>
  <c r="H4637" i="2" s="1"/>
  <c r="H4639" i="2" a="1"/>
  <c r="H4639" i="2" s="1"/>
  <c r="H4620" i="2" a="1"/>
  <c r="H4620" i="2" s="1"/>
  <c r="H4625" i="2" a="1"/>
  <c r="H4625" i="2" s="1"/>
  <c r="H4622" i="2" a="1"/>
  <c r="H4622" i="2" s="1"/>
  <c r="H4627" i="2" a="1"/>
  <c r="H4627" i="2" s="1"/>
  <c r="H4638" i="2" a="1"/>
  <c r="H4638" i="2" s="1"/>
  <c r="H4623" i="2" a="1"/>
  <c r="H4623" i="2" s="1"/>
  <c r="H4621" i="2" a="1"/>
  <c r="H4621" i="2" s="1"/>
  <c r="H4629" i="2" a="1"/>
  <c r="H4629" i="2" s="1"/>
  <c r="H4633" i="2" a="1"/>
  <c r="H4633" i="2" s="1"/>
  <c r="H4631" i="2" a="1"/>
  <c r="H4631" i="2" s="1"/>
  <c r="H4630" i="2" a="1"/>
  <c r="H4630" i="2" s="1"/>
  <c r="H4636" i="2" a="1"/>
  <c r="H4636" i="2" s="1"/>
  <c r="H4632" i="2" a="1"/>
  <c r="H4632" i="2" s="1"/>
  <c r="E6837" i="2" a="1"/>
  <c r="E6837" i="2" s="1"/>
  <c r="E6826" i="2" a="1"/>
  <c r="E6826" i="2" s="1"/>
  <c r="E6845" i="2" a="1"/>
  <c r="E6845" i="2" s="1"/>
  <c r="E6829" i="2" a="1"/>
  <c r="E6829" i="2" s="1"/>
  <c r="E6847" i="2" a="1"/>
  <c r="E6847" i="2" s="1"/>
  <c r="E6834" i="2" a="1"/>
  <c r="E6834" i="2" s="1"/>
  <c r="E6848" i="2" a="1"/>
  <c r="E6848" i="2" s="1"/>
  <c r="E6831" i="2" a="1"/>
  <c r="E6831" i="2" s="1"/>
  <c r="E6835" i="2" a="1"/>
  <c r="E6835" i="2" s="1"/>
  <c r="E6849" i="2" a="1"/>
  <c r="E6849" i="2" s="1"/>
  <c r="E6841" i="2" a="1"/>
  <c r="E6841" i="2" s="1"/>
  <c r="E6840" i="2" a="1"/>
  <c r="E6840" i="2" s="1"/>
  <c r="E6832" i="2" a="1"/>
  <c r="E6832" i="2" s="1"/>
  <c r="E6839" i="2" a="1"/>
  <c r="E6839" i="2" s="1"/>
  <c r="E6833" i="2" a="1"/>
  <c r="E6833" i="2" s="1"/>
  <c r="E6846" i="2" a="1"/>
  <c r="E6846" i="2" s="1"/>
  <c r="E6842" i="2" a="1"/>
  <c r="E6842" i="2" s="1"/>
  <c r="E6843" i="2" a="1"/>
  <c r="E6843" i="2" s="1"/>
  <c r="E6836" i="2" a="1"/>
  <c r="E6836" i="2" s="1"/>
  <c r="E6844" i="2" a="1"/>
  <c r="E6844" i="2" s="1"/>
  <c r="E6830" i="2" a="1"/>
  <c r="E6830" i="2" s="1"/>
  <c r="E6838" i="2" a="1"/>
  <c r="E6838" i="2" s="1"/>
  <c r="E6827" i="2" a="1"/>
  <c r="E6827" i="2" s="1"/>
  <c r="E6828" i="2" a="1"/>
  <c r="E6828" i="2" s="1"/>
  <c r="E6278" i="2" a="1"/>
  <c r="E6278" i="2" s="1"/>
  <c r="E6281" i="2" a="1"/>
  <c r="E6281" i="2" s="1"/>
  <c r="E6279" i="2" a="1"/>
  <c r="E6279" i="2" s="1"/>
  <c r="E6282" i="2" a="1"/>
  <c r="E6282" i="2" s="1"/>
  <c r="E6294" i="2" a="1"/>
  <c r="E6294" i="2" s="1"/>
  <c r="E6283" i="2" a="1"/>
  <c r="E6283" i="2" s="1"/>
  <c r="E6289" i="2" a="1"/>
  <c r="E6289" i="2" s="1"/>
  <c r="E6284" i="2" a="1"/>
  <c r="E6284" i="2" s="1"/>
  <c r="E6286" i="2" a="1"/>
  <c r="E6286" i="2" s="1"/>
  <c r="E6274" i="2" a="1"/>
  <c r="E6274" i="2" s="1"/>
  <c r="E6288" i="2" a="1"/>
  <c r="E6288" i="2" s="1"/>
  <c r="E6277" i="2" a="1"/>
  <c r="E6277" i="2" s="1"/>
  <c r="E6275" i="2" a="1"/>
  <c r="E6275" i="2" s="1"/>
  <c r="E6291" i="2" a="1"/>
  <c r="E6291" i="2" s="1"/>
  <c r="E6280" i="2" a="1"/>
  <c r="E6280" i="2" s="1"/>
  <c r="E6297" i="2" a="1"/>
  <c r="E6297" i="2" s="1"/>
  <c r="E6290" i="2" a="1"/>
  <c r="E6290" i="2" s="1"/>
  <c r="E6276" i="2" a="1"/>
  <c r="E6276" i="2" s="1"/>
  <c r="E6285" i="2" a="1"/>
  <c r="E6285" i="2" s="1"/>
  <c r="E6292" i="2" a="1"/>
  <c r="E6292" i="2" s="1"/>
  <c r="E6293" i="2" a="1"/>
  <c r="E6293" i="2" s="1"/>
  <c r="E6295" i="2" a="1"/>
  <c r="E6295" i="2" s="1"/>
  <c r="E6287" i="2" a="1"/>
  <c r="E6287" i="2" s="1"/>
  <c r="E6296" i="2" a="1"/>
  <c r="E6296" i="2" s="1"/>
  <c r="AO292" i="1"/>
  <c r="E298" i="5" s="1"/>
  <c r="AQ292" i="1"/>
  <c r="G298" i="5" s="1"/>
  <c r="AN292" i="1"/>
  <c r="D298" i="5" s="1"/>
  <c r="AP292" i="1"/>
  <c r="F298" i="5" s="1"/>
  <c r="AM292" i="1"/>
  <c r="D6994" i="2" a="1"/>
  <c r="D6994" i="2" s="1"/>
  <c r="D6998" i="2" a="1"/>
  <c r="D6998" i="2" s="1"/>
  <c r="D7002" i="2" a="1"/>
  <c r="D7002" i="2" s="1"/>
  <c r="D6999" i="2" a="1"/>
  <c r="D6999" i="2" s="1"/>
  <c r="D7007" i="2" a="1"/>
  <c r="D7007" i="2" s="1"/>
  <c r="D7015" i="2" a="1"/>
  <c r="D7015" i="2" s="1"/>
  <c r="D7009" i="2" a="1"/>
  <c r="D7009" i="2" s="1"/>
  <c r="D7005" i="2" a="1"/>
  <c r="D7005" i="2" s="1"/>
  <c r="D7001" i="2" a="1"/>
  <c r="D7001" i="2" s="1"/>
  <c r="D6997" i="2" a="1"/>
  <c r="D6997" i="2" s="1"/>
  <c r="D7013" i="2" a="1"/>
  <c r="D7013" i="2" s="1"/>
  <c r="D7017" i="2" a="1"/>
  <c r="D7017" i="2" s="1"/>
  <c r="D7011" i="2" a="1"/>
  <c r="D7011" i="2" s="1"/>
  <c r="D7003" i="2" a="1"/>
  <c r="D7003" i="2" s="1"/>
  <c r="D6995" i="2" a="1"/>
  <c r="D6995" i="2" s="1"/>
  <c r="D7016" i="2" a="1"/>
  <c r="D7016" i="2" s="1"/>
  <c r="D7012" i="2" a="1"/>
  <c r="D7012" i="2" s="1"/>
  <c r="D7014" i="2" a="1"/>
  <c r="D7014" i="2" s="1"/>
  <c r="D7010" i="2" a="1"/>
  <c r="D7010" i="2" s="1"/>
  <c r="D7004" i="2" a="1"/>
  <c r="D7004" i="2" s="1"/>
  <c r="D7006" i="2" a="1"/>
  <c r="D7006" i="2" s="1"/>
  <c r="D7008" i="2" a="1"/>
  <c r="D7008" i="2" s="1"/>
  <c r="D6996" i="2" a="1"/>
  <c r="D6996" i="2" s="1"/>
  <c r="D7000" i="2" a="1"/>
  <c r="D7000" i="2" s="1"/>
  <c r="E3848" i="2" a="1"/>
  <c r="E3848" i="2" s="1"/>
  <c r="E3839" i="2" a="1"/>
  <c r="E3839" i="2" s="1"/>
  <c r="E3847" i="2" a="1"/>
  <c r="E3847" i="2" s="1"/>
  <c r="E3834" i="2" a="1"/>
  <c r="E3834" i="2" s="1"/>
  <c r="E3835" i="2" a="1"/>
  <c r="E3835" i="2" s="1"/>
  <c r="E3849" i="2" a="1"/>
  <c r="E3849" i="2" s="1"/>
  <c r="E3832" i="2" a="1"/>
  <c r="E3832" i="2" s="1"/>
  <c r="E3840" i="2" a="1"/>
  <c r="E3840" i="2" s="1"/>
  <c r="E3841" i="2" a="1"/>
  <c r="E3841" i="2" s="1"/>
  <c r="E3830" i="2" a="1"/>
  <c r="E3830" i="2" s="1"/>
  <c r="E3833" i="2" a="1"/>
  <c r="E3833" i="2" s="1"/>
  <c r="E3829" i="2" a="1"/>
  <c r="E3829" i="2" s="1"/>
  <c r="E3831" i="2" a="1"/>
  <c r="E3831" i="2" s="1"/>
  <c r="E3842" i="2" a="1"/>
  <c r="E3842" i="2" s="1"/>
  <c r="E3826" i="2" a="1"/>
  <c r="E3826" i="2" s="1"/>
  <c r="E3843" i="2" a="1"/>
  <c r="E3843" i="2" s="1"/>
  <c r="E3836" i="2" a="1"/>
  <c r="E3836" i="2" s="1"/>
  <c r="E3844" i="2" a="1"/>
  <c r="E3844" i="2" s="1"/>
  <c r="E3827" i="2" a="1"/>
  <c r="E3827" i="2" s="1"/>
  <c r="E3845" i="2" a="1"/>
  <c r="E3845" i="2" s="1"/>
  <c r="E3837" i="2" a="1"/>
  <c r="E3837" i="2" s="1"/>
  <c r="E3838" i="2" a="1"/>
  <c r="E3838" i="2" s="1"/>
  <c r="E3828" i="2" a="1"/>
  <c r="E3828" i="2" s="1"/>
  <c r="E3846" i="2" a="1"/>
  <c r="E3846" i="2" s="1"/>
  <c r="G1260" i="2" a="1"/>
  <c r="G1260" i="2" s="1"/>
  <c r="G1265" i="2" a="1"/>
  <c r="G1265" i="2" s="1"/>
  <c r="G1279" i="2" a="1"/>
  <c r="G1279" i="2" s="1"/>
  <c r="G1271" i="2" a="1"/>
  <c r="G1271" i="2" s="1"/>
  <c r="G1266" i="2" a="1"/>
  <c r="G1266" i="2" s="1"/>
  <c r="G1261" i="2" a="1"/>
  <c r="G1261" i="2" s="1"/>
  <c r="G1274" i="2" a="1"/>
  <c r="G1274" i="2" s="1"/>
  <c r="G1276" i="2" a="1"/>
  <c r="G1276" i="2" s="1"/>
  <c r="G1268" i="2" a="1"/>
  <c r="G1268" i="2" s="1"/>
  <c r="G1272" i="2" a="1"/>
  <c r="G1272" i="2" s="1"/>
  <c r="G1278" i="2" a="1"/>
  <c r="G1278" i="2" s="1"/>
  <c r="G1269" i="2" a="1"/>
  <c r="G1269" i="2" s="1"/>
  <c r="G1259" i="2" a="1"/>
  <c r="G1259" i="2" s="1"/>
  <c r="G1270" i="2" a="1"/>
  <c r="G1270" i="2" s="1"/>
  <c r="G1262" i="2" a="1"/>
  <c r="G1262" i="2" s="1"/>
  <c r="G1263" i="2" a="1"/>
  <c r="G1263" i="2" s="1"/>
  <c r="G1267" i="2" a="1"/>
  <c r="G1267" i="2" s="1"/>
  <c r="G1264" i="2" a="1"/>
  <c r="G1264" i="2" s="1"/>
  <c r="G1280" i="2" a="1"/>
  <c r="G1280" i="2" s="1"/>
  <c r="G1258" i="2" a="1"/>
  <c r="G1258" i="2" s="1"/>
  <c r="G1273" i="2" a="1"/>
  <c r="G1273" i="2" s="1"/>
  <c r="G1275" i="2" a="1"/>
  <c r="G1275" i="2" s="1"/>
  <c r="G1277" i="2" a="1"/>
  <c r="G1277" i="2" s="1"/>
  <c r="G1281" i="2" a="1"/>
  <c r="G1281" i="2" s="1"/>
  <c r="H944" i="2" a="1"/>
  <c r="H944" i="2" s="1"/>
  <c r="H927" i="2" a="1"/>
  <c r="H927" i="2" s="1"/>
  <c r="H937" i="2" a="1"/>
  <c r="H937" i="2" s="1"/>
  <c r="H928" i="2" a="1"/>
  <c r="H928" i="2" s="1"/>
  <c r="H940" i="2" a="1"/>
  <c r="H940" i="2" s="1"/>
  <c r="H939" i="2" a="1"/>
  <c r="H939" i="2" s="1"/>
  <c r="H930" i="2" a="1"/>
  <c r="H930" i="2" s="1"/>
  <c r="H942" i="2" a="1"/>
  <c r="H942" i="2" s="1"/>
  <c r="H929" i="2" a="1"/>
  <c r="H929" i="2" s="1"/>
  <c r="H932" i="2" a="1"/>
  <c r="H932" i="2" s="1"/>
  <c r="H945" i="2" a="1"/>
  <c r="H945" i="2" s="1"/>
  <c r="H933" i="2" a="1"/>
  <c r="H933" i="2" s="1"/>
  <c r="H923" i="2" a="1"/>
  <c r="H923" i="2" s="1"/>
  <c r="H924" i="2" a="1"/>
  <c r="H924" i="2" s="1"/>
  <c r="H934" i="2" a="1"/>
  <c r="H934" i="2" s="1"/>
  <c r="H925" i="2" a="1"/>
  <c r="H925" i="2" s="1"/>
  <c r="H935" i="2" a="1"/>
  <c r="H935" i="2" s="1"/>
  <c r="H941" i="2" a="1"/>
  <c r="H941" i="2" s="1"/>
  <c r="H943" i="2" a="1"/>
  <c r="H943" i="2" s="1"/>
  <c r="H931" i="2" a="1"/>
  <c r="H931" i="2" s="1"/>
  <c r="H922" i="2" a="1"/>
  <c r="H922" i="2" s="1"/>
  <c r="H936" i="2" a="1"/>
  <c r="H936" i="2" s="1"/>
  <c r="H926" i="2" a="1"/>
  <c r="H926" i="2" s="1"/>
  <c r="H938" i="2" a="1"/>
  <c r="H938" i="2" s="1"/>
  <c r="E3920" i="2" a="1"/>
  <c r="E3920" i="2" s="1"/>
  <c r="E3911" i="2" a="1"/>
  <c r="E3911" i="2" s="1"/>
  <c r="E3904" i="2" a="1"/>
  <c r="E3904" i="2" s="1"/>
  <c r="E3917" i="2" a="1"/>
  <c r="E3917" i="2" s="1"/>
  <c r="E3898" i="2" a="1"/>
  <c r="E3898" i="2" s="1"/>
  <c r="E3909" i="2" a="1"/>
  <c r="E3909" i="2" s="1"/>
  <c r="E3918" i="2" a="1"/>
  <c r="E3918" i="2" s="1"/>
  <c r="E3905" i="2" a="1"/>
  <c r="E3905" i="2" s="1"/>
  <c r="E3906" i="2" a="1"/>
  <c r="E3906" i="2" s="1"/>
  <c r="E3915" i="2" a="1"/>
  <c r="E3915" i="2" s="1"/>
  <c r="E3912" i="2" a="1"/>
  <c r="E3912" i="2" s="1"/>
  <c r="E3899" i="2" a="1"/>
  <c r="E3899" i="2" s="1"/>
  <c r="E3908" i="2" a="1"/>
  <c r="E3908" i="2" s="1"/>
  <c r="E3921" i="2" a="1"/>
  <c r="E3921" i="2" s="1"/>
  <c r="E3907" i="2" a="1"/>
  <c r="E3907" i="2" s="1"/>
  <c r="E3914" i="2" a="1"/>
  <c r="E3914" i="2" s="1"/>
  <c r="E3900" i="2" a="1"/>
  <c r="E3900" i="2" s="1"/>
  <c r="E3919" i="2" a="1"/>
  <c r="E3919" i="2" s="1"/>
  <c r="E3901" i="2" a="1"/>
  <c r="E3901" i="2" s="1"/>
  <c r="E3913" i="2" a="1"/>
  <c r="E3913" i="2" s="1"/>
  <c r="E3916" i="2" a="1"/>
  <c r="E3916" i="2" s="1"/>
  <c r="E3902" i="2" a="1"/>
  <c r="E3902" i="2" s="1"/>
  <c r="E3903" i="2" a="1"/>
  <c r="E3903" i="2" s="1"/>
  <c r="E3910" i="2" a="1"/>
  <c r="E3910" i="2" s="1"/>
  <c r="G4353" i="2" a="1"/>
  <c r="G4353" i="2" s="1"/>
  <c r="G4333" i="2" a="1"/>
  <c r="G4333" i="2" s="1"/>
  <c r="G4331" i="2" a="1"/>
  <c r="G4331" i="2" s="1"/>
  <c r="G4340" i="2" a="1"/>
  <c r="G4340" i="2" s="1"/>
  <c r="G4339" i="2" a="1"/>
  <c r="G4339" i="2" s="1"/>
  <c r="G4341" i="2" a="1"/>
  <c r="G4341" i="2" s="1"/>
  <c r="G4343" i="2" a="1"/>
  <c r="G4343" i="2" s="1"/>
  <c r="G4332" i="2" a="1"/>
  <c r="G4332" i="2" s="1"/>
  <c r="G4350" i="2" a="1"/>
  <c r="G4350" i="2" s="1"/>
  <c r="G4348" i="2" a="1"/>
  <c r="G4348" i="2" s="1"/>
  <c r="G4345" i="2" a="1"/>
  <c r="G4345" i="2" s="1"/>
  <c r="G4338" i="2" a="1"/>
  <c r="G4338" i="2" s="1"/>
  <c r="G4334" i="2" a="1"/>
  <c r="G4334" i="2" s="1"/>
  <c r="G4335" i="2" a="1"/>
  <c r="G4335" i="2" s="1"/>
  <c r="G4351" i="2" a="1"/>
  <c r="G4351" i="2" s="1"/>
  <c r="G4336" i="2" a="1"/>
  <c r="G4336" i="2" s="1"/>
  <c r="G4344" i="2" a="1"/>
  <c r="G4344" i="2" s="1"/>
  <c r="G4352" i="2" a="1"/>
  <c r="G4352" i="2" s="1"/>
  <c r="G4337" i="2" a="1"/>
  <c r="G4337" i="2" s="1"/>
  <c r="G4346" i="2" a="1"/>
  <c r="G4346" i="2" s="1"/>
  <c r="G4349" i="2" a="1"/>
  <c r="G4349" i="2" s="1"/>
  <c r="G4330" i="2" a="1"/>
  <c r="G4330" i="2" s="1"/>
  <c r="G4347" i="2" a="1"/>
  <c r="G4347" i="2" s="1"/>
  <c r="G4342" i="2" a="1"/>
  <c r="G4342" i="2" s="1"/>
  <c r="H4339" i="2" a="1"/>
  <c r="H4339" i="2" s="1"/>
  <c r="H4353" i="2" a="1"/>
  <c r="H4353" i="2" s="1"/>
  <c r="H4350" i="2" a="1"/>
  <c r="H4350" i="2" s="1"/>
  <c r="H4337" i="2" a="1"/>
  <c r="H4337" i="2" s="1"/>
  <c r="H4343" i="2" a="1"/>
  <c r="H4343" i="2" s="1"/>
  <c r="H4330" i="2" a="1"/>
  <c r="H4330" i="2" s="1"/>
  <c r="H4331" i="2" a="1"/>
  <c r="H4331" i="2" s="1"/>
  <c r="H4336" i="2" a="1"/>
  <c r="H4336" i="2" s="1"/>
  <c r="H4345" i="2" a="1"/>
  <c r="H4345" i="2" s="1"/>
  <c r="H4341" i="2" a="1"/>
  <c r="H4341" i="2" s="1"/>
  <c r="H4344" i="2" a="1"/>
  <c r="H4344" i="2" s="1"/>
  <c r="H4332" i="2" a="1"/>
  <c r="H4332" i="2" s="1"/>
  <c r="H4334" i="2" a="1"/>
  <c r="H4334" i="2" s="1"/>
  <c r="H4342" i="2" a="1"/>
  <c r="H4342" i="2" s="1"/>
  <c r="H4346" i="2" a="1"/>
  <c r="H4346" i="2" s="1"/>
  <c r="H4349" i="2" a="1"/>
  <c r="H4349" i="2" s="1"/>
  <c r="H4351" i="2" a="1"/>
  <c r="H4351" i="2" s="1"/>
  <c r="H4340" i="2" a="1"/>
  <c r="H4340" i="2" s="1"/>
  <c r="H4352" i="2" a="1"/>
  <c r="H4352" i="2" s="1"/>
  <c r="H4333" i="2" a="1"/>
  <c r="H4333" i="2" s="1"/>
  <c r="H4338" i="2" a="1"/>
  <c r="H4338" i="2" s="1"/>
  <c r="H4347" i="2" a="1"/>
  <c r="H4347" i="2" s="1"/>
  <c r="H4335" i="2" a="1"/>
  <c r="H4335" i="2" s="1"/>
  <c r="H4348" i="2" a="1"/>
  <c r="H4348" i="2" s="1"/>
  <c r="F6525" i="2" a="1"/>
  <c r="F6525" i="2" s="1"/>
  <c r="F6533" i="2" a="1"/>
  <c r="F6533" i="2" s="1"/>
  <c r="F6514" i="2" a="1"/>
  <c r="F6514" i="2" s="1"/>
  <c r="F6527" i="2" a="1"/>
  <c r="F6527" i="2" s="1"/>
  <c r="F6519" i="2" a="1"/>
  <c r="F6519" i="2" s="1"/>
  <c r="F6517" i="2" a="1"/>
  <c r="F6517" i="2" s="1"/>
  <c r="F6534" i="2" a="1"/>
  <c r="F6534" i="2" s="1"/>
  <c r="F6532" i="2" a="1"/>
  <c r="F6532" i="2" s="1"/>
  <c r="F6529" i="2" a="1"/>
  <c r="F6529" i="2" s="1"/>
  <c r="F6524" i="2" a="1"/>
  <c r="F6524" i="2" s="1"/>
  <c r="F6516" i="2" a="1"/>
  <c r="F6516" i="2" s="1"/>
  <c r="F6520" i="2" a="1"/>
  <c r="F6520" i="2" s="1"/>
  <c r="F6521" i="2" a="1"/>
  <c r="F6521" i="2" s="1"/>
  <c r="F6528" i="2" a="1"/>
  <c r="F6528" i="2" s="1"/>
  <c r="F6537" i="2" a="1"/>
  <c r="F6537" i="2" s="1"/>
  <c r="F6535" i="2" a="1"/>
  <c r="F6535" i="2" s="1"/>
  <c r="F6526" i="2" a="1"/>
  <c r="F6526" i="2" s="1"/>
  <c r="F6530" i="2" a="1"/>
  <c r="F6530" i="2" s="1"/>
  <c r="F6523" i="2" a="1"/>
  <c r="F6523" i="2" s="1"/>
  <c r="F6522" i="2" a="1"/>
  <c r="F6522" i="2" s="1"/>
  <c r="F6515" i="2" a="1"/>
  <c r="F6515" i="2" s="1"/>
  <c r="F6536" i="2" a="1"/>
  <c r="F6536" i="2" s="1"/>
  <c r="F6531" i="2" a="1"/>
  <c r="F6531" i="2" s="1"/>
  <c r="F6518" i="2" a="1"/>
  <c r="F6518" i="2" s="1"/>
  <c r="G3602" i="2" a="1"/>
  <c r="G3602" i="2" s="1"/>
  <c r="G3590" i="2" a="1"/>
  <c r="G3590" i="2" s="1"/>
  <c r="G3586" i="2" a="1"/>
  <c r="G3586" i="2" s="1"/>
  <c r="G3600" i="2" a="1"/>
  <c r="G3600" i="2" s="1"/>
  <c r="G3587" i="2" a="1"/>
  <c r="G3587" i="2" s="1"/>
  <c r="G3604" i="2" a="1"/>
  <c r="G3604" i="2" s="1"/>
  <c r="G3597" i="2" a="1"/>
  <c r="G3597" i="2" s="1"/>
  <c r="G3589" i="2" a="1"/>
  <c r="G3589" i="2" s="1"/>
  <c r="G3609" i="2" a="1"/>
  <c r="G3609" i="2" s="1"/>
  <c r="G3594" i="2" a="1"/>
  <c r="G3594" i="2" s="1"/>
  <c r="G3598" i="2" a="1"/>
  <c r="G3598" i="2" s="1"/>
  <c r="G3606" i="2" a="1"/>
  <c r="G3606" i="2" s="1"/>
  <c r="G3595" i="2" a="1"/>
  <c r="G3595" i="2" s="1"/>
  <c r="G3603" i="2" a="1"/>
  <c r="G3603" i="2" s="1"/>
  <c r="G3592" i="2" a="1"/>
  <c r="G3592" i="2" s="1"/>
  <c r="G3593" i="2" a="1"/>
  <c r="G3593" i="2" s="1"/>
  <c r="G3596" i="2" a="1"/>
  <c r="G3596" i="2" s="1"/>
  <c r="G3588" i="2" a="1"/>
  <c r="G3588" i="2" s="1"/>
  <c r="G3601" i="2" a="1"/>
  <c r="G3601" i="2" s="1"/>
  <c r="G3608" i="2" a="1"/>
  <c r="G3608" i="2" s="1"/>
  <c r="G3599" i="2" a="1"/>
  <c r="G3599" i="2" s="1"/>
  <c r="G3607" i="2" a="1"/>
  <c r="G3607" i="2" s="1"/>
  <c r="G3591" i="2" a="1"/>
  <c r="G3591" i="2" s="1"/>
  <c r="G3605" i="2" a="1"/>
  <c r="G3605" i="2" s="1"/>
  <c r="E7865" i="2" a="1"/>
  <c r="E7865" i="2" s="1"/>
  <c r="E7881" i="2" a="1"/>
  <c r="E7881" i="2" s="1"/>
  <c r="E7858" i="2" a="1"/>
  <c r="E7858" i="2" s="1"/>
  <c r="E7859" i="2" a="1"/>
  <c r="E7859" i="2" s="1"/>
  <c r="E7862" i="2" a="1"/>
  <c r="E7862" i="2" s="1"/>
  <c r="E7872" i="2" a="1"/>
  <c r="E7872" i="2" s="1"/>
  <c r="E7874" i="2" a="1"/>
  <c r="E7874" i="2" s="1"/>
  <c r="E7878" i="2" a="1"/>
  <c r="E7878" i="2" s="1"/>
  <c r="E7875" i="2" a="1"/>
  <c r="E7875" i="2" s="1"/>
  <c r="E7877" i="2" a="1"/>
  <c r="E7877" i="2" s="1"/>
  <c r="E7866" i="2" a="1"/>
  <c r="E7866" i="2" s="1"/>
  <c r="E7871" i="2" a="1"/>
  <c r="E7871" i="2" s="1"/>
  <c r="E7861" i="2" a="1"/>
  <c r="E7861" i="2" s="1"/>
  <c r="E7867" i="2" a="1"/>
  <c r="E7867" i="2" s="1"/>
  <c r="E7873" i="2" a="1"/>
  <c r="E7873" i="2" s="1"/>
  <c r="E7876" i="2" a="1"/>
  <c r="E7876" i="2" s="1"/>
  <c r="E7869" i="2" a="1"/>
  <c r="E7869" i="2" s="1"/>
  <c r="E7860" i="2" a="1"/>
  <c r="E7860" i="2" s="1"/>
  <c r="E7879" i="2" a="1"/>
  <c r="E7879" i="2" s="1"/>
  <c r="E7880" i="2" a="1"/>
  <c r="E7880" i="2" s="1"/>
  <c r="E7868" i="2" a="1"/>
  <c r="E7868" i="2" s="1"/>
  <c r="E7863" i="2" a="1"/>
  <c r="E7863" i="2" s="1"/>
  <c r="E7870" i="2" a="1"/>
  <c r="E7870" i="2" s="1"/>
  <c r="E7864" i="2" a="1"/>
  <c r="E7864" i="2" s="1"/>
  <c r="G8318" i="2" a="1"/>
  <c r="G8318" i="2" s="1"/>
  <c r="G8324" i="2" a="1"/>
  <c r="G8324" i="2" s="1"/>
  <c r="G8332" i="2" a="1"/>
  <c r="G8332" i="2" s="1"/>
  <c r="G8331" i="2" a="1"/>
  <c r="G8331" i="2" s="1"/>
  <c r="G8337" i="2" a="1"/>
  <c r="G8337" i="2" s="1"/>
  <c r="G8334" i="2" a="1"/>
  <c r="G8334" i="2" s="1"/>
  <c r="G8327" i="2" a="1"/>
  <c r="G8327" i="2" s="1"/>
  <c r="G8316" i="2" a="1"/>
  <c r="G8316" i="2" s="1"/>
  <c r="G8328" i="2" a="1"/>
  <c r="G8328" i="2" s="1"/>
  <c r="G8317" i="2" a="1"/>
  <c r="G8317" i="2" s="1"/>
  <c r="G8321" i="2" a="1"/>
  <c r="G8321" i="2" s="1"/>
  <c r="G8323" i="2" a="1"/>
  <c r="G8323" i="2" s="1"/>
  <c r="G8336" i="2" a="1"/>
  <c r="G8336" i="2" s="1"/>
  <c r="G8335" i="2" a="1"/>
  <c r="G8335" i="2" s="1"/>
  <c r="G8315" i="2" a="1"/>
  <c r="G8315" i="2" s="1"/>
  <c r="G8319" i="2" a="1"/>
  <c r="G8319" i="2" s="1"/>
  <c r="G8320" i="2" a="1"/>
  <c r="G8320" i="2" s="1"/>
  <c r="G8325" i="2" a="1"/>
  <c r="G8325" i="2" s="1"/>
  <c r="G8333" i="2" a="1"/>
  <c r="G8333" i="2" s="1"/>
  <c r="G8330" i="2" a="1"/>
  <c r="G8330" i="2" s="1"/>
  <c r="G8326" i="2" a="1"/>
  <c r="G8326" i="2" s="1"/>
  <c r="G8322" i="2" a="1"/>
  <c r="G8322" i="2" s="1"/>
  <c r="G8329" i="2" a="1"/>
  <c r="G8329" i="2" s="1"/>
  <c r="G8314" i="2" a="1"/>
  <c r="G8314" i="2" s="1"/>
  <c r="F875" i="2" a="1"/>
  <c r="F875" i="2" s="1"/>
  <c r="F878" i="2" a="1"/>
  <c r="F878" i="2" s="1"/>
  <c r="F892" i="2" a="1"/>
  <c r="F892" i="2" s="1"/>
  <c r="F880" i="2" a="1"/>
  <c r="F880" i="2" s="1"/>
  <c r="F879" i="2" a="1"/>
  <c r="F879" i="2" s="1"/>
  <c r="F893" i="2" a="1"/>
  <c r="F893" i="2" s="1"/>
  <c r="F889" i="2" a="1"/>
  <c r="F889" i="2" s="1"/>
  <c r="F895" i="2" a="1"/>
  <c r="F895" i="2" s="1"/>
  <c r="F894" i="2" a="1"/>
  <c r="F894" i="2" s="1"/>
  <c r="F876" i="2" a="1"/>
  <c r="F876" i="2" s="1"/>
  <c r="F885" i="2" a="1"/>
  <c r="F885" i="2" s="1"/>
  <c r="F887" i="2" a="1"/>
  <c r="F887" i="2" s="1"/>
  <c r="F890" i="2" a="1"/>
  <c r="F890" i="2" s="1"/>
  <c r="F874" i="2" a="1"/>
  <c r="F874" i="2" s="1"/>
  <c r="F891" i="2" a="1"/>
  <c r="F891" i="2" s="1"/>
  <c r="F882" i="2" a="1"/>
  <c r="F882" i="2" s="1"/>
  <c r="F881" i="2" a="1"/>
  <c r="F881" i="2" s="1"/>
  <c r="F883" i="2" a="1"/>
  <c r="F883" i="2" s="1"/>
  <c r="F896" i="2" a="1"/>
  <c r="F896" i="2" s="1"/>
  <c r="F888" i="2" a="1"/>
  <c r="F888" i="2" s="1"/>
  <c r="F877" i="2" a="1"/>
  <c r="F877" i="2" s="1"/>
  <c r="F897" i="2" a="1"/>
  <c r="F897" i="2" s="1"/>
  <c r="F886" i="2" a="1"/>
  <c r="F886" i="2" s="1"/>
  <c r="F884" i="2" a="1"/>
  <c r="F884" i="2" s="1"/>
  <c r="H7652" i="2" a="1"/>
  <c r="H7652" i="2" s="1"/>
  <c r="H7660" i="2" a="1"/>
  <c r="H7660" i="2" s="1"/>
  <c r="H7656" i="2" a="1"/>
  <c r="H7656" i="2" s="1"/>
  <c r="H7643" i="2" a="1"/>
  <c r="H7643" i="2" s="1"/>
  <c r="H7649" i="2" a="1"/>
  <c r="H7649" i="2" s="1"/>
  <c r="H7646" i="2" a="1"/>
  <c r="H7646" i="2" s="1"/>
  <c r="H7650" i="2" a="1"/>
  <c r="H7650" i="2" s="1"/>
  <c r="H7659" i="2" a="1"/>
  <c r="H7659" i="2" s="1"/>
  <c r="H7657" i="2" a="1"/>
  <c r="H7657" i="2" s="1"/>
  <c r="H7654" i="2" a="1"/>
  <c r="H7654" i="2" s="1"/>
  <c r="H7651" i="2" a="1"/>
  <c r="H7651" i="2" s="1"/>
  <c r="H7655" i="2" a="1"/>
  <c r="H7655" i="2" s="1"/>
  <c r="H7653" i="2" a="1"/>
  <c r="H7653" i="2" s="1"/>
  <c r="H7664" i="2" a="1"/>
  <c r="H7664" i="2" s="1"/>
  <c r="H7661" i="2" a="1"/>
  <c r="H7661" i="2" s="1"/>
  <c r="H7642" i="2" a="1"/>
  <c r="H7642" i="2" s="1"/>
  <c r="H7665" i="2" a="1"/>
  <c r="H7665" i="2" s="1"/>
  <c r="H7662" i="2" a="1"/>
  <c r="H7662" i="2" s="1"/>
  <c r="H7647" i="2" a="1"/>
  <c r="H7647" i="2" s="1"/>
  <c r="H7648" i="2" a="1"/>
  <c r="H7648" i="2" s="1"/>
  <c r="H7663" i="2" a="1"/>
  <c r="H7663" i="2" s="1"/>
  <c r="H7658" i="2" a="1"/>
  <c r="H7658" i="2" s="1"/>
  <c r="H7645" i="2" a="1"/>
  <c r="H7645" i="2" s="1"/>
  <c r="H7644" i="2" a="1"/>
  <c r="H7644" i="2" s="1"/>
  <c r="G7450" i="2" a="1"/>
  <c r="G7450" i="2" s="1"/>
  <c r="G7459" i="2" a="1"/>
  <c r="G7459" i="2" s="1"/>
  <c r="G7466" i="2" a="1"/>
  <c r="G7466" i="2" s="1"/>
  <c r="G7463" i="2" a="1"/>
  <c r="G7463" i="2" s="1"/>
  <c r="G7453" i="2" a="1"/>
  <c r="G7453" i="2" s="1"/>
  <c r="G7464" i="2" a="1"/>
  <c r="G7464" i="2" s="1"/>
  <c r="G7455" i="2" a="1"/>
  <c r="G7455" i="2" s="1"/>
  <c r="G7451" i="2" a="1"/>
  <c r="G7451" i="2" s="1"/>
  <c r="G7461" i="2" a="1"/>
  <c r="G7461" i="2" s="1"/>
  <c r="G7456" i="2" a="1"/>
  <c r="G7456" i="2" s="1"/>
  <c r="G7473" i="2" a="1"/>
  <c r="G7473" i="2" s="1"/>
  <c r="G7462" i="2" a="1"/>
  <c r="G7462" i="2" s="1"/>
  <c r="G7467" i="2" a="1"/>
  <c r="G7467" i="2" s="1"/>
  <c r="G7460" i="2" a="1"/>
  <c r="G7460" i="2" s="1"/>
  <c r="G7452" i="2" a="1"/>
  <c r="G7452" i="2" s="1"/>
  <c r="G7458" i="2" a="1"/>
  <c r="G7458" i="2" s="1"/>
  <c r="G7457" i="2" a="1"/>
  <c r="G7457" i="2" s="1"/>
  <c r="G7471" i="2" a="1"/>
  <c r="G7471" i="2" s="1"/>
  <c r="G7454" i="2" a="1"/>
  <c r="G7454" i="2" s="1"/>
  <c r="G7472" i="2" a="1"/>
  <c r="G7472" i="2" s="1"/>
  <c r="G7465" i="2" a="1"/>
  <c r="G7465" i="2" s="1"/>
  <c r="G7470" i="2" a="1"/>
  <c r="G7470" i="2" s="1"/>
  <c r="G7468" i="2" a="1"/>
  <c r="G7468" i="2" s="1"/>
  <c r="G7469" i="2" a="1"/>
  <c r="G7469" i="2" s="1"/>
  <c r="F4290" i="2" a="1"/>
  <c r="F4290" i="2" s="1"/>
  <c r="F4284" i="2" a="1"/>
  <c r="F4284" i="2" s="1"/>
  <c r="F4285" i="2" a="1"/>
  <c r="F4285" i="2" s="1"/>
  <c r="F4294" i="2" a="1"/>
  <c r="F4294" i="2" s="1"/>
  <c r="F4286" i="2" a="1"/>
  <c r="F4286" i="2" s="1"/>
  <c r="F4301" i="2" a="1"/>
  <c r="F4301" i="2" s="1"/>
  <c r="F4295" i="2" a="1"/>
  <c r="F4295" i="2" s="1"/>
  <c r="F4303" i="2" a="1"/>
  <c r="F4303" i="2" s="1"/>
  <c r="F4296" i="2" a="1"/>
  <c r="F4296" i="2" s="1"/>
  <c r="F4282" i="2" a="1"/>
  <c r="F4282" i="2" s="1"/>
  <c r="F4287" i="2" a="1"/>
  <c r="F4287" i="2" s="1"/>
  <c r="F4293" i="2" a="1"/>
  <c r="F4293" i="2" s="1"/>
  <c r="F4298" i="2" a="1"/>
  <c r="F4298" i="2" s="1"/>
  <c r="F4297" i="2" a="1"/>
  <c r="F4297" i="2" s="1"/>
  <c r="F4288" i="2" a="1"/>
  <c r="F4288" i="2" s="1"/>
  <c r="F4299" i="2" a="1"/>
  <c r="F4299" i="2" s="1"/>
  <c r="F4291" i="2" a="1"/>
  <c r="F4291" i="2" s="1"/>
  <c r="F4289" i="2" a="1"/>
  <c r="F4289" i="2" s="1"/>
  <c r="F4304" i="2" a="1"/>
  <c r="F4304" i="2" s="1"/>
  <c r="F4305" i="2" a="1"/>
  <c r="F4305" i="2" s="1"/>
  <c r="F4302" i="2" a="1"/>
  <c r="F4302" i="2" s="1"/>
  <c r="F4292" i="2" a="1"/>
  <c r="F4292" i="2" s="1"/>
  <c r="F4300" i="2" a="1"/>
  <c r="F4300" i="2" s="1"/>
  <c r="F4283" i="2" a="1"/>
  <c r="F4283" i="2" s="1"/>
  <c r="G3572" i="2" a="1"/>
  <c r="G3572" i="2" s="1"/>
  <c r="G3575" i="2" a="1"/>
  <c r="G3575" i="2" s="1"/>
  <c r="G3584" i="2" a="1"/>
  <c r="G3584" i="2" s="1"/>
  <c r="G3573" i="2" a="1"/>
  <c r="G3573" i="2" s="1"/>
  <c r="G3582" i="2" a="1"/>
  <c r="G3582" i="2" s="1"/>
  <c r="G3578" i="2" a="1"/>
  <c r="G3578" i="2" s="1"/>
  <c r="G3583" i="2" a="1"/>
  <c r="G3583" i="2" s="1"/>
  <c r="G3563" i="2" a="1"/>
  <c r="G3563" i="2" s="1"/>
  <c r="G3579" i="2" a="1"/>
  <c r="G3579" i="2" s="1"/>
  <c r="G3564" i="2" a="1"/>
  <c r="G3564" i="2" s="1"/>
  <c r="G3581" i="2" a="1"/>
  <c r="G3581" i="2" s="1"/>
  <c r="G3567" i="2" a="1"/>
  <c r="G3567" i="2" s="1"/>
  <c r="G3565" i="2" a="1"/>
  <c r="G3565" i="2" s="1"/>
  <c r="G3569" i="2" a="1"/>
  <c r="G3569" i="2" s="1"/>
  <c r="G3562" i="2" a="1"/>
  <c r="G3562" i="2" s="1"/>
  <c r="G3576" i="2" a="1"/>
  <c r="G3576" i="2" s="1"/>
  <c r="G3568" i="2" a="1"/>
  <c r="G3568" i="2" s="1"/>
  <c r="G3566" i="2" a="1"/>
  <c r="G3566" i="2" s="1"/>
  <c r="G3571" i="2" a="1"/>
  <c r="G3571" i="2" s="1"/>
  <c r="G3580" i="2" a="1"/>
  <c r="G3580" i="2" s="1"/>
  <c r="G3577" i="2" a="1"/>
  <c r="G3577" i="2" s="1"/>
  <c r="G3570" i="2" a="1"/>
  <c r="G3570" i="2" s="1"/>
  <c r="G3574" i="2" a="1"/>
  <c r="G3574" i="2" s="1"/>
  <c r="G3585" i="2" a="1"/>
  <c r="G3585" i="2" s="1"/>
  <c r="AQ130" i="1"/>
  <c r="G136" i="5" s="1"/>
  <c r="AN130" i="1"/>
  <c r="D136" i="5" s="1"/>
  <c r="AO130" i="1"/>
  <c r="E136" i="5" s="1"/>
  <c r="AP130" i="1"/>
  <c r="F136" i="5" s="1"/>
  <c r="AM130" i="1"/>
  <c r="D3108" i="2" a="1"/>
  <c r="D3108" i="2" s="1"/>
  <c r="D3109" i="2" a="1"/>
  <c r="D3109" i="2" s="1"/>
  <c r="D3112" i="2" a="1"/>
  <c r="D3112" i="2" s="1"/>
  <c r="D3116" i="2" a="1"/>
  <c r="D3116" i="2" s="1"/>
  <c r="D3119" i="2" a="1"/>
  <c r="D3119" i="2" s="1"/>
  <c r="D3118" i="2" a="1"/>
  <c r="D3118" i="2" s="1"/>
  <c r="D3125" i="2" a="1"/>
  <c r="D3125" i="2" s="1"/>
  <c r="D3126" i="2" a="1"/>
  <c r="D3126" i="2" s="1"/>
  <c r="D3129" i="2" a="1"/>
  <c r="D3129" i="2" s="1"/>
  <c r="D3128" i="2" a="1"/>
  <c r="D3128" i="2" s="1"/>
  <c r="D3114" i="2" a="1"/>
  <c r="D3114" i="2" s="1"/>
  <c r="D3122" i="2" a="1"/>
  <c r="D3122" i="2" s="1"/>
  <c r="D3115" i="2" a="1"/>
  <c r="D3115" i="2" s="1"/>
  <c r="D3110" i="2" a="1"/>
  <c r="D3110" i="2" s="1"/>
  <c r="D3111" i="2" a="1"/>
  <c r="D3111" i="2" s="1"/>
  <c r="D3120" i="2" a="1"/>
  <c r="D3120" i="2" s="1"/>
  <c r="D3106" i="2" a="1"/>
  <c r="D3106" i="2" s="1"/>
  <c r="D3113" i="2" a="1"/>
  <c r="D3113" i="2" s="1"/>
  <c r="D3117" i="2" a="1"/>
  <c r="D3117" i="2" s="1"/>
  <c r="D3121" i="2" a="1"/>
  <c r="D3121" i="2" s="1"/>
  <c r="D3107" i="2" a="1"/>
  <c r="D3107" i="2" s="1"/>
  <c r="D3123" i="2" a="1"/>
  <c r="D3123" i="2" s="1"/>
  <c r="D3124" i="2" a="1"/>
  <c r="D3124" i="2" s="1"/>
  <c r="D3127" i="2" a="1"/>
  <c r="D3127" i="2" s="1"/>
  <c r="AQ110" i="1"/>
  <c r="G116" i="5" s="1"/>
  <c r="AO110" i="1"/>
  <c r="E116" i="5" s="1"/>
  <c r="AN110" i="1"/>
  <c r="D116" i="5" s="1"/>
  <c r="AP110" i="1"/>
  <c r="F116" i="5" s="1"/>
  <c r="AM110" i="1"/>
  <c r="D2630" i="2" a="1"/>
  <c r="D2630" i="2" s="1"/>
  <c r="D2638" i="2" a="1"/>
  <c r="D2638" i="2" s="1"/>
  <c r="D2629" i="2" a="1"/>
  <c r="D2629" i="2" s="1"/>
  <c r="D2633" i="2" a="1"/>
  <c r="D2633" i="2" s="1"/>
  <c r="D2645" i="2" a="1"/>
  <c r="D2645" i="2" s="1"/>
  <c r="D2649" i="2" a="1"/>
  <c r="D2649" i="2" s="1"/>
  <c r="D2626" i="2" a="1"/>
  <c r="D2626" i="2" s="1"/>
  <c r="D2637" i="2" a="1"/>
  <c r="D2637" i="2" s="1"/>
  <c r="D2632" i="2" a="1"/>
  <c r="D2632" i="2" s="1"/>
  <c r="D2644" i="2" a="1"/>
  <c r="D2644" i="2" s="1"/>
  <c r="D2641" i="2" a="1"/>
  <c r="D2641" i="2" s="1"/>
  <c r="D2631" i="2" a="1"/>
  <c r="D2631" i="2" s="1"/>
  <c r="D2635" i="2" a="1"/>
  <c r="D2635" i="2" s="1"/>
  <c r="D2643" i="2" a="1"/>
  <c r="D2643" i="2" s="1"/>
  <c r="D2636" i="2" a="1"/>
  <c r="D2636" i="2" s="1"/>
  <c r="D2639" i="2" a="1"/>
  <c r="D2639" i="2" s="1"/>
  <c r="D2647" i="2" a="1"/>
  <c r="D2647" i="2" s="1"/>
  <c r="D2634" i="2" a="1"/>
  <c r="D2634" i="2" s="1"/>
  <c r="D2642" i="2" a="1"/>
  <c r="D2642" i="2" s="1"/>
  <c r="D2646" i="2" a="1"/>
  <c r="D2646" i="2" s="1"/>
  <c r="D2627" i="2" a="1"/>
  <c r="D2627" i="2" s="1"/>
  <c r="D2648" i="2" a="1"/>
  <c r="D2648" i="2" s="1"/>
  <c r="D2628" i="2" a="1"/>
  <c r="D2628" i="2" s="1"/>
  <c r="D2640" i="2" a="1"/>
  <c r="D2640" i="2" s="1"/>
  <c r="H6493" i="2" a="1"/>
  <c r="H6493" i="2" s="1"/>
  <c r="H6512" i="2" a="1"/>
  <c r="H6512" i="2" s="1"/>
  <c r="H6504" i="2" a="1"/>
  <c r="H6504" i="2" s="1"/>
  <c r="H6502" i="2" a="1"/>
  <c r="H6502" i="2" s="1"/>
  <c r="H6499" i="2" a="1"/>
  <c r="H6499" i="2" s="1"/>
  <c r="H6494" i="2" a="1"/>
  <c r="H6494" i="2" s="1"/>
  <c r="H6506" i="2" a="1"/>
  <c r="H6506" i="2" s="1"/>
  <c r="H6492" i="2" a="1"/>
  <c r="H6492" i="2" s="1"/>
  <c r="H6507" i="2" a="1"/>
  <c r="H6507" i="2" s="1"/>
  <c r="H6495" i="2" a="1"/>
  <c r="H6495" i="2" s="1"/>
  <c r="H6503" i="2" a="1"/>
  <c r="H6503" i="2" s="1"/>
  <c r="H6508" i="2" a="1"/>
  <c r="H6508" i="2" s="1"/>
  <c r="H6510" i="2" a="1"/>
  <c r="H6510" i="2" s="1"/>
  <c r="H6509" i="2" a="1"/>
  <c r="H6509" i="2" s="1"/>
  <c r="H6496" i="2" a="1"/>
  <c r="H6496" i="2" s="1"/>
  <c r="H6511" i="2" a="1"/>
  <c r="H6511" i="2" s="1"/>
  <c r="H6490" i="2" a="1"/>
  <c r="H6490" i="2" s="1"/>
  <c r="H6500" i="2" a="1"/>
  <c r="H6500" i="2" s="1"/>
  <c r="H6498" i="2" a="1"/>
  <c r="H6498" i="2" s="1"/>
  <c r="H6501" i="2" a="1"/>
  <c r="H6501" i="2" s="1"/>
  <c r="H6491" i="2" a="1"/>
  <c r="H6491" i="2" s="1"/>
  <c r="H6505" i="2" a="1"/>
  <c r="H6505" i="2" s="1"/>
  <c r="H6513" i="2" a="1"/>
  <c r="H6513" i="2" s="1"/>
  <c r="H6497" i="2" a="1"/>
  <c r="H6497" i="2" s="1"/>
  <c r="F2622" i="2" a="1"/>
  <c r="F2622" i="2" s="1"/>
  <c r="F2625" i="2" a="1"/>
  <c r="F2625" i="2" s="1"/>
  <c r="F2617" i="2" a="1"/>
  <c r="F2617" i="2" s="1"/>
  <c r="F2623" i="2" a="1"/>
  <c r="F2623" i="2" s="1"/>
  <c r="F2615" i="2" a="1"/>
  <c r="F2615" i="2" s="1"/>
  <c r="F2603" i="2" a="1"/>
  <c r="F2603" i="2" s="1"/>
  <c r="F2607" i="2" a="1"/>
  <c r="F2607" i="2" s="1"/>
  <c r="F2611" i="2" a="1"/>
  <c r="F2611" i="2" s="1"/>
  <c r="F2608" i="2" a="1"/>
  <c r="F2608" i="2" s="1"/>
  <c r="F2612" i="2" a="1"/>
  <c r="F2612" i="2" s="1"/>
  <c r="F2604" i="2" a="1"/>
  <c r="F2604" i="2" s="1"/>
  <c r="F2619" i="2" a="1"/>
  <c r="F2619" i="2" s="1"/>
  <c r="F2620" i="2" a="1"/>
  <c r="F2620" i="2" s="1"/>
  <c r="F2621" i="2" a="1"/>
  <c r="F2621" i="2" s="1"/>
  <c r="F2616" i="2" a="1"/>
  <c r="F2616" i="2" s="1"/>
  <c r="F2613" i="2" a="1"/>
  <c r="F2613" i="2" s="1"/>
  <c r="F2609" i="2" a="1"/>
  <c r="F2609" i="2" s="1"/>
  <c r="F2614" i="2" a="1"/>
  <c r="F2614" i="2" s="1"/>
  <c r="F2602" i="2" a="1"/>
  <c r="F2602" i="2" s="1"/>
  <c r="F2606" i="2" a="1"/>
  <c r="F2606" i="2" s="1"/>
  <c r="F2618" i="2" a="1"/>
  <c r="F2618" i="2" s="1"/>
  <c r="F2624" i="2" a="1"/>
  <c r="F2624" i="2" s="1"/>
  <c r="F2605" i="2" a="1"/>
  <c r="F2605" i="2" s="1"/>
  <c r="F2610" i="2" a="1"/>
  <c r="F2610" i="2" s="1"/>
  <c r="G887" i="2" a="1"/>
  <c r="G887" i="2" s="1"/>
  <c r="G878" i="2" a="1"/>
  <c r="G878" i="2" s="1"/>
  <c r="G895" i="2" a="1"/>
  <c r="G895" i="2" s="1"/>
  <c r="G888" i="2" a="1"/>
  <c r="G888" i="2" s="1"/>
  <c r="G883" i="2" a="1"/>
  <c r="G883" i="2" s="1"/>
  <c r="G890" i="2" a="1"/>
  <c r="G890" i="2" s="1"/>
  <c r="G884" i="2" a="1"/>
  <c r="G884" i="2" s="1"/>
  <c r="G891" i="2" a="1"/>
  <c r="G891" i="2" s="1"/>
  <c r="G885" i="2" a="1"/>
  <c r="G885" i="2" s="1"/>
  <c r="G882" i="2" a="1"/>
  <c r="G882" i="2" s="1"/>
  <c r="G874" i="2" a="1"/>
  <c r="G874" i="2" s="1"/>
  <c r="G886" i="2" a="1"/>
  <c r="G886" i="2" s="1"/>
  <c r="G896" i="2" a="1"/>
  <c r="G896" i="2" s="1"/>
  <c r="G876" i="2" a="1"/>
  <c r="G876" i="2" s="1"/>
  <c r="G880" i="2" a="1"/>
  <c r="G880" i="2" s="1"/>
  <c r="G881" i="2" a="1"/>
  <c r="G881" i="2" s="1"/>
  <c r="G897" i="2" a="1"/>
  <c r="G897" i="2" s="1"/>
  <c r="G889" i="2" a="1"/>
  <c r="G889" i="2" s="1"/>
  <c r="G875" i="2" a="1"/>
  <c r="G875" i="2" s="1"/>
  <c r="G892" i="2" a="1"/>
  <c r="G892" i="2" s="1"/>
  <c r="G877" i="2" a="1"/>
  <c r="G877" i="2" s="1"/>
  <c r="G893" i="2" a="1"/>
  <c r="G893" i="2" s="1"/>
  <c r="G879" i="2" a="1"/>
  <c r="G879" i="2" s="1"/>
  <c r="G894" i="2" a="1"/>
  <c r="G894" i="2" s="1"/>
  <c r="E6508" i="2" a="1"/>
  <c r="E6508" i="2" s="1"/>
  <c r="E6509" i="2" a="1"/>
  <c r="E6509" i="2" s="1"/>
  <c r="E6490" i="2" a="1"/>
  <c r="E6490" i="2" s="1"/>
  <c r="E6492" i="2" a="1"/>
  <c r="E6492" i="2" s="1"/>
  <c r="E6493" i="2" a="1"/>
  <c r="E6493" i="2" s="1"/>
  <c r="E6510" i="2" a="1"/>
  <c r="E6510" i="2" s="1"/>
  <c r="E6511" i="2" a="1"/>
  <c r="E6511" i="2" s="1"/>
  <c r="E6499" i="2" a="1"/>
  <c r="E6499" i="2" s="1"/>
  <c r="E6505" i="2" a="1"/>
  <c r="E6505" i="2" s="1"/>
  <c r="E6497" i="2" a="1"/>
  <c r="E6497" i="2" s="1"/>
  <c r="E6500" i="2" a="1"/>
  <c r="E6500" i="2" s="1"/>
  <c r="E6495" i="2" a="1"/>
  <c r="E6495" i="2" s="1"/>
  <c r="E6513" i="2" a="1"/>
  <c r="E6513" i="2" s="1"/>
  <c r="E6502" i="2" a="1"/>
  <c r="E6502" i="2" s="1"/>
  <c r="E6504" i="2" a="1"/>
  <c r="E6504" i="2" s="1"/>
  <c r="E6494" i="2" a="1"/>
  <c r="E6494" i="2" s="1"/>
  <c r="E6501" i="2" a="1"/>
  <c r="E6501" i="2" s="1"/>
  <c r="E6512" i="2" a="1"/>
  <c r="E6512" i="2" s="1"/>
  <c r="E6506" i="2" a="1"/>
  <c r="E6506" i="2" s="1"/>
  <c r="E6503" i="2" a="1"/>
  <c r="E6503" i="2" s="1"/>
  <c r="E6496" i="2" a="1"/>
  <c r="E6496" i="2" s="1"/>
  <c r="E6498" i="2" a="1"/>
  <c r="E6498" i="2" s="1"/>
  <c r="E6507" i="2" a="1"/>
  <c r="E6507" i="2" s="1"/>
  <c r="E6491" i="2" a="1"/>
  <c r="E6491" i="2" s="1"/>
  <c r="E6852" i="2" a="1"/>
  <c r="E6852" i="2" s="1"/>
  <c r="E6857" i="2" a="1"/>
  <c r="E6857" i="2" s="1"/>
  <c r="E6871" i="2" a="1"/>
  <c r="E6871" i="2" s="1"/>
  <c r="E6853" i="2" a="1"/>
  <c r="E6853" i="2" s="1"/>
  <c r="E6862" i="2" a="1"/>
  <c r="E6862" i="2" s="1"/>
  <c r="E6859" i="2" a="1"/>
  <c r="E6859" i="2" s="1"/>
  <c r="E6866" i="2" a="1"/>
  <c r="E6866" i="2" s="1"/>
  <c r="E6861" i="2" a="1"/>
  <c r="E6861" i="2" s="1"/>
  <c r="E6869" i="2" a="1"/>
  <c r="E6869" i="2" s="1"/>
  <c r="E6867" i="2" a="1"/>
  <c r="E6867" i="2" s="1"/>
  <c r="E6870" i="2" a="1"/>
  <c r="E6870" i="2" s="1"/>
  <c r="E6865" i="2" a="1"/>
  <c r="E6865" i="2" s="1"/>
  <c r="E6873" i="2" a="1"/>
  <c r="E6873" i="2" s="1"/>
  <c r="E6868" i="2" a="1"/>
  <c r="E6868" i="2" s="1"/>
  <c r="E6860" i="2" a="1"/>
  <c r="E6860" i="2" s="1"/>
  <c r="E6872" i="2" a="1"/>
  <c r="E6872" i="2" s="1"/>
  <c r="E6856" i="2" a="1"/>
  <c r="E6856" i="2" s="1"/>
  <c r="E6858" i="2" a="1"/>
  <c r="E6858" i="2" s="1"/>
  <c r="E6850" i="2" a="1"/>
  <c r="E6850" i="2" s="1"/>
  <c r="E6851" i="2" a="1"/>
  <c r="E6851" i="2" s="1"/>
  <c r="E6855" i="2" a="1"/>
  <c r="E6855" i="2" s="1"/>
  <c r="E6863" i="2" a="1"/>
  <c r="E6863" i="2" s="1"/>
  <c r="E6864" i="2" a="1"/>
  <c r="E6864" i="2" s="1"/>
  <c r="E6854" i="2" a="1"/>
  <c r="E6854" i="2" s="1"/>
  <c r="F6171" i="2" a="1"/>
  <c r="F6171" i="2" s="1"/>
  <c r="F6161" i="2" a="1"/>
  <c r="F6161" i="2" s="1"/>
  <c r="F6168" i="2" a="1"/>
  <c r="F6168" i="2" s="1"/>
  <c r="F6158" i="2" a="1"/>
  <c r="F6158" i="2" s="1"/>
  <c r="F6164" i="2" a="1"/>
  <c r="F6164" i="2" s="1"/>
  <c r="F6159" i="2" a="1"/>
  <c r="F6159" i="2" s="1"/>
  <c r="F6172" i="2" a="1"/>
  <c r="F6172" i="2" s="1"/>
  <c r="F6154" i="2" a="1"/>
  <c r="F6154" i="2" s="1"/>
  <c r="F6177" i="2" a="1"/>
  <c r="F6177" i="2" s="1"/>
  <c r="F6175" i="2" a="1"/>
  <c r="F6175" i="2" s="1"/>
  <c r="F6167" i="2" a="1"/>
  <c r="F6167" i="2" s="1"/>
  <c r="F6173" i="2" a="1"/>
  <c r="F6173" i="2" s="1"/>
  <c r="F6160" i="2" a="1"/>
  <c r="F6160" i="2" s="1"/>
  <c r="F6170" i="2" a="1"/>
  <c r="F6170" i="2" s="1"/>
  <c r="F6163" i="2" a="1"/>
  <c r="F6163" i="2" s="1"/>
  <c r="F6157" i="2" a="1"/>
  <c r="F6157" i="2" s="1"/>
  <c r="F6165" i="2" a="1"/>
  <c r="F6165" i="2" s="1"/>
  <c r="F6162" i="2" a="1"/>
  <c r="F6162" i="2" s="1"/>
  <c r="F6155" i="2" a="1"/>
  <c r="F6155" i="2" s="1"/>
  <c r="F6166" i="2" a="1"/>
  <c r="F6166" i="2" s="1"/>
  <c r="F6169" i="2" a="1"/>
  <c r="F6169" i="2" s="1"/>
  <c r="F6156" i="2" a="1"/>
  <c r="F6156" i="2" s="1"/>
  <c r="F6174" i="2" a="1"/>
  <c r="F6174" i="2" s="1"/>
  <c r="F6176" i="2" a="1"/>
  <c r="F6176" i="2" s="1"/>
  <c r="F8037" i="2" a="1"/>
  <c r="F8037" i="2" s="1"/>
  <c r="F8044" i="2" a="1"/>
  <c r="F8044" i="2" s="1"/>
  <c r="F8033" i="2" a="1"/>
  <c r="F8033" i="2" s="1"/>
  <c r="F8038" i="2" a="1"/>
  <c r="F8038" i="2" s="1"/>
  <c r="F8045" i="2" a="1"/>
  <c r="F8045" i="2" s="1"/>
  <c r="F8028" i="2" a="1"/>
  <c r="F8028" i="2" s="1"/>
  <c r="F8042" i="2" a="1"/>
  <c r="F8042" i="2" s="1"/>
  <c r="F8029" i="2" a="1"/>
  <c r="F8029" i="2" s="1"/>
  <c r="F8043" i="2" a="1"/>
  <c r="F8043" i="2" s="1"/>
  <c r="F8027" i="2" a="1"/>
  <c r="F8027" i="2" s="1"/>
  <c r="F8047" i="2" a="1"/>
  <c r="F8047" i="2" s="1"/>
  <c r="F8030" i="2" a="1"/>
  <c r="F8030" i="2" s="1"/>
  <c r="F8041" i="2" a="1"/>
  <c r="F8041" i="2" s="1"/>
  <c r="F8039" i="2" a="1"/>
  <c r="F8039" i="2" s="1"/>
  <c r="F8048" i="2" a="1"/>
  <c r="F8048" i="2" s="1"/>
  <c r="F8049" i="2" a="1"/>
  <c r="F8049" i="2" s="1"/>
  <c r="F8034" i="2" a="1"/>
  <c r="F8034" i="2" s="1"/>
  <c r="F8040" i="2" a="1"/>
  <c r="F8040" i="2" s="1"/>
  <c r="F8035" i="2" a="1"/>
  <c r="F8035" i="2" s="1"/>
  <c r="F8026" i="2" a="1"/>
  <c r="F8026" i="2" s="1"/>
  <c r="F8046" i="2" a="1"/>
  <c r="F8046" i="2" s="1"/>
  <c r="F8036" i="2" a="1"/>
  <c r="F8036" i="2" s="1"/>
  <c r="F8031" i="2" a="1"/>
  <c r="F8031" i="2" s="1"/>
  <c r="F8032" i="2" a="1"/>
  <c r="F8032" i="2" s="1"/>
  <c r="AQ270" i="1"/>
  <c r="G276" i="5" s="1"/>
  <c r="AO270" i="1"/>
  <c r="E276" i="5" s="1"/>
  <c r="AN270" i="1"/>
  <c r="D276" i="5" s="1"/>
  <c r="AP270" i="1"/>
  <c r="F276" i="5" s="1"/>
  <c r="AM270" i="1"/>
  <c r="D6473" i="2" a="1"/>
  <c r="D6473" i="2" s="1"/>
  <c r="D6481" i="2" a="1"/>
  <c r="D6481" i="2" s="1"/>
  <c r="D6489" i="2" a="1"/>
  <c r="D6489" i="2" s="1"/>
  <c r="D6466" i="2" a="1"/>
  <c r="D6466" i="2" s="1"/>
  <c r="D6478" i="2" a="1"/>
  <c r="D6478" i="2" s="1"/>
  <c r="D6475" i="2" a="1"/>
  <c r="D6475" i="2" s="1"/>
  <c r="D6484" i="2" a="1"/>
  <c r="D6484" i="2" s="1"/>
  <c r="D6467" i="2" a="1"/>
  <c r="D6467" i="2" s="1"/>
  <c r="D6468" i="2" a="1"/>
  <c r="D6468" i="2" s="1"/>
  <c r="D6474" i="2" a="1"/>
  <c r="D6474" i="2" s="1"/>
  <c r="D6470" i="2" a="1"/>
  <c r="D6470" i="2" s="1"/>
  <c r="D6471" i="2" a="1"/>
  <c r="D6471" i="2" s="1"/>
  <c r="D6477" i="2" a="1"/>
  <c r="D6477" i="2" s="1"/>
  <c r="D6487" i="2" a="1"/>
  <c r="D6487" i="2" s="1"/>
  <c r="D6480" i="2" a="1"/>
  <c r="D6480" i="2" s="1"/>
  <c r="D6483" i="2" a="1"/>
  <c r="D6483" i="2" s="1"/>
  <c r="D6479" i="2" a="1"/>
  <c r="D6479" i="2" s="1"/>
  <c r="D6485" i="2" a="1"/>
  <c r="D6485" i="2" s="1"/>
  <c r="D6486" i="2" a="1"/>
  <c r="D6486" i="2" s="1"/>
  <c r="D6482" i="2" a="1"/>
  <c r="D6482" i="2" s="1"/>
  <c r="D6476" i="2" a="1"/>
  <c r="D6476" i="2" s="1"/>
  <c r="D6488" i="2" a="1"/>
  <c r="D6488" i="2" s="1"/>
  <c r="D6469" i="2" a="1"/>
  <c r="D6469" i="2" s="1"/>
  <c r="D6472" i="2" a="1"/>
  <c r="D6472" i="2" s="1"/>
  <c r="AQ95" i="1"/>
  <c r="G101" i="5" s="1"/>
  <c r="AP95" i="1"/>
  <c r="F101" i="5" s="1"/>
  <c r="AN95" i="1"/>
  <c r="D101" i="5" s="1"/>
  <c r="AO95" i="1"/>
  <c r="E101" i="5" s="1"/>
  <c r="AM95" i="1"/>
  <c r="D2287" i="2" a="1"/>
  <c r="D2287" i="2" s="1"/>
  <c r="D2273" i="2" a="1"/>
  <c r="D2273" i="2" s="1"/>
  <c r="D2283" i="2" a="1"/>
  <c r="D2283" i="2" s="1"/>
  <c r="D2266" i="2" a="1"/>
  <c r="D2266" i="2" s="1"/>
  <c r="D2286" i="2" a="1"/>
  <c r="D2286" i="2" s="1"/>
  <c r="D2272" i="2" a="1"/>
  <c r="D2272" i="2" s="1"/>
  <c r="D2280" i="2" a="1"/>
  <c r="D2280" i="2" s="1"/>
  <c r="D2269" i="2" a="1"/>
  <c r="D2269" i="2" s="1"/>
  <c r="D2282" i="2" a="1"/>
  <c r="D2282" i="2" s="1"/>
  <c r="D2268" i="2" a="1"/>
  <c r="D2268" i="2" s="1"/>
  <c r="D2276" i="2" a="1"/>
  <c r="D2276" i="2" s="1"/>
  <c r="D2279" i="2" a="1"/>
  <c r="D2279" i="2" s="1"/>
  <c r="D2289" i="2" a="1"/>
  <c r="D2289" i="2" s="1"/>
  <c r="D2271" i="2" a="1"/>
  <c r="D2271" i="2" s="1"/>
  <c r="D2278" i="2" a="1"/>
  <c r="D2278" i="2" s="1"/>
  <c r="D2285" i="2" a="1"/>
  <c r="D2285" i="2" s="1"/>
  <c r="D2267" i="2" a="1"/>
  <c r="D2267" i="2" s="1"/>
  <c r="D2274" i="2" a="1"/>
  <c r="D2274" i="2" s="1"/>
  <c r="D2288" i="2" a="1"/>
  <c r="D2288" i="2" s="1"/>
  <c r="D2275" i="2" a="1"/>
  <c r="D2275" i="2" s="1"/>
  <c r="D2270" i="2" a="1"/>
  <c r="D2270" i="2" s="1"/>
  <c r="D2277" i="2" a="1"/>
  <c r="D2277" i="2" s="1"/>
  <c r="D2284" i="2" a="1"/>
  <c r="D2284" i="2" s="1"/>
  <c r="D2281" i="2" a="1"/>
  <c r="D2281" i="2" s="1"/>
  <c r="G2982" i="2" a="1"/>
  <c r="G2982" i="2" s="1"/>
  <c r="G2968" i="2" a="1"/>
  <c r="G2968" i="2" s="1"/>
  <c r="G2974" i="2" a="1"/>
  <c r="G2974" i="2" s="1"/>
  <c r="G2962" i="2" a="1"/>
  <c r="G2962" i="2" s="1"/>
  <c r="G2969" i="2" a="1"/>
  <c r="G2969" i="2" s="1"/>
  <c r="G2975" i="2" a="1"/>
  <c r="G2975" i="2" s="1"/>
  <c r="G2977" i="2" a="1"/>
  <c r="G2977" i="2" s="1"/>
  <c r="G2984" i="2" a="1"/>
  <c r="G2984" i="2" s="1"/>
  <c r="G2972" i="2" a="1"/>
  <c r="G2972" i="2" s="1"/>
  <c r="G2963" i="2" a="1"/>
  <c r="G2963" i="2" s="1"/>
  <c r="G2983" i="2" a="1"/>
  <c r="G2983" i="2" s="1"/>
  <c r="G2973" i="2" a="1"/>
  <c r="G2973" i="2" s="1"/>
  <c r="G2967" i="2" a="1"/>
  <c r="G2967" i="2" s="1"/>
  <c r="G2980" i="2" a="1"/>
  <c r="G2980" i="2" s="1"/>
  <c r="G2976" i="2" a="1"/>
  <c r="G2976" i="2" s="1"/>
  <c r="G2979" i="2" a="1"/>
  <c r="G2979" i="2" s="1"/>
  <c r="G2971" i="2" a="1"/>
  <c r="G2971" i="2" s="1"/>
  <c r="G2978" i="2" a="1"/>
  <c r="G2978" i="2" s="1"/>
  <c r="G2970" i="2" a="1"/>
  <c r="G2970" i="2" s="1"/>
  <c r="G2966" i="2" a="1"/>
  <c r="G2966" i="2" s="1"/>
  <c r="G2985" i="2" a="1"/>
  <c r="G2985" i="2" s="1"/>
  <c r="G2965" i="2" a="1"/>
  <c r="G2965" i="2" s="1"/>
  <c r="G2964" i="2" a="1"/>
  <c r="G2964" i="2" s="1"/>
  <c r="G2981" i="2" a="1"/>
  <c r="G2981" i="2" s="1"/>
  <c r="F2497" i="2" a="1"/>
  <c r="F2497" i="2" s="1"/>
  <c r="F2492" i="2" a="1"/>
  <c r="F2492" i="2" s="1"/>
  <c r="F2487" i="2" a="1"/>
  <c r="F2487" i="2" s="1"/>
  <c r="F2503" i="2" a="1"/>
  <c r="F2503" i="2" s="1"/>
  <c r="F2494" i="2" a="1"/>
  <c r="F2494" i="2" s="1"/>
  <c r="F2488" i="2" a="1"/>
  <c r="F2488" i="2" s="1"/>
  <c r="F2491" i="2" a="1"/>
  <c r="F2491" i="2" s="1"/>
  <c r="F2489" i="2" a="1"/>
  <c r="F2489" i="2" s="1"/>
  <c r="F2484" i="2" a="1"/>
  <c r="F2484" i="2" s="1"/>
  <c r="F2496" i="2" a="1"/>
  <c r="F2496" i="2" s="1"/>
  <c r="F2504" i="2" a="1"/>
  <c r="F2504" i="2" s="1"/>
  <c r="F2498" i="2" a="1"/>
  <c r="F2498" i="2" s="1"/>
  <c r="F2501" i="2" a="1"/>
  <c r="F2501" i="2" s="1"/>
  <c r="F2482" i="2" a="1"/>
  <c r="F2482" i="2" s="1"/>
  <c r="F2483" i="2" a="1"/>
  <c r="F2483" i="2" s="1"/>
  <c r="F2500" i="2" a="1"/>
  <c r="F2500" i="2" s="1"/>
  <c r="F2486" i="2" a="1"/>
  <c r="F2486" i="2" s="1"/>
  <c r="F2505" i="2" a="1"/>
  <c r="F2505" i="2" s="1"/>
  <c r="F2485" i="2" a="1"/>
  <c r="F2485" i="2" s="1"/>
  <c r="F2495" i="2" a="1"/>
  <c r="F2495" i="2" s="1"/>
  <c r="F2490" i="2" a="1"/>
  <c r="F2490" i="2" s="1"/>
  <c r="F2499" i="2" a="1"/>
  <c r="F2499" i="2" s="1"/>
  <c r="F2493" i="2" a="1"/>
  <c r="F2493" i="2" s="1"/>
  <c r="F2502" i="2" a="1"/>
  <c r="F2502" i="2" s="1"/>
  <c r="AQ201" i="1"/>
  <c r="G207" i="5" s="1"/>
  <c r="AN201" i="1"/>
  <c r="D207" i="5" s="1"/>
  <c r="AO201" i="1"/>
  <c r="E207" i="5" s="1"/>
  <c r="AP201" i="1"/>
  <c r="F207" i="5" s="1"/>
  <c r="AM201" i="1"/>
  <c r="D4813" i="2" a="1"/>
  <c r="D4813" i="2" s="1"/>
  <c r="D4821" i="2" a="1"/>
  <c r="D4821" i="2" s="1"/>
  <c r="D4825" i="2" a="1"/>
  <c r="D4825" i="2" s="1"/>
  <c r="D4829" i="2" a="1"/>
  <c r="D4829" i="2" s="1"/>
  <c r="D4833" i="2" a="1"/>
  <c r="D4833" i="2" s="1"/>
  <c r="D4817" i="2" a="1"/>
  <c r="D4817" i="2" s="1"/>
  <c r="D4812" i="2" a="1"/>
  <c r="D4812" i="2" s="1"/>
  <c r="D4820" i="2" a="1"/>
  <c r="D4820" i="2" s="1"/>
  <c r="D4824" i="2" a="1"/>
  <c r="D4824" i="2" s="1"/>
  <c r="D4828" i="2" a="1"/>
  <c r="D4828" i="2" s="1"/>
  <c r="D4832" i="2" a="1"/>
  <c r="D4832" i="2" s="1"/>
  <c r="D4811" i="2" a="1"/>
  <c r="D4811" i="2" s="1"/>
  <c r="D4827" i="2" a="1"/>
  <c r="D4827" i="2" s="1"/>
  <c r="D4831" i="2" a="1"/>
  <c r="D4831" i="2" s="1"/>
  <c r="D4816" i="2" a="1"/>
  <c r="D4816" i="2" s="1"/>
  <c r="D4819" i="2" a="1"/>
  <c r="D4819" i="2" s="1"/>
  <c r="D4810" i="2" a="1"/>
  <c r="D4810" i="2" s="1"/>
  <c r="D4814" i="2" a="1"/>
  <c r="D4814" i="2" s="1"/>
  <c r="D4818" i="2" a="1"/>
  <c r="D4818" i="2" s="1"/>
  <c r="D4822" i="2" a="1"/>
  <c r="D4822" i="2" s="1"/>
  <c r="D4826" i="2" a="1"/>
  <c r="D4826" i="2" s="1"/>
  <c r="D4830" i="2" a="1"/>
  <c r="D4830" i="2" s="1"/>
  <c r="D4815" i="2" a="1"/>
  <c r="D4815" i="2" s="1"/>
  <c r="D4823" i="2" a="1"/>
  <c r="D4823" i="2" s="1"/>
  <c r="G6989" i="2" a="1"/>
  <c r="G6989" i="2" s="1"/>
  <c r="G6983" i="2" a="1"/>
  <c r="G6983" i="2" s="1"/>
  <c r="G6979" i="2" a="1"/>
  <c r="G6979" i="2" s="1"/>
  <c r="G6992" i="2" a="1"/>
  <c r="G6992" i="2" s="1"/>
  <c r="G6972" i="2" a="1"/>
  <c r="G6972" i="2" s="1"/>
  <c r="G6986" i="2" a="1"/>
  <c r="G6986" i="2" s="1"/>
  <c r="G6973" i="2" a="1"/>
  <c r="G6973" i="2" s="1"/>
  <c r="G6990" i="2" a="1"/>
  <c r="G6990" i="2" s="1"/>
  <c r="G6974" i="2" a="1"/>
  <c r="G6974" i="2" s="1"/>
  <c r="G6987" i="2" a="1"/>
  <c r="G6987" i="2" s="1"/>
  <c r="G6981" i="2" a="1"/>
  <c r="G6981" i="2" s="1"/>
  <c r="G6977" i="2" a="1"/>
  <c r="G6977" i="2" s="1"/>
  <c r="G6980" i="2" a="1"/>
  <c r="G6980" i="2" s="1"/>
  <c r="G6991" i="2" a="1"/>
  <c r="G6991" i="2" s="1"/>
  <c r="G6970" i="2" a="1"/>
  <c r="G6970" i="2" s="1"/>
  <c r="G6982" i="2" a="1"/>
  <c r="G6982" i="2" s="1"/>
  <c r="G6978" i="2" a="1"/>
  <c r="G6978" i="2" s="1"/>
  <c r="G6984" i="2" a="1"/>
  <c r="G6984" i="2" s="1"/>
  <c r="G6975" i="2" a="1"/>
  <c r="G6975" i="2" s="1"/>
  <c r="G6993" i="2" a="1"/>
  <c r="G6993" i="2" s="1"/>
  <c r="G6971" i="2" a="1"/>
  <c r="G6971" i="2" s="1"/>
  <c r="G6985" i="2" a="1"/>
  <c r="G6985" i="2" s="1"/>
  <c r="G6976" i="2" a="1"/>
  <c r="G6976" i="2" s="1"/>
  <c r="G6988" i="2" a="1"/>
  <c r="G6988" i="2" s="1"/>
  <c r="H2817" i="2" a="1"/>
  <c r="H2817" i="2" s="1"/>
  <c r="H2816" i="2" a="1"/>
  <c r="H2816" i="2" s="1"/>
  <c r="H2803" i="2" a="1"/>
  <c r="H2803" i="2" s="1"/>
  <c r="H2794" i="2" a="1"/>
  <c r="H2794" i="2" s="1"/>
  <c r="H2814" i="2" a="1"/>
  <c r="H2814" i="2" s="1"/>
  <c r="H2811" i="2" a="1"/>
  <c r="H2811" i="2" s="1"/>
  <c r="H2795" i="2" a="1"/>
  <c r="H2795" i="2" s="1"/>
  <c r="H2797" i="2" a="1"/>
  <c r="H2797" i="2" s="1"/>
  <c r="H2815" i="2" a="1"/>
  <c r="H2815" i="2" s="1"/>
  <c r="H2805" i="2" a="1"/>
  <c r="H2805" i="2" s="1"/>
  <c r="H2809" i="2" a="1"/>
  <c r="H2809" i="2" s="1"/>
  <c r="H2808" i="2" a="1"/>
  <c r="H2808" i="2" s="1"/>
  <c r="H2796" i="2" a="1"/>
  <c r="H2796" i="2" s="1"/>
  <c r="H2804" i="2" a="1"/>
  <c r="H2804" i="2" s="1"/>
  <c r="H2806" i="2" a="1"/>
  <c r="H2806" i="2" s="1"/>
  <c r="H2798" i="2" a="1"/>
  <c r="H2798" i="2" s="1"/>
  <c r="H2802" i="2" a="1"/>
  <c r="H2802" i="2" s="1"/>
  <c r="H2810" i="2" a="1"/>
  <c r="H2810" i="2" s="1"/>
  <c r="H2800" i="2" a="1"/>
  <c r="H2800" i="2" s="1"/>
  <c r="H2799" i="2" a="1"/>
  <c r="H2799" i="2" s="1"/>
  <c r="H2812" i="2" a="1"/>
  <c r="H2812" i="2" s="1"/>
  <c r="H2813" i="2" a="1"/>
  <c r="H2813" i="2" s="1"/>
  <c r="H2801" i="2" a="1"/>
  <c r="H2801" i="2" s="1"/>
  <c r="H2807" i="2" a="1"/>
  <c r="H2807" i="2" s="1"/>
  <c r="F6110" i="2" a="1"/>
  <c r="F6110" i="2" s="1"/>
  <c r="F6116" i="2" a="1"/>
  <c r="F6116" i="2" s="1"/>
  <c r="F6107" i="2" a="1"/>
  <c r="F6107" i="2" s="1"/>
  <c r="F6106" i="2" a="1"/>
  <c r="F6106" i="2" s="1"/>
  <c r="F6111" i="2" a="1"/>
  <c r="F6111" i="2" s="1"/>
  <c r="F6123" i="2" a="1"/>
  <c r="F6123" i="2" s="1"/>
  <c r="F6108" i="2" a="1"/>
  <c r="F6108" i="2" s="1"/>
  <c r="F6124" i="2" a="1"/>
  <c r="F6124" i="2" s="1"/>
  <c r="F6126" i="2" a="1"/>
  <c r="F6126" i="2" s="1"/>
  <c r="F6125" i="2" a="1"/>
  <c r="F6125" i="2" s="1"/>
  <c r="F6109" i="2" a="1"/>
  <c r="F6109" i="2" s="1"/>
  <c r="F6118" i="2" a="1"/>
  <c r="F6118" i="2" s="1"/>
  <c r="F6127" i="2" a="1"/>
  <c r="F6127" i="2" s="1"/>
  <c r="F6128" i="2" a="1"/>
  <c r="F6128" i="2" s="1"/>
  <c r="F6119" i="2" a="1"/>
  <c r="F6119" i="2" s="1"/>
  <c r="F6117" i="2" a="1"/>
  <c r="F6117" i="2" s="1"/>
  <c r="F6114" i="2" a="1"/>
  <c r="F6114" i="2" s="1"/>
  <c r="F6120" i="2" a="1"/>
  <c r="F6120" i="2" s="1"/>
  <c r="F6112" i="2" a="1"/>
  <c r="F6112" i="2" s="1"/>
  <c r="F6115" i="2" a="1"/>
  <c r="F6115" i="2" s="1"/>
  <c r="F6121" i="2" a="1"/>
  <c r="F6121" i="2" s="1"/>
  <c r="F6113" i="2" a="1"/>
  <c r="F6113" i="2" s="1"/>
  <c r="F6129" i="2" a="1"/>
  <c r="F6129" i="2" s="1"/>
  <c r="F6122" i="2" a="1"/>
  <c r="F6122" i="2" s="1"/>
  <c r="F2224" i="2" a="1"/>
  <c r="F2224" i="2" s="1"/>
  <c r="F2221" i="2" a="1"/>
  <c r="F2221" i="2" s="1"/>
  <c r="F2226" i="2" a="1"/>
  <c r="F2226" i="2" s="1"/>
  <c r="F2218" i="2" a="1"/>
  <c r="F2218" i="2" s="1"/>
  <c r="F2233" i="2" a="1"/>
  <c r="F2233" i="2" s="1"/>
  <c r="F2241" i="2" a="1"/>
  <c r="F2241" i="2" s="1"/>
  <c r="F2235" i="2" a="1"/>
  <c r="F2235" i="2" s="1"/>
  <c r="F2223" i="2" a="1"/>
  <c r="F2223" i="2" s="1"/>
  <c r="F2219" i="2" a="1"/>
  <c r="F2219" i="2" s="1"/>
  <c r="F2228" i="2" a="1"/>
  <c r="F2228" i="2" s="1"/>
  <c r="F2230" i="2" a="1"/>
  <c r="F2230" i="2" s="1"/>
  <c r="F2231" i="2" a="1"/>
  <c r="F2231" i="2" s="1"/>
  <c r="F2220" i="2" a="1"/>
  <c r="F2220" i="2" s="1"/>
  <c r="F2234" i="2" a="1"/>
  <c r="F2234" i="2" s="1"/>
  <c r="F2232" i="2" a="1"/>
  <c r="F2232" i="2" s="1"/>
  <c r="F2236" i="2" a="1"/>
  <c r="F2236" i="2" s="1"/>
  <c r="F2239" i="2" a="1"/>
  <c r="F2239" i="2" s="1"/>
  <c r="F2237" i="2" a="1"/>
  <c r="F2237" i="2" s="1"/>
  <c r="F2238" i="2" a="1"/>
  <c r="F2238" i="2" s="1"/>
  <c r="F2240" i="2" a="1"/>
  <c r="F2240" i="2" s="1"/>
  <c r="F2222" i="2" a="1"/>
  <c r="F2222" i="2" s="1"/>
  <c r="F2229" i="2" a="1"/>
  <c r="F2229" i="2" s="1"/>
  <c r="F2227" i="2" a="1"/>
  <c r="F2227" i="2" s="1"/>
  <c r="F2225" i="2" a="1"/>
  <c r="F2225" i="2" s="1"/>
  <c r="E1779" i="2" a="1"/>
  <c r="E1779" i="2" s="1"/>
  <c r="E1774" i="2" a="1"/>
  <c r="E1774" i="2" s="1"/>
  <c r="E1766" i="2" a="1"/>
  <c r="E1766" i="2" s="1"/>
  <c r="E1767" i="2" a="1"/>
  <c r="E1767" i="2" s="1"/>
  <c r="E1782" i="2" a="1"/>
  <c r="E1782" i="2" s="1"/>
  <c r="E1768" i="2" a="1"/>
  <c r="E1768" i="2" s="1"/>
  <c r="E1778" i="2" a="1"/>
  <c r="E1778" i="2" s="1"/>
  <c r="E1775" i="2" a="1"/>
  <c r="E1775" i="2" s="1"/>
  <c r="E1765" i="2" a="1"/>
  <c r="E1765" i="2" s="1"/>
  <c r="E1780" i="2" a="1"/>
  <c r="E1780" i="2" s="1"/>
  <c r="E1762" i="2" a="1"/>
  <c r="E1762" i="2" s="1"/>
  <c r="E1763" i="2" a="1"/>
  <c r="E1763" i="2" s="1"/>
  <c r="E1771" i="2" a="1"/>
  <c r="E1771" i="2" s="1"/>
  <c r="E1776" i="2" a="1"/>
  <c r="E1776" i="2" s="1"/>
  <c r="E1770" i="2" a="1"/>
  <c r="E1770" i="2" s="1"/>
  <c r="E1764" i="2" a="1"/>
  <c r="E1764" i="2" s="1"/>
  <c r="E1781" i="2" a="1"/>
  <c r="E1781" i="2" s="1"/>
  <c r="E1777" i="2" a="1"/>
  <c r="E1777" i="2" s="1"/>
  <c r="E1783" i="2" a="1"/>
  <c r="E1783" i="2" s="1"/>
  <c r="E1785" i="2" a="1"/>
  <c r="E1785" i="2" s="1"/>
  <c r="E1769" i="2" a="1"/>
  <c r="E1769" i="2" s="1"/>
  <c r="E1773" i="2" a="1"/>
  <c r="E1773" i="2" s="1"/>
  <c r="E1784" i="2" a="1"/>
  <c r="E1784" i="2" s="1"/>
  <c r="E1772" i="2" a="1"/>
  <c r="E1772" i="2" s="1"/>
  <c r="F5287" i="2" a="1"/>
  <c r="F5287" i="2" s="1"/>
  <c r="F5281" i="2" a="1"/>
  <c r="F5281" i="2" s="1"/>
  <c r="F5280" i="2" a="1"/>
  <c r="F5280" i="2" s="1"/>
  <c r="F5288" i="2" a="1"/>
  <c r="F5288" i="2" s="1"/>
  <c r="F5271" i="2" a="1"/>
  <c r="F5271" i="2" s="1"/>
  <c r="F5283" i="2" a="1"/>
  <c r="F5283" i="2" s="1"/>
  <c r="F5289" i="2" a="1"/>
  <c r="F5289" i="2" s="1"/>
  <c r="F5284" i="2" a="1"/>
  <c r="F5284" i="2" s="1"/>
  <c r="F5272" i="2" a="1"/>
  <c r="F5272" i="2" s="1"/>
  <c r="F5285" i="2" a="1"/>
  <c r="F5285" i="2" s="1"/>
  <c r="F5276" i="2" a="1"/>
  <c r="F5276" i="2" s="1"/>
  <c r="F5278" i="2" a="1"/>
  <c r="F5278" i="2" s="1"/>
  <c r="F5270" i="2" a="1"/>
  <c r="F5270" i="2" s="1"/>
  <c r="F5273" i="2" a="1"/>
  <c r="F5273" i="2" s="1"/>
  <c r="F5267" i="2" a="1"/>
  <c r="F5267" i="2" s="1"/>
  <c r="F5268" i="2" a="1"/>
  <c r="F5268" i="2" s="1"/>
  <c r="F5275" i="2" a="1"/>
  <c r="F5275" i="2" s="1"/>
  <c r="F5266" i="2" a="1"/>
  <c r="F5266" i="2" s="1"/>
  <c r="F5286" i="2" a="1"/>
  <c r="F5286" i="2" s="1"/>
  <c r="F5274" i="2" a="1"/>
  <c r="F5274" i="2" s="1"/>
  <c r="F5277" i="2" a="1"/>
  <c r="F5277" i="2" s="1"/>
  <c r="F5279" i="2" a="1"/>
  <c r="F5279" i="2" s="1"/>
  <c r="F5269" i="2" a="1"/>
  <c r="F5269" i="2" s="1"/>
  <c r="F5282" i="2" a="1"/>
  <c r="F5282" i="2" s="1"/>
  <c r="E7305" i="2" a="1"/>
  <c r="E7305" i="2" s="1"/>
  <c r="E7289" i="2" a="1"/>
  <c r="E7289" i="2" s="1"/>
  <c r="E7284" i="2" a="1"/>
  <c r="E7284" i="2" s="1"/>
  <c r="E7290" i="2" a="1"/>
  <c r="E7290" i="2" s="1"/>
  <c r="E7292" i="2" a="1"/>
  <c r="E7292" i="2" s="1"/>
  <c r="E7296" i="2" a="1"/>
  <c r="E7296" i="2" s="1"/>
  <c r="E7282" i="2" a="1"/>
  <c r="E7282" i="2" s="1"/>
  <c r="E7294" i="2" a="1"/>
  <c r="E7294" i="2" s="1"/>
  <c r="E7302" i="2" a="1"/>
  <c r="E7302" i="2" s="1"/>
  <c r="E7295" i="2" a="1"/>
  <c r="E7295" i="2" s="1"/>
  <c r="E7298" i="2" a="1"/>
  <c r="E7298" i="2" s="1"/>
  <c r="E7287" i="2" a="1"/>
  <c r="E7287" i="2" s="1"/>
  <c r="E7304" i="2" a="1"/>
  <c r="E7304" i="2" s="1"/>
  <c r="E7303" i="2" a="1"/>
  <c r="E7303" i="2" s="1"/>
  <c r="E7301" i="2" a="1"/>
  <c r="E7301" i="2" s="1"/>
  <c r="E7299" i="2" a="1"/>
  <c r="E7299" i="2" s="1"/>
  <c r="E7291" i="2" a="1"/>
  <c r="E7291" i="2" s="1"/>
  <c r="E7286" i="2" a="1"/>
  <c r="E7286" i="2" s="1"/>
  <c r="E7283" i="2" a="1"/>
  <c r="E7283" i="2" s="1"/>
  <c r="E7293" i="2" a="1"/>
  <c r="E7293" i="2" s="1"/>
  <c r="E7297" i="2" a="1"/>
  <c r="E7297" i="2" s="1"/>
  <c r="E7300" i="2" a="1"/>
  <c r="E7300" i="2" s="1"/>
  <c r="E7288" i="2" a="1"/>
  <c r="E7288" i="2" s="1"/>
  <c r="E7285" i="2" a="1"/>
  <c r="E7285" i="2" s="1"/>
  <c r="F7831" i="2" a="1"/>
  <c r="F7831" i="2" s="1"/>
  <c r="F7833" i="2" a="1"/>
  <c r="F7833" i="2" s="1"/>
  <c r="F7822" i="2" a="1"/>
  <c r="F7822" i="2" s="1"/>
  <c r="F7827" i="2" a="1"/>
  <c r="F7827" i="2" s="1"/>
  <c r="F7815" i="2" a="1"/>
  <c r="F7815" i="2" s="1"/>
  <c r="F7825" i="2" a="1"/>
  <c r="F7825" i="2" s="1"/>
  <c r="F7820" i="2" a="1"/>
  <c r="F7820" i="2" s="1"/>
  <c r="F7821" i="2" a="1"/>
  <c r="F7821" i="2" s="1"/>
  <c r="F7829" i="2" a="1"/>
  <c r="F7829" i="2" s="1"/>
  <c r="F7832" i="2" a="1"/>
  <c r="F7832" i="2" s="1"/>
  <c r="F7816" i="2" a="1"/>
  <c r="F7816" i="2" s="1"/>
  <c r="F7813" i="2" a="1"/>
  <c r="F7813" i="2" s="1"/>
  <c r="F7828" i="2" a="1"/>
  <c r="F7828" i="2" s="1"/>
  <c r="F7818" i="2" a="1"/>
  <c r="F7818" i="2" s="1"/>
  <c r="F7810" i="2" a="1"/>
  <c r="F7810" i="2" s="1"/>
  <c r="F7823" i="2" a="1"/>
  <c r="F7823" i="2" s="1"/>
  <c r="F7826" i="2" a="1"/>
  <c r="F7826" i="2" s="1"/>
  <c r="F7830" i="2" a="1"/>
  <c r="F7830" i="2" s="1"/>
  <c r="F7811" i="2" a="1"/>
  <c r="F7811" i="2" s="1"/>
  <c r="F7812" i="2" a="1"/>
  <c r="F7812" i="2" s="1"/>
  <c r="F7814" i="2" a="1"/>
  <c r="F7814" i="2" s="1"/>
  <c r="F7819" i="2" a="1"/>
  <c r="F7819" i="2" s="1"/>
  <c r="F7817" i="2" a="1"/>
  <c r="F7817" i="2" s="1"/>
  <c r="F7824" i="2" a="1"/>
  <c r="F7824" i="2" s="1"/>
  <c r="AP44" i="1"/>
  <c r="F50" i="5" s="1"/>
  <c r="AO44" i="1"/>
  <c r="E50" i="5" s="1"/>
  <c r="AN44" i="1"/>
  <c r="D50" i="5" s="1"/>
  <c r="AQ44" i="1"/>
  <c r="G50" i="5" s="1"/>
  <c r="AM44" i="1"/>
  <c r="D1043" i="2" a="1"/>
  <c r="D1043" i="2" s="1"/>
  <c r="D1046" i="2" a="1"/>
  <c r="D1046" i="2" s="1"/>
  <c r="D1049" i="2" a="1"/>
  <c r="D1049" i="2" s="1"/>
  <c r="D1042" i="2" a="1"/>
  <c r="D1042" i="2" s="1"/>
  <c r="D1053" i="2" a="1"/>
  <c r="D1053" i="2" s="1"/>
  <c r="D1060" i="2" a="1"/>
  <c r="D1060" i="2" s="1"/>
  <c r="D1044" i="2" a="1"/>
  <c r="D1044" i="2" s="1"/>
  <c r="D1057" i="2" a="1"/>
  <c r="D1057" i="2" s="1"/>
  <c r="D1061" i="2" a="1"/>
  <c r="D1061" i="2" s="1"/>
  <c r="D1045" i="2" a="1"/>
  <c r="D1045" i="2" s="1"/>
  <c r="D1048" i="2" a="1"/>
  <c r="D1048" i="2" s="1"/>
  <c r="D1052" i="2" a="1"/>
  <c r="D1052" i="2" s="1"/>
  <c r="D1064" i="2" a="1"/>
  <c r="D1064" i="2" s="1"/>
  <c r="D1047" i="2" a="1"/>
  <c r="D1047" i="2" s="1"/>
  <c r="D1051" i="2" a="1"/>
  <c r="D1051" i="2" s="1"/>
  <c r="D1055" i="2" a="1"/>
  <c r="D1055" i="2" s="1"/>
  <c r="D1056" i="2" a="1"/>
  <c r="D1056" i="2" s="1"/>
  <c r="D1059" i="2" a="1"/>
  <c r="D1059" i="2" s="1"/>
  <c r="D1063" i="2" a="1"/>
  <c r="D1063" i="2" s="1"/>
  <c r="D1050" i="2" a="1"/>
  <c r="D1050" i="2" s="1"/>
  <c r="D1054" i="2" a="1"/>
  <c r="D1054" i="2" s="1"/>
  <c r="D1058" i="2" a="1"/>
  <c r="D1058" i="2" s="1"/>
  <c r="D1062" i="2" a="1"/>
  <c r="D1062" i="2" s="1"/>
  <c r="D1065" i="2" a="1"/>
  <c r="D1065" i="2" s="1"/>
  <c r="F7806" i="2" a="1"/>
  <c r="F7806" i="2" s="1"/>
  <c r="F7803" i="2" a="1"/>
  <c r="F7803" i="2" s="1"/>
  <c r="F7807" i="2" a="1"/>
  <c r="F7807" i="2" s="1"/>
  <c r="F7797" i="2" a="1"/>
  <c r="F7797" i="2" s="1"/>
  <c r="F7808" i="2" a="1"/>
  <c r="F7808" i="2" s="1"/>
  <c r="F7805" i="2" a="1"/>
  <c r="F7805" i="2" s="1"/>
  <c r="F7793" i="2" a="1"/>
  <c r="F7793" i="2" s="1"/>
  <c r="F7789" i="2" a="1"/>
  <c r="F7789" i="2" s="1"/>
  <c r="F7800" i="2" a="1"/>
  <c r="F7800" i="2" s="1"/>
  <c r="F7788" i="2" a="1"/>
  <c r="F7788" i="2" s="1"/>
  <c r="F7790" i="2" a="1"/>
  <c r="F7790" i="2" s="1"/>
  <c r="F7796" i="2" a="1"/>
  <c r="F7796" i="2" s="1"/>
  <c r="F7809" i="2" a="1"/>
  <c r="F7809" i="2" s="1"/>
  <c r="F7802" i="2" a="1"/>
  <c r="F7802" i="2" s="1"/>
  <c r="F7786" i="2" a="1"/>
  <c r="F7786" i="2" s="1"/>
  <c r="F7804" i="2" a="1"/>
  <c r="F7804" i="2" s="1"/>
  <c r="F7787" i="2" a="1"/>
  <c r="F7787" i="2" s="1"/>
  <c r="F7794" i="2" a="1"/>
  <c r="F7794" i="2" s="1"/>
  <c r="F7795" i="2" a="1"/>
  <c r="F7795" i="2" s="1"/>
  <c r="F7801" i="2" a="1"/>
  <c r="F7801" i="2" s="1"/>
  <c r="F7791" i="2" a="1"/>
  <c r="F7791" i="2" s="1"/>
  <c r="F7798" i="2" a="1"/>
  <c r="F7798" i="2" s="1"/>
  <c r="F7799" i="2" a="1"/>
  <c r="F7799" i="2" s="1"/>
  <c r="F7792" i="2" a="1"/>
  <c r="F7792" i="2" s="1"/>
  <c r="F598" i="2" a="1"/>
  <c r="F598" i="2" s="1"/>
  <c r="F603" i="2" a="1"/>
  <c r="F603" i="2" s="1"/>
  <c r="F604" i="2" a="1"/>
  <c r="F604" i="2" s="1"/>
  <c r="F607" i="2" a="1"/>
  <c r="F607" i="2" s="1"/>
  <c r="F599" i="2" a="1"/>
  <c r="F599" i="2" s="1"/>
  <c r="F605" i="2" a="1"/>
  <c r="F605" i="2" s="1"/>
  <c r="F591" i="2" a="1"/>
  <c r="F591" i="2" s="1"/>
  <c r="F601" i="2" a="1"/>
  <c r="F601" i="2" s="1"/>
  <c r="F608" i="2" a="1"/>
  <c r="F608" i="2" s="1"/>
  <c r="F589" i="2" a="1"/>
  <c r="F589" i="2" s="1"/>
  <c r="F594" i="2" a="1"/>
  <c r="F594" i="2" s="1"/>
  <c r="F600" i="2" a="1"/>
  <c r="F600" i="2" s="1"/>
  <c r="F606" i="2" a="1"/>
  <c r="F606" i="2" s="1"/>
  <c r="F586" i="2" a="1"/>
  <c r="F586" i="2" s="1"/>
  <c r="F590" i="2" a="1"/>
  <c r="F590" i="2" s="1"/>
  <c r="F592" i="2" a="1"/>
  <c r="F592" i="2" s="1"/>
  <c r="F595" i="2" a="1"/>
  <c r="F595" i="2" s="1"/>
  <c r="F593" i="2" a="1"/>
  <c r="F593" i="2" s="1"/>
  <c r="F596" i="2" a="1"/>
  <c r="F596" i="2" s="1"/>
  <c r="F588" i="2" a="1"/>
  <c r="F588" i="2" s="1"/>
  <c r="F602" i="2" a="1"/>
  <c r="F602" i="2" s="1"/>
  <c r="F597" i="2" a="1"/>
  <c r="F597" i="2" s="1"/>
  <c r="F587" i="2" a="1"/>
  <c r="F587" i="2" s="1"/>
  <c r="F609" i="2" a="1"/>
  <c r="F609" i="2" s="1"/>
  <c r="H4131" i="2" a="1"/>
  <c r="H4131" i="2" s="1"/>
  <c r="H4124" i="2" a="1"/>
  <c r="H4124" i="2" s="1"/>
  <c r="H4115" i="2" a="1"/>
  <c r="H4115" i="2" s="1"/>
  <c r="H4126" i="2" a="1"/>
  <c r="H4126" i="2" s="1"/>
  <c r="H4136" i="2" a="1"/>
  <c r="H4136" i="2" s="1"/>
  <c r="H4127" i="2" a="1"/>
  <c r="H4127" i="2" s="1"/>
  <c r="H4133" i="2" a="1"/>
  <c r="H4133" i="2" s="1"/>
  <c r="H4128" i="2" a="1"/>
  <c r="H4128" i="2" s="1"/>
  <c r="H4122" i="2" a="1"/>
  <c r="H4122" i="2" s="1"/>
  <c r="H4137" i="2" a="1"/>
  <c r="H4137" i="2" s="1"/>
  <c r="H4135" i="2" a="1"/>
  <c r="H4135" i="2" s="1"/>
  <c r="H4123" i="2" a="1"/>
  <c r="H4123" i="2" s="1"/>
  <c r="H4114" i="2" a="1"/>
  <c r="H4114" i="2" s="1"/>
  <c r="H4130" i="2" a="1"/>
  <c r="H4130" i="2" s="1"/>
  <c r="H4120" i="2" a="1"/>
  <c r="H4120" i="2" s="1"/>
  <c r="H4121" i="2" a="1"/>
  <c r="H4121" i="2" s="1"/>
  <c r="H4116" i="2" a="1"/>
  <c r="H4116" i="2" s="1"/>
  <c r="H4129" i="2" a="1"/>
  <c r="H4129" i="2" s="1"/>
  <c r="H4118" i="2" a="1"/>
  <c r="H4118" i="2" s="1"/>
  <c r="H4117" i="2" a="1"/>
  <c r="H4117" i="2" s="1"/>
  <c r="H4125" i="2" a="1"/>
  <c r="H4125" i="2" s="1"/>
  <c r="H4134" i="2" a="1"/>
  <c r="H4134" i="2" s="1"/>
  <c r="H4132" i="2" a="1"/>
  <c r="H4132" i="2" s="1"/>
  <c r="H4119" i="2" a="1"/>
  <c r="H4119" i="2" s="1"/>
  <c r="AQ319" i="1"/>
  <c r="G325" i="5" s="1"/>
  <c r="AO319" i="1"/>
  <c r="E325" i="5" s="1"/>
  <c r="AP319" i="1"/>
  <c r="F325" i="5" s="1"/>
  <c r="AN319" i="1"/>
  <c r="D325" i="5" s="1"/>
  <c r="AM319" i="1"/>
  <c r="D7642" i="2" a="1"/>
  <c r="D7642" i="2" s="1"/>
  <c r="D7646" i="2" a="1"/>
  <c r="D7646" i="2" s="1"/>
  <c r="D7650" i="2" a="1"/>
  <c r="D7650" i="2" s="1"/>
  <c r="D7654" i="2" a="1"/>
  <c r="D7654" i="2" s="1"/>
  <c r="D7662" i="2" a="1"/>
  <c r="D7662" i="2" s="1"/>
  <c r="D7664" i="2" a="1"/>
  <c r="D7664" i="2" s="1"/>
  <c r="D7643" i="2" a="1"/>
  <c r="D7643" i="2" s="1"/>
  <c r="D7647" i="2" a="1"/>
  <c r="D7647" i="2" s="1"/>
  <c r="D7663" i="2" a="1"/>
  <c r="D7663" i="2" s="1"/>
  <c r="D7665" i="2" a="1"/>
  <c r="D7665" i="2" s="1"/>
  <c r="D7658" i="2" a="1"/>
  <c r="D7658" i="2" s="1"/>
  <c r="D7644" i="2" a="1"/>
  <c r="D7644" i="2" s="1"/>
  <c r="D7648" i="2" a="1"/>
  <c r="D7648" i="2" s="1"/>
  <c r="D7652" i="2" a="1"/>
  <c r="D7652" i="2" s="1"/>
  <c r="D7660" i="2" a="1"/>
  <c r="D7660" i="2" s="1"/>
  <c r="D7649" i="2" a="1"/>
  <c r="D7649" i="2" s="1"/>
  <c r="D7661" i="2" a="1"/>
  <c r="D7661" i="2" s="1"/>
  <c r="D7651" i="2" a="1"/>
  <c r="D7651" i="2" s="1"/>
  <c r="D7655" i="2" a="1"/>
  <c r="D7655" i="2" s="1"/>
  <c r="D7659" i="2" a="1"/>
  <c r="D7659" i="2" s="1"/>
  <c r="D7656" i="2" a="1"/>
  <c r="D7656" i="2" s="1"/>
  <c r="D7653" i="2" a="1"/>
  <c r="D7653" i="2" s="1"/>
  <c r="D7657" i="2" a="1"/>
  <c r="D7657" i="2" s="1"/>
  <c r="D7645" i="2" a="1"/>
  <c r="D7645" i="2" s="1"/>
  <c r="H2501" i="2" a="1"/>
  <c r="H2501" i="2" s="1"/>
  <c r="H2497" i="2" a="1"/>
  <c r="H2497" i="2" s="1"/>
  <c r="H2502" i="2" a="1"/>
  <c r="H2502" i="2" s="1"/>
  <c r="H2484" i="2" a="1"/>
  <c r="H2484" i="2" s="1"/>
  <c r="H2503" i="2" a="1"/>
  <c r="H2503" i="2" s="1"/>
  <c r="H2490" i="2" a="1"/>
  <c r="H2490" i="2" s="1"/>
  <c r="H2498" i="2" a="1"/>
  <c r="H2498" i="2" s="1"/>
  <c r="H2505" i="2" a="1"/>
  <c r="H2505" i="2" s="1"/>
  <c r="H2493" i="2" a="1"/>
  <c r="H2493" i="2" s="1"/>
  <c r="H2489" i="2" a="1"/>
  <c r="H2489" i="2" s="1"/>
  <c r="H2487" i="2" a="1"/>
  <c r="H2487" i="2" s="1"/>
  <c r="H2482" i="2" a="1"/>
  <c r="H2482" i="2" s="1"/>
  <c r="H2495" i="2" a="1"/>
  <c r="H2495" i="2" s="1"/>
  <c r="H2483" i="2" a="1"/>
  <c r="H2483" i="2" s="1"/>
  <c r="H2491" i="2" a="1"/>
  <c r="H2491" i="2" s="1"/>
  <c r="H2496" i="2" a="1"/>
  <c r="H2496" i="2" s="1"/>
  <c r="H2492" i="2" a="1"/>
  <c r="H2492" i="2" s="1"/>
  <c r="H2494" i="2" a="1"/>
  <c r="H2494" i="2" s="1"/>
  <c r="H2486" i="2" a="1"/>
  <c r="H2486" i="2" s="1"/>
  <c r="H2488" i="2" a="1"/>
  <c r="H2488" i="2" s="1"/>
  <c r="H2485" i="2" a="1"/>
  <c r="H2485" i="2" s="1"/>
  <c r="H2499" i="2" a="1"/>
  <c r="H2499" i="2" s="1"/>
  <c r="H2500" i="2" a="1"/>
  <c r="H2500" i="2" s="1"/>
  <c r="H2504" i="2" a="1"/>
  <c r="H2504" i="2" s="1"/>
  <c r="E6157" i="2" a="1"/>
  <c r="E6157" i="2" s="1"/>
  <c r="E6162" i="2" a="1"/>
  <c r="E6162" i="2" s="1"/>
  <c r="E6173" i="2" a="1"/>
  <c r="E6173" i="2" s="1"/>
  <c r="E6158" i="2" a="1"/>
  <c r="E6158" i="2" s="1"/>
  <c r="E6154" i="2" a="1"/>
  <c r="E6154" i="2" s="1"/>
  <c r="E6172" i="2" a="1"/>
  <c r="E6172" i="2" s="1"/>
  <c r="E6159" i="2" a="1"/>
  <c r="E6159" i="2" s="1"/>
  <c r="E6164" i="2" a="1"/>
  <c r="E6164" i="2" s="1"/>
  <c r="E6171" i="2" a="1"/>
  <c r="E6171" i="2" s="1"/>
  <c r="E6175" i="2" a="1"/>
  <c r="E6175" i="2" s="1"/>
  <c r="E6163" i="2" a="1"/>
  <c r="E6163" i="2" s="1"/>
  <c r="E6176" i="2" a="1"/>
  <c r="E6176" i="2" s="1"/>
  <c r="E6177" i="2" a="1"/>
  <c r="E6177" i="2" s="1"/>
  <c r="E6174" i="2" a="1"/>
  <c r="E6174" i="2" s="1"/>
  <c r="E6169" i="2" a="1"/>
  <c r="E6169" i="2" s="1"/>
  <c r="E6165" i="2" a="1"/>
  <c r="E6165" i="2" s="1"/>
  <c r="E6166" i="2" a="1"/>
  <c r="E6166" i="2" s="1"/>
  <c r="E6161" i="2" a="1"/>
  <c r="E6161" i="2" s="1"/>
  <c r="E6156" i="2" a="1"/>
  <c r="E6156" i="2" s="1"/>
  <c r="E6160" i="2" a="1"/>
  <c r="E6160" i="2" s="1"/>
  <c r="E6167" i="2" a="1"/>
  <c r="E6167" i="2" s="1"/>
  <c r="E6168" i="2" a="1"/>
  <c r="E6168" i="2" s="1"/>
  <c r="E6170" i="2" a="1"/>
  <c r="E6170" i="2" s="1"/>
  <c r="E6155" i="2" a="1"/>
  <c r="E6155" i="2" s="1"/>
  <c r="G7540" i="2" a="1"/>
  <c r="G7540" i="2" s="1"/>
  <c r="G7528" i="2" a="1"/>
  <c r="G7528" i="2" s="1"/>
  <c r="G7531" i="2" a="1"/>
  <c r="G7531" i="2" s="1"/>
  <c r="G7536" i="2" a="1"/>
  <c r="G7536" i="2" s="1"/>
  <c r="G7535" i="2" a="1"/>
  <c r="G7535" i="2" s="1"/>
  <c r="G7525" i="2" a="1"/>
  <c r="G7525" i="2" s="1"/>
  <c r="G7543" i="2" a="1"/>
  <c r="G7543" i="2" s="1"/>
  <c r="G7524" i="2" a="1"/>
  <c r="G7524" i="2" s="1"/>
  <c r="G7542" i="2" a="1"/>
  <c r="G7542" i="2" s="1"/>
  <c r="G7545" i="2" a="1"/>
  <c r="G7545" i="2" s="1"/>
  <c r="G7530" i="2" a="1"/>
  <c r="G7530" i="2" s="1"/>
  <c r="G7526" i="2" a="1"/>
  <c r="G7526" i="2" s="1"/>
  <c r="G7544" i="2" a="1"/>
  <c r="G7544" i="2" s="1"/>
  <c r="G7533" i="2" a="1"/>
  <c r="G7533" i="2" s="1"/>
  <c r="G7541" i="2" a="1"/>
  <c r="G7541" i="2" s="1"/>
  <c r="G7539" i="2" a="1"/>
  <c r="G7539" i="2" s="1"/>
  <c r="G7527" i="2" a="1"/>
  <c r="G7527" i="2" s="1"/>
  <c r="G7534" i="2" a="1"/>
  <c r="G7534" i="2" s="1"/>
  <c r="G7523" i="2" a="1"/>
  <c r="G7523" i="2" s="1"/>
  <c r="G7529" i="2" a="1"/>
  <c r="G7529" i="2" s="1"/>
  <c r="G7532" i="2" a="1"/>
  <c r="G7532" i="2" s="1"/>
  <c r="G7538" i="2" a="1"/>
  <c r="G7538" i="2" s="1"/>
  <c r="G7522" i="2" a="1"/>
  <c r="G7522" i="2" s="1"/>
  <c r="G7537" i="2" a="1"/>
  <c r="G7537" i="2" s="1"/>
  <c r="G5513" i="2" a="1"/>
  <c r="G5513" i="2" s="1"/>
  <c r="G5515" i="2" a="1"/>
  <c r="G5515" i="2" s="1"/>
  <c r="G5519" i="2" a="1"/>
  <c r="G5519" i="2" s="1"/>
  <c r="G5514" i="2" a="1"/>
  <c r="G5514" i="2" s="1"/>
  <c r="G5522" i="2" a="1"/>
  <c r="G5522" i="2" s="1"/>
  <c r="G5525" i="2" a="1"/>
  <c r="G5525" i="2" s="1"/>
  <c r="G5520" i="2" a="1"/>
  <c r="G5520" i="2" s="1"/>
  <c r="G5526" i="2" a="1"/>
  <c r="G5526" i="2" s="1"/>
  <c r="G5523" i="2" a="1"/>
  <c r="G5523" i="2" s="1"/>
  <c r="G5527" i="2" a="1"/>
  <c r="G5527" i="2" s="1"/>
  <c r="G5506" i="2" a="1"/>
  <c r="G5506" i="2" s="1"/>
  <c r="G5528" i="2" a="1"/>
  <c r="G5528" i="2" s="1"/>
  <c r="G5521" i="2" a="1"/>
  <c r="G5521" i="2" s="1"/>
  <c r="G5524" i="2" a="1"/>
  <c r="G5524" i="2" s="1"/>
  <c r="G5517" i="2" a="1"/>
  <c r="G5517" i="2" s="1"/>
  <c r="G5510" i="2" a="1"/>
  <c r="G5510" i="2" s="1"/>
  <c r="G5507" i="2" a="1"/>
  <c r="G5507" i="2" s="1"/>
  <c r="G5529" i="2" a="1"/>
  <c r="G5529" i="2" s="1"/>
  <c r="G5511" i="2" a="1"/>
  <c r="G5511" i="2" s="1"/>
  <c r="G5508" i="2" a="1"/>
  <c r="G5508" i="2" s="1"/>
  <c r="G5518" i="2" a="1"/>
  <c r="G5518" i="2" s="1"/>
  <c r="G5512" i="2" a="1"/>
  <c r="G5512" i="2" s="1"/>
  <c r="G5509" i="2" a="1"/>
  <c r="G5509" i="2" s="1"/>
  <c r="G5516" i="2" a="1"/>
  <c r="G5516" i="2" s="1"/>
  <c r="G977" i="2" a="1"/>
  <c r="G977" i="2" s="1"/>
  <c r="G991" i="2" a="1"/>
  <c r="G991" i="2" s="1"/>
  <c r="G984" i="2" a="1"/>
  <c r="G984" i="2" s="1"/>
  <c r="G989" i="2" a="1"/>
  <c r="G989" i="2" s="1"/>
  <c r="G982" i="2" a="1"/>
  <c r="G982" i="2" s="1"/>
  <c r="G979" i="2" a="1"/>
  <c r="G979" i="2" s="1"/>
  <c r="G990" i="2" a="1"/>
  <c r="G990" i="2" s="1"/>
  <c r="G976" i="2" a="1"/>
  <c r="G976" i="2" s="1"/>
  <c r="G972" i="2" a="1"/>
  <c r="G972" i="2" s="1"/>
  <c r="G981" i="2" a="1"/>
  <c r="G981" i="2" s="1"/>
  <c r="G971" i="2" a="1"/>
  <c r="G971" i="2" s="1"/>
  <c r="G980" i="2" a="1"/>
  <c r="G980" i="2" s="1"/>
  <c r="G985" i="2" a="1"/>
  <c r="G985" i="2" s="1"/>
  <c r="G973" i="2" a="1"/>
  <c r="G973" i="2" s="1"/>
  <c r="G975" i="2" a="1"/>
  <c r="G975" i="2" s="1"/>
  <c r="G987" i="2" a="1"/>
  <c r="G987" i="2" s="1"/>
  <c r="G983" i="2" a="1"/>
  <c r="G983" i="2" s="1"/>
  <c r="G986" i="2" a="1"/>
  <c r="G986" i="2" s="1"/>
  <c r="G993" i="2" a="1"/>
  <c r="G993" i="2" s="1"/>
  <c r="G988" i="2" a="1"/>
  <c r="G988" i="2" s="1"/>
  <c r="G974" i="2" a="1"/>
  <c r="G974" i="2" s="1"/>
  <c r="G978" i="2" a="1"/>
  <c r="G978" i="2" s="1"/>
  <c r="G992" i="2" a="1"/>
  <c r="G992" i="2" s="1"/>
  <c r="G970" i="2" a="1"/>
  <c r="G970" i="2" s="1"/>
  <c r="H1485" i="2" a="1"/>
  <c r="H1485" i="2" s="1"/>
  <c r="H1490" i="2" a="1"/>
  <c r="H1490" i="2" s="1"/>
  <c r="H1482" i="2" a="1"/>
  <c r="H1482" i="2" s="1"/>
  <c r="H1483" i="2" a="1"/>
  <c r="H1483" i="2" s="1"/>
  <c r="H1497" i="2" a="1"/>
  <c r="H1497" i="2" s="1"/>
  <c r="H1484" i="2" a="1"/>
  <c r="H1484" i="2" s="1"/>
  <c r="H1494" i="2" a="1"/>
  <c r="H1494" i="2" s="1"/>
  <c r="H1474" i="2" a="1"/>
  <c r="H1474" i="2" s="1"/>
  <c r="H1477" i="2" a="1"/>
  <c r="H1477" i="2" s="1"/>
  <c r="H1495" i="2" a="1"/>
  <c r="H1495" i="2" s="1"/>
  <c r="H1492" i="2" a="1"/>
  <c r="H1492" i="2" s="1"/>
  <c r="H1489" i="2" a="1"/>
  <c r="H1489" i="2" s="1"/>
  <c r="H1496" i="2" a="1"/>
  <c r="H1496" i="2" s="1"/>
  <c r="H1475" i="2" a="1"/>
  <c r="H1475" i="2" s="1"/>
  <c r="H1478" i="2" a="1"/>
  <c r="H1478" i="2" s="1"/>
  <c r="H1480" i="2" a="1"/>
  <c r="H1480" i="2" s="1"/>
  <c r="H1493" i="2" a="1"/>
  <c r="H1493" i="2" s="1"/>
  <c r="H1476" i="2" a="1"/>
  <c r="H1476" i="2" s="1"/>
  <c r="H1487" i="2" a="1"/>
  <c r="H1487" i="2" s="1"/>
  <c r="H1486" i="2" a="1"/>
  <c r="H1486" i="2" s="1"/>
  <c r="H1488" i="2" a="1"/>
  <c r="H1488" i="2" s="1"/>
  <c r="H1479" i="2" a="1"/>
  <c r="H1479" i="2" s="1"/>
  <c r="H1491" i="2" a="1"/>
  <c r="H1491" i="2" s="1"/>
  <c r="H1481" i="2" a="1"/>
  <c r="H1481" i="2" s="1"/>
  <c r="H287" i="2" a="1"/>
  <c r="H287" i="2" s="1"/>
  <c r="H277" i="2" a="1"/>
  <c r="H277" i="2" s="1"/>
  <c r="H283" i="2" a="1"/>
  <c r="H283" i="2" s="1"/>
  <c r="H291" i="2" a="1"/>
  <c r="H291" i="2" s="1"/>
  <c r="H282" i="2" a="1"/>
  <c r="H282" i="2" s="1"/>
  <c r="H297" i="2" a="1"/>
  <c r="H297" i="2" s="1"/>
  <c r="H278" i="2" a="1"/>
  <c r="H278" i="2" s="1"/>
  <c r="H275" i="2" a="1"/>
  <c r="H275" i="2" s="1"/>
  <c r="H281" i="2" a="1"/>
  <c r="H281" i="2" s="1"/>
  <c r="H286" i="2" a="1"/>
  <c r="H286" i="2" s="1"/>
  <c r="H288" i="2" a="1"/>
  <c r="H288" i="2" s="1"/>
  <c r="H290" i="2" a="1"/>
  <c r="H290" i="2" s="1"/>
  <c r="H284" i="2" a="1"/>
  <c r="H284" i="2" s="1"/>
  <c r="H289" i="2" a="1"/>
  <c r="H289" i="2" s="1"/>
  <c r="H293" i="2" a="1"/>
  <c r="H293" i="2" s="1"/>
  <c r="H285" i="2" a="1"/>
  <c r="H285" i="2" s="1"/>
  <c r="H276" i="2" a="1"/>
  <c r="H276" i="2" s="1"/>
  <c r="H279" i="2" a="1"/>
  <c r="H279" i="2" s="1"/>
  <c r="H296" i="2" a="1"/>
  <c r="H296" i="2" s="1"/>
  <c r="H295" i="2" a="1"/>
  <c r="H295" i="2" s="1"/>
  <c r="H280" i="2" a="1"/>
  <c r="H280" i="2" s="1"/>
  <c r="H274" i="2" a="1"/>
  <c r="H274" i="2" s="1"/>
  <c r="H292" i="2" a="1"/>
  <c r="H292" i="2" s="1"/>
  <c r="H294" i="2" a="1"/>
  <c r="H294" i="2" s="1"/>
  <c r="E1098" i="2" a="1"/>
  <c r="E1098" i="2" s="1"/>
  <c r="E1102" i="2" a="1"/>
  <c r="E1102" i="2" s="1"/>
  <c r="E1106" i="2" a="1"/>
  <c r="E1106" i="2" s="1"/>
  <c r="E1099" i="2" a="1"/>
  <c r="E1099" i="2" s="1"/>
  <c r="E1090" i="2" a="1"/>
  <c r="E1090" i="2" s="1"/>
  <c r="E1100" i="2" a="1"/>
  <c r="E1100" i="2" s="1"/>
  <c r="E1108" i="2" a="1"/>
  <c r="E1108" i="2" s="1"/>
  <c r="E1094" i="2" a="1"/>
  <c r="E1094" i="2" s="1"/>
  <c r="E1091" i="2" a="1"/>
  <c r="E1091" i="2" s="1"/>
  <c r="E1095" i="2" a="1"/>
  <c r="E1095" i="2" s="1"/>
  <c r="E1109" i="2" a="1"/>
  <c r="E1109" i="2" s="1"/>
  <c r="E1096" i="2" a="1"/>
  <c r="E1096" i="2" s="1"/>
  <c r="E1092" i="2" a="1"/>
  <c r="E1092" i="2" s="1"/>
  <c r="E1097" i="2" a="1"/>
  <c r="E1097" i="2" s="1"/>
  <c r="E1093" i="2" a="1"/>
  <c r="E1093" i="2" s="1"/>
  <c r="E1101" i="2" a="1"/>
  <c r="E1101" i="2" s="1"/>
  <c r="E1104" i="2" a="1"/>
  <c r="E1104" i="2" s="1"/>
  <c r="E1107" i="2" a="1"/>
  <c r="E1107" i="2" s="1"/>
  <c r="E1105" i="2" a="1"/>
  <c r="E1105" i="2" s="1"/>
  <c r="E1110" i="2" a="1"/>
  <c r="E1110" i="2" s="1"/>
  <c r="E1113" i="2" a="1"/>
  <c r="E1113" i="2" s="1"/>
  <c r="E1111" i="2" a="1"/>
  <c r="E1111" i="2" s="1"/>
  <c r="E1112" i="2" a="1"/>
  <c r="E1112" i="2" s="1"/>
  <c r="E1103" i="2" a="1"/>
  <c r="E1103" i="2" s="1"/>
  <c r="E1657" i="2" a="1"/>
  <c r="E1657" i="2" s="1"/>
  <c r="E1646" i="2" a="1"/>
  <c r="E1646" i="2" s="1"/>
  <c r="E1655" i="2" a="1"/>
  <c r="E1655" i="2" s="1"/>
  <c r="E1662" i="2" a="1"/>
  <c r="E1662" i="2" s="1"/>
  <c r="E1645" i="2" a="1"/>
  <c r="E1645" i="2" s="1"/>
  <c r="E1651" i="2" a="1"/>
  <c r="E1651" i="2" s="1"/>
  <c r="E1643" i="2" a="1"/>
  <c r="E1643" i="2" s="1"/>
  <c r="E1665" i="2" a="1"/>
  <c r="E1665" i="2" s="1"/>
  <c r="E1652" i="2" a="1"/>
  <c r="E1652" i="2" s="1"/>
  <c r="E1654" i="2" a="1"/>
  <c r="E1654" i="2" s="1"/>
  <c r="E1660" i="2" a="1"/>
  <c r="E1660" i="2" s="1"/>
  <c r="E1649" i="2" a="1"/>
  <c r="E1649" i="2" s="1"/>
  <c r="E1661" i="2" a="1"/>
  <c r="E1661" i="2" s="1"/>
  <c r="E1644" i="2" a="1"/>
  <c r="E1644" i="2" s="1"/>
  <c r="E1664" i="2" a="1"/>
  <c r="E1664" i="2" s="1"/>
  <c r="E1659" i="2" a="1"/>
  <c r="E1659" i="2" s="1"/>
  <c r="E1656" i="2" a="1"/>
  <c r="E1656" i="2" s="1"/>
  <c r="E1642" i="2" a="1"/>
  <c r="E1642" i="2" s="1"/>
  <c r="E1647" i="2" a="1"/>
  <c r="E1647" i="2" s="1"/>
  <c r="E1663" i="2" a="1"/>
  <c r="E1663" i="2" s="1"/>
  <c r="E1650" i="2" a="1"/>
  <c r="E1650" i="2" s="1"/>
  <c r="E1648" i="2" a="1"/>
  <c r="E1648" i="2" s="1"/>
  <c r="E1658" i="2" a="1"/>
  <c r="E1658" i="2" s="1"/>
  <c r="E1653" i="2" a="1"/>
  <c r="E1653" i="2" s="1"/>
  <c r="AN220" i="1"/>
  <c r="D226" i="5" s="1"/>
  <c r="AO220" i="1"/>
  <c r="E226" i="5" s="1"/>
  <c r="AP220" i="1"/>
  <c r="F226" i="5" s="1"/>
  <c r="AQ220" i="1"/>
  <c r="G226" i="5" s="1"/>
  <c r="AM220" i="1"/>
  <c r="D5267" i="2" a="1"/>
  <c r="D5267" i="2" s="1"/>
  <c r="D5271" i="2" a="1"/>
  <c r="D5271" i="2" s="1"/>
  <c r="D5275" i="2" a="1"/>
  <c r="D5275" i="2" s="1"/>
  <c r="D5279" i="2" a="1"/>
  <c r="D5279" i="2" s="1"/>
  <c r="D5283" i="2" a="1"/>
  <c r="D5283" i="2" s="1"/>
  <c r="D5287" i="2" a="1"/>
  <c r="D5287" i="2" s="1"/>
  <c r="D5272" i="2" a="1"/>
  <c r="D5272" i="2" s="1"/>
  <c r="D5266" i="2" a="1"/>
  <c r="D5266" i="2" s="1"/>
  <c r="D5274" i="2" a="1"/>
  <c r="D5274" i="2" s="1"/>
  <c r="D5278" i="2" a="1"/>
  <c r="D5278" i="2" s="1"/>
  <c r="D5282" i="2" a="1"/>
  <c r="D5282" i="2" s="1"/>
  <c r="D5286" i="2" a="1"/>
  <c r="D5286" i="2" s="1"/>
  <c r="D5269" i="2" a="1"/>
  <c r="D5269" i="2" s="1"/>
  <c r="D5273" i="2" a="1"/>
  <c r="D5273" i="2" s="1"/>
  <c r="D5277" i="2" a="1"/>
  <c r="D5277" i="2" s="1"/>
  <c r="D5281" i="2" a="1"/>
  <c r="D5281" i="2" s="1"/>
  <c r="D5285" i="2" a="1"/>
  <c r="D5285" i="2" s="1"/>
  <c r="D5289" i="2" a="1"/>
  <c r="D5289" i="2" s="1"/>
  <c r="D5270" i="2" a="1"/>
  <c r="D5270" i="2" s="1"/>
  <c r="D5268" i="2" a="1"/>
  <c r="D5268" i="2" s="1"/>
  <c r="D5276" i="2" a="1"/>
  <c r="D5276" i="2" s="1"/>
  <c r="D5280" i="2" a="1"/>
  <c r="D5280" i="2" s="1"/>
  <c r="D5284" i="2" a="1"/>
  <c r="D5284" i="2" s="1"/>
  <c r="D5288" i="2" a="1"/>
  <c r="D5288" i="2" s="1"/>
  <c r="F2731" i="2" a="1"/>
  <c r="F2731" i="2" s="1"/>
  <c r="F2723" i="2" a="1"/>
  <c r="F2723" i="2" s="1"/>
  <c r="F2741" i="2" a="1"/>
  <c r="F2741" i="2" s="1"/>
  <c r="F2743" i="2" a="1"/>
  <c r="F2743" i="2" s="1"/>
  <c r="F2732" i="2" a="1"/>
  <c r="F2732" i="2" s="1"/>
  <c r="F2724" i="2" a="1"/>
  <c r="F2724" i="2" s="1"/>
  <c r="F2722" i="2" a="1"/>
  <c r="F2722" i="2" s="1"/>
  <c r="F2742" i="2" a="1"/>
  <c r="F2742" i="2" s="1"/>
  <c r="F2744" i="2" a="1"/>
  <c r="F2744" i="2" s="1"/>
  <c r="F2728" i="2" a="1"/>
  <c r="F2728" i="2" s="1"/>
  <c r="F2733" i="2" a="1"/>
  <c r="F2733" i="2" s="1"/>
  <c r="F2745" i="2" a="1"/>
  <c r="F2745" i="2" s="1"/>
  <c r="F2729" i="2" a="1"/>
  <c r="F2729" i="2" s="1"/>
  <c r="F2730" i="2" a="1"/>
  <c r="F2730" i="2" s="1"/>
  <c r="F2725" i="2" a="1"/>
  <c r="F2725" i="2" s="1"/>
  <c r="F2736" i="2" a="1"/>
  <c r="F2736" i="2" s="1"/>
  <c r="F2734" i="2" a="1"/>
  <c r="F2734" i="2" s="1"/>
  <c r="F2727" i="2" a="1"/>
  <c r="F2727" i="2" s="1"/>
  <c r="F2737" i="2" a="1"/>
  <c r="F2737" i="2" s="1"/>
  <c r="F2735" i="2" a="1"/>
  <c r="F2735" i="2" s="1"/>
  <c r="F2738" i="2" a="1"/>
  <c r="F2738" i="2" s="1"/>
  <c r="F2726" i="2" a="1"/>
  <c r="F2726" i="2" s="1"/>
  <c r="F2740" i="2" a="1"/>
  <c r="F2740" i="2" s="1"/>
  <c r="F2739" i="2" a="1"/>
  <c r="F2739" i="2" s="1"/>
  <c r="E5979" i="2" a="1"/>
  <c r="E5979" i="2" s="1"/>
  <c r="E5975" i="2" a="1"/>
  <c r="E5975" i="2" s="1"/>
  <c r="E5976" i="2" a="1"/>
  <c r="E5976" i="2" s="1"/>
  <c r="E5985" i="2" a="1"/>
  <c r="E5985" i="2" s="1"/>
  <c r="E5982" i="2" a="1"/>
  <c r="E5982" i="2" s="1"/>
  <c r="E5962" i="2" a="1"/>
  <c r="E5962" i="2" s="1"/>
  <c r="E5966" i="2" a="1"/>
  <c r="E5966" i="2" s="1"/>
  <c r="E5972" i="2" a="1"/>
  <c r="E5972" i="2" s="1"/>
  <c r="E5965" i="2" a="1"/>
  <c r="E5965" i="2" s="1"/>
  <c r="E5973" i="2" a="1"/>
  <c r="E5973" i="2" s="1"/>
  <c r="E5968" i="2" a="1"/>
  <c r="E5968" i="2" s="1"/>
  <c r="E5977" i="2" a="1"/>
  <c r="E5977" i="2" s="1"/>
  <c r="E5983" i="2" a="1"/>
  <c r="E5983" i="2" s="1"/>
  <c r="E5969" i="2" a="1"/>
  <c r="E5969" i="2" s="1"/>
  <c r="E5978" i="2" a="1"/>
  <c r="E5978" i="2" s="1"/>
  <c r="E5974" i="2" a="1"/>
  <c r="E5974" i="2" s="1"/>
  <c r="E5971" i="2" a="1"/>
  <c r="E5971" i="2" s="1"/>
  <c r="E5964" i="2" a="1"/>
  <c r="E5964" i="2" s="1"/>
  <c r="E5984" i="2" a="1"/>
  <c r="E5984" i="2" s="1"/>
  <c r="E5970" i="2" a="1"/>
  <c r="E5970" i="2" s="1"/>
  <c r="E5967" i="2" a="1"/>
  <c r="E5967" i="2" s="1"/>
  <c r="E5963" i="2" a="1"/>
  <c r="E5963" i="2" s="1"/>
  <c r="E5980" i="2" a="1"/>
  <c r="E5980" i="2" s="1"/>
  <c r="E5981" i="2" a="1"/>
  <c r="E5981" i="2" s="1"/>
  <c r="AN2" i="1"/>
  <c r="D8" i="5" s="1"/>
  <c r="D40" i="2" a="1"/>
  <c r="D40" i="2" s="1"/>
  <c r="AO2" i="1"/>
  <c r="E8" i="5" s="1"/>
  <c r="AP2" i="1"/>
  <c r="F8" i="5" s="1"/>
  <c r="D44" i="2" a="1"/>
  <c r="D44" i="2" s="1"/>
  <c r="D41" i="2" a="1"/>
  <c r="D41" i="2" s="1"/>
  <c r="D36" i="2" a="1"/>
  <c r="D36" i="2" s="1"/>
  <c r="D53" i="2" a="1"/>
  <c r="D53" i="2" s="1"/>
  <c r="D39" i="2" a="1"/>
  <c r="D39" i="2" s="1"/>
  <c r="D51" i="2" a="1"/>
  <c r="D51" i="2" s="1"/>
  <c r="D47" i="2" a="1"/>
  <c r="D47" i="2" s="1"/>
  <c r="D48" i="2" a="1"/>
  <c r="D48" i="2" s="1"/>
  <c r="D43" i="2" a="1"/>
  <c r="D43" i="2" s="1"/>
  <c r="D42" i="2" a="1"/>
  <c r="D42" i="2" s="1"/>
  <c r="D57" i="2" a="1"/>
  <c r="D57" i="2" s="1"/>
  <c r="D49" i="2" a="1"/>
  <c r="D49" i="2" s="1"/>
  <c r="D37" i="2" a="1"/>
  <c r="D37" i="2" s="1"/>
  <c r="D56" i="2" a="1"/>
  <c r="D56" i="2" s="1"/>
  <c r="D45" i="2" a="1"/>
  <c r="D45" i="2" s="1"/>
  <c r="D50" i="2" a="1"/>
  <c r="D50" i="2" s="1"/>
  <c r="D54" i="2" a="1"/>
  <c r="D54" i="2" s="1"/>
  <c r="AQ2" i="1"/>
  <c r="G8" i="5" s="1"/>
  <c r="D46" i="2" a="1"/>
  <c r="D46" i="2" s="1"/>
  <c r="D52" i="2" a="1"/>
  <c r="D52" i="2" s="1"/>
  <c r="D35" i="2" a="1"/>
  <c r="D35" i="2" s="1"/>
  <c r="D55" i="2" a="1"/>
  <c r="D55" i="2" s="1"/>
  <c r="D38" i="2" a="1"/>
  <c r="D38" i="2" s="1"/>
  <c r="D34" i="2" a="1"/>
  <c r="D34" i="2" s="1"/>
  <c r="AM2" i="1"/>
  <c r="H7908" i="2" a="1"/>
  <c r="H7908" i="2" s="1"/>
  <c r="H7911" i="2" a="1"/>
  <c r="H7911" i="2" s="1"/>
  <c r="H7909" i="2" a="1"/>
  <c r="H7909" i="2" s="1"/>
  <c r="H7907" i="2" a="1"/>
  <c r="H7907" i="2" s="1"/>
  <c r="H7918" i="2" a="1"/>
  <c r="H7918" i="2" s="1"/>
  <c r="H7912" i="2" a="1"/>
  <c r="H7912" i="2" s="1"/>
  <c r="H7920" i="2" a="1"/>
  <c r="H7920" i="2" s="1"/>
  <c r="H7927" i="2" a="1"/>
  <c r="H7927" i="2" s="1"/>
  <c r="H7910" i="2" a="1"/>
  <c r="H7910" i="2" s="1"/>
  <c r="H7913" i="2" a="1"/>
  <c r="H7913" i="2" s="1"/>
  <c r="H7915" i="2" a="1"/>
  <c r="H7915" i="2" s="1"/>
  <c r="H7921" i="2" a="1"/>
  <c r="H7921" i="2" s="1"/>
  <c r="H7914" i="2" a="1"/>
  <c r="H7914" i="2" s="1"/>
  <c r="H7916" i="2" a="1"/>
  <c r="H7916" i="2" s="1"/>
  <c r="H7924" i="2" a="1"/>
  <c r="H7924" i="2" s="1"/>
  <c r="H7917" i="2" a="1"/>
  <c r="H7917" i="2" s="1"/>
  <c r="H7922" i="2" a="1"/>
  <c r="H7922" i="2" s="1"/>
  <c r="H7929" i="2" a="1"/>
  <c r="H7929" i="2" s="1"/>
  <c r="H7923" i="2" a="1"/>
  <c r="H7923" i="2" s="1"/>
  <c r="H7926" i="2" a="1"/>
  <c r="H7926" i="2" s="1"/>
  <c r="H7925" i="2" a="1"/>
  <c r="H7925" i="2" s="1"/>
  <c r="H7928" i="2" a="1"/>
  <c r="H7928" i="2" s="1"/>
  <c r="H7906" i="2" a="1"/>
  <c r="H7906" i="2" s="1"/>
  <c r="H7919" i="2" a="1"/>
  <c r="H7919" i="2" s="1"/>
  <c r="H8089" i="2" a="1"/>
  <c r="H8089" i="2" s="1"/>
  <c r="H8087" i="2" a="1"/>
  <c r="H8087" i="2" s="1"/>
  <c r="H8080" i="2" a="1"/>
  <c r="H8080" i="2" s="1"/>
  <c r="H8088" i="2" a="1"/>
  <c r="H8088" i="2" s="1"/>
  <c r="H8077" i="2" a="1"/>
  <c r="H8077" i="2" s="1"/>
  <c r="H8094" i="2" a="1"/>
  <c r="H8094" i="2" s="1"/>
  <c r="H8090" i="2" a="1"/>
  <c r="H8090" i="2" s="1"/>
  <c r="H8095" i="2" a="1"/>
  <c r="H8095" i="2" s="1"/>
  <c r="H8086" i="2" a="1"/>
  <c r="H8086" i="2" s="1"/>
  <c r="H8093" i="2" a="1"/>
  <c r="H8093" i="2" s="1"/>
  <c r="H8074" i="2" a="1"/>
  <c r="H8074" i="2" s="1"/>
  <c r="H8082" i="2" a="1"/>
  <c r="H8082" i="2" s="1"/>
  <c r="H8076" i="2" a="1"/>
  <c r="H8076" i="2" s="1"/>
  <c r="H8096" i="2" a="1"/>
  <c r="H8096" i="2" s="1"/>
  <c r="H8079" i="2" a="1"/>
  <c r="H8079" i="2" s="1"/>
  <c r="H8097" i="2" a="1"/>
  <c r="H8097" i="2" s="1"/>
  <c r="H8081" i="2" a="1"/>
  <c r="H8081" i="2" s="1"/>
  <c r="H8075" i="2" a="1"/>
  <c r="H8075" i="2" s="1"/>
  <c r="H8083" i="2" a="1"/>
  <c r="H8083" i="2" s="1"/>
  <c r="H8091" i="2" a="1"/>
  <c r="H8091" i="2" s="1"/>
  <c r="H8092" i="2" a="1"/>
  <c r="H8092" i="2" s="1"/>
  <c r="H8078" i="2" a="1"/>
  <c r="H8078" i="2" s="1"/>
  <c r="H8085" i="2" a="1"/>
  <c r="H8085" i="2" s="1"/>
  <c r="H8084" i="2" a="1"/>
  <c r="H8084" i="2" s="1"/>
  <c r="D5394" i="2" a="1"/>
  <c r="D5394" i="2" s="1"/>
  <c r="D5386" i="2" a="1"/>
  <c r="D5386" i="2" s="1"/>
  <c r="D5402" i="2" a="1"/>
  <c r="D5402" i="2" s="1"/>
  <c r="D5400" i="2" a="1"/>
  <c r="D5400" i="2" s="1"/>
  <c r="D5388" i="2" a="1"/>
  <c r="D5388" i="2" s="1"/>
  <c r="D5406" i="2" a="1"/>
  <c r="D5406" i="2" s="1"/>
  <c r="D5401" i="2" a="1"/>
  <c r="D5401" i="2" s="1"/>
  <c r="D5390" i="2" a="1"/>
  <c r="D5390" i="2" s="1"/>
  <c r="D5404" i="2" a="1"/>
  <c r="D5404" i="2" s="1"/>
  <c r="D5389" i="2" a="1"/>
  <c r="D5389" i="2" s="1"/>
  <c r="D5393" i="2" a="1"/>
  <c r="D5393" i="2" s="1"/>
  <c r="D5391" i="2" a="1"/>
  <c r="D5391" i="2" s="1"/>
  <c r="D5403" i="2" a="1"/>
  <c r="D5403" i="2" s="1"/>
  <c r="D5397" i="2" a="1"/>
  <c r="D5397" i="2" s="1"/>
  <c r="D5387" i="2" a="1"/>
  <c r="D5387" i="2" s="1"/>
  <c r="D5409" i="2" a="1"/>
  <c r="D5409" i="2" s="1"/>
  <c r="D5398" i="2" a="1"/>
  <c r="D5398" i="2" s="1"/>
  <c r="D5395" i="2" a="1"/>
  <c r="D5395" i="2" s="1"/>
  <c r="D5399" i="2" a="1"/>
  <c r="D5399" i="2" s="1"/>
  <c r="D5407" i="2" a="1"/>
  <c r="D5407" i="2" s="1"/>
  <c r="D5408" i="2" a="1"/>
  <c r="D5408" i="2" s="1"/>
  <c r="D5396" i="2" a="1"/>
  <c r="D5396" i="2" s="1"/>
  <c r="D5405" i="2" a="1"/>
  <c r="D5405" i="2" s="1"/>
  <c r="D5392" i="2" a="1"/>
  <c r="D5392" i="2" s="1"/>
  <c r="G3560" i="2" a="1"/>
  <c r="G3560" i="2" s="1"/>
  <c r="G3542" i="2" a="1"/>
  <c r="G3542" i="2" s="1"/>
  <c r="G3546" i="2" a="1"/>
  <c r="G3546" i="2" s="1"/>
  <c r="G3548" i="2" a="1"/>
  <c r="G3548" i="2" s="1"/>
  <c r="G3552" i="2" a="1"/>
  <c r="G3552" i="2" s="1"/>
  <c r="G3555" i="2" a="1"/>
  <c r="G3555" i="2" s="1"/>
  <c r="G3543" i="2" a="1"/>
  <c r="G3543" i="2" s="1"/>
  <c r="G3538" i="2" a="1"/>
  <c r="G3538" i="2" s="1"/>
  <c r="G3545" i="2" a="1"/>
  <c r="G3545" i="2" s="1"/>
  <c r="G3561" i="2" a="1"/>
  <c r="G3561" i="2" s="1"/>
  <c r="G3547" i="2" a="1"/>
  <c r="G3547" i="2" s="1"/>
  <c r="G3553" i="2" a="1"/>
  <c r="G3553" i="2" s="1"/>
  <c r="G3551" i="2" a="1"/>
  <c r="G3551" i="2" s="1"/>
  <c r="G3558" i="2" a="1"/>
  <c r="G3558" i="2" s="1"/>
  <c r="G3539" i="2" a="1"/>
  <c r="G3539" i="2" s="1"/>
  <c r="G3559" i="2" a="1"/>
  <c r="G3559" i="2" s="1"/>
  <c r="G3556" i="2" a="1"/>
  <c r="G3556" i="2" s="1"/>
  <c r="G3541" i="2" a="1"/>
  <c r="G3541" i="2" s="1"/>
  <c r="G3554" i="2" a="1"/>
  <c r="G3554" i="2" s="1"/>
  <c r="G3540" i="2" a="1"/>
  <c r="G3540" i="2" s="1"/>
  <c r="G3557" i="2" a="1"/>
  <c r="G3557" i="2" s="1"/>
  <c r="G3544" i="2" a="1"/>
  <c r="G3544" i="2" s="1"/>
  <c r="G3550" i="2" a="1"/>
  <c r="G3550" i="2" s="1"/>
  <c r="G3549" i="2" a="1"/>
  <c r="G3549" i="2" s="1"/>
  <c r="G2537" i="2" a="1"/>
  <c r="G2537" i="2" s="1"/>
  <c r="G2552" i="2" a="1"/>
  <c r="G2552" i="2" s="1"/>
  <c r="G2541" i="2" a="1"/>
  <c r="G2541" i="2" s="1"/>
  <c r="G2553" i="2" a="1"/>
  <c r="G2553" i="2" s="1"/>
  <c r="G2538" i="2" a="1"/>
  <c r="G2538" i="2" s="1"/>
  <c r="G2550" i="2" a="1"/>
  <c r="G2550" i="2" s="1"/>
  <c r="G2536" i="2" a="1"/>
  <c r="G2536" i="2" s="1"/>
  <c r="G2542" i="2" a="1"/>
  <c r="G2542" i="2" s="1"/>
  <c r="G2531" i="2" a="1"/>
  <c r="G2531" i="2" s="1"/>
  <c r="G2530" i="2" a="1"/>
  <c r="G2530" i="2" s="1"/>
  <c r="G2539" i="2" a="1"/>
  <c r="G2539" i="2" s="1"/>
  <c r="G2532" i="2" a="1"/>
  <c r="G2532" i="2" s="1"/>
  <c r="G2543" i="2" a="1"/>
  <c r="G2543" i="2" s="1"/>
  <c r="G2533" i="2" a="1"/>
  <c r="G2533" i="2" s="1"/>
  <c r="G2544" i="2" a="1"/>
  <c r="G2544" i="2" s="1"/>
  <c r="G2549" i="2" a="1"/>
  <c r="G2549" i="2" s="1"/>
  <c r="G2546" i="2" a="1"/>
  <c r="G2546" i="2" s="1"/>
  <c r="G2545" i="2" a="1"/>
  <c r="G2545" i="2" s="1"/>
  <c r="G2551" i="2" a="1"/>
  <c r="G2551" i="2" s="1"/>
  <c r="G2547" i="2" a="1"/>
  <c r="G2547" i="2" s="1"/>
  <c r="G2548" i="2" a="1"/>
  <c r="G2548" i="2" s="1"/>
  <c r="G2534" i="2" a="1"/>
  <c r="G2534" i="2" s="1"/>
  <c r="G2540" i="2" a="1"/>
  <c r="G2540" i="2" s="1"/>
  <c r="G2535" i="2" a="1"/>
  <c r="G2535" i="2" s="1"/>
  <c r="F4892" i="2" a="1"/>
  <c r="F4892" i="2" s="1"/>
  <c r="F4898" i="2" a="1"/>
  <c r="F4898" i="2" s="1"/>
  <c r="F4890" i="2" a="1"/>
  <c r="F4890" i="2" s="1"/>
  <c r="F4883" i="2" a="1"/>
  <c r="F4883" i="2" s="1"/>
  <c r="F4899" i="2" a="1"/>
  <c r="F4899" i="2" s="1"/>
  <c r="F4886" i="2" a="1"/>
  <c r="F4886" i="2" s="1"/>
  <c r="F4889" i="2" a="1"/>
  <c r="F4889" i="2" s="1"/>
  <c r="F4904" i="2" a="1"/>
  <c r="F4904" i="2" s="1"/>
  <c r="F4887" i="2" a="1"/>
  <c r="F4887" i="2" s="1"/>
  <c r="F4902" i="2" a="1"/>
  <c r="F4902" i="2" s="1"/>
  <c r="F4882" i="2" a="1"/>
  <c r="F4882" i="2" s="1"/>
  <c r="F4888" i="2" a="1"/>
  <c r="F4888" i="2" s="1"/>
  <c r="F4903" i="2" a="1"/>
  <c r="F4903" i="2" s="1"/>
  <c r="F4891" i="2" a="1"/>
  <c r="F4891" i="2" s="1"/>
  <c r="F4884" i="2" a="1"/>
  <c r="F4884" i="2" s="1"/>
  <c r="F4893" i="2" a="1"/>
  <c r="F4893" i="2" s="1"/>
  <c r="F4897" i="2" a="1"/>
  <c r="F4897" i="2" s="1"/>
  <c r="F4896" i="2" a="1"/>
  <c r="F4896" i="2" s="1"/>
  <c r="F4895" i="2" a="1"/>
  <c r="F4895" i="2" s="1"/>
  <c r="F4900" i="2" a="1"/>
  <c r="F4900" i="2" s="1"/>
  <c r="F4885" i="2" a="1"/>
  <c r="F4885" i="2" s="1"/>
  <c r="F4901" i="2" a="1"/>
  <c r="F4901" i="2" s="1"/>
  <c r="F4905" i="2" a="1"/>
  <c r="F4905" i="2" s="1"/>
  <c r="F4894" i="2" a="1"/>
  <c r="F4894" i="2" s="1"/>
  <c r="E1686" i="2" a="1"/>
  <c r="E1686" i="2" s="1"/>
  <c r="E1682" i="2" a="1"/>
  <c r="E1682" i="2" s="1"/>
  <c r="E1678" i="2" a="1"/>
  <c r="E1678" i="2" s="1"/>
  <c r="E1683" i="2" a="1"/>
  <c r="E1683" i="2" s="1"/>
  <c r="E1672" i="2" a="1"/>
  <c r="E1672" i="2" s="1"/>
  <c r="E1680" i="2" a="1"/>
  <c r="E1680" i="2" s="1"/>
  <c r="E1666" i="2" a="1"/>
  <c r="E1666" i="2" s="1"/>
  <c r="E1677" i="2" a="1"/>
  <c r="E1677" i="2" s="1"/>
  <c r="E1667" i="2" a="1"/>
  <c r="E1667" i="2" s="1"/>
  <c r="E1688" i="2" a="1"/>
  <c r="E1688" i="2" s="1"/>
  <c r="E1679" i="2" a="1"/>
  <c r="E1679" i="2" s="1"/>
  <c r="E1669" i="2" a="1"/>
  <c r="E1669" i="2" s="1"/>
  <c r="E1685" i="2" a="1"/>
  <c r="E1685" i="2" s="1"/>
  <c r="E1687" i="2" a="1"/>
  <c r="E1687" i="2" s="1"/>
  <c r="E1675" i="2" a="1"/>
  <c r="E1675" i="2" s="1"/>
  <c r="E1676" i="2" a="1"/>
  <c r="E1676" i="2" s="1"/>
  <c r="E1671" i="2" a="1"/>
  <c r="E1671" i="2" s="1"/>
  <c r="E1681" i="2" a="1"/>
  <c r="E1681" i="2" s="1"/>
  <c r="E1673" i="2" a="1"/>
  <c r="E1673" i="2" s="1"/>
  <c r="E1684" i="2" a="1"/>
  <c r="E1684" i="2" s="1"/>
  <c r="E1674" i="2" a="1"/>
  <c r="E1674" i="2" s="1"/>
  <c r="E1670" i="2" a="1"/>
  <c r="E1670" i="2" s="1"/>
  <c r="E1668" i="2" a="1"/>
  <c r="E1668" i="2" s="1"/>
  <c r="E1689" i="2" a="1"/>
  <c r="E1689" i="2" s="1"/>
  <c r="D4538" i="2" a="1"/>
  <c r="D4538" i="2" s="1"/>
  <c r="D4525" i="2" a="1"/>
  <c r="D4525" i="2" s="1"/>
  <c r="D4530" i="2" a="1"/>
  <c r="D4530" i="2" s="1"/>
  <c r="D4539" i="2" a="1"/>
  <c r="D4539" i="2" s="1"/>
  <c r="D4540" i="2" a="1"/>
  <c r="D4540" i="2" s="1"/>
  <c r="D4544" i="2" a="1"/>
  <c r="D4544" i="2" s="1"/>
  <c r="D4524" i="2" a="1"/>
  <c r="D4524" i="2" s="1"/>
  <c r="D4531" i="2" a="1"/>
  <c r="D4531" i="2" s="1"/>
  <c r="D4526" i="2" a="1"/>
  <c r="D4526" i="2" s="1"/>
  <c r="D4533" i="2" a="1"/>
  <c r="D4533" i="2" s="1"/>
  <c r="D4532" i="2" a="1"/>
  <c r="D4532" i="2" s="1"/>
  <c r="D4534" i="2" a="1"/>
  <c r="D4534" i="2" s="1"/>
  <c r="D4522" i="2" a="1"/>
  <c r="D4522" i="2" s="1"/>
  <c r="D4535" i="2" a="1"/>
  <c r="D4535" i="2" s="1"/>
  <c r="D4523" i="2" a="1"/>
  <c r="D4523" i="2" s="1"/>
  <c r="D4528" i="2" a="1"/>
  <c r="D4528" i="2" s="1"/>
  <c r="D4537" i="2" a="1"/>
  <c r="D4537" i="2" s="1"/>
  <c r="D4536" i="2" a="1"/>
  <c r="D4536" i="2" s="1"/>
  <c r="D4529" i="2" a="1"/>
  <c r="D4529" i="2" s="1"/>
  <c r="D4527" i="2" a="1"/>
  <c r="D4527" i="2" s="1"/>
  <c r="D4543" i="2" a="1"/>
  <c r="D4543" i="2" s="1"/>
  <c r="D4545" i="2" a="1"/>
  <c r="D4545" i="2" s="1"/>
  <c r="D4541" i="2" a="1"/>
  <c r="D4541" i="2" s="1"/>
  <c r="D4542" i="2" a="1"/>
  <c r="D4542" i="2" s="1"/>
  <c r="G5237" i="2" a="1"/>
  <c r="G5237" i="2" s="1"/>
  <c r="G5234" i="2" a="1"/>
  <c r="G5234" i="2" s="1"/>
  <c r="G5238" i="2" a="1"/>
  <c r="G5238" i="2" s="1"/>
  <c r="G5231" i="2" a="1"/>
  <c r="G5231" i="2" s="1"/>
  <c r="G5239" i="2" a="1"/>
  <c r="G5239" i="2" s="1"/>
  <c r="G5235" i="2" a="1"/>
  <c r="G5235" i="2" s="1"/>
  <c r="G5236" i="2" a="1"/>
  <c r="G5236" i="2" s="1"/>
  <c r="G5225" i="2" a="1"/>
  <c r="G5225" i="2" s="1"/>
  <c r="G5241" i="2" a="1"/>
  <c r="G5241" i="2" s="1"/>
  <c r="G5220" i="2" a="1"/>
  <c r="G5220" i="2" s="1"/>
  <c r="G5230" i="2" a="1"/>
  <c r="G5230" i="2" s="1"/>
  <c r="G5224" i="2" a="1"/>
  <c r="G5224" i="2" s="1"/>
  <c r="G5233" i="2" a="1"/>
  <c r="G5233" i="2" s="1"/>
  <c r="G5226" i="2" a="1"/>
  <c r="G5226" i="2" s="1"/>
  <c r="G5227" i="2" a="1"/>
  <c r="G5227" i="2" s="1"/>
  <c r="G5221" i="2" a="1"/>
  <c r="G5221" i="2" s="1"/>
  <c r="G5229" i="2" a="1"/>
  <c r="G5229" i="2" s="1"/>
  <c r="G5232" i="2" a="1"/>
  <c r="G5232" i="2" s="1"/>
  <c r="G5222" i="2" a="1"/>
  <c r="G5222" i="2" s="1"/>
  <c r="G5218" i="2" a="1"/>
  <c r="G5218" i="2" s="1"/>
  <c r="G5219" i="2" a="1"/>
  <c r="G5219" i="2" s="1"/>
  <c r="G5228" i="2" a="1"/>
  <c r="G5228" i="2" s="1"/>
  <c r="G5240" i="2" a="1"/>
  <c r="G5240" i="2" s="1"/>
  <c r="G5223" i="2" a="1"/>
  <c r="G5223" i="2" s="1"/>
  <c r="F6560" i="2" a="1"/>
  <c r="F6560" i="2" s="1"/>
  <c r="F6538" i="2" a="1"/>
  <c r="F6538" i="2" s="1"/>
  <c r="F6552" i="2" a="1"/>
  <c r="F6552" i="2" s="1"/>
  <c r="F6558" i="2" a="1"/>
  <c r="F6558" i="2" s="1"/>
  <c r="F6559" i="2" a="1"/>
  <c r="F6559" i="2" s="1"/>
  <c r="F6541" i="2" a="1"/>
  <c r="F6541" i="2" s="1"/>
  <c r="F6539" i="2" a="1"/>
  <c r="F6539" i="2" s="1"/>
  <c r="F6543" i="2" a="1"/>
  <c r="F6543" i="2" s="1"/>
  <c r="F6540" i="2" a="1"/>
  <c r="F6540" i="2" s="1"/>
  <c r="F6546" i="2" a="1"/>
  <c r="F6546" i="2" s="1"/>
  <c r="F6554" i="2" a="1"/>
  <c r="F6554" i="2" s="1"/>
  <c r="F6551" i="2" a="1"/>
  <c r="F6551" i="2" s="1"/>
  <c r="F6547" i="2" a="1"/>
  <c r="F6547" i="2" s="1"/>
  <c r="F6544" i="2" a="1"/>
  <c r="F6544" i="2" s="1"/>
  <c r="F6549" i="2" a="1"/>
  <c r="F6549" i="2" s="1"/>
  <c r="F6553" i="2" a="1"/>
  <c r="F6553" i="2" s="1"/>
  <c r="F6561" i="2" a="1"/>
  <c r="F6561" i="2" s="1"/>
  <c r="F6548" i="2" a="1"/>
  <c r="F6548" i="2" s="1"/>
  <c r="F6555" i="2" a="1"/>
  <c r="F6555" i="2" s="1"/>
  <c r="F6550" i="2" a="1"/>
  <c r="F6550" i="2" s="1"/>
  <c r="F6545" i="2" a="1"/>
  <c r="F6545" i="2" s="1"/>
  <c r="F6542" i="2" a="1"/>
  <c r="F6542" i="2" s="1"/>
  <c r="F6556" i="2" a="1"/>
  <c r="F6556" i="2" s="1"/>
  <c r="F6557" i="2" a="1"/>
  <c r="F6557" i="2" s="1"/>
  <c r="F4874" i="2" a="1"/>
  <c r="F4874" i="2" s="1"/>
  <c r="F4859" i="2" a="1"/>
  <c r="F4859" i="2" s="1"/>
  <c r="F4876" i="2" a="1"/>
  <c r="F4876" i="2" s="1"/>
  <c r="F4866" i="2" a="1"/>
  <c r="F4866" i="2" s="1"/>
  <c r="F4877" i="2" a="1"/>
  <c r="F4877" i="2" s="1"/>
  <c r="F4868" i="2" a="1"/>
  <c r="F4868" i="2" s="1"/>
  <c r="F4878" i="2" a="1"/>
  <c r="F4878" i="2" s="1"/>
  <c r="F4881" i="2" a="1"/>
  <c r="F4881" i="2" s="1"/>
  <c r="F4875" i="2" a="1"/>
  <c r="F4875" i="2" s="1"/>
  <c r="F4871" i="2" a="1"/>
  <c r="F4871" i="2" s="1"/>
  <c r="F4860" i="2" a="1"/>
  <c r="F4860" i="2" s="1"/>
  <c r="F4879" i="2" a="1"/>
  <c r="F4879" i="2" s="1"/>
  <c r="F4867" i="2" a="1"/>
  <c r="F4867" i="2" s="1"/>
  <c r="F4861" i="2" a="1"/>
  <c r="F4861" i="2" s="1"/>
  <c r="F4865" i="2" a="1"/>
  <c r="F4865" i="2" s="1"/>
  <c r="F4872" i="2" a="1"/>
  <c r="F4872" i="2" s="1"/>
  <c r="F4862" i="2" a="1"/>
  <c r="F4862" i="2" s="1"/>
  <c r="F4873" i="2" a="1"/>
  <c r="F4873" i="2" s="1"/>
  <c r="F4869" i="2" a="1"/>
  <c r="F4869" i="2" s="1"/>
  <c r="F4863" i="2" a="1"/>
  <c r="F4863" i="2" s="1"/>
  <c r="F4858" i="2" a="1"/>
  <c r="F4858" i="2" s="1"/>
  <c r="F4864" i="2" a="1"/>
  <c r="F4864" i="2" s="1"/>
  <c r="F4880" i="2" a="1"/>
  <c r="F4880" i="2" s="1"/>
  <c r="F4870" i="2" a="1"/>
  <c r="F4870" i="2" s="1"/>
  <c r="D4547" i="2" a="1"/>
  <c r="D4547" i="2" s="1"/>
  <c r="D4548" i="2" a="1"/>
  <c r="D4548" i="2" s="1"/>
  <c r="D4553" i="2" a="1"/>
  <c r="D4553" i="2" s="1"/>
  <c r="D4550" i="2" a="1"/>
  <c r="D4550" i="2" s="1"/>
  <c r="D4561" i="2" a="1"/>
  <c r="D4561" i="2" s="1"/>
  <c r="D4551" i="2" a="1"/>
  <c r="D4551" i="2" s="1"/>
  <c r="D4563" i="2" a="1"/>
  <c r="D4563" i="2" s="1"/>
  <c r="D4549" i="2" a="1"/>
  <c r="D4549" i="2" s="1"/>
  <c r="D4554" i="2" a="1"/>
  <c r="D4554" i="2" s="1"/>
  <c r="D4556" i="2" a="1"/>
  <c r="D4556" i="2" s="1"/>
  <c r="D4552" i="2" a="1"/>
  <c r="D4552" i="2" s="1"/>
  <c r="D4560" i="2" a="1"/>
  <c r="D4560" i="2" s="1"/>
  <c r="D4564" i="2" a="1"/>
  <c r="D4564" i="2" s="1"/>
  <c r="D4559" i="2" a="1"/>
  <c r="D4559" i="2" s="1"/>
  <c r="D4562" i="2" a="1"/>
  <c r="D4562" i="2" s="1"/>
  <c r="D4557" i="2" a="1"/>
  <c r="D4557" i="2" s="1"/>
  <c r="D4567" i="2" a="1"/>
  <c r="D4567" i="2" s="1"/>
  <c r="D4565" i="2" a="1"/>
  <c r="D4565" i="2" s="1"/>
  <c r="D4568" i="2" a="1"/>
  <c r="D4568" i="2" s="1"/>
  <c r="D4566" i="2" a="1"/>
  <c r="D4566" i="2" s="1"/>
  <c r="D4558" i="2" a="1"/>
  <c r="D4558" i="2" s="1"/>
  <c r="D4546" i="2" a="1"/>
  <c r="D4546" i="2" s="1"/>
  <c r="D4555" i="2" a="1"/>
  <c r="D4555" i="2" s="1"/>
  <c r="D4569" i="2" a="1"/>
  <c r="D4569" i="2" s="1"/>
  <c r="H2717" i="2" a="1"/>
  <c r="H2717" i="2" s="1"/>
  <c r="H2711" i="2" a="1"/>
  <c r="H2711" i="2" s="1"/>
  <c r="H2715" i="2" a="1"/>
  <c r="H2715" i="2" s="1"/>
  <c r="H2718" i="2" a="1"/>
  <c r="H2718" i="2" s="1"/>
  <c r="H2700" i="2" a="1"/>
  <c r="H2700" i="2" s="1"/>
  <c r="H2707" i="2" a="1"/>
  <c r="H2707" i="2" s="1"/>
  <c r="H2713" i="2" a="1"/>
  <c r="H2713" i="2" s="1"/>
  <c r="H2708" i="2" a="1"/>
  <c r="H2708" i="2" s="1"/>
  <c r="H2709" i="2" a="1"/>
  <c r="H2709" i="2" s="1"/>
  <c r="H2704" i="2" a="1"/>
  <c r="H2704" i="2" s="1"/>
  <c r="H2719" i="2" a="1"/>
  <c r="H2719" i="2" s="1"/>
  <c r="H2705" i="2" a="1"/>
  <c r="H2705" i="2" s="1"/>
  <c r="H2703" i="2" a="1"/>
  <c r="H2703" i="2" s="1"/>
  <c r="H2712" i="2" a="1"/>
  <c r="H2712" i="2" s="1"/>
  <c r="H2701" i="2" a="1"/>
  <c r="H2701" i="2" s="1"/>
  <c r="H2702" i="2" a="1"/>
  <c r="H2702" i="2" s="1"/>
  <c r="H2710" i="2" a="1"/>
  <c r="H2710" i="2" s="1"/>
  <c r="H2706" i="2" a="1"/>
  <c r="H2706" i="2" s="1"/>
  <c r="H2720" i="2" a="1"/>
  <c r="H2720" i="2" s="1"/>
  <c r="H2716" i="2" a="1"/>
  <c r="H2716" i="2" s="1"/>
  <c r="H2721" i="2" a="1"/>
  <c r="H2721" i="2" s="1"/>
  <c r="H2698" i="2" a="1"/>
  <c r="H2698" i="2" s="1"/>
  <c r="H2714" i="2" a="1"/>
  <c r="H2714" i="2" s="1"/>
  <c r="H2699" i="2" a="1"/>
  <c r="H2699" i="2" s="1"/>
  <c r="F6877" i="2" a="1"/>
  <c r="F6877" i="2" s="1"/>
  <c r="F6881" i="2" a="1"/>
  <c r="F6881" i="2" s="1"/>
  <c r="F6891" i="2" a="1"/>
  <c r="F6891" i="2" s="1"/>
  <c r="F6889" i="2" a="1"/>
  <c r="F6889" i="2" s="1"/>
  <c r="F6894" i="2" a="1"/>
  <c r="F6894" i="2" s="1"/>
  <c r="F6890" i="2" a="1"/>
  <c r="F6890" i="2" s="1"/>
  <c r="F6895" i="2" a="1"/>
  <c r="F6895" i="2" s="1"/>
  <c r="F6893" i="2" a="1"/>
  <c r="F6893" i="2" s="1"/>
  <c r="F6884" i="2" a="1"/>
  <c r="F6884" i="2" s="1"/>
  <c r="F6874" i="2" a="1"/>
  <c r="F6874" i="2" s="1"/>
  <c r="F6880" i="2" a="1"/>
  <c r="F6880" i="2" s="1"/>
  <c r="F6885" i="2" a="1"/>
  <c r="F6885" i="2" s="1"/>
  <c r="F6875" i="2" a="1"/>
  <c r="F6875" i="2" s="1"/>
  <c r="F6896" i="2" a="1"/>
  <c r="F6896" i="2" s="1"/>
  <c r="F6876" i="2" a="1"/>
  <c r="F6876" i="2" s="1"/>
  <c r="F6886" i="2" a="1"/>
  <c r="F6886" i="2" s="1"/>
  <c r="F6887" i="2" a="1"/>
  <c r="F6887" i="2" s="1"/>
  <c r="F6888" i="2" a="1"/>
  <c r="F6888" i="2" s="1"/>
  <c r="F6892" i="2" a="1"/>
  <c r="F6892" i="2" s="1"/>
  <c r="F6879" i="2" a="1"/>
  <c r="F6879" i="2" s="1"/>
  <c r="F6897" i="2" a="1"/>
  <c r="F6897" i="2" s="1"/>
  <c r="F6878" i="2" a="1"/>
  <c r="F6878" i="2" s="1"/>
  <c r="F6882" i="2" a="1"/>
  <c r="F6882" i="2" s="1"/>
  <c r="F6883" i="2" a="1"/>
  <c r="F6883" i="2" s="1"/>
  <c r="F4365" i="2" a="1"/>
  <c r="F4365" i="2" s="1"/>
  <c r="F4374" i="2" a="1"/>
  <c r="F4374" i="2" s="1"/>
  <c r="F4355" i="2" a="1"/>
  <c r="F4355" i="2" s="1"/>
  <c r="F4354" i="2" a="1"/>
  <c r="F4354" i="2" s="1"/>
  <c r="F4362" i="2" a="1"/>
  <c r="F4362" i="2" s="1"/>
  <c r="F4356" i="2" a="1"/>
  <c r="F4356" i="2" s="1"/>
  <c r="F4373" i="2" a="1"/>
  <c r="F4373" i="2" s="1"/>
  <c r="F4358" i="2" a="1"/>
  <c r="F4358" i="2" s="1"/>
  <c r="F4366" i="2" a="1"/>
  <c r="F4366" i="2" s="1"/>
  <c r="F4376" i="2" a="1"/>
  <c r="F4376" i="2" s="1"/>
  <c r="F4372" i="2" a="1"/>
  <c r="F4372" i="2" s="1"/>
  <c r="F4371" i="2" a="1"/>
  <c r="F4371" i="2" s="1"/>
  <c r="F4367" i="2" a="1"/>
  <c r="F4367" i="2" s="1"/>
  <c r="F4375" i="2" a="1"/>
  <c r="F4375" i="2" s="1"/>
  <c r="F4359" i="2" a="1"/>
  <c r="F4359" i="2" s="1"/>
  <c r="F4369" i="2" a="1"/>
  <c r="F4369" i="2" s="1"/>
  <c r="F4364" i="2" a="1"/>
  <c r="F4364" i="2" s="1"/>
  <c r="F4363" i="2" a="1"/>
  <c r="F4363" i="2" s="1"/>
  <c r="F4357" i="2" a="1"/>
  <c r="F4357" i="2" s="1"/>
  <c r="F4360" i="2" a="1"/>
  <c r="F4360" i="2" s="1"/>
  <c r="F4368" i="2" a="1"/>
  <c r="F4368" i="2" s="1"/>
  <c r="F4361" i="2" a="1"/>
  <c r="F4361" i="2" s="1"/>
  <c r="F4370" i="2" a="1"/>
  <c r="F4370" i="2" s="1"/>
  <c r="F4377" i="2" a="1"/>
  <c r="F4377" i="2" s="1"/>
  <c r="G3201" i="2" a="1"/>
  <c r="G3201" i="2" s="1"/>
  <c r="G3182" i="2" a="1"/>
  <c r="G3182" i="2" s="1"/>
  <c r="G3187" i="2" a="1"/>
  <c r="G3187" i="2" s="1"/>
  <c r="G3179" i="2" a="1"/>
  <c r="G3179" i="2" s="1"/>
  <c r="G3195" i="2" a="1"/>
  <c r="G3195" i="2" s="1"/>
  <c r="G3189" i="2" a="1"/>
  <c r="G3189" i="2" s="1"/>
  <c r="G3184" i="2" a="1"/>
  <c r="G3184" i="2" s="1"/>
  <c r="G3183" i="2" a="1"/>
  <c r="G3183" i="2" s="1"/>
  <c r="G3190" i="2" a="1"/>
  <c r="G3190" i="2" s="1"/>
  <c r="G3193" i="2" a="1"/>
  <c r="G3193" i="2" s="1"/>
  <c r="G3196" i="2" a="1"/>
  <c r="G3196" i="2" s="1"/>
  <c r="G3180" i="2" a="1"/>
  <c r="G3180" i="2" s="1"/>
  <c r="G3198" i="2" a="1"/>
  <c r="G3198" i="2" s="1"/>
  <c r="G3191" i="2" a="1"/>
  <c r="G3191" i="2" s="1"/>
  <c r="G3178" i="2" a="1"/>
  <c r="G3178" i="2" s="1"/>
  <c r="G3181" i="2" a="1"/>
  <c r="G3181" i="2" s="1"/>
  <c r="G3199" i="2" a="1"/>
  <c r="G3199" i="2" s="1"/>
  <c r="G3192" i="2" a="1"/>
  <c r="G3192" i="2" s="1"/>
  <c r="G3200" i="2" a="1"/>
  <c r="G3200" i="2" s="1"/>
  <c r="G3186" i="2" a="1"/>
  <c r="G3186" i="2" s="1"/>
  <c r="G3185" i="2" a="1"/>
  <c r="G3185" i="2" s="1"/>
  <c r="G3194" i="2" a="1"/>
  <c r="G3194" i="2" s="1"/>
  <c r="G3197" i="2" a="1"/>
  <c r="G3197" i="2" s="1"/>
  <c r="G3188" i="2" a="1"/>
  <c r="G3188" i="2" s="1"/>
  <c r="F6222" i="2" a="1"/>
  <c r="F6222" i="2" s="1"/>
  <c r="F6225" i="2" a="1"/>
  <c r="F6225" i="2" s="1"/>
  <c r="F6212" i="2" a="1"/>
  <c r="F6212" i="2" s="1"/>
  <c r="F6220" i="2" a="1"/>
  <c r="F6220" i="2" s="1"/>
  <c r="F6221" i="2" a="1"/>
  <c r="F6221" i="2" s="1"/>
  <c r="F6209" i="2" a="1"/>
  <c r="F6209" i="2" s="1"/>
  <c r="F6213" i="2" a="1"/>
  <c r="F6213" i="2" s="1"/>
  <c r="F6202" i="2" a="1"/>
  <c r="F6202" i="2" s="1"/>
  <c r="F6224" i="2" a="1"/>
  <c r="F6224" i="2" s="1"/>
  <c r="F6203" i="2" a="1"/>
  <c r="F6203" i="2" s="1"/>
  <c r="F6214" i="2" a="1"/>
  <c r="F6214" i="2" s="1"/>
  <c r="F6204" i="2" a="1"/>
  <c r="F6204" i="2" s="1"/>
  <c r="F6215" i="2" a="1"/>
  <c r="F6215" i="2" s="1"/>
  <c r="F6207" i="2" a="1"/>
  <c r="F6207" i="2" s="1"/>
  <c r="F6205" i="2" a="1"/>
  <c r="F6205" i="2" s="1"/>
  <c r="F6218" i="2" a="1"/>
  <c r="F6218" i="2" s="1"/>
  <c r="F6208" i="2" a="1"/>
  <c r="F6208" i="2" s="1"/>
  <c r="F6206" i="2" a="1"/>
  <c r="F6206" i="2" s="1"/>
  <c r="F6211" i="2" a="1"/>
  <c r="F6211" i="2" s="1"/>
  <c r="F6210" i="2" a="1"/>
  <c r="F6210" i="2" s="1"/>
  <c r="F6216" i="2" a="1"/>
  <c r="F6216" i="2" s="1"/>
  <c r="F6219" i="2" a="1"/>
  <c r="F6219" i="2" s="1"/>
  <c r="F6217" i="2" a="1"/>
  <c r="F6217" i="2" s="1"/>
  <c r="F6223" i="2" a="1"/>
  <c r="F6223" i="2" s="1"/>
  <c r="E1847" i="2" a="1"/>
  <c r="E1847" i="2" s="1"/>
  <c r="E1835" i="2" a="1"/>
  <c r="E1835" i="2" s="1"/>
  <c r="E1849" i="2" a="1"/>
  <c r="E1849" i="2" s="1"/>
  <c r="E1839" i="2" a="1"/>
  <c r="E1839" i="2" s="1"/>
  <c r="E1843" i="2" a="1"/>
  <c r="E1843" i="2" s="1"/>
  <c r="E1852" i="2" a="1"/>
  <c r="E1852" i="2" s="1"/>
  <c r="E1837" i="2" a="1"/>
  <c r="E1837" i="2" s="1"/>
  <c r="E1856" i="2" a="1"/>
  <c r="E1856" i="2" s="1"/>
  <c r="E1851" i="2" a="1"/>
  <c r="E1851" i="2" s="1"/>
  <c r="E1857" i="2" a="1"/>
  <c r="E1857" i="2" s="1"/>
  <c r="E1836" i="2" a="1"/>
  <c r="E1836" i="2" s="1"/>
  <c r="E1834" i="2" a="1"/>
  <c r="E1834" i="2" s="1"/>
  <c r="E1842" i="2" a="1"/>
  <c r="E1842" i="2" s="1"/>
  <c r="E1838" i="2" a="1"/>
  <c r="E1838" i="2" s="1"/>
  <c r="E1844" i="2" a="1"/>
  <c r="E1844" i="2" s="1"/>
  <c r="E1854" i="2" a="1"/>
  <c r="E1854" i="2" s="1"/>
  <c r="E1848" i="2" a="1"/>
  <c r="E1848" i="2" s="1"/>
  <c r="E1845" i="2" a="1"/>
  <c r="E1845" i="2" s="1"/>
  <c r="E1853" i="2" a="1"/>
  <c r="E1853" i="2" s="1"/>
  <c r="E1855" i="2" a="1"/>
  <c r="E1855" i="2" s="1"/>
  <c r="E1846" i="2" a="1"/>
  <c r="E1846" i="2" s="1"/>
  <c r="E1840" i="2" a="1"/>
  <c r="E1840" i="2" s="1"/>
  <c r="E1850" i="2" a="1"/>
  <c r="E1850" i="2" s="1"/>
  <c r="E1841" i="2" a="1"/>
  <c r="E1841" i="2" s="1"/>
  <c r="G3017" i="2" a="1"/>
  <c r="G3017" i="2" s="1"/>
  <c r="G3028" i="2" a="1"/>
  <c r="G3028" i="2" s="1"/>
  <c r="G3018" i="2" a="1"/>
  <c r="G3018" i="2" s="1"/>
  <c r="G3023" i="2" a="1"/>
  <c r="G3023" i="2" s="1"/>
  <c r="G3026" i="2" a="1"/>
  <c r="G3026" i="2" s="1"/>
  <c r="G3020" i="2" a="1"/>
  <c r="G3020" i="2" s="1"/>
  <c r="G3029" i="2" a="1"/>
  <c r="G3029" i="2" s="1"/>
  <c r="G3010" i="2" a="1"/>
  <c r="G3010" i="2" s="1"/>
  <c r="G3012" i="2" a="1"/>
  <c r="G3012" i="2" s="1"/>
  <c r="G3019" i="2" a="1"/>
  <c r="G3019" i="2" s="1"/>
  <c r="G3031" i="2" a="1"/>
  <c r="G3031" i="2" s="1"/>
  <c r="G3024" i="2" a="1"/>
  <c r="G3024" i="2" s="1"/>
  <c r="G3032" i="2" a="1"/>
  <c r="G3032" i="2" s="1"/>
  <c r="G3021" i="2" a="1"/>
  <c r="G3021" i="2" s="1"/>
  <c r="G3015" i="2" a="1"/>
  <c r="G3015" i="2" s="1"/>
  <c r="G3013" i="2" a="1"/>
  <c r="G3013" i="2" s="1"/>
  <c r="G3025" i="2" a="1"/>
  <c r="G3025" i="2" s="1"/>
  <c r="G3030" i="2" a="1"/>
  <c r="G3030" i="2" s="1"/>
  <c r="G3011" i="2" a="1"/>
  <c r="G3011" i="2" s="1"/>
  <c r="G3016" i="2" a="1"/>
  <c r="G3016" i="2" s="1"/>
  <c r="G3033" i="2" a="1"/>
  <c r="G3033" i="2" s="1"/>
  <c r="G3027" i="2" a="1"/>
  <c r="G3027" i="2" s="1"/>
  <c r="G3022" i="2" a="1"/>
  <c r="G3022" i="2" s="1"/>
  <c r="G3014" i="2" a="1"/>
  <c r="G3014" i="2" s="1"/>
  <c r="G5530" i="2" a="1"/>
  <c r="G5530" i="2" s="1"/>
  <c r="G5531" i="2" a="1"/>
  <c r="G5531" i="2" s="1"/>
  <c r="G5536" i="2" a="1"/>
  <c r="G5536" i="2" s="1"/>
  <c r="G5540" i="2" a="1"/>
  <c r="G5540" i="2" s="1"/>
  <c r="G5550" i="2" a="1"/>
  <c r="G5550" i="2" s="1"/>
  <c r="G5548" i="2" a="1"/>
  <c r="G5548" i="2" s="1"/>
  <c r="G5535" i="2" a="1"/>
  <c r="G5535" i="2" s="1"/>
  <c r="G5541" i="2" a="1"/>
  <c r="G5541" i="2" s="1"/>
  <c r="G5553" i="2" a="1"/>
  <c r="G5553" i="2" s="1"/>
  <c r="G5537" i="2" a="1"/>
  <c r="G5537" i="2" s="1"/>
  <c r="G5532" i="2" a="1"/>
  <c r="G5532" i="2" s="1"/>
  <c r="G5538" i="2" a="1"/>
  <c r="G5538" i="2" s="1"/>
  <c r="G5533" i="2" a="1"/>
  <c r="G5533" i="2" s="1"/>
  <c r="G5539" i="2" a="1"/>
  <c r="G5539" i="2" s="1"/>
  <c r="G5552" i="2" a="1"/>
  <c r="G5552" i="2" s="1"/>
  <c r="G5544" i="2" a="1"/>
  <c r="G5544" i="2" s="1"/>
  <c r="G5542" i="2" a="1"/>
  <c r="G5542" i="2" s="1"/>
  <c r="G5543" i="2" a="1"/>
  <c r="G5543" i="2" s="1"/>
  <c r="G5545" i="2" a="1"/>
  <c r="G5545" i="2" s="1"/>
  <c r="G5546" i="2" a="1"/>
  <c r="G5546" i="2" s="1"/>
  <c r="G5549" i="2" a="1"/>
  <c r="G5549" i="2" s="1"/>
  <c r="G5547" i="2" a="1"/>
  <c r="G5547" i="2" s="1"/>
  <c r="G5534" i="2" a="1"/>
  <c r="G5534" i="2" s="1"/>
  <c r="G5551" i="2" a="1"/>
  <c r="G5551" i="2" s="1"/>
  <c r="H4211" i="2" a="1"/>
  <c r="H4211" i="2" s="1"/>
  <c r="H4222" i="2" a="1"/>
  <c r="H4222" i="2" s="1"/>
  <c r="H4226" i="2" a="1"/>
  <c r="H4226" i="2" s="1"/>
  <c r="H4214" i="2" a="1"/>
  <c r="H4214" i="2" s="1"/>
  <c r="H4231" i="2" a="1"/>
  <c r="H4231" i="2" s="1"/>
  <c r="H4212" i="2" a="1"/>
  <c r="H4212" i="2" s="1"/>
  <c r="H4220" i="2" a="1"/>
  <c r="H4220" i="2" s="1"/>
  <c r="H4210" i="2" a="1"/>
  <c r="H4210" i="2" s="1"/>
  <c r="H4218" i="2" a="1"/>
  <c r="H4218" i="2" s="1"/>
  <c r="H4221" i="2" a="1"/>
  <c r="H4221" i="2" s="1"/>
  <c r="H4224" i="2" a="1"/>
  <c r="H4224" i="2" s="1"/>
  <c r="H4225" i="2" a="1"/>
  <c r="H4225" i="2" s="1"/>
  <c r="H4227" i="2" a="1"/>
  <c r="H4227" i="2" s="1"/>
  <c r="H4232" i="2" a="1"/>
  <c r="H4232" i="2" s="1"/>
  <c r="H4228" i="2" a="1"/>
  <c r="H4228" i="2" s="1"/>
  <c r="H4215" i="2" a="1"/>
  <c r="H4215" i="2" s="1"/>
  <c r="H4213" i="2" a="1"/>
  <c r="H4213" i="2" s="1"/>
  <c r="H4219" i="2" a="1"/>
  <c r="H4219" i="2" s="1"/>
  <c r="H4223" i="2" a="1"/>
  <c r="H4223" i="2" s="1"/>
  <c r="H4216" i="2" a="1"/>
  <c r="H4216" i="2" s="1"/>
  <c r="H4233" i="2" a="1"/>
  <c r="H4233" i="2" s="1"/>
  <c r="H4229" i="2" a="1"/>
  <c r="H4229" i="2" s="1"/>
  <c r="H4230" i="2" a="1"/>
  <c r="H4230" i="2" s="1"/>
  <c r="H4217" i="2" a="1"/>
  <c r="H4217" i="2" s="1"/>
  <c r="E2526" i="2" a="1"/>
  <c r="E2526" i="2" s="1"/>
  <c r="E2523" i="2" a="1"/>
  <c r="E2523" i="2" s="1"/>
  <c r="E2512" i="2" a="1"/>
  <c r="E2512" i="2" s="1"/>
  <c r="E2516" i="2" a="1"/>
  <c r="E2516" i="2" s="1"/>
  <c r="E2507" i="2" a="1"/>
  <c r="E2507" i="2" s="1"/>
  <c r="E2513" i="2" a="1"/>
  <c r="E2513" i="2" s="1"/>
  <c r="E2508" i="2" a="1"/>
  <c r="E2508" i="2" s="1"/>
  <c r="E2528" i="2" a="1"/>
  <c r="E2528" i="2" s="1"/>
  <c r="E2524" i="2" a="1"/>
  <c r="E2524" i="2" s="1"/>
  <c r="E2525" i="2" a="1"/>
  <c r="E2525" i="2" s="1"/>
  <c r="E2506" i="2" a="1"/>
  <c r="E2506" i="2" s="1"/>
  <c r="E2509" i="2" a="1"/>
  <c r="E2509" i="2" s="1"/>
  <c r="E2514" i="2" a="1"/>
  <c r="E2514" i="2" s="1"/>
  <c r="E2520" i="2" a="1"/>
  <c r="E2520" i="2" s="1"/>
  <c r="E2515" i="2" a="1"/>
  <c r="E2515" i="2" s="1"/>
  <c r="E2511" i="2" a="1"/>
  <c r="E2511" i="2" s="1"/>
  <c r="E2519" i="2" a="1"/>
  <c r="E2519" i="2" s="1"/>
  <c r="E2527" i="2" a="1"/>
  <c r="E2527" i="2" s="1"/>
  <c r="E2510" i="2" a="1"/>
  <c r="E2510" i="2" s="1"/>
  <c r="E2529" i="2" a="1"/>
  <c r="E2529" i="2" s="1"/>
  <c r="E2521" i="2" a="1"/>
  <c r="E2521" i="2" s="1"/>
  <c r="E2522" i="2" a="1"/>
  <c r="E2522" i="2" s="1"/>
  <c r="E2517" i="2" a="1"/>
  <c r="E2517" i="2" s="1"/>
  <c r="E2518" i="2" a="1"/>
  <c r="E2518" i="2" s="1"/>
  <c r="F2088" i="2" a="1"/>
  <c r="F2088" i="2" s="1"/>
  <c r="F2096" i="2" a="1"/>
  <c r="F2096" i="2" s="1"/>
  <c r="F2085" i="2" a="1"/>
  <c r="F2085" i="2" s="1"/>
  <c r="F2090" i="2" a="1"/>
  <c r="F2090" i="2" s="1"/>
  <c r="F2094" i="2" a="1"/>
  <c r="F2094" i="2" s="1"/>
  <c r="F2089" i="2" a="1"/>
  <c r="F2089" i="2" s="1"/>
  <c r="F2091" i="2" a="1"/>
  <c r="F2091" i="2" s="1"/>
  <c r="F2084" i="2" a="1"/>
  <c r="F2084" i="2" s="1"/>
  <c r="F2078" i="2" a="1"/>
  <c r="F2078" i="2" s="1"/>
  <c r="F2082" i="2" a="1"/>
  <c r="F2082" i="2" s="1"/>
  <c r="F2077" i="2" a="1"/>
  <c r="F2077" i="2" s="1"/>
  <c r="F2093" i="2" a="1"/>
  <c r="F2093" i="2" s="1"/>
  <c r="F2079" i="2" a="1"/>
  <c r="F2079" i="2" s="1"/>
  <c r="F2083" i="2" a="1"/>
  <c r="F2083" i="2" s="1"/>
  <c r="F2080" i="2" a="1"/>
  <c r="F2080" i="2" s="1"/>
  <c r="F2081" i="2" a="1"/>
  <c r="F2081" i="2" s="1"/>
  <c r="F2076" i="2" a="1"/>
  <c r="F2076" i="2" s="1"/>
  <c r="F2087" i="2" a="1"/>
  <c r="F2087" i="2" s="1"/>
  <c r="F2092" i="2" a="1"/>
  <c r="F2092" i="2" s="1"/>
  <c r="F2086" i="2" a="1"/>
  <c r="F2086" i="2" s="1"/>
  <c r="F2097" i="2" a="1"/>
  <c r="F2097" i="2" s="1"/>
  <c r="F2075" i="2" a="1"/>
  <c r="F2075" i="2" s="1"/>
  <c r="F2074" i="2" a="1"/>
  <c r="F2074" i="2" s="1"/>
  <c r="F2095" i="2" a="1"/>
  <c r="F2095" i="2" s="1"/>
  <c r="E6013" i="2" a="1"/>
  <c r="E6013" i="2" s="1"/>
  <c r="E6030" i="2" a="1"/>
  <c r="E6030" i="2" s="1"/>
  <c r="E6018" i="2" a="1"/>
  <c r="E6018" i="2" s="1"/>
  <c r="E6016" i="2" a="1"/>
  <c r="E6016" i="2" s="1"/>
  <c r="E6011" i="2" a="1"/>
  <c r="E6011" i="2" s="1"/>
  <c r="E6027" i="2" a="1"/>
  <c r="E6027" i="2" s="1"/>
  <c r="E6031" i="2" a="1"/>
  <c r="E6031" i="2" s="1"/>
  <c r="E6024" i="2" a="1"/>
  <c r="E6024" i="2" s="1"/>
  <c r="E6026" i="2" a="1"/>
  <c r="E6026" i="2" s="1"/>
  <c r="E6017" i="2" a="1"/>
  <c r="E6017" i="2" s="1"/>
  <c r="E6010" i="2" a="1"/>
  <c r="E6010" i="2" s="1"/>
  <c r="E6032" i="2" a="1"/>
  <c r="E6032" i="2" s="1"/>
  <c r="E6014" i="2" a="1"/>
  <c r="E6014" i="2" s="1"/>
  <c r="E6033" i="2" a="1"/>
  <c r="E6033" i="2" s="1"/>
  <c r="E6023" i="2" a="1"/>
  <c r="E6023" i="2" s="1"/>
  <c r="E6021" i="2" a="1"/>
  <c r="E6021" i="2" s="1"/>
  <c r="E6022" i="2" a="1"/>
  <c r="E6022" i="2" s="1"/>
  <c r="E6028" i="2" a="1"/>
  <c r="E6028" i="2" s="1"/>
  <c r="E6020" i="2" a="1"/>
  <c r="E6020" i="2" s="1"/>
  <c r="E6025" i="2" a="1"/>
  <c r="E6025" i="2" s="1"/>
  <c r="E6015" i="2" a="1"/>
  <c r="E6015" i="2" s="1"/>
  <c r="E6019" i="2" a="1"/>
  <c r="E6019" i="2" s="1"/>
  <c r="E6029" i="2" a="1"/>
  <c r="E6029" i="2" s="1"/>
  <c r="E6012" i="2" a="1"/>
  <c r="E6012" i="2" s="1"/>
  <c r="F3352" i="2" a="1"/>
  <c r="F3352" i="2" s="1"/>
  <c r="F3366" i="2" a="1"/>
  <c r="F3366" i="2" s="1"/>
  <c r="F3360" i="2" a="1"/>
  <c r="F3360" i="2" s="1"/>
  <c r="F3363" i="2" a="1"/>
  <c r="F3363" i="2" s="1"/>
  <c r="F3351" i="2" a="1"/>
  <c r="F3351" i="2" s="1"/>
  <c r="F3347" i="2" a="1"/>
  <c r="F3347" i="2" s="1"/>
  <c r="F3367" i="2" a="1"/>
  <c r="F3367" i="2" s="1"/>
  <c r="F3362" i="2" a="1"/>
  <c r="F3362" i="2" s="1"/>
  <c r="F3349" i="2" a="1"/>
  <c r="F3349" i="2" s="1"/>
  <c r="F3368" i="2" a="1"/>
  <c r="F3368" i="2" s="1"/>
  <c r="F3348" i="2" a="1"/>
  <c r="F3348" i="2" s="1"/>
  <c r="F3355" i="2" a="1"/>
  <c r="F3355" i="2" s="1"/>
  <c r="F3369" i="2" a="1"/>
  <c r="F3369" i="2" s="1"/>
  <c r="F3354" i="2" a="1"/>
  <c r="F3354" i="2" s="1"/>
  <c r="F3359" i="2" a="1"/>
  <c r="F3359" i="2" s="1"/>
  <c r="F3364" i="2" a="1"/>
  <c r="F3364" i="2" s="1"/>
  <c r="F3353" i="2" a="1"/>
  <c r="F3353" i="2" s="1"/>
  <c r="F3365" i="2" a="1"/>
  <c r="F3365" i="2" s="1"/>
  <c r="F3356" i="2" a="1"/>
  <c r="F3356" i="2" s="1"/>
  <c r="F3357" i="2" a="1"/>
  <c r="F3357" i="2" s="1"/>
  <c r="F3358" i="2" a="1"/>
  <c r="F3358" i="2" s="1"/>
  <c r="F3361" i="2" a="1"/>
  <c r="F3361" i="2" s="1"/>
  <c r="F3346" i="2" a="1"/>
  <c r="F3346" i="2" s="1"/>
  <c r="F3350" i="2" a="1"/>
  <c r="F3350" i="2" s="1"/>
  <c r="H4082" i="2" a="1"/>
  <c r="H4082" i="2" s="1"/>
  <c r="H4071" i="2" a="1"/>
  <c r="H4071" i="2" s="1"/>
  <c r="H4074" i="2" a="1"/>
  <c r="H4074" i="2" s="1"/>
  <c r="H4072" i="2" a="1"/>
  <c r="H4072" i="2" s="1"/>
  <c r="H4079" i="2" a="1"/>
  <c r="H4079" i="2" s="1"/>
  <c r="H4076" i="2" a="1"/>
  <c r="H4076" i="2" s="1"/>
  <c r="H4073" i="2" a="1"/>
  <c r="H4073" i="2" s="1"/>
  <c r="H4077" i="2" a="1"/>
  <c r="H4077" i="2" s="1"/>
  <c r="H4084" i="2" a="1"/>
  <c r="H4084" i="2" s="1"/>
  <c r="H4075" i="2" a="1"/>
  <c r="H4075" i="2" s="1"/>
  <c r="H4080" i="2" a="1"/>
  <c r="H4080" i="2" s="1"/>
  <c r="H4085" i="2" a="1"/>
  <c r="H4085" i="2" s="1"/>
  <c r="H4086" i="2" a="1"/>
  <c r="H4086" i="2" s="1"/>
  <c r="H4078" i="2" a="1"/>
  <c r="H4078" i="2" s="1"/>
  <c r="H4087" i="2" a="1"/>
  <c r="H4087" i="2" s="1"/>
  <c r="H4066" i="2" a="1"/>
  <c r="H4066" i="2" s="1"/>
  <c r="H4088" i="2" a="1"/>
  <c r="H4088" i="2" s="1"/>
  <c r="H4083" i="2" a="1"/>
  <c r="H4083" i="2" s="1"/>
  <c r="H4067" i="2" a="1"/>
  <c r="H4067" i="2" s="1"/>
  <c r="H4081" i="2" a="1"/>
  <c r="H4081" i="2" s="1"/>
  <c r="H4069" i="2" a="1"/>
  <c r="H4069" i="2" s="1"/>
  <c r="H4068" i="2" a="1"/>
  <c r="H4068" i="2" s="1"/>
  <c r="H4070" i="2" a="1"/>
  <c r="H4070" i="2" s="1"/>
  <c r="H4089" i="2" a="1"/>
  <c r="H4089" i="2" s="1"/>
  <c r="H2726" i="2" a="1"/>
  <c r="H2726" i="2" s="1"/>
  <c r="H2739" i="2" a="1"/>
  <c r="H2739" i="2" s="1"/>
  <c r="H2727" i="2" a="1"/>
  <c r="H2727" i="2" s="1"/>
  <c r="H2724" i="2" a="1"/>
  <c r="H2724" i="2" s="1"/>
  <c r="H2733" i="2" a="1"/>
  <c r="H2733" i="2" s="1"/>
  <c r="H2743" i="2" a="1"/>
  <c r="H2743" i="2" s="1"/>
  <c r="H2728" i="2" a="1"/>
  <c r="H2728" i="2" s="1"/>
  <c r="H2734" i="2" a="1"/>
  <c r="H2734" i="2" s="1"/>
  <c r="H2730" i="2" a="1"/>
  <c r="H2730" i="2" s="1"/>
  <c r="H2744" i="2" a="1"/>
  <c r="H2744" i="2" s="1"/>
  <c r="H2735" i="2" a="1"/>
  <c r="H2735" i="2" s="1"/>
  <c r="H2731" i="2" a="1"/>
  <c r="H2731" i="2" s="1"/>
  <c r="H2741" i="2" a="1"/>
  <c r="H2741" i="2" s="1"/>
  <c r="H2729" i="2" a="1"/>
  <c r="H2729" i="2" s="1"/>
  <c r="H2732" i="2" a="1"/>
  <c r="H2732" i="2" s="1"/>
  <c r="H2745" i="2" a="1"/>
  <c r="H2745" i="2" s="1"/>
  <c r="H2736" i="2" a="1"/>
  <c r="H2736" i="2" s="1"/>
  <c r="H2723" i="2" a="1"/>
  <c r="H2723" i="2" s="1"/>
  <c r="H2742" i="2" a="1"/>
  <c r="H2742" i="2" s="1"/>
  <c r="H2737" i="2" a="1"/>
  <c r="H2737" i="2" s="1"/>
  <c r="H2725" i="2" a="1"/>
  <c r="H2725" i="2" s="1"/>
  <c r="H2722" i="2" a="1"/>
  <c r="H2722" i="2" s="1"/>
  <c r="H2740" i="2" a="1"/>
  <c r="H2740" i="2" s="1"/>
  <c r="H2738" i="2" a="1"/>
  <c r="H2738" i="2" s="1"/>
  <c r="G8583" i="2" a="1"/>
  <c r="G8583" i="2" s="1"/>
  <c r="G8598" i="2" a="1"/>
  <c r="G8598" i="2" s="1"/>
  <c r="G8589" i="2" a="1"/>
  <c r="G8589" i="2" s="1"/>
  <c r="G8593" i="2" a="1"/>
  <c r="G8593" i="2" s="1"/>
  <c r="G8590" i="2" a="1"/>
  <c r="G8590" i="2" s="1"/>
  <c r="G8599" i="2" a="1"/>
  <c r="G8599" i="2" s="1"/>
  <c r="G8595" i="2" a="1"/>
  <c r="G8595" i="2" s="1"/>
  <c r="G8587" i="2" a="1"/>
  <c r="G8587" i="2" s="1"/>
  <c r="G8581" i="2" a="1"/>
  <c r="G8581" i="2" s="1"/>
  <c r="G8596" i="2" a="1"/>
  <c r="G8596" i="2" s="1"/>
  <c r="G8600" i="2" a="1"/>
  <c r="G8600" i="2" s="1"/>
  <c r="G8580" i="2" a="1"/>
  <c r="G8580" i="2" s="1"/>
  <c r="G8601" i="2" a="1"/>
  <c r="G8601" i="2" s="1"/>
  <c r="G8597" i="2" a="1"/>
  <c r="G8597" i="2" s="1"/>
  <c r="G8578" i="2" a="1"/>
  <c r="G8578" i="2" s="1"/>
  <c r="G8588" i="2" a="1"/>
  <c r="G8588" i="2" s="1"/>
  <c r="G8579" i="2" a="1"/>
  <c r="G8579" i="2" s="1"/>
  <c r="G8585" i="2" a="1"/>
  <c r="G8585" i="2" s="1"/>
  <c r="G8586" i="2" a="1"/>
  <c r="G8586" i="2" s="1"/>
  <c r="G8591" i="2" a="1"/>
  <c r="G8591" i="2" s="1"/>
  <c r="G8592" i="2" a="1"/>
  <c r="G8592" i="2" s="1"/>
  <c r="G8594" i="2" a="1"/>
  <c r="G8594" i="2" s="1"/>
  <c r="G8584" i="2" a="1"/>
  <c r="G8584" i="2" s="1"/>
  <c r="G8582" i="2" a="1"/>
  <c r="G8582" i="2" s="1"/>
  <c r="AO251" i="1"/>
  <c r="E257" i="5" s="1"/>
  <c r="AQ251" i="1"/>
  <c r="G257" i="5" s="1"/>
  <c r="AP251" i="1"/>
  <c r="F257" i="5" s="1"/>
  <c r="AN251" i="1"/>
  <c r="D257" i="5" s="1"/>
  <c r="AM251" i="1"/>
  <c r="D6016" i="2" a="1"/>
  <c r="D6016" i="2" s="1"/>
  <c r="D6032" i="2" a="1"/>
  <c r="D6032" i="2" s="1"/>
  <c r="D6019" i="2" a="1"/>
  <c r="D6019" i="2" s="1"/>
  <c r="D6027" i="2" a="1"/>
  <c r="D6027" i="2" s="1"/>
  <c r="D6018" i="2" a="1"/>
  <c r="D6018" i="2" s="1"/>
  <c r="D6022" i="2" a="1"/>
  <c r="D6022" i="2" s="1"/>
  <c r="D6026" i="2" a="1"/>
  <c r="D6026" i="2" s="1"/>
  <c r="D6030" i="2" a="1"/>
  <c r="D6030" i="2" s="1"/>
  <c r="D6011" i="2" a="1"/>
  <c r="D6011" i="2" s="1"/>
  <c r="D6015" i="2" a="1"/>
  <c r="D6015" i="2" s="1"/>
  <c r="D6023" i="2" a="1"/>
  <c r="D6023" i="2" s="1"/>
  <c r="D6031" i="2" a="1"/>
  <c r="D6031" i="2" s="1"/>
  <c r="D6013" i="2" a="1"/>
  <c r="D6013" i="2" s="1"/>
  <c r="D6021" i="2" a="1"/>
  <c r="D6021" i="2" s="1"/>
  <c r="D6029" i="2" a="1"/>
  <c r="D6029" i="2" s="1"/>
  <c r="D6033" i="2" a="1"/>
  <c r="D6033" i="2" s="1"/>
  <c r="D6010" i="2" a="1"/>
  <c r="D6010" i="2" s="1"/>
  <c r="D6014" i="2" a="1"/>
  <c r="D6014" i="2" s="1"/>
  <c r="D6012" i="2" a="1"/>
  <c r="D6012" i="2" s="1"/>
  <c r="D6020" i="2" a="1"/>
  <c r="D6020" i="2" s="1"/>
  <c r="D6024" i="2" a="1"/>
  <c r="D6024" i="2" s="1"/>
  <c r="D6028" i="2" a="1"/>
  <c r="D6028" i="2" s="1"/>
  <c r="D6017" i="2" a="1"/>
  <c r="D6017" i="2" s="1"/>
  <c r="D6025" i="2" a="1"/>
  <c r="D6025" i="2" s="1"/>
  <c r="F4317" i="2" a="1"/>
  <c r="F4317" i="2" s="1"/>
  <c r="F4315" i="2" a="1"/>
  <c r="F4315" i="2" s="1"/>
  <c r="F4311" i="2" a="1"/>
  <c r="F4311" i="2" s="1"/>
  <c r="F4329" i="2" a="1"/>
  <c r="F4329" i="2" s="1"/>
  <c r="F4322" i="2" a="1"/>
  <c r="F4322" i="2" s="1"/>
  <c r="F4318" i="2" a="1"/>
  <c r="F4318" i="2" s="1"/>
  <c r="F4323" i="2" a="1"/>
  <c r="F4323" i="2" s="1"/>
  <c r="F4320" i="2" a="1"/>
  <c r="F4320" i="2" s="1"/>
  <c r="F4324" i="2" a="1"/>
  <c r="F4324" i="2" s="1"/>
  <c r="F4319" i="2" a="1"/>
  <c r="F4319" i="2" s="1"/>
  <c r="F4325" i="2" a="1"/>
  <c r="F4325" i="2" s="1"/>
  <c r="F4321" i="2" a="1"/>
  <c r="F4321" i="2" s="1"/>
  <c r="F4326" i="2" a="1"/>
  <c r="F4326" i="2" s="1"/>
  <c r="F4310" i="2" a="1"/>
  <c r="F4310" i="2" s="1"/>
  <c r="F4327" i="2" a="1"/>
  <c r="F4327" i="2" s="1"/>
  <c r="F4306" i="2" a="1"/>
  <c r="F4306" i="2" s="1"/>
  <c r="F4312" i="2" a="1"/>
  <c r="F4312" i="2" s="1"/>
  <c r="F4328" i="2" a="1"/>
  <c r="F4328" i="2" s="1"/>
  <c r="F4316" i="2" a="1"/>
  <c r="F4316" i="2" s="1"/>
  <c r="F4313" i="2" a="1"/>
  <c r="F4313" i="2" s="1"/>
  <c r="F4309" i="2" a="1"/>
  <c r="F4309" i="2" s="1"/>
  <c r="F4307" i="2" a="1"/>
  <c r="F4307" i="2" s="1"/>
  <c r="F4314" i="2" a="1"/>
  <c r="F4314" i="2" s="1"/>
  <c r="F4308" i="2" a="1"/>
  <c r="F4308" i="2" s="1"/>
  <c r="E8301" i="2" a="1"/>
  <c r="E8301" i="2" s="1"/>
  <c r="E8307" i="2" a="1"/>
  <c r="E8307" i="2" s="1"/>
  <c r="E8298" i="2" a="1"/>
  <c r="E8298" i="2" s="1"/>
  <c r="E8313" i="2" a="1"/>
  <c r="E8313" i="2" s="1"/>
  <c r="E8308" i="2" a="1"/>
  <c r="E8308" i="2" s="1"/>
  <c r="E8297" i="2" a="1"/>
  <c r="E8297" i="2" s="1"/>
  <c r="E8302" i="2" a="1"/>
  <c r="E8302" i="2" s="1"/>
  <c r="E8309" i="2" a="1"/>
  <c r="E8309" i="2" s="1"/>
  <c r="E8304" i="2" a="1"/>
  <c r="E8304" i="2" s="1"/>
  <c r="E8293" i="2" a="1"/>
  <c r="E8293" i="2" s="1"/>
  <c r="E8305" i="2" a="1"/>
  <c r="E8305" i="2" s="1"/>
  <c r="E8299" i="2" a="1"/>
  <c r="E8299" i="2" s="1"/>
  <c r="E8310" i="2" a="1"/>
  <c r="E8310" i="2" s="1"/>
  <c r="E8291" i="2" a="1"/>
  <c r="E8291" i="2" s="1"/>
  <c r="E8311" i="2" a="1"/>
  <c r="E8311" i="2" s="1"/>
  <c r="E8303" i="2" a="1"/>
  <c r="E8303" i="2" s="1"/>
  <c r="E8306" i="2" a="1"/>
  <c r="E8306" i="2" s="1"/>
  <c r="E8292" i="2" a="1"/>
  <c r="E8292" i="2" s="1"/>
  <c r="E8296" i="2" a="1"/>
  <c r="E8296" i="2" s="1"/>
  <c r="E8300" i="2" a="1"/>
  <c r="E8300" i="2" s="1"/>
  <c r="E8294" i="2" a="1"/>
  <c r="E8294" i="2" s="1"/>
  <c r="E8295" i="2" a="1"/>
  <c r="E8295" i="2" s="1"/>
  <c r="E8290" i="2" a="1"/>
  <c r="E8290" i="2" s="1"/>
  <c r="E8312" i="2" a="1"/>
  <c r="E8312" i="2" s="1"/>
  <c r="G1422" i="2" a="1"/>
  <c r="G1422" i="2" s="1"/>
  <c r="G1425" i="2" a="1"/>
  <c r="G1425" i="2" s="1"/>
  <c r="G1413" i="2" a="1"/>
  <c r="G1413" i="2" s="1"/>
  <c r="G1404" i="2" a="1"/>
  <c r="G1404" i="2" s="1"/>
  <c r="G1419" i="2" a="1"/>
  <c r="G1419" i="2" s="1"/>
  <c r="G1414" i="2" a="1"/>
  <c r="G1414" i="2" s="1"/>
  <c r="G1405" i="2" a="1"/>
  <c r="G1405" i="2" s="1"/>
  <c r="G1411" i="2" a="1"/>
  <c r="G1411" i="2" s="1"/>
  <c r="G1418" i="2" a="1"/>
  <c r="G1418" i="2" s="1"/>
  <c r="G1407" i="2" a="1"/>
  <c r="G1407" i="2" s="1"/>
  <c r="G1406" i="2" a="1"/>
  <c r="G1406" i="2" s="1"/>
  <c r="G1423" i="2" a="1"/>
  <c r="G1423" i="2" s="1"/>
  <c r="G1410" i="2" a="1"/>
  <c r="G1410" i="2" s="1"/>
  <c r="G1403" i="2" a="1"/>
  <c r="G1403" i="2" s="1"/>
  <c r="G1424" i="2" a="1"/>
  <c r="G1424" i="2" s="1"/>
  <c r="G1409" i="2" a="1"/>
  <c r="G1409" i="2" s="1"/>
  <c r="G1412" i="2" a="1"/>
  <c r="G1412" i="2" s="1"/>
  <c r="G1402" i="2" a="1"/>
  <c r="G1402" i="2" s="1"/>
  <c r="G1415" i="2" a="1"/>
  <c r="G1415" i="2" s="1"/>
  <c r="G1417" i="2" a="1"/>
  <c r="G1417" i="2" s="1"/>
  <c r="G1408" i="2" a="1"/>
  <c r="G1408" i="2" s="1"/>
  <c r="G1421" i="2" a="1"/>
  <c r="G1421" i="2" s="1"/>
  <c r="G1416" i="2" a="1"/>
  <c r="G1416" i="2" s="1"/>
  <c r="G1420" i="2" a="1"/>
  <c r="G1420" i="2" s="1"/>
  <c r="H4842" i="2" a="1"/>
  <c r="H4842" i="2" s="1"/>
  <c r="H4855" i="2" a="1"/>
  <c r="H4855" i="2" s="1"/>
  <c r="H4835" i="2" a="1"/>
  <c r="H4835" i="2" s="1"/>
  <c r="H4838" i="2" a="1"/>
  <c r="H4838" i="2" s="1"/>
  <c r="H4850" i="2" a="1"/>
  <c r="H4850" i="2" s="1"/>
  <c r="H4853" i="2" a="1"/>
  <c r="H4853" i="2" s="1"/>
  <c r="H4843" i="2" a="1"/>
  <c r="H4843" i="2" s="1"/>
  <c r="H4834" i="2" a="1"/>
  <c r="H4834" i="2" s="1"/>
  <c r="H4844" i="2" a="1"/>
  <c r="H4844" i="2" s="1"/>
  <c r="H4836" i="2" a="1"/>
  <c r="H4836" i="2" s="1"/>
  <c r="H4845" i="2" a="1"/>
  <c r="H4845" i="2" s="1"/>
  <c r="H4854" i="2" a="1"/>
  <c r="H4854" i="2" s="1"/>
  <c r="H4846" i="2" a="1"/>
  <c r="H4846" i="2" s="1"/>
  <c r="H4851" i="2" a="1"/>
  <c r="H4851" i="2" s="1"/>
  <c r="H4857" i="2" a="1"/>
  <c r="H4857" i="2" s="1"/>
  <c r="H4839" i="2" a="1"/>
  <c r="H4839" i="2" s="1"/>
  <c r="H4856" i="2" a="1"/>
  <c r="H4856" i="2" s="1"/>
  <c r="H4848" i="2" a="1"/>
  <c r="H4848" i="2" s="1"/>
  <c r="H4847" i="2" a="1"/>
  <c r="H4847" i="2" s="1"/>
  <c r="H4840" i="2" a="1"/>
  <c r="H4840" i="2" s="1"/>
  <c r="H4841" i="2" a="1"/>
  <c r="H4841" i="2" s="1"/>
  <c r="H4852" i="2" a="1"/>
  <c r="H4852" i="2" s="1"/>
  <c r="H4837" i="2" a="1"/>
  <c r="H4837" i="2" s="1"/>
  <c r="H4849" i="2" a="1"/>
  <c r="H4849" i="2" s="1"/>
  <c r="AO214" i="1"/>
  <c r="E220" i="5" s="1"/>
  <c r="AP214" i="1"/>
  <c r="F220" i="5" s="1"/>
  <c r="AQ214" i="1"/>
  <c r="G220" i="5" s="1"/>
  <c r="AN214" i="1"/>
  <c r="D220" i="5" s="1"/>
  <c r="AM214" i="1"/>
  <c r="D5137" i="2" a="1"/>
  <c r="D5137" i="2" s="1"/>
  <c r="D5123" i="2" a="1"/>
  <c r="D5123" i="2" s="1"/>
  <c r="D5131" i="2" a="1"/>
  <c r="D5131" i="2" s="1"/>
  <c r="D5135" i="2" a="1"/>
  <c r="D5135" i="2" s="1"/>
  <c r="D5143" i="2" a="1"/>
  <c r="D5143" i="2" s="1"/>
  <c r="D5128" i="2" a="1"/>
  <c r="D5128" i="2" s="1"/>
  <c r="D5136" i="2" a="1"/>
  <c r="D5136" i="2" s="1"/>
  <c r="D5122" i="2" a="1"/>
  <c r="D5122" i="2" s="1"/>
  <c r="D5130" i="2" a="1"/>
  <c r="D5130" i="2" s="1"/>
  <c r="D5134" i="2" a="1"/>
  <c r="D5134" i="2" s="1"/>
  <c r="D5138" i="2" a="1"/>
  <c r="D5138" i="2" s="1"/>
  <c r="D5142" i="2" a="1"/>
  <c r="D5142" i="2" s="1"/>
  <c r="D5127" i="2" a="1"/>
  <c r="D5127" i="2" s="1"/>
  <c r="D5139" i="2" a="1"/>
  <c r="D5139" i="2" s="1"/>
  <c r="D5126" i="2" a="1"/>
  <c r="D5126" i="2" s="1"/>
  <c r="D5125" i="2" a="1"/>
  <c r="D5125" i="2" s="1"/>
  <c r="D5129" i="2" a="1"/>
  <c r="D5129" i="2" s="1"/>
  <c r="D5141" i="2" a="1"/>
  <c r="D5141" i="2" s="1"/>
  <c r="D5145" i="2" a="1"/>
  <c r="D5145" i="2" s="1"/>
  <c r="D5133" i="2" a="1"/>
  <c r="D5133" i="2" s="1"/>
  <c r="D5124" i="2" a="1"/>
  <c r="D5124" i="2" s="1"/>
  <c r="D5132" i="2" a="1"/>
  <c r="D5132" i="2" s="1"/>
  <c r="D5140" i="2" a="1"/>
  <c r="D5140" i="2" s="1"/>
  <c r="D5144" i="2" a="1"/>
  <c r="D5144" i="2" s="1"/>
  <c r="F6135" i="2" a="1"/>
  <c r="F6135" i="2" s="1"/>
  <c r="F6130" i="2" a="1"/>
  <c r="F6130" i="2" s="1"/>
  <c r="F6145" i="2" a="1"/>
  <c r="F6145" i="2" s="1"/>
  <c r="F6136" i="2" a="1"/>
  <c r="F6136" i="2" s="1"/>
  <c r="F6149" i="2" a="1"/>
  <c r="F6149" i="2" s="1"/>
  <c r="F6140" i="2" a="1"/>
  <c r="F6140" i="2" s="1"/>
  <c r="F6141" i="2" a="1"/>
  <c r="F6141" i="2" s="1"/>
  <c r="F6147" i="2" a="1"/>
  <c r="F6147" i="2" s="1"/>
  <c r="F6146" i="2" a="1"/>
  <c r="F6146" i="2" s="1"/>
  <c r="F6137" i="2" a="1"/>
  <c r="F6137" i="2" s="1"/>
  <c r="F6148" i="2" a="1"/>
  <c r="F6148" i="2" s="1"/>
  <c r="F6143" i="2" a="1"/>
  <c r="F6143" i="2" s="1"/>
  <c r="F6131" i="2" a="1"/>
  <c r="F6131" i="2" s="1"/>
  <c r="F6144" i="2" a="1"/>
  <c r="F6144" i="2" s="1"/>
  <c r="F6153" i="2" a="1"/>
  <c r="F6153" i="2" s="1"/>
  <c r="F6151" i="2" a="1"/>
  <c r="F6151" i="2" s="1"/>
  <c r="F6134" i="2" a="1"/>
  <c r="F6134" i="2" s="1"/>
  <c r="F6142" i="2" a="1"/>
  <c r="F6142" i="2" s="1"/>
  <c r="F6152" i="2" a="1"/>
  <c r="F6152" i="2" s="1"/>
  <c r="F6139" i="2" a="1"/>
  <c r="F6139" i="2" s="1"/>
  <c r="F6138" i="2" a="1"/>
  <c r="F6138" i="2" s="1"/>
  <c r="F6150" i="2" a="1"/>
  <c r="F6150" i="2" s="1"/>
  <c r="F6132" i="2" a="1"/>
  <c r="F6132" i="2" s="1"/>
  <c r="F6133" i="2" a="1"/>
  <c r="F6133" i="2" s="1"/>
  <c r="D3187" i="2" a="1"/>
  <c r="D3187" i="2" s="1"/>
  <c r="D3189" i="2" a="1"/>
  <c r="D3189" i="2" s="1"/>
  <c r="D3197" i="2" a="1"/>
  <c r="D3197" i="2" s="1"/>
  <c r="D3178" i="2" a="1"/>
  <c r="D3178" i="2" s="1"/>
  <c r="D3191" i="2" a="1"/>
  <c r="D3191" i="2" s="1"/>
  <c r="D3179" i="2" a="1"/>
  <c r="D3179" i="2" s="1"/>
  <c r="D3195" i="2" a="1"/>
  <c r="D3195" i="2" s="1"/>
  <c r="D3185" i="2" a="1"/>
  <c r="D3185" i="2" s="1"/>
  <c r="D3192" i="2" a="1"/>
  <c r="D3192" i="2" s="1"/>
  <c r="D3196" i="2" a="1"/>
  <c r="D3196" i="2" s="1"/>
  <c r="D3188" i="2" a="1"/>
  <c r="D3188" i="2" s="1"/>
  <c r="D3180" i="2" a="1"/>
  <c r="D3180" i="2" s="1"/>
  <c r="D3201" i="2" a="1"/>
  <c r="D3201" i="2" s="1"/>
  <c r="D3198" i="2" a="1"/>
  <c r="D3198" i="2" s="1"/>
  <c r="D3193" i="2" a="1"/>
  <c r="D3193" i="2" s="1"/>
  <c r="D3182" i="2" a="1"/>
  <c r="D3182" i="2" s="1"/>
  <c r="D3181" i="2" a="1"/>
  <c r="D3181" i="2" s="1"/>
  <c r="D3183" i="2" a="1"/>
  <c r="D3183" i="2" s="1"/>
  <c r="D3199" i="2" a="1"/>
  <c r="D3199" i="2" s="1"/>
  <c r="D3194" i="2" a="1"/>
  <c r="D3194" i="2" s="1"/>
  <c r="D3190" i="2" a="1"/>
  <c r="D3190" i="2" s="1"/>
  <c r="D3186" i="2" a="1"/>
  <c r="D3186" i="2" s="1"/>
  <c r="D3184" i="2" a="1"/>
  <c r="D3184" i="2" s="1"/>
  <c r="D3200" i="2" a="1"/>
  <c r="D3200" i="2" s="1"/>
  <c r="AP51" i="1"/>
  <c r="F57" i="5" s="1"/>
  <c r="AO51" i="1"/>
  <c r="E57" i="5" s="1"/>
  <c r="AQ51" i="1"/>
  <c r="G57" i="5" s="1"/>
  <c r="AN51" i="1"/>
  <c r="D57" i="5" s="1"/>
  <c r="AM51" i="1"/>
  <c r="D1212" i="2" a="1"/>
  <c r="D1212" i="2" s="1"/>
  <c r="D1216" i="2" a="1"/>
  <c r="D1216" i="2" s="1"/>
  <c r="D1220" i="2" a="1"/>
  <c r="D1220" i="2" s="1"/>
  <c r="D1228" i="2" a="1"/>
  <c r="D1228" i="2" s="1"/>
  <c r="D1232" i="2" a="1"/>
  <c r="D1232" i="2" s="1"/>
  <c r="D1211" i="2" a="1"/>
  <c r="D1211" i="2" s="1"/>
  <c r="D1215" i="2" a="1"/>
  <c r="D1215" i="2" s="1"/>
  <c r="D1219" i="2" a="1"/>
  <c r="D1219" i="2" s="1"/>
  <c r="D1223" i="2" a="1"/>
  <c r="D1223" i="2" s="1"/>
  <c r="D1227" i="2" a="1"/>
  <c r="D1227" i="2" s="1"/>
  <c r="D1231" i="2" a="1"/>
  <c r="D1231" i="2" s="1"/>
  <c r="D1213" i="2" a="1"/>
  <c r="D1213" i="2" s="1"/>
  <c r="D1233" i="2" a="1"/>
  <c r="D1233" i="2" s="1"/>
  <c r="D1226" i="2" a="1"/>
  <c r="D1226" i="2" s="1"/>
  <c r="D1221" i="2" a="1"/>
  <c r="D1221" i="2" s="1"/>
  <c r="D1210" i="2" a="1"/>
  <c r="D1210" i="2" s="1"/>
  <c r="D1222" i="2" a="1"/>
  <c r="D1222" i="2" s="1"/>
  <c r="D1217" i="2" a="1"/>
  <c r="D1217" i="2" s="1"/>
  <c r="D1218" i="2" a="1"/>
  <c r="D1218" i="2" s="1"/>
  <c r="D1229" i="2" a="1"/>
  <c r="D1229" i="2" s="1"/>
  <c r="D1224" i="2" a="1"/>
  <c r="D1224" i="2" s="1"/>
  <c r="D1214" i="2" a="1"/>
  <c r="D1214" i="2" s="1"/>
  <c r="D1230" i="2" a="1"/>
  <c r="D1230" i="2" s="1"/>
  <c r="D1225" i="2" a="1"/>
  <c r="D1225" i="2" s="1"/>
  <c r="AP346" i="1"/>
  <c r="F352" i="5" s="1"/>
  <c r="AO346" i="1"/>
  <c r="E352" i="5" s="1"/>
  <c r="AN346" i="1"/>
  <c r="D352" i="5" s="1"/>
  <c r="AQ346" i="1"/>
  <c r="G352" i="5" s="1"/>
  <c r="AM346" i="1"/>
  <c r="D8295" i="2" a="1"/>
  <c r="D8295" i="2" s="1"/>
  <c r="D8299" i="2" a="1"/>
  <c r="D8299" i="2" s="1"/>
  <c r="D8303" i="2" a="1"/>
  <c r="D8303" i="2" s="1"/>
  <c r="D8307" i="2" a="1"/>
  <c r="D8307" i="2" s="1"/>
  <c r="D8306" i="2" a="1"/>
  <c r="D8306" i="2" s="1"/>
  <c r="D8304" i="2" a="1"/>
  <c r="D8304" i="2" s="1"/>
  <c r="D8312" i="2" a="1"/>
  <c r="D8312" i="2" s="1"/>
  <c r="D8291" i="2" a="1"/>
  <c r="D8291" i="2" s="1"/>
  <c r="D8311" i="2" a="1"/>
  <c r="D8311" i="2" s="1"/>
  <c r="D8292" i="2" a="1"/>
  <c r="D8292" i="2" s="1"/>
  <c r="D8296" i="2" a="1"/>
  <c r="D8296" i="2" s="1"/>
  <c r="D8300" i="2" a="1"/>
  <c r="D8300" i="2" s="1"/>
  <c r="D8308" i="2" a="1"/>
  <c r="D8308" i="2" s="1"/>
  <c r="D8293" i="2" a="1"/>
  <c r="D8293" i="2" s="1"/>
  <c r="D8297" i="2" a="1"/>
  <c r="D8297" i="2" s="1"/>
  <c r="D8305" i="2" a="1"/>
  <c r="D8305" i="2" s="1"/>
  <c r="D8309" i="2" a="1"/>
  <c r="D8309" i="2" s="1"/>
  <c r="D8313" i="2" a="1"/>
  <c r="D8313" i="2" s="1"/>
  <c r="D8290" i="2" a="1"/>
  <c r="D8290" i="2" s="1"/>
  <c r="D8294" i="2" a="1"/>
  <c r="D8294" i="2" s="1"/>
  <c r="D8302" i="2" a="1"/>
  <c r="D8302" i="2" s="1"/>
  <c r="D8310" i="2" a="1"/>
  <c r="D8310" i="2" s="1"/>
  <c r="D8301" i="2" a="1"/>
  <c r="D8301" i="2" s="1"/>
  <c r="D8298" i="2" a="1"/>
  <c r="D8298" i="2" s="1"/>
  <c r="H312" i="2" a="1"/>
  <c r="H312" i="2" s="1"/>
  <c r="H320" i="2" a="1"/>
  <c r="H320" i="2" s="1"/>
  <c r="H313" i="2" a="1"/>
  <c r="H313" i="2" s="1"/>
  <c r="H316" i="2" a="1"/>
  <c r="H316" i="2" s="1"/>
  <c r="H308" i="2" a="1"/>
  <c r="H308" i="2" s="1"/>
  <c r="H314" i="2" a="1"/>
  <c r="H314" i="2" s="1"/>
  <c r="H298" i="2" a="1"/>
  <c r="H298" i="2" s="1"/>
  <c r="H306" i="2" a="1"/>
  <c r="H306" i="2" s="1"/>
  <c r="H315" i="2" a="1"/>
  <c r="H315" i="2" s="1"/>
  <c r="H299" i="2" a="1"/>
  <c r="H299" i="2" s="1"/>
  <c r="H311" i="2" a="1"/>
  <c r="H311" i="2" s="1"/>
  <c r="H317" i="2" a="1"/>
  <c r="H317" i="2" s="1"/>
  <c r="H321" i="2" a="1"/>
  <c r="H321" i="2" s="1"/>
  <c r="H319" i="2" a="1"/>
  <c r="H319" i="2" s="1"/>
  <c r="H301" i="2" a="1"/>
  <c r="H301" i="2" s="1"/>
  <c r="H300" i="2" a="1"/>
  <c r="H300" i="2" s="1"/>
  <c r="H302" i="2" a="1"/>
  <c r="H302" i="2" s="1"/>
  <c r="H304" i="2" a="1"/>
  <c r="H304" i="2" s="1"/>
  <c r="H303" i="2" a="1"/>
  <c r="H303" i="2" s="1"/>
  <c r="H318" i="2" a="1"/>
  <c r="H318" i="2" s="1"/>
  <c r="H305" i="2" a="1"/>
  <c r="H305" i="2" s="1"/>
  <c r="H310" i="2" a="1"/>
  <c r="H310" i="2" s="1"/>
  <c r="H307" i="2" a="1"/>
  <c r="H307" i="2" s="1"/>
  <c r="H309" i="2" a="1"/>
  <c r="H309" i="2" s="1"/>
  <c r="AP61" i="1"/>
  <c r="F67" i="5" s="1"/>
  <c r="AN61" i="1"/>
  <c r="D67" i="5" s="1"/>
  <c r="AQ61" i="1"/>
  <c r="G67" i="5" s="1"/>
  <c r="AO61" i="1"/>
  <c r="E67" i="5" s="1"/>
  <c r="AM61" i="1"/>
  <c r="D1454" i="2" a="1"/>
  <c r="D1454" i="2" s="1"/>
  <c r="D1462" i="2" a="1"/>
  <c r="D1462" i="2" s="1"/>
  <c r="D1464" i="2" a="1"/>
  <c r="D1464" i="2" s="1"/>
  <c r="D1463" i="2" a="1"/>
  <c r="D1463" i="2" s="1"/>
  <c r="D1470" i="2" a="1"/>
  <c r="D1470" i="2" s="1"/>
  <c r="D1457" i="2" a="1"/>
  <c r="D1457" i="2" s="1"/>
  <c r="D1459" i="2" a="1"/>
  <c r="D1459" i="2" s="1"/>
  <c r="D1466" i="2" a="1"/>
  <c r="D1466" i="2" s="1"/>
  <c r="D1469" i="2" a="1"/>
  <c r="D1469" i="2" s="1"/>
  <c r="D1452" i="2" a="1"/>
  <c r="D1452" i="2" s="1"/>
  <c r="D1456" i="2" a="1"/>
  <c r="D1456" i="2" s="1"/>
  <c r="D1473" i="2" a="1"/>
  <c r="D1473" i="2" s="1"/>
  <c r="D1465" i="2" a="1"/>
  <c r="D1465" i="2" s="1"/>
  <c r="D1472" i="2" a="1"/>
  <c r="D1472" i="2" s="1"/>
  <c r="D1461" i="2" a="1"/>
  <c r="D1461" i="2" s="1"/>
  <c r="D1468" i="2" a="1"/>
  <c r="D1468" i="2" s="1"/>
  <c r="D1451" i="2" a="1"/>
  <c r="D1451" i="2" s="1"/>
  <c r="D1455" i="2" a="1"/>
  <c r="D1455" i="2" s="1"/>
  <c r="D1471" i="2" a="1"/>
  <c r="D1471" i="2" s="1"/>
  <c r="D1450" i="2" a="1"/>
  <c r="D1450" i="2" s="1"/>
  <c r="D1458" i="2" a="1"/>
  <c r="D1458" i="2" s="1"/>
  <c r="D1453" i="2" a="1"/>
  <c r="D1453" i="2" s="1"/>
  <c r="D1460" i="2" a="1"/>
  <c r="D1460" i="2" s="1"/>
  <c r="D1467" i="2" a="1"/>
  <c r="D1467" i="2" s="1"/>
  <c r="E7825" i="2" a="1"/>
  <c r="E7825" i="2" s="1"/>
  <c r="E7819" i="2" a="1"/>
  <c r="E7819" i="2" s="1"/>
  <c r="E7826" i="2" a="1"/>
  <c r="E7826" i="2" s="1"/>
  <c r="E7817" i="2" a="1"/>
  <c r="E7817" i="2" s="1"/>
  <c r="E7811" i="2" a="1"/>
  <c r="E7811" i="2" s="1"/>
  <c r="E7820" i="2" a="1"/>
  <c r="E7820" i="2" s="1"/>
  <c r="E7815" i="2" a="1"/>
  <c r="E7815" i="2" s="1"/>
  <c r="E7827" i="2" a="1"/>
  <c r="E7827" i="2" s="1"/>
  <c r="E7831" i="2" a="1"/>
  <c r="E7831" i="2" s="1"/>
  <c r="E7810" i="2" a="1"/>
  <c r="E7810" i="2" s="1"/>
  <c r="E7813" i="2" a="1"/>
  <c r="E7813" i="2" s="1"/>
  <c r="E7830" i="2" a="1"/>
  <c r="E7830" i="2" s="1"/>
  <c r="E7822" i="2" a="1"/>
  <c r="E7822" i="2" s="1"/>
  <c r="E7828" i="2" a="1"/>
  <c r="E7828" i="2" s="1"/>
  <c r="E7812" i="2" a="1"/>
  <c r="E7812" i="2" s="1"/>
  <c r="E7833" i="2" a="1"/>
  <c r="E7833" i="2" s="1"/>
  <c r="E7818" i="2" a="1"/>
  <c r="E7818" i="2" s="1"/>
  <c r="E7821" i="2" a="1"/>
  <c r="E7821" i="2" s="1"/>
  <c r="E7824" i="2" a="1"/>
  <c r="E7824" i="2" s="1"/>
  <c r="E7832" i="2" a="1"/>
  <c r="E7832" i="2" s="1"/>
  <c r="E7814" i="2" a="1"/>
  <c r="E7814" i="2" s="1"/>
  <c r="E7816" i="2" a="1"/>
  <c r="E7816" i="2" s="1"/>
  <c r="E7829" i="2" a="1"/>
  <c r="E7829" i="2" s="1"/>
  <c r="E7823" i="2" a="1"/>
  <c r="E7823" i="2" s="1"/>
  <c r="D8052" i="2" a="1"/>
  <c r="D8052" i="2" s="1"/>
  <c r="D8063" i="2" a="1"/>
  <c r="D8063" i="2" s="1"/>
  <c r="D8065" i="2" a="1"/>
  <c r="D8065" i="2" s="1"/>
  <c r="D8069" i="2" a="1"/>
  <c r="D8069" i="2" s="1"/>
  <c r="D8057" i="2" a="1"/>
  <c r="D8057" i="2" s="1"/>
  <c r="D8056" i="2" a="1"/>
  <c r="D8056" i="2" s="1"/>
  <c r="D8066" i="2" a="1"/>
  <c r="D8066" i="2" s="1"/>
  <c r="D8067" i="2" a="1"/>
  <c r="D8067" i="2" s="1"/>
  <c r="D8058" i="2" a="1"/>
  <c r="D8058" i="2" s="1"/>
  <c r="D8068" i="2" a="1"/>
  <c r="D8068" i="2" s="1"/>
  <c r="D8059" i="2" a="1"/>
  <c r="D8059" i="2" s="1"/>
  <c r="D8064" i="2" a="1"/>
  <c r="D8064" i="2" s="1"/>
  <c r="D8070" i="2" a="1"/>
  <c r="D8070" i="2" s="1"/>
  <c r="D8051" i="2" a="1"/>
  <c r="D8051" i="2" s="1"/>
  <c r="D8072" i="2" a="1"/>
  <c r="D8072" i="2" s="1"/>
  <c r="D8061" i="2" a="1"/>
  <c r="D8061" i="2" s="1"/>
  <c r="D8055" i="2" a="1"/>
  <c r="D8055" i="2" s="1"/>
  <c r="D8073" i="2" a="1"/>
  <c r="D8073" i="2" s="1"/>
  <c r="D8050" i="2" a="1"/>
  <c r="D8050" i="2" s="1"/>
  <c r="D8053" i="2" a="1"/>
  <c r="D8053" i="2" s="1"/>
  <c r="D8071" i="2" a="1"/>
  <c r="D8071" i="2" s="1"/>
  <c r="D8060" i="2" a="1"/>
  <c r="D8060" i="2" s="1"/>
  <c r="D8062" i="2" a="1"/>
  <c r="D8062" i="2" s="1"/>
  <c r="D8054" i="2" a="1"/>
  <c r="D8054" i="2" s="1"/>
  <c r="G356" i="2" a="1"/>
  <c r="G356" i="2" s="1"/>
  <c r="G367" i="2" a="1"/>
  <c r="G367" i="2" s="1"/>
  <c r="G348" i="2" a="1"/>
  <c r="G348" i="2" s="1"/>
  <c r="G352" i="2" a="1"/>
  <c r="G352" i="2" s="1"/>
  <c r="G349" i="2" a="1"/>
  <c r="G349" i="2" s="1"/>
  <c r="G368" i="2" a="1"/>
  <c r="G368" i="2" s="1"/>
  <c r="G353" i="2" a="1"/>
  <c r="G353" i="2" s="1"/>
  <c r="G354" i="2" a="1"/>
  <c r="G354" i="2" s="1"/>
  <c r="G355" i="2" a="1"/>
  <c r="G355" i="2" s="1"/>
  <c r="G362" i="2" a="1"/>
  <c r="G362" i="2" s="1"/>
  <c r="G366" i="2" a="1"/>
  <c r="G366" i="2" s="1"/>
  <c r="G350" i="2" a="1"/>
  <c r="G350" i="2" s="1"/>
  <c r="G346" i="2" a="1"/>
  <c r="G346" i="2" s="1"/>
  <c r="G357" i="2" a="1"/>
  <c r="G357" i="2" s="1"/>
  <c r="G369" i="2" a="1"/>
  <c r="G369" i="2" s="1"/>
  <c r="G363" i="2" a="1"/>
  <c r="G363" i="2" s="1"/>
  <c r="G358" i="2" a="1"/>
  <c r="G358" i="2" s="1"/>
  <c r="G351" i="2" a="1"/>
  <c r="G351" i="2" s="1"/>
  <c r="G347" i="2" a="1"/>
  <c r="G347" i="2" s="1"/>
  <c r="G359" i="2" a="1"/>
  <c r="G359" i="2" s="1"/>
  <c r="G361" i="2" a="1"/>
  <c r="G361" i="2" s="1"/>
  <c r="G360" i="2" a="1"/>
  <c r="G360" i="2" s="1"/>
  <c r="G365" i="2" a="1"/>
  <c r="G365" i="2" s="1"/>
  <c r="G364" i="2" a="1"/>
  <c r="G364" i="2" s="1"/>
  <c r="D5059" i="2" a="1"/>
  <c r="D5059" i="2" s="1"/>
  <c r="D5065" i="2" a="1"/>
  <c r="D5065" i="2" s="1"/>
  <c r="D5064" i="2" a="1"/>
  <c r="D5064" i="2" s="1"/>
  <c r="D5066" i="2" a="1"/>
  <c r="D5066" i="2" s="1"/>
  <c r="D5071" i="2" a="1"/>
  <c r="D5071" i="2" s="1"/>
  <c r="D5051" i="2" a="1"/>
  <c r="D5051" i="2" s="1"/>
  <c r="D5060" i="2" a="1"/>
  <c r="D5060" i="2" s="1"/>
  <c r="D5052" i="2" a="1"/>
  <c r="D5052" i="2" s="1"/>
  <c r="D5056" i="2" a="1"/>
  <c r="D5056" i="2" s="1"/>
  <c r="D5053" i="2" a="1"/>
  <c r="D5053" i="2" s="1"/>
  <c r="D5069" i="2" a="1"/>
  <c r="D5069" i="2" s="1"/>
  <c r="D5063" i="2" a="1"/>
  <c r="D5063" i="2" s="1"/>
  <c r="D5054" i="2" a="1"/>
  <c r="D5054" i="2" s="1"/>
  <c r="D5073" i="2" a="1"/>
  <c r="D5073" i="2" s="1"/>
  <c r="D5067" i="2" a="1"/>
  <c r="D5067" i="2" s="1"/>
  <c r="D5068" i="2" a="1"/>
  <c r="D5068" i="2" s="1"/>
  <c r="D5057" i="2" a="1"/>
  <c r="D5057" i="2" s="1"/>
  <c r="D5055" i="2" a="1"/>
  <c r="D5055" i="2" s="1"/>
  <c r="D5058" i="2" a="1"/>
  <c r="D5058" i="2" s="1"/>
  <c r="D5061" i="2" a="1"/>
  <c r="D5061" i="2" s="1"/>
  <c r="D5062" i="2" a="1"/>
  <c r="D5062" i="2" s="1"/>
  <c r="D5050" i="2" a="1"/>
  <c r="D5050" i="2" s="1"/>
  <c r="D5070" i="2" a="1"/>
  <c r="D5070" i="2" s="1"/>
  <c r="D5072" i="2" a="1"/>
  <c r="D5072" i="2" s="1"/>
  <c r="H3720" i="2" a="1"/>
  <c r="H3720" i="2" s="1"/>
  <c r="H3729" i="2" a="1"/>
  <c r="H3729" i="2" s="1"/>
  <c r="H3726" i="2" a="1"/>
  <c r="H3726" i="2" s="1"/>
  <c r="H3712" i="2" a="1"/>
  <c r="H3712" i="2" s="1"/>
  <c r="H3717" i="2" a="1"/>
  <c r="H3717" i="2" s="1"/>
  <c r="H3722" i="2" a="1"/>
  <c r="H3722" i="2" s="1"/>
  <c r="H3715" i="2" a="1"/>
  <c r="H3715" i="2" s="1"/>
  <c r="H3721" i="2" a="1"/>
  <c r="H3721" i="2" s="1"/>
  <c r="H3714" i="2" a="1"/>
  <c r="H3714" i="2" s="1"/>
  <c r="H3709" i="2" a="1"/>
  <c r="H3709" i="2" s="1"/>
  <c r="H3706" i="2" a="1"/>
  <c r="H3706" i="2" s="1"/>
  <c r="H3724" i="2" a="1"/>
  <c r="H3724" i="2" s="1"/>
  <c r="H3708" i="2" a="1"/>
  <c r="H3708" i="2" s="1"/>
  <c r="H3718" i="2" a="1"/>
  <c r="H3718" i="2" s="1"/>
  <c r="H3725" i="2" a="1"/>
  <c r="H3725" i="2" s="1"/>
  <c r="H3716" i="2" a="1"/>
  <c r="H3716" i="2" s="1"/>
  <c r="H3723" i="2" a="1"/>
  <c r="H3723" i="2" s="1"/>
  <c r="H3710" i="2" a="1"/>
  <c r="H3710" i="2" s="1"/>
  <c r="H3713" i="2" a="1"/>
  <c r="H3713" i="2" s="1"/>
  <c r="H3711" i="2" a="1"/>
  <c r="H3711" i="2" s="1"/>
  <c r="H3719" i="2" a="1"/>
  <c r="H3719" i="2" s="1"/>
  <c r="H3727" i="2" a="1"/>
  <c r="H3727" i="2" s="1"/>
  <c r="H3728" i="2" a="1"/>
  <c r="H3728" i="2" s="1"/>
  <c r="H3707" i="2" a="1"/>
  <c r="H3707" i="2" s="1"/>
  <c r="F6039" i="2" a="1"/>
  <c r="F6039" i="2" s="1"/>
  <c r="F6049" i="2" a="1"/>
  <c r="F6049" i="2" s="1"/>
  <c r="F6034" i="2" a="1"/>
  <c r="F6034" i="2" s="1"/>
  <c r="F6043" i="2" a="1"/>
  <c r="F6043" i="2" s="1"/>
  <c r="F6051" i="2" a="1"/>
  <c r="F6051" i="2" s="1"/>
  <c r="F6035" i="2" a="1"/>
  <c r="F6035" i="2" s="1"/>
  <c r="F6046" i="2" a="1"/>
  <c r="F6046" i="2" s="1"/>
  <c r="F6044" i="2" a="1"/>
  <c r="F6044" i="2" s="1"/>
  <c r="F6040" i="2" a="1"/>
  <c r="F6040" i="2" s="1"/>
  <c r="F6045" i="2" a="1"/>
  <c r="F6045" i="2" s="1"/>
  <c r="F6041" i="2" a="1"/>
  <c r="F6041" i="2" s="1"/>
  <c r="F6036" i="2" a="1"/>
  <c r="F6036" i="2" s="1"/>
  <c r="F6047" i="2" a="1"/>
  <c r="F6047" i="2" s="1"/>
  <c r="F6050" i="2" a="1"/>
  <c r="F6050" i="2" s="1"/>
  <c r="F6048" i="2" a="1"/>
  <c r="F6048" i="2" s="1"/>
  <c r="F6052" i="2" a="1"/>
  <c r="F6052" i="2" s="1"/>
  <c r="F6056" i="2" a="1"/>
  <c r="F6056" i="2" s="1"/>
  <c r="F6053" i="2" a="1"/>
  <c r="F6053" i="2" s="1"/>
  <c r="F6054" i="2" a="1"/>
  <c r="F6054" i="2" s="1"/>
  <c r="F6037" i="2" a="1"/>
  <c r="F6037" i="2" s="1"/>
  <c r="F6042" i="2" a="1"/>
  <c r="F6042" i="2" s="1"/>
  <c r="F6055" i="2" a="1"/>
  <c r="F6055" i="2" s="1"/>
  <c r="F6038" i="2" a="1"/>
  <c r="F6038" i="2" s="1"/>
  <c r="F6057" i="2" a="1"/>
  <c r="F6057" i="2" s="1"/>
  <c r="G7069" i="2" a="1"/>
  <c r="G7069" i="2" s="1"/>
  <c r="G7081" i="2" a="1"/>
  <c r="G7081" i="2" s="1"/>
  <c r="G7082" i="2" a="1"/>
  <c r="G7082" i="2" s="1"/>
  <c r="G7072" i="2" a="1"/>
  <c r="G7072" i="2" s="1"/>
  <c r="G7080" i="2" a="1"/>
  <c r="G7080" i="2" s="1"/>
  <c r="G7087" i="2" a="1"/>
  <c r="G7087" i="2" s="1"/>
  <c r="G7066" i="2" a="1"/>
  <c r="G7066" i="2" s="1"/>
  <c r="G7073" i="2" a="1"/>
  <c r="G7073" i="2" s="1"/>
  <c r="G7067" i="2" a="1"/>
  <c r="G7067" i="2" s="1"/>
  <c r="G7088" i="2" a="1"/>
  <c r="G7088" i="2" s="1"/>
  <c r="G7084" i="2" a="1"/>
  <c r="G7084" i="2" s="1"/>
  <c r="G7070" i="2" a="1"/>
  <c r="G7070" i="2" s="1"/>
  <c r="G7089" i="2" a="1"/>
  <c r="G7089" i="2" s="1"/>
  <c r="G7077" i="2" a="1"/>
  <c r="G7077" i="2" s="1"/>
  <c r="G7074" i="2" a="1"/>
  <c r="G7074" i="2" s="1"/>
  <c r="G7083" i="2" a="1"/>
  <c r="G7083" i="2" s="1"/>
  <c r="G7085" i="2" a="1"/>
  <c r="G7085" i="2" s="1"/>
  <c r="G7086" i="2" a="1"/>
  <c r="G7086" i="2" s="1"/>
  <c r="G7071" i="2" a="1"/>
  <c r="G7071" i="2" s="1"/>
  <c r="G7076" i="2" a="1"/>
  <c r="G7076" i="2" s="1"/>
  <c r="G7068" i="2" a="1"/>
  <c r="G7068" i="2" s="1"/>
  <c r="G7078" i="2" a="1"/>
  <c r="G7078" i="2" s="1"/>
  <c r="G7079" i="2" a="1"/>
  <c r="G7079" i="2" s="1"/>
  <c r="G7075" i="2" a="1"/>
  <c r="G7075" i="2" s="1"/>
  <c r="H7419" i="2" a="1"/>
  <c r="H7419" i="2" s="1"/>
  <c r="H7418" i="2" a="1"/>
  <c r="H7418" i="2" s="1"/>
  <c r="H7423" i="2" a="1"/>
  <c r="H7423" i="2" s="1"/>
  <c r="H7424" i="2" a="1"/>
  <c r="H7424" i="2" s="1"/>
  <c r="H7402" i="2" a="1"/>
  <c r="H7402" i="2" s="1"/>
  <c r="H7415" i="2" a="1"/>
  <c r="H7415" i="2" s="1"/>
  <c r="H7416" i="2" a="1"/>
  <c r="H7416" i="2" s="1"/>
  <c r="H7405" i="2" a="1"/>
  <c r="H7405" i="2" s="1"/>
  <c r="H7412" i="2" a="1"/>
  <c r="H7412" i="2" s="1"/>
  <c r="H7404" i="2" a="1"/>
  <c r="H7404" i="2" s="1"/>
  <c r="H7403" i="2" a="1"/>
  <c r="H7403" i="2" s="1"/>
  <c r="H7420" i="2" a="1"/>
  <c r="H7420" i="2" s="1"/>
  <c r="H7408" i="2" a="1"/>
  <c r="H7408" i="2" s="1"/>
  <c r="H7425" i="2" a="1"/>
  <c r="H7425" i="2" s="1"/>
  <c r="H7413" i="2" a="1"/>
  <c r="H7413" i="2" s="1"/>
  <c r="H7409" i="2" a="1"/>
  <c r="H7409" i="2" s="1"/>
  <c r="H7410" i="2" a="1"/>
  <c r="H7410" i="2" s="1"/>
  <c r="H7411" i="2" a="1"/>
  <c r="H7411" i="2" s="1"/>
  <c r="H7421" i="2" a="1"/>
  <c r="H7421" i="2" s="1"/>
  <c r="H7422" i="2" a="1"/>
  <c r="H7422" i="2" s="1"/>
  <c r="H7417" i="2" a="1"/>
  <c r="H7417" i="2" s="1"/>
  <c r="H7406" i="2" a="1"/>
  <c r="H7406" i="2" s="1"/>
  <c r="H7407" i="2" a="1"/>
  <c r="H7407" i="2" s="1"/>
  <c r="H7414" i="2" a="1"/>
  <c r="H7414" i="2" s="1"/>
  <c r="G3488" i="2" a="1"/>
  <c r="G3488" i="2" s="1"/>
  <c r="G3476" i="2" a="1"/>
  <c r="G3476" i="2" s="1"/>
  <c r="G3483" i="2" a="1"/>
  <c r="G3483" i="2" s="1"/>
  <c r="G3466" i="2" a="1"/>
  <c r="G3466" i="2" s="1"/>
  <c r="G3467" i="2" a="1"/>
  <c r="G3467" i="2" s="1"/>
  <c r="G3489" i="2" a="1"/>
  <c r="G3489" i="2" s="1"/>
  <c r="G3470" i="2" a="1"/>
  <c r="G3470" i="2" s="1"/>
  <c r="G3481" i="2" a="1"/>
  <c r="G3481" i="2" s="1"/>
  <c r="G3472" i="2" a="1"/>
  <c r="G3472" i="2" s="1"/>
  <c r="G3479" i="2" a="1"/>
  <c r="G3479" i="2" s="1"/>
  <c r="G3485" i="2" a="1"/>
  <c r="G3485" i="2" s="1"/>
  <c r="G3471" i="2" a="1"/>
  <c r="G3471" i="2" s="1"/>
  <c r="G3480" i="2" a="1"/>
  <c r="G3480" i="2" s="1"/>
  <c r="G3487" i="2" a="1"/>
  <c r="G3487" i="2" s="1"/>
  <c r="G3475" i="2" a="1"/>
  <c r="G3475" i="2" s="1"/>
  <c r="G3482" i="2" a="1"/>
  <c r="G3482" i="2" s="1"/>
  <c r="G3484" i="2" a="1"/>
  <c r="G3484" i="2" s="1"/>
  <c r="G3486" i="2" a="1"/>
  <c r="G3486" i="2" s="1"/>
  <c r="G3469" i="2" a="1"/>
  <c r="G3469" i="2" s="1"/>
  <c r="G3473" i="2" a="1"/>
  <c r="G3473" i="2" s="1"/>
  <c r="G3474" i="2" a="1"/>
  <c r="G3474" i="2" s="1"/>
  <c r="G3477" i="2" a="1"/>
  <c r="G3477" i="2" s="1"/>
  <c r="G3468" i="2" a="1"/>
  <c r="G3468" i="2" s="1"/>
  <c r="G3478" i="2" a="1"/>
  <c r="G3478" i="2" s="1"/>
  <c r="G6620" i="2" a="1"/>
  <c r="G6620" i="2" s="1"/>
  <c r="G6611" i="2" a="1"/>
  <c r="G6611" i="2" s="1"/>
  <c r="G6615" i="2" a="1"/>
  <c r="G6615" i="2" s="1"/>
  <c r="G6630" i="2" a="1"/>
  <c r="G6630" i="2" s="1"/>
  <c r="G6633" i="2" a="1"/>
  <c r="G6633" i="2" s="1"/>
  <c r="G6610" i="2" a="1"/>
  <c r="G6610" i="2" s="1"/>
  <c r="G6621" i="2" a="1"/>
  <c r="G6621" i="2" s="1"/>
  <c r="G6613" i="2" a="1"/>
  <c r="G6613" i="2" s="1"/>
  <c r="G6622" i="2" a="1"/>
  <c r="G6622" i="2" s="1"/>
  <c r="G6629" i="2" a="1"/>
  <c r="G6629" i="2" s="1"/>
  <c r="G6625" i="2" a="1"/>
  <c r="G6625" i="2" s="1"/>
  <c r="G6626" i="2" a="1"/>
  <c r="G6626" i="2" s="1"/>
  <c r="G6631" i="2" a="1"/>
  <c r="G6631" i="2" s="1"/>
  <c r="G6612" i="2" a="1"/>
  <c r="G6612" i="2" s="1"/>
  <c r="G6614" i="2" a="1"/>
  <c r="G6614" i="2" s="1"/>
  <c r="G6616" i="2" a="1"/>
  <c r="G6616" i="2" s="1"/>
  <c r="G6627" i="2" a="1"/>
  <c r="G6627" i="2" s="1"/>
  <c r="G6619" i="2" a="1"/>
  <c r="G6619" i="2" s="1"/>
  <c r="G6624" i="2" a="1"/>
  <c r="G6624" i="2" s="1"/>
  <c r="G6628" i="2" a="1"/>
  <c r="G6628" i="2" s="1"/>
  <c r="G6617" i="2" a="1"/>
  <c r="G6617" i="2" s="1"/>
  <c r="G6632" i="2" a="1"/>
  <c r="G6632" i="2" s="1"/>
  <c r="G6618" i="2" a="1"/>
  <c r="G6618" i="2" s="1"/>
  <c r="G6623" i="2" a="1"/>
  <c r="G6623" i="2" s="1"/>
  <c r="AQ116" i="1"/>
  <c r="G122" i="5" s="1"/>
  <c r="AO116" i="1"/>
  <c r="E122" i="5" s="1"/>
  <c r="AN116" i="1"/>
  <c r="D122" i="5" s="1"/>
  <c r="AP116" i="1"/>
  <c r="F122" i="5" s="1"/>
  <c r="AM116" i="1"/>
  <c r="D2791" i="2" a="1"/>
  <c r="D2791" i="2" s="1"/>
  <c r="D2777" i="2" a="1"/>
  <c r="D2777" i="2" s="1"/>
  <c r="D2781" i="2" a="1"/>
  <c r="D2781" i="2" s="1"/>
  <c r="D2793" i="2" a="1"/>
  <c r="D2793" i="2" s="1"/>
  <c r="D2778" i="2" a="1"/>
  <c r="D2778" i="2" s="1"/>
  <c r="D2782" i="2" a="1"/>
  <c r="D2782" i="2" s="1"/>
  <c r="D2786" i="2" a="1"/>
  <c r="D2786" i="2" s="1"/>
  <c r="D2785" i="2" a="1"/>
  <c r="D2785" i="2" s="1"/>
  <c r="D2772" i="2" a="1"/>
  <c r="D2772" i="2" s="1"/>
  <c r="D2780" i="2" a="1"/>
  <c r="D2780" i="2" s="1"/>
  <c r="D2788" i="2" a="1"/>
  <c r="D2788" i="2" s="1"/>
  <c r="D2792" i="2" a="1"/>
  <c r="D2792" i="2" s="1"/>
  <c r="D2776" i="2" a="1"/>
  <c r="D2776" i="2" s="1"/>
  <c r="D2784" i="2" a="1"/>
  <c r="D2784" i="2" s="1"/>
  <c r="D2770" i="2" a="1"/>
  <c r="D2770" i="2" s="1"/>
  <c r="D2774" i="2" a="1"/>
  <c r="D2774" i="2" s="1"/>
  <c r="D2790" i="2" a="1"/>
  <c r="D2790" i="2" s="1"/>
  <c r="D2775" i="2" a="1"/>
  <c r="D2775" i="2" s="1"/>
  <c r="D2771" i="2" a="1"/>
  <c r="D2771" i="2" s="1"/>
  <c r="D2787" i="2" a="1"/>
  <c r="D2787" i="2" s="1"/>
  <c r="D2783" i="2" a="1"/>
  <c r="D2783" i="2" s="1"/>
  <c r="D2773" i="2" a="1"/>
  <c r="D2773" i="2" s="1"/>
  <c r="D2789" i="2" a="1"/>
  <c r="D2789" i="2" s="1"/>
  <c r="D2779" i="2" a="1"/>
  <c r="D2779" i="2" s="1"/>
  <c r="G5101" i="2" a="1"/>
  <c r="G5101" i="2" s="1"/>
  <c r="G5115" i="2" a="1"/>
  <c r="G5115" i="2" s="1"/>
  <c r="G5110" i="2" a="1"/>
  <c r="G5110" i="2" s="1"/>
  <c r="G5121" i="2" a="1"/>
  <c r="G5121" i="2" s="1"/>
  <c r="G5103" i="2" a="1"/>
  <c r="G5103" i="2" s="1"/>
  <c r="G5102" i="2" a="1"/>
  <c r="G5102" i="2" s="1"/>
  <c r="G5098" i="2" a="1"/>
  <c r="G5098" i="2" s="1"/>
  <c r="G5112" i="2" a="1"/>
  <c r="G5112" i="2" s="1"/>
  <c r="G5109" i="2" a="1"/>
  <c r="G5109" i="2" s="1"/>
  <c r="G5113" i="2" a="1"/>
  <c r="G5113" i="2" s="1"/>
  <c r="G5119" i="2" a="1"/>
  <c r="G5119" i="2" s="1"/>
  <c r="G5108" i="2" a="1"/>
  <c r="G5108" i="2" s="1"/>
  <c r="G5104" i="2" a="1"/>
  <c r="G5104" i="2" s="1"/>
  <c r="G5116" i="2" a="1"/>
  <c r="G5116" i="2" s="1"/>
  <c r="G5117" i="2" a="1"/>
  <c r="G5117" i="2" s="1"/>
  <c r="G5114" i="2" a="1"/>
  <c r="G5114" i="2" s="1"/>
  <c r="G5106" i="2" a="1"/>
  <c r="G5106" i="2" s="1"/>
  <c r="G5107" i="2" a="1"/>
  <c r="G5107" i="2" s="1"/>
  <c r="G5100" i="2" a="1"/>
  <c r="G5100" i="2" s="1"/>
  <c r="G5099" i="2" a="1"/>
  <c r="G5099" i="2" s="1"/>
  <c r="G5111" i="2" a="1"/>
  <c r="G5111" i="2" s="1"/>
  <c r="G5120" i="2" a="1"/>
  <c r="G5120" i="2" s="1"/>
  <c r="G5118" i="2" a="1"/>
  <c r="G5118" i="2" s="1"/>
  <c r="G5105" i="2" a="1"/>
  <c r="G5105" i="2" s="1"/>
  <c r="G4300" i="2" a="1"/>
  <c r="G4300" i="2" s="1"/>
  <c r="G4292" i="2" a="1"/>
  <c r="G4292" i="2" s="1"/>
  <c r="G4283" i="2" a="1"/>
  <c r="G4283" i="2" s="1"/>
  <c r="G4301" i="2" a="1"/>
  <c r="G4301" i="2" s="1"/>
  <c r="G4297" i="2" a="1"/>
  <c r="G4297" i="2" s="1"/>
  <c r="G4284" i="2" a="1"/>
  <c r="G4284" i="2" s="1"/>
  <c r="G4285" i="2" a="1"/>
  <c r="G4285" i="2" s="1"/>
  <c r="G4293" i="2" a="1"/>
  <c r="G4293" i="2" s="1"/>
  <c r="G4295" i="2" a="1"/>
  <c r="G4295" i="2" s="1"/>
  <c r="G4302" i="2" a="1"/>
  <c r="G4302" i="2" s="1"/>
  <c r="G4296" i="2" a="1"/>
  <c r="G4296" i="2" s="1"/>
  <c r="G4282" i="2" a="1"/>
  <c r="G4282" i="2" s="1"/>
  <c r="G4299" i="2" a="1"/>
  <c r="G4299" i="2" s="1"/>
  <c r="G4298" i="2" a="1"/>
  <c r="G4298" i="2" s="1"/>
  <c r="G4287" i="2" a="1"/>
  <c r="G4287" i="2" s="1"/>
  <c r="G4286" i="2" a="1"/>
  <c r="G4286" i="2" s="1"/>
  <c r="G4294" i="2" a="1"/>
  <c r="G4294" i="2" s="1"/>
  <c r="G4291" i="2" a="1"/>
  <c r="G4291" i="2" s="1"/>
  <c r="G4288" i="2" a="1"/>
  <c r="G4288" i="2" s="1"/>
  <c r="G4303" i="2" a="1"/>
  <c r="G4303" i="2" s="1"/>
  <c r="G4289" i="2" a="1"/>
  <c r="G4289" i="2" s="1"/>
  <c r="G4304" i="2" a="1"/>
  <c r="G4304" i="2" s="1"/>
  <c r="G4305" i="2" a="1"/>
  <c r="G4305" i="2" s="1"/>
  <c r="G4290" i="2" a="1"/>
  <c r="G4290" i="2" s="1"/>
  <c r="G8032" i="2" a="1"/>
  <c r="G8032" i="2" s="1"/>
  <c r="G8033" i="2" a="1"/>
  <c r="G8033" i="2" s="1"/>
  <c r="G8049" i="2" a="1"/>
  <c r="G8049" i="2" s="1"/>
  <c r="G8041" i="2" a="1"/>
  <c r="G8041" i="2" s="1"/>
  <c r="G8036" i="2" a="1"/>
  <c r="G8036" i="2" s="1"/>
  <c r="G8034" i="2" a="1"/>
  <c r="G8034" i="2" s="1"/>
  <c r="G8045" i="2" a="1"/>
  <c r="G8045" i="2" s="1"/>
  <c r="G8035" i="2" a="1"/>
  <c r="G8035" i="2" s="1"/>
  <c r="G8027" i="2" a="1"/>
  <c r="G8027" i="2" s="1"/>
  <c r="G8046" i="2" a="1"/>
  <c r="G8046" i="2" s="1"/>
  <c r="G8037" i="2" a="1"/>
  <c r="G8037" i="2" s="1"/>
  <c r="G8044" i="2" a="1"/>
  <c r="G8044" i="2" s="1"/>
  <c r="G8030" i="2" a="1"/>
  <c r="G8030" i="2" s="1"/>
  <c r="G8038" i="2" a="1"/>
  <c r="G8038" i="2" s="1"/>
  <c r="G8028" i="2" a="1"/>
  <c r="G8028" i="2" s="1"/>
  <c r="G8047" i="2" a="1"/>
  <c r="G8047" i="2" s="1"/>
  <c r="G8039" i="2" a="1"/>
  <c r="G8039" i="2" s="1"/>
  <c r="G8042" i="2" a="1"/>
  <c r="G8042" i="2" s="1"/>
  <c r="G8031" i="2" a="1"/>
  <c r="G8031" i="2" s="1"/>
  <c r="G8026" i="2" a="1"/>
  <c r="G8026" i="2" s="1"/>
  <c r="G8048" i="2" a="1"/>
  <c r="G8048" i="2" s="1"/>
  <c r="G8043" i="2" a="1"/>
  <c r="G8043" i="2" s="1"/>
  <c r="G8029" i="2" a="1"/>
  <c r="G8029" i="2" s="1"/>
  <c r="G8040" i="2" a="1"/>
  <c r="G8040" i="2" s="1"/>
  <c r="AP3" i="1"/>
  <c r="F9" i="5" s="1"/>
  <c r="AN3" i="1"/>
  <c r="D9" i="5" s="1"/>
  <c r="AO3" i="1"/>
  <c r="E9" i="5" s="1"/>
  <c r="AQ3" i="1"/>
  <c r="G9" i="5" s="1"/>
  <c r="D63" i="2" a="1"/>
  <c r="D63" i="2" s="1"/>
  <c r="D74" i="2" a="1"/>
  <c r="D74" i="2" s="1"/>
  <c r="D75" i="2" a="1"/>
  <c r="D75" i="2" s="1"/>
  <c r="D60" i="2" a="1"/>
  <c r="D60" i="2" s="1"/>
  <c r="D77" i="2" a="1"/>
  <c r="D77" i="2" s="1"/>
  <c r="AM3" i="1"/>
  <c r="D64" i="2" a="1"/>
  <c r="D64" i="2" s="1"/>
  <c r="D72" i="2" a="1"/>
  <c r="D72" i="2" s="1"/>
  <c r="D59" i="2" a="1"/>
  <c r="D59" i="2" s="1"/>
  <c r="D73" i="2" a="1"/>
  <c r="D73" i="2" s="1"/>
  <c r="D58" i="2" a="1"/>
  <c r="D58" i="2" s="1"/>
  <c r="D76" i="2" a="1"/>
  <c r="D76" i="2" s="1"/>
  <c r="D65" i="2" a="1"/>
  <c r="D65" i="2" s="1"/>
  <c r="D67" i="2" a="1"/>
  <c r="D67" i="2" s="1"/>
  <c r="D81" i="2" a="1"/>
  <c r="D81" i="2" s="1"/>
  <c r="D79" i="2" a="1"/>
  <c r="D79" i="2" s="1"/>
  <c r="D68" i="2" a="1"/>
  <c r="D68" i="2" s="1"/>
  <c r="D66" i="2" a="1"/>
  <c r="D66" i="2" s="1"/>
  <c r="D62" i="2" a="1"/>
  <c r="D62" i="2" s="1"/>
  <c r="D70" i="2" a="1"/>
  <c r="D70" i="2" s="1"/>
  <c r="D71" i="2" a="1"/>
  <c r="D71" i="2" s="1"/>
  <c r="D78" i="2" a="1"/>
  <c r="D78" i="2" s="1"/>
  <c r="D80" i="2" a="1"/>
  <c r="D80" i="2" s="1"/>
  <c r="D61" i="2" a="1"/>
  <c r="D61" i="2" s="1"/>
  <c r="D69" i="2" a="1"/>
  <c r="D69" i="2" s="1"/>
  <c r="H1235" i="2" a="1"/>
  <c r="H1235" i="2" s="1"/>
  <c r="H1239" i="2" a="1"/>
  <c r="H1239" i="2" s="1"/>
  <c r="H1242" i="2" a="1"/>
  <c r="H1242" i="2" s="1"/>
  <c r="H1254" i="2" a="1"/>
  <c r="H1254" i="2" s="1"/>
  <c r="H1250" i="2" a="1"/>
  <c r="H1250" i="2" s="1"/>
  <c r="H1247" i="2" a="1"/>
  <c r="H1247" i="2" s="1"/>
  <c r="H1240" i="2" a="1"/>
  <c r="H1240" i="2" s="1"/>
  <c r="H1253" i="2" a="1"/>
  <c r="H1253" i="2" s="1"/>
  <c r="H1248" i="2" a="1"/>
  <c r="H1248" i="2" s="1"/>
  <c r="H1243" i="2" a="1"/>
  <c r="H1243" i="2" s="1"/>
  <c r="H1236" i="2" a="1"/>
  <c r="H1236" i="2" s="1"/>
  <c r="H1255" i="2" a="1"/>
  <c r="H1255" i="2" s="1"/>
  <c r="H1237" i="2" a="1"/>
  <c r="H1237" i="2" s="1"/>
  <c r="H1246" i="2" a="1"/>
  <c r="H1246" i="2" s="1"/>
  <c r="H1257" i="2" a="1"/>
  <c r="H1257" i="2" s="1"/>
  <c r="H1238" i="2" a="1"/>
  <c r="H1238" i="2" s="1"/>
  <c r="H1244" i="2" a="1"/>
  <c r="H1244" i="2" s="1"/>
  <c r="H1245" i="2" a="1"/>
  <c r="H1245" i="2" s="1"/>
  <c r="H1249" i="2" a="1"/>
  <c r="H1249" i="2" s="1"/>
  <c r="H1256" i="2" a="1"/>
  <c r="H1256" i="2" s="1"/>
  <c r="H1252" i="2" a="1"/>
  <c r="H1252" i="2" s="1"/>
  <c r="H1234" i="2" a="1"/>
  <c r="H1234" i="2" s="1"/>
  <c r="H1251" i="2" a="1"/>
  <c r="H1251" i="2" s="1"/>
  <c r="H1241" i="2" a="1"/>
  <c r="H1241" i="2" s="1"/>
  <c r="H5793" i="2" a="1"/>
  <c r="H5793" i="2" s="1"/>
  <c r="H5777" i="2" a="1"/>
  <c r="H5777" i="2" s="1"/>
  <c r="H5772" i="2" a="1"/>
  <c r="H5772" i="2" s="1"/>
  <c r="H5787" i="2" a="1"/>
  <c r="H5787" i="2" s="1"/>
  <c r="H5784" i="2" a="1"/>
  <c r="H5784" i="2" s="1"/>
  <c r="H5775" i="2" a="1"/>
  <c r="H5775" i="2" s="1"/>
  <c r="H5782" i="2" a="1"/>
  <c r="H5782" i="2" s="1"/>
  <c r="H5779" i="2" a="1"/>
  <c r="H5779" i="2" s="1"/>
  <c r="H5780" i="2" a="1"/>
  <c r="H5780" i="2" s="1"/>
  <c r="H5785" i="2" a="1"/>
  <c r="H5785" i="2" s="1"/>
  <c r="H5778" i="2" a="1"/>
  <c r="H5778" i="2" s="1"/>
  <c r="H5790" i="2" a="1"/>
  <c r="H5790" i="2" s="1"/>
  <c r="H5774" i="2" a="1"/>
  <c r="H5774" i="2" s="1"/>
  <c r="H5788" i="2" a="1"/>
  <c r="H5788" i="2" s="1"/>
  <c r="H5771" i="2" a="1"/>
  <c r="H5771" i="2" s="1"/>
  <c r="H5792" i="2" a="1"/>
  <c r="H5792" i="2" s="1"/>
  <c r="H5783" i="2" a="1"/>
  <c r="H5783" i="2" s="1"/>
  <c r="H5781" i="2" a="1"/>
  <c r="H5781" i="2" s="1"/>
  <c r="H5789" i="2" a="1"/>
  <c r="H5789" i="2" s="1"/>
  <c r="H5791" i="2" a="1"/>
  <c r="H5791" i="2" s="1"/>
  <c r="H5770" i="2" a="1"/>
  <c r="H5770" i="2" s="1"/>
  <c r="H5773" i="2" a="1"/>
  <c r="H5773" i="2" s="1"/>
  <c r="H5776" i="2" a="1"/>
  <c r="H5776" i="2" s="1"/>
  <c r="H5786" i="2" a="1"/>
  <c r="H5786" i="2" s="1"/>
  <c r="F8615" i="2" a="1"/>
  <c r="F8615" i="2" s="1"/>
  <c r="F8624" i="2" a="1"/>
  <c r="F8624" i="2" s="1"/>
  <c r="F8616" i="2" a="1"/>
  <c r="F8616" i="2" s="1"/>
  <c r="F8602" i="2" a="1"/>
  <c r="F8602" i="2" s="1"/>
  <c r="F8617" i="2" a="1"/>
  <c r="F8617" i="2" s="1"/>
  <c r="F8605" i="2" a="1"/>
  <c r="F8605" i="2" s="1"/>
  <c r="F8610" i="2" a="1"/>
  <c r="F8610" i="2" s="1"/>
  <c r="F8618" i="2" a="1"/>
  <c r="F8618" i="2" s="1"/>
  <c r="F8611" i="2" a="1"/>
  <c r="F8611" i="2" s="1"/>
  <c r="F8612" i="2" a="1"/>
  <c r="F8612" i="2" s="1"/>
  <c r="F8619" i="2" a="1"/>
  <c r="F8619" i="2" s="1"/>
  <c r="F8620" i="2" a="1"/>
  <c r="F8620" i="2" s="1"/>
  <c r="F8613" i="2" a="1"/>
  <c r="F8613" i="2" s="1"/>
  <c r="F8609" i="2" a="1"/>
  <c r="F8609" i="2" s="1"/>
  <c r="F8608" i="2" a="1"/>
  <c r="F8608" i="2" s="1"/>
  <c r="F8614" i="2" a="1"/>
  <c r="F8614" i="2" s="1"/>
  <c r="F8606" i="2" a="1"/>
  <c r="F8606" i="2" s="1"/>
  <c r="F8607" i="2" a="1"/>
  <c r="F8607" i="2" s="1"/>
  <c r="F8604" i="2" a="1"/>
  <c r="F8604" i="2" s="1"/>
  <c r="F8621" i="2" a="1"/>
  <c r="F8621" i="2" s="1"/>
  <c r="F8622" i="2" a="1"/>
  <c r="F8622" i="2" s="1"/>
  <c r="F8623" i="2" a="1"/>
  <c r="F8623" i="2" s="1"/>
  <c r="F8625" i="2" a="1"/>
  <c r="F8625" i="2" s="1"/>
  <c r="F8603" i="2" a="1"/>
  <c r="F8603" i="2" s="1"/>
  <c r="AP242" i="1"/>
  <c r="F248" i="5" s="1"/>
  <c r="AN242" i="1"/>
  <c r="D248" i="5" s="1"/>
  <c r="AQ242" i="1"/>
  <c r="G248" i="5" s="1"/>
  <c r="AO242" i="1"/>
  <c r="E248" i="5" s="1"/>
  <c r="AM242" i="1"/>
  <c r="D5817" i="2" a="1"/>
  <c r="D5817" i="2" s="1"/>
  <c r="D5806" i="2" a="1"/>
  <c r="D5806" i="2" s="1"/>
  <c r="D5810" i="2" a="1"/>
  <c r="D5810" i="2" s="1"/>
  <c r="D5796" i="2" a="1"/>
  <c r="D5796" i="2" s="1"/>
  <c r="D5800" i="2" a="1"/>
  <c r="D5800" i="2" s="1"/>
  <c r="D5804" i="2" a="1"/>
  <c r="D5804" i="2" s="1"/>
  <c r="D5808" i="2" a="1"/>
  <c r="D5808" i="2" s="1"/>
  <c r="D5812" i="2" a="1"/>
  <c r="D5812" i="2" s="1"/>
  <c r="D5816" i="2" a="1"/>
  <c r="D5816" i="2" s="1"/>
  <c r="D5795" i="2" a="1"/>
  <c r="D5795" i="2" s="1"/>
  <c r="D5799" i="2" a="1"/>
  <c r="D5799" i="2" s="1"/>
  <c r="D5803" i="2" a="1"/>
  <c r="D5803" i="2" s="1"/>
  <c r="D5807" i="2" a="1"/>
  <c r="D5807" i="2" s="1"/>
  <c r="D5811" i="2" a="1"/>
  <c r="D5811" i="2" s="1"/>
  <c r="D5815" i="2" a="1"/>
  <c r="D5815" i="2" s="1"/>
  <c r="D5794" i="2" a="1"/>
  <c r="D5794" i="2" s="1"/>
  <c r="D5798" i="2" a="1"/>
  <c r="D5798" i="2" s="1"/>
  <c r="D5802" i="2" a="1"/>
  <c r="D5802" i="2" s="1"/>
  <c r="D5814" i="2" a="1"/>
  <c r="D5814" i="2" s="1"/>
  <c r="D5797" i="2" a="1"/>
  <c r="D5797" i="2" s="1"/>
  <c r="D5801" i="2" a="1"/>
  <c r="D5801" i="2" s="1"/>
  <c r="D5805" i="2" a="1"/>
  <c r="D5805" i="2" s="1"/>
  <c r="D5809" i="2" a="1"/>
  <c r="D5809" i="2" s="1"/>
  <c r="D5813" i="2" a="1"/>
  <c r="D5813" i="2" s="1"/>
  <c r="H5095" i="2" a="1"/>
  <c r="H5095" i="2" s="1"/>
  <c r="H5085" i="2" a="1"/>
  <c r="H5085" i="2" s="1"/>
  <c r="H5094" i="2" a="1"/>
  <c r="H5094" i="2" s="1"/>
  <c r="H5077" i="2" a="1"/>
  <c r="H5077" i="2" s="1"/>
  <c r="H5086" i="2" a="1"/>
  <c r="H5086" i="2" s="1"/>
  <c r="H5096" i="2" a="1"/>
  <c r="H5096" i="2" s="1"/>
  <c r="H5087" i="2" a="1"/>
  <c r="H5087" i="2" s="1"/>
  <c r="H5097" i="2" a="1"/>
  <c r="H5097" i="2" s="1"/>
  <c r="H5078" i="2" a="1"/>
  <c r="H5078" i="2" s="1"/>
  <c r="H5079" i="2" a="1"/>
  <c r="H5079" i="2" s="1"/>
  <c r="H5090" i="2" a="1"/>
  <c r="H5090" i="2" s="1"/>
  <c r="H5080" i="2" a="1"/>
  <c r="H5080" i="2" s="1"/>
  <c r="H5082" i="2" a="1"/>
  <c r="H5082" i="2" s="1"/>
  <c r="H5081" i="2" a="1"/>
  <c r="H5081" i="2" s="1"/>
  <c r="H5084" i="2" a="1"/>
  <c r="H5084" i="2" s="1"/>
  <c r="H5083" i="2" a="1"/>
  <c r="H5083" i="2" s="1"/>
  <c r="H5074" i="2" a="1"/>
  <c r="H5074" i="2" s="1"/>
  <c r="H5089" i="2" a="1"/>
  <c r="H5089" i="2" s="1"/>
  <c r="H5091" i="2" a="1"/>
  <c r="H5091" i="2" s="1"/>
  <c r="H5075" i="2" a="1"/>
  <c r="H5075" i="2" s="1"/>
  <c r="H5092" i="2" a="1"/>
  <c r="H5092" i="2" s="1"/>
  <c r="H5088" i="2" a="1"/>
  <c r="H5088" i="2" s="1"/>
  <c r="H5076" i="2" a="1"/>
  <c r="H5076" i="2" s="1"/>
  <c r="H5093" i="2" a="1"/>
  <c r="H5093" i="2" s="1"/>
  <c r="F4678" i="2" a="1"/>
  <c r="F4678" i="2" s="1"/>
  <c r="F4667" i="2" a="1"/>
  <c r="F4667" i="2" s="1"/>
  <c r="F4689" i="2" a="1"/>
  <c r="F4689" i="2" s="1"/>
  <c r="F4679" i="2" a="1"/>
  <c r="F4679" i="2" s="1"/>
  <c r="F4684" i="2" a="1"/>
  <c r="F4684" i="2" s="1"/>
  <c r="F4668" i="2" a="1"/>
  <c r="F4668" i="2" s="1"/>
  <c r="F4681" i="2" a="1"/>
  <c r="F4681" i="2" s="1"/>
  <c r="F4687" i="2" a="1"/>
  <c r="F4687" i="2" s="1"/>
  <c r="F4674" i="2" a="1"/>
  <c r="F4674" i="2" s="1"/>
  <c r="F4670" i="2" a="1"/>
  <c r="F4670" i="2" s="1"/>
  <c r="F4672" i="2" a="1"/>
  <c r="F4672" i="2" s="1"/>
  <c r="F4673" i="2" a="1"/>
  <c r="F4673" i="2" s="1"/>
  <c r="F4676" i="2" a="1"/>
  <c r="F4676" i="2" s="1"/>
  <c r="F4685" i="2" a="1"/>
  <c r="F4685" i="2" s="1"/>
  <c r="F4669" i="2" a="1"/>
  <c r="F4669" i="2" s="1"/>
  <c r="F4688" i="2" a="1"/>
  <c r="F4688" i="2" s="1"/>
  <c r="F4686" i="2" a="1"/>
  <c r="F4686" i="2" s="1"/>
  <c r="F4675" i="2" a="1"/>
  <c r="F4675" i="2" s="1"/>
  <c r="F4671" i="2" a="1"/>
  <c r="F4671" i="2" s="1"/>
  <c r="F4682" i="2" a="1"/>
  <c r="F4682" i="2" s="1"/>
  <c r="F4666" i="2" a="1"/>
  <c r="F4666" i="2" s="1"/>
  <c r="F4683" i="2" a="1"/>
  <c r="F4683" i="2" s="1"/>
  <c r="F4677" i="2" a="1"/>
  <c r="F4677" i="2" s="1"/>
  <c r="F4680" i="2" a="1"/>
  <c r="F4680" i="2" s="1"/>
  <c r="G1465" i="2" a="1"/>
  <c r="G1465" i="2" s="1"/>
  <c r="G1469" i="2" a="1"/>
  <c r="G1469" i="2" s="1"/>
  <c r="G1466" i="2" a="1"/>
  <c r="G1466" i="2" s="1"/>
  <c r="G1460" i="2" a="1"/>
  <c r="G1460" i="2" s="1"/>
  <c r="G1470" i="2" a="1"/>
  <c r="G1470" i="2" s="1"/>
  <c r="G1473" i="2" a="1"/>
  <c r="G1473" i="2" s="1"/>
  <c r="G1463" i="2" a="1"/>
  <c r="G1463" i="2" s="1"/>
  <c r="G1454" i="2" a="1"/>
  <c r="G1454" i="2" s="1"/>
  <c r="G1458" i="2" a="1"/>
  <c r="G1458" i="2" s="1"/>
  <c r="G1451" i="2" a="1"/>
  <c r="G1451" i="2" s="1"/>
  <c r="G1464" i="2" a="1"/>
  <c r="G1464" i="2" s="1"/>
  <c r="G1456" i="2" a="1"/>
  <c r="G1456" i="2" s="1"/>
  <c r="G1452" i="2" a="1"/>
  <c r="G1452" i="2" s="1"/>
  <c r="G1472" i="2" a="1"/>
  <c r="G1472" i="2" s="1"/>
  <c r="G1459" i="2" a="1"/>
  <c r="G1459" i="2" s="1"/>
  <c r="G1461" i="2" a="1"/>
  <c r="G1461" i="2" s="1"/>
  <c r="G1471" i="2" a="1"/>
  <c r="G1471" i="2" s="1"/>
  <c r="G1453" i="2" a="1"/>
  <c r="G1453" i="2" s="1"/>
  <c r="G1467" i="2" a="1"/>
  <c r="G1467" i="2" s="1"/>
  <c r="G1450" i="2" a="1"/>
  <c r="G1450" i="2" s="1"/>
  <c r="G1462" i="2" a="1"/>
  <c r="G1462" i="2" s="1"/>
  <c r="G1468" i="2" a="1"/>
  <c r="G1468" i="2" s="1"/>
  <c r="G1455" i="2" a="1"/>
  <c r="G1455" i="2" s="1"/>
  <c r="G1457" i="2" a="1"/>
  <c r="G1457" i="2" s="1"/>
  <c r="H2469" i="2" a="1"/>
  <c r="H2469" i="2" s="1"/>
  <c r="H2478" i="2" a="1"/>
  <c r="H2478" i="2" s="1"/>
  <c r="H2463" i="2" a="1"/>
  <c r="H2463" i="2" s="1"/>
  <c r="H2460" i="2" a="1"/>
  <c r="H2460" i="2" s="1"/>
  <c r="H2468" i="2" a="1"/>
  <c r="H2468" i="2" s="1"/>
  <c r="H2466" i="2" a="1"/>
  <c r="H2466" i="2" s="1"/>
  <c r="H2459" i="2" a="1"/>
  <c r="H2459" i="2" s="1"/>
  <c r="H2467" i="2" a="1"/>
  <c r="H2467" i="2" s="1"/>
  <c r="H2470" i="2" a="1"/>
  <c r="H2470" i="2" s="1"/>
  <c r="H2480" i="2" a="1"/>
  <c r="H2480" i="2" s="1"/>
  <c r="H2471" i="2" a="1"/>
  <c r="H2471" i="2" s="1"/>
  <c r="H2461" i="2" a="1"/>
  <c r="H2461" i="2" s="1"/>
  <c r="H2462" i="2" a="1"/>
  <c r="H2462" i="2" s="1"/>
  <c r="H2464" i="2" a="1"/>
  <c r="H2464" i="2" s="1"/>
  <c r="H2481" i="2" a="1"/>
  <c r="H2481" i="2" s="1"/>
  <c r="H2465" i="2" a="1"/>
  <c r="H2465" i="2" s="1"/>
  <c r="H2458" i="2" a="1"/>
  <c r="H2458" i="2" s="1"/>
  <c r="H2472" i="2" a="1"/>
  <c r="H2472" i="2" s="1"/>
  <c r="H2473" i="2" a="1"/>
  <c r="H2473" i="2" s="1"/>
  <c r="H2475" i="2" a="1"/>
  <c r="H2475" i="2" s="1"/>
  <c r="H2479" i="2" a="1"/>
  <c r="H2479" i="2" s="1"/>
  <c r="H2476" i="2" a="1"/>
  <c r="H2476" i="2" s="1"/>
  <c r="H2477" i="2" a="1"/>
  <c r="H2477" i="2" s="1"/>
  <c r="H2474" i="2" a="1"/>
  <c r="H2474" i="2" s="1"/>
  <c r="H1614" i="2" a="1"/>
  <c r="H1614" i="2" s="1"/>
  <c r="H1605" i="2" a="1"/>
  <c r="H1605" i="2" s="1"/>
  <c r="H1613" i="2" a="1"/>
  <c r="H1613" i="2" s="1"/>
  <c r="H1594" i="2" a="1"/>
  <c r="H1594" i="2" s="1"/>
  <c r="H1606" i="2" a="1"/>
  <c r="H1606" i="2" s="1"/>
  <c r="H1617" i="2" a="1"/>
  <c r="H1617" i="2" s="1"/>
  <c r="H1610" i="2" a="1"/>
  <c r="H1610" i="2" s="1"/>
  <c r="H1608" i="2" a="1"/>
  <c r="H1608" i="2" s="1"/>
  <c r="H1600" i="2" a="1"/>
  <c r="H1600" i="2" s="1"/>
  <c r="H1595" i="2" a="1"/>
  <c r="H1595" i="2" s="1"/>
  <c r="H1609" i="2" a="1"/>
  <c r="H1609" i="2" s="1"/>
  <c r="H1598" i="2" a="1"/>
  <c r="H1598" i="2" s="1"/>
  <c r="H1611" i="2" a="1"/>
  <c r="H1611" i="2" s="1"/>
  <c r="H1612" i="2" a="1"/>
  <c r="H1612" i="2" s="1"/>
  <c r="H1615" i="2" a="1"/>
  <c r="H1615" i="2" s="1"/>
  <c r="H1596" i="2" a="1"/>
  <c r="H1596" i="2" s="1"/>
  <c r="H1599" i="2" a="1"/>
  <c r="H1599" i="2" s="1"/>
  <c r="H1597" i="2" a="1"/>
  <c r="H1597" i="2" s="1"/>
  <c r="H1601" i="2" a="1"/>
  <c r="H1601" i="2" s="1"/>
  <c r="H1602" i="2" a="1"/>
  <c r="H1602" i="2" s="1"/>
  <c r="H1607" i="2" a="1"/>
  <c r="H1607" i="2" s="1"/>
  <c r="H1603" i="2" a="1"/>
  <c r="H1603" i="2" s="1"/>
  <c r="H1616" i="2" a="1"/>
  <c r="H1616" i="2" s="1"/>
  <c r="H1604" i="2" a="1"/>
  <c r="H1604" i="2" s="1"/>
  <c r="F1468" i="2" a="1"/>
  <c r="F1468" i="2" s="1"/>
  <c r="F1460" i="2" a="1"/>
  <c r="F1460" i="2" s="1"/>
  <c r="F1458" i="2" a="1"/>
  <c r="F1458" i="2" s="1"/>
  <c r="F1472" i="2" a="1"/>
  <c r="F1472" i="2" s="1"/>
  <c r="F1469" i="2" a="1"/>
  <c r="F1469" i="2" s="1"/>
  <c r="F1473" i="2" a="1"/>
  <c r="F1473" i="2" s="1"/>
  <c r="F1455" i="2" a="1"/>
  <c r="F1455" i="2" s="1"/>
  <c r="F1461" i="2" a="1"/>
  <c r="F1461" i="2" s="1"/>
  <c r="F1456" i="2" a="1"/>
  <c r="F1456" i="2" s="1"/>
  <c r="F1452" i="2" a="1"/>
  <c r="F1452" i="2" s="1"/>
  <c r="F1457" i="2" a="1"/>
  <c r="F1457" i="2" s="1"/>
  <c r="F1462" i="2" a="1"/>
  <c r="F1462" i="2" s="1"/>
  <c r="F1466" i="2" a="1"/>
  <c r="F1466" i="2" s="1"/>
  <c r="F1465" i="2" a="1"/>
  <c r="F1465" i="2" s="1"/>
  <c r="F1451" i="2" a="1"/>
  <c r="F1451" i="2" s="1"/>
  <c r="F1463" i="2" a="1"/>
  <c r="F1463" i="2" s="1"/>
  <c r="F1453" i="2" a="1"/>
  <c r="F1453" i="2" s="1"/>
  <c r="F1459" i="2" a="1"/>
  <c r="F1459" i="2" s="1"/>
  <c r="F1454" i="2" a="1"/>
  <c r="F1454" i="2" s="1"/>
  <c r="F1471" i="2" a="1"/>
  <c r="F1471" i="2" s="1"/>
  <c r="F1467" i="2" a="1"/>
  <c r="F1467" i="2" s="1"/>
  <c r="F1464" i="2" a="1"/>
  <c r="F1464" i="2" s="1"/>
  <c r="F1450" i="2" a="1"/>
  <c r="F1450" i="2" s="1"/>
  <c r="F1470" i="2" a="1"/>
  <c r="F1470" i="2" s="1"/>
  <c r="F8153" i="2" a="1"/>
  <c r="F8153" i="2" s="1"/>
  <c r="F8158" i="2" a="1"/>
  <c r="F8158" i="2" s="1"/>
  <c r="F8152" i="2" a="1"/>
  <c r="F8152" i="2" s="1"/>
  <c r="F8154" i="2" a="1"/>
  <c r="F8154" i="2" s="1"/>
  <c r="F8148" i="2" a="1"/>
  <c r="F8148" i="2" s="1"/>
  <c r="F8161" i="2" a="1"/>
  <c r="F8161" i="2" s="1"/>
  <c r="F8146" i="2" a="1"/>
  <c r="F8146" i="2" s="1"/>
  <c r="F8149" i="2" a="1"/>
  <c r="F8149" i="2" s="1"/>
  <c r="F8159" i="2" a="1"/>
  <c r="F8159" i="2" s="1"/>
  <c r="F8163" i="2" a="1"/>
  <c r="F8163" i="2" s="1"/>
  <c r="F8157" i="2" a="1"/>
  <c r="F8157" i="2" s="1"/>
  <c r="F8169" i="2" a="1"/>
  <c r="F8169" i="2" s="1"/>
  <c r="F8150" i="2" a="1"/>
  <c r="F8150" i="2" s="1"/>
  <c r="F8156" i="2" a="1"/>
  <c r="F8156" i="2" s="1"/>
  <c r="F8155" i="2" a="1"/>
  <c r="F8155" i="2" s="1"/>
  <c r="F8162" i="2" a="1"/>
  <c r="F8162" i="2" s="1"/>
  <c r="F8151" i="2" a="1"/>
  <c r="F8151" i="2" s="1"/>
  <c r="F8166" i="2" a="1"/>
  <c r="F8166" i="2" s="1"/>
  <c r="F8164" i="2" a="1"/>
  <c r="F8164" i="2" s="1"/>
  <c r="F8160" i="2" a="1"/>
  <c r="F8160" i="2" s="1"/>
  <c r="F8165" i="2" a="1"/>
  <c r="F8165" i="2" s="1"/>
  <c r="F8147" i="2" a="1"/>
  <c r="F8147" i="2" s="1"/>
  <c r="F8167" i="2" a="1"/>
  <c r="F8167" i="2" s="1"/>
  <c r="F8168" i="2" a="1"/>
  <c r="F8168" i="2" s="1"/>
  <c r="H1389" i="2" a="1"/>
  <c r="H1389" i="2" s="1"/>
  <c r="H1396" i="2" a="1"/>
  <c r="H1396" i="2" s="1"/>
  <c r="H1381" i="2" a="1"/>
  <c r="H1381" i="2" s="1"/>
  <c r="H1397" i="2" a="1"/>
  <c r="H1397" i="2" s="1"/>
  <c r="H1385" i="2" a="1"/>
  <c r="H1385" i="2" s="1"/>
  <c r="H1390" i="2" a="1"/>
  <c r="H1390" i="2" s="1"/>
  <c r="H1393" i="2" a="1"/>
  <c r="H1393" i="2" s="1"/>
  <c r="H1382" i="2" a="1"/>
  <c r="H1382" i="2" s="1"/>
  <c r="H1384" i="2" a="1"/>
  <c r="H1384" i="2" s="1"/>
  <c r="H1387" i="2" a="1"/>
  <c r="H1387" i="2" s="1"/>
  <c r="H1399" i="2" a="1"/>
  <c r="H1399" i="2" s="1"/>
  <c r="H1388" i="2" a="1"/>
  <c r="H1388" i="2" s="1"/>
  <c r="H1391" i="2" a="1"/>
  <c r="H1391" i="2" s="1"/>
  <c r="H1394" i="2" a="1"/>
  <c r="H1394" i="2" s="1"/>
  <c r="H1380" i="2" a="1"/>
  <c r="H1380" i="2" s="1"/>
  <c r="H1401" i="2" a="1"/>
  <c r="H1401" i="2" s="1"/>
  <c r="H1383" i="2" a="1"/>
  <c r="H1383" i="2" s="1"/>
  <c r="H1386" i="2" a="1"/>
  <c r="H1386" i="2" s="1"/>
  <c r="H1395" i="2" a="1"/>
  <c r="H1395" i="2" s="1"/>
  <c r="H1378" i="2" a="1"/>
  <c r="H1378" i="2" s="1"/>
  <c r="H1400" i="2" a="1"/>
  <c r="H1400" i="2" s="1"/>
  <c r="H1379" i="2" a="1"/>
  <c r="H1379" i="2" s="1"/>
  <c r="H1392" i="2" a="1"/>
  <c r="H1392" i="2" s="1"/>
  <c r="H1398" i="2" a="1"/>
  <c r="H1398" i="2" s="1"/>
  <c r="E7090" i="2" a="1"/>
  <c r="E7090" i="2" s="1"/>
  <c r="E7102" i="2" a="1"/>
  <c r="E7102" i="2" s="1"/>
  <c r="E7094" i="2" a="1"/>
  <c r="E7094" i="2" s="1"/>
  <c r="E7098" i="2" a="1"/>
  <c r="E7098" i="2" s="1"/>
  <c r="E7108" i="2" a="1"/>
  <c r="E7108" i="2" s="1"/>
  <c r="E7091" i="2" a="1"/>
  <c r="E7091" i="2" s="1"/>
  <c r="E7099" i="2" a="1"/>
  <c r="E7099" i="2" s="1"/>
  <c r="E7092" i="2" a="1"/>
  <c r="E7092" i="2" s="1"/>
  <c r="E7112" i="2" a="1"/>
  <c r="E7112" i="2" s="1"/>
  <c r="E7095" i="2" a="1"/>
  <c r="E7095" i="2" s="1"/>
  <c r="E7107" i="2" a="1"/>
  <c r="E7107" i="2" s="1"/>
  <c r="E7103" i="2" a="1"/>
  <c r="E7103" i="2" s="1"/>
  <c r="E7093" i="2" a="1"/>
  <c r="E7093" i="2" s="1"/>
  <c r="E7111" i="2" a="1"/>
  <c r="E7111" i="2" s="1"/>
  <c r="E7109" i="2" a="1"/>
  <c r="E7109" i="2" s="1"/>
  <c r="E7110" i="2" a="1"/>
  <c r="E7110" i="2" s="1"/>
  <c r="E7097" i="2" a="1"/>
  <c r="E7097" i="2" s="1"/>
  <c r="E7105" i="2" a="1"/>
  <c r="E7105" i="2" s="1"/>
  <c r="E7096" i="2" a="1"/>
  <c r="E7096" i="2" s="1"/>
  <c r="E7106" i="2" a="1"/>
  <c r="E7106" i="2" s="1"/>
  <c r="E7104" i="2" a="1"/>
  <c r="E7104" i="2" s="1"/>
  <c r="E7100" i="2" a="1"/>
  <c r="E7100" i="2" s="1"/>
  <c r="E7101" i="2" a="1"/>
  <c r="E7101" i="2" s="1"/>
  <c r="E7113" i="2" a="1"/>
  <c r="E7113" i="2" s="1"/>
  <c r="G4590" i="2" a="1"/>
  <c r="G4590" i="2" s="1"/>
  <c r="G4593" i="2" a="1"/>
  <c r="G4593" i="2" s="1"/>
  <c r="G4587" i="2" a="1"/>
  <c r="G4587" i="2" s="1"/>
  <c r="G4571" i="2" a="1"/>
  <c r="G4571" i="2" s="1"/>
  <c r="G4580" i="2" a="1"/>
  <c r="G4580" i="2" s="1"/>
  <c r="G4592" i="2" a="1"/>
  <c r="G4592" i="2" s="1"/>
  <c r="G4572" i="2" a="1"/>
  <c r="G4572" i="2" s="1"/>
  <c r="G4578" i="2" a="1"/>
  <c r="G4578" i="2" s="1"/>
  <c r="G4575" i="2" a="1"/>
  <c r="G4575" i="2" s="1"/>
  <c r="G4586" i="2" a="1"/>
  <c r="G4586" i="2" s="1"/>
  <c r="G4589" i="2" a="1"/>
  <c r="G4589" i="2" s="1"/>
  <c r="G4591" i="2" a="1"/>
  <c r="G4591" i="2" s="1"/>
  <c r="G4588" i="2" a="1"/>
  <c r="G4588" i="2" s="1"/>
  <c r="G4579" i="2" a="1"/>
  <c r="G4579" i="2" s="1"/>
  <c r="G4577" i="2" a="1"/>
  <c r="G4577" i="2" s="1"/>
  <c r="G4581" i="2" a="1"/>
  <c r="G4581" i="2" s="1"/>
  <c r="G4576" i="2" a="1"/>
  <c r="G4576" i="2" s="1"/>
  <c r="G4583" i="2" a="1"/>
  <c r="G4583" i="2" s="1"/>
  <c r="G4585" i="2" a="1"/>
  <c r="G4585" i="2" s="1"/>
  <c r="G4574" i="2" a="1"/>
  <c r="G4574" i="2" s="1"/>
  <c r="G4582" i="2" a="1"/>
  <c r="G4582" i="2" s="1"/>
  <c r="G4573" i="2" a="1"/>
  <c r="G4573" i="2" s="1"/>
  <c r="G4570" i="2" a="1"/>
  <c r="G4570" i="2" s="1"/>
  <c r="G4584" i="2" a="1"/>
  <c r="G4584" i="2" s="1"/>
  <c r="F924" i="2" a="1"/>
  <c r="F924" i="2" s="1"/>
  <c r="F944" i="2" a="1"/>
  <c r="F944" i="2" s="1"/>
  <c r="F933" i="2" a="1"/>
  <c r="F933" i="2" s="1"/>
  <c r="F932" i="2" a="1"/>
  <c r="F932" i="2" s="1"/>
  <c r="F934" i="2" a="1"/>
  <c r="F934" i="2" s="1"/>
  <c r="F945" i="2" a="1"/>
  <c r="F945" i="2" s="1"/>
  <c r="F935" i="2" a="1"/>
  <c r="F935" i="2" s="1"/>
  <c r="F937" i="2" a="1"/>
  <c r="F937" i="2" s="1"/>
  <c r="F936" i="2" a="1"/>
  <c r="F936" i="2" s="1"/>
  <c r="F938" i="2" a="1"/>
  <c r="F938" i="2" s="1"/>
  <c r="F928" i="2" a="1"/>
  <c r="F928" i="2" s="1"/>
  <c r="F939" i="2" a="1"/>
  <c r="F939" i="2" s="1"/>
  <c r="F923" i="2" a="1"/>
  <c r="F923" i="2" s="1"/>
  <c r="F930" i="2" a="1"/>
  <c r="F930" i="2" s="1"/>
  <c r="F940" i="2" a="1"/>
  <c r="F940" i="2" s="1"/>
  <c r="F929" i="2" a="1"/>
  <c r="F929" i="2" s="1"/>
  <c r="F926" i="2" a="1"/>
  <c r="F926" i="2" s="1"/>
  <c r="F922" i="2" a="1"/>
  <c r="F922" i="2" s="1"/>
  <c r="F925" i="2" a="1"/>
  <c r="F925" i="2" s="1"/>
  <c r="F943" i="2" a="1"/>
  <c r="F943" i="2" s="1"/>
  <c r="F941" i="2" a="1"/>
  <c r="F941" i="2" s="1"/>
  <c r="F942" i="2" a="1"/>
  <c r="F942" i="2" s="1"/>
  <c r="F931" i="2" a="1"/>
  <c r="F931" i="2" s="1"/>
  <c r="F927" i="2" a="1"/>
  <c r="F927" i="2" s="1"/>
  <c r="AO355" i="1"/>
  <c r="E361" i="5" s="1"/>
  <c r="AP355" i="1"/>
  <c r="F361" i="5" s="1"/>
  <c r="AN355" i="1"/>
  <c r="D361" i="5" s="1"/>
  <c r="AQ355" i="1"/>
  <c r="G361" i="5" s="1"/>
  <c r="AM355" i="1"/>
  <c r="D8510" i="2" a="1"/>
  <c r="D8510" i="2" s="1"/>
  <c r="D8521" i="2" a="1"/>
  <c r="D8521" i="2" s="1"/>
  <c r="D8525" i="2" a="1"/>
  <c r="D8525" i="2" s="1"/>
  <c r="D8506" i="2" a="1"/>
  <c r="D8506" i="2" s="1"/>
  <c r="D8518" i="2" a="1"/>
  <c r="D8518" i="2" s="1"/>
  <c r="D8522" i="2" a="1"/>
  <c r="D8522" i="2" s="1"/>
  <c r="D8509" i="2" a="1"/>
  <c r="D8509" i="2" s="1"/>
  <c r="D8513" i="2" a="1"/>
  <c r="D8513" i="2" s="1"/>
  <c r="D8517" i="2" a="1"/>
  <c r="D8517" i="2" s="1"/>
  <c r="D8508" i="2" a="1"/>
  <c r="D8508" i="2" s="1"/>
  <c r="D8520" i="2" a="1"/>
  <c r="D8520" i="2" s="1"/>
  <c r="D8507" i="2" a="1"/>
  <c r="D8507" i="2" s="1"/>
  <c r="D8511" i="2" a="1"/>
  <c r="D8511" i="2" s="1"/>
  <c r="D8519" i="2" a="1"/>
  <c r="D8519" i="2" s="1"/>
  <c r="D8523" i="2" a="1"/>
  <c r="D8523" i="2" s="1"/>
  <c r="D8516" i="2" a="1"/>
  <c r="D8516" i="2" s="1"/>
  <c r="D8515" i="2" a="1"/>
  <c r="D8515" i="2" s="1"/>
  <c r="D8527" i="2" a="1"/>
  <c r="D8527" i="2" s="1"/>
  <c r="D8526" i="2" a="1"/>
  <c r="D8526" i="2" s="1"/>
  <c r="D8512" i="2" a="1"/>
  <c r="D8512" i="2" s="1"/>
  <c r="D8529" i="2" a="1"/>
  <c r="D8529" i="2" s="1"/>
  <c r="D8514" i="2" a="1"/>
  <c r="D8514" i="2" s="1"/>
  <c r="D8528" i="2" a="1"/>
  <c r="D8528" i="2" s="1"/>
  <c r="D8524" i="2" a="1"/>
  <c r="D8524" i="2" s="1"/>
  <c r="E428" i="2" a="1"/>
  <c r="E428" i="2" s="1"/>
  <c r="E425" i="2" a="1"/>
  <c r="E425" i="2" s="1"/>
  <c r="E441" i="2" a="1"/>
  <c r="E441" i="2" s="1"/>
  <c r="E430" i="2" a="1"/>
  <c r="E430" i="2" s="1"/>
  <c r="E426" i="2" a="1"/>
  <c r="E426" i="2" s="1"/>
  <c r="E419" i="2" a="1"/>
  <c r="E419" i="2" s="1"/>
  <c r="E432" i="2" a="1"/>
  <c r="E432" i="2" s="1"/>
  <c r="E435" i="2" a="1"/>
  <c r="E435" i="2" s="1"/>
  <c r="E420" i="2" a="1"/>
  <c r="E420" i="2" s="1"/>
  <c r="E437" i="2" a="1"/>
  <c r="E437" i="2" s="1"/>
  <c r="E440" i="2" a="1"/>
  <c r="E440" i="2" s="1"/>
  <c r="E421" i="2" a="1"/>
  <c r="E421" i="2" s="1"/>
  <c r="E433" i="2" a="1"/>
  <c r="E433" i="2" s="1"/>
  <c r="E429" i="2" a="1"/>
  <c r="E429" i="2" s="1"/>
  <c r="E423" i="2" a="1"/>
  <c r="E423" i="2" s="1"/>
  <c r="E436" i="2" a="1"/>
  <c r="E436" i="2" s="1"/>
  <c r="E424" i="2" a="1"/>
  <c r="E424" i="2" s="1"/>
  <c r="E434" i="2" a="1"/>
  <c r="E434" i="2" s="1"/>
  <c r="E438" i="2" a="1"/>
  <c r="E438" i="2" s="1"/>
  <c r="E439" i="2" a="1"/>
  <c r="E439" i="2" s="1"/>
  <c r="E431" i="2" a="1"/>
  <c r="E431" i="2" s="1"/>
  <c r="E418" i="2" a="1"/>
  <c r="E418" i="2" s="1"/>
  <c r="E422" i="2" a="1"/>
  <c r="E422" i="2" s="1"/>
  <c r="E427" i="2" a="1"/>
  <c r="E427" i="2" s="1"/>
  <c r="H8703" i="2" a="1"/>
  <c r="H8703" i="2" s="1"/>
  <c r="H8706" i="2" a="1"/>
  <c r="H8706" i="2" s="1"/>
  <c r="H8711" i="2" a="1"/>
  <c r="H8711" i="2" s="1"/>
  <c r="H8721" i="2" a="1"/>
  <c r="H8721" i="2" s="1"/>
  <c r="H8719" i="2" a="1"/>
  <c r="H8719" i="2" s="1"/>
  <c r="H8716" i="2" a="1"/>
  <c r="H8716" i="2" s="1"/>
  <c r="H8710" i="2" a="1"/>
  <c r="H8710" i="2" s="1"/>
  <c r="H8717" i="2" a="1"/>
  <c r="H8717" i="2" s="1"/>
  <c r="H8720" i="2" a="1"/>
  <c r="H8720" i="2" s="1"/>
  <c r="H8698" i="2" a="1"/>
  <c r="H8698" i="2" s="1"/>
  <c r="H8699" i="2" a="1"/>
  <c r="H8699" i="2" s="1"/>
  <c r="H8707" i="2" a="1"/>
  <c r="H8707" i="2" s="1"/>
  <c r="H8700" i="2" a="1"/>
  <c r="H8700" i="2" s="1"/>
  <c r="H8709" i="2" a="1"/>
  <c r="H8709" i="2" s="1"/>
  <c r="H8718" i="2" a="1"/>
  <c r="H8718" i="2" s="1"/>
  <c r="H8712" i="2" a="1"/>
  <c r="H8712" i="2" s="1"/>
  <c r="H8704" i="2" a="1"/>
  <c r="H8704" i="2" s="1"/>
  <c r="H8701" i="2" a="1"/>
  <c r="H8701" i="2" s="1"/>
  <c r="H8715" i="2" a="1"/>
  <c r="H8715" i="2" s="1"/>
  <c r="H8708" i="2" a="1"/>
  <c r="H8708" i="2" s="1"/>
  <c r="H8714" i="2" a="1"/>
  <c r="H8714" i="2" s="1"/>
  <c r="H8702" i="2" a="1"/>
  <c r="H8702" i="2" s="1"/>
  <c r="H8705" i="2" a="1"/>
  <c r="H8705" i="2" s="1"/>
  <c r="H8713" i="2" a="1"/>
  <c r="H8713" i="2" s="1"/>
  <c r="G2286" i="2" a="1"/>
  <c r="G2286" i="2" s="1"/>
  <c r="G2269" i="2" a="1"/>
  <c r="G2269" i="2" s="1"/>
  <c r="G2281" i="2" a="1"/>
  <c r="G2281" i="2" s="1"/>
  <c r="G2284" i="2" a="1"/>
  <c r="G2284" i="2" s="1"/>
  <c r="G2270" i="2" a="1"/>
  <c r="G2270" i="2" s="1"/>
  <c r="G2277" i="2" a="1"/>
  <c r="G2277" i="2" s="1"/>
  <c r="G2274" i="2" a="1"/>
  <c r="G2274" i="2" s="1"/>
  <c r="G2266" i="2" a="1"/>
  <c r="G2266" i="2" s="1"/>
  <c r="G2275" i="2" a="1"/>
  <c r="G2275" i="2" s="1"/>
  <c r="G2267" i="2" a="1"/>
  <c r="G2267" i="2" s="1"/>
  <c r="G2283" i="2" a="1"/>
  <c r="G2283" i="2" s="1"/>
  <c r="G2285" i="2" a="1"/>
  <c r="G2285" i="2" s="1"/>
  <c r="G2287" i="2" a="1"/>
  <c r="G2287" i="2" s="1"/>
  <c r="G2288" i="2" a="1"/>
  <c r="G2288" i="2" s="1"/>
  <c r="G2268" i="2" a="1"/>
  <c r="G2268" i="2" s="1"/>
  <c r="G2289" i="2" a="1"/>
  <c r="G2289" i="2" s="1"/>
  <c r="G2279" i="2" a="1"/>
  <c r="G2279" i="2" s="1"/>
  <c r="G2271" i="2" a="1"/>
  <c r="G2271" i="2" s="1"/>
  <c r="G2280" i="2" a="1"/>
  <c r="G2280" i="2" s="1"/>
  <c r="G2282" i="2" a="1"/>
  <c r="G2282" i="2" s="1"/>
  <c r="G2276" i="2" a="1"/>
  <c r="G2276" i="2" s="1"/>
  <c r="G2272" i="2" a="1"/>
  <c r="G2272" i="2" s="1"/>
  <c r="G2273" i="2" a="1"/>
  <c r="G2273" i="2" s="1"/>
  <c r="G2278" i="2" a="1"/>
  <c r="G2278" i="2" s="1"/>
  <c r="H7465" i="2" a="1"/>
  <c r="H7465" i="2" s="1"/>
  <c r="H7450" i="2" a="1"/>
  <c r="H7450" i="2" s="1"/>
  <c r="H7466" i="2" a="1"/>
  <c r="H7466" i="2" s="1"/>
  <c r="H7457" i="2" a="1"/>
  <c r="H7457" i="2" s="1"/>
  <c r="H7453" i="2" a="1"/>
  <c r="H7453" i="2" s="1"/>
  <c r="H7461" i="2" a="1"/>
  <c r="H7461" i="2" s="1"/>
  <c r="H7452" i="2" a="1"/>
  <c r="H7452" i="2" s="1"/>
  <c r="H7462" i="2" a="1"/>
  <c r="H7462" i="2" s="1"/>
  <c r="H7454" i="2" a="1"/>
  <c r="H7454" i="2" s="1"/>
  <c r="H7467" i="2" a="1"/>
  <c r="H7467" i="2" s="1"/>
  <c r="H7459" i="2" a="1"/>
  <c r="H7459" i="2" s="1"/>
  <c r="H7455" i="2" a="1"/>
  <c r="H7455" i="2" s="1"/>
  <c r="H7472" i="2" a="1"/>
  <c r="H7472" i="2" s="1"/>
  <c r="H7471" i="2" a="1"/>
  <c r="H7471" i="2" s="1"/>
  <c r="H7473" i="2" a="1"/>
  <c r="H7473" i="2" s="1"/>
  <c r="H7469" i="2" a="1"/>
  <c r="H7469" i="2" s="1"/>
  <c r="H7460" i="2" a="1"/>
  <c r="H7460" i="2" s="1"/>
  <c r="H7456" i="2" a="1"/>
  <c r="H7456" i="2" s="1"/>
  <c r="H7458" i="2" a="1"/>
  <c r="H7458" i="2" s="1"/>
  <c r="H7463" i="2" a="1"/>
  <c r="H7463" i="2" s="1"/>
  <c r="H7468" i="2" a="1"/>
  <c r="H7468" i="2" s="1"/>
  <c r="H7464" i="2" a="1"/>
  <c r="H7464" i="2" s="1"/>
  <c r="H7451" i="2" a="1"/>
  <c r="H7451" i="2" s="1"/>
  <c r="H7470" i="2" a="1"/>
  <c r="H7470" i="2" s="1"/>
  <c r="AN62" i="1"/>
  <c r="D68" i="5" s="1"/>
  <c r="AP62" i="1"/>
  <c r="F68" i="5" s="1"/>
  <c r="AQ62" i="1"/>
  <c r="G68" i="5" s="1"/>
  <c r="AO62" i="1"/>
  <c r="E68" i="5" s="1"/>
  <c r="AM62" i="1"/>
  <c r="D1474" i="2" a="1"/>
  <c r="D1474" i="2" s="1"/>
  <c r="D1477" i="2" a="1"/>
  <c r="D1477" i="2" s="1"/>
  <c r="D1484" i="2" a="1"/>
  <c r="D1484" i="2" s="1"/>
  <c r="D1478" i="2" a="1"/>
  <c r="D1478" i="2" s="1"/>
  <c r="D1492" i="2" a="1"/>
  <c r="D1492" i="2" s="1"/>
  <c r="D1480" i="2" a="1"/>
  <c r="D1480" i="2" s="1"/>
  <c r="D1487" i="2" a="1"/>
  <c r="D1487" i="2" s="1"/>
  <c r="D1494" i="2" a="1"/>
  <c r="D1494" i="2" s="1"/>
  <c r="D1481" i="2" a="1"/>
  <c r="D1481" i="2" s="1"/>
  <c r="D1491" i="2" a="1"/>
  <c r="D1491" i="2" s="1"/>
  <c r="D1483" i="2" a="1"/>
  <c r="D1483" i="2" s="1"/>
  <c r="D1490" i="2" a="1"/>
  <c r="D1490" i="2" s="1"/>
  <c r="D1497" i="2" a="1"/>
  <c r="D1497" i="2" s="1"/>
  <c r="D1479" i="2" a="1"/>
  <c r="D1479" i="2" s="1"/>
  <c r="D1486" i="2" a="1"/>
  <c r="D1486" i="2" s="1"/>
  <c r="D1476" i="2" a="1"/>
  <c r="D1476" i="2" s="1"/>
  <c r="D1489" i="2" a="1"/>
  <c r="D1489" i="2" s="1"/>
  <c r="D1496" i="2" a="1"/>
  <c r="D1496" i="2" s="1"/>
  <c r="D1475" i="2" a="1"/>
  <c r="D1475" i="2" s="1"/>
  <c r="D1493" i="2" a="1"/>
  <c r="D1493" i="2" s="1"/>
  <c r="D1485" i="2" a="1"/>
  <c r="D1485" i="2" s="1"/>
  <c r="D1482" i="2" a="1"/>
  <c r="D1482" i="2" s="1"/>
  <c r="D1488" i="2" a="1"/>
  <c r="D1488" i="2" s="1"/>
  <c r="D1495" i="2" a="1"/>
  <c r="D1495" i="2" s="1"/>
  <c r="G4313" i="2" a="1"/>
  <c r="G4313" i="2" s="1"/>
  <c r="G4314" i="2" a="1"/>
  <c r="G4314" i="2" s="1"/>
  <c r="G4320" i="2" a="1"/>
  <c r="G4320" i="2" s="1"/>
  <c r="G4323" i="2" a="1"/>
  <c r="G4323" i="2" s="1"/>
  <c r="G4324" i="2" a="1"/>
  <c r="G4324" i="2" s="1"/>
  <c r="G4318" i="2" a="1"/>
  <c r="G4318" i="2" s="1"/>
  <c r="G4309" i="2" a="1"/>
  <c r="G4309" i="2" s="1"/>
  <c r="G4315" i="2" a="1"/>
  <c r="G4315" i="2" s="1"/>
  <c r="G4306" i="2" a="1"/>
  <c r="G4306" i="2" s="1"/>
  <c r="G4310" i="2" a="1"/>
  <c r="G4310" i="2" s="1"/>
  <c r="G4307" i="2" a="1"/>
  <c r="G4307" i="2" s="1"/>
  <c r="G4321" i="2" a="1"/>
  <c r="G4321" i="2" s="1"/>
  <c r="G4325" i="2" a="1"/>
  <c r="G4325" i="2" s="1"/>
  <c r="G4319" i="2" a="1"/>
  <c r="G4319" i="2" s="1"/>
  <c r="G4308" i="2" a="1"/>
  <c r="G4308" i="2" s="1"/>
  <c r="G4329" i="2" a="1"/>
  <c r="G4329" i="2" s="1"/>
  <c r="G4317" i="2" a="1"/>
  <c r="G4317" i="2" s="1"/>
  <c r="G4312" i="2" a="1"/>
  <c r="G4312" i="2" s="1"/>
  <c r="G4327" i="2" a="1"/>
  <c r="G4327" i="2" s="1"/>
  <c r="G4326" i="2" a="1"/>
  <c r="G4326" i="2" s="1"/>
  <c r="G4322" i="2" a="1"/>
  <c r="G4322" i="2" s="1"/>
  <c r="G4328" i="2" a="1"/>
  <c r="G4328" i="2" s="1"/>
  <c r="G4316" i="2" a="1"/>
  <c r="G4316" i="2" s="1"/>
  <c r="G4311" i="2" a="1"/>
  <c r="G4311" i="2" s="1"/>
  <c r="F288" i="2" a="1"/>
  <c r="F288" i="2" s="1"/>
  <c r="F284" i="2" a="1"/>
  <c r="F284" i="2" s="1"/>
  <c r="F296" i="2" a="1"/>
  <c r="F296" i="2" s="1"/>
  <c r="F293" i="2" a="1"/>
  <c r="F293" i="2" s="1"/>
  <c r="F276" i="2" a="1"/>
  <c r="F276" i="2" s="1"/>
  <c r="F280" i="2" a="1"/>
  <c r="F280" i="2" s="1"/>
  <c r="F294" i="2" a="1"/>
  <c r="F294" i="2" s="1"/>
  <c r="F291" i="2" a="1"/>
  <c r="F291" i="2" s="1"/>
  <c r="F274" i="2" a="1"/>
  <c r="F274" i="2" s="1"/>
  <c r="F292" i="2" a="1"/>
  <c r="F292" i="2" s="1"/>
  <c r="F290" i="2" a="1"/>
  <c r="F290" i="2" s="1"/>
  <c r="F297" i="2" a="1"/>
  <c r="F297" i="2" s="1"/>
  <c r="F287" i="2" a="1"/>
  <c r="F287" i="2" s="1"/>
  <c r="F283" i="2" a="1"/>
  <c r="F283" i="2" s="1"/>
  <c r="F289" i="2" a="1"/>
  <c r="F289" i="2" s="1"/>
  <c r="F295" i="2" a="1"/>
  <c r="F295" i="2" s="1"/>
  <c r="F282" i="2" a="1"/>
  <c r="F282" i="2" s="1"/>
  <c r="F286" i="2" a="1"/>
  <c r="F286" i="2" s="1"/>
  <c r="F285" i="2" a="1"/>
  <c r="F285" i="2" s="1"/>
  <c r="F275" i="2" a="1"/>
  <c r="F275" i="2" s="1"/>
  <c r="F281" i="2" a="1"/>
  <c r="F281" i="2" s="1"/>
  <c r="F277" i="2" a="1"/>
  <c r="F277" i="2" s="1"/>
  <c r="F278" i="2" a="1"/>
  <c r="F278" i="2" s="1"/>
  <c r="F279" i="2" a="1"/>
  <c r="F279" i="2" s="1"/>
  <c r="H8469" i="2" a="1"/>
  <c r="H8469" i="2" s="1"/>
  <c r="H8466" i="2" a="1"/>
  <c r="H8466" i="2" s="1"/>
  <c r="H8476" i="2" a="1"/>
  <c r="H8476" i="2" s="1"/>
  <c r="H8467" i="2" a="1"/>
  <c r="H8467" i="2" s="1"/>
  <c r="H8481" i="2" a="1"/>
  <c r="H8481" i="2" s="1"/>
  <c r="H8458" i="2" a="1"/>
  <c r="H8458" i="2" s="1"/>
  <c r="H8477" i="2" a="1"/>
  <c r="H8477" i="2" s="1"/>
  <c r="H8459" i="2" a="1"/>
  <c r="H8459" i="2" s="1"/>
  <c r="H8465" i="2" a="1"/>
  <c r="H8465" i="2" s="1"/>
  <c r="H8470" i="2" a="1"/>
  <c r="H8470" i="2" s="1"/>
  <c r="H8460" i="2" a="1"/>
  <c r="H8460" i="2" s="1"/>
  <c r="H8474" i="2" a="1"/>
  <c r="H8474" i="2" s="1"/>
  <c r="H8478" i="2" a="1"/>
  <c r="H8478" i="2" s="1"/>
  <c r="H8472" i="2" a="1"/>
  <c r="H8472" i="2" s="1"/>
  <c r="H8461" i="2" a="1"/>
  <c r="H8461" i="2" s="1"/>
  <c r="H8471" i="2" a="1"/>
  <c r="H8471" i="2" s="1"/>
  <c r="H8464" i="2" a="1"/>
  <c r="H8464" i="2" s="1"/>
  <c r="H8462" i="2" a="1"/>
  <c r="H8462" i="2" s="1"/>
  <c r="H8468" i="2" a="1"/>
  <c r="H8468" i="2" s="1"/>
  <c r="H8480" i="2" a="1"/>
  <c r="H8480" i="2" s="1"/>
  <c r="H8475" i="2" a="1"/>
  <c r="H8475" i="2" s="1"/>
  <c r="H8463" i="2" a="1"/>
  <c r="H8463" i="2" s="1"/>
  <c r="H8473" i="2" a="1"/>
  <c r="H8473" i="2" s="1"/>
  <c r="H8479" i="2" a="1"/>
  <c r="H8479" i="2" s="1"/>
  <c r="H5987" i="2" a="1"/>
  <c r="H5987" i="2" s="1"/>
  <c r="H5988" i="2" a="1"/>
  <c r="H5988" i="2" s="1"/>
  <c r="H6001" i="2" a="1"/>
  <c r="H6001" i="2" s="1"/>
  <c r="H6007" i="2" a="1"/>
  <c r="H6007" i="2" s="1"/>
  <c r="H6003" i="2" a="1"/>
  <c r="H6003" i="2" s="1"/>
  <c r="H5986" i="2" a="1"/>
  <c r="H5986" i="2" s="1"/>
  <c r="H5993" i="2" a="1"/>
  <c r="H5993" i="2" s="1"/>
  <c r="H5991" i="2" a="1"/>
  <c r="H5991" i="2" s="1"/>
  <c r="H6002" i="2" a="1"/>
  <c r="H6002" i="2" s="1"/>
  <c r="H5999" i="2" a="1"/>
  <c r="H5999" i="2" s="1"/>
  <c r="H6004" i="2" a="1"/>
  <c r="H6004" i="2" s="1"/>
  <c r="H5989" i="2" a="1"/>
  <c r="H5989" i="2" s="1"/>
  <c r="H5996" i="2" a="1"/>
  <c r="H5996" i="2" s="1"/>
  <c r="H5990" i="2" a="1"/>
  <c r="H5990" i="2" s="1"/>
  <c r="H5992" i="2" a="1"/>
  <c r="H5992" i="2" s="1"/>
  <c r="H5995" i="2" a="1"/>
  <c r="H5995" i="2" s="1"/>
  <c r="H6009" i="2" a="1"/>
  <c r="H6009" i="2" s="1"/>
  <c r="H5994" i="2" a="1"/>
  <c r="H5994" i="2" s="1"/>
  <c r="H6005" i="2" a="1"/>
  <c r="H6005" i="2" s="1"/>
  <c r="H6000" i="2" a="1"/>
  <c r="H6000" i="2" s="1"/>
  <c r="H6008" i="2" a="1"/>
  <c r="H6008" i="2" s="1"/>
  <c r="H6006" i="2" a="1"/>
  <c r="H6006" i="2" s="1"/>
  <c r="H5997" i="2" a="1"/>
  <c r="H5997" i="2" s="1"/>
  <c r="H5998" i="2" a="1"/>
  <c r="H5998" i="2" s="1"/>
  <c r="E7436" i="2" a="1"/>
  <c r="E7436" i="2" s="1"/>
  <c r="E7437" i="2" a="1"/>
  <c r="E7437" i="2" s="1"/>
  <c r="E7441" i="2" a="1"/>
  <c r="E7441" i="2" s="1"/>
  <c r="E7443" i="2" a="1"/>
  <c r="E7443" i="2" s="1"/>
  <c r="E7449" i="2" a="1"/>
  <c r="E7449" i="2" s="1"/>
  <c r="E7426" i="2" a="1"/>
  <c r="E7426" i="2" s="1"/>
  <c r="E7439" i="2" a="1"/>
  <c r="E7439" i="2" s="1"/>
  <c r="E7444" i="2" a="1"/>
  <c r="E7444" i="2" s="1"/>
  <c r="E7448" i="2" a="1"/>
  <c r="E7448" i="2" s="1"/>
  <c r="E7446" i="2" a="1"/>
  <c r="E7446" i="2" s="1"/>
  <c r="E7445" i="2" a="1"/>
  <c r="E7445" i="2" s="1"/>
  <c r="E7442" i="2" a="1"/>
  <c r="E7442" i="2" s="1"/>
  <c r="E7427" i="2" a="1"/>
  <c r="E7427" i="2" s="1"/>
  <c r="E7429" i="2" a="1"/>
  <c r="E7429" i="2" s="1"/>
  <c r="E7440" i="2" a="1"/>
  <c r="E7440" i="2" s="1"/>
  <c r="E7438" i="2" a="1"/>
  <c r="E7438" i="2" s="1"/>
  <c r="E7433" i="2" a="1"/>
  <c r="E7433" i="2" s="1"/>
  <c r="E7434" i="2" a="1"/>
  <c r="E7434" i="2" s="1"/>
  <c r="E7447" i="2" a="1"/>
  <c r="E7447" i="2" s="1"/>
  <c r="E7428" i="2" a="1"/>
  <c r="E7428" i="2" s="1"/>
  <c r="E7430" i="2" a="1"/>
  <c r="E7430" i="2" s="1"/>
  <c r="E7431" i="2" a="1"/>
  <c r="E7431" i="2" s="1"/>
  <c r="E7435" i="2" a="1"/>
  <c r="E7435" i="2" s="1"/>
  <c r="E7432" i="2" a="1"/>
  <c r="E7432" i="2" s="1"/>
  <c r="E4287" i="2" a="1"/>
  <c r="E4287" i="2" s="1"/>
  <c r="E4295" i="2" a="1"/>
  <c r="E4295" i="2" s="1"/>
  <c r="E4285" i="2" a="1"/>
  <c r="E4285" i="2" s="1"/>
  <c r="E4294" i="2" a="1"/>
  <c r="E4294" i="2" s="1"/>
  <c r="E4301" i="2" a="1"/>
  <c r="E4301" i="2" s="1"/>
  <c r="E4298" i="2" a="1"/>
  <c r="E4298" i="2" s="1"/>
  <c r="E4297" i="2" a="1"/>
  <c r="E4297" i="2" s="1"/>
  <c r="E4303" i="2" a="1"/>
  <c r="E4303" i="2" s="1"/>
  <c r="E4286" i="2" a="1"/>
  <c r="E4286" i="2" s="1"/>
  <c r="E4291" i="2" a="1"/>
  <c r="E4291" i="2" s="1"/>
  <c r="E4300" i="2" a="1"/>
  <c r="E4300" i="2" s="1"/>
  <c r="E4305" i="2" a="1"/>
  <c r="E4305" i="2" s="1"/>
  <c r="E4282" i="2" a="1"/>
  <c r="E4282" i="2" s="1"/>
  <c r="E4288" i="2" a="1"/>
  <c r="E4288" i="2" s="1"/>
  <c r="E4302" i="2" a="1"/>
  <c r="E4302" i="2" s="1"/>
  <c r="E4296" i="2" a="1"/>
  <c r="E4296" i="2" s="1"/>
  <c r="E4290" i="2" a="1"/>
  <c r="E4290" i="2" s="1"/>
  <c r="E4284" i="2" a="1"/>
  <c r="E4284" i="2" s="1"/>
  <c r="E4283" i="2" a="1"/>
  <c r="E4283" i="2" s="1"/>
  <c r="E4292" i="2" a="1"/>
  <c r="E4292" i="2" s="1"/>
  <c r="E4289" i="2" a="1"/>
  <c r="E4289" i="2" s="1"/>
  <c r="E4299" i="2" a="1"/>
  <c r="E4299" i="2" s="1"/>
  <c r="E4293" i="2" a="1"/>
  <c r="E4293" i="2" s="1"/>
  <c r="E4304" i="2" a="1"/>
  <c r="E4304" i="2" s="1"/>
  <c r="G1587" i="2" a="1"/>
  <c r="G1587" i="2" s="1"/>
  <c r="G1585" i="2" a="1"/>
  <c r="G1585" i="2" s="1"/>
  <c r="G1581" i="2" a="1"/>
  <c r="G1581" i="2" s="1"/>
  <c r="G1577" i="2" a="1"/>
  <c r="G1577" i="2" s="1"/>
  <c r="G1583" i="2" a="1"/>
  <c r="G1583" i="2" s="1"/>
  <c r="G1580" i="2" a="1"/>
  <c r="G1580" i="2" s="1"/>
  <c r="G1593" i="2" a="1"/>
  <c r="G1593" i="2" s="1"/>
  <c r="G1589" i="2" a="1"/>
  <c r="G1589" i="2" s="1"/>
  <c r="G1586" i="2" a="1"/>
  <c r="G1586" i="2" s="1"/>
  <c r="G1571" i="2" a="1"/>
  <c r="G1571" i="2" s="1"/>
  <c r="G1570" i="2" a="1"/>
  <c r="G1570" i="2" s="1"/>
  <c r="G1579" i="2" a="1"/>
  <c r="G1579" i="2" s="1"/>
  <c r="G1574" i="2" a="1"/>
  <c r="G1574" i="2" s="1"/>
  <c r="G1576" i="2" a="1"/>
  <c r="G1576" i="2" s="1"/>
  <c r="G1590" i="2" a="1"/>
  <c r="G1590" i="2" s="1"/>
  <c r="G1591" i="2" a="1"/>
  <c r="G1591" i="2" s="1"/>
  <c r="G1578" i="2" a="1"/>
  <c r="G1578" i="2" s="1"/>
  <c r="G1572" i="2" a="1"/>
  <c r="G1572" i="2" s="1"/>
  <c r="G1582" i="2" a="1"/>
  <c r="G1582" i="2" s="1"/>
  <c r="G1584" i="2" a="1"/>
  <c r="G1584" i="2" s="1"/>
  <c r="G1573" i="2" a="1"/>
  <c r="G1573" i="2" s="1"/>
  <c r="G1575" i="2" a="1"/>
  <c r="G1575" i="2" s="1"/>
  <c r="G1588" i="2" a="1"/>
  <c r="G1588" i="2" s="1"/>
  <c r="G1592" i="2" a="1"/>
  <c r="G1592" i="2" s="1"/>
  <c r="AQ227" i="1"/>
  <c r="G233" i="5" s="1"/>
  <c r="AP227" i="1"/>
  <c r="F233" i="5" s="1"/>
  <c r="AO227" i="1"/>
  <c r="E233" i="5" s="1"/>
  <c r="AN227" i="1"/>
  <c r="D233" i="5" s="1"/>
  <c r="AM227" i="1"/>
  <c r="D5455" i="2" a="1"/>
  <c r="D5455" i="2" s="1"/>
  <c r="D5441" i="2" a="1"/>
  <c r="D5441" i="2" s="1"/>
  <c r="D5445" i="2" a="1"/>
  <c r="D5445" i="2" s="1"/>
  <c r="D5449" i="2" a="1"/>
  <c r="D5449" i="2" s="1"/>
  <c r="D5453" i="2" a="1"/>
  <c r="D5453" i="2" s="1"/>
  <c r="D5457" i="2" a="1"/>
  <c r="D5457" i="2" s="1"/>
  <c r="D5435" i="2" a="1"/>
  <c r="D5435" i="2" s="1"/>
  <c r="D5437" i="2" a="1"/>
  <c r="D5437" i="2" s="1"/>
  <c r="D5454" i="2" a="1"/>
  <c r="D5454" i="2" s="1"/>
  <c r="D5456" i="2" a="1"/>
  <c r="D5456" i="2" s="1"/>
  <c r="D5450" i="2" a="1"/>
  <c r="D5450" i="2" s="1"/>
  <c r="D5452" i="2" a="1"/>
  <c r="D5452" i="2" s="1"/>
  <c r="D5446" i="2" a="1"/>
  <c r="D5446" i="2" s="1"/>
  <c r="D5448" i="2" a="1"/>
  <c r="D5448" i="2" s="1"/>
  <c r="D5442" i="2" a="1"/>
  <c r="D5442" i="2" s="1"/>
  <c r="D5444" i="2" a="1"/>
  <c r="D5444" i="2" s="1"/>
  <c r="D5438" i="2" a="1"/>
  <c r="D5438" i="2" s="1"/>
  <c r="D5440" i="2" a="1"/>
  <c r="D5440" i="2" s="1"/>
  <c r="D5436" i="2" a="1"/>
  <c r="D5436" i="2" s="1"/>
  <c r="D5434" i="2" a="1"/>
  <c r="D5434" i="2" s="1"/>
  <c r="D5451" i="2" a="1"/>
  <c r="D5451" i="2" s="1"/>
  <c r="D5447" i="2" a="1"/>
  <c r="D5447" i="2" s="1"/>
  <c r="D5443" i="2" a="1"/>
  <c r="D5443" i="2" s="1"/>
  <c r="D5439" i="2" a="1"/>
  <c r="D5439" i="2" s="1"/>
  <c r="AQ88" i="1"/>
  <c r="G94" i="5" s="1"/>
  <c r="AN88" i="1"/>
  <c r="D94" i="5" s="1"/>
  <c r="AO88" i="1"/>
  <c r="E94" i="5" s="1"/>
  <c r="AP88" i="1"/>
  <c r="F94" i="5" s="1"/>
  <c r="AM88" i="1"/>
  <c r="D2100" i="2" a="1"/>
  <c r="D2100" i="2" s="1"/>
  <c r="D2102" i="2" a="1"/>
  <c r="D2102" i="2" s="1"/>
  <c r="D2114" i="2" a="1"/>
  <c r="D2114" i="2" s="1"/>
  <c r="D2118" i="2" a="1"/>
  <c r="D2118" i="2" s="1"/>
  <c r="D2109" i="2" a="1"/>
  <c r="D2109" i="2" s="1"/>
  <c r="D2104" i="2" a="1"/>
  <c r="D2104" i="2" s="1"/>
  <c r="D2108" i="2" a="1"/>
  <c r="D2108" i="2" s="1"/>
  <c r="D2112" i="2" a="1"/>
  <c r="D2112" i="2" s="1"/>
  <c r="D2116" i="2" a="1"/>
  <c r="D2116" i="2" s="1"/>
  <c r="D2120" i="2" a="1"/>
  <c r="D2120" i="2" s="1"/>
  <c r="D2101" i="2" a="1"/>
  <c r="D2101" i="2" s="1"/>
  <c r="D2105" i="2" a="1"/>
  <c r="D2105" i="2" s="1"/>
  <c r="D2121" i="2" a="1"/>
  <c r="D2121" i="2" s="1"/>
  <c r="D2115" i="2" a="1"/>
  <c r="D2115" i="2" s="1"/>
  <c r="D2103" i="2" a="1"/>
  <c r="D2103" i="2" s="1"/>
  <c r="D2098" i="2" a="1"/>
  <c r="D2098" i="2" s="1"/>
  <c r="D2110" i="2" a="1"/>
  <c r="D2110" i="2" s="1"/>
  <c r="D2113" i="2" a="1"/>
  <c r="D2113" i="2" s="1"/>
  <c r="D2099" i="2" a="1"/>
  <c r="D2099" i="2" s="1"/>
  <c r="D2111" i="2" a="1"/>
  <c r="D2111" i="2" s="1"/>
  <c r="D2106" i="2" a="1"/>
  <c r="D2106" i="2" s="1"/>
  <c r="D2119" i="2" a="1"/>
  <c r="D2119" i="2" s="1"/>
  <c r="D2107" i="2" a="1"/>
  <c r="D2107" i="2" s="1"/>
  <c r="D2117" i="2" a="1"/>
  <c r="D2117" i="2" s="1"/>
  <c r="E7610" i="2" a="1"/>
  <c r="E7610" i="2" s="1"/>
  <c r="E7614" i="2" a="1"/>
  <c r="E7614" i="2" s="1"/>
  <c r="E7597" i="2" a="1"/>
  <c r="E7597" i="2" s="1"/>
  <c r="E7600" i="2" a="1"/>
  <c r="E7600" i="2" s="1"/>
  <c r="E7602" i="2" a="1"/>
  <c r="E7602" i="2" s="1"/>
  <c r="E7615" i="2" a="1"/>
  <c r="E7615" i="2" s="1"/>
  <c r="E7607" i="2" a="1"/>
  <c r="E7607" i="2" s="1"/>
  <c r="E7598" i="2" a="1"/>
  <c r="E7598" i="2" s="1"/>
  <c r="E7608" i="2" a="1"/>
  <c r="E7608" i="2" s="1"/>
  <c r="E7604" i="2" a="1"/>
  <c r="E7604" i="2" s="1"/>
  <c r="E7609" i="2" a="1"/>
  <c r="E7609" i="2" s="1"/>
  <c r="E7599" i="2" a="1"/>
  <c r="E7599" i="2" s="1"/>
  <c r="E7595" i="2" a="1"/>
  <c r="E7595" i="2" s="1"/>
  <c r="E7616" i="2" a="1"/>
  <c r="E7616" i="2" s="1"/>
  <c r="E7612" i="2" a="1"/>
  <c r="E7612" i="2" s="1"/>
  <c r="E7617" i="2" a="1"/>
  <c r="E7617" i="2" s="1"/>
  <c r="E7606" i="2" a="1"/>
  <c r="E7606" i="2" s="1"/>
  <c r="E7613" i="2" a="1"/>
  <c r="E7613" i="2" s="1"/>
  <c r="E7594" i="2" a="1"/>
  <c r="E7594" i="2" s="1"/>
  <c r="E7596" i="2" a="1"/>
  <c r="E7596" i="2" s="1"/>
  <c r="E7603" i="2" a="1"/>
  <c r="E7603" i="2" s="1"/>
  <c r="E7601" i="2" a="1"/>
  <c r="E7601" i="2" s="1"/>
  <c r="E7605" i="2" a="1"/>
  <c r="E7605" i="2" s="1"/>
  <c r="E7611" i="2" a="1"/>
  <c r="E7611" i="2" s="1"/>
  <c r="G432" i="2" a="1"/>
  <c r="G432" i="2" s="1"/>
  <c r="G427" i="2" a="1"/>
  <c r="G427" i="2" s="1"/>
  <c r="G418" i="2" a="1"/>
  <c r="G418" i="2" s="1"/>
  <c r="G435" i="2" a="1"/>
  <c r="G435" i="2" s="1"/>
  <c r="G423" i="2" a="1"/>
  <c r="G423" i="2" s="1"/>
  <c r="G430" i="2" a="1"/>
  <c r="G430" i="2" s="1"/>
  <c r="G421" i="2" a="1"/>
  <c r="G421" i="2" s="1"/>
  <c r="G433" i="2" a="1"/>
  <c r="G433" i="2" s="1"/>
  <c r="G436" i="2" a="1"/>
  <c r="G436" i="2" s="1"/>
  <c r="G426" i="2" a="1"/>
  <c r="G426" i="2" s="1"/>
  <c r="G441" i="2" a="1"/>
  <c r="G441" i="2" s="1"/>
  <c r="G419" i="2" a="1"/>
  <c r="G419" i="2" s="1"/>
  <c r="G425" i="2" a="1"/>
  <c r="G425" i="2" s="1"/>
  <c r="G420" i="2" a="1"/>
  <c r="G420" i="2" s="1"/>
  <c r="G428" i="2" a="1"/>
  <c r="G428" i="2" s="1"/>
  <c r="G437" i="2" a="1"/>
  <c r="G437" i="2" s="1"/>
  <c r="G438" i="2" a="1"/>
  <c r="G438" i="2" s="1"/>
  <c r="G431" i="2" a="1"/>
  <c r="G431" i="2" s="1"/>
  <c r="G424" i="2" a="1"/>
  <c r="G424" i="2" s="1"/>
  <c r="G429" i="2" a="1"/>
  <c r="G429" i="2" s="1"/>
  <c r="G440" i="2" a="1"/>
  <c r="G440" i="2" s="1"/>
  <c r="G422" i="2" a="1"/>
  <c r="G422" i="2" s="1"/>
  <c r="G434" i="2" a="1"/>
  <c r="G434" i="2" s="1"/>
  <c r="G439" i="2" a="1"/>
  <c r="G439" i="2" s="1"/>
  <c r="AO145" i="1"/>
  <c r="E151" i="5" s="1"/>
  <c r="AQ145" i="1"/>
  <c r="G151" i="5" s="1"/>
  <c r="AN145" i="1"/>
  <c r="D151" i="5" s="1"/>
  <c r="AP145" i="1"/>
  <c r="F151" i="5" s="1"/>
  <c r="AM145" i="1"/>
  <c r="D3473" i="2" a="1"/>
  <c r="D3473" i="2" s="1"/>
  <c r="D3477" i="2" a="1"/>
  <c r="D3477" i="2" s="1"/>
  <c r="D3481" i="2" a="1"/>
  <c r="D3481" i="2" s="1"/>
  <c r="D3485" i="2" a="1"/>
  <c r="D3485" i="2" s="1"/>
  <c r="D3466" i="2" a="1"/>
  <c r="D3466" i="2" s="1"/>
  <c r="D3470" i="2" a="1"/>
  <c r="D3470" i="2" s="1"/>
  <c r="D3474" i="2" a="1"/>
  <c r="D3474" i="2" s="1"/>
  <c r="D3478" i="2" a="1"/>
  <c r="D3478" i="2" s="1"/>
  <c r="D3469" i="2" a="1"/>
  <c r="D3469" i="2" s="1"/>
  <c r="D3468" i="2" a="1"/>
  <c r="D3468" i="2" s="1"/>
  <c r="D3472" i="2" a="1"/>
  <c r="D3472" i="2" s="1"/>
  <c r="D3476" i="2" a="1"/>
  <c r="D3476" i="2" s="1"/>
  <c r="D3484" i="2" a="1"/>
  <c r="D3484" i="2" s="1"/>
  <c r="D3488" i="2" a="1"/>
  <c r="D3488" i="2" s="1"/>
  <c r="D3489" i="2" a="1"/>
  <c r="D3489" i="2" s="1"/>
  <c r="D3475" i="2" a="1"/>
  <c r="D3475" i="2" s="1"/>
  <c r="D3483" i="2" a="1"/>
  <c r="D3483" i="2" s="1"/>
  <c r="D3487" i="2" a="1"/>
  <c r="D3487" i="2" s="1"/>
  <c r="D3480" i="2" a="1"/>
  <c r="D3480" i="2" s="1"/>
  <c r="D3479" i="2" a="1"/>
  <c r="D3479" i="2" s="1"/>
  <c r="D3482" i="2" a="1"/>
  <c r="D3482" i="2" s="1"/>
  <c r="D3486" i="2" a="1"/>
  <c r="D3486" i="2" s="1"/>
  <c r="D3467" i="2" a="1"/>
  <c r="D3467" i="2" s="1"/>
  <c r="D3471" i="2" a="1"/>
  <c r="D3471" i="2" s="1"/>
  <c r="H2326" i="2" a="1"/>
  <c r="H2326" i="2" s="1"/>
  <c r="H2335" i="2" a="1"/>
  <c r="H2335" i="2" s="1"/>
  <c r="H2318" i="2" a="1"/>
  <c r="H2318" i="2" s="1"/>
  <c r="H2314" i="2" a="1"/>
  <c r="H2314" i="2" s="1"/>
  <c r="H2324" i="2" a="1"/>
  <c r="H2324" i="2" s="1"/>
  <c r="H2319" i="2" a="1"/>
  <c r="H2319" i="2" s="1"/>
  <c r="H2336" i="2" a="1"/>
  <c r="H2336" i="2" s="1"/>
  <c r="H2320" i="2" a="1"/>
  <c r="H2320" i="2" s="1"/>
  <c r="H2317" i="2" a="1"/>
  <c r="H2317" i="2" s="1"/>
  <c r="H2321" i="2" a="1"/>
  <c r="H2321" i="2" s="1"/>
  <c r="H2323" i="2" a="1"/>
  <c r="H2323" i="2" s="1"/>
  <c r="H2315" i="2" a="1"/>
  <c r="H2315" i="2" s="1"/>
  <c r="H2322" i="2" a="1"/>
  <c r="H2322" i="2" s="1"/>
  <c r="H2316" i="2" a="1"/>
  <c r="H2316" i="2" s="1"/>
  <c r="H2331" i="2" a="1"/>
  <c r="H2331" i="2" s="1"/>
  <c r="H2337" i="2" a="1"/>
  <c r="H2337" i="2" s="1"/>
  <c r="H2329" i="2" a="1"/>
  <c r="H2329" i="2" s="1"/>
  <c r="H2330" i="2" a="1"/>
  <c r="H2330" i="2" s="1"/>
  <c r="H2327" i="2" a="1"/>
  <c r="H2327" i="2" s="1"/>
  <c r="H2328" i="2" a="1"/>
  <c r="H2328" i="2" s="1"/>
  <c r="H2333" i="2" a="1"/>
  <c r="H2333" i="2" s="1"/>
  <c r="H2334" i="2" a="1"/>
  <c r="H2334" i="2" s="1"/>
  <c r="H2325" i="2" a="1"/>
  <c r="H2325" i="2" s="1"/>
  <c r="H2332" i="2" a="1"/>
  <c r="H2332" i="2" s="1"/>
  <c r="E1890" i="2" a="1"/>
  <c r="E1890" i="2" s="1"/>
  <c r="E1895" i="2" a="1"/>
  <c r="E1895" i="2" s="1"/>
  <c r="E1884" i="2" a="1"/>
  <c r="E1884" i="2" s="1"/>
  <c r="E1900" i="2" a="1"/>
  <c r="E1900" i="2" s="1"/>
  <c r="E1885" i="2" a="1"/>
  <c r="E1885" i="2" s="1"/>
  <c r="E1891" i="2" a="1"/>
  <c r="E1891" i="2" s="1"/>
  <c r="E1901" i="2" a="1"/>
  <c r="E1901" i="2" s="1"/>
  <c r="E1892" i="2" a="1"/>
  <c r="E1892" i="2" s="1"/>
  <c r="E1903" i="2" a="1"/>
  <c r="E1903" i="2" s="1"/>
  <c r="E1893" i="2" a="1"/>
  <c r="E1893" i="2" s="1"/>
  <c r="E1902" i="2" a="1"/>
  <c r="E1902" i="2" s="1"/>
  <c r="E1899" i="2" a="1"/>
  <c r="E1899" i="2" s="1"/>
  <c r="E1896" i="2" a="1"/>
  <c r="E1896" i="2" s="1"/>
  <c r="E1894" i="2" a="1"/>
  <c r="E1894" i="2" s="1"/>
  <c r="E1887" i="2" a="1"/>
  <c r="E1887" i="2" s="1"/>
  <c r="E1888" i="2" a="1"/>
  <c r="E1888" i="2" s="1"/>
  <c r="E1889" i="2" a="1"/>
  <c r="E1889" i="2" s="1"/>
  <c r="E1905" i="2" a="1"/>
  <c r="E1905" i="2" s="1"/>
  <c r="E1883" i="2" a="1"/>
  <c r="E1883" i="2" s="1"/>
  <c r="E1882" i="2" a="1"/>
  <c r="E1882" i="2" s="1"/>
  <c r="E1898" i="2" a="1"/>
  <c r="E1898" i="2" s="1"/>
  <c r="E1886" i="2" a="1"/>
  <c r="E1886" i="2" s="1"/>
  <c r="E1897" i="2" a="1"/>
  <c r="E1897" i="2" s="1"/>
  <c r="E1904" i="2" a="1"/>
  <c r="E1904" i="2" s="1"/>
  <c r="G7161" i="2" a="1"/>
  <c r="G7161" i="2" s="1"/>
  <c r="G7156" i="2" a="1"/>
  <c r="G7156" i="2" s="1"/>
  <c r="G7158" i="2" a="1"/>
  <c r="G7158" i="2" s="1"/>
  <c r="G7141" i="2" a="1"/>
  <c r="G7141" i="2" s="1"/>
  <c r="G7154" i="2" a="1"/>
  <c r="G7154" i="2" s="1"/>
  <c r="G7159" i="2" a="1"/>
  <c r="G7159" i="2" s="1"/>
  <c r="G7150" i="2" a="1"/>
  <c r="G7150" i="2" s="1"/>
  <c r="G7157" i="2" a="1"/>
  <c r="G7157" i="2" s="1"/>
  <c r="G7153" i="2" a="1"/>
  <c r="G7153" i="2" s="1"/>
  <c r="G7139" i="2" a="1"/>
  <c r="G7139" i="2" s="1"/>
  <c r="G7146" i="2" a="1"/>
  <c r="G7146" i="2" s="1"/>
  <c r="G7152" i="2" a="1"/>
  <c r="G7152" i="2" s="1"/>
  <c r="G7148" i="2" a="1"/>
  <c r="G7148" i="2" s="1"/>
  <c r="G7155" i="2" a="1"/>
  <c r="G7155" i="2" s="1"/>
  <c r="G7142" i="2" a="1"/>
  <c r="G7142" i="2" s="1"/>
  <c r="G7138" i="2" a="1"/>
  <c r="G7138" i="2" s="1"/>
  <c r="G7160" i="2" a="1"/>
  <c r="G7160" i="2" s="1"/>
  <c r="G7151" i="2" a="1"/>
  <c r="G7151" i="2" s="1"/>
  <c r="G7147" i="2" a="1"/>
  <c r="G7147" i="2" s="1"/>
  <c r="G7149" i="2" a="1"/>
  <c r="G7149" i="2" s="1"/>
  <c r="G7145" i="2" a="1"/>
  <c r="G7145" i="2" s="1"/>
  <c r="G7143" i="2" a="1"/>
  <c r="G7143" i="2" s="1"/>
  <c r="G7144" i="2" a="1"/>
  <c r="G7144" i="2" s="1"/>
  <c r="G7140" i="2" a="1"/>
  <c r="G7140" i="2" s="1"/>
  <c r="E7359" i="2" a="1"/>
  <c r="E7359" i="2" s="1"/>
  <c r="E7368" i="2" a="1"/>
  <c r="E7368" i="2" s="1"/>
  <c r="E7376" i="2" a="1"/>
  <c r="E7376" i="2" s="1"/>
  <c r="E7369" i="2" a="1"/>
  <c r="E7369" i="2" s="1"/>
  <c r="E7366" i="2" a="1"/>
  <c r="E7366" i="2" s="1"/>
  <c r="E7356" i="2" a="1"/>
  <c r="E7356" i="2" s="1"/>
  <c r="E7367" i="2" a="1"/>
  <c r="E7367" i="2" s="1"/>
  <c r="E7362" i="2" a="1"/>
  <c r="E7362" i="2" s="1"/>
  <c r="E7365" i="2" a="1"/>
  <c r="E7365" i="2" s="1"/>
  <c r="E7354" i="2" a="1"/>
  <c r="E7354" i="2" s="1"/>
  <c r="E7374" i="2" a="1"/>
  <c r="E7374" i="2" s="1"/>
  <c r="E7372" i="2" a="1"/>
  <c r="E7372" i="2" s="1"/>
  <c r="E7360" i="2" a="1"/>
  <c r="E7360" i="2" s="1"/>
  <c r="E7373" i="2" a="1"/>
  <c r="E7373" i="2" s="1"/>
  <c r="E7355" i="2" a="1"/>
  <c r="E7355" i="2" s="1"/>
  <c r="E7361" i="2" a="1"/>
  <c r="E7361" i="2" s="1"/>
  <c r="E7371" i="2" a="1"/>
  <c r="E7371" i="2" s="1"/>
  <c r="E7375" i="2" a="1"/>
  <c r="E7375" i="2" s="1"/>
  <c r="E7364" i="2" a="1"/>
  <c r="E7364" i="2" s="1"/>
  <c r="E7370" i="2" a="1"/>
  <c r="E7370" i="2" s="1"/>
  <c r="E7358" i="2" a="1"/>
  <c r="E7358" i="2" s="1"/>
  <c r="E7377" i="2" a="1"/>
  <c r="E7377" i="2" s="1"/>
  <c r="E7357" i="2" a="1"/>
  <c r="E7357" i="2" s="1"/>
  <c r="E7363" i="2" a="1"/>
  <c r="E7363" i="2" s="1"/>
  <c r="F1087" i="2" a="1"/>
  <c r="F1087" i="2" s="1"/>
  <c r="F1084" i="2" a="1"/>
  <c r="F1084" i="2" s="1"/>
  <c r="F1069" i="2" a="1"/>
  <c r="F1069" i="2" s="1"/>
  <c r="F1073" i="2" a="1"/>
  <c r="F1073" i="2" s="1"/>
  <c r="F1083" i="2" a="1"/>
  <c r="F1083" i="2" s="1"/>
  <c r="F1078" i="2" a="1"/>
  <c r="F1078" i="2" s="1"/>
  <c r="F1081" i="2" a="1"/>
  <c r="F1081" i="2" s="1"/>
  <c r="F1066" i="2" a="1"/>
  <c r="F1066" i="2" s="1"/>
  <c r="F1070" i="2" a="1"/>
  <c r="F1070" i="2" s="1"/>
  <c r="F1071" i="2" a="1"/>
  <c r="F1071" i="2" s="1"/>
  <c r="F1088" i="2" a="1"/>
  <c r="F1088" i="2" s="1"/>
  <c r="F1080" i="2" a="1"/>
  <c r="F1080" i="2" s="1"/>
  <c r="F1089" i="2" a="1"/>
  <c r="F1089" i="2" s="1"/>
  <c r="F1082" i="2" a="1"/>
  <c r="F1082" i="2" s="1"/>
  <c r="F1085" i="2" a="1"/>
  <c r="F1085" i="2" s="1"/>
  <c r="F1072" i="2" a="1"/>
  <c r="F1072" i="2" s="1"/>
  <c r="F1086" i="2" a="1"/>
  <c r="F1086" i="2" s="1"/>
  <c r="F1068" i="2" a="1"/>
  <c r="F1068" i="2" s="1"/>
  <c r="F1075" i="2" a="1"/>
  <c r="F1075" i="2" s="1"/>
  <c r="F1077" i="2" a="1"/>
  <c r="F1077" i="2" s="1"/>
  <c r="F1079" i="2" a="1"/>
  <c r="F1079" i="2" s="1"/>
  <c r="F1067" i="2" a="1"/>
  <c r="F1067" i="2" s="1"/>
  <c r="F1074" i="2" a="1"/>
  <c r="F1074" i="2" s="1"/>
  <c r="F1076" i="2" a="1"/>
  <c r="F1076" i="2" s="1"/>
  <c r="F3095" i="2" a="1"/>
  <c r="F3095" i="2" s="1"/>
  <c r="F3090" i="2" a="1"/>
  <c r="F3090" i="2" s="1"/>
  <c r="F3102" i="2" a="1"/>
  <c r="F3102" i="2" s="1"/>
  <c r="F3097" i="2" a="1"/>
  <c r="F3097" i="2" s="1"/>
  <c r="F3096" i="2" a="1"/>
  <c r="F3096" i="2" s="1"/>
  <c r="F3092" i="2" a="1"/>
  <c r="F3092" i="2" s="1"/>
  <c r="F3103" i="2" a="1"/>
  <c r="F3103" i="2" s="1"/>
  <c r="F3093" i="2" a="1"/>
  <c r="F3093" i="2" s="1"/>
  <c r="F3082" i="2" a="1"/>
  <c r="F3082" i="2" s="1"/>
  <c r="F3100" i="2" a="1"/>
  <c r="F3100" i="2" s="1"/>
  <c r="F3084" i="2" a="1"/>
  <c r="F3084" i="2" s="1"/>
  <c r="F3087" i="2" a="1"/>
  <c r="F3087" i="2" s="1"/>
  <c r="F3088" i="2" a="1"/>
  <c r="F3088" i="2" s="1"/>
  <c r="F3101" i="2" a="1"/>
  <c r="F3101" i="2" s="1"/>
  <c r="F3089" i="2" a="1"/>
  <c r="F3089" i="2" s="1"/>
  <c r="F3091" i="2" a="1"/>
  <c r="F3091" i="2" s="1"/>
  <c r="F3099" i="2" a="1"/>
  <c r="F3099" i="2" s="1"/>
  <c r="F3098" i="2" a="1"/>
  <c r="F3098" i="2" s="1"/>
  <c r="F3104" i="2" a="1"/>
  <c r="F3104" i="2" s="1"/>
  <c r="F3086" i="2" a="1"/>
  <c r="F3086" i="2" s="1"/>
  <c r="F3105" i="2" a="1"/>
  <c r="F3105" i="2" s="1"/>
  <c r="F3085" i="2" a="1"/>
  <c r="F3085" i="2" s="1"/>
  <c r="F3083" i="2" a="1"/>
  <c r="F3083" i="2" s="1"/>
  <c r="F3094" i="2" a="1"/>
  <c r="F3094" i="2" s="1"/>
  <c r="H2974" i="2" a="1"/>
  <c r="H2974" i="2" s="1"/>
  <c r="H2979" i="2" a="1"/>
  <c r="H2979" i="2" s="1"/>
  <c r="H2972" i="2" a="1"/>
  <c r="H2972" i="2" s="1"/>
  <c r="H2982" i="2" a="1"/>
  <c r="H2982" i="2" s="1"/>
  <c r="H2980" i="2" a="1"/>
  <c r="H2980" i="2" s="1"/>
  <c r="H2968" i="2" a="1"/>
  <c r="H2968" i="2" s="1"/>
  <c r="H2983" i="2" a="1"/>
  <c r="H2983" i="2" s="1"/>
  <c r="H2973" i="2" a="1"/>
  <c r="H2973" i="2" s="1"/>
  <c r="H2969" i="2" a="1"/>
  <c r="H2969" i="2" s="1"/>
  <c r="H2971" i="2" a="1"/>
  <c r="H2971" i="2" s="1"/>
  <c r="H2965" i="2" a="1"/>
  <c r="H2965" i="2" s="1"/>
  <c r="H2978" i="2" a="1"/>
  <c r="H2978" i="2" s="1"/>
  <c r="H2966" i="2" a="1"/>
  <c r="H2966" i="2" s="1"/>
  <c r="H2967" i="2" a="1"/>
  <c r="H2967" i="2" s="1"/>
  <c r="H2985" i="2" a="1"/>
  <c r="H2985" i="2" s="1"/>
  <c r="H2984" i="2" a="1"/>
  <c r="H2984" i="2" s="1"/>
  <c r="H2964" i="2" a="1"/>
  <c r="H2964" i="2" s="1"/>
  <c r="H2977" i="2" a="1"/>
  <c r="H2977" i="2" s="1"/>
  <c r="H2963" i="2" a="1"/>
  <c r="H2963" i="2" s="1"/>
  <c r="H2975" i="2" a="1"/>
  <c r="H2975" i="2" s="1"/>
  <c r="H2970" i="2" a="1"/>
  <c r="H2970" i="2" s="1"/>
  <c r="H2981" i="2" a="1"/>
  <c r="H2981" i="2" s="1"/>
  <c r="H2962" i="2" a="1"/>
  <c r="H2962" i="2" s="1"/>
  <c r="H2976" i="2" a="1"/>
  <c r="H2976" i="2" s="1"/>
  <c r="H4013" i="2" a="1"/>
  <c r="H4013" i="2" s="1"/>
  <c r="H3997" i="2" a="1"/>
  <c r="H3997" i="2" s="1"/>
  <c r="H3999" i="2" a="1"/>
  <c r="H3999" i="2" s="1"/>
  <c r="H4014" i="2" a="1"/>
  <c r="H4014" i="2" s="1"/>
  <c r="H4015" i="2" a="1"/>
  <c r="H4015" i="2" s="1"/>
  <c r="H4012" i="2" a="1"/>
  <c r="H4012" i="2" s="1"/>
  <c r="H4017" i="2" a="1"/>
  <c r="H4017" i="2" s="1"/>
  <c r="H3996" i="2" a="1"/>
  <c r="H3996" i="2" s="1"/>
  <c r="H4004" i="2" a="1"/>
  <c r="H4004" i="2" s="1"/>
  <c r="H3998" i="2" a="1"/>
  <c r="H3998" i="2" s="1"/>
  <c r="H4006" i="2" a="1"/>
  <c r="H4006" i="2" s="1"/>
  <c r="H3995" i="2" a="1"/>
  <c r="H3995" i="2" s="1"/>
  <c r="H4007" i="2" a="1"/>
  <c r="H4007" i="2" s="1"/>
  <c r="H4009" i="2" a="1"/>
  <c r="H4009" i="2" s="1"/>
  <c r="H3994" i="2" a="1"/>
  <c r="H3994" i="2" s="1"/>
  <c r="H4000" i="2" a="1"/>
  <c r="H4000" i="2" s="1"/>
  <c r="H4001" i="2" a="1"/>
  <c r="H4001" i="2" s="1"/>
  <c r="H4003" i="2" a="1"/>
  <c r="H4003" i="2" s="1"/>
  <c r="H4016" i="2" a="1"/>
  <c r="H4016" i="2" s="1"/>
  <c r="H4010" i="2" a="1"/>
  <c r="H4010" i="2" s="1"/>
  <c r="H4005" i="2" a="1"/>
  <c r="H4005" i="2" s="1"/>
  <c r="H4011" i="2" a="1"/>
  <c r="H4011" i="2" s="1"/>
  <c r="H4002" i="2" a="1"/>
  <c r="H4002" i="2" s="1"/>
  <c r="H4008" i="2" a="1"/>
  <c r="H4008" i="2" s="1"/>
  <c r="AP32" i="1"/>
  <c r="F38" i="5" s="1"/>
  <c r="AN32" i="1"/>
  <c r="D38" i="5" s="1"/>
  <c r="AQ32" i="1"/>
  <c r="G38" i="5" s="1"/>
  <c r="AO32" i="1"/>
  <c r="E38" i="5" s="1"/>
  <c r="AM32" i="1"/>
  <c r="D769" i="2" a="1"/>
  <c r="D769" i="2" s="1"/>
  <c r="D773" i="2" a="1"/>
  <c r="D773" i="2" s="1"/>
  <c r="D777" i="2" a="1"/>
  <c r="D777" i="2" s="1"/>
  <c r="D774" i="2" a="1"/>
  <c r="D774" i="2" s="1"/>
  <c r="D761" i="2" a="1"/>
  <c r="D761" i="2" s="1"/>
  <c r="D760" i="2" a="1"/>
  <c r="D760" i="2" s="1"/>
  <c r="D764" i="2" a="1"/>
  <c r="D764" i="2" s="1"/>
  <c r="D768" i="2" a="1"/>
  <c r="D768" i="2" s="1"/>
  <c r="D772" i="2" a="1"/>
  <c r="D772" i="2" s="1"/>
  <c r="D776" i="2" a="1"/>
  <c r="D776" i="2" s="1"/>
  <c r="D755" i="2" a="1"/>
  <c r="D755" i="2" s="1"/>
  <c r="D763" i="2" a="1"/>
  <c r="D763" i="2" s="1"/>
  <c r="D767" i="2" a="1"/>
  <c r="D767" i="2" s="1"/>
  <c r="D771" i="2" a="1"/>
  <c r="D771" i="2" s="1"/>
  <c r="D756" i="2" a="1"/>
  <c r="D756" i="2" s="1"/>
  <c r="D775" i="2" a="1"/>
  <c r="D775" i="2" s="1"/>
  <c r="D754" i="2" a="1"/>
  <c r="D754" i="2" s="1"/>
  <c r="D758" i="2" a="1"/>
  <c r="D758" i="2" s="1"/>
  <c r="D766" i="2" a="1"/>
  <c r="D766" i="2" s="1"/>
  <c r="D770" i="2" a="1"/>
  <c r="D770" i="2" s="1"/>
  <c r="D759" i="2" a="1"/>
  <c r="D759" i="2" s="1"/>
  <c r="D762" i="2" a="1"/>
  <c r="D762" i="2" s="1"/>
  <c r="D757" i="2" a="1"/>
  <c r="D757" i="2" s="1"/>
  <c r="D765" i="2" a="1"/>
  <c r="D765" i="2" s="1"/>
  <c r="E443" i="2" a="1"/>
  <c r="E443" i="2" s="1"/>
  <c r="E445" i="2" a="1"/>
  <c r="E445" i="2" s="1"/>
  <c r="E446" i="2" a="1"/>
  <c r="E446" i="2" s="1"/>
  <c r="E463" i="2" a="1"/>
  <c r="E463" i="2" s="1"/>
  <c r="E447" i="2" a="1"/>
  <c r="E447" i="2" s="1"/>
  <c r="E455" i="2" a="1"/>
  <c r="E455" i="2" s="1"/>
  <c r="E453" i="2" a="1"/>
  <c r="E453" i="2" s="1"/>
  <c r="E450" i="2" a="1"/>
  <c r="E450" i="2" s="1"/>
  <c r="E457" i="2" a="1"/>
  <c r="E457" i="2" s="1"/>
  <c r="E454" i="2" a="1"/>
  <c r="E454" i="2" s="1"/>
  <c r="E464" i="2" a="1"/>
  <c r="E464" i="2" s="1"/>
  <c r="E465" i="2" a="1"/>
  <c r="E465" i="2" s="1"/>
  <c r="E442" i="2" a="1"/>
  <c r="E442" i="2" s="1"/>
  <c r="E444" i="2" a="1"/>
  <c r="E444" i="2" s="1"/>
  <c r="E459" i="2" a="1"/>
  <c r="E459" i="2" s="1"/>
  <c r="E460" i="2" a="1"/>
  <c r="E460" i="2" s="1"/>
  <c r="E461" i="2" a="1"/>
  <c r="E461" i="2" s="1"/>
  <c r="E448" i="2" a="1"/>
  <c r="E448" i="2" s="1"/>
  <c r="E456" i="2" a="1"/>
  <c r="E456" i="2" s="1"/>
  <c r="E462" i="2" a="1"/>
  <c r="E462" i="2" s="1"/>
  <c r="E451" i="2" a="1"/>
  <c r="E451" i="2" s="1"/>
  <c r="E458" i="2" a="1"/>
  <c r="E458" i="2" s="1"/>
  <c r="E449" i="2" a="1"/>
  <c r="E449" i="2" s="1"/>
  <c r="E452" i="2" a="1"/>
  <c r="E452" i="2" s="1"/>
  <c r="G38" i="2" a="1"/>
  <c r="G38" i="2" s="1"/>
  <c r="G53" i="2" a="1"/>
  <c r="G53" i="2" s="1"/>
  <c r="G50" i="2" a="1"/>
  <c r="G50" i="2" s="1"/>
  <c r="G39" i="2" a="1"/>
  <c r="G39" i="2" s="1"/>
  <c r="G48" i="2" a="1"/>
  <c r="G48" i="2" s="1"/>
  <c r="G57" i="2" a="1"/>
  <c r="G57" i="2" s="1"/>
  <c r="G41" i="2" a="1"/>
  <c r="G41" i="2" s="1"/>
  <c r="G44" i="2" a="1"/>
  <c r="G44" i="2" s="1"/>
  <c r="G37" i="2" a="1"/>
  <c r="G37" i="2" s="1"/>
  <c r="G55" i="2" a="1"/>
  <c r="G55" i="2" s="1"/>
  <c r="G43" i="2" a="1"/>
  <c r="G43" i="2" s="1"/>
  <c r="G35" i="2" a="1"/>
  <c r="G35" i="2" s="1"/>
  <c r="G49" i="2" a="1"/>
  <c r="G49" i="2" s="1"/>
  <c r="G36" i="2" a="1"/>
  <c r="G36" i="2" s="1"/>
  <c r="G47" i="2" a="1"/>
  <c r="G47" i="2" s="1"/>
  <c r="G42" i="2" a="1"/>
  <c r="G42" i="2" s="1"/>
  <c r="G40" i="2" a="1"/>
  <c r="G40" i="2" s="1"/>
  <c r="G56" i="2" a="1"/>
  <c r="G56" i="2" s="1"/>
  <c r="G52" i="2" a="1"/>
  <c r="G52" i="2" s="1"/>
  <c r="G46" i="2" a="1"/>
  <c r="G46" i="2" s="1"/>
  <c r="G51" i="2" a="1"/>
  <c r="G51" i="2" s="1"/>
  <c r="G54" i="2" a="1"/>
  <c r="G54" i="2" s="1"/>
  <c r="G34" i="2" a="1"/>
  <c r="G34" i="2" s="1"/>
  <c r="G45" i="2" a="1"/>
  <c r="G45" i="2" s="1"/>
  <c r="AQ185" i="1"/>
  <c r="G191" i="5" s="1"/>
  <c r="AN185" i="1"/>
  <c r="D191" i="5" s="1"/>
  <c r="AP185" i="1"/>
  <c r="F191" i="5" s="1"/>
  <c r="AO185" i="1"/>
  <c r="E191" i="5" s="1"/>
  <c r="AM185" i="1"/>
  <c r="D4446" i="2" a="1"/>
  <c r="D4446" i="2" s="1"/>
  <c r="D4432" i="2" a="1"/>
  <c r="D4432" i="2" s="1"/>
  <c r="D4436" i="2" a="1"/>
  <c r="D4436" i="2" s="1"/>
  <c r="D4440" i="2" a="1"/>
  <c r="D4440" i="2" s="1"/>
  <c r="D4449" i="2" a="1"/>
  <c r="D4449" i="2" s="1"/>
  <c r="D4427" i="2" a="1"/>
  <c r="D4427" i="2" s="1"/>
  <c r="D4435" i="2" a="1"/>
  <c r="D4435" i="2" s="1"/>
  <c r="D4439" i="2" a="1"/>
  <c r="D4439" i="2" s="1"/>
  <c r="D4443" i="2" a="1"/>
  <c r="D4443" i="2" s="1"/>
  <c r="D4447" i="2" a="1"/>
  <c r="D4447" i="2" s="1"/>
  <c r="D4448" i="2" a="1"/>
  <c r="D4448" i="2" s="1"/>
  <c r="D4426" i="2" a="1"/>
  <c r="D4426" i="2" s="1"/>
  <c r="D4430" i="2" a="1"/>
  <c r="D4430" i="2" s="1"/>
  <c r="D4434" i="2" a="1"/>
  <c r="D4434" i="2" s="1"/>
  <c r="D4438" i="2" a="1"/>
  <c r="D4438" i="2" s="1"/>
  <c r="D4442" i="2" a="1"/>
  <c r="D4442" i="2" s="1"/>
  <c r="D4429" i="2" a="1"/>
  <c r="D4429" i="2" s="1"/>
  <c r="D4437" i="2" a="1"/>
  <c r="D4437" i="2" s="1"/>
  <c r="D4441" i="2" a="1"/>
  <c r="D4441" i="2" s="1"/>
  <c r="D4445" i="2" a="1"/>
  <c r="D4445" i="2" s="1"/>
  <c r="D4444" i="2" a="1"/>
  <c r="D4444" i="2" s="1"/>
  <c r="D4428" i="2" a="1"/>
  <c r="D4428" i="2" s="1"/>
  <c r="D4431" i="2" a="1"/>
  <c r="D4431" i="2" s="1"/>
  <c r="D4433" i="2" a="1"/>
  <c r="D4433" i="2" s="1"/>
  <c r="AQ298" i="1"/>
  <c r="G304" i="5" s="1"/>
  <c r="AO298" i="1"/>
  <c r="E304" i="5" s="1"/>
  <c r="AP298" i="1"/>
  <c r="F304" i="5" s="1"/>
  <c r="AN298" i="1"/>
  <c r="D304" i="5" s="1"/>
  <c r="AM298" i="1"/>
  <c r="D7139" i="2" a="1"/>
  <c r="D7139" i="2" s="1"/>
  <c r="D7147" i="2" a="1"/>
  <c r="D7147" i="2" s="1"/>
  <c r="D7151" i="2" a="1"/>
  <c r="D7151" i="2" s="1"/>
  <c r="D7150" i="2" a="1"/>
  <c r="D7150" i="2" s="1"/>
  <c r="D7154" i="2" a="1"/>
  <c r="D7154" i="2" s="1"/>
  <c r="D7143" i="2" a="1"/>
  <c r="D7143" i="2" s="1"/>
  <c r="D7145" i="2" a="1"/>
  <c r="D7145" i="2" s="1"/>
  <c r="D7156" i="2" a="1"/>
  <c r="D7156" i="2" s="1"/>
  <c r="D7142" i="2" a="1"/>
  <c r="D7142" i="2" s="1"/>
  <c r="D7153" i="2" a="1"/>
  <c r="D7153" i="2" s="1"/>
  <c r="D7159" i="2" a="1"/>
  <c r="D7159" i="2" s="1"/>
  <c r="D7148" i="2" a="1"/>
  <c r="D7148" i="2" s="1"/>
  <c r="D7158" i="2" a="1"/>
  <c r="D7158" i="2" s="1"/>
  <c r="D7144" i="2" a="1"/>
  <c r="D7144" i="2" s="1"/>
  <c r="D7161" i="2" a="1"/>
  <c r="D7161" i="2" s="1"/>
  <c r="D7141" i="2" a="1"/>
  <c r="D7141" i="2" s="1"/>
  <c r="D7152" i="2" a="1"/>
  <c r="D7152" i="2" s="1"/>
  <c r="D7155" i="2" a="1"/>
  <c r="D7155" i="2" s="1"/>
  <c r="D7146" i="2" a="1"/>
  <c r="D7146" i="2" s="1"/>
  <c r="D7157" i="2" a="1"/>
  <c r="D7157" i="2" s="1"/>
  <c r="D7138" i="2" a="1"/>
  <c r="D7138" i="2" s="1"/>
  <c r="D7149" i="2" a="1"/>
  <c r="D7149" i="2" s="1"/>
  <c r="D7140" i="2" a="1"/>
  <c r="D7140" i="2" s="1"/>
  <c r="D7160" i="2" a="1"/>
  <c r="D7160" i="2" s="1"/>
  <c r="E2778" i="2" a="1"/>
  <c r="E2778" i="2" s="1"/>
  <c r="E2777" i="2" a="1"/>
  <c r="E2777" i="2" s="1"/>
  <c r="E2775" i="2" a="1"/>
  <c r="E2775" i="2" s="1"/>
  <c r="E2773" i="2" a="1"/>
  <c r="E2773" i="2" s="1"/>
  <c r="E2783" i="2" a="1"/>
  <c r="E2783" i="2" s="1"/>
  <c r="E2776" i="2" a="1"/>
  <c r="E2776" i="2" s="1"/>
  <c r="E2779" i="2" a="1"/>
  <c r="E2779" i="2" s="1"/>
  <c r="E2788" i="2" a="1"/>
  <c r="E2788" i="2" s="1"/>
  <c r="E2791" i="2" a="1"/>
  <c r="E2791" i="2" s="1"/>
  <c r="E2774" i="2" a="1"/>
  <c r="E2774" i="2" s="1"/>
  <c r="E2790" i="2" a="1"/>
  <c r="E2790" i="2" s="1"/>
  <c r="E2785" i="2" a="1"/>
  <c r="E2785" i="2" s="1"/>
  <c r="E2793" i="2" a="1"/>
  <c r="E2793" i="2" s="1"/>
  <c r="E2792" i="2" a="1"/>
  <c r="E2792" i="2" s="1"/>
  <c r="E2786" i="2" a="1"/>
  <c r="E2786" i="2" s="1"/>
  <c r="E2784" i="2" a="1"/>
  <c r="E2784" i="2" s="1"/>
  <c r="E2787" i="2" a="1"/>
  <c r="E2787" i="2" s="1"/>
  <c r="E2780" i="2" a="1"/>
  <c r="E2780" i="2" s="1"/>
  <c r="E2789" i="2" a="1"/>
  <c r="E2789" i="2" s="1"/>
  <c r="E2770" i="2" a="1"/>
  <c r="E2770" i="2" s="1"/>
  <c r="E2772" i="2" a="1"/>
  <c r="E2772" i="2" s="1"/>
  <c r="E2781" i="2" a="1"/>
  <c r="E2781" i="2" s="1"/>
  <c r="E2771" i="2" a="1"/>
  <c r="E2771" i="2" s="1"/>
  <c r="E2782" i="2" a="1"/>
  <c r="E2782" i="2" s="1"/>
  <c r="H8770" i="2" a="1"/>
  <c r="H8770" i="2" s="1"/>
  <c r="H8792" i="2" a="1"/>
  <c r="H8792" i="2" s="1"/>
  <c r="H8786" i="2" a="1"/>
  <c r="H8786" i="2" s="1"/>
  <c r="H8789" i="2" a="1"/>
  <c r="H8789" i="2" s="1"/>
  <c r="H8793" i="2" a="1"/>
  <c r="H8793" i="2" s="1"/>
  <c r="H8772" i="2" a="1"/>
  <c r="H8772" i="2" s="1"/>
  <c r="H8790" i="2" a="1"/>
  <c r="H8790" i="2" s="1"/>
  <c r="H8774" i="2" a="1"/>
  <c r="H8774" i="2" s="1"/>
  <c r="H8782" i="2" a="1"/>
  <c r="H8782" i="2" s="1"/>
  <c r="H8779" i="2" a="1"/>
  <c r="H8779" i="2" s="1"/>
  <c r="H8784" i="2" a="1"/>
  <c r="H8784" i="2" s="1"/>
  <c r="H8785" i="2" a="1"/>
  <c r="H8785" i="2" s="1"/>
  <c r="H8791" i="2" a="1"/>
  <c r="H8791" i="2" s="1"/>
  <c r="H8780" i="2" a="1"/>
  <c r="H8780" i="2" s="1"/>
  <c r="H8787" i="2" a="1"/>
  <c r="H8787" i="2" s="1"/>
  <c r="H8781" i="2" a="1"/>
  <c r="H8781" i="2" s="1"/>
  <c r="H8775" i="2" a="1"/>
  <c r="H8775" i="2" s="1"/>
  <c r="H8783" i="2" a="1"/>
  <c r="H8783" i="2" s="1"/>
  <c r="H8778" i="2" a="1"/>
  <c r="H8778" i="2" s="1"/>
  <c r="H8773" i="2" a="1"/>
  <c r="H8773" i="2" s="1"/>
  <c r="H8777" i="2" a="1"/>
  <c r="H8777" i="2" s="1"/>
  <c r="H8776" i="2" a="1"/>
  <c r="H8776" i="2" s="1"/>
  <c r="H8771" i="2" a="1"/>
  <c r="H8771" i="2" s="1"/>
  <c r="H8788" i="2" a="1"/>
  <c r="H8788" i="2" s="1"/>
  <c r="H910" i="2" a="1"/>
  <c r="H910" i="2" s="1"/>
  <c r="H900" i="2" a="1"/>
  <c r="H900" i="2" s="1"/>
  <c r="H901" i="2" a="1"/>
  <c r="H901" i="2" s="1"/>
  <c r="H911" i="2" a="1"/>
  <c r="H911" i="2" s="1"/>
  <c r="H906" i="2" a="1"/>
  <c r="H906" i="2" s="1"/>
  <c r="H907" i="2" a="1"/>
  <c r="H907" i="2" s="1"/>
  <c r="H912" i="2" a="1"/>
  <c r="H912" i="2" s="1"/>
  <c r="H908" i="2" a="1"/>
  <c r="H908" i="2" s="1"/>
  <c r="H902" i="2" a="1"/>
  <c r="H902" i="2" s="1"/>
  <c r="H909" i="2" a="1"/>
  <c r="H909" i="2" s="1"/>
  <c r="H914" i="2" a="1"/>
  <c r="H914" i="2" s="1"/>
  <c r="H917" i="2" a="1"/>
  <c r="H917" i="2" s="1"/>
  <c r="H918" i="2" a="1"/>
  <c r="H918" i="2" s="1"/>
  <c r="H904" i="2" a="1"/>
  <c r="H904" i="2" s="1"/>
  <c r="H905" i="2" a="1"/>
  <c r="H905" i="2" s="1"/>
  <c r="H913" i="2" a="1"/>
  <c r="H913" i="2" s="1"/>
  <c r="H916" i="2" a="1"/>
  <c r="H916" i="2" s="1"/>
  <c r="H915" i="2" a="1"/>
  <c r="H915" i="2" s="1"/>
  <c r="H920" i="2" a="1"/>
  <c r="H920" i="2" s="1"/>
  <c r="H898" i="2" a="1"/>
  <c r="H898" i="2" s="1"/>
  <c r="H919" i="2" a="1"/>
  <c r="H919" i="2" s="1"/>
  <c r="H903" i="2" a="1"/>
  <c r="H903" i="2" s="1"/>
  <c r="H921" i="2" a="1"/>
  <c r="H921" i="2" s="1"/>
  <c r="H899" i="2" a="1"/>
  <c r="H899" i="2" s="1"/>
  <c r="F265" i="2" a="1"/>
  <c r="F265" i="2" s="1"/>
  <c r="F250" i="2" a="1"/>
  <c r="F250" i="2" s="1"/>
  <c r="F254" i="2" a="1"/>
  <c r="F254" i="2" s="1"/>
  <c r="F270" i="2" a="1"/>
  <c r="F270" i="2" s="1"/>
  <c r="F263" i="2" a="1"/>
  <c r="F263" i="2" s="1"/>
  <c r="F255" i="2" a="1"/>
  <c r="F255" i="2" s="1"/>
  <c r="F260" i="2" a="1"/>
  <c r="F260" i="2" s="1"/>
  <c r="F253" i="2" a="1"/>
  <c r="F253" i="2" s="1"/>
  <c r="F256" i="2" a="1"/>
  <c r="F256" i="2" s="1"/>
  <c r="F269" i="2" a="1"/>
  <c r="F269" i="2" s="1"/>
  <c r="F268" i="2" a="1"/>
  <c r="F268" i="2" s="1"/>
  <c r="F257" i="2" a="1"/>
  <c r="F257" i="2" s="1"/>
  <c r="F273" i="2" a="1"/>
  <c r="F273" i="2" s="1"/>
  <c r="F272" i="2" a="1"/>
  <c r="F272" i="2" s="1"/>
  <c r="F266" i="2" a="1"/>
  <c r="F266" i="2" s="1"/>
  <c r="F267" i="2" a="1"/>
  <c r="F267" i="2" s="1"/>
  <c r="F252" i="2" a="1"/>
  <c r="F252" i="2" s="1"/>
  <c r="F261" i="2" a="1"/>
  <c r="F261" i="2" s="1"/>
  <c r="F258" i="2" a="1"/>
  <c r="F258" i="2" s="1"/>
  <c r="F251" i="2" a="1"/>
  <c r="F251" i="2" s="1"/>
  <c r="F259" i="2" a="1"/>
  <c r="F259" i="2" s="1"/>
  <c r="F262" i="2" a="1"/>
  <c r="F262" i="2" s="1"/>
  <c r="F264" i="2" a="1"/>
  <c r="F264" i="2" s="1"/>
  <c r="F271" i="2" a="1"/>
  <c r="F271" i="2" s="1"/>
  <c r="G2734" i="2" a="1"/>
  <c r="G2734" i="2" s="1"/>
  <c r="G2727" i="2" a="1"/>
  <c r="G2727" i="2" s="1"/>
  <c r="G2739" i="2" a="1"/>
  <c r="G2739" i="2" s="1"/>
  <c r="G2744" i="2" a="1"/>
  <c r="G2744" i="2" s="1"/>
  <c r="G2722" i="2" a="1"/>
  <c r="G2722" i="2" s="1"/>
  <c r="G2738" i="2" a="1"/>
  <c r="G2738" i="2" s="1"/>
  <c r="G2745" i="2" a="1"/>
  <c r="G2745" i="2" s="1"/>
  <c r="G2741" i="2" a="1"/>
  <c r="G2741" i="2" s="1"/>
  <c r="G2740" i="2" a="1"/>
  <c r="G2740" i="2" s="1"/>
  <c r="G2725" i="2" a="1"/>
  <c r="G2725" i="2" s="1"/>
  <c r="G2737" i="2" a="1"/>
  <c r="G2737" i="2" s="1"/>
  <c r="G2731" i="2" a="1"/>
  <c r="G2731" i="2" s="1"/>
  <c r="G2729" i="2" a="1"/>
  <c r="G2729" i="2" s="1"/>
  <c r="G2743" i="2" a="1"/>
  <c r="G2743" i="2" s="1"/>
  <c r="G2735" i="2" a="1"/>
  <c r="G2735" i="2" s="1"/>
  <c r="G2724" i="2" a="1"/>
  <c r="G2724" i="2" s="1"/>
  <c r="G2728" i="2" a="1"/>
  <c r="G2728" i="2" s="1"/>
  <c r="G2742" i="2" a="1"/>
  <c r="G2742" i="2" s="1"/>
  <c r="G2736" i="2" a="1"/>
  <c r="G2736" i="2" s="1"/>
  <c r="G2733" i="2" a="1"/>
  <c r="G2733" i="2" s="1"/>
  <c r="G2732" i="2" a="1"/>
  <c r="G2732" i="2" s="1"/>
  <c r="G2723" i="2" a="1"/>
  <c r="G2723" i="2" s="1"/>
  <c r="G2730" i="2" a="1"/>
  <c r="G2730" i="2" s="1"/>
  <c r="G2726" i="2" a="1"/>
  <c r="G2726" i="2" s="1"/>
  <c r="H3667" i="2" a="1"/>
  <c r="H3667" i="2" s="1"/>
  <c r="H3670" i="2" a="1"/>
  <c r="H3670" i="2" s="1"/>
  <c r="H3662" i="2" a="1"/>
  <c r="H3662" i="2" s="1"/>
  <c r="H3668" i="2" a="1"/>
  <c r="H3668" i="2" s="1"/>
  <c r="H3664" i="2" a="1"/>
  <c r="H3664" i="2" s="1"/>
  <c r="H3675" i="2" a="1"/>
  <c r="H3675" i="2" s="1"/>
  <c r="H3669" i="2" a="1"/>
  <c r="H3669" i="2" s="1"/>
  <c r="H3671" i="2" a="1"/>
  <c r="H3671" i="2" s="1"/>
  <c r="H3660" i="2" a="1"/>
  <c r="H3660" i="2" s="1"/>
  <c r="H3676" i="2" a="1"/>
  <c r="H3676" i="2" s="1"/>
  <c r="H3674" i="2" a="1"/>
  <c r="H3674" i="2" s="1"/>
  <c r="H3658" i="2" a="1"/>
  <c r="H3658" i="2" s="1"/>
  <c r="H3677" i="2" a="1"/>
  <c r="H3677" i="2" s="1"/>
  <c r="H3672" i="2" a="1"/>
  <c r="H3672" i="2" s="1"/>
  <c r="H3661" i="2" a="1"/>
  <c r="H3661" i="2" s="1"/>
  <c r="H3665" i="2" a="1"/>
  <c r="H3665" i="2" s="1"/>
  <c r="H3663" i="2" a="1"/>
  <c r="H3663" i="2" s="1"/>
  <c r="H3679" i="2" a="1"/>
  <c r="H3679" i="2" s="1"/>
  <c r="H3666" i="2" a="1"/>
  <c r="H3666" i="2" s="1"/>
  <c r="H3659" i="2" a="1"/>
  <c r="H3659" i="2" s="1"/>
  <c r="H3680" i="2" a="1"/>
  <c r="H3680" i="2" s="1"/>
  <c r="H3681" i="2" a="1"/>
  <c r="H3681" i="2" s="1"/>
  <c r="H3673" i="2" a="1"/>
  <c r="H3673" i="2" s="1"/>
  <c r="H3678" i="2" a="1"/>
  <c r="H3678" i="2" s="1"/>
  <c r="E2916" i="2" a="1"/>
  <c r="E2916" i="2" s="1"/>
  <c r="E2935" i="2" a="1"/>
  <c r="E2935" i="2" s="1"/>
  <c r="E2928" i="2" a="1"/>
  <c r="E2928" i="2" s="1"/>
  <c r="E2932" i="2" a="1"/>
  <c r="E2932" i="2" s="1"/>
  <c r="E2920" i="2" a="1"/>
  <c r="E2920" i="2" s="1"/>
  <c r="E2917" i="2" a="1"/>
  <c r="E2917" i="2" s="1"/>
  <c r="E2924" i="2" a="1"/>
  <c r="E2924" i="2" s="1"/>
  <c r="E2918" i="2" a="1"/>
  <c r="E2918" i="2" s="1"/>
  <c r="E2929" i="2" a="1"/>
  <c r="E2929" i="2" s="1"/>
  <c r="E2925" i="2" a="1"/>
  <c r="E2925" i="2" s="1"/>
  <c r="E2936" i="2" a="1"/>
  <c r="E2936" i="2" s="1"/>
  <c r="E2937" i="2" a="1"/>
  <c r="E2937" i="2" s="1"/>
  <c r="E2922" i="2" a="1"/>
  <c r="E2922" i="2" s="1"/>
  <c r="E2914" i="2" a="1"/>
  <c r="E2914" i="2" s="1"/>
  <c r="E2934" i="2" a="1"/>
  <c r="E2934" i="2" s="1"/>
  <c r="E2930" i="2" a="1"/>
  <c r="E2930" i="2" s="1"/>
  <c r="E2931" i="2" a="1"/>
  <c r="E2931" i="2" s="1"/>
  <c r="E2921" i="2" a="1"/>
  <c r="E2921" i="2" s="1"/>
  <c r="E2923" i="2" a="1"/>
  <c r="E2923" i="2" s="1"/>
  <c r="E2919" i="2" a="1"/>
  <c r="E2919" i="2" s="1"/>
  <c r="E2926" i="2" a="1"/>
  <c r="E2926" i="2" s="1"/>
  <c r="E2933" i="2" a="1"/>
  <c r="E2933" i="2" s="1"/>
  <c r="E2927" i="2" a="1"/>
  <c r="E2927" i="2" s="1"/>
  <c r="E2915" i="2" a="1"/>
  <c r="E2915" i="2" s="1"/>
  <c r="AP165" i="1"/>
  <c r="F171" i="5" s="1"/>
  <c r="AO165" i="1"/>
  <c r="E171" i="5" s="1"/>
  <c r="AN165" i="1"/>
  <c r="D171" i="5" s="1"/>
  <c r="AQ165" i="1"/>
  <c r="G171" i="5" s="1"/>
  <c r="AM165" i="1"/>
  <c r="D3949" i="2" a="1"/>
  <c r="D3949" i="2" s="1"/>
  <c r="D3953" i="2" a="1"/>
  <c r="D3953" i="2" s="1"/>
  <c r="D3961" i="2" a="1"/>
  <c r="D3961" i="2" s="1"/>
  <c r="D3965" i="2" a="1"/>
  <c r="D3965" i="2" s="1"/>
  <c r="D3946" i="2" a="1"/>
  <c r="D3946" i="2" s="1"/>
  <c r="D3957" i="2" a="1"/>
  <c r="D3957" i="2" s="1"/>
  <c r="D3948" i="2" a="1"/>
  <c r="D3948" i="2" s="1"/>
  <c r="D3960" i="2" a="1"/>
  <c r="D3960" i="2" s="1"/>
  <c r="D3968" i="2" a="1"/>
  <c r="D3968" i="2" s="1"/>
  <c r="D3969" i="2" a="1"/>
  <c r="D3969" i="2" s="1"/>
  <c r="D3952" i="2" a="1"/>
  <c r="D3952" i="2" s="1"/>
  <c r="D3964" i="2" a="1"/>
  <c r="D3964" i="2" s="1"/>
  <c r="D3951" i="2" a="1"/>
  <c r="D3951" i="2" s="1"/>
  <c r="D3955" i="2" a="1"/>
  <c r="D3955" i="2" s="1"/>
  <c r="D3959" i="2" a="1"/>
  <c r="D3959" i="2" s="1"/>
  <c r="D3967" i="2" a="1"/>
  <c r="D3967" i="2" s="1"/>
  <c r="D3956" i="2" a="1"/>
  <c r="D3956" i="2" s="1"/>
  <c r="D3950" i="2" a="1"/>
  <c r="D3950" i="2" s="1"/>
  <c r="D3954" i="2" a="1"/>
  <c r="D3954" i="2" s="1"/>
  <c r="D3958" i="2" a="1"/>
  <c r="D3958" i="2" s="1"/>
  <c r="D3962" i="2" a="1"/>
  <c r="D3962" i="2" s="1"/>
  <c r="D3966" i="2" a="1"/>
  <c r="D3966" i="2" s="1"/>
  <c r="D3947" i="2" a="1"/>
  <c r="D3947" i="2" s="1"/>
  <c r="D3963" i="2" a="1"/>
  <c r="D3963" i="2" s="1"/>
  <c r="E7652" i="2" a="1"/>
  <c r="E7652" i="2" s="1"/>
  <c r="E7642" i="2" a="1"/>
  <c r="E7642" i="2" s="1"/>
  <c r="E7653" i="2" a="1"/>
  <c r="E7653" i="2" s="1"/>
  <c r="E7662" i="2" a="1"/>
  <c r="E7662" i="2" s="1"/>
  <c r="E7660" i="2" a="1"/>
  <c r="E7660" i="2" s="1"/>
  <c r="E7655" i="2" a="1"/>
  <c r="E7655" i="2" s="1"/>
  <c r="E7658" i="2" a="1"/>
  <c r="E7658" i="2" s="1"/>
  <c r="E7647" i="2" a="1"/>
  <c r="E7647" i="2" s="1"/>
  <c r="E7663" i="2" a="1"/>
  <c r="E7663" i="2" s="1"/>
  <c r="E7659" i="2" a="1"/>
  <c r="E7659" i="2" s="1"/>
  <c r="E7650" i="2" a="1"/>
  <c r="E7650" i="2" s="1"/>
  <c r="E7656" i="2" a="1"/>
  <c r="E7656" i="2" s="1"/>
  <c r="E7651" i="2" a="1"/>
  <c r="E7651" i="2" s="1"/>
  <c r="E7657" i="2" a="1"/>
  <c r="E7657" i="2" s="1"/>
  <c r="E7646" i="2" a="1"/>
  <c r="E7646" i="2" s="1"/>
  <c r="E7644" i="2" a="1"/>
  <c r="E7644" i="2" s="1"/>
  <c r="E7664" i="2" a="1"/>
  <c r="E7664" i="2" s="1"/>
  <c r="E7649" i="2" a="1"/>
  <c r="E7649" i="2" s="1"/>
  <c r="E7661" i="2" a="1"/>
  <c r="E7661" i="2" s="1"/>
  <c r="E7648" i="2" a="1"/>
  <c r="E7648" i="2" s="1"/>
  <c r="E7645" i="2" a="1"/>
  <c r="E7645" i="2" s="1"/>
  <c r="E7665" i="2" a="1"/>
  <c r="E7665" i="2" s="1"/>
  <c r="E7643" i="2" a="1"/>
  <c r="E7643" i="2" s="1"/>
  <c r="E7654" i="2" a="1"/>
  <c r="E7654" i="2" s="1"/>
  <c r="AN173" i="1"/>
  <c r="D179" i="5" s="1"/>
  <c r="AP173" i="1"/>
  <c r="F179" i="5" s="1"/>
  <c r="AQ173" i="1"/>
  <c r="G179" i="5" s="1"/>
  <c r="AO173" i="1"/>
  <c r="E179" i="5" s="1"/>
  <c r="AM173" i="1"/>
  <c r="D4153" i="2" a="1"/>
  <c r="D4153" i="2" s="1"/>
  <c r="D4140" i="2" a="1"/>
  <c r="D4140" i="2" s="1"/>
  <c r="D4148" i="2" a="1"/>
  <c r="D4148" i="2" s="1"/>
  <c r="D4139" i="2" a="1"/>
  <c r="D4139" i="2" s="1"/>
  <c r="D4147" i="2" a="1"/>
  <c r="D4147" i="2" s="1"/>
  <c r="D4155" i="2" a="1"/>
  <c r="D4155" i="2" s="1"/>
  <c r="D4159" i="2" a="1"/>
  <c r="D4159" i="2" s="1"/>
  <c r="D4142" i="2" a="1"/>
  <c r="D4142" i="2" s="1"/>
  <c r="D4146" i="2" a="1"/>
  <c r="D4146" i="2" s="1"/>
  <c r="D4150" i="2" a="1"/>
  <c r="D4150" i="2" s="1"/>
  <c r="D4158" i="2" a="1"/>
  <c r="D4158" i="2" s="1"/>
  <c r="D4143" i="2" a="1"/>
  <c r="D4143" i="2" s="1"/>
  <c r="D4151" i="2" a="1"/>
  <c r="D4151" i="2" s="1"/>
  <c r="D4138" i="2" a="1"/>
  <c r="D4138" i="2" s="1"/>
  <c r="D4141" i="2" a="1"/>
  <c r="D4141" i="2" s="1"/>
  <c r="D4145" i="2" a="1"/>
  <c r="D4145" i="2" s="1"/>
  <c r="D4149" i="2" a="1"/>
  <c r="D4149" i="2" s="1"/>
  <c r="D4157" i="2" a="1"/>
  <c r="D4157" i="2" s="1"/>
  <c r="D4161" i="2" a="1"/>
  <c r="D4161" i="2" s="1"/>
  <c r="D4154" i="2" a="1"/>
  <c r="D4154" i="2" s="1"/>
  <c r="D4144" i="2" a="1"/>
  <c r="D4144" i="2" s="1"/>
  <c r="D4152" i="2" a="1"/>
  <c r="D4152" i="2" s="1"/>
  <c r="D4156" i="2" a="1"/>
  <c r="D4156" i="2" s="1"/>
  <c r="D4160" i="2" a="1"/>
  <c r="D4160" i="2" s="1"/>
  <c r="G7038" i="2" a="1"/>
  <c r="G7038" i="2" s="1"/>
  <c r="G7028" i="2" a="1"/>
  <c r="G7028" i="2" s="1"/>
  <c r="G7024" i="2" a="1"/>
  <c r="G7024" i="2" s="1"/>
  <c r="G7029" i="2" a="1"/>
  <c r="G7029" i="2" s="1"/>
  <c r="G7018" i="2" a="1"/>
  <c r="G7018" i="2" s="1"/>
  <c r="G7036" i="2" a="1"/>
  <c r="G7036" i="2" s="1"/>
  <c r="G7040" i="2" a="1"/>
  <c r="G7040" i="2" s="1"/>
  <c r="G7021" i="2" a="1"/>
  <c r="G7021" i="2" s="1"/>
  <c r="G7039" i="2" a="1"/>
  <c r="G7039" i="2" s="1"/>
  <c r="G7041" i="2" a="1"/>
  <c r="G7041" i="2" s="1"/>
  <c r="G7032" i="2" a="1"/>
  <c r="G7032" i="2" s="1"/>
  <c r="G7037" i="2" a="1"/>
  <c r="G7037" i="2" s="1"/>
  <c r="G7023" i="2" a="1"/>
  <c r="G7023" i="2" s="1"/>
  <c r="G7022" i="2" a="1"/>
  <c r="G7022" i="2" s="1"/>
  <c r="G7025" i="2" a="1"/>
  <c r="G7025" i="2" s="1"/>
  <c r="G7019" i="2" a="1"/>
  <c r="G7019" i="2" s="1"/>
  <c r="G7026" i="2" a="1"/>
  <c r="G7026" i="2" s="1"/>
  <c r="G7033" i="2" a="1"/>
  <c r="G7033" i="2" s="1"/>
  <c r="G7030" i="2" a="1"/>
  <c r="G7030" i="2" s="1"/>
  <c r="G7034" i="2" a="1"/>
  <c r="G7034" i="2" s="1"/>
  <c r="G7027" i="2" a="1"/>
  <c r="G7027" i="2" s="1"/>
  <c r="G7020" i="2" a="1"/>
  <c r="G7020" i="2" s="1"/>
  <c r="G7031" i="2" a="1"/>
  <c r="G7031" i="2" s="1"/>
  <c r="G7035" i="2" a="1"/>
  <c r="G7035" i="2" s="1"/>
  <c r="G6274" i="2" a="1"/>
  <c r="G6274" i="2" s="1"/>
  <c r="G6276" i="2" a="1"/>
  <c r="G6276" i="2" s="1"/>
  <c r="G6281" i="2" a="1"/>
  <c r="G6281" i="2" s="1"/>
  <c r="G6292" i="2" a="1"/>
  <c r="G6292" i="2" s="1"/>
  <c r="G6293" i="2" a="1"/>
  <c r="G6293" i="2" s="1"/>
  <c r="G6294" i="2" a="1"/>
  <c r="G6294" i="2" s="1"/>
  <c r="G6297" i="2" a="1"/>
  <c r="G6297" i="2" s="1"/>
  <c r="G6285" i="2" a="1"/>
  <c r="G6285" i="2" s="1"/>
  <c r="G6277" i="2" a="1"/>
  <c r="G6277" i="2" s="1"/>
  <c r="G6286" i="2" a="1"/>
  <c r="G6286" i="2" s="1"/>
  <c r="G6279" i="2" a="1"/>
  <c r="G6279" i="2" s="1"/>
  <c r="G6278" i="2" a="1"/>
  <c r="G6278" i="2" s="1"/>
  <c r="G6288" i="2" a="1"/>
  <c r="G6288" i="2" s="1"/>
  <c r="G6290" i="2" a="1"/>
  <c r="G6290" i="2" s="1"/>
  <c r="G6289" i="2" a="1"/>
  <c r="G6289" i="2" s="1"/>
  <c r="G6282" i="2" a="1"/>
  <c r="G6282" i="2" s="1"/>
  <c r="G6280" i="2" a="1"/>
  <c r="G6280" i="2" s="1"/>
  <c r="G6283" i="2" a="1"/>
  <c r="G6283" i="2" s="1"/>
  <c r="G6296" i="2" a="1"/>
  <c r="G6296" i="2" s="1"/>
  <c r="G6275" i="2" a="1"/>
  <c r="G6275" i="2" s="1"/>
  <c r="G6284" i="2" a="1"/>
  <c r="G6284" i="2" s="1"/>
  <c r="G6291" i="2" a="1"/>
  <c r="G6291" i="2" s="1"/>
  <c r="G6287" i="2" a="1"/>
  <c r="G6287" i="2" s="1"/>
  <c r="G6295" i="2" a="1"/>
  <c r="G6295" i="2" s="1"/>
  <c r="AQ362" i="1"/>
  <c r="G368" i="5" s="1"/>
  <c r="AO362" i="1"/>
  <c r="E368" i="5" s="1"/>
  <c r="AP362" i="1"/>
  <c r="F368" i="5" s="1"/>
  <c r="AN362" i="1"/>
  <c r="D368" i="5" s="1"/>
  <c r="AM362" i="1"/>
  <c r="D8677" i="2" a="1"/>
  <c r="D8677" i="2" s="1"/>
  <c r="D8681" i="2" a="1"/>
  <c r="D8681" i="2" s="1"/>
  <c r="D8685" i="2" a="1"/>
  <c r="D8685" i="2" s="1"/>
  <c r="D8694" i="2" a="1"/>
  <c r="D8694" i="2" s="1"/>
  <c r="D8697" i="2" a="1"/>
  <c r="D8697" i="2" s="1"/>
  <c r="D8679" i="2" a="1"/>
  <c r="D8679" i="2" s="1"/>
  <c r="D8683" i="2" a="1"/>
  <c r="D8683" i="2" s="1"/>
  <c r="D8695" i="2" a="1"/>
  <c r="D8695" i="2" s="1"/>
  <c r="D8688" i="2" a="1"/>
  <c r="D8688" i="2" s="1"/>
  <c r="D8692" i="2" a="1"/>
  <c r="D8692" i="2" s="1"/>
  <c r="D8689" i="2" a="1"/>
  <c r="D8689" i="2" s="1"/>
  <c r="D8682" i="2" a="1"/>
  <c r="D8682" i="2" s="1"/>
  <c r="D8687" i="2" a="1"/>
  <c r="D8687" i="2" s="1"/>
  <c r="D8690" i="2" a="1"/>
  <c r="D8690" i="2" s="1"/>
  <c r="D8678" i="2" a="1"/>
  <c r="D8678" i="2" s="1"/>
  <c r="D8676" i="2" a="1"/>
  <c r="D8676" i="2" s="1"/>
  <c r="D8680" i="2" a="1"/>
  <c r="D8680" i="2" s="1"/>
  <c r="D8686" i="2" a="1"/>
  <c r="D8686" i="2" s="1"/>
  <c r="D8674" i="2" a="1"/>
  <c r="D8674" i="2" s="1"/>
  <c r="D8693" i="2" a="1"/>
  <c r="D8693" i="2" s="1"/>
  <c r="D8675" i="2" a="1"/>
  <c r="D8675" i="2" s="1"/>
  <c r="D8696" i="2" a="1"/>
  <c r="D8696" i="2" s="1"/>
  <c r="D8684" i="2" a="1"/>
  <c r="D8684" i="2" s="1"/>
  <c r="D8691" i="2" a="1"/>
  <c r="D8691" i="2" s="1"/>
  <c r="G336" i="2" a="1"/>
  <c r="G336" i="2" s="1"/>
  <c r="G345" i="2" a="1"/>
  <c r="G345" i="2" s="1"/>
  <c r="G338" i="2" a="1"/>
  <c r="G338" i="2" s="1"/>
  <c r="G329" i="2" a="1"/>
  <c r="G329" i="2" s="1"/>
  <c r="G337" i="2" a="1"/>
  <c r="G337" i="2" s="1"/>
  <c r="G330" i="2" a="1"/>
  <c r="G330" i="2" s="1"/>
  <c r="G343" i="2" a="1"/>
  <c r="G343" i="2" s="1"/>
  <c r="G323" i="2" a="1"/>
  <c r="G323" i="2" s="1"/>
  <c r="G327" i="2" a="1"/>
  <c r="G327" i="2" s="1"/>
  <c r="G333" i="2" a="1"/>
  <c r="G333" i="2" s="1"/>
  <c r="G339" i="2" a="1"/>
  <c r="G339" i="2" s="1"/>
  <c r="G334" i="2" a="1"/>
  <c r="G334" i="2" s="1"/>
  <c r="G335" i="2" a="1"/>
  <c r="G335" i="2" s="1"/>
  <c r="G325" i="2" a="1"/>
  <c r="G325" i="2" s="1"/>
  <c r="G340" i="2" a="1"/>
  <c r="G340" i="2" s="1"/>
  <c r="G342" i="2" a="1"/>
  <c r="G342" i="2" s="1"/>
  <c r="G328" i="2" a="1"/>
  <c r="G328" i="2" s="1"/>
  <c r="G332" i="2" a="1"/>
  <c r="G332" i="2" s="1"/>
  <c r="G341" i="2" a="1"/>
  <c r="G341" i="2" s="1"/>
  <c r="G322" i="2" a="1"/>
  <c r="G322" i="2" s="1"/>
  <c r="G344" i="2" a="1"/>
  <c r="G344" i="2" s="1"/>
  <c r="G324" i="2" a="1"/>
  <c r="G324" i="2" s="1"/>
  <c r="G331" i="2" a="1"/>
  <c r="G331" i="2" s="1"/>
  <c r="G326" i="2" a="1"/>
  <c r="G326" i="2" s="1"/>
  <c r="G526" i="2" a="1"/>
  <c r="G526" i="2" s="1"/>
  <c r="G535" i="2" a="1"/>
  <c r="G535" i="2" s="1"/>
  <c r="G528" i="2" a="1"/>
  <c r="G528" i="2" s="1"/>
  <c r="G531" i="2" a="1"/>
  <c r="G531" i="2" s="1"/>
  <c r="G516" i="2" a="1"/>
  <c r="G516" i="2" s="1"/>
  <c r="G536" i="2" a="1"/>
  <c r="G536" i="2" s="1"/>
  <c r="G520" i="2" a="1"/>
  <c r="G520" i="2" s="1"/>
  <c r="G523" i="2" a="1"/>
  <c r="G523" i="2" s="1"/>
  <c r="G515" i="2" a="1"/>
  <c r="G515" i="2" s="1"/>
  <c r="G537" i="2" a="1"/>
  <c r="G537" i="2" s="1"/>
  <c r="G532" i="2" a="1"/>
  <c r="G532" i="2" s="1"/>
  <c r="G524" i="2" a="1"/>
  <c r="G524" i="2" s="1"/>
  <c r="G514" i="2" a="1"/>
  <c r="G514" i="2" s="1"/>
  <c r="G527" i="2" a="1"/>
  <c r="G527" i="2" s="1"/>
  <c r="G522" i="2" a="1"/>
  <c r="G522" i="2" s="1"/>
  <c r="G525" i="2" a="1"/>
  <c r="G525" i="2" s="1"/>
  <c r="G530" i="2" a="1"/>
  <c r="G530" i="2" s="1"/>
  <c r="G521" i="2" a="1"/>
  <c r="G521" i="2" s="1"/>
  <c r="G533" i="2" a="1"/>
  <c r="G533" i="2" s="1"/>
  <c r="G534" i="2" a="1"/>
  <c r="G534" i="2" s="1"/>
  <c r="G519" i="2" a="1"/>
  <c r="G519" i="2" s="1"/>
  <c r="G517" i="2" a="1"/>
  <c r="G517" i="2" s="1"/>
  <c r="G518" i="2" a="1"/>
  <c r="G518" i="2" s="1"/>
  <c r="G529" i="2" a="1"/>
  <c r="G529" i="2" s="1"/>
  <c r="G6707" i="2" a="1"/>
  <c r="G6707" i="2" s="1"/>
  <c r="G6711" i="2" a="1"/>
  <c r="G6711" i="2" s="1"/>
  <c r="G6727" i="2" a="1"/>
  <c r="G6727" i="2" s="1"/>
  <c r="G6710" i="2" a="1"/>
  <c r="G6710" i="2" s="1"/>
  <c r="G6716" i="2" a="1"/>
  <c r="G6716" i="2" s="1"/>
  <c r="G6715" i="2" a="1"/>
  <c r="G6715" i="2" s="1"/>
  <c r="G6718" i="2" a="1"/>
  <c r="G6718" i="2" s="1"/>
  <c r="G6725" i="2" a="1"/>
  <c r="G6725" i="2" s="1"/>
  <c r="G6719" i="2" a="1"/>
  <c r="G6719" i="2" s="1"/>
  <c r="G6708" i="2" a="1"/>
  <c r="G6708" i="2" s="1"/>
  <c r="G6706" i="2" a="1"/>
  <c r="G6706" i="2" s="1"/>
  <c r="G6726" i="2" a="1"/>
  <c r="G6726" i="2" s="1"/>
  <c r="G6728" i="2" a="1"/>
  <c r="G6728" i="2" s="1"/>
  <c r="G6729" i="2" a="1"/>
  <c r="G6729" i="2" s="1"/>
  <c r="G6723" i="2" a="1"/>
  <c r="G6723" i="2" s="1"/>
  <c r="G6724" i="2" a="1"/>
  <c r="G6724" i="2" s="1"/>
  <c r="G6720" i="2" a="1"/>
  <c r="G6720" i="2" s="1"/>
  <c r="G6721" i="2" a="1"/>
  <c r="G6721" i="2" s="1"/>
  <c r="G6712" i="2" a="1"/>
  <c r="G6712" i="2" s="1"/>
  <c r="G6713" i="2" a="1"/>
  <c r="G6713" i="2" s="1"/>
  <c r="G6722" i="2" a="1"/>
  <c r="G6722" i="2" s="1"/>
  <c r="G6714" i="2" a="1"/>
  <c r="G6714" i="2" s="1"/>
  <c r="G6717" i="2" a="1"/>
  <c r="G6717" i="2" s="1"/>
  <c r="G6709" i="2" a="1"/>
  <c r="G6709" i="2" s="1"/>
  <c r="E5547" i="2" a="1"/>
  <c r="E5547" i="2" s="1"/>
  <c r="E5535" i="2" a="1"/>
  <c r="E5535" i="2" s="1"/>
  <c r="E5550" i="2" a="1"/>
  <c r="E5550" i="2" s="1"/>
  <c r="E5542" i="2" a="1"/>
  <c r="E5542" i="2" s="1"/>
  <c r="E5548" i="2" a="1"/>
  <c r="E5548" i="2" s="1"/>
  <c r="E5540" i="2" a="1"/>
  <c r="E5540" i="2" s="1"/>
  <c r="E5534" i="2" a="1"/>
  <c r="E5534" i="2" s="1"/>
  <c r="E5551" i="2" a="1"/>
  <c r="E5551" i="2" s="1"/>
  <c r="E5536" i="2" a="1"/>
  <c r="E5536" i="2" s="1"/>
  <c r="E5552" i="2" a="1"/>
  <c r="E5552" i="2" s="1"/>
  <c r="E5532" i="2" a="1"/>
  <c r="E5532" i="2" s="1"/>
  <c r="E5533" i="2" a="1"/>
  <c r="E5533" i="2" s="1"/>
  <c r="E5530" i="2" a="1"/>
  <c r="E5530" i="2" s="1"/>
  <c r="E5549" i="2" a="1"/>
  <c r="E5549" i="2" s="1"/>
  <c r="E5541" i="2" a="1"/>
  <c r="E5541" i="2" s="1"/>
  <c r="E5546" i="2" a="1"/>
  <c r="E5546" i="2" s="1"/>
  <c r="E5543" i="2" a="1"/>
  <c r="E5543" i="2" s="1"/>
  <c r="E5545" i="2" a="1"/>
  <c r="E5545" i="2" s="1"/>
  <c r="E5553" i="2" a="1"/>
  <c r="E5553" i="2" s="1"/>
  <c r="E5544" i="2" a="1"/>
  <c r="E5544" i="2" s="1"/>
  <c r="E5537" i="2" a="1"/>
  <c r="E5537" i="2" s="1"/>
  <c r="E5538" i="2" a="1"/>
  <c r="E5538" i="2" s="1"/>
  <c r="E5539" i="2" a="1"/>
  <c r="E5539" i="2" s="1"/>
  <c r="E5531" i="2" a="1"/>
  <c r="E5531" i="2" s="1"/>
  <c r="F4378" i="2" a="1"/>
  <c r="F4378" i="2" s="1"/>
  <c r="F4383" i="2" a="1"/>
  <c r="F4383" i="2" s="1"/>
  <c r="F4398" i="2" a="1"/>
  <c r="F4398" i="2" s="1"/>
  <c r="F4380" i="2" a="1"/>
  <c r="F4380" i="2" s="1"/>
  <c r="F4385" i="2" a="1"/>
  <c r="F4385" i="2" s="1"/>
  <c r="F4393" i="2" a="1"/>
  <c r="F4393" i="2" s="1"/>
  <c r="F4386" i="2" a="1"/>
  <c r="F4386" i="2" s="1"/>
  <c r="F4399" i="2" a="1"/>
  <c r="F4399" i="2" s="1"/>
  <c r="F4381" i="2" a="1"/>
  <c r="F4381" i="2" s="1"/>
  <c r="F4388" i="2" a="1"/>
  <c r="F4388" i="2" s="1"/>
  <c r="F4379" i="2" a="1"/>
  <c r="F4379" i="2" s="1"/>
  <c r="F4389" i="2" a="1"/>
  <c r="F4389" i="2" s="1"/>
  <c r="F4394" i="2" a="1"/>
  <c r="F4394" i="2" s="1"/>
  <c r="F4390" i="2" a="1"/>
  <c r="F4390" i="2" s="1"/>
  <c r="F4395" i="2" a="1"/>
  <c r="F4395" i="2" s="1"/>
  <c r="F4396" i="2" a="1"/>
  <c r="F4396" i="2" s="1"/>
  <c r="F4384" i="2" a="1"/>
  <c r="F4384" i="2" s="1"/>
  <c r="F4397" i="2" a="1"/>
  <c r="F4397" i="2" s="1"/>
  <c r="F4392" i="2" a="1"/>
  <c r="F4392" i="2" s="1"/>
  <c r="F4401" i="2" a="1"/>
  <c r="F4401" i="2" s="1"/>
  <c r="F4387" i="2" a="1"/>
  <c r="F4387" i="2" s="1"/>
  <c r="F4400" i="2" a="1"/>
  <c r="F4400" i="2" s="1"/>
  <c r="F4382" i="2" a="1"/>
  <c r="F4382" i="2" s="1"/>
  <c r="F4391" i="2" a="1"/>
  <c r="F4391" i="2" s="1"/>
  <c r="D6724" i="2" a="1"/>
  <c r="D6724" i="2" s="1"/>
  <c r="D6709" i="2" a="1"/>
  <c r="D6709" i="2" s="1"/>
  <c r="D6726" i="2" a="1"/>
  <c r="D6726" i="2" s="1"/>
  <c r="D6712" i="2" a="1"/>
  <c r="D6712" i="2" s="1"/>
  <c r="D6706" i="2" a="1"/>
  <c r="D6706" i="2" s="1"/>
  <c r="D6729" i="2" a="1"/>
  <c r="D6729" i="2" s="1"/>
  <c r="D6717" i="2" a="1"/>
  <c r="D6717" i="2" s="1"/>
  <c r="D6727" i="2" a="1"/>
  <c r="D6727" i="2" s="1"/>
  <c r="D6719" i="2" a="1"/>
  <c r="D6719" i="2" s="1"/>
  <c r="D6720" i="2" a="1"/>
  <c r="D6720" i="2" s="1"/>
  <c r="D6725" i="2" a="1"/>
  <c r="D6725" i="2" s="1"/>
  <c r="D6715" i="2" a="1"/>
  <c r="D6715" i="2" s="1"/>
  <c r="D6721" i="2" a="1"/>
  <c r="D6721" i="2" s="1"/>
  <c r="D6711" i="2" a="1"/>
  <c r="D6711" i="2" s="1"/>
  <c r="D6722" i="2" a="1"/>
  <c r="D6722" i="2" s="1"/>
  <c r="D6708" i="2" a="1"/>
  <c r="D6708" i="2" s="1"/>
  <c r="D6718" i="2" a="1"/>
  <c r="D6718" i="2" s="1"/>
  <c r="D6710" i="2" a="1"/>
  <c r="D6710" i="2" s="1"/>
  <c r="D6707" i="2" a="1"/>
  <c r="D6707" i="2" s="1"/>
  <c r="D6728" i="2" a="1"/>
  <c r="D6728" i="2" s="1"/>
  <c r="D6713" i="2" a="1"/>
  <c r="D6713" i="2" s="1"/>
  <c r="D6714" i="2" a="1"/>
  <c r="D6714" i="2" s="1"/>
  <c r="D6716" i="2" a="1"/>
  <c r="D6716" i="2" s="1"/>
  <c r="D6723" i="2" a="1"/>
  <c r="D6723" i="2" s="1"/>
  <c r="F4231" i="2" a="1"/>
  <c r="F4231" i="2" s="1"/>
  <c r="F4233" i="2" a="1"/>
  <c r="F4233" i="2" s="1"/>
  <c r="F4213" i="2" a="1"/>
  <c r="F4213" i="2" s="1"/>
  <c r="F4218" i="2" a="1"/>
  <c r="F4218" i="2" s="1"/>
  <c r="F4216" i="2" a="1"/>
  <c r="F4216" i="2" s="1"/>
  <c r="F4229" i="2" a="1"/>
  <c r="F4229" i="2" s="1"/>
  <c r="F4210" i="2" a="1"/>
  <c r="F4210" i="2" s="1"/>
  <c r="F4230" i="2" a="1"/>
  <c r="F4230" i="2" s="1"/>
  <c r="F4225" i="2" a="1"/>
  <c r="F4225" i="2" s="1"/>
  <c r="F4222" i="2" a="1"/>
  <c r="F4222" i="2" s="1"/>
  <c r="F4219" i="2" a="1"/>
  <c r="F4219" i="2" s="1"/>
  <c r="F4228" i="2" a="1"/>
  <c r="F4228" i="2" s="1"/>
  <c r="F4223" i="2" a="1"/>
  <c r="F4223" i="2" s="1"/>
  <c r="F4214" i="2" a="1"/>
  <c r="F4214" i="2" s="1"/>
  <c r="F4226" i="2" a="1"/>
  <c r="F4226" i="2" s="1"/>
  <c r="F4220" i="2" a="1"/>
  <c r="F4220" i="2" s="1"/>
  <c r="F4215" i="2" a="1"/>
  <c r="F4215" i="2" s="1"/>
  <c r="F4221" i="2" a="1"/>
  <c r="F4221" i="2" s="1"/>
  <c r="F4224" i="2" a="1"/>
  <c r="F4224" i="2" s="1"/>
  <c r="F4211" i="2" a="1"/>
  <c r="F4211" i="2" s="1"/>
  <c r="F4227" i="2" a="1"/>
  <c r="F4227" i="2" s="1"/>
  <c r="F4212" i="2" a="1"/>
  <c r="F4212" i="2" s="1"/>
  <c r="F4217" i="2" a="1"/>
  <c r="F4217" i="2" s="1"/>
  <c r="F4232" i="2" a="1"/>
  <c r="F4232" i="2" s="1"/>
  <c r="G7729" i="2" a="1"/>
  <c r="G7729" i="2" s="1"/>
  <c r="G7737" i="2" a="1"/>
  <c r="G7737" i="2" s="1"/>
  <c r="G7717" i="2" a="1"/>
  <c r="G7717" i="2" s="1"/>
  <c r="G7730" i="2" a="1"/>
  <c r="G7730" i="2" s="1"/>
  <c r="G7733" i="2" a="1"/>
  <c r="G7733" i="2" s="1"/>
  <c r="G7735" i="2" a="1"/>
  <c r="G7735" i="2" s="1"/>
  <c r="G7714" i="2" a="1"/>
  <c r="G7714" i="2" s="1"/>
  <c r="G7716" i="2" a="1"/>
  <c r="G7716" i="2" s="1"/>
  <c r="G7719" i="2" a="1"/>
  <c r="G7719" i="2" s="1"/>
  <c r="G7731" i="2" a="1"/>
  <c r="G7731" i="2" s="1"/>
  <c r="G7724" i="2" a="1"/>
  <c r="G7724" i="2" s="1"/>
  <c r="G7720" i="2" a="1"/>
  <c r="G7720" i="2" s="1"/>
  <c r="G7718" i="2" a="1"/>
  <c r="G7718" i="2" s="1"/>
  <c r="G7736" i="2" a="1"/>
  <c r="G7736" i="2" s="1"/>
  <c r="G7732" i="2" a="1"/>
  <c r="G7732" i="2" s="1"/>
  <c r="G7727" i="2" a="1"/>
  <c r="G7727" i="2" s="1"/>
  <c r="G7723" i="2" a="1"/>
  <c r="G7723" i="2" s="1"/>
  <c r="G7734" i="2" a="1"/>
  <c r="G7734" i="2" s="1"/>
  <c r="G7726" i="2" a="1"/>
  <c r="G7726" i="2" s="1"/>
  <c r="G7728" i="2" a="1"/>
  <c r="G7728" i="2" s="1"/>
  <c r="G7722" i="2" a="1"/>
  <c r="G7722" i="2" s="1"/>
  <c r="G7721" i="2" a="1"/>
  <c r="G7721" i="2" s="1"/>
  <c r="G7725" i="2" a="1"/>
  <c r="G7725" i="2" s="1"/>
  <c r="G7715" i="2" a="1"/>
  <c r="G7715" i="2" s="1"/>
  <c r="F507" i="2" a="1"/>
  <c r="F507" i="2" s="1"/>
  <c r="F497" i="2" a="1"/>
  <c r="F497" i="2" s="1"/>
  <c r="F494" i="2" a="1"/>
  <c r="F494" i="2" s="1"/>
  <c r="F500" i="2" a="1"/>
  <c r="F500" i="2" s="1"/>
  <c r="F490" i="2" a="1"/>
  <c r="F490" i="2" s="1"/>
  <c r="F502" i="2" a="1"/>
  <c r="F502" i="2" s="1"/>
  <c r="F512" i="2" a="1"/>
  <c r="F512" i="2" s="1"/>
  <c r="F491" i="2" a="1"/>
  <c r="F491" i="2" s="1"/>
  <c r="F503" i="2" a="1"/>
  <c r="F503" i="2" s="1"/>
  <c r="F501" i="2" a="1"/>
  <c r="F501" i="2" s="1"/>
  <c r="F492" i="2" a="1"/>
  <c r="F492" i="2" s="1"/>
  <c r="F498" i="2" a="1"/>
  <c r="F498" i="2" s="1"/>
  <c r="F493" i="2" a="1"/>
  <c r="F493" i="2" s="1"/>
  <c r="F495" i="2" a="1"/>
  <c r="F495" i="2" s="1"/>
  <c r="F508" i="2" a="1"/>
  <c r="F508" i="2" s="1"/>
  <c r="F504" i="2" a="1"/>
  <c r="F504" i="2" s="1"/>
  <c r="F499" i="2" a="1"/>
  <c r="F499" i="2" s="1"/>
  <c r="F505" i="2" a="1"/>
  <c r="F505" i="2" s="1"/>
  <c r="F496" i="2" a="1"/>
  <c r="F496" i="2" s="1"/>
  <c r="F511" i="2" a="1"/>
  <c r="F511" i="2" s="1"/>
  <c r="F513" i="2" a="1"/>
  <c r="F513" i="2" s="1"/>
  <c r="F509" i="2" a="1"/>
  <c r="F509" i="2" s="1"/>
  <c r="F506" i="2" a="1"/>
  <c r="F506" i="2" s="1"/>
  <c r="F510" i="2" a="1"/>
  <c r="F510" i="2" s="1"/>
  <c r="H7217" i="2" a="1"/>
  <c r="H7217" i="2" s="1"/>
  <c r="H7233" i="2" a="1"/>
  <c r="H7233" i="2" s="1"/>
  <c r="H7225" i="2" a="1"/>
  <c r="H7225" i="2" s="1"/>
  <c r="H7231" i="2" a="1"/>
  <c r="H7231" i="2" s="1"/>
  <c r="H7218" i="2" a="1"/>
  <c r="H7218" i="2" s="1"/>
  <c r="H7213" i="2" a="1"/>
  <c r="H7213" i="2" s="1"/>
  <c r="H7232" i="2" a="1"/>
  <c r="H7232" i="2" s="1"/>
  <c r="H7219" i="2" a="1"/>
  <c r="H7219" i="2" s="1"/>
  <c r="H7229" i="2" a="1"/>
  <c r="H7229" i="2" s="1"/>
  <c r="H7222" i="2" a="1"/>
  <c r="H7222" i="2" s="1"/>
  <c r="H7226" i="2" a="1"/>
  <c r="H7226" i="2" s="1"/>
  <c r="H7210" i="2" a="1"/>
  <c r="H7210" i="2" s="1"/>
  <c r="H7227" i="2" a="1"/>
  <c r="H7227" i="2" s="1"/>
  <c r="H7223" i="2" a="1"/>
  <c r="H7223" i="2" s="1"/>
  <c r="H7228" i="2" a="1"/>
  <c r="H7228" i="2" s="1"/>
  <c r="H7221" i="2" a="1"/>
  <c r="H7221" i="2" s="1"/>
  <c r="H7214" i="2" a="1"/>
  <c r="H7214" i="2" s="1"/>
  <c r="H7224" i="2" a="1"/>
  <c r="H7224" i="2" s="1"/>
  <c r="H7230" i="2" a="1"/>
  <c r="H7230" i="2" s="1"/>
  <c r="H7216" i="2" a="1"/>
  <c r="H7216" i="2" s="1"/>
  <c r="H7220" i="2" a="1"/>
  <c r="H7220" i="2" s="1"/>
  <c r="H7212" i="2" a="1"/>
  <c r="H7212" i="2" s="1"/>
  <c r="H7211" i="2" a="1"/>
  <c r="H7211" i="2" s="1"/>
  <c r="H7215" i="2" a="1"/>
  <c r="H7215" i="2" s="1"/>
  <c r="D2183" i="2" a="1"/>
  <c r="D2183" i="2" s="1"/>
  <c r="D2175" i="2" a="1"/>
  <c r="D2175" i="2" s="1"/>
  <c r="D2184" i="2" a="1"/>
  <c r="D2184" i="2" s="1"/>
  <c r="D2170" i="2" a="1"/>
  <c r="D2170" i="2" s="1"/>
  <c r="D2180" i="2" a="1"/>
  <c r="D2180" i="2" s="1"/>
  <c r="D2186" i="2" a="1"/>
  <c r="D2186" i="2" s="1"/>
  <c r="D2176" i="2" a="1"/>
  <c r="D2176" i="2" s="1"/>
  <c r="D2187" i="2" a="1"/>
  <c r="D2187" i="2" s="1"/>
  <c r="D2185" i="2" a="1"/>
  <c r="D2185" i="2" s="1"/>
  <c r="D2190" i="2" a="1"/>
  <c r="D2190" i="2" s="1"/>
  <c r="D2189" i="2" a="1"/>
  <c r="D2189" i="2" s="1"/>
  <c r="D2191" i="2" a="1"/>
  <c r="D2191" i="2" s="1"/>
  <c r="D2179" i="2" a="1"/>
  <c r="D2179" i="2" s="1"/>
  <c r="D2171" i="2" a="1"/>
  <c r="D2171" i="2" s="1"/>
  <c r="D2174" i="2" a="1"/>
  <c r="D2174" i="2" s="1"/>
  <c r="D2192" i="2" a="1"/>
  <c r="D2192" i="2" s="1"/>
  <c r="D2172" i="2" a="1"/>
  <c r="D2172" i="2" s="1"/>
  <c r="D2193" i="2" a="1"/>
  <c r="D2193" i="2" s="1"/>
  <c r="D2181" i="2" a="1"/>
  <c r="D2181" i="2" s="1"/>
  <c r="D2173" i="2" a="1"/>
  <c r="D2173" i="2" s="1"/>
  <c r="D2188" i="2" a="1"/>
  <c r="D2188" i="2" s="1"/>
  <c r="D2182" i="2" a="1"/>
  <c r="D2182" i="2" s="1"/>
  <c r="D2177" i="2" a="1"/>
  <c r="D2177" i="2" s="1"/>
  <c r="D2178" i="2" a="1"/>
  <c r="D2178" i="2" s="1"/>
  <c r="H8264" i="2" a="1"/>
  <c r="H8264" i="2" s="1"/>
  <c r="H8263" i="2" a="1"/>
  <c r="H8263" i="2" s="1"/>
  <c r="H8246" i="2" a="1"/>
  <c r="H8246" i="2" s="1"/>
  <c r="H8258" i="2" a="1"/>
  <c r="H8258" i="2" s="1"/>
  <c r="H8244" i="2" a="1"/>
  <c r="H8244" i="2" s="1"/>
  <c r="H8250" i="2" a="1"/>
  <c r="H8250" i="2" s="1"/>
  <c r="H8245" i="2" a="1"/>
  <c r="H8245" i="2" s="1"/>
  <c r="H8254" i="2" a="1"/>
  <c r="H8254" i="2" s="1"/>
  <c r="H8256" i="2" a="1"/>
  <c r="H8256" i="2" s="1"/>
  <c r="H8255" i="2" a="1"/>
  <c r="H8255" i="2" s="1"/>
  <c r="H8251" i="2" a="1"/>
  <c r="H8251" i="2" s="1"/>
  <c r="H8259" i="2" a="1"/>
  <c r="H8259" i="2" s="1"/>
  <c r="H8242" i="2" a="1"/>
  <c r="H8242" i="2" s="1"/>
  <c r="H8247" i="2" a="1"/>
  <c r="H8247" i="2" s="1"/>
  <c r="H8243" i="2" a="1"/>
  <c r="H8243" i="2" s="1"/>
  <c r="H8260" i="2" a="1"/>
  <c r="H8260" i="2" s="1"/>
  <c r="H8261" i="2" a="1"/>
  <c r="H8261" i="2" s="1"/>
  <c r="H8253" i="2" a="1"/>
  <c r="H8253" i="2" s="1"/>
  <c r="H8257" i="2" a="1"/>
  <c r="H8257" i="2" s="1"/>
  <c r="H8265" i="2" a="1"/>
  <c r="H8265" i="2" s="1"/>
  <c r="H8262" i="2" a="1"/>
  <c r="H8262" i="2" s="1"/>
  <c r="H8249" i="2" a="1"/>
  <c r="H8249" i="2" s="1"/>
  <c r="H8252" i="2" a="1"/>
  <c r="H8252" i="2" s="1"/>
  <c r="H8248" i="2" a="1"/>
  <c r="H8248" i="2" s="1"/>
  <c r="F7582" i="2" a="1"/>
  <c r="F7582" i="2" s="1"/>
  <c r="F7590" i="2" a="1"/>
  <c r="F7590" i="2" s="1"/>
  <c r="F7583" i="2" a="1"/>
  <c r="F7583" i="2" s="1"/>
  <c r="F7584" i="2" a="1"/>
  <c r="F7584" i="2" s="1"/>
  <c r="F7589" i="2" a="1"/>
  <c r="F7589" i="2" s="1"/>
  <c r="F7591" i="2" a="1"/>
  <c r="F7591" i="2" s="1"/>
  <c r="F7576" i="2" a="1"/>
  <c r="F7576" i="2" s="1"/>
  <c r="F7572" i="2" a="1"/>
  <c r="F7572" i="2" s="1"/>
  <c r="F7587" i="2" a="1"/>
  <c r="F7587" i="2" s="1"/>
  <c r="F7578" i="2" a="1"/>
  <c r="F7578" i="2" s="1"/>
  <c r="F7585" i="2" a="1"/>
  <c r="F7585" i="2" s="1"/>
  <c r="F7575" i="2" a="1"/>
  <c r="F7575" i="2" s="1"/>
  <c r="F7574" i="2" a="1"/>
  <c r="F7574" i="2" s="1"/>
  <c r="F7570" i="2" a="1"/>
  <c r="F7570" i="2" s="1"/>
  <c r="F7588" i="2" a="1"/>
  <c r="F7588" i="2" s="1"/>
  <c r="F7579" i="2" a="1"/>
  <c r="F7579" i="2" s="1"/>
  <c r="F7573" i="2" a="1"/>
  <c r="F7573" i="2" s="1"/>
  <c r="F7593" i="2" a="1"/>
  <c r="F7593" i="2" s="1"/>
  <c r="F7580" i="2" a="1"/>
  <c r="F7580" i="2" s="1"/>
  <c r="F7581" i="2" a="1"/>
  <c r="F7581" i="2" s="1"/>
  <c r="F7577" i="2" a="1"/>
  <c r="F7577" i="2" s="1"/>
  <c r="F7571" i="2" a="1"/>
  <c r="F7571" i="2" s="1"/>
  <c r="F7592" i="2" a="1"/>
  <c r="F7592" i="2" s="1"/>
  <c r="F7586" i="2" a="1"/>
  <c r="F7586" i="2" s="1"/>
  <c r="F4694" i="2" a="1"/>
  <c r="F4694" i="2" s="1"/>
  <c r="F4710" i="2" a="1"/>
  <c r="F4710" i="2" s="1"/>
  <c r="F4713" i="2" a="1"/>
  <c r="F4713" i="2" s="1"/>
  <c r="F4705" i="2" a="1"/>
  <c r="F4705" i="2" s="1"/>
  <c r="F4697" i="2" a="1"/>
  <c r="F4697" i="2" s="1"/>
  <c r="F4691" i="2" a="1"/>
  <c r="F4691" i="2" s="1"/>
  <c r="F4708" i="2" a="1"/>
  <c r="F4708" i="2" s="1"/>
  <c r="F4699" i="2" a="1"/>
  <c r="F4699" i="2" s="1"/>
  <c r="F4709" i="2" a="1"/>
  <c r="F4709" i="2" s="1"/>
  <c r="F4690" i="2" a="1"/>
  <c r="F4690" i="2" s="1"/>
  <c r="F4700" i="2" a="1"/>
  <c r="F4700" i="2" s="1"/>
  <c r="F4703" i="2" a="1"/>
  <c r="F4703" i="2" s="1"/>
  <c r="F4696" i="2" a="1"/>
  <c r="F4696" i="2" s="1"/>
  <c r="F4706" i="2" a="1"/>
  <c r="F4706" i="2" s="1"/>
  <c r="F4698" i="2" a="1"/>
  <c r="F4698" i="2" s="1"/>
  <c r="F4712" i="2" a="1"/>
  <c r="F4712" i="2" s="1"/>
  <c r="F4707" i="2" a="1"/>
  <c r="F4707" i="2" s="1"/>
  <c r="F4693" i="2" a="1"/>
  <c r="F4693" i="2" s="1"/>
  <c r="F4692" i="2" a="1"/>
  <c r="F4692" i="2" s="1"/>
  <c r="F4695" i="2" a="1"/>
  <c r="F4695" i="2" s="1"/>
  <c r="F4704" i="2" a="1"/>
  <c r="F4704" i="2" s="1"/>
  <c r="F4701" i="2" a="1"/>
  <c r="F4701" i="2" s="1"/>
  <c r="F4702" i="2" a="1"/>
  <c r="F4702" i="2" s="1"/>
  <c r="F4711" i="2" a="1"/>
  <c r="F4711" i="2" s="1"/>
  <c r="E6578" i="2" a="1"/>
  <c r="E6578" i="2" s="1"/>
  <c r="E6584" i="2" a="1"/>
  <c r="E6584" i="2" s="1"/>
  <c r="E6579" i="2" a="1"/>
  <c r="E6579" i="2" s="1"/>
  <c r="E6574" i="2" a="1"/>
  <c r="E6574" i="2" s="1"/>
  <c r="E6581" i="2" a="1"/>
  <c r="E6581" i="2" s="1"/>
  <c r="E6569" i="2" a="1"/>
  <c r="E6569" i="2" s="1"/>
  <c r="E6564" i="2" a="1"/>
  <c r="E6564" i="2" s="1"/>
  <c r="E6575" i="2" a="1"/>
  <c r="E6575" i="2" s="1"/>
  <c r="E6565" i="2" a="1"/>
  <c r="E6565" i="2" s="1"/>
  <c r="E6570" i="2" a="1"/>
  <c r="E6570" i="2" s="1"/>
  <c r="E6573" i="2" a="1"/>
  <c r="E6573" i="2" s="1"/>
  <c r="E6562" i="2" a="1"/>
  <c r="E6562" i="2" s="1"/>
  <c r="E6583" i="2" a="1"/>
  <c r="E6583" i="2" s="1"/>
  <c r="E6576" i="2" a="1"/>
  <c r="E6576" i="2" s="1"/>
  <c r="E6582" i="2" a="1"/>
  <c r="E6582" i="2" s="1"/>
  <c r="E6585" i="2" a="1"/>
  <c r="E6585" i="2" s="1"/>
  <c r="E6568" i="2" a="1"/>
  <c r="E6568" i="2" s="1"/>
  <c r="E6571" i="2" a="1"/>
  <c r="E6571" i="2" s="1"/>
  <c r="E6577" i="2" a="1"/>
  <c r="E6577" i="2" s="1"/>
  <c r="E6572" i="2" a="1"/>
  <c r="E6572" i="2" s="1"/>
  <c r="E6563" i="2" a="1"/>
  <c r="E6563" i="2" s="1"/>
  <c r="E6580" i="2" a="1"/>
  <c r="E6580" i="2" s="1"/>
  <c r="E6567" i="2" a="1"/>
  <c r="E6567" i="2" s="1"/>
  <c r="E6566" i="2" a="1"/>
  <c r="E6566" i="2" s="1"/>
  <c r="F1682" i="2" a="1"/>
  <c r="F1682" i="2" s="1"/>
  <c r="F1678" i="2" a="1"/>
  <c r="F1678" i="2" s="1"/>
  <c r="F1680" i="2" a="1"/>
  <c r="F1680" i="2" s="1"/>
  <c r="F1673" i="2" a="1"/>
  <c r="F1673" i="2" s="1"/>
  <c r="F1677" i="2" a="1"/>
  <c r="F1677" i="2" s="1"/>
  <c r="F1668" i="2" a="1"/>
  <c r="F1668" i="2" s="1"/>
  <c r="F1686" i="2" a="1"/>
  <c r="F1686" i="2" s="1"/>
  <c r="F1670" i="2" a="1"/>
  <c r="F1670" i="2" s="1"/>
  <c r="F1689" i="2" a="1"/>
  <c r="F1689" i="2" s="1"/>
  <c r="F1666" i="2" a="1"/>
  <c r="F1666" i="2" s="1"/>
  <c r="F1667" i="2" a="1"/>
  <c r="F1667" i="2" s="1"/>
  <c r="F1674" i="2" a="1"/>
  <c r="F1674" i="2" s="1"/>
  <c r="F1685" i="2" a="1"/>
  <c r="F1685" i="2" s="1"/>
  <c r="F1675" i="2" a="1"/>
  <c r="F1675" i="2" s="1"/>
  <c r="F1676" i="2" a="1"/>
  <c r="F1676" i="2" s="1"/>
  <c r="F1669" i="2" a="1"/>
  <c r="F1669" i="2" s="1"/>
  <c r="F1688" i="2" a="1"/>
  <c r="F1688" i="2" s="1"/>
  <c r="F1683" i="2" a="1"/>
  <c r="F1683" i="2" s="1"/>
  <c r="F1684" i="2" a="1"/>
  <c r="F1684" i="2" s="1"/>
  <c r="F1672" i="2" a="1"/>
  <c r="F1672" i="2" s="1"/>
  <c r="F1671" i="2" a="1"/>
  <c r="F1671" i="2" s="1"/>
  <c r="F1679" i="2" a="1"/>
  <c r="F1679" i="2" s="1"/>
  <c r="F1681" i="2" a="1"/>
  <c r="F1681" i="2" s="1"/>
  <c r="F1687" i="2" a="1"/>
  <c r="F1687" i="2" s="1"/>
  <c r="D8247" i="2" a="1"/>
  <c r="D8247" i="2" s="1"/>
  <c r="D8257" i="2" a="1"/>
  <c r="D8257" i="2" s="1"/>
  <c r="D8258" i="2" a="1"/>
  <c r="D8258" i="2" s="1"/>
  <c r="D8261" i="2" a="1"/>
  <c r="D8261" i="2" s="1"/>
  <c r="D8260" i="2" a="1"/>
  <c r="D8260" i="2" s="1"/>
  <c r="D8242" i="2" a="1"/>
  <c r="D8242" i="2" s="1"/>
  <c r="D8253" i="2" a="1"/>
  <c r="D8253" i="2" s="1"/>
  <c r="D8259" i="2" a="1"/>
  <c r="D8259" i="2" s="1"/>
  <c r="D8248" i="2" a="1"/>
  <c r="D8248" i="2" s="1"/>
  <c r="D8262" i="2" a="1"/>
  <c r="D8262" i="2" s="1"/>
  <c r="D8245" i="2" a="1"/>
  <c r="D8245" i="2" s="1"/>
  <c r="D8251" i="2" a="1"/>
  <c r="D8251" i="2" s="1"/>
  <c r="D8252" i="2" a="1"/>
  <c r="D8252" i="2" s="1"/>
  <c r="D8263" i="2" a="1"/>
  <c r="D8263" i="2" s="1"/>
  <c r="D8254" i="2" a="1"/>
  <c r="D8254" i="2" s="1"/>
  <c r="D8255" i="2" a="1"/>
  <c r="D8255" i="2" s="1"/>
  <c r="D8243" i="2" a="1"/>
  <c r="D8243" i="2" s="1"/>
  <c r="D8244" i="2" a="1"/>
  <c r="D8244" i="2" s="1"/>
  <c r="D8265" i="2" a="1"/>
  <c r="D8265" i="2" s="1"/>
  <c r="D8249" i="2" a="1"/>
  <c r="D8249" i="2" s="1"/>
  <c r="D8256" i="2" a="1"/>
  <c r="D8256" i="2" s="1"/>
  <c r="D8246" i="2" a="1"/>
  <c r="D8246" i="2" s="1"/>
  <c r="D8264" i="2" a="1"/>
  <c r="D8264" i="2" s="1"/>
  <c r="D8250" i="2" a="1"/>
  <c r="D8250" i="2" s="1"/>
  <c r="D7761" i="2" a="1"/>
  <c r="D7761" i="2" s="1"/>
  <c r="D7750" i="2" a="1"/>
  <c r="D7750" i="2" s="1"/>
  <c r="D7742" i="2" a="1"/>
  <c r="D7742" i="2" s="1"/>
  <c r="D7749" i="2" a="1"/>
  <c r="D7749" i="2" s="1"/>
  <c r="D7743" i="2" a="1"/>
  <c r="D7743" i="2" s="1"/>
  <c r="D7751" i="2" a="1"/>
  <c r="D7751" i="2" s="1"/>
  <c r="D7757" i="2" a="1"/>
  <c r="D7757" i="2" s="1"/>
  <c r="D7748" i="2" a="1"/>
  <c r="D7748" i="2" s="1"/>
  <c r="D7739" i="2" a="1"/>
  <c r="D7739" i="2" s="1"/>
  <c r="D7755" i="2" a="1"/>
  <c r="D7755" i="2" s="1"/>
  <c r="D7754" i="2" a="1"/>
  <c r="D7754" i="2" s="1"/>
  <c r="D7760" i="2" a="1"/>
  <c r="D7760" i="2" s="1"/>
  <c r="D7756" i="2" a="1"/>
  <c r="D7756" i="2" s="1"/>
  <c r="D7758" i="2" a="1"/>
  <c r="D7758" i="2" s="1"/>
  <c r="D7744" i="2" a="1"/>
  <c r="D7744" i="2" s="1"/>
  <c r="D7752" i="2" a="1"/>
  <c r="D7752" i="2" s="1"/>
  <c r="D7753" i="2" a="1"/>
  <c r="D7753" i="2" s="1"/>
  <c r="D7740" i="2" a="1"/>
  <c r="D7740" i="2" s="1"/>
  <c r="D7741" i="2" a="1"/>
  <c r="D7741" i="2" s="1"/>
  <c r="D7745" i="2" a="1"/>
  <c r="D7745" i="2" s="1"/>
  <c r="D7746" i="2" a="1"/>
  <c r="D7746" i="2" s="1"/>
  <c r="D7747" i="2" a="1"/>
  <c r="D7747" i="2" s="1"/>
  <c r="D7759" i="2" a="1"/>
  <c r="D7759" i="2" s="1"/>
  <c r="D7738" i="2" a="1"/>
  <c r="D7738" i="2" s="1"/>
  <c r="G1699" i="2" a="1"/>
  <c r="G1699" i="2" s="1"/>
  <c r="G1693" i="2" a="1"/>
  <c r="G1693" i="2" s="1"/>
  <c r="G1705" i="2" a="1"/>
  <c r="G1705" i="2" s="1"/>
  <c r="G1706" i="2" a="1"/>
  <c r="G1706" i="2" s="1"/>
  <c r="G1712" i="2" a="1"/>
  <c r="G1712" i="2" s="1"/>
  <c r="G1707" i="2" a="1"/>
  <c r="G1707" i="2" s="1"/>
  <c r="G1711" i="2" a="1"/>
  <c r="G1711" i="2" s="1"/>
  <c r="G1708" i="2" a="1"/>
  <c r="G1708" i="2" s="1"/>
  <c r="G1697" i="2" a="1"/>
  <c r="G1697" i="2" s="1"/>
  <c r="G1700" i="2" a="1"/>
  <c r="G1700" i="2" s="1"/>
  <c r="G1690" i="2" a="1"/>
  <c r="G1690" i="2" s="1"/>
  <c r="G1698" i="2" a="1"/>
  <c r="G1698" i="2" s="1"/>
  <c r="G1692" i="2" a="1"/>
  <c r="G1692" i="2" s="1"/>
  <c r="G1709" i="2" a="1"/>
  <c r="G1709" i="2" s="1"/>
  <c r="G1703" i="2" a="1"/>
  <c r="G1703" i="2" s="1"/>
  <c r="G1713" i="2" a="1"/>
  <c r="G1713" i="2" s="1"/>
  <c r="G1691" i="2" a="1"/>
  <c r="G1691" i="2" s="1"/>
  <c r="G1704" i="2" a="1"/>
  <c r="G1704" i="2" s="1"/>
  <c r="G1695" i="2" a="1"/>
  <c r="G1695" i="2" s="1"/>
  <c r="G1694" i="2" a="1"/>
  <c r="G1694" i="2" s="1"/>
  <c r="G1701" i="2" a="1"/>
  <c r="G1701" i="2" s="1"/>
  <c r="G1710" i="2" a="1"/>
  <c r="G1710" i="2" s="1"/>
  <c r="G1696" i="2" a="1"/>
  <c r="G1696" i="2" s="1"/>
  <c r="G1702" i="2" a="1"/>
  <c r="G1702" i="2" s="1"/>
  <c r="H8570" i="2" a="1"/>
  <c r="H8570" i="2" s="1"/>
  <c r="H8567" i="2" a="1"/>
  <c r="H8567" i="2" s="1"/>
  <c r="H8560" i="2" a="1"/>
  <c r="H8560" i="2" s="1"/>
  <c r="H8568" i="2" a="1"/>
  <c r="H8568" i="2" s="1"/>
  <c r="H8557" i="2" a="1"/>
  <c r="H8557" i="2" s="1"/>
  <c r="H8555" i="2" a="1"/>
  <c r="H8555" i="2" s="1"/>
  <c r="H8556" i="2" a="1"/>
  <c r="H8556" i="2" s="1"/>
  <c r="H8562" i="2" a="1"/>
  <c r="H8562" i="2" s="1"/>
  <c r="H8559" i="2" a="1"/>
  <c r="H8559" i="2" s="1"/>
  <c r="H8563" i="2" a="1"/>
  <c r="H8563" i="2" s="1"/>
  <c r="H8571" i="2" a="1"/>
  <c r="H8571" i="2" s="1"/>
  <c r="H8564" i="2" a="1"/>
  <c r="H8564" i="2" s="1"/>
  <c r="H8572" i="2" a="1"/>
  <c r="H8572" i="2" s="1"/>
  <c r="H8561" i="2" a="1"/>
  <c r="H8561" i="2" s="1"/>
  <c r="H8565" i="2" a="1"/>
  <c r="H8565" i="2" s="1"/>
  <c r="H8575" i="2" a="1"/>
  <c r="H8575" i="2" s="1"/>
  <c r="H8576" i="2" a="1"/>
  <c r="H8576" i="2" s="1"/>
  <c r="H8577" i="2" a="1"/>
  <c r="H8577" i="2" s="1"/>
  <c r="H8554" i="2" a="1"/>
  <c r="H8554" i="2" s="1"/>
  <c r="H8558" i="2" a="1"/>
  <c r="H8558" i="2" s="1"/>
  <c r="H8566" i="2" a="1"/>
  <c r="H8566" i="2" s="1"/>
  <c r="H8569" i="2" a="1"/>
  <c r="H8569" i="2" s="1"/>
  <c r="H8573" i="2" a="1"/>
  <c r="H8573" i="2" s="1"/>
  <c r="H8574" i="2" a="1"/>
  <c r="H8574" i="2" s="1"/>
  <c r="AO255" i="1"/>
  <c r="E261" i="5" s="1"/>
  <c r="AQ255" i="1"/>
  <c r="G261" i="5" s="1"/>
  <c r="AP255" i="1"/>
  <c r="F261" i="5" s="1"/>
  <c r="AN255" i="1"/>
  <c r="D261" i="5" s="1"/>
  <c r="AM255" i="1"/>
  <c r="D6109" i="2" a="1"/>
  <c r="D6109" i="2" s="1"/>
  <c r="D6113" i="2" a="1"/>
  <c r="D6113" i="2" s="1"/>
  <c r="D6125" i="2" a="1"/>
  <c r="D6125" i="2" s="1"/>
  <c r="D6129" i="2" a="1"/>
  <c r="D6129" i="2" s="1"/>
  <c r="D6106" i="2" a="1"/>
  <c r="D6106" i="2" s="1"/>
  <c r="D6114" i="2" a="1"/>
  <c r="D6114" i="2" s="1"/>
  <c r="D6122" i="2" a="1"/>
  <c r="D6122" i="2" s="1"/>
  <c r="D6126" i="2" a="1"/>
  <c r="D6126" i="2" s="1"/>
  <c r="D6117" i="2" a="1"/>
  <c r="D6117" i="2" s="1"/>
  <c r="D6121" i="2" a="1"/>
  <c r="D6121" i="2" s="1"/>
  <c r="D6107" i="2" a="1"/>
  <c r="D6107" i="2" s="1"/>
  <c r="D6111" i="2" a="1"/>
  <c r="D6111" i="2" s="1"/>
  <c r="D6115" i="2" a="1"/>
  <c r="D6115" i="2" s="1"/>
  <c r="D6119" i="2" a="1"/>
  <c r="D6119" i="2" s="1"/>
  <c r="D6127" i="2" a="1"/>
  <c r="D6127" i="2" s="1"/>
  <c r="D6112" i="2" a="1"/>
  <c r="D6112" i="2" s="1"/>
  <c r="D6116" i="2" a="1"/>
  <c r="D6116" i="2" s="1"/>
  <c r="D6120" i="2" a="1"/>
  <c r="D6120" i="2" s="1"/>
  <c r="D6124" i="2" a="1"/>
  <c r="D6124" i="2" s="1"/>
  <c r="D6128" i="2" a="1"/>
  <c r="D6128" i="2" s="1"/>
  <c r="D6110" i="2" a="1"/>
  <c r="D6110" i="2" s="1"/>
  <c r="D6123" i="2" a="1"/>
  <c r="D6123" i="2" s="1"/>
  <c r="D6108" i="2" a="1"/>
  <c r="D6108" i="2" s="1"/>
  <c r="D6118" i="2" a="1"/>
  <c r="D6118" i="2" s="1"/>
  <c r="D7896" i="2" a="1"/>
  <c r="D7896" i="2" s="1"/>
  <c r="D7905" i="2" a="1"/>
  <c r="D7905" i="2" s="1"/>
  <c r="D7903" i="2" a="1"/>
  <c r="D7903" i="2" s="1"/>
  <c r="D7885" i="2" a="1"/>
  <c r="D7885" i="2" s="1"/>
  <c r="D7897" i="2" a="1"/>
  <c r="D7897" i="2" s="1"/>
  <c r="D7886" i="2" a="1"/>
  <c r="D7886" i="2" s="1"/>
  <c r="D7904" i="2" a="1"/>
  <c r="D7904" i="2" s="1"/>
  <c r="D7887" i="2" a="1"/>
  <c r="D7887" i="2" s="1"/>
  <c r="D7898" i="2" a="1"/>
  <c r="D7898" i="2" s="1"/>
  <c r="D7888" i="2" a="1"/>
  <c r="D7888" i="2" s="1"/>
  <c r="D7900" i="2" a="1"/>
  <c r="D7900" i="2" s="1"/>
  <c r="D7882" i="2" a="1"/>
  <c r="D7882" i="2" s="1"/>
  <c r="D7892" i="2" a="1"/>
  <c r="D7892" i="2" s="1"/>
  <c r="D7901" i="2" a="1"/>
  <c r="D7901" i="2" s="1"/>
  <c r="D7899" i="2" a="1"/>
  <c r="D7899" i="2" s="1"/>
  <c r="D7891" i="2" a="1"/>
  <c r="D7891" i="2" s="1"/>
  <c r="D7902" i="2" a="1"/>
  <c r="D7902" i="2" s="1"/>
  <c r="D7884" i="2" a="1"/>
  <c r="D7884" i="2" s="1"/>
  <c r="D7894" i="2" a="1"/>
  <c r="D7894" i="2" s="1"/>
  <c r="D7883" i="2" a="1"/>
  <c r="D7883" i="2" s="1"/>
  <c r="D7889" i="2" a="1"/>
  <c r="D7889" i="2" s="1"/>
  <c r="D7890" i="2" a="1"/>
  <c r="D7890" i="2" s="1"/>
  <c r="D7895" i="2" a="1"/>
  <c r="D7895" i="2" s="1"/>
  <c r="D7893" i="2" a="1"/>
  <c r="D7893" i="2" s="1"/>
  <c r="AQ291" i="1"/>
  <c r="G297" i="5" s="1"/>
  <c r="AP291" i="1"/>
  <c r="F297" i="5" s="1"/>
  <c r="AN291" i="1"/>
  <c r="D297" i="5" s="1"/>
  <c r="AO291" i="1"/>
  <c r="E297" i="5" s="1"/>
  <c r="AM291" i="1"/>
  <c r="D6973" i="2" a="1"/>
  <c r="D6973" i="2" s="1"/>
  <c r="D6977" i="2" a="1"/>
  <c r="D6977" i="2" s="1"/>
  <c r="D6981" i="2" a="1"/>
  <c r="D6981" i="2" s="1"/>
  <c r="D6989" i="2" a="1"/>
  <c r="D6989" i="2" s="1"/>
  <c r="D6986" i="2" a="1"/>
  <c r="D6986" i="2" s="1"/>
  <c r="D6971" i="2" a="1"/>
  <c r="D6971" i="2" s="1"/>
  <c r="D6975" i="2" a="1"/>
  <c r="D6975" i="2" s="1"/>
  <c r="D6983" i="2" a="1"/>
  <c r="D6983" i="2" s="1"/>
  <c r="D6972" i="2" a="1"/>
  <c r="D6972" i="2" s="1"/>
  <c r="D6980" i="2" a="1"/>
  <c r="D6980" i="2" s="1"/>
  <c r="D6985" i="2" a="1"/>
  <c r="D6985" i="2" s="1"/>
  <c r="D6990" i="2" a="1"/>
  <c r="D6990" i="2" s="1"/>
  <c r="D6988" i="2" a="1"/>
  <c r="D6988" i="2" s="1"/>
  <c r="D6970" i="2" a="1"/>
  <c r="D6970" i="2" s="1"/>
  <c r="D6978" i="2" a="1"/>
  <c r="D6978" i="2" s="1"/>
  <c r="D6993" i="2" a="1"/>
  <c r="D6993" i="2" s="1"/>
  <c r="D6976" i="2" a="1"/>
  <c r="D6976" i="2" s="1"/>
  <c r="D6984" i="2" a="1"/>
  <c r="D6984" i="2" s="1"/>
  <c r="D6991" i="2" a="1"/>
  <c r="D6991" i="2" s="1"/>
  <c r="D6974" i="2" a="1"/>
  <c r="D6974" i="2" s="1"/>
  <c r="D6982" i="2" a="1"/>
  <c r="D6982" i="2" s="1"/>
  <c r="D6987" i="2" a="1"/>
  <c r="D6987" i="2" s="1"/>
  <c r="D6979" i="2" a="1"/>
  <c r="D6979" i="2" s="1"/>
  <c r="D6992" i="2" a="1"/>
  <c r="D6992" i="2" s="1"/>
  <c r="F6664" i="2" a="1"/>
  <c r="F6664" i="2" s="1"/>
  <c r="F6674" i="2" a="1"/>
  <c r="F6674" i="2" s="1"/>
  <c r="F6667" i="2" a="1"/>
  <c r="F6667" i="2" s="1"/>
  <c r="F6679" i="2" a="1"/>
  <c r="F6679" i="2" s="1"/>
  <c r="F6676" i="2" a="1"/>
  <c r="F6676" i="2" s="1"/>
  <c r="F6680" i="2" a="1"/>
  <c r="F6680" i="2" s="1"/>
  <c r="F6669" i="2" a="1"/>
  <c r="F6669" i="2" s="1"/>
  <c r="F6662" i="2" a="1"/>
  <c r="F6662" i="2" s="1"/>
  <c r="F6681" i="2" a="1"/>
  <c r="F6681" i="2" s="1"/>
  <c r="F6673" i="2" a="1"/>
  <c r="F6673" i="2" s="1"/>
  <c r="F6677" i="2" a="1"/>
  <c r="F6677" i="2" s="1"/>
  <c r="F6660" i="2" a="1"/>
  <c r="F6660" i="2" s="1"/>
  <c r="F6668" i="2" a="1"/>
  <c r="F6668" i="2" s="1"/>
  <c r="F6665" i="2" a="1"/>
  <c r="F6665" i="2" s="1"/>
  <c r="F6659" i="2" a="1"/>
  <c r="F6659" i="2" s="1"/>
  <c r="F6663" i="2" a="1"/>
  <c r="F6663" i="2" s="1"/>
  <c r="F6666" i="2" a="1"/>
  <c r="F6666" i="2" s="1"/>
  <c r="F6661" i="2" a="1"/>
  <c r="F6661" i="2" s="1"/>
  <c r="F6671" i="2" a="1"/>
  <c r="F6671" i="2" s="1"/>
  <c r="F6678" i="2" a="1"/>
  <c r="F6678" i="2" s="1"/>
  <c r="F6675" i="2" a="1"/>
  <c r="F6675" i="2" s="1"/>
  <c r="F6658" i="2" a="1"/>
  <c r="F6658" i="2" s="1"/>
  <c r="F6672" i="2" a="1"/>
  <c r="F6672" i="2" s="1"/>
  <c r="F6670" i="2" a="1"/>
  <c r="F6670" i="2" s="1"/>
  <c r="F3055" i="2" a="1"/>
  <c r="F3055" i="2" s="1"/>
  <c r="F3048" i="2" a="1"/>
  <c r="F3048" i="2" s="1"/>
  <c r="F3056" i="2" a="1"/>
  <c r="F3056" i="2" s="1"/>
  <c r="F3049" i="2" a="1"/>
  <c r="F3049" i="2" s="1"/>
  <c r="F3051" i="2" a="1"/>
  <c r="F3051" i="2" s="1"/>
  <c r="F3035" i="2" a="1"/>
  <c r="F3035" i="2" s="1"/>
  <c r="F3047" i="2" a="1"/>
  <c r="F3047" i="2" s="1"/>
  <c r="F3034" i="2" a="1"/>
  <c r="F3034" i="2" s="1"/>
  <c r="F3037" i="2" a="1"/>
  <c r="F3037" i="2" s="1"/>
  <c r="F3053" i="2" a="1"/>
  <c r="F3053" i="2" s="1"/>
  <c r="F3044" i="2" a="1"/>
  <c r="F3044" i="2" s="1"/>
  <c r="F3052" i="2" a="1"/>
  <c r="F3052" i="2" s="1"/>
  <c r="F3057" i="2" a="1"/>
  <c r="F3057" i="2" s="1"/>
  <c r="F3041" i="2" a="1"/>
  <c r="F3041" i="2" s="1"/>
  <c r="F3039" i="2" a="1"/>
  <c r="F3039" i="2" s="1"/>
  <c r="F3042" i="2" a="1"/>
  <c r="F3042" i="2" s="1"/>
  <c r="F3045" i="2" a="1"/>
  <c r="F3045" i="2" s="1"/>
  <c r="F3043" i="2" a="1"/>
  <c r="F3043" i="2" s="1"/>
  <c r="F3050" i="2" a="1"/>
  <c r="F3050" i="2" s="1"/>
  <c r="F3054" i="2" a="1"/>
  <c r="F3054" i="2" s="1"/>
  <c r="F3038" i="2" a="1"/>
  <c r="F3038" i="2" s="1"/>
  <c r="F3036" i="2" a="1"/>
  <c r="F3036" i="2" s="1"/>
  <c r="F3046" i="2" a="1"/>
  <c r="F3046" i="2" s="1"/>
  <c r="F3040" i="2" a="1"/>
  <c r="F3040" i="2" s="1"/>
  <c r="H2826" i="2" a="1"/>
  <c r="H2826" i="2" s="1"/>
  <c r="H2834" i="2" a="1"/>
  <c r="H2834" i="2" s="1"/>
  <c r="H2827" i="2" a="1"/>
  <c r="H2827" i="2" s="1"/>
  <c r="H2836" i="2" a="1"/>
  <c r="H2836" i="2" s="1"/>
  <c r="H2829" i="2" a="1"/>
  <c r="H2829" i="2" s="1"/>
  <c r="H2835" i="2" a="1"/>
  <c r="H2835" i="2" s="1"/>
  <c r="H2840" i="2" a="1"/>
  <c r="H2840" i="2" s="1"/>
  <c r="H2833" i="2" a="1"/>
  <c r="H2833" i="2" s="1"/>
  <c r="H2825" i="2" a="1"/>
  <c r="H2825" i="2" s="1"/>
  <c r="H2820" i="2" a="1"/>
  <c r="H2820" i="2" s="1"/>
  <c r="H2818" i="2" a="1"/>
  <c r="H2818" i="2" s="1"/>
  <c r="H2838" i="2" a="1"/>
  <c r="H2838" i="2" s="1"/>
  <c r="H2839" i="2" a="1"/>
  <c r="H2839" i="2" s="1"/>
  <c r="H2821" i="2" a="1"/>
  <c r="H2821" i="2" s="1"/>
  <c r="H2832" i="2" a="1"/>
  <c r="H2832" i="2" s="1"/>
  <c r="H2819" i="2" a="1"/>
  <c r="H2819" i="2" s="1"/>
  <c r="H2841" i="2" a="1"/>
  <c r="H2841" i="2" s="1"/>
  <c r="H2830" i="2" a="1"/>
  <c r="H2830" i="2" s="1"/>
  <c r="H2828" i="2" a="1"/>
  <c r="H2828" i="2" s="1"/>
  <c r="H2823" i="2" a="1"/>
  <c r="H2823" i="2" s="1"/>
  <c r="H2837" i="2" a="1"/>
  <c r="H2837" i="2" s="1"/>
  <c r="H2831" i="2" a="1"/>
  <c r="H2831" i="2" s="1"/>
  <c r="H2824" i="2" a="1"/>
  <c r="H2824" i="2" s="1"/>
  <c r="H2822" i="2" a="1"/>
  <c r="H2822" i="2" s="1"/>
  <c r="F5868" i="2" a="1"/>
  <c r="F5868" i="2" s="1"/>
  <c r="F5885" i="2" a="1"/>
  <c r="F5885" i="2" s="1"/>
  <c r="F5879" i="2" a="1"/>
  <c r="F5879" i="2" s="1"/>
  <c r="F5878" i="2" a="1"/>
  <c r="F5878" i="2" s="1"/>
  <c r="F5870" i="2" a="1"/>
  <c r="F5870" i="2" s="1"/>
  <c r="F5884" i="2" a="1"/>
  <c r="F5884" i="2" s="1"/>
  <c r="F5880" i="2" a="1"/>
  <c r="F5880" i="2" s="1"/>
  <c r="F5873" i="2" a="1"/>
  <c r="F5873" i="2" s="1"/>
  <c r="F5889" i="2" a="1"/>
  <c r="F5889" i="2" s="1"/>
  <c r="F5881" i="2" a="1"/>
  <c r="F5881" i="2" s="1"/>
  <c r="F5876" i="2" a="1"/>
  <c r="F5876" i="2" s="1"/>
  <c r="F5882" i="2" a="1"/>
  <c r="F5882" i="2" s="1"/>
  <c r="F5886" i="2" a="1"/>
  <c r="F5886" i="2" s="1"/>
  <c r="F5867" i="2" a="1"/>
  <c r="F5867" i="2" s="1"/>
  <c r="F5883" i="2" a="1"/>
  <c r="F5883" i="2" s="1"/>
  <c r="F5874" i="2" a="1"/>
  <c r="F5874" i="2" s="1"/>
  <c r="F5871" i="2" a="1"/>
  <c r="F5871" i="2" s="1"/>
  <c r="F5887" i="2" a="1"/>
  <c r="F5887" i="2" s="1"/>
  <c r="F5869" i="2" a="1"/>
  <c r="F5869" i="2" s="1"/>
  <c r="F5875" i="2" a="1"/>
  <c r="F5875" i="2" s="1"/>
  <c r="F5872" i="2" a="1"/>
  <c r="F5872" i="2" s="1"/>
  <c r="F5888" i="2" a="1"/>
  <c r="F5888" i="2" s="1"/>
  <c r="F5877" i="2" a="1"/>
  <c r="F5877" i="2" s="1"/>
  <c r="F5866" i="2" a="1"/>
  <c r="F5866" i="2" s="1"/>
  <c r="H7373" i="2" a="1"/>
  <c r="H7373" i="2" s="1"/>
  <c r="H7376" i="2" a="1"/>
  <c r="H7376" i="2" s="1"/>
  <c r="H7355" i="2" a="1"/>
  <c r="H7355" i="2" s="1"/>
  <c r="H7357" i="2" a="1"/>
  <c r="H7357" i="2" s="1"/>
  <c r="H7362" i="2" a="1"/>
  <c r="H7362" i="2" s="1"/>
  <c r="H7360" i="2" a="1"/>
  <c r="H7360" i="2" s="1"/>
  <c r="H7368" i="2" a="1"/>
  <c r="H7368" i="2" s="1"/>
  <c r="H7359" i="2" a="1"/>
  <c r="H7359" i="2" s="1"/>
  <c r="H7365" i="2" a="1"/>
  <c r="H7365" i="2" s="1"/>
  <c r="H7363" i="2" a="1"/>
  <c r="H7363" i="2" s="1"/>
  <c r="H7354" i="2" a="1"/>
  <c r="H7354" i="2" s="1"/>
  <c r="H7366" i="2" a="1"/>
  <c r="H7366" i="2" s="1"/>
  <c r="H7361" i="2" a="1"/>
  <c r="H7361" i="2" s="1"/>
  <c r="H7372" i="2" a="1"/>
  <c r="H7372" i="2" s="1"/>
  <c r="H7367" i="2" a="1"/>
  <c r="H7367" i="2" s="1"/>
  <c r="H7364" i="2" a="1"/>
  <c r="H7364" i="2" s="1"/>
  <c r="H7371" i="2" a="1"/>
  <c r="H7371" i="2" s="1"/>
  <c r="H7356" i="2" a="1"/>
  <c r="H7356" i="2" s="1"/>
  <c r="H7358" i="2" a="1"/>
  <c r="H7358" i="2" s="1"/>
  <c r="H7375" i="2" a="1"/>
  <c r="H7375" i="2" s="1"/>
  <c r="H7374" i="2" a="1"/>
  <c r="H7374" i="2" s="1"/>
  <c r="H7377" i="2" a="1"/>
  <c r="H7377" i="2" s="1"/>
  <c r="H7369" i="2" a="1"/>
  <c r="H7369" i="2" s="1"/>
  <c r="H7370" i="2" a="1"/>
  <c r="H7370" i="2" s="1"/>
  <c r="E8528" i="2" a="1"/>
  <c r="E8528" i="2" s="1"/>
  <c r="E8507" i="2" a="1"/>
  <c r="E8507" i="2" s="1"/>
  <c r="E8515" i="2" a="1"/>
  <c r="E8515" i="2" s="1"/>
  <c r="E8511" i="2" a="1"/>
  <c r="E8511" i="2" s="1"/>
  <c r="E8513" i="2" a="1"/>
  <c r="E8513" i="2" s="1"/>
  <c r="E8516" i="2" a="1"/>
  <c r="E8516" i="2" s="1"/>
  <c r="E8512" i="2" a="1"/>
  <c r="E8512" i="2" s="1"/>
  <c r="E8525" i="2" a="1"/>
  <c r="E8525" i="2" s="1"/>
  <c r="E8521" i="2" a="1"/>
  <c r="E8521" i="2" s="1"/>
  <c r="E8514" i="2" a="1"/>
  <c r="E8514" i="2" s="1"/>
  <c r="E8522" i="2" a="1"/>
  <c r="E8522" i="2" s="1"/>
  <c r="E8527" i="2" a="1"/>
  <c r="E8527" i="2" s="1"/>
  <c r="E8519" i="2" a="1"/>
  <c r="E8519" i="2" s="1"/>
  <c r="E8508" i="2" a="1"/>
  <c r="E8508" i="2" s="1"/>
  <c r="E8506" i="2" a="1"/>
  <c r="E8506" i="2" s="1"/>
  <c r="E8523" i="2" a="1"/>
  <c r="E8523" i="2" s="1"/>
  <c r="E8510" i="2" a="1"/>
  <c r="E8510" i="2" s="1"/>
  <c r="E8524" i="2" a="1"/>
  <c r="E8524" i="2" s="1"/>
  <c r="E8509" i="2" a="1"/>
  <c r="E8509" i="2" s="1"/>
  <c r="E8518" i="2" a="1"/>
  <c r="E8518" i="2" s="1"/>
  <c r="E8526" i="2" a="1"/>
  <c r="E8526" i="2" s="1"/>
  <c r="E8517" i="2" a="1"/>
  <c r="E8517" i="2" s="1"/>
  <c r="E8520" i="2" a="1"/>
  <c r="E8520" i="2" s="1"/>
  <c r="E8529" i="2" a="1"/>
  <c r="E8529" i="2" s="1"/>
  <c r="D1864" i="2" a="1"/>
  <c r="D1864" i="2" s="1"/>
  <c r="D1874" i="2" a="1"/>
  <c r="D1874" i="2" s="1"/>
  <c r="D1880" i="2" a="1"/>
  <c r="D1880" i="2" s="1"/>
  <c r="D1875" i="2" a="1"/>
  <c r="D1875" i="2" s="1"/>
  <c r="D1879" i="2" a="1"/>
  <c r="D1879" i="2" s="1"/>
  <c r="D1881" i="2" a="1"/>
  <c r="D1881" i="2" s="1"/>
  <c r="D1859" i="2" a="1"/>
  <c r="D1859" i="2" s="1"/>
  <c r="D1873" i="2" a="1"/>
  <c r="D1873" i="2" s="1"/>
  <c r="D1877" i="2" a="1"/>
  <c r="D1877" i="2" s="1"/>
  <c r="D1870" i="2" a="1"/>
  <c r="D1870" i="2" s="1"/>
  <c r="D1876" i="2" a="1"/>
  <c r="D1876" i="2" s="1"/>
  <c r="D1865" i="2" a="1"/>
  <c r="D1865" i="2" s="1"/>
  <c r="D1869" i="2" a="1"/>
  <c r="D1869" i="2" s="1"/>
  <c r="D1872" i="2" a="1"/>
  <c r="D1872" i="2" s="1"/>
  <c r="D1868" i="2" a="1"/>
  <c r="D1868" i="2" s="1"/>
  <c r="D1860" i="2" a="1"/>
  <c r="D1860" i="2" s="1"/>
  <c r="D1867" i="2" a="1"/>
  <c r="D1867" i="2" s="1"/>
  <c r="D1863" i="2" a="1"/>
  <c r="D1863" i="2" s="1"/>
  <c r="D1861" i="2" a="1"/>
  <c r="D1861" i="2" s="1"/>
  <c r="D1866" i="2" a="1"/>
  <c r="D1866" i="2" s="1"/>
  <c r="D1878" i="2" a="1"/>
  <c r="D1878" i="2" s="1"/>
  <c r="D1871" i="2" a="1"/>
  <c r="D1871" i="2" s="1"/>
  <c r="D1858" i="2" a="1"/>
  <c r="D1858" i="2" s="1"/>
  <c r="D1862" i="2" a="1"/>
  <c r="D1862" i="2" s="1"/>
  <c r="AN212" i="1"/>
  <c r="D218" i="5" s="1"/>
  <c r="AO212" i="1"/>
  <c r="E218" i="5" s="1"/>
  <c r="AQ212" i="1"/>
  <c r="G218" i="5" s="1"/>
  <c r="AP212" i="1"/>
  <c r="F218" i="5" s="1"/>
  <c r="AM212" i="1"/>
  <c r="D5079" i="2" a="1"/>
  <c r="D5079" i="2" s="1"/>
  <c r="D5083" i="2" a="1"/>
  <c r="D5083" i="2" s="1"/>
  <c r="D5087" i="2" a="1"/>
  <c r="D5087" i="2" s="1"/>
  <c r="D5091" i="2" a="1"/>
  <c r="D5091" i="2" s="1"/>
  <c r="D5095" i="2" a="1"/>
  <c r="D5095" i="2" s="1"/>
  <c r="D5096" i="2" a="1"/>
  <c r="D5096" i="2" s="1"/>
  <c r="D5086" i="2" a="1"/>
  <c r="D5086" i="2" s="1"/>
  <c r="D5090" i="2" a="1"/>
  <c r="D5090" i="2" s="1"/>
  <c r="D5094" i="2" a="1"/>
  <c r="D5094" i="2" s="1"/>
  <c r="D5075" i="2" a="1"/>
  <c r="D5075" i="2" s="1"/>
  <c r="D5078" i="2" a="1"/>
  <c r="D5078" i="2" s="1"/>
  <c r="D5082" i="2" a="1"/>
  <c r="D5082" i="2" s="1"/>
  <c r="D5077" i="2" a="1"/>
  <c r="D5077" i="2" s="1"/>
  <c r="D5085" i="2" a="1"/>
  <c r="D5085" i="2" s="1"/>
  <c r="D5097" i="2" a="1"/>
  <c r="D5097" i="2" s="1"/>
  <c r="D5074" i="2" a="1"/>
  <c r="D5074" i="2" s="1"/>
  <c r="D5081" i="2" a="1"/>
  <c r="D5081" i="2" s="1"/>
  <c r="D5089" i="2" a="1"/>
  <c r="D5089" i="2" s="1"/>
  <c r="D5076" i="2" a="1"/>
  <c r="D5076" i="2" s="1"/>
  <c r="D5080" i="2" a="1"/>
  <c r="D5080" i="2" s="1"/>
  <c r="D5084" i="2" a="1"/>
  <c r="D5084" i="2" s="1"/>
  <c r="D5088" i="2" a="1"/>
  <c r="D5088" i="2" s="1"/>
  <c r="D5092" i="2" a="1"/>
  <c r="D5092" i="2" s="1"/>
  <c r="D5093" i="2" a="1"/>
  <c r="D5093" i="2" s="1"/>
  <c r="E6770" i="2" a="1"/>
  <c r="E6770" i="2" s="1"/>
  <c r="E6767" i="2" a="1"/>
  <c r="E6767" i="2" s="1"/>
  <c r="E6763" i="2" a="1"/>
  <c r="E6763" i="2" s="1"/>
  <c r="E6771" i="2" a="1"/>
  <c r="E6771" i="2" s="1"/>
  <c r="E6760" i="2" a="1"/>
  <c r="E6760" i="2" s="1"/>
  <c r="E6764" i="2" a="1"/>
  <c r="E6764" i="2" s="1"/>
  <c r="E6772" i="2" a="1"/>
  <c r="E6772" i="2" s="1"/>
  <c r="E6757" i="2" a="1"/>
  <c r="E6757" i="2" s="1"/>
  <c r="E6755" i="2" a="1"/>
  <c r="E6755" i="2" s="1"/>
  <c r="E6758" i="2" a="1"/>
  <c r="E6758" i="2" s="1"/>
  <c r="E6759" i="2" a="1"/>
  <c r="E6759" i="2" s="1"/>
  <c r="E6761" i="2" a="1"/>
  <c r="E6761" i="2" s="1"/>
  <c r="E6769" i="2" a="1"/>
  <c r="E6769" i="2" s="1"/>
  <c r="E6766" i="2" a="1"/>
  <c r="E6766" i="2" s="1"/>
  <c r="E6777" i="2" a="1"/>
  <c r="E6777" i="2" s="1"/>
  <c r="E6754" i="2" a="1"/>
  <c r="E6754" i="2" s="1"/>
  <c r="E6775" i="2" a="1"/>
  <c r="E6775" i="2" s="1"/>
  <c r="E6776" i="2" a="1"/>
  <c r="E6776" i="2" s="1"/>
  <c r="E6762" i="2" a="1"/>
  <c r="E6762" i="2" s="1"/>
  <c r="E6768" i="2" a="1"/>
  <c r="E6768" i="2" s="1"/>
  <c r="E6773" i="2" a="1"/>
  <c r="E6773" i="2" s="1"/>
  <c r="E6765" i="2" a="1"/>
  <c r="E6765" i="2" s="1"/>
  <c r="E6756" i="2" a="1"/>
  <c r="E6756" i="2" s="1"/>
  <c r="E6774" i="2" a="1"/>
  <c r="E6774" i="2" s="1"/>
  <c r="F5820" i="2" a="1"/>
  <c r="F5820" i="2" s="1"/>
  <c r="F5829" i="2" a="1"/>
  <c r="F5829" i="2" s="1"/>
  <c r="F5838" i="2" a="1"/>
  <c r="F5838" i="2" s="1"/>
  <c r="F5822" i="2" a="1"/>
  <c r="F5822" i="2" s="1"/>
  <c r="F5830" i="2" a="1"/>
  <c r="F5830" i="2" s="1"/>
  <c r="F5818" i="2" a="1"/>
  <c r="F5818" i="2" s="1"/>
  <c r="F5835" i="2" a="1"/>
  <c r="F5835" i="2" s="1"/>
  <c r="F5823" i="2" a="1"/>
  <c r="F5823" i="2" s="1"/>
  <c r="F5833" i="2" a="1"/>
  <c r="F5833" i="2" s="1"/>
  <c r="F5836" i="2" a="1"/>
  <c r="F5836" i="2" s="1"/>
  <c r="F5840" i="2" a="1"/>
  <c r="F5840" i="2" s="1"/>
  <c r="F5819" i="2" a="1"/>
  <c r="F5819" i="2" s="1"/>
  <c r="F5831" i="2" a="1"/>
  <c r="F5831" i="2" s="1"/>
  <c r="F5841" i="2" a="1"/>
  <c r="F5841" i="2" s="1"/>
  <c r="F5839" i="2" a="1"/>
  <c r="F5839" i="2" s="1"/>
  <c r="F5824" i="2" a="1"/>
  <c r="F5824" i="2" s="1"/>
  <c r="F5827" i="2" a="1"/>
  <c r="F5827" i="2" s="1"/>
  <c r="F5832" i="2" a="1"/>
  <c r="F5832" i="2" s="1"/>
  <c r="F5821" i="2" a="1"/>
  <c r="F5821" i="2" s="1"/>
  <c r="F5834" i="2" a="1"/>
  <c r="F5834" i="2" s="1"/>
  <c r="F5837" i="2" a="1"/>
  <c r="F5837" i="2" s="1"/>
  <c r="F5828" i="2" a="1"/>
  <c r="F5828" i="2" s="1"/>
  <c r="F5825" i="2" a="1"/>
  <c r="F5825" i="2" s="1"/>
  <c r="F5826" i="2" a="1"/>
  <c r="F5826" i="2" s="1"/>
  <c r="G3684" i="2" a="1"/>
  <c r="G3684" i="2" s="1"/>
  <c r="G3701" i="2" a="1"/>
  <c r="G3701" i="2" s="1"/>
  <c r="G3682" i="2" a="1"/>
  <c r="G3682" i="2" s="1"/>
  <c r="G3685" i="2" a="1"/>
  <c r="G3685" i="2" s="1"/>
  <c r="G3696" i="2" a="1"/>
  <c r="G3696" i="2" s="1"/>
  <c r="G3699" i="2" a="1"/>
  <c r="G3699" i="2" s="1"/>
  <c r="G3686" i="2" a="1"/>
  <c r="G3686" i="2" s="1"/>
  <c r="G3688" i="2" a="1"/>
  <c r="G3688" i="2" s="1"/>
  <c r="G3691" i="2" a="1"/>
  <c r="G3691" i="2" s="1"/>
  <c r="G3697" i="2" a="1"/>
  <c r="G3697" i="2" s="1"/>
  <c r="G3704" i="2" a="1"/>
  <c r="G3704" i="2" s="1"/>
  <c r="G3705" i="2" a="1"/>
  <c r="G3705" i="2" s="1"/>
  <c r="G3689" i="2" a="1"/>
  <c r="G3689" i="2" s="1"/>
  <c r="G3687" i="2" a="1"/>
  <c r="G3687" i="2" s="1"/>
  <c r="G3695" i="2" a="1"/>
  <c r="G3695" i="2" s="1"/>
  <c r="G3683" i="2" a="1"/>
  <c r="G3683" i="2" s="1"/>
  <c r="G3700" i="2" a="1"/>
  <c r="G3700" i="2" s="1"/>
  <c r="G3694" i="2" a="1"/>
  <c r="G3694" i="2" s="1"/>
  <c r="G3702" i="2" a="1"/>
  <c r="G3702" i="2" s="1"/>
  <c r="G3690" i="2" a="1"/>
  <c r="G3690" i="2" s="1"/>
  <c r="G3703" i="2" a="1"/>
  <c r="G3703" i="2" s="1"/>
  <c r="G3693" i="2" a="1"/>
  <c r="G3693" i="2" s="1"/>
  <c r="G3698" i="2" a="1"/>
  <c r="G3698" i="2" s="1"/>
  <c r="G3692" i="2" a="1"/>
  <c r="G3692" i="2" s="1"/>
  <c r="G5589" i="2" a="1"/>
  <c r="G5589" i="2" s="1"/>
  <c r="G5595" i="2" a="1"/>
  <c r="G5595" i="2" s="1"/>
  <c r="G5585" i="2" a="1"/>
  <c r="G5585" i="2" s="1"/>
  <c r="G5592" i="2" a="1"/>
  <c r="G5592" i="2" s="1"/>
  <c r="G5580" i="2" a="1"/>
  <c r="G5580" i="2" s="1"/>
  <c r="G5587" i="2" a="1"/>
  <c r="G5587" i="2" s="1"/>
  <c r="G5578" i="2" a="1"/>
  <c r="G5578" i="2" s="1"/>
  <c r="G5582" i="2" a="1"/>
  <c r="G5582" i="2" s="1"/>
  <c r="G5597" i="2" a="1"/>
  <c r="G5597" i="2" s="1"/>
  <c r="G5583" i="2" a="1"/>
  <c r="G5583" i="2" s="1"/>
  <c r="G5593" i="2" a="1"/>
  <c r="G5593" i="2" s="1"/>
  <c r="G5594" i="2" a="1"/>
  <c r="G5594" i="2" s="1"/>
  <c r="G5601" i="2" a="1"/>
  <c r="G5601" i="2" s="1"/>
  <c r="G5581" i="2" a="1"/>
  <c r="G5581" i="2" s="1"/>
  <c r="G5584" i="2" a="1"/>
  <c r="G5584" i="2" s="1"/>
  <c r="G5590" i="2" a="1"/>
  <c r="G5590" i="2" s="1"/>
  <c r="G5598" i="2" a="1"/>
  <c r="G5598" i="2" s="1"/>
  <c r="G5588" i="2" a="1"/>
  <c r="G5588" i="2" s="1"/>
  <c r="G5579" i="2" a="1"/>
  <c r="G5579" i="2" s="1"/>
  <c r="G5591" i="2" a="1"/>
  <c r="G5591" i="2" s="1"/>
  <c r="G5596" i="2" a="1"/>
  <c r="G5596" i="2" s="1"/>
  <c r="G5586" i="2" a="1"/>
  <c r="G5586" i="2" s="1"/>
  <c r="G5599" i="2" a="1"/>
  <c r="G5599" i="2" s="1"/>
  <c r="G5600" i="2" a="1"/>
  <c r="G5600" i="2" s="1"/>
  <c r="AP160" i="1"/>
  <c r="F166" i="5" s="1"/>
  <c r="AQ160" i="1"/>
  <c r="G166" i="5" s="1"/>
  <c r="AN160" i="1"/>
  <c r="D166" i="5" s="1"/>
  <c r="AO160" i="1"/>
  <c r="E166" i="5" s="1"/>
  <c r="AM160" i="1"/>
  <c r="D3841" i="2" a="1"/>
  <c r="D3841" i="2" s="1"/>
  <c r="D3845" i="2" a="1"/>
  <c r="D3845" i="2" s="1"/>
  <c r="D3831" i="2" a="1"/>
  <c r="D3831" i="2" s="1"/>
  <c r="D3847" i="2" a="1"/>
  <c r="D3847" i="2" s="1"/>
  <c r="D3848" i="2" a="1"/>
  <c r="D3848" i="2" s="1"/>
  <c r="D3826" i="2" a="1"/>
  <c r="D3826" i="2" s="1"/>
  <c r="D3830" i="2" a="1"/>
  <c r="D3830" i="2" s="1"/>
  <c r="D3837" i="2" a="1"/>
  <c r="D3837" i="2" s="1"/>
  <c r="D3840" i="2" a="1"/>
  <c r="D3840" i="2" s="1"/>
  <c r="D3844" i="2" a="1"/>
  <c r="D3844" i="2" s="1"/>
  <c r="D3832" i="2" a="1"/>
  <c r="D3832" i="2" s="1"/>
  <c r="D3839" i="2" a="1"/>
  <c r="D3839" i="2" s="1"/>
  <c r="D3846" i="2" a="1"/>
  <c r="D3846" i="2" s="1"/>
  <c r="D3833" i="2" a="1"/>
  <c r="D3833" i="2" s="1"/>
  <c r="D3843" i="2" a="1"/>
  <c r="D3843" i="2" s="1"/>
  <c r="D3849" i="2" a="1"/>
  <c r="D3849" i="2" s="1"/>
  <c r="D3836" i="2" a="1"/>
  <c r="D3836" i="2" s="1"/>
  <c r="D3828" i="2" a="1"/>
  <c r="D3828" i="2" s="1"/>
  <c r="D3829" i="2" a="1"/>
  <c r="D3829" i="2" s="1"/>
  <c r="D3838" i="2" a="1"/>
  <c r="D3838" i="2" s="1"/>
  <c r="D3835" i="2" a="1"/>
  <c r="D3835" i="2" s="1"/>
  <c r="D3834" i="2" a="1"/>
  <c r="D3834" i="2" s="1"/>
  <c r="D3842" i="2" a="1"/>
  <c r="D3842" i="2" s="1"/>
  <c r="D3827" i="2" a="1"/>
  <c r="D3827" i="2" s="1"/>
  <c r="F224" i="2" a="1"/>
  <c r="F224" i="2" s="1"/>
  <c r="F202" i="2" a="1"/>
  <c r="F202" i="2" s="1"/>
  <c r="F214" i="2" a="1"/>
  <c r="F214" i="2" s="1"/>
  <c r="F205" i="2" a="1"/>
  <c r="F205" i="2" s="1"/>
  <c r="F209" i="2" a="1"/>
  <c r="F209" i="2" s="1"/>
  <c r="F217" i="2" a="1"/>
  <c r="F217" i="2" s="1"/>
  <c r="F206" i="2" a="1"/>
  <c r="F206" i="2" s="1"/>
  <c r="F204" i="2" a="1"/>
  <c r="F204" i="2" s="1"/>
  <c r="F211" i="2" a="1"/>
  <c r="F211" i="2" s="1"/>
  <c r="F222" i="2" a="1"/>
  <c r="F222" i="2" s="1"/>
  <c r="F218" i="2" a="1"/>
  <c r="F218" i="2" s="1"/>
  <c r="F210" i="2" a="1"/>
  <c r="F210" i="2" s="1"/>
  <c r="F221" i="2" a="1"/>
  <c r="F221" i="2" s="1"/>
  <c r="F212" i="2" a="1"/>
  <c r="F212" i="2" s="1"/>
  <c r="F220" i="2" a="1"/>
  <c r="F220" i="2" s="1"/>
  <c r="F208" i="2" a="1"/>
  <c r="F208" i="2" s="1"/>
  <c r="F223" i="2" a="1"/>
  <c r="F223" i="2" s="1"/>
  <c r="F215" i="2" a="1"/>
  <c r="F215" i="2" s="1"/>
  <c r="F216" i="2" a="1"/>
  <c r="F216" i="2" s="1"/>
  <c r="F203" i="2" a="1"/>
  <c r="F203" i="2" s="1"/>
  <c r="F225" i="2" a="1"/>
  <c r="F225" i="2" s="1"/>
  <c r="F219" i="2" a="1"/>
  <c r="F219" i="2" s="1"/>
  <c r="F207" i="2" a="1"/>
  <c r="F207" i="2" s="1"/>
  <c r="F213" i="2" a="1"/>
  <c r="F213" i="2" s="1"/>
  <c r="E6659" i="2" a="1"/>
  <c r="E6659" i="2" s="1"/>
  <c r="E6660" i="2" a="1"/>
  <c r="E6660" i="2" s="1"/>
  <c r="E6672" i="2" a="1"/>
  <c r="E6672" i="2" s="1"/>
  <c r="E6675" i="2" a="1"/>
  <c r="E6675" i="2" s="1"/>
  <c r="E6662" i="2" a="1"/>
  <c r="E6662" i="2" s="1"/>
  <c r="E6658" i="2" a="1"/>
  <c r="E6658" i="2" s="1"/>
  <c r="E6680" i="2" a="1"/>
  <c r="E6680" i="2" s="1"/>
  <c r="E6661" i="2" a="1"/>
  <c r="E6661" i="2" s="1"/>
  <c r="E6668" i="2" a="1"/>
  <c r="E6668" i="2" s="1"/>
  <c r="E6673" i="2" a="1"/>
  <c r="E6673" i="2" s="1"/>
  <c r="E6671" i="2" a="1"/>
  <c r="E6671" i="2" s="1"/>
  <c r="E6679" i="2" a="1"/>
  <c r="E6679" i="2" s="1"/>
  <c r="E6681" i="2" a="1"/>
  <c r="E6681" i="2" s="1"/>
  <c r="E6665" i="2" a="1"/>
  <c r="E6665" i="2" s="1"/>
  <c r="E6666" i="2" a="1"/>
  <c r="E6666" i="2" s="1"/>
  <c r="E6678" i="2" a="1"/>
  <c r="E6678" i="2" s="1"/>
  <c r="E6667" i="2" a="1"/>
  <c r="E6667" i="2" s="1"/>
  <c r="E6677" i="2" a="1"/>
  <c r="E6677" i="2" s="1"/>
  <c r="E6669" i="2" a="1"/>
  <c r="E6669" i="2" s="1"/>
  <c r="E6663" i="2" a="1"/>
  <c r="E6663" i="2" s="1"/>
  <c r="E6674" i="2" a="1"/>
  <c r="E6674" i="2" s="1"/>
  <c r="E6670" i="2" a="1"/>
  <c r="E6670" i="2" s="1"/>
  <c r="E6664" i="2" a="1"/>
  <c r="E6664" i="2" s="1"/>
  <c r="E6676" i="2" a="1"/>
  <c r="E6676" i="2" s="1"/>
  <c r="E4980" i="2" a="1"/>
  <c r="E4980" i="2" s="1"/>
  <c r="E4986" i="2" a="1"/>
  <c r="E4986" i="2" s="1"/>
  <c r="E4979" i="2" a="1"/>
  <c r="E4979" i="2" s="1"/>
  <c r="E4997" i="2" a="1"/>
  <c r="E4997" i="2" s="1"/>
  <c r="E4992" i="2" a="1"/>
  <c r="E4992" i="2" s="1"/>
  <c r="E4993" i="2" a="1"/>
  <c r="E4993" i="2" s="1"/>
  <c r="E4994" i="2" a="1"/>
  <c r="E4994" i="2" s="1"/>
  <c r="E4978" i="2" a="1"/>
  <c r="E4978" i="2" s="1"/>
  <c r="E4985" i="2" a="1"/>
  <c r="E4985" i="2" s="1"/>
  <c r="E4981" i="2" a="1"/>
  <c r="E4981" i="2" s="1"/>
  <c r="E4983" i="2" a="1"/>
  <c r="E4983" i="2" s="1"/>
  <c r="E4999" i="2" a="1"/>
  <c r="E4999" i="2" s="1"/>
  <c r="E4984" i="2" a="1"/>
  <c r="E4984" i="2" s="1"/>
  <c r="E5000" i="2" a="1"/>
  <c r="E5000" i="2" s="1"/>
  <c r="E5001" i="2" a="1"/>
  <c r="E5001" i="2" s="1"/>
  <c r="E4995" i="2" a="1"/>
  <c r="E4995" i="2" s="1"/>
  <c r="E4989" i="2" a="1"/>
  <c r="E4989" i="2" s="1"/>
  <c r="E4996" i="2" a="1"/>
  <c r="E4996" i="2" s="1"/>
  <c r="E4991" i="2" a="1"/>
  <c r="E4991" i="2" s="1"/>
  <c r="E4998" i="2" a="1"/>
  <c r="E4998" i="2" s="1"/>
  <c r="E4982" i="2" a="1"/>
  <c r="E4982" i="2" s="1"/>
  <c r="E4988" i="2" a="1"/>
  <c r="E4988" i="2" s="1"/>
  <c r="E4990" i="2" a="1"/>
  <c r="E4990" i="2" s="1"/>
  <c r="E4987" i="2" a="1"/>
  <c r="E4987" i="2" s="1"/>
  <c r="E4953" i="2" a="1"/>
  <c r="E4953" i="2" s="1"/>
  <c r="E4947" i="2" a="1"/>
  <c r="E4947" i="2" s="1"/>
  <c r="E4933" i="2" a="1"/>
  <c r="E4933" i="2" s="1"/>
  <c r="E4938" i="2" a="1"/>
  <c r="E4938" i="2" s="1"/>
  <c r="E4948" i="2" a="1"/>
  <c r="E4948" i="2" s="1"/>
  <c r="E4951" i="2" a="1"/>
  <c r="E4951" i="2" s="1"/>
  <c r="E4939" i="2" a="1"/>
  <c r="E4939" i="2" s="1"/>
  <c r="E4949" i="2" a="1"/>
  <c r="E4949" i="2" s="1"/>
  <c r="E4937" i="2" a="1"/>
  <c r="E4937" i="2" s="1"/>
  <c r="E4943" i="2" a="1"/>
  <c r="E4943" i="2" s="1"/>
  <c r="E4936" i="2" a="1"/>
  <c r="E4936" i="2" s="1"/>
  <c r="E4942" i="2" a="1"/>
  <c r="E4942" i="2" s="1"/>
  <c r="E4952" i="2" a="1"/>
  <c r="E4952" i="2" s="1"/>
  <c r="E4946" i="2" a="1"/>
  <c r="E4946" i="2" s="1"/>
  <c r="E4931" i="2" a="1"/>
  <c r="E4931" i="2" s="1"/>
  <c r="E4950" i="2" a="1"/>
  <c r="E4950" i="2" s="1"/>
  <c r="E4945" i="2" a="1"/>
  <c r="E4945" i="2" s="1"/>
  <c r="E4941" i="2" a="1"/>
  <c r="E4941" i="2" s="1"/>
  <c r="E4934" i="2" a="1"/>
  <c r="E4934" i="2" s="1"/>
  <c r="E4935" i="2" a="1"/>
  <c r="E4935" i="2" s="1"/>
  <c r="E4932" i="2" a="1"/>
  <c r="E4932" i="2" s="1"/>
  <c r="E4944" i="2" a="1"/>
  <c r="E4944" i="2" s="1"/>
  <c r="E4940" i="2" a="1"/>
  <c r="E4940" i="2" s="1"/>
  <c r="E4930" i="2" a="1"/>
  <c r="E4930" i="2" s="1"/>
  <c r="H2859" i="2" a="1"/>
  <c r="H2859" i="2" s="1"/>
  <c r="H2843" i="2" a="1"/>
  <c r="H2843" i="2" s="1"/>
  <c r="H2865" i="2" a="1"/>
  <c r="H2865" i="2" s="1"/>
  <c r="H2862" i="2" a="1"/>
  <c r="H2862" i="2" s="1"/>
  <c r="H2847" i="2" a="1"/>
  <c r="H2847" i="2" s="1"/>
  <c r="H2844" i="2" a="1"/>
  <c r="H2844" i="2" s="1"/>
  <c r="H2850" i="2" a="1"/>
  <c r="H2850" i="2" s="1"/>
  <c r="H2849" i="2" a="1"/>
  <c r="H2849" i="2" s="1"/>
  <c r="H2845" i="2" a="1"/>
  <c r="H2845" i="2" s="1"/>
  <c r="H2853" i="2" a="1"/>
  <c r="H2853" i="2" s="1"/>
  <c r="H2855" i="2" a="1"/>
  <c r="H2855" i="2" s="1"/>
  <c r="H2846" i="2" a="1"/>
  <c r="H2846" i="2" s="1"/>
  <c r="H2854" i="2" a="1"/>
  <c r="H2854" i="2" s="1"/>
  <c r="H2857" i="2" a="1"/>
  <c r="H2857" i="2" s="1"/>
  <c r="H2863" i="2" a="1"/>
  <c r="H2863" i="2" s="1"/>
  <c r="H2860" i="2" a="1"/>
  <c r="H2860" i="2" s="1"/>
  <c r="H2856" i="2" a="1"/>
  <c r="H2856" i="2" s="1"/>
  <c r="H2851" i="2" a="1"/>
  <c r="H2851" i="2" s="1"/>
  <c r="H2858" i="2" a="1"/>
  <c r="H2858" i="2" s="1"/>
  <c r="H2864" i="2" a="1"/>
  <c r="H2864" i="2" s="1"/>
  <c r="H2848" i="2" a="1"/>
  <c r="H2848" i="2" s="1"/>
  <c r="H2852" i="2" a="1"/>
  <c r="H2852" i="2" s="1"/>
  <c r="H2861" i="2" a="1"/>
  <c r="H2861" i="2" s="1"/>
  <c r="H2842" i="2" a="1"/>
  <c r="H2842" i="2" s="1"/>
  <c r="D5576" i="2" a="1"/>
  <c r="D5576" i="2" s="1"/>
  <c r="D5563" i="2" a="1"/>
  <c r="D5563" i="2" s="1"/>
  <c r="D5575" i="2" a="1"/>
  <c r="D5575" i="2" s="1"/>
  <c r="D5555" i="2" a="1"/>
  <c r="D5555" i="2" s="1"/>
  <c r="D5554" i="2" a="1"/>
  <c r="D5554" i="2" s="1"/>
  <c r="D5577" i="2" a="1"/>
  <c r="D5577" i="2" s="1"/>
  <c r="D5572" i="2" a="1"/>
  <c r="D5572" i="2" s="1"/>
  <c r="D5571" i="2" a="1"/>
  <c r="D5571" i="2" s="1"/>
  <c r="D5556" i="2" a="1"/>
  <c r="D5556" i="2" s="1"/>
  <c r="D5557" i="2" a="1"/>
  <c r="D5557" i="2" s="1"/>
  <c r="D5561" i="2" a="1"/>
  <c r="D5561" i="2" s="1"/>
  <c r="D5558" i="2" a="1"/>
  <c r="D5558" i="2" s="1"/>
  <c r="D5562" i="2" a="1"/>
  <c r="D5562" i="2" s="1"/>
  <c r="D5560" i="2" a="1"/>
  <c r="D5560" i="2" s="1"/>
  <c r="D5564" i="2" a="1"/>
  <c r="D5564" i="2" s="1"/>
  <c r="D5566" i="2" a="1"/>
  <c r="D5566" i="2" s="1"/>
  <c r="D5573" i="2" a="1"/>
  <c r="D5573" i="2" s="1"/>
  <c r="D5567" i="2" a="1"/>
  <c r="D5567" i="2" s="1"/>
  <c r="D5570" i="2" a="1"/>
  <c r="D5570" i="2" s="1"/>
  <c r="D5565" i="2" a="1"/>
  <c r="D5565" i="2" s="1"/>
  <c r="D5559" i="2" a="1"/>
  <c r="D5559" i="2" s="1"/>
  <c r="D5569" i="2" a="1"/>
  <c r="D5569" i="2" s="1"/>
  <c r="D5574" i="2" a="1"/>
  <c r="D5574" i="2" s="1"/>
  <c r="D5568" i="2" a="1"/>
  <c r="D5568" i="2" s="1"/>
  <c r="H2030" i="2" a="1"/>
  <c r="H2030" i="2" s="1"/>
  <c r="H2048" i="2" a="1"/>
  <c r="H2048" i="2" s="1"/>
  <c r="H2035" i="2" a="1"/>
  <c r="H2035" i="2" s="1"/>
  <c r="H2049" i="2" a="1"/>
  <c r="H2049" i="2" s="1"/>
  <c r="H2032" i="2" a="1"/>
  <c r="H2032" i="2" s="1"/>
  <c r="H2036" i="2" a="1"/>
  <c r="H2036" i="2" s="1"/>
  <c r="H2031" i="2" a="1"/>
  <c r="H2031" i="2" s="1"/>
  <c r="H2041" i="2" a="1"/>
  <c r="H2041" i="2" s="1"/>
  <c r="H2028" i="2" a="1"/>
  <c r="H2028" i="2" s="1"/>
  <c r="H2033" i="2" a="1"/>
  <c r="H2033" i="2" s="1"/>
  <c r="H2037" i="2" a="1"/>
  <c r="H2037" i="2" s="1"/>
  <c r="H2044" i="2" a="1"/>
  <c r="H2044" i="2" s="1"/>
  <c r="H2034" i="2" a="1"/>
  <c r="H2034" i="2" s="1"/>
  <c r="H2038" i="2" a="1"/>
  <c r="H2038" i="2" s="1"/>
  <c r="H2046" i="2" a="1"/>
  <c r="H2046" i="2" s="1"/>
  <c r="H2047" i="2" a="1"/>
  <c r="H2047" i="2" s="1"/>
  <c r="H2029" i="2" a="1"/>
  <c r="H2029" i="2" s="1"/>
  <c r="H2026" i="2" a="1"/>
  <c r="H2026" i="2" s="1"/>
  <c r="H2027" i="2" a="1"/>
  <c r="H2027" i="2" s="1"/>
  <c r="H2040" i="2" a="1"/>
  <c r="H2040" i="2" s="1"/>
  <c r="H2039" i="2" a="1"/>
  <c r="H2039" i="2" s="1"/>
  <c r="H2043" i="2" a="1"/>
  <c r="H2043" i="2" s="1"/>
  <c r="H2042" i="2" a="1"/>
  <c r="H2042" i="2" s="1"/>
  <c r="H2045" i="2" a="1"/>
  <c r="H2045" i="2" s="1"/>
  <c r="D3557" i="2" a="1"/>
  <c r="D3557" i="2" s="1"/>
  <c r="D3541" i="2" a="1"/>
  <c r="D3541" i="2" s="1"/>
  <c r="D3546" i="2" a="1"/>
  <c r="D3546" i="2" s="1"/>
  <c r="D3561" i="2" a="1"/>
  <c r="D3561" i="2" s="1"/>
  <c r="D3558" i="2" a="1"/>
  <c r="D3558" i="2" s="1"/>
  <c r="D3543" i="2" a="1"/>
  <c r="D3543" i="2" s="1"/>
  <c r="D3555" i="2" a="1"/>
  <c r="D3555" i="2" s="1"/>
  <c r="D3550" i="2" a="1"/>
  <c r="D3550" i="2" s="1"/>
  <c r="D3551" i="2" a="1"/>
  <c r="D3551" i="2" s="1"/>
  <c r="D3544" i="2" a="1"/>
  <c r="D3544" i="2" s="1"/>
  <c r="D3559" i="2" a="1"/>
  <c r="D3559" i="2" s="1"/>
  <c r="D3545" i="2" a="1"/>
  <c r="D3545" i="2" s="1"/>
  <c r="D3552" i="2" a="1"/>
  <c r="D3552" i="2" s="1"/>
  <c r="D3548" i="2" a="1"/>
  <c r="D3548" i="2" s="1"/>
  <c r="D3556" i="2" a="1"/>
  <c r="D3556" i="2" s="1"/>
  <c r="D3549" i="2" a="1"/>
  <c r="D3549" i="2" s="1"/>
  <c r="D3539" i="2" a="1"/>
  <c r="D3539" i="2" s="1"/>
  <c r="D3560" i="2" a="1"/>
  <c r="D3560" i="2" s="1"/>
  <c r="D3553" i="2" a="1"/>
  <c r="D3553" i="2" s="1"/>
  <c r="D3540" i="2" a="1"/>
  <c r="D3540" i="2" s="1"/>
  <c r="D3547" i="2" a="1"/>
  <c r="D3547" i="2" s="1"/>
  <c r="D3554" i="2" a="1"/>
  <c r="D3554" i="2" s="1"/>
  <c r="D3538" i="2" a="1"/>
  <c r="D3538" i="2" s="1"/>
  <c r="D3542" i="2" a="1"/>
  <c r="D3542" i="2" s="1"/>
  <c r="D4363" i="2" a="1"/>
  <c r="D4363" i="2" s="1"/>
  <c r="D4355" i="2" a="1"/>
  <c r="D4355" i="2" s="1"/>
  <c r="D4360" i="2" a="1"/>
  <c r="D4360" i="2" s="1"/>
  <c r="D4372" i="2" a="1"/>
  <c r="D4372" i="2" s="1"/>
  <c r="D4376" i="2" a="1"/>
  <c r="D4376" i="2" s="1"/>
  <c r="D4368" i="2" a="1"/>
  <c r="D4368" i="2" s="1"/>
  <c r="D4357" i="2" a="1"/>
  <c r="D4357" i="2" s="1"/>
  <c r="D4369" i="2" a="1"/>
  <c r="D4369" i="2" s="1"/>
  <c r="D4364" i="2" a="1"/>
  <c r="D4364" i="2" s="1"/>
  <c r="D4370" i="2" a="1"/>
  <c r="D4370" i="2" s="1"/>
  <c r="D4359" i="2" a="1"/>
  <c r="D4359" i="2" s="1"/>
  <c r="D4361" i="2" a="1"/>
  <c r="D4361" i="2" s="1"/>
  <c r="D4371" i="2" a="1"/>
  <c r="D4371" i="2" s="1"/>
  <c r="D4366" i="2" a="1"/>
  <c r="D4366" i="2" s="1"/>
  <c r="D4377" i="2" a="1"/>
  <c r="D4377" i="2" s="1"/>
  <c r="D4356" i="2" a="1"/>
  <c r="D4356" i="2" s="1"/>
  <c r="D4374" i="2" a="1"/>
  <c r="D4374" i="2" s="1"/>
  <c r="D4365" i="2" a="1"/>
  <c r="D4365" i="2" s="1"/>
  <c r="D4373" i="2" a="1"/>
  <c r="D4373" i="2" s="1"/>
  <c r="D4375" i="2" a="1"/>
  <c r="D4375" i="2" s="1"/>
  <c r="D4367" i="2" a="1"/>
  <c r="D4367" i="2" s="1"/>
  <c r="D4362" i="2" a="1"/>
  <c r="D4362" i="2" s="1"/>
  <c r="D4354" i="2" a="1"/>
  <c r="D4354" i="2" s="1"/>
  <c r="D4358" i="2" a="1"/>
  <c r="D4358" i="2" s="1"/>
  <c r="H2023" i="2" a="1"/>
  <c r="H2023" i="2" s="1"/>
  <c r="H2015" i="2" a="1"/>
  <c r="H2015" i="2" s="1"/>
  <c r="H2025" i="2" a="1"/>
  <c r="H2025" i="2" s="1"/>
  <c r="H2017" i="2" a="1"/>
  <c r="H2017" i="2" s="1"/>
  <c r="H2009" i="2" a="1"/>
  <c r="H2009" i="2" s="1"/>
  <c r="H2004" i="2" a="1"/>
  <c r="H2004" i="2" s="1"/>
  <c r="H2020" i="2" a="1"/>
  <c r="H2020" i="2" s="1"/>
  <c r="H2005" i="2" a="1"/>
  <c r="H2005" i="2" s="1"/>
  <c r="H2012" i="2" a="1"/>
  <c r="H2012" i="2" s="1"/>
  <c r="H2010" i="2" a="1"/>
  <c r="H2010" i="2" s="1"/>
  <c r="H2013" i="2" a="1"/>
  <c r="H2013" i="2" s="1"/>
  <c r="H2018" i="2" a="1"/>
  <c r="H2018" i="2" s="1"/>
  <c r="H2014" i="2" a="1"/>
  <c r="H2014" i="2" s="1"/>
  <c r="H2019" i="2" a="1"/>
  <c r="H2019" i="2" s="1"/>
  <c r="H2006" i="2" a="1"/>
  <c r="H2006" i="2" s="1"/>
  <c r="H2007" i="2" a="1"/>
  <c r="H2007" i="2" s="1"/>
  <c r="H2011" i="2" a="1"/>
  <c r="H2011" i="2" s="1"/>
  <c r="H2003" i="2" a="1"/>
  <c r="H2003" i="2" s="1"/>
  <c r="H2008" i="2" a="1"/>
  <c r="H2008" i="2" s="1"/>
  <c r="H2024" i="2" a="1"/>
  <c r="H2024" i="2" s="1"/>
  <c r="H2016" i="2" a="1"/>
  <c r="H2016" i="2" s="1"/>
  <c r="H2021" i="2" a="1"/>
  <c r="H2021" i="2" s="1"/>
  <c r="H2022" i="2" a="1"/>
  <c r="H2022" i="2" s="1"/>
  <c r="H2002" i="2" a="1"/>
  <c r="H2002" i="2" s="1"/>
  <c r="AP324" i="1"/>
  <c r="F330" i="5" s="1"/>
  <c r="AQ324" i="1"/>
  <c r="G330" i="5" s="1"/>
  <c r="AO324" i="1"/>
  <c r="E330" i="5" s="1"/>
  <c r="AN324" i="1"/>
  <c r="D330" i="5" s="1"/>
  <c r="AM324" i="1"/>
  <c r="D7768" i="2" a="1"/>
  <c r="D7768" i="2" s="1"/>
  <c r="D7762" i="2" a="1"/>
  <c r="D7762" i="2" s="1"/>
  <c r="D7766" i="2" a="1"/>
  <c r="D7766" i="2" s="1"/>
  <c r="D7770" i="2" a="1"/>
  <c r="D7770" i="2" s="1"/>
  <c r="D7778" i="2" a="1"/>
  <c r="D7778" i="2" s="1"/>
  <c r="D7782" i="2" a="1"/>
  <c r="D7782" i="2" s="1"/>
  <c r="D7765" i="2" a="1"/>
  <c r="D7765" i="2" s="1"/>
  <c r="D7769" i="2" a="1"/>
  <c r="D7769" i="2" s="1"/>
  <c r="D7785" i="2" a="1"/>
  <c r="D7785" i="2" s="1"/>
  <c r="D7774" i="2" a="1"/>
  <c r="D7774" i="2" s="1"/>
  <c r="D7773" i="2" a="1"/>
  <c r="D7773" i="2" s="1"/>
  <c r="D7777" i="2" a="1"/>
  <c r="D7777" i="2" s="1"/>
  <c r="D7781" i="2" a="1"/>
  <c r="D7781" i="2" s="1"/>
  <c r="D7767" i="2" a="1"/>
  <c r="D7767" i="2" s="1"/>
  <c r="D7771" i="2" a="1"/>
  <c r="D7771" i="2" s="1"/>
  <c r="D7775" i="2" a="1"/>
  <c r="D7775" i="2" s="1"/>
  <c r="D7779" i="2" a="1"/>
  <c r="D7779" i="2" s="1"/>
  <c r="D7783" i="2" a="1"/>
  <c r="D7783" i="2" s="1"/>
  <c r="D7772" i="2" a="1"/>
  <c r="D7772" i="2" s="1"/>
  <c r="D7776" i="2" a="1"/>
  <c r="D7776" i="2" s="1"/>
  <c r="D7780" i="2" a="1"/>
  <c r="D7780" i="2" s="1"/>
  <c r="D7784" i="2" a="1"/>
  <c r="D7784" i="2" s="1"/>
  <c r="D7763" i="2" a="1"/>
  <c r="D7763" i="2" s="1"/>
  <c r="D7764" i="2" a="1"/>
  <c r="D7764" i="2" s="1"/>
  <c r="F5918" i="2" a="1"/>
  <c r="F5918" i="2" s="1"/>
  <c r="F5920" i="2" a="1"/>
  <c r="F5920" i="2" s="1"/>
  <c r="F5935" i="2" a="1"/>
  <c r="F5935" i="2" s="1"/>
  <c r="F5923" i="2" a="1"/>
  <c r="F5923" i="2" s="1"/>
  <c r="F5927" i="2" a="1"/>
  <c r="F5927" i="2" s="1"/>
  <c r="F5917" i="2" a="1"/>
  <c r="F5917" i="2" s="1"/>
  <c r="F5921" i="2" a="1"/>
  <c r="F5921" i="2" s="1"/>
  <c r="F5932" i="2" a="1"/>
  <c r="F5932" i="2" s="1"/>
  <c r="F5936" i="2" a="1"/>
  <c r="F5936" i="2" s="1"/>
  <c r="F5914" i="2" a="1"/>
  <c r="F5914" i="2" s="1"/>
  <c r="F5915" i="2" a="1"/>
  <c r="F5915" i="2" s="1"/>
  <c r="F5928" i="2" a="1"/>
  <c r="F5928" i="2" s="1"/>
  <c r="F5916" i="2" a="1"/>
  <c r="F5916" i="2" s="1"/>
  <c r="F5929" i="2" a="1"/>
  <c r="F5929" i="2" s="1"/>
  <c r="F5933" i="2" a="1"/>
  <c r="F5933" i="2" s="1"/>
  <c r="F5924" i="2" a="1"/>
  <c r="F5924" i="2" s="1"/>
  <c r="F5925" i="2" a="1"/>
  <c r="F5925" i="2" s="1"/>
  <c r="F5931" i="2" a="1"/>
  <c r="F5931" i="2" s="1"/>
  <c r="F5926" i="2" a="1"/>
  <c r="F5926" i="2" s="1"/>
  <c r="F5919" i="2" a="1"/>
  <c r="F5919" i="2" s="1"/>
  <c r="F5922" i="2" a="1"/>
  <c r="F5922" i="2" s="1"/>
  <c r="F5930" i="2" a="1"/>
  <c r="F5930" i="2" s="1"/>
  <c r="F5934" i="2" a="1"/>
  <c r="F5934" i="2" s="1"/>
  <c r="F5937" i="2" a="1"/>
  <c r="F5937" i="2" s="1"/>
  <c r="AO67" i="1"/>
  <c r="E73" i="5" s="1"/>
  <c r="AN67" i="1"/>
  <c r="D73" i="5" s="1"/>
  <c r="AQ67" i="1"/>
  <c r="G73" i="5" s="1"/>
  <c r="AP67" i="1"/>
  <c r="F73" i="5" s="1"/>
  <c r="AM67" i="1"/>
  <c r="D1595" i="2" a="1"/>
  <c r="D1595" i="2" s="1"/>
  <c r="D1599" i="2" a="1"/>
  <c r="D1599" i="2" s="1"/>
  <c r="D1602" i="2" a="1"/>
  <c r="D1602" i="2" s="1"/>
  <c r="D1607" i="2" a="1"/>
  <c r="D1607" i="2" s="1"/>
  <c r="D1610" i="2" a="1"/>
  <c r="D1610" i="2" s="1"/>
  <c r="D1614" i="2" a="1"/>
  <c r="D1614" i="2" s="1"/>
  <c r="D1613" i="2" a="1"/>
  <c r="D1613" i="2" s="1"/>
  <c r="D1597" i="2" a="1"/>
  <c r="D1597" i="2" s="1"/>
  <c r="D1601" i="2" a="1"/>
  <c r="D1601" i="2" s="1"/>
  <c r="D1604" i="2" a="1"/>
  <c r="D1604" i="2" s="1"/>
  <c r="D1609" i="2" a="1"/>
  <c r="D1609" i="2" s="1"/>
  <c r="D1617" i="2" a="1"/>
  <c r="D1617" i="2" s="1"/>
  <c r="D1596" i="2" a="1"/>
  <c r="D1596" i="2" s="1"/>
  <c r="D1600" i="2" a="1"/>
  <c r="D1600" i="2" s="1"/>
  <c r="D1605" i="2" a="1"/>
  <c r="D1605" i="2" s="1"/>
  <c r="D1608" i="2" a="1"/>
  <c r="D1608" i="2" s="1"/>
  <c r="D1612" i="2" a="1"/>
  <c r="D1612" i="2" s="1"/>
  <c r="D1616" i="2" a="1"/>
  <c r="D1616" i="2" s="1"/>
  <c r="D1594" i="2" a="1"/>
  <c r="D1594" i="2" s="1"/>
  <c r="D1598" i="2" a="1"/>
  <c r="D1598" i="2" s="1"/>
  <c r="D1615" i="2" a="1"/>
  <c r="D1615" i="2" s="1"/>
  <c r="D1603" i="2" a="1"/>
  <c r="D1603" i="2" s="1"/>
  <c r="D1606" i="2" a="1"/>
  <c r="D1606" i="2" s="1"/>
  <c r="D1611" i="2" a="1"/>
  <c r="D1611" i="2" s="1"/>
  <c r="E1224" i="2" a="1"/>
  <c r="E1224" i="2" s="1"/>
  <c r="E1212" i="2" a="1"/>
  <c r="E1212" i="2" s="1"/>
  <c r="E1215" i="2" a="1"/>
  <c r="E1215" i="2" s="1"/>
  <c r="E1214" i="2" a="1"/>
  <c r="E1214" i="2" s="1"/>
  <c r="E1228" i="2" a="1"/>
  <c r="E1228" i="2" s="1"/>
  <c r="E1223" i="2" a="1"/>
  <c r="E1223" i="2" s="1"/>
  <c r="E1233" i="2" a="1"/>
  <c r="E1233" i="2" s="1"/>
  <c r="E1211" i="2" a="1"/>
  <c r="E1211" i="2" s="1"/>
  <c r="E1225" i="2" a="1"/>
  <c r="E1225" i="2" s="1"/>
  <c r="E1220" i="2" a="1"/>
  <c r="E1220" i="2" s="1"/>
  <c r="E1232" i="2" a="1"/>
  <c r="E1232" i="2" s="1"/>
  <c r="E1229" i="2" a="1"/>
  <c r="E1229" i="2" s="1"/>
  <c r="E1227" i="2" a="1"/>
  <c r="E1227" i="2" s="1"/>
  <c r="E1210" i="2" a="1"/>
  <c r="E1210" i="2" s="1"/>
  <c r="E1230" i="2" a="1"/>
  <c r="E1230" i="2" s="1"/>
  <c r="E1216" i="2" a="1"/>
  <c r="E1216" i="2" s="1"/>
  <c r="E1221" i="2" a="1"/>
  <c r="E1221" i="2" s="1"/>
  <c r="E1222" i="2" a="1"/>
  <c r="E1222" i="2" s="1"/>
  <c r="E1231" i="2" a="1"/>
  <c r="E1231" i="2" s="1"/>
  <c r="E1217" i="2" a="1"/>
  <c r="E1217" i="2" s="1"/>
  <c r="E1218" i="2" a="1"/>
  <c r="E1218" i="2" s="1"/>
  <c r="E1219" i="2" a="1"/>
  <c r="E1219" i="2" s="1"/>
  <c r="E1226" i="2" a="1"/>
  <c r="E1226" i="2" s="1"/>
  <c r="E1213" i="2" a="1"/>
  <c r="E1213" i="2" s="1"/>
  <c r="F7971" i="2" a="1"/>
  <c r="F7971" i="2" s="1"/>
  <c r="F7954" i="2" a="1"/>
  <c r="F7954" i="2" s="1"/>
  <c r="F7972" i="2" a="1"/>
  <c r="F7972" i="2" s="1"/>
  <c r="F7964" i="2" a="1"/>
  <c r="F7964" i="2" s="1"/>
  <c r="F7966" i="2" a="1"/>
  <c r="F7966" i="2" s="1"/>
  <c r="F7957" i="2" a="1"/>
  <c r="F7957" i="2" s="1"/>
  <c r="F7967" i="2" a="1"/>
  <c r="F7967" i="2" s="1"/>
  <c r="F7958" i="2" a="1"/>
  <c r="F7958" i="2" s="1"/>
  <c r="F7968" i="2" a="1"/>
  <c r="F7968" i="2" s="1"/>
  <c r="F7955" i="2" a="1"/>
  <c r="F7955" i="2" s="1"/>
  <c r="F7960" i="2" a="1"/>
  <c r="F7960" i="2" s="1"/>
  <c r="F7956" i="2" a="1"/>
  <c r="F7956" i="2" s="1"/>
  <c r="F7962" i="2" a="1"/>
  <c r="F7962" i="2" s="1"/>
  <c r="F7961" i="2" a="1"/>
  <c r="F7961" i="2" s="1"/>
  <c r="F7970" i="2" a="1"/>
  <c r="F7970" i="2" s="1"/>
  <c r="F7973" i="2" a="1"/>
  <c r="F7973" i="2" s="1"/>
  <c r="F7975" i="2" a="1"/>
  <c r="F7975" i="2" s="1"/>
  <c r="F7965" i="2" a="1"/>
  <c r="F7965" i="2" s="1"/>
  <c r="F7976" i="2" a="1"/>
  <c r="F7976" i="2" s="1"/>
  <c r="F7977" i="2" a="1"/>
  <c r="F7977" i="2" s="1"/>
  <c r="F7969" i="2" a="1"/>
  <c r="F7969" i="2" s="1"/>
  <c r="F7963" i="2" a="1"/>
  <c r="F7963" i="2" s="1"/>
  <c r="F7959" i="2" a="1"/>
  <c r="F7959" i="2" s="1"/>
  <c r="F7974" i="2" a="1"/>
  <c r="F7974" i="2" s="1"/>
  <c r="H4276" i="2" a="1"/>
  <c r="H4276" i="2" s="1"/>
  <c r="H4266" i="2" a="1"/>
  <c r="H4266" i="2" s="1"/>
  <c r="H4260" i="2" a="1"/>
  <c r="H4260" i="2" s="1"/>
  <c r="H4281" i="2" a="1"/>
  <c r="H4281" i="2" s="1"/>
  <c r="H4264" i="2" a="1"/>
  <c r="H4264" i="2" s="1"/>
  <c r="H4265" i="2" a="1"/>
  <c r="H4265" i="2" s="1"/>
  <c r="H4272" i="2" a="1"/>
  <c r="H4272" i="2" s="1"/>
  <c r="H4273" i="2" a="1"/>
  <c r="H4273" i="2" s="1"/>
  <c r="H4280" i="2" a="1"/>
  <c r="H4280" i="2" s="1"/>
  <c r="H4274" i="2" a="1"/>
  <c r="H4274" i="2" s="1"/>
  <c r="H4263" i="2" a="1"/>
  <c r="H4263" i="2" s="1"/>
  <c r="H4267" i="2" a="1"/>
  <c r="H4267" i="2" s="1"/>
  <c r="H4269" i="2" a="1"/>
  <c r="H4269" i="2" s="1"/>
  <c r="H4270" i="2" a="1"/>
  <c r="H4270" i="2" s="1"/>
  <c r="H4278" i="2" a="1"/>
  <c r="H4278" i="2" s="1"/>
  <c r="H4271" i="2" a="1"/>
  <c r="H4271" i="2" s="1"/>
  <c r="H4258" i="2" a="1"/>
  <c r="H4258" i="2" s="1"/>
  <c r="H4259" i="2" a="1"/>
  <c r="H4259" i="2" s="1"/>
  <c r="H4268" i="2" a="1"/>
  <c r="H4268" i="2" s="1"/>
  <c r="H4275" i="2" a="1"/>
  <c r="H4275" i="2" s="1"/>
  <c r="H4261" i="2" a="1"/>
  <c r="H4261" i="2" s="1"/>
  <c r="H4279" i="2" a="1"/>
  <c r="H4279" i="2" s="1"/>
  <c r="H4277" i="2" a="1"/>
  <c r="H4277" i="2" s="1"/>
  <c r="H4262" i="2" a="1"/>
  <c r="H4262" i="2" s="1"/>
  <c r="G6116" i="2" a="1"/>
  <c r="G6116" i="2" s="1"/>
  <c r="G6122" i="2" a="1"/>
  <c r="G6122" i="2" s="1"/>
  <c r="G6126" i="2" a="1"/>
  <c r="G6126" i="2" s="1"/>
  <c r="G6128" i="2" a="1"/>
  <c r="G6128" i="2" s="1"/>
  <c r="G6123" i="2" a="1"/>
  <c r="G6123" i="2" s="1"/>
  <c r="G6106" i="2" a="1"/>
  <c r="G6106" i="2" s="1"/>
  <c r="G6117" i="2" a="1"/>
  <c r="G6117" i="2" s="1"/>
  <c r="G6111" i="2" a="1"/>
  <c r="G6111" i="2" s="1"/>
  <c r="G6107" i="2" a="1"/>
  <c r="G6107" i="2" s="1"/>
  <c r="G6129" i="2" a="1"/>
  <c r="G6129" i="2" s="1"/>
  <c r="G6112" i="2" a="1"/>
  <c r="G6112" i="2" s="1"/>
  <c r="G6109" i="2" a="1"/>
  <c r="G6109" i="2" s="1"/>
  <c r="G6118" i="2" a="1"/>
  <c r="G6118" i="2" s="1"/>
  <c r="G6124" i="2" a="1"/>
  <c r="G6124" i="2" s="1"/>
  <c r="G6110" i="2" a="1"/>
  <c r="G6110" i="2" s="1"/>
  <c r="G6119" i="2" a="1"/>
  <c r="G6119" i="2" s="1"/>
  <c r="G6114" i="2" a="1"/>
  <c r="G6114" i="2" s="1"/>
  <c r="G6108" i="2" a="1"/>
  <c r="G6108" i="2" s="1"/>
  <c r="G6125" i="2" a="1"/>
  <c r="G6125" i="2" s="1"/>
  <c r="G6113" i="2" a="1"/>
  <c r="G6113" i="2" s="1"/>
  <c r="G6115" i="2" a="1"/>
  <c r="G6115" i="2" s="1"/>
  <c r="G6120" i="2" a="1"/>
  <c r="G6120" i="2" s="1"/>
  <c r="G6127" i="2" a="1"/>
  <c r="G6127" i="2" s="1"/>
  <c r="G6121" i="2" a="1"/>
  <c r="G6121" i="2" s="1"/>
  <c r="E5183" i="2" a="1"/>
  <c r="E5183" i="2" s="1"/>
  <c r="E5177" i="2" a="1"/>
  <c r="E5177" i="2" s="1"/>
  <c r="E5172" i="2" a="1"/>
  <c r="E5172" i="2" s="1"/>
  <c r="E5173" i="2" a="1"/>
  <c r="E5173" i="2" s="1"/>
  <c r="E5180" i="2" a="1"/>
  <c r="E5180" i="2" s="1"/>
  <c r="E5182" i="2" a="1"/>
  <c r="E5182" i="2" s="1"/>
  <c r="E5184" i="2" a="1"/>
  <c r="E5184" i="2" s="1"/>
  <c r="E5181" i="2" a="1"/>
  <c r="E5181" i="2" s="1"/>
  <c r="E5190" i="2" a="1"/>
  <c r="E5190" i="2" s="1"/>
  <c r="E5191" i="2" a="1"/>
  <c r="E5191" i="2" s="1"/>
  <c r="E5188" i="2" a="1"/>
  <c r="E5188" i="2" s="1"/>
  <c r="E5193" i="2" a="1"/>
  <c r="E5193" i="2" s="1"/>
  <c r="E5185" i="2" a="1"/>
  <c r="E5185" i="2" s="1"/>
  <c r="E5189" i="2" a="1"/>
  <c r="E5189" i="2" s="1"/>
  <c r="E5187" i="2" a="1"/>
  <c r="E5187" i="2" s="1"/>
  <c r="E5178" i="2" a="1"/>
  <c r="E5178" i="2" s="1"/>
  <c r="E5170" i="2" a="1"/>
  <c r="E5170" i="2" s="1"/>
  <c r="E5171" i="2" a="1"/>
  <c r="E5171" i="2" s="1"/>
  <c r="E5174" i="2" a="1"/>
  <c r="E5174" i="2" s="1"/>
  <c r="E5175" i="2" a="1"/>
  <c r="E5175" i="2" s="1"/>
  <c r="E5179" i="2" a="1"/>
  <c r="E5179" i="2" s="1"/>
  <c r="E5186" i="2" a="1"/>
  <c r="E5186" i="2" s="1"/>
  <c r="E5176" i="2" a="1"/>
  <c r="E5176" i="2" s="1"/>
  <c r="E5192" i="2" a="1"/>
  <c r="E5192" i="2" s="1"/>
  <c r="E3923" i="2" a="1"/>
  <c r="E3923" i="2" s="1"/>
  <c r="E3933" i="2" a="1"/>
  <c r="E3933" i="2" s="1"/>
  <c r="E3944" i="2" a="1"/>
  <c r="E3944" i="2" s="1"/>
  <c r="E3924" i="2" a="1"/>
  <c r="E3924" i="2" s="1"/>
  <c r="E3926" i="2" a="1"/>
  <c r="E3926" i="2" s="1"/>
  <c r="E3938" i="2" a="1"/>
  <c r="E3938" i="2" s="1"/>
  <c r="E3928" i="2" a="1"/>
  <c r="E3928" i="2" s="1"/>
  <c r="E3939" i="2" a="1"/>
  <c r="E3939" i="2" s="1"/>
  <c r="E3945" i="2" a="1"/>
  <c r="E3945" i="2" s="1"/>
  <c r="E3941" i="2" a="1"/>
  <c r="E3941" i="2" s="1"/>
  <c r="E3922" i="2" a="1"/>
  <c r="E3922" i="2" s="1"/>
  <c r="E3935" i="2" a="1"/>
  <c r="E3935" i="2" s="1"/>
  <c r="E3925" i="2" a="1"/>
  <c r="E3925" i="2" s="1"/>
  <c r="E3940" i="2" a="1"/>
  <c r="E3940" i="2" s="1"/>
  <c r="E3936" i="2" a="1"/>
  <c r="E3936" i="2" s="1"/>
  <c r="E3937" i="2" a="1"/>
  <c r="E3937" i="2" s="1"/>
  <c r="E3934" i="2" a="1"/>
  <c r="E3934" i="2" s="1"/>
  <c r="E3931" i="2" a="1"/>
  <c r="E3931" i="2" s="1"/>
  <c r="E3932" i="2" a="1"/>
  <c r="E3932" i="2" s="1"/>
  <c r="E3943" i="2" a="1"/>
  <c r="E3943" i="2" s="1"/>
  <c r="E3929" i="2" a="1"/>
  <c r="E3929" i="2" s="1"/>
  <c r="E3930" i="2" a="1"/>
  <c r="E3930" i="2" s="1"/>
  <c r="E3942" i="2" a="1"/>
  <c r="E3942" i="2" s="1"/>
  <c r="E3927" i="2" a="1"/>
  <c r="E3927" i="2" s="1"/>
  <c r="AO290" i="1"/>
  <c r="E296" i="5" s="1"/>
  <c r="AP290" i="1"/>
  <c r="F296" i="5" s="1"/>
  <c r="AQ290" i="1"/>
  <c r="G296" i="5" s="1"/>
  <c r="AN290" i="1"/>
  <c r="D296" i="5" s="1"/>
  <c r="AM290" i="1"/>
  <c r="D6955" i="2" a="1"/>
  <c r="D6955" i="2" s="1"/>
  <c r="D6949" i="2" a="1"/>
  <c r="D6949" i="2" s="1"/>
  <c r="D6957" i="2" a="1"/>
  <c r="D6957" i="2" s="1"/>
  <c r="D6961" i="2" a="1"/>
  <c r="D6961" i="2" s="1"/>
  <c r="D6969" i="2" a="1"/>
  <c r="D6969" i="2" s="1"/>
  <c r="D6953" i="2" a="1"/>
  <c r="D6953" i="2" s="1"/>
  <c r="D6947" i="2" a="1"/>
  <c r="D6947" i="2" s="1"/>
  <c r="D6951" i="2" a="1"/>
  <c r="D6951" i="2" s="1"/>
  <c r="D6959" i="2" a="1"/>
  <c r="D6959" i="2" s="1"/>
  <c r="D6967" i="2" a="1"/>
  <c r="D6967" i="2" s="1"/>
  <c r="D6950" i="2" a="1"/>
  <c r="D6950" i="2" s="1"/>
  <c r="D6954" i="2" a="1"/>
  <c r="D6954" i="2" s="1"/>
  <c r="D6958" i="2" a="1"/>
  <c r="D6958" i="2" s="1"/>
  <c r="D6962" i="2" a="1"/>
  <c r="D6962" i="2" s="1"/>
  <c r="D6966" i="2" a="1"/>
  <c r="D6966" i="2" s="1"/>
  <c r="D6946" i="2" a="1"/>
  <c r="D6946" i="2" s="1"/>
  <c r="D6963" i="2" a="1"/>
  <c r="D6963" i="2" s="1"/>
  <c r="D6956" i="2" a="1"/>
  <c r="D6956" i="2" s="1"/>
  <c r="D6948" i="2" a="1"/>
  <c r="D6948" i="2" s="1"/>
  <c r="D6965" i="2" a="1"/>
  <c r="D6965" i="2" s="1"/>
  <c r="D6960" i="2" a="1"/>
  <c r="D6960" i="2" s="1"/>
  <c r="D6968" i="2" a="1"/>
  <c r="D6968" i="2" s="1"/>
  <c r="D6952" i="2" a="1"/>
  <c r="D6952" i="2" s="1"/>
  <c r="D6964" i="2" a="1"/>
  <c r="D6964" i="2" s="1"/>
  <c r="AO243" i="1"/>
  <c r="E249" i="5" s="1"/>
  <c r="AQ243" i="1"/>
  <c r="G249" i="5" s="1"/>
  <c r="AN243" i="1"/>
  <c r="D249" i="5" s="1"/>
  <c r="AP243" i="1"/>
  <c r="F249" i="5" s="1"/>
  <c r="AM243" i="1"/>
  <c r="D5821" i="2" a="1"/>
  <c r="D5821" i="2" s="1"/>
  <c r="D5829" i="2" a="1"/>
  <c r="D5829" i="2" s="1"/>
  <c r="D5833" i="2" a="1"/>
  <c r="D5833" i="2" s="1"/>
  <c r="D5837" i="2" a="1"/>
  <c r="D5837" i="2" s="1"/>
  <c r="D5826" i="2" a="1"/>
  <c r="D5826" i="2" s="1"/>
  <c r="D5834" i="2" a="1"/>
  <c r="D5834" i="2" s="1"/>
  <c r="D5824" i="2" a="1"/>
  <c r="D5824" i="2" s="1"/>
  <c r="D5836" i="2" a="1"/>
  <c r="D5836" i="2" s="1"/>
  <c r="D5840" i="2" a="1"/>
  <c r="D5840" i="2" s="1"/>
  <c r="D5825" i="2" a="1"/>
  <c r="D5825" i="2" s="1"/>
  <c r="D5841" i="2" a="1"/>
  <c r="D5841" i="2" s="1"/>
  <c r="D5828" i="2" a="1"/>
  <c r="D5828" i="2" s="1"/>
  <c r="D5832" i="2" a="1"/>
  <c r="D5832" i="2" s="1"/>
  <c r="D5819" i="2" a="1"/>
  <c r="D5819" i="2" s="1"/>
  <c r="D5823" i="2" a="1"/>
  <c r="D5823" i="2" s="1"/>
  <c r="D5831" i="2" a="1"/>
  <c r="D5831" i="2" s="1"/>
  <c r="D5835" i="2" a="1"/>
  <c r="D5835" i="2" s="1"/>
  <c r="D5839" i="2" a="1"/>
  <c r="D5839" i="2" s="1"/>
  <c r="D5820" i="2" a="1"/>
  <c r="D5820" i="2" s="1"/>
  <c r="D5827" i="2" a="1"/>
  <c r="D5827" i="2" s="1"/>
  <c r="D5818" i="2" a="1"/>
  <c r="D5818" i="2" s="1"/>
  <c r="D5830" i="2" a="1"/>
  <c r="D5830" i="2" s="1"/>
  <c r="D5838" i="2" a="1"/>
  <c r="D5838" i="2" s="1"/>
  <c r="D5822" i="2" a="1"/>
  <c r="D5822" i="2" s="1"/>
  <c r="G2639" i="2" a="1"/>
  <c r="G2639" i="2" s="1"/>
  <c r="G2637" i="2" a="1"/>
  <c r="G2637" i="2" s="1"/>
  <c r="G2631" i="2" a="1"/>
  <c r="G2631" i="2" s="1"/>
  <c r="G2642" i="2" a="1"/>
  <c r="G2642" i="2" s="1"/>
  <c r="G2648" i="2" a="1"/>
  <c r="G2648" i="2" s="1"/>
  <c r="G2626" i="2" a="1"/>
  <c r="G2626" i="2" s="1"/>
  <c r="G2640" i="2" a="1"/>
  <c r="G2640" i="2" s="1"/>
  <c r="G2643" i="2" a="1"/>
  <c r="G2643" i="2" s="1"/>
  <c r="G2635" i="2" a="1"/>
  <c r="G2635" i="2" s="1"/>
  <c r="G2627" i="2" a="1"/>
  <c r="G2627" i="2" s="1"/>
  <c r="G2630" i="2" a="1"/>
  <c r="G2630" i="2" s="1"/>
  <c r="G2641" i="2" a="1"/>
  <c r="G2641" i="2" s="1"/>
  <c r="G2644" i="2" a="1"/>
  <c r="G2644" i="2" s="1"/>
  <c r="G2632" i="2" a="1"/>
  <c r="G2632" i="2" s="1"/>
  <c r="G2649" i="2" a="1"/>
  <c r="G2649" i="2" s="1"/>
  <c r="G2628" i="2" a="1"/>
  <c r="G2628" i="2" s="1"/>
  <c r="G2633" i="2" a="1"/>
  <c r="G2633" i="2" s="1"/>
  <c r="G2645" i="2" a="1"/>
  <c r="G2645" i="2" s="1"/>
  <c r="G2647" i="2" a="1"/>
  <c r="G2647" i="2" s="1"/>
  <c r="G2634" i="2" a="1"/>
  <c r="G2634" i="2" s="1"/>
  <c r="G2636" i="2" a="1"/>
  <c r="G2636" i="2" s="1"/>
  <c r="G2629" i="2" a="1"/>
  <c r="G2629" i="2" s="1"/>
  <c r="G2638" i="2" a="1"/>
  <c r="G2638" i="2" s="1"/>
  <c r="G2646" i="2" a="1"/>
  <c r="G2646" i="2" s="1"/>
  <c r="H6961" i="2" a="1"/>
  <c r="H6961" i="2" s="1"/>
  <c r="H6956" i="2" a="1"/>
  <c r="H6956" i="2" s="1"/>
  <c r="H6962" i="2" a="1"/>
  <c r="H6962" i="2" s="1"/>
  <c r="H6965" i="2" a="1"/>
  <c r="H6965" i="2" s="1"/>
  <c r="H6963" i="2" a="1"/>
  <c r="H6963" i="2" s="1"/>
  <c r="H6959" i="2" a="1"/>
  <c r="H6959" i="2" s="1"/>
  <c r="H6968" i="2" a="1"/>
  <c r="H6968" i="2" s="1"/>
  <c r="H6969" i="2" a="1"/>
  <c r="H6969" i="2" s="1"/>
  <c r="H6954" i="2" a="1"/>
  <c r="H6954" i="2" s="1"/>
  <c r="H6949" i="2" a="1"/>
  <c r="H6949" i="2" s="1"/>
  <c r="H6950" i="2" a="1"/>
  <c r="H6950" i="2" s="1"/>
  <c r="H6948" i="2" a="1"/>
  <c r="H6948" i="2" s="1"/>
  <c r="H6955" i="2" a="1"/>
  <c r="H6955" i="2" s="1"/>
  <c r="H6964" i="2" a="1"/>
  <c r="H6964" i="2" s="1"/>
  <c r="H6953" i="2" a="1"/>
  <c r="H6953" i="2" s="1"/>
  <c r="H6951" i="2" a="1"/>
  <c r="H6951" i="2" s="1"/>
  <c r="H6946" i="2" a="1"/>
  <c r="H6946" i="2" s="1"/>
  <c r="H6947" i="2" a="1"/>
  <c r="H6947" i="2" s="1"/>
  <c r="H6966" i="2" a="1"/>
  <c r="H6966" i="2" s="1"/>
  <c r="H6957" i="2" a="1"/>
  <c r="H6957" i="2" s="1"/>
  <c r="H6958" i="2" a="1"/>
  <c r="H6958" i="2" s="1"/>
  <c r="H6960" i="2" a="1"/>
  <c r="H6960" i="2" s="1"/>
  <c r="H6952" i="2" a="1"/>
  <c r="H6952" i="2" s="1"/>
  <c r="H6967" i="2" a="1"/>
  <c r="H6967" i="2" s="1"/>
  <c r="E1462" i="2" a="1"/>
  <c r="E1462" i="2" s="1"/>
  <c r="E1465" i="2" a="1"/>
  <c r="E1465" i="2" s="1"/>
  <c r="E1468" i="2" a="1"/>
  <c r="E1468" i="2" s="1"/>
  <c r="E1457" i="2" a="1"/>
  <c r="E1457" i="2" s="1"/>
  <c r="E1458" i="2" a="1"/>
  <c r="E1458" i="2" s="1"/>
  <c r="E1451" i="2" a="1"/>
  <c r="E1451" i="2" s="1"/>
  <c r="E1473" i="2" a="1"/>
  <c r="E1473" i="2" s="1"/>
  <c r="E1469" i="2" a="1"/>
  <c r="E1469" i="2" s="1"/>
  <c r="E1454" i="2" a="1"/>
  <c r="E1454" i="2" s="1"/>
  <c r="E1463" i="2" a="1"/>
  <c r="E1463" i="2" s="1"/>
  <c r="E1470" i="2" a="1"/>
  <c r="E1470" i="2" s="1"/>
  <c r="E1461" i="2" a="1"/>
  <c r="E1461" i="2" s="1"/>
  <c r="E1464" i="2" a="1"/>
  <c r="E1464" i="2" s="1"/>
  <c r="E1471" i="2" a="1"/>
  <c r="E1471" i="2" s="1"/>
  <c r="E1452" i="2" a="1"/>
  <c r="E1452" i="2" s="1"/>
  <c r="E1455" i="2" a="1"/>
  <c r="E1455" i="2" s="1"/>
  <c r="E1466" i="2" a="1"/>
  <c r="E1466" i="2" s="1"/>
  <c r="E1450" i="2" a="1"/>
  <c r="E1450" i="2" s="1"/>
  <c r="E1453" i="2" a="1"/>
  <c r="E1453" i="2" s="1"/>
  <c r="E1467" i="2" a="1"/>
  <c r="E1467" i="2" s="1"/>
  <c r="E1460" i="2" a="1"/>
  <c r="E1460" i="2" s="1"/>
  <c r="E1472" i="2" a="1"/>
  <c r="E1472" i="2" s="1"/>
  <c r="E1459" i="2" a="1"/>
  <c r="E1459" i="2" s="1"/>
  <c r="E1456" i="2" a="1"/>
  <c r="E1456" i="2" s="1"/>
  <c r="F4776" i="2" a="1"/>
  <c r="F4776" i="2" s="1"/>
  <c r="F4765" i="2" a="1"/>
  <c r="F4765" i="2" s="1"/>
  <c r="F4784" i="2" a="1"/>
  <c r="F4784" i="2" s="1"/>
  <c r="F4780" i="2" a="1"/>
  <c r="F4780" i="2" s="1"/>
  <c r="F4785" i="2" a="1"/>
  <c r="F4785" i="2" s="1"/>
  <c r="F4763" i="2" a="1"/>
  <c r="F4763" i="2" s="1"/>
  <c r="F4783" i="2" a="1"/>
  <c r="F4783" i="2" s="1"/>
  <c r="F4777" i="2" a="1"/>
  <c r="F4777" i="2" s="1"/>
  <c r="F4782" i="2" a="1"/>
  <c r="F4782" i="2" s="1"/>
  <c r="F4773" i="2" a="1"/>
  <c r="F4773" i="2" s="1"/>
  <c r="F4778" i="2" a="1"/>
  <c r="F4778" i="2" s="1"/>
  <c r="F4774" i="2" a="1"/>
  <c r="F4774" i="2" s="1"/>
  <c r="F4779" i="2" a="1"/>
  <c r="F4779" i="2" s="1"/>
  <c r="F4772" i="2" a="1"/>
  <c r="F4772" i="2" s="1"/>
  <c r="F4769" i="2" a="1"/>
  <c r="F4769" i="2" s="1"/>
  <c r="F4767" i="2" a="1"/>
  <c r="F4767" i="2" s="1"/>
  <c r="F4770" i="2" a="1"/>
  <c r="F4770" i="2" s="1"/>
  <c r="F4768" i="2" a="1"/>
  <c r="F4768" i="2" s="1"/>
  <c r="F4766" i="2" a="1"/>
  <c r="F4766" i="2" s="1"/>
  <c r="F4775" i="2" a="1"/>
  <c r="F4775" i="2" s="1"/>
  <c r="F4781" i="2" a="1"/>
  <c r="F4781" i="2" s="1"/>
  <c r="F4764" i="2" a="1"/>
  <c r="F4764" i="2" s="1"/>
  <c r="F4762" i="2" a="1"/>
  <c r="F4762" i="2" s="1"/>
  <c r="F4771" i="2" a="1"/>
  <c r="F4771" i="2" s="1"/>
  <c r="E2995" i="2" a="1"/>
  <c r="E2995" i="2" s="1"/>
  <c r="E2999" i="2" a="1"/>
  <c r="E2999" i="2" s="1"/>
  <c r="E3001" i="2" a="1"/>
  <c r="E3001" i="2" s="1"/>
  <c r="E2996" i="2" a="1"/>
  <c r="E2996" i="2" s="1"/>
  <c r="E2991" i="2" a="1"/>
  <c r="E2991" i="2" s="1"/>
  <c r="E3002" i="2" a="1"/>
  <c r="E3002" i="2" s="1"/>
  <c r="E2997" i="2" a="1"/>
  <c r="E2997" i="2" s="1"/>
  <c r="E3006" i="2" a="1"/>
  <c r="E3006" i="2" s="1"/>
  <c r="E3004" i="2" a="1"/>
  <c r="E3004" i="2" s="1"/>
  <c r="E3008" i="2" a="1"/>
  <c r="E3008" i="2" s="1"/>
  <c r="E2990" i="2" a="1"/>
  <c r="E2990" i="2" s="1"/>
  <c r="E3009" i="2" a="1"/>
  <c r="E3009" i="2" s="1"/>
  <c r="E2988" i="2" a="1"/>
  <c r="E2988" i="2" s="1"/>
  <c r="E3003" i="2" a="1"/>
  <c r="E3003" i="2" s="1"/>
  <c r="E2998" i="2" a="1"/>
  <c r="E2998" i="2" s="1"/>
  <c r="E2994" i="2" a="1"/>
  <c r="E2994" i="2" s="1"/>
  <c r="E2989" i="2" a="1"/>
  <c r="E2989" i="2" s="1"/>
  <c r="E2987" i="2" a="1"/>
  <c r="E2987" i="2" s="1"/>
  <c r="E2986" i="2" a="1"/>
  <c r="E2986" i="2" s="1"/>
  <c r="E3005" i="2" a="1"/>
  <c r="E3005" i="2" s="1"/>
  <c r="E2992" i="2" a="1"/>
  <c r="E2992" i="2" s="1"/>
  <c r="E3007" i="2" a="1"/>
  <c r="E3007" i="2" s="1"/>
  <c r="E2993" i="2" a="1"/>
  <c r="E2993" i="2" s="1"/>
  <c r="E3000" i="2" a="1"/>
  <c r="E3000" i="2" s="1"/>
  <c r="H4680" i="2" a="1"/>
  <c r="H4680" i="2" s="1"/>
  <c r="H4672" i="2" a="1"/>
  <c r="H4672" i="2" s="1"/>
  <c r="H4686" i="2" a="1"/>
  <c r="H4686" i="2" s="1"/>
  <c r="H4681" i="2" a="1"/>
  <c r="H4681" i="2" s="1"/>
  <c r="H4669" i="2" a="1"/>
  <c r="H4669" i="2" s="1"/>
  <c r="H4678" i="2" a="1"/>
  <c r="H4678" i="2" s="1"/>
  <c r="H4666" i="2" a="1"/>
  <c r="H4666" i="2" s="1"/>
  <c r="H4682" i="2" a="1"/>
  <c r="H4682" i="2" s="1"/>
  <c r="H4676" i="2" a="1"/>
  <c r="H4676" i="2" s="1"/>
  <c r="H4667" i="2" a="1"/>
  <c r="H4667" i="2" s="1"/>
  <c r="H4670" i="2" a="1"/>
  <c r="H4670" i="2" s="1"/>
  <c r="H4674" i="2" a="1"/>
  <c r="H4674" i="2" s="1"/>
  <c r="H4673" i="2" a="1"/>
  <c r="H4673" i="2" s="1"/>
  <c r="H4687" i="2" a="1"/>
  <c r="H4687" i="2" s="1"/>
  <c r="H4675" i="2" a="1"/>
  <c r="H4675" i="2" s="1"/>
  <c r="H4688" i="2" a="1"/>
  <c r="H4688" i="2" s="1"/>
  <c r="H4671" i="2" a="1"/>
  <c r="H4671" i="2" s="1"/>
  <c r="H4679" i="2" a="1"/>
  <c r="H4679" i="2" s="1"/>
  <c r="H4683" i="2" a="1"/>
  <c r="H4683" i="2" s="1"/>
  <c r="H4689" i="2" a="1"/>
  <c r="H4689" i="2" s="1"/>
  <c r="H4668" i="2" a="1"/>
  <c r="H4668" i="2" s="1"/>
  <c r="H4685" i="2" a="1"/>
  <c r="H4685" i="2" s="1"/>
  <c r="H4684" i="2" a="1"/>
  <c r="H4684" i="2" s="1"/>
  <c r="H4677" i="2" a="1"/>
  <c r="H4677" i="2" s="1"/>
  <c r="F1888" i="2" a="1"/>
  <c r="F1888" i="2" s="1"/>
  <c r="F1903" i="2" a="1"/>
  <c r="F1903" i="2" s="1"/>
  <c r="F1884" i="2" a="1"/>
  <c r="F1884" i="2" s="1"/>
  <c r="F1889" i="2" a="1"/>
  <c r="F1889" i="2" s="1"/>
  <c r="F1883" i="2" a="1"/>
  <c r="F1883" i="2" s="1"/>
  <c r="F1893" i="2" a="1"/>
  <c r="F1893" i="2" s="1"/>
  <c r="F1894" i="2" a="1"/>
  <c r="F1894" i="2" s="1"/>
  <c r="F1890" i="2" a="1"/>
  <c r="F1890" i="2" s="1"/>
  <c r="F1897" i="2" a="1"/>
  <c r="F1897" i="2" s="1"/>
  <c r="F1891" i="2" a="1"/>
  <c r="F1891" i="2" s="1"/>
  <c r="F1901" i="2" a="1"/>
  <c r="F1901" i="2" s="1"/>
  <c r="F1902" i="2" a="1"/>
  <c r="F1902" i="2" s="1"/>
  <c r="F1895" i="2" a="1"/>
  <c r="F1895" i="2" s="1"/>
  <c r="F1905" i="2" a="1"/>
  <c r="F1905" i="2" s="1"/>
  <c r="F1896" i="2" a="1"/>
  <c r="F1896" i="2" s="1"/>
  <c r="F1898" i="2" a="1"/>
  <c r="F1898" i="2" s="1"/>
  <c r="F1892" i="2" a="1"/>
  <c r="F1892" i="2" s="1"/>
  <c r="F1887" i="2" a="1"/>
  <c r="F1887" i="2" s="1"/>
  <c r="F1904" i="2" a="1"/>
  <c r="F1904" i="2" s="1"/>
  <c r="F1882" i="2" a="1"/>
  <c r="F1882" i="2" s="1"/>
  <c r="F1900" i="2" a="1"/>
  <c r="F1900" i="2" s="1"/>
  <c r="F1885" i="2" a="1"/>
  <c r="F1885" i="2" s="1"/>
  <c r="F1899" i="2" a="1"/>
  <c r="F1899" i="2" s="1"/>
  <c r="F1886" i="2" a="1"/>
  <c r="F1886" i="2" s="1"/>
  <c r="F726" i="2" a="1"/>
  <c r="F726" i="2" s="1"/>
  <c r="F728" i="2" a="1"/>
  <c r="F728" i="2" s="1"/>
  <c r="F709" i="2" a="1"/>
  <c r="F709" i="2" s="1"/>
  <c r="F711" i="2" a="1"/>
  <c r="F711" i="2" s="1"/>
  <c r="F712" i="2" a="1"/>
  <c r="F712" i="2" s="1"/>
  <c r="F717" i="2" a="1"/>
  <c r="F717" i="2" s="1"/>
  <c r="F727" i="2" a="1"/>
  <c r="F727" i="2" s="1"/>
  <c r="F714" i="2" a="1"/>
  <c r="F714" i="2" s="1"/>
  <c r="F720" i="2" a="1"/>
  <c r="F720" i="2" s="1"/>
  <c r="F724" i="2" a="1"/>
  <c r="F724" i="2" s="1"/>
  <c r="F719" i="2" a="1"/>
  <c r="F719" i="2" s="1"/>
  <c r="F708" i="2" a="1"/>
  <c r="F708" i="2" s="1"/>
  <c r="F722" i="2" a="1"/>
  <c r="F722" i="2" s="1"/>
  <c r="F725" i="2" a="1"/>
  <c r="F725" i="2" s="1"/>
  <c r="F707" i="2" a="1"/>
  <c r="F707" i="2" s="1"/>
  <c r="F710" i="2" a="1"/>
  <c r="F710" i="2" s="1"/>
  <c r="F706" i="2" a="1"/>
  <c r="F706" i="2" s="1"/>
  <c r="F718" i="2" a="1"/>
  <c r="F718" i="2" s="1"/>
  <c r="F715" i="2" a="1"/>
  <c r="F715" i="2" s="1"/>
  <c r="F723" i="2" a="1"/>
  <c r="F723" i="2" s="1"/>
  <c r="F716" i="2" a="1"/>
  <c r="F716" i="2" s="1"/>
  <c r="F729" i="2" a="1"/>
  <c r="F729" i="2" s="1"/>
  <c r="F713" i="2" a="1"/>
  <c r="F713" i="2" s="1"/>
  <c r="F721" i="2" a="1"/>
  <c r="F721" i="2" s="1"/>
  <c r="H3571" i="2" a="1"/>
  <c r="H3571" i="2" s="1"/>
  <c r="H3585" i="2" a="1"/>
  <c r="H3585" i="2" s="1"/>
  <c r="H3582" i="2" a="1"/>
  <c r="H3582" i="2" s="1"/>
  <c r="H3563" i="2" a="1"/>
  <c r="H3563" i="2" s="1"/>
  <c r="H3566" i="2" a="1"/>
  <c r="H3566" i="2" s="1"/>
  <c r="H3569" i="2" a="1"/>
  <c r="H3569" i="2" s="1"/>
  <c r="H3562" i="2" a="1"/>
  <c r="H3562" i="2" s="1"/>
  <c r="H3579" i="2" a="1"/>
  <c r="H3579" i="2" s="1"/>
  <c r="H3568" i="2" a="1"/>
  <c r="H3568" i="2" s="1"/>
  <c r="H3578" i="2" a="1"/>
  <c r="H3578" i="2" s="1"/>
  <c r="H3574" i="2" a="1"/>
  <c r="H3574" i="2" s="1"/>
  <c r="H3576" i="2" a="1"/>
  <c r="H3576" i="2" s="1"/>
  <c r="H3577" i="2" a="1"/>
  <c r="H3577" i="2" s="1"/>
  <c r="H3580" i="2" a="1"/>
  <c r="H3580" i="2" s="1"/>
  <c r="H3583" i="2" a="1"/>
  <c r="H3583" i="2" s="1"/>
  <c r="H3581" i="2" a="1"/>
  <c r="H3581" i="2" s="1"/>
  <c r="H3584" i="2" a="1"/>
  <c r="H3584" i="2" s="1"/>
  <c r="H3573" i="2" a="1"/>
  <c r="H3573" i="2" s="1"/>
  <c r="H3570" i="2" a="1"/>
  <c r="H3570" i="2" s="1"/>
  <c r="H3567" i="2" a="1"/>
  <c r="H3567" i="2" s="1"/>
  <c r="H3565" i="2" a="1"/>
  <c r="H3565" i="2" s="1"/>
  <c r="H3575" i="2" a="1"/>
  <c r="H3575" i="2" s="1"/>
  <c r="H3572" i="2" a="1"/>
  <c r="H3572" i="2" s="1"/>
  <c r="H3564" i="2" a="1"/>
  <c r="H3564" i="2" s="1"/>
  <c r="E1147" i="2" a="1"/>
  <c r="E1147" i="2" s="1"/>
  <c r="E1144" i="2" a="1"/>
  <c r="E1144" i="2" s="1"/>
  <c r="E1139" i="2" a="1"/>
  <c r="E1139" i="2" s="1"/>
  <c r="E1159" i="2" a="1"/>
  <c r="E1159" i="2" s="1"/>
  <c r="E1145" i="2" a="1"/>
  <c r="E1145" i="2" s="1"/>
  <c r="E1140" i="2" a="1"/>
  <c r="E1140" i="2" s="1"/>
  <c r="E1148" i="2" a="1"/>
  <c r="E1148" i="2" s="1"/>
  <c r="E1158" i="2" a="1"/>
  <c r="E1158" i="2" s="1"/>
  <c r="E1154" i="2" a="1"/>
  <c r="E1154" i="2" s="1"/>
  <c r="E1141" i="2" a="1"/>
  <c r="E1141" i="2" s="1"/>
  <c r="E1152" i="2" a="1"/>
  <c r="E1152" i="2" s="1"/>
  <c r="E1161" i="2" a="1"/>
  <c r="E1161" i="2" s="1"/>
  <c r="E1156" i="2" a="1"/>
  <c r="E1156" i="2" s="1"/>
  <c r="E1138" i="2" a="1"/>
  <c r="E1138" i="2" s="1"/>
  <c r="E1160" i="2" a="1"/>
  <c r="E1160" i="2" s="1"/>
  <c r="E1155" i="2" a="1"/>
  <c r="E1155" i="2" s="1"/>
  <c r="E1143" i="2" a="1"/>
  <c r="E1143" i="2" s="1"/>
  <c r="E1142" i="2" a="1"/>
  <c r="E1142" i="2" s="1"/>
  <c r="E1153" i="2" a="1"/>
  <c r="E1153" i="2" s="1"/>
  <c r="E1146" i="2" a="1"/>
  <c r="E1146" i="2" s="1"/>
  <c r="E1157" i="2" a="1"/>
  <c r="E1157" i="2" s="1"/>
  <c r="E1150" i="2" a="1"/>
  <c r="E1150" i="2" s="1"/>
  <c r="E1151" i="2" a="1"/>
  <c r="E1151" i="2" s="1"/>
  <c r="E1149" i="2" a="1"/>
  <c r="E1149" i="2" s="1"/>
  <c r="AP236" i="1"/>
  <c r="F242" i="5" s="1"/>
  <c r="AO236" i="1"/>
  <c r="E242" i="5" s="1"/>
  <c r="AQ236" i="1"/>
  <c r="G242" i="5" s="1"/>
  <c r="AN236" i="1"/>
  <c r="D242" i="5" s="1"/>
  <c r="AM236" i="1"/>
  <c r="D5665" i="2" a="1"/>
  <c r="D5665" i="2" s="1"/>
  <c r="D5651" i="2" a="1"/>
  <c r="D5651" i="2" s="1"/>
  <c r="D5659" i="2" a="1"/>
  <c r="D5659" i="2" s="1"/>
  <c r="D5663" i="2" a="1"/>
  <c r="D5663" i="2" s="1"/>
  <c r="D5667" i="2" a="1"/>
  <c r="D5667" i="2" s="1"/>
  <c r="D5671" i="2" a="1"/>
  <c r="D5671" i="2" s="1"/>
  <c r="D5650" i="2" a="1"/>
  <c r="D5650" i="2" s="1"/>
  <c r="D5654" i="2" a="1"/>
  <c r="D5654" i="2" s="1"/>
  <c r="D5658" i="2" a="1"/>
  <c r="D5658" i="2" s="1"/>
  <c r="D5666" i="2" a="1"/>
  <c r="D5666" i="2" s="1"/>
  <c r="D5655" i="2" a="1"/>
  <c r="D5655" i="2" s="1"/>
  <c r="D5653" i="2" a="1"/>
  <c r="D5653" i="2" s="1"/>
  <c r="D5657" i="2" a="1"/>
  <c r="D5657" i="2" s="1"/>
  <c r="D5661" i="2" a="1"/>
  <c r="D5661" i="2" s="1"/>
  <c r="D5669" i="2" a="1"/>
  <c r="D5669" i="2" s="1"/>
  <c r="D5673" i="2" a="1"/>
  <c r="D5673" i="2" s="1"/>
  <c r="D5662" i="2" a="1"/>
  <c r="D5662" i="2" s="1"/>
  <c r="D5670" i="2" a="1"/>
  <c r="D5670" i="2" s="1"/>
  <c r="D5652" i="2" a="1"/>
  <c r="D5652" i="2" s="1"/>
  <c r="D5656" i="2" a="1"/>
  <c r="D5656" i="2" s="1"/>
  <c r="D5660" i="2" a="1"/>
  <c r="D5660" i="2" s="1"/>
  <c r="D5664" i="2" a="1"/>
  <c r="D5664" i="2" s="1"/>
  <c r="D5668" i="2" a="1"/>
  <c r="D5668" i="2" s="1"/>
  <c r="D5672" i="2" a="1"/>
  <c r="D5672" i="2" s="1"/>
  <c r="AN313" i="1"/>
  <c r="D319" i="5" s="1"/>
  <c r="AO313" i="1"/>
  <c r="E319" i="5" s="1"/>
  <c r="AQ313" i="1"/>
  <c r="G319" i="5" s="1"/>
  <c r="AP313" i="1"/>
  <c r="F319" i="5" s="1"/>
  <c r="AM313" i="1"/>
  <c r="D7511" i="2" a="1"/>
  <c r="D7511" i="2" s="1"/>
  <c r="D7498" i="2" a="1"/>
  <c r="D7498" i="2" s="1"/>
  <c r="D7506" i="2" a="1"/>
  <c r="D7506" i="2" s="1"/>
  <c r="D7499" i="2" a="1"/>
  <c r="D7499" i="2" s="1"/>
  <c r="D7519" i="2" a="1"/>
  <c r="D7519" i="2" s="1"/>
  <c r="D7501" i="2" a="1"/>
  <c r="D7501" i="2" s="1"/>
  <c r="D7505" i="2" a="1"/>
  <c r="D7505" i="2" s="1"/>
  <c r="D7509" i="2" a="1"/>
  <c r="D7509" i="2" s="1"/>
  <c r="D7517" i="2" a="1"/>
  <c r="D7517" i="2" s="1"/>
  <c r="D7502" i="2" a="1"/>
  <c r="D7502" i="2" s="1"/>
  <c r="D7510" i="2" a="1"/>
  <c r="D7510" i="2" s="1"/>
  <c r="D7514" i="2" a="1"/>
  <c r="D7514" i="2" s="1"/>
  <c r="D7518" i="2" a="1"/>
  <c r="D7518" i="2" s="1"/>
  <c r="D7508" i="2" a="1"/>
  <c r="D7508" i="2" s="1"/>
  <c r="D7512" i="2" a="1"/>
  <c r="D7512" i="2" s="1"/>
  <c r="D7516" i="2" a="1"/>
  <c r="D7516" i="2" s="1"/>
  <c r="D7513" i="2" a="1"/>
  <c r="D7513" i="2" s="1"/>
  <c r="D7521" i="2" a="1"/>
  <c r="D7521" i="2" s="1"/>
  <c r="D7503" i="2" a="1"/>
  <c r="D7503" i="2" s="1"/>
  <c r="D7507" i="2" a="1"/>
  <c r="D7507" i="2" s="1"/>
  <c r="D7515" i="2" a="1"/>
  <c r="D7515" i="2" s="1"/>
  <c r="D7500" i="2" a="1"/>
  <c r="D7500" i="2" s="1"/>
  <c r="D7504" i="2" a="1"/>
  <c r="D7504" i="2" s="1"/>
  <c r="D7520" i="2" a="1"/>
  <c r="D7520" i="2" s="1"/>
  <c r="H142" i="2" a="1"/>
  <c r="H142" i="2" s="1"/>
  <c r="H149" i="2" a="1"/>
  <c r="H149" i="2" s="1"/>
  <c r="H146" i="2" a="1"/>
  <c r="H146" i="2" s="1"/>
  <c r="H150" i="2" a="1"/>
  <c r="H150" i="2" s="1"/>
  <c r="H139" i="2" a="1"/>
  <c r="H139" i="2" s="1"/>
  <c r="H148" i="2" a="1"/>
  <c r="H148" i="2" s="1"/>
  <c r="H138" i="2" a="1"/>
  <c r="H138" i="2" s="1"/>
  <c r="H133" i="2" a="1"/>
  <c r="H133" i="2" s="1"/>
  <c r="H147" i="2" a="1"/>
  <c r="H147" i="2" s="1"/>
  <c r="H134" i="2" a="1"/>
  <c r="H134" i="2" s="1"/>
  <c r="H140" i="2" a="1"/>
  <c r="H140" i="2" s="1"/>
  <c r="H152" i="2" a="1"/>
  <c r="H152" i="2" s="1"/>
  <c r="H143" i="2" a="1"/>
  <c r="H143" i="2" s="1"/>
  <c r="H135" i="2" a="1"/>
  <c r="H135" i="2" s="1"/>
  <c r="H136" i="2" a="1"/>
  <c r="H136" i="2" s="1"/>
  <c r="H131" i="2" a="1"/>
  <c r="H131" i="2" s="1"/>
  <c r="H132" i="2" a="1"/>
  <c r="H132" i="2" s="1"/>
  <c r="H151" i="2" a="1"/>
  <c r="H151" i="2" s="1"/>
  <c r="H153" i="2" a="1"/>
  <c r="H153" i="2" s="1"/>
  <c r="H141" i="2" a="1"/>
  <c r="H141" i="2" s="1"/>
  <c r="H144" i="2" a="1"/>
  <c r="H144" i="2" s="1"/>
  <c r="H137" i="2" a="1"/>
  <c r="H137" i="2" s="1"/>
  <c r="H145" i="2" a="1"/>
  <c r="H145" i="2" s="1"/>
  <c r="H130" i="2" a="1"/>
  <c r="H130" i="2" s="1"/>
  <c r="E5958" i="2" a="1"/>
  <c r="E5958" i="2" s="1"/>
  <c r="E5949" i="2" a="1"/>
  <c r="E5949" i="2" s="1"/>
  <c r="E5944" i="2" a="1"/>
  <c r="E5944" i="2" s="1"/>
  <c r="E5952" i="2" a="1"/>
  <c r="E5952" i="2" s="1"/>
  <c r="E5940" i="2" a="1"/>
  <c r="E5940" i="2" s="1"/>
  <c r="E5950" i="2" a="1"/>
  <c r="E5950" i="2" s="1"/>
  <c r="E5946" i="2" a="1"/>
  <c r="E5946" i="2" s="1"/>
  <c r="E5942" i="2" a="1"/>
  <c r="E5942" i="2" s="1"/>
  <c r="E5951" i="2" a="1"/>
  <c r="E5951" i="2" s="1"/>
  <c r="E5960" i="2" a="1"/>
  <c r="E5960" i="2" s="1"/>
  <c r="E5957" i="2" a="1"/>
  <c r="E5957" i="2" s="1"/>
  <c r="E5947" i="2" a="1"/>
  <c r="E5947" i="2" s="1"/>
  <c r="E5945" i="2" a="1"/>
  <c r="E5945" i="2" s="1"/>
  <c r="E5948" i="2" a="1"/>
  <c r="E5948" i="2" s="1"/>
  <c r="E5953" i="2" a="1"/>
  <c r="E5953" i="2" s="1"/>
  <c r="E5956" i="2" a="1"/>
  <c r="E5956" i="2" s="1"/>
  <c r="E5959" i="2" a="1"/>
  <c r="E5959" i="2" s="1"/>
  <c r="E5955" i="2" a="1"/>
  <c r="E5955" i="2" s="1"/>
  <c r="E5961" i="2" a="1"/>
  <c r="E5961" i="2" s="1"/>
  <c r="E5938" i="2" a="1"/>
  <c r="E5938" i="2" s="1"/>
  <c r="E5943" i="2" a="1"/>
  <c r="E5943" i="2" s="1"/>
  <c r="E5941" i="2" a="1"/>
  <c r="E5941" i="2" s="1"/>
  <c r="E5954" i="2" a="1"/>
  <c r="E5954" i="2" s="1"/>
  <c r="E5939" i="2" a="1"/>
  <c r="E5939" i="2" s="1"/>
  <c r="H1470" i="2" a="1"/>
  <c r="H1470" i="2" s="1"/>
  <c r="H1455" i="2" a="1"/>
  <c r="H1455" i="2" s="1"/>
  <c r="H1458" i="2" a="1"/>
  <c r="H1458" i="2" s="1"/>
  <c r="H1471" i="2" a="1"/>
  <c r="H1471" i="2" s="1"/>
  <c r="H1462" i="2" a="1"/>
  <c r="H1462" i="2" s="1"/>
  <c r="H1456" i="2" a="1"/>
  <c r="H1456" i="2" s="1"/>
  <c r="H1452" i="2" a="1"/>
  <c r="H1452" i="2" s="1"/>
  <c r="H1460" i="2" a="1"/>
  <c r="H1460" i="2" s="1"/>
  <c r="H1466" i="2" a="1"/>
  <c r="H1466" i="2" s="1"/>
  <c r="H1473" i="2" a="1"/>
  <c r="H1473" i="2" s="1"/>
  <c r="H1468" i="2" a="1"/>
  <c r="H1468" i="2" s="1"/>
  <c r="H1453" i="2" a="1"/>
  <c r="H1453" i="2" s="1"/>
  <c r="H1464" i="2" a="1"/>
  <c r="H1464" i="2" s="1"/>
  <c r="H1465" i="2" a="1"/>
  <c r="H1465" i="2" s="1"/>
  <c r="H1451" i="2" a="1"/>
  <c r="H1451" i="2" s="1"/>
  <c r="H1472" i="2" a="1"/>
  <c r="H1472" i="2" s="1"/>
  <c r="H1459" i="2" a="1"/>
  <c r="H1459" i="2" s="1"/>
  <c r="H1461" i="2" a="1"/>
  <c r="H1461" i="2" s="1"/>
  <c r="H1463" i="2" a="1"/>
  <c r="H1463" i="2" s="1"/>
  <c r="H1454" i="2" a="1"/>
  <c r="H1454" i="2" s="1"/>
  <c r="H1457" i="2" a="1"/>
  <c r="H1457" i="2" s="1"/>
  <c r="H1469" i="2" a="1"/>
  <c r="H1469" i="2" s="1"/>
  <c r="H1467" i="2" a="1"/>
  <c r="H1467" i="2" s="1"/>
  <c r="H1450" i="2" a="1"/>
  <c r="H1450" i="2" s="1"/>
  <c r="H6756" i="2" a="1"/>
  <c r="H6756" i="2" s="1"/>
  <c r="H6775" i="2" a="1"/>
  <c r="H6775" i="2" s="1"/>
  <c r="H6757" i="2" a="1"/>
  <c r="H6757" i="2" s="1"/>
  <c r="H6764" i="2" a="1"/>
  <c r="H6764" i="2" s="1"/>
  <c r="H6771" i="2" a="1"/>
  <c r="H6771" i="2" s="1"/>
  <c r="H6765" i="2" a="1"/>
  <c r="H6765" i="2" s="1"/>
  <c r="H6760" i="2" a="1"/>
  <c r="H6760" i="2" s="1"/>
  <c r="H6767" i="2" a="1"/>
  <c r="H6767" i="2" s="1"/>
  <c r="H6772" i="2" a="1"/>
  <c r="H6772" i="2" s="1"/>
  <c r="H6768" i="2" a="1"/>
  <c r="H6768" i="2" s="1"/>
  <c r="H6776" i="2" a="1"/>
  <c r="H6776" i="2" s="1"/>
  <c r="H6762" i="2" a="1"/>
  <c r="H6762" i="2" s="1"/>
  <c r="H6769" i="2" a="1"/>
  <c r="H6769" i="2" s="1"/>
  <c r="H6777" i="2" a="1"/>
  <c r="H6777" i="2" s="1"/>
  <c r="H6758" i="2" a="1"/>
  <c r="H6758" i="2" s="1"/>
  <c r="H6754" i="2" a="1"/>
  <c r="H6754" i="2" s="1"/>
  <c r="H6770" i="2" a="1"/>
  <c r="H6770" i="2" s="1"/>
  <c r="H6774" i="2" a="1"/>
  <c r="H6774" i="2" s="1"/>
  <c r="H6761" i="2" a="1"/>
  <c r="H6761" i="2" s="1"/>
  <c r="H6755" i="2" a="1"/>
  <c r="H6755" i="2" s="1"/>
  <c r="H6759" i="2" a="1"/>
  <c r="H6759" i="2" s="1"/>
  <c r="H6766" i="2" a="1"/>
  <c r="H6766" i="2" s="1"/>
  <c r="H6763" i="2" a="1"/>
  <c r="H6763" i="2" s="1"/>
  <c r="H6773" i="2" a="1"/>
  <c r="H6773" i="2" s="1"/>
  <c r="AN27" i="1"/>
  <c r="D33" i="5" s="1"/>
  <c r="AO27" i="1"/>
  <c r="E33" i="5" s="1"/>
  <c r="AP27" i="1"/>
  <c r="F33" i="5" s="1"/>
  <c r="AQ27" i="1"/>
  <c r="G33" i="5" s="1"/>
  <c r="AM27" i="1"/>
  <c r="D648" i="2" a="1"/>
  <c r="D648" i="2" s="1"/>
  <c r="D649" i="2" a="1"/>
  <c r="D649" i="2" s="1"/>
  <c r="D655" i="2" a="1"/>
  <c r="D655" i="2" s="1"/>
  <c r="D637" i="2" a="1"/>
  <c r="D637" i="2" s="1"/>
  <c r="D634" i="2" a="1"/>
  <c r="D634" i="2" s="1"/>
  <c r="D641" i="2" a="1"/>
  <c r="D641" i="2" s="1"/>
  <c r="D643" i="2" a="1"/>
  <c r="D643" i="2" s="1"/>
  <c r="D650" i="2" a="1"/>
  <c r="D650" i="2" s="1"/>
  <c r="D636" i="2" a="1"/>
  <c r="D636" i="2" s="1"/>
  <c r="D644" i="2" a="1"/>
  <c r="D644" i="2" s="1"/>
  <c r="D651" i="2" a="1"/>
  <c r="D651" i="2" s="1"/>
  <c r="D639" i="2" a="1"/>
  <c r="D639" i="2" s="1"/>
  <c r="D646" i="2" a="1"/>
  <c r="D646" i="2" s="1"/>
  <c r="D640" i="2" a="1"/>
  <c r="D640" i="2" s="1"/>
  <c r="D647" i="2" a="1"/>
  <c r="D647" i="2" s="1"/>
  <c r="D657" i="2" a="1"/>
  <c r="D657" i="2" s="1"/>
  <c r="D654" i="2" a="1"/>
  <c r="D654" i="2" s="1"/>
  <c r="D656" i="2" a="1"/>
  <c r="D656" i="2" s="1"/>
  <c r="D638" i="2" a="1"/>
  <c r="D638" i="2" s="1"/>
  <c r="D645" i="2" a="1"/>
  <c r="D645" i="2" s="1"/>
  <c r="D652" i="2" a="1"/>
  <c r="D652" i="2" s="1"/>
  <c r="D635" i="2" a="1"/>
  <c r="D635" i="2" s="1"/>
  <c r="D642" i="2" a="1"/>
  <c r="D642" i="2" s="1"/>
  <c r="D653" i="2" a="1"/>
  <c r="D653" i="2" s="1"/>
  <c r="F6986" i="2" a="1"/>
  <c r="F6986" i="2" s="1"/>
  <c r="F6993" i="2" a="1"/>
  <c r="F6993" i="2" s="1"/>
  <c r="F6974" i="2" a="1"/>
  <c r="F6974" i="2" s="1"/>
  <c r="F6983" i="2" a="1"/>
  <c r="F6983" i="2" s="1"/>
  <c r="F6981" i="2" a="1"/>
  <c r="F6981" i="2" s="1"/>
  <c r="F6987" i="2" a="1"/>
  <c r="F6987" i="2" s="1"/>
  <c r="F6971" i="2" a="1"/>
  <c r="F6971" i="2" s="1"/>
  <c r="F6970" i="2" a="1"/>
  <c r="F6970" i="2" s="1"/>
  <c r="F6990" i="2" a="1"/>
  <c r="F6990" i="2" s="1"/>
  <c r="F6978" i="2" a="1"/>
  <c r="F6978" i="2" s="1"/>
  <c r="F6973" i="2" a="1"/>
  <c r="F6973" i="2" s="1"/>
  <c r="F6977" i="2" a="1"/>
  <c r="F6977" i="2" s="1"/>
  <c r="F6985" i="2" a="1"/>
  <c r="F6985" i="2" s="1"/>
  <c r="F6989" i="2" a="1"/>
  <c r="F6989" i="2" s="1"/>
  <c r="F6991" i="2" a="1"/>
  <c r="F6991" i="2" s="1"/>
  <c r="F6982" i="2" a="1"/>
  <c r="F6982" i="2" s="1"/>
  <c r="F6972" i="2" a="1"/>
  <c r="F6972" i="2" s="1"/>
  <c r="F6988" i="2" a="1"/>
  <c r="F6988" i="2" s="1"/>
  <c r="F6984" i="2" a="1"/>
  <c r="F6984" i="2" s="1"/>
  <c r="F6976" i="2" a="1"/>
  <c r="F6976" i="2" s="1"/>
  <c r="F6992" i="2" a="1"/>
  <c r="F6992" i="2" s="1"/>
  <c r="F6975" i="2" a="1"/>
  <c r="F6975" i="2" s="1"/>
  <c r="F6979" i="2" a="1"/>
  <c r="F6979" i="2" s="1"/>
  <c r="F6980" i="2" a="1"/>
  <c r="F6980" i="2" s="1"/>
  <c r="F5987" i="2" a="1"/>
  <c r="F5987" i="2" s="1"/>
  <c r="F5995" i="2" a="1"/>
  <c r="F5995" i="2" s="1"/>
  <c r="F5993" i="2" a="1"/>
  <c r="F5993" i="2" s="1"/>
  <c r="F5989" i="2" a="1"/>
  <c r="F5989" i="2" s="1"/>
  <c r="F5994" i="2" a="1"/>
  <c r="F5994" i="2" s="1"/>
  <c r="F5996" i="2" a="1"/>
  <c r="F5996" i="2" s="1"/>
  <c r="F5992" i="2" a="1"/>
  <c r="F5992" i="2" s="1"/>
  <c r="F6001" i="2" a="1"/>
  <c r="F6001" i="2" s="1"/>
  <c r="F6009" i="2" a="1"/>
  <c r="F6009" i="2" s="1"/>
  <c r="F5986" i="2" a="1"/>
  <c r="F5986" i="2" s="1"/>
  <c r="F6006" i="2" a="1"/>
  <c r="F6006" i="2" s="1"/>
  <c r="F6007" i="2" a="1"/>
  <c r="F6007" i="2" s="1"/>
  <c r="F6008" i="2" a="1"/>
  <c r="F6008" i="2" s="1"/>
  <c r="F6004" i="2" a="1"/>
  <c r="F6004" i="2" s="1"/>
  <c r="F6005" i="2" a="1"/>
  <c r="F6005" i="2" s="1"/>
  <c r="F6000" i="2" a="1"/>
  <c r="F6000" i="2" s="1"/>
  <c r="F5990" i="2" a="1"/>
  <c r="F5990" i="2" s="1"/>
  <c r="F5988" i="2" a="1"/>
  <c r="F5988" i="2" s="1"/>
  <c r="F6003" i="2" a="1"/>
  <c r="F6003" i="2" s="1"/>
  <c r="F5997" i="2" a="1"/>
  <c r="F5997" i="2" s="1"/>
  <c r="F5999" i="2" a="1"/>
  <c r="F5999" i="2" s="1"/>
  <c r="F5991" i="2" a="1"/>
  <c r="F5991" i="2" s="1"/>
  <c r="F6002" i="2" a="1"/>
  <c r="F6002" i="2" s="1"/>
  <c r="F5998" i="2" a="1"/>
  <c r="F5998" i="2" s="1"/>
  <c r="G6703" i="2" a="1"/>
  <c r="G6703" i="2" s="1"/>
  <c r="G6694" i="2" a="1"/>
  <c r="G6694" i="2" s="1"/>
  <c r="G6690" i="2" a="1"/>
  <c r="G6690" i="2" s="1"/>
  <c r="G6695" i="2" a="1"/>
  <c r="G6695" i="2" s="1"/>
  <c r="G6697" i="2" a="1"/>
  <c r="G6697" i="2" s="1"/>
  <c r="G6701" i="2" a="1"/>
  <c r="G6701" i="2" s="1"/>
  <c r="G6685" i="2" a="1"/>
  <c r="G6685" i="2" s="1"/>
  <c r="G6684" i="2" a="1"/>
  <c r="G6684" i="2" s="1"/>
  <c r="G6691" i="2" a="1"/>
  <c r="G6691" i="2" s="1"/>
  <c r="G6696" i="2" a="1"/>
  <c r="G6696" i="2" s="1"/>
  <c r="G6704" i="2" a="1"/>
  <c r="G6704" i="2" s="1"/>
  <c r="G6686" i="2" a="1"/>
  <c r="G6686" i="2" s="1"/>
  <c r="G6698" i="2" a="1"/>
  <c r="G6698" i="2" s="1"/>
  <c r="G6688" i="2" a="1"/>
  <c r="G6688" i="2" s="1"/>
  <c r="G6705" i="2" a="1"/>
  <c r="G6705" i="2" s="1"/>
  <c r="G6702" i="2" a="1"/>
  <c r="G6702" i="2" s="1"/>
  <c r="G6683" i="2" a="1"/>
  <c r="G6683" i="2" s="1"/>
  <c r="G6687" i="2" a="1"/>
  <c r="G6687" i="2" s="1"/>
  <c r="G6699" i="2" a="1"/>
  <c r="G6699" i="2" s="1"/>
  <c r="G6689" i="2" a="1"/>
  <c r="G6689" i="2" s="1"/>
  <c r="G6682" i="2" a="1"/>
  <c r="G6682" i="2" s="1"/>
  <c r="G6692" i="2" a="1"/>
  <c r="G6692" i="2" s="1"/>
  <c r="G6693" i="2" a="1"/>
  <c r="G6693" i="2" s="1"/>
  <c r="G6700" i="2" a="1"/>
  <c r="G6700" i="2" s="1"/>
  <c r="E1045" i="2" a="1"/>
  <c r="E1045" i="2" s="1"/>
  <c r="E1048" i="2" a="1"/>
  <c r="E1048" i="2" s="1"/>
  <c r="E1056" i="2" a="1"/>
  <c r="E1056" i="2" s="1"/>
  <c r="E1042" i="2" a="1"/>
  <c r="E1042" i="2" s="1"/>
  <c r="E1063" i="2" a="1"/>
  <c r="E1063" i="2" s="1"/>
  <c r="E1058" i="2" a="1"/>
  <c r="E1058" i="2" s="1"/>
  <c r="E1049" i="2" a="1"/>
  <c r="E1049" i="2" s="1"/>
  <c r="E1046" i="2" a="1"/>
  <c r="E1046" i="2" s="1"/>
  <c r="E1050" i="2" a="1"/>
  <c r="E1050" i="2" s="1"/>
  <c r="E1043" i="2" a="1"/>
  <c r="E1043" i="2" s="1"/>
  <c r="E1044" i="2" a="1"/>
  <c r="E1044" i="2" s="1"/>
  <c r="E1052" i="2" a="1"/>
  <c r="E1052" i="2" s="1"/>
  <c r="E1064" i="2" a="1"/>
  <c r="E1064" i="2" s="1"/>
  <c r="E1054" i="2" a="1"/>
  <c r="E1054" i="2" s="1"/>
  <c r="E1055" i="2" a="1"/>
  <c r="E1055" i="2" s="1"/>
  <c r="E1065" i="2" a="1"/>
  <c r="E1065" i="2" s="1"/>
  <c r="E1057" i="2" a="1"/>
  <c r="E1057" i="2" s="1"/>
  <c r="E1059" i="2" a="1"/>
  <c r="E1059" i="2" s="1"/>
  <c r="E1062" i="2" a="1"/>
  <c r="E1062" i="2" s="1"/>
  <c r="E1053" i="2" a="1"/>
  <c r="E1053" i="2" s="1"/>
  <c r="E1047" i="2" a="1"/>
  <c r="E1047" i="2" s="1"/>
  <c r="E1051" i="2" a="1"/>
  <c r="E1051" i="2" s="1"/>
  <c r="E1060" i="2" a="1"/>
  <c r="E1060" i="2" s="1"/>
  <c r="E1061" i="2" a="1"/>
  <c r="E1061" i="2" s="1"/>
  <c r="F3269" i="2" a="1"/>
  <c r="F3269" i="2" s="1"/>
  <c r="F3273" i="2" a="1"/>
  <c r="F3273" i="2" s="1"/>
  <c r="F3264" i="2" a="1"/>
  <c r="F3264" i="2" s="1"/>
  <c r="F3256" i="2" a="1"/>
  <c r="F3256" i="2" s="1"/>
  <c r="F3252" i="2" a="1"/>
  <c r="F3252" i="2" s="1"/>
  <c r="F3270" i="2" a="1"/>
  <c r="F3270" i="2" s="1"/>
  <c r="F3259" i="2" a="1"/>
  <c r="F3259" i="2" s="1"/>
  <c r="F3266" i="2" a="1"/>
  <c r="F3266" i="2" s="1"/>
  <c r="F3250" i="2" a="1"/>
  <c r="F3250" i="2" s="1"/>
  <c r="F3258" i="2" a="1"/>
  <c r="F3258" i="2" s="1"/>
  <c r="F3253" i="2" a="1"/>
  <c r="F3253" i="2" s="1"/>
  <c r="F3267" i="2" a="1"/>
  <c r="F3267" i="2" s="1"/>
  <c r="F3254" i="2" a="1"/>
  <c r="F3254" i="2" s="1"/>
  <c r="F3257" i="2" a="1"/>
  <c r="F3257" i="2" s="1"/>
  <c r="F3263" i="2" a="1"/>
  <c r="F3263" i="2" s="1"/>
  <c r="F3268" i="2" a="1"/>
  <c r="F3268" i="2" s="1"/>
  <c r="F3272" i="2" a="1"/>
  <c r="F3272" i="2" s="1"/>
  <c r="F3260" i="2" a="1"/>
  <c r="F3260" i="2" s="1"/>
  <c r="F3262" i="2" a="1"/>
  <c r="F3262" i="2" s="1"/>
  <c r="F3261" i="2" a="1"/>
  <c r="F3261" i="2" s="1"/>
  <c r="F3265" i="2" a="1"/>
  <c r="F3265" i="2" s="1"/>
  <c r="F3271" i="2" a="1"/>
  <c r="F3271" i="2" s="1"/>
  <c r="F3251" i="2" a="1"/>
  <c r="F3251" i="2" s="1"/>
  <c r="F3255" i="2" a="1"/>
  <c r="F3255" i="2" s="1"/>
  <c r="G4610" i="2" a="1"/>
  <c r="G4610" i="2" s="1"/>
  <c r="G4599" i="2" a="1"/>
  <c r="G4599" i="2" s="1"/>
  <c r="G4611" i="2" a="1"/>
  <c r="G4611" i="2" s="1"/>
  <c r="G4603" i="2" a="1"/>
  <c r="G4603" i="2" s="1"/>
  <c r="G4598" i="2" a="1"/>
  <c r="G4598" i="2" s="1"/>
  <c r="G4616" i="2" a="1"/>
  <c r="G4616" i="2" s="1"/>
  <c r="G4601" i="2" a="1"/>
  <c r="G4601" i="2" s="1"/>
  <c r="G4604" i="2" a="1"/>
  <c r="G4604" i="2" s="1"/>
  <c r="G4607" i="2" a="1"/>
  <c r="G4607" i="2" s="1"/>
  <c r="G4617" i="2" a="1"/>
  <c r="G4617" i="2" s="1"/>
  <c r="G4608" i="2" a="1"/>
  <c r="G4608" i="2" s="1"/>
  <c r="G4600" i="2" a="1"/>
  <c r="G4600" i="2" s="1"/>
  <c r="G4594" i="2" a="1"/>
  <c r="G4594" i="2" s="1"/>
  <c r="G4596" i="2" a="1"/>
  <c r="G4596" i="2" s="1"/>
  <c r="G4615" i="2" a="1"/>
  <c r="G4615" i="2" s="1"/>
  <c r="G4595" i="2" a="1"/>
  <c r="G4595" i="2" s="1"/>
  <c r="G4612" i="2" a="1"/>
  <c r="G4612" i="2" s="1"/>
  <c r="G4613" i="2" a="1"/>
  <c r="G4613" i="2" s="1"/>
  <c r="G4606" i="2" a="1"/>
  <c r="G4606" i="2" s="1"/>
  <c r="G4614" i="2" a="1"/>
  <c r="G4614" i="2" s="1"/>
  <c r="G4602" i="2" a="1"/>
  <c r="G4602" i="2" s="1"/>
  <c r="G4597" i="2" a="1"/>
  <c r="G4597" i="2" s="1"/>
  <c r="G4605" i="2" a="1"/>
  <c r="G4605" i="2" s="1"/>
  <c r="G4609" i="2" a="1"/>
  <c r="G4609" i="2" s="1"/>
  <c r="F775" i="2" a="1"/>
  <c r="F775" i="2" s="1"/>
  <c r="F766" i="2" a="1"/>
  <c r="F766" i="2" s="1"/>
  <c r="F758" i="2" a="1"/>
  <c r="F758" i="2" s="1"/>
  <c r="F774" i="2" a="1"/>
  <c r="F774" i="2" s="1"/>
  <c r="F767" i="2" a="1"/>
  <c r="F767" i="2" s="1"/>
  <c r="F761" i="2" a="1"/>
  <c r="F761" i="2" s="1"/>
  <c r="F768" i="2" a="1"/>
  <c r="F768" i="2" s="1"/>
  <c r="F754" i="2" a="1"/>
  <c r="F754" i="2" s="1"/>
  <c r="F776" i="2" a="1"/>
  <c r="F776" i="2" s="1"/>
  <c r="F755" i="2" a="1"/>
  <c r="F755" i="2" s="1"/>
  <c r="F765" i="2" a="1"/>
  <c r="F765" i="2" s="1"/>
  <c r="F757" i="2" a="1"/>
  <c r="F757" i="2" s="1"/>
  <c r="F759" i="2" a="1"/>
  <c r="F759" i="2" s="1"/>
  <c r="F773" i="2" a="1"/>
  <c r="F773" i="2" s="1"/>
  <c r="F764" i="2" a="1"/>
  <c r="F764" i="2" s="1"/>
  <c r="F777" i="2" a="1"/>
  <c r="F777" i="2" s="1"/>
  <c r="F762" i="2" a="1"/>
  <c r="F762" i="2" s="1"/>
  <c r="F770" i="2" a="1"/>
  <c r="F770" i="2" s="1"/>
  <c r="F769" i="2" a="1"/>
  <c r="F769" i="2" s="1"/>
  <c r="F771" i="2" a="1"/>
  <c r="F771" i="2" s="1"/>
  <c r="F760" i="2" a="1"/>
  <c r="F760" i="2" s="1"/>
  <c r="F756" i="2" a="1"/>
  <c r="F756" i="2" s="1"/>
  <c r="F772" i="2" a="1"/>
  <c r="F772" i="2" s="1"/>
  <c r="F763" i="2" a="1"/>
  <c r="F763" i="2" s="1"/>
  <c r="AO191" i="1"/>
  <c r="E197" i="5" s="1"/>
  <c r="AP191" i="1"/>
  <c r="F197" i="5" s="1"/>
  <c r="AN191" i="1"/>
  <c r="D197" i="5" s="1"/>
  <c r="AQ191" i="1"/>
  <c r="G197" i="5" s="1"/>
  <c r="AM191" i="1"/>
  <c r="D4588" i="2" a="1"/>
  <c r="D4588" i="2" s="1"/>
  <c r="D4592" i="2" a="1"/>
  <c r="D4592" i="2" s="1"/>
  <c r="D4570" i="2" a="1"/>
  <c r="D4570" i="2" s="1"/>
  <c r="D4593" i="2" a="1"/>
  <c r="D4593" i="2" s="1"/>
  <c r="D4574" i="2" a="1"/>
  <c r="D4574" i="2" s="1"/>
  <c r="D4589" i="2" a="1"/>
  <c r="D4589" i="2" s="1"/>
  <c r="D4571" i="2" a="1"/>
  <c r="D4571" i="2" s="1"/>
  <c r="D4575" i="2" a="1"/>
  <c r="D4575" i="2" s="1"/>
  <c r="D4579" i="2" a="1"/>
  <c r="D4579" i="2" s="1"/>
  <c r="D4585" i="2" a="1"/>
  <c r="D4585" i="2" s="1"/>
  <c r="D4581" i="2" a="1"/>
  <c r="D4581" i="2" s="1"/>
  <c r="D4583" i="2" a="1"/>
  <c r="D4583" i="2" s="1"/>
  <c r="D4587" i="2" a="1"/>
  <c r="D4587" i="2" s="1"/>
  <c r="D4573" i="2" a="1"/>
  <c r="D4573" i="2" s="1"/>
  <c r="D4577" i="2" a="1"/>
  <c r="D4577" i="2" s="1"/>
  <c r="D4591" i="2" a="1"/>
  <c r="D4591" i="2" s="1"/>
  <c r="D4586" i="2" a="1"/>
  <c r="D4586" i="2" s="1"/>
  <c r="D4582" i="2" a="1"/>
  <c r="D4582" i="2" s="1"/>
  <c r="D4584" i="2" a="1"/>
  <c r="D4584" i="2" s="1"/>
  <c r="D4578" i="2" a="1"/>
  <c r="D4578" i="2" s="1"/>
  <c r="D4580" i="2" a="1"/>
  <c r="D4580" i="2" s="1"/>
  <c r="D4590" i="2" a="1"/>
  <c r="D4590" i="2" s="1"/>
  <c r="D4576" i="2" a="1"/>
  <c r="D4576" i="2" s="1"/>
  <c r="D4572" i="2" a="1"/>
  <c r="D4572" i="2" s="1"/>
  <c r="AN59" i="1"/>
  <c r="D65" i="5" s="1"/>
  <c r="AQ59" i="1"/>
  <c r="G65" i="5" s="1"/>
  <c r="AO59" i="1"/>
  <c r="E65" i="5" s="1"/>
  <c r="AP59" i="1"/>
  <c r="F65" i="5" s="1"/>
  <c r="AM59" i="1"/>
  <c r="D1413" i="2" a="1"/>
  <c r="D1413" i="2" s="1"/>
  <c r="D1421" i="2" a="1"/>
  <c r="D1421" i="2" s="1"/>
  <c r="D1404" i="2" a="1"/>
  <c r="D1404" i="2" s="1"/>
  <c r="D1408" i="2" a="1"/>
  <c r="D1408" i="2" s="1"/>
  <c r="D1402" i="2" a="1"/>
  <c r="D1402" i="2" s="1"/>
  <c r="D1406" i="2" a="1"/>
  <c r="D1406" i="2" s="1"/>
  <c r="D1405" i="2" a="1"/>
  <c r="D1405" i="2" s="1"/>
  <c r="D1423" i="2" a="1"/>
  <c r="D1423" i="2" s="1"/>
  <c r="D1422" i="2" a="1"/>
  <c r="D1422" i="2" s="1"/>
  <c r="D1407" i="2" a="1"/>
  <c r="D1407" i="2" s="1"/>
  <c r="D1417" i="2" a="1"/>
  <c r="D1417" i="2" s="1"/>
  <c r="D1410" i="2" a="1"/>
  <c r="D1410" i="2" s="1"/>
  <c r="D1415" i="2" a="1"/>
  <c r="D1415" i="2" s="1"/>
  <c r="D1420" i="2" a="1"/>
  <c r="D1420" i="2" s="1"/>
  <c r="D1419" i="2" a="1"/>
  <c r="D1419" i="2" s="1"/>
  <c r="D1425" i="2" a="1"/>
  <c r="D1425" i="2" s="1"/>
  <c r="D1409" i="2" a="1"/>
  <c r="D1409" i="2" s="1"/>
  <c r="D1412" i="2" a="1"/>
  <c r="D1412" i="2" s="1"/>
  <c r="D1414" i="2" a="1"/>
  <c r="D1414" i="2" s="1"/>
  <c r="D1424" i="2" a="1"/>
  <c r="D1424" i="2" s="1"/>
  <c r="D1416" i="2" a="1"/>
  <c r="D1416" i="2" s="1"/>
  <c r="D1418" i="2" a="1"/>
  <c r="D1418" i="2" s="1"/>
  <c r="D1411" i="2" a="1"/>
  <c r="D1411" i="2" s="1"/>
  <c r="D1403" i="2" a="1"/>
  <c r="D1403" i="2" s="1"/>
  <c r="F4586" i="2" a="1"/>
  <c r="F4586" i="2" s="1"/>
  <c r="F4575" i="2" a="1"/>
  <c r="F4575" i="2" s="1"/>
  <c r="F4578" i="2" a="1"/>
  <c r="F4578" i="2" s="1"/>
  <c r="F4581" i="2" a="1"/>
  <c r="F4581" i="2" s="1"/>
  <c r="F4572" i="2" a="1"/>
  <c r="F4572" i="2" s="1"/>
  <c r="F4589" i="2" a="1"/>
  <c r="F4589" i="2" s="1"/>
  <c r="F4585" i="2" a="1"/>
  <c r="F4585" i="2" s="1"/>
  <c r="F4573" i="2" a="1"/>
  <c r="F4573" i="2" s="1"/>
  <c r="F4574" i="2" a="1"/>
  <c r="F4574" i="2" s="1"/>
  <c r="F4584" i="2" a="1"/>
  <c r="F4584" i="2" s="1"/>
  <c r="F4588" i="2" a="1"/>
  <c r="F4588" i="2" s="1"/>
  <c r="F4571" i="2" a="1"/>
  <c r="F4571" i="2" s="1"/>
  <c r="F4590" i="2" a="1"/>
  <c r="F4590" i="2" s="1"/>
  <c r="F4579" i="2" a="1"/>
  <c r="F4579" i="2" s="1"/>
  <c r="F4580" i="2" a="1"/>
  <c r="F4580" i="2" s="1"/>
  <c r="F4593" i="2" a="1"/>
  <c r="F4593" i="2" s="1"/>
  <c r="F4582" i="2" a="1"/>
  <c r="F4582" i="2" s="1"/>
  <c r="F4587" i="2" a="1"/>
  <c r="F4587" i="2" s="1"/>
  <c r="F4592" i="2" a="1"/>
  <c r="F4592" i="2" s="1"/>
  <c r="F4591" i="2" a="1"/>
  <c r="F4591" i="2" s="1"/>
  <c r="F4570" i="2" a="1"/>
  <c r="F4570" i="2" s="1"/>
  <c r="F4583" i="2" a="1"/>
  <c r="F4583" i="2" s="1"/>
  <c r="F4577" i="2" a="1"/>
  <c r="F4577" i="2" s="1"/>
  <c r="F4576" i="2" a="1"/>
  <c r="F4576" i="2" s="1"/>
  <c r="H585" i="2" a="1"/>
  <c r="H585" i="2" s="1"/>
  <c r="H569" i="2" a="1"/>
  <c r="H569" i="2" s="1"/>
  <c r="H583" i="2" a="1"/>
  <c r="H583" i="2" s="1"/>
  <c r="H566" i="2" a="1"/>
  <c r="H566" i="2" s="1"/>
  <c r="H570" i="2" a="1"/>
  <c r="H570" i="2" s="1"/>
  <c r="H562" i="2" a="1"/>
  <c r="H562" i="2" s="1"/>
  <c r="H580" i="2" a="1"/>
  <c r="H580" i="2" s="1"/>
  <c r="H579" i="2" a="1"/>
  <c r="H579" i="2" s="1"/>
  <c r="H564" i="2" a="1"/>
  <c r="H564" i="2" s="1"/>
  <c r="H571" i="2" a="1"/>
  <c r="H571" i="2" s="1"/>
  <c r="H577" i="2" a="1"/>
  <c r="H577" i="2" s="1"/>
  <c r="H567" i="2" a="1"/>
  <c r="H567" i="2" s="1"/>
  <c r="H582" i="2" a="1"/>
  <c r="H582" i="2" s="1"/>
  <c r="H572" i="2" a="1"/>
  <c r="H572" i="2" s="1"/>
  <c r="H573" i="2" a="1"/>
  <c r="H573" i="2" s="1"/>
  <c r="H565" i="2" a="1"/>
  <c r="H565" i="2" s="1"/>
  <c r="H575" i="2" a="1"/>
  <c r="H575" i="2" s="1"/>
  <c r="H563" i="2" a="1"/>
  <c r="H563" i="2" s="1"/>
  <c r="H576" i="2" a="1"/>
  <c r="H576" i="2" s="1"/>
  <c r="H578" i="2" a="1"/>
  <c r="H578" i="2" s="1"/>
  <c r="H574" i="2" a="1"/>
  <c r="H574" i="2" s="1"/>
  <c r="H584" i="2" a="1"/>
  <c r="H584" i="2" s="1"/>
  <c r="H581" i="2" a="1"/>
  <c r="H581" i="2" s="1"/>
  <c r="H568" i="2" a="1"/>
  <c r="H568" i="2" s="1"/>
  <c r="AO149" i="1"/>
  <c r="E155" i="5" s="1"/>
  <c r="AP149" i="1"/>
  <c r="F155" i="5" s="1"/>
  <c r="AN149" i="1"/>
  <c r="D155" i="5" s="1"/>
  <c r="AQ149" i="1"/>
  <c r="G155" i="5" s="1"/>
  <c r="AM149" i="1"/>
  <c r="D3564" i="2" a="1"/>
  <c r="D3564" i="2" s="1"/>
  <c r="D3572" i="2" a="1"/>
  <c r="D3572" i="2" s="1"/>
  <c r="D3563" i="2" a="1"/>
  <c r="D3563" i="2" s="1"/>
  <c r="D3579" i="2" a="1"/>
  <c r="D3579" i="2" s="1"/>
  <c r="D3562" i="2" a="1"/>
  <c r="D3562" i="2" s="1"/>
  <c r="D3566" i="2" a="1"/>
  <c r="D3566" i="2" s="1"/>
  <c r="D3570" i="2" a="1"/>
  <c r="D3570" i="2" s="1"/>
  <c r="D3574" i="2" a="1"/>
  <c r="D3574" i="2" s="1"/>
  <c r="D3578" i="2" a="1"/>
  <c r="D3578" i="2" s="1"/>
  <c r="D3565" i="2" a="1"/>
  <c r="D3565" i="2" s="1"/>
  <c r="D3573" i="2" a="1"/>
  <c r="D3573" i="2" s="1"/>
  <c r="D3582" i="2" a="1"/>
  <c r="D3582" i="2" s="1"/>
  <c r="D3568" i="2" a="1"/>
  <c r="D3568" i="2" s="1"/>
  <c r="D3576" i="2" a="1"/>
  <c r="D3576" i="2" s="1"/>
  <c r="D3580" i="2" a="1"/>
  <c r="D3580" i="2" s="1"/>
  <c r="D3584" i="2" a="1"/>
  <c r="D3584" i="2" s="1"/>
  <c r="D3585" i="2" a="1"/>
  <c r="D3585" i="2" s="1"/>
  <c r="D3571" i="2" a="1"/>
  <c r="D3571" i="2" s="1"/>
  <c r="D3583" i="2" a="1"/>
  <c r="D3583" i="2" s="1"/>
  <c r="D3567" i="2" a="1"/>
  <c r="D3567" i="2" s="1"/>
  <c r="D3575" i="2" a="1"/>
  <c r="D3575" i="2" s="1"/>
  <c r="D3569" i="2" a="1"/>
  <c r="D3569" i="2" s="1"/>
  <c r="D3577" i="2" a="1"/>
  <c r="D3577" i="2" s="1"/>
  <c r="D3581" i="2" a="1"/>
  <c r="D3581" i="2" s="1"/>
  <c r="F1923" i="2" a="1"/>
  <c r="F1923" i="2" s="1"/>
  <c r="F1910" i="2" a="1"/>
  <c r="F1910" i="2" s="1"/>
  <c r="F1919" i="2" a="1"/>
  <c r="F1919" i="2" s="1"/>
  <c r="F1928" i="2" a="1"/>
  <c r="F1928" i="2" s="1"/>
  <c r="F1915" i="2" a="1"/>
  <c r="F1915" i="2" s="1"/>
  <c r="F1922" i="2" a="1"/>
  <c r="F1922" i="2" s="1"/>
  <c r="F1913" i="2" a="1"/>
  <c r="F1913" i="2" s="1"/>
  <c r="F1917" i="2" a="1"/>
  <c r="F1917" i="2" s="1"/>
  <c r="F1921" i="2" a="1"/>
  <c r="F1921" i="2" s="1"/>
  <c r="F1909" i="2" a="1"/>
  <c r="F1909" i="2" s="1"/>
  <c r="F1926" i="2" a="1"/>
  <c r="F1926" i="2" s="1"/>
  <c r="F1912" i="2" a="1"/>
  <c r="F1912" i="2" s="1"/>
  <c r="F1916" i="2" a="1"/>
  <c r="F1916" i="2" s="1"/>
  <c r="F1914" i="2" a="1"/>
  <c r="F1914" i="2" s="1"/>
  <c r="F1918" i="2" a="1"/>
  <c r="F1918" i="2" s="1"/>
  <c r="F1927" i="2" a="1"/>
  <c r="F1927" i="2" s="1"/>
  <c r="F1906" i="2" a="1"/>
  <c r="F1906" i="2" s="1"/>
  <c r="F1920" i="2" a="1"/>
  <c r="F1920" i="2" s="1"/>
  <c r="F1907" i="2" a="1"/>
  <c r="F1907" i="2" s="1"/>
  <c r="F1925" i="2" a="1"/>
  <c r="F1925" i="2" s="1"/>
  <c r="F1911" i="2" a="1"/>
  <c r="F1911" i="2" s="1"/>
  <c r="F1929" i="2" a="1"/>
  <c r="F1929" i="2" s="1"/>
  <c r="F1924" i="2" a="1"/>
  <c r="F1924" i="2" s="1"/>
  <c r="F1908" i="2" a="1"/>
  <c r="F1908" i="2" s="1"/>
  <c r="E4908" i="2" a="1"/>
  <c r="E4908" i="2" s="1"/>
  <c r="E4910" i="2" a="1"/>
  <c r="E4910" i="2" s="1"/>
  <c r="E4909" i="2" a="1"/>
  <c r="E4909" i="2" s="1"/>
  <c r="E4918" i="2" a="1"/>
  <c r="E4918" i="2" s="1"/>
  <c r="E4924" i="2" a="1"/>
  <c r="E4924" i="2" s="1"/>
  <c r="E4915" i="2" a="1"/>
  <c r="E4915" i="2" s="1"/>
  <c r="E4929" i="2" a="1"/>
  <c r="E4929" i="2" s="1"/>
  <c r="E4921" i="2" a="1"/>
  <c r="E4921" i="2" s="1"/>
  <c r="E4913" i="2" a="1"/>
  <c r="E4913" i="2" s="1"/>
  <c r="E4925" i="2" a="1"/>
  <c r="E4925" i="2" s="1"/>
  <c r="E4914" i="2" a="1"/>
  <c r="E4914" i="2" s="1"/>
  <c r="E4926" i="2" a="1"/>
  <c r="E4926" i="2" s="1"/>
  <c r="E4917" i="2" a="1"/>
  <c r="E4917" i="2" s="1"/>
  <c r="E4920" i="2" a="1"/>
  <c r="E4920" i="2" s="1"/>
  <c r="E4928" i="2" a="1"/>
  <c r="E4928" i="2" s="1"/>
  <c r="E4906" i="2" a="1"/>
  <c r="E4906" i="2" s="1"/>
  <c r="E4927" i="2" a="1"/>
  <c r="E4927" i="2" s="1"/>
  <c r="E4922" i="2" a="1"/>
  <c r="E4922" i="2" s="1"/>
  <c r="E4923" i="2" a="1"/>
  <c r="E4923" i="2" s="1"/>
  <c r="E4916" i="2" a="1"/>
  <c r="E4916" i="2" s="1"/>
  <c r="E4911" i="2" a="1"/>
  <c r="E4911" i="2" s="1"/>
  <c r="E4912" i="2" a="1"/>
  <c r="E4912" i="2" s="1"/>
  <c r="E4919" i="2" a="1"/>
  <c r="E4919" i="2" s="1"/>
  <c r="E4907" i="2" a="1"/>
  <c r="E4907" i="2" s="1"/>
  <c r="H3831" i="2" a="1"/>
  <c r="H3831" i="2" s="1"/>
  <c r="H3838" i="2" a="1"/>
  <c r="H3838" i="2" s="1"/>
  <c r="H3826" i="2" a="1"/>
  <c r="H3826" i="2" s="1"/>
  <c r="H3842" i="2" a="1"/>
  <c r="H3842" i="2" s="1"/>
  <c r="H3845" i="2" a="1"/>
  <c r="H3845" i="2" s="1"/>
  <c r="H3832" i="2" a="1"/>
  <c r="H3832" i="2" s="1"/>
  <c r="H3843" i="2" a="1"/>
  <c r="H3843" i="2" s="1"/>
  <c r="H3847" i="2" a="1"/>
  <c r="H3847" i="2" s="1"/>
  <c r="H3833" i="2" a="1"/>
  <c r="H3833" i="2" s="1"/>
  <c r="H3848" i="2" a="1"/>
  <c r="H3848" i="2" s="1"/>
  <c r="H3849" i="2" a="1"/>
  <c r="H3849" i="2" s="1"/>
  <c r="H3834" i="2" a="1"/>
  <c r="H3834" i="2" s="1"/>
  <c r="H3830" i="2" a="1"/>
  <c r="H3830" i="2" s="1"/>
  <c r="H3836" i="2" a="1"/>
  <c r="H3836" i="2" s="1"/>
  <c r="H3839" i="2" a="1"/>
  <c r="H3839" i="2" s="1"/>
  <c r="H3840" i="2" a="1"/>
  <c r="H3840" i="2" s="1"/>
  <c r="H3827" i="2" a="1"/>
  <c r="H3827" i="2" s="1"/>
  <c r="H3841" i="2" a="1"/>
  <c r="H3841" i="2" s="1"/>
  <c r="H3837" i="2" a="1"/>
  <c r="H3837" i="2" s="1"/>
  <c r="H3844" i="2" a="1"/>
  <c r="H3844" i="2" s="1"/>
  <c r="H3828" i="2" a="1"/>
  <c r="H3828" i="2" s="1"/>
  <c r="H3829" i="2" a="1"/>
  <c r="H3829" i="2" s="1"/>
  <c r="H3835" i="2" a="1"/>
  <c r="H3835" i="2" s="1"/>
  <c r="H3846" i="2" a="1"/>
  <c r="H3846" i="2" s="1"/>
  <c r="E5825" i="2" a="1"/>
  <c r="E5825" i="2" s="1"/>
  <c r="E5831" i="2" a="1"/>
  <c r="E5831" i="2" s="1"/>
  <c r="E5836" i="2" a="1"/>
  <c r="E5836" i="2" s="1"/>
  <c r="E5827" i="2" a="1"/>
  <c r="E5827" i="2" s="1"/>
  <c r="E5818" i="2" a="1"/>
  <c r="E5818" i="2" s="1"/>
  <c r="E5826" i="2" a="1"/>
  <c r="E5826" i="2" s="1"/>
  <c r="E5838" i="2" a="1"/>
  <c r="E5838" i="2" s="1"/>
  <c r="E5839" i="2" a="1"/>
  <c r="E5839" i="2" s="1"/>
  <c r="E5829" i="2" a="1"/>
  <c r="E5829" i="2" s="1"/>
  <c r="E5841" i="2" a="1"/>
  <c r="E5841" i="2" s="1"/>
  <c r="E5830" i="2" a="1"/>
  <c r="E5830" i="2" s="1"/>
  <c r="E5832" i="2" a="1"/>
  <c r="E5832" i="2" s="1"/>
  <c r="E5833" i="2" a="1"/>
  <c r="E5833" i="2" s="1"/>
  <c r="E5834" i="2" a="1"/>
  <c r="E5834" i="2" s="1"/>
  <c r="E5820" i="2" a="1"/>
  <c r="E5820" i="2" s="1"/>
  <c r="E5835" i="2" a="1"/>
  <c r="E5835" i="2" s="1"/>
  <c r="E5821" i="2" a="1"/>
  <c r="E5821" i="2" s="1"/>
  <c r="E5828" i="2" a="1"/>
  <c r="E5828" i="2" s="1"/>
  <c r="E5822" i="2" a="1"/>
  <c r="E5822" i="2" s="1"/>
  <c r="E5837" i="2" a="1"/>
  <c r="E5837" i="2" s="1"/>
  <c r="E5819" i="2" a="1"/>
  <c r="E5819" i="2" s="1"/>
  <c r="E5823" i="2" a="1"/>
  <c r="E5823" i="2" s="1"/>
  <c r="E5824" i="2" a="1"/>
  <c r="E5824" i="2" s="1"/>
  <c r="E5840" i="2" a="1"/>
  <c r="E5840" i="2" s="1"/>
  <c r="H2587" i="2" a="1"/>
  <c r="H2587" i="2" s="1"/>
  <c r="H2601" i="2" a="1"/>
  <c r="H2601" i="2" s="1"/>
  <c r="H2596" i="2" a="1"/>
  <c r="H2596" i="2" s="1"/>
  <c r="H2588" i="2" a="1"/>
  <c r="H2588" i="2" s="1"/>
  <c r="H2582" i="2" a="1"/>
  <c r="H2582" i="2" s="1"/>
  <c r="H2593" i="2" a="1"/>
  <c r="H2593" i="2" s="1"/>
  <c r="H2589" i="2" a="1"/>
  <c r="H2589" i="2" s="1"/>
  <c r="H2579" i="2" a="1"/>
  <c r="H2579" i="2" s="1"/>
  <c r="H2586" i="2" a="1"/>
  <c r="H2586" i="2" s="1"/>
  <c r="H2597" i="2" a="1"/>
  <c r="H2597" i="2" s="1"/>
  <c r="H2595" i="2" a="1"/>
  <c r="H2595" i="2" s="1"/>
  <c r="H2598" i="2" a="1"/>
  <c r="H2598" i="2" s="1"/>
  <c r="H2578" i="2" a="1"/>
  <c r="H2578" i="2" s="1"/>
  <c r="H2580" i="2" a="1"/>
  <c r="H2580" i="2" s="1"/>
  <c r="H2599" i="2" a="1"/>
  <c r="H2599" i="2" s="1"/>
  <c r="H2585" i="2" a="1"/>
  <c r="H2585" i="2" s="1"/>
  <c r="H2583" i="2" a="1"/>
  <c r="H2583" i="2" s="1"/>
  <c r="H2584" i="2" a="1"/>
  <c r="H2584" i="2" s="1"/>
  <c r="H2592" i="2" a="1"/>
  <c r="H2592" i="2" s="1"/>
  <c r="H2581" i="2" a="1"/>
  <c r="H2581" i="2" s="1"/>
  <c r="H2590" i="2" a="1"/>
  <c r="H2590" i="2" s="1"/>
  <c r="H2591" i="2" a="1"/>
  <c r="H2591" i="2" s="1"/>
  <c r="H2594" i="2" a="1"/>
  <c r="H2594" i="2" s="1"/>
  <c r="H2600" i="2" a="1"/>
  <c r="H2600" i="2" s="1"/>
  <c r="E1434" i="2" a="1"/>
  <c r="E1434" i="2" s="1"/>
  <c r="E1428" i="2" a="1"/>
  <c r="E1428" i="2" s="1"/>
  <c r="E1440" i="2" a="1"/>
  <c r="E1440" i="2" s="1"/>
  <c r="E1444" i="2" a="1"/>
  <c r="E1444" i="2" s="1"/>
  <c r="E1435" i="2" a="1"/>
  <c r="E1435" i="2" s="1"/>
  <c r="E1445" i="2" a="1"/>
  <c r="E1445" i="2" s="1"/>
  <c r="E1436" i="2" a="1"/>
  <c r="E1436" i="2" s="1"/>
  <c r="E1429" i="2" a="1"/>
  <c r="E1429" i="2" s="1"/>
  <c r="E1443" i="2" a="1"/>
  <c r="E1443" i="2" s="1"/>
  <c r="E1437" i="2" a="1"/>
  <c r="E1437" i="2" s="1"/>
  <c r="E1431" i="2" a="1"/>
  <c r="E1431" i="2" s="1"/>
  <c r="E1432" i="2" a="1"/>
  <c r="E1432" i="2" s="1"/>
  <c r="E1447" i="2" a="1"/>
  <c r="E1447" i="2" s="1"/>
  <c r="E1427" i="2" a="1"/>
  <c r="E1427" i="2" s="1"/>
  <c r="E1433" i="2" a="1"/>
  <c r="E1433" i="2" s="1"/>
  <c r="E1441" i="2" a="1"/>
  <c r="E1441" i="2" s="1"/>
  <c r="E1446" i="2" a="1"/>
  <c r="E1446" i="2" s="1"/>
  <c r="E1442" i="2" a="1"/>
  <c r="E1442" i="2" s="1"/>
  <c r="E1438" i="2" a="1"/>
  <c r="E1438" i="2" s="1"/>
  <c r="E1426" i="2" a="1"/>
  <c r="E1426" i="2" s="1"/>
  <c r="E1430" i="2" a="1"/>
  <c r="E1430" i="2" s="1"/>
  <c r="E1448" i="2" a="1"/>
  <c r="E1448" i="2" s="1"/>
  <c r="E1439" i="2" a="1"/>
  <c r="E1439" i="2" s="1"/>
  <c r="E1449" i="2" a="1"/>
  <c r="E1449" i="2" s="1"/>
  <c r="G2594" i="2" a="1"/>
  <c r="G2594" i="2" s="1"/>
  <c r="G2596" i="2" a="1"/>
  <c r="G2596" i="2" s="1"/>
  <c r="G2595" i="2" a="1"/>
  <c r="G2595" i="2" s="1"/>
  <c r="G2578" i="2" a="1"/>
  <c r="G2578" i="2" s="1"/>
  <c r="G2591" i="2" a="1"/>
  <c r="G2591" i="2" s="1"/>
  <c r="G2593" i="2" a="1"/>
  <c r="G2593" i="2" s="1"/>
  <c r="G2590" i="2" a="1"/>
  <c r="G2590" i="2" s="1"/>
  <c r="G2580" i="2" a="1"/>
  <c r="G2580" i="2" s="1"/>
  <c r="G2584" i="2" a="1"/>
  <c r="G2584" i="2" s="1"/>
  <c r="G2600" i="2" a="1"/>
  <c r="G2600" i="2" s="1"/>
  <c r="G2599" i="2" a="1"/>
  <c r="G2599" i="2" s="1"/>
  <c r="G2598" i="2" a="1"/>
  <c r="G2598" i="2" s="1"/>
  <c r="G2601" i="2" a="1"/>
  <c r="G2601" i="2" s="1"/>
  <c r="G2588" i="2" a="1"/>
  <c r="G2588" i="2" s="1"/>
  <c r="G2589" i="2" a="1"/>
  <c r="G2589" i="2" s="1"/>
  <c r="G2581" i="2" a="1"/>
  <c r="G2581" i="2" s="1"/>
  <c r="G2583" i="2" a="1"/>
  <c r="G2583" i="2" s="1"/>
  <c r="G2586" i="2" a="1"/>
  <c r="G2586" i="2" s="1"/>
  <c r="G2587" i="2" a="1"/>
  <c r="G2587" i="2" s="1"/>
  <c r="G2582" i="2" a="1"/>
  <c r="G2582" i="2" s="1"/>
  <c r="G2579" i="2" a="1"/>
  <c r="G2579" i="2" s="1"/>
  <c r="G2585" i="2" a="1"/>
  <c r="G2585" i="2" s="1"/>
  <c r="G2597" i="2" a="1"/>
  <c r="G2597" i="2" s="1"/>
  <c r="G2592" i="2" a="1"/>
  <c r="G2592" i="2" s="1"/>
  <c r="G8440" i="2" a="1"/>
  <c r="G8440" i="2" s="1"/>
  <c r="G8442" i="2" a="1"/>
  <c r="G8442" i="2" s="1"/>
  <c r="G8449" i="2" a="1"/>
  <c r="G8449" i="2" s="1"/>
  <c r="G8441" i="2" a="1"/>
  <c r="G8441" i="2" s="1"/>
  <c r="G8451" i="2" a="1"/>
  <c r="G8451" i="2" s="1"/>
  <c r="G8445" i="2" a="1"/>
  <c r="G8445" i="2" s="1"/>
  <c r="G8436" i="2" a="1"/>
  <c r="G8436" i="2" s="1"/>
  <c r="G8454" i="2" a="1"/>
  <c r="G8454" i="2" s="1"/>
  <c r="G8453" i="2" a="1"/>
  <c r="G8453" i="2" s="1"/>
  <c r="G8446" i="2" a="1"/>
  <c r="G8446" i="2" s="1"/>
  <c r="G8434" i="2" a="1"/>
  <c r="G8434" i="2" s="1"/>
  <c r="G8456" i="2" a="1"/>
  <c r="G8456" i="2" s="1"/>
  <c r="G8435" i="2" a="1"/>
  <c r="G8435" i="2" s="1"/>
  <c r="G8447" i="2" a="1"/>
  <c r="G8447" i="2" s="1"/>
  <c r="G8437" i="2" a="1"/>
  <c r="G8437" i="2" s="1"/>
  <c r="G8444" i="2" a="1"/>
  <c r="G8444" i="2" s="1"/>
  <c r="G8438" i="2" a="1"/>
  <c r="G8438" i="2" s="1"/>
  <c r="G8457" i="2" a="1"/>
  <c r="G8457" i="2" s="1"/>
  <c r="G8455" i="2" a="1"/>
  <c r="G8455" i="2" s="1"/>
  <c r="G8452" i="2" a="1"/>
  <c r="G8452" i="2" s="1"/>
  <c r="G8450" i="2" a="1"/>
  <c r="G8450" i="2" s="1"/>
  <c r="G8443" i="2" a="1"/>
  <c r="G8443" i="2" s="1"/>
  <c r="G8439" i="2" a="1"/>
  <c r="G8439" i="2" s="1"/>
  <c r="G8448" i="2" a="1"/>
  <c r="G8448" i="2" s="1"/>
  <c r="G2771" i="2" a="1"/>
  <c r="G2771" i="2" s="1"/>
  <c r="G2787" i="2" a="1"/>
  <c r="G2787" i="2" s="1"/>
  <c r="G2776" i="2" a="1"/>
  <c r="G2776" i="2" s="1"/>
  <c r="G2782" i="2" a="1"/>
  <c r="G2782" i="2" s="1"/>
  <c r="G2777" i="2" a="1"/>
  <c r="G2777" i="2" s="1"/>
  <c r="G2770" i="2" a="1"/>
  <c r="G2770" i="2" s="1"/>
  <c r="G2778" i="2" a="1"/>
  <c r="G2778" i="2" s="1"/>
  <c r="G2783" i="2" a="1"/>
  <c r="G2783" i="2" s="1"/>
  <c r="G2779" i="2" a="1"/>
  <c r="G2779" i="2" s="1"/>
  <c r="G2792" i="2" a="1"/>
  <c r="G2792" i="2" s="1"/>
  <c r="G2780" i="2" a="1"/>
  <c r="G2780" i="2" s="1"/>
  <c r="G2772" i="2" a="1"/>
  <c r="G2772" i="2" s="1"/>
  <c r="G2775" i="2" a="1"/>
  <c r="G2775" i="2" s="1"/>
  <c r="G2784" i="2" a="1"/>
  <c r="G2784" i="2" s="1"/>
  <c r="G2790" i="2" a="1"/>
  <c r="G2790" i="2" s="1"/>
  <c r="G2785" i="2" a="1"/>
  <c r="G2785" i="2" s="1"/>
  <c r="G2793" i="2" a="1"/>
  <c r="G2793" i="2" s="1"/>
  <c r="G2773" i="2" a="1"/>
  <c r="G2773" i="2" s="1"/>
  <c r="G2788" i="2" a="1"/>
  <c r="G2788" i="2" s="1"/>
  <c r="G2786" i="2" a="1"/>
  <c r="G2786" i="2" s="1"/>
  <c r="G2791" i="2" a="1"/>
  <c r="G2791" i="2" s="1"/>
  <c r="G2789" i="2" a="1"/>
  <c r="G2789" i="2" s="1"/>
  <c r="G2781" i="2" a="1"/>
  <c r="G2781" i="2" s="1"/>
  <c r="G2774" i="2" a="1"/>
  <c r="G2774" i="2" s="1"/>
  <c r="H2758" i="2" a="1"/>
  <c r="H2758" i="2" s="1"/>
  <c r="H2752" i="2" a="1"/>
  <c r="H2752" i="2" s="1"/>
  <c r="H2746" i="2" a="1"/>
  <c r="H2746" i="2" s="1"/>
  <c r="H2762" i="2" a="1"/>
  <c r="H2762" i="2" s="1"/>
  <c r="H2768" i="2" a="1"/>
  <c r="H2768" i="2" s="1"/>
  <c r="H2764" i="2" a="1"/>
  <c r="H2764" i="2" s="1"/>
  <c r="H2754" i="2" a="1"/>
  <c r="H2754" i="2" s="1"/>
  <c r="H2759" i="2" a="1"/>
  <c r="H2759" i="2" s="1"/>
  <c r="H2750" i="2" a="1"/>
  <c r="H2750" i="2" s="1"/>
  <c r="H2755" i="2" a="1"/>
  <c r="H2755" i="2" s="1"/>
  <c r="H2760" i="2" a="1"/>
  <c r="H2760" i="2" s="1"/>
  <c r="H2767" i="2" a="1"/>
  <c r="H2767" i="2" s="1"/>
  <c r="H2757" i="2" a="1"/>
  <c r="H2757" i="2" s="1"/>
  <c r="H2766" i="2" a="1"/>
  <c r="H2766" i="2" s="1"/>
  <c r="H2753" i="2" a="1"/>
  <c r="H2753" i="2" s="1"/>
  <c r="H2749" i="2" a="1"/>
  <c r="H2749" i="2" s="1"/>
  <c r="H2751" i="2" a="1"/>
  <c r="H2751" i="2" s="1"/>
  <c r="H2747" i="2" a="1"/>
  <c r="H2747" i="2" s="1"/>
  <c r="H2748" i="2" a="1"/>
  <c r="H2748" i="2" s="1"/>
  <c r="H2769" i="2" a="1"/>
  <c r="H2769" i="2" s="1"/>
  <c r="H2761" i="2" a="1"/>
  <c r="H2761" i="2" s="1"/>
  <c r="H2763" i="2" a="1"/>
  <c r="H2763" i="2" s="1"/>
  <c r="H2756" i="2" a="1"/>
  <c r="H2756" i="2" s="1"/>
  <c r="H2765" i="2" a="1"/>
  <c r="H2765" i="2" s="1"/>
  <c r="G6192" i="2" a="1"/>
  <c r="G6192" i="2" s="1"/>
  <c r="G6182" i="2" a="1"/>
  <c r="G6182" i="2" s="1"/>
  <c r="G6188" i="2" a="1"/>
  <c r="G6188" i="2" s="1"/>
  <c r="G6201" i="2" a="1"/>
  <c r="G6201" i="2" s="1"/>
  <c r="G6194" i="2" a="1"/>
  <c r="G6194" i="2" s="1"/>
  <c r="G6190" i="2" a="1"/>
  <c r="G6190" i="2" s="1"/>
  <c r="G6200" i="2" a="1"/>
  <c r="G6200" i="2" s="1"/>
  <c r="G6186" i="2" a="1"/>
  <c r="G6186" i="2" s="1"/>
  <c r="G6184" i="2" a="1"/>
  <c r="G6184" i="2" s="1"/>
  <c r="G6187" i="2" a="1"/>
  <c r="G6187" i="2" s="1"/>
  <c r="G6195" i="2" a="1"/>
  <c r="G6195" i="2" s="1"/>
  <c r="G6193" i="2" a="1"/>
  <c r="G6193" i="2" s="1"/>
  <c r="G6180" i="2" a="1"/>
  <c r="G6180" i="2" s="1"/>
  <c r="G6199" i="2" a="1"/>
  <c r="G6199" i="2" s="1"/>
  <c r="G6196" i="2" a="1"/>
  <c r="G6196" i="2" s="1"/>
  <c r="G6198" i="2" a="1"/>
  <c r="G6198" i="2" s="1"/>
  <c r="G6191" i="2" a="1"/>
  <c r="G6191" i="2" s="1"/>
  <c r="G6197" i="2" a="1"/>
  <c r="G6197" i="2" s="1"/>
  <c r="G6185" i="2" a="1"/>
  <c r="G6185" i="2" s="1"/>
  <c r="G6183" i="2" a="1"/>
  <c r="G6183" i="2" s="1"/>
  <c r="G6181" i="2" a="1"/>
  <c r="G6181" i="2" s="1"/>
  <c r="G6178" i="2" a="1"/>
  <c r="G6178" i="2" s="1"/>
  <c r="G6179" i="2" a="1"/>
  <c r="G6179" i="2" s="1"/>
  <c r="G6189" i="2" a="1"/>
  <c r="G6189" i="2" s="1"/>
  <c r="H6815" i="2" a="1"/>
  <c r="H6815" i="2" s="1"/>
  <c r="H6804" i="2" a="1"/>
  <c r="H6804" i="2" s="1"/>
  <c r="H6822" i="2" a="1"/>
  <c r="H6822" i="2" s="1"/>
  <c r="H6823" i="2" a="1"/>
  <c r="H6823" i="2" s="1"/>
  <c r="H6816" i="2" a="1"/>
  <c r="H6816" i="2" s="1"/>
  <c r="H6805" i="2" a="1"/>
  <c r="H6805" i="2" s="1"/>
  <c r="H6813" i="2" a="1"/>
  <c r="H6813" i="2" s="1"/>
  <c r="H6806" i="2" a="1"/>
  <c r="H6806" i="2" s="1"/>
  <c r="H6809" i="2" a="1"/>
  <c r="H6809" i="2" s="1"/>
  <c r="H6814" i="2" a="1"/>
  <c r="H6814" i="2" s="1"/>
  <c r="H6825" i="2" a="1"/>
  <c r="H6825" i="2" s="1"/>
  <c r="H6810" i="2" a="1"/>
  <c r="H6810" i="2" s="1"/>
  <c r="H6817" i="2" a="1"/>
  <c r="H6817" i="2" s="1"/>
  <c r="H6807" i="2" a="1"/>
  <c r="H6807" i="2" s="1"/>
  <c r="H6811" i="2" a="1"/>
  <c r="H6811" i="2" s="1"/>
  <c r="H6821" i="2" a="1"/>
  <c r="H6821" i="2" s="1"/>
  <c r="H6812" i="2" a="1"/>
  <c r="H6812" i="2" s="1"/>
  <c r="H6820" i="2" a="1"/>
  <c r="H6820" i="2" s="1"/>
  <c r="H6818" i="2" a="1"/>
  <c r="H6818" i="2" s="1"/>
  <c r="H6819" i="2" a="1"/>
  <c r="H6819" i="2" s="1"/>
  <c r="H6802" i="2" a="1"/>
  <c r="H6802" i="2" s="1"/>
  <c r="H6803" i="2" a="1"/>
  <c r="H6803" i="2" s="1"/>
  <c r="H6824" i="2" a="1"/>
  <c r="H6824" i="2" s="1"/>
  <c r="H6808" i="2" a="1"/>
  <c r="H6808" i="2" s="1"/>
  <c r="AP293" i="1"/>
  <c r="F299" i="5" s="1"/>
  <c r="AQ293" i="1"/>
  <c r="G299" i="5" s="1"/>
  <c r="AN293" i="1"/>
  <c r="D299" i="5" s="1"/>
  <c r="AO293" i="1"/>
  <c r="E299" i="5" s="1"/>
  <c r="AM293" i="1"/>
  <c r="D7025" i="2" a="1"/>
  <c r="D7025" i="2" s="1"/>
  <c r="D7037" i="2" a="1"/>
  <c r="D7037" i="2" s="1"/>
  <c r="D7041" i="2" a="1"/>
  <c r="D7041" i="2" s="1"/>
  <c r="D7020" i="2" a="1"/>
  <c r="D7020" i="2" s="1"/>
  <c r="D7032" i="2" a="1"/>
  <c r="D7032" i="2" s="1"/>
  <c r="D7036" i="2" a="1"/>
  <c r="D7036" i="2" s="1"/>
  <c r="D7024" i="2" a="1"/>
  <c r="D7024" i="2" s="1"/>
  <c r="D7028" i="2" a="1"/>
  <c r="D7028" i="2" s="1"/>
  <c r="D7040" i="2" a="1"/>
  <c r="D7040" i="2" s="1"/>
  <c r="D7029" i="2" a="1"/>
  <c r="D7029" i="2" s="1"/>
  <c r="D7035" i="2" a="1"/>
  <c r="D7035" i="2" s="1"/>
  <c r="D7033" i="2" a="1"/>
  <c r="D7033" i="2" s="1"/>
  <c r="D7039" i="2" a="1"/>
  <c r="D7039" i="2" s="1"/>
  <c r="D7021" i="2" a="1"/>
  <c r="D7021" i="2" s="1"/>
  <c r="D7030" i="2" a="1"/>
  <c r="D7030" i="2" s="1"/>
  <c r="D7022" i="2" a="1"/>
  <c r="D7022" i="2" s="1"/>
  <c r="D7034" i="2" a="1"/>
  <c r="D7034" i="2" s="1"/>
  <c r="D7026" i="2" a="1"/>
  <c r="D7026" i="2" s="1"/>
  <c r="D7038" i="2" a="1"/>
  <c r="D7038" i="2" s="1"/>
  <c r="D7018" i="2" a="1"/>
  <c r="D7018" i="2" s="1"/>
  <c r="D7027" i="2" a="1"/>
  <c r="D7027" i="2" s="1"/>
  <c r="D7023" i="2" a="1"/>
  <c r="D7023" i="2" s="1"/>
  <c r="D7031" i="2" a="1"/>
  <c r="D7031" i="2" s="1"/>
  <c r="D7019" i="2" a="1"/>
  <c r="D7019" i="2" s="1"/>
  <c r="G4157" i="2" a="1"/>
  <c r="G4157" i="2" s="1"/>
  <c r="G4148" i="2" a="1"/>
  <c r="G4148" i="2" s="1"/>
  <c r="G4139" i="2" a="1"/>
  <c r="G4139" i="2" s="1"/>
  <c r="G4158" i="2" a="1"/>
  <c r="G4158" i="2" s="1"/>
  <c r="G4138" i="2" a="1"/>
  <c r="G4138" i="2" s="1"/>
  <c r="G4140" i="2" a="1"/>
  <c r="G4140" i="2" s="1"/>
  <c r="G4159" i="2" a="1"/>
  <c r="G4159" i="2" s="1"/>
  <c r="G4161" i="2" a="1"/>
  <c r="G4161" i="2" s="1"/>
  <c r="G4146" i="2" a="1"/>
  <c r="G4146" i="2" s="1"/>
  <c r="G4149" i="2" a="1"/>
  <c r="G4149" i="2" s="1"/>
  <c r="G4151" i="2" a="1"/>
  <c r="G4151" i="2" s="1"/>
  <c r="G4141" i="2" a="1"/>
  <c r="G4141" i="2" s="1"/>
  <c r="G4152" i="2" a="1"/>
  <c r="G4152" i="2" s="1"/>
  <c r="G4142" i="2" a="1"/>
  <c r="G4142" i="2" s="1"/>
  <c r="G4153" i="2" a="1"/>
  <c r="G4153" i="2" s="1"/>
  <c r="G4144" i="2" a="1"/>
  <c r="G4144" i="2" s="1"/>
  <c r="G4154" i="2" a="1"/>
  <c r="G4154" i="2" s="1"/>
  <c r="G4145" i="2" a="1"/>
  <c r="G4145" i="2" s="1"/>
  <c r="G4150" i="2" a="1"/>
  <c r="G4150" i="2" s="1"/>
  <c r="G4147" i="2" a="1"/>
  <c r="G4147" i="2" s="1"/>
  <c r="G4155" i="2" a="1"/>
  <c r="G4155" i="2" s="1"/>
  <c r="G4143" i="2" a="1"/>
  <c r="G4143" i="2" s="1"/>
  <c r="G4156" i="2" a="1"/>
  <c r="G4156" i="2" s="1"/>
  <c r="G4160" i="2" a="1"/>
  <c r="G4160" i="2" s="1"/>
  <c r="F7114" i="2" a="1"/>
  <c r="F7114" i="2" s="1"/>
  <c r="F7131" i="2" a="1"/>
  <c r="F7131" i="2" s="1"/>
  <c r="F7125" i="2" a="1"/>
  <c r="F7125" i="2" s="1"/>
  <c r="F7118" i="2" a="1"/>
  <c r="F7118" i="2" s="1"/>
  <c r="F7130" i="2" a="1"/>
  <c r="F7130" i="2" s="1"/>
  <c r="F7119" i="2" a="1"/>
  <c r="F7119" i="2" s="1"/>
  <c r="F7133" i="2" a="1"/>
  <c r="F7133" i="2" s="1"/>
  <c r="F7120" i="2" a="1"/>
  <c r="F7120" i="2" s="1"/>
  <c r="F7123" i="2" a="1"/>
  <c r="F7123" i="2" s="1"/>
  <c r="F7135" i="2" a="1"/>
  <c r="F7135" i="2" s="1"/>
  <c r="F7116" i="2" a="1"/>
  <c r="F7116" i="2" s="1"/>
  <c r="F7122" i="2" a="1"/>
  <c r="F7122" i="2" s="1"/>
  <c r="F7136" i="2" a="1"/>
  <c r="F7136" i="2" s="1"/>
  <c r="F7121" i="2" a="1"/>
  <c r="F7121" i="2" s="1"/>
  <c r="F7137" i="2" a="1"/>
  <c r="F7137" i="2" s="1"/>
  <c r="F7127" i="2" a="1"/>
  <c r="F7127" i="2" s="1"/>
  <c r="F7115" i="2" a="1"/>
  <c r="F7115" i="2" s="1"/>
  <c r="F7124" i="2" a="1"/>
  <c r="F7124" i="2" s="1"/>
  <c r="F7128" i="2" a="1"/>
  <c r="F7128" i="2" s="1"/>
  <c r="F7117" i="2" a="1"/>
  <c r="F7117" i="2" s="1"/>
  <c r="F7132" i="2" a="1"/>
  <c r="F7132" i="2" s="1"/>
  <c r="F7129" i="2" a="1"/>
  <c r="F7129" i="2" s="1"/>
  <c r="F7126" i="2" a="1"/>
  <c r="F7126" i="2" s="1"/>
  <c r="F7134" i="2" a="1"/>
  <c r="F7134" i="2" s="1"/>
  <c r="F3401" i="2" a="1"/>
  <c r="F3401" i="2" s="1"/>
  <c r="F3404" i="2" a="1"/>
  <c r="F3404" i="2" s="1"/>
  <c r="F3395" i="2" a="1"/>
  <c r="F3395" i="2" s="1"/>
  <c r="F3402" i="2" a="1"/>
  <c r="F3402" i="2" s="1"/>
  <c r="F3417" i="2" a="1"/>
  <c r="F3417" i="2" s="1"/>
  <c r="F3397" i="2" a="1"/>
  <c r="F3397" i="2" s="1"/>
  <c r="F3407" i="2" a="1"/>
  <c r="F3407" i="2" s="1"/>
  <c r="F3408" i="2" a="1"/>
  <c r="F3408" i="2" s="1"/>
  <c r="F3411" i="2" a="1"/>
  <c r="F3411" i="2" s="1"/>
  <c r="F3409" i="2" a="1"/>
  <c r="F3409" i="2" s="1"/>
  <c r="F3412" i="2" a="1"/>
  <c r="F3412" i="2" s="1"/>
  <c r="F3413" i="2" a="1"/>
  <c r="F3413" i="2" s="1"/>
  <c r="F3416" i="2" a="1"/>
  <c r="F3416" i="2" s="1"/>
  <c r="F3403" i="2" a="1"/>
  <c r="F3403" i="2" s="1"/>
  <c r="F3414" i="2" a="1"/>
  <c r="F3414" i="2" s="1"/>
  <c r="F3406" i="2" a="1"/>
  <c r="F3406" i="2" s="1"/>
  <c r="F3415" i="2" a="1"/>
  <c r="F3415" i="2" s="1"/>
  <c r="F3394" i="2" a="1"/>
  <c r="F3394" i="2" s="1"/>
  <c r="F3398" i="2" a="1"/>
  <c r="F3398" i="2" s="1"/>
  <c r="F3400" i="2" a="1"/>
  <c r="F3400" i="2" s="1"/>
  <c r="F3410" i="2" a="1"/>
  <c r="F3410" i="2" s="1"/>
  <c r="F3396" i="2" a="1"/>
  <c r="F3396" i="2" s="1"/>
  <c r="F3405" i="2" a="1"/>
  <c r="F3405" i="2" s="1"/>
  <c r="F3399" i="2" a="1"/>
  <c r="F3399" i="2" s="1"/>
  <c r="F7848" i="2" a="1"/>
  <c r="F7848" i="2" s="1"/>
  <c r="F7857" i="2" a="1"/>
  <c r="F7857" i="2" s="1"/>
  <c r="F7840" i="2" a="1"/>
  <c r="F7840" i="2" s="1"/>
  <c r="F7838" i="2" a="1"/>
  <c r="F7838" i="2" s="1"/>
  <c r="F7855" i="2" a="1"/>
  <c r="F7855" i="2" s="1"/>
  <c r="F7852" i="2" a="1"/>
  <c r="F7852" i="2" s="1"/>
  <c r="F7842" i="2" a="1"/>
  <c r="F7842" i="2" s="1"/>
  <c r="F7835" i="2" a="1"/>
  <c r="F7835" i="2" s="1"/>
  <c r="F7839" i="2" a="1"/>
  <c r="F7839" i="2" s="1"/>
  <c r="F7844" i="2" a="1"/>
  <c r="F7844" i="2" s="1"/>
  <c r="F7846" i="2" a="1"/>
  <c r="F7846" i="2" s="1"/>
  <c r="F7849" i="2" a="1"/>
  <c r="F7849" i="2" s="1"/>
  <c r="F7854" i="2" a="1"/>
  <c r="F7854" i="2" s="1"/>
  <c r="F7847" i="2" a="1"/>
  <c r="F7847" i="2" s="1"/>
  <c r="F7841" i="2" a="1"/>
  <c r="F7841" i="2" s="1"/>
  <c r="F7851" i="2" a="1"/>
  <c r="F7851" i="2" s="1"/>
  <c r="F7837" i="2" a="1"/>
  <c r="F7837" i="2" s="1"/>
  <c r="F7853" i="2" a="1"/>
  <c r="F7853" i="2" s="1"/>
  <c r="F7834" i="2" a="1"/>
  <c r="F7834" i="2" s="1"/>
  <c r="F7856" i="2" a="1"/>
  <c r="F7856" i="2" s="1"/>
  <c r="F7843" i="2" a="1"/>
  <c r="F7843" i="2" s="1"/>
  <c r="F7845" i="2" a="1"/>
  <c r="F7845" i="2" s="1"/>
  <c r="F7836" i="2" a="1"/>
  <c r="F7836" i="2" s="1"/>
  <c r="F7850" i="2" a="1"/>
  <c r="F7850" i="2" s="1"/>
  <c r="F7357" i="2" a="1"/>
  <c r="F7357" i="2" s="1"/>
  <c r="F7363" i="2" a="1"/>
  <c r="F7363" i="2" s="1"/>
  <c r="F7369" i="2" a="1"/>
  <c r="F7369" i="2" s="1"/>
  <c r="F7377" i="2" a="1"/>
  <c r="F7377" i="2" s="1"/>
  <c r="F7366" i="2" a="1"/>
  <c r="F7366" i="2" s="1"/>
  <c r="F7371" i="2" a="1"/>
  <c r="F7371" i="2" s="1"/>
  <c r="F7362" i="2" a="1"/>
  <c r="F7362" i="2" s="1"/>
  <c r="F7368" i="2" a="1"/>
  <c r="F7368" i="2" s="1"/>
  <c r="F7373" i="2" a="1"/>
  <c r="F7373" i="2" s="1"/>
  <c r="F7358" i="2" a="1"/>
  <c r="F7358" i="2" s="1"/>
  <c r="F7367" i="2" a="1"/>
  <c r="F7367" i="2" s="1"/>
  <c r="F7360" i="2" a="1"/>
  <c r="F7360" i="2" s="1"/>
  <c r="F7374" i="2" a="1"/>
  <c r="F7374" i="2" s="1"/>
  <c r="F7365" i="2" a="1"/>
  <c r="F7365" i="2" s="1"/>
  <c r="F7354" i="2" a="1"/>
  <c r="F7354" i="2" s="1"/>
  <c r="F7372" i="2" a="1"/>
  <c r="F7372" i="2" s="1"/>
  <c r="F7370" i="2" a="1"/>
  <c r="F7370" i="2" s="1"/>
  <c r="F7361" i="2" a="1"/>
  <c r="F7361" i="2" s="1"/>
  <c r="F7375" i="2" a="1"/>
  <c r="F7375" i="2" s="1"/>
  <c r="F7359" i="2" a="1"/>
  <c r="F7359" i="2" s="1"/>
  <c r="F7355" i="2" a="1"/>
  <c r="F7355" i="2" s="1"/>
  <c r="F7356" i="2" a="1"/>
  <c r="F7356" i="2" s="1"/>
  <c r="F7364" i="2" a="1"/>
  <c r="F7364" i="2" s="1"/>
  <c r="F7376" i="2" a="1"/>
  <c r="F7376" i="2" s="1"/>
  <c r="H6939" i="2" a="1"/>
  <c r="H6939" i="2" s="1"/>
  <c r="H6941" i="2" a="1"/>
  <c r="H6941" i="2" s="1"/>
  <c r="H6937" i="2" a="1"/>
  <c r="H6937" i="2" s="1"/>
  <c r="H6943" i="2" a="1"/>
  <c r="H6943" i="2" s="1"/>
  <c r="H6940" i="2" a="1"/>
  <c r="H6940" i="2" s="1"/>
  <c r="H6944" i="2" a="1"/>
  <c r="H6944" i="2" s="1"/>
  <c r="H6925" i="2" a="1"/>
  <c r="H6925" i="2" s="1"/>
  <c r="H6930" i="2" a="1"/>
  <c r="H6930" i="2" s="1"/>
  <c r="H6938" i="2" a="1"/>
  <c r="H6938" i="2" s="1"/>
  <c r="H6926" i="2" a="1"/>
  <c r="H6926" i="2" s="1"/>
  <c r="H6931" i="2" a="1"/>
  <c r="H6931" i="2" s="1"/>
  <c r="H6927" i="2" a="1"/>
  <c r="H6927" i="2" s="1"/>
  <c r="H6936" i="2" a="1"/>
  <c r="H6936" i="2" s="1"/>
  <c r="H6932" i="2" a="1"/>
  <c r="H6932" i="2" s="1"/>
  <c r="H6929" i="2" a="1"/>
  <c r="H6929" i="2" s="1"/>
  <c r="H6935" i="2" a="1"/>
  <c r="H6935" i="2" s="1"/>
  <c r="H6933" i="2" a="1"/>
  <c r="H6933" i="2" s="1"/>
  <c r="H6922" i="2" a="1"/>
  <c r="H6922" i="2" s="1"/>
  <c r="H6923" i="2" a="1"/>
  <c r="H6923" i="2" s="1"/>
  <c r="H6924" i="2" a="1"/>
  <c r="H6924" i="2" s="1"/>
  <c r="H6934" i="2" a="1"/>
  <c r="H6934" i="2" s="1"/>
  <c r="H6945" i="2" a="1"/>
  <c r="H6945" i="2" s="1"/>
  <c r="H6928" i="2" a="1"/>
  <c r="H6928" i="2" s="1"/>
  <c r="H6942" i="2" a="1"/>
  <c r="H6942" i="2" s="1"/>
  <c r="F3435" i="2" a="1"/>
  <c r="F3435" i="2" s="1"/>
  <c r="F3433" i="2" a="1"/>
  <c r="F3433" i="2" s="1"/>
  <c r="F3440" i="2" a="1"/>
  <c r="F3440" i="2" s="1"/>
  <c r="F3423" i="2" a="1"/>
  <c r="F3423" i="2" s="1"/>
  <c r="F3421" i="2" a="1"/>
  <c r="F3421" i="2" s="1"/>
  <c r="F3436" i="2" a="1"/>
  <c r="F3436" i="2" s="1"/>
  <c r="F3428" i="2" a="1"/>
  <c r="F3428" i="2" s="1"/>
  <c r="F3419" i="2" a="1"/>
  <c r="F3419" i="2" s="1"/>
  <c r="F3426" i="2" a="1"/>
  <c r="F3426" i="2" s="1"/>
  <c r="F3439" i="2" a="1"/>
  <c r="F3439" i="2" s="1"/>
  <c r="F3418" i="2" a="1"/>
  <c r="F3418" i="2" s="1"/>
  <c r="F3430" i="2" a="1"/>
  <c r="F3430" i="2" s="1"/>
  <c r="F3424" i="2" a="1"/>
  <c r="F3424" i="2" s="1"/>
  <c r="F3429" i="2" a="1"/>
  <c r="F3429" i="2" s="1"/>
  <c r="F3427" i="2" a="1"/>
  <c r="F3427" i="2" s="1"/>
  <c r="F3431" i="2" a="1"/>
  <c r="F3431" i="2" s="1"/>
  <c r="F3432" i="2" a="1"/>
  <c r="F3432" i="2" s="1"/>
  <c r="F3425" i="2" a="1"/>
  <c r="F3425" i="2" s="1"/>
  <c r="F3441" i="2" a="1"/>
  <c r="F3441" i="2" s="1"/>
  <c r="F3438" i="2" a="1"/>
  <c r="F3438" i="2" s="1"/>
  <c r="F3422" i="2" a="1"/>
  <c r="F3422" i="2" s="1"/>
  <c r="F3437" i="2" a="1"/>
  <c r="F3437" i="2" s="1"/>
  <c r="F3434" i="2" a="1"/>
  <c r="F3434" i="2" s="1"/>
  <c r="F3420" i="2" a="1"/>
  <c r="F3420" i="2" s="1"/>
  <c r="AO335" i="1"/>
  <c r="E341" i="5" s="1"/>
  <c r="AP335" i="1"/>
  <c r="F341" i="5" s="1"/>
  <c r="AQ335" i="1"/>
  <c r="G341" i="5" s="1"/>
  <c r="AN335" i="1"/>
  <c r="D341" i="5" s="1"/>
  <c r="AM335" i="1"/>
  <c r="D8049" i="2" a="1"/>
  <c r="D8049" i="2" s="1"/>
  <c r="D8038" i="2" a="1"/>
  <c r="D8038" i="2" s="1"/>
  <c r="D8032" i="2" a="1"/>
  <c r="D8032" i="2" s="1"/>
  <c r="D8035" i="2" a="1"/>
  <c r="D8035" i="2" s="1"/>
  <c r="D8048" i="2" a="1"/>
  <c r="D8048" i="2" s="1"/>
  <c r="D8027" i="2" a="1"/>
  <c r="D8027" i="2" s="1"/>
  <c r="D8041" i="2" a="1"/>
  <c r="D8041" i="2" s="1"/>
  <c r="D8044" i="2" a="1"/>
  <c r="D8044" i="2" s="1"/>
  <c r="D8045" i="2" a="1"/>
  <c r="D8045" i="2" s="1"/>
  <c r="D8031" i="2" a="1"/>
  <c r="D8031" i="2" s="1"/>
  <c r="D8040" i="2" a="1"/>
  <c r="D8040" i="2" s="1"/>
  <c r="D8026" i="2" a="1"/>
  <c r="D8026" i="2" s="1"/>
  <c r="D8034" i="2" a="1"/>
  <c r="D8034" i="2" s="1"/>
  <c r="D8043" i="2" a="1"/>
  <c r="D8043" i="2" s="1"/>
  <c r="D8029" i="2" a="1"/>
  <c r="D8029" i="2" s="1"/>
  <c r="D8037" i="2" a="1"/>
  <c r="D8037" i="2" s="1"/>
  <c r="D8030" i="2" a="1"/>
  <c r="D8030" i="2" s="1"/>
  <c r="D8039" i="2" a="1"/>
  <c r="D8039" i="2" s="1"/>
  <c r="D8046" i="2" a="1"/>
  <c r="D8046" i="2" s="1"/>
  <c r="D8033" i="2" a="1"/>
  <c r="D8033" i="2" s="1"/>
  <c r="D8036" i="2" a="1"/>
  <c r="D8036" i="2" s="1"/>
  <c r="D8047" i="2" a="1"/>
  <c r="D8047" i="2" s="1"/>
  <c r="D8028" i="2" a="1"/>
  <c r="D8028" i="2" s="1"/>
  <c r="D8042" i="2" a="1"/>
  <c r="D8042" i="2" s="1"/>
  <c r="E721" i="2" a="1"/>
  <c r="E721" i="2" s="1"/>
  <c r="E725" i="2" a="1"/>
  <c r="E725" i="2" s="1"/>
  <c r="E715" i="2" a="1"/>
  <c r="E715" i="2" s="1"/>
  <c r="E706" i="2" a="1"/>
  <c r="E706" i="2" s="1"/>
  <c r="E722" i="2" a="1"/>
  <c r="E722" i="2" s="1"/>
  <c r="E726" i="2" a="1"/>
  <c r="E726" i="2" s="1"/>
  <c r="E718" i="2" a="1"/>
  <c r="E718" i="2" s="1"/>
  <c r="E710" i="2" a="1"/>
  <c r="E710" i="2" s="1"/>
  <c r="E723" i="2" a="1"/>
  <c r="E723" i="2" s="1"/>
  <c r="E713" i="2" a="1"/>
  <c r="E713" i="2" s="1"/>
  <c r="E724" i="2" a="1"/>
  <c r="E724" i="2" s="1"/>
  <c r="E708" i="2" a="1"/>
  <c r="E708" i="2" s="1"/>
  <c r="E729" i="2" a="1"/>
  <c r="E729" i="2" s="1"/>
  <c r="E709" i="2" a="1"/>
  <c r="E709" i="2" s="1"/>
  <c r="E711" i="2" a="1"/>
  <c r="E711" i="2" s="1"/>
  <c r="E714" i="2" a="1"/>
  <c r="E714" i="2" s="1"/>
  <c r="E728" i="2" a="1"/>
  <c r="E728" i="2" s="1"/>
  <c r="E716" i="2" a="1"/>
  <c r="E716" i="2" s="1"/>
  <c r="E707" i="2" a="1"/>
  <c r="E707" i="2" s="1"/>
  <c r="E727" i="2" a="1"/>
  <c r="E727" i="2" s="1"/>
  <c r="E719" i="2" a="1"/>
  <c r="E719" i="2" s="1"/>
  <c r="E720" i="2" a="1"/>
  <c r="E720" i="2" s="1"/>
  <c r="E717" i="2" a="1"/>
  <c r="E717" i="2" s="1"/>
  <c r="E712" i="2" a="1"/>
  <c r="E712" i="2" s="1"/>
  <c r="AN164" i="1"/>
  <c r="D170" i="5" s="1"/>
  <c r="AO164" i="1"/>
  <c r="E170" i="5" s="1"/>
  <c r="AP164" i="1"/>
  <c r="F170" i="5" s="1"/>
  <c r="AQ164" i="1"/>
  <c r="G170" i="5" s="1"/>
  <c r="AM164" i="1"/>
  <c r="D3924" i="2" a="1"/>
  <c r="D3924" i="2" s="1"/>
  <c r="D3928" i="2" a="1"/>
  <c r="D3928" i="2" s="1"/>
  <c r="D3931" i="2" a="1"/>
  <c r="D3931" i="2" s="1"/>
  <c r="D3926" i="2" a="1"/>
  <c r="D3926" i="2" s="1"/>
  <c r="D3945" i="2" a="1"/>
  <c r="D3945" i="2" s="1"/>
  <c r="D3938" i="2" a="1"/>
  <c r="D3938" i="2" s="1"/>
  <c r="D3942" i="2" a="1"/>
  <c r="D3942" i="2" s="1"/>
  <c r="D3937" i="2" a="1"/>
  <c r="D3937" i="2" s="1"/>
  <c r="D3936" i="2" a="1"/>
  <c r="D3936" i="2" s="1"/>
  <c r="D3944" i="2" a="1"/>
  <c r="D3944" i="2" s="1"/>
  <c r="D3933" i="2" a="1"/>
  <c r="D3933" i="2" s="1"/>
  <c r="D3941" i="2" a="1"/>
  <c r="D3941" i="2" s="1"/>
  <c r="D3929" i="2" a="1"/>
  <c r="D3929" i="2" s="1"/>
  <c r="D3935" i="2" a="1"/>
  <c r="D3935" i="2" s="1"/>
  <c r="D3943" i="2" a="1"/>
  <c r="D3943" i="2" s="1"/>
  <c r="D3922" i="2" a="1"/>
  <c r="D3922" i="2" s="1"/>
  <c r="D3940" i="2" a="1"/>
  <c r="D3940" i="2" s="1"/>
  <c r="D3925" i="2" a="1"/>
  <c r="D3925" i="2" s="1"/>
  <c r="D3932" i="2" a="1"/>
  <c r="D3932" i="2" s="1"/>
  <c r="D3939" i="2" a="1"/>
  <c r="D3939" i="2" s="1"/>
  <c r="D3927" i="2" a="1"/>
  <c r="D3927" i="2" s="1"/>
  <c r="D3934" i="2" a="1"/>
  <c r="D3934" i="2" s="1"/>
  <c r="D3923" i="2" a="1"/>
  <c r="D3923" i="2" s="1"/>
  <c r="D3930" i="2" a="1"/>
  <c r="D3930" i="2" s="1"/>
  <c r="E3763" i="2" a="1"/>
  <c r="E3763" i="2" s="1"/>
  <c r="E3756" i="2" a="1"/>
  <c r="E3756" i="2" s="1"/>
  <c r="E3776" i="2" a="1"/>
  <c r="E3776" i="2" s="1"/>
  <c r="E3772" i="2" a="1"/>
  <c r="E3772" i="2" s="1"/>
  <c r="E3757" i="2" a="1"/>
  <c r="E3757" i="2" s="1"/>
  <c r="E3759" i="2" a="1"/>
  <c r="E3759" i="2" s="1"/>
  <c r="E3768" i="2" a="1"/>
  <c r="E3768" i="2" s="1"/>
  <c r="E3775" i="2" a="1"/>
  <c r="E3775" i="2" s="1"/>
  <c r="E3762" i="2" a="1"/>
  <c r="E3762" i="2" s="1"/>
  <c r="E3769" i="2" a="1"/>
  <c r="E3769" i="2" s="1"/>
  <c r="E3773" i="2" a="1"/>
  <c r="E3773" i="2" s="1"/>
  <c r="E3777" i="2" a="1"/>
  <c r="E3777" i="2" s="1"/>
  <c r="E3754" i="2" a="1"/>
  <c r="E3754" i="2" s="1"/>
  <c r="E3761" i="2" a="1"/>
  <c r="E3761" i="2" s="1"/>
  <c r="E3765" i="2" a="1"/>
  <c r="E3765" i="2" s="1"/>
  <c r="E3766" i="2" a="1"/>
  <c r="E3766" i="2" s="1"/>
  <c r="E3767" i="2" a="1"/>
  <c r="E3767" i="2" s="1"/>
  <c r="E3758" i="2" a="1"/>
  <c r="E3758" i="2" s="1"/>
  <c r="E3760" i="2" a="1"/>
  <c r="E3760" i="2" s="1"/>
  <c r="E3770" i="2" a="1"/>
  <c r="E3770" i="2" s="1"/>
  <c r="E3774" i="2" a="1"/>
  <c r="E3774" i="2" s="1"/>
  <c r="E3755" i="2" a="1"/>
  <c r="E3755" i="2" s="1"/>
  <c r="E3771" i="2" a="1"/>
  <c r="E3771" i="2" s="1"/>
  <c r="E3764" i="2" a="1"/>
  <c r="E3764" i="2" s="1"/>
  <c r="F6197" i="2" a="1"/>
  <c r="F6197" i="2" s="1"/>
  <c r="F6193" i="2" a="1"/>
  <c r="F6193" i="2" s="1"/>
  <c r="F6187" i="2" a="1"/>
  <c r="F6187" i="2" s="1"/>
  <c r="F6194" i="2" a="1"/>
  <c r="F6194" i="2" s="1"/>
  <c r="F6179" i="2" a="1"/>
  <c r="F6179" i="2" s="1"/>
  <c r="F6198" i="2" a="1"/>
  <c r="F6198" i="2" s="1"/>
  <c r="F6185" i="2" a="1"/>
  <c r="F6185" i="2" s="1"/>
  <c r="F6178" i="2" a="1"/>
  <c r="F6178" i="2" s="1"/>
  <c r="F6199" i="2" a="1"/>
  <c r="F6199" i="2" s="1"/>
  <c r="F6200" i="2" a="1"/>
  <c r="F6200" i="2" s="1"/>
  <c r="F6181" i="2" a="1"/>
  <c r="F6181" i="2" s="1"/>
  <c r="F6188" i="2" a="1"/>
  <c r="F6188" i="2" s="1"/>
  <c r="F6192" i="2" a="1"/>
  <c r="F6192" i="2" s="1"/>
  <c r="F6201" i="2" a="1"/>
  <c r="F6201" i="2" s="1"/>
  <c r="F6196" i="2" a="1"/>
  <c r="F6196" i="2" s="1"/>
  <c r="F6191" i="2" a="1"/>
  <c r="F6191" i="2" s="1"/>
  <c r="F6189" i="2" a="1"/>
  <c r="F6189" i="2" s="1"/>
  <c r="F6183" i="2" a="1"/>
  <c r="F6183" i="2" s="1"/>
  <c r="F6186" i="2" a="1"/>
  <c r="F6186" i="2" s="1"/>
  <c r="F6184" i="2" a="1"/>
  <c r="F6184" i="2" s="1"/>
  <c r="F6195" i="2" a="1"/>
  <c r="F6195" i="2" s="1"/>
  <c r="F6182" i="2" a="1"/>
  <c r="F6182" i="2" s="1"/>
  <c r="F6180" i="2" a="1"/>
  <c r="F6180" i="2" s="1"/>
  <c r="F6190" i="2" a="1"/>
  <c r="F6190" i="2" s="1"/>
  <c r="AQ366" i="1"/>
  <c r="G372" i="5" s="1"/>
  <c r="AP366" i="1"/>
  <c r="F372" i="5" s="1"/>
  <c r="AN366" i="1"/>
  <c r="D372" i="5" s="1"/>
  <c r="AO366" i="1"/>
  <c r="E372" i="5" s="1"/>
  <c r="AM366" i="1"/>
  <c r="D8771" i="2" a="1"/>
  <c r="D8771" i="2" s="1"/>
  <c r="D8775" i="2" a="1"/>
  <c r="D8775" i="2" s="1"/>
  <c r="D8779" i="2" a="1"/>
  <c r="D8779" i="2" s="1"/>
  <c r="D8783" i="2" a="1"/>
  <c r="D8783" i="2" s="1"/>
  <c r="D8787" i="2" a="1"/>
  <c r="D8787" i="2" s="1"/>
  <c r="D8791" i="2" a="1"/>
  <c r="D8791" i="2" s="1"/>
  <c r="D8770" i="2" a="1"/>
  <c r="D8770" i="2" s="1"/>
  <c r="D8774" i="2" a="1"/>
  <c r="D8774" i="2" s="1"/>
  <c r="D8773" i="2" a="1"/>
  <c r="D8773" i="2" s="1"/>
  <c r="D8777" i="2" a="1"/>
  <c r="D8777" i="2" s="1"/>
  <c r="D8781" i="2" a="1"/>
  <c r="D8781" i="2" s="1"/>
  <c r="D8785" i="2" a="1"/>
  <c r="D8785" i="2" s="1"/>
  <c r="D8780" i="2" a="1"/>
  <c r="D8780" i="2" s="1"/>
  <c r="D8789" i="2" a="1"/>
  <c r="D8789" i="2" s="1"/>
  <c r="D8776" i="2" a="1"/>
  <c r="D8776" i="2" s="1"/>
  <c r="D8784" i="2" a="1"/>
  <c r="D8784" i="2" s="1"/>
  <c r="D8778" i="2" a="1"/>
  <c r="D8778" i="2" s="1"/>
  <c r="D8772" i="2" a="1"/>
  <c r="D8772" i="2" s="1"/>
  <c r="D8786" i="2" a="1"/>
  <c r="D8786" i="2" s="1"/>
  <c r="D8793" i="2" a="1"/>
  <c r="D8793" i="2" s="1"/>
  <c r="D8788" i="2" a="1"/>
  <c r="D8788" i="2" s="1"/>
  <c r="D8782" i="2" a="1"/>
  <c r="D8782" i="2" s="1"/>
  <c r="D8790" i="2" a="1"/>
  <c r="D8790" i="2" s="1"/>
  <c r="D8792" i="2" a="1"/>
  <c r="D8792" i="2" s="1"/>
  <c r="G3725" i="2" a="1"/>
  <c r="G3725" i="2" s="1"/>
  <c r="G3707" i="2" a="1"/>
  <c r="G3707" i="2" s="1"/>
  <c r="G3727" i="2" a="1"/>
  <c r="G3727" i="2" s="1"/>
  <c r="G3716" i="2" a="1"/>
  <c r="G3716" i="2" s="1"/>
  <c r="G3728" i="2" a="1"/>
  <c r="G3728" i="2" s="1"/>
  <c r="G3708" i="2" a="1"/>
  <c r="G3708" i="2" s="1"/>
  <c r="G3713" i="2" a="1"/>
  <c r="G3713" i="2" s="1"/>
  <c r="G3715" i="2" a="1"/>
  <c r="G3715" i="2" s="1"/>
  <c r="G3714" i="2" a="1"/>
  <c r="G3714" i="2" s="1"/>
  <c r="G3726" i="2" a="1"/>
  <c r="G3726" i="2" s="1"/>
  <c r="G3723" i="2" a="1"/>
  <c r="G3723" i="2" s="1"/>
  <c r="G3729" i="2" a="1"/>
  <c r="G3729" i="2" s="1"/>
  <c r="G3711" i="2" a="1"/>
  <c r="G3711" i="2" s="1"/>
  <c r="G3709" i="2" a="1"/>
  <c r="G3709" i="2" s="1"/>
  <c r="G3719" i="2" a="1"/>
  <c r="G3719" i="2" s="1"/>
  <c r="G3720" i="2" a="1"/>
  <c r="G3720" i="2" s="1"/>
  <c r="G3710" i="2" a="1"/>
  <c r="G3710" i="2" s="1"/>
  <c r="G3722" i="2" a="1"/>
  <c r="G3722" i="2" s="1"/>
  <c r="G3712" i="2" a="1"/>
  <c r="G3712" i="2" s="1"/>
  <c r="G3718" i="2" a="1"/>
  <c r="G3718" i="2" s="1"/>
  <c r="G3706" i="2" a="1"/>
  <c r="G3706" i="2" s="1"/>
  <c r="G3717" i="2" a="1"/>
  <c r="G3717" i="2" s="1"/>
  <c r="G3721" i="2" a="1"/>
  <c r="G3721" i="2" s="1"/>
  <c r="G3724" i="2" a="1"/>
  <c r="G3724" i="2" s="1"/>
  <c r="G8430" i="2" a="1"/>
  <c r="G8430" i="2" s="1"/>
  <c r="G8411" i="2" a="1"/>
  <c r="G8411" i="2" s="1"/>
  <c r="G8415" i="2" a="1"/>
  <c r="G8415" i="2" s="1"/>
  <c r="G8426" i="2" a="1"/>
  <c r="G8426" i="2" s="1"/>
  <c r="G8425" i="2" a="1"/>
  <c r="G8425" i="2" s="1"/>
  <c r="G8417" i="2" a="1"/>
  <c r="G8417" i="2" s="1"/>
  <c r="G8418" i="2" a="1"/>
  <c r="G8418" i="2" s="1"/>
  <c r="G8421" i="2" a="1"/>
  <c r="G8421" i="2" s="1"/>
  <c r="G8414" i="2" a="1"/>
  <c r="G8414" i="2" s="1"/>
  <c r="G8428" i="2" a="1"/>
  <c r="G8428" i="2" s="1"/>
  <c r="G8422" i="2" a="1"/>
  <c r="G8422" i="2" s="1"/>
  <c r="G8431" i="2" a="1"/>
  <c r="G8431" i="2" s="1"/>
  <c r="G8423" i="2" a="1"/>
  <c r="G8423" i="2" s="1"/>
  <c r="G8416" i="2" a="1"/>
  <c r="G8416" i="2" s="1"/>
  <c r="G8429" i="2" a="1"/>
  <c r="G8429" i="2" s="1"/>
  <c r="G8424" i="2" a="1"/>
  <c r="G8424" i="2" s="1"/>
  <c r="G8419" i="2" a="1"/>
  <c r="G8419" i="2" s="1"/>
  <c r="G8410" i="2" a="1"/>
  <c r="G8410" i="2" s="1"/>
  <c r="G8432" i="2" a="1"/>
  <c r="G8432" i="2" s="1"/>
  <c r="G8412" i="2" a="1"/>
  <c r="G8412" i="2" s="1"/>
  <c r="G8420" i="2" a="1"/>
  <c r="G8420" i="2" s="1"/>
  <c r="G8413" i="2" a="1"/>
  <c r="G8413" i="2" s="1"/>
  <c r="G8433" i="2" a="1"/>
  <c r="G8433" i="2" s="1"/>
  <c r="G8427" i="2" a="1"/>
  <c r="G8427" i="2" s="1"/>
  <c r="G6562" i="2" a="1"/>
  <c r="G6562" i="2" s="1"/>
  <c r="G6565" i="2" a="1"/>
  <c r="G6565" i="2" s="1"/>
  <c r="G6573" i="2" a="1"/>
  <c r="G6573" i="2" s="1"/>
  <c r="G6566" i="2" a="1"/>
  <c r="G6566" i="2" s="1"/>
  <c r="G6574" i="2" a="1"/>
  <c r="G6574" i="2" s="1"/>
  <c r="G6575" i="2" a="1"/>
  <c r="G6575" i="2" s="1"/>
  <c r="G6581" i="2" a="1"/>
  <c r="G6581" i="2" s="1"/>
  <c r="G6564" i="2" a="1"/>
  <c r="G6564" i="2" s="1"/>
  <c r="G6579" i="2" a="1"/>
  <c r="G6579" i="2" s="1"/>
  <c r="G6578" i="2" a="1"/>
  <c r="G6578" i="2" s="1"/>
  <c r="G6582" i="2" a="1"/>
  <c r="G6582" i="2" s="1"/>
  <c r="G6568" i="2" a="1"/>
  <c r="G6568" i="2" s="1"/>
  <c r="G6563" i="2" a="1"/>
  <c r="G6563" i="2" s="1"/>
  <c r="G6585" i="2" a="1"/>
  <c r="G6585" i="2" s="1"/>
  <c r="G6583" i="2" a="1"/>
  <c r="G6583" i="2" s="1"/>
  <c r="G6576" i="2" a="1"/>
  <c r="G6576" i="2" s="1"/>
  <c r="G6571" i="2" a="1"/>
  <c r="G6571" i="2" s="1"/>
  <c r="G6584" i="2" a="1"/>
  <c r="G6584" i="2" s="1"/>
  <c r="G6572" i="2" a="1"/>
  <c r="G6572" i="2" s="1"/>
  <c r="G6569" i="2" a="1"/>
  <c r="G6569" i="2" s="1"/>
  <c r="G6580" i="2" a="1"/>
  <c r="G6580" i="2" s="1"/>
  <c r="G6567" i="2" a="1"/>
  <c r="G6567" i="2" s="1"/>
  <c r="G6570" i="2" a="1"/>
  <c r="G6570" i="2" s="1"/>
  <c r="G6577" i="2" a="1"/>
  <c r="G6577" i="2" s="1"/>
  <c r="E7256" i="2" a="1"/>
  <c r="E7256" i="2" s="1"/>
  <c r="E7248" i="2" a="1"/>
  <c r="E7248" i="2" s="1"/>
  <c r="E7236" i="2" a="1"/>
  <c r="E7236" i="2" s="1"/>
  <c r="E7238" i="2" a="1"/>
  <c r="E7238" i="2" s="1"/>
  <c r="E7234" i="2" a="1"/>
  <c r="E7234" i="2" s="1"/>
  <c r="E7242" i="2" a="1"/>
  <c r="E7242" i="2" s="1"/>
  <c r="E7239" i="2" a="1"/>
  <c r="E7239" i="2" s="1"/>
  <c r="E7243" i="2" a="1"/>
  <c r="E7243" i="2" s="1"/>
  <c r="E7247" i="2" a="1"/>
  <c r="E7247" i="2" s="1"/>
  <c r="E7244" i="2" a="1"/>
  <c r="E7244" i="2" s="1"/>
  <c r="E7237" i="2" a="1"/>
  <c r="E7237" i="2" s="1"/>
  <c r="E7246" i="2" a="1"/>
  <c r="E7246" i="2" s="1"/>
  <c r="E7249" i="2" a="1"/>
  <c r="E7249" i="2" s="1"/>
  <c r="E7251" i="2" a="1"/>
  <c r="E7251" i="2" s="1"/>
  <c r="E7250" i="2" a="1"/>
  <c r="E7250" i="2" s="1"/>
  <c r="E7235" i="2" a="1"/>
  <c r="E7235" i="2" s="1"/>
  <c r="E7241" i="2" a="1"/>
  <c r="E7241" i="2" s="1"/>
  <c r="E7255" i="2" a="1"/>
  <c r="E7255" i="2" s="1"/>
  <c r="E7245" i="2" a="1"/>
  <c r="E7245" i="2" s="1"/>
  <c r="E7240" i="2" a="1"/>
  <c r="E7240" i="2" s="1"/>
  <c r="E7257" i="2" a="1"/>
  <c r="E7257" i="2" s="1"/>
  <c r="E7252" i="2" a="1"/>
  <c r="E7252" i="2" s="1"/>
  <c r="E7253" i="2" a="1"/>
  <c r="E7253" i="2" s="1"/>
  <c r="E7254" i="2" a="1"/>
  <c r="E7254" i="2" s="1"/>
  <c r="F8223" i="2" a="1"/>
  <c r="F8223" i="2" s="1"/>
  <c r="F8233" i="2" a="1"/>
  <c r="F8233" i="2" s="1"/>
  <c r="F8220" i="2" a="1"/>
  <c r="F8220" i="2" s="1"/>
  <c r="F8229" i="2" a="1"/>
  <c r="F8229" i="2" s="1"/>
  <c r="F8239" i="2" a="1"/>
  <c r="F8239" i="2" s="1"/>
  <c r="F8221" i="2" a="1"/>
  <c r="F8221" i="2" s="1"/>
  <c r="F8236" i="2" a="1"/>
  <c r="F8236" i="2" s="1"/>
  <c r="F8218" i="2" a="1"/>
  <c r="F8218" i="2" s="1"/>
  <c r="F8227" i="2" a="1"/>
  <c r="F8227" i="2" s="1"/>
  <c r="F8230" i="2" a="1"/>
  <c r="F8230" i="2" s="1"/>
  <c r="F8234" i="2" a="1"/>
  <c r="F8234" i="2" s="1"/>
  <c r="F8240" i="2" a="1"/>
  <c r="F8240" i="2" s="1"/>
  <c r="F8224" i="2" a="1"/>
  <c r="F8224" i="2" s="1"/>
  <c r="F8228" i="2" a="1"/>
  <c r="F8228" i="2" s="1"/>
  <c r="F8225" i="2" a="1"/>
  <c r="F8225" i="2" s="1"/>
  <c r="F8219" i="2" a="1"/>
  <c r="F8219" i="2" s="1"/>
  <c r="F8222" i="2" a="1"/>
  <c r="F8222" i="2" s="1"/>
  <c r="F8237" i="2" a="1"/>
  <c r="F8237" i="2" s="1"/>
  <c r="F8231" i="2" a="1"/>
  <c r="F8231" i="2" s="1"/>
  <c r="F8226" i="2" a="1"/>
  <c r="F8226" i="2" s="1"/>
  <c r="F8235" i="2" a="1"/>
  <c r="F8235" i="2" s="1"/>
  <c r="F8238" i="2" a="1"/>
  <c r="F8238" i="2" s="1"/>
  <c r="F8232" i="2" a="1"/>
  <c r="F8232" i="2" s="1"/>
  <c r="F8241" i="2" a="1"/>
  <c r="F8241" i="2" s="1"/>
  <c r="D6080" i="2" a="1"/>
  <c r="D6080" i="2" s="1"/>
  <c r="D6071" i="2" a="1"/>
  <c r="D6071" i="2" s="1"/>
  <c r="D6067" i="2" a="1"/>
  <c r="D6067" i="2" s="1"/>
  <c r="D6073" i="2" a="1"/>
  <c r="D6073" i="2" s="1"/>
  <c r="D6068" i="2" a="1"/>
  <c r="D6068" i="2" s="1"/>
  <c r="D6081" i="2" a="1"/>
  <c r="D6081" i="2" s="1"/>
  <c r="D6062" i="2" a="1"/>
  <c r="D6062" i="2" s="1"/>
  <c r="D6059" i="2" a="1"/>
  <c r="D6059" i="2" s="1"/>
  <c r="D6075" i="2" a="1"/>
  <c r="D6075" i="2" s="1"/>
  <c r="D6066" i="2" a="1"/>
  <c r="D6066" i="2" s="1"/>
  <c r="D6074" i="2" a="1"/>
  <c r="D6074" i="2" s="1"/>
  <c r="D6061" i="2" a="1"/>
  <c r="D6061" i="2" s="1"/>
  <c r="D6070" i="2" a="1"/>
  <c r="D6070" i="2" s="1"/>
  <c r="D6060" i="2" a="1"/>
  <c r="D6060" i="2" s="1"/>
  <c r="D6076" i="2" a="1"/>
  <c r="D6076" i="2" s="1"/>
  <c r="D6058" i="2" a="1"/>
  <c r="D6058" i="2" s="1"/>
  <c r="D6065" i="2" a="1"/>
  <c r="D6065" i="2" s="1"/>
  <c r="D6064" i="2" a="1"/>
  <c r="D6064" i="2" s="1"/>
  <c r="D6069" i="2" a="1"/>
  <c r="D6069" i="2" s="1"/>
  <c r="D6063" i="2" a="1"/>
  <c r="D6063" i="2" s="1"/>
  <c r="D6072" i="2" a="1"/>
  <c r="D6072" i="2" s="1"/>
  <c r="D6077" i="2" a="1"/>
  <c r="D6077" i="2" s="1"/>
  <c r="D6078" i="2" a="1"/>
  <c r="D6078" i="2" s="1"/>
  <c r="D6079" i="2" a="1"/>
  <c r="D6079" i="2" s="1"/>
  <c r="D5536" i="2" a="1"/>
  <c r="D5536" i="2" s="1"/>
  <c r="D5539" i="2" a="1"/>
  <c r="D5539" i="2" s="1"/>
  <c r="D5551" i="2" a="1"/>
  <c r="D5551" i="2" s="1"/>
  <c r="D5543" i="2" a="1"/>
  <c r="D5543" i="2" s="1"/>
  <c r="D5542" i="2" a="1"/>
  <c r="D5542" i="2" s="1"/>
  <c r="D5540" i="2" a="1"/>
  <c r="D5540" i="2" s="1"/>
  <c r="D5544" i="2" a="1"/>
  <c r="D5544" i="2" s="1"/>
  <c r="D5530" i="2" a="1"/>
  <c r="D5530" i="2" s="1"/>
  <c r="D5547" i="2" a="1"/>
  <c r="D5547" i="2" s="1"/>
  <c r="D5548" i="2" a="1"/>
  <c r="D5548" i="2" s="1"/>
  <c r="D5531" i="2" a="1"/>
  <c r="D5531" i="2" s="1"/>
  <c r="D5533" i="2" a="1"/>
  <c r="D5533" i="2" s="1"/>
  <c r="D5534" i="2" a="1"/>
  <c r="D5534" i="2" s="1"/>
  <c r="D5535" i="2" a="1"/>
  <c r="D5535" i="2" s="1"/>
  <c r="D5545" i="2" a="1"/>
  <c r="D5545" i="2" s="1"/>
  <c r="D5532" i="2" a="1"/>
  <c r="D5532" i="2" s="1"/>
  <c r="D5538" i="2" a="1"/>
  <c r="D5538" i="2" s="1"/>
  <c r="D5550" i="2" a="1"/>
  <c r="D5550" i="2" s="1"/>
  <c r="D5552" i="2" a="1"/>
  <c r="D5552" i="2" s="1"/>
  <c r="D5549" i="2" a="1"/>
  <c r="D5549" i="2" s="1"/>
  <c r="D5537" i="2" a="1"/>
  <c r="D5537" i="2" s="1"/>
  <c r="D5553" i="2" a="1"/>
  <c r="D5553" i="2" s="1"/>
  <c r="D5546" i="2" a="1"/>
  <c r="D5546" i="2" s="1"/>
  <c r="D5541" i="2" a="1"/>
  <c r="D5541" i="2" s="1"/>
  <c r="H3203" i="2" a="1"/>
  <c r="H3203" i="2" s="1"/>
  <c r="H3219" i="2" a="1"/>
  <c r="H3219" i="2" s="1"/>
  <c r="H3223" i="2" a="1"/>
  <c r="H3223" i="2" s="1"/>
  <c r="H3215" i="2" a="1"/>
  <c r="H3215" i="2" s="1"/>
  <c r="H3217" i="2" a="1"/>
  <c r="H3217" i="2" s="1"/>
  <c r="H3210" i="2" a="1"/>
  <c r="H3210" i="2" s="1"/>
  <c r="H3206" i="2" a="1"/>
  <c r="H3206" i="2" s="1"/>
  <c r="H3218" i="2" a="1"/>
  <c r="H3218" i="2" s="1"/>
  <c r="H3204" i="2" a="1"/>
  <c r="H3204" i="2" s="1"/>
  <c r="H3209" i="2" a="1"/>
  <c r="H3209" i="2" s="1"/>
  <c r="H3213" i="2" a="1"/>
  <c r="H3213" i="2" s="1"/>
  <c r="H3205" i="2" a="1"/>
  <c r="H3205" i="2" s="1"/>
  <c r="H3211" i="2" a="1"/>
  <c r="H3211" i="2" s="1"/>
  <c r="H3221" i="2" a="1"/>
  <c r="H3221" i="2" s="1"/>
  <c r="H3207" i="2" a="1"/>
  <c r="H3207" i="2" s="1"/>
  <c r="H3225" i="2" a="1"/>
  <c r="H3225" i="2" s="1"/>
  <c r="H3214" i="2" a="1"/>
  <c r="H3214" i="2" s="1"/>
  <c r="H3216" i="2" a="1"/>
  <c r="H3216" i="2" s="1"/>
  <c r="H3222" i="2" a="1"/>
  <c r="H3222" i="2" s="1"/>
  <c r="H3220" i="2" a="1"/>
  <c r="H3220" i="2" s="1"/>
  <c r="H3208" i="2" a="1"/>
  <c r="H3208" i="2" s="1"/>
  <c r="H3202" i="2" a="1"/>
  <c r="H3202" i="2" s="1"/>
  <c r="H3212" i="2" a="1"/>
  <c r="H3212" i="2" s="1"/>
  <c r="H3224" i="2" a="1"/>
  <c r="H3224" i="2" s="1"/>
  <c r="H1688" i="2" a="1"/>
  <c r="H1688" i="2" s="1"/>
  <c r="H1677" i="2" a="1"/>
  <c r="H1677" i="2" s="1"/>
  <c r="H1680" i="2" a="1"/>
  <c r="H1680" i="2" s="1"/>
  <c r="H1689" i="2" a="1"/>
  <c r="H1689" i="2" s="1"/>
  <c r="H1670" i="2" a="1"/>
  <c r="H1670" i="2" s="1"/>
  <c r="H1668" i="2" a="1"/>
  <c r="H1668" i="2" s="1"/>
  <c r="H1678" i="2" a="1"/>
  <c r="H1678" i="2" s="1"/>
  <c r="H1684" i="2" a="1"/>
  <c r="H1684" i="2" s="1"/>
  <c r="H1685" i="2" a="1"/>
  <c r="H1685" i="2" s="1"/>
  <c r="H1687" i="2" a="1"/>
  <c r="H1687" i="2" s="1"/>
  <c r="H1673" i="2" a="1"/>
  <c r="H1673" i="2" s="1"/>
  <c r="H1682" i="2" a="1"/>
  <c r="H1682" i="2" s="1"/>
  <c r="H1666" i="2" a="1"/>
  <c r="H1666" i="2" s="1"/>
  <c r="H1667" i="2" a="1"/>
  <c r="H1667" i="2" s="1"/>
  <c r="H1671" i="2" a="1"/>
  <c r="H1671" i="2" s="1"/>
  <c r="H1669" i="2" a="1"/>
  <c r="H1669" i="2" s="1"/>
  <c r="H1675" i="2" a="1"/>
  <c r="H1675" i="2" s="1"/>
  <c r="H1681" i="2" a="1"/>
  <c r="H1681" i="2" s="1"/>
  <c r="H1683" i="2" a="1"/>
  <c r="H1683" i="2" s="1"/>
  <c r="H1679" i="2" a="1"/>
  <c r="H1679" i="2" s="1"/>
  <c r="H1672" i="2" a="1"/>
  <c r="H1672" i="2" s="1"/>
  <c r="H1686" i="2" a="1"/>
  <c r="H1686" i="2" s="1"/>
  <c r="H1674" i="2" a="1"/>
  <c r="H1674" i="2" s="1"/>
  <c r="H1676" i="2" a="1"/>
  <c r="H1676" i="2" s="1"/>
  <c r="E3556" i="2" a="1"/>
  <c r="E3556" i="2" s="1"/>
  <c r="E3558" i="2" a="1"/>
  <c r="E3558" i="2" s="1"/>
  <c r="E3546" i="2" a="1"/>
  <c r="E3546" i="2" s="1"/>
  <c r="E3554" i="2" a="1"/>
  <c r="E3554" i="2" s="1"/>
  <c r="E3540" i="2" a="1"/>
  <c r="E3540" i="2" s="1"/>
  <c r="E3543" i="2" a="1"/>
  <c r="E3543" i="2" s="1"/>
  <c r="E3550" i="2" a="1"/>
  <c r="E3550" i="2" s="1"/>
  <c r="E3557" i="2" a="1"/>
  <c r="E3557" i="2" s="1"/>
  <c r="E3560" i="2" a="1"/>
  <c r="E3560" i="2" s="1"/>
  <c r="E3555" i="2" a="1"/>
  <c r="E3555" i="2" s="1"/>
  <c r="E3544" i="2" a="1"/>
  <c r="E3544" i="2" s="1"/>
  <c r="E3547" i="2" a="1"/>
  <c r="E3547" i="2" s="1"/>
  <c r="E3545" i="2" a="1"/>
  <c r="E3545" i="2" s="1"/>
  <c r="E3541" i="2" a="1"/>
  <c r="E3541" i="2" s="1"/>
  <c r="E3548" i="2" a="1"/>
  <c r="E3548" i="2" s="1"/>
  <c r="E3551" i="2" a="1"/>
  <c r="E3551" i="2" s="1"/>
  <c r="E3539" i="2" a="1"/>
  <c r="E3539" i="2" s="1"/>
  <c r="E3552" i="2" a="1"/>
  <c r="E3552" i="2" s="1"/>
  <c r="E3561" i="2" a="1"/>
  <c r="E3561" i="2" s="1"/>
  <c r="E3553" i="2" a="1"/>
  <c r="E3553" i="2" s="1"/>
  <c r="E3542" i="2" a="1"/>
  <c r="E3542" i="2" s="1"/>
  <c r="E3549" i="2" a="1"/>
  <c r="E3549" i="2" s="1"/>
  <c r="E3538" i="2" a="1"/>
  <c r="E3538" i="2" s="1"/>
  <c r="E3559" i="2" a="1"/>
  <c r="E3559" i="2" s="1"/>
  <c r="H5700" i="2" a="1"/>
  <c r="H5700" i="2" s="1"/>
  <c r="H5698" i="2" a="1"/>
  <c r="H5698" i="2" s="1"/>
  <c r="H5702" i="2" a="1"/>
  <c r="H5702" i="2" s="1"/>
  <c r="H5719" i="2" a="1"/>
  <c r="H5719" i="2" s="1"/>
  <c r="H5714" i="2" a="1"/>
  <c r="H5714" i="2" s="1"/>
  <c r="H5707" i="2" a="1"/>
  <c r="H5707" i="2" s="1"/>
  <c r="H5721" i="2" a="1"/>
  <c r="H5721" i="2" s="1"/>
  <c r="H5705" i="2" a="1"/>
  <c r="H5705" i="2" s="1"/>
  <c r="H5708" i="2" a="1"/>
  <c r="H5708" i="2" s="1"/>
  <c r="H5703" i="2" a="1"/>
  <c r="H5703" i="2" s="1"/>
  <c r="H5715" i="2" a="1"/>
  <c r="H5715" i="2" s="1"/>
  <c r="H5710" i="2" a="1"/>
  <c r="H5710" i="2" s="1"/>
  <c r="H5706" i="2" a="1"/>
  <c r="H5706" i="2" s="1"/>
  <c r="H5711" i="2" a="1"/>
  <c r="H5711" i="2" s="1"/>
  <c r="H5709" i="2" a="1"/>
  <c r="H5709" i="2" s="1"/>
  <c r="H5699" i="2" a="1"/>
  <c r="H5699" i="2" s="1"/>
  <c r="H5712" i="2" a="1"/>
  <c r="H5712" i="2" s="1"/>
  <c r="H5704" i="2" a="1"/>
  <c r="H5704" i="2" s="1"/>
  <c r="H5716" i="2" a="1"/>
  <c r="H5716" i="2" s="1"/>
  <c r="H5720" i="2" a="1"/>
  <c r="H5720" i="2" s="1"/>
  <c r="H5713" i="2" a="1"/>
  <c r="H5713" i="2" s="1"/>
  <c r="H5717" i="2" a="1"/>
  <c r="H5717" i="2" s="1"/>
  <c r="H5701" i="2" a="1"/>
  <c r="H5701" i="2" s="1"/>
  <c r="H5718" i="2" a="1"/>
  <c r="H5718" i="2" s="1"/>
  <c r="H7042" i="2" a="1"/>
  <c r="H7042" i="2" s="1"/>
  <c r="H7053" i="2" a="1"/>
  <c r="H7053" i="2" s="1"/>
  <c r="H7043" i="2" a="1"/>
  <c r="H7043" i="2" s="1"/>
  <c r="H7059" i="2" a="1"/>
  <c r="H7059" i="2" s="1"/>
  <c r="H7049" i="2" a="1"/>
  <c r="H7049" i="2" s="1"/>
  <c r="H7060" i="2" a="1"/>
  <c r="H7060" i="2" s="1"/>
  <c r="H7057" i="2" a="1"/>
  <c r="H7057" i="2" s="1"/>
  <c r="H7045" i="2" a="1"/>
  <c r="H7045" i="2" s="1"/>
  <c r="H7058" i="2" a="1"/>
  <c r="H7058" i="2" s="1"/>
  <c r="H7064" i="2" a="1"/>
  <c r="H7064" i="2" s="1"/>
  <c r="H7047" i="2" a="1"/>
  <c r="H7047" i="2" s="1"/>
  <c r="H7061" i="2" a="1"/>
  <c r="H7061" i="2" s="1"/>
  <c r="H7063" i="2" a="1"/>
  <c r="H7063" i="2" s="1"/>
  <c r="H7062" i="2" a="1"/>
  <c r="H7062" i="2" s="1"/>
  <c r="H7044" i="2" a="1"/>
  <c r="H7044" i="2" s="1"/>
  <c r="H7048" i="2" a="1"/>
  <c r="H7048" i="2" s="1"/>
  <c r="H7052" i="2" a="1"/>
  <c r="H7052" i="2" s="1"/>
  <c r="H7055" i="2" a="1"/>
  <c r="H7055" i="2" s="1"/>
  <c r="H7046" i="2" a="1"/>
  <c r="H7046" i="2" s="1"/>
  <c r="H7056" i="2" a="1"/>
  <c r="H7056" i="2" s="1"/>
  <c r="H7051" i="2" a="1"/>
  <c r="H7051" i="2" s="1"/>
  <c r="H7065" i="2" a="1"/>
  <c r="H7065" i="2" s="1"/>
  <c r="H7054" i="2" a="1"/>
  <c r="H7054" i="2" s="1"/>
  <c r="H7050" i="2" a="1"/>
  <c r="H7050" i="2" s="1"/>
  <c r="H4376" i="2" a="1"/>
  <c r="H4376" i="2" s="1"/>
  <c r="H4364" i="2" a="1"/>
  <c r="H4364" i="2" s="1"/>
  <c r="H4370" i="2" a="1"/>
  <c r="H4370" i="2" s="1"/>
  <c r="H4360" i="2" a="1"/>
  <c r="H4360" i="2" s="1"/>
  <c r="H4365" i="2" a="1"/>
  <c r="H4365" i="2" s="1"/>
  <c r="H4361" i="2" a="1"/>
  <c r="H4361" i="2" s="1"/>
  <c r="H4377" i="2" a="1"/>
  <c r="H4377" i="2" s="1"/>
  <c r="H4366" i="2" a="1"/>
  <c r="H4366" i="2" s="1"/>
  <c r="H4374" i="2" a="1"/>
  <c r="H4374" i="2" s="1"/>
  <c r="H4357" i="2" a="1"/>
  <c r="H4357" i="2" s="1"/>
  <c r="H4356" i="2" a="1"/>
  <c r="H4356" i="2" s="1"/>
  <c r="H4363" i="2" a="1"/>
  <c r="H4363" i="2" s="1"/>
  <c r="H4355" i="2" a="1"/>
  <c r="H4355" i="2" s="1"/>
  <c r="H4368" i="2" a="1"/>
  <c r="H4368" i="2" s="1"/>
  <c r="H4372" i="2" a="1"/>
  <c r="H4372" i="2" s="1"/>
  <c r="H4373" i="2" a="1"/>
  <c r="H4373" i="2" s="1"/>
  <c r="H4362" i="2" a="1"/>
  <c r="H4362" i="2" s="1"/>
  <c r="H4375" i="2" a="1"/>
  <c r="H4375" i="2" s="1"/>
  <c r="H4359" i="2" a="1"/>
  <c r="H4359" i="2" s="1"/>
  <c r="H4367" i="2" a="1"/>
  <c r="H4367" i="2" s="1"/>
  <c r="H4369" i="2" a="1"/>
  <c r="H4369" i="2" s="1"/>
  <c r="H4358" i="2" a="1"/>
  <c r="H4358" i="2" s="1"/>
  <c r="H4354" i="2" a="1"/>
  <c r="H4354" i="2" s="1"/>
  <c r="H4371" i="2" a="1"/>
  <c r="H4371" i="2" s="1"/>
  <c r="E8084" i="2" a="1"/>
  <c r="E8084" i="2" s="1"/>
  <c r="E8074" i="2" a="1"/>
  <c r="E8074" i="2" s="1"/>
  <c r="E8077" i="2" a="1"/>
  <c r="E8077" i="2" s="1"/>
  <c r="E8085" i="2" a="1"/>
  <c r="E8085" i="2" s="1"/>
  <c r="E8096" i="2" a="1"/>
  <c r="E8096" i="2" s="1"/>
  <c r="E8081" i="2" a="1"/>
  <c r="E8081" i="2" s="1"/>
  <c r="E8092" i="2" a="1"/>
  <c r="E8092" i="2" s="1"/>
  <c r="E8088" i="2" a="1"/>
  <c r="E8088" i="2" s="1"/>
  <c r="E8082" i="2" a="1"/>
  <c r="E8082" i="2" s="1"/>
  <c r="E8080" i="2" a="1"/>
  <c r="E8080" i="2" s="1"/>
  <c r="E8078" i="2" a="1"/>
  <c r="E8078" i="2" s="1"/>
  <c r="E8087" i="2" a="1"/>
  <c r="E8087" i="2" s="1"/>
  <c r="E8079" i="2" a="1"/>
  <c r="E8079" i="2" s="1"/>
  <c r="E8097" i="2" a="1"/>
  <c r="E8097" i="2" s="1"/>
  <c r="E8076" i="2" a="1"/>
  <c r="E8076" i="2" s="1"/>
  <c r="E8093" i="2" a="1"/>
  <c r="E8093" i="2" s="1"/>
  <c r="E8089" i="2" a="1"/>
  <c r="E8089" i="2" s="1"/>
  <c r="E8083" i="2" a="1"/>
  <c r="E8083" i="2" s="1"/>
  <c r="E8086" i="2" a="1"/>
  <c r="E8086" i="2" s="1"/>
  <c r="E8091" i="2" a="1"/>
  <c r="E8091" i="2" s="1"/>
  <c r="E8094" i="2" a="1"/>
  <c r="E8094" i="2" s="1"/>
  <c r="E8075" i="2" a="1"/>
  <c r="E8075" i="2" s="1"/>
  <c r="E8095" i="2" a="1"/>
  <c r="E8095" i="2" s="1"/>
  <c r="E8090" i="2" a="1"/>
  <c r="E8090" i="2" s="1"/>
  <c r="F3708" i="2" a="1"/>
  <c r="F3708" i="2" s="1"/>
  <c r="F3727" i="2" a="1"/>
  <c r="F3727" i="2" s="1"/>
  <c r="F3729" i="2" a="1"/>
  <c r="F3729" i="2" s="1"/>
  <c r="F3722" i="2" a="1"/>
  <c r="F3722" i="2" s="1"/>
  <c r="F3718" i="2" a="1"/>
  <c r="F3718" i="2" s="1"/>
  <c r="F3720" i="2" a="1"/>
  <c r="F3720" i="2" s="1"/>
  <c r="F3712" i="2" a="1"/>
  <c r="F3712" i="2" s="1"/>
  <c r="F3709" i="2" a="1"/>
  <c r="F3709" i="2" s="1"/>
  <c r="F3721" i="2" a="1"/>
  <c r="F3721" i="2" s="1"/>
  <c r="F3716" i="2" a="1"/>
  <c r="F3716" i="2" s="1"/>
  <c r="F3710" i="2" a="1"/>
  <c r="F3710" i="2" s="1"/>
  <c r="F3719" i="2" a="1"/>
  <c r="F3719" i="2" s="1"/>
  <c r="F3711" i="2" a="1"/>
  <c r="F3711" i="2" s="1"/>
  <c r="F3725" i="2" a="1"/>
  <c r="F3725" i="2" s="1"/>
  <c r="F3713" i="2" a="1"/>
  <c r="F3713" i="2" s="1"/>
  <c r="F3707" i="2" a="1"/>
  <c r="F3707" i="2" s="1"/>
  <c r="F3715" i="2" a="1"/>
  <c r="F3715" i="2" s="1"/>
  <c r="F3726" i="2" a="1"/>
  <c r="F3726" i="2" s="1"/>
  <c r="F3728" i="2" a="1"/>
  <c r="F3728" i="2" s="1"/>
  <c r="F3717" i="2" a="1"/>
  <c r="F3717" i="2" s="1"/>
  <c r="F3723" i="2" a="1"/>
  <c r="F3723" i="2" s="1"/>
  <c r="F3724" i="2" a="1"/>
  <c r="F3724" i="2" s="1"/>
  <c r="F3706" i="2" a="1"/>
  <c r="F3706" i="2" s="1"/>
  <c r="F3714" i="2" a="1"/>
  <c r="F3714" i="2" s="1"/>
  <c r="D1026" i="2" a="1"/>
  <c r="D1026" i="2" s="1"/>
  <c r="D1036" i="2" a="1"/>
  <c r="D1036" i="2" s="1"/>
  <c r="D1024" i="2" a="1"/>
  <c r="D1024" i="2" s="1"/>
  <c r="D1023" i="2" a="1"/>
  <c r="D1023" i="2" s="1"/>
  <c r="D1018" i="2" a="1"/>
  <c r="D1018" i="2" s="1"/>
  <c r="D1031" i="2" a="1"/>
  <c r="D1031" i="2" s="1"/>
  <c r="D1032" i="2" a="1"/>
  <c r="D1032" i="2" s="1"/>
  <c r="D1022" i="2" a="1"/>
  <c r="D1022" i="2" s="1"/>
  <c r="D1029" i="2" a="1"/>
  <c r="D1029" i="2" s="1"/>
  <c r="D1039" i="2" a="1"/>
  <c r="D1039" i="2" s="1"/>
  <c r="D1027" i="2" a="1"/>
  <c r="D1027" i="2" s="1"/>
  <c r="D1034" i="2" a="1"/>
  <c r="D1034" i="2" s="1"/>
  <c r="D1028" i="2" a="1"/>
  <c r="D1028" i="2" s="1"/>
  <c r="D1040" i="2" a="1"/>
  <c r="D1040" i="2" s="1"/>
  <c r="D1033" i="2" a="1"/>
  <c r="D1033" i="2" s="1"/>
  <c r="D1041" i="2" a="1"/>
  <c r="D1041" i="2" s="1"/>
  <c r="D1035" i="2" a="1"/>
  <c r="D1035" i="2" s="1"/>
  <c r="D1030" i="2" a="1"/>
  <c r="D1030" i="2" s="1"/>
  <c r="D1019" i="2" a="1"/>
  <c r="D1019" i="2" s="1"/>
  <c r="D1038" i="2" a="1"/>
  <c r="D1038" i="2" s="1"/>
  <c r="D1021" i="2" a="1"/>
  <c r="D1021" i="2" s="1"/>
  <c r="D1037" i="2" a="1"/>
  <c r="D1037" i="2" s="1"/>
  <c r="D1020" i="2" a="1"/>
  <c r="D1020" i="2" s="1"/>
  <c r="D1025" i="2" a="1"/>
  <c r="D1025" i="2" s="1"/>
  <c r="D4392" i="2" a="1"/>
  <c r="D4392" i="2" s="1"/>
  <c r="D4381" i="2" a="1"/>
  <c r="D4381" i="2" s="1"/>
  <c r="D4393" i="2" a="1"/>
  <c r="D4393" i="2" s="1"/>
  <c r="D4394" i="2" a="1"/>
  <c r="D4394" i="2" s="1"/>
  <c r="D4382" i="2" a="1"/>
  <c r="D4382" i="2" s="1"/>
  <c r="D4396" i="2" a="1"/>
  <c r="D4396" i="2" s="1"/>
  <c r="D4388" i="2" a="1"/>
  <c r="D4388" i="2" s="1"/>
  <c r="D4380" i="2" a="1"/>
  <c r="D4380" i="2" s="1"/>
  <c r="D4378" i="2" a="1"/>
  <c r="D4378" i="2" s="1"/>
  <c r="D4386" i="2" a="1"/>
  <c r="D4386" i="2" s="1"/>
  <c r="D4401" i="2" a="1"/>
  <c r="D4401" i="2" s="1"/>
  <c r="D4390" i="2" a="1"/>
  <c r="D4390" i="2" s="1"/>
  <c r="D4395" i="2" a="1"/>
  <c r="D4395" i="2" s="1"/>
  <c r="D4383" i="2" a="1"/>
  <c r="D4383" i="2" s="1"/>
  <c r="D4391" i="2" a="1"/>
  <c r="D4391" i="2" s="1"/>
  <c r="D4384" i="2" a="1"/>
  <c r="D4384" i="2" s="1"/>
  <c r="D4389" i="2" a="1"/>
  <c r="D4389" i="2" s="1"/>
  <c r="D4399" i="2" a="1"/>
  <c r="D4399" i="2" s="1"/>
  <c r="D4400" i="2" a="1"/>
  <c r="D4400" i="2" s="1"/>
  <c r="D4385" i="2" a="1"/>
  <c r="D4385" i="2" s="1"/>
  <c r="D4397" i="2" a="1"/>
  <c r="D4397" i="2" s="1"/>
  <c r="D4398" i="2" a="1"/>
  <c r="D4398" i="2" s="1"/>
  <c r="D4379" i="2" a="1"/>
  <c r="D4379" i="2" s="1"/>
  <c r="D4387" i="2" a="1"/>
  <c r="D4387" i="2" s="1"/>
  <c r="D6919" i="2" a="1"/>
  <c r="D6919" i="2" s="1"/>
  <c r="D6909" i="2" a="1"/>
  <c r="D6909" i="2" s="1"/>
  <c r="D6913" i="2" a="1"/>
  <c r="D6913" i="2" s="1"/>
  <c r="D6899" i="2" a="1"/>
  <c r="D6899" i="2" s="1"/>
  <c r="D6917" i="2" a="1"/>
  <c r="D6917" i="2" s="1"/>
  <c r="D6903" i="2" a="1"/>
  <c r="D6903" i="2" s="1"/>
  <c r="D6921" i="2" a="1"/>
  <c r="D6921" i="2" s="1"/>
  <c r="D6910" i="2" a="1"/>
  <c r="D6910" i="2" s="1"/>
  <c r="D6904" i="2" a="1"/>
  <c r="D6904" i="2" s="1"/>
  <c r="D6901" i="2" a="1"/>
  <c r="D6901" i="2" s="1"/>
  <c r="D6912" i="2" a="1"/>
  <c r="D6912" i="2" s="1"/>
  <c r="D6905" i="2" a="1"/>
  <c r="D6905" i="2" s="1"/>
  <c r="D6906" i="2" a="1"/>
  <c r="D6906" i="2" s="1"/>
  <c r="D6911" i="2" a="1"/>
  <c r="D6911" i="2" s="1"/>
  <c r="D6900" i="2" a="1"/>
  <c r="D6900" i="2" s="1"/>
  <c r="D6898" i="2" a="1"/>
  <c r="D6898" i="2" s="1"/>
  <c r="D6914" i="2" a="1"/>
  <c r="D6914" i="2" s="1"/>
  <c r="D6907" i="2" a="1"/>
  <c r="D6907" i="2" s="1"/>
  <c r="D6915" i="2" a="1"/>
  <c r="D6915" i="2" s="1"/>
  <c r="D6902" i="2" a="1"/>
  <c r="D6902" i="2" s="1"/>
  <c r="D6916" i="2" a="1"/>
  <c r="D6916" i="2" s="1"/>
  <c r="D6908" i="2" a="1"/>
  <c r="D6908" i="2" s="1"/>
  <c r="D6918" i="2" a="1"/>
  <c r="D6918" i="2" s="1"/>
  <c r="D6920" i="2" a="1"/>
  <c r="D6920" i="2" s="1"/>
  <c r="H5732" i="2" a="1"/>
  <c r="H5732" i="2" s="1"/>
  <c r="H5739" i="2" a="1"/>
  <c r="H5739" i="2" s="1"/>
  <c r="H5723" i="2" a="1"/>
  <c r="H5723" i="2" s="1"/>
  <c r="H5733" i="2" a="1"/>
  <c r="H5733" i="2" s="1"/>
  <c r="H5743" i="2" a="1"/>
  <c r="H5743" i="2" s="1"/>
  <c r="H5742" i="2" a="1"/>
  <c r="H5742" i="2" s="1"/>
  <c r="H5729" i="2" a="1"/>
  <c r="H5729" i="2" s="1"/>
  <c r="H5726" i="2" a="1"/>
  <c r="H5726" i="2" s="1"/>
  <c r="H5730" i="2" a="1"/>
  <c r="H5730" i="2" s="1"/>
  <c r="H5744" i="2" a="1"/>
  <c r="H5744" i="2" s="1"/>
  <c r="H5734" i="2" a="1"/>
  <c r="H5734" i="2" s="1"/>
  <c r="H5740" i="2" a="1"/>
  <c r="H5740" i="2" s="1"/>
  <c r="H5735" i="2" a="1"/>
  <c r="H5735" i="2" s="1"/>
  <c r="H5745" i="2" a="1"/>
  <c r="H5745" i="2" s="1"/>
  <c r="H5722" i="2" a="1"/>
  <c r="H5722" i="2" s="1"/>
  <c r="H5736" i="2" a="1"/>
  <c r="H5736" i="2" s="1"/>
  <c r="H5725" i="2" a="1"/>
  <c r="H5725" i="2" s="1"/>
  <c r="H5727" i="2" a="1"/>
  <c r="H5727" i="2" s="1"/>
  <c r="H5738" i="2" a="1"/>
  <c r="H5738" i="2" s="1"/>
  <c r="H5728" i="2" a="1"/>
  <c r="H5728" i="2" s="1"/>
  <c r="H5724" i="2" a="1"/>
  <c r="H5724" i="2" s="1"/>
  <c r="H5737" i="2" a="1"/>
  <c r="H5737" i="2" s="1"/>
  <c r="H5731" i="2" a="1"/>
  <c r="H5731" i="2" s="1"/>
  <c r="H5741" i="2" a="1"/>
  <c r="H5741" i="2" s="1"/>
  <c r="AP348" i="1"/>
  <c r="F354" i="5" s="1"/>
  <c r="AN348" i="1"/>
  <c r="D354" i="5" s="1"/>
  <c r="AO348" i="1"/>
  <c r="E354" i="5" s="1"/>
  <c r="AQ348" i="1"/>
  <c r="G354" i="5" s="1"/>
  <c r="AM348" i="1"/>
  <c r="D8338" i="2" a="1"/>
  <c r="D8338" i="2" s="1"/>
  <c r="D8346" i="2" a="1"/>
  <c r="D8346" i="2" s="1"/>
  <c r="D8358" i="2" a="1"/>
  <c r="D8358" i="2" s="1"/>
  <c r="D8339" i="2" a="1"/>
  <c r="D8339" i="2" s="1"/>
  <c r="D8355" i="2" a="1"/>
  <c r="D8355" i="2" s="1"/>
  <c r="D8359" i="2" a="1"/>
  <c r="D8359" i="2" s="1"/>
  <c r="D8343" i="2" a="1"/>
  <c r="D8343" i="2" s="1"/>
  <c r="D8347" i="2" a="1"/>
  <c r="D8347" i="2" s="1"/>
  <c r="D8344" i="2" a="1"/>
  <c r="D8344" i="2" s="1"/>
  <c r="D8352" i="2" a="1"/>
  <c r="D8352" i="2" s="1"/>
  <c r="D8356" i="2" a="1"/>
  <c r="D8356" i="2" s="1"/>
  <c r="D8351" i="2" a="1"/>
  <c r="D8351" i="2" s="1"/>
  <c r="D8348" i="2" a="1"/>
  <c r="D8348" i="2" s="1"/>
  <c r="D8360" i="2" a="1"/>
  <c r="D8360" i="2" s="1"/>
  <c r="D8349" i="2" a="1"/>
  <c r="D8349" i="2" s="1"/>
  <c r="D8353" i="2" a="1"/>
  <c r="D8353" i="2" s="1"/>
  <c r="D8357" i="2" a="1"/>
  <c r="D8357" i="2" s="1"/>
  <c r="D8361" i="2" a="1"/>
  <c r="D8361" i="2" s="1"/>
  <c r="D8340" i="2" a="1"/>
  <c r="D8340" i="2" s="1"/>
  <c r="D8342" i="2" a="1"/>
  <c r="D8342" i="2" s="1"/>
  <c r="D8354" i="2" a="1"/>
  <c r="D8354" i="2" s="1"/>
  <c r="D8341" i="2" a="1"/>
  <c r="D8341" i="2" s="1"/>
  <c r="D8345" i="2" a="1"/>
  <c r="D8345" i="2" s="1"/>
  <c r="D8350" i="2" a="1"/>
  <c r="D8350" i="2" s="1"/>
  <c r="AQ208" i="1"/>
  <c r="G214" i="5" s="1"/>
  <c r="AN208" i="1"/>
  <c r="D214" i="5" s="1"/>
  <c r="AO208" i="1"/>
  <c r="E214" i="5" s="1"/>
  <c r="AP208" i="1"/>
  <c r="F214" i="5" s="1"/>
  <c r="AM208" i="1"/>
  <c r="D4996" i="2" a="1"/>
  <c r="D4996" i="2" s="1"/>
  <c r="D4979" i="2" a="1"/>
  <c r="D4979" i="2" s="1"/>
  <c r="D4983" i="2" a="1"/>
  <c r="D4983" i="2" s="1"/>
  <c r="D4987" i="2" a="1"/>
  <c r="D4987" i="2" s="1"/>
  <c r="D4991" i="2" a="1"/>
  <c r="D4991" i="2" s="1"/>
  <c r="D4995" i="2" a="1"/>
  <c r="D4995" i="2" s="1"/>
  <c r="D5000" i="2" a="1"/>
  <c r="D5000" i="2" s="1"/>
  <c r="D4982" i="2" a="1"/>
  <c r="D4982" i="2" s="1"/>
  <c r="D4990" i="2" a="1"/>
  <c r="D4990" i="2" s="1"/>
  <c r="D4994" i="2" a="1"/>
  <c r="D4994" i="2" s="1"/>
  <c r="D4998" i="2" a="1"/>
  <c r="D4998" i="2" s="1"/>
  <c r="D4999" i="2" a="1"/>
  <c r="D4999" i="2" s="1"/>
  <c r="D4978" i="2" a="1"/>
  <c r="D4978" i="2" s="1"/>
  <c r="D4986" i="2" a="1"/>
  <c r="D4986" i="2" s="1"/>
  <c r="D4989" i="2" a="1"/>
  <c r="D4989" i="2" s="1"/>
  <c r="D4993" i="2" a="1"/>
  <c r="D4993" i="2" s="1"/>
  <c r="D4985" i="2" a="1"/>
  <c r="D4985" i="2" s="1"/>
  <c r="D4980" i="2" a="1"/>
  <c r="D4980" i="2" s="1"/>
  <c r="D4984" i="2" a="1"/>
  <c r="D4984" i="2" s="1"/>
  <c r="D4988" i="2" a="1"/>
  <c r="D4988" i="2" s="1"/>
  <c r="D4992" i="2" a="1"/>
  <c r="D4992" i="2" s="1"/>
  <c r="D4981" i="2" a="1"/>
  <c r="D4981" i="2" s="1"/>
  <c r="D4997" i="2" a="1"/>
  <c r="D4997" i="2" s="1"/>
  <c r="D5001" i="2" a="1"/>
  <c r="D5001" i="2" s="1"/>
  <c r="H341" i="2" a="1"/>
  <c r="H341" i="2" s="1"/>
  <c r="H327" i="2" a="1"/>
  <c r="H327" i="2" s="1"/>
  <c r="H333" i="2" a="1"/>
  <c r="H333" i="2" s="1"/>
  <c r="H328" i="2" a="1"/>
  <c r="H328" i="2" s="1"/>
  <c r="H336" i="2" a="1"/>
  <c r="H336" i="2" s="1"/>
  <c r="H329" i="2" a="1"/>
  <c r="H329" i="2" s="1"/>
  <c r="H331" i="2" a="1"/>
  <c r="H331" i="2" s="1"/>
  <c r="H322" i="2" a="1"/>
  <c r="H322" i="2" s="1"/>
  <c r="H335" i="2" a="1"/>
  <c r="H335" i="2" s="1"/>
  <c r="H340" i="2" a="1"/>
  <c r="H340" i="2" s="1"/>
  <c r="H324" i="2" a="1"/>
  <c r="H324" i="2" s="1"/>
  <c r="H325" i="2" a="1"/>
  <c r="H325" i="2" s="1"/>
  <c r="H326" i="2" a="1"/>
  <c r="H326" i="2" s="1"/>
  <c r="H342" i="2" a="1"/>
  <c r="H342" i="2" s="1"/>
  <c r="H337" i="2" a="1"/>
  <c r="H337" i="2" s="1"/>
  <c r="H343" i="2" a="1"/>
  <c r="H343" i="2" s="1"/>
  <c r="H330" i="2" a="1"/>
  <c r="H330" i="2" s="1"/>
  <c r="H344" i="2" a="1"/>
  <c r="H344" i="2" s="1"/>
  <c r="H338" i="2" a="1"/>
  <c r="H338" i="2" s="1"/>
  <c r="H339" i="2" a="1"/>
  <c r="H339" i="2" s="1"/>
  <c r="H332" i="2" a="1"/>
  <c r="H332" i="2" s="1"/>
  <c r="H334" i="2" a="1"/>
  <c r="H334" i="2" s="1"/>
  <c r="H345" i="2" a="1"/>
  <c r="H345" i="2" s="1"/>
  <c r="H323" i="2" a="1"/>
  <c r="H323" i="2" s="1"/>
  <c r="E4456" i="2" a="1"/>
  <c r="E4456" i="2" s="1"/>
  <c r="E4457" i="2" a="1"/>
  <c r="E4457" i="2" s="1"/>
  <c r="E4452" i="2" a="1"/>
  <c r="E4452" i="2" s="1"/>
  <c r="E4459" i="2" a="1"/>
  <c r="E4459" i="2" s="1"/>
  <c r="E4471" i="2" a="1"/>
  <c r="E4471" i="2" s="1"/>
  <c r="E4462" i="2" a="1"/>
  <c r="E4462" i="2" s="1"/>
  <c r="E4454" i="2" a="1"/>
  <c r="E4454" i="2" s="1"/>
  <c r="E4472" i="2" a="1"/>
  <c r="E4472" i="2" s="1"/>
  <c r="E4461" i="2" a="1"/>
  <c r="E4461" i="2" s="1"/>
  <c r="E4450" i="2" a="1"/>
  <c r="E4450" i="2" s="1"/>
  <c r="E4451" i="2" a="1"/>
  <c r="E4451" i="2" s="1"/>
  <c r="E4458" i="2" a="1"/>
  <c r="E4458" i="2" s="1"/>
  <c r="E4463" i="2" a="1"/>
  <c r="E4463" i="2" s="1"/>
  <c r="E4460" i="2" a="1"/>
  <c r="E4460" i="2" s="1"/>
  <c r="E4473" i="2" a="1"/>
  <c r="E4473" i="2" s="1"/>
  <c r="E4465" i="2" a="1"/>
  <c r="E4465" i="2" s="1"/>
  <c r="E4453" i="2" a="1"/>
  <c r="E4453" i="2" s="1"/>
  <c r="E4466" i="2" a="1"/>
  <c r="E4466" i="2" s="1"/>
  <c r="E4467" i="2" a="1"/>
  <c r="E4467" i="2" s="1"/>
  <c r="E4464" i="2" a="1"/>
  <c r="E4464" i="2" s="1"/>
  <c r="E4470" i="2" a="1"/>
  <c r="E4470" i="2" s="1"/>
  <c r="E4469" i="2" a="1"/>
  <c r="E4469" i="2" s="1"/>
  <c r="E4468" i="2" a="1"/>
  <c r="E4468" i="2" s="1"/>
  <c r="E4455" i="2" a="1"/>
  <c r="E4455" i="2" s="1"/>
  <c r="H1829" i="2" a="1"/>
  <c r="H1829" i="2" s="1"/>
  <c r="H1811" i="2" a="1"/>
  <c r="H1811" i="2" s="1"/>
  <c r="H1827" i="2" a="1"/>
  <c r="H1827" i="2" s="1"/>
  <c r="H1830" i="2" a="1"/>
  <c r="H1830" i="2" s="1"/>
  <c r="H1825" i="2" a="1"/>
  <c r="H1825" i="2" s="1"/>
  <c r="H1815" i="2" a="1"/>
  <c r="H1815" i="2" s="1"/>
  <c r="H1820" i="2" a="1"/>
  <c r="H1820" i="2" s="1"/>
  <c r="H1810" i="2" a="1"/>
  <c r="H1810" i="2" s="1"/>
  <c r="H1816" i="2" a="1"/>
  <c r="H1816" i="2" s="1"/>
  <c r="H1818" i="2" a="1"/>
  <c r="H1818" i="2" s="1"/>
  <c r="H1821" i="2" a="1"/>
  <c r="H1821" i="2" s="1"/>
  <c r="H1832" i="2" a="1"/>
  <c r="H1832" i="2" s="1"/>
  <c r="H1823" i="2" a="1"/>
  <c r="H1823" i="2" s="1"/>
  <c r="H1831" i="2" a="1"/>
  <c r="H1831" i="2" s="1"/>
  <c r="H1822" i="2" a="1"/>
  <c r="H1822" i="2" s="1"/>
  <c r="H1824" i="2" a="1"/>
  <c r="H1824" i="2" s="1"/>
  <c r="H1833" i="2" a="1"/>
  <c r="H1833" i="2" s="1"/>
  <c r="H1826" i="2" a="1"/>
  <c r="H1826" i="2" s="1"/>
  <c r="H1813" i="2" a="1"/>
  <c r="H1813" i="2" s="1"/>
  <c r="H1814" i="2" a="1"/>
  <c r="H1814" i="2" s="1"/>
  <c r="H1817" i="2" a="1"/>
  <c r="H1817" i="2" s="1"/>
  <c r="H1828" i="2" a="1"/>
  <c r="H1828" i="2" s="1"/>
  <c r="H1819" i="2" a="1"/>
  <c r="H1819" i="2" s="1"/>
  <c r="H1812" i="2" a="1"/>
  <c r="H1812" i="2" s="1"/>
  <c r="E1329" i="2" a="1"/>
  <c r="E1329" i="2" s="1"/>
  <c r="E1322" i="2" a="1"/>
  <c r="E1322" i="2" s="1"/>
  <c r="E1328" i="2" a="1"/>
  <c r="E1328" i="2" s="1"/>
  <c r="E1324" i="2" a="1"/>
  <c r="E1324" i="2" s="1"/>
  <c r="E1309" i="2" a="1"/>
  <c r="E1309" i="2" s="1"/>
  <c r="E1314" i="2" a="1"/>
  <c r="E1314" i="2" s="1"/>
  <c r="E1325" i="2" a="1"/>
  <c r="E1325" i="2" s="1"/>
  <c r="E1308" i="2" a="1"/>
  <c r="E1308" i="2" s="1"/>
  <c r="E1318" i="2" a="1"/>
  <c r="E1318" i="2" s="1"/>
  <c r="E1316" i="2" a="1"/>
  <c r="E1316" i="2" s="1"/>
  <c r="E1306" i="2" a="1"/>
  <c r="E1306" i="2" s="1"/>
  <c r="E1315" i="2" a="1"/>
  <c r="E1315" i="2" s="1"/>
  <c r="E1323" i="2" a="1"/>
  <c r="E1323" i="2" s="1"/>
  <c r="E1310" i="2" a="1"/>
  <c r="E1310" i="2" s="1"/>
  <c r="E1312" i="2" a="1"/>
  <c r="E1312" i="2" s="1"/>
  <c r="E1311" i="2" a="1"/>
  <c r="E1311" i="2" s="1"/>
  <c r="E1317" i="2" a="1"/>
  <c r="E1317" i="2" s="1"/>
  <c r="E1319" i="2" a="1"/>
  <c r="E1319" i="2" s="1"/>
  <c r="E1307" i="2" a="1"/>
  <c r="E1307" i="2" s="1"/>
  <c r="E1313" i="2" a="1"/>
  <c r="E1313" i="2" s="1"/>
  <c r="E1320" i="2" a="1"/>
  <c r="E1320" i="2" s="1"/>
  <c r="E1326" i="2" a="1"/>
  <c r="E1326" i="2" s="1"/>
  <c r="E1327" i="2" a="1"/>
  <c r="E1327" i="2" s="1"/>
  <c r="E1321" i="2" a="1"/>
  <c r="E1321" i="2" s="1"/>
  <c r="E5123" i="2" a="1"/>
  <c r="E5123" i="2" s="1"/>
  <c r="E5140" i="2" a="1"/>
  <c r="E5140" i="2" s="1"/>
  <c r="E5137" i="2" a="1"/>
  <c r="E5137" i="2" s="1"/>
  <c r="E5141" i="2" a="1"/>
  <c r="E5141" i="2" s="1"/>
  <c r="E5143" i="2" a="1"/>
  <c r="E5143" i="2" s="1"/>
  <c r="E5142" i="2" a="1"/>
  <c r="E5142" i="2" s="1"/>
  <c r="E5132" i="2" a="1"/>
  <c r="E5132" i="2" s="1"/>
  <c r="E5128" i="2" a="1"/>
  <c r="E5128" i="2" s="1"/>
  <c r="E5144" i="2" a="1"/>
  <c r="E5144" i="2" s="1"/>
  <c r="E5145" i="2" a="1"/>
  <c r="E5145" i="2" s="1"/>
  <c r="E5130" i="2" a="1"/>
  <c r="E5130" i="2" s="1"/>
  <c r="E5133" i="2" a="1"/>
  <c r="E5133" i="2" s="1"/>
  <c r="E5136" i="2" a="1"/>
  <c r="E5136" i="2" s="1"/>
  <c r="E5131" i="2" a="1"/>
  <c r="E5131" i="2" s="1"/>
  <c r="E5126" i="2" a="1"/>
  <c r="E5126" i="2" s="1"/>
  <c r="E5138" i="2" a="1"/>
  <c r="E5138" i="2" s="1"/>
  <c r="E5122" i="2" a="1"/>
  <c r="E5122" i="2" s="1"/>
  <c r="E5139" i="2" a="1"/>
  <c r="E5139" i="2" s="1"/>
  <c r="E5125" i="2" a="1"/>
  <c r="E5125" i="2" s="1"/>
  <c r="E5124" i="2" a="1"/>
  <c r="E5124" i="2" s="1"/>
  <c r="E5134" i="2" a="1"/>
  <c r="E5134" i="2" s="1"/>
  <c r="E5135" i="2" a="1"/>
  <c r="E5135" i="2" s="1"/>
  <c r="E5127" i="2" a="1"/>
  <c r="E5127" i="2" s="1"/>
  <c r="E5129" i="2" a="1"/>
  <c r="E5129" i="2" s="1"/>
  <c r="G3000" i="2" a="1"/>
  <c r="G3000" i="2" s="1"/>
  <c r="G2990" i="2" a="1"/>
  <c r="G2990" i="2" s="1"/>
  <c r="G2998" i="2" a="1"/>
  <c r="G2998" i="2" s="1"/>
  <c r="G3004" i="2" a="1"/>
  <c r="G3004" i="2" s="1"/>
  <c r="G3007" i="2" a="1"/>
  <c r="G3007" i="2" s="1"/>
  <c r="G3002" i="2" a="1"/>
  <c r="G3002" i="2" s="1"/>
  <c r="G2992" i="2" a="1"/>
  <c r="G2992" i="2" s="1"/>
  <c r="G2993" i="2" a="1"/>
  <c r="G2993" i="2" s="1"/>
  <c r="G2986" i="2" a="1"/>
  <c r="G2986" i="2" s="1"/>
  <c r="G3003" i="2" a="1"/>
  <c r="G3003" i="2" s="1"/>
  <c r="G2987" i="2" a="1"/>
  <c r="G2987" i="2" s="1"/>
  <c r="G3008" i="2" a="1"/>
  <c r="G3008" i="2" s="1"/>
  <c r="G2988" i="2" a="1"/>
  <c r="G2988" i="2" s="1"/>
  <c r="G3001" i="2" a="1"/>
  <c r="G3001" i="2" s="1"/>
  <c r="G3009" i="2" a="1"/>
  <c r="G3009" i="2" s="1"/>
  <c r="G2995" i="2" a="1"/>
  <c r="G2995" i="2" s="1"/>
  <c r="G3005" i="2" a="1"/>
  <c r="G3005" i="2" s="1"/>
  <c r="G2997" i="2" a="1"/>
  <c r="G2997" i="2" s="1"/>
  <c r="G2991" i="2" a="1"/>
  <c r="G2991" i="2" s="1"/>
  <c r="G2989" i="2" a="1"/>
  <c r="G2989" i="2" s="1"/>
  <c r="G2994" i="2" a="1"/>
  <c r="G2994" i="2" s="1"/>
  <c r="G2996" i="2" a="1"/>
  <c r="G2996" i="2" s="1"/>
  <c r="G3006" i="2" a="1"/>
  <c r="G3006" i="2" s="1"/>
  <c r="G2999" i="2" a="1"/>
  <c r="G2999" i="2" s="1"/>
  <c r="H5359" i="2" a="1"/>
  <c r="H5359" i="2" s="1"/>
  <c r="H5339" i="2" a="1"/>
  <c r="H5339" i="2" s="1"/>
  <c r="H5352" i="2" a="1"/>
  <c r="H5352" i="2" s="1"/>
  <c r="H5347" i="2" a="1"/>
  <c r="H5347" i="2" s="1"/>
  <c r="H5353" i="2" a="1"/>
  <c r="H5353" i="2" s="1"/>
  <c r="H5348" i="2" a="1"/>
  <c r="H5348" i="2" s="1"/>
  <c r="H5342" i="2" a="1"/>
  <c r="H5342" i="2" s="1"/>
  <c r="H5341" i="2" a="1"/>
  <c r="H5341" i="2" s="1"/>
  <c r="H5350" i="2" a="1"/>
  <c r="H5350" i="2" s="1"/>
  <c r="H5358" i="2" a="1"/>
  <c r="H5358" i="2" s="1"/>
  <c r="H5343" i="2" a="1"/>
  <c r="H5343" i="2" s="1"/>
  <c r="H5356" i="2" a="1"/>
  <c r="H5356" i="2" s="1"/>
  <c r="H5361" i="2" a="1"/>
  <c r="H5361" i="2" s="1"/>
  <c r="H5346" i="2" a="1"/>
  <c r="H5346" i="2" s="1"/>
  <c r="H5355" i="2" a="1"/>
  <c r="H5355" i="2" s="1"/>
  <c r="H5344" i="2" a="1"/>
  <c r="H5344" i="2" s="1"/>
  <c r="H5354" i="2" a="1"/>
  <c r="H5354" i="2" s="1"/>
  <c r="H5349" i="2" a="1"/>
  <c r="H5349" i="2" s="1"/>
  <c r="H5338" i="2" a="1"/>
  <c r="H5338" i="2" s="1"/>
  <c r="H5360" i="2" a="1"/>
  <c r="H5360" i="2" s="1"/>
  <c r="H5357" i="2" a="1"/>
  <c r="H5357" i="2" s="1"/>
  <c r="H5351" i="2" a="1"/>
  <c r="H5351" i="2" s="1"/>
  <c r="H5345" i="2" a="1"/>
  <c r="H5345" i="2" s="1"/>
  <c r="H5340" i="2" a="1"/>
  <c r="H5340" i="2" s="1"/>
  <c r="F1500" i="2" a="1"/>
  <c r="F1500" i="2" s="1"/>
  <c r="F1502" i="2" a="1"/>
  <c r="F1502" i="2" s="1"/>
  <c r="F1508" i="2" a="1"/>
  <c r="F1508" i="2" s="1"/>
  <c r="F1503" i="2" a="1"/>
  <c r="F1503" i="2" s="1"/>
  <c r="F1501" i="2" a="1"/>
  <c r="F1501" i="2" s="1"/>
  <c r="F1521" i="2" a="1"/>
  <c r="F1521" i="2" s="1"/>
  <c r="F1520" i="2" a="1"/>
  <c r="F1520" i="2" s="1"/>
  <c r="F1517" i="2" a="1"/>
  <c r="F1517" i="2" s="1"/>
  <c r="F1505" i="2" a="1"/>
  <c r="F1505" i="2" s="1"/>
  <c r="F1509" i="2" a="1"/>
  <c r="F1509" i="2" s="1"/>
  <c r="F1514" i="2" a="1"/>
  <c r="F1514" i="2" s="1"/>
  <c r="F1511" i="2" a="1"/>
  <c r="F1511" i="2" s="1"/>
  <c r="F1506" i="2" a="1"/>
  <c r="F1506" i="2" s="1"/>
  <c r="F1499" i="2" a="1"/>
  <c r="F1499" i="2" s="1"/>
  <c r="F1516" i="2" a="1"/>
  <c r="F1516" i="2" s="1"/>
  <c r="F1512" i="2" a="1"/>
  <c r="F1512" i="2" s="1"/>
  <c r="F1510" i="2" a="1"/>
  <c r="F1510" i="2" s="1"/>
  <c r="F1519" i="2" a="1"/>
  <c r="F1519" i="2" s="1"/>
  <c r="F1513" i="2" a="1"/>
  <c r="F1513" i="2" s="1"/>
  <c r="F1518" i="2" a="1"/>
  <c r="F1518" i="2" s="1"/>
  <c r="F1515" i="2" a="1"/>
  <c r="F1515" i="2" s="1"/>
  <c r="F1507" i="2" a="1"/>
  <c r="F1507" i="2" s="1"/>
  <c r="F1498" i="2" a="1"/>
  <c r="F1498" i="2" s="1"/>
  <c r="F1504" i="2" a="1"/>
  <c r="F1504" i="2" s="1"/>
  <c r="AP311" i="1"/>
  <c r="F317" i="5" s="1"/>
  <c r="AO311" i="1"/>
  <c r="E317" i="5" s="1"/>
  <c r="AN311" i="1"/>
  <c r="D317" i="5" s="1"/>
  <c r="AQ311" i="1"/>
  <c r="G317" i="5" s="1"/>
  <c r="AM311" i="1"/>
  <c r="D7451" i="2" a="1"/>
  <c r="D7451" i="2" s="1"/>
  <c r="D7455" i="2" a="1"/>
  <c r="D7455" i="2" s="1"/>
  <c r="D7463" i="2" a="1"/>
  <c r="D7463" i="2" s="1"/>
  <c r="D7454" i="2" a="1"/>
  <c r="D7454" i="2" s="1"/>
  <c r="D7466" i="2" a="1"/>
  <c r="D7466" i="2" s="1"/>
  <c r="D7457" i="2" a="1"/>
  <c r="D7457" i="2" s="1"/>
  <c r="D7465" i="2" a="1"/>
  <c r="D7465" i="2" s="1"/>
  <c r="D7471" i="2" a="1"/>
  <c r="D7471" i="2" s="1"/>
  <c r="D7450" i="2" a="1"/>
  <c r="D7450" i="2" s="1"/>
  <c r="D7458" i="2" a="1"/>
  <c r="D7458" i="2" s="1"/>
  <c r="D7462" i="2" a="1"/>
  <c r="D7462" i="2" s="1"/>
  <c r="D7470" i="2" a="1"/>
  <c r="D7470" i="2" s="1"/>
  <c r="D7452" i="2" a="1"/>
  <c r="D7452" i="2" s="1"/>
  <c r="D7460" i="2" a="1"/>
  <c r="D7460" i="2" s="1"/>
  <c r="D7464" i="2" a="1"/>
  <c r="D7464" i="2" s="1"/>
  <c r="D7472" i="2" a="1"/>
  <c r="D7472" i="2" s="1"/>
  <c r="D7453" i="2" a="1"/>
  <c r="D7453" i="2" s="1"/>
  <c r="D7461" i="2" a="1"/>
  <c r="D7461" i="2" s="1"/>
  <c r="D7469" i="2" a="1"/>
  <c r="D7469" i="2" s="1"/>
  <c r="D7473" i="2" a="1"/>
  <c r="D7473" i="2" s="1"/>
  <c r="D7459" i="2" a="1"/>
  <c r="D7459" i="2" s="1"/>
  <c r="D7467" i="2" a="1"/>
  <c r="D7467" i="2" s="1"/>
  <c r="D7456" i="2" a="1"/>
  <c r="D7456" i="2" s="1"/>
  <c r="D7468" i="2" a="1"/>
  <c r="D7468" i="2" s="1"/>
  <c r="H400" i="2" a="1"/>
  <c r="H400" i="2" s="1"/>
  <c r="H412" i="2" a="1"/>
  <c r="H412" i="2" s="1"/>
  <c r="H401" i="2" a="1"/>
  <c r="H401" i="2" s="1"/>
  <c r="H413" i="2" a="1"/>
  <c r="H413" i="2" s="1"/>
  <c r="H404" i="2" a="1"/>
  <c r="H404" i="2" s="1"/>
  <c r="H415" i="2" a="1"/>
  <c r="H415" i="2" s="1"/>
  <c r="H416" i="2" a="1"/>
  <c r="H416" i="2" s="1"/>
  <c r="H409" i="2" a="1"/>
  <c r="H409" i="2" s="1"/>
  <c r="H398" i="2" a="1"/>
  <c r="H398" i="2" s="1"/>
  <c r="H397" i="2" a="1"/>
  <c r="H397" i="2" s="1"/>
  <c r="H405" i="2" a="1"/>
  <c r="H405" i="2" s="1"/>
  <c r="H406" i="2" a="1"/>
  <c r="H406" i="2" s="1"/>
  <c r="H407" i="2" a="1"/>
  <c r="H407" i="2" s="1"/>
  <c r="H410" i="2" a="1"/>
  <c r="H410" i="2" s="1"/>
  <c r="H396" i="2" a="1"/>
  <c r="H396" i="2" s="1"/>
  <c r="H399" i="2" a="1"/>
  <c r="H399" i="2" s="1"/>
  <c r="H417" i="2" a="1"/>
  <c r="H417" i="2" s="1"/>
  <c r="H414" i="2" a="1"/>
  <c r="H414" i="2" s="1"/>
  <c r="H408" i="2" a="1"/>
  <c r="H408" i="2" s="1"/>
  <c r="H411" i="2" a="1"/>
  <c r="H411" i="2" s="1"/>
  <c r="H402" i="2" a="1"/>
  <c r="H402" i="2" s="1"/>
  <c r="H395" i="2" a="1"/>
  <c r="H395" i="2" s="1"/>
  <c r="H394" i="2" a="1"/>
  <c r="H394" i="2" s="1"/>
  <c r="H403" i="2" a="1"/>
  <c r="H403" i="2" s="1"/>
  <c r="F3609" i="2" a="1"/>
  <c r="F3609" i="2" s="1"/>
  <c r="F3601" i="2" a="1"/>
  <c r="F3601" i="2" s="1"/>
  <c r="F3598" i="2" a="1"/>
  <c r="F3598" i="2" s="1"/>
  <c r="F3607" i="2" a="1"/>
  <c r="F3607" i="2" s="1"/>
  <c r="F3589" i="2" a="1"/>
  <c r="F3589" i="2" s="1"/>
  <c r="F3608" i="2" a="1"/>
  <c r="F3608" i="2" s="1"/>
  <c r="F3590" i="2" a="1"/>
  <c r="F3590" i="2" s="1"/>
  <c r="F3600" i="2" a="1"/>
  <c r="F3600" i="2" s="1"/>
  <c r="F3592" i="2" a="1"/>
  <c r="F3592" i="2" s="1"/>
  <c r="F3588" i="2" a="1"/>
  <c r="F3588" i="2" s="1"/>
  <c r="F3597" i="2" a="1"/>
  <c r="F3597" i="2" s="1"/>
  <c r="F3606" i="2" a="1"/>
  <c r="F3606" i="2" s="1"/>
  <c r="F3599" i="2" a="1"/>
  <c r="F3599" i="2" s="1"/>
  <c r="F3605" i="2" a="1"/>
  <c r="F3605" i="2" s="1"/>
  <c r="F3602" i="2" a="1"/>
  <c r="F3602" i="2" s="1"/>
  <c r="F3587" i="2" a="1"/>
  <c r="F3587" i="2" s="1"/>
  <c r="F3603" i="2" a="1"/>
  <c r="F3603" i="2" s="1"/>
  <c r="F3591" i="2" a="1"/>
  <c r="F3591" i="2" s="1"/>
  <c r="F3593" i="2" a="1"/>
  <c r="F3593" i="2" s="1"/>
  <c r="F3604" i="2" a="1"/>
  <c r="F3604" i="2" s="1"/>
  <c r="F3594" i="2" a="1"/>
  <c r="F3594" i="2" s="1"/>
  <c r="F3595" i="2" a="1"/>
  <c r="F3595" i="2" s="1"/>
  <c r="F3596" i="2" a="1"/>
  <c r="F3596" i="2" s="1"/>
  <c r="F3586" i="2" a="1"/>
  <c r="F3586" i="2" s="1"/>
  <c r="D1669" i="2" a="1"/>
  <c r="D1669" i="2" s="1"/>
  <c r="D1688" i="2" a="1"/>
  <c r="D1688" i="2" s="1"/>
  <c r="D1667" i="2" a="1"/>
  <c r="D1667" i="2" s="1"/>
  <c r="D1670" i="2" a="1"/>
  <c r="D1670" i="2" s="1"/>
  <c r="D1689" i="2" a="1"/>
  <c r="D1689" i="2" s="1"/>
  <c r="D1668" i="2" a="1"/>
  <c r="D1668" i="2" s="1"/>
  <c r="D1674" i="2" a="1"/>
  <c r="D1674" i="2" s="1"/>
  <c r="D1671" i="2" a="1"/>
  <c r="D1671" i="2" s="1"/>
  <c r="D1666" i="2" a="1"/>
  <c r="D1666" i="2" s="1"/>
  <c r="D1681" i="2" a="1"/>
  <c r="D1681" i="2" s="1"/>
  <c r="D1676" i="2" a="1"/>
  <c r="D1676" i="2" s="1"/>
  <c r="D1678" i="2" a="1"/>
  <c r="D1678" i="2" s="1"/>
  <c r="D1682" i="2" a="1"/>
  <c r="D1682" i="2" s="1"/>
  <c r="D1683" i="2" a="1"/>
  <c r="D1683" i="2" s="1"/>
  <c r="D1673" i="2" a="1"/>
  <c r="D1673" i="2" s="1"/>
  <c r="D1684" i="2" a="1"/>
  <c r="D1684" i="2" s="1"/>
  <c r="D1685" i="2" a="1"/>
  <c r="D1685" i="2" s="1"/>
  <c r="D1672" i="2" a="1"/>
  <c r="D1672" i="2" s="1"/>
  <c r="D1675" i="2" a="1"/>
  <c r="D1675" i="2" s="1"/>
  <c r="D1686" i="2" a="1"/>
  <c r="D1686" i="2" s="1"/>
  <c r="D1687" i="2" a="1"/>
  <c r="D1687" i="2" s="1"/>
  <c r="D1677" i="2" a="1"/>
  <c r="D1677" i="2" s="1"/>
  <c r="D1679" i="2" a="1"/>
  <c r="D1679" i="2" s="1"/>
  <c r="D1680" i="2" a="1"/>
  <c r="D1680" i="2" s="1"/>
  <c r="AP172" i="1"/>
  <c r="F178" i="5" s="1"/>
  <c r="AN172" i="1"/>
  <c r="D178" i="5" s="1"/>
  <c r="AO172" i="1"/>
  <c r="E178" i="5" s="1"/>
  <c r="AQ172" i="1"/>
  <c r="G178" i="5" s="1"/>
  <c r="AM172" i="1"/>
  <c r="D4115" i="2" a="1"/>
  <c r="D4115" i="2" s="1"/>
  <c r="D4119" i="2" a="1"/>
  <c r="D4119" i="2" s="1"/>
  <c r="D4123" i="2" a="1"/>
  <c r="D4123" i="2" s="1"/>
  <c r="D4127" i="2" a="1"/>
  <c r="D4127" i="2" s="1"/>
  <c r="D4135" i="2" a="1"/>
  <c r="D4135" i="2" s="1"/>
  <c r="D4122" i="2" a="1"/>
  <c r="D4122" i="2" s="1"/>
  <c r="D4130" i="2" a="1"/>
  <c r="D4130" i="2" s="1"/>
  <c r="D4134" i="2" a="1"/>
  <c r="D4134" i="2" s="1"/>
  <c r="D4131" i="2" a="1"/>
  <c r="D4131" i="2" s="1"/>
  <c r="D4114" i="2" a="1"/>
  <c r="D4114" i="2" s="1"/>
  <c r="D4117" i="2" a="1"/>
  <c r="D4117" i="2" s="1"/>
  <c r="D4121" i="2" a="1"/>
  <c r="D4121" i="2" s="1"/>
  <c r="D4129" i="2" a="1"/>
  <c r="D4129" i="2" s="1"/>
  <c r="D4133" i="2" a="1"/>
  <c r="D4133" i="2" s="1"/>
  <c r="D4137" i="2" a="1"/>
  <c r="D4137" i="2" s="1"/>
  <c r="D4118" i="2" a="1"/>
  <c r="D4118" i="2" s="1"/>
  <c r="D4126" i="2" a="1"/>
  <c r="D4126" i="2" s="1"/>
  <c r="D4125" i="2" a="1"/>
  <c r="D4125" i="2" s="1"/>
  <c r="D4116" i="2" a="1"/>
  <c r="D4116" i="2" s="1"/>
  <c r="D4120" i="2" a="1"/>
  <c r="D4120" i="2" s="1"/>
  <c r="D4124" i="2" a="1"/>
  <c r="D4124" i="2" s="1"/>
  <c r="D4128" i="2" a="1"/>
  <c r="D4128" i="2" s="1"/>
  <c r="D4132" i="2" a="1"/>
  <c r="D4132" i="2" s="1"/>
  <c r="D4136" i="2" a="1"/>
  <c r="D4136" i="2" s="1"/>
  <c r="F7863" i="2" a="1"/>
  <c r="F7863" i="2" s="1"/>
  <c r="F7869" i="2" a="1"/>
  <c r="F7869" i="2" s="1"/>
  <c r="F7859" i="2" a="1"/>
  <c r="F7859" i="2" s="1"/>
  <c r="F7880" i="2" a="1"/>
  <c r="F7880" i="2" s="1"/>
  <c r="F7870" i="2" a="1"/>
  <c r="F7870" i="2" s="1"/>
  <c r="F7876" i="2" a="1"/>
  <c r="F7876" i="2" s="1"/>
  <c r="F7864" i="2" a="1"/>
  <c r="F7864" i="2" s="1"/>
  <c r="F7873" i="2" a="1"/>
  <c r="F7873" i="2" s="1"/>
  <c r="F7865" i="2" a="1"/>
  <c r="F7865" i="2" s="1"/>
  <c r="F7866" i="2" a="1"/>
  <c r="F7866" i="2" s="1"/>
  <c r="F7881" i="2" a="1"/>
  <c r="F7881" i="2" s="1"/>
  <c r="F7877" i="2" a="1"/>
  <c r="F7877" i="2" s="1"/>
  <c r="F7862" i="2" a="1"/>
  <c r="F7862" i="2" s="1"/>
  <c r="F7878" i="2" a="1"/>
  <c r="F7878" i="2" s="1"/>
  <c r="F7874" i="2" a="1"/>
  <c r="F7874" i="2" s="1"/>
  <c r="F7867" i="2" a="1"/>
  <c r="F7867" i="2" s="1"/>
  <c r="F7875" i="2" a="1"/>
  <c r="F7875" i="2" s="1"/>
  <c r="F7868" i="2" a="1"/>
  <c r="F7868" i="2" s="1"/>
  <c r="F7879" i="2" a="1"/>
  <c r="F7879" i="2" s="1"/>
  <c r="F7871" i="2" a="1"/>
  <c r="F7871" i="2" s="1"/>
  <c r="F7858" i="2" a="1"/>
  <c r="F7858" i="2" s="1"/>
  <c r="F7872" i="2" a="1"/>
  <c r="F7872" i="2" s="1"/>
  <c r="F7860" i="2" a="1"/>
  <c r="F7860" i="2" s="1"/>
  <c r="F7861" i="2" a="1"/>
  <c r="F7861" i="2" s="1"/>
  <c r="G2297" i="2" a="1"/>
  <c r="G2297" i="2" s="1"/>
  <c r="G2312" i="2" a="1"/>
  <c r="G2312" i="2" s="1"/>
  <c r="G2303" i="2" a="1"/>
  <c r="G2303" i="2" s="1"/>
  <c r="G2293" i="2" a="1"/>
  <c r="G2293" i="2" s="1"/>
  <c r="G2296" i="2" a="1"/>
  <c r="G2296" i="2" s="1"/>
  <c r="G2313" i="2" a="1"/>
  <c r="G2313" i="2" s="1"/>
  <c r="G2290" i="2" a="1"/>
  <c r="G2290" i="2" s="1"/>
  <c r="G2309" i="2" a="1"/>
  <c r="G2309" i="2" s="1"/>
  <c r="G2310" i="2" a="1"/>
  <c r="G2310" i="2" s="1"/>
  <c r="G2295" i="2" a="1"/>
  <c r="G2295" i="2" s="1"/>
  <c r="G2291" i="2" a="1"/>
  <c r="G2291" i="2" s="1"/>
  <c r="G2305" i="2" a="1"/>
  <c r="G2305" i="2" s="1"/>
  <c r="G2308" i="2" a="1"/>
  <c r="G2308" i="2" s="1"/>
  <c r="G2302" i="2" a="1"/>
  <c r="G2302" i="2" s="1"/>
  <c r="G2304" i="2" a="1"/>
  <c r="G2304" i="2" s="1"/>
  <c r="G2294" i="2" a="1"/>
  <c r="G2294" i="2" s="1"/>
  <c r="G2292" i="2" a="1"/>
  <c r="G2292" i="2" s="1"/>
  <c r="G2299" i="2" a="1"/>
  <c r="G2299" i="2" s="1"/>
  <c r="G2298" i="2" a="1"/>
  <c r="G2298" i="2" s="1"/>
  <c r="G2300" i="2" a="1"/>
  <c r="G2300" i="2" s="1"/>
  <c r="G2307" i="2" a="1"/>
  <c r="G2307" i="2" s="1"/>
  <c r="G2306" i="2" a="1"/>
  <c r="G2306" i="2" s="1"/>
  <c r="G2301" i="2" a="1"/>
  <c r="G2301" i="2" s="1"/>
  <c r="G2311" i="2" a="1"/>
  <c r="G2311" i="2" s="1"/>
  <c r="H1993" i="2" a="1"/>
  <c r="H1993" i="2" s="1"/>
  <c r="H1978" i="2" a="1"/>
  <c r="H1978" i="2" s="1"/>
  <c r="H1980" i="2" a="1"/>
  <c r="H1980" i="2" s="1"/>
  <c r="H1994" i="2" a="1"/>
  <c r="H1994" i="2" s="1"/>
  <c r="H1995" i="2" a="1"/>
  <c r="H1995" i="2" s="1"/>
  <c r="H1981" i="2" a="1"/>
  <c r="H1981" i="2" s="1"/>
  <c r="H1999" i="2" a="1"/>
  <c r="H1999" i="2" s="1"/>
  <c r="H1997" i="2" a="1"/>
  <c r="H1997" i="2" s="1"/>
  <c r="H1986" i="2" a="1"/>
  <c r="H1986" i="2" s="1"/>
  <c r="H1992" i="2" a="1"/>
  <c r="H1992" i="2" s="1"/>
  <c r="H1988" i="2" a="1"/>
  <c r="H1988" i="2" s="1"/>
  <c r="H2001" i="2" a="1"/>
  <c r="H2001" i="2" s="1"/>
  <c r="H1990" i="2" a="1"/>
  <c r="H1990" i="2" s="1"/>
  <c r="H1984" i="2" a="1"/>
  <c r="H1984" i="2" s="1"/>
  <c r="H1998" i="2" a="1"/>
  <c r="H1998" i="2" s="1"/>
  <c r="H1991" i="2" a="1"/>
  <c r="H1991" i="2" s="1"/>
  <c r="H2000" i="2" a="1"/>
  <c r="H2000" i="2" s="1"/>
  <c r="H1982" i="2" a="1"/>
  <c r="H1982" i="2" s="1"/>
  <c r="H1983" i="2" a="1"/>
  <c r="H1983" i="2" s="1"/>
  <c r="H1979" i="2" a="1"/>
  <c r="H1979" i="2" s="1"/>
  <c r="H1987" i="2" a="1"/>
  <c r="H1987" i="2" s="1"/>
  <c r="H1985" i="2" a="1"/>
  <c r="H1985" i="2" s="1"/>
  <c r="H1996" i="2" a="1"/>
  <c r="H1996" i="2" s="1"/>
  <c r="H1989" i="2" a="1"/>
  <c r="H1989" i="2" s="1"/>
  <c r="E1957" i="2" a="1"/>
  <c r="E1957" i="2" s="1"/>
  <c r="E1976" i="2" a="1"/>
  <c r="E1976" i="2" s="1"/>
  <c r="E1958" i="2" a="1"/>
  <c r="E1958" i="2" s="1"/>
  <c r="E1968" i="2" a="1"/>
  <c r="E1968" i="2" s="1"/>
  <c r="E1966" i="2" a="1"/>
  <c r="E1966" i="2" s="1"/>
  <c r="E1963" i="2" a="1"/>
  <c r="E1963" i="2" s="1"/>
  <c r="E1964" i="2" a="1"/>
  <c r="E1964" i="2" s="1"/>
  <c r="E1977" i="2" a="1"/>
  <c r="E1977" i="2" s="1"/>
  <c r="E1969" i="2" a="1"/>
  <c r="E1969" i="2" s="1"/>
  <c r="E1955" i="2" a="1"/>
  <c r="E1955" i="2" s="1"/>
  <c r="E1956" i="2" a="1"/>
  <c r="E1956" i="2" s="1"/>
  <c r="E1959" i="2" a="1"/>
  <c r="E1959" i="2" s="1"/>
  <c r="E1960" i="2" a="1"/>
  <c r="E1960" i="2" s="1"/>
  <c r="E1975" i="2" a="1"/>
  <c r="E1975" i="2" s="1"/>
  <c r="E1973" i="2" a="1"/>
  <c r="E1973" i="2" s="1"/>
  <c r="E1961" i="2" a="1"/>
  <c r="E1961" i="2" s="1"/>
  <c r="E1962" i="2" a="1"/>
  <c r="E1962" i="2" s="1"/>
  <c r="E1974" i="2" a="1"/>
  <c r="E1974" i="2" s="1"/>
  <c r="E1954" i="2" a="1"/>
  <c r="E1954" i="2" s="1"/>
  <c r="E1971" i="2" a="1"/>
  <c r="E1971" i="2" s="1"/>
  <c r="E1972" i="2" a="1"/>
  <c r="E1972" i="2" s="1"/>
  <c r="E1967" i="2" a="1"/>
  <c r="E1967" i="2" s="1"/>
  <c r="E1970" i="2" a="1"/>
  <c r="E1970" i="2" s="1"/>
  <c r="E1965" i="2" a="1"/>
  <c r="E1965" i="2" s="1"/>
  <c r="H1333" i="2" a="1"/>
  <c r="H1333" i="2" s="1"/>
  <c r="H1342" i="2" a="1"/>
  <c r="H1342" i="2" s="1"/>
  <c r="H1332" i="2" a="1"/>
  <c r="H1332" i="2" s="1"/>
  <c r="H1334" i="2" a="1"/>
  <c r="H1334" i="2" s="1"/>
  <c r="H1335" i="2" a="1"/>
  <c r="H1335" i="2" s="1"/>
  <c r="H1351" i="2" a="1"/>
  <c r="H1351" i="2" s="1"/>
  <c r="H1344" i="2" a="1"/>
  <c r="H1344" i="2" s="1"/>
  <c r="H1352" i="2" a="1"/>
  <c r="H1352" i="2" s="1"/>
  <c r="H1336" i="2" a="1"/>
  <c r="H1336" i="2" s="1"/>
  <c r="H1330" i="2" a="1"/>
  <c r="H1330" i="2" s="1"/>
  <c r="H1341" i="2" a="1"/>
  <c r="H1341" i="2" s="1"/>
  <c r="H1350" i="2" a="1"/>
  <c r="H1350" i="2" s="1"/>
  <c r="H1343" i="2" a="1"/>
  <c r="H1343" i="2" s="1"/>
  <c r="H1346" i="2" a="1"/>
  <c r="H1346" i="2" s="1"/>
  <c r="H1349" i="2" a="1"/>
  <c r="H1349" i="2" s="1"/>
  <c r="H1331" i="2" a="1"/>
  <c r="H1331" i="2" s="1"/>
  <c r="H1347" i="2" a="1"/>
  <c r="H1347" i="2" s="1"/>
  <c r="H1338" i="2" a="1"/>
  <c r="H1338" i="2" s="1"/>
  <c r="H1345" i="2" a="1"/>
  <c r="H1345" i="2" s="1"/>
  <c r="H1353" i="2" a="1"/>
  <c r="H1353" i="2" s="1"/>
  <c r="H1340" i="2" a="1"/>
  <c r="H1340" i="2" s="1"/>
  <c r="H1339" i="2" a="1"/>
  <c r="H1339" i="2" s="1"/>
  <c r="H1348" i="2" a="1"/>
  <c r="H1348" i="2" s="1"/>
  <c r="H1337" i="2" a="1"/>
  <c r="H1337" i="2" s="1"/>
  <c r="AO138" i="1"/>
  <c r="E144" i="5" s="1"/>
  <c r="AP138" i="1"/>
  <c r="F144" i="5" s="1"/>
  <c r="AN138" i="1"/>
  <c r="D144" i="5" s="1"/>
  <c r="AQ138" i="1"/>
  <c r="G144" i="5" s="1"/>
  <c r="AM138" i="1"/>
  <c r="D3299" i="2" a="1"/>
  <c r="D3299" i="2" s="1"/>
  <c r="D3307" i="2" a="1"/>
  <c r="D3307" i="2" s="1"/>
  <c r="D3311" i="2" a="1"/>
  <c r="D3311" i="2" s="1"/>
  <c r="D3315" i="2" a="1"/>
  <c r="D3315" i="2" s="1"/>
  <c r="D3312" i="2" a="1"/>
  <c r="D3312" i="2" s="1"/>
  <c r="D3298" i="2" a="1"/>
  <c r="D3298" i="2" s="1"/>
  <c r="D3306" i="2" a="1"/>
  <c r="D3306" i="2" s="1"/>
  <c r="D3310" i="2" a="1"/>
  <c r="D3310" i="2" s="1"/>
  <c r="D3314" i="2" a="1"/>
  <c r="D3314" i="2" s="1"/>
  <c r="D3318" i="2" a="1"/>
  <c r="D3318" i="2" s="1"/>
  <c r="D3303" i="2" a="1"/>
  <c r="D3303" i="2" s="1"/>
  <c r="D3319" i="2" a="1"/>
  <c r="D3319" i="2" s="1"/>
  <c r="D3301" i="2" a="1"/>
  <c r="D3301" i="2" s="1"/>
  <c r="D3305" i="2" a="1"/>
  <c r="D3305" i="2" s="1"/>
  <c r="D3313" i="2" a="1"/>
  <c r="D3313" i="2" s="1"/>
  <c r="D3317" i="2" a="1"/>
  <c r="D3317" i="2" s="1"/>
  <c r="D3321" i="2" a="1"/>
  <c r="D3321" i="2" s="1"/>
  <c r="D3302" i="2" a="1"/>
  <c r="D3302" i="2" s="1"/>
  <c r="D3309" i="2" a="1"/>
  <c r="D3309" i="2" s="1"/>
  <c r="D3304" i="2" a="1"/>
  <c r="D3304" i="2" s="1"/>
  <c r="D3308" i="2" a="1"/>
  <c r="D3308" i="2" s="1"/>
  <c r="D3316" i="2" a="1"/>
  <c r="D3316" i="2" s="1"/>
  <c r="D3320" i="2" a="1"/>
  <c r="D3320" i="2" s="1"/>
  <c r="D3300" i="2" a="1"/>
  <c r="D3300" i="2" s="1"/>
  <c r="E4369" i="2" a="1"/>
  <c r="E4369" i="2" s="1"/>
  <c r="E4362" i="2" a="1"/>
  <c r="E4362" i="2" s="1"/>
  <c r="E4359" i="2" a="1"/>
  <c r="E4359" i="2" s="1"/>
  <c r="E4361" i="2" a="1"/>
  <c r="E4361" i="2" s="1"/>
  <c r="E4356" i="2" a="1"/>
  <c r="E4356" i="2" s="1"/>
  <c r="E4375" i="2" a="1"/>
  <c r="E4375" i="2" s="1"/>
  <c r="E4371" i="2" a="1"/>
  <c r="E4371" i="2" s="1"/>
  <c r="E4377" i="2" a="1"/>
  <c r="E4377" i="2" s="1"/>
  <c r="E4357" i="2" a="1"/>
  <c r="E4357" i="2" s="1"/>
  <c r="E4354" i="2" a="1"/>
  <c r="E4354" i="2" s="1"/>
  <c r="E4355" i="2" a="1"/>
  <c r="E4355" i="2" s="1"/>
  <c r="E4367" i="2" a="1"/>
  <c r="E4367" i="2" s="1"/>
  <c r="E4368" i="2" a="1"/>
  <c r="E4368" i="2" s="1"/>
  <c r="E4360" i="2" a="1"/>
  <c r="E4360" i="2" s="1"/>
  <c r="E4376" i="2" a="1"/>
  <c r="E4376" i="2" s="1"/>
  <c r="E4365" i="2" a="1"/>
  <c r="E4365" i="2" s="1"/>
  <c r="E4366" i="2" a="1"/>
  <c r="E4366" i="2" s="1"/>
  <c r="E4358" i="2" a="1"/>
  <c r="E4358" i="2" s="1"/>
  <c r="E4374" i="2" a="1"/>
  <c r="E4374" i="2" s="1"/>
  <c r="E4373" i="2" a="1"/>
  <c r="E4373" i="2" s="1"/>
  <c r="E4364" i="2" a="1"/>
  <c r="E4364" i="2" s="1"/>
  <c r="E4370" i="2" a="1"/>
  <c r="E4370" i="2" s="1"/>
  <c r="E4372" i="2" a="1"/>
  <c r="E4372" i="2" s="1"/>
  <c r="E4363" i="2" a="1"/>
  <c r="E4363" i="2" s="1"/>
  <c r="G4525" i="2" a="1"/>
  <c r="G4525" i="2" s="1"/>
  <c r="G4527" i="2" a="1"/>
  <c r="G4527" i="2" s="1"/>
  <c r="G4545" i="2" a="1"/>
  <c r="G4545" i="2" s="1"/>
  <c r="G4526" i="2" a="1"/>
  <c r="G4526" i="2" s="1"/>
  <c r="G4533" i="2" a="1"/>
  <c r="G4533" i="2" s="1"/>
  <c r="G4531" i="2" a="1"/>
  <c r="G4531" i="2" s="1"/>
  <c r="G4543" i="2" a="1"/>
  <c r="G4543" i="2" s="1"/>
  <c r="G4522" i="2" a="1"/>
  <c r="G4522" i="2" s="1"/>
  <c r="G4542" i="2" a="1"/>
  <c r="G4542" i="2" s="1"/>
  <c r="G4538" i="2" a="1"/>
  <c r="G4538" i="2" s="1"/>
  <c r="G4534" i="2" a="1"/>
  <c r="G4534" i="2" s="1"/>
  <c r="G4536" i="2" a="1"/>
  <c r="G4536" i="2" s="1"/>
  <c r="G4528" i="2" a="1"/>
  <c r="G4528" i="2" s="1"/>
  <c r="G4524" i="2" a="1"/>
  <c r="G4524" i="2" s="1"/>
  <c r="G4535" i="2" a="1"/>
  <c r="G4535" i="2" s="1"/>
  <c r="G4541" i="2" a="1"/>
  <c r="G4541" i="2" s="1"/>
  <c r="G4532" i="2" a="1"/>
  <c r="G4532" i="2" s="1"/>
  <c r="G4530" i="2" a="1"/>
  <c r="G4530" i="2" s="1"/>
  <c r="G4539" i="2" a="1"/>
  <c r="G4539" i="2" s="1"/>
  <c r="G4544" i="2" a="1"/>
  <c r="G4544" i="2" s="1"/>
  <c r="G4529" i="2" a="1"/>
  <c r="G4529" i="2" s="1"/>
  <c r="G4537" i="2" a="1"/>
  <c r="G4537" i="2" s="1"/>
  <c r="G4540" i="2" a="1"/>
  <c r="G4540" i="2" s="1"/>
  <c r="G4523" i="2" a="1"/>
  <c r="G4523" i="2" s="1"/>
  <c r="H7239" i="2" a="1"/>
  <c r="H7239" i="2" s="1"/>
  <c r="H7242" i="2" a="1"/>
  <c r="H7242" i="2" s="1"/>
  <c r="H7249" i="2" a="1"/>
  <c r="H7249" i="2" s="1"/>
  <c r="H7243" i="2" a="1"/>
  <c r="H7243" i="2" s="1"/>
  <c r="H7240" i="2" a="1"/>
  <c r="H7240" i="2" s="1"/>
  <c r="H7244" i="2" a="1"/>
  <c r="H7244" i="2" s="1"/>
  <c r="H7248" i="2" a="1"/>
  <c r="H7248" i="2" s="1"/>
  <c r="H7238" i="2" a="1"/>
  <c r="H7238" i="2" s="1"/>
  <c r="H7254" i="2" a="1"/>
  <c r="H7254" i="2" s="1"/>
  <c r="H7235" i="2" a="1"/>
  <c r="H7235" i="2" s="1"/>
  <c r="H7251" i="2" a="1"/>
  <c r="H7251" i="2" s="1"/>
  <c r="H7256" i="2" a="1"/>
  <c r="H7256" i="2" s="1"/>
  <c r="H7241" i="2" a="1"/>
  <c r="H7241" i="2" s="1"/>
  <c r="H7234" i="2" a="1"/>
  <c r="H7234" i="2" s="1"/>
  <c r="H7252" i="2" a="1"/>
  <c r="H7252" i="2" s="1"/>
  <c r="H7253" i="2" a="1"/>
  <c r="H7253" i="2" s="1"/>
  <c r="H7236" i="2" a="1"/>
  <c r="H7236" i="2" s="1"/>
  <c r="H7237" i="2" a="1"/>
  <c r="H7237" i="2" s="1"/>
  <c r="H7245" i="2" a="1"/>
  <c r="H7245" i="2" s="1"/>
  <c r="H7246" i="2" a="1"/>
  <c r="H7246" i="2" s="1"/>
  <c r="H7250" i="2" a="1"/>
  <c r="H7250" i="2" s="1"/>
  <c r="H7257" i="2" a="1"/>
  <c r="H7257" i="2" s="1"/>
  <c r="H7247" i="2" a="1"/>
  <c r="H7247" i="2" s="1"/>
  <c r="H7255" i="2" a="1"/>
  <c r="H7255" i="2" s="1"/>
  <c r="E6730" i="2" a="1"/>
  <c r="E6730" i="2" s="1"/>
  <c r="E6747" i="2" a="1"/>
  <c r="E6747" i="2" s="1"/>
  <c r="E6731" i="2" a="1"/>
  <c r="E6731" i="2" s="1"/>
  <c r="E6735" i="2" a="1"/>
  <c r="E6735" i="2" s="1"/>
  <c r="E6738" i="2" a="1"/>
  <c r="E6738" i="2" s="1"/>
  <c r="E6741" i="2" a="1"/>
  <c r="E6741" i="2" s="1"/>
  <c r="E6743" i="2" a="1"/>
  <c r="E6743" i="2" s="1"/>
  <c r="E6736" i="2" a="1"/>
  <c r="E6736" i="2" s="1"/>
  <c r="E6733" i="2" a="1"/>
  <c r="E6733" i="2" s="1"/>
  <c r="E6749" i="2" a="1"/>
  <c r="E6749" i="2" s="1"/>
  <c r="E6753" i="2" a="1"/>
  <c r="E6753" i="2" s="1"/>
  <c r="E6746" i="2" a="1"/>
  <c r="E6746" i="2" s="1"/>
  <c r="E6744" i="2" a="1"/>
  <c r="E6744" i="2" s="1"/>
  <c r="E6745" i="2" a="1"/>
  <c r="E6745" i="2" s="1"/>
  <c r="E6750" i="2" a="1"/>
  <c r="E6750" i="2" s="1"/>
  <c r="E6751" i="2" a="1"/>
  <c r="E6751" i="2" s="1"/>
  <c r="E6732" i="2" a="1"/>
  <c r="E6732" i="2" s="1"/>
  <c r="E6734" i="2" a="1"/>
  <c r="E6734" i="2" s="1"/>
  <c r="E6748" i="2" a="1"/>
  <c r="E6748" i="2" s="1"/>
  <c r="E6740" i="2" a="1"/>
  <c r="E6740" i="2" s="1"/>
  <c r="E6752" i="2" a="1"/>
  <c r="E6752" i="2" s="1"/>
  <c r="E6737" i="2" a="1"/>
  <c r="E6737" i="2" s="1"/>
  <c r="E6742" i="2" a="1"/>
  <c r="E6742" i="2" s="1"/>
  <c r="E6739" i="2" a="1"/>
  <c r="E6739" i="2" s="1"/>
  <c r="G6746" i="2" a="1"/>
  <c r="G6746" i="2" s="1"/>
  <c r="G6739" i="2" a="1"/>
  <c r="G6739" i="2" s="1"/>
  <c r="G6751" i="2" a="1"/>
  <c r="G6751" i="2" s="1"/>
  <c r="G6752" i="2" a="1"/>
  <c r="G6752" i="2" s="1"/>
  <c r="G6736" i="2" a="1"/>
  <c r="G6736" i="2" s="1"/>
  <c r="G6744" i="2" a="1"/>
  <c r="G6744" i="2" s="1"/>
  <c r="G6747" i="2" a="1"/>
  <c r="G6747" i="2" s="1"/>
  <c r="G6745" i="2" a="1"/>
  <c r="G6745" i="2" s="1"/>
  <c r="G6753" i="2" a="1"/>
  <c r="G6753" i="2" s="1"/>
  <c r="G6737" i="2" a="1"/>
  <c r="G6737" i="2" s="1"/>
  <c r="G6734" i="2" a="1"/>
  <c r="G6734" i="2" s="1"/>
  <c r="G6741" i="2" a="1"/>
  <c r="G6741" i="2" s="1"/>
  <c r="G6733" i="2" a="1"/>
  <c r="G6733" i="2" s="1"/>
  <c r="G6742" i="2" a="1"/>
  <c r="G6742" i="2" s="1"/>
  <c r="G6735" i="2" a="1"/>
  <c r="G6735" i="2" s="1"/>
  <c r="G6740" i="2" a="1"/>
  <c r="G6740" i="2" s="1"/>
  <c r="G6738" i="2" a="1"/>
  <c r="G6738" i="2" s="1"/>
  <c r="G6730" i="2" a="1"/>
  <c r="G6730" i="2" s="1"/>
  <c r="G6732" i="2" a="1"/>
  <c r="G6732" i="2" s="1"/>
  <c r="G6748" i="2" a="1"/>
  <c r="G6748" i="2" s="1"/>
  <c r="G6749" i="2" a="1"/>
  <c r="G6749" i="2" s="1"/>
  <c r="G6743" i="2" a="1"/>
  <c r="G6743" i="2" s="1"/>
  <c r="G6750" i="2" a="1"/>
  <c r="G6750" i="2" s="1"/>
  <c r="G6731" i="2" a="1"/>
  <c r="G6731" i="2" s="1"/>
  <c r="AO180" i="1"/>
  <c r="E186" i="5" s="1"/>
  <c r="AQ180" i="1"/>
  <c r="G186" i="5" s="1"/>
  <c r="AP180" i="1"/>
  <c r="F186" i="5" s="1"/>
  <c r="AN180" i="1"/>
  <c r="D186" i="5" s="1"/>
  <c r="AM180" i="1"/>
  <c r="D4307" i="2" a="1"/>
  <c r="D4307" i="2" s="1"/>
  <c r="D4315" i="2" a="1"/>
  <c r="D4315" i="2" s="1"/>
  <c r="D4319" i="2" a="1"/>
  <c r="D4319" i="2" s="1"/>
  <c r="D4323" i="2" a="1"/>
  <c r="D4323" i="2" s="1"/>
  <c r="D4327" i="2" a="1"/>
  <c r="D4327" i="2" s="1"/>
  <c r="D4324" i="2" a="1"/>
  <c r="D4324" i="2" s="1"/>
  <c r="D4311" i="2" a="1"/>
  <c r="D4311" i="2" s="1"/>
  <c r="D4306" i="2" a="1"/>
  <c r="D4306" i="2" s="1"/>
  <c r="D4314" i="2" a="1"/>
  <c r="D4314" i="2" s="1"/>
  <c r="D4318" i="2" a="1"/>
  <c r="D4318" i="2" s="1"/>
  <c r="D4322" i="2" a="1"/>
  <c r="D4322" i="2" s="1"/>
  <c r="D4326" i="2" a="1"/>
  <c r="D4326" i="2" s="1"/>
  <c r="D4309" i="2" a="1"/>
  <c r="D4309" i="2" s="1"/>
  <c r="D4313" i="2" a="1"/>
  <c r="D4313" i="2" s="1"/>
  <c r="D4317" i="2" a="1"/>
  <c r="D4317" i="2" s="1"/>
  <c r="D4321" i="2" a="1"/>
  <c r="D4321" i="2" s="1"/>
  <c r="D4325" i="2" a="1"/>
  <c r="D4325" i="2" s="1"/>
  <c r="D4329" i="2" a="1"/>
  <c r="D4329" i="2" s="1"/>
  <c r="D4310" i="2" a="1"/>
  <c r="D4310" i="2" s="1"/>
  <c r="D4308" i="2" a="1"/>
  <c r="D4308" i="2" s="1"/>
  <c r="D4312" i="2" a="1"/>
  <c r="D4312" i="2" s="1"/>
  <c r="D4316" i="2" a="1"/>
  <c r="D4316" i="2" s="1"/>
  <c r="D4320" i="2" a="1"/>
  <c r="D4320" i="2" s="1"/>
  <c r="D4328" i="2" a="1"/>
  <c r="D4328" i="2" s="1"/>
  <c r="G7802" i="2" a="1"/>
  <c r="G7802" i="2" s="1"/>
  <c r="G7808" i="2" a="1"/>
  <c r="G7808" i="2" s="1"/>
  <c r="G7792" i="2" a="1"/>
  <c r="G7792" i="2" s="1"/>
  <c r="G7788" i="2" a="1"/>
  <c r="G7788" i="2" s="1"/>
  <c r="G7794" i="2" a="1"/>
  <c r="G7794" i="2" s="1"/>
  <c r="G7809" i="2" a="1"/>
  <c r="G7809" i="2" s="1"/>
  <c r="G7789" i="2" a="1"/>
  <c r="G7789" i="2" s="1"/>
  <c r="G7787" i="2" a="1"/>
  <c r="G7787" i="2" s="1"/>
  <c r="G7791" i="2" a="1"/>
  <c r="G7791" i="2" s="1"/>
  <c r="G7797" i="2" a="1"/>
  <c r="G7797" i="2" s="1"/>
  <c r="G7795" i="2" a="1"/>
  <c r="G7795" i="2" s="1"/>
  <c r="G7798" i="2" a="1"/>
  <c r="G7798" i="2" s="1"/>
  <c r="G7793" i="2" a="1"/>
  <c r="G7793" i="2" s="1"/>
  <c r="G7799" i="2" a="1"/>
  <c r="G7799" i="2" s="1"/>
  <c r="G7801" i="2" a="1"/>
  <c r="G7801" i="2" s="1"/>
  <c r="G7796" i="2" a="1"/>
  <c r="G7796" i="2" s="1"/>
  <c r="G7790" i="2" a="1"/>
  <c r="G7790" i="2" s="1"/>
  <c r="G7800" i="2" a="1"/>
  <c r="G7800" i="2" s="1"/>
  <c r="G7806" i="2" a="1"/>
  <c r="G7806" i="2" s="1"/>
  <c r="G7804" i="2" a="1"/>
  <c r="G7804" i="2" s="1"/>
  <c r="G7805" i="2" a="1"/>
  <c r="G7805" i="2" s="1"/>
  <c r="G7803" i="2" a="1"/>
  <c r="G7803" i="2" s="1"/>
  <c r="G7786" i="2" a="1"/>
  <c r="G7786" i="2" s="1"/>
  <c r="G7807" i="2" a="1"/>
  <c r="G7807" i="2" s="1"/>
  <c r="AQ55" i="1"/>
  <c r="G61" i="5" s="1"/>
  <c r="AP55" i="1"/>
  <c r="F61" i="5" s="1"/>
  <c r="AN55" i="1"/>
  <c r="D61" i="5" s="1"/>
  <c r="AO55" i="1"/>
  <c r="E61" i="5" s="1"/>
  <c r="AM55" i="1"/>
  <c r="D1309" i="2" a="1"/>
  <c r="D1309" i="2" s="1"/>
  <c r="D1313" i="2" a="1"/>
  <c r="D1313" i="2" s="1"/>
  <c r="D1325" i="2" a="1"/>
  <c r="D1325" i="2" s="1"/>
  <c r="D1329" i="2" a="1"/>
  <c r="D1329" i="2" s="1"/>
  <c r="D1318" i="2" a="1"/>
  <c r="D1318" i="2" s="1"/>
  <c r="D1316" i="2" a="1"/>
  <c r="D1316" i="2" s="1"/>
  <c r="D1306" i="2" a="1"/>
  <c r="D1306" i="2" s="1"/>
  <c r="D1310" i="2" a="1"/>
  <c r="D1310" i="2" s="1"/>
  <c r="D1314" i="2" a="1"/>
  <c r="D1314" i="2" s="1"/>
  <c r="D1322" i="2" a="1"/>
  <c r="D1322" i="2" s="1"/>
  <c r="D1326" i="2" a="1"/>
  <c r="D1326" i="2" s="1"/>
  <c r="D1308" i="2" a="1"/>
  <c r="D1308" i="2" s="1"/>
  <c r="D1324" i="2" a="1"/>
  <c r="D1324" i="2" s="1"/>
  <c r="D1327" i="2" a="1"/>
  <c r="D1327" i="2" s="1"/>
  <c r="D1315" i="2" a="1"/>
  <c r="D1315" i="2" s="1"/>
  <c r="D1321" i="2" a="1"/>
  <c r="D1321" i="2" s="1"/>
  <c r="D1312" i="2" a="1"/>
  <c r="D1312" i="2" s="1"/>
  <c r="D1319" i="2" a="1"/>
  <c r="D1319" i="2" s="1"/>
  <c r="D1328" i="2" a="1"/>
  <c r="D1328" i="2" s="1"/>
  <c r="D1307" i="2" a="1"/>
  <c r="D1307" i="2" s="1"/>
  <c r="D1317" i="2" a="1"/>
  <c r="D1317" i="2" s="1"/>
  <c r="D1311" i="2" a="1"/>
  <c r="D1311" i="2" s="1"/>
  <c r="D1320" i="2" a="1"/>
  <c r="D1320" i="2" s="1"/>
  <c r="D1323" i="2" a="1"/>
  <c r="D1323" i="2" s="1"/>
  <c r="H8511" i="2" a="1"/>
  <c r="H8511" i="2" s="1"/>
  <c r="H8524" i="2" a="1"/>
  <c r="H8524" i="2" s="1"/>
  <c r="H8525" i="2" a="1"/>
  <c r="H8525" i="2" s="1"/>
  <c r="H8518" i="2" a="1"/>
  <c r="H8518" i="2" s="1"/>
  <c r="H8526" i="2" a="1"/>
  <c r="H8526" i="2" s="1"/>
  <c r="H8520" i="2" a="1"/>
  <c r="H8520" i="2" s="1"/>
  <c r="H8516" i="2" a="1"/>
  <c r="H8516" i="2" s="1"/>
  <c r="H8521" i="2" a="1"/>
  <c r="H8521" i="2" s="1"/>
  <c r="H8512" i="2" a="1"/>
  <c r="H8512" i="2" s="1"/>
  <c r="H8527" i="2" a="1"/>
  <c r="H8527" i="2" s="1"/>
  <c r="H8508" i="2" a="1"/>
  <c r="H8508" i="2" s="1"/>
  <c r="H8513" i="2" a="1"/>
  <c r="H8513" i="2" s="1"/>
  <c r="H8506" i="2" a="1"/>
  <c r="H8506" i="2" s="1"/>
  <c r="H8509" i="2" a="1"/>
  <c r="H8509" i="2" s="1"/>
  <c r="H8507" i="2" a="1"/>
  <c r="H8507" i="2" s="1"/>
  <c r="H8519" i="2" a="1"/>
  <c r="H8519" i="2" s="1"/>
  <c r="H8510" i="2" a="1"/>
  <c r="H8510" i="2" s="1"/>
  <c r="H8523" i="2" a="1"/>
  <c r="H8523" i="2" s="1"/>
  <c r="H8528" i="2" a="1"/>
  <c r="H8528" i="2" s="1"/>
  <c r="H8514" i="2" a="1"/>
  <c r="H8514" i="2" s="1"/>
  <c r="H8515" i="2" a="1"/>
  <c r="H8515" i="2" s="1"/>
  <c r="H8522" i="2" a="1"/>
  <c r="H8522" i="2" s="1"/>
  <c r="H8517" i="2" a="1"/>
  <c r="H8517" i="2" s="1"/>
  <c r="H8529" i="2" a="1"/>
  <c r="H8529" i="2" s="1"/>
  <c r="H7094" i="2" a="1"/>
  <c r="H7094" i="2" s="1"/>
  <c r="H7090" i="2" a="1"/>
  <c r="H7090" i="2" s="1"/>
  <c r="H7096" i="2" a="1"/>
  <c r="H7096" i="2" s="1"/>
  <c r="H7104" i="2" a="1"/>
  <c r="H7104" i="2" s="1"/>
  <c r="H7108" i="2" a="1"/>
  <c r="H7108" i="2" s="1"/>
  <c r="H7097" i="2" a="1"/>
  <c r="H7097" i="2" s="1"/>
  <c r="H7105" i="2" a="1"/>
  <c r="H7105" i="2" s="1"/>
  <c r="H7095" i="2" a="1"/>
  <c r="H7095" i="2" s="1"/>
  <c r="H7113" i="2" a="1"/>
  <c r="H7113" i="2" s="1"/>
  <c r="H7106" i="2" a="1"/>
  <c r="H7106" i="2" s="1"/>
  <c r="H7100" i="2" a="1"/>
  <c r="H7100" i="2" s="1"/>
  <c r="H7101" i="2" a="1"/>
  <c r="H7101" i="2" s="1"/>
  <c r="H7107" i="2" a="1"/>
  <c r="H7107" i="2" s="1"/>
  <c r="H7102" i="2" a="1"/>
  <c r="H7102" i="2" s="1"/>
  <c r="H7112" i="2" a="1"/>
  <c r="H7112" i="2" s="1"/>
  <c r="H7110" i="2" a="1"/>
  <c r="H7110" i="2" s="1"/>
  <c r="H7098" i="2" a="1"/>
  <c r="H7098" i="2" s="1"/>
  <c r="H7111" i="2" a="1"/>
  <c r="H7111" i="2" s="1"/>
  <c r="H7091" i="2" a="1"/>
  <c r="H7091" i="2" s="1"/>
  <c r="H7099" i="2" a="1"/>
  <c r="H7099" i="2" s="1"/>
  <c r="H7093" i="2" a="1"/>
  <c r="H7093" i="2" s="1"/>
  <c r="H7109" i="2" a="1"/>
  <c r="H7109" i="2" s="1"/>
  <c r="H7092" i="2" a="1"/>
  <c r="H7092" i="2" s="1"/>
  <c r="H7103" i="2" a="1"/>
  <c r="H7103" i="2" s="1"/>
  <c r="AN167" i="1"/>
  <c r="D173" i="5" s="1"/>
  <c r="AQ167" i="1"/>
  <c r="G173" i="5" s="1"/>
  <c r="AP167" i="1"/>
  <c r="F173" i="5" s="1"/>
  <c r="AO167" i="1"/>
  <c r="E173" i="5" s="1"/>
  <c r="AM167" i="1"/>
  <c r="D3999" i="2" a="1"/>
  <c r="D3999" i="2" s="1"/>
  <c r="D4007" i="2" a="1"/>
  <c r="D4007" i="2" s="1"/>
  <c r="D4002" i="2" a="1"/>
  <c r="D4002" i="2" s="1"/>
  <c r="D4001" i="2" a="1"/>
  <c r="D4001" i="2" s="1"/>
  <c r="D4009" i="2" a="1"/>
  <c r="D4009" i="2" s="1"/>
  <c r="D4013" i="2" a="1"/>
  <c r="D4013" i="2" s="1"/>
  <c r="D4017" i="2" a="1"/>
  <c r="D4017" i="2" s="1"/>
  <c r="D3994" i="2" a="1"/>
  <c r="D3994" i="2" s="1"/>
  <c r="D3996" i="2" a="1"/>
  <c r="D3996" i="2" s="1"/>
  <c r="D3997" i="2" a="1"/>
  <c r="D3997" i="2" s="1"/>
  <c r="D4005" i="2" a="1"/>
  <c r="D4005" i="2" s="1"/>
  <c r="D4000" i="2" a="1"/>
  <c r="D4000" i="2" s="1"/>
  <c r="D4004" i="2" a="1"/>
  <c r="D4004" i="2" s="1"/>
  <c r="D4012" i="2" a="1"/>
  <c r="D4012" i="2" s="1"/>
  <c r="D4003" i="2" a="1"/>
  <c r="D4003" i="2" s="1"/>
  <c r="D4011" i="2" a="1"/>
  <c r="D4011" i="2" s="1"/>
  <c r="D4008" i="2" a="1"/>
  <c r="D4008" i="2" s="1"/>
  <c r="D4016" i="2" a="1"/>
  <c r="D4016" i="2" s="1"/>
  <c r="D3995" i="2" a="1"/>
  <c r="D3995" i="2" s="1"/>
  <c r="D4015" i="2" a="1"/>
  <c r="D4015" i="2" s="1"/>
  <c r="D3998" i="2" a="1"/>
  <c r="D3998" i="2" s="1"/>
  <c r="D4006" i="2" a="1"/>
  <c r="D4006" i="2" s="1"/>
  <c r="D4010" i="2" a="1"/>
  <c r="D4010" i="2" s="1"/>
  <c r="D4014" i="2" a="1"/>
  <c r="D4014" i="2" s="1"/>
  <c r="E8158" i="2" a="1"/>
  <c r="E8158" i="2" s="1"/>
  <c r="E8161" i="2" a="1"/>
  <c r="E8161" i="2" s="1"/>
  <c r="E8150" i="2" a="1"/>
  <c r="E8150" i="2" s="1"/>
  <c r="E8154" i="2" a="1"/>
  <c r="E8154" i="2" s="1"/>
  <c r="E8163" i="2" a="1"/>
  <c r="E8163" i="2" s="1"/>
  <c r="E8152" i="2" a="1"/>
  <c r="E8152" i="2" s="1"/>
  <c r="E8157" i="2" a="1"/>
  <c r="E8157" i="2" s="1"/>
  <c r="E8164" i="2" a="1"/>
  <c r="E8164" i="2" s="1"/>
  <c r="E8156" i="2" a="1"/>
  <c r="E8156" i="2" s="1"/>
  <c r="E8146" i="2" a="1"/>
  <c r="E8146" i="2" s="1"/>
  <c r="E8148" i="2" a="1"/>
  <c r="E8148" i="2" s="1"/>
  <c r="E8151" i="2" a="1"/>
  <c r="E8151" i="2" s="1"/>
  <c r="E8155" i="2" a="1"/>
  <c r="E8155" i="2" s="1"/>
  <c r="E8160" i="2" a="1"/>
  <c r="E8160" i="2" s="1"/>
  <c r="E8162" i="2" a="1"/>
  <c r="E8162" i="2" s="1"/>
  <c r="E8153" i="2" a="1"/>
  <c r="E8153" i="2" s="1"/>
  <c r="E8167" i="2" a="1"/>
  <c r="E8167" i="2" s="1"/>
  <c r="E8168" i="2" a="1"/>
  <c r="E8168" i="2" s="1"/>
  <c r="E8159" i="2" a="1"/>
  <c r="E8159" i="2" s="1"/>
  <c r="E8169" i="2" a="1"/>
  <c r="E8169" i="2" s="1"/>
  <c r="E8147" i="2" a="1"/>
  <c r="E8147" i="2" s="1"/>
  <c r="E8165" i="2" a="1"/>
  <c r="E8165" i="2" s="1"/>
  <c r="E8166" i="2" a="1"/>
  <c r="E8166" i="2" s="1"/>
  <c r="E8149" i="2" a="1"/>
  <c r="E8149" i="2" s="1"/>
  <c r="F7274" i="2" a="1"/>
  <c r="F7274" i="2" s="1"/>
  <c r="F7279" i="2" a="1"/>
  <c r="F7279" i="2" s="1"/>
  <c r="F7272" i="2" a="1"/>
  <c r="F7272" i="2" s="1"/>
  <c r="F7262" i="2" a="1"/>
  <c r="F7262" i="2" s="1"/>
  <c r="F7280" i="2" a="1"/>
  <c r="F7280" i="2" s="1"/>
  <c r="F7273" i="2" a="1"/>
  <c r="F7273" i="2" s="1"/>
  <c r="F7275" i="2" a="1"/>
  <c r="F7275" i="2" s="1"/>
  <c r="F7267" i="2" a="1"/>
  <c r="F7267" i="2" s="1"/>
  <c r="F7260" i="2" a="1"/>
  <c r="F7260" i="2" s="1"/>
  <c r="F7276" i="2" a="1"/>
  <c r="F7276" i="2" s="1"/>
  <c r="F7277" i="2" a="1"/>
  <c r="F7277" i="2" s="1"/>
  <c r="F7278" i="2" a="1"/>
  <c r="F7278" i="2" s="1"/>
  <c r="F7281" i="2" a="1"/>
  <c r="F7281" i="2" s="1"/>
  <c r="F7261" i="2" a="1"/>
  <c r="F7261" i="2" s="1"/>
  <c r="F7263" i="2" a="1"/>
  <c r="F7263" i="2" s="1"/>
  <c r="F7265" i="2" a="1"/>
  <c r="F7265" i="2" s="1"/>
  <c r="F7269" i="2" a="1"/>
  <c r="F7269" i="2" s="1"/>
  <c r="F7271" i="2" a="1"/>
  <c r="F7271" i="2" s="1"/>
  <c r="F7258" i="2" a="1"/>
  <c r="F7258" i="2" s="1"/>
  <c r="F7259" i="2" a="1"/>
  <c r="F7259" i="2" s="1"/>
  <c r="F7266" i="2" a="1"/>
  <c r="F7266" i="2" s="1"/>
  <c r="F7268" i="2" a="1"/>
  <c r="F7268" i="2" s="1"/>
  <c r="F7264" i="2" a="1"/>
  <c r="F7264" i="2" s="1"/>
  <c r="F7270" i="2" a="1"/>
  <c r="F7270" i="2" s="1"/>
  <c r="H7480" i="2" a="1"/>
  <c r="H7480" i="2" s="1"/>
  <c r="H7491" i="2" a="1"/>
  <c r="H7491" i="2" s="1"/>
  <c r="H7477" i="2" a="1"/>
  <c r="H7477" i="2" s="1"/>
  <c r="H7481" i="2" a="1"/>
  <c r="H7481" i="2" s="1"/>
  <c r="H7493" i="2" a="1"/>
  <c r="H7493" i="2" s="1"/>
  <c r="H7482" i="2" a="1"/>
  <c r="H7482" i="2" s="1"/>
  <c r="H7494" i="2" a="1"/>
  <c r="H7494" i="2" s="1"/>
  <c r="H7483" i="2" a="1"/>
  <c r="H7483" i="2" s="1"/>
  <c r="H7476" i="2" a="1"/>
  <c r="H7476" i="2" s="1"/>
  <c r="H7492" i="2" a="1"/>
  <c r="H7492" i="2" s="1"/>
  <c r="H7486" i="2" a="1"/>
  <c r="H7486" i="2" s="1"/>
  <c r="H7478" i="2" a="1"/>
  <c r="H7478" i="2" s="1"/>
  <c r="H7474" i="2" a="1"/>
  <c r="H7474" i="2" s="1"/>
  <c r="H7479" i="2" a="1"/>
  <c r="H7479" i="2" s="1"/>
  <c r="H7484" i="2" a="1"/>
  <c r="H7484" i="2" s="1"/>
  <c r="H7490" i="2" a="1"/>
  <c r="H7490" i="2" s="1"/>
  <c r="H7496" i="2" a="1"/>
  <c r="H7496" i="2" s="1"/>
  <c r="H7488" i="2" a="1"/>
  <c r="H7488" i="2" s="1"/>
  <c r="H7497" i="2" a="1"/>
  <c r="H7497" i="2" s="1"/>
  <c r="H7489" i="2" a="1"/>
  <c r="H7489" i="2" s="1"/>
  <c r="H7485" i="2" a="1"/>
  <c r="H7485" i="2" s="1"/>
  <c r="H7495" i="2" a="1"/>
  <c r="H7495" i="2" s="1"/>
  <c r="H7487" i="2" a="1"/>
  <c r="H7487" i="2" s="1"/>
  <c r="H7475" i="2" a="1"/>
  <c r="H7475" i="2" s="1"/>
  <c r="AO45" i="1"/>
  <c r="E51" i="5" s="1"/>
  <c r="AN45" i="1"/>
  <c r="D51" i="5" s="1"/>
  <c r="AQ45" i="1"/>
  <c r="G51" i="5" s="1"/>
  <c r="AP45" i="1"/>
  <c r="F51" i="5" s="1"/>
  <c r="AM45" i="1"/>
  <c r="D1067" i="2" a="1"/>
  <c r="D1067" i="2" s="1"/>
  <c r="D1075" i="2" a="1"/>
  <c r="D1075" i="2" s="1"/>
  <c r="D1078" i="2" a="1"/>
  <c r="D1078" i="2" s="1"/>
  <c r="D1082" i="2" a="1"/>
  <c r="D1082" i="2" s="1"/>
  <c r="D1086" i="2" a="1"/>
  <c r="D1086" i="2" s="1"/>
  <c r="D1069" i="2" a="1"/>
  <c r="D1069" i="2" s="1"/>
  <c r="D1073" i="2" a="1"/>
  <c r="D1073" i="2" s="1"/>
  <c r="D1077" i="2" a="1"/>
  <c r="D1077" i="2" s="1"/>
  <c r="D1085" i="2" a="1"/>
  <c r="D1085" i="2" s="1"/>
  <c r="D1089" i="2" a="1"/>
  <c r="D1089" i="2" s="1"/>
  <c r="D1066" i="2" a="1"/>
  <c r="D1066" i="2" s="1"/>
  <c r="D1074" i="2" a="1"/>
  <c r="D1074" i="2" s="1"/>
  <c r="D1072" i="2" a="1"/>
  <c r="D1072" i="2" s="1"/>
  <c r="D1080" i="2" a="1"/>
  <c r="D1080" i="2" s="1"/>
  <c r="D1088" i="2" a="1"/>
  <c r="D1088" i="2" s="1"/>
  <c r="D1068" i="2" a="1"/>
  <c r="D1068" i="2" s="1"/>
  <c r="D1076" i="2" a="1"/>
  <c r="D1076" i="2" s="1"/>
  <c r="D1079" i="2" a="1"/>
  <c r="D1079" i="2" s="1"/>
  <c r="D1083" i="2" a="1"/>
  <c r="D1083" i="2" s="1"/>
  <c r="D1087" i="2" a="1"/>
  <c r="D1087" i="2" s="1"/>
  <c r="D1084" i="2" a="1"/>
  <c r="D1084" i="2" s="1"/>
  <c r="D1071" i="2" a="1"/>
  <c r="D1071" i="2" s="1"/>
  <c r="D1070" i="2" a="1"/>
  <c r="D1070" i="2" s="1"/>
  <c r="D1081" i="2" a="1"/>
  <c r="D1081" i="2" s="1"/>
  <c r="AP209" i="1"/>
  <c r="F215" i="5" s="1"/>
  <c r="AO209" i="1"/>
  <c r="E215" i="5" s="1"/>
  <c r="AQ209" i="1"/>
  <c r="G215" i="5" s="1"/>
  <c r="AN209" i="1"/>
  <c r="D215" i="5" s="1"/>
  <c r="AM209" i="1"/>
  <c r="D5004" i="2" a="1"/>
  <c r="D5004" i="2" s="1"/>
  <c r="D5003" i="2" a="1"/>
  <c r="D5003" i="2" s="1"/>
  <c r="D5007" i="2" a="1"/>
  <c r="D5007" i="2" s="1"/>
  <c r="D5015" i="2" a="1"/>
  <c r="D5015" i="2" s="1"/>
  <c r="D5019" i="2" a="1"/>
  <c r="D5019" i="2" s="1"/>
  <c r="D5023" i="2" a="1"/>
  <c r="D5023" i="2" s="1"/>
  <c r="D5011" i="2" a="1"/>
  <c r="D5011" i="2" s="1"/>
  <c r="D5002" i="2" a="1"/>
  <c r="D5002" i="2" s="1"/>
  <c r="D5014" i="2" a="1"/>
  <c r="D5014" i="2" s="1"/>
  <c r="D5022" i="2" a="1"/>
  <c r="D5022" i="2" s="1"/>
  <c r="D5018" i="2" a="1"/>
  <c r="D5018" i="2" s="1"/>
  <c r="D5005" i="2" a="1"/>
  <c r="D5005" i="2" s="1"/>
  <c r="D5013" i="2" a="1"/>
  <c r="D5013" i="2" s="1"/>
  <c r="D5021" i="2" a="1"/>
  <c r="D5021" i="2" s="1"/>
  <c r="D5025" i="2" a="1"/>
  <c r="D5025" i="2" s="1"/>
  <c r="D5006" i="2" a="1"/>
  <c r="D5006" i="2" s="1"/>
  <c r="D5010" i="2" a="1"/>
  <c r="D5010" i="2" s="1"/>
  <c r="D5009" i="2" a="1"/>
  <c r="D5009" i="2" s="1"/>
  <c r="D5008" i="2" a="1"/>
  <c r="D5008" i="2" s="1"/>
  <c r="D5012" i="2" a="1"/>
  <c r="D5012" i="2" s="1"/>
  <c r="D5016" i="2" a="1"/>
  <c r="D5016" i="2" s="1"/>
  <c r="D5020" i="2" a="1"/>
  <c r="D5020" i="2" s="1"/>
  <c r="D5024" i="2" a="1"/>
  <c r="D5024" i="2" s="1"/>
  <c r="D5017" i="2" a="1"/>
  <c r="D5017" i="2" s="1"/>
  <c r="G6488" i="2" a="1"/>
  <c r="G6488" i="2" s="1"/>
  <c r="G6469" i="2" a="1"/>
  <c r="G6469" i="2" s="1"/>
  <c r="G6486" i="2" a="1"/>
  <c r="G6486" i="2" s="1"/>
  <c r="G6481" i="2" a="1"/>
  <c r="G6481" i="2" s="1"/>
  <c r="G6476" i="2" a="1"/>
  <c r="G6476" i="2" s="1"/>
  <c r="G6482" i="2" a="1"/>
  <c r="G6482" i="2" s="1"/>
  <c r="G6472" i="2" a="1"/>
  <c r="G6472" i="2" s="1"/>
  <c r="G6483" i="2" a="1"/>
  <c r="G6483" i="2" s="1"/>
  <c r="G6470" i="2" a="1"/>
  <c r="G6470" i="2" s="1"/>
  <c r="G6485" i="2" a="1"/>
  <c r="G6485" i="2" s="1"/>
  <c r="G6467" i="2" a="1"/>
  <c r="G6467" i="2" s="1"/>
  <c r="G6468" i="2" a="1"/>
  <c r="G6468" i="2" s="1"/>
  <c r="G6475" i="2" a="1"/>
  <c r="G6475" i="2" s="1"/>
  <c r="G6489" i="2" a="1"/>
  <c r="G6489" i="2" s="1"/>
  <c r="G6487" i="2" a="1"/>
  <c r="G6487" i="2" s="1"/>
  <c r="G6484" i="2" a="1"/>
  <c r="G6484" i="2" s="1"/>
  <c r="G6473" i="2" a="1"/>
  <c r="G6473" i="2" s="1"/>
  <c r="G6474" i="2" a="1"/>
  <c r="G6474" i="2" s="1"/>
  <c r="G6477" i="2" a="1"/>
  <c r="G6477" i="2" s="1"/>
  <c r="G6466" i="2" a="1"/>
  <c r="G6466" i="2" s="1"/>
  <c r="G6478" i="2" a="1"/>
  <c r="G6478" i="2" s="1"/>
  <c r="G6479" i="2" a="1"/>
  <c r="G6479" i="2" s="1"/>
  <c r="G6471" i="2" a="1"/>
  <c r="G6471" i="2" s="1"/>
  <c r="G6480" i="2" a="1"/>
  <c r="G6480" i="2" s="1"/>
  <c r="F1054" i="2" a="1"/>
  <c r="F1054" i="2" s="1"/>
  <c r="F1044" i="2" a="1"/>
  <c r="F1044" i="2" s="1"/>
  <c r="F1048" i="2" a="1"/>
  <c r="F1048" i="2" s="1"/>
  <c r="F1064" i="2" a="1"/>
  <c r="F1064" i="2" s="1"/>
  <c r="F1049" i="2" a="1"/>
  <c r="F1049" i="2" s="1"/>
  <c r="F1057" i="2" a="1"/>
  <c r="F1057" i="2" s="1"/>
  <c r="F1050" i="2" a="1"/>
  <c r="F1050" i="2" s="1"/>
  <c r="F1055" i="2" a="1"/>
  <c r="F1055" i="2" s="1"/>
  <c r="F1051" i="2" a="1"/>
  <c r="F1051" i="2" s="1"/>
  <c r="F1043" i="2" a="1"/>
  <c r="F1043" i="2" s="1"/>
  <c r="F1052" i="2" a="1"/>
  <c r="F1052" i="2" s="1"/>
  <c r="F1062" i="2" a="1"/>
  <c r="F1062" i="2" s="1"/>
  <c r="F1058" i="2" a="1"/>
  <c r="F1058" i="2" s="1"/>
  <c r="F1053" i="2" a="1"/>
  <c r="F1053" i="2" s="1"/>
  <c r="F1046" i="2" a="1"/>
  <c r="F1046" i="2" s="1"/>
  <c r="F1045" i="2" a="1"/>
  <c r="F1045" i="2" s="1"/>
  <c r="F1047" i="2" a="1"/>
  <c r="F1047" i="2" s="1"/>
  <c r="F1056" i="2" a="1"/>
  <c r="F1056" i="2" s="1"/>
  <c r="F1059" i="2" a="1"/>
  <c r="F1059" i="2" s="1"/>
  <c r="F1063" i="2" a="1"/>
  <c r="F1063" i="2" s="1"/>
  <c r="F1061" i="2" a="1"/>
  <c r="F1061" i="2" s="1"/>
  <c r="F1042" i="2" a="1"/>
  <c r="F1042" i="2" s="1"/>
  <c r="F1065" i="2" a="1"/>
  <c r="F1065" i="2" s="1"/>
  <c r="F1060" i="2" a="1"/>
  <c r="F1060" i="2" s="1"/>
  <c r="AP136" i="1"/>
  <c r="F142" i="5" s="1"/>
  <c r="AO136" i="1"/>
  <c r="E142" i="5" s="1"/>
  <c r="AQ136" i="1"/>
  <c r="G142" i="5" s="1"/>
  <c r="AN136" i="1"/>
  <c r="D142" i="5" s="1"/>
  <c r="AM136" i="1"/>
  <c r="D3264" i="2" a="1"/>
  <c r="D3264" i="2" s="1"/>
  <c r="D3250" i="2" a="1"/>
  <c r="D3250" i="2" s="1"/>
  <c r="D3258" i="2" a="1"/>
  <c r="D3258" i="2" s="1"/>
  <c r="D3270" i="2" a="1"/>
  <c r="D3270" i="2" s="1"/>
  <c r="D3251" i="2" a="1"/>
  <c r="D3251" i="2" s="1"/>
  <c r="D3259" i="2" a="1"/>
  <c r="D3259" i="2" s="1"/>
  <c r="D3267" i="2" a="1"/>
  <c r="D3267" i="2" s="1"/>
  <c r="D3254" i="2" a="1"/>
  <c r="D3254" i="2" s="1"/>
  <c r="D3253" i="2" a="1"/>
  <c r="D3253" i="2" s="1"/>
  <c r="D3265" i="2" a="1"/>
  <c r="D3265" i="2" s="1"/>
  <c r="D3269" i="2" a="1"/>
  <c r="D3269" i="2" s="1"/>
  <c r="D3262" i="2" a="1"/>
  <c r="D3262" i="2" s="1"/>
  <c r="D3266" i="2" a="1"/>
  <c r="D3266" i="2" s="1"/>
  <c r="D3252" i="2" a="1"/>
  <c r="D3252" i="2" s="1"/>
  <c r="D3256" i="2" a="1"/>
  <c r="D3256" i="2" s="1"/>
  <c r="D3260" i="2" a="1"/>
  <c r="D3260" i="2" s="1"/>
  <c r="D3268" i="2" a="1"/>
  <c r="D3268" i="2" s="1"/>
  <c r="D3272" i="2" a="1"/>
  <c r="D3272" i="2" s="1"/>
  <c r="D3257" i="2" a="1"/>
  <c r="D3257" i="2" s="1"/>
  <c r="D3261" i="2" a="1"/>
  <c r="D3261" i="2" s="1"/>
  <c r="D3273" i="2" a="1"/>
  <c r="D3273" i="2" s="1"/>
  <c r="D3255" i="2" a="1"/>
  <c r="D3255" i="2" s="1"/>
  <c r="D3263" i="2" a="1"/>
  <c r="D3263" i="2" s="1"/>
  <c r="D3271" i="2" a="1"/>
  <c r="D3271" i="2" s="1"/>
  <c r="AP332" i="1"/>
  <c r="F338" i="5" s="1"/>
  <c r="AO332" i="1"/>
  <c r="E338" i="5" s="1"/>
  <c r="AN332" i="1"/>
  <c r="D338" i="5" s="1"/>
  <c r="AQ332" i="1"/>
  <c r="G338" i="5" s="1"/>
  <c r="AM332" i="1"/>
  <c r="D7957" i="2" a="1"/>
  <c r="D7957" i="2" s="1"/>
  <c r="D7954" i="2" a="1"/>
  <c r="D7954" i="2" s="1"/>
  <c r="D7958" i="2" a="1"/>
  <c r="D7958" i="2" s="1"/>
  <c r="D7961" i="2" a="1"/>
  <c r="D7961" i="2" s="1"/>
  <c r="D7965" i="2" a="1"/>
  <c r="D7965" i="2" s="1"/>
  <c r="D7962" i="2" a="1"/>
  <c r="D7962" i="2" s="1"/>
  <c r="D7963" i="2" a="1"/>
  <c r="D7963" i="2" s="1"/>
  <c r="D7956" i="2" a="1"/>
  <c r="D7956" i="2" s="1"/>
  <c r="D7976" i="2" a="1"/>
  <c r="D7976" i="2" s="1"/>
  <c r="D7972" i="2" a="1"/>
  <c r="D7972" i="2" s="1"/>
  <c r="D7975" i="2" a="1"/>
  <c r="D7975" i="2" s="1"/>
  <c r="D7955" i="2" a="1"/>
  <c r="D7955" i="2" s="1"/>
  <c r="D7968" i="2" a="1"/>
  <c r="D7968" i="2" s="1"/>
  <c r="D7971" i="2" a="1"/>
  <c r="D7971" i="2" s="1"/>
  <c r="D7977" i="2" a="1"/>
  <c r="D7977" i="2" s="1"/>
  <c r="D7960" i="2" a="1"/>
  <c r="D7960" i="2" s="1"/>
  <c r="D7964" i="2" a="1"/>
  <c r="D7964" i="2" s="1"/>
  <c r="D7973" i="2" a="1"/>
  <c r="D7973" i="2" s="1"/>
  <c r="D7966" i="2" a="1"/>
  <c r="D7966" i="2" s="1"/>
  <c r="D7967" i="2" a="1"/>
  <c r="D7967" i="2" s="1"/>
  <c r="D7974" i="2" a="1"/>
  <c r="D7974" i="2" s="1"/>
  <c r="D7969" i="2" a="1"/>
  <c r="D7969" i="2" s="1"/>
  <c r="D7970" i="2" a="1"/>
  <c r="D7970" i="2" s="1"/>
  <c r="D7959" i="2" a="1"/>
  <c r="D7959" i="2" s="1"/>
  <c r="G2904" i="2" a="1"/>
  <c r="G2904" i="2" s="1"/>
  <c r="G2892" i="2" a="1"/>
  <c r="G2892" i="2" s="1"/>
  <c r="G2911" i="2" a="1"/>
  <c r="G2911" i="2" s="1"/>
  <c r="G2909" i="2" a="1"/>
  <c r="G2909" i="2" s="1"/>
  <c r="G2910" i="2" a="1"/>
  <c r="G2910" i="2" s="1"/>
  <c r="G2898" i="2" a="1"/>
  <c r="G2898" i="2" s="1"/>
  <c r="G2908" i="2" a="1"/>
  <c r="G2908" i="2" s="1"/>
  <c r="G2913" i="2" a="1"/>
  <c r="G2913" i="2" s="1"/>
  <c r="G2900" i="2" a="1"/>
  <c r="G2900" i="2" s="1"/>
  <c r="G2895" i="2" a="1"/>
  <c r="G2895" i="2" s="1"/>
  <c r="G2890" i="2" a="1"/>
  <c r="G2890" i="2" s="1"/>
  <c r="G2901" i="2" a="1"/>
  <c r="G2901" i="2" s="1"/>
  <c r="G2907" i="2" a="1"/>
  <c r="G2907" i="2" s="1"/>
  <c r="G2894" i="2" a="1"/>
  <c r="G2894" i="2" s="1"/>
  <c r="G2896" i="2" a="1"/>
  <c r="G2896" i="2" s="1"/>
  <c r="G2903" i="2" a="1"/>
  <c r="G2903" i="2" s="1"/>
  <c r="G2893" i="2" a="1"/>
  <c r="G2893" i="2" s="1"/>
  <c r="G2891" i="2" a="1"/>
  <c r="G2891" i="2" s="1"/>
  <c r="G2912" i="2" a="1"/>
  <c r="G2912" i="2" s="1"/>
  <c r="G2905" i="2" a="1"/>
  <c r="G2905" i="2" s="1"/>
  <c r="G2899" i="2" a="1"/>
  <c r="G2899" i="2" s="1"/>
  <c r="G2902" i="2" a="1"/>
  <c r="G2902" i="2" s="1"/>
  <c r="G2897" i="2" a="1"/>
  <c r="G2897" i="2" s="1"/>
  <c r="G2906" i="2" a="1"/>
  <c r="G2906" i="2" s="1"/>
  <c r="F1138" i="2" a="1"/>
  <c r="F1138" i="2" s="1"/>
  <c r="F1141" i="2" a="1"/>
  <c r="F1141" i="2" s="1"/>
  <c r="F1155" i="2" a="1"/>
  <c r="F1155" i="2" s="1"/>
  <c r="F1142" i="2" a="1"/>
  <c r="F1142" i="2" s="1"/>
  <c r="F1143" i="2" a="1"/>
  <c r="F1143" i="2" s="1"/>
  <c r="F1158" i="2" a="1"/>
  <c r="F1158" i="2" s="1"/>
  <c r="F1161" i="2" a="1"/>
  <c r="F1161" i="2" s="1"/>
  <c r="F1144" i="2" a="1"/>
  <c r="F1144" i="2" s="1"/>
  <c r="F1153" i="2" a="1"/>
  <c r="F1153" i="2" s="1"/>
  <c r="F1152" i="2" a="1"/>
  <c r="F1152" i="2" s="1"/>
  <c r="F1154" i="2" a="1"/>
  <c r="F1154" i="2" s="1"/>
  <c r="F1139" i="2" a="1"/>
  <c r="F1139" i="2" s="1"/>
  <c r="F1160" i="2" a="1"/>
  <c r="F1160" i="2" s="1"/>
  <c r="F1156" i="2" a="1"/>
  <c r="F1156" i="2" s="1"/>
  <c r="F1145" i="2" a="1"/>
  <c r="F1145" i="2" s="1"/>
  <c r="F1146" i="2" a="1"/>
  <c r="F1146" i="2" s="1"/>
  <c r="F1149" i="2" a="1"/>
  <c r="F1149" i="2" s="1"/>
  <c r="F1148" i="2" a="1"/>
  <c r="F1148" i="2" s="1"/>
  <c r="F1151" i="2" a="1"/>
  <c r="F1151" i="2" s="1"/>
  <c r="F1159" i="2" a="1"/>
  <c r="F1159" i="2" s="1"/>
  <c r="F1150" i="2" a="1"/>
  <c r="F1150" i="2" s="1"/>
  <c r="F1140" i="2" a="1"/>
  <c r="F1140" i="2" s="1"/>
  <c r="F1157" i="2" a="1"/>
  <c r="F1157" i="2" s="1"/>
  <c r="F1147" i="2" a="1"/>
  <c r="F1147" i="2" s="1"/>
  <c r="G806" i="2" a="1"/>
  <c r="G806" i="2" s="1"/>
  <c r="G802" i="2" a="1"/>
  <c r="G802" i="2" s="1"/>
  <c r="G814" i="2" a="1"/>
  <c r="G814" i="2" s="1"/>
  <c r="G809" i="2" a="1"/>
  <c r="G809" i="2" s="1"/>
  <c r="G822" i="2" a="1"/>
  <c r="G822" i="2" s="1"/>
  <c r="G820" i="2" a="1"/>
  <c r="G820" i="2" s="1"/>
  <c r="G823" i="2" a="1"/>
  <c r="G823" i="2" s="1"/>
  <c r="G821" i="2" a="1"/>
  <c r="G821" i="2" s="1"/>
  <c r="G819" i="2" a="1"/>
  <c r="G819" i="2" s="1"/>
  <c r="G804" i="2" a="1"/>
  <c r="G804" i="2" s="1"/>
  <c r="G808" i="2" a="1"/>
  <c r="G808" i="2" s="1"/>
  <c r="G810" i="2" a="1"/>
  <c r="G810" i="2" s="1"/>
  <c r="G824" i="2" a="1"/>
  <c r="G824" i="2" s="1"/>
  <c r="G813" i="2" a="1"/>
  <c r="G813" i="2" s="1"/>
  <c r="G825" i="2" a="1"/>
  <c r="G825" i="2" s="1"/>
  <c r="G811" i="2" a="1"/>
  <c r="G811" i="2" s="1"/>
  <c r="G815" i="2" a="1"/>
  <c r="G815" i="2" s="1"/>
  <c r="G807" i="2" a="1"/>
  <c r="G807" i="2" s="1"/>
  <c r="G805" i="2" a="1"/>
  <c r="G805" i="2" s="1"/>
  <c r="G803" i="2" a="1"/>
  <c r="G803" i="2" s="1"/>
  <c r="G816" i="2" a="1"/>
  <c r="G816" i="2" s="1"/>
  <c r="G817" i="2" a="1"/>
  <c r="G817" i="2" s="1"/>
  <c r="G812" i="2" a="1"/>
  <c r="G812" i="2" s="1"/>
  <c r="G818" i="2" a="1"/>
  <c r="G818" i="2" s="1"/>
  <c r="AP305" i="1"/>
  <c r="F311" i="5" s="1"/>
  <c r="AO305" i="1"/>
  <c r="E311" i="5" s="1"/>
  <c r="AN305" i="1"/>
  <c r="D311" i="5" s="1"/>
  <c r="AQ305" i="1"/>
  <c r="G311" i="5" s="1"/>
  <c r="AM305" i="1"/>
  <c r="D7318" i="2" a="1"/>
  <c r="D7318" i="2" s="1"/>
  <c r="D7306" i="2" a="1"/>
  <c r="D7306" i="2" s="1"/>
  <c r="D7313" i="2" a="1"/>
  <c r="D7313" i="2" s="1"/>
  <c r="D7327" i="2" a="1"/>
  <c r="D7327" i="2" s="1"/>
  <c r="D7328" i="2" a="1"/>
  <c r="D7328" i="2" s="1"/>
  <c r="D7321" i="2" a="1"/>
  <c r="D7321" i="2" s="1"/>
  <c r="D7309" i="2" a="1"/>
  <c r="D7309" i="2" s="1"/>
  <c r="D7316" i="2" a="1"/>
  <c r="D7316" i="2" s="1"/>
  <c r="D7323" i="2" a="1"/>
  <c r="D7323" i="2" s="1"/>
  <c r="D7310" i="2" a="1"/>
  <c r="D7310" i="2" s="1"/>
  <c r="D7326" i="2" a="1"/>
  <c r="D7326" i="2" s="1"/>
  <c r="D7312" i="2" a="1"/>
  <c r="D7312" i="2" s="1"/>
  <c r="D7320" i="2" a="1"/>
  <c r="D7320" i="2" s="1"/>
  <c r="D7322" i="2" a="1"/>
  <c r="D7322" i="2" s="1"/>
  <c r="D7308" i="2" a="1"/>
  <c r="D7308" i="2" s="1"/>
  <c r="D7315" i="2" a="1"/>
  <c r="D7315" i="2" s="1"/>
  <c r="D7311" i="2" a="1"/>
  <c r="D7311" i="2" s="1"/>
  <c r="D7319" i="2" a="1"/>
  <c r="D7319" i="2" s="1"/>
  <c r="D7329" i="2" a="1"/>
  <c r="D7329" i="2" s="1"/>
  <c r="D7314" i="2" a="1"/>
  <c r="D7314" i="2" s="1"/>
  <c r="D7307" i="2" a="1"/>
  <c r="D7307" i="2" s="1"/>
  <c r="D7325" i="2" a="1"/>
  <c r="D7325" i="2" s="1"/>
  <c r="D7317" i="2" a="1"/>
  <c r="D7317" i="2" s="1"/>
  <c r="D7324" i="2" a="1"/>
  <c r="D7324" i="2" s="1"/>
  <c r="H758" i="2" a="1"/>
  <c r="H758" i="2" s="1"/>
  <c r="H764" i="2" a="1"/>
  <c r="H764" i="2" s="1"/>
  <c r="H760" i="2" a="1"/>
  <c r="H760" i="2" s="1"/>
  <c r="H763" i="2" a="1"/>
  <c r="H763" i="2" s="1"/>
  <c r="H754" i="2" a="1"/>
  <c r="H754" i="2" s="1"/>
  <c r="H757" i="2" a="1"/>
  <c r="H757" i="2" s="1"/>
  <c r="H755" i="2" a="1"/>
  <c r="H755" i="2" s="1"/>
  <c r="H762" i="2" a="1"/>
  <c r="H762" i="2" s="1"/>
  <c r="H765" i="2" a="1"/>
  <c r="H765" i="2" s="1"/>
  <c r="H766" i="2" a="1"/>
  <c r="H766" i="2" s="1"/>
  <c r="H767" i="2" a="1"/>
  <c r="H767" i="2" s="1"/>
  <c r="H761" i="2" a="1"/>
  <c r="H761" i="2" s="1"/>
  <c r="H774" i="2" a="1"/>
  <c r="H774" i="2" s="1"/>
  <c r="H775" i="2" a="1"/>
  <c r="H775" i="2" s="1"/>
  <c r="H771" i="2" a="1"/>
  <c r="H771" i="2" s="1"/>
  <c r="H759" i="2" a="1"/>
  <c r="H759" i="2" s="1"/>
  <c r="H777" i="2" a="1"/>
  <c r="H777" i="2" s="1"/>
  <c r="H769" i="2" a="1"/>
  <c r="H769" i="2" s="1"/>
  <c r="H773" i="2" a="1"/>
  <c r="H773" i="2" s="1"/>
  <c r="H772" i="2" a="1"/>
  <c r="H772" i="2" s="1"/>
  <c r="H768" i="2" a="1"/>
  <c r="H768" i="2" s="1"/>
  <c r="H776" i="2" a="1"/>
  <c r="H776" i="2" s="1"/>
  <c r="H770" i="2" a="1"/>
  <c r="H770" i="2" s="1"/>
  <c r="H756" i="2" a="1"/>
  <c r="H756" i="2" s="1"/>
  <c r="H6277" i="2" a="1"/>
  <c r="H6277" i="2" s="1"/>
  <c r="H6289" i="2" a="1"/>
  <c r="H6289" i="2" s="1"/>
  <c r="H6278" i="2" a="1"/>
  <c r="H6278" i="2" s="1"/>
  <c r="H6286" i="2" a="1"/>
  <c r="H6286" i="2" s="1"/>
  <c r="H6288" i="2" a="1"/>
  <c r="H6288" i="2" s="1"/>
  <c r="H6274" i="2" a="1"/>
  <c r="H6274" i="2" s="1"/>
  <c r="H6279" i="2" a="1"/>
  <c r="H6279" i="2" s="1"/>
  <c r="H6290" i="2" a="1"/>
  <c r="H6290" i="2" s="1"/>
  <c r="H6280" i="2" a="1"/>
  <c r="H6280" i="2" s="1"/>
  <c r="H6281" i="2" a="1"/>
  <c r="H6281" i="2" s="1"/>
  <c r="H6297" i="2" a="1"/>
  <c r="H6297" i="2" s="1"/>
  <c r="H6275" i="2" a="1"/>
  <c r="H6275" i="2" s="1"/>
  <c r="H6292" i="2" a="1"/>
  <c r="H6292" i="2" s="1"/>
  <c r="H6282" i="2" a="1"/>
  <c r="H6282" i="2" s="1"/>
  <c r="H6294" i="2" a="1"/>
  <c r="H6294" i="2" s="1"/>
  <c r="H6283" i="2" a="1"/>
  <c r="H6283" i="2" s="1"/>
  <c r="H6293" i="2" a="1"/>
  <c r="H6293" i="2" s="1"/>
  <c r="H6295" i="2" a="1"/>
  <c r="H6295" i="2" s="1"/>
  <c r="H6276" i="2" a="1"/>
  <c r="H6276" i="2" s="1"/>
  <c r="H6285" i="2" a="1"/>
  <c r="H6285" i="2" s="1"/>
  <c r="H6284" i="2" a="1"/>
  <c r="H6284" i="2" s="1"/>
  <c r="H6296" i="2" a="1"/>
  <c r="H6296" i="2" s="1"/>
  <c r="H6287" i="2" a="1"/>
  <c r="H6287" i="2" s="1"/>
  <c r="H6291" i="2" a="1"/>
  <c r="H6291" i="2" s="1"/>
  <c r="AQ47" i="1"/>
  <c r="G53" i="5" s="1"/>
  <c r="AP47" i="1"/>
  <c r="F53" i="5" s="1"/>
  <c r="AO47" i="1"/>
  <c r="E53" i="5" s="1"/>
  <c r="AN47" i="1"/>
  <c r="D53" i="5" s="1"/>
  <c r="AM47" i="1"/>
  <c r="D1114" i="2" a="1"/>
  <c r="D1114" i="2" s="1"/>
  <c r="D1118" i="2" a="1"/>
  <c r="D1118" i="2" s="1"/>
  <c r="D1126" i="2" a="1"/>
  <c r="D1126" i="2" s="1"/>
  <c r="D1130" i="2" a="1"/>
  <c r="D1130" i="2" s="1"/>
  <c r="D1134" i="2" a="1"/>
  <c r="D1134" i="2" s="1"/>
  <c r="D1135" i="2" a="1"/>
  <c r="D1135" i="2" s="1"/>
  <c r="D1122" i="2" a="1"/>
  <c r="D1122" i="2" s="1"/>
  <c r="D1125" i="2" a="1"/>
  <c r="D1125" i="2" s="1"/>
  <c r="D1137" i="2" a="1"/>
  <c r="D1137" i="2" s="1"/>
  <c r="D1121" i="2" a="1"/>
  <c r="D1121" i="2" s="1"/>
  <c r="D1117" i="2" a="1"/>
  <c r="D1117" i="2" s="1"/>
  <c r="D1116" i="2" a="1"/>
  <c r="D1116" i="2" s="1"/>
  <c r="D1128" i="2" a="1"/>
  <c r="D1128" i="2" s="1"/>
  <c r="D1119" i="2" a="1"/>
  <c r="D1119" i="2" s="1"/>
  <c r="D1131" i="2" a="1"/>
  <c r="D1131" i="2" s="1"/>
  <c r="D1120" i="2" a="1"/>
  <c r="D1120" i="2" s="1"/>
  <c r="D1115" i="2" a="1"/>
  <c r="D1115" i="2" s="1"/>
  <c r="D1123" i="2" a="1"/>
  <c r="D1123" i="2" s="1"/>
  <c r="D1127" i="2" a="1"/>
  <c r="D1127" i="2" s="1"/>
  <c r="D1132" i="2" a="1"/>
  <c r="D1132" i="2" s="1"/>
  <c r="D1124" i="2" a="1"/>
  <c r="D1124" i="2" s="1"/>
  <c r="D1133" i="2" a="1"/>
  <c r="D1133" i="2" s="1"/>
  <c r="D1129" i="2" a="1"/>
  <c r="D1129" i="2" s="1"/>
  <c r="D1136" i="2" a="1"/>
  <c r="D1136" i="2" s="1"/>
  <c r="AQ276" i="1"/>
  <c r="G282" i="5" s="1"/>
  <c r="AN276" i="1"/>
  <c r="D282" i="5" s="1"/>
  <c r="AO276" i="1"/>
  <c r="E282" i="5" s="1"/>
  <c r="AP276" i="1"/>
  <c r="F282" i="5" s="1"/>
  <c r="AM276" i="1"/>
  <c r="D6618" i="2" a="1"/>
  <c r="D6618" i="2" s="1"/>
  <c r="D6626" i="2" a="1"/>
  <c r="D6626" i="2" s="1"/>
  <c r="D6611" i="2" a="1"/>
  <c r="D6611" i="2" s="1"/>
  <c r="D6623" i="2" a="1"/>
  <c r="D6623" i="2" s="1"/>
  <c r="D6627" i="2" a="1"/>
  <c r="D6627" i="2" s="1"/>
  <c r="D6610" i="2" a="1"/>
  <c r="D6610" i="2" s="1"/>
  <c r="D6622" i="2" a="1"/>
  <c r="D6622" i="2" s="1"/>
  <c r="D6617" i="2" a="1"/>
  <c r="D6617" i="2" s="1"/>
  <c r="D6625" i="2" a="1"/>
  <c r="D6625" i="2" s="1"/>
  <c r="D6614" i="2" a="1"/>
  <c r="D6614" i="2" s="1"/>
  <c r="D6630" i="2" a="1"/>
  <c r="D6630" i="2" s="1"/>
  <c r="D6620" i="2" a="1"/>
  <c r="D6620" i="2" s="1"/>
  <c r="D6628" i="2" a="1"/>
  <c r="D6628" i="2" s="1"/>
  <c r="D6632" i="2" a="1"/>
  <c r="D6632" i="2" s="1"/>
  <c r="D6613" i="2" a="1"/>
  <c r="D6613" i="2" s="1"/>
  <c r="D6621" i="2" a="1"/>
  <c r="D6621" i="2" s="1"/>
  <c r="D6629" i="2" a="1"/>
  <c r="D6629" i="2" s="1"/>
  <c r="D6633" i="2" a="1"/>
  <c r="D6633" i="2" s="1"/>
  <c r="D6624" i="2" a="1"/>
  <c r="D6624" i="2" s="1"/>
  <c r="D6619" i="2" a="1"/>
  <c r="D6619" i="2" s="1"/>
  <c r="D6631" i="2" a="1"/>
  <c r="D6631" i="2" s="1"/>
  <c r="D6612" i="2" a="1"/>
  <c r="D6612" i="2" s="1"/>
  <c r="D6616" i="2" a="1"/>
  <c r="D6616" i="2" s="1"/>
  <c r="D6615" i="2" a="1"/>
  <c r="D6615" i="2" s="1"/>
  <c r="H3249" i="2" a="1"/>
  <c r="H3249" i="2" s="1"/>
  <c r="H3235" i="2" a="1"/>
  <c r="H3235" i="2" s="1"/>
  <c r="H3229" i="2" a="1"/>
  <c r="H3229" i="2" s="1"/>
  <c r="H3231" i="2" a="1"/>
  <c r="H3231" i="2" s="1"/>
  <c r="H3246" i="2" a="1"/>
  <c r="H3246" i="2" s="1"/>
  <c r="H3237" i="2" a="1"/>
  <c r="H3237" i="2" s="1"/>
  <c r="H3226" i="2" a="1"/>
  <c r="H3226" i="2" s="1"/>
  <c r="H3233" i="2" a="1"/>
  <c r="H3233" i="2" s="1"/>
  <c r="H3240" i="2" a="1"/>
  <c r="H3240" i="2" s="1"/>
  <c r="H3245" i="2" a="1"/>
  <c r="H3245" i="2" s="1"/>
  <c r="H3243" i="2" a="1"/>
  <c r="H3243" i="2" s="1"/>
  <c r="H3247" i="2" a="1"/>
  <c r="H3247" i="2" s="1"/>
  <c r="H3227" i="2" a="1"/>
  <c r="H3227" i="2" s="1"/>
  <c r="H3230" i="2" a="1"/>
  <c r="H3230" i="2" s="1"/>
  <c r="H3234" i="2" a="1"/>
  <c r="H3234" i="2" s="1"/>
  <c r="H3248" i="2" a="1"/>
  <c r="H3248" i="2" s="1"/>
  <c r="H3228" i="2" a="1"/>
  <c r="H3228" i="2" s="1"/>
  <c r="H3242" i="2" a="1"/>
  <c r="H3242" i="2" s="1"/>
  <c r="H3236" i="2" a="1"/>
  <c r="H3236" i="2" s="1"/>
  <c r="H3238" i="2" a="1"/>
  <c r="H3238" i="2" s="1"/>
  <c r="H3241" i="2" a="1"/>
  <c r="H3241" i="2" s="1"/>
  <c r="H3239" i="2" a="1"/>
  <c r="H3239" i="2" s="1"/>
  <c r="H3244" i="2" a="1"/>
  <c r="H3244" i="2" s="1"/>
  <c r="H3232" i="2" a="1"/>
  <c r="H3232" i="2" s="1"/>
  <c r="G6166" i="2" a="1"/>
  <c r="G6166" i="2" s="1"/>
  <c r="G6157" i="2" a="1"/>
  <c r="G6157" i="2" s="1"/>
  <c r="G6177" i="2" a="1"/>
  <c r="G6177" i="2" s="1"/>
  <c r="G6167" i="2" a="1"/>
  <c r="G6167" i="2" s="1"/>
  <c r="G6160" i="2" a="1"/>
  <c r="G6160" i="2" s="1"/>
  <c r="G6155" i="2" a="1"/>
  <c r="G6155" i="2" s="1"/>
  <c r="G6156" i="2" a="1"/>
  <c r="G6156" i="2" s="1"/>
  <c r="G6163" i="2" a="1"/>
  <c r="G6163" i="2" s="1"/>
  <c r="G6158" i="2" a="1"/>
  <c r="G6158" i="2" s="1"/>
  <c r="G6174" i="2" a="1"/>
  <c r="G6174" i="2" s="1"/>
  <c r="G6175" i="2" a="1"/>
  <c r="G6175" i="2" s="1"/>
  <c r="G6164" i="2" a="1"/>
  <c r="G6164" i="2" s="1"/>
  <c r="G6161" i="2" a="1"/>
  <c r="G6161" i="2" s="1"/>
  <c r="G6165" i="2" a="1"/>
  <c r="G6165" i="2" s="1"/>
  <c r="G6171" i="2" a="1"/>
  <c r="G6171" i="2" s="1"/>
  <c r="G6168" i="2" a="1"/>
  <c r="G6168" i="2" s="1"/>
  <c r="G6154" i="2" a="1"/>
  <c r="G6154" i="2" s="1"/>
  <c r="G6173" i="2" a="1"/>
  <c r="G6173" i="2" s="1"/>
  <c r="G6159" i="2" a="1"/>
  <c r="G6159" i="2" s="1"/>
  <c r="G6176" i="2" a="1"/>
  <c r="G6176" i="2" s="1"/>
  <c r="G6172" i="2" a="1"/>
  <c r="G6172" i="2" s="1"/>
  <c r="G6162" i="2" a="1"/>
  <c r="G6162" i="2" s="1"/>
  <c r="G6169" i="2" a="1"/>
  <c r="G6169" i="2" s="1"/>
  <c r="G6170" i="2" a="1"/>
  <c r="G6170" i="2" s="1"/>
  <c r="F6650" i="2" a="1"/>
  <c r="F6650" i="2" s="1"/>
  <c r="F6637" i="2" a="1"/>
  <c r="F6637" i="2" s="1"/>
  <c r="F6645" i="2" a="1"/>
  <c r="F6645" i="2" s="1"/>
  <c r="F6654" i="2" a="1"/>
  <c r="F6654" i="2" s="1"/>
  <c r="F6653" i="2" a="1"/>
  <c r="F6653" i="2" s="1"/>
  <c r="F6648" i="2" a="1"/>
  <c r="F6648" i="2" s="1"/>
  <c r="F6634" i="2" a="1"/>
  <c r="F6634" i="2" s="1"/>
  <c r="F6638" i="2" a="1"/>
  <c r="F6638" i="2" s="1"/>
  <c r="F6647" i="2" a="1"/>
  <c r="F6647" i="2" s="1"/>
  <c r="F6656" i="2" a="1"/>
  <c r="F6656" i="2" s="1"/>
  <c r="F6657" i="2" a="1"/>
  <c r="F6657" i="2" s="1"/>
  <c r="F6641" i="2" a="1"/>
  <c r="F6641" i="2" s="1"/>
  <c r="F6655" i="2" a="1"/>
  <c r="F6655" i="2" s="1"/>
  <c r="F6646" i="2" a="1"/>
  <c r="F6646" i="2" s="1"/>
  <c r="F6643" i="2" a="1"/>
  <c r="F6643" i="2" s="1"/>
  <c r="F6652" i="2" a="1"/>
  <c r="F6652" i="2" s="1"/>
  <c r="F6644" i="2" a="1"/>
  <c r="F6644" i="2" s="1"/>
  <c r="F6639" i="2" a="1"/>
  <c r="F6639" i="2" s="1"/>
  <c r="F6640" i="2" a="1"/>
  <c r="F6640" i="2" s="1"/>
  <c r="F6649" i="2" a="1"/>
  <c r="F6649" i="2" s="1"/>
  <c r="F6651" i="2" a="1"/>
  <c r="F6651" i="2" s="1"/>
  <c r="F6642" i="2" a="1"/>
  <c r="F6642" i="2" s="1"/>
  <c r="F6635" i="2" a="1"/>
  <c r="F6635" i="2" s="1"/>
  <c r="F6636" i="2" a="1"/>
  <c r="F6636" i="2" s="1"/>
  <c r="F2453" i="2" a="1"/>
  <c r="F2453" i="2" s="1"/>
  <c r="F2441" i="2" a="1"/>
  <c r="F2441" i="2" s="1"/>
  <c r="F2443" i="2" a="1"/>
  <c r="F2443" i="2" s="1"/>
  <c r="F2438" i="2" a="1"/>
  <c r="F2438" i="2" s="1"/>
  <c r="F2447" i="2" a="1"/>
  <c r="F2447" i="2" s="1"/>
  <c r="F2449" i="2" a="1"/>
  <c r="F2449" i="2" s="1"/>
  <c r="F2440" i="2" a="1"/>
  <c r="F2440" i="2" s="1"/>
  <c r="F2448" i="2" a="1"/>
  <c r="F2448" i="2" s="1"/>
  <c r="F2455" i="2" a="1"/>
  <c r="F2455" i="2" s="1"/>
  <c r="F2437" i="2" a="1"/>
  <c r="F2437" i="2" s="1"/>
  <c r="F2452" i="2" a="1"/>
  <c r="F2452" i="2" s="1"/>
  <c r="F2456" i="2" a="1"/>
  <c r="F2456" i="2" s="1"/>
  <c r="F2451" i="2" a="1"/>
  <c r="F2451" i="2" s="1"/>
  <c r="F2439" i="2" a="1"/>
  <c r="F2439" i="2" s="1"/>
  <c r="F2457" i="2" a="1"/>
  <c r="F2457" i="2" s="1"/>
  <c r="F2454" i="2" a="1"/>
  <c r="F2454" i="2" s="1"/>
  <c r="F2435" i="2" a="1"/>
  <c r="F2435" i="2" s="1"/>
  <c r="F2436" i="2" a="1"/>
  <c r="F2436" i="2" s="1"/>
  <c r="F2446" i="2" a="1"/>
  <c r="F2446" i="2" s="1"/>
  <c r="F2434" i="2" a="1"/>
  <c r="F2434" i="2" s="1"/>
  <c r="F2442" i="2" a="1"/>
  <c r="F2442" i="2" s="1"/>
  <c r="F2444" i="2" a="1"/>
  <c r="F2444" i="2" s="1"/>
  <c r="F2445" i="2" a="1"/>
  <c r="F2445" i="2" s="1"/>
  <c r="F2450" i="2" a="1"/>
  <c r="F2450" i="2" s="1"/>
  <c r="AQ23" i="1"/>
  <c r="G29" i="5" s="1"/>
  <c r="AO23" i="1"/>
  <c r="E29" i="5" s="1"/>
  <c r="AN23" i="1"/>
  <c r="D29" i="5" s="1"/>
  <c r="AP23" i="1"/>
  <c r="F29" i="5" s="1"/>
  <c r="AM23" i="1"/>
  <c r="D546" i="2" a="1"/>
  <c r="D546" i="2" s="1"/>
  <c r="D541" i="2" a="1"/>
  <c r="D541" i="2" s="1"/>
  <c r="D549" i="2" a="1"/>
  <c r="D549" i="2" s="1"/>
  <c r="D553" i="2" a="1"/>
  <c r="D553" i="2" s="1"/>
  <c r="D557" i="2" a="1"/>
  <c r="D557" i="2" s="1"/>
  <c r="D538" i="2" a="1"/>
  <c r="D538" i="2" s="1"/>
  <c r="D542" i="2" a="1"/>
  <c r="D542" i="2" s="1"/>
  <c r="D550" i="2" a="1"/>
  <c r="D550" i="2" s="1"/>
  <c r="D554" i="2" a="1"/>
  <c r="D554" i="2" s="1"/>
  <c r="D558" i="2" a="1"/>
  <c r="D558" i="2" s="1"/>
  <c r="D539" i="2" a="1"/>
  <c r="D539" i="2" s="1"/>
  <c r="D548" i="2" a="1"/>
  <c r="D548" i="2" s="1"/>
  <c r="D559" i="2" a="1"/>
  <c r="D559" i="2" s="1"/>
  <c r="D544" i="2" a="1"/>
  <c r="D544" i="2" s="1"/>
  <c r="D555" i="2" a="1"/>
  <c r="D555" i="2" s="1"/>
  <c r="D540" i="2" a="1"/>
  <c r="D540" i="2" s="1"/>
  <c r="D551" i="2" a="1"/>
  <c r="D551" i="2" s="1"/>
  <c r="D560" i="2" a="1"/>
  <c r="D560" i="2" s="1"/>
  <c r="D547" i="2" a="1"/>
  <c r="D547" i="2" s="1"/>
  <c r="D556" i="2" a="1"/>
  <c r="D556" i="2" s="1"/>
  <c r="D545" i="2" a="1"/>
  <c r="D545" i="2" s="1"/>
  <c r="D543" i="2" a="1"/>
  <c r="D543" i="2" s="1"/>
  <c r="D552" i="2" a="1"/>
  <c r="D552" i="2" s="1"/>
  <c r="D561" i="2" a="1"/>
  <c r="D561" i="2" s="1"/>
  <c r="F5131" i="2" a="1"/>
  <c r="F5131" i="2" s="1"/>
  <c r="F5133" i="2" a="1"/>
  <c r="F5133" i="2" s="1"/>
  <c r="F5137" i="2" a="1"/>
  <c r="F5137" i="2" s="1"/>
  <c r="F5125" i="2" a="1"/>
  <c r="F5125" i="2" s="1"/>
  <c r="F5144" i="2" a="1"/>
  <c r="F5144" i="2" s="1"/>
  <c r="F5136" i="2" a="1"/>
  <c r="F5136" i="2" s="1"/>
  <c r="F5141" i="2" a="1"/>
  <c r="F5141" i="2" s="1"/>
  <c r="F5145" i="2" a="1"/>
  <c r="F5145" i="2" s="1"/>
  <c r="F5140" i="2" a="1"/>
  <c r="F5140" i="2" s="1"/>
  <c r="F5126" i="2" a="1"/>
  <c r="F5126" i="2" s="1"/>
  <c r="F5124" i="2" a="1"/>
  <c r="F5124" i="2" s="1"/>
  <c r="F5130" i="2" a="1"/>
  <c r="F5130" i="2" s="1"/>
  <c r="F5139" i="2" a="1"/>
  <c r="F5139" i="2" s="1"/>
  <c r="F5122" i="2" a="1"/>
  <c r="F5122" i="2" s="1"/>
  <c r="F5129" i="2" a="1"/>
  <c r="F5129" i="2" s="1"/>
  <c r="F5135" i="2" a="1"/>
  <c r="F5135" i="2" s="1"/>
  <c r="F5123" i="2" a="1"/>
  <c r="F5123" i="2" s="1"/>
  <c r="F5138" i="2" a="1"/>
  <c r="F5138" i="2" s="1"/>
  <c r="F5142" i="2" a="1"/>
  <c r="F5142" i="2" s="1"/>
  <c r="F5132" i="2" a="1"/>
  <c r="F5132" i="2" s="1"/>
  <c r="F5134" i="2" a="1"/>
  <c r="F5134" i="2" s="1"/>
  <c r="F5127" i="2" a="1"/>
  <c r="F5127" i="2" s="1"/>
  <c r="F5128" i="2" a="1"/>
  <c r="F5128" i="2" s="1"/>
  <c r="F5143" i="2" a="1"/>
  <c r="F5143" i="2" s="1"/>
  <c r="E2655" i="2" a="1"/>
  <c r="E2655" i="2" s="1"/>
  <c r="E2673" i="2" a="1"/>
  <c r="E2673" i="2" s="1"/>
  <c r="E2668" i="2" a="1"/>
  <c r="E2668" i="2" s="1"/>
  <c r="E2660" i="2" a="1"/>
  <c r="E2660" i="2" s="1"/>
  <c r="E2657" i="2" a="1"/>
  <c r="E2657" i="2" s="1"/>
  <c r="E2661" i="2" a="1"/>
  <c r="E2661" i="2" s="1"/>
  <c r="E2651" i="2" a="1"/>
  <c r="E2651" i="2" s="1"/>
  <c r="E2667" i="2" a="1"/>
  <c r="E2667" i="2" s="1"/>
  <c r="E2654" i="2" a="1"/>
  <c r="E2654" i="2" s="1"/>
  <c r="E2672" i="2" a="1"/>
  <c r="E2672" i="2" s="1"/>
  <c r="E2669" i="2" a="1"/>
  <c r="E2669" i="2" s="1"/>
  <c r="E2656" i="2" a="1"/>
  <c r="E2656" i="2" s="1"/>
  <c r="E2653" i="2" a="1"/>
  <c r="E2653" i="2" s="1"/>
  <c r="E2663" i="2" a="1"/>
  <c r="E2663" i="2" s="1"/>
  <c r="E2665" i="2" a="1"/>
  <c r="E2665" i="2" s="1"/>
  <c r="E2671" i="2" a="1"/>
  <c r="E2671" i="2" s="1"/>
  <c r="E2670" i="2" a="1"/>
  <c r="E2670" i="2" s="1"/>
  <c r="E2650" i="2" a="1"/>
  <c r="E2650" i="2" s="1"/>
  <c r="E2659" i="2" a="1"/>
  <c r="E2659" i="2" s="1"/>
  <c r="E2662" i="2" a="1"/>
  <c r="E2662" i="2" s="1"/>
  <c r="E2664" i="2" a="1"/>
  <c r="E2664" i="2" s="1"/>
  <c r="E2666" i="2" a="1"/>
  <c r="E2666" i="2" s="1"/>
  <c r="E2658" i="2" a="1"/>
  <c r="E2658" i="2" s="1"/>
  <c r="E2652" i="2" a="1"/>
  <c r="E2652" i="2" s="1"/>
  <c r="F6307" i="2" a="1"/>
  <c r="F6307" i="2" s="1"/>
  <c r="F6305" i="2" a="1"/>
  <c r="F6305" i="2" s="1"/>
  <c r="F6312" i="2" a="1"/>
  <c r="F6312" i="2" s="1"/>
  <c r="F6299" i="2" a="1"/>
  <c r="F6299" i="2" s="1"/>
  <c r="F6311" i="2" a="1"/>
  <c r="F6311" i="2" s="1"/>
  <c r="F6303" i="2" a="1"/>
  <c r="F6303" i="2" s="1"/>
  <c r="F6310" i="2" a="1"/>
  <c r="F6310" i="2" s="1"/>
  <c r="F6304" i="2" a="1"/>
  <c r="F6304" i="2" s="1"/>
  <c r="F6306" i="2" a="1"/>
  <c r="F6306" i="2" s="1"/>
  <c r="F6301" i="2" a="1"/>
  <c r="F6301" i="2" s="1"/>
  <c r="F6308" i="2" a="1"/>
  <c r="F6308" i="2" s="1"/>
  <c r="F6302" i="2" a="1"/>
  <c r="F6302" i="2" s="1"/>
  <c r="F6309" i="2" a="1"/>
  <c r="F6309" i="2" s="1"/>
  <c r="F6317" i="2" a="1"/>
  <c r="F6317" i="2" s="1"/>
  <c r="F6298" i="2" a="1"/>
  <c r="F6298" i="2" s="1"/>
  <c r="F6318" i="2" a="1"/>
  <c r="F6318" i="2" s="1"/>
  <c r="F6314" i="2" a="1"/>
  <c r="F6314" i="2" s="1"/>
  <c r="F6319" i="2" a="1"/>
  <c r="F6319" i="2" s="1"/>
  <c r="F6315" i="2" a="1"/>
  <c r="F6315" i="2" s="1"/>
  <c r="F6320" i="2" a="1"/>
  <c r="F6320" i="2" s="1"/>
  <c r="F6300" i="2" a="1"/>
  <c r="F6300" i="2" s="1"/>
  <c r="F6313" i="2" a="1"/>
  <c r="F6313" i="2" s="1"/>
  <c r="F6321" i="2" a="1"/>
  <c r="F6321" i="2" s="1"/>
  <c r="F6316" i="2" a="1"/>
  <c r="F6316" i="2" s="1"/>
  <c r="G8652" i="2" a="1"/>
  <c r="G8652" i="2" s="1"/>
  <c r="G8668" i="2" a="1"/>
  <c r="G8668" i="2" s="1"/>
  <c r="G8671" i="2" a="1"/>
  <c r="G8671" i="2" s="1"/>
  <c r="G8662" i="2" a="1"/>
  <c r="G8662" i="2" s="1"/>
  <c r="G8654" i="2" a="1"/>
  <c r="G8654" i="2" s="1"/>
  <c r="G8661" i="2" a="1"/>
  <c r="G8661" i="2" s="1"/>
  <c r="G8672" i="2" a="1"/>
  <c r="G8672" i="2" s="1"/>
  <c r="G8665" i="2" a="1"/>
  <c r="G8665" i="2" s="1"/>
  <c r="G8669" i="2" a="1"/>
  <c r="G8669" i="2" s="1"/>
  <c r="G8651" i="2" a="1"/>
  <c r="G8651" i="2" s="1"/>
  <c r="G8656" i="2" a="1"/>
  <c r="G8656" i="2" s="1"/>
  <c r="G8666" i="2" a="1"/>
  <c r="G8666" i="2" s="1"/>
  <c r="G8657" i="2" a="1"/>
  <c r="G8657" i="2" s="1"/>
  <c r="G8658" i="2" a="1"/>
  <c r="G8658" i="2" s="1"/>
  <c r="G8659" i="2" a="1"/>
  <c r="G8659" i="2" s="1"/>
  <c r="G8673" i="2" a="1"/>
  <c r="G8673" i="2" s="1"/>
  <c r="G8663" i="2" a="1"/>
  <c r="G8663" i="2" s="1"/>
  <c r="G8653" i="2" a="1"/>
  <c r="G8653" i="2" s="1"/>
  <c r="G8650" i="2" a="1"/>
  <c r="G8650" i="2" s="1"/>
  <c r="G8655" i="2" a="1"/>
  <c r="G8655" i="2" s="1"/>
  <c r="G8670" i="2" a="1"/>
  <c r="G8670" i="2" s="1"/>
  <c r="G8660" i="2" a="1"/>
  <c r="G8660" i="2" s="1"/>
  <c r="G8667" i="2" a="1"/>
  <c r="G8667" i="2" s="1"/>
  <c r="G8664" i="2" a="1"/>
  <c r="G8664" i="2" s="1"/>
  <c r="H2642" i="2" a="1"/>
  <c r="H2642" i="2" s="1"/>
  <c r="H2649" i="2" a="1"/>
  <c r="H2649" i="2" s="1"/>
  <c r="H2637" i="2" a="1"/>
  <c r="H2637" i="2" s="1"/>
  <c r="H2627" i="2" a="1"/>
  <c r="H2627" i="2" s="1"/>
  <c r="H2640" i="2" a="1"/>
  <c r="H2640" i="2" s="1"/>
  <c r="H2644" i="2" a="1"/>
  <c r="H2644" i="2" s="1"/>
  <c r="H2646" i="2" a="1"/>
  <c r="H2646" i="2" s="1"/>
  <c r="H2641" i="2" a="1"/>
  <c r="H2641" i="2" s="1"/>
  <c r="H2626" i="2" a="1"/>
  <c r="H2626" i="2" s="1"/>
  <c r="H2635" i="2" a="1"/>
  <c r="H2635" i="2" s="1"/>
  <c r="H2633" i="2" a="1"/>
  <c r="H2633" i="2" s="1"/>
  <c r="H2643" i="2" a="1"/>
  <c r="H2643" i="2" s="1"/>
  <c r="H2630" i="2" a="1"/>
  <c r="H2630" i="2" s="1"/>
  <c r="H2631" i="2" a="1"/>
  <c r="H2631" i="2" s="1"/>
  <c r="H2648" i="2" a="1"/>
  <c r="H2648" i="2" s="1"/>
  <c r="H2629" i="2" a="1"/>
  <c r="H2629" i="2" s="1"/>
  <c r="H2639" i="2" a="1"/>
  <c r="H2639" i="2" s="1"/>
  <c r="H2634" i="2" a="1"/>
  <c r="H2634" i="2" s="1"/>
  <c r="H2645" i="2" a="1"/>
  <c r="H2645" i="2" s="1"/>
  <c r="H2647" i="2" a="1"/>
  <c r="H2647" i="2" s="1"/>
  <c r="H2632" i="2" a="1"/>
  <c r="H2632" i="2" s="1"/>
  <c r="H2638" i="2" a="1"/>
  <c r="H2638" i="2" s="1"/>
  <c r="H2636" i="2" a="1"/>
  <c r="H2636" i="2" s="1"/>
  <c r="H2628" i="2" a="1"/>
  <c r="H2628" i="2" s="1"/>
  <c r="F5528" i="2" a="1"/>
  <c r="F5528" i="2" s="1"/>
  <c r="F5527" i="2" a="1"/>
  <c r="F5527" i="2" s="1"/>
  <c r="F5523" i="2" a="1"/>
  <c r="F5523" i="2" s="1"/>
  <c r="F5519" i="2" a="1"/>
  <c r="F5519" i="2" s="1"/>
  <c r="F5509" i="2" a="1"/>
  <c r="F5509" i="2" s="1"/>
  <c r="F5521" i="2" a="1"/>
  <c r="F5521" i="2" s="1"/>
  <c r="F5515" i="2" a="1"/>
  <c r="F5515" i="2" s="1"/>
  <c r="F5529" i="2" a="1"/>
  <c r="F5529" i="2" s="1"/>
  <c r="F5506" i="2" a="1"/>
  <c r="F5506" i="2" s="1"/>
  <c r="F5511" i="2" a="1"/>
  <c r="F5511" i="2" s="1"/>
  <c r="F5512" i="2" a="1"/>
  <c r="F5512" i="2" s="1"/>
  <c r="F5520" i="2" a="1"/>
  <c r="F5520" i="2" s="1"/>
  <c r="F5514" i="2" a="1"/>
  <c r="F5514" i="2" s="1"/>
  <c r="F5524" i="2" a="1"/>
  <c r="F5524" i="2" s="1"/>
  <c r="F5517" i="2" a="1"/>
  <c r="F5517" i="2" s="1"/>
  <c r="F5507" i="2" a="1"/>
  <c r="F5507" i="2" s="1"/>
  <c r="F5513" i="2" a="1"/>
  <c r="F5513" i="2" s="1"/>
  <c r="F5526" i="2" a="1"/>
  <c r="F5526" i="2" s="1"/>
  <c r="F5522" i="2" a="1"/>
  <c r="F5522" i="2" s="1"/>
  <c r="F5525" i="2" a="1"/>
  <c r="F5525" i="2" s="1"/>
  <c r="F5510" i="2" a="1"/>
  <c r="F5510" i="2" s="1"/>
  <c r="F5518" i="2" a="1"/>
  <c r="F5518" i="2" s="1"/>
  <c r="F5508" i="2" a="1"/>
  <c r="F5508" i="2" s="1"/>
  <c r="F5516" i="2" a="1"/>
  <c r="F5516" i="2" s="1"/>
  <c r="F1833" i="2" a="1"/>
  <c r="F1833" i="2" s="1"/>
  <c r="F1831" i="2" a="1"/>
  <c r="F1831" i="2" s="1"/>
  <c r="F1813" i="2" a="1"/>
  <c r="F1813" i="2" s="1"/>
  <c r="F1810" i="2" a="1"/>
  <c r="F1810" i="2" s="1"/>
  <c r="F1822" i="2" a="1"/>
  <c r="F1822" i="2" s="1"/>
  <c r="F1815" i="2" a="1"/>
  <c r="F1815" i="2" s="1"/>
  <c r="F1817" i="2" a="1"/>
  <c r="F1817" i="2" s="1"/>
  <c r="F1811" i="2" a="1"/>
  <c r="F1811" i="2" s="1"/>
  <c r="F1820" i="2" a="1"/>
  <c r="F1820" i="2" s="1"/>
  <c r="F1828" i="2" a="1"/>
  <c r="F1828" i="2" s="1"/>
  <c r="F1824" i="2" a="1"/>
  <c r="F1824" i="2" s="1"/>
  <c r="F1832" i="2" a="1"/>
  <c r="F1832" i="2" s="1"/>
  <c r="F1825" i="2" a="1"/>
  <c r="F1825" i="2" s="1"/>
  <c r="F1818" i="2" a="1"/>
  <c r="F1818" i="2" s="1"/>
  <c r="F1826" i="2" a="1"/>
  <c r="F1826" i="2" s="1"/>
  <c r="F1812" i="2" a="1"/>
  <c r="F1812" i="2" s="1"/>
  <c r="F1814" i="2" a="1"/>
  <c r="F1814" i="2" s="1"/>
  <c r="F1816" i="2" a="1"/>
  <c r="F1816" i="2" s="1"/>
  <c r="F1819" i="2" a="1"/>
  <c r="F1819" i="2" s="1"/>
  <c r="F1830" i="2" a="1"/>
  <c r="F1830" i="2" s="1"/>
  <c r="F1827" i="2" a="1"/>
  <c r="F1827" i="2" s="1"/>
  <c r="F1829" i="2" a="1"/>
  <c r="F1829" i="2" s="1"/>
  <c r="F1823" i="2" a="1"/>
  <c r="F1823" i="2" s="1"/>
  <c r="F1821" i="2" a="1"/>
  <c r="F1821" i="2" s="1"/>
  <c r="AQ128" i="1"/>
  <c r="G134" i="5" s="1"/>
  <c r="AP128" i="1"/>
  <c r="F134" i="5" s="1"/>
  <c r="AN128" i="1"/>
  <c r="D134" i="5" s="1"/>
  <c r="AO128" i="1"/>
  <c r="E134" i="5" s="1"/>
  <c r="AM128" i="1"/>
  <c r="D3059" i="2" a="1"/>
  <c r="D3059" i="2" s="1"/>
  <c r="D3060" i="2" a="1"/>
  <c r="D3060" i="2" s="1"/>
  <c r="D3067" i="2" a="1"/>
  <c r="D3067" i="2" s="1"/>
  <c r="D3062" i="2" a="1"/>
  <c r="D3062" i="2" s="1"/>
  <c r="D3077" i="2" a="1"/>
  <c r="D3077" i="2" s="1"/>
  <c r="D3080" i="2" a="1"/>
  <c r="D3080" i="2" s="1"/>
  <c r="D3070" i="2" a="1"/>
  <c r="D3070" i="2" s="1"/>
  <c r="D3058" i="2" a="1"/>
  <c r="D3058" i="2" s="1"/>
  <c r="D3073" i="2" a="1"/>
  <c r="D3073" i="2" s="1"/>
  <c r="D3066" i="2" a="1"/>
  <c r="D3066" i="2" s="1"/>
  <c r="D3068" i="2" a="1"/>
  <c r="D3068" i="2" s="1"/>
  <c r="D3075" i="2" a="1"/>
  <c r="D3075" i="2" s="1"/>
  <c r="D3061" i="2" a="1"/>
  <c r="D3061" i="2" s="1"/>
  <c r="D3065" i="2" a="1"/>
  <c r="D3065" i="2" s="1"/>
  <c r="D3069" i="2" a="1"/>
  <c r="D3069" i="2" s="1"/>
  <c r="D3076" i="2" a="1"/>
  <c r="D3076" i="2" s="1"/>
  <c r="D3079" i="2" a="1"/>
  <c r="D3079" i="2" s="1"/>
  <c r="D3064" i="2" a="1"/>
  <c r="D3064" i="2" s="1"/>
  <c r="D3072" i="2" a="1"/>
  <c r="D3072" i="2" s="1"/>
  <c r="D3074" i="2" a="1"/>
  <c r="D3074" i="2" s="1"/>
  <c r="D3078" i="2" a="1"/>
  <c r="D3078" i="2" s="1"/>
  <c r="D3081" i="2" a="1"/>
  <c r="D3081" i="2" s="1"/>
  <c r="D3063" i="2" a="1"/>
  <c r="D3063" i="2" s="1"/>
  <c r="D3071" i="2" a="1"/>
  <c r="D3071" i="2" s="1"/>
  <c r="AP17" i="1"/>
  <c r="F23" i="5" s="1"/>
  <c r="AN17" i="1"/>
  <c r="D23" i="5" s="1"/>
  <c r="AQ17" i="1"/>
  <c r="G23" i="5" s="1"/>
  <c r="AO17" i="1"/>
  <c r="E23" i="5" s="1"/>
  <c r="AM17" i="1"/>
  <c r="D401" i="2" a="1"/>
  <c r="D401" i="2" s="1"/>
  <c r="D412" i="2" a="1"/>
  <c r="D412" i="2" s="1"/>
  <c r="D407" i="2" a="1"/>
  <c r="D407" i="2" s="1"/>
  <c r="D415" i="2" a="1"/>
  <c r="D415" i="2" s="1"/>
  <c r="D394" i="2" a="1"/>
  <c r="D394" i="2" s="1"/>
  <c r="D406" i="2" a="1"/>
  <c r="D406" i="2" s="1"/>
  <c r="D399" i="2" a="1"/>
  <c r="D399" i="2" s="1"/>
  <c r="D400" i="2" a="1"/>
  <c r="D400" i="2" s="1"/>
  <c r="D402" i="2" a="1"/>
  <c r="D402" i="2" s="1"/>
  <c r="D410" i="2" a="1"/>
  <c r="D410" i="2" s="1"/>
  <c r="D414" i="2" a="1"/>
  <c r="D414" i="2" s="1"/>
  <c r="D417" i="2" a="1"/>
  <c r="D417" i="2" s="1"/>
  <c r="D398" i="2" a="1"/>
  <c r="D398" i="2" s="1"/>
  <c r="D404" i="2" a="1"/>
  <c r="D404" i="2" s="1"/>
  <c r="D408" i="2" a="1"/>
  <c r="D408" i="2" s="1"/>
  <c r="D416" i="2" a="1"/>
  <c r="D416" i="2" s="1"/>
  <c r="D395" i="2" a="1"/>
  <c r="D395" i="2" s="1"/>
  <c r="D397" i="2" a="1"/>
  <c r="D397" i="2" s="1"/>
  <c r="D403" i="2" a="1"/>
  <c r="D403" i="2" s="1"/>
  <c r="D409" i="2" a="1"/>
  <c r="D409" i="2" s="1"/>
  <c r="D411" i="2" a="1"/>
  <c r="D411" i="2" s="1"/>
  <c r="D396" i="2" a="1"/>
  <c r="D396" i="2" s="1"/>
  <c r="D413" i="2" a="1"/>
  <c r="D413" i="2" s="1"/>
  <c r="D405" i="2" a="1"/>
  <c r="D405" i="2" s="1"/>
  <c r="G4091" i="2" a="1"/>
  <c r="G4091" i="2" s="1"/>
  <c r="G4099" i="2" a="1"/>
  <c r="G4099" i="2" s="1"/>
  <c r="G4113" i="2" a="1"/>
  <c r="G4113" i="2" s="1"/>
  <c r="G4100" i="2" a="1"/>
  <c r="G4100" i="2" s="1"/>
  <c r="G4105" i="2" a="1"/>
  <c r="G4105" i="2" s="1"/>
  <c r="G4101" i="2" a="1"/>
  <c r="G4101" i="2" s="1"/>
  <c r="G4092" i="2" a="1"/>
  <c r="G4092" i="2" s="1"/>
  <c r="G4094" i="2" a="1"/>
  <c r="G4094" i="2" s="1"/>
  <c r="G4106" i="2" a="1"/>
  <c r="G4106" i="2" s="1"/>
  <c r="G4095" i="2" a="1"/>
  <c r="G4095" i="2" s="1"/>
  <c r="G4107" i="2" a="1"/>
  <c r="G4107" i="2" s="1"/>
  <c r="G4098" i="2" a="1"/>
  <c r="G4098" i="2" s="1"/>
  <c r="G4112" i="2" a="1"/>
  <c r="G4112" i="2" s="1"/>
  <c r="G4097" i="2" a="1"/>
  <c r="G4097" i="2" s="1"/>
  <c r="G4090" i="2" a="1"/>
  <c r="G4090" i="2" s="1"/>
  <c r="G4103" i="2" a="1"/>
  <c r="G4103" i="2" s="1"/>
  <c r="G4111" i="2" a="1"/>
  <c r="G4111" i="2" s="1"/>
  <c r="G4109" i="2" a="1"/>
  <c r="G4109" i="2" s="1"/>
  <c r="G4104" i="2" a="1"/>
  <c r="G4104" i="2" s="1"/>
  <c r="G4110" i="2" a="1"/>
  <c r="G4110" i="2" s="1"/>
  <c r="G4096" i="2" a="1"/>
  <c r="G4096" i="2" s="1"/>
  <c r="G4102" i="2" a="1"/>
  <c r="G4102" i="2" s="1"/>
  <c r="G4108" i="2" a="1"/>
  <c r="G4108" i="2" s="1"/>
  <c r="G4093" i="2" a="1"/>
  <c r="G4093" i="2" s="1"/>
  <c r="H8611" i="2" a="1"/>
  <c r="H8611" i="2" s="1"/>
  <c r="H8618" i="2" a="1"/>
  <c r="H8618" i="2" s="1"/>
  <c r="H8620" i="2" a="1"/>
  <c r="H8620" i="2" s="1"/>
  <c r="H8616" i="2" a="1"/>
  <c r="H8616" i="2" s="1"/>
  <c r="H8604" i="2" a="1"/>
  <c r="H8604" i="2" s="1"/>
  <c r="H8608" i="2" a="1"/>
  <c r="H8608" i="2" s="1"/>
  <c r="H8617" i="2" a="1"/>
  <c r="H8617" i="2" s="1"/>
  <c r="H8622" i="2" a="1"/>
  <c r="H8622" i="2" s="1"/>
  <c r="H8614" i="2" a="1"/>
  <c r="H8614" i="2" s="1"/>
  <c r="H8607" i="2" a="1"/>
  <c r="H8607" i="2" s="1"/>
  <c r="H8606" i="2" a="1"/>
  <c r="H8606" i="2" s="1"/>
  <c r="H8612" i="2" a="1"/>
  <c r="H8612" i="2" s="1"/>
  <c r="H8624" i="2" a="1"/>
  <c r="H8624" i="2" s="1"/>
  <c r="H8619" i="2" a="1"/>
  <c r="H8619" i="2" s="1"/>
  <c r="H8609" i="2" a="1"/>
  <c r="H8609" i="2" s="1"/>
  <c r="H8610" i="2" a="1"/>
  <c r="H8610" i="2" s="1"/>
  <c r="H8613" i="2" a="1"/>
  <c r="H8613" i="2" s="1"/>
  <c r="H8603" i="2" a="1"/>
  <c r="H8603" i="2" s="1"/>
  <c r="H8605" i="2" a="1"/>
  <c r="H8605" i="2" s="1"/>
  <c r="H8623" i="2" a="1"/>
  <c r="H8623" i="2" s="1"/>
  <c r="H8615" i="2" a="1"/>
  <c r="H8615" i="2" s="1"/>
  <c r="H8625" i="2" a="1"/>
  <c r="H8625" i="2" s="1"/>
  <c r="H8621" i="2" a="1"/>
  <c r="H8621" i="2" s="1"/>
  <c r="H8602" i="2" a="1"/>
  <c r="H8602" i="2" s="1"/>
  <c r="AN83" i="1"/>
  <c r="D89" i="5" s="1"/>
  <c r="AP83" i="1"/>
  <c r="F89" i="5" s="1"/>
  <c r="AO83" i="1"/>
  <c r="E89" i="5" s="1"/>
  <c r="AQ83" i="1"/>
  <c r="G89" i="5" s="1"/>
  <c r="AM83" i="1"/>
  <c r="D1983" i="2" a="1"/>
  <c r="D1983" i="2" s="1"/>
  <c r="D1987" i="2" a="1"/>
  <c r="D1987" i="2" s="1"/>
  <c r="D1991" i="2" a="1"/>
  <c r="D1991" i="2" s="1"/>
  <c r="D1995" i="2" a="1"/>
  <c r="D1995" i="2" s="1"/>
  <c r="D1980" i="2" a="1"/>
  <c r="D1980" i="2" s="1"/>
  <c r="D2000" i="2" a="1"/>
  <c r="D2000" i="2" s="1"/>
  <c r="D1979" i="2" a="1"/>
  <c r="D1979" i="2" s="1"/>
  <c r="D1999" i="2" a="1"/>
  <c r="D1999" i="2" s="1"/>
  <c r="D1978" i="2" a="1"/>
  <c r="D1978" i="2" s="1"/>
  <c r="D1982" i="2" a="1"/>
  <c r="D1982" i="2" s="1"/>
  <c r="D1986" i="2" a="1"/>
  <c r="D1986" i="2" s="1"/>
  <c r="D1990" i="2" a="1"/>
  <c r="D1990" i="2" s="1"/>
  <c r="D1998" i="2" a="1"/>
  <c r="D1998" i="2" s="1"/>
  <c r="D1994" i="2" a="1"/>
  <c r="D1994" i="2" s="1"/>
  <c r="D1989" i="2" a="1"/>
  <c r="D1989" i="2" s="1"/>
  <c r="D2001" i="2" a="1"/>
  <c r="D2001" i="2" s="1"/>
  <c r="D1984" i="2" a="1"/>
  <c r="D1984" i="2" s="1"/>
  <c r="D1988" i="2" a="1"/>
  <c r="D1988" i="2" s="1"/>
  <c r="D1992" i="2" a="1"/>
  <c r="D1992" i="2" s="1"/>
  <c r="D1996" i="2" a="1"/>
  <c r="D1996" i="2" s="1"/>
  <c r="D1981" i="2" a="1"/>
  <c r="D1981" i="2" s="1"/>
  <c r="D1985" i="2" a="1"/>
  <c r="D1985" i="2" s="1"/>
  <c r="D1997" i="2" a="1"/>
  <c r="D1997" i="2" s="1"/>
  <c r="D1993" i="2" a="1"/>
  <c r="D1993" i="2" s="1"/>
  <c r="G2260" i="2" a="1"/>
  <c r="G2260" i="2" s="1"/>
  <c r="G2254" i="2" a="1"/>
  <c r="G2254" i="2" s="1"/>
  <c r="G2261" i="2" a="1"/>
  <c r="G2261" i="2" s="1"/>
  <c r="G2243" i="2" a="1"/>
  <c r="G2243" i="2" s="1"/>
  <c r="G2255" i="2" a="1"/>
  <c r="G2255" i="2" s="1"/>
  <c r="G2248" i="2" a="1"/>
  <c r="G2248" i="2" s="1"/>
  <c r="G2262" i="2" a="1"/>
  <c r="G2262" i="2" s="1"/>
  <c r="G2253" i="2" a="1"/>
  <c r="G2253" i="2" s="1"/>
  <c r="G2249" i="2" a="1"/>
  <c r="G2249" i="2" s="1"/>
  <c r="G2263" i="2" a="1"/>
  <c r="G2263" i="2" s="1"/>
  <c r="G2250" i="2" a="1"/>
  <c r="G2250" i="2" s="1"/>
  <c r="G2264" i="2" a="1"/>
  <c r="G2264" i="2" s="1"/>
  <c r="G2251" i="2" a="1"/>
  <c r="G2251" i="2" s="1"/>
  <c r="G2256" i="2" a="1"/>
  <c r="G2256" i="2" s="1"/>
  <c r="G2245" i="2" a="1"/>
  <c r="G2245" i="2" s="1"/>
  <c r="G2265" i="2" a="1"/>
  <c r="G2265" i="2" s="1"/>
  <c r="G2244" i="2" a="1"/>
  <c r="G2244" i="2" s="1"/>
  <c r="G2257" i="2" a="1"/>
  <c r="G2257" i="2" s="1"/>
  <c r="G2246" i="2" a="1"/>
  <c r="G2246" i="2" s="1"/>
  <c r="G2242" i="2" a="1"/>
  <c r="G2242" i="2" s="1"/>
  <c r="G2252" i="2" a="1"/>
  <c r="G2252" i="2" s="1"/>
  <c r="G2259" i="2" a="1"/>
  <c r="G2259" i="2" s="1"/>
  <c r="G2258" i="2" a="1"/>
  <c r="G2258" i="2" s="1"/>
  <c r="G2247" i="2" a="1"/>
  <c r="G2247" i="2" s="1"/>
  <c r="H2951" i="2" a="1"/>
  <c r="H2951" i="2" s="1"/>
  <c r="H2945" i="2" a="1"/>
  <c r="H2945" i="2" s="1"/>
  <c r="H2946" i="2" a="1"/>
  <c r="H2946" i="2" s="1"/>
  <c r="H2961" i="2" a="1"/>
  <c r="H2961" i="2" s="1"/>
  <c r="H2956" i="2" a="1"/>
  <c r="H2956" i="2" s="1"/>
  <c r="H2954" i="2" a="1"/>
  <c r="H2954" i="2" s="1"/>
  <c r="H2949" i="2" a="1"/>
  <c r="H2949" i="2" s="1"/>
  <c r="H2942" i="2" a="1"/>
  <c r="H2942" i="2" s="1"/>
  <c r="H2944" i="2" a="1"/>
  <c r="H2944" i="2" s="1"/>
  <c r="H2950" i="2" a="1"/>
  <c r="H2950" i="2" s="1"/>
  <c r="H2959" i="2" a="1"/>
  <c r="H2959" i="2" s="1"/>
  <c r="H2947" i="2" a="1"/>
  <c r="H2947" i="2" s="1"/>
  <c r="H2957" i="2" a="1"/>
  <c r="H2957" i="2" s="1"/>
  <c r="H2948" i="2" a="1"/>
  <c r="H2948" i="2" s="1"/>
  <c r="H2940" i="2" a="1"/>
  <c r="H2940" i="2" s="1"/>
  <c r="H2952" i="2" a="1"/>
  <c r="H2952" i="2" s="1"/>
  <c r="H2958" i="2" a="1"/>
  <c r="H2958" i="2" s="1"/>
  <c r="H2943" i="2" a="1"/>
  <c r="H2943" i="2" s="1"/>
  <c r="H2953" i="2" a="1"/>
  <c r="H2953" i="2" s="1"/>
  <c r="H2941" i="2" a="1"/>
  <c r="H2941" i="2" s="1"/>
  <c r="H2960" i="2" a="1"/>
  <c r="H2960" i="2" s="1"/>
  <c r="H2938" i="2" a="1"/>
  <c r="H2938" i="2" s="1"/>
  <c r="H2955" i="2" a="1"/>
  <c r="H2955" i="2" s="1"/>
  <c r="H2939" i="2" a="1"/>
  <c r="H2939" i="2" s="1"/>
  <c r="H8676" i="2" a="1"/>
  <c r="H8676" i="2" s="1"/>
  <c r="H8695" i="2" a="1"/>
  <c r="H8695" i="2" s="1"/>
  <c r="H8685" i="2" a="1"/>
  <c r="H8685" i="2" s="1"/>
  <c r="H8677" i="2" a="1"/>
  <c r="H8677" i="2" s="1"/>
  <c r="H8675" i="2" a="1"/>
  <c r="H8675" i="2" s="1"/>
  <c r="H8696" i="2" a="1"/>
  <c r="H8696" i="2" s="1"/>
  <c r="H8684" i="2" a="1"/>
  <c r="H8684" i="2" s="1"/>
  <c r="H8697" i="2" a="1"/>
  <c r="H8697" i="2" s="1"/>
  <c r="H8678" i="2" a="1"/>
  <c r="H8678" i="2" s="1"/>
  <c r="H8687" i="2" a="1"/>
  <c r="H8687" i="2" s="1"/>
  <c r="H8679" i="2" a="1"/>
  <c r="H8679" i="2" s="1"/>
  <c r="H8688" i="2" a="1"/>
  <c r="H8688" i="2" s="1"/>
  <c r="H8681" i="2" a="1"/>
  <c r="H8681" i="2" s="1"/>
  <c r="H8690" i="2" a="1"/>
  <c r="H8690" i="2" s="1"/>
  <c r="H8682" i="2" a="1"/>
  <c r="H8682" i="2" s="1"/>
  <c r="H8693" i="2" a="1"/>
  <c r="H8693" i="2" s="1"/>
  <c r="H8680" i="2" a="1"/>
  <c r="H8680" i="2" s="1"/>
  <c r="H8674" i="2" a="1"/>
  <c r="H8674" i="2" s="1"/>
  <c r="H8694" i="2" a="1"/>
  <c r="H8694" i="2" s="1"/>
  <c r="H8683" i="2" a="1"/>
  <c r="H8683" i="2" s="1"/>
  <c r="H8686" i="2" a="1"/>
  <c r="H8686" i="2" s="1"/>
  <c r="H8691" i="2" a="1"/>
  <c r="H8691" i="2" s="1"/>
  <c r="H8692" i="2" a="1"/>
  <c r="H8692" i="2" s="1"/>
  <c r="H8689" i="2" a="1"/>
  <c r="H8689" i="2" s="1"/>
  <c r="G5766" i="2" a="1"/>
  <c r="G5766" i="2" s="1"/>
  <c r="G5754" i="2" a="1"/>
  <c r="G5754" i="2" s="1"/>
  <c r="G5767" i="2" a="1"/>
  <c r="G5767" i="2" s="1"/>
  <c r="G5755" i="2" a="1"/>
  <c r="G5755" i="2" s="1"/>
  <c r="G5750" i="2" a="1"/>
  <c r="G5750" i="2" s="1"/>
  <c r="G5764" i="2" a="1"/>
  <c r="G5764" i="2" s="1"/>
  <c r="G5762" i="2" a="1"/>
  <c r="G5762" i="2" s="1"/>
  <c r="G5768" i="2" a="1"/>
  <c r="G5768" i="2" s="1"/>
  <c r="G5748" i="2" a="1"/>
  <c r="G5748" i="2" s="1"/>
  <c r="G5753" i="2" a="1"/>
  <c r="G5753" i="2" s="1"/>
  <c r="G5747" i="2" a="1"/>
  <c r="G5747" i="2" s="1"/>
  <c r="G5765" i="2" a="1"/>
  <c r="G5765" i="2" s="1"/>
  <c r="G5746" i="2" a="1"/>
  <c r="G5746" i="2" s="1"/>
  <c r="G5751" i="2" a="1"/>
  <c r="G5751" i="2" s="1"/>
  <c r="G5759" i="2" a="1"/>
  <c r="G5759" i="2" s="1"/>
  <c r="G5757" i="2" a="1"/>
  <c r="G5757" i="2" s="1"/>
  <c r="G5763" i="2" a="1"/>
  <c r="G5763" i="2" s="1"/>
  <c r="G5756" i="2" a="1"/>
  <c r="G5756" i="2" s="1"/>
  <c r="G5752" i="2" a="1"/>
  <c r="G5752" i="2" s="1"/>
  <c r="G5758" i="2" a="1"/>
  <c r="G5758" i="2" s="1"/>
  <c r="G5769" i="2" a="1"/>
  <c r="G5769" i="2" s="1"/>
  <c r="G5760" i="2" a="1"/>
  <c r="G5760" i="2" s="1"/>
  <c r="G5749" i="2" a="1"/>
  <c r="G5749" i="2" s="1"/>
  <c r="G5761" i="2" a="1"/>
  <c r="G5761" i="2" s="1"/>
  <c r="F2645" i="2" a="1"/>
  <c r="F2645" i="2" s="1"/>
  <c r="F2633" i="2" a="1"/>
  <c r="F2633" i="2" s="1"/>
  <c r="F2641" i="2" a="1"/>
  <c r="F2641" i="2" s="1"/>
  <c r="F2628" i="2" a="1"/>
  <c r="F2628" i="2" s="1"/>
  <c r="F2649" i="2" a="1"/>
  <c r="F2649" i="2" s="1"/>
  <c r="F2646" i="2" a="1"/>
  <c r="F2646" i="2" s="1"/>
  <c r="F2629" i="2" a="1"/>
  <c r="F2629" i="2" s="1"/>
  <c r="F2637" i="2" a="1"/>
  <c r="F2637" i="2" s="1"/>
  <c r="F2627" i="2" a="1"/>
  <c r="F2627" i="2" s="1"/>
  <c r="F2647" i="2" a="1"/>
  <c r="F2647" i="2" s="1"/>
  <c r="F2642" i="2" a="1"/>
  <c r="F2642" i="2" s="1"/>
  <c r="F2639" i="2" a="1"/>
  <c r="F2639" i="2" s="1"/>
  <c r="F2648" i="2" a="1"/>
  <c r="F2648" i="2" s="1"/>
  <c r="F2643" i="2" a="1"/>
  <c r="F2643" i="2" s="1"/>
  <c r="F2635" i="2" a="1"/>
  <c r="F2635" i="2" s="1"/>
  <c r="F2644" i="2" a="1"/>
  <c r="F2644" i="2" s="1"/>
  <c r="F2631" i="2" a="1"/>
  <c r="F2631" i="2" s="1"/>
  <c r="F2638" i="2" a="1"/>
  <c r="F2638" i="2" s="1"/>
  <c r="F2630" i="2" a="1"/>
  <c r="F2630" i="2" s="1"/>
  <c r="F2626" i="2" a="1"/>
  <c r="F2626" i="2" s="1"/>
  <c r="F2634" i="2" a="1"/>
  <c r="F2634" i="2" s="1"/>
  <c r="F2636" i="2" a="1"/>
  <c r="F2636" i="2" s="1"/>
  <c r="F2640" i="2" a="1"/>
  <c r="F2640" i="2" s="1"/>
  <c r="F2632" i="2" a="1"/>
  <c r="F2632" i="2" s="1"/>
  <c r="E3404" i="2" a="1"/>
  <c r="E3404" i="2" s="1"/>
  <c r="E3394" i="2" a="1"/>
  <c r="E3394" i="2" s="1"/>
  <c r="E3417" i="2" a="1"/>
  <c r="E3417" i="2" s="1"/>
  <c r="E3405" i="2" a="1"/>
  <c r="E3405" i="2" s="1"/>
  <c r="E3409" i="2" a="1"/>
  <c r="E3409" i="2" s="1"/>
  <c r="E3410" i="2" a="1"/>
  <c r="E3410" i="2" s="1"/>
  <c r="E3397" i="2" a="1"/>
  <c r="E3397" i="2" s="1"/>
  <c r="E3399" i="2" a="1"/>
  <c r="E3399" i="2" s="1"/>
  <c r="E3411" i="2" a="1"/>
  <c r="E3411" i="2" s="1"/>
  <c r="E3413" i="2" a="1"/>
  <c r="E3413" i="2" s="1"/>
  <c r="E3412" i="2" a="1"/>
  <c r="E3412" i="2" s="1"/>
  <c r="E3403" i="2" a="1"/>
  <c r="E3403" i="2" s="1"/>
  <c r="E3400" i="2" a="1"/>
  <c r="E3400" i="2" s="1"/>
  <c r="E3414" i="2" a="1"/>
  <c r="E3414" i="2" s="1"/>
  <c r="E3408" i="2" a="1"/>
  <c r="E3408" i="2" s="1"/>
  <c r="E3407" i="2" a="1"/>
  <c r="E3407" i="2" s="1"/>
  <c r="E3402" i="2" a="1"/>
  <c r="E3402" i="2" s="1"/>
  <c r="E3416" i="2" a="1"/>
  <c r="E3416" i="2" s="1"/>
  <c r="E3398" i="2" a="1"/>
  <c r="E3398" i="2" s="1"/>
  <c r="E3415" i="2" a="1"/>
  <c r="E3415" i="2" s="1"/>
  <c r="E3401" i="2" a="1"/>
  <c r="E3401" i="2" s="1"/>
  <c r="E3406" i="2" a="1"/>
  <c r="E3406" i="2" s="1"/>
  <c r="E3395" i="2" a="1"/>
  <c r="E3395" i="2" s="1"/>
  <c r="E3396" i="2" a="1"/>
  <c r="E3396" i="2" s="1"/>
  <c r="F7473" i="2" a="1"/>
  <c r="F7473" i="2" s="1"/>
  <c r="F7460" i="2" a="1"/>
  <c r="F7460" i="2" s="1"/>
  <c r="F7467" i="2" a="1"/>
  <c r="F7467" i="2" s="1"/>
  <c r="F7454" i="2" a="1"/>
  <c r="F7454" i="2" s="1"/>
  <c r="F7464" i="2" a="1"/>
  <c r="F7464" i="2" s="1"/>
  <c r="F7472" i="2" a="1"/>
  <c r="F7472" i="2" s="1"/>
  <c r="F7462" i="2" a="1"/>
  <c r="F7462" i="2" s="1"/>
  <c r="F7461" i="2" a="1"/>
  <c r="F7461" i="2" s="1"/>
  <c r="F7455" i="2" a="1"/>
  <c r="F7455" i="2" s="1"/>
  <c r="F7453" i="2" a="1"/>
  <c r="F7453" i="2" s="1"/>
  <c r="F7457" i="2" a="1"/>
  <c r="F7457" i="2" s="1"/>
  <c r="F7458" i="2" a="1"/>
  <c r="F7458" i="2" s="1"/>
  <c r="F7463" i="2" a="1"/>
  <c r="F7463" i="2" s="1"/>
  <c r="F7466" i="2" a="1"/>
  <c r="F7466" i="2" s="1"/>
  <c r="F7471" i="2" a="1"/>
  <c r="F7471" i="2" s="1"/>
  <c r="F7468" i="2" a="1"/>
  <c r="F7468" i="2" s="1"/>
  <c r="F7459" i="2" a="1"/>
  <c r="F7459" i="2" s="1"/>
  <c r="F7451" i="2" a="1"/>
  <c r="F7451" i="2" s="1"/>
  <c r="F7469" i="2" a="1"/>
  <c r="F7469" i="2" s="1"/>
  <c r="F7450" i="2" a="1"/>
  <c r="F7450" i="2" s="1"/>
  <c r="F7465" i="2" a="1"/>
  <c r="F7465" i="2" s="1"/>
  <c r="F7470" i="2" a="1"/>
  <c r="F7470" i="2" s="1"/>
  <c r="F7456" i="2" a="1"/>
  <c r="F7456" i="2" s="1"/>
  <c r="F7452" i="2" a="1"/>
  <c r="F7452" i="2" s="1"/>
  <c r="F626" i="2" a="1"/>
  <c r="F626" i="2" s="1"/>
  <c r="F617" i="2" a="1"/>
  <c r="F617" i="2" s="1"/>
  <c r="F615" i="2" a="1"/>
  <c r="F615" i="2" s="1"/>
  <c r="F622" i="2" a="1"/>
  <c r="F622" i="2" s="1"/>
  <c r="F629" i="2" a="1"/>
  <c r="F629" i="2" s="1"/>
  <c r="F625" i="2" a="1"/>
  <c r="F625" i="2" s="1"/>
  <c r="F628" i="2" a="1"/>
  <c r="F628" i="2" s="1"/>
  <c r="F619" i="2" a="1"/>
  <c r="F619" i="2" s="1"/>
  <c r="F633" i="2" a="1"/>
  <c r="F633" i="2" s="1"/>
  <c r="F612" i="2" a="1"/>
  <c r="F612" i="2" s="1"/>
  <c r="F624" i="2" a="1"/>
  <c r="F624" i="2" s="1"/>
  <c r="F630" i="2" a="1"/>
  <c r="F630" i="2" s="1"/>
  <c r="F611" i="2" a="1"/>
  <c r="F611" i="2" s="1"/>
  <c r="F621" i="2" a="1"/>
  <c r="F621" i="2" s="1"/>
  <c r="F631" i="2" a="1"/>
  <c r="F631" i="2" s="1"/>
  <c r="F627" i="2" a="1"/>
  <c r="F627" i="2" s="1"/>
  <c r="F623" i="2" a="1"/>
  <c r="F623" i="2" s="1"/>
  <c r="F610" i="2" a="1"/>
  <c r="F610" i="2" s="1"/>
  <c r="F632" i="2" a="1"/>
  <c r="F632" i="2" s="1"/>
  <c r="F620" i="2" a="1"/>
  <c r="F620" i="2" s="1"/>
  <c r="F613" i="2" a="1"/>
  <c r="F613" i="2" s="1"/>
  <c r="F616" i="2" a="1"/>
  <c r="F616" i="2" s="1"/>
  <c r="F618" i="2" a="1"/>
  <c r="F618" i="2" s="1"/>
  <c r="F614" i="2" a="1"/>
  <c r="F614" i="2" s="1"/>
  <c r="E5614" i="2" a="1"/>
  <c r="E5614" i="2" s="1"/>
  <c r="E5605" i="2" a="1"/>
  <c r="E5605" i="2" s="1"/>
  <c r="E5622" i="2" a="1"/>
  <c r="E5622" i="2" s="1"/>
  <c r="E5615" i="2" a="1"/>
  <c r="E5615" i="2" s="1"/>
  <c r="E5616" i="2" a="1"/>
  <c r="E5616" i="2" s="1"/>
  <c r="E5623" i="2" a="1"/>
  <c r="E5623" i="2" s="1"/>
  <c r="E5609" i="2" a="1"/>
  <c r="E5609" i="2" s="1"/>
  <c r="E5620" i="2" a="1"/>
  <c r="E5620" i="2" s="1"/>
  <c r="E5607" i="2" a="1"/>
  <c r="E5607" i="2" s="1"/>
  <c r="E5617" i="2" a="1"/>
  <c r="E5617" i="2" s="1"/>
  <c r="E5621" i="2" a="1"/>
  <c r="E5621" i="2" s="1"/>
  <c r="E5606" i="2" a="1"/>
  <c r="E5606" i="2" s="1"/>
  <c r="E5613" i="2" a="1"/>
  <c r="E5613" i="2" s="1"/>
  <c r="E5603" i="2" a="1"/>
  <c r="E5603" i="2" s="1"/>
  <c r="E5625" i="2" a="1"/>
  <c r="E5625" i="2" s="1"/>
  <c r="E5604" i="2" a="1"/>
  <c r="E5604" i="2" s="1"/>
  <c r="E5610" i="2" a="1"/>
  <c r="E5610" i="2" s="1"/>
  <c r="E5608" i="2" a="1"/>
  <c r="E5608" i="2" s="1"/>
  <c r="E5611" i="2" a="1"/>
  <c r="E5611" i="2" s="1"/>
  <c r="E5619" i="2" a="1"/>
  <c r="E5619" i="2" s="1"/>
  <c r="E5624" i="2" a="1"/>
  <c r="E5624" i="2" s="1"/>
  <c r="E5612" i="2" a="1"/>
  <c r="E5612" i="2" s="1"/>
  <c r="E5618" i="2" a="1"/>
  <c r="E5618" i="2" s="1"/>
  <c r="E5602" i="2" a="1"/>
  <c r="E5602" i="2" s="1"/>
  <c r="G4402" i="2" a="1"/>
  <c r="G4402" i="2" s="1"/>
  <c r="G4409" i="2" a="1"/>
  <c r="G4409" i="2" s="1"/>
  <c r="G4410" i="2" a="1"/>
  <c r="G4410" i="2" s="1"/>
  <c r="G4403" i="2" a="1"/>
  <c r="G4403" i="2" s="1"/>
  <c r="G4423" i="2" a="1"/>
  <c r="G4423" i="2" s="1"/>
  <c r="G4411" i="2" a="1"/>
  <c r="G4411" i="2" s="1"/>
  <c r="G4404" i="2" a="1"/>
  <c r="G4404" i="2" s="1"/>
  <c r="G4424" i="2" a="1"/>
  <c r="G4424" i="2" s="1"/>
  <c r="G4418" i="2" a="1"/>
  <c r="G4418" i="2" s="1"/>
  <c r="G4421" i="2" a="1"/>
  <c r="G4421" i="2" s="1"/>
  <c r="G4414" i="2" a="1"/>
  <c r="G4414" i="2" s="1"/>
  <c r="G4407" i="2" a="1"/>
  <c r="G4407" i="2" s="1"/>
  <c r="G4416" i="2" a="1"/>
  <c r="G4416" i="2" s="1"/>
  <c r="G4408" i="2" a="1"/>
  <c r="G4408" i="2" s="1"/>
  <c r="G4422" i="2" a="1"/>
  <c r="G4422" i="2" s="1"/>
  <c r="G4405" i="2" a="1"/>
  <c r="G4405" i="2" s="1"/>
  <c r="G4406" i="2" a="1"/>
  <c r="G4406" i="2" s="1"/>
  <c r="G4417" i="2" a="1"/>
  <c r="G4417" i="2" s="1"/>
  <c r="G4419" i="2" a="1"/>
  <c r="G4419" i="2" s="1"/>
  <c r="G4412" i="2" a="1"/>
  <c r="G4412" i="2" s="1"/>
  <c r="G4413" i="2" a="1"/>
  <c r="G4413" i="2" s="1"/>
  <c r="G4425" i="2" a="1"/>
  <c r="G4425" i="2" s="1"/>
  <c r="G4420" i="2" a="1"/>
  <c r="G4420" i="2" s="1"/>
  <c r="G4415" i="2" a="1"/>
  <c r="G4415" i="2" s="1"/>
  <c r="F1444" i="2" a="1"/>
  <c r="F1444" i="2" s="1"/>
  <c r="F1434" i="2" a="1"/>
  <c r="F1434" i="2" s="1"/>
  <c r="F1435" i="2" a="1"/>
  <c r="F1435" i="2" s="1"/>
  <c r="F1438" i="2" a="1"/>
  <c r="F1438" i="2" s="1"/>
  <c r="F1440" i="2" a="1"/>
  <c r="F1440" i="2" s="1"/>
  <c r="F1430" i="2" a="1"/>
  <c r="F1430" i="2" s="1"/>
  <c r="F1429" i="2" a="1"/>
  <c r="F1429" i="2" s="1"/>
  <c r="F1436" i="2" a="1"/>
  <c r="F1436" i="2" s="1"/>
  <c r="F1426" i="2" a="1"/>
  <c r="F1426" i="2" s="1"/>
  <c r="F1432" i="2" a="1"/>
  <c r="F1432" i="2" s="1"/>
  <c r="F1427" i="2" a="1"/>
  <c r="F1427" i="2" s="1"/>
  <c r="F1437" i="2" a="1"/>
  <c r="F1437" i="2" s="1"/>
  <c r="F1445" i="2" a="1"/>
  <c r="F1445" i="2" s="1"/>
  <c r="F1428" i="2" a="1"/>
  <c r="F1428" i="2" s="1"/>
  <c r="F1446" i="2" a="1"/>
  <c r="F1446" i="2" s="1"/>
  <c r="F1439" i="2" a="1"/>
  <c r="F1439" i="2" s="1"/>
  <c r="F1443" i="2" a="1"/>
  <c r="F1443" i="2" s="1"/>
  <c r="F1449" i="2" a="1"/>
  <c r="F1449" i="2" s="1"/>
  <c r="F1448" i="2" a="1"/>
  <c r="F1448" i="2" s="1"/>
  <c r="F1433" i="2" a="1"/>
  <c r="F1433" i="2" s="1"/>
  <c r="F1442" i="2" a="1"/>
  <c r="F1442" i="2" s="1"/>
  <c r="F1447" i="2" a="1"/>
  <c r="F1447" i="2" s="1"/>
  <c r="F1431" i="2" a="1"/>
  <c r="F1431" i="2" s="1"/>
  <c r="F1441" i="2" a="1"/>
  <c r="F1441" i="2" s="1"/>
  <c r="F8003" i="2" a="1"/>
  <c r="F8003" i="2" s="1"/>
  <c r="F8015" i="2" a="1"/>
  <c r="F8015" i="2" s="1"/>
  <c r="F8019" i="2" a="1"/>
  <c r="F8019" i="2" s="1"/>
  <c r="F8005" i="2" a="1"/>
  <c r="F8005" i="2" s="1"/>
  <c r="F8017" i="2" a="1"/>
  <c r="F8017" i="2" s="1"/>
  <c r="F8025" i="2" a="1"/>
  <c r="F8025" i="2" s="1"/>
  <c r="F8023" i="2" a="1"/>
  <c r="F8023" i="2" s="1"/>
  <c r="F8002" i="2" a="1"/>
  <c r="F8002" i="2" s="1"/>
  <c r="F8024" i="2" a="1"/>
  <c r="F8024" i="2" s="1"/>
  <c r="F8013" i="2" a="1"/>
  <c r="F8013" i="2" s="1"/>
  <c r="F8010" i="2" a="1"/>
  <c r="F8010" i="2" s="1"/>
  <c r="F8014" i="2" a="1"/>
  <c r="F8014" i="2" s="1"/>
  <c r="F8016" i="2" a="1"/>
  <c r="F8016" i="2" s="1"/>
  <c r="F8006" i="2" a="1"/>
  <c r="F8006" i="2" s="1"/>
  <c r="F8004" i="2" a="1"/>
  <c r="F8004" i="2" s="1"/>
  <c r="F8011" i="2" a="1"/>
  <c r="F8011" i="2" s="1"/>
  <c r="F8018" i="2" a="1"/>
  <c r="F8018" i="2" s="1"/>
  <c r="F8012" i="2" a="1"/>
  <c r="F8012" i="2" s="1"/>
  <c r="F8020" i="2" a="1"/>
  <c r="F8020" i="2" s="1"/>
  <c r="F8021" i="2" a="1"/>
  <c r="F8021" i="2" s="1"/>
  <c r="F8007" i="2" a="1"/>
  <c r="F8007" i="2" s="1"/>
  <c r="F8008" i="2" a="1"/>
  <c r="F8008" i="2" s="1"/>
  <c r="F8022" i="2" a="1"/>
  <c r="F8022" i="2" s="1"/>
  <c r="F8009" i="2" a="1"/>
  <c r="F8009" i="2" s="1"/>
  <c r="AO250" i="1"/>
  <c r="E256" i="5" s="1"/>
  <c r="AQ250" i="1"/>
  <c r="G256" i="5" s="1"/>
  <c r="AN250" i="1"/>
  <c r="D256" i="5" s="1"/>
  <c r="AP250" i="1"/>
  <c r="F256" i="5" s="1"/>
  <c r="AM250" i="1"/>
  <c r="D6008" i="2" a="1"/>
  <c r="D6008" i="2" s="1"/>
  <c r="D6007" i="2" a="1"/>
  <c r="D6007" i="2" s="1"/>
  <c r="D5990" i="2" a="1"/>
  <c r="D5990" i="2" s="1"/>
  <c r="D6002" i="2" a="1"/>
  <c r="D6002" i="2" s="1"/>
  <c r="D5991" i="2" a="1"/>
  <c r="D5991" i="2" s="1"/>
  <c r="D5995" i="2" a="1"/>
  <c r="D5995" i="2" s="1"/>
  <c r="D6003" i="2" a="1"/>
  <c r="D6003" i="2" s="1"/>
  <c r="D5989" i="2" a="1"/>
  <c r="D5989" i="2" s="1"/>
  <c r="D5993" i="2" a="1"/>
  <c r="D5993" i="2" s="1"/>
  <c r="D6001" i="2" a="1"/>
  <c r="D6001" i="2" s="1"/>
  <c r="D6005" i="2" a="1"/>
  <c r="D6005" i="2" s="1"/>
  <c r="D5986" i="2" a="1"/>
  <c r="D5986" i="2" s="1"/>
  <c r="D5994" i="2" a="1"/>
  <c r="D5994" i="2" s="1"/>
  <c r="D5998" i="2" a="1"/>
  <c r="D5998" i="2" s="1"/>
  <c r="D6006" i="2" a="1"/>
  <c r="D6006" i="2" s="1"/>
  <c r="D5988" i="2" a="1"/>
  <c r="D5988" i="2" s="1"/>
  <c r="D5996" i="2" a="1"/>
  <c r="D5996" i="2" s="1"/>
  <c r="D6000" i="2" a="1"/>
  <c r="D6000" i="2" s="1"/>
  <c r="D6009" i="2" a="1"/>
  <c r="D6009" i="2" s="1"/>
  <c r="D5997" i="2" a="1"/>
  <c r="D5997" i="2" s="1"/>
  <c r="D5992" i="2" a="1"/>
  <c r="D5992" i="2" s="1"/>
  <c r="D6004" i="2" a="1"/>
  <c r="D6004" i="2" s="1"/>
  <c r="D5987" i="2" a="1"/>
  <c r="D5987" i="2" s="1"/>
  <c r="D5999" i="2" a="1"/>
  <c r="D5999" i="2" s="1"/>
  <c r="F5110" i="2" a="1"/>
  <c r="F5110" i="2" s="1"/>
  <c r="F5102" i="2" a="1"/>
  <c r="F5102" i="2" s="1"/>
  <c r="F5107" i="2" a="1"/>
  <c r="F5107" i="2" s="1"/>
  <c r="F5103" i="2" a="1"/>
  <c r="F5103" i="2" s="1"/>
  <c r="F5118" i="2" a="1"/>
  <c r="F5118" i="2" s="1"/>
  <c r="F5098" i="2" a="1"/>
  <c r="F5098" i="2" s="1"/>
  <c r="F5108" i="2" a="1"/>
  <c r="F5108" i="2" s="1"/>
  <c r="F5120" i="2" a="1"/>
  <c r="F5120" i="2" s="1"/>
  <c r="F5105" i="2" a="1"/>
  <c r="F5105" i="2" s="1"/>
  <c r="F5115" i="2" a="1"/>
  <c r="F5115" i="2" s="1"/>
  <c r="F5100" i="2" a="1"/>
  <c r="F5100" i="2" s="1"/>
  <c r="F5106" i="2" a="1"/>
  <c r="F5106" i="2" s="1"/>
  <c r="F5109" i="2" a="1"/>
  <c r="F5109" i="2" s="1"/>
  <c r="F5121" i="2" a="1"/>
  <c r="F5121" i="2" s="1"/>
  <c r="F5116" i="2" a="1"/>
  <c r="F5116" i="2" s="1"/>
  <c r="F5117" i="2" a="1"/>
  <c r="F5117" i="2" s="1"/>
  <c r="F5099" i="2" a="1"/>
  <c r="F5099" i="2" s="1"/>
  <c r="F5101" i="2" a="1"/>
  <c r="F5101" i="2" s="1"/>
  <c r="F5104" i="2" a="1"/>
  <c r="F5104" i="2" s="1"/>
  <c r="F5119" i="2" a="1"/>
  <c r="F5119" i="2" s="1"/>
  <c r="F5113" i="2" a="1"/>
  <c r="F5113" i="2" s="1"/>
  <c r="F5114" i="2" a="1"/>
  <c r="F5114" i="2" s="1"/>
  <c r="F5111" i="2" a="1"/>
  <c r="F5111" i="2" s="1"/>
  <c r="F5112" i="2" a="1"/>
  <c r="F5112" i="2" s="1"/>
  <c r="H4988" i="2" a="1"/>
  <c r="H4988" i="2" s="1"/>
  <c r="H4982" i="2" a="1"/>
  <c r="H4982" i="2" s="1"/>
  <c r="H4994" i="2" a="1"/>
  <c r="H4994" i="2" s="1"/>
  <c r="H4989" i="2" a="1"/>
  <c r="H4989" i="2" s="1"/>
  <c r="H4999" i="2" a="1"/>
  <c r="H4999" i="2" s="1"/>
  <c r="H4984" i="2" a="1"/>
  <c r="H4984" i="2" s="1"/>
  <c r="H4990" i="2" a="1"/>
  <c r="H4990" i="2" s="1"/>
  <c r="H4978" i="2" a="1"/>
  <c r="H4978" i="2" s="1"/>
  <c r="H5000" i="2" a="1"/>
  <c r="H5000" i="2" s="1"/>
  <c r="H4986" i="2" a="1"/>
  <c r="H4986" i="2" s="1"/>
  <c r="H5001" i="2" a="1"/>
  <c r="H5001" i="2" s="1"/>
  <c r="H4993" i="2" a="1"/>
  <c r="H4993" i="2" s="1"/>
  <c r="H4979" i="2" a="1"/>
  <c r="H4979" i="2" s="1"/>
  <c r="H4991" i="2" a="1"/>
  <c r="H4991" i="2" s="1"/>
  <c r="H4995" i="2" a="1"/>
  <c r="H4995" i="2" s="1"/>
  <c r="H4983" i="2" a="1"/>
  <c r="H4983" i="2" s="1"/>
  <c r="H4985" i="2" a="1"/>
  <c r="H4985" i="2" s="1"/>
  <c r="H4980" i="2" a="1"/>
  <c r="H4980" i="2" s="1"/>
  <c r="H4996" i="2" a="1"/>
  <c r="H4996" i="2" s="1"/>
  <c r="H4997" i="2" a="1"/>
  <c r="H4997" i="2" s="1"/>
  <c r="H4992" i="2" a="1"/>
  <c r="H4992" i="2" s="1"/>
  <c r="H4998" i="2" a="1"/>
  <c r="H4998" i="2" s="1"/>
  <c r="H4987" i="2" a="1"/>
  <c r="H4987" i="2" s="1"/>
  <c r="H4981" i="2" a="1"/>
  <c r="H4981" i="2" s="1"/>
  <c r="F4994" i="2" a="1"/>
  <c r="F4994" i="2" s="1"/>
  <c r="F4996" i="2" a="1"/>
  <c r="F4996" i="2" s="1"/>
  <c r="F4999" i="2" a="1"/>
  <c r="F4999" i="2" s="1"/>
  <c r="F4978" i="2" a="1"/>
  <c r="F4978" i="2" s="1"/>
  <c r="F5000" i="2" a="1"/>
  <c r="F5000" i="2" s="1"/>
  <c r="F4987" i="2" a="1"/>
  <c r="F4987" i="2" s="1"/>
  <c r="F4995" i="2" a="1"/>
  <c r="F4995" i="2" s="1"/>
  <c r="F4985" i="2" a="1"/>
  <c r="F4985" i="2" s="1"/>
  <c r="F4991" i="2" a="1"/>
  <c r="F4991" i="2" s="1"/>
  <c r="F4981" i="2" a="1"/>
  <c r="F4981" i="2" s="1"/>
  <c r="F4982" i="2" a="1"/>
  <c r="F4982" i="2" s="1"/>
  <c r="F4983" i="2" a="1"/>
  <c r="F4983" i="2" s="1"/>
  <c r="F4998" i="2" a="1"/>
  <c r="F4998" i="2" s="1"/>
  <c r="F4989" i="2" a="1"/>
  <c r="F4989" i="2" s="1"/>
  <c r="F4979" i="2" a="1"/>
  <c r="F4979" i="2" s="1"/>
  <c r="F4993" i="2" a="1"/>
  <c r="F4993" i="2" s="1"/>
  <c r="F4986" i="2" a="1"/>
  <c r="F4986" i="2" s="1"/>
  <c r="F4990" i="2" a="1"/>
  <c r="F4990" i="2" s="1"/>
  <c r="F5001" i="2" a="1"/>
  <c r="F5001" i="2" s="1"/>
  <c r="F4984" i="2" a="1"/>
  <c r="F4984" i="2" s="1"/>
  <c r="F4997" i="2" a="1"/>
  <c r="F4997" i="2" s="1"/>
  <c r="F4992" i="2" a="1"/>
  <c r="F4992" i="2" s="1"/>
  <c r="F4980" i="2" a="1"/>
  <c r="F4980" i="2" s="1"/>
  <c r="F4988" i="2" a="1"/>
  <c r="F4988" i="2" s="1"/>
  <c r="AO223" i="1"/>
  <c r="E229" i="5" s="1"/>
  <c r="AP223" i="1"/>
  <c r="F229" i="5" s="1"/>
  <c r="AQ223" i="1"/>
  <c r="G229" i="5" s="1"/>
  <c r="AN223" i="1"/>
  <c r="D229" i="5" s="1"/>
  <c r="AM223" i="1"/>
  <c r="D5340" i="2" a="1"/>
  <c r="D5340" i="2" s="1"/>
  <c r="D5344" i="2" a="1"/>
  <c r="D5344" i="2" s="1"/>
  <c r="D5348" i="2" a="1"/>
  <c r="D5348" i="2" s="1"/>
  <c r="D5352" i="2" a="1"/>
  <c r="D5352" i="2" s="1"/>
  <c r="D5356" i="2" a="1"/>
  <c r="D5356" i="2" s="1"/>
  <c r="D5360" i="2" a="1"/>
  <c r="D5360" i="2" s="1"/>
  <c r="D5339" i="2" a="1"/>
  <c r="D5339" i="2" s="1"/>
  <c r="D5343" i="2" a="1"/>
  <c r="D5343" i="2" s="1"/>
  <c r="D5347" i="2" a="1"/>
  <c r="D5347" i="2" s="1"/>
  <c r="D5351" i="2" a="1"/>
  <c r="D5351" i="2" s="1"/>
  <c r="D5355" i="2" a="1"/>
  <c r="D5355" i="2" s="1"/>
  <c r="D5359" i="2" a="1"/>
  <c r="D5359" i="2" s="1"/>
  <c r="D5341" i="2" a="1"/>
  <c r="D5341" i="2" s="1"/>
  <c r="D5345" i="2" a="1"/>
  <c r="D5345" i="2" s="1"/>
  <c r="D5349" i="2" a="1"/>
  <c r="D5349" i="2" s="1"/>
  <c r="D5353" i="2" a="1"/>
  <c r="D5353" i="2" s="1"/>
  <c r="D5357" i="2" a="1"/>
  <c r="D5357" i="2" s="1"/>
  <c r="D5361" i="2" a="1"/>
  <c r="D5361" i="2" s="1"/>
  <c r="D5346" i="2" a="1"/>
  <c r="D5346" i="2" s="1"/>
  <c r="D5342" i="2" a="1"/>
  <c r="D5342" i="2" s="1"/>
  <c r="D5338" i="2" a="1"/>
  <c r="D5338" i="2" s="1"/>
  <c r="D5358" i="2" a="1"/>
  <c r="D5358" i="2" s="1"/>
  <c r="D5354" i="2" a="1"/>
  <c r="D5354" i="2" s="1"/>
  <c r="D5350" i="2" a="1"/>
  <c r="D5350" i="2" s="1"/>
  <c r="AP338" i="1"/>
  <c r="F344" i="5" s="1"/>
  <c r="AN338" i="1"/>
  <c r="D344" i="5" s="1"/>
  <c r="AO338" i="1"/>
  <c r="E344" i="5" s="1"/>
  <c r="AQ338" i="1"/>
  <c r="G344" i="5" s="1"/>
  <c r="AM338" i="1"/>
  <c r="D8113" i="2" a="1"/>
  <c r="D8113" i="2" s="1"/>
  <c r="D8099" i="2" a="1"/>
  <c r="D8099" i="2" s="1"/>
  <c r="D8111" i="2" a="1"/>
  <c r="D8111" i="2" s="1"/>
  <c r="D8119" i="2" a="1"/>
  <c r="D8119" i="2" s="1"/>
  <c r="D8120" i="2" a="1"/>
  <c r="D8120" i="2" s="1"/>
  <c r="D8115" i="2" a="1"/>
  <c r="D8115" i="2" s="1"/>
  <c r="D8098" i="2" a="1"/>
  <c r="D8098" i="2" s="1"/>
  <c r="D8106" i="2" a="1"/>
  <c r="D8106" i="2" s="1"/>
  <c r="D8110" i="2" a="1"/>
  <c r="D8110" i="2" s="1"/>
  <c r="D8103" i="2" a="1"/>
  <c r="D8103" i="2" s="1"/>
  <c r="D8107" i="2" a="1"/>
  <c r="D8107" i="2" s="1"/>
  <c r="D8101" i="2" a="1"/>
  <c r="D8101" i="2" s="1"/>
  <c r="D8109" i="2" a="1"/>
  <c r="D8109" i="2" s="1"/>
  <c r="D8117" i="2" a="1"/>
  <c r="D8117" i="2" s="1"/>
  <c r="D8121" i="2" a="1"/>
  <c r="D8121" i="2" s="1"/>
  <c r="D8102" i="2" a="1"/>
  <c r="D8102" i="2" s="1"/>
  <c r="D8114" i="2" a="1"/>
  <c r="D8114" i="2" s="1"/>
  <c r="D8118" i="2" a="1"/>
  <c r="D8118" i="2" s="1"/>
  <c r="D8105" i="2" a="1"/>
  <c r="D8105" i="2" s="1"/>
  <c r="D8100" i="2" a="1"/>
  <c r="D8100" i="2" s="1"/>
  <c r="D8104" i="2" a="1"/>
  <c r="D8104" i="2" s="1"/>
  <c r="D8108" i="2" a="1"/>
  <c r="D8108" i="2" s="1"/>
  <c r="D8112" i="2" a="1"/>
  <c r="D8112" i="2" s="1"/>
  <c r="D8116" i="2" a="1"/>
  <c r="D8116" i="2" s="1"/>
  <c r="H5132" i="2" a="1"/>
  <c r="H5132" i="2" s="1"/>
  <c r="H5133" i="2" a="1"/>
  <c r="H5133" i="2" s="1"/>
  <c r="H5139" i="2" a="1"/>
  <c r="H5139" i="2" s="1"/>
  <c r="H5129" i="2" a="1"/>
  <c r="H5129" i="2" s="1"/>
  <c r="H5123" i="2" a="1"/>
  <c r="H5123" i="2" s="1"/>
  <c r="H5134" i="2" a="1"/>
  <c r="H5134" i="2" s="1"/>
  <c r="H5124" i="2" a="1"/>
  <c r="H5124" i="2" s="1"/>
  <c r="H5143" i="2" a="1"/>
  <c r="H5143" i="2" s="1"/>
  <c r="H5137" i="2" a="1"/>
  <c r="H5137" i="2" s="1"/>
  <c r="H5140" i="2" a="1"/>
  <c r="H5140" i="2" s="1"/>
  <c r="H5130" i="2" a="1"/>
  <c r="H5130" i="2" s="1"/>
  <c r="H5138" i="2" a="1"/>
  <c r="H5138" i="2" s="1"/>
  <c r="H5127" i="2" a="1"/>
  <c r="H5127" i="2" s="1"/>
  <c r="H5145" i="2" a="1"/>
  <c r="H5145" i="2" s="1"/>
  <c r="H5125" i="2" a="1"/>
  <c r="H5125" i="2" s="1"/>
  <c r="H5142" i="2" a="1"/>
  <c r="H5142" i="2" s="1"/>
  <c r="H5144" i="2" a="1"/>
  <c r="H5144" i="2" s="1"/>
  <c r="H5126" i="2" a="1"/>
  <c r="H5126" i="2" s="1"/>
  <c r="H5135" i="2" a="1"/>
  <c r="H5135" i="2" s="1"/>
  <c r="H5131" i="2" a="1"/>
  <c r="H5131" i="2" s="1"/>
  <c r="H5128" i="2" a="1"/>
  <c r="H5128" i="2" s="1"/>
  <c r="H5122" i="2" a="1"/>
  <c r="H5122" i="2" s="1"/>
  <c r="H5141" i="2" a="1"/>
  <c r="H5141" i="2" s="1"/>
  <c r="H5136" i="2" a="1"/>
  <c r="H5136" i="2" s="1"/>
  <c r="H3269" i="2" a="1"/>
  <c r="H3269" i="2" s="1"/>
  <c r="H3253" i="2" a="1"/>
  <c r="H3253" i="2" s="1"/>
  <c r="H3255" i="2" a="1"/>
  <c r="H3255" i="2" s="1"/>
  <c r="H3270" i="2" a="1"/>
  <c r="H3270" i="2" s="1"/>
  <c r="H3266" i="2" a="1"/>
  <c r="H3266" i="2" s="1"/>
  <c r="H3272" i="2" a="1"/>
  <c r="H3272" i="2" s="1"/>
  <c r="H3260" i="2" a="1"/>
  <c r="H3260" i="2" s="1"/>
  <c r="H3263" i="2" a="1"/>
  <c r="H3263" i="2" s="1"/>
  <c r="H3252" i="2" a="1"/>
  <c r="H3252" i="2" s="1"/>
  <c r="H3262" i="2" a="1"/>
  <c r="H3262" i="2" s="1"/>
  <c r="H3268" i="2" a="1"/>
  <c r="H3268" i="2" s="1"/>
  <c r="H3258" i="2" a="1"/>
  <c r="H3258" i="2" s="1"/>
  <c r="H3250" i="2" a="1"/>
  <c r="H3250" i="2" s="1"/>
  <c r="H3273" i="2" a="1"/>
  <c r="H3273" i="2" s="1"/>
  <c r="H3259" i="2" a="1"/>
  <c r="H3259" i="2" s="1"/>
  <c r="H3271" i="2" a="1"/>
  <c r="H3271" i="2" s="1"/>
  <c r="H3261" i="2" a="1"/>
  <c r="H3261" i="2" s="1"/>
  <c r="H3264" i="2" a="1"/>
  <c r="H3264" i="2" s="1"/>
  <c r="H3256" i="2" a="1"/>
  <c r="H3256" i="2" s="1"/>
  <c r="H3265" i="2" a="1"/>
  <c r="H3265" i="2" s="1"/>
  <c r="H3251" i="2" a="1"/>
  <c r="H3251" i="2" s="1"/>
  <c r="H3267" i="2" a="1"/>
  <c r="H3267" i="2" s="1"/>
  <c r="H3254" i="2" a="1"/>
  <c r="H3254" i="2" s="1"/>
  <c r="H3257" i="2" a="1"/>
  <c r="H3257" i="2" s="1"/>
  <c r="AP82" i="1"/>
  <c r="F88" i="5" s="1"/>
  <c r="AO82" i="1"/>
  <c r="E88" i="5" s="1"/>
  <c r="AN82" i="1"/>
  <c r="D88" i="5" s="1"/>
  <c r="AQ82" i="1"/>
  <c r="G88" i="5" s="1"/>
  <c r="AM82" i="1"/>
  <c r="D1964" i="2" a="1"/>
  <c r="D1964" i="2" s="1"/>
  <c r="D1957" i="2" a="1"/>
  <c r="D1957" i="2" s="1"/>
  <c r="D1971" i="2" a="1"/>
  <c r="D1971" i="2" s="1"/>
  <c r="D1954" i="2" a="1"/>
  <c r="D1954" i="2" s="1"/>
  <c r="D1965" i="2" a="1"/>
  <c r="D1965" i="2" s="1"/>
  <c r="D1967" i="2" a="1"/>
  <c r="D1967" i="2" s="1"/>
  <c r="D1976" i="2" a="1"/>
  <c r="D1976" i="2" s="1"/>
  <c r="D1974" i="2" a="1"/>
  <c r="D1974" i="2" s="1"/>
  <c r="D1975" i="2" a="1"/>
  <c r="D1975" i="2" s="1"/>
  <c r="D1959" i="2" a="1"/>
  <c r="D1959" i="2" s="1"/>
  <c r="D1960" i="2" a="1"/>
  <c r="D1960" i="2" s="1"/>
  <c r="D1963" i="2" a="1"/>
  <c r="D1963" i="2" s="1"/>
  <c r="D1973" i="2" a="1"/>
  <c r="D1973" i="2" s="1"/>
  <c r="D1955" i="2" a="1"/>
  <c r="D1955" i="2" s="1"/>
  <c r="D1962" i="2" a="1"/>
  <c r="D1962" i="2" s="1"/>
  <c r="D1977" i="2" a="1"/>
  <c r="D1977" i="2" s="1"/>
  <c r="D1956" i="2" a="1"/>
  <c r="D1956" i="2" s="1"/>
  <c r="D1966" i="2" a="1"/>
  <c r="D1966" i="2" s="1"/>
  <c r="D1970" i="2" a="1"/>
  <c r="D1970" i="2" s="1"/>
  <c r="D1969" i="2" a="1"/>
  <c r="D1969" i="2" s="1"/>
  <c r="D1972" i="2" a="1"/>
  <c r="D1972" i="2" s="1"/>
  <c r="D1961" i="2" a="1"/>
  <c r="D1961" i="2" s="1"/>
  <c r="D1968" i="2" a="1"/>
  <c r="D1968" i="2" s="1"/>
  <c r="D1958" i="2" a="1"/>
  <c r="D1958" i="2" s="1"/>
  <c r="E6109" i="2" a="1"/>
  <c r="E6109" i="2" s="1"/>
  <c r="E6117" i="2" a="1"/>
  <c r="E6117" i="2" s="1"/>
  <c r="E6127" i="2" a="1"/>
  <c r="E6127" i="2" s="1"/>
  <c r="E6110" i="2" a="1"/>
  <c r="E6110" i="2" s="1"/>
  <c r="E6113" i="2" a="1"/>
  <c r="E6113" i="2" s="1"/>
  <c r="E6128" i="2" a="1"/>
  <c r="E6128" i="2" s="1"/>
  <c r="E6119" i="2" a="1"/>
  <c r="E6119" i="2" s="1"/>
  <c r="E6108" i="2" a="1"/>
  <c r="E6108" i="2" s="1"/>
  <c r="E6124" i="2" a="1"/>
  <c r="E6124" i="2" s="1"/>
  <c r="E6125" i="2" a="1"/>
  <c r="E6125" i="2" s="1"/>
  <c r="E6123" i="2" a="1"/>
  <c r="E6123" i="2" s="1"/>
  <c r="E6126" i="2" a="1"/>
  <c r="E6126" i="2" s="1"/>
  <c r="E6116" i="2" a="1"/>
  <c r="E6116" i="2" s="1"/>
  <c r="E6122" i="2" a="1"/>
  <c r="E6122" i="2" s="1"/>
  <c r="E6121" i="2" a="1"/>
  <c r="E6121" i="2" s="1"/>
  <c r="E6106" i="2" a="1"/>
  <c r="E6106" i="2" s="1"/>
  <c r="E6111" i="2" a="1"/>
  <c r="E6111" i="2" s="1"/>
  <c r="E6112" i="2" a="1"/>
  <c r="E6112" i="2" s="1"/>
  <c r="E6118" i="2" a="1"/>
  <c r="E6118" i="2" s="1"/>
  <c r="E6120" i="2" a="1"/>
  <c r="E6120" i="2" s="1"/>
  <c r="E6129" i="2" a="1"/>
  <c r="E6129" i="2" s="1"/>
  <c r="E6115" i="2" a="1"/>
  <c r="E6115" i="2" s="1"/>
  <c r="E6107" i="2" a="1"/>
  <c r="E6107" i="2" s="1"/>
  <c r="E6114" i="2" a="1"/>
  <c r="E6114" i="2" s="1"/>
  <c r="AP131" i="1"/>
  <c r="F137" i="5" s="1"/>
  <c r="AQ131" i="1"/>
  <c r="G137" i="5" s="1"/>
  <c r="AO131" i="1"/>
  <c r="E137" i="5" s="1"/>
  <c r="AN131" i="1"/>
  <c r="D137" i="5" s="1"/>
  <c r="AM131" i="1"/>
  <c r="D3133" i="2" a="1"/>
  <c r="D3133" i="2" s="1"/>
  <c r="D3137" i="2" a="1"/>
  <c r="D3137" i="2" s="1"/>
  <c r="D3145" i="2" a="1"/>
  <c r="D3145" i="2" s="1"/>
  <c r="D3149" i="2" a="1"/>
  <c r="D3149" i="2" s="1"/>
  <c r="D3130" i="2" a="1"/>
  <c r="D3130" i="2" s="1"/>
  <c r="D3143" i="2" a="1"/>
  <c r="D3143" i="2" s="1"/>
  <c r="D3150" i="2" a="1"/>
  <c r="D3150" i="2" s="1"/>
  <c r="D3147" i="2" a="1"/>
  <c r="D3147" i="2" s="1"/>
  <c r="D3139" i="2" a="1"/>
  <c r="D3139" i="2" s="1"/>
  <c r="D3140" i="2" a="1"/>
  <c r="D3140" i="2" s="1"/>
  <c r="D3153" i="2" a="1"/>
  <c r="D3153" i="2" s="1"/>
  <c r="D3135" i="2" a="1"/>
  <c r="D3135" i="2" s="1"/>
  <c r="D3142" i="2" a="1"/>
  <c r="D3142" i="2" s="1"/>
  <c r="D3132" i="2" a="1"/>
  <c r="D3132" i="2" s="1"/>
  <c r="D3136" i="2" a="1"/>
  <c r="D3136" i="2" s="1"/>
  <c r="D3152" i="2" a="1"/>
  <c r="D3152" i="2" s="1"/>
  <c r="D3138" i="2" a="1"/>
  <c r="D3138" i="2" s="1"/>
  <c r="D3146" i="2" a="1"/>
  <c r="D3146" i="2" s="1"/>
  <c r="D3134" i="2" a="1"/>
  <c r="D3134" i="2" s="1"/>
  <c r="D3144" i="2" a="1"/>
  <c r="D3144" i="2" s="1"/>
  <c r="D3151" i="2" a="1"/>
  <c r="D3151" i="2" s="1"/>
  <c r="D3131" i="2" a="1"/>
  <c r="D3131" i="2" s="1"/>
  <c r="D3141" i="2" a="1"/>
  <c r="D3141" i="2" s="1"/>
  <c r="D3148" i="2" a="1"/>
  <c r="D3148" i="2" s="1"/>
  <c r="H5622" i="2" a="1"/>
  <c r="H5622" i="2" s="1"/>
  <c r="H5620" i="2" a="1"/>
  <c r="H5620" i="2" s="1"/>
  <c r="H5614" i="2" a="1"/>
  <c r="H5614" i="2" s="1"/>
  <c r="H5609" i="2" a="1"/>
  <c r="H5609" i="2" s="1"/>
  <c r="H5606" i="2" a="1"/>
  <c r="H5606" i="2" s="1"/>
  <c r="H5613" i="2" a="1"/>
  <c r="H5613" i="2" s="1"/>
  <c r="H5605" i="2" a="1"/>
  <c r="H5605" i="2" s="1"/>
  <c r="H5615" i="2" a="1"/>
  <c r="H5615" i="2" s="1"/>
  <c r="H5621" i="2" a="1"/>
  <c r="H5621" i="2" s="1"/>
  <c r="H5616" i="2" a="1"/>
  <c r="H5616" i="2" s="1"/>
  <c r="H5624" i="2" a="1"/>
  <c r="H5624" i="2" s="1"/>
  <c r="H5607" i="2" a="1"/>
  <c r="H5607" i="2" s="1"/>
  <c r="H5617" i="2" a="1"/>
  <c r="H5617" i="2" s="1"/>
  <c r="H5618" i="2" a="1"/>
  <c r="H5618" i="2" s="1"/>
  <c r="H5610" i="2" a="1"/>
  <c r="H5610" i="2" s="1"/>
  <c r="H5623" i="2" a="1"/>
  <c r="H5623" i="2" s="1"/>
  <c r="H5612" i="2" a="1"/>
  <c r="H5612" i="2" s="1"/>
  <c r="H5625" i="2" a="1"/>
  <c r="H5625" i="2" s="1"/>
  <c r="H5611" i="2" a="1"/>
  <c r="H5611" i="2" s="1"/>
  <c r="H5602" i="2" a="1"/>
  <c r="H5602" i="2" s="1"/>
  <c r="H5604" i="2" a="1"/>
  <c r="H5604" i="2" s="1"/>
  <c r="H5603" i="2" a="1"/>
  <c r="H5603" i="2" s="1"/>
  <c r="H5608" i="2" a="1"/>
  <c r="H5608" i="2" s="1"/>
  <c r="H5619" i="2" a="1"/>
  <c r="H5619" i="2" s="1"/>
  <c r="G622" i="2" a="1"/>
  <c r="G622" i="2" s="1"/>
  <c r="G612" i="2" a="1"/>
  <c r="G612" i="2" s="1"/>
  <c r="G626" i="2" a="1"/>
  <c r="G626" i="2" s="1"/>
  <c r="G625" i="2" a="1"/>
  <c r="G625" i="2" s="1"/>
  <c r="G627" i="2" a="1"/>
  <c r="G627" i="2" s="1"/>
  <c r="G613" i="2" a="1"/>
  <c r="G613" i="2" s="1"/>
  <c r="G617" i="2" a="1"/>
  <c r="G617" i="2" s="1"/>
  <c r="G630" i="2" a="1"/>
  <c r="G630" i="2" s="1"/>
  <c r="G632" i="2" a="1"/>
  <c r="G632" i="2" s="1"/>
  <c r="G620" i="2" a="1"/>
  <c r="G620" i="2" s="1"/>
  <c r="G616" i="2" a="1"/>
  <c r="G616" i="2" s="1"/>
  <c r="G624" i="2" a="1"/>
  <c r="G624" i="2" s="1"/>
  <c r="G633" i="2" a="1"/>
  <c r="G633" i="2" s="1"/>
  <c r="G631" i="2" a="1"/>
  <c r="G631" i="2" s="1"/>
  <c r="G618" i="2" a="1"/>
  <c r="G618" i="2" s="1"/>
  <c r="G621" i="2" a="1"/>
  <c r="G621" i="2" s="1"/>
  <c r="G619" i="2" a="1"/>
  <c r="G619" i="2" s="1"/>
  <c r="G623" i="2" a="1"/>
  <c r="G623" i="2" s="1"/>
  <c r="G615" i="2" a="1"/>
  <c r="G615" i="2" s="1"/>
  <c r="G629" i="2" a="1"/>
  <c r="G629" i="2" s="1"/>
  <c r="G610" i="2" a="1"/>
  <c r="G610" i="2" s="1"/>
  <c r="G614" i="2" a="1"/>
  <c r="G614" i="2" s="1"/>
  <c r="G628" i="2" a="1"/>
  <c r="G628" i="2" s="1"/>
  <c r="G611" i="2" a="1"/>
  <c r="G611" i="2" s="1"/>
  <c r="E157" i="2" a="1"/>
  <c r="E157" i="2" s="1"/>
  <c r="E164" i="2" a="1"/>
  <c r="E164" i="2" s="1"/>
  <c r="E168" i="2" a="1"/>
  <c r="E168" i="2" s="1"/>
  <c r="E159" i="2" a="1"/>
  <c r="E159" i="2" s="1"/>
  <c r="E170" i="2" a="1"/>
  <c r="E170" i="2" s="1"/>
  <c r="E166" i="2" a="1"/>
  <c r="E166" i="2" s="1"/>
  <c r="E175" i="2" a="1"/>
  <c r="E175" i="2" s="1"/>
  <c r="E172" i="2" a="1"/>
  <c r="E172" i="2" s="1"/>
  <c r="E165" i="2" a="1"/>
  <c r="E165" i="2" s="1"/>
  <c r="E155" i="2" a="1"/>
  <c r="E155" i="2" s="1"/>
  <c r="E161" i="2" a="1"/>
  <c r="E161" i="2" s="1"/>
  <c r="E177" i="2" a="1"/>
  <c r="E177" i="2" s="1"/>
  <c r="E167" i="2" a="1"/>
  <c r="E167" i="2" s="1"/>
  <c r="E156" i="2" a="1"/>
  <c r="E156" i="2" s="1"/>
  <c r="E158" i="2" a="1"/>
  <c r="E158" i="2" s="1"/>
  <c r="E173" i="2" a="1"/>
  <c r="E173" i="2" s="1"/>
  <c r="E169" i="2" a="1"/>
  <c r="E169" i="2" s="1"/>
  <c r="E174" i="2" a="1"/>
  <c r="E174" i="2" s="1"/>
  <c r="E163" i="2" a="1"/>
  <c r="E163" i="2" s="1"/>
  <c r="E176" i="2" a="1"/>
  <c r="E176" i="2" s="1"/>
  <c r="E154" i="2" a="1"/>
  <c r="E154" i="2" s="1"/>
  <c r="E171" i="2" a="1"/>
  <c r="E171" i="2" s="1"/>
  <c r="E162" i="2" a="1"/>
  <c r="E162" i="2" s="1"/>
  <c r="E160" i="2" a="1"/>
  <c r="E160" i="2" s="1"/>
  <c r="G7421" i="2" a="1"/>
  <c r="G7421" i="2" s="1"/>
  <c r="G7413" i="2" a="1"/>
  <c r="G7413" i="2" s="1"/>
  <c r="G7412" i="2" a="1"/>
  <c r="G7412" i="2" s="1"/>
  <c r="G7414" i="2" a="1"/>
  <c r="G7414" i="2" s="1"/>
  <c r="G7409" i="2" a="1"/>
  <c r="G7409" i="2" s="1"/>
  <c r="G7416" i="2" a="1"/>
  <c r="G7416" i="2" s="1"/>
  <c r="G7405" i="2" a="1"/>
  <c r="G7405" i="2" s="1"/>
  <c r="G7407" i="2" a="1"/>
  <c r="G7407" i="2" s="1"/>
  <c r="G7417" i="2" a="1"/>
  <c r="G7417" i="2" s="1"/>
  <c r="G7406" i="2" a="1"/>
  <c r="G7406" i="2" s="1"/>
  <c r="G7422" i="2" a="1"/>
  <c r="G7422" i="2" s="1"/>
  <c r="G7425" i="2" a="1"/>
  <c r="G7425" i="2" s="1"/>
  <c r="G7419" i="2" a="1"/>
  <c r="G7419" i="2" s="1"/>
  <c r="G7415" i="2" a="1"/>
  <c r="G7415" i="2" s="1"/>
  <c r="G7424" i="2" a="1"/>
  <c r="G7424" i="2" s="1"/>
  <c r="G7404" i="2" a="1"/>
  <c r="G7404" i="2" s="1"/>
  <c r="G7420" i="2" a="1"/>
  <c r="G7420" i="2" s="1"/>
  <c r="G7408" i="2" a="1"/>
  <c r="G7408" i="2" s="1"/>
  <c r="G7410" i="2" a="1"/>
  <c r="G7410" i="2" s="1"/>
  <c r="G7411" i="2" a="1"/>
  <c r="G7411" i="2" s="1"/>
  <c r="G7403" i="2" a="1"/>
  <c r="G7403" i="2" s="1"/>
  <c r="G7418" i="2" a="1"/>
  <c r="G7418" i="2" s="1"/>
  <c r="G7423" i="2" a="1"/>
  <c r="G7423" i="2" s="1"/>
  <c r="G7402" i="2" a="1"/>
  <c r="G7402" i="2" s="1"/>
  <c r="D3023" i="2" a="1"/>
  <c r="D3023" i="2" s="1"/>
  <c r="D3031" i="2" a="1"/>
  <c r="D3031" i="2" s="1"/>
  <c r="D3012" i="2" a="1"/>
  <c r="D3012" i="2" s="1"/>
  <c r="D3013" i="2" a="1"/>
  <c r="D3013" i="2" s="1"/>
  <c r="D3014" i="2" a="1"/>
  <c r="D3014" i="2" s="1"/>
  <c r="D3019" i="2" a="1"/>
  <c r="D3019" i="2" s="1"/>
  <c r="D3026" i="2" a="1"/>
  <c r="D3026" i="2" s="1"/>
  <c r="D3025" i="2" a="1"/>
  <c r="D3025" i="2" s="1"/>
  <c r="D3022" i="2" a="1"/>
  <c r="D3022" i="2" s="1"/>
  <c r="D3028" i="2" a="1"/>
  <c r="D3028" i="2" s="1"/>
  <c r="D3030" i="2" a="1"/>
  <c r="D3030" i="2" s="1"/>
  <c r="D3017" i="2" a="1"/>
  <c r="D3017" i="2" s="1"/>
  <c r="D3011" i="2" a="1"/>
  <c r="D3011" i="2" s="1"/>
  <c r="D3021" i="2" a="1"/>
  <c r="D3021" i="2" s="1"/>
  <c r="D3024" i="2" a="1"/>
  <c r="D3024" i="2" s="1"/>
  <c r="D3015" i="2" a="1"/>
  <c r="D3015" i="2" s="1"/>
  <c r="D3020" i="2" a="1"/>
  <c r="D3020" i="2" s="1"/>
  <c r="D3027" i="2" a="1"/>
  <c r="D3027" i="2" s="1"/>
  <c r="D3016" i="2" a="1"/>
  <c r="D3016" i="2" s="1"/>
  <c r="D3010" i="2" a="1"/>
  <c r="D3010" i="2" s="1"/>
  <c r="D3029" i="2" a="1"/>
  <c r="D3029" i="2" s="1"/>
  <c r="D3032" i="2" a="1"/>
  <c r="D3032" i="2" s="1"/>
  <c r="D3018" i="2" a="1"/>
  <c r="D3018" i="2" s="1"/>
  <c r="D3033" i="2" a="1"/>
  <c r="D3033" i="2" s="1"/>
  <c r="G1676" i="2" a="1"/>
  <c r="G1676" i="2" s="1"/>
  <c r="G1673" i="2" a="1"/>
  <c r="G1673" i="2" s="1"/>
  <c r="G1671" i="2" a="1"/>
  <c r="G1671" i="2" s="1"/>
  <c r="G1688" i="2" a="1"/>
  <c r="G1688" i="2" s="1"/>
  <c r="G1679" i="2" a="1"/>
  <c r="G1679" i="2" s="1"/>
  <c r="G1674" i="2" a="1"/>
  <c r="G1674" i="2" s="1"/>
  <c r="G1668" i="2" a="1"/>
  <c r="G1668" i="2" s="1"/>
  <c r="G1672" i="2" a="1"/>
  <c r="G1672" i="2" s="1"/>
  <c r="G1677" i="2" a="1"/>
  <c r="G1677" i="2" s="1"/>
  <c r="G1680" i="2" a="1"/>
  <c r="G1680" i="2" s="1"/>
  <c r="G1670" i="2" a="1"/>
  <c r="G1670" i="2" s="1"/>
  <c r="G1678" i="2" a="1"/>
  <c r="G1678" i="2" s="1"/>
  <c r="G1685" i="2" a="1"/>
  <c r="G1685" i="2" s="1"/>
  <c r="G1666" i="2" a="1"/>
  <c r="G1666" i="2" s="1"/>
  <c r="G1681" i="2" a="1"/>
  <c r="G1681" i="2" s="1"/>
  <c r="G1682" i="2" a="1"/>
  <c r="G1682" i="2" s="1"/>
  <c r="G1683" i="2" a="1"/>
  <c r="G1683" i="2" s="1"/>
  <c r="G1686" i="2" a="1"/>
  <c r="G1686" i="2" s="1"/>
  <c r="G1687" i="2" a="1"/>
  <c r="G1687" i="2" s="1"/>
  <c r="G1684" i="2" a="1"/>
  <c r="G1684" i="2" s="1"/>
  <c r="G1689" i="2" a="1"/>
  <c r="G1689" i="2" s="1"/>
  <c r="G1669" i="2" a="1"/>
  <c r="G1669" i="2" s="1"/>
  <c r="G1675" i="2" a="1"/>
  <c r="G1675" i="2" s="1"/>
  <c r="G1667" i="2" a="1"/>
  <c r="G1667" i="2" s="1"/>
  <c r="D8429" i="2" a="1"/>
  <c r="D8429" i="2" s="1"/>
  <c r="D8410" i="2" a="1"/>
  <c r="D8410" i="2" s="1"/>
  <c r="D8417" i="2" a="1"/>
  <c r="D8417" i="2" s="1"/>
  <c r="D8421" i="2" a="1"/>
  <c r="D8421" i="2" s="1"/>
  <c r="D8411" i="2" a="1"/>
  <c r="D8411" i="2" s="1"/>
  <c r="D8430" i="2" a="1"/>
  <c r="D8430" i="2" s="1"/>
  <c r="D8428" i="2" a="1"/>
  <c r="D8428" i="2" s="1"/>
  <c r="D8423" i="2" a="1"/>
  <c r="D8423" i="2" s="1"/>
  <c r="D8412" i="2" a="1"/>
  <c r="D8412" i="2" s="1"/>
  <c r="D8425" i="2" a="1"/>
  <c r="D8425" i="2" s="1"/>
  <c r="D8426" i="2" a="1"/>
  <c r="D8426" i="2" s="1"/>
  <c r="D8418" i="2" a="1"/>
  <c r="D8418" i="2" s="1"/>
  <c r="D8427" i="2" a="1"/>
  <c r="D8427" i="2" s="1"/>
  <c r="D8419" i="2" a="1"/>
  <c r="D8419" i="2" s="1"/>
  <c r="D8422" i="2" a="1"/>
  <c r="D8422" i="2" s="1"/>
  <c r="D8415" i="2" a="1"/>
  <c r="D8415" i="2" s="1"/>
  <c r="D8416" i="2" a="1"/>
  <c r="D8416" i="2" s="1"/>
  <c r="D8433" i="2" a="1"/>
  <c r="D8433" i="2" s="1"/>
  <c r="D8414" i="2" a="1"/>
  <c r="D8414" i="2" s="1"/>
  <c r="D8432" i="2" a="1"/>
  <c r="D8432" i="2" s="1"/>
  <c r="D8420" i="2" a="1"/>
  <c r="D8420" i="2" s="1"/>
  <c r="D8424" i="2" a="1"/>
  <c r="D8424" i="2" s="1"/>
  <c r="D8413" i="2" a="1"/>
  <c r="D8413" i="2" s="1"/>
  <c r="D8431" i="2" a="1"/>
  <c r="D8431" i="2" s="1"/>
  <c r="H2539" i="2" a="1"/>
  <c r="H2539" i="2" s="1"/>
  <c r="H2531" i="2" a="1"/>
  <c r="H2531" i="2" s="1"/>
  <c r="H2542" i="2" a="1"/>
  <c r="H2542" i="2" s="1"/>
  <c r="H2553" i="2" a="1"/>
  <c r="H2553" i="2" s="1"/>
  <c r="H2533" i="2" a="1"/>
  <c r="H2533" i="2" s="1"/>
  <c r="H2548" i="2" a="1"/>
  <c r="H2548" i="2" s="1"/>
  <c r="H2532" i="2" a="1"/>
  <c r="H2532" i="2" s="1"/>
  <c r="H2540" i="2" a="1"/>
  <c r="H2540" i="2" s="1"/>
  <c r="H2541" i="2" a="1"/>
  <c r="H2541" i="2" s="1"/>
  <c r="H2552" i="2" a="1"/>
  <c r="H2552" i="2" s="1"/>
  <c r="H2534" i="2" a="1"/>
  <c r="H2534" i="2" s="1"/>
  <c r="H2530" i="2" a="1"/>
  <c r="H2530" i="2" s="1"/>
  <c r="H2543" i="2" a="1"/>
  <c r="H2543" i="2" s="1"/>
  <c r="H2536" i="2" a="1"/>
  <c r="H2536" i="2" s="1"/>
  <c r="H2547" i="2" a="1"/>
  <c r="H2547" i="2" s="1"/>
  <c r="H2544" i="2" a="1"/>
  <c r="H2544" i="2" s="1"/>
  <c r="H2538" i="2" a="1"/>
  <c r="H2538" i="2" s="1"/>
  <c r="H2551" i="2" a="1"/>
  <c r="H2551" i="2" s="1"/>
  <c r="H2550" i="2" a="1"/>
  <c r="H2550" i="2" s="1"/>
  <c r="H2549" i="2" a="1"/>
  <c r="H2549" i="2" s="1"/>
  <c r="H2537" i="2" a="1"/>
  <c r="H2537" i="2" s="1"/>
  <c r="H2545" i="2" a="1"/>
  <c r="H2545" i="2" s="1"/>
  <c r="H2546" i="2" a="1"/>
  <c r="H2546" i="2" s="1"/>
  <c r="H2535" i="2" a="1"/>
  <c r="H2535" i="2" s="1"/>
  <c r="D7579" i="2" a="1"/>
  <c r="D7579" i="2" s="1"/>
  <c r="D7582" i="2" a="1"/>
  <c r="D7582" i="2" s="1"/>
  <c r="D7571" i="2" a="1"/>
  <c r="D7571" i="2" s="1"/>
  <c r="D7590" i="2" a="1"/>
  <c r="D7590" i="2" s="1"/>
  <c r="D7572" i="2" a="1"/>
  <c r="D7572" i="2" s="1"/>
  <c r="D7574" i="2" a="1"/>
  <c r="D7574" i="2" s="1"/>
  <c r="D7573" i="2" a="1"/>
  <c r="D7573" i="2" s="1"/>
  <c r="D7570" i="2" a="1"/>
  <c r="D7570" i="2" s="1"/>
  <c r="D7576" i="2" a="1"/>
  <c r="D7576" i="2" s="1"/>
  <c r="D7588" i="2" a="1"/>
  <c r="D7588" i="2" s="1"/>
  <c r="D7577" i="2" a="1"/>
  <c r="D7577" i="2" s="1"/>
  <c r="D7583" i="2" a="1"/>
  <c r="D7583" i="2" s="1"/>
  <c r="D7578" i="2" a="1"/>
  <c r="D7578" i="2" s="1"/>
  <c r="D7580" i="2" a="1"/>
  <c r="D7580" i="2" s="1"/>
  <c r="D7591" i="2" a="1"/>
  <c r="D7591" i="2" s="1"/>
  <c r="D7585" i="2" a="1"/>
  <c r="D7585" i="2" s="1"/>
  <c r="D7581" i="2" a="1"/>
  <c r="D7581" i="2" s="1"/>
  <c r="D7592" i="2" a="1"/>
  <c r="D7592" i="2" s="1"/>
  <c r="D7584" i="2" a="1"/>
  <c r="D7584" i="2" s="1"/>
  <c r="D7587" i="2" a="1"/>
  <c r="D7587" i="2" s="1"/>
  <c r="D7575" i="2" a="1"/>
  <c r="D7575" i="2" s="1"/>
  <c r="D7593" i="2" a="1"/>
  <c r="D7593" i="2" s="1"/>
  <c r="D7586" i="2" a="1"/>
  <c r="D7586" i="2" s="1"/>
  <c r="D7589" i="2" a="1"/>
  <c r="D7589" i="2" s="1"/>
  <c r="D1176" i="2" a="1"/>
  <c r="D1176" i="2" s="1"/>
  <c r="D1184" i="2" a="1"/>
  <c r="D1184" i="2" s="1"/>
  <c r="D1174" i="2" a="1"/>
  <c r="D1174" i="2" s="1"/>
  <c r="D1164" i="2" a="1"/>
  <c r="D1164" i="2" s="1"/>
  <c r="D1166" i="2" a="1"/>
  <c r="D1166" i="2" s="1"/>
  <c r="D1185" i="2" a="1"/>
  <c r="D1185" i="2" s="1"/>
  <c r="D1168" i="2" a="1"/>
  <c r="D1168" i="2" s="1"/>
  <c r="D1175" i="2" a="1"/>
  <c r="D1175" i="2" s="1"/>
  <c r="D1169" i="2" a="1"/>
  <c r="D1169" i="2" s="1"/>
  <c r="D1178" i="2" a="1"/>
  <c r="D1178" i="2" s="1"/>
  <c r="D1170" i="2" a="1"/>
  <c r="D1170" i="2" s="1"/>
  <c r="D1173" i="2" a="1"/>
  <c r="D1173" i="2" s="1"/>
  <c r="D1177" i="2" a="1"/>
  <c r="D1177" i="2" s="1"/>
  <c r="D1180" i="2" a="1"/>
  <c r="D1180" i="2" s="1"/>
  <c r="D1182" i="2" a="1"/>
  <c r="D1182" i="2" s="1"/>
  <c r="D1162" i="2" a="1"/>
  <c r="D1162" i="2" s="1"/>
  <c r="D1171" i="2" a="1"/>
  <c r="D1171" i="2" s="1"/>
  <c r="D1181" i="2" a="1"/>
  <c r="D1181" i="2" s="1"/>
  <c r="D1179" i="2" a="1"/>
  <c r="D1179" i="2" s="1"/>
  <c r="D1167" i="2" a="1"/>
  <c r="D1167" i="2" s="1"/>
  <c r="D1183" i="2" a="1"/>
  <c r="D1183" i="2" s="1"/>
  <c r="D1165" i="2" a="1"/>
  <c r="D1165" i="2" s="1"/>
  <c r="D1172" i="2" a="1"/>
  <c r="D1172" i="2" s="1"/>
  <c r="D1163" i="2" a="1"/>
  <c r="D1163" i="2" s="1"/>
  <c r="H2357" i="2" a="1"/>
  <c r="H2357" i="2" s="1"/>
  <c r="H2361" i="2" a="1"/>
  <c r="H2361" i="2" s="1"/>
  <c r="H2342" i="2" a="1"/>
  <c r="H2342" i="2" s="1"/>
  <c r="H2350" i="2" a="1"/>
  <c r="H2350" i="2" s="1"/>
  <c r="H2348" i="2" a="1"/>
  <c r="H2348" i="2" s="1"/>
  <c r="H2343" i="2" a="1"/>
  <c r="H2343" i="2" s="1"/>
  <c r="H2338" i="2" a="1"/>
  <c r="H2338" i="2" s="1"/>
  <c r="H2358" i="2" a="1"/>
  <c r="H2358" i="2" s="1"/>
  <c r="H2354" i="2" a="1"/>
  <c r="H2354" i="2" s="1"/>
  <c r="H2344" i="2" a="1"/>
  <c r="H2344" i="2" s="1"/>
  <c r="H2351" i="2" a="1"/>
  <c r="H2351" i="2" s="1"/>
  <c r="H2345" i="2" a="1"/>
  <c r="H2345" i="2" s="1"/>
  <c r="H2355" i="2" a="1"/>
  <c r="H2355" i="2" s="1"/>
  <c r="H2346" i="2" a="1"/>
  <c r="H2346" i="2" s="1"/>
  <c r="H2352" i="2" a="1"/>
  <c r="H2352" i="2" s="1"/>
  <c r="H2340" i="2" a="1"/>
  <c r="H2340" i="2" s="1"/>
  <c r="H2347" i="2" a="1"/>
  <c r="H2347" i="2" s="1"/>
  <c r="H2349" i="2" a="1"/>
  <c r="H2349" i="2" s="1"/>
  <c r="H2356" i="2" a="1"/>
  <c r="H2356" i="2" s="1"/>
  <c r="H2359" i="2" a="1"/>
  <c r="H2359" i="2" s="1"/>
  <c r="H2339" i="2" a="1"/>
  <c r="H2339" i="2" s="1"/>
  <c r="H2341" i="2" a="1"/>
  <c r="H2341" i="2" s="1"/>
  <c r="H2360" i="2" a="1"/>
  <c r="H2360" i="2" s="1"/>
  <c r="H2353" i="2" a="1"/>
  <c r="H2353" i="2" s="1"/>
  <c r="H4056" i="2" a="1"/>
  <c r="H4056" i="2" s="1"/>
  <c r="H4064" i="2" a="1"/>
  <c r="H4064" i="2" s="1"/>
  <c r="H4057" i="2" a="1"/>
  <c r="H4057" i="2" s="1"/>
  <c r="H4059" i="2" a="1"/>
  <c r="H4059" i="2" s="1"/>
  <c r="H4042" i="2" a="1"/>
  <c r="H4042" i="2" s="1"/>
  <c r="H4050" i="2" a="1"/>
  <c r="H4050" i="2" s="1"/>
  <c r="H4054" i="2" a="1"/>
  <c r="H4054" i="2" s="1"/>
  <c r="H4061" i="2" a="1"/>
  <c r="H4061" i="2" s="1"/>
  <c r="H4045" i="2" a="1"/>
  <c r="H4045" i="2" s="1"/>
  <c r="H4043" i="2" a="1"/>
  <c r="H4043" i="2" s="1"/>
  <c r="H4046" i="2" a="1"/>
  <c r="H4046" i="2" s="1"/>
  <c r="H4052" i="2" a="1"/>
  <c r="H4052" i="2" s="1"/>
  <c r="H4060" i="2" a="1"/>
  <c r="H4060" i="2" s="1"/>
  <c r="H4063" i="2" a="1"/>
  <c r="H4063" i="2" s="1"/>
  <c r="H4053" i="2" a="1"/>
  <c r="H4053" i="2" s="1"/>
  <c r="H4051" i="2" a="1"/>
  <c r="H4051" i="2" s="1"/>
  <c r="H4049" i="2" a="1"/>
  <c r="H4049" i="2" s="1"/>
  <c r="H4047" i="2" a="1"/>
  <c r="H4047" i="2" s="1"/>
  <c r="H4055" i="2" a="1"/>
  <c r="H4055" i="2" s="1"/>
  <c r="H4044" i="2" a="1"/>
  <c r="H4044" i="2" s="1"/>
  <c r="H4048" i="2" a="1"/>
  <c r="H4048" i="2" s="1"/>
  <c r="H4058" i="2" a="1"/>
  <c r="H4058" i="2" s="1"/>
  <c r="H4062" i="2" a="1"/>
  <c r="H4062" i="2" s="1"/>
  <c r="H4065" i="2" a="1"/>
  <c r="H4065" i="2" s="1"/>
  <c r="D3888" i="2" a="1"/>
  <c r="D3888" i="2" s="1"/>
  <c r="D3894" i="2" a="1"/>
  <c r="D3894" i="2" s="1"/>
  <c r="D3890" i="2" a="1"/>
  <c r="D3890" i="2" s="1"/>
  <c r="D3882" i="2" a="1"/>
  <c r="D3882" i="2" s="1"/>
  <c r="D3874" i="2" a="1"/>
  <c r="D3874" i="2" s="1"/>
  <c r="D3878" i="2" a="1"/>
  <c r="D3878" i="2" s="1"/>
  <c r="D3886" i="2" a="1"/>
  <c r="D3886" i="2" s="1"/>
  <c r="D3879" i="2" a="1"/>
  <c r="D3879" i="2" s="1"/>
  <c r="D3889" i="2" a="1"/>
  <c r="D3889" i="2" s="1"/>
  <c r="D3875" i="2" a="1"/>
  <c r="D3875" i="2" s="1"/>
  <c r="D3881" i="2" a="1"/>
  <c r="D3881" i="2" s="1"/>
  <c r="D3897" i="2" a="1"/>
  <c r="D3897" i="2" s="1"/>
  <c r="D3891" i="2" a="1"/>
  <c r="D3891" i="2" s="1"/>
  <c r="D3877" i="2" a="1"/>
  <c r="D3877" i="2" s="1"/>
  <c r="D3892" i="2" a="1"/>
  <c r="D3892" i="2" s="1"/>
  <c r="D3893" i="2" a="1"/>
  <c r="D3893" i="2" s="1"/>
  <c r="D3880" i="2" a="1"/>
  <c r="D3880" i="2" s="1"/>
  <c r="D3876" i="2" a="1"/>
  <c r="D3876" i="2" s="1"/>
  <c r="D3896" i="2" a="1"/>
  <c r="D3896" i="2" s="1"/>
  <c r="D3883" i="2" a="1"/>
  <c r="D3883" i="2" s="1"/>
  <c r="D3884" i="2" a="1"/>
  <c r="D3884" i="2" s="1"/>
  <c r="D3895" i="2" a="1"/>
  <c r="D3895" i="2" s="1"/>
  <c r="D3885" i="2" a="1"/>
  <c r="D3885" i="2" s="1"/>
  <c r="D3887" i="2" a="1"/>
  <c r="D3887" i="2" s="1"/>
  <c r="G7210" i="2" a="1"/>
  <c r="G7210" i="2" s="1"/>
  <c r="G7227" i="2" a="1"/>
  <c r="G7227" i="2" s="1"/>
  <c r="G7214" i="2" a="1"/>
  <c r="G7214" i="2" s="1"/>
  <c r="G7228" i="2" a="1"/>
  <c r="G7228" i="2" s="1"/>
  <c r="G7223" i="2" a="1"/>
  <c r="G7223" i="2" s="1"/>
  <c r="G7230" i="2" a="1"/>
  <c r="G7230" i="2" s="1"/>
  <c r="G7221" i="2" a="1"/>
  <c r="G7221" i="2" s="1"/>
  <c r="G7222" i="2" a="1"/>
  <c r="G7222" i="2" s="1"/>
  <c r="G7216" i="2" a="1"/>
  <c r="G7216" i="2" s="1"/>
  <c r="G7212" i="2" a="1"/>
  <c r="G7212" i="2" s="1"/>
  <c r="G7213" i="2" a="1"/>
  <c r="G7213" i="2" s="1"/>
  <c r="G7231" i="2" a="1"/>
  <c r="G7231" i="2" s="1"/>
  <c r="G7232" i="2" a="1"/>
  <c r="G7232" i="2" s="1"/>
  <c r="G7211" i="2" a="1"/>
  <c r="G7211" i="2" s="1"/>
  <c r="G7225" i="2" a="1"/>
  <c r="G7225" i="2" s="1"/>
  <c r="G7220" i="2" a="1"/>
  <c r="G7220" i="2" s="1"/>
  <c r="G7226" i="2" a="1"/>
  <c r="G7226" i="2" s="1"/>
  <c r="G7233" i="2" a="1"/>
  <c r="G7233" i="2" s="1"/>
  <c r="G7217" i="2" a="1"/>
  <c r="G7217" i="2" s="1"/>
  <c r="G7219" i="2" a="1"/>
  <c r="G7219" i="2" s="1"/>
  <c r="G7224" i="2" a="1"/>
  <c r="G7224" i="2" s="1"/>
  <c r="G7218" i="2" a="1"/>
  <c r="G7218" i="2" s="1"/>
  <c r="G7215" i="2" a="1"/>
  <c r="G7215" i="2" s="1"/>
  <c r="G7229" i="2" a="1"/>
  <c r="G7229" i="2" s="1"/>
  <c r="H6900" i="2" a="1"/>
  <c r="H6900" i="2" s="1"/>
  <c r="H6901" i="2" a="1"/>
  <c r="H6901" i="2" s="1"/>
  <c r="H6909" i="2" a="1"/>
  <c r="H6909" i="2" s="1"/>
  <c r="H6917" i="2" a="1"/>
  <c r="H6917" i="2" s="1"/>
  <c r="H6910" i="2" a="1"/>
  <c r="H6910" i="2" s="1"/>
  <c r="H6916" i="2" a="1"/>
  <c r="H6916" i="2" s="1"/>
  <c r="H6905" i="2" a="1"/>
  <c r="H6905" i="2" s="1"/>
  <c r="H6902" i="2" a="1"/>
  <c r="H6902" i="2" s="1"/>
  <c r="H6898" i="2" a="1"/>
  <c r="H6898" i="2" s="1"/>
  <c r="H6904" i="2" a="1"/>
  <c r="H6904" i="2" s="1"/>
  <c r="H6913" i="2" a="1"/>
  <c r="H6913" i="2" s="1"/>
  <c r="H6906" i="2" a="1"/>
  <c r="H6906" i="2" s="1"/>
  <c r="H6899" i="2" a="1"/>
  <c r="H6899" i="2" s="1"/>
  <c r="H6914" i="2" a="1"/>
  <c r="H6914" i="2" s="1"/>
  <c r="H6918" i="2" a="1"/>
  <c r="H6918" i="2" s="1"/>
  <c r="H6903" i="2" a="1"/>
  <c r="H6903" i="2" s="1"/>
  <c r="H6912" i="2" a="1"/>
  <c r="H6912" i="2" s="1"/>
  <c r="H6907" i="2" a="1"/>
  <c r="H6907" i="2" s="1"/>
  <c r="H6915" i="2" a="1"/>
  <c r="H6915" i="2" s="1"/>
  <c r="H6919" i="2" a="1"/>
  <c r="H6919" i="2" s="1"/>
  <c r="H6920" i="2" a="1"/>
  <c r="H6920" i="2" s="1"/>
  <c r="H6921" i="2" a="1"/>
  <c r="H6921" i="2" s="1"/>
  <c r="H6911" i="2" a="1"/>
  <c r="H6911" i="2" s="1"/>
  <c r="H6908" i="2" a="1"/>
  <c r="H6908" i="2" s="1"/>
  <c r="H8599" i="2" a="1"/>
  <c r="H8599" i="2" s="1"/>
  <c r="H8588" i="2" a="1"/>
  <c r="H8588" i="2" s="1"/>
  <c r="H8579" i="2" a="1"/>
  <c r="H8579" i="2" s="1"/>
  <c r="H8578" i="2" a="1"/>
  <c r="H8578" i="2" s="1"/>
  <c r="H8589" i="2" a="1"/>
  <c r="H8589" i="2" s="1"/>
  <c r="H8585" i="2" a="1"/>
  <c r="H8585" i="2" s="1"/>
  <c r="H8590" i="2" a="1"/>
  <c r="H8590" i="2" s="1"/>
  <c r="H8581" i="2" a="1"/>
  <c r="H8581" i="2" s="1"/>
  <c r="H8600" i="2" a="1"/>
  <c r="H8600" i="2" s="1"/>
  <c r="H8592" i="2" a="1"/>
  <c r="H8592" i="2" s="1"/>
  <c r="H8594" i="2" a="1"/>
  <c r="H8594" i="2" s="1"/>
  <c r="H8598" i="2" a="1"/>
  <c r="H8598" i="2" s="1"/>
  <c r="H8593" i="2" a="1"/>
  <c r="H8593" i="2" s="1"/>
  <c r="H8591" i="2" a="1"/>
  <c r="H8591" i="2" s="1"/>
  <c r="H8595" i="2" a="1"/>
  <c r="H8595" i="2" s="1"/>
  <c r="H8597" i="2" a="1"/>
  <c r="H8597" i="2" s="1"/>
  <c r="H8580" i="2" a="1"/>
  <c r="H8580" i="2" s="1"/>
  <c r="H8582" i="2" a="1"/>
  <c r="H8582" i="2" s="1"/>
  <c r="H8587" i="2" a="1"/>
  <c r="H8587" i="2" s="1"/>
  <c r="H8583" i="2" a="1"/>
  <c r="H8583" i="2" s="1"/>
  <c r="H8584" i="2" a="1"/>
  <c r="H8584" i="2" s="1"/>
  <c r="H8586" i="2" a="1"/>
  <c r="H8586" i="2" s="1"/>
  <c r="H8601" i="2" a="1"/>
  <c r="H8601" i="2" s="1"/>
  <c r="H8596" i="2" a="1"/>
  <c r="H8596" i="2" s="1"/>
  <c r="D5035" i="2" a="1"/>
  <c r="D5035" i="2" s="1"/>
  <c r="D5029" i="2" a="1"/>
  <c r="D5029" i="2" s="1"/>
  <c r="D5039" i="2" a="1"/>
  <c r="D5039" i="2" s="1"/>
  <c r="D5045" i="2" a="1"/>
  <c r="D5045" i="2" s="1"/>
  <c r="D5036" i="2" a="1"/>
  <c r="D5036" i="2" s="1"/>
  <c r="D5046" i="2" a="1"/>
  <c r="D5046" i="2" s="1"/>
  <c r="D5043" i="2" a="1"/>
  <c r="D5043" i="2" s="1"/>
  <c r="D5041" i="2" a="1"/>
  <c r="D5041" i="2" s="1"/>
  <c r="D5047" i="2" a="1"/>
  <c r="D5047" i="2" s="1"/>
  <c r="D5032" i="2" a="1"/>
  <c r="D5032" i="2" s="1"/>
  <c r="D5034" i="2" a="1"/>
  <c r="D5034" i="2" s="1"/>
  <c r="D5048" i="2" a="1"/>
  <c r="D5048" i="2" s="1"/>
  <c r="D5040" i="2" a="1"/>
  <c r="D5040" i="2" s="1"/>
  <c r="D5044" i="2" a="1"/>
  <c r="D5044" i="2" s="1"/>
  <c r="D5027" i="2" a="1"/>
  <c r="D5027" i="2" s="1"/>
  <c r="D5042" i="2" a="1"/>
  <c r="D5042" i="2" s="1"/>
  <c r="D5049" i="2" a="1"/>
  <c r="D5049" i="2" s="1"/>
  <c r="D5026" i="2" a="1"/>
  <c r="D5026" i="2" s="1"/>
  <c r="D5028" i="2" a="1"/>
  <c r="D5028" i="2" s="1"/>
  <c r="D5033" i="2" a="1"/>
  <c r="D5033" i="2" s="1"/>
  <c r="D5037" i="2" a="1"/>
  <c r="D5037" i="2" s="1"/>
  <c r="D5038" i="2" a="1"/>
  <c r="D5038" i="2" s="1"/>
  <c r="D5030" i="2" a="1"/>
  <c r="D5030" i="2" s="1"/>
  <c r="D5031" i="2" a="1"/>
  <c r="D5031" i="2" s="1"/>
  <c r="F7551" i="2" a="1"/>
  <c r="F7551" i="2" s="1"/>
  <c r="F7569" i="2" a="1"/>
  <c r="F7569" i="2" s="1"/>
  <c r="F7565" i="2" a="1"/>
  <c r="F7565" i="2" s="1"/>
  <c r="F7549" i="2" a="1"/>
  <c r="F7549" i="2" s="1"/>
  <c r="F7546" i="2" a="1"/>
  <c r="F7546" i="2" s="1"/>
  <c r="F7563" i="2" a="1"/>
  <c r="F7563" i="2" s="1"/>
  <c r="F7550" i="2" a="1"/>
  <c r="F7550" i="2" s="1"/>
  <c r="F7568" i="2" a="1"/>
  <c r="F7568" i="2" s="1"/>
  <c r="F7562" i="2" a="1"/>
  <c r="F7562" i="2" s="1"/>
  <c r="F7552" i="2" a="1"/>
  <c r="F7552" i="2" s="1"/>
  <c r="F7547" i="2" a="1"/>
  <c r="F7547" i="2" s="1"/>
  <c r="F7554" i="2" a="1"/>
  <c r="F7554" i="2" s="1"/>
  <c r="F7560" i="2" a="1"/>
  <c r="F7560" i="2" s="1"/>
  <c r="F7557" i="2" a="1"/>
  <c r="F7557" i="2" s="1"/>
  <c r="F7548" i="2" a="1"/>
  <c r="F7548" i="2" s="1"/>
  <c r="F7555" i="2" a="1"/>
  <c r="F7555" i="2" s="1"/>
  <c r="F7561" i="2" a="1"/>
  <c r="F7561" i="2" s="1"/>
  <c r="F7558" i="2" a="1"/>
  <c r="F7558" i="2" s="1"/>
  <c r="F7553" i="2" a="1"/>
  <c r="F7553" i="2" s="1"/>
  <c r="F7566" i="2" a="1"/>
  <c r="F7566" i="2" s="1"/>
  <c r="F7567" i="2" a="1"/>
  <c r="F7567" i="2" s="1"/>
  <c r="F7559" i="2" a="1"/>
  <c r="F7559" i="2" s="1"/>
  <c r="F7556" i="2" a="1"/>
  <c r="F7556" i="2" s="1"/>
  <c r="F7564" i="2" a="1"/>
  <c r="F7564" i="2" s="1"/>
  <c r="D2867" i="2" a="1"/>
  <c r="D2867" i="2" s="1"/>
  <c r="D2889" i="2" a="1"/>
  <c r="D2889" i="2" s="1"/>
  <c r="D2866" i="2" a="1"/>
  <c r="D2866" i="2" s="1"/>
  <c r="D2871" i="2" a="1"/>
  <c r="D2871" i="2" s="1"/>
  <c r="D2883" i="2" a="1"/>
  <c r="D2883" i="2" s="1"/>
  <c r="D2881" i="2" a="1"/>
  <c r="D2881" i="2" s="1"/>
  <c r="D2885" i="2" a="1"/>
  <c r="D2885" i="2" s="1"/>
  <c r="D2888" i="2" a="1"/>
  <c r="D2888" i="2" s="1"/>
  <c r="D2868" i="2" a="1"/>
  <c r="D2868" i="2" s="1"/>
  <c r="D2872" i="2" a="1"/>
  <c r="D2872" i="2" s="1"/>
  <c r="D2874" i="2" a="1"/>
  <c r="D2874" i="2" s="1"/>
  <c r="D2873" i="2" a="1"/>
  <c r="D2873" i="2" s="1"/>
  <c r="D2875" i="2" a="1"/>
  <c r="D2875" i="2" s="1"/>
  <c r="D2876" i="2" a="1"/>
  <c r="D2876" i="2" s="1"/>
  <c r="D2886" i="2" a="1"/>
  <c r="D2886" i="2" s="1"/>
  <c r="D2879" i="2" a="1"/>
  <c r="D2879" i="2" s="1"/>
  <c r="D2880" i="2" a="1"/>
  <c r="D2880" i="2" s="1"/>
  <c r="D2870" i="2" a="1"/>
  <c r="D2870" i="2" s="1"/>
  <c r="D2887" i="2" a="1"/>
  <c r="D2887" i="2" s="1"/>
  <c r="D2877" i="2" a="1"/>
  <c r="D2877" i="2" s="1"/>
  <c r="D2882" i="2" a="1"/>
  <c r="D2882" i="2" s="1"/>
  <c r="D2884" i="2" a="1"/>
  <c r="D2884" i="2" s="1"/>
  <c r="D2878" i="2" a="1"/>
  <c r="D2878" i="2" s="1"/>
  <c r="D2869" i="2" a="1"/>
  <c r="D2869" i="2" s="1"/>
  <c r="E322" i="2" a="1"/>
  <c r="E322" i="2" s="1"/>
  <c r="E336" i="2" a="1"/>
  <c r="E336" i="2" s="1"/>
  <c r="E340" i="2" a="1"/>
  <c r="E340" i="2" s="1"/>
  <c r="E327" i="2" a="1"/>
  <c r="E327" i="2" s="1"/>
  <c r="E342" i="2" a="1"/>
  <c r="E342" i="2" s="1"/>
  <c r="E345" i="2" a="1"/>
  <c r="E345" i="2" s="1"/>
  <c r="E334" i="2" a="1"/>
  <c r="E334" i="2" s="1"/>
  <c r="E325" i="2" a="1"/>
  <c r="E325" i="2" s="1"/>
  <c r="E341" i="2" a="1"/>
  <c r="E341" i="2" s="1"/>
  <c r="E324" i="2" a="1"/>
  <c r="E324" i="2" s="1"/>
  <c r="E328" i="2" a="1"/>
  <c r="E328" i="2" s="1"/>
  <c r="E339" i="2" a="1"/>
  <c r="E339" i="2" s="1"/>
  <c r="E323" i="2" a="1"/>
  <c r="E323" i="2" s="1"/>
  <c r="E337" i="2" a="1"/>
  <c r="E337" i="2" s="1"/>
  <c r="E329" i="2" a="1"/>
  <c r="E329" i="2" s="1"/>
  <c r="E330" i="2" a="1"/>
  <c r="E330" i="2" s="1"/>
  <c r="E326" i="2" a="1"/>
  <c r="E326" i="2" s="1"/>
  <c r="E343" i="2" a="1"/>
  <c r="E343" i="2" s="1"/>
  <c r="E333" i="2" a="1"/>
  <c r="E333" i="2" s="1"/>
  <c r="E331" i="2" a="1"/>
  <c r="E331" i="2" s="1"/>
  <c r="E338" i="2" a="1"/>
  <c r="E338" i="2" s="1"/>
  <c r="E344" i="2" a="1"/>
  <c r="E344" i="2" s="1"/>
  <c r="E332" i="2" a="1"/>
  <c r="E332" i="2" s="1"/>
  <c r="E335" i="2" a="1"/>
  <c r="E335" i="2" s="1"/>
  <c r="D1186" i="2" a="1"/>
  <c r="D1186" i="2" s="1"/>
  <c r="D1202" i="2" a="1"/>
  <c r="D1202" i="2" s="1"/>
  <c r="D1197" i="2" a="1"/>
  <c r="D1197" i="2" s="1"/>
  <c r="D1205" i="2" a="1"/>
  <c r="D1205" i="2" s="1"/>
  <c r="D1193" i="2" a="1"/>
  <c r="D1193" i="2" s="1"/>
  <c r="D1199" i="2" a="1"/>
  <c r="D1199" i="2" s="1"/>
  <c r="D1192" i="2" a="1"/>
  <c r="D1192" i="2" s="1"/>
  <c r="D1188" i="2" a="1"/>
  <c r="D1188" i="2" s="1"/>
  <c r="D1208" i="2" a="1"/>
  <c r="D1208" i="2" s="1"/>
  <c r="D1200" i="2" a="1"/>
  <c r="D1200" i="2" s="1"/>
  <c r="D1190" i="2" a="1"/>
  <c r="D1190" i="2" s="1"/>
  <c r="D1195" i="2" a="1"/>
  <c r="D1195" i="2" s="1"/>
  <c r="D1204" i="2" a="1"/>
  <c r="D1204" i="2" s="1"/>
  <c r="D1201" i="2" a="1"/>
  <c r="D1201" i="2" s="1"/>
  <c r="D1189" i="2" a="1"/>
  <c r="D1189" i="2" s="1"/>
  <c r="D1203" i="2" a="1"/>
  <c r="D1203" i="2" s="1"/>
  <c r="D1209" i="2" a="1"/>
  <c r="D1209" i="2" s="1"/>
  <c r="D1198" i="2" a="1"/>
  <c r="D1198" i="2" s="1"/>
  <c r="D1191" i="2" a="1"/>
  <c r="D1191" i="2" s="1"/>
  <c r="D1194" i="2" a="1"/>
  <c r="D1194" i="2" s="1"/>
  <c r="D1196" i="2" a="1"/>
  <c r="D1196" i="2" s="1"/>
  <c r="D1187" i="2" a="1"/>
  <c r="D1187" i="2" s="1"/>
  <c r="D1206" i="2" a="1"/>
  <c r="D1206" i="2" s="1"/>
  <c r="D1207" i="2" a="1"/>
  <c r="D1207" i="2" s="1"/>
  <c r="G8251" i="2" a="1"/>
  <c r="G8251" i="2" s="1"/>
  <c r="G8252" i="2" a="1"/>
  <c r="G8252" i="2" s="1"/>
  <c r="G8245" i="2" a="1"/>
  <c r="G8245" i="2" s="1"/>
  <c r="G8248" i="2" a="1"/>
  <c r="G8248" i="2" s="1"/>
  <c r="G8243" i="2" a="1"/>
  <c r="G8243" i="2" s="1"/>
  <c r="G8265" i="2" a="1"/>
  <c r="G8265" i="2" s="1"/>
  <c r="G8254" i="2" a="1"/>
  <c r="G8254" i="2" s="1"/>
  <c r="G8262" i="2" a="1"/>
  <c r="G8262" i="2" s="1"/>
  <c r="G8249" i="2" a="1"/>
  <c r="G8249" i="2" s="1"/>
  <c r="G8258" i="2" a="1"/>
  <c r="G8258" i="2" s="1"/>
  <c r="G8250" i="2" a="1"/>
  <c r="G8250" i="2" s="1"/>
  <c r="G8261" i="2" a="1"/>
  <c r="G8261" i="2" s="1"/>
  <c r="G8264" i="2" a="1"/>
  <c r="G8264" i="2" s="1"/>
  <c r="G8246" i="2" a="1"/>
  <c r="G8246" i="2" s="1"/>
  <c r="G8260" i="2" a="1"/>
  <c r="G8260" i="2" s="1"/>
  <c r="G8244" i="2" a="1"/>
  <c r="G8244" i="2" s="1"/>
  <c r="G8257" i="2" a="1"/>
  <c r="G8257" i="2" s="1"/>
  <c r="G8263" i="2" a="1"/>
  <c r="G8263" i="2" s="1"/>
  <c r="G8242" i="2" a="1"/>
  <c r="G8242" i="2" s="1"/>
  <c r="G8247" i="2" a="1"/>
  <c r="G8247" i="2" s="1"/>
  <c r="G8253" i="2" a="1"/>
  <c r="G8253" i="2" s="1"/>
  <c r="G8259" i="2" a="1"/>
  <c r="G8259" i="2" s="1"/>
  <c r="G8256" i="2" a="1"/>
  <c r="G8256" i="2" s="1"/>
  <c r="G8255" i="2" a="1"/>
  <c r="G8255" i="2" s="1"/>
  <c r="H3372" i="2" l="1" a="1"/>
  <c r="H3372" i="2" s="1"/>
  <c r="H3371" i="2" a="1"/>
  <c r="H3371" i="2" s="1"/>
  <c r="H3393" i="2" a="1"/>
  <c r="H3393" i="2" s="1"/>
  <c r="H3380" i="2" a="1"/>
  <c r="H3380" i="2" s="1"/>
  <c r="H3386" i="2" a="1"/>
  <c r="H3386" i="2" s="1"/>
  <c r="H3375" i="2" a="1"/>
  <c r="H3375" i="2" s="1"/>
  <c r="H3370" i="2" a="1"/>
  <c r="H3370" i="2" s="1"/>
  <c r="H3383" i="2" a="1"/>
  <c r="H3383" i="2" s="1"/>
  <c r="H3391" i="2" a="1"/>
  <c r="H3391" i="2" s="1"/>
  <c r="H3376" i="2" a="1"/>
  <c r="H3376" i="2" s="1"/>
  <c r="F2959" i="2" a="1"/>
  <c r="F2959" i="2" s="1"/>
  <c r="F2956" i="2" a="1"/>
  <c r="F2956" i="2" s="1"/>
  <c r="F2953" i="2" a="1"/>
  <c r="F2953" i="2" s="1"/>
  <c r="F2961" i="2" a="1"/>
  <c r="F2961" i="2" s="1"/>
  <c r="F2960" i="2" a="1"/>
  <c r="F2960" i="2" s="1"/>
  <c r="F2952" i="2" a="1"/>
  <c r="F2952" i="2" s="1"/>
  <c r="G552" i="2" a="1"/>
  <c r="G552" i="2" s="1"/>
  <c r="G541" i="2" a="1"/>
  <c r="G541" i="2" s="1"/>
  <c r="G551" i="2" a="1"/>
  <c r="G551" i="2" s="1"/>
  <c r="G555" i="2" a="1"/>
  <c r="G555" i="2" s="1"/>
  <c r="G547" i="2" a="1"/>
  <c r="G547" i="2" s="1"/>
  <c r="G542" i="2" a="1"/>
  <c r="G542" i="2" s="1"/>
  <c r="G548" i="2" a="1"/>
  <c r="G548" i="2" s="1"/>
  <c r="G559" i="2" a="1"/>
  <c r="G559" i="2" s="1"/>
  <c r="G545" i="2" a="1"/>
  <c r="G545" i="2" s="1"/>
  <c r="G554" i="2" a="1"/>
  <c r="G554" i="2" s="1"/>
  <c r="G550" i="2" a="1"/>
  <c r="G550" i="2" s="1"/>
  <c r="G546" i="2" a="1"/>
  <c r="G546" i="2" s="1"/>
  <c r="G557" i="2" a="1"/>
  <c r="G557" i="2" s="1"/>
  <c r="E6944" i="2" a="1"/>
  <c r="E6944" i="2" s="1"/>
  <c r="E6932" i="2" a="1"/>
  <c r="E6932" i="2" s="1"/>
  <c r="E6936" i="2" a="1"/>
  <c r="E6936" i="2" s="1"/>
  <c r="E6935" i="2" a="1"/>
  <c r="E6935" i="2" s="1"/>
  <c r="E6933" i="2" a="1"/>
  <c r="E6933" i="2" s="1"/>
  <c r="E6938" i="2" a="1"/>
  <c r="E6938" i="2" s="1"/>
  <c r="E6929" i="2" a="1"/>
  <c r="E6929" i="2" s="1"/>
  <c r="E6930" i="2" a="1"/>
  <c r="E6930" i="2" s="1"/>
  <c r="E6931" i="2" a="1"/>
  <c r="E6931" i="2" s="1"/>
  <c r="H645" i="2" a="1"/>
  <c r="H645" i="2" s="1"/>
  <c r="H654" i="2" a="1"/>
  <c r="H654" i="2" s="1"/>
  <c r="H656" i="2" a="1"/>
  <c r="H656" i="2" s="1"/>
  <c r="H634" i="2" a="1"/>
  <c r="H634" i="2" s="1"/>
  <c r="H652" i="2" a="1"/>
  <c r="H652" i="2" s="1"/>
  <c r="H642" i="2" a="1"/>
  <c r="H642" i="2" s="1"/>
  <c r="H640" i="2" a="1"/>
  <c r="H640" i="2" s="1"/>
  <c r="H643" i="2" a="1"/>
  <c r="H643" i="2" s="1"/>
  <c r="H639" i="2" a="1"/>
  <c r="H639" i="2" s="1"/>
  <c r="H635" i="2" a="1"/>
  <c r="H635" i="2" s="1"/>
  <c r="H647" i="2" a="1"/>
  <c r="H647" i="2" s="1"/>
  <c r="H653" i="2" a="1"/>
  <c r="H653" i="2" s="1"/>
  <c r="H646" i="2" a="1"/>
  <c r="H646" i="2" s="1"/>
  <c r="H657" i="2" a="1"/>
  <c r="H657" i="2" s="1"/>
  <c r="H636" i="2" a="1"/>
  <c r="H636" i="2" s="1"/>
  <c r="E4117" i="2" a="1"/>
  <c r="E4117" i="2" s="1"/>
  <c r="E4123" i="2" a="1"/>
  <c r="E4123" i="2" s="1"/>
  <c r="E4137" i="2" a="1"/>
  <c r="E4137" i="2" s="1"/>
  <c r="E4127" i="2" a="1"/>
  <c r="E4127" i="2" s="1"/>
  <c r="E4131" i="2" a="1"/>
  <c r="E4131" i="2" s="1"/>
  <c r="E4125" i="2" a="1"/>
  <c r="E4125" i="2" s="1"/>
  <c r="E4115" i="2" a="1"/>
  <c r="E4115" i="2" s="1"/>
  <c r="E4120" i="2" a="1"/>
  <c r="E4120" i="2" s="1"/>
  <c r="E4129" i="2" a="1"/>
  <c r="E4129" i="2" s="1"/>
  <c r="E4114" i="2" a="1"/>
  <c r="E4114" i="2" s="1"/>
  <c r="E4132" i="2" a="1"/>
  <c r="E4132" i="2" s="1"/>
  <c r="E4121" i="2" a="1"/>
  <c r="E4121" i="2" s="1"/>
  <c r="E4135" i="2" a="1"/>
  <c r="E4135" i="2" s="1"/>
  <c r="E4133" i="2" a="1"/>
  <c r="E4133" i="2" s="1"/>
  <c r="E4118" i="2" a="1"/>
  <c r="E4118" i="2" s="1"/>
  <c r="E4126" i="2" a="1"/>
  <c r="E4126" i="2" s="1"/>
  <c r="E2797" i="2" a="1"/>
  <c r="E2797" i="2" s="1"/>
  <c r="E2802" i="2" a="1"/>
  <c r="E2802" i="2" s="1"/>
  <c r="E2807" i="2" a="1"/>
  <c r="E2807" i="2" s="1"/>
  <c r="E2798" i="2" a="1"/>
  <c r="E2798" i="2" s="1"/>
  <c r="E2803" i="2" a="1"/>
  <c r="E2803" i="2" s="1"/>
  <c r="E2805" i="2" a="1"/>
  <c r="E2805" i="2" s="1"/>
  <c r="E2817" i="2" a="1"/>
  <c r="E2817" i="2" s="1"/>
  <c r="E2812" i="2" a="1"/>
  <c r="E2812" i="2" s="1"/>
  <c r="E2801" i="2" a="1"/>
  <c r="E2801" i="2" s="1"/>
  <c r="E2809" i="2" a="1"/>
  <c r="E2809" i="2" s="1"/>
  <c r="E2796" i="2" a="1"/>
  <c r="E2796" i="2" s="1"/>
  <c r="E2813" i="2" a="1"/>
  <c r="E2813" i="2" s="1"/>
  <c r="E2800" i="2" a="1"/>
  <c r="E2800" i="2" s="1"/>
  <c r="E2808" i="2" a="1"/>
  <c r="E2808" i="2" s="1"/>
  <c r="E2814" i="2" a="1"/>
  <c r="E2814" i="2" s="1"/>
  <c r="E2794" i="2" a="1"/>
  <c r="E2794" i="2" s="1"/>
  <c r="E2795" i="2" a="1"/>
  <c r="E2795" i="2" s="1"/>
  <c r="E5451" i="2" a="1"/>
  <c r="E5451" i="2" s="1"/>
  <c r="E5446" i="2" a="1"/>
  <c r="E5446" i="2" s="1"/>
  <c r="E5434" i="2" a="1"/>
  <c r="E5434" i="2" s="1"/>
  <c r="E5452" i="2" a="1"/>
  <c r="E5452" i="2" s="1"/>
  <c r="E5450" i="2" a="1"/>
  <c r="E5450" i="2" s="1"/>
  <c r="E5456" i="2" a="1"/>
  <c r="E5456" i="2" s="1"/>
  <c r="E5443" i="2" a="1"/>
  <c r="E5443" i="2" s="1"/>
  <c r="E5457" i="2" a="1"/>
  <c r="E5457" i="2" s="1"/>
  <c r="E5453" i="2" a="1"/>
  <c r="E5453" i="2" s="1"/>
  <c r="E5449" i="2" a="1"/>
  <c r="E5449" i="2" s="1"/>
  <c r="E5435" i="2" a="1"/>
  <c r="E5435" i="2" s="1"/>
  <c r="E5445" i="2" a="1"/>
  <c r="E5445" i="2" s="1"/>
  <c r="E5442" i="2" a="1"/>
  <c r="E5442" i="2" s="1"/>
  <c r="E5439" i="2" a="1"/>
  <c r="E5439" i="2" s="1"/>
  <c r="E5440" i="2" a="1"/>
  <c r="E5440" i="2" s="1"/>
  <c r="E5441" i="2" a="1"/>
  <c r="E5441" i="2" s="1"/>
  <c r="E5454" i="2" a="1"/>
  <c r="E5454" i="2" s="1"/>
  <c r="E5447" i="2" a="1"/>
  <c r="E5447" i="2" s="1"/>
  <c r="D5916" i="2" a="1"/>
  <c r="D5916" i="2" s="1"/>
  <c r="D5934" i="2" a="1"/>
  <c r="D5934" i="2" s="1"/>
  <c r="D5917" i="2" a="1"/>
  <c r="D5917" i="2" s="1"/>
  <c r="D5925" i="2" a="1"/>
  <c r="D5925" i="2" s="1"/>
  <c r="D5932" i="2" a="1"/>
  <c r="D5932" i="2" s="1"/>
  <c r="D5919" i="2" a="1"/>
  <c r="D5919" i="2" s="1"/>
  <c r="D5915" i="2" a="1"/>
  <c r="D5915" i="2" s="1"/>
  <c r="D5923" i="2" a="1"/>
  <c r="D5923" i="2" s="1"/>
  <c r="D5921" i="2" a="1"/>
  <c r="D5921" i="2" s="1"/>
  <c r="D5931" i="2" a="1"/>
  <c r="D5931" i="2" s="1"/>
  <c r="D5935" i="2" a="1"/>
  <c r="D5935" i="2" s="1"/>
  <c r="D5926" i="2" a="1"/>
  <c r="D5926" i="2" s="1"/>
  <c r="D5930" i="2" a="1"/>
  <c r="D5930" i="2" s="1"/>
  <c r="D5929" i="2" a="1"/>
  <c r="D5929" i="2" s="1"/>
  <c r="D5937" i="2" a="1"/>
  <c r="D5937" i="2" s="1"/>
  <c r="D5918" i="2" a="1"/>
  <c r="D5918" i="2" s="1"/>
  <c r="D5933" i="2" a="1"/>
  <c r="D5933" i="2" s="1"/>
  <c r="D5920" i="2" a="1"/>
  <c r="D5920" i="2" s="1"/>
  <c r="D5924" i="2" a="1"/>
  <c r="D5924" i="2" s="1"/>
  <c r="D5928" i="2" a="1"/>
  <c r="D5928" i="2" s="1"/>
  <c r="D5936" i="2" a="1"/>
  <c r="D5936" i="2" s="1"/>
  <c r="G1232" i="2" a="1"/>
  <c r="G1232" i="2" s="1"/>
  <c r="G1211" i="2" a="1"/>
  <c r="G1211" i="2" s="1"/>
  <c r="G1218" i="2" a="1"/>
  <c r="G1218" i="2" s="1"/>
  <c r="G1225" i="2" a="1"/>
  <c r="G1225" i="2" s="1"/>
  <c r="G1229" i="2" a="1"/>
  <c r="G1229" i="2" s="1"/>
  <c r="G1220" i="2" a="1"/>
  <c r="G1220" i="2" s="1"/>
  <c r="G1217" i="2" a="1"/>
  <c r="G1217" i="2" s="1"/>
  <c r="G1228" i="2" a="1"/>
  <c r="G1228" i="2" s="1"/>
  <c r="G1224" i="2" a="1"/>
  <c r="G1224" i="2" s="1"/>
  <c r="G1213" i="2" a="1"/>
  <c r="G1213" i="2" s="1"/>
  <c r="G1219" i="2" a="1"/>
  <c r="G1219" i="2" s="1"/>
  <c r="G1221" i="2" a="1"/>
  <c r="G1221" i="2" s="1"/>
  <c r="G1226" i="2" a="1"/>
  <c r="G1226" i="2" s="1"/>
  <c r="G1231" i="2" a="1"/>
  <c r="G1231" i="2" s="1"/>
  <c r="G1222" i="2" a="1"/>
  <c r="G1222" i="2" s="1"/>
  <c r="G1227" i="2" a="1"/>
  <c r="G1227" i="2" s="1"/>
  <c r="G1223" i="2" a="1"/>
  <c r="G1223" i="2" s="1"/>
  <c r="G1212" i="2" a="1"/>
  <c r="G1212" i="2" s="1"/>
  <c r="E671" i="2" a="1"/>
  <c r="E671" i="2" s="1"/>
  <c r="E665" i="2" a="1"/>
  <c r="E665" i="2" s="1"/>
  <c r="E679" i="2" a="1"/>
  <c r="E679" i="2" s="1"/>
  <c r="H3330" i="2" a="1"/>
  <c r="H3330" i="2" s="1"/>
  <c r="H3325" i="2" a="1"/>
  <c r="H3325" i="2" s="1"/>
  <c r="H3329" i="2" a="1"/>
  <c r="H3329" i="2" s="1"/>
  <c r="F8710" i="2" a="1"/>
  <c r="F8710" i="2" s="1"/>
  <c r="F8713" i="2" a="1"/>
  <c r="F8713" i="2" s="1"/>
  <c r="F8703" i="2" a="1"/>
  <c r="F8703" i="2" s="1"/>
  <c r="F8721" i="2" a="1"/>
  <c r="F8721" i="2" s="1"/>
  <c r="E8535" i="2" a="1"/>
  <c r="E8535" i="2" s="1"/>
  <c r="E8546" i="2" a="1"/>
  <c r="E8546" i="2" s="1"/>
  <c r="E8553" i="2" a="1"/>
  <c r="E8553" i="2" s="1"/>
  <c r="E8548" i="2" a="1"/>
  <c r="E8548" i="2" s="1"/>
  <c r="E8537" i="2" a="1"/>
  <c r="E8537" i="2" s="1"/>
  <c r="E8532" i="2" a="1"/>
  <c r="E8532" i="2" s="1"/>
  <c r="E8552" i="2" a="1"/>
  <c r="E8552" i="2" s="1"/>
  <c r="E8536" i="2" a="1"/>
  <c r="E8536" i="2" s="1"/>
  <c r="E8534" i="2" a="1"/>
  <c r="E8534" i="2" s="1"/>
  <c r="E8531" i="2" a="1"/>
  <c r="E8531" i="2" s="1"/>
  <c r="H7171" i="2" a="1"/>
  <c r="H7171" i="2" s="1"/>
  <c r="H7164" i="2" a="1"/>
  <c r="H7164" i="2" s="1"/>
  <c r="H7178" i="2" a="1"/>
  <c r="H7178" i="2" s="1"/>
  <c r="H7182" i="2" a="1"/>
  <c r="H7182" i="2" s="1"/>
  <c r="H7183" i="2" a="1"/>
  <c r="H7183" i="2" s="1"/>
  <c r="H7168" i="2" a="1"/>
  <c r="H7168" i="2" s="1"/>
  <c r="H7176" i="2" a="1"/>
  <c r="H7176" i="2" s="1"/>
  <c r="E249" i="2" a="1"/>
  <c r="E249" i="2" s="1"/>
  <c r="E245" i="2" a="1"/>
  <c r="E245" i="2" s="1"/>
  <c r="E247" i="2" a="1"/>
  <c r="E247" i="2" s="1"/>
  <c r="E229" i="2" a="1"/>
  <c r="E229" i="2" s="1"/>
  <c r="E3392" i="2" a="1"/>
  <c r="E3392" i="2" s="1"/>
  <c r="E3386" i="2" a="1"/>
  <c r="E3386" i="2" s="1"/>
  <c r="E3381" i="2" a="1"/>
  <c r="E3381" i="2" s="1"/>
  <c r="E3380" i="2" a="1"/>
  <c r="E3380" i="2" s="1"/>
  <c r="E3377" i="2" a="1"/>
  <c r="E3377" i="2" s="1"/>
  <c r="E3371" i="2" a="1"/>
  <c r="E3371" i="2" s="1"/>
  <c r="E3379" i="2" a="1"/>
  <c r="E3379" i="2" s="1"/>
  <c r="E3374" i="2" a="1"/>
  <c r="E3374" i="2" s="1"/>
  <c r="E3383" i="2" a="1"/>
  <c r="E3383" i="2" s="1"/>
  <c r="E3384" i="2" a="1"/>
  <c r="E3384" i="2" s="1"/>
  <c r="E3382" i="2" a="1"/>
  <c r="E3382" i="2" s="1"/>
  <c r="E3370" i="2" a="1"/>
  <c r="E3370" i="2" s="1"/>
  <c r="E3385" i="2" a="1"/>
  <c r="E3385" i="2" s="1"/>
  <c r="E3376" i="2" a="1"/>
  <c r="E3376" i="2" s="1"/>
  <c r="H1259" i="2" a="1"/>
  <c r="H1259" i="2" s="1"/>
  <c r="H1274" i="2" a="1"/>
  <c r="H1274" i="2" s="1"/>
  <c r="H1258" i="2" a="1"/>
  <c r="H1258" i="2" s="1"/>
  <c r="H6420" i="2" a="1"/>
  <c r="H6420" i="2" s="1"/>
  <c r="H6424" i="2" a="1"/>
  <c r="H6424" i="2" s="1"/>
  <c r="H6428" i="2" a="1"/>
  <c r="H6428" i="2" s="1"/>
  <c r="H6426" i="2" a="1"/>
  <c r="H6426" i="2" s="1"/>
  <c r="H6421" i="2" a="1"/>
  <c r="H6421" i="2" s="1"/>
  <c r="H6419" i="2" a="1"/>
  <c r="H6419" i="2" s="1"/>
  <c r="H6438" i="2" a="1"/>
  <c r="H6438" i="2" s="1"/>
  <c r="H6440" i="2" a="1"/>
  <c r="H6440" i="2" s="1"/>
  <c r="H6434" i="2" a="1"/>
  <c r="H6434" i="2" s="1"/>
  <c r="H6436" i="2" a="1"/>
  <c r="H6436" i="2" s="1"/>
  <c r="H6422" i="2" a="1"/>
  <c r="H6422" i="2" s="1"/>
  <c r="H6430" i="2" a="1"/>
  <c r="H6430" i="2" s="1"/>
  <c r="H6418" i="2" a="1"/>
  <c r="H6418" i="2" s="1"/>
  <c r="H6433" i="2" a="1"/>
  <c r="H6433" i="2" s="1"/>
  <c r="H6429" i="2" a="1"/>
  <c r="H6429" i="2" s="1"/>
  <c r="H6432" i="2" a="1"/>
  <c r="H6432" i="2" s="1"/>
  <c r="H6423" i="2" a="1"/>
  <c r="H6423" i="2" s="1"/>
  <c r="H6437" i="2" a="1"/>
  <c r="H6437" i="2" s="1"/>
  <c r="H6435" i="2" a="1"/>
  <c r="H6435" i="2" s="1"/>
  <c r="H2565" i="2" a="1"/>
  <c r="H2565" i="2" s="1"/>
  <c r="H2575" i="2" a="1"/>
  <c r="H2575" i="2" s="1"/>
  <c r="H2573" i="2" a="1"/>
  <c r="H2573" i="2" s="1"/>
  <c r="H2563" i="2" a="1"/>
  <c r="H2563" i="2" s="1"/>
  <c r="H2577" i="2" a="1"/>
  <c r="H2577" i="2" s="1"/>
  <c r="H2554" i="2" a="1"/>
  <c r="H2554" i="2" s="1"/>
  <c r="H2562" i="2" a="1"/>
  <c r="H2562" i="2" s="1"/>
  <c r="H2561" i="2" a="1"/>
  <c r="H2561" i="2" s="1"/>
  <c r="H2566" i="2" a="1"/>
  <c r="H2566" i="2" s="1"/>
  <c r="H6780" i="2" a="1"/>
  <c r="H6780" i="2" s="1"/>
  <c r="H6793" i="2" a="1"/>
  <c r="H6793" i="2" s="1"/>
  <c r="H6791" i="2" a="1"/>
  <c r="H6791" i="2" s="1"/>
  <c r="E6402" i="2" a="1"/>
  <c r="E6402" i="2" s="1"/>
  <c r="E6409" i="2" a="1"/>
  <c r="E6409" i="2" s="1"/>
  <c r="E6415" i="2" a="1"/>
  <c r="E6415" i="2" s="1"/>
  <c r="E6403" i="2" a="1"/>
  <c r="E6403" i="2" s="1"/>
  <c r="E6416" i="2" a="1"/>
  <c r="E6416" i="2" s="1"/>
  <c r="E6406" i="2" a="1"/>
  <c r="E6406" i="2" s="1"/>
  <c r="E6397" i="2" a="1"/>
  <c r="E6397" i="2" s="1"/>
  <c r="E6405" i="2" a="1"/>
  <c r="E6405" i="2" s="1"/>
  <c r="E6398" i="2" a="1"/>
  <c r="E6398" i="2" s="1"/>
  <c r="E6411" i="2" a="1"/>
  <c r="E6411" i="2" s="1"/>
  <c r="E6412" i="2" a="1"/>
  <c r="E6412" i="2" s="1"/>
  <c r="E6401" i="2" a="1"/>
  <c r="E6401" i="2" s="1"/>
  <c r="E6394" i="2" a="1"/>
  <c r="E6394" i="2" s="1"/>
  <c r="E6417" i="2" a="1"/>
  <c r="E6417" i="2" s="1"/>
  <c r="F5894" i="2" a="1"/>
  <c r="F5894" i="2" s="1"/>
  <c r="F5899" i="2" a="1"/>
  <c r="F5899" i="2" s="1"/>
  <c r="F5913" i="2" a="1"/>
  <c r="F5913" i="2" s="1"/>
  <c r="F5908" i="2" a="1"/>
  <c r="F5908" i="2" s="1"/>
  <c r="F5910" i="2" a="1"/>
  <c r="F5910" i="2" s="1"/>
  <c r="E7501" i="2" a="1"/>
  <c r="E7501" i="2" s="1"/>
  <c r="E7519" i="2" a="1"/>
  <c r="E7519" i="2" s="1"/>
  <c r="E7518" i="2" a="1"/>
  <c r="E7518" i="2" s="1"/>
  <c r="H2877" i="2" a="1"/>
  <c r="H2877" i="2" s="1"/>
  <c r="H2885" i="2" a="1"/>
  <c r="H2885" i="2" s="1"/>
  <c r="H2872" i="2" a="1"/>
  <c r="H2872" i="2" s="1"/>
  <c r="D2017" i="2" a="1"/>
  <c r="D2017" i="2" s="1"/>
  <c r="D2007" i="2" a="1"/>
  <c r="D2007" i="2" s="1"/>
  <c r="D2002" i="2" a="1"/>
  <c r="D2002" i="2" s="1"/>
  <c r="D2006" i="2" a="1"/>
  <c r="D2006" i="2" s="1"/>
  <c r="D2016" i="2" a="1"/>
  <c r="D2016" i="2" s="1"/>
  <c r="D2005" i="2" a="1"/>
  <c r="D2005" i="2" s="1"/>
  <c r="D2003" i="2" a="1"/>
  <c r="D2003" i="2" s="1"/>
  <c r="D2021" i="2" a="1"/>
  <c r="D2021" i="2" s="1"/>
  <c r="D2020" i="2" a="1"/>
  <c r="D2020" i="2" s="1"/>
  <c r="D2024" i="2" a="1"/>
  <c r="D2024" i="2" s="1"/>
  <c r="D2009" i="2" a="1"/>
  <c r="D2009" i="2" s="1"/>
  <c r="D2019" i="2" a="1"/>
  <c r="D2019" i="2" s="1"/>
  <c r="D2022" i="2" a="1"/>
  <c r="D2022" i="2" s="1"/>
  <c r="D2018" i="2" a="1"/>
  <c r="D2018" i="2" s="1"/>
  <c r="D2004" i="2" a="1"/>
  <c r="D2004" i="2" s="1"/>
  <c r="D2015" i="2" a="1"/>
  <c r="D2015" i="2" s="1"/>
  <c r="D2008" i="2" a="1"/>
  <c r="D2008" i="2" s="1"/>
  <c r="D2023" i="2" a="1"/>
  <c r="D2023" i="2" s="1"/>
  <c r="D2011" i="2" a="1"/>
  <c r="D2011" i="2" s="1"/>
  <c r="AQ60" i="1"/>
  <c r="G66" i="5" s="1"/>
  <c r="AM60" i="1"/>
  <c r="AP60" i="1"/>
  <c r="F66" i="5" s="1"/>
  <c r="AO60" i="1"/>
  <c r="E66" i="5" s="1"/>
  <c r="AN60" i="1"/>
  <c r="D66" i="5" s="1"/>
  <c r="F2670" i="2" a="1"/>
  <c r="F2670" i="2" s="1"/>
  <c r="F2661" i="2" a="1"/>
  <c r="F2661" i="2" s="1"/>
  <c r="F2657" i="2" a="1"/>
  <c r="F2657" i="2" s="1"/>
  <c r="F2668" i="2" a="1"/>
  <c r="F2668" i="2" s="1"/>
  <c r="F2656" i="2" a="1"/>
  <c r="F2656" i="2" s="1"/>
  <c r="F2653" i="2" a="1"/>
  <c r="F2653" i="2" s="1"/>
  <c r="F2658" i="2" a="1"/>
  <c r="F2658" i="2" s="1"/>
  <c r="F2672" i="2" a="1"/>
  <c r="F2672" i="2" s="1"/>
  <c r="AN111" i="1"/>
  <c r="D117" i="5" s="1"/>
  <c r="F2651" i="2" a="1"/>
  <c r="F2651" i="2" s="1"/>
  <c r="AO111" i="1"/>
  <c r="E117" i="5" s="1"/>
  <c r="F2655" i="2" a="1"/>
  <c r="F2655" i="2" s="1"/>
  <c r="F2660" i="2" a="1"/>
  <c r="F2660" i="2" s="1"/>
  <c r="F2665" i="2" a="1"/>
  <c r="F2665" i="2" s="1"/>
  <c r="F2650" i="2" a="1"/>
  <c r="F2650" i="2" s="1"/>
  <c r="F2666" i="2" a="1"/>
  <c r="F2666" i="2" s="1"/>
  <c r="F2652" i="2" a="1"/>
  <c r="F2652" i="2" s="1"/>
  <c r="F2669" i="2" a="1"/>
  <c r="F2669" i="2" s="1"/>
  <c r="F2667" i="2" a="1"/>
  <c r="F2667" i="2" s="1"/>
  <c r="F2654" i="2" a="1"/>
  <c r="F2654" i="2" s="1"/>
  <c r="E7458" i="2" a="1"/>
  <c r="E7458" i="2" s="1"/>
  <c r="E7473" i="2" a="1"/>
  <c r="E7473" i="2" s="1"/>
  <c r="E7472" i="2" a="1"/>
  <c r="E7472" i="2" s="1"/>
  <c r="E7465" i="2" a="1"/>
  <c r="E7465" i="2" s="1"/>
  <c r="E7466" i="2" a="1"/>
  <c r="E7466" i="2" s="1"/>
  <c r="E7455" i="2" a="1"/>
  <c r="E7455" i="2" s="1"/>
  <c r="E7461" i="2" a="1"/>
  <c r="E7461" i="2" s="1"/>
  <c r="E7471" i="2" a="1"/>
  <c r="E7471" i="2" s="1"/>
  <c r="E7468" i="2" a="1"/>
  <c r="E7468" i="2" s="1"/>
  <c r="E7457" i="2" a="1"/>
  <c r="E7457" i="2" s="1"/>
  <c r="E7452" i="2" a="1"/>
  <c r="E7452" i="2" s="1"/>
  <c r="E7463" i="2" a="1"/>
  <c r="E7463" i="2" s="1"/>
  <c r="E7470" i="2" a="1"/>
  <c r="E7470" i="2" s="1"/>
  <c r="E7469" i="2" a="1"/>
  <c r="E7469" i="2" s="1"/>
  <c r="E7464" i="2" a="1"/>
  <c r="E7464" i="2" s="1"/>
  <c r="E7467" i="2" a="1"/>
  <c r="E7467" i="2" s="1"/>
  <c r="E7462" i="2" a="1"/>
  <c r="E7462" i="2" s="1"/>
  <c r="E7451" i="2" a="1"/>
  <c r="E7451" i="2" s="1"/>
  <c r="E7459" i="2" a="1"/>
  <c r="E7459" i="2" s="1"/>
  <c r="G1385" i="2" a="1"/>
  <c r="G1385" i="2" s="1"/>
  <c r="G1395" i="2" a="1"/>
  <c r="G1395" i="2" s="1"/>
  <c r="G1384" i="2" a="1"/>
  <c r="G1384" i="2" s="1"/>
  <c r="G1381" i="2" a="1"/>
  <c r="G1381" i="2" s="1"/>
  <c r="G1398" i="2" a="1"/>
  <c r="G1398" i="2" s="1"/>
  <c r="G1401" i="2" a="1"/>
  <c r="G1401" i="2" s="1"/>
  <c r="G1380" i="2" a="1"/>
  <c r="G1380" i="2" s="1"/>
  <c r="G1388" i="2" a="1"/>
  <c r="G1388" i="2" s="1"/>
  <c r="G1378" i="2" a="1"/>
  <c r="G1378" i="2" s="1"/>
  <c r="G1382" i="2" a="1"/>
  <c r="G1382" i="2" s="1"/>
  <c r="G1389" i="2" a="1"/>
  <c r="G1389" i="2" s="1"/>
  <c r="G1390" i="2" a="1"/>
  <c r="G1390" i="2" s="1"/>
  <c r="G1391" i="2" a="1"/>
  <c r="G1391" i="2" s="1"/>
  <c r="G1383" i="2" a="1"/>
  <c r="G1383" i="2" s="1"/>
  <c r="G1392" i="2" a="1"/>
  <c r="G1392" i="2" s="1"/>
  <c r="G1387" i="2" a="1"/>
  <c r="G1387" i="2" s="1"/>
  <c r="F1176" i="2" a="1"/>
  <c r="F1176" i="2" s="1"/>
  <c r="F1163" i="2" a="1"/>
  <c r="F1163" i="2" s="1"/>
  <c r="F1177" i="2" a="1"/>
  <c r="F1177" i="2" s="1"/>
  <c r="F1162" i="2" a="1"/>
  <c r="F1162" i="2" s="1"/>
  <c r="F1172" i="2" a="1"/>
  <c r="F1172" i="2" s="1"/>
  <c r="F1180" i="2" a="1"/>
  <c r="F1180" i="2" s="1"/>
  <c r="F1167" i="2" a="1"/>
  <c r="F1167" i="2" s="1"/>
  <c r="F1175" i="2" a="1"/>
  <c r="F1175" i="2" s="1"/>
  <c r="F1181" i="2" a="1"/>
  <c r="F1181" i="2" s="1"/>
  <c r="F1184" i="2" a="1"/>
  <c r="F1184" i="2" s="1"/>
  <c r="F1183" i="2" a="1"/>
  <c r="F1183" i="2" s="1"/>
  <c r="F1174" i="2" a="1"/>
  <c r="F1174" i="2" s="1"/>
  <c r="F1179" i="2" a="1"/>
  <c r="F1179" i="2" s="1"/>
  <c r="F1169" i="2" a="1"/>
  <c r="F1169" i="2" s="1"/>
  <c r="F1178" i="2" a="1"/>
  <c r="F1178" i="2" s="1"/>
  <c r="F1171" i="2" a="1"/>
  <c r="F1171" i="2" s="1"/>
  <c r="F1165" i="2" a="1"/>
  <c r="F1165" i="2" s="1"/>
  <c r="H8011" i="2" a="1"/>
  <c r="H8011" i="2" s="1"/>
  <c r="H8014" i="2" a="1"/>
  <c r="H8014" i="2" s="1"/>
  <c r="H8003" i="2" a="1"/>
  <c r="H8003" i="2" s="1"/>
  <c r="H8015" i="2" a="1"/>
  <c r="H8015" i="2" s="1"/>
  <c r="H8016" i="2" a="1"/>
  <c r="H8016" i="2" s="1"/>
  <c r="H8024" i="2" a="1"/>
  <c r="H8024" i="2" s="1"/>
  <c r="H8006" i="2" a="1"/>
  <c r="H8006" i="2" s="1"/>
  <c r="H8018" i="2" a="1"/>
  <c r="H8018" i="2" s="1"/>
  <c r="H8025" i="2" a="1"/>
  <c r="H8025" i="2" s="1"/>
  <c r="H8008" i="2" a="1"/>
  <c r="H8008" i="2" s="1"/>
  <c r="H8004" i="2" a="1"/>
  <c r="H8004" i="2" s="1"/>
  <c r="H8009" i="2" a="1"/>
  <c r="H8009" i="2" s="1"/>
  <c r="H8020" i="2" a="1"/>
  <c r="H8020" i="2" s="1"/>
  <c r="H8019" i="2" a="1"/>
  <c r="H8019" i="2" s="1"/>
  <c r="H8010" i="2" a="1"/>
  <c r="H8010" i="2" s="1"/>
  <c r="H8005" i="2" a="1"/>
  <c r="H8005" i="2" s="1"/>
  <c r="H8022" i="2" a="1"/>
  <c r="H8022" i="2" s="1"/>
  <c r="H8023" i="2" a="1"/>
  <c r="H8023" i="2" s="1"/>
  <c r="H8007" i="2" a="1"/>
  <c r="H8007" i="2" s="1"/>
  <c r="H8017" i="2" a="1"/>
  <c r="H8017" i="2" s="1"/>
  <c r="H8002" i="2" a="1"/>
  <c r="H8002" i="2" s="1"/>
  <c r="D7353" i="2" a="1"/>
  <c r="D7353" i="2" s="1"/>
  <c r="D7334" i="2" a="1"/>
  <c r="D7334" i="2" s="1"/>
  <c r="D7336" i="2" a="1"/>
  <c r="D7336" i="2" s="1"/>
  <c r="D7339" i="2" a="1"/>
  <c r="D7339" i="2" s="1"/>
  <c r="D7343" i="2" a="1"/>
  <c r="D7343" i="2" s="1"/>
  <c r="D7347" i="2" a="1"/>
  <c r="D7347" i="2" s="1"/>
  <c r="D7332" i="2" a="1"/>
  <c r="D7332" i="2" s="1"/>
  <c r="D7330" i="2" a="1"/>
  <c r="D7330" i="2" s="1"/>
  <c r="D7338" i="2" a="1"/>
  <c r="D7338" i="2" s="1"/>
  <c r="D7342" i="2" a="1"/>
  <c r="D7342" i="2" s="1"/>
  <c r="D7346" i="2" a="1"/>
  <c r="D7346" i="2" s="1"/>
  <c r="D7350" i="2" a="1"/>
  <c r="D7350" i="2" s="1"/>
  <c r="D7333" i="2" a="1"/>
  <c r="D7333" i="2" s="1"/>
  <c r="D7341" i="2" a="1"/>
  <c r="D7341" i="2" s="1"/>
  <c r="D7345" i="2" a="1"/>
  <c r="D7345" i="2" s="1"/>
  <c r="D7349" i="2" a="1"/>
  <c r="D7349" i="2" s="1"/>
  <c r="E7231" i="2" a="1"/>
  <c r="E7231" i="2" s="1"/>
  <c r="E7221" i="2" a="1"/>
  <c r="E7221" i="2" s="1"/>
  <c r="E7226" i="2" a="1"/>
  <c r="E7226" i="2" s="1"/>
  <c r="E7232" i="2" a="1"/>
  <c r="E7232" i="2" s="1"/>
  <c r="E7216" i="2" a="1"/>
  <c r="E7216" i="2" s="1"/>
  <c r="E7219" i="2" a="1"/>
  <c r="E7219" i="2" s="1"/>
  <c r="E7211" i="2" a="1"/>
  <c r="E7211" i="2" s="1"/>
  <c r="E7233" i="2" a="1"/>
  <c r="E7233" i="2" s="1"/>
  <c r="E7215" i="2" a="1"/>
  <c r="E7215" i="2" s="1"/>
  <c r="E7228" i="2" a="1"/>
  <c r="E7228" i="2" s="1"/>
  <c r="E7212" i="2" a="1"/>
  <c r="E7212" i="2" s="1"/>
  <c r="E7214" i="2" a="1"/>
  <c r="E7214" i="2" s="1"/>
  <c r="E7229" i="2" a="1"/>
  <c r="E7229" i="2" s="1"/>
  <c r="E7224" i="2" a="1"/>
  <c r="E7224" i="2" s="1"/>
  <c r="E7210" i="2" a="1"/>
  <c r="E7210" i="2" s="1"/>
  <c r="E7225" i="2" a="1"/>
  <c r="E7225" i="2" s="1"/>
  <c r="E7213" i="2" a="1"/>
  <c r="E7213" i="2" s="1"/>
  <c r="E7230" i="2" a="1"/>
  <c r="E7230" i="2" s="1"/>
  <c r="E7222" i="2" a="1"/>
  <c r="E7222" i="2" s="1"/>
  <c r="E7217" i="2" a="1"/>
  <c r="E7217" i="2" s="1"/>
  <c r="E7223" i="2" a="1"/>
  <c r="E7223" i="2" s="1"/>
  <c r="D438" i="2" a="1"/>
  <c r="D438" i="2" s="1"/>
  <c r="D421" i="2" a="1"/>
  <c r="D421" i="2" s="1"/>
  <c r="D425" i="2" a="1"/>
  <c r="D425" i="2" s="1"/>
  <c r="D703" i="2" a="1"/>
  <c r="D703" i="2" s="1"/>
  <c r="D682" i="2" a="1"/>
  <c r="D682" i="2" s="1"/>
  <c r="D686" i="2" a="1"/>
  <c r="D686" i="2" s="1"/>
  <c r="D696" i="2" a="1"/>
  <c r="D696" i="2" s="1"/>
  <c r="D689" i="2" a="1"/>
  <c r="D689" i="2" s="1"/>
  <c r="D693" i="2" a="1"/>
  <c r="D693" i="2" s="1"/>
  <c r="D700" i="2" a="1"/>
  <c r="D700" i="2" s="1"/>
  <c r="D694" i="2" a="1"/>
  <c r="D694" i="2" s="1"/>
  <c r="D701" i="2" a="1"/>
  <c r="D701" i="2" s="1"/>
  <c r="D695" i="2" a="1"/>
  <c r="D695" i="2" s="1"/>
  <c r="D692" i="2" a="1"/>
  <c r="D692" i="2" s="1"/>
  <c r="D705" i="2" a="1"/>
  <c r="D705" i="2" s="1"/>
  <c r="D702" i="2" a="1"/>
  <c r="D702" i="2" s="1"/>
  <c r="H552" i="2" a="1"/>
  <c r="H552" i="2" s="1"/>
  <c r="H548" i="2" a="1"/>
  <c r="H548" i="2" s="1"/>
  <c r="H544" i="2" a="1"/>
  <c r="H544" i="2" s="1"/>
  <c r="H559" i="2" a="1"/>
  <c r="H559" i="2" s="1"/>
  <c r="H557" i="2" a="1"/>
  <c r="H557" i="2" s="1"/>
  <c r="H539" i="2" a="1"/>
  <c r="H539" i="2" s="1"/>
  <c r="H541" i="2" a="1"/>
  <c r="H541" i="2" s="1"/>
  <c r="H543" i="2" a="1"/>
  <c r="H543" i="2" s="1"/>
  <c r="H549" i="2" a="1"/>
  <c r="H549" i="2" s="1"/>
  <c r="H542" i="2" a="1"/>
  <c r="H542" i="2" s="1"/>
  <c r="H550" i="2" a="1"/>
  <c r="H550" i="2" s="1"/>
  <c r="H561" i="2" a="1"/>
  <c r="H561" i="2" s="1"/>
  <c r="H546" i="2" a="1"/>
  <c r="H546" i="2" s="1"/>
  <c r="H554" i="2" a="1"/>
  <c r="H554" i="2" s="1"/>
  <c r="H556" i="2" a="1"/>
  <c r="H556" i="2" s="1"/>
  <c r="H545" i="2" a="1"/>
  <c r="H545" i="2" s="1"/>
  <c r="H547" i="2" a="1"/>
  <c r="H547" i="2" s="1"/>
  <c r="H538" i="2" a="1"/>
  <c r="H538" i="2" s="1"/>
  <c r="G3766" i="2" a="1"/>
  <c r="G3766" i="2" s="1"/>
  <c r="G3756" i="2" a="1"/>
  <c r="G3756" i="2" s="1"/>
  <c r="G3771" i="2" a="1"/>
  <c r="G3771" i="2" s="1"/>
  <c r="G3754" i="2" a="1"/>
  <c r="G3754" i="2" s="1"/>
  <c r="G3764" i="2" a="1"/>
  <c r="G3764" i="2" s="1"/>
  <c r="G3757" i="2" a="1"/>
  <c r="G3757" i="2" s="1"/>
  <c r="G3774" i="2" a="1"/>
  <c r="G3774" i="2" s="1"/>
  <c r="H4240" i="2" a="1"/>
  <c r="H4240" i="2" s="1"/>
  <c r="H4254" i="2" a="1"/>
  <c r="H4254" i="2" s="1"/>
  <c r="H4241" i="2" a="1"/>
  <c r="H4241" i="2" s="1"/>
  <c r="H4253" i="2" a="1"/>
  <c r="H4253" i="2" s="1"/>
  <c r="H4255" i="2" a="1"/>
  <c r="H4255" i="2" s="1"/>
  <c r="H4248" i="2" a="1"/>
  <c r="H4248" i="2" s="1"/>
  <c r="H4252" i="2" a="1"/>
  <c r="H4252" i="2" s="1"/>
  <c r="H4257" i="2" a="1"/>
  <c r="H4257" i="2" s="1"/>
  <c r="H4243" i="2" a="1"/>
  <c r="H4243" i="2" s="1"/>
  <c r="H4251" i="2" a="1"/>
  <c r="H4251" i="2" s="1"/>
  <c r="H4235" i="2" a="1"/>
  <c r="H4235" i="2" s="1"/>
  <c r="H4237" i="2" a="1"/>
  <c r="H4237" i="2" s="1"/>
  <c r="H4242" i="2" a="1"/>
  <c r="H4242" i="2" s="1"/>
  <c r="H4256" i="2" a="1"/>
  <c r="H4256" i="2" s="1"/>
  <c r="H4250" i="2" a="1"/>
  <c r="H4250" i="2" s="1"/>
  <c r="H4249" i="2" a="1"/>
  <c r="H4249" i="2" s="1"/>
  <c r="AQ178" i="1"/>
  <c r="G184" i="5" s="1"/>
  <c r="AN178" i="1"/>
  <c r="D184" i="5" s="1"/>
  <c r="H5374" i="2" a="1"/>
  <c r="H5374" i="2" s="1"/>
  <c r="H5375" i="2" a="1"/>
  <c r="H5375" i="2" s="1"/>
  <c r="H5368" i="2" a="1"/>
  <c r="H5368" i="2" s="1"/>
  <c r="H5363" i="2" a="1"/>
  <c r="H5363" i="2" s="1"/>
  <c r="H5379" i="2" a="1"/>
  <c r="H5379" i="2" s="1"/>
  <c r="H5384" i="2" a="1"/>
  <c r="H5384" i="2" s="1"/>
  <c r="H5371" i="2" a="1"/>
  <c r="H5371" i="2" s="1"/>
  <c r="H5378" i="2" a="1"/>
  <c r="H5378" i="2" s="1"/>
  <c r="H5366" i="2" a="1"/>
  <c r="H5366" i="2" s="1"/>
  <c r="H5381" i="2" a="1"/>
  <c r="H5381" i="2" s="1"/>
  <c r="H5380" i="2" a="1"/>
  <c r="H5380" i="2" s="1"/>
  <c r="H5382" i="2" a="1"/>
  <c r="H5382" i="2" s="1"/>
  <c r="H5372" i="2" a="1"/>
  <c r="H5372" i="2" s="1"/>
  <c r="H5385" i="2" a="1"/>
  <c r="H5385" i="2" s="1"/>
  <c r="H5364" i="2" a="1"/>
  <c r="H5364" i="2" s="1"/>
  <c r="H5376" i="2" a="1"/>
  <c r="H5376" i="2" s="1"/>
  <c r="H5365" i="2" a="1"/>
  <c r="H5365" i="2" s="1"/>
  <c r="H5370" i="2" a="1"/>
  <c r="H5370" i="2" s="1"/>
  <c r="H5362" i="2" a="1"/>
  <c r="H5362" i="2" s="1"/>
  <c r="H5377" i="2" a="1"/>
  <c r="H5377" i="2" s="1"/>
  <c r="H5367" i="2" a="1"/>
  <c r="H5367" i="2" s="1"/>
  <c r="H5369" i="2" a="1"/>
  <c r="H5369" i="2" s="1"/>
  <c r="G2850" i="2" a="1"/>
  <c r="G2850" i="2" s="1"/>
  <c r="G2847" i="2" a="1"/>
  <c r="G2847" i="2" s="1"/>
  <c r="G2849" i="2" a="1"/>
  <c r="G2849" i="2" s="1"/>
  <c r="G2854" i="2" a="1"/>
  <c r="G2854" i="2" s="1"/>
  <c r="G2855" i="2" a="1"/>
  <c r="G2855" i="2" s="1"/>
  <c r="G2848" i="2" a="1"/>
  <c r="G2848" i="2" s="1"/>
  <c r="G2853" i="2" a="1"/>
  <c r="G2853" i="2" s="1"/>
  <c r="G2858" i="2" a="1"/>
  <c r="G2858" i="2" s="1"/>
  <c r="G2856" i="2" a="1"/>
  <c r="G2856" i="2" s="1"/>
  <c r="G2857" i="2" a="1"/>
  <c r="G2857" i="2" s="1"/>
  <c r="G2852" i="2" a="1"/>
  <c r="G2852" i="2" s="1"/>
  <c r="G2865" i="2" a="1"/>
  <c r="G2865" i="2" s="1"/>
  <c r="G2851" i="2" a="1"/>
  <c r="G2851" i="2" s="1"/>
  <c r="G2845" i="2" a="1"/>
  <c r="G2845" i="2" s="1"/>
  <c r="G2859" i="2" a="1"/>
  <c r="G2859" i="2" s="1"/>
  <c r="G2862" i="2" a="1"/>
  <c r="G2862" i="2" s="1"/>
  <c r="G2863" i="2" a="1"/>
  <c r="G2863" i="2" s="1"/>
  <c r="G2846" i="2" a="1"/>
  <c r="G2846" i="2" s="1"/>
  <c r="G2842" i="2" a="1"/>
  <c r="G2842" i="2" s="1"/>
  <c r="G2864" i="2" a="1"/>
  <c r="G2864" i="2" s="1"/>
  <c r="G2861" i="2" a="1"/>
  <c r="G2861" i="2" s="1"/>
  <c r="D5842" i="2" a="1"/>
  <c r="D5842" i="2" s="1"/>
  <c r="D5846" i="2" a="1"/>
  <c r="D5846" i="2" s="1"/>
  <c r="D5845" i="2" a="1"/>
  <c r="D5845" i="2" s="1"/>
  <c r="D5850" i="2" a="1"/>
  <c r="D5850" i="2" s="1"/>
  <c r="D5849" i="2" a="1"/>
  <c r="D5849" i="2" s="1"/>
  <c r="D5854" i="2" a="1"/>
  <c r="D5854" i="2" s="1"/>
  <c r="D5852" i="2" a="1"/>
  <c r="D5852" i="2" s="1"/>
  <c r="D5843" i="2" a="1"/>
  <c r="D5843" i="2" s="1"/>
  <c r="D5851" i="2" a="1"/>
  <c r="D5851" i="2" s="1"/>
  <c r="D5847" i="2" a="1"/>
  <c r="D5847" i="2" s="1"/>
  <c r="D5859" i="2" a="1"/>
  <c r="D5859" i="2" s="1"/>
  <c r="D5862" i="2" a="1"/>
  <c r="D5862" i="2" s="1"/>
  <c r="D5865" i="2" a="1"/>
  <c r="D5865" i="2" s="1"/>
  <c r="D5848" i="2" a="1"/>
  <c r="D5848" i="2" s="1"/>
  <c r="D5861" i="2" a="1"/>
  <c r="D5861" i="2" s="1"/>
  <c r="D5857" i="2" a="1"/>
  <c r="D5857" i="2" s="1"/>
  <c r="D5844" i="2" a="1"/>
  <c r="D5844" i="2" s="1"/>
  <c r="D5860" i="2" a="1"/>
  <c r="D5860" i="2" s="1"/>
  <c r="H3558" i="2" a="1"/>
  <c r="H3558" i="2" s="1"/>
  <c r="H3546" i="2" a="1"/>
  <c r="H3546" i="2" s="1"/>
  <c r="H3550" i="2" a="1"/>
  <c r="H3550" i="2" s="1"/>
  <c r="H3559" i="2" a="1"/>
  <c r="H3559" i="2" s="1"/>
  <c r="H3551" i="2" a="1"/>
  <c r="H3551" i="2" s="1"/>
  <c r="H3561" i="2" a="1"/>
  <c r="H3561" i="2" s="1"/>
  <c r="H3549" i="2" a="1"/>
  <c r="H3549" i="2" s="1"/>
  <c r="H3553" i="2" a="1"/>
  <c r="H3553" i="2" s="1"/>
  <c r="H3540" i="2" a="1"/>
  <c r="H3540" i="2" s="1"/>
  <c r="H3552" i="2" a="1"/>
  <c r="H3552" i="2" s="1"/>
  <c r="H3554" i="2" a="1"/>
  <c r="H3554" i="2" s="1"/>
  <c r="H3548" i="2" a="1"/>
  <c r="H3548" i="2" s="1"/>
  <c r="H3557" i="2" a="1"/>
  <c r="H3557" i="2" s="1"/>
  <c r="H3544" i="2" a="1"/>
  <c r="H3544" i="2" s="1"/>
  <c r="H3556" i="2" a="1"/>
  <c r="H3556" i="2" s="1"/>
  <c r="H3545" i="2" a="1"/>
  <c r="H3545" i="2" s="1"/>
  <c r="H3539" i="2" a="1"/>
  <c r="H3539" i="2" s="1"/>
  <c r="F1532" i="2" a="1"/>
  <c r="F1532" i="2" s="1"/>
  <c r="F1543" i="2" a="1"/>
  <c r="F1543" i="2" s="1"/>
  <c r="F1530" i="2" a="1"/>
  <c r="F1530" i="2" s="1"/>
  <c r="F1539" i="2" a="1"/>
  <c r="F1539" i="2" s="1"/>
  <c r="F1542" i="2" a="1"/>
  <c r="F1542" i="2" s="1"/>
  <c r="F1528" i="2" a="1"/>
  <c r="F1528" i="2" s="1"/>
  <c r="F1525" i="2" a="1"/>
  <c r="F1525" i="2" s="1"/>
  <c r="F1545" i="2" a="1"/>
  <c r="F1545" i="2" s="1"/>
  <c r="F1538" i="2" a="1"/>
  <c r="F1538" i="2" s="1"/>
  <c r="F1540" i="2" a="1"/>
  <c r="F1540" i="2" s="1"/>
  <c r="F1533" i="2" a="1"/>
  <c r="F1533" i="2" s="1"/>
  <c r="F1523" i="2" a="1"/>
  <c r="F1523" i="2" s="1"/>
  <c r="F1537" i="2" a="1"/>
  <c r="F1537" i="2" s="1"/>
  <c r="F1535" i="2" a="1"/>
  <c r="F1535" i="2" s="1"/>
  <c r="F1529" i="2" a="1"/>
  <c r="F1529" i="2" s="1"/>
  <c r="F1527" i="2" a="1"/>
  <c r="F1527" i="2" s="1"/>
  <c r="F1524" i="2" a="1"/>
  <c r="F1524" i="2" s="1"/>
  <c r="F1534" i="2" a="1"/>
  <c r="F1534" i="2" s="1"/>
  <c r="F1544" i="2" a="1"/>
  <c r="F1544" i="2" s="1"/>
  <c r="F1526" i="2" a="1"/>
  <c r="F1526" i="2" s="1"/>
  <c r="F1536" i="2" a="1"/>
  <c r="F1536" i="2" s="1"/>
  <c r="D5472" i="2" a="1"/>
  <c r="D5472" i="2" s="1"/>
  <c r="D5474" i="2" a="1"/>
  <c r="D5474" i="2" s="1"/>
  <c r="D5477" i="2" a="1"/>
  <c r="D5477" i="2" s="1"/>
  <c r="D5461" i="2" a="1"/>
  <c r="D5461" i="2" s="1"/>
  <c r="D5473" i="2" a="1"/>
  <c r="D5473" i="2" s="1"/>
  <c r="G8553" i="2" a="1"/>
  <c r="G8553" i="2" s="1"/>
  <c r="G8544" i="2" a="1"/>
  <c r="G8544" i="2" s="1"/>
  <c r="G8539" i="2" a="1"/>
  <c r="G8539" i="2" s="1"/>
  <c r="G8552" i="2" a="1"/>
  <c r="G8552" i="2" s="1"/>
  <c r="H4814" i="2" a="1"/>
  <c r="H4814" i="2" s="1"/>
  <c r="H4815" i="2" a="1"/>
  <c r="H4815" i="2" s="1"/>
  <c r="H4818" i="2" a="1"/>
  <c r="H4818" i="2" s="1"/>
  <c r="H4832" i="2" a="1"/>
  <c r="H4832" i="2" s="1"/>
  <c r="H4824" i="2" a="1"/>
  <c r="H4824" i="2" s="1"/>
  <c r="H4830" i="2" a="1"/>
  <c r="H4830" i="2" s="1"/>
  <c r="H4831" i="2" a="1"/>
  <c r="H4831" i="2" s="1"/>
  <c r="H4819" i="2" a="1"/>
  <c r="H4819" i="2" s="1"/>
  <c r="D4970" i="2" a="1"/>
  <c r="D4970" i="2" s="1"/>
  <c r="D4974" i="2" a="1"/>
  <c r="D4974" i="2" s="1"/>
  <c r="D4966" i="2" a="1"/>
  <c r="D4966" i="2" s="1"/>
  <c r="D4958" i="2" a="1"/>
  <c r="D4958" i="2" s="1"/>
  <c r="D4962" i="2" a="1"/>
  <c r="D4962" i="2" s="1"/>
  <c r="D4961" i="2" a="1"/>
  <c r="D4961" i="2" s="1"/>
  <c r="D4965" i="2" a="1"/>
  <c r="D4965" i="2" s="1"/>
  <c r="D4973" i="2" a="1"/>
  <c r="D4973" i="2" s="1"/>
  <c r="D4977" i="2" a="1"/>
  <c r="D4977" i="2" s="1"/>
  <c r="D4957" i="2" a="1"/>
  <c r="D4957" i="2" s="1"/>
  <c r="AO207" i="1"/>
  <c r="E213" i="5" s="1"/>
  <c r="D4960" i="2" a="1"/>
  <c r="D4960" i="2" s="1"/>
  <c r="AQ207" i="1"/>
  <c r="G213" i="5" s="1"/>
  <c r="D4964" i="2" a="1"/>
  <c r="D4964" i="2" s="1"/>
  <c r="AP207" i="1"/>
  <c r="F213" i="5" s="1"/>
  <c r="D4976" i="2" a="1"/>
  <c r="D4976" i="2" s="1"/>
  <c r="D4955" i="2" a="1"/>
  <c r="D4955" i="2" s="1"/>
  <c r="D4968" i="2" a="1"/>
  <c r="D4968" i="2" s="1"/>
  <c r="D4959" i="2" a="1"/>
  <c r="D4959" i="2" s="1"/>
  <c r="D4963" i="2" a="1"/>
  <c r="D4963" i="2" s="1"/>
  <c r="H6076" i="2" a="1"/>
  <c r="H6076" i="2" s="1"/>
  <c r="H6063" i="2" a="1"/>
  <c r="H6063" i="2" s="1"/>
  <c r="H6081" i="2" a="1"/>
  <c r="H6081" i="2" s="1"/>
  <c r="H6071" i="2" a="1"/>
  <c r="H6071" i="2" s="1"/>
  <c r="D7474" i="2" a="1"/>
  <c r="D7474" i="2" s="1"/>
  <c r="D7491" i="2" a="1"/>
  <c r="D7491" i="2" s="1"/>
  <c r="D7478" i="2" a="1"/>
  <c r="D7478" i="2" s="1"/>
  <c r="D7495" i="2" a="1"/>
  <c r="D7495" i="2" s="1"/>
  <c r="D7483" i="2" a="1"/>
  <c r="D7483" i="2" s="1"/>
  <c r="D7480" i="2" a="1"/>
  <c r="D7480" i="2" s="1"/>
  <c r="G7927" i="2" a="1"/>
  <c r="G7927" i="2" s="1"/>
  <c r="G7918" i="2" a="1"/>
  <c r="G7918" i="2" s="1"/>
  <c r="H5911" i="2" a="1"/>
  <c r="H5911" i="2" s="1"/>
  <c r="H5894" i="2" a="1"/>
  <c r="H5894" i="2" s="1"/>
  <c r="H5902" i="2" a="1"/>
  <c r="H5902" i="2" s="1"/>
  <c r="H5912" i="2" a="1"/>
  <c r="H5912" i="2" s="1"/>
  <c r="H5908" i="2" a="1"/>
  <c r="H5908" i="2" s="1"/>
  <c r="H5895" i="2" a="1"/>
  <c r="H5895" i="2" s="1"/>
  <c r="H5891" i="2" a="1"/>
  <c r="H5891" i="2" s="1"/>
  <c r="H5897" i="2" a="1"/>
  <c r="H5897" i="2" s="1"/>
  <c r="H5901" i="2" a="1"/>
  <c r="H5901" i="2" s="1"/>
  <c r="H5913" i="2" a="1"/>
  <c r="H5913" i="2" s="1"/>
  <c r="H5896" i="2" a="1"/>
  <c r="H5896" i="2" s="1"/>
  <c r="H5905" i="2" a="1"/>
  <c r="H5905" i="2" s="1"/>
  <c r="H5910" i="2" a="1"/>
  <c r="H5910" i="2" s="1"/>
  <c r="H5893" i="2" a="1"/>
  <c r="H5893" i="2" s="1"/>
  <c r="F8083" i="2" a="1"/>
  <c r="F8083" i="2" s="1"/>
  <c r="F8096" i="2" a="1"/>
  <c r="F8096" i="2" s="1"/>
  <c r="F8094" i="2" a="1"/>
  <c r="F8094" i="2" s="1"/>
  <c r="F8077" i="2" a="1"/>
  <c r="F8077" i="2" s="1"/>
  <c r="F8081" i="2" a="1"/>
  <c r="F8081" i="2" s="1"/>
  <c r="F8093" i="2" a="1"/>
  <c r="F8093" i="2" s="1"/>
  <c r="F8079" i="2" a="1"/>
  <c r="F8079" i="2" s="1"/>
  <c r="F8092" i="2" a="1"/>
  <c r="F8092" i="2" s="1"/>
  <c r="F8082" i="2" a="1"/>
  <c r="F8082" i="2" s="1"/>
  <c r="F8087" i="2" a="1"/>
  <c r="F8087" i="2" s="1"/>
  <c r="F8088" i="2" a="1"/>
  <c r="F8088" i="2" s="1"/>
  <c r="F8089" i="2" a="1"/>
  <c r="F8089" i="2" s="1"/>
  <c r="F8095" i="2" a="1"/>
  <c r="F8095" i="2" s="1"/>
  <c r="F8078" i="2" a="1"/>
  <c r="F8078" i="2" s="1"/>
  <c r="F8097" i="2" a="1"/>
  <c r="F8097" i="2" s="1"/>
  <c r="F8091" i="2" a="1"/>
  <c r="F8091" i="2" s="1"/>
  <c r="G7705" i="2" a="1"/>
  <c r="G7705" i="2" s="1"/>
  <c r="G7710" i="2" a="1"/>
  <c r="G7710" i="2" s="1"/>
  <c r="G7712" i="2" a="1"/>
  <c r="G7712" i="2" s="1"/>
  <c r="G7713" i="2" a="1"/>
  <c r="G7713" i="2" s="1"/>
  <c r="G7701" i="2" a="1"/>
  <c r="G7701" i="2" s="1"/>
  <c r="G7690" i="2" a="1"/>
  <c r="G7690" i="2" s="1"/>
  <c r="G7699" i="2" a="1"/>
  <c r="G7699" i="2" s="1"/>
  <c r="H5761" i="2" a="1"/>
  <c r="H5761" i="2" s="1"/>
  <c r="H5752" i="2" a="1"/>
  <c r="H5752" i="2" s="1"/>
  <c r="H5759" i="2" a="1"/>
  <c r="H5759" i="2" s="1"/>
  <c r="H5757" i="2" a="1"/>
  <c r="H5757" i="2" s="1"/>
  <c r="H5750" i="2" a="1"/>
  <c r="H5750" i="2" s="1"/>
  <c r="H5753" i="2" a="1"/>
  <c r="H5753" i="2" s="1"/>
  <c r="H5768" i="2" a="1"/>
  <c r="H5768" i="2" s="1"/>
  <c r="H5764" i="2" a="1"/>
  <c r="H5764" i="2" s="1"/>
  <c r="H5762" i="2" a="1"/>
  <c r="H5762" i="2" s="1"/>
  <c r="H5754" i="2" a="1"/>
  <c r="H5754" i="2" s="1"/>
  <c r="H5765" i="2" a="1"/>
  <c r="H5765" i="2" s="1"/>
  <c r="H5747" i="2" a="1"/>
  <c r="H5747" i="2" s="1"/>
  <c r="H5749" i="2" a="1"/>
  <c r="H5749" i="2" s="1"/>
  <c r="H5755" i="2" a="1"/>
  <c r="H5755" i="2" s="1"/>
  <c r="H5748" i="2" a="1"/>
  <c r="H5748" i="2" s="1"/>
  <c r="D5188" i="2" a="1"/>
  <c r="D5188" i="2" s="1"/>
  <c r="D5171" i="2" a="1"/>
  <c r="D5171" i="2" s="1"/>
  <c r="D5175" i="2" a="1"/>
  <c r="D5175" i="2" s="1"/>
  <c r="E4203" i="2" a="1"/>
  <c r="E4203" i="2" s="1"/>
  <c r="E4204" i="2" a="1"/>
  <c r="E4204" i="2" s="1"/>
  <c r="E4189" i="2" a="1"/>
  <c r="E4189" i="2" s="1"/>
  <c r="E4194" i="2" a="1"/>
  <c r="E4194" i="2" s="1"/>
  <c r="E4201" i="2" a="1"/>
  <c r="E4201" i="2" s="1"/>
  <c r="E4199" i="2" a="1"/>
  <c r="E4199" i="2" s="1"/>
  <c r="E4187" i="2" a="1"/>
  <c r="E4187" i="2" s="1"/>
  <c r="E4193" i="2" a="1"/>
  <c r="E4193" i="2" s="1"/>
  <c r="E4198" i="2" a="1"/>
  <c r="E4198" i="2" s="1"/>
  <c r="E4206" i="2" a="1"/>
  <c r="E4206" i="2" s="1"/>
  <c r="E4202" i="2" a="1"/>
  <c r="E4202" i="2" s="1"/>
  <c r="E4191" i="2" a="1"/>
  <c r="E4191" i="2" s="1"/>
  <c r="E4207" i="2" a="1"/>
  <c r="E4207" i="2" s="1"/>
  <c r="E4197" i="2" a="1"/>
  <c r="E4197" i="2" s="1"/>
  <c r="E4195" i="2" a="1"/>
  <c r="E4195" i="2" s="1"/>
  <c r="E4205" i="2" a="1"/>
  <c r="E4205" i="2" s="1"/>
  <c r="E4208" i="2" a="1"/>
  <c r="E4208" i="2" s="1"/>
  <c r="D7085" i="2" a="1"/>
  <c r="D7085" i="2" s="1"/>
  <c r="D7089" i="2" a="1"/>
  <c r="D7089" i="2" s="1"/>
  <c r="D7079" i="2" a="1"/>
  <c r="D7079" i="2" s="1"/>
  <c r="D7074" i="2" a="1"/>
  <c r="D7074" i="2" s="1"/>
  <c r="D7071" i="2" a="1"/>
  <c r="D7071" i="2" s="1"/>
  <c r="D7078" i="2" a="1"/>
  <c r="D7078" i="2" s="1"/>
  <c r="D7066" i="2" a="1"/>
  <c r="D7066" i="2" s="1"/>
  <c r="D7081" i="2" a="1"/>
  <c r="D7081" i="2" s="1"/>
  <c r="D7080" i="2" a="1"/>
  <c r="D7080" i="2" s="1"/>
  <c r="D7083" i="2" a="1"/>
  <c r="D7083" i="2" s="1"/>
  <c r="D7068" i="2" a="1"/>
  <c r="D7068" i="2" s="1"/>
  <c r="D7075" i="2" a="1"/>
  <c r="D7075" i="2" s="1"/>
  <c r="D7076" i="2" a="1"/>
  <c r="D7076" i="2" s="1"/>
  <c r="D7084" i="2" a="1"/>
  <c r="D7084" i="2" s="1"/>
  <c r="D7072" i="2" a="1"/>
  <c r="D7072" i="2" s="1"/>
  <c r="H8275" i="2" a="1"/>
  <c r="H8275" i="2" s="1"/>
  <c r="H8268" i="2" a="1"/>
  <c r="H8268" i="2" s="1"/>
  <c r="H8283" i="2" a="1"/>
  <c r="H8283" i="2" s="1"/>
  <c r="H8267" i="2" a="1"/>
  <c r="H8267" i="2" s="1"/>
  <c r="H8273" i="2" a="1"/>
  <c r="H8273" i="2" s="1"/>
  <c r="H8272" i="2" a="1"/>
  <c r="H8272" i="2" s="1"/>
  <c r="H8286" i="2" a="1"/>
  <c r="H8286" i="2" s="1"/>
  <c r="H8285" i="2" a="1"/>
  <c r="H8285" i="2" s="1"/>
  <c r="H8266" i="2" a="1"/>
  <c r="H8266" i="2" s="1"/>
  <c r="H8277" i="2" a="1"/>
  <c r="H8277" i="2" s="1"/>
  <c r="H8269" i="2" a="1"/>
  <c r="H8269" i="2" s="1"/>
  <c r="H8289" i="2" a="1"/>
  <c r="H8289" i="2" s="1"/>
  <c r="H8281" i="2" a="1"/>
  <c r="H8281" i="2" s="1"/>
  <c r="H8271" i="2" a="1"/>
  <c r="H8271" i="2" s="1"/>
  <c r="H8287" i="2" a="1"/>
  <c r="H8287" i="2" s="1"/>
  <c r="H8284" i="2" a="1"/>
  <c r="H8284" i="2" s="1"/>
  <c r="H8274" i="2" a="1"/>
  <c r="H8274" i="2" s="1"/>
  <c r="AP341" i="1"/>
  <c r="F347" i="5" s="1"/>
  <c r="AO341" i="1"/>
  <c r="E347" i="5" s="1"/>
  <c r="E521" i="2" a="1"/>
  <c r="E521" i="2" s="1"/>
  <c r="E534" i="2" a="1"/>
  <c r="E534" i="2" s="1"/>
  <c r="E523" i="2" a="1"/>
  <c r="E523" i="2" s="1"/>
  <c r="D8468" i="2" a="1"/>
  <c r="D8468" i="2" s="1"/>
  <c r="D8472" i="2" a="1"/>
  <c r="D8472" i="2" s="1"/>
  <c r="D8476" i="2" a="1"/>
  <c r="D8476" i="2" s="1"/>
  <c r="D8470" i="2" a="1"/>
  <c r="D8470" i="2" s="1"/>
  <c r="D8473" i="2" a="1"/>
  <c r="D8473" i="2" s="1"/>
  <c r="D8466" i="2" a="1"/>
  <c r="D8466" i="2" s="1"/>
  <c r="D8477" i="2" a="1"/>
  <c r="D8477" i="2" s="1"/>
  <c r="D8479" i="2" a="1"/>
  <c r="D8479" i="2" s="1"/>
  <c r="D8469" i="2" a="1"/>
  <c r="D8469" i="2" s="1"/>
  <c r="D8460" i="2" a="1"/>
  <c r="D8460" i="2" s="1"/>
  <c r="D8464" i="2" a="1"/>
  <c r="D8464" i="2" s="1"/>
  <c r="D8480" i="2" a="1"/>
  <c r="D8480" i="2" s="1"/>
  <c r="D8474" i="2" a="1"/>
  <c r="D8474" i="2" s="1"/>
  <c r="D8461" i="2" a="1"/>
  <c r="D8461" i="2" s="1"/>
  <c r="D8465" i="2" a="1"/>
  <c r="D8465" i="2" s="1"/>
  <c r="D8481" i="2" a="1"/>
  <c r="D8481" i="2" s="1"/>
  <c r="D8458" i="2" a="1"/>
  <c r="D8458" i="2" s="1"/>
  <c r="D8459" i="2" a="1"/>
  <c r="D8459" i="2" s="1"/>
  <c r="D8467" i="2" a="1"/>
  <c r="D8467" i="2" s="1"/>
  <c r="D8471" i="2" a="1"/>
  <c r="D8471" i="2" s="1"/>
  <c r="D8475" i="2" a="1"/>
  <c r="D8475" i="2" s="1"/>
  <c r="D8463" i="2" a="1"/>
  <c r="D8463" i="2" s="1"/>
  <c r="D8478" i="2" a="1"/>
  <c r="D8478" i="2" s="1"/>
  <c r="F8742" i="2" a="1"/>
  <c r="F8742" i="2" s="1"/>
  <c r="F8722" i="2" a="1"/>
  <c r="F8722" i="2" s="1"/>
  <c r="F8744" i="2" a="1"/>
  <c r="F8744" i="2" s="1"/>
  <c r="F8731" i="2" a="1"/>
  <c r="F8731" i="2" s="1"/>
  <c r="F8745" i="2" a="1"/>
  <c r="F8745" i="2" s="1"/>
  <c r="F8733" i="2" a="1"/>
  <c r="F8733" i="2" s="1"/>
  <c r="F8735" i="2" a="1"/>
  <c r="F8735" i="2" s="1"/>
  <c r="F8741" i="2" a="1"/>
  <c r="F8741" i="2" s="1"/>
  <c r="E5751" i="2" a="1"/>
  <c r="E5751" i="2" s="1"/>
  <c r="E5762" i="2" a="1"/>
  <c r="E5762" i="2" s="1"/>
  <c r="E5753" i="2" a="1"/>
  <c r="E5753" i="2" s="1"/>
  <c r="E5754" i="2" a="1"/>
  <c r="E5754" i="2" s="1"/>
  <c r="E5769" i="2" a="1"/>
  <c r="E5769" i="2" s="1"/>
  <c r="E5757" i="2" a="1"/>
  <c r="E5757" i="2" s="1"/>
  <c r="E5755" i="2" a="1"/>
  <c r="E5755" i="2" s="1"/>
  <c r="E5763" i="2" a="1"/>
  <c r="E5763" i="2" s="1"/>
  <c r="E5760" i="2" a="1"/>
  <c r="E5760" i="2" s="1"/>
  <c r="E5747" i="2" a="1"/>
  <c r="E5747" i="2" s="1"/>
  <c r="E5752" i="2" a="1"/>
  <c r="E5752" i="2" s="1"/>
  <c r="E5766" i="2" a="1"/>
  <c r="E5766" i="2" s="1"/>
  <c r="I5766" i="2" s="1"/>
  <c r="I5740" i="5" s="1"/>
  <c r="E5748" i="2" a="1"/>
  <c r="E5748" i="2" s="1"/>
  <c r="E5750" i="2" a="1"/>
  <c r="E5750" i="2" s="1"/>
  <c r="E5764" i="2" a="1"/>
  <c r="E5764" i="2" s="1"/>
  <c r="E5746" i="2" a="1"/>
  <c r="E5746" i="2" s="1"/>
  <c r="E5756" i="2" a="1"/>
  <c r="E5756" i="2" s="1"/>
  <c r="E5761" i="2" a="1"/>
  <c r="E5761" i="2" s="1"/>
  <c r="D6453" i="2" a="1"/>
  <c r="D6453" i="2" s="1"/>
  <c r="D6455" i="2" a="1"/>
  <c r="D6455" i="2" s="1"/>
  <c r="D6458" i="2" a="1"/>
  <c r="D6458" i="2" s="1"/>
  <c r="AN269" i="1"/>
  <c r="D275" i="5" s="1"/>
  <c r="D6456" i="2" a="1"/>
  <c r="D6456" i="2" s="1"/>
  <c r="AP269" i="1"/>
  <c r="F275" i="5" s="1"/>
  <c r="D6457" i="2" a="1"/>
  <c r="D6457" i="2" s="1"/>
  <c r="D6450" i="2" a="1"/>
  <c r="D6450" i="2" s="1"/>
  <c r="D6459" i="2" a="1"/>
  <c r="D6459" i="2" s="1"/>
  <c r="D6462" i="2" a="1"/>
  <c r="D6462" i="2" s="1"/>
  <c r="D6463" i="2" a="1"/>
  <c r="D6463" i="2" s="1"/>
  <c r="D6444" i="2" a="1"/>
  <c r="D6444" i="2" s="1"/>
  <c r="D6446" i="2" a="1"/>
  <c r="D6446" i="2" s="1"/>
  <c r="D6465" i="2" a="1"/>
  <c r="D6465" i="2" s="1"/>
  <c r="D6443" i="2" a="1"/>
  <c r="D6443" i="2" s="1"/>
  <c r="D6445" i="2" a="1"/>
  <c r="D6445" i="2" s="1"/>
  <c r="D6460" i="2" a="1"/>
  <c r="D6460" i="2" s="1"/>
  <c r="D6461" i="2" a="1"/>
  <c r="D6461" i="2" s="1"/>
  <c r="D6464" i="2" a="1"/>
  <c r="D6464" i="2" s="1"/>
  <c r="G4920" i="2" a="1"/>
  <c r="G4920" i="2" s="1"/>
  <c r="G4908" i="2" a="1"/>
  <c r="G4908" i="2" s="1"/>
  <c r="G4916" i="2" a="1"/>
  <c r="G4916" i="2" s="1"/>
  <c r="G4924" i="2" a="1"/>
  <c r="G4924" i="2" s="1"/>
  <c r="G4907" i="2" a="1"/>
  <c r="G4907" i="2" s="1"/>
  <c r="G4919" i="2" a="1"/>
  <c r="G4919" i="2" s="1"/>
  <c r="G4915" i="2" a="1"/>
  <c r="G4915" i="2" s="1"/>
  <c r="G4913" i="2" a="1"/>
  <c r="G4913" i="2" s="1"/>
  <c r="G4927" i="2" a="1"/>
  <c r="G4927" i="2" s="1"/>
  <c r="G4929" i="2" a="1"/>
  <c r="G4929" i="2" s="1"/>
  <c r="G2916" i="2" a="1"/>
  <c r="G2916" i="2" s="1"/>
  <c r="G2934" i="2" a="1"/>
  <c r="G2934" i="2" s="1"/>
  <c r="G2927" i="2" a="1"/>
  <c r="G2927" i="2" s="1"/>
  <c r="G2930" i="2" a="1"/>
  <c r="G2930" i="2" s="1"/>
  <c r="E2632" i="2" a="1"/>
  <c r="E2632" i="2" s="1"/>
  <c r="E2640" i="2" a="1"/>
  <c r="E2640" i="2" s="1"/>
  <c r="E2637" i="2" a="1"/>
  <c r="E2637" i="2" s="1"/>
  <c r="E2627" i="2" a="1"/>
  <c r="E2627" i="2" s="1"/>
  <c r="E2641" i="2" a="1"/>
  <c r="E2641" i="2" s="1"/>
  <c r="E2631" i="2" a="1"/>
  <c r="E2631" i="2" s="1"/>
  <c r="E2638" i="2" a="1"/>
  <c r="E2638" i="2" s="1"/>
  <c r="E2649" i="2" a="1"/>
  <c r="E2649" i="2" s="1"/>
  <c r="E2645" i="2" a="1"/>
  <c r="E2645" i="2" s="1"/>
  <c r="E2636" i="2" a="1"/>
  <c r="E2636" i="2" s="1"/>
  <c r="E2628" i="2" a="1"/>
  <c r="E2628" i="2" s="1"/>
  <c r="E2648" i="2" a="1"/>
  <c r="E2648" i="2" s="1"/>
  <c r="E2626" i="2" a="1"/>
  <c r="E2626" i="2" s="1"/>
  <c r="E2647" i="2" a="1"/>
  <c r="E2647" i="2" s="1"/>
  <c r="E2639" i="2" a="1"/>
  <c r="E2639" i="2" s="1"/>
  <c r="E2630" i="2" a="1"/>
  <c r="E2630" i="2" s="1"/>
  <c r="E2644" i="2" a="1"/>
  <c r="E2644" i="2" s="1"/>
  <c r="D5237" i="2" a="1"/>
  <c r="D5237" i="2" s="1"/>
  <c r="D5238" i="2" a="1"/>
  <c r="D5238" i="2" s="1"/>
  <c r="D5222" i="2" a="1"/>
  <c r="D5222" i="2" s="1"/>
  <c r="D5228" i="2" a="1"/>
  <c r="D5228" i="2" s="1"/>
  <c r="D5223" i="2" a="1"/>
  <c r="D5223" i="2" s="1"/>
  <c r="D5235" i="2" a="1"/>
  <c r="D5235" i="2" s="1"/>
  <c r="D5231" i="2" a="1"/>
  <c r="D5231" i="2" s="1"/>
  <c r="D5239" i="2" a="1"/>
  <c r="D5239" i="2" s="1"/>
  <c r="D5232" i="2" a="1"/>
  <c r="D5232" i="2" s="1"/>
  <c r="D5241" i="2" a="1"/>
  <c r="D5241" i="2" s="1"/>
  <c r="D5225" i="2" a="1"/>
  <c r="D5225" i="2" s="1"/>
  <c r="D5219" i="2" a="1"/>
  <c r="D5219" i="2" s="1"/>
  <c r="D5233" i="2" a="1"/>
  <c r="D5233" i="2" s="1"/>
  <c r="D5229" i="2" a="1"/>
  <c r="D5229" i="2" s="1"/>
  <c r="D5234" i="2" a="1"/>
  <c r="D5234" i="2" s="1"/>
  <c r="D5240" i="2" a="1"/>
  <c r="D5240" i="2" s="1"/>
  <c r="H2574" i="2" a="1"/>
  <c r="H2574" i="2" s="1"/>
  <c r="E6395" i="2" a="1"/>
  <c r="E6395" i="2" s="1"/>
  <c r="AM207" i="1"/>
  <c r="H7181" i="2" a="1"/>
  <c r="H7181" i="2" s="1"/>
  <c r="AQ354" i="1"/>
  <c r="G360" i="5" s="1"/>
  <c r="D4598" i="2" a="1"/>
  <c r="D4598" i="2" s="1"/>
  <c r="D4610" i="2" a="1"/>
  <c r="D4610" i="2" s="1"/>
  <c r="G4554" i="2" a="1"/>
  <c r="G4554" i="2" s="1"/>
  <c r="F852" i="2" a="1"/>
  <c r="F852" i="2" s="1"/>
  <c r="D7941" i="2" a="1"/>
  <c r="D7941" i="2" s="1"/>
  <c r="D7953" i="2" a="1"/>
  <c r="D7953" i="2" s="1"/>
  <c r="F8714" i="2" a="1"/>
  <c r="F8714" i="2" s="1"/>
  <c r="H3340" i="2" a="1"/>
  <c r="H3340" i="2" s="1"/>
  <c r="H6797" i="2" a="1"/>
  <c r="H6797" i="2" s="1"/>
  <c r="F5906" i="2" a="1"/>
  <c r="F5906" i="2" s="1"/>
  <c r="E681" i="2" a="1"/>
  <c r="E681" i="2" s="1"/>
  <c r="G8535" i="2" a="1"/>
  <c r="G8535" i="2" s="1"/>
  <c r="H4833" i="2" a="1"/>
  <c r="H4833" i="2" s="1"/>
  <c r="H2569" i="2" a="1"/>
  <c r="H2569" i="2" s="1"/>
  <c r="E6404" i="2" a="1"/>
  <c r="E6404" i="2" s="1"/>
  <c r="AN207" i="1"/>
  <c r="D213" i="5" s="1"/>
  <c r="G1400" i="2" a="1"/>
  <c r="G1400" i="2" s="1"/>
  <c r="E4192" i="2" a="1"/>
  <c r="E4192" i="2" s="1"/>
  <c r="F2671" i="2" a="1"/>
  <c r="F2671" i="2" s="1"/>
  <c r="F8080" i="2" a="1"/>
  <c r="F8080" i="2" s="1"/>
  <c r="H7179" i="2" a="1"/>
  <c r="H7179" i="2" s="1"/>
  <c r="D4699" i="2" a="1"/>
  <c r="D4699" i="2" s="1"/>
  <c r="D4705" i="2" a="1"/>
  <c r="D4705" i="2" s="1"/>
  <c r="D4698" i="2" a="1"/>
  <c r="D4698" i="2" s="1"/>
  <c r="E7486" i="2" a="1"/>
  <c r="E7486" i="2" s="1"/>
  <c r="E7495" i="2" a="1"/>
  <c r="E7495" i="2" s="1"/>
  <c r="E7487" i="2" a="1"/>
  <c r="E7487" i="2" s="1"/>
  <c r="E7496" i="2" a="1"/>
  <c r="E7496" i="2" s="1"/>
  <c r="E7490" i="2" a="1"/>
  <c r="E7490" i="2" s="1"/>
  <c r="E7475" i="2" a="1"/>
  <c r="E7475" i="2" s="1"/>
  <c r="E7479" i="2" a="1"/>
  <c r="E7479" i="2" s="1"/>
  <c r="H8499" i="2" a="1"/>
  <c r="H8499" i="2" s="1"/>
  <c r="H8496" i="2" a="1"/>
  <c r="H8496" i="2" s="1"/>
  <c r="H8491" i="2" a="1"/>
  <c r="H8491" i="2" s="1"/>
  <c r="H8483" i="2" a="1"/>
  <c r="H8483" i="2" s="1"/>
  <c r="H8490" i="2" a="1"/>
  <c r="H8490" i="2" s="1"/>
  <c r="H8494" i="2" a="1"/>
  <c r="H8494" i="2" s="1"/>
  <c r="G7137" i="2" a="1"/>
  <c r="G7137" i="2" s="1"/>
  <c r="G7120" i="2" a="1"/>
  <c r="G7120" i="2" s="1"/>
  <c r="G7136" i="2" a="1"/>
  <c r="G7136" i="2" s="1"/>
  <c r="G7132" i="2" a="1"/>
  <c r="G7132" i="2" s="1"/>
  <c r="G7128" i="2" a="1"/>
  <c r="G7128" i="2" s="1"/>
  <c r="G7117" i="2" a="1"/>
  <c r="G7117" i="2" s="1"/>
  <c r="G7134" i="2" a="1"/>
  <c r="G7134" i="2" s="1"/>
  <c r="G3953" i="2" a="1"/>
  <c r="G3953" i="2" s="1"/>
  <c r="E2316" i="2" a="1"/>
  <c r="E2316" i="2" s="1"/>
  <c r="E4071" i="2" a="1"/>
  <c r="E4071" i="2" s="1"/>
  <c r="H3702" i="2" a="1"/>
  <c r="H3702" i="2" s="1"/>
  <c r="G6530" i="2" a="1"/>
  <c r="G6530" i="2" s="1"/>
  <c r="F7345" i="2" a="1"/>
  <c r="F7345" i="2" s="1"/>
  <c r="E5422" i="2" a="1"/>
  <c r="E5422" i="2" s="1"/>
  <c r="H6264" i="2" a="1"/>
  <c r="H6264" i="2" s="1"/>
  <c r="H1292" i="2" a="1"/>
  <c r="H1292" i="2" s="1"/>
  <c r="G4550" i="2" a="1"/>
  <c r="G4550" i="2" s="1"/>
  <c r="F856" i="2" a="1"/>
  <c r="F856" i="2" s="1"/>
  <c r="H1642" i="2" a="1"/>
  <c r="H1642" i="2" s="1"/>
  <c r="G3310" i="2" a="1"/>
  <c r="G3310" i="2" s="1"/>
  <c r="D7951" i="2" a="1"/>
  <c r="D7951" i="2" s="1"/>
  <c r="AQ331" i="1"/>
  <c r="G337" i="5" s="1"/>
  <c r="G6100" i="2" a="1"/>
  <c r="G6100" i="2" s="1"/>
  <c r="G6083" i="2" a="1"/>
  <c r="G6083" i="2" s="1"/>
  <c r="H3281" i="2" a="1"/>
  <c r="H3281" i="2" s="1"/>
  <c r="F8709" i="2" a="1"/>
  <c r="F8709" i="2" s="1"/>
  <c r="D7487" i="2" a="1"/>
  <c r="D7487" i="2" s="1"/>
  <c r="E7510" i="2" a="1"/>
  <c r="E7510" i="2" s="1"/>
  <c r="H3332" i="2" a="1"/>
  <c r="H3332" i="2" s="1"/>
  <c r="D5174" i="2" a="1"/>
  <c r="D5174" i="2" s="1"/>
  <c r="D436" i="2" a="1"/>
  <c r="D436" i="2" s="1"/>
  <c r="H6784" i="2" a="1"/>
  <c r="H6784" i="2" s="1"/>
  <c r="E530" i="2" a="1"/>
  <c r="E530" i="2" s="1"/>
  <c r="H2870" i="2" a="1"/>
  <c r="H2870" i="2" s="1"/>
  <c r="F5909" i="2" a="1"/>
  <c r="F5909" i="2" s="1"/>
  <c r="E666" i="2" a="1"/>
  <c r="E666" i="2" s="1"/>
  <c r="G8530" i="2" a="1"/>
  <c r="G8530" i="2" s="1"/>
  <c r="H4812" i="2" a="1"/>
  <c r="H4812" i="2" s="1"/>
  <c r="H2568" i="2" a="1"/>
  <c r="H2568" i="2" s="1"/>
  <c r="E6414" i="2" a="1"/>
  <c r="E6414" i="2" s="1"/>
  <c r="D7073" i="2" a="1"/>
  <c r="D7073" i="2" s="1"/>
  <c r="H4247" i="2" a="1"/>
  <c r="H4247" i="2" s="1"/>
  <c r="D7344" i="2" a="1"/>
  <c r="D7344" i="2" s="1"/>
  <c r="G1399" i="2" a="1"/>
  <c r="G1399" i="2" s="1"/>
  <c r="H3538" i="2" a="1"/>
  <c r="H3538" i="2" s="1"/>
  <c r="E4186" i="2" a="1"/>
  <c r="E4186" i="2" s="1"/>
  <c r="D6448" i="2" a="1"/>
  <c r="D6448" i="2" s="1"/>
  <c r="E8530" i="2" a="1"/>
  <c r="E8530" i="2" s="1"/>
  <c r="H5769" i="2" a="1"/>
  <c r="H5769" i="2" s="1"/>
  <c r="G561" i="2" a="1"/>
  <c r="G561" i="2" s="1"/>
  <c r="G3958" i="2" a="1"/>
  <c r="G3958" i="2" s="1"/>
  <c r="E2321" i="2" a="1"/>
  <c r="E2321" i="2" s="1"/>
  <c r="E4067" i="2" a="1"/>
  <c r="E4067" i="2" s="1"/>
  <c r="H3695" i="2" a="1"/>
  <c r="H3695" i="2" s="1"/>
  <c r="G6537" i="2" a="1"/>
  <c r="G6537" i="2" s="1"/>
  <c r="G6526" i="2" a="1"/>
  <c r="G6526" i="2" s="1"/>
  <c r="F7336" i="2" a="1"/>
  <c r="F7336" i="2" s="1"/>
  <c r="E5412" i="2" a="1"/>
  <c r="E5412" i="2" s="1"/>
  <c r="H6261" i="2" a="1"/>
  <c r="H6261" i="2" s="1"/>
  <c r="H1285" i="2" a="1"/>
  <c r="H1285" i="2" s="1"/>
  <c r="G4559" i="2" a="1"/>
  <c r="G4559" i="2" s="1"/>
  <c r="F870" i="2" a="1"/>
  <c r="F870" i="2" s="1"/>
  <c r="H1643" i="2" a="1"/>
  <c r="H1643" i="2" s="1"/>
  <c r="G3309" i="2" a="1"/>
  <c r="G3309" i="2" s="1"/>
  <c r="D7952" i="2" a="1"/>
  <c r="D7952" i="2" s="1"/>
  <c r="G6098" i="2" a="1"/>
  <c r="G6098" i="2" s="1"/>
  <c r="G6103" i="2" a="1"/>
  <c r="G6103" i="2" s="1"/>
  <c r="H3289" i="2" a="1"/>
  <c r="H3289" i="2" s="1"/>
  <c r="F8702" i="2" a="1"/>
  <c r="F8702" i="2" s="1"/>
  <c r="E7521" i="2" a="1"/>
  <c r="E7521" i="2" s="1"/>
  <c r="E7514" i="2" a="1"/>
  <c r="E7514" i="2" s="1"/>
  <c r="H3343" i="2" a="1"/>
  <c r="H3343" i="2" s="1"/>
  <c r="D5170" i="2" a="1"/>
  <c r="D5170" i="2" s="1"/>
  <c r="D424" i="2" a="1"/>
  <c r="D424" i="2" s="1"/>
  <c r="H6789" i="2" a="1"/>
  <c r="H6789" i="2" s="1"/>
  <c r="E532" i="2" a="1"/>
  <c r="E532" i="2" s="1"/>
  <c r="E522" i="2" a="1"/>
  <c r="E522" i="2" s="1"/>
  <c r="H2880" i="2" a="1"/>
  <c r="H2880" i="2" s="1"/>
  <c r="F5903" i="2" a="1"/>
  <c r="F5903" i="2" s="1"/>
  <c r="E668" i="2" a="1"/>
  <c r="E668" i="2" s="1"/>
  <c r="G8551" i="2" a="1"/>
  <c r="G8551" i="2" s="1"/>
  <c r="G3772" i="2" a="1"/>
  <c r="G3772" i="2" s="1"/>
  <c r="H4821" i="2" a="1"/>
  <c r="H4821" i="2" s="1"/>
  <c r="H2555" i="2" a="1"/>
  <c r="H2555" i="2" s="1"/>
  <c r="D683" i="2" a="1"/>
  <c r="D683" i="2" s="1"/>
  <c r="E6399" i="2" a="1"/>
  <c r="E6399" i="2" s="1"/>
  <c r="D7069" i="2" a="1"/>
  <c r="D7069" i="2" s="1"/>
  <c r="D7340" i="2" a="1"/>
  <c r="D7340" i="2" s="1"/>
  <c r="G1386" i="2" a="1"/>
  <c r="G1386" i="2" s="1"/>
  <c r="H3542" i="2" a="1"/>
  <c r="H3542" i="2" s="1"/>
  <c r="E4188" i="2" a="1"/>
  <c r="E4188" i="2" s="1"/>
  <c r="D6447" i="2" a="1"/>
  <c r="D6447" i="2" s="1"/>
  <c r="E5765" i="2" a="1"/>
  <c r="E5765" i="2" s="1"/>
  <c r="E8549" i="2" a="1"/>
  <c r="E8549" i="2" s="1"/>
  <c r="H5746" i="2" a="1"/>
  <c r="H5746" i="2" s="1"/>
  <c r="G3948" i="2" a="1"/>
  <c r="G3948" i="2" s="1"/>
  <c r="E2317" i="2" a="1"/>
  <c r="E2317" i="2" s="1"/>
  <c r="E4083" i="2" a="1"/>
  <c r="E4083" i="2" s="1"/>
  <c r="H3697" i="2" a="1"/>
  <c r="H3697" i="2" s="1"/>
  <c r="G6523" i="2" a="1"/>
  <c r="G6523" i="2" s="1"/>
  <c r="G6519" i="2" a="1"/>
  <c r="G6519" i="2" s="1"/>
  <c r="F7335" i="2" a="1"/>
  <c r="F7335" i="2" s="1"/>
  <c r="E5432" i="2" a="1"/>
  <c r="E5432" i="2" s="1"/>
  <c r="H6256" i="2" a="1"/>
  <c r="H6256" i="2" s="1"/>
  <c r="H1293" i="2" a="1"/>
  <c r="H1293" i="2" s="1"/>
  <c r="G4552" i="2" a="1"/>
  <c r="G4552" i="2" s="1"/>
  <c r="F872" i="2" a="1"/>
  <c r="F872" i="2" s="1"/>
  <c r="H1662" i="2" a="1"/>
  <c r="H1662" i="2" s="1"/>
  <c r="G3316" i="2" a="1"/>
  <c r="G3316" i="2" s="1"/>
  <c r="D7947" i="2" a="1"/>
  <c r="D7947" i="2" s="1"/>
  <c r="G6105" i="2" a="1"/>
  <c r="G6105" i="2" s="1"/>
  <c r="G6104" i="2" a="1"/>
  <c r="G6104" i="2" s="1"/>
  <c r="H3285" i="2" a="1"/>
  <c r="H3285" i="2" s="1"/>
  <c r="F8716" i="2" a="1"/>
  <c r="F8716" i="2" s="1"/>
  <c r="E7520" i="2" a="1"/>
  <c r="E7520" i="2" s="1"/>
  <c r="H3326" i="2" a="1"/>
  <c r="H3326" i="2" s="1"/>
  <c r="H3334" i="2" a="1"/>
  <c r="H3334" i="2" s="1"/>
  <c r="D5192" i="2" a="1"/>
  <c r="D5192" i="2" s="1"/>
  <c r="D420" i="2" a="1"/>
  <c r="D420" i="2" s="1"/>
  <c r="H6796" i="2" a="1"/>
  <c r="H6796" i="2" s="1"/>
  <c r="H2876" i="2" a="1"/>
  <c r="H2876" i="2" s="1"/>
  <c r="F5902" i="2" a="1"/>
  <c r="F5902" i="2" s="1"/>
  <c r="E664" i="2" a="1"/>
  <c r="E664" i="2" s="1"/>
  <c r="G8532" i="2" a="1"/>
  <c r="G8532" i="2" s="1"/>
  <c r="G3761" i="2" a="1"/>
  <c r="G3761" i="2" s="1"/>
  <c r="H4817" i="2" a="1"/>
  <c r="H4817" i="2" s="1"/>
  <c r="H2557" i="2" a="1"/>
  <c r="H2557" i="2" s="1"/>
  <c r="D698" i="2" a="1"/>
  <c r="D698" i="2" s="1"/>
  <c r="E6400" i="2" a="1"/>
  <c r="E6400" i="2" s="1"/>
  <c r="D7087" i="2" a="1"/>
  <c r="D7087" i="2" s="1"/>
  <c r="E2806" i="2" a="1"/>
  <c r="E2806" i="2" s="1"/>
  <c r="D7337" i="2" a="1"/>
  <c r="D7337" i="2" s="1"/>
  <c r="G1393" i="2" a="1"/>
  <c r="G1393" i="2" s="1"/>
  <c r="H3541" i="2" a="1"/>
  <c r="H3541" i="2" s="1"/>
  <c r="E4196" i="2" a="1"/>
  <c r="E4196" i="2" s="1"/>
  <c r="D6454" i="2" a="1"/>
  <c r="D6454" i="2" s="1"/>
  <c r="E5768" i="2" a="1"/>
  <c r="E5768" i="2" s="1"/>
  <c r="E8539" i="2" a="1"/>
  <c r="E8539" i="2" s="1"/>
  <c r="G1233" i="2" a="1"/>
  <c r="G1233" i="2" s="1"/>
  <c r="E5437" i="2" a="1"/>
  <c r="E5437" i="2" s="1"/>
  <c r="H5763" i="2" a="1"/>
  <c r="H5763" i="2" s="1"/>
  <c r="F898" i="2" a="1"/>
  <c r="F898" i="2" s="1"/>
  <c r="D5480" i="2" a="1"/>
  <c r="D5480" i="2" s="1"/>
  <c r="F8730" i="2" a="1"/>
  <c r="F8730" i="2" s="1"/>
  <c r="G3957" i="2" a="1"/>
  <c r="G3957" i="2" s="1"/>
  <c r="E2320" i="2" a="1"/>
  <c r="E2320" i="2" s="1"/>
  <c r="E4076" i="2" a="1"/>
  <c r="E4076" i="2" s="1"/>
  <c r="E4088" i="2" a="1"/>
  <c r="E4088" i="2" s="1"/>
  <c r="H3683" i="2" a="1"/>
  <c r="H3683" i="2" s="1"/>
  <c r="G6535" i="2" a="1"/>
  <c r="G6535" i="2" s="1"/>
  <c r="G6525" i="2" a="1"/>
  <c r="G6525" i="2" s="1"/>
  <c r="F7343" i="2" a="1"/>
  <c r="F7343" i="2" s="1"/>
  <c r="E5421" i="2" a="1"/>
  <c r="E5421" i="2" s="1"/>
  <c r="H1291" i="2" a="1"/>
  <c r="H1291" i="2" s="1"/>
  <c r="G4556" i="2" a="1"/>
  <c r="G4556" i="2" s="1"/>
  <c r="F873" i="2" a="1"/>
  <c r="F873" i="2" s="1"/>
  <c r="H1646" i="2" a="1"/>
  <c r="H1646" i="2" s="1"/>
  <c r="G3303" i="2" a="1"/>
  <c r="G3303" i="2" s="1"/>
  <c r="D7937" i="2" a="1"/>
  <c r="D7937" i="2" s="1"/>
  <c r="G6088" i="2" a="1"/>
  <c r="G6088" i="2" s="1"/>
  <c r="G6087" i="2" a="1"/>
  <c r="G6087" i="2" s="1"/>
  <c r="H3297" i="2" a="1"/>
  <c r="H3297" i="2" s="1"/>
  <c r="F8718" i="2" a="1"/>
  <c r="F8718" i="2" s="1"/>
  <c r="D7496" i="2" a="1"/>
  <c r="D7496" i="2" s="1"/>
  <c r="E7506" i="2" a="1"/>
  <c r="E7506" i="2" s="1"/>
  <c r="H3341" i="2" a="1"/>
  <c r="H3341" i="2" s="1"/>
  <c r="D5191" i="2" a="1"/>
  <c r="D5191" i="2" s="1"/>
  <c r="D429" i="2" a="1"/>
  <c r="D429" i="2" s="1"/>
  <c r="H6792" i="2" a="1"/>
  <c r="H6792" i="2" s="1"/>
  <c r="E531" i="2" a="1"/>
  <c r="E531" i="2" s="1"/>
  <c r="H2879" i="2" a="1"/>
  <c r="H2879" i="2" s="1"/>
  <c r="F5905" i="2" a="1"/>
  <c r="F5905" i="2" s="1"/>
  <c r="E677" i="2" a="1"/>
  <c r="E677" i="2" s="1"/>
  <c r="G8550" i="2" a="1"/>
  <c r="G8550" i="2" s="1"/>
  <c r="G3776" i="2" a="1"/>
  <c r="G3776" i="2" s="1"/>
  <c r="H4828" i="2" a="1"/>
  <c r="H4828" i="2" s="1"/>
  <c r="H2560" i="2" a="1"/>
  <c r="H2560" i="2" s="1"/>
  <c r="D687" i="2" a="1"/>
  <c r="D687" i="2" s="1"/>
  <c r="E6396" i="2" a="1"/>
  <c r="E6396" i="2" s="1"/>
  <c r="D7082" i="2" a="1"/>
  <c r="D7082" i="2" s="1"/>
  <c r="E2810" i="2" a="1"/>
  <c r="E2810" i="2" s="1"/>
  <c r="D7351" i="2" a="1"/>
  <c r="D7351" i="2" s="1"/>
  <c r="E2635" i="2" a="1"/>
  <c r="E2635" i="2" s="1"/>
  <c r="G1397" i="2" a="1"/>
  <c r="G1397" i="2" s="1"/>
  <c r="H3555" i="2" a="1"/>
  <c r="H3555" i="2" s="1"/>
  <c r="F1164" i="2" a="1"/>
  <c r="F1164" i="2" s="1"/>
  <c r="D6451" i="2" a="1"/>
  <c r="D6451" i="2" s="1"/>
  <c r="E5759" i="2" a="1"/>
  <c r="E5759" i="2" s="1"/>
  <c r="E8533" i="2" a="1"/>
  <c r="E8533" i="2" s="1"/>
  <c r="G1216" i="2" a="1"/>
  <c r="G1216" i="2" s="1"/>
  <c r="E5455" i="2" a="1"/>
  <c r="E5455" i="2" s="1"/>
  <c r="H5766" i="2" a="1"/>
  <c r="H5766" i="2" s="1"/>
  <c r="H3390" i="2" a="1"/>
  <c r="H3390" i="2" s="1"/>
  <c r="F901" i="2" a="1"/>
  <c r="F901" i="2" s="1"/>
  <c r="AP178" i="1"/>
  <c r="F184" i="5" s="1"/>
  <c r="G3956" i="2" a="1"/>
  <c r="G3956" i="2" s="1"/>
  <c r="E2314" i="2" a="1"/>
  <c r="E2314" i="2" s="1"/>
  <c r="E4072" i="2" a="1"/>
  <c r="E4072" i="2" s="1"/>
  <c r="E4073" i="2" a="1"/>
  <c r="E4073" i="2" s="1"/>
  <c r="H3693" i="2" a="1"/>
  <c r="H3693" i="2" s="1"/>
  <c r="G6515" i="2" a="1"/>
  <c r="G6515" i="2" s="1"/>
  <c r="G6529" i="2" a="1"/>
  <c r="G6529" i="2" s="1"/>
  <c r="F7351" i="2" a="1"/>
  <c r="F7351" i="2" s="1"/>
  <c r="E5427" i="2" a="1"/>
  <c r="E5427" i="2" s="1"/>
  <c r="H1288" i="2" a="1"/>
  <c r="H1288" i="2" s="1"/>
  <c r="G4551" i="2" a="1"/>
  <c r="G4551" i="2" s="1"/>
  <c r="F865" i="2" a="1"/>
  <c r="F865" i="2" s="1"/>
  <c r="H1661" i="2" a="1"/>
  <c r="H1661" i="2" s="1"/>
  <c r="G3319" i="2" a="1"/>
  <c r="G3319" i="2" s="1"/>
  <c r="D7934" i="2" a="1"/>
  <c r="D7934" i="2" s="1"/>
  <c r="G6094" i="2" a="1"/>
  <c r="G6094" i="2" s="1"/>
  <c r="H3286" i="2" a="1"/>
  <c r="H3286" i="2" s="1"/>
  <c r="H3276" i="2" a="1"/>
  <c r="H3276" i="2" s="1"/>
  <c r="F8698" i="2" a="1"/>
  <c r="F8698" i="2" s="1"/>
  <c r="D7479" i="2" a="1"/>
  <c r="D7479" i="2" s="1"/>
  <c r="E7511" i="2" a="1"/>
  <c r="E7511" i="2" s="1"/>
  <c r="H3324" i="2" a="1"/>
  <c r="H3324" i="2" s="1"/>
  <c r="D5187" i="2" a="1"/>
  <c r="D5187" i="2" s="1"/>
  <c r="H6801" i="2" a="1"/>
  <c r="H6801" i="2" s="1"/>
  <c r="H2867" i="2" a="1"/>
  <c r="H2867" i="2" s="1"/>
  <c r="F5895" i="2" a="1"/>
  <c r="F5895" i="2" s="1"/>
  <c r="E676" i="2" a="1"/>
  <c r="E676" i="2" s="1"/>
  <c r="G8545" i="2" a="1"/>
  <c r="G8545" i="2" s="1"/>
  <c r="G3775" i="2" a="1"/>
  <c r="G3775" i="2" s="1"/>
  <c r="H4823" i="2" a="1"/>
  <c r="H4823" i="2" s="1"/>
  <c r="H2576" i="2" a="1"/>
  <c r="H2576" i="2" s="1"/>
  <c r="D688" i="2" a="1"/>
  <c r="D688" i="2" s="1"/>
  <c r="E6413" i="2" a="1"/>
  <c r="E6413" i="2" s="1"/>
  <c r="D7086" i="2" a="1"/>
  <c r="D7086" i="2" s="1"/>
  <c r="E2816" i="2" a="1"/>
  <c r="E2816" i="2" s="1"/>
  <c r="D7335" i="2" a="1"/>
  <c r="D7335" i="2" s="1"/>
  <c r="G1396" i="2" a="1"/>
  <c r="G1396" i="2" s="1"/>
  <c r="H3543" i="2" a="1"/>
  <c r="H3543" i="2" s="1"/>
  <c r="F1170" i="2" a="1"/>
  <c r="F1170" i="2" s="1"/>
  <c r="D6442" i="2" a="1"/>
  <c r="D6442" i="2" s="1"/>
  <c r="E5758" i="2" a="1"/>
  <c r="E5758" i="2" s="1"/>
  <c r="E8545" i="2" a="1"/>
  <c r="E8545" i="2" s="1"/>
  <c r="G1215" i="2" a="1"/>
  <c r="G1215" i="2" s="1"/>
  <c r="E5448" i="2" a="1"/>
  <c r="E5448" i="2" s="1"/>
  <c r="H5758" i="2" a="1"/>
  <c r="H5758" i="2" s="1"/>
  <c r="H3388" i="2" a="1"/>
  <c r="H3388" i="2" s="1"/>
  <c r="G6528" i="2" a="1"/>
  <c r="G6528" i="2" s="1"/>
  <c r="F7338" i="2" a="1"/>
  <c r="F7338" i="2" s="1"/>
  <c r="H1303" i="2" a="1"/>
  <c r="H1303" i="2" s="1"/>
  <c r="G4558" i="2" a="1"/>
  <c r="G4558" i="2" s="1"/>
  <c r="F862" i="2" a="1"/>
  <c r="F862" i="2" s="1"/>
  <c r="G3321" i="2" a="1"/>
  <c r="G3321" i="2" s="1"/>
  <c r="D7939" i="2" a="1"/>
  <c r="D7939" i="2" s="1"/>
  <c r="G6095" i="2" a="1"/>
  <c r="G6095" i="2" s="1"/>
  <c r="H3287" i="2" a="1"/>
  <c r="H3287" i="2" s="1"/>
  <c r="H3284" i="2" a="1"/>
  <c r="H3284" i="2" s="1"/>
  <c r="F8704" i="2" a="1"/>
  <c r="F8704" i="2" s="1"/>
  <c r="D7475" i="2" a="1"/>
  <c r="D7475" i="2" s="1"/>
  <c r="E7503" i="2" a="1"/>
  <c r="E7503" i="2" s="1"/>
  <c r="H3335" i="2" a="1"/>
  <c r="H3335" i="2" s="1"/>
  <c r="H6795" i="2" a="1"/>
  <c r="H6795" i="2" s="1"/>
  <c r="H2882" i="2" a="1"/>
  <c r="H2882" i="2" s="1"/>
  <c r="F5907" i="2" a="1"/>
  <c r="F5907" i="2" s="1"/>
  <c r="E675" i="2" a="1"/>
  <c r="E675" i="2" s="1"/>
  <c r="G8531" i="2" a="1"/>
  <c r="G8531" i="2" s="1"/>
  <c r="G375" i="2" a="1"/>
  <c r="G375" i="2" s="1"/>
  <c r="H2572" i="2" a="1"/>
  <c r="H2572" i="2" s="1"/>
  <c r="D697" i="2" a="1"/>
  <c r="D697" i="2" s="1"/>
  <c r="D7067" i="2" a="1"/>
  <c r="D7067" i="2" s="1"/>
  <c r="E2799" i="2" a="1"/>
  <c r="E2799" i="2" s="1"/>
  <c r="D7331" i="2" a="1"/>
  <c r="D7331" i="2" s="1"/>
  <c r="G1379" i="2" a="1"/>
  <c r="G1379" i="2" s="1"/>
  <c r="F1182" i="2" a="1"/>
  <c r="F1182" i="2" s="1"/>
  <c r="D6452" i="2" a="1"/>
  <c r="D6452" i="2" s="1"/>
  <c r="E5749" i="2" a="1"/>
  <c r="E5749" i="2" s="1"/>
  <c r="D5922" i="2" a="1"/>
  <c r="D5922" i="2" s="1"/>
  <c r="G1214" i="2" a="1"/>
  <c r="G1214" i="2" s="1"/>
  <c r="H655" i="2" a="1"/>
  <c r="H655" i="2" s="1"/>
  <c r="H3374" i="2" a="1"/>
  <c r="H3374" i="2" s="1"/>
  <c r="G1983" i="2" a="1"/>
  <c r="G1983" i="2" s="1"/>
  <c r="G1999" i="2" a="1"/>
  <c r="G1999" i="2" s="1"/>
  <c r="G1985" i="2" a="1"/>
  <c r="G1985" i="2" s="1"/>
  <c r="G2000" i="2" a="1"/>
  <c r="G2000" i="2" s="1"/>
  <c r="G1997" i="2" a="1"/>
  <c r="G1997" i="2" s="1"/>
  <c r="G2001" i="2" a="1"/>
  <c r="G2001" i="2" s="1"/>
  <c r="G1992" i="2" a="1"/>
  <c r="G1992" i="2" s="1"/>
  <c r="G1980" i="2" a="1"/>
  <c r="G1980" i="2" s="1"/>
  <c r="G1987" i="2" a="1"/>
  <c r="G1987" i="2" s="1"/>
  <c r="G1993" i="2" a="1"/>
  <c r="G1993" i="2" s="1"/>
  <c r="G1988" i="2" a="1"/>
  <c r="G1988" i="2" s="1"/>
  <c r="G1982" i="2" a="1"/>
  <c r="G1982" i="2" s="1"/>
  <c r="G1990" i="2" a="1"/>
  <c r="G1990" i="2" s="1"/>
  <c r="G1978" i="2" a="1"/>
  <c r="G1978" i="2" s="1"/>
  <c r="G1986" i="2" a="1"/>
  <c r="G1986" i="2" s="1"/>
  <c r="G1981" i="2" a="1"/>
  <c r="G1981" i="2" s="1"/>
  <c r="G1991" i="2" a="1"/>
  <c r="G1991" i="2" s="1"/>
  <c r="D735" i="2" a="1"/>
  <c r="D735" i="2" s="1"/>
  <c r="D738" i="2" a="1"/>
  <c r="D738" i="2" s="1"/>
  <c r="D742" i="2" a="1"/>
  <c r="D742" i="2" s="1"/>
  <c r="D751" i="2" a="1"/>
  <c r="D751" i="2" s="1"/>
  <c r="D753" i="2" a="1"/>
  <c r="D753" i="2" s="1"/>
  <c r="D734" i="2" a="1"/>
  <c r="D734" i="2" s="1"/>
  <c r="D736" i="2" a="1"/>
  <c r="D736" i="2" s="1"/>
  <c r="D748" i="2" a="1"/>
  <c r="D748" i="2" s="1"/>
  <c r="E506" i="2" a="1"/>
  <c r="E506" i="2" s="1"/>
  <c r="E495" i="2" a="1"/>
  <c r="E495" i="2" s="1"/>
  <c r="E508" i="2" a="1"/>
  <c r="E508" i="2" s="1"/>
  <c r="E504" i="2" a="1"/>
  <c r="E504" i="2" s="1"/>
  <c r="E507" i="2" a="1"/>
  <c r="E507" i="2" s="1"/>
  <c r="E493" i="2" a="1"/>
  <c r="E493" i="2" s="1"/>
  <c r="E502" i="2" a="1"/>
  <c r="E502" i="2" s="1"/>
  <c r="E511" i="2" a="1"/>
  <c r="E511" i="2" s="1"/>
  <c r="E513" i="2" a="1"/>
  <c r="E513" i="2" s="1"/>
  <c r="E510" i="2" a="1"/>
  <c r="E510" i="2" s="1"/>
  <c r="E498" i="2" a="1"/>
  <c r="E498" i="2" s="1"/>
  <c r="E501" i="2" a="1"/>
  <c r="E501" i="2" s="1"/>
  <c r="E512" i="2" a="1"/>
  <c r="E512" i="2" s="1"/>
  <c r="E494" i="2" a="1"/>
  <c r="E494" i="2" s="1"/>
  <c r="E492" i="2" a="1"/>
  <c r="E492" i="2" s="1"/>
  <c r="E509" i="2" a="1"/>
  <c r="E509" i="2" s="1"/>
  <c r="E496" i="2" a="1"/>
  <c r="E496" i="2" s="1"/>
  <c r="E505" i="2" a="1"/>
  <c r="E505" i="2" s="1"/>
  <c r="E491" i="2" a="1"/>
  <c r="E491" i="2" s="1"/>
  <c r="F3793" i="2" a="1"/>
  <c r="F3793" i="2" s="1"/>
  <c r="F3787" i="2" a="1"/>
  <c r="F3787" i="2" s="1"/>
  <c r="F3800" i="2" a="1"/>
  <c r="F3800" i="2" s="1"/>
  <c r="F5702" i="2" a="1"/>
  <c r="F5702" i="2" s="1"/>
  <c r="F5700" i="2" a="1"/>
  <c r="F5700" i="2" s="1"/>
  <c r="F5714" i="2" a="1"/>
  <c r="F5714" i="2" s="1"/>
  <c r="F5701" i="2" a="1"/>
  <c r="F5701" i="2" s="1"/>
  <c r="F5720" i="2" a="1"/>
  <c r="F5720" i="2" s="1"/>
  <c r="F5706" i="2" a="1"/>
  <c r="F5706" i="2" s="1"/>
  <c r="F5721" i="2" a="1"/>
  <c r="F5721" i="2" s="1"/>
  <c r="F5704" i="2" a="1"/>
  <c r="F5704" i="2" s="1"/>
  <c r="F5709" i="2" a="1"/>
  <c r="F5709" i="2" s="1"/>
  <c r="F5703" i="2" a="1"/>
  <c r="F5703" i="2" s="1"/>
  <c r="F5707" i="2" a="1"/>
  <c r="F5707" i="2" s="1"/>
  <c r="D7733" i="2" a="1"/>
  <c r="D7733" i="2" s="1"/>
  <c r="D7735" i="2" a="1"/>
  <c r="D7735" i="2" s="1"/>
  <c r="D7722" i="2" a="1"/>
  <c r="D7722" i="2" s="1"/>
  <c r="D7730" i="2" a="1"/>
  <c r="D7730" i="2" s="1"/>
  <c r="D7714" i="2" a="1"/>
  <c r="D7714" i="2" s="1"/>
  <c r="D7717" i="2" a="1"/>
  <c r="D7717" i="2" s="1"/>
  <c r="D7719" i="2" a="1"/>
  <c r="D7719" i="2" s="1"/>
  <c r="D7728" i="2" a="1"/>
  <c r="D7728" i="2" s="1"/>
  <c r="D7723" i="2" a="1"/>
  <c r="D7723" i="2" s="1"/>
  <c r="D7732" i="2" a="1"/>
  <c r="D7732" i="2" s="1"/>
  <c r="D7724" i="2" a="1"/>
  <c r="D7724" i="2" s="1"/>
  <c r="D7720" i="2" a="1"/>
  <c r="D7720" i="2" s="1"/>
  <c r="D7715" i="2" a="1"/>
  <c r="D7715" i="2" s="1"/>
  <c r="D7716" i="2" a="1"/>
  <c r="D7716" i="2" s="1"/>
  <c r="D7737" i="2" a="1"/>
  <c r="D7737" i="2" s="1"/>
  <c r="D7729" i="2" a="1"/>
  <c r="D7729" i="2" s="1"/>
  <c r="D7725" i="2" a="1"/>
  <c r="D7725" i="2" s="1"/>
  <c r="E2318" i="2" a="1"/>
  <c r="E2318" i="2" s="1"/>
  <c r="E2319" i="2" a="1"/>
  <c r="E2319" i="2" s="1"/>
  <c r="G6524" i="2" a="1"/>
  <c r="G6524" i="2" s="1"/>
  <c r="F7347" i="2" a="1"/>
  <c r="F7347" i="2" s="1"/>
  <c r="E5429" i="2" a="1"/>
  <c r="E5429" i="2" s="1"/>
  <c r="H6265" i="2" a="1"/>
  <c r="H6265" i="2" s="1"/>
  <c r="H1287" i="2" a="1"/>
  <c r="H1287" i="2" s="1"/>
  <c r="G4547" i="2" a="1"/>
  <c r="G4547" i="2" s="1"/>
  <c r="F858" i="2" a="1"/>
  <c r="F858" i="2" s="1"/>
  <c r="H1660" i="2" a="1"/>
  <c r="H1660" i="2" s="1"/>
  <c r="G3299" i="2" a="1"/>
  <c r="G3299" i="2" s="1"/>
  <c r="D7932" i="2" a="1"/>
  <c r="D7932" i="2" s="1"/>
  <c r="G6093" i="2" a="1"/>
  <c r="G6093" i="2" s="1"/>
  <c r="H3278" i="2" a="1"/>
  <c r="H3278" i="2" s="1"/>
  <c r="H3279" i="2" a="1"/>
  <c r="H3279" i="2" s="1"/>
  <c r="F8705" i="2" a="1"/>
  <c r="F8705" i="2" s="1"/>
  <c r="D7484" i="2" a="1"/>
  <c r="D7484" i="2" s="1"/>
  <c r="E7507" i="2" a="1"/>
  <c r="E7507" i="2" s="1"/>
  <c r="H3339" i="2" a="1"/>
  <c r="H3339" i="2" s="1"/>
  <c r="H6779" i="2" a="1"/>
  <c r="H6779" i="2" s="1"/>
  <c r="H2875" i="2" a="1"/>
  <c r="H2875" i="2" s="1"/>
  <c r="H2878" i="2" a="1"/>
  <c r="H2878" i="2" s="1"/>
  <c r="F5892" i="2" a="1"/>
  <c r="F5892" i="2" s="1"/>
  <c r="E661" i="2" a="1"/>
  <c r="E661" i="2" s="1"/>
  <c r="G8537" i="2" a="1"/>
  <c r="G8537" i="2" s="1"/>
  <c r="H2564" i="2" a="1"/>
  <c r="H2564" i="2" s="1"/>
  <c r="D704" i="2" a="1"/>
  <c r="D704" i="2" s="1"/>
  <c r="E2804" i="2" a="1"/>
  <c r="E2804" i="2" s="1"/>
  <c r="G1394" i="2" a="1"/>
  <c r="G1394" i="2" s="1"/>
  <c r="H3560" i="2" a="1"/>
  <c r="H3560" i="2" s="1"/>
  <c r="F1173" i="2" a="1"/>
  <c r="F1173" i="2" s="1"/>
  <c r="D6449" i="2" a="1"/>
  <c r="D6449" i="2" s="1"/>
  <c r="E5767" i="2" a="1"/>
  <c r="E5767" i="2" s="1"/>
  <c r="D5914" i="2" a="1"/>
  <c r="D5914" i="2" s="1"/>
  <c r="G1210" i="2" a="1"/>
  <c r="G1210" i="2" s="1"/>
  <c r="H651" i="2" a="1"/>
  <c r="H651" i="2" s="1"/>
  <c r="H3373" i="2" a="1"/>
  <c r="H3373" i="2" s="1"/>
  <c r="F1531" i="2" a="1"/>
  <c r="F1531" i="2" s="1"/>
  <c r="G1994" i="2" a="1"/>
  <c r="G1994" i="2" s="1"/>
  <c r="G3954" i="2" a="1"/>
  <c r="G3954" i="2" s="1"/>
  <c r="E2329" i="2" a="1"/>
  <c r="E2329" i="2" s="1"/>
  <c r="E2337" i="2" a="1"/>
  <c r="E2337" i="2" s="1"/>
  <c r="E4087" i="2" a="1"/>
  <c r="E4087" i="2" s="1"/>
  <c r="G6516" i="2" a="1"/>
  <c r="G6516" i="2" s="1"/>
  <c r="F7340" i="2" a="1"/>
  <c r="F7340" i="2" s="1"/>
  <c r="E5417" i="2" a="1"/>
  <c r="E5417" i="2" s="1"/>
  <c r="E5420" i="2" a="1"/>
  <c r="E5420" i="2" s="1"/>
  <c r="H6262" i="2" a="1"/>
  <c r="H6262" i="2" s="1"/>
  <c r="H1302" i="2" a="1"/>
  <c r="H1302" i="2" s="1"/>
  <c r="G4549" i="2" a="1"/>
  <c r="G4549" i="2" s="1"/>
  <c r="G4555" i="2" a="1"/>
  <c r="G4555" i="2" s="1"/>
  <c r="F853" i="2" a="1"/>
  <c r="F853" i="2" s="1"/>
  <c r="F855" i="2" a="1"/>
  <c r="F855" i="2" s="1"/>
  <c r="H1645" i="2" a="1"/>
  <c r="H1645" i="2" s="1"/>
  <c r="G3302" i="2" a="1"/>
  <c r="G3302" i="2" s="1"/>
  <c r="D7930" i="2" a="1"/>
  <c r="D7930" i="2" s="1"/>
  <c r="G6091" i="2" a="1"/>
  <c r="G6091" i="2" s="1"/>
  <c r="H3295" i="2" a="1"/>
  <c r="H3295" i="2" s="1"/>
  <c r="F8700" i="2" a="1"/>
  <c r="F8700" i="2" s="1"/>
  <c r="D7493" i="2" a="1"/>
  <c r="D7493" i="2" s="1"/>
  <c r="E7509" i="2" a="1"/>
  <c r="E7509" i="2" s="1"/>
  <c r="H3342" i="2" a="1"/>
  <c r="H3342" i="2" s="1"/>
  <c r="D5184" i="2" a="1"/>
  <c r="D5184" i="2" s="1"/>
  <c r="H6781" i="2" a="1"/>
  <c r="H6781" i="2" s="1"/>
  <c r="H2888" i="2" a="1"/>
  <c r="H2888" i="2" s="1"/>
  <c r="F5901" i="2" a="1"/>
  <c r="F5901" i="2" s="1"/>
  <c r="E658" i="2" a="1"/>
  <c r="E658" i="2" s="1"/>
  <c r="G8547" i="2" a="1"/>
  <c r="G8547" i="2" s="1"/>
  <c r="G3769" i="2" a="1"/>
  <c r="G3769" i="2" s="1"/>
  <c r="AO170" i="1"/>
  <c r="E176" i="5" s="1"/>
  <c r="H2571" i="2" a="1"/>
  <c r="H2571" i="2" s="1"/>
  <c r="D685" i="2" a="1"/>
  <c r="D685" i="2" s="1"/>
  <c r="E2811" i="2" a="1"/>
  <c r="E2811" i="2" s="1"/>
  <c r="E2633" i="2" a="1"/>
  <c r="E2633" i="2" s="1"/>
  <c r="F1168" i="2" a="1"/>
  <c r="F1168" i="2" s="1"/>
  <c r="D5221" i="2" a="1"/>
  <c r="D5221" i="2" s="1"/>
  <c r="AQ269" i="1"/>
  <c r="G275" i="5" s="1"/>
  <c r="D5927" i="2" a="1"/>
  <c r="D5927" i="2" s="1"/>
  <c r="G1230" i="2" a="1"/>
  <c r="G1230" i="2" s="1"/>
  <c r="H638" i="2" a="1"/>
  <c r="H638" i="2" s="1"/>
  <c r="G2844" i="2" a="1"/>
  <c r="G2844" i="2" s="1"/>
  <c r="H3381" i="2" a="1"/>
  <c r="H3381" i="2" s="1"/>
  <c r="F1522" i="2" a="1"/>
  <c r="F1522" i="2" s="1"/>
  <c r="G1984" i="2" a="1"/>
  <c r="G1984" i="2" s="1"/>
  <c r="G3964" i="2" a="1"/>
  <c r="G3964" i="2" s="1"/>
  <c r="E2333" i="2" a="1"/>
  <c r="E2333" i="2" s="1"/>
  <c r="E2336" i="2" a="1"/>
  <c r="E2336" i="2" s="1"/>
  <c r="E4086" i="2" a="1"/>
  <c r="E4086" i="2" s="1"/>
  <c r="H3682" i="2" a="1"/>
  <c r="H3682" i="2" s="1"/>
  <c r="G6521" i="2" a="1"/>
  <c r="G6521" i="2" s="1"/>
  <c r="F7352" i="2" a="1"/>
  <c r="F7352" i="2" s="1"/>
  <c r="E5415" i="2" a="1"/>
  <c r="E5415" i="2" s="1"/>
  <c r="E5411" i="2" a="1"/>
  <c r="E5411" i="2" s="1"/>
  <c r="H6255" i="2" a="1"/>
  <c r="H6255" i="2" s="1"/>
  <c r="H1301" i="2" a="1"/>
  <c r="H1301" i="2" s="1"/>
  <c r="G4553" i="2" a="1"/>
  <c r="G4553" i="2" s="1"/>
  <c r="G4567" i="2" a="1"/>
  <c r="G4567" i="2" s="1"/>
  <c r="F868" i="2" a="1"/>
  <c r="F868" i="2" s="1"/>
  <c r="F860" i="2" a="1"/>
  <c r="F860" i="2" s="1"/>
  <c r="H1652" i="2" a="1"/>
  <c r="H1652" i="2" s="1"/>
  <c r="H1655" i="2" a="1"/>
  <c r="H1655" i="2" s="1"/>
  <c r="G3312" i="2" a="1"/>
  <c r="G3312" i="2" s="1"/>
  <c r="D7942" i="2" a="1"/>
  <c r="D7942" i="2" s="1"/>
  <c r="G6097" i="2" a="1"/>
  <c r="G6097" i="2" s="1"/>
  <c r="H3294" i="2" a="1"/>
  <c r="H3294" i="2" s="1"/>
  <c r="F8701" i="2" a="1"/>
  <c r="F8701" i="2" s="1"/>
  <c r="D7481" i="2" a="1"/>
  <c r="D7481" i="2" s="1"/>
  <c r="E7508" i="2" a="1"/>
  <c r="E7508" i="2" s="1"/>
  <c r="H3323" i="2" a="1"/>
  <c r="H3323" i="2" s="1"/>
  <c r="D5180" i="2" a="1"/>
  <c r="D5180" i="2" s="1"/>
  <c r="D435" i="2" a="1"/>
  <c r="D435" i="2" s="1"/>
  <c r="H6798" i="2" a="1"/>
  <c r="H6798" i="2" s="1"/>
  <c r="H6794" i="2" a="1"/>
  <c r="H6794" i="2" s="1"/>
  <c r="H2871" i="2" a="1"/>
  <c r="H2871" i="2" s="1"/>
  <c r="F5911" i="2" a="1"/>
  <c r="F5911" i="2" s="1"/>
  <c r="E670" i="2" a="1"/>
  <c r="E670" i="2" s="1"/>
  <c r="G8543" i="2" a="1"/>
  <c r="G8543" i="2" s="1"/>
  <c r="G3755" i="2" a="1"/>
  <c r="G3755" i="2" s="1"/>
  <c r="AQ170" i="1"/>
  <c r="G176" i="5" s="1"/>
  <c r="H2556" i="2" a="1"/>
  <c r="H2556" i="2" s="1"/>
  <c r="D699" i="2" a="1"/>
  <c r="D699" i="2" s="1"/>
  <c r="E2815" i="2" a="1"/>
  <c r="E2815" i="2" s="1"/>
  <c r="E2629" i="2" a="1"/>
  <c r="E2629" i="2" s="1"/>
  <c r="F1185" i="2" a="1"/>
  <c r="F1185" i="2" s="1"/>
  <c r="D5230" i="2" a="1"/>
  <c r="D5230" i="2" s="1"/>
  <c r="H637" i="2" a="1"/>
  <c r="H637" i="2" s="1"/>
  <c r="G2860" i="2" a="1"/>
  <c r="G2860" i="2" s="1"/>
  <c r="E490" i="2" a="1"/>
  <c r="E490" i="2" s="1"/>
  <c r="H5904" i="2" a="1"/>
  <c r="H5904" i="2" s="1"/>
  <c r="E6942" i="2" a="1"/>
  <c r="E6942" i="2" s="1"/>
  <c r="F1541" i="2" a="1"/>
  <c r="F1541" i="2" s="1"/>
  <c r="H540" i="2" a="1"/>
  <c r="H540" i="2" s="1"/>
  <c r="G1979" i="2" a="1"/>
  <c r="G1979" i="2" s="1"/>
  <c r="E2324" i="2" a="1"/>
  <c r="E2324" i="2" s="1"/>
  <c r="E2327" i="2" a="1"/>
  <c r="E2327" i="2" s="1"/>
  <c r="E4085" i="2" a="1"/>
  <c r="E4085" i="2" s="1"/>
  <c r="H3686" i="2" a="1"/>
  <c r="H3686" i="2" s="1"/>
  <c r="G6533" i="2" a="1"/>
  <c r="G6533" i="2" s="1"/>
  <c r="F7344" i="2" a="1"/>
  <c r="F7344" i="2" s="1"/>
  <c r="E5430" i="2" a="1"/>
  <c r="E5430" i="2" s="1"/>
  <c r="E5424" i="2" a="1"/>
  <c r="E5424" i="2" s="1"/>
  <c r="H6254" i="2" a="1"/>
  <c r="H6254" i="2" s="1"/>
  <c r="H1300" i="2" a="1"/>
  <c r="H1300" i="2" s="1"/>
  <c r="G4548" i="2" a="1"/>
  <c r="G4548" i="2" s="1"/>
  <c r="G4566" i="2" a="1"/>
  <c r="G4566" i="2" s="1"/>
  <c r="F866" i="2" a="1"/>
  <c r="F866" i="2" s="1"/>
  <c r="F854" i="2" a="1"/>
  <c r="F854" i="2" s="1"/>
  <c r="H1659" i="2" a="1"/>
  <c r="H1659" i="2" s="1"/>
  <c r="H1648" i="2" a="1"/>
  <c r="H1648" i="2" s="1"/>
  <c r="G3300" i="2" a="1"/>
  <c r="G3300" i="2" s="1"/>
  <c r="D7948" i="2" a="1"/>
  <c r="D7948" i="2" s="1"/>
  <c r="G6090" i="2" a="1"/>
  <c r="G6090" i="2" s="1"/>
  <c r="H3280" i="2" a="1"/>
  <c r="H3280" i="2" s="1"/>
  <c r="F8712" i="2" a="1"/>
  <c r="F8712" i="2" s="1"/>
  <c r="D7492" i="2" a="1"/>
  <c r="D7492" i="2" s="1"/>
  <c r="E7516" i="2" a="1"/>
  <c r="E7516" i="2" s="1"/>
  <c r="H3345" i="2" a="1"/>
  <c r="H3345" i="2" s="1"/>
  <c r="D5176" i="2" a="1"/>
  <c r="D5176" i="2" s="1"/>
  <c r="D427" i="2" a="1"/>
  <c r="D427" i="2" s="1"/>
  <c r="H6783" i="2" a="1"/>
  <c r="H6783" i="2" s="1"/>
  <c r="E533" i="2" a="1"/>
  <c r="E533" i="2" s="1"/>
  <c r="H2874" i="2" a="1"/>
  <c r="H2874" i="2" s="1"/>
  <c r="F5900" i="2" a="1"/>
  <c r="F5900" i="2" s="1"/>
  <c r="E674" i="2" a="1"/>
  <c r="E674" i="2" s="1"/>
  <c r="G8542" i="2" a="1"/>
  <c r="G8542" i="2" s="1"/>
  <c r="G3765" i="2" a="1"/>
  <c r="G3765" i="2" s="1"/>
  <c r="H4825" i="2" a="1"/>
  <c r="H4825" i="2" s="1"/>
  <c r="H2558" i="2" a="1"/>
  <c r="H2558" i="2" s="1"/>
  <c r="D691" i="2" a="1"/>
  <c r="D691" i="2" s="1"/>
  <c r="E2643" i="2" a="1"/>
  <c r="E2643" i="2" s="1"/>
  <c r="F1166" i="2" a="1"/>
  <c r="F1166" i="2" s="1"/>
  <c r="D5227" i="2" a="1"/>
  <c r="D5227" i="2" s="1"/>
  <c r="G2843" i="2" a="1"/>
  <c r="G2843" i="2" s="1"/>
  <c r="E500" i="2" a="1"/>
  <c r="E500" i="2" s="1"/>
  <c r="H5907" i="2" a="1"/>
  <c r="H5907" i="2" s="1"/>
  <c r="E6924" i="2" a="1"/>
  <c r="E6924" i="2" s="1"/>
  <c r="H560" i="2" a="1"/>
  <c r="H560" i="2" s="1"/>
  <c r="G3952" i="2" a="1"/>
  <c r="G3952" i="2" s="1"/>
  <c r="F2061" i="2" a="1"/>
  <c r="F2061" i="2" s="1"/>
  <c r="E2326" i="2" a="1"/>
  <c r="E2326" i="2" s="1"/>
  <c r="F8320" i="2" a="1"/>
  <c r="F8320" i="2" s="1"/>
  <c r="E4082" i="2" a="1"/>
  <c r="E4082" i="2" s="1"/>
  <c r="H3704" i="2" a="1"/>
  <c r="H3704" i="2" s="1"/>
  <c r="H3705" i="2" a="1"/>
  <c r="H3705" i="2" s="1"/>
  <c r="G6531" i="2" a="1"/>
  <c r="G6531" i="2" s="1"/>
  <c r="F7334" i="2" a="1"/>
  <c r="F7334" i="2" s="1"/>
  <c r="E5414" i="2" a="1"/>
  <c r="E5414" i="2" s="1"/>
  <c r="E5433" i="2" a="1"/>
  <c r="E5433" i="2" s="1"/>
  <c r="H6258" i="2" a="1"/>
  <c r="H6258" i="2" s="1"/>
  <c r="H1296" i="2" a="1"/>
  <c r="H1296" i="2" s="1"/>
  <c r="H1299" i="2" a="1"/>
  <c r="H1299" i="2" s="1"/>
  <c r="G4562" i="2" a="1"/>
  <c r="G4562" i="2" s="1"/>
  <c r="G4557" i="2" a="1"/>
  <c r="G4557" i="2" s="1"/>
  <c r="F863" i="2" a="1"/>
  <c r="F863" i="2" s="1"/>
  <c r="F871" i="2" a="1"/>
  <c r="F871" i="2" s="1"/>
  <c r="H1658" i="2" a="1"/>
  <c r="H1658" i="2" s="1"/>
  <c r="H1663" i="2" a="1"/>
  <c r="H1663" i="2" s="1"/>
  <c r="G3315" i="2" a="1"/>
  <c r="G3315" i="2" s="1"/>
  <c r="D7943" i="2" a="1"/>
  <c r="D7943" i="2" s="1"/>
  <c r="G6092" i="2" a="1"/>
  <c r="G6092" i="2" s="1"/>
  <c r="H3288" i="2" a="1"/>
  <c r="H3288" i="2" s="1"/>
  <c r="F8707" i="2" a="1"/>
  <c r="F8707" i="2" s="1"/>
  <c r="D7488" i="2" a="1"/>
  <c r="D7488" i="2" s="1"/>
  <c r="E7512" i="2" a="1"/>
  <c r="E7512" i="2" s="1"/>
  <c r="H3331" i="2" a="1"/>
  <c r="H3331" i="2" s="1"/>
  <c r="D5172" i="2" a="1"/>
  <c r="D5172" i="2" s="1"/>
  <c r="D439" i="2" a="1"/>
  <c r="D439" i="2" s="1"/>
  <c r="H6799" i="2" a="1"/>
  <c r="H6799" i="2" s="1"/>
  <c r="E525" i="2" a="1"/>
  <c r="E525" i="2" s="1"/>
  <c r="H2868" i="2" a="1"/>
  <c r="H2868" i="2" s="1"/>
  <c r="F5896" i="2" a="1"/>
  <c r="F5896" i="2" s="1"/>
  <c r="E659" i="2" a="1"/>
  <c r="E659" i="2" s="1"/>
  <c r="G8534" i="2" a="1"/>
  <c r="G8534" i="2" s="1"/>
  <c r="G3758" i="2" a="1"/>
  <c r="G3758" i="2" s="1"/>
  <c r="H4827" i="2" a="1"/>
  <c r="H4827" i="2" s="1"/>
  <c r="D684" i="2" a="1"/>
  <c r="D684" i="2" s="1"/>
  <c r="E4128" i="2" a="1"/>
  <c r="E4128" i="2" s="1"/>
  <c r="D5236" i="2" a="1"/>
  <c r="D5236" i="2" s="1"/>
  <c r="E497" i="2" a="1"/>
  <c r="E497" i="2" s="1"/>
  <c r="D2025" i="2" a="1"/>
  <c r="D2025" i="2" s="1"/>
  <c r="E6927" i="2" a="1"/>
  <c r="E6927" i="2" s="1"/>
  <c r="E7218" i="2" a="1"/>
  <c r="E7218" i="2" s="1"/>
  <c r="H551" i="2" a="1"/>
  <c r="H551" i="2" s="1"/>
  <c r="G3946" i="2" a="1"/>
  <c r="G3946" i="2" s="1"/>
  <c r="G3963" i="2" a="1"/>
  <c r="G3963" i="2" s="1"/>
  <c r="F2053" i="2" a="1"/>
  <c r="F2053" i="2" s="1"/>
  <c r="E2323" i="2" a="1"/>
  <c r="E2323" i="2" s="1"/>
  <c r="F8316" i="2" a="1"/>
  <c r="F8316" i="2" s="1"/>
  <c r="E4081" i="2" a="1"/>
  <c r="E4081" i="2" s="1"/>
  <c r="E3265" i="2" a="1"/>
  <c r="E3265" i="2" s="1"/>
  <c r="E3268" i="2" a="1"/>
  <c r="E3268" i="2" s="1"/>
  <c r="H3698" i="2" a="1"/>
  <c r="H3698" i="2" s="1"/>
  <c r="H3687" i="2" a="1"/>
  <c r="H3687" i="2" s="1"/>
  <c r="G6532" i="2" a="1"/>
  <c r="G6532" i="2" s="1"/>
  <c r="F7349" i="2" a="1"/>
  <c r="F7349" i="2" s="1"/>
  <c r="E5425" i="2" a="1"/>
  <c r="E5425" i="2" s="1"/>
  <c r="H6268" i="2" a="1"/>
  <c r="H6268" i="2" s="1"/>
  <c r="H1282" i="2" a="1"/>
  <c r="H1282" i="2" s="1"/>
  <c r="H1290" i="2" a="1"/>
  <c r="H1290" i="2" s="1"/>
  <c r="G4561" i="2" a="1"/>
  <c r="G4561" i="2" s="1"/>
  <c r="F861" i="2" a="1"/>
  <c r="F861" i="2" s="1"/>
  <c r="H1665" i="2" a="1"/>
  <c r="H1665" i="2" s="1"/>
  <c r="H1653" i="2" a="1"/>
  <c r="H1653" i="2" s="1"/>
  <c r="G3301" i="2" a="1"/>
  <c r="G3301" i="2" s="1"/>
  <c r="D7950" i="2" a="1"/>
  <c r="D7950" i="2" s="1"/>
  <c r="G6089" i="2" a="1"/>
  <c r="G6089" i="2" s="1"/>
  <c r="H3296" i="2" a="1"/>
  <c r="H3296" i="2" s="1"/>
  <c r="F8717" i="2" a="1"/>
  <c r="F8717" i="2" s="1"/>
  <c r="D7476" i="2" a="1"/>
  <c r="D7476" i="2" s="1"/>
  <c r="E7504" i="2" a="1"/>
  <c r="E7504" i="2" s="1"/>
  <c r="H3338" i="2" a="1"/>
  <c r="H3338" i="2" s="1"/>
  <c r="D5178" i="2" a="1"/>
  <c r="D5178" i="2" s="1"/>
  <c r="D5177" i="2" a="1"/>
  <c r="D5177" i="2" s="1"/>
  <c r="D431" i="2" a="1"/>
  <c r="D431" i="2" s="1"/>
  <c r="H6782" i="2" a="1"/>
  <c r="H6782" i="2" s="1"/>
  <c r="E536" i="2" a="1"/>
  <c r="E536" i="2" s="1"/>
  <c r="H2881" i="2" a="1"/>
  <c r="H2881" i="2" s="1"/>
  <c r="F5893" i="2" a="1"/>
  <c r="F5893" i="2" s="1"/>
  <c r="E673" i="2" a="1"/>
  <c r="E673" i="2" s="1"/>
  <c r="G8549" i="2" a="1"/>
  <c r="G8549" i="2" s="1"/>
  <c r="G2919" i="2" a="1"/>
  <c r="G2919" i="2" s="1"/>
  <c r="G3763" i="2" a="1"/>
  <c r="G3763" i="2" s="1"/>
  <c r="G7133" i="2" a="1"/>
  <c r="G7133" i="2" s="1"/>
  <c r="D731" i="2" a="1"/>
  <c r="D731" i="2" s="1"/>
  <c r="H4810" i="2" a="1"/>
  <c r="H4810" i="2" s="1"/>
  <c r="D690" i="2" a="1"/>
  <c r="D690" i="2" s="1"/>
  <c r="D4969" i="2" a="1"/>
  <c r="D4969" i="2" s="1"/>
  <c r="E4122" i="2" a="1"/>
  <c r="E4122" i="2" s="1"/>
  <c r="H8280" i="2" a="1"/>
  <c r="H8280" i="2" s="1"/>
  <c r="D5226" i="2" a="1"/>
  <c r="D5226" i="2" s="1"/>
  <c r="E499" i="2" a="1"/>
  <c r="E499" i="2" s="1"/>
  <c r="H5373" i="2" a="1"/>
  <c r="H5373" i="2" s="1"/>
  <c r="D2014" i="2" a="1"/>
  <c r="D2014" i="2" s="1"/>
  <c r="E6934" i="2" a="1"/>
  <c r="E6934" i="2" s="1"/>
  <c r="D5856" i="2" a="1"/>
  <c r="D5856" i="2" s="1"/>
  <c r="E7227" i="2" a="1"/>
  <c r="E7227" i="2" s="1"/>
  <c r="H555" i="2" a="1"/>
  <c r="H555" i="2" s="1"/>
  <c r="G3961" i="2" a="1"/>
  <c r="G3961" i="2" s="1"/>
  <c r="G3969" i="2" a="1"/>
  <c r="G3969" i="2" s="1"/>
  <c r="E2334" i="2" a="1"/>
  <c r="E2334" i="2" s="1"/>
  <c r="E4080" i="2" a="1"/>
  <c r="E4080" i="2" s="1"/>
  <c r="E3267" i="2" a="1"/>
  <c r="E3267" i="2" s="1"/>
  <c r="H3696" i="2" a="1"/>
  <c r="H3696" i="2" s="1"/>
  <c r="H3684" i="2" a="1"/>
  <c r="H3684" i="2" s="1"/>
  <c r="G6518" i="2" a="1"/>
  <c r="G6518" i="2" s="1"/>
  <c r="F7339" i="2" a="1"/>
  <c r="F7339" i="2" s="1"/>
  <c r="E5416" i="2" a="1"/>
  <c r="E5416" i="2" s="1"/>
  <c r="H6270" i="2" a="1"/>
  <c r="H6270" i="2" s="1"/>
  <c r="H1286" i="2" a="1"/>
  <c r="H1286" i="2" s="1"/>
  <c r="H1283" i="2" a="1"/>
  <c r="H1283" i="2" s="1"/>
  <c r="G4560" i="2" a="1"/>
  <c r="G4560" i="2" s="1"/>
  <c r="F859" i="2" a="1"/>
  <c r="F859" i="2" s="1"/>
  <c r="H1650" i="2" a="1"/>
  <c r="H1650" i="2" s="1"/>
  <c r="G3307" i="2" a="1"/>
  <c r="G3307" i="2" s="1"/>
  <c r="G3314" i="2" a="1"/>
  <c r="G3314" i="2" s="1"/>
  <c r="D7945" i="2" a="1"/>
  <c r="D7945" i="2" s="1"/>
  <c r="G6085" i="2" a="1"/>
  <c r="G6085" i="2" s="1"/>
  <c r="H3291" i="2" a="1"/>
  <c r="H3291" i="2" s="1"/>
  <c r="F8699" i="2" a="1"/>
  <c r="F8699" i="2" s="1"/>
  <c r="D7494" i="2" a="1"/>
  <c r="D7494" i="2" s="1"/>
  <c r="E7517" i="2" a="1"/>
  <c r="E7517" i="2" s="1"/>
  <c r="H3344" i="2" a="1"/>
  <c r="H3344" i="2" s="1"/>
  <c r="D4706" i="2" a="1"/>
  <c r="D4706" i="2" s="1"/>
  <c r="D5193" i="2" a="1"/>
  <c r="D5193" i="2" s="1"/>
  <c r="D419" i="2" a="1"/>
  <c r="D419" i="2" s="1"/>
  <c r="H6787" i="2" a="1"/>
  <c r="H6787" i="2" s="1"/>
  <c r="E518" i="2" a="1"/>
  <c r="E518" i="2" s="1"/>
  <c r="H2873" i="2" a="1"/>
  <c r="H2873" i="2" s="1"/>
  <c r="E669" i="2" a="1"/>
  <c r="E669" i="2" s="1"/>
  <c r="E678" i="2" a="1"/>
  <c r="E678" i="2" s="1"/>
  <c r="G8540" i="2" a="1"/>
  <c r="G8540" i="2" s="1"/>
  <c r="G2932" i="2" a="1"/>
  <c r="G2932" i="2" s="1"/>
  <c r="G3770" i="2" a="1"/>
  <c r="G3770" i="2" s="1"/>
  <c r="G7115" i="2" a="1"/>
  <c r="G7115" i="2" s="1"/>
  <c r="D740" i="2" a="1"/>
  <c r="D740" i="2" s="1"/>
  <c r="H4813" i="2" a="1"/>
  <c r="H4813" i="2" s="1"/>
  <c r="D4972" i="2" a="1"/>
  <c r="D4972" i="2" s="1"/>
  <c r="E4136" i="2" a="1"/>
  <c r="E4136" i="2" s="1"/>
  <c r="H8279" i="2" a="1"/>
  <c r="H8279" i="2" s="1"/>
  <c r="D5224" i="2" a="1"/>
  <c r="D5224" i="2" s="1"/>
  <c r="E503" i="2" a="1"/>
  <c r="E503" i="2" s="1"/>
  <c r="H5383" i="2" a="1"/>
  <c r="H5383" i="2" s="1"/>
  <c r="D2013" i="2" a="1"/>
  <c r="D2013" i="2" s="1"/>
  <c r="E6943" i="2" a="1"/>
  <c r="E6943" i="2" s="1"/>
  <c r="D5863" i="2" a="1"/>
  <c r="D5863" i="2" s="1"/>
  <c r="E7220" i="2" a="1"/>
  <c r="E7220" i="2" s="1"/>
  <c r="H558" i="2" a="1"/>
  <c r="H558" i="2" s="1"/>
  <c r="E7454" i="2" a="1"/>
  <c r="E7454" i="2" s="1"/>
  <c r="G3949" i="2" a="1"/>
  <c r="G3949" i="2" s="1"/>
  <c r="G3962" i="2" a="1"/>
  <c r="G3962" i="2" s="1"/>
  <c r="E2331" i="2" a="1"/>
  <c r="E2331" i="2" s="1"/>
  <c r="E4069" i="2" a="1"/>
  <c r="E4069" i="2" s="1"/>
  <c r="H3694" i="2" a="1"/>
  <c r="H3694" i="2" s="1"/>
  <c r="H3699" i="2" a="1"/>
  <c r="H3699" i="2" s="1"/>
  <c r="G6520" i="2" a="1"/>
  <c r="G6520" i="2" s="1"/>
  <c r="F7350" i="2" a="1"/>
  <c r="F7350" i="2" s="1"/>
  <c r="E5431" i="2" a="1"/>
  <c r="E5431" i="2" s="1"/>
  <c r="H6273" i="2" a="1"/>
  <c r="H6273" i="2" s="1"/>
  <c r="H1295" i="2" a="1"/>
  <c r="H1295" i="2" s="1"/>
  <c r="H1304" i="2" a="1"/>
  <c r="H1304" i="2" s="1"/>
  <c r="G4546" i="2" a="1"/>
  <c r="G4546" i="2" s="1"/>
  <c r="F869" i="2" a="1"/>
  <c r="F869" i="2" s="1"/>
  <c r="H1644" i="2" a="1"/>
  <c r="H1644" i="2" s="1"/>
  <c r="G3320" i="2" a="1"/>
  <c r="G3320" i="2" s="1"/>
  <c r="G3306" i="2" a="1"/>
  <c r="G3306" i="2" s="1"/>
  <c r="D7940" i="2" a="1"/>
  <c r="D7940" i="2" s="1"/>
  <c r="G6099" i="2" a="1"/>
  <c r="G6099" i="2" s="1"/>
  <c r="H3275" i="2" a="1"/>
  <c r="H3275" i="2" s="1"/>
  <c r="F8711" i="2" a="1"/>
  <c r="F8711" i="2" s="1"/>
  <c r="D7490" i="2" a="1"/>
  <c r="D7490" i="2" s="1"/>
  <c r="E7513" i="2" a="1"/>
  <c r="E7513" i="2" s="1"/>
  <c r="H3337" i="2" a="1"/>
  <c r="H3337" i="2" s="1"/>
  <c r="D5189" i="2" a="1"/>
  <c r="D5189" i="2" s="1"/>
  <c r="D428" i="2" a="1"/>
  <c r="D428" i="2" s="1"/>
  <c r="H6778" i="2" a="1"/>
  <c r="H6778" i="2" s="1"/>
  <c r="E526" i="2" a="1"/>
  <c r="E526" i="2" s="1"/>
  <c r="H2886" i="2" a="1"/>
  <c r="H2886" i="2" s="1"/>
  <c r="F5912" i="2" a="1"/>
  <c r="F5912" i="2" s="1"/>
  <c r="E663" i="2" a="1"/>
  <c r="E663" i="2" s="1"/>
  <c r="G8548" i="2" a="1"/>
  <c r="G8548" i="2" s="1"/>
  <c r="G3773" i="2" a="1"/>
  <c r="G3773" i="2" s="1"/>
  <c r="D4612" i="2" a="1"/>
  <c r="D4612" i="2" s="1"/>
  <c r="H4816" i="2" a="1"/>
  <c r="H4816" i="2" s="1"/>
  <c r="H4236" i="2" a="1"/>
  <c r="H4236" i="2" s="1"/>
  <c r="D4954" i="2" a="1"/>
  <c r="D4954" i="2" s="1"/>
  <c r="E4116" i="2" a="1"/>
  <c r="E4116" i="2" s="1"/>
  <c r="H8288" i="2" a="1"/>
  <c r="H8288" i="2" s="1"/>
  <c r="D5220" i="2" a="1"/>
  <c r="D5220" i="2" s="1"/>
  <c r="H6425" i="2" a="1"/>
  <c r="H6425" i="2" s="1"/>
  <c r="D2012" i="2" a="1"/>
  <c r="D2012" i="2" s="1"/>
  <c r="E7483" i="2" a="1"/>
  <c r="E7483" i="2" s="1"/>
  <c r="D5855" i="2" a="1"/>
  <c r="D5855" i="2" s="1"/>
  <c r="H553" i="2" a="1"/>
  <c r="H553" i="2" s="1"/>
  <c r="E7460" i="2" a="1"/>
  <c r="E7460" i="2" s="1"/>
  <c r="G3966" i="2" a="1"/>
  <c r="G3966" i="2" s="1"/>
  <c r="G3298" i="2" a="1"/>
  <c r="G3298" i="2" s="1"/>
  <c r="H3283" i="2" a="1"/>
  <c r="H3283" i="2" s="1"/>
  <c r="F8719" i="2" a="1"/>
  <c r="F8719" i="2" s="1"/>
  <c r="D7486" i="2" a="1"/>
  <c r="D7486" i="2" s="1"/>
  <c r="E7500" i="2" a="1"/>
  <c r="E7500" i="2" s="1"/>
  <c r="H3336" i="2" a="1"/>
  <c r="H3336" i="2" s="1"/>
  <c r="D5185" i="2" a="1"/>
  <c r="D5185" i="2" s="1"/>
  <c r="D430" i="2" a="1"/>
  <c r="D430" i="2" s="1"/>
  <c r="D423" i="2" a="1"/>
  <c r="D423" i="2" s="1"/>
  <c r="H6800" i="2" a="1"/>
  <c r="H6800" i="2" s="1"/>
  <c r="E520" i="2" a="1"/>
  <c r="E520" i="2" s="1"/>
  <c r="H2884" i="2" a="1"/>
  <c r="H2884" i="2" s="1"/>
  <c r="F5904" i="2" a="1"/>
  <c r="F5904" i="2" s="1"/>
  <c r="E672" i="2" a="1"/>
  <c r="E672" i="2" s="1"/>
  <c r="G8546" i="2" a="1"/>
  <c r="G8546" i="2" s="1"/>
  <c r="G3762" i="2" a="1"/>
  <c r="G3762" i="2" s="1"/>
  <c r="H4829" i="2" a="1"/>
  <c r="H4829" i="2" s="1"/>
  <c r="H4244" i="2" a="1"/>
  <c r="H4244" i="2" s="1"/>
  <c r="D4956" i="2" a="1"/>
  <c r="D4956" i="2" s="1"/>
  <c r="E4134" i="2" a="1"/>
  <c r="E4134" i="2" s="1"/>
  <c r="H8278" i="2" a="1"/>
  <c r="H8278" i="2" s="1"/>
  <c r="H6431" i="2" a="1"/>
  <c r="H6431" i="2" s="1"/>
  <c r="F2664" i="2" a="1"/>
  <c r="F2664" i="2" s="1"/>
  <c r="D2010" i="2" a="1"/>
  <c r="D2010" i="2" s="1"/>
  <c r="D8462" i="2" a="1"/>
  <c r="D8462" i="2" s="1"/>
  <c r="D5864" i="2" a="1"/>
  <c r="D5864" i="2" s="1"/>
  <c r="H8021" i="2" a="1"/>
  <c r="H8021" i="2" s="1"/>
  <c r="E7456" i="2" a="1"/>
  <c r="E7456" i="2" s="1"/>
  <c r="H4875" i="2" a="1"/>
  <c r="H4875" i="2" s="1"/>
  <c r="H4866" i="2" a="1"/>
  <c r="H4866" i="2" s="1"/>
  <c r="H4881" i="2" a="1"/>
  <c r="H4881" i="2" s="1"/>
  <c r="H4858" i="2" a="1"/>
  <c r="H4858" i="2" s="1"/>
  <c r="H4880" i="2" a="1"/>
  <c r="H4880" i="2" s="1"/>
  <c r="H4877" i="2" a="1"/>
  <c r="H4877" i="2" s="1"/>
  <c r="H4869" i="2" a="1"/>
  <c r="H4869" i="2" s="1"/>
  <c r="H4861" i="2" a="1"/>
  <c r="H4861" i="2" s="1"/>
  <c r="H4865" i="2" a="1"/>
  <c r="H4865" i="2" s="1"/>
  <c r="F1245" i="2" a="1"/>
  <c r="F1245" i="2" s="1"/>
  <c r="F1254" i="2" a="1"/>
  <c r="F1254" i="2" s="1"/>
  <c r="F1249" i="2" a="1"/>
  <c r="F1249" i="2" s="1"/>
  <c r="F1247" i="2" a="1"/>
  <c r="F1247" i="2" s="1"/>
  <c r="F1242" i="2" a="1"/>
  <c r="F1242" i="2" s="1"/>
  <c r="F1234" i="2" a="1"/>
  <c r="F1234" i="2" s="1"/>
  <c r="F1240" i="2" a="1"/>
  <c r="F1240" i="2" s="1"/>
  <c r="F1246" i="2" a="1"/>
  <c r="F1246" i="2" s="1"/>
  <c r="F1252" i="2" a="1"/>
  <c r="F1252" i="2" s="1"/>
  <c r="F1237" i="2" a="1"/>
  <c r="F1237" i="2" s="1"/>
  <c r="F517" i="2" a="1"/>
  <c r="F517" i="2" s="1"/>
  <c r="F521" i="2" a="1"/>
  <c r="F521" i="2" s="1"/>
  <c r="F523" i="2" a="1"/>
  <c r="F523" i="2" s="1"/>
  <c r="F519" i="2" a="1"/>
  <c r="F519" i="2" s="1"/>
  <c r="F537" i="2" a="1"/>
  <c r="F537" i="2" s="1"/>
  <c r="F524" i="2" a="1"/>
  <c r="F524" i="2" s="1"/>
  <c r="F534" i="2" a="1"/>
  <c r="F534" i="2" s="1"/>
  <c r="F536" i="2" a="1"/>
  <c r="F536" i="2" s="1"/>
  <c r="F528" i="2" a="1"/>
  <c r="F528" i="2" s="1"/>
  <c r="F533" i="2" a="1"/>
  <c r="F533" i="2" s="1"/>
  <c r="F520" i="2" a="1"/>
  <c r="F520" i="2" s="1"/>
  <c r="F529" i="2" a="1"/>
  <c r="F529" i="2" s="1"/>
  <c r="E4551" i="2" a="1"/>
  <c r="E4551" i="2" s="1"/>
  <c r="E4550" i="2" a="1"/>
  <c r="E4550" i="2" s="1"/>
  <c r="E4554" i="2" a="1"/>
  <c r="E4554" i="2" s="1"/>
  <c r="E4563" i="2" a="1"/>
  <c r="E4563" i="2" s="1"/>
  <c r="E4549" i="2" a="1"/>
  <c r="E4549" i="2" s="1"/>
  <c r="E4546" i="2" a="1"/>
  <c r="E4546" i="2" s="1"/>
  <c r="E4567" i="2" a="1"/>
  <c r="E4567" i="2" s="1"/>
  <c r="E4565" i="2" a="1"/>
  <c r="E4565" i="2" s="1"/>
  <c r="E4560" i="2" a="1"/>
  <c r="E4560" i="2" s="1"/>
  <c r="E4564" i="2" a="1"/>
  <c r="E4564" i="2" s="1"/>
  <c r="E4555" i="2" a="1"/>
  <c r="E4555" i="2" s="1"/>
  <c r="E4553" i="2" a="1"/>
  <c r="E4553" i="2" s="1"/>
  <c r="E4559" i="2" a="1"/>
  <c r="E4559" i="2" s="1"/>
  <c r="F4838" i="2" a="1"/>
  <c r="F4838" i="2" s="1"/>
  <c r="F4846" i="2" a="1"/>
  <c r="F4846" i="2" s="1"/>
  <c r="F4839" i="2" a="1"/>
  <c r="F4839" i="2" s="1"/>
  <c r="F4842" i="2" a="1"/>
  <c r="F4842" i="2" s="1"/>
  <c r="F4835" i="2" a="1"/>
  <c r="F4835" i="2" s="1"/>
  <c r="F4848" i="2" a="1"/>
  <c r="F4848" i="2" s="1"/>
  <c r="F4843" i="2" a="1"/>
  <c r="F4843" i="2" s="1"/>
  <c r="F4845" i="2" a="1"/>
  <c r="F4845" i="2" s="1"/>
  <c r="F4857" i="2" a="1"/>
  <c r="F4857" i="2" s="1"/>
  <c r="F4847" i="2" a="1"/>
  <c r="F4847" i="2" s="1"/>
  <c r="F4854" i="2" a="1"/>
  <c r="F4854" i="2" s="1"/>
  <c r="F4849" i="2" a="1"/>
  <c r="F4849" i="2" s="1"/>
  <c r="F4836" i="2" a="1"/>
  <c r="F4836" i="2" s="1"/>
  <c r="H1890" i="2" a="1"/>
  <c r="H1890" i="2" s="1"/>
  <c r="H1887" i="2" a="1"/>
  <c r="H1887" i="2" s="1"/>
  <c r="H1900" i="2" a="1"/>
  <c r="H1900" i="2" s="1"/>
  <c r="H1903" i="2" a="1"/>
  <c r="H1903" i="2" s="1"/>
  <c r="H1896" i="2" a="1"/>
  <c r="H1896" i="2" s="1"/>
  <c r="H1888" i="2" a="1"/>
  <c r="H1888" i="2" s="1"/>
  <c r="H1889" i="2" a="1"/>
  <c r="H1889" i="2" s="1"/>
  <c r="H1883" i="2" a="1"/>
  <c r="H1883" i="2" s="1"/>
  <c r="H1884" i="2" a="1"/>
  <c r="H1884" i="2" s="1"/>
  <c r="H1898" i="2" a="1"/>
  <c r="H1898" i="2" s="1"/>
  <c r="H1899" i="2" a="1"/>
  <c r="H1899" i="2" s="1"/>
  <c r="H1894" i="2" a="1"/>
  <c r="H1894" i="2" s="1"/>
  <c r="H1901" i="2" a="1"/>
  <c r="H1901" i="2" s="1"/>
  <c r="H1891" i="2" a="1"/>
  <c r="H1891" i="2" s="1"/>
  <c r="E7540" i="2" a="1"/>
  <c r="E7540" i="2" s="1"/>
  <c r="E7530" i="2" a="1"/>
  <c r="E7530" i="2" s="1"/>
  <c r="E7522" i="2" a="1"/>
  <c r="E7522" i="2" s="1"/>
  <c r="E7545" i="2" a="1"/>
  <c r="E7545" i="2" s="1"/>
  <c r="E7534" i="2" a="1"/>
  <c r="E7534" i="2" s="1"/>
  <c r="E7535" i="2" a="1"/>
  <c r="E7535" i="2" s="1"/>
  <c r="G1600" i="2" a="1"/>
  <c r="G1600" i="2" s="1"/>
  <c r="G1596" i="2" a="1"/>
  <c r="G1596" i="2" s="1"/>
  <c r="G1612" i="2" a="1"/>
  <c r="G1612" i="2" s="1"/>
  <c r="G1595" i="2" a="1"/>
  <c r="G1595" i="2" s="1"/>
  <c r="G1613" i="2" a="1"/>
  <c r="G1613" i="2" s="1"/>
  <c r="G1594" i="2" a="1"/>
  <c r="G1594" i="2" s="1"/>
  <c r="G1616" i="2" a="1"/>
  <c r="G1616" i="2" s="1"/>
  <c r="G1602" i="2" a="1"/>
  <c r="G1602" i="2" s="1"/>
  <c r="G1615" i="2" a="1"/>
  <c r="G1615" i="2" s="1"/>
  <c r="G1601" i="2" a="1"/>
  <c r="G1601" i="2" s="1"/>
  <c r="G1599" i="2" a="1"/>
  <c r="G1599" i="2" s="1"/>
  <c r="G1617" i="2" a="1"/>
  <c r="G1617" i="2" s="1"/>
  <c r="H6678" i="2" a="1"/>
  <c r="H6678" i="2" s="1"/>
  <c r="H6681" i="2" a="1"/>
  <c r="H6681" i="2" s="1"/>
  <c r="H6662" i="2" a="1"/>
  <c r="H6662" i="2" s="1"/>
  <c r="H6659" i="2" a="1"/>
  <c r="H6659" i="2" s="1"/>
  <c r="H6677" i="2" a="1"/>
  <c r="H6677" i="2" s="1"/>
  <c r="H6663" i="2" a="1"/>
  <c r="H6663" i="2" s="1"/>
  <c r="H6671" i="2" a="1"/>
  <c r="H6671" i="2" s="1"/>
  <c r="H6668" i="2" a="1"/>
  <c r="H6668" i="2" s="1"/>
  <c r="H6664" i="2" a="1"/>
  <c r="H6664" i="2" s="1"/>
  <c r="H6673" i="2" a="1"/>
  <c r="H6673" i="2" s="1"/>
  <c r="H6670" i="2" a="1"/>
  <c r="H6670" i="2" s="1"/>
  <c r="H6679" i="2" a="1"/>
  <c r="H6679" i="2" s="1"/>
  <c r="H6675" i="2" a="1"/>
  <c r="H6675" i="2" s="1"/>
  <c r="E7756" i="2" a="1"/>
  <c r="E7756" i="2" s="1"/>
  <c r="E7757" i="2" a="1"/>
  <c r="E7757" i="2" s="1"/>
  <c r="E7739" i="2" a="1"/>
  <c r="E7739" i="2" s="1"/>
  <c r="E7760" i="2" a="1"/>
  <c r="E7760" i="2" s="1"/>
  <c r="E7748" i="2" a="1"/>
  <c r="E7748" i="2" s="1"/>
  <c r="E7749" i="2" a="1"/>
  <c r="E7749" i="2" s="1"/>
  <c r="E7754" i="2" a="1"/>
  <c r="E7754" i="2" s="1"/>
  <c r="E7753" i="2" a="1"/>
  <c r="E7753" i="2" s="1"/>
  <c r="E7750" i="2" a="1"/>
  <c r="E7750" i="2" s="1"/>
  <c r="E7743" i="2" a="1"/>
  <c r="E7743" i="2" s="1"/>
  <c r="E7751" i="2" a="1"/>
  <c r="E7751" i="2" s="1"/>
  <c r="E7761" i="2" a="1"/>
  <c r="E7761" i="2" s="1"/>
  <c r="E7747" i="2" a="1"/>
  <c r="E7747" i="2" s="1"/>
  <c r="E7746" i="2" a="1"/>
  <c r="E7746" i="2" s="1"/>
  <c r="G6878" i="2" a="1"/>
  <c r="G6878" i="2" s="1"/>
  <c r="G6895" i="2" a="1"/>
  <c r="G6895" i="2" s="1"/>
  <c r="G6876" i="2" a="1"/>
  <c r="G6876" i="2" s="1"/>
  <c r="G6892" i="2" a="1"/>
  <c r="G6892" i="2" s="1"/>
  <c r="G6883" i="2" a="1"/>
  <c r="G6883" i="2" s="1"/>
  <c r="G6885" i="2" a="1"/>
  <c r="G6885" i="2" s="1"/>
  <c r="G6887" i="2" a="1"/>
  <c r="G6887" i="2" s="1"/>
  <c r="G6890" i="2" a="1"/>
  <c r="G6890" i="2" s="1"/>
  <c r="G6884" i="2" a="1"/>
  <c r="G6884" i="2" s="1"/>
  <c r="G6879" i="2" a="1"/>
  <c r="G6879" i="2" s="1"/>
  <c r="G6877" i="2" a="1"/>
  <c r="G6877" i="2" s="1"/>
  <c r="G6875" i="2" a="1"/>
  <c r="G6875" i="2" s="1"/>
  <c r="E2148" i="2" a="1"/>
  <c r="E2148" i="2" s="1"/>
  <c r="E2149" i="2" a="1"/>
  <c r="E2149" i="2" s="1"/>
  <c r="E2153" i="2" a="1"/>
  <c r="E2153" i="2" s="1"/>
  <c r="D6411" i="2" a="1"/>
  <c r="D6411" i="2" s="1"/>
  <c r="D6412" i="2" a="1"/>
  <c r="D6412" i="2" s="1"/>
  <c r="D6410" i="2" a="1"/>
  <c r="D6410" i="2" s="1"/>
  <c r="D6402" i="2" a="1"/>
  <c r="D6402" i="2" s="1"/>
  <c r="D6414" i="2" a="1"/>
  <c r="D6414" i="2" s="1"/>
  <c r="D6413" i="2" a="1"/>
  <c r="D6413" i="2" s="1"/>
  <c r="D6415" i="2" a="1"/>
  <c r="D6415" i="2" s="1"/>
  <c r="D6409" i="2" a="1"/>
  <c r="D6409" i="2" s="1"/>
  <c r="D6403" i="2" a="1"/>
  <c r="D6403" i="2" s="1"/>
  <c r="D6404" i="2" a="1"/>
  <c r="D6404" i="2" s="1"/>
  <c r="D6399" i="2" a="1"/>
  <c r="D6399" i="2" s="1"/>
  <c r="D6395" i="2" a="1"/>
  <c r="D6395" i="2" s="1"/>
  <c r="D6406" i="2" a="1"/>
  <c r="D6406" i="2" s="1"/>
  <c r="D6398" i="2" a="1"/>
  <c r="D6398" i="2" s="1"/>
  <c r="D6397" i="2" a="1"/>
  <c r="D6397" i="2" s="1"/>
  <c r="G4930" i="2" a="1"/>
  <c r="G4930" i="2" s="1"/>
  <c r="E3208" i="2" a="1"/>
  <c r="E3208" i="2" s="1"/>
  <c r="F1040" i="2" a="1"/>
  <c r="F1040" i="2" s="1"/>
  <c r="H6083" i="2" a="1"/>
  <c r="H6083" i="2" s="1"/>
  <c r="G8385" i="2" a="1"/>
  <c r="G8385" i="2" s="1"/>
  <c r="G673" i="2" a="1"/>
  <c r="G673" i="2" s="1"/>
  <c r="E3238" i="2" a="1"/>
  <c r="E3238" i="2" s="1"/>
  <c r="G167" i="2" a="1"/>
  <c r="G167" i="2" s="1"/>
  <c r="E4556" i="2" a="1"/>
  <c r="E4556" i="2" s="1"/>
  <c r="H6660" i="2" a="1"/>
  <c r="H6660" i="2" s="1"/>
  <c r="D5762" i="2" a="1"/>
  <c r="D5762" i="2" s="1"/>
  <c r="H1897" i="2" a="1"/>
  <c r="H1897" i="2" s="1"/>
  <c r="E303" i="2" a="1"/>
  <c r="E303" i="2" s="1"/>
  <c r="F535" i="2" a="1"/>
  <c r="F535" i="2" s="1"/>
  <c r="H2374" i="2" a="1"/>
  <c r="H2374" i="2" s="1"/>
  <c r="D4421" i="2" a="1"/>
  <c r="D4421" i="2" s="1"/>
  <c r="H4902" i="2" a="1"/>
  <c r="H4902" i="2" s="1"/>
  <c r="G7317" i="2" a="1"/>
  <c r="G7317" i="2" s="1"/>
  <c r="E5913" i="2" a="1"/>
  <c r="E5913" i="2" s="1"/>
  <c r="G6881" i="2" a="1"/>
  <c r="G6881" i="2" s="1"/>
  <c r="F1032" i="2" a="1"/>
  <c r="F1032" i="2" s="1"/>
  <c r="F1023" i="2" a="1"/>
  <c r="F1023" i="2" s="1"/>
  <c r="H6105" i="2" a="1"/>
  <c r="H6105" i="2" s="1"/>
  <c r="G672" i="2" a="1"/>
  <c r="G672" i="2" s="1"/>
  <c r="E3237" i="2" a="1"/>
  <c r="E3237" i="2" s="1"/>
  <c r="G154" i="2" a="1"/>
  <c r="G154" i="2" s="1"/>
  <c r="E4568" i="2" a="1"/>
  <c r="E4568" i="2" s="1"/>
  <c r="H6666" i="2" a="1"/>
  <c r="H6666" i="2" s="1"/>
  <c r="D5758" i="2" a="1"/>
  <c r="D5758" i="2" s="1"/>
  <c r="H1904" i="2" a="1"/>
  <c r="H1904" i="2" s="1"/>
  <c r="E319" i="2" a="1"/>
  <c r="E319" i="2" s="1"/>
  <c r="F531" i="2" a="1"/>
  <c r="F531" i="2" s="1"/>
  <c r="H2370" i="2" a="1"/>
  <c r="H2370" i="2" s="1"/>
  <c r="H4893" i="2" a="1"/>
  <c r="H4893" i="2" s="1"/>
  <c r="G7322" i="2" a="1"/>
  <c r="G7322" i="2" s="1"/>
  <c r="E5896" i="2" a="1"/>
  <c r="E5896" i="2" s="1"/>
  <c r="E5899" i="2" a="1"/>
  <c r="E5899" i="2" s="1"/>
  <c r="G6888" i="2" a="1"/>
  <c r="G6888" i="2" s="1"/>
  <c r="G4941" i="2" a="1"/>
  <c r="G4941" i="2" s="1"/>
  <c r="E3213" i="2" a="1"/>
  <c r="E3213" i="2" s="1"/>
  <c r="F1019" i="2" a="1"/>
  <c r="F1019" i="2" s="1"/>
  <c r="F1026" i="2" a="1"/>
  <c r="F1026" i="2" s="1"/>
  <c r="H6090" i="2" a="1"/>
  <c r="H6090" i="2" s="1"/>
  <c r="H6104" i="2" a="1"/>
  <c r="H6104" i="2" s="1"/>
  <c r="G678" i="2" a="1"/>
  <c r="G678" i="2" s="1"/>
  <c r="F4524" i="2" a="1"/>
  <c r="F4524" i="2" s="1"/>
  <c r="G1606" i="2" a="1"/>
  <c r="G1606" i="2" s="1"/>
  <c r="E3239" i="2" a="1"/>
  <c r="E3239" i="2" s="1"/>
  <c r="E4562" i="2" a="1"/>
  <c r="E4562" i="2" s="1"/>
  <c r="H6669" i="2" a="1"/>
  <c r="H6669" i="2" s="1"/>
  <c r="H1892" i="2" a="1"/>
  <c r="H1892" i="2" s="1"/>
  <c r="F4855" i="2" a="1"/>
  <c r="F4855" i="2" s="1"/>
  <c r="H2385" i="2" a="1"/>
  <c r="H2385" i="2" s="1"/>
  <c r="D4409" i="2" a="1"/>
  <c r="D4409" i="2" s="1"/>
  <c r="E5894" i="2" a="1"/>
  <c r="E5894" i="2" s="1"/>
  <c r="E5903" i="2" a="1"/>
  <c r="E5903" i="2" s="1"/>
  <c r="G6889" i="2" a="1"/>
  <c r="G6889" i="2" s="1"/>
  <c r="E321" i="2" a="1"/>
  <c r="E321" i="2" s="1"/>
  <c r="E304" i="2" a="1"/>
  <c r="E304" i="2" s="1"/>
  <c r="E308" i="2" a="1"/>
  <c r="E308" i="2" s="1"/>
  <c r="E307" i="2" a="1"/>
  <c r="E307" i="2" s="1"/>
  <c r="E298" i="2" a="1"/>
  <c r="E298" i="2" s="1"/>
  <c r="E302" i="2" a="1"/>
  <c r="E302" i="2" s="1"/>
  <c r="E306" i="2" a="1"/>
  <c r="E306" i="2" s="1"/>
  <c r="E301" i="2" a="1"/>
  <c r="E301" i="2" s="1"/>
  <c r="E310" i="2" a="1"/>
  <c r="E310" i="2" s="1"/>
  <c r="E317" i="2" a="1"/>
  <c r="E317" i="2" s="1"/>
  <c r="E318" i="2" a="1"/>
  <c r="E318" i="2" s="1"/>
  <c r="E312" i="2" a="1"/>
  <c r="E312" i="2" s="1"/>
  <c r="E314" i="2" a="1"/>
  <c r="E314" i="2" s="1"/>
  <c r="D5763" i="2" a="1"/>
  <c r="D5763" i="2" s="1"/>
  <c r="D5749" i="2" a="1"/>
  <c r="D5749" i="2" s="1"/>
  <c r="D5753" i="2" a="1"/>
  <c r="D5753" i="2" s="1"/>
  <c r="D5761" i="2" a="1"/>
  <c r="D5761" i="2" s="1"/>
  <c r="D5768" i="2" a="1"/>
  <c r="D5768" i="2" s="1"/>
  <c r="D5755" i="2" a="1"/>
  <c r="D5755" i="2" s="1"/>
  <c r="D5759" i="2" a="1"/>
  <c r="D5759" i="2" s="1"/>
  <c r="D5751" i="2" a="1"/>
  <c r="D5751" i="2" s="1"/>
  <c r="D5767" i="2" a="1"/>
  <c r="D5767" i="2" s="1"/>
  <c r="D5746" i="2" a="1"/>
  <c r="D5746" i="2" s="1"/>
  <c r="D5750" i="2" a="1"/>
  <c r="D5750" i="2" s="1"/>
  <c r="D5748" i="2" a="1"/>
  <c r="D5748" i="2" s="1"/>
  <c r="G8381" i="2" a="1"/>
  <c r="G8381" i="2" s="1"/>
  <c r="G8367" i="2" a="1"/>
  <c r="G8367" i="2" s="1"/>
  <c r="G8382" i="2" a="1"/>
  <c r="G8382" i="2" s="1"/>
  <c r="G8379" i="2" a="1"/>
  <c r="G8379" i="2" s="1"/>
  <c r="G162" i="2" a="1"/>
  <c r="G162" i="2" s="1"/>
  <c r="G158" i="2" a="1"/>
  <c r="G158" i="2" s="1"/>
  <c r="G169" i="2" a="1"/>
  <c r="G169" i="2" s="1"/>
  <c r="G166" i="2" a="1"/>
  <c r="G166" i="2" s="1"/>
  <c r="G164" i="2" a="1"/>
  <c r="G164" i="2" s="1"/>
  <c r="G172" i="2" a="1"/>
  <c r="G172" i="2" s="1"/>
  <c r="G165" i="2" a="1"/>
  <c r="G165" i="2" s="1"/>
  <c r="G173" i="2" a="1"/>
  <c r="G173" i="2" s="1"/>
  <c r="G177" i="2" a="1"/>
  <c r="G177" i="2" s="1"/>
  <c r="G157" i="2" a="1"/>
  <c r="G157" i="2" s="1"/>
  <c r="G163" i="2" a="1"/>
  <c r="G163" i="2" s="1"/>
  <c r="G155" i="2" a="1"/>
  <c r="G155" i="2" s="1"/>
  <c r="H4899" i="2" a="1"/>
  <c r="H4899" i="2" s="1"/>
  <c r="H4901" i="2" a="1"/>
  <c r="H4901" i="2" s="1"/>
  <c r="H4897" i="2" a="1"/>
  <c r="H4897" i="2" s="1"/>
  <c r="H4904" i="2" a="1"/>
  <c r="H4904" i="2" s="1"/>
  <c r="H4894" i="2" a="1"/>
  <c r="H4894" i="2" s="1"/>
  <c r="H4896" i="2" a="1"/>
  <c r="H4896" i="2" s="1"/>
  <c r="H4888" i="2" a="1"/>
  <c r="H4888" i="2" s="1"/>
  <c r="H4892" i="2" a="1"/>
  <c r="H4892" i="2" s="1"/>
  <c r="H4900" i="2" a="1"/>
  <c r="H4900" i="2" s="1"/>
  <c r="H4895" i="2" a="1"/>
  <c r="H4895" i="2" s="1"/>
  <c r="H4898" i="2" a="1"/>
  <c r="H4898" i="2" s="1"/>
  <c r="H4883" i="2" a="1"/>
  <c r="H4883" i="2" s="1"/>
  <c r="D4652" i="2" a="1"/>
  <c r="D4652" i="2" s="1"/>
  <c r="D4657" i="2" a="1"/>
  <c r="D4657" i="2" s="1"/>
  <c r="D4642" i="2" a="1"/>
  <c r="D4642" i="2" s="1"/>
  <c r="D4648" i="2" a="1"/>
  <c r="D4648" i="2" s="1"/>
  <c r="D4656" i="2" a="1"/>
  <c r="D4656" i="2" s="1"/>
  <c r="D4653" i="2" a="1"/>
  <c r="D4653" i="2" s="1"/>
  <c r="D4661" i="2" a="1"/>
  <c r="D4661" i="2" s="1"/>
  <c r="D4645" i="2" a="1"/>
  <c r="D4645" i="2" s="1"/>
  <c r="D4655" i="2" a="1"/>
  <c r="D4655" i="2" s="1"/>
  <c r="D4663" i="2" a="1"/>
  <c r="D4663" i="2" s="1"/>
  <c r="D4650" i="2" a="1"/>
  <c r="D4650" i="2" s="1"/>
  <c r="D4660" i="2" a="1"/>
  <c r="D4660" i="2" s="1"/>
  <c r="D4654" i="2" a="1"/>
  <c r="D4654" i="2" s="1"/>
  <c r="G7326" i="2" a="1"/>
  <c r="G7326" i="2" s="1"/>
  <c r="G7327" i="2" a="1"/>
  <c r="G7327" i="2" s="1"/>
  <c r="G7310" i="2" a="1"/>
  <c r="G7310" i="2" s="1"/>
  <c r="G7325" i="2" a="1"/>
  <c r="G7325" i="2" s="1"/>
  <c r="G7321" i="2" a="1"/>
  <c r="G7321" i="2" s="1"/>
  <c r="G7318" i="2" a="1"/>
  <c r="G7318" i="2" s="1"/>
  <c r="G7324" i="2" a="1"/>
  <c r="G7324" i="2" s="1"/>
  <c r="G7308" i="2" a="1"/>
  <c r="G7308" i="2" s="1"/>
  <c r="G7323" i="2" a="1"/>
  <c r="G7323" i="2" s="1"/>
  <c r="G7307" i="2" a="1"/>
  <c r="G7307" i="2" s="1"/>
  <c r="G7312" i="2" a="1"/>
  <c r="G7312" i="2" s="1"/>
  <c r="G7328" i="2" a="1"/>
  <c r="G7328" i="2" s="1"/>
  <c r="G7315" i="2" a="1"/>
  <c r="G7315" i="2" s="1"/>
  <c r="G7320" i="2" a="1"/>
  <c r="G7320" i="2" s="1"/>
  <c r="F3622" i="2" a="1"/>
  <c r="F3622" i="2" s="1"/>
  <c r="F3632" i="2" a="1"/>
  <c r="F3632" i="2" s="1"/>
  <c r="F3628" i="2" a="1"/>
  <c r="F3628" i="2" s="1"/>
  <c r="F3616" i="2" a="1"/>
  <c r="F3616" i="2" s="1"/>
  <c r="F3623" i="2" a="1"/>
  <c r="F3623" i="2" s="1"/>
  <c r="F3626" i="2" a="1"/>
  <c r="F3626" i="2" s="1"/>
  <c r="F3629" i="2" a="1"/>
  <c r="F3629" i="2" s="1"/>
  <c r="F3624" i="2" a="1"/>
  <c r="F3624" i="2" s="1"/>
  <c r="F3625" i="2" a="1"/>
  <c r="F3625" i="2" s="1"/>
  <c r="F3620" i="2" a="1"/>
  <c r="F3620" i="2" s="1"/>
  <c r="F3631" i="2" a="1"/>
  <c r="F3631" i="2" s="1"/>
  <c r="F3619" i="2" a="1"/>
  <c r="F3619" i="2" s="1"/>
  <c r="F3630" i="2" a="1"/>
  <c r="F3630" i="2" s="1"/>
  <c r="D4933" i="2" a="1"/>
  <c r="D4933" i="2" s="1"/>
  <c r="D4937" i="2" a="1"/>
  <c r="D4937" i="2" s="1"/>
  <c r="D4941" i="2" a="1"/>
  <c r="D4941" i="2" s="1"/>
  <c r="D4936" i="2" a="1"/>
  <c r="D4936" i="2" s="1"/>
  <c r="D4948" i="2" a="1"/>
  <c r="D4948" i="2" s="1"/>
  <c r="D4951" i="2" a="1"/>
  <c r="D4951" i="2" s="1"/>
  <c r="D4939" i="2" a="1"/>
  <c r="D4939" i="2" s="1"/>
  <c r="D4930" i="2" a="1"/>
  <c r="D4930" i="2" s="1"/>
  <c r="D4940" i="2" a="1"/>
  <c r="D4940" i="2" s="1"/>
  <c r="D4944" i="2" a="1"/>
  <c r="D4944" i="2" s="1"/>
  <c r="D4931" i="2" a="1"/>
  <c r="D4931" i="2" s="1"/>
  <c r="D4935" i="2" a="1"/>
  <c r="D4935" i="2" s="1"/>
  <c r="D4934" i="2" a="1"/>
  <c r="D4934" i="2" s="1"/>
  <c r="D4946" i="2" a="1"/>
  <c r="D4946" i="2" s="1"/>
  <c r="F2776" i="2" a="1"/>
  <c r="F2776" i="2" s="1"/>
  <c r="F2771" i="2" a="1"/>
  <c r="F2771" i="2" s="1"/>
  <c r="F2780" i="2" a="1"/>
  <c r="F2780" i="2" s="1"/>
  <c r="F2783" i="2" a="1"/>
  <c r="F2783" i="2" s="1"/>
  <c r="F2786" i="2" a="1"/>
  <c r="F2786" i="2" s="1"/>
  <c r="F2782" i="2" a="1"/>
  <c r="F2782" i="2" s="1"/>
  <c r="F2792" i="2" a="1"/>
  <c r="F2792" i="2" s="1"/>
  <c r="F2781" i="2" a="1"/>
  <c r="F2781" i="2" s="1"/>
  <c r="F2777" i="2" a="1"/>
  <c r="F2777" i="2" s="1"/>
  <c r="F2788" i="2" a="1"/>
  <c r="F2788" i="2" s="1"/>
  <c r="F2789" i="2" a="1"/>
  <c r="F2789" i="2" s="1"/>
  <c r="F2784" i="2" a="1"/>
  <c r="F2784" i="2" s="1"/>
  <c r="F2785" i="2" a="1"/>
  <c r="F2785" i="2" s="1"/>
  <c r="D1142" i="2" a="1"/>
  <c r="D1142" i="2" s="1"/>
  <c r="D1146" i="2" a="1"/>
  <c r="D1146" i="2" s="1"/>
  <c r="D1144" i="2" a="1"/>
  <c r="D1144" i="2" s="1"/>
  <c r="D3763" i="2" a="1"/>
  <c r="D3763" i="2" s="1"/>
  <c r="D3766" i="2" a="1"/>
  <c r="D3766" i="2" s="1"/>
  <c r="D3768" i="2" a="1"/>
  <c r="D3768" i="2" s="1"/>
  <c r="D3775" i="2" a="1"/>
  <c r="D3775" i="2" s="1"/>
  <c r="D3757" i="2" a="1"/>
  <c r="D3757" i="2" s="1"/>
  <c r="D3759" i="2" a="1"/>
  <c r="D3759" i="2" s="1"/>
  <c r="D3761" i="2" a="1"/>
  <c r="D3761" i="2" s="1"/>
  <c r="D3762" i="2" a="1"/>
  <c r="D3762" i="2" s="1"/>
  <c r="D3776" i="2" a="1"/>
  <c r="D3776" i="2" s="1"/>
  <c r="D3760" i="2" a="1"/>
  <c r="D3760" i="2" s="1"/>
  <c r="D3765" i="2" a="1"/>
  <c r="D3765" i="2" s="1"/>
  <c r="G4934" i="2" a="1"/>
  <c r="G4934" i="2" s="1"/>
  <c r="G4932" i="2" a="1"/>
  <c r="G4932" i="2" s="1"/>
  <c r="E3212" i="2" a="1"/>
  <c r="E3212" i="2" s="1"/>
  <c r="F1036" i="2" a="1"/>
  <c r="F1036" i="2" s="1"/>
  <c r="F1034" i="2" a="1"/>
  <c r="F1034" i="2" s="1"/>
  <c r="G8363" i="2" a="1"/>
  <c r="G8363" i="2" s="1"/>
  <c r="G1603" i="2" a="1"/>
  <c r="G1603" i="2" s="1"/>
  <c r="E7744" i="2" a="1"/>
  <c r="E7744" i="2" s="1"/>
  <c r="G168" i="2" a="1"/>
  <c r="G168" i="2" s="1"/>
  <c r="D5760" i="2" a="1"/>
  <c r="D5760" i="2" s="1"/>
  <c r="D4942" i="2" a="1"/>
  <c r="D4942" i="2" s="1"/>
  <c r="F1248" i="2" a="1"/>
  <c r="F1248" i="2" s="1"/>
  <c r="H1886" i="2" a="1"/>
  <c r="H1886" i="2" s="1"/>
  <c r="E316" i="2" a="1"/>
  <c r="E316" i="2" s="1"/>
  <c r="F4853" i="2" a="1"/>
  <c r="F4853" i="2" s="1"/>
  <c r="F2774" i="2" a="1"/>
  <c r="F2774" i="2" s="1"/>
  <c r="H4903" i="2" a="1"/>
  <c r="H4903" i="2" s="1"/>
  <c r="F3627" i="2" a="1"/>
  <c r="F3627" i="2" s="1"/>
  <c r="G7313" i="2" a="1"/>
  <c r="G7313" i="2" s="1"/>
  <c r="E5895" i="2" a="1"/>
  <c r="E5895" i="2" s="1"/>
  <c r="H6091" i="2" a="1"/>
  <c r="H6091" i="2" s="1"/>
  <c r="H6088" i="2" a="1"/>
  <c r="H6088" i="2" s="1"/>
  <c r="D6649" i="2" a="1"/>
  <c r="D6649" i="2" s="1"/>
  <c r="D6635" i="2" a="1"/>
  <c r="D6635" i="2" s="1"/>
  <c r="D6638" i="2" a="1"/>
  <c r="D6638" i="2" s="1"/>
  <c r="D6643" i="2" a="1"/>
  <c r="D6643" i="2" s="1"/>
  <c r="D6657" i="2" a="1"/>
  <c r="D6657" i="2" s="1"/>
  <c r="D6654" i="2" a="1"/>
  <c r="D6654" i="2" s="1"/>
  <c r="D6645" i="2" a="1"/>
  <c r="D6645" i="2" s="1"/>
  <c r="D6646" i="2" a="1"/>
  <c r="D6646" i="2" s="1"/>
  <c r="D6636" i="2" a="1"/>
  <c r="D6636" i="2" s="1"/>
  <c r="D6640" i="2" a="1"/>
  <c r="D6640" i="2" s="1"/>
  <c r="D6644" i="2" a="1"/>
  <c r="D6644" i="2" s="1"/>
  <c r="D6655" i="2" a="1"/>
  <c r="D6655" i="2" s="1"/>
  <c r="G659" i="2" a="1"/>
  <c r="G659" i="2" s="1"/>
  <c r="G675" i="2" a="1"/>
  <c r="G675" i="2" s="1"/>
  <c r="G677" i="2" a="1"/>
  <c r="G677" i="2" s="1"/>
  <c r="G660" i="2" a="1"/>
  <c r="G660" i="2" s="1"/>
  <c r="H2381" i="2" a="1"/>
  <c r="H2381" i="2" s="1"/>
  <c r="H2366" i="2" a="1"/>
  <c r="H2366" i="2" s="1"/>
  <c r="H2372" i="2" a="1"/>
  <c r="H2372" i="2" s="1"/>
  <c r="H2367" i="2" a="1"/>
  <c r="H2367" i="2" s="1"/>
  <c r="H2383" i="2" a="1"/>
  <c r="H2383" i="2" s="1"/>
  <c r="H2368" i="2" a="1"/>
  <c r="H2368" i="2" s="1"/>
  <c r="H2379" i="2" a="1"/>
  <c r="H2379" i="2" s="1"/>
  <c r="H2375" i="2" a="1"/>
  <c r="H2375" i="2" s="1"/>
  <c r="H2365" i="2" a="1"/>
  <c r="H2365" i="2" s="1"/>
  <c r="H2380" i="2" a="1"/>
  <c r="H2380" i="2" s="1"/>
  <c r="H2378" i="2" a="1"/>
  <c r="H2378" i="2" s="1"/>
  <c r="F4545" i="2" a="1"/>
  <c r="F4545" i="2" s="1"/>
  <c r="F4535" i="2" a="1"/>
  <c r="F4535" i="2" s="1"/>
  <c r="F4529" i="2" a="1"/>
  <c r="F4529" i="2" s="1"/>
  <c r="E3234" i="2" a="1"/>
  <c r="E3234" i="2" s="1"/>
  <c r="E3229" i="2" a="1"/>
  <c r="E3229" i="2" s="1"/>
  <c r="E3228" i="2" a="1"/>
  <c r="E3228" i="2" s="1"/>
  <c r="E3231" i="2" a="1"/>
  <c r="E3231" i="2" s="1"/>
  <c r="E3235" i="2" a="1"/>
  <c r="E3235" i="2" s="1"/>
  <c r="E3233" i="2" a="1"/>
  <c r="E3233" i="2" s="1"/>
  <c r="E3232" i="2" a="1"/>
  <c r="E3232" i="2" s="1"/>
  <c r="E3230" i="2" a="1"/>
  <c r="E3230" i="2" s="1"/>
  <c r="E3240" i="2" a="1"/>
  <c r="E3240" i="2" s="1"/>
  <c r="E3244" i="2" a="1"/>
  <c r="E3244" i="2" s="1"/>
  <c r="E3248" i="2" a="1"/>
  <c r="E3248" i="2" s="1"/>
  <c r="E3249" i="2" a="1"/>
  <c r="E3249" i="2" s="1"/>
  <c r="E5900" i="2" a="1"/>
  <c r="E5900" i="2" s="1"/>
  <c r="E5892" i="2" a="1"/>
  <c r="E5892" i="2" s="1"/>
  <c r="E5906" i="2" a="1"/>
  <c r="E5906" i="2" s="1"/>
  <c r="E5911" i="2" a="1"/>
  <c r="E5911" i="2" s="1"/>
  <c r="E5898" i="2" a="1"/>
  <c r="E5898" i="2" s="1"/>
  <c r="E5890" i="2" a="1"/>
  <c r="E5890" i="2" s="1"/>
  <c r="E5905" i="2" a="1"/>
  <c r="E5905" i="2" s="1"/>
  <c r="E5909" i="2" a="1"/>
  <c r="E5909" i="2" s="1"/>
  <c r="E5897" i="2" a="1"/>
  <c r="E5897" i="2" s="1"/>
  <c r="E5893" i="2" a="1"/>
  <c r="E5893" i="2" s="1"/>
  <c r="E5902" i="2" a="1"/>
  <c r="E5902" i="2" s="1"/>
  <c r="E5908" i="2" a="1"/>
  <c r="E5908" i="2" s="1"/>
  <c r="G4236" i="2" a="1"/>
  <c r="G4236" i="2" s="1"/>
  <c r="G4246" i="2" a="1"/>
  <c r="G4246" i="2" s="1"/>
  <c r="G4251" i="2" a="1"/>
  <c r="G4251" i="2" s="1"/>
  <c r="D4414" i="2" a="1"/>
  <c r="D4414" i="2" s="1"/>
  <c r="D4422" i="2" a="1"/>
  <c r="D4422" i="2" s="1"/>
  <c r="D4403" i="2" a="1"/>
  <c r="D4403" i="2" s="1"/>
  <c r="D4408" i="2" a="1"/>
  <c r="D4408" i="2" s="1"/>
  <c r="D4425" i="2" a="1"/>
  <c r="D4425" i="2" s="1"/>
  <c r="D4416" i="2" a="1"/>
  <c r="D4416" i="2" s="1"/>
  <c r="D4415" i="2" a="1"/>
  <c r="D4415" i="2" s="1"/>
  <c r="D4420" i="2" a="1"/>
  <c r="D4420" i="2" s="1"/>
  <c r="D4410" i="2" a="1"/>
  <c r="D4410" i="2" s="1"/>
  <c r="D4407" i="2" a="1"/>
  <c r="D4407" i="2" s="1"/>
  <c r="D4413" i="2" a="1"/>
  <c r="D4413" i="2" s="1"/>
  <c r="E3215" i="2" a="1"/>
  <c r="E3215" i="2" s="1"/>
  <c r="F1033" i="2" a="1"/>
  <c r="F1033" i="2" s="1"/>
  <c r="H6084" i="2" a="1"/>
  <c r="H6084" i="2" s="1"/>
  <c r="G8371" i="2" a="1"/>
  <c r="G8371" i="2" s="1"/>
  <c r="G662" i="2" a="1"/>
  <c r="G662" i="2" s="1"/>
  <c r="E3236" i="2" a="1"/>
  <c r="E3236" i="2" s="1"/>
  <c r="D5752" i="2" a="1"/>
  <c r="D5752" i="2" s="1"/>
  <c r="F1255" i="2" a="1"/>
  <c r="F1255" i="2" s="1"/>
  <c r="H1893" i="2" a="1"/>
  <c r="H1893" i="2" s="1"/>
  <c r="E309" i="2" a="1"/>
  <c r="E309" i="2" s="1"/>
  <c r="F4837" i="2" a="1"/>
  <c r="F4837" i="2" s="1"/>
  <c r="H2382" i="2" a="1"/>
  <c r="H2382" i="2" s="1"/>
  <c r="D6647" i="2" a="1"/>
  <c r="D6647" i="2" s="1"/>
  <c r="H4882" i="2" a="1"/>
  <c r="H4882" i="2" s="1"/>
  <c r="G7306" i="2" a="1"/>
  <c r="G7306" i="2" s="1"/>
  <c r="D5765" i="2" a="1"/>
  <c r="D5765" i="2" s="1"/>
  <c r="F1256" i="2" a="1"/>
  <c r="F1256" i="2" s="1"/>
  <c r="H1882" i="2" a="1"/>
  <c r="H1882" i="2" s="1"/>
  <c r="E305" i="2" a="1"/>
  <c r="E305" i="2" s="1"/>
  <c r="F4852" i="2" a="1"/>
  <c r="F4852" i="2" s="1"/>
  <c r="H2364" i="2" a="1"/>
  <c r="H2364" i="2" s="1"/>
  <c r="D6652" i="2" a="1"/>
  <c r="D6652" i="2" s="1"/>
  <c r="H4886" i="2" a="1"/>
  <c r="H4886" i="2" s="1"/>
  <c r="E5910" i="2" a="1"/>
  <c r="E5910" i="2" s="1"/>
  <c r="D5757" i="2" a="1"/>
  <c r="D5757" i="2" s="1"/>
  <c r="F1238" i="2" a="1"/>
  <c r="F1238" i="2" s="1"/>
  <c r="H1895" i="2" a="1"/>
  <c r="H1895" i="2" s="1"/>
  <c r="E320" i="2" a="1"/>
  <c r="E320" i="2" s="1"/>
  <c r="F4840" i="2" a="1"/>
  <c r="F4840" i="2" s="1"/>
  <c r="H2363" i="2" a="1"/>
  <c r="H2363" i="2" s="1"/>
  <c r="D6648" i="2" a="1"/>
  <c r="D6648" i="2" s="1"/>
  <c r="E5912" i="2" a="1"/>
  <c r="E5912" i="2" s="1"/>
  <c r="AM257" i="1"/>
  <c r="AO352" i="1"/>
  <c r="E358" i="5" s="1"/>
  <c r="F1039" i="2" a="1"/>
  <c r="F1039" i="2" s="1"/>
  <c r="H6094" i="2" a="1"/>
  <c r="H6094" i="2" s="1"/>
  <c r="G676" i="2" a="1"/>
  <c r="G676" i="2" s="1"/>
  <c r="F1251" i="2" a="1"/>
  <c r="F1251" i="2" s="1"/>
  <c r="H1885" i="2" a="1"/>
  <c r="H1885" i="2" s="1"/>
  <c r="F4834" i="2" a="1"/>
  <c r="F4834" i="2" s="1"/>
  <c r="D6634" i="2" a="1"/>
  <c r="D6634" i="2" s="1"/>
  <c r="H5972" i="2" a="1"/>
  <c r="H5972" i="2" s="1"/>
  <c r="H5981" i="2" a="1"/>
  <c r="H5981" i="2" s="1"/>
  <c r="AM178" i="1"/>
  <c r="G4948" i="2" a="1"/>
  <c r="G4948" i="2" s="1"/>
  <c r="E3206" i="2" a="1"/>
  <c r="E3206" i="2" s="1"/>
  <c r="H3871" i="2" a="1"/>
  <c r="H3871" i="2" s="1"/>
  <c r="F1041" i="2" a="1"/>
  <c r="F1041" i="2" s="1"/>
  <c r="H6095" i="2" a="1"/>
  <c r="H6095" i="2" s="1"/>
  <c r="G8362" i="2" a="1"/>
  <c r="G8362" i="2" s="1"/>
  <c r="G668" i="2" a="1"/>
  <c r="G668" i="2" s="1"/>
  <c r="F4534" i="2" a="1"/>
  <c r="F4534" i="2" s="1"/>
  <c r="G1611" i="2" a="1"/>
  <c r="G1611" i="2" s="1"/>
  <c r="F1253" i="2" a="1"/>
  <c r="F1253" i="2" s="1"/>
  <c r="F515" i="2" a="1"/>
  <c r="F515" i="2" s="1"/>
  <c r="F4851" i="2" a="1"/>
  <c r="F4851" i="2" s="1"/>
  <c r="D6653" i="2" a="1"/>
  <c r="D6653" i="2" s="1"/>
  <c r="D4412" i="2" a="1"/>
  <c r="D4412" i="2" s="1"/>
  <c r="F3618" i="2" a="1"/>
  <c r="F3618" i="2" s="1"/>
  <c r="G6880" i="2" a="1"/>
  <c r="G6880" i="2" s="1"/>
  <c r="E5385" i="2" a="1"/>
  <c r="E5385" i="2" s="1"/>
  <c r="H5984" i="2" a="1"/>
  <c r="H5984" i="2" s="1"/>
  <c r="H5969" i="2" a="1"/>
  <c r="H5969" i="2" s="1"/>
  <c r="AO178" i="1"/>
  <c r="E184" i="5" s="1"/>
  <c r="G4937" i="2" a="1"/>
  <c r="G4937" i="2" s="1"/>
  <c r="E2676" i="2" a="1"/>
  <c r="E2676" i="2" s="1"/>
  <c r="G2435" i="2" a="1"/>
  <c r="G2435" i="2" s="1"/>
  <c r="E3225" i="2" a="1"/>
  <c r="E3225" i="2" s="1"/>
  <c r="H3859" i="2" a="1"/>
  <c r="H3859" i="2" s="1"/>
  <c r="H3861" i="2" a="1"/>
  <c r="H3861" i="2" s="1"/>
  <c r="F1038" i="2" a="1"/>
  <c r="F1038" i="2" s="1"/>
  <c r="H6087" i="2" a="1"/>
  <c r="H6087" i="2" s="1"/>
  <c r="E7524" i="2" a="1"/>
  <c r="E7524" i="2" s="1"/>
  <c r="G8366" i="2" a="1"/>
  <c r="G8366" i="2" s="1"/>
  <c r="G681" i="2" a="1"/>
  <c r="G681" i="2" s="1"/>
  <c r="F4530" i="2" a="1"/>
  <c r="F4530" i="2" s="1"/>
  <c r="G1607" i="2" a="1"/>
  <c r="G1607" i="2" s="1"/>
  <c r="D4643" i="2" a="1"/>
  <c r="D4643" i="2" s="1"/>
  <c r="F514" i="2" a="1"/>
  <c r="F514" i="2" s="1"/>
  <c r="F4841" i="2" a="1"/>
  <c r="F4841" i="2" s="1"/>
  <c r="D6641" i="2" a="1"/>
  <c r="D6641" i="2" s="1"/>
  <c r="F3617" i="2" a="1"/>
  <c r="F3617" i="2" s="1"/>
  <c r="G6882" i="2" a="1"/>
  <c r="G6882" i="2" s="1"/>
  <c r="G4935" i="2" a="1"/>
  <c r="G4935" i="2" s="1"/>
  <c r="E2693" i="2" a="1"/>
  <c r="E2693" i="2" s="1"/>
  <c r="E3211" i="2" a="1"/>
  <c r="E3211" i="2" s="1"/>
  <c r="E3216" i="2" a="1"/>
  <c r="E3216" i="2" s="1"/>
  <c r="H3866" i="2" a="1"/>
  <c r="H3866" i="2" s="1"/>
  <c r="F1018" i="2" a="1"/>
  <c r="F1018" i="2" s="1"/>
  <c r="H6086" i="2" a="1"/>
  <c r="H6086" i="2" s="1"/>
  <c r="G8375" i="2" a="1"/>
  <c r="G8375" i="2" s="1"/>
  <c r="G680" i="2" a="1"/>
  <c r="G680" i="2" s="1"/>
  <c r="F4532" i="2" a="1"/>
  <c r="F4532" i="2" s="1"/>
  <c r="F4542" i="2" a="1"/>
  <c r="F4542" i="2" s="1"/>
  <c r="D4646" i="2" a="1"/>
  <c r="D4646" i="2" s="1"/>
  <c r="E4552" i="2" a="1"/>
  <c r="E4552" i="2" s="1"/>
  <c r="F532" i="2" a="1"/>
  <c r="F532" i="2" s="1"/>
  <c r="F4856" i="2" a="1"/>
  <c r="F4856" i="2" s="1"/>
  <c r="D6639" i="2" a="1"/>
  <c r="D6639" i="2" s="1"/>
  <c r="F3612" i="2" a="1"/>
  <c r="F3612" i="2" s="1"/>
  <c r="G4936" i="2" a="1"/>
  <c r="G4936" i="2" s="1"/>
  <c r="E3220" i="2" a="1"/>
  <c r="E3220" i="2" s="1"/>
  <c r="E3219" i="2" a="1"/>
  <c r="E3219" i="2" s="1"/>
  <c r="F1030" i="2" a="1"/>
  <c r="F1030" i="2" s="1"/>
  <c r="H6092" i="2" a="1"/>
  <c r="H6092" i="2" s="1"/>
  <c r="G8364" i="2" a="1"/>
  <c r="G8364" i="2" s="1"/>
  <c r="G664" i="2" a="1"/>
  <c r="G664" i="2" s="1"/>
  <c r="F4523" i="2" a="1"/>
  <c r="F4523" i="2" s="1"/>
  <c r="E4561" i="2" a="1"/>
  <c r="E4561" i="2" s="1"/>
  <c r="H6680" i="2" a="1"/>
  <c r="H6680" i="2" s="1"/>
  <c r="F527" i="2" a="1"/>
  <c r="F527" i="2" s="1"/>
  <c r="H4870" i="2" a="1"/>
  <c r="H4870" i="2" s="1"/>
  <c r="D6637" i="2" a="1"/>
  <c r="D6637" i="2" s="1"/>
  <c r="F3613" i="2" a="1"/>
  <c r="F3613" i="2" s="1"/>
  <c r="E3223" i="2" a="1"/>
  <c r="E3223" i="2" s="1"/>
  <c r="H6101" i="2" a="1"/>
  <c r="H6101" i="2" s="1"/>
  <c r="G8373" i="2" a="1"/>
  <c r="G8373" i="2" s="1"/>
  <c r="G665" i="2" a="1"/>
  <c r="G665" i="2" s="1"/>
  <c r="F4525" i="2" a="1"/>
  <c r="F4525" i="2" s="1"/>
  <c r="G171" i="2" a="1"/>
  <c r="G171" i="2" s="1"/>
  <c r="E4569" i="2" a="1"/>
  <c r="E4569" i="2" s="1"/>
  <c r="H6665" i="2" a="1"/>
  <c r="H6665" i="2" s="1"/>
  <c r="F518" i="2" a="1"/>
  <c r="F518" i="2" s="1"/>
  <c r="H4860" i="2" a="1"/>
  <c r="H4860" i="2" s="1"/>
  <c r="D6650" i="2" a="1"/>
  <c r="D6650" i="2" s="1"/>
  <c r="F2773" i="2" a="1"/>
  <c r="F2773" i="2" s="1"/>
  <c r="D3226" i="2" a="1"/>
  <c r="D3226" i="2" s="1"/>
  <c r="D3228" i="2" a="1"/>
  <c r="D3228" i="2" s="1"/>
  <c r="D3236" i="2" a="1"/>
  <c r="D3236" i="2" s="1"/>
  <c r="D3238" i="2" a="1"/>
  <c r="D3238" i="2" s="1"/>
  <c r="D3232" i="2" a="1"/>
  <c r="D3232" i="2" s="1"/>
  <c r="D3246" i="2" a="1"/>
  <c r="D3246" i="2" s="1"/>
  <c r="D1648" i="2" a="1"/>
  <c r="D1648" i="2" s="1"/>
  <c r="D1653" i="2" a="1"/>
  <c r="D1653" i="2" s="1"/>
  <c r="D1656" i="2" a="1"/>
  <c r="D1656" i="2" s="1"/>
  <c r="D1661" i="2" a="1"/>
  <c r="D1661" i="2" s="1"/>
  <c r="D1643" i="2" a="1"/>
  <c r="D1643" i="2" s="1"/>
  <c r="G1474" i="2" a="1"/>
  <c r="G1474" i="2" s="1"/>
  <c r="G1496" i="2" a="1"/>
  <c r="G1496" i="2" s="1"/>
  <c r="G1487" i="2" a="1"/>
  <c r="G1487" i="2" s="1"/>
  <c r="G1475" i="2" a="1"/>
  <c r="G1475" i="2" s="1"/>
  <c r="G1477" i="2" a="1"/>
  <c r="G1477" i="2" s="1"/>
  <c r="G1492" i="2" a="1"/>
  <c r="G1492" i="2" s="1"/>
  <c r="G1488" i="2" a="1"/>
  <c r="G1488" i="2" s="1"/>
  <c r="E1236" i="2" a="1"/>
  <c r="E1236" i="2" s="1"/>
  <c r="E1242" i="2" a="1"/>
  <c r="E1242" i="2" s="1"/>
  <c r="E1241" i="2" a="1"/>
  <c r="E1241" i="2" s="1"/>
  <c r="E1234" i="2" a="1"/>
  <c r="E1234" i="2" s="1"/>
  <c r="F2473" i="2" a="1"/>
  <c r="F2473" i="2" s="1"/>
  <c r="F2463" i="2" a="1"/>
  <c r="F2463" i="2" s="1"/>
  <c r="F2474" i="2" a="1"/>
  <c r="F2474" i="2" s="1"/>
  <c r="F2476" i="2" a="1"/>
  <c r="F2476" i="2" s="1"/>
  <c r="F2460" i="2" a="1"/>
  <c r="F2460" i="2" s="1"/>
  <c r="F2478" i="2" a="1"/>
  <c r="F2478" i="2" s="1"/>
  <c r="F2469" i="2" a="1"/>
  <c r="F2469" i="2" s="1"/>
  <c r="F2470" i="2" a="1"/>
  <c r="F2470" i="2" s="1"/>
  <c r="F2691" i="2" a="1"/>
  <c r="F2691" i="2" s="1"/>
  <c r="F2680" i="2" a="1"/>
  <c r="F2680" i="2" s="1"/>
  <c r="F2684" i="2" a="1"/>
  <c r="F2684" i="2" s="1"/>
  <c r="F2693" i="2" a="1"/>
  <c r="F2693" i="2" s="1"/>
  <c r="F2676" i="2" a="1"/>
  <c r="F2676" i="2" s="1"/>
  <c r="F2695" i="2" a="1"/>
  <c r="F2695" i="2" s="1"/>
  <c r="D6384" i="2" a="1"/>
  <c r="D6384" i="2" s="1"/>
  <c r="D1269" i="2" a="1"/>
  <c r="D1269" i="2" s="1"/>
  <c r="E8640" i="2" a="1"/>
  <c r="E8640" i="2" s="1"/>
  <c r="H3632" i="2" a="1"/>
  <c r="H3632" i="2" s="1"/>
  <c r="H3629" i="2" a="1"/>
  <c r="H3629" i="2" s="1"/>
  <c r="H3615" i="2" a="1"/>
  <c r="H3615" i="2" s="1"/>
  <c r="H3626" i="2" a="1"/>
  <c r="H3626" i="2" s="1"/>
  <c r="H3616" i="2" a="1"/>
  <c r="H3616" i="2" s="1"/>
  <c r="H3617" i="2" a="1"/>
  <c r="H3617" i="2" s="1"/>
  <c r="H3627" i="2" a="1"/>
  <c r="H3627" i="2" s="1"/>
  <c r="F6337" i="2" a="1"/>
  <c r="F6337" i="2" s="1"/>
  <c r="F6330" i="2" a="1"/>
  <c r="F6330" i="2" s="1"/>
  <c r="F6329" i="2" a="1"/>
  <c r="F6329" i="2" s="1"/>
  <c r="F6324" i="2" a="1"/>
  <c r="F6324" i="2" s="1"/>
  <c r="F6332" i="2" a="1"/>
  <c r="F6332" i="2" s="1"/>
  <c r="F6344" i="2" a="1"/>
  <c r="F6344" i="2" s="1"/>
  <c r="G6491" i="2" a="1"/>
  <c r="G6491" i="2" s="1"/>
  <c r="G6500" i="2" a="1"/>
  <c r="G6500" i="2" s="1"/>
  <c r="G6496" i="2" a="1"/>
  <c r="G6496" i="2" s="1"/>
  <c r="G6510" i="2" a="1"/>
  <c r="G6510" i="2" s="1"/>
  <c r="G6507" i="2" a="1"/>
  <c r="G6507" i="2" s="1"/>
  <c r="G6504" i="2" a="1"/>
  <c r="G6504" i="2" s="1"/>
  <c r="G6509" i="2" a="1"/>
  <c r="G6509" i="2" s="1"/>
  <c r="H4806" i="2" a="1"/>
  <c r="H4806" i="2" s="1"/>
  <c r="H4794" i="2" a="1"/>
  <c r="H4794" i="2" s="1"/>
  <c r="H4798" i="2" a="1"/>
  <c r="H4798" i="2" s="1"/>
  <c r="H4787" i="2" a="1"/>
  <c r="H4787" i="2" s="1"/>
  <c r="H4808" i="2" a="1"/>
  <c r="H4808" i="2" s="1"/>
  <c r="H4799" i="2" a="1"/>
  <c r="H4799" i="2" s="1"/>
  <c r="F480" i="2" a="1"/>
  <c r="F480" i="2" s="1"/>
  <c r="F473" i="2" a="1"/>
  <c r="F473" i="2" s="1"/>
  <c r="F471" i="2" a="1"/>
  <c r="F471" i="2" s="1"/>
  <c r="F482" i="2" a="1"/>
  <c r="F482" i="2" s="1"/>
  <c r="F479" i="2" a="1"/>
  <c r="F479" i="2" s="1"/>
  <c r="F472" i="2" a="1"/>
  <c r="F472" i="2" s="1"/>
  <c r="F478" i="2" a="1"/>
  <c r="F478" i="2" s="1"/>
  <c r="F467" i="2" a="1"/>
  <c r="F467" i="2" s="1"/>
  <c r="H2605" i="2" a="1"/>
  <c r="H2605" i="2" s="1"/>
  <c r="H2609" i="2" a="1"/>
  <c r="H2609" i="2" s="1"/>
  <c r="H2606" i="2" a="1"/>
  <c r="H2606" i="2" s="1"/>
  <c r="H2624" i="2" a="1"/>
  <c r="H2624" i="2" s="1"/>
  <c r="H2608" i="2" a="1"/>
  <c r="H2608" i="2" s="1"/>
  <c r="H2604" i="2" a="1"/>
  <c r="H2604" i="2" s="1"/>
  <c r="H2610" i="2" a="1"/>
  <c r="H2610" i="2" s="1"/>
  <c r="F6323" i="2" a="1"/>
  <c r="F6323" i="2" s="1"/>
  <c r="H3619" i="2" a="1"/>
  <c r="H3619" i="2" s="1"/>
  <c r="G1497" i="2" a="1"/>
  <c r="G1497" i="2" s="1"/>
  <c r="H4797" i="2" a="1"/>
  <c r="H4797" i="2" s="1"/>
  <c r="F487" i="2" a="1"/>
  <c r="F487" i="2" s="1"/>
  <c r="D1266" i="2" a="1"/>
  <c r="D1266" i="2" s="1"/>
  <c r="D6376" i="2" a="1"/>
  <c r="D6376" i="2" s="1"/>
  <c r="D6381" i="2" a="1"/>
  <c r="D6381" i="2" s="1"/>
  <c r="D6383" i="2" a="1"/>
  <c r="D6383" i="2" s="1"/>
  <c r="D6392" i="2" a="1"/>
  <c r="D6392" i="2" s="1"/>
  <c r="D6378" i="2" a="1"/>
  <c r="D6378" i="2" s="1"/>
  <c r="D6386" i="2" a="1"/>
  <c r="D6386" i="2" s="1"/>
  <c r="D6379" i="2" a="1"/>
  <c r="D6379" i="2" s="1"/>
  <c r="D6380" i="2" a="1"/>
  <c r="D6380" i="2" s="1"/>
  <c r="F1131" i="2" a="1"/>
  <c r="F1131" i="2" s="1"/>
  <c r="F1128" i="2" a="1"/>
  <c r="F1128" i="2" s="1"/>
  <c r="F1118" i="2" a="1"/>
  <c r="F1118" i="2" s="1"/>
  <c r="F1134" i="2" a="1"/>
  <c r="F1134" i="2" s="1"/>
  <c r="F1114" i="2" a="1"/>
  <c r="F1114" i="2" s="1"/>
  <c r="F1120" i="2" a="1"/>
  <c r="F1120" i="2" s="1"/>
  <c r="F1124" i="2" a="1"/>
  <c r="F1124" i="2" s="1"/>
  <c r="E8634" i="2" a="1"/>
  <c r="E8634" i="2" s="1"/>
  <c r="E8627" i="2" a="1"/>
  <c r="E8627" i="2" s="1"/>
  <c r="E8642" i="2" a="1"/>
  <c r="E8642" i="2" s="1"/>
  <c r="E8649" i="2" a="1"/>
  <c r="E8649" i="2" s="1"/>
  <c r="E8636" i="2" a="1"/>
  <c r="E8636" i="2" s="1"/>
  <c r="E8643" i="2" a="1"/>
  <c r="E8643" i="2" s="1"/>
  <c r="E8639" i="2" a="1"/>
  <c r="E8639" i="2" s="1"/>
  <c r="G6216" i="2" a="1"/>
  <c r="G6216" i="2" s="1"/>
  <c r="G6224" i="2" a="1"/>
  <c r="G6224" i="2" s="1"/>
  <c r="AM254" i="1"/>
  <c r="AQ114" i="1"/>
  <c r="G120" i="5" s="1"/>
  <c r="H3624" i="2" a="1"/>
  <c r="H3624" i="2" s="1"/>
  <c r="G6502" i="2" a="1"/>
  <c r="G6502" i="2" s="1"/>
  <c r="D6389" i="2" a="1"/>
  <c r="D6389" i="2" s="1"/>
  <c r="D1651" i="2" a="1"/>
  <c r="D1651" i="2" s="1"/>
  <c r="F1136" i="2" a="1"/>
  <c r="F1136" i="2" s="1"/>
  <c r="F1880" i="2" a="1"/>
  <c r="F1880" i="2" s="1"/>
  <c r="H3314" i="2" a="1"/>
  <c r="H3314" i="2" s="1"/>
  <c r="E3092" i="2" a="1"/>
  <c r="E3092" i="2" s="1"/>
  <c r="D3244" i="2" a="1"/>
  <c r="D3244" i="2" s="1"/>
  <c r="F6345" i="2" a="1"/>
  <c r="F6345" i="2" s="1"/>
  <c r="H3613" i="2" a="1"/>
  <c r="H3613" i="2" s="1"/>
  <c r="G6492" i="2" a="1"/>
  <c r="G6492" i="2" s="1"/>
  <c r="H4786" i="2" a="1"/>
  <c r="H4786" i="2" s="1"/>
  <c r="D6390" i="2" a="1"/>
  <c r="D6390" i="2" s="1"/>
  <c r="D1664" i="2" a="1"/>
  <c r="D1664" i="2" s="1"/>
  <c r="F466" i="2" a="1"/>
  <c r="F466" i="2" s="1"/>
  <c r="E8647" i="2" a="1"/>
  <c r="E8647" i="2" s="1"/>
  <c r="F1119" i="2" a="1"/>
  <c r="F1119" i="2" s="1"/>
  <c r="F1858" i="2" a="1"/>
  <c r="F1858" i="2" s="1"/>
  <c r="F1864" i="2" a="1"/>
  <c r="F1864" i="2" s="1"/>
  <c r="H3320" i="2" a="1"/>
  <c r="H3320" i="2" s="1"/>
  <c r="E3082" i="2" a="1"/>
  <c r="E3082" i="2" s="1"/>
  <c r="D3245" i="2" a="1"/>
  <c r="D3245" i="2" s="1"/>
  <c r="F6333" i="2" a="1"/>
  <c r="F6333" i="2" s="1"/>
  <c r="H3621" i="2" a="1"/>
  <c r="H3621" i="2" s="1"/>
  <c r="G6494" i="2" a="1"/>
  <c r="G6494" i="2" s="1"/>
  <c r="H2615" i="2" a="1"/>
  <c r="H2615" i="2" s="1"/>
  <c r="H4793" i="2" a="1"/>
  <c r="H4793" i="2" s="1"/>
  <c r="E1255" i="2" a="1"/>
  <c r="E1255" i="2" s="1"/>
  <c r="D6377" i="2" a="1"/>
  <c r="D6377" i="2" s="1"/>
  <c r="D1665" i="2" a="1"/>
  <c r="D1665" i="2" s="1"/>
  <c r="E8645" i="2" a="1"/>
  <c r="E8645" i="2" s="1"/>
  <c r="F1125" i="2" a="1"/>
  <c r="F1125" i="2" s="1"/>
  <c r="F1863" i="2" a="1"/>
  <c r="F1863" i="2" s="1"/>
  <c r="D3240" i="2" a="1"/>
  <c r="D3240" i="2" s="1"/>
  <c r="F6341" i="2" a="1"/>
  <c r="F6341" i="2" s="1"/>
  <c r="H3630" i="2" a="1"/>
  <c r="H3630" i="2" s="1"/>
  <c r="G6511" i="2" a="1"/>
  <c r="G6511" i="2" s="1"/>
  <c r="H4788" i="2" a="1"/>
  <c r="H4788" i="2" s="1"/>
  <c r="E1247" i="2" a="1"/>
  <c r="E1247" i="2" s="1"/>
  <c r="D6375" i="2" a="1"/>
  <c r="D6375" i="2" s="1"/>
  <c r="D1659" i="2" a="1"/>
  <c r="D1659" i="2" s="1"/>
  <c r="E8635" i="2" a="1"/>
  <c r="E8635" i="2" s="1"/>
  <c r="F1129" i="2" a="1"/>
  <c r="F1129" i="2" s="1"/>
  <c r="AN25" i="1"/>
  <c r="D31" i="5" s="1"/>
  <c r="AM278" i="1"/>
  <c r="AQ39" i="1"/>
  <c r="G45" i="5" s="1"/>
  <c r="AP69" i="1"/>
  <c r="F75" i="5" s="1"/>
  <c r="AQ97" i="1"/>
  <c r="G103" i="5" s="1"/>
  <c r="D2853" i="2" a="1"/>
  <c r="D2853" i="2" s="1"/>
  <c r="D2844" i="2" a="1"/>
  <c r="D2844" i="2" s="1"/>
  <c r="D2859" i="2" a="1"/>
  <c r="D2859" i="2" s="1"/>
  <c r="D2858" i="2" a="1"/>
  <c r="D2858" i="2" s="1"/>
  <c r="D2856" i="2" a="1"/>
  <c r="D2856" i="2" s="1"/>
  <c r="D7046" i="2" a="1"/>
  <c r="D7046" i="2" s="1"/>
  <c r="D7053" i="2" a="1"/>
  <c r="D7053" i="2" s="1"/>
  <c r="D7048" i="2" a="1"/>
  <c r="D7048" i="2" s="1"/>
  <c r="D7054" i="2" a="1"/>
  <c r="D7054" i="2" s="1"/>
  <c r="D7059" i="2" a="1"/>
  <c r="D7059" i="2" s="1"/>
  <c r="D7051" i="2" a="1"/>
  <c r="D7051" i="2" s="1"/>
  <c r="D7049" i="2" a="1"/>
  <c r="D7049" i="2" s="1"/>
  <c r="D7057" i="2" a="1"/>
  <c r="D7057" i="2" s="1"/>
  <c r="D7056" i="2" a="1"/>
  <c r="D7056" i="2" s="1"/>
  <c r="D7045" i="2" a="1"/>
  <c r="D7045" i="2" s="1"/>
  <c r="D7050" i="2" a="1"/>
  <c r="D7050" i="2" s="1"/>
  <c r="D7055" i="2" a="1"/>
  <c r="D7055" i="2" s="1"/>
  <c r="D7065" i="2" a="1"/>
  <c r="D7065" i="2" s="1"/>
  <c r="D7047" i="2" a="1"/>
  <c r="D7047" i="2" s="1"/>
  <c r="D7052" i="2" a="1"/>
  <c r="D7052" i="2" s="1"/>
  <c r="D7062" i="2" a="1"/>
  <c r="D7062" i="2" s="1"/>
  <c r="D7058" i="2" a="1"/>
  <c r="D7058" i="2" s="1"/>
  <c r="D7042" i="2" a="1"/>
  <c r="D7042" i="2" s="1"/>
  <c r="D7064" i="2" a="1"/>
  <c r="D7064" i="2" s="1"/>
  <c r="AN103" i="1"/>
  <c r="D109" i="5" s="1"/>
  <c r="AM103" i="1"/>
  <c r="G2473" i="2" a="1"/>
  <c r="G2473" i="2" s="1"/>
  <c r="G2465" i="2" a="1"/>
  <c r="G2465" i="2" s="1"/>
  <c r="F2033" i="2" a="1"/>
  <c r="F2033" i="2" s="1"/>
  <c r="F2028" i="2" a="1"/>
  <c r="F2028" i="2" s="1"/>
  <c r="F2042" i="2" a="1"/>
  <c r="F2042" i="2" s="1"/>
  <c r="F2027" i="2" a="1"/>
  <c r="F2027" i="2" s="1"/>
  <c r="F2044" i="2" a="1"/>
  <c r="F2044" i="2" s="1"/>
  <c r="F2046" i="2" a="1"/>
  <c r="F2046" i="2" s="1"/>
  <c r="F2035" i="2" a="1"/>
  <c r="F2035" i="2" s="1"/>
  <c r="F2045" i="2" a="1"/>
  <c r="F2045" i="2" s="1"/>
  <c r="F2034" i="2" a="1"/>
  <c r="F2034" i="2" s="1"/>
  <c r="F2029" i="2" a="1"/>
  <c r="F2029" i="2" s="1"/>
  <c r="F2030" i="2" a="1"/>
  <c r="F2030" i="2" s="1"/>
  <c r="F2031" i="2" a="1"/>
  <c r="F2031" i="2" s="1"/>
  <c r="F2049" i="2" a="1"/>
  <c r="F2049" i="2" s="1"/>
  <c r="D6434" i="2" a="1"/>
  <c r="D6434" i="2" s="1"/>
  <c r="D6420" i="2" a="1"/>
  <c r="D6420" i="2" s="1"/>
  <c r="D6439" i="2" a="1"/>
  <c r="D6439" i="2" s="1"/>
  <c r="D6425" i="2" a="1"/>
  <c r="D6425" i="2" s="1"/>
  <c r="D6427" i="2" a="1"/>
  <c r="D6427" i="2" s="1"/>
  <c r="E2955" i="2" a="1"/>
  <c r="E2955" i="2" s="1"/>
  <c r="E2950" i="2" a="1"/>
  <c r="E2950" i="2" s="1"/>
  <c r="E2944" i="2" a="1"/>
  <c r="E2944" i="2" s="1"/>
  <c r="E2961" i="2" a="1"/>
  <c r="E2961" i="2" s="1"/>
  <c r="E2942" i="2" a="1"/>
  <c r="E2942" i="2" s="1"/>
  <c r="E2957" i="2" a="1"/>
  <c r="E2957" i="2" s="1"/>
  <c r="E2943" i="2" a="1"/>
  <c r="E2943" i="2" s="1"/>
  <c r="E2959" i="2" a="1"/>
  <c r="E2959" i="2" s="1"/>
  <c r="E2952" i="2" a="1"/>
  <c r="E2952" i="2" s="1"/>
  <c r="E2941" i="2" a="1"/>
  <c r="E2941" i="2" s="1"/>
  <c r="E2938" i="2" a="1"/>
  <c r="E2938" i="2" s="1"/>
  <c r="E2953" i="2" a="1"/>
  <c r="E2953" i="2" s="1"/>
  <c r="E2958" i="2" a="1"/>
  <c r="E2958" i="2" s="1"/>
  <c r="E2956" i="2" a="1"/>
  <c r="E2956" i="2" s="1"/>
  <c r="E2948" i="2" a="1"/>
  <c r="E2948" i="2" s="1"/>
  <c r="E2939" i="2" a="1"/>
  <c r="E2939" i="2" s="1"/>
  <c r="F5497" i="2" a="1"/>
  <c r="F5497" i="2" s="1"/>
  <c r="F5487" i="2" a="1"/>
  <c r="F5487" i="2" s="1"/>
  <c r="F5485" i="2" a="1"/>
  <c r="F5485" i="2" s="1"/>
  <c r="F5491" i="2" a="1"/>
  <c r="F5491" i="2" s="1"/>
  <c r="F5495" i="2" a="1"/>
  <c r="F5495" i="2" s="1"/>
  <c r="F5484" i="2" a="1"/>
  <c r="F5484" i="2" s="1"/>
  <c r="AM58" i="1"/>
  <c r="AP58" i="1"/>
  <c r="F64" i="5" s="1"/>
  <c r="H736" i="2" a="1"/>
  <c r="H736" i="2" s="1"/>
  <c r="H748" i="2" a="1"/>
  <c r="H748" i="2" s="1"/>
  <c r="H740" i="2" a="1"/>
  <c r="H740" i="2" s="1"/>
  <c r="H750" i="2" a="1"/>
  <c r="H750" i="2" s="1"/>
  <c r="H745" i="2" a="1"/>
  <c r="H745" i="2" s="1"/>
  <c r="F8647" i="2" a="1"/>
  <c r="F8647" i="2" s="1"/>
  <c r="F8640" i="2" a="1"/>
  <c r="F8640" i="2" s="1"/>
  <c r="F8638" i="2" a="1"/>
  <c r="F8638" i="2" s="1"/>
  <c r="F8634" i="2" a="1"/>
  <c r="F8634" i="2" s="1"/>
  <c r="F8633" i="2" a="1"/>
  <c r="F8633" i="2" s="1"/>
  <c r="F8631" i="2" a="1"/>
  <c r="F8631" i="2" s="1"/>
  <c r="G7484" i="2" a="1"/>
  <c r="G7484" i="2" s="1"/>
  <c r="G7491" i="2" a="1"/>
  <c r="G7491" i="2" s="1"/>
  <c r="G7483" i="2" a="1"/>
  <c r="G7483" i="2" s="1"/>
  <c r="G7481" i="2" a="1"/>
  <c r="G7481" i="2" s="1"/>
  <c r="G7488" i="2" a="1"/>
  <c r="G7488" i="2" s="1"/>
  <c r="G7485" i="2" a="1"/>
  <c r="G7485" i="2" s="1"/>
  <c r="G7490" i="2" a="1"/>
  <c r="G7490" i="2" s="1"/>
  <c r="G7497" i="2" a="1"/>
  <c r="G7497" i="2" s="1"/>
  <c r="G7475" i="2" a="1"/>
  <c r="G7475" i="2" s="1"/>
  <c r="G7476" i="2" a="1"/>
  <c r="G7476" i="2" s="1"/>
  <c r="G7493" i="2" a="1"/>
  <c r="G7493" i="2" s="1"/>
  <c r="G7494" i="2" a="1"/>
  <c r="G7494" i="2" s="1"/>
  <c r="G7486" i="2" a="1"/>
  <c r="G7486" i="2" s="1"/>
  <c r="G7480" i="2" a="1"/>
  <c r="G7480" i="2" s="1"/>
  <c r="G7478" i="2" a="1"/>
  <c r="G7478" i="2" s="1"/>
  <c r="G7487" i="2" a="1"/>
  <c r="G7487" i="2" s="1"/>
  <c r="G7482" i="2" a="1"/>
  <c r="G7482" i="2" s="1"/>
  <c r="E1609" i="2" a="1"/>
  <c r="E1609" i="2" s="1"/>
  <c r="E1610" i="2" a="1"/>
  <c r="E1610" i="2" s="1"/>
  <c r="E1616" i="2" a="1"/>
  <c r="E1616" i="2" s="1"/>
  <c r="E1612" i="2" a="1"/>
  <c r="E1612" i="2" s="1"/>
  <c r="E1603" i="2" a="1"/>
  <c r="E1603" i="2" s="1"/>
  <c r="E1617" i="2" a="1"/>
  <c r="E1617" i="2" s="1"/>
  <c r="E1608" i="2" a="1"/>
  <c r="E1608" i="2" s="1"/>
  <c r="E1600" i="2" a="1"/>
  <c r="E1600" i="2" s="1"/>
  <c r="E1602" i="2" a="1"/>
  <c r="E1602" i="2" s="1"/>
  <c r="H6535" i="2" a="1"/>
  <c r="H6535" i="2" s="1"/>
  <c r="H6533" i="2" a="1"/>
  <c r="H6533" i="2" s="1"/>
  <c r="H6519" i="2" a="1"/>
  <c r="H6519" i="2" s="1"/>
  <c r="H6536" i="2" a="1"/>
  <c r="H6536" i="2" s="1"/>
  <c r="H6524" i="2" a="1"/>
  <c r="H6524" i="2" s="1"/>
  <c r="H6529" i="2" a="1"/>
  <c r="H6529" i="2" s="1"/>
  <c r="H6525" i="2" a="1"/>
  <c r="H6525" i="2" s="1"/>
  <c r="H6522" i="2" a="1"/>
  <c r="H6522" i="2" s="1"/>
  <c r="H6514" i="2" a="1"/>
  <c r="H6514" i="2" s="1"/>
  <c r="H6516" i="2" a="1"/>
  <c r="H6516" i="2" s="1"/>
  <c r="H6532" i="2" a="1"/>
  <c r="H6532" i="2" s="1"/>
  <c r="H6517" i="2" a="1"/>
  <c r="H6517" i="2" s="1"/>
  <c r="H6530" i="2" a="1"/>
  <c r="H6530" i="2" s="1"/>
  <c r="H6520" i="2" a="1"/>
  <c r="H6520" i="2" s="1"/>
  <c r="H6521" i="2" a="1"/>
  <c r="H6521" i="2" s="1"/>
  <c r="H6537" i="2" a="1"/>
  <c r="H6537" i="2" s="1"/>
  <c r="H6523" i="2" a="1"/>
  <c r="H6523" i="2" s="1"/>
  <c r="H6527" i="2" a="1"/>
  <c r="H6527" i="2" s="1"/>
  <c r="H6528" i="2" a="1"/>
  <c r="H6528" i="2" s="1"/>
  <c r="H6515" i="2" a="1"/>
  <c r="H6515" i="2" s="1"/>
  <c r="H6534" i="2" a="1"/>
  <c r="H6534" i="2" s="1"/>
  <c r="F7680" i="2" a="1"/>
  <c r="F7680" i="2" s="1"/>
  <c r="F7681" i="2" a="1"/>
  <c r="F7681" i="2" s="1"/>
  <c r="F7685" i="2" a="1"/>
  <c r="F7685" i="2" s="1"/>
  <c r="F7666" i="2" a="1"/>
  <c r="F7666" i="2" s="1"/>
  <c r="F7684" i="2" a="1"/>
  <c r="F7684" i="2" s="1"/>
  <c r="F7673" i="2" a="1"/>
  <c r="F7673" i="2" s="1"/>
  <c r="F7682" i="2" a="1"/>
  <c r="F7682" i="2" s="1"/>
  <c r="F7688" i="2" a="1"/>
  <c r="F7688" i="2" s="1"/>
  <c r="F7683" i="2" a="1"/>
  <c r="F7683" i="2" s="1"/>
  <c r="F7678" i="2" a="1"/>
  <c r="F7678" i="2" s="1"/>
  <c r="F7670" i="2" a="1"/>
  <c r="F7670" i="2" s="1"/>
  <c r="F7671" i="2" a="1"/>
  <c r="F7671" i="2" s="1"/>
  <c r="F7675" i="2" a="1"/>
  <c r="F7675" i="2" s="1"/>
  <c r="H7076" i="2" a="1"/>
  <c r="H7076" i="2" s="1"/>
  <c r="H7067" i="2" a="1"/>
  <c r="H7067" i="2" s="1"/>
  <c r="H7083" i="2" a="1"/>
  <c r="H7083" i="2" s="1"/>
  <c r="H7082" i="2" a="1"/>
  <c r="H7082" i="2" s="1"/>
  <c r="H7081" i="2" a="1"/>
  <c r="H7081" i="2" s="1"/>
  <c r="F6939" i="2" a="1"/>
  <c r="F6939" i="2" s="1"/>
  <c r="F6945" i="2" a="1"/>
  <c r="F6945" i="2" s="1"/>
  <c r="F6941" i="2" a="1"/>
  <c r="F6941" i="2" s="1"/>
  <c r="F6930" i="2" a="1"/>
  <c r="F6930" i="2" s="1"/>
  <c r="F6924" i="2" a="1"/>
  <c r="F6924" i="2" s="1"/>
  <c r="F6937" i="2" a="1"/>
  <c r="F6937" i="2" s="1"/>
  <c r="F6929" i="2" a="1"/>
  <c r="F6929" i="2" s="1"/>
  <c r="F6931" i="2" a="1"/>
  <c r="F6931" i="2" s="1"/>
  <c r="F6926" i="2" a="1"/>
  <c r="F6926" i="2" s="1"/>
  <c r="F6928" i="2" a="1"/>
  <c r="F6928" i="2" s="1"/>
  <c r="F6943" i="2" a="1"/>
  <c r="F6943" i="2" s="1"/>
  <c r="F6934" i="2" a="1"/>
  <c r="F6934" i="2" s="1"/>
  <c r="F6944" i="2" a="1"/>
  <c r="F6944" i="2" s="1"/>
  <c r="F6923" i="2" a="1"/>
  <c r="F6923" i="2" s="1"/>
  <c r="F6936" i="2" a="1"/>
  <c r="F6936" i="2" s="1"/>
  <c r="F6942" i="2" a="1"/>
  <c r="F6942" i="2" s="1"/>
  <c r="F6932" i="2" a="1"/>
  <c r="F6932" i="2" s="1"/>
  <c r="F6940" i="2" a="1"/>
  <c r="F6940" i="2" s="1"/>
  <c r="F6922" i="2" a="1"/>
  <c r="F6922" i="2" s="1"/>
  <c r="F6927" i="2" a="1"/>
  <c r="F6927" i="2" s="1"/>
  <c r="F6935" i="2" a="1"/>
  <c r="F6935" i="2" s="1"/>
  <c r="F6933" i="2" a="1"/>
  <c r="F6933" i="2" s="1"/>
  <c r="G4988" i="2" a="1"/>
  <c r="G4988" i="2" s="1"/>
  <c r="G4979" i="2" a="1"/>
  <c r="G4979" i="2" s="1"/>
  <c r="G4996" i="2" a="1"/>
  <c r="G4996" i="2" s="1"/>
  <c r="G5001" i="2" a="1"/>
  <c r="G5001" i="2" s="1"/>
  <c r="G4990" i="2" a="1"/>
  <c r="G4990" i="2" s="1"/>
  <c r="G4982" i="2" a="1"/>
  <c r="G4982" i="2" s="1"/>
  <c r="G4993" i="2" a="1"/>
  <c r="G4993" i="2" s="1"/>
  <c r="G4981" i="2" a="1"/>
  <c r="G4981" i="2" s="1"/>
  <c r="G4997" i="2" a="1"/>
  <c r="G4997" i="2" s="1"/>
  <c r="G4999" i="2" a="1"/>
  <c r="G4999" i="2" s="1"/>
  <c r="G4985" i="2" a="1"/>
  <c r="G4985" i="2" s="1"/>
  <c r="G4986" i="2" a="1"/>
  <c r="G4986" i="2" s="1"/>
  <c r="G4980" i="2" a="1"/>
  <c r="G4980" i="2" s="1"/>
  <c r="G4987" i="2" a="1"/>
  <c r="G4987" i="2" s="1"/>
  <c r="G4995" i="2" a="1"/>
  <c r="G4995" i="2" s="1"/>
  <c r="G4989" i="2" a="1"/>
  <c r="G4989" i="2" s="1"/>
  <c r="G4998" i="2" a="1"/>
  <c r="G4998" i="2" s="1"/>
  <c r="D3460" i="2" a="1"/>
  <c r="D3460" i="2" s="1"/>
  <c r="D3447" i="2" a="1"/>
  <c r="D3447" i="2" s="1"/>
  <c r="D3451" i="2" a="1"/>
  <c r="D3451" i="2" s="1"/>
  <c r="D3455" i="2" a="1"/>
  <c r="D3455" i="2" s="1"/>
  <c r="D3446" i="2" a="1"/>
  <c r="D3446" i="2" s="1"/>
  <c r="D3442" i="2" a="1"/>
  <c r="D3442" i="2" s="1"/>
  <c r="D3459" i="2" a="1"/>
  <c r="D3459" i="2" s="1"/>
  <c r="D3465" i="2" a="1"/>
  <c r="D3465" i="2" s="1"/>
  <c r="D3443" i="2" a="1"/>
  <c r="D3443" i="2" s="1"/>
  <c r="D3463" i="2" a="1"/>
  <c r="D3463" i="2" s="1"/>
  <c r="D3456" i="2" a="1"/>
  <c r="D3456" i="2" s="1"/>
  <c r="D3450" i="2" a="1"/>
  <c r="D3450" i="2" s="1"/>
  <c r="D3458" i="2" a="1"/>
  <c r="D3458" i="2" s="1"/>
  <c r="D3462" i="2" a="1"/>
  <c r="D3462" i="2" s="1"/>
  <c r="D3445" i="2" a="1"/>
  <c r="D3445" i="2" s="1"/>
  <c r="D3461" i="2" a="1"/>
  <c r="D3461" i="2" s="1"/>
  <c r="D3454" i="2" a="1"/>
  <c r="D3454" i="2" s="1"/>
  <c r="D3452" i="2" a="1"/>
  <c r="D3452" i="2" s="1"/>
  <c r="AO296" i="1"/>
  <c r="E302" i="5" s="1"/>
  <c r="AP296" i="1"/>
  <c r="F302" i="5" s="1"/>
  <c r="E3047" i="2" a="1"/>
  <c r="E3047" i="2" s="1"/>
  <c r="E3057" i="2" a="1"/>
  <c r="E3057" i="2" s="1"/>
  <c r="E3042" i="2" a="1"/>
  <c r="E3042" i="2" s="1"/>
  <c r="E3056" i="2" a="1"/>
  <c r="E3056" i="2" s="1"/>
  <c r="E3050" i="2" a="1"/>
  <c r="E3050" i="2" s="1"/>
  <c r="E3038" i="2" a="1"/>
  <c r="E3038" i="2" s="1"/>
  <c r="E3044" i="2" a="1"/>
  <c r="E3044" i="2" s="1"/>
  <c r="E3053" i="2" a="1"/>
  <c r="E3053" i="2" s="1"/>
  <c r="E3055" i="2" a="1"/>
  <c r="E3055" i="2" s="1"/>
  <c r="E3041" i="2" a="1"/>
  <c r="E3041" i="2" s="1"/>
  <c r="E3048" i="2" a="1"/>
  <c r="E3048" i="2" s="1"/>
  <c r="E3049" i="2" a="1"/>
  <c r="E3049" i="2" s="1"/>
  <c r="E3037" i="2" a="1"/>
  <c r="E3037" i="2" s="1"/>
  <c r="E3045" i="2" a="1"/>
  <c r="E3045" i="2" s="1"/>
  <c r="AO48" i="1"/>
  <c r="E54" i="5" s="1"/>
  <c r="AP48" i="1"/>
  <c r="F54" i="5" s="1"/>
  <c r="AN48" i="1"/>
  <c r="D54" i="5" s="1"/>
  <c r="AM48" i="1"/>
  <c r="AQ48" i="1"/>
  <c r="G54" i="5" s="1"/>
  <c r="E8707" i="2" a="1"/>
  <c r="E8707" i="2" s="1"/>
  <c r="E8721" i="2" a="1"/>
  <c r="E8721" i="2" s="1"/>
  <c r="E8718" i="2" a="1"/>
  <c r="E8718" i="2" s="1"/>
  <c r="E8705" i="2" a="1"/>
  <c r="E8705" i="2" s="1"/>
  <c r="E8702" i="2" a="1"/>
  <c r="E8702" i="2" s="1"/>
  <c r="E8706" i="2" a="1"/>
  <c r="E8706" i="2" s="1"/>
  <c r="E8716" i="2" a="1"/>
  <c r="E8716" i="2" s="1"/>
  <c r="E8709" i="2" a="1"/>
  <c r="E8709" i="2" s="1"/>
  <c r="E8703" i="2" a="1"/>
  <c r="E8703" i="2" s="1"/>
  <c r="E8714" i="2" a="1"/>
  <c r="E8714" i="2" s="1"/>
  <c r="E8719" i="2" a="1"/>
  <c r="E8719" i="2" s="1"/>
  <c r="E8698" i="2" a="1"/>
  <c r="E8698" i="2" s="1"/>
  <c r="E8715" i="2" a="1"/>
  <c r="E8715" i="2" s="1"/>
  <c r="E8717" i="2" a="1"/>
  <c r="E8717" i="2" s="1"/>
  <c r="E8720" i="2" a="1"/>
  <c r="E8720" i="2" s="1"/>
  <c r="E8699" i="2" a="1"/>
  <c r="E8699" i="2" s="1"/>
  <c r="M8699" i="2" s="1"/>
  <c r="M8673" i="5" s="1"/>
  <c r="E8700" i="2" a="1"/>
  <c r="E8700" i="2" s="1"/>
  <c r="E8713" i="2" a="1"/>
  <c r="E8713" i="2" s="1"/>
  <c r="E8711" i="2" a="1"/>
  <c r="E8711" i="2" s="1"/>
  <c r="E8710" i="2" a="1"/>
  <c r="E8710" i="2" s="1"/>
  <c r="E8712" i="2" a="1"/>
  <c r="E8712" i="2" s="1"/>
  <c r="E8701" i="2" a="1"/>
  <c r="E8701" i="2" s="1"/>
  <c r="G466" i="2" a="1"/>
  <c r="G466" i="2" s="1"/>
  <c r="G475" i="2" a="1"/>
  <c r="G475" i="2" s="1"/>
  <c r="G469" i="2" a="1"/>
  <c r="G469" i="2" s="1"/>
  <c r="G476" i="2" a="1"/>
  <c r="G476" i="2" s="1"/>
  <c r="G467" i="2" a="1"/>
  <c r="G467" i="2" s="1"/>
  <c r="G477" i="2" a="1"/>
  <c r="G477" i="2" s="1"/>
  <c r="G472" i="2" a="1"/>
  <c r="G472" i="2" s="1"/>
  <c r="G488" i="2" a="1"/>
  <c r="G488" i="2" s="1"/>
  <c r="G489" i="2" a="1"/>
  <c r="G489" i="2" s="1"/>
  <c r="G483" i="2" a="1"/>
  <c r="G483" i="2" s="1"/>
  <c r="G470" i="2" a="1"/>
  <c r="G470" i="2" s="1"/>
  <c r="G482" i="2" a="1"/>
  <c r="G482" i="2" s="1"/>
  <c r="G486" i="2" a="1"/>
  <c r="G486" i="2" s="1"/>
  <c r="G473" i="2" a="1"/>
  <c r="G473" i="2" s="1"/>
  <c r="G481" i="2" a="1"/>
  <c r="G481" i="2" s="1"/>
  <c r="G474" i="2" a="1"/>
  <c r="G474" i="2" s="1"/>
  <c r="G485" i="2" a="1"/>
  <c r="G485" i="2" s="1"/>
  <c r="G487" i="2" a="1"/>
  <c r="G487" i="2" s="1"/>
  <c r="G484" i="2" a="1"/>
  <c r="G484" i="2" s="1"/>
  <c r="G478" i="2" a="1"/>
  <c r="G478" i="2" s="1"/>
  <c r="G471" i="2" a="1"/>
  <c r="G471" i="2" s="1"/>
  <c r="G480" i="2" a="1"/>
  <c r="G480" i="2" s="1"/>
  <c r="F5439" i="2" a="1"/>
  <c r="F5439" i="2" s="1"/>
  <c r="F5453" i="2" a="1"/>
  <c r="F5453" i="2" s="1"/>
  <c r="F5447" i="2" a="1"/>
  <c r="F5447" i="2" s="1"/>
  <c r="F5437" i="2" a="1"/>
  <c r="F5437" i="2" s="1"/>
  <c r="F5455" i="2" a="1"/>
  <c r="F5455" i="2" s="1"/>
  <c r="F5451" i="2" a="1"/>
  <c r="F5451" i="2" s="1"/>
  <c r="F5435" i="2" a="1"/>
  <c r="F5435" i="2" s="1"/>
  <c r="F5452" i="2" a="1"/>
  <c r="F5452" i="2" s="1"/>
  <c r="F5450" i="2" a="1"/>
  <c r="F5450" i="2" s="1"/>
  <c r="F5449" i="2" a="1"/>
  <c r="F5449" i="2" s="1"/>
  <c r="F5444" i="2" a="1"/>
  <c r="F5444" i="2" s="1"/>
  <c r="F5443" i="2" a="1"/>
  <c r="F5443" i="2" s="1"/>
  <c r="F5448" i="2" a="1"/>
  <c r="F5448" i="2" s="1"/>
  <c r="F5456" i="2" a="1"/>
  <c r="F5456" i="2" s="1"/>
  <c r="F5436" i="2" a="1"/>
  <c r="F5436" i="2" s="1"/>
  <c r="F5454" i="2" a="1"/>
  <c r="F5454" i="2" s="1"/>
  <c r="F5434" i="2" a="1"/>
  <c r="F5434" i="2" s="1"/>
  <c r="F5438" i="2" a="1"/>
  <c r="F5438" i="2" s="1"/>
  <c r="F5445" i="2" a="1"/>
  <c r="F5445" i="2" s="1"/>
  <c r="F5457" i="2" a="1"/>
  <c r="F5457" i="2" s="1"/>
  <c r="F5446" i="2" a="1"/>
  <c r="F5446" i="2" s="1"/>
  <c r="F5441" i="2" a="1"/>
  <c r="F5441" i="2" s="1"/>
  <c r="G123" i="2" a="1"/>
  <c r="G123" i="2" s="1"/>
  <c r="G114" i="2" a="1"/>
  <c r="G114" i="2" s="1"/>
  <c r="G125" i="2" a="1"/>
  <c r="G125" i="2" s="1"/>
  <c r="G127" i="2" a="1"/>
  <c r="G127" i="2" s="1"/>
  <c r="G126" i="2" a="1"/>
  <c r="G126" i="2" s="1"/>
  <c r="G112" i="2" a="1"/>
  <c r="G112" i="2" s="1"/>
  <c r="G115" i="2" a="1"/>
  <c r="G115" i="2" s="1"/>
  <c r="G113" i="2" a="1"/>
  <c r="G113" i="2" s="1"/>
  <c r="G109" i="2" a="1"/>
  <c r="G109" i="2" s="1"/>
  <c r="G118" i="2" a="1"/>
  <c r="G118" i="2" s="1"/>
  <c r="G116" i="2" a="1"/>
  <c r="G116" i="2" s="1"/>
  <c r="G119" i="2" a="1"/>
  <c r="G119" i="2" s="1"/>
  <c r="F2180" i="2" a="1"/>
  <c r="F2180" i="2" s="1"/>
  <c r="F2186" i="2" a="1"/>
  <c r="F2186" i="2" s="1"/>
  <c r="F2178" i="2" a="1"/>
  <c r="F2178" i="2" s="1"/>
  <c r="F2183" i="2" a="1"/>
  <c r="F2183" i="2" s="1"/>
  <c r="F2174" i="2" a="1"/>
  <c r="F2174" i="2" s="1"/>
  <c r="F2190" i="2" a="1"/>
  <c r="F2190" i="2" s="1"/>
  <c r="F2192" i="2" a="1"/>
  <c r="F2192" i="2" s="1"/>
  <c r="F2173" i="2" a="1"/>
  <c r="F2173" i="2" s="1"/>
  <c r="F2179" i="2" a="1"/>
  <c r="F2179" i="2" s="1"/>
  <c r="F2171" i="2" a="1"/>
  <c r="F2171" i="2" s="1"/>
  <c r="F2170" i="2" a="1"/>
  <c r="F2170" i="2" s="1"/>
  <c r="F2188" i="2" a="1"/>
  <c r="F2188" i="2" s="1"/>
  <c r="F2185" i="2" a="1"/>
  <c r="F2185" i="2" s="1"/>
  <c r="F2184" i="2" a="1"/>
  <c r="F2184" i="2" s="1"/>
  <c r="F2191" i="2" a="1"/>
  <c r="F2191" i="2" s="1"/>
  <c r="G2558" i="2" a="1"/>
  <c r="G2558" i="2" s="1"/>
  <c r="G2564" i="2" a="1"/>
  <c r="G2564" i="2" s="1"/>
  <c r="G2560" i="2" a="1"/>
  <c r="G2560" i="2" s="1"/>
  <c r="G2566" i="2" a="1"/>
  <c r="G2566" i="2" s="1"/>
  <c r="G2568" i="2" a="1"/>
  <c r="G2568" i="2" s="1"/>
  <c r="G2556" i="2" a="1"/>
  <c r="G2556" i="2" s="1"/>
  <c r="G2565" i="2" a="1"/>
  <c r="G2565" i="2" s="1"/>
  <c r="G2563" i="2" a="1"/>
  <c r="G2563" i="2" s="1"/>
  <c r="G2554" i="2" a="1"/>
  <c r="G2554" i="2" s="1"/>
  <c r="G2567" i="2" a="1"/>
  <c r="G2567" i="2" s="1"/>
  <c r="G2555" i="2" a="1"/>
  <c r="G2555" i="2" s="1"/>
  <c r="G2573" i="2" a="1"/>
  <c r="G2573" i="2" s="1"/>
  <c r="G2575" i="2" a="1"/>
  <c r="G2575" i="2" s="1"/>
  <c r="G2561" i="2" a="1"/>
  <c r="G2561" i="2" s="1"/>
  <c r="G2576" i="2" a="1"/>
  <c r="G2576" i="2" s="1"/>
  <c r="G2569" i="2" a="1"/>
  <c r="G2569" i="2" s="1"/>
  <c r="G2577" i="2" a="1"/>
  <c r="G2577" i="2" s="1"/>
  <c r="G2570" i="2" a="1"/>
  <c r="G2570" i="2" s="1"/>
  <c r="G2557" i="2" a="1"/>
  <c r="G2557" i="2" s="1"/>
  <c r="G2559" i="2" a="1"/>
  <c r="G2559" i="2" s="1"/>
  <c r="G2572" i="2" a="1"/>
  <c r="G2572" i="2" s="1"/>
  <c r="G2562" i="2" a="1"/>
  <c r="G2562" i="2" s="1"/>
  <c r="G2571" i="2" a="1"/>
  <c r="G2571" i="2" s="1"/>
  <c r="G2574" i="2" a="1"/>
  <c r="G2574" i="2" s="1"/>
  <c r="D982" i="2" a="1"/>
  <c r="D982" i="2" s="1"/>
  <c r="D978" i="2" a="1"/>
  <c r="D978" i="2" s="1"/>
  <c r="D981" i="2" a="1"/>
  <c r="D981" i="2" s="1"/>
  <c r="D984" i="2" a="1"/>
  <c r="D984" i="2" s="1"/>
  <c r="D987" i="2" a="1"/>
  <c r="D987" i="2" s="1"/>
  <c r="D988" i="2" a="1"/>
  <c r="D988" i="2" s="1"/>
  <c r="D975" i="2" a="1"/>
  <c r="D975" i="2" s="1"/>
  <c r="D992" i="2" a="1"/>
  <c r="D992" i="2" s="1"/>
  <c r="D974" i="2" a="1"/>
  <c r="D974" i="2" s="1"/>
  <c r="D990" i="2" a="1"/>
  <c r="D990" i="2" s="1"/>
  <c r="D970" i="2" a="1"/>
  <c r="D970" i="2" s="1"/>
  <c r="D979" i="2" a="1"/>
  <c r="D979" i="2" s="1"/>
  <c r="D980" i="2" a="1"/>
  <c r="D980" i="2" s="1"/>
  <c r="D971" i="2" a="1"/>
  <c r="D971" i="2" s="1"/>
  <c r="D993" i="2" a="1"/>
  <c r="D993" i="2" s="1"/>
  <c r="D989" i="2" a="1"/>
  <c r="D989" i="2" s="1"/>
  <c r="D973" i="2" a="1"/>
  <c r="D973" i="2" s="1"/>
  <c r="D983" i="2" a="1"/>
  <c r="D983" i="2" s="1"/>
  <c r="D985" i="2" a="1"/>
  <c r="D985" i="2" s="1"/>
  <c r="D977" i="2" a="1"/>
  <c r="D977" i="2" s="1"/>
  <c r="D991" i="2" a="1"/>
  <c r="D991" i="2" s="1"/>
  <c r="D986" i="2" a="1"/>
  <c r="D986" i="2" s="1"/>
  <c r="D976" i="2" a="1"/>
  <c r="D976" i="2" s="1"/>
  <c r="AP187" i="1"/>
  <c r="F193" i="5" s="1"/>
  <c r="D4483" i="2" a="1"/>
  <c r="D4483" i="2" s="1"/>
  <c r="D4488" i="2" a="1"/>
  <c r="D4488" i="2" s="1"/>
  <c r="D4496" i="2" a="1"/>
  <c r="D4496" i="2" s="1"/>
  <c r="D4492" i="2" a="1"/>
  <c r="D4492" i="2" s="1"/>
  <c r="D4477" i="2" a="1"/>
  <c r="D4477" i="2" s="1"/>
  <c r="AN187" i="1"/>
  <c r="D193" i="5" s="1"/>
  <c r="AO187" i="1"/>
  <c r="E193" i="5" s="1"/>
  <c r="AM187" i="1"/>
  <c r="D4481" i="2" a="1"/>
  <c r="D4481" i="2" s="1"/>
  <c r="D4485" i="2" a="1"/>
  <c r="D4485" i="2" s="1"/>
  <c r="D4494" i="2" a="1"/>
  <c r="D4494" i="2" s="1"/>
  <c r="D4491" i="2" a="1"/>
  <c r="D4491" i="2" s="1"/>
  <c r="D4476" i="2" a="1"/>
  <c r="D4476" i="2" s="1"/>
  <c r="D4495" i="2" a="1"/>
  <c r="D4495" i="2" s="1"/>
  <c r="D4480" i="2" a="1"/>
  <c r="D4480" i="2" s="1"/>
  <c r="D4493" i="2" a="1"/>
  <c r="D4493" i="2" s="1"/>
  <c r="D4474" i="2" a="1"/>
  <c r="D4474" i="2" s="1"/>
  <c r="D4497" i="2" a="1"/>
  <c r="D4497" i="2" s="1"/>
  <c r="D4486" i="2" a="1"/>
  <c r="D4486" i="2" s="1"/>
  <c r="D4490" i="2" a="1"/>
  <c r="D4490" i="2" s="1"/>
  <c r="D4475" i="2" a="1"/>
  <c r="D4475" i="2" s="1"/>
  <c r="D4484" i="2" a="1"/>
  <c r="D4484" i="2" s="1"/>
  <c r="D4489" i="2" a="1"/>
  <c r="D4489" i="2" s="1"/>
  <c r="D4478" i="2" a="1"/>
  <c r="D4478" i="2" s="1"/>
  <c r="D4482" i="2" a="1"/>
  <c r="D4482" i="2" s="1"/>
  <c r="F1104" i="2" a="1"/>
  <c r="F1104" i="2" s="1"/>
  <c r="F1101" i="2" a="1"/>
  <c r="F1101" i="2" s="1"/>
  <c r="F1107" i="2" a="1"/>
  <c r="F1107" i="2" s="1"/>
  <c r="F1108" i="2" a="1"/>
  <c r="F1108" i="2" s="1"/>
  <c r="F1093" i="2" a="1"/>
  <c r="F1093" i="2" s="1"/>
  <c r="F1111" i="2" a="1"/>
  <c r="F1111" i="2" s="1"/>
  <c r="F1106" i="2" a="1"/>
  <c r="F1106" i="2" s="1"/>
  <c r="F1112" i="2" a="1"/>
  <c r="F1112" i="2" s="1"/>
  <c r="F1098" i="2" a="1"/>
  <c r="F1098" i="2" s="1"/>
  <c r="F1090" i="2" a="1"/>
  <c r="F1090" i="2" s="1"/>
  <c r="F1102" i="2" a="1"/>
  <c r="F1102" i="2" s="1"/>
  <c r="F1094" i="2" a="1"/>
  <c r="F1094" i="2" s="1"/>
  <c r="F1099" i="2" a="1"/>
  <c r="F1099" i="2" s="1"/>
  <c r="F1097" i="2" a="1"/>
  <c r="F1097" i="2" s="1"/>
  <c r="F1110" i="2" a="1"/>
  <c r="F1110" i="2" s="1"/>
  <c r="F1100" i="2" a="1"/>
  <c r="F1100" i="2" s="1"/>
  <c r="F1113" i="2" a="1"/>
  <c r="F1113" i="2" s="1"/>
  <c r="F1091" i="2" a="1"/>
  <c r="F1091" i="2" s="1"/>
  <c r="F1109" i="2" a="1"/>
  <c r="F1109" i="2" s="1"/>
  <c r="F1092" i="2" a="1"/>
  <c r="F1092" i="2" s="1"/>
  <c r="F1105" i="2" a="1"/>
  <c r="F1105" i="2" s="1"/>
  <c r="F1096" i="2" a="1"/>
  <c r="F1096" i="2" s="1"/>
  <c r="F1095" i="2" a="1"/>
  <c r="F1095" i="2" s="1"/>
  <c r="E1035" i="2" a="1"/>
  <c r="E1035" i="2" s="1"/>
  <c r="E1022" i="2" a="1"/>
  <c r="E1022" i="2" s="1"/>
  <c r="E1033" i="2" a="1"/>
  <c r="E1033" i="2" s="1"/>
  <c r="E1028" i="2" a="1"/>
  <c r="E1028" i="2" s="1"/>
  <c r="E1023" i="2" a="1"/>
  <c r="E1023" i="2" s="1"/>
  <c r="E1036" i="2" a="1"/>
  <c r="E1036" i="2" s="1"/>
  <c r="E1024" i="2" a="1"/>
  <c r="E1024" i="2" s="1"/>
  <c r="E1029" i="2" a="1"/>
  <c r="E1029" i="2" s="1"/>
  <c r="E1019" i="2" a="1"/>
  <c r="E1019" i="2" s="1"/>
  <c r="E1031" i="2" a="1"/>
  <c r="E1031" i="2" s="1"/>
  <c r="E1041" i="2" a="1"/>
  <c r="E1041" i="2" s="1"/>
  <c r="E1025" i="2" a="1"/>
  <c r="E1025" i="2" s="1"/>
  <c r="E1037" i="2" a="1"/>
  <c r="E1037" i="2" s="1"/>
  <c r="E1026" i="2" a="1"/>
  <c r="E1026" i="2" s="1"/>
  <c r="E1030" i="2" a="1"/>
  <c r="E1030" i="2" s="1"/>
  <c r="E1038" i="2" a="1"/>
  <c r="E1038" i="2" s="1"/>
  <c r="E1034" i="2" a="1"/>
  <c r="E1034" i="2" s="1"/>
  <c r="E1020" i="2" a="1"/>
  <c r="E1020" i="2" s="1"/>
  <c r="E1040" i="2" a="1"/>
  <c r="E1040" i="2" s="1"/>
  <c r="E1027" i="2" a="1"/>
  <c r="E1027" i="2" s="1"/>
  <c r="E1032" i="2" a="1"/>
  <c r="E1032" i="2" s="1"/>
  <c r="E1021" i="2" a="1"/>
  <c r="E1021" i="2" s="1"/>
  <c r="D3396" i="2" a="1"/>
  <c r="D3396" i="2" s="1"/>
  <c r="D3417" i="2" a="1"/>
  <c r="D3417" i="2" s="1"/>
  <c r="D3414" i="2" a="1"/>
  <c r="D3414" i="2" s="1"/>
  <c r="D3406" i="2" a="1"/>
  <c r="D3406" i="2" s="1"/>
  <c r="D3416" i="2" a="1"/>
  <c r="D3416" i="2" s="1"/>
  <c r="D3401" i="2" a="1"/>
  <c r="D3401" i="2" s="1"/>
  <c r="D3405" i="2" a="1"/>
  <c r="D3405" i="2" s="1"/>
  <c r="D3404" i="2" a="1"/>
  <c r="D3404" i="2" s="1"/>
  <c r="D3398" i="2" a="1"/>
  <c r="D3398" i="2" s="1"/>
  <c r="D3413" i="2" a="1"/>
  <c r="D3413" i="2" s="1"/>
  <c r="D3415" i="2" a="1"/>
  <c r="D3415" i="2" s="1"/>
  <c r="D3395" i="2" a="1"/>
  <c r="D3395" i="2" s="1"/>
  <c r="D3400" i="2" a="1"/>
  <c r="D3400" i="2" s="1"/>
  <c r="D3408" i="2" a="1"/>
  <c r="D3408" i="2" s="1"/>
  <c r="D3410" i="2" a="1"/>
  <c r="D3410" i="2" s="1"/>
  <c r="D3403" i="2" a="1"/>
  <c r="D3403" i="2" s="1"/>
  <c r="D3397" i="2" a="1"/>
  <c r="D3397" i="2" s="1"/>
  <c r="D3409" i="2" a="1"/>
  <c r="D3409" i="2" s="1"/>
  <c r="D8203" i="2" a="1"/>
  <c r="D8203" i="2" s="1"/>
  <c r="D8197" i="2" a="1"/>
  <c r="D8197" i="2" s="1"/>
  <c r="D8209" i="2" a="1"/>
  <c r="D8209" i="2" s="1"/>
  <c r="D8213" i="2" a="1"/>
  <c r="D8213" i="2" s="1"/>
  <c r="D8217" i="2" a="1"/>
  <c r="D8217" i="2" s="1"/>
  <c r="D8204" i="2" a="1"/>
  <c r="D8204" i="2" s="1"/>
  <c r="D8210" i="2" a="1"/>
  <c r="D8210" i="2" s="1"/>
  <c r="I8210" i="2" s="1"/>
  <c r="I8184" i="5" s="1"/>
  <c r="D8200" i="2" a="1"/>
  <c r="D8200" i="2" s="1"/>
  <c r="D8198" i="2" a="1"/>
  <c r="D8198" i="2" s="1"/>
  <c r="D8206" i="2" a="1"/>
  <c r="D8206" i="2" s="1"/>
  <c r="D8214" i="2" a="1"/>
  <c r="D8214" i="2" s="1"/>
  <c r="D8195" i="2" a="1"/>
  <c r="D8195" i="2" s="1"/>
  <c r="D8199" i="2" a="1"/>
  <c r="D8199" i="2" s="1"/>
  <c r="D8208" i="2" a="1"/>
  <c r="D8208" i="2" s="1"/>
  <c r="D8216" i="2" a="1"/>
  <c r="D8216" i="2" s="1"/>
  <c r="D8201" i="2" a="1"/>
  <c r="D8201" i="2" s="1"/>
  <c r="D8196" i="2" a="1"/>
  <c r="D8196" i="2" s="1"/>
  <c r="D8215" i="2" a="1"/>
  <c r="D8215" i="2" s="1"/>
  <c r="D8212" i="2" a="1"/>
  <c r="D8212" i="2" s="1"/>
  <c r="D8202" i="2" a="1"/>
  <c r="D8202" i="2" s="1"/>
  <c r="D8194" i="2" a="1"/>
  <c r="D8194" i="2" s="1"/>
  <c r="D8205" i="2" a="1"/>
  <c r="D8205" i="2" s="1"/>
  <c r="E1588" i="2" a="1"/>
  <c r="E1588" i="2" s="1"/>
  <c r="E1591" i="2" a="1"/>
  <c r="E1591" i="2" s="1"/>
  <c r="E1585" i="2" a="1"/>
  <c r="E1585" i="2" s="1"/>
  <c r="E1582" i="2" a="1"/>
  <c r="E1582" i="2" s="1"/>
  <c r="I1582" i="2" s="1"/>
  <c r="I1556" i="5" s="1"/>
  <c r="E1573" i="2" a="1"/>
  <c r="E1573" i="2" s="1"/>
  <c r="E1572" i="2" a="1"/>
  <c r="E1572" i="2" s="1"/>
  <c r="E1571" i="2" a="1"/>
  <c r="E1571" i="2" s="1"/>
  <c r="E1587" i="2" a="1"/>
  <c r="E1587" i="2" s="1"/>
  <c r="E1583" i="2" a="1"/>
  <c r="E1583" i="2" s="1"/>
  <c r="E1584" i="2" a="1"/>
  <c r="E1584" i="2" s="1"/>
  <c r="E1590" i="2" a="1"/>
  <c r="E1590" i="2" s="1"/>
  <c r="E1575" i="2" a="1"/>
  <c r="E1575" i="2" s="1"/>
  <c r="E1578" i="2" a="1"/>
  <c r="E1578" i="2" s="1"/>
  <c r="E1581" i="2" a="1"/>
  <c r="E1581" i="2" s="1"/>
  <c r="E1586" i="2" a="1"/>
  <c r="E1586" i="2" s="1"/>
  <c r="F5398" i="2" a="1"/>
  <c r="F5398" i="2" s="1"/>
  <c r="F5396" i="2" a="1"/>
  <c r="F5396" i="2" s="1"/>
  <c r="F5408" i="2" a="1"/>
  <c r="F5408" i="2" s="1"/>
  <c r="F5392" i="2" a="1"/>
  <c r="F5392" i="2" s="1"/>
  <c r="F5409" i="2" a="1"/>
  <c r="F5409" i="2" s="1"/>
  <c r="F5401" i="2" a="1"/>
  <c r="F5401" i="2" s="1"/>
  <c r="F5391" i="2" a="1"/>
  <c r="F5391" i="2" s="1"/>
  <c r="F5390" i="2" a="1"/>
  <c r="F5390" i="2" s="1"/>
  <c r="F5405" i="2" a="1"/>
  <c r="F5405" i="2" s="1"/>
  <c r="F5404" i="2" a="1"/>
  <c r="F5404" i="2" s="1"/>
  <c r="F5393" i="2" a="1"/>
  <c r="F5393" i="2" s="1"/>
  <c r="F5399" i="2" a="1"/>
  <c r="F5399" i="2" s="1"/>
  <c r="F5386" i="2" a="1"/>
  <c r="F5386" i="2" s="1"/>
  <c r="F5407" i="2" a="1"/>
  <c r="F5407" i="2" s="1"/>
  <c r="F5387" i="2" a="1"/>
  <c r="F5387" i="2" s="1"/>
  <c r="F5400" i="2" a="1"/>
  <c r="F5400" i="2" s="1"/>
  <c r="F5406" i="2" a="1"/>
  <c r="F5406" i="2" s="1"/>
  <c r="F5402" i="2" a="1"/>
  <c r="F5402" i="2" s="1"/>
  <c r="F5403" i="2" a="1"/>
  <c r="F5403" i="2" s="1"/>
  <c r="F5394" i="2" a="1"/>
  <c r="F5394" i="2" s="1"/>
  <c r="F5389" i="2" a="1"/>
  <c r="F5389" i="2" s="1"/>
  <c r="F5388" i="2" a="1"/>
  <c r="F5388" i="2" s="1"/>
  <c r="H4756" i="2" a="1"/>
  <c r="H4756" i="2" s="1"/>
  <c r="H4738" i="2" a="1"/>
  <c r="H4738" i="2" s="1"/>
  <c r="H4751" i="2" a="1"/>
  <c r="H4751" i="2" s="1"/>
  <c r="H4759" i="2" a="1"/>
  <c r="H4759" i="2" s="1"/>
  <c r="H4746" i="2" a="1"/>
  <c r="H4746" i="2" s="1"/>
  <c r="F7937" i="2" a="1"/>
  <c r="F7937" i="2" s="1"/>
  <c r="F7932" i="2" a="1"/>
  <c r="F7932" i="2" s="1"/>
  <c r="F7936" i="2" a="1"/>
  <c r="F7936" i="2" s="1"/>
  <c r="F7949" i="2" a="1"/>
  <c r="F7949" i="2" s="1"/>
  <c r="F7935" i="2" a="1"/>
  <c r="F7935" i="2" s="1"/>
  <c r="F7941" i="2" a="1"/>
  <c r="F7941" i="2" s="1"/>
  <c r="F7930" i="2" a="1"/>
  <c r="F7930" i="2" s="1"/>
  <c r="F7943" i="2" a="1"/>
  <c r="F7943" i="2" s="1"/>
  <c r="F7946" i="2" a="1"/>
  <c r="F7946" i="2" s="1"/>
  <c r="F7945" i="2" a="1"/>
  <c r="F7945" i="2" s="1"/>
  <c r="F7952" i="2" a="1"/>
  <c r="F7952" i="2" s="1"/>
  <c r="F7942" i="2" a="1"/>
  <c r="F7942" i="2" s="1"/>
  <c r="AO331" i="1"/>
  <c r="E337" i="5" s="1"/>
  <c r="F7947" i="2" a="1"/>
  <c r="F7947" i="2" s="1"/>
  <c r="AM331" i="1"/>
  <c r="F7953" i="2" a="1"/>
  <c r="F7953" i="2" s="1"/>
  <c r="F7948" i="2" a="1"/>
  <c r="F7948" i="2" s="1"/>
  <c r="F7938" i="2" a="1"/>
  <c r="F7938" i="2" s="1"/>
  <c r="AP331" i="1"/>
  <c r="F337" i="5" s="1"/>
  <c r="AN331" i="1"/>
  <c r="D337" i="5" s="1"/>
  <c r="F7934" i="2" a="1"/>
  <c r="F7934" i="2" s="1"/>
  <c r="F7950" i="2" a="1"/>
  <c r="F7950" i="2" s="1"/>
  <c r="F7939" i="2" a="1"/>
  <c r="F7939" i="2" s="1"/>
  <c r="F7931" i="2" a="1"/>
  <c r="F7931" i="2" s="1"/>
  <c r="AQ9" i="1"/>
  <c r="G15" i="5" s="1"/>
  <c r="D207" i="2" a="1"/>
  <c r="D207" i="2" s="1"/>
  <c r="AP9" i="1"/>
  <c r="F15" i="5" s="1"/>
  <c r="D217" i="2" a="1"/>
  <c r="D217" i="2" s="1"/>
  <c r="AO9" i="1"/>
  <c r="E15" i="5" s="1"/>
  <c r="D205" i="2" a="1"/>
  <c r="D205" i="2" s="1"/>
  <c r="AM9" i="1"/>
  <c r="D219" i="2" a="1"/>
  <c r="D219" i="2" s="1"/>
  <c r="D208" i="2" a="1"/>
  <c r="D208" i="2" s="1"/>
  <c r="D210" i="2" a="1"/>
  <c r="D210" i="2" s="1"/>
  <c r="D221" i="2" a="1"/>
  <c r="D221" i="2" s="1"/>
  <c r="D222" i="2" a="1"/>
  <c r="D222" i="2" s="1"/>
  <c r="D223" i="2" a="1"/>
  <c r="D223" i="2" s="1"/>
  <c r="D202" i="2" a="1"/>
  <c r="D202" i="2" s="1"/>
  <c r="D215" i="2" a="1"/>
  <c r="D215" i="2" s="1"/>
  <c r="D211" i="2" a="1"/>
  <c r="D211" i="2" s="1"/>
  <c r="D216" i="2" a="1"/>
  <c r="D216" i="2" s="1"/>
  <c r="D224" i="2" a="1"/>
  <c r="D224" i="2" s="1"/>
  <c r="D203" i="2" a="1"/>
  <c r="D203" i="2" s="1"/>
  <c r="D212" i="2" a="1"/>
  <c r="D212" i="2" s="1"/>
  <c r="D209" i="2" a="1"/>
  <c r="D209" i="2" s="1"/>
  <c r="D213" i="2" a="1"/>
  <c r="D213" i="2" s="1"/>
  <c r="D220" i="2" a="1"/>
  <c r="D220" i="2" s="1"/>
  <c r="D225" i="2" a="1"/>
  <c r="D225" i="2" s="1"/>
  <c r="D206" i="2" a="1"/>
  <c r="D206" i="2" s="1"/>
  <c r="D204" i="2" a="1"/>
  <c r="D204" i="2" s="1"/>
  <c r="D218" i="2" a="1"/>
  <c r="D218" i="2" s="1"/>
  <c r="D214" i="2" a="1"/>
  <c r="D214" i="2" s="1"/>
  <c r="AN9" i="1"/>
  <c r="D15" i="5" s="1"/>
  <c r="E1513" i="2" a="1"/>
  <c r="E1513" i="2" s="1"/>
  <c r="E1508" i="2" a="1"/>
  <c r="E1508" i="2" s="1"/>
  <c r="E1509" i="2" a="1"/>
  <c r="E1509" i="2" s="1"/>
  <c r="E1515" i="2" a="1"/>
  <c r="E1515" i="2" s="1"/>
  <c r="E1501" i="2" a="1"/>
  <c r="E1501" i="2" s="1"/>
  <c r="E1499" i="2" a="1"/>
  <c r="E1499" i="2" s="1"/>
  <c r="E1510" i="2" a="1"/>
  <c r="E1510" i="2" s="1"/>
  <c r="E1519" i="2" a="1"/>
  <c r="E1519" i="2" s="1"/>
  <c r="E1505" i="2" a="1"/>
  <c r="E1505" i="2" s="1"/>
  <c r="E1514" i="2" a="1"/>
  <c r="E1514" i="2" s="1"/>
  <c r="E1520" i="2" a="1"/>
  <c r="E1520" i="2" s="1"/>
  <c r="E1516" i="2" a="1"/>
  <c r="E1516" i="2" s="1"/>
  <c r="E1502" i="2" a="1"/>
  <c r="E1502" i="2" s="1"/>
  <c r="E1500" i="2" a="1"/>
  <c r="E1500" i="2" s="1"/>
  <c r="E1506" i="2" a="1"/>
  <c r="E1506" i="2" s="1"/>
  <c r="E1512" i="2" a="1"/>
  <c r="E1512" i="2" s="1"/>
  <c r="E1521" i="2" a="1"/>
  <c r="E1521" i="2" s="1"/>
  <c r="E1504" i="2" a="1"/>
  <c r="E1504" i="2" s="1"/>
  <c r="E1507" i="2" a="1"/>
  <c r="E1507" i="2" s="1"/>
  <c r="E1518" i="2" a="1"/>
  <c r="E1518" i="2" s="1"/>
  <c r="E1517" i="2" a="1"/>
  <c r="E1517" i="2" s="1"/>
  <c r="E1498" i="2" a="1"/>
  <c r="E1498" i="2" s="1"/>
  <c r="H2453" i="2" a="1"/>
  <c r="H2453" i="2" s="1"/>
  <c r="H2444" i="2" a="1"/>
  <c r="H2444" i="2" s="1"/>
  <c r="H2456" i="2" a="1"/>
  <c r="H2456" i="2" s="1"/>
  <c r="H2446" i="2" a="1"/>
  <c r="H2446" i="2" s="1"/>
  <c r="H2442" i="2" a="1"/>
  <c r="H2442" i="2" s="1"/>
  <c r="H2441" i="2" a="1"/>
  <c r="H2441" i="2" s="1"/>
  <c r="H2436" i="2" a="1"/>
  <c r="H2436" i="2" s="1"/>
  <c r="H2457" i="2" a="1"/>
  <c r="H2457" i="2" s="1"/>
  <c r="H2452" i="2" a="1"/>
  <c r="H2452" i="2" s="1"/>
  <c r="H2437" i="2" a="1"/>
  <c r="H2437" i="2" s="1"/>
  <c r="H2435" i="2" a="1"/>
  <c r="H2435" i="2" s="1"/>
  <c r="H2443" i="2" a="1"/>
  <c r="H2443" i="2" s="1"/>
  <c r="H2440" i="2" a="1"/>
  <c r="H2440" i="2" s="1"/>
  <c r="H2439" i="2" a="1"/>
  <c r="H2439" i="2" s="1"/>
  <c r="H2438" i="2" a="1"/>
  <c r="H2438" i="2" s="1"/>
  <c r="H2447" i="2" a="1"/>
  <c r="H2447" i="2" s="1"/>
  <c r="H2448" i="2" a="1"/>
  <c r="H2448" i="2" s="1"/>
  <c r="H2450" i="2" a="1"/>
  <c r="H2450" i="2" s="1"/>
  <c r="H2454" i="2" a="1"/>
  <c r="H2454" i="2" s="1"/>
  <c r="H2434" i="2" a="1"/>
  <c r="H2434" i="2" s="1"/>
  <c r="H2451" i="2" a="1"/>
  <c r="H2451" i="2" s="1"/>
  <c r="H2455" i="2" a="1"/>
  <c r="H2455" i="2" s="1"/>
  <c r="H5106" i="2" a="1"/>
  <c r="H5106" i="2" s="1"/>
  <c r="H5116" i="2" a="1"/>
  <c r="H5116" i="2" s="1"/>
  <c r="H5107" i="2" a="1"/>
  <c r="H5107" i="2" s="1"/>
  <c r="H5113" i="2" a="1"/>
  <c r="H5113" i="2" s="1"/>
  <c r="H5101" i="2" a="1"/>
  <c r="H5101" i="2" s="1"/>
  <c r="H5103" i="2" a="1"/>
  <c r="H5103" i="2" s="1"/>
  <c r="H5111" i="2" a="1"/>
  <c r="H5111" i="2" s="1"/>
  <c r="H5121" i="2" a="1"/>
  <c r="H5121" i="2" s="1"/>
  <c r="H5099" i="2" a="1"/>
  <c r="H5099" i="2" s="1"/>
  <c r="H5108" i="2" a="1"/>
  <c r="H5108" i="2" s="1"/>
  <c r="H5119" i="2" a="1"/>
  <c r="H5119" i="2" s="1"/>
  <c r="H5100" i="2" a="1"/>
  <c r="H5100" i="2" s="1"/>
  <c r="H5109" i="2" a="1"/>
  <c r="H5109" i="2" s="1"/>
  <c r="H5115" i="2" a="1"/>
  <c r="H5115" i="2" s="1"/>
  <c r="H5098" i="2" a="1"/>
  <c r="H5098" i="2" s="1"/>
  <c r="H3409" i="2" a="1"/>
  <c r="H3409" i="2" s="1"/>
  <c r="H3396" i="2" a="1"/>
  <c r="H3396" i="2" s="1"/>
  <c r="H3415" i="2" a="1"/>
  <c r="H3415" i="2" s="1"/>
  <c r="H3401" i="2" a="1"/>
  <c r="H3401" i="2" s="1"/>
  <c r="H3405" i="2" a="1"/>
  <c r="H3405" i="2" s="1"/>
  <c r="E1067" i="2" a="1"/>
  <c r="E1067" i="2" s="1"/>
  <c r="E1073" i="2" a="1"/>
  <c r="E1073" i="2" s="1"/>
  <c r="E1072" i="2" a="1"/>
  <c r="E1072" i="2" s="1"/>
  <c r="E1076" i="2" a="1"/>
  <c r="E1076" i="2" s="1"/>
  <c r="E1077" i="2" a="1"/>
  <c r="E1077" i="2" s="1"/>
  <c r="E1081" i="2" a="1"/>
  <c r="E1081" i="2" s="1"/>
  <c r="I1081" i="2" s="1"/>
  <c r="I1055" i="5" s="1"/>
  <c r="E1071" i="2" a="1"/>
  <c r="E1071" i="2" s="1"/>
  <c r="E1079" i="2" a="1"/>
  <c r="E1079" i="2" s="1"/>
  <c r="E1075" i="2" a="1"/>
  <c r="E1075" i="2" s="1"/>
  <c r="E1080" i="2" a="1"/>
  <c r="E1080" i="2" s="1"/>
  <c r="E1070" i="2" a="1"/>
  <c r="E1070" i="2" s="1"/>
  <c r="E1084" i="2" a="1"/>
  <c r="E1084" i="2" s="1"/>
  <c r="E1074" i="2" a="1"/>
  <c r="E1074" i="2" s="1"/>
  <c r="E1086" i="2" a="1"/>
  <c r="E1086" i="2" s="1"/>
  <c r="E1066" i="2" a="1"/>
  <c r="E1066" i="2" s="1"/>
  <c r="E1069" i="2" a="1"/>
  <c r="E1069" i="2" s="1"/>
  <c r="E1085" i="2" a="1"/>
  <c r="E1085" i="2" s="1"/>
  <c r="E1068" i="2" a="1"/>
  <c r="E1068" i="2" s="1"/>
  <c r="E1087" i="2" a="1"/>
  <c r="E1087" i="2" s="1"/>
  <c r="E1082" i="2" a="1"/>
  <c r="E1082" i="2" s="1"/>
  <c r="E1083" i="2" a="1"/>
  <c r="E1083" i="2" s="1"/>
  <c r="E1088" i="2" a="1"/>
  <c r="E1088" i="2" s="1"/>
  <c r="F3891" i="2" a="1"/>
  <c r="F3891" i="2" s="1"/>
  <c r="F3893" i="2" a="1"/>
  <c r="F3893" i="2" s="1"/>
  <c r="F3880" i="2" a="1"/>
  <c r="F3880" i="2" s="1"/>
  <c r="F3876" i="2" a="1"/>
  <c r="F3876" i="2" s="1"/>
  <c r="F3897" i="2" a="1"/>
  <c r="F3897" i="2" s="1"/>
  <c r="F3882" i="2" a="1"/>
  <c r="F3882" i="2" s="1"/>
  <c r="F3877" i="2" a="1"/>
  <c r="F3877" i="2" s="1"/>
  <c r="F3896" i="2" a="1"/>
  <c r="F3896" i="2" s="1"/>
  <c r="F3874" i="2" a="1"/>
  <c r="F3874" i="2" s="1"/>
  <c r="F3881" i="2" a="1"/>
  <c r="F3881" i="2" s="1"/>
  <c r="F3884" i="2" a="1"/>
  <c r="F3884" i="2" s="1"/>
  <c r="F3886" i="2" a="1"/>
  <c r="F3886" i="2" s="1"/>
  <c r="F3888" i="2" a="1"/>
  <c r="F3888" i="2" s="1"/>
  <c r="F3892" i="2" a="1"/>
  <c r="F3892" i="2" s="1"/>
  <c r="F3875" i="2" a="1"/>
  <c r="F3875" i="2" s="1"/>
  <c r="F3885" i="2" a="1"/>
  <c r="F3885" i="2" s="1"/>
  <c r="F3878" i="2" a="1"/>
  <c r="F3878" i="2" s="1"/>
  <c r="F3894" i="2" a="1"/>
  <c r="F3894" i="2" s="1"/>
  <c r="F3883" i="2" a="1"/>
  <c r="F3883" i="2" s="1"/>
  <c r="F3889" i="2" a="1"/>
  <c r="F3889" i="2" s="1"/>
  <c r="F3887" i="2" a="1"/>
  <c r="F3887" i="2" s="1"/>
  <c r="F3895" i="2" a="1"/>
  <c r="F3895" i="2" s="1"/>
  <c r="F3879" i="2" a="1"/>
  <c r="F3879" i="2" s="1"/>
  <c r="F3890" i="2" a="1"/>
  <c r="F3890" i="2" s="1"/>
  <c r="G8295" i="2" a="1"/>
  <c r="G8295" i="2" s="1"/>
  <c r="G8306" i="2" a="1"/>
  <c r="G8306" i="2" s="1"/>
  <c r="G8294" i="2" a="1"/>
  <c r="G8294" i="2" s="1"/>
  <c r="G8307" i="2" a="1"/>
  <c r="G8307" i="2" s="1"/>
  <c r="G8291" i="2" a="1"/>
  <c r="G8291" i="2" s="1"/>
  <c r="G8311" i="2" a="1"/>
  <c r="G8311" i="2" s="1"/>
  <c r="G8308" i="2" a="1"/>
  <c r="G8308" i="2" s="1"/>
  <c r="G8290" i="2" a="1"/>
  <c r="G8290" i="2" s="1"/>
  <c r="G8299" i="2" a="1"/>
  <c r="G8299" i="2" s="1"/>
  <c r="G8305" i="2" a="1"/>
  <c r="G8305" i="2" s="1"/>
  <c r="G8310" i="2" a="1"/>
  <c r="G8310" i="2" s="1"/>
  <c r="G8300" i="2" a="1"/>
  <c r="G8300" i="2" s="1"/>
  <c r="G8303" i="2" a="1"/>
  <c r="G8303" i="2" s="1"/>
  <c r="G8309" i="2" a="1"/>
  <c r="G8309" i="2" s="1"/>
  <c r="G8296" i="2" a="1"/>
  <c r="G8296" i="2" s="1"/>
  <c r="G8293" i="2" a="1"/>
  <c r="G8293" i="2" s="1"/>
  <c r="G8312" i="2" a="1"/>
  <c r="G8312" i="2" s="1"/>
  <c r="G8301" i="2" a="1"/>
  <c r="G8301" i="2" s="1"/>
  <c r="G8313" i="2" a="1"/>
  <c r="G8313" i="2" s="1"/>
  <c r="G8302" i="2" a="1"/>
  <c r="G8302" i="2" s="1"/>
  <c r="G8298" i="2" a="1"/>
  <c r="G8298" i="2" s="1"/>
  <c r="G8292" i="2" a="1"/>
  <c r="G8292" i="2" s="1"/>
  <c r="G8297" i="2" a="1"/>
  <c r="G8297" i="2" s="1"/>
  <c r="D6741" i="2" a="1"/>
  <c r="D6741" i="2" s="1"/>
  <c r="D6736" i="2" a="1"/>
  <c r="D6736" i="2" s="1"/>
  <c r="D6753" i="2" a="1"/>
  <c r="D6753" i="2" s="1"/>
  <c r="D6735" i="2" a="1"/>
  <c r="D6735" i="2" s="1"/>
  <c r="D6738" i="2" a="1"/>
  <c r="D6738" i="2" s="1"/>
  <c r="D6745" i="2" a="1"/>
  <c r="D6745" i="2" s="1"/>
  <c r="D6742" i="2" a="1"/>
  <c r="D6742" i="2" s="1"/>
  <c r="D6747" i="2" a="1"/>
  <c r="D6747" i="2" s="1"/>
  <c r="D6743" i="2" a="1"/>
  <c r="D6743" i="2" s="1"/>
  <c r="D6749" i="2" a="1"/>
  <c r="D6749" i="2" s="1"/>
  <c r="AO306" i="1"/>
  <c r="E312" i="5" s="1"/>
  <c r="AQ306" i="1"/>
  <c r="G312" i="5" s="1"/>
  <c r="AN306" i="1"/>
  <c r="D312" i="5" s="1"/>
  <c r="AP306" i="1"/>
  <c r="F312" i="5" s="1"/>
  <c r="AM306" i="1"/>
  <c r="F4516" i="2" a="1"/>
  <c r="F4516" i="2" s="1"/>
  <c r="F4515" i="2" a="1"/>
  <c r="F4515" i="2" s="1"/>
  <c r="F4510" i="2" a="1"/>
  <c r="F4510" i="2" s="1"/>
  <c r="F4513" i="2" a="1"/>
  <c r="F4513" i="2" s="1"/>
  <c r="F4521" i="2" a="1"/>
  <c r="F4521" i="2" s="1"/>
  <c r="F4506" i="2" a="1"/>
  <c r="F4506" i="2" s="1"/>
  <c r="F4502" i="2" a="1"/>
  <c r="F4502" i="2" s="1"/>
  <c r="F4501" i="2" a="1"/>
  <c r="F4501" i="2" s="1"/>
  <c r="F4504" i="2" a="1"/>
  <c r="F4504" i="2" s="1"/>
  <c r="F4520" i="2" a="1"/>
  <c r="F4520" i="2" s="1"/>
  <c r="F4503" i="2" a="1"/>
  <c r="F4503" i="2" s="1"/>
  <c r="F4499" i="2" a="1"/>
  <c r="F4499" i="2" s="1"/>
  <c r="F4509" i="2" a="1"/>
  <c r="F4509" i="2" s="1"/>
  <c r="F4514" i="2" a="1"/>
  <c r="F4514" i="2" s="1"/>
  <c r="F4507" i="2" a="1"/>
  <c r="F4507" i="2" s="1"/>
  <c r="F4511" i="2" a="1"/>
  <c r="F4511" i="2" s="1"/>
  <c r="F6759" i="2" a="1"/>
  <c r="F6759" i="2" s="1"/>
  <c r="F6760" i="2" a="1"/>
  <c r="F6760" i="2" s="1"/>
  <c r="F6763" i="2" a="1"/>
  <c r="F6763" i="2" s="1"/>
  <c r="F6774" i="2" a="1"/>
  <c r="F6774" i="2" s="1"/>
  <c r="F6755" i="2" a="1"/>
  <c r="F6755" i="2" s="1"/>
  <c r="F6775" i="2" a="1"/>
  <c r="F6775" i="2" s="1"/>
  <c r="F6758" i="2" a="1"/>
  <c r="F6758" i="2" s="1"/>
  <c r="F6772" i="2" a="1"/>
  <c r="F6772" i="2" s="1"/>
  <c r="F6770" i="2" a="1"/>
  <c r="F6770" i="2" s="1"/>
  <c r="F6777" i="2" a="1"/>
  <c r="F6777" i="2" s="1"/>
  <c r="F6773" i="2" a="1"/>
  <c r="F6773" i="2" s="1"/>
  <c r="F6769" i="2" a="1"/>
  <c r="F6769" i="2" s="1"/>
  <c r="F6754" i="2" a="1"/>
  <c r="F6754" i="2" s="1"/>
  <c r="F6766" i="2" a="1"/>
  <c r="F6766" i="2" s="1"/>
  <c r="F6764" i="2" a="1"/>
  <c r="F6764" i="2" s="1"/>
  <c r="F6767" i="2" a="1"/>
  <c r="F6767" i="2" s="1"/>
  <c r="F6771" i="2" a="1"/>
  <c r="F6771" i="2" s="1"/>
  <c r="F6756" i="2" a="1"/>
  <c r="F6756" i="2" s="1"/>
  <c r="F6757" i="2" a="1"/>
  <c r="F6757" i="2" s="1"/>
  <c r="F6762" i="2" a="1"/>
  <c r="F6762" i="2" s="1"/>
  <c r="F6765" i="2" a="1"/>
  <c r="F6765" i="2" s="1"/>
  <c r="F6776" i="2" a="1"/>
  <c r="F6776" i="2" s="1"/>
  <c r="G6771" i="2" a="1"/>
  <c r="G6771" i="2" s="1"/>
  <c r="G6759" i="2" a="1"/>
  <c r="G6759" i="2" s="1"/>
  <c r="G6767" i="2" a="1"/>
  <c r="G6767" i="2" s="1"/>
  <c r="G6760" i="2" a="1"/>
  <c r="G6760" i="2" s="1"/>
  <c r="G6777" i="2" a="1"/>
  <c r="G6777" i="2" s="1"/>
  <c r="G6765" i="2" a="1"/>
  <c r="G6765" i="2" s="1"/>
  <c r="G6774" i="2" a="1"/>
  <c r="G6774" i="2" s="1"/>
  <c r="G6775" i="2" a="1"/>
  <c r="G6775" i="2" s="1"/>
  <c r="G6758" i="2" a="1"/>
  <c r="G6758" i="2" s="1"/>
  <c r="E3032" i="2" a="1"/>
  <c r="E3032" i="2" s="1"/>
  <c r="E3013" i="2" a="1"/>
  <c r="E3013" i="2" s="1"/>
  <c r="E3015" i="2" a="1"/>
  <c r="E3015" i="2" s="1"/>
  <c r="E3029" i="2" a="1"/>
  <c r="E3029" i="2" s="1"/>
  <c r="E3020" i="2" a="1"/>
  <c r="E3020" i="2" s="1"/>
  <c r="E3033" i="2" a="1"/>
  <c r="E3033" i="2" s="1"/>
  <c r="E5469" i="2" a="1"/>
  <c r="E5469" i="2" s="1"/>
  <c r="E5464" i="2" a="1"/>
  <c r="E5464" i="2" s="1"/>
  <c r="E5473" i="2" a="1"/>
  <c r="E5473" i="2" s="1"/>
  <c r="E5465" i="2" a="1"/>
  <c r="E5465" i="2" s="1"/>
  <c r="E5477" i="2" a="1"/>
  <c r="E5477" i="2" s="1"/>
  <c r="E5474" i="2" a="1"/>
  <c r="E5474" i="2" s="1"/>
  <c r="E5463" i="2" a="1"/>
  <c r="E5463" i="2" s="1"/>
  <c r="E5458" i="2" a="1"/>
  <c r="E5458" i="2" s="1"/>
  <c r="E5478" i="2" a="1"/>
  <c r="E5478" i="2" s="1"/>
  <c r="M5478" i="2" s="1"/>
  <c r="M5452" i="5" s="1"/>
  <c r="E5472" i="2" a="1"/>
  <c r="E5472" i="2" s="1"/>
  <c r="E5459" i="2" a="1"/>
  <c r="E5459" i="2" s="1"/>
  <c r="E5460" i="2" a="1"/>
  <c r="E5460" i="2" s="1"/>
  <c r="E5475" i="2" a="1"/>
  <c r="E5475" i="2" s="1"/>
  <c r="E5476" i="2" a="1"/>
  <c r="E5476" i="2" s="1"/>
  <c r="E5480" i="2" a="1"/>
  <c r="E5480" i="2" s="1"/>
  <c r="E5479" i="2" a="1"/>
  <c r="E5479" i="2" s="1"/>
  <c r="E5470" i="2" a="1"/>
  <c r="E5470" i="2" s="1"/>
  <c r="E5481" i="2" a="1"/>
  <c r="E5481" i="2" s="1"/>
  <c r="E5468" i="2" a="1"/>
  <c r="E5468" i="2" s="1"/>
  <c r="E5466" i="2" a="1"/>
  <c r="E5466" i="2" s="1"/>
  <c r="AQ213" i="1"/>
  <c r="G219" i="5" s="1"/>
  <c r="D5109" i="2" a="1"/>
  <c r="D5109" i="2" s="1"/>
  <c r="AO213" i="1"/>
  <c r="E219" i="5" s="1"/>
  <c r="D5106" i="2" a="1"/>
  <c r="D5106" i="2" s="1"/>
  <c r="AM213" i="1"/>
  <c r="D5118" i="2" a="1"/>
  <c r="D5118" i="2" s="1"/>
  <c r="D5101" i="2" a="1"/>
  <c r="D5101" i="2" s="1"/>
  <c r="D5100" i="2" a="1"/>
  <c r="D5100" i="2" s="1"/>
  <c r="J5100" i="2" s="1"/>
  <c r="J5074" i="5" s="1"/>
  <c r="N5074" i="5" s="1"/>
  <c r="D5108" i="2" a="1"/>
  <c r="D5108" i="2" s="1"/>
  <c r="D5120" i="2" a="1"/>
  <c r="D5120" i="2" s="1"/>
  <c r="D5110" i="2" a="1"/>
  <c r="D5110" i="2" s="1"/>
  <c r="D5102" i="2" a="1"/>
  <c r="D5102" i="2" s="1"/>
  <c r="D5114" i="2" a="1"/>
  <c r="D5114" i="2" s="1"/>
  <c r="D5107" i="2" a="1"/>
  <c r="D5107" i="2" s="1"/>
  <c r="D5119" i="2" a="1"/>
  <c r="D5119" i="2" s="1"/>
  <c r="D5105" i="2" a="1"/>
  <c r="D5105" i="2" s="1"/>
  <c r="D5112" i="2" a="1"/>
  <c r="D5112" i="2" s="1"/>
  <c r="AP213" i="1"/>
  <c r="F219" i="5" s="1"/>
  <c r="D5117" i="2" a="1"/>
  <c r="D5117" i="2" s="1"/>
  <c r="D5121" i="2" a="1"/>
  <c r="D5121" i="2" s="1"/>
  <c r="D5099" i="2" a="1"/>
  <c r="D5099" i="2" s="1"/>
  <c r="H5330" i="2" a="1"/>
  <c r="H5330" i="2" s="1"/>
  <c r="H5318" i="2" a="1"/>
  <c r="H5318" i="2" s="1"/>
  <c r="H5334" i="2" a="1"/>
  <c r="H5334" i="2" s="1"/>
  <c r="H5315" i="2" a="1"/>
  <c r="H5315" i="2" s="1"/>
  <c r="H5328" i="2" a="1"/>
  <c r="H5328" i="2" s="1"/>
  <c r="H5320" i="2" a="1"/>
  <c r="H5320" i="2" s="1"/>
  <c r="H5316" i="2" a="1"/>
  <c r="H5316" i="2" s="1"/>
  <c r="H5333" i="2" a="1"/>
  <c r="H5333" i="2" s="1"/>
  <c r="H5321" i="2" a="1"/>
  <c r="H5321" i="2" s="1"/>
  <c r="H5337" i="2" a="1"/>
  <c r="H5337" i="2" s="1"/>
  <c r="H5323" i="2" a="1"/>
  <c r="H5323" i="2" s="1"/>
  <c r="H5324" i="2" a="1"/>
  <c r="H5324" i="2" s="1"/>
  <c r="H5336" i="2" a="1"/>
  <c r="H5336" i="2" s="1"/>
  <c r="H5335" i="2" a="1"/>
  <c r="H5335" i="2" s="1"/>
  <c r="H5326" i="2" a="1"/>
  <c r="H5326" i="2" s="1"/>
  <c r="H5329" i="2" a="1"/>
  <c r="H5329" i="2" s="1"/>
  <c r="H5325" i="2" a="1"/>
  <c r="H5325" i="2" s="1"/>
  <c r="H5322" i="2" a="1"/>
  <c r="H5322" i="2" s="1"/>
  <c r="H6016" i="2" a="1"/>
  <c r="H6016" i="2" s="1"/>
  <c r="H6011" i="2" a="1"/>
  <c r="H6011" i="2" s="1"/>
  <c r="H6023" i="2" a="1"/>
  <c r="H6023" i="2" s="1"/>
  <c r="H6017" i="2" a="1"/>
  <c r="H6017" i="2" s="1"/>
  <c r="H6018" i="2" a="1"/>
  <c r="H6018" i="2" s="1"/>
  <c r="H6033" i="2" a="1"/>
  <c r="H6033" i="2" s="1"/>
  <c r="H6024" i="2" a="1"/>
  <c r="H6024" i="2" s="1"/>
  <c r="H6013" i="2" a="1"/>
  <c r="H6013" i="2" s="1"/>
  <c r="H6014" i="2" a="1"/>
  <c r="H6014" i="2" s="1"/>
  <c r="H6012" i="2" a="1"/>
  <c r="H6012" i="2" s="1"/>
  <c r="H6027" i="2" a="1"/>
  <c r="H6027" i="2" s="1"/>
  <c r="H6026" i="2" a="1"/>
  <c r="H6026" i="2" s="1"/>
  <c r="H6029" i="2" a="1"/>
  <c r="H6029" i="2" s="1"/>
  <c r="H6019" i="2" a="1"/>
  <c r="H6019" i="2" s="1"/>
  <c r="H6031" i="2" a="1"/>
  <c r="H6031" i="2" s="1"/>
  <c r="H6015" i="2" a="1"/>
  <c r="H6015" i="2" s="1"/>
  <c r="H6030" i="2" a="1"/>
  <c r="H6030" i="2" s="1"/>
  <c r="H6020" i="2" a="1"/>
  <c r="H6020" i="2" s="1"/>
  <c r="H6025" i="2" a="1"/>
  <c r="H6025" i="2" s="1"/>
  <c r="H6028" i="2" a="1"/>
  <c r="H6028" i="2" s="1"/>
  <c r="H6022" i="2" a="1"/>
  <c r="H6022" i="2" s="1"/>
  <c r="H6032" i="2" a="1"/>
  <c r="H6032" i="2" s="1"/>
  <c r="H6010" i="2" a="1"/>
  <c r="H6010" i="2" s="1"/>
  <c r="H6021" i="2" a="1"/>
  <c r="H6021" i="2" s="1"/>
  <c r="H5492" i="2" a="1"/>
  <c r="H5492" i="2" s="1"/>
  <c r="H5500" i="2" a="1"/>
  <c r="H5500" i="2" s="1"/>
  <c r="H5484" i="2" a="1"/>
  <c r="H5484" i="2" s="1"/>
  <c r="H5493" i="2" a="1"/>
  <c r="H5493" i="2" s="1"/>
  <c r="H5504" i="2" a="1"/>
  <c r="H5504" i="2" s="1"/>
  <c r="H5498" i="2" a="1"/>
  <c r="H5498" i="2" s="1"/>
  <c r="H5483" i="2" a="1"/>
  <c r="H5483" i="2" s="1"/>
  <c r="H5505" i="2" a="1"/>
  <c r="H5505" i="2" s="1"/>
  <c r="H5488" i="2" a="1"/>
  <c r="H5488" i="2" s="1"/>
  <c r="H5494" i="2" a="1"/>
  <c r="H5494" i="2" s="1"/>
  <c r="H5490" i="2" a="1"/>
  <c r="H5490" i="2" s="1"/>
  <c r="H5502" i="2" a="1"/>
  <c r="H5502" i="2" s="1"/>
  <c r="H5499" i="2" a="1"/>
  <c r="H5499" i="2" s="1"/>
  <c r="H5503" i="2" a="1"/>
  <c r="H5503" i="2" s="1"/>
  <c r="H5496" i="2" a="1"/>
  <c r="H5496" i="2" s="1"/>
  <c r="H5491" i="2" a="1"/>
  <c r="H5491" i="2" s="1"/>
  <c r="H5485" i="2" a="1"/>
  <c r="H5485" i="2" s="1"/>
  <c r="H5497" i="2" a="1"/>
  <c r="H5497" i="2" s="1"/>
  <c r="H5487" i="2" a="1"/>
  <c r="H5487" i="2" s="1"/>
  <c r="H5486" i="2" a="1"/>
  <c r="H5486" i="2" s="1"/>
  <c r="H5495" i="2" a="1"/>
  <c r="H5495" i="2" s="1"/>
  <c r="H5489" i="2" a="1"/>
  <c r="H5489" i="2" s="1"/>
  <c r="H5482" i="2" a="1"/>
  <c r="H5482" i="2" s="1"/>
  <c r="AP117" i="1"/>
  <c r="F123" i="5" s="1"/>
  <c r="AO117" i="1"/>
  <c r="E123" i="5" s="1"/>
  <c r="AQ117" i="1"/>
  <c r="G123" i="5" s="1"/>
  <c r="AM117" i="1"/>
  <c r="F2805" i="2" a="1"/>
  <c r="F2805" i="2" s="1"/>
  <c r="F2798" i="2" a="1"/>
  <c r="F2798" i="2" s="1"/>
  <c r="F2809" i="2" a="1"/>
  <c r="F2809" i="2" s="1"/>
  <c r="F2799" i="2" a="1"/>
  <c r="F2799" i="2" s="1"/>
  <c r="F2807" i="2" a="1"/>
  <c r="F2807" i="2" s="1"/>
  <c r="H3082" i="2" a="1"/>
  <c r="H3082" i="2" s="1"/>
  <c r="H3097" i="2" a="1"/>
  <c r="H3097" i="2" s="1"/>
  <c r="H3084" i="2" a="1"/>
  <c r="H3084" i="2" s="1"/>
  <c r="H3086" i="2" a="1"/>
  <c r="H3086" i="2" s="1"/>
  <c r="H3099" i="2" a="1"/>
  <c r="H3099" i="2" s="1"/>
  <c r="H3093" i="2" a="1"/>
  <c r="H3093" i="2" s="1"/>
  <c r="H3083" i="2" a="1"/>
  <c r="H3083" i="2" s="1"/>
  <c r="H3096" i="2" a="1"/>
  <c r="H3096" i="2" s="1"/>
  <c r="H3089" i="2" a="1"/>
  <c r="H3089" i="2" s="1"/>
  <c r="H3085" i="2" a="1"/>
  <c r="H3085" i="2" s="1"/>
  <c r="H3095" i="2" a="1"/>
  <c r="H3095" i="2" s="1"/>
  <c r="H3092" i="2" a="1"/>
  <c r="H3092" i="2" s="1"/>
  <c r="H3087" i="2" a="1"/>
  <c r="H3087" i="2" s="1"/>
  <c r="E407" i="2" a="1"/>
  <c r="E407" i="2" s="1"/>
  <c r="E411" i="2" a="1"/>
  <c r="E411" i="2" s="1"/>
  <c r="E414" i="2" a="1"/>
  <c r="E414" i="2" s="1"/>
  <c r="E397" i="2" a="1"/>
  <c r="E397" i="2" s="1"/>
  <c r="E415" i="2" a="1"/>
  <c r="E415" i="2" s="1"/>
  <c r="E394" i="2" a="1"/>
  <c r="E394" i="2" s="1"/>
  <c r="E408" i="2" a="1"/>
  <c r="E408" i="2" s="1"/>
  <c r="E404" i="2" a="1"/>
  <c r="E404" i="2" s="1"/>
  <c r="E400" i="2" a="1"/>
  <c r="E400" i="2" s="1"/>
  <c r="E395" i="2" a="1"/>
  <c r="E395" i="2" s="1"/>
  <c r="E396" i="2" a="1"/>
  <c r="E396" i="2" s="1"/>
  <c r="E417" i="2" a="1"/>
  <c r="E417" i="2" s="1"/>
  <c r="E398" i="2" a="1"/>
  <c r="E398" i="2" s="1"/>
  <c r="E412" i="2" a="1"/>
  <c r="E412" i="2" s="1"/>
  <c r="E399" i="2" a="1"/>
  <c r="E399" i="2" s="1"/>
  <c r="E413" i="2" a="1"/>
  <c r="E413" i="2" s="1"/>
  <c r="E409" i="2" a="1"/>
  <c r="E409" i="2" s="1"/>
  <c r="E410" i="2" a="1"/>
  <c r="E410" i="2" s="1"/>
  <c r="E405" i="2" a="1"/>
  <c r="E405" i="2" s="1"/>
  <c r="E401" i="2" a="1"/>
  <c r="E401" i="2" s="1"/>
  <c r="E402" i="2" a="1"/>
  <c r="E402" i="2" s="1"/>
  <c r="E416" i="2" a="1"/>
  <c r="E416" i="2" s="1"/>
  <c r="E406" i="2" a="1"/>
  <c r="E406" i="2" s="1"/>
  <c r="E403" i="2" a="1"/>
  <c r="E403" i="2" s="1"/>
  <c r="H423" i="2" a="1"/>
  <c r="H423" i="2" s="1"/>
  <c r="H426" i="2" a="1"/>
  <c r="H426" i="2" s="1"/>
  <c r="H424" i="2" a="1"/>
  <c r="H424" i="2" s="1"/>
  <c r="H419" i="2" a="1"/>
  <c r="H419" i="2" s="1"/>
  <c r="H432" i="2" a="1"/>
  <c r="H432" i="2" s="1"/>
  <c r="H421" i="2" a="1"/>
  <c r="H421" i="2" s="1"/>
  <c r="H425" i="2" a="1"/>
  <c r="H425" i="2" s="1"/>
  <c r="H436" i="2" a="1"/>
  <c r="H436" i="2" s="1"/>
  <c r="H428" i="2" a="1"/>
  <c r="H428" i="2" s="1"/>
  <c r="H429" i="2" a="1"/>
  <c r="H429" i="2" s="1"/>
  <c r="H418" i="2" a="1"/>
  <c r="H418" i="2" s="1"/>
  <c r="H438" i="2" a="1"/>
  <c r="H438" i="2" s="1"/>
  <c r="H431" i="2" a="1"/>
  <c r="H431" i="2" s="1"/>
  <c r="H441" i="2" a="1"/>
  <c r="H441" i="2" s="1"/>
  <c r="H437" i="2" a="1"/>
  <c r="H437" i="2" s="1"/>
  <c r="H430" i="2" a="1"/>
  <c r="H430" i="2" s="1"/>
  <c r="H422" i="2" a="1"/>
  <c r="H422" i="2" s="1"/>
  <c r="H7008" i="2" a="1"/>
  <c r="H7008" i="2" s="1"/>
  <c r="H7016" i="2" a="1"/>
  <c r="H7016" i="2" s="1"/>
  <c r="H7017" i="2" a="1"/>
  <c r="H7017" i="2" s="1"/>
  <c r="H7004" i="2" a="1"/>
  <c r="H7004" i="2" s="1"/>
  <c r="H7007" i="2" a="1"/>
  <c r="H7007" i="2" s="1"/>
  <c r="H7009" i="2" a="1"/>
  <c r="H7009" i="2" s="1"/>
  <c r="H7003" i="2" a="1"/>
  <c r="H7003" i="2" s="1"/>
  <c r="H7013" i="2" a="1"/>
  <c r="H7013" i="2" s="1"/>
  <c r="H7015" i="2" a="1"/>
  <c r="H7015" i="2" s="1"/>
  <c r="H7012" i="2" a="1"/>
  <c r="H7012" i="2" s="1"/>
  <c r="H7011" i="2" a="1"/>
  <c r="H7011" i="2" s="1"/>
  <c r="H6998" i="2" a="1"/>
  <c r="H6998" i="2" s="1"/>
  <c r="H7014" i="2" a="1"/>
  <c r="H7014" i="2" s="1"/>
  <c r="H7006" i="2" a="1"/>
  <c r="H7006" i="2" s="1"/>
  <c r="H7010" i="2" a="1"/>
  <c r="H7010" i="2" s="1"/>
  <c r="H7005" i="2" a="1"/>
  <c r="H7005" i="2" s="1"/>
  <c r="H7000" i="2" a="1"/>
  <c r="H7000" i="2" s="1"/>
  <c r="H6995" i="2" a="1"/>
  <c r="H6995" i="2" s="1"/>
  <c r="H7002" i="2" a="1"/>
  <c r="H7002" i="2" s="1"/>
  <c r="AO135" i="1"/>
  <c r="E141" i="5" s="1"/>
  <c r="AP135" i="1"/>
  <c r="F141" i="5" s="1"/>
  <c r="AQ135" i="1"/>
  <c r="G141" i="5" s="1"/>
  <c r="AM135" i="1"/>
  <c r="G3241" i="2" a="1"/>
  <c r="G3241" i="2" s="1"/>
  <c r="G3226" i="2" a="1"/>
  <c r="G3226" i="2" s="1"/>
  <c r="G3239" i="2" a="1"/>
  <c r="G3239" i="2" s="1"/>
  <c r="G3233" i="2" a="1"/>
  <c r="G3233" i="2" s="1"/>
  <c r="G3249" i="2" a="1"/>
  <c r="G3249" i="2" s="1"/>
  <c r="AN135" i="1"/>
  <c r="D141" i="5" s="1"/>
  <c r="G3230" i="2" a="1"/>
  <c r="G3230" i="2" s="1"/>
  <c r="G3240" i="2" a="1"/>
  <c r="G3240" i="2" s="1"/>
  <c r="G3229" i="2" a="1"/>
  <c r="G3229" i="2" s="1"/>
  <c r="G3243" i="2" a="1"/>
  <c r="G3243" i="2" s="1"/>
  <c r="G3237" i="2" a="1"/>
  <c r="G3237" i="2" s="1"/>
  <c r="G3231" i="2" a="1"/>
  <c r="G3231" i="2" s="1"/>
  <c r="G3232" i="2" a="1"/>
  <c r="G3232" i="2" s="1"/>
  <c r="G3245" i="2" a="1"/>
  <c r="G3245" i="2" s="1"/>
  <c r="G3235" i="2" a="1"/>
  <c r="G3235" i="2" s="1"/>
  <c r="G3246" i="2" a="1"/>
  <c r="G3246" i="2" s="1"/>
  <c r="G3238" i="2" a="1"/>
  <c r="G3238" i="2" s="1"/>
  <c r="G3236" i="2" a="1"/>
  <c r="G3236" i="2" s="1"/>
  <c r="AM40" i="1"/>
  <c r="D959" i="2" a="1"/>
  <c r="D959" i="2" s="1"/>
  <c r="D961" i="2" a="1"/>
  <c r="D961" i="2" s="1"/>
  <c r="D969" i="2" a="1"/>
  <c r="D969" i="2" s="1"/>
  <c r="D965" i="2" a="1"/>
  <c r="D965" i="2" s="1"/>
  <c r="D955" i="2" a="1"/>
  <c r="D955" i="2" s="1"/>
  <c r="D951" i="2" a="1"/>
  <c r="D951" i="2" s="1"/>
  <c r="D966" i="2" a="1"/>
  <c r="D966" i="2" s="1"/>
  <c r="D963" i="2" a="1"/>
  <c r="D963" i="2" s="1"/>
  <c r="D948" i="2" a="1"/>
  <c r="D948" i="2" s="1"/>
  <c r="D964" i="2" a="1"/>
  <c r="D964" i="2" s="1"/>
  <c r="D962" i="2" a="1"/>
  <c r="D962" i="2" s="1"/>
  <c r="D958" i="2" a="1"/>
  <c r="D958" i="2" s="1"/>
  <c r="AQ40" i="1"/>
  <c r="G46" i="5" s="1"/>
  <c r="AN40" i="1"/>
  <c r="D46" i="5" s="1"/>
  <c r="D953" i="2" a="1"/>
  <c r="D953" i="2" s="1"/>
  <c r="D968" i="2" a="1"/>
  <c r="D968" i="2" s="1"/>
  <c r="D947" i="2" a="1"/>
  <c r="D947" i="2" s="1"/>
  <c r="D954" i="2" a="1"/>
  <c r="D954" i="2" s="1"/>
  <c r="D960" i="2" a="1"/>
  <c r="D960" i="2" s="1"/>
  <c r="D946" i="2" a="1"/>
  <c r="D946" i="2" s="1"/>
  <c r="AO40" i="1"/>
  <c r="E46" i="5" s="1"/>
  <c r="AP40" i="1"/>
  <c r="F46" i="5" s="1"/>
  <c r="D952" i="2" a="1"/>
  <c r="D952" i="2" s="1"/>
  <c r="D950" i="2" a="1"/>
  <c r="D950" i="2" s="1"/>
  <c r="D949" i="2" a="1"/>
  <c r="D949" i="2" s="1"/>
  <c r="D957" i="2" a="1"/>
  <c r="D957" i="2" s="1"/>
  <c r="D967" i="2" a="1"/>
  <c r="D967" i="2" s="1"/>
  <c r="F8687" i="2" a="1"/>
  <c r="F8687" i="2" s="1"/>
  <c r="F8676" i="2" a="1"/>
  <c r="F8676" i="2" s="1"/>
  <c r="F8695" i="2" a="1"/>
  <c r="F8695" i="2" s="1"/>
  <c r="F8692" i="2" a="1"/>
  <c r="F8692" i="2" s="1"/>
  <c r="F8693" i="2" a="1"/>
  <c r="F8693" i="2" s="1"/>
  <c r="F8686" i="2" a="1"/>
  <c r="F8686" i="2" s="1"/>
  <c r="F8677" i="2" a="1"/>
  <c r="F8677" i="2" s="1"/>
  <c r="F8689" i="2" a="1"/>
  <c r="F8689" i="2" s="1"/>
  <c r="F8679" i="2" a="1"/>
  <c r="F8679" i="2" s="1"/>
  <c r="F8678" i="2" a="1"/>
  <c r="F8678" i="2" s="1"/>
  <c r="F8697" i="2" a="1"/>
  <c r="F8697" i="2" s="1"/>
  <c r="F8680" i="2" a="1"/>
  <c r="F8680" i="2" s="1"/>
  <c r="F8688" i="2" a="1"/>
  <c r="F8688" i="2" s="1"/>
  <c r="F8674" i="2" a="1"/>
  <c r="F8674" i="2" s="1"/>
  <c r="F8694" i="2" a="1"/>
  <c r="F8694" i="2" s="1"/>
  <c r="F8685" i="2" a="1"/>
  <c r="F8685" i="2" s="1"/>
  <c r="F8675" i="2" a="1"/>
  <c r="F8675" i="2" s="1"/>
  <c r="F8683" i="2" a="1"/>
  <c r="F8683" i="2" s="1"/>
  <c r="F8691" i="2" a="1"/>
  <c r="F8691" i="2" s="1"/>
  <c r="E558" i="2" a="1"/>
  <c r="E558" i="2" s="1"/>
  <c r="E559" i="2" a="1"/>
  <c r="E559" i="2" s="1"/>
  <c r="E553" i="2" a="1"/>
  <c r="E553" i="2" s="1"/>
  <c r="E541" i="2" a="1"/>
  <c r="E541" i="2" s="1"/>
  <c r="E560" i="2" a="1"/>
  <c r="E560" i="2" s="1"/>
  <c r="E556" i="2" a="1"/>
  <c r="E556" i="2" s="1"/>
  <c r="E552" i="2" a="1"/>
  <c r="E552" i="2" s="1"/>
  <c r="E545" i="2" a="1"/>
  <c r="E545" i="2" s="1"/>
  <c r="E554" i="2" a="1"/>
  <c r="E554" i="2" s="1"/>
  <c r="E539" i="2" a="1"/>
  <c r="E539" i="2" s="1"/>
  <c r="E540" i="2" a="1"/>
  <c r="E540" i="2" s="1"/>
  <c r="E544" i="2" a="1"/>
  <c r="E544" i="2" s="1"/>
  <c r="E561" i="2" a="1"/>
  <c r="E561" i="2" s="1"/>
  <c r="E549" i="2" a="1"/>
  <c r="E549" i="2" s="1"/>
  <c r="E542" i="2" a="1"/>
  <c r="E542" i="2" s="1"/>
  <c r="E550" i="2" a="1"/>
  <c r="E550" i="2" s="1"/>
  <c r="E547" i="2" a="1"/>
  <c r="E547" i="2" s="1"/>
  <c r="E538" i="2" a="1"/>
  <c r="E538" i="2" s="1"/>
  <c r="E555" i="2" a="1"/>
  <c r="E555" i="2" s="1"/>
  <c r="E546" i="2" a="1"/>
  <c r="E546" i="2" s="1"/>
  <c r="E557" i="2" a="1"/>
  <c r="E557" i="2" s="1"/>
  <c r="E543" i="2" a="1"/>
  <c r="E543" i="2" s="1"/>
  <c r="D3170" i="2" a="1"/>
  <c r="D3170" i="2" s="1"/>
  <c r="D3172" i="2" a="1"/>
  <c r="D3172" i="2" s="1"/>
  <c r="D3157" i="2" a="1"/>
  <c r="D3157" i="2" s="1"/>
  <c r="D3161" i="2" a="1"/>
  <c r="D3161" i="2" s="1"/>
  <c r="D3169" i="2" a="1"/>
  <c r="D3169" i="2" s="1"/>
  <c r="D3174" i="2" a="1"/>
  <c r="D3174" i="2" s="1"/>
  <c r="D3165" i="2" a="1"/>
  <c r="D3165" i="2" s="1"/>
  <c r="AN132" i="1"/>
  <c r="D138" i="5" s="1"/>
  <c r="D3155" i="2" a="1"/>
  <c r="D3155" i="2" s="1"/>
  <c r="D3164" i="2" a="1"/>
  <c r="D3164" i="2" s="1"/>
  <c r="D3176" i="2" a="1"/>
  <c r="D3176" i="2" s="1"/>
  <c r="D3159" i="2" a="1"/>
  <c r="D3159" i="2" s="1"/>
  <c r="D3163" i="2" a="1"/>
  <c r="D3163" i="2" s="1"/>
  <c r="D3171" i="2" a="1"/>
  <c r="D3171" i="2" s="1"/>
  <c r="D3175" i="2" a="1"/>
  <c r="D3175" i="2" s="1"/>
  <c r="AQ132" i="1"/>
  <c r="G138" i="5" s="1"/>
  <c r="AO132" i="1"/>
  <c r="E138" i="5" s="1"/>
  <c r="D3154" i="2" a="1"/>
  <c r="D3154" i="2" s="1"/>
  <c r="D3162" i="2" a="1"/>
  <c r="D3162" i="2" s="1"/>
  <c r="D3167" i="2" a="1"/>
  <c r="D3167" i="2" s="1"/>
  <c r="D3177" i="2" a="1"/>
  <c r="D3177" i="2" s="1"/>
  <c r="F2341" i="2" a="1"/>
  <c r="F2341" i="2" s="1"/>
  <c r="F2352" i="2" a="1"/>
  <c r="F2352" i="2" s="1"/>
  <c r="F2361" i="2" a="1"/>
  <c r="F2361" i="2" s="1"/>
  <c r="F2346" i="2" a="1"/>
  <c r="F2346" i="2" s="1"/>
  <c r="F2342" i="2" a="1"/>
  <c r="F2342" i="2" s="1"/>
  <c r="F2348" i="2" a="1"/>
  <c r="F2348" i="2" s="1"/>
  <c r="F2360" i="2" a="1"/>
  <c r="F2360" i="2" s="1"/>
  <c r="F2356" i="2" a="1"/>
  <c r="F2356" i="2" s="1"/>
  <c r="F2357" i="2" a="1"/>
  <c r="F2357" i="2" s="1"/>
  <c r="F2347" i="2" a="1"/>
  <c r="F2347" i="2" s="1"/>
  <c r="F2339" i="2" a="1"/>
  <c r="F2339" i="2" s="1"/>
  <c r="F2349" i="2" a="1"/>
  <c r="F2349" i="2" s="1"/>
  <c r="F2340" i="2" a="1"/>
  <c r="F2340" i="2" s="1"/>
  <c r="F2343" i="2" a="1"/>
  <c r="F2343" i="2" s="1"/>
  <c r="F2350" i="2" a="1"/>
  <c r="F2350" i="2" s="1"/>
  <c r="F2338" i="2" a="1"/>
  <c r="F2338" i="2" s="1"/>
  <c r="F2354" i="2" a="1"/>
  <c r="F2354" i="2" s="1"/>
  <c r="F2344" i="2" a="1"/>
  <c r="F2344" i="2" s="1"/>
  <c r="AO240" i="1"/>
  <c r="E246" i="5" s="1"/>
  <c r="AP240" i="1"/>
  <c r="F246" i="5" s="1"/>
  <c r="AN240" i="1"/>
  <c r="D246" i="5" s="1"/>
  <c r="AQ240" i="1"/>
  <c r="G246" i="5" s="1"/>
  <c r="G5926" i="2" a="1"/>
  <c r="G5926" i="2" s="1"/>
  <c r="G5915" i="2" a="1"/>
  <c r="G5915" i="2" s="1"/>
  <c r="G5935" i="2" a="1"/>
  <c r="G5935" i="2" s="1"/>
  <c r="G5918" i="2" a="1"/>
  <c r="G5918" i="2" s="1"/>
  <c r="G5927" i="2" a="1"/>
  <c r="G5927" i="2" s="1"/>
  <c r="G5917" i="2" a="1"/>
  <c r="G5917" i="2" s="1"/>
  <c r="G5921" i="2" a="1"/>
  <c r="G5921" i="2" s="1"/>
  <c r="G5914" i="2" a="1"/>
  <c r="G5914" i="2" s="1"/>
  <c r="G5924" i="2" a="1"/>
  <c r="G5924" i="2" s="1"/>
  <c r="G5930" i="2" a="1"/>
  <c r="G5930" i="2" s="1"/>
  <c r="G5916" i="2" a="1"/>
  <c r="G5916" i="2" s="1"/>
  <c r="G5929" i="2" a="1"/>
  <c r="G5929" i="2" s="1"/>
  <c r="G5936" i="2" a="1"/>
  <c r="G5936" i="2" s="1"/>
  <c r="AM247" i="1"/>
  <c r="G5931" i="2" a="1"/>
  <c r="G5931" i="2" s="1"/>
  <c r="G5932" i="2" a="1"/>
  <c r="G5932" i="2" s="1"/>
  <c r="G5925" i="2" a="1"/>
  <c r="G5925" i="2" s="1"/>
  <c r="G5933" i="2" a="1"/>
  <c r="G5933" i="2" s="1"/>
  <c r="AN247" i="1"/>
  <c r="D253" i="5" s="1"/>
  <c r="AO247" i="1"/>
  <c r="E253" i="5" s="1"/>
  <c r="G5923" i="2" a="1"/>
  <c r="G5923" i="2" s="1"/>
  <c r="AQ247" i="1"/>
  <c r="G253" i="5" s="1"/>
  <c r="G5937" i="2" a="1"/>
  <c r="G5937" i="2" s="1"/>
  <c r="G5934" i="2" a="1"/>
  <c r="G5934" i="2" s="1"/>
  <c r="G5922" i="2" a="1"/>
  <c r="G5922" i="2" s="1"/>
  <c r="AP247" i="1"/>
  <c r="F253" i="5" s="1"/>
  <c r="E1921" i="2" a="1"/>
  <c r="E1921" i="2" s="1"/>
  <c r="E1920" i="2" a="1"/>
  <c r="E1920" i="2" s="1"/>
  <c r="E1906" i="2" a="1"/>
  <c r="E1906" i="2" s="1"/>
  <c r="E1926" i="2" a="1"/>
  <c r="E1926" i="2" s="1"/>
  <c r="E1924" i="2" a="1"/>
  <c r="E1924" i="2" s="1"/>
  <c r="E1909" i="2" a="1"/>
  <c r="E1909" i="2" s="1"/>
  <c r="E1916" i="2" a="1"/>
  <c r="E1916" i="2" s="1"/>
  <c r="AQ80" i="1"/>
  <c r="G86" i="5" s="1"/>
  <c r="AP80" i="1"/>
  <c r="F86" i="5" s="1"/>
  <c r="E1928" i="2" a="1"/>
  <c r="E1928" i="2" s="1"/>
  <c r="AM80" i="1"/>
  <c r="E1914" i="2" a="1"/>
  <c r="E1914" i="2" s="1"/>
  <c r="E1925" i="2" a="1"/>
  <c r="E1925" i="2" s="1"/>
  <c r="E1912" i="2" a="1"/>
  <c r="E1912" i="2" s="1"/>
  <c r="E1918" i="2" a="1"/>
  <c r="E1918" i="2" s="1"/>
  <c r="E1915" i="2" a="1"/>
  <c r="E1915" i="2" s="1"/>
  <c r="E1919" i="2" a="1"/>
  <c r="E1919" i="2" s="1"/>
  <c r="E1907" i="2" a="1"/>
  <c r="E1907" i="2" s="1"/>
  <c r="E1922" i="2" a="1"/>
  <c r="E1922" i="2" s="1"/>
  <c r="E1913" i="2" a="1"/>
  <c r="E1913" i="2" s="1"/>
  <c r="E1917" i="2" a="1"/>
  <c r="E1917" i="2" s="1"/>
  <c r="I1917" i="2" s="1"/>
  <c r="I1891" i="5" s="1"/>
  <c r="E1929" i="2" a="1"/>
  <c r="E1929" i="2" s="1"/>
  <c r="E1908" i="2" a="1"/>
  <c r="E1908" i="2" s="1"/>
  <c r="E1910" i="2" a="1"/>
  <c r="E1910" i="2" s="1"/>
  <c r="E1923" i="2" a="1"/>
  <c r="E1923" i="2" s="1"/>
  <c r="E1927" i="2" a="1"/>
  <c r="E1927" i="2" s="1"/>
  <c r="AO80" i="1"/>
  <c r="E86" i="5" s="1"/>
  <c r="AN80" i="1"/>
  <c r="D86" i="5" s="1"/>
  <c r="G3933" i="2" a="1"/>
  <c r="G3933" i="2" s="1"/>
  <c r="G3945" i="2" a="1"/>
  <c r="G3945" i="2" s="1"/>
  <c r="G3940" i="2" a="1"/>
  <c r="G3940" i="2" s="1"/>
  <c r="G3936" i="2" a="1"/>
  <c r="G3936" i="2" s="1"/>
  <c r="G3942" i="2" a="1"/>
  <c r="G3942" i="2" s="1"/>
  <c r="G3925" i="2" a="1"/>
  <c r="G3925" i="2" s="1"/>
  <c r="G3938" i="2" a="1"/>
  <c r="G3938" i="2" s="1"/>
  <c r="G3931" i="2" a="1"/>
  <c r="G3931" i="2" s="1"/>
  <c r="G3923" i="2" a="1"/>
  <c r="G3923" i="2" s="1"/>
  <c r="G3941" i="2" a="1"/>
  <c r="G3941" i="2" s="1"/>
  <c r="G3937" i="2" a="1"/>
  <c r="G3937" i="2" s="1"/>
  <c r="G3934" i="2" a="1"/>
  <c r="G3934" i="2" s="1"/>
  <c r="G3928" i="2" a="1"/>
  <c r="G3928" i="2" s="1"/>
  <c r="G3922" i="2" a="1"/>
  <c r="G3922" i="2" s="1"/>
  <c r="G3944" i="2" a="1"/>
  <c r="G3944" i="2" s="1"/>
  <c r="G3924" i="2" a="1"/>
  <c r="G3924" i="2" s="1"/>
  <c r="G3929" i="2" a="1"/>
  <c r="G3929" i="2" s="1"/>
  <c r="G3930" i="2" a="1"/>
  <c r="G3930" i="2" s="1"/>
  <c r="G3939" i="2" a="1"/>
  <c r="G3939" i="2" s="1"/>
  <c r="G3932" i="2" a="1"/>
  <c r="G3932" i="2" s="1"/>
  <c r="G3927" i="2" a="1"/>
  <c r="G3927" i="2" s="1"/>
  <c r="G3935" i="2" a="1"/>
  <c r="G3935" i="2" s="1"/>
  <c r="G3943" i="2" a="1"/>
  <c r="G3943" i="2" s="1"/>
  <c r="E3624" i="2" a="1"/>
  <c r="E3624" i="2" s="1"/>
  <c r="E3626" i="2" a="1"/>
  <c r="E3626" i="2" s="1"/>
  <c r="E3622" i="2" a="1"/>
  <c r="E3622" i="2" s="1"/>
  <c r="E3632" i="2" a="1"/>
  <c r="E3632" i="2" s="1"/>
  <c r="E3621" i="2" a="1"/>
  <c r="E3621" i="2" s="1"/>
  <c r="E3612" i="2" a="1"/>
  <c r="E3612" i="2" s="1"/>
  <c r="E3629" i="2" a="1"/>
  <c r="E3629" i="2" s="1"/>
  <c r="E3613" i="2" a="1"/>
  <c r="E3613" i="2" s="1"/>
  <c r="E3627" i="2" a="1"/>
  <c r="E3627" i="2" s="1"/>
  <c r="E3617" i="2" a="1"/>
  <c r="E3617" i="2" s="1"/>
  <c r="E3618" i="2" a="1"/>
  <c r="E3618" i="2" s="1"/>
  <c r="E3623" i="2" a="1"/>
  <c r="E3623" i="2" s="1"/>
  <c r="E3616" i="2" a="1"/>
  <c r="E3616" i="2" s="1"/>
  <c r="E3630" i="2" a="1"/>
  <c r="E3630" i="2" s="1"/>
  <c r="E3610" i="2" a="1"/>
  <c r="E3610" i="2" s="1"/>
  <c r="E3633" i="2" a="1"/>
  <c r="E3633" i="2" s="1"/>
  <c r="E3620" i="2" a="1"/>
  <c r="E3620" i="2" s="1"/>
  <c r="E3611" i="2" a="1"/>
  <c r="E3611" i="2" s="1"/>
  <c r="E3628" i="2" a="1"/>
  <c r="E3628" i="2" s="1"/>
  <c r="E3625" i="2" a="1"/>
  <c r="E3625" i="2" s="1"/>
  <c r="E3615" i="2" a="1"/>
  <c r="E3615" i="2" s="1"/>
  <c r="E3631" i="2" a="1"/>
  <c r="E3631" i="2" s="1"/>
  <c r="AO151" i="1"/>
  <c r="E157" i="5" s="1"/>
  <c r="E3614" i="2" a="1"/>
  <c r="E3614" i="2" s="1"/>
  <c r="AN151" i="1"/>
  <c r="D157" i="5" s="1"/>
  <c r="AM151" i="1"/>
  <c r="F979" i="2" a="1"/>
  <c r="F979" i="2" s="1"/>
  <c r="F985" i="2" a="1"/>
  <c r="F985" i="2" s="1"/>
  <c r="F990" i="2" a="1"/>
  <c r="F990" i="2" s="1"/>
  <c r="F982" i="2" a="1"/>
  <c r="F982" i="2" s="1"/>
  <c r="F986" i="2" a="1"/>
  <c r="F986" i="2" s="1"/>
  <c r="F977" i="2" a="1"/>
  <c r="F977" i="2" s="1"/>
  <c r="F980" i="2" a="1"/>
  <c r="F980" i="2" s="1"/>
  <c r="F978" i="2" a="1"/>
  <c r="F978" i="2" s="1"/>
  <c r="F984" i="2" a="1"/>
  <c r="F984" i="2" s="1"/>
  <c r="F991" i="2" a="1"/>
  <c r="F991" i="2" s="1"/>
  <c r="F983" i="2" a="1"/>
  <c r="F983" i="2" s="1"/>
  <c r="F973" i="2" a="1"/>
  <c r="F973" i="2" s="1"/>
  <c r="F992" i="2" a="1"/>
  <c r="F992" i="2" s="1"/>
  <c r="F987" i="2" a="1"/>
  <c r="F987" i="2" s="1"/>
  <c r="F993" i="2" a="1"/>
  <c r="F993" i="2" s="1"/>
  <c r="F989" i="2" a="1"/>
  <c r="F989" i="2" s="1"/>
  <c r="F981" i="2" a="1"/>
  <c r="F981" i="2" s="1"/>
  <c r="F970" i="2" a="1"/>
  <c r="F970" i="2" s="1"/>
  <c r="F972" i="2" a="1"/>
  <c r="F972" i="2" s="1"/>
  <c r="F974" i="2" a="1"/>
  <c r="F974" i="2" s="1"/>
  <c r="F971" i="2" a="1"/>
  <c r="F971" i="2" s="1"/>
  <c r="F975" i="2" a="1"/>
  <c r="F975" i="2" s="1"/>
  <c r="F988" i="2" a="1"/>
  <c r="F988" i="2" s="1"/>
  <c r="M988" i="2" s="1"/>
  <c r="M962" i="5" s="1"/>
  <c r="D7854" i="2" a="1"/>
  <c r="D7854" i="2" s="1"/>
  <c r="D7855" i="2" a="1"/>
  <c r="D7855" i="2" s="1"/>
  <c r="D7837" i="2" a="1"/>
  <c r="D7837" i="2" s="1"/>
  <c r="D7841" i="2" a="1"/>
  <c r="D7841" i="2" s="1"/>
  <c r="D7845" i="2" a="1"/>
  <c r="D7845" i="2" s="1"/>
  <c r="D7849" i="2" a="1"/>
  <c r="D7849" i="2" s="1"/>
  <c r="D7851" i="2" a="1"/>
  <c r="D7851" i="2" s="1"/>
  <c r="AO327" i="1"/>
  <c r="E333" i="5" s="1"/>
  <c r="D7842" i="2" a="1"/>
  <c r="D7842" i="2" s="1"/>
  <c r="AN327" i="1"/>
  <c r="D333" i="5" s="1"/>
  <c r="D7839" i="2" a="1"/>
  <c r="D7839" i="2" s="1"/>
  <c r="AQ327" i="1"/>
  <c r="G333" i="5" s="1"/>
  <c r="D7852" i="2" a="1"/>
  <c r="D7852" i="2" s="1"/>
  <c r="F4427" i="2" a="1"/>
  <c r="F4427" i="2" s="1"/>
  <c r="F4442" i="2" a="1"/>
  <c r="F4442" i="2" s="1"/>
  <c r="F4432" i="2" a="1"/>
  <c r="F4432" i="2" s="1"/>
  <c r="F4443" i="2" a="1"/>
  <c r="F4443" i="2" s="1"/>
  <c r="F4426" i="2" a="1"/>
  <c r="F4426" i="2" s="1"/>
  <c r="F4438" i="2" a="1"/>
  <c r="F4438" i="2" s="1"/>
  <c r="F4436" i="2" a="1"/>
  <c r="F4436" i="2" s="1"/>
  <c r="J4436" i="2" s="1"/>
  <c r="J4410" i="5" s="1"/>
  <c r="N4410" i="5" s="1"/>
  <c r="F4429" i="2" a="1"/>
  <c r="F4429" i="2" s="1"/>
  <c r="F4433" i="2" a="1"/>
  <c r="F4433" i="2" s="1"/>
  <c r="F4437" i="2" a="1"/>
  <c r="F4437" i="2" s="1"/>
  <c r="F4446" i="2" a="1"/>
  <c r="F4446" i="2" s="1"/>
  <c r="F4441" i="2" a="1"/>
  <c r="F4441" i="2" s="1"/>
  <c r="F4439" i="2" a="1"/>
  <c r="F4439" i="2" s="1"/>
  <c r="F4430" i="2" a="1"/>
  <c r="F4430" i="2" s="1"/>
  <c r="F4428" i="2" a="1"/>
  <c r="F4428" i="2" s="1"/>
  <c r="F4448" i="2" a="1"/>
  <c r="F4448" i="2" s="1"/>
  <c r="F4431" i="2" a="1"/>
  <c r="F4431" i="2" s="1"/>
  <c r="F4447" i="2" a="1"/>
  <c r="F4447" i="2" s="1"/>
  <c r="F4449" i="2" a="1"/>
  <c r="F4449" i="2" s="1"/>
  <c r="F4434" i="2" a="1"/>
  <c r="F4434" i="2" s="1"/>
  <c r="F4445" i="2" a="1"/>
  <c r="F4445" i="2" s="1"/>
  <c r="F4435" i="2" a="1"/>
  <c r="F4435" i="2" s="1"/>
  <c r="D2819" i="2" a="1"/>
  <c r="D2819" i="2" s="1"/>
  <c r="D2827" i="2" a="1"/>
  <c r="D2827" i="2" s="1"/>
  <c r="D2831" i="2" a="1"/>
  <c r="D2831" i="2" s="1"/>
  <c r="D2835" i="2" a="1"/>
  <c r="D2835" i="2" s="1"/>
  <c r="D2838" i="2" a="1"/>
  <c r="D2838" i="2" s="1"/>
  <c r="D2825" i="2" a="1"/>
  <c r="D2825" i="2" s="1"/>
  <c r="D2826" i="2" a="1"/>
  <c r="D2826" i="2" s="1"/>
  <c r="AN118" i="1"/>
  <c r="D124" i="5" s="1"/>
  <c r="D2834" i="2" a="1"/>
  <c r="D2834" i="2" s="1"/>
  <c r="AQ118" i="1"/>
  <c r="G124" i="5" s="1"/>
  <c r="D2824" i="2" a="1"/>
  <c r="D2824" i="2" s="1"/>
  <c r="AO118" i="1"/>
  <c r="E124" i="5" s="1"/>
  <c r="D2840" i="2" a="1"/>
  <c r="D2840" i="2" s="1"/>
  <c r="AP118" i="1"/>
  <c r="F124" i="5" s="1"/>
  <c r="D2822" i="2" a="1"/>
  <c r="D2822" i="2" s="1"/>
  <c r="D2830" i="2" a="1"/>
  <c r="D2830" i="2" s="1"/>
  <c r="D2837" i="2" a="1"/>
  <c r="D2837" i="2" s="1"/>
  <c r="D2832" i="2" a="1"/>
  <c r="D2832" i="2" s="1"/>
  <c r="D2823" i="2" a="1"/>
  <c r="D2823" i="2" s="1"/>
  <c r="D2839" i="2" a="1"/>
  <c r="D2839" i="2" s="1"/>
  <c r="D2841" i="2" a="1"/>
  <c r="D2841" i="2" s="1"/>
  <c r="AM118" i="1"/>
  <c r="D2818" i="2" a="1"/>
  <c r="D2818" i="2" s="1"/>
  <c r="D2821" i="2" a="1"/>
  <c r="D2821" i="2" s="1"/>
  <c r="D2833" i="2" a="1"/>
  <c r="D2833" i="2" s="1"/>
  <c r="D2828" i="2" a="1"/>
  <c r="D2828" i="2" s="1"/>
  <c r="D2820" i="2" a="1"/>
  <c r="D2820" i="2" s="1"/>
  <c r="D2836" i="2" a="1"/>
  <c r="D2836" i="2" s="1"/>
  <c r="D2829" i="2" a="1"/>
  <c r="D2829" i="2" s="1"/>
  <c r="H385" i="2" a="1"/>
  <c r="H385" i="2" s="1"/>
  <c r="H371" i="2" a="1"/>
  <c r="H371" i="2" s="1"/>
  <c r="H381" i="2" a="1"/>
  <c r="H381" i="2" s="1"/>
  <c r="H383" i="2" a="1"/>
  <c r="H383" i="2" s="1"/>
  <c r="H384" i="2" a="1"/>
  <c r="H384" i="2" s="1"/>
  <c r="H370" i="2" a="1"/>
  <c r="H370" i="2" s="1"/>
  <c r="H382" i="2" a="1"/>
  <c r="H382" i="2" s="1"/>
  <c r="H372" i="2" a="1"/>
  <c r="H372" i="2" s="1"/>
  <c r="H388" i="2" a="1"/>
  <c r="H388" i="2" s="1"/>
  <c r="H377" i="2" a="1"/>
  <c r="H377" i="2" s="1"/>
  <c r="H390" i="2" a="1"/>
  <c r="H390" i="2" s="1"/>
  <c r="H374" i="2" a="1"/>
  <c r="H374" i="2" s="1"/>
  <c r="H373" i="2" a="1"/>
  <c r="H373" i="2" s="1"/>
  <c r="H379" i="2" a="1"/>
  <c r="H379" i="2" s="1"/>
  <c r="H375" i="2" a="1"/>
  <c r="H375" i="2" s="1"/>
  <c r="H387" i="2" a="1"/>
  <c r="H387" i="2" s="1"/>
  <c r="H393" i="2" a="1"/>
  <c r="H393" i="2" s="1"/>
  <c r="H392" i="2" a="1"/>
  <c r="H392" i="2" s="1"/>
  <c r="H391" i="2" a="1"/>
  <c r="H391" i="2" s="1"/>
  <c r="G1730" i="2" a="1"/>
  <c r="G1730" i="2" s="1"/>
  <c r="G1718" i="2" a="1"/>
  <c r="G1718" i="2" s="1"/>
  <c r="G1723" i="2" a="1"/>
  <c r="G1723" i="2" s="1"/>
  <c r="G1728" i="2" a="1"/>
  <c r="G1728" i="2" s="1"/>
  <c r="G1724" i="2" a="1"/>
  <c r="G1724" i="2" s="1"/>
  <c r="G1725" i="2" a="1"/>
  <c r="G1725" i="2" s="1"/>
  <c r="G1736" i="2" a="1"/>
  <c r="G1736" i="2" s="1"/>
  <c r="G1721" i="2" a="1"/>
  <c r="G1721" i="2" s="1"/>
  <c r="G1719" i="2" a="1"/>
  <c r="G1719" i="2" s="1"/>
  <c r="G1737" i="2" a="1"/>
  <c r="G1737" i="2" s="1"/>
  <c r="G1726" i="2" a="1"/>
  <c r="G1726" i="2" s="1"/>
  <c r="G1727" i="2" a="1"/>
  <c r="G1727" i="2" s="1"/>
  <c r="G1732" i="2" a="1"/>
  <c r="G1732" i="2" s="1"/>
  <c r="G1720" i="2" a="1"/>
  <c r="G1720" i="2" s="1"/>
  <c r="G1715" i="2" a="1"/>
  <c r="G1715" i="2" s="1"/>
  <c r="G1735" i="2" a="1"/>
  <c r="G1735" i="2" s="1"/>
  <c r="G1714" i="2" a="1"/>
  <c r="G1714" i="2" s="1"/>
  <c r="G1729" i="2" a="1"/>
  <c r="G1729" i="2" s="1"/>
  <c r="G1717" i="2" a="1"/>
  <c r="G1717" i="2" s="1"/>
  <c r="E6213" i="2" a="1"/>
  <c r="E6213" i="2" s="1"/>
  <c r="E6212" i="2" a="1"/>
  <c r="E6212" i="2" s="1"/>
  <c r="E6205" i="2" a="1"/>
  <c r="E6205" i="2" s="1"/>
  <c r="E6215" i="2" a="1"/>
  <c r="E6215" i="2" s="1"/>
  <c r="E6206" i="2" a="1"/>
  <c r="E6206" i="2" s="1"/>
  <c r="E6209" i="2" a="1"/>
  <c r="E6209" i="2" s="1"/>
  <c r="E6211" i="2" a="1"/>
  <c r="E6211" i="2" s="1"/>
  <c r="E6223" i="2" a="1"/>
  <c r="E6223" i="2" s="1"/>
  <c r="E6219" i="2" a="1"/>
  <c r="E6219" i="2" s="1"/>
  <c r="E6217" i="2" a="1"/>
  <c r="E6217" i="2" s="1"/>
  <c r="E6207" i="2" a="1"/>
  <c r="E6207" i="2" s="1"/>
  <c r="E6222" i="2" a="1"/>
  <c r="E6222" i="2" s="1"/>
  <c r="E6208" i="2" a="1"/>
  <c r="E6208" i="2" s="1"/>
  <c r="E6220" i="2" a="1"/>
  <c r="E6220" i="2" s="1"/>
  <c r="E6221" i="2" a="1"/>
  <c r="E6221" i="2" s="1"/>
  <c r="E6214" i="2" a="1"/>
  <c r="E6214" i="2" s="1"/>
  <c r="E6210" i="2" a="1"/>
  <c r="E6210" i="2" s="1"/>
  <c r="E6216" i="2" a="1"/>
  <c r="E6216" i="2" s="1"/>
  <c r="E6203" i="2" a="1"/>
  <c r="E6203" i="2" s="1"/>
  <c r="E6218" i="2" a="1"/>
  <c r="E6218" i="2" s="1"/>
  <c r="E6224" i="2" a="1"/>
  <c r="E6224" i="2" s="1"/>
  <c r="E6225" i="2" a="1"/>
  <c r="E6225" i="2" s="1"/>
  <c r="E6202" i="2" a="1"/>
  <c r="E6202" i="2" s="1"/>
  <c r="E6204" i="2" a="1"/>
  <c r="E6204" i="2" s="1"/>
  <c r="F1786" i="2" a="1"/>
  <c r="F1786" i="2" s="1"/>
  <c r="F1808" i="2" a="1"/>
  <c r="F1808" i="2" s="1"/>
  <c r="F1806" i="2" a="1"/>
  <c r="F1806" i="2" s="1"/>
  <c r="F1799" i="2" a="1"/>
  <c r="F1799" i="2" s="1"/>
  <c r="F1792" i="2" a="1"/>
  <c r="F1792" i="2" s="1"/>
  <c r="F1798" i="2" a="1"/>
  <c r="F1798" i="2" s="1"/>
  <c r="F1794" i="2" a="1"/>
  <c r="F1794" i="2" s="1"/>
  <c r="F1796" i="2" a="1"/>
  <c r="F1796" i="2" s="1"/>
  <c r="F1791" i="2" a="1"/>
  <c r="F1791" i="2" s="1"/>
  <c r="F1797" i="2" a="1"/>
  <c r="F1797" i="2" s="1"/>
  <c r="F1807" i="2" a="1"/>
  <c r="F1807" i="2" s="1"/>
  <c r="F1802" i="2" a="1"/>
  <c r="F1802" i="2" s="1"/>
  <c r="F1789" i="2" a="1"/>
  <c r="F1789" i="2" s="1"/>
  <c r="F1788" i="2" a="1"/>
  <c r="F1788" i="2" s="1"/>
  <c r="F1809" i="2" a="1"/>
  <c r="F1809" i="2" s="1"/>
  <c r="F1800" i="2" a="1"/>
  <c r="F1800" i="2" s="1"/>
  <c r="F1795" i="2" a="1"/>
  <c r="F1795" i="2" s="1"/>
  <c r="F1790" i="2" a="1"/>
  <c r="F1790" i="2" s="1"/>
  <c r="F1803" i="2" a="1"/>
  <c r="F1803" i="2" s="1"/>
  <c r="F1787" i="2" a="1"/>
  <c r="F1787" i="2" s="1"/>
  <c r="F1793" i="2" a="1"/>
  <c r="F1793" i="2" s="1"/>
  <c r="F1804" i="2" a="1"/>
  <c r="F1804" i="2" s="1"/>
  <c r="F1801" i="2" a="1"/>
  <c r="F1801" i="2" s="1"/>
  <c r="F1805" i="2" a="1"/>
  <c r="F1805" i="2" s="1"/>
  <c r="H1907" i="2" a="1"/>
  <c r="H1907" i="2" s="1"/>
  <c r="H1913" i="2" a="1"/>
  <c r="H1913" i="2" s="1"/>
  <c r="H1914" i="2" a="1"/>
  <c r="H1914" i="2" s="1"/>
  <c r="H1918" i="2" a="1"/>
  <c r="H1918" i="2" s="1"/>
  <c r="H1920" i="2" a="1"/>
  <c r="H1920" i="2" s="1"/>
  <c r="H7702" i="2" a="1"/>
  <c r="H7702" i="2" s="1"/>
  <c r="H7695" i="2" a="1"/>
  <c r="H7695" i="2" s="1"/>
  <c r="H7704" i="2" a="1"/>
  <c r="H7704" i="2" s="1"/>
  <c r="H7707" i="2" a="1"/>
  <c r="H7707" i="2" s="1"/>
  <c r="H7713" i="2" a="1"/>
  <c r="H7713" i="2" s="1"/>
  <c r="H7710" i="2" a="1"/>
  <c r="H7710" i="2" s="1"/>
  <c r="H7690" i="2" a="1"/>
  <c r="H7690" i="2" s="1"/>
  <c r="H7708" i="2" a="1"/>
  <c r="H7708" i="2" s="1"/>
  <c r="H7698" i="2" a="1"/>
  <c r="H7698" i="2" s="1"/>
  <c r="H7696" i="2" a="1"/>
  <c r="H7696" i="2" s="1"/>
  <c r="H7692" i="2" a="1"/>
  <c r="H7692" i="2" s="1"/>
  <c r="H7706" i="2" a="1"/>
  <c r="H7706" i="2" s="1"/>
  <c r="H7703" i="2" a="1"/>
  <c r="H7703" i="2" s="1"/>
  <c r="H7709" i="2" a="1"/>
  <c r="H7709" i="2" s="1"/>
  <c r="H7705" i="2" a="1"/>
  <c r="H7705" i="2" s="1"/>
  <c r="H7697" i="2" a="1"/>
  <c r="H7697" i="2" s="1"/>
  <c r="H7701" i="2" a="1"/>
  <c r="H7701" i="2" s="1"/>
  <c r="H7700" i="2" a="1"/>
  <c r="H7700" i="2" s="1"/>
  <c r="H7711" i="2" a="1"/>
  <c r="H7711" i="2" s="1"/>
  <c r="H7693" i="2" a="1"/>
  <c r="H7693" i="2" s="1"/>
  <c r="H7712" i="2" a="1"/>
  <c r="H7712" i="2" s="1"/>
  <c r="H7699" i="2" a="1"/>
  <c r="H7699" i="2" s="1"/>
  <c r="H7694" i="2" a="1"/>
  <c r="H7694" i="2" s="1"/>
  <c r="D617" i="2" a="1"/>
  <c r="D617" i="2" s="1"/>
  <c r="D622" i="2" a="1"/>
  <c r="D622" i="2" s="1"/>
  <c r="D631" i="2" a="1"/>
  <c r="D631" i="2" s="1"/>
  <c r="D614" i="2" a="1"/>
  <c r="D614" i="2" s="1"/>
  <c r="D628" i="2" a="1"/>
  <c r="D628" i="2" s="1"/>
  <c r="D619" i="2" a="1"/>
  <c r="D619" i="2" s="1"/>
  <c r="D630" i="2" a="1"/>
  <c r="D630" i="2" s="1"/>
  <c r="D626" i="2" a="1"/>
  <c r="D626" i="2" s="1"/>
  <c r="D629" i="2" a="1"/>
  <c r="D629" i="2" s="1"/>
  <c r="F6713" i="2" a="1"/>
  <c r="F6713" i="2" s="1"/>
  <c r="F6729" i="2" a="1"/>
  <c r="F6729" i="2" s="1"/>
  <c r="F6724" i="2" a="1"/>
  <c r="F6724" i="2" s="1"/>
  <c r="F6719" i="2" a="1"/>
  <c r="F6719" i="2" s="1"/>
  <c r="F6709" i="2" a="1"/>
  <c r="F6709" i="2" s="1"/>
  <c r="F6726" i="2" a="1"/>
  <c r="F6726" i="2" s="1"/>
  <c r="F6722" i="2" a="1"/>
  <c r="F6722" i="2" s="1"/>
  <c r="F6712" i="2" a="1"/>
  <c r="F6712" i="2" s="1"/>
  <c r="F6725" i="2" a="1"/>
  <c r="F6725" i="2" s="1"/>
  <c r="F6720" i="2" a="1"/>
  <c r="F6720" i="2" s="1"/>
  <c r="F6716" i="2" a="1"/>
  <c r="F6716" i="2" s="1"/>
  <c r="F6718" i="2" a="1"/>
  <c r="F6718" i="2" s="1"/>
  <c r="F6711" i="2" a="1"/>
  <c r="F6711" i="2" s="1"/>
  <c r="F6708" i="2" a="1"/>
  <c r="F6708" i="2" s="1"/>
  <c r="F6727" i="2" a="1"/>
  <c r="F6727" i="2" s="1"/>
  <c r="F6710" i="2" a="1"/>
  <c r="F6710" i="2" s="1"/>
  <c r="F6728" i="2" a="1"/>
  <c r="F6728" i="2" s="1"/>
  <c r="F6714" i="2" a="1"/>
  <c r="F6714" i="2" s="1"/>
  <c r="F6706" i="2" a="1"/>
  <c r="F6706" i="2" s="1"/>
  <c r="F6717" i="2" a="1"/>
  <c r="F6717" i="2" s="1"/>
  <c r="F6707" i="2" a="1"/>
  <c r="F6707" i="2" s="1"/>
  <c r="F6723" i="2" a="1"/>
  <c r="F6723" i="2" s="1"/>
  <c r="F6715" i="2" a="1"/>
  <c r="F6715" i="2" s="1"/>
  <c r="F6721" i="2" a="1"/>
  <c r="F6721" i="2" s="1"/>
  <c r="AN94" i="1"/>
  <c r="D100" i="5" s="1"/>
  <c r="AP94" i="1"/>
  <c r="F100" i="5" s="1"/>
  <c r="AO94" i="1"/>
  <c r="E100" i="5" s="1"/>
  <c r="AM94" i="1"/>
  <c r="E2246" i="2" a="1"/>
  <c r="E2246" i="2" s="1"/>
  <c r="E2242" i="2" a="1"/>
  <c r="E2242" i="2" s="1"/>
  <c r="E2257" i="2" a="1"/>
  <c r="E2257" i="2" s="1"/>
  <c r="E2247" i="2" a="1"/>
  <c r="E2247" i="2" s="1"/>
  <c r="E2256" i="2" a="1"/>
  <c r="E2256" i="2" s="1"/>
  <c r="E2244" i="2" a="1"/>
  <c r="E2244" i="2" s="1"/>
  <c r="E2265" i="2" a="1"/>
  <c r="E2265" i="2" s="1"/>
  <c r="E2245" i="2" a="1"/>
  <c r="E2245" i="2" s="1"/>
  <c r="E2251" i="2" a="1"/>
  <c r="E2251" i="2" s="1"/>
  <c r="E2263" i="2" a="1"/>
  <c r="E2263" i="2" s="1"/>
  <c r="E2259" i="2" a="1"/>
  <c r="E2259" i="2" s="1"/>
  <c r="E2249" i="2" a="1"/>
  <c r="E2249" i="2" s="1"/>
  <c r="E2262" i="2" a="1"/>
  <c r="E2262" i="2" s="1"/>
  <c r="E2252" i="2" a="1"/>
  <c r="E2252" i="2" s="1"/>
  <c r="E2253" i="2" a="1"/>
  <c r="E2253" i="2" s="1"/>
  <c r="E2250" i="2" a="1"/>
  <c r="E2250" i="2" s="1"/>
  <c r="F5806" i="2" a="1"/>
  <c r="F5806" i="2" s="1"/>
  <c r="F5799" i="2" a="1"/>
  <c r="F5799" i="2" s="1"/>
  <c r="F5804" i="2" a="1"/>
  <c r="F5804" i="2" s="1"/>
  <c r="F5807" i="2" a="1"/>
  <c r="F5807" i="2" s="1"/>
  <c r="F5808" i="2" a="1"/>
  <c r="F5808" i="2" s="1"/>
  <c r="F5809" i="2" a="1"/>
  <c r="F5809" i="2" s="1"/>
  <c r="F5798" i="2" a="1"/>
  <c r="F5798" i="2" s="1"/>
  <c r="F5796" i="2" a="1"/>
  <c r="F5796" i="2" s="1"/>
  <c r="F5812" i="2" a="1"/>
  <c r="F5812" i="2" s="1"/>
  <c r="F5803" i="2" a="1"/>
  <c r="F5803" i="2" s="1"/>
  <c r="F5797" i="2" a="1"/>
  <c r="F5797" i="2" s="1"/>
  <c r="F5800" i="2" a="1"/>
  <c r="F5800" i="2" s="1"/>
  <c r="F5817" i="2" a="1"/>
  <c r="F5817" i="2" s="1"/>
  <c r="F5802" i="2" a="1"/>
  <c r="F5802" i="2" s="1"/>
  <c r="F5794" i="2" a="1"/>
  <c r="F5794" i="2" s="1"/>
  <c r="F5805" i="2" a="1"/>
  <c r="F5805" i="2" s="1"/>
  <c r="F4249" i="2" a="1"/>
  <c r="F4249" i="2" s="1"/>
  <c r="F4253" i="2" a="1"/>
  <c r="F4253" i="2" s="1"/>
  <c r="F4250" i="2" a="1"/>
  <c r="F4250" i="2" s="1"/>
  <c r="F4240" i="2" a="1"/>
  <c r="F4240" i="2" s="1"/>
  <c r="F4236" i="2" a="1"/>
  <c r="F4236" i="2" s="1"/>
  <c r="F4239" i="2" a="1"/>
  <c r="F4239" i="2" s="1"/>
  <c r="F4247" i="2" a="1"/>
  <c r="F4247" i="2" s="1"/>
  <c r="F4237" i="2" a="1"/>
  <c r="F4237" i="2" s="1"/>
  <c r="F4245" i="2" a="1"/>
  <c r="F4245" i="2" s="1"/>
  <c r="F4243" i="2" a="1"/>
  <c r="F4243" i="2" s="1"/>
  <c r="F4255" i="2" a="1"/>
  <c r="F4255" i="2" s="1"/>
  <c r="F4242" i="2" a="1"/>
  <c r="F4242" i="2" s="1"/>
  <c r="F4244" i="2" a="1"/>
  <c r="F4244" i="2" s="1"/>
  <c r="F4252" i="2" a="1"/>
  <c r="F4252" i="2" s="1"/>
  <c r="F4257" i="2" a="1"/>
  <c r="F4257" i="2" s="1"/>
  <c r="F4251" i="2" a="1"/>
  <c r="F4251" i="2" s="1"/>
  <c r="F4254" i="2" a="1"/>
  <c r="F4254" i="2" s="1"/>
  <c r="F4235" i="2" a="1"/>
  <c r="F4235" i="2" s="1"/>
  <c r="F4238" i="2" a="1"/>
  <c r="F4238" i="2" s="1"/>
  <c r="F4234" i="2" a="1"/>
  <c r="F4234" i="2" s="1"/>
  <c r="F4246" i="2" a="1"/>
  <c r="F4246" i="2" s="1"/>
  <c r="F4241" i="2" a="1"/>
  <c r="F4241" i="2" s="1"/>
  <c r="F4256" i="2" a="1"/>
  <c r="F4256" i="2" s="1"/>
  <c r="F4248" i="2" a="1"/>
  <c r="F4248" i="2" s="1"/>
  <c r="G5909" i="2" a="1"/>
  <c r="G5909" i="2" s="1"/>
  <c r="G5903" i="2" a="1"/>
  <c r="G5903" i="2" s="1"/>
  <c r="G5906" i="2" a="1"/>
  <c r="G5906" i="2" s="1"/>
  <c r="G5900" i="2" a="1"/>
  <c r="G5900" i="2" s="1"/>
  <c r="G5905" i="2" a="1"/>
  <c r="G5905" i="2" s="1"/>
  <c r="G5911" i="2" a="1"/>
  <c r="G5911" i="2" s="1"/>
  <c r="G5890" i="2" a="1"/>
  <c r="G5890" i="2" s="1"/>
  <c r="G5895" i="2" a="1"/>
  <c r="G5895" i="2" s="1"/>
  <c r="G5899" i="2" a="1"/>
  <c r="G5899" i="2" s="1"/>
  <c r="G5910" i="2" a="1"/>
  <c r="G5910" i="2" s="1"/>
  <c r="G5898" i="2" a="1"/>
  <c r="G5898" i="2" s="1"/>
  <c r="G5904" i="2" a="1"/>
  <c r="G5904" i="2" s="1"/>
  <c r="G5907" i="2" a="1"/>
  <c r="G5907" i="2" s="1"/>
  <c r="G5908" i="2" a="1"/>
  <c r="G5908" i="2" s="1"/>
  <c r="G5894" i="2" a="1"/>
  <c r="G5894" i="2" s="1"/>
  <c r="G5893" i="2" a="1"/>
  <c r="G5893" i="2" s="1"/>
  <c r="G5912" i="2" a="1"/>
  <c r="G5912" i="2" s="1"/>
  <c r="G5913" i="2" a="1"/>
  <c r="G5913" i="2" s="1"/>
  <c r="G5901" i="2" a="1"/>
  <c r="G5901" i="2" s="1"/>
  <c r="G5891" i="2" a="1"/>
  <c r="G5891" i="2" s="1"/>
  <c r="G5892" i="2" a="1"/>
  <c r="G5892" i="2" s="1"/>
  <c r="G5902" i="2" a="1"/>
  <c r="G5902" i="2" s="1"/>
  <c r="G5896" i="2" a="1"/>
  <c r="G5896" i="2" s="1"/>
  <c r="G5897" i="2" a="1"/>
  <c r="G5897" i="2" s="1"/>
  <c r="D799" i="2" a="1"/>
  <c r="D799" i="2" s="1"/>
  <c r="AQ33" i="1"/>
  <c r="G39" i="5" s="1"/>
  <c r="D792" i="2" a="1"/>
  <c r="D792" i="2" s="1"/>
  <c r="AP33" i="1"/>
  <c r="F39" i="5" s="1"/>
  <c r="D778" i="2" a="1"/>
  <c r="D778" i="2" s="1"/>
  <c r="AO33" i="1"/>
  <c r="E39" i="5" s="1"/>
  <c r="D782" i="2" a="1"/>
  <c r="D782" i="2" s="1"/>
  <c r="D780" i="2" a="1"/>
  <c r="D780" i="2" s="1"/>
  <c r="D793" i="2" a="1"/>
  <c r="D793" i="2" s="1"/>
  <c r="D794" i="2" a="1"/>
  <c r="D794" i="2" s="1"/>
  <c r="D785" i="2" a="1"/>
  <c r="D785" i="2" s="1"/>
  <c r="D789" i="2" a="1"/>
  <c r="D789" i="2" s="1"/>
  <c r="D797" i="2" a="1"/>
  <c r="D797" i="2" s="1"/>
  <c r="D800" i="2" a="1"/>
  <c r="D800" i="2" s="1"/>
  <c r="D779" i="2" a="1"/>
  <c r="D779" i="2" s="1"/>
  <c r="D791" i="2" a="1"/>
  <c r="D791" i="2" s="1"/>
  <c r="D784" i="2" a="1"/>
  <c r="D784" i="2" s="1"/>
  <c r="D786" i="2" a="1"/>
  <c r="D786" i="2" s="1"/>
  <c r="D790" i="2" a="1"/>
  <c r="D790" i="2" s="1"/>
  <c r="D798" i="2" a="1"/>
  <c r="D798" i="2" s="1"/>
  <c r="D787" i="2" a="1"/>
  <c r="D787" i="2" s="1"/>
  <c r="D801" i="2" a="1"/>
  <c r="D801" i="2" s="1"/>
  <c r="D795" i="2" a="1"/>
  <c r="D795" i="2" s="1"/>
  <c r="AM33" i="1"/>
  <c r="D781" i="2" a="1"/>
  <c r="D781" i="2" s="1"/>
  <c r="D788" i="2" a="1"/>
  <c r="D788" i="2" s="1"/>
  <c r="D783" i="2" a="1"/>
  <c r="D783" i="2" s="1"/>
  <c r="G7938" i="2" a="1"/>
  <c r="G7938" i="2" s="1"/>
  <c r="G7953" i="2" a="1"/>
  <c r="G7953" i="2" s="1"/>
  <c r="G7940" i="2" a="1"/>
  <c r="G7940" i="2" s="1"/>
  <c r="G7932" i="2" a="1"/>
  <c r="G7932" i="2" s="1"/>
  <c r="G7949" i="2" a="1"/>
  <c r="G7949" i="2" s="1"/>
  <c r="G7943" i="2" a="1"/>
  <c r="G7943" i="2" s="1"/>
  <c r="G7939" i="2" a="1"/>
  <c r="G7939" i="2" s="1"/>
  <c r="G7952" i="2" a="1"/>
  <c r="G7952" i="2" s="1"/>
  <c r="G7950" i="2" a="1"/>
  <c r="G7950" i="2" s="1"/>
  <c r="G7942" i="2" a="1"/>
  <c r="G7942" i="2" s="1"/>
  <c r="G7947" i="2" a="1"/>
  <c r="G7947" i="2" s="1"/>
  <c r="G7931" i="2" a="1"/>
  <c r="G7931" i="2" s="1"/>
  <c r="G7945" i="2" a="1"/>
  <c r="G7945" i="2" s="1"/>
  <c r="G7951" i="2" a="1"/>
  <c r="G7951" i="2" s="1"/>
  <c r="G7934" i="2" a="1"/>
  <c r="G7934" i="2" s="1"/>
  <c r="G7936" i="2" a="1"/>
  <c r="G7936" i="2" s="1"/>
  <c r="E7842" i="2" a="1"/>
  <c r="E7842" i="2" s="1"/>
  <c r="E7840" i="2" a="1"/>
  <c r="E7840" i="2" s="1"/>
  <c r="E7847" i="2" a="1"/>
  <c r="E7847" i="2" s="1"/>
  <c r="E7845" i="2" a="1"/>
  <c r="E7845" i="2" s="1"/>
  <c r="E7837" i="2" a="1"/>
  <c r="E7837" i="2" s="1"/>
  <c r="E7854" i="2" a="1"/>
  <c r="E7854" i="2" s="1"/>
  <c r="E7849" i="2" a="1"/>
  <c r="E7849" i="2" s="1"/>
  <c r="E7855" i="2" a="1"/>
  <c r="E7855" i="2" s="1"/>
  <c r="E7835" i="2" a="1"/>
  <c r="E7835" i="2" s="1"/>
  <c r="E7838" i="2" a="1"/>
  <c r="E7838" i="2" s="1"/>
  <c r="E7843" i="2" a="1"/>
  <c r="E7843" i="2" s="1"/>
  <c r="E7844" i="2" a="1"/>
  <c r="E7844" i="2" s="1"/>
  <c r="E7852" i="2" a="1"/>
  <c r="E7852" i="2" s="1"/>
  <c r="E7850" i="2" a="1"/>
  <c r="E7850" i="2" s="1"/>
  <c r="E7839" i="2" a="1"/>
  <c r="E7839" i="2" s="1"/>
  <c r="E7848" i="2" a="1"/>
  <c r="E7848" i="2" s="1"/>
  <c r="E7846" i="2" a="1"/>
  <c r="E7846" i="2" s="1"/>
  <c r="E7841" i="2" a="1"/>
  <c r="E7841" i="2" s="1"/>
  <c r="E7857" i="2" a="1"/>
  <c r="E7857" i="2" s="1"/>
  <c r="E7836" i="2" a="1"/>
  <c r="E7836" i="2" s="1"/>
  <c r="E7851" i="2" a="1"/>
  <c r="E7851" i="2" s="1"/>
  <c r="E7834" i="2" a="1"/>
  <c r="E7834" i="2" s="1"/>
  <c r="E7856" i="2" a="1"/>
  <c r="E7856" i="2" s="1"/>
  <c r="D2846" i="2" a="1"/>
  <c r="D2846" i="2" s="1"/>
  <c r="H744" i="2" a="1"/>
  <c r="H744" i="2" s="1"/>
  <c r="G6776" i="2" a="1"/>
  <c r="G6776" i="2" s="1"/>
  <c r="D3158" i="2" a="1"/>
  <c r="D3158" i="2" s="1"/>
  <c r="G4978" i="2" a="1"/>
  <c r="G4978" i="2" s="1"/>
  <c r="F7679" i="2" a="1"/>
  <c r="F7679" i="2" s="1"/>
  <c r="F6768" i="2" a="1"/>
  <c r="F6768" i="2" s="1"/>
  <c r="D2514" i="2" a="1"/>
  <c r="D2514" i="2" s="1"/>
  <c r="D2525" i="2" a="1"/>
  <c r="D2525" i="2" s="1"/>
  <c r="D2509" i="2" a="1"/>
  <c r="D2509" i="2" s="1"/>
  <c r="E6615" i="2" a="1"/>
  <c r="E6615" i="2" s="1"/>
  <c r="E6624" i="2" a="1"/>
  <c r="E6624" i="2" s="1"/>
  <c r="H458" i="2" a="1"/>
  <c r="H458" i="2" s="1"/>
  <c r="H461" i="2" a="1"/>
  <c r="H461" i="2" s="1"/>
  <c r="H460" i="2" a="1"/>
  <c r="H460" i="2" s="1"/>
  <c r="G6255" i="2" a="1"/>
  <c r="G6255" i="2" s="1"/>
  <c r="G6262" i="2" a="1"/>
  <c r="G6262" i="2" s="1"/>
  <c r="F6368" i="2" a="1"/>
  <c r="F6368" i="2" s="1"/>
  <c r="F6359" i="2" a="1"/>
  <c r="F6359" i="2" s="1"/>
  <c r="F6352" i="2" a="1"/>
  <c r="F6352" i="2" s="1"/>
  <c r="E3305" i="2" a="1"/>
  <c r="E3305" i="2" s="1"/>
  <c r="E3304" i="2" a="1"/>
  <c r="E3304" i="2" s="1"/>
  <c r="F1421" i="2" a="1"/>
  <c r="F1421" i="2" s="1"/>
  <c r="F1405" i="2" a="1"/>
  <c r="F1405" i="2" s="1"/>
  <c r="F1410" i="2" a="1"/>
  <c r="F1410" i="2" s="1"/>
  <c r="F3645" i="2" a="1"/>
  <c r="F3645" i="2" s="1"/>
  <c r="F3655" i="2" a="1"/>
  <c r="F3655" i="2" s="1"/>
  <c r="F3641" i="2" a="1"/>
  <c r="F3641" i="2" s="1"/>
  <c r="AO11" i="1"/>
  <c r="E17" i="5" s="1"/>
  <c r="H3783" i="2" a="1"/>
  <c r="H3783" i="2" s="1"/>
  <c r="H3781" i="2" a="1"/>
  <c r="H3781" i="2" s="1"/>
  <c r="F6761" i="2" a="1"/>
  <c r="F6761" i="2" s="1"/>
  <c r="F4051" i="2" a="1"/>
  <c r="F4051" i="2" s="1"/>
  <c r="F4042" i="2" a="1"/>
  <c r="F4042" i="2" s="1"/>
  <c r="F4052" i="2" a="1"/>
  <c r="F4052" i="2" s="1"/>
  <c r="F4049" i="2" a="1"/>
  <c r="F4049" i="2" s="1"/>
  <c r="F4053" i="2" a="1"/>
  <c r="F4053" i="2" s="1"/>
  <c r="F4046" i="2" a="1"/>
  <c r="F4046" i="2" s="1"/>
  <c r="F4061" i="2" a="1"/>
  <c r="F4061" i="2" s="1"/>
  <c r="F4056" i="2" a="1"/>
  <c r="F4056" i="2" s="1"/>
  <c r="F4057" i="2" a="1"/>
  <c r="F4057" i="2" s="1"/>
  <c r="F4060" i="2" a="1"/>
  <c r="F4060" i="2" s="1"/>
  <c r="F4062" i="2" a="1"/>
  <c r="F4062" i="2" s="1"/>
  <c r="F4047" i="2" a="1"/>
  <c r="F4047" i="2" s="1"/>
  <c r="F4048" i="2" a="1"/>
  <c r="F4048" i="2" s="1"/>
  <c r="F4043" i="2" a="1"/>
  <c r="F4043" i="2" s="1"/>
  <c r="F4050" i="2" a="1"/>
  <c r="F4050" i="2" s="1"/>
  <c r="F4065" i="2" a="1"/>
  <c r="F4065" i="2" s="1"/>
  <c r="F4055" i="2" a="1"/>
  <c r="F4055" i="2" s="1"/>
  <c r="F4044" i="2" a="1"/>
  <c r="F4044" i="2" s="1"/>
  <c r="F4054" i="2" a="1"/>
  <c r="F4054" i="2" s="1"/>
  <c r="E224" i="2" a="1"/>
  <c r="E224" i="2" s="1"/>
  <c r="E221" i="2" a="1"/>
  <c r="E221" i="2" s="1"/>
  <c r="E208" i="2" a="1"/>
  <c r="E208" i="2" s="1"/>
  <c r="E202" i="2" a="1"/>
  <c r="E202" i="2" s="1"/>
  <c r="E209" i="2" a="1"/>
  <c r="E209" i="2" s="1"/>
  <c r="E214" i="2" a="1"/>
  <c r="E214" i="2" s="1"/>
  <c r="E222" i="2" a="1"/>
  <c r="E222" i="2" s="1"/>
  <c r="E212" i="2" a="1"/>
  <c r="E212" i="2" s="1"/>
  <c r="E218" i="2" a="1"/>
  <c r="E218" i="2" s="1"/>
  <c r="E213" i="2" a="1"/>
  <c r="E213" i="2" s="1"/>
  <c r="E216" i="2" a="1"/>
  <c r="E216" i="2" s="1"/>
  <c r="E210" i="2" a="1"/>
  <c r="E210" i="2" s="1"/>
  <c r="E217" i="2" a="1"/>
  <c r="E217" i="2" s="1"/>
  <c r="E219" i="2" a="1"/>
  <c r="E219" i="2" s="1"/>
  <c r="E220" i="2" a="1"/>
  <c r="E220" i="2" s="1"/>
  <c r="E211" i="2" a="1"/>
  <c r="E211" i="2" s="1"/>
  <c r="E203" i="2" a="1"/>
  <c r="E203" i="2" s="1"/>
  <c r="E205" i="2" a="1"/>
  <c r="E205" i="2" s="1"/>
  <c r="E215" i="2" a="1"/>
  <c r="E215" i="2" s="1"/>
  <c r="E204" i="2" a="1"/>
  <c r="E204" i="2" s="1"/>
  <c r="E225" i="2" a="1"/>
  <c r="E225" i="2" s="1"/>
  <c r="E223" i="2" a="1"/>
  <c r="E223" i="2" s="1"/>
  <c r="E207" i="2" a="1"/>
  <c r="E207" i="2" s="1"/>
  <c r="G8013" i="2" a="1"/>
  <c r="G8013" i="2" s="1"/>
  <c r="G8020" i="2" a="1"/>
  <c r="G8020" i="2" s="1"/>
  <c r="G8022" i="2" a="1"/>
  <c r="G8022" i="2" s="1"/>
  <c r="G8007" i="2" a="1"/>
  <c r="G8007" i="2" s="1"/>
  <c r="G8004" i="2" a="1"/>
  <c r="G8004" i="2" s="1"/>
  <c r="L8004" i="2" s="1"/>
  <c r="L7978" i="5" s="1"/>
  <c r="G8002" i="2" a="1"/>
  <c r="G8002" i="2" s="1"/>
  <c r="G8017" i="2" a="1"/>
  <c r="G8017" i="2" s="1"/>
  <c r="G8014" i="2" a="1"/>
  <c r="G8014" i="2" s="1"/>
  <c r="G8018" i="2" a="1"/>
  <c r="G8018" i="2" s="1"/>
  <c r="G8009" i="2" a="1"/>
  <c r="G8009" i="2" s="1"/>
  <c r="G8019" i="2" a="1"/>
  <c r="G8019" i="2" s="1"/>
  <c r="G8005" i="2" a="1"/>
  <c r="G8005" i="2" s="1"/>
  <c r="G8012" i="2" a="1"/>
  <c r="G8012" i="2" s="1"/>
  <c r="G8021" i="2" a="1"/>
  <c r="G8021" i="2" s="1"/>
  <c r="G8003" i="2" a="1"/>
  <c r="G8003" i="2" s="1"/>
  <c r="G8006" i="2" a="1"/>
  <c r="G8006" i="2" s="1"/>
  <c r="G8016" i="2" a="1"/>
  <c r="G8016" i="2" s="1"/>
  <c r="G8011" i="2" a="1"/>
  <c r="G8011" i="2" s="1"/>
  <c r="G8008" i="2" a="1"/>
  <c r="G8008" i="2" s="1"/>
  <c r="G8015" i="2" a="1"/>
  <c r="G8015" i="2" s="1"/>
  <c r="G8010" i="2" a="1"/>
  <c r="G8010" i="2" s="1"/>
  <c r="G8025" i="2" a="1"/>
  <c r="G8025" i="2" s="1"/>
  <c r="G8024" i="2" a="1"/>
  <c r="G8024" i="2" s="1"/>
  <c r="G8023" i="2" a="1"/>
  <c r="G8023" i="2" s="1"/>
  <c r="AO334" i="1"/>
  <c r="E340" i="5" s="1"/>
  <c r="AM334" i="1"/>
  <c r="H7684" i="2" a="1"/>
  <c r="H7684" i="2" s="1"/>
  <c r="H7686" i="2" a="1"/>
  <c r="H7686" i="2" s="1"/>
  <c r="H7689" i="2" a="1"/>
  <c r="H7689" i="2" s="1"/>
  <c r="H7687" i="2" a="1"/>
  <c r="H7687" i="2" s="1"/>
  <c r="H7675" i="2" a="1"/>
  <c r="H7675" i="2" s="1"/>
  <c r="H7672" i="2" a="1"/>
  <c r="H7672" i="2" s="1"/>
  <c r="H7666" i="2" a="1"/>
  <c r="H7666" i="2" s="1"/>
  <c r="H7676" i="2" a="1"/>
  <c r="H7676" i="2" s="1"/>
  <c r="H7677" i="2" a="1"/>
  <c r="H7677" i="2" s="1"/>
  <c r="H7679" i="2" a="1"/>
  <c r="H7679" i="2" s="1"/>
  <c r="H7668" i="2" a="1"/>
  <c r="H7668" i="2" s="1"/>
  <c r="E6797" i="2" a="1"/>
  <c r="E6797" i="2" s="1"/>
  <c r="E6789" i="2" a="1"/>
  <c r="E6789" i="2" s="1"/>
  <c r="E6785" i="2" a="1"/>
  <c r="E6785" i="2" s="1"/>
  <c r="E6792" i="2" a="1"/>
  <c r="E6792" i="2" s="1"/>
  <c r="E6798" i="2" a="1"/>
  <c r="E6798" i="2" s="1"/>
  <c r="E6784" i="2" a="1"/>
  <c r="E6784" i="2" s="1"/>
  <c r="E6783" i="2" a="1"/>
  <c r="E6783" i="2" s="1"/>
  <c r="E6791" i="2" a="1"/>
  <c r="E6791" i="2" s="1"/>
  <c r="E6794" i="2" a="1"/>
  <c r="E6794" i="2" s="1"/>
  <c r="E6800" i="2" a="1"/>
  <c r="E6800" i="2" s="1"/>
  <c r="E6781" i="2" a="1"/>
  <c r="E6781" i="2" s="1"/>
  <c r="E6795" i="2" a="1"/>
  <c r="E6795" i="2" s="1"/>
  <c r="E6788" i="2" a="1"/>
  <c r="E6788" i="2" s="1"/>
  <c r="E6782" i="2" a="1"/>
  <c r="E6782" i="2" s="1"/>
  <c r="E6780" i="2" a="1"/>
  <c r="E6780" i="2" s="1"/>
  <c r="E6799" i="2" a="1"/>
  <c r="E6799" i="2" s="1"/>
  <c r="E6796" i="2" a="1"/>
  <c r="E6796" i="2" s="1"/>
  <c r="E6778" i="2" a="1"/>
  <c r="E6778" i="2" s="1"/>
  <c r="E6786" i="2" a="1"/>
  <c r="E6786" i="2" s="1"/>
  <c r="E6801" i="2" a="1"/>
  <c r="E6801" i="2" s="1"/>
  <c r="E6793" i="2" a="1"/>
  <c r="E6793" i="2" s="1"/>
  <c r="E6787" i="2" a="1"/>
  <c r="E6787" i="2" s="1"/>
  <c r="E8613" i="2" a="1"/>
  <c r="E8613" i="2" s="1"/>
  <c r="E8603" i="2" a="1"/>
  <c r="E8603" i="2" s="1"/>
  <c r="E8618" i="2" a="1"/>
  <c r="E8618" i="2" s="1"/>
  <c r="E8623" i="2" a="1"/>
  <c r="E8623" i="2" s="1"/>
  <c r="E8607" i="2" a="1"/>
  <c r="E8607" i="2" s="1"/>
  <c r="E8610" i="2" a="1"/>
  <c r="E8610" i="2" s="1"/>
  <c r="E8606" i="2" a="1"/>
  <c r="E8606" i="2" s="1"/>
  <c r="E8625" i="2" a="1"/>
  <c r="E8625" i="2" s="1"/>
  <c r="E8608" i="2" a="1"/>
  <c r="E8608" i="2" s="1"/>
  <c r="E8609" i="2" a="1"/>
  <c r="E8609" i="2" s="1"/>
  <c r="E8602" i="2" a="1"/>
  <c r="E8602" i="2" s="1"/>
  <c r="E8612" i="2" a="1"/>
  <c r="E8612" i="2" s="1"/>
  <c r="E8604" i="2" a="1"/>
  <c r="E8604" i="2" s="1"/>
  <c r="E8619" i="2" a="1"/>
  <c r="E8619" i="2" s="1"/>
  <c r="E8621" i="2" a="1"/>
  <c r="E8621" i="2" s="1"/>
  <c r="E8616" i="2" a="1"/>
  <c r="E8616" i="2" s="1"/>
  <c r="E8611" i="2" a="1"/>
  <c r="E8611" i="2" s="1"/>
  <c r="E8617" i="2" a="1"/>
  <c r="E8617" i="2" s="1"/>
  <c r="E8620" i="2" a="1"/>
  <c r="E8620" i="2" s="1"/>
  <c r="D2377" i="2" a="1"/>
  <c r="D2377" i="2" s="1"/>
  <c r="D2369" i="2" a="1"/>
  <c r="D2369" i="2" s="1"/>
  <c r="D2382" i="2" a="1"/>
  <c r="D2382" i="2" s="1"/>
  <c r="D2381" i="2" a="1"/>
  <c r="D2381" i="2" s="1"/>
  <c r="D2379" i="2" a="1"/>
  <c r="D2379" i="2" s="1"/>
  <c r="D2368" i="2" a="1"/>
  <c r="D2368" i="2" s="1"/>
  <c r="D2384" i="2" a="1"/>
  <c r="D2384" i="2" s="1"/>
  <c r="D2375" i="2" a="1"/>
  <c r="D2375" i="2" s="1"/>
  <c r="D2365" i="2" a="1"/>
  <c r="D2365" i="2" s="1"/>
  <c r="D2376" i="2" a="1"/>
  <c r="D2376" i="2" s="1"/>
  <c r="D2380" i="2" a="1"/>
  <c r="D2380" i="2" s="1"/>
  <c r="D2363" i="2" a="1"/>
  <c r="D2363" i="2" s="1"/>
  <c r="D2372" i="2" a="1"/>
  <c r="D2372" i="2" s="1"/>
  <c r="D2374" i="2" a="1"/>
  <c r="D2374" i="2" s="1"/>
  <c r="D2366" i="2" a="1"/>
  <c r="D2366" i="2" s="1"/>
  <c r="D2373" i="2" a="1"/>
  <c r="D2373" i="2" s="1"/>
  <c r="D2370" i="2" a="1"/>
  <c r="D2370" i="2" s="1"/>
  <c r="D2385" i="2" a="1"/>
  <c r="D2385" i="2" s="1"/>
  <c r="D2383" i="2" a="1"/>
  <c r="D2383" i="2" s="1"/>
  <c r="D2378" i="2" a="1"/>
  <c r="D2378" i="2" s="1"/>
  <c r="D2364" i="2" a="1"/>
  <c r="D2364" i="2" s="1"/>
  <c r="F4934" i="2" a="1"/>
  <c r="F4934" i="2" s="1"/>
  <c r="F4938" i="2" a="1"/>
  <c r="F4938" i="2" s="1"/>
  <c r="F4939" i="2" a="1"/>
  <c r="F4939" i="2" s="1"/>
  <c r="F4941" i="2" a="1"/>
  <c r="F4941" i="2" s="1"/>
  <c r="F4930" i="2" a="1"/>
  <c r="F4930" i="2" s="1"/>
  <c r="F4953" i="2" a="1"/>
  <c r="F4953" i="2" s="1"/>
  <c r="F4951" i="2" a="1"/>
  <c r="F4951" i="2" s="1"/>
  <c r="F4936" i="2" a="1"/>
  <c r="F4936" i="2" s="1"/>
  <c r="F4952" i="2" a="1"/>
  <c r="F4952" i="2" s="1"/>
  <c r="F4935" i="2" a="1"/>
  <c r="F4935" i="2" s="1"/>
  <c r="F4949" i="2" a="1"/>
  <c r="F4949" i="2" s="1"/>
  <c r="F4946" i="2" a="1"/>
  <c r="F4946" i="2" s="1"/>
  <c r="F4948" i="2" a="1"/>
  <c r="F4948" i="2" s="1"/>
  <c r="F4943" i="2" a="1"/>
  <c r="F4943" i="2" s="1"/>
  <c r="F4944" i="2" a="1"/>
  <c r="F4944" i="2" s="1"/>
  <c r="F4933" i="2" a="1"/>
  <c r="F4933" i="2" s="1"/>
  <c r="F4937" i="2" a="1"/>
  <c r="F4937" i="2" s="1"/>
  <c r="F4931" i="2" a="1"/>
  <c r="F4931" i="2" s="1"/>
  <c r="F4945" i="2" a="1"/>
  <c r="F4945" i="2" s="1"/>
  <c r="F4932" i="2" a="1"/>
  <c r="F4932" i="2" s="1"/>
  <c r="F4942" i="2" a="1"/>
  <c r="F4942" i="2" s="1"/>
  <c r="F4940" i="2" a="1"/>
  <c r="F4940" i="2" s="1"/>
  <c r="H600" i="2" a="1"/>
  <c r="H600" i="2" s="1"/>
  <c r="H603" i="2" a="1"/>
  <c r="H603" i="2" s="1"/>
  <c r="H587" i="2" a="1"/>
  <c r="H587" i="2" s="1"/>
  <c r="H609" i="2" a="1"/>
  <c r="H609" i="2" s="1"/>
  <c r="H596" i="2" a="1"/>
  <c r="H596" i="2" s="1"/>
  <c r="H595" i="2" a="1"/>
  <c r="H595" i="2" s="1"/>
  <c r="H588" i="2" a="1"/>
  <c r="H588" i="2" s="1"/>
  <c r="H586" i="2" a="1"/>
  <c r="H586" i="2" s="1"/>
  <c r="H605" i="2" a="1"/>
  <c r="H605" i="2" s="1"/>
  <c r="H591" i="2" a="1"/>
  <c r="H591" i="2" s="1"/>
  <c r="H606" i="2" a="1"/>
  <c r="H606" i="2" s="1"/>
  <c r="H601" i="2" a="1"/>
  <c r="H601" i="2" s="1"/>
  <c r="H594" i="2" a="1"/>
  <c r="H594" i="2" s="1"/>
  <c r="H598" i="2" a="1"/>
  <c r="H598" i="2" s="1"/>
  <c r="H597" i="2" a="1"/>
  <c r="H597" i="2" s="1"/>
  <c r="H608" i="2" a="1"/>
  <c r="H608" i="2" s="1"/>
  <c r="H589" i="2" a="1"/>
  <c r="H589" i="2" s="1"/>
  <c r="H590" i="2" a="1"/>
  <c r="H590" i="2" s="1"/>
  <c r="H607" i="2" a="1"/>
  <c r="H607" i="2" s="1"/>
  <c r="H604" i="2" a="1"/>
  <c r="H604" i="2" s="1"/>
  <c r="H599" i="2" a="1"/>
  <c r="H599" i="2" s="1"/>
  <c r="H602" i="2" a="1"/>
  <c r="H602" i="2" s="1"/>
  <c r="H592" i="2" a="1"/>
  <c r="H592" i="2" s="1"/>
  <c r="H593" i="2" a="1"/>
  <c r="H593" i="2" s="1"/>
  <c r="AQ65" i="1"/>
  <c r="G71" i="5" s="1"/>
  <c r="F1550" i="2" a="1"/>
  <c r="F1550" i="2" s="1"/>
  <c r="F1548" i="2" a="1"/>
  <c r="F1548" i="2" s="1"/>
  <c r="F1553" i="2" a="1"/>
  <c r="F1553" i="2" s="1"/>
  <c r="F1554" i="2" a="1"/>
  <c r="F1554" i="2" s="1"/>
  <c r="F1556" i="2" a="1"/>
  <c r="F1556" i="2" s="1"/>
  <c r="F1562" i="2" a="1"/>
  <c r="F1562" i="2" s="1"/>
  <c r="F1552" i="2" a="1"/>
  <c r="F1552" i="2" s="1"/>
  <c r="E957" i="2" a="1"/>
  <c r="E957" i="2" s="1"/>
  <c r="E954" i="2" a="1"/>
  <c r="E954" i="2" s="1"/>
  <c r="E964" i="2" a="1"/>
  <c r="E964" i="2" s="1"/>
  <c r="E958" i="2" a="1"/>
  <c r="E958" i="2" s="1"/>
  <c r="E955" i="2" a="1"/>
  <c r="E955" i="2" s="1"/>
  <c r="H806" i="2" a="1"/>
  <c r="H806" i="2" s="1"/>
  <c r="H823" i="2" a="1"/>
  <c r="H823" i="2" s="1"/>
  <c r="H807" i="2" a="1"/>
  <c r="H807" i="2" s="1"/>
  <c r="H815" i="2" a="1"/>
  <c r="H815" i="2" s="1"/>
  <c r="H825" i="2" a="1"/>
  <c r="H825" i="2" s="1"/>
  <c r="H804" i="2" a="1"/>
  <c r="H804" i="2" s="1"/>
  <c r="H817" i="2" a="1"/>
  <c r="H817" i="2" s="1"/>
  <c r="H810" i="2" a="1"/>
  <c r="H810" i="2" s="1"/>
  <c r="H822" i="2" a="1"/>
  <c r="H822" i="2" s="1"/>
  <c r="H821" i="2" a="1"/>
  <c r="H821" i="2" s="1"/>
  <c r="H814" i="2" a="1"/>
  <c r="H814" i="2" s="1"/>
  <c r="H803" i="2" a="1"/>
  <c r="H803" i="2" s="1"/>
  <c r="H802" i="2" a="1"/>
  <c r="H802" i="2" s="1"/>
  <c r="H812" i="2" a="1"/>
  <c r="H812" i="2" s="1"/>
  <c r="H811" i="2" a="1"/>
  <c r="H811" i="2" s="1"/>
  <c r="H809" i="2" a="1"/>
  <c r="H809" i="2" s="1"/>
  <c r="H805" i="2" a="1"/>
  <c r="H805" i="2" s="1"/>
  <c r="H816" i="2" a="1"/>
  <c r="H816" i="2" s="1"/>
  <c r="H818" i="2" a="1"/>
  <c r="H818" i="2" s="1"/>
  <c r="H819" i="2" a="1"/>
  <c r="H819" i="2" s="1"/>
  <c r="H824" i="2" a="1"/>
  <c r="H824" i="2" s="1"/>
  <c r="H813" i="2" a="1"/>
  <c r="H813" i="2" s="1"/>
  <c r="H820" i="2" a="1"/>
  <c r="H820" i="2" s="1"/>
  <c r="G565" i="2" a="1"/>
  <c r="G565" i="2" s="1"/>
  <c r="G568" i="2" a="1"/>
  <c r="G568" i="2" s="1"/>
  <c r="G574" i="2" a="1"/>
  <c r="G574" i="2" s="1"/>
  <c r="G573" i="2" a="1"/>
  <c r="G573" i="2" s="1"/>
  <c r="K573" i="2" s="1"/>
  <c r="K547" i="5" s="1"/>
  <c r="O547" i="5" s="1"/>
  <c r="G575" i="2" a="1"/>
  <c r="G575" i="2" s="1"/>
  <c r="G571" i="2" a="1"/>
  <c r="G571" i="2" s="1"/>
  <c r="G578" i="2" a="1"/>
  <c r="G578" i="2" s="1"/>
  <c r="G583" i="2" a="1"/>
  <c r="G583" i="2" s="1"/>
  <c r="G564" i="2" a="1"/>
  <c r="G564" i="2" s="1"/>
  <c r="G567" i="2" a="1"/>
  <c r="G567" i="2" s="1"/>
  <c r="G580" i="2" a="1"/>
  <c r="G580" i="2" s="1"/>
  <c r="G563" i="2" a="1"/>
  <c r="G563" i="2" s="1"/>
  <c r="G579" i="2" a="1"/>
  <c r="G579" i="2" s="1"/>
  <c r="G585" i="2" a="1"/>
  <c r="G585" i="2" s="1"/>
  <c r="G577" i="2" a="1"/>
  <c r="G577" i="2" s="1"/>
  <c r="G572" i="2" a="1"/>
  <c r="G572" i="2" s="1"/>
  <c r="G576" i="2" a="1"/>
  <c r="G576" i="2" s="1"/>
  <c r="G569" i="2" a="1"/>
  <c r="G569" i="2" s="1"/>
  <c r="G566" i="2" a="1"/>
  <c r="G566" i="2" s="1"/>
  <c r="G570" i="2" a="1"/>
  <c r="G570" i="2" s="1"/>
  <c r="G582" i="2" a="1"/>
  <c r="G582" i="2" s="1"/>
  <c r="G584" i="2" a="1"/>
  <c r="G584" i="2" s="1"/>
  <c r="G562" i="2" a="1"/>
  <c r="G562" i="2" s="1"/>
  <c r="G581" i="2" a="1"/>
  <c r="G581" i="2" s="1"/>
  <c r="H1799" i="2" a="1"/>
  <c r="H1799" i="2" s="1"/>
  <c r="H1798" i="2" a="1"/>
  <c r="H1798" i="2" s="1"/>
  <c r="H1806" i="2" a="1"/>
  <c r="H1806" i="2" s="1"/>
  <c r="H1786" i="2" a="1"/>
  <c r="H1786" i="2" s="1"/>
  <c r="H1793" i="2" a="1"/>
  <c r="H1793" i="2" s="1"/>
  <c r="H1792" i="2" a="1"/>
  <c r="H1792" i="2" s="1"/>
  <c r="H1787" i="2" a="1"/>
  <c r="H1787" i="2" s="1"/>
  <c r="H1797" i="2" a="1"/>
  <c r="H1797" i="2" s="1"/>
  <c r="H1807" i="2" a="1"/>
  <c r="H1807" i="2" s="1"/>
  <c r="H1791" i="2" a="1"/>
  <c r="H1791" i="2" s="1"/>
  <c r="H1809" i="2" a="1"/>
  <c r="H1809" i="2" s="1"/>
  <c r="H1800" i="2" a="1"/>
  <c r="H1800" i="2" s="1"/>
  <c r="H1790" i="2" a="1"/>
  <c r="H1790" i="2" s="1"/>
  <c r="H1804" i="2" a="1"/>
  <c r="H1804" i="2" s="1"/>
  <c r="H1795" i="2" a="1"/>
  <c r="H1795" i="2" s="1"/>
  <c r="H1805" i="2" a="1"/>
  <c r="H1805" i="2" s="1"/>
  <c r="H1801" i="2" a="1"/>
  <c r="H1801" i="2" s="1"/>
  <c r="H1808" i="2" a="1"/>
  <c r="H1808" i="2" s="1"/>
  <c r="H1788" i="2" a="1"/>
  <c r="H1788" i="2" s="1"/>
  <c r="H1789" i="2" a="1"/>
  <c r="H1789" i="2" s="1"/>
  <c r="H1796" i="2" a="1"/>
  <c r="H1796" i="2" s="1"/>
  <c r="H1802" i="2" a="1"/>
  <c r="H1802" i="2" s="1"/>
  <c r="H1794" i="2" a="1"/>
  <c r="H1794" i="2" s="1"/>
  <c r="E2907" i="2" a="1"/>
  <c r="E2907" i="2" s="1"/>
  <c r="E2913" i="2" a="1"/>
  <c r="E2913" i="2" s="1"/>
  <c r="E2904" i="2" a="1"/>
  <c r="E2904" i="2" s="1"/>
  <c r="E2900" i="2" a="1"/>
  <c r="E2900" i="2" s="1"/>
  <c r="E2906" i="2" a="1"/>
  <c r="E2906" i="2" s="1"/>
  <c r="E2901" i="2" a="1"/>
  <c r="E2901" i="2" s="1"/>
  <c r="E2894" i="2" a="1"/>
  <c r="E2894" i="2" s="1"/>
  <c r="E2895" i="2" a="1"/>
  <c r="E2895" i="2" s="1"/>
  <c r="E2902" i="2" a="1"/>
  <c r="E2902" i="2" s="1"/>
  <c r="E2905" i="2" a="1"/>
  <c r="E2905" i="2" s="1"/>
  <c r="E2890" i="2" a="1"/>
  <c r="E2890" i="2" s="1"/>
  <c r="E2908" i="2" a="1"/>
  <c r="E2908" i="2" s="1"/>
  <c r="E2899" i="2" a="1"/>
  <c r="E2899" i="2" s="1"/>
  <c r="E2910" i="2" a="1"/>
  <c r="E2910" i="2" s="1"/>
  <c r="E2897" i="2" a="1"/>
  <c r="E2897" i="2" s="1"/>
  <c r="E2893" i="2" a="1"/>
  <c r="E2893" i="2" s="1"/>
  <c r="AP121" i="1"/>
  <c r="F127" i="5" s="1"/>
  <c r="AO121" i="1"/>
  <c r="E127" i="5" s="1"/>
  <c r="AN121" i="1"/>
  <c r="D127" i="5" s="1"/>
  <c r="AM121" i="1"/>
  <c r="E2911" i="2" a="1"/>
  <c r="E2911" i="2" s="1"/>
  <c r="E2891" i="2" a="1"/>
  <c r="E2891" i="2" s="1"/>
  <c r="E2909" i="2" a="1"/>
  <c r="E2909" i="2" s="1"/>
  <c r="E2898" i="2" a="1"/>
  <c r="E2898" i="2" s="1"/>
  <c r="AQ121" i="1"/>
  <c r="G127" i="5" s="1"/>
  <c r="E2912" i="2" a="1"/>
  <c r="E2912" i="2" s="1"/>
  <c r="E2903" i="2" a="1"/>
  <c r="E2903" i="2" s="1"/>
  <c r="E2892" i="2" a="1"/>
  <c r="E2892" i="2" s="1"/>
  <c r="G5053" i="2" a="1"/>
  <c r="G5053" i="2" s="1"/>
  <c r="G5059" i="2" a="1"/>
  <c r="G5059" i="2" s="1"/>
  <c r="G5054" i="2" a="1"/>
  <c r="G5054" i="2" s="1"/>
  <c r="G5063" i="2" a="1"/>
  <c r="G5063" i="2" s="1"/>
  <c r="G5055" i="2" a="1"/>
  <c r="G5055" i="2" s="1"/>
  <c r="G5051" i="2" a="1"/>
  <c r="G5051" i="2" s="1"/>
  <c r="G5069" i="2" a="1"/>
  <c r="G5069" i="2" s="1"/>
  <c r="G5058" i="2" a="1"/>
  <c r="G5058" i="2" s="1"/>
  <c r="G5056" i="2" a="1"/>
  <c r="G5056" i="2" s="1"/>
  <c r="G5052" i="2" a="1"/>
  <c r="G5052" i="2" s="1"/>
  <c r="G5072" i="2" a="1"/>
  <c r="G5072" i="2" s="1"/>
  <c r="G5065" i="2" a="1"/>
  <c r="G5065" i="2" s="1"/>
  <c r="G5070" i="2" a="1"/>
  <c r="G5070" i="2" s="1"/>
  <c r="G5073" i="2" a="1"/>
  <c r="G5073" i="2" s="1"/>
  <c r="G5057" i="2" a="1"/>
  <c r="G5057" i="2" s="1"/>
  <c r="G5061" i="2" a="1"/>
  <c r="G5061" i="2" s="1"/>
  <c r="G5066" i="2" a="1"/>
  <c r="G5066" i="2" s="1"/>
  <c r="G5068" i="2" a="1"/>
  <c r="G5068" i="2" s="1"/>
  <c r="G5060" i="2" a="1"/>
  <c r="G5060" i="2" s="1"/>
  <c r="G5071" i="2" a="1"/>
  <c r="G5071" i="2" s="1"/>
  <c r="G5067" i="2" a="1"/>
  <c r="G5067" i="2" s="1"/>
  <c r="G5064" i="2" a="1"/>
  <c r="G5064" i="2" s="1"/>
  <c r="G5050" i="2" a="1"/>
  <c r="G5050" i="2" s="1"/>
  <c r="G5062" i="2" a="1"/>
  <c r="G5062" i="2" s="1"/>
  <c r="G248" i="2" a="1"/>
  <c r="G248" i="2" s="1"/>
  <c r="G246" i="2" a="1"/>
  <c r="G246" i="2" s="1"/>
  <c r="G232" i="2" a="1"/>
  <c r="G232" i="2" s="1"/>
  <c r="G241" i="2" a="1"/>
  <c r="G241" i="2" s="1"/>
  <c r="G235" i="2" a="1"/>
  <c r="G235" i="2" s="1"/>
  <c r="G226" i="2" a="1"/>
  <c r="G226" i="2" s="1"/>
  <c r="G243" i="2" a="1"/>
  <c r="G243" i="2" s="1"/>
  <c r="G234" i="2" a="1"/>
  <c r="G234" i="2" s="1"/>
  <c r="G245" i="2" a="1"/>
  <c r="G245" i="2" s="1"/>
  <c r="G233" i="2" a="1"/>
  <c r="G233" i="2" s="1"/>
  <c r="G228" i="2" a="1"/>
  <c r="G228" i="2" s="1"/>
  <c r="G247" i="2" a="1"/>
  <c r="G247" i="2" s="1"/>
  <c r="G227" i="2" a="1"/>
  <c r="G227" i="2" s="1"/>
  <c r="G229" i="2" a="1"/>
  <c r="G229" i="2" s="1"/>
  <c r="G249" i="2" a="1"/>
  <c r="G249" i="2" s="1"/>
  <c r="G244" i="2" a="1"/>
  <c r="G244" i="2" s="1"/>
  <c r="G238" i="2" a="1"/>
  <c r="G238" i="2" s="1"/>
  <c r="G242" i="2" a="1"/>
  <c r="G242" i="2" s="1"/>
  <c r="G230" i="2" a="1"/>
  <c r="G230" i="2" s="1"/>
  <c r="G239" i="2" a="1"/>
  <c r="G239" i="2" s="1"/>
  <c r="G231" i="2" a="1"/>
  <c r="G231" i="2" s="1"/>
  <c r="F8217" i="2" a="1"/>
  <c r="F8217" i="2" s="1"/>
  <c r="F8205" i="2" a="1"/>
  <c r="F8205" i="2" s="1"/>
  <c r="F8201" i="2" a="1"/>
  <c r="F8201" i="2" s="1"/>
  <c r="F8198" i="2" a="1"/>
  <c r="F8198" i="2" s="1"/>
  <c r="F8202" i="2" a="1"/>
  <c r="F8202" i="2" s="1"/>
  <c r="F8211" i="2" a="1"/>
  <c r="F8211" i="2" s="1"/>
  <c r="F8206" i="2" a="1"/>
  <c r="F8206" i="2" s="1"/>
  <c r="F8216" i="2" a="1"/>
  <c r="F8216" i="2" s="1"/>
  <c r="F8212" i="2" a="1"/>
  <c r="F8212" i="2" s="1"/>
  <c r="F8210" i="2" a="1"/>
  <c r="F8210" i="2" s="1"/>
  <c r="F8213" i="2" a="1"/>
  <c r="F8213" i="2" s="1"/>
  <c r="F8199" i="2" a="1"/>
  <c r="F8199" i="2" s="1"/>
  <c r="F8209" i="2" a="1"/>
  <c r="F8209" i="2" s="1"/>
  <c r="F8196" i="2" a="1"/>
  <c r="F8196" i="2" s="1"/>
  <c r="F8207" i="2" a="1"/>
  <c r="F8207" i="2" s="1"/>
  <c r="F8214" i="2" a="1"/>
  <c r="F8214" i="2" s="1"/>
  <c r="F8197" i="2" a="1"/>
  <c r="F8197" i="2" s="1"/>
  <c r="F8215" i="2" a="1"/>
  <c r="F8215" i="2" s="1"/>
  <c r="F8204" i="2" a="1"/>
  <c r="F8204" i="2" s="1"/>
  <c r="F8194" i="2" a="1"/>
  <c r="F8194" i="2" s="1"/>
  <c r="F8203" i="2" a="1"/>
  <c r="F8203" i="2" s="1"/>
  <c r="F8195" i="2" a="1"/>
  <c r="F8195" i="2" s="1"/>
  <c r="G7989" i="2" a="1"/>
  <c r="G7989" i="2" s="1"/>
  <c r="G8001" i="2" a="1"/>
  <c r="G8001" i="2" s="1"/>
  <c r="G7988" i="2" a="1"/>
  <c r="G7988" i="2" s="1"/>
  <c r="I7988" i="2" s="1"/>
  <c r="I7962" i="5" s="1"/>
  <c r="G7997" i="2" a="1"/>
  <c r="G7997" i="2" s="1"/>
  <c r="G7995" i="2" a="1"/>
  <c r="G7995" i="2" s="1"/>
  <c r="G7979" i="2" a="1"/>
  <c r="G7979" i="2" s="1"/>
  <c r="G8000" i="2" a="1"/>
  <c r="G8000" i="2" s="1"/>
  <c r="G7992" i="2" a="1"/>
  <c r="G7992" i="2" s="1"/>
  <c r="G7983" i="2" a="1"/>
  <c r="G7983" i="2" s="1"/>
  <c r="G7978" i="2" a="1"/>
  <c r="G7978" i="2" s="1"/>
  <c r="G7990" i="2" a="1"/>
  <c r="G7990" i="2" s="1"/>
  <c r="G7993" i="2" a="1"/>
  <c r="G7993" i="2" s="1"/>
  <c r="G7994" i="2" a="1"/>
  <c r="G7994" i="2" s="1"/>
  <c r="G7981" i="2" a="1"/>
  <c r="G7981" i="2" s="1"/>
  <c r="G7984" i="2" a="1"/>
  <c r="G7984" i="2" s="1"/>
  <c r="G7986" i="2" a="1"/>
  <c r="G7986" i="2" s="1"/>
  <c r="G7991" i="2" a="1"/>
  <c r="G7991" i="2" s="1"/>
  <c r="G7987" i="2" a="1"/>
  <c r="G7987" i="2" s="1"/>
  <c r="G7982" i="2" a="1"/>
  <c r="G7982" i="2" s="1"/>
  <c r="H1733" i="2" a="1"/>
  <c r="H1733" i="2" s="1"/>
  <c r="H1723" i="2" a="1"/>
  <c r="H1723" i="2" s="1"/>
  <c r="H1727" i="2" a="1"/>
  <c r="H1727" i="2" s="1"/>
  <c r="H1728" i="2" a="1"/>
  <c r="H1728" i="2" s="1"/>
  <c r="H1717" i="2" a="1"/>
  <c r="H1717" i="2" s="1"/>
  <c r="H1718" i="2" a="1"/>
  <c r="H1718" i="2" s="1"/>
  <c r="H1729" i="2" a="1"/>
  <c r="H1729" i="2" s="1"/>
  <c r="H1722" i="2" a="1"/>
  <c r="H1722" i="2" s="1"/>
  <c r="H1715" i="2" a="1"/>
  <c r="H1715" i="2" s="1"/>
  <c r="H1736" i="2" a="1"/>
  <c r="H1736" i="2" s="1"/>
  <c r="H1731" i="2" a="1"/>
  <c r="H1731" i="2" s="1"/>
  <c r="H1721" i="2" a="1"/>
  <c r="H1721" i="2" s="1"/>
  <c r="H1737" i="2" a="1"/>
  <c r="H1737" i="2" s="1"/>
  <c r="H1730" i="2" a="1"/>
  <c r="H1730" i="2" s="1"/>
  <c r="H1735" i="2" a="1"/>
  <c r="H1735" i="2" s="1"/>
  <c r="H1725" i="2" a="1"/>
  <c r="H1725" i="2" s="1"/>
  <c r="H1732" i="2" a="1"/>
  <c r="H1732" i="2" s="1"/>
  <c r="AO312" i="1"/>
  <c r="E318" i="5" s="1"/>
  <c r="AP312" i="1"/>
  <c r="F318" i="5" s="1"/>
  <c r="AN312" i="1"/>
  <c r="D318" i="5" s="1"/>
  <c r="H4722" i="2" a="1"/>
  <c r="H4722" i="2" s="1"/>
  <c r="H4732" i="2" a="1"/>
  <c r="H4732" i="2" s="1"/>
  <c r="H4716" i="2" a="1"/>
  <c r="H4716" i="2" s="1"/>
  <c r="H4737" i="2" a="1"/>
  <c r="H4737" i="2" s="1"/>
  <c r="H4723" i="2" a="1"/>
  <c r="H4723" i="2" s="1"/>
  <c r="H4721" i="2" a="1"/>
  <c r="H4721" i="2" s="1"/>
  <c r="AO157" i="1"/>
  <c r="E163" i="5" s="1"/>
  <c r="AN157" i="1"/>
  <c r="D163" i="5" s="1"/>
  <c r="AQ157" i="1"/>
  <c r="G163" i="5" s="1"/>
  <c r="AP157" i="1"/>
  <c r="F163" i="5" s="1"/>
  <c r="AM157" i="1"/>
  <c r="H6853" i="2" a="1"/>
  <c r="H6853" i="2" s="1"/>
  <c r="H6868" i="2" a="1"/>
  <c r="H6868" i="2" s="1"/>
  <c r="H6870" i="2" a="1"/>
  <c r="H6870" i="2" s="1"/>
  <c r="H6865" i="2" a="1"/>
  <c r="H6865" i="2" s="1"/>
  <c r="H6873" i="2" a="1"/>
  <c r="H6873" i="2" s="1"/>
  <c r="H6851" i="2" a="1"/>
  <c r="H6851" i="2" s="1"/>
  <c r="H6858" i="2" a="1"/>
  <c r="H6858" i="2" s="1"/>
  <c r="H6861" i="2" a="1"/>
  <c r="H6861" i="2" s="1"/>
  <c r="H6852" i="2" a="1"/>
  <c r="H6852" i="2" s="1"/>
  <c r="H6864" i="2" a="1"/>
  <c r="H6864" i="2" s="1"/>
  <c r="H6854" i="2" a="1"/>
  <c r="H6854" i="2" s="1"/>
  <c r="H6872" i="2" a="1"/>
  <c r="H6872" i="2" s="1"/>
  <c r="H6857" i="2" a="1"/>
  <c r="H6857" i="2" s="1"/>
  <c r="H6866" i="2" a="1"/>
  <c r="H6866" i="2" s="1"/>
  <c r="H6867" i="2" a="1"/>
  <c r="H6867" i="2" s="1"/>
  <c r="H6856" i="2" a="1"/>
  <c r="H6856" i="2" s="1"/>
  <c r="H7194" i="2" a="1"/>
  <c r="H7194" i="2" s="1"/>
  <c r="H7191" i="2" a="1"/>
  <c r="H7191" i="2" s="1"/>
  <c r="H7198" i="2" a="1"/>
  <c r="H7198" i="2" s="1"/>
  <c r="H7196" i="2" a="1"/>
  <c r="H7196" i="2" s="1"/>
  <c r="H7209" i="2" a="1"/>
  <c r="H7209" i="2" s="1"/>
  <c r="H7206" i="2" a="1"/>
  <c r="H7206" i="2" s="1"/>
  <c r="H7204" i="2" a="1"/>
  <c r="H7204" i="2" s="1"/>
  <c r="H7186" i="2" a="1"/>
  <c r="H7186" i="2" s="1"/>
  <c r="H7189" i="2" a="1"/>
  <c r="H7189" i="2" s="1"/>
  <c r="H7188" i="2" a="1"/>
  <c r="H7188" i="2" s="1"/>
  <c r="H7200" i="2" a="1"/>
  <c r="H7200" i="2" s="1"/>
  <c r="H7201" i="2" a="1"/>
  <c r="H7201" i="2" s="1"/>
  <c r="H7203" i="2" a="1"/>
  <c r="H7203" i="2" s="1"/>
  <c r="H7208" i="2" a="1"/>
  <c r="H7208" i="2" s="1"/>
  <c r="H7187" i="2" a="1"/>
  <c r="H7187" i="2" s="1"/>
  <c r="H7205" i="2" a="1"/>
  <c r="H7205" i="2" s="1"/>
  <c r="H7193" i="2" a="1"/>
  <c r="H7193" i="2" s="1"/>
  <c r="H7195" i="2" a="1"/>
  <c r="H7195" i="2" s="1"/>
  <c r="H7197" i="2" a="1"/>
  <c r="H7197" i="2" s="1"/>
  <c r="H7190" i="2" a="1"/>
  <c r="H7190" i="2" s="1"/>
  <c r="H7202" i="2" a="1"/>
  <c r="H7202" i="2" s="1"/>
  <c r="H7192" i="2" a="1"/>
  <c r="H7192" i="2" s="1"/>
  <c r="G5557" i="2" a="1"/>
  <c r="G5557" i="2" s="1"/>
  <c r="G5563" i="2" a="1"/>
  <c r="G5563" i="2" s="1"/>
  <c r="G5572" i="2" a="1"/>
  <c r="G5572" i="2" s="1"/>
  <c r="G5558" i="2" a="1"/>
  <c r="G5558" i="2" s="1"/>
  <c r="G5561" i="2" a="1"/>
  <c r="G5561" i="2" s="1"/>
  <c r="G5568" i="2" a="1"/>
  <c r="G5568" i="2" s="1"/>
  <c r="G5570" i="2" a="1"/>
  <c r="G5570" i="2" s="1"/>
  <c r="G5574" i="2" a="1"/>
  <c r="G5574" i="2" s="1"/>
  <c r="G5562" i="2" a="1"/>
  <c r="G5562" i="2" s="1"/>
  <c r="G5554" i="2" a="1"/>
  <c r="G5554" i="2" s="1"/>
  <c r="G5566" i="2" a="1"/>
  <c r="G5566" i="2" s="1"/>
  <c r="G5576" i="2" a="1"/>
  <c r="G5576" i="2" s="1"/>
  <c r="G5573" i="2" a="1"/>
  <c r="G5573" i="2" s="1"/>
  <c r="G5567" i="2" a="1"/>
  <c r="G5567" i="2" s="1"/>
  <c r="G5556" i="2" a="1"/>
  <c r="G5556" i="2" s="1"/>
  <c r="G5559" i="2" a="1"/>
  <c r="G5559" i="2" s="1"/>
  <c r="G5577" i="2" a="1"/>
  <c r="G5577" i="2" s="1"/>
  <c r="G5560" i="2" a="1"/>
  <c r="G5560" i="2" s="1"/>
  <c r="G5569" i="2" a="1"/>
  <c r="G5569" i="2" s="1"/>
  <c r="G5555" i="2" a="1"/>
  <c r="G5555" i="2" s="1"/>
  <c r="G5565" i="2" a="1"/>
  <c r="G5565" i="2" s="1"/>
  <c r="G5575" i="2" a="1"/>
  <c r="G5575" i="2" s="1"/>
  <c r="G5564" i="2" a="1"/>
  <c r="G5564" i="2" s="1"/>
  <c r="G5571" i="2" a="1"/>
  <c r="G5571" i="2" s="1"/>
  <c r="F7927" i="2" a="1"/>
  <c r="F7927" i="2" s="1"/>
  <c r="F7917" i="2" a="1"/>
  <c r="F7917" i="2" s="1"/>
  <c r="F7916" i="2" a="1"/>
  <c r="F7916" i="2" s="1"/>
  <c r="F7910" i="2" a="1"/>
  <c r="F7910" i="2" s="1"/>
  <c r="F7926" i="2" a="1"/>
  <c r="F7926" i="2" s="1"/>
  <c r="F7906" i="2" a="1"/>
  <c r="F7906" i="2" s="1"/>
  <c r="F7909" i="2" a="1"/>
  <c r="F7909" i="2" s="1"/>
  <c r="F7923" i="2" a="1"/>
  <c r="F7923" i="2" s="1"/>
  <c r="F7908" i="2" a="1"/>
  <c r="F7908" i="2" s="1"/>
  <c r="F7929" i="2" a="1"/>
  <c r="F7929" i="2" s="1"/>
  <c r="F7918" i="2" a="1"/>
  <c r="F7918" i="2" s="1"/>
  <c r="F7911" i="2" a="1"/>
  <c r="F7911" i="2" s="1"/>
  <c r="F7925" i="2" a="1"/>
  <c r="F7925" i="2" s="1"/>
  <c r="F7912" i="2" a="1"/>
  <c r="F7912" i="2" s="1"/>
  <c r="F7922" i="2" a="1"/>
  <c r="F7922" i="2" s="1"/>
  <c r="F7921" i="2" a="1"/>
  <c r="F7921" i="2" s="1"/>
  <c r="F7914" i="2" a="1"/>
  <c r="F7914" i="2" s="1"/>
  <c r="F7928" i="2" a="1"/>
  <c r="F7928" i="2" s="1"/>
  <c r="F7924" i="2" a="1"/>
  <c r="F7924" i="2" s="1"/>
  <c r="F7915" i="2" a="1"/>
  <c r="F7915" i="2" s="1"/>
  <c r="F7920" i="2" a="1"/>
  <c r="F7920" i="2" s="1"/>
  <c r="F7913" i="2" a="1"/>
  <c r="F7913" i="2" s="1"/>
  <c r="AQ107" i="1"/>
  <c r="G113" i="5" s="1"/>
  <c r="D2566" i="2" a="1"/>
  <c r="D2566" i="2" s="1"/>
  <c r="AO107" i="1"/>
  <c r="E113" i="5" s="1"/>
  <c r="D2574" i="2" a="1"/>
  <c r="D2574" i="2" s="1"/>
  <c r="AN107" i="1"/>
  <c r="D113" i="5" s="1"/>
  <c r="D2567" i="2" a="1"/>
  <c r="D2567" i="2" s="1"/>
  <c r="AM107" i="1"/>
  <c r="D2558" i="2" a="1"/>
  <c r="D2558" i="2" s="1"/>
  <c r="D2557" i="2" a="1"/>
  <c r="D2557" i="2" s="1"/>
  <c r="D2570" i="2" a="1"/>
  <c r="D2570" i="2" s="1"/>
  <c r="AP107" i="1"/>
  <c r="F113" i="5" s="1"/>
  <c r="D2565" i="2" a="1"/>
  <c r="D2565" i="2" s="1"/>
  <c r="D2560" i="2" a="1"/>
  <c r="D2560" i="2" s="1"/>
  <c r="D2576" i="2" a="1"/>
  <c r="D2576" i="2" s="1"/>
  <c r="D2575" i="2" a="1"/>
  <c r="D2575" i="2" s="1"/>
  <c r="D2556" i="2" a="1"/>
  <c r="D2556" i="2" s="1"/>
  <c r="D2559" i="2" a="1"/>
  <c r="D2559" i="2" s="1"/>
  <c r="D2554" i="2" a="1"/>
  <c r="D2554" i="2" s="1"/>
  <c r="D2572" i="2" a="1"/>
  <c r="D2572" i="2" s="1"/>
  <c r="D2555" i="2" a="1"/>
  <c r="D2555" i="2" s="1"/>
  <c r="D2563" i="2" a="1"/>
  <c r="D2563" i="2" s="1"/>
  <c r="D2571" i="2" a="1"/>
  <c r="D2571" i="2" s="1"/>
  <c r="D2564" i="2" a="1"/>
  <c r="D2564" i="2" s="1"/>
  <c r="D2569" i="2" a="1"/>
  <c r="D2569" i="2" s="1"/>
  <c r="D2573" i="2" a="1"/>
  <c r="D2573" i="2" s="1"/>
  <c r="D2577" i="2" a="1"/>
  <c r="D2577" i="2" s="1"/>
  <c r="D2568" i="2" a="1"/>
  <c r="D2568" i="2" s="1"/>
  <c r="D2562" i="2" a="1"/>
  <c r="D2562" i="2" s="1"/>
  <c r="K2562" i="2" s="1"/>
  <c r="K2536" i="5" s="1"/>
  <c r="O2536" i="5" s="1"/>
  <c r="D2561" i="2" a="1"/>
  <c r="D2561" i="2" s="1"/>
  <c r="F5063" i="2" a="1"/>
  <c r="F5063" i="2" s="1"/>
  <c r="F5072" i="2" a="1"/>
  <c r="F5072" i="2" s="1"/>
  <c r="F5051" i="2" a="1"/>
  <c r="F5051" i="2" s="1"/>
  <c r="F5053" i="2" a="1"/>
  <c r="F5053" i="2" s="1"/>
  <c r="F5067" i="2" a="1"/>
  <c r="F5067" i="2" s="1"/>
  <c r="F5054" i="2" a="1"/>
  <c r="F5054" i="2" s="1"/>
  <c r="F5052" i="2" a="1"/>
  <c r="F5052" i="2" s="1"/>
  <c r="F5065" i="2" a="1"/>
  <c r="F5065" i="2" s="1"/>
  <c r="F5066" i="2" a="1"/>
  <c r="F5066" i="2" s="1"/>
  <c r="F5069" i="2" a="1"/>
  <c r="F5069" i="2" s="1"/>
  <c r="F5064" i="2" a="1"/>
  <c r="F5064" i="2" s="1"/>
  <c r="F5057" i="2" a="1"/>
  <c r="F5057" i="2" s="1"/>
  <c r="F5071" i="2" a="1"/>
  <c r="F5071" i="2" s="1"/>
  <c r="F5059" i="2" a="1"/>
  <c r="F5059" i="2" s="1"/>
  <c r="F5060" i="2" a="1"/>
  <c r="F5060" i="2" s="1"/>
  <c r="F5050" i="2" a="1"/>
  <c r="F5050" i="2" s="1"/>
  <c r="F5062" i="2" a="1"/>
  <c r="F5062" i="2" s="1"/>
  <c r="F5068" i="2" a="1"/>
  <c r="F5068" i="2" s="1"/>
  <c r="F5055" i="2" a="1"/>
  <c r="F5055" i="2" s="1"/>
  <c r="F5061" i="2" a="1"/>
  <c r="F5061" i="2" s="1"/>
  <c r="F5056" i="2" a="1"/>
  <c r="F5056" i="2" s="1"/>
  <c r="F5070" i="2" a="1"/>
  <c r="F5070" i="2" s="1"/>
  <c r="F5058" i="2" a="1"/>
  <c r="F5058" i="2" s="1"/>
  <c r="D4062" i="2" a="1"/>
  <c r="D4062" i="2" s="1"/>
  <c r="D4065" i="2" a="1"/>
  <c r="D4065" i="2" s="1"/>
  <c r="D4056" i="2" a="1"/>
  <c r="D4056" i="2" s="1"/>
  <c r="D4051" i="2" a="1"/>
  <c r="D4051" i="2" s="1"/>
  <c r="D4044" i="2" a="1"/>
  <c r="D4044" i="2" s="1"/>
  <c r="D4052" i="2" a="1"/>
  <c r="D4052" i="2" s="1"/>
  <c r="D4046" i="2" a="1"/>
  <c r="D4046" i="2" s="1"/>
  <c r="D4043" i="2" a="1"/>
  <c r="D4043" i="2" s="1"/>
  <c r="D4055" i="2" a="1"/>
  <c r="D4055" i="2" s="1"/>
  <c r="D4063" i="2" a="1"/>
  <c r="D4063" i="2" s="1"/>
  <c r="G7240" i="2" a="1"/>
  <c r="G7240" i="2" s="1"/>
  <c r="G7237" i="2" a="1"/>
  <c r="G7237" i="2" s="1"/>
  <c r="G7248" i="2" a="1"/>
  <c r="G7248" i="2" s="1"/>
  <c r="G7242" i="2" a="1"/>
  <c r="G7242" i="2" s="1"/>
  <c r="G7244" i="2" a="1"/>
  <c r="G7244" i="2" s="1"/>
  <c r="G7255" i="2" a="1"/>
  <c r="G7255" i="2" s="1"/>
  <c r="G7234" i="2" a="1"/>
  <c r="G7234" i="2" s="1"/>
  <c r="G7247" i="2" a="1"/>
  <c r="G7247" i="2" s="1"/>
  <c r="G7250" i="2" a="1"/>
  <c r="G7250" i="2" s="1"/>
  <c r="G7236" i="2" a="1"/>
  <c r="G7236" i="2" s="1"/>
  <c r="G7235" i="2" a="1"/>
  <c r="G7235" i="2" s="1"/>
  <c r="G7254" i="2" a="1"/>
  <c r="G7254" i="2" s="1"/>
  <c r="G7249" i="2" a="1"/>
  <c r="G7249" i="2" s="1"/>
  <c r="G7251" i="2" a="1"/>
  <c r="G7251" i="2" s="1"/>
  <c r="G7245" i="2" a="1"/>
  <c r="G7245" i="2" s="1"/>
  <c r="G7253" i="2" a="1"/>
  <c r="G7253" i="2" s="1"/>
  <c r="G7241" i="2" a="1"/>
  <c r="G7241" i="2" s="1"/>
  <c r="G7256" i="2" a="1"/>
  <c r="G7256" i="2" s="1"/>
  <c r="G7257" i="2" a="1"/>
  <c r="G7257" i="2" s="1"/>
  <c r="G7246" i="2" a="1"/>
  <c r="G7246" i="2" s="1"/>
  <c r="H6716" i="2" a="1"/>
  <c r="H6716" i="2" s="1"/>
  <c r="H6725" i="2" a="1"/>
  <c r="H6725" i="2" s="1"/>
  <c r="H6713" i="2" a="1"/>
  <c r="H6713" i="2" s="1"/>
  <c r="H6719" i="2" a="1"/>
  <c r="H6719" i="2" s="1"/>
  <c r="H6718" i="2" a="1"/>
  <c r="H6718" i="2" s="1"/>
  <c r="H6726" i="2" a="1"/>
  <c r="H6726" i="2" s="1"/>
  <c r="H6727" i="2" a="1"/>
  <c r="H6727" i="2" s="1"/>
  <c r="H6724" i="2" a="1"/>
  <c r="H6724" i="2" s="1"/>
  <c r="H6710" i="2" a="1"/>
  <c r="H6710" i="2" s="1"/>
  <c r="H6715" i="2" a="1"/>
  <c r="H6715" i="2" s="1"/>
  <c r="H6720" i="2" a="1"/>
  <c r="H6720" i="2" s="1"/>
  <c r="H6712" i="2" a="1"/>
  <c r="H6712" i="2" s="1"/>
  <c r="H6717" i="2" a="1"/>
  <c r="H6717" i="2" s="1"/>
  <c r="H6723" i="2" a="1"/>
  <c r="H6723" i="2" s="1"/>
  <c r="H6709" i="2" a="1"/>
  <c r="H6709" i="2" s="1"/>
  <c r="H6706" i="2" a="1"/>
  <c r="H6706" i="2" s="1"/>
  <c r="H6708" i="2" a="1"/>
  <c r="H6708" i="2" s="1"/>
  <c r="H6714" i="2" a="1"/>
  <c r="H6714" i="2" s="1"/>
  <c r="H6729" i="2" a="1"/>
  <c r="H6729" i="2" s="1"/>
  <c r="H6721" i="2" a="1"/>
  <c r="H6721" i="2" s="1"/>
  <c r="H6728" i="2" a="1"/>
  <c r="H6728" i="2" s="1"/>
  <c r="H6707" i="2" a="1"/>
  <c r="H6707" i="2" s="1"/>
  <c r="H6722" i="2" a="1"/>
  <c r="H6722" i="2" s="1"/>
  <c r="F3762" i="2" a="1"/>
  <c r="F3762" i="2" s="1"/>
  <c r="F3768" i="2" a="1"/>
  <c r="F3768" i="2" s="1"/>
  <c r="F3765" i="2" a="1"/>
  <c r="F3765" i="2" s="1"/>
  <c r="F3756" i="2" a="1"/>
  <c r="F3756" i="2" s="1"/>
  <c r="J3756" i="2" s="1"/>
  <c r="J3730" i="5" s="1"/>
  <c r="N3730" i="5" s="1"/>
  <c r="F3775" i="2" a="1"/>
  <c r="F3775" i="2" s="1"/>
  <c r="F3774" i="2" a="1"/>
  <c r="F3774" i="2" s="1"/>
  <c r="F3767" i="2" a="1"/>
  <c r="F3767" i="2" s="1"/>
  <c r="F3763" i="2" a="1"/>
  <c r="F3763" i="2" s="1"/>
  <c r="F3776" i="2" a="1"/>
  <c r="F3776" i="2" s="1"/>
  <c r="F3772" i="2" a="1"/>
  <c r="F3772" i="2" s="1"/>
  <c r="F3777" i="2" a="1"/>
  <c r="F3777" i="2" s="1"/>
  <c r="F3764" i="2" a="1"/>
  <c r="F3764" i="2" s="1"/>
  <c r="F3761" i="2" a="1"/>
  <c r="F3761" i="2" s="1"/>
  <c r="F3771" i="2" a="1"/>
  <c r="F3771" i="2" s="1"/>
  <c r="F3755" i="2" a="1"/>
  <c r="F3755" i="2" s="1"/>
  <c r="E6358" i="2" a="1"/>
  <c r="E6358" i="2" s="1"/>
  <c r="E6346" i="2" a="1"/>
  <c r="E6346" i="2" s="1"/>
  <c r="E6356" i="2" a="1"/>
  <c r="E6356" i="2" s="1"/>
  <c r="E6365" i="2" a="1"/>
  <c r="E6365" i="2" s="1"/>
  <c r="E6359" i="2" a="1"/>
  <c r="E6359" i="2" s="1"/>
  <c r="E6360" i="2" a="1"/>
  <c r="E6360" i="2" s="1"/>
  <c r="E6350" i="2" a="1"/>
  <c r="E6350" i="2" s="1"/>
  <c r="E6351" i="2" a="1"/>
  <c r="E6351" i="2" s="1"/>
  <c r="E6363" i="2" a="1"/>
  <c r="E6363" i="2" s="1"/>
  <c r="E6352" i="2" a="1"/>
  <c r="E6352" i="2" s="1"/>
  <c r="E6369" i="2" a="1"/>
  <c r="E6369" i="2" s="1"/>
  <c r="E6367" i="2" a="1"/>
  <c r="E6367" i="2" s="1"/>
  <c r="E6347" i="2" a="1"/>
  <c r="E6347" i="2" s="1"/>
  <c r="E6357" i="2" a="1"/>
  <c r="E6357" i="2" s="1"/>
  <c r="E6355" i="2" a="1"/>
  <c r="E6355" i="2" s="1"/>
  <c r="E6353" i="2" a="1"/>
  <c r="E6353" i="2" s="1"/>
  <c r="H1712" i="2" a="1"/>
  <c r="H1712" i="2" s="1"/>
  <c r="H1710" i="2" a="1"/>
  <c r="H1710" i="2" s="1"/>
  <c r="H1701" i="2" a="1"/>
  <c r="H1701" i="2" s="1"/>
  <c r="H1692" i="2" a="1"/>
  <c r="H1692" i="2" s="1"/>
  <c r="H1705" i="2" a="1"/>
  <c r="H1705" i="2" s="1"/>
  <c r="H1699" i="2" a="1"/>
  <c r="H1699" i="2" s="1"/>
  <c r="H1690" i="2" a="1"/>
  <c r="H1690" i="2" s="1"/>
  <c r="H1708" i="2" a="1"/>
  <c r="H1708" i="2" s="1"/>
  <c r="H1691" i="2" a="1"/>
  <c r="H1691" i="2" s="1"/>
  <c r="H1700" i="2" a="1"/>
  <c r="H1700" i="2" s="1"/>
  <c r="H1709" i="2" a="1"/>
  <c r="H1709" i="2" s="1"/>
  <c r="H1713" i="2" a="1"/>
  <c r="H1713" i="2" s="1"/>
  <c r="H1703" i="2" a="1"/>
  <c r="H1703" i="2" s="1"/>
  <c r="H1702" i="2" a="1"/>
  <c r="H1702" i="2" s="1"/>
  <c r="H1707" i="2" a="1"/>
  <c r="H1707" i="2" s="1"/>
  <c r="H1711" i="2" a="1"/>
  <c r="H1711" i="2" s="1"/>
  <c r="H1694" i="2" a="1"/>
  <c r="H1694" i="2" s="1"/>
  <c r="H1695" i="2" a="1"/>
  <c r="H1695" i="2" s="1"/>
  <c r="H1696" i="2" a="1"/>
  <c r="H1696" i="2" s="1"/>
  <c r="H1704" i="2" a="1"/>
  <c r="H1704" i="2" s="1"/>
  <c r="H1706" i="2" a="1"/>
  <c r="H1706" i="2" s="1"/>
  <c r="H1698" i="2" a="1"/>
  <c r="H1698" i="2" s="1"/>
  <c r="H1697" i="2" a="1"/>
  <c r="H1697" i="2" s="1"/>
  <c r="H1693" i="2" a="1"/>
  <c r="H1693" i="2" s="1"/>
  <c r="H2088" i="2" a="1"/>
  <c r="H2088" i="2" s="1"/>
  <c r="H2076" i="2" a="1"/>
  <c r="H2076" i="2" s="1"/>
  <c r="H2081" i="2" a="1"/>
  <c r="H2081" i="2" s="1"/>
  <c r="H2075" i="2" a="1"/>
  <c r="H2075" i="2" s="1"/>
  <c r="H2074" i="2" a="1"/>
  <c r="H2074" i="2" s="1"/>
  <c r="H2094" i="2" a="1"/>
  <c r="H2094" i="2" s="1"/>
  <c r="H2084" i="2" a="1"/>
  <c r="H2084" i="2" s="1"/>
  <c r="H2079" i="2" a="1"/>
  <c r="H2079" i="2" s="1"/>
  <c r="H2082" i="2" a="1"/>
  <c r="H2082" i="2" s="1"/>
  <c r="H2092" i="2" a="1"/>
  <c r="H2092" i="2" s="1"/>
  <c r="H2097" i="2" a="1"/>
  <c r="H2097" i="2" s="1"/>
  <c r="H2083" i="2" a="1"/>
  <c r="H2083" i="2" s="1"/>
  <c r="H2080" i="2" a="1"/>
  <c r="H2080" i="2" s="1"/>
  <c r="H2095" i="2" a="1"/>
  <c r="H2095" i="2" s="1"/>
  <c r="H2086" i="2" a="1"/>
  <c r="H2086" i="2" s="1"/>
  <c r="H2091" i="2" a="1"/>
  <c r="H2091" i="2" s="1"/>
  <c r="H2085" i="2" a="1"/>
  <c r="H2085" i="2" s="1"/>
  <c r="H2087" i="2" a="1"/>
  <c r="H2087" i="2" s="1"/>
  <c r="H2077" i="2" a="1"/>
  <c r="H2077" i="2" s="1"/>
  <c r="H2096" i="2" a="1"/>
  <c r="H2096" i="2" s="1"/>
  <c r="H2078" i="2" a="1"/>
  <c r="H2078" i="2" s="1"/>
  <c r="H2089" i="2" a="1"/>
  <c r="H2089" i="2" s="1"/>
  <c r="H2090" i="2" a="1"/>
  <c r="H2090" i="2" s="1"/>
  <c r="D2027" i="2" a="1"/>
  <c r="D2027" i="2" s="1"/>
  <c r="D2042" i="2" a="1"/>
  <c r="D2042" i="2" s="1"/>
  <c r="D2040" i="2" a="1"/>
  <c r="D2040" i="2" s="1"/>
  <c r="D2032" i="2" a="1"/>
  <c r="D2032" i="2" s="1"/>
  <c r="D2044" i="2" a="1"/>
  <c r="D2044" i="2" s="1"/>
  <c r="D2029" i="2" a="1"/>
  <c r="D2029" i="2" s="1"/>
  <c r="D2039" i="2" a="1"/>
  <c r="D2039" i="2" s="1"/>
  <c r="D2030" i="2" a="1"/>
  <c r="D2030" i="2" s="1"/>
  <c r="D2033" i="2" a="1"/>
  <c r="D2033" i="2" s="1"/>
  <c r="D2041" i="2" a="1"/>
  <c r="D2041" i="2" s="1"/>
  <c r="D2046" i="2" a="1"/>
  <c r="D2046" i="2" s="1"/>
  <c r="D2035" i="2" a="1"/>
  <c r="D2035" i="2" s="1"/>
  <c r="D2047" i="2" a="1"/>
  <c r="D2047" i="2" s="1"/>
  <c r="D2028" i="2" a="1"/>
  <c r="D2028" i="2" s="1"/>
  <c r="D2037" i="2" a="1"/>
  <c r="D2037" i="2" s="1"/>
  <c r="D2048" i="2" a="1"/>
  <c r="D2048" i="2" s="1"/>
  <c r="D2049" i="2" a="1"/>
  <c r="D2049" i="2" s="1"/>
  <c r="D2038" i="2" a="1"/>
  <c r="D2038" i="2" s="1"/>
  <c r="D2034" i="2" a="1"/>
  <c r="D2034" i="2" s="1"/>
  <c r="D2043" i="2" a="1"/>
  <c r="D2043" i="2" s="1"/>
  <c r="D2026" i="2" a="1"/>
  <c r="D2026" i="2" s="1"/>
  <c r="D2036" i="2" a="1"/>
  <c r="D2036" i="2" s="1"/>
  <c r="D2031" i="2" a="1"/>
  <c r="D2031" i="2" s="1"/>
  <c r="D2045" i="2" a="1"/>
  <c r="D2045" i="2" s="1"/>
  <c r="G4019" i="2" a="1"/>
  <c r="G4019" i="2" s="1"/>
  <c r="G4029" i="2" a="1"/>
  <c r="G4029" i="2" s="1"/>
  <c r="G4041" i="2" a="1"/>
  <c r="G4041" i="2" s="1"/>
  <c r="G4023" i="2" a="1"/>
  <c r="G4023" i="2" s="1"/>
  <c r="G4026" i="2" a="1"/>
  <c r="G4026" i="2" s="1"/>
  <c r="G4036" i="2" a="1"/>
  <c r="G4036" i="2" s="1"/>
  <c r="G4032" i="2" a="1"/>
  <c r="G4032" i="2" s="1"/>
  <c r="G4027" i="2" a="1"/>
  <c r="G4027" i="2" s="1"/>
  <c r="G4018" i="2" a="1"/>
  <c r="G4018" i="2" s="1"/>
  <c r="G4020" i="2" a="1"/>
  <c r="G4020" i="2" s="1"/>
  <c r="G4030" i="2" a="1"/>
  <c r="G4030" i="2" s="1"/>
  <c r="G4033" i="2" a="1"/>
  <c r="G4033" i="2" s="1"/>
  <c r="G4037" i="2" a="1"/>
  <c r="G4037" i="2" s="1"/>
  <c r="G4034" i="2" a="1"/>
  <c r="G4034" i="2" s="1"/>
  <c r="G4022" i="2" a="1"/>
  <c r="G4022" i="2" s="1"/>
  <c r="G4031" i="2" a="1"/>
  <c r="G4031" i="2" s="1"/>
  <c r="G4040" i="2" a="1"/>
  <c r="G4040" i="2" s="1"/>
  <c r="G4028" i="2" a="1"/>
  <c r="G4028" i="2" s="1"/>
  <c r="G4021" i="2" a="1"/>
  <c r="G4021" i="2" s="1"/>
  <c r="G4025" i="2" a="1"/>
  <c r="G4025" i="2" s="1"/>
  <c r="G4039" i="2" a="1"/>
  <c r="G4039" i="2" s="1"/>
  <c r="G4024" i="2" a="1"/>
  <c r="G4024" i="2" s="1"/>
  <c r="G4035" i="2" a="1"/>
  <c r="G4035" i="2" s="1"/>
  <c r="G4038" i="2" a="1"/>
  <c r="G4038" i="2" s="1"/>
  <c r="F3913" i="2" a="1"/>
  <c r="F3913" i="2" s="1"/>
  <c r="F3902" i="2" a="1"/>
  <c r="F3902" i="2" s="1"/>
  <c r="F3918" i="2" a="1"/>
  <c r="F3918" i="2" s="1"/>
  <c r="F3914" i="2" a="1"/>
  <c r="F3914" i="2" s="1"/>
  <c r="F3904" i="2" a="1"/>
  <c r="F3904" i="2" s="1"/>
  <c r="F3912" i="2" a="1"/>
  <c r="F3912" i="2" s="1"/>
  <c r="F3908" i="2" a="1"/>
  <c r="F3908" i="2" s="1"/>
  <c r="F3916" i="2" a="1"/>
  <c r="F3916" i="2" s="1"/>
  <c r="F3909" i="2" a="1"/>
  <c r="F3909" i="2" s="1"/>
  <c r="F3903" i="2" a="1"/>
  <c r="F3903" i="2" s="1"/>
  <c r="F3899" i="2" a="1"/>
  <c r="F3899" i="2" s="1"/>
  <c r="F3915" i="2" a="1"/>
  <c r="F3915" i="2" s="1"/>
  <c r="F3898" i="2" a="1"/>
  <c r="F3898" i="2" s="1"/>
  <c r="F3919" i="2" a="1"/>
  <c r="F3919" i="2" s="1"/>
  <c r="F3901" i="2" a="1"/>
  <c r="F3901" i="2" s="1"/>
  <c r="F3920" i="2" a="1"/>
  <c r="F3920" i="2" s="1"/>
  <c r="F3910" i="2" a="1"/>
  <c r="F3910" i="2" s="1"/>
  <c r="F3907" i="2" a="1"/>
  <c r="F3907" i="2" s="1"/>
  <c r="F3917" i="2" a="1"/>
  <c r="F3917" i="2" s="1"/>
  <c r="F3905" i="2" a="1"/>
  <c r="F3905" i="2" s="1"/>
  <c r="F3906" i="2" a="1"/>
  <c r="F3906" i="2" s="1"/>
  <c r="F3900" i="2" a="1"/>
  <c r="F3900" i="2" s="1"/>
  <c r="F3921" i="2" a="1"/>
  <c r="F3921" i="2" s="1"/>
  <c r="F3911" i="2" a="1"/>
  <c r="F3911" i="2" s="1"/>
  <c r="G4514" i="2" a="1"/>
  <c r="G4514" i="2" s="1"/>
  <c r="G4517" i="2" a="1"/>
  <c r="G4517" i="2" s="1"/>
  <c r="G4498" i="2" a="1"/>
  <c r="G4498" i="2" s="1"/>
  <c r="G4518" i="2" a="1"/>
  <c r="G4518" i="2" s="1"/>
  <c r="G4507" i="2" a="1"/>
  <c r="G4507" i="2" s="1"/>
  <c r="H1422" i="2" a="1"/>
  <c r="H1422" i="2" s="1"/>
  <c r="H1408" i="2" a="1"/>
  <c r="H1408" i="2" s="1"/>
  <c r="H1409" i="2" a="1"/>
  <c r="H1409" i="2" s="1"/>
  <c r="H1421" i="2" a="1"/>
  <c r="H1421" i="2" s="1"/>
  <c r="H1406" i="2" a="1"/>
  <c r="H1406" i="2" s="1"/>
  <c r="H1411" i="2" a="1"/>
  <c r="H1411" i="2" s="1"/>
  <c r="H1415" i="2" a="1"/>
  <c r="H1415" i="2" s="1"/>
  <c r="H1424" i="2" a="1"/>
  <c r="H1424" i="2" s="1"/>
  <c r="H1419" i="2" a="1"/>
  <c r="H1419" i="2" s="1"/>
  <c r="H1403" i="2" a="1"/>
  <c r="H1403" i="2" s="1"/>
  <c r="H1417" i="2" a="1"/>
  <c r="H1417" i="2" s="1"/>
  <c r="H1412" i="2" a="1"/>
  <c r="H1412" i="2" s="1"/>
  <c r="H1404" i="2" a="1"/>
  <c r="H1404" i="2" s="1"/>
  <c r="H1413" i="2" a="1"/>
  <c r="H1413" i="2" s="1"/>
  <c r="H1416" i="2" a="1"/>
  <c r="H1416" i="2" s="1"/>
  <c r="H1414" i="2" a="1"/>
  <c r="H1414" i="2" s="1"/>
  <c r="H1402" i="2" a="1"/>
  <c r="H1402" i="2" s="1"/>
  <c r="H1423" i="2" a="1"/>
  <c r="H1423" i="2" s="1"/>
  <c r="H1410" i="2" a="1"/>
  <c r="H1410" i="2" s="1"/>
  <c r="F7002" i="2" a="1"/>
  <c r="F7002" i="2" s="1"/>
  <c r="F7005" i="2" a="1"/>
  <c r="F7005" i="2" s="1"/>
  <c r="F6994" i="2" a="1"/>
  <c r="F6994" i="2" s="1"/>
  <c r="F7017" i="2" a="1"/>
  <c r="F7017" i="2" s="1"/>
  <c r="F7008" i="2" a="1"/>
  <c r="F7008" i="2" s="1"/>
  <c r="F7004" i="2" a="1"/>
  <c r="F7004" i="2" s="1"/>
  <c r="F7015" i="2" a="1"/>
  <c r="F7015" i="2" s="1"/>
  <c r="F7012" i="2" a="1"/>
  <c r="F7012" i="2" s="1"/>
  <c r="F6999" i="2" a="1"/>
  <c r="F6999" i="2" s="1"/>
  <c r="F7011" i="2" a="1"/>
  <c r="F7011" i="2" s="1"/>
  <c r="F7006" i="2" a="1"/>
  <c r="F7006" i="2" s="1"/>
  <c r="F7016" i="2" a="1"/>
  <c r="F7016" i="2" s="1"/>
  <c r="F7014" i="2" a="1"/>
  <c r="F7014" i="2" s="1"/>
  <c r="F7000" i="2" a="1"/>
  <c r="F7000" i="2" s="1"/>
  <c r="F6996" i="2" a="1"/>
  <c r="F6996" i="2" s="1"/>
  <c r="F7003" i="2" a="1"/>
  <c r="F7003" i="2" s="1"/>
  <c r="F6997" i="2" a="1"/>
  <c r="F6997" i="2" s="1"/>
  <c r="F7010" i="2" a="1"/>
  <c r="F7010" i="2" s="1"/>
  <c r="F6998" i="2" a="1"/>
  <c r="F6998" i="2" s="1"/>
  <c r="F6995" i="2" a="1"/>
  <c r="F6995" i="2" s="1"/>
  <c r="F7001" i="2" a="1"/>
  <c r="F7001" i="2" s="1"/>
  <c r="F7013" i="2" a="1"/>
  <c r="F7013" i="2" s="1"/>
  <c r="F7009" i="2" a="1"/>
  <c r="F7009" i="2" s="1"/>
  <c r="F7007" i="2" a="1"/>
  <c r="F7007" i="2" s="1"/>
  <c r="F6021" i="2" a="1"/>
  <c r="F6021" i="2" s="1"/>
  <c r="F6028" i="2" a="1"/>
  <c r="F6028" i="2" s="1"/>
  <c r="F6012" i="2" a="1"/>
  <c r="F6012" i="2" s="1"/>
  <c r="F6029" i="2" a="1"/>
  <c r="F6029" i="2" s="1"/>
  <c r="F6017" i="2" a="1"/>
  <c r="F6017" i="2" s="1"/>
  <c r="F6025" i="2" a="1"/>
  <c r="F6025" i="2" s="1"/>
  <c r="F6010" i="2" a="1"/>
  <c r="F6010" i="2" s="1"/>
  <c r="F6024" i="2" a="1"/>
  <c r="F6024" i="2" s="1"/>
  <c r="F6018" i="2" a="1"/>
  <c r="F6018" i="2" s="1"/>
  <c r="F6030" i="2" a="1"/>
  <c r="F6030" i="2" s="1"/>
  <c r="F6019" i="2" a="1"/>
  <c r="F6019" i="2" s="1"/>
  <c r="F6033" i="2" a="1"/>
  <c r="F6033" i="2" s="1"/>
  <c r="F6016" i="2" a="1"/>
  <c r="F6016" i="2" s="1"/>
  <c r="F6013" i="2" a="1"/>
  <c r="F6013" i="2" s="1"/>
  <c r="F6023" i="2" a="1"/>
  <c r="F6023" i="2" s="1"/>
  <c r="F6026" i="2" a="1"/>
  <c r="F6026" i="2" s="1"/>
  <c r="F6031" i="2" a="1"/>
  <c r="F6031" i="2" s="1"/>
  <c r="F6014" i="2" a="1"/>
  <c r="F6014" i="2" s="1"/>
  <c r="F6011" i="2" a="1"/>
  <c r="F6011" i="2" s="1"/>
  <c r="F6020" i="2" a="1"/>
  <c r="F6020" i="2" s="1"/>
  <c r="F6027" i="2" a="1"/>
  <c r="F6027" i="2" s="1"/>
  <c r="F6032" i="2" a="1"/>
  <c r="F6032" i="2" s="1"/>
  <c r="F6022" i="2" a="1"/>
  <c r="F6022" i="2" s="1"/>
  <c r="F6015" i="2" a="1"/>
  <c r="F6015" i="2" s="1"/>
  <c r="G7341" i="2" a="1"/>
  <c r="G7341" i="2" s="1"/>
  <c r="G7335" i="2" a="1"/>
  <c r="G7335" i="2" s="1"/>
  <c r="G2459" i="2" a="1"/>
  <c r="G2459" i="2" s="1"/>
  <c r="D6432" i="2" a="1"/>
  <c r="D6432" i="2" s="1"/>
  <c r="F2806" i="2" a="1"/>
  <c r="F2806" i="2" s="1"/>
  <c r="AM179" i="1"/>
  <c r="D2860" i="2" a="1"/>
  <c r="D2860" i="2" s="1"/>
  <c r="E947" i="2" a="1"/>
  <c r="E947" i="2" s="1"/>
  <c r="H747" i="2" a="1"/>
  <c r="H747" i="2" s="1"/>
  <c r="H7683" i="2" a="1"/>
  <c r="H7683" i="2" s="1"/>
  <c r="G6754" i="2" a="1"/>
  <c r="G6754" i="2" s="1"/>
  <c r="D6730" i="2" a="1"/>
  <c r="D6730" i="2" s="1"/>
  <c r="F4512" i="2" a="1"/>
  <c r="F4512" i="2" s="1"/>
  <c r="AP132" i="1"/>
  <c r="F138" i="5" s="1"/>
  <c r="G4994" i="2" a="1"/>
  <c r="G4994" i="2" s="1"/>
  <c r="F8696" i="2" a="1"/>
  <c r="F8696" i="2" s="1"/>
  <c r="F976" i="2" a="1"/>
  <c r="F976" i="2" s="1"/>
  <c r="F7686" i="2" a="1"/>
  <c r="F7686" i="2" s="1"/>
  <c r="F5442" i="2" a="1"/>
  <c r="F5442" i="2" s="1"/>
  <c r="H2093" i="2" a="1"/>
  <c r="H2093" i="2" s="1"/>
  <c r="F5419" i="2" a="1"/>
  <c r="F5419" i="2" s="1"/>
  <c r="D3974" i="2" a="1"/>
  <c r="D3974" i="2" s="1"/>
  <c r="D3983" i="2" a="1"/>
  <c r="D3983" i="2" s="1"/>
  <c r="G7353" i="2" a="1"/>
  <c r="G7353" i="2" s="1"/>
  <c r="G7342" i="2" a="1"/>
  <c r="G7342" i="2" s="1"/>
  <c r="G2471" i="2" a="1"/>
  <c r="G2471" i="2" s="1"/>
  <c r="F1566" i="2" a="1"/>
  <c r="F1566" i="2" s="1"/>
  <c r="D6438" i="2" a="1"/>
  <c r="D6438" i="2" s="1"/>
  <c r="H7073" i="2" a="1"/>
  <c r="H7073" i="2" s="1"/>
  <c r="F2812" i="2" a="1"/>
  <c r="F2812" i="2" s="1"/>
  <c r="AO179" i="1"/>
  <c r="E185" i="5" s="1"/>
  <c r="D2852" i="2" a="1"/>
  <c r="D2852" i="2" s="1"/>
  <c r="G3118" i="2" a="1"/>
  <c r="G3118" i="2" s="1"/>
  <c r="E966" i="2" a="1"/>
  <c r="E966" i="2" s="1"/>
  <c r="H746" i="2" a="1"/>
  <c r="H746" i="2" s="1"/>
  <c r="H7669" i="2" a="1"/>
  <c r="H7669" i="2" s="1"/>
  <c r="D7846" i="2" a="1"/>
  <c r="D7846" i="2" s="1"/>
  <c r="G6773" i="2" a="1"/>
  <c r="G6773" i="2" s="1"/>
  <c r="G124" i="2" a="1"/>
  <c r="G124" i="2" s="1"/>
  <c r="D6737" i="2" a="1"/>
  <c r="D6737" i="2" s="1"/>
  <c r="F4518" i="2" a="1"/>
  <c r="F4518" i="2" s="1"/>
  <c r="D3448" i="2" a="1"/>
  <c r="D3448" i="2" s="1"/>
  <c r="G5127" i="2" a="1"/>
  <c r="G5127" i="2" s="1"/>
  <c r="G4992" i="2" a="1"/>
  <c r="G4992" i="2" s="1"/>
  <c r="F8681" i="2" a="1"/>
  <c r="F8681" i="2" s="1"/>
  <c r="E8708" i="2" a="1"/>
  <c r="E8708" i="2" s="1"/>
  <c r="F7687" i="2" a="1"/>
  <c r="F7687" i="2" s="1"/>
  <c r="F5440" i="2" a="1"/>
  <c r="F5440" i="2" s="1"/>
  <c r="G8304" i="2" a="1"/>
  <c r="G8304" i="2" s="1"/>
  <c r="F5431" i="2" a="1"/>
  <c r="F5431" i="2" s="1"/>
  <c r="G7350" i="2" a="1"/>
  <c r="G7350" i="2" s="1"/>
  <c r="G7346" i="2" a="1"/>
  <c r="G7346" i="2" s="1"/>
  <c r="G2463" i="2" a="1"/>
  <c r="G2463" i="2" s="1"/>
  <c r="F1569" i="2" a="1"/>
  <c r="F1569" i="2" s="1"/>
  <c r="D6424" i="2" a="1"/>
  <c r="D6424" i="2" s="1"/>
  <c r="H7066" i="2" a="1"/>
  <c r="H7066" i="2" s="1"/>
  <c r="F2803" i="2" a="1"/>
  <c r="F2803" i="2" s="1"/>
  <c r="AP179" i="1"/>
  <c r="F185" i="5" s="1"/>
  <c r="D2864" i="2" a="1"/>
  <c r="D2864" i="2" s="1"/>
  <c r="E963" i="2" a="1"/>
  <c r="E963" i="2" s="1"/>
  <c r="H742" i="2" a="1"/>
  <c r="H742" i="2" s="1"/>
  <c r="H7674" i="2" a="1"/>
  <c r="H7674" i="2" s="1"/>
  <c r="D7848" i="2" a="1"/>
  <c r="D7848" i="2" s="1"/>
  <c r="G6756" i="2" a="1"/>
  <c r="G6756" i="2" s="1"/>
  <c r="G117" i="2" a="1"/>
  <c r="G117" i="2" s="1"/>
  <c r="D6752" i="2" a="1"/>
  <c r="D6752" i="2" s="1"/>
  <c r="F4505" i="2" a="1"/>
  <c r="F4505" i="2" s="1"/>
  <c r="E6361" i="2" a="1"/>
  <c r="E6361" i="2" s="1"/>
  <c r="AQ151" i="1"/>
  <c r="G157" i="5" s="1"/>
  <c r="D3444" i="2" a="1"/>
  <c r="D3444" i="2" s="1"/>
  <c r="G5126" i="2" a="1"/>
  <c r="G5126" i="2" s="1"/>
  <c r="G4991" i="2" a="1"/>
  <c r="G4991" i="2" s="1"/>
  <c r="F8690" i="2" a="1"/>
  <c r="F8690" i="2" s="1"/>
  <c r="E8704" i="2" a="1"/>
  <c r="E8704" i="2" s="1"/>
  <c r="H7199" i="2" a="1"/>
  <c r="H7199" i="2" s="1"/>
  <c r="G2460" i="2" a="1"/>
  <c r="G2460" i="2" s="1"/>
  <c r="D6436" i="2" a="1"/>
  <c r="D6436" i="2" s="1"/>
  <c r="F2810" i="2" a="1"/>
  <c r="F2810" i="2" s="1"/>
  <c r="AQ179" i="1"/>
  <c r="G185" i="5" s="1"/>
  <c r="D2843" i="2" a="1"/>
  <c r="D2843" i="2" s="1"/>
  <c r="E953" i="2" a="1"/>
  <c r="E953" i="2" s="1"/>
  <c r="H730" i="2" a="1"/>
  <c r="H730" i="2" s="1"/>
  <c r="H7680" i="2" a="1"/>
  <c r="H7680" i="2" s="1"/>
  <c r="G6763" i="2" a="1"/>
  <c r="G6763" i="2" s="1"/>
  <c r="D6744" i="2" a="1"/>
  <c r="D6744" i="2" s="1"/>
  <c r="F4517" i="2" a="1"/>
  <c r="F4517" i="2" s="1"/>
  <c r="AP151" i="1"/>
  <c r="F157" i="5" s="1"/>
  <c r="D3457" i="2" a="1"/>
  <c r="D3457" i="2" s="1"/>
  <c r="G5137" i="2" a="1"/>
  <c r="G5137" i="2" s="1"/>
  <c r="G4983" i="2" a="1"/>
  <c r="G4983" i="2" s="1"/>
  <c r="F8682" i="2" a="1"/>
  <c r="F8682" i="2" s="1"/>
  <c r="E1599" i="2" a="1"/>
  <c r="E1599" i="2" s="1"/>
  <c r="H7207" i="2" a="1"/>
  <c r="H7207" i="2" s="1"/>
  <c r="F5422" i="2" a="1"/>
  <c r="F5422" i="2" s="1"/>
  <c r="G7331" i="2" a="1"/>
  <c r="G7331" i="2" s="1"/>
  <c r="G2458" i="2" a="1"/>
  <c r="G2458" i="2" s="1"/>
  <c r="F1547" i="2" a="1"/>
  <c r="F1547" i="2" s="1"/>
  <c r="D6430" i="2" a="1"/>
  <c r="D6430" i="2" s="1"/>
  <c r="H7086" i="2" a="1"/>
  <c r="H7086" i="2" s="1"/>
  <c r="F2802" i="2" a="1"/>
  <c r="F2802" i="2" s="1"/>
  <c r="D2857" i="2" a="1"/>
  <c r="D2857" i="2" s="1"/>
  <c r="E962" i="2" a="1"/>
  <c r="E962" i="2" s="1"/>
  <c r="H752" i="2" a="1"/>
  <c r="H752" i="2" s="1"/>
  <c r="H7685" i="2" a="1"/>
  <c r="H7685" i="2" s="1"/>
  <c r="G6769" i="2" a="1"/>
  <c r="G6769" i="2" s="1"/>
  <c r="D6732" i="2" a="1"/>
  <c r="D6732" i="2" s="1"/>
  <c r="E2947" i="2" a="1"/>
  <c r="E2947" i="2" s="1"/>
  <c r="F4498" i="2" a="1"/>
  <c r="F4498" i="2" s="1"/>
  <c r="D3449" i="2" a="1"/>
  <c r="D3449" i="2" s="1"/>
  <c r="G5000" i="2" a="1"/>
  <c r="G5000" i="2" s="1"/>
  <c r="F6938" i="2" a="1"/>
  <c r="F6938" i="2" s="1"/>
  <c r="D4607" i="2" a="1"/>
  <c r="D4607" i="2" s="1"/>
  <c r="AM65" i="1"/>
  <c r="G2481" i="2" a="1"/>
  <c r="G2481" i="2" s="1"/>
  <c r="D6433" i="2" a="1"/>
  <c r="D6433" i="2" s="1"/>
  <c r="D2865" i="2" a="1"/>
  <c r="D2865" i="2" s="1"/>
  <c r="E952" i="2" a="1"/>
  <c r="E952" i="2" s="1"/>
  <c r="H749" i="2" a="1"/>
  <c r="H749" i="2" s="1"/>
  <c r="H7671" i="2" a="1"/>
  <c r="H7671" i="2" s="1"/>
  <c r="G6772" i="2" a="1"/>
  <c r="G6772" i="2" s="1"/>
  <c r="D6739" i="2" a="1"/>
  <c r="D6739" i="2" s="1"/>
  <c r="E2960" i="2" a="1"/>
  <c r="E2960" i="2" s="1"/>
  <c r="F4508" i="2" a="1"/>
  <c r="F4508" i="2" s="1"/>
  <c r="AP352" i="1"/>
  <c r="F358" i="5" s="1"/>
  <c r="H1714" i="2" a="1"/>
  <c r="H1714" i="2" s="1"/>
  <c r="D3464" i="2" a="1"/>
  <c r="D3464" i="2" s="1"/>
  <c r="F6925" i="2" a="1"/>
  <c r="F6925" i="2" s="1"/>
  <c r="G6768" i="2" a="1"/>
  <c r="G6768" i="2" s="1"/>
  <c r="D6734" i="2" a="1"/>
  <c r="D6734" i="2" s="1"/>
  <c r="AQ58" i="1"/>
  <c r="G64" i="5" s="1"/>
  <c r="E2940" i="2" a="1"/>
  <c r="E2940" i="2" s="1"/>
  <c r="F4519" i="2" a="1"/>
  <c r="F4519" i="2" s="1"/>
  <c r="G7492" i="2" a="1"/>
  <c r="G7492" i="2" s="1"/>
  <c r="D4721" i="2" a="1"/>
  <c r="D4721" i="2" s="1"/>
  <c r="D4735" i="2" a="1"/>
  <c r="D4735" i="2" s="1"/>
  <c r="D4728" i="2" a="1"/>
  <c r="D4728" i="2" s="1"/>
  <c r="D4737" i="2" a="1"/>
  <c r="D4737" i="2" s="1"/>
  <c r="D4732" i="2" a="1"/>
  <c r="D4732" i="2" s="1"/>
  <c r="D4734" i="2" a="1"/>
  <c r="D4734" i="2" s="1"/>
  <c r="D4724" i="2" a="1"/>
  <c r="D4724" i="2" s="1"/>
  <c r="D4714" i="2" a="1"/>
  <c r="D4714" i="2" s="1"/>
  <c r="D4717" i="2" a="1"/>
  <c r="D4717" i="2" s="1"/>
  <c r="D4719" i="2" a="1"/>
  <c r="D4719" i="2" s="1"/>
  <c r="D4730" i="2" a="1"/>
  <c r="D4730" i="2" s="1"/>
  <c r="D4720" i="2" a="1"/>
  <c r="D4720" i="2" s="1"/>
  <c r="D4736" i="2" a="1"/>
  <c r="D4736" i="2" s="1"/>
  <c r="D4718" i="2" a="1"/>
  <c r="D4718" i="2" s="1"/>
  <c r="D4725" i="2" a="1"/>
  <c r="D4725" i="2" s="1"/>
  <c r="D4729" i="2" a="1"/>
  <c r="D4729" i="2" s="1"/>
  <c r="D4723" i="2" a="1"/>
  <c r="D4723" i="2" s="1"/>
  <c r="D4715" i="2" a="1"/>
  <c r="D4715" i="2" s="1"/>
  <c r="D4731" i="2" a="1"/>
  <c r="D4731" i="2" s="1"/>
  <c r="D4726" i="2" a="1"/>
  <c r="D4726" i="2" s="1"/>
  <c r="D4606" i="2" a="1"/>
  <c r="D4606" i="2" s="1"/>
  <c r="D4616" i="2" a="1"/>
  <c r="D4616" i="2" s="1"/>
  <c r="AP192" i="1"/>
  <c r="F198" i="5" s="1"/>
  <c r="D4599" i="2" a="1"/>
  <c r="D4599" i="2" s="1"/>
  <c r="AN192" i="1"/>
  <c r="D198" i="5" s="1"/>
  <c r="D4603" i="2" a="1"/>
  <c r="D4603" i="2" s="1"/>
  <c r="AM192" i="1"/>
  <c r="D4615" i="2" a="1"/>
  <c r="D4615" i="2" s="1"/>
  <c r="D4617" i="2" a="1"/>
  <c r="D4617" i="2" s="1"/>
  <c r="D4595" i="2" a="1"/>
  <c r="D4595" i="2" s="1"/>
  <c r="D4614" i="2" a="1"/>
  <c r="D4614" i="2" s="1"/>
  <c r="D4611" i="2" a="1"/>
  <c r="D4611" i="2" s="1"/>
  <c r="D4594" i="2" a="1"/>
  <c r="D4594" i="2" s="1"/>
  <c r="D4596" i="2" a="1"/>
  <c r="D4596" i="2" s="1"/>
  <c r="D4600" i="2" a="1"/>
  <c r="D4600" i="2" s="1"/>
  <c r="AQ192" i="1"/>
  <c r="G198" i="5" s="1"/>
  <c r="D4601" i="2" a="1"/>
  <c r="D4601" i="2" s="1"/>
  <c r="D4605" i="2" a="1"/>
  <c r="D4605" i="2" s="1"/>
  <c r="D4609" i="2" a="1"/>
  <c r="D4609" i="2" s="1"/>
  <c r="D4613" i="2" a="1"/>
  <c r="D4613" i="2" s="1"/>
  <c r="D4608" i="2" a="1"/>
  <c r="D4608" i="2" s="1"/>
  <c r="AO192" i="1"/>
  <c r="E198" i="5" s="1"/>
  <c r="D4597" i="2" a="1"/>
  <c r="D4597" i="2" s="1"/>
  <c r="D4604" i="2" a="1"/>
  <c r="D4604" i="2" s="1"/>
  <c r="E8217" i="2" a="1"/>
  <c r="E8217" i="2" s="1"/>
  <c r="E8201" i="2" a="1"/>
  <c r="E8201" i="2" s="1"/>
  <c r="E8204" i="2" a="1"/>
  <c r="E8204" i="2" s="1"/>
  <c r="E8209" i="2" a="1"/>
  <c r="E8209" i="2" s="1"/>
  <c r="E8207" i="2" a="1"/>
  <c r="E8207" i="2" s="1"/>
  <c r="E8203" i="2" a="1"/>
  <c r="E8203" i="2" s="1"/>
  <c r="E8197" i="2" a="1"/>
  <c r="E8197" i="2" s="1"/>
  <c r="E8198" i="2" a="1"/>
  <c r="E8198" i="2" s="1"/>
  <c r="E8194" i="2" a="1"/>
  <c r="E8194" i="2" s="1"/>
  <c r="E8202" i="2" a="1"/>
  <c r="E8202" i="2" s="1"/>
  <c r="E8216" i="2" a="1"/>
  <c r="E8216" i="2" s="1"/>
  <c r="E8214" i="2" a="1"/>
  <c r="E8214" i="2" s="1"/>
  <c r="E8208" i="2" a="1"/>
  <c r="E8208" i="2" s="1"/>
  <c r="E8211" i="2" a="1"/>
  <c r="E8211" i="2" s="1"/>
  <c r="E8200" i="2" a="1"/>
  <c r="E8200" i="2" s="1"/>
  <c r="E8195" i="2" a="1"/>
  <c r="E8195" i="2" s="1"/>
  <c r="E8205" i="2" a="1"/>
  <c r="E8205" i="2" s="1"/>
  <c r="E8213" i="2" a="1"/>
  <c r="E8213" i="2" s="1"/>
  <c r="E8196" i="2" a="1"/>
  <c r="E8196" i="2" s="1"/>
  <c r="E8210" i="2" a="1"/>
  <c r="E8210" i="2" s="1"/>
  <c r="E8199" i="2" a="1"/>
  <c r="E8199" i="2" s="1"/>
  <c r="E8206" i="2" a="1"/>
  <c r="E8206" i="2" s="1"/>
  <c r="E8215" i="2" a="1"/>
  <c r="E8215" i="2" s="1"/>
  <c r="G386" i="2" a="1"/>
  <c r="G386" i="2" s="1"/>
  <c r="G381" i="2" a="1"/>
  <c r="G381" i="2" s="1"/>
  <c r="G371" i="2" a="1"/>
  <c r="G371" i="2" s="1"/>
  <c r="G390" i="2" a="1"/>
  <c r="G390" i="2" s="1"/>
  <c r="G373" i="2" a="1"/>
  <c r="G373" i="2" s="1"/>
  <c r="G387" i="2" a="1"/>
  <c r="G387" i="2" s="1"/>
  <c r="G376" i="2" a="1"/>
  <c r="G376" i="2" s="1"/>
  <c r="G380" i="2" a="1"/>
  <c r="G380" i="2" s="1"/>
  <c r="G374" i="2" a="1"/>
  <c r="G374" i="2" s="1"/>
  <c r="G377" i="2" a="1"/>
  <c r="G377" i="2" s="1"/>
  <c r="G388" i="2" a="1"/>
  <c r="G388" i="2" s="1"/>
  <c r="G392" i="2" a="1"/>
  <c r="G392" i="2" s="1"/>
  <c r="G393" i="2" a="1"/>
  <c r="G393" i="2" s="1"/>
  <c r="G370" i="2" a="1"/>
  <c r="G370" i="2" s="1"/>
  <c r="G378" i="2" a="1"/>
  <c r="G378" i="2" s="1"/>
  <c r="G384" i="2" a="1"/>
  <c r="G384" i="2" s="1"/>
  <c r="G389" i="2" a="1"/>
  <c r="G389" i="2" s="1"/>
  <c r="G379" i="2" a="1"/>
  <c r="G379" i="2" s="1"/>
  <c r="G382" i="2" a="1"/>
  <c r="G382" i="2" s="1"/>
  <c r="G372" i="2" a="1"/>
  <c r="G372" i="2" s="1"/>
  <c r="G383" i="2" a="1"/>
  <c r="G383" i="2" s="1"/>
  <c r="G3114" i="2" a="1"/>
  <c r="G3114" i="2" s="1"/>
  <c r="G3111" i="2" a="1"/>
  <c r="G3111" i="2" s="1"/>
  <c r="G3127" i="2" a="1"/>
  <c r="G3127" i="2" s="1"/>
  <c r="G3115" i="2" a="1"/>
  <c r="G3115" i="2" s="1"/>
  <c r="G3129" i="2" a="1"/>
  <c r="G3129" i="2" s="1"/>
  <c r="G3119" i="2" a="1"/>
  <c r="G3119" i="2" s="1"/>
  <c r="AP264" i="1"/>
  <c r="F270" i="5" s="1"/>
  <c r="AO264" i="1"/>
  <c r="E270" i="5" s="1"/>
  <c r="AM264" i="1"/>
  <c r="E7625" i="2" a="1"/>
  <c r="E7625" i="2" s="1"/>
  <c r="E7629" i="2" a="1"/>
  <c r="E7629" i="2" s="1"/>
  <c r="E7618" i="2" a="1"/>
  <c r="E7618" i="2" s="1"/>
  <c r="E7637" i="2" a="1"/>
  <c r="E7637" i="2" s="1"/>
  <c r="E7633" i="2" a="1"/>
  <c r="E7633" i="2" s="1"/>
  <c r="E8494" i="2" a="1"/>
  <c r="E8494" i="2" s="1"/>
  <c r="E8484" i="2" a="1"/>
  <c r="E8484" i="2" s="1"/>
  <c r="E8488" i="2" a="1"/>
  <c r="E8488" i="2" s="1"/>
  <c r="E8499" i="2" a="1"/>
  <c r="E8499" i="2" s="1"/>
  <c r="E8482" i="2" a="1"/>
  <c r="E8482" i="2" s="1"/>
  <c r="E8485" i="2" a="1"/>
  <c r="E8485" i="2" s="1"/>
  <c r="H4148" i="2" a="1"/>
  <c r="H4148" i="2" s="1"/>
  <c r="H4143" i="2" a="1"/>
  <c r="H4143" i="2" s="1"/>
  <c r="H4154" i="2" a="1"/>
  <c r="H4154" i="2" s="1"/>
  <c r="H4141" i="2" a="1"/>
  <c r="H4141" i="2" s="1"/>
  <c r="H4149" i="2" a="1"/>
  <c r="H4149" i="2" s="1"/>
  <c r="H4157" i="2" a="1"/>
  <c r="H4157" i="2" s="1"/>
  <c r="H4159" i="2" a="1"/>
  <c r="H4159" i="2" s="1"/>
  <c r="H4153" i="2" a="1"/>
  <c r="H4153" i="2" s="1"/>
  <c r="H4155" i="2" a="1"/>
  <c r="H4155" i="2" s="1"/>
  <c r="H4095" i="2" a="1"/>
  <c r="H4095" i="2" s="1"/>
  <c r="H4099" i="2" a="1"/>
  <c r="H4099" i="2" s="1"/>
  <c r="H4104" i="2" a="1"/>
  <c r="H4104" i="2" s="1"/>
  <c r="H8549" i="2" a="1"/>
  <c r="H8549" i="2" s="1"/>
  <c r="H8534" i="2" a="1"/>
  <c r="H8534" i="2" s="1"/>
  <c r="H8551" i="2" a="1"/>
  <c r="H8551" i="2" s="1"/>
  <c r="H8553" i="2" a="1"/>
  <c r="H8553" i="2" s="1"/>
  <c r="H8552" i="2" a="1"/>
  <c r="H8552" i="2" s="1"/>
  <c r="D6827" i="2" a="1"/>
  <c r="D6827" i="2" s="1"/>
  <c r="D6848" i="2" a="1"/>
  <c r="D6848" i="2" s="1"/>
  <c r="D6837" i="2" a="1"/>
  <c r="D6837" i="2" s="1"/>
  <c r="AM285" i="1"/>
  <c r="D6843" i="2" a="1"/>
  <c r="D6843" i="2" s="1"/>
  <c r="D6829" i="2" a="1"/>
  <c r="D6829" i="2" s="1"/>
  <c r="D6849" i="2" a="1"/>
  <c r="D6849" i="2" s="1"/>
  <c r="H7627" i="2" a="1"/>
  <c r="H7627" i="2" s="1"/>
  <c r="H7639" i="2" a="1"/>
  <c r="H7639" i="2" s="1"/>
  <c r="H7640" i="2" a="1"/>
  <c r="H7640" i="2" s="1"/>
  <c r="H7634" i="2" a="1"/>
  <c r="H7634" i="2" s="1"/>
  <c r="H7636" i="2" a="1"/>
  <c r="H7636" i="2" s="1"/>
  <c r="H7631" i="2" a="1"/>
  <c r="H7631" i="2" s="1"/>
  <c r="H7638" i="2" a="1"/>
  <c r="H7638" i="2" s="1"/>
  <c r="H7621" i="2" a="1"/>
  <c r="H7621" i="2" s="1"/>
  <c r="H7618" i="2" a="1"/>
  <c r="H7618" i="2" s="1"/>
  <c r="H7628" i="2" a="1"/>
  <c r="H7628" i="2" s="1"/>
  <c r="H7635" i="2" a="1"/>
  <c r="H7635" i="2" s="1"/>
  <c r="H7630" i="2" a="1"/>
  <c r="H7630" i="2" s="1"/>
  <c r="H7622" i="2" a="1"/>
  <c r="H7622" i="2" s="1"/>
  <c r="H8043" i="2" a="1"/>
  <c r="H8043" i="2" s="1"/>
  <c r="H8028" i="2" a="1"/>
  <c r="H8028" i="2" s="1"/>
  <c r="H8033" i="2" a="1"/>
  <c r="H8033" i="2" s="1"/>
  <c r="H8031" i="2" a="1"/>
  <c r="H8031" i="2" s="1"/>
  <c r="H6559" i="2" a="1"/>
  <c r="H6559" i="2" s="1"/>
  <c r="H6540" i="2" a="1"/>
  <c r="H6540" i="2" s="1"/>
  <c r="H6547" i="2" a="1"/>
  <c r="H6547" i="2" s="1"/>
  <c r="H6548" i="2" a="1"/>
  <c r="H6548" i="2" s="1"/>
  <c r="H6543" i="2" a="1"/>
  <c r="H6543" i="2" s="1"/>
  <c r="E2699" i="2" a="1"/>
  <c r="E2699" i="2" s="1"/>
  <c r="E2706" i="2" a="1"/>
  <c r="E2706" i="2" s="1"/>
  <c r="E2721" i="2" a="1"/>
  <c r="E2721" i="2" s="1"/>
  <c r="D2308" i="2" a="1"/>
  <c r="D2308" i="2" s="1"/>
  <c r="D2311" i="2" a="1"/>
  <c r="D2311" i="2" s="1"/>
  <c r="D2292" i="2" a="1"/>
  <c r="D2292" i="2" s="1"/>
  <c r="D2307" i="2" a="1"/>
  <c r="D2307" i="2" s="1"/>
  <c r="D8565" i="2" a="1"/>
  <c r="D8565" i="2" s="1"/>
  <c r="D8556" i="2" a="1"/>
  <c r="D8556" i="2" s="1"/>
  <c r="D8573" i="2" a="1"/>
  <c r="D8573" i="2" s="1"/>
  <c r="D8559" i="2" a="1"/>
  <c r="D8559" i="2" s="1"/>
  <c r="D8560" i="2" a="1"/>
  <c r="D8560" i="2" s="1"/>
  <c r="D8576" i="2" a="1"/>
  <c r="D8576" i="2" s="1"/>
  <c r="D312" i="2" a="1"/>
  <c r="D312" i="2" s="1"/>
  <c r="D300" i="2" a="1"/>
  <c r="D300" i="2" s="1"/>
  <c r="D303" i="2" a="1"/>
  <c r="D303" i="2" s="1"/>
  <c r="D316" i="2" a="1"/>
  <c r="D316" i="2" s="1"/>
  <c r="D319" i="2" a="1"/>
  <c r="D319" i="2" s="1"/>
  <c r="D321" i="2" a="1"/>
  <c r="D321" i="2" s="1"/>
  <c r="D298" i="2" a="1"/>
  <c r="D298" i="2" s="1"/>
  <c r="D318" i="2" a="1"/>
  <c r="D318" i="2" s="1"/>
  <c r="D308" i="2" a="1"/>
  <c r="D308" i="2" s="1"/>
  <c r="D306" i="2" a="1"/>
  <c r="D306" i="2" s="1"/>
  <c r="D304" i="2" a="1"/>
  <c r="D304" i="2" s="1"/>
  <c r="D313" i="2" a="1"/>
  <c r="D313" i="2" s="1"/>
  <c r="D314" i="2" a="1"/>
  <c r="D314" i="2" s="1"/>
  <c r="AP13" i="1"/>
  <c r="F19" i="5" s="1"/>
  <c r="D315" i="2" a="1"/>
  <c r="D315" i="2" s="1"/>
  <c r="AN13" i="1"/>
  <c r="D19" i="5" s="1"/>
  <c r="D302" i="2" a="1"/>
  <c r="D302" i="2" s="1"/>
  <c r="AO13" i="1"/>
  <c r="E19" i="5" s="1"/>
  <c r="AQ13" i="1"/>
  <c r="G19" i="5" s="1"/>
  <c r="D299" i="2" a="1"/>
  <c r="D299" i="2" s="1"/>
  <c r="D310" i="2" a="1"/>
  <c r="D310" i="2" s="1"/>
  <c r="D311" i="2" a="1"/>
  <c r="D311" i="2" s="1"/>
  <c r="D309" i="2" a="1"/>
  <c r="D309" i="2" s="1"/>
  <c r="AM13" i="1"/>
  <c r="D307" i="2" a="1"/>
  <c r="D307" i="2" s="1"/>
  <c r="D317" i="2" a="1"/>
  <c r="D317" i="2" s="1"/>
  <c r="H4494" i="2" a="1"/>
  <c r="H4494" i="2" s="1"/>
  <c r="H4497" i="2" a="1"/>
  <c r="H4497" i="2" s="1"/>
  <c r="H4486" i="2" a="1"/>
  <c r="H4486" i="2" s="1"/>
  <c r="H4475" i="2" a="1"/>
  <c r="H4475" i="2" s="1"/>
  <c r="H4490" i="2" a="1"/>
  <c r="H4490" i="2" s="1"/>
  <c r="H4474" i="2" a="1"/>
  <c r="H4474" i="2" s="1"/>
  <c r="H4482" i="2" a="1"/>
  <c r="H4482" i="2" s="1"/>
  <c r="H4487" i="2" a="1"/>
  <c r="H4487" i="2" s="1"/>
  <c r="H4488" i="2" a="1"/>
  <c r="H4488" i="2" s="1"/>
  <c r="H4495" i="2" a="1"/>
  <c r="H4495" i="2" s="1"/>
  <c r="H4493" i="2" a="1"/>
  <c r="H4493" i="2" s="1"/>
  <c r="H4477" i="2" a="1"/>
  <c r="H4477" i="2" s="1"/>
  <c r="H4480" i="2" a="1"/>
  <c r="H4480" i="2" s="1"/>
  <c r="H4479" i="2" a="1"/>
  <c r="H4479" i="2" s="1"/>
  <c r="H4483" i="2" a="1"/>
  <c r="H4483" i="2" s="1"/>
  <c r="H4491" i="2" a="1"/>
  <c r="H4491" i="2" s="1"/>
  <c r="H4484" i="2" a="1"/>
  <c r="H4484" i="2" s="1"/>
  <c r="H4489" i="2" a="1"/>
  <c r="H4489" i="2" s="1"/>
  <c r="G5135" i="2" a="1"/>
  <c r="G5135" i="2" s="1"/>
  <c r="G5123" i="2" a="1"/>
  <c r="G5123" i="2" s="1"/>
  <c r="G5143" i="2" a="1"/>
  <c r="G5143" i="2" s="1"/>
  <c r="G5145" i="2" a="1"/>
  <c r="G5145" i="2" s="1"/>
  <c r="G5125" i="2" a="1"/>
  <c r="G5125" i="2" s="1"/>
  <c r="G5138" i="2" a="1"/>
  <c r="G5138" i="2" s="1"/>
  <c r="G5129" i="2" a="1"/>
  <c r="G5129" i="2" s="1"/>
  <c r="G5128" i="2" a="1"/>
  <c r="G5128" i="2" s="1"/>
  <c r="G5144" i="2" a="1"/>
  <c r="G5144" i="2" s="1"/>
  <c r="G5122" i="2" a="1"/>
  <c r="G5122" i="2" s="1"/>
  <c r="G5131" i="2" a="1"/>
  <c r="G5131" i="2" s="1"/>
  <c r="G5141" i="2" a="1"/>
  <c r="G5141" i="2" s="1"/>
  <c r="G5133" i="2" a="1"/>
  <c r="G5133" i="2" s="1"/>
  <c r="G5134" i="2" a="1"/>
  <c r="G5134" i="2" s="1"/>
  <c r="G5130" i="2" a="1"/>
  <c r="G5130" i="2" s="1"/>
  <c r="G5139" i="2" a="1"/>
  <c r="G5139" i="2" s="1"/>
  <c r="G5142" i="2" a="1"/>
  <c r="G5142" i="2" s="1"/>
  <c r="G5140" i="2" a="1"/>
  <c r="G5140" i="2" s="1"/>
  <c r="AO216" i="1"/>
  <c r="E222" i="5" s="1"/>
  <c r="AQ216" i="1"/>
  <c r="G222" i="5" s="1"/>
  <c r="AP216" i="1"/>
  <c r="F222" i="5" s="1"/>
  <c r="AM216" i="1"/>
  <c r="AN216" i="1"/>
  <c r="D222" i="5" s="1"/>
  <c r="G3853" i="2" a="1"/>
  <c r="G3853" i="2" s="1"/>
  <c r="G3866" i="2" a="1"/>
  <c r="G3866" i="2" s="1"/>
  <c r="G3859" i="2" a="1"/>
  <c r="G3859" i="2" s="1"/>
  <c r="G3863" i="2" a="1"/>
  <c r="G3863" i="2" s="1"/>
  <c r="G3872" i="2" a="1"/>
  <c r="G3872" i="2" s="1"/>
  <c r="G3869" i="2" a="1"/>
  <c r="G3869" i="2" s="1"/>
  <c r="G3855" i="2" a="1"/>
  <c r="G3855" i="2" s="1"/>
  <c r="G3864" i="2" a="1"/>
  <c r="G3864" i="2" s="1"/>
  <c r="G3860" i="2" a="1"/>
  <c r="G3860" i="2" s="1"/>
  <c r="G3852" i="2" a="1"/>
  <c r="G3852" i="2" s="1"/>
  <c r="G3871" i="2" a="1"/>
  <c r="G3871" i="2" s="1"/>
  <c r="G3867" i="2" a="1"/>
  <c r="G3867" i="2" s="1"/>
  <c r="G3850" i="2" a="1"/>
  <c r="G3850" i="2" s="1"/>
  <c r="G3857" i="2" a="1"/>
  <c r="G3857" i="2" s="1"/>
  <c r="G3858" i="2" a="1"/>
  <c r="G3858" i="2" s="1"/>
  <c r="G3865" i="2" a="1"/>
  <c r="G3865" i="2" s="1"/>
  <c r="G3870" i="2" a="1"/>
  <c r="G3870" i="2" s="1"/>
  <c r="G3851" i="2" a="1"/>
  <c r="G3851" i="2" s="1"/>
  <c r="G3861" i="2" a="1"/>
  <c r="G3861" i="2" s="1"/>
  <c r="G3856" i="2" a="1"/>
  <c r="G3856" i="2" s="1"/>
  <c r="AO19" i="1"/>
  <c r="E25" i="5" s="1"/>
  <c r="AN19" i="1"/>
  <c r="D25" i="5" s="1"/>
  <c r="AP19" i="1"/>
  <c r="F25" i="5" s="1"/>
  <c r="AM19" i="1"/>
  <c r="F7085" i="2" a="1"/>
  <c r="F7085" i="2" s="1"/>
  <c r="F7070" i="2" a="1"/>
  <c r="F7070" i="2" s="1"/>
  <c r="F7072" i="2" a="1"/>
  <c r="F7072" i="2" s="1"/>
  <c r="F7067" i="2" a="1"/>
  <c r="F7067" i="2" s="1"/>
  <c r="F7071" i="2" a="1"/>
  <c r="F7071" i="2" s="1"/>
  <c r="F7084" i="2" a="1"/>
  <c r="F7084" i="2" s="1"/>
  <c r="F7081" i="2" a="1"/>
  <c r="F7081" i="2" s="1"/>
  <c r="F7068" i="2" a="1"/>
  <c r="F7068" i="2" s="1"/>
  <c r="F7078" i="2" a="1"/>
  <c r="F7078" i="2" s="1"/>
  <c r="G8556" i="2" a="1"/>
  <c r="G8556" i="2" s="1"/>
  <c r="G8567" i="2" a="1"/>
  <c r="G8567" i="2" s="1"/>
  <c r="G8562" i="2" a="1"/>
  <c r="G8562" i="2" s="1"/>
  <c r="G8574" i="2" a="1"/>
  <c r="G8574" i="2" s="1"/>
  <c r="G8559" i="2" a="1"/>
  <c r="G8559" i="2" s="1"/>
  <c r="G8560" i="2" a="1"/>
  <c r="G8560" i="2" s="1"/>
  <c r="G8561" i="2" a="1"/>
  <c r="G8561" i="2" s="1"/>
  <c r="G8566" i="2" a="1"/>
  <c r="G8566" i="2" s="1"/>
  <c r="G8577" i="2" a="1"/>
  <c r="G8577" i="2" s="1"/>
  <c r="G8558" i="2" a="1"/>
  <c r="G8558" i="2" s="1"/>
  <c r="G8570" i="2" a="1"/>
  <c r="G8570" i="2" s="1"/>
  <c r="G8569" i="2" a="1"/>
  <c r="G8569" i="2" s="1"/>
  <c r="G8557" i="2" a="1"/>
  <c r="G8557" i="2" s="1"/>
  <c r="G8571" i="2" a="1"/>
  <c r="G8571" i="2" s="1"/>
  <c r="G8563" i="2" a="1"/>
  <c r="G8563" i="2" s="1"/>
  <c r="G8565" i="2" a="1"/>
  <c r="G8565" i="2" s="1"/>
  <c r="G8554" i="2" a="1"/>
  <c r="G8554" i="2" s="1"/>
  <c r="E6895" i="2" a="1"/>
  <c r="E6895" i="2" s="1"/>
  <c r="E6890" i="2" a="1"/>
  <c r="E6890" i="2" s="1"/>
  <c r="E6882" i="2" a="1"/>
  <c r="E6882" i="2" s="1"/>
  <c r="E6886" i="2" a="1"/>
  <c r="E6886" i="2" s="1"/>
  <c r="E6884" i="2" a="1"/>
  <c r="E6884" i="2" s="1"/>
  <c r="E6887" i="2" a="1"/>
  <c r="E6887" i="2" s="1"/>
  <c r="E6880" i="2" a="1"/>
  <c r="E6880" i="2" s="1"/>
  <c r="E6889" i="2" a="1"/>
  <c r="E6889" i="2" s="1"/>
  <c r="E6885" i="2" a="1"/>
  <c r="E6885" i="2" s="1"/>
  <c r="E6897" i="2" a="1"/>
  <c r="E6897" i="2" s="1"/>
  <c r="E6881" i="2" a="1"/>
  <c r="E6881" i="2" s="1"/>
  <c r="E6893" i="2" a="1"/>
  <c r="E6893" i="2" s="1"/>
  <c r="E6891" i="2" a="1"/>
  <c r="E6891" i="2" s="1"/>
  <c r="E6878" i="2" a="1"/>
  <c r="E6878" i="2" s="1"/>
  <c r="E6888" i="2" a="1"/>
  <c r="E6888" i="2" s="1"/>
  <c r="E6879" i="2" a="1"/>
  <c r="E6879" i="2" s="1"/>
  <c r="E6875" i="2" a="1"/>
  <c r="E6875" i="2" s="1"/>
  <c r="E6892" i="2" a="1"/>
  <c r="E6892" i="2" s="1"/>
  <c r="E6877" i="2" a="1"/>
  <c r="E6877" i="2" s="1"/>
  <c r="E6874" i="2" a="1"/>
  <c r="E6874" i="2" s="1"/>
  <c r="E6876" i="2" a="1"/>
  <c r="E6876" i="2" s="1"/>
  <c r="E6896" i="2" a="1"/>
  <c r="E6896" i="2" s="1"/>
  <c r="E6883" i="2" a="1"/>
  <c r="E6883" i="2" s="1"/>
  <c r="E6894" i="2" a="1"/>
  <c r="E6894" i="2" s="1"/>
  <c r="AO349" i="1"/>
  <c r="E355" i="5" s="1"/>
  <c r="D8372" i="2" a="1"/>
  <c r="D8372" i="2" s="1"/>
  <c r="AQ349" i="1"/>
  <c r="G355" i="5" s="1"/>
  <c r="D8373" i="2" a="1"/>
  <c r="D8373" i="2" s="1"/>
  <c r="AN349" i="1"/>
  <c r="D355" i="5" s="1"/>
  <c r="D8381" i="2" a="1"/>
  <c r="D8381" i="2" s="1"/>
  <c r="AM349" i="1"/>
  <c r="D8362" i="2" a="1"/>
  <c r="D8362" i="2" s="1"/>
  <c r="D8366" i="2" a="1"/>
  <c r="D8366" i="2" s="1"/>
  <c r="D8374" i="2" a="1"/>
  <c r="D8374" i="2" s="1"/>
  <c r="D8385" i="2" a="1"/>
  <c r="D8385" i="2" s="1"/>
  <c r="D8384" i="2" a="1"/>
  <c r="D8384" i="2" s="1"/>
  <c r="AP349" i="1"/>
  <c r="F355" i="5" s="1"/>
  <c r="D8369" i="2" a="1"/>
  <c r="D8369" i="2" s="1"/>
  <c r="D8378" i="2" a="1"/>
  <c r="D8378" i="2" s="1"/>
  <c r="D8371" i="2" a="1"/>
  <c r="D8371" i="2" s="1"/>
  <c r="D8383" i="2" a="1"/>
  <c r="D8383" i="2" s="1"/>
  <c r="D8376" i="2" a="1"/>
  <c r="D8376" i="2" s="1"/>
  <c r="D8367" i="2" a="1"/>
  <c r="D8367" i="2" s="1"/>
  <c r="D8375" i="2" a="1"/>
  <c r="D8375" i="2" s="1"/>
  <c r="M8375" i="2" s="1"/>
  <c r="M8349" i="5" s="1"/>
  <c r="D8379" i="2" a="1"/>
  <c r="D8379" i="2" s="1"/>
  <c r="G762" i="2" a="1"/>
  <c r="G762" i="2" s="1"/>
  <c r="G764" i="2" a="1"/>
  <c r="G764" i="2" s="1"/>
  <c r="G777" i="2" a="1"/>
  <c r="G777" i="2" s="1"/>
  <c r="G763" i="2" a="1"/>
  <c r="G763" i="2" s="1"/>
  <c r="G755" i="2" a="1"/>
  <c r="G755" i="2" s="1"/>
  <c r="G769" i="2" a="1"/>
  <c r="G769" i="2" s="1"/>
  <c r="G759" i="2" a="1"/>
  <c r="G759" i="2" s="1"/>
  <c r="G771" i="2" a="1"/>
  <c r="G771" i="2" s="1"/>
  <c r="G754" i="2" a="1"/>
  <c r="G754" i="2" s="1"/>
  <c r="G773" i="2" a="1"/>
  <c r="G773" i="2" s="1"/>
  <c r="G758" i="2" a="1"/>
  <c r="G758" i="2" s="1"/>
  <c r="G776" i="2" a="1"/>
  <c r="G776" i="2" s="1"/>
  <c r="G760" i="2" a="1"/>
  <c r="G760" i="2" s="1"/>
  <c r="H7292" i="2" a="1"/>
  <c r="H7292" i="2" s="1"/>
  <c r="H7282" i="2" a="1"/>
  <c r="H7282" i="2" s="1"/>
  <c r="H7305" i="2" a="1"/>
  <c r="H7305" i="2" s="1"/>
  <c r="H7293" i="2" a="1"/>
  <c r="H7293" i="2" s="1"/>
  <c r="H7283" i="2" a="1"/>
  <c r="H7283" i="2" s="1"/>
  <c r="H7289" i="2" a="1"/>
  <c r="H7289" i="2" s="1"/>
  <c r="H7302" i="2" a="1"/>
  <c r="H7302" i="2" s="1"/>
  <c r="H7300" i="2" a="1"/>
  <c r="H7300" i="2" s="1"/>
  <c r="H7294" i="2" a="1"/>
  <c r="H7294" i="2" s="1"/>
  <c r="H7287" i="2" a="1"/>
  <c r="H7287" i="2" s="1"/>
  <c r="H7301" i="2" a="1"/>
  <c r="H7301" i="2" s="1"/>
  <c r="H7291" i="2" a="1"/>
  <c r="H7291" i="2" s="1"/>
  <c r="H7290" i="2" a="1"/>
  <c r="H7290" i="2" s="1"/>
  <c r="H7303" i="2" a="1"/>
  <c r="H7303" i="2" s="1"/>
  <c r="H7297" i="2" a="1"/>
  <c r="H7297" i="2" s="1"/>
  <c r="H7296" i="2" a="1"/>
  <c r="H7296" i="2" s="1"/>
  <c r="H7285" i="2" a="1"/>
  <c r="H7285" i="2" s="1"/>
  <c r="H7304" i="2" a="1"/>
  <c r="H7304" i="2" s="1"/>
  <c r="H7286" i="2" a="1"/>
  <c r="H7286" i="2" s="1"/>
  <c r="H7298" i="2" a="1"/>
  <c r="H7298" i="2" s="1"/>
  <c r="H7288" i="2" a="1"/>
  <c r="H7288" i="2" s="1"/>
  <c r="H7295" i="2" a="1"/>
  <c r="H7295" i="2" s="1"/>
  <c r="H7284" i="2" a="1"/>
  <c r="H7284" i="2" s="1"/>
  <c r="H7299" i="2" a="1"/>
  <c r="H7299" i="2" s="1"/>
  <c r="F8113" i="2" a="1"/>
  <c r="F8113" i="2" s="1"/>
  <c r="F8107" i="2" a="1"/>
  <c r="F8107" i="2" s="1"/>
  <c r="J8107" i="2" s="1"/>
  <c r="J8081" i="5" s="1"/>
  <c r="N8081" i="5" s="1"/>
  <c r="F8115" i="2" a="1"/>
  <c r="F8115" i="2" s="1"/>
  <c r="F8103" i="2" a="1"/>
  <c r="F8103" i="2" s="1"/>
  <c r="F8105" i="2" a="1"/>
  <c r="F8105" i="2" s="1"/>
  <c r="F8118" i="2" a="1"/>
  <c r="F8118" i="2" s="1"/>
  <c r="F8121" i="2" a="1"/>
  <c r="F8121" i="2" s="1"/>
  <c r="E6201" i="2" a="1"/>
  <c r="E6201" i="2" s="1"/>
  <c r="E6185" i="2" a="1"/>
  <c r="E6185" i="2" s="1"/>
  <c r="E6199" i="2" a="1"/>
  <c r="E6199" i="2" s="1"/>
  <c r="E6181" i="2" a="1"/>
  <c r="E6181" i="2" s="1"/>
  <c r="E6183" i="2" a="1"/>
  <c r="E6183" i="2" s="1"/>
  <c r="E6186" i="2" a="1"/>
  <c r="E6186" i="2" s="1"/>
  <c r="E6195" i="2" a="1"/>
  <c r="E6195" i="2" s="1"/>
  <c r="E6196" i="2" a="1"/>
  <c r="E6196" i="2" s="1"/>
  <c r="D8439" i="2" a="1"/>
  <c r="D8439" i="2" s="1"/>
  <c r="D8436" i="2" a="1"/>
  <c r="D8436" i="2" s="1"/>
  <c r="D8443" i="2" a="1"/>
  <c r="D8443" i="2" s="1"/>
  <c r="D8447" i="2" a="1"/>
  <c r="D8447" i="2" s="1"/>
  <c r="D8454" i="2" a="1"/>
  <c r="D8454" i="2" s="1"/>
  <c r="D8440" i="2" a="1"/>
  <c r="D8440" i="2" s="1"/>
  <c r="D8453" i="2" a="1"/>
  <c r="D8453" i="2" s="1"/>
  <c r="D8455" i="2" a="1"/>
  <c r="D8455" i="2" s="1"/>
  <c r="K8455" i="2" s="1"/>
  <c r="K8429" i="5" s="1"/>
  <c r="O8429" i="5" s="1"/>
  <c r="D8450" i="2" a="1"/>
  <c r="D8450" i="2" s="1"/>
  <c r="D8435" i="2" a="1"/>
  <c r="D8435" i="2" s="1"/>
  <c r="D8451" i="2" a="1"/>
  <c r="D8451" i="2" s="1"/>
  <c r="D8442" i="2" a="1"/>
  <c r="D8442" i="2" s="1"/>
  <c r="D8445" i="2" a="1"/>
  <c r="D8445" i="2" s="1"/>
  <c r="AN352" i="1"/>
  <c r="D358" i="5" s="1"/>
  <c r="D8449" i="2" a="1"/>
  <c r="D8449" i="2" s="1"/>
  <c r="AQ352" i="1"/>
  <c r="G358" i="5" s="1"/>
  <c r="AM352" i="1"/>
  <c r="D8438" i="2" a="1"/>
  <c r="D8438" i="2" s="1"/>
  <c r="D8446" i="2" a="1"/>
  <c r="D8446" i="2" s="1"/>
  <c r="F4500" i="2" a="1"/>
  <c r="F4500" i="2" s="1"/>
  <c r="F5428" i="2" a="1"/>
  <c r="F5428" i="2" s="1"/>
  <c r="F5424" i="2" a="1"/>
  <c r="F5424" i="2" s="1"/>
  <c r="G7349" i="2" a="1"/>
  <c r="G7349" i="2" s="1"/>
  <c r="G2480" i="2" a="1"/>
  <c r="G2480" i="2" s="1"/>
  <c r="F1551" i="2" a="1"/>
  <c r="F1551" i="2" s="1"/>
  <c r="D6422" i="2" a="1"/>
  <c r="D6422" i="2" s="1"/>
  <c r="AP334" i="1"/>
  <c r="F340" i="5" s="1"/>
  <c r="F2814" i="2" a="1"/>
  <c r="F2814" i="2" s="1"/>
  <c r="D2850" i="2" a="1"/>
  <c r="D2850" i="2" s="1"/>
  <c r="G3125" i="2" a="1"/>
  <c r="G3125" i="2" s="1"/>
  <c r="E950" i="2" a="1"/>
  <c r="E950" i="2" s="1"/>
  <c r="H743" i="2" a="1"/>
  <c r="H743" i="2" s="1"/>
  <c r="H7670" i="2" a="1"/>
  <c r="H7670" i="2" s="1"/>
  <c r="H7632" i="2" a="1"/>
  <c r="H7632" i="2" s="1"/>
  <c r="G6764" i="2" a="1"/>
  <c r="G6764" i="2" s="1"/>
  <c r="D6733" i="2" a="1"/>
  <c r="D6733" i="2" s="1"/>
  <c r="D4059" i="2" a="1"/>
  <c r="D4059" i="2" s="1"/>
  <c r="AN58" i="1"/>
  <c r="D64" i="5" s="1"/>
  <c r="E2945" i="2" a="1"/>
  <c r="E2945" i="2" s="1"/>
  <c r="G3234" i="2" a="1"/>
  <c r="G3234" i="2" s="1"/>
  <c r="D5113" i="2" a="1"/>
  <c r="D5113" i="2" s="1"/>
  <c r="H427" i="2" a="1"/>
  <c r="H427" i="2" s="1"/>
  <c r="G7496" i="2" a="1"/>
  <c r="G7496" i="2" s="1"/>
  <c r="H6850" i="2" a="1"/>
  <c r="H6850" i="2" s="1"/>
  <c r="H1716" i="2" a="1"/>
  <c r="H1716" i="2" s="1"/>
  <c r="H4492" i="2" a="1"/>
  <c r="H4492" i="2" s="1"/>
  <c r="F7951" i="2" a="1"/>
  <c r="F7951" i="2" s="1"/>
  <c r="I7951" i="2" s="1"/>
  <c r="I7925" i="5" s="1"/>
  <c r="D4602" i="2" a="1"/>
  <c r="D4602" i="2" s="1"/>
  <c r="F4947" i="2" a="1"/>
  <c r="F4947" i="2" s="1"/>
  <c r="F5073" i="2" a="1"/>
  <c r="F5073" i="2" s="1"/>
  <c r="E1511" i="2" a="1"/>
  <c r="E1511" i="2" s="1"/>
  <c r="G7340" i="2" a="1"/>
  <c r="G7340" i="2" s="1"/>
  <c r="G2469" i="2" a="1"/>
  <c r="G2469" i="2" s="1"/>
  <c r="D6428" i="2" a="1"/>
  <c r="D6428" i="2" s="1"/>
  <c r="AN334" i="1"/>
  <c r="D340" i="5" s="1"/>
  <c r="H7078" i="2" a="1"/>
  <c r="H7078" i="2" s="1"/>
  <c r="F2801" i="2" a="1"/>
  <c r="F2801" i="2" s="1"/>
  <c r="D2847" i="2" a="1"/>
  <c r="D2847" i="2" s="1"/>
  <c r="H731" i="2" a="1"/>
  <c r="H731" i="2" s="1"/>
  <c r="H7688" i="2" a="1"/>
  <c r="H7688" i="2" s="1"/>
  <c r="G6770" i="2" a="1"/>
  <c r="G6770" i="2" s="1"/>
  <c r="D6740" i="2" a="1"/>
  <c r="D6740" i="2" s="1"/>
  <c r="E2951" i="2" a="1"/>
  <c r="E2951" i="2" s="1"/>
  <c r="G3248" i="2" a="1"/>
  <c r="G3248" i="2" s="1"/>
  <c r="D5098" i="2" a="1"/>
  <c r="D5098" i="2" s="1"/>
  <c r="H440" i="2" a="1"/>
  <c r="H440" i="2" s="1"/>
  <c r="G7474" i="2" a="1"/>
  <c r="G7474" i="2" s="1"/>
  <c r="H6859" i="2" a="1"/>
  <c r="H6859" i="2" s="1"/>
  <c r="H1734" i="2" a="1"/>
  <c r="H1734" i="2" s="1"/>
  <c r="H4476" i="2" a="1"/>
  <c r="H4476" i="2" s="1"/>
  <c r="H7001" i="2" a="1"/>
  <c r="H7001" i="2" s="1"/>
  <c r="F7944" i="2" a="1"/>
  <c r="F7944" i="2" s="1"/>
  <c r="F4950" i="2" a="1"/>
  <c r="F4950" i="2" s="1"/>
  <c r="F5397" i="2" a="1"/>
  <c r="F5397" i="2" s="1"/>
  <c r="G2479" i="2" a="1"/>
  <c r="G2479" i="2" s="1"/>
  <c r="D6437" i="2" a="1"/>
  <c r="D6437" i="2" s="1"/>
  <c r="F2808" i="2" a="1"/>
  <c r="F2808" i="2" s="1"/>
  <c r="D2842" i="2" a="1"/>
  <c r="D2842" i="2" s="1"/>
  <c r="E951" i="2" a="1"/>
  <c r="E951" i="2" s="1"/>
  <c r="H751" i="2" a="1"/>
  <c r="H751" i="2" s="1"/>
  <c r="H7667" i="2" a="1"/>
  <c r="H7667" i="2" s="1"/>
  <c r="G6757" i="2" a="1"/>
  <c r="G6757" i="2" s="1"/>
  <c r="D6751" i="2" a="1"/>
  <c r="D6751" i="2" s="1"/>
  <c r="E2946" i="2" a="1"/>
  <c r="E2946" i="2" s="1"/>
  <c r="G3242" i="2" a="1"/>
  <c r="G3242" i="2" s="1"/>
  <c r="D5103" i="2" a="1"/>
  <c r="D5103" i="2" s="1"/>
  <c r="H435" i="2" a="1"/>
  <c r="H435" i="2" s="1"/>
  <c r="G7479" i="2" a="1"/>
  <c r="G7479" i="2" s="1"/>
  <c r="H6860" i="2" a="1"/>
  <c r="H6860" i="2" s="1"/>
  <c r="H1726" i="2" a="1"/>
  <c r="H1726" i="2" s="1"/>
  <c r="G7998" i="2" a="1"/>
  <c r="G7998" i="2" s="1"/>
  <c r="H4496" i="2" a="1"/>
  <c r="H4496" i="2" s="1"/>
  <c r="H6994" i="2" a="1"/>
  <c r="H6994" i="2" s="1"/>
  <c r="D4727" i="2" a="1"/>
  <c r="D4727" i="2" s="1"/>
  <c r="E1911" i="2" a="1"/>
  <c r="E1911" i="2" s="1"/>
  <c r="F2043" i="2" a="1"/>
  <c r="F2043" i="2" s="1"/>
  <c r="E206" i="2" a="1"/>
  <c r="E206" i="2" s="1"/>
  <c r="G7243" i="2" a="1"/>
  <c r="G7243" i="2" s="1"/>
  <c r="H378" i="2" a="1"/>
  <c r="H378" i="2" s="1"/>
  <c r="F5395" i="2" a="1"/>
  <c r="F5395" i="2" s="1"/>
  <c r="H5332" i="2" a="1"/>
  <c r="H5332" i="2" s="1"/>
  <c r="F5416" i="2" a="1"/>
  <c r="F5416" i="2" s="1"/>
  <c r="F5418" i="2" a="1"/>
  <c r="F5418" i="2" s="1"/>
  <c r="D3993" i="2" a="1"/>
  <c r="D3993" i="2" s="1"/>
  <c r="G7338" i="2" a="1"/>
  <c r="G7338" i="2" s="1"/>
  <c r="G2466" i="2" a="1"/>
  <c r="G2466" i="2" s="1"/>
  <c r="F1563" i="2" a="1"/>
  <c r="F1563" i="2" s="1"/>
  <c r="K1563" i="2" s="1"/>
  <c r="K1537" i="5" s="1"/>
  <c r="O1537" i="5" s="1"/>
  <c r="D6435" i="2" a="1"/>
  <c r="D6435" i="2" s="1"/>
  <c r="M6435" i="2" s="1"/>
  <c r="M6409" i="5" s="1"/>
  <c r="H7075" i="2" a="1"/>
  <c r="H7075" i="2" s="1"/>
  <c r="F2796" i="2" a="1"/>
  <c r="F2796" i="2" s="1"/>
  <c r="D2851" i="2" a="1"/>
  <c r="D2851" i="2" s="1"/>
  <c r="G3108" i="2" a="1"/>
  <c r="G3108" i="2" s="1"/>
  <c r="E961" i="2" a="1"/>
  <c r="E961" i="2" s="1"/>
  <c r="H737" i="2" a="1"/>
  <c r="H737" i="2" s="1"/>
  <c r="H7682" i="2" a="1"/>
  <c r="H7682" i="2" s="1"/>
  <c r="D7835" i="2" a="1"/>
  <c r="D7835" i="2" s="1"/>
  <c r="H7629" i="2" a="1"/>
  <c r="H7629" i="2" s="1"/>
  <c r="G120" i="2" a="1"/>
  <c r="G120" i="2" s="1"/>
  <c r="D6731" i="2" a="1"/>
  <c r="D6731" i="2" s="1"/>
  <c r="D4042" i="2" a="1"/>
  <c r="D4042" i="2" s="1"/>
  <c r="E2954" i="2" a="1"/>
  <c r="E2954" i="2" s="1"/>
  <c r="G3228" i="2" a="1"/>
  <c r="G3228" i="2" s="1"/>
  <c r="D5116" i="2" a="1"/>
  <c r="D5116" i="2" s="1"/>
  <c r="H434" i="2" a="1"/>
  <c r="H434" i="2" s="1"/>
  <c r="G7489" i="2" a="1"/>
  <c r="G7489" i="2" s="1"/>
  <c r="H6871" i="2" a="1"/>
  <c r="H6871" i="2" s="1"/>
  <c r="H1724" i="2" a="1"/>
  <c r="H1724" i="2" s="1"/>
  <c r="G7980" i="2" a="1"/>
  <c r="G7980" i="2" s="1"/>
  <c r="H4485" i="2" a="1"/>
  <c r="H4485" i="2" s="1"/>
  <c r="AM312" i="1"/>
  <c r="H6996" i="2" a="1"/>
  <c r="H6996" i="2" s="1"/>
  <c r="D4733" i="2" a="1"/>
  <c r="D4733" i="2" s="1"/>
  <c r="F2032" i="2" a="1"/>
  <c r="F2032" i="2" s="1"/>
  <c r="G7238" i="2" a="1"/>
  <c r="G7238" i="2" s="1"/>
  <c r="H376" i="2" a="1"/>
  <c r="H376" i="2" s="1"/>
  <c r="H7691" i="2" a="1"/>
  <c r="H7691" i="2" s="1"/>
  <c r="E5461" i="2" a="1"/>
  <c r="E5461" i="2" s="1"/>
  <c r="F5427" i="2" a="1"/>
  <c r="F5427" i="2" s="1"/>
  <c r="D3980" i="2" a="1"/>
  <c r="D3980" i="2" s="1"/>
  <c r="G7352" i="2" a="1"/>
  <c r="G7352" i="2" s="1"/>
  <c r="G2475" i="2" a="1"/>
  <c r="G2475" i="2" s="1"/>
  <c r="F1564" i="2" a="1"/>
  <c r="F1564" i="2" s="1"/>
  <c r="D6429" i="2" a="1"/>
  <c r="D6429" i="2" s="1"/>
  <c r="H7088" i="2" a="1"/>
  <c r="H7088" i="2" s="1"/>
  <c r="F2804" i="2" a="1"/>
  <c r="F2804" i="2" s="1"/>
  <c r="D2863" i="2" a="1"/>
  <c r="D2863" i="2" s="1"/>
  <c r="G3110" i="2" a="1"/>
  <c r="G3110" i="2" s="1"/>
  <c r="E949" i="2" a="1"/>
  <c r="E949" i="2" s="1"/>
  <c r="H753" i="2" a="1"/>
  <c r="H753" i="2" s="1"/>
  <c r="D7850" i="2" a="1"/>
  <c r="D7850" i="2" s="1"/>
  <c r="H7625" i="2" a="1"/>
  <c r="H7625" i="2" s="1"/>
  <c r="G121" i="2" a="1"/>
  <c r="G121" i="2" s="1"/>
  <c r="D6750" i="2" a="1"/>
  <c r="D6750" i="2" s="1"/>
  <c r="D4049" i="2" a="1"/>
  <c r="D4049" i="2" s="1"/>
  <c r="F3773" i="2" a="1"/>
  <c r="F3773" i="2" s="1"/>
  <c r="G3247" i="2" a="1"/>
  <c r="G3247" i="2" s="1"/>
  <c r="D5115" i="2" a="1"/>
  <c r="D5115" i="2" s="1"/>
  <c r="H433" i="2" a="1"/>
  <c r="H433" i="2" s="1"/>
  <c r="G7495" i="2" a="1"/>
  <c r="G7495" i="2" s="1"/>
  <c r="H6863" i="2" a="1"/>
  <c r="H6863" i="2" s="1"/>
  <c r="G7999" i="2" a="1"/>
  <c r="G7999" i="2" s="1"/>
  <c r="AQ312" i="1"/>
  <c r="G318" i="5" s="1"/>
  <c r="H6999" i="2" a="1"/>
  <c r="H6999" i="2" s="1"/>
  <c r="D4722" i="2" a="1"/>
  <c r="D4722" i="2" s="1"/>
  <c r="F2048" i="2" a="1"/>
  <c r="F2048" i="2" s="1"/>
  <c r="G7252" i="2" a="1"/>
  <c r="G7252" i="2" s="1"/>
  <c r="H380" i="2" a="1"/>
  <c r="H380" i="2" s="1"/>
  <c r="H1803" i="2" a="1"/>
  <c r="H1803" i="2" s="1"/>
  <c r="E5471" i="2" a="1"/>
  <c r="E5471" i="2" s="1"/>
  <c r="F5414" i="2" a="1"/>
  <c r="F5414" i="2" s="1"/>
  <c r="G7332" i="2" a="1"/>
  <c r="G7332" i="2" s="1"/>
  <c r="G2468" i="2" a="1"/>
  <c r="G2468" i="2" s="1"/>
  <c r="G2477" i="2" a="1"/>
  <c r="G2477" i="2" s="1"/>
  <c r="F1559" i="2" a="1"/>
  <c r="F1559" i="2" s="1"/>
  <c r="D6423" i="2" a="1"/>
  <c r="D6423" i="2" s="1"/>
  <c r="H7071" i="2" a="1"/>
  <c r="H7071" i="2" s="1"/>
  <c r="F2795" i="2" a="1"/>
  <c r="F2795" i="2" s="1"/>
  <c r="D2849" i="2" a="1"/>
  <c r="D2849" i="2" s="1"/>
  <c r="G3124" i="2" a="1"/>
  <c r="G3124" i="2" s="1"/>
  <c r="E960" i="2" a="1"/>
  <c r="E960" i="2" s="1"/>
  <c r="H735" i="2" a="1"/>
  <c r="H735" i="2" s="1"/>
  <c r="D7834" i="2" a="1"/>
  <c r="D7834" i="2" s="1"/>
  <c r="H7620" i="2" a="1"/>
  <c r="H7620" i="2" s="1"/>
  <c r="G107" i="2" a="1"/>
  <c r="G107" i="2" s="1"/>
  <c r="D4060" i="2" a="1"/>
  <c r="D4060" i="2" s="1"/>
  <c r="F3770" i="2" a="1"/>
  <c r="F3770" i="2" s="1"/>
  <c r="F5795" i="2" a="1"/>
  <c r="F5795" i="2" s="1"/>
  <c r="D5111" i="2" a="1"/>
  <c r="D5111" i="2" s="1"/>
  <c r="H420" i="2" a="1"/>
  <c r="H420" i="2" s="1"/>
  <c r="F2358" i="2" a="1"/>
  <c r="F2358" i="2" s="1"/>
  <c r="H6862" i="2" a="1"/>
  <c r="H6862" i="2" s="1"/>
  <c r="G8575" i="2" a="1"/>
  <c r="G8575" i="2" s="1"/>
  <c r="D3173" i="2" a="1"/>
  <c r="D3173" i="2" s="1"/>
  <c r="G7985" i="2" a="1"/>
  <c r="G7985" i="2" s="1"/>
  <c r="H6997" i="2" a="1"/>
  <c r="H6997" i="2" s="1"/>
  <c r="D4716" i="2" a="1"/>
  <c r="D4716" i="2" s="1"/>
  <c r="D7044" i="2" a="1"/>
  <c r="D7044" i="2" s="1"/>
  <c r="F2037" i="2" a="1"/>
  <c r="F2037" i="2" s="1"/>
  <c r="G7239" i="2" a="1"/>
  <c r="G7239" i="2" s="1"/>
  <c r="H389" i="2" a="1"/>
  <c r="H389" i="2" s="1"/>
  <c r="H6711" i="2" a="1"/>
  <c r="H6711" i="2" s="1"/>
  <c r="G479" i="2" a="1"/>
  <c r="G479" i="2" s="1"/>
  <c r="G7336" i="2" a="1"/>
  <c r="G7336" i="2" s="1"/>
  <c r="G2467" i="2" a="1"/>
  <c r="G2467" i="2" s="1"/>
  <c r="G2461" i="2" a="1"/>
  <c r="G2461" i="2" s="1"/>
  <c r="F1561" i="2" a="1"/>
  <c r="F1561" i="2" s="1"/>
  <c r="D6440" i="2" a="1"/>
  <c r="D6440" i="2" s="1"/>
  <c r="H7070" i="2" a="1"/>
  <c r="H7070" i="2" s="1"/>
  <c r="F2813" i="2" a="1"/>
  <c r="F2813" i="2" s="1"/>
  <c r="D2862" i="2" a="1"/>
  <c r="D2862" i="2" s="1"/>
  <c r="G3126" i="2" a="1"/>
  <c r="G3126" i="2" s="1"/>
  <c r="E969" i="2" a="1"/>
  <c r="E969" i="2" s="1"/>
  <c r="H738" i="2" a="1"/>
  <c r="H738" i="2" s="1"/>
  <c r="D7857" i="2" a="1"/>
  <c r="D7857" i="2" s="1"/>
  <c r="H7619" i="2" a="1"/>
  <c r="H7619" i="2" s="1"/>
  <c r="G110" i="2" a="1"/>
  <c r="G110" i="2" s="1"/>
  <c r="D4054" i="2" a="1"/>
  <c r="D4054" i="2" s="1"/>
  <c r="F3769" i="2" a="1"/>
  <c r="F3769" i="2" s="1"/>
  <c r="AN213" i="1"/>
  <c r="D219" i="5" s="1"/>
  <c r="H439" i="2" a="1"/>
  <c r="H439" i="2" s="1"/>
  <c r="F2345" i="2" a="1"/>
  <c r="F2345" i="2" s="1"/>
  <c r="D3168" i="2" a="1"/>
  <c r="D3168" i="2" s="1"/>
  <c r="G7996" i="2" a="1"/>
  <c r="G7996" i="2" s="1"/>
  <c r="H6531" i="2" a="1"/>
  <c r="H6531" i="2" s="1"/>
  <c r="D2367" i="2" a="1"/>
  <c r="D2367" i="2" s="1"/>
  <c r="D7060" i="2" a="1"/>
  <c r="D7060" i="2" s="1"/>
  <c r="G237" i="2" a="1"/>
  <c r="G237" i="2" s="1"/>
  <c r="H386" i="2" a="1"/>
  <c r="H386" i="2" s="1"/>
  <c r="G468" i="2" a="1"/>
  <c r="G468" i="2" s="1"/>
  <c r="G7334" i="2" a="1"/>
  <c r="G7334" i="2" s="1"/>
  <c r="G2464" i="2" a="1"/>
  <c r="G2464" i="2" s="1"/>
  <c r="F1567" i="2" a="1"/>
  <c r="F1567" i="2" s="1"/>
  <c r="D6426" i="2" a="1"/>
  <c r="D6426" i="2" s="1"/>
  <c r="H7068" i="2" a="1"/>
  <c r="H7068" i="2" s="1"/>
  <c r="F2816" i="2" a="1"/>
  <c r="F2816" i="2" s="1"/>
  <c r="D2848" i="2" a="1"/>
  <c r="D2848" i="2" s="1"/>
  <c r="G3123" i="2" a="1"/>
  <c r="G3123" i="2" s="1"/>
  <c r="E946" i="2" a="1"/>
  <c r="E946" i="2" s="1"/>
  <c r="H733" i="2" a="1"/>
  <c r="H733" i="2" s="1"/>
  <c r="D7847" i="2" a="1"/>
  <c r="D7847" i="2" s="1"/>
  <c r="H7641" i="2" a="1"/>
  <c r="H7641" i="2" s="1"/>
  <c r="G122" i="2" a="1"/>
  <c r="G122" i="2" s="1"/>
  <c r="D4050" i="2" a="1"/>
  <c r="D4050" i="2" s="1"/>
  <c r="F3757" i="2" a="1"/>
  <c r="F3757" i="2" s="1"/>
  <c r="F5813" i="2" a="1"/>
  <c r="F5813" i="2" s="1"/>
  <c r="E6354" i="2" a="1"/>
  <c r="E6354" i="2" s="1"/>
  <c r="H5102" i="2" a="1"/>
  <c r="H5102" i="2" s="1"/>
  <c r="F2351" i="2" a="1"/>
  <c r="F2351" i="2" s="1"/>
  <c r="G8564" i="2" a="1"/>
  <c r="G8564" i="2" s="1"/>
  <c r="D3160" i="2" a="1"/>
  <c r="D3160" i="2" s="1"/>
  <c r="D2371" i="2" a="1"/>
  <c r="D2371" i="2" s="1"/>
  <c r="D7043" i="2" a="1"/>
  <c r="D7043" i="2" s="1"/>
  <c r="G240" i="2" a="1"/>
  <c r="G240" i="2" s="1"/>
  <c r="G391" i="2" a="1"/>
  <c r="G391" i="2" s="1"/>
  <c r="AQ19" i="1"/>
  <c r="G25" i="5" s="1"/>
  <c r="E1018" i="2" a="1"/>
  <c r="E1018" i="2" s="1"/>
  <c r="F1103" i="2" a="1"/>
  <c r="F1103" i="2" s="1"/>
  <c r="H808" i="2" a="1"/>
  <c r="H808" i="2" s="1"/>
  <c r="D4331" i="2" a="1"/>
  <c r="D4331" i="2" s="1"/>
  <c r="AO181" i="1"/>
  <c r="E187" i="5" s="1"/>
  <c r="D4349" i="2" a="1"/>
  <c r="D4349" i="2" s="1"/>
  <c r="AP257" i="1"/>
  <c r="F263" i="5" s="1"/>
  <c r="AM26" i="1"/>
  <c r="D802" i="2" a="1"/>
  <c r="D802" i="2" s="1"/>
  <c r="D825" i="2" a="1"/>
  <c r="D825" i="2" s="1"/>
  <c r="F53" i="2" a="1"/>
  <c r="F53" i="2" s="1"/>
  <c r="F50" i="2" a="1"/>
  <c r="F50" i="2" s="1"/>
  <c r="H8645" i="2" a="1"/>
  <c r="H8645" i="2" s="1"/>
  <c r="H8636" i="2" a="1"/>
  <c r="H8636" i="2" s="1"/>
  <c r="D7421" i="2" a="1"/>
  <c r="D7421" i="2" s="1"/>
  <c r="D7409" i="2" a="1"/>
  <c r="D7409" i="2" s="1"/>
  <c r="G4217" i="2" a="1"/>
  <c r="G4217" i="2" s="1"/>
  <c r="G4222" i="2" a="1"/>
  <c r="G4222" i="2" s="1"/>
  <c r="D2971" i="2" a="1"/>
  <c r="D2971" i="2" s="1"/>
  <c r="D2969" i="2" a="1"/>
  <c r="D2969" i="2" s="1"/>
  <c r="G6427" i="2" a="1"/>
  <c r="G6427" i="2" s="1"/>
  <c r="G6419" i="2" a="1"/>
  <c r="G6419" i="2" s="1"/>
  <c r="D5902" i="2" a="1"/>
  <c r="D5902" i="2" s="1"/>
  <c r="D5908" i="2" a="1"/>
  <c r="D5908" i="2" s="1"/>
  <c r="E3526" i="2" a="1"/>
  <c r="E3526" i="2" s="1"/>
  <c r="E3516" i="2" a="1"/>
  <c r="E3516" i="2" s="1"/>
  <c r="E4425" i="2" a="1"/>
  <c r="E4425" i="2" s="1"/>
  <c r="E4402" i="2" a="1"/>
  <c r="E4402" i="2" s="1"/>
  <c r="F6058" i="2" a="1"/>
  <c r="F6058" i="2" s="1"/>
  <c r="F6070" i="2" a="1"/>
  <c r="F6070" i="2" s="1"/>
  <c r="H3469" i="2" a="1"/>
  <c r="H3469" i="2" s="1"/>
  <c r="H3484" i="2" a="1"/>
  <c r="H3484" i="2" s="1"/>
  <c r="F3277" i="2" a="1"/>
  <c r="F3277" i="2" s="1"/>
  <c r="F3287" i="2" a="1"/>
  <c r="F3287" i="2" s="1"/>
  <c r="AP24" i="1"/>
  <c r="F30" i="5" s="1"/>
  <c r="D7929" i="2" a="1"/>
  <c r="D7929" i="2" s="1"/>
  <c r="D7919" i="2" a="1"/>
  <c r="D7919" i="2" s="1"/>
  <c r="D7920" i="2" a="1"/>
  <c r="D7920" i="2" s="1"/>
  <c r="D7906" i="2" a="1"/>
  <c r="D7906" i="2" s="1"/>
  <c r="D7928" i="2" a="1"/>
  <c r="D7928" i="2" s="1"/>
  <c r="D7908" i="2" a="1"/>
  <c r="D7908" i="2" s="1"/>
  <c r="D7915" i="2" a="1"/>
  <c r="D7915" i="2" s="1"/>
  <c r="D7921" i="2" a="1"/>
  <c r="D7921" i="2" s="1"/>
  <c r="D7925" i="2" a="1"/>
  <c r="D7925" i="2" s="1"/>
  <c r="D7914" i="2" a="1"/>
  <c r="D7914" i="2" s="1"/>
  <c r="D7909" i="2" a="1"/>
  <c r="D7909" i="2" s="1"/>
  <c r="D7926" i="2" a="1"/>
  <c r="D7926" i="2" s="1"/>
  <c r="D7923" i="2" a="1"/>
  <c r="D7923" i="2" s="1"/>
  <c r="D7911" i="2" a="1"/>
  <c r="D7911" i="2" s="1"/>
  <c r="D7912" i="2" a="1"/>
  <c r="D7912" i="2" s="1"/>
  <c r="D7916" i="2" a="1"/>
  <c r="D7916" i="2" s="1"/>
  <c r="D7922" i="2" a="1"/>
  <c r="D7922" i="2" s="1"/>
  <c r="D7927" i="2" a="1"/>
  <c r="D7927" i="2" s="1"/>
  <c r="D7913" i="2" a="1"/>
  <c r="D7913" i="2" s="1"/>
  <c r="D7918" i="2" a="1"/>
  <c r="D7918" i="2" s="1"/>
  <c r="D7917" i="2" a="1"/>
  <c r="D7917" i="2" s="1"/>
  <c r="D7910" i="2" a="1"/>
  <c r="D7910" i="2" s="1"/>
  <c r="D7924" i="2" a="1"/>
  <c r="D7924" i="2" s="1"/>
  <c r="D7907" i="2" a="1"/>
  <c r="D7907" i="2" s="1"/>
  <c r="AQ278" i="1"/>
  <c r="G284" i="5" s="1"/>
  <c r="D290" i="2" a="1"/>
  <c r="D290" i="2" s="1"/>
  <c r="E4036" i="2" a="1"/>
  <c r="E4036" i="2" s="1"/>
  <c r="E4037" i="2" a="1"/>
  <c r="E4037" i="2" s="1"/>
  <c r="E375" i="2" a="1"/>
  <c r="E375" i="2" s="1"/>
  <c r="E1524" i="2" a="1"/>
  <c r="E1524" i="2" s="1"/>
  <c r="H4525" i="2" a="1"/>
  <c r="H4525" i="2" s="1"/>
  <c r="E4752" i="2" a="1"/>
  <c r="E4752" i="2" s="1"/>
  <c r="G7287" i="2" a="1"/>
  <c r="G7287" i="2" s="1"/>
  <c r="E6091" i="2" a="1"/>
  <c r="E6091" i="2" s="1"/>
  <c r="G947" i="2" a="1"/>
  <c r="G947" i="2" s="1"/>
  <c r="E4739" i="2" a="1"/>
  <c r="E4739" i="2" s="1"/>
  <c r="G7283" i="2" a="1"/>
  <c r="G7283" i="2" s="1"/>
  <c r="M7283" i="2" s="1"/>
  <c r="M7257" i="5" s="1"/>
  <c r="AN76" i="1"/>
  <c r="D82" i="5" s="1"/>
  <c r="AM76" i="1"/>
  <c r="AP76" i="1"/>
  <c r="F82" i="5" s="1"/>
  <c r="AP72" i="1"/>
  <c r="F78" i="5" s="1"/>
  <c r="E7423" i="2" a="1"/>
  <c r="E7423" i="2" s="1"/>
  <c r="E7417" i="2" a="1"/>
  <c r="E7417" i="2" s="1"/>
  <c r="E7402" i="2" a="1"/>
  <c r="E7402" i="2" s="1"/>
  <c r="E7405" i="2" a="1"/>
  <c r="E7405" i="2" s="1"/>
  <c r="E7413" i="2" a="1"/>
  <c r="E7413" i="2" s="1"/>
  <c r="E7409" i="2" a="1"/>
  <c r="E7409" i="2" s="1"/>
  <c r="E7406" i="2" a="1"/>
  <c r="E7406" i="2" s="1"/>
  <c r="E7419" i="2" a="1"/>
  <c r="E7419" i="2" s="1"/>
  <c r="E7424" i="2" a="1"/>
  <c r="E7424" i="2" s="1"/>
  <c r="E7420" i="2" a="1"/>
  <c r="E7420" i="2" s="1"/>
  <c r="E7421" i="2" a="1"/>
  <c r="E7421" i="2" s="1"/>
  <c r="H6267" i="2" a="1"/>
  <c r="H6267" i="2" s="1"/>
  <c r="H6259" i="2" a="1"/>
  <c r="H6259" i="2" s="1"/>
  <c r="H6252" i="2" a="1"/>
  <c r="H6252" i="2" s="1"/>
  <c r="H6272" i="2" a="1"/>
  <c r="H6272" i="2" s="1"/>
  <c r="H6251" i="2" a="1"/>
  <c r="H6251" i="2" s="1"/>
  <c r="H6250" i="2" a="1"/>
  <c r="H6250" i="2" s="1"/>
  <c r="D2697" i="2" a="1"/>
  <c r="D2697" i="2" s="1"/>
  <c r="D2688" i="2" a="1"/>
  <c r="D2688" i="2" s="1"/>
  <c r="D2690" i="2" a="1"/>
  <c r="D2690" i="2" s="1"/>
  <c r="D2685" i="2" a="1"/>
  <c r="D2685" i="2" s="1"/>
  <c r="D2693" i="2" a="1"/>
  <c r="D2693" i="2" s="1"/>
  <c r="D2676" i="2" a="1"/>
  <c r="D2676" i="2" s="1"/>
  <c r="D2677" i="2" a="1"/>
  <c r="D2677" i="2" s="1"/>
  <c r="D2679" i="2" a="1"/>
  <c r="D2679" i="2" s="1"/>
  <c r="D2678" i="2" a="1"/>
  <c r="D2678" i="2" s="1"/>
  <c r="D2684" i="2" a="1"/>
  <c r="D2684" i="2" s="1"/>
  <c r="D2686" i="2" a="1"/>
  <c r="D2686" i="2" s="1"/>
  <c r="D2694" i="2" a="1"/>
  <c r="D2694" i="2" s="1"/>
  <c r="D2687" i="2" a="1"/>
  <c r="D2687" i="2" s="1"/>
  <c r="D2695" i="2" a="1"/>
  <c r="D2695" i="2" s="1"/>
  <c r="D2691" i="2" a="1"/>
  <c r="D2691" i="2" s="1"/>
  <c r="D2696" i="2" a="1"/>
  <c r="D2696" i="2" s="1"/>
  <c r="D2682" i="2" a="1"/>
  <c r="D2682" i="2" s="1"/>
  <c r="D2675" i="2" a="1"/>
  <c r="D2675" i="2" s="1"/>
  <c r="D2689" i="2" a="1"/>
  <c r="D2689" i="2" s="1"/>
  <c r="D2674" i="2" a="1"/>
  <c r="D2674" i="2" s="1"/>
  <c r="D2680" i="2" a="1"/>
  <c r="D2680" i="2" s="1"/>
  <c r="D2683" i="2" a="1"/>
  <c r="D2683" i="2" s="1"/>
  <c r="D2681" i="2" a="1"/>
  <c r="D2681" i="2" s="1"/>
  <c r="AQ206" i="1"/>
  <c r="G212" i="5" s="1"/>
  <c r="AN206" i="1"/>
  <c r="D212" i="5" s="1"/>
  <c r="AP206" i="1"/>
  <c r="F212" i="5" s="1"/>
  <c r="AM206" i="1"/>
  <c r="G99" i="2" a="1"/>
  <c r="G99" i="2" s="1"/>
  <c r="G102" i="2" a="1"/>
  <c r="G102" i="2" s="1"/>
  <c r="E5731" i="2" a="1"/>
  <c r="E5731" i="2" s="1"/>
  <c r="E5737" i="2" a="1"/>
  <c r="E5737" i="2" s="1"/>
  <c r="E5726" i="2" a="1"/>
  <c r="E5726" i="2" s="1"/>
  <c r="G7377" i="2" a="1"/>
  <c r="G7377" i="2" s="1"/>
  <c r="D502" i="2" a="1"/>
  <c r="D502" i="2" s="1"/>
  <c r="AM25" i="1"/>
  <c r="H8209" i="2" a="1"/>
  <c r="H8209" i="2" s="1"/>
  <c r="H8196" i="2" a="1"/>
  <c r="H8196" i="2" s="1"/>
  <c r="H8213" i="2" a="1"/>
  <c r="H8213" i="2" s="1"/>
  <c r="H8195" i="2" a="1"/>
  <c r="H8195" i="2" s="1"/>
  <c r="H8217" i="2" a="1"/>
  <c r="H8217" i="2" s="1"/>
  <c r="H8215" i="2" a="1"/>
  <c r="H8215" i="2" s="1"/>
  <c r="H8207" i="2" a="1"/>
  <c r="H8207" i="2" s="1"/>
  <c r="H8206" i="2" a="1"/>
  <c r="H8206" i="2" s="1"/>
  <c r="H8203" i="2" a="1"/>
  <c r="H8203" i="2" s="1"/>
  <c r="H8204" i="2" a="1"/>
  <c r="H8204" i="2" s="1"/>
  <c r="H8208" i="2" a="1"/>
  <c r="H8208" i="2" s="1"/>
  <c r="H8214" i="2" a="1"/>
  <c r="H8214" i="2" s="1"/>
  <c r="H8205" i="2" a="1"/>
  <c r="H8205" i="2" s="1"/>
  <c r="H8201" i="2" a="1"/>
  <c r="H8201" i="2" s="1"/>
  <c r="H8199" i="2" a="1"/>
  <c r="H8199" i="2" s="1"/>
  <c r="H8216" i="2" a="1"/>
  <c r="H8216" i="2" s="1"/>
  <c r="H8202" i="2" a="1"/>
  <c r="H8202" i="2" s="1"/>
  <c r="H8194" i="2" a="1"/>
  <c r="H8194" i="2" s="1"/>
  <c r="H8210" i="2" a="1"/>
  <c r="H8210" i="2" s="1"/>
  <c r="H8211" i="2" a="1"/>
  <c r="H8211" i="2" s="1"/>
  <c r="H8200" i="2" a="1"/>
  <c r="H8200" i="2" s="1"/>
  <c r="H8198" i="2" a="1"/>
  <c r="H8198" i="2" s="1"/>
  <c r="D599" i="2" a="1"/>
  <c r="D599" i="2" s="1"/>
  <c r="D608" i="2" a="1"/>
  <c r="D608" i="2" s="1"/>
  <c r="D587" i="2" a="1"/>
  <c r="D587" i="2" s="1"/>
  <c r="D603" i="2" a="1"/>
  <c r="D603" i="2" s="1"/>
  <c r="D605" i="2" a="1"/>
  <c r="D605" i="2" s="1"/>
  <c r="AQ25" i="1"/>
  <c r="G31" i="5" s="1"/>
  <c r="D604" i="2" a="1"/>
  <c r="D604" i="2" s="1"/>
  <c r="D595" i="2" a="1"/>
  <c r="D595" i="2" s="1"/>
  <c r="D607" i="2" a="1"/>
  <c r="D607" i="2" s="1"/>
  <c r="D600" i="2" a="1"/>
  <c r="D600" i="2" s="1"/>
  <c r="D592" i="2" a="1"/>
  <c r="D592" i="2" s="1"/>
  <c r="D589" i="2" a="1"/>
  <c r="D589" i="2" s="1"/>
  <c r="D596" i="2" a="1"/>
  <c r="D596" i="2" s="1"/>
  <c r="D602" i="2" a="1"/>
  <c r="D602" i="2" s="1"/>
  <c r="D593" i="2" a="1"/>
  <c r="D593" i="2" s="1"/>
  <c r="D598" i="2" a="1"/>
  <c r="D598" i="2" s="1"/>
  <c r="D588" i="2" a="1"/>
  <c r="D588" i="2" s="1"/>
  <c r="D606" i="2" a="1"/>
  <c r="D606" i="2" s="1"/>
  <c r="AO25" i="1"/>
  <c r="E31" i="5" s="1"/>
  <c r="D590" i="2" a="1"/>
  <c r="D590" i="2" s="1"/>
  <c r="D591" i="2" a="1"/>
  <c r="D591" i="2" s="1"/>
  <c r="D594" i="2" a="1"/>
  <c r="D594" i="2" s="1"/>
  <c r="D597" i="2" a="1"/>
  <c r="D597" i="2" s="1"/>
  <c r="D601" i="2" a="1"/>
  <c r="D601" i="2" s="1"/>
  <c r="D586" i="2" a="1"/>
  <c r="D586" i="2" s="1"/>
  <c r="AP4" i="1"/>
  <c r="F10" i="5" s="1"/>
  <c r="AO4" i="1"/>
  <c r="E10" i="5" s="1"/>
  <c r="AQ4" i="1"/>
  <c r="G10" i="5" s="1"/>
  <c r="AM4" i="1"/>
  <c r="H6112" i="2" a="1"/>
  <c r="H6112" i="2" s="1"/>
  <c r="H6126" i="2" a="1"/>
  <c r="H6126" i="2" s="1"/>
  <c r="H6118" i="2" a="1"/>
  <c r="H6118" i="2" s="1"/>
  <c r="H6114" i="2" a="1"/>
  <c r="H6114" i="2" s="1"/>
  <c r="H6129" i="2" a="1"/>
  <c r="H6129" i="2" s="1"/>
  <c r="H6124" i="2" a="1"/>
  <c r="H6124" i="2" s="1"/>
  <c r="H6107" i="2" a="1"/>
  <c r="H6107" i="2" s="1"/>
  <c r="H6110" i="2" a="1"/>
  <c r="H6110" i="2" s="1"/>
  <c r="H6111" i="2" a="1"/>
  <c r="H6111" i="2" s="1"/>
  <c r="H6128" i="2" a="1"/>
  <c r="H6128" i="2" s="1"/>
  <c r="H6123" i="2" a="1"/>
  <c r="H6123" i="2" s="1"/>
  <c r="H6117" i="2" a="1"/>
  <c r="H6117" i="2" s="1"/>
  <c r="H6106" i="2" a="1"/>
  <c r="H6106" i="2" s="1"/>
  <c r="H6115" i="2" a="1"/>
  <c r="H6115" i="2" s="1"/>
  <c r="H6120" i="2" a="1"/>
  <c r="H6120" i="2" s="1"/>
  <c r="H6116" i="2" a="1"/>
  <c r="H6116" i="2" s="1"/>
  <c r="H6122" i="2" a="1"/>
  <c r="H6122" i="2" s="1"/>
  <c r="H6108" i="2" a="1"/>
  <c r="H6108" i="2" s="1"/>
  <c r="H6109" i="2" a="1"/>
  <c r="H6109" i="2" s="1"/>
  <c r="H6127" i="2" a="1"/>
  <c r="H6127" i="2" s="1"/>
  <c r="H6121" i="2" a="1"/>
  <c r="H6121" i="2" s="1"/>
  <c r="H6125" i="2" a="1"/>
  <c r="H6125" i="2" s="1"/>
  <c r="H6113" i="2" a="1"/>
  <c r="H6113" i="2" s="1"/>
  <c r="H6119" i="2" a="1"/>
  <c r="H6119" i="2" s="1"/>
  <c r="G5086" i="2" a="1"/>
  <c r="G5086" i="2" s="1"/>
  <c r="G5093" i="2" a="1"/>
  <c r="G5093" i="2" s="1"/>
  <c r="G5087" i="2" a="1"/>
  <c r="G5087" i="2" s="1"/>
  <c r="G5077" i="2" a="1"/>
  <c r="G5077" i="2" s="1"/>
  <c r="G5076" i="2" a="1"/>
  <c r="G5076" i="2" s="1"/>
  <c r="G5090" i="2" a="1"/>
  <c r="G5090" i="2" s="1"/>
  <c r="G5079" i="2" a="1"/>
  <c r="G5079" i="2" s="1"/>
  <c r="G5081" i="2" a="1"/>
  <c r="G5081" i="2" s="1"/>
  <c r="G5078" i="2" a="1"/>
  <c r="G5078" i="2" s="1"/>
  <c r="G5091" i="2" a="1"/>
  <c r="G5091" i="2" s="1"/>
  <c r="G5083" i="2" a="1"/>
  <c r="G5083" i="2" s="1"/>
  <c r="G5089" i="2" a="1"/>
  <c r="G5089" i="2" s="1"/>
  <c r="G5074" i="2" a="1"/>
  <c r="G5074" i="2" s="1"/>
  <c r="G5092" i="2" a="1"/>
  <c r="G5092" i="2" s="1"/>
  <c r="G5082" i="2" a="1"/>
  <c r="G5082" i="2" s="1"/>
  <c r="G5094" i="2" a="1"/>
  <c r="G5094" i="2" s="1"/>
  <c r="G5085" i="2" a="1"/>
  <c r="G5085" i="2" s="1"/>
  <c r="G5095" i="2" a="1"/>
  <c r="G5095" i="2" s="1"/>
  <c r="G5097" i="2" a="1"/>
  <c r="G5097" i="2" s="1"/>
  <c r="G5080" i="2" a="1"/>
  <c r="G5080" i="2" s="1"/>
  <c r="G5084" i="2" a="1"/>
  <c r="G5084" i="2" s="1"/>
  <c r="F3123" i="2" a="1"/>
  <c r="F3123" i="2" s="1"/>
  <c r="F3129" i="2" a="1"/>
  <c r="F3129" i="2" s="1"/>
  <c r="F3117" i="2" a="1"/>
  <c r="F3117" i="2" s="1"/>
  <c r="F3119" i="2" a="1"/>
  <c r="F3119" i="2" s="1"/>
  <c r="F3127" i="2" a="1"/>
  <c r="F3127" i="2" s="1"/>
  <c r="F3126" i="2" a="1"/>
  <c r="F3126" i="2" s="1"/>
  <c r="F3118" i="2" a="1"/>
  <c r="F3118" i="2" s="1"/>
  <c r="F3116" i="2" a="1"/>
  <c r="F3116" i="2" s="1"/>
  <c r="F3112" i="2" a="1"/>
  <c r="F3112" i="2" s="1"/>
  <c r="F3110" i="2" a="1"/>
  <c r="F3110" i="2" s="1"/>
  <c r="F3125" i="2" a="1"/>
  <c r="F3125" i="2" s="1"/>
  <c r="F3120" i="2" a="1"/>
  <c r="F3120" i="2" s="1"/>
  <c r="F3107" i="2" a="1"/>
  <c r="F3107" i="2" s="1"/>
  <c r="F3108" i="2" a="1"/>
  <c r="F3108" i="2" s="1"/>
  <c r="F3128" i="2" a="1"/>
  <c r="F3128" i="2" s="1"/>
  <c r="F3124" i="2" a="1"/>
  <c r="F3124" i="2" s="1"/>
  <c r="F3114" i="2" a="1"/>
  <c r="F3114" i="2" s="1"/>
  <c r="F3121" i="2" a="1"/>
  <c r="F3121" i="2" s="1"/>
  <c r="F3115" i="2" a="1"/>
  <c r="F3115" i="2" s="1"/>
  <c r="F3111" i="2" a="1"/>
  <c r="F3111" i="2" s="1"/>
  <c r="H2912" i="2" a="1"/>
  <c r="H2912" i="2" s="1"/>
  <c r="H2902" i="2" a="1"/>
  <c r="H2902" i="2" s="1"/>
  <c r="H2911" i="2" a="1"/>
  <c r="H2911" i="2" s="1"/>
  <c r="H2900" i="2" a="1"/>
  <c r="H2900" i="2" s="1"/>
  <c r="H2909" i="2" a="1"/>
  <c r="H2909" i="2" s="1"/>
  <c r="H2897" i="2" a="1"/>
  <c r="H2897" i="2" s="1"/>
  <c r="H2895" i="2" a="1"/>
  <c r="H2895" i="2" s="1"/>
  <c r="H2892" i="2" a="1"/>
  <c r="H2892" i="2" s="1"/>
  <c r="H2890" i="2" a="1"/>
  <c r="H2890" i="2" s="1"/>
  <c r="H2896" i="2" a="1"/>
  <c r="H2896" i="2" s="1"/>
  <c r="H2898" i="2" a="1"/>
  <c r="H2898" i="2" s="1"/>
  <c r="H2905" i="2" a="1"/>
  <c r="H2905" i="2" s="1"/>
  <c r="H2913" i="2" a="1"/>
  <c r="H2913" i="2" s="1"/>
  <c r="H2910" i="2" a="1"/>
  <c r="H2910" i="2" s="1"/>
  <c r="H2903" i="2" a="1"/>
  <c r="H2903" i="2" s="1"/>
  <c r="H2901" i="2" a="1"/>
  <c r="H2901" i="2" s="1"/>
  <c r="H2904" i="2" a="1"/>
  <c r="H2904" i="2" s="1"/>
  <c r="H2893" i="2" a="1"/>
  <c r="H2893" i="2" s="1"/>
  <c r="H2907" i="2" a="1"/>
  <c r="H2907" i="2" s="1"/>
  <c r="H2899" i="2" a="1"/>
  <c r="H2899" i="2" s="1"/>
  <c r="H2908" i="2" a="1"/>
  <c r="H2908" i="2" s="1"/>
  <c r="H2891" i="2" a="1"/>
  <c r="H2891" i="2" s="1"/>
  <c r="H2894" i="2" a="1"/>
  <c r="H2894" i="2" s="1"/>
  <c r="H2906" i="2" a="1"/>
  <c r="H2906" i="2" s="1"/>
  <c r="G2082" i="2" a="1"/>
  <c r="G2082" i="2" s="1"/>
  <c r="G2075" i="2" a="1"/>
  <c r="G2075" i="2" s="1"/>
  <c r="G2079" i="2" a="1"/>
  <c r="G2079" i="2" s="1"/>
  <c r="G2094" i="2" a="1"/>
  <c r="G2094" i="2" s="1"/>
  <c r="G2076" i="2" a="1"/>
  <c r="G2076" i="2" s="1"/>
  <c r="G2097" i="2" a="1"/>
  <c r="G2097" i="2" s="1"/>
  <c r="G2089" i="2" a="1"/>
  <c r="G2089" i="2" s="1"/>
  <c r="G2081" i="2" a="1"/>
  <c r="G2081" i="2" s="1"/>
  <c r="G2090" i="2" a="1"/>
  <c r="G2090" i="2" s="1"/>
  <c r="G2078" i="2" a="1"/>
  <c r="G2078" i="2" s="1"/>
  <c r="G2083" i="2" a="1"/>
  <c r="G2083" i="2" s="1"/>
  <c r="G2091" i="2" a="1"/>
  <c r="G2091" i="2" s="1"/>
  <c r="G2093" i="2" a="1"/>
  <c r="G2093" i="2" s="1"/>
  <c r="G2096" i="2" a="1"/>
  <c r="G2096" i="2" s="1"/>
  <c r="G2087" i="2" a="1"/>
  <c r="G2087" i="2" s="1"/>
  <c r="G2077" i="2" a="1"/>
  <c r="G2077" i="2" s="1"/>
  <c r="G2088" i="2" a="1"/>
  <c r="G2088" i="2" s="1"/>
  <c r="G2084" i="2" a="1"/>
  <c r="G2084" i="2" s="1"/>
  <c r="G2085" i="2" a="1"/>
  <c r="G2085" i="2" s="1"/>
  <c r="G2092" i="2" a="1"/>
  <c r="G2092" i="2" s="1"/>
  <c r="G2086" i="2" a="1"/>
  <c r="G2086" i="2" s="1"/>
  <c r="G2074" i="2" a="1"/>
  <c r="G2074" i="2" s="1"/>
  <c r="G2095" i="2" a="1"/>
  <c r="G2095" i="2" s="1"/>
  <c r="G2080" i="2" a="1"/>
  <c r="G2080" i="2" s="1"/>
  <c r="E3886" i="2" a="1"/>
  <c r="E3886" i="2" s="1"/>
  <c r="E3889" i="2" a="1"/>
  <c r="E3889" i="2" s="1"/>
  <c r="E3896" i="2" a="1"/>
  <c r="E3896" i="2" s="1"/>
  <c r="E3894" i="2" a="1"/>
  <c r="E3894" i="2" s="1"/>
  <c r="E3892" i="2" a="1"/>
  <c r="E3892" i="2" s="1"/>
  <c r="E3897" i="2" a="1"/>
  <c r="E3897" i="2" s="1"/>
  <c r="E3880" i="2" a="1"/>
  <c r="E3880" i="2" s="1"/>
  <c r="E3877" i="2" a="1"/>
  <c r="E3877" i="2" s="1"/>
  <c r="E3890" i="2" a="1"/>
  <c r="E3890" i="2" s="1"/>
  <c r="E3885" i="2" a="1"/>
  <c r="E3885" i="2" s="1"/>
  <c r="E3878" i="2" a="1"/>
  <c r="E3878" i="2" s="1"/>
  <c r="E3891" i="2" a="1"/>
  <c r="E3891" i="2" s="1"/>
  <c r="E3887" i="2" a="1"/>
  <c r="E3887" i="2" s="1"/>
  <c r="E3888" i="2" a="1"/>
  <c r="E3888" i="2" s="1"/>
  <c r="E3884" i="2" a="1"/>
  <c r="E3884" i="2" s="1"/>
  <c r="E3876" i="2" a="1"/>
  <c r="E3876" i="2" s="1"/>
  <c r="E3895" i="2" a="1"/>
  <c r="E3895" i="2" s="1"/>
  <c r="E3881" i="2" a="1"/>
  <c r="E3881" i="2" s="1"/>
  <c r="E3883" i="2" a="1"/>
  <c r="E3883" i="2" s="1"/>
  <c r="E3875" i="2" a="1"/>
  <c r="E3875" i="2" s="1"/>
  <c r="E3879" i="2" a="1"/>
  <c r="E3879" i="2" s="1"/>
  <c r="E3874" i="2" a="1"/>
  <c r="E3874" i="2" s="1"/>
  <c r="E3882" i="2" a="1"/>
  <c r="E3882" i="2" s="1"/>
  <c r="E3893" i="2" a="1"/>
  <c r="E3893" i="2" s="1"/>
  <c r="AP347" i="1"/>
  <c r="F353" i="5" s="1"/>
  <c r="AM347" i="1"/>
  <c r="AQ347" i="1"/>
  <c r="G353" i="5" s="1"/>
  <c r="AN347" i="1"/>
  <c r="D353" i="5" s="1"/>
  <c r="AO347" i="1"/>
  <c r="E353" i="5" s="1"/>
  <c r="D511" i="2" a="1"/>
  <c r="D511" i="2" s="1"/>
  <c r="D509" i="2" a="1"/>
  <c r="D509" i="2" s="1"/>
  <c r="D500" i="2" a="1"/>
  <c r="D500" i="2" s="1"/>
  <c r="D490" i="2" a="1"/>
  <c r="D490" i="2" s="1"/>
  <c r="D498" i="2" a="1"/>
  <c r="D498" i="2" s="1"/>
  <c r="D503" i="2" a="1"/>
  <c r="D503" i="2" s="1"/>
  <c r="D497" i="2" a="1"/>
  <c r="D497" i="2" s="1"/>
  <c r="D512" i="2" a="1"/>
  <c r="D512" i="2" s="1"/>
  <c r="D496" i="2" a="1"/>
  <c r="D496" i="2" s="1"/>
  <c r="D493" i="2" a="1"/>
  <c r="D493" i="2" s="1"/>
  <c r="D495" i="2" a="1"/>
  <c r="D495" i="2" s="1"/>
  <c r="D507" i="2" a="1"/>
  <c r="D507" i="2" s="1"/>
  <c r="D492" i="2" a="1"/>
  <c r="D492" i="2" s="1"/>
  <c r="D513" i="2" a="1"/>
  <c r="D513" i="2" s="1"/>
  <c r="D504" i="2" a="1"/>
  <c r="D504" i="2" s="1"/>
  <c r="D510" i="2" a="1"/>
  <c r="D510" i="2" s="1"/>
  <c r="D508" i="2" a="1"/>
  <c r="D508" i="2" s="1"/>
  <c r="D499" i="2" a="1"/>
  <c r="D499" i="2" s="1"/>
  <c r="D491" i="2" a="1"/>
  <c r="D491" i="2" s="1"/>
  <c r="D501" i="2" a="1"/>
  <c r="D501" i="2" s="1"/>
  <c r="AO307" i="1"/>
  <c r="E313" i="5" s="1"/>
  <c r="AN307" i="1"/>
  <c r="D313" i="5" s="1"/>
  <c r="AP307" i="1"/>
  <c r="F313" i="5" s="1"/>
  <c r="AQ307" i="1"/>
  <c r="G313" i="5" s="1"/>
  <c r="AM307" i="1"/>
  <c r="G7359" i="2" a="1"/>
  <c r="G7359" i="2" s="1"/>
  <c r="G7370" i="2" a="1"/>
  <c r="G7370" i="2" s="1"/>
  <c r="G7363" i="2" a="1"/>
  <c r="G7363" i="2" s="1"/>
  <c r="G7375" i="2" a="1"/>
  <c r="G7375" i="2" s="1"/>
  <c r="G7367" i="2" a="1"/>
  <c r="G7367" i="2" s="1"/>
  <c r="G7357" i="2" a="1"/>
  <c r="G7357" i="2" s="1"/>
  <c r="G7360" i="2" a="1"/>
  <c r="G7360" i="2" s="1"/>
  <c r="G7358" i="2" a="1"/>
  <c r="G7358" i="2" s="1"/>
  <c r="G7376" i="2" a="1"/>
  <c r="G7376" i="2" s="1"/>
  <c r="G7364" i="2" a="1"/>
  <c r="G7364" i="2" s="1"/>
  <c r="G7356" i="2" a="1"/>
  <c r="G7356" i="2" s="1"/>
  <c r="G7371" i="2" a="1"/>
  <c r="G7371" i="2" s="1"/>
  <c r="G7361" i="2" a="1"/>
  <c r="G7361" i="2" s="1"/>
  <c r="G7354" i="2" a="1"/>
  <c r="G7354" i="2" s="1"/>
  <c r="G7362" i="2" a="1"/>
  <c r="G7362" i="2" s="1"/>
  <c r="G7372" i="2" a="1"/>
  <c r="G7372" i="2" s="1"/>
  <c r="G7300" i="2" a="1"/>
  <c r="G7300" i="2" s="1"/>
  <c r="G7284" i="2" a="1"/>
  <c r="G7284" i="2" s="1"/>
  <c r="G7292" i="2" a="1"/>
  <c r="G7292" i="2" s="1"/>
  <c r="G7285" i="2" a="1"/>
  <c r="G7285" i="2" s="1"/>
  <c r="G7288" i="2" a="1"/>
  <c r="G7288" i="2" s="1"/>
  <c r="G7294" i="2" a="1"/>
  <c r="G7294" i="2" s="1"/>
  <c r="G7299" i="2" a="1"/>
  <c r="G7299" i="2" s="1"/>
  <c r="G7297" i="2" a="1"/>
  <c r="G7297" i="2" s="1"/>
  <c r="G7303" i="2" a="1"/>
  <c r="G7303" i="2" s="1"/>
  <c r="G7304" i="2" a="1"/>
  <c r="G7304" i="2" s="1"/>
  <c r="G7282" i="2" a="1"/>
  <c r="G7282" i="2" s="1"/>
  <c r="G7305" i="2" a="1"/>
  <c r="G7305" i="2" s="1"/>
  <c r="G7295" i="2" a="1"/>
  <c r="G7295" i="2" s="1"/>
  <c r="G7293" i="2" a="1"/>
  <c r="G7293" i="2" s="1"/>
  <c r="G7289" i="2" a="1"/>
  <c r="G7289" i="2" s="1"/>
  <c r="E4758" i="2" a="1"/>
  <c r="E4758" i="2" s="1"/>
  <c r="E4761" i="2" a="1"/>
  <c r="E4761" i="2" s="1"/>
  <c r="E4760" i="2" a="1"/>
  <c r="E4760" i="2" s="1"/>
  <c r="E4749" i="2" a="1"/>
  <c r="E4749" i="2" s="1"/>
  <c r="E4747" i="2" a="1"/>
  <c r="E4747" i="2" s="1"/>
  <c r="E4755" i="2" a="1"/>
  <c r="E4755" i="2" s="1"/>
  <c r="E4741" i="2" a="1"/>
  <c r="E4741" i="2" s="1"/>
  <c r="E4754" i="2" a="1"/>
  <c r="E4754" i="2" s="1"/>
  <c r="E4748" i="2" a="1"/>
  <c r="E4748" i="2" s="1"/>
  <c r="E4751" i="2" a="1"/>
  <c r="E4751" i="2" s="1"/>
  <c r="G4374" i="2" a="1"/>
  <c r="G4374" i="2" s="1"/>
  <c r="G4365" i="2" a="1"/>
  <c r="G4365" i="2" s="1"/>
  <c r="G4356" i="2" a="1"/>
  <c r="G4356" i="2" s="1"/>
  <c r="G4369" i="2" a="1"/>
  <c r="G4369" i="2" s="1"/>
  <c r="G4359" i="2" a="1"/>
  <c r="G4359" i="2" s="1"/>
  <c r="G4363" i="2" a="1"/>
  <c r="G4363" i="2" s="1"/>
  <c r="G4371" i="2" a="1"/>
  <c r="G4371" i="2" s="1"/>
  <c r="G4372" i="2" a="1"/>
  <c r="G4372" i="2" s="1"/>
  <c r="G4364" i="2" a="1"/>
  <c r="G4364" i="2" s="1"/>
  <c r="G4373" i="2" a="1"/>
  <c r="G4373" i="2" s="1"/>
  <c r="G4375" i="2" a="1"/>
  <c r="G4375" i="2" s="1"/>
  <c r="G4357" i="2" a="1"/>
  <c r="G4357" i="2" s="1"/>
  <c r="G4362" i="2" a="1"/>
  <c r="G4362" i="2" s="1"/>
  <c r="G4358" i="2" a="1"/>
  <c r="G4358" i="2" s="1"/>
  <c r="G4360" i="2" a="1"/>
  <c r="G4360" i="2" s="1"/>
  <c r="G4370" i="2" a="1"/>
  <c r="G4370" i="2" s="1"/>
  <c r="G4354" i="2" a="1"/>
  <c r="G4354" i="2" s="1"/>
  <c r="G4367" i="2" a="1"/>
  <c r="G4367" i="2" s="1"/>
  <c r="G4361" i="2" a="1"/>
  <c r="G4361" i="2" s="1"/>
  <c r="AP195" i="1"/>
  <c r="F201" i="5" s="1"/>
  <c r="AO195" i="1"/>
  <c r="E201" i="5" s="1"/>
  <c r="AN195" i="1"/>
  <c r="D201" i="5" s="1"/>
  <c r="G2189" i="2" a="1"/>
  <c r="G2189" i="2" s="1"/>
  <c r="G2180" i="2" a="1"/>
  <c r="G2180" i="2" s="1"/>
  <c r="G2183" i="2" a="1"/>
  <c r="G2183" i="2" s="1"/>
  <c r="G2184" i="2" a="1"/>
  <c r="G2184" i="2" s="1"/>
  <c r="G2193" i="2" a="1"/>
  <c r="G2193" i="2" s="1"/>
  <c r="G2181" i="2" a="1"/>
  <c r="G2181" i="2" s="1"/>
  <c r="G2179" i="2" a="1"/>
  <c r="G2179" i="2" s="1"/>
  <c r="G2185" i="2" a="1"/>
  <c r="G2185" i="2" s="1"/>
  <c r="G2186" i="2" a="1"/>
  <c r="G2186" i="2" s="1"/>
  <c r="F1989" i="2" a="1"/>
  <c r="F1989" i="2" s="1"/>
  <c r="F1979" i="2" a="1"/>
  <c r="F1979" i="2" s="1"/>
  <c r="F1981" i="2" a="1"/>
  <c r="F1981" i="2" s="1"/>
  <c r="F1980" i="2" a="1"/>
  <c r="F1980" i="2" s="1"/>
  <c r="F1986" i="2" a="1"/>
  <c r="F1986" i="2" s="1"/>
  <c r="F1994" i="2" a="1"/>
  <c r="F1994" i="2" s="1"/>
  <c r="F1985" i="2" a="1"/>
  <c r="F1985" i="2" s="1"/>
  <c r="F1987" i="2" a="1"/>
  <c r="F1987" i="2" s="1"/>
  <c r="F1982" i="2" a="1"/>
  <c r="F1982" i="2" s="1"/>
  <c r="F1993" i="2" a="1"/>
  <c r="F1993" i="2" s="1"/>
  <c r="F1992" i="2" a="1"/>
  <c r="F1992" i="2" s="1"/>
  <c r="F1984" i="2" a="1"/>
  <c r="F1984" i="2" s="1"/>
  <c r="F1997" i="2" a="1"/>
  <c r="F1997" i="2" s="1"/>
  <c r="F1996" i="2" a="1"/>
  <c r="F1996" i="2" s="1"/>
  <c r="F1998" i="2" a="1"/>
  <c r="F1998" i="2" s="1"/>
  <c r="F1983" i="2" a="1"/>
  <c r="F1983" i="2" s="1"/>
  <c r="F1995" i="2" a="1"/>
  <c r="F1995" i="2" s="1"/>
  <c r="F2000" i="2" a="1"/>
  <c r="F2000" i="2" s="1"/>
  <c r="F1999" i="2" a="1"/>
  <c r="F1999" i="2" s="1"/>
  <c r="F6610" i="2" a="1"/>
  <c r="F6610" i="2" s="1"/>
  <c r="F6625" i="2" a="1"/>
  <c r="F6625" i="2" s="1"/>
  <c r="F6631" i="2" a="1"/>
  <c r="F6631" i="2" s="1"/>
  <c r="F6615" i="2" a="1"/>
  <c r="F6615" i="2" s="1"/>
  <c r="F6624" i="2" a="1"/>
  <c r="F6624" i="2" s="1"/>
  <c r="F6611" i="2" a="1"/>
  <c r="F6611" i="2" s="1"/>
  <c r="F6619" i="2" a="1"/>
  <c r="F6619" i="2" s="1"/>
  <c r="F6614" i="2" a="1"/>
  <c r="F6614" i="2" s="1"/>
  <c r="F6612" i="2" a="1"/>
  <c r="F6612" i="2" s="1"/>
  <c r="F6621" i="2" a="1"/>
  <c r="F6621" i="2" s="1"/>
  <c r="F6617" i="2" a="1"/>
  <c r="F6617" i="2" s="1"/>
  <c r="F6616" i="2" a="1"/>
  <c r="F6616" i="2" s="1"/>
  <c r="F6623" i="2" a="1"/>
  <c r="F6623" i="2" s="1"/>
  <c r="F6628" i="2" a="1"/>
  <c r="F6628" i="2" s="1"/>
  <c r="F6629" i="2" a="1"/>
  <c r="F6629" i="2" s="1"/>
  <c r="F6630" i="2" a="1"/>
  <c r="F6630" i="2" s="1"/>
  <c r="F6633" i="2" a="1"/>
  <c r="F6633" i="2" s="1"/>
  <c r="F6618" i="2" a="1"/>
  <c r="F6618" i="2" s="1"/>
  <c r="F6632" i="2" a="1"/>
  <c r="F6632" i="2" s="1"/>
  <c r="F6622" i="2" a="1"/>
  <c r="F6622" i="2" s="1"/>
  <c r="F6626" i="2" a="1"/>
  <c r="F6626" i="2" s="1"/>
  <c r="F6627" i="2" a="1"/>
  <c r="F6627" i="2" s="1"/>
  <c r="H5510" i="2" a="1"/>
  <c r="H5510" i="2" s="1"/>
  <c r="H5515" i="2" a="1"/>
  <c r="H5515" i="2" s="1"/>
  <c r="H5529" i="2" a="1"/>
  <c r="H5529" i="2" s="1"/>
  <c r="H5508" i="2" a="1"/>
  <c r="H5508" i="2" s="1"/>
  <c r="H5507" i="2" a="1"/>
  <c r="H5507" i="2" s="1"/>
  <c r="H5513" i="2" a="1"/>
  <c r="H5513" i="2" s="1"/>
  <c r="H5528" i="2" a="1"/>
  <c r="H5528" i="2" s="1"/>
  <c r="H5527" i="2" a="1"/>
  <c r="H5527" i="2" s="1"/>
  <c r="E3984" i="2" a="1"/>
  <c r="E3984" i="2" s="1"/>
  <c r="E3971" i="2" a="1"/>
  <c r="E3971" i="2" s="1"/>
  <c r="E3979" i="2" a="1"/>
  <c r="E3979" i="2" s="1"/>
  <c r="E3986" i="2" a="1"/>
  <c r="E3986" i="2" s="1"/>
  <c r="E3985" i="2" a="1"/>
  <c r="E3985" i="2" s="1"/>
  <c r="E3977" i="2" a="1"/>
  <c r="E3977" i="2" s="1"/>
  <c r="E3993" i="2" a="1"/>
  <c r="E3993" i="2" s="1"/>
  <c r="E3987" i="2" a="1"/>
  <c r="E3987" i="2" s="1"/>
  <c r="E3975" i="2" a="1"/>
  <c r="E3975" i="2" s="1"/>
  <c r="E3983" i="2" a="1"/>
  <c r="E3983" i="2" s="1"/>
  <c r="E3991" i="2" a="1"/>
  <c r="E3991" i="2" s="1"/>
  <c r="E3981" i="2" a="1"/>
  <c r="E3981" i="2" s="1"/>
  <c r="E3988" i="2" a="1"/>
  <c r="E3988" i="2" s="1"/>
  <c r="E3989" i="2" a="1"/>
  <c r="E3989" i="2" s="1"/>
  <c r="E3978" i="2" a="1"/>
  <c r="E3978" i="2" s="1"/>
  <c r="E3970" i="2" a="1"/>
  <c r="E3970" i="2" s="1"/>
  <c r="E3972" i="2" a="1"/>
  <c r="E3972" i="2" s="1"/>
  <c r="E3990" i="2" a="1"/>
  <c r="E3990" i="2" s="1"/>
  <c r="E3976" i="2" a="1"/>
  <c r="E3976" i="2" s="1"/>
  <c r="E3973" i="2" a="1"/>
  <c r="E3973" i="2" s="1"/>
  <c r="E3980" i="2" a="1"/>
  <c r="E3980" i="2" s="1"/>
  <c r="E3992" i="2" a="1"/>
  <c r="E3992" i="2" s="1"/>
  <c r="E3974" i="2" a="1"/>
  <c r="E3974" i="2" s="1"/>
  <c r="E3982" i="2" a="1"/>
  <c r="E3982" i="2" s="1"/>
  <c r="E5082" i="2" a="1"/>
  <c r="E5082" i="2" s="1"/>
  <c r="E5095" i="2" a="1"/>
  <c r="E5095" i="2" s="1"/>
  <c r="E5097" i="2" a="1"/>
  <c r="E5097" i="2" s="1"/>
  <c r="E5079" i="2" a="1"/>
  <c r="E5079" i="2" s="1"/>
  <c r="E5083" i="2" a="1"/>
  <c r="E5083" i="2" s="1"/>
  <c r="E5074" i="2" a="1"/>
  <c r="E5074" i="2" s="1"/>
  <c r="E5096" i="2" a="1"/>
  <c r="E5096" i="2" s="1"/>
  <c r="E5075" i="2" a="1"/>
  <c r="E5075" i="2" s="1"/>
  <c r="E5087" i="2" a="1"/>
  <c r="E5087" i="2" s="1"/>
  <c r="E5090" i="2" a="1"/>
  <c r="E5090" i="2" s="1"/>
  <c r="E5077" i="2" a="1"/>
  <c r="E5077" i="2" s="1"/>
  <c r="E5086" i="2" a="1"/>
  <c r="E5086" i="2" s="1"/>
  <c r="E5094" i="2" a="1"/>
  <c r="E5094" i="2" s="1"/>
  <c r="E5092" i="2" a="1"/>
  <c r="E5092" i="2" s="1"/>
  <c r="E5093" i="2" a="1"/>
  <c r="E5093" i="2" s="1"/>
  <c r="E5085" i="2" a="1"/>
  <c r="E5085" i="2" s="1"/>
  <c r="E5084" i="2" a="1"/>
  <c r="E5084" i="2" s="1"/>
  <c r="E5089" i="2" a="1"/>
  <c r="E5089" i="2" s="1"/>
  <c r="E5076" i="2" a="1"/>
  <c r="E5076" i="2" s="1"/>
  <c r="E5078" i="2" a="1"/>
  <c r="E5078" i="2" s="1"/>
  <c r="E5081" i="2" a="1"/>
  <c r="E5081" i="2" s="1"/>
  <c r="G5489" i="2" a="1"/>
  <c r="G5489" i="2" s="1"/>
  <c r="G5482" i="2" a="1"/>
  <c r="G5482" i="2" s="1"/>
  <c r="G5497" i="2" a="1"/>
  <c r="G5497" i="2" s="1"/>
  <c r="G5486" i="2" a="1"/>
  <c r="G5486" i="2" s="1"/>
  <c r="G5500" i="2" a="1"/>
  <c r="G5500" i="2" s="1"/>
  <c r="G5504" i="2" a="1"/>
  <c r="G5504" i="2" s="1"/>
  <c r="G5493" i="2" a="1"/>
  <c r="G5493" i="2" s="1"/>
  <c r="G5496" i="2" a="1"/>
  <c r="G5496" i="2" s="1"/>
  <c r="G5494" i="2" a="1"/>
  <c r="G5494" i="2" s="1"/>
  <c r="G5502" i="2" a="1"/>
  <c r="G5502" i="2" s="1"/>
  <c r="G5498" i="2" a="1"/>
  <c r="G5498" i="2" s="1"/>
  <c r="G5490" i="2" a="1"/>
  <c r="G5490" i="2" s="1"/>
  <c r="G5484" i="2" a="1"/>
  <c r="G5484" i="2" s="1"/>
  <c r="G5491" i="2" a="1"/>
  <c r="G5491" i="2" s="1"/>
  <c r="G5495" i="2" a="1"/>
  <c r="G5495" i="2" s="1"/>
  <c r="G5488" i="2" a="1"/>
  <c r="G5488" i="2" s="1"/>
  <c r="G5485" i="2" a="1"/>
  <c r="G5485" i="2" s="1"/>
  <c r="G5492" i="2" a="1"/>
  <c r="G5492" i="2" s="1"/>
  <c r="G5503" i="2" a="1"/>
  <c r="G5503" i="2" s="1"/>
  <c r="G5501" i="2" a="1"/>
  <c r="G5501" i="2" s="1"/>
  <c r="G5487" i="2" a="1"/>
  <c r="G5487" i="2" s="1"/>
  <c r="F1378" i="2" a="1"/>
  <c r="F1378" i="2" s="1"/>
  <c r="F1393" i="2" a="1"/>
  <c r="F1393" i="2" s="1"/>
  <c r="F1386" i="2" a="1"/>
  <c r="F1386" i="2" s="1"/>
  <c r="F1379" i="2" a="1"/>
  <c r="F1379" i="2" s="1"/>
  <c r="F1397" i="2" a="1"/>
  <c r="F1397" i="2" s="1"/>
  <c r="F1395" i="2" a="1"/>
  <c r="F1395" i="2" s="1"/>
  <c r="F1381" i="2" a="1"/>
  <c r="F1381" i="2" s="1"/>
  <c r="F1390" i="2" a="1"/>
  <c r="F1390" i="2" s="1"/>
  <c r="F1401" i="2" a="1"/>
  <c r="F1401" i="2" s="1"/>
  <c r="F1383" i="2" a="1"/>
  <c r="F1383" i="2" s="1"/>
  <c r="F1385" i="2" a="1"/>
  <c r="F1385" i="2" s="1"/>
  <c r="F1388" i="2" a="1"/>
  <c r="F1388" i="2" s="1"/>
  <c r="F1398" i="2" a="1"/>
  <c r="F1398" i="2" s="1"/>
  <c r="F1394" i="2" a="1"/>
  <c r="F1394" i="2" s="1"/>
  <c r="F1399" i="2" a="1"/>
  <c r="F1399" i="2" s="1"/>
  <c r="F1389" i="2" a="1"/>
  <c r="F1389" i="2" s="1"/>
  <c r="F1400" i="2" a="1"/>
  <c r="F1400" i="2" s="1"/>
  <c r="F1382" i="2" a="1"/>
  <c r="F1382" i="2" s="1"/>
  <c r="F1391" i="2" a="1"/>
  <c r="F1391" i="2" s="1"/>
  <c r="F1392" i="2" a="1"/>
  <c r="F1392" i="2" s="1"/>
  <c r="F1380" i="2" a="1"/>
  <c r="F1380" i="2" s="1"/>
  <c r="F1384" i="2" a="1"/>
  <c r="F1384" i="2" s="1"/>
  <c r="D4075" i="2" a="1"/>
  <c r="D4075" i="2" s="1"/>
  <c r="D4081" i="2" a="1"/>
  <c r="D4081" i="2" s="1"/>
  <c r="D4083" i="2" a="1"/>
  <c r="D4083" i="2" s="1"/>
  <c r="D4066" i="2" a="1"/>
  <c r="D4066" i="2" s="1"/>
  <c r="D4087" i="2" a="1"/>
  <c r="D4087" i="2" s="1"/>
  <c r="D4068" i="2" a="1"/>
  <c r="D4068" i="2" s="1"/>
  <c r="D4074" i="2" a="1"/>
  <c r="D4074" i="2" s="1"/>
  <c r="AN170" i="1"/>
  <c r="D176" i="5" s="1"/>
  <c r="D4070" i="2" a="1"/>
  <c r="D4070" i="2" s="1"/>
  <c r="D4073" i="2" a="1"/>
  <c r="D4073" i="2" s="1"/>
  <c r="D4077" i="2" a="1"/>
  <c r="D4077" i="2" s="1"/>
  <c r="D4085" i="2" a="1"/>
  <c r="D4085" i="2" s="1"/>
  <c r="D4086" i="2" a="1"/>
  <c r="D4086" i="2" s="1"/>
  <c r="D4076" i="2" a="1"/>
  <c r="D4076" i="2" s="1"/>
  <c r="D4089" i="2" a="1"/>
  <c r="D4089" i="2" s="1"/>
  <c r="AP170" i="1"/>
  <c r="F176" i="5" s="1"/>
  <c r="AM170" i="1"/>
  <c r="D4088" i="2" a="1"/>
  <c r="D4088" i="2" s="1"/>
  <c r="D4079" i="2" a="1"/>
  <c r="D4079" i="2" s="1"/>
  <c r="D4072" i="2" a="1"/>
  <c r="D4072" i="2" s="1"/>
  <c r="D4071" i="2" a="1"/>
  <c r="D4071" i="2" s="1"/>
  <c r="F2305" i="2" a="1"/>
  <c r="F2305" i="2" s="1"/>
  <c r="F2310" i="2" a="1"/>
  <c r="F2310" i="2" s="1"/>
  <c r="F2311" i="2" a="1"/>
  <c r="F2311" i="2" s="1"/>
  <c r="F2298" i="2" a="1"/>
  <c r="F2298" i="2" s="1"/>
  <c r="F2300" i="2" a="1"/>
  <c r="F2300" i="2" s="1"/>
  <c r="F2291" i="2" a="1"/>
  <c r="F2291" i="2" s="1"/>
  <c r="F2307" i="2" a="1"/>
  <c r="F2307" i="2" s="1"/>
  <c r="F2294" i="2" a="1"/>
  <c r="F2294" i="2" s="1"/>
  <c r="F2296" i="2" a="1"/>
  <c r="F2296" i="2" s="1"/>
  <c r="F2292" i="2" a="1"/>
  <c r="F2292" i="2" s="1"/>
  <c r="F2301" i="2" a="1"/>
  <c r="F2301" i="2" s="1"/>
  <c r="F2302" i="2" a="1"/>
  <c r="F2302" i="2" s="1"/>
  <c r="F2295" i="2" a="1"/>
  <c r="F2295" i="2" s="1"/>
  <c r="F2306" i="2" a="1"/>
  <c r="F2306" i="2" s="1"/>
  <c r="F2313" i="2" a="1"/>
  <c r="F2313" i="2" s="1"/>
  <c r="F2303" i="2" a="1"/>
  <c r="F2303" i="2" s="1"/>
  <c r="F2293" i="2" a="1"/>
  <c r="F2293" i="2" s="1"/>
  <c r="F2309" i="2" a="1"/>
  <c r="F2309" i="2" s="1"/>
  <c r="F2299" i="2" a="1"/>
  <c r="F2299" i="2" s="1"/>
  <c r="F2290" i="2" a="1"/>
  <c r="F2290" i="2" s="1"/>
  <c r="F2308" i="2" a="1"/>
  <c r="F2308" i="2" s="1"/>
  <c r="F2312" i="2" a="1"/>
  <c r="F2312" i="2" s="1"/>
  <c r="F2297" i="2" a="1"/>
  <c r="F2297" i="2" s="1"/>
  <c r="F2304" i="2" a="1"/>
  <c r="F2304" i="2" s="1"/>
  <c r="E2740" i="2" a="1"/>
  <c r="E2740" i="2" s="1"/>
  <c r="E2723" i="2" a="1"/>
  <c r="E2723" i="2" s="1"/>
  <c r="E2733" i="2" a="1"/>
  <c r="E2733" i="2" s="1"/>
  <c r="E2736" i="2" a="1"/>
  <c r="E2736" i="2" s="1"/>
  <c r="E2724" i="2" a="1"/>
  <c r="E2724" i="2" s="1"/>
  <c r="E2741" i="2" a="1"/>
  <c r="E2741" i="2" s="1"/>
  <c r="E2745" i="2" a="1"/>
  <c r="E2745" i="2" s="1"/>
  <c r="E2743" i="2" a="1"/>
  <c r="E2743" i="2" s="1"/>
  <c r="E2734" i="2" a="1"/>
  <c r="E2734" i="2" s="1"/>
  <c r="E2727" i="2" a="1"/>
  <c r="E2727" i="2" s="1"/>
  <c r="E2732" i="2" a="1"/>
  <c r="E2732" i="2" s="1"/>
  <c r="E2744" i="2" a="1"/>
  <c r="E2744" i="2" s="1"/>
  <c r="E2726" i="2" a="1"/>
  <c r="E2726" i="2" s="1"/>
  <c r="E2742" i="2" a="1"/>
  <c r="E2742" i="2" s="1"/>
  <c r="E2737" i="2" a="1"/>
  <c r="E2737" i="2" s="1"/>
  <c r="E2731" i="2" a="1"/>
  <c r="E2731" i="2" s="1"/>
  <c r="E2735" i="2" a="1"/>
  <c r="E2735" i="2" s="1"/>
  <c r="E2725" i="2" a="1"/>
  <c r="E2725" i="2" s="1"/>
  <c r="E2722" i="2" a="1"/>
  <c r="E2722" i="2" s="1"/>
  <c r="E2729" i="2" a="1"/>
  <c r="E2729" i="2" s="1"/>
  <c r="E2739" i="2" a="1"/>
  <c r="E2739" i="2" s="1"/>
  <c r="E2730" i="2" a="1"/>
  <c r="E2730" i="2" s="1"/>
  <c r="G3163" i="2" a="1"/>
  <c r="G3163" i="2" s="1"/>
  <c r="G3164" i="2" a="1"/>
  <c r="G3164" i="2" s="1"/>
  <c r="G3169" i="2" a="1"/>
  <c r="G3169" i="2" s="1"/>
  <c r="G3159" i="2" a="1"/>
  <c r="G3159" i="2" s="1"/>
  <c r="G3161" i="2" a="1"/>
  <c r="G3161" i="2" s="1"/>
  <c r="G3158" i="2" a="1"/>
  <c r="G3158" i="2" s="1"/>
  <c r="G3170" i="2" a="1"/>
  <c r="G3170" i="2" s="1"/>
  <c r="G3172" i="2" a="1"/>
  <c r="G3172" i="2" s="1"/>
  <c r="G3155" i="2" a="1"/>
  <c r="G3155" i="2" s="1"/>
  <c r="G3171" i="2" a="1"/>
  <c r="G3171" i="2" s="1"/>
  <c r="G3165" i="2" a="1"/>
  <c r="G3165" i="2" s="1"/>
  <c r="G3154" i="2" a="1"/>
  <c r="G3154" i="2" s="1"/>
  <c r="G3167" i="2" a="1"/>
  <c r="G3167" i="2" s="1"/>
  <c r="G3175" i="2" a="1"/>
  <c r="G3175" i="2" s="1"/>
  <c r="G3166" i="2" a="1"/>
  <c r="G3166" i="2" s="1"/>
  <c r="G3168" i="2" a="1"/>
  <c r="G3168" i="2" s="1"/>
  <c r="G3156" i="2" a="1"/>
  <c r="G3156" i="2" s="1"/>
  <c r="G3177" i="2" a="1"/>
  <c r="G3177" i="2" s="1"/>
  <c r="G3173" i="2" a="1"/>
  <c r="G3173" i="2" s="1"/>
  <c r="G3162" i="2" a="1"/>
  <c r="G3162" i="2" s="1"/>
  <c r="G3157" i="2" a="1"/>
  <c r="G3157" i="2" s="1"/>
  <c r="G3174" i="2" a="1"/>
  <c r="G3174" i="2" s="1"/>
  <c r="F461" i="2" a="1"/>
  <c r="F461" i="2" s="1"/>
  <c r="F452" i="2" a="1"/>
  <c r="F452" i="2" s="1"/>
  <c r="F462" i="2" a="1"/>
  <c r="F462" i="2" s="1"/>
  <c r="F453" i="2" a="1"/>
  <c r="F453" i="2" s="1"/>
  <c r="F444" i="2" a="1"/>
  <c r="F444" i="2" s="1"/>
  <c r="F458" i="2" a="1"/>
  <c r="F458" i="2" s="1"/>
  <c r="F445" i="2" a="1"/>
  <c r="F445" i="2" s="1"/>
  <c r="F448" i="2" a="1"/>
  <c r="F448" i="2" s="1"/>
  <c r="F456" i="2" a="1"/>
  <c r="F456" i="2" s="1"/>
  <c r="L456" i="2" s="1"/>
  <c r="L430" i="5" s="1"/>
  <c r="F446" i="2" a="1"/>
  <c r="F446" i="2" s="1"/>
  <c r="F457" i="2" a="1"/>
  <c r="F457" i="2" s="1"/>
  <c r="F443" i="2" a="1"/>
  <c r="F443" i="2" s="1"/>
  <c r="F451" i="2" a="1"/>
  <c r="F451" i="2" s="1"/>
  <c r="F454" i="2" a="1"/>
  <c r="F454" i="2" s="1"/>
  <c r="F460" i="2" a="1"/>
  <c r="F460" i="2" s="1"/>
  <c r="F450" i="2" a="1"/>
  <c r="F450" i="2" s="1"/>
  <c r="F459" i="2" a="1"/>
  <c r="F459" i="2" s="1"/>
  <c r="F463" i="2" a="1"/>
  <c r="F463" i="2" s="1"/>
  <c r="F465" i="2" a="1"/>
  <c r="F465" i="2" s="1"/>
  <c r="F455" i="2" a="1"/>
  <c r="F455" i="2" s="1"/>
  <c r="E7159" i="2" a="1"/>
  <c r="E7159" i="2" s="1"/>
  <c r="E7151" i="2" a="1"/>
  <c r="E7151" i="2" s="1"/>
  <c r="E7140" i="2" a="1"/>
  <c r="E7140" i="2" s="1"/>
  <c r="E7149" i="2" a="1"/>
  <c r="E7149" i="2" s="1"/>
  <c r="E7144" i="2" a="1"/>
  <c r="E7144" i="2" s="1"/>
  <c r="E7158" i="2" a="1"/>
  <c r="E7158" i="2" s="1"/>
  <c r="E7160" i="2" a="1"/>
  <c r="E7160" i="2" s="1"/>
  <c r="E7142" i="2" a="1"/>
  <c r="E7142" i="2" s="1"/>
  <c r="E7145" i="2" a="1"/>
  <c r="E7145" i="2" s="1"/>
  <c r="E7143" i="2" a="1"/>
  <c r="E7143" i="2" s="1"/>
  <c r="E7146" i="2" a="1"/>
  <c r="E7146" i="2" s="1"/>
  <c r="E7156" i="2" a="1"/>
  <c r="E7156" i="2" s="1"/>
  <c r="E7138" i="2" a="1"/>
  <c r="E7138" i="2" s="1"/>
  <c r="E7147" i="2" a="1"/>
  <c r="E7147" i="2" s="1"/>
  <c r="E7148" i="2" a="1"/>
  <c r="E7148" i="2" s="1"/>
  <c r="E7161" i="2" a="1"/>
  <c r="E7161" i="2" s="1"/>
  <c r="E7139" i="2" a="1"/>
  <c r="E7139" i="2" s="1"/>
  <c r="E7152" i="2" a="1"/>
  <c r="E7152" i="2" s="1"/>
  <c r="F3031" i="2" a="1"/>
  <c r="F3031" i="2" s="1"/>
  <c r="F3015" i="2" a="1"/>
  <c r="F3015" i="2" s="1"/>
  <c r="F3029" i="2" a="1"/>
  <c r="F3029" i="2" s="1"/>
  <c r="F3017" i="2" a="1"/>
  <c r="F3017" i="2" s="1"/>
  <c r="F3018" i="2" a="1"/>
  <c r="F3018" i="2" s="1"/>
  <c r="F3028" i="2" a="1"/>
  <c r="F3028" i="2" s="1"/>
  <c r="F3023" i="2" a="1"/>
  <c r="F3023" i="2" s="1"/>
  <c r="F3022" i="2" a="1"/>
  <c r="F3022" i="2" s="1"/>
  <c r="G2020" i="2" a="1"/>
  <c r="G2020" i="2" s="1"/>
  <c r="G2016" i="2" a="1"/>
  <c r="G2016" i="2" s="1"/>
  <c r="G2013" i="2" a="1"/>
  <c r="G2013" i="2" s="1"/>
  <c r="G2009" i="2" a="1"/>
  <c r="G2009" i="2" s="1"/>
  <c r="G2011" i="2" a="1"/>
  <c r="G2011" i="2" s="1"/>
  <c r="G2012" i="2" a="1"/>
  <c r="G2012" i="2" s="1"/>
  <c r="G2007" i="2" a="1"/>
  <c r="G2007" i="2" s="1"/>
  <c r="G2017" i="2" a="1"/>
  <c r="G2017" i="2" s="1"/>
  <c r="G2021" i="2" a="1"/>
  <c r="G2021" i="2" s="1"/>
  <c r="G2003" i="2" a="1"/>
  <c r="G2003" i="2" s="1"/>
  <c r="G2019" i="2" a="1"/>
  <c r="G2019" i="2" s="1"/>
  <c r="G2004" i="2" a="1"/>
  <c r="G2004" i="2" s="1"/>
  <c r="G2023" i="2" a="1"/>
  <c r="G2023" i="2" s="1"/>
  <c r="G2025" i="2" a="1"/>
  <c r="G2025" i="2" s="1"/>
  <c r="G2010" i="2" a="1"/>
  <c r="G2010" i="2" s="1"/>
  <c r="G2006" i="2" a="1"/>
  <c r="G2006" i="2" s="1"/>
  <c r="G2015" i="2" a="1"/>
  <c r="G2015" i="2" s="1"/>
  <c r="G2002" i="2" a="1"/>
  <c r="G2002" i="2" s="1"/>
  <c r="G2014" i="2" a="1"/>
  <c r="G2014" i="2" s="1"/>
  <c r="G2008" i="2" a="1"/>
  <c r="G2008" i="2" s="1"/>
  <c r="G2024" i="2" a="1"/>
  <c r="G2024" i="2" s="1"/>
  <c r="G2018" i="2" a="1"/>
  <c r="G2018" i="2" s="1"/>
  <c r="G2022" i="2" a="1"/>
  <c r="G2022" i="2" s="1"/>
  <c r="G2005" i="2" a="1"/>
  <c r="G2005" i="2" s="1"/>
  <c r="F2254" i="2" a="1"/>
  <c r="F2254" i="2" s="1"/>
  <c r="F2265" i="2" a="1"/>
  <c r="F2265" i="2" s="1"/>
  <c r="F2255" i="2" a="1"/>
  <c r="F2255" i="2" s="1"/>
  <c r="F2249" i="2" a="1"/>
  <c r="F2249" i="2" s="1"/>
  <c r="F2253" i="2" a="1"/>
  <c r="F2253" i="2" s="1"/>
  <c r="F2259" i="2" a="1"/>
  <c r="F2259" i="2" s="1"/>
  <c r="F2261" i="2" a="1"/>
  <c r="F2261" i="2" s="1"/>
  <c r="F2257" i="2" a="1"/>
  <c r="F2257" i="2" s="1"/>
  <c r="F2251" i="2" a="1"/>
  <c r="F2251" i="2" s="1"/>
  <c r="F2245" i="2" a="1"/>
  <c r="F2245" i="2" s="1"/>
  <c r="F2260" i="2" a="1"/>
  <c r="F2260" i="2" s="1"/>
  <c r="F2264" i="2" a="1"/>
  <c r="F2264" i="2" s="1"/>
  <c r="F2247" i="2" a="1"/>
  <c r="F2247" i="2" s="1"/>
  <c r="F2263" i="2" a="1"/>
  <c r="F2263" i="2" s="1"/>
  <c r="F2256" i="2" a="1"/>
  <c r="F2256" i="2" s="1"/>
  <c r="F2262" i="2" a="1"/>
  <c r="F2262" i="2" s="1"/>
  <c r="F2250" i="2" a="1"/>
  <c r="F2250" i="2" s="1"/>
  <c r="F2258" i="2" a="1"/>
  <c r="F2258" i="2" s="1"/>
  <c r="F2242" i="2" a="1"/>
  <c r="F2242" i="2" s="1"/>
  <c r="L2242" i="2" s="1"/>
  <c r="L2216" i="5" s="1"/>
  <c r="F2246" i="2" a="1"/>
  <c r="F2246" i="2" s="1"/>
  <c r="F2248" i="2" a="1"/>
  <c r="F2248" i="2" s="1"/>
  <c r="F2252" i="2" a="1"/>
  <c r="F2252" i="2" s="1"/>
  <c r="F2243" i="2" a="1"/>
  <c r="F2243" i="2" s="1"/>
  <c r="H6632" i="2" a="1"/>
  <c r="H6632" i="2" s="1"/>
  <c r="H6611" i="2" a="1"/>
  <c r="H6611" i="2" s="1"/>
  <c r="H6614" i="2" a="1"/>
  <c r="H6614" i="2" s="1"/>
  <c r="H6628" i="2" a="1"/>
  <c r="H6628" i="2" s="1"/>
  <c r="H6618" i="2" a="1"/>
  <c r="H6618" i="2" s="1"/>
  <c r="H6617" i="2" a="1"/>
  <c r="H6617" i="2" s="1"/>
  <c r="H6627" i="2" a="1"/>
  <c r="H6627" i="2" s="1"/>
  <c r="H6620" i="2" a="1"/>
  <c r="H6620" i="2" s="1"/>
  <c r="H6622" i="2" a="1"/>
  <c r="H6622" i="2" s="1"/>
  <c r="H6615" i="2" a="1"/>
  <c r="H6615" i="2" s="1"/>
  <c r="H6633" i="2" a="1"/>
  <c r="H6633" i="2" s="1"/>
  <c r="H6612" i="2" a="1"/>
  <c r="H6612" i="2" s="1"/>
  <c r="H6623" i="2" a="1"/>
  <c r="H6623" i="2" s="1"/>
  <c r="H6621" i="2" a="1"/>
  <c r="H6621" i="2" s="1"/>
  <c r="H6616" i="2" a="1"/>
  <c r="H6616" i="2" s="1"/>
  <c r="H6625" i="2" a="1"/>
  <c r="H6625" i="2" s="1"/>
  <c r="H6626" i="2" a="1"/>
  <c r="H6626" i="2" s="1"/>
  <c r="H6613" i="2" a="1"/>
  <c r="H6613" i="2" s="1"/>
  <c r="H6630" i="2" a="1"/>
  <c r="H6630" i="2" s="1"/>
  <c r="H6629" i="2" a="1"/>
  <c r="H6629" i="2" s="1"/>
  <c r="G1354" i="2" a="1"/>
  <c r="G1354" i="2" s="1"/>
  <c r="G1359" i="2" a="1"/>
  <c r="G1359" i="2" s="1"/>
  <c r="G1364" i="2" a="1"/>
  <c r="G1364" i="2" s="1"/>
  <c r="G1361" i="2" a="1"/>
  <c r="G1361" i="2" s="1"/>
  <c r="G1370" i="2" a="1"/>
  <c r="G1370" i="2" s="1"/>
  <c r="G1360" i="2" a="1"/>
  <c r="G1360" i="2" s="1"/>
  <c r="G1374" i="2" a="1"/>
  <c r="G1374" i="2" s="1"/>
  <c r="G1369" i="2" a="1"/>
  <c r="G1369" i="2" s="1"/>
  <c r="G1358" i="2" a="1"/>
  <c r="G1358" i="2" s="1"/>
  <c r="G1366" i="2" a="1"/>
  <c r="G1366" i="2" s="1"/>
  <c r="G1375" i="2" a="1"/>
  <c r="G1375" i="2" s="1"/>
  <c r="G1372" i="2" a="1"/>
  <c r="G1372" i="2" s="1"/>
  <c r="G1367" i="2" a="1"/>
  <c r="G1367" i="2" s="1"/>
  <c r="G1371" i="2" a="1"/>
  <c r="G1371" i="2" s="1"/>
  <c r="G1377" i="2" a="1"/>
  <c r="G1377" i="2" s="1"/>
  <c r="G1362" i="2" a="1"/>
  <c r="G1362" i="2" s="1"/>
  <c r="G1363" i="2" a="1"/>
  <c r="G1363" i="2" s="1"/>
  <c r="G1357" i="2" a="1"/>
  <c r="G1357" i="2" s="1"/>
  <c r="E3288" i="2" a="1"/>
  <c r="E3288" i="2" s="1"/>
  <c r="E3286" i="2" a="1"/>
  <c r="E3286" i="2" s="1"/>
  <c r="E3284" i="2" a="1"/>
  <c r="E3284" i="2" s="1"/>
  <c r="E3280" i="2" a="1"/>
  <c r="E3280" i="2" s="1"/>
  <c r="E3296" i="2" a="1"/>
  <c r="E3296" i="2" s="1"/>
  <c r="E3276" i="2" a="1"/>
  <c r="E3276" i="2" s="1"/>
  <c r="E3287" i="2" a="1"/>
  <c r="E3287" i="2" s="1"/>
  <c r="G949" i="2" a="1"/>
  <c r="G949" i="2" s="1"/>
  <c r="G963" i="2" a="1"/>
  <c r="G963" i="2" s="1"/>
  <c r="G950" i="2" a="1"/>
  <c r="G950" i="2" s="1"/>
  <c r="G957" i="2" a="1"/>
  <c r="G957" i="2" s="1"/>
  <c r="G968" i="2" a="1"/>
  <c r="G968" i="2" s="1"/>
  <c r="G951" i="2" a="1"/>
  <c r="G951" i="2" s="1"/>
  <c r="G969" i="2" a="1"/>
  <c r="G969" i="2" s="1"/>
  <c r="G959" i="2" a="1"/>
  <c r="G959" i="2" s="1"/>
  <c r="G964" i="2" a="1"/>
  <c r="G964" i="2" s="1"/>
  <c r="G954" i="2" a="1"/>
  <c r="G954" i="2" s="1"/>
  <c r="G967" i="2" a="1"/>
  <c r="G967" i="2" s="1"/>
  <c r="G962" i="2" a="1"/>
  <c r="G962" i="2" s="1"/>
  <c r="G952" i="2" a="1"/>
  <c r="G952" i="2" s="1"/>
  <c r="G965" i="2" a="1"/>
  <c r="G965" i="2" s="1"/>
  <c r="G948" i="2" a="1"/>
  <c r="G948" i="2" s="1"/>
  <c r="G956" i="2" a="1"/>
  <c r="G956" i="2" s="1"/>
  <c r="G966" i="2" a="1"/>
  <c r="G966" i="2" s="1"/>
  <c r="G953" i="2" a="1"/>
  <c r="G953" i="2" s="1"/>
  <c r="G946" i="2" a="1"/>
  <c r="G946" i="2" s="1"/>
  <c r="G961" i="2" a="1"/>
  <c r="G961" i="2" s="1"/>
  <c r="G960" i="2" a="1"/>
  <c r="G960" i="2" s="1"/>
  <c r="G955" i="2" a="1"/>
  <c r="G955" i="2" s="1"/>
  <c r="AN194" i="1"/>
  <c r="D200" i="5" s="1"/>
  <c r="G4647" i="2" a="1"/>
  <c r="G4647" i="2" s="1"/>
  <c r="G4655" i="2" a="1"/>
  <c r="G4655" i="2" s="1"/>
  <c r="G4662" i="2" a="1"/>
  <c r="G4662" i="2" s="1"/>
  <c r="G4648" i="2" a="1"/>
  <c r="G4648" i="2" s="1"/>
  <c r="G4663" i="2" a="1"/>
  <c r="G4663" i="2" s="1"/>
  <c r="G4642" i="2" a="1"/>
  <c r="G4642" i="2" s="1"/>
  <c r="G4643" i="2" a="1"/>
  <c r="G4643" i="2" s="1"/>
  <c r="G4654" i="2" a="1"/>
  <c r="G4654" i="2" s="1"/>
  <c r="G4651" i="2" a="1"/>
  <c r="G4651" i="2" s="1"/>
  <c r="G4664" i="2" a="1"/>
  <c r="G4664" i="2" s="1"/>
  <c r="G4652" i="2" a="1"/>
  <c r="G4652" i="2" s="1"/>
  <c r="G4644" i="2" a="1"/>
  <c r="G4644" i="2" s="1"/>
  <c r="G4649" i="2" a="1"/>
  <c r="G4649" i="2" s="1"/>
  <c r="G4660" i="2" a="1"/>
  <c r="G4660" i="2" s="1"/>
  <c r="G4653" i="2" a="1"/>
  <c r="G4653" i="2" s="1"/>
  <c r="G4661" i="2" a="1"/>
  <c r="G4661" i="2" s="1"/>
  <c r="G4646" i="2" a="1"/>
  <c r="G4646" i="2" s="1"/>
  <c r="G4658" i="2" a="1"/>
  <c r="G4658" i="2" s="1"/>
  <c r="D2999" i="2" a="1"/>
  <c r="D2999" i="2" s="1"/>
  <c r="D3001" i="2" a="1"/>
  <c r="D3001" i="2" s="1"/>
  <c r="D2993" i="2" a="1"/>
  <c r="D2993" i="2" s="1"/>
  <c r="D3004" i="2" a="1"/>
  <c r="D3004" i="2" s="1"/>
  <c r="D2997" i="2" a="1"/>
  <c r="D2997" i="2" s="1"/>
  <c r="D3007" i="2" a="1"/>
  <c r="D3007" i="2" s="1"/>
  <c r="D3009" i="2" a="1"/>
  <c r="D3009" i="2" s="1"/>
  <c r="D3006" i="2" a="1"/>
  <c r="D3006" i="2" s="1"/>
  <c r="D2988" i="2" a="1"/>
  <c r="D2988" i="2" s="1"/>
  <c r="D2995" i="2" a="1"/>
  <c r="D2995" i="2" s="1"/>
  <c r="J2995" i="2" s="1"/>
  <c r="J2969" i="5" s="1"/>
  <c r="N2969" i="5" s="1"/>
  <c r="D3003" i="2" a="1"/>
  <c r="D3003" i="2" s="1"/>
  <c r="D3008" i="2" a="1"/>
  <c r="D3008" i="2" s="1"/>
  <c r="D3005" i="2" a="1"/>
  <c r="D3005" i="2" s="1"/>
  <c r="D2987" i="2" a="1"/>
  <c r="D2987" i="2" s="1"/>
  <c r="D2990" i="2" a="1"/>
  <c r="D2990" i="2" s="1"/>
  <c r="AQ125" i="1"/>
  <c r="G131" i="5" s="1"/>
  <c r="D2992" i="2" a="1"/>
  <c r="D2992" i="2" s="1"/>
  <c r="H5423" i="2" a="1"/>
  <c r="H5423" i="2" s="1"/>
  <c r="H5429" i="2" a="1"/>
  <c r="H5429" i="2" s="1"/>
  <c r="H5422" i="2" a="1"/>
  <c r="H5422" i="2" s="1"/>
  <c r="H5424" i="2" a="1"/>
  <c r="H5424" i="2" s="1"/>
  <c r="H5415" i="2" a="1"/>
  <c r="H5415" i="2" s="1"/>
  <c r="H5427" i="2" a="1"/>
  <c r="H5427" i="2" s="1"/>
  <c r="H5432" i="2" a="1"/>
  <c r="H5432" i="2" s="1"/>
  <c r="H5414" i="2" a="1"/>
  <c r="H5414" i="2" s="1"/>
  <c r="H5410" i="2" a="1"/>
  <c r="H5410" i="2" s="1"/>
  <c r="H5426" i="2" a="1"/>
  <c r="H5426" i="2" s="1"/>
  <c r="H5411" i="2" a="1"/>
  <c r="H5411" i="2" s="1"/>
  <c r="H5430" i="2" a="1"/>
  <c r="H5430" i="2" s="1"/>
  <c r="F2566" i="2" a="1"/>
  <c r="F2566" i="2" s="1"/>
  <c r="F2570" i="2" a="1"/>
  <c r="F2570" i="2" s="1"/>
  <c r="F2561" i="2" a="1"/>
  <c r="F2561" i="2" s="1"/>
  <c r="F2569" i="2" a="1"/>
  <c r="F2569" i="2" s="1"/>
  <c r="F2564" i="2" a="1"/>
  <c r="F2564" i="2" s="1"/>
  <c r="F2577" i="2" a="1"/>
  <c r="F2577" i="2" s="1"/>
  <c r="F2565" i="2" a="1"/>
  <c r="F2565" i="2" s="1"/>
  <c r="F2560" i="2" a="1"/>
  <c r="F2560" i="2" s="1"/>
  <c r="G8406" i="2" a="1"/>
  <c r="G8406" i="2" s="1"/>
  <c r="G8386" i="2" a="1"/>
  <c r="G8386" i="2" s="1"/>
  <c r="G8403" i="2" a="1"/>
  <c r="G8403" i="2" s="1"/>
  <c r="G8399" i="2" a="1"/>
  <c r="G8399" i="2" s="1"/>
  <c r="G8394" i="2" a="1"/>
  <c r="G8394" i="2" s="1"/>
  <c r="G8390" i="2" a="1"/>
  <c r="G8390" i="2" s="1"/>
  <c r="G8391" i="2" a="1"/>
  <c r="G8391" i="2" s="1"/>
  <c r="G8389" i="2" a="1"/>
  <c r="G8389" i="2" s="1"/>
  <c r="G2825" i="2" a="1"/>
  <c r="G2825" i="2" s="1"/>
  <c r="G2821" i="2" a="1"/>
  <c r="G2821" i="2" s="1"/>
  <c r="G2830" i="2" a="1"/>
  <c r="G2830" i="2" s="1"/>
  <c r="G2822" i="2" a="1"/>
  <c r="G2822" i="2" s="1"/>
  <c r="G2832" i="2" a="1"/>
  <c r="G2832" i="2" s="1"/>
  <c r="G2827" i="2" a="1"/>
  <c r="G2827" i="2" s="1"/>
  <c r="G2824" i="2" a="1"/>
  <c r="G2824" i="2" s="1"/>
  <c r="G2836" i="2" a="1"/>
  <c r="G2836" i="2" s="1"/>
  <c r="G2833" i="2" a="1"/>
  <c r="G2833" i="2" s="1"/>
  <c r="G2820" i="2" a="1"/>
  <c r="G2820" i="2" s="1"/>
  <c r="G2840" i="2" a="1"/>
  <c r="G2840" i="2" s="1"/>
  <c r="G2831" i="2" a="1"/>
  <c r="G2831" i="2" s="1"/>
  <c r="G2839" i="2" a="1"/>
  <c r="G2839" i="2" s="1"/>
  <c r="G2823" i="2" a="1"/>
  <c r="G2823" i="2" s="1"/>
  <c r="G2838" i="2" a="1"/>
  <c r="G2838" i="2" s="1"/>
  <c r="G2826" i="2" a="1"/>
  <c r="G2826" i="2" s="1"/>
  <c r="G2834" i="2" a="1"/>
  <c r="G2834" i="2" s="1"/>
  <c r="G2828" i="2" a="1"/>
  <c r="G2828" i="2" s="1"/>
  <c r="G2819" i="2" a="1"/>
  <c r="G2819" i="2" s="1"/>
  <c r="G2841" i="2" a="1"/>
  <c r="G2841" i="2" s="1"/>
  <c r="G2829" i="2" a="1"/>
  <c r="G2829" i="2" s="1"/>
  <c r="G2837" i="2" a="1"/>
  <c r="G2837" i="2" s="1"/>
  <c r="G2835" i="2" a="1"/>
  <c r="G2835" i="2" s="1"/>
  <c r="G2818" i="2" a="1"/>
  <c r="G2818" i="2" s="1"/>
  <c r="F7994" i="2" a="1"/>
  <c r="F7994" i="2" s="1"/>
  <c r="F7995" i="2" a="1"/>
  <c r="F7995" i="2" s="1"/>
  <c r="F7985" i="2" a="1"/>
  <c r="F7985" i="2" s="1"/>
  <c r="F7996" i="2" a="1"/>
  <c r="F7996" i="2" s="1"/>
  <c r="F7991" i="2" a="1"/>
  <c r="F7991" i="2" s="1"/>
  <c r="F7981" i="2" a="1"/>
  <c r="F7981" i="2" s="1"/>
  <c r="F7980" i="2" a="1"/>
  <c r="F7980" i="2" s="1"/>
  <c r="F7986" i="2" a="1"/>
  <c r="F7986" i="2" s="1"/>
  <c r="F7978" i="2" a="1"/>
  <c r="F7978" i="2" s="1"/>
  <c r="F7989" i="2" a="1"/>
  <c r="F7989" i="2" s="1"/>
  <c r="F8000" i="2" a="1"/>
  <c r="F8000" i="2" s="1"/>
  <c r="F7998" i="2" a="1"/>
  <c r="F7998" i="2" s="1"/>
  <c r="F7999" i="2" a="1"/>
  <c r="F7999" i="2" s="1"/>
  <c r="F7988" i="2" a="1"/>
  <c r="F7988" i="2" s="1"/>
  <c r="F7979" i="2" a="1"/>
  <c r="F7979" i="2" s="1"/>
  <c r="F7993" i="2" a="1"/>
  <c r="F7993" i="2" s="1"/>
  <c r="F7990" i="2" a="1"/>
  <c r="F7990" i="2" s="1"/>
  <c r="D7526" i="2" a="1"/>
  <c r="D7526" i="2" s="1"/>
  <c r="D7537" i="2" a="1"/>
  <c r="D7537" i="2" s="1"/>
  <c r="D7541" i="2" a="1"/>
  <c r="D7541" i="2" s="1"/>
  <c r="D7545" i="2" a="1"/>
  <c r="D7545" i="2" s="1"/>
  <c r="D7542" i="2" a="1"/>
  <c r="D7542" i="2" s="1"/>
  <c r="D7534" i="2" a="1"/>
  <c r="D7534" i="2" s="1"/>
  <c r="D7539" i="2" a="1"/>
  <c r="D7539" i="2" s="1"/>
  <c r="D7529" i="2" a="1"/>
  <c r="D7529" i="2" s="1"/>
  <c r="D7533" i="2" a="1"/>
  <c r="D7533" i="2" s="1"/>
  <c r="D7532" i="2" a="1"/>
  <c r="D7532" i="2" s="1"/>
  <c r="D7536" i="2" a="1"/>
  <c r="D7536" i="2" s="1"/>
  <c r="D7523" i="2" a="1"/>
  <c r="D7523" i="2" s="1"/>
  <c r="AQ314" i="1"/>
  <c r="G320" i="5" s="1"/>
  <c r="D7528" i="2" a="1"/>
  <c r="D7528" i="2" s="1"/>
  <c r="AP314" i="1"/>
  <c r="F320" i="5" s="1"/>
  <c r="D7531" i="2" a="1"/>
  <c r="D7531" i="2" s="1"/>
  <c r="D7538" i="2" a="1"/>
  <c r="D7538" i="2" s="1"/>
  <c r="D7544" i="2" a="1"/>
  <c r="D7544" i="2" s="1"/>
  <c r="D7527" i="2" a="1"/>
  <c r="D7527" i="2" s="1"/>
  <c r="D7543" i="2" a="1"/>
  <c r="D7543" i="2" s="1"/>
  <c r="H1516" i="2" a="1"/>
  <c r="H1516" i="2" s="1"/>
  <c r="H1521" i="2" a="1"/>
  <c r="H1521" i="2" s="1"/>
  <c r="H1499" i="2" a="1"/>
  <c r="H1499" i="2" s="1"/>
  <c r="H1511" i="2" a="1"/>
  <c r="H1511" i="2" s="1"/>
  <c r="H1503" i="2" a="1"/>
  <c r="H1503" i="2" s="1"/>
  <c r="H1518" i="2" a="1"/>
  <c r="H1518" i="2" s="1"/>
  <c r="H1519" i="2" a="1"/>
  <c r="H1519" i="2" s="1"/>
  <c r="H1508" i="2" a="1"/>
  <c r="H1508" i="2" s="1"/>
  <c r="H1501" i="2" a="1"/>
  <c r="H1501" i="2" s="1"/>
  <c r="H1506" i="2" a="1"/>
  <c r="H1506" i="2" s="1"/>
  <c r="H1513" i="2" a="1"/>
  <c r="H1513" i="2" s="1"/>
  <c r="H1505" i="2" a="1"/>
  <c r="H1505" i="2" s="1"/>
  <c r="H1520" i="2" a="1"/>
  <c r="H1520" i="2" s="1"/>
  <c r="H1507" i="2" a="1"/>
  <c r="H1507" i="2" s="1"/>
  <c r="H1517" i="2" a="1"/>
  <c r="H1517" i="2" s="1"/>
  <c r="H1514" i="2" a="1"/>
  <c r="H1514" i="2" s="1"/>
  <c r="H1500" i="2" a="1"/>
  <c r="H1500" i="2" s="1"/>
  <c r="H1502" i="2" a="1"/>
  <c r="H1502" i="2" s="1"/>
  <c r="H1504" i="2" a="1"/>
  <c r="H1504" i="2" s="1"/>
  <c r="H1510" i="2" a="1"/>
  <c r="H1510" i="2" s="1"/>
  <c r="H1509" i="2" a="1"/>
  <c r="H1509" i="2" s="1"/>
  <c r="H1512" i="2" a="1"/>
  <c r="H1512" i="2" s="1"/>
  <c r="H1498" i="2" a="1"/>
  <c r="H1498" i="2" s="1"/>
  <c r="E3075" i="2" a="1"/>
  <c r="E3075" i="2" s="1"/>
  <c r="E3078" i="2" a="1"/>
  <c r="E3078" i="2" s="1"/>
  <c r="E3079" i="2" a="1"/>
  <c r="E3079" i="2" s="1"/>
  <c r="E3058" i="2" a="1"/>
  <c r="E3058" i="2" s="1"/>
  <c r="E3061" i="2" a="1"/>
  <c r="E3061" i="2" s="1"/>
  <c r="E3077" i="2" a="1"/>
  <c r="E3077" i="2" s="1"/>
  <c r="E3068" i="2" a="1"/>
  <c r="E3068" i="2" s="1"/>
  <c r="E3070" i="2" a="1"/>
  <c r="E3070" i="2" s="1"/>
  <c r="E3071" i="2" a="1"/>
  <c r="E3071" i="2" s="1"/>
  <c r="E3076" i="2" a="1"/>
  <c r="E3076" i="2" s="1"/>
  <c r="E3073" i="2" a="1"/>
  <c r="E3073" i="2" s="1"/>
  <c r="E3067" i="2" a="1"/>
  <c r="E3067" i="2" s="1"/>
  <c r="E3063" i="2" a="1"/>
  <c r="E3063" i="2" s="1"/>
  <c r="E3081" i="2" a="1"/>
  <c r="E3081" i="2" s="1"/>
  <c r="E3072" i="2" a="1"/>
  <c r="E3072" i="2" s="1"/>
  <c r="E3074" i="2" a="1"/>
  <c r="E3074" i="2" s="1"/>
  <c r="E3069" i="2" a="1"/>
  <c r="E3069" i="2" s="1"/>
  <c r="E3080" i="2" a="1"/>
  <c r="E3080" i="2" s="1"/>
  <c r="E3066" i="2" a="1"/>
  <c r="E3066" i="2" s="1"/>
  <c r="E3059" i="2" a="1"/>
  <c r="E3059" i="2" s="1"/>
  <c r="E3065" i="2" a="1"/>
  <c r="E3065" i="2" s="1"/>
  <c r="E3060" i="2" a="1"/>
  <c r="E3060" i="2" s="1"/>
  <c r="E3062" i="2" a="1"/>
  <c r="E3062" i="2" s="1"/>
  <c r="D2318" i="2" a="1"/>
  <c r="D2318" i="2" s="1"/>
  <c r="D2326" i="2" a="1"/>
  <c r="D2326" i="2" s="1"/>
  <c r="D2329" i="2" a="1"/>
  <c r="D2329" i="2" s="1"/>
  <c r="D2315" i="2" a="1"/>
  <c r="D2315" i="2" s="1"/>
  <c r="D2314" i="2" a="1"/>
  <c r="D2314" i="2" s="1"/>
  <c r="D2324" i="2" a="1"/>
  <c r="D2324" i="2" s="1"/>
  <c r="D2333" i="2" a="1"/>
  <c r="D2333" i="2" s="1"/>
  <c r="D2325" i="2" a="1"/>
  <c r="D2325" i="2" s="1"/>
  <c r="D2335" i="2" a="1"/>
  <c r="D2335" i="2" s="1"/>
  <c r="D2336" i="2" a="1"/>
  <c r="D2336" i="2" s="1"/>
  <c r="D2327" i="2" a="1"/>
  <c r="D2327" i="2" s="1"/>
  <c r="D2321" i="2" a="1"/>
  <c r="D2321" i="2" s="1"/>
  <c r="D2323" i="2" a="1"/>
  <c r="D2323" i="2" s="1"/>
  <c r="D2330" i="2" a="1"/>
  <c r="D2330" i="2" s="1"/>
  <c r="AP97" i="1"/>
  <c r="F103" i="5" s="1"/>
  <c r="AO97" i="1"/>
  <c r="E103" i="5" s="1"/>
  <c r="AM97" i="1"/>
  <c r="D2316" i="2" a="1"/>
  <c r="D2316" i="2" s="1"/>
  <c r="D2320" i="2" a="1"/>
  <c r="D2320" i="2" s="1"/>
  <c r="G4666" i="2" a="1"/>
  <c r="G4666" i="2" s="1"/>
  <c r="G4667" i="2" a="1"/>
  <c r="G4667" i="2" s="1"/>
  <c r="G4682" i="2" a="1"/>
  <c r="G4682" i="2" s="1"/>
  <c r="G4683" i="2" a="1"/>
  <c r="G4683" i="2" s="1"/>
  <c r="G4684" i="2" a="1"/>
  <c r="G4684" i="2" s="1"/>
  <c r="G4685" i="2" a="1"/>
  <c r="G4685" i="2" s="1"/>
  <c r="G4678" i="2" a="1"/>
  <c r="G4678" i="2" s="1"/>
  <c r="G4675" i="2" a="1"/>
  <c r="G4675" i="2" s="1"/>
  <c r="G4686" i="2" a="1"/>
  <c r="G4686" i="2" s="1"/>
  <c r="G4670" i="2" a="1"/>
  <c r="G4670" i="2" s="1"/>
  <c r="G4671" i="2" a="1"/>
  <c r="G4671" i="2" s="1"/>
  <c r="G4680" i="2" a="1"/>
  <c r="G4680" i="2" s="1"/>
  <c r="G4679" i="2" a="1"/>
  <c r="G4679" i="2" s="1"/>
  <c r="G4673" i="2" a="1"/>
  <c r="G4673" i="2" s="1"/>
  <c r="G4674" i="2" a="1"/>
  <c r="G4674" i="2" s="1"/>
  <c r="G4669" i="2" a="1"/>
  <c r="G4669" i="2" s="1"/>
  <c r="G4681" i="2" a="1"/>
  <c r="G4681" i="2" s="1"/>
  <c r="G4677" i="2" a="1"/>
  <c r="G4677" i="2" s="1"/>
  <c r="G4688" i="2" a="1"/>
  <c r="G4688" i="2" s="1"/>
  <c r="G4672" i="2" a="1"/>
  <c r="G4672" i="2" s="1"/>
  <c r="G4687" i="2" a="1"/>
  <c r="G4687" i="2" s="1"/>
  <c r="G4668" i="2" a="1"/>
  <c r="G4668" i="2" s="1"/>
  <c r="G4676" i="2" a="1"/>
  <c r="G4676" i="2" s="1"/>
  <c r="G4689" i="2" a="1"/>
  <c r="G4689" i="2" s="1"/>
  <c r="D6191" i="2" a="1"/>
  <c r="D6191" i="2" s="1"/>
  <c r="D6195" i="2" a="1"/>
  <c r="D6195" i="2" s="1"/>
  <c r="D6184" i="2" a="1"/>
  <c r="D6184" i="2" s="1"/>
  <c r="D6192" i="2" a="1"/>
  <c r="D6192" i="2" s="1"/>
  <c r="D6187" i="2" a="1"/>
  <c r="D6187" i="2" s="1"/>
  <c r="D6193" i="2" a="1"/>
  <c r="D6193" i="2" s="1"/>
  <c r="D6178" i="2" a="1"/>
  <c r="D6178" i="2" s="1"/>
  <c r="D6200" i="2" a="1"/>
  <c r="D6200" i="2" s="1"/>
  <c r="D6181" i="2" a="1"/>
  <c r="D6181" i="2" s="1"/>
  <c r="D6197" i="2" a="1"/>
  <c r="D6197" i="2" s="1"/>
  <c r="D6199" i="2" a="1"/>
  <c r="D6199" i="2" s="1"/>
  <c r="D6194" i="2" a="1"/>
  <c r="D6194" i="2" s="1"/>
  <c r="AQ258" i="1"/>
  <c r="G264" i="5" s="1"/>
  <c r="AO258" i="1"/>
  <c r="E264" i="5" s="1"/>
  <c r="AN258" i="1"/>
  <c r="D264" i="5" s="1"/>
  <c r="D6179" i="2" a="1"/>
  <c r="D6179" i="2" s="1"/>
  <c r="D6183" i="2" a="1"/>
  <c r="D6183" i="2" s="1"/>
  <c r="D6190" i="2" a="1"/>
  <c r="D6190" i="2" s="1"/>
  <c r="D6186" i="2" a="1"/>
  <c r="D6186" i="2" s="1"/>
  <c r="D6201" i="2" a="1"/>
  <c r="D6201" i="2" s="1"/>
  <c r="D6185" i="2" a="1"/>
  <c r="D6185" i="2" s="1"/>
  <c r="D6189" i="2" a="1"/>
  <c r="D6189" i="2" s="1"/>
  <c r="D6180" i="2" a="1"/>
  <c r="D6180" i="2" s="1"/>
  <c r="D6188" i="2" a="1"/>
  <c r="D6188" i="2" s="1"/>
  <c r="D6196" i="2" a="1"/>
  <c r="D6196" i="2" s="1"/>
  <c r="D6198" i="2" a="1"/>
  <c r="D6198" i="2" s="1"/>
  <c r="D6182" i="2" a="1"/>
  <c r="D6182" i="2" s="1"/>
  <c r="D277" i="2" a="1"/>
  <c r="D277" i="2" s="1"/>
  <c r="D278" i="2" a="1"/>
  <c r="D278" i="2" s="1"/>
  <c r="D283" i="2" a="1"/>
  <c r="D283" i="2" s="1"/>
  <c r="D274" i="2" a="1"/>
  <c r="D274" i="2" s="1"/>
  <c r="D286" i="2" a="1"/>
  <c r="D286" i="2" s="1"/>
  <c r="AQ12" i="1"/>
  <c r="G18" i="5" s="1"/>
  <c r="D285" i="2" a="1"/>
  <c r="D285" i="2" s="1"/>
  <c r="AM12" i="1"/>
  <c r="D288" i="2" a="1"/>
  <c r="D288" i="2" s="1"/>
  <c r="D279" i="2" a="1"/>
  <c r="D279" i="2" s="1"/>
  <c r="D293" i="2" a="1"/>
  <c r="D293" i="2" s="1"/>
  <c r="D276" i="2" a="1"/>
  <c r="D276" i="2" s="1"/>
  <c r="D295" i="2" a="1"/>
  <c r="D295" i="2" s="1"/>
  <c r="D284" i="2" a="1"/>
  <c r="D284" i="2" s="1"/>
  <c r="D292" i="2" a="1"/>
  <c r="D292" i="2" s="1"/>
  <c r="AN12" i="1"/>
  <c r="D18" i="5" s="1"/>
  <c r="AO12" i="1"/>
  <c r="E18" i="5" s="1"/>
  <c r="D294" i="2" a="1"/>
  <c r="D294" i="2" s="1"/>
  <c r="D282" i="2" a="1"/>
  <c r="D282" i="2" s="1"/>
  <c r="D289" i="2" a="1"/>
  <c r="D289" i="2" s="1"/>
  <c r="D296" i="2" a="1"/>
  <c r="D296" i="2" s="1"/>
  <c r="D287" i="2" a="1"/>
  <c r="D287" i="2" s="1"/>
  <c r="AP12" i="1"/>
  <c r="F18" i="5" s="1"/>
  <c r="D280" i="2" a="1"/>
  <c r="D280" i="2" s="1"/>
  <c r="D275" i="2" a="1"/>
  <c r="D275" i="2" s="1"/>
  <c r="D7606" i="2" a="1"/>
  <c r="D7606" i="2" s="1"/>
  <c r="D7598" i="2" a="1"/>
  <c r="D7598" i="2" s="1"/>
  <c r="D7603" i="2" a="1"/>
  <c r="D7603" i="2" s="1"/>
  <c r="D7610" i="2" a="1"/>
  <c r="D7610" i="2" s="1"/>
  <c r="D7597" i="2" a="1"/>
  <c r="D7597" i="2" s="1"/>
  <c r="D7605" i="2" a="1"/>
  <c r="D7605" i="2" s="1"/>
  <c r="AP317" i="1"/>
  <c r="F323" i="5" s="1"/>
  <c r="D7615" i="2" a="1"/>
  <c r="D7615" i="2" s="1"/>
  <c r="D7613" i="2" a="1"/>
  <c r="D7613" i="2" s="1"/>
  <c r="D7595" i="2" a="1"/>
  <c r="D7595" i="2" s="1"/>
  <c r="D7607" i="2" a="1"/>
  <c r="D7607" i="2" s="1"/>
  <c r="D7600" i="2" a="1"/>
  <c r="D7600" i="2" s="1"/>
  <c r="D7614" i="2" a="1"/>
  <c r="D7614" i="2" s="1"/>
  <c r="D7596" i="2" a="1"/>
  <c r="D7596" i="2" s="1"/>
  <c r="AO317" i="1"/>
  <c r="E323" i="5" s="1"/>
  <c r="AM317" i="1"/>
  <c r="D7617" i="2" a="1"/>
  <c r="D7617" i="2" s="1"/>
  <c r="D7608" i="2" a="1"/>
  <c r="D7608" i="2" s="1"/>
  <c r="D7612" i="2" a="1"/>
  <c r="D7612" i="2" s="1"/>
  <c r="D7601" i="2" a="1"/>
  <c r="D7601" i="2" s="1"/>
  <c r="D7609" i="2" a="1"/>
  <c r="D7609" i="2" s="1"/>
  <c r="D8191" i="2" a="1"/>
  <c r="D8191" i="2" s="1"/>
  <c r="D8188" i="2" a="1"/>
  <c r="D8188" i="2" s="1"/>
  <c r="D8179" i="2" a="1"/>
  <c r="D8179" i="2" s="1"/>
  <c r="D8170" i="2" a="1"/>
  <c r="D8170" i="2" s="1"/>
  <c r="D8172" i="2" a="1"/>
  <c r="D8172" i="2" s="1"/>
  <c r="D8186" i="2" a="1"/>
  <c r="D8186" i="2" s="1"/>
  <c r="AM341" i="1"/>
  <c r="D8176" i="2" a="1"/>
  <c r="D8176" i="2" s="1"/>
  <c r="D8184" i="2" a="1"/>
  <c r="D8184" i="2" s="1"/>
  <c r="D8177" i="2" a="1"/>
  <c r="D8177" i="2" s="1"/>
  <c r="D8192" i="2" a="1"/>
  <c r="D8192" i="2" s="1"/>
  <c r="D8187" i="2" a="1"/>
  <c r="D8187" i="2" s="1"/>
  <c r="D8190" i="2" a="1"/>
  <c r="D8190" i="2" s="1"/>
  <c r="D8175" i="2" a="1"/>
  <c r="D8175" i="2" s="1"/>
  <c r="D8173" i="2" a="1"/>
  <c r="D8173" i="2" s="1"/>
  <c r="D8181" i="2" a="1"/>
  <c r="D8181" i="2" s="1"/>
  <c r="D8185" i="2" a="1"/>
  <c r="D8185" i="2" s="1"/>
  <c r="D8180" i="2" a="1"/>
  <c r="D8180" i="2" s="1"/>
  <c r="D8174" i="2" a="1"/>
  <c r="D8174" i="2" s="1"/>
  <c r="D8182" i="2" a="1"/>
  <c r="D8182" i="2" s="1"/>
  <c r="D8189" i="2" a="1"/>
  <c r="D8189" i="2" s="1"/>
  <c r="D8193" i="2" a="1"/>
  <c r="D8193" i="2" s="1"/>
  <c r="AN341" i="1"/>
  <c r="D347" i="5" s="1"/>
  <c r="AQ341" i="1"/>
  <c r="G347" i="5" s="1"/>
  <c r="AO93" i="1"/>
  <c r="E99" i="5" s="1"/>
  <c r="AM93" i="1"/>
  <c r="E2232" i="2" a="1"/>
  <c r="E2232" i="2" s="1"/>
  <c r="E2221" i="2" a="1"/>
  <c r="E2221" i="2" s="1"/>
  <c r="E2226" i="2" a="1"/>
  <c r="E2226" i="2" s="1"/>
  <c r="E2237" i="2" a="1"/>
  <c r="E2237" i="2" s="1"/>
  <c r="E2219" i="2" a="1"/>
  <c r="E2219" i="2" s="1"/>
  <c r="E2231" i="2" a="1"/>
  <c r="E2231" i="2" s="1"/>
  <c r="AP93" i="1"/>
  <c r="F99" i="5" s="1"/>
  <c r="E2238" i="2" a="1"/>
  <c r="E2238" i="2" s="1"/>
  <c r="E2230" i="2" a="1"/>
  <c r="E2230" i="2" s="1"/>
  <c r="E2223" i="2" a="1"/>
  <c r="E2223" i="2" s="1"/>
  <c r="E2240" i="2" a="1"/>
  <c r="E2240" i="2" s="1"/>
  <c r="E2236" i="2" a="1"/>
  <c r="E2236" i="2" s="1"/>
  <c r="E2227" i="2" a="1"/>
  <c r="E2227" i="2" s="1"/>
  <c r="E2239" i="2" a="1"/>
  <c r="E2239" i="2" s="1"/>
  <c r="AQ93" i="1"/>
  <c r="G99" i="5" s="1"/>
  <c r="E2224" i="2" a="1"/>
  <c r="E2224" i="2" s="1"/>
  <c r="AN93" i="1"/>
  <c r="D99" i="5" s="1"/>
  <c r="E2218" i="2" a="1"/>
  <c r="E2218" i="2" s="1"/>
  <c r="E2225" i="2" a="1"/>
  <c r="E2225" i="2" s="1"/>
  <c r="E2233" i="2" a="1"/>
  <c r="E2233" i="2" s="1"/>
  <c r="E2220" i="2" a="1"/>
  <c r="E2220" i="2" s="1"/>
  <c r="D1931" i="2" a="1"/>
  <c r="D1931" i="2" s="1"/>
  <c r="D1945" i="2" a="1"/>
  <c r="D1945" i="2" s="1"/>
  <c r="D1943" i="2" a="1"/>
  <c r="D1943" i="2" s="1"/>
  <c r="D1942" i="2" a="1"/>
  <c r="D1942" i="2" s="1"/>
  <c r="D1947" i="2" a="1"/>
  <c r="D1947" i="2" s="1"/>
  <c r="D1948" i="2" a="1"/>
  <c r="D1948" i="2" s="1"/>
  <c r="D1951" i="2" a="1"/>
  <c r="D1951" i="2" s="1"/>
  <c r="D1950" i="2" a="1"/>
  <c r="D1950" i="2" s="1"/>
  <c r="AO81" i="1"/>
  <c r="E87" i="5" s="1"/>
  <c r="D1932" i="2" a="1"/>
  <c r="D1932" i="2" s="1"/>
  <c r="D1936" i="2" a="1"/>
  <c r="D1936" i="2" s="1"/>
  <c r="D1944" i="2" a="1"/>
  <c r="D1944" i="2" s="1"/>
  <c r="D1949" i="2" a="1"/>
  <c r="D1949" i="2" s="1"/>
  <c r="D1938" i="2" a="1"/>
  <c r="D1938" i="2" s="1"/>
  <c r="I1938" i="2" s="1"/>
  <c r="I1912" i="5" s="1"/>
  <c r="D1930" i="2" a="1"/>
  <c r="D1930" i="2" s="1"/>
  <c r="D1952" i="2" a="1"/>
  <c r="D1952" i="2" s="1"/>
  <c r="D1934" i="2" a="1"/>
  <c r="D1934" i="2" s="1"/>
  <c r="AP81" i="1"/>
  <c r="F87" i="5" s="1"/>
  <c r="AN81" i="1"/>
  <c r="D87" i="5" s="1"/>
  <c r="AQ81" i="1"/>
  <c r="G87" i="5" s="1"/>
  <c r="AM81" i="1"/>
  <c r="D1935" i="2" a="1"/>
  <c r="D1935" i="2" s="1"/>
  <c r="G6368" i="2" a="1"/>
  <c r="G6368" i="2" s="1"/>
  <c r="G6349" i="2" a="1"/>
  <c r="G6349" i="2" s="1"/>
  <c r="G6359" i="2" a="1"/>
  <c r="G6359" i="2" s="1"/>
  <c r="G6363" i="2" a="1"/>
  <c r="G6363" i="2" s="1"/>
  <c r="G6353" i="2" a="1"/>
  <c r="G6353" i="2" s="1"/>
  <c r="G6365" i="2" a="1"/>
  <c r="G6365" i="2" s="1"/>
  <c r="G6838" i="2" a="1"/>
  <c r="G6838" i="2" s="1"/>
  <c r="G6841" i="2" a="1"/>
  <c r="G6841" i="2" s="1"/>
  <c r="G6837" i="2" a="1"/>
  <c r="G6837" i="2" s="1"/>
  <c r="G6839" i="2" a="1"/>
  <c r="G6839" i="2" s="1"/>
  <c r="G6840" i="2" a="1"/>
  <c r="G6840" i="2" s="1"/>
  <c r="G6827" i="2" a="1"/>
  <c r="G6827" i="2" s="1"/>
  <c r="G6832" i="2" a="1"/>
  <c r="G6832" i="2" s="1"/>
  <c r="L6832" i="2" s="1"/>
  <c r="L6806" i="5" s="1"/>
  <c r="G6845" i="2" a="1"/>
  <c r="G6845" i="2" s="1"/>
  <c r="G6835" i="2" a="1"/>
  <c r="G6835" i="2" s="1"/>
  <c r="G6846" i="2" a="1"/>
  <c r="G6846" i="2" s="1"/>
  <c r="G6844" i="2" a="1"/>
  <c r="G6844" i="2" s="1"/>
  <c r="G6833" i="2" a="1"/>
  <c r="G6833" i="2" s="1"/>
  <c r="G6842" i="2" a="1"/>
  <c r="G6842" i="2" s="1"/>
  <c r="G6834" i="2" a="1"/>
  <c r="G6834" i="2" s="1"/>
  <c r="G6843" i="2" a="1"/>
  <c r="G6843" i="2" s="1"/>
  <c r="G6849" i="2" a="1"/>
  <c r="G6849" i="2" s="1"/>
  <c r="G6836" i="2" a="1"/>
  <c r="G6836" i="2" s="1"/>
  <c r="G6826" i="2" a="1"/>
  <c r="G6826" i="2" s="1"/>
  <c r="G6830" i="2" a="1"/>
  <c r="G6830" i="2" s="1"/>
  <c r="G6847" i="2" a="1"/>
  <c r="G6847" i="2" s="1"/>
  <c r="G6848" i="2" a="1"/>
  <c r="G6848" i="2" s="1"/>
  <c r="G6829" i="2" a="1"/>
  <c r="G6829" i="2" s="1"/>
  <c r="G6828" i="2" a="1"/>
  <c r="G6828" i="2" s="1"/>
  <c r="E7258" i="2" a="1"/>
  <c r="E7258" i="2" s="1"/>
  <c r="E7270" i="2" a="1"/>
  <c r="E7270" i="2" s="1"/>
  <c r="E7262" i="2" a="1"/>
  <c r="E7262" i="2" s="1"/>
  <c r="E7279" i="2" a="1"/>
  <c r="E7279" i="2" s="1"/>
  <c r="E7274" i="2" a="1"/>
  <c r="E7274" i="2" s="1"/>
  <c r="E7259" i="2" a="1"/>
  <c r="E7259" i="2" s="1"/>
  <c r="E7271" i="2" a="1"/>
  <c r="E7271" i="2" s="1"/>
  <c r="E7263" i="2" a="1"/>
  <c r="E7263" i="2" s="1"/>
  <c r="E7272" i="2" a="1"/>
  <c r="E7272" i="2" s="1"/>
  <c r="E7264" i="2" a="1"/>
  <c r="E7264" i="2" s="1"/>
  <c r="E7280" i="2" a="1"/>
  <c r="E7280" i="2" s="1"/>
  <c r="E7275" i="2" a="1"/>
  <c r="E7275" i="2" s="1"/>
  <c r="E7267" i="2" a="1"/>
  <c r="E7267" i="2" s="1"/>
  <c r="E7277" i="2" a="1"/>
  <c r="E7277" i="2" s="1"/>
  <c r="E7261" i="2" a="1"/>
  <c r="E7261" i="2" s="1"/>
  <c r="E7268" i="2" a="1"/>
  <c r="E7268" i="2" s="1"/>
  <c r="E7281" i="2" a="1"/>
  <c r="E7281" i="2" s="1"/>
  <c r="E7273" i="2" a="1"/>
  <c r="E7273" i="2" s="1"/>
  <c r="E7278" i="2" a="1"/>
  <c r="E7278" i="2" s="1"/>
  <c r="E7265" i="2" a="1"/>
  <c r="E7265" i="2" s="1"/>
  <c r="E7269" i="2" a="1"/>
  <c r="E7269" i="2" s="1"/>
  <c r="E7276" i="2" a="1"/>
  <c r="E7276" i="2" s="1"/>
  <c r="E7266" i="2" a="1"/>
  <c r="E7266" i="2" s="1"/>
  <c r="H3746" i="2" a="1"/>
  <c r="H3746" i="2" s="1"/>
  <c r="H3751" i="2" a="1"/>
  <c r="H3751" i="2" s="1"/>
  <c r="H3731" i="2" a="1"/>
  <c r="H3731" i="2" s="1"/>
  <c r="H3739" i="2" a="1"/>
  <c r="H3739" i="2" s="1"/>
  <c r="H3733" i="2" a="1"/>
  <c r="H3733" i="2" s="1"/>
  <c r="H3742" i="2" a="1"/>
  <c r="H3742" i="2" s="1"/>
  <c r="H3734" i="2" a="1"/>
  <c r="H3734" i="2" s="1"/>
  <c r="H3740" i="2" a="1"/>
  <c r="H3740" i="2" s="1"/>
  <c r="H3745" i="2" a="1"/>
  <c r="H3745" i="2" s="1"/>
  <c r="H3744" i="2" a="1"/>
  <c r="H3744" i="2" s="1"/>
  <c r="H3732" i="2" a="1"/>
  <c r="H3732" i="2" s="1"/>
  <c r="H3737" i="2" a="1"/>
  <c r="H3737" i="2" s="1"/>
  <c r="H3747" i="2" a="1"/>
  <c r="H3747" i="2" s="1"/>
  <c r="H3750" i="2" a="1"/>
  <c r="H3750" i="2" s="1"/>
  <c r="H3730" i="2" a="1"/>
  <c r="H3730" i="2" s="1"/>
  <c r="H3752" i="2" a="1"/>
  <c r="H3752" i="2" s="1"/>
  <c r="H3753" i="2" a="1"/>
  <c r="H3753" i="2" s="1"/>
  <c r="H3741" i="2" a="1"/>
  <c r="H3741" i="2" s="1"/>
  <c r="H3738" i="2" a="1"/>
  <c r="H3738" i="2" s="1"/>
  <c r="H3743" i="2" a="1"/>
  <c r="H3743" i="2" s="1"/>
  <c r="H3748" i="2" a="1"/>
  <c r="H3748" i="2" s="1"/>
  <c r="H3749" i="2" a="1"/>
  <c r="H3749" i="2" s="1"/>
  <c r="H3736" i="2" a="1"/>
  <c r="H3736" i="2" s="1"/>
  <c r="D2079" i="2" a="1"/>
  <c r="D2079" i="2" s="1"/>
  <c r="D2089" i="2" a="1"/>
  <c r="D2089" i="2" s="1"/>
  <c r="D2082" i="2" a="1"/>
  <c r="D2082" i="2" s="1"/>
  <c r="D2087" i="2" a="1"/>
  <c r="D2087" i="2" s="1"/>
  <c r="AP87" i="1"/>
  <c r="F93" i="5" s="1"/>
  <c r="D2077" i="2" a="1"/>
  <c r="D2077" i="2" s="1"/>
  <c r="D2097" i="2" a="1"/>
  <c r="D2097" i="2" s="1"/>
  <c r="AQ87" i="1"/>
  <c r="G93" i="5" s="1"/>
  <c r="D2095" i="2" a="1"/>
  <c r="D2095" i="2" s="1"/>
  <c r="AN87" i="1"/>
  <c r="D93" i="5" s="1"/>
  <c r="D2083" i="2" a="1"/>
  <c r="D2083" i="2" s="1"/>
  <c r="AO87" i="1"/>
  <c r="E93" i="5" s="1"/>
  <c r="D2093" i="2" a="1"/>
  <c r="D2093" i="2" s="1"/>
  <c r="AM87" i="1"/>
  <c r="D2088" i="2" a="1"/>
  <c r="D2088" i="2" s="1"/>
  <c r="D2092" i="2" a="1"/>
  <c r="D2092" i="2" s="1"/>
  <c r="D2086" i="2" a="1"/>
  <c r="D2086" i="2" s="1"/>
  <c r="D2091" i="2" a="1"/>
  <c r="D2091" i="2" s="1"/>
  <c r="L2091" i="2" s="1"/>
  <c r="L2065" i="5" s="1"/>
  <c r="D2085" i="2" a="1"/>
  <c r="D2085" i="2" s="1"/>
  <c r="D2090" i="2" a="1"/>
  <c r="D2090" i="2" s="1"/>
  <c r="D2096" i="2" a="1"/>
  <c r="D2096" i="2" s="1"/>
  <c r="D2074" i="2" a="1"/>
  <c r="D2074" i="2" s="1"/>
  <c r="D2078" i="2" a="1"/>
  <c r="D2078" i="2" s="1"/>
  <c r="D2076" i="2" a="1"/>
  <c r="D2076" i="2" s="1"/>
  <c r="D2080" i="2" a="1"/>
  <c r="D2080" i="2" s="1"/>
  <c r="D2081" i="2" a="1"/>
  <c r="D2081" i="2" s="1"/>
  <c r="D2094" i="2" a="1"/>
  <c r="D2094" i="2" s="1"/>
  <c r="D2075" i="2" a="1"/>
  <c r="D2075" i="2" s="1"/>
  <c r="E4024" i="2" a="1"/>
  <c r="E4024" i="2" s="1"/>
  <c r="E380" i="2" a="1"/>
  <c r="E380" i="2" s="1"/>
  <c r="E370" i="2" a="1"/>
  <c r="E370" i="2" s="1"/>
  <c r="E1532" i="2" a="1"/>
  <c r="E1532" i="2" s="1"/>
  <c r="H4545" i="2" a="1"/>
  <c r="H4545" i="2" s="1"/>
  <c r="F3011" i="2" a="1"/>
  <c r="F3011" i="2" s="1"/>
  <c r="F2557" i="2" a="1"/>
  <c r="F2557" i="2" s="1"/>
  <c r="E4743" i="2" a="1"/>
  <c r="E4743" i="2" s="1"/>
  <c r="H5431" i="2" a="1"/>
  <c r="H5431" i="2" s="1"/>
  <c r="G7373" i="2" a="1"/>
  <c r="G7373" i="2" s="1"/>
  <c r="G4656" i="2" a="1"/>
  <c r="G4656" i="2" s="1"/>
  <c r="G4366" i="2" a="1"/>
  <c r="G4366" i="2" s="1"/>
  <c r="H6610" i="2" a="1"/>
  <c r="H6610" i="2" s="1"/>
  <c r="E4019" i="2" a="1"/>
  <c r="E4019" i="2" s="1"/>
  <c r="E379" i="2" a="1"/>
  <c r="E379" i="2" s="1"/>
  <c r="E377" i="2" a="1"/>
  <c r="E377" i="2" s="1"/>
  <c r="E1531" i="2" a="1"/>
  <c r="E1531" i="2" s="1"/>
  <c r="H4534" i="2" a="1"/>
  <c r="H4534" i="2" s="1"/>
  <c r="F3021" i="2" a="1"/>
  <c r="F3021" i="2" s="1"/>
  <c r="F2574" i="2" a="1"/>
  <c r="F2574" i="2" s="1"/>
  <c r="E4759" i="2" a="1"/>
  <c r="E4759" i="2" s="1"/>
  <c r="H5413" i="2" a="1"/>
  <c r="H5413" i="2" s="1"/>
  <c r="G7368" i="2" a="1"/>
  <c r="G7368" i="2" s="1"/>
  <c r="G4659" i="2" a="1"/>
  <c r="G4659" i="2" s="1"/>
  <c r="G4377" i="2" a="1"/>
  <c r="G4377" i="2" s="1"/>
  <c r="G7374" i="2" a="1"/>
  <c r="G7374" i="2" s="1"/>
  <c r="G4355" i="2" a="1"/>
  <c r="G4355" i="2" s="1"/>
  <c r="E4023" i="2" a="1"/>
  <c r="E4023" i="2" s="1"/>
  <c r="E376" i="2" a="1"/>
  <c r="E376" i="2" s="1"/>
  <c r="E1525" i="2" a="1"/>
  <c r="E1525" i="2" s="1"/>
  <c r="H4524" i="2" a="1"/>
  <c r="H4524" i="2" s="1"/>
  <c r="H4913" i="2" a="1"/>
  <c r="H4913" i="2" s="1"/>
  <c r="F3020" i="2" a="1"/>
  <c r="F3020" i="2" s="1"/>
  <c r="F2573" i="2" a="1"/>
  <c r="F2573" i="2" s="1"/>
  <c r="H5420" i="2" a="1"/>
  <c r="H5420" i="2" s="1"/>
  <c r="G7365" i="2" a="1"/>
  <c r="G7365" i="2" s="1"/>
  <c r="F2001" i="2" a="1"/>
  <c r="F2001" i="2" s="1"/>
  <c r="AN4" i="1"/>
  <c r="D10" i="5" s="1"/>
  <c r="F3122" i="2" a="1"/>
  <c r="F3122" i="2" s="1"/>
  <c r="F3033" i="2" a="1"/>
  <c r="F3033" i="2" s="1"/>
  <c r="G8388" i="2" a="1"/>
  <c r="G8388" i="2" s="1"/>
  <c r="F2559" i="2" a="1"/>
  <c r="F2559" i="2" s="1"/>
  <c r="H5428" i="2" a="1"/>
  <c r="H5428" i="2" s="1"/>
  <c r="D2986" i="2" a="1"/>
  <c r="D2986" i="2" s="1"/>
  <c r="D7535" i="2" a="1"/>
  <c r="D7535" i="2" s="1"/>
  <c r="F7997" i="2" a="1"/>
  <c r="F7997" i="2" s="1"/>
  <c r="F1991" i="2" a="1"/>
  <c r="F1991" i="2" s="1"/>
  <c r="AN97" i="1"/>
  <c r="D103" i="5" s="1"/>
  <c r="G5483" i="2" a="1"/>
  <c r="G5483" i="2" s="1"/>
  <c r="F3113" i="2" a="1"/>
  <c r="F3113" i="2" s="1"/>
  <c r="E2728" i="2" a="1"/>
  <c r="E2728" i="2" s="1"/>
  <c r="G7862" i="2" a="1"/>
  <c r="G7862" i="2" s="1"/>
  <c r="E4254" i="2" a="1"/>
  <c r="E4254" i="2" s="1"/>
  <c r="E4248" i="2" a="1"/>
  <c r="E4248" i="2" s="1"/>
  <c r="D1856" i="2" a="1"/>
  <c r="D1856" i="2" s="1"/>
  <c r="E4252" i="2" a="1"/>
  <c r="E4252" i="2" s="1"/>
  <c r="D342" i="2" a="1"/>
  <c r="D342" i="2" s="1"/>
  <c r="D1834" i="2" a="1"/>
  <c r="D1834" i="2" s="1"/>
  <c r="D335" i="2" a="1"/>
  <c r="D335" i="2" s="1"/>
  <c r="D1836" i="2" a="1"/>
  <c r="D1836" i="2" s="1"/>
  <c r="D329" i="2" a="1"/>
  <c r="D329" i="2" s="1"/>
  <c r="E4243" i="2" a="1"/>
  <c r="E4243" i="2" s="1"/>
  <c r="D334" i="2" a="1"/>
  <c r="D334" i="2" s="1"/>
  <c r="G7877" i="2" a="1"/>
  <c r="G7877" i="2" s="1"/>
  <c r="H6415" i="2" a="1"/>
  <c r="H6415" i="2" s="1"/>
  <c r="H6396" i="2" a="1"/>
  <c r="H6396" i="2" s="1"/>
  <c r="H6397" i="2" a="1"/>
  <c r="H6397" i="2" s="1"/>
  <c r="H6405" i="2" a="1"/>
  <c r="H6405" i="2" s="1"/>
  <c r="H6398" i="2" a="1"/>
  <c r="H6398" i="2" s="1"/>
  <c r="H6414" i="2" a="1"/>
  <c r="H6414" i="2" s="1"/>
  <c r="H6411" i="2" a="1"/>
  <c r="H6411" i="2" s="1"/>
  <c r="H6408" i="2" a="1"/>
  <c r="H6408" i="2" s="1"/>
  <c r="H6402" i="2" a="1"/>
  <c r="H6402" i="2" s="1"/>
  <c r="H6412" i="2" a="1"/>
  <c r="H6412" i="2" s="1"/>
  <c r="H6409" i="2" a="1"/>
  <c r="H6409" i="2" s="1"/>
  <c r="H6410" i="2" a="1"/>
  <c r="H6410" i="2" s="1"/>
  <c r="H6413" i="2" a="1"/>
  <c r="H6413" i="2" s="1"/>
  <c r="H6417" i="2" a="1"/>
  <c r="H6417" i="2" s="1"/>
  <c r="H6395" i="2" a="1"/>
  <c r="H6395" i="2" s="1"/>
  <c r="H6403" i="2" a="1"/>
  <c r="H6403" i="2" s="1"/>
  <c r="H6401" i="2" a="1"/>
  <c r="H6401" i="2" s="1"/>
  <c r="H6399" i="2" a="1"/>
  <c r="H6399" i="2" s="1"/>
  <c r="H6416" i="2" a="1"/>
  <c r="H6416" i="2" s="1"/>
  <c r="H6400" i="2" a="1"/>
  <c r="H6400" i="2" s="1"/>
  <c r="H6406" i="2" a="1"/>
  <c r="H6406" i="2" s="1"/>
  <c r="H6407" i="2" a="1"/>
  <c r="H6407" i="2" s="1"/>
  <c r="H6404" i="2" a="1"/>
  <c r="H6404" i="2" s="1"/>
  <c r="H6394" i="2" a="1"/>
  <c r="H6394" i="2" s="1"/>
  <c r="D327" i="2" a="1"/>
  <c r="D327" i="2" s="1"/>
  <c r="D344" i="2" a="1"/>
  <c r="D344" i="2" s="1"/>
  <c r="D333" i="2" a="1"/>
  <c r="D333" i="2" s="1"/>
  <c r="D338" i="2" a="1"/>
  <c r="D338" i="2" s="1"/>
  <c r="D323" i="2" a="1"/>
  <c r="D323" i="2" s="1"/>
  <c r="D324" i="2" a="1"/>
  <c r="D324" i="2" s="1"/>
  <c r="AO177" i="1"/>
  <c r="E183" i="5" s="1"/>
  <c r="AM177" i="1"/>
  <c r="AP177" i="1"/>
  <c r="F183" i="5" s="1"/>
  <c r="E4251" i="2" a="1"/>
  <c r="E4251" i="2" s="1"/>
  <c r="AQ177" i="1"/>
  <c r="G183" i="5" s="1"/>
  <c r="E4257" i="2" a="1"/>
  <c r="E4257" i="2" s="1"/>
  <c r="E4239" i="2" a="1"/>
  <c r="E4239" i="2" s="1"/>
  <c r="E4240" i="2" a="1"/>
  <c r="E4240" i="2" s="1"/>
  <c r="E4247" i="2" a="1"/>
  <c r="E4247" i="2" s="1"/>
  <c r="E4256" i="2" a="1"/>
  <c r="E4256" i="2" s="1"/>
  <c r="D1849" i="2" a="1"/>
  <c r="D1849" i="2" s="1"/>
  <c r="D1850" i="2" a="1"/>
  <c r="D1850" i="2" s="1"/>
  <c r="D1848" i="2" a="1"/>
  <c r="D1848" i="2" s="1"/>
  <c r="D1853" i="2" a="1"/>
  <c r="D1853" i="2" s="1"/>
  <c r="D1838" i="2" a="1"/>
  <c r="D1838" i="2" s="1"/>
  <c r="D1839" i="2" a="1"/>
  <c r="D1839" i="2" s="1"/>
  <c r="D1846" i="2" a="1"/>
  <c r="D1846" i="2" s="1"/>
  <c r="D1845" i="2" a="1"/>
  <c r="D1845" i="2" s="1"/>
  <c r="D1837" i="2" a="1"/>
  <c r="D1837" i="2" s="1"/>
  <c r="D1857" i="2" a="1"/>
  <c r="D1857" i="2" s="1"/>
  <c r="D1840" i="2" a="1"/>
  <c r="D1840" i="2" s="1"/>
  <c r="D1851" i="2" a="1"/>
  <c r="D1851" i="2" s="1"/>
  <c r="D1835" i="2" a="1"/>
  <c r="D1835" i="2" s="1"/>
  <c r="D1847" i="2" a="1"/>
  <c r="D1847" i="2" s="1"/>
  <c r="D1844" i="2" a="1"/>
  <c r="D1844" i="2" s="1"/>
  <c r="D1842" i="2" a="1"/>
  <c r="D1842" i="2" s="1"/>
  <c r="D1841" i="2" a="1"/>
  <c r="D1841" i="2" s="1"/>
  <c r="D1855" i="2" a="1"/>
  <c r="D1855" i="2" s="1"/>
  <c r="E4235" i="2" a="1"/>
  <c r="E4235" i="2" s="1"/>
  <c r="D331" i="2" a="1"/>
  <c r="D331" i="2" s="1"/>
  <c r="G7865" i="2" a="1"/>
  <c r="G7865" i="2" s="1"/>
  <c r="G7864" i="2" a="1"/>
  <c r="G7864" i="2" s="1"/>
  <c r="E4238" i="2" a="1"/>
  <c r="E4238" i="2" s="1"/>
  <c r="D341" i="2" a="1"/>
  <c r="D341" i="2" s="1"/>
  <c r="G7859" i="2" a="1"/>
  <c r="G7859" i="2" s="1"/>
  <c r="G7867" i="2" a="1"/>
  <c r="G7867" i="2" s="1"/>
  <c r="E4237" i="2" a="1"/>
  <c r="E4237" i="2" s="1"/>
  <c r="D340" i="2" a="1"/>
  <c r="D340" i="2" s="1"/>
  <c r="E4253" i="2" a="1"/>
  <c r="E4253" i="2" s="1"/>
  <c r="D330" i="2" a="1"/>
  <c r="D330" i="2" s="1"/>
  <c r="AN177" i="1"/>
  <c r="D183" i="5" s="1"/>
  <c r="E4255" i="2" a="1"/>
  <c r="E4255" i="2" s="1"/>
  <c r="D336" i="2" a="1"/>
  <c r="D336" i="2" s="1"/>
  <c r="E771" i="2" a="1"/>
  <c r="E771" i="2" s="1"/>
  <c r="F1616" i="2" a="1"/>
  <c r="F1616" i="2" s="1"/>
  <c r="D2812" i="2" a="1"/>
  <c r="D2812" i="2" s="1"/>
  <c r="AN117" i="1"/>
  <c r="D123" i="5" s="1"/>
  <c r="E7484" i="2" a="1"/>
  <c r="E7484" i="2" s="1"/>
  <c r="H8487" i="2" a="1"/>
  <c r="H8487" i="2" s="1"/>
  <c r="G5889" i="2" a="1"/>
  <c r="G5889" i="2" s="1"/>
  <c r="D2921" i="2" a="1"/>
  <c r="D2921" i="2" s="1"/>
  <c r="AQ122" i="1"/>
  <c r="G128" i="5" s="1"/>
  <c r="AP122" i="1"/>
  <c r="F128" i="5" s="1"/>
  <c r="AM122" i="1"/>
  <c r="D2923" i="2" a="1"/>
  <c r="D2923" i="2" s="1"/>
  <c r="L2923" i="2" s="1"/>
  <c r="L2897" i="5" s="1"/>
  <c r="D6054" i="2" a="1"/>
  <c r="D6054" i="2" s="1"/>
  <c r="D6040" i="2" a="1"/>
  <c r="D6040" i="2" s="1"/>
  <c r="E762" i="2" a="1"/>
  <c r="E762" i="2" s="1"/>
  <c r="F1613" i="2" a="1"/>
  <c r="F1613" i="2" s="1"/>
  <c r="F1619" i="2" a="1"/>
  <c r="F1619" i="2" s="1"/>
  <c r="F3458" i="2" a="1"/>
  <c r="F3458" i="2" s="1"/>
  <c r="F3448" i="2" a="1"/>
  <c r="F3448" i="2" s="1"/>
  <c r="F3465" i="2" a="1"/>
  <c r="F3465" i="2" s="1"/>
  <c r="H6322" i="2" a="1"/>
  <c r="H6322" i="2" s="1"/>
  <c r="H6328" i="2" a="1"/>
  <c r="H6328" i="2" s="1"/>
  <c r="H6325" i="2" a="1"/>
  <c r="H6325" i="2" s="1"/>
  <c r="E7493" i="2" a="1"/>
  <c r="E7493" i="2" s="1"/>
  <c r="E7478" i="2" a="1"/>
  <c r="E7478" i="2" s="1"/>
  <c r="E7482" i="2" a="1"/>
  <c r="E7482" i="2" s="1"/>
  <c r="E7497" i="2" a="1"/>
  <c r="E7497" i="2" s="1"/>
  <c r="E7488" i="2" a="1"/>
  <c r="E7488" i="2" s="1"/>
  <c r="E7491" i="2" a="1"/>
  <c r="E7491" i="2" s="1"/>
  <c r="E7480" i="2" a="1"/>
  <c r="E7480" i="2" s="1"/>
  <c r="E7489" i="2" a="1"/>
  <c r="E7489" i="2" s="1"/>
  <c r="E7477" i="2" a="1"/>
  <c r="E7477" i="2" s="1"/>
  <c r="E7481" i="2" a="1"/>
  <c r="E7481" i="2" s="1"/>
  <c r="E7492" i="2" a="1"/>
  <c r="E7492" i="2" s="1"/>
  <c r="E7474" i="2" a="1"/>
  <c r="E7474" i="2" s="1"/>
  <c r="E7485" i="2" a="1"/>
  <c r="E7485" i="2" s="1"/>
  <c r="F899" i="2" a="1"/>
  <c r="F899" i="2" s="1"/>
  <c r="F908" i="2" a="1"/>
  <c r="F908" i="2" s="1"/>
  <c r="F915" i="2" a="1"/>
  <c r="F915" i="2" s="1"/>
  <c r="F909" i="2" a="1"/>
  <c r="F909" i="2" s="1"/>
  <c r="F917" i="2" a="1"/>
  <c r="F917" i="2" s="1"/>
  <c r="F914" i="2" a="1"/>
  <c r="F914" i="2" s="1"/>
  <c r="F900" i="2" a="1"/>
  <c r="F900" i="2" s="1"/>
  <c r="F916" i="2" a="1"/>
  <c r="F916" i="2" s="1"/>
  <c r="F920" i="2" a="1"/>
  <c r="F920" i="2" s="1"/>
  <c r="F921" i="2" a="1"/>
  <c r="F921" i="2" s="1"/>
  <c r="F906" i="2" a="1"/>
  <c r="F906" i="2" s="1"/>
  <c r="F911" i="2" a="1"/>
  <c r="F911" i="2" s="1"/>
  <c r="F905" i="2" a="1"/>
  <c r="F905" i="2" s="1"/>
  <c r="F904" i="2" a="1"/>
  <c r="F904" i="2" s="1"/>
  <c r="H8482" i="2" a="1"/>
  <c r="H8482" i="2" s="1"/>
  <c r="H8501" i="2" a="1"/>
  <c r="H8501" i="2" s="1"/>
  <c r="H8488" i="2" a="1"/>
  <c r="H8488" i="2" s="1"/>
  <c r="H8503" i="2" a="1"/>
  <c r="H8503" i="2" s="1"/>
  <c r="H8489" i="2" a="1"/>
  <c r="H8489" i="2" s="1"/>
  <c r="H8502" i="2" a="1"/>
  <c r="H8502" i="2" s="1"/>
  <c r="H8486" i="2" a="1"/>
  <c r="H8486" i="2" s="1"/>
  <c r="H8497" i="2" a="1"/>
  <c r="H8497" i="2" s="1"/>
  <c r="H8498" i="2" a="1"/>
  <c r="H8498" i="2" s="1"/>
  <c r="H8484" i="2" a="1"/>
  <c r="H8484" i="2" s="1"/>
  <c r="H8500" i="2" a="1"/>
  <c r="H8500" i="2" s="1"/>
  <c r="H8493" i="2" a="1"/>
  <c r="H8493" i="2" s="1"/>
  <c r="H8485" i="2" a="1"/>
  <c r="H8485" i="2" s="1"/>
  <c r="H8495" i="2" a="1"/>
  <c r="H8495" i="2" s="1"/>
  <c r="F1602" i="2" a="1"/>
  <c r="F1602" i="2" s="1"/>
  <c r="F1609" i="2" a="1"/>
  <c r="F1609" i="2" s="1"/>
  <c r="F1599" i="2" a="1"/>
  <c r="F1599" i="2" s="1"/>
  <c r="F1608" i="2" a="1"/>
  <c r="F1608" i="2" s="1"/>
  <c r="F1604" i="2" a="1"/>
  <c r="F1604" i="2" s="1"/>
  <c r="E774" i="2" a="1"/>
  <c r="E774" i="2" s="1"/>
  <c r="E761" i="2" a="1"/>
  <c r="E761" i="2" s="1"/>
  <c r="E767" i="2" a="1"/>
  <c r="E767" i="2" s="1"/>
  <c r="E775" i="2" a="1"/>
  <c r="E775" i="2" s="1"/>
  <c r="E763" i="2" a="1"/>
  <c r="E763" i="2" s="1"/>
  <c r="F410" i="2" a="1"/>
  <c r="F410" i="2" s="1"/>
  <c r="F401" i="2" a="1"/>
  <c r="F401" i="2" s="1"/>
  <c r="F416" i="2" a="1"/>
  <c r="F416" i="2" s="1"/>
  <c r="F403" i="2" a="1"/>
  <c r="F403" i="2" s="1"/>
  <c r="F405" i="2" a="1"/>
  <c r="F405" i="2" s="1"/>
  <c r="F413" i="2" a="1"/>
  <c r="F413" i="2" s="1"/>
  <c r="F402" i="2" a="1"/>
  <c r="F402" i="2" s="1"/>
  <c r="E7382" i="2" a="1"/>
  <c r="E7382" i="2" s="1"/>
  <c r="E7385" i="2" a="1"/>
  <c r="E7385" i="2" s="1"/>
  <c r="E7396" i="2" a="1"/>
  <c r="E7396" i="2" s="1"/>
  <c r="E7397" i="2" a="1"/>
  <c r="E7397" i="2" s="1"/>
  <c r="D2801" i="2" a="1"/>
  <c r="D2801" i="2" s="1"/>
  <c r="D2799" i="2" a="1"/>
  <c r="D2799" i="2" s="1"/>
  <c r="D2803" i="2" a="1"/>
  <c r="D2803" i="2" s="1"/>
  <c r="D2811" i="2" a="1"/>
  <c r="D2811" i="2" s="1"/>
  <c r="D2815" i="2" a="1"/>
  <c r="D2815" i="2" s="1"/>
  <c r="F1621" i="2" a="1"/>
  <c r="F1621" i="2" s="1"/>
  <c r="F1626" i="2" a="1"/>
  <c r="F1626" i="2" s="1"/>
  <c r="F1635" i="2" a="1"/>
  <c r="F1635" i="2" s="1"/>
  <c r="F1627" i="2" a="1"/>
  <c r="F1627" i="2" s="1"/>
  <c r="F1636" i="2" a="1"/>
  <c r="F1636" i="2" s="1"/>
  <c r="F1623" i="2" a="1"/>
  <c r="F1623" i="2" s="1"/>
  <c r="F1618" i="2" a="1"/>
  <c r="F1618" i="2" s="1"/>
  <c r="F1634" i="2" a="1"/>
  <c r="F1634" i="2" s="1"/>
  <c r="F1620" i="2" a="1"/>
  <c r="F1620" i="2" s="1"/>
  <c r="F1632" i="2" a="1"/>
  <c r="F1632" i="2" s="1"/>
  <c r="G2714" i="2" a="1"/>
  <c r="G2714" i="2" s="1"/>
  <c r="G2709" i="2" a="1"/>
  <c r="G2709" i="2" s="1"/>
  <c r="G2706" i="2" a="1"/>
  <c r="G2706" i="2" s="1"/>
  <c r="G2710" i="2" a="1"/>
  <c r="G2710" i="2" s="1"/>
  <c r="F192" i="2" a="1"/>
  <c r="F192" i="2" s="1"/>
  <c r="F179" i="2" a="1"/>
  <c r="F179" i="2" s="1"/>
  <c r="G8141" i="2" a="1"/>
  <c r="G8141" i="2" s="1"/>
  <c r="G8129" i="2" a="1"/>
  <c r="G8129" i="2" s="1"/>
  <c r="G8126" i="2" a="1"/>
  <c r="G8126" i="2" s="1"/>
  <c r="G8124" i="2" a="1"/>
  <c r="G8124" i="2" s="1"/>
  <c r="G8137" i="2" a="1"/>
  <c r="G8137" i="2" s="1"/>
  <c r="G8144" i="2" a="1"/>
  <c r="G8144" i="2" s="1"/>
  <c r="G8132" i="2" a="1"/>
  <c r="G8132" i="2" s="1"/>
  <c r="G8128" i="2" a="1"/>
  <c r="G8128" i="2" s="1"/>
  <c r="G8138" i="2" a="1"/>
  <c r="G8138" i="2" s="1"/>
  <c r="G8139" i="2" a="1"/>
  <c r="G8139" i="2" s="1"/>
  <c r="G8136" i="2" a="1"/>
  <c r="G8136" i="2" s="1"/>
  <c r="G8142" i="2" a="1"/>
  <c r="G8142" i="2" s="1"/>
  <c r="E2544" i="2" a="1"/>
  <c r="E2544" i="2" s="1"/>
  <c r="E2552" i="2" a="1"/>
  <c r="E2552" i="2" s="1"/>
  <c r="E2533" i="2" a="1"/>
  <c r="E2533" i="2" s="1"/>
  <c r="E2548" i="2" a="1"/>
  <c r="E2548" i="2" s="1"/>
  <c r="E2532" i="2" a="1"/>
  <c r="E2532" i="2" s="1"/>
  <c r="E2536" i="2" a="1"/>
  <c r="E2536" i="2" s="1"/>
  <c r="E2534" i="2" a="1"/>
  <c r="E2534" i="2" s="1"/>
  <c r="H3490" i="2" a="1"/>
  <c r="H3490" i="2" s="1"/>
  <c r="H3502" i="2" a="1"/>
  <c r="H3502" i="2" s="1"/>
  <c r="H3491" i="2" a="1"/>
  <c r="H3491" i="2" s="1"/>
  <c r="AP65" i="1"/>
  <c r="F71" i="5" s="1"/>
  <c r="AO65" i="1"/>
  <c r="E71" i="5" s="1"/>
  <c r="AN65" i="1"/>
  <c r="D71" i="5" s="1"/>
  <c r="E7933" i="2" a="1"/>
  <c r="E7933" i="2" s="1"/>
  <c r="K7933" i="2" s="1"/>
  <c r="K7907" i="5" s="1"/>
  <c r="O7907" i="5" s="1"/>
  <c r="E7936" i="2" a="1"/>
  <c r="E7936" i="2" s="1"/>
  <c r="E7937" i="2" a="1"/>
  <c r="E7937" i="2" s="1"/>
  <c r="E7942" i="2" a="1"/>
  <c r="E7942" i="2" s="1"/>
  <c r="E7931" i="2" a="1"/>
  <c r="E7931" i="2" s="1"/>
  <c r="E7940" i="2" a="1"/>
  <c r="E7940" i="2" s="1"/>
  <c r="E7941" i="2" a="1"/>
  <c r="E7941" i="2" s="1"/>
  <c r="E7944" i="2" a="1"/>
  <c r="E7944" i="2" s="1"/>
  <c r="E7943" i="2" a="1"/>
  <c r="E7943" i="2" s="1"/>
  <c r="G2713" i="2" a="1"/>
  <c r="G2713" i="2" s="1"/>
  <c r="E7386" i="2" a="1"/>
  <c r="E7386" i="2" s="1"/>
  <c r="F404" i="2" a="1"/>
  <c r="F404" i="2" s="1"/>
  <c r="E765" i="2" a="1"/>
  <c r="E765" i="2" s="1"/>
  <c r="D2914" i="2" a="1"/>
  <c r="D2914" i="2" s="1"/>
  <c r="D2809" i="2" a="1"/>
  <c r="D2809" i="2" s="1"/>
  <c r="F913" i="2" a="1"/>
  <c r="F913" i="2" s="1"/>
  <c r="G8143" i="2" a="1"/>
  <c r="G8143" i="2" s="1"/>
  <c r="H6336" i="2" a="1"/>
  <c r="H6336" i="2" s="1"/>
  <c r="G2719" i="2" a="1"/>
  <c r="G2719" i="2" s="1"/>
  <c r="E7383" i="2" a="1"/>
  <c r="E7383" i="2" s="1"/>
  <c r="F409" i="2" a="1"/>
  <c r="F409" i="2" s="1"/>
  <c r="D2918" i="2" a="1"/>
  <c r="D2918" i="2" s="1"/>
  <c r="D2805" i="2" a="1"/>
  <c r="D2805" i="2" s="1"/>
  <c r="F902" i="2" a="1"/>
  <c r="F902" i="2" s="1"/>
  <c r="G8125" i="2" a="1"/>
  <c r="G8125" i="2" s="1"/>
  <c r="H6338" i="2" a="1"/>
  <c r="H6338" i="2" s="1"/>
  <c r="F3447" i="2" a="1"/>
  <c r="F3447" i="2" s="1"/>
  <c r="G2699" i="2" a="1"/>
  <c r="G2699" i="2" s="1"/>
  <c r="E7393" i="2" a="1"/>
  <c r="E7393" i="2" s="1"/>
  <c r="F408" i="2" a="1"/>
  <c r="F408" i="2" s="1"/>
  <c r="E759" i="2" a="1"/>
  <c r="E759" i="2" s="1"/>
  <c r="F1600" i="2" a="1"/>
  <c r="F1600" i="2" s="1"/>
  <c r="D2932" i="2" a="1"/>
  <c r="D2932" i="2" s="1"/>
  <c r="D2817" i="2" a="1"/>
  <c r="D2817" i="2" s="1"/>
  <c r="F919" i="2" a="1"/>
  <c r="F919" i="2" s="1"/>
  <c r="G8134" i="2" a="1"/>
  <c r="G8134" i="2" s="1"/>
  <c r="H6335" i="2" a="1"/>
  <c r="H6335" i="2" s="1"/>
  <c r="F3445" i="2" a="1"/>
  <c r="F3445" i="2" s="1"/>
  <c r="F411" i="2" a="1"/>
  <c r="F411" i="2" s="1"/>
  <c r="E755" i="2" a="1"/>
  <c r="E755" i="2" s="1"/>
  <c r="F1610" i="2" a="1"/>
  <c r="F1610" i="2" s="1"/>
  <c r="D2813" i="2" a="1"/>
  <c r="D2813" i="2" s="1"/>
  <c r="F910" i="2" a="1"/>
  <c r="F910" i="2" s="1"/>
  <c r="G2702" i="2" a="1"/>
  <c r="G2702" i="2" s="1"/>
  <c r="E7392" i="2" a="1"/>
  <c r="E7392" i="2" s="1"/>
  <c r="F406" i="2" a="1"/>
  <c r="F406" i="2" s="1"/>
  <c r="E777" i="2" a="1"/>
  <c r="E777" i="2" s="1"/>
  <c r="F1614" i="2" a="1"/>
  <c r="F1614" i="2" s="1"/>
  <c r="D2927" i="2" a="1"/>
  <c r="D2927" i="2" s="1"/>
  <c r="D2797" i="2" a="1"/>
  <c r="D2797" i="2" s="1"/>
  <c r="F918" i="2" a="1"/>
  <c r="F918" i="2" s="1"/>
  <c r="F6873" i="2" a="1"/>
  <c r="F6873" i="2" s="1"/>
  <c r="F6872" i="2" a="1"/>
  <c r="F6872" i="2" s="1"/>
  <c r="F6867" i="2" a="1"/>
  <c r="F6867" i="2" s="1"/>
  <c r="F6854" i="2" a="1"/>
  <c r="F6854" i="2" s="1"/>
  <c r="F6859" i="2" a="1"/>
  <c r="F6859" i="2" s="1"/>
  <c r="F6871" i="2" a="1"/>
  <c r="F6871" i="2" s="1"/>
  <c r="F6865" i="2" a="1"/>
  <c r="F6865" i="2" s="1"/>
  <c r="F6850" i="2" a="1"/>
  <c r="F6850" i="2" s="1"/>
  <c r="H1739" i="2" a="1"/>
  <c r="H1739" i="2" s="1"/>
  <c r="H1738" i="2" a="1"/>
  <c r="H1738" i="2" s="1"/>
  <c r="H1745" i="2" a="1"/>
  <c r="H1745" i="2" s="1"/>
  <c r="H1758" i="2" a="1"/>
  <c r="H1758" i="2" s="1"/>
  <c r="H1751" i="2" a="1"/>
  <c r="H1751" i="2" s="1"/>
  <c r="H1748" i="2" a="1"/>
  <c r="H1748" i="2" s="1"/>
  <c r="H1753" i="2" a="1"/>
  <c r="H1753" i="2" s="1"/>
  <c r="H1749" i="2" a="1"/>
  <c r="H1749" i="2" s="1"/>
  <c r="H1759" i="2" a="1"/>
  <c r="H1759" i="2" s="1"/>
  <c r="H1760" i="2" a="1"/>
  <c r="H1760" i="2" s="1"/>
  <c r="H1750" i="2" a="1"/>
  <c r="H1750" i="2" s="1"/>
  <c r="H1742" i="2" a="1"/>
  <c r="H1742" i="2" s="1"/>
  <c r="G1194" i="2" a="1"/>
  <c r="G1194" i="2" s="1"/>
  <c r="G1198" i="2" a="1"/>
  <c r="G1198" i="2" s="1"/>
  <c r="G1200" i="2" a="1"/>
  <c r="G1200" i="2" s="1"/>
  <c r="G1204" i="2" a="1"/>
  <c r="G1204" i="2" s="1"/>
  <c r="G1205" i="2" a="1"/>
  <c r="G1205" i="2" s="1"/>
  <c r="G1208" i="2" a="1"/>
  <c r="G1208" i="2" s="1"/>
  <c r="H5641" i="2" a="1"/>
  <c r="H5641" i="2" s="1"/>
  <c r="H5632" i="2" a="1"/>
  <c r="H5632" i="2" s="1"/>
  <c r="H5638" i="2" a="1"/>
  <c r="H5638" i="2" s="1"/>
  <c r="H5649" i="2" a="1"/>
  <c r="H5649" i="2" s="1"/>
  <c r="H5648" i="2" a="1"/>
  <c r="H5648" i="2" s="1"/>
  <c r="H5635" i="2" a="1"/>
  <c r="H5635" i="2" s="1"/>
  <c r="H5634" i="2" a="1"/>
  <c r="H5634" i="2" s="1"/>
  <c r="H5629" i="2" a="1"/>
  <c r="H5629" i="2" s="1"/>
  <c r="H5637" i="2" a="1"/>
  <c r="H5637" i="2" s="1"/>
  <c r="H5538" i="2" a="1"/>
  <c r="H5538" i="2" s="1"/>
  <c r="H5540" i="2" a="1"/>
  <c r="H5540" i="2" s="1"/>
  <c r="H5536" i="2" a="1"/>
  <c r="H5536" i="2" s="1"/>
  <c r="H5541" i="2" a="1"/>
  <c r="H5541" i="2" s="1"/>
  <c r="H5548" i="2" a="1"/>
  <c r="H5548" i="2" s="1"/>
  <c r="H5534" i="2" a="1"/>
  <c r="H5534" i="2" s="1"/>
  <c r="H5531" i="2" a="1"/>
  <c r="H5531" i="2" s="1"/>
  <c r="D5469" i="2" a="1"/>
  <c r="D5469" i="2" s="1"/>
  <c r="F388" i="2" a="1"/>
  <c r="F388" i="2" s="1"/>
  <c r="F379" i="2" a="1"/>
  <c r="F379" i="2" s="1"/>
  <c r="F372" i="2" a="1"/>
  <c r="F372" i="2" s="1"/>
  <c r="F378" i="2" a="1"/>
  <c r="F378" i="2" s="1"/>
  <c r="F384" i="2" a="1"/>
  <c r="F384" i="2" s="1"/>
  <c r="F393" i="2" a="1"/>
  <c r="F393" i="2" s="1"/>
  <c r="F374" i="2" a="1"/>
  <c r="F374" i="2" s="1"/>
  <c r="D7110" i="2" a="1"/>
  <c r="D7110" i="2" s="1"/>
  <c r="L7110" i="2" s="1"/>
  <c r="L7084" i="5" s="1"/>
  <c r="D7092" i="2" a="1"/>
  <c r="D7092" i="2" s="1"/>
  <c r="D7094" i="2" a="1"/>
  <c r="D7094" i="2" s="1"/>
  <c r="D7099" i="2" a="1"/>
  <c r="D7099" i="2" s="1"/>
  <c r="D7105" i="2" a="1"/>
  <c r="D7105" i="2" s="1"/>
  <c r="D7091" i="2" a="1"/>
  <c r="D7091" i="2" s="1"/>
  <c r="D7101" i="2" a="1"/>
  <c r="D7101" i="2" s="1"/>
  <c r="H1752" i="2" a="1"/>
  <c r="H1752" i="2" s="1"/>
  <c r="H5535" i="2" a="1"/>
  <c r="H5535" i="2" s="1"/>
  <c r="E8547" i="2" a="1"/>
  <c r="E8547" i="2" s="1"/>
  <c r="E8550" i="2" a="1"/>
  <c r="E8550" i="2" s="1"/>
  <c r="E8542" i="2" a="1"/>
  <c r="E8542" i="2" s="1"/>
  <c r="E8544" i="2" a="1"/>
  <c r="E8544" i="2" s="1"/>
  <c r="E8551" i="2" a="1"/>
  <c r="E8551" i="2" s="1"/>
  <c r="H7163" i="2" a="1"/>
  <c r="H7163" i="2" s="1"/>
  <c r="H7180" i="2" a="1"/>
  <c r="H7180" i="2" s="1"/>
  <c r="H7177" i="2" a="1"/>
  <c r="H7177" i="2" s="1"/>
  <c r="H7175" i="2" a="1"/>
  <c r="H7175" i="2" s="1"/>
  <c r="H7185" i="2" a="1"/>
  <c r="H7185" i="2" s="1"/>
  <c r="H7184" i="2" a="1"/>
  <c r="H7184" i="2" s="1"/>
  <c r="H7172" i="2" a="1"/>
  <c r="H7172" i="2" s="1"/>
  <c r="H7174" i="2" a="1"/>
  <c r="H7174" i="2" s="1"/>
  <c r="H7173" i="2" a="1"/>
  <c r="H7173" i="2" s="1"/>
  <c r="H7169" i="2" a="1"/>
  <c r="H7169" i="2" s="1"/>
  <c r="H7166" i="2" a="1"/>
  <c r="H7166" i="2" s="1"/>
  <c r="E243" i="2" a="1"/>
  <c r="E243" i="2" s="1"/>
  <c r="E230" i="2" a="1"/>
  <c r="E230" i="2" s="1"/>
  <c r="E239" i="2" a="1"/>
  <c r="E239" i="2" s="1"/>
  <c r="E246" i="2" a="1"/>
  <c r="E246" i="2" s="1"/>
  <c r="E242" i="2" a="1"/>
  <c r="E242" i="2" s="1"/>
  <c r="E232" i="2" a="1"/>
  <c r="E232" i="2" s="1"/>
  <c r="E231" i="2" a="1"/>
  <c r="E231" i="2" s="1"/>
  <c r="E244" i="2" a="1"/>
  <c r="E244" i="2" s="1"/>
  <c r="E237" i="2" a="1"/>
  <c r="E237" i="2" s="1"/>
  <c r="E234" i="2" a="1"/>
  <c r="E234" i="2" s="1"/>
  <c r="E238" i="2" a="1"/>
  <c r="E238" i="2" s="1"/>
  <c r="E235" i="2" a="1"/>
  <c r="E235" i="2" s="1"/>
  <c r="E241" i="2" a="1"/>
  <c r="E241" i="2" s="1"/>
  <c r="E3388" i="2" a="1"/>
  <c r="E3388" i="2" s="1"/>
  <c r="E3387" i="2" a="1"/>
  <c r="E3387" i="2" s="1"/>
  <c r="E3393" i="2" a="1"/>
  <c r="E3393" i="2" s="1"/>
  <c r="E3373" i="2" a="1"/>
  <c r="E3373" i="2" s="1"/>
  <c r="E3372" i="2" a="1"/>
  <c r="E3372" i="2" s="1"/>
  <c r="E3390" i="2" a="1"/>
  <c r="E3390" i="2" s="1"/>
  <c r="AM228" i="1"/>
  <c r="D5459" i="2" a="1"/>
  <c r="D5459" i="2" s="1"/>
  <c r="D5479" i="2" a="1"/>
  <c r="D5479" i="2" s="1"/>
  <c r="D5460" i="2" a="1"/>
  <c r="D5460" i="2" s="1"/>
  <c r="D5468" i="2" a="1"/>
  <c r="D5468" i="2" s="1"/>
  <c r="D5467" i="2" a="1"/>
  <c r="D5467" i="2" s="1"/>
  <c r="AQ228" i="1"/>
  <c r="G234" i="5" s="1"/>
  <c r="E6647" i="2" a="1"/>
  <c r="E6647" i="2" s="1"/>
  <c r="AM277" i="1"/>
  <c r="H6079" i="2" a="1"/>
  <c r="H6079" i="2" s="1"/>
  <c r="H6065" i="2" a="1"/>
  <c r="H6065" i="2" s="1"/>
  <c r="H6072" i="2" a="1"/>
  <c r="H6072" i="2" s="1"/>
  <c r="H6061" i="2" a="1"/>
  <c r="H6061" i="2" s="1"/>
  <c r="AQ326" i="1"/>
  <c r="G332" i="5" s="1"/>
  <c r="AN326" i="1"/>
  <c r="D332" i="5" s="1"/>
  <c r="AM326" i="1"/>
  <c r="H5909" i="2" a="1"/>
  <c r="H5909" i="2" s="1"/>
  <c r="H5900" i="2" a="1"/>
  <c r="H5900" i="2" s="1"/>
  <c r="H5898" i="2" a="1"/>
  <c r="H5898" i="2" s="1"/>
  <c r="H5899" i="2" a="1"/>
  <c r="H5899" i="2" s="1"/>
  <c r="H5906" i="2" a="1"/>
  <c r="H5906" i="2" s="1"/>
  <c r="H5890" i="2" a="1"/>
  <c r="H5890" i="2" s="1"/>
  <c r="H5903" i="2" a="1"/>
  <c r="H5903" i="2" s="1"/>
  <c r="H5892" i="2" a="1"/>
  <c r="H5892" i="2" s="1"/>
  <c r="H8321" i="2" a="1"/>
  <c r="H8321" i="2" s="1"/>
  <c r="H8319" i="2" a="1"/>
  <c r="H8319" i="2" s="1"/>
  <c r="H8335" i="2" a="1"/>
  <c r="H8335" i="2" s="1"/>
  <c r="H8317" i="2" a="1"/>
  <c r="H8317" i="2" s="1"/>
  <c r="H8329" i="2" a="1"/>
  <c r="H8329" i="2" s="1"/>
  <c r="E8373" i="2" a="1"/>
  <c r="E8373" i="2" s="1"/>
  <c r="E8369" i="2" a="1"/>
  <c r="E8369" i="2" s="1"/>
  <c r="E8381" i="2" a="1"/>
  <c r="E8381" i="2" s="1"/>
  <c r="E8385" i="2" a="1"/>
  <c r="E8385" i="2" s="1"/>
  <c r="E8364" i="2" a="1"/>
  <c r="E8364" i="2" s="1"/>
  <c r="E8378" i="2" a="1"/>
  <c r="E8378" i="2" s="1"/>
  <c r="E8382" i="2" a="1"/>
  <c r="E8382" i="2" s="1"/>
  <c r="E8374" i="2" a="1"/>
  <c r="E8374" i="2" s="1"/>
  <c r="E8383" i="2" a="1"/>
  <c r="E8383" i="2" s="1"/>
  <c r="E8366" i="2" a="1"/>
  <c r="E8366" i="2" s="1"/>
  <c r="H860" i="2" a="1"/>
  <c r="H860" i="2" s="1"/>
  <c r="H864" i="2" a="1"/>
  <c r="H864" i="2" s="1"/>
  <c r="H861" i="2" a="1"/>
  <c r="H861" i="2" s="1"/>
  <c r="H871" i="2" a="1"/>
  <c r="H871" i="2" s="1"/>
  <c r="H866" i="2" a="1"/>
  <c r="H866" i="2" s="1"/>
  <c r="H850" i="2" a="1"/>
  <c r="H850" i="2" s="1"/>
  <c r="H855" i="2" a="1"/>
  <c r="H855" i="2" s="1"/>
  <c r="H853" i="2" a="1"/>
  <c r="H853" i="2" s="1"/>
  <c r="H859" i="2" a="1"/>
  <c r="H859" i="2" s="1"/>
  <c r="H856" i="2" a="1"/>
  <c r="H856" i="2" s="1"/>
  <c r="H858" i="2" a="1"/>
  <c r="H858" i="2" s="1"/>
  <c r="D2652" i="2" a="1"/>
  <c r="D2652" i="2" s="1"/>
  <c r="D2660" i="2" a="1"/>
  <c r="D2660" i="2" s="1"/>
  <c r="D2664" i="2" a="1"/>
  <c r="D2664" i="2" s="1"/>
  <c r="D2672" i="2" a="1"/>
  <c r="D2672" i="2" s="1"/>
  <c r="D2668" i="2" a="1"/>
  <c r="D2668" i="2" s="1"/>
  <c r="D2661" i="2" a="1"/>
  <c r="D2661" i="2" s="1"/>
  <c r="D2651" i="2" a="1"/>
  <c r="D2651" i="2" s="1"/>
  <c r="D2656" i="2" a="1"/>
  <c r="D2656" i="2" s="1"/>
  <c r="D2655" i="2" a="1"/>
  <c r="D2655" i="2" s="1"/>
  <c r="D2659" i="2" a="1"/>
  <c r="D2659" i="2" s="1"/>
  <c r="D2663" i="2" a="1"/>
  <c r="D2663" i="2" s="1"/>
  <c r="D2650" i="2" a="1"/>
  <c r="D2650" i="2" s="1"/>
  <c r="D2665" i="2" a="1"/>
  <c r="D2665" i="2" s="1"/>
  <c r="F61" i="2" a="1"/>
  <c r="F61" i="2" s="1"/>
  <c r="H8314" i="2" a="1"/>
  <c r="H8314" i="2" s="1"/>
  <c r="F6864" i="2" a="1"/>
  <c r="F6864" i="2" s="1"/>
  <c r="E8362" i="2" a="1"/>
  <c r="E8362" i="2" s="1"/>
  <c r="E233" i="2" a="1"/>
  <c r="E233" i="2" s="1"/>
  <c r="H5626" i="2" a="1"/>
  <c r="H5626" i="2" s="1"/>
  <c r="G1878" i="2" a="1"/>
  <c r="G1878" i="2" s="1"/>
  <c r="F68" i="2" a="1"/>
  <c r="F68" i="2" s="1"/>
  <c r="H2293" i="2" a="1"/>
  <c r="H2293" i="2" s="1"/>
  <c r="H8316" i="2" a="1"/>
  <c r="H8316" i="2" s="1"/>
  <c r="F6866" i="2" a="1"/>
  <c r="F6866" i="2" s="1"/>
  <c r="E248" i="2" a="1"/>
  <c r="E248" i="2" s="1"/>
  <c r="H5628" i="2" a="1"/>
  <c r="H5628" i="2" s="1"/>
  <c r="G1859" i="2" a="1"/>
  <c r="G1859" i="2" s="1"/>
  <c r="F79" i="2" a="1"/>
  <c r="F79" i="2" s="1"/>
  <c r="H2310" i="2" a="1"/>
  <c r="H2310" i="2" s="1"/>
  <c r="H8334" i="2" a="1"/>
  <c r="H8334" i="2" s="1"/>
  <c r="F6868" i="2" a="1"/>
  <c r="F6868" i="2" s="1"/>
  <c r="E227" i="2" a="1"/>
  <c r="E227" i="2" s="1"/>
  <c r="H5646" i="2" a="1"/>
  <c r="H5646" i="2" s="1"/>
  <c r="D2667" i="2" a="1"/>
  <c r="D2667" i="2" s="1"/>
  <c r="G1867" i="2" a="1"/>
  <c r="G1867" i="2" s="1"/>
  <c r="F63" i="2" a="1"/>
  <c r="F63" i="2" s="1"/>
  <c r="H2309" i="2" a="1"/>
  <c r="H2309" i="2" s="1"/>
  <c r="H8331" i="2" a="1"/>
  <c r="H8331" i="2" s="1"/>
  <c r="F6870" i="2" a="1"/>
  <c r="F6870" i="2" s="1"/>
  <c r="E226" i="2" a="1"/>
  <c r="E226" i="2" s="1"/>
  <c r="D2670" i="2" a="1"/>
  <c r="D2670" i="2" s="1"/>
  <c r="G1874" i="2" a="1"/>
  <c r="G1874" i="2" s="1"/>
  <c r="H2307" i="2" a="1"/>
  <c r="H2307" i="2" s="1"/>
  <c r="H8330" i="2" a="1"/>
  <c r="H8330" i="2" s="1"/>
  <c r="E3378" i="2" a="1"/>
  <c r="E3378" i="2" s="1"/>
  <c r="F6851" i="2" a="1"/>
  <c r="F6851" i="2" s="1"/>
  <c r="E240" i="2" a="1"/>
  <c r="E240" i="2" s="1"/>
  <c r="H1743" i="2" a="1"/>
  <c r="H1743" i="2" s="1"/>
  <c r="D2671" i="2" a="1"/>
  <c r="D2671" i="2" s="1"/>
  <c r="F6086" i="2" a="1"/>
  <c r="F6086" i="2" s="1"/>
  <c r="F6093" i="2" a="1"/>
  <c r="F6093" i="2" s="1"/>
  <c r="F6088" i="2" a="1"/>
  <c r="F6088" i="2" s="1"/>
  <c r="F6097" i="2" a="1"/>
  <c r="F6097" i="2" s="1"/>
  <c r="F6089" i="2" a="1"/>
  <c r="F6089" i="2" s="1"/>
  <c r="F6102" i="2" a="1"/>
  <c r="F6102" i="2" s="1"/>
  <c r="E2504" i="2" a="1"/>
  <c r="E2504" i="2" s="1"/>
  <c r="E2497" i="2" a="1"/>
  <c r="E2497" i="2" s="1"/>
  <c r="E2502" i="2" a="1"/>
  <c r="E2502" i="2" s="1"/>
  <c r="E2503" i="2" a="1"/>
  <c r="E2503" i="2" s="1"/>
  <c r="E2505" i="2" a="1"/>
  <c r="E2505" i="2" s="1"/>
  <c r="E2493" i="2" a="1"/>
  <c r="E2493" i="2" s="1"/>
  <c r="F1267" i="2" a="1"/>
  <c r="F1267" i="2" s="1"/>
  <c r="F1281" i="2" a="1"/>
  <c r="F1281" i="2" s="1"/>
  <c r="F1262" i="2" a="1"/>
  <c r="F1262" i="2" s="1"/>
  <c r="F1260" i="2" a="1"/>
  <c r="F1260" i="2" s="1"/>
  <c r="F1271" i="2" a="1"/>
  <c r="F1271" i="2" s="1"/>
  <c r="F1269" i="2" a="1"/>
  <c r="F1269" i="2" s="1"/>
  <c r="F1263" i="2" a="1"/>
  <c r="F1263" i="2" s="1"/>
  <c r="F1280" i="2" a="1"/>
  <c r="F1280" i="2" s="1"/>
  <c r="F1275" i="2" a="1"/>
  <c r="F1275" i="2" s="1"/>
  <c r="F8655" i="2" a="1"/>
  <c r="F8655" i="2" s="1"/>
  <c r="F8656" i="2" a="1"/>
  <c r="F8656" i="2" s="1"/>
  <c r="F8668" i="2" a="1"/>
  <c r="F8668" i="2" s="1"/>
  <c r="F8658" i="2" a="1"/>
  <c r="F8658" i="2" s="1"/>
  <c r="F8671" i="2" a="1"/>
  <c r="F8671" i="2" s="1"/>
  <c r="F8660" i="2" a="1"/>
  <c r="F8660" i="2" s="1"/>
  <c r="F8728" i="2" a="1"/>
  <c r="F8728" i="2" s="1"/>
  <c r="F8725" i="2" a="1"/>
  <c r="F8725" i="2" s="1"/>
  <c r="F8732" i="2" a="1"/>
  <c r="F8732" i="2" s="1"/>
  <c r="F8726" i="2" a="1"/>
  <c r="F8726" i="2" s="1"/>
  <c r="F8734" i="2" a="1"/>
  <c r="F8734" i="2" s="1"/>
  <c r="AM240" i="1"/>
  <c r="G4910" i="2" a="1"/>
  <c r="G4910" i="2" s="1"/>
  <c r="G4918" i="2" a="1"/>
  <c r="G4918" i="2" s="1"/>
  <c r="D1645" i="2" a="1"/>
  <c r="D1645" i="2" s="1"/>
  <c r="D1660" i="2" a="1"/>
  <c r="D1660" i="2" s="1"/>
  <c r="K1660" i="2" s="1"/>
  <c r="K1634" i="5" s="1"/>
  <c r="O1634" i="5" s="1"/>
  <c r="D1275" i="2" a="1"/>
  <c r="D1275" i="2" s="1"/>
  <c r="M1275" i="2" s="1"/>
  <c r="M1249" i="5" s="1"/>
  <c r="AN53" i="1"/>
  <c r="D59" i="5" s="1"/>
  <c r="AQ53" i="1"/>
  <c r="G59" i="5" s="1"/>
  <c r="D1267" i="2" a="1"/>
  <c r="D1267" i="2" s="1"/>
  <c r="E1244" i="2" a="1"/>
  <c r="E1244" i="2" s="1"/>
  <c r="E1248" i="2" a="1"/>
  <c r="E1248" i="2" s="1"/>
  <c r="E1245" i="2" a="1"/>
  <c r="E1245" i="2" s="1"/>
  <c r="E1252" i="2" a="1"/>
  <c r="E1252" i="2" s="1"/>
  <c r="E1243" i="2" a="1"/>
  <c r="E1243" i="2" s="1"/>
  <c r="E1246" i="2" a="1"/>
  <c r="E1246" i="2" s="1"/>
  <c r="E1251" i="2" a="1"/>
  <c r="E1251" i="2" s="1"/>
  <c r="E1235" i="2" a="1"/>
  <c r="E1235" i="2" s="1"/>
  <c r="E1249" i="2" a="1"/>
  <c r="E1249" i="2" s="1"/>
  <c r="E1240" i="2" a="1"/>
  <c r="E1240" i="2" s="1"/>
  <c r="E4976" i="2" a="1"/>
  <c r="E4976" i="2" s="1"/>
  <c r="E4969" i="2" a="1"/>
  <c r="E4969" i="2" s="1"/>
  <c r="E4963" i="2" a="1"/>
  <c r="E4963" i="2" s="1"/>
  <c r="E4971" i="2" a="1"/>
  <c r="E4971" i="2" s="1"/>
  <c r="E4970" i="2" a="1"/>
  <c r="E4970" i="2" s="1"/>
  <c r="E4957" i="2" a="1"/>
  <c r="E4957" i="2" s="1"/>
  <c r="E4964" i="2" a="1"/>
  <c r="E4964" i="2" s="1"/>
  <c r="I4964" i="2" s="1"/>
  <c r="I4938" i="5" s="1"/>
  <c r="E4967" i="2" a="1"/>
  <c r="E4967" i="2" s="1"/>
  <c r="E4973" i="2" a="1"/>
  <c r="E4973" i="2" s="1"/>
  <c r="D1806" i="2" a="1"/>
  <c r="D1806" i="2" s="1"/>
  <c r="H5767" i="2" a="1"/>
  <c r="H5767" i="2" s="1"/>
  <c r="F8085" i="2" a="1"/>
  <c r="F8085" i="2" s="1"/>
  <c r="F8074" i="2" a="1"/>
  <c r="F8074" i="2" s="1"/>
  <c r="G1483" i="2" a="1"/>
  <c r="G1483" i="2" s="1"/>
  <c r="F1272" i="2" a="1"/>
  <c r="F1272" i="2" s="1"/>
  <c r="F8672" i="2" a="1"/>
  <c r="F8672" i="2" s="1"/>
  <c r="E2487" i="2" a="1"/>
  <c r="E2487" i="2" s="1"/>
  <c r="F6092" i="2" a="1"/>
  <c r="F6092" i="2" s="1"/>
  <c r="D1258" i="2" a="1"/>
  <c r="D1258" i="2" s="1"/>
  <c r="E4958" i="2" a="1"/>
  <c r="E4958" i="2" s="1"/>
  <c r="D1786" i="2" a="1"/>
  <c r="D1786" i="2" s="1"/>
  <c r="H5751" i="2" a="1"/>
  <c r="H5751" i="2" s="1"/>
  <c r="F8086" i="2" a="1"/>
  <c r="F8086" i="2" s="1"/>
  <c r="F8084" i="2" a="1"/>
  <c r="F8084" i="2" s="1"/>
  <c r="G1479" i="2" a="1"/>
  <c r="G1479" i="2" s="1"/>
  <c r="F1270" i="2" a="1"/>
  <c r="F1270" i="2" s="1"/>
  <c r="F6094" i="2" a="1"/>
  <c r="F6094" i="2" s="1"/>
  <c r="D1271" i="2" a="1"/>
  <c r="D1271" i="2" s="1"/>
  <c r="E4955" i="2" a="1"/>
  <c r="E4955" i="2" s="1"/>
  <c r="D1809" i="2" a="1"/>
  <c r="D1809" i="2" s="1"/>
  <c r="H5756" i="2" a="1"/>
  <c r="H5756" i="2" s="1"/>
  <c r="F8090" i="2" a="1"/>
  <c r="F8090" i="2" s="1"/>
  <c r="G1482" i="2" a="1"/>
  <c r="G1482" i="2" s="1"/>
  <c r="F1274" i="2" a="1"/>
  <c r="F1274" i="2" s="1"/>
  <c r="F6084" i="2" a="1"/>
  <c r="F6084" i="2" s="1"/>
  <c r="D1259" i="2" a="1"/>
  <c r="D1259" i="2" s="1"/>
  <c r="E4962" i="2" a="1"/>
  <c r="E4962" i="2" s="1"/>
  <c r="D1794" i="2" a="1"/>
  <c r="D1794" i="2" s="1"/>
  <c r="H5760" i="2" a="1"/>
  <c r="H5760" i="2" s="1"/>
  <c r="F8075" i="2" a="1"/>
  <c r="F8075" i="2" s="1"/>
  <c r="G1491" i="2" a="1"/>
  <c r="G1491" i="2" s="1"/>
  <c r="F6105" i="2" a="1"/>
  <c r="F6105" i="2" s="1"/>
  <c r="D1265" i="2" a="1"/>
  <c r="D1265" i="2" s="1"/>
  <c r="E4960" i="2" a="1"/>
  <c r="E4960" i="2" s="1"/>
  <c r="F6096" i="2" a="1"/>
  <c r="F6096" i="2" s="1"/>
  <c r="G7696" i="2" a="1"/>
  <c r="G7696" i="2" s="1"/>
  <c r="M7696" i="2" s="1"/>
  <c r="M7670" i="5" s="1"/>
  <c r="D1278" i="2" a="1"/>
  <c r="D1278" i="2" s="1"/>
  <c r="E4959" i="2" a="1"/>
  <c r="E4959" i="2" s="1"/>
  <c r="G4906" i="2" a="1"/>
  <c r="G4906" i="2" s="1"/>
  <c r="H4871" i="2" a="1"/>
  <c r="H4871" i="2" s="1"/>
  <c r="E8028" i="2" a="1"/>
  <c r="E8028" i="2" s="1"/>
  <c r="F7042" i="2" a="1"/>
  <c r="F7042" i="2" s="1"/>
  <c r="F1257" i="2" a="1"/>
  <c r="F1257" i="2" s="1"/>
  <c r="H4863" i="2" a="1"/>
  <c r="H4863" i="2" s="1"/>
  <c r="H1269" i="2" a="1"/>
  <c r="H1269" i="2" s="1"/>
  <c r="F7051" i="2" a="1"/>
  <c r="F7051" i="2" s="1"/>
  <c r="F7062" i="2" a="1"/>
  <c r="F7062" i="2" s="1"/>
  <c r="F1236" i="2" a="1"/>
  <c r="F1236" i="2" s="1"/>
  <c r="H4867" i="2" a="1"/>
  <c r="H4867" i="2" s="1"/>
  <c r="H1265" i="2" a="1"/>
  <c r="H1265" i="2" s="1"/>
  <c r="F7056" i="2" a="1"/>
  <c r="F7056" i="2" s="1"/>
  <c r="F7052" i="2" a="1"/>
  <c r="F7052" i="2" s="1"/>
  <c r="F1243" i="2" a="1"/>
  <c r="F1243" i="2" s="1"/>
  <c r="H4859" i="2" a="1"/>
  <c r="H4859" i="2" s="1"/>
  <c r="H4879" i="2" a="1"/>
  <c r="H4879" i="2" s="1"/>
  <c r="H1270" i="2" a="1"/>
  <c r="H1270" i="2" s="1"/>
  <c r="F7065" i="2" a="1"/>
  <c r="F7065" i="2" s="1"/>
  <c r="F7050" i="2" a="1"/>
  <c r="F7050" i="2" s="1"/>
  <c r="F1235" i="2" a="1"/>
  <c r="F1235" i="2" s="1"/>
  <c r="H4874" i="2" a="1"/>
  <c r="H4874" i="2" s="1"/>
  <c r="H1278" i="2" a="1"/>
  <c r="H1278" i="2" s="1"/>
  <c r="F7045" i="2" a="1"/>
  <c r="F7045" i="2" s="1"/>
  <c r="AN33" i="1"/>
  <c r="D39" i="5" s="1"/>
  <c r="AQ94" i="1"/>
  <c r="G100" i="5" s="1"/>
  <c r="F1239" i="2" a="1"/>
  <c r="F1239" i="2" s="1"/>
  <c r="H4862" i="2" a="1"/>
  <c r="H4862" i="2" s="1"/>
  <c r="AM75" i="1"/>
  <c r="AO96" i="1"/>
  <c r="E102" i="5" s="1"/>
  <c r="G2615" i="2" a="1"/>
  <c r="G2615" i="2" s="1"/>
  <c r="E6059" i="2" a="1"/>
  <c r="E6059" i="2" s="1"/>
  <c r="G62" i="2" a="1"/>
  <c r="G62" i="2" s="1"/>
  <c r="F5962" i="2" a="1"/>
  <c r="F5962" i="2" s="1"/>
  <c r="D3521" i="2" a="1"/>
  <c r="D3521" i="2" s="1"/>
  <c r="D3522" i="2" a="1"/>
  <c r="D3522" i="2" s="1"/>
  <c r="F1333" i="2" a="1"/>
  <c r="F1333" i="2" s="1"/>
  <c r="H459" i="2" a="1"/>
  <c r="H459" i="2" s="1"/>
  <c r="E6995" i="2" a="1"/>
  <c r="E6995" i="2" s="1"/>
  <c r="H3107" i="2" a="1"/>
  <c r="H3107" i="2" s="1"/>
  <c r="AO26" i="1"/>
  <c r="E32" i="5" s="1"/>
  <c r="H3799" i="2" a="1"/>
  <c r="H3799" i="2" s="1"/>
  <c r="F6367" i="2" a="1"/>
  <c r="F6367" i="2" s="1"/>
  <c r="G6440" i="2" a="1"/>
  <c r="G6440" i="2" s="1"/>
  <c r="H4919" i="2" a="1"/>
  <c r="H4919" i="2" s="1"/>
  <c r="F3297" i="2" a="1"/>
  <c r="F3297" i="2" s="1"/>
  <c r="G3458" i="2" a="1"/>
  <c r="G3458" i="2" s="1"/>
  <c r="H2665" i="2" a="1"/>
  <c r="H2665" i="2" s="1"/>
  <c r="D2742" i="2" a="1"/>
  <c r="D2742" i="2" s="1"/>
  <c r="F1417" i="2" a="1"/>
  <c r="F1417" i="2" s="1"/>
  <c r="E3519" i="2" a="1"/>
  <c r="E3519" i="2" s="1"/>
  <c r="E3529" i="2" a="1"/>
  <c r="E3529" i="2" s="1"/>
  <c r="D2508" i="2" a="1"/>
  <c r="D2508" i="2" s="1"/>
  <c r="D7422" i="2" a="1"/>
  <c r="D7422" i="2" s="1"/>
  <c r="D7423" i="2" a="1"/>
  <c r="D7423" i="2" s="1"/>
  <c r="D4336" i="2" a="1"/>
  <c r="D4336" i="2" s="1"/>
  <c r="D4337" i="2" a="1"/>
  <c r="D4337" i="2" s="1"/>
  <c r="E6089" i="2" a="1"/>
  <c r="E6089" i="2" s="1"/>
  <c r="D5911" i="2" a="1"/>
  <c r="D5911" i="2" s="1"/>
  <c r="G6269" i="2" a="1"/>
  <c r="G6269" i="2" s="1"/>
  <c r="E6633" i="2" a="1"/>
  <c r="E6633" i="2" s="1"/>
  <c r="F3639" i="2" a="1"/>
  <c r="F3639" i="2" s="1"/>
  <c r="E4407" i="2" a="1"/>
  <c r="E4407" i="2" s="1"/>
  <c r="G4225" i="2" a="1"/>
  <c r="G4225" i="2" s="1"/>
  <c r="F48" i="2" a="1"/>
  <c r="F48" i="2" s="1"/>
  <c r="D807" i="2" a="1"/>
  <c r="D807" i="2" s="1"/>
  <c r="F6063" i="2" a="1"/>
  <c r="F6063" i="2" s="1"/>
  <c r="E3308" i="2" a="1"/>
  <c r="E3308" i="2" s="1"/>
  <c r="H3471" i="2" a="1"/>
  <c r="H3471" i="2" s="1"/>
  <c r="H1771" i="2" a="1"/>
  <c r="H1771" i="2" s="1"/>
  <c r="H1784" i="2" a="1"/>
  <c r="H1784" i="2" s="1"/>
  <c r="H1781" i="2" a="1"/>
  <c r="H1781" i="2" s="1"/>
  <c r="D6758" i="2" a="1"/>
  <c r="D6758" i="2" s="1"/>
  <c r="AM282" i="1"/>
  <c r="D6761" i="2" a="1"/>
  <c r="D6761" i="2" s="1"/>
  <c r="G6225" i="2" a="1"/>
  <c r="G6225" i="2" s="1"/>
  <c r="G6221" i="2" a="1"/>
  <c r="G6221" i="2" s="1"/>
  <c r="G6206" i="2" a="1"/>
  <c r="G6206" i="2" s="1"/>
  <c r="G6223" i="2" a="1"/>
  <c r="G6223" i="2" s="1"/>
  <c r="G6549" i="2" a="1"/>
  <c r="G6549" i="2" s="1"/>
  <c r="G6538" i="2" a="1"/>
  <c r="G6538" i="2" s="1"/>
  <c r="G6555" i="2" a="1"/>
  <c r="G6555" i="2" s="1"/>
  <c r="G6561" i="2" a="1"/>
  <c r="G6561" i="2" s="1"/>
  <c r="H1193" i="2" a="1"/>
  <c r="H1193" i="2" s="1"/>
  <c r="H1186" i="2" a="1"/>
  <c r="H1186" i="2" s="1"/>
  <c r="H1201" i="2" a="1"/>
  <c r="H1201" i="2" s="1"/>
  <c r="H6646" i="2" a="1"/>
  <c r="H6646" i="2" s="1"/>
  <c r="H6648" i="2" a="1"/>
  <c r="H6648" i="2" s="1"/>
  <c r="H6644" i="2" a="1"/>
  <c r="H6644" i="2" s="1"/>
  <c r="E6463" i="2" a="1"/>
  <c r="E6463" i="2" s="1"/>
  <c r="E6464" i="2" a="1"/>
  <c r="E6464" i="2" s="1"/>
  <c r="F6374" i="2" a="1"/>
  <c r="F6374" i="2" s="1"/>
  <c r="F6376" i="2" a="1"/>
  <c r="F6376" i="2" s="1"/>
  <c r="F6379" i="2" a="1"/>
  <c r="F6379" i="2" s="1"/>
  <c r="F6377" i="2" a="1"/>
  <c r="F6377" i="2" s="1"/>
  <c r="AO194" i="1"/>
  <c r="E200" i="5" s="1"/>
  <c r="AQ194" i="1"/>
  <c r="G200" i="5" s="1"/>
  <c r="AP194" i="1"/>
  <c r="F200" i="5" s="1"/>
  <c r="H6445" i="2" a="1"/>
  <c r="H6445" i="2" s="1"/>
  <c r="H6442" i="2" a="1"/>
  <c r="H6442" i="2" s="1"/>
  <c r="F6469" i="2" a="1"/>
  <c r="F6469" i="2" s="1"/>
  <c r="F6468" i="2" a="1"/>
  <c r="F6468" i="2" s="1"/>
  <c r="F6474" i="2" a="1"/>
  <c r="F6474" i="2" s="1"/>
  <c r="E5853" i="2" a="1"/>
  <c r="E5853" i="2" s="1"/>
  <c r="AP244" i="1"/>
  <c r="F250" i="5" s="1"/>
  <c r="E5860" i="2" a="1"/>
  <c r="E5860" i="2" s="1"/>
  <c r="AM244" i="1"/>
  <c r="E5854" i="2" a="1"/>
  <c r="E5854" i="2" s="1"/>
  <c r="F2282" i="2" a="1"/>
  <c r="F2282" i="2" s="1"/>
  <c r="F2289" i="2" a="1"/>
  <c r="F2289" i="2" s="1"/>
  <c r="H7729" i="2" a="1"/>
  <c r="H7729" i="2" s="1"/>
  <c r="H7722" i="2" a="1"/>
  <c r="H7722" i="2" s="1"/>
  <c r="H7735" i="2" a="1"/>
  <c r="H7735" i="2" s="1"/>
  <c r="H7599" i="2" a="1"/>
  <c r="H7599" i="2" s="1"/>
  <c r="H7614" i="2" a="1"/>
  <c r="H7614" i="2" s="1"/>
  <c r="H7597" i="2" a="1"/>
  <c r="H7597" i="2" s="1"/>
  <c r="E4527" i="2" a="1"/>
  <c r="E4527" i="2" s="1"/>
  <c r="G2610" i="2" a="1"/>
  <c r="G2610" i="2" s="1"/>
  <c r="G2614" i="2" a="1"/>
  <c r="G2614" i="2" s="1"/>
  <c r="D6088" i="2" a="1"/>
  <c r="D6088" i="2" s="1"/>
  <c r="AP254" i="1"/>
  <c r="F260" i="5" s="1"/>
  <c r="G5007" i="2" a="1"/>
  <c r="G5007" i="2" s="1"/>
  <c r="G4015" i="2" a="1"/>
  <c r="G4015" i="2" s="1"/>
  <c r="G4007" i="2" a="1"/>
  <c r="G4007" i="2" s="1"/>
  <c r="E6064" i="2" a="1"/>
  <c r="E6064" i="2" s="1"/>
  <c r="G72" i="2" a="1"/>
  <c r="G72" i="2" s="1"/>
  <c r="F5968" i="2" a="1"/>
  <c r="F5968" i="2" s="1"/>
  <c r="F2398" i="2" a="1"/>
  <c r="F2398" i="2" s="1"/>
  <c r="H1627" i="2" a="1"/>
  <c r="H1627" i="2" s="1"/>
  <c r="D3533" i="2" a="1"/>
  <c r="D3533" i="2" s="1"/>
  <c r="F1341" i="2" a="1"/>
  <c r="F1341" i="2" s="1"/>
  <c r="F1349" i="2" a="1"/>
  <c r="F1349" i="2" s="1"/>
  <c r="H451" i="2" a="1"/>
  <c r="H451" i="2" s="1"/>
  <c r="H445" i="2" a="1"/>
  <c r="H445" i="2" s="1"/>
  <c r="E7013" i="2" a="1"/>
  <c r="E7013" i="2" s="1"/>
  <c r="H3121" i="2" a="1"/>
  <c r="H3121" i="2" s="1"/>
  <c r="AN26" i="1"/>
  <c r="D32" i="5" s="1"/>
  <c r="H3778" i="2" a="1"/>
  <c r="H3778" i="2" s="1"/>
  <c r="F6349" i="2" a="1"/>
  <c r="F6349" i="2" s="1"/>
  <c r="G6438" i="2" a="1"/>
  <c r="G6438" i="2" s="1"/>
  <c r="H4918" i="2" a="1"/>
  <c r="H4918" i="2" s="1"/>
  <c r="F3276" i="2" a="1"/>
  <c r="F3276" i="2" s="1"/>
  <c r="G3455" i="2" a="1"/>
  <c r="G3455" i="2" s="1"/>
  <c r="H2658" i="2" a="1"/>
  <c r="H2658" i="2" s="1"/>
  <c r="D2731" i="2" a="1"/>
  <c r="D2731" i="2" s="1"/>
  <c r="F1407" i="2" a="1"/>
  <c r="F1407" i="2" s="1"/>
  <c r="F1409" i="2" a="1"/>
  <c r="F1409" i="2" s="1"/>
  <c r="E3515" i="2" a="1"/>
  <c r="E3515" i="2" s="1"/>
  <c r="E3517" i="2" a="1"/>
  <c r="E3517" i="2" s="1"/>
  <c r="D2529" i="2" a="1"/>
  <c r="D2529" i="2" s="1"/>
  <c r="D7419" i="2" a="1"/>
  <c r="D7419" i="2" s="1"/>
  <c r="D4332" i="2" a="1"/>
  <c r="D4332" i="2" s="1"/>
  <c r="AM181" i="1"/>
  <c r="E6085" i="2" a="1"/>
  <c r="E6085" i="2" s="1"/>
  <c r="D5891" i="2" a="1"/>
  <c r="D5891" i="2" s="1"/>
  <c r="G6273" i="2" a="1"/>
  <c r="G6273" i="2" s="1"/>
  <c r="E6628" i="2" a="1"/>
  <c r="E6628" i="2" s="1"/>
  <c r="F3650" i="2" a="1"/>
  <c r="F3650" i="2" s="1"/>
  <c r="J3650" i="2" s="1"/>
  <c r="J3624" i="5" s="1"/>
  <c r="N3624" i="5" s="1"/>
  <c r="F3644" i="2" a="1"/>
  <c r="F3644" i="2" s="1"/>
  <c r="E4423" i="2" a="1"/>
  <c r="E4423" i="2" s="1"/>
  <c r="G4219" i="2" a="1"/>
  <c r="G4219" i="2" s="1"/>
  <c r="F46" i="2" a="1"/>
  <c r="F46" i="2" s="1"/>
  <c r="D803" i="2" a="1"/>
  <c r="D803" i="2" s="1"/>
  <c r="F6081" i="2" a="1"/>
  <c r="F6081" i="2" s="1"/>
  <c r="E3314" i="2" a="1"/>
  <c r="E3314" i="2" s="1"/>
  <c r="H3470" i="2" a="1"/>
  <c r="H3470" i="2" s="1"/>
  <c r="H8640" i="2" a="1"/>
  <c r="H8640" i="2" s="1"/>
  <c r="D379" i="2" a="1"/>
  <c r="D379" i="2" s="1"/>
  <c r="D383" i="2" a="1"/>
  <c r="D383" i="2" s="1"/>
  <c r="D388" i="2" a="1"/>
  <c r="D388" i="2" s="1"/>
  <c r="D386" i="2" a="1"/>
  <c r="D386" i="2" s="1"/>
  <c r="F2422" i="2" a="1"/>
  <c r="F2422" i="2" s="1"/>
  <c r="F2410" i="2" a="1"/>
  <c r="F2410" i="2" s="1"/>
  <c r="F2430" i="2" a="1"/>
  <c r="F2430" i="2" s="1"/>
  <c r="F2429" i="2" a="1"/>
  <c r="F2429" i="2" s="1"/>
  <c r="F2424" i="2" a="1"/>
  <c r="F2424" i="2" s="1"/>
  <c r="G5651" i="2" a="1"/>
  <c r="G5651" i="2" s="1"/>
  <c r="G5673" i="2" a="1"/>
  <c r="G5673" i="2" s="1"/>
  <c r="G5665" i="2" a="1"/>
  <c r="G5665" i="2" s="1"/>
  <c r="G5652" i="2" a="1"/>
  <c r="G5652" i="2" s="1"/>
  <c r="G5660" i="2" a="1"/>
  <c r="G5660" i="2" s="1"/>
  <c r="G5655" i="2" a="1"/>
  <c r="G5655" i="2" s="1"/>
  <c r="D2262" i="2" a="1"/>
  <c r="D2262" i="2" s="1"/>
  <c r="D2248" i="2" a="1"/>
  <c r="D2248" i="2" s="1"/>
  <c r="D2252" i="2" a="1"/>
  <c r="D2252" i="2" s="1"/>
  <c r="F8443" i="2" a="1"/>
  <c r="F8443" i="2" s="1"/>
  <c r="F8452" i="2" a="1"/>
  <c r="F8452" i="2" s="1"/>
  <c r="E2399" i="2" a="1"/>
  <c r="E2399" i="2" s="1"/>
  <c r="H721" i="2" a="1"/>
  <c r="H721" i="2" s="1"/>
  <c r="D3914" i="2" a="1"/>
  <c r="D3914" i="2" s="1"/>
  <c r="AM265" i="1"/>
  <c r="G8066" i="2" a="1"/>
  <c r="G8066" i="2" s="1"/>
  <c r="D2142" i="2" a="1"/>
  <c r="D2142" i="2" s="1"/>
  <c r="E8127" i="2" a="1"/>
  <c r="E8127" i="2" s="1"/>
  <c r="H522" i="2" a="1"/>
  <c r="H522" i="2" s="1"/>
  <c r="E4523" i="2" a="1"/>
  <c r="E4523" i="2" s="1"/>
  <c r="G2612" i="2" a="1"/>
  <c r="G2612" i="2" s="1"/>
  <c r="G2621" i="2" a="1"/>
  <c r="G2621" i="2" s="1"/>
  <c r="D6096" i="2" a="1"/>
  <c r="D6096" i="2" s="1"/>
  <c r="AN254" i="1"/>
  <c r="D260" i="5" s="1"/>
  <c r="G5016" i="2" a="1"/>
  <c r="G5016" i="2" s="1"/>
  <c r="G6021" i="2" a="1"/>
  <c r="G6021" i="2" s="1"/>
  <c r="G6026" i="2" a="1"/>
  <c r="G6026" i="2" s="1"/>
  <c r="G4011" i="2" a="1"/>
  <c r="G4011" i="2" s="1"/>
  <c r="G4004" i="2" a="1"/>
  <c r="G4004" i="2" s="1"/>
  <c r="F3215" i="2" a="1"/>
  <c r="F3215" i="2" s="1"/>
  <c r="E6073" i="2" a="1"/>
  <c r="E6073" i="2" s="1"/>
  <c r="G61" i="2" a="1"/>
  <c r="G61" i="2" s="1"/>
  <c r="F5981" i="2" a="1"/>
  <c r="F5981" i="2" s="1"/>
  <c r="F2392" i="2" a="1"/>
  <c r="F2392" i="2" s="1"/>
  <c r="H1632" i="2" a="1"/>
  <c r="H1632" i="2" s="1"/>
  <c r="D3530" i="2" a="1"/>
  <c r="D3530" i="2" s="1"/>
  <c r="F1351" i="2" a="1"/>
  <c r="F1351" i="2" s="1"/>
  <c r="F1348" i="2" a="1"/>
  <c r="F1348" i="2" s="1"/>
  <c r="H457" i="2" a="1"/>
  <c r="H457" i="2" s="1"/>
  <c r="H444" i="2" a="1"/>
  <c r="H444" i="2" s="1"/>
  <c r="E7011" i="2" a="1"/>
  <c r="E7011" i="2" s="1"/>
  <c r="H3120" i="2" a="1"/>
  <c r="H3120" i="2" s="1"/>
  <c r="H3108" i="2" a="1"/>
  <c r="H3108" i="2" s="1"/>
  <c r="AQ26" i="1"/>
  <c r="G32" i="5" s="1"/>
  <c r="H3795" i="2" a="1"/>
  <c r="H3795" i="2" s="1"/>
  <c r="F6353" i="2" a="1"/>
  <c r="F6353" i="2" s="1"/>
  <c r="F6363" i="2" a="1"/>
  <c r="F6363" i="2" s="1"/>
  <c r="G6437" i="2" a="1"/>
  <c r="G6437" i="2" s="1"/>
  <c r="H4908" i="2" a="1"/>
  <c r="H4908" i="2" s="1"/>
  <c r="F3291" i="2" a="1"/>
  <c r="F3291" i="2" s="1"/>
  <c r="G3450" i="2" a="1"/>
  <c r="G3450" i="2" s="1"/>
  <c r="H2664" i="2" a="1"/>
  <c r="H2664" i="2" s="1"/>
  <c r="D2735" i="2" a="1"/>
  <c r="D2735" i="2" s="1"/>
  <c r="F1419" i="2" a="1"/>
  <c r="F1419" i="2" s="1"/>
  <c r="F1420" i="2" a="1"/>
  <c r="F1420" i="2" s="1"/>
  <c r="E3537" i="2" a="1"/>
  <c r="E3537" i="2" s="1"/>
  <c r="D2519" i="2" a="1"/>
  <c r="D2519" i="2" s="1"/>
  <c r="D2507" i="2" a="1"/>
  <c r="D2507" i="2" s="1"/>
  <c r="D7412" i="2" a="1"/>
  <c r="D7412" i="2" s="1"/>
  <c r="D4346" i="2" a="1"/>
  <c r="D4346" i="2" s="1"/>
  <c r="AN181" i="1"/>
  <c r="D187" i="5" s="1"/>
  <c r="E6096" i="2" a="1"/>
  <c r="E6096" i="2" s="1"/>
  <c r="D5906" i="2" a="1"/>
  <c r="D5906" i="2" s="1"/>
  <c r="G6271" i="2" a="1"/>
  <c r="G6271" i="2" s="1"/>
  <c r="E6611" i="2" a="1"/>
  <c r="E6611" i="2" s="1"/>
  <c r="D1004" i="2" a="1"/>
  <c r="D1004" i="2" s="1"/>
  <c r="D1017" i="2" a="1"/>
  <c r="D1017" i="2" s="1"/>
  <c r="F3652" i="2" a="1"/>
  <c r="F3652" i="2" s="1"/>
  <c r="F3635" i="2" a="1"/>
  <c r="F3635" i="2" s="1"/>
  <c r="E4403" i="2" a="1"/>
  <c r="E4403" i="2" s="1"/>
  <c r="G4220" i="2" a="1"/>
  <c r="G4220" i="2" s="1"/>
  <c r="G6547" i="2" a="1"/>
  <c r="G6547" i="2" s="1"/>
  <c r="F44" i="2" a="1"/>
  <c r="F44" i="2" s="1"/>
  <c r="D804" i="2" a="1"/>
  <c r="D804" i="2" s="1"/>
  <c r="F6073" i="2" a="1"/>
  <c r="F6073" i="2" s="1"/>
  <c r="G6205" i="2" a="1"/>
  <c r="G6205" i="2" s="1"/>
  <c r="H1197" i="2" a="1"/>
  <c r="H1197" i="2" s="1"/>
  <c r="E6455" i="2" a="1"/>
  <c r="E6455" i="2" s="1"/>
  <c r="D2983" i="2" a="1"/>
  <c r="D2983" i="2" s="1"/>
  <c r="E3307" i="2" a="1"/>
  <c r="E3307" i="2" s="1"/>
  <c r="H3486" i="2" a="1"/>
  <c r="H3486" i="2" s="1"/>
  <c r="H8635" i="2" a="1"/>
  <c r="H8635" i="2" s="1"/>
  <c r="E2403" i="2" a="1"/>
  <c r="E2403" i="2" s="1"/>
  <c r="H724" i="2" a="1"/>
  <c r="H724" i="2" s="1"/>
  <c r="H708" i="2" a="1"/>
  <c r="H708" i="2" s="1"/>
  <c r="D3898" i="2" a="1"/>
  <c r="D3898" i="2" s="1"/>
  <c r="AN265" i="1"/>
  <c r="D271" i="5" s="1"/>
  <c r="G8054" i="2" a="1"/>
  <c r="G8054" i="2" s="1"/>
  <c r="G8050" i="2" a="1"/>
  <c r="G8050" i="2" s="1"/>
  <c r="D2143" i="2" a="1"/>
  <c r="D2143" i="2" s="1"/>
  <c r="E8133" i="2" a="1"/>
  <c r="E8133" i="2" s="1"/>
  <c r="E8134" i="2" a="1"/>
  <c r="E8134" i="2" s="1"/>
  <c r="H533" i="2" a="1"/>
  <c r="H533" i="2" s="1"/>
  <c r="E4524" i="2" a="1"/>
  <c r="E4524" i="2" s="1"/>
  <c r="G2613" i="2" a="1"/>
  <c r="G2613" i="2" s="1"/>
  <c r="G2622" i="2" a="1"/>
  <c r="G2622" i="2" s="1"/>
  <c r="D6102" i="2" a="1"/>
  <c r="D6102" i="2" s="1"/>
  <c r="AQ254" i="1"/>
  <c r="G260" i="5" s="1"/>
  <c r="G5024" i="2" a="1"/>
  <c r="G5024" i="2" s="1"/>
  <c r="G6012" i="2" a="1"/>
  <c r="G6012" i="2" s="1"/>
  <c r="G6023" i="2" a="1"/>
  <c r="G6023" i="2" s="1"/>
  <c r="G3995" i="2" a="1"/>
  <c r="G3995" i="2" s="1"/>
  <c r="F3205" i="2" a="1"/>
  <c r="F3205" i="2" s="1"/>
  <c r="F3214" i="2" a="1"/>
  <c r="F3214" i="2" s="1"/>
  <c r="E6067" i="2" a="1"/>
  <c r="E6067" i="2" s="1"/>
  <c r="E6063" i="2" a="1"/>
  <c r="E6063" i="2" s="1"/>
  <c r="G79" i="2" a="1"/>
  <c r="G79" i="2" s="1"/>
  <c r="F5985" i="2" a="1"/>
  <c r="F5985" i="2" s="1"/>
  <c r="F2403" i="2" a="1"/>
  <c r="F2403" i="2" s="1"/>
  <c r="H1631" i="2" a="1"/>
  <c r="H1631" i="2" s="1"/>
  <c r="D3515" i="2" a="1"/>
  <c r="D3515" i="2" s="1"/>
  <c r="F1347" i="2" a="1"/>
  <c r="F1347" i="2" s="1"/>
  <c r="F1337" i="2" a="1"/>
  <c r="F1337" i="2" s="1"/>
  <c r="H449" i="2" a="1"/>
  <c r="H449" i="2" s="1"/>
  <c r="H454" i="2" a="1"/>
  <c r="H454" i="2" s="1"/>
  <c r="E7005" i="2" a="1"/>
  <c r="E7005" i="2" s="1"/>
  <c r="H3124" i="2" a="1"/>
  <c r="H3124" i="2" s="1"/>
  <c r="H3115" i="2" a="1"/>
  <c r="H3115" i="2" s="1"/>
  <c r="AP26" i="1"/>
  <c r="F32" i="5" s="1"/>
  <c r="H3797" i="2" a="1"/>
  <c r="H3797" i="2" s="1"/>
  <c r="F6366" i="2" a="1"/>
  <c r="F6366" i="2" s="1"/>
  <c r="F6347" i="2" a="1"/>
  <c r="F6347" i="2" s="1"/>
  <c r="G6429" i="2" a="1"/>
  <c r="G6429" i="2" s="1"/>
  <c r="H4916" i="2" a="1"/>
  <c r="H4916" i="2" s="1"/>
  <c r="F3282" i="2" a="1"/>
  <c r="F3282" i="2" s="1"/>
  <c r="G3453" i="2" a="1"/>
  <c r="G3453" i="2" s="1"/>
  <c r="H2656" i="2" a="1"/>
  <c r="H2656" i="2" s="1"/>
  <c r="D2727" i="2" a="1"/>
  <c r="D2727" i="2" s="1"/>
  <c r="F1413" i="2" a="1"/>
  <c r="F1413" i="2" s="1"/>
  <c r="F1424" i="2" a="1"/>
  <c r="F1424" i="2" s="1"/>
  <c r="E3534" i="2" a="1"/>
  <c r="E3534" i="2" s="1"/>
  <c r="D2523" i="2" a="1"/>
  <c r="D2523" i="2" s="1"/>
  <c r="D2521" i="2" a="1"/>
  <c r="D2521" i="2" s="1"/>
  <c r="D7425" i="2" a="1"/>
  <c r="D7425" i="2" s="1"/>
  <c r="D4353" i="2" a="1"/>
  <c r="D4353" i="2" s="1"/>
  <c r="AQ181" i="1"/>
  <c r="G187" i="5" s="1"/>
  <c r="E6082" i="2" a="1"/>
  <c r="E6082" i="2" s="1"/>
  <c r="D5907" i="2" a="1"/>
  <c r="D5907" i="2" s="1"/>
  <c r="G6251" i="2" a="1"/>
  <c r="G6251" i="2" s="1"/>
  <c r="E6614" i="2" a="1"/>
  <c r="E6614" i="2" s="1"/>
  <c r="D1011" i="2" a="1"/>
  <c r="D1011" i="2" s="1"/>
  <c r="D1006" i="2" a="1"/>
  <c r="D1006" i="2" s="1"/>
  <c r="F3638" i="2" a="1"/>
  <c r="F3638" i="2" s="1"/>
  <c r="F3656" i="2" a="1"/>
  <c r="F3656" i="2" s="1"/>
  <c r="E4416" i="2" a="1"/>
  <c r="E4416" i="2" s="1"/>
  <c r="G6550" i="2" a="1"/>
  <c r="G6550" i="2" s="1"/>
  <c r="G6222" i="2" a="1"/>
  <c r="G6222" i="2" s="1"/>
  <c r="H1207" i="2" a="1"/>
  <c r="H1207" i="2" s="1"/>
  <c r="E6465" i="2" a="1"/>
  <c r="E6465" i="2" s="1"/>
  <c r="H8631" i="2" a="1"/>
  <c r="H8631" i="2" s="1"/>
  <c r="E3728" i="2" a="1"/>
  <c r="E3728" i="2" s="1"/>
  <c r="E3711" i="2" a="1"/>
  <c r="E3711" i="2" s="1"/>
  <c r="E3727" i="2" a="1"/>
  <c r="E3727" i="2" s="1"/>
  <c r="E3722" i="2" a="1"/>
  <c r="E3722" i="2" s="1"/>
  <c r="E3023" i="2" a="1"/>
  <c r="E3023" i="2" s="1"/>
  <c r="E3018" i="2" a="1"/>
  <c r="E3018" i="2" s="1"/>
  <c r="E3027" i="2" a="1"/>
  <c r="E3027" i="2" s="1"/>
  <c r="E5462" i="2" a="1"/>
  <c r="E5462" i="2" s="1"/>
  <c r="E5467" i="2" a="1"/>
  <c r="E5467" i="2" s="1"/>
  <c r="H5317" i="2" a="1"/>
  <c r="H5317" i="2" s="1"/>
  <c r="H5314" i="2" a="1"/>
  <c r="H5314" i="2" s="1"/>
  <c r="H5331" i="2" a="1"/>
  <c r="H5331" i="2" s="1"/>
  <c r="H5327" i="2" a="1"/>
  <c r="H5327" i="2" s="1"/>
  <c r="H5319" i="2" a="1"/>
  <c r="H5319" i="2" s="1"/>
  <c r="H3104" i="2" a="1"/>
  <c r="H3104" i="2" s="1"/>
  <c r="H3105" i="2" a="1"/>
  <c r="H3105" i="2" s="1"/>
  <c r="H3101" i="2" a="1"/>
  <c r="H3101" i="2" s="1"/>
  <c r="H3090" i="2" a="1"/>
  <c r="H3090" i="2" s="1"/>
  <c r="H3098" i="2" a="1"/>
  <c r="H3098" i="2" s="1"/>
  <c r="E7067" i="2" a="1"/>
  <c r="E7067" i="2" s="1"/>
  <c r="E7085" i="2" a="1"/>
  <c r="E7085" i="2" s="1"/>
  <c r="E3313" i="2" a="1"/>
  <c r="E3313" i="2" s="1"/>
  <c r="E3309" i="2" a="1"/>
  <c r="E3309" i="2" s="1"/>
  <c r="G3780" i="2" a="1"/>
  <c r="G3780" i="2" s="1"/>
  <c r="G3786" i="2" a="1"/>
  <c r="G3786" i="2" s="1"/>
  <c r="G3784" i="2" a="1"/>
  <c r="G3784" i="2" s="1"/>
  <c r="G3800" i="2" a="1"/>
  <c r="G3800" i="2" s="1"/>
  <c r="G3798" i="2" a="1"/>
  <c r="G3798" i="2" s="1"/>
  <c r="F7178" i="2" a="1"/>
  <c r="F7178" i="2" s="1"/>
  <c r="F7180" i="2" a="1"/>
  <c r="F7180" i="2" s="1"/>
  <c r="F7165" i="2" a="1"/>
  <c r="F7165" i="2" s="1"/>
  <c r="E8231" i="2" a="1"/>
  <c r="E8231" i="2" s="1"/>
  <c r="E8240" i="2" a="1"/>
  <c r="E8240" i="2" s="1"/>
  <c r="D823" i="2" a="1"/>
  <c r="D823" i="2" s="1"/>
  <c r="D812" i="2" a="1"/>
  <c r="D812" i="2" s="1"/>
  <c r="D816" i="2" a="1"/>
  <c r="D816" i="2" s="1"/>
  <c r="F34" i="2" a="1"/>
  <c r="F34" i="2" s="1"/>
  <c r="F38" i="2" a="1"/>
  <c r="F38" i="2" s="1"/>
  <c r="F36" i="2" a="1"/>
  <c r="F36" i="2" s="1"/>
  <c r="E1709" i="2" a="1"/>
  <c r="E1709" i="2" s="1"/>
  <c r="E1701" i="2" a="1"/>
  <c r="E1701" i="2" s="1"/>
  <c r="E1692" i="2" a="1"/>
  <c r="E1692" i="2" s="1"/>
  <c r="G4229" i="2" a="1"/>
  <c r="G4229" i="2" s="1"/>
  <c r="G4213" i="2" a="1"/>
  <c r="G4213" i="2" s="1"/>
  <c r="G4221" i="2" a="1"/>
  <c r="G4221" i="2" s="1"/>
  <c r="D2968" i="2" a="1"/>
  <c r="D2968" i="2" s="1"/>
  <c r="D2978" i="2" a="1"/>
  <c r="D2978" i="2" s="1"/>
  <c r="D2964" i="2" a="1"/>
  <c r="D2964" i="2" s="1"/>
  <c r="D2963" i="2" a="1"/>
  <c r="D2963" i="2" s="1"/>
  <c r="D2965" i="2" a="1"/>
  <c r="D2965" i="2" s="1"/>
  <c r="D2966" i="2" a="1"/>
  <c r="D2966" i="2" s="1"/>
  <c r="F6077" i="2" a="1"/>
  <c r="F6077" i="2" s="1"/>
  <c r="F6076" i="2" a="1"/>
  <c r="F6076" i="2" s="1"/>
  <c r="F6060" i="2" a="1"/>
  <c r="F6060" i="2" s="1"/>
  <c r="D1545" i="2" a="1"/>
  <c r="D1545" i="2" s="1"/>
  <c r="D1530" i="2" a="1"/>
  <c r="D1530" i="2" s="1"/>
  <c r="D1528" i="2" a="1"/>
  <c r="D1528" i="2" s="1"/>
  <c r="H3480" i="2" a="1"/>
  <c r="H3480" i="2" s="1"/>
  <c r="H3481" i="2" a="1"/>
  <c r="H3481" i="2" s="1"/>
  <c r="H3475" i="2" a="1"/>
  <c r="H3475" i="2" s="1"/>
  <c r="H3483" i="2" a="1"/>
  <c r="H3483" i="2" s="1"/>
  <c r="G5032" i="2" a="1"/>
  <c r="G5032" i="2" s="1"/>
  <c r="G5027" i="2" a="1"/>
  <c r="G5027" i="2" s="1"/>
  <c r="G5046" i="2" a="1"/>
  <c r="G5046" i="2" s="1"/>
  <c r="G5038" i="2" a="1"/>
  <c r="G5038" i="2" s="1"/>
  <c r="E3329" i="2" a="1"/>
  <c r="E3329" i="2" s="1"/>
  <c r="AP158" i="1"/>
  <c r="F164" i="5" s="1"/>
  <c r="E2407" i="2" a="1"/>
  <c r="E2407" i="2" s="1"/>
  <c r="H710" i="2" a="1"/>
  <c r="H710" i="2" s="1"/>
  <c r="H718" i="2" a="1"/>
  <c r="H718" i="2" s="1"/>
  <c r="D3918" i="2" a="1"/>
  <c r="D3918" i="2" s="1"/>
  <c r="AO265" i="1"/>
  <c r="E271" i="5" s="1"/>
  <c r="G8063" i="2" a="1"/>
  <c r="G8063" i="2" s="1"/>
  <c r="G8055" i="2" a="1"/>
  <c r="G8055" i="2" s="1"/>
  <c r="D2126" i="2" a="1"/>
  <c r="D2126" i="2" s="1"/>
  <c r="D2131" i="2" a="1"/>
  <c r="D2131" i="2" s="1"/>
  <c r="E8132" i="2" a="1"/>
  <c r="E8132" i="2" s="1"/>
  <c r="E8131" i="2" a="1"/>
  <c r="E8131" i="2" s="1"/>
  <c r="H517" i="2" a="1"/>
  <c r="H517" i="2" s="1"/>
  <c r="E4538" i="2" a="1"/>
  <c r="E4538" i="2" s="1"/>
  <c r="E4531" i="2" a="1"/>
  <c r="E4531" i="2" s="1"/>
  <c r="G2608" i="2" a="1"/>
  <c r="G2608" i="2" s="1"/>
  <c r="D6086" i="2" a="1"/>
  <c r="D6086" i="2" s="1"/>
  <c r="G5003" i="2" a="1"/>
  <c r="G5003" i="2" s="1"/>
  <c r="G6017" i="2" a="1"/>
  <c r="G6017" i="2" s="1"/>
  <c r="G4008" i="2" a="1"/>
  <c r="G4008" i="2" s="1"/>
  <c r="F3218" i="2" a="1"/>
  <c r="F3218" i="2" s="1"/>
  <c r="F3213" i="2" a="1"/>
  <c r="F3213" i="2" s="1"/>
  <c r="E6081" i="2" a="1"/>
  <c r="E6081" i="2" s="1"/>
  <c r="E6062" i="2" a="1"/>
  <c r="E6062" i="2" s="1"/>
  <c r="G63" i="2" a="1"/>
  <c r="G63" i="2" s="1"/>
  <c r="F5972" i="2" a="1"/>
  <c r="F5972" i="2" s="1"/>
  <c r="F2390" i="2" a="1"/>
  <c r="F2390" i="2" s="1"/>
  <c r="H1624" i="2" a="1"/>
  <c r="H1624" i="2" s="1"/>
  <c r="D3526" i="2" a="1"/>
  <c r="D3526" i="2" s="1"/>
  <c r="F1336" i="2" a="1"/>
  <c r="F1336" i="2" s="1"/>
  <c r="H453" i="2" a="1"/>
  <c r="H453" i="2" s="1"/>
  <c r="E7006" i="2" a="1"/>
  <c r="E7006" i="2" s="1"/>
  <c r="H3113" i="2" a="1"/>
  <c r="H3113" i="2" s="1"/>
  <c r="H3106" i="2" a="1"/>
  <c r="H3106" i="2" s="1"/>
  <c r="H3787" i="2" a="1"/>
  <c r="H3787" i="2" s="1"/>
  <c r="F6355" i="2" a="1"/>
  <c r="F6355" i="2" s="1"/>
  <c r="F6362" i="2" a="1"/>
  <c r="F6362" i="2" s="1"/>
  <c r="G6423" i="2" a="1"/>
  <c r="G6423" i="2" s="1"/>
  <c r="AN257" i="1"/>
  <c r="D263" i="5" s="1"/>
  <c r="H4914" i="2" a="1"/>
  <c r="H4914" i="2" s="1"/>
  <c r="H4927" i="2" a="1"/>
  <c r="H4927" i="2" s="1"/>
  <c r="F3279" i="2" a="1"/>
  <c r="F3279" i="2" s="1"/>
  <c r="F3275" i="2" a="1"/>
  <c r="F3275" i="2" s="1"/>
  <c r="G3448" i="2" a="1"/>
  <c r="G3448" i="2" s="1"/>
  <c r="H2661" i="2" a="1"/>
  <c r="H2661" i="2" s="1"/>
  <c r="D2739" i="2" a="1"/>
  <c r="D2739" i="2" s="1"/>
  <c r="F1416" i="2" a="1"/>
  <c r="F1416" i="2" s="1"/>
  <c r="E3521" i="2" a="1"/>
  <c r="E3521" i="2" s="1"/>
  <c r="D2516" i="2" a="1"/>
  <c r="D2516" i="2" s="1"/>
  <c r="D2527" i="2" a="1"/>
  <c r="D2527" i="2" s="1"/>
  <c r="D7405" i="2" a="1"/>
  <c r="D7405" i="2" s="1"/>
  <c r="D4345" i="2" a="1"/>
  <c r="D4345" i="2" s="1"/>
  <c r="AP181" i="1"/>
  <c r="F187" i="5" s="1"/>
  <c r="E6087" i="2" a="1"/>
  <c r="E6087" i="2" s="1"/>
  <c r="E6083" i="2" a="1"/>
  <c r="E6083" i="2" s="1"/>
  <c r="D5890" i="2" a="1"/>
  <c r="D5890" i="2" s="1"/>
  <c r="G6253" i="2" a="1"/>
  <c r="G6253" i="2" s="1"/>
  <c r="E6613" i="2" a="1"/>
  <c r="E6613" i="2" s="1"/>
  <c r="D1005" i="2" a="1"/>
  <c r="D1005" i="2" s="1"/>
  <c r="F3636" i="2" a="1"/>
  <c r="F3636" i="2" s="1"/>
  <c r="E4411" i="2" a="1"/>
  <c r="E4411" i="2" s="1"/>
  <c r="G4227" i="2" a="1"/>
  <c r="G4227" i="2" s="1"/>
  <c r="G6548" i="2" a="1"/>
  <c r="G6548" i="2" s="1"/>
  <c r="F40" i="2" a="1"/>
  <c r="F40" i="2" s="1"/>
  <c r="D808" i="2" a="1"/>
  <c r="D808" i="2" s="1"/>
  <c r="D813" i="2" a="1"/>
  <c r="D813" i="2" s="1"/>
  <c r="K813" i="2" s="1"/>
  <c r="K787" i="5" s="1"/>
  <c r="O787" i="5" s="1"/>
  <c r="F6080" i="2" a="1"/>
  <c r="F6080" i="2" s="1"/>
  <c r="F6386" i="2" a="1"/>
  <c r="F6386" i="2" s="1"/>
  <c r="G6220" i="2" a="1"/>
  <c r="G6220" i="2" s="1"/>
  <c r="H1199" i="2" a="1"/>
  <c r="H1199" i="2" s="1"/>
  <c r="E6454" i="2" a="1"/>
  <c r="E6454" i="2" s="1"/>
  <c r="E5848" i="2" a="1"/>
  <c r="E5848" i="2" s="1"/>
  <c r="D2979" i="2" a="1"/>
  <c r="D2979" i="2" s="1"/>
  <c r="E3312" i="2" a="1"/>
  <c r="E3312" i="2" s="1"/>
  <c r="F2419" i="2" a="1"/>
  <c r="F2419" i="2" s="1"/>
  <c r="H3466" i="2" a="1"/>
  <c r="H3466" i="2" s="1"/>
  <c r="D1531" i="2" a="1"/>
  <c r="D1531" i="2" s="1"/>
  <c r="E3342" i="2" a="1"/>
  <c r="E3342" i="2" s="1"/>
  <c r="E2406" i="2" a="1"/>
  <c r="E2406" i="2" s="1"/>
  <c r="E2389" i="2" a="1"/>
  <c r="E2389" i="2" s="1"/>
  <c r="H722" i="2" a="1"/>
  <c r="H722" i="2" s="1"/>
  <c r="H707" i="2" a="1"/>
  <c r="H707" i="2" s="1"/>
  <c r="D3911" i="2" a="1"/>
  <c r="D3911" i="2" s="1"/>
  <c r="AQ11" i="1"/>
  <c r="G17" i="5" s="1"/>
  <c r="AQ265" i="1"/>
  <c r="G271" i="5" s="1"/>
  <c r="G8070" i="2" a="1"/>
  <c r="G8070" i="2" s="1"/>
  <c r="G8072" i="2" a="1"/>
  <c r="G8072" i="2" s="1"/>
  <c r="D2130" i="2" a="1"/>
  <c r="D2130" i="2" s="1"/>
  <c r="D2127" i="2" a="1"/>
  <c r="D2127" i="2" s="1"/>
  <c r="E8126" i="2" a="1"/>
  <c r="E8126" i="2" s="1"/>
  <c r="E8138" i="2" a="1"/>
  <c r="E8138" i="2" s="1"/>
  <c r="H532" i="2" a="1"/>
  <c r="H532" i="2" s="1"/>
  <c r="E4533" i="2" a="1"/>
  <c r="E4533" i="2" s="1"/>
  <c r="E4544" i="2" a="1"/>
  <c r="E4544" i="2" s="1"/>
  <c r="G2607" i="2" a="1"/>
  <c r="G2607" i="2" s="1"/>
  <c r="D6082" i="2" a="1"/>
  <c r="D6082" i="2" s="1"/>
  <c r="G5006" i="2" a="1"/>
  <c r="G5006" i="2" s="1"/>
  <c r="G6020" i="2" a="1"/>
  <c r="G6020" i="2" s="1"/>
  <c r="G4017" i="2" a="1"/>
  <c r="G4017" i="2" s="1"/>
  <c r="F3216" i="2" a="1"/>
  <c r="F3216" i="2" s="1"/>
  <c r="F3221" i="2" a="1"/>
  <c r="F3221" i="2" s="1"/>
  <c r="E6065" i="2" a="1"/>
  <c r="E6065" i="2" s="1"/>
  <c r="E6058" i="2" a="1"/>
  <c r="E6058" i="2" s="1"/>
  <c r="G68" i="2" a="1"/>
  <c r="G68" i="2" s="1"/>
  <c r="F5973" i="2" a="1"/>
  <c r="F5973" i="2" s="1"/>
  <c r="F2386" i="2" a="1"/>
  <c r="F2386" i="2" s="1"/>
  <c r="H1639" i="2" a="1"/>
  <c r="H1639" i="2" s="1"/>
  <c r="D3528" i="2" a="1"/>
  <c r="D3528" i="2" s="1"/>
  <c r="F1331" i="2" a="1"/>
  <c r="F1331" i="2" s="1"/>
  <c r="H446" i="2" a="1"/>
  <c r="H446" i="2" s="1"/>
  <c r="E7003" i="2" a="1"/>
  <c r="E7003" i="2" s="1"/>
  <c r="H3109" i="2" a="1"/>
  <c r="H3109" i="2" s="1"/>
  <c r="H3788" i="2" a="1"/>
  <c r="H3788" i="2" s="1"/>
  <c r="F6364" i="2" a="1"/>
  <c r="F6364" i="2" s="1"/>
  <c r="AM24" i="1"/>
  <c r="G6431" i="2" a="1"/>
  <c r="G6431" i="2" s="1"/>
  <c r="AQ257" i="1"/>
  <c r="G263" i="5" s="1"/>
  <c r="H4928" i="2" a="1"/>
  <c r="H4928" i="2" s="1"/>
  <c r="H4922" i="2" a="1"/>
  <c r="H4922" i="2" s="1"/>
  <c r="AM109" i="1"/>
  <c r="F3293" i="2" a="1"/>
  <c r="F3293" i="2" s="1"/>
  <c r="F3288" i="2" a="1"/>
  <c r="F3288" i="2" s="1"/>
  <c r="G3454" i="2" a="1"/>
  <c r="G3454" i="2" s="1"/>
  <c r="AM144" i="1"/>
  <c r="H2655" i="2" a="1"/>
  <c r="H2655" i="2" s="1"/>
  <c r="D2723" i="2" a="1"/>
  <c r="D2723" i="2" s="1"/>
  <c r="I2723" i="2" s="1"/>
  <c r="I2697" i="5" s="1"/>
  <c r="F1412" i="2" a="1"/>
  <c r="F1412" i="2" s="1"/>
  <c r="E3524" i="2" a="1"/>
  <c r="E3524" i="2" s="1"/>
  <c r="D2513" i="2" a="1"/>
  <c r="D2513" i="2" s="1"/>
  <c r="D7411" i="2" a="1"/>
  <c r="D7411" i="2" s="1"/>
  <c r="D4341" i="2" a="1"/>
  <c r="D4341" i="2" s="1"/>
  <c r="E6105" i="2" a="1"/>
  <c r="E6105" i="2" s="1"/>
  <c r="E6088" i="2" a="1"/>
  <c r="E6088" i="2" s="1"/>
  <c r="D5899" i="2" a="1"/>
  <c r="D5899" i="2" s="1"/>
  <c r="G6260" i="2" a="1"/>
  <c r="G6260" i="2" s="1"/>
  <c r="E6623" i="2" a="1"/>
  <c r="E6623" i="2" s="1"/>
  <c r="D995" i="2" a="1"/>
  <c r="D995" i="2" s="1"/>
  <c r="F3643" i="2" a="1"/>
  <c r="F3643" i="2" s="1"/>
  <c r="E4406" i="2" a="1"/>
  <c r="E4406" i="2" s="1"/>
  <c r="D6763" i="2" a="1"/>
  <c r="D6763" i="2" s="1"/>
  <c r="G4211" i="2" a="1"/>
  <c r="G4211" i="2" s="1"/>
  <c r="G6544" i="2" a="1"/>
  <c r="G6544" i="2" s="1"/>
  <c r="F45" i="2" a="1"/>
  <c r="F45" i="2" s="1"/>
  <c r="D817" i="2" a="1"/>
  <c r="D817" i="2" s="1"/>
  <c r="AM34" i="1"/>
  <c r="F6067" i="2" a="1"/>
  <c r="F6067" i="2" s="1"/>
  <c r="F6375" i="2" a="1"/>
  <c r="F6375" i="2" s="1"/>
  <c r="G6218" i="2" a="1"/>
  <c r="G6218" i="2" s="1"/>
  <c r="H1188" i="2" a="1"/>
  <c r="H1188" i="2" s="1"/>
  <c r="E6448" i="2" a="1"/>
  <c r="E6448" i="2" s="1"/>
  <c r="E5855" i="2" a="1"/>
  <c r="E5855" i="2" s="1"/>
  <c r="D2981" i="2" a="1"/>
  <c r="D2981" i="2" s="1"/>
  <c r="E3300" i="2" a="1"/>
  <c r="E3300" i="2" s="1"/>
  <c r="H3473" i="2" a="1"/>
  <c r="H3473" i="2" s="1"/>
  <c r="D1539" i="2" a="1"/>
  <c r="D1539" i="2" s="1"/>
  <c r="D1537" i="2" a="1"/>
  <c r="D1537" i="2" s="1"/>
  <c r="AM100" i="1"/>
  <c r="E3334" i="2" a="1"/>
  <c r="E3334" i="2" s="1"/>
  <c r="E2409" i="2" a="1"/>
  <c r="E2409" i="2" s="1"/>
  <c r="E2393" i="2" a="1"/>
  <c r="E2393" i="2" s="1"/>
  <c r="H709" i="2" a="1"/>
  <c r="H709" i="2" s="1"/>
  <c r="D3919" i="2" a="1"/>
  <c r="D3919" i="2" s="1"/>
  <c r="AN11" i="1"/>
  <c r="D17" i="5" s="1"/>
  <c r="G8057" i="2" a="1"/>
  <c r="G8057" i="2" s="1"/>
  <c r="D2134" i="2" a="1"/>
  <c r="D2134" i="2" s="1"/>
  <c r="D2123" i="2" a="1"/>
  <c r="D2123" i="2" s="1"/>
  <c r="K2123" i="2" s="1"/>
  <c r="K2097" i="5" s="1"/>
  <c r="O2097" i="5" s="1"/>
  <c r="E8143" i="2" a="1"/>
  <c r="E8143" i="2" s="1"/>
  <c r="H529" i="2" a="1"/>
  <c r="H529" i="2" s="1"/>
  <c r="E4530" i="2" a="1"/>
  <c r="E4530" i="2" s="1"/>
  <c r="E4542" i="2" a="1"/>
  <c r="E4542" i="2" s="1"/>
  <c r="G2625" i="2" a="1"/>
  <c r="G2625" i="2" s="1"/>
  <c r="D6084" i="2" a="1"/>
  <c r="D6084" i="2" s="1"/>
  <c r="G5002" i="2" a="1"/>
  <c r="G5002" i="2" s="1"/>
  <c r="G6031" i="2" a="1"/>
  <c r="G6031" i="2" s="1"/>
  <c r="G4016" i="2" a="1"/>
  <c r="G4016" i="2" s="1"/>
  <c r="F3210" i="2" a="1"/>
  <c r="F3210" i="2" s="1"/>
  <c r="E6076" i="2" a="1"/>
  <c r="E6076" i="2" s="1"/>
  <c r="G70" i="2" a="1"/>
  <c r="G70" i="2" s="1"/>
  <c r="F5984" i="2" a="1"/>
  <c r="F5984" i="2" s="1"/>
  <c r="F2409" i="2" a="1"/>
  <c r="F2409" i="2" s="1"/>
  <c r="H1640" i="2" a="1"/>
  <c r="H1640" i="2" s="1"/>
  <c r="D3516" i="2" a="1"/>
  <c r="D3516" i="2" s="1"/>
  <c r="F1353" i="2" a="1"/>
  <c r="F1353" i="2" s="1"/>
  <c r="H443" i="2" a="1"/>
  <c r="H443" i="2" s="1"/>
  <c r="E7017" i="2" a="1"/>
  <c r="E7017" i="2" s="1"/>
  <c r="H3112" i="2" a="1"/>
  <c r="H3112" i="2" s="1"/>
  <c r="H3793" i="2" a="1"/>
  <c r="H3793" i="2" s="1"/>
  <c r="F6358" i="2" a="1"/>
  <c r="F6358" i="2" s="1"/>
  <c r="AO24" i="1"/>
  <c r="E30" i="5" s="1"/>
  <c r="G6425" i="2" a="1"/>
  <c r="G6425" i="2" s="1"/>
  <c r="AO257" i="1"/>
  <c r="E263" i="5" s="1"/>
  <c r="H4925" i="2" a="1"/>
  <c r="H4925" i="2" s="1"/>
  <c r="H4926" i="2" a="1"/>
  <c r="H4926" i="2" s="1"/>
  <c r="AP109" i="1"/>
  <c r="F115" i="5" s="1"/>
  <c r="F3285" i="2" a="1"/>
  <c r="F3285" i="2" s="1"/>
  <c r="F3292" i="2" a="1"/>
  <c r="F3292" i="2" s="1"/>
  <c r="G3457" i="2" a="1"/>
  <c r="G3457" i="2" s="1"/>
  <c r="AP144" i="1"/>
  <c r="F150" i="5" s="1"/>
  <c r="H2671" i="2" a="1"/>
  <c r="H2671" i="2" s="1"/>
  <c r="D2729" i="2" a="1"/>
  <c r="D2729" i="2" s="1"/>
  <c r="F1404" i="2" a="1"/>
  <c r="F1404" i="2" s="1"/>
  <c r="E3528" i="2" a="1"/>
  <c r="E3528" i="2" s="1"/>
  <c r="D2517" i="2" a="1"/>
  <c r="D2517" i="2" s="1"/>
  <c r="D7413" i="2" a="1"/>
  <c r="D7413" i="2" s="1"/>
  <c r="D4333" i="2" a="1"/>
  <c r="D4333" i="2" s="1"/>
  <c r="E6102" i="2" a="1"/>
  <c r="E6102" i="2" s="1"/>
  <c r="E6100" i="2" a="1"/>
  <c r="E6100" i="2" s="1"/>
  <c r="D5898" i="2" a="1"/>
  <c r="D5898" i="2" s="1"/>
  <c r="G6250" i="2" a="1"/>
  <c r="G6250" i="2" s="1"/>
  <c r="E6616" i="2" a="1"/>
  <c r="E6616" i="2" s="1"/>
  <c r="G5447" i="2" a="1"/>
  <c r="G5447" i="2" s="1"/>
  <c r="D1008" i="2" a="1"/>
  <c r="D1008" i="2" s="1"/>
  <c r="F3640" i="2" a="1"/>
  <c r="F3640" i="2" s="1"/>
  <c r="E4421" i="2" a="1"/>
  <c r="E4421" i="2" s="1"/>
  <c r="D6759" i="2" a="1"/>
  <c r="D6759" i="2" s="1"/>
  <c r="G4216" i="2" a="1"/>
  <c r="G4216" i="2" s="1"/>
  <c r="G4218" i="2" a="1"/>
  <c r="G4218" i="2" s="1"/>
  <c r="F57" i="2" a="1"/>
  <c r="F57" i="2" s="1"/>
  <c r="D820" i="2" a="1"/>
  <c r="D820" i="2" s="1"/>
  <c r="AQ34" i="1"/>
  <c r="G40" i="5" s="1"/>
  <c r="F6470" i="2" a="1"/>
  <c r="F6470" i="2" s="1"/>
  <c r="F6064" i="2" a="1"/>
  <c r="F6064" i="2" s="1"/>
  <c r="F6385" i="2" a="1"/>
  <c r="F6385" i="2" s="1"/>
  <c r="G6213" i="2" a="1"/>
  <c r="G6213" i="2" s="1"/>
  <c r="E6447" i="2" a="1"/>
  <c r="E6447" i="2" s="1"/>
  <c r="E5850" i="2" a="1"/>
  <c r="E5850" i="2" s="1"/>
  <c r="D2977" i="2" a="1"/>
  <c r="D2977" i="2" s="1"/>
  <c r="H6647" i="2" a="1"/>
  <c r="H6647" i="2" s="1"/>
  <c r="H6465" i="2" a="1"/>
  <c r="H6465" i="2" s="1"/>
  <c r="F2431" i="2" a="1"/>
  <c r="F2431" i="2" s="1"/>
  <c r="H3472" i="2" a="1"/>
  <c r="H3472" i="2" s="1"/>
  <c r="D1534" i="2" a="1"/>
  <c r="D1534" i="2" s="1"/>
  <c r="D1529" i="2" a="1"/>
  <c r="D1529" i="2" s="1"/>
  <c r="D3908" i="2" a="1"/>
  <c r="D3908" i="2" s="1"/>
  <c r="G8065" i="2" a="1"/>
  <c r="G8065" i="2" s="1"/>
  <c r="D2138" i="2" a="1"/>
  <c r="D2138" i="2" s="1"/>
  <c r="AM89" i="1"/>
  <c r="E8125" i="2" a="1"/>
  <c r="E8125" i="2" s="1"/>
  <c r="H537" i="2" a="1"/>
  <c r="H537" i="2" s="1"/>
  <c r="H523" i="2" a="1"/>
  <c r="H523" i="2" s="1"/>
  <c r="E4535" i="2" a="1"/>
  <c r="E4535" i="2" s="1"/>
  <c r="G2609" i="2" a="1"/>
  <c r="G2609" i="2" s="1"/>
  <c r="D6103" i="2" a="1"/>
  <c r="D6103" i="2" s="1"/>
  <c r="G5023" i="2" a="1"/>
  <c r="G5023" i="2" s="1"/>
  <c r="G6022" i="2" a="1"/>
  <c r="G6022" i="2" s="1"/>
  <c r="G4002" i="2" a="1"/>
  <c r="G4002" i="2" s="1"/>
  <c r="F3203" i="2" a="1"/>
  <c r="F3203" i="2" s="1"/>
  <c r="E6071" i="2" a="1"/>
  <c r="E6071" i="2" s="1"/>
  <c r="G59" i="2" a="1"/>
  <c r="G59" i="2" s="1"/>
  <c r="F5975" i="2" a="1"/>
  <c r="F5975" i="2" s="1"/>
  <c r="F2408" i="2" a="1"/>
  <c r="F2408" i="2" s="1"/>
  <c r="H1622" i="2" a="1"/>
  <c r="H1622" i="2" s="1"/>
  <c r="D3529" i="2" a="1"/>
  <c r="D3529" i="2" s="1"/>
  <c r="F1338" i="2" a="1"/>
  <c r="F1338" i="2" s="1"/>
  <c r="H452" i="2" a="1"/>
  <c r="H452" i="2" s="1"/>
  <c r="E6997" i="2" a="1"/>
  <c r="E6997" i="2" s="1"/>
  <c r="H3110" i="2" a="1"/>
  <c r="H3110" i="2" s="1"/>
  <c r="H3786" i="2" a="1"/>
  <c r="H3786" i="2" s="1"/>
  <c r="F6365" i="2" a="1"/>
  <c r="F6365" i="2" s="1"/>
  <c r="AN24" i="1"/>
  <c r="D30" i="5" s="1"/>
  <c r="G6439" i="2" a="1"/>
  <c r="G6439" i="2" s="1"/>
  <c r="H4929" i="2" a="1"/>
  <c r="H4929" i="2" s="1"/>
  <c r="H4921" i="2" a="1"/>
  <c r="H4921" i="2" s="1"/>
  <c r="AN109" i="1"/>
  <c r="D115" i="5" s="1"/>
  <c r="F3283" i="2" a="1"/>
  <c r="F3283" i="2" s="1"/>
  <c r="F3274" i="2" a="1"/>
  <c r="F3274" i="2" s="1"/>
  <c r="K3274" i="2" s="1"/>
  <c r="K3248" i="5" s="1"/>
  <c r="O3248" i="5" s="1"/>
  <c r="G3463" i="2" a="1"/>
  <c r="G3463" i="2" s="1"/>
  <c r="AN144" i="1"/>
  <c r="D150" i="5" s="1"/>
  <c r="H2651" i="2" a="1"/>
  <c r="H2651" i="2" s="1"/>
  <c r="D2733" i="2" a="1"/>
  <c r="D2733" i="2" s="1"/>
  <c r="F1408" i="2" a="1"/>
  <c r="F1408" i="2" s="1"/>
  <c r="E3536" i="2" a="1"/>
  <c r="E3536" i="2" s="1"/>
  <c r="D2520" i="2" a="1"/>
  <c r="D2520" i="2" s="1"/>
  <c r="D7424" i="2" a="1"/>
  <c r="D7424" i="2" s="1"/>
  <c r="D4343" i="2" a="1"/>
  <c r="D4343" i="2" s="1"/>
  <c r="E6099" i="2" a="1"/>
  <c r="E6099" i="2" s="1"/>
  <c r="E6103" i="2" a="1"/>
  <c r="E6103" i="2" s="1"/>
  <c r="D5909" i="2" a="1"/>
  <c r="D5909" i="2" s="1"/>
  <c r="G6259" i="2" a="1"/>
  <c r="G6259" i="2" s="1"/>
  <c r="E6632" i="2" a="1"/>
  <c r="E6632" i="2" s="1"/>
  <c r="D994" i="2" a="1"/>
  <c r="D994" i="2" s="1"/>
  <c r="F3646" i="2" a="1"/>
  <c r="F3646" i="2" s="1"/>
  <c r="E4404" i="2" a="1"/>
  <c r="E4404" i="2" s="1"/>
  <c r="D6755" i="2" a="1"/>
  <c r="D6755" i="2" s="1"/>
  <c r="G4215" i="2" a="1"/>
  <c r="G4215" i="2" s="1"/>
  <c r="F51" i="2" a="1"/>
  <c r="F51" i="2" s="1"/>
  <c r="D814" i="2" a="1"/>
  <c r="D814" i="2" s="1"/>
  <c r="M814" i="2" s="1"/>
  <c r="M788" i="5" s="1"/>
  <c r="AN34" i="1"/>
  <c r="D40" i="5" s="1"/>
  <c r="F6473" i="2" a="1"/>
  <c r="F6473" i="2" s="1"/>
  <c r="F6074" i="2" a="1"/>
  <c r="F6074" i="2" s="1"/>
  <c r="F6381" i="2" a="1"/>
  <c r="F6381" i="2" s="1"/>
  <c r="G6219" i="2" a="1"/>
  <c r="G6219" i="2" s="1"/>
  <c r="E6444" i="2" a="1"/>
  <c r="E6444" i="2" s="1"/>
  <c r="E5849" i="2" a="1"/>
  <c r="E5849" i="2" s="1"/>
  <c r="D2984" i="2" a="1"/>
  <c r="D2984" i="2" s="1"/>
  <c r="H6654" i="2" a="1"/>
  <c r="H6654" i="2" s="1"/>
  <c r="H6459" i="2" a="1"/>
  <c r="H6459" i="2" s="1"/>
  <c r="F2420" i="2" a="1"/>
  <c r="F2420" i="2" s="1"/>
  <c r="H3487" i="2" a="1"/>
  <c r="H3487" i="2" s="1"/>
  <c r="E1712" i="2" a="1"/>
  <c r="E1712" i="2" s="1"/>
  <c r="AP100" i="1"/>
  <c r="F106" i="5" s="1"/>
  <c r="E3326" i="2" a="1"/>
  <c r="E3326" i="2" s="1"/>
  <c r="E3344" i="2" a="1"/>
  <c r="E3344" i="2" s="1"/>
  <c r="E2400" i="2" a="1"/>
  <c r="E2400" i="2" s="1"/>
  <c r="E2388" i="2" a="1"/>
  <c r="E2388" i="2" s="1"/>
  <c r="H717" i="2" a="1"/>
  <c r="H717" i="2" s="1"/>
  <c r="D3901" i="2" a="1"/>
  <c r="D3901" i="2" s="1"/>
  <c r="K3901" i="2" s="1"/>
  <c r="K3875" i="5" s="1"/>
  <c r="O3875" i="5" s="1"/>
  <c r="G8060" i="2" a="1"/>
  <c r="G8060" i="2" s="1"/>
  <c r="D2129" i="2" a="1"/>
  <c r="D2129" i="2" s="1"/>
  <c r="AP89" i="1"/>
  <c r="F95" i="5" s="1"/>
  <c r="E8142" i="2" a="1"/>
  <c r="E8142" i="2" s="1"/>
  <c r="H527" i="2" a="1"/>
  <c r="H527" i="2" s="1"/>
  <c r="H530" i="2" a="1"/>
  <c r="H530" i="2" s="1"/>
  <c r="E4540" i="2" a="1"/>
  <c r="E4540" i="2" s="1"/>
  <c r="G2620" i="2" a="1"/>
  <c r="G2620" i="2" s="1"/>
  <c r="D6099" i="2" a="1"/>
  <c r="D6099" i="2" s="1"/>
  <c r="G5015" i="2" a="1"/>
  <c r="G5015" i="2" s="1"/>
  <c r="G6027" i="2" a="1"/>
  <c r="G6027" i="2" s="1"/>
  <c r="G4005" i="2" a="1"/>
  <c r="G4005" i="2" s="1"/>
  <c r="F3224" i="2" a="1"/>
  <c r="F3224" i="2" s="1"/>
  <c r="E6070" i="2" a="1"/>
  <c r="E6070" i="2" s="1"/>
  <c r="G71" i="2" a="1"/>
  <c r="G71" i="2" s="1"/>
  <c r="F5980" i="2" a="1"/>
  <c r="F5980" i="2" s="1"/>
  <c r="F2388" i="2" a="1"/>
  <c r="F2388" i="2" s="1"/>
  <c r="H1620" i="2" a="1"/>
  <c r="H1620" i="2" s="1"/>
  <c r="D3517" i="2" a="1"/>
  <c r="D3517" i="2" s="1"/>
  <c r="F1339" i="2" a="1"/>
  <c r="F1339" i="2" s="1"/>
  <c r="H463" i="2" a="1"/>
  <c r="H463" i="2" s="1"/>
  <c r="AM261" i="1"/>
  <c r="E7016" i="2" a="1"/>
  <c r="E7016" i="2" s="1"/>
  <c r="H3119" i="2" a="1"/>
  <c r="H3119" i="2" s="1"/>
  <c r="H3779" i="2" a="1"/>
  <c r="H3779" i="2" s="1"/>
  <c r="H3780" i="2" a="1"/>
  <c r="H3780" i="2" s="1"/>
  <c r="F6350" i="2" a="1"/>
  <c r="F6350" i="2" s="1"/>
  <c r="AQ24" i="1"/>
  <c r="G30" i="5" s="1"/>
  <c r="G6418" i="2" a="1"/>
  <c r="G6418" i="2" s="1"/>
  <c r="H4917" i="2" a="1"/>
  <c r="H4917" i="2" s="1"/>
  <c r="AQ109" i="1"/>
  <c r="G115" i="5" s="1"/>
  <c r="F3296" i="2" a="1"/>
  <c r="F3296" i="2" s="1"/>
  <c r="G3452" i="2" a="1"/>
  <c r="G3452" i="2" s="1"/>
  <c r="G3442" i="2" a="1"/>
  <c r="G3442" i="2" s="1"/>
  <c r="AO144" i="1"/>
  <c r="E150" i="5" s="1"/>
  <c r="H2670" i="2" a="1"/>
  <c r="H2670" i="2" s="1"/>
  <c r="D2726" i="2" a="1"/>
  <c r="D2726" i="2" s="1"/>
  <c r="F1422" i="2" a="1"/>
  <c r="F1422" i="2" s="1"/>
  <c r="E3514" i="2" a="1"/>
  <c r="E3514" i="2" s="1"/>
  <c r="D2522" i="2" a="1"/>
  <c r="D2522" i="2" s="1"/>
  <c r="D7408" i="2" a="1"/>
  <c r="D7408" i="2" s="1"/>
  <c r="D4350" i="2" a="1"/>
  <c r="D4350" i="2" s="1"/>
  <c r="E6104" i="2" a="1"/>
  <c r="E6104" i="2" s="1"/>
  <c r="D5894" i="2" a="1"/>
  <c r="D5894" i="2" s="1"/>
  <c r="G6268" i="2" a="1"/>
  <c r="G6268" i="2" s="1"/>
  <c r="E6631" i="2" a="1"/>
  <c r="E6631" i="2" s="1"/>
  <c r="E6622" i="2" a="1"/>
  <c r="E6622" i="2" s="1"/>
  <c r="G5444" i="2" a="1"/>
  <c r="G5444" i="2" s="1"/>
  <c r="D1002" i="2" a="1"/>
  <c r="D1002" i="2" s="1"/>
  <c r="F3649" i="2" a="1"/>
  <c r="F3649" i="2" s="1"/>
  <c r="E4405" i="2" a="1"/>
  <c r="E4405" i="2" s="1"/>
  <c r="E4420" i="2" a="1"/>
  <c r="E4420" i="2" s="1"/>
  <c r="D6768" i="2" a="1"/>
  <c r="D6768" i="2" s="1"/>
  <c r="G4210" i="2" a="1"/>
  <c r="G4210" i="2" s="1"/>
  <c r="F56" i="2" a="1"/>
  <c r="F56" i="2" s="1"/>
  <c r="D822" i="2" a="1"/>
  <c r="D822" i="2" s="1"/>
  <c r="AP34" i="1"/>
  <c r="F40" i="5" s="1"/>
  <c r="F6486" i="2" a="1"/>
  <c r="F6486" i="2" s="1"/>
  <c r="F6069" i="2" a="1"/>
  <c r="F6069" i="2" s="1"/>
  <c r="F6387" i="2" a="1"/>
  <c r="F6387" i="2" s="1"/>
  <c r="G6217" i="2" a="1"/>
  <c r="G6217" i="2" s="1"/>
  <c r="E6453" i="2" a="1"/>
  <c r="E6453" i="2" s="1"/>
  <c r="D385" i="2" a="1"/>
  <c r="D385" i="2" s="1"/>
  <c r="D2985" i="2" a="1"/>
  <c r="D2985" i="2" s="1"/>
  <c r="H6649" i="2" a="1"/>
  <c r="H6649" i="2" s="1"/>
  <c r="H6454" i="2" a="1"/>
  <c r="H6454" i="2" s="1"/>
  <c r="F2428" i="2" a="1"/>
  <c r="F2428" i="2" s="1"/>
  <c r="H3479" i="2" a="1"/>
  <c r="H3479" i="2" s="1"/>
  <c r="E1711" i="2" a="1"/>
  <c r="E1711" i="2" s="1"/>
  <c r="AQ100" i="1"/>
  <c r="G106" i="5" s="1"/>
  <c r="E3336" i="2" a="1"/>
  <c r="E3336" i="2" s="1"/>
  <c r="E3345" i="2" a="1"/>
  <c r="E3345" i="2" s="1"/>
  <c r="E2404" i="2" a="1"/>
  <c r="E2404" i="2" s="1"/>
  <c r="H725" i="2" a="1"/>
  <c r="H725" i="2" s="1"/>
  <c r="D3915" i="2" a="1"/>
  <c r="D3915" i="2" s="1"/>
  <c r="G8053" i="2" a="1"/>
  <c r="G8053" i="2" s="1"/>
  <c r="D2133" i="2" a="1"/>
  <c r="D2133" i="2" s="1"/>
  <c r="AO89" i="1"/>
  <c r="E95" i="5" s="1"/>
  <c r="E8130" i="2" a="1"/>
  <c r="E8130" i="2" s="1"/>
  <c r="H524" i="2" a="1"/>
  <c r="H524" i="2" s="1"/>
  <c r="H515" i="2" a="1"/>
  <c r="H515" i="2" s="1"/>
  <c r="E4539" i="2" a="1"/>
  <c r="E4539" i="2" s="1"/>
  <c r="G2606" i="2" a="1"/>
  <c r="G2606" i="2" s="1"/>
  <c r="D6095" i="2" a="1"/>
  <c r="D6095" i="2" s="1"/>
  <c r="G5009" i="2" a="1"/>
  <c r="G5009" i="2" s="1"/>
  <c r="G6030" i="2" a="1"/>
  <c r="G6030" i="2" s="1"/>
  <c r="G3998" i="2" a="1"/>
  <c r="G3998" i="2" s="1"/>
  <c r="F3206" i="2" a="1"/>
  <c r="F3206" i="2" s="1"/>
  <c r="E6066" i="2" a="1"/>
  <c r="E6066" i="2" s="1"/>
  <c r="G67" i="2" a="1"/>
  <c r="G67" i="2" s="1"/>
  <c r="G76" i="2" a="1"/>
  <c r="G76" i="2" s="1"/>
  <c r="F5969" i="2" a="1"/>
  <c r="F5969" i="2" s="1"/>
  <c r="F2407" i="2" a="1"/>
  <c r="F2407" i="2" s="1"/>
  <c r="F2396" i="2" a="1"/>
  <c r="F2396" i="2" s="1"/>
  <c r="H1621" i="2" a="1"/>
  <c r="H1621" i="2" s="1"/>
  <c r="D3536" i="2" a="1"/>
  <c r="D3536" i="2" s="1"/>
  <c r="F1335" i="2" a="1"/>
  <c r="F1335" i="2" s="1"/>
  <c r="H450" i="2" a="1"/>
  <c r="H450" i="2" s="1"/>
  <c r="AP261" i="1"/>
  <c r="F267" i="5" s="1"/>
  <c r="E6996" i="2" a="1"/>
  <c r="E6996" i="2" s="1"/>
  <c r="L6996" i="2" s="1"/>
  <c r="L6970" i="5" s="1"/>
  <c r="H3118" i="2" a="1"/>
  <c r="H3118" i="2" s="1"/>
  <c r="H3782" i="2" a="1"/>
  <c r="H3782" i="2" s="1"/>
  <c r="H3785" i="2" a="1"/>
  <c r="H3785" i="2" s="1"/>
  <c r="F6351" i="2" a="1"/>
  <c r="F6351" i="2" s="1"/>
  <c r="G6441" i="2" a="1"/>
  <c r="G6441" i="2" s="1"/>
  <c r="H4924" i="2" a="1"/>
  <c r="H4924" i="2" s="1"/>
  <c r="AO109" i="1"/>
  <c r="E115" i="5" s="1"/>
  <c r="F3278" i="2" a="1"/>
  <c r="F3278" i="2" s="1"/>
  <c r="G3449" i="2" a="1"/>
  <c r="G3449" i="2" s="1"/>
  <c r="G3443" i="2" a="1"/>
  <c r="G3443" i="2" s="1"/>
  <c r="AQ144" i="1"/>
  <c r="G150" i="5" s="1"/>
  <c r="H2663" i="2" a="1"/>
  <c r="H2663" i="2" s="1"/>
  <c r="D2745" i="2" a="1"/>
  <c r="D2745" i="2" s="1"/>
  <c r="F1425" i="2" a="1"/>
  <c r="F1425" i="2" s="1"/>
  <c r="E3527" i="2" a="1"/>
  <c r="E3527" i="2" s="1"/>
  <c r="D2518" i="2" a="1"/>
  <c r="D2518" i="2" s="1"/>
  <c r="D7404" i="2" a="1"/>
  <c r="D7404" i="2" s="1"/>
  <c r="D4342" i="2" a="1"/>
  <c r="D4342" i="2" s="1"/>
  <c r="E6093" i="2" a="1"/>
  <c r="E6093" i="2" s="1"/>
  <c r="D5897" i="2" a="1"/>
  <c r="D5897" i="2" s="1"/>
  <c r="G6258" i="2" a="1"/>
  <c r="G6258" i="2" s="1"/>
  <c r="E6625" i="2" a="1"/>
  <c r="E6625" i="2" s="1"/>
  <c r="E6610" i="2" a="1"/>
  <c r="E6610" i="2" s="1"/>
  <c r="G5453" i="2" a="1"/>
  <c r="G5453" i="2" s="1"/>
  <c r="D1012" i="2" a="1"/>
  <c r="D1012" i="2" s="1"/>
  <c r="F3648" i="2" a="1"/>
  <c r="F3648" i="2" s="1"/>
  <c r="E4418" i="2" a="1"/>
  <c r="E4418" i="2" s="1"/>
  <c r="E4412" i="2" a="1"/>
  <c r="E4412" i="2" s="1"/>
  <c r="D6769" i="2" a="1"/>
  <c r="D6769" i="2" s="1"/>
  <c r="G4228" i="2" a="1"/>
  <c r="G4228" i="2" s="1"/>
  <c r="F52" i="2" a="1"/>
  <c r="F52" i="2" s="1"/>
  <c r="D810" i="2" a="1"/>
  <c r="D810" i="2" s="1"/>
  <c r="AO34" i="1"/>
  <c r="E40" i="5" s="1"/>
  <c r="F6488" i="2" a="1"/>
  <c r="F6488" i="2" s="1"/>
  <c r="F6066" i="2" a="1"/>
  <c r="F6066" i="2" s="1"/>
  <c r="F6383" i="2" a="1"/>
  <c r="F6383" i="2" s="1"/>
  <c r="G6208" i="2" a="1"/>
  <c r="G6208" i="2" s="1"/>
  <c r="D382" i="2" a="1"/>
  <c r="D382" i="2" s="1"/>
  <c r="D2980" i="2" a="1"/>
  <c r="D2980" i="2" s="1"/>
  <c r="H6656" i="2" a="1"/>
  <c r="H6656" i="2" s="1"/>
  <c r="H6458" i="2" a="1"/>
  <c r="H6458" i="2" s="1"/>
  <c r="F2417" i="2" a="1"/>
  <c r="F2417" i="2" s="1"/>
  <c r="E1693" i="2" a="1"/>
  <c r="E1693" i="2" s="1"/>
  <c r="E8538" i="2" a="1"/>
  <c r="E8538" i="2" s="1"/>
  <c r="E8540" i="2" a="1"/>
  <c r="E8540" i="2" s="1"/>
  <c r="E8541" i="2" a="1"/>
  <c r="E8541" i="2" s="1"/>
  <c r="E8543" i="2" a="1"/>
  <c r="E8543" i="2" s="1"/>
  <c r="AO100" i="1"/>
  <c r="E106" i="5" s="1"/>
  <c r="E3330" i="2" a="1"/>
  <c r="E3330" i="2" s="1"/>
  <c r="E3338" i="2" a="1"/>
  <c r="E3338" i="2" s="1"/>
  <c r="E2398" i="2" a="1"/>
  <c r="E2398" i="2" s="1"/>
  <c r="H727" i="2" a="1"/>
  <c r="H727" i="2" s="1"/>
  <c r="D3902" i="2" a="1"/>
  <c r="D3902" i="2" s="1"/>
  <c r="G8059" i="2" a="1"/>
  <c r="G8059" i="2" s="1"/>
  <c r="D2139" i="2" a="1"/>
  <c r="D2139" i="2" s="1"/>
  <c r="AQ89" i="1"/>
  <c r="G95" i="5" s="1"/>
  <c r="E8137" i="2" a="1"/>
  <c r="E8137" i="2" s="1"/>
  <c r="H525" i="2" a="1"/>
  <c r="H525" i="2" s="1"/>
  <c r="H526" i="2" a="1"/>
  <c r="H526" i="2" s="1"/>
  <c r="E4526" i="2" a="1"/>
  <c r="E4526" i="2" s="1"/>
  <c r="G2624" i="2" a="1"/>
  <c r="G2624" i="2" s="1"/>
  <c r="D6091" i="2" a="1"/>
  <c r="D6091" i="2" s="1"/>
  <c r="G5012" i="2" a="1"/>
  <c r="G5012" i="2" s="1"/>
  <c r="G6029" i="2" a="1"/>
  <c r="G6029" i="2" s="1"/>
  <c r="G3996" i="2" a="1"/>
  <c r="G3996" i="2" s="1"/>
  <c r="F3211" i="2" a="1"/>
  <c r="F3211" i="2" s="1"/>
  <c r="E6072" i="2" a="1"/>
  <c r="E6072" i="2" s="1"/>
  <c r="G75" i="2" a="1"/>
  <c r="G75" i="2" s="1"/>
  <c r="G65" i="2" a="1"/>
  <c r="G65" i="2" s="1"/>
  <c r="F5979" i="2" a="1"/>
  <c r="F5979" i="2" s="1"/>
  <c r="F2389" i="2" a="1"/>
  <c r="F2389" i="2" s="1"/>
  <c r="F2395" i="2" a="1"/>
  <c r="F2395" i="2" s="1"/>
  <c r="H1619" i="2" a="1"/>
  <c r="H1619" i="2" s="1"/>
  <c r="D3527" i="2" a="1"/>
  <c r="D3527" i="2" s="1"/>
  <c r="F1344" i="2" a="1"/>
  <c r="F1344" i="2" s="1"/>
  <c r="H462" i="2" a="1"/>
  <c r="H462" i="2" s="1"/>
  <c r="AN261" i="1"/>
  <c r="D267" i="5" s="1"/>
  <c r="E7012" i="2" a="1"/>
  <c r="E7012" i="2" s="1"/>
  <c r="H3117" i="2" a="1"/>
  <c r="H3117" i="2" s="1"/>
  <c r="H3790" i="2" a="1"/>
  <c r="H3790" i="2" s="1"/>
  <c r="H3792" i="2" a="1"/>
  <c r="H3792" i="2" s="1"/>
  <c r="F6357" i="2" a="1"/>
  <c r="F6357" i="2" s="1"/>
  <c r="G6436" i="2" a="1"/>
  <c r="G6436" i="2" s="1"/>
  <c r="H4912" i="2" a="1"/>
  <c r="H4912" i="2" s="1"/>
  <c r="F3284" i="2" a="1"/>
  <c r="F3284" i="2" s="1"/>
  <c r="G3462" i="2" a="1"/>
  <c r="G3462" i="2" s="1"/>
  <c r="G3460" i="2" a="1"/>
  <c r="G3460" i="2" s="1"/>
  <c r="H2668" i="2" a="1"/>
  <c r="H2668" i="2" s="1"/>
  <c r="D2736" i="2" a="1"/>
  <c r="D2736" i="2" s="1"/>
  <c r="D2741" i="2" a="1"/>
  <c r="D2741" i="2" s="1"/>
  <c r="F1411" i="2" a="1"/>
  <c r="F1411" i="2" s="1"/>
  <c r="E3523" i="2" a="1"/>
  <c r="E3523" i="2" s="1"/>
  <c r="D2512" i="2" a="1"/>
  <c r="D2512" i="2" s="1"/>
  <c r="D7417" i="2" a="1"/>
  <c r="D7417" i="2" s="1"/>
  <c r="D4338" i="2" a="1"/>
  <c r="D4338" i="2" s="1"/>
  <c r="E6095" i="2" a="1"/>
  <c r="E6095" i="2" s="1"/>
  <c r="D5903" i="2" a="1"/>
  <c r="D5903" i="2" s="1"/>
  <c r="G6267" i="2" a="1"/>
  <c r="G6267" i="2" s="1"/>
  <c r="E6619" i="2" a="1"/>
  <c r="E6619" i="2" s="1"/>
  <c r="M6619" i="2" s="1"/>
  <c r="M6593" i="5" s="1"/>
  <c r="E6627" i="2" a="1"/>
  <c r="E6627" i="2" s="1"/>
  <c r="J6627" i="2" s="1"/>
  <c r="J6601" i="5" s="1"/>
  <c r="N6601" i="5" s="1"/>
  <c r="D1016" i="2" a="1"/>
  <c r="D1016" i="2" s="1"/>
  <c r="F3654" i="2" a="1"/>
  <c r="F3654" i="2" s="1"/>
  <c r="E4414" i="2" a="1"/>
  <c r="E4414" i="2" s="1"/>
  <c r="E4419" i="2" a="1"/>
  <c r="E4419" i="2" s="1"/>
  <c r="D6764" i="2" a="1"/>
  <c r="D6764" i="2" s="1"/>
  <c r="G4212" i="2" a="1"/>
  <c r="G4212" i="2" s="1"/>
  <c r="F43" i="2" a="1"/>
  <c r="F43" i="2" s="1"/>
  <c r="D806" i="2" a="1"/>
  <c r="D806" i="2" s="1"/>
  <c r="F6072" i="2" a="1"/>
  <c r="F6072" i="2" s="1"/>
  <c r="D2975" i="2" a="1"/>
  <c r="D2975" i="2" s="1"/>
  <c r="H6637" i="2" a="1"/>
  <c r="H6637" i="2" s="1"/>
  <c r="E2880" i="2" a="1"/>
  <c r="E2880" i="2" s="1"/>
  <c r="G3333" i="2" a="1"/>
  <c r="G3333" i="2" s="1"/>
  <c r="H6443" i="2" a="1"/>
  <c r="H6443" i="2" s="1"/>
  <c r="AQ76" i="1"/>
  <c r="G82" i="5" s="1"/>
  <c r="E7410" i="2" a="1"/>
  <c r="E7410" i="2" s="1"/>
  <c r="E7415" i="2" a="1"/>
  <c r="E7415" i="2" s="1"/>
  <c r="E7414" i="2" a="1"/>
  <c r="E7414" i="2" s="1"/>
  <c r="E7404" i="2" a="1"/>
  <c r="E7404" i="2" s="1"/>
  <c r="G84" i="2" a="1"/>
  <c r="G84" i="2" s="1"/>
  <c r="G82" i="2" a="1"/>
  <c r="G82" i="2" s="1"/>
  <c r="G91" i="2" a="1"/>
  <c r="G91" i="2" s="1"/>
  <c r="G83" i="2" a="1"/>
  <c r="G83" i="2" s="1"/>
  <c r="E5723" i="2" a="1"/>
  <c r="E5723" i="2" s="1"/>
  <c r="E5736" i="2" a="1"/>
  <c r="E5736" i="2" s="1"/>
  <c r="E5745" i="2" a="1"/>
  <c r="E5745" i="2" s="1"/>
  <c r="E5735" i="2" a="1"/>
  <c r="E5735" i="2" s="1"/>
  <c r="H54" i="2" a="1"/>
  <c r="H54" i="2" s="1"/>
  <c r="H34" i="2" a="1"/>
  <c r="H34" i="2" s="1"/>
  <c r="H47" i="2" a="1"/>
  <c r="H47" i="2" s="1"/>
  <c r="H55" i="2" a="1"/>
  <c r="H55" i="2" s="1"/>
  <c r="E3340" i="2" a="1"/>
  <c r="E3340" i="2" s="1"/>
  <c r="E3339" i="2" a="1"/>
  <c r="E3339" i="2" s="1"/>
  <c r="E2386" i="2" a="1"/>
  <c r="E2386" i="2" s="1"/>
  <c r="H726" i="2" a="1"/>
  <c r="H726" i="2" s="1"/>
  <c r="D3916" i="2" a="1"/>
  <c r="D3916" i="2" s="1"/>
  <c r="D3899" i="2" a="1"/>
  <c r="D3899" i="2" s="1"/>
  <c r="G8051" i="2" a="1"/>
  <c r="G8051" i="2" s="1"/>
  <c r="D2137" i="2" a="1"/>
  <c r="D2137" i="2" s="1"/>
  <c r="AN89" i="1"/>
  <c r="D95" i="5" s="1"/>
  <c r="E8136" i="2" a="1"/>
  <c r="E8136" i="2" s="1"/>
  <c r="H521" i="2" a="1"/>
  <c r="H521" i="2" s="1"/>
  <c r="E4543" i="2" a="1"/>
  <c r="E4543" i="2" s="1"/>
  <c r="G2611" i="2" a="1"/>
  <c r="G2611" i="2" s="1"/>
  <c r="D6087" i="2" a="1"/>
  <c r="D6087" i="2" s="1"/>
  <c r="G5019" i="2" a="1"/>
  <c r="G5019" i="2" s="1"/>
  <c r="G6011" i="2" a="1"/>
  <c r="G6011" i="2" s="1"/>
  <c r="G3997" i="2" a="1"/>
  <c r="G3997" i="2" s="1"/>
  <c r="F3207" i="2" a="1"/>
  <c r="F3207" i="2" s="1"/>
  <c r="E6075" i="2" a="1"/>
  <c r="E6075" i="2" s="1"/>
  <c r="G74" i="2" a="1"/>
  <c r="G74" i="2" s="1"/>
  <c r="G58" i="2" a="1"/>
  <c r="G58" i="2" s="1"/>
  <c r="AM268" i="1"/>
  <c r="F5971" i="2" a="1"/>
  <c r="F5971" i="2" s="1"/>
  <c r="F2393" i="2" a="1"/>
  <c r="F2393" i="2" s="1"/>
  <c r="F2406" i="2" a="1"/>
  <c r="F2406" i="2" s="1"/>
  <c r="H1630" i="2" a="1"/>
  <c r="H1630" i="2" s="1"/>
  <c r="D3520" i="2" a="1"/>
  <c r="D3520" i="2" s="1"/>
  <c r="F1346" i="2" a="1"/>
  <c r="F1346" i="2" s="1"/>
  <c r="H448" i="2" a="1"/>
  <c r="H448" i="2" s="1"/>
  <c r="AO261" i="1"/>
  <c r="E267" i="5" s="1"/>
  <c r="E7007" i="2" a="1"/>
  <c r="E7007" i="2" s="1"/>
  <c r="H3114" i="2" a="1"/>
  <c r="H3114" i="2" s="1"/>
  <c r="H3791" i="2" a="1"/>
  <c r="H3791" i="2" s="1"/>
  <c r="H3801" i="2" a="1"/>
  <c r="H3801" i="2" s="1"/>
  <c r="F6361" i="2" a="1"/>
  <c r="F6361" i="2" s="1"/>
  <c r="G6428" i="2" a="1"/>
  <c r="G6428" i="2" s="1"/>
  <c r="G6434" i="2" a="1"/>
  <c r="G6434" i="2" s="1"/>
  <c r="H4911" i="2" a="1"/>
  <c r="H4911" i="2" s="1"/>
  <c r="F3289" i="2" a="1"/>
  <c r="F3289" i="2" s="1"/>
  <c r="G3451" i="2" a="1"/>
  <c r="G3451" i="2" s="1"/>
  <c r="G3444" i="2" a="1"/>
  <c r="G3444" i="2" s="1"/>
  <c r="H2653" i="2" a="1"/>
  <c r="H2653" i="2" s="1"/>
  <c r="H2662" i="2" a="1"/>
  <c r="H2662" i="2" s="1"/>
  <c r="D2740" i="2" a="1"/>
  <c r="D2740" i="2" s="1"/>
  <c r="D2737" i="2" a="1"/>
  <c r="D2737" i="2" s="1"/>
  <c r="F1406" i="2" a="1"/>
  <c r="F1406" i="2" s="1"/>
  <c r="E3533" i="2" a="1"/>
  <c r="E3533" i="2" s="1"/>
  <c r="D2506" i="2" a="1"/>
  <c r="D2506" i="2" s="1"/>
  <c r="D7418" i="2" a="1"/>
  <c r="D7418" i="2" s="1"/>
  <c r="D4334" i="2" a="1"/>
  <c r="D4334" i="2" s="1"/>
  <c r="E6084" i="2" a="1"/>
  <c r="E6084" i="2" s="1"/>
  <c r="D5896" i="2" a="1"/>
  <c r="D5896" i="2" s="1"/>
  <c r="D5904" i="2" a="1"/>
  <c r="D5904" i="2" s="1"/>
  <c r="AM299" i="1"/>
  <c r="AM39" i="1"/>
  <c r="G6266" i="2" a="1"/>
  <c r="G6266" i="2" s="1"/>
  <c r="G6257" i="2" a="1"/>
  <c r="G6257" i="2" s="1"/>
  <c r="E6620" i="2" a="1"/>
  <c r="E6620" i="2" s="1"/>
  <c r="E6617" i="2" a="1"/>
  <c r="E6617" i="2" s="1"/>
  <c r="G5446" i="2" a="1"/>
  <c r="G5446" i="2" s="1"/>
  <c r="D997" i="2" a="1"/>
  <c r="D997" i="2" s="1"/>
  <c r="F3647" i="2" a="1"/>
  <c r="F3647" i="2" s="1"/>
  <c r="E4413" i="2" a="1"/>
  <c r="E4413" i="2" s="1"/>
  <c r="E4417" i="2" a="1"/>
  <c r="E4417" i="2" s="1"/>
  <c r="D6760" i="2" a="1"/>
  <c r="D6760" i="2" s="1"/>
  <c r="G4230" i="2" a="1"/>
  <c r="G4230" i="2" s="1"/>
  <c r="F54" i="2" a="1"/>
  <c r="F54" i="2" s="1"/>
  <c r="D805" i="2" a="1"/>
  <c r="D805" i="2" s="1"/>
  <c r="F6472" i="2" a="1"/>
  <c r="F6472" i="2" s="1"/>
  <c r="F6062" i="2" a="1"/>
  <c r="F6062" i="2" s="1"/>
  <c r="F6373" i="2" a="1"/>
  <c r="F6373" i="2" s="1"/>
  <c r="D2962" i="2" a="1"/>
  <c r="D2962" i="2" s="1"/>
  <c r="H6651" i="2" a="1"/>
  <c r="H6651" i="2" s="1"/>
  <c r="E2874" i="2" a="1"/>
  <c r="E2874" i="2" s="1"/>
  <c r="G3340" i="2" a="1"/>
  <c r="G3340" i="2" s="1"/>
  <c r="H6460" i="2" a="1"/>
  <c r="H6460" i="2" s="1"/>
  <c r="E3710" i="2" a="1"/>
  <c r="E3710" i="2" s="1"/>
  <c r="G4079" i="2" a="1"/>
  <c r="G4079" i="2" s="1"/>
  <c r="D1735" i="2" a="1"/>
  <c r="D1735" i="2" s="1"/>
  <c r="E2397" i="2" a="1"/>
  <c r="E2397" i="2" s="1"/>
  <c r="H719" i="2" a="1"/>
  <c r="H719" i="2" s="1"/>
  <c r="D3909" i="2" a="1"/>
  <c r="D3909" i="2" s="1"/>
  <c r="D3920" i="2" a="1"/>
  <c r="D3920" i="2" s="1"/>
  <c r="G8064" i="2" a="1"/>
  <c r="G8064" i="2" s="1"/>
  <c r="D2145" i="2" a="1"/>
  <c r="D2145" i="2" s="1"/>
  <c r="AM139" i="1"/>
  <c r="E8123" i="2" a="1"/>
  <c r="E8123" i="2" s="1"/>
  <c r="H520" i="2" a="1"/>
  <c r="H520" i="2" s="1"/>
  <c r="E4529" i="2" a="1"/>
  <c r="E4529" i="2" s="1"/>
  <c r="G2618" i="2" a="1"/>
  <c r="G2618" i="2" s="1"/>
  <c r="D6083" i="2" a="1"/>
  <c r="D6083" i="2" s="1"/>
  <c r="G5005" i="2" a="1"/>
  <c r="G5005" i="2" s="1"/>
  <c r="G6015" i="2" a="1"/>
  <c r="G6015" i="2" s="1"/>
  <c r="G3999" i="2" a="1"/>
  <c r="G3999" i="2" s="1"/>
  <c r="F3208" i="2" a="1"/>
  <c r="F3208" i="2" s="1"/>
  <c r="E6061" i="2" a="1"/>
  <c r="E6061" i="2" s="1"/>
  <c r="G78" i="2" a="1"/>
  <c r="G78" i="2" s="1"/>
  <c r="G60" i="2" a="1"/>
  <c r="G60" i="2" s="1"/>
  <c r="AN268" i="1"/>
  <c r="D274" i="5" s="1"/>
  <c r="F5967" i="2" a="1"/>
  <c r="F5967" i="2" s="1"/>
  <c r="F2391" i="2" a="1"/>
  <c r="F2391" i="2" s="1"/>
  <c r="F2394" i="2" a="1"/>
  <c r="F2394" i="2" s="1"/>
  <c r="H1625" i="2" a="1"/>
  <c r="H1625" i="2" s="1"/>
  <c r="H1634" i="2" a="1"/>
  <c r="H1634" i="2" s="1"/>
  <c r="D3519" i="2" a="1"/>
  <c r="D3519" i="2" s="1"/>
  <c r="F1352" i="2" a="1"/>
  <c r="F1352" i="2" s="1"/>
  <c r="H447" i="2" a="1"/>
  <c r="H447" i="2" s="1"/>
  <c r="AQ261" i="1"/>
  <c r="G267" i="5" s="1"/>
  <c r="E6999" i="2" a="1"/>
  <c r="E6999" i="2" s="1"/>
  <c r="L6999" i="2" s="1"/>
  <c r="L6973" i="5" s="1"/>
  <c r="H3123" i="2" a="1"/>
  <c r="H3123" i="2" s="1"/>
  <c r="H3784" i="2" a="1"/>
  <c r="H3784" i="2" s="1"/>
  <c r="F6348" i="2" a="1"/>
  <c r="F6348" i="2" s="1"/>
  <c r="G6420" i="2" a="1"/>
  <c r="G6420" i="2" s="1"/>
  <c r="G6422" i="2" a="1"/>
  <c r="G6422" i="2" s="1"/>
  <c r="H4907" i="2" a="1"/>
  <c r="H4907" i="2" s="1"/>
  <c r="F3290" i="2" a="1"/>
  <c r="F3290" i="2" s="1"/>
  <c r="G3446" i="2" a="1"/>
  <c r="G3446" i="2" s="1"/>
  <c r="H2652" i="2" a="1"/>
  <c r="H2652" i="2" s="1"/>
  <c r="H2667" i="2" a="1"/>
  <c r="H2667" i="2" s="1"/>
  <c r="D2724" i="2" a="1"/>
  <c r="D2724" i="2" s="1"/>
  <c r="D2725" i="2" a="1"/>
  <c r="D2725" i="2" s="1"/>
  <c r="F1403" i="2" a="1"/>
  <c r="F1403" i="2" s="1"/>
  <c r="E3535" i="2" a="1"/>
  <c r="E3535" i="2" s="1"/>
  <c r="D2515" i="2" a="1"/>
  <c r="D2515" i="2" s="1"/>
  <c r="D7403" i="2" a="1"/>
  <c r="D7403" i="2" s="1"/>
  <c r="D4330" i="2" a="1"/>
  <c r="D4330" i="2" s="1"/>
  <c r="E6101" i="2" a="1"/>
  <c r="E6101" i="2" s="1"/>
  <c r="D5905" i="2" a="1"/>
  <c r="D5905" i="2" s="1"/>
  <c r="D5893" i="2" a="1"/>
  <c r="D5893" i="2" s="1"/>
  <c r="AQ299" i="1"/>
  <c r="G305" i="5" s="1"/>
  <c r="AN39" i="1"/>
  <c r="D45" i="5" s="1"/>
  <c r="G6272" i="2" a="1"/>
  <c r="G6272" i="2" s="1"/>
  <c r="G6252" i="2" a="1"/>
  <c r="G6252" i="2" s="1"/>
  <c r="E6612" i="2" a="1"/>
  <c r="E6612" i="2" s="1"/>
  <c r="D998" i="2" a="1"/>
  <c r="D998" i="2" s="1"/>
  <c r="F3642" i="2" a="1"/>
  <c r="F3642" i="2" s="1"/>
  <c r="E4409" i="2" a="1"/>
  <c r="E4409" i="2" s="1"/>
  <c r="D6773" i="2" a="1"/>
  <c r="D6773" i="2" s="1"/>
  <c r="G4231" i="2" a="1"/>
  <c r="G4231" i="2" s="1"/>
  <c r="F47" i="2" a="1"/>
  <c r="F47" i="2" s="1"/>
  <c r="D821" i="2" a="1"/>
  <c r="D821" i="2" s="1"/>
  <c r="F6484" i="2" a="1"/>
  <c r="F6484" i="2" s="1"/>
  <c r="F6068" i="2" a="1"/>
  <c r="F6068" i="2" s="1"/>
  <c r="F6390" i="2" a="1"/>
  <c r="F6390" i="2" s="1"/>
  <c r="AN244" i="1"/>
  <c r="D250" i="5" s="1"/>
  <c r="E5862" i="2" a="1"/>
  <c r="E5862" i="2" s="1"/>
  <c r="H1779" i="2" a="1"/>
  <c r="H1779" i="2" s="1"/>
  <c r="D2972" i="2" a="1"/>
  <c r="D2972" i="2" s="1"/>
  <c r="E2876" i="2" a="1"/>
  <c r="E2876" i="2" s="1"/>
  <c r="G3342" i="2" a="1"/>
  <c r="G3342" i="2" s="1"/>
  <c r="H6457" i="2" a="1"/>
  <c r="H6457" i="2" s="1"/>
  <c r="G4085" i="2" a="1"/>
  <c r="G4085" i="2" s="1"/>
  <c r="D1725" i="2" a="1"/>
  <c r="D1725" i="2" s="1"/>
  <c r="F3456" i="2" a="1"/>
  <c r="F3456" i="2" s="1"/>
  <c r="F3462" i="2" a="1"/>
  <c r="F3462" i="2" s="1"/>
  <c r="F3446" i="2" a="1"/>
  <c r="F3446" i="2" s="1"/>
  <c r="F3457" i="2" a="1"/>
  <c r="F3457" i="2" s="1"/>
  <c r="F3461" i="2" a="1"/>
  <c r="F3461" i="2" s="1"/>
  <c r="F3450" i="2" a="1"/>
  <c r="F3450" i="2" s="1"/>
  <c r="H6332" i="2" a="1"/>
  <c r="H6332" i="2" s="1"/>
  <c r="H6339" i="2" a="1"/>
  <c r="H6339" i="2" s="1"/>
  <c r="H6330" i="2" a="1"/>
  <c r="H6330" i="2" s="1"/>
  <c r="H6344" i="2" a="1"/>
  <c r="H6344" i="2" s="1"/>
  <c r="H6323" i="2" a="1"/>
  <c r="H6323" i="2" s="1"/>
  <c r="H6342" i="2" a="1"/>
  <c r="H6342" i="2" s="1"/>
  <c r="E3333" i="2" a="1"/>
  <c r="E3333" i="2" s="1"/>
  <c r="E2396" i="2" a="1"/>
  <c r="E2396" i="2" s="1"/>
  <c r="H712" i="2" a="1"/>
  <c r="H712" i="2" s="1"/>
  <c r="D3917" i="2" a="1"/>
  <c r="D3917" i="2" s="1"/>
  <c r="D3912" i="2" a="1"/>
  <c r="D3912" i="2" s="1"/>
  <c r="G8068" i="2" a="1"/>
  <c r="G8068" i="2" s="1"/>
  <c r="D2141" i="2" a="1"/>
  <c r="D2141" i="2" s="1"/>
  <c r="AN139" i="1"/>
  <c r="D145" i="5" s="1"/>
  <c r="E8135" i="2" a="1"/>
  <c r="E8135" i="2" s="1"/>
  <c r="H516" i="2" a="1"/>
  <c r="H516" i="2" s="1"/>
  <c r="E4537" i="2" a="1"/>
  <c r="E4537" i="2" s="1"/>
  <c r="G2617" i="2" a="1"/>
  <c r="G2617" i="2" s="1"/>
  <c r="D6101" i="2" a="1"/>
  <c r="D6101" i="2" s="1"/>
  <c r="G5011" i="2" a="1"/>
  <c r="G5011" i="2" s="1"/>
  <c r="G6032" i="2" a="1"/>
  <c r="G6032" i="2" s="1"/>
  <c r="G4009" i="2" a="1"/>
  <c r="G4009" i="2" s="1"/>
  <c r="F3225" i="2" a="1"/>
  <c r="F3225" i="2" s="1"/>
  <c r="E6078" i="2" a="1"/>
  <c r="E6078" i="2" s="1"/>
  <c r="G69" i="2" a="1"/>
  <c r="G69" i="2" s="1"/>
  <c r="AP268" i="1"/>
  <c r="F274" i="5" s="1"/>
  <c r="F5976" i="2" a="1"/>
  <c r="F5976" i="2" s="1"/>
  <c r="F5977" i="2" a="1"/>
  <c r="F5977" i="2" s="1"/>
  <c r="F2400" i="2" a="1"/>
  <c r="F2400" i="2" s="1"/>
  <c r="H1626" i="2" a="1"/>
  <c r="H1626" i="2" s="1"/>
  <c r="H1637" i="2" a="1"/>
  <c r="H1637" i="2" s="1"/>
  <c r="D3514" i="2" a="1"/>
  <c r="D3514" i="2" s="1"/>
  <c r="F1350" i="2" a="1"/>
  <c r="F1350" i="2" s="1"/>
  <c r="H465" i="2" a="1"/>
  <c r="H465" i="2" s="1"/>
  <c r="E7001" i="2" a="1"/>
  <c r="E7001" i="2" s="1"/>
  <c r="E7002" i="2" a="1"/>
  <c r="E7002" i="2" s="1"/>
  <c r="H3116" i="2" a="1"/>
  <c r="H3116" i="2" s="1"/>
  <c r="H3800" i="2" a="1"/>
  <c r="H3800" i="2" s="1"/>
  <c r="F6346" i="2" a="1"/>
  <c r="F6346" i="2" s="1"/>
  <c r="G6421" i="2" a="1"/>
  <c r="G6421" i="2" s="1"/>
  <c r="G6433" i="2" a="1"/>
  <c r="G6433" i="2" s="1"/>
  <c r="H4910" i="2" a="1"/>
  <c r="H4910" i="2" s="1"/>
  <c r="F3295" i="2" a="1"/>
  <c r="F3295" i="2" s="1"/>
  <c r="G3465" i="2" a="1"/>
  <c r="G3465" i="2" s="1"/>
  <c r="H2669" i="2" a="1"/>
  <c r="H2669" i="2" s="1"/>
  <c r="H2659" i="2" a="1"/>
  <c r="H2659" i="2" s="1"/>
  <c r="D2734" i="2" a="1"/>
  <c r="D2734" i="2" s="1"/>
  <c r="D2730" i="2" a="1"/>
  <c r="D2730" i="2" s="1"/>
  <c r="F1402" i="2" a="1"/>
  <c r="F1402" i="2" s="1"/>
  <c r="E3532" i="2" a="1"/>
  <c r="E3532" i="2" s="1"/>
  <c r="D2528" i="2" a="1"/>
  <c r="D2528" i="2" s="1"/>
  <c r="D7410" i="2" a="1"/>
  <c r="D7410" i="2" s="1"/>
  <c r="D4348" i="2" a="1"/>
  <c r="D4348" i="2" s="1"/>
  <c r="E6090" i="2" a="1"/>
  <c r="E6090" i="2" s="1"/>
  <c r="D5913" i="2" a="1"/>
  <c r="D5913" i="2" s="1"/>
  <c r="D5901" i="2" a="1"/>
  <c r="D5901" i="2" s="1"/>
  <c r="AO299" i="1"/>
  <c r="E305" i="5" s="1"/>
  <c r="AP39" i="1"/>
  <c r="F45" i="5" s="1"/>
  <c r="G6254" i="2" a="1"/>
  <c r="G6254" i="2" s="1"/>
  <c r="G6261" i="2" a="1"/>
  <c r="G6261" i="2" s="1"/>
  <c r="E6618" i="2" a="1"/>
  <c r="E6618" i="2" s="1"/>
  <c r="G5449" i="2" a="1"/>
  <c r="G5449" i="2" s="1"/>
  <c r="D1015" i="2" a="1"/>
  <c r="D1015" i="2" s="1"/>
  <c r="F3651" i="2" a="1"/>
  <c r="F3651" i="2" s="1"/>
  <c r="E4408" i="2" a="1"/>
  <c r="E4408" i="2" s="1"/>
  <c r="D6770" i="2" a="1"/>
  <c r="D6770" i="2" s="1"/>
  <c r="G4214" i="2" a="1"/>
  <c r="G4214" i="2" s="1"/>
  <c r="F37" i="2" a="1"/>
  <c r="F37" i="2" s="1"/>
  <c r="F35" i="2" a="1"/>
  <c r="F35" i="2" s="1"/>
  <c r="M35" i="2" s="1"/>
  <c r="M9" i="5" s="1"/>
  <c r="D809" i="2" a="1"/>
  <c r="D809" i="2" s="1"/>
  <c r="F6476" i="2" a="1"/>
  <c r="F6476" i="2" s="1"/>
  <c r="F6079" i="2" a="1"/>
  <c r="F6079" i="2" s="1"/>
  <c r="F6392" i="2" a="1"/>
  <c r="F6392" i="2" s="1"/>
  <c r="AQ244" i="1"/>
  <c r="G250" i="5" s="1"/>
  <c r="E5864" i="2" a="1"/>
  <c r="E5864" i="2" s="1"/>
  <c r="D376" i="2" a="1"/>
  <c r="D376" i="2" s="1"/>
  <c r="H1763" i="2" a="1"/>
  <c r="H1763" i="2" s="1"/>
  <c r="D2982" i="2" a="1"/>
  <c r="D2982" i="2" s="1"/>
  <c r="E2884" i="2" a="1"/>
  <c r="E2884" i="2" s="1"/>
  <c r="G3335" i="2" a="1"/>
  <c r="G3335" i="2" s="1"/>
  <c r="H6448" i="2" a="1"/>
  <c r="H6448" i="2" s="1"/>
  <c r="E3719" i="2" a="1"/>
  <c r="E3719" i="2" s="1"/>
  <c r="G4073" i="2" a="1"/>
  <c r="G4073" i="2" s="1"/>
  <c r="D1721" i="2" a="1"/>
  <c r="D1721" i="2" s="1"/>
  <c r="G5875" i="2" a="1"/>
  <c r="G5875" i="2" s="1"/>
  <c r="G5877" i="2" a="1"/>
  <c r="G5877" i="2" s="1"/>
  <c r="G5878" i="2" a="1"/>
  <c r="G5878" i="2" s="1"/>
  <c r="F1606" i="2" a="1"/>
  <c r="F1606" i="2" s="1"/>
  <c r="F1607" i="2" a="1"/>
  <c r="F1607" i="2" s="1"/>
  <c r="F1615" i="2" a="1"/>
  <c r="F1615" i="2" s="1"/>
  <c r="F1595" i="2" a="1"/>
  <c r="F1595" i="2" s="1"/>
  <c r="E3337" i="2" a="1"/>
  <c r="E3337" i="2" s="1"/>
  <c r="E2392" i="2" a="1"/>
  <c r="E2392" i="2" s="1"/>
  <c r="H706" i="2" a="1"/>
  <c r="H706" i="2" s="1"/>
  <c r="D3907" i="2" a="1"/>
  <c r="D3907" i="2" s="1"/>
  <c r="D3905" i="2" a="1"/>
  <c r="D3905" i="2" s="1"/>
  <c r="G8061" i="2" a="1"/>
  <c r="G8061" i="2" s="1"/>
  <c r="D2144" i="2" a="1"/>
  <c r="D2144" i="2" s="1"/>
  <c r="AQ139" i="1"/>
  <c r="G145" i="5" s="1"/>
  <c r="E8122" i="2" a="1"/>
  <c r="E8122" i="2" s="1"/>
  <c r="H536" i="2" a="1"/>
  <c r="H536" i="2" s="1"/>
  <c r="E4522" i="2" a="1"/>
  <c r="E4522" i="2" s="1"/>
  <c r="G2616" i="2" a="1"/>
  <c r="G2616" i="2" s="1"/>
  <c r="D6085" i="2" a="1"/>
  <c r="D6085" i="2" s="1"/>
  <c r="D6092" i="2" a="1"/>
  <c r="D6092" i="2" s="1"/>
  <c r="G5004" i="2" a="1"/>
  <c r="G5004" i="2" s="1"/>
  <c r="G6025" i="2" a="1"/>
  <c r="G6025" i="2" s="1"/>
  <c r="G4001" i="2" a="1"/>
  <c r="G4001" i="2" s="1"/>
  <c r="F3219" i="2" a="1"/>
  <c r="F3219" i="2" s="1"/>
  <c r="E6079" i="2" a="1"/>
  <c r="E6079" i="2" s="1"/>
  <c r="G77" i="2" a="1"/>
  <c r="G77" i="2" s="1"/>
  <c r="AO268" i="1"/>
  <c r="E274" i="5" s="1"/>
  <c r="F5974" i="2" a="1"/>
  <c r="F5974" i="2" s="1"/>
  <c r="F5978" i="2" a="1"/>
  <c r="F5978" i="2" s="1"/>
  <c r="F2402" i="2" a="1"/>
  <c r="F2402" i="2" s="1"/>
  <c r="H1618" i="2" a="1"/>
  <c r="H1618" i="2" s="1"/>
  <c r="H1641" i="2" a="1"/>
  <c r="H1641" i="2" s="1"/>
  <c r="D3531" i="2" a="1"/>
  <c r="D3531" i="2" s="1"/>
  <c r="F1340" i="2" a="1"/>
  <c r="F1340" i="2" s="1"/>
  <c r="H455" i="2" a="1"/>
  <c r="H455" i="2" s="1"/>
  <c r="E6998" i="2" a="1"/>
  <c r="E6998" i="2" s="1"/>
  <c r="E6994" i="2" a="1"/>
  <c r="E6994" i="2" s="1"/>
  <c r="H3125" i="2" a="1"/>
  <c r="H3125" i="2" s="1"/>
  <c r="H3789" i="2" a="1"/>
  <c r="H3789" i="2" s="1"/>
  <c r="F6356" i="2" a="1"/>
  <c r="F6356" i="2" s="1"/>
  <c r="G6432" i="2" a="1"/>
  <c r="G6432" i="2" s="1"/>
  <c r="G6424" i="2" a="1"/>
  <c r="G6424" i="2" s="1"/>
  <c r="H4915" i="2" a="1"/>
  <c r="H4915" i="2" s="1"/>
  <c r="F3281" i="2" a="1"/>
  <c r="F3281" i="2" s="1"/>
  <c r="G3445" i="2" a="1"/>
  <c r="G3445" i="2" s="1"/>
  <c r="J3445" i="2" s="1"/>
  <c r="J3419" i="5" s="1"/>
  <c r="N3419" i="5" s="1"/>
  <c r="H2650" i="2" a="1"/>
  <c r="H2650" i="2" s="1"/>
  <c r="H2654" i="2" a="1"/>
  <c r="H2654" i="2" s="1"/>
  <c r="D2744" i="2" a="1"/>
  <c r="D2744" i="2" s="1"/>
  <c r="AM114" i="1"/>
  <c r="F1418" i="2" a="1"/>
  <c r="F1418" i="2" s="1"/>
  <c r="E3520" i="2" a="1"/>
  <c r="E3520" i="2" s="1"/>
  <c r="D2524" i="2" a="1"/>
  <c r="D2524" i="2" s="1"/>
  <c r="D7414" i="2" a="1"/>
  <c r="D7414" i="2" s="1"/>
  <c r="D4351" i="2" a="1"/>
  <c r="D4351" i="2" s="1"/>
  <c r="E6086" i="2" a="1"/>
  <c r="E6086" i="2" s="1"/>
  <c r="D5892" i="2" a="1"/>
  <c r="D5892" i="2" s="1"/>
  <c r="D5912" i="2" a="1"/>
  <c r="D5912" i="2" s="1"/>
  <c r="AP299" i="1"/>
  <c r="F305" i="5" s="1"/>
  <c r="AO39" i="1"/>
  <c r="E45" i="5" s="1"/>
  <c r="G6264" i="2" a="1"/>
  <c r="G6264" i="2" s="1"/>
  <c r="G6270" i="2" a="1"/>
  <c r="G6270" i="2" s="1"/>
  <c r="E6630" i="2" a="1"/>
  <c r="E6630" i="2" s="1"/>
  <c r="AM339" i="1"/>
  <c r="G5435" i="2" a="1"/>
  <c r="G5435" i="2" s="1"/>
  <c r="J5435" i="2" s="1"/>
  <c r="J5409" i="5" s="1"/>
  <c r="N5409" i="5" s="1"/>
  <c r="D1000" i="2" a="1"/>
  <c r="D1000" i="2" s="1"/>
  <c r="F3634" i="2" a="1"/>
  <c r="F3634" i="2" s="1"/>
  <c r="E4422" i="2" a="1"/>
  <c r="E4422" i="2" s="1"/>
  <c r="D6777" i="2" a="1"/>
  <c r="D6777" i="2" s="1"/>
  <c r="G4224" i="2" a="1"/>
  <c r="G4224" i="2" s="1"/>
  <c r="F42" i="2" a="1"/>
  <c r="F42" i="2" s="1"/>
  <c r="D824" i="2" a="1"/>
  <c r="D824" i="2" s="1"/>
  <c r="F6483" i="2" a="1"/>
  <c r="F6483" i="2" s="1"/>
  <c r="F6071" i="2" a="1"/>
  <c r="F6071" i="2" s="1"/>
  <c r="F6384" i="2" a="1"/>
  <c r="F6384" i="2" s="1"/>
  <c r="H5828" i="2" a="1"/>
  <c r="H5828" i="2" s="1"/>
  <c r="E5852" i="2" a="1"/>
  <c r="E5852" i="2" s="1"/>
  <c r="D375" i="2" a="1"/>
  <c r="D375" i="2" s="1"/>
  <c r="H1764" i="2" a="1"/>
  <c r="H1764" i="2" s="1"/>
  <c r="D2974" i="2" a="1"/>
  <c r="D2974" i="2" s="1"/>
  <c r="E2870" i="2" a="1"/>
  <c r="E2870" i="2" s="1"/>
  <c r="G3325" i="2" a="1"/>
  <c r="G3325" i="2" s="1"/>
  <c r="E3716" i="2" a="1"/>
  <c r="E3716" i="2" s="1"/>
  <c r="G4086" i="2" a="1"/>
  <c r="G4086" i="2" s="1"/>
  <c r="AM96" i="1"/>
  <c r="D1731" i="2" a="1"/>
  <c r="D1731" i="2" s="1"/>
  <c r="G5672" i="2" a="1"/>
  <c r="G5672" i="2" s="1"/>
  <c r="E3328" i="2" a="1"/>
  <c r="E3328" i="2" s="1"/>
  <c r="E2402" i="2" a="1"/>
  <c r="E2402" i="2" s="1"/>
  <c r="H716" i="2" a="1"/>
  <c r="H716" i="2" s="1"/>
  <c r="D3900" i="2" a="1"/>
  <c r="D3900" i="2" s="1"/>
  <c r="AM163" i="1"/>
  <c r="G8067" i="2" a="1"/>
  <c r="G8067" i="2" s="1"/>
  <c r="D2140" i="2" a="1"/>
  <c r="D2140" i="2" s="1"/>
  <c r="AO139" i="1"/>
  <c r="E145" i="5" s="1"/>
  <c r="E8140" i="2" a="1"/>
  <c r="E8140" i="2" s="1"/>
  <c r="H519" i="2" a="1"/>
  <c r="H519" i="2" s="1"/>
  <c r="E4536" i="2" a="1"/>
  <c r="E4536" i="2" s="1"/>
  <c r="G2623" i="2" a="1"/>
  <c r="G2623" i="2" s="1"/>
  <c r="D6100" i="2" a="1"/>
  <c r="D6100" i="2" s="1"/>
  <c r="D6094" i="2" a="1"/>
  <c r="D6094" i="2" s="1"/>
  <c r="G5010" i="2" a="1"/>
  <c r="G5010" i="2" s="1"/>
  <c r="G6028" i="2" a="1"/>
  <c r="G6028" i="2" s="1"/>
  <c r="G4012" i="2" a="1"/>
  <c r="G4012" i="2" s="1"/>
  <c r="F3217" i="2" a="1"/>
  <c r="F3217" i="2" s="1"/>
  <c r="E6077" i="2" a="1"/>
  <c r="E6077" i="2" s="1"/>
  <c r="G81" i="2" a="1"/>
  <c r="G81" i="2" s="1"/>
  <c r="AQ268" i="1"/>
  <c r="G274" i="5" s="1"/>
  <c r="F5983" i="2" a="1"/>
  <c r="F5983" i="2" s="1"/>
  <c r="F5966" i="2" a="1"/>
  <c r="F5966" i="2" s="1"/>
  <c r="F2405" i="2" a="1"/>
  <c r="F2405" i="2" s="1"/>
  <c r="H1636" i="2" a="1"/>
  <c r="H1636" i="2" s="1"/>
  <c r="H1633" i="2" a="1"/>
  <c r="H1633" i="2" s="1"/>
  <c r="D3535" i="2" a="1"/>
  <c r="D3535" i="2" s="1"/>
  <c r="F1345" i="2" a="1"/>
  <c r="F1345" i="2" s="1"/>
  <c r="H456" i="2" a="1"/>
  <c r="H456" i="2" s="1"/>
  <c r="E7010" i="2" a="1"/>
  <c r="E7010" i="2" s="1"/>
  <c r="E7015" i="2" a="1"/>
  <c r="E7015" i="2" s="1"/>
  <c r="L7015" i="2" s="1"/>
  <c r="L6989" i="5" s="1"/>
  <c r="H3128" i="2" a="1"/>
  <c r="H3128" i="2" s="1"/>
  <c r="H3798" i="2" a="1"/>
  <c r="H3798" i="2" s="1"/>
  <c r="F6354" i="2" a="1"/>
  <c r="F6354" i="2" s="1"/>
  <c r="G6426" i="2" a="1"/>
  <c r="G6426" i="2" s="1"/>
  <c r="H4906" i="2" a="1"/>
  <c r="H4906" i="2" s="1"/>
  <c r="F3286" i="2" a="1"/>
  <c r="F3286" i="2" s="1"/>
  <c r="G3459" i="2" a="1"/>
  <c r="G3459" i="2" s="1"/>
  <c r="H2673" i="2" a="1"/>
  <c r="H2673" i="2" s="1"/>
  <c r="D2728" i="2" a="1"/>
  <c r="D2728" i="2" s="1"/>
  <c r="AN114" i="1"/>
  <c r="D120" i="5" s="1"/>
  <c r="F1423" i="2" a="1"/>
  <c r="F1423" i="2" s="1"/>
  <c r="E3518" i="2" a="1"/>
  <c r="E3518" i="2" s="1"/>
  <c r="D2526" i="2" a="1"/>
  <c r="D2526" i="2" s="1"/>
  <c r="D7402" i="2" a="1"/>
  <c r="D7402" i="2" s="1"/>
  <c r="D4347" i="2" a="1"/>
  <c r="D4347" i="2" s="1"/>
  <c r="E6098" i="2" a="1"/>
  <c r="E6098" i="2" s="1"/>
  <c r="D5900" i="2" a="1"/>
  <c r="D5900" i="2" s="1"/>
  <c r="AN299" i="1"/>
  <c r="D305" i="5" s="1"/>
  <c r="G6256" i="2" a="1"/>
  <c r="G6256" i="2" s="1"/>
  <c r="E6621" i="2" a="1"/>
  <c r="E6621" i="2" s="1"/>
  <c r="AP339" i="1"/>
  <c r="F345" i="5" s="1"/>
  <c r="G5439" i="2" a="1"/>
  <c r="G5439" i="2" s="1"/>
  <c r="G5443" i="2" a="1"/>
  <c r="G5443" i="2" s="1"/>
  <c r="E5070" i="2" a="1"/>
  <c r="E5070" i="2" s="1"/>
  <c r="D1009" i="2" a="1"/>
  <c r="D1009" i="2" s="1"/>
  <c r="F3657" i="2" a="1"/>
  <c r="F3657" i="2" s="1"/>
  <c r="E4415" i="2" a="1"/>
  <c r="E4415" i="2" s="1"/>
  <c r="F2281" i="2" a="1"/>
  <c r="F2281" i="2" s="1"/>
  <c r="F2273" i="2" a="1"/>
  <c r="F2273" i="2" s="1"/>
  <c r="J2273" i="2" s="1"/>
  <c r="J2247" i="5" s="1"/>
  <c r="N2247" i="5" s="1"/>
  <c r="AN282" i="1"/>
  <c r="D288" i="5" s="1"/>
  <c r="G4226" i="2" a="1"/>
  <c r="G4226" i="2" s="1"/>
  <c r="G6543" i="2" a="1"/>
  <c r="G6543" i="2" s="1"/>
  <c r="F55" i="2" a="1"/>
  <c r="F55" i="2" s="1"/>
  <c r="D818" i="2" a="1"/>
  <c r="D818" i="2" s="1"/>
  <c r="F6489" i="2" a="1"/>
  <c r="F6489" i="2" s="1"/>
  <c r="F6078" i="2" a="1"/>
  <c r="F6078" i="2" s="1"/>
  <c r="F6372" i="2" a="1"/>
  <c r="F6372" i="2" s="1"/>
  <c r="H7732" i="2" a="1"/>
  <c r="H7732" i="2" s="1"/>
  <c r="H1202" i="2" a="1"/>
  <c r="H1202" i="2" s="1"/>
  <c r="E7422" i="2" a="1"/>
  <c r="E7422" i="2" s="1"/>
  <c r="D2249" i="2" a="1"/>
  <c r="D2249" i="2" s="1"/>
  <c r="H7607" i="2" a="1"/>
  <c r="H7607" i="2" s="1"/>
  <c r="E5865" i="2" a="1"/>
  <c r="E5865" i="2" s="1"/>
  <c r="D390" i="2" a="1"/>
  <c r="D390" i="2" s="1"/>
  <c r="H1769" i="2" a="1"/>
  <c r="H1769" i="2" s="1"/>
  <c r="D2970" i="2" a="1"/>
  <c r="D2970" i="2" s="1"/>
  <c r="G3794" i="2" a="1"/>
  <c r="G3794" i="2" s="1"/>
  <c r="H3100" i="2" a="1"/>
  <c r="H3100" i="2" s="1"/>
  <c r="E2869" i="2" a="1"/>
  <c r="E2869" i="2" s="1"/>
  <c r="G3341" i="2" a="1"/>
  <c r="G3341" i="2" s="1"/>
  <c r="E3712" i="2" a="1"/>
  <c r="E3712" i="2" s="1"/>
  <c r="D1734" i="2" a="1"/>
  <c r="D1734" i="2" s="1"/>
  <c r="G5658" i="2" a="1"/>
  <c r="G5658" i="2" s="1"/>
  <c r="D1542" i="2" a="1"/>
  <c r="D1542" i="2" s="1"/>
  <c r="D1525" i="2" a="1"/>
  <c r="D1525" i="2" s="1"/>
  <c r="E3327" i="2" a="1"/>
  <c r="E3327" i="2" s="1"/>
  <c r="E2391" i="2" a="1"/>
  <c r="E2391" i="2" s="1"/>
  <c r="H714" i="2" a="1"/>
  <c r="H714" i="2" s="1"/>
  <c r="D3913" i="2" a="1"/>
  <c r="D3913" i="2" s="1"/>
  <c r="AP163" i="1"/>
  <c r="F169" i="5" s="1"/>
  <c r="G8058" i="2" a="1"/>
  <c r="G8058" i="2" s="1"/>
  <c r="D2136" i="2" a="1"/>
  <c r="D2136" i="2" s="1"/>
  <c r="AP139" i="1"/>
  <c r="F145" i="5" s="1"/>
  <c r="E8144" i="2" a="1"/>
  <c r="E8144" i="2" s="1"/>
  <c r="H535" i="2" a="1"/>
  <c r="H535" i="2" s="1"/>
  <c r="E4545" i="2" a="1"/>
  <c r="E4545" i="2" s="1"/>
  <c r="G2605" i="2" a="1"/>
  <c r="G2605" i="2" s="1"/>
  <c r="D6093" i="2" a="1"/>
  <c r="D6093" i="2" s="1"/>
  <c r="D6090" i="2" a="1"/>
  <c r="D6090" i="2" s="1"/>
  <c r="G5017" i="2" a="1"/>
  <c r="G5017" i="2" s="1"/>
  <c r="G5021" i="2" a="1"/>
  <c r="G5021" i="2" s="1"/>
  <c r="G6010" i="2" a="1"/>
  <c r="G6010" i="2" s="1"/>
  <c r="G4006" i="2" a="1"/>
  <c r="G4006" i="2" s="1"/>
  <c r="F3223" i="2" a="1"/>
  <c r="F3223" i="2" s="1"/>
  <c r="E6060" i="2" a="1"/>
  <c r="E6060" i="2" s="1"/>
  <c r="G80" i="2" a="1"/>
  <c r="G80" i="2" s="1"/>
  <c r="F5965" i="2" a="1"/>
  <c r="F5965" i="2" s="1"/>
  <c r="F5964" i="2" a="1"/>
  <c r="F5964" i="2" s="1"/>
  <c r="F2401" i="2" a="1"/>
  <c r="F2401" i="2" s="1"/>
  <c r="H1623" i="2" a="1"/>
  <c r="H1623" i="2" s="1"/>
  <c r="D3525" i="2" a="1"/>
  <c r="D3525" i="2" s="1"/>
  <c r="D3518" i="2" a="1"/>
  <c r="D3518" i="2" s="1"/>
  <c r="F1330" i="2" a="1"/>
  <c r="F1330" i="2" s="1"/>
  <c r="H442" i="2" a="1"/>
  <c r="H442" i="2" s="1"/>
  <c r="E7014" i="2" a="1"/>
  <c r="E7014" i="2" s="1"/>
  <c r="E7008" i="2" a="1"/>
  <c r="E7008" i="2" s="1"/>
  <c r="H3127" i="2" a="1"/>
  <c r="H3127" i="2" s="1"/>
  <c r="H3796" i="2" a="1"/>
  <c r="H3796" i="2" s="1"/>
  <c r="F6369" i="2" a="1"/>
  <c r="F6369" i="2" s="1"/>
  <c r="G6430" i="2" a="1"/>
  <c r="G6430" i="2" s="1"/>
  <c r="H4923" i="2" a="1"/>
  <c r="H4923" i="2" s="1"/>
  <c r="F3294" i="2" a="1"/>
  <c r="F3294" i="2" s="1"/>
  <c r="G3447" i="2" a="1"/>
  <c r="G3447" i="2" s="1"/>
  <c r="H2660" i="2" a="1"/>
  <c r="H2660" i="2" s="1"/>
  <c r="D2738" i="2" a="1"/>
  <c r="D2738" i="2" s="1"/>
  <c r="AP114" i="1"/>
  <c r="F120" i="5" s="1"/>
  <c r="F1414" i="2" a="1"/>
  <c r="F1414" i="2" s="1"/>
  <c r="E3531" i="2" a="1"/>
  <c r="E3531" i="2" s="1"/>
  <c r="D2511" i="2" a="1"/>
  <c r="D2511" i="2" s="1"/>
  <c r="D7406" i="2" a="1"/>
  <c r="D7406" i="2" s="1"/>
  <c r="D7416" i="2" a="1"/>
  <c r="D7416" i="2" s="1"/>
  <c r="D4352" i="2" a="1"/>
  <c r="D4352" i="2" s="1"/>
  <c r="D4339" i="2" a="1"/>
  <c r="D4339" i="2" s="1"/>
  <c r="E6094" i="2" a="1"/>
  <c r="E6094" i="2" s="1"/>
  <c r="D5895" i="2" a="1"/>
  <c r="D5895" i="2" s="1"/>
  <c r="G6265" i="2" a="1"/>
  <c r="G6265" i="2" s="1"/>
  <c r="E6629" i="2" a="1"/>
  <c r="E6629" i="2" s="1"/>
  <c r="AN339" i="1"/>
  <c r="D345" i="5" s="1"/>
  <c r="G5437" i="2" a="1"/>
  <c r="G5437" i="2" s="1"/>
  <c r="G5448" i="2" a="1"/>
  <c r="G5448" i="2" s="1"/>
  <c r="D1001" i="2" a="1"/>
  <c r="D1001" i="2" s="1"/>
  <c r="F3637" i="2" a="1"/>
  <c r="F3637" i="2" s="1"/>
  <c r="E4424" i="2" a="1"/>
  <c r="E4424" i="2" s="1"/>
  <c r="AP282" i="1"/>
  <c r="F288" i="5" s="1"/>
  <c r="G4233" i="2" a="1"/>
  <c r="G4233" i="2" s="1"/>
  <c r="G6546" i="2" a="1"/>
  <c r="G6546" i="2" s="1"/>
  <c r="F41" i="2" a="1"/>
  <c r="F41" i="2" s="1"/>
  <c r="M41" i="2" s="1"/>
  <c r="M15" i="5" s="1"/>
  <c r="D819" i="2" a="1"/>
  <c r="D819" i="2" s="1"/>
  <c r="F6482" i="2" a="1"/>
  <c r="F6482" i="2" s="1"/>
  <c r="F6059" i="2" a="1"/>
  <c r="F6059" i="2" s="1"/>
  <c r="F6371" i="2" a="1"/>
  <c r="F6371" i="2" s="1"/>
  <c r="H1190" i="2" a="1"/>
  <c r="H1190" i="2" s="1"/>
  <c r="E5859" i="2" a="1"/>
  <c r="E5859" i="2" s="1"/>
  <c r="D380" i="2" a="1"/>
  <c r="D380" i="2" s="1"/>
  <c r="H1770" i="2" a="1"/>
  <c r="H1770" i="2" s="1"/>
  <c r="G3797" i="2" a="1"/>
  <c r="G3797" i="2" s="1"/>
  <c r="E2885" i="2" a="1"/>
  <c r="E2885" i="2" s="1"/>
  <c r="G3343" i="2" a="1"/>
  <c r="G3343" i="2" s="1"/>
  <c r="G5666" i="2" a="1"/>
  <c r="G5666" i="2" s="1"/>
  <c r="G5045" i="2" a="1"/>
  <c r="G5045" i="2" s="1"/>
  <c r="E3332" i="2" a="1"/>
  <c r="E3332" i="2" s="1"/>
  <c r="E2408" i="2" a="1"/>
  <c r="E2408" i="2" s="1"/>
  <c r="H729" i="2" a="1"/>
  <c r="H729" i="2" s="1"/>
  <c r="D3906" i="2" a="1"/>
  <c r="D3906" i="2" s="1"/>
  <c r="AO163" i="1"/>
  <c r="E169" i="5" s="1"/>
  <c r="G8056" i="2" a="1"/>
  <c r="G8056" i="2" s="1"/>
  <c r="D2132" i="2" a="1"/>
  <c r="D2132" i="2" s="1"/>
  <c r="E8141" i="2" a="1"/>
  <c r="E8141" i="2" s="1"/>
  <c r="H518" i="2" a="1"/>
  <c r="H518" i="2" s="1"/>
  <c r="E4534" i="2" a="1"/>
  <c r="E4534" i="2" s="1"/>
  <c r="G2604" i="2" a="1"/>
  <c r="G2604" i="2" s="1"/>
  <c r="D6104" i="2" a="1"/>
  <c r="D6104" i="2" s="1"/>
  <c r="D6105" i="2" a="1"/>
  <c r="D6105" i="2" s="1"/>
  <c r="G5013" i="2" a="1"/>
  <c r="G5013" i="2" s="1"/>
  <c r="G5014" i="2" a="1"/>
  <c r="G5014" i="2" s="1"/>
  <c r="G6014" i="2" a="1"/>
  <c r="G6014" i="2" s="1"/>
  <c r="G3994" i="2" a="1"/>
  <c r="G3994" i="2" s="1"/>
  <c r="F3209" i="2" a="1"/>
  <c r="F3209" i="2" s="1"/>
  <c r="E6069" i="2" a="1"/>
  <c r="E6069" i="2" s="1"/>
  <c r="G73" i="2" a="1"/>
  <c r="G73" i="2" s="1"/>
  <c r="F5963" i="2" a="1"/>
  <c r="F5963" i="2" s="1"/>
  <c r="F2387" i="2" a="1"/>
  <c r="F2387" i="2" s="1"/>
  <c r="H1638" i="2" a="1"/>
  <c r="H1638" i="2" s="1"/>
  <c r="D3524" i="2" a="1"/>
  <c r="D3524" i="2" s="1"/>
  <c r="D3523" i="2" a="1"/>
  <c r="D3523" i="2" s="1"/>
  <c r="F1334" i="2" a="1"/>
  <c r="F1334" i="2" s="1"/>
  <c r="H464" i="2" a="1"/>
  <c r="H464" i="2" s="1"/>
  <c r="E7000" i="2" a="1"/>
  <c r="E7000" i="2" s="1"/>
  <c r="H3122" i="2" a="1"/>
  <c r="H3122" i="2" s="1"/>
  <c r="H3794" i="2" a="1"/>
  <c r="H3794" i="2" s="1"/>
  <c r="F6360" i="2" a="1"/>
  <c r="F6360" i="2" s="1"/>
  <c r="G6435" i="2" a="1"/>
  <c r="G6435" i="2" s="1"/>
  <c r="H4920" i="2" a="1"/>
  <c r="H4920" i="2" s="1"/>
  <c r="F3280" i="2" a="1"/>
  <c r="F3280" i="2" s="1"/>
  <c r="G3464" i="2" a="1"/>
  <c r="G3464" i="2" s="1"/>
  <c r="H2666" i="2" a="1"/>
  <c r="H2666" i="2" s="1"/>
  <c r="D2722" i="2" a="1"/>
  <c r="D2722" i="2" s="1"/>
  <c r="AO114" i="1"/>
  <c r="E120" i="5" s="1"/>
  <c r="F1415" i="2" a="1"/>
  <c r="F1415" i="2" s="1"/>
  <c r="E3525" i="2" a="1"/>
  <c r="E3525" i="2" s="1"/>
  <c r="E3530" i="2" a="1"/>
  <c r="E3530" i="2" s="1"/>
  <c r="D2510" i="2" a="1"/>
  <c r="D2510" i="2" s="1"/>
  <c r="D7415" i="2" a="1"/>
  <c r="D7415" i="2" s="1"/>
  <c r="D7407" i="2" a="1"/>
  <c r="D7407" i="2" s="1"/>
  <c r="D4344" i="2" a="1"/>
  <c r="D4344" i="2" s="1"/>
  <c r="D4335" i="2" a="1"/>
  <c r="D4335" i="2" s="1"/>
  <c r="E6092" i="2" a="1"/>
  <c r="E6092" i="2" s="1"/>
  <c r="D5910" i="2" a="1"/>
  <c r="D5910" i="2" s="1"/>
  <c r="G6263" i="2" a="1"/>
  <c r="G6263" i="2" s="1"/>
  <c r="E6626" i="2" a="1"/>
  <c r="E6626" i="2" s="1"/>
  <c r="AO339" i="1"/>
  <c r="E345" i="5" s="1"/>
  <c r="G5457" i="2" a="1"/>
  <c r="G5457" i="2" s="1"/>
  <c r="G5442" i="2" a="1"/>
  <c r="G5442" i="2" s="1"/>
  <c r="D1014" i="2" a="1"/>
  <c r="D1014" i="2" s="1"/>
  <c r="F3653" i="2" a="1"/>
  <c r="F3653" i="2" s="1"/>
  <c r="AM269" i="1"/>
  <c r="E4410" i="2" a="1"/>
  <c r="E4410" i="2" s="1"/>
  <c r="AO282" i="1"/>
  <c r="E288" i="5" s="1"/>
  <c r="G4223" i="2" a="1"/>
  <c r="G4223" i="2" s="1"/>
  <c r="G6539" i="2" a="1"/>
  <c r="G6539" i="2" s="1"/>
  <c r="F39" i="2" a="1"/>
  <c r="F39" i="2" s="1"/>
  <c r="D815" i="2" a="1"/>
  <c r="D815" i="2" s="1"/>
  <c r="F6467" i="2" a="1"/>
  <c r="F6467" i="2" s="1"/>
  <c r="F6065" i="2" a="1"/>
  <c r="F6065" i="2" s="1"/>
  <c r="F6370" i="2" a="1"/>
  <c r="F6370" i="2" s="1"/>
  <c r="H1208" i="2" a="1"/>
  <c r="H1208" i="2" s="1"/>
  <c r="E5857" i="2" a="1"/>
  <c r="E5857" i="2" s="1"/>
  <c r="D392" i="2" a="1"/>
  <c r="D392" i="2" s="1"/>
  <c r="H1780" i="2" a="1"/>
  <c r="H1780" i="2" s="1"/>
  <c r="G3787" i="2" a="1"/>
  <c r="G3787" i="2" s="1"/>
  <c r="E2882" i="2" a="1"/>
  <c r="E2882" i="2" s="1"/>
  <c r="G3328" i="2" a="1"/>
  <c r="G3328" i="2" s="1"/>
  <c r="G5661" i="2" a="1"/>
  <c r="G5661" i="2" s="1"/>
  <c r="G5049" i="2" a="1"/>
  <c r="G5049" i="2" s="1"/>
  <c r="D3910" i="2" a="1"/>
  <c r="D3910" i="2" s="1"/>
  <c r="E8129" i="2" a="1"/>
  <c r="E8129" i="2" s="1"/>
  <c r="D6097" i="2" a="1"/>
  <c r="D6097" i="2" s="1"/>
  <c r="G5008" i="2" a="1"/>
  <c r="G5008" i="2" s="1"/>
  <c r="G4013" i="2" a="1"/>
  <c r="G4013" i="2" s="1"/>
  <c r="D3537" i="2" a="1"/>
  <c r="D3537" i="2" s="1"/>
  <c r="D2732" i="2" a="1"/>
  <c r="D2732" i="2" s="1"/>
  <c r="E3522" i="2" a="1"/>
  <c r="E3522" i="2" s="1"/>
  <c r="D7420" i="2" a="1"/>
  <c r="D7420" i="2" s="1"/>
  <c r="D4340" i="2" a="1"/>
  <c r="D4340" i="2" s="1"/>
  <c r="I4340" i="2" s="1"/>
  <c r="I4314" i="5" s="1"/>
  <c r="G5452" i="2" a="1"/>
  <c r="G5452" i="2" s="1"/>
  <c r="AO269" i="1"/>
  <c r="E275" i="5" s="1"/>
  <c r="AQ282" i="1"/>
  <c r="G288" i="5" s="1"/>
  <c r="G4232" i="2" a="1"/>
  <c r="G4232" i="2" s="1"/>
  <c r="G6545" i="2" a="1"/>
  <c r="G6545" i="2" s="1"/>
  <c r="F49" i="2" a="1"/>
  <c r="F49" i="2" s="1"/>
  <c r="AM194" i="1"/>
  <c r="D811" i="2" a="1"/>
  <c r="D811" i="2" s="1"/>
  <c r="F6471" i="2" a="1"/>
  <c r="F6471" i="2" s="1"/>
  <c r="F6061" i="2" a="1"/>
  <c r="F6061" i="2" s="1"/>
  <c r="F6380" i="2" a="1"/>
  <c r="F6380" i="2" s="1"/>
  <c r="H1206" i="2" a="1"/>
  <c r="H1206" i="2" s="1"/>
  <c r="H7610" i="2" a="1"/>
  <c r="H7610" i="2" s="1"/>
  <c r="E5842" i="2" a="1"/>
  <c r="E5842" i="2" s="1"/>
  <c r="D372" i="2" a="1"/>
  <c r="D372" i="2" s="1"/>
  <c r="G3783" i="2" a="1"/>
  <c r="G3783" i="2" s="1"/>
  <c r="E2871" i="2" a="1"/>
  <c r="E2871" i="2" s="1"/>
  <c r="H56" i="2" a="1"/>
  <c r="H56" i="2" s="1"/>
  <c r="G5657" i="2" a="1"/>
  <c r="G5657" i="2" s="1"/>
  <c r="K5657" i="2" s="1"/>
  <c r="K5631" i="5" s="1"/>
  <c r="O5631" i="5" s="1"/>
  <c r="F7172" i="2" a="1"/>
  <c r="F7172" i="2" s="1"/>
  <c r="E3043" i="2" a="1"/>
  <c r="E3043" i="2" s="1"/>
  <c r="H1279" i="2" a="1"/>
  <c r="H1279" i="2" s="1"/>
  <c r="D6835" i="2" a="1"/>
  <c r="D6835" i="2" s="1"/>
  <c r="F2172" i="2" a="1"/>
  <c r="F2172" i="2" s="1"/>
  <c r="H5543" i="2" a="1"/>
  <c r="H5543" i="2" s="1"/>
  <c r="H5549" i="2" a="1"/>
  <c r="H5549" i="2" s="1"/>
  <c r="E3040" i="2" a="1"/>
  <c r="E3040" i="2" s="1"/>
  <c r="H1261" i="2" a="1"/>
  <c r="H1261" i="2" s="1"/>
  <c r="E6651" i="2" a="1"/>
  <c r="E6651" i="2" s="1"/>
  <c r="AN285" i="1"/>
  <c r="D291" i="5" s="1"/>
  <c r="D3411" i="2" a="1"/>
  <c r="D3411" i="2" s="1"/>
  <c r="D3402" i="2" a="1"/>
  <c r="D3402" i="2" s="1"/>
  <c r="E1589" i="2" a="1"/>
  <c r="E1589" i="2" s="1"/>
  <c r="F2176" i="2" a="1"/>
  <c r="F2176" i="2" s="1"/>
  <c r="H5545" i="2" a="1"/>
  <c r="H5545" i="2" s="1"/>
  <c r="H5544" i="2" a="1"/>
  <c r="H5544" i="2" s="1"/>
  <c r="H5552" i="2" a="1"/>
  <c r="H5552" i="2" s="1"/>
  <c r="H5547" i="2" a="1"/>
  <c r="H5547" i="2" s="1"/>
  <c r="H1260" i="2" a="1"/>
  <c r="H1260" i="2" s="1"/>
  <c r="E6646" i="2" a="1"/>
  <c r="E6646" i="2" s="1"/>
  <c r="AO285" i="1"/>
  <c r="E291" i="5" s="1"/>
  <c r="E2712" i="2" a="1"/>
  <c r="E2712" i="2" s="1"/>
  <c r="F2175" i="2" a="1"/>
  <c r="F2175" i="2" s="1"/>
  <c r="AN296" i="1"/>
  <c r="D302" i="5" s="1"/>
  <c r="E2711" i="2" a="1"/>
  <c r="E2711" i="2" s="1"/>
  <c r="F2193" i="2" a="1"/>
  <c r="F2193" i="2" s="1"/>
  <c r="H5539" i="2" a="1"/>
  <c r="H5539" i="2" s="1"/>
  <c r="AP326" i="1"/>
  <c r="F332" i="5" s="1"/>
  <c r="AO272" i="1"/>
  <c r="E278" i="5" s="1"/>
  <c r="AM111" i="1"/>
  <c r="AN184" i="1"/>
  <c r="D190" i="5" s="1"/>
  <c r="AP228" i="1"/>
  <c r="F234" i="5" s="1"/>
  <c r="AP96" i="1"/>
  <c r="F102" i="5" s="1"/>
  <c r="AP258" i="1"/>
  <c r="F264" i="5" s="1"/>
  <c r="E7476" i="2" a="1"/>
  <c r="E7476" i="2" s="1"/>
  <c r="F6860" i="2" a="1"/>
  <c r="F6860" i="2" s="1"/>
  <c r="H7167" i="2" a="1"/>
  <c r="H7167" i="2" s="1"/>
  <c r="F912" i="2" a="1"/>
  <c r="F912" i="2" s="1"/>
  <c r="H8505" i="2" a="1"/>
  <c r="H8505" i="2" s="1"/>
  <c r="H4161" i="2" a="1"/>
  <c r="H4161" i="2" s="1"/>
  <c r="F1244" i="2" a="1"/>
  <c r="F1244" i="2" s="1"/>
  <c r="E228" i="2" a="1"/>
  <c r="E228" i="2" s="1"/>
  <c r="AO228" i="1"/>
  <c r="E234" i="5" s="1"/>
  <c r="H1757" i="2" a="1"/>
  <c r="H1757" i="2" s="1"/>
  <c r="H5627" i="2" a="1"/>
  <c r="H5627" i="2" s="1"/>
  <c r="H6066" i="2" a="1"/>
  <c r="H6066" i="2" s="1"/>
  <c r="H2449" i="2" a="1"/>
  <c r="H2449" i="2" s="1"/>
  <c r="H4878" i="2" a="1"/>
  <c r="H4878" i="2" s="1"/>
  <c r="H4113" i="2" a="1"/>
  <c r="H4113" i="2" s="1"/>
  <c r="E3051" i="2" a="1"/>
  <c r="E3051" i="2" s="1"/>
  <c r="G7917" i="2" a="1"/>
  <c r="G7917" i="2" s="1"/>
  <c r="D8211" i="2" a="1"/>
  <c r="D8211" i="2" s="1"/>
  <c r="E8605" i="2" a="1"/>
  <c r="E8605" i="2" s="1"/>
  <c r="E8614" i="2" a="1"/>
  <c r="E8614" i="2" s="1"/>
  <c r="G1626" i="2" a="1"/>
  <c r="G1626" i="2" s="1"/>
  <c r="F4444" i="2" a="1"/>
  <c r="F4444" i="2" s="1"/>
  <c r="H1275" i="2" a="1"/>
  <c r="H1275" i="2" s="1"/>
  <c r="G1995" i="2" a="1"/>
  <c r="G1995" i="2" s="1"/>
  <c r="D3394" i="2" a="1"/>
  <c r="D3394" i="2" s="1"/>
  <c r="E1570" i="2" a="1"/>
  <c r="E1570" i="2" s="1"/>
  <c r="E1592" i="2" a="1"/>
  <c r="E1592" i="2" s="1"/>
  <c r="G1716" i="2" a="1"/>
  <c r="G1716" i="2" s="1"/>
  <c r="G1731" i="2" a="1"/>
  <c r="G1731" i="2" s="1"/>
  <c r="E1089" i="2" a="1"/>
  <c r="E1089" i="2" s="1"/>
  <c r="F199" i="2" a="1"/>
  <c r="F199" i="2" s="1"/>
  <c r="F4058" i="2" a="1"/>
  <c r="F4058" i="2" s="1"/>
  <c r="F4045" i="2" a="1"/>
  <c r="F4045" i="2" s="1"/>
  <c r="G5920" i="2" a="1"/>
  <c r="G5920" i="2" s="1"/>
  <c r="G5928" i="2" a="1"/>
  <c r="G5928" i="2" s="1"/>
  <c r="F2177" i="2" a="1"/>
  <c r="F2177" i="2" s="1"/>
  <c r="F2182" i="2" a="1"/>
  <c r="F2182" i="2" s="1"/>
  <c r="H5537" i="2" a="1"/>
  <c r="H5537" i="2" s="1"/>
  <c r="E3375" i="2" a="1"/>
  <c r="E3375" i="2" s="1"/>
  <c r="E3391" i="2" a="1"/>
  <c r="E3391" i="2" s="1"/>
  <c r="E7494" i="2" a="1"/>
  <c r="E7494" i="2" s="1"/>
  <c r="D972" i="2" a="1"/>
  <c r="D972" i="2" s="1"/>
  <c r="F6862" i="2" a="1"/>
  <c r="F6862" i="2" s="1"/>
  <c r="H7162" i="2" a="1"/>
  <c r="H7162" i="2" s="1"/>
  <c r="D4487" i="2" a="1"/>
  <c r="D4487" i="2" s="1"/>
  <c r="AQ187" i="1"/>
  <c r="G193" i="5" s="1"/>
  <c r="F1639" i="2" a="1"/>
  <c r="F1639" i="2" s="1"/>
  <c r="F907" i="2" a="1"/>
  <c r="F907" i="2" s="1"/>
  <c r="H8504" i="2" a="1"/>
  <c r="H8504" i="2" s="1"/>
  <c r="H4144" i="2" a="1"/>
  <c r="H4144" i="2" s="1"/>
  <c r="F1250" i="2" a="1"/>
  <c r="F1250" i="2" s="1"/>
  <c r="E236" i="2" a="1"/>
  <c r="E236" i="2" s="1"/>
  <c r="H1747" i="2" a="1"/>
  <c r="H1747" i="2" s="1"/>
  <c r="H5647" i="2" a="1"/>
  <c r="H5647" i="2" s="1"/>
  <c r="H5631" i="2" a="1"/>
  <c r="H5631" i="2" s="1"/>
  <c r="H6077" i="2" a="1"/>
  <c r="H6077" i="2" s="1"/>
  <c r="H2445" i="2" a="1"/>
  <c r="H2445" i="2" s="1"/>
  <c r="H4872" i="2" a="1"/>
  <c r="H4872" i="2" s="1"/>
  <c r="H4112" i="2" a="1"/>
  <c r="H4112" i="2" s="1"/>
  <c r="E3619" i="2" a="1"/>
  <c r="E3619" i="2" s="1"/>
  <c r="E3052" i="2" a="1"/>
  <c r="E3052" i="2" s="1"/>
  <c r="E3035" i="2" a="1"/>
  <c r="E3035" i="2" s="1"/>
  <c r="G7928" i="2" a="1"/>
  <c r="G7928" i="2" s="1"/>
  <c r="D8207" i="2" a="1"/>
  <c r="D8207" i="2" s="1"/>
  <c r="E8624" i="2" a="1"/>
  <c r="E8624" i="2" s="1"/>
  <c r="E8622" i="2" a="1"/>
  <c r="E8622" i="2" s="1"/>
  <c r="G1624" i="2" a="1"/>
  <c r="G1624" i="2" s="1"/>
  <c r="D2295" i="2" a="1"/>
  <c r="D2295" i="2" s="1"/>
  <c r="F4440" i="2" a="1"/>
  <c r="F4440" i="2" s="1"/>
  <c r="H1266" i="2" a="1"/>
  <c r="H1266" i="2" s="1"/>
  <c r="G1989" i="2" a="1"/>
  <c r="G1989" i="2" s="1"/>
  <c r="D3407" i="2" a="1"/>
  <c r="D3407" i="2" s="1"/>
  <c r="E1574" i="2" a="1"/>
  <c r="E1574" i="2" s="1"/>
  <c r="E1593" i="2" a="1"/>
  <c r="E1593" i="2" s="1"/>
  <c r="G1734" i="2" a="1"/>
  <c r="G1734" i="2" s="1"/>
  <c r="G1722" i="2" a="1"/>
  <c r="G1722" i="2" s="1"/>
  <c r="E1078" i="2" a="1"/>
  <c r="E1078" i="2" s="1"/>
  <c r="F183" i="2" a="1"/>
  <c r="F183" i="2" s="1"/>
  <c r="F4063" i="2" a="1"/>
  <c r="F4063" i="2" s="1"/>
  <c r="F4059" i="2" a="1"/>
  <c r="F4059" i="2" s="1"/>
  <c r="G5919" i="2" a="1"/>
  <c r="G5919" i="2" s="1"/>
  <c r="F2181" i="2" a="1"/>
  <c r="F2181" i="2" s="1"/>
  <c r="E3389" i="2" a="1"/>
  <c r="E3389" i="2" s="1"/>
  <c r="D4479" i="2" a="1"/>
  <c r="D4479" i="2" s="1"/>
  <c r="H8492" i="2" a="1"/>
  <c r="H8492" i="2" s="1"/>
  <c r="H4160" i="2" a="1"/>
  <c r="H4160" i="2" s="1"/>
  <c r="H5645" i="2" a="1"/>
  <c r="H5645" i="2" s="1"/>
  <c r="H6060" i="2" a="1"/>
  <c r="H6060" i="2" s="1"/>
  <c r="E3034" i="2" a="1"/>
  <c r="E3034" i="2" s="1"/>
  <c r="E3054" i="2" a="1"/>
  <c r="E3054" i="2" s="1"/>
  <c r="E8615" i="2" a="1"/>
  <c r="E8615" i="2" s="1"/>
  <c r="D2313" i="2" a="1"/>
  <c r="D2313" i="2" s="1"/>
  <c r="H1271" i="2" a="1"/>
  <c r="H1271" i="2" s="1"/>
  <c r="D3399" i="2" a="1"/>
  <c r="D3399" i="2" s="1"/>
  <c r="E1579" i="2" a="1"/>
  <c r="E1579" i="2" s="1"/>
  <c r="E1580" i="2" a="1"/>
  <c r="E1580" i="2" s="1"/>
  <c r="G1733" i="2" a="1"/>
  <c r="G1733" i="2" s="1"/>
  <c r="F201" i="2" a="1"/>
  <c r="F201" i="2" s="1"/>
  <c r="F4064" i="2" a="1"/>
  <c r="F4064" i="2" s="1"/>
  <c r="F2187" i="2" a="1"/>
  <c r="F2187" i="2" s="1"/>
  <c r="H5551" i="2" a="1"/>
  <c r="H5551" i="2" s="1"/>
  <c r="E3039" i="2" a="1"/>
  <c r="E3039" i="2" s="1"/>
  <c r="E3046" i="2" a="1"/>
  <c r="E3046" i="2" s="1"/>
  <c r="H1280" i="2" a="1"/>
  <c r="H1280" i="2" s="1"/>
  <c r="D3412" i="2" a="1"/>
  <c r="D3412" i="2" s="1"/>
  <c r="E1576" i="2" a="1"/>
  <c r="E1576" i="2" s="1"/>
  <c r="E1577" i="2" a="1"/>
  <c r="E1577" i="2" s="1"/>
  <c r="F182" i="2" a="1"/>
  <c r="F182" i="2" s="1"/>
  <c r="F2189" i="2" a="1"/>
  <c r="F2189" i="2" s="1"/>
  <c r="H5546" i="2" a="1"/>
  <c r="H5546" i="2" s="1"/>
  <c r="H5532" i="2" a="1"/>
  <c r="H5532" i="2" s="1"/>
  <c r="E3036" i="2" a="1"/>
  <c r="E3036" i="2" s="1"/>
  <c r="H1268" i="2" a="1"/>
  <c r="H1268" i="2" s="1"/>
  <c r="F181" i="2" a="1"/>
  <c r="F181" i="2" s="1"/>
  <c r="H5550" i="2" a="1"/>
  <c r="H5550" i="2" s="1"/>
  <c r="AQ367" i="1"/>
  <c r="AP367" i="1"/>
  <c r="AM367" i="1"/>
  <c r="H5821" i="2" a="1"/>
  <c r="H5821" i="2" s="1"/>
  <c r="H5839" i="2" a="1"/>
  <c r="H5839" i="2" s="1"/>
  <c r="H5833" i="2" a="1"/>
  <c r="H5833" i="2" s="1"/>
  <c r="H5820" i="2" a="1"/>
  <c r="H5820" i="2" s="1"/>
  <c r="H5826" i="2" a="1"/>
  <c r="H5826" i="2" s="1"/>
  <c r="H5819" i="2" a="1"/>
  <c r="H5819" i="2" s="1"/>
  <c r="H5822" i="2" a="1"/>
  <c r="H5822" i="2" s="1"/>
  <c r="H5837" i="2" a="1"/>
  <c r="H5837" i="2" s="1"/>
  <c r="H5831" i="2" a="1"/>
  <c r="H5831" i="2" s="1"/>
  <c r="H5823" i="2" a="1"/>
  <c r="H5823" i="2" s="1"/>
  <c r="H5824" i="2" a="1"/>
  <c r="H5824" i="2" s="1"/>
  <c r="H5840" i="2" a="1"/>
  <c r="H5840" i="2" s="1"/>
  <c r="H5829" i="2" a="1"/>
  <c r="H5829" i="2" s="1"/>
  <c r="H5818" i="2" a="1"/>
  <c r="H5818" i="2" s="1"/>
  <c r="H5832" i="2" a="1"/>
  <c r="H5832" i="2" s="1"/>
  <c r="H5830" i="2" a="1"/>
  <c r="H5830" i="2" s="1"/>
  <c r="H5838" i="2" a="1"/>
  <c r="H5838" i="2" s="1"/>
  <c r="H5834" i="2" a="1"/>
  <c r="H5834" i="2" s="1"/>
  <c r="H5825" i="2" a="1"/>
  <c r="H5825" i="2" s="1"/>
  <c r="H5835" i="2" a="1"/>
  <c r="H5835" i="2" s="1"/>
  <c r="H5836" i="2" a="1"/>
  <c r="H5836" i="2" s="1"/>
  <c r="H5841" i="2" a="1"/>
  <c r="H5841" i="2" s="1"/>
  <c r="H1001" i="2" a="1"/>
  <c r="H1001" i="2" s="1"/>
  <c r="H994" i="2" a="1"/>
  <c r="H994" i="2" s="1"/>
  <c r="H1005" i="2" a="1"/>
  <c r="H1005" i="2" s="1"/>
  <c r="H1009" i="2" a="1"/>
  <c r="H1009" i="2" s="1"/>
  <c r="H1016" i="2" a="1"/>
  <c r="H1016" i="2" s="1"/>
  <c r="H1002" i="2" a="1"/>
  <c r="H1002" i="2" s="1"/>
  <c r="H1011" i="2" a="1"/>
  <c r="H1011" i="2" s="1"/>
  <c r="H995" i="2" a="1"/>
  <c r="H995" i="2" s="1"/>
  <c r="H1010" i="2" a="1"/>
  <c r="H1010" i="2" s="1"/>
  <c r="H999" i="2" a="1"/>
  <c r="H999" i="2" s="1"/>
  <c r="H1014" i="2" a="1"/>
  <c r="H1014" i="2" s="1"/>
  <c r="H1006" i="2" a="1"/>
  <c r="H1006" i="2" s="1"/>
  <c r="H996" i="2" a="1"/>
  <c r="H996" i="2" s="1"/>
  <c r="H1000" i="2" a="1"/>
  <c r="H1000" i="2" s="1"/>
  <c r="H1017" i="2" a="1"/>
  <c r="H1017" i="2" s="1"/>
  <c r="H1007" i="2" a="1"/>
  <c r="H1007" i="2" s="1"/>
  <c r="H997" i="2" a="1"/>
  <c r="H997" i="2" s="1"/>
  <c r="H1013" i="2" a="1"/>
  <c r="H1013" i="2" s="1"/>
  <c r="H998" i="2" a="1"/>
  <c r="H998" i="2" s="1"/>
  <c r="H1004" i="2" a="1"/>
  <c r="H1004" i="2" s="1"/>
  <c r="H1008" i="2" a="1"/>
  <c r="H1008" i="2" s="1"/>
  <c r="H1003" i="2" a="1"/>
  <c r="H1003" i="2" s="1"/>
  <c r="H1012" i="2" a="1"/>
  <c r="H1012" i="2" s="1"/>
  <c r="H1015" i="2" a="1"/>
  <c r="H1015" i="2" s="1"/>
  <c r="AP30" i="1"/>
  <c r="F36" i="5" s="1"/>
  <c r="D706" i="2" a="1"/>
  <c r="D706" i="2" s="1"/>
  <c r="AN30" i="1"/>
  <c r="D36" i="5" s="1"/>
  <c r="D709" i="2" a="1"/>
  <c r="D709" i="2" s="1"/>
  <c r="AQ30" i="1"/>
  <c r="G36" i="5" s="1"/>
  <c r="D713" i="2" a="1"/>
  <c r="D713" i="2" s="1"/>
  <c r="AO30" i="1"/>
  <c r="E36" i="5" s="1"/>
  <c r="D717" i="2" a="1"/>
  <c r="D717" i="2" s="1"/>
  <c r="AM30" i="1"/>
  <c r="D721" i="2" a="1"/>
  <c r="D721" i="2" s="1"/>
  <c r="D728" i="2" a="1"/>
  <c r="D728" i="2" s="1"/>
  <c r="D729" i="2" a="1"/>
  <c r="D729" i="2" s="1"/>
  <c r="D715" i="2" a="1"/>
  <c r="D715" i="2" s="1"/>
  <c r="D710" i="2" a="1"/>
  <c r="D710" i="2" s="1"/>
  <c r="D714" i="2" a="1"/>
  <c r="D714" i="2" s="1"/>
  <c r="F1231" i="2" a="1"/>
  <c r="F1231" i="2" s="1"/>
  <c r="F1214" i="2" a="1"/>
  <c r="F1214" i="2" s="1"/>
  <c r="F1223" i="2" a="1"/>
  <c r="F1223" i="2" s="1"/>
  <c r="F1225" i="2" a="1"/>
  <c r="F1225" i="2" s="1"/>
  <c r="F1224" i="2" a="1"/>
  <c r="F1224" i="2" s="1"/>
  <c r="F1212" i="2" a="1"/>
  <c r="F1212" i="2" s="1"/>
  <c r="F1215" i="2" a="1"/>
  <c r="F1215" i="2" s="1"/>
  <c r="F1230" i="2" a="1"/>
  <c r="F1230" i="2" s="1"/>
  <c r="F1218" i="2" a="1"/>
  <c r="F1218" i="2" s="1"/>
  <c r="F1221" i="2" a="1"/>
  <c r="F1221" i="2" s="1"/>
  <c r="F1220" i="2" a="1"/>
  <c r="F1220" i="2" s="1"/>
  <c r="F1232" i="2" a="1"/>
  <c r="F1232" i="2" s="1"/>
  <c r="F1216" i="2" a="1"/>
  <c r="F1216" i="2" s="1"/>
  <c r="F1227" i="2" a="1"/>
  <c r="F1227" i="2" s="1"/>
  <c r="F1217" i="2" a="1"/>
  <c r="F1217" i="2" s="1"/>
  <c r="K1217" i="2" s="1"/>
  <c r="K1191" i="5" s="1"/>
  <c r="O1191" i="5" s="1"/>
  <c r="F1233" i="2" a="1"/>
  <c r="F1233" i="2" s="1"/>
  <c r="F1219" i="2" a="1"/>
  <c r="F1219" i="2" s="1"/>
  <c r="E4013" i="2" a="1"/>
  <c r="E4013" i="2" s="1"/>
  <c r="E4009" i="2" a="1"/>
  <c r="E4009" i="2" s="1"/>
  <c r="E4005" i="2" a="1"/>
  <c r="E4005" i="2" s="1"/>
  <c r="E4000" i="2" a="1"/>
  <c r="E4000" i="2" s="1"/>
  <c r="E3996" i="2" a="1"/>
  <c r="E3996" i="2" s="1"/>
  <c r="E3995" i="2" a="1"/>
  <c r="E3995" i="2" s="1"/>
  <c r="E4006" i="2" a="1"/>
  <c r="E4006" i="2" s="1"/>
  <c r="E3998" i="2" a="1"/>
  <c r="E3998" i="2" s="1"/>
  <c r="E4011" i="2" a="1"/>
  <c r="E4011" i="2" s="1"/>
  <c r="E4017" i="2" a="1"/>
  <c r="E4017" i="2" s="1"/>
  <c r="E4016" i="2" a="1"/>
  <c r="E4016" i="2" s="1"/>
  <c r="E4002" i="2" a="1"/>
  <c r="E4002" i="2" s="1"/>
  <c r="E4015" i="2" a="1"/>
  <c r="E4015" i="2" s="1"/>
  <c r="E4010" i="2" a="1"/>
  <c r="E4010" i="2" s="1"/>
  <c r="E3997" i="2" a="1"/>
  <c r="E3997" i="2" s="1"/>
  <c r="G7744" i="2" a="1"/>
  <c r="G7744" i="2" s="1"/>
  <c r="G7742" i="2" a="1"/>
  <c r="G7742" i="2" s="1"/>
  <c r="G7748" i="2" a="1"/>
  <c r="G7748" i="2" s="1"/>
  <c r="G7746" i="2" a="1"/>
  <c r="G7746" i="2" s="1"/>
  <c r="G7749" i="2" a="1"/>
  <c r="G7749" i="2" s="1"/>
  <c r="G7754" i="2" a="1"/>
  <c r="G7754" i="2" s="1"/>
  <c r="G7741" i="2" a="1"/>
  <c r="G7741" i="2" s="1"/>
  <c r="G7750" i="2" a="1"/>
  <c r="G7750" i="2" s="1"/>
  <c r="G7759" i="2" a="1"/>
  <c r="G7759" i="2" s="1"/>
  <c r="G7755" i="2" a="1"/>
  <c r="G7755" i="2" s="1"/>
  <c r="G7760" i="2" a="1"/>
  <c r="G7760" i="2" s="1"/>
  <c r="G7751" i="2" a="1"/>
  <c r="G7751" i="2" s="1"/>
  <c r="G7758" i="2" a="1"/>
  <c r="G7758" i="2" s="1"/>
  <c r="G7761" i="2" a="1"/>
  <c r="G7761" i="2" s="1"/>
  <c r="G7745" i="2" a="1"/>
  <c r="G7745" i="2" s="1"/>
  <c r="G7753" i="2" a="1"/>
  <c r="G7753" i="2" s="1"/>
  <c r="G7747" i="2" a="1"/>
  <c r="G7747" i="2" s="1"/>
  <c r="G7739" i="2" a="1"/>
  <c r="G7739" i="2" s="1"/>
  <c r="G7740" i="2" a="1"/>
  <c r="G7740" i="2" s="1"/>
  <c r="G7752" i="2" a="1"/>
  <c r="G7752" i="2" s="1"/>
  <c r="G7743" i="2" a="1"/>
  <c r="G7743" i="2" s="1"/>
  <c r="G7383" i="2" a="1"/>
  <c r="G7383" i="2" s="1"/>
  <c r="G7392" i="2" a="1"/>
  <c r="G7392" i="2" s="1"/>
  <c r="G7385" i="2" a="1"/>
  <c r="G7385" i="2" s="1"/>
  <c r="G7395" i="2" a="1"/>
  <c r="G7395" i="2" s="1"/>
  <c r="G7399" i="2" a="1"/>
  <c r="G7399" i="2" s="1"/>
  <c r="G7382" i="2" a="1"/>
  <c r="G7382" i="2" s="1"/>
  <c r="G7384" i="2" a="1"/>
  <c r="G7384" i="2" s="1"/>
  <c r="G7401" i="2" a="1"/>
  <c r="G7401" i="2" s="1"/>
  <c r="G7398" i="2" a="1"/>
  <c r="G7398" i="2" s="1"/>
  <c r="G7388" i="2" a="1"/>
  <c r="G7388" i="2" s="1"/>
  <c r="G7381" i="2" a="1"/>
  <c r="G7381" i="2" s="1"/>
  <c r="G7389" i="2" a="1"/>
  <c r="G7389" i="2" s="1"/>
  <c r="G7378" i="2" a="1"/>
  <c r="G7378" i="2" s="1"/>
  <c r="G7391" i="2" a="1"/>
  <c r="G7391" i="2" s="1"/>
  <c r="G7390" i="2" a="1"/>
  <c r="G7390" i="2" s="1"/>
  <c r="G7400" i="2" a="1"/>
  <c r="G7400" i="2" s="1"/>
  <c r="G7397" i="2" a="1"/>
  <c r="G7397" i="2" s="1"/>
  <c r="G7394" i="2" a="1"/>
  <c r="G7394" i="2" s="1"/>
  <c r="G7386" i="2" a="1"/>
  <c r="G7386" i="2" s="1"/>
  <c r="G7387" i="2" a="1"/>
  <c r="G7387" i="2" s="1"/>
  <c r="G7396" i="2" a="1"/>
  <c r="G7396" i="2" s="1"/>
  <c r="G7393" i="2" a="1"/>
  <c r="G7393" i="2" s="1"/>
  <c r="F8544" i="2" a="1"/>
  <c r="F8544" i="2" s="1"/>
  <c r="AP356" i="1"/>
  <c r="F362" i="5" s="1"/>
  <c r="F8538" i="2" a="1"/>
  <c r="F8538" i="2" s="1"/>
  <c r="AQ356" i="1"/>
  <c r="G362" i="5" s="1"/>
  <c r="F8533" i="2" a="1"/>
  <c r="F8533" i="2" s="1"/>
  <c r="AN356" i="1"/>
  <c r="D362" i="5" s="1"/>
  <c r="F8541" i="2" a="1"/>
  <c r="F8541" i="2" s="1"/>
  <c r="AO356" i="1"/>
  <c r="E362" i="5" s="1"/>
  <c r="F8531" i="2" a="1"/>
  <c r="F8531" i="2" s="1"/>
  <c r="AM356" i="1"/>
  <c r="F8532" i="2" a="1"/>
  <c r="F8532" i="2" s="1"/>
  <c r="F8546" i="2" a="1"/>
  <c r="F8546" i="2" s="1"/>
  <c r="F8547" i="2" a="1"/>
  <c r="F8547" i="2" s="1"/>
  <c r="F8552" i="2" a="1"/>
  <c r="F8552" i="2" s="1"/>
  <c r="F8545" i="2" a="1"/>
  <c r="F8545" i="2" s="1"/>
  <c r="F8543" i="2" a="1"/>
  <c r="F8543" i="2" s="1"/>
  <c r="F8551" i="2" a="1"/>
  <c r="F8551" i="2" s="1"/>
  <c r="F8553" i="2" a="1"/>
  <c r="F8553" i="2" s="1"/>
  <c r="F8530" i="2" a="1"/>
  <c r="F8530" i="2" s="1"/>
  <c r="H6686" i="2" a="1"/>
  <c r="H6686" i="2" s="1"/>
  <c r="H6690" i="2" a="1"/>
  <c r="H6690" i="2" s="1"/>
  <c r="H6687" i="2" a="1"/>
  <c r="H6687" i="2" s="1"/>
  <c r="H6689" i="2" a="1"/>
  <c r="H6689" i="2" s="1"/>
  <c r="H6692" i="2" a="1"/>
  <c r="H6692" i="2" s="1"/>
  <c r="H6693" i="2" a="1"/>
  <c r="H6693" i="2" s="1"/>
  <c r="H6694" i="2" a="1"/>
  <c r="H6694" i="2" s="1"/>
  <c r="H6701" i="2" a="1"/>
  <c r="H6701" i="2" s="1"/>
  <c r="H6695" i="2" a="1"/>
  <c r="H6695" i="2" s="1"/>
  <c r="H6684" i="2" a="1"/>
  <c r="H6684" i="2" s="1"/>
  <c r="H6683" i="2" a="1"/>
  <c r="H6683" i="2" s="1"/>
  <c r="H6703" i="2" a="1"/>
  <c r="H6703" i="2" s="1"/>
  <c r="H6699" i="2" a="1"/>
  <c r="H6699" i="2" s="1"/>
  <c r="H6691" i="2" a="1"/>
  <c r="H6691" i="2" s="1"/>
  <c r="H6697" i="2" a="1"/>
  <c r="H6697" i="2" s="1"/>
  <c r="H6685" i="2" a="1"/>
  <c r="H6685" i="2" s="1"/>
  <c r="H6698" i="2" a="1"/>
  <c r="H6698" i="2" s="1"/>
  <c r="G859" i="2" a="1"/>
  <c r="G859" i="2" s="1"/>
  <c r="G853" i="2" a="1"/>
  <c r="G853" i="2" s="1"/>
  <c r="G862" i="2" a="1"/>
  <c r="G862" i="2" s="1"/>
  <c r="G867" i="2" a="1"/>
  <c r="G867" i="2" s="1"/>
  <c r="G873" i="2" a="1"/>
  <c r="G873" i="2" s="1"/>
  <c r="G868" i="2" a="1"/>
  <c r="G868" i="2" s="1"/>
  <c r="G872" i="2" a="1"/>
  <c r="G872" i="2" s="1"/>
  <c r="G870" i="2" a="1"/>
  <c r="G870" i="2" s="1"/>
  <c r="G863" i="2" a="1"/>
  <c r="G863" i="2" s="1"/>
  <c r="G855" i="2" a="1"/>
  <c r="G855" i="2" s="1"/>
  <c r="G854" i="2" a="1"/>
  <c r="G854" i="2" s="1"/>
  <c r="G145" i="2" a="1"/>
  <c r="G145" i="2" s="1"/>
  <c r="G137" i="2" a="1"/>
  <c r="G137" i="2" s="1"/>
  <c r="G148" i="2" a="1"/>
  <c r="G148" i="2" s="1"/>
  <c r="G138" i="2" a="1"/>
  <c r="G138" i="2" s="1"/>
  <c r="G143" i="2" a="1"/>
  <c r="G143" i="2" s="1"/>
  <c r="G150" i="2" a="1"/>
  <c r="G150" i="2" s="1"/>
  <c r="G139" i="2" a="1"/>
  <c r="G139" i="2" s="1"/>
  <c r="M139" i="2" s="1"/>
  <c r="M113" i="5" s="1"/>
  <c r="G147" i="2" a="1"/>
  <c r="G147" i="2" s="1"/>
  <c r="G141" i="2" a="1"/>
  <c r="G141" i="2" s="1"/>
  <c r="G144" i="2" a="1"/>
  <c r="G144" i="2" s="1"/>
  <c r="G146" i="2" a="1"/>
  <c r="G146" i="2" s="1"/>
  <c r="H3644" i="2" a="1"/>
  <c r="H3644" i="2" s="1"/>
  <c r="H3648" i="2" a="1"/>
  <c r="H3648" i="2" s="1"/>
  <c r="H3639" i="2" a="1"/>
  <c r="H3639" i="2" s="1"/>
  <c r="H3638" i="2" a="1"/>
  <c r="H3638" i="2" s="1"/>
  <c r="H3634" i="2" a="1"/>
  <c r="H3634" i="2" s="1"/>
  <c r="H3635" i="2" a="1"/>
  <c r="H3635" i="2" s="1"/>
  <c r="H3640" i="2" a="1"/>
  <c r="H3640" i="2" s="1"/>
  <c r="H3652" i="2" a="1"/>
  <c r="H3652" i="2" s="1"/>
  <c r="H3645" i="2" a="1"/>
  <c r="H3645" i="2" s="1"/>
  <c r="H3654" i="2" a="1"/>
  <c r="H3654" i="2" s="1"/>
  <c r="H3655" i="2" a="1"/>
  <c r="H3655" i="2" s="1"/>
  <c r="H3643" i="2" a="1"/>
  <c r="H3643" i="2" s="1"/>
  <c r="H3637" i="2" a="1"/>
  <c r="H3637" i="2" s="1"/>
  <c r="H5022" i="2" a="1"/>
  <c r="H5022" i="2" s="1"/>
  <c r="H5023" i="2" a="1"/>
  <c r="H5023" i="2" s="1"/>
  <c r="H5019" i="2" a="1"/>
  <c r="H5019" i="2" s="1"/>
  <c r="H5014" i="2" a="1"/>
  <c r="H5014" i="2" s="1"/>
  <c r="H5024" i="2" a="1"/>
  <c r="H5024" i="2" s="1"/>
  <c r="H5003" i="2" a="1"/>
  <c r="H5003" i="2" s="1"/>
  <c r="H5012" i="2" a="1"/>
  <c r="H5012" i="2" s="1"/>
  <c r="H5007" i="2" a="1"/>
  <c r="H5007" i="2" s="1"/>
  <c r="H5021" i="2" a="1"/>
  <c r="H5021" i="2" s="1"/>
  <c r="H5005" i="2" a="1"/>
  <c r="H5005" i="2" s="1"/>
  <c r="H5006" i="2" a="1"/>
  <c r="H5006" i="2" s="1"/>
  <c r="H5009" i="2" a="1"/>
  <c r="H5009" i="2" s="1"/>
  <c r="H5017" i="2" a="1"/>
  <c r="H5017" i="2" s="1"/>
  <c r="F2769" i="2" a="1"/>
  <c r="F2769" i="2" s="1"/>
  <c r="F2761" i="2" a="1"/>
  <c r="F2761" i="2" s="1"/>
  <c r="F2752" i="2" a="1"/>
  <c r="F2752" i="2" s="1"/>
  <c r="F2746" i="2" a="1"/>
  <c r="F2746" i="2" s="1"/>
  <c r="F2760" i="2" a="1"/>
  <c r="F2760" i="2" s="1"/>
  <c r="F2758" i="2" a="1"/>
  <c r="F2758" i="2" s="1"/>
  <c r="F2749" i="2" a="1"/>
  <c r="F2749" i="2" s="1"/>
  <c r="F2747" i="2" a="1"/>
  <c r="F2747" i="2" s="1"/>
  <c r="G731" i="2" a="1"/>
  <c r="G731" i="2" s="1"/>
  <c r="G750" i="2" a="1"/>
  <c r="G750" i="2" s="1"/>
  <c r="AP31" i="1"/>
  <c r="F37" i="5" s="1"/>
  <c r="AO31" i="1"/>
  <c r="E37" i="5" s="1"/>
  <c r="E8678" i="2" a="1"/>
  <c r="E8678" i="2" s="1"/>
  <c r="E8676" i="2" a="1"/>
  <c r="E8676" i="2" s="1"/>
  <c r="AO75" i="1"/>
  <c r="E81" i="5" s="1"/>
  <c r="AN75" i="1"/>
  <c r="D81" i="5" s="1"/>
  <c r="AP75" i="1"/>
  <c r="F81" i="5" s="1"/>
  <c r="AQ75" i="1"/>
  <c r="G81" i="5" s="1"/>
  <c r="AQ124" i="1"/>
  <c r="G130" i="5" s="1"/>
  <c r="AN124" i="1"/>
  <c r="D130" i="5" s="1"/>
  <c r="AO124" i="1"/>
  <c r="E130" i="5" s="1"/>
  <c r="AM124" i="1"/>
  <c r="AQ41" i="1"/>
  <c r="G47" i="5" s="1"/>
  <c r="AN41" i="1"/>
  <c r="D47" i="5" s="1"/>
  <c r="AP41" i="1"/>
  <c r="F47" i="5" s="1"/>
  <c r="AO41" i="1"/>
  <c r="E47" i="5" s="1"/>
  <c r="AM41" i="1"/>
  <c r="F6585" i="2" a="1"/>
  <c r="F6585" i="2" s="1"/>
  <c r="F6582" i="2" a="1"/>
  <c r="F6582" i="2" s="1"/>
  <c r="F6570" i="2" a="1"/>
  <c r="F6570" i="2" s="1"/>
  <c r="F6565" i="2" a="1"/>
  <c r="F6565" i="2" s="1"/>
  <c r="F6578" i="2" a="1"/>
  <c r="F6578" i="2" s="1"/>
  <c r="F6563" i="2" a="1"/>
  <c r="F6563" i="2" s="1"/>
  <c r="F6573" i="2" a="1"/>
  <c r="F6573" i="2" s="1"/>
  <c r="F6583" i="2" a="1"/>
  <c r="F6583" i="2" s="1"/>
  <c r="F6571" i="2" a="1"/>
  <c r="F6571" i="2" s="1"/>
  <c r="F6572" i="2" a="1"/>
  <c r="F6572" i="2" s="1"/>
  <c r="F6574" i="2" a="1"/>
  <c r="F6574" i="2" s="1"/>
  <c r="F6581" i="2" a="1"/>
  <c r="F6581" i="2" s="1"/>
  <c r="F6575" i="2" a="1"/>
  <c r="F6575" i="2" s="1"/>
  <c r="F6564" i="2" a="1"/>
  <c r="F6564" i="2" s="1"/>
  <c r="F6567" i="2" a="1"/>
  <c r="F6567" i="2" s="1"/>
  <c r="F6580" i="2" a="1"/>
  <c r="F6580" i="2" s="1"/>
  <c r="F6577" i="2" a="1"/>
  <c r="F6577" i="2" s="1"/>
  <c r="F6568" i="2" a="1"/>
  <c r="F6568" i="2" s="1"/>
  <c r="F6566" i="2" a="1"/>
  <c r="F6566" i="2" s="1"/>
  <c r="F6569" i="2" a="1"/>
  <c r="F6569" i="2" s="1"/>
  <c r="F6562" i="2" a="1"/>
  <c r="F6562" i="2" s="1"/>
  <c r="F6579" i="2" a="1"/>
  <c r="F6579" i="2" s="1"/>
  <c r="E3196" i="2" a="1"/>
  <c r="E3196" i="2" s="1"/>
  <c r="E3192" i="2" a="1"/>
  <c r="E3192" i="2" s="1"/>
  <c r="E3185" i="2" a="1"/>
  <c r="E3185" i="2" s="1"/>
  <c r="E3179" i="2" a="1"/>
  <c r="E3179" i="2" s="1"/>
  <c r="E3183" i="2" a="1"/>
  <c r="E3183" i="2" s="1"/>
  <c r="E3181" i="2" a="1"/>
  <c r="E3181" i="2" s="1"/>
  <c r="E3189" i="2" a="1"/>
  <c r="E3189" i="2" s="1"/>
  <c r="E3182" i="2" a="1"/>
  <c r="E3182" i="2" s="1"/>
  <c r="E3186" i="2" a="1"/>
  <c r="E3186" i="2" s="1"/>
  <c r="E3201" i="2" a="1"/>
  <c r="E3201" i="2" s="1"/>
  <c r="E3193" i="2" a="1"/>
  <c r="E3193" i="2" s="1"/>
  <c r="E3199" i="2" a="1"/>
  <c r="E3199" i="2" s="1"/>
  <c r="E3194" i="2" a="1"/>
  <c r="E3194" i="2" s="1"/>
  <c r="E3178" i="2" a="1"/>
  <c r="E3178" i="2" s="1"/>
  <c r="E3180" i="2" a="1"/>
  <c r="E3180" i="2" s="1"/>
  <c r="E3184" i="2" a="1"/>
  <c r="E3184" i="2" s="1"/>
  <c r="E3190" i="2" a="1"/>
  <c r="E3190" i="2" s="1"/>
  <c r="E3195" i="2" a="1"/>
  <c r="E3195" i="2" s="1"/>
  <c r="E3198" i="2" a="1"/>
  <c r="E3198" i="2" s="1"/>
  <c r="E3200" i="2" a="1"/>
  <c r="E3200" i="2" s="1"/>
  <c r="E3191" i="2" a="1"/>
  <c r="E3191" i="2" s="1"/>
  <c r="E3188" i="2" a="1"/>
  <c r="E3188" i="2" s="1"/>
  <c r="D5591" i="2" a="1"/>
  <c r="D5591" i="2" s="1"/>
  <c r="D5601" i="2" a="1"/>
  <c r="D5601" i="2" s="1"/>
  <c r="D5595" i="2" a="1"/>
  <c r="D5595" i="2" s="1"/>
  <c r="D5599" i="2" a="1"/>
  <c r="D5599" i="2" s="1"/>
  <c r="D5590" i="2" a="1"/>
  <c r="D5590" i="2" s="1"/>
  <c r="D5597" i="2" a="1"/>
  <c r="D5597" i="2" s="1"/>
  <c r="D5586" i="2" a="1"/>
  <c r="D5586" i="2" s="1"/>
  <c r="D5593" i="2" a="1"/>
  <c r="D5593" i="2" s="1"/>
  <c r="D5589" i="2" a="1"/>
  <c r="D5589" i="2" s="1"/>
  <c r="AQ233" i="1"/>
  <c r="G239" i="5" s="1"/>
  <c r="D5581" i="2" a="1"/>
  <c r="D5581" i="2" s="1"/>
  <c r="AN233" i="1"/>
  <c r="D239" i="5" s="1"/>
  <c r="D5588" i="2" a="1"/>
  <c r="D5588" i="2" s="1"/>
  <c r="AO233" i="1"/>
  <c r="E239" i="5" s="1"/>
  <c r="D5598" i="2" a="1"/>
  <c r="D5598" i="2" s="1"/>
  <c r="AM233" i="1"/>
  <c r="D5592" i="2" a="1"/>
  <c r="D5592" i="2" s="1"/>
  <c r="E8471" i="2" a="1"/>
  <c r="E8471" i="2" s="1"/>
  <c r="E8474" i="2" a="1"/>
  <c r="E8474" i="2" s="1"/>
  <c r="AO353" i="1"/>
  <c r="E359" i="5" s="1"/>
  <c r="E8476" i="2" a="1"/>
  <c r="E8476" i="2" s="1"/>
  <c r="AN353" i="1"/>
  <c r="D359" i="5" s="1"/>
  <c r="E8463" i="2" a="1"/>
  <c r="E8463" i="2" s="1"/>
  <c r="AP353" i="1"/>
  <c r="F359" i="5" s="1"/>
  <c r="E8472" i="2" a="1"/>
  <c r="E8472" i="2" s="1"/>
  <c r="AQ353" i="1"/>
  <c r="G359" i="5" s="1"/>
  <c r="AM353" i="1"/>
  <c r="E8459" i="2" a="1"/>
  <c r="E8459" i="2" s="1"/>
  <c r="E8481" i="2" a="1"/>
  <c r="E8481" i="2" s="1"/>
  <c r="E8465" i="2" a="1"/>
  <c r="E8465" i="2" s="1"/>
  <c r="E8460" i="2" a="1"/>
  <c r="E8460" i="2" s="1"/>
  <c r="J8460" i="2" s="1"/>
  <c r="J8434" i="5" s="1"/>
  <c r="N8434" i="5" s="1"/>
  <c r="E8462" i="2" a="1"/>
  <c r="E8462" i="2" s="1"/>
  <c r="E8480" i="2" a="1"/>
  <c r="E8480" i="2" s="1"/>
  <c r="K8480" i="2" s="1"/>
  <c r="K8454" i="5" s="1"/>
  <c r="O8454" i="5" s="1"/>
  <c r="E8467" i="2" a="1"/>
  <c r="E8467" i="2" s="1"/>
  <c r="G4790" i="2" a="1"/>
  <c r="G4790" i="2" s="1"/>
  <c r="G4787" i="2" a="1"/>
  <c r="G4787" i="2" s="1"/>
  <c r="G4809" i="2" a="1"/>
  <c r="G4809" i="2" s="1"/>
  <c r="G4808" i="2" a="1"/>
  <c r="G4808" i="2" s="1"/>
  <c r="G4802" i="2" a="1"/>
  <c r="G4802" i="2" s="1"/>
  <c r="G4794" i="2" a="1"/>
  <c r="G4794" i="2" s="1"/>
  <c r="G4791" i="2" a="1"/>
  <c r="G4791" i="2" s="1"/>
  <c r="G4801" i="2" a="1"/>
  <c r="G4801" i="2" s="1"/>
  <c r="G4799" i="2" a="1"/>
  <c r="G4799" i="2" s="1"/>
  <c r="G4807" i="2" a="1"/>
  <c r="G4807" i="2" s="1"/>
  <c r="G4804" i="2" a="1"/>
  <c r="G4804" i="2" s="1"/>
  <c r="G4806" i="2" a="1"/>
  <c r="G4806" i="2" s="1"/>
  <c r="G4798" i="2" a="1"/>
  <c r="G4798" i="2" s="1"/>
  <c r="F6432" i="2" a="1"/>
  <c r="F6432" i="2" s="1"/>
  <c r="F6439" i="2" a="1"/>
  <c r="F6439" i="2" s="1"/>
  <c r="F6418" i="2" a="1"/>
  <c r="F6418" i="2" s="1"/>
  <c r="J6418" i="2" s="1"/>
  <c r="J6392" i="5" s="1"/>
  <c r="N6392" i="5" s="1"/>
  <c r="F6422" i="2" a="1"/>
  <c r="F6422" i="2" s="1"/>
  <c r="F6435" i="2" a="1"/>
  <c r="F6435" i="2" s="1"/>
  <c r="F6428" i="2" a="1"/>
  <c r="F6428" i="2" s="1"/>
  <c r="F6426" i="2" a="1"/>
  <c r="F6426" i="2" s="1"/>
  <c r="F6424" i="2" a="1"/>
  <c r="F6424" i="2" s="1"/>
  <c r="F6419" i="2" a="1"/>
  <c r="F6419" i="2" s="1"/>
  <c r="F6441" i="2" a="1"/>
  <c r="F6441" i="2" s="1"/>
  <c r="F6429" i="2" a="1"/>
  <c r="F6429" i="2" s="1"/>
  <c r="F6433" i="2" a="1"/>
  <c r="F6433" i="2" s="1"/>
  <c r="F6420" i="2" a="1"/>
  <c r="F6420" i="2" s="1"/>
  <c r="F6436" i="2" a="1"/>
  <c r="F6436" i="2" s="1"/>
  <c r="F6423" i="2" a="1"/>
  <c r="F6423" i="2" s="1"/>
  <c r="F6421" i="2" a="1"/>
  <c r="F6421" i="2" s="1"/>
  <c r="F6437" i="2" a="1"/>
  <c r="F6437" i="2" s="1"/>
  <c r="F6425" i="2" a="1"/>
  <c r="F6425" i="2" s="1"/>
  <c r="F6430" i="2" a="1"/>
  <c r="F6430" i="2" s="1"/>
  <c r="F6427" i="2" a="1"/>
  <c r="F6427" i="2" s="1"/>
  <c r="F6431" i="2" a="1"/>
  <c r="F6431" i="2" s="1"/>
  <c r="F6434" i="2" a="1"/>
  <c r="F6434" i="2" s="1"/>
  <c r="G1135" i="2" a="1"/>
  <c r="G1135" i="2" s="1"/>
  <c r="G1123" i="2" a="1"/>
  <c r="G1123" i="2" s="1"/>
  <c r="G1126" i="2" a="1"/>
  <c r="G1126" i="2" s="1"/>
  <c r="G1124" i="2" a="1"/>
  <c r="G1124" i="2" s="1"/>
  <c r="G1137" i="2" a="1"/>
  <c r="G1137" i="2" s="1"/>
  <c r="G1114" i="2" a="1"/>
  <c r="G1114" i="2" s="1"/>
  <c r="G1125" i="2" a="1"/>
  <c r="G1125" i="2" s="1"/>
  <c r="G1118" i="2" a="1"/>
  <c r="G1118" i="2" s="1"/>
  <c r="G1121" i="2" a="1"/>
  <c r="G1121" i="2" s="1"/>
  <c r="G1115" i="2" a="1"/>
  <c r="G1115" i="2" s="1"/>
  <c r="G1129" i="2" a="1"/>
  <c r="G1129" i="2" s="1"/>
  <c r="G1136" i="2" a="1"/>
  <c r="G1136" i="2" s="1"/>
  <c r="G1133" i="2" a="1"/>
  <c r="G1133" i="2" s="1"/>
  <c r="G1128" i="2" a="1"/>
  <c r="G1128" i="2" s="1"/>
  <c r="L1128" i="2" s="1"/>
  <c r="L1102" i="5" s="1"/>
  <c r="G1130" i="2" a="1"/>
  <c r="G1130" i="2" s="1"/>
  <c r="G1127" i="2" a="1"/>
  <c r="G1127" i="2" s="1"/>
  <c r="G1134" i="2" a="1"/>
  <c r="G1134" i="2" s="1"/>
  <c r="G1116" i="2" a="1"/>
  <c r="G1116" i="2" s="1"/>
  <c r="G1132" i="2" a="1"/>
  <c r="G1132" i="2" s="1"/>
  <c r="G1117" i="2" a="1"/>
  <c r="G1117" i="2" s="1"/>
  <c r="G1131" i="2" a="1"/>
  <c r="G1131" i="2" s="1"/>
  <c r="L1131" i="2" s="1"/>
  <c r="L1105" i="5" s="1"/>
  <c r="G1119" i="2" a="1"/>
  <c r="G1119" i="2" s="1"/>
  <c r="I1119" i="2" s="1"/>
  <c r="I1093" i="5" s="1"/>
  <c r="G1120" i="2" a="1"/>
  <c r="G1120" i="2" s="1"/>
  <c r="G1122" i="2" a="1"/>
  <c r="G1122" i="2" s="1"/>
  <c r="H6174" i="2" a="1"/>
  <c r="H6174" i="2" s="1"/>
  <c r="H6175" i="2" a="1"/>
  <c r="H6175" i="2" s="1"/>
  <c r="H6159" i="2" a="1"/>
  <c r="H6159" i="2" s="1"/>
  <c r="H6162" i="2" a="1"/>
  <c r="H6162" i="2" s="1"/>
  <c r="H6163" i="2" a="1"/>
  <c r="H6163" i="2" s="1"/>
  <c r="H6166" i="2" a="1"/>
  <c r="H6166" i="2" s="1"/>
  <c r="H6176" i="2" a="1"/>
  <c r="H6176" i="2" s="1"/>
  <c r="H6173" i="2" a="1"/>
  <c r="H6173" i="2" s="1"/>
  <c r="G3750" i="2" a="1"/>
  <c r="G3750" i="2" s="1"/>
  <c r="G3743" i="2" a="1"/>
  <c r="G3743" i="2" s="1"/>
  <c r="G3733" i="2" a="1"/>
  <c r="G3733" i="2" s="1"/>
  <c r="AP156" i="1"/>
  <c r="F162" i="5" s="1"/>
  <c r="G3737" i="2" a="1"/>
  <c r="G3737" i="2" s="1"/>
  <c r="G3731" i="2" a="1"/>
  <c r="G3731" i="2" s="1"/>
  <c r="AN156" i="1"/>
  <c r="D162" i="5" s="1"/>
  <c r="G3749" i="2" a="1"/>
  <c r="G3749" i="2" s="1"/>
  <c r="G3732" i="2" a="1"/>
  <c r="G3732" i="2" s="1"/>
  <c r="AO156" i="1"/>
  <c r="E162" i="5" s="1"/>
  <c r="G3747" i="2" a="1"/>
  <c r="G3747" i="2" s="1"/>
  <c r="G3746" i="2" a="1"/>
  <c r="G3746" i="2" s="1"/>
  <c r="AQ156" i="1"/>
  <c r="G162" i="5" s="1"/>
  <c r="AM156" i="1"/>
  <c r="G3745" i="2" a="1"/>
  <c r="G3745" i="2" s="1"/>
  <c r="G3742" i="2" a="1"/>
  <c r="G3742" i="2" s="1"/>
  <c r="G3739" i="2" a="1"/>
  <c r="G3739" i="2" s="1"/>
  <c r="G3751" i="2" a="1"/>
  <c r="G3751" i="2" s="1"/>
  <c r="AO103" i="1"/>
  <c r="E109" i="5" s="1"/>
  <c r="AQ103" i="1"/>
  <c r="G109" i="5" s="1"/>
  <c r="F2036" i="2" a="1"/>
  <c r="F2036" i="2" s="1"/>
  <c r="F2040" i="2" a="1"/>
  <c r="F2040" i="2" s="1"/>
  <c r="F2026" i="2" a="1"/>
  <c r="F2026" i="2" s="1"/>
  <c r="F2039" i="2" a="1"/>
  <c r="F2039" i="2" s="1"/>
  <c r="F2047" i="2" a="1"/>
  <c r="F2047" i="2" s="1"/>
  <c r="F2041" i="2" a="1"/>
  <c r="F2041" i="2" s="1"/>
  <c r="F2038" i="2" a="1"/>
  <c r="F2038" i="2" s="1"/>
  <c r="G3402" i="2" a="1"/>
  <c r="G3402" i="2" s="1"/>
  <c r="G3410" i="2" a="1"/>
  <c r="G3410" i="2" s="1"/>
  <c r="L3410" i="2" s="1"/>
  <c r="L3384" i="5" s="1"/>
  <c r="AQ142" i="1"/>
  <c r="G148" i="5" s="1"/>
  <c r="G3399" i="2" a="1"/>
  <c r="G3399" i="2" s="1"/>
  <c r="AN142" i="1"/>
  <c r="D148" i="5" s="1"/>
  <c r="G3416" i="2" a="1"/>
  <c r="G3416" i="2" s="1"/>
  <c r="G3415" i="2" a="1"/>
  <c r="G3415" i="2" s="1"/>
  <c r="G3404" i="2" a="1"/>
  <c r="G3404" i="2" s="1"/>
  <c r="G3411" i="2" a="1"/>
  <c r="G3411" i="2" s="1"/>
  <c r="G3394" i="2" a="1"/>
  <c r="G3394" i="2" s="1"/>
  <c r="G3417" i="2" a="1"/>
  <c r="G3417" i="2" s="1"/>
  <c r="G3414" i="2" a="1"/>
  <c r="G3414" i="2" s="1"/>
  <c r="G3409" i="2" a="1"/>
  <c r="G3409" i="2" s="1"/>
  <c r="AO142" i="1"/>
  <c r="E148" i="5" s="1"/>
  <c r="G3403" i="2" a="1"/>
  <c r="G3403" i="2" s="1"/>
  <c r="J3403" i="2" s="1"/>
  <c r="J3377" i="5" s="1"/>
  <c r="N3377" i="5" s="1"/>
  <c r="AP142" i="1"/>
  <c r="F148" i="5" s="1"/>
  <c r="G3396" i="2" a="1"/>
  <c r="G3396" i="2" s="1"/>
  <c r="G3408" i="2" a="1"/>
  <c r="G3408" i="2" s="1"/>
  <c r="G3395" i="2" a="1"/>
  <c r="G3395" i="2" s="1"/>
  <c r="G3407" i="2" a="1"/>
  <c r="G3407" i="2" s="1"/>
  <c r="G3397" i="2" a="1"/>
  <c r="G3397" i="2" s="1"/>
  <c r="G3405" i="2" a="1"/>
  <c r="G3405" i="2" s="1"/>
  <c r="G3398" i="2" a="1"/>
  <c r="G3398" i="2" s="1"/>
  <c r="M3398" i="2" s="1"/>
  <c r="M3372" i="5" s="1"/>
  <c r="G3413" i="2" a="1"/>
  <c r="G3413" i="2" s="1"/>
  <c r="G3412" i="2" a="1"/>
  <c r="G3412" i="2" s="1"/>
  <c r="AM142" i="1"/>
  <c r="G3406" i="2" a="1"/>
  <c r="G3406" i="2" s="1"/>
  <c r="AN123" i="1"/>
  <c r="D129" i="5" s="1"/>
  <c r="AM123" i="1"/>
  <c r="AQ123" i="1"/>
  <c r="G129" i="5" s="1"/>
  <c r="F5502" i="2" a="1"/>
  <c r="F5502" i="2" s="1"/>
  <c r="F5492" i="2" a="1"/>
  <c r="F5492" i="2" s="1"/>
  <c r="J5492" i="2" s="1"/>
  <c r="J5466" i="5" s="1"/>
  <c r="N5466" i="5" s="1"/>
  <c r="F5489" i="2" a="1"/>
  <c r="F5489" i="2" s="1"/>
  <c r="F5496" i="2" a="1"/>
  <c r="F5496" i="2" s="1"/>
  <c r="F5490" i="2" a="1"/>
  <c r="F5490" i="2" s="1"/>
  <c r="F5499" i="2" a="1"/>
  <c r="F5499" i="2" s="1"/>
  <c r="F5482" i="2" a="1"/>
  <c r="F5482" i="2" s="1"/>
  <c r="F5488" i="2" a="1"/>
  <c r="F5488" i="2" s="1"/>
  <c r="F5493" i="2" a="1"/>
  <c r="F5493" i="2" s="1"/>
  <c r="F5483" i="2" a="1"/>
  <c r="F5483" i="2" s="1"/>
  <c r="F5503" i="2" a="1"/>
  <c r="F5503" i="2" s="1"/>
  <c r="F5486" i="2" a="1"/>
  <c r="F5486" i="2" s="1"/>
  <c r="F5505" i="2" a="1"/>
  <c r="F5505" i="2" s="1"/>
  <c r="L5505" i="2" s="1"/>
  <c r="L5479" i="5" s="1"/>
  <c r="F5501" i="2" a="1"/>
  <c r="F5501" i="2" s="1"/>
  <c r="E1398" i="2" a="1"/>
  <c r="E1398" i="2" s="1"/>
  <c r="E1388" i="2" a="1"/>
  <c r="E1388" i="2" s="1"/>
  <c r="E1397" i="2" a="1"/>
  <c r="E1397" i="2" s="1"/>
  <c r="E1387" i="2" a="1"/>
  <c r="E1387" i="2" s="1"/>
  <c r="E1382" i="2" a="1"/>
  <c r="E1382" i="2" s="1"/>
  <c r="E1392" i="2" a="1"/>
  <c r="E1392" i="2" s="1"/>
  <c r="E1395" i="2" a="1"/>
  <c r="E1395" i="2" s="1"/>
  <c r="E1380" i="2" a="1"/>
  <c r="E1380" i="2" s="1"/>
  <c r="E1394" i="2" a="1"/>
  <c r="E1394" i="2" s="1"/>
  <c r="E1381" i="2" a="1"/>
  <c r="E1381" i="2" s="1"/>
  <c r="E1393" i="2" a="1"/>
  <c r="E1393" i="2" s="1"/>
  <c r="E1378" i="2" a="1"/>
  <c r="E1378" i="2" s="1"/>
  <c r="E1389" i="2" a="1"/>
  <c r="E1389" i="2" s="1"/>
  <c r="E1379" i="2" a="1"/>
  <c r="E1379" i="2" s="1"/>
  <c r="E1396" i="2" a="1"/>
  <c r="E1396" i="2" s="1"/>
  <c r="E1391" i="2" a="1"/>
  <c r="E1391" i="2" s="1"/>
  <c r="E1383" i="2" a="1"/>
  <c r="E1383" i="2" s="1"/>
  <c r="E1385" i="2" a="1"/>
  <c r="E1385" i="2" s="1"/>
  <c r="E1384" i="2" a="1"/>
  <c r="E1384" i="2" s="1"/>
  <c r="E1399" i="2" a="1"/>
  <c r="E1399" i="2" s="1"/>
  <c r="J1399" i="2" s="1"/>
  <c r="J1373" i="5" s="1"/>
  <c r="N1373" i="5" s="1"/>
  <c r="E1401" i="2" a="1"/>
  <c r="E1401" i="2" s="1"/>
  <c r="E1400" i="2" a="1"/>
  <c r="E1400" i="2" s="1"/>
  <c r="E1386" i="2" a="1"/>
  <c r="E1386" i="2" s="1"/>
  <c r="E1390" i="2" a="1"/>
  <c r="E1390" i="2" s="1"/>
  <c r="F8630" i="2" a="1"/>
  <c r="F8630" i="2" s="1"/>
  <c r="F8636" i="2" a="1"/>
  <c r="F8636" i="2" s="1"/>
  <c r="F8626" i="2" a="1"/>
  <c r="F8626" i="2" s="1"/>
  <c r="F8646" i="2" a="1"/>
  <c r="F8646" i="2" s="1"/>
  <c r="F8641" i="2" a="1"/>
  <c r="F8641" i="2" s="1"/>
  <c r="F8635" i="2" a="1"/>
  <c r="F8635" i="2" s="1"/>
  <c r="F8648" i="2" a="1"/>
  <c r="F8648" i="2" s="1"/>
  <c r="F8637" i="2" a="1"/>
  <c r="F8637" i="2" s="1"/>
  <c r="F8644" i="2" a="1"/>
  <c r="F8644" i="2" s="1"/>
  <c r="F8632" i="2" a="1"/>
  <c r="F8632" i="2" s="1"/>
  <c r="F8642" i="2" a="1"/>
  <c r="F8642" i="2" s="1"/>
  <c r="F8639" i="2" a="1"/>
  <c r="F8639" i="2" s="1"/>
  <c r="F8629" i="2" a="1"/>
  <c r="F8629" i="2" s="1"/>
  <c r="F8643" i="2" a="1"/>
  <c r="F8643" i="2" s="1"/>
  <c r="E1606" i="2" a="1"/>
  <c r="E1606" i="2" s="1"/>
  <c r="L1606" i="2" s="1"/>
  <c r="L1580" i="5" s="1"/>
  <c r="E1614" i="2" a="1"/>
  <c r="E1614" i="2" s="1"/>
  <c r="E1607" i="2" a="1"/>
  <c r="E1607" i="2" s="1"/>
  <c r="E1605" i="2" a="1"/>
  <c r="E1605" i="2" s="1"/>
  <c r="E1594" i="2" a="1"/>
  <c r="E1594" i="2" s="1"/>
  <c r="E1611" i="2" a="1"/>
  <c r="E1611" i="2" s="1"/>
  <c r="M1611" i="2" s="1"/>
  <c r="M1585" i="5" s="1"/>
  <c r="E1615" i="2" a="1"/>
  <c r="E1615" i="2" s="1"/>
  <c r="E1613" i="2" a="1"/>
  <c r="E1613" i="2" s="1"/>
  <c r="E1597" i="2" a="1"/>
  <c r="E1597" i="2" s="1"/>
  <c r="E1598" i="2" a="1"/>
  <c r="E1598" i="2" s="1"/>
  <c r="E1595" i="2" a="1"/>
  <c r="E1595" i="2" s="1"/>
  <c r="E1601" i="2" a="1"/>
  <c r="E1601" i="2" s="1"/>
  <c r="E1596" i="2" a="1"/>
  <c r="E1596" i="2" s="1"/>
  <c r="E1604" i="2" a="1"/>
  <c r="E1604" i="2" s="1"/>
  <c r="H6518" i="2" a="1"/>
  <c r="H6518" i="2" s="1"/>
  <c r="H6526" i="2" a="1"/>
  <c r="H6526" i="2" s="1"/>
  <c r="AQ37" i="1"/>
  <c r="G43" i="5" s="1"/>
  <c r="AP37" i="1"/>
  <c r="F43" i="5" s="1"/>
  <c r="AN37" i="1"/>
  <c r="D43" i="5" s="1"/>
  <c r="E8342" i="2" a="1"/>
  <c r="E8342" i="2" s="1"/>
  <c r="E8352" i="2" a="1"/>
  <c r="E8352" i="2" s="1"/>
  <c r="E8344" i="2" a="1"/>
  <c r="E8344" i="2" s="1"/>
  <c r="E8354" i="2" a="1"/>
  <c r="E8354" i="2" s="1"/>
  <c r="E8356" i="2" a="1"/>
  <c r="E8356" i="2" s="1"/>
  <c r="E8349" i="2" a="1"/>
  <c r="E8349" i="2" s="1"/>
  <c r="E8339" i="2" a="1"/>
  <c r="E8339" i="2" s="1"/>
  <c r="E8341" i="2" a="1"/>
  <c r="E8341" i="2" s="1"/>
  <c r="E8358" i="2" a="1"/>
  <c r="E8358" i="2" s="1"/>
  <c r="E8350" i="2" a="1"/>
  <c r="E8350" i="2" s="1"/>
  <c r="E8357" i="2" a="1"/>
  <c r="E8357" i="2" s="1"/>
  <c r="E8353" i="2" a="1"/>
  <c r="E8353" i="2" s="1"/>
  <c r="E8351" i="2" a="1"/>
  <c r="E8351" i="2" s="1"/>
  <c r="E8346" i="2" a="1"/>
  <c r="E8346" i="2" s="1"/>
  <c r="E8338" i="2" a="1"/>
  <c r="E8338" i="2" s="1"/>
  <c r="E8343" i="2" a="1"/>
  <c r="E8343" i="2" s="1"/>
  <c r="J8343" i="2" s="1"/>
  <c r="J8317" i="5" s="1"/>
  <c r="N8317" i="5" s="1"/>
  <c r="E8340" i="2" a="1"/>
  <c r="E8340" i="2" s="1"/>
  <c r="E8348" i="2" a="1"/>
  <c r="E8348" i="2" s="1"/>
  <c r="E8347" i="2" a="1"/>
  <c r="E8347" i="2" s="1"/>
  <c r="E8355" i="2" a="1"/>
  <c r="E8355" i="2" s="1"/>
  <c r="E8361" i="2" a="1"/>
  <c r="E8361" i="2" s="1"/>
  <c r="E8345" i="2" a="1"/>
  <c r="E8345" i="2" s="1"/>
  <c r="F7667" i="2" a="1"/>
  <c r="F7667" i="2" s="1"/>
  <c r="F7669" i="2" a="1"/>
  <c r="F7669" i="2" s="1"/>
  <c r="F7677" i="2" a="1"/>
  <c r="F7677" i="2" s="1"/>
  <c r="F7668" i="2" a="1"/>
  <c r="F7668" i="2" s="1"/>
  <c r="F7689" i="2" a="1"/>
  <c r="F7689" i="2" s="1"/>
  <c r="F7676" i="2" a="1"/>
  <c r="F7676" i="2" s="1"/>
  <c r="F7674" i="2" a="1"/>
  <c r="F7674" i="2" s="1"/>
  <c r="D3684" i="2" a="1"/>
  <c r="D3684" i="2" s="1"/>
  <c r="D4027" i="2" a="1"/>
  <c r="D4027" i="2" s="1"/>
  <c r="F2754" i="2" a="1"/>
  <c r="F2754" i="2" s="1"/>
  <c r="G131" i="2" a="1"/>
  <c r="G131" i="2" s="1"/>
  <c r="G858" i="2" a="1"/>
  <c r="G858" i="2" s="1"/>
  <c r="AP103" i="1"/>
  <c r="F109" i="5" s="1"/>
  <c r="E3999" i="2" a="1"/>
  <c r="E3999" i="2" s="1"/>
  <c r="H5002" i="2" a="1"/>
  <c r="H5002" i="2" s="1"/>
  <c r="F8534" i="2" a="1"/>
  <c r="F8534" i="2" s="1"/>
  <c r="D5583" i="2" a="1"/>
  <c r="D5583" i="2" s="1"/>
  <c r="J5583" i="2" s="1"/>
  <c r="J5557" i="5" s="1"/>
  <c r="N5557" i="5" s="1"/>
  <c r="F6440" i="2" a="1"/>
  <c r="F6440" i="2" s="1"/>
  <c r="D3692" i="2" a="1"/>
  <c r="D3692" i="2" s="1"/>
  <c r="G135" i="2" a="1"/>
  <c r="G135" i="2" s="1"/>
  <c r="D716" i="2" a="1"/>
  <c r="D716" i="2" s="1"/>
  <c r="G865" i="2" a="1"/>
  <c r="G865" i="2" s="1"/>
  <c r="H5013" i="2" a="1"/>
  <c r="H5013" i="2" s="1"/>
  <c r="F8542" i="2" a="1"/>
  <c r="F8542" i="2" s="1"/>
  <c r="D5579" i="2" a="1"/>
  <c r="D5579" i="2" s="1"/>
  <c r="D3693" i="2" a="1"/>
  <c r="D3693" i="2" s="1"/>
  <c r="D4020" i="2" a="1"/>
  <c r="D4020" i="2" s="1"/>
  <c r="G130" i="2" a="1"/>
  <c r="G130" i="2" s="1"/>
  <c r="D720" i="2" a="1"/>
  <c r="D720" i="2" s="1"/>
  <c r="G861" i="2" a="1"/>
  <c r="G861" i="2" s="1"/>
  <c r="H5018" i="2" a="1"/>
  <c r="H5018" i="2" s="1"/>
  <c r="F8550" i="2" a="1"/>
  <c r="F8550" i="2" s="1"/>
  <c r="AP233" i="1"/>
  <c r="F239" i="5" s="1"/>
  <c r="D3699" i="2" a="1"/>
  <c r="D3699" i="2" s="1"/>
  <c r="G136" i="2" a="1"/>
  <c r="G136" i="2" s="1"/>
  <c r="D725" i="2" a="1"/>
  <c r="D725" i="2" s="1"/>
  <c r="G850" i="2" a="1"/>
  <c r="G850" i="2" s="1"/>
  <c r="F8537" i="2" a="1"/>
  <c r="F8537" i="2" s="1"/>
  <c r="G3401" i="2" a="1"/>
  <c r="G3401" i="2" s="1"/>
  <c r="D727" i="2" a="1"/>
  <c r="D727" i="2" s="1"/>
  <c r="G869" i="2" a="1"/>
  <c r="G869" i="2" s="1"/>
  <c r="F8548" i="2" a="1"/>
  <c r="F8548" i="2" s="1"/>
  <c r="F1213" i="2" a="1"/>
  <c r="F1213" i="2" s="1"/>
  <c r="G7756" i="2" a="1"/>
  <c r="G7756" i="2" s="1"/>
  <c r="G3400" i="2" a="1"/>
  <c r="G3400" i="2" s="1"/>
  <c r="D3688" i="2" a="1"/>
  <c r="D3688" i="2" s="1"/>
  <c r="D4035" i="2" a="1"/>
  <c r="D4035" i="2" s="1"/>
  <c r="F2765" i="2" a="1"/>
  <c r="F2765" i="2" s="1"/>
  <c r="H3646" i="2" a="1"/>
  <c r="H3646" i="2" s="1"/>
  <c r="G132" i="2" a="1"/>
  <c r="G132" i="2" s="1"/>
  <c r="D719" i="2" a="1"/>
  <c r="D719" i="2" s="1"/>
  <c r="G866" i="2" a="1"/>
  <c r="G866" i="2" s="1"/>
  <c r="F8536" i="2" a="1"/>
  <c r="F8536" i="2" s="1"/>
  <c r="F1226" i="2" a="1"/>
  <c r="F1226" i="2" s="1"/>
  <c r="G7757" i="2" a="1"/>
  <c r="G7757" i="2" s="1"/>
  <c r="D3697" i="2" a="1"/>
  <c r="D3697" i="2" s="1"/>
  <c r="D4039" i="2" a="1"/>
  <c r="D4039" i="2" s="1"/>
  <c r="F2755" i="2" a="1"/>
  <c r="F2755" i="2" s="1"/>
  <c r="H3647" i="2" a="1"/>
  <c r="H3647" i="2" s="1"/>
  <c r="G151" i="2" a="1"/>
  <c r="G151" i="2" s="1"/>
  <c r="D726" i="2" a="1"/>
  <c r="D726" i="2" s="1"/>
  <c r="G871" i="2" a="1"/>
  <c r="G871" i="2" s="1"/>
  <c r="E8478" i="2" a="1"/>
  <c r="E8478" i="2" s="1"/>
  <c r="F5498" i="2" a="1"/>
  <c r="F5498" i="2" s="1"/>
  <c r="F8539" i="2" a="1"/>
  <c r="F8539" i="2" s="1"/>
  <c r="F1222" i="2" a="1"/>
  <c r="F1222" i="2" s="1"/>
  <c r="G7738" i="2" a="1"/>
  <c r="G7738" i="2" s="1"/>
  <c r="D3689" i="2" a="1"/>
  <c r="D3689" i="2" s="1"/>
  <c r="D4023" i="2" a="1"/>
  <c r="D4023" i="2" s="1"/>
  <c r="F2763" i="2" a="1"/>
  <c r="F2763" i="2" s="1"/>
  <c r="H3653" i="2" a="1"/>
  <c r="H3653" i="2" s="1"/>
  <c r="AM31" i="1"/>
  <c r="G140" i="2" a="1"/>
  <c r="G140" i="2" s="1"/>
  <c r="D722" i="2" a="1"/>
  <c r="D722" i="2" s="1"/>
  <c r="G857" i="2" a="1"/>
  <c r="G857" i="2" s="1"/>
  <c r="E8458" i="2" a="1"/>
  <c r="E8458" i="2" s="1"/>
  <c r="F5504" i="2" a="1"/>
  <c r="F5504" i="2" s="1"/>
  <c r="F8645" i="2" a="1"/>
  <c r="F8645" i="2" s="1"/>
  <c r="F1229" i="2" a="1"/>
  <c r="F1229" i="2" s="1"/>
  <c r="D3695" i="2" a="1"/>
  <c r="D3695" i="2" s="1"/>
  <c r="D4034" i="2" a="1"/>
  <c r="D4034" i="2" s="1"/>
  <c r="F2753" i="2" a="1"/>
  <c r="F2753" i="2" s="1"/>
  <c r="H3636" i="2" a="1"/>
  <c r="H3636" i="2" s="1"/>
  <c r="AN31" i="1"/>
  <c r="D37" i="5" s="1"/>
  <c r="G134" i="2" a="1"/>
  <c r="G134" i="2" s="1"/>
  <c r="D718" i="2" a="1"/>
  <c r="D718" i="2" s="1"/>
  <c r="G852" i="2" a="1"/>
  <c r="G852" i="2" s="1"/>
  <c r="E8479" i="2" a="1"/>
  <c r="E8479" i="2" s="1"/>
  <c r="F5494" i="2" a="1"/>
  <c r="F5494" i="2" s="1"/>
  <c r="F8627" i="2" a="1"/>
  <c r="F8627" i="2" s="1"/>
  <c r="F1211" i="2" a="1"/>
  <c r="F1211" i="2" s="1"/>
  <c r="E3187" i="2" a="1"/>
  <c r="E3187" i="2" s="1"/>
  <c r="AO37" i="1"/>
  <c r="E43" i="5" s="1"/>
  <c r="D3694" i="2" a="1"/>
  <c r="D3694" i="2" s="1"/>
  <c r="D3701" i="2" a="1"/>
  <c r="D3701" i="2" s="1"/>
  <c r="D4031" i="2" a="1"/>
  <c r="D4031" i="2" s="1"/>
  <c r="F2750" i="2" a="1"/>
  <c r="F2750" i="2" s="1"/>
  <c r="H3651" i="2" a="1"/>
  <c r="H3651" i="2" s="1"/>
  <c r="AQ31" i="1"/>
  <c r="G37" i="5" s="1"/>
  <c r="G152" i="2" a="1"/>
  <c r="G152" i="2" s="1"/>
  <c r="D724" i="2" a="1"/>
  <c r="D724" i="2" s="1"/>
  <c r="G856" i="2" a="1"/>
  <c r="G856" i="2" s="1"/>
  <c r="E8468" i="2" a="1"/>
  <c r="E8468" i="2" s="1"/>
  <c r="F5500" i="2" a="1"/>
  <c r="F5500" i="2" s="1"/>
  <c r="F8649" i="2" a="1"/>
  <c r="F8649" i="2" s="1"/>
  <c r="F1210" i="2" a="1"/>
  <c r="F1210" i="2" s="1"/>
  <c r="E3197" i="2" a="1"/>
  <c r="E3197" i="2" s="1"/>
  <c r="G149" i="2" a="1"/>
  <c r="G149" i="2" s="1"/>
  <c r="D712" i="2" a="1"/>
  <c r="D712" i="2" s="1"/>
  <c r="F1228" i="2" a="1"/>
  <c r="F1228" i="2" s="1"/>
  <c r="AO367" i="1"/>
  <c r="F6576" i="2" a="1"/>
  <c r="F6576" i="2" s="1"/>
  <c r="D723" i="2" a="1"/>
  <c r="D723" i="2" s="1"/>
  <c r="I723" i="2" s="1"/>
  <c r="I697" i="5" s="1"/>
  <c r="AN367" i="1"/>
  <c r="F6584" i="2" a="1"/>
  <c r="F6584" i="2" s="1"/>
  <c r="D3700" i="2" a="1"/>
  <c r="D3700" i="2" s="1"/>
  <c r="D711" i="2" a="1"/>
  <c r="D711" i="2" s="1"/>
  <c r="E4001" i="2" a="1"/>
  <c r="E4001" i="2" s="1"/>
  <c r="H5010" i="2" a="1"/>
  <c r="H5010" i="2" s="1"/>
  <c r="D5594" i="2" a="1"/>
  <c r="D5594" i="2" s="1"/>
  <c r="J5594" i="2" s="1"/>
  <c r="J5568" i="5" s="1"/>
  <c r="N5568" i="5" s="1"/>
  <c r="D3682" i="2" a="1"/>
  <c r="D3682" i="2" s="1"/>
  <c r="D4038" i="2" a="1"/>
  <c r="D4038" i="2" s="1"/>
  <c r="D4028" i="2" a="1"/>
  <c r="D4028" i="2" s="1"/>
  <c r="H3650" i="2" a="1"/>
  <c r="H3650" i="2" s="1"/>
  <c r="D707" i="2" a="1"/>
  <c r="D707" i="2" s="1"/>
  <c r="E4003" i="2" a="1"/>
  <c r="E4003" i="2" s="1"/>
  <c r="H5020" i="2" a="1"/>
  <c r="H5020" i="2" s="1"/>
  <c r="D5585" i="2" a="1"/>
  <c r="D5585" i="2" s="1"/>
  <c r="I5585" i="2" s="1"/>
  <c r="I5559" i="5" s="1"/>
  <c r="H6688" i="2" a="1"/>
  <c r="H6688" i="2" s="1"/>
  <c r="E8360" i="2" a="1"/>
  <c r="E8360" i="2" s="1"/>
  <c r="D3704" i="2" a="1"/>
  <c r="D3704" i="2" s="1"/>
  <c r="D4033" i="2" a="1"/>
  <c r="D4033" i="2" s="1"/>
  <c r="D4030" i="2" a="1"/>
  <c r="D4030" i="2" s="1"/>
  <c r="H3649" i="2" a="1"/>
  <c r="H3649" i="2" s="1"/>
  <c r="D708" i="2" a="1"/>
  <c r="D708" i="2" s="1"/>
  <c r="E4014" i="2" a="1"/>
  <c r="E4014" i="2" s="1"/>
  <c r="H5016" i="2" a="1"/>
  <c r="H5016" i="2" s="1"/>
  <c r="D5584" i="2" a="1"/>
  <c r="D5584" i="2" s="1"/>
  <c r="H6696" i="2" a="1"/>
  <c r="H6696" i="2" s="1"/>
  <c r="E8359" i="2" a="1"/>
  <c r="E8359" i="2" s="1"/>
  <c r="L8359" i="2" s="1"/>
  <c r="L8333" i="5" s="1"/>
  <c r="D3685" i="2" a="1"/>
  <c r="D3685" i="2" s="1"/>
  <c r="E4012" i="2" a="1"/>
  <c r="E4012" i="2" s="1"/>
  <c r="H5011" i="2" a="1"/>
  <c r="H5011" i="2" s="1"/>
  <c r="D5578" i="2" a="1"/>
  <c r="D5578" i="2" s="1"/>
  <c r="H6702" i="2" a="1"/>
  <c r="H6702" i="2" s="1"/>
  <c r="AO123" i="1"/>
  <c r="E129" i="5" s="1"/>
  <c r="G7380" i="2" a="1"/>
  <c r="G7380" i="2" s="1"/>
  <c r="D3696" i="2" a="1"/>
  <c r="D3696" i="2" s="1"/>
  <c r="D4025" i="2" a="1"/>
  <c r="D4025" i="2" s="1"/>
  <c r="E8473" i="2" a="1"/>
  <c r="E8473" i="2" s="1"/>
  <c r="E3994" i="2" a="1"/>
  <c r="E3994" i="2" s="1"/>
  <c r="H5004" i="2" a="1"/>
  <c r="H5004" i="2" s="1"/>
  <c r="F8628" i="2" a="1"/>
  <c r="F8628" i="2" s="1"/>
  <c r="D5596" i="2" a="1"/>
  <c r="D5596" i="2" s="1"/>
  <c r="H6704" i="2" a="1"/>
  <c r="H6704" i="2" s="1"/>
  <c r="AP123" i="1"/>
  <c r="F129" i="5" s="1"/>
  <c r="G7379" i="2" a="1"/>
  <c r="G7379" i="2" s="1"/>
  <c r="H1762" i="2" a="1"/>
  <c r="H1762" i="2" s="1"/>
  <c r="H1785" i="2" a="1"/>
  <c r="H1785" i="2" s="1"/>
  <c r="H1768" i="2" a="1"/>
  <c r="H1768" i="2" s="1"/>
  <c r="H1782" i="2" a="1"/>
  <c r="H1782" i="2" s="1"/>
  <c r="H1773" i="2" a="1"/>
  <c r="H1773" i="2" s="1"/>
  <c r="H6634" i="2" a="1"/>
  <c r="H6634" i="2" s="1"/>
  <c r="H6635" i="2" a="1"/>
  <c r="H6635" i="2" s="1"/>
  <c r="H6639" i="2" a="1"/>
  <c r="H6639" i="2" s="1"/>
  <c r="H6641" i="2" a="1"/>
  <c r="H6641" i="2" s="1"/>
  <c r="E6458" i="2" a="1"/>
  <c r="E6458" i="2" s="1"/>
  <c r="E6457" i="2" a="1"/>
  <c r="E6457" i="2" s="1"/>
  <c r="E6446" i="2" a="1"/>
  <c r="E6446" i="2" s="1"/>
  <c r="H6463" i="2" a="1"/>
  <c r="H6463" i="2" s="1"/>
  <c r="H6447" i="2" a="1"/>
  <c r="H6447" i="2" s="1"/>
  <c r="H6464" i="2" a="1"/>
  <c r="H6464" i="2" s="1"/>
  <c r="H6451" i="2" a="1"/>
  <c r="H6451" i="2" s="1"/>
  <c r="H6452" i="2" a="1"/>
  <c r="H6452" i="2" s="1"/>
  <c r="H6456" i="2" a="1"/>
  <c r="H6456" i="2" s="1"/>
  <c r="H6449" i="2" a="1"/>
  <c r="H6449" i="2" s="1"/>
  <c r="H6444" i="2" a="1"/>
  <c r="H6444" i="2" s="1"/>
  <c r="H6450" i="2" a="1"/>
  <c r="H6450" i="2" s="1"/>
  <c r="H6453" i="2" a="1"/>
  <c r="H6453" i="2" s="1"/>
  <c r="G3326" i="2" a="1"/>
  <c r="G3326" i="2" s="1"/>
  <c r="G3323" i="2" a="1"/>
  <c r="G3323" i="2" s="1"/>
  <c r="G3338" i="2" a="1"/>
  <c r="G3338" i="2" s="1"/>
  <c r="G3337" i="2" a="1"/>
  <c r="G3337" i="2" s="1"/>
  <c r="G3327" i="2" a="1"/>
  <c r="G3327" i="2" s="1"/>
  <c r="G3332" i="2" a="1"/>
  <c r="G3332" i="2" s="1"/>
  <c r="E5843" i="2" a="1"/>
  <c r="E5843" i="2" s="1"/>
  <c r="E5847" i="2" a="1"/>
  <c r="E5847" i="2" s="1"/>
  <c r="E5851" i="2" a="1"/>
  <c r="E5851" i="2" s="1"/>
  <c r="M5851" i="2" s="1"/>
  <c r="M5825" i="5" s="1"/>
  <c r="G4081" i="2" a="1"/>
  <c r="G4081" i="2" s="1"/>
  <c r="G4076" i="2" a="1"/>
  <c r="G4076" i="2" s="1"/>
  <c r="G4082" i="2" a="1"/>
  <c r="G4082" i="2" s="1"/>
  <c r="G4080" i="2" a="1"/>
  <c r="G4080" i="2" s="1"/>
  <c r="G4077" i="2" a="1"/>
  <c r="G4077" i="2" s="1"/>
  <c r="G4068" i="2" a="1"/>
  <c r="G4068" i="2" s="1"/>
  <c r="M4068" i="2" s="1"/>
  <c r="M4042" i="5" s="1"/>
  <c r="G4071" i="2" a="1"/>
  <c r="G4071" i="2" s="1"/>
  <c r="G4088" i="2" a="1"/>
  <c r="G4088" i="2" s="1"/>
  <c r="G4075" i="2" a="1"/>
  <c r="G4075" i="2" s="1"/>
  <c r="G4070" i="2" a="1"/>
  <c r="G4070" i="2" s="1"/>
  <c r="G4067" i="2" a="1"/>
  <c r="G4067" i="2" s="1"/>
  <c r="G4074" i="2" a="1"/>
  <c r="G4074" i="2" s="1"/>
  <c r="G4084" i="2" a="1"/>
  <c r="G4084" i="2" s="1"/>
  <c r="H7605" i="2" a="1"/>
  <c r="H7605" i="2" s="1"/>
  <c r="H7616" i="2" a="1"/>
  <c r="H7616" i="2" s="1"/>
  <c r="H7606" i="2" a="1"/>
  <c r="H7606" i="2" s="1"/>
  <c r="H7617" i="2" a="1"/>
  <c r="H7617" i="2" s="1"/>
  <c r="H7611" i="2" a="1"/>
  <c r="H7611" i="2" s="1"/>
  <c r="AO206" i="1"/>
  <c r="E212" i="5" s="1"/>
  <c r="D7097" i="2" a="1"/>
  <c r="D7097" i="2" s="1"/>
  <c r="H1765" i="2" a="1"/>
  <c r="H1765" i="2" s="1"/>
  <c r="H6643" i="2" a="1"/>
  <c r="H6643" i="2" s="1"/>
  <c r="H4105" i="2" a="1"/>
  <c r="H4105" i="2" s="1"/>
  <c r="F382" i="2" a="1"/>
  <c r="F382" i="2" s="1"/>
  <c r="G87" i="2" a="1"/>
  <c r="G87" i="2" s="1"/>
  <c r="D1715" i="2" a="1"/>
  <c r="D1715" i="2" s="1"/>
  <c r="F2938" i="2" a="1"/>
  <c r="F2938" i="2" s="1"/>
  <c r="D6845" i="2" a="1"/>
  <c r="D6845" i="2" s="1"/>
  <c r="E5724" i="2" a="1"/>
  <c r="E5724" i="2" s="1"/>
  <c r="E3723" i="2" a="1"/>
  <c r="E3723" i="2" s="1"/>
  <c r="E3718" i="2" a="1"/>
  <c r="E3718" i="2" s="1"/>
  <c r="E3706" i="2" a="1"/>
  <c r="E3706" i="2" s="1"/>
  <c r="E3713" i="2" a="1"/>
  <c r="E3713" i="2" s="1"/>
  <c r="E3709" i="2" a="1"/>
  <c r="E3709" i="2" s="1"/>
  <c r="E3725" i="2" a="1"/>
  <c r="E3725" i="2" s="1"/>
  <c r="E3726" i="2" a="1"/>
  <c r="E3726" i="2" s="1"/>
  <c r="E3721" i="2" a="1"/>
  <c r="E3721" i="2" s="1"/>
  <c r="E3717" i="2" a="1"/>
  <c r="E3717" i="2" s="1"/>
  <c r="E3708" i="2" a="1"/>
  <c r="E3708" i="2" s="1"/>
  <c r="E3715" i="2" a="1"/>
  <c r="E3715" i="2" s="1"/>
  <c r="E3019" i="2" a="1"/>
  <c r="E3019" i="2" s="1"/>
  <c r="E3012" i="2" a="1"/>
  <c r="E3012" i="2" s="1"/>
  <c r="E3030" i="2" a="1"/>
  <c r="E3030" i="2" s="1"/>
  <c r="E3021" i="2" a="1"/>
  <c r="E3021" i="2" s="1"/>
  <c r="E3017" i="2" a="1"/>
  <c r="E3017" i="2" s="1"/>
  <c r="E3022" i="2" a="1"/>
  <c r="E3022" i="2" s="1"/>
  <c r="E3024" i="2" a="1"/>
  <c r="E3024" i="2" s="1"/>
  <c r="E3010" i="2" a="1"/>
  <c r="E3010" i="2" s="1"/>
  <c r="E3026" i="2" a="1"/>
  <c r="E3026" i="2" s="1"/>
  <c r="E3028" i="2" a="1"/>
  <c r="E3028" i="2" s="1"/>
  <c r="E3014" i="2" a="1"/>
  <c r="E3014" i="2" s="1"/>
  <c r="E3031" i="2" a="1"/>
  <c r="E3031" i="2" s="1"/>
  <c r="E3016" i="2" a="1"/>
  <c r="E3016" i="2" s="1"/>
  <c r="H3091" i="2" a="1"/>
  <c r="H3091" i="2" s="1"/>
  <c r="H3088" i="2" a="1"/>
  <c r="H3088" i="2" s="1"/>
  <c r="H3094" i="2" a="1"/>
  <c r="H3094" i="2" s="1"/>
  <c r="H3103" i="2" a="1"/>
  <c r="H3103" i="2" s="1"/>
  <c r="H3102" i="2" a="1"/>
  <c r="H3102" i="2" s="1"/>
  <c r="E7079" i="2" a="1"/>
  <c r="E7079" i="2" s="1"/>
  <c r="E7072" i="2" a="1"/>
  <c r="E7072" i="2" s="1"/>
  <c r="E7089" i="2" a="1"/>
  <c r="E7089" i="2" s="1"/>
  <c r="E7082" i="2" a="1"/>
  <c r="E7082" i="2" s="1"/>
  <c r="E7075" i="2" a="1"/>
  <c r="E7075" i="2" s="1"/>
  <c r="E7087" i="2" a="1"/>
  <c r="E7087" i="2" s="1"/>
  <c r="E7070" i="2" a="1"/>
  <c r="E7070" i="2" s="1"/>
  <c r="E7068" i="2" a="1"/>
  <c r="E7068" i="2" s="1"/>
  <c r="E7066" i="2" a="1"/>
  <c r="E7066" i="2" s="1"/>
  <c r="E7071" i="2" a="1"/>
  <c r="E7071" i="2" s="1"/>
  <c r="E7084" i="2" a="1"/>
  <c r="E7084" i="2" s="1"/>
  <c r="E7074" i="2" a="1"/>
  <c r="E7074" i="2" s="1"/>
  <c r="E7069" i="2" a="1"/>
  <c r="E7069" i="2" s="1"/>
  <c r="E7077" i="2" a="1"/>
  <c r="E7077" i="2" s="1"/>
  <c r="E7081" i="2" a="1"/>
  <c r="E7081" i="2" s="1"/>
  <c r="E7076" i="2" a="1"/>
  <c r="E7076" i="2" s="1"/>
  <c r="E7073" i="2" a="1"/>
  <c r="E7073" i="2" s="1"/>
  <c r="E3303" i="2" a="1"/>
  <c r="E3303" i="2" s="1"/>
  <c r="E3302" i="2" a="1"/>
  <c r="E3302" i="2" s="1"/>
  <c r="E3310" i="2" a="1"/>
  <c r="E3310" i="2" s="1"/>
  <c r="E3318" i="2" a="1"/>
  <c r="E3318" i="2" s="1"/>
  <c r="E3298" i="2" a="1"/>
  <c r="E3298" i="2" s="1"/>
  <c r="E3306" i="2" a="1"/>
  <c r="E3306" i="2" s="1"/>
  <c r="M3306" i="2" s="1"/>
  <c r="M3280" i="5" s="1"/>
  <c r="G3778" i="2" a="1"/>
  <c r="G3778" i="2" s="1"/>
  <c r="G3793" i="2" a="1"/>
  <c r="G3793" i="2" s="1"/>
  <c r="G3785" i="2" a="1"/>
  <c r="G3785" i="2" s="1"/>
  <c r="G3790" i="2" a="1"/>
  <c r="G3790" i="2" s="1"/>
  <c r="G3789" i="2" a="1"/>
  <c r="G3789" i="2" s="1"/>
  <c r="F7175" i="2" a="1"/>
  <c r="F7175" i="2" s="1"/>
  <c r="F7173" i="2" a="1"/>
  <c r="F7173" i="2" s="1"/>
  <c r="F7177" i="2" a="1"/>
  <c r="F7177" i="2" s="1"/>
  <c r="F7167" i="2" a="1"/>
  <c r="F7167" i="2" s="1"/>
  <c r="F7185" i="2" a="1"/>
  <c r="F7185" i="2" s="1"/>
  <c r="F7164" i="2" a="1"/>
  <c r="F7164" i="2" s="1"/>
  <c r="L7164" i="2" s="1"/>
  <c r="L7138" i="5" s="1"/>
  <c r="F7181" i="2" a="1"/>
  <c r="F7181" i="2" s="1"/>
  <c r="F7166" i="2" a="1"/>
  <c r="F7166" i="2" s="1"/>
  <c r="F7182" i="2" a="1"/>
  <c r="F7182" i="2" s="1"/>
  <c r="F7183" i="2" a="1"/>
  <c r="F7183" i="2" s="1"/>
  <c r="F7174" i="2" a="1"/>
  <c r="F7174" i="2" s="1"/>
  <c r="F7163" i="2" a="1"/>
  <c r="F7163" i="2" s="1"/>
  <c r="F7184" i="2" a="1"/>
  <c r="F7184" i="2" s="1"/>
  <c r="F7170" i="2" a="1"/>
  <c r="F7170" i="2" s="1"/>
  <c r="E8219" i="2" a="1"/>
  <c r="E8219" i="2" s="1"/>
  <c r="E8223" i="2" a="1"/>
  <c r="E8223" i="2" s="1"/>
  <c r="E8235" i="2" a="1"/>
  <c r="E8235" i="2" s="1"/>
  <c r="E8225" i="2" a="1"/>
  <c r="E8225" i="2" s="1"/>
  <c r="E8228" i="2" a="1"/>
  <c r="E8228" i="2" s="1"/>
  <c r="E8218" i="2" a="1"/>
  <c r="E8218" i="2" s="1"/>
  <c r="E8221" i="2" a="1"/>
  <c r="E8221" i="2" s="1"/>
  <c r="E8229" i="2" a="1"/>
  <c r="E8229" i="2" s="1"/>
  <c r="E8241" i="2" a="1"/>
  <c r="E8241" i="2" s="1"/>
  <c r="E8230" i="2" a="1"/>
  <c r="E8230" i="2" s="1"/>
  <c r="E8232" i="2" a="1"/>
  <c r="E8232" i="2" s="1"/>
  <c r="E8239" i="2" a="1"/>
  <c r="E8239" i="2" s="1"/>
  <c r="E8224" i="2" a="1"/>
  <c r="E8224" i="2" s="1"/>
  <c r="E8222" i="2" a="1"/>
  <c r="E8222" i="2" s="1"/>
  <c r="E8226" i="2" a="1"/>
  <c r="E8226" i="2" s="1"/>
  <c r="E8234" i="2" a="1"/>
  <c r="E8234" i="2" s="1"/>
  <c r="E2887" i="2" a="1"/>
  <c r="E2887" i="2" s="1"/>
  <c r="E2875" i="2" a="1"/>
  <c r="E2875" i="2" s="1"/>
  <c r="E2881" i="2" a="1"/>
  <c r="E2881" i="2" s="1"/>
  <c r="E2867" i="2" a="1"/>
  <c r="E2867" i="2" s="1"/>
  <c r="E2872" i="2" a="1"/>
  <c r="E2872" i="2" s="1"/>
  <c r="H8628" i="2" a="1"/>
  <c r="H8628" i="2" s="1"/>
  <c r="H8637" i="2" a="1"/>
  <c r="H8637" i="2" s="1"/>
  <c r="H8627" i="2" a="1"/>
  <c r="H8627" i="2" s="1"/>
  <c r="H8643" i="2" a="1"/>
  <c r="H8643" i="2" s="1"/>
  <c r="H8644" i="2" a="1"/>
  <c r="H8644" i="2" s="1"/>
  <c r="H8646" i="2" a="1"/>
  <c r="H8646" i="2" s="1"/>
  <c r="H8639" i="2" a="1"/>
  <c r="H8639" i="2" s="1"/>
  <c r="H8638" i="2" a="1"/>
  <c r="H8638" i="2" s="1"/>
  <c r="H8629" i="2" a="1"/>
  <c r="H8629" i="2" s="1"/>
  <c r="H8641" i="2" a="1"/>
  <c r="H8641" i="2" s="1"/>
  <c r="H8648" i="2" a="1"/>
  <c r="H8648" i="2" s="1"/>
  <c r="H8633" i="2" a="1"/>
  <c r="H8633" i="2" s="1"/>
  <c r="H8634" i="2" a="1"/>
  <c r="H8634" i="2" s="1"/>
  <c r="E1700" i="2" a="1"/>
  <c r="E1700" i="2" s="1"/>
  <c r="E1702" i="2" a="1"/>
  <c r="E1702" i="2" s="1"/>
  <c r="E1695" i="2" a="1"/>
  <c r="E1695" i="2" s="1"/>
  <c r="E1703" i="2" a="1"/>
  <c r="E1703" i="2" s="1"/>
  <c r="E1706" i="2" a="1"/>
  <c r="E1706" i="2" s="1"/>
  <c r="E1696" i="2" a="1"/>
  <c r="E1696" i="2" s="1"/>
  <c r="E1694" i="2" a="1"/>
  <c r="E1694" i="2" s="1"/>
  <c r="E1704" i="2" a="1"/>
  <c r="E1704" i="2" s="1"/>
  <c r="E1698" i="2" a="1"/>
  <c r="E1698" i="2" s="1"/>
  <c r="E1710" i="2" a="1"/>
  <c r="E1710" i="2" s="1"/>
  <c r="E1699" i="2" a="1"/>
  <c r="E1699" i="2" s="1"/>
  <c r="E1708" i="2" a="1"/>
  <c r="E1708" i="2" s="1"/>
  <c r="E1713" i="2" a="1"/>
  <c r="E1713" i="2" s="1"/>
  <c r="E1707" i="2" a="1"/>
  <c r="E1707" i="2" s="1"/>
  <c r="E1691" i="2" a="1"/>
  <c r="E1691" i="2" s="1"/>
  <c r="G1861" i="2" a="1"/>
  <c r="G1861" i="2" s="1"/>
  <c r="F5091" i="2" a="1"/>
  <c r="F5091" i="2" s="1"/>
  <c r="H2301" i="2" a="1"/>
  <c r="H2301" i="2" s="1"/>
  <c r="D2928" i="2" a="1"/>
  <c r="D2928" i="2" s="1"/>
  <c r="AO122" i="1"/>
  <c r="E128" i="5" s="1"/>
  <c r="D6776" i="2" a="1"/>
  <c r="D6776" i="2" s="1"/>
  <c r="G6554" i="2" a="1"/>
  <c r="G6554" i="2" s="1"/>
  <c r="G549" i="2" a="1"/>
  <c r="G549" i="2" s="1"/>
  <c r="G6214" i="2" a="1"/>
  <c r="G6214" i="2" s="1"/>
  <c r="H1196" i="2" a="1"/>
  <c r="H1196" i="2" s="1"/>
  <c r="H1189" i="2" a="1"/>
  <c r="H1189" i="2" s="1"/>
  <c r="H3377" i="2" a="1"/>
  <c r="H3377" i="2" s="1"/>
  <c r="E7416" i="2" a="1"/>
  <c r="E7416" i="2" s="1"/>
  <c r="E6945" i="2" a="1"/>
  <c r="E6945" i="2" s="1"/>
  <c r="H4150" i="2" a="1"/>
  <c r="H4150" i="2" s="1"/>
  <c r="E6443" i="2" a="1"/>
  <c r="E6443" i="2" s="1"/>
  <c r="D7113" i="2" a="1"/>
  <c r="D7113" i="2" s="1"/>
  <c r="D7108" i="2" a="1"/>
  <c r="D7108" i="2" s="1"/>
  <c r="H1783" i="2" a="1"/>
  <c r="H1783" i="2" s="1"/>
  <c r="D5471" i="2" a="1"/>
  <c r="D5471" i="2" s="1"/>
  <c r="G3781" i="2" a="1"/>
  <c r="G3781" i="2" s="1"/>
  <c r="E3315" i="2" a="1"/>
  <c r="E3315" i="2" s="1"/>
  <c r="H6638" i="2" a="1"/>
  <c r="H6638" i="2" s="1"/>
  <c r="E2866" i="2" a="1"/>
  <c r="E2866" i="2" s="1"/>
  <c r="H6075" i="2" a="1"/>
  <c r="H6075" i="2" s="1"/>
  <c r="G3344" i="2" a="1"/>
  <c r="G3344" i="2" s="1"/>
  <c r="H6462" i="2" a="1"/>
  <c r="H6462" i="2" s="1"/>
  <c r="G5869" i="2" a="1"/>
  <c r="G5869" i="2" s="1"/>
  <c r="F7074" i="2" a="1"/>
  <c r="F7074" i="2" s="1"/>
  <c r="E3707" i="2" a="1"/>
  <c r="E3707" i="2" s="1"/>
  <c r="F371" i="2" a="1"/>
  <c r="F371" i="2" s="1"/>
  <c r="D5165" i="2" a="1"/>
  <c r="D5165" i="2" s="1"/>
  <c r="AO184" i="1"/>
  <c r="E190" i="5" s="1"/>
  <c r="G93" i="2" a="1"/>
  <c r="G93" i="2" s="1"/>
  <c r="D2300" i="2" a="1"/>
  <c r="D2300" i="2" s="1"/>
  <c r="F5468" i="2" a="1"/>
  <c r="F5468" i="2" s="1"/>
  <c r="F2941" i="2" a="1"/>
  <c r="F2941" i="2" s="1"/>
  <c r="AM258" i="1"/>
  <c r="D6840" i="2" a="1"/>
  <c r="D6840" i="2" s="1"/>
  <c r="F196" i="2" a="1"/>
  <c r="F196" i="2" s="1"/>
  <c r="D6046" i="2" a="1"/>
  <c r="D6046" i="2" s="1"/>
  <c r="H3913" i="2" a="1"/>
  <c r="H3913" i="2" s="1"/>
  <c r="E7078" i="2" a="1"/>
  <c r="E7078" i="2" s="1"/>
  <c r="E8220" i="2" a="1"/>
  <c r="E8220" i="2" s="1"/>
  <c r="F5089" i="2" a="1"/>
  <c r="F5089" i="2" s="1"/>
  <c r="H2299" i="2" a="1"/>
  <c r="H2299" i="2" s="1"/>
  <c r="D2926" i="2" a="1"/>
  <c r="D2926" i="2" s="1"/>
  <c r="AN122" i="1"/>
  <c r="D128" i="5" s="1"/>
  <c r="D6772" i="2" a="1"/>
  <c r="D6772" i="2" s="1"/>
  <c r="G6557" i="2" a="1"/>
  <c r="G6557" i="2" s="1"/>
  <c r="G540" i="2" a="1"/>
  <c r="G540" i="2" s="1"/>
  <c r="G6215" i="2" a="1"/>
  <c r="G6215" i="2" s="1"/>
  <c r="H1205" i="2" a="1"/>
  <c r="H1205" i="2" s="1"/>
  <c r="H1198" i="2" a="1"/>
  <c r="H1198" i="2" s="1"/>
  <c r="H3387" i="2" a="1"/>
  <c r="H3387" i="2" s="1"/>
  <c r="E7407" i="2" a="1"/>
  <c r="E7407" i="2" s="1"/>
  <c r="E6939" i="2" a="1"/>
  <c r="E6939" i="2" s="1"/>
  <c r="H4145" i="2" a="1"/>
  <c r="H4145" i="2" s="1"/>
  <c r="E6449" i="2" a="1"/>
  <c r="E6449" i="2" s="1"/>
  <c r="D7112" i="2" a="1"/>
  <c r="D7112" i="2" s="1"/>
  <c r="AM296" i="1"/>
  <c r="H1778" i="2" a="1"/>
  <c r="H1778" i="2" s="1"/>
  <c r="D5463" i="2" a="1"/>
  <c r="D5463" i="2" s="1"/>
  <c r="G3792" i="2" a="1"/>
  <c r="G3792" i="2" s="1"/>
  <c r="E3319" i="2" a="1"/>
  <c r="E3319" i="2" s="1"/>
  <c r="H6650" i="2" a="1"/>
  <c r="H6650" i="2" s="1"/>
  <c r="E2873" i="2" a="1"/>
  <c r="E2873" i="2" s="1"/>
  <c r="G3345" i="2" a="1"/>
  <c r="G3345" i="2" s="1"/>
  <c r="H6461" i="2" a="1"/>
  <c r="H6461" i="2" s="1"/>
  <c r="E3724" i="2" a="1"/>
  <c r="E3724" i="2" s="1"/>
  <c r="F389" i="2" a="1"/>
  <c r="F389" i="2" s="1"/>
  <c r="G98" i="2" a="1"/>
  <c r="G98" i="2" s="1"/>
  <c r="D2304" i="2" a="1"/>
  <c r="D2304" i="2" s="1"/>
  <c r="F2951" i="2" a="1"/>
  <c r="F2951" i="2" s="1"/>
  <c r="D6830" i="2" a="1"/>
  <c r="D6830" i="2" s="1"/>
  <c r="F178" i="2" a="1"/>
  <c r="F178" i="2" s="1"/>
  <c r="D6050" i="2" a="1"/>
  <c r="D6050" i="2" s="1"/>
  <c r="E1697" i="2" a="1"/>
  <c r="E1697" i="2" s="1"/>
  <c r="E5739" i="2" a="1"/>
  <c r="E5739" i="2" s="1"/>
  <c r="E7080" i="2" a="1"/>
  <c r="E7080" i="2" s="1"/>
  <c r="E8227" i="2" a="1"/>
  <c r="E8227" i="2" s="1"/>
  <c r="AM37" i="1"/>
  <c r="AR37" i="1" s="1"/>
  <c r="D7104" i="2" a="1"/>
  <c r="D7104" i="2" s="1"/>
  <c r="AM16" i="1"/>
  <c r="G3795" i="2" a="1"/>
  <c r="G3795" i="2" s="1"/>
  <c r="E3311" i="2" a="1"/>
  <c r="E3311" i="2" s="1"/>
  <c r="H6657" i="2" a="1"/>
  <c r="H6657" i="2" s="1"/>
  <c r="G104" i="2" a="1"/>
  <c r="G104" i="2" s="1"/>
  <c r="K104" i="2" s="1"/>
  <c r="K78" i="5" s="1"/>
  <c r="O78" i="5" s="1"/>
  <c r="D2297" i="2" a="1"/>
  <c r="D2297" i="2" s="1"/>
  <c r="AP111" i="1"/>
  <c r="F117" i="5" s="1"/>
  <c r="D6826" i="2" a="1"/>
  <c r="D6826" i="2" s="1"/>
  <c r="E8236" i="2" a="1"/>
  <c r="E8236" i="2" s="1"/>
  <c r="E2488" i="2" a="1"/>
  <c r="E2488" i="2" s="1"/>
  <c r="E2482" i="2" a="1"/>
  <c r="E2482" i="2" s="1"/>
  <c r="E2483" i="2" a="1"/>
  <c r="E2483" i="2" s="1"/>
  <c r="F8654" i="2" a="1"/>
  <c r="F8654" i="2" s="1"/>
  <c r="F8673" i="2" a="1"/>
  <c r="F8673" i="2" s="1"/>
  <c r="F8661" i="2" a="1"/>
  <c r="F8661" i="2" s="1"/>
  <c r="F8650" i="2" a="1"/>
  <c r="F8650" i="2" s="1"/>
  <c r="D6056" i="2" a="1"/>
  <c r="D6056" i="2" s="1"/>
  <c r="D6055" i="2" a="1"/>
  <c r="D6055" i="2" s="1"/>
  <c r="D6048" i="2" a="1"/>
  <c r="D6048" i="2" s="1"/>
  <c r="D6042" i="2" a="1"/>
  <c r="D6042" i="2" s="1"/>
  <c r="D6043" i="2" a="1"/>
  <c r="D6043" i="2" s="1"/>
  <c r="D6057" i="2" a="1"/>
  <c r="D6057" i="2" s="1"/>
  <c r="D6041" i="2" a="1"/>
  <c r="D6041" i="2" s="1"/>
  <c r="D6052" i="2" a="1"/>
  <c r="D6052" i="2" s="1"/>
  <c r="D6049" i="2" a="1"/>
  <c r="D6049" i="2" s="1"/>
  <c r="D6036" i="2" a="1"/>
  <c r="D6036" i="2" s="1"/>
  <c r="D6037" i="2" a="1"/>
  <c r="D6037" i="2" s="1"/>
  <c r="F376" i="2" a="1"/>
  <c r="F376" i="2" s="1"/>
  <c r="F387" i="2" a="1"/>
  <c r="F387" i="2" s="1"/>
  <c r="F373" i="2" a="1"/>
  <c r="F373" i="2" s="1"/>
  <c r="F390" i="2" a="1"/>
  <c r="F390" i="2" s="1"/>
  <c r="F386" i="2" a="1"/>
  <c r="F386" i="2" s="1"/>
  <c r="F377" i="2" a="1"/>
  <c r="F377" i="2" s="1"/>
  <c r="F375" i="2" a="1"/>
  <c r="F375" i="2" s="1"/>
  <c r="F380" i="2" a="1"/>
  <c r="F380" i="2" s="1"/>
  <c r="F385" i="2" a="1"/>
  <c r="F385" i="2" s="1"/>
  <c r="F391" i="2" a="1"/>
  <c r="F391" i="2" s="1"/>
  <c r="L391" i="2" s="1"/>
  <c r="L365" i="5" s="1"/>
  <c r="F381" i="2" a="1"/>
  <c r="F381" i="2" s="1"/>
  <c r="F392" i="2" a="1"/>
  <c r="F392" i="2" s="1"/>
  <c r="F370" i="2" a="1"/>
  <c r="F370" i="2" s="1"/>
  <c r="F383" i="2" a="1"/>
  <c r="F383" i="2" s="1"/>
  <c r="D7106" i="2" a="1"/>
  <c r="D7106" i="2" s="1"/>
  <c r="D7103" i="2" a="1"/>
  <c r="D7103" i="2" s="1"/>
  <c r="AQ296" i="1"/>
  <c r="G302" i="5" s="1"/>
  <c r="D7107" i="2" a="1"/>
  <c r="D7107" i="2" s="1"/>
  <c r="E8043" i="2" a="1"/>
  <c r="E8043" i="2" s="1"/>
  <c r="E8033" i="2" a="1"/>
  <c r="E8033" i="2" s="1"/>
  <c r="E8026" i="2" a="1"/>
  <c r="E8026" i="2" s="1"/>
  <c r="E8032" i="2" a="1"/>
  <c r="E8032" i="2" s="1"/>
  <c r="E8042" i="2" a="1"/>
  <c r="E8042" i="2" s="1"/>
  <c r="E8035" i="2" a="1"/>
  <c r="E8035" i="2" s="1"/>
  <c r="E8048" i="2" a="1"/>
  <c r="E8048" i="2" s="1"/>
  <c r="E8044" i="2" a="1"/>
  <c r="E8044" i="2" s="1"/>
  <c r="E8046" i="2" a="1"/>
  <c r="E8046" i="2" s="1"/>
  <c r="E8029" i="2" a="1"/>
  <c r="E8029" i="2" s="1"/>
  <c r="E8040" i="2" a="1"/>
  <c r="E8040" i="2" s="1"/>
  <c r="E8039" i="2" a="1"/>
  <c r="E8039" i="2" s="1"/>
  <c r="E8047" i="2" a="1"/>
  <c r="E8047" i="2" s="1"/>
  <c r="E8049" i="2" a="1"/>
  <c r="E8049" i="2" s="1"/>
  <c r="J8049" i="2" s="1"/>
  <c r="J8023" i="5" s="1"/>
  <c r="N8023" i="5" s="1"/>
  <c r="H5063" i="2" a="1"/>
  <c r="H5063" i="2" s="1"/>
  <c r="H5061" i="2" a="1"/>
  <c r="H5061" i="2" s="1"/>
  <c r="H5052" i="2" a="1"/>
  <c r="H5052" i="2" s="1"/>
  <c r="H5067" i="2" a="1"/>
  <c r="H5067" i="2" s="1"/>
  <c r="H5055" i="2" a="1"/>
  <c r="H5055" i="2" s="1"/>
  <c r="H5059" i="2" a="1"/>
  <c r="H5059" i="2" s="1"/>
  <c r="H5050" i="2" a="1"/>
  <c r="H5050" i="2" s="1"/>
  <c r="H5071" i="2" a="1"/>
  <c r="H5071" i="2" s="1"/>
  <c r="H5069" i="2" a="1"/>
  <c r="H5069" i="2" s="1"/>
  <c r="H5057" i="2" a="1"/>
  <c r="H5057" i="2" s="1"/>
  <c r="H5066" i="2" a="1"/>
  <c r="H5066" i="2" s="1"/>
  <c r="H5058" i="2" a="1"/>
  <c r="H5058" i="2" s="1"/>
  <c r="H5064" i="2" a="1"/>
  <c r="H5064" i="2" s="1"/>
  <c r="AQ215" i="1"/>
  <c r="G221" i="5" s="1"/>
  <c r="D5166" i="2" a="1"/>
  <c r="D5166" i="2" s="1"/>
  <c r="AO215" i="1"/>
  <c r="E221" i="5" s="1"/>
  <c r="D5159" i="2" a="1"/>
  <c r="D5159" i="2" s="1"/>
  <c r="AN215" i="1"/>
  <c r="D221" i="5" s="1"/>
  <c r="D5158" i="2" a="1"/>
  <c r="D5158" i="2" s="1"/>
  <c r="AM215" i="1"/>
  <c r="C221" i="5" s="1"/>
  <c r="D5153" i="2" a="1"/>
  <c r="D5153" i="2" s="1"/>
  <c r="J5153" i="2" s="1"/>
  <c r="J5127" i="5" s="1"/>
  <c r="N5127" i="5" s="1"/>
  <c r="D5163" i="2" a="1"/>
  <c r="D5163" i="2" s="1"/>
  <c r="D5167" i="2" a="1"/>
  <c r="D5167" i="2" s="1"/>
  <c r="D5146" i="2" a="1"/>
  <c r="D5146" i="2" s="1"/>
  <c r="D5150" i="2" a="1"/>
  <c r="D5150" i="2" s="1"/>
  <c r="D5154" i="2" a="1"/>
  <c r="D5154" i="2" s="1"/>
  <c r="D5162" i="2" a="1"/>
  <c r="D5162" i="2" s="1"/>
  <c r="D5149" i="2" a="1"/>
  <c r="D5149" i="2" s="1"/>
  <c r="D5160" i="2" a="1"/>
  <c r="D5160" i="2" s="1"/>
  <c r="D5164" i="2" a="1"/>
  <c r="D5164" i="2" s="1"/>
  <c r="H6139" i="2" a="1"/>
  <c r="H6139" i="2" s="1"/>
  <c r="H6153" i="2" a="1"/>
  <c r="H6153" i="2" s="1"/>
  <c r="H6133" i="2" a="1"/>
  <c r="H6133" i="2" s="1"/>
  <c r="H6147" i="2" a="1"/>
  <c r="H6147" i="2" s="1"/>
  <c r="H6141" i="2" a="1"/>
  <c r="H6141" i="2" s="1"/>
  <c r="H6137" i="2" a="1"/>
  <c r="H6137" i="2" s="1"/>
  <c r="H6140" i="2" a="1"/>
  <c r="H6140" i="2" s="1"/>
  <c r="H6135" i="2" a="1"/>
  <c r="H6135" i="2" s="1"/>
  <c r="H6136" i="2" a="1"/>
  <c r="H6136" i="2" s="1"/>
  <c r="H6148" i="2" a="1"/>
  <c r="H6148" i="2" s="1"/>
  <c r="H6131" i="2" a="1"/>
  <c r="H6131" i="2" s="1"/>
  <c r="F5459" i="2" a="1"/>
  <c r="F5459" i="2" s="1"/>
  <c r="F5462" i="2" a="1"/>
  <c r="F5462" i="2" s="1"/>
  <c r="F5474" i="2" a="1"/>
  <c r="F5474" i="2" s="1"/>
  <c r="M5474" i="2" s="1"/>
  <c r="M5448" i="5" s="1"/>
  <c r="F5470" i="2" a="1"/>
  <c r="F5470" i="2" s="1"/>
  <c r="F5465" i="2" a="1"/>
  <c r="F5465" i="2" s="1"/>
  <c r="F5476" i="2" a="1"/>
  <c r="F5476" i="2" s="1"/>
  <c r="F5471" i="2" a="1"/>
  <c r="F5471" i="2" s="1"/>
  <c r="F5458" i="2" a="1"/>
  <c r="F5458" i="2" s="1"/>
  <c r="F5473" i="2" a="1"/>
  <c r="F5473" i="2" s="1"/>
  <c r="F5477" i="2" a="1"/>
  <c r="F5477" i="2" s="1"/>
  <c r="F5481" i="2" a="1"/>
  <c r="F5481" i="2" s="1"/>
  <c r="F5475" i="2" a="1"/>
  <c r="F5475" i="2" s="1"/>
  <c r="F5461" i="2" a="1"/>
  <c r="F5461" i="2" s="1"/>
  <c r="G2381" i="2" a="1"/>
  <c r="G2381" i="2" s="1"/>
  <c r="G2377" i="2" a="1"/>
  <c r="G2377" i="2" s="1"/>
  <c r="G2370" i="2" a="1"/>
  <c r="G2370" i="2" s="1"/>
  <c r="G2376" i="2" a="1"/>
  <c r="G2376" i="2" s="1"/>
  <c r="G2385" i="2" a="1"/>
  <c r="G2385" i="2" s="1"/>
  <c r="G2363" i="2" a="1"/>
  <c r="G2363" i="2" s="1"/>
  <c r="G2375" i="2" a="1"/>
  <c r="G2375" i="2" s="1"/>
  <c r="G2371" i="2" a="1"/>
  <c r="G2371" i="2" s="1"/>
  <c r="G2379" i="2" a="1"/>
  <c r="G2379" i="2" s="1"/>
  <c r="G2364" i="2" a="1"/>
  <c r="G2364" i="2" s="1"/>
  <c r="G2374" i="2" a="1"/>
  <c r="G2374" i="2" s="1"/>
  <c r="G2362" i="2" a="1"/>
  <c r="G2362" i="2" s="1"/>
  <c r="G2382" i="2" a="1"/>
  <c r="G2382" i="2" s="1"/>
  <c r="G2384" i="2" a="1"/>
  <c r="G2384" i="2" s="1"/>
  <c r="G2365" i="2" a="1"/>
  <c r="G2365" i="2" s="1"/>
  <c r="G3908" i="2" a="1"/>
  <c r="G3908" i="2" s="1"/>
  <c r="G3914" i="2" a="1"/>
  <c r="G3914" i="2" s="1"/>
  <c r="G3901" i="2" a="1"/>
  <c r="G3901" i="2" s="1"/>
  <c r="G3920" i="2" a="1"/>
  <c r="G3920" i="2" s="1"/>
  <c r="G3917" i="2" a="1"/>
  <c r="G3917" i="2" s="1"/>
  <c r="G3909" i="2" a="1"/>
  <c r="G3909" i="2" s="1"/>
  <c r="G3902" i="2" a="1"/>
  <c r="G3902" i="2" s="1"/>
  <c r="G3898" i="2" a="1"/>
  <c r="G3898" i="2" s="1"/>
  <c r="G3910" i="2" a="1"/>
  <c r="G3910" i="2" s="1"/>
  <c r="G3915" i="2" a="1"/>
  <c r="G3915" i="2" s="1"/>
  <c r="G3916" i="2" a="1"/>
  <c r="G3916" i="2" s="1"/>
  <c r="G3907" i="2" a="1"/>
  <c r="G3907" i="2" s="1"/>
  <c r="G3903" i="2" a="1"/>
  <c r="G3903" i="2" s="1"/>
  <c r="G3921" i="2" a="1"/>
  <c r="G3921" i="2" s="1"/>
  <c r="G3906" i="2" a="1"/>
  <c r="G3906" i="2" s="1"/>
  <c r="G3912" i="2" a="1"/>
  <c r="G3912" i="2" s="1"/>
  <c r="D6039" i="2" a="1"/>
  <c r="D6039" i="2" s="1"/>
  <c r="F2946" i="2" a="1"/>
  <c r="F2946" i="2" s="1"/>
  <c r="F2958" i="2" a="1"/>
  <c r="F2958" i="2" s="1"/>
  <c r="F2942" i="2" a="1"/>
  <c r="F2942" i="2" s="1"/>
  <c r="F2948" i="2" a="1"/>
  <c r="F2948" i="2" s="1"/>
  <c r="F2949" i="2" a="1"/>
  <c r="F2949" i="2" s="1"/>
  <c r="F2940" i="2" a="1"/>
  <c r="F2940" i="2" s="1"/>
  <c r="M2940" i="2" s="1"/>
  <c r="M2914" i="5" s="1"/>
  <c r="F2954" i="2" a="1"/>
  <c r="F2954" i="2" s="1"/>
  <c r="I2954" i="2" s="1"/>
  <c r="I2928" i="5" s="1"/>
  <c r="F2939" i="2" a="1"/>
  <c r="F2939" i="2" s="1"/>
  <c r="F2957" i="2" a="1"/>
  <c r="F2957" i="2" s="1"/>
  <c r="F2943" i="2" a="1"/>
  <c r="F2943" i="2" s="1"/>
  <c r="F2945" i="2" a="1"/>
  <c r="F2945" i="2" s="1"/>
  <c r="F2944" i="2" a="1"/>
  <c r="F2944" i="2" s="1"/>
  <c r="F2950" i="2" a="1"/>
  <c r="F2950" i="2" s="1"/>
  <c r="AQ111" i="1"/>
  <c r="G117" i="5" s="1"/>
  <c r="H3910" i="2" a="1"/>
  <c r="H3910" i="2" s="1"/>
  <c r="H3900" i="2" a="1"/>
  <c r="H3900" i="2" s="1"/>
  <c r="H3907" i="2" a="1"/>
  <c r="H3907" i="2" s="1"/>
  <c r="H3912" i="2" a="1"/>
  <c r="H3912" i="2" s="1"/>
  <c r="H3914" i="2" a="1"/>
  <c r="H3914" i="2" s="1"/>
  <c r="H3917" i="2" a="1"/>
  <c r="H3917" i="2" s="1"/>
  <c r="H3916" i="2" a="1"/>
  <c r="H3916" i="2" s="1"/>
  <c r="H3915" i="2" a="1"/>
  <c r="H3915" i="2" s="1"/>
  <c r="H3918" i="2" a="1"/>
  <c r="H3918" i="2" s="1"/>
  <c r="H3905" i="2" a="1"/>
  <c r="H3905" i="2" s="1"/>
  <c r="H3901" i="2" a="1"/>
  <c r="H3901" i="2" s="1"/>
  <c r="H3902" i="2" a="1"/>
  <c r="H3902" i="2" s="1"/>
  <c r="H3903" i="2" a="1"/>
  <c r="H3903" i="2" s="1"/>
  <c r="H3904" i="2" a="1"/>
  <c r="H3904" i="2" s="1"/>
  <c r="H3919" i="2" a="1"/>
  <c r="H3919" i="2" s="1"/>
  <c r="G1881" i="2" a="1"/>
  <c r="G1881" i="2" s="1"/>
  <c r="F5094" i="2" a="1"/>
  <c r="F5094" i="2" s="1"/>
  <c r="J5094" i="2" s="1"/>
  <c r="J5068" i="5" s="1"/>
  <c r="N5068" i="5" s="1"/>
  <c r="F5078" i="2" a="1"/>
  <c r="F5078" i="2" s="1"/>
  <c r="J5078" i="2" s="1"/>
  <c r="J5052" i="5" s="1"/>
  <c r="N5052" i="5" s="1"/>
  <c r="H2292" i="2" a="1"/>
  <c r="H2292" i="2" s="1"/>
  <c r="D2934" i="2" a="1"/>
  <c r="D2934" i="2" s="1"/>
  <c r="D6774" i="2" a="1"/>
  <c r="D6774" i="2" s="1"/>
  <c r="H649" i="2" a="1"/>
  <c r="H649" i="2" s="1"/>
  <c r="G6559" i="2" a="1"/>
  <c r="G6559" i="2" s="1"/>
  <c r="G6540" i="2" a="1"/>
  <c r="G6540" i="2" s="1"/>
  <c r="G539" i="2" a="1"/>
  <c r="G539" i="2" s="1"/>
  <c r="G544" i="2" a="1"/>
  <c r="G544" i="2" s="1"/>
  <c r="G6204" i="2" a="1"/>
  <c r="G6204" i="2" s="1"/>
  <c r="H1203" i="2" a="1"/>
  <c r="H1203" i="2" s="1"/>
  <c r="H3382" i="2" a="1"/>
  <c r="H3382" i="2" s="1"/>
  <c r="H3379" i="2" a="1"/>
  <c r="H3379" i="2" s="1"/>
  <c r="E7412" i="2" a="1"/>
  <c r="E7412" i="2" s="1"/>
  <c r="E6940" i="2" a="1"/>
  <c r="E6940" i="2" s="1"/>
  <c r="E6442" i="2" a="1"/>
  <c r="E6442" i="2" s="1"/>
  <c r="E6452" i="2" a="1"/>
  <c r="E6452" i="2" s="1"/>
  <c r="D7102" i="2" a="1"/>
  <c r="D7102" i="2" s="1"/>
  <c r="H1777" i="2" a="1"/>
  <c r="H1777" i="2" s="1"/>
  <c r="D5465" i="2" a="1"/>
  <c r="D5465" i="2" s="1"/>
  <c r="G3796" i="2" a="1"/>
  <c r="G3796" i="2" s="1"/>
  <c r="H6636" i="2" a="1"/>
  <c r="H6636" i="2" s="1"/>
  <c r="E2888" i="2" a="1"/>
  <c r="E2888" i="2" s="1"/>
  <c r="G3334" i="2" a="1"/>
  <c r="G3334" i="2" s="1"/>
  <c r="H6446" i="2" a="1"/>
  <c r="H6446" i="2" s="1"/>
  <c r="E3729" i="2" a="1"/>
  <c r="E3729" i="2" s="1"/>
  <c r="D5151" i="2" a="1"/>
  <c r="D5151" i="2" s="1"/>
  <c r="F5478" i="2" a="1"/>
  <c r="F5478" i="2" s="1"/>
  <c r="F2955" i="2" a="1"/>
  <c r="F2955" i="2" s="1"/>
  <c r="F7168" i="2" a="1"/>
  <c r="F7168" i="2" s="1"/>
  <c r="D6047" i="2" a="1"/>
  <c r="D6047" i="2" s="1"/>
  <c r="E1690" i="2" a="1"/>
  <c r="E1690" i="2" s="1"/>
  <c r="H8642" i="2" a="1"/>
  <c r="H8642" i="2" s="1"/>
  <c r="E5741" i="2" a="1"/>
  <c r="E5741" i="2" s="1"/>
  <c r="G2383" i="2" a="1"/>
  <c r="G2383" i="2" s="1"/>
  <c r="D6035" i="2" a="1"/>
  <c r="D6035" i="2" s="1"/>
  <c r="D1733" i="2" a="1"/>
  <c r="D1733" i="2" s="1"/>
  <c r="D1720" i="2" a="1"/>
  <c r="D1720" i="2" s="1"/>
  <c r="AN72" i="1"/>
  <c r="D78" i="5" s="1"/>
  <c r="D1724" i="2" a="1"/>
  <c r="D1724" i="2" s="1"/>
  <c r="AQ72" i="1"/>
  <c r="G78" i="5" s="1"/>
  <c r="D1732" i="2" a="1"/>
  <c r="D1732" i="2" s="1"/>
  <c r="J1732" i="2" s="1"/>
  <c r="J1706" i="5" s="1"/>
  <c r="N1706" i="5" s="1"/>
  <c r="D1714" i="2" a="1"/>
  <c r="D1714" i="2" s="1"/>
  <c r="D1717" i="2" a="1"/>
  <c r="D1717" i="2" s="1"/>
  <c r="AO72" i="1"/>
  <c r="E78" i="5" s="1"/>
  <c r="AM72" i="1"/>
  <c r="D1718" i="2" a="1"/>
  <c r="D1718" i="2" s="1"/>
  <c r="D1722" i="2" a="1"/>
  <c r="D1722" i="2" s="1"/>
  <c r="D1726" i="2" a="1"/>
  <c r="D1726" i="2" s="1"/>
  <c r="D1728" i="2" a="1"/>
  <c r="D1728" i="2" s="1"/>
  <c r="L1728" i="2" s="1"/>
  <c r="L1702" i="5" s="1"/>
  <c r="D1736" i="2" a="1"/>
  <c r="D1736" i="2" s="1"/>
  <c r="M1736" i="2" s="1"/>
  <c r="M1710" i="5" s="1"/>
  <c r="G101" i="2" a="1"/>
  <c r="G101" i="2" s="1"/>
  <c r="G105" i="2" a="1"/>
  <c r="G105" i="2" s="1"/>
  <c r="G88" i="2" a="1"/>
  <c r="G88" i="2" s="1"/>
  <c r="G85" i="2" a="1"/>
  <c r="G85" i="2" s="1"/>
  <c r="G94" i="2" a="1"/>
  <c r="G94" i="2" s="1"/>
  <c r="G96" i="2" a="1"/>
  <c r="G96" i="2" s="1"/>
  <c r="G86" i="2" a="1"/>
  <c r="G86" i="2" s="1"/>
  <c r="G89" i="2" a="1"/>
  <c r="G89" i="2" s="1"/>
  <c r="G97" i="2" a="1"/>
  <c r="G97" i="2" s="1"/>
  <c r="G92" i="2" a="1"/>
  <c r="G92" i="2" s="1"/>
  <c r="G103" i="2" a="1"/>
  <c r="G103" i="2" s="1"/>
  <c r="G100" i="2" a="1"/>
  <c r="G100" i="2" s="1"/>
  <c r="G90" i="2" a="1"/>
  <c r="G90" i="2" s="1"/>
  <c r="G95" i="2" a="1"/>
  <c r="G95" i="2" s="1"/>
  <c r="E5744" i="2" a="1"/>
  <c r="E5744" i="2" s="1"/>
  <c r="E5725" i="2" a="1"/>
  <c r="E5725" i="2" s="1"/>
  <c r="E5722" i="2" a="1"/>
  <c r="E5722" i="2" s="1"/>
  <c r="E5727" i="2" a="1"/>
  <c r="E5727" i="2" s="1"/>
  <c r="E5732" i="2" a="1"/>
  <c r="E5732" i="2" s="1"/>
  <c r="E5729" i="2" a="1"/>
  <c r="E5729" i="2" s="1"/>
  <c r="E5733" i="2" a="1"/>
  <c r="E5733" i="2" s="1"/>
  <c r="E5738" i="2" a="1"/>
  <c r="E5738" i="2" s="1"/>
  <c r="E5742" i="2" a="1"/>
  <c r="E5742" i="2" s="1"/>
  <c r="E5730" i="2" a="1"/>
  <c r="E5730" i="2" s="1"/>
  <c r="E5743" i="2" a="1"/>
  <c r="E5743" i="2" s="1"/>
  <c r="E5734" i="2" a="1"/>
  <c r="E5734" i="2" s="1"/>
  <c r="H43" i="2" a="1"/>
  <c r="H43" i="2" s="1"/>
  <c r="H35" i="2" a="1"/>
  <c r="H35" i="2" s="1"/>
  <c r="H39" i="2" a="1"/>
  <c r="H39" i="2" s="1"/>
  <c r="H40" i="2" a="1"/>
  <c r="H40" i="2" s="1"/>
  <c r="H36" i="2" a="1"/>
  <c r="H36" i="2" s="1"/>
  <c r="H45" i="2" a="1"/>
  <c r="H45" i="2" s="1"/>
  <c r="H42" i="2" a="1"/>
  <c r="H42" i="2" s="1"/>
  <c r="H57" i="2" a="1"/>
  <c r="H57" i="2" s="1"/>
  <c r="H37" i="2" a="1"/>
  <c r="H37" i="2" s="1"/>
  <c r="H38" i="2" a="1"/>
  <c r="H38" i="2" s="1"/>
  <c r="H48" i="2" a="1"/>
  <c r="H48" i="2" s="1"/>
  <c r="H46" i="2" a="1"/>
  <c r="H46" i="2" s="1"/>
  <c r="D5464" i="2" a="1"/>
  <c r="D5464" i="2" s="1"/>
  <c r="D5476" i="2" a="1"/>
  <c r="D5476" i="2" s="1"/>
  <c r="AN228" i="1"/>
  <c r="D234" i="5" s="1"/>
  <c r="D5478" i="2" a="1"/>
  <c r="D5478" i="2" s="1"/>
  <c r="E6655" i="2" a="1"/>
  <c r="E6655" i="2" s="1"/>
  <c r="E6652" i="2" a="1"/>
  <c r="E6652" i="2" s="1"/>
  <c r="E6644" i="2" a="1"/>
  <c r="E6644" i="2" s="1"/>
  <c r="E6639" i="2" a="1"/>
  <c r="E6639" i="2" s="1"/>
  <c r="E6654" i="2" a="1"/>
  <c r="E6654" i="2" s="1"/>
  <c r="E6649" i="2" a="1"/>
  <c r="E6649" i="2" s="1"/>
  <c r="E6635" i="2" a="1"/>
  <c r="E6635" i="2" s="1"/>
  <c r="E6642" i="2" a="1"/>
  <c r="E6642" i="2" s="1"/>
  <c r="AN277" i="1"/>
  <c r="D283" i="5" s="1"/>
  <c r="E6643" i="2" a="1"/>
  <c r="E6643" i="2" s="1"/>
  <c r="AP277" i="1"/>
  <c r="F283" i="5" s="1"/>
  <c r="E6657" i="2" a="1"/>
  <c r="E6657" i="2" s="1"/>
  <c r="E6650" i="2" a="1"/>
  <c r="E6650" i="2" s="1"/>
  <c r="E6645" i="2" a="1"/>
  <c r="E6645" i="2" s="1"/>
  <c r="E6641" i="2" a="1"/>
  <c r="E6641" i="2" s="1"/>
  <c r="AO277" i="1"/>
  <c r="E283" i="5" s="1"/>
  <c r="E6636" i="2" a="1"/>
  <c r="E6636" i="2" s="1"/>
  <c r="AQ277" i="1"/>
  <c r="G283" i="5" s="1"/>
  <c r="E6656" i="2" a="1"/>
  <c r="E6656" i="2" s="1"/>
  <c r="E6640" i="2" a="1"/>
  <c r="E6640" i="2" s="1"/>
  <c r="H6074" i="2" a="1"/>
  <c r="H6074" i="2" s="1"/>
  <c r="H6067" i="2" a="1"/>
  <c r="H6067" i="2" s="1"/>
  <c r="H6058" i="2" a="1"/>
  <c r="H6058" i="2" s="1"/>
  <c r="H6070" i="2" a="1"/>
  <c r="H6070" i="2" s="1"/>
  <c r="H6062" i="2" a="1"/>
  <c r="H6062" i="2" s="1"/>
  <c r="H6073" i="2" a="1"/>
  <c r="H6073" i="2" s="1"/>
  <c r="G7911" i="2" a="1"/>
  <c r="G7911" i="2" s="1"/>
  <c r="G7922" i="2" a="1"/>
  <c r="G7922" i="2" s="1"/>
  <c r="G7910" i="2" a="1"/>
  <c r="G7910" i="2" s="1"/>
  <c r="G7926" i="2" a="1"/>
  <c r="G7926" i="2" s="1"/>
  <c r="G7916" i="2" a="1"/>
  <c r="G7916" i="2" s="1"/>
  <c r="G7914" i="2" a="1"/>
  <c r="G7914" i="2" s="1"/>
  <c r="G7909" i="2" a="1"/>
  <c r="G7909" i="2" s="1"/>
  <c r="G7912" i="2" a="1"/>
  <c r="G7912" i="2" s="1"/>
  <c r="G7913" i="2" a="1"/>
  <c r="G7913" i="2" s="1"/>
  <c r="G7915" i="2" a="1"/>
  <c r="G7915" i="2" s="1"/>
  <c r="G7920" i="2" a="1"/>
  <c r="G7920" i="2" s="1"/>
  <c r="G7925" i="2" a="1"/>
  <c r="G7925" i="2" s="1"/>
  <c r="G7923" i="2" a="1"/>
  <c r="G7923" i="2" s="1"/>
  <c r="G7907" i="2" a="1"/>
  <c r="G7907" i="2" s="1"/>
  <c r="G7921" i="2" a="1"/>
  <c r="G7921" i="2" s="1"/>
  <c r="G7692" i="2" a="1"/>
  <c r="G7692" i="2" s="1"/>
  <c r="G7711" i="2" a="1"/>
  <c r="G7711" i="2" s="1"/>
  <c r="I7711" i="2" s="1"/>
  <c r="I7685" i="5" s="1"/>
  <c r="G7702" i="2" a="1"/>
  <c r="G7702" i="2" s="1"/>
  <c r="G7694" i="2" a="1"/>
  <c r="G7694" i="2" s="1"/>
  <c r="G7695" i="2" a="1"/>
  <c r="G7695" i="2" s="1"/>
  <c r="G7703" i="2" a="1"/>
  <c r="G7703" i="2" s="1"/>
  <c r="G7697" i="2" a="1"/>
  <c r="G7697" i="2" s="1"/>
  <c r="G7691" i="2" a="1"/>
  <c r="G7691" i="2" s="1"/>
  <c r="G7698" i="2" a="1"/>
  <c r="G7698" i="2" s="1"/>
  <c r="M7698" i="2" s="1"/>
  <c r="M7672" i="5" s="1"/>
  <c r="G7693" i="2" a="1"/>
  <c r="G7693" i="2" s="1"/>
  <c r="G7708" i="2" a="1"/>
  <c r="G7708" i="2" s="1"/>
  <c r="G7709" i="2" a="1"/>
  <c r="G7709" i="2" s="1"/>
  <c r="D6034" i="2" a="1"/>
  <c r="D6034" i="2" s="1"/>
  <c r="AQ342" i="1"/>
  <c r="G348" i="5" s="1"/>
  <c r="AM342" i="1"/>
  <c r="H4140" i="2" a="1"/>
  <c r="H4140" i="2" s="1"/>
  <c r="H4142" i="2" a="1"/>
  <c r="H4142" i="2" s="1"/>
  <c r="H4147" i="2" a="1"/>
  <c r="H4147" i="2" s="1"/>
  <c r="H4146" i="2" a="1"/>
  <c r="H4146" i="2" s="1"/>
  <c r="H4102" i="2" a="1"/>
  <c r="H4102" i="2" s="1"/>
  <c r="H4108" i="2" a="1"/>
  <c r="H4108" i="2" s="1"/>
  <c r="H4106" i="2" a="1"/>
  <c r="H4106" i="2" s="1"/>
  <c r="H4098" i="2" a="1"/>
  <c r="H4098" i="2" s="1"/>
  <c r="H4101" i="2" a="1"/>
  <c r="H4101" i="2" s="1"/>
  <c r="H4096" i="2" a="1"/>
  <c r="H4096" i="2" s="1"/>
  <c r="H4103" i="2" a="1"/>
  <c r="H4103" i="2" s="1"/>
  <c r="H4093" i="2" a="1"/>
  <c r="H4093" i="2" s="1"/>
  <c r="H4094" i="2" a="1"/>
  <c r="H4094" i="2" s="1"/>
  <c r="H4109" i="2" a="1"/>
  <c r="H4109" i="2" s="1"/>
  <c r="H4091" i="2" a="1"/>
  <c r="H4091" i="2" s="1"/>
  <c r="H4092" i="2" a="1"/>
  <c r="H4092" i="2" s="1"/>
  <c r="H4107" i="2" a="1"/>
  <c r="H4107" i="2" s="1"/>
  <c r="H4111" i="2" a="1"/>
  <c r="H4111" i="2" s="1"/>
  <c r="H4110" i="2" a="1"/>
  <c r="H4110" i="2" s="1"/>
  <c r="H4090" i="2" a="1"/>
  <c r="H4090" i="2" s="1"/>
  <c r="D6834" i="2" a="1"/>
  <c r="D6834" i="2" s="1"/>
  <c r="D6828" i="2" a="1"/>
  <c r="D6828" i="2" s="1"/>
  <c r="D6832" i="2" a="1"/>
  <c r="D6832" i="2" s="1"/>
  <c r="AP285" i="1"/>
  <c r="F291" i="5" s="1"/>
  <c r="D6844" i="2" a="1"/>
  <c r="D6844" i="2" s="1"/>
  <c r="D6838" i="2" a="1"/>
  <c r="D6838" i="2" s="1"/>
  <c r="D6842" i="2" a="1"/>
  <c r="D6842" i="2" s="1"/>
  <c r="D6831" i="2" a="1"/>
  <c r="D6831" i="2" s="1"/>
  <c r="D6839" i="2" a="1"/>
  <c r="D6839" i="2" s="1"/>
  <c r="D6847" i="2" a="1"/>
  <c r="D6847" i="2" s="1"/>
  <c r="D6836" i="2" a="1"/>
  <c r="D6836" i="2" s="1"/>
  <c r="D6846" i="2" a="1"/>
  <c r="D6846" i="2" s="1"/>
  <c r="D6841" i="2" a="1"/>
  <c r="D6841" i="2" s="1"/>
  <c r="D6833" i="2" a="1"/>
  <c r="D6833" i="2" s="1"/>
  <c r="H8030" i="2" a="1"/>
  <c r="H8030" i="2" s="1"/>
  <c r="H8040" i="2" a="1"/>
  <c r="H8040" i="2" s="1"/>
  <c r="H8045" i="2" a="1"/>
  <c r="H8045" i="2" s="1"/>
  <c r="H8034" i="2" a="1"/>
  <c r="H8034" i="2" s="1"/>
  <c r="H8037" i="2" a="1"/>
  <c r="H8037" i="2" s="1"/>
  <c r="H8035" i="2" a="1"/>
  <c r="H8035" i="2" s="1"/>
  <c r="H8039" i="2" a="1"/>
  <c r="H8039" i="2" s="1"/>
  <c r="H8036" i="2" a="1"/>
  <c r="H8036" i="2" s="1"/>
  <c r="H8042" i="2" a="1"/>
  <c r="H8042" i="2" s="1"/>
  <c r="H8046" i="2" a="1"/>
  <c r="H8046" i="2" s="1"/>
  <c r="H8047" i="2" a="1"/>
  <c r="H8047" i="2" s="1"/>
  <c r="H8029" i="2" a="1"/>
  <c r="H8029" i="2" s="1"/>
  <c r="H8032" i="2" a="1"/>
  <c r="H8032" i="2" s="1"/>
  <c r="H8041" i="2" a="1"/>
  <c r="H8041" i="2" s="1"/>
  <c r="E2716" i="2" a="1"/>
  <c r="E2716" i="2" s="1"/>
  <c r="E2714" i="2" a="1"/>
  <c r="E2714" i="2" s="1"/>
  <c r="E2700" i="2" a="1"/>
  <c r="E2700" i="2" s="1"/>
  <c r="E2707" i="2" a="1"/>
  <c r="E2707" i="2" s="1"/>
  <c r="E2701" i="2" a="1"/>
  <c r="E2701" i="2" s="1"/>
  <c r="E2719" i="2" a="1"/>
  <c r="E2719" i="2" s="1"/>
  <c r="E2718" i="2" a="1"/>
  <c r="E2718" i="2" s="1"/>
  <c r="E2710" i="2" a="1"/>
  <c r="E2710" i="2" s="1"/>
  <c r="E2715" i="2" a="1"/>
  <c r="E2715" i="2" s="1"/>
  <c r="E2698" i="2" a="1"/>
  <c r="E2698" i="2" s="1"/>
  <c r="E2713" i="2" a="1"/>
  <c r="E2713" i="2" s="1"/>
  <c r="E2708" i="2" a="1"/>
  <c r="E2708" i="2" s="1"/>
  <c r="E2720" i="2" a="1"/>
  <c r="E2720" i="2" s="1"/>
  <c r="E2703" i="2" a="1"/>
  <c r="E2703" i="2" s="1"/>
  <c r="E2705" i="2" a="1"/>
  <c r="E2705" i="2" s="1"/>
  <c r="D2294" i="2" a="1"/>
  <c r="D2294" i="2" s="1"/>
  <c r="D2302" i="2" a="1"/>
  <c r="D2302" i="2" s="1"/>
  <c r="D2301" i="2" a="1"/>
  <c r="D2301" i="2" s="1"/>
  <c r="D2293" i="2" a="1"/>
  <c r="D2293" i="2" s="1"/>
  <c r="D2303" i="2" a="1"/>
  <c r="D2303" i="2" s="1"/>
  <c r="AQ96" i="1"/>
  <c r="G102" i="5" s="1"/>
  <c r="D2296" i="2" a="1"/>
  <c r="D2296" i="2" s="1"/>
  <c r="AN96" i="1"/>
  <c r="D102" i="5" s="1"/>
  <c r="D2306" i="2" a="1"/>
  <c r="D2306" i="2" s="1"/>
  <c r="D2310" i="2" a="1"/>
  <c r="D2310" i="2" s="1"/>
  <c r="D2291" i="2" a="1"/>
  <c r="D2291" i="2" s="1"/>
  <c r="D2298" i="2" a="1"/>
  <c r="D2298" i="2" s="1"/>
  <c r="D2305" i="2" a="1"/>
  <c r="D2305" i="2" s="1"/>
  <c r="D2312" i="2" a="1"/>
  <c r="D2312" i="2" s="1"/>
  <c r="D2290" i="2" a="1"/>
  <c r="D2290" i="2" s="1"/>
  <c r="D2299" i="2" a="1"/>
  <c r="D2299" i="2" s="1"/>
  <c r="F7075" i="2" a="1"/>
  <c r="F7075" i="2" s="1"/>
  <c r="F7087" i="2" a="1"/>
  <c r="F7087" i="2" s="1"/>
  <c r="F7066" i="2" a="1"/>
  <c r="F7066" i="2" s="1"/>
  <c r="F7080" i="2" a="1"/>
  <c r="F7080" i="2" s="1"/>
  <c r="F7077" i="2" a="1"/>
  <c r="F7077" i="2" s="1"/>
  <c r="F7086" i="2" a="1"/>
  <c r="F7086" i="2" s="1"/>
  <c r="F7089" i="2" a="1"/>
  <c r="F7089" i="2" s="1"/>
  <c r="F7082" i="2" a="1"/>
  <c r="F7082" i="2" s="1"/>
  <c r="F7073" i="2" a="1"/>
  <c r="F7073" i="2" s="1"/>
  <c r="F7069" i="2" a="1"/>
  <c r="F7069" i="2" s="1"/>
  <c r="F7088" i="2" a="1"/>
  <c r="F7088" i="2" s="1"/>
  <c r="F7083" i="2" a="1"/>
  <c r="F7083" i="2" s="1"/>
  <c r="G768" i="2" a="1"/>
  <c r="G768" i="2" s="1"/>
  <c r="G756" i="2" a="1"/>
  <c r="G756" i="2" s="1"/>
  <c r="G766" i="2" a="1"/>
  <c r="G766" i="2" s="1"/>
  <c r="G770" i="2" a="1"/>
  <c r="G770" i="2" s="1"/>
  <c r="L770" i="2" s="1"/>
  <c r="L744" i="5" s="1"/>
  <c r="G772" i="2" a="1"/>
  <c r="G772" i="2" s="1"/>
  <c r="G775" i="2" a="1"/>
  <c r="G775" i="2" s="1"/>
  <c r="G765" i="2" a="1"/>
  <c r="G765" i="2" s="1"/>
  <c r="G761" i="2" a="1"/>
  <c r="G761" i="2" s="1"/>
  <c r="G757" i="2" a="1"/>
  <c r="G757" i="2" s="1"/>
  <c r="G774" i="2" a="1"/>
  <c r="G774" i="2" s="1"/>
  <c r="G767" i="2" a="1"/>
  <c r="G767" i="2" s="1"/>
  <c r="F5074" i="2" a="1"/>
  <c r="F5074" i="2" s="1"/>
  <c r="F5088" i="2" a="1"/>
  <c r="F5088" i="2" s="1"/>
  <c r="H2304" i="2" a="1"/>
  <c r="H2304" i="2" s="1"/>
  <c r="D2915" i="2" a="1"/>
  <c r="D2915" i="2" s="1"/>
  <c r="D6765" i="2" a="1"/>
  <c r="D6765" i="2" s="1"/>
  <c r="G6560" i="2" a="1"/>
  <c r="G6560" i="2" s="1"/>
  <c r="AO76" i="1"/>
  <c r="E82" i="5" s="1"/>
  <c r="G538" i="2" a="1"/>
  <c r="G538" i="2" s="1"/>
  <c r="G543" i="2" a="1"/>
  <c r="G543" i="2" s="1"/>
  <c r="AO326" i="1"/>
  <c r="E332" i="5" s="1"/>
  <c r="G6207" i="2" a="1"/>
  <c r="G6207" i="2" s="1"/>
  <c r="G6209" i="2" a="1"/>
  <c r="G6209" i="2" s="1"/>
  <c r="H1195" i="2" a="1"/>
  <c r="H1195" i="2" s="1"/>
  <c r="H3378" i="2" a="1"/>
  <c r="H3378" i="2" s="1"/>
  <c r="E7403" i="2" a="1"/>
  <c r="E7403" i="2" s="1"/>
  <c r="E6922" i="2" a="1"/>
  <c r="E6922" i="2" s="1"/>
  <c r="E6925" i="2" a="1"/>
  <c r="E6925" i="2" s="1"/>
  <c r="H4158" i="2" a="1"/>
  <c r="H4158" i="2" s="1"/>
  <c r="E6450" i="2" a="1"/>
  <c r="E6450" i="2" s="1"/>
  <c r="D7100" i="2" a="1"/>
  <c r="D7100" i="2" s="1"/>
  <c r="H1776" i="2" a="1"/>
  <c r="H1776" i="2" s="1"/>
  <c r="D5470" i="2" a="1"/>
  <c r="D5470" i="2" s="1"/>
  <c r="G3779" i="2" a="1"/>
  <c r="G3779" i="2" s="1"/>
  <c r="E3317" i="2" a="1"/>
  <c r="E3317" i="2" s="1"/>
  <c r="H6642" i="2" a="1"/>
  <c r="H6642" i="2" s="1"/>
  <c r="E2886" i="2" a="1"/>
  <c r="E2886" i="2" s="1"/>
  <c r="H6068" i="2" a="1"/>
  <c r="H6068" i="2" s="1"/>
  <c r="G3330" i="2" a="1"/>
  <c r="G3330" i="2" s="1"/>
  <c r="G7908" i="2" a="1"/>
  <c r="G7908" i="2" s="1"/>
  <c r="AN342" i="1"/>
  <c r="D348" i="5" s="1"/>
  <c r="D5156" i="2" a="1"/>
  <c r="D5156" i="2" s="1"/>
  <c r="H8048" i="2" a="1"/>
  <c r="H8048" i="2" s="1"/>
  <c r="H6134" i="2" a="1"/>
  <c r="H6134" i="2" s="1"/>
  <c r="H51" i="2" a="1"/>
  <c r="H51" i="2" s="1"/>
  <c r="D1727" i="2" a="1"/>
  <c r="D1727" i="2" s="1"/>
  <c r="F2947" i="2" a="1"/>
  <c r="F2947" i="2" s="1"/>
  <c r="E6653" i="2" a="1"/>
  <c r="E6653" i="2" s="1"/>
  <c r="AQ285" i="1"/>
  <c r="G291" i="5" s="1"/>
  <c r="F7171" i="2" a="1"/>
  <c r="F7171" i="2" s="1"/>
  <c r="D6038" i="2" a="1"/>
  <c r="D6038" i="2" s="1"/>
  <c r="E1705" i="2" a="1"/>
  <c r="E1705" i="2" s="1"/>
  <c r="H8626" i="2" a="1"/>
  <c r="H8626" i="2" s="1"/>
  <c r="E2709" i="2" a="1"/>
  <c r="E2709" i="2" s="1"/>
  <c r="E7088" i="2" a="1"/>
  <c r="E7088" i="2" s="1"/>
  <c r="D7095" i="2" a="1"/>
  <c r="D7095" i="2" s="1"/>
  <c r="AP342" i="1"/>
  <c r="F348" i="5" s="1"/>
  <c r="H53" i="2" a="1"/>
  <c r="H53" i="2" s="1"/>
  <c r="D1719" i="2" a="1"/>
  <c r="D1719" i="2" s="1"/>
  <c r="D6053" i="2" a="1"/>
  <c r="D6053" i="2" s="1"/>
  <c r="E5728" i="2" a="1"/>
  <c r="E5728" i="2" s="1"/>
  <c r="G5885" i="2" a="1"/>
  <c r="G5885" i="2" s="1"/>
  <c r="G5882" i="2" a="1"/>
  <c r="G5882" i="2" s="1"/>
  <c r="G5887" i="2" a="1"/>
  <c r="G5887" i="2" s="1"/>
  <c r="G5874" i="2" a="1"/>
  <c r="G5874" i="2" s="1"/>
  <c r="G5886" i="2" a="1"/>
  <c r="G5886" i="2" s="1"/>
  <c r="G5873" i="2" a="1"/>
  <c r="G5873" i="2" s="1"/>
  <c r="G5868" i="2" a="1"/>
  <c r="G5868" i="2" s="1"/>
  <c r="G5883" i="2" a="1"/>
  <c r="G5883" i="2" s="1"/>
  <c r="G5884" i="2" a="1"/>
  <c r="G5884" i="2" s="1"/>
  <c r="G5867" i="2" a="1"/>
  <c r="G5867" i="2" s="1"/>
  <c r="G5880" i="2" a="1"/>
  <c r="G5880" i="2" s="1"/>
  <c r="G5866" i="2" a="1"/>
  <c r="G5866" i="2" s="1"/>
  <c r="G5871" i="2" a="1"/>
  <c r="G5871" i="2" s="1"/>
  <c r="G5879" i="2" a="1"/>
  <c r="G5879" i="2" s="1"/>
  <c r="G5870" i="2" a="1"/>
  <c r="G5870" i="2" s="1"/>
  <c r="G5876" i="2" a="1"/>
  <c r="G5876" i="2" s="1"/>
  <c r="F1641" i="2" a="1"/>
  <c r="F1641" i="2" s="1"/>
  <c r="F1629" i="2" a="1"/>
  <c r="F1629" i="2" s="1"/>
  <c r="F1622" i="2" a="1"/>
  <c r="F1622" i="2" s="1"/>
  <c r="F197" i="2" a="1"/>
  <c r="F197" i="2" s="1"/>
  <c r="F184" i="2" a="1"/>
  <c r="F184" i="2" s="1"/>
  <c r="F185" i="2" a="1"/>
  <c r="F185" i="2" s="1"/>
  <c r="F200" i="2" a="1"/>
  <c r="F200" i="2" s="1"/>
  <c r="F187" i="2" a="1"/>
  <c r="F187" i="2" s="1"/>
  <c r="F188" i="2" a="1"/>
  <c r="F188" i="2" s="1"/>
  <c r="F190" i="2" a="1"/>
  <c r="F190" i="2" s="1"/>
  <c r="F180" i="2" a="1"/>
  <c r="F180" i="2" s="1"/>
  <c r="F193" i="2" a="1"/>
  <c r="F193" i="2" s="1"/>
  <c r="F194" i="2" a="1"/>
  <c r="F194" i="2" s="1"/>
  <c r="F198" i="2" a="1"/>
  <c r="F198" i="2" s="1"/>
  <c r="F195" i="2" a="1"/>
  <c r="F195" i="2" s="1"/>
  <c r="F189" i="2" a="1"/>
  <c r="F189" i="2" s="1"/>
  <c r="G8127" i="2" a="1"/>
  <c r="G8127" i="2" s="1"/>
  <c r="M8127" i="2" s="1"/>
  <c r="M8101" i="5" s="1"/>
  <c r="G8130" i="2" a="1"/>
  <c r="G8130" i="2" s="1"/>
  <c r="G8145" i="2" a="1"/>
  <c r="G8145" i="2" s="1"/>
  <c r="E2551" i="2" a="1"/>
  <c r="E2551" i="2" s="1"/>
  <c r="E2531" i="2" a="1"/>
  <c r="E2531" i="2" s="1"/>
  <c r="E2546" i="2" a="1"/>
  <c r="E2546" i="2" s="1"/>
  <c r="E2541" i="2" a="1"/>
  <c r="E2541" i="2" s="1"/>
  <c r="E2543" i="2" a="1"/>
  <c r="E2543" i="2" s="1"/>
  <c r="E2539" i="2" a="1"/>
  <c r="E2539" i="2" s="1"/>
  <c r="E2549" i="2" a="1"/>
  <c r="E2549" i="2" s="1"/>
  <c r="E2553" i="2" a="1"/>
  <c r="E2553" i="2" s="1"/>
  <c r="E2542" i="2" a="1"/>
  <c r="E2542" i="2" s="1"/>
  <c r="E2537" i="2" a="1"/>
  <c r="E2537" i="2" s="1"/>
  <c r="E2547" i="2" a="1"/>
  <c r="E2547" i="2" s="1"/>
  <c r="G1872" i="2" a="1"/>
  <c r="G1872" i="2" s="1"/>
  <c r="F5095" i="2" a="1"/>
  <c r="F5095" i="2" s="1"/>
  <c r="H2298" i="2" a="1"/>
  <c r="H2298" i="2" s="1"/>
  <c r="D2919" i="2" a="1"/>
  <c r="D2919" i="2" s="1"/>
  <c r="D6757" i="2" a="1"/>
  <c r="D6757" i="2" s="1"/>
  <c r="H644" i="2" a="1"/>
  <c r="H644" i="2" s="1"/>
  <c r="G6556" i="2" a="1"/>
  <c r="G6556" i="2" s="1"/>
  <c r="G560" i="2" a="1"/>
  <c r="G560" i="2" s="1"/>
  <c r="G6211" i="2" a="1"/>
  <c r="G6211" i="2" s="1"/>
  <c r="G6202" i="2" a="1"/>
  <c r="G6202" i="2" s="1"/>
  <c r="H1192" i="2" a="1"/>
  <c r="H1192" i="2" s="1"/>
  <c r="H3392" i="2" a="1"/>
  <c r="H3392" i="2" s="1"/>
  <c r="E7411" i="2" a="1"/>
  <c r="E7411" i="2" s="1"/>
  <c r="E6937" i="2" a="1"/>
  <c r="E6937" i="2" s="1"/>
  <c r="E6926" i="2" a="1"/>
  <c r="E6926" i="2" s="1"/>
  <c r="H4139" i="2" a="1"/>
  <c r="H4139" i="2" s="1"/>
  <c r="E6445" i="2" a="1"/>
  <c r="E6445" i="2" s="1"/>
  <c r="D7090" i="2" a="1"/>
  <c r="D7090" i="2" s="1"/>
  <c r="H1774" i="2" a="1"/>
  <c r="H1774" i="2" s="1"/>
  <c r="D5466" i="2" a="1"/>
  <c r="D5466" i="2" s="1"/>
  <c r="G3791" i="2" a="1"/>
  <c r="G3791" i="2" s="1"/>
  <c r="E3316" i="2" a="1"/>
  <c r="E3316" i="2" s="1"/>
  <c r="H6655" i="2" a="1"/>
  <c r="H6655" i="2" s="1"/>
  <c r="E2883" i="2" a="1"/>
  <c r="E2883" i="2" s="1"/>
  <c r="H6059" i="2" a="1"/>
  <c r="H6059" i="2" s="1"/>
  <c r="G3339" i="2" a="1"/>
  <c r="G3339" i="2" s="1"/>
  <c r="I3339" i="2" s="1"/>
  <c r="I3313" i="5" s="1"/>
  <c r="G7704" i="2" a="1"/>
  <c r="G7704" i="2" s="1"/>
  <c r="E3025" i="2" a="1"/>
  <c r="E3025" i="2" s="1"/>
  <c r="H5065" i="2" a="1"/>
  <c r="H5065" i="2" s="1"/>
  <c r="G7906" i="2" a="1"/>
  <c r="G7906" i="2" s="1"/>
  <c r="G4083" i="2" a="1"/>
  <c r="G4083" i="2" s="1"/>
  <c r="AO342" i="1"/>
  <c r="E348" i="5" s="1"/>
  <c r="AP215" i="1"/>
  <c r="F221" i="5" s="1"/>
  <c r="H8027" i="2" a="1"/>
  <c r="H8027" i="2" s="1"/>
  <c r="H6150" i="2" a="1"/>
  <c r="H6150" i="2" s="1"/>
  <c r="H44" i="2" a="1"/>
  <c r="H44" i="2" s="1"/>
  <c r="D1723" i="2" a="1"/>
  <c r="D1723" i="2" s="1"/>
  <c r="E6637" i="2" a="1"/>
  <c r="E6637" i="2" s="1"/>
  <c r="G3900" i="2" a="1"/>
  <c r="G3900" i="2" s="1"/>
  <c r="F7176" i="2" a="1"/>
  <c r="F7176" i="2" s="1"/>
  <c r="D6044" i="2" a="1"/>
  <c r="D6044" i="2" s="1"/>
  <c r="H8649" i="2" a="1"/>
  <c r="H8649" i="2" s="1"/>
  <c r="E8041" i="2" a="1"/>
  <c r="E8041" i="2" s="1"/>
  <c r="E2704" i="2" a="1"/>
  <c r="E2704" i="2" s="1"/>
  <c r="G2372" i="2" a="1"/>
  <c r="G2372" i="2" s="1"/>
  <c r="G1871" i="2" a="1"/>
  <c r="G1871" i="2" s="1"/>
  <c r="F5075" i="2" a="1"/>
  <c r="F5075" i="2" s="1"/>
  <c r="L5075" i="2" s="1"/>
  <c r="L5049" i="5" s="1"/>
  <c r="H2311" i="2" a="1"/>
  <c r="H2311" i="2" s="1"/>
  <c r="D2933" i="2" a="1"/>
  <c r="D2933" i="2" s="1"/>
  <c r="D6756" i="2" a="1"/>
  <c r="D6756" i="2" s="1"/>
  <c r="D6754" i="2" a="1"/>
  <c r="D6754" i="2" s="1"/>
  <c r="H650" i="2" a="1"/>
  <c r="H650" i="2" s="1"/>
  <c r="G6542" i="2" a="1"/>
  <c r="G6542" i="2" s="1"/>
  <c r="G553" i="2" a="1"/>
  <c r="G553" i="2" s="1"/>
  <c r="G6210" i="2" a="1"/>
  <c r="G6210" i="2" s="1"/>
  <c r="H1194" i="2" a="1"/>
  <c r="H1194" i="2" s="1"/>
  <c r="H3389" i="2" a="1"/>
  <c r="H3389" i="2" s="1"/>
  <c r="E7418" i="2" a="1"/>
  <c r="E7418" i="2" s="1"/>
  <c r="E6923" i="2" a="1"/>
  <c r="E6923" i="2" s="1"/>
  <c r="H4152" i="2" a="1"/>
  <c r="H4152" i="2" s="1"/>
  <c r="E6461" i="2" a="1"/>
  <c r="E6461" i="2" s="1"/>
  <c r="M6461" i="2" s="1"/>
  <c r="M6435" i="5" s="1"/>
  <c r="D7111" i="2" a="1"/>
  <c r="D7111" i="2" s="1"/>
  <c r="H1767" i="2" a="1"/>
  <c r="H1767" i="2" s="1"/>
  <c r="D5458" i="2" a="1"/>
  <c r="D5458" i="2" s="1"/>
  <c r="G3799" i="2" a="1"/>
  <c r="G3799" i="2" s="1"/>
  <c r="E3299" i="2" a="1"/>
  <c r="E3299" i="2" s="1"/>
  <c r="H6640" i="2" a="1"/>
  <c r="H6640" i="2" s="1"/>
  <c r="E2868" i="2" a="1"/>
  <c r="E2868" i="2" s="1"/>
  <c r="H6078" i="2" a="1"/>
  <c r="H6078" i="2" s="1"/>
  <c r="G3331" i="2" a="1"/>
  <c r="G3331" i="2" s="1"/>
  <c r="E3011" i="2" a="1"/>
  <c r="E3011" i="2" s="1"/>
  <c r="H5053" i="2" a="1"/>
  <c r="H5053" i="2" s="1"/>
  <c r="G7929" i="2" a="1"/>
  <c r="G7929" i="2" s="1"/>
  <c r="G4072" i="2" a="1"/>
  <c r="G4072" i="2" s="1"/>
  <c r="H8049" i="2" a="1"/>
  <c r="H8049" i="2" s="1"/>
  <c r="H6130" i="2" a="1"/>
  <c r="H6130" i="2" s="1"/>
  <c r="H52" i="2" a="1"/>
  <c r="H52" i="2" s="1"/>
  <c r="D1716" i="2" a="1"/>
  <c r="D1716" i="2" s="1"/>
  <c r="E6634" i="2" a="1"/>
  <c r="E6634" i="2" s="1"/>
  <c r="G3905" i="2" a="1"/>
  <c r="G3905" i="2" s="1"/>
  <c r="F7169" i="2" a="1"/>
  <c r="F7169" i="2" s="1"/>
  <c r="D6051" i="2" a="1"/>
  <c r="D6051" i="2" s="1"/>
  <c r="H8647" i="2" a="1"/>
  <c r="H8647" i="2" s="1"/>
  <c r="E8037" i="2" a="1"/>
  <c r="E8037" i="2" s="1"/>
  <c r="E2702" i="2" a="1"/>
  <c r="E2702" i="2" s="1"/>
  <c r="G2366" i="2" a="1"/>
  <c r="G2366" i="2" s="1"/>
  <c r="G1870" i="2" a="1"/>
  <c r="G1870" i="2" s="1"/>
  <c r="G1865" i="2" a="1"/>
  <c r="G1865" i="2" s="1"/>
  <c r="F5082" i="2" a="1"/>
  <c r="F5082" i="2" s="1"/>
  <c r="H2308" i="2" a="1"/>
  <c r="H2308" i="2" s="1"/>
  <c r="D2929" i="2" a="1"/>
  <c r="D2929" i="2" s="1"/>
  <c r="D6775" i="2" a="1"/>
  <c r="D6775" i="2" s="1"/>
  <c r="D6766" i="2" a="1"/>
  <c r="D6766" i="2" s="1"/>
  <c r="E5444" i="2" a="1"/>
  <c r="E5444" i="2" s="1"/>
  <c r="H648" i="2" a="1"/>
  <c r="H648" i="2" s="1"/>
  <c r="G6541" i="2" a="1"/>
  <c r="G6541" i="2" s="1"/>
  <c r="G556" i="2" a="1"/>
  <c r="G556" i="2" s="1"/>
  <c r="L556" i="2" s="1"/>
  <c r="L530" i="5" s="1"/>
  <c r="G6212" i="2" a="1"/>
  <c r="G6212" i="2" s="1"/>
  <c r="H1204" i="2" a="1"/>
  <c r="H1204" i="2" s="1"/>
  <c r="H3384" i="2" a="1"/>
  <c r="H3384" i="2" s="1"/>
  <c r="E7425" i="2" a="1"/>
  <c r="E7425" i="2" s="1"/>
  <c r="E6928" i="2" a="1"/>
  <c r="E6928" i="2" s="1"/>
  <c r="F1624" i="2" a="1"/>
  <c r="F1624" i="2" s="1"/>
  <c r="G8122" i="2" a="1"/>
  <c r="G8122" i="2" s="1"/>
  <c r="H4156" i="2" a="1"/>
  <c r="H4156" i="2" s="1"/>
  <c r="AO244" i="1"/>
  <c r="E250" i="5" s="1"/>
  <c r="E2495" i="2" a="1"/>
  <c r="E2495" i="2" s="1"/>
  <c r="E6456" i="2" a="1"/>
  <c r="E6456" i="2" s="1"/>
  <c r="D7109" i="2" a="1"/>
  <c r="D7109" i="2" s="1"/>
  <c r="E5856" i="2" a="1"/>
  <c r="E5856" i="2" s="1"/>
  <c r="AO16" i="1"/>
  <c r="E22" i="5" s="1"/>
  <c r="H1775" i="2" a="1"/>
  <c r="H1775" i="2" s="1"/>
  <c r="D5475" i="2" a="1"/>
  <c r="D5475" i="2" s="1"/>
  <c r="G3788" i="2" a="1"/>
  <c r="G3788" i="2" s="1"/>
  <c r="E3301" i="2" a="1"/>
  <c r="E3301" i="2" s="1"/>
  <c r="H6645" i="2" a="1"/>
  <c r="H6645" i="2" s="1"/>
  <c r="E2879" i="2" a="1"/>
  <c r="E2879" i="2" s="1"/>
  <c r="H6080" i="2" a="1"/>
  <c r="H6080" i="2" s="1"/>
  <c r="G3324" i="2" a="1"/>
  <c r="G3324" i="2" s="1"/>
  <c r="K3324" i="2" s="1"/>
  <c r="K3298" i="5" s="1"/>
  <c r="O3298" i="5" s="1"/>
  <c r="G7707" i="2" a="1"/>
  <c r="G7707" i="2" s="1"/>
  <c r="L7707" i="2" s="1"/>
  <c r="L7681" i="5" s="1"/>
  <c r="H5073" i="2" a="1"/>
  <c r="H5073" i="2" s="1"/>
  <c r="G7919" i="2" a="1"/>
  <c r="G7919" i="2" s="1"/>
  <c r="G4069" i="2" a="1"/>
  <c r="G4069" i="2" s="1"/>
  <c r="H8026" i="2" a="1"/>
  <c r="H8026" i="2" s="1"/>
  <c r="AM272" i="1"/>
  <c r="H6145" i="2" a="1"/>
  <c r="H6145" i="2" s="1"/>
  <c r="H49" i="2" a="1"/>
  <c r="H49" i="2" s="1"/>
  <c r="D1729" i="2" a="1"/>
  <c r="D1729" i="2" s="1"/>
  <c r="E6648" i="2" a="1"/>
  <c r="E6648" i="2" s="1"/>
  <c r="G3919" i="2" a="1"/>
  <c r="G3919" i="2" s="1"/>
  <c r="K3919" i="2" s="1"/>
  <c r="K3893" i="5" s="1"/>
  <c r="O3893" i="5" s="1"/>
  <c r="F7179" i="2" a="1"/>
  <c r="F7179" i="2" s="1"/>
  <c r="D6045" i="2" a="1"/>
  <c r="D6045" i="2" s="1"/>
  <c r="H8632" i="2" a="1"/>
  <c r="H8632" i="2" s="1"/>
  <c r="E8036" i="2" a="1"/>
  <c r="E8036" i="2" s="1"/>
  <c r="E2717" i="2" a="1"/>
  <c r="E2717" i="2" s="1"/>
  <c r="E8238" i="2" a="1"/>
  <c r="E8238" i="2" s="1"/>
  <c r="G2368" i="2" a="1"/>
  <c r="G2368" i="2" s="1"/>
  <c r="G1863" i="2" a="1"/>
  <c r="G1863" i="2" s="1"/>
  <c r="G1868" i="2" a="1"/>
  <c r="G1868" i="2" s="1"/>
  <c r="F5090" i="2" a="1"/>
  <c r="F5090" i="2" s="1"/>
  <c r="H2294" i="2" a="1"/>
  <c r="H2294" i="2" s="1"/>
  <c r="D2925" i="2" a="1"/>
  <c r="D2925" i="2" s="1"/>
  <c r="D6771" i="2" a="1"/>
  <c r="D6771" i="2" s="1"/>
  <c r="D6762" i="2" a="1"/>
  <c r="D6762" i="2" s="1"/>
  <c r="E5438" i="2" a="1"/>
  <c r="E5438" i="2" s="1"/>
  <c r="H641" i="2" a="1"/>
  <c r="H641" i="2" s="1"/>
  <c r="G6551" i="2" a="1"/>
  <c r="G6551" i="2" s="1"/>
  <c r="G558" i="2" a="1"/>
  <c r="G558" i="2" s="1"/>
  <c r="G6203" i="2" a="1"/>
  <c r="G6203" i="2" s="1"/>
  <c r="H1191" i="2" a="1"/>
  <c r="H1191" i="2" s="1"/>
  <c r="H3385" i="2" a="1"/>
  <c r="H3385" i="2" s="1"/>
  <c r="E7408" i="2" a="1"/>
  <c r="E7408" i="2" s="1"/>
  <c r="E6941" i="2" a="1"/>
  <c r="E6941" i="2" s="1"/>
  <c r="F1628" i="2" a="1"/>
  <c r="F1628" i="2" s="1"/>
  <c r="H4138" i="2" a="1"/>
  <c r="H4138" i="2" s="1"/>
  <c r="E2492" i="2" a="1"/>
  <c r="E2492" i="2" s="1"/>
  <c r="E6460" i="2" a="1"/>
  <c r="E6460" i="2" s="1"/>
  <c r="D7098" i="2" a="1"/>
  <c r="D7098" i="2" s="1"/>
  <c r="AN16" i="1"/>
  <c r="D22" i="5" s="1"/>
  <c r="H1772" i="2" a="1"/>
  <c r="H1772" i="2" s="1"/>
  <c r="D5462" i="2" a="1"/>
  <c r="D5462" i="2" s="1"/>
  <c r="G3801" i="2" a="1"/>
  <c r="G3801" i="2" s="1"/>
  <c r="E3320" i="2" a="1"/>
  <c r="E3320" i="2" s="1"/>
  <c r="H6653" i="2" a="1"/>
  <c r="H6653" i="2" s="1"/>
  <c r="E2889" i="2" a="1"/>
  <c r="E2889" i="2" s="1"/>
  <c r="H6069" i="2" a="1"/>
  <c r="H6069" i="2" s="1"/>
  <c r="G3336" i="2" a="1"/>
  <c r="G3336" i="2" s="1"/>
  <c r="G7706" i="2" a="1"/>
  <c r="G7706" i="2" s="1"/>
  <c r="H4100" i="2" a="1"/>
  <c r="H4100" i="2" s="1"/>
  <c r="H5068" i="2" a="1"/>
  <c r="H5068" i="2" s="1"/>
  <c r="F7079" i="2" a="1"/>
  <c r="F7079" i="2" s="1"/>
  <c r="G7924" i="2" a="1"/>
  <c r="G7924" i="2" s="1"/>
  <c r="G4066" i="2" a="1"/>
  <c r="G4066" i="2" s="1"/>
  <c r="J4066" i="2" s="1"/>
  <c r="H8038" i="2" a="1"/>
  <c r="H8038" i="2" s="1"/>
  <c r="H6149" i="2" a="1"/>
  <c r="H6149" i="2" s="1"/>
  <c r="H41" i="2" a="1"/>
  <c r="H41" i="2" s="1"/>
  <c r="D1730" i="2" a="1"/>
  <c r="D1730" i="2" s="1"/>
  <c r="G3918" i="2" a="1"/>
  <c r="G3918" i="2" s="1"/>
  <c r="F7162" i="2" a="1"/>
  <c r="F7162" i="2" s="1"/>
  <c r="H8630" i="2" a="1"/>
  <c r="H8630" i="2" s="1"/>
  <c r="E8038" i="2" a="1"/>
  <c r="E8038" i="2" s="1"/>
  <c r="I8038" i="2" s="1"/>
  <c r="I8012" i="5" s="1"/>
  <c r="E8233" i="2" a="1"/>
  <c r="E8233" i="2" s="1"/>
  <c r="E8237" i="2" a="1"/>
  <c r="E8237" i="2" s="1"/>
  <c r="G1879" i="2" a="1"/>
  <c r="G1879" i="2" s="1"/>
  <c r="H2303" i="2" a="1"/>
  <c r="H2303" i="2" s="1"/>
  <c r="D2917" i="2" a="1"/>
  <c r="D2917" i="2" s="1"/>
  <c r="D6767" i="2" a="1"/>
  <c r="D6767" i="2" s="1"/>
  <c r="E5436" i="2" a="1"/>
  <c r="E5436" i="2" s="1"/>
  <c r="F1637" i="2" a="1"/>
  <c r="F1637" i="2" s="1"/>
  <c r="L1637" i="2" s="1"/>
  <c r="L1611" i="5" s="1"/>
  <c r="H4151" i="2" a="1"/>
  <c r="H4151" i="2" s="1"/>
  <c r="E2499" i="2" a="1"/>
  <c r="E2499" i="2" s="1"/>
  <c r="E6451" i="2" a="1"/>
  <c r="E6451" i="2" s="1"/>
  <c r="I6451" i="2" s="1"/>
  <c r="I6425" i="5" s="1"/>
  <c r="D7096" i="2" a="1"/>
  <c r="D7096" i="2" s="1"/>
  <c r="E5845" i="2" a="1"/>
  <c r="E5845" i="2" s="1"/>
  <c r="AQ16" i="1"/>
  <c r="G22" i="5" s="1"/>
  <c r="H1766" i="2" a="1"/>
  <c r="H1766" i="2" s="1"/>
  <c r="D5481" i="2" a="1"/>
  <c r="D5481" i="2" s="1"/>
  <c r="G3782" i="2" a="1"/>
  <c r="G3782" i="2" s="1"/>
  <c r="E3321" i="2" a="1"/>
  <c r="E3321" i="2" s="1"/>
  <c r="H6652" i="2" a="1"/>
  <c r="H6652" i="2" s="1"/>
  <c r="E2878" i="2" a="1"/>
  <c r="E2878" i="2" s="1"/>
  <c r="H6064" i="2" a="1"/>
  <c r="H6064" i="2" s="1"/>
  <c r="G3322" i="2" a="1"/>
  <c r="G3322" i="2" s="1"/>
  <c r="H6455" i="2" a="1"/>
  <c r="H6455" i="2" s="1"/>
  <c r="G7700" i="2" a="1"/>
  <c r="G7700" i="2" s="1"/>
  <c r="H4097" i="2" a="1"/>
  <c r="H4097" i="2" s="1"/>
  <c r="H5072" i="2" a="1"/>
  <c r="H5072" i="2" s="1"/>
  <c r="F7076" i="2" a="1"/>
  <c r="F7076" i="2" s="1"/>
  <c r="E3720" i="2" a="1"/>
  <c r="E3720" i="2" s="1"/>
  <c r="G4078" i="2" a="1"/>
  <c r="G4078" i="2" s="1"/>
  <c r="H8044" i="2" a="1"/>
  <c r="H8044" i="2" s="1"/>
  <c r="D2309" i="2" a="1"/>
  <c r="D2309" i="2" s="1"/>
  <c r="H6151" i="2" a="1"/>
  <c r="H6151" i="2" s="1"/>
  <c r="H50" i="2" a="1"/>
  <c r="H50" i="2" s="1"/>
  <c r="D1737" i="2" a="1"/>
  <c r="D1737" i="2" s="1"/>
  <c r="G3913" i="2" a="1"/>
  <c r="G3913" i="2" s="1"/>
  <c r="H3899" i="2" a="1"/>
  <c r="H3899" i="2" s="1"/>
  <c r="E8031" i="2" a="1"/>
  <c r="E8031" i="2" s="1"/>
  <c r="E7083" i="2" a="1"/>
  <c r="E7083" i="2" s="1"/>
  <c r="E5740" i="2" a="1"/>
  <c r="E5740" i="2" s="1"/>
  <c r="F2414" i="2" a="1"/>
  <c r="F2414" i="2" s="1"/>
  <c r="F2416" i="2" a="1"/>
  <c r="F2416" i="2" s="1"/>
  <c r="F2427" i="2" a="1"/>
  <c r="F2427" i="2" s="1"/>
  <c r="F2415" i="2" a="1"/>
  <c r="F2415" i="2" s="1"/>
  <c r="F2412" i="2" a="1"/>
  <c r="F2412" i="2" s="1"/>
  <c r="F2433" i="2" a="1"/>
  <c r="F2433" i="2" s="1"/>
  <c r="K2433" i="2" s="1"/>
  <c r="K2407" i="5" s="1"/>
  <c r="O2407" i="5" s="1"/>
  <c r="F2426" i="2" a="1"/>
  <c r="F2426" i="2" s="1"/>
  <c r="F2421" i="2" a="1"/>
  <c r="F2421" i="2" s="1"/>
  <c r="G5662" i="2" a="1"/>
  <c r="G5662" i="2" s="1"/>
  <c r="G5667" i="2" a="1"/>
  <c r="G5667" i="2" s="1"/>
  <c r="G5659" i="2" a="1"/>
  <c r="G5659" i="2" s="1"/>
  <c r="G5670" i="2" a="1"/>
  <c r="G5670" i="2" s="1"/>
  <c r="G5664" i="2" a="1"/>
  <c r="G5664" i="2" s="1"/>
  <c r="G5669" i="2" a="1"/>
  <c r="G5669" i="2" s="1"/>
  <c r="G5668" i="2" a="1"/>
  <c r="G5668" i="2" s="1"/>
  <c r="AQ184" i="1"/>
  <c r="G190" i="5" s="1"/>
  <c r="AM184" i="1"/>
  <c r="D1540" i="2" a="1"/>
  <c r="D1540" i="2" s="1"/>
  <c r="D1523" i="2" a="1"/>
  <c r="D1523" i="2" s="1"/>
  <c r="D1535" i="2" a="1"/>
  <c r="D1535" i="2" s="1"/>
  <c r="D1543" i="2" a="1"/>
  <c r="D1543" i="2" s="1"/>
  <c r="D1536" i="2" a="1"/>
  <c r="D1536" i="2" s="1"/>
  <c r="H3468" i="2" a="1"/>
  <c r="H3468" i="2" s="1"/>
  <c r="H3489" i="2" a="1"/>
  <c r="H3489" i="2" s="1"/>
  <c r="H3476" i="2" a="1"/>
  <c r="H3476" i="2" s="1"/>
  <c r="H3488" i="2" a="1"/>
  <c r="H3488" i="2" s="1"/>
  <c r="H3474" i="2" a="1"/>
  <c r="H3474" i="2" s="1"/>
  <c r="H3467" i="2" a="1"/>
  <c r="H3467" i="2" s="1"/>
  <c r="G5033" i="2" a="1"/>
  <c r="G5033" i="2" s="1"/>
  <c r="G5039" i="2" a="1"/>
  <c r="G5039" i="2" s="1"/>
  <c r="G5041" i="2" a="1"/>
  <c r="G5041" i="2" s="1"/>
  <c r="G5029" i="2" a="1"/>
  <c r="G5029" i="2" s="1"/>
  <c r="G5047" i="2" a="1"/>
  <c r="G5047" i="2" s="1"/>
  <c r="G5040" i="2" a="1"/>
  <c r="G5040" i="2" s="1"/>
  <c r="G5026" i="2" a="1"/>
  <c r="G5026" i="2" s="1"/>
  <c r="G5030" i="2" a="1"/>
  <c r="G5030" i="2" s="1"/>
  <c r="G5044" i="2" a="1"/>
  <c r="G5044" i="2" s="1"/>
  <c r="G5028" i="2" a="1"/>
  <c r="G5028" i="2" s="1"/>
  <c r="G5036" i="2" a="1"/>
  <c r="G5036" i="2" s="1"/>
  <c r="G5037" i="2" a="1"/>
  <c r="G5037" i="2" s="1"/>
  <c r="G5048" i="2" a="1"/>
  <c r="G5048" i="2" s="1"/>
  <c r="G5035" i="2" a="1"/>
  <c r="G5035" i="2" s="1"/>
  <c r="G5031" i="2" a="1"/>
  <c r="G5031" i="2" s="1"/>
  <c r="G5043" i="2" a="1"/>
  <c r="G5043" i="2" s="1"/>
  <c r="D1649" i="2" a="1"/>
  <c r="D1649" i="2" s="1"/>
  <c r="D1272" i="2" a="1"/>
  <c r="D1272" i="2" s="1"/>
  <c r="E7952" i="2" a="1"/>
  <c r="E7952" i="2" s="1"/>
  <c r="G5300" i="2" a="1"/>
  <c r="G5300" i="2" s="1"/>
  <c r="D1538" i="2" a="1"/>
  <c r="D1538" i="2" s="1"/>
  <c r="D1541" i="2" a="1"/>
  <c r="D1541" i="2" s="1"/>
  <c r="D1532" i="2" a="1"/>
  <c r="D1532" i="2" s="1"/>
  <c r="G5042" i="2" a="1"/>
  <c r="G5042" i="2" s="1"/>
  <c r="D384" i="2" a="1"/>
  <c r="D384" i="2" s="1"/>
  <c r="AP16" i="1"/>
  <c r="F22" i="5" s="1"/>
  <c r="D2967" i="2" a="1"/>
  <c r="D2967" i="2" s="1"/>
  <c r="I2967" i="2" s="1"/>
  <c r="I2941" i="5" s="1"/>
  <c r="AP124" i="1"/>
  <c r="F130" i="5" s="1"/>
  <c r="AP184" i="1"/>
  <c r="F190" i="5" s="1"/>
  <c r="H3478" i="2" a="1"/>
  <c r="H3478" i="2" s="1"/>
  <c r="D1526" i="2" a="1"/>
  <c r="D1526" i="2" s="1"/>
  <c r="D1544" i="2" a="1"/>
  <c r="D1544" i="2" s="1"/>
  <c r="G5034" i="2" a="1"/>
  <c r="G5034" i="2" s="1"/>
  <c r="E7557" i="2" a="1"/>
  <c r="E7557" i="2" s="1"/>
  <c r="E7554" i="2" a="1"/>
  <c r="E7554" i="2" s="1"/>
  <c r="E7558" i="2" a="1"/>
  <c r="E7558" i="2" s="1"/>
  <c r="E7566" i="2" a="1"/>
  <c r="E7566" i="2" s="1"/>
  <c r="E7548" i="2" a="1"/>
  <c r="E7548" i="2" s="1"/>
  <c r="E7565" i="2" a="1"/>
  <c r="E7565" i="2" s="1"/>
  <c r="G5310" i="2" a="1"/>
  <c r="G5310" i="2" s="1"/>
  <c r="G5299" i="2" a="1"/>
  <c r="G5299" i="2" s="1"/>
  <c r="G5294" i="2" a="1"/>
  <c r="G5294" i="2" s="1"/>
  <c r="G5296" i="2" a="1"/>
  <c r="G5296" i="2" s="1"/>
  <c r="G5306" i="2" a="1"/>
  <c r="G5306" i="2" s="1"/>
  <c r="G5307" i="2" a="1"/>
  <c r="G5307" i="2" s="1"/>
  <c r="G5303" i="2" a="1"/>
  <c r="G5303" i="2" s="1"/>
  <c r="G5298" i="2" a="1"/>
  <c r="G5298" i="2" s="1"/>
  <c r="E5685" i="2" a="1"/>
  <c r="E5685" i="2" s="1"/>
  <c r="E5682" i="2" a="1"/>
  <c r="E5682" i="2" s="1"/>
  <c r="E5676" i="2" a="1"/>
  <c r="E5676" i="2" s="1"/>
  <c r="E5692" i="2" a="1"/>
  <c r="E5692" i="2" s="1"/>
  <c r="E5690" i="2" a="1"/>
  <c r="E5690" i="2" s="1"/>
  <c r="E5688" i="2" a="1"/>
  <c r="E5688" i="2" s="1"/>
  <c r="E5689" i="2" a="1"/>
  <c r="E5689" i="2" s="1"/>
  <c r="E5684" i="2" a="1"/>
  <c r="E5684" i="2" s="1"/>
  <c r="E5869" i="2" a="1"/>
  <c r="E5869" i="2" s="1"/>
  <c r="E5881" i="2" a="1"/>
  <c r="E5881" i="2" s="1"/>
  <c r="E5880" i="2" a="1"/>
  <c r="E5880" i="2" s="1"/>
  <c r="E5886" i="2" a="1"/>
  <c r="E5886" i="2" s="1"/>
  <c r="E5871" i="2" a="1"/>
  <c r="E5871" i="2" s="1"/>
  <c r="E5884" i="2" a="1"/>
  <c r="E5884" i="2" s="1"/>
  <c r="E5876" i="2" a="1"/>
  <c r="E5876" i="2" s="1"/>
  <c r="E5883" i="2" a="1"/>
  <c r="E5883" i="2" s="1"/>
  <c r="D5887" i="2" a="1"/>
  <c r="D5887" i="2" s="1"/>
  <c r="D5869" i="2" a="1"/>
  <c r="D5869" i="2" s="1"/>
  <c r="D5882" i="2" a="1"/>
  <c r="D5882" i="2" s="1"/>
  <c r="D5871" i="2" a="1"/>
  <c r="D5871" i="2" s="1"/>
  <c r="D5877" i="2" a="1"/>
  <c r="D5877" i="2" s="1"/>
  <c r="D5880" i="2" a="1"/>
  <c r="D5880" i="2" s="1"/>
  <c r="D5888" i="2" a="1"/>
  <c r="D5888" i="2" s="1"/>
  <c r="H1281" i="2" a="1"/>
  <c r="H1281" i="2" s="1"/>
  <c r="H1273" i="2" a="1"/>
  <c r="H1273" i="2" s="1"/>
  <c r="H1272" i="2" a="1"/>
  <c r="H1272" i="2" s="1"/>
  <c r="H1277" i="2" a="1"/>
  <c r="H1277" i="2" s="1"/>
  <c r="H1267" i="2" a="1"/>
  <c r="H1267" i="2" s="1"/>
  <c r="H1264" i="2" a="1"/>
  <c r="H1264" i="2" s="1"/>
  <c r="H1262" i="2" a="1"/>
  <c r="H1262" i="2" s="1"/>
  <c r="H1263" i="2" a="1"/>
  <c r="H1263" i="2" s="1"/>
  <c r="AP272" i="1"/>
  <c r="F278" i="5" s="1"/>
  <c r="AQ272" i="1"/>
  <c r="G278" i="5" s="1"/>
  <c r="AN272" i="1"/>
  <c r="D278" i="5" s="1"/>
  <c r="F8737" i="2" a="1"/>
  <c r="F8737" i="2" s="1"/>
  <c r="F8729" i="2" a="1"/>
  <c r="F8729" i="2" s="1"/>
  <c r="F8724" i="2" a="1"/>
  <c r="F8724" i="2" s="1"/>
  <c r="F8740" i="2" a="1"/>
  <c r="F8740" i="2" s="1"/>
  <c r="F8738" i="2" a="1"/>
  <c r="F8738" i="2" s="1"/>
  <c r="F8743" i="2" a="1"/>
  <c r="F8743" i="2" s="1"/>
  <c r="F8739" i="2" a="1"/>
  <c r="F8739" i="2" s="1"/>
  <c r="F8736" i="2" a="1"/>
  <c r="F8736" i="2" s="1"/>
  <c r="G4922" i="2" a="1"/>
  <c r="G4922" i="2" s="1"/>
  <c r="G4911" i="2" a="1"/>
  <c r="G4911" i="2" s="1"/>
  <c r="G4925" i="2" a="1"/>
  <c r="G4925" i="2" s="1"/>
  <c r="J4925" i="2" s="1"/>
  <c r="J4899" i="5" s="1"/>
  <c r="N4899" i="5" s="1"/>
  <c r="G4926" i="2" a="1"/>
  <c r="G4926" i="2" s="1"/>
  <c r="G4912" i="2" a="1"/>
  <c r="G4912" i="2" s="1"/>
  <c r="G4921" i="2" a="1"/>
  <c r="G4921" i="2" s="1"/>
  <c r="G4909" i="2" a="1"/>
  <c r="G4909" i="2" s="1"/>
  <c r="G4923" i="2" a="1"/>
  <c r="G4923" i="2" s="1"/>
  <c r="D1663" i="2" a="1"/>
  <c r="D1663" i="2" s="1"/>
  <c r="D1657" i="2" a="1"/>
  <c r="D1657" i="2" s="1"/>
  <c r="D1644" i="2" a="1"/>
  <c r="D1644" i="2" s="1"/>
  <c r="D1652" i="2" a="1"/>
  <c r="D1652" i="2" s="1"/>
  <c r="AO69" i="1"/>
  <c r="E75" i="5" s="1"/>
  <c r="D1642" i="2" a="1"/>
  <c r="D1642" i="2" s="1"/>
  <c r="AM69" i="1"/>
  <c r="D1647" i="2" a="1"/>
  <c r="D1647" i="2" s="1"/>
  <c r="D1274" i="2" a="1"/>
  <c r="D1274" i="2" s="1"/>
  <c r="D1279" i="2" a="1"/>
  <c r="D1279" i="2" s="1"/>
  <c r="D1270" i="2" a="1"/>
  <c r="D1270" i="2" s="1"/>
  <c r="J1270" i="2" s="1"/>
  <c r="J1244" i="5" s="1"/>
  <c r="N1244" i="5" s="1"/>
  <c r="AO53" i="1"/>
  <c r="E59" i="5" s="1"/>
  <c r="D1263" i="2" a="1"/>
  <c r="D1263" i="2" s="1"/>
  <c r="D1281" i="2" a="1"/>
  <c r="D1281" i="2" s="1"/>
  <c r="D1280" i="2" a="1"/>
  <c r="D1280" i="2" s="1"/>
  <c r="F3453" i="2" a="1"/>
  <c r="F3453" i="2" s="1"/>
  <c r="F3464" i="2" a="1"/>
  <c r="F3464" i="2" s="1"/>
  <c r="F3454" i="2" a="1"/>
  <c r="F3454" i="2" s="1"/>
  <c r="F3444" i="2" a="1"/>
  <c r="F3444" i="2" s="1"/>
  <c r="F3442" i="2" a="1"/>
  <c r="F3442" i="2" s="1"/>
  <c r="F3443" i="2" a="1"/>
  <c r="F3443" i="2" s="1"/>
  <c r="F3451" i="2" a="1"/>
  <c r="F3451" i="2" s="1"/>
  <c r="F3449" i="2" a="1"/>
  <c r="F3449" i="2" s="1"/>
  <c r="H6333" i="2" a="1"/>
  <c r="H6333" i="2" s="1"/>
  <c r="H6327" i="2" a="1"/>
  <c r="H6327" i="2" s="1"/>
  <c r="H6324" i="2" a="1"/>
  <c r="H6324" i="2" s="1"/>
  <c r="H6331" i="2" a="1"/>
  <c r="H6331" i="2" s="1"/>
  <c r="H6334" i="2" a="1"/>
  <c r="H6334" i="2" s="1"/>
  <c r="H6345" i="2" a="1"/>
  <c r="H6345" i="2" s="1"/>
  <c r="H6337" i="2" a="1"/>
  <c r="H6337" i="2" s="1"/>
  <c r="H6340" i="2" a="1"/>
  <c r="H6340" i="2" s="1"/>
  <c r="H6341" i="2" a="1"/>
  <c r="H6341" i="2" s="1"/>
  <c r="E7934" i="2" a="1"/>
  <c r="E7934" i="2" s="1"/>
  <c r="E7945" i="2" a="1"/>
  <c r="E7945" i="2" s="1"/>
  <c r="E7949" i="2" a="1"/>
  <c r="E7949" i="2" s="1"/>
  <c r="E7930" i="2" a="1"/>
  <c r="E7930" i="2" s="1"/>
  <c r="E7947" i="2" a="1"/>
  <c r="E7947" i="2" s="1"/>
  <c r="E7932" i="2" a="1"/>
  <c r="E7932" i="2" s="1"/>
  <c r="E7939" i="2" a="1"/>
  <c r="E7939" i="2" s="1"/>
  <c r="H865" i="2" a="1"/>
  <c r="H865" i="2" s="1"/>
  <c r="H863" i="2" a="1"/>
  <c r="H863" i="2" s="1"/>
  <c r="H851" i="2" a="1"/>
  <c r="H851" i="2" s="1"/>
  <c r="H868" i="2" a="1"/>
  <c r="H868" i="2" s="1"/>
  <c r="H869" i="2" a="1"/>
  <c r="H869" i="2" s="1"/>
  <c r="H852" i="2" a="1"/>
  <c r="H852" i="2" s="1"/>
  <c r="D393" i="2" a="1"/>
  <c r="D393" i="2" s="1"/>
  <c r="D2973" i="2" a="1"/>
  <c r="D2973" i="2" s="1"/>
  <c r="E7564" i="2" a="1"/>
  <c r="E7564" i="2" s="1"/>
  <c r="F8723" i="2" a="1"/>
  <c r="F8723" i="2" s="1"/>
  <c r="AQ69" i="1"/>
  <c r="G75" i="5" s="1"/>
  <c r="H6326" i="2" a="1"/>
  <c r="H6326" i="2" s="1"/>
  <c r="D1277" i="2" a="1"/>
  <c r="D1277" i="2" s="1"/>
  <c r="E5680" i="2" a="1"/>
  <c r="E5680" i="2" s="1"/>
  <c r="H1276" i="2" a="1"/>
  <c r="H1276" i="2" s="1"/>
  <c r="E7950" i="2" a="1"/>
  <c r="E7950" i="2" s="1"/>
  <c r="F2413" i="2" a="1"/>
  <c r="F2413" i="2" s="1"/>
  <c r="G5654" i="2" a="1"/>
  <c r="G5654" i="2" s="1"/>
  <c r="F3460" i="2" a="1"/>
  <c r="F3460" i="2" s="1"/>
  <c r="G5304" i="2" a="1"/>
  <c r="G5304" i="2" s="1"/>
  <c r="H3477" i="2" a="1"/>
  <c r="H3477" i="2" s="1"/>
  <c r="G4917" i="2" a="1"/>
  <c r="G4917" i="2" s="1"/>
  <c r="E5888" i="2" a="1"/>
  <c r="E5888" i="2" s="1"/>
  <c r="D5883" i="2" a="1"/>
  <c r="D5883" i="2" s="1"/>
  <c r="D5881" i="2" a="1"/>
  <c r="D5881" i="2" s="1"/>
  <c r="E7549" i="2" a="1"/>
  <c r="E7549" i="2" s="1"/>
  <c r="D1273" i="2" a="1"/>
  <c r="D1273" i="2" s="1"/>
  <c r="E7946" i="2" a="1"/>
  <c r="E7946" i="2" s="1"/>
  <c r="L7946" i="2" s="1"/>
  <c r="L7920" i="5" s="1"/>
  <c r="F2432" i="2" a="1"/>
  <c r="F2432" i="2" s="1"/>
  <c r="G5653" i="2" a="1"/>
  <c r="G5653" i="2" s="1"/>
  <c r="M5653" i="2" s="1"/>
  <c r="M5627" i="5" s="1"/>
  <c r="F3455" i="2" a="1"/>
  <c r="F3455" i="2" s="1"/>
  <c r="G5293" i="2" a="1"/>
  <c r="G5293" i="2" s="1"/>
  <c r="D1527" i="2" a="1"/>
  <c r="D1527" i="2" s="1"/>
  <c r="D1522" i="2" a="1"/>
  <c r="D1522" i="2" s="1"/>
  <c r="E7150" i="2" a="1"/>
  <c r="E7150" i="2" s="1"/>
  <c r="E7153" i="2" a="1"/>
  <c r="E7153" i="2" s="1"/>
  <c r="E7154" i="2" a="1"/>
  <c r="E7154" i="2" s="1"/>
  <c r="E7155" i="2" a="1"/>
  <c r="E7155" i="2" s="1"/>
  <c r="E7141" i="2" a="1"/>
  <c r="E7141" i="2" s="1"/>
  <c r="E7157" i="2" a="1"/>
  <c r="E7157" i="2" s="1"/>
  <c r="D2976" i="2" a="1"/>
  <c r="D2976" i="2" s="1"/>
  <c r="E7555" i="2" a="1"/>
  <c r="E7555" i="2" s="1"/>
  <c r="F8727" i="2" a="1"/>
  <c r="F8727" i="2" s="1"/>
  <c r="D1662" i="2" a="1"/>
  <c r="D1662" i="2" s="1"/>
  <c r="AN69" i="1"/>
  <c r="D75" i="5" s="1"/>
  <c r="H6329" i="2" a="1"/>
  <c r="H6329" i="2" s="1"/>
  <c r="D1261" i="2" a="1"/>
  <c r="D1261" i="2" s="1"/>
  <c r="E5695" i="2" a="1"/>
  <c r="E5695" i="2" s="1"/>
  <c r="E7938" i="2" a="1"/>
  <c r="E7938" i="2" s="1"/>
  <c r="F2425" i="2" a="1"/>
  <c r="F2425" i="2" s="1"/>
  <c r="G5671" i="2" a="1"/>
  <c r="G5671" i="2" s="1"/>
  <c r="F3459" i="2" a="1"/>
  <c r="F3459" i="2" s="1"/>
  <c r="G5297" i="2" a="1"/>
  <c r="G5297" i="2" s="1"/>
  <c r="H3485" i="2" a="1"/>
  <c r="H3485" i="2" s="1"/>
  <c r="G4914" i="2" a="1"/>
  <c r="G4914" i="2" s="1"/>
  <c r="E5867" i="2" a="1"/>
  <c r="E5867" i="2" s="1"/>
  <c r="D5866" i="2" a="1"/>
  <c r="D5866" i="2" s="1"/>
  <c r="D5889" i="2" a="1"/>
  <c r="D5889" i="2" s="1"/>
  <c r="E7561" i="2" a="1"/>
  <c r="E7561" i="2" s="1"/>
  <c r="AM53" i="1"/>
  <c r="F2418" i="2" a="1"/>
  <c r="F2418" i="2" s="1"/>
  <c r="G5656" i="2" a="1"/>
  <c r="G5656" i="2" s="1"/>
  <c r="F3463" i="2" a="1"/>
  <c r="F3463" i="2" s="1"/>
  <c r="G5295" i="2" a="1"/>
  <c r="G5295" i="2" s="1"/>
  <c r="D1533" i="2" a="1"/>
  <c r="D1533" i="2" s="1"/>
  <c r="E7559" i="2" a="1"/>
  <c r="E7559" i="2" s="1"/>
  <c r="D1654" i="2" a="1"/>
  <c r="D1654" i="2" s="1"/>
  <c r="AP53" i="1"/>
  <c r="F59" i="5" s="1"/>
  <c r="E5681" i="2" a="1"/>
  <c r="E5681" i="2" s="1"/>
  <c r="F2423" i="2" a="1"/>
  <c r="F2423" i="2" s="1"/>
  <c r="G5650" i="2" a="1"/>
  <c r="G5650" i="2" s="1"/>
  <c r="F3452" i="2" a="1"/>
  <c r="F3452" i="2" s="1"/>
  <c r="G5291" i="2" a="1"/>
  <c r="G5291" i="2" s="1"/>
  <c r="J5291" i="2" s="1"/>
  <c r="J5265" i="5" s="1"/>
  <c r="N5265" i="5" s="1"/>
  <c r="H3482" i="2" a="1"/>
  <c r="H3482" i="2" s="1"/>
  <c r="G4928" i="2" a="1"/>
  <c r="G4928" i="2" s="1"/>
  <c r="D1524" i="2" a="1"/>
  <c r="D1524" i="2" s="1"/>
  <c r="AY15" i="1"/>
  <c r="AX14" i="1"/>
  <c r="AW14" i="1" s="1"/>
  <c r="AV14" i="1" s="1"/>
  <c r="G1355" i="2" a="1"/>
  <c r="G1355" i="2" s="1"/>
  <c r="G1365" i="2" a="1"/>
  <c r="G1365" i="2" s="1"/>
  <c r="G1373" i="2" a="1"/>
  <c r="G1373" i="2" s="1"/>
  <c r="G6874" i="2" a="1"/>
  <c r="G6874" i="2" s="1"/>
  <c r="G6893" i="2" a="1"/>
  <c r="G6893" i="2" s="1"/>
  <c r="G1376" i="2" a="1"/>
  <c r="G1376" i="2" s="1"/>
  <c r="G1368" i="2" a="1"/>
  <c r="G1368" i="2" s="1"/>
  <c r="G5377" i="2" a="1"/>
  <c r="G5377" i="2" s="1"/>
  <c r="G5371" i="2" a="1"/>
  <c r="G5371" i="2" s="1"/>
  <c r="G5372" i="2" a="1"/>
  <c r="G5372" i="2" s="1"/>
  <c r="G5368" i="2" a="1"/>
  <c r="G5368" i="2" s="1"/>
  <c r="G5378" i="2" a="1"/>
  <c r="G5378" i="2" s="1"/>
  <c r="G5364" i="2" a="1"/>
  <c r="G5364" i="2" s="1"/>
  <c r="G5373" i="2" a="1"/>
  <c r="G5373" i="2" s="1"/>
  <c r="G5362" i="2" a="1"/>
  <c r="G5362" i="2" s="1"/>
  <c r="G5375" i="2" a="1"/>
  <c r="G5375" i="2" s="1"/>
  <c r="G5382" i="2" a="1"/>
  <c r="G5382" i="2" s="1"/>
  <c r="G5384" i="2" a="1"/>
  <c r="G5384" i="2" s="1"/>
  <c r="G5385" i="2" a="1"/>
  <c r="G5385" i="2" s="1"/>
  <c r="G5363" i="2" a="1"/>
  <c r="G5363" i="2" s="1"/>
  <c r="G5366" i="2" a="1"/>
  <c r="G5366" i="2" s="1"/>
  <c r="G5379" i="2" a="1"/>
  <c r="G5379" i="2" s="1"/>
  <c r="G5380" i="2" a="1"/>
  <c r="G5380" i="2" s="1"/>
  <c r="G5370" i="2" a="1"/>
  <c r="G5370" i="2" s="1"/>
  <c r="G5376" i="2" a="1"/>
  <c r="G5376" i="2" s="1"/>
  <c r="G5381" i="2" a="1"/>
  <c r="G5381" i="2" s="1"/>
  <c r="G5374" i="2" a="1"/>
  <c r="G5374" i="2" s="1"/>
  <c r="G5383" i="2" a="1"/>
  <c r="G5383" i="2" s="1"/>
  <c r="G5367" i="2" a="1"/>
  <c r="G5367" i="2" s="1"/>
  <c r="G5365" i="2" a="1"/>
  <c r="G5365" i="2" s="1"/>
  <c r="G5369" i="2" a="1"/>
  <c r="G5369" i="2" s="1"/>
  <c r="G1356" i="2" a="1"/>
  <c r="G1356" i="2" s="1"/>
  <c r="G3042" i="2" a="1"/>
  <c r="G3042" i="2" s="1"/>
  <c r="G3044" i="2" a="1"/>
  <c r="G3044" i="2" s="1"/>
  <c r="G3056" i="2" a="1"/>
  <c r="G3056" i="2" s="1"/>
  <c r="G3038" i="2" a="1"/>
  <c r="G3038" i="2" s="1"/>
  <c r="G3045" i="2" a="1"/>
  <c r="G3045" i="2" s="1"/>
  <c r="G3053" i="2" a="1"/>
  <c r="G3053" i="2" s="1"/>
  <c r="G3041" i="2" a="1"/>
  <c r="G3041" i="2" s="1"/>
  <c r="G3048" i="2" a="1"/>
  <c r="G3048" i="2" s="1"/>
  <c r="G3034" i="2" a="1"/>
  <c r="G3034" i="2" s="1"/>
  <c r="G3057" i="2" a="1"/>
  <c r="G3057" i="2" s="1"/>
  <c r="G3050" i="2" a="1"/>
  <c r="G3050" i="2" s="1"/>
  <c r="G3047" i="2" a="1"/>
  <c r="G3047" i="2" s="1"/>
  <c r="G3036" i="2" a="1"/>
  <c r="G3036" i="2" s="1"/>
  <c r="G3052" i="2" a="1"/>
  <c r="G3052" i="2" s="1"/>
  <c r="G3049" i="2" a="1"/>
  <c r="G3049" i="2" s="1"/>
  <c r="G3055" i="2" a="1"/>
  <c r="G3055" i="2" s="1"/>
  <c r="G3043" i="2" a="1"/>
  <c r="G3043" i="2" s="1"/>
  <c r="G3051" i="2" a="1"/>
  <c r="G3051" i="2" s="1"/>
  <c r="G3035" i="2" a="1"/>
  <c r="G3035" i="2" s="1"/>
  <c r="G3040" i="2" a="1"/>
  <c r="G3040" i="2" s="1"/>
  <c r="G3046" i="2" a="1"/>
  <c r="G3046" i="2" s="1"/>
  <c r="G3037" i="2" a="1"/>
  <c r="G3037" i="2" s="1"/>
  <c r="G3039" i="2" a="1"/>
  <c r="G3039" i="2" s="1"/>
  <c r="G3054" i="2" a="1"/>
  <c r="G3054" i="2" s="1"/>
  <c r="L6471" i="2"/>
  <c r="L6445" i="5" s="1"/>
  <c r="J6471" i="2"/>
  <c r="J6445" i="5" s="1"/>
  <c r="N6445" i="5" s="1"/>
  <c r="M6471" i="2"/>
  <c r="M6445" i="5" s="1"/>
  <c r="I6471" i="2"/>
  <c r="I6445" i="5" s="1"/>
  <c r="K6471" i="2"/>
  <c r="K6445" i="5" s="1"/>
  <c r="O6445" i="5" s="1"/>
  <c r="J7666" i="2"/>
  <c r="J7640" i="5" s="1"/>
  <c r="N7640" i="5" s="1"/>
  <c r="L7666" i="2"/>
  <c r="L7640" i="5" s="1"/>
  <c r="M7666" i="2"/>
  <c r="M7640" i="5" s="1"/>
  <c r="I7666" i="2"/>
  <c r="I7640" i="5" s="1"/>
  <c r="K7666" i="2"/>
  <c r="K7640" i="5" s="1"/>
  <c r="O7640" i="5" s="1"/>
  <c r="K3798" i="2"/>
  <c r="K3772" i="5" s="1"/>
  <c r="O3772" i="5" s="1"/>
  <c r="I3798" i="2"/>
  <c r="I3772" i="5" s="1"/>
  <c r="J3798" i="2"/>
  <c r="J3772" i="5" s="1"/>
  <c r="N3772" i="5" s="1"/>
  <c r="M3798" i="2"/>
  <c r="M3772" i="5" s="1"/>
  <c r="L3798" i="2"/>
  <c r="L3772" i="5" s="1"/>
  <c r="K7130" i="2"/>
  <c r="K7104" i="5" s="1"/>
  <c r="O7104" i="5" s="1"/>
  <c r="L7130" i="2"/>
  <c r="L7104" i="5" s="1"/>
  <c r="I7130" i="2"/>
  <c r="I7104" i="5" s="1"/>
  <c r="J7130" i="2"/>
  <c r="J7104" i="5" s="1"/>
  <c r="N7104" i="5" s="1"/>
  <c r="M7130" i="2"/>
  <c r="M7104" i="5" s="1"/>
  <c r="J8267" i="2"/>
  <c r="J8241" i="5" s="1"/>
  <c r="N8241" i="5" s="1"/>
  <c r="L8267" i="2"/>
  <c r="L8241" i="5" s="1"/>
  <c r="M8267" i="2"/>
  <c r="M8241" i="5" s="1"/>
  <c r="I8267" i="2"/>
  <c r="I8241" i="5" s="1"/>
  <c r="K8267" i="2"/>
  <c r="K8241" i="5" s="1"/>
  <c r="O8241" i="5" s="1"/>
  <c r="M8503" i="2"/>
  <c r="M8477" i="5" s="1"/>
  <c r="L8503" i="2"/>
  <c r="L8477" i="5" s="1"/>
  <c r="K8503" i="2"/>
  <c r="K8477" i="5" s="1"/>
  <c r="O8477" i="5" s="1"/>
  <c r="J8503" i="2"/>
  <c r="J8477" i="5" s="1"/>
  <c r="N8477" i="5" s="1"/>
  <c r="I8503" i="2"/>
  <c r="I8477" i="5" s="1"/>
  <c r="J2768" i="2"/>
  <c r="J2742" i="5" s="1"/>
  <c r="N2742" i="5" s="1"/>
  <c r="M2768" i="2"/>
  <c r="M2742" i="5" s="1"/>
  <c r="I2768" i="2"/>
  <c r="I2742" i="5" s="1"/>
  <c r="K2768" i="2"/>
  <c r="K2742" i="5" s="1"/>
  <c r="O2742" i="5" s="1"/>
  <c r="L2768" i="2"/>
  <c r="L2742" i="5" s="1"/>
  <c r="I1752" i="2"/>
  <c r="I1726" i="5" s="1"/>
  <c r="K1752" i="2"/>
  <c r="K1726" i="5" s="1"/>
  <c r="O1726" i="5" s="1"/>
  <c r="J1752" i="2"/>
  <c r="J1726" i="5" s="1"/>
  <c r="N1726" i="5" s="1"/>
  <c r="L1752" i="2"/>
  <c r="L1726" i="5" s="1"/>
  <c r="M1752" i="2"/>
  <c r="M1726" i="5" s="1"/>
  <c r="L6162" i="2"/>
  <c r="L6136" i="5" s="1"/>
  <c r="M6162" i="2"/>
  <c r="M6136" i="5" s="1"/>
  <c r="I6162" i="2"/>
  <c r="I6136" i="5" s="1"/>
  <c r="K6162" i="2"/>
  <c r="K6136" i="5" s="1"/>
  <c r="O6136" i="5" s="1"/>
  <c r="J6162" i="2"/>
  <c r="J6136" i="5" s="1"/>
  <c r="N6136" i="5" s="1"/>
  <c r="J2336" i="2"/>
  <c r="J2310" i="5" s="1"/>
  <c r="N2310" i="5" s="1"/>
  <c r="M2336" i="2"/>
  <c r="M2310" i="5" s="1"/>
  <c r="I2336" i="2"/>
  <c r="I2310" i="5" s="1"/>
  <c r="L2336" i="2"/>
  <c r="L2310" i="5" s="1"/>
  <c r="K2336" i="2"/>
  <c r="K2310" i="5" s="1"/>
  <c r="O2310" i="5" s="1"/>
  <c r="K7180" i="2"/>
  <c r="K7154" i="5" s="1"/>
  <c r="O7154" i="5" s="1"/>
  <c r="J7180" i="2"/>
  <c r="J7154" i="5" s="1"/>
  <c r="N7154" i="5" s="1"/>
  <c r="M7180" i="2"/>
  <c r="M7154" i="5" s="1"/>
  <c r="I7180" i="2"/>
  <c r="I7154" i="5" s="1"/>
  <c r="L7180" i="2"/>
  <c r="L7154" i="5" s="1"/>
  <c r="J724" i="2"/>
  <c r="J698" i="5" s="1"/>
  <c r="N698" i="5" s="1"/>
  <c r="M724" i="2"/>
  <c r="M698" i="5" s="1"/>
  <c r="L724" i="2"/>
  <c r="L698" i="5" s="1"/>
  <c r="I724" i="2"/>
  <c r="I698" i="5" s="1"/>
  <c r="K724" i="2"/>
  <c r="K698" i="5" s="1"/>
  <c r="O698" i="5" s="1"/>
  <c r="J7615" i="2"/>
  <c r="J7589" i="5" s="1"/>
  <c r="N7589" i="5" s="1"/>
  <c r="M7615" i="2"/>
  <c r="M7589" i="5" s="1"/>
  <c r="I7615" i="2"/>
  <c r="I7589" i="5" s="1"/>
  <c r="K7615" i="2"/>
  <c r="K7589" i="5" s="1"/>
  <c r="O7589" i="5" s="1"/>
  <c r="L7615" i="2"/>
  <c r="L7589" i="5" s="1"/>
  <c r="K5618" i="2"/>
  <c r="K5592" i="5" s="1"/>
  <c r="O5592" i="5" s="1"/>
  <c r="J5618" i="2"/>
  <c r="J5592" i="5" s="1"/>
  <c r="N5592" i="5" s="1"/>
  <c r="M5618" i="2"/>
  <c r="M5592" i="5" s="1"/>
  <c r="L5618" i="2"/>
  <c r="L5592" i="5" s="1"/>
  <c r="I5618" i="2"/>
  <c r="I5592" i="5" s="1"/>
  <c r="L8181" i="2"/>
  <c r="L8155" i="5" s="1"/>
  <c r="M8181" i="2"/>
  <c r="M8155" i="5" s="1"/>
  <c r="J8181" i="2"/>
  <c r="J8155" i="5" s="1"/>
  <c r="N8155" i="5" s="1"/>
  <c r="I8181" i="2"/>
  <c r="I8155" i="5" s="1"/>
  <c r="K8181" i="2"/>
  <c r="K8155" i="5" s="1"/>
  <c r="O8155" i="5" s="1"/>
  <c r="I1155" i="2"/>
  <c r="I1129" i="5" s="1"/>
  <c r="K1155" i="2"/>
  <c r="K1129" i="5" s="1"/>
  <c r="O1129" i="5" s="1"/>
  <c r="J1155" i="2"/>
  <c r="J1129" i="5" s="1"/>
  <c r="N1129" i="5" s="1"/>
  <c r="L1155" i="2"/>
  <c r="L1129" i="5" s="1"/>
  <c r="M1155" i="2"/>
  <c r="M1129" i="5" s="1"/>
  <c r="M2467" i="2"/>
  <c r="M2441" i="5" s="1"/>
  <c r="I2467" i="2"/>
  <c r="I2441" i="5" s="1"/>
  <c r="L2467" i="2"/>
  <c r="L2441" i="5" s="1"/>
  <c r="K2467" i="2"/>
  <c r="K2441" i="5" s="1"/>
  <c r="O2441" i="5" s="1"/>
  <c r="J2467" i="2"/>
  <c r="J2441" i="5" s="1"/>
  <c r="N2441" i="5" s="1"/>
  <c r="L2463" i="2"/>
  <c r="L2437" i="5" s="1"/>
  <c r="J2463" i="2"/>
  <c r="J2437" i="5" s="1"/>
  <c r="N2437" i="5" s="1"/>
  <c r="M2463" i="2"/>
  <c r="M2437" i="5" s="1"/>
  <c r="I2463" i="2"/>
  <c r="I2437" i="5" s="1"/>
  <c r="K2463" i="2"/>
  <c r="K2437" i="5" s="1"/>
  <c r="O2437" i="5" s="1"/>
  <c r="M927" i="2"/>
  <c r="M901" i="5" s="1"/>
  <c r="J927" i="2"/>
  <c r="J901" i="5" s="1"/>
  <c r="N901" i="5" s="1"/>
  <c r="L927" i="2"/>
  <c r="L901" i="5" s="1"/>
  <c r="I927" i="2"/>
  <c r="I901" i="5" s="1"/>
  <c r="K927" i="2"/>
  <c r="K901" i="5" s="1"/>
  <c r="O901" i="5" s="1"/>
  <c r="M779" i="2"/>
  <c r="M753" i="5" s="1"/>
  <c r="L779" i="2"/>
  <c r="L753" i="5" s="1"/>
  <c r="I779" i="2"/>
  <c r="I753" i="5" s="1"/>
  <c r="J779" i="2"/>
  <c r="J753" i="5" s="1"/>
  <c r="N753" i="5" s="1"/>
  <c r="K779" i="2"/>
  <c r="K753" i="5" s="1"/>
  <c r="O753" i="5" s="1"/>
  <c r="M588" i="2"/>
  <c r="M562" i="5" s="1"/>
  <c r="L588" i="2"/>
  <c r="L562" i="5" s="1"/>
  <c r="I588" i="2"/>
  <c r="I562" i="5" s="1"/>
  <c r="K588" i="2"/>
  <c r="K562" i="5" s="1"/>
  <c r="O562" i="5" s="1"/>
  <c r="J588" i="2"/>
  <c r="J562" i="5" s="1"/>
  <c r="N562" i="5" s="1"/>
  <c r="C31" i="5"/>
  <c r="AR25" i="1"/>
  <c r="I7342" i="2"/>
  <c r="I7316" i="5" s="1"/>
  <c r="K7342" i="2"/>
  <c r="K7316" i="5" s="1"/>
  <c r="O7316" i="5" s="1"/>
  <c r="L7342" i="2"/>
  <c r="L7316" i="5" s="1"/>
  <c r="J7342" i="2"/>
  <c r="J7316" i="5" s="1"/>
  <c r="N7316" i="5" s="1"/>
  <c r="M7342" i="2"/>
  <c r="M7316" i="5" s="1"/>
  <c r="K2833" i="2"/>
  <c r="K2807" i="5" s="1"/>
  <c r="O2807" i="5" s="1"/>
  <c r="M2833" i="2"/>
  <c r="M2807" i="5" s="1"/>
  <c r="I4969" i="2"/>
  <c r="I4943" i="5" s="1"/>
  <c r="K4969" i="2"/>
  <c r="K4943" i="5" s="1"/>
  <c r="O4943" i="5" s="1"/>
  <c r="M4969" i="2"/>
  <c r="M4943" i="5" s="1"/>
  <c r="L4969" i="2"/>
  <c r="L4943" i="5" s="1"/>
  <c r="J4969" i="2"/>
  <c r="J4943" i="5" s="1"/>
  <c r="N4943" i="5" s="1"/>
  <c r="J4963" i="2"/>
  <c r="J4937" i="5" s="1"/>
  <c r="N4937" i="5" s="1"/>
  <c r="M4963" i="2"/>
  <c r="M4937" i="5" s="1"/>
  <c r="L4963" i="2"/>
  <c r="L4937" i="5" s="1"/>
  <c r="I4963" i="2"/>
  <c r="I4937" i="5" s="1"/>
  <c r="K4963" i="2"/>
  <c r="K4937" i="5" s="1"/>
  <c r="O4937" i="5" s="1"/>
  <c r="I1427" i="2"/>
  <c r="I1401" i="5" s="1"/>
  <c r="K1427" i="2"/>
  <c r="K1401" i="5" s="1"/>
  <c r="O1401" i="5" s="1"/>
  <c r="L1427" i="2"/>
  <c r="L1401" i="5" s="1"/>
  <c r="J1427" i="2"/>
  <c r="J1401" i="5" s="1"/>
  <c r="N1401" i="5" s="1"/>
  <c r="M1427" i="2"/>
  <c r="M1401" i="5" s="1"/>
  <c r="I1765" i="2"/>
  <c r="I1739" i="5" s="1"/>
  <c r="K1765" i="2"/>
  <c r="K1739" i="5" s="1"/>
  <c r="O1739" i="5" s="1"/>
  <c r="L1765" i="2"/>
  <c r="L1739" i="5" s="1"/>
  <c r="M1765" i="2"/>
  <c r="M1739" i="5" s="1"/>
  <c r="J1765" i="2"/>
  <c r="J1739" i="5" s="1"/>
  <c r="N1739" i="5" s="1"/>
  <c r="K8127" i="2"/>
  <c r="K8101" i="5" s="1"/>
  <c r="O8101" i="5" s="1"/>
  <c r="J8127" i="2"/>
  <c r="J8101" i="5" s="1"/>
  <c r="N8101" i="5" s="1"/>
  <c r="L8127" i="2"/>
  <c r="L8101" i="5" s="1"/>
  <c r="I8127" i="2"/>
  <c r="I8101" i="5" s="1"/>
  <c r="L296" i="2"/>
  <c r="L270" i="5" s="1"/>
  <c r="K296" i="2"/>
  <c r="K270" i="5" s="1"/>
  <c r="O270" i="5" s="1"/>
  <c r="J296" i="2"/>
  <c r="J270" i="5" s="1"/>
  <c r="N270" i="5" s="1"/>
  <c r="I296" i="2"/>
  <c r="I270" i="5" s="1"/>
  <c r="M296" i="2"/>
  <c r="M270" i="5" s="1"/>
  <c r="I2567" i="2"/>
  <c r="I2541" i="5" s="1"/>
  <c r="L2567" i="2"/>
  <c r="L2541" i="5" s="1"/>
  <c r="K2567" i="2"/>
  <c r="K2541" i="5" s="1"/>
  <c r="O2541" i="5" s="1"/>
  <c r="J2567" i="2"/>
  <c r="J2541" i="5" s="1"/>
  <c r="N2541" i="5" s="1"/>
  <c r="M2567" i="2"/>
  <c r="M2541" i="5" s="1"/>
  <c r="J3248" i="2"/>
  <c r="J3222" i="5" s="1"/>
  <c r="N3222" i="5" s="1"/>
  <c r="M3248" i="2"/>
  <c r="M3222" i="5" s="1"/>
  <c r="L3248" i="2"/>
  <c r="L3222" i="5" s="1"/>
  <c r="I3248" i="2"/>
  <c r="I3222" i="5" s="1"/>
  <c r="K3248" i="2"/>
  <c r="K3222" i="5" s="1"/>
  <c r="O3222" i="5" s="1"/>
  <c r="J3242" i="2"/>
  <c r="J3216" i="5" s="1"/>
  <c r="N3216" i="5" s="1"/>
  <c r="M3242" i="2"/>
  <c r="M3216" i="5" s="1"/>
  <c r="L3242" i="2"/>
  <c r="L3216" i="5" s="1"/>
  <c r="I3242" i="2"/>
  <c r="I3216" i="5" s="1"/>
  <c r="K3242" i="2"/>
  <c r="K3216" i="5" s="1"/>
  <c r="O3216" i="5" s="1"/>
  <c r="L3734" i="2"/>
  <c r="L3708" i="5" s="1"/>
  <c r="J3734" i="2"/>
  <c r="J3708" i="5" s="1"/>
  <c r="N3708" i="5" s="1"/>
  <c r="M3734" i="2"/>
  <c r="M3708" i="5" s="1"/>
  <c r="I3734" i="2"/>
  <c r="I3708" i="5" s="1"/>
  <c r="K3734" i="2"/>
  <c r="K3708" i="5" s="1"/>
  <c r="O3708" i="5" s="1"/>
  <c r="K2082" i="2"/>
  <c r="K2056" i="5" s="1"/>
  <c r="O2056" i="5" s="1"/>
  <c r="L2082" i="2"/>
  <c r="L2056" i="5" s="1"/>
  <c r="J2082" i="2"/>
  <c r="J2056" i="5" s="1"/>
  <c r="N2056" i="5" s="1"/>
  <c r="M2082" i="2"/>
  <c r="M2056" i="5" s="1"/>
  <c r="I2082" i="2"/>
  <c r="I2056" i="5" s="1"/>
  <c r="L2935" i="2"/>
  <c r="L2909" i="5" s="1"/>
  <c r="J2935" i="2"/>
  <c r="J2909" i="5" s="1"/>
  <c r="N2909" i="5" s="1"/>
  <c r="M2935" i="2"/>
  <c r="M2909" i="5" s="1"/>
  <c r="I2935" i="2"/>
  <c r="I2909" i="5" s="1"/>
  <c r="K2935" i="2"/>
  <c r="K2909" i="5" s="1"/>
  <c r="O2909" i="5" s="1"/>
  <c r="L2930" i="2"/>
  <c r="L2904" i="5" s="1"/>
  <c r="J2930" i="2"/>
  <c r="J2904" i="5" s="1"/>
  <c r="N2904" i="5" s="1"/>
  <c r="K2930" i="2"/>
  <c r="K2904" i="5" s="1"/>
  <c r="O2904" i="5" s="1"/>
  <c r="I2930" i="2"/>
  <c r="I2904" i="5" s="1"/>
  <c r="M2930" i="2"/>
  <c r="M2904" i="5" s="1"/>
  <c r="K7374" i="2"/>
  <c r="K7348" i="5" s="1"/>
  <c r="O7348" i="5" s="1"/>
  <c r="J7374" i="2"/>
  <c r="J7348" i="5" s="1"/>
  <c r="N7348" i="5" s="1"/>
  <c r="L7374" i="2"/>
  <c r="L7348" i="5" s="1"/>
  <c r="M7374" i="2"/>
  <c r="M7348" i="5" s="1"/>
  <c r="I7374" i="2"/>
  <c r="I7348" i="5" s="1"/>
  <c r="I4238" i="2"/>
  <c r="I4212" i="5" s="1"/>
  <c r="K4238" i="2"/>
  <c r="K4212" i="5" s="1"/>
  <c r="O4212" i="5" s="1"/>
  <c r="M4238" i="2"/>
  <c r="M4212" i="5" s="1"/>
  <c r="J4238" i="2"/>
  <c r="J4212" i="5" s="1"/>
  <c r="N4212" i="5" s="1"/>
  <c r="L4238" i="2"/>
  <c r="L4212" i="5" s="1"/>
  <c r="J2802" i="2"/>
  <c r="J2776" i="5" s="1"/>
  <c r="N2776" i="5" s="1"/>
  <c r="M2802" i="2"/>
  <c r="M2776" i="5" s="1"/>
  <c r="I2802" i="2"/>
  <c r="I2776" i="5" s="1"/>
  <c r="L2802" i="2"/>
  <c r="L2776" i="5" s="1"/>
  <c r="K2802" i="2"/>
  <c r="K2776" i="5" s="1"/>
  <c r="O2776" i="5" s="1"/>
  <c r="K5937" i="2"/>
  <c r="K5911" i="5" s="1"/>
  <c r="O5911" i="5" s="1"/>
  <c r="J5937" i="2"/>
  <c r="J5911" i="5" s="1"/>
  <c r="N5911" i="5" s="1"/>
  <c r="M5937" i="2"/>
  <c r="M5911" i="5" s="1"/>
  <c r="L5937" i="2"/>
  <c r="L5911" i="5" s="1"/>
  <c r="I5937" i="2"/>
  <c r="I5911" i="5" s="1"/>
  <c r="L6763" i="2"/>
  <c r="L6737" i="5" s="1"/>
  <c r="M6763" i="2"/>
  <c r="M6737" i="5" s="1"/>
  <c r="I6763" i="2"/>
  <c r="I6737" i="5" s="1"/>
  <c r="K6763" i="2"/>
  <c r="K6737" i="5" s="1"/>
  <c r="O6737" i="5" s="1"/>
  <c r="J6763" i="2"/>
  <c r="J6737" i="5" s="1"/>
  <c r="N6737" i="5" s="1"/>
  <c r="C288" i="5"/>
  <c r="I2219" i="2"/>
  <c r="I2193" i="5" s="1"/>
  <c r="L2219" i="2"/>
  <c r="L2193" i="5" s="1"/>
  <c r="K2219" i="2"/>
  <c r="K2193" i="5" s="1"/>
  <c r="O2193" i="5" s="1"/>
  <c r="J2219" i="2"/>
  <c r="J2193" i="5" s="1"/>
  <c r="N2193" i="5" s="1"/>
  <c r="M2219" i="2"/>
  <c r="M2193" i="5" s="1"/>
  <c r="K1787" i="2"/>
  <c r="K1761" i="5" s="1"/>
  <c r="O1761" i="5" s="1"/>
  <c r="L1787" i="2"/>
  <c r="L1761" i="5" s="1"/>
  <c r="M1787" i="2"/>
  <c r="M1761" i="5" s="1"/>
  <c r="I1787" i="2"/>
  <c r="I1761" i="5" s="1"/>
  <c r="J1787" i="2"/>
  <c r="J1761" i="5" s="1"/>
  <c r="N1761" i="5" s="1"/>
  <c r="L1795" i="2"/>
  <c r="L1769" i="5" s="1"/>
  <c r="J1795" i="2"/>
  <c r="J1769" i="5" s="1"/>
  <c r="N1769" i="5" s="1"/>
  <c r="M1795" i="2"/>
  <c r="M1769" i="5" s="1"/>
  <c r="K1795" i="2"/>
  <c r="K1769" i="5" s="1"/>
  <c r="O1769" i="5" s="1"/>
  <c r="I1795" i="2"/>
  <c r="I1769" i="5" s="1"/>
  <c r="L1828" i="2"/>
  <c r="L1802" i="5" s="1"/>
  <c r="I1828" i="2"/>
  <c r="I1802" i="5" s="1"/>
  <c r="K1828" i="2"/>
  <c r="K1802" i="5" s="1"/>
  <c r="O1802" i="5" s="1"/>
  <c r="M1828" i="2"/>
  <c r="M1802" i="5" s="1"/>
  <c r="J1828" i="2"/>
  <c r="J1802" i="5" s="1"/>
  <c r="N1802" i="5" s="1"/>
  <c r="L4650" i="2"/>
  <c r="L4624" i="5" s="1"/>
  <c r="K4650" i="2"/>
  <c r="K4624" i="5" s="1"/>
  <c r="O4624" i="5" s="1"/>
  <c r="J4650" i="2"/>
  <c r="J4624" i="5" s="1"/>
  <c r="N4624" i="5" s="1"/>
  <c r="M4650" i="2"/>
  <c r="M4624" i="5" s="1"/>
  <c r="I4650" i="2"/>
  <c r="I4624" i="5" s="1"/>
  <c r="I2940" i="2"/>
  <c r="I2914" i="5" s="1"/>
  <c r="J2940" i="2"/>
  <c r="J2914" i="5" s="1"/>
  <c r="N2914" i="5" s="1"/>
  <c r="K2940" i="2"/>
  <c r="K2914" i="5" s="1"/>
  <c r="O2914" i="5" s="1"/>
  <c r="L2940" i="2"/>
  <c r="L2914" i="5" s="1"/>
  <c r="M7820" i="2"/>
  <c r="M7794" i="5" s="1"/>
  <c r="K7820" i="2"/>
  <c r="K7794" i="5" s="1"/>
  <c r="O7794" i="5" s="1"/>
  <c r="L7820" i="2"/>
  <c r="L7794" i="5" s="1"/>
  <c r="I7820" i="2"/>
  <c r="I7794" i="5" s="1"/>
  <c r="J7820" i="2"/>
  <c r="J7794" i="5" s="1"/>
  <c r="N7794" i="5" s="1"/>
  <c r="I992" i="2"/>
  <c r="I966" i="5" s="1"/>
  <c r="J992" i="2"/>
  <c r="J966" i="5" s="1"/>
  <c r="N966" i="5" s="1"/>
  <c r="M992" i="2"/>
  <c r="M966" i="5" s="1"/>
  <c r="K992" i="2"/>
  <c r="K966" i="5" s="1"/>
  <c r="O966" i="5" s="1"/>
  <c r="L992" i="2"/>
  <c r="L966" i="5" s="1"/>
  <c r="I977" i="2"/>
  <c r="I951" i="5" s="1"/>
  <c r="K977" i="2"/>
  <c r="K951" i="5" s="1"/>
  <c r="O951" i="5" s="1"/>
  <c r="J977" i="2"/>
  <c r="J951" i="5" s="1"/>
  <c r="N951" i="5" s="1"/>
  <c r="M977" i="2"/>
  <c r="M951" i="5" s="1"/>
  <c r="L977" i="2"/>
  <c r="L951" i="5" s="1"/>
  <c r="I8480" i="2"/>
  <c r="I8454" i="5" s="1"/>
  <c r="M8480" i="2"/>
  <c r="M8454" i="5" s="1"/>
  <c r="L8480" i="2"/>
  <c r="L8454" i="5" s="1"/>
  <c r="J8480" i="2"/>
  <c r="J8454" i="5" s="1"/>
  <c r="N8454" i="5" s="1"/>
  <c r="J4486" i="2"/>
  <c r="J4460" i="5" s="1"/>
  <c r="N4460" i="5" s="1"/>
  <c r="M4486" i="2"/>
  <c r="M4460" i="5" s="1"/>
  <c r="K4486" i="2"/>
  <c r="K4460" i="5" s="1"/>
  <c r="O4460" i="5" s="1"/>
  <c r="I4486" i="2"/>
  <c r="I4460" i="5" s="1"/>
  <c r="L4486" i="2"/>
  <c r="L4460" i="5" s="1"/>
  <c r="J2260" i="2"/>
  <c r="J2234" i="5" s="1"/>
  <c r="N2234" i="5" s="1"/>
  <c r="L2260" i="2"/>
  <c r="L2234" i="5" s="1"/>
  <c r="M2260" i="2"/>
  <c r="M2234" i="5" s="1"/>
  <c r="I2260" i="2"/>
  <c r="I2234" i="5" s="1"/>
  <c r="K2260" i="2"/>
  <c r="K2234" i="5" s="1"/>
  <c r="O2234" i="5" s="1"/>
  <c r="J3769" i="2"/>
  <c r="J3743" i="5" s="1"/>
  <c r="N3743" i="5" s="1"/>
  <c r="L3769" i="2"/>
  <c r="L3743" i="5" s="1"/>
  <c r="I3769" i="2"/>
  <c r="I3743" i="5" s="1"/>
  <c r="M3769" i="2"/>
  <c r="M3743" i="5" s="1"/>
  <c r="K3769" i="2"/>
  <c r="K3743" i="5" s="1"/>
  <c r="O3743" i="5" s="1"/>
  <c r="M876" i="2"/>
  <c r="M850" i="5" s="1"/>
  <c r="L876" i="2"/>
  <c r="L850" i="5" s="1"/>
  <c r="I876" i="2"/>
  <c r="I850" i="5" s="1"/>
  <c r="K876" i="2"/>
  <c r="K850" i="5" s="1"/>
  <c r="O850" i="5" s="1"/>
  <c r="J876" i="2"/>
  <c r="J850" i="5" s="1"/>
  <c r="N850" i="5" s="1"/>
  <c r="J889" i="2"/>
  <c r="J863" i="5" s="1"/>
  <c r="N863" i="5" s="1"/>
  <c r="M889" i="2"/>
  <c r="M863" i="5" s="1"/>
  <c r="L889" i="2"/>
  <c r="L863" i="5" s="1"/>
  <c r="I889" i="2"/>
  <c r="I863" i="5" s="1"/>
  <c r="K889" i="2"/>
  <c r="K863" i="5" s="1"/>
  <c r="O863" i="5" s="1"/>
  <c r="L5851" i="2"/>
  <c r="L5825" i="5" s="1"/>
  <c r="I5851" i="2"/>
  <c r="I5825" i="5" s="1"/>
  <c r="K5851" i="2"/>
  <c r="K5825" i="5" s="1"/>
  <c r="O5825" i="5" s="1"/>
  <c r="J5851" i="2"/>
  <c r="J5825" i="5" s="1"/>
  <c r="N5825" i="5" s="1"/>
  <c r="J5766" i="2"/>
  <c r="J5740" i="5" s="1"/>
  <c r="N5740" i="5" s="1"/>
  <c r="L5766" i="2"/>
  <c r="L5740" i="5" s="1"/>
  <c r="J5748" i="2"/>
  <c r="J5722" i="5" s="1"/>
  <c r="N5722" i="5" s="1"/>
  <c r="L5748" i="2"/>
  <c r="L5722" i="5" s="1"/>
  <c r="M5748" i="2"/>
  <c r="M5722" i="5" s="1"/>
  <c r="I5748" i="2"/>
  <c r="I5722" i="5" s="1"/>
  <c r="K5748" i="2"/>
  <c r="K5722" i="5" s="1"/>
  <c r="O5722" i="5" s="1"/>
  <c r="M213" i="2"/>
  <c r="M187" i="5" s="1"/>
  <c r="L213" i="2"/>
  <c r="L187" i="5" s="1"/>
  <c r="J213" i="2"/>
  <c r="J187" i="5" s="1"/>
  <c r="N187" i="5" s="1"/>
  <c r="K213" i="2"/>
  <c r="K187" i="5" s="1"/>
  <c r="O187" i="5" s="1"/>
  <c r="I213" i="2"/>
  <c r="I187" i="5" s="1"/>
  <c r="K4946" i="2"/>
  <c r="K4920" i="5" s="1"/>
  <c r="O4920" i="5" s="1"/>
  <c r="J4946" i="2"/>
  <c r="J4920" i="5" s="1"/>
  <c r="N4920" i="5" s="1"/>
  <c r="M4946" i="2"/>
  <c r="M4920" i="5" s="1"/>
  <c r="L4946" i="2"/>
  <c r="L4920" i="5" s="1"/>
  <c r="I4946" i="2"/>
  <c r="I4920" i="5" s="1"/>
  <c r="L7107" i="2"/>
  <c r="L7081" i="5" s="1"/>
  <c r="M7107" i="2"/>
  <c r="M7081" i="5" s="1"/>
  <c r="I7107" i="2"/>
  <c r="I7081" i="5" s="1"/>
  <c r="K7107" i="2"/>
  <c r="K7081" i="5" s="1"/>
  <c r="O7081" i="5" s="1"/>
  <c r="J7107" i="2"/>
  <c r="J7081" i="5" s="1"/>
  <c r="N7081" i="5" s="1"/>
  <c r="K384" i="2"/>
  <c r="K358" i="5" s="1"/>
  <c r="O358" i="5" s="1"/>
  <c r="L384" i="2"/>
  <c r="L358" i="5" s="1"/>
  <c r="M384" i="2"/>
  <c r="M358" i="5" s="1"/>
  <c r="J384" i="2"/>
  <c r="J358" i="5" s="1"/>
  <c r="N358" i="5" s="1"/>
  <c r="I384" i="2"/>
  <c r="I358" i="5" s="1"/>
  <c r="M2967" i="2"/>
  <c r="M2941" i="5" s="1"/>
  <c r="L2967" i="2"/>
  <c r="L2941" i="5" s="1"/>
  <c r="K2967" i="2"/>
  <c r="K2941" i="5" s="1"/>
  <c r="O2941" i="5" s="1"/>
  <c r="J2967" i="2"/>
  <c r="J2941" i="5" s="1"/>
  <c r="N2941" i="5" s="1"/>
  <c r="I1660" i="2"/>
  <c r="I1634" i="5" s="1"/>
  <c r="J8216" i="2"/>
  <c r="J8190" i="5" s="1"/>
  <c r="N8190" i="5" s="1"/>
  <c r="M8216" i="2"/>
  <c r="M8190" i="5" s="1"/>
  <c r="L8216" i="2"/>
  <c r="L8190" i="5" s="1"/>
  <c r="I8216" i="2"/>
  <c r="I8190" i="5" s="1"/>
  <c r="K8216" i="2"/>
  <c r="K8190" i="5" s="1"/>
  <c r="O8190" i="5" s="1"/>
  <c r="L5157" i="2"/>
  <c r="L5131" i="5" s="1"/>
  <c r="M5157" i="2"/>
  <c r="M5131" i="5" s="1"/>
  <c r="I5157" i="2"/>
  <c r="I5131" i="5" s="1"/>
  <c r="K5157" i="2"/>
  <c r="K5131" i="5" s="1"/>
  <c r="O5131" i="5" s="1"/>
  <c r="J5157" i="2"/>
  <c r="J5131" i="5" s="1"/>
  <c r="N5131" i="5" s="1"/>
  <c r="K5148" i="2"/>
  <c r="K5122" i="5" s="1"/>
  <c r="O5122" i="5" s="1"/>
  <c r="M5148" i="2"/>
  <c r="M5122" i="5" s="1"/>
  <c r="J5148" i="2"/>
  <c r="J5122" i="5" s="1"/>
  <c r="N5122" i="5" s="1"/>
  <c r="L5148" i="2"/>
  <c r="L5122" i="5" s="1"/>
  <c r="I5148" i="2"/>
  <c r="I5122" i="5" s="1"/>
  <c r="M6634" i="2"/>
  <c r="M6608" i="5" s="1"/>
  <c r="I6634" i="2"/>
  <c r="I6608" i="5" s="1"/>
  <c r="L6634" i="2"/>
  <c r="L6608" i="5" s="1"/>
  <c r="J6634" i="2"/>
  <c r="J6608" i="5" s="1"/>
  <c r="N6608" i="5" s="1"/>
  <c r="K6634" i="2"/>
  <c r="K6608" i="5" s="1"/>
  <c r="O6608" i="5" s="1"/>
  <c r="M4414" i="2"/>
  <c r="M4388" i="5" s="1"/>
  <c r="L4414" i="2"/>
  <c r="L4388" i="5" s="1"/>
  <c r="K4414" i="2"/>
  <c r="K4388" i="5" s="1"/>
  <c r="O4388" i="5" s="1"/>
  <c r="J4414" i="2"/>
  <c r="J4388" i="5" s="1"/>
  <c r="N4388" i="5" s="1"/>
  <c r="I4414" i="2"/>
  <c r="I4388" i="5" s="1"/>
  <c r="L6532" i="2"/>
  <c r="L6506" i="5" s="1"/>
  <c r="I6532" i="2"/>
  <c r="I6506" i="5" s="1"/>
  <c r="M6532" i="2"/>
  <c r="M6506" i="5" s="1"/>
  <c r="K6532" i="2"/>
  <c r="K6506" i="5" s="1"/>
  <c r="O6506" i="5" s="1"/>
  <c r="J6532" i="2"/>
  <c r="J6506" i="5" s="1"/>
  <c r="N6506" i="5" s="1"/>
  <c r="C278" i="5"/>
  <c r="K2311" i="2"/>
  <c r="K2285" i="5" s="1"/>
  <c r="O2285" i="5" s="1"/>
  <c r="L2311" i="2"/>
  <c r="L2285" i="5" s="1"/>
  <c r="J2311" i="2"/>
  <c r="J2285" i="5" s="1"/>
  <c r="N2285" i="5" s="1"/>
  <c r="I2311" i="2"/>
  <c r="I2285" i="5" s="1"/>
  <c r="M2311" i="2"/>
  <c r="M2285" i="5" s="1"/>
  <c r="L1736" i="2"/>
  <c r="L1710" i="5" s="1"/>
  <c r="I6187" i="2"/>
  <c r="I6161" i="5" s="1"/>
  <c r="M6187" i="2"/>
  <c r="M6161" i="5" s="1"/>
  <c r="K6187" i="2"/>
  <c r="K6161" i="5" s="1"/>
  <c r="O6161" i="5" s="1"/>
  <c r="L6187" i="2"/>
  <c r="L6161" i="5" s="1"/>
  <c r="J6187" i="2"/>
  <c r="J6161" i="5" s="1"/>
  <c r="N6161" i="5" s="1"/>
  <c r="I2656" i="2"/>
  <c r="I2630" i="5" s="1"/>
  <c r="K2656" i="2"/>
  <c r="K2630" i="5" s="1"/>
  <c r="O2630" i="5" s="1"/>
  <c r="L2656" i="2"/>
  <c r="L2630" i="5" s="1"/>
  <c r="M2656" i="2"/>
  <c r="M2630" i="5" s="1"/>
  <c r="J2656" i="2"/>
  <c r="J2630" i="5" s="1"/>
  <c r="N2630" i="5" s="1"/>
  <c r="L6829" i="2"/>
  <c r="L6803" i="5" s="1"/>
  <c r="I6829" i="2"/>
  <c r="I6803" i="5" s="1"/>
  <c r="K6829" i="2"/>
  <c r="K6803" i="5" s="1"/>
  <c r="O6803" i="5" s="1"/>
  <c r="J6829" i="2"/>
  <c r="J6803" i="5" s="1"/>
  <c r="N6803" i="5" s="1"/>
  <c r="M6829" i="2"/>
  <c r="M6803" i="5" s="1"/>
  <c r="J3397" i="2"/>
  <c r="J3371" i="5" s="1"/>
  <c r="N3371" i="5" s="1"/>
  <c r="M3397" i="2"/>
  <c r="M3371" i="5" s="1"/>
  <c r="I3397" i="2"/>
  <c r="I3371" i="5" s="1"/>
  <c r="L3397" i="2"/>
  <c r="L3371" i="5" s="1"/>
  <c r="K3397" i="2"/>
  <c r="K3371" i="5" s="1"/>
  <c r="O3371" i="5" s="1"/>
  <c r="J1077" i="2"/>
  <c r="J1051" i="5" s="1"/>
  <c r="N1051" i="5" s="1"/>
  <c r="M1077" i="2"/>
  <c r="M1051" i="5" s="1"/>
  <c r="L1077" i="2"/>
  <c r="L1051" i="5" s="1"/>
  <c r="I1077" i="2"/>
  <c r="I1051" i="5" s="1"/>
  <c r="K1077" i="2"/>
  <c r="K1051" i="5" s="1"/>
  <c r="O1051" i="5" s="1"/>
  <c r="K7461" i="2"/>
  <c r="K7435" i="5" s="1"/>
  <c r="O7435" i="5" s="1"/>
  <c r="J7461" i="2"/>
  <c r="J7435" i="5" s="1"/>
  <c r="N7435" i="5" s="1"/>
  <c r="M7461" i="2"/>
  <c r="M7435" i="5" s="1"/>
  <c r="L7461" i="2"/>
  <c r="L7435" i="5" s="1"/>
  <c r="I7461" i="2"/>
  <c r="I7435" i="5" s="1"/>
  <c r="K1494" i="2"/>
  <c r="K1468" i="5" s="1"/>
  <c r="O1468" i="5" s="1"/>
  <c r="J1494" i="2"/>
  <c r="J1468" i="5" s="1"/>
  <c r="N1468" i="5" s="1"/>
  <c r="M1494" i="2"/>
  <c r="M1468" i="5" s="1"/>
  <c r="L1494" i="2"/>
  <c r="L1468" i="5" s="1"/>
  <c r="I1494" i="2"/>
  <c r="I1468" i="5" s="1"/>
  <c r="J7654" i="2"/>
  <c r="J7628" i="5" s="1"/>
  <c r="N7628" i="5" s="1"/>
  <c r="M7654" i="2"/>
  <c r="M7628" i="5" s="1"/>
  <c r="I7654" i="2"/>
  <c r="I7628" i="5" s="1"/>
  <c r="K7654" i="2"/>
  <c r="K7628" i="5" s="1"/>
  <c r="O7628" i="5" s="1"/>
  <c r="L7654" i="2"/>
  <c r="L7628" i="5" s="1"/>
  <c r="M4753" i="2"/>
  <c r="M4727" i="5" s="1"/>
  <c r="J4753" i="2"/>
  <c r="J4727" i="5" s="1"/>
  <c r="N4727" i="5" s="1"/>
  <c r="L4753" i="2"/>
  <c r="L4727" i="5" s="1"/>
  <c r="I4753" i="2"/>
  <c r="I4727" i="5" s="1"/>
  <c r="K4753" i="2"/>
  <c r="K4727" i="5" s="1"/>
  <c r="O4727" i="5" s="1"/>
  <c r="L6309" i="2"/>
  <c r="L6283" i="5" s="1"/>
  <c r="M6309" i="2"/>
  <c r="M6283" i="5" s="1"/>
  <c r="I6309" i="2"/>
  <c r="I6283" i="5" s="1"/>
  <c r="K6309" i="2"/>
  <c r="K6283" i="5" s="1"/>
  <c r="O6283" i="5" s="1"/>
  <c r="J6309" i="2"/>
  <c r="J6283" i="5" s="1"/>
  <c r="N6283" i="5" s="1"/>
  <c r="M6290" i="2"/>
  <c r="M6264" i="5" s="1"/>
  <c r="I6290" i="2"/>
  <c r="I6264" i="5" s="1"/>
  <c r="K6290" i="2"/>
  <c r="K6264" i="5" s="1"/>
  <c r="O6264" i="5" s="1"/>
  <c r="J6290" i="2"/>
  <c r="J6264" i="5" s="1"/>
  <c r="N6264" i="5" s="1"/>
  <c r="L6290" i="2"/>
  <c r="L6264" i="5" s="1"/>
  <c r="I7192" i="2"/>
  <c r="I7166" i="5" s="1"/>
  <c r="K7192" i="2"/>
  <c r="K7166" i="5" s="1"/>
  <c r="O7166" i="5" s="1"/>
  <c r="L7192" i="2"/>
  <c r="L7166" i="5" s="1"/>
  <c r="J7192" i="2"/>
  <c r="J7166" i="5" s="1"/>
  <c r="N7166" i="5" s="1"/>
  <c r="M7192" i="2"/>
  <c r="M7166" i="5" s="1"/>
  <c r="M2735" i="2"/>
  <c r="M2709" i="5" s="1"/>
  <c r="L2735" i="2"/>
  <c r="L2709" i="5" s="1"/>
  <c r="I2735" i="2"/>
  <c r="I2709" i="5" s="1"/>
  <c r="K2735" i="2"/>
  <c r="K2709" i="5" s="1"/>
  <c r="O2709" i="5" s="1"/>
  <c r="J2735" i="2"/>
  <c r="J2709" i="5" s="1"/>
  <c r="N2709" i="5" s="1"/>
  <c r="L3144" i="2"/>
  <c r="L3118" i="5" s="1"/>
  <c r="M3144" i="2"/>
  <c r="M3118" i="5" s="1"/>
  <c r="I3144" i="2"/>
  <c r="I3118" i="5" s="1"/>
  <c r="K3144" i="2"/>
  <c r="K3118" i="5" s="1"/>
  <c r="O3118" i="5" s="1"/>
  <c r="J3144" i="2"/>
  <c r="J3118" i="5" s="1"/>
  <c r="N3118" i="5" s="1"/>
  <c r="C137" i="5"/>
  <c r="AR131" i="1"/>
  <c r="M1973" i="2"/>
  <c r="M1947" i="5" s="1"/>
  <c r="I1973" i="2"/>
  <c r="I1947" i="5" s="1"/>
  <c r="K1973" i="2"/>
  <c r="K1947" i="5" s="1"/>
  <c r="O1947" i="5" s="1"/>
  <c r="J1973" i="2"/>
  <c r="J1947" i="5" s="1"/>
  <c r="N1947" i="5" s="1"/>
  <c r="L1973" i="2"/>
  <c r="L1947" i="5" s="1"/>
  <c r="L8103" i="2"/>
  <c r="L8077" i="5" s="1"/>
  <c r="I8103" i="2"/>
  <c r="I8077" i="5" s="1"/>
  <c r="J8103" i="2"/>
  <c r="J8077" i="5" s="1"/>
  <c r="N8077" i="5" s="1"/>
  <c r="M8103" i="2"/>
  <c r="M8077" i="5" s="1"/>
  <c r="K8103" i="2"/>
  <c r="K8077" i="5" s="1"/>
  <c r="O8077" i="5" s="1"/>
  <c r="M5346" i="2"/>
  <c r="M5320" i="5" s="1"/>
  <c r="L5346" i="2"/>
  <c r="L5320" i="5" s="1"/>
  <c r="J5346" i="2"/>
  <c r="J5320" i="5" s="1"/>
  <c r="N5320" i="5" s="1"/>
  <c r="I5346" i="2"/>
  <c r="I5320" i="5" s="1"/>
  <c r="K5346" i="2"/>
  <c r="K5320" i="5" s="1"/>
  <c r="O5320" i="5" s="1"/>
  <c r="I5997" i="2"/>
  <c r="I5971" i="5" s="1"/>
  <c r="K5997" i="2"/>
  <c r="K5971" i="5" s="1"/>
  <c r="O5971" i="5" s="1"/>
  <c r="J5997" i="2"/>
  <c r="J5971" i="5" s="1"/>
  <c r="N5971" i="5" s="1"/>
  <c r="L5997" i="2"/>
  <c r="L5971" i="5" s="1"/>
  <c r="M5997" i="2"/>
  <c r="M5971" i="5" s="1"/>
  <c r="AR250" i="1"/>
  <c r="C256" i="5"/>
  <c r="L1984" i="2"/>
  <c r="L1958" i="5" s="1"/>
  <c r="M1984" i="2"/>
  <c r="M1958" i="5" s="1"/>
  <c r="I1984" i="2"/>
  <c r="I1958" i="5" s="1"/>
  <c r="K1984" i="2"/>
  <c r="K1958" i="5" s="1"/>
  <c r="O1958" i="5" s="1"/>
  <c r="J1984" i="2"/>
  <c r="J1958" i="5" s="1"/>
  <c r="N1958" i="5" s="1"/>
  <c r="I404" i="2"/>
  <c r="I378" i="5" s="1"/>
  <c r="L404" i="2"/>
  <c r="L378" i="5" s="1"/>
  <c r="M404" i="2"/>
  <c r="M378" i="5" s="1"/>
  <c r="K404" i="2"/>
  <c r="K378" i="5" s="1"/>
  <c r="O378" i="5" s="1"/>
  <c r="J404" i="2"/>
  <c r="J378" i="5" s="1"/>
  <c r="N378" i="5" s="1"/>
  <c r="I3063" i="2"/>
  <c r="I3037" i="5" s="1"/>
  <c r="L3063" i="2"/>
  <c r="L3037" i="5" s="1"/>
  <c r="M3063" i="2"/>
  <c r="M3037" i="5" s="1"/>
  <c r="K3063" i="2"/>
  <c r="K3037" i="5" s="1"/>
  <c r="O3037" i="5" s="1"/>
  <c r="J3063" i="2"/>
  <c r="J3037" i="5" s="1"/>
  <c r="N3037" i="5" s="1"/>
  <c r="M3067" i="2"/>
  <c r="M3041" i="5" s="1"/>
  <c r="L3067" i="2"/>
  <c r="L3041" i="5" s="1"/>
  <c r="J3067" i="2"/>
  <c r="J3041" i="5" s="1"/>
  <c r="N3041" i="5" s="1"/>
  <c r="I3067" i="2"/>
  <c r="I3041" i="5" s="1"/>
  <c r="K3067" i="2"/>
  <c r="K3041" i="5" s="1"/>
  <c r="O3041" i="5" s="1"/>
  <c r="C29" i="5"/>
  <c r="AR23" i="1"/>
  <c r="J1119" i="2"/>
  <c r="J1093" i="5" s="1"/>
  <c r="N1093" i="5" s="1"/>
  <c r="K7326" i="2"/>
  <c r="K7300" i="5" s="1"/>
  <c r="O7300" i="5" s="1"/>
  <c r="I7326" i="2"/>
  <c r="I7300" i="5" s="1"/>
  <c r="J7326" i="2"/>
  <c r="J7300" i="5" s="1"/>
  <c r="N7300" i="5" s="1"/>
  <c r="M7326" i="2"/>
  <c r="M7300" i="5" s="1"/>
  <c r="L7326" i="2"/>
  <c r="L7300" i="5" s="1"/>
  <c r="I7955" i="2"/>
  <c r="I7929" i="5" s="1"/>
  <c r="L7955" i="2"/>
  <c r="L7929" i="5" s="1"/>
  <c r="M7955" i="2"/>
  <c r="M7929" i="5" s="1"/>
  <c r="K7955" i="2"/>
  <c r="K7929" i="5" s="1"/>
  <c r="O7929" i="5" s="1"/>
  <c r="J7955" i="2"/>
  <c r="J7929" i="5" s="1"/>
  <c r="N7929" i="5" s="1"/>
  <c r="I3273" i="2"/>
  <c r="I3247" i="5" s="1"/>
  <c r="K3273" i="2"/>
  <c r="K3247" i="5" s="1"/>
  <c r="O3247" i="5" s="1"/>
  <c r="L3273" i="2"/>
  <c r="L3247" i="5" s="1"/>
  <c r="J3273" i="2"/>
  <c r="J3247" i="5" s="1"/>
  <c r="N3247" i="5" s="1"/>
  <c r="M3273" i="2"/>
  <c r="M3247" i="5" s="1"/>
  <c r="J3264" i="2"/>
  <c r="J3238" i="5" s="1"/>
  <c r="N3238" i="5" s="1"/>
  <c r="L3264" i="2"/>
  <c r="L3238" i="5" s="1"/>
  <c r="M3264" i="2"/>
  <c r="M3238" i="5" s="1"/>
  <c r="I3264" i="2"/>
  <c r="I3238" i="5" s="1"/>
  <c r="K3264" i="2"/>
  <c r="K3238" i="5" s="1"/>
  <c r="O3238" i="5" s="1"/>
  <c r="M5009" i="2"/>
  <c r="M4983" i="5" s="1"/>
  <c r="L5009" i="2"/>
  <c r="L4983" i="5" s="1"/>
  <c r="I5009" i="2"/>
  <c r="I4983" i="5" s="1"/>
  <c r="K5009" i="2"/>
  <c r="K4983" i="5" s="1"/>
  <c r="O4983" i="5" s="1"/>
  <c r="J5009" i="2"/>
  <c r="J4983" i="5" s="1"/>
  <c r="N4983" i="5" s="1"/>
  <c r="J1073" i="2"/>
  <c r="J1047" i="5" s="1"/>
  <c r="N1047" i="5" s="1"/>
  <c r="M1073" i="2"/>
  <c r="M1047" i="5" s="1"/>
  <c r="L1073" i="2"/>
  <c r="L1047" i="5" s="1"/>
  <c r="I1073" i="2"/>
  <c r="I1047" i="5" s="1"/>
  <c r="K1073" i="2"/>
  <c r="K1047" i="5" s="1"/>
  <c r="O1047" i="5" s="1"/>
  <c r="M1318" i="2"/>
  <c r="M1292" i="5" s="1"/>
  <c r="L1318" i="2"/>
  <c r="L1292" i="5" s="1"/>
  <c r="J1318" i="2"/>
  <c r="J1292" i="5" s="1"/>
  <c r="N1292" i="5" s="1"/>
  <c r="I1318" i="2"/>
  <c r="I1292" i="5" s="1"/>
  <c r="K1318" i="2"/>
  <c r="K1292" i="5" s="1"/>
  <c r="O1292" i="5" s="1"/>
  <c r="M4329" i="2"/>
  <c r="M4303" i="5" s="1"/>
  <c r="L4329" i="2"/>
  <c r="L4303" i="5" s="1"/>
  <c r="I4329" i="2"/>
  <c r="I4303" i="5" s="1"/>
  <c r="K4329" i="2"/>
  <c r="K4303" i="5" s="1"/>
  <c r="O4303" i="5" s="1"/>
  <c r="J4329" i="2"/>
  <c r="J4303" i="5" s="1"/>
  <c r="N4303" i="5" s="1"/>
  <c r="K3306" i="2"/>
  <c r="K3280" i="5" s="1"/>
  <c r="O3280" i="5" s="1"/>
  <c r="J3306" i="2"/>
  <c r="J3280" i="5" s="1"/>
  <c r="N3280" i="5" s="1"/>
  <c r="L3306" i="2"/>
  <c r="L3280" i="5" s="1"/>
  <c r="I3306" i="2"/>
  <c r="I3280" i="5" s="1"/>
  <c r="I4118" i="2"/>
  <c r="I4092" i="5" s="1"/>
  <c r="K4118" i="2"/>
  <c r="K4092" i="5" s="1"/>
  <c r="O4092" i="5" s="1"/>
  <c r="J4118" i="2"/>
  <c r="J4092" i="5" s="1"/>
  <c r="N4092" i="5" s="1"/>
  <c r="M4118" i="2"/>
  <c r="M4092" i="5" s="1"/>
  <c r="L4118" i="2"/>
  <c r="L4092" i="5" s="1"/>
  <c r="K7453" i="2"/>
  <c r="K7427" i="5" s="1"/>
  <c r="O7427" i="5" s="1"/>
  <c r="J7453" i="2"/>
  <c r="J7427" i="5" s="1"/>
  <c r="N7427" i="5" s="1"/>
  <c r="M7453" i="2"/>
  <c r="M7427" i="5" s="1"/>
  <c r="I7453" i="2"/>
  <c r="I7427" i="5" s="1"/>
  <c r="L7453" i="2"/>
  <c r="L7427" i="5" s="1"/>
  <c r="M4980" i="2"/>
  <c r="M4954" i="5" s="1"/>
  <c r="L4980" i="2"/>
  <c r="L4954" i="5" s="1"/>
  <c r="I4980" i="2"/>
  <c r="I4954" i="5" s="1"/>
  <c r="K4980" i="2"/>
  <c r="K4954" i="5" s="1"/>
  <c r="O4954" i="5" s="1"/>
  <c r="J4980" i="2"/>
  <c r="J4954" i="5" s="1"/>
  <c r="N4954" i="5" s="1"/>
  <c r="M8785" i="2"/>
  <c r="M8759" i="5" s="1"/>
  <c r="J8785" i="2"/>
  <c r="J8759" i="5" s="1"/>
  <c r="N8759" i="5" s="1"/>
  <c r="K8785" i="2"/>
  <c r="K8759" i="5" s="1"/>
  <c r="O8759" i="5" s="1"/>
  <c r="L8785" i="2"/>
  <c r="L8759" i="5" s="1"/>
  <c r="I8785" i="2"/>
  <c r="I8759" i="5" s="1"/>
  <c r="K3936" i="2"/>
  <c r="K3910" i="5" s="1"/>
  <c r="O3910" i="5" s="1"/>
  <c r="J3936" i="2"/>
  <c r="J3910" i="5" s="1"/>
  <c r="N3910" i="5" s="1"/>
  <c r="L3936" i="2"/>
  <c r="L3910" i="5" s="1"/>
  <c r="M3936" i="2"/>
  <c r="M3910" i="5" s="1"/>
  <c r="I3936" i="2"/>
  <c r="I3910" i="5" s="1"/>
  <c r="M8047" i="2"/>
  <c r="M8021" i="5" s="1"/>
  <c r="L8047" i="2"/>
  <c r="L8021" i="5" s="1"/>
  <c r="I8047" i="2"/>
  <c r="I8021" i="5" s="1"/>
  <c r="K8047" i="2"/>
  <c r="K8021" i="5" s="1"/>
  <c r="O8021" i="5" s="1"/>
  <c r="J8047" i="2"/>
  <c r="J8021" i="5" s="1"/>
  <c r="N8021" i="5" s="1"/>
  <c r="K8038" i="2"/>
  <c r="K8012" i="5" s="1"/>
  <c r="O8012" i="5" s="1"/>
  <c r="M8038" i="2"/>
  <c r="M8012" i="5" s="1"/>
  <c r="L8038" i="2"/>
  <c r="L8012" i="5" s="1"/>
  <c r="J8038" i="2"/>
  <c r="J8012" i="5" s="1"/>
  <c r="N8012" i="5" s="1"/>
  <c r="M7038" i="2"/>
  <c r="M7012" i="5" s="1"/>
  <c r="L7038" i="2"/>
  <c r="L7012" i="5" s="1"/>
  <c r="I7038" i="2"/>
  <c r="I7012" i="5" s="1"/>
  <c r="K7038" i="2"/>
  <c r="K7012" i="5" s="1"/>
  <c r="O7012" i="5" s="1"/>
  <c r="J7038" i="2"/>
  <c r="J7012" i="5" s="1"/>
  <c r="N7012" i="5" s="1"/>
  <c r="L3584" i="2"/>
  <c r="L3558" i="5" s="1"/>
  <c r="M3584" i="2"/>
  <c r="M3558" i="5" s="1"/>
  <c r="I3584" i="2"/>
  <c r="I3558" i="5" s="1"/>
  <c r="K3584" i="2"/>
  <c r="K3558" i="5" s="1"/>
  <c r="O3558" i="5" s="1"/>
  <c r="J3584" i="2"/>
  <c r="J3558" i="5" s="1"/>
  <c r="N3558" i="5" s="1"/>
  <c r="M1415" i="2"/>
  <c r="M1389" i="5" s="1"/>
  <c r="J1415" i="2"/>
  <c r="J1389" i="5" s="1"/>
  <c r="N1389" i="5" s="1"/>
  <c r="L1415" i="2"/>
  <c r="L1389" i="5" s="1"/>
  <c r="I1415" i="2"/>
  <c r="I1389" i="5" s="1"/>
  <c r="K1415" i="2"/>
  <c r="K1389" i="5" s="1"/>
  <c r="O1389" i="5" s="1"/>
  <c r="L4590" i="2"/>
  <c r="L4564" i="5" s="1"/>
  <c r="M4590" i="2"/>
  <c r="M4564" i="5" s="1"/>
  <c r="J4590" i="2"/>
  <c r="J4564" i="5" s="1"/>
  <c r="N4564" i="5" s="1"/>
  <c r="I4590" i="2"/>
  <c r="I4564" i="5" s="1"/>
  <c r="K4590" i="2"/>
  <c r="K4564" i="5" s="1"/>
  <c r="O4564" i="5" s="1"/>
  <c r="K4592" i="2"/>
  <c r="K4566" i="5" s="1"/>
  <c r="O4566" i="5" s="1"/>
  <c r="L4592" i="2"/>
  <c r="L4566" i="5" s="1"/>
  <c r="M4592" i="2"/>
  <c r="M4566" i="5" s="1"/>
  <c r="I4592" i="2"/>
  <c r="I4566" i="5" s="1"/>
  <c r="J4592" i="2"/>
  <c r="J4566" i="5" s="1"/>
  <c r="N4566" i="5" s="1"/>
  <c r="L638" i="2"/>
  <c r="L612" i="5" s="1"/>
  <c r="M638" i="2"/>
  <c r="M612" i="5" s="1"/>
  <c r="J638" i="2"/>
  <c r="J612" i="5" s="1"/>
  <c r="N612" i="5" s="1"/>
  <c r="I638" i="2"/>
  <c r="I612" i="5" s="1"/>
  <c r="K638" i="2"/>
  <c r="K612" i="5" s="1"/>
  <c r="O612" i="5" s="1"/>
  <c r="M7520" i="2"/>
  <c r="M7494" i="5" s="1"/>
  <c r="K7520" i="2"/>
  <c r="K7494" i="5" s="1"/>
  <c r="O7494" i="5" s="1"/>
  <c r="L7520" i="2"/>
  <c r="L7494" i="5" s="1"/>
  <c r="I7520" i="2"/>
  <c r="I7494" i="5" s="1"/>
  <c r="J7520" i="2"/>
  <c r="J7494" i="5" s="1"/>
  <c r="N7494" i="5" s="1"/>
  <c r="J7499" i="2"/>
  <c r="J7473" i="5" s="1"/>
  <c r="N7473" i="5" s="1"/>
  <c r="M7499" i="2"/>
  <c r="M7473" i="5" s="1"/>
  <c r="I7499" i="2"/>
  <c r="I7473" i="5" s="1"/>
  <c r="L7499" i="2"/>
  <c r="L7473" i="5" s="1"/>
  <c r="K7499" i="2"/>
  <c r="K7473" i="5" s="1"/>
  <c r="O7473" i="5" s="1"/>
  <c r="M5657" i="2"/>
  <c r="M5631" i="5" s="1"/>
  <c r="L5657" i="2"/>
  <c r="L5631" i="5" s="1"/>
  <c r="I5657" i="2"/>
  <c r="I5631" i="5" s="1"/>
  <c r="J5657" i="2"/>
  <c r="J5631" i="5" s="1"/>
  <c r="N5631" i="5" s="1"/>
  <c r="M5830" i="2"/>
  <c r="M5804" i="5" s="1"/>
  <c r="J5830" i="2"/>
  <c r="J5804" i="5" s="1"/>
  <c r="N5804" i="5" s="1"/>
  <c r="L5830" i="2"/>
  <c r="L5804" i="5" s="1"/>
  <c r="I5830" i="2"/>
  <c r="I5804" i="5" s="1"/>
  <c r="K5830" i="2"/>
  <c r="K5804" i="5" s="1"/>
  <c r="O5804" i="5" s="1"/>
  <c r="J5829" i="2"/>
  <c r="J5803" i="5" s="1"/>
  <c r="N5803" i="5" s="1"/>
  <c r="L5829" i="2"/>
  <c r="L5803" i="5" s="1"/>
  <c r="M5829" i="2"/>
  <c r="M5803" i="5" s="1"/>
  <c r="I5829" i="2"/>
  <c r="I5803" i="5" s="1"/>
  <c r="K5829" i="2"/>
  <c r="K5803" i="5" s="1"/>
  <c r="O5803" i="5" s="1"/>
  <c r="L6950" i="2"/>
  <c r="L6924" i="5" s="1"/>
  <c r="M6950" i="2"/>
  <c r="M6924" i="5" s="1"/>
  <c r="K6950" i="2"/>
  <c r="K6924" i="5" s="1"/>
  <c r="O6924" i="5" s="1"/>
  <c r="I6950" i="2"/>
  <c r="I6924" i="5" s="1"/>
  <c r="J6950" i="2"/>
  <c r="J6924" i="5" s="1"/>
  <c r="N6924" i="5" s="1"/>
  <c r="I1611" i="2"/>
  <c r="I1585" i="5" s="1"/>
  <c r="K1611" i="2"/>
  <c r="K1585" i="5" s="1"/>
  <c r="O1585" i="5" s="1"/>
  <c r="L1611" i="2"/>
  <c r="L1585" i="5" s="1"/>
  <c r="J1611" i="2"/>
  <c r="J1585" i="5" s="1"/>
  <c r="N1585" i="5" s="1"/>
  <c r="I7779" i="2"/>
  <c r="I7753" i="5" s="1"/>
  <c r="M7779" i="2"/>
  <c r="M7753" i="5" s="1"/>
  <c r="K7779" i="2"/>
  <c r="K7753" i="5" s="1"/>
  <c r="O7753" i="5" s="1"/>
  <c r="J7779" i="2"/>
  <c r="J7753" i="5" s="1"/>
  <c r="N7753" i="5" s="1"/>
  <c r="L7779" i="2"/>
  <c r="L7753" i="5" s="1"/>
  <c r="M3826" i="2"/>
  <c r="M3800" i="5" s="1"/>
  <c r="I3826" i="2"/>
  <c r="I3800" i="5" s="1"/>
  <c r="K3826" i="2"/>
  <c r="K3800" i="5" s="1"/>
  <c r="O3800" i="5" s="1"/>
  <c r="J3826" i="2"/>
  <c r="J3800" i="5" s="1"/>
  <c r="N3800" i="5" s="1"/>
  <c r="L3826" i="2"/>
  <c r="L3800" i="5" s="1"/>
  <c r="L6983" i="2"/>
  <c r="L6957" i="5" s="1"/>
  <c r="I6983" i="2"/>
  <c r="I6957" i="5" s="1"/>
  <c r="J6983" i="2"/>
  <c r="J6957" i="5" s="1"/>
  <c r="N6957" i="5" s="1"/>
  <c r="M6983" i="2"/>
  <c r="M6957" i="5" s="1"/>
  <c r="K6983" i="2"/>
  <c r="K6957" i="5" s="1"/>
  <c r="O6957" i="5" s="1"/>
  <c r="L6110" i="2"/>
  <c r="L6084" i="5" s="1"/>
  <c r="I6110" i="2"/>
  <c r="I6084" i="5" s="1"/>
  <c r="J6110" i="2"/>
  <c r="J6084" i="5" s="1"/>
  <c r="N6084" i="5" s="1"/>
  <c r="M6110" i="2"/>
  <c r="M6084" i="5" s="1"/>
  <c r="K6110" i="2"/>
  <c r="K6084" i="5" s="1"/>
  <c r="O6084" i="5" s="1"/>
  <c r="J6109" i="2"/>
  <c r="J6083" i="5" s="1"/>
  <c r="N6083" i="5" s="1"/>
  <c r="L6109" i="2"/>
  <c r="L6083" i="5" s="1"/>
  <c r="I6109" i="2"/>
  <c r="I6083" i="5" s="1"/>
  <c r="K6109" i="2"/>
  <c r="K6083" i="5" s="1"/>
  <c r="O6083" i="5" s="1"/>
  <c r="M6109" i="2"/>
  <c r="M6083" i="5" s="1"/>
  <c r="I8692" i="2"/>
  <c r="I8666" i="5" s="1"/>
  <c r="K8692" i="2"/>
  <c r="K8666" i="5" s="1"/>
  <c r="O8666" i="5" s="1"/>
  <c r="J8692" i="2"/>
  <c r="J8666" i="5" s="1"/>
  <c r="N8666" i="5" s="1"/>
  <c r="L8692" i="2"/>
  <c r="L8666" i="5" s="1"/>
  <c r="M8692" i="2"/>
  <c r="M8666" i="5" s="1"/>
  <c r="K4159" i="2"/>
  <c r="K4133" i="5" s="1"/>
  <c r="O4133" i="5" s="1"/>
  <c r="J4159" i="2"/>
  <c r="J4133" i="5" s="1"/>
  <c r="N4133" i="5" s="1"/>
  <c r="L4159" i="2"/>
  <c r="L4133" i="5" s="1"/>
  <c r="I4159" i="2"/>
  <c r="I4133" i="5" s="1"/>
  <c r="M4159" i="2"/>
  <c r="M4133" i="5" s="1"/>
  <c r="M3958" i="2"/>
  <c r="M3932" i="5" s="1"/>
  <c r="L3958" i="2"/>
  <c r="L3932" i="5" s="1"/>
  <c r="I3958" i="2"/>
  <c r="I3932" i="5" s="1"/>
  <c r="K3958" i="2"/>
  <c r="K3932" i="5" s="1"/>
  <c r="O3932" i="5" s="1"/>
  <c r="J3958" i="2"/>
  <c r="J3932" i="5" s="1"/>
  <c r="N3932" i="5" s="1"/>
  <c r="C171" i="5"/>
  <c r="AR165" i="1"/>
  <c r="J7152" i="2"/>
  <c r="J7126" i="5" s="1"/>
  <c r="N7126" i="5" s="1"/>
  <c r="L7152" i="2"/>
  <c r="L7126" i="5" s="1"/>
  <c r="M7152" i="2"/>
  <c r="M7126" i="5" s="1"/>
  <c r="I7152" i="2"/>
  <c r="I7126" i="5" s="1"/>
  <c r="K7152" i="2"/>
  <c r="K7126" i="5" s="1"/>
  <c r="O7126" i="5" s="1"/>
  <c r="L4427" i="2"/>
  <c r="L4401" i="5" s="1"/>
  <c r="I4427" i="2"/>
  <c r="I4401" i="5" s="1"/>
  <c r="K4427" i="2"/>
  <c r="K4401" i="5" s="1"/>
  <c r="O4401" i="5" s="1"/>
  <c r="J4427" i="2"/>
  <c r="J4401" i="5" s="1"/>
  <c r="N4401" i="5" s="1"/>
  <c r="M4427" i="2"/>
  <c r="M4401" i="5" s="1"/>
  <c r="M757" i="2"/>
  <c r="M731" i="5" s="1"/>
  <c r="I757" i="2"/>
  <c r="I731" i="5" s="1"/>
  <c r="J757" i="2"/>
  <c r="J731" i="5" s="1"/>
  <c r="N731" i="5" s="1"/>
  <c r="L757" i="2"/>
  <c r="L731" i="5" s="1"/>
  <c r="K757" i="2"/>
  <c r="K731" i="5" s="1"/>
  <c r="O731" i="5" s="1"/>
  <c r="J777" i="2"/>
  <c r="J751" i="5" s="1"/>
  <c r="N751" i="5" s="1"/>
  <c r="L777" i="2"/>
  <c r="L751" i="5" s="1"/>
  <c r="M777" i="2"/>
  <c r="M751" i="5" s="1"/>
  <c r="I777" i="2"/>
  <c r="I751" i="5" s="1"/>
  <c r="K777" i="2"/>
  <c r="K751" i="5" s="1"/>
  <c r="O751" i="5" s="1"/>
  <c r="J3471" i="2"/>
  <c r="J3445" i="5" s="1"/>
  <c r="N3445" i="5" s="1"/>
  <c r="I3471" i="2"/>
  <c r="I3445" i="5" s="1"/>
  <c r="K3471" i="2"/>
  <c r="K3445" i="5" s="1"/>
  <c r="O3445" i="5" s="1"/>
  <c r="L3471" i="2"/>
  <c r="L3445" i="5" s="1"/>
  <c r="M3471" i="2"/>
  <c r="M3445" i="5" s="1"/>
  <c r="J3485" i="2"/>
  <c r="J3459" i="5" s="1"/>
  <c r="N3459" i="5" s="1"/>
  <c r="L3485" i="2"/>
  <c r="L3459" i="5" s="1"/>
  <c r="I3485" i="2"/>
  <c r="I3459" i="5" s="1"/>
  <c r="K3485" i="2"/>
  <c r="K3459" i="5" s="1"/>
  <c r="O3459" i="5" s="1"/>
  <c r="M3485" i="2"/>
  <c r="M3459" i="5" s="1"/>
  <c r="K2106" i="2"/>
  <c r="K2080" i="5" s="1"/>
  <c r="O2080" i="5" s="1"/>
  <c r="J2106" i="2"/>
  <c r="J2080" i="5" s="1"/>
  <c r="N2080" i="5" s="1"/>
  <c r="I2106" i="2"/>
  <c r="I2080" i="5" s="1"/>
  <c r="M2106" i="2"/>
  <c r="M2080" i="5" s="1"/>
  <c r="L2106" i="2"/>
  <c r="L2080" i="5" s="1"/>
  <c r="M2100" i="2"/>
  <c r="M2074" i="5" s="1"/>
  <c r="J2100" i="2"/>
  <c r="J2074" i="5" s="1"/>
  <c r="N2074" i="5" s="1"/>
  <c r="L2100" i="2"/>
  <c r="L2074" i="5" s="1"/>
  <c r="I2100" i="2"/>
  <c r="I2074" i="5" s="1"/>
  <c r="K2100" i="2"/>
  <c r="K2074" i="5" s="1"/>
  <c r="O2074" i="5" s="1"/>
  <c r="J5456" i="2"/>
  <c r="J5430" i="5" s="1"/>
  <c r="N5430" i="5" s="1"/>
  <c r="L5456" i="2"/>
  <c r="L5430" i="5" s="1"/>
  <c r="K5456" i="2"/>
  <c r="K5430" i="5" s="1"/>
  <c r="O5430" i="5" s="1"/>
  <c r="M5456" i="2"/>
  <c r="M5430" i="5" s="1"/>
  <c r="I5456" i="2"/>
  <c r="I5430" i="5" s="1"/>
  <c r="K1487" i="2"/>
  <c r="K1461" i="5" s="1"/>
  <c r="O1461" i="5" s="1"/>
  <c r="J1487" i="2"/>
  <c r="J1461" i="5" s="1"/>
  <c r="N1461" i="5" s="1"/>
  <c r="L1487" i="2"/>
  <c r="L1461" i="5" s="1"/>
  <c r="M1487" i="2"/>
  <c r="M1461" i="5" s="1"/>
  <c r="I1487" i="2"/>
  <c r="I1461" i="5" s="1"/>
  <c r="I8507" i="2"/>
  <c r="I8481" i="5" s="1"/>
  <c r="K8507" i="2"/>
  <c r="K8481" i="5" s="1"/>
  <c r="O8481" i="5" s="1"/>
  <c r="J8507" i="2"/>
  <c r="J8481" i="5" s="1"/>
  <c r="N8481" i="5" s="1"/>
  <c r="L8507" i="2"/>
  <c r="L8481" i="5" s="1"/>
  <c r="M8507" i="2"/>
  <c r="M8481" i="5" s="1"/>
  <c r="I5800" i="2"/>
  <c r="I5774" i="5" s="1"/>
  <c r="K5800" i="2"/>
  <c r="K5774" i="5" s="1"/>
  <c r="O5774" i="5" s="1"/>
  <c r="M5800" i="2"/>
  <c r="M5774" i="5" s="1"/>
  <c r="J5800" i="2"/>
  <c r="J5774" i="5" s="1"/>
  <c r="N5774" i="5" s="1"/>
  <c r="L5800" i="2"/>
  <c r="L5774" i="5" s="1"/>
  <c r="L64" i="2"/>
  <c r="L38" i="5" s="1"/>
  <c r="M64" i="2"/>
  <c r="M38" i="5" s="1"/>
  <c r="J64" i="2"/>
  <c r="J38" i="5" s="1"/>
  <c r="N38" i="5" s="1"/>
  <c r="K64" i="2"/>
  <c r="K38" i="5" s="1"/>
  <c r="O38" i="5" s="1"/>
  <c r="I64" i="2"/>
  <c r="I38" i="5" s="1"/>
  <c r="L2786" i="2"/>
  <c r="L2760" i="5" s="1"/>
  <c r="M2786" i="2"/>
  <c r="M2760" i="5" s="1"/>
  <c r="I2786" i="2"/>
  <c r="I2760" i="5" s="1"/>
  <c r="K2786" i="2"/>
  <c r="K2760" i="5" s="1"/>
  <c r="O2760" i="5" s="1"/>
  <c r="J2786" i="2"/>
  <c r="J2760" i="5" s="1"/>
  <c r="N2760" i="5" s="1"/>
  <c r="L1468" i="2"/>
  <c r="L1442" i="5" s="1"/>
  <c r="M1468" i="2"/>
  <c r="M1442" i="5" s="1"/>
  <c r="I1468" i="2"/>
  <c r="I1442" i="5" s="1"/>
  <c r="K1468" i="2"/>
  <c r="K1442" i="5" s="1"/>
  <c r="O1442" i="5" s="1"/>
  <c r="J1468" i="2"/>
  <c r="J1442" i="5" s="1"/>
  <c r="N1442" i="5" s="1"/>
  <c r="J8311" i="2"/>
  <c r="J8285" i="5" s="1"/>
  <c r="N8285" i="5" s="1"/>
  <c r="L8311" i="2"/>
  <c r="L8285" i="5" s="1"/>
  <c r="M8311" i="2"/>
  <c r="M8285" i="5" s="1"/>
  <c r="I8311" i="2"/>
  <c r="I8285" i="5" s="1"/>
  <c r="K8311" i="2"/>
  <c r="K8285" i="5" s="1"/>
  <c r="O8285" i="5" s="1"/>
  <c r="M1217" i="2"/>
  <c r="M1191" i="5" s="1"/>
  <c r="I1217" i="2"/>
  <c r="I1191" i="5" s="1"/>
  <c r="J1217" i="2"/>
  <c r="J1191" i="5" s="1"/>
  <c r="N1191" i="5" s="1"/>
  <c r="L1217" i="2"/>
  <c r="L1191" i="5" s="1"/>
  <c r="I5126" i="2"/>
  <c r="I5100" i="5" s="1"/>
  <c r="L5126" i="2"/>
  <c r="L5100" i="5" s="1"/>
  <c r="K5126" i="2"/>
  <c r="K5100" i="5" s="1"/>
  <c r="O5100" i="5" s="1"/>
  <c r="J5126" i="2"/>
  <c r="J5100" i="5" s="1"/>
  <c r="N5100" i="5" s="1"/>
  <c r="M5126" i="2"/>
  <c r="M5100" i="5" s="1"/>
  <c r="M6020" i="2"/>
  <c r="M5994" i="5" s="1"/>
  <c r="I6020" i="2"/>
  <c r="I5994" i="5" s="1"/>
  <c r="K6020" i="2"/>
  <c r="K5994" i="5" s="1"/>
  <c r="O5994" i="5" s="1"/>
  <c r="J6020" i="2"/>
  <c r="J5994" i="5" s="1"/>
  <c r="N5994" i="5" s="1"/>
  <c r="L6020" i="2"/>
  <c r="L5994" i="5" s="1"/>
  <c r="C257" i="5"/>
  <c r="AR251" i="1"/>
  <c r="M55" i="2"/>
  <c r="M29" i="5" s="1"/>
  <c r="L55" i="2"/>
  <c r="L29" i="5" s="1"/>
  <c r="K55" i="2"/>
  <c r="K29" i="5" s="1"/>
  <c r="O29" i="5" s="1"/>
  <c r="I55" i="2"/>
  <c r="I29" i="5" s="1"/>
  <c r="J55" i="2"/>
  <c r="J29" i="5" s="1"/>
  <c r="N29" i="5" s="1"/>
  <c r="L41" i="2"/>
  <c r="L15" i="5" s="1"/>
  <c r="K41" i="2"/>
  <c r="K15" i="5" s="1"/>
  <c r="O15" i="5" s="1"/>
  <c r="I41" i="2"/>
  <c r="I15" i="5" s="1"/>
  <c r="M5289" i="2"/>
  <c r="M5263" i="5" s="1"/>
  <c r="J5289" i="2"/>
  <c r="J5263" i="5" s="1"/>
  <c r="N5263" i="5" s="1"/>
  <c r="L5289" i="2"/>
  <c r="L5263" i="5" s="1"/>
  <c r="I5289" i="2"/>
  <c r="I5263" i="5" s="1"/>
  <c r="K5289" i="2"/>
  <c r="K5263" i="5" s="1"/>
  <c r="O5263" i="5" s="1"/>
  <c r="I7657" i="2"/>
  <c r="I7631" i="5" s="1"/>
  <c r="K7657" i="2"/>
  <c r="K7631" i="5" s="1"/>
  <c r="O7631" i="5" s="1"/>
  <c r="L7657" i="2"/>
  <c r="L7631" i="5" s="1"/>
  <c r="J7657" i="2"/>
  <c r="J7631" i="5" s="1"/>
  <c r="N7631" i="5" s="1"/>
  <c r="M7657" i="2"/>
  <c r="M7631" i="5" s="1"/>
  <c r="J7650" i="2"/>
  <c r="J7624" i="5" s="1"/>
  <c r="N7624" i="5" s="1"/>
  <c r="L7650" i="2"/>
  <c r="L7624" i="5" s="1"/>
  <c r="I7650" i="2"/>
  <c r="I7624" i="5" s="1"/>
  <c r="M7650" i="2"/>
  <c r="M7624" i="5" s="1"/>
  <c r="K7650" i="2"/>
  <c r="K7624" i="5" s="1"/>
  <c r="O7624" i="5" s="1"/>
  <c r="L1065" i="2"/>
  <c r="L1039" i="5" s="1"/>
  <c r="M1065" i="2"/>
  <c r="M1039" i="5" s="1"/>
  <c r="J1065" i="2"/>
  <c r="J1039" i="5" s="1"/>
  <c r="N1039" i="5" s="1"/>
  <c r="I1065" i="2"/>
  <c r="I1039" i="5" s="1"/>
  <c r="K1065" i="2"/>
  <c r="K1039" i="5" s="1"/>
  <c r="O1039" i="5" s="1"/>
  <c r="J1042" i="2"/>
  <c r="J1016" i="5" s="1"/>
  <c r="N1016" i="5" s="1"/>
  <c r="L1042" i="2"/>
  <c r="L1016" i="5" s="1"/>
  <c r="M1042" i="2"/>
  <c r="M1016" i="5" s="1"/>
  <c r="I1042" i="2"/>
  <c r="I1016" i="5" s="1"/>
  <c r="K1042" i="2"/>
  <c r="K1016" i="5" s="1"/>
  <c r="O1016" i="5" s="1"/>
  <c r="J4833" i="2"/>
  <c r="J4807" i="5" s="1"/>
  <c r="N4807" i="5" s="1"/>
  <c r="M4833" i="2"/>
  <c r="M4807" i="5" s="1"/>
  <c r="L4833" i="2"/>
  <c r="L4807" i="5" s="1"/>
  <c r="I4833" i="2"/>
  <c r="I4807" i="5" s="1"/>
  <c r="K4833" i="2"/>
  <c r="K4807" i="5" s="1"/>
  <c r="O4807" i="5" s="1"/>
  <c r="L2277" i="2"/>
  <c r="L2251" i="5" s="1"/>
  <c r="J2277" i="2"/>
  <c r="J2251" i="5" s="1"/>
  <c r="N2251" i="5" s="1"/>
  <c r="M2277" i="2"/>
  <c r="M2251" i="5" s="1"/>
  <c r="I2277" i="2"/>
  <c r="I2251" i="5" s="1"/>
  <c r="K2277" i="2"/>
  <c r="K2251" i="5" s="1"/>
  <c r="O2251" i="5" s="1"/>
  <c r="L2273" i="2"/>
  <c r="L2247" i="5" s="1"/>
  <c r="M2273" i="2"/>
  <c r="M2247" i="5" s="1"/>
  <c r="I2273" i="2"/>
  <c r="I2247" i="5" s="1"/>
  <c r="M6470" i="2"/>
  <c r="M6444" i="5" s="1"/>
  <c r="I6470" i="2"/>
  <c r="I6444" i="5" s="1"/>
  <c r="K6470" i="2"/>
  <c r="K6444" i="5" s="1"/>
  <c r="O6444" i="5" s="1"/>
  <c r="J6470" i="2"/>
  <c r="J6444" i="5" s="1"/>
  <c r="N6444" i="5" s="1"/>
  <c r="L6470" i="2"/>
  <c r="L6444" i="5" s="1"/>
  <c r="M2637" i="2"/>
  <c r="M2611" i="5" s="1"/>
  <c r="J2637" i="2"/>
  <c r="J2611" i="5" s="1"/>
  <c r="N2611" i="5" s="1"/>
  <c r="I2637" i="2"/>
  <c r="I2611" i="5" s="1"/>
  <c r="K2637" i="2"/>
  <c r="K2611" i="5" s="1"/>
  <c r="O2611" i="5" s="1"/>
  <c r="L2637" i="2"/>
  <c r="L2611" i="5" s="1"/>
  <c r="J3106" i="2"/>
  <c r="J3080" i="5" s="1"/>
  <c r="N3080" i="5" s="1"/>
  <c r="M3106" i="2"/>
  <c r="M3080" i="5" s="1"/>
  <c r="I3106" i="2"/>
  <c r="I3080" i="5" s="1"/>
  <c r="K3106" i="2"/>
  <c r="K3080" i="5" s="1"/>
  <c r="O3080" i="5" s="1"/>
  <c r="L3106" i="2"/>
  <c r="L3080" i="5" s="1"/>
  <c r="I7015" i="2"/>
  <c r="I6989" i="5" s="1"/>
  <c r="K7015" i="2"/>
  <c r="K6989" i="5" s="1"/>
  <c r="O6989" i="5" s="1"/>
  <c r="J7015" i="2"/>
  <c r="J6989" i="5" s="1"/>
  <c r="N6989" i="5" s="1"/>
  <c r="J1301" i="2"/>
  <c r="J1275" i="5" s="1"/>
  <c r="N1275" i="5" s="1"/>
  <c r="I1301" i="2"/>
  <c r="I1275" i="5" s="1"/>
  <c r="K1301" i="2"/>
  <c r="K1275" i="5" s="1"/>
  <c r="O1275" i="5" s="1"/>
  <c r="L1301" i="2"/>
  <c r="L1275" i="5" s="1"/>
  <c r="M1301" i="2"/>
  <c r="M1275" i="5" s="1"/>
  <c r="K5977" i="2"/>
  <c r="K5951" i="5" s="1"/>
  <c r="O5951" i="5" s="1"/>
  <c r="L5977" i="2"/>
  <c r="L5951" i="5" s="1"/>
  <c r="M5977" i="2"/>
  <c r="M5951" i="5" s="1"/>
  <c r="J5977" i="2"/>
  <c r="J5951" i="5" s="1"/>
  <c r="N5951" i="5" s="1"/>
  <c r="I5977" i="2"/>
  <c r="I5951" i="5" s="1"/>
  <c r="J3101" i="2"/>
  <c r="J3075" i="5" s="1"/>
  <c r="N3075" i="5" s="1"/>
  <c r="M3101" i="2"/>
  <c r="M3075" i="5" s="1"/>
  <c r="L3101" i="2"/>
  <c r="L3075" i="5" s="1"/>
  <c r="I3101" i="2"/>
  <c r="I3075" i="5" s="1"/>
  <c r="K3101" i="2"/>
  <c r="K3075" i="5" s="1"/>
  <c r="O3075" i="5" s="1"/>
  <c r="K1097" i="2"/>
  <c r="K1071" i="5" s="1"/>
  <c r="O1071" i="5" s="1"/>
  <c r="J1097" i="2"/>
  <c r="J1071" i="5" s="1"/>
  <c r="N1071" i="5" s="1"/>
  <c r="L1097" i="2"/>
  <c r="L1071" i="5" s="1"/>
  <c r="I1097" i="2"/>
  <c r="I1071" i="5" s="1"/>
  <c r="M1097" i="2"/>
  <c r="M1071" i="5" s="1"/>
  <c r="J483" i="2"/>
  <c r="J457" i="5" s="1"/>
  <c r="N457" i="5" s="1"/>
  <c r="I483" i="2"/>
  <c r="I457" i="5" s="1"/>
  <c r="L483" i="2"/>
  <c r="L457" i="5" s="1"/>
  <c r="M483" i="2"/>
  <c r="M457" i="5" s="1"/>
  <c r="K483" i="2"/>
  <c r="K457" i="5" s="1"/>
  <c r="O457" i="5" s="1"/>
  <c r="J476" i="2"/>
  <c r="J450" i="5" s="1"/>
  <c r="N450" i="5" s="1"/>
  <c r="I476" i="2"/>
  <c r="I450" i="5" s="1"/>
  <c r="K476" i="2"/>
  <c r="K450" i="5" s="1"/>
  <c r="O450" i="5" s="1"/>
  <c r="M476" i="2"/>
  <c r="M450" i="5" s="1"/>
  <c r="L476" i="2"/>
  <c r="L450" i="5" s="1"/>
  <c r="M236" i="2"/>
  <c r="M210" i="5" s="1"/>
  <c r="I236" i="2"/>
  <c r="I210" i="5" s="1"/>
  <c r="J236" i="2"/>
  <c r="J210" i="5" s="1"/>
  <c r="N210" i="5" s="1"/>
  <c r="L236" i="2"/>
  <c r="L210" i="5" s="1"/>
  <c r="K236" i="2"/>
  <c r="K210" i="5" s="1"/>
  <c r="O210" i="5" s="1"/>
  <c r="L6927" i="2"/>
  <c r="L6901" i="5" s="1"/>
  <c r="M6927" i="2"/>
  <c r="M6901" i="5" s="1"/>
  <c r="K6927" i="2"/>
  <c r="K6901" i="5" s="1"/>
  <c r="O6901" i="5" s="1"/>
  <c r="J6927" i="2"/>
  <c r="J6901" i="5" s="1"/>
  <c r="N6901" i="5" s="1"/>
  <c r="I6927" i="2"/>
  <c r="I6901" i="5" s="1"/>
  <c r="M5497" i="2"/>
  <c r="M5471" i="5" s="1"/>
  <c r="L5497" i="2"/>
  <c r="L5471" i="5" s="1"/>
  <c r="I5497" i="2"/>
  <c r="I5471" i="5" s="1"/>
  <c r="K5497" i="2"/>
  <c r="K5471" i="5" s="1"/>
  <c r="O5471" i="5" s="1"/>
  <c r="J5497" i="2"/>
  <c r="J5471" i="5" s="1"/>
  <c r="N5471" i="5" s="1"/>
  <c r="M4757" i="2"/>
  <c r="M4731" i="5" s="1"/>
  <c r="J4757" i="2"/>
  <c r="J4731" i="5" s="1"/>
  <c r="N4731" i="5" s="1"/>
  <c r="L4757" i="2"/>
  <c r="L4731" i="5" s="1"/>
  <c r="I4757" i="2"/>
  <c r="I4731" i="5" s="1"/>
  <c r="K4757" i="2"/>
  <c r="K4731" i="5" s="1"/>
  <c r="O4731" i="5" s="1"/>
  <c r="J4749" i="2"/>
  <c r="J4723" i="5" s="1"/>
  <c r="N4723" i="5" s="1"/>
  <c r="M4749" i="2"/>
  <c r="M4723" i="5" s="1"/>
  <c r="L4749" i="2"/>
  <c r="L4723" i="5" s="1"/>
  <c r="I4749" i="2"/>
  <c r="I4723" i="5" s="1"/>
  <c r="K4749" i="2"/>
  <c r="K4723" i="5" s="1"/>
  <c r="O4723" i="5" s="1"/>
  <c r="J8157" i="2"/>
  <c r="J8131" i="5" s="1"/>
  <c r="N8131" i="5" s="1"/>
  <c r="M8157" i="2"/>
  <c r="M8131" i="5" s="1"/>
  <c r="I8157" i="2"/>
  <c r="I8131" i="5" s="1"/>
  <c r="L8157" i="2"/>
  <c r="L8131" i="5" s="1"/>
  <c r="K8157" i="2"/>
  <c r="K8131" i="5" s="1"/>
  <c r="O8131" i="5" s="1"/>
  <c r="L8148" i="2"/>
  <c r="L8122" i="5" s="1"/>
  <c r="J8148" i="2"/>
  <c r="J8122" i="5" s="1"/>
  <c r="N8122" i="5" s="1"/>
  <c r="M8148" i="2"/>
  <c r="M8122" i="5" s="1"/>
  <c r="I8148" i="2"/>
  <c r="I8122" i="5" s="1"/>
  <c r="K8148" i="2"/>
  <c r="K8122" i="5" s="1"/>
  <c r="O8122" i="5" s="1"/>
  <c r="J1898" i="2"/>
  <c r="J1872" i="5" s="1"/>
  <c r="N1872" i="5" s="1"/>
  <c r="K1898" i="2"/>
  <c r="K1872" i="5" s="1"/>
  <c r="O1872" i="5" s="1"/>
  <c r="L1898" i="2"/>
  <c r="L1872" i="5" s="1"/>
  <c r="M1898" i="2"/>
  <c r="M1872" i="5" s="1"/>
  <c r="I1898" i="2"/>
  <c r="I1872" i="5" s="1"/>
  <c r="K4768" i="2"/>
  <c r="K4742" i="5" s="1"/>
  <c r="O4742" i="5" s="1"/>
  <c r="J4768" i="2"/>
  <c r="J4742" i="5" s="1"/>
  <c r="N4742" i="5" s="1"/>
  <c r="M4768" i="2"/>
  <c r="M4742" i="5" s="1"/>
  <c r="L4768" i="2"/>
  <c r="L4742" i="5" s="1"/>
  <c r="I4768" i="2"/>
  <c r="I4742" i="5" s="1"/>
  <c r="L3676" i="2"/>
  <c r="L3650" i="5" s="1"/>
  <c r="M3676" i="2"/>
  <c r="M3650" i="5" s="1"/>
  <c r="K3676" i="2"/>
  <c r="K3650" i="5" s="1"/>
  <c r="O3650" i="5" s="1"/>
  <c r="I3676" i="2"/>
  <c r="I3650" i="5" s="1"/>
  <c r="J3676" i="2"/>
  <c r="J3650" i="5" s="1"/>
  <c r="N3650" i="5" s="1"/>
  <c r="J3663" i="2"/>
  <c r="J3637" i="5" s="1"/>
  <c r="N3637" i="5" s="1"/>
  <c r="M3663" i="2"/>
  <c r="M3637" i="5" s="1"/>
  <c r="L3663" i="2"/>
  <c r="L3637" i="5" s="1"/>
  <c r="I3663" i="2"/>
  <c r="I3637" i="5" s="1"/>
  <c r="K3663" i="2"/>
  <c r="K3637" i="5" s="1"/>
  <c r="O3637" i="5" s="1"/>
  <c r="I5642" i="2"/>
  <c r="I5616" i="5" s="1"/>
  <c r="K5642" i="2"/>
  <c r="K5616" i="5" s="1"/>
  <c r="O5616" i="5" s="1"/>
  <c r="J5642" i="2"/>
  <c r="J5616" i="5" s="1"/>
  <c r="N5616" i="5" s="1"/>
  <c r="L5642" i="2"/>
  <c r="L5616" i="5" s="1"/>
  <c r="M5642" i="2"/>
  <c r="M5616" i="5" s="1"/>
  <c r="L2072" i="2"/>
  <c r="L2046" i="5" s="1"/>
  <c r="M2072" i="2"/>
  <c r="M2046" i="5" s="1"/>
  <c r="I2072" i="2"/>
  <c r="I2046" i="5" s="1"/>
  <c r="J2072" i="2"/>
  <c r="J2046" i="5" s="1"/>
  <c r="N2046" i="5" s="1"/>
  <c r="K2072" i="2"/>
  <c r="K2046" i="5" s="1"/>
  <c r="O2046" i="5" s="1"/>
  <c r="M7633" i="2"/>
  <c r="M7607" i="5" s="1"/>
  <c r="K7633" i="2"/>
  <c r="K7607" i="5" s="1"/>
  <c r="O7607" i="5" s="1"/>
  <c r="J7633" i="2"/>
  <c r="J7607" i="5" s="1"/>
  <c r="N7607" i="5" s="1"/>
  <c r="L7633" i="2"/>
  <c r="L7607" i="5" s="1"/>
  <c r="I7633" i="2"/>
  <c r="I7607" i="5" s="1"/>
  <c r="L4463" i="2"/>
  <c r="L4437" i="5" s="1"/>
  <c r="I4463" i="2"/>
  <c r="I4437" i="5" s="1"/>
  <c r="J4463" i="2"/>
  <c r="J4437" i="5" s="1"/>
  <c r="N4437" i="5" s="1"/>
  <c r="M4463" i="2"/>
  <c r="M4437" i="5" s="1"/>
  <c r="K4463" i="2"/>
  <c r="K4437" i="5" s="1"/>
  <c r="O4437" i="5" s="1"/>
  <c r="I7685" i="2"/>
  <c r="I7659" i="5" s="1"/>
  <c r="K7685" i="2"/>
  <c r="K7659" i="5" s="1"/>
  <c r="O7659" i="5" s="1"/>
  <c r="J7685" i="2"/>
  <c r="J7659" i="5" s="1"/>
  <c r="N7659" i="5" s="1"/>
  <c r="L7685" i="2"/>
  <c r="L7659" i="5" s="1"/>
  <c r="M7685" i="2"/>
  <c r="M7659" i="5" s="1"/>
  <c r="L4177" i="2"/>
  <c r="L4151" i="5" s="1"/>
  <c r="J4177" i="2"/>
  <c r="J4151" i="5" s="1"/>
  <c r="N4151" i="5" s="1"/>
  <c r="M4177" i="2"/>
  <c r="M4151" i="5" s="1"/>
  <c r="I4177" i="2"/>
  <c r="I4151" i="5" s="1"/>
  <c r="K4177" i="2"/>
  <c r="K4151" i="5" s="1"/>
  <c r="O4151" i="5" s="1"/>
  <c r="J4168" i="2"/>
  <c r="J4142" i="5" s="1"/>
  <c r="N4142" i="5" s="1"/>
  <c r="M4168" i="2"/>
  <c r="M4142" i="5" s="1"/>
  <c r="L4168" i="2"/>
  <c r="L4142" i="5" s="1"/>
  <c r="I4168" i="2"/>
  <c r="I4142" i="5" s="1"/>
  <c r="K4168" i="2"/>
  <c r="K4142" i="5" s="1"/>
  <c r="O4142" i="5" s="1"/>
  <c r="I2399" i="2"/>
  <c r="I2373" i="5" s="1"/>
  <c r="K2399" i="2"/>
  <c r="K2373" i="5" s="1"/>
  <c r="O2373" i="5" s="1"/>
  <c r="J2399" i="2"/>
  <c r="J2373" i="5" s="1"/>
  <c r="N2373" i="5" s="1"/>
  <c r="L2399" i="2"/>
  <c r="L2373" i="5" s="1"/>
  <c r="M2399" i="2"/>
  <c r="M2373" i="5" s="1"/>
  <c r="I8649" i="2"/>
  <c r="I8623" i="5" s="1"/>
  <c r="L8649" i="2"/>
  <c r="L8623" i="5" s="1"/>
  <c r="J8649" i="2"/>
  <c r="J8623" i="5" s="1"/>
  <c r="N8623" i="5" s="1"/>
  <c r="K8649" i="2"/>
  <c r="K8623" i="5" s="1"/>
  <c r="O8623" i="5" s="1"/>
  <c r="M8649" i="2"/>
  <c r="M8623" i="5" s="1"/>
  <c r="L3649" i="2"/>
  <c r="L3623" i="5" s="1"/>
  <c r="M3649" i="2"/>
  <c r="M3623" i="5" s="1"/>
  <c r="J3649" i="2"/>
  <c r="J3623" i="5" s="1"/>
  <c r="N3623" i="5" s="1"/>
  <c r="I3649" i="2"/>
  <c r="I3623" i="5" s="1"/>
  <c r="K3649" i="2"/>
  <c r="K3623" i="5" s="1"/>
  <c r="O3623" i="5" s="1"/>
  <c r="M3603" i="2"/>
  <c r="M3577" i="5" s="1"/>
  <c r="J3603" i="2"/>
  <c r="J3577" i="5" s="1"/>
  <c r="N3577" i="5" s="1"/>
  <c r="I3603" i="2"/>
  <c r="I3577" i="5" s="1"/>
  <c r="L3603" i="2"/>
  <c r="L3577" i="5" s="1"/>
  <c r="K3603" i="2"/>
  <c r="K3577" i="5" s="1"/>
  <c r="O3577" i="5" s="1"/>
  <c r="M3592" i="2"/>
  <c r="M3566" i="5" s="1"/>
  <c r="J3592" i="2"/>
  <c r="J3566" i="5" s="1"/>
  <c r="N3566" i="5" s="1"/>
  <c r="I3592" i="2"/>
  <c r="I3566" i="5" s="1"/>
  <c r="K3592" i="2"/>
  <c r="K3566" i="5" s="1"/>
  <c r="O3566" i="5" s="1"/>
  <c r="L3592" i="2"/>
  <c r="L3566" i="5" s="1"/>
  <c r="J5527" i="2"/>
  <c r="J5501" i="5" s="1"/>
  <c r="N5501" i="5" s="1"/>
  <c r="L5527" i="2"/>
  <c r="L5501" i="5" s="1"/>
  <c r="I5527" i="2"/>
  <c r="I5501" i="5" s="1"/>
  <c r="K5527" i="2"/>
  <c r="K5501" i="5" s="1"/>
  <c r="O5501" i="5" s="1"/>
  <c r="M5527" i="2"/>
  <c r="M5501" i="5" s="1"/>
  <c r="K5263" i="2"/>
  <c r="K5237" i="5" s="1"/>
  <c r="O5237" i="5" s="1"/>
  <c r="M5263" i="2"/>
  <c r="M5237" i="5" s="1"/>
  <c r="J5263" i="2"/>
  <c r="J5237" i="5" s="1"/>
  <c r="N5237" i="5" s="1"/>
  <c r="L5263" i="2"/>
  <c r="L5237" i="5" s="1"/>
  <c r="I5263" i="2"/>
  <c r="I5237" i="5" s="1"/>
  <c r="M6598" i="2"/>
  <c r="M6572" i="5" s="1"/>
  <c r="I6598" i="2"/>
  <c r="I6572" i="5" s="1"/>
  <c r="J6598" i="2"/>
  <c r="J6572" i="5" s="1"/>
  <c r="N6572" i="5" s="1"/>
  <c r="L6598" i="2"/>
  <c r="L6572" i="5" s="1"/>
  <c r="K6598" i="2"/>
  <c r="K6572" i="5" s="1"/>
  <c r="O6572" i="5" s="1"/>
  <c r="L2504" i="2"/>
  <c r="L2478" i="5" s="1"/>
  <c r="M2504" i="2"/>
  <c r="M2478" i="5" s="1"/>
  <c r="I2504" i="2"/>
  <c r="I2478" i="5" s="1"/>
  <c r="K2504" i="2"/>
  <c r="K2478" i="5" s="1"/>
  <c r="O2478" i="5" s="1"/>
  <c r="J2504" i="2"/>
  <c r="J2478" i="5" s="1"/>
  <c r="N2478" i="5" s="1"/>
  <c r="M2587" i="2"/>
  <c r="M2561" i="5" s="1"/>
  <c r="I2587" i="2"/>
  <c r="I2561" i="5" s="1"/>
  <c r="K2587" i="2"/>
  <c r="K2561" i="5" s="1"/>
  <c r="O2561" i="5" s="1"/>
  <c r="J2587" i="2"/>
  <c r="J2561" i="5" s="1"/>
  <c r="N2561" i="5" s="1"/>
  <c r="L2587" i="2"/>
  <c r="L2561" i="5" s="1"/>
  <c r="K6313" i="2"/>
  <c r="K6287" i="5" s="1"/>
  <c r="O6287" i="5" s="1"/>
  <c r="L6313" i="2"/>
  <c r="L6287" i="5" s="1"/>
  <c r="I6313" i="2"/>
  <c r="I6287" i="5" s="1"/>
  <c r="J6313" i="2"/>
  <c r="J6287" i="5" s="1"/>
  <c r="N6287" i="5" s="1"/>
  <c r="M6313" i="2"/>
  <c r="M6287" i="5" s="1"/>
  <c r="K3795" i="2"/>
  <c r="K3769" i="5" s="1"/>
  <c r="O3769" i="5" s="1"/>
  <c r="M3795" i="2"/>
  <c r="M3769" i="5" s="1"/>
  <c r="I3795" i="2"/>
  <c r="I3769" i="5" s="1"/>
  <c r="L3795" i="2"/>
  <c r="L3769" i="5" s="1"/>
  <c r="J3795" i="2"/>
  <c r="J3769" i="5" s="1"/>
  <c r="N3769" i="5" s="1"/>
  <c r="K2151" i="2"/>
  <c r="K2125" i="5" s="1"/>
  <c r="O2125" i="5" s="1"/>
  <c r="J2151" i="2"/>
  <c r="J2125" i="5" s="1"/>
  <c r="N2125" i="5" s="1"/>
  <c r="L2151" i="2"/>
  <c r="L2125" i="5" s="1"/>
  <c r="M2151" i="2"/>
  <c r="M2125" i="5" s="1"/>
  <c r="I2151" i="2"/>
  <c r="I2125" i="5" s="1"/>
  <c r="M6285" i="2"/>
  <c r="M6259" i="5" s="1"/>
  <c r="J6285" i="2"/>
  <c r="J6259" i="5" s="1"/>
  <c r="N6259" i="5" s="1"/>
  <c r="L6285" i="2"/>
  <c r="L6259" i="5" s="1"/>
  <c r="I6285" i="2"/>
  <c r="I6259" i="5" s="1"/>
  <c r="K6285" i="2"/>
  <c r="K6259" i="5" s="1"/>
  <c r="O6259" i="5" s="1"/>
  <c r="M6282" i="2"/>
  <c r="M6256" i="5" s="1"/>
  <c r="I6282" i="2"/>
  <c r="I6256" i="5" s="1"/>
  <c r="L6282" i="2"/>
  <c r="L6256" i="5" s="1"/>
  <c r="K6282" i="2"/>
  <c r="K6256" i="5" s="1"/>
  <c r="O6256" i="5" s="1"/>
  <c r="J6282" i="2"/>
  <c r="J6256" i="5" s="1"/>
  <c r="N6256" i="5" s="1"/>
  <c r="I3435" i="2"/>
  <c r="I3409" i="5" s="1"/>
  <c r="K3435" i="2"/>
  <c r="K3409" i="5" s="1"/>
  <c r="O3409" i="5" s="1"/>
  <c r="J3435" i="2"/>
  <c r="J3409" i="5" s="1"/>
  <c r="N3409" i="5" s="1"/>
  <c r="L3435" i="2"/>
  <c r="L3409" i="5" s="1"/>
  <c r="M3435" i="2"/>
  <c r="M3409" i="5" s="1"/>
  <c r="M6787" i="2"/>
  <c r="M6761" i="5" s="1"/>
  <c r="J6787" i="2"/>
  <c r="J6761" i="5" s="1"/>
  <c r="N6761" i="5" s="1"/>
  <c r="L6787" i="2"/>
  <c r="L6761" i="5" s="1"/>
  <c r="I6787" i="2"/>
  <c r="I6761" i="5" s="1"/>
  <c r="K6787" i="2"/>
  <c r="K6761" i="5" s="1"/>
  <c r="O6761" i="5" s="1"/>
  <c r="C289" i="5"/>
  <c r="AR283" i="1"/>
  <c r="M7293" i="2"/>
  <c r="M7267" i="5" s="1"/>
  <c r="I7293" i="2"/>
  <c r="I7267" i="5" s="1"/>
  <c r="L7293" i="2"/>
  <c r="L7267" i="5" s="1"/>
  <c r="K7293" i="2"/>
  <c r="K7267" i="5" s="1"/>
  <c r="O7267" i="5" s="1"/>
  <c r="J7293" i="2"/>
  <c r="J7267" i="5" s="1"/>
  <c r="N7267" i="5" s="1"/>
  <c r="L1237" i="2"/>
  <c r="L1211" i="5" s="1"/>
  <c r="M1237" i="2"/>
  <c r="M1211" i="5" s="1"/>
  <c r="K1237" i="2"/>
  <c r="K1211" i="5" s="1"/>
  <c r="O1211" i="5" s="1"/>
  <c r="J1237" i="2"/>
  <c r="J1211" i="5" s="1"/>
  <c r="N1211" i="5" s="1"/>
  <c r="I1237" i="2"/>
  <c r="I1211" i="5" s="1"/>
  <c r="I3278" i="2"/>
  <c r="I3252" i="5" s="1"/>
  <c r="K3278" i="2"/>
  <c r="K3252" i="5" s="1"/>
  <c r="O3252" i="5" s="1"/>
  <c r="L3278" i="2"/>
  <c r="L3252" i="5" s="1"/>
  <c r="J3278" i="2"/>
  <c r="J3252" i="5" s="1"/>
  <c r="N3252" i="5" s="1"/>
  <c r="M3278" i="2"/>
  <c r="M3252" i="5" s="1"/>
  <c r="I6805" i="2"/>
  <c r="I6779" i="5" s="1"/>
  <c r="K6805" i="2"/>
  <c r="K6779" i="5" s="1"/>
  <c r="O6779" i="5" s="1"/>
  <c r="J6805" i="2"/>
  <c r="J6779" i="5" s="1"/>
  <c r="N6779" i="5" s="1"/>
  <c r="L6805" i="2"/>
  <c r="L6779" i="5" s="1"/>
  <c r="M6805" i="2"/>
  <c r="M6779" i="5" s="1"/>
  <c r="M5423" i="2"/>
  <c r="M5397" i="5" s="1"/>
  <c r="J5423" i="2"/>
  <c r="J5397" i="5" s="1"/>
  <c r="N5397" i="5" s="1"/>
  <c r="L5423" i="2"/>
  <c r="L5397" i="5" s="1"/>
  <c r="I5423" i="2"/>
  <c r="I5397" i="5" s="1"/>
  <c r="K5423" i="2"/>
  <c r="K5397" i="5" s="1"/>
  <c r="O5397" i="5" s="1"/>
  <c r="L5422" i="2"/>
  <c r="L5396" i="5" s="1"/>
  <c r="M5422" i="2"/>
  <c r="M5396" i="5" s="1"/>
  <c r="I5422" i="2"/>
  <c r="I5396" i="5" s="1"/>
  <c r="K5422" i="2"/>
  <c r="K5396" i="5" s="1"/>
  <c r="O5396" i="5" s="1"/>
  <c r="J5422" i="2"/>
  <c r="J5396" i="5" s="1"/>
  <c r="N5396" i="5" s="1"/>
  <c r="J119" i="2"/>
  <c r="J93" i="5" s="1"/>
  <c r="N93" i="5" s="1"/>
  <c r="I119" i="2"/>
  <c r="I93" i="5" s="1"/>
  <c r="M119" i="2"/>
  <c r="M93" i="5" s="1"/>
  <c r="L119" i="2"/>
  <c r="L93" i="5" s="1"/>
  <c r="K119" i="2"/>
  <c r="K93" i="5" s="1"/>
  <c r="O93" i="5" s="1"/>
  <c r="M250" i="2"/>
  <c r="M224" i="5" s="1"/>
  <c r="I250" i="2"/>
  <c r="I224" i="5" s="1"/>
  <c r="L250" i="2"/>
  <c r="L224" i="5" s="1"/>
  <c r="J250" i="2"/>
  <c r="J224" i="5" s="1"/>
  <c r="N224" i="5" s="1"/>
  <c r="K250" i="2"/>
  <c r="K224" i="5" s="1"/>
  <c r="O224" i="5" s="1"/>
  <c r="L6366" i="2"/>
  <c r="L6340" i="5" s="1"/>
  <c r="M6366" i="2"/>
  <c r="M6340" i="5" s="1"/>
  <c r="I6366" i="2"/>
  <c r="I6340" i="5" s="1"/>
  <c r="K6366" i="2"/>
  <c r="K6340" i="5" s="1"/>
  <c r="O6340" i="5" s="1"/>
  <c r="J6366" i="2"/>
  <c r="J6340" i="5" s="1"/>
  <c r="N6340" i="5" s="1"/>
  <c r="J7199" i="2"/>
  <c r="J7173" i="5" s="1"/>
  <c r="N7173" i="5" s="1"/>
  <c r="M7199" i="2"/>
  <c r="M7173" i="5" s="1"/>
  <c r="L7199" i="2"/>
  <c r="L7173" i="5" s="1"/>
  <c r="I7199" i="2"/>
  <c r="I7173" i="5" s="1"/>
  <c r="K7199" i="2"/>
  <c r="K7173" i="5" s="1"/>
  <c r="O7173" i="5" s="1"/>
  <c r="I1586" i="2"/>
  <c r="I1560" i="5" s="1"/>
  <c r="K1586" i="2"/>
  <c r="K1560" i="5" s="1"/>
  <c r="O1560" i="5" s="1"/>
  <c r="J1586" i="2"/>
  <c r="J1560" i="5" s="1"/>
  <c r="N1560" i="5" s="1"/>
  <c r="M1586" i="2"/>
  <c r="M1560" i="5" s="1"/>
  <c r="L1586" i="2"/>
  <c r="L1560" i="5" s="1"/>
  <c r="J3501" i="2"/>
  <c r="J3475" i="5" s="1"/>
  <c r="N3475" i="5" s="1"/>
  <c r="M3501" i="2"/>
  <c r="M3475" i="5" s="1"/>
  <c r="I3501" i="2"/>
  <c r="I3475" i="5" s="1"/>
  <c r="K3501" i="2"/>
  <c r="K3475" i="5" s="1"/>
  <c r="O3475" i="5" s="1"/>
  <c r="L3501" i="2"/>
  <c r="L3475" i="5" s="1"/>
  <c r="M6698" i="2"/>
  <c r="M6672" i="5" s="1"/>
  <c r="I6698" i="2"/>
  <c r="I6672" i="5" s="1"/>
  <c r="J6698" i="2"/>
  <c r="J6672" i="5" s="1"/>
  <c r="N6672" i="5" s="1"/>
  <c r="L6698" i="2"/>
  <c r="L6672" i="5" s="1"/>
  <c r="K6698" i="2"/>
  <c r="K6672" i="5" s="1"/>
  <c r="O6672" i="5" s="1"/>
  <c r="K7119" i="2"/>
  <c r="K7093" i="5" s="1"/>
  <c r="O7093" i="5" s="1"/>
  <c r="L7119" i="2"/>
  <c r="L7093" i="5" s="1"/>
  <c r="J7119" i="2"/>
  <c r="J7093" i="5" s="1"/>
  <c r="N7093" i="5" s="1"/>
  <c r="M7119" i="2"/>
  <c r="M7093" i="5" s="1"/>
  <c r="I7119" i="2"/>
  <c r="I7093" i="5" s="1"/>
  <c r="K2134" i="2"/>
  <c r="K2108" i="5" s="1"/>
  <c r="O2108" i="5" s="1"/>
  <c r="L2134" i="2"/>
  <c r="L2108" i="5" s="1"/>
  <c r="M2134" i="2"/>
  <c r="M2108" i="5" s="1"/>
  <c r="I2134" i="2"/>
  <c r="I2108" i="5" s="1"/>
  <c r="J2134" i="2"/>
  <c r="J2108" i="5" s="1"/>
  <c r="N2108" i="5" s="1"/>
  <c r="J2123" i="2"/>
  <c r="J2097" i="5" s="1"/>
  <c r="N2097" i="5" s="1"/>
  <c r="I2123" i="2"/>
  <c r="I2097" i="5" s="1"/>
  <c r="J3324" i="2"/>
  <c r="J3298" i="5" s="1"/>
  <c r="N3298" i="5" s="1"/>
  <c r="L3324" i="2"/>
  <c r="L3298" i="5" s="1"/>
  <c r="M3324" i="2"/>
  <c r="M3298" i="5" s="1"/>
  <c r="I3324" i="2"/>
  <c r="I3298" i="5" s="1"/>
  <c r="I4508" i="2"/>
  <c r="I4482" i="5" s="1"/>
  <c r="K4508" i="2"/>
  <c r="K4482" i="5" s="1"/>
  <c r="O4482" i="5" s="1"/>
  <c r="J4508" i="2"/>
  <c r="J4482" i="5" s="1"/>
  <c r="N4482" i="5" s="1"/>
  <c r="L4508" i="2"/>
  <c r="L4482" i="5" s="1"/>
  <c r="M4508" i="2"/>
  <c r="M4482" i="5" s="1"/>
  <c r="K4505" i="2"/>
  <c r="K4479" i="5" s="1"/>
  <c r="O4479" i="5" s="1"/>
  <c r="J4505" i="2"/>
  <c r="J4479" i="5" s="1"/>
  <c r="N4479" i="5" s="1"/>
  <c r="I4505" i="2"/>
  <c r="I4479" i="5" s="1"/>
  <c r="L4505" i="2"/>
  <c r="L4479" i="5" s="1"/>
  <c r="M4505" i="2"/>
  <c r="M4479" i="5" s="1"/>
  <c r="I7444" i="2"/>
  <c r="I7418" i="5" s="1"/>
  <c r="K7444" i="2"/>
  <c r="K7418" i="5" s="1"/>
  <c r="O7418" i="5" s="1"/>
  <c r="L7444" i="2"/>
  <c r="L7418" i="5" s="1"/>
  <c r="M7444" i="2"/>
  <c r="M7418" i="5" s="1"/>
  <c r="J7444" i="2"/>
  <c r="J7418" i="5" s="1"/>
  <c r="N7418" i="5" s="1"/>
  <c r="I7445" i="2"/>
  <c r="I7419" i="5" s="1"/>
  <c r="M7445" i="2"/>
  <c r="M7419" i="5" s="1"/>
  <c r="J7445" i="2"/>
  <c r="J7419" i="5" s="1"/>
  <c r="N7419" i="5" s="1"/>
  <c r="K7445" i="2"/>
  <c r="K7419" i="5" s="1"/>
  <c r="O7419" i="5" s="1"/>
  <c r="L7445" i="2"/>
  <c r="L7419" i="5" s="1"/>
  <c r="K6507" i="2"/>
  <c r="K6481" i="5" s="1"/>
  <c r="O6481" i="5" s="1"/>
  <c r="M6507" i="2"/>
  <c r="M6481" i="5" s="1"/>
  <c r="J6507" i="2"/>
  <c r="J6481" i="5" s="1"/>
  <c r="N6481" i="5" s="1"/>
  <c r="I6507" i="2"/>
  <c r="I6481" i="5" s="1"/>
  <c r="L6507" i="2"/>
  <c r="L6481" i="5" s="1"/>
  <c r="L6497" i="2"/>
  <c r="L6471" i="5" s="1"/>
  <c r="K6497" i="2"/>
  <c r="K6471" i="5" s="1"/>
  <c r="O6471" i="5" s="1"/>
  <c r="J6497" i="2"/>
  <c r="J6471" i="5" s="1"/>
  <c r="N6471" i="5" s="1"/>
  <c r="M6497" i="2"/>
  <c r="M6471" i="5" s="1"/>
  <c r="I6497" i="2"/>
  <c r="I6471" i="5" s="1"/>
  <c r="I4852" i="2"/>
  <c r="I4826" i="5" s="1"/>
  <c r="K4852" i="2"/>
  <c r="K4826" i="5" s="1"/>
  <c r="O4826" i="5" s="1"/>
  <c r="M4852" i="2"/>
  <c r="M4826" i="5" s="1"/>
  <c r="J4852" i="2"/>
  <c r="J4826" i="5" s="1"/>
  <c r="N4826" i="5" s="1"/>
  <c r="L4852" i="2"/>
  <c r="L4826" i="5" s="1"/>
  <c r="L7869" i="2"/>
  <c r="L7843" i="5" s="1"/>
  <c r="I7869" i="2"/>
  <c r="I7843" i="5" s="1"/>
  <c r="K7869" i="2"/>
  <c r="K7843" i="5" s="1"/>
  <c r="O7843" i="5" s="1"/>
  <c r="J7869" i="2"/>
  <c r="J7843" i="5" s="1"/>
  <c r="N7843" i="5" s="1"/>
  <c r="M7869" i="2"/>
  <c r="M7843" i="5" s="1"/>
  <c r="I4929" i="2"/>
  <c r="I4903" i="5" s="1"/>
  <c r="K4929" i="2"/>
  <c r="K4903" i="5" s="1"/>
  <c r="O4903" i="5" s="1"/>
  <c r="L4929" i="2"/>
  <c r="L4903" i="5" s="1"/>
  <c r="J4929" i="2"/>
  <c r="J4903" i="5" s="1"/>
  <c r="N4903" i="5" s="1"/>
  <c r="M4929" i="2"/>
  <c r="M4903" i="5" s="1"/>
  <c r="M8286" i="2"/>
  <c r="M8260" i="5" s="1"/>
  <c r="I8286" i="2"/>
  <c r="I8260" i="5" s="1"/>
  <c r="L8286" i="2"/>
  <c r="L8260" i="5" s="1"/>
  <c r="K8286" i="2"/>
  <c r="K8260" i="5" s="1"/>
  <c r="O8260" i="5" s="1"/>
  <c r="J8286" i="2"/>
  <c r="J8260" i="5" s="1"/>
  <c r="N8260" i="5" s="1"/>
  <c r="J8288" i="2"/>
  <c r="J8262" i="5" s="1"/>
  <c r="N8262" i="5" s="1"/>
  <c r="M8288" i="2"/>
  <c r="M8262" i="5" s="1"/>
  <c r="K8288" i="2"/>
  <c r="K8262" i="5" s="1"/>
  <c r="O8262" i="5" s="1"/>
  <c r="L8288" i="2"/>
  <c r="L8262" i="5" s="1"/>
  <c r="I8288" i="2"/>
  <c r="I8262" i="5" s="1"/>
  <c r="I4622" i="2"/>
  <c r="I4596" i="5" s="1"/>
  <c r="L4622" i="2"/>
  <c r="L4596" i="5" s="1"/>
  <c r="M4622" i="2"/>
  <c r="M4596" i="5" s="1"/>
  <c r="K4622" i="2"/>
  <c r="K4596" i="5" s="1"/>
  <c r="O4596" i="5" s="1"/>
  <c r="J4622" i="2"/>
  <c r="J4596" i="5" s="1"/>
  <c r="N4596" i="5" s="1"/>
  <c r="L4623" i="2"/>
  <c r="L4597" i="5" s="1"/>
  <c r="J4623" i="2"/>
  <c r="J4597" i="5" s="1"/>
  <c r="N4597" i="5" s="1"/>
  <c r="I4623" i="2"/>
  <c r="I4597" i="5" s="1"/>
  <c r="K4623" i="2"/>
  <c r="K4597" i="5" s="1"/>
  <c r="O4597" i="5" s="1"/>
  <c r="M4623" i="2"/>
  <c r="M4597" i="5" s="1"/>
  <c r="K2429" i="2"/>
  <c r="K2403" i="5" s="1"/>
  <c r="O2403" i="5" s="1"/>
  <c r="J2429" i="2"/>
  <c r="J2403" i="5" s="1"/>
  <c r="N2403" i="5" s="1"/>
  <c r="L2429" i="2"/>
  <c r="L2403" i="5" s="1"/>
  <c r="M2429" i="2"/>
  <c r="M2403" i="5" s="1"/>
  <c r="I2429" i="2"/>
  <c r="I2403" i="5" s="1"/>
  <c r="K5295" i="2"/>
  <c r="K5269" i="5" s="1"/>
  <c r="O5269" i="5" s="1"/>
  <c r="J5295" i="2"/>
  <c r="J5269" i="5" s="1"/>
  <c r="N5269" i="5" s="1"/>
  <c r="M5295" i="2"/>
  <c r="M5269" i="5" s="1"/>
  <c r="L5295" i="2"/>
  <c r="L5269" i="5" s="1"/>
  <c r="I5295" i="2"/>
  <c r="I5269" i="5" s="1"/>
  <c r="J7982" i="2"/>
  <c r="J7956" i="5" s="1"/>
  <c r="N7956" i="5" s="1"/>
  <c r="M7982" i="2"/>
  <c r="M7956" i="5" s="1"/>
  <c r="I7982" i="2"/>
  <c r="I7956" i="5" s="1"/>
  <c r="L7982" i="2"/>
  <c r="L7956" i="5" s="1"/>
  <c r="K7982" i="2"/>
  <c r="K7956" i="5" s="1"/>
  <c r="O7956" i="5" s="1"/>
  <c r="M4101" i="2"/>
  <c r="M4075" i="5" s="1"/>
  <c r="L4101" i="2"/>
  <c r="L4075" i="5" s="1"/>
  <c r="I4101" i="2"/>
  <c r="I4075" i="5" s="1"/>
  <c r="K4101" i="2"/>
  <c r="K4075" i="5" s="1"/>
  <c r="O4075" i="5" s="1"/>
  <c r="J4101" i="2"/>
  <c r="J4075" i="5" s="1"/>
  <c r="N4075" i="5" s="1"/>
  <c r="M8607" i="2"/>
  <c r="M8581" i="5" s="1"/>
  <c r="I8607" i="2"/>
  <c r="I8581" i="5" s="1"/>
  <c r="K8607" i="2"/>
  <c r="K8581" i="5" s="1"/>
  <c r="O8581" i="5" s="1"/>
  <c r="J8607" i="2"/>
  <c r="J8581" i="5" s="1"/>
  <c r="N8581" i="5" s="1"/>
  <c r="L8607" i="2"/>
  <c r="L8581" i="5" s="1"/>
  <c r="K6084" i="2"/>
  <c r="K6058" i="5" s="1"/>
  <c r="O6058" i="5" s="1"/>
  <c r="J6084" i="2"/>
  <c r="J6058" i="5" s="1"/>
  <c r="N6058" i="5" s="1"/>
  <c r="M6084" i="2"/>
  <c r="M6058" i="5" s="1"/>
  <c r="I6084" i="2"/>
  <c r="I6058" i="5" s="1"/>
  <c r="L6084" i="2"/>
  <c r="L6058" i="5" s="1"/>
  <c r="I3988" i="2"/>
  <c r="I3962" i="5" s="1"/>
  <c r="K3988" i="2"/>
  <c r="K3962" i="5" s="1"/>
  <c r="O3962" i="5" s="1"/>
  <c r="J3988" i="2"/>
  <c r="J3962" i="5" s="1"/>
  <c r="N3962" i="5" s="1"/>
  <c r="L3988" i="2"/>
  <c r="L3962" i="5" s="1"/>
  <c r="M3988" i="2"/>
  <c r="M3962" i="5" s="1"/>
  <c r="J3979" i="2"/>
  <c r="J3953" i="5" s="1"/>
  <c r="N3953" i="5" s="1"/>
  <c r="L3979" i="2"/>
  <c r="L3953" i="5" s="1"/>
  <c r="M3979" i="2"/>
  <c r="M3953" i="5" s="1"/>
  <c r="I3979" i="2"/>
  <c r="I3953" i="5" s="1"/>
  <c r="K3979" i="2"/>
  <c r="K3953" i="5" s="1"/>
  <c r="O3953" i="5" s="1"/>
  <c r="L6131" i="2"/>
  <c r="L6105" i="5" s="1"/>
  <c r="K6131" i="2"/>
  <c r="K6105" i="5" s="1"/>
  <c r="O6105" i="5" s="1"/>
  <c r="M6131" i="2"/>
  <c r="M6105" i="5" s="1"/>
  <c r="I6131" i="2"/>
  <c r="I6105" i="5" s="1"/>
  <c r="J6131" i="2"/>
  <c r="J6105" i="5" s="1"/>
  <c r="N6105" i="5" s="1"/>
  <c r="M5777" i="2"/>
  <c r="M5751" i="5" s="1"/>
  <c r="I5777" i="2"/>
  <c r="I5751" i="5" s="1"/>
  <c r="L5777" i="2"/>
  <c r="L5751" i="5" s="1"/>
  <c r="K5777" i="2"/>
  <c r="K5751" i="5" s="1"/>
  <c r="O5751" i="5" s="1"/>
  <c r="J5777" i="2"/>
  <c r="J5751" i="5" s="1"/>
  <c r="N5751" i="5" s="1"/>
  <c r="M5770" i="2"/>
  <c r="M5744" i="5" s="1"/>
  <c r="J5770" i="2"/>
  <c r="J5744" i="5" s="1"/>
  <c r="N5744" i="5" s="1"/>
  <c r="I5770" i="2"/>
  <c r="I5744" i="5" s="1"/>
  <c r="L5770" i="2"/>
  <c r="L5744" i="5" s="1"/>
  <c r="K5770" i="2"/>
  <c r="K5744" i="5" s="1"/>
  <c r="O5744" i="5" s="1"/>
  <c r="J8705" i="2"/>
  <c r="J8679" i="5" s="1"/>
  <c r="N8679" i="5" s="1"/>
  <c r="L8705" i="2"/>
  <c r="L8679" i="5" s="1"/>
  <c r="M8705" i="2"/>
  <c r="M8679" i="5" s="1"/>
  <c r="K8705" i="2"/>
  <c r="K8679" i="5" s="1"/>
  <c r="O8679" i="5" s="1"/>
  <c r="I8705" i="2"/>
  <c r="I8679" i="5" s="1"/>
  <c r="J8721" i="2"/>
  <c r="J8695" i="5" s="1"/>
  <c r="N8695" i="5" s="1"/>
  <c r="M8721" i="2"/>
  <c r="M8695" i="5" s="1"/>
  <c r="L8721" i="2"/>
  <c r="L8695" i="5" s="1"/>
  <c r="I8721" i="2"/>
  <c r="I8695" i="5" s="1"/>
  <c r="K8721" i="2"/>
  <c r="K8695" i="5" s="1"/>
  <c r="O8695" i="5" s="1"/>
  <c r="M5325" i="2"/>
  <c r="M5299" i="5" s="1"/>
  <c r="I5325" i="2"/>
  <c r="I5299" i="5" s="1"/>
  <c r="J5325" i="2"/>
  <c r="J5299" i="5" s="1"/>
  <c r="N5299" i="5" s="1"/>
  <c r="L5325" i="2"/>
  <c r="L5299" i="5" s="1"/>
  <c r="K5325" i="2"/>
  <c r="K5299" i="5" s="1"/>
  <c r="O5299" i="5" s="1"/>
  <c r="J5316" i="2"/>
  <c r="J5290" i="5" s="1"/>
  <c r="N5290" i="5" s="1"/>
  <c r="L5316" i="2"/>
  <c r="L5290" i="5" s="1"/>
  <c r="I5316" i="2"/>
  <c r="I5290" i="5" s="1"/>
  <c r="K5316" i="2"/>
  <c r="K5290" i="5" s="1"/>
  <c r="O5290" i="5" s="1"/>
  <c r="M5316" i="2"/>
  <c r="M5290" i="5" s="1"/>
  <c r="J7273" i="2"/>
  <c r="J7247" i="5" s="1"/>
  <c r="N7247" i="5" s="1"/>
  <c r="L7273" i="2"/>
  <c r="L7247" i="5" s="1"/>
  <c r="M7273" i="2"/>
  <c r="M7247" i="5" s="1"/>
  <c r="I7273" i="2"/>
  <c r="I7247" i="5" s="1"/>
  <c r="K7273" i="2"/>
  <c r="K7247" i="5" s="1"/>
  <c r="O7247" i="5" s="1"/>
  <c r="K6343" i="2"/>
  <c r="K6317" i="5" s="1"/>
  <c r="O6317" i="5" s="1"/>
  <c r="J6343" i="2"/>
  <c r="J6317" i="5" s="1"/>
  <c r="N6317" i="5" s="1"/>
  <c r="M6343" i="2"/>
  <c r="M6317" i="5" s="1"/>
  <c r="I6343" i="2"/>
  <c r="I6317" i="5" s="1"/>
  <c r="L6343" i="2"/>
  <c r="L6317" i="5" s="1"/>
  <c r="L7792" i="2"/>
  <c r="L7766" i="5" s="1"/>
  <c r="K7792" i="2"/>
  <c r="K7766" i="5" s="1"/>
  <c r="O7766" i="5" s="1"/>
  <c r="J7792" i="2"/>
  <c r="J7766" i="5" s="1"/>
  <c r="N7766" i="5" s="1"/>
  <c r="M7792" i="2"/>
  <c r="M7766" i="5" s="1"/>
  <c r="I7792" i="2"/>
  <c r="I7766" i="5" s="1"/>
  <c r="K7794" i="2"/>
  <c r="K7768" i="5" s="1"/>
  <c r="O7768" i="5" s="1"/>
  <c r="M7794" i="2"/>
  <c r="M7768" i="5" s="1"/>
  <c r="J7794" i="2"/>
  <c r="J7768" i="5" s="1"/>
  <c r="N7768" i="5" s="1"/>
  <c r="L7794" i="2"/>
  <c r="L7768" i="5" s="1"/>
  <c r="I7794" i="2"/>
  <c r="I7768" i="5" s="1"/>
  <c r="I8019" i="2"/>
  <c r="I7993" i="5" s="1"/>
  <c r="L8019" i="2"/>
  <c r="L7993" i="5" s="1"/>
  <c r="M8019" i="2"/>
  <c r="M7993" i="5" s="1"/>
  <c r="K8019" i="2"/>
  <c r="K7993" i="5" s="1"/>
  <c r="O7993" i="5" s="1"/>
  <c r="J8019" i="2"/>
  <c r="J7993" i="5" s="1"/>
  <c r="N7993" i="5" s="1"/>
  <c r="L8008" i="2"/>
  <c r="L7982" i="5" s="1"/>
  <c r="I8008" i="2"/>
  <c r="I7982" i="5" s="1"/>
  <c r="M8008" i="2"/>
  <c r="M7982" i="5" s="1"/>
  <c r="K8008" i="2"/>
  <c r="K7982" i="5" s="1"/>
  <c r="O7982" i="5" s="1"/>
  <c r="J8008" i="2"/>
  <c r="J7982" i="5" s="1"/>
  <c r="N7982" i="5" s="1"/>
  <c r="L5674" i="2"/>
  <c r="L5648" i="5" s="1"/>
  <c r="I5674" i="2"/>
  <c r="I5648" i="5" s="1"/>
  <c r="K5674" i="2"/>
  <c r="K5648" i="5" s="1"/>
  <c r="O5648" i="5" s="1"/>
  <c r="J5674" i="2"/>
  <c r="J5648" i="5" s="1"/>
  <c r="N5648" i="5" s="1"/>
  <c r="M5674" i="2"/>
  <c r="M5648" i="5" s="1"/>
  <c r="M4786" i="2"/>
  <c r="M4760" i="5" s="1"/>
  <c r="L4786" i="2"/>
  <c r="L4760" i="5" s="1"/>
  <c r="J4786" i="2"/>
  <c r="J4760" i="5" s="1"/>
  <c r="N4760" i="5" s="1"/>
  <c r="I4786" i="2"/>
  <c r="I4760" i="5" s="1"/>
  <c r="K4786" i="2"/>
  <c r="K4760" i="5" s="1"/>
  <c r="O4760" i="5" s="1"/>
  <c r="J8499" i="2"/>
  <c r="J8473" i="5" s="1"/>
  <c r="N8473" i="5" s="1"/>
  <c r="M8499" i="2"/>
  <c r="M8473" i="5" s="1"/>
  <c r="K8499" i="2"/>
  <c r="K8473" i="5" s="1"/>
  <c r="O8473" i="5" s="1"/>
  <c r="I8499" i="2"/>
  <c r="I8473" i="5" s="1"/>
  <c r="L8499" i="2"/>
  <c r="L8473" i="5" s="1"/>
  <c r="M6860" i="2"/>
  <c r="M6834" i="5" s="1"/>
  <c r="K6860" i="2"/>
  <c r="K6834" i="5" s="1"/>
  <c r="O6834" i="5" s="1"/>
  <c r="L6860" i="2"/>
  <c r="L6834" i="5" s="1"/>
  <c r="J6860" i="2"/>
  <c r="J6834" i="5" s="1"/>
  <c r="N6834" i="5" s="1"/>
  <c r="I6860" i="2"/>
  <c r="I6834" i="5" s="1"/>
  <c r="I139" i="2"/>
  <c r="I113" i="5" s="1"/>
  <c r="L139" i="2"/>
  <c r="L113" i="5" s="1"/>
  <c r="K139" i="2"/>
  <c r="K113" i="5" s="1"/>
  <c r="O113" i="5" s="1"/>
  <c r="J139" i="2"/>
  <c r="J113" i="5" s="1"/>
  <c r="N113" i="5" s="1"/>
  <c r="M8669" i="2"/>
  <c r="M8643" i="5" s="1"/>
  <c r="L8669" i="2"/>
  <c r="L8643" i="5" s="1"/>
  <c r="I8669" i="2"/>
  <c r="I8643" i="5" s="1"/>
  <c r="J8669" i="2"/>
  <c r="J8643" i="5" s="1"/>
  <c r="N8643" i="5" s="1"/>
  <c r="K8669" i="2"/>
  <c r="K8643" i="5" s="1"/>
  <c r="O8643" i="5" s="1"/>
  <c r="M4296" i="2"/>
  <c r="M4270" i="5" s="1"/>
  <c r="L4296" i="2"/>
  <c r="L4270" i="5" s="1"/>
  <c r="I4296" i="2"/>
  <c r="I4270" i="5" s="1"/>
  <c r="K4296" i="2"/>
  <c r="K4270" i="5" s="1"/>
  <c r="O4270" i="5" s="1"/>
  <c r="J4296" i="2"/>
  <c r="J4270" i="5" s="1"/>
  <c r="N4270" i="5" s="1"/>
  <c r="K4283" i="2"/>
  <c r="K4257" i="5" s="1"/>
  <c r="O4257" i="5" s="1"/>
  <c r="M4283" i="2"/>
  <c r="M4257" i="5" s="1"/>
  <c r="J4283" i="2"/>
  <c r="J4257" i="5" s="1"/>
  <c r="N4257" i="5" s="1"/>
  <c r="L4283" i="2"/>
  <c r="L4257" i="5" s="1"/>
  <c r="I4283" i="2"/>
  <c r="I4257" i="5" s="1"/>
  <c r="K6257" i="2"/>
  <c r="K6231" i="5" s="1"/>
  <c r="O6231" i="5" s="1"/>
  <c r="J6257" i="2"/>
  <c r="J6231" i="5" s="1"/>
  <c r="N6231" i="5" s="1"/>
  <c r="I6257" i="2"/>
  <c r="I6231" i="5" s="1"/>
  <c r="M6257" i="2"/>
  <c r="M6231" i="5" s="1"/>
  <c r="L6257" i="2"/>
  <c r="L6231" i="5" s="1"/>
  <c r="K6273" i="2"/>
  <c r="K6247" i="5" s="1"/>
  <c r="O6247" i="5" s="1"/>
  <c r="I6273" i="2"/>
  <c r="I6247" i="5" s="1"/>
  <c r="J6273" i="2"/>
  <c r="J6247" i="5" s="1"/>
  <c r="N6247" i="5" s="1"/>
  <c r="L6273" i="2"/>
  <c r="L6247" i="5" s="1"/>
  <c r="M6273" i="2"/>
  <c r="M6247" i="5" s="1"/>
  <c r="K7851" i="2"/>
  <c r="K7825" i="5" s="1"/>
  <c r="O7825" i="5" s="1"/>
  <c r="M7851" i="2"/>
  <c r="M7825" i="5" s="1"/>
  <c r="L7851" i="2"/>
  <c r="L7825" i="5" s="1"/>
  <c r="I7851" i="2"/>
  <c r="I7825" i="5" s="1"/>
  <c r="J7851" i="2"/>
  <c r="J7825" i="5" s="1"/>
  <c r="N7825" i="5" s="1"/>
  <c r="K619" i="2"/>
  <c r="K593" i="5" s="1"/>
  <c r="O593" i="5" s="1"/>
  <c r="M619" i="2"/>
  <c r="M593" i="5" s="1"/>
  <c r="L619" i="2"/>
  <c r="L593" i="5" s="1"/>
  <c r="I619" i="2"/>
  <c r="I593" i="5" s="1"/>
  <c r="J619" i="2"/>
  <c r="J593" i="5" s="1"/>
  <c r="N593" i="5" s="1"/>
  <c r="I2756" i="2"/>
  <c r="I2730" i="5" s="1"/>
  <c r="K2756" i="2"/>
  <c r="K2730" i="5" s="1"/>
  <c r="O2730" i="5" s="1"/>
  <c r="J2756" i="2"/>
  <c r="J2730" i="5" s="1"/>
  <c r="N2730" i="5" s="1"/>
  <c r="L2756" i="2"/>
  <c r="L2730" i="5" s="1"/>
  <c r="M2756" i="2"/>
  <c r="M2730" i="5" s="1"/>
  <c r="I1399" i="2"/>
  <c r="I1373" i="5" s="1"/>
  <c r="M1399" i="2"/>
  <c r="M1373" i="5" s="1"/>
  <c r="L1399" i="2"/>
  <c r="L1373" i="5" s="1"/>
  <c r="K1399" i="2"/>
  <c r="K1373" i="5" s="1"/>
  <c r="O1373" i="5" s="1"/>
  <c r="L565" i="2"/>
  <c r="L539" i="5" s="1"/>
  <c r="I565" i="2"/>
  <c r="I539" i="5" s="1"/>
  <c r="M565" i="2"/>
  <c r="M539" i="5" s="1"/>
  <c r="K565" i="2"/>
  <c r="K539" i="5" s="1"/>
  <c r="O539" i="5" s="1"/>
  <c r="J565" i="2"/>
  <c r="J539" i="5" s="1"/>
  <c r="N539" i="5" s="1"/>
  <c r="K7709" i="2"/>
  <c r="K7683" i="5" s="1"/>
  <c r="O7683" i="5" s="1"/>
  <c r="J7709" i="2"/>
  <c r="J7683" i="5" s="1"/>
  <c r="N7683" i="5" s="1"/>
  <c r="I7709" i="2"/>
  <c r="I7683" i="5" s="1"/>
  <c r="L7709" i="2"/>
  <c r="L7683" i="5" s="1"/>
  <c r="M7709" i="2"/>
  <c r="M7683" i="5" s="1"/>
  <c r="M5104" i="2"/>
  <c r="M5078" i="5" s="1"/>
  <c r="L5104" i="2"/>
  <c r="L5078" i="5" s="1"/>
  <c r="I5104" i="2"/>
  <c r="I5078" i="5" s="1"/>
  <c r="K5104" i="2"/>
  <c r="K5078" i="5" s="1"/>
  <c r="O5078" i="5" s="1"/>
  <c r="J5104" i="2"/>
  <c r="J5078" i="5" s="1"/>
  <c r="N5078" i="5" s="1"/>
  <c r="I5117" i="2"/>
  <c r="I5091" i="5" s="1"/>
  <c r="J5117" i="2"/>
  <c r="J5091" i="5" s="1"/>
  <c r="N5091" i="5" s="1"/>
  <c r="L5117" i="2"/>
  <c r="L5091" i="5" s="1"/>
  <c r="K5117" i="2"/>
  <c r="K5091" i="5" s="1"/>
  <c r="O5091" i="5" s="1"/>
  <c r="M5117" i="2"/>
  <c r="M5091" i="5" s="1"/>
  <c r="M1744" i="2"/>
  <c r="M1718" i="5" s="1"/>
  <c r="L1744" i="2"/>
  <c r="L1718" i="5" s="1"/>
  <c r="I1744" i="2"/>
  <c r="I1718" i="5" s="1"/>
  <c r="K1744" i="2"/>
  <c r="K1718" i="5" s="1"/>
  <c r="O1718" i="5" s="1"/>
  <c r="J1744" i="2"/>
  <c r="J1718" i="5" s="1"/>
  <c r="N1718" i="5" s="1"/>
  <c r="J3631" i="2"/>
  <c r="J3605" i="5" s="1"/>
  <c r="N3605" i="5" s="1"/>
  <c r="K3631" i="2"/>
  <c r="K3605" i="5" s="1"/>
  <c r="O3605" i="5" s="1"/>
  <c r="M3631" i="2"/>
  <c r="M3605" i="5" s="1"/>
  <c r="L3631" i="2"/>
  <c r="L3605" i="5" s="1"/>
  <c r="I3631" i="2"/>
  <c r="I3605" i="5" s="1"/>
  <c r="L3625" i="2"/>
  <c r="L3599" i="5" s="1"/>
  <c r="I3625" i="2"/>
  <c r="I3599" i="5" s="1"/>
  <c r="M3625" i="2"/>
  <c r="M3599" i="5" s="1"/>
  <c r="K3625" i="2"/>
  <c r="K3599" i="5" s="1"/>
  <c r="O3599" i="5" s="1"/>
  <c r="J3625" i="2"/>
  <c r="J3599" i="5" s="1"/>
  <c r="N3599" i="5" s="1"/>
  <c r="I2890" i="2"/>
  <c r="I2864" i="5" s="1"/>
  <c r="M2890" i="2"/>
  <c r="M2864" i="5" s="1"/>
  <c r="L2890" i="2"/>
  <c r="L2864" i="5" s="1"/>
  <c r="J2890" i="2"/>
  <c r="J2864" i="5" s="1"/>
  <c r="N2864" i="5" s="1"/>
  <c r="K2890" i="2"/>
  <c r="K2864" i="5" s="1"/>
  <c r="O2864" i="5" s="1"/>
  <c r="K2899" i="2"/>
  <c r="K2873" i="5" s="1"/>
  <c r="O2873" i="5" s="1"/>
  <c r="L2899" i="2"/>
  <c r="L2873" i="5" s="1"/>
  <c r="J2899" i="2"/>
  <c r="J2873" i="5" s="1"/>
  <c r="N2873" i="5" s="1"/>
  <c r="M2899" i="2"/>
  <c r="M2873" i="5" s="1"/>
  <c r="I2899" i="2"/>
  <c r="I2873" i="5" s="1"/>
  <c r="I6665" i="2"/>
  <c r="I6639" i="5" s="1"/>
  <c r="L6665" i="2"/>
  <c r="L6639" i="5" s="1"/>
  <c r="K6665" i="2"/>
  <c r="K6639" i="5" s="1"/>
  <c r="O6639" i="5" s="1"/>
  <c r="J6665" i="2"/>
  <c r="J6639" i="5" s="1"/>
  <c r="N6639" i="5" s="1"/>
  <c r="M6665" i="2"/>
  <c r="M6639" i="5" s="1"/>
  <c r="L5957" i="2"/>
  <c r="L5931" i="5" s="1"/>
  <c r="K5957" i="2"/>
  <c r="K5931" i="5" s="1"/>
  <c r="O5931" i="5" s="1"/>
  <c r="J5957" i="2"/>
  <c r="J5931" i="5" s="1"/>
  <c r="N5931" i="5" s="1"/>
  <c r="M5957" i="2"/>
  <c r="M5931" i="5" s="1"/>
  <c r="I5957" i="2"/>
  <c r="I5931" i="5" s="1"/>
  <c r="I4676" i="2"/>
  <c r="I4650" i="5" s="1"/>
  <c r="M4676" i="2"/>
  <c r="M4650" i="5" s="1"/>
  <c r="L4676" i="2"/>
  <c r="L4650" i="5" s="1"/>
  <c r="K4676" i="2"/>
  <c r="K4650" i="5" s="1"/>
  <c r="O4650" i="5" s="1"/>
  <c r="J4676" i="2"/>
  <c r="J4650" i="5" s="1"/>
  <c r="N4650" i="5" s="1"/>
  <c r="AR195" i="1"/>
  <c r="C201" i="5"/>
  <c r="J6175" i="2"/>
  <c r="J6149" i="5" s="1"/>
  <c r="N6149" i="5" s="1"/>
  <c r="I6175" i="2"/>
  <c r="I6149" i="5" s="1"/>
  <c r="K6175" i="2"/>
  <c r="K6149" i="5" s="1"/>
  <c r="O6149" i="5" s="1"/>
  <c r="L6175" i="2"/>
  <c r="L6149" i="5" s="1"/>
  <c r="M6175" i="2"/>
  <c r="M6149" i="5" s="1"/>
  <c r="M2435" i="2"/>
  <c r="M2409" i="5" s="1"/>
  <c r="L2435" i="2"/>
  <c r="L2409" i="5" s="1"/>
  <c r="I2435" i="2"/>
  <c r="I2409" i="5" s="1"/>
  <c r="K2435" i="2"/>
  <c r="K2409" i="5" s="1"/>
  <c r="O2409" i="5" s="1"/>
  <c r="J2435" i="2"/>
  <c r="J2409" i="5" s="1"/>
  <c r="N2409" i="5" s="1"/>
  <c r="M2606" i="2"/>
  <c r="M2580" i="5" s="1"/>
  <c r="I2606" i="2"/>
  <c r="I2580" i="5" s="1"/>
  <c r="K2606" i="2"/>
  <c r="K2580" i="5" s="1"/>
  <c r="O2580" i="5" s="1"/>
  <c r="J2606" i="2"/>
  <c r="J2580" i="5" s="1"/>
  <c r="N2580" i="5" s="1"/>
  <c r="L2606" i="2"/>
  <c r="L2580" i="5" s="1"/>
  <c r="K8372" i="2"/>
  <c r="K8346" i="5" s="1"/>
  <c r="O8346" i="5" s="1"/>
  <c r="L8372" i="2"/>
  <c r="L8346" i="5" s="1"/>
  <c r="J8372" i="2"/>
  <c r="J8346" i="5" s="1"/>
  <c r="N8346" i="5" s="1"/>
  <c r="M8372" i="2"/>
  <c r="M8346" i="5" s="1"/>
  <c r="I8372" i="2"/>
  <c r="I8346" i="5" s="1"/>
  <c r="L1625" i="2"/>
  <c r="L1599" i="5" s="1"/>
  <c r="M1625" i="2"/>
  <c r="M1599" i="5" s="1"/>
  <c r="J1625" i="2"/>
  <c r="J1599" i="5" s="1"/>
  <c r="N1599" i="5" s="1"/>
  <c r="I1625" i="2"/>
  <c r="I1599" i="5" s="1"/>
  <c r="K1625" i="2"/>
  <c r="K1599" i="5" s="1"/>
  <c r="O1599" i="5" s="1"/>
  <c r="L3174" i="2"/>
  <c r="L3148" i="5" s="1"/>
  <c r="M3174" i="2"/>
  <c r="M3148" i="5" s="1"/>
  <c r="J3174" i="2"/>
  <c r="J3148" i="5" s="1"/>
  <c r="N3148" i="5" s="1"/>
  <c r="I3174" i="2"/>
  <c r="I3148" i="5" s="1"/>
  <c r="K3174" i="2"/>
  <c r="K3148" i="5" s="1"/>
  <c r="O3148" i="5" s="1"/>
  <c r="M3446" i="2"/>
  <c r="M3420" i="5" s="1"/>
  <c r="I3446" i="2"/>
  <c r="I3420" i="5" s="1"/>
  <c r="K3446" i="2"/>
  <c r="K3420" i="5" s="1"/>
  <c r="O3420" i="5" s="1"/>
  <c r="J3446" i="2"/>
  <c r="J3420" i="5" s="1"/>
  <c r="N3420" i="5" s="1"/>
  <c r="L3446" i="2"/>
  <c r="L3420" i="5" s="1"/>
  <c r="C150" i="5"/>
  <c r="AR144" i="1"/>
  <c r="K905" i="2"/>
  <c r="K879" i="5" s="1"/>
  <c r="O879" i="5" s="1"/>
  <c r="J905" i="2"/>
  <c r="J879" i="5" s="1"/>
  <c r="N879" i="5" s="1"/>
  <c r="L905" i="2"/>
  <c r="L879" i="5" s="1"/>
  <c r="M905" i="2"/>
  <c r="M879" i="5" s="1"/>
  <c r="I905" i="2"/>
  <c r="I879" i="5" s="1"/>
  <c r="I7946" i="2"/>
  <c r="I7920" i="5" s="1"/>
  <c r="J7946" i="2"/>
  <c r="J7920" i="5" s="1"/>
  <c r="N7920" i="5" s="1"/>
  <c r="M7946" i="2"/>
  <c r="M7920" i="5" s="1"/>
  <c r="K7946" i="2"/>
  <c r="K7920" i="5" s="1"/>
  <c r="O7920" i="5" s="1"/>
  <c r="M1925" i="2"/>
  <c r="M1899" i="5" s="1"/>
  <c r="J1925" i="2"/>
  <c r="J1899" i="5" s="1"/>
  <c r="N1899" i="5" s="1"/>
  <c r="L1925" i="2"/>
  <c r="L1899" i="5" s="1"/>
  <c r="I1925" i="2"/>
  <c r="I1899" i="5" s="1"/>
  <c r="K1925" i="2"/>
  <c r="K1899" i="5" s="1"/>
  <c r="O1899" i="5" s="1"/>
  <c r="M2727" i="2"/>
  <c r="M2701" i="5" s="1"/>
  <c r="K2727" i="2"/>
  <c r="K2701" i="5" s="1"/>
  <c r="O2701" i="5" s="1"/>
  <c r="L2727" i="2"/>
  <c r="L2701" i="5" s="1"/>
  <c r="I2727" i="2"/>
  <c r="I2701" i="5" s="1"/>
  <c r="J2727" i="2"/>
  <c r="J2701" i="5" s="1"/>
  <c r="N2701" i="5" s="1"/>
  <c r="J3003" i="2"/>
  <c r="J2977" i="5" s="1"/>
  <c r="N2977" i="5" s="1"/>
  <c r="M3003" i="2"/>
  <c r="M2977" i="5" s="1"/>
  <c r="L3003" i="2"/>
  <c r="L2977" i="5" s="1"/>
  <c r="I3003" i="2"/>
  <c r="I2977" i="5" s="1"/>
  <c r="K3003" i="2"/>
  <c r="K2977" i="5" s="1"/>
  <c r="O2977" i="5" s="1"/>
  <c r="K306" i="2"/>
  <c r="K280" i="5" s="1"/>
  <c r="O280" i="5" s="1"/>
  <c r="I306" i="2"/>
  <c r="I280" i="5" s="1"/>
  <c r="M306" i="2"/>
  <c r="M280" i="5" s="1"/>
  <c r="L306" i="2"/>
  <c r="L280" i="5" s="1"/>
  <c r="J306" i="2"/>
  <c r="J280" i="5" s="1"/>
  <c r="N280" i="5" s="1"/>
  <c r="L7475" i="2"/>
  <c r="L7449" i="5" s="1"/>
  <c r="J7475" i="2"/>
  <c r="J7449" i="5" s="1"/>
  <c r="N7449" i="5" s="1"/>
  <c r="M7475" i="2"/>
  <c r="M7449" i="5" s="1"/>
  <c r="I7475" i="2"/>
  <c r="I7449" i="5" s="1"/>
  <c r="K7475" i="2"/>
  <c r="K7449" i="5" s="1"/>
  <c r="O7449" i="5" s="1"/>
  <c r="L7543" i="2"/>
  <c r="L7517" i="5" s="1"/>
  <c r="M7543" i="2"/>
  <c r="M7517" i="5" s="1"/>
  <c r="J7543" i="2"/>
  <c r="J7517" i="5" s="1"/>
  <c r="N7517" i="5" s="1"/>
  <c r="I7543" i="2"/>
  <c r="I7517" i="5" s="1"/>
  <c r="K7543" i="2"/>
  <c r="K7517" i="5" s="1"/>
  <c r="O7517" i="5" s="1"/>
  <c r="K5174" i="2"/>
  <c r="K5148" i="5" s="1"/>
  <c r="O5148" i="5" s="1"/>
  <c r="L5174" i="2"/>
  <c r="L5148" i="5" s="1"/>
  <c r="M5174" i="2"/>
  <c r="M5148" i="5" s="1"/>
  <c r="J5174" i="2"/>
  <c r="J5148" i="5" s="1"/>
  <c r="N5148" i="5" s="1"/>
  <c r="I5174" i="2"/>
  <c r="I5148" i="5" s="1"/>
  <c r="I3824" i="2"/>
  <c r="I3798" i="5" s="1"/>
  <c r="L3824" i="2"/>
  <c r="L3798" i="5" s="1"/>
  <c r="M3824" i="2"/>
  <c r="M3798" i="5" s="1"/>
  <c r="J3824" i="2"/>
  <c r="J3798" i="5" s="1"/>
  <c r="N3798" i="5" s="1"/>
  <c r="K3824" i="2"/>
  <c r="K3798" i="5" s="1"/>
  <c r="O3798" i="5" s="1"/>
  <c r="K3823" i="2"/>
  <c r="K3797" i="5" s="1"/>
  <c r="O3797" i="5" s="1"/>
  <c r="J3823" i="2"/>
  <c r="J3797" i="5" s="1"/>
  <c r="N3797" i="5" s="1"/>
  <c r="M3823" i="2"/>
  <c r="M3797" i="5" s="1"/>
  <c r="L3823" i="2"/>
  <c r="L3797" i="5" s="1"/>
  <c r="I3823" i="2"/>
  <c r="I3797" i="5" s="1"/>
  <c r="M421" i="2"/>
  <c r="M395" i="5" s="1"/>
  <c r="I421" i="2"/>
  <c r="I395" i="5" s="1"/>
  <c r="K421" i="2"/>
  <c r="K395" i="5" s="1"/>
  <c r="O395" i="5" s="1"/>
  <c r="J421" i="2"/>
  <c r="J395" i="5" s="1"/>
  <c r="N395" i="5" s="1"/>
  <c r="L421" i="2"/>
  <c r="L395" i="5" s="1"/>
  <c r="J4340" i="2"/>
  <c r="J4314" i="5" s="1"/>
  <c r="N4314" i="5" s="1"/>
  <c r="L4340" i="2"/>
  <c r="L4314" i="5" s="1"/>
  <c r="M4340" i="2"/>
  <c r="M4314" i="5" s="1"/>
  <c r="K4340" i="2"/>
  <c r="K4314" i="5" s="1"/>
  <c r="O4314" i="5" s="1"/>
  <c r="K4331" i="2"/>
  <c r="K4305" i="5" s="1"/>
  <c r="O4305" i="5" s="1"/>
  <c r="J4331" i="2"/>
  <c r="J4305" i="5" s="1"/>
  <c r="N4305" i="5" s="1"/>
  <c r="M4331" i="2"/>
  <c r="M4305" i="5" s="1"/>
  <c r="L4331" i="2"/>
  <c r="L4305" i="5" s="1"/>
  <c r="I4331" i="2"/>
  <c r="I4305" i="5" s="1"/>
  <c r="M960" i="2"/>
  <c r="M934" i="5" s="1"/>
  <c r="J960" i="2"/>
  <c r="J934" i="5" s="1"/>
  <c r="N934" i="5" s="1"/>
  <c r="L960" i="2"/>
  <c r="L934" i="5" s="1"/>
  <c r="I960" i="2"/>
  <c r="I934" i="5" s="1"/>
  <c r="K960" i="2"/>
  <c r="K934" i="5" s="1"/>
  <c r="O934" i="5" s="1"/>
  <c r="M99" i="2"/>
  <c r="M73" i="5" s="1"/>
  <c r="L99" i="2"/>
  <c r="L73" i="5" s="1"/>
  <c r="I99" i="2"/>
  <c r="I73" i="5" s="1"/>
  <c r="J99" i="2"/>
  <c r="J73" i="5" s="1"/>
  <c r="N73" i="5" s="1"/>
  <c r="K99" i="2"/>
  <c r="K73" i="5" s="1"/>
  <c r="O73" i="5" s="1"/>
  <c r="K1949" i="2"/>
  <c r="K1923" i="5" s="1"/>
  <c r="O1923" i="5" s="1"/>
  <c r="I1949" i="2"/>
  <c r="I1923" i="5" s="1"/>
  <c r="J1949" i="2"/>
  <c r="J1923" i="5" s="1"/>
  <c r="N1923" i="5" s="1"/>
  <c r="L1949" i="2"/>
  <c r="L1923" i="5" s="1"/>
  <c r="M1949" i="2"/>
  <c r="M1923" i="5" s="1"/>
  <c r="L8330" i="2"/>
  <c r="L8304" i="5" s="1"/>
  <c r="M8330" i="2"/>
  <c r="M8304" i="5" s="1"/>
  <c r="I8330" i="2"/>
  <c r="I8304" i="5" s="1"/>
  <c r="K8330" i="2"/>
  <c r="K8304" i="5" s="1"/>
  <c r="O8304" i="5" s="1"/>
  <c r="J8330" i="2"/>
  <c r="J8304" i="5" s="1"/>
  <c r="N8304" i="5" s="1"/>
  <c r="J8553" i="2"/>
  <c r="J8527" i="5" s="1"/>
  <c r="N8527" i="5" s="1"/>
  <c r="L8553" i="2"/>
  <c r="L8527" i="5" s="1"/>
  <c r="I8553" i="2"/>
  <c r="I8527" i="5" s="1"/>
  <c r="K8553" i="2"/>
  <c r="K8527" i="5" s="1"/>
  <c r="O8527" i="5" s="1"/>
  <c r="M8553" i="2"/>
  <c r="M8527" i="5" s="1"/>
  <c r="J450" i="2"/>
  <c r="J424" i="5" s="1"/>
  <c r="N424" i="5" s="1"/>
  <c r="L450" i="2"/>
  <c r="L424" i="5" s="1"/>
  <c r="M450" i="2"/>
  <c r="M424" i="5" s="1"/>
  <c r="I450" i="2"/>
  <c r="I424" i="5" s="1"/>
  <c r="K450" i="2"/>
  <c r="K424" i="5" s="1"/>
  <c r="O424" i="5" s="1"/>
  <c r="I2335" i="2"/>
  <c r="I2309" i="5" s="1"/>
  <c r="K2335" i="2"/>
  <c r="K2309" i="5" s="1"/>
  <c r="O2309" i="5" s="1"/>
  <c r="J2335" i="2"/>
  <c r="J2309" i="5" s="1"/>
  <c r="N2309" i="5" s="1"/>
  <c r="L2335" i="2"/>
  <c r="L2309" i="5" s="1"/>
  <c r="M2335" i="2"/>
  <c r="M2309" i="5" s="1"/>
  <c r="K4611" i="2"/>
  <c r="K4585" i="5" s="1"/>
  <c r="O4585" i="5" s="1"/>
  <c r="L4611" i="2"/>
  <c r="L4585" i="5" s="1"/>
  <c r="I4611" i="2"/>
  <c r="I4585" i="5" s="1"/>
  <c r="M4611" i="2"/>
  <c r="M4585" i="5" s="1"/>
  <c r="J4611" i="2"/>
  <c r="J4585" i="5" s="1"/>
  <c r="N4585" i="5" s="1"/>
  <c r="I4261" i="2"/>
  <c r="I4235" i="5" s="1"/>
  <c r="K4261" i="2"/>
  <c r="K4235" i="5" s="1"/>
  <c r="O4235" i="5" s="1"/>
  <c r="J4261" i="2"/>
  <c r="J4235" i="5" s="1"/>
  <c r="N4235" i="5" s="1"/>
  <c r="M4261" i="2"/>
  <c r="M4235" i="5" s="1"/>
  <c r="L4261" i="2"/>
  <c r="L4235" i="5" s="1"/>
  <c r="K747" i="2"/>
  <c r="K721" i="5" s="1"/>
  <c r="O721" i="5" s="1"/>
  <c r="J747" i="2"/>
  <c r="J721" i="5" s="1"/>
  <c r="N721" i="5" s="1"/>
  <c r="M747" i="2"/>
  <c r="M721" i="5" s="1"/>
  <c r="I747" i="2"/>
  <c r="I721" i="5" s="1"/>
  <c r="L747" i="2"/>
  <c r="L721" i="5" s="1"/>
  <c r="K4087" i="2"/>
  <c r="K4061" i="5" s="1"/>
  <c r="O4061" i="5" s="1"/>
  <c r="M4087" i="2"/>
  <c r="M4061" i="5" s="1"/>
  <c r="L4087" i="2"/>
  <c r="L4061" i="5" s="1"/>
  <c r="J4087" i="2"/>
  <c r="J4061" i="5" s="1"/>
  <c r="N4061" i="5" s="1"/>
  <c r="I4087" i="2"/>
  <c r="I4061" i="5" s="1"/>
  <c r="J712" i="2"/>
  <c r="J686" i="5" s="1"/>
  <c r="N686" i="5" s="1"/>
  <c r="M712" i="2"/>
  <c r="M686" i="5" s="1"/>
  <c r="L712" i="2"/>
  <c r="L686" i="5" s="1"/>
  <c r="I712" i="2"/>
  <c r="I686" i="5" s="1"/>
  <c r="K712" i="2"/>
  <c r="K686" i="5" s="1"/>
  <c r="O686" i="5" s="1"/>
  <c r="M7607" i="2"/>
  <c r="M7581" i="5" s="1"/>
  <c r="L7607" i="2"/>
  <c r="L7581" i="5" s="1"/>
  <c r="I7607" i="2"/>
  <c r="I7581" i="5" s="1"/>
  <c r="K7607" i="2"/>
  <c r="K7581" i="5" s="1"/>
  <c r="O7581" i="5" s="1"/>
  <c r="J7607" i="2"/>
  <c r="J7581" i="5" s="1"/>
  <c r="N7581" i="5" s="1"/>
  <c r="L5614" i="2"/>
  <c r="L5588" i="5" s="1"/>
  <c r="I5614" i="2"/>
  <c r="I5588" i="5" s="1"/>
  <c r="K5614" i="2"/>
  <c r="K5588" i="5" s="1"/>
  <c r="O5588" i="5" s="1"/>
  <c r="M5614" i="2"/>
  <c r="M5588" i="5" s="1"/>
  <c r="J5614" i="2"/>
  <c r="J5588" i="5" s="1"/>
  <c r="N5588" i="5" s="1"/>
  <c r="L8173" i="2"/>
  <c r="L8147" i="5" s="1"/>
  <c r="M8173" i="2"/>
  <c r="M8147" i="5" s="1"/>
  <c r="I8173" i="2"/>
  <c r="I8147" i="5" s="1"/>
  <c r="K8173" i="2"/>
  <c r="K8147" i="5" s="1"/>
  <c r="O8147" i="5" s="1"/>
  <c r="J8173" i="2"/>
  <c r="J8147" i="5" s="1"/>
  <c r="N8147" i="5" s="1"/>
  <c r="L1147" i="2"/>
  <c r="L1121" i="5" s="1"/>
  <c r="M1147" i="2"/>
  <c r="M1121" i="5" s="1"/>
  <c r="J1147" i="2"/>
  <c r="J1121" i="5" s="1"/>
  <c r="N1121" i="5" s="1"/>
  <c r="I1147" i="2"/>
  <c r="I1121" i="5" s="1"/>
  <c r="K1147" i="2"/>
  <c r="K1121" i="5" s="1"/>
  <c r="O1121" i="5" s="1"/>
  <c r="L2459" i="2"/>
  <c r="L2433" i="5" s="1"/>
  <c r="M2459" i="2"/>
  <c r="M2433" i="5" s="1"/>
  <c r="I2459" i="2"/>
  <c r="I2433" i="5" s="1"/>
  <c r="K2459" i="2"/>
  <c r="K2433" i="5" s="1"/>
  <c r="O2433" i="5" s="1"/>
  <c r="J2459" i="2"/>
  <c r="J2433" i="5" s="1"/>
  <c r="N2433" i="5" s="1"/>
  <c r="AR103" i="1"/>
  <c r="C109" i="5"/>
  <c r="K929" i="2"/>
  <c r="K903" i="5" s="1"/>
  <c r="O903" i="5" s="1"/>
  <c r="J929" i="2"/>
  <c r="J903" i="5" s="1"/>
  <c r="N903" i="5" s="1"/>
  <c r="I929" i="2"/>
  <c r="I903" i="5" s="1"/>
  <c r="L929" i="2"/>
  <c r="L903" i="5" s="1"/>
  <c r="M929" i="2"/>
  <c r="M903" i="5" s="1"/>
  <c r="L780" i="2"/>
  <c r="L754" i="5" s="1"/>
  <c r="K780" i="2"/>
  <c r="K754" i="5" s="1"/>
  <c r="O754" i="5" s="1"/>
  <c r="J780" i="2"/>
  <c r="J754" i="5" s="1"/>
  <c r="N754" i="5" s="1"/>
  <c r="M780" i="2"/>
  <c r="M754" i="5" s="1"/>
  <c r="I780" i="2"/>
  <c r="I754" i="5" s="1"/>
  <c r="I598" i="2"/>
  <c r="I572" i="5" s="1"/>
  <c r="M598" i="2"/>
  <c r="M572" i="5" s="1"/>
  <c r="J598" i="2"/>
  <c r="J572" i="5" s="1"/>
  <c r="N572" i="5" s="1"/>
  <c r="K598" i="2"/>
  <c r="K572" i="5" s="1"/>
  <c r="O572" i="5" s="1"/>
  <c r="L598" i="2"/>
  <c r="L572" i="5" s="1"/>
  <c r="I7338" i="2"/>
  <c r="I7312" i="5" s="1"/>
  <c r="J7338" i="2"/>
  <c r="J7312" i="5" s="1"/>
  <c r="N7312" i="5" s="1"/>
  <c r="K7338" i="2"/>
  <c r="K7312" i="5" s="1"/>
  <c r="O7312" i="5" s="1"/>
  <c r="L7338" i="2"/>
  <c r="L7312" i="5" s="1"/>
  <c r="M7338" i="2"/>
  <c r="M7312" i="5" s="1"/>
  <c r="K2821" i="2"/>
  <c r="K2795" i="5" s="1"/>
  <c r="O2795" i="5" s="1"/>
  <c r="L2821" i="2"/>
  <c r="L2795" i="5" s="1"/>
  <c r="I2821" i="2"/>
  <c r="I2795" i="5" s="1"/>
  <c r="M2821" i="2"/>
  <c r="M2795" i="5" s="1"/>
  <c r="J2821" i="2"/>
  <c r="J2795" i="5" s="1"/>
  <c r="N2795" i="5" s="1"/>
  <c r="M4976" i="2"/>
  <c r="M4950" i="5" s="1"/>
  <c r="L4976" i="2"/>
  <c r="L4950" i="5" s="1"/>
  <c r="I4976" i="2"/>
  <c r="I4950" i="5" s="1"/>
  <c r="K4976" i="2"/>
  <c r="K4950" i="5" s="1"/>
  <c r="O4950" i="5" s="1"/>
  <c r="J4976" i="2"/>
  <c r="J4950" i="5" s="1"/>
  <c r="N4950" i="5" s="1"/>
  <c r="J4959" i="2"/>
  <c r="J4933" i="5" s="1"/>
  <c r="N4933" i="5" s="1"/>
  <c r="L4959" i="2"/>
  <c r="L4933" i="5" s="1"/>
  <c r="M4959" i="2"/>
  <c r="M4933" i="5" s="1"/>
  <c r="I4959" i="2"/>
  <c r="I4933" i="5" s="1"/>
  <c r="K4959" i="2"/>
  <c r="K4933" i="5" s="1"/>
  <c r="O4933" i="5" s="1"/>
  <c r="M1430" i="2"/>
  <c r="M1404" i="5" s="1"/>
  <c r="K1430" i="2"/>
  <c r="K1404" i="5" s="1"/>
  <c r="O1404" i="5" s="1"/>
  <c r="J1430" i="2"/>
  <c r="J1404" i="5" s="1"/>
  <c r="N1404" i="5" s="1"/>
  <c r="L1430" i="2"/>
  <c r="L1404" i="5" s="1"/>
  <c r="I1430" i="2"/>
  <c r="I1404" i="5" s="1"/>
  <c r="L1771" i="2"/>
  <c r="L1745" i="5" s="1"/>
  <c r="M1771" i="2"/>
  <c r="M1745" i="5" s="1"/>
  <c r="J1771" i="2"/>
  <c r="J1745" i="5" s="1"/>
  <c r="N1745" i="5" s="1"/>
  <c r="I1771" i="2"/>
  <c r="I1745" i="5" s="1"/>
  <c r="K1771" i="2"/>
  <c r="K1745" i="5" s="1"/>
  <c r="O1745" i="5" s="1"/>
  <c r="K8123" i="2"/>
  <c r="K8097" i="5" s="1"/>
  <c r="O8097" i="5" s="1"/>
  <c r="L8123" i="2"/>
  <c r="L8097" i="5" s="1"/>
  <c r="I8123" i="2"/>
  <c r="I8097" i="5" s="1"/>
  <c r="J8123" i="2"/>
  <c r="J8097" i="5" s="1"/>
  <c r="N8097" i="5" s="1"/>
  <c r="M8123" i="2"/>
  <c r="M8097" i="5" s="1"/>
  <c r="K5583" i="2"/>
  <c r="K5557" i="5" s="1"/>
  <c r="O5557" i="5" s="1"/>
  <c r="L5583" i="2"/>
  <c r="L5557" i="5" s="1"/>
  <c r="M5583" i="2"/>
  <c r="M5557" i="5" s="1"/>
  <c r="I5583" i="2"/>
  <c r="I5557" i="5" s="1"/>
  <c r="I1567" i="2"/>
  <c r="I1541" i="5" s="1"/>
  <c r="K1567" i="2"/>
  <c r="K1541" i="5" s="1"/>
  <c r="O1541" i="5" s="1"/>
  <c r="J1567" i="2"/>
  <c r="J1541" i="5" s="1"/>
  <c r="N1541" i="5" s="1"/>
  <c r="M1567" i="2"/>
  <c r="M1541" i="5" s="1"/>
  <c r="L1567" i="2"/>
  <c r="L1541" i="5" s="1"/>
  <c r="M289" i="2"/>
  <c r="M263" i="5" s="1"/>
  <c r="L289" i="2"/>
  <c r="L263" i="5" s="1"/>
  <c r="J289" i="2"/>
  <c r="J263" i="5" s="1"/>
  <c r="N263" i="5" s="1"/>
  <c r="I289" i="2"/>
  <c r="I263" i="5" s="1"/>
  <c r="K289" i="2"/>
  <c r="K263" i="5" s="1"/>
  <c r="O263" i="5" s="1"/>
  <c r="I6442" i="2"/>
  <c r="I6416" i="5" s="1"/>
  <c r="M6442" i="2"/>
  <c r="M6416" i="5" s="1"/>
  <c r="K6442" i="2"/>
  <c r="K6416" i="5" s="1"/>
  <c r="O6416" i="5" s="1"/>
  <c r="J6442" i="2"/>
  <c r="J6416" i="5" s="1"/>
  <c r="N6416" i="5" s="1"/>
  <c r="L6442" i="2"/>
  <c r="L6416" i="5" s="1"/>
  <c r="L2574" i="2"/>
  <c r="L2548" i="5" s="1"/>
  <c r="M2574" i="2"/>
  <c r="M2548" i="5" s="1"/>
  <c r="I2574" i="2"/>
  <c r="I2548" i="5" s="1"/>
  <c r="K2574" i="2"/>
  <c r="K2548" i="5" s="1"/>
  <c r="O2548" i="5" s="1"/>
  <c r="J2574" i="2"/>
  <c r="J2548" i="5" s="1"/>
  <c r="N2548" i="5" s="1"/>
  <c r="J3232" i="2"/>
  <c r="J3206" i="5" s="1"/>
  <c r="N3206" i="5" s="1"/>
  <c r="M3232" i="2"/>
  <c r="M3206" i="5" s="1"/>
  <c r="L3232" i="2"/>
  <c r="L3206" i="5" s="1"/>
  <c r="I3232" i="2"/>
  <c r="I3206" i="5" s="1"/>
  <c r="K3232" i="2"/>
  <c r="K3206" i="5" s="1"/>
  <c r="O3206" i="5" s="1"/>
  <c r="K3238" i="2"/>
  <c r="K3212" i="5" s="1"/>
  <c r="O3212" i="5" s="1"/>
  <c r="L3238" i="2"/>
  <c r="L3212" i="5" s="1"/>
  <c r="J3238" i="2"/>
  <c r="J3212" i="5" s="1"/>
  <c r="N3212" i="5" s="1"/>
  <c r="M3238" i="2"/>
  <c r="M3212" i="5" s="1"/>
  <c r="I3238" i="2"/>
  <c r="I3212" i="5" s="1"/>
  <c r="L3738" i="2"/>
  <c r="L3712" i="5" s="1"/>
  <c r="J3738" i="2"/>
  <c r="J3712" i="5" s="1"/>
  <c r="N3712" i="5" s="1"/>
  <c r="M3738" i="2"/>
  <c r="M3712" i="5" s="1"/>
  <c r="I3738" i="2"/>
  <c r="I3712" i="5" s="1"/>
  <c r="K3738" i="2"/>
  <c r="K3712" i="5" s="1"/>
  <c r="O3712" i="5" s="1"/>
  <c r="I2089" i="2"/>
  <c r="I2063" i="5" s="1"/>
  <c r="K2089" i="2"/>
  <c r="K2063" i="5" s="1"/>
  <c r="O2063" i="5" s="1"/>
  <c r="M2089" i="2"/>
  <c r="M2063" i="5" s="1"/>
  <c r="L2089" i="2"/>
  <c r="L2063" i="5" s="1"/>
  <c r="J2089" i="2"/>
  <c r="J2063" i="5" s="1"/>
  <c r="N2063" i="5" s="1"/>
  <c r="M2916" i="2"/>
  <c r="M2890" i="5" s="1"/>
  <c r="I2916" i="2"/>
  <c r="I2890" i="5" s="1"/>
  <c r="K2916" i="2"/>
  <c r="K2890" i="5" s="1"/>
  <c r="O2890" i="5" s="1"/>
  <c r="J2916" i="2"/>
  <c r="J2890" i="5" s="1"/>
  <c r="N2890" i="5" s="1"/>
  <c r="L2916" i="2"/>
  <c r="L2890" i="5" s="1"/>
  <c r="L2931" i="2"/>
  <c r="L2905" i="5" s="1"/>
  <c r="M2931" i="2"/>
  <c r="M2905" i="5" s="1"/>
  <c r="I2931" i="2"/>
  <c r="I2905" i="5" s="1"/>
  <c r="K2931" i="2"/>
  <c r="K2905" i="5" s="1"/>
  <c r="O2905" i="5" s="1"/>
  <c r="J2931" i="2"/>
  <c r="J2905" i="5" s="1"/>
  <c r="N2905" i="5" s="1"/>
  <c r="K7370" i="2"/>
  <c r="K7344" i="5" s="1"/>
  <c r="O7344" i="5" s="1"/>
  <c r="J7370" i="2"/>
  <c r="J7344" i="5" s="1"/>
  <c r="N7344" i="5" s="1"/>
  <c r="I7370" i="2"/>
  <c r="I7344" i="5" s="1"/>
  <c r="M7370" i="2"/>
  <c r="M7344" i="5" s="1"/>
  <c r="L7370" i="2"/>
  <c r="L7344" i="5" s="1"/>
  <c r="I4234" i="2"/>
  <c r="I4208" i="5" s="1"/>
  <c r="K4234" i="2"/>
  <c r="K4208" i="5" s="1"/>
  <c r="O4208" i="5" s="1"/>
  <c r="M4234" i="2"/>
  <c r="M4208" i="5" s="1"/>
  <c r="J4234" i="2"/>
  <c r="J4208" i="5" s="1"/>
  <c r="N4208" i="5" s="1"/>
  <c r="L4234" i="2"/>
  <c r="L4208" i="5" s="1"/>
  <c r="J2798" i="2"/>
  <c r="J2772" i="5" s="1"/>
  <c r="N2772" i="5" s="1"/>
  <c r="L2798" i="2"/>
  <c r="L2772" i="5" s="1"/>
  <c r="I2798" i="2"/>
  <c r="I2772" i="5" s="1"/>
  <c r="K2798" i="2"/>
  <c r="K2772" i="5" s="1"/>
  <c r="O2772" i="5" s="1"/>
  <c r="M2798" i="2"/>
  <c r="M2772" i="5" s="1"/>
  <c r="K5929" i="2"/>
  <c r="K5903" i="5" s="1"/>
  <c r="O5903" i="5" s="1"/>
  <c r="J5929" i="2"/>
  <c r="J5903" i="5" s="1"/>
  <c r="N5903" i="5" s="1"/>
  <c r="L5929" i="2"/>
  <c r="L5903" i="5" s="1"/>
  <c r="M5929" i="2"/>
  <c r="M5903" i="5" s="1"/>
  <c r="I5929" i="2"/>
  <c r="I5903" i="5" s="1"/>
  <c r="M6759" i="2"/>
  <c r="M6733" i="5" s="1"/>
  <c r="I6759" i="2"/>
  <c r="I6733" i="5" s="1"/>
  <c r="L6759" i="2"/>
  <c r="L6733" i="5" s="1"/>
  <c r="K6759" i="2"/>
  <c r="K6733" i="5" s="1"/>
  <c r="O6733" i="5" s="1"/>
  <c r="J6759" i="2"/>
  <c r="J6733" i="5" s="1"/>
  <c r="N6733" i="5" s="1"/>
  <c r="M2236" i="2"/>
  <c r="M2210" i="5" s="1"/>
  <c r="I2236" i="2"/>
  <c r="I2210" i="5" s="1"/>
  <c r="L2236" i="2"/>
  <c r="L2210" i="5" s="1"/>
  <c r="K2236" i="2"/>
  <c r="K2210" i="5" s="1"/>
  <c r="O2210" i="5" s="1"/>
  <c r="J2236" i="2"/>
  <c r="J2210" i="5" s="1"/>
  <c r="N2210" i="5" s="1"/>
  <c r="J1799" i="2"/>
  <c r="J1773" i="5" s="1"/>
  <c r="N1773" i="5" s="1"/>
  <c r="L1799" i="2"/>
  <c r="L1773" i="5" s="1"/>
  <c r="M1799" i="2"/>
  <c r="M1773" i="5" s="1"/>
  <c r="K1799" i="2"/>
  <c r="K1773" i="5" s="1"/>
  <c r="O1773" i="5" s="1"/>
  <c r="I1799" i="2"/>
  <c r="I1773" i="5" s="1"/>
  <c r="L1796" i="2"/>
  <c r="L1770" i="5" s="1"/>
  <c r="J1796" i="2"/>
  <c r="J1770" i="5" s="1"/>
  <c r="N1770" i="5" s="1"/>
  <c r="K1796" i="2"/>
  <c r="K1770" i="5" s="1"/>
  <c r="O1770" i="5" s="1"/>
  <c r="M1796" i="2"/>
  <c r="M1770" i="5" s="1"/>
  <c r="I1796" i="2"/>
  <c r="I1770" i="5" s="1"/>
  <c r="L1824" i="2"/>
  <c r="L1798" i="5" s="1"/>
  <c r="M1824" i="2"/>
  <c r="M1798" i="5" s="1"/>
  <c r="I1824" i="2"/>
  <c r="I1798" i="5" s="1"/>
  <c r="K1824" i="2"/>
  <c r="K1798" i="5" s="1"/>
  <c r="O1798" i="5" s="1"/>
  <c r="J1824" i="2"/>
  <c r="J1798" i="5" s="1"/>
  <c r="N1798" i="5" s="1"/>
  <c r="M4663" i="2"/>
  <c r="M4637" i="5" s="1"/>
  <c r="K4663" i="2"/>
  <c r="K4637" i="5" s="1"/>
  <c r="O4637" i="5" s="1"/>
  <c r="J4663" i="2"/>
  <c r="J4637" i="5" s="1"/>
  <c r="N4637" i="5" s="1"/>
  <c r="L4663" i="2"/>
  <c r="L4637" i="5" s="1"/>
  <c r="I4663" i="2"/>
  <c r="I4637" i="5" s="1"/>
  <c r="M822" i="2"/>
  <c r="M796" i="5" s="1"/>
  <c r="L822" i="2"/>
  <c r="L796" i="5" s="1"/>
  <c r="I822" i="2"/>
  <c r="I796" i="5" s="1"/>
  <c r="K822" i="2"/>
  <c r="K796" i="5" s="1"/>
  <c r="O796" i="5" s="1"/>
  <c r="J822" i="2"/>
  <c r="J796" i="5" s="1"/>
  <c r="N796" i="5" s="1"/>
  <c r="C40" i="5"/>
  <c r="AR34" i="1"/>
  <c r="K2954" i="2"/>
  <c r="K2928" i="5" s="1"/>
  <c r="O2928" i="5" s="1"/>
  <c r="J2954" i="2"/>
  <c r="J2928" i="5" s="1"/>
  <c r="N2928" i="5" s="1"/>
  <c r="L2954" i="2"/>
  <c r="L2928" i="5" s="1"/>
  <c r="M2954" i="2"/>
  <c r="M2928" i="5" s="1"/>
  <c r="K7816" i="2"/>
  <c r="K7790" i="5" s="1"/>
  <c r="O7790" i="5" s="1"/>
  <c r="L7816" i="2"/>
  <c r="L7790" i="5" s="1"/>
  <c r="M7816" i="2"/>
  <c r="M7790" i="5" s="1"/>
  <c r="I7816" i="2"/>
  <c r="I7790" i="5" s="1"/>
  <c r="J7816" i="2"/>
  <c r="J7790" i="5" s="1"/>
  <c r="N7790" i="5" s="1"/>
  <c r="J988" i="2"/>
  <c r="J962" i="5" s="1"/>
  <c r="N962" i="5" s="1"/>
  <c r="L988" i="2"/>
  <c r="L962" i="5" s="1"/>
  <c r="I988" i="2"/>
  <c r="I962" i="5" s="1"/>
  <c r="K988" i="2"/>
  <c r="K962" i="5" s="1"/>
  <c r="O962" i="5" s="1"/>
  <c r="M971" i="2"/>
  <c r="M945" i="5" s="1"/>
  <c r="I971" i="2"/>
  <c r="I945" i="5" s="1"/>
  <c r="K971" i="2"/>
  <c r="K945" i="5" s="1"/>
  <c r="O945" i="5" s="1"/>
  <c r="J971" i="2"/>
  <c r="J945" i="5" s="1"/>
  <c r="N945" i="5" s="1"/>
  <c r="L971" i="2"/>
  <c r="L945" i="5" s="1"/>
  <c r="K8476" i="2"/>
  <c r="K8450" i="5" s="1"/>
  <c r="O8450" i="5" s="1"/>
  <c r="J8476" i="2"/>
  <c r="J8450" i="5" s="1"/>
  <c r="N8450" i="5" s="1"/>
  <c r="L8476" i="2"/>
  <c r="L8450" i="5" s="1"/>
  <c r="M8476" i="2"/>
  <c r="M8450" i="5" s="1"/>
  <c r="I8476" i="2"/>
  <c r="I8450" i="5" s="1"/>
  <c r="L4482" i="2"/>
  <c r="L4456" i="5" s="1"/>
  <c r="I4482" i="2"/>
  <c r="I4456" i="5" s="1"/>
  <c r="K4482" i="2"/>
  <c r="K4456" i="5" s="1"/>
  <c r="O4456" i="5" s="1"/>
  <c r="J4482" i="2"/>
  <c r="J4456" i="5" s="1"/>
  <c r="N4456" i="5" s="1"/>
  <c r="M4482" i="2"/>
  <c r="M4456" i="5" s="1"/>
  <c r="L2263" i="2"/>
  <c r="L2237" i="5" s="1"/>
  <c r="M2263" i="2"/>
  <c r="M2237" i="5" s="1"/>
  <c r="I2263" i="2"/>
  <c r="I2237" i="5" s="1"/>
  <c r="K2263" i="2"/>
  <c r="K2237" i="5" s="1"/>
  <c r="O2237" i="5" s="1"/>
  <c r="J2263" i="2"/>
  <c r="J2237" i="5" s="1"/>
  <c r="N2237" i="5" s="1"/>
  <c r="J2245" i="2"/>
  <c r="J2219" i="5" s="1"/>
  <c r="N2219" i="5" s="1"/>
  <c r="L2245" i="2"/>
  <c r="L2219" i="5" s="1"/>
  <c r="M2245" i="2"/>
  <c r="M2219" i="5" s="1"/>
  <c r="I2245" i="2"/>
  <c r="I2219" i="5" s="1"/>
  <c r="K2245" i="2"/>
  <c r="K2219" i="5" s="1"/>
  <c r="O2219" i="5" s="1"/>
  <c r="M3762" i="2"/>
  <c r="M3736" i="5" s="1"/>
  <c r="J3762" i="2"/>
  <c r="J3736" i="5" s="1"/>
  <c r="N3736" i="5" s="1"/>
  <c r="L3762" i="2"/>
  <c r="L3736" i="5" s="1"/>
  <c r="I3762" i="2"/>
  <c r="I3736" i="5" s="1"/>
  <c r="K3762" i="2"/>
  <c r="K3736" i="5" s="1"/>
  <c r="O3736" i="5" s="1"/>
  <c r="J3761" i="2"/>
  <c r="J3735" i="5" s="1"/>
  <c r="N3735" i="5" s="1"/>
  <c r="L3761" i="2"/>
  <c r="L3735" i="5" s="1"/>
  <c r="M3761" i="2"/>
  <c r="M3735" i="5" s="1"/>
  <c r="I3761" i="2"/>
  <c r="I3735" i="5" s="1"/>
  <c r="K3761" i="2"/>
  <c r="K3735" i="5" s="1"/>
  <c r="O3735" i="5" s="1"/>
  <c r="I879" i="2"/>
  <c r="I853" i="5" s="1"/>
  <c r="K879" i="2"/>
  <c r="K853" i="5" s="1"/>
  <c r="O853" i="5" s="1"/>
  <c r="J879" i="2"/>
  <c r="J853" i="5" s="1"/>
  <c r="N853" i="5" s="1"/>
  <c r="L879" i="2"/>
  <c r="L853" i="5" s="1"/>
  <c r="M879" i="2"/>
  <c r="M853" i="5" s="1"/>
  <c r="I5843" i="2"/>
  <c r="I5817" i="5" s="1"/>
  <c r="K5843" i="2"/>
  <c r="K5817" i="5" s="1"/>
  <c r="O5817" i="5" s="1"/>
  <c r="J5843" i="2"/>
  <c r="J5817" i="5" s="1"/>
  <c r="N5817" i="5" s="1"/>
  <c r="L5843" i="2"/>
  <c r="L5817" i="5" s="1"/>
  <c r="M5843" i="2"/>
  <c r="M5817" i="5" s="1"/>
  <c r="J5754" i="2"/>
  <c r="J5728" i="5" s="1"/>
  <c r="N5728" i="5" s="1"/>
  <c r="I5754" i="2"/>
  <c r="I5728" i="5" s="1"/>
  <c r="K5754" i="2"/>
  <c r="K5728" i="5" s="1"/>
  <c r="O5728" i="5" s="1"/>
  <c r="L5754" i="2"/>
  <c r="L5728" i="5" s="1"/>
  <c r="M5754" i="2"/>
  <c r="M5728" i="5" s="1"/>
  <c r="J5765" i="2"/>
  <c r="J5739" i="5" s="1"/>
  <c r="N5739" i="5" s="1"/>
  <c r="M5765" i="2"/>
  <c r="M5739" i="5" s="1"/>
  <c r="I5765" i="2"/>
  <c r="I5739" i="5" s="1"/>
  <c r="L5765" i="2"/>
  <c r="L5739" i="5" s="1"/>
  <c r="K5765" i="2"/>
  <c r="K5739" i="5" s="1"/>
  <c r="O5739" i="5" s="1"/>
  <c r="M204" i="2"/>
  <c r="M178" i="5" s="1"/>
  <c r="I204" i="2"/>
  <c r="I178" i="5" s="1"/>
  <c r="L204" i="2"/>
  <c r="L178" i="5" s="1"/>
  <c r="K204" i="2"/>
  <c r="K178" i="5" s="1"/>
  <c r="O178" i="5" s="1"/>
  <c r="J204" i="2"/>
  <c r="J178" i="5" s="1"/>
  <c r="N178" i="5" s="1"/>
  <c r="J4943" i="2"/>
  <c r="J4917" i="5" s="1"/>
  <c r="N4917" i="5" s="1"/>
  <c r="M4943" i="2"/>
  <c r="M4917" i="5" s="1"/>
  <c r="I4943" i="2"/>
  <c r="I4917" i="5" s="1"/>
  <c r="L4943" i="2"/>
  <c r="L4917" i="5" s="1"/>
  <c r="K4943" i="2"/>
  <c r="K4917" i="5" s="1"/>
  <c r="O4917" i="5" s="1"/>
  <c r="L7102" i="2"/>
  <c r="L7076" i="5" s="1"/>
  <c r="J7102" i="2"/>
  <c r="J7076" i="5" s="1"/>
  <c r="N7076" i="5" s="1"/>
  <c r="M7102" i="2"/>
  <c r="M7076" i="5" s="1"/>
  <c r="I7102" i="2"/>
  <c r="I7076" i="5" s="1"/>
  <c r="K7102" i="2"/>
  <c r="K7076" i="5" s="1"/>
  <c r="O7076" i="5" s="1"/>
  <c r="L378" i="2"/>
  <c r="L352" i="5" s="1"/>
  <c r="I378" i="2"/>
  <c r="I352" i="5" s="1"/>
  <c r="J378" i="2"/>
  <c r="J352" i="5" s="1"/>
  <c r="N352" i="5" s="1"/>
  <c r="M378" i="2"/>
  <c r="M352" i="5" s="1"/>
  <c r="K378" i="2"/>
  <c r="K352" i="5" s="1"/>
  <c r="O352" i="5" s="1"/>
  <c r="I5474" i="2"/>
  <c r="I5448" i="5" s="1"/>
  <c r="K5474" i="2"/>
  <c r="K5448" i="5" s="1"/>
  <c r="O5448" i="5" s="1"/>
  <c r="J5474" i="2"/>
  <c r="J5448" i="5" s="1"/>
  <c r="N5448" i="5" s="1"/>
  <c r="L5474" i="2"/>
  <c r="L5448" i="5" s="1"/>
  <c r="L2984" i="2"/>
  <c r="L2958" i="5" s="1"/>
  <c r="M2984" i="2"/>
  <c r="M2958" i="5" s="1"/>
  <c r="I2984" i="2"/>
  <c r="I2958" i="5" s="1"/>
  <c r="K2984" i="2"/>
  <c r="K2958" i="5" s="1"/>
  <c r="O2958" i="5" s="1"/>
  <c r="J2984" i="2"/>
  <c r="J2958" i="5" s="1"/>
  <c r="N2958" i="5" s="1"/>
  <c r="K1652" i="2"/>
  <c r="K1626" i="5" s="1"/>
  <c r="O1626" i="5" s="1"/>
  <c r="J1652" i="2"/>
  <c r="J1626" i="5" s="1"/>
  <c r="N1626" i="5" s="1"/>
  <c r="L1652" i="2"/>
  <c r="L1626" i="5" s="1"/>
  <c r="M1652" i="2"/>
  <c r="M1626" i="5" s="1"/>
  <c r="I1652" i="2"/>
  <c r="I1626" i="5" s="1"/>
  <c r="L8217" i="2"/>
  <c r="L8191" i="5" s="1"/>
  <c r="M8217" i="2"/>
  <c r="M8191" i="5" s="1"/>
  <c r="I8217" i="2"/>
  <c r="I8191" i="5" s="1"/>
  <c r="K8217" i="2"/>
  <c r="K8191" i="5" s="1"/>
  <c r="O8191" i="5" s="1"/>
  <c r="J8217" i="2"/>
  <c r="J8191" i="5" s="1"/>
  <c r="N8191" i="5" s="1"/>
  <c r="J8212" i="2"/>
  <c r="J8186" i="5" s="1"/>
  <c r="N8186" i="5" s="1"/>
  <c r="M8212" i="2"/>
  <c r="M8186" i="5" s="1"/>
  <c r="L8212" i="2"/>
  <c r="L8186" i="5" s="1"/>
  <c r="I8212" i="2"/>
  <c r="I8186" i="5" s="1"/>
  <c r="K8212" i="2"/>
  <c r="K8186" i="5" s="1"/>
  <c r="O8186" i="5" s="1"/>
  <c r="AR215" i="1"/>
  <c r="K6657" i="2"/>
  <c r="K6631" i="5" s="1"/>
  <c r="O6631" i="5" s="1"/>
  <c r="J6657" i="2"/>
  <c r="J6631" i="5" s="1"/>
  <c r="N6631" i="5" s="1"/>
  <c r="L6657" i="2"/>
  <c r="L6631" i="5" s="1"/>
  <c r="I6657" i="2"/>
  <c r="I6631" i="5" s="1"/>
  <c r="M6657" i="2"/>
  <c r="M6631" i="5" s="1"/>
  <c r="M4406" i="2"/>
  <c r="M4380" i="5" s="1"/>
  <c r="L4406" i="2"/>
  <c r="L4380" i="5" s="1"/>
  <c r="K4406" i="2"/>
  <c r="K4380" i="5" s="1"/>
  <c r="O4380" i="5" s="1"/>
  <c r="J4406" i="2"/>
  <c r="J4380" i="5" s="1"/>
  <c r="N4380" i="5" s="1"/>
  <c r="I4406" i="2"/>
  <c r="I4380" i="5" s="1"/>
  <c r="M6520" i="2"/>
  <c r="M6494" i="5" s="1"/>
  <c r="L6520" i="2"/>
  <c r="L6494" i="5" s="1"/>
  <c r="J6520" i="2"/>
  <c r="J6494" i="5" s="1"/>
  <c r="N6494" i="5" s="1"/>
  <c r="I6520" i="2"/>
  <c r="I6494" i="5" s="1"/>
  <c r="K6520" i="2"/>
  <c r="K6494" i="5" s="1"/>
  <c r="O6494" i="5" s="1"/>
  <c r="K2303" i="2"/>
  <c r="K2277" i="5" s="1"/>
  <c r="O2277" i="5" s="1"/>
  <c r="J2303" i="2"/>
  <c r="J2277" i="5" s="1"/>
  <c r="N2277" i="5" s="1"/>
  <c r="L2303" i="2"/>
  <c r="L2277" i="5" s="1"/>
  <c r="M2303" i="2"/>
  <c r="M2277" i="5" s="1"/>
  <c r="M1263" i="2"/>
  <c r="M1237" i="5" s="1"/>
  <c r="I1263" i="2"/>
  <c r="I1237" i="5" s="1"/>
  <c r="K1263" i="2"/>
  <c r="K1237" i="5" s="1"/>
  <c r="O1237" i="5" s="1"/>
  <c r="L1263" i="2"/>
  <c r="L1237" i="5" s="1"/>
  <c r="J1263" i="2"/>
  <c r="J1237" i="5" s="1"/>
  <c r="N1237" i="5" s="1"/>
  <c r="L1732" i="2"/>
  <c r="L1706" i="5" s="1"/>
  <c r="I1732" i="2"/>
  <c r="I1706" i="5" s="1"/>
  <c r="M1732" i="2"/>
  <c r="M1706" i="5" s="1"/>
  <c r="K1732" i="2"/>
  <c r="K1706" i="5" s="1"/>
  <c r="O1706" i="5" s="1"/>
  <c r="I6192" i="2"/>
  <c r="I6166" i="5" s="1"/>
  <c r="L6192" i="2"/>
  <c r="L6166" i="5" s="1"/>
  <c r="M6192" i="2"/>
  <c r="M6166" i="5" s="1"/>
  <c r="K6192" i="2"/>
  <c r="K6166" i="5" s="1"/>
  <c r="O6166" i="5" s="1"/>
  <c r="J6192" i="2"/>
  <c r="J6166" i="5" s="1"/>
  <c r="N6166" i="5" s="1"/>
  <c r="L2671" i="2"/>
  <c r="L2645" i="5" s="1"/>
  <c r="M2671" i="2"/>
  <c r="M2645" i="5" s="1"/>
  <c r="I2671" i="2"/>
  <c r="I2645" i="5" s="1"/>
  <c r="K2671" i="2"/>
  <c r="K2645" i="5" s="1"/>
  <c r="O2645" i="5" s="1"/>
  <c r="J2671" i="2"/>
  <c r="J2645" i="5" s="1"/>
  <c r="N2645" i="5" s="1"/>
  <c r="I6844" i="2"/>
  <c r="I6818" i="5" s="1"/>
  <c r="L6844" i="2"/>
  <c r="L6818" i="5" s="1"/>
  <c r="K6844" i="2"/>
  <c r="K6818" i="5" s="1"/>
  <c r="O6818" i="5" s="1"/>
  <c r="J6844" i="2"/>
  <c r="J6818" i="5" s="1"/>
  <c r="N6818" i="5" s="1"/>
  <c r="M6844" i="2"/>
  <c r="M6818" i="5" s="1"/>
  <c r="K3403" i="2"/>
  <c r="K3377" i="5" s="1"/>
  <c r="O3377" i="5" s="1"/>
  <c r="M3403" i="2"/>
  <c r="M3377" i="5" s="1"/>
  <c r="L3403" i="2"/>
  <c r="L3377" i="5" s="1"/>
  <c r="I3403" i="2"/>
  <c r="I3377" i="5" s="1"/>
  <c r="L5342" i="2"/>
  <c r="L5316" i="5" s="1"/>
  <c r="M5342" i="2"/>
  <c r="M5316" i="5" s="1"/>
  <c r="J5342" i="2"/>
  <c r="J5316" i="5" s="1"/>
  <c r="N5316" i="5" s="1"/>
  <c r="I5342" i="2"/>
  <c r="I5316" i="5" s="1"/>
  <c r="K5342" i="2"/>
  <c r="K5316" i="5" s="1"/>
  <c r="O5316" i="5" s="1"/>
  <c r="L1988" i="2"/>
  <c r="L1962" i="5" s="1"/>
  <c r="M1988" i="2"/>
  <c r="M1962" i="5" s="1"/>
  <c r="I1988" i="2"/>
  <c r="I1962" i="5" s="1"/>
  <c r="K1988" i="2"/>
  <c r="K1962" i="5" s="1"/>
  <c r="O1962" i="5" s="1"/>
  <c r="J1988" i="2"/>
  <c r="J1962" i="5" s="1"/>
  <c r="N1962" i="5" s="1"/>
  <c r="L546" i="2"/>
  <c r="L520" i="5" s="1"/>
  <c r="J546" i="2"/>
  <c r="J520" i="5" s="1"/>
  <c r="N520" i="5" s="1"/>
  <c r="K546" i="2"/>
  <c r="K520" i="5" s="1"/>
  <c r="O520" i="5" s="1"/>
  <c r="M546" i="2"/>
  <c r="M520" i="5" s="1"/>
  <c r="I546" i="2"/>
  <c r="I520" i="5" s="1"/>
  <c r="L38" i="2"/>
  <c r="L12" i="5" s="1"/>
  <c r="M38" i="2"/>
  <c r="M12" i="5" s="1"/>
  <c r="J38" i="2"/>
  <c r="J12" i="5" s="1"/>
  <c r="N12" i="5" s="1"/>
  <c r="I38" i="2"/>
  <c r="I12" i="5" s="1"/>
  <c r="K38" i="2"/>
  <c r="K12" i="5" s="1"/>
  <c r="O12" i="5" s="1"/>
  <c r="L1053" i="2"/>
  <c r="L1027" i="5" s="1"/>
  <c r="J1053" i="2"/>
  <c r="J1027" i="5" s="1"/>
  <c r="N1027" i="5" s="1"/>
  <c r="M1053" i="2"/>
  <c r="M1027" i="5" s="1"/>
  <c r="I1053" i="2"/>
  <c r="I1027" i="5" s="1"/>
  <c r="K1053" i="2"/>
  <c r="K1027" i="5" s="1"/>
  <c r="O1027" i="5" s="1"/>
  <c r="J2127" i="2"/>
  <c r="J2101" i="5" s="1"/>
  <c r="N2101" i="5" s="1"/>
  <c r="I2127" i="2"/>
  <c r="I2101" i="5" s="1"/>
  <c r="M2127" i="2"/>
  <c r="M2101" i="5" s="1"/>
  <c r="K2127" i="2"/>
  <c r="K2101" i="5" s="1"/>
  <c r="O2101" i="5" s="1"/>
  <c r="L2127" i="2"/>
  <c r="L2101" i="5" s="1"/>
  <c r="J7438" i="2"/>
  <c r="J7412" i="5" s="1"/>
  <c r="N7412" i="5" s="1"/>
  <c r="L7438" i="2"/>
  <c r="L7412" i="5" s="1"/>
  <c r="M7438" i="2"/>
  <c r="M7412" i="5" s="1"/>
  <c r="I7438" i="2"/>
  <c r="I7412" i="5" s="1"/>
  <c r="K7438" i="2"/>
  <c r="K7412" i="5" s="1"/>
  <c r="O7412" i="5" s="1"/>
  <c r="L4641" i="2"/>
  <c r="L4615" i="5" s="1"/>
  <c r="M4641" i="2"/>
  <c r="M4615" i="5" s="1"/>
  <c r="I4641" i="2"/>
  <c r="I4615" i="5" s="1"/>
  <c r="K4641" i="2"/>
  <c r="K4615" i="5" s="1"/>
  <c r="O4615" i="5" s="1"/>
  <c r="J4641" i="2"/>
  <c r="J4615" i="5" s="1"/>
  <c r="N4615" i="5" s="1"/>
  <c r="L136" i="2"/>
  <c r="L110" i="5" s="1"/>
  <c r="J136" i="2"/>
  <c r="J110" i="5" s="1"/>
  <c r="N110" i="5" s="1"/>
  <c r="M136" i="2"/>
  <c r="M110" i="5" s="1"/>
  <c r="I136" i="2"/>
  <c r="I110" i="5" s="1"/>
  <c r="K136" i="2"/>
  <c r="K110" i="5" s="1"/>
  <c r="O110" i="5" s="1"/>
  <c r="K309" i="2"/>
  <c r="K283" i="5" s="1"/>
  <c r="O283" i="5" s="1"/>
  <c r="M309" i="2"/>
  <c r="M283" i="5" s="1"/>
  <c r="L309" i="2"/>
  <c r="L283" i="5" s="1"/>
  <c r="J309" i="2"/>
  <c r="J283" i="5" s="1"/>
  <c r="N283" i="5" s="1"/>
  <c r="I309" i="2"/>
  <c r="I283" i="5" s="1"/>
  <c r="L4068" i="2"/>
  <c r="L4042" i="5" s="1"/>
  <c r="I4068" i="2"/>
  <c r="I4042" i="5" s="1"/>
  <c r="J4068" i="2"/>
  <c r="J4042" i="5" s="1"/>
  <c r="N4042" i="5" s="1"/>
  <c r="K4068" i="2"/>
  <c r="K4042" i="5" s="1"/>
  <c r="O4042" i="5" s="1"/>
  <c r="L3134" i="2"/>
  <c r="L3108" i="5" s="1"/>
  <c r="M3134" i="2"/>
  <c r="M3108" i="5" s="1"/>
  <c r="I3134" i="2"/>
  <c r="I3108" i="5" s="1"/>
  <c r="K3134" i="2"/>
  <c r="K3108" i="5" s="1"/>
  <c r="O3108" i="5" s="1"/>
  <c r="J3134" i="2"/>
  <c r="J3108" i="5" s="1"/>
  <c r="N3108" i="5" s="1"/>
  <c r="K1963" i="2"/>
  <c r="K1937" i="5" s="1"/>
  <c r="O1937" i="5" s="1"/>
  <c r="J1963" i="2"/>
  <c r="J1937" i="5" s="1"/>
  <c r="N1937" i="5" s="1"/>
  <c r="L1963" i="2"/>
  <c r="L1937" i="5" s="1"/>
  <c r="M1963" i="2"/>
  <c r="M1937" i="5" s="1"/>
  <c r="I1963" i="2"/>
  <c r="I1937" i="5" s="1"/>
  <c r="I8110" i="2"/>
  <c r="I8084" i="5" s="1"/>
  <c r="K8110" i="2"/>
  <c r="K8084" i="5" s="1"/>
  <c r="O8084" i="5" s="1"/>
  <c r="J8110" i="2"/>
  <c r="J8084" i="5" s="1"/>
  <c r="N8084" i="5" s="1"/>
  <c r="L8110" i="2"/>
  <c r="L8084" i="5" s="1"/>
  <c r="M8110" i="2"/>
  <c r="M8084" i="5" s="1"/>
  <c r="I5361" i="2"/>
  <c r="I5335" i="5" s="1"/>
  <c r="M5361" i="2"/>
  <c r="M5335" i="5" s="1"/>
  <c r="L5361" i="2"/>
  <c r="L5335" i="5" s="1"/>
  <c r="J5361" i="2"/>
  <c r="J5335" i="5" s="1"/>
  <c r="N5335" i="5" s="1"/>
  <c r="K5361" i="2"/>
  <c r="K5335" i="5" s="1"/>
  <c r="O5335" i="5" s="1"/>
  <c r="K6009" i="2"/>
  <c r="K5983" i="5" s="1"/>
  <c r="O5983" i="5" s="1"/>
  <c r="L6009" i="2"/>
  <c r="L5983" i="5" s="1"/>
  <c r="J6009" i="2"/>
  <c r="J5983" i="5" s="1"/>
  <c r="N5983" i="5" s="1"/>
  <c r="I6009" i="2"/>
  <c r="I5983" i="5" s="1"/>
  <c r="M6009" i="2"/>
  <c r="M5983" i="5" s="1"/>
  <c r="I2001" i="2"/>
  <c r="I1975" i="5" s="1"/>
  <c r="K2001" i="2"/>
  <c r="K1975" i="5" s="1"/>
  <c r="O1975" i="5" s="1"/>
  <c r="J2001" i="2"/>
  <c r="J1975" i="5" s="1"/>
  <c r="N1975" i="5" s="1"/>
  <c r="M2001" i="2"/>
  <c r="M1975" i="5" s="1"/>
  <c r="L2001" i="2"/>
  <c r="L1975" i="5" s="1"/>
  <c r="M398" i="2"/>
  <c r="M372" i="5" s="1"/>
  <c r="L398" i="2"/>
  <c r="L372" i="5" s="1"/>
  <c r="I398" i="2"/>
  <c r="I372" i="5" s="1"/>
  <c r="K398" i="2"/>
  <c r="K372" i="5" s="1"/>
  <c r="O372" i="5" s="1"/>
  <c r="J398" i="2"/>
  <c r="J372" i="5" s="1"/>
  <c r="N372" i="5" s="1"/>
  <c r="L3081" i="2"/>
  <c r="L3055" i="5" s="1"/>
  <c r="I3081" i="2"/>
  <c r="I3055" i="5" s="1"/>
  <c r="K3081" i="2"/>
  <c r="K3055" i="5" s="1"/>
  <c r="O3055" i="5" s="1"/>
  <c r="J3081" i="2"/>
  <c r="J3055" i="5" s="1"/>
  <c r="N3055" i="5" s="1"/>
  <c r="M3081" i="2"/>
  <c r="M3055" i="5" s="1"/>
  <c r="K3060" i="2"/>
  <c r="K3034" i="5" s="1"/>
  <c r="O3034" i="5" s="1"/>
  <c r="M3060" i="2"/>
  <c r="M3034" i="5" s="1"/>
  <c r="J3060" i="2"/>
  <c r="J3034" i="5" s="1"/>
  <c r="N3034" i="5" s="1"/>
  <c r="L3060" i="2"/>
  <c r="L3034" i="5" s="1"/>
  <c r="I3060" i="2"/>
  <c r="I3034" i="5" s="1"/>
  <c r="M547" i="2"/>
  <c r="M521" i="5" s="1"/>
  <c r="I547" i="2"/>
  <c r="I521" i="5" s="1"/>
  <c r="K547" i="2"/>
  <c r="K521" i="5" s="1"/>
  <c r="O521" i="5" s="1"/>
  <c r="L547" i="2"/>
  <c r="L521" i="5" s="1"/>
  <c r="J547" i="2"/>
  <c r="J521" i="5" s="1"/>
  <c r="N521" i="5" s="1"/>
  <c r="J6615" i="2"/>
  <c r="J6589" i="5" s="1"/>
  <c r="N6589" i="5" s="1"/>
  <c r="M6615" i="2"/>
  <c r="M6589" i="5" s="1"/>
  <c r="I6615" i="2"/>
  <c r="I6589" i="5" s="1"/>
  <c r="K6615" i="2"/>
  <c r="K6589" i="5" s="1"/>
  <c r="O6589" i="5" s="1"/>
  <c r="L6615" i="2"/>
  <c r="L6589" i="5" s="1"/>
  <c r="L6623" i="2"/>
  <c r="L6597" i="5" s="1"/>
  <c r="J6623" i="2"/>
  <c r="J6597" i="5" s="1"/>
  <c r="N6597" i="5" s="1"/>
  <c r="I6623" i="2"/>
  <c r="I6597" i="5" s="1"/>
  <c r="K6623" i="2"/>
  <c r="K6597" i="5" s="1"/>
  <c r="O6597" i="5" s="1"/>
  <c r="M6623" i="2"/>
  <c r="M6597" i="5" s="1"/>
  <c r="I1128" i="2"/>
  <c r="I1102" i="5" s="1"/>
  <c r="K1128" i="2"/>
  <c r="K1102" i="5" s="1"/>
  <c r="O1102" i="5" s="1"/>
  <c r="J1128" i="2"/>
  <c r="J1102" i="5" s="1"/>
  <c r="N1102" i="5" s="1"/>
  <c r="M1128" i="2"/>
  <c r="M1102" i="5" s="1"/>
  <c r="K7310" i="2"/>
  <c r="K7284" i="5" s="1"/>
  <c r="O7284" i="5" s="1"/>
  <c r="J7310" i="2"/>
  <c r="J7284" i="5" s="1"/>
  <c r="N7284" i="5" s="1"/>
  <c r="M7310" i="2"/>
  <c r="M7284" i="5" s="1"/>
  <c r="I7310" i="2"/>
  <c r="I7284" i="5" s="1"/>
  <c r="L7310" i="2"/>
  <c r="L7284" i="5" s="1"/>
  <c r="M7975" i="2"/>
  <c r="M7949" i="5" s="1"/>
  <c r="J7975" i="2"/>
  <c r="J7949" i="5" s="1"/>
  <c r="N7949" i="5" s="1"/>
  <c r="I7975" i="2"/>
  <c r="I7949" i="5" s="1"/>
  <c r="L7975" i="2"/>
  <c r="L7949" i="5" s="1"/>
  <c r="K7975" i="2"/>
  <c r="K7949" i="5" s="1"/>
  <c r="O7949" i="5" s="1"/>
  <c r="I3261" i="2"/>
  <c r="I3235" i="5" s="1"/>
  <c r="M3261" i="2"/>
  <c r="M3235" i="5" s="1"/>
  <c r="K3261" i="2"/>
  <c r="K3235" i="5" s="1"/>
  <c r="O3235" i="5" s="1"/>
  <c r="J3261" i="2"/>
  <c r="J3235" i="5" s="1"/>
  <c r="N3235" i="5" s="1"/>
  <c r="L3261" i="2"/>
  <c r="L3235" i="5" s="1"/>
  <c r="C142" i="5"/>
  <c r="AR136" i="1"/>
  <c r="I5010" i="2"/>
  <c r="I4984" i="5" s="1"/>
  <c r="K5010" i="2"/>
  <c r="K4984" i="5" s="1"/>
  <c r="O4984" i="5" s="1"/>
  <c r="M5010" i="2"/>
  <c r="M4984" i="5" s="1"/>
  <c r="L5010" i="2"/>
  <c r="L4984" i="5" s="1"/>
  <c r="J5010" i="2"/>
  <c r="J4984" i="5" s="1"/>
  <c r="N4984" i="5" s="1"/>
  <c r="J1069" i="2"/>
  <c r="J1043" i="5" s="1"/>
  <c r="N1043" i="5" s="1"/>
  <c r="M1069" i="2"/>
  <c r="M1043" i="5" s="1"/>
  <c r="L1069" i="2"/>
  <c r="L1043" i="5" s="1"/>
  <c r="I1069" i="2"/>
  <c r="I1043" i="5" s="1"/>
  <c r="K1069" i="2"/>
  <c r="K1043" i="5" s="1"/>
  <c r="O1043" i="5" s="1"/>
  <c r="K4017" i="2"/>
  <c r="K3991" i="5" s="1"/>
  <c r="O3991" i="5" s="1"/>
  <c r="J4017" i="2"/>
  <c r="J3991" i="5" s="1"/>
  <c r="N3991" i="5" s="1"/>
  <c r="M4017" i="2"/>
  <c r="M3991" i="5" s="1"/>
  <c r="L4017" i="2"/>
  <c r="L3991" i="5" s="1"/>
  <c r="I4017" i="2"/>
  <c r="I3991" i="5" s="1"/>
  <c r="J1323" i="2"/>
  <c r="J1297" i="5" s="1"/>
  <c r="N1297" i="5" s="1"/>
  <c r="M1323" i="2"/>
  <c r="M1297" i="5" s="1"/>
  <c r="L1323" i="2"/>
  <c r="L1297" i="5" s="1"/>
  <c r="K1323" i="2"/>
  <c r="K1297" i="5" s="1"/>
  <c r="O1297" i="5" s="1"/>
  <c r="I1323" i="2"/>
  <c r="I1297" i="5" s="1"/>
  <c r="J1329" i="2"/>
  <c r="J1303" i="5" s="1"/>
  <c r="N1303" i="5" s="1"/>
  <c r="M1329" i="2"/>
  <c r="M1303" i="5" s="1"/>
  <c r="I1329" i="2"/>
  <c r="I1303" i="5" s="1"/>
  <c r="L1329" i="2"/>
  <c r="L1303" i="5" s="1"/>
  <c r="K1329" i="2"/>
  <c r="K1303" i="5" s="1"/>
  <c r="O1303" i="5" s="1"/>
  <c r="J4325" i="2"/>
  <c r="J4299" i="5" s="1"/>
  <c r="N4299" i="5" s="1"/>
  <c r="L4325" i="2"/>
  <c r="L4299" i="5" s="1"/>
  <c r="I4325" i="2"/>
  <c r="I4299" i="5" s="1"/>
  <c r="K4325" i="2"/>
  <c r="K4299" i="5" s="1"/>
  <c r="O4299" i="5" s="1"/>
  <c r="M4325" i="2"/>
  <c r="M4299" i="5" s="1"/>
  <c r="J3298" i="2"/>
  <c r="J3272" i="5" s="1"/>
  <c r="N3272" i="5" s="1"/>
  <c r="I3298" i="2"/>
  <c r="I3272" i="5" s="1"/>
  <c r="K3298" i="2"/>
  <c r="K3272" i="5" s="1"/>
  <c r="O3272" i="5" s="1"/>
  <c r="L3298" i="2"/>
  <c r="L3272" i="5" s="1"/>
  <c r="M3298" i="2"/>
  <c r="M3272" i="5" s="1"/>
  <c r="J4137" i="2"/>
  <c r="J4111" i="5" s="1"/>
  <c r="N4111" i="5" s="1"/>
  <c r="L4137" i="2"/>
  <c r="L4111" i="5" s="1"/>
  <c r="M4137" i="2"/>
  <c r="M4111" i="5" s="1"/>
  <c r="I4137" i="2"/>
  <c r="I4111" i="5" s="1"/>
  <c r="K4137" i="2"/>
  <c r="K4111" i="5" s="1"/>
  <c r="O4111" i="5" s="1"/>
  <c r="J7472" i="2"/>
  <c r="J7446" i="5" s="1"/>
  <c r="N7446" i="5" s="1"/>
  <c r="I7472" i="2"/>
  <c r="I7446" i="5" s="1"/>
  <c r="M7472" i="2"/>
  <c r="M7446" i="5" s="1"/>
  <c r="K7472" i="2"/>
  <c r="K7446" i="5" s="1"/>
  <c r="O7446" i="5" s="1"/>
  <c r="L7472" i="2"/>
  <c r="L7446" i="5" s="1"/>
  <c r="L4985" i="2"/>
  <c r="L4959" i="5" s="1"/>
  <c r="M4985" i="2"/>
  <c r="M4959" i="5" s="1"/>
  <c r="I4985" i="2"/>
  <c r="I4959" i="5" s="1"/>
  <c r="K4985" i="2"/>
  <c r="K4959" i="5" s="1"/>
  <c r="O4959" i="5" s="1"/>
  <c r="J4985" i="2"/>
  <c r="J4959" i="5" s="1"/>
  <c r="N4959" i="5" s="1"/>
  <c r="I8359" i="2"/>
  <c r="I8333" i="5" s="1"/>
  <c r="M8781" i="2"/>
  <c r="M8755" i="5" s="1"/>
  <c r="J8781" i="2"/>
  <c r="J8755" i="5" s="1"/>
  <c r="N8755" i="5" s="1"/>
  <c r="L8781" i="2"/>
  <c r="L8755" i="5" s="1"/>
  <c r="I8781" i="2"/>
  <c r="I8755" i="5" s="1"/>
  <c r="K8781" i="2"/>
  <c r="K8755" i="5" s="1"/>
  <c r="O8755" i="5" s="1"/>
  <c r="J3937" i="2"/>
  <c r="J3911" i="5" s="1"/>
  <c r="N3911" i="5" s="1"/>
  <c r="M3937" i="2"/>
  <c r="M3911" i="5" s="1"/>
  <c r="L3937" i="2"/>
  <c r="L3911" i="5" s="1"/>
  <c r="I3937" i="2"/>
  <c r="I3911" i="5" s="1"/>
  <c r="K3937" i="2"/>
  <c r="K3911" i="5" s="1"/>
  <c r="O3911" i="5" s="1"/>
  <c r="M8036" i="2"/>
  <c r="M8010" i="5" s="1"/>
  <c r="I8036" i="2"/>
  <c r="I8010" i="5" s="1"/>
  <c r="K8036" i="2"/>
  <c r="K8010" i="5" s="1"/>
  <c r="O8010" i="5" s="1"/>
  <c r="L8036" i="2"/>
  <c r="L8010" i="5" s="1"/>
  <c r="J8036" i="2"/>
  <c r="J8010" i="5" s="1"/>
  <c r="N8010" i="5" s="1"/>
  <c r="L7026" i="2"/>
  <c r="L7000" i="5" s="1"/>
  <c r="M7026" i="2"/>
  <c r="M7000" i="5" s="1"/>
  <c r="I7026" i="2"/>
  <c r="I7000" i="5" s="1"/>
  <c r="K7026" i="2"/>
  <c r="K7000" i="5" s="1"/>
  <c r="O7000" i="5" s="1"/>
  <c r="J7026" i="2"/>
  <c r="J7000" i="5" s="1"/>
  <c r="N7000" i="5" s="1"/>
  <c r="L3580" i="2"/>
  <c r="L3554" i="5" s="1"/>
  <c r="M3580" i="2"/>
  <c r="M3554" i="5" s="1"/>
  <c r="I3580" i="2"/>
  <c r="I3554" i="5" s="1"/>
  <c r="K3580" i="2"/>
  <c r="K3554" i="5" s="1"/>
  <c r="O3554" i="5" s="1"/>
  <c r="J3580" i="2"/>
  <c r="J3554" i="5" s="1"/>
  <c r="N3554" i="5" s="1"/>
  <c r="M1410" i="2"/>
  <c r="M1384" i="5" s="1"/>
  <c r="J1410" i="2"/>
  <c r="J1384" i="5" s="1"/>
  <c r="N1384" i="5" s="1"/>
  <c r="L1410" i="2"/>
  <c r="L1384" i="5" s="1"/>
  <c r="I1410" i="2"/>
  <c r="I1384" i="5" s="1"/>
  <c r="K1410" i="2"/>
  <c r="K1384" i="5" s="1"/>
  <c r="O1384" i="5" s="1"/>
  <c r="I4580" i="2"/>
  <c r="I4554" i="5" s="1"/>
  <c r="L4580" i="2"/>
  <c r="L4554" i="5" s="1"/>
  <c r="M4580" i="2"/>
  <c r="M4554" i="5" s="1"/>
  <c r="J4580" i="2"/>
  <c r="J4554" i="5" s="1"/>
  <c r="N4554" i="5" s="1"/>
  <c r="K4580" i="2"/>
  <c r="K4554" i="5" s="1"/>
  <c r="O4554" i="5" s="1"/>
  <c r="K4588" i="2"/>
  <c r="K4562" i="5" s="1"/>
  <c r="O4562" i="5" s="1"/>
  <c r="M4588" i="2"/>
  <c r="M4562" i="5" s="1"/>
  <c r="L4588" i="2"/>
  <c r="L4562" i="5" s="1"/>
  <c r="I4588" i="2"/>
  <c r="I4562" i="5" s="1"/>
  <c r="J4588" i="2"/>
  <c r="J4562" i="5" s="1"/>
  <c r="N4562" i="5" s="1"/>
  <c r="L656" i="2"/>
  <c r="L630" i="5" s="1"/>
  <c r="J656" i="2"/>
  <c r="J630" i="5" s="1"/>
  <c r="N630" i="5" s="1"/>
  <c r="M656" i="2"/>
  <c r="M630" i="5" s="1"/>
  <c r="I656" i="2"/>
  <c r="I630" i="5" s="1"/>
  <c r="K656" i="2"/>
  <c r="K630" i="5" s="1"/>
  <c r="O630" i="5" s="1"/>
  <c r="M7504" i="2"/>
  <c r="M7478" i="5" s="1"/>
  <c r="L7504" i="2"/>
  <c r="L7478" i="5" s="1"/>
  <c r="I7504" i="2"/>
  <c r="I7478" i="5" s="1"/>
  <c r="K7504" i="2"/>
  <c r="K7478" i="5" s="1"/>
  <c r="O7478" i="5" s="1"/>
  <c r="J7504" i="2"/>
  <c r="J7478" i="5" s="1"/>
  <c r="N7478" i="5" s="1"/>
  <c r="J7506" i="2"/>
  <c r="J7480" i="5" s="1"/>
  <c r="N7480" i="5" s="1"/>
  <c r="L7506" i="2"/>
  <c r="L7480" i="5" s="1"/>
  <c r="M7506" i="2"/>
  <c r="M7480" i="5" s="1"/>
  <c r="I7506" i="2"/>
  <c r="I7480" i="5" s="1"/>
  <c r="K7506" i="2"/>
  <c r="K7480" i="5" s="1"/>
  <c r="O7480" i="5" s="1"/>
  <c r="L5653" i="2"/>
  <c r="L5627" i="5" s="1"/>
  <c r="J5653" i="2"/>
  <c r="J5627" i="5" s="1"/>
  <c r="N5627" i="5" s="1"/>
  <c r="I5653" i="2"/>
  <c r="I5627" i="5" s="1"/>
  <c r="K5653" i="2"/>
  <c r="K5627" i="5" s="1"/>
  <c r="O5627" i="5" s="1"/>
  <c r="L5818" i="2"/>
  <c r="L5792" i="5" s="1"/>
  <c r="M5818" i="2"/>
  <c r="M5792" i="5" s="1"/>
  <c r="I5818" i="2"/>
  <c r="I5792" i="5" s="1"/>
  <c r="K5818" i="2"/>
  <c r="K5792" i="5" s="1"/>
  <c r="O5792" i="5" s="1"/>
  <c r="J5818" i="2"/>
  <c r="J5792" i="5" s="1"/>
  <c r="N5792" i="5" s="1"/>
  <c r="K5821" i="2"/>
  <c r="K5795" i="5" s="1"/>
  <c r="O5795" i="5" s="1"/>
  <c r="M5821" i="2"/>
  <c r="M5795" i="5" s="1"/>
  <c r="J5821" i="2"/>
  <c r="J5795" i="5" s="1"/>
  <c r="N5795" i="5" s="1"/>
  <c r="L5821" i="2"/>
  <c r="L5795" i="5" s="1"/>
  <c r="I5821" i="2"/>
  <c r="I5795" i="5" s="1"/>
  <c r="L6967" i="2"/>
  <c r="L6941" i="5" s="1"/>
  <c r="I6967" i="2"/>
  <c r="I6941" i="5" s="1"/>
  <c r="J6967" i="2"/>
  <c r="J6941" i="5" s="1"/>
  <c r="N6941" i="5" s="1"/>
  <c r="K6967" i="2"/>
  <c r="K6941" i="5" s="1"/>
  <c r="O6941" i="5" s="1"/>
  <c r="M6967" i="2"/>
  <c r="M6941" i="5" s="1"/>
  <c r="I1602" i="2"/>
  <c r="I1576" i="5" s="1"/>
  <c r="K1602" i="2"/>
  <c r="K1576" i="5" s="1"/>
  <c r="O1576" i="5" s="1"/>
  <c r="M1602" i="2"/>
  <c r="M1576" i="5" s="1"/>
  <c r="J1602" i="2"/>
  <c r="J1576" i="5" s="1"/>
  <c r="N1576" i="5" s="1"/>
  <c r="L1602" i="2"/>
  <c r="L1576" i="5" s="1"/>
  <c r="L7775" i="2"/>
  <c r="L7749" i="5" s="1"/>
  <c r="M7775" i="2"/>
  <c r="M7749" i="5" s="1"/>
  <c r="K7775" i="2"/>
  <c r="K7749" i="5" s="1"/>
  <c r="O7749" i="5" s="1"/>
  <c r="J7775" i="2"/>
  <c r="J7749" i="5" s="1"/>
  <c r="N7749" i="5" s="1"/>
  <c r="I7775" i="2"/>
  <c r="I7749" i="5" s="1"/>
  <c r="J3848" i="2"/>
  <c r="J3822" i="5" s="1"/>
  <c r="N3822" i="5" s="1"/>
  <c r="L3848" i="2"/>
  <c r="L3822" i="5" s="1"/>
  <c r="M3848" i="2"/>
  <c r="M3822" i="5" s="1"/>
  <c r="I3848" i="2"/>
  <c r="I3822" i="5" s="1"/>
  <c r="K3848" i="2"/>
  <c r="K3822" i="5" s="1"/>
  <c r="O3822" i="5" s="1"/>
  <c r="M5075" i="2"/>
  <c r="M5049" i="5" s="1"/>
  <c r="J5075" i="2"/>
  <c r="J5049" i="5" s="1"/>
  <c r="N5049" i="5" s="1"/>
  <c r="I5075" i="2"/>
  <c r="I5049" i="5" s="1"/>
  <c r="K5075" i="2"/>
  <c r="K5049" i="5" s="1"/>
  <c r="O5049" i="5" s="1"/>
  <c r="M6975" i="2"/>
  <c r="M6949" i="5" s="1"/>
  <c r="I6975" i="2"/>
  <c r="I6949" i="5" s="1"/>
  <c r="J6975" i="2"/>
  <c r="J6949" i="5" s="1"/>
  <c r="N6949" i="5" s="1"/>
  <c r="L6975" i="2"/>
  <c r="L6949" i="5" s="1"/>
  <c r="K6975" i="2"/>
  <c r="K6949" i="5" s="1"/>
  <c r="O6949" i="5" s="1"/>
  <c r="K6128" i="2"/>
  <c r="K6102" i="5" s="1"/>
  <c r="O6102" i="5" s="1"/>
  <c r="J6128" i="2"/>
  <c r="J6102" i="5" s="1"/>
  <c r="N6102" i="5" s="1"/>
  <c r="L6128" i="2"/>
  <c r="L6102" i="5" s="1"/>
  <c r="M6128" i="2"/>
  <c r="M6102" i="5" s="1"/>
  <c r="I6128" i="2"/>
  <c r="I6102" i="5" s="1"/>
  <c r="AR255" i="1"/>
  <c r="C261" i="5"/>
  <c r="M8688" i="2"/>
  <c r="M8662" i="5" s="1"/>
  <c r="L8688" i="2"/>
  <c r="L8662" i="5" s="1"/>
  <c r="I8688" i="2"/>
  <c r="I8662" i="5" s="1"/>
  <c r="K8688" i="2"/>
  <c r="K8662" i="5" s="1"/>
  <c r="O8662" i="5" s="1"/>
  <c r="J8688" i="2"/>
  <c r="J8662" i="5" s="1"/>
  <c r="N8662" i="5" s="1"/>
  <c r="K4155" i="2"/>
  <c r="K4129" i="5" s="1"/>
  <c r="O4129" i="5" s="1"/>
  <c r="L4155" i="2"/>
  <c r="L4129" i="5" s="1"/>
  <c r="J4155" i="2"/>
  <c r="J4129" i="5" s="1"/>
  <c r="N4129" i="5" s="1"/>
  <c r="I4155" i="2"/>
  <c r="I4129" i="5" s="1"/>
  <c r="M4155" i="2"/>
  <c r="M4129" i="5" s="1"/>
  <c r="M3954" i="2"/>
  <c r="M3928" i="5" s="1"/>
  <c r="J3954" i="2"/>
  <c r="J3928" i="5" s="1"/>
  <c r="N3928" i="5" s="1"/>
  <c r="L3954" i="2"/>
  <c r="L3928" i="5" s="1"/>
  <c r="I3954" i="2"/>
  <c r="I3928" i="5" s="1"/>
  <c r="K3954" i="2"/>
  <c r="K3928" i="5" s="1"/>
  <c r="O3928" i="5" s="1"/>
  <c r="M7141" i="2"/>
  <c r="M7115" i="5" s="1"/>
  <c r="L7141" i="2"/>
  <c r="L7115" i="5" s="1"/>
  <c r="I7141" i="2"/>
  <c r="I7115" i="5" s="1"/>
  <c r="K7141" i="2"/>
  <c r="K7115" i="5" s="1"/>
  <c r="O7115" i="5" s="1"/>
  <c r="J7141" i="2"/>
  <c r="J7115" i="5" s="1"/>
  <c r="N7115" i="5" s="1"/>
  <c r="M4449" i="2"/>
  <c r="M4423" i="5" s="1"/>
  <c r="L4449" i="2"/>
  <c r="L4423" i="5" s="1"/>
  <c r="J4449" i="2"/>
  <c r="J4423" i="5" s="1"/>
  <c r="N4423" i="5" s="1"/>
  <c r="I4449" i="2"/>
  <c r="I4423" i="5" s="1"/>
  <c r="K4449" i="2"/>
  <c r="K4423" i="5" s="1"/>
  <c r="O4423" i="5" s="1"/>
  <c r="J762" i="2"/>
  <c r="J736" i="5" s="1"/>
  <c r="N736" i="5" s="1"/>
  <c r="M762" i="2"/>
  <c r="M736" i="5" s="1"/>
  <c r="I762" i="2"/>
  <c r="I736" i="5" s="1"/>
  <c r="K762" i="2"/>
  <c r="K736" i="5" s="1"/>
  <c r="O736" i="5" s="1"/>
  <c r="L762" i="2"/>
  <c r="L736" i="5" s="1"/>
  <c r="J773" i="2"/>
  <c r="J747" i="5" s="1"/>
  <c r="N747" i="5" s="1"/>
  <c r="M773" i="2"/>
  <c r="M747" i="5" s="1"/>
  <c r="L773" i="2"/>
  <c r="L747" i="5" s="1"/>
  <c r="I773" i="2"/>
  <c r="I747" i="5" s="1"/>
  <c r="K773" i="2"/>
  <c r="K747" i="5" s="1"/>
  <c r="O747" i="5" s="1"/>
  <c r="I3467" i="2"/>
  <c r="I3441" i="5" s="1"/>
  <c r="J3467" i="2"/>
  <c r="J3441" i="5" s="1"/>
  <c r="N3441" i="5" s="1"/>
  <c r="L3467" i="2"/>
  <c r="L3441" i="5" s="1"/>
  <c r="K3467" i="2"/>
  <c r="K3441" i="5" s="1"/>
  <c r="O3441" i="5" s="1"/>
  <c r="M3467" i="2"/>
  <c r="M3441" i="5" s="1"/>
  <c r="K3481" i="2"/>
  <c r="K3455" i="5" s="1"/>
  <c r="O3455" i="5" s="1"/>
  <c r="M3481" i="2"/>
  <c r="M3455" i="5" s="1"/>
  <c r="L3481" i="2"/>
  <c r="L3455" i="5" s="1"/>
  <c r="J3481" i="2"/>
  <c r="J3455" i="5" s="1"/>
  <c r="N3455" i="5" s="1"/>
  <c r="I3481" i="2"/>
  <c r="I3455" i="5" s="1"/>
  <c r="K2111" i="2"/>
  <c r="K2085" i="5" s="1"/>
  <c r="O2085" i="5" s="1"/>
  <c r="I2111" i="2"/>
  <c r="I2085" i="5" s="1"/>
  <c r="L2111" i="2"/>
  <c r="L2085" i="5" s="1"/>
  <c r="J2111" i="2"/>
  <c r="J2085" i="5" s="1"/>
  <c r="N2085" i="5" s="1"/>
  <c r="M2111" i="2"/>
  <c r="M2085" i="5" s="1"/>
  <c r="C94" i="5"/>
  <c r="AR88" i="1"/>
  <c r="K5454" i="2"/>
  <c r="K5428" i="5" s="1"/>
  <c r="O5428" i="5" s="1"/>
  <c r="M5454" i="2"/>
  <c r="M5428" i="5" s="1"/>
  <c r="L5454" i="2"/>
  <c r="L5428" i="5" s="1"/>
  <c r="I5454" i="2"/>
  <c r="I5428" i="5" s="1"/>
  <c r="J5454" i="2"/>
  <c r="J5428" i="5" s="1"/>
  <c r="N5428" i="5" s="1"/>
  <c r="I1480" i="2"/>
  <c r="I1454" i="5" s="1"/>
  <c r="K1480" i="2"/>
  <c r="K1454" i="5" s="1"/>
  <c r="O1454" i="5" s="1"/>
  <c r="J1480" i="2"/>
  <c r="J1454" i="5" s="1"/>
  <c r="N1454" i="5" s="1"/>
  <c r="M1480" i="2"/>
  <c r="M1454" i="5" s="1"/>
  <c r="L1480" i="2"/>
  <c r="L1454" i="5" s="1"/>
  <c r="I8520" i="2"/>
  <c r="I8494" i="5" s="1"/>
  <c r="L8520" i="2"/>
  <c r="L8494" i="5" s="1"/>
  <c r="K8520" i="2"/>
  <c r="K8494" i="5" s="1"/>
  <c r="O8494" i="5" s="1"/>
  <c r="J8520" i="2"/>
  <c r="J8494" i="5" s="1"/>
  <c r="N8494" i="5" s="1"/>
  <c r="M8520" i="2"/>
  <c r="M8494" i="5" s="1"/>
  <c r="J5813" i="2"/>
  <c r="J5787" i="5" s="1"/>
  <c r="N5787" i="5" s="1"/>
  <c r="L5813" i="2"/>
  <c r="L5787" i="5" s="1"/>
  <c r="M5813" i="2"/>
  <c r="M5787" i="5" s="1"/>
  <c r="I5813" i="2"/>
  <c r="I5787" i="5" s="1"/>
  <c r="K5813" i="2"/>
  <c r="K5787" i="5" s="1"/>
  <c r="O5787" i="5" s="1"/>
  <c r="I5796" i="2"/>
  <c r="I5770" i="5" s="1"/>
  <c r="K5796" i="2"/>
  <c r="K5770" i="5" s="1"/>
  <c r="O5770" i="5" s="1"/>
  <c r="M5796" i="2"/>
  <c r="M5770" i="5" s="1"/>
  <c r="J5796" i="2"/>
  <c r="J5770" i="5" s="1"/>
  <c r="N5770" i="5" s="1"/>
  <c r="L5796" i="2"/>
  <c r="L5770" i="5" s="1"/>
  <c r="AR3" i="1"/>
  <c r="C9" i="5"/>
  <c r="M2782" i="2"/>
  <c r="M2756" i="5" s="1"/>
  <c r="L2782" i="2"/>
  <c r="L2756" i="5" s="1"/>
  <c r="K2782" i="2"/>
  <c r="K2756" i="5" s="1"/>
  <c r="O2756" i="5" s="1"/>
  <c r="I2782" i="2"/>
  <c r="I2756" i="5" s="1"/>
  <c r="J2782" i="2"/>
  <c r="J2756" i="5" s="1"/>
  <c r="N2756" i="5" s="1"/>
  <c r="L1461" i="2"/>
  <c r="L1435" i="5" s="1"/>
  <c r="I1461" i="2"/>
  <c r="I1435" i="5" s="1"/>
  <c r="M1461" i="2"/>
  <c r="M1435" i="5" s="1"/>
  <c r="K1461" i="2"/>
  <c r="K1435" i="5" s="1"/>
  <c r="O1435" i="5" s="1"/>
  <c r="J1461" i="2"/>
  <c r="J1435" i="5" s="1"/>
  <c r="N1435" i="5" s="1"/>
  <c r="M8291" i="2"/>
  <c r="M8265" i="5" s="1"/>
  <c r="L8291" i="2"/>
  <c r="L8265" i="5" s="1"/>
  <c r="J8291" i="2"/>
  <c r="J8265" i="5" s="1"/>
  <c r="N8265" i="5" s="1"/>
  <c r="I8291" i="2"/>
  <c r="I8265" i="5" s="1"/>
  <c r="K8291" i="2"/>
  <c r="K8265" i="5" s="1"/>
  <c r="O8265" i="5" s="1"/>
  <c r="L1222" i="2"/>
  <c r="L1196" i="5" s="1"/>
  <c r="M1222" i="2"/>
  <c r="M1196" i="5" s="1"/>
  <c r="I1222" i="2"/>
  <c r="I1196" i="5" s="1"/>
  <c r="K1222" i="2"/>
  <c r="K1196" i="5" s="1"/>
  <c r="O1196" i="5" s="1"/>
  <c r="J1222" i="2"/>
  <c r="J1196" i="5" s="1"/>
  <c r="N1196" i="5" s="1"/>
  <c r="K5139" i="2"/>
  <c r="K5113" i="5" s="1"/>
  <c r="O5113" i="5" s="1"/>
  <c r="J5139" i="2"/>
  <c r="J5113" i="5" s="1"/>
  <c r="N5113" i="5" s="1"/>
  <c r="M5139" i="2"/>
  <c r="M5113" i="5" s="1"/>
  <c r="I5139" i="2"/>
  <c r="I5113" i="5" s="1"/>
  <c r="L5139" i="2"/>
  <c r="L5113" i="5" s="1"/>
  <c r="L6012" i="2"/>
  <c r="L5986" i="5" s="1"/>
  <c r="I6012" i="2"/>
  <c r="I5986" i="5" s="1"/>
  <c r="K6012" i="2"/>
  <c r="K5986" i="5" s="1"/>
  <c r="O5986" i="5" s="1"/>
  <c r="J6012" i="2"/>
  <c r="J5986" i="5" s="1"/>
  <c r="N5986" i="5" s="1"/>
  <c r="M6012" i="2"/>
  <c r="M5986" i="5" s="1"/>
  <c r="L44" i="2"/>
  <c r="L18" i="5" s="1"/>
  <c r="M44" i="2"/>
  <c r="M18" i="5" s="1"/>
  <c r="I44" i="2"/>
  <c r="I18" i="5" s="1"/>
  <c r="J44" i="2"/>
  <c r="J18" i="5" s="1"/>
  <c r="N18" i="5" s="1"/>
  <c r="K44" i="2"/>
  <c r="K18" i="5" s="1"/>
  <c r="O18" i="5" s="1"/>
  <c r="L5285" i="2"/>
  <c r="L5259" i="5" s="1"/>
  <c r="M5285" i="2"/>
  <c r="M5259" i="5" s="1"/>
  <c r="I5285" i="2"/>
  <c r="I5259" i="5" s="1"/>
  <c r="K5285" i="2"/>
  <c r="K5259" i="5" s="1"/>
  <c r="O5259" i="5" s="1"/>
  <c r="J5285" i="2"/>
  <c r="J5259" i="5" s="1"/>
  <c r="N5259" i="5" s="1"/>
  <c r="I7653" i="2"/>
  <c r="I7627" i="5" s="1"/>
  <c r="K7653" i="2"/>
  <c r="K7627" i="5" s="1"/>
  <c r="O7627" i="5" s="1"/>
  <c r="J7653" i="2"/>
  <c r="J7627" i="5" s="1"/>
  <c r="N7627" i="5" s="1"/>
  <c r="L7653" i="2"/>
  <c r="L7627" i="5" s="1"/>
  <c r="M7653" i="2"/>
  <c r="M7627" i="5" s="1"/>
  <c r="J7646" i="2"/>
  <c r="J7620" i="5" s="1"/>
  <c r="N7620" i="5" s="1"/>
  <c r="L7646" i="2"/>
  <c r="L7620" i="5" s="1"/>
  <c r="I7646" i="2"/>
  <c r="I7620" i="5" s="1"/>
  <c r="K7646" i="2"/>
  <c r="K7620" i="5" s="1"/>
  <c r="O7620" i="5" s="1"/>
  <c r="M7646" i="2"/>
  <c r="M7620" i="5" s="1"/>
  <c r="L1062" i="2"/>
  <c r="L1036" i="5" s="1"/>
  <c r="J1062" i="2"/>
  <c r="J1036" i="5" s="1"/>
  <c r="N1036" i="5" s="1"/>
  <c r="M1062" i="2"/>
  <c r="M1036" i="5" s="1"/>
  <c r="I1062" i="2"/>
  <c r="I1036" i="5" s="1"/>
  <c r="K1062" i="2"/>
  <c r="K1036" i="5" s="1"/>
  <c r="O1036" i="5" s="1"/>
  <c r="J1049" i="2"/>
  <c r="J1023" i="5" s="1"/>
  <c r="N1023" i="5" s="1"/>
  <c r="M1049" i="2"/>
  <c r="M1023" i="5" s="1"/>
  <c r="L1049" i="2"/>
  <c r="L1023" i="5" s="1"/>
  <c r="I1049" i="2"/>
  <c r="I1023" i="5" s="1"/>
  <c r="K1049" i="2"/>
  <c r="K1023" i="5" s="1"/>
  <c r="O1023" i="5" s="1"/>
  <c r="M4823" i="2"/>
  <c r="M4797" i="5" s="1"/>
  <c r="L4823" i="2"/>
  <c r="L4797" i="5" s="1"/>
  <c r="I4823" i="2"/>
  <c r="I4797" i="5" s="1"/>
  <c r="K4823" i="2"/>
  <c r="K4797" i="5" s="1"/>
  <c r="O4797" i="5" s="1"/>
  <c r="J4823" i="2"/>
  <c r="J4797" i="5" s="1"/>
  <c r="N4797" i="5" s="1"/>
  <c r="J4829" i="2"/>
  <c r="J4803" i="5" s="1"/>
  <c r="N4803" i="5" s="1"/>
  <c r="M4829" i="2"/>
  <c r="M4803" i="5" s="1"/>
  <c r="L4829" i="2"/>
  <c r="L4803" i="5" s="1"/>
  <c r="I4829" i="2"/>
  <c r="I4803" i="5" s="1"/>
  <c r="K4829" i="2"/>
  <c r="K4803" i="5" s="1"/>
  <c r="O4803" i="5" s="1"/>
  <c r="L2270" i="2"/>
  <c r="L2244" i="5" s="1"/>
  <c r="M2270" i="2"/>
  <c r="M2244" i="5" s="1"/>
  <c r="I2270" i="2"/>
  <c r="I2244" i="5" s="1"/>
  <c r="K2270" i="2"/>
  <c r="K2244" i="5" s="1"/>
  <c r="O2244" i="5" s="1"/>
  <c r="J2270" i="2"/>
  <c r="J2244" i="5" s="1"/>
  <c r="N2244" i="5" s="1"/>
  <c r="J2287" i="2"/>
  <c r="J2261" i="5" s="1"/>
  <c r="N2261" i="5" s="1"/>
  <c r="L2287" i="2"/>
  <c r="L2261" i="5" s="1"/>
  <c r="M2287" i="2"/>
  <c r="M2261" i="5" s="1"/>
  <c r="I2287" i="2"/>
  <c r="I2261" i="5" s="1"/>
  <c r="K2287" i="2"/>
  <c r="K2261" i="5" s="1"/>
  <c r="O2261" i="5" s="1"/>
  <c r="J6474" i="2"/>
  <c r="J6448" i="5" s="1"/>
  <c r="N6448" i="5" s="1"/>
  <c r="L6474" i="2"/>
  <c r="L6448" i="5" s="1"/>
  <c r="I6474" i="2"/>
  <c r="I6448" i="5" s="1"/>
  <c r="M6474" i="2"/>
  <c r="M6448" i="5" s="1"/>
  <c r="K6474" i="2"/>
  <c r="K6448" i="5" s="1"/>
  <c r="O6448" i="5" s="1"/>
  <c r="J2626" i="2"/>
  <c r="J2600" i="5" s="1"/>
  <c r="N2600" i="5" s="1"/>
  <c r="L2626" i="2"/>
  <c r="L2600" i="5" s="1"/>
  <c r="M2626" i="2"/>
  <c r="M2600" i="5" s="1"/>
  <c r="I2626" i="2"/>
  <c r="I2600" i="5" s="1"/>
  <c r="K2626" i="2"/>
  <c r="K2600" i="5" s="1"/>
  <c r="O2600" i="5" s="1"/>
  <c r="K3120" i="2"/>
  <c r="K3094" i="5" s="1"/>
  <c r="O3094" i="5" s="1"/>
  <c r="I3120" i="2"/>
  <c r="I3094" i="5" s="1"/>
  <c r="J3120" i="2"/>
  <c r="J3094" i="5" s="1"/>
  <c r="N3094" i="5" s="1"/>
  <c r="M3120" i="2"/>
  <c r="M3094" i="5" s="1"/>
  <c r="L3120" i="2"/>
  <c r="L3094" i="5" s="1"/>
  <c r="M7007" i="2"/>
  <c r="M6981" i="5" s="1"/>
  <c r="I7007" i="2"/>
  <c r="I6981" i="5" s="1"/>
  <c r="K7007" i="2"/>
  <c r="K6981" i="5" s="1"/>
  <c r="O6981" i="5" s="1"/>
  <c r="J7007" i="2"/>
  <c r="J6981" i="5" s="1"/>
  <c r="N6981" i="5" s="1"/>
  <c r="L7007" i="2"/>
  <c r="L6981" i="5" s="1"/>
  <c r="J1297" i="2"/>
  <c r="J1271" i="5" s="1"/>
  <c r="N1271" i="5" s="1"/>
  <c r="I1297" i="2"/>
  <c r="I1271" i="5" s="1"/>
  <c r="K1297" i="2"/>
  <c r="K1271" i="5" s="1"/>
  <c r="O1271" i="5" s="1"/>
  <c r="L1297" i="2"/>
  <c r="L1271" i="5" s="1"/>
  <c r="M1297" i="2"/>
  <c r="M1271" i="5" s="1"/>
  <c r="I5980" i="2"/>
  <c r="I5954" i="5" s="1"/>
  <c r="K5980" i="2"/>
  <c r="K5954" i="5" s="1"/>
  <c r="O5954" i="5" s="1"/>
  <c r="J5980" i="2"/>
  <c r="J5954" i="5" s="1"/>
  <c r="N5954" i="5" s="1"/>
  <c r="M5980" i="2"/>
  <c r="M5954" i="5" s="1"/>
  <c r="L5980" i="2"/>
  <c r="L5954" i="5" s="1"/>
  <c r="I3093" i="2"/>
  <c r="I3067" i="5" s="1"/>
  <c r="K3093" i="2"/>
  <c r="K3067" i="5" s="1"/>
  <c r="O3067" i="5" s="1"/>
  <c r="J3093" i="2"/>
  <c r="J3067" i="5" s="1"/>
  <c r="N3067" i="5" s="1"/>
  <c r="M3093" i="2"/>
  <c r="M3067" i="5" s="1"/>
  <c r="L3093" i="2"/>
  <c r="L3067" i="5" s="1"/>
  <c r="K1093" i="2"/>
  <c r="K1067" i="5" s="1"/>
  <c r="O1067" i="5" s="1"/>
  <c r="J1093" i="2"/>
  <c r="J1067" i="5" s="1"/>
  <c r="N1067" i="5" s="1"/>
  <c r="L1093" i="2"/>
  <c r="L1067" i="5" s="1"/>
  <c r="M1093" i="2"/>
  <c r="M1067" i="5" s="1"/>
  <c r="I1093" i="2"/>
  <c r="I1067" i="5" s="1"/>
  <c r="K467" i="2"/>
  <c r="K441" i="5" s="1"/>
  <c r="O441" i="5" s="1"/>
  <c r="L467" i="2"/>
  <c r="L441" i="5" s="1"/>
  <c r="M467" i="2"/>
  <c r="M441" i="5" s="1"/>
  <c r="I467" i="2"/>
  <c r="I441" i="5" s="1"/>
  <c r="J467" i="2"/>
  <c r="J441" i="5" s="1"/>
  <c r="N441" i="5" s="1"/>
  <c r="J472" i="2"/>
  <c r="J446" i="5" s="1"/>
  <c r="N446" i="5" s="1"/>
  <c r="I472" i="2"/>
  <c r="I446" i="5" s="1"/>
  <c r="L472" i="2"/>
  <c r="L446" i="5" s="1"/>
  <c r="K472" i="2"/>
  <c r="K446" i="5" s="1"/>
  <c r="O446" i="5" s="1"/>
  <c r="M472" i="2"/>
  <c r="M446" i="5" s="1"/>
  <c r="L234" i="2"/>
  <c r="L208" i="5" s="1"/>
  <c r="M234" i="2"/>
  <c r="M208" i="5" s="1"/>
  <c r="K234" i="2"/>
  <c r="K208" i="5" s="1"/>
  <c r="O208" i="5" s="1"/>
  <c r="J234" i="2"/>
  <c r="J208" i="5" s="1"/>
  <c r="N208" i="5" s="1"/>
  <c r="I234" i="2"/>
  <c r="I208" i="5" s="1"/>
  <c r="L6930" i="2"/>
  <c r="L6904" i="5" s="1"/>
  <c r="K6930" i="2"/>
  <c r="K6904" i="5" s="1"/>
  <c r="O6904" i="5" s="1"/>
  <c r="J6930" i="2"/>
  <c r="J6904" i="5" s="1"/>
  <c r="N6904" i="5" s="1"/>
  <c r="I6930" i="2"/>
  <c r="I6904" i="5" s="1"/>
  <c r="M6930" i="2"/>
  <c r="M6904" i="5" s="1"/>
  <c r="L5492" i="2"/>
  <c r="L5466" i="5" s="1"/>
  <c r="M5492" i="2"/>
  <c r="M5466" i="5" s="1"/>
  <c r="I5492" i="2"/>
  <c r="I5466" i="5" s="1"/>
  <c r="M4745" i="2"/>
  <c r="M4719" i="5" s="1"/>
  <c r="L4745" i="2"/>
  <c r="L4719" i="5" s="1"/>
  <c r="I4745" i="2"/>
  <c r="I4719" i="5" s="1"/>
  <c r="K4745" i="2"/>
  <c r="K4719" i="5" s="1"/>
  <c r="O4719" i="5" s="1"/>
  <c r="J4745" i="2"/>
  <c r="J4719" i="5" s="1"/>
  <c r="N4719" i="5" s="1"/>
  <c r="J4750" i="2"/>
  <c r="J4724" i="5" s="1"/>
  <c r="N4724" i="5" s="1"/>
  <c r="I4750" i="2"/>
  <c r="I4724" i="5" s="1"/>
  <c r="K4750" i="2"/>
  <c r="K4724" i="5" s="1"/>
  <c r="O4724" i="5" s="1"/>
  <c r="M4750" i="2"/>
  <c r="M4724" i="5" s="1"/>
  <c r="L4750" i="2"/>
  <c r="L4724" i="5" s="1"/>
  <c r="I8162" i="2"/>
  <c r="I8136" i="5" s="1"/>
  <c r="L8162" i="2"/>
  <c r="L8136" i="5" s="1"/>
  <c r="K8162" i="2"/>
  <c r="K8136" i="5" s="1"/>
  <c r="O8136" i="5" s="1"/>
  <c r="J8162" i="2"/>
  <c r="J8136" i="5" s="1"/>
  <c r="N8136" i="5" s="1"/>
  <c r="M8162" i="2"/>
  <c r="M8136" i="5" s="1"/>
  <c r="J8160" i="2"/>
  <c r="J8134" i="5" s="1"/>
  <c r="N8134" i="5" s="1"/>
  <c r="M8160" i="2"/>
  <c r="M8134" i="5" s="1"/>
  <c r="I8160" i="2"/>
  <c r="I8134" i="5" s="1"/>
  <c r="L8160" i="2"/>
  <c r="L8134" i="5" s="1"/>
  <c r="K8160" i="2"/>
  <c r="K8134" i="5" s="1"/>
  <c r="O8134" i="5" s="1"/>
  <c r="J1899" i="2"/>
  <c r="J1873" i="5" s="1"/>
  <c r="N1873" i="5" s="1"/>
  <c r="L1899" i="2"/>
  <c r="L1873" i="5" s="1"/>
  <c r="M1899" i="2"/>
  <c r="M1873" i="5" s="1"/>
  <c r="I1899" i="2"/>
  <c r="I1873" i="5" s="1"/>
  <c r="K1899" i="2"/>
  <c r="K1873" i="5" s="1"/>
  <c r="O1873" i="5" s="1"/>
  <c r="J1894" i="2"/>
  <c r="J1868" i="5" s="1"/>
  <c r="N1868" i="5" s="1"/>
  <c r="M1894" i="2"/>
  <c r="M1868" i="5" s="1"/>
  <c r="I1894" i="2"/>
  <c r="I1868" i="5" s="1"/>
  <c r="L1894" i="2"/>
  <c r="L1868" i="5" s="1"/>
  <c r="K1894" i="2"/>
  <c r="K1868" i="5" s="1"/>
  <c r="O1868" i="5" s="1"/>
  <c r="J4777" i="2"/>
  <c r="J4751" i="5" s="1"/>
  <c r="N4751" i="5" s="1"/>
  <c r="M4777" i="2"/>
  <c r="M4751" i="5" s="1"/>
  <c r="I4777" i="2"/>
  <c r="I4751" i="5" s="1"/>
  <c r="L4777" i="2"/>
  <c r="L4751" i="5" s="1"/>
  <c r="K4777" i="2"/>
  <c r="K4751" i="5" s="1"/>
  <c r="O4751" i="5" s="1"/>
  <c r="I3666" i="2"/>
  <c r="I3640" i="5" s="1"/>
  <c r="L3666" i="2"/>
  <c r="L3640" i="5" s="1"/>
  <c r="K3666" i="2"/>
  <c r="K3640" i="5" s="1"/>
  <c r="O3640" i="5" s="1"/>
  <c r="J3666" i="2"/>
  <c r="J3640" i="5" s="1"/>
  <c r="N3640" i="5" s="1"/>
  <c r="M3666" i="2"/>
  <c r="M3640" i="5" s="1"/>
  <c r="J3659" i="2"/>
  <c r="J3633" i="5" s="1"/>
  <c r="N3633" i="5" s="1"/>
  <c r="L3659" i="2"/>
  <c r="L3633" i="5" s="1"/>
  <c r="M3659" i="2"/>
  <c r="M3633" i="5" s="1"/>
  <c r="I3659" i="2"/>
  <c r="I3633" i="5" s="1"/>
  <c r="K3659" i="2"/>
  <c r="K3633" i="5" s="1"/>
  <c r="O3633" i="5" s="1"/>
  <c r="I5638" i="2"/>
  <c r="I5612" i="5" s="1"/>
  <c r="K5638" i="2"/>
  <c r="K5612" i="5" s="1"/>
  <c r="O5612" i="5" s="1"/>
  <c r="J5638" i="2"/>
  <c r="J5612" i="5" s="1"/>
  <c r="N5612" i="5" s="1"/>
  <c r="M5638" i="2"/>
  <c r="M5612" i="5" s="1"/>
  <c r="L5638" i="2"/>
  <c r="L5612" i="5" s="1"/>
  <c r="L2068" i="2"/>
  <c r="L2042" i="5" s="1"/>
  <c r="M2068" i="2"/>
  <c r="M2042" i="5" s="1"/>
  <c r="I2068" i="2"/>
  <c r="I2042" i="5" s="1"/>
  <c r="J2068" i="2"/>
  <c r="J2042" i="5" s="1"/>
  <c r="N2042" i="5" s="1"/>
  <c r="K2068" i="2"/>
  <c r="K2042" i="5" s="1"/>
  <c r="O2042" i="5" s="1"/>
  <c r="M7640" i="2"/>
  <c r="M7614" i="5" s="1"/>
  <c r="I7640" i="2"/>
  <c r="I7614" i="5" s="1"/>
  <c r="L7640" i="2"/>
  <c r="L7614" i="5" s="1"/>
  <c r="J7640" i="2"/>
  <c r="J7614" i="5" s="1"/>
  <c r="N7614" i="5" s="1"/>
  <c r="K7640" i="2"/>
  <c r="K7614" i="5" s="1"/>
  <c r="O7614" i="5" s="1"/>
  <c r="J4459" i="2"/>
  <c r="J4433" i="5" s="1"/>
  <c r="N4433" i="5" s="1"/>
  <c r="L4459" i="2"/>
  <c r="L4433" i="5" s="1"/>
  <c r="K4459" i="2"/>
  <c r="K4433" i="5" s="1"/>
  <c r="O4433" i="5" s="1"/>
  <c r="M4459" i="2"/>
  <c r="M4433" i="5" s="1"/>
  <c r="I4459" i="2"/>
  <c r="I4433" i="5" s="1"/>
  <c r="J7681" i="2"/>
  <c r="J7655" i="5" s="1"/>
  <c r="N7655" i="5" s="1"/>
  <c r="L7681" i="2"/>
  <c r="L7655" i="5" s="1"/>
  <c r="I7681" i="2"/>
  <c r="I7655" i="5" s="1"/>
  <c r="K7681" i="2"/>
  <c r="K7655" i="5" s="1"/>
  <c r="O7655" i="5" s="1"/>
  <c r="M7681" i="2"/>
  <c r="M7655" i="5" s="1"/>
  <c r="M4173" i="2"/>
  <c r="M4147" i="5" s="1"/>
  <c r="J4173" i="2"/>
  <c r="J4147" i="5" s="1"/>
  <c r="N4147" i="5" s="1"/>
  <c r="L4173" i="2"/>
  <c r="L4147" i="5" s="1"/>
  <c r="I4173" i="2"/>
  <c r="I4147" i="5" s="1"/>
  <c r="K4173" i="2"/>
  <c r="K4147" i="5" s="1"/>
  <c r="O4147" i="5" s="1"/>
  <c r="AR174" i="1"/>
  <c r="C180" i="5"/>
  <c r="M2395" i="2"/>
  <c r="M2369" i="5" s="1"/>
  <c r="L2395" i="2"/>
  <c r="L2369" i="5" s="1"/>
  <c r="I2395" i="2"/>
  <c r="I2369" i="5" s="1"/>
  <c r="K2395" i="2"/>
  <c r="K2369" i="5" s="1"/>
  <c r="O2369" i="5" s="1"/>
  <c r="J2395" i="2"/>
  <c r="J2369" i="5" s="1"/>
  <c r="N2369" i="5" s="1"/>
  <c r="J8637" i="2"/>
  <c r="J8611" i="5" s="1"/>
  <c r="N8611" i="5" s="1"/>
  <c r="I8637" i="2"/>
  <c r="I8611" i="5" s="1"/>
  <c r="L8637" i="2"/>
  <c r="L8611" i="5" s="1"/>
  <c r="M8637" i="2"/>
  <c r="M8611" i="5" s="1"/>
  <c r="K8637" i="2"/>
  <c r="K8611" i="5" s="1"/>
  <c r="O8611" i="5" s="1"/>
  <c r="M3641" i="2"/>
  <c r="M3615" i="5" s="1"/>
  <c r="L3641" i="2"/>
  <c r="L3615" i="5" s="1"/>
  <c r="J3641" i="2"/>
  <c r="J3615" i="5" s="1"/>
  <c r="N3615" i="5" s="1"/>
  <c r="I3641" i="2"/>
  <c r="I3615" i="5" s="1"/>
  <c r="K3641" i="2"/>
  <c r="K3615" i="5" s="1"/>
  <c r="O3615" i="5" s="1"/>
  <c r="J3647" i="2"/>
  <c r="J3621" i="5" s="1"/>
  <c r="N3621" i="5" s="1"/>
  <c r="L3647" i="2"/>
  <c r="L3621" i="5" s="1"/>
  <c r="M3647" i="2"/>
  <c r="M3621" i="5" s="1"/>
  <c r="I3647" i="2"/>
  <c r="I3621" i="5" s="1"/>
  <c r="K3647" i="2"/>
  <c r="K3621" i="5" s="1"/>
  <c r="O3621" i="5" s="1"/>
  <c r="M3588" i="2"/>
  <c r="M3562" i="5" s="1"/>
  <c r="I3588" i="2"/>
  <c r="I3562" i="5" s="1"/>
  <c r="K3588" i="2"/>
  <c r="K3562" i="5" s="1"/>
  <c r="O3562" i="5" s="1"/>
  <c r="L3588" i="2"/>
  <c r="L3562" i="5" s="1"/>
  <c r="J3588" i="2"/>
  <c r="J3562" i="5" s="1"/>
  <c r="N3562" i="5" s="1"/>
  <c r="C156" i="5"/>
  <c r="AR150" i="1"/>
  <c r="I5524" i="2"/>
  <c r="I5498" i="5" s="1"/>
  <c r="K5524" i="2"/>
  <c r="K5498" i="5" s="1"/>
  <c r="O5498" i="5" s="1"/>
  <c r="L5524" i="2"/>
  <c r="L5498" i="5" s="1"/>
  <c r="J5524" i="2"/>
  <c r="J5498" i="5" s="1"/>
  <c r="N5498" i="5" s="1"/>
  <c r="M5524" i="2"/>
  <c r="M5498" i="5" s="1"/>
  <c r="M5259" i="2"/>
  <c r="M5233" i="5" s="1"/>
  <c r="I5259" i="2"/>
  <c r="I5233" i="5" s="1"/>
  <c r="J5259" i="2"/>
  <c r="J5233" i="5" s="1"/>
  <c r="N5233" i="5" s="1"/>
  <c r="K5259" i="2"/>
  <c r="K5233" i="5" s="1"/>
  <c r="O5233" i="5" s="1"/>
  <c r="L5259" i="2"/>
  <c r="L5233" i="5" s="1"/>
  <c r="K6609" i="2"/>
  <c r="K6583" i="5" s="1"/>
  <c r="O6583" i="5" s="1"/>
  <c r="J6609" i="2"/>
  <c r="J6583" i="5" s="1"/>
  <c r="N6583" i="5" s="1"/>
  <c r="L6609" i="2"/>
  <c r="L6583" i="5" s="1"/>
  <c r="M6609" i="2"/>
  <c r="M6583" i="5" s="1"/>
  <c r="I6609" i="2"/>
  <c r="I6583" i="5" s="1"/>
  <c r="L2500" i="2"/>
  <c r="L2474" i="5" s="1"/>
  <c r="M2500" i="2"/>
  <c r="M2474" i="5" s="1"/>
  <c r="I2500" i="2"/>
  <c r="I2474" i="5" s="1"/>
  <c r="K2500" i="2"/>
  <c r="K2474" i="5" s="1"/>
  <c r="O2474" i="5" s="1"/>
  <c r="J2500" i="2"/>
  <c r="J2474" i="5" s="1"/>
  <c r="N2474" i="5" s="1"/>
  <c r="K2592" i="2"/>
  <c r="K2566" i="5" s="1"/>
  <c r="O2566" i="5" s="1"/>
  <c r="J2592" i="2"/>
  <c r="J2566" i="5" s="1"/>
  <c r="N2566" i="5" s="1"/>
  <c r="M2592" i="2"/>
  <c r="M2566" i="5" s="1"/>
  <c r="L2592" i="2"/>
  <c r="L2566" i="5" s="1"/>
  <c r="I2592" i="2"/>
  <c r="I2566" i="5" s="1"/>
  <c r="I6317" i="2"/>
  <c r="I6291" i="5" s="1"/>
  <c r="L6317" i="2"/>
  <c r="L6291" i="5" s="1"/>
  <c r="K6317" i="2"/>
  <c r="K6291" i="5" s="1"/>
  <c r="O6291" i="5" s="1"/>
  <c r="J6317" i="2"/>
  <c r="J6291" i="5" s="1"/>
  <c r="N6291" i="5" s="1"/>
  <c r="M6317" i="2"/>
  <c r="M6291" i="5" s="1"/>
  <c r="M3793" i="2"/>
  <c r="M3767" i="5" s="1"/>
  <c r="J3793" i="2"/>
  <c r="J3767" i="5" s="1"/>
  <c r="N3767" i="5" s="1"/>
  <c r="I3793" i="2"/>
  <c r="I3767" i="5" s="1"/>
  <c r="L3793" i="2"/>
  <c r="L3767" i="5" s="1"/>
  <c r="K3793" i="2"/>
  <c r="K3767" i="5" s="1"/>
  <c r="O3767" i="5" s="1"/>
  <c r="L2162" i="2"/>
  <c r="L2136" i="5" s="1"/>
  <c r="I2162" i="2"/>
  <c r="I2136" i="5" s="1"/>
  <c r="K2162" i="2"/>
  <c r="K2136" i="5" s="1"/>
  <c r="O2136" i="5" s="1"/>
  <c r="M2162" i="2"/>
  <c r="M2136" i="5" s="1"/>
  <c r="J2162" i="2"/>
  <c r="J2136" i="5" s="1"/>
  <c r="N2136" i="5" s="1"/>
  <c r="M6283" i="2"/>
  <c r="M6257" i="5" s="1"/>
  <c r="J6283" i="2"/>
  <c r="J6257" i="5" s="1"/>
  <c r="N6257" i="5" s="1"/>
  <c r="L6283" i="2"/>
  <c r="L6257" i="5" s="1"/>
  <c r="I6283" i="2"/>
  <c r="I6257" i="5" s="1"/>
  <c r="K6283" i="2"/>
  <c r="K6257" i="5" s="1"/>
  <c r="O6257" i="5" s="1"/>
  <c r="L6295" i="2"/>
  <c r="L6269" i="5" s="1"/>
  <c r="J6295" i="2"/>
  <c r="J6269" i="5" s="1"/>
  <c r="N6269" i="5" s="1"/>
  <c r="M6295" i="2"/>
  <c r="M6269" i="5" s="1"/>
  <c r="I6295" i="2"/>
  <c r="I6269" i="5" s="1"/>
  <c r="K6295" i="2"/>
  <c r="K6269" i="5" s="1"/>
  <c r="O6269" i="5" s="1"/>
  <c r="M3431" i="2"/>
  <c r="M3405" i="5" s="1"/>
  <c r="K3431" i="2"/>
  <c r="K3405" i="5" s="1"/>
  <c r="O3405" i="5" s="1"/>
  <c r="J3431" i="2"/>
  <c r="J3405" i="5" s="1"/>
  <c r="N3405" i="5" s="1"/>
  <c r="L3431" i="2"/>
  <c r="L3405" i="5" s="1"/>
  <c r="I3431" i="2"/>
  <c r="I3405" i="5" s="1"/>
  <c r="L6779" i="2"/>
  <c r="L6753" i="5" s="1"/>
  <c r="M6779" i="2"/>
  <c r="M6753" i="5" s="1"/>
  <c r="I6779" i="2"/>
  <c r="I6753" i="5" s="1"/>
  <c r="K6779" i="2"/>
  <c r="K6753" i="5" s="1"/>
  <c r="O6753" i="5" s="1"/>
  <c r="J6779" i="2"/>
  <c r="J6753" i="5" s="1"/>
  <c r="N6753" i="5" s="1"/>
  <c r="I7298" i="2"/>
  <c r="I7272" i="5" s="1"/>
  <c r="K7298" i="2"/>
  <c r="K7272" i="5" s="1"/>
  <c r="O7272" i="5" s="1"/>
  <c r="J7298" i="2"/>
  <c r="J7272" i="5" s="1"/>
  <c r="N7272" i="5" s="1"/>
  <c r="L7298" i="2"/>
  <c r="L7272" i="5" s="1"/>
  <c r="M7298" i="2"/>
  <c r="M7272" i="5" s="1"/>
  <c r="K1256" i="2"/>
  <c r="K1230" i="5" s="1"/>
  <c r="O1230" i="5" s="1"/>
  <c r="M1256" i="2"/>
  <c r="M1230" i="5" s="1"/>
  <c r="I1256" i="2"/>
  <c r="I1230" i="5" s="1"/>
  <c r="L1256" i="2"/>
  <c r="L1230" i="5" s="1"/>
  <c r="J1256" i="2"/>
  <c r="J1230" i="5" s="1"/>
  <c r="N1230" i="5" s="1"/>
  <c r="K3291" i="2"/>
  <c r="K3265" i="5" s="1"/>
  <c r="O3265" i="5" s="1"/>
  <c r="L3291" i="2"/>
  <c r="L3265" i="5" s="1"/>
  <c r="J3291" i="2"/>
  <c r="J3265" i="5" s="1"/>
  <c r="N3265" i="5" s="1"/>
  <c r="M3291" i="2"/>
  <c r="M3265" i="5" s="1"/>
  <c r="I3291" i="2"/>
  <c r="I3265" i="5" s="1"/>
  <c r="J3274" i="2"/>
  <c r="J3248" i="5" s="1"/>
  <c r="N3248" i="5" s="1"/>
  <c r="M3274" i="2"/>
  <c r="M3248" i="5" s="1"/>
  <c r="I3274" i="2"/>
  <c r="I3248" i="5" s="1"/>
  <c r="K6822" i="2"/>
  <c r="K6796" i="5" s="1"/>
  <c r="O6796" i="5" s="1"/>
  <c r="J6822" i="2"/>
  <c r="J6796" i="5" s="1"/>
  <c r="N6796" i="5" s="1"/>
  <c r="M6822" i="2"/>
  <c r="M6796" i="5" s="1"/>
  <c r="L6822" i="2"/>
  <c r="L6796" i="5" s="1"/>
  <c r="I6822" i="2"/>
  <c r="I6796" i="5" s="1"/>
  <c r="J5413" i="2"/>
  <c r="J5387" i="5" s="1"/>
  <c r="N5387" i="5" s="1"/>
  <c r="L5413" i="2"/>
  <c r="L5387" i="5" s="1"/>
  <c r="K5413" i="2"/>
  <c r="K5387" i="5" s="1"/>
  <c r="O5387" i="5" s="1"/>
  <c r="M5413" i="2"/>
  <c r="M5387" i="5" s="1"/>
  <c r="I5413" i="2"/>
  <c r="I5387" i="5" s="1"/>
  <c r="L5418" i="2"/>
  <c r="L5392" i="5" s="1"/>
  <c r="M5418" i="2"/>
  <c r="M5392" i="5" s="1"/>
  <c r="J5418" i="2"/>
  <c r="J5392" i="5" s="1"/>
  <c r="N5392" i="5" s="1"/>
  <c r="I5418" i="2"/>
  <c r="I5392" i="5" s="1"/>
  <c r="K5418" i="2"/>
  <c r="K5392" i="5" s="1"/>
  <c r="O5392" i="5" s="1"/>
  <c r="M125" i="2"/>
  <c r="M99" i="5" s="1"/>
  <c r="L125" i="2"/>
  <c r="L99" i="5" s="1"/>
  <c r="I125" i="2"/>
  <c r="I99" i="5" s="1"/>
  <c r="K125" i="2"/>
  <c r="K99" i="5" s="1"/>
  <c r="O99" i="5" s="1"/>
  <c r="J125" i="2"/>
  <c r="J99" i="5" s="1"/>
  <c r="N99" i="5" s="1"/>
  <c r="J3908" i="2"/>
  <c r="J3882" i="5" s="1"/>
  <c r="N3882" i="5" s="1"/>
  <c r="K3908" i="2"/>
  <c r="K3882" i="5" s="1"/>
  <c r="O3882" i="5" s="1"/>
  <c r="L3908" i="2"/>
  <c r="L3882" i="5" s="1"/>
  <c r="I3908" i="2"/>
  <c r="I3882" i="5" s="1"/>
  <c r="M3908" i="2"/>
  <c r="M3882" i="5" s="1"/>
  <c r="L268" i="2"/>
  <c r="L242" i="5" s="1"/>
  <c r="M268" i="2"/>
  <c r="M242" i="5" s="1"/>
  <c r="J268" i="2"/>
  <c r="J242" i="5" s="1"/>
  <c r="N242" i="5" s="1"/>
  <c r="I268" i="2"/>
  <c r="I242" i="5" s="1"/>
  <c r="K268" i="2"/>
  <c r="K242" i="5" s="1"/>
  <c r="O242" i="5" s="1"/>
  <c r="J6355" i="2"/>
  <c r="J6329" i="5" s="1"/>
  <c r="N6329" i="5" s="1"/>
  <c r="K6355" i="2"/>
  <c r="K6329" i="5" s="1"/>
  <c r="O6329" i="5" s="1"/>
  <c r="M6355" i="2"/>
  <c r="M6329" i="5" s="1"/>
  <c r="I6355" i="2"/>
  <c r="I6329" i="5" s="1"/>
  <c r="L6355" i="2"/>
  <c r="L6329" i="5" s="1"/>
  <c r="J7208" i="2"/>
  <c r="J7182" i="5" s="1"/>
  <c r="N7182" i="5" s="1"/>
  <c r="L7208" i="2"/>
  <c r="L7182" i="5" s="1"/>
  <c r="M7208" i="2"/>
  <c r="M7182" i="5" s="1"/>
  <c r="I7208" i="2"/>
  <c r="I7182" i="5" s="1"/>
  <c r="K7208" i="2"/>
  <c r="K7182" i="5" s="1"/>
  <c r="O7182" i="5" s="1"/>
  <c r="K1575" i="2"/>
  <c r="K1549" i="5" s="1"/>
  <c r="O1549" i="5" s="1"/>
  <c r="M1575" i="2"/>
  <c r="M1549" i="5" s="1"/>
  <c r="L1575" i="2"/>
  <c r="L1549" i="5" s="1"/>
  <c r="J1575" i="2"/>
  <c r="J1549" i="5" s="1"/>
  <c r="N1549" i="5" s="1"/>
  <c r="I1575" i="2"/>
  <c r="I1549" i="5" s="1"/>
  <c r="K3497" i="2"/>
  <c r="K3471" i="5" s="1"/>
  <c r="O3471" i="5" s="1"/>
  <c r="M3497" i="2"/>
  <c r="M3471" i="5" s="1"/>
  <c r="I3497" i="2"/>
  <c r="I3471" i="5" s="1"/>
  <c r="J3497" i="2"/>
  <c r="J3471" i="5" s="1"/>
  <c r="N3471" i="5" s="1"/>
  <c r="L3497" i="2"/>
  <c r="L3471" i="5" s="1"/>
  <c r="J6686" i="2"/>
  <c r="J6660" i="5" s="1"/>
  <c r="N6660" i="5" s="1"/>
  <c r="L6686" i="2"/>
  <c r="L6660" i="5" s="1"/>
  <c r="M6686" i="2"/>
  <c r="M6660" i="5" s="1"/>
  <c r="I6686" i="2"/>
  <c r="I6660" i="5" s="1"/>
  <c r="K6686" i="2"/>
  <c r="K6660" i="5" s="1"/>
  <c r="O6660" i="5" s="1"/>
  <c r="M7133" i="2"/>
  <c r="M7107" i="5" s="1"/>
  <c r="I7133" i="2"/>
  <c r="I7107" i="5" s="1"/>
  <c r="K7133" i="2"/>
  <c r="K7107" i="5" s="1"/>
  <c r="O7107" i="5" s="1"/>
  <c r="J7133" i="2"/>
  <c r="J7107" i="5" s="1"/>
  <c r="N7107" i="5" s="1"/>
  <c r="L7133" i="2"/>
  <c r="L7107" i="5" s="1"/>
  <c r="K2138" i="2"/>
  <c r="K2112" i="5" s="1"/>
  <c r="O2112" i="5" s="1"/>
  <c r="L2138" i="2"/>
  <c r="L2112" i="5" s="1"/>
  <c r="M2138" i="2"/>
  <c r="M2112" i="5" s="1"/>
  <c r="I2138" i="2"/>
  <c r="I2112" i="5" s="1"/>
  <c r="J2138" i="2"/>
  <c r="J2112" i="5" s="1"/>
  <c r="N2112" i="5" s="1"/>
  <c r="C95" i="5"/>
  <c r="J3339" i="2"/>
  <c r="J3313" i="5" s="1"/>
  <c r="N3313" i="5" s="1"/>
  <c r="L3339" i="2"/>
  <c r="L3313" i="5" s="1"/>
  <c r="M3339" i="2"/>
  <c r="M3313" i="5" s="1"/>
  <c r="K3339" i="2"/>
  <c r="K3313" i="5" s="1"/>
  <c r="O3313" i="5" s="1"/>
  <c r="M4518" i="2"/>
  <c r="M4492" i="5" s="1"/>
  <c r="K4518" i="2"/>
  <c r="K4492" i="5" s="1"/>
  <c r="O4492" i="5" s="1"/>
  <c r="J4518" i="2"/>
  <c r="J4492" i="5" s="1"/>
  <c r="N4492" i="5" s="1"/>
  <c r="I4518" i="2"/>
  <c r="I4492" i="5" s="1"/>
  <c r="K4501" i="2"/>
  <c r="K4475" i="5" s="1"/>
  <c r="O4475" i="5" s="1"/>
  <c r="L4501" i="2"/>
  <c r="L4475" i="5" s="1"/>
  <c r="I4501" i="2"/>
  <c r="I4475" i="5" s="1"/>
  <c r="J4501" i="2"/>
  <c r="J4475" i="5" s="1"/>
  <c r="N4475" i="5" s="1"/>
  <c r="M4501" i="2"/>
  <c r="M4475" i="5" s="1"/>
  <c r="M7442" i="2"/>
  <c r="M7416" i="5" s="1"/>
  <c r="L7442" i="2"/>
  <c r="L7416" i="5" s="1"/>
  <c r="I7442" i="2"/>
  <c r="I7416" i="5" s="1"/>
  <c r="K7442" i="2"/>
  <c r="K7416" i="5" s="1"/>
  <c r="O7416" i="5" s="1"/>
  <c r="J7442" i="2"/>
  <c r="J7416" i="5" s="1"/>
  <c r="N7416" i="5" s="1"/>
  <c r="J7437" i="2"/>
  <c r="J7411" i="5" s="1"/>
  <c r="N7411" i="5" s="1"/>
  <c r="M7437" i="2"/>
  <c r="M7411" i="5" s="1"/>
  <c r="L7437" i="2"/>
  <c r="L7411" i="5" s="1"/>
  <c r="I7437" i="2"/>
  <c r="I7411" i="5" s="1"/>
  <c r="K7437" i="2"/>
  <c r="K7411" i="5" s="1"/>
  <c r="O7411" i="5" s="1"/>
  <c r="K6500" i="2"/>
  <c r="K6474" i="5" s="1"/>
  <c r="O6474" i="5" s="1"/>
  <c r="L6500" i="2"/>
  <c r="L6474" i="5" s="1"/>
  <c r="M6500" i="2"/>
  <c r="M6474" i="5" s="1"/>
  <c r="J6500" i="2"/>
  <c r="J6474" i="5" s="1"/>
  <c r="N6474" i="5" s="1"/>
  <c r="I6500" i="2"/>
  <c r="I6474" i="5" s="1"/>
  <c r="AR271" i="1"/>
  <c r="C277" i="5"/>
  <c r="I4848" i="2"/>
  <c r="I4822" i="5" s="1"/>
  <c r="K4848" i="2"/>
  <c r="K4822" i="5" s="1"/>
  <c r="O4822" i="5" s="1"/>
  <c r="L4848" i="2"/>
  <c r="L4822" i="5" s="1"/>
  <c r="M4848" i="2"/>
  <c r="M4822" i="5" s="1"/>
  <c r="J4848" i="2"/>
  <c r="J4822" i="5" s="1"/>
  <c r="N4822" i="5" s="1"/>
  <c r="J7881" i="2"/>
  <c r="J7855" i="5" s="1"/>
  <c r="N7855" i="5" s="1"/>
  <c r="M7881" i="2"/>
  <c r="M7855" i="5" s="1"/>
  <c r="I7881" i="2"/>
  <c r="I7855" i="5" s="1"/>
  <c r="K7881" i="2"/>
  <c r="K7855" i="5" s="1"/>
  <c r="O7855" i="5" s="1"/>
  <c r="L7881" i="2"/>
  <c r="L7855" i="5" s="1"/>
  <c r="I4925" i="2"/>
  <c r="I4899" i="5" s="1"/>
  <c r="K4925" i="2"/>
  <c r="K4899" i="5" s="1"/>
  <c r="O4899" i="5" s="1"/>
  <c r="L4925" i="2"/>
  <c r="L4899" i="5" s="1"/>
  <c r="M4925" i="2"/>
  <c r="M4899" i="5" s="1"/>
  <c r="I8282" i="2"/>
  <c r="I8256" i="5" s="1"/>
  <c r="M8282" i="2"/>
  <c r="M8256" i="5" s="1"/>
  <c r="K8282" i="2"/>
  <c r="K8256" i="5" s="1"/>
  <c r="O8256" i="5" s="1"/>
  <c r="L8282" i="2"/>
  <c r="L8256" i="5" s="1"/>
  <c r="J8282" i="2"/>
  <c r="J8256" i="5" s="1"/>
  <c r="N8256" i="5" s="1"/>
  <c r="C351" i="5"/>
  <c r="AR345" i="1"/>
  <c r="L4634" i="2"/>
  <c r="L4608" i="5" s="1"/>
  <c r="M4634" i="2"/>
  <c r="M4608" i="5" s="1"/>
  <c r="I4634" i="2"/>
  <c r="I4608" i="5" s="1"/>
  <c r="K4634" i="2"/>
  <c r="K4608" i="5" s="1"/>
  <c r="O4608" i="5" s="1"/>
  <c r="J4634" i="2"/>
  <c r="J4608" i="5" s="1"/>
  <c r="N4608" i="5" s="1"/>
  <c r="L4619" i="2"/>
  <c r="L4593" i="5" s="1"/>
  <c r="J4619" i="2"/>
  <c r="J4593" i="5" s="1"/>
  <c r="N4593" i="5" s="1"/>
  <c r="M4619" i="2"/>
  <c r="M4593" i="5" s="1"/>
  <c r="I4619" i="2"/>
  <c r="I4593" i="5" s="1"/>
  <c r="K4619" i="2"/>
  <c r="K4593" i="5" s="1"/>
  <c r="O4593" i="5" s="1"/>
  <c r="L2433" i="2"/>
  <c r="L2407" i="5" s="1"/>
  <c r="M2433" i="2"/>
  <c r="M2407" i="5" s="1"/>
  <c r="J2433" i="2"/>
  <c r="J2407" i="5" s="1"/>
  <c r="N2407" i="5" s="1"/>
  <c r="J7989" i="2"/>
  <c r="J7963" i="5" s="1"/>
  <c r="N7963" i="5" s="1"/>
  <c r="L7989" i="2"/>
  <c r="L7963" i="5" s="1"/>
  <c r="M7989" i="2"/>
  <c r="M7963" i="5" s="1"/>
  <c r="I7989" i="2"/>
  <c r="I7963" i="5" s="1"/>
  <c r="K7989" i="2"/>
  <c r="K7963" i="5" s="1"/>
  <c r="O7963" i="5" s="1"/>
  <c r="J4093" i="2"/>
  <c r="J4067" i="5" s="1"/>
  <c r="N4067" i="5" s="1"/>
  <c r="K4093" i="2"/>
  <c r="K4067" i="5" s="1"/>
  <c r="O4067" i="5" s="1"/>
  <c r="L4093" i="2"/>
  <c r="L4067" i="5" s="1"/>
  <c r="M4093" i="2"/>
  <c r="M4067" i="5" s="1"/>
  <c r="I4093" i="2"/>
  <c r="I4067" i="5" s="1"/>
  <c r="L8619" i="2"/>
  <c r="L8593" i="5" s="1"/>
  <c r="I8619" i="2"/>
  <c r="I8593" i="5" s="1"/>
  <c r="K8619" i="2"/>
  <c r="K8593" i="5" s="1"/>
  <c r="O8593" i="5" s="1"/>
  <c r="J8619" i="2"/>
  <c r="J8593" i="5" s="1"/>
  <c r="N8593" i="5" s="1"/>
  <c r="M8619" i="2"/>
  <c r="M8593" i="5" s="1"/>
  <c r="L6103" i="2"/>
  <c r="L6077" i="5" s="1"/>
  <c r="J6103" i="2"/>
  <c r="J6077" i="5" s="1"/>
  <c r="N6077" i="5" s="1"/>
  <c r="M6103" i="2"/>
  <c r="M6077" i="5" s="1"/>
  <c r="I6103" i="2"/>
  <c r="I6077" i="5" s="1"/>
  <c r="K6103" i="2"/>
  <c r="K6077" i="5" s="1"/>
  <c r="O6077" i="5" s="1"/>
  <c r="I3976" i="2"/>
  <c r="I3950" i="5" s="1"/>
  <c r="L3976" i="2"/>
  <c r="L3950" i="5" s="1"/>
  <c r="K3976" i="2"/>
  <c r="K3950" i="5" s="1"/>
  <c r="O3950" i="5" s="1"/>
  <c r="J3976" i="2"/>
  <c r="J3950" i="5" s="1"/>
  <c r="N3950" i="5" s="1"/>
  <c r="M3976" i="2"/>
  <c r="M3950" i="5" s="1"/>
  <c r="C172" i="5"/>
  <c r="AR166" i="1"/>
  <c r="M6150" i="2"/>
  <c r="M6124" i="5" s="1"/>
  <c r="L6150" i="2"/>
  <c r="L6124" i="5" s="1"/>
  <c r="I6150" i="2"/>
  <c r="I6124" i="5" s="1"/>
  <c r="K6150" i="2"/>
  <c r="K6124" i="5" s="1"/>
  <c r="O6124" i="5" s="1"/>
  <c r="J6150" i="2"/>
  <c r="J6124" i="5" s="1"/>
  <c r="N6124" i="5" s="1"/>
  <c r="L5773" i="2"/>
  <c r="L5747" i="5" s="1"/>
  <c r="M5773" i="2"/>
  <c r="M5747" i="5" s="1"/>
  <c r="I5773" i="2"/>
  <c r="I5747" i="5" s="1"/>
  <c r="K5773" i="2"/>
  <c r="K5747" i="5" s="1"/>
  <c r="O5747" i="5" s="1"/>
  <c r="J5773" i="2"/>
  <c r="J5747" i="5" s="1"/>
  <c r="N5747" i="5" s="1"/>
  <c r="J5785" i="2"/>
  <c r="J5759" i="5" s="1"/>
  <c r="N5759" i="5" s="1"/>
  <c r="M5785" i="2"/>
  <c r="M5759" i="5" s="1"/>
  <c r="I5785" i="2"/>
  <c r="I5759" i="5" s="1"/>
  <c r="L5785" i="2"/>
  <c r="L5759" i="5" s="1"/>
  <c r="K5785" i="2"/>
  <c r="K5759" i="5" s="1"/>
  <c r="O5759" i="5" s="1"/>
  <c r="J8713" i="2"/>
  <c r="J8687" i="5" s="1"/>
  <c r="N8687" i="5" s="1"/>
  <c r="M8713" i="2"/>
  <c r="M8687" i="5" s="1"/>
  <c r="L8713" i="2"/>
  <c r="L8687" i="5" s="1"/>
  <c r="I8713" i="2"/>
  <c r="I8687" i="5" s="1"/>
  <c r="K8713" i="2"/>
  <c r="K8687" i="5" s="1"/>
  <c r="O8687" i="5" s="1"/>
  <c r="J8719" i="2"/>
  <c r="J8693" i="5" s="1"/>
  <c r="N8693" i="5" s="1"/>
  <c r="L8719" i="2"/>
  <c r="L8693" i="5" s="1"/>
  <c r="M8719" i="2"/>
  <c r="M8693" i="5" s="1"/>
  <c r="I8719" i="2"/>
  <c r="I8693" i="5" s="1"/>
  <c r="K8719" i="2"/>
  <c r="K8693" i="5" s="1"/>
  <c r="O8693" i="5" s="1"/>
  <c r="M5321" i="2"/>
  <c r="M5295" i="5" s="1"/>
  <c r="I5321" i="2"/>
  <c r="I5295" i="5" s="1"/>
  <c r="J5321" i="2"/>
  <c r="J5295" i="5" s="1"/>
  <c r="N5295" i="5" s="1"/>
  <c r="L5321" i="2"/>
  <c r="L5295" i="5" s="1"/>
  <c r="K5321" i="2"/>
  <c r="K5295" i="5" s="1"/>
  <c r="O5295" i="5" s="1"/>
  <c r="C228" i="5"/>
  <c r="AR222" i="1"/>
  <c r="M7266" i="2"/>
  <c r="M7240" i="5" s="1"/>
  <c r="L7266" i="2"/>
  <c r="L7240" i="5" s="1"/>
  <c r="I7266" i="2"/>
  <c r="I7240" i="5" s="1"/>
  <c r="K7266" i="2"/>
  <c r="K7240" i="5" s="1"/>
  <c r="O7240" i="5" s="1"/>
  <c r="J7266" i="2"/>
  <c r="J7240" i="5" s="1"/>
  <c r="N7240" i="5" s="1"/>
  <c r="L6330" i="2"/>
  <c r="L6304" i="5" s="1"/>
  <c r="J6330" i="2"/>
  <c r="J6304" i="5" s="1"/>
  <c r="N6304" i="5" s="1"/>
  <c r="M6330" i="2"/>
  <c r="M6304" i="5" s="1"/>
  <c r="I6330" i="2"/>
  <c r="I6304" i="5" s="1"/>
  <c r="K6330" i="2"/>
  <c r="K6304" i="5" s="1"/>
  <c r="O6304" i="5" s="1"/>
  <c r="L7788" i="2"/>
  <c r="L7762" i="5" s="1"/>
  <c r="I7788" i="2"/>
  <c r="I7762" i="5" s="1"/>
  <c r="K7788" i="2"/>
  <c r="K7762" i="5" s="1"/>
  <c r="O7762" i="5" s="1"/>
  <c r="J7788" i="2"/>
  <c r="J7762" i="5" s="1"/>
  <c r="N7762" i="5" s="1"/>
  <c r="M7788" i="2"/>
  <c r="M7762" i="5" s="1"/>
  <c r="K7790" i="2"/>
  <c r="K7764" i="5" s="1"/>
  <c r="O7764" i="5" s="1"/>
  <c r="L7790" i="2"/>
  <c r="L7764" i="5" s="1"/>
  <c r="I7790" i="2"/>
  <c r="I7764" i="5" s="1"/>
  <c r="M7790" i="2"/>
  <c r="M7764" i="5" s="1"/>
  <c r="J7790" i="2"/>
  <c r="J7764" i="5" s="1"/>
  <c r="N7764" i="5" s="1"/>
  <c r="M6418" i="2"/>
  <c r="M6392" i="5" s="1"/>
  <c r="L6418" i="2"/>
  <c r="L6392" i="5" s="1"/>
  <c r="I6418" i="2"/>
  <c r="I6392" i="5" s="1"/>
  <c r="K6418" i="2"/>
  <c r="K6392" i="5" s="1"/>
  <c r="O6392" i="5" s="1"/>
  <c r="J6429" i="2"/>
  <c r="J6403" i="5" s="1"/>
  <c r="N6403" i="5" s="1"/>
  <c r="L6429" i="2"/>
  <c r="L6403" i="5" s="1"/>
  <c r="M6429" i="2"/>
  <c r="M6403" i="5" s="1"/>
  <c r="I6429" i="2"/>
  <c r="I6403" i="5" s="1"/>
  <c r="K6429" i="2"/>
  <c r="K6403" i="5" s="1"/>
  <c r="O6403" i="5" s="1"/>
  <c r="I8015" i="2"/>
  <c r="I7989" i="5" s="1"/>
  <c r="L8015" i="2"/>
  <c r="L7989" i="5" s="1"/>
  <c r="K8015" i="2"/>
  <c r="K7989" i="5" s="1"/>
  <c r="O7989" i="5" s="1"/>
  <c r="M8015" i="2"/>
  <c r="M7989" i="5" s="1"/>
  <c r="J8015" i="2"/>
  <c r="J7989" i="5" s="1"/>
  <c r="N7989" i="5" s="1"/>
  <c r="M8004" i="2"/>
  <c r="M7978" i="5" s="1"/>
  <c r="I8004" i="2"/>
  <c r="I7978" i="5" s="1"/>
  <c r="K8004" i="2"/>
  <c r="K7978" i="5" s="1"/>
  <c r="O7978" i="5" s="1"/>
  <c r="J8004" i="2"/>
  <c r="J7978" i="5" s="1"/>
  <c r="N7978" i="5" s="1"/>
  <c r="M5697" i="2"/>
  <c r="M5671" i="5" s="1"/>
  <c r="L5697" i="2"/>
  <c r="L5671" i="5" s="1"/>
  <c r="I5697" i="2"/>
  <c r="I5671" i="5" s="1"/>
  <c r="K5697" i="2"/>
  <c r="K5671" i="5" s="1"/>
  <c r="O5671" i="5" s="1"/>
  <c r="J5697" i="2"/>
  <c r="J5671" i="5" s="1"/>
  <c r="N5671" i="5" s="1"/>
  <c r="K4797" i="2"/>
  <c r="K4771" i="5" s="1"/>
  <c r="O4771" i="5" s="1"/>
  <c r="J4797" i="2"/>
  <c r="J4771" i="5" s="1"/>
  <c r="N4771" i="5" s="1"/>
  <c r="L4797" i="2"/>
  <c r="L4771" i="5" s="1"/>
  <c r="M4797" i="2"/>
  <c r="M4771" i="5" s="1"/>
  <c r="I4797" i="2"/>
  <c r="I4771" i="5" s="1"/>
  <c r="I8495" i="2"/>
  <c r="I8469" i="5" s="1"/>
  <c r="L8495" i="2"/>
  <c r="L8469" i="5" s="1"/>
  <c r="M8495" i="2"/>
  <c r="M8469" i="5" s="1"/>
  <c r="K8495" i="2"/>
  <c r="K8469" i="5" s="1"/>
  <c r="O8469" i="5" s="1"/>
  <c r="J8495" i="2"/>
  <c r="J8469" i="5" s="1"/>
  <c r="N8469" i="5" s="1"/>
  <c r="M6852" i="2"/>
  <c r="M6826" i="5" s="1"/>
  <c r="J6852" i="2"/>
  <c r="J6826" i="5" s="1"/>
  <c r="N6826" i="5" s="1"/>
  <c r="K6852" i="2"/>
  <c r="K6826" i="5" s="1"/>
  <c r="O6826" i="5" s="1"/>
  <c r="L6852" i="2"/>
  <c r="L6826" i="5" s="1"/>
  <c r="I6852" i="2"/>
  <c r="I6826" i="5" s="1"/>
  <c r="M153" i="2"/>
  <c r="M127" i="5" s="1"/>
  <c r="J153" i="2"/>
  <c r="J127" i="5" s="1"/>
  <c r="N127" i="5" s="1"/>
  <c r="L153" i="2"/>
  <c r="L127" i="5" s="1"/>
  <c r="I153" i="2"/>
  <c r="I127" i="5" s="1"/>
  <c r="K153" i="2"/>
  <c r="K127" i="5" s="1"/>
  <c r="O127" i="5" s="1"/>
  <c r="L8661" i="2"/>
  <c r="L8635" i="5" s="1"/>
  <c r="M8661" i="2"/>
  <c r="M8635" i="5" s="1"/>
  <c r="I8661" i="2"/>
  <c r="I8635" i="5" s="1"/>
  <c r="J8661" i="2"/>
  <c r="J8635" i="5" s="1"/>
  <c r="N8635" i="5" s="1"/>
  <c r="K8661" i="2"/>
  <c r="K8635" i="5" s="1"/>
  <c r="O8635" i="5" s="1"/>
  <c r="J4292" i="2"/>
  <c r="J4266" i="5" s="1"/>
  <c r="N4266" i="5" s="1"/>
  <c r="M4292" i="2"/>
  <c r="M4266" i="5" s="1"/>
  <c r="L4292" i="2"/>
  <c r="L4266" i="5" s="1"/>
  <c r="I4292" i="2"/>
  <c r="I4266" i="5" s="1"/>
  <c r="K4292" i="2"/>
  <c r="K4266" i="5" s="1"/>
  <c r="O4266" i="5" s="1"/>
  <c r="C185" i="5"/>
  <c r="AR179" i="1"/>
  <c r="I6269" i="2"/>
  <c r="I6243" i="5" s="1"/>
  <c r="K6269" i="2"/>
  <c r="K6243" i="5" s="1"/>
  <c r="O6243" i="5" s="1"/>
  <c r="J6269" i="2"/>
  <c r="J6243" i="5" s="1"/>
  <c r="N6243" i="5" s="1"/>
  <c r="L6269" i="2"/>
  <c r="L6243" i="5" s="1"/>
  <c r="M6269" i="2"/>
  <c r="M6243" i="5" s="1"/>
  <c r="J6262" i="2"/>
  <c r="J6236" i="5" s="1"/>
  <c r="N6236" i="5" s="1"/>
  <c r="I6262" i="2"/>
  <c r="I6236" i="5" s="1"/>
  <c r="M6262" i="2"/>
  <c r="M6236" i="5" s="1"/>
  <c r="L6262" i="2"/>
  <c r="L6236" i="5" s="1"/>
  <c r="K6262" i="2"/>
  <c r="K6236" i="5" s="1"/>
  <c r="O6236" i="5" s="1"/>
  <c r="J7843" i="2"/>
  <c r="J7817" i="5" s="1"/>
  <c r="N7817" i="5" s="1"/>
  <c r="L7843" i="2"/>
  <c r="L7817" i="5" s="1"/>
  <c r="K7843" i="2"/>
  <c r="K7817" i="5" s="1"/>
  <c r="O7817" i="5" s="1"/>
  <c r="M7843" i="2"/>
  <c r="M7817" i="5" s="1"/>
  <c r="I7843" i="2"/>
  <c r="I7817" i="5" s="1"/>
  <c r="I613" i="2"/>
  <c r="I587" i="5" s="1"/>
  <c r="L613" i="2"/>
  <c r="L587" i="5" s="1"/>
  <c r="K613" i="2"/>
  <c r="K587" i="5" s="1"/>
  <c r="O587" i="5" s="1"/>
  <c r="M613" i="2"/>
  <c r="M587" i="5" s="1"/>
  <c r="J613" i="2"/>
  <c r="J587" i="5" s="1"/>
  <c r="N587" i="5" s="1"/>
  <c r="I2748" i="2"/>
  <c r="I2722" i="5" s="1"/>
  <c r="K2748" i="2"/>
  <c r="K2722" i="5" s="1"/>
  <c r="O2722" i="5" s="1"/>
  <c r="J2748" i="2"/>
  <c r="J2722" i="5" s="1"/>
  <c r="N2722" i="5" s="1"/>
  <c r="L2748" i="2"/>
  <c r="L2722" i="5" s="1"/>
  <c r="M2748" i="2"/>
  <c r="M2722" i="5" s="1"/>
  <c r="J1393" i="2"/>
  <c r="J1367" i="5" s="1"/>
  <c r="N1367" i="5" s="1"/>
  <c r="I1393" i="2"/>
  <c r="I1367" i="5" s="1"/>
  <c r="K1393" i="2"/>
  <c r="K1367" i="5" s="1"/>
  <c r="O1367" i="5" s="1"/>
  <c r="M1393" i="2"/>
  <c r="M1367" i="5" s="1"/>
  <c r="L1393" i="2"/>
  <c r="L1367" i="5" s="1"/>
  <c r="L573" i="2"/>
  <c r="L547" i="5" s="1"/>
  <c r="M573" i="2"/>
  <c r="M547" i="5" s="1"/>
  <c r="J573" i="2"/>
  <c r="J547" i="5" s="1"/>
  <c r="N547" i="5" s="1"/>
  <c r="I573" i="2"/>
  <c r="I547" i="5" s="1"/>
  <c r="M7707" i="2"/>
  <c r="M7681" i="5" s="1"/>
  <c r="K7707" i="2"/>
  <c r="K7681" i="5" s="1"/>
  <c r="O7681" i="5" s="1"/>
  <c r="I7707" i="2"/>
  <c r="I7681" i="5" s="1"/>
  <c r="J7707" i="2"/>
  <c r="J7681" i="5" s="1"/>
  <c r="N7681" i="5" s="1"/>
  <c r="K7690" i="2"/>
  <c r="K7664" i="5" s="1"/>
  <c r="O7664" i="5" s="1"/>
  <c r="J7690" i="2"/>
  <c r="J7664" i="5" s="1"/>
  <c r="N7664" i="5" s="1"/>
  <c r="I7690" i="2"/>
  <c r="I7664" i="5" s="1"/>
  <c r="L7690" i="2"/>
  <c r="L7664" i="5" s="1"/>
  <c r="M7690" i="2"/>
  <c r="M7664" i="5" s="1"/>
  <c r="K8447" i="2"/>
  <c r="K8421" i="5" s="1"/>
  <c r="O8421" i="5" s="1"/>
  <c r="L8447" i="2"/>
  <c r="L8421" i="5" s="1"/>
  <c r="J8447" i="2"/>
  <c r="J8421" i="5" s="1"/>
  <c r="N8421" i="5" s="1"/>
  <c r="I8447" i="2"/>
  <c r="I8421" i="5" s="1"/>
  <c r="M8447" i="2"/>
  <c r="M8421" i="5" s="1"/>
  <c r="L5100" i="2"/>
  <c r="L5074" i="5" s="1"/>
  <c r="M5100" i="2"/>
  <c r="M5074" i="5" s="1"/>
  <c r="I5100" i="2"/>
  <c r="I5074" i="5" s="1"/>
  <c r="K5100" i="2"/>
  <c r="K5074" i="5" s="1"/>
  <c r="O5074" i="5" s="1"/>
  <c r="J5101" i="2"/>
  <c r="J5075" i="5" s="1"/>
  <c r="N5075" i="5" s="1"/>
  <c r="L5101" i="2"/>
  <c r="L5075" i="5" s="1"/>
  <c r="M5101" i="2"/>
  <c r="M5075" i="5" s="1"/>
  <c r="I5101" i="2"/>
  <c r="I5075" i="5" s="1"/>
  <c r="K5101" i="2"/>
  <c r="K5075" i="5" s="1"/>
  <c r="O5075" i="5" s="1"/>
  <c r="I1756" i="2"/>
  <c r="I1730" i="5" s="1"/>
  <c r="K1756" i="2"/>
  <c r="K1730" i="5" s="1"/>
  <c r="O1730" i="5" s="1"/>
  <c r="J1756" i="2"/>
  <c r="J1730" i="5" s="1"/>
  <c r="N1730" i="5" s="1"/>
  <c r="M1756" i="2"/>
  <c r="M1730" i="5" s="1"/>
  <c r="L1756" i="2"/>
  <c r="L1730" i="5" s="1"/>
  <c r="J3623" i="2"/>
  <c r="J3597" i="5" s="1"/>
  <c r="N3597" i="5" s="1"/>
  <c r="K3623" i="2"/>
  <c r="K3597" i="5" s="1"/>
  <c r="O3597" i="5" s="1"/>
  <c r="L3623" i="2"/>
  <c r="L3597" i="5" s="1"/>
  <c r="M3623" i="2"/>
  <c r="M3597" i="5" s="1"/>
  <c r="I3623" i="2"/>
  <c r="I3597" i="5" s="1"/>
  <c r="I3613" i="2"/>
  <c r="I3587" i="5" s="1"/>
  <c r="M3613" i="2"/>
  <c r="M3587" i="5" s="1"/>
  <c r="L3613" i="2"/>
  <c r="L3587" i="5" s="1"/>
  <c r="K3613" i="2"/>
  <c r="K3587" i="5" s="1"/>
  <c r="O3587" i="5" s="1"/>
  <c r="J3613" i="2"/>
  <c r="J3587" i="5" s="1"/>
  <c r="N3587" i="5" s="1"/>
  <c r="I2904" i="2"/>
  <c r="I2878" i="5" s="1"/>
  <c r="J2904" i="2"/>
  <c r="J2878" i="5" s="1"/>
  <c r="N2878" i="5" s="1"/>
  <c r="M2904" i="2"/>
  <c r="M2878" i="5" s="1"/>
  <c r="K2904" i="2"/>
  <c r="K2878" i="5" s="1"/>
  <c r="O2878" i="5" s="1"/>
  <c r="L2904" i="2"/>
  <c r="L2878" i="5" s="1"/>
  <c r="C127" i="5"/>
  <c r="AR121" i="1"/>
  <c r="I6661" i="2"/>
  <c r="I6635" i="5" s="1"/>
  <c r="L6661" i="2"/>
  <c r="L6635" i="5" s="1"/>
  <c r="K6661" i="2"/>
  <c r="K6635" i="5" s="1"/>
  <c r="O6635" i="5" s="1"/>
  <c r="J6661" i="2"/>
  <c r="J6635" i="5" s="1"/>
  <c r="N6635" i="5" s="1"/>
  <c r="M6661" i="2"/>
  <c r="M6635" i="5" s="1"/>
  <c r="I5953" i="2"/>
  <c r="I5927" i="5" s="1"/>
  <c r="K5953" i="2"/>
  <c r="K5927" i="5" s="1"/>
  <c r="O5927" i="5" s="1"/>
  <c r="L5953" i="2"/>
  <c r="L5927" i="5" s="1"/>
  <c r="J5953" i="2"/>
  <c r="J5927" i="5" s="1"/>
  <c r="N5927" i="5" s="1"/>
  <c r="M5953" i="2"/>
  <c r="M5927" i="5" s="1"/>
  <c r="I4667" i="2"/>
  <c r="I4641" i="5" s="1"/>
  <c r="M4667" i="2"/>
  <c r="M4641" i="5" s="1"/>
  <c r="L4667" i="2"/>
  <c r="L4641" i="5" s="1"/>
  <c r="K4667" i="2"/>
  <c r="K4641" i="5" s="1"/>
  <c r="O4641" i="5" s="1"/>
  <c r="J4667" i="2"/>
  <c r="J4641" i="5" s="1"/>
  <c r="N4641" i="5" s="1"/>
  <c r="M6170" i="2"/>
  <c r="M6144" i="5" s="1"/>
  <c r="L6170" i="2"/>
  <c r="L6144" i="5" s="1"/>
  <c r="I6170" i="2"/>
  <c r="I6144" i="5" s="1"/>
  <c r="K6170" i="2"/>
  <c r="K6144" i="5" s="1"/>
  <c r="O6144" i="5" s="1"/>
  <c r="J6170" i="2"/>
  <c r="J6144" i="5" s="1"/>
  <c r="N6144" i="5" s="1"/>
  <c r="I2452" i="2"/>
  <c r="I2426" i="5" s="1"/>
  <c r="L2452" i="2"/>
  <c r="L2426" i="5" s="1"/>
  <c r="K2452" i="2"/>
  <c r="K2426" i="5" s="1"/>
  <c r="O2426" i="5" s="1"/>
  <c r="J2452" i="2"/>
  <c r="J2426" i="5" s="1"/>
  <c r="N2426" i="5" s="1"/>
  <c r="M2452" i="2"/>
  <c r="M2426" i="5" s="1"/>
  <c r="I2623" i="2"/>
  <c r="I2597" i="5" s="1"/>
  <c r="K2623" i="2"/>
  <c r="K2597" i="5" s="1"/>
  <c r="O2597" i="5" s="1"/>
  <c r="L2623" i="2"/>
  <c r="L2597" i="5" s="1"/>
  <c r="J2623" i="2"/>
  <c r="J2597" i="5" s="1"/>
  <c r="N2597" i="5" s="1"/>
  <c r="M2623" i="2"/>
  <c r="M2597" i="5" s="1"/>
  <c r="I8368" i="2"/>
  <c r="I8342" i="5" s="1"/>
  <c r="K8368" i="2"/>
  <c r="K8342" i="5" s="1"/>
  <c r="O8342" i="5" s="1"/>
  <c r="J8368" i="2"/>
  <c r="J8342" i="5" s="1"/>
  <c r="N8342" i="5" s="1"/>
  <c r="M8368" i="2"/>
  <c r="M8342" i="5" s="1"/>
  <c r="L8368" i="2"/>
  <c r="L8342" i="5" s="1"/>
  <c r="K1637" i="2"/>
  <c r="K1611" i="5" s="1"/>
  <c r="O1611" i="5" s="1"/>
  <c r="M1637" i="2"/>
  <c r="M1611" i="5" s="1"/>
  <c r="J1637" i="2"/>
  <c r="J1611" i="5" s="1"/>
  <c r="N1611" i="5" s="1"/>
  <c r="I1637" i="2"/>
  <c r="I1611" i="5" s="1"/>
  <c r="M3166" i="2"/>
  <c r="M3140" i="5" s="1"/>
  <c r="L3166" i="2"/>
  <c r="L3140" i="5" s="1"/>
  <c r="J3166" i="2"/>
  <c r="J3140" i="5" s="1"/>
  <c r="N3140" i="5" s="1"/>
  <c r="I3166" i="2"/>
  <c r="I3140" i="5" s="1"/>
  <c r="K3166" i="2"/>
  <c r="K3140" i="5" s="1"/>
  <c r="O3140" i="5" s="1"/>
  <c r="M3456" i="2"/>
  <c r="M3430" i="5" s="1"/>
  <c r="K3456" i="2"/>
  <c r="K3430" i="5" s="1"/>
  <c r="O3430" i="5" s="1"/>
  <c r="J3456" i="2"/>
  <c r="J3430" i="5" s="1"/>
  <c r="N3430" i="5" s="1"/>
  <c r="L3456" i="2"/>
  <c r="L3430" i="5" s="1"/>
  <c r="I3456" i="2"/>
  <c r="I3430" i="5" s="1"/>
  <c r="K919" i="2"/>
  <c r="K893" i="5" s="1"/>
  <c r="O893" i="5" s="1"/>
  <c r="M919" i="2"/>
  <c r="M893" i="5" s="1"/>
  <c r="I919" i="2"/>
  <c r="I893" i="5" s="1"/>
  <c r="J919" i="2"/>
  <c r="J893" i="5" s="1"/>
  <c r="N893" i="5" s="1"/>
  <c r="L919" i="2"/>
  <c r="L893" i="5" s="1"/>
  <c r="I7941" i="2"/>
  <c r="I7915" i="5" s="1"/>
  <c r="K7941" i="2"/>
  <c r="K7915" i="5" s="1"/>
  <c r="O7915" i="5" s="1"/>
  <c r="J7941" i="2"/>
  <c r="J7915" i="5" s="1"/>
  <c r="N7915" i="5" s="1"/>
  <c r="M7941" i="2"/>
  <c r="M7915" i="5" s="1"/>
  <c r="L7941" i="2"/>
  <c r="L7915" i="5" s="1"/>
  <c r="I7953" i="2"/>
  <c r="I7927" i="5" s="1"/>
  <c r="K7953" i="2"/>
  <c r="K7927" i="5" s="1"/>
  <c r="O7927" i="5" s="1"/>
  <c r="J7953" i="2"/>
  <c r="J7927" i="5" s="1"/>
  <c r="N7927" i="5" s="1"/>
  <c r="M7953" i="2"/>
  <c r="M7927" i="5" s="1"/>
  <c r="L7953" i="2"/>
  <c r="L7927" i="5" s="1"/>
  <c r="M1920" i="2"/>
  <c r="M1894" i="5" s="1"/>
  <c r="J1920" i="2"/>
  <c r="J1894" i="5" s="1"/>
  <c r="N1894" i="5" s="1"/>
  <c r="L1920" i="2"/>
  <c r="L1894" i="5" s="1"/>
  <c r="I1920" i="2"/>
  <c r="I1894" i="5" s="1"/>
  <c r="K1920" i="2"/>
  <c r="K1894" i="5" s="1"/>
  <c r="O1894" i="5" s="1"/>
  <c r="M2743" i="2"/>
  <c r="M2717" i="5" s="1"/>
  <c r="I2743" i="2"/>
  <c r="I2717" i="5" s="1"/>
  <c r="L2743" i="2"/>
  <c r="L2717" i="5" s="1"/>
  <c r="K2743" i="2"/>
  <c r="K2717" i="5" s="1"/>
  <c r="O2717" i="5" s="1"/>
  <c r="J2743" i="2"/>
  <c r="J2717" i="5" s="1"/>
  <c r="N2717" i="5" s="1"/>
  <c r="K2995" i="2"/>
  <c r="K2969" i="5" s="1"/>
  <c r="O2969" i="5" s="1"/>
  <c r="M2995" i="2"/>
  <c r="M2969" i="5" s="1"/>
  <c r="L2995" i="2"/>
  <c r="L2969" i="5" s="1"/>
  <c r="I2995" i="2"/>
  <c r="I2969" i="5" s="1"/>
  <c r="L308" i="2"/>
  <c r="L282" i="5" s="1"/>
  <c r="M308" i="2"/>
  <c r="M282" i="5" s="1"/>
  <c r="J308" i="2"/>
  <c r="J282" i="5" s="1"/>
  <c r="N282" i="5" s="1"/>
  <c r="I308" i="2"/>
  <c r="I282" i="5" s="1"/>
  <c r="K308" i="2"/>
  <c r="K282" i="5" s="1"/>
  <c r="O282" i="5" s="1"/>
  <c r="K7484" i="2"/>
  <c r="K7458" i="5" s="1"/>
  <c r="O7458" i="5" s="1"/>
  <c r="M7484" i="2"/>
  <c r="M7458" i="5" s="1"/>
  <c r="J7484" i="2"/>
  <c r="J7458" i="5" s="1"/>
  <c r="N7458" i="5" s="1"/>
  <c r="I7484" i="2"/>
  <c r="I7458" i="5" s="1"/>
  <c r="L7484" i="2"/>
  <c r="L7458" i="5" s="1"/>
  <c r="L7527" i="2"/>
  <c r="L7501" i="5" s="1"/>
  <c r="M7527" i="2"/>
  <c r="M7501" i="5" s="1"/>
  <c r="J7527" i="2"/>
  <c r="J7501" i="5" s="1"/>
  <c r="N7501" i="5" s="1"/>
  <c r="I7527" i="2"/>
  <c r="I7501" i="5" s="1"/>
  <c r="K7527" i="2"/>
  <c r="K7501" i="5" s="1"/>
  <c r="O7501" i="5" s="1"/>
  <c r="J5170" i="2"/>
  <c r="J5144" i="5" s="1"/>
  <c r="N5144" i="5" s="1"/>
  <c r="M5170" i="2"/>
  <c r="M5144" i="5" s="1"/>
  <c r="L5170" i="2"/>
  <c r="L5144" i="5" s="1"/>
  <c r="I5170" i="2"/>
  <c r="I5144" i="5" s="1"/>
  <c r="K5170" i="2"/>
  <c r="K5144" i="5" s="1"/>
  <c r="O5144" i="5" s="1"/>
  <c r="J3818" i="2"/>
  <c r="J3792" i="5" s="1"/>
  <c r="N3792" i="5" s="1"/>
  <c r="M3818" i="2"/>
  <c r="M3792" i="5" s="1"/>
  <c r="L3818" i="2"/>
  <c r="L3792" i="5" s="1"/>
  <c r="I3818" i="2"/>
  <c r="I3792" i="5" s="1"/>
  <c r="K3818" i="2"/>
  <c r="K3792" i="5" s="1"/>
  <c r="O3792" i="5" s="1"/>
  <c r="L3819" i="2"/>
  <c r="L3793" i="5" s="1"/>
  <c r="M3819" i="2"/>
  <c r="M3793" i="5" s="1"/>
  <c r="I3819" i="2"/>
  <c r="I3793" i="5" s="1"/>
  <c r="K3819" i="2"/>
  <c r="K3793" i="5" s="1"/>
  <c r="O3793" i="5" s="1"/>
  <c r="J3819" i="2"/>
  <c r="J3793" i="5" s="1"/>
  <c r="N3793" i="5" s="1"/>
  <c r="I438" i="2"/>
  <c r="I412" i="5" s="1"/>
  <c r="K438" i="2"/>
  <c r="K412" i="5" s="1"/>
  <c r="O412" i="5" s="1"/>
  <c r="J438" i="2"/>
  <c r="J412" i="5" s="1"/>
  <c r="N412" i="5" s="1"/>
  <c r="L438" i="2"/>
  <c r="L412" i="5" s="1"/>
  <c r="M438" i="2"/>
  <c r="M412" i="5" s="1"/>
  <c r="I4336" i="2"/>
  <c r="I4310" i="5" s="1"/>
  <c r="M4336" i="2"/>
  <c r="M4310" i="5" s="1"/>
  <c r="K4336" i="2"/>
  <c r="K4310" i="5" s="1"/>
  <c r="O4310" i="5" s="1"/>
  <c r="L4336" i="2"/>
  <c r="L4310" i="5" s="1"/>
  <c r="J4336" i="2"/>
  <c r="J4310" i="5" s="1"/>
  <c r="N4310" i="5" s="1"/>
  <c r="J4337" i="2"/>
  <c r="J4311" i="5" s="1"/>
  <c r="N4311" i="5" s="1"/>
  <c r="M4337" i="2"/>
  <c r="M4311" i="5" s="1"/>
  <c r="L4337" i="2"/>
  <c r="L4311" i="5" s="1"/>
  <c r="I4337" i="2"/>
  <c r="I4311" i="5" s="1"/>
  <c r="K4337" i="2"/>
  <c r="K4311" i="5" s="1"/>
  <c r="O4311" i="5" s="1"/>
  <c r="M954" i="2"/>
  <c r="M928" i="5" s="1"/>
  <c r="I954" i="2"/>
  <c r="I928" i="5" s="1"/>
  <c r="K954" i="2"/>
  <c r="K928" i="5" s="1"/>
  <c r="O928" i="5" s="1"/>
  <c r="J954" i="2"/>
  <c r="J928" i="5" s="1"/>
  <c r="N928" i="5" s="1"/>
  <c r="L954" i="2"/>
  <c r="L928" i="5" s="1"/>
  <c r="L104" i="2"/>
  <c r="L78" i="5" s="1"/>
  <c r="M104" i="2"/>
  <c r="M78" i="5" s="1"/>
  <c r="I104" i="2"/>
  <c r="I78" i="5" s="1"/>
  <c r="J104" i="2"/>
  <c r="J78" i="5" s="1"/>
  <c r="N78" i="5" s="1"/>
  <c r="M1944" i="2"/>
  <c r="M1918" i="5" s="1"/>
  <c r="J1944" i="2"/>
  <c r="J1918" i="5" s="1"/>
  <c r="N1918" i="5" s="1"/>
  <c r="L1944" i="2"/>
  <c r="L1918" i="5" s="1"/>
  <c r="I1944" i="2"/>
  <c r="I1918" i="5" s="1"/>
  <c r="K1944" i="2"/>
  <c r="K1918" i="5" s="1"/>
  <c r="O1918" i="5" s="1"/>
  <c r="M8326" i="2"/>
  <c r="M8300" i="5" s="1"/>
  <c r="L8326" i="2"/>
  <c r="L8300" i="5" s="1"/>
  <c r="I8326" i="2"/>
  <c r="I8300" i="5" s="1"/>
  <c r="K8326" i="2"/>
  <c r="K8300" i="5" s="1"/>
  <c r="O8300" i="5" s="1"/>
  <c r="J8326" i="2"/>
  <c r="J8300" i="5" s="1"/>
  <c r="N8300" i="5" s="1"/>
  <c r="J8549" i="2"/>
  <c r="J8523" i="5" s="1"/>
  <c r="N8523" i="5" s="1"/>
  <c r="M8549" i="2"/>
  <c r="M8523" i="5" s="1"/>
  <c r="L8549" i="2"/>
  <c r="L8523" i="5" s="1"/>
  <c r="I8549" i="2"/>
  <c r="I8523" i="5" s="1"/>
  <c r="K8549" i="2"/>
  <c r="K8523" i="5" s="1"/>
  <c r="O8523" i="5" s="1"/>
  <c r="K446" i="2"/>
  <c r="K420" i="5" s="1"/>
  <c r="O420" i="5" s="1"/>
  <c r="J446" i="2"/>
  <c r="J420" i="5" s="1"/>
  <c r="N420" i="5" s="1"/>
  <c r="L446" i="2"/>
  <c r="L420" i="5" s="1"/>
  <c r="M446" i="2"/>
  <c r="M420" i="5" s="1"/>
  <c r="I446" i="2"/>
  <c r="I420" i="5" s="1"/>
  <c r="L2315" i="2"/>
  <c r="L2289" i="5" s="1"/>
  <c r="M2315" i="2"/>
  <c r="M2289" i="5" s="1"/>
  <c r="J2315" i="2"/>
  <c r="J2289" i="5" s="1"/>
  <c r="N2289" i="5" s="1"/>
  <c r="I2315" i="2"/>
  <c r="I2289" i="5" s="1"/>
  <c r="K2315" i="2"/>
  <c r="K2289" i="5" s="1"/>
  <c r="O2289" i="5" s="1"/>
  <c r="K4603" i="2"/>
  <c r="K4577" i="5" s="1"/>
  <c r="O4577" i="5" s="1"/>
  <c r="J4603" i="2"/>
  <c r="J4577" i="5" s="1"/>
  <c r="N4577" i="5" s="1"/>
  <c r="I4603" i="2"/>
  <c r="I4577" i="5" s="1"/>
  <c r="L4603" i="2"/>
  <c r="L4577" i="5" s="1"/>
  <c r="M4603" i="2"/>
  <c r="M4577" i="5" s="1"/>
  <c r="M4271" i="2"/>
  <c r="M4245" i="5" s="1"/>
  <c r="I4271" i="2"/>
  <c r="I4245" i="5" s="1"/>
  <c r="J4271" i="2"/>
  <c r="J4245" i="5" s="1"/>
  <c r="N4245" i="5" s="1"/>
  <c r="L4271" i="2"/>
  <c r="L4245" i="5" s="1"/>
  <c r="K4271" i="2"/>
  <c r="K4245" i="5" s="1"/>
  <c r="O4245" i="5" s="1"/>
  <c r="J743" i="2"/>
  <c r="J717" i="5" s="1"/>
  <c r="N717" i="5" s="1"/>
  <c r="M743" i="2"/>
  <c r="M717" i="5" s="1"/>
  <c r="I743" i="2"/>
  <c r="I717" i="5" s="1"/>
  <c r="K743" i="2"/>
  <c r="K717" i="5" s="1"/>
  <c r="O717" i="5" s="1"/>
  <c r="L743" i="2"/>
  <c r="L717" i="5" s="1"/>
  <c r="I4066" i="2"/>
  <c r="K4066" i="2"/>
  <c r="L4066" i="2"/>
  <c r="M4066" i="2"/>
  <c r="J4083" i="2"/>
  <c r="J4057" i="5" s="1"/>
  <c r="N4057" i="5" s="1"/>
  <c r="L4083" i="2"/>
  <c r="L4057" i="5" s="1"/>
  <c r="M4083" i="2"/>
  <c r="M4057" i="5" s="1"/>
  <c r="I4083" i="2"/>
  <c r="I4057" i="5" s="1"/>
  <c r="K4083" i="2"/>
  <c r="K4057" i="5" s="1"/>
  <c r="O4057" i="5" s="1"/>
  <c r="M7183" i="2"/>
  <c r="M7157" i="5" s="1"/>
  <c r="J7183" i="2"/>
  <c r="J7157" i="5" s="1"/>
  <c r="N7157" i="5" s="1"/>
  <c r="L7183" i="2"/>
  <c r="L7157" i="5" s="1"/>
  <c r="I7183" i="2"/>
  <c r="I7157" i="5" s="1"/>
  <c r="K7183" i="2"/>
  <c r="K7157" i="5" s="1"/>
  <c r="O7157" i="5" s="1"/>
  <c r="J723" i="2"/>
  <c r="J697" i="5" s="1"/>
  <c r="N697" i="5" s="1"/>
  <c r="L723" i="2"/>
  <c r="L697" i="5" s="1"/>
  <c r="K723" i="2"/>
  <c r="K697" i="5" s="1"/>
  <c r="O697" i="5" s="1"/>
  <c r="M723" i="2"/>
  <c r="M697" i="5" s="1"/>
  <c r="L7595" i="2"/>
  <c r="L7569" i="5" s="1"/>
  <c r="J7595" i="2"/>
  <c r="J7569" i="5" s="1"/>
  <c r="N7569" i="5" s="1"/>
  <c r="M7595" i="2"/>
  <c r="M7569" i="5" s="1"/>
  <c r="I7595" i="2"/>
  <c r="I7569" i="5" s="1"/>
  <c r="K7595" i="2"/>
  <c r="K7569" i="5" s="1"/>
  <c r="O7569" i="5" s="1"/>
  <c r="I5610" i="2"/>
  <c r="I5584" i="5" s="1"/>
  <c r="K5610" i="2"/>
  <c r="K5584" i="5" s="1"/>
  <c r="O5584" i="5" s="1"/>
  <c r="J5610" i="2"/>
  <c r="J5584" i="5" s="1"/>
  <c r="N5584" i="5" s="1"/>
  <c r="L5610" i="2"/>
  <c r="L5584" i="5" s="1"/>
  <c r="M5610" i="2"/>
  <c r="M5584" i="5" s="1"/>
  <c r="M8175" i="2"/>
  <c r="M8149" i="5" s="1"/>
  <c r="K8175" i="2"/>
  <c r="K8149" i="5" s="1"/>
  <c r="O8149" i="5" s="1"/>
  <c r="J8175" i="2"/>
  <c r="J8149" i="5" s="1"/>
  <c r="N8149" i="5" s="1"/>
  <c r="L8175" i="2"/>
  <c r="L8149" i="5" s="1"/>
  <c r="I8175" i="2"/>
  <c r="I8149" i="5" s="1"/>
  <c r="L1143" i="2"/>
  <c r="L1117" i="5" s="1"/>
  <c r="J1143" i="2"/>
  <c r="J1117" i="5" s="1"/>
  <c r="N1117" i="5" s="1"/>
  <c r="I1143" i="2"/>
  <c r="I1117" i="5" s="1"/>
  <c r="K1143" i="2"/>
  <c r="K1117" i="5" s="1"/>
  <c r="O1117" i="5" s="1"/>
  <c r="M1143" i="2"/>
  <c r="M1117" i="5" s="1"/>
  <c r="L2480" i="2"/>
  <c r="L2454" i="5" s="1"/>
  <c r="M2480" i="2"/>
  <c r="M2454" i="5" s="1"/>
  <c r="I2480" i="2"/>
  <c r="I2454" i="5" s="1"/>
  <c r="K2480" i="2"/>
  <c r="K2454" i="5" s="1"/>
  <c r="O2454" i="5" s="1"/>
  <c r="J2480" i="2"/>
  <c r="J2454" i="5" s="1"/>
  <c r="N2454" i="5" s="1"/>
  <c r="M939" i="2"/>
  <c r="M913" i="5" s="1"/>
  <c r="I939" i="2"/>
  <c r="I913" i="5" s="1"/>
  <c r="J939" i="2"/>
  <c r="J913" i="5" s="1"/>
  <c r="N913" i="5" s="1"/>
  <c r="L939" i="2"/>
  <c r="L913" i="5" s="1"/>
  <c r="K939" i="2"/>
  <c r="K913" i="5" s="1"/>
  <c r="O913" i="5" s="1"/>
  <c r="I800" i="2"/>
  <c r="I774" i="5" s="1"/>
  <c r="K800" i="2"/>
  <c r="K774" i="5" s="1"/>
  <c r="O774" i="5" s="1"/>
  <c r="M800" i="2"/>
  <c r="M774" i="5" s="1"/>
  <c r="L800" i="2"/>
  <c r="L774" i="5" s="1"/>
  <c r="J800" i="2"/>
  <c r="J774" i="5" s="1"/>
  <c r="N774" i="5" s="1"/>
  <c r="K604" i="2"/>
  <c r="K578" i="5" s="1"/>
  <c r="O578" i="5" s="1"/>
  <c r="M604" i="2"/>
  <c r="M578" i="5" s="1"/>
  <c r="I604" i="2"/>
  <c r="I578" i="5" s="1"/>
  <c r="J604" i="2"/>
  <c r="J578" i="5" s="1"/>
  <c r="N578" i="5" s="1"/>
  <c r="L604" i="2"/>
  <c r="L578" i="5" s="1"/>
  <c r="K7330" i="2"/>
  <c r="K7304" i="5" s="1"/>
  <c r="O7304" i="5" s="1"/>
  <c r="J7330" i="2"/>
  <c r="J7304" i="5" s="1"/>
  <c r="N7304" i="5" s="1"/>
  <c r="L7330" i="2"/>
  <c r="L7304" i="5" s="1"/>
  <c r="M7330" i="2"/>
  <c r="M7304" i="5" s="1"/>
  <c r="I7330" i="2"/>
  <c r="I7304" i="5" s="1"/>
  <c r="K2825" i="2"/>
  <c r="K2799" i="5" s="1"/>
  <c r="O2799" i="5" s="1"/>
  <c r="L2825" i="2"/>
  <c r="L2799" i="5" s="1"/>
  <c r="J2825" i="2"/>
  <c r="J2799" i="5" s="1"/>
  <c r="N2799" i="5" s="1"/>
  <c r="M2825" i="2"/>
  <c r="M2799" i="5" s="1"/>
  <c r="I2825" i="2"/>
  <c r="I2799" i="5" s="1"/>
  <c r="J2838" i="2"/>
  <c r="J2812" i="5" s="1"/>
  <c r="N2812" i="5" s="1"/>
  <c r="L2838" i="2"/>
  <c r="L2812" i="5" s="1"/>
  <c r="I2838" i="2"/>
  <c r="I2812" i="5" s="1"/>
  <c r="M2838" i="2"/>
  <c r="M2812" i="5" s="1"/>
  <c r="K2838" i="2"/>
  <c r="K2812" i="5" s="1"/>
  <c r="O2812" i="5" s="1"/>
  <c r="L4972" i="2"/>
  <c r="L4946" i="5" s="1"/>
  <c r="J4972" i="2"/>
  <c r="J4946" i="5" s="1"/>
  <c r="N4946" i="5" s="1"/>
  <c r="M4972" i="2"/>
  <c r="M4946" i="5" s="1"/>
  <c r="I4972" i="2"/>
  <c r="I4946" i="5" s="1"/>
  <c r="K4972" i="2"/>
  <c r="K4946" i="5" s="1"/>
  <c r="O4946" i="5" s="1"/>
  <c r="K4955" i="2"/>
  <c r="K4929" i="5" s="1"/>
  <c r="O4929" i="5" s="1"/>
  <c r="M4955" i="2"/>
  <c r="M4929" i="5" s="1"/>
  <c r="J4955" i="2"/>
  <c r="J4929" i="5" s="1"/>
  <c r="N4929" i="5" s="1"/>
  <c r="L4955" i="2"/>
  <c r="L4929" i="5" s="1"/>
  <c r="I4955" i="2"/>
  <c r="I4929" i="5" s="1"/>
  <c r="K1449" i="2"/>
  <c r="K1423" i="5" s="1"/>
  <c r="O1423" i="5" s="1"/>
  <c r="M1449" i="2"/>
  <c r="M1423" i="5" s="1"/>
  <c r="J1449" i="2"/>
  <c r="J1423" i="5" s="1"/>
  <c r="N1423" i="5" s="1"/>
  <c r="L1449" i="2"/>
  <c r="L1423" i="5" s="1"/>
  <c r="I1449" i="2"/>
  <c r="I1423" i="5" s="1"/>
  <c r="K1782" i="2"/>
  <c r="K1756" i="5" s="1"/>
  <c r="O1756" i="5" s="1"/>
  <c r="L1782" i="2"/>
  <c r="L1756" i="5" s="1"/>
  <c r="J1782" i="2"/>
  <c r="J1756" i="5" s="1"/>
  <c r="N1756" i="5" s="1"/>
  <c r="M1782" i="2"/>
  <c r="M1756" i="5" s="1"/>
  <c r="I1782" i="2"/>
  <c r="I1756" i="5" s="1"/>
  <c r="K8130" i="2"/>
  <c r="K8104" i="5" s="1"/>
  <c r="O8104" i="5" s="1"/>
  <c r="J8130" i="2"/>
  <c r="J8104" i="5" s="1"/>
  <c r="N8104" i="5" s="1"/>
  <c r="I8130" i="2"/>
  <c r="I8104" i="5" s="1"/>
  <c r="L8130" i="2"/>
  <c r="L8104" i="5" s="1"/>
  <c r="M5585" i="2"/>
  <c r="M5559" i="5" s="1"/>
  <c r="K5585" i="2"/>
  <c r="K5559" i="5" s="1"/>
  <c r="O5559" i="5" s="1"/>
  <c r="J5585" i="2"/>
  <c r="J5559" i="5" s="1"/>
  <c r="N5559" i="5" s="1"/>
  <c r="L5585" i="2"/>
  <c r="L5559" i="5" s="1"/>
  <c r="K5579" i="2"/>
  <c r="K5553" i="5" s="1"/>
  <c r="O5553" i="5" s="1"/>
  <c r="J5579" i="2"/>
  <c r="J5553" i="5" s="1"/>
  <c r="N5553" i="5" s="1"/>
  <c r="L5579" i="2"/>
  <c r="L5553" i="5" s="1"/>
  <c r="M5579" i="2"/>
  <c r="M5553" i="5" s="1"/>
  <c r="I5579" i="2"/>
  <c r="I5553" i="5" s="1"/>
  <c r="L1558" i="2"/>
  <c r="L1532" i="5" s="1"/>
  <c r="M1558" i="2"/>
  <c r="M1532" i="5" s="1"/>
  <c r="K1558" i="2"/>
  <c r="K1532" i="5" s="1"/>
  <c r="O1532" i="5" s="1"/>
  <c r="I1558" i="2"/>
  <c r="I1532" i="5" s="1"/>
  <c r="J1558" i="2"/>
  <c r="J1532" i="5" s="1"/>
  <c r="N1532" i="5" s="1"/>
  <c r="M282" i="2"/>
  <c r="M256" i="5" s="1"/>
  <c r="L282" i="2"/>
  <c r="L256" i="5" s="1"/>
  <c r="J282" i="2"/>
  <c r="J256" i="5" s="1"/>
  <c r="N256" i="5" s="1"/>
  <c r="K282" i="2"/>
  <c r="K256" i="5" s="1"/>
  <c r="O256" i="5" s="1"/>
  <c r="I282" i="2"/>
  <c r="I256" i="5" s="1"/>
  <c r="K6464" i="2"/>
  <c r="K6438" i="5" s="1"/>
  <c r="O6438" i="5" s="1"/>
  <c r="L6464" i="2"/>
  <c r="L6438" i="5" s="1"/>
  <c r="J6464" i="2"/>
  <c r="J6438" i="5" s="1"/>
  <c r="N6438" i="5" s="1"/>
  <c r="I6464" i="2"/>
  <c r="I6438" i="5" s="1"/>
  <c r="M6464" i="2"/>
  <c r="M6438" i="5" s="1"/>
  <c r="I2566" i="2"/>
  <c r="I2540" i="5" s="1"/>
  <c r="K2566" i="2"/>
  <c r="K2540" i="5" s="1"/>
  <c r="O2540" i="5" s="1"/>
  <c r="J2566" i="2"/>
  <c r="J2540" i="5" s="1"/>
  <c r="N2540" i="5" s="1"/>
  <c r="L2566" i="2"/>
  <c r="L2540" i="5" s="1"/>
  <c r="M2566" i="2"/>
  <c r="M2540" i="5" s="1"/>
  <c r="M3247" i="2"/>
  <c r="M3221" i="5" s="1"/>
  <c r="L3247" i="2"/>
  <c r="L3221" i="5" s="1"/>
  <c r="I3247" i="2"/>
  <c r="I3221" i="5" s="1"/>
  <c r="K3247" i="2"/>
  <c r="K3221" i="5" s="1"/>
  <c r="O3221" i="5" s="1"/>
  <c r="J3247" i="2"/>
  <c r="J3221" i="5" s="1"/>
  <c r="N3221" i="5" s="1"/>
  <c r="J3234" i="2"/>
  <c r="J3208" i="5" s="1"/>
  <c r="N3208" i="5" s="1"/>
  <c r="M3234" i="2"/>
  <c r="M3208" i="5" s="1"/>
  <c r="I3234" i="2"/>
  <c r="I3208" i="5" s="1"/>
  <c r="L3234" i="2"/>
  <c r="L3208" i="5" s="1"/>
  <c r="K3234" i="2"/>
  <c r="K3208" i="5" s="1"/>
  <c r="O3208" i="5" s="1"/>
  <c r="M3751" i="2"/>
  <c r="M3725" i="5" s="1"/>
  <c r="J3751" i="2"/>
  <c r="J3725" i="5" s="1"/>
  <c r="N3725" i="5" s="1"/>
  <c r="L3751" i="2"/>
  <c r="L3725" i="5" s="1"/>
  <c r="I3751" i="2"/>
  <c r="I3725" i="5" s="1"/>
  <c r="K3751" i="2"/>
  <c r="K3725" i="5" s="1"/>
  <c r="O3725" i="5" s="1"/>
  <c r="K2079" i="2"/>
  <c r="K2053" i="5" s="1"/>
  <c r="O2053" i="5" s="1"/>
  <c r="M2079" i="2"/>
  <c r="M2053" i="5" s="1"/>
  <c r="I2079" i="2"/>
  <c r="I2053" i="5" s="1"/>
  <c r="J2079" i="2"/>
  <c r="J2053" i="5" s="1"/>
  <c r="N2053" i="5" s="1"/>
  <c r="L2079" i="2"/>
  <c r="L2053" i="5" s="1"/>
  <c r="M2920" i="2"/>
  <c r="M2894" i="5" s="1"/>
  <c r="I2920" i="2"/>
  <c r="I2894" i="5" s="1"/>
  <c r="J2920" i="2"/>
  <c r="J2894" i="5" s="1"/>
  <c r="N2894" i="5" s="1"/>
  <c r="K2920" i="2"/>
  <c r="K2894" i="5" s="1"/>
  <c r="O2894" i="5" s="1"/>
  <c r="L2920" i="2"/>
  <c r="L2894" i="5" s="1"/>
  <c r="I2923" i="2"/>
  <c r="I2897" i="5" s="1"/>
  <c r="M2923" i="2"/>
  <c r="M2897" i="5" s="1"/>
  <c r="J2923" i="2"/>
  <c r="J2897" i="5" s="1"/>
  <c r="N2897" i="5" s="1"/>
  <c r="K2923" i="2"/>
  <c r="K2897" i="5" s="1"/>
  <c r="O2897" i="5" s="1"/>
  <c r="K7366" i="2"/>
  <c r="K7340" i="5" s="1"/>
  <c r="O7340" i="5" s="1"/>
  <c r="J7366" i="2"/>
  <c r="J7340" i="5" s="1"/>
  <c r="N7340" i="5" s="1"/>
  <c r="M7366" i="2"/>
  <c r="M7340" i="5" s="1"/>
  <c r="L7366" i="2"/>
  <c r="L7340" i="5" s="1"/>
  <c r="I7366" i="2"/>
  <c r="I7340" i="5" s="1"/>
  <c r="L4244" i="2"/>
  <c r="L4218" i="5" s="1"/>
  <c r="J4244" i="2"/>
  <c r="J4218" i="5" s="1"/>
  <c r="N4218" i="5" s="1"/>
  <c r="I4244" i="2"/>
  <c r="I4218" i="5" s="1"/>
  <c r="K4244" i="2"/>
  <c r="K4218" i="5" s="1"/>
  <c r="O4218" i="5" s="1"/>
  <c r="M4244" i="2"/>
  <c r="M4218" i="5" s="1"/>
  <c r="J2794" i="2"/>
  <c r="J2768" i="5" s="1"/>
  <c r="N2768" i="5" s="1"/>
  <c r="M2794" i="2"/>
  <c r="M2768" i="5" s="1"/>
  <c r="I2794" i="2"/>
  <c r="I2768" i="5" s="1"/>
  <c r="K2794" i="2"/>
  <c r="K2768" i="5" s="1"/>
  <c r="O2768" i="5" s="1"/>
  <c r="L2794" i="2"/>
  <c r="L2768" i="5" s="1"/>
  <c r="K5925" i="2"/>
  <c r="K5899" i="5" s="1"/>
  <c r="O5899" i="5" s="1"/>
  <c r="J5925" i="2"/>
  <c r="J5899" i="5" s="1"/>
  <c r="N5899" i="5" s="1"/>
  <c r="L5925" i="2"/>
  <c r="L5899" i="5" s="1"/>
  <c r="M5925" i="2"/>
  <c r="M5899" i="5" s="1"/>
  <c r="I5925" i="2"/>
  <c r="I5899" i="5" s="1"/>
  <c r="M6755" i="2"/>
  <c r="M6729" i="5" s="1"/>
  <c r="I6755" i="2"/>
  <c r="I6729" i="5" s="1"/>
  <c r="K6755" i="2"/>
  <c r="K6729" i="5" s="1"/>
  <c r="O6729" i="5" s="1"/>
  <c r="J6755" i="2"/>
  <c r="J6729" i="5" s="1"/>
  <c r="N6729" i="5" s="1"/>
  <c r="I2229" i="2"/>
  <c r="I2203" i="5" s="1"/>
  <c r="K2229" i="2"/>
  <c r="K2203" i="5" s="1"/>
  <c r="O2203" i="5" s="1"/>
  <c r="J2229" i="2"/>
  <c r="J2203" i="5" s="1"/>
  <c r="N2203" i="5" s="1"/>
  <c r="M2229" i="2"/>
  <c r="M2203" i="5" s="1"/>
  <c r="L2229" i="2"/>
  <c r="L2203" i="5" s="1"/>
  <c r="J1791" i="2"/>
  <c r="J1765" i="5" s="1"/>
  <c r="N1765" i="5" s="1"/>
  <c r="L1791" i="2"/>
  <c r="L1765" i="5" s="1"/>
  <c r="M1791" i="2"/>
  <c r="M1765" i="5" s="1"/>
  <c r="I1791" i="2"/>
  <c r="I1765" i="5" s="1"/>
  <c r="K1791" i="2"/>
  <c r="K1765" i="5" s="1"/>
  <c r="O1765" i="5" s="1"/>
  <c r="C81" i="5"/>
  <c r="AR75" i="1"/>
  <c r="L1820" i="2"/>
  <c r="L1794" i="5" s="1"/>
  <c r="M1820" i="2"/>
  <c r="M1794" i="5" s="1"/>
  <c r="I1820" i="2"/>
  <c r="I1794" i="5" s="1"/>
  <c r="K1820" i="2"/>
  <c r="K1794" i="5" s="1"/>
  <c r="O1794" i="5" s="1"/>
  <c r="J1820" i="2"/>
  <c r="J1794" i="5" s="1"/>
  <c r="N1794" i="5" s="1"/>
  <c r="L4655" i="2"/>
  <c r="L4629" i="5" s="1"/>
  <c r="K4655" i="2"/>
  <c r="K4629" i="5" s="1"/>
  <c r="O4629" i="5" s="1"/>
  <c r="J4655" i="2"/>
  <c r="J4629" i="5" s="1"/>
  <c r="N4629" i="5" s="1"/>
  <c r="M4655" i="2"/>
  <c r="M4629" i="5" s="1"/>
  <c r="I4655" i="2"/>
  <c r="I4629" i="5" s="1"/>
  <c r="M810" i="2"/>
  <c r="M784" i="5" s="1"/>
  <c r="L810" i="2"/>
  <c r="L784" i="5" s="1"/>
  <c r="I810" i="2"/>
  <c r="I784" i="5" s="1"/>
  <c r="K810" i="2"/>
  <c r="K784" i="5" s="1"/>
  <c r="O784" i="5" s="1"/>
  <c r="J810" i="2"/>
  <c r="J784" i="5" s="1"/>
  <c r="N784" i="5" s="1"/>
  <c r="I2952" i="2"/>
  <c r="I2926" i="5" s="1"/>
  <c r="L2952" i="2"/>
  <c r="L2926" i="5" s="1"/>
  <c r="K2952" i="2"/>
  <c r="K2926" i="5" s="1"/>
  <c r="O2926" i="5" s="1"/>
  <c r="J2952" i="2"/>
  <c r="J2926" i="5" s="1"/>
  <c r="N2926" i="5" s="1"/>
  <c r="M2952" i="2"/>
  <c r="M2926" i="5" s="1"/>
  <c r="J7812" i="2"/>
  <c r="J7786" i="5" s="1"/>
  <c r="N7786" i="5" s="1"/>
  <c r="M7812" i="2"/>
  <c r="M7786" i="5" s="1"/>
  <c r="I7812" i="2"/>
  <c r="I7786" i="5" s="1"/>
  <c r="L7812" i="2"/>
  <c r="L7786" i="5" s="1"/>
  <c r="K7812" i="2"/>
  <c r="K7786" i="5" s="1"/>
  <c r="O7786" i="5" s="1"/>
  <c r="I984" i="2"/>
  <c r="I958" i="5" s="1"/>
  <c r="M984" i="2"/>
  <c r="M958" i="5" s="1"/>
  <c r="L984" i="2"/>
  <c r="L958" i="5" s="1"/>
  <c r="K984" i="2"/>
  <c r="K958" i="5" s="1"/>
  <c r="O958" i="5" s="1"/>
  <c r="J984" i="2"/>
  <c r="J958" i="5" s="1"/>
  <c r="N958" i="5" s="1"/>
  <c r="M975" i="2"/>
  <c r="M949" i="5" s="1"/>
  <c r="J975" i="2"/>
  <c r="J949" i="5" s="1"/>
  <c r="N949" i="5" s="1"/>
  <c r="I975" i="2"/>
  <c r="I949" i="5" s="1"/>
  <c r="L975" i="2"/>
  <c r="L949" i="5" s="1"/>
  <c r="K975" i="2"/>
  <c r="K949" i="5" s="1"/>
  <c r="O949" i="5" s="1"/>
  <c r="I8472" i="2"/>
  <c r="I8446" i="5" s="1"/>
  <c r="K8472" i="2"/>
  <c r="K8446" i="5" s="1"/>
  <c r="O8446" i="5" s="1"/>
  <c r="J8472" i="2"/>
  <c r="J8446" i="5" s="1"/>
  <c r="N8446" i="5" s="1"/>
  <c r="L8472" i="2"/>
  <c r="L8446" i="5" s="1"/>
  <c r="M8472" i="2"/>
  <c r="M8446" i="5" s="1"/>
  <c r="L4478" i="2"/>
  <c r="L4452" i="5" s="1"/>
  <c r="J4478" i="2"/>
  <c r="J4452" i="5" s="1"/>
  <c r="N4452" i="5" s="1"/>
  <c r="I4478" i="2"/>
  <c r="I4452" i="5" s="1"/>
  <c r="K4478" i="2"/>
  <c r="K4452" i="5" s="1"/>
  <c r="O4452" i="5" s="1"/>
  <c r="M4478" i="2"/>
  <c r="M4452" i="5" s="1"/>
  <c r="I2257" i="2"/>
  <c r="I2231" i="5" s="1"/>
  <c r="M2257" i="2"/>
  <c r="M2231" i="5" s="1"/>
  <c r="K2257" i="2"/>
  <c r="K2231" i="5" s="1"/>
  <c r="O2231" i="5" s="1"/>
  <c r="L2257" i="2"/>
  <c r="L2231" i="5" s="1"/>
  <c r="J2257" i="2"/>
  <c r="J2231" i="5" s="1"/>
  <c r="N2231" i="5" s="1"/>
  <c r="J2259" i="2"/>
  <c r="J2233" i="5" s="1"/>
  <c r="N2233" i="5" s="1"/>
  <c r="L2259" i="2"/>
  <c r="L2233" i="5" s="1"/>
  <c r="M2259" i="2"/>
  <c r="M2233" i="5" s="1"/>
  <c r="I2259" i="2"/>
  <c r="I2233" i="5" s="1"/>
  <c r="K2259" i="2"/>
  <c r="K2233" i="5" s="1"/>
  <c r="O2233" i="5" s="1"/>
  <c r="M3759" i="2"/>
  <c r="M3733" i="5" s="1"/>
  <c r="L3759" i="2"/>
  <c r="L3733" i="5" s="1"/>
  <c r="I3759" i="2"/>
  <c r="I3733" i="5" s="1"/>
  <c r="K3759" i="2"/>
  <c r="K3733" i="5" s="1"/>
  <c r="O3733" i="5" s="1"/>
  <c r="J3759" i="2"/>
  <c r="J3733" i="5" s="1"/>
  <c r="N3733" i="5" s="1"/>
  <c r="L3757" i="2"/>
  <c r="L3731" i="5" s="1"/>
  <c r="M3757" i="2"/>
  <c r="M3731" i="5" s="1"/>
  <c r="J3757" i="2"/>
  <c r="J3731" i="5" s="1"/>
  <c r="N3731" i="5" s="1"/>
  <c r="I3757" i="2"/>
  <c r="I3731" i="5" s="1"/>
  <c r="K3757" i="2"/>
  <c r="K3731" i="5" s="1"/>
  <c r="O3731" i="5" s="1"/>
  <c r="M896" i="2"/>
  <c r="M870" i="5" s="1"/>
  <c r="L896" i="2"/>
  <c r="L870" i="5" s="1"/>
  <c r="I896" i="2"/>
  <c r="I870" i="5" s="1"/>
  <c r="K896" i="2"/>
  <c r="K870" i="5" s="1"/>
  <c r="O870" i="5" s="1"/>
  <c r="J896" i="2"/>
  <c r="J870" i="5" s="1"/>
  <c r="N870" i="5" s="1"/>
  <c r="I5864" i="2"/>
  <c r="I5838" i="5" s="1"/>
  <c r="K5864" i="2"/>
  <c r="K5838" i="5" s="1"/>
  <c r="O5838" i="5" s="1"/>
  <c r="J5864" i="2"/>
  <c r="J5838" i="5" s="1"/>
  <c r="N5838" i="5" s="1"/>
  <c r="L5864" i="2"/>
  <c r="L5838" i="5" s="1"/>
  <c r="M5864" i="2"/>
  <c r="M5838" i="5" s="1"/>
  <c r="M5769" i="2"/>
  <c r="M5743" i="5" s="1"/>
  <c r="L5769" i="2"/>
  <c r="L5743" i="5" s="1"/>
  <c r="I5769" i="2"/>
  <c r="I5743" i="5" s="1"/>
  <c r="K5769" i="2"/>
  <c r="K5743" i="5" s="1"/>
  <c r="O5743" i="5" s="1"/>
  <c r="J5769" i="2"/>
  <c r="J5743" i="5" s="1"/>
  <c r="N5743" i="5" s="1"/>
  <c r="J5757" i="2"/>
  <c r="J5731" i="5" s="1"/>
  <c r="N5731" i="5" s="1"/>
  <c r="M5757" i="2"/>
  <c r="M5731" i="5" s="1"/>
  <c r="L5757" i="2"/>
  <c r="L5731" i="5" s="1"/>
  <c r="I5757" i="2"/>
  <c r="I5731" i="5" s="1"/>
  <c r="K5757" i="2"/>
  <c r="K5731" i="5" s="1"/>
  <c r="O5731" i="5" s="1"/>
  <c r="L214" i="2"/>
  <c r="L188" i="5" s="1"/>
  <c r="M214" i="2"/>
  <c r="M188" i="5" s="1"/>
  <c r="K214" i="2"/>
  <c r="K188" i="5" s="1"/>
  <c r="O188" i="5" s="1"/>
  <c r="I214" i="2"/>
  <c r="I188" i="5" s="1"/>
  <c r="J214" i="2"/>
  <c r="J188" i="5" s="1"/>
  <c r="N188" i="5" s="1"/>
  <c r="K4950" i="2"/>
  <c r="K4924" i="5" s="1"/>
  <c r="O4924" i="5" s="1"/>
  <c r="J4950" i="2"/>
  <c r="J4924" i="5" s="1"/>
  <c r="N4924" i="5" s="1"/>
  <c r="M4950" i="2"/>
  <c r="M4924" i="5" s="1"/>
  <c r="L4950" i="2"/>
  <c r="L4924" i="5" s="1"/>
  <c r="I4950" i="2"/>
  <c r="I4924" i="5" s="1"/>
  <c r="L7092" i="2"/>
  <c r="L7066" i="5" s="1"/>
  <c r="M7092" i="2"/>
  <c r="M7066" i="5" s="1"/>
  <c r="I7092" i="2"/>
  <c r="I7066" i="5" s="1"/>
  <c r="K7092" i="2"/>
  <c r="K7066" i="5" s="1"/>
  <c r="O7066" i="5" s="1"/>
  <c r="J7092" i="2"/>
  <c r="J7066" i="5" s="1"/>
  <c r="N7066" i="5" s="1"/>
  <c r="M391" i="2"/>
  <c r="M365" i="5" s="1"/>
  <c r="J391" i="2"/>
  <c r="J365" i="5" s="1"/>
  <c r="N365" i="5" s="1"/>
  <c r="K391" i="2"/>
  <c r="K365" i="5" s="1"/>
  <c r="O365" i="5" s="1"/>
  <c r="K5466" i="2"/>
  <c r="K5440" i="5" s="1"/>
  <c r="O5440" i="5" s="1"/>
  <c r="J5466" i="2"/>
  <c r="J5440" i="5" s="1"/>
  <c r="N5440" i="5" s="1"/>
  <c r="M5466" i="2"/>
  <c r="M5440" i="5" s="1"/>
  <c r="L5466" i="2"/>
  <c r="L5440" i="5" s="1"/>
  <c r="I5466" i="2"/>
  <c r="I5440" i="5" s="1"/>
  <c r="I2965" i="2"/>
  <c r="I2939" i="5" s="1"/>
  <c r="L2965" i="2"/>
  <c r="L2939" i="5" s="1"/>
  <c r="M2965" i="2"/>
  <c r="M2939" i="5" s="1"/>
  <c r="K2965" i="2"/>
  <c r="K2939" i="5" s="1"/>
  <c r="O2939" i="5" s="1"/>
  <c r="J2965" i="2"/>
  <c r="J2939" i="5" s="1"/>
  <c r="N2939" i="5" s="1"/>
  <c r="K1648" i="2"/>
  <c r="K1622" i="5" s="1"/>
  <c r="O1622" i="5" s="1"/>
  <c r="J1648" i="2"/>
  <c r="J1622" i="5" s="1"/>
  <c r="N1622" i="5" s="1"/>
  <c r="L1648" i="2"/>
  <c r="L1622" i="5" s="1"/>
  <c r="M1648" i="2"/>
  <c r="M1622" i="5" s="1"/>
  <c r="I1648" i="2"/>
  <c r="I1622" i="5" s="1"/>
  <c r="M8213" i="2"/>
  <c r="M8187" i="5" s="1"/>
  <c r="J8213" i="2"/>
  <c r="J8187" i="5" s="1"/>
  <c r="N8187" i="5" s="1"/>
  <c r="L8213" i="2"/>
  <c r="L8187" i="5" s="1"/>
  <c r="I8213" i="2"/>
  <c r="I8187" i="5" s="1"/>
  <c r="K8213" i="2"/>
  <c r="K8187" i="5" s="1"/>
  <c r="O8187" i="5" s="1"/>
  <c r="J8208" i="2"/>
  <c r="J8182" i="5" s="1"/>
  <c r="N8182" i="5" s="1"/>
  <c r="M8208" i="2"/>
  <c r="M8182" i="5" s="1"/>
  <c r="L8208" i="2"/>
  <c r="L8182" i="5" s="1"/>
  <c r="I8208" i="2"/>
  <c r="I8182" i="5" s="1"/>
  <c r="K8208" i="2"/>
  <c r="K8182" i="5" s="1"/>
  <c r="O8182" i="5" s="1"/>
  <c r="L5149" i="2"/>
  <c r="L5123" i="5" s="1"/>
  <c r="J5149" i="2"/>
  <c r="J5123" i="5" s="1"/>
  <c r="N5123" i="5" s="1"/>
  <c r="M5149" i="2"/>
  <c r="M5123" i="5" s="1"/>
  <c r="I5149" i="2"/>
  <c r="I5123" i="5" s="1"/>
  <c r="K5149" i="2"/>
  <c r="K5123" i="5" s="1"/>
  <c r="O5123" i="5" s="1"/>
  <c r="K6653" i="2"/>
  <c r="K6627" i="5" s="1"/>
  <c r="O6627" i="5" s="1"/>
  <c r="J6653" i="2"/>
  <c r="J6627" i="5" s="1"/>
  <c r="N6627" i="5" s="1"/>
  <c r="L6653" i="2"/>
  <c r="L6627" i="5" s="1"/>
  <c r="M6653" i="2"/>
  <c r="M6627" i="5" s="1"/>
  <c r="I6653" i="2"/>
  <c r="I6627" i="5" s="1"/>
  <c r="L4402" i="2"/>
  <c r="L4376" i="5" s="1"/>
  <c r="M4402" i="2"/>
  <c r="M4376" i="5" s="1"/>
  <c r="K4402" i="2"/>
  <c r="K4376" i="5" s="1"/>
  <c r="O4376" i="5" s="1"/>
  <c r="J4402" i="2"/>
  <c r="J4376" i="5" s="1"/>
  <c r="N4376" i="5" s="1"/>
  <c r="I4402" i="2"/>
  <c r="I4376" i="5" s="1"/>
  <c r="M6514" i="2"/>
  <c r="M6488" i="5" s="1"/>
  <c r="I6514" i="2"/>
  <c r="I6488" i="5" s="1"/>
  <c r="K6514" i="2"/>
  <c r="K6488" i="5" s="1"/>
  <c r="O6488" i="5" s="1"/>
  <c r="J6514" i="2"/>
  <c r="J6488" i="5" s="1"/>
  <c r="N6488" i="5" s="1"/>
  <c r="L6514" i="2"/>
  <c r="L6488" i="5" s="1"/>
  <c r="J2300" i="2"/>
  <c r="J2274" i="5" s="1"/>
  <c r="N2274" i="5" s="1"/>
  <c r="I2300" i="2"/>
  <c r="I2274" i="5" s="1"/>
  <c r="K2300" i="2"/>
  <c r="K2274" i="5" s="1"/>
  <c r="O2274" i="5" s="1"/>
  <c r="L2300" i="2"/>
  <c r="L2274" i="5" s="1"/>
  <c r="M2300" i="2"/>
  <c r="M2274" i="5" s="1"/>
  <c r="M1267" i="2"/>
  <c r="M1241" i="5" s="1"/>
  <c r="I1267" i="2"/>
  <c r="I1241" i="5" s="1"/>
  <c r="K1267" i="2"/>
  <c r="K1241" i="5" s="1"/>
  <c r="O1241" i="5" s="1"/>
  <c r="J1267" i="2"/>
  <c r="J1241" i="5" s="1"/>
  <c r="N1241" i="5" s="1"/>
  <c r="L1267" i="2"/>
  <c r="L1241" i="5" s="1"/>
  <c r="M1728" i="2"/>
  <c r="M1702" i="5" s="1"/>
  <c r="I1728" i="2"/>
  <c r="I1702" i="5" s="1"/>
  <c r="K1728" i="2"/>
  <c r="K1702" i="5" s="1"/>
  <c r="O1702" i="5" s="1"/>
  <c r="L6184" i="2"/>
  <c r="L6158" i="5" s="1"/>
  <c r="M6184" i="2"/>
  <c r="M6158" i="5" s="1"/>
  <c r="I6184" i="2"/>
  <c r="I6158" i="5" s="1"/>
  <c r="K6184" i="2"/>
  <c r="K6158" i="5" s="1"/>
  <c r="O6158" i="5" s="1"/>
  <c r="J6184" i="2"/>
  <c r="J6158" i="5" s="1"/>
  <c r="N6158" i="5" s="1"/>
  <c r="K2668" i="2"/>
  <c r="K2642" i="5" s="1"/>
  <c r="O2642" i="5" s="1"/>
  <c r="M2668" i="2"/>
  <c r="M2642" i="5" s="1"/>
  <c r="J2668" i="2"/>
  <c r="J2642" i="5" s="1"/>
  <c r="N2642" i="5" s="1"/>
  <c r="I2668" i="2"/>
  <c r="I2642" i="5" s="1"/>
  <c r="L2668" i="2"/>
  <c r="L2642" i="5" s="1"/>
  <c r="J6840" i="2"/>
  <c r="J6814" i="5" s="1"/>
  <c r="N6814" i="5" s="1"/>
  <c r="K6840" i="2"/>
  <c r="K6814" i="5" s="1"/>
  <c r="O6814" i="5" s="1"/>
  <c r="I6840" i="2"/>
  <c r="I6814" i="5" s="1"/>
  <c r="L6840" i="2"/>
  <c r="L6814" i="5" s="1"/>
  <c r="M6840" i="2"/>
  <c r="M6814" i="5" s="1"/>
  <c r="I3410" i="2"/>
  <c r="I3384" i="5" s="1"/>
  <c r="M3410" i="2"/>
  <c r="M3384" i="5" s="1"/>
  <c r="K3410" i="2"/>
  <c r="K3384" i="5" s="1"/>
  <c r="O3384" i="5" s="1"/>
  <c r="I3996" i="2"/>
  <c r="I3970" i="5" s="1"/>
  <c r="K3996" i="2"/>
  <c r="K3970" i="5" s="1"/>
  <c r="O3970" i="5" s="1"/>
  <c r="J3996" i="2"/>
  <c r="J3970" i="5" s="1"/>
  <c r="N3970" i="5" s="1"/>
  <c r="M3996" i="2"/>
  <c r="M3970" i="5" s="1"/>
  <c r="L3996" i="2"/>
  <c r="L3970" i="5" s="1"/>
  <c r="M4984" i="2"/>
  <c r="M4958" i="5" s="1"/>
  <c r="K4984" i="2"/>
  <c r="K4958" i="5" s="1"/>
  <c r="O4958" i="5" s="1"/>
  <c r="L4984" i="2"/>
  <c r="L4958" i="5" s="1"/>
  <c r="J4984" i="2"/>
  <c r="J4958" i="5" s="1"/>
  <c r="N4958" i="5" s="1"/>
  <c r="I4984" i="2"/>
  <c r="I4958" i="5" s="1"/>
  <c r="J1420" i="2"/>
  <c r="J1394" i="5" s="1"/>
  <c r="N1394" i="5" s="1"/>
  <c r="K1420" i="2"/>
  <c r="K1394" i="5" s="1"/>
  <c r="O1394" i="5" s="1"/>
  <c r="M1420" i="2"/>
  <c r="M1394" i="5" s="1"/>
  <c r="L1420" i="2"/>
  <c r="L1394" i="5" s="1"/>
  <c r="I1420" i="2"/>
  <c r="I1394" i="5" s="1"/>
  <c r="L7519" i="2"/>
  <c r="L7493" i="5" s="1"/>
  <c r="M7519" i="2"/>
  <c r="M7493" i="5" s="1"/>
  <c r="J7519" i="2"/>
  <c r="J7493" i="5" s="1"/>
  <c r="N7493" i="5" s="1"/>
  <c r="I7519" i="2"/>
  <c r="I7493" i="5" s="1"/>
  <c r="K7519" i="2"/>
  <c r="K7493" i="5" s="1"/>
  <c r="O7493" i="5" s="1"/>
  <c r="J2119" i="2"/>
  <c r="J2093" i="5" s="1"/>
  <c r="N2093" i="5" s="1"/>
  <c r="I2119" i="2"/>
  <c r="I2093" i="5" s="1"/>
  <c r="K2119" i="2"/>
  <c r="K2093" i="5" s="1"/>
  <c r="O2093" i="5" s="1"/>
  <c r="M2119" i="2"/>
  <c r="M2093" i="5" s="1"/>
  <c r="L2119" i="2"/>
  <c r="L2093" i="5" s="1"/>
  <c r="M36" i="2"/>
  <c r="M10" i="5" s="1"/>
  <c r="J36" i="2"/>
  <c r="J10" i="5" s="1"/>
  <c r="N10" i="5" s="1"/>
  <c r="L36" i="2"/>
  <c r="L10" i="5" s="1"/>
  <c r="K36" i="2"/>
  <c r="K10" i="5" s="1"/>
  <c r="O10" i="5" s="1"/>
  <c r="I36" i="2"/>
  <c r="I10" i="5" s="1"/>
  <c r="L2284" i="2"/>
  <c r="L2258" i="5" s="1"/>
  <c r="M2284" i="2"/>
  <c r="M2258" i="5" s="1"/>
  <c r="I2284" i="2"/>
  <c r="I2258" i="5" s="1"/>
  <c r="K2284" i="2"/>
  <c r="K2258" i="5" s="1"/>
  <c r="O2258" i="5" s="1"/>
  <c r="J2284" i="2"/>
  <c r="J2258" i="5" s="1"/>
  <c r="N2258" i="5" s="1"/>
  <c r="J6784" i="2"/>
  <c r="J6758" i="5" s="1"/>
  <c r="N6758" i="5" s="1"/>
  <c r="I6784" i="2"/>
  <c r="I6758" i="5" s="1"/>
  <c r="K6784" i="2"/>
  <c r="K6758" i="5" s="1"/>
  <c r="O6758" i="5" s="1"/>
  <c r="L6784" i="2"/>
  <c r="L6758" i="5" s="1"/>
  <c r="M6784" i="2"/>
  <c r="M6758" i="5" s="1"/>
  <c r="K1240" i="2"/>
  <c r="K1214" i="5" s="1"/>
  <c r="O1214" i="5" s="1"/>
  <c r="J1240" i="2"/>
  <c r="J1214" i="5" s="1"/>
  <c r="N1214" i="5" s="1"/>
  <c r="I1240" i="2"/>
  <c r="I1214" i="5" s="1"/>
  <c r="M1240" i="2"/>
  <c r="M1214" i="5" s="1"/>
  <c r="L1240" i="2"/>
  <c r="L1214" i="5" s="1"/>
  <c r="K4788" i="2"/>
  <c r="K4762" i="5" s="1"/>
  <c r="O4762" i="5" s="1"/>
  <c r="J4788" i="2"/>
  <c r="J4762" i="5" s="1"/>
  <c r="N4762" i="5" s="1"/>
  <c r="M4788" i="2"/>
  <c r="M4762" i="5" s="1"/>
  <c r="L4788" i="2"/>
  <c r="L4762" i="5" s="1"/>
  <c r="I4788" i="2"/>
  <c r="I4762" i="5" s="1"/>
  <c r="L5961" i="2"/>
  <c r="L5935" i="5" s="1"/>
  <c r="K5961" i="2"/>
  <c r="K5935" i="5" s="1"/>
  <c r="O5935" i="5" s="1"/>
  <c r="J5961" i="2"/>
  <c r="J5935" i="5" s="1"/>
  <c r="N5935" i="5" s="1"/>
  <c r="M5961" i="2"/>
  <c r="M5935" i="5" s="1"/>
  <c r="I5961" i="2"/>
  <c r="I5935" i="5" s="1"/>
  <c r="K1938" i="2"/>
  <c r="K1912" i="5" s="1"/>
  <c r="O1912" i="5" s="1"/>
  <c r="J1938" i="2"/>
  <c r="J1912" i="5" s="1"/>
  <c r="N1912" i="5" s="1"/>
  <c r="L1938" i="2"/>
  <c r="L1912" i="5" s="1"/>
  <c r="K3146" i="2"/>
  <c r="K3120" i="5" s="1"/>
  <c r="O3120" i="5" s="1"/>
  <c r="J3146" i="2"/>
  <c r="J3120" i="5" s="1"/>
  <c r="N3120" i="5" s="1"/>
  <c r="L3146" i="2"/>
  <c r="L3120" i="5" s="1"/>
  <c r="M3146" i="2"/>
  <c r="M3120" i="5" s="1"/>
  <c r="I3146" i="2"/>
  <c r="I3120" i="5" s="1"/>
  <c r="J1960" i="2"/>
  <c r="J1934" i="5" s="1"/>
  <c r="N1934" i="5" s="1"/>
  <c r="L1960" i="2"/>
  <c r="L1934" i="5" s="1"/>
  <c r="M1960" i="2"/>
  <c r="M1934" i="5" s="1"/>
  <c r="I1960" i="2"/>
  <c r="I1934" i="5" s="1"/>
  <c r="K1960" i="2"/>
  <c r="K1934" i="5" s="1"/>
  <c r="O1934" i="5" s="1"/>
  <c r="I8106" i="2"/>
  <c r="I8080" i="5" s="1"/>
  <c r="K8106" i="2"/>
  <c r="K8080" i="5" s="1"/>
  <c r="O8080" i="5" s="1"/>
  <c r="J8106" i="2"/>
  <c r="J8080" i="5" s="1"/>
  <c r="N8080" i="5" s="1"/>
  <c r="L8106" i="2"/>
  <c r="L8080" i="5" s="1"/>
  <c r="M8106" i="2"/>
  <c r="M8080" i="5" s="1"/>
  <c r="I5357" i="2"/>
  <c r="I5331" i="5" s="1"/>
  <c r="K5357" i="2"/>
  <c r="K5331" i="5" s="1"/>
  <c r="O5331" i="5" s="1"/>
  <c r="J5357" i="2"/>
  <c r="J5331" i="5" s="1"/>
  <c r="N5331" i="5" s="1"/>
  <c r="L5357" i="2"/>
  <c r="L5331" i="5" s="1"/>
  <c r="M5357" i="2"/>
  <c r="M5331" i="5" s="1"/>
  <c r="L6000" i="2"/>
  <c r="L5974" i="5" s="1"/>
  <c r="M6000" i="2"/>
  <c r="M5974" i="5" s="1"/>
  <c r="I6000" i="2"/>
  <c r="I5974" i="5" s="1"/>
  <c r="K6000" i="2"/>
  <c r="K5974" i="5" s="1"/>
  <c r="O5974" i="5" s="1"/>
  <c r="J6000" i="2"/>
  <c r="J5974" i="5" s="1"/>
  <c r="N5974" i="5" s="1"/>
  <c r="M1989" i="2"/>
  <c r="M1963" i="5" s="1"/>
  <c r="L1989" i="2"/>
  <c r="L1963" i="5" s="1"/>
  <c r="I1989" i="2"/>
  <c r="I1963" i="5" s="1"/>
  <c r="K1989" i="2"/>
  <c r="K1963" i="5" s="1"/>
  <c r="O1963" i="5" s="1"/>
  <c r="J1989" i="2"/>
  <c r="J1963" i="5" s="1"/>
  <c r="N1963" i="5" s="1"/>
  <c r="L417" i="2"/>
  <c r="L391" i="5" s="1"/>
  <c r="M417" i="2"/>
  <c r="M391" i="5" s="1"/>
  <c r="I417" i="2"/>
  <c r="I391" i="5" s="1"/>
  <c r="J417" i="2"/>
  <c r="J391" i="5" s="1"/>
  <c r="N391" i="5" s="1"/>
  <c r="K417" i="2"/>
  <c r="K391" i="5" s="1"/>
  <c r="O391" i="5" s="1"/>
  <c r="I3078" i="2"/>
  <c r="I3052" i="5" s="1"/>
  <c r="M3078" i="2"/>
  <c r="M3052" i="5" s="1"/>
  <c r="K3078" i="2"/>
  <c r="K3052" i="5" s="1"/>
  <c r="O3052" i="5" s="1"/>
  <c r="L3078" i="2"/>
  <c r="L3052" i="5" s="1"/>
  <c r="J3078" i="2"/>
  <c r="J3052" i="5" s="1"/>
  <c r="N3052" i="5" s="1"/>
  <c r="J3059" i="2"/>
  <c r="J3033" i="5" s="1"/>
  <c r="N3033" i="5" s="1"/>
  <c r="L3059" i="2"/>
  <c r="L3033" i="5" s="1"/>
  <c r="M3059" i="2"/>
  <c r="M3033" i="5" s="1"/>
  <c r="I3059" i="2"/>
  <c r="I3033" i="5" s="1"/>
  <c r="K3059" i="2"/>
  <c r="K3033" i="5" s="1"/>
  <c r="O3033" i="5" s="1"/>
  <c r="M560" i="2"/>
  <c r="M534" i="5" s="1"/>
  <c r="L560" i="2"/>
  <c r="L534" i="5" s="1"/>
  <c r="I560" i="2"/>
  <c r="I534" i="5" s="1"/>
  <c r="K560" i="2"/>
  <c r="K534" i="5" s="1"/>
  <c r="O534" i="5" s="1"/>
  <c r="J560" i="2"/>
  <c r="J534" i="5" s="1"/>
  <c r="N534" i="5" s="1"/>
  <c r="I6616" i="2"/>
  <c r="I6590" i="5" s="1"/>
  <c r="K6616" i="2"/>
  <c r="K6590" i="5" s="1"/>
  <c r="O6590" i="5" s="1"/>
  <c r="M6616" i="2"/>
  <c r="M6590" i="5" s="1"/>
  <c r="L6616" i="2"/>
  <c r="L6590" i="5" s="1"/>
  <c r="J6616" i="2"/>
  <c r="J6590" i="5" s="1"/>
  <c r="N6590" i="5" s="1"/>
  <c r="L6611" i="2"/>
  <c r="L6585" i="5" s="1"/>
  <c r="J6611" i="2"/>
  <c r="J6585" i="5" s="1"/>
  <c r="N6585" i="5" s="1"/>
  <c r="I6611" i="2"/>
  <c r="I6585" i="5" s="1"/>
  <c r="K6611" i="2"/>
  <c r="K6585" i="5" s="1"/>
  <c r="O6585" i="5" s="1"/>
  <c r="M6611" i="2"/>
  <c r="M6585" i="5" s="1"/>
  <c r="I1116" i="2"/>
  <c r="I1090" i="5" s="1"/>
  <c r="K1116" i="2"/>
  <c r="K1090" i="5" s="1"/>
  <c r="O1090" i="5" s="1"/>
  <c r="M1116" i="2"/>
  <c r="M1090" i="5" s="1"/>
  <c r="J1116" i="2"/>
  <c r="J1090" i="5" s="1"/>
  <c r="N1090" i="5" s="1"/>
  <c r="L1116" i="2"/>
  <c r="L1090" i="5" s="1"/>
  <c r="J7323" i="2"/>
  <c r="J7297" i="5" s="1"/>
  <c r="N7297" i="5" s="1"/>
  <c r="K7323" i="2"/>
  <c r="K7297" i="5" s="1"/>
  <c r="O7297" i="5" s="1"/>
  <c r="L7323" i="2"/>
  <c r="L7297" i="5" s="1"/>
  <c r="M7323" i="2"/>
  <c r="M7297" i="5" s="1"/>
  <c r="I7323" i="2"/>
  <c r="I7297" i="5" s="1"/>
  <c r="L7972" i="2"/>
  <c r="L7946" i="5" s="1"/>
  <c r="M7972" i="2"/>
  <c r="M7946" i="5" s="1"/>
  <c r="J7972" i="2"/>
  <c r="J7946" i="5" s="1"/>
  <c r="N7946" i="5" s="1"/>
  <c r="I7972" i="2"/>
  <c r="I7946" i="5" s="1"/>
  <c r="K7972" i="2"/>
  <c r="K7946" i="5" s="1"/>
  <c r="O7946" i="5" s="1"/>
  <c r="I3257" i="2"/>
  <c r="I3231" i="5" s="1"/>
  <c r="K3257" i="2"/>
  <c r="K3231" i="5" s="1"/>
  <c r="O3231" i="5" s="1"/>
  <c r="J3257" i="2"/>
  <c r="J3231" i="5" s="1"/>
  <c r="N3231" i="5" s="1"/>
  <c r="M3257" i="2"/>
  <c r="M3231" i="5" s="1"/>
  <c r="L3257" i="2"/>
  <c r="L3231" i="5" s="1"/>
  <c r="I5006" i="2"/>
  <c r="I4980" i="5" s="1"/>
  <c r="L5006" i="2"/>
  <c r="L4980" i="5" s="1"/>
  <c r="K5006" i="2"/>
  <c r="K4980" i="5" s="1"/>
  <c r="O4980" i="5" s="1"/>
  <c r="J5006" i="2"/>
  <c r="J4980" i="5" s="1"/>
  <c r="N4980" i="5" s="1"/>
  <c r="M5006" i="2"/>
  <c r="M4980" i="5" s="1"/>
  <c r="J1086" i="2"/>
  <c r="J1060" i="5" s="1"/>
  <c r="N1060" i="5" s="1"/>
  <c r="L1086" i="2"/>
  <c r="L1060" i="5" s="1"/>
  <c r="I1086" i="2"/>
  <c r="I1060" i="5" s="1"/>
  <c r="M1086" i="2"/>
  <c r="M1060" i="5" s="1"/>
  <c r="K1086" i="2"/>
  <c r="K1060" i="5" s="1"/>
  <c r="O1060" i="5" s="1"/>
  <c r="K4013" i="2"/>
  <c r="K3987" i="5" s="1"/>
  <c r="O3987" i="5" s="1"/>
  <c r="J4013" i="2"/>
  <c r="J3987" i="5" s="1"/>
  <c r="N3987" i="5" s="1"/>
  <c r="L4013" i="2"/>
  <c r="L3987" i="5" s="1"/>
  <c r="M4013" i="2"/>
  <c r="M3987" i="5" s="1"/>
  <c r="I4013" i="2"/>
  <c r="I3987" i="5" s="1"/>
  <c r="I1320" i="2"/>
  <c r="I1294" i="5" s="1"/>
  <c r="K1320" i="2"/>
  <c r="K1294" i="5" s="1"/>
  <c r="O1294" i="5" s="1"/>
  <c r="J1320" i="2"/>
  <c r="J1294" i="5" s="1"/>
  <c r="N1294" i="5" s="1"/>
  <c r="M1320" i="2"/>
  <c r="M1294" i="5" s="1"/>
  <c r="L1320" i="2"/>
  <c r="L1294" i="5" s="1"/>
  <c r="J1325" i="2"/>
  <c r="J1299" i="5" s="1"/>
  <c r="N1299" i="5" s="1"/>
  <c r="M1325" i="2"/>
  <c r="M1299" i="5" s="1"/>
  <c r="I1325" i="2"/>
  <c r="I1299" i="5" s="1"/>
  <c r="L1325" i="2"/>
  <c r="L1299" i="5" s="1"/>
  <c r="K1325" i="2"/>
  <c r="K1299" i="5" s="1"/>
  <c r="O1299" i="5" s="1"/>
  <c r="M4321" i="2"/>
  <c r="M4295" i="5" s="1"/>
  <c r="L4321" i="2"/>
  <c r="L4295" i="5" s="1"/>
  <c r="I4321" i="2"/>
  <c r="I4295" i="5" s="1"/>
  <c r="K4321" i="2"/>
  <c r="K4295" i="5" s="1"/>
  <c r="O4295" i="5" s="1"/>
  <c r="J4321" i="2"/>
  <c r="J4295" i="5" s="1"/>
  <c r="N4295" i="5" s="1"/>
  <c r="J3312" i="2"/>
  <c r="J3286" i="5" s="1"/>
  <c r="N3286" i="5" s="1"/>
  <c r="M3312" i="2"/>
  <c r="M3286" i="5" s="1"/>
  <c r="L3312" i="2"/>
  <c r="L3286" i="5" s="1"/>
  <c r="I3312" i="2"/>
  <c r="I3286" i="5" s="1"/>
  <c r="K3312" i="2"/>
  <c r="K3286" i="5" s="1"/>
  <c r="O3286" i="5" s="1"/>
  <c r="M4133" i="2"/>
  <c r="M4107" i="5" s="1"/>
  <c r="L4133" i="2"/>
  <c r="L4107" i="5" s="1"/>
  <c r="I4133" i="2"/>
  <c r="I4107" i="5" s="1"/>
  <c r="K4133" i="2"/>
  <c r="K4107" i="5" s="1"/>
  <c r="O4107" i="5" s="1"/>
  <c r="J4133" i="2"/>
  <c r="J4107" i="5" s="1"/>
  <c r="N4107" i="5" s="1"/>
  <c r="K7464" i="2"/>
  <c r="K7438" i="5" s="1"/>
  <c r="O7438" i="5" s="1"/>
  <c r="J7464" i="2"/>
  <c r="J7438" i="5" s="1"/>
  <c r="N7438" i="5" s="1"/>
  <c r="L7464" i="2"/>
  <c r="L7438" i="5" s="1"/>
  <c r="I7464" i="2"/>
  <c r="I7438" i="5" s="1"/>
  <c r="M7464" i="2"/>
  <c r="M7438" i="5" s="1"/>
  <c r="L4993" i="2"/>
  <c r="L4967" i="5" s="1"/>
  <c r="M4993" i="2"/>
  <c r="M4967" i="5" s="1"/>
  <c r="I4993" i="2"/>
  <c r="I4967" i="5" s="1"/>
  <c r="K4993" i="2"/>
  <c r="K4967" i="5" s="1"/>
  <c r="O4967" i="5" s="1"/>
  <c r="J4993" i="2"/>
  <c r="J4967" i="5" s="1"/>
  <c r="N4967" i="5" s="1"/>
  <c r="J8355" i="2"/>
  <c r="J8329" i="5" s="1"/>
  <c r="N8329" i="5" s="1"/>
  <c r="M8355" i="2"/>
  <c r="M8329" i="5" s="1"/>
  <c r="L8355" i="2"/>
  <c r="L8329" i="5" s="1"/>
  <c r="I8355" i="2"/>
  <c r="I8329" i="5" s="1"/>
  <c r="K8355" i="2"/>
  <c r="K8329" i="5" s="1"/>
  <c r="O8329" i="5" s="1"/>
  <c r="M8777" i="2"/>
  <c r="M8751" i="5" s="1"/>
  <c r="J8777" i="2"/>
  <c r="J8751" i="5" s="1"/>
  <c r="N8751" i="5" s="1"/>
  <c r="L8777" i="2"/>
  <c r="L8751" i="5" s="1"/>
  <c r="I8777" i="2"/>
  <c r="I8751" i="5" s="1"/>
  <c r="K8777" i="2"/>
  <c r="K8751" i="5" s="1"/>
  <c r="O8751" i="5" s="1"/>
  <c r="L3942" i="2"/>
  <c r="L3916" i="5" s="1"/>
  <c r="M3942" i="2"/>
  <c r="M3916" i="5" s="1"/>
  <c r="J3942" i="2"/>
  <c r="J3916" i="5" s="1"/>
  <c r="N3916" i="5" s="1"/>
  <c r="I3942" i="2"/>
  <c r="I3916" i="5" s="1"/>
  <c r="K3942" i="2"/>
  <c r="K3916" i="5" s="1"/>
  <c r="O3916" i="5" s="1"/>
  <c r="M8033" i="2"/>
  <c r="M8007" i="5" s="1"/>
  <c r="L8033" i="2"/>
  <c r="L8007" i="5" s="1"/>
  <c r="K8033" i="2"/>
  <c r="K8007" i="5" s="1"/>
  <c r="O8007" i="5" s="1"/>
  <c r="J8033" i="2"/>
  <c r="J8007" i="5" s="1"/>
  <c r="N8007" i="5" s="1"/>
  <c r="I8033" i="2"/>
  <c r="I8007" i="5" s="1"/>
  <c r="C341" i="5"/>
  <c r="AR335" i="1"/>
  <c r="M7034" i="2"/>
  <c r="M7008" i="5" s="1"/>
  <c r="I7034" i="2"/>
  <c r="I7008" i="5" s="1"/>
  <c r="K7034" i="2"/>
  <c r="K7008" i="5" s="1"/>
  <c r="O7008" i="5" s="1"/>
  <c r="J7034" i="2"/>
  <c r="J7008" i="5" s="1"/>
  <c r="N7008" i="5" s="1"/>
  <c r="L7034" i="2"/>
  <c r="L7008" i="5" s="1"/>
  <c r="J3576" i="2"/>
  <c r="J3550" i="5" s="1"/>
  <c r="N3550" i="5" s="1"/>
  <c r="M3576" i="2"/>
  <c r="M3550" i="5" s="1"/>
  <c r="L3576" i="2"/>
  <c r="L3550" i="5" s="1"/>
  <c r="I3576" i="2"/>
  <c r="I3550" i="5" s="1"/>
  <c r="K3576" i="2"/>
  <c r="K3550" i="5" s="1"/>
  <c r="O3550" i="5" s="1"/>
  <c r="L1417" i="2"/>
  <c r="L1391" i="5" s="1"/>
  <c r="I1417" i="2"/>
  <c r="I1391" i="5" s="1"/>
  <c r="J1417" i="2"/>
  <c r="J1391" i="5" s="1"/>
  <c r="N1391" i="5" s="1"/>
  <c r="M1417" i="2"/>
  <c r="M1391" i="5" s="1"/>
  <c r="K1417" i="2"/>
  <c r="K1391" i="5" s="1"/>
  <c r="O1391" i="5" s="1"/>
  <c r="L4578" i="2"/>
  <c r="L4552" i="5" s="1"/>
  <c r="M4578" i="2"/>
  <c r="M4552" i="5" s="1"/>
  <c r="I4578" i="2"/>
  <c r="I4552" i="5" s="1"/>
  <c r="K4578" i="2"/>
  <c r="K4552" i="5" s="1"/>
  <c r="O4552" i="5" s="1"/>
  <c r="J4578" i="2"/>
  <c r="J4552" i="5" s="1"/>
  <c r="N4552" i="5" s="1"/>
  <c r="C197" i="5"/>
  <c r="AR191" i="1"/>
  <c r="K654" i="2"/>
  <c r="K628" i="5" s="1"/>
  <c r="O628" i="5" s="1"/>
  <c r="L654" i="2"/>
  <c r="L628" i="5" s="1"/>
  <c r="M654" i="2"/>
  <c r="M628" i="5" s="1"/>
  <c r="J654" i="2"/>
  <c r="J628" i="5" s="1"/>
  <c r="N628" i="5" s="1"/>
  <c r="I654" i="2"/>
  <c r="I628" i="5" s="1"/>
  <c r="L7500" i="2"/>
  <c r="L7474" i="5" s="1"/>
  <c r="K7500" i="2"/>
  <c r="K7474" i="5" s="1"/>
  <c r="O7474" i="5" s="1"/>
  <c r="M7500" i="2"/>
  <c r="M7474" i="5" s="1"/>
  <c r="I7500" i="2"/>
  <c r="I7474" i="5" s="1"/>
  <c r="J7500" i="2"/>
  <c r="J7474" i="5" s="1"/>
  <c r="N7474" i="5" s="1"/>
  <c r="J7498" i="2"/>
  <c r="J7472" i="5" s="1"/>
  <c r="N7472" i="5" s="1"/>
  <c r="L7498" i="2"/>
  <c r="L7472" i="5" s="1"/>
  <c r="M7498" i="2"/>
  <c r="M7472" i="5" s="1"/>
  <c r="I7498" i="2"/>
  <c r="I7472" i="5" s="1"/>
  <c r="K7498" i="2"/>
  <c r="K7472" i="5" s="1"/>
  <c r="O7472" i="5" s="1"/>
  <c r="J5655" i="2"/>
  <c r="J5629" i="5" s="1"/>
  <c r="N5629" i="5" s="1"/>
  <c r="L5655" i="2"/>
  <c r="L5629" i="5" s="1"/>
  <c r="M5655" i="2"/>
  <c r="M5629" i="5" s="1"/>
  <c r="I5655" i="2"/>
  <c r="I5629" i="5" s="1"/>
  <c r="K5655" i="2"/>
  <c r="K5629" i="5" s="1"/>
  <c r="O5629" i="5" s="1"/>
  <c r="K5827" i="2"/>
  <c r="K5801" i="5" s="1"/>
  <c r="O5801" i="5" s="1"/>
  <c r="L5827" i="2"/>
  <c r="L5801" i="5" s="1"/>
  <c r="J5827" i="2"/>
  <c r="J5801" i="5" s="1"/>
  <c r="N5801" i="5" s="1"/>
  <c r="I5827" i="2"/>
  <c r="I5801" i="5" s="1"/>
  <c r="M5827" i="2"/>
  <c r="M5801" i="5" s="1"/>
  <c r="C249" i="5"/>
  <c r="AR243" i="1"/>
  <c r="M6959" i="2"/>
  <c r="M6933" i="5" s="1"/>
  <c r="I6959" i="2"/>
  <c r="I6933" i="5" s="1"/>
  <c r="J6959" i="2"/>
  <c r="J6933" i="5" s="1"/>
  <c r="N6933" i="5" s="1"/>
  <c r="K6959" i="2"/>
  <c r="K6933" i="5" s="1"/>
  <c r="O6933" i="5" s="1"/>
  <c r="L6959" i="2"/>
  <c r="L6933" i="5" s="1"/>
  <c r="L1603" i="2"/>
  <c r="L1577" i="5" s="1"/>
  <c r="M1603" i="2"/>
  <c r="M1577" i="5" s="1"/>
  <c r="I1603" i="2"/>
  <c r="I1577" i="5" s="1"/>
  <c r="K1603" i="2"/>
  <c r="K1577" i="5" s="1"/>
  <c r="O1577" i="5" s="1"/>
  <c r="J1603" i="2"/>
  <c r="J1577" i="5" s="1"/>
  <c r="N1577" i="5" s="1"/>
  <c r="I1599" i="2"/>
  <c r="I1573" i="5" s="1"/>
  <c r="K1599" i="2"/>
  <c r="K1573" i="5" s="1"/>
  <c r="O1573" i="5" s="1"/>
  <c r="L1599" i="2"/>
  <c r="L1573" i="5" s="1"/>
  <c r="M1599" i="2"/>
  <c r="M1573" i="5" s="1"/>
  <c r="J1599" i="2"/>
  <c r="J1573" i="5" s="1"/>
  <c r="N1573" i="5" s="1"/>
  <c r="M7771" i="2"/>
  <c r="M7745" i="5" s="1"/>
  <c r="K7771" i="2"/>
  <c r="K7745" i="5" s="1"/>
  <c r="O7745" i="5" s="1"/>
  <c r="J7771" i="2"/>
  <c r="J7745" i="5" s="1"/>
  <c r="N7745" i="5" s="1"/>
  <c r="L7771" i="2"/>
  <c r="L7745" i="5" s="1"/>
  <c r="I7771" i="2"/>
  <c r="I7745" i="5" s="1"/>
  <c r="J3827" i="2"/>
  <c r="J3801" i="5" s="1"/>
  <c r="N3801" i="5" s="1"/>
  <c r="M3827" i="2"/>
  <c r="M3801" i="5" s="1"/>
  <c r="I3827" i="2"/>
  <c r="I3801" i="5" s="1"/>
  <c r="L3827" i="2"/>
  <c r="L3801" i="5" s="1"/>
  <c r="K3827" i="2"/>
  <c r="K3801" i="5" s="1"/>
  <c r="O3801" i="5" s="1"/>
  <c r="J3847" i="2"/>
  <c r="J3821" i="5" s="1"/>
  <c r="N3821" i="5" s="1"/>
  <c r="L3847" i="2"/>
  <c r="L3821" i="5" s="1"/>
  <c r="M3847" i="2"/>
  <c r="M3821" i="5" s="1"/>
  <c r="I3847" i="2"/>
  <c r="I3821" i="5" s="1"/>
  <c r="K3847" i="2"/>
  <c r="K3821" i="5" s="1"/>
  <c r="O3821" i="5" s="1"/>
  <c r="I5094" i="2"/>
  <c r="I5068" i="5" s="1"/>
  <c r="K5094" i="2"/>
  <c r="K5068" i="5" s="1"/>
  <c r="O5068" i="5" s="1"/>
  <c r="M5094" i="2"/>
  <c r="M5068" i="5" s="1"/>
  <c r="L5094" i="2"/>
  <c r="L5068" i="5" s="1"/>
  <c r="M6971" i="2"/>
  <c r="M6945" i="5" s="1"/>
  <c r="J6971" i="2"/>
  <c r="J6945" i="5" s="1"/>
  <c r="N6945" i="5" s="1"/>
  <c r="L6971" i="2"/>
  <c r="L6945" i="5" s="1"/>
  <c r="I6971" i="2"/>
  <c r="I6945" i="5" s="1"/>
  <c r="K6971" i="2"/>
  <c r="K6945" i="5" s="1"/>
  <c r="O6945" i="5" s="1"/>
  <c r="K6124" i="2"/>
  <c r="K6098" i="5" s="1"/>
  <c r="O6098" i="5" s="1"/>
  <c r="M6124" i="2"/>
  <c r="M6098" i="5" s="1"/>
  <c r="I6124" i="2"/>
  <c r="I6098" i="5" s="1"/>
  <c r="J6124" i="2"/>
  <c r="J6098" i="5" s="1"/>
  <c r="N6098" i="5" s="1"/>
  <c r="L6124" i="2"/>
  <c r="L6098" i="5" s="1"/>
  <c r="J8695" i="2"/>
  <c r="J8669" i="5" s="1"/>
  <c r="N8669" i="5" s="1"/>
  <c r="M8695" i="2"/>
  <c r="M8669" i="5" s="1"/>
  <c r="I8695" i="2"/>
  <c r="I8669" i="5" s="1"/>
  <c r="L8695" i="2"/>
  <c r="L8669" i="5" s="1"/>
  <c r="K8695" i="2"/>
  <c r="K8669" i="5" s="1"/>
  <c r="O8669" i="5" s="1"/>
  <c r="K4147" i="2"/>
  <c r="K4121" i="5" s="1"/>
  <c r="O4121" i="5" s="1"/>
  <c r="J4147" i="2"/>
  <c r="J4121" i="5" s="1"/>
  <c r="N4121" i="5" s="1"/>
  <c r="M4147" i="2"/>
  <c r="M4121" i="5" s="1"/>
  <c r="L4147" i="2"/>
  <c r="L4121" i="5" s="1"/>
  <c r="I4147" i="2"/>
  <c r="I4121" i="5" s="1"/>
  <c r="L3950" i="2"/>
  <c r="L3924" i="5" s="1"/>
  <c r="I3950" i="2"/>
  <c r="I3924" i="5" s="1"/>
  <c r="M3950" i="2"/>
  <c r="M3924" i="5" s="1"/>
  <c r="K3950" i="2"/>
  <c r="K3924" i="5" s="1"/>
  <c r="O3924" i="5" s="1"/>
  <c r="J3950" i="2"/>
  <c r="J3924" i="5" s="1"/>
  <c r="N3924" i="5" s="1"/>
  <c r="K7161" i="2"/>
  <c r="K7135" i="5" s="1"/>
  <c r="O7135" i="5" s="1"/>
  <c r="J7161" i="2"/>
  <c r="J7135" i="5" s="1"/>
  <c r="N7135" i="5" s="1"/>
  <c r="M7161" i="2"/>
  <c r="M7135" i="5" s="1"/>
  <c r="I7161" i="2"/>
  <c r="I7135" i="5" s="1"/>
  <c r="L7161" i="2"/>
  <c r="L7135" i="5" s="1"/>
  <c r="J4433" i="2"/>
  <c r="J4407" i="5" s="1"/>
  <c r="N4407" i="5" s="1"/>
  <c r="I4433" i="2"/>
  <c r="I4407" i="5" s="1"/>
  <c r="L4433" i="2"/>
  <c r="L4407" i="5" s="1"/>
  <c r="K4433" i="2"/>
  <c r="K4407" i="5" s="1"/>
  <c r="O4407" i="5" s="1"/>
  <c r="M4433" i="2"/>
  <c r="M4407" i="5" s="1"/>
  <c r="K4440" i="2"/>
  <c r="K4414" i="5" s="1"/>
  <c r="O4414" i="5" s="1"/>
  <c r="J4440" i="2"/>
  <c r="J4414" i="5" s="1"/>
  <c r="N4414" i="5" s="1"/>
  <c r="L4440" i="2"/>
  <c r="L4414" i="5" s="1"/>
  <c r="M4440" i="2"/>
  <c r="M4414" i="5" s="1"/>
  <c r="I4440" i="2"/>
  <c r="I4414" i="5" s="1"/>
  <c r="I759" i="2"/>
  <c r="I733" i="5" s="1"/>
  <c r="L759" i="2"/>
  <c r="L733" i="5" s="1"/>
  <c r="K759" i="2"/>
  <c r="K733" i="5" s="1"/>
  <c r="O733" i="5" s="1"/>
  <c r="M759" i="2"/>
  <c r="M733" i="5" s="1"/>
  <c r="J759" i="2"/>
  <c r="J733" i="5" s="1"/>
  <c r="N733" i="5" s="1"/>
  <c r="J769" i="2"/>
  <c r="J743" i="5" s="1"/>
  <c r="N743" i="5" s="1"/>
  <c r="L769" i="2"/>
  <c r="L743" i="5" s="1"/>
  <c r="M769" i="2"/>
  <c r="M743" i="5" s="1"/>
  <c r="I769" i="2"/>
  <c r="I743" i="5" s="1"/>
  <c r="K769" i="2"/>
  <c r="K743" i="5" s="1"/>
  <c r="O743" i="5" s="1"/>
  <c r="L3486" i="2"/>
  <c r="L3460" i="5" s="1"/>
  <c r="M3486" i="2"/>
  <c r="M3460" i="5" s="1"/>
  <c r="I3486" i="2"/>
  <c r="I3460" i="5" s="1"/>
  <c r="K3486" i="2"/>
  <c r="K3460" i="5" s="1"/>
  <c r="O3460" i="5" s="1"/>
  <c r="J3486" i="2"/>
  <c r="J3460" i="5" s="1"/>
  <c r="N3460" i="5" s="1"/>
  <c r="J3477" i="2"/>
  <c r="J3451" i="5" s="1"/>
  <c r="N3451" i="5" s="1"/>
  <c r="L3477" i="2"/>
  <c r="L3451" i="5" s="1"/>
  <c r="M3477" i="2"/>
  <c r="M3451" i="5" s="1"/>
  <c r="I3477" i="2"/>
  <c r="I3451" i="5" s="1"/>
  <c r="K3477" i="2"/>
  <c r="K3451" i="5" s="1"/>
  <c r="O3451" i="5" s="1"/>
  <c r="J2099" i="2"/>
  <c r="J2073" i="5" s="1"/>
  <c r="N2073" i="5" s="1"/>
  <c r="I2099" i="2"/>
  <c r="I2073" i="5" s="1"/>
  <c r="K2099" i="2"/>
  <c r="K2073" i="5" s="1"/>
  <c r="O2073" i="5" s="1"/>
  <c r="M2099" i="2"/>
  <c r="M2073" i="5" s="1"/>
  <c r="L2099" i="2"/>
  <c r="L2073" i="5" s="1"/>
  <c r="M5437" i="2"/>
  <c r="M5411" i="5" s="1"/>
  <c r="J5437" i="2"/>
  <c r="J5411" i="5" s="1"/>
  <c r="N5411" i="5" s="1"/>
  <c r="L5437" i="2"/>
  <c r="L5411" i="5" s="1"/>
  <c r="I5437" i="2"/>
  <c r="I5411" i="5" s="1"/>
  <c r="K5437" i="2"/>
  <c r="K5411" i="5" s="1"/>
  <c r="O5411" i="5" s="1"/>
  <c r="I1492" i="2"/>
  <c r="I1466" i="5" s="1"/>
  <c r="M1492" i="2"/>
  <c r="M1466" i="5" s="1"/>
  <c r="L1492" i="2"/>
  <c r="L1466" i="5" s="1"/>
  <c r="J1492" i="2"/>
  <c r="J1466" i="5" s="1"/>
  <c r="N1466" i="5" s="1"/>
  <c r="K1492" i="2"/>
  <c r="K1466" i="5" s="1"/>
  <c r="O1466" i="5" s="1"/>
  <c r="I8508" i="2"/>
  <c r="I8482" i="5" s="1"/>
  <c r="L8508" i="2"/>
  <c r="L8482" i="5" s="1"/>
  <c r="K8508" i="2"/>
  <c r="K8482" i="5" s="1"/>
  <c r="O8482" i="5" s="1"/>
  <c r="J8508" i="2"/>
  <c r="J8482" i="5" s="1"/>
  <c r="N8482" i="5" s="1"/>
  <c r="M8508" i="2"/>
  <c r="M8482" i="5" s="1"/>
  <c r="J5809" i="2"/>
  <c r="J5783" i="5" s="1"/>
  <c r="N5783" i="5" s="1"/>
  <c r="L5809" i="2"/>
  <c r="L5783" i="5" s="1"/>
  <c r="M5809" i="2"/>
  <c r="M5783" i="5" s="1"/>
  <c r="I5809" i="2"/>
  <c r="I5783" i="5" s="1"/>
  <c r="K5809" i="2"/>
  <c r="K5783" i="5" s="1"/>
  <c r="O5783" i="5" s="1"/>
  <c r="J5810" i="2"/>
  <c r="J5784" i="5" s="1"/>
  <c r="N5784" i="5" s="1"/>
  <c r="L5810" i="2"/>
  <c r="L5784" i="5" s="1"/>
  <c r="M5810" i="2"/>
  <c r="M5784" i="5" s="1"/>
  <c r="I5810" i="2"/>
  <c r="I5784" i="5" s="1"/>
  <c r="K5810" i="2"/>
  <c r="K5784" i="5" s="1"/>
  <c r="O5784" i="5" s="1"/>
  <c r="M69" i="2"/>
  <c r="M43" i="5" s="1"/>
  <c r="L69" i="2"/>
  <c r="L43" i="5" s="1"/>
  <c r="J69" i="2"/>
  <c r="J43" i="5" s="1"/>
  <c r="N43" i="5" s="1"/>
  <c r="I69" i="2"/>
  <c r="I43" i="5" s="1"/>
  <c r="K69" i="2"/>
  <c r="K43" i="5" s="1"/>
  <c r="O43" i="5" s="1"/>
  <c r="L77" i="2"/>
  <c r="L51" i="5" s="1"/>
  <c r="M77" i="2"/>
  <c r="M51" i="5" s="1"/>
  <c r="I77" i="2"/>
  <c r="I51" i="5" s="1"/>
  <c r="J77" i="2"/>
  <c r="J51" i="5" s="1"/>
  <c r="N51" i="5" s="1"/>
  <c r="K77" i="2"/>
  <c r="K51" i="5" s="1"/>
  <c r="O51" i="5" s="1"/>
  <c r="M2778" i="2"/>
  <c r="M2752" i="5" s="1"/>
  <c r="L2778" i="2"/>
  <c r="L2752" i="5" s="1"/>
  <c r="I2778" i="2"/>
  <c r="I2752" i="5" s="1"/>
  <c r="K2778" i="2"/>
  <c r="K2752" i="5" s="1"/>
  <c r="O2752" i="5" s="1"/>
  <c r="J2778" i="2"/>
  <c r="J2752" i="5" s="1"/>
  <c r="N2752" i="5" s="1"/>
  <c r="M1472" i="2"/>
  <c r="M1446" i="5" s="1"/>
  <c r="L1472" i="2"/>
  <c r="L1446" i="5" s="1"/>
  <c r="I1472" i="2"/>
  <c r="I1446" i="5" s="1"/>
  <c r="K1472" i="2"/>
  <c r="K1446" i="5" s="1"/>
  <c r="O1446" i="5" s="1"/>
  <c r="J1472" i="2"/>
  <c r="J1446" i="5" s="1"/>
  <c r="N1446" i="5" s="1"/>
  <c r="I8312" i="2"/>
  <c r="I8286" i="5" s="1"/>
  <c r="K8312" i="2"/>
  <c r="K8286" i="5" s="1"/>
  <c r="O8286" i="5" s="1"/>
  <c r="L8312" i="2"/>
  <c r="L8286" i="5" s="1"/>
  <c r="J8312" i="2"/>
  <c r="J8286" i="5" s="1"/>
  <c r="N8286" i="5" s="1"/>
  <c r="M8312" i="2"/>
  <c r="M8286" i="5" s="1"/>
  <c r="M1210" i="2"/>
  <c r="M1184" i="5" s="1"/>
  <c r="L1210" i="2"/>
  <c r="L1184" i="5" s="1"/>
  <c r="I1210" i="2"/>
  <c r="I1184" i="5" s="1"/>
  <c r="K1210" i="2"/>
  <c r="K1184" i="5" s="1"/>
  <c r="O1184" i="5" s="1"/>
  <c r="J1210" i="2"/>
  <c r="J1184" i="5" s="1"/>
  <c r="N1184" i="5" s="1"/>
  <c r="K5127" i="2"/>
  <c r="K5101" i="5" s="1"/>
  <c r="O5101" i="5" s="1"/>
  <c r="L5127" i="2"/>
  <c r="L5101" i="5" s="1"/>
  <c r="M5127" i="2"/>
  <c r="M5101" i="5" s="1"/>
  <c r="J5127" i="2"/>
  <c r="J5101" i="5" s="1"/>
  <c r="N5101" i="5" s="1"/>
  <c r="I5127" i="2"/>
  <c r="I5101" i="5" s="1"/>
  <c r="K6014" i="2"/>
  <c r="K5988" i="5" s="1"/>
  <c r="O5988" i="5" s="1"/>
  <c r="J6014" i="2"/>
  <c r="J5988" i="5" s="1"/>
  <c r="N5988" i="5" s="1"/>
  <c r="M6014" i="2"/>
  <c r="M5988" i="5" s="1"/>
  <c r="L6014" i="2"/>
  <c r="L5988" i="5" s="1"/>
  <c r="I6014" i="2"/>
  <c r="I5988" i="5" s="1"/>
  <c r="L52" i="2"/>
  <c r="L26" i="5" s="1"/>
  <c r="M52" i="2"/>
  <c r="M26" i="5" s="1"/>
  <c r="J52" i="2"/>
  <c r="J26" i="5" s="1"/>
  <c r="N26" i="5" s="1"/>
  <c r="K52" i="2"/>
  <c r="K26" i="5" s="1"/>
  <c r="O26" i="5" s="1"/>
  <c r="I52" i="2"/>
  <c r="I26" i="5" s="1"/>
  <c r="L5281" i="2"/>
  <c r="L5255" i="5" s="1"/>
  <c r="M5281" i="2"/>
  <c r="M5255" i="5" s="1"/>
  <c r="I5281" i="2"/>
  <c r="I5255" i="5" s="1"/>
  <c r="K5281" i="2"/>
  <c r="K5255" i="5" s="1"/>
  <c r="O5255" i="5" s="1"/>
  <c r="J5281" i="2"/>
  <c r="J5255" i="5" s="1"/>
  <c r="N5255" i="5" s="1"/>
  <c r="J7656" i="2"/>
  <c r="J7630" i="5" s="1"/>
  <c r="N7630" i="5" s="1"/>
  <c r="L7656" i="2"/>
  <c r="L7630" i="5" s="1"/>
  <c r="M7656" i="2"/>
  <c r="M7630" i="5" s="1"/>
  <c r="K7656" i="2"/>
  <c r="K7630" i="5" s="1"/>
  <c r="O7630" i="5" s="1"/>
  <c r="I7656" i="2"/>
  <c r="I7630" i="5" s="1"/>
  <c r="J7642" i="2"/>
  <c r="J7616" i="5" s="1"/>
  <c r="N7616" i="5" s="1"/>
  <c r="M7642" i="2"/>
  <c r="M7616" i="5" s="1"/>
  <c r="I7642" i="2"/>
  <c r="I7616" i="5" s="1"/>
  <c r="K7642" i="2"/>
  <c r="K7616" i="5" s="1"/>
  <c r="O7616" i="5" s="1"/>
  <c r="L7642" i="2"/>
  <c r="L7616" i="5" s="1"/>
  <c r="L1058" i="2"/>
  <c r="L1032" i="5" s="1"/>
  <c r="M1058" i="2"/>
  <c r="M1032" i="5" s="1"/>
  <c r="J1058" i="2"/>
  <c r="J1032" i="5" s="1"/>
  <c r="N1032" i="5" s="1"/>
  <c r="I1058" i="2"/>
  <c r="I1032" i="5" s="1"/>
  <c r="K1058" i="2"/>
  <c r="K1032" i="5" s="1"/>
  <c r="O1032" i="5" s="1"/>
  <c r="M1046" i="2"/>
  <c r="M1020" i="5" s="1"/>
  <c r="J1046" i="2"/>
  <c r="J1020" i="5" s="1"/>
  <c r="N1020" i="5" s="1"/>
  <c r="I1046" i="2"/>
  <c r="I1020" i="5" s="1"/>
  <c r="L1046" i="2"/>
  <c r="L1020" i="5" s="1"/>
  <c r="K1046" i="2"/>
  <c r="K1020" i="5" s="1"/>
  <c r="O1020" i="5" s="1"/>
  <c r="M4815" i="2"/>
  <c r="M4789" i="5" s="1"/>
  <c r="L4815" i="2"/>
  <c r="L4789" i="5" s="1"/>
  <c r="I4815" i="2"/>
  <c r="I4789" i="5" s="1"/>
  <c r="K4815" i="2"/>
  <c r="K4789" i="5" s="1"/>
  <c r="O4789" i="5" s="1"/>
  <c r="J4815" i="2"/>
  <c r="J4789" i="5" s="1"/>
  <c r="N4789" i="5" s="1"/>
  <c r="J4825" i="2"/>
  <c r="J4799" i="5" s="1"/>
  <c r="N4799" i="5" s="1"/>
  <c r="M4825" i="2"/>
  <c r="M4799" i="5" s="1"/>
  <c r="L4825" i="2"/>
  <c r="L4799" i="5" s="1"/>
  <c r="I4825" i="2"/>
  <c r="I4799" i="5" s="1"/>
  <c r="K4825" i="2"/>
  <c r="K4799" i="5" s="1"/>
  <c r="O4799" i="5" s="1"/>
  <c r="M2275" i="2"/>
  <c r="M2249" i="5" s="1"/>
  <c r="I2275" i="2"/>
  <c r="I2249" i="5" s="1"/>
  <c r="K2275" i="2"/>
  <c r="K2249" i="5" s="1"/>
  <c r="O2249" i="5" s="1"/>
  <c r="J2275" i="2"/>
  <c r="J2249" i="5" s="1"/>
  <c r="N2249" i="5" s="1"/>
  <c r="L2275" i="2"/>
  <c r="L2249" i="5" s="1"/>
  <c r="C101" i="5"/>
  <c r="AR95" i="1"/>
  <c r="I6468" i="2"/>
  <c r="I6442" i="5" s="1"/>
  <c r="K6468" i="2"/>
  <c r="K6442" i="5" s="1"/>
  <c r="O6442" i="5" s="1"/>
  <c r="J6468" i="2"/>
  <c r="J6442" i="5" s="1"/>
  <c r="N6442" i="5" s="1"/>
  <c r="L6468" i="2"/>
  <c r="L6442" i="5" s="1"/>
  <c r="M6468" i="2"/>
  <c r="M6442" i="5" s="1"/>
  <c r="J2649" i="2"/>
  <c r="J2623" i="5" s="1"/>
  <c r="N2623" i="5" s="1"/>
  <c r="L2649" i="2"/>
  <c r="L2623" i="5" s="1"/>
  <c r="M2649" i="2"/>
  <c r="M2623" i="5" s="1"/>
  <c r="I2649" i="2"/>
  <c r="I2623" i="5" s="1"/>
  <c r="K2649" i="2"/>
  <c r="K2623" i="5" s="1"/>
  <c r="O2623" i="5" s="1"/>
  <c r="L3111" i="2"/>
  <c r="L3085" i="5" s="1"/>
  <c r="K3111" i="2"/>
  <c r="K3085" i="5" s="1"/>
  <c r="O3085" i="5" s="1"/>
  <c r="J3111" i="2"/>
  <c r="J3085" i="5" s="1"/>
  <c r="N3085" i="5" s="1"/>
  <c r="M3111" i="2"/>
  <c r="M3085" i="5" s="1"/>
  <c r="I3111" i="2"/>
  <c r="I3085" i="5" s="1"/>
  <c r="I7000" i="2"/>
  <c r="I6974" i="5" s="1"/>
  <c r="L7000" i="2"/>
  <c r="L6974" i="5" s="1"/>
  <c r="K7000" i="2"/>
  <c r="K6974" i="5" s="1"/>
  <c r="O6974" i="5" s="1"/>
  <c r="J7000" i="2"/>
  <c r="J6974" i="5" s="1"/>
  <c r="N6974" i="5" s="1"/>
  <c r="M7000" i="2"/>
  <c r="M6974" i="5" s="1"/>
  <c r="K6999" i="2"/>
  <c r="K6973" i="5" s="1"/>
  <c r="O6973" i="5" s="1"/>
  <c r="J6999" i="2"/>
  <c r="J6973" i="5" s="1"/>
  <c r="N6973" i="5" s="1"/>
  <c r="M6999" i="2"/>
  <c r="M6973" i="5" s="1"/>
  <c r="I6999" i="2"/>
  <c r="I6973" i="5" s="1"/>
  <c r="K1305" i="2"/>
  <c r="K1279" i="5" s="1"/>
  <c r="O1279" i="5" s="1"/>
  <c r="L1305" i="2"/>
  <c r="L1279" i="5" s="1"/>
  <c r="I1305" i="2"/>
  <c r="I1279" i="5" s="1"/>
  <c r="J1305" i="2"/>
  <c r="J1279" i="5" s="1"/>
  <c r="N1279" i="5" s="1"/>
  <c r="M1305" i="2"/>
  <c r="M1279" i="5" s="1"/>
  <c r="L5968" i="2"/>
  <c r="L5942" i="5" s="1"/>
  <c r="M5968" i="2"/>
  <c r="M5942" i="5" s="1"/>
  <c r="I5968" i="2"/>
  <c r="I5942" i="5" s="1"/>
  <c r="K5968" i="2"/>
  <c r="K5942" i="5" s="1"/>
  <c r="O5942" i="5" s="1"/>
  <c r="J5968" i="2"/>
  <c r="J5942" i="5" s="1"/>
  <c r="N5942" i="5" s="1"/>
  <c r="I3086" i="2"/>
  <c r="I3060" i="5" s="1"/>
  <c r="K3086" i="2"/>
  <c r="K3060" i="5" s="1"/>
  <c r="O3060" i="5" s="1"/>
  <c r="J3086" i="2"/>
  <c r="J3060" i="5" s="1"/>
  <c r="N3060" i="5" s="1"/>
  <c r="M3086" i="2"/>
  <c r="M3060" i="5" s="1"/>
  <c r="L3086" i="2"/>
  <c r="L3060" i="5" s="1"/>
  <c r="K1110" i="2"/>
  <c r="K1084" i="5" s="1"/>
  <c r="O1084" i="5" s="1"/>
  <c r="L1110" i="2"/>
  <c r="L1084" i="5" s="1"/>
  <c r="M1110" i="2"/>
  <c r="M1084" i="5" s="1"/>
  <c r="I1110" i="2"/>
  <c r="I1084" i="5" s="1"/>
  <c r="J1110" i="2"/>
  <c r="J1084" i="5" s="1"/>
  <c r="N1084" i="5" s="1"/>
  <c r="J1106" i="2"/>
  <c r="J1080" i="5" s="1"/>
  <c r="N1080" i="5" s="1"/>
  <c r="M1106" i="2"/>
  <c r="M1080" i="5" s="1"/>
  <c r="I1106" i="2"/>
  <c r="I1080" i="5" s="1"/>
  <c r="L1106" i="2"/>
  <c r="L1080" i="5" s="1"/>
  <c r="K1106" i="2"/>
  <c r="K1080" i="5" s="1"/>
  <c r="O1080" i="5" s="1"/>
  <c r="J479" i="2"/>
  <c r="J453" i="5" s="1"/>
  <c r="N453" i="5" s="1"/>
  <c r="L479" i="2"/>
  <c r="L453" i="5" s="1"/>
  <c r="M479" i="2"/>
  <c r="M453" i="5" s="1"/>
  <c r="I479" i="2"/>
  <c r="I453" i="5" s="1"/>
  <c r="K479" i="2"/>
  <c r="K453" i="5" s="1"/>
  <c r="O453" i="5" s="1"/>
  <c r="K468" i="2"/>
  <c r="K442" i="5" s="1"/>
  <c r="O442" i="5" s="1"/>
  <c r="I468" i="2"/>
  <c r="I442" i="5" s="1"/>
  <c r="M468" i="2"/>
  <c r="M442" i="5" s="1"/>
  <c r="J468" i="2"/>
  <c r="J442" i="5" s="1"/>
  <c r="N442" i="5" s="1"/>
  <c r="L468" i="2"/>
  <c r="L442" i="5" s="1"/>
  <c r="M249" i="2"/>
  <c r="M223" i="5" s="1"/>
  <c r="L249" i="2"/>
  <c r="L223" i="5" s="1"/>
  <c r="I249" i="2"/>
  <c r="I223" i="5" s="1"/>
  <c r="K249" i="2"/>
  <c r="K223" i="5" s="1"/>
  <c r="O223" i="5" s="1"/>
  <c r="J249" i="2"/>
  <c r="J223" i="5" s="1"/>
  <c r="N223" i="5" s="1"/>
  <c r="L6943" i="2"/>
  <c r="L6917" i="5" s="1"/>
  <c r="M6943" i="2"/>
  <c r="M6917" i="5" s="1"/>
  <c r="I6943" i="2"/>
  <c r="I6917" i="5" s="1"/>
  <c r="J6943" i="2"/>
  <c r="J6917" i="5" s="1"/>
  <c r="N6917" i="5" s="1"/>
  <c r="K6943" i="2"/>
  <c r="K6917" i="5" s="1"/>
  <c r="O6917" i="5" s="1"/>
  <c r="L5490" i="2"/>
  <c r="L5464" i="5" s="1"/>
  <c r="M5490" i="2"/>
  <c r="M5464" i="5" s="1"/>
  <c r="I5490" i="2"/>
  <c r="I5464" i="5" s="1"/>
  <c r="K5490" i="2"/>
  <c r="K5464" i="5" s="1"/>
  <c r="O5464" i="5" s="1"/>
  <c r="J5490" i="2"/>
  <c r="J5464" i="5" s="1"/>
  <c r="N5464" i="5" s="1"/>
  <c r="I4743" i="2"/>
  <c r="I4717" i="5" s="1"/>
  <c r="K4743" i="2"/>
  <c r="K4717" i="5" s="1"/>
  <c r="O4717" i="5" s="1"/>
  <c r="J4743" i="2"/>
  <c r="J4717" i="5" s="1"/>
  <c r="N4717" i="5" s="1"/>
  <c r="M4743" i="2"/>
  <c r="M4717" i="5" s="1"/>
  <c r="L4743" i="2"/>
  <c r="L4717" i="5" s="1"/>
  <c r="J4738" i="2"/>
  <c r="J4712" i="5" s="1"/>
  <c r="N4712" i="5" s="1"/>
  <c r="M4738" i="2"/>
  <c r="M4712" i="5" s="1"/>
  <c r="L4738" i="2"/>
  <c r="L4712" i="5" s="1"/>
  <c r="I4738" i="2"/>
  <c r="I4712" i="5" s="1"/>
  <c r="K4738" i="2"/>
  <c r="K4712" i="5" s="1"/>
  <c r="O4712" i="5" s="1"/>
  <c r="I8154" i="2"/>
  <c r="I8128" i="5" s="1"/>
  <c r="M8154" i="2"/>
  <c r="M8128" i="5" s="1"/>
  <c r="K8154" i="2"/>
  <c r="K8128" i="5" s="1"/>
  <c r="O8128" i="5" s="1"/>
  <c r="J8154" i="2"/>
  <c r="J8128" i="5" s="1"/>
  <c r="N8128" i="5" s="1"/>
  <c r="L8154" i="2"/>
  <c r="L8128" i="5" s="1"/>
  <c r="J8156" i="2"/>
  <c r="J8130" i="5" s="1"/>
  <c r="N8130" i="5" s="1"/>
  <c r="L8156" i="2"/>
  <c r="L8130" i="5" s="1"/>
  <c r="I8156" i="2"/>
  <c r="I8130" i="5" s="1"/>
  <c r="M8156" i="2"/>
  <c r="M8130" i="5" s="1"/>
  <c r="K8156" i="2"/>
  <c r="K8130" i="5" s="1"/>
  <c r="O8130" i="5" s="1"/>
  <c r="K1901" i="2"/>
  <c r="K1875" i="5" s="1"/>
  <c r="O1875" i="5" s="1"/>
  <c r="M1901" i="2"/>
  <c r="M1875" i="5" s="1"/>
  <c r="I1901" i="2"/>
  <c r="I1875" i="5" s="1"/>
  <c r="L1901" i="2"/>
  <c r="L1875" i="5" s="1"/>
  <c r="J1901" i="2"/>
  <c r="J1875" i="5" s="1"/>
  <c r="N1875" i="5" s="1"/>
  <c r="J1890" i="2"/>
  <c r="J1864" i="5" s="1"/>
  <c r="N1864" i="5" s="1"/>
  <c r="L1890" i="2"/>
  <c r="L1864" i="5" s="1"/>
  <c r="M1890" i="2"/>
  <c r="M1864" i="5" s="1"/>
  <c r="I1890" i="2"/>
  <c r="I1864" i="5" s="1"/>
  <c r="K1890" i="2"/>
  <c r="K1864" i="5" s="1"/>
  <c r="O1864" i="5" s="1"/>
  <c r="J4781" i="2"/>
  <c r="J4755" i="5" s="1"/>
  <c r="N4755" i="5" s="1"/>
  <c r="M4781" i="2"/>
  <c r="M4755" i="5" s="1"/>
  <c r="L4781" i="2"/>
  <c r="L4755" i="5" s="1"/>
  <c r="I4781" i="2"/>
  <c r="I4755" i="5" s="1"/>
  <c r="K4781" i="2"/>
  <c r="K4755" i="5" s="1"/>
  <c r="O4755" i="5" s="1"/>
  <c r="M4773" i="2"/>
  <c r="M4747" i="5" s="1"/>
  <c r="J4773" i="2"/>
  <c r="J4747" i="5" s="1"/>
  <c r="N4747" i="5" s="1"/>
  <c r="L4773" i="2"/>
  <c r="L4747" i="5" s="1"/>
  <c r="I4773" i="2"/>
  <c r="I4747" i="5" s="1"/>
  <c r="K4773" i="2"/>
  <c r="K4747" i="5" s="1"/>
  <c r="O4747" i="5" s="1"/>
  <c r="I3678" i="2"/>
  <c r="I3652" i="5" s="1"/>
  <c r="K3678" i="2"/>
  <c r="K3652" i="5" s="1"/>
  <c r="O3652" i="5" s="1"/>
  <c r="J3678" i="2"/>
  <c r="J3652" i="5" s="1"/>
  <c r="N3652" i="5" s="1"/>
  <c r="L3678" i="2"/>
  <c r="L3652" i="5" s="1"/>
  <c r="M3678" i="2"/>
  <c r="M3652" i="5" s="1"/>
  <c r="J3664" i="2"/>
  <c r="J3638" i="5" s="1"/>
  <c r="N3638" i="5" s="1"/>
  <c r="M3664" i="2"/>
  <c r="M3638" i="5" s="1"/>
  <c r="I3664" i="2"/>
  <c r="I3638" i="5" s="1"/>
  <c r="K3664" i="2"/>
  <c r="K3638" i="5" s="1"/>
  <c r="O3638" i="5" s="1"/>
  <c r="L3664" i="2"/>
  <c r="L3638" i="5" s="1"/>
  <c r="I5634" i="2"/>
  <c r="I5608" i="5" s="1"/>
  <c r="K5634" i="2"/>
  <c r="K5608" i="5" s="1"/>
  <c r="O5608" i="5" s="1"/>
  <c r="J5634" i="2"/>
  <c r="J5608" i="5" s="1"/>
  <c r="N5608" i="5" s="1"/>
  <c r="L5634" i="2"/>
  <c r="L5608" i="5" s="1"/>
  <c r="M5634" i="2"/>
  <c r="M5608" i="5" s="1"/>
  <c r="L2064" i="2"/>
  <c r="L2038" i="5" s="1"/>
  <c r="M2064" i="2"/>
  <c r="M2038" i="5" s="1"/>
  <c r="J2064" i="2"/>
  <c r="J2038" i="5" s="1"/>
  <c r="N2038" i="5" s="1"/>
  <c r="I2064" i="2"/>
  <c r="I2038" i="5" s="1"/>
  <c r="K2064" i="2"/>
  <c r="K2038" i="5" s="1"/>
  <c r="O2038" i="5" s="1"/>
  <c r="J7632" i="2"/>
  <c r="J7606" i="5" s="1"/>
  <c r="N7606" i="5" s="1"/>
  <c r="K7632" i="2"/>
  <c r="K7606" i="5" s="1"/>
  <c r="O7606" i="5" s="1"/>
  <c r="M7632" i="2"/>
  <c r="M7606" i="5" s="1"/>
  <c r="L7632" i="2"/>
  <c r="L7606" i="5" s="1"/>
  <c r="I7632" i="2"/>
  <c r="I7606" i="5" s="1"/>
  <c r="M4455" i="2"/>
  <c r="M4429" i="5" s="1"/>
  <c r="I4455" i="2"/>
  <c r="I4429" i="5" s="1"/>
  <c r="J4455" i="2"/>
  <c r="J4429" i="5" s="1"/>
  <c r="N4429" i="5" s="1"/>
  <c r="L4455" i="2"/>
  <c r="L4429" i="5" s="1"/>
  <c r="K4455" i="2"/>
  <c r="K4429" i="5" s="1"/>
  <c r="O4429" i="5" s="1"/>
  <c r="I7677" i="2"/>
  <c r="I7651" i="5" s="1"/>
  <c r="M7677" i="2"/>
  <c r="M7651" i="5" s="1"/>
  <c r="K7677" i="2"/>
  <c r="K7651" i="5" s="1"/>
  <c r="O7651" i="5" s="1"/>
  <c r="J7677" i="2"/>
  <c r="J7651" i="5" s="1"/>
  <c r="N7651" i="5" s="1"/>
  <c r="L7677" i="2"/>
  <c r="L7651" i="5" s="1"/>
  <c r="L4169" i="2"/>
  <c r="L4143" i="5" s="1"/>
  <c r="M4169" i="2"/>
  <c r="M4143" i="5" s="1"/>
  <c r="I4169" i="2"/>
  <c r="I4143" i="5" s="1"/>
  <c r="K4169" i="2"/>
  <c r="K4143" i="5" s="1"/>
  <c r="O4143" i="5" s="1"/>
  <c r="J4169" i="2"/>
  <c r="J4143" i="5" s="1"/>
  <c r="N4143" i="5" s="1"/>
  <c r="L2391" i="2"/>
  <c r="L2365" i="5" s="1"/>
  <c r="M2391" i="2"/>
  <c r="M2365" i="5" s="1"/>
  <c r="I2391" i="2"/>
  <c r="I2365" i="5" s="1"/>
  <c r="K2391" i="2"/>
  <c r="K2365" i="5" s="1"/>
  <c r="O2365" i="5" s="1"/>
  <c r="J2391" i="2"/>
  <c r="J2365" i="5" s="1"/>
  <c r="N2365" i="5" s="1"/>
  <c r="L8646" i="2"/>
  <c r="L8620" i="5" s="1"/>
  <c r="I8646" i="2"/>
  <c r="I8620" i="5" s="1"/>
  <c r="K8646" i="2"/>
  <c r="K8620" i="5" s="1"/>
  <c r="O8620" i="5" s="1"/>
  <c r="M8646" i="2"/>
  <c r="M8620" i="5" s="1"/>
  <c r="J8646" i="2"/>
  <c r="J8620" i="5" s="1"/>
  <c r="N8620" i="5" s="1"/>
  <c r="I3654" i="2"/>
  <c r="I3628" i="5" s="1"/>
  <c r="K3654" i="2"/>
  <c r="K3628" i="5" s="1"/>
  <c r="O3628" i="5" s="1"/>
  <c r="L3654" i="2"/>
  <c r="L3628" i="5" s="1"/>
  <c r="M3654" i="2"/>
  <c r="M3628" i="5" s="1"/>
  <c r="J3654" i="2"/>
  <c r="J3628" i="5" s="1"/>
  <c r="N3628" i="5" s="1"/>
  <c r="J3639" i="2"/>
  <c r="J3613" i="5" s="1"/>
  <c r="N3613" i="5" s="1"/>
  <c r="L3639" i="2"/>
  <c r="L3613" i="5" s="1"/>
  <c r="M3639" i="2"/>
  <c r="M3613" i="5" s="1"/>
  <c r="I3639" i="2"/>
  <c r="I3613" i="5" s="1"/>
  <c r="K3639" i="2"/>
  <c r="K3613" i="5" s="1"/>
  <c r="O3613" i="5" s="1"/>
  <c r="J3591" i="2"/>
  <c r="J3565" i="5" s="1"/>
  <c r="N3565" i="5" s="1"/>
  <c r="M3591" i="2"/>
  <c r="M3565" i="5" s="1"/>
  <c r="L3591" i="2"/>
  <c r="L3565" i="5" s="1"/>
  <c r="I3591" i="2"/>
  <c r="I3565" i="5" s="1"/>
  <c r="K3591" i="2"/>
  <c r="K3565" i="5" s="1"/>
  <c r="O3565" i="5" s="1"/>
  <c r="K5517" i="2"/>
  <c r="K5491" i="5" s="1"/>
  <c r="O5491" i="5" s="1"/>
  <c r="J5517" i="2"/>
  <c r="J5491" i="5" s="1"/>
  <c r="N5491" i="5" s="1"/>
  <c r="M5517" i="2"/>
  <c r="M5491" i="5" s="1"/>
  <c r="L5517" i="2"/>
  <c r="L5491" i="5" s="1"/>
  <c r="I5517" i="2"/>
  <c r="I5491" i="5" s="1"/>
  <c r="K5255" i="2"/>
  <c r="K5229" i="5" s="1"/>
  <c r="O5229" i="5" s="1"/>
  <c r="M5255" i="2"/>
  <c r="M5229" i="5" s="1"/>
  <c r="J5255" i="2"/>
  <c r="J5229" i="5" s="1"/>
  <c r="N5229" i="5" s="1"/>
  <c r="L5255" i="2"/>
  <c r="L5229" i="5" s="1"/>
  <c r="I5255" i="2"/>
  <c r="I5229" i="5" s="1"/>
  <c r="K6605" i="2"/>
  <c r="K6579" i="5" s="1"/>
  <c r="O6579" i="5" s="1"/>
  <c r="J6605" i="2"/>
  <c r="J6579" i="5" s="1"/>
  <c r="N6579" i="5" s="1"/>
  <c r="L6605" i="2"/>
  <c r="L6579" i="5" s="1"/>
  <c r="M6605" i="2"/>
  <c r="M6579" i="5" s="1"/>
  <c r="I6605" i="2"/>
  <c r="I6579" i="5" s="1"/>
  <c r="I2501" i="2"/>
  <c r="I2475" i="5" s="1"/>
  <c r="K2501" i="2"/>
  <c r="K2475" i="5" s="1"/>
  <c r="O2475" i="5" s="1"/>
  <c r="L2501" i="2"/>
  <c r="L2475" i="5" s="1"/>
  <c r="M2501" i="2"/>
  <c r="M2475" i="5" s="1"/>
  <c r="J2501" i="2"/>
  <c r="J2475" i="5" s="1"/>
  <c r="N2475" i="5" s="1"/>
  <c r="M2591" i="2"/>
  <c r="M2565" i="5" s="1"/>
  <c r="I2591" i="2"/>
  <c r="I2565" i="5" s="1"/>
  <c r="K2591" i="2"/>
  <c r="K2565" i="5" s="1"/>
  <c r="O2565" i="5" s="1"/>
  <c r="J2591" i="2"/>
  <c r="J2565" i="5" s="1"/>
  <c r="N2565" i="5" s="1"/>
  <c r="L2591" i="2"/>
  <c r="L2565" i="5" s="1"/>
  <c r="L6298" i="2"/>
  <c r="L6272" i="5" s="1"/>
  <c r="J6298" i="2"/>
  <c r="J6272" i="5" s="1"/>
  <c r="N6272" i="5" s="1"/>
  <c r="M6298" i="2"/>
  <c r="M6272" i="5" s="1"/>
  <c r="I6298" i="2"/>
  <c r="I6272" i="5" s="1"/>
  <c r="K6298" i="2"/>
  <c r="K6272" i="5" s="1"/>
  <c r="O6272" i="5" s="1"/>
  <c r="I3789" i="2"/>
  <c r="I3763" i="5" s="1"/>
  <c r="K3789" i="2"/>
  <c r="K3763" i="5" s="1"/>
  <c r="O3763" i="5" s="1"/>
  <c r="M3789" i="2"/>
  <c r="M3763" i="5" s="1"/>
  <c r="J3789" i="2"/>
  <c r="J3763" i="5" s="1"/>
  <c r="N3763" i="5" s="1"/>
  <c r="L3789" i="2"/>
  <c r="L3763" i="5" s="1"/>
  <c r="M2155" i="2"/>
  <c r="M2129" i="5" s="1"/>
  <c r="K2155" i="2"/>
  <c r="K2129" i="5" s="1"/>
  <c r="O2129" i="5" s="1"/>
  <c r="L2155" i="2"/>
  <c r="L2129" i="5" s="1"/>
  <c r="I2155" i="2"/>
  <c r="I2129" i="5" s="1"/>
  <c r="J2155" i="2"/>
  <c r="J2129" i="5" s="1"/>
  <c r="N2129" i="5" s="1"/>
  <c r="K6278" i="2"/>
  <c r="K6252" i="5" s="1"/>
  <c r="O6252" i="5" s="1"/>
  <c r="M6278" i="2"/>
  <c r="M6252" i="5" s="1"/>
  <c r="L6278" i="2"/>
  <c r="L6252" i="5" s="1"/>
  <c r="I6278" i="2"/>
  <c r="I6252" i="5" s="1"/>
  <c r="J6278" i="2"/>
  <c r="J6252" i="5" s="1"/>
  <c r="N6252" i="5" s="1"/>
  <c r="C268" i="5"/>
  <c r="AR262" i="1"/>
  <c r="M3427" i="2"/>
  <c r="M3401" i="5" s="1"/>
  <c r="K3427" i="2"/>
  <c r="K3401" i="5" s="1"/>
  <c r="O3401" i="5" s="1"/>
  <c r="J3427" i="2"/>
  <c r="J3401" i="5" s="1"/>
  <c r="N3401" i="5" s="1"/>
  <c r="L3427" i="2"/>
  <c r="L3401" i="5" s="1"/>
  <c r="I3427" i="2"/>
  <c r="I3401" i="5" s="1"/>
  <c r="M6800" i="2"/>
  <c r="M6774" i="5" s="1"/>
  <c r="I6800" i="2"/>
  <c r="I6774" i="5" s="1"/>
  <c r="L6800" i="2"/>
  <c r="L6774" i="5" s="1"/>
  <c r="K6800" i="2"/>
  <c r="K6774" i="5" s="1"/>
  <c r="O6774" i="5" s="1"/>
  <c r="J6800" i="2"/>
  <c r="J6774" i="5" s="1"/>
  <c r="N6774" i="5" s="1"/>
  <c r="M7294" i="2"/>
  <c r="M7268" i="5" s="1"/>
  <c r="I7294" i="2"/>
  <c r="I7268" i="5" s="1"/>
  <c r="L7294" i="2"/>
  <c r="L7268" i="5" s="1"/>
  <c r="K7294" i="2"/>
  <c r="K7268" i="5" s="1"/>
  <c r="O7268" i="5" s="1"/>
  <c r="J7294" i="2"/>
  <c r="J7268" i="5" s="1"/>
  <c r="N7268" i="5" s="1"/>
  <c r="K1252" i="2"/>
  <c r="K1226" i="5" s="1"/>
  <c r="O1226" i="5" s="1"/>
  <c r="L1252" i="2"/>
  <c r="L1226" i="5" s="1"/>
  <c r="I1252" i="2"/>
  <c r="I1226" i="5" s="1"/>
  <c r="M1252" i="2"/>
  <c r="M1226" i="5" s="1"/>
  <c r="J1252" i="2"/>
  <c r="J1226" i="5" s="1"/>
  <c r="N1226" i="5" s="1"/>
  <c r="J3287" i="2"/>
  <c r="J3261" i="5" s="1"/>
  <c r="N3261" i="5" s="1"/>
  <c r="L3287" i="2"/>
  <c r="L3261" i="5" s="1"/>
  <c r="I3287" i="2"/>
  <c r="I3261" i="5" s="1"/>
  <c r="M3287" i="2"/>
  <c r="M3261" i="5" s="1"/>
  <c r="K3287" i="2"/>
  <c r="K3261" i="5" s="1"/>
  <c r="O3261" i="5" s="1"/>
  <c r="J3275" i="2"/>
  <c r="J3249" i="5" s="1"/>
  <c r="N3249" i="5" s="1"/>
  <c r="L3275" i="2"/>
  <c r="L3249" i="5" s="1"/>
  <c r="M3275" i="2"/>
  <c r="M3249" i="5" s="1"/>
  <c r="I3275" i="2"/>
  <c r="I3249" i="5" s="1"/>
  <c r="K3275" i="2"/>
  <c r="K3249" i="5" s="1"/>
  <c r="O3249" i="5" s="1"/>
  <c r="J6823" i="2"/>
  <c r="J6797" i="5" s="1"/>
  <c r="N6797" i="5" s="1"/>
  <c r="M6823" i="2"/>
  <c r="M6797" i="5" s="1"/>
  <c r="I6823" i="2"/>
  <c r="I6797" i="5" s="1"/>
  <c r="K6823" i="2"/>
  <c r="K6797" i="5" s="1"/>
  <c r="O6797" i="5" s="1"/>
  <c r="L6823" i="2"/>
  <c r="L6797" i="5" s="1"/>
  <c r="K6814" i="2"/>
  <c r="K6788" i="5" s="1"/>
  <c r="O6788" i="5" s="1"/>
  <c r="J6814" i="2"/>
  <c r="J6788" i="5" s="1"/>
  <c r="N6788" i="5" s="1"/>
  <c r="L6814" i="2"/>
  <c r="L6788" i="5" s="1"/>
  <c r="I6814" i="2"/>
  <c r="I6788" i="5" s="1"/>
  <c r="M6814" i="2"/>
  <c r="M6788" i="5" s="1"/>
  <c r="I5425" i="2"/>
  <c r="I5399" i="5" s="1"/>
  <c r="J5425" i="2"/>
  <c r="J5399" i="5" s="1"/>
  <c r="N5399" i="5" s="1"/>
  <c r="L5425" i="2"/>
  <c r="L5399" i="5" s="1"/>
  <c r="M5425" i="2"/>
  <c r="M5399" i="5" s="1"/>
  <c r="K5425" i="2"/>
  <c r="K5399" i="5" s="1"/>
  <c r="O5399" i="5" s="1"/>
  <c r="M5410" i="2"/>
  <c r="M5384" i="5" s="1"/>
  <c r="L5410" i="2"/>
  <c r="L5384" i="5" s="1"/>
  <c r="I5410" i="2"/>
  <c r="I5384" i="5" s="1"/>
  <c r="K5410" i="2"/>
  <c r="K5384" i="5" s="1"/>
  <c r="O5384" i="5" s="1"/>
  <c r="J5410" i="2"/>
  <c r="J5384" i="5" s="1"/>
  <c r="N5384" i="5" s="1"/>
  <c r="L123" i="2"/>
  <c r="L97" i="5" s="1"/>
  <c r="M123" i="2"/>
  <c r="M97" i="5" s="1"/>
  <c r="J123" i="2"/>
  <c r="J97" i="5" s="1"/>
  <c r="N97" i="5" s="1"/>
  <c r="I123" i="2"/>
  <c r="I97" i="5" s="1"/>
  <c r="K123" i="2"/>
  <c r="K97" i="5" s="1"/>
  <c r="O97" i="5" s="1"/>
  <c r="J3901" i="2"/>
  <c r="J3875" i="5" s="1"/>
  <c r="N3875" i="5" s="1"/>
  <c r="M3901" i="2"/>
  <c r="M3875" i="5" s="1"/>
  <c r="I3901" i="2"/>
  <c r="I3875" i="5" s="1"/>
  <c r="M266" i="2"/>
  <c r="M240" i="5" s="1"/>
  <c r="J266" i="2"/>
  <c r="J240" i="5" s="1"/>
  <c r="N240" i="5" s="1"/>
  <c r="I266" i="2"/>
  <c r="I240" i="5" s="1"/>
  <c r="K266" i="2"/>
  <c r="K240" i="5" s="1"/>
  <c r="O240" i="5" s="1"/>
  <c r="L266" i="2"/>
  <c r="L240" i="5" s="1"/>
  <c r="J6349" i="2"/>
  <c r="J6323" i="5" s="1"/>
  <c r="N6323" i="5" s="1"/>
  <c r="L6349" i="2"/>
  <c r="L6323" i="5" s="1"/>
  <c r="M6349" i="2"/>
  <c r="M6323" i="5" s="1"/>
  <c r="K6349" i="2"/>
  <c r="K6323" i="5" s="1"/>
  <c r="O6323" i="5" s="1"/>
  <c r="I6349" i="2"/>
  <c r="I6323" i="5" s="1"/>
  <c r="K7202" i="2"/>
  <c r="K7176" i="5" s="1"/>
  <c r="O7176" i="5" s="1"/>
  <c r="M7202" i="2"/>
  <c r="M7176" i="5" s="1"/>
  <c r="J7202" i="2"/>
  <c r="J7176" i="5" s="1"/>
  <c r="N7176" i="5" s="1"/>
  <c r="L7202" i="2"/>
  <c r="L7176" i="5" s="1"/>
  <c r="I7202" i="2"/>
  <c r="I7176" i="5" s="1"/>
  <c r="K1582" i="2"/>
  <c r="K1556" i="5" s="1"/>
  <c r="O1556" i="5" s="1"/>
  <c r="J1582" i="2"/>
  <c r="J1556" i="5" s="1"/>
  <c r="N1556" i="5" s="1"/>
  <c r="L1582" i="2"/>
  <c r="L1556" i="5" s="1"/>
  <c r="I3510" i="2"/>
  <c r="I3484" i="5" s="1"/>
  <c r="L3510" i="2"/>
  <c r="L3484" i="5" s="1"/>
  <c r="J3510" i="2"/>
  <c r="J3484" i="5" s="1"/>
  <c r="N3484" i="5" s="1"/>
  <c r="M3510" i="2"/>
  <c r="M3484" i="5" s="1"/>
  <c r="K3510" i="2"/>
  <c r="K3484" i="5" s="1"/>
  <c r="O3484" i="5" s="1"/>
  <c r="J3493" i="2"/>
  <c r="J3467" i="5" s="1"/>
  <c r="N3467" i="5" s="1"/>
  <c r="M3493" i="2"/>
  <c r="M3467" i="5" s="1"/>
  <c r="L3493" i="2"/>
  <c r="L3467" i="5" s="1"/>
  <c r="I3493" i="2"/>
  <c r="I3467" i="5" s="1"/>
  <c r="K3493" i="2"/>
  <c r="K3467" i="5" s="1"/>
  <c r="O3467" i="5" s="1"/>
  <c r="I6705" i="2"/>
  <c r="I6679" i="5" s="1"/>
  <c r="K6705" i="2"/>
  <c r="K6679" i="5" s="1"/>
  <c r="O6679" i="5" s="1"/>
  <c r="J6705" i="2"/>
  <c r="J6679" i="5" s="1"/>
  <c r="N6679" i="5" s="1"/>
  <c r="M6705" i="2"/>
  <c r="M6679" i="5" s="1"/>
  <c r="L6705" i="2"/>
  <c r="L6679" i="5" s="1"/>
  <c r="I7122" i="2"/>
  <c r="I7096" i="5" s="1"/>
  <c r="M7122" i="2"/>
  <c r="M7096" i="5" s="1"/>
  <c r="J7122" i="2"/>
  <c r="J7096" i="5" s="1"/>
  <c r="N7096" i="5" s="1"/>
  <c r="K7122" i="2"/>
  <c r="K7096" i="5" s="1"/>
  <c r="O7096" i="5" s="1"/>
  <c r="L7122" i="2"/>
  <c r="L7096" i="5" s="1"/>
  <c r="M2129" i="2"/>
  <c r="M2103" i="5" s="1"/>
  <c r="I2129" i="2"/>
  <c r="I2103" i="5" s="1"/>
  <c r="K2129" i="2"/>
  <c r="K2103" i="5" s="1"/>
  <c r="O2103" i="5" s="1"/>
  <c r="J2129" i="2"/>
  <c r="J2103" i="5" s="1"/>
  <c r="N2103" i="5" s="1"/>
  <c r="L2129" i="2"/>
  <c r="L2103" i="5" s="1"/>
  <c r="L3337" i="2"/>
  <c r="L3311" i="5" s="1"/>
  <c r="M3337" i="2"/>
  <c r="M3311" i="5" s="1"/>
  <c r="I3337" i="2"/>
  <c r="I3311" i="5" s="1"/>
  <c r="K3337" i="2"/>
  <c r="K3311" i="5" s="1"/>
  <c r="O3311" i="5" s="1"/>
  <c r="J3337" i="2"/>
  <c r="J3311" i="5" s="1"/>
  <c r="N3311" i="5" s="1"/>
  <c r="J3335" i="2"/>
  <c r="J3309" i="5" s="1"/>
  <c r="N3309" i="5" s="1"/>
  <c r="M3335" i="2"/>
  <c r="M3309" i="5" s="1"/>
  <c r="L3335" i="2"/>
  <c r="L3309" i="5" s="1"/>
  <c r="K3335" i="2"/>
  <c r="K3309" i="5" s="1"/>
  <c r="O3309" i="5" s="1"/>
  <c r="I3335" i="2"/>
  <c r="I3309" i="5" s="1"/>
  <c r="I4514" i="2"/>
  <c r="I4488" i="5" s="1"/>
  <c r="J4514" i="2"/>
  <c r="J4488" i="5" s="1"/>
  <c r="N4488" i="5" s="1"/>
  <c r="M4514" i="2"/>
  <c r="M4488" i="5" s="1"/>
  <c r="K4514" i="2"/>
  <c r="K4488" i="5" s="1"/>
  <c r="O4488" i="5" s="1"/>
  <c r="L4514" i="2"/>
  <c r="L4488" i="5" s="1"/>
  <c r="J4502" i="2"/>
  <c r="J4476" i="5" s="1"/>
  <c r="N4476" i="5" s="1"/>
  <c r="I4502" i="2"/>
  <c r="I4476" i="5" s="1"/>
  <c r="M4502" i="2"/>
  <c r="M4476" i="5" s="1"/>
  <c r="L4502" i="2"/>
  <c r="L4476" i="5" s="1"/>
  <c r="K4502" i="2"/>
  <c r="K4476" i="5" s="1"/>
  <c r="O4476" i="5" s="1"/>
  <c r="M7434" i="2"/>
  <c r="M7408" i="5" s="1"/>
  <c r="I7434" i="2"/>
  <c r="I7408" i="5" s="1"/>
  <c r="L7434" i="2"/>
  <c r="L7408" i="5" s="1"/>
  <c r="K7434" i="2"/>
  <c r="K7408" i="5" s="1"/>
  <c r="O7408" i="5" s="1"/>
  <c r="J7434" i="2"/>
  <c r="J7408" i="5" s="1"/>
  <c r="N7408" i="5" s="1"/>
  <c r="J7447" i="2"/>
  <c r="J7421" i="5" s="1"/>
  <c r="N7421" i="5" s="1"/>
  <c r="I7447" i="2"/>
  <c r="I7421" i="5" s="1"/>
  <c r="K7447" i="2"/>
  <c r="K7421" i="5" s="1"/>
  <c r="O7421" i="5" s="1"/>
  <c r="L7447" i="2"/>
  <c r="L7421" i="5" s="1"/>
  <c r="M7447" i="2"/>
  <c r="M7421" i="5" s="1"/>
  <c r="K6493" i="2"/>
  <c r="K6467" i="5" s="1"/>
  <c r="O6467" i="5" s="1"/>
  <c r="I6493" i="2"/>
  <c r="I6467" i="5" s="1"/>
  <c r="L6493" i="2"/>
  <c r="L6467" i="5" s="1"/>
  <c r="J6493" i="2"/>
  <c r="J6467" i="5" s="1"/>
  <c r="N6467" i="5" s="1"/>
  <c r="M6493" i="2"/>
  <c r="M6467" i="5" s="1"/>
  <c r="I4844" i="2"/>
  <c r="I4818" i="5" s="1"/>
  <c r="K4844" i="2"/>
  <c r="K4818" i="5" s="1"/>
  <c r="O4818" i="5" s="1"/>
  <c r="J4844" i="2"/>
  <c r="J4818" i="5" s="1"/>
  <c r="N4818" i="5" s="1"/>
  <c r="M4844" i="2"/>
  <c r="M4818" i="5" s="1"/>
  <c r="L4844" i="2"/>
  <c r="L4818" i="5" s="1"/>
  <c r="K7879" i="2"/>
  <c r="K7853" i="5" s="1"/>
  <c r="O7853" i="5" s="1"/>
  <c r="I7879" i="2"/>
  <c r="I7853" i="5" s="1"/>
  <c r="J7879" i="2"/>
  <c r="J7853" i="5" s="1"/>
  <c r="N7853" i="5" s="1"/>
  <c r="L7879" i="2"/>
  <c r="L7853" i="5" s="1"/>
  <c r="M7879" i="2"/>
  <c r="M7853" i="5" s="1"/>
  <c r="I4921" i="2"/>
  <c r="I4895" i="5" s="1"/>
  <c r="K4921" i="2"/>
  <c r="K4895" i="5" s="1"/>
  <c r="O4895" i="5" s="1"/>
  <c r="J4921" i="2"/>
  <c r="J4895" i="5" s="1"/>
  <c r="N4895" i="5" s="1"/>
  <c r="M4921" i="2"/>
  <c r="M4895" i="5" s="1"/>
  <c r="L4921" i="2"/>
  <c r="L4895" i="5" s="1"/>
  <c r="L8278" i="2"/>
  <c r="L8252" i="5" s="1"/>
  <c r="M8278" i="2"/>
  <c r="M8252" i="5" s="1"/>
  <c r="I8278" i="2"/>
  <c r="I8252" i="5" s="1"/>
  <c r="K8278" i="2"/>
  <c r="K8252" i="5" s="1"/>
  <c r="O8252" i="5" s="1"/>
  <c r="J8278" i="2"/>
  <c r="J8252" i="5" s="1"/>
  <c r="N8252" i="5" s="1"/>
  <c r="L4618" i="2"/>
  <c r="L4592" i="5" s="1"/>
  <c r="I4618" i="2"/>
  <c r="I4592" i="5" s="1"/>
  <c r="K4618" i="2"/>
  <c r="K4592" i="5" s="1"/>
  <c r="O4592" i="5" s="1"/>
  <c r="J4618" i="2"/>
  <c r="J4592" i="5" s="1"/>
  <c r="N4592" i="5" s="1"/>
  <c r="M4618" i="2"/>
  <c r="M4592" i="5" s="1"/>
  <c r="AR193" i="1"/>
  <c r="C199" i="5"/>
  <c r="J2428" i="2"/>
  <c r="J2402" i="5" s="1"/>
  <c r="N2402" i="5" s="1"/>
  <c r="L2428" i="2"/>
  <c r="L2402" i="5" s="1"/>
  <c r="I2428" i="2"/>
  <c r="I2402" i="5" s="1"/>
  <c r="K2428" i="2"/>
  <c r="K2402" i="5" s="1"/>
  <c r="O2402" i="5" s="1"/>
  <c r="M2428" i="2"/>
  <c r="M2402" i="5" s="1"/>
  <c r="J5312" i="2"/>
  <c r="J5286" i="5" s="1"/>
  <c r="N5286" i="5" s="1"/>
  <c r="L5312" i="2"/>
  <c r="L5286" i="5" s="1"/>
  <c r="M5312" i="2"/>
  <c r="M5286" i="5" s="1"/>
  <c r="I5312" i="2"/>
  <c r="I5286" i="5" s="1"/>
  <c r="K5312" i="2"/>
  <c r="K5286" i="5" s="1"/>
  <c r="O5286" i="5" s="1"/>
  <c r="J7988" i="2"/>
  <c r="J7962" i="5" s="1"/>
  <c r="N7962" i="5" s="1"/>
  <c r="K7988" i="2"/>
  <c r="K7962" i="5" s="1"/>
  <c r="O7962" i="5" s="1"/>
  <c r="L7988" i="2"/>
  <c r="L7962" i="5" s="1"/>
  <c r="M7988" i="2"/>
  <c r="M7962" i="5" s="1"/>
  <c r="I4110" i="2"/>
  <c r="I4084" i="5" s="1"/>
  <c r="K4110" i="2"/>
  <c r="K4084" i="5" s="1"/>
  <c r="O4084" i="5" s="1"/>
  <c r="J4110" i="2"/>
  <c r="J4084" i="5" s="1"/>
  <c r="N4084" i="5" s="1"/>
  <c r="L4110" i="2"/>
  <c r="L4084" i="5" s="1"/>
  <c r="M4110" i="2"/>
  <c r="M4084" i="5" s="1"/>
  <c r="K8608" i="2"/>
  <c r="K8582" i="5" s="1"/>
  <c r="O8582" i="5" s="1"/>
  <c r="L8608" i="2"/>
  <c r="L8582" i="5" s="1"/>
  <c r="M8608" i="2"/>
  <c r="M8582" i="5" s="1"/>
  <c r="J8608" i="2"/>
  <c r="J8582" i="5" s="1"/>
  <c r="N8582" i="5" s="1"/>
  <c r="I8608" i="2"/>
  <c r="I8582" i="5" s="1"/>
  <c r="I6099" i="2"/>
  <c r="I6073" i="5" s="1"/>
  <c r="M6099" i="2"/>
  <c r="M6073" i="5" s="1"/>
  <c r="J6099" i="2"/>
  <c r="J6073" i="5" s="1"/>
  <c r="N6073" i="5" s="1"/>
  <c r="L6099" i="2"/>
  <c r="L6073" i="5" s="1"/>
  <c r="K6099" i="2"/>
  <c r="K6073" i="5" s="1"/>
  <c r="O6073" i="5" s="1"/>
  <c r="I3972" i="2"/>
  <c r="I3946" i="5" s="1"/>
  <c r="L3972" i="2"/>
  <c r="L3946" i="5" s="1"/>
  <c r="K3972" i="2"/>
  <c r="K3946" i="5" s="1"/>
  <c r="O3946" i="5" s="1"/>
  <c r="J3972" i="2"/>
  <c r="J3946" i="5" s="1"/>
  <c r="N3946" i="5" s="1"/>
  <c r="M3972" i="2"/>
  <c r="M3946" i="5" s="1"/>
  <c r="L6146" i="2"/>
  <c r="L6120" i="5" s="1"/>
  <c r="I6146" i="2"/>
  <c r="I6120" i="5" s="1"/>
  <c r="K6146" i="2"/>
  <c r="K6120" i="5" s="1"/>
  <c r="O6120" i="5" s="1"/>
  <c r="J6146" i="2"/>
  <c r="J6120" i="5" s="1"/>
  <c r="N6120" i="5" s="1"/>
  <c r="M6146" i="2"/>
  <c r="M6120" i="5" s="1"/>
  <c r="M5790" i="2"/>
  <c r="M5764" i="5" s="1"/>
  <c r="L5790" i="2"/>
  <c r="L5764" i="5" s="1"/>
  <c r="I5790" i="2"/>
  <c r="I5764" i="5" s="1"/>
  <c r="K5790" i="2"/>
  <c r="K5764" i="5" s="1"/>
  <c r="O5764" i="5" s="1"/>
  <c r="J5790" i="2"/>
  <c r="J5764" i="5" s="1"/>
  <c r="N5764" i="5" s="1"/>
  <c r="J5781" i="2"/>
  <c r="J5755" i="5" s="1"/>
  <c r="N5755" i="5" s="1"/>
  <c r="M5781" i="2"/>
  <c r="M5755" i="5" s="1"/>
  <c r="L5781" i="2"/>
  <c r="L5755" i="5" s="1"/>
  <c r="I5781" i="2"/>
  <c r="I5755" i="5" s="1"/>
  <c r="K5781" i="2"/>
  <c r="K5755" i="5" s="1"/>
  <c r="O5755" i="5" s="1"/>
  <c r="M8698" i="2"/>
  <c r="M8672" i="5" s="1"/>
  <c r="I8698" i="2"/>
  <c r="I8672" i="5" s="1"/>
  <c r="K8698" i="2"/>
  <c r="K8672" i="5" s="1"/>
  <c r="O8672" i="5" s="1"/>
  <c r="L8698" i="2"/>
  <c r="L8672" i="5" s="1"/>
  <c r="J8698" i="2"/>
  <c r="J8672" i="5" s="1"/>
  <c r="N8672" i="5" s="1"/>
  <c r="J8711" i="2"/>
  <c r="J8685" i="5" s="1"/>
  <c r="N8685" i="5" s="1"/>
  <c r="M8711" i="2"/>
  <c r="M8685" i="5" s="1"/>
  <c r="L8711" i="2"/>
  <c r="L8685" i="5" s="1"/>
  <c r="K8711" i="2"/>
  <c r="K8685" i="5" s="1"/>
  <c r="O8685" i="5" s="1"/>
  <c r="I8711" i="2"/>
  <c r="I8685" i="5" s="1"/>
  <c r="M5317" i="2"/>
  <c r="M5291" i="5" s="1"/>
  <c r="I5317" i="2"/>
  <c r="I5291" i="5" s="1"/>
  <c r="J5317" i="2"/>
  <c r="J5291" i="5" s="1"/>
  <c r="N5291" i="5" s="1"/>
  <c r="L5317" i="2"/>
  <c r="L5291" i="5" s="1"/>
  <c r="K5317" i="2"/>
  <c r="K5291" i="5" s="1"/>
  <c r="O5291" i="5" s="1"/>
  <c r="J7263" i="2"/>
  <c r="J7237" i="5" s="1"/>
  <c r="N7237" i="5" s="1"/>
  <c r="L7263" i="2"/>
  <c r="L7237" i="5" s="1"/>
  <c r="I7263" i="2"/>
  <c r="I7237" i="5" s="1"/>
  <c r="K7263" i="2"/>
  <c r="K7237" i="5" s="1"/>
  <c r="O7237" i="5" s="1"/>
  <c r="M7263" i="2"/>
  <c r="M7237" i="5" s="1"/>
  <c r="K6335" i="2"/>
  <c r="K6309" i="5" s="1"/>
  <c r="O6309" i="5" s="1"/>
  <c r="J6335" i="2"/>
  <c r="J6309" i="5" s="1"/>
  <c r="N6309" i="5" s="1"/>
  <c r="M6335" i="2"/>
  <c r="M6309" i="5" s="1"/>
  <c r="I6335" i="2"/>
  <c r="I6309" i="5" s="1"/>
  <c r="L6335" i="2"/>
  <c r="L6309" i="5" s="1"/>
  <c r="M7804" i="2"/>
  <c r="M7778" i="5" s="1"/>
  <c r="K7804" i="2"/>
  <c r="K7778" i="5" s="1"/>
  <c r="O7778" i="5" s="1"/>
  <c r="J7804" i="2"/>
  <c r="J7778" i="5" s="1"/>
  <c r="N7778" i="5" s="1"/>
  <c r="I7804" i="2"/>
  <c r="I7778" i="5" s="1"/>
  <c r="L7804" i="2"/>
  <c r="L7778" i="5" s="1"/>
  <c r="K7786" i="2"/>
  <c r="K7760" i="5" s="1"/>
  <c r="O7760" i="5" s="1"/>
  <c r="L7786" i="2"/>
  <c r="L7760" i="5" s="1"/>
  <c r="I7786" i="2"/>
  <c r="I7760" i="5" s="1"/>
  <c r="M7786" i="2"/>
  <c r="M7760" i="5" s="1"/>
  <c r="J7786" i="2"/>
  <c r="J7760" i="5" s="1"/>
  <c r="N7760" i="5" s="1"/>
  <c r="M6421" i="2"/>
  <c r="M6395" i="5" s="1"/>
  <c r="I6421" i="2"/>
  <c r="I6395" i="5" s="1"/>
  <c r="L6421" i="2"/>
  <c r="L6395" i="5" s="1"/>
  <c r="K6421" i="2"/>
  <c r="K6395" i="5" s="1"/>
  <c r="O6395" i="5" s="1"/>
  <c r="J6421" i="2"/>
  <c r="J6395" i="5" s="1"/>
  <c r="N6395" i="5" s="1"/>
  <c r="K6423" i="2"/>
  <c r="K6397" i="5" s="1"/>
  <c r="O6397" i="5" s="1"/>
  <c r="J6423" i="2"/>
  <c r="J6397" i="5" s="1"/>
  <c r="N6397" i="5" s="1"/>
  <c r="L6423" i="2"/>
  <c r="L6397" i="5" s="1"/>
  <c r="M6423" i="2"/>
  <c r="M6397" i="5" s="1"/>
  <c r="I6423" i="2"/>
  <c r="I6397" i="5" s="1"/>
  <c r="I8012" i="2"/>
  <c r="I7986" i="5" s="1"/>
  <c r="K8012" i="2"/>
  <c r="K7986" i="5" s="1"/>
  <c r="O7986" i="5" s="1"/>
  <c r="L8012" i="2"/>
  <c r="L7986" i="5" s="1"/>
  <c r="M8012" i="2"/>
  <c r="M7986" i="5" s="1"/>
  <c r="J8012" i="2"/>
  <c r="J7986" i="5" s="1"/>
  <c r="N7986" i="5" s="1"/>
  <c r="C340" i="5"/>
  <c r="AR334" i="1"/>
  <c r="J5693" i="2"/>
  <c r="J5667" i="5" s="1"/>
  <c r="N5667" i="5" s="1"/>
  <c r="M5693" i="2"/>
  <c r="M5667" i="5" s="1"/>
  <c r="I5693" i="2"/>
  <c r="I5667" i="5" s="1"/>
  <c r="K5693" i="2"/>
  <c r="K5667" i="5" s="1"/>
  <c r="O5667" i="5" s="1"/>
  <c r="L5693" i="2"/>
  <c r="L5667" i="5" s="1"/>
  <c r="J4798" i="2"/>
  <c r="J4772" i="5" s="1"/>
  <c r="N4772" i="5" s="1"/>
  <c r="I4798" i="2"/>
  <c r="I4772" i="5" s="1"/>
  <c r="K4798" i="2"/>
  <c r="K4772" i="5" s="1"/>
  <c r="O4772" i="5" s="1"/>
  <c r="L4798" i="2"/>
  <c r="L4772" i="5" s="1"/>
  <c r="M4798" i="2"/>
  <c r="M4772" i="5" s="1"/>
  <c r="M8496" i="2"/>
  <c r="M8470" i="5" s="1"/>
  <c r="J8496" i="2"/>
  <c r="J8470" i="5" s="1"/>
  <c r="N8470" i="5" s="1"/>
  <c r="K8496" i="2"/>
  <c r="K8470" i="5" s="1"/>
  <c r="O8470" i="5" s="1"/>
  <c r="I8496" i="2"/>
  <c r="I8470" i="5" s="1"/>
  <c r="L8496" i="2"/>
  <c r="L8470" i="5" s="1"/>
  <c r="L6870" i="2"/>
  <c r="L6844" i="5" s="1"/>
  <c r="K6870" i="2"/>
  <c r="K6844" i="5" s="1"/>
  <c r="O6844" i="5" s="1"/>
  <c r="J6870" i="2"/>
  <c r="J6844" i="5" s="1"/>
  <c r="N6844" i="5" s="1"/>
  <c r="M6870" i="2"/>
  <c r="M6844" i="5" s="1"/>
  <c r="I6870" i="2"/>
  <c r="I6844" i="5" s="1"/>
  <c r="L145" i="2"/>
  <c r="L119" i="5" s="1"/>
  <c r="M145" i="2"/>
  <c r="M119" i="5" s="1"/>
  <c r="I145" i="2"/>
  <c r="I119" i="5" s="1"/>
  <c r="J145" i="2"/>
  <c r="J119" i="5" s="1"/>
  <c r="N119" i="5" s="1"/>
  <c r="K145" i="2"/>
  <c r="K119" i="5" s="1"/>
  <c r="O119" i="5" s="1"/>
  <c r="I8653" i="2"/>
  <c r="I8627" i="5" s="1"/>
  <c r="J8653" i="2"/>
  <c r="J8627" i="5" s="1"/>
  <c r="N8627" i="5" s="1"/>
  <c r="M8653" i="2"/>
  <c r="M8627" i="5" s="1"/>
  <c r="K8653" i="2"/>
  <c r="K8627" i="5" s="1"/>
  <c r="O8627" i="5" s="1"/>
  <c r="L8653" i="2"/>
  <c r="L8627" i="5" s="1"/>
  <c r="M4284" i="2"/>
  <c r="M4258" i="5" s="1"/>
  <c r="K4284" i="2"/>
  <c r="K4258" i="5" s="1"/>
  <c r="O4258" i="5" s="1"/>
  <c r="L4284" i="2"/>
  <c r="L4258" i="5" s="1"/>
  <c r="J4284" i="2"/>
  <c r="J4258" i="5" s="1"/>
  <c r="N4258" i="5" s="1"/>
  <c r="I4284" i="2"/>
  <c r="I4258" i="5" s="1"/>
  <c r="I6259" i="2"/>
  <c r="I6233" i="5" s="1"/>
  <c r="L6259" i="2"/>
  <c r="L6233" i="5" s="1"/>
  <c r="M6259" i="2"/>
  <c r="M6233" i="5" s="1"/>
  <c r="K6259" i="2"/>
  <c r="K6233" i="5" s="1"/>
  <c r="O6233" i="5" s="1"/>
  <c r="J6259" i="2"/>
  <c r="J6233" i="5" s="1"/>
  <c r="N6233" i="5" s="1"/>
  <c r="C267" i="5"/>
  <c r="AR261" i="1"/>
  <c r="L7853" i="2"/>
  <c r="L7827" i="5" s="1"/>
  <c r="M7853" i="2"/>
  <c r="M7827" i="5" s="1"/>
  <c r="J7853" i="2"/>
  <c r="J7827" i="5" s="1"/>
  <c r="N7827" i="5" s="1"/>
  <c r="I7853" i="2"/>
  <c r="I7827" i="5" s="1"/>
  <c r="K7853" i="2"/>
  <c r="K7827" i="5" s="1"/>
  <c r="O7827" i="5" s="1"/>
  <c r="L611" i="2"/>
  <c r="L585" i="5" s="1"/>
  <c r="K611" i="2"/>
  <c r="K585" i="5" s="1"/>
  <c r="O585" i="5" s="1"/>
  <c r="J611" i="2"/>
  <c r="J585" i="5" s="1"/>
  <c r="N585" i="5" s="1"/>
  <c r="M611" i="2"/>
  <c r="M585" i="5" s="1"/>
  <c r="I611" i="2"/>
  <c r="I585" i="5" s="1"/>
  <c r="L2762" i="2"/>
  <c r="L2736" i="5" s="1"/>
  <c r="I2762" i="2"/>
  <c r="I2736" i="5" s="1"/>
  <c r="J2762" i="2"/>
  <c r="J2736" i="5" s="1"/>
  <c r="N2736" i="5" s="1"/>
  <c r="M2762" i="2"/>
  <c r="M2736" i="5" s="1"/>
  <c r="K2762" i="2"/>
  <c r="K2736" i="5" s="1"/>
  <c r="O2736" i="5" s="1"/>
  <c r="L1385" i="2"/>
  <c r="L1359" i="5" s="1"/>
  <c r="I1385" i="2"/>
  <c r="I1359" i="5" s="1"/>
  <c r="K1385" i="2"/>
  <c r="K1359" i="5" s="1"/>
  <c r="O1359" i="5" s="1"/>
  <c r="J1385" i="2"/>
  <c r="J1359" i="5" s="1"/>
  <c r="N1359" i="5" s="1"/>
  <c r="M1385" i="2"/>
  <c r="M1359" i="5" s="1"/>
  <c r="L580" i="2"/>
  <c r="L554" i="5" s="1"/>
  <c r="M580" i="2"/>
  <c r="M554" i="5" s="1"/>
  <c r="I580" i="2"/>
  <c r="I554" i="5" s="1"/>
  <c r="K580" i="2"/>
  <c r="K554" i="5" s="1"/>
  <c r="O554" i="5" s="1"/>
  <c r="J580" i="2"/>
  <c r="J554" i="5" s="1"/>
  <c r="N554" i="5" s="1"/>
  <c r="K7711" i="2"/>
  <c r="K7685" i="5" s="1"/>
  <c r="O7685" i="5" s="1"/>
  <c r="L7711" i="2"/>
  <c r="L7685" i="5" s="1"/>
  <c r="M7711" i="2"/>
  <c r="M7685" i="5" s="1"/>
  <c r="J7711" i="2"/>
  <c r="J7685" i="5" s="1"/>
  <c r="N7685" i="5" s="1"/>
  <c r="I7708" i="2"/>
  <c r="I7682" i="5" s="1"/>
  <c r="J7708" i="2"/>
  <c r="J7682" i="5" s="1"/>
  <c r="N7682" i="5" s="1"/>
  <c r="L7708" i="2"/>
  <c r="L7682" i="5" s="1"/>
  <c r="K7708" i="2"/>
  <c r="K7682" i="5" s="1"/>
  <c r="O7682" i="5" s="1"/>
  <c r="M7708" i="2"/>
  <c r="M7682" i="5" s="1"/>
  <c r="I8443" i="2"/>
  <c r="I8417" i="5" s="1"/>
  <c r="K8443" i="2"/>
  <c r="K8417" i="5" s="1"/>
  <c r="O8417" i="5" s="1"/>
  <c r="M8443" i="2"/>
  <c r="M8417" i="5" s="1"/>
  <c r="J8443" i="2"/>
  <c r="J8417" i="5" s="1"/>
  <c r="N8417" i="5" s="1"/>
  <c r="L8443" i="2"/>
  <c r="L8417" i="5" s="1"/>
  <c r="K5118" i="2"/>
  <c r="K5092" i="5" s="1"/>
  <c r="O5092" i="5" s="1"/>
  <c r="L5118" i="2"/>
  <c r="L5092" i="5" s="1"/>
  <c r="I5118" i="2"/>
  <c r="I5092" i="5" s="1"/>
  <c r="J5118" i="2"/>
  <c r="J5092" i="5" s="1"/>
  <c r="N5092" i="5" s="1"/>
  <c r="M5118" i="2"/>
  <c r="M5092" i="5" s="1"/>
  <c r="C219" i="5"/>
  <c r="AR213" i="1"/>
  <c r="M1747" i="2"/>
  <c r="M1721" i="5" s="1"/>
  <c r="J1747" i="2"/>
  <c r="J1721" i="5" s="1"/>
  <c r="N1721" i="5" s="1"/>
  <c r="L1747" i="2"/>
  <c r="L1721" i="5" s="1"/>
  <c r="I1747" i="2"/>
  <c r="I1721" i="5" s="1"/>
  <c r="K1747" i="2"/>
  <c r="K1721" i="5" s="1"/>
  <c r="O1721" i="5" s="1"/>
  <c r="K3611" i="2"/>
  <c r="K3585" i="5" s="1"/>
  <c r="O3585" i="5" s="1"/>
  <c r="L3611" i="2"/>
  <c r="L3585" i="5" s="1"/>
  <c r="J3611" i="2"/>
  <c r="J3585" i="5" s="1"/>
  <c r="N3585" i="5" s="1"/>
  <c r="I3611" i="2"/>
  <c r="I3585" i="5" s="1"/>
  <c r="M3611" i="2"/>
  <c r="M3585" i="5" s="1"/>
  <c r="J3627" i="2"/>
  <c r="J3601" i="5" s="1"/>
  <c r="N3601" i="5" s="1"/>
  <c r="I3627" i="2"/>
  <c r="I3601" i="5" s="1"/>
  <c r="K3627" i="2"/>
  <c r="K3601" i="5" s="1"/>
  <c r="O3601" i="5" s="1"/>
  <c r="L3627" i="2"/>
  <c r="L3601" i="5" s="1"/>
  <c r="M3627" i="2"/>
  <c r="M3601" i="5" s="1"/>
  <c r="I2908" i="2"/>
  <c r="I2882" i="5" s="1"/>
  <c r="L2908" i="2"/>
  <c r="L2882" i="5" s="1"/>
  <c r="J2908" i="2"/>
  <c r="J2882" i="5" s="1"/>
  <c r="N2882" i="5" s="1"/>
  <c r="K2908" i="2"/>
  <c r="K2882" i="5" s="1"/>
  <c r="O2882" i="5" s="1"/>
  <c r="M2908" i="2"/>
  <c r="M2882" i="5" s="1"/>
  <c r="J6679" i="2"/>
  <c r="J6653" i="5" s="1"/>
  <c r="N6653" i="5" s="1"/>
  <c r="M6679" i="2"/>
  <c r="M6653" i="5" s="1"/>
  <c r="L6679" i="2"/>
  <c r="L6653" i="5" s="1"/>
  <c r="I6679" i="2"/>
  <c r="I6653" i="5" s="1"/>
  <c r="K6679" i="2"/>
  <c r="K6653" i="5" s="1"/>
  <c r="O6653" i="5" s="1"/>
  <c r="I5949" i="2"/>
  <c r="I5923" i="5" s="1"/>
  <c r="K5949" i="2"/>
  <c r="K5923" i="5" s="1"/>
  <c r="O5923" i="5" s="1"/>
  <c r="J5949" i="2"/>
  <c r="J5923" i="5" s="1"/>
  <c r="N5923" i="5" s="1"/>
  <c r="L5949" i="2"/>
  <c r="L5923" i="5" s="1"/>
  <c r="M5949" i="2"/>
  <c r="M5923" i="5" s="1"/>
  <c r="I4684" i="2"/>
  <c r="I4658" i="5" s="1"/>
  <c r="M4684" i="2"/>
  <c r="M4658" i="5" s="1"/>
  <c r="L4684" i="2"/>
  <c r="L4658" i="5" s="1"/>
  <c r="K4684" i="2"/>
  <c r="K4658" i="5" s="1"/>
  <c r="O4658" i="5" s="1"/>
  <c r="J4684" i="2"/>
  <c r="J4658" i="5" s="1"/>
  <c r="N4658" i="5" s="1"/>
  <c r="M6166" i="2"/>
  <c r="M6140" i="5" s="1"/>
  <c r="I6166" i="2"/>
  <c r="I6140" i="5" s="1"/>
  <c r="K6166" i="2"/>
  <c r="K6140" i="5" s="1"/>
  <c r="O6140" i="5" s="1"/>
  <c r="J6166" i="2"/>
  <c r="J6140" i="5" s="1"/>
  <c r="N6140" i="5" s="1"/>
  <c r="L6166" i="2"/>
  <c r="L6140" i="5" s="1"/>
  <c r="I2448" i="2"/>
  <c r="I2422" i="5" s="1"/>
  <c r="K2448" i="2"/>
  <c r="K2422" i="5" s="1"/>
  <c r="O2422" i="5" s="1"/>
  <c r="L2448" i="2"/>
  <c r="L2422" i="5" s="1"/>
  <c r="J2448" i="2"/>
  <c r="J2422" i="5" s="1"/>
  <c r="N2422" i="5" s="1"/>
  <c r="M2448" i="2"/>
  <c r="M2422" i="5" s="1"/>
  <c r="I2603" i="2"/>
  <c r="I2577" i="5" s="1"/>
  <c r="K2603" i="2"/>
  <c r="K2577" i="5" s="1"/>
  <c r="O2577" i="5" s="1"/>
  <c r="M2603" i="2"/>
  <c r="M2577" i="5" s="1"/>
  <c r="J2603" i="2"/>
  <c r="J2577" i="5" s="1"/>
  <c r="N2577" i="5" s="1"/>
  <c r="L2603" i="2"/>
  <c r="L2577" i="5" s="1"/>
  <c r="J8379" i="2"/>
  <c r="J8353" i="5" s="1"/>
  <c r="N8353" i="5" s="1"/>
  <c r="M8379" i="2"/>
  <c r="M8353" i="5" s="1"/>
  <c r="L8379" i="2"/>
  <c r="L8353" i="5" s="1"/>
  <c r="I8379" i="2"/>
  <c r="I8353" i="5" s="1"/>
  <c r="K8379" i="2"/>
  <c r="K8353" i="5" s="1"/>
  <c r="O8353" i="5" s="1"/>
  <c r="M1638" i="2"/>
  <c r="M1612" i="5" s="1"/>
  <c r="J1638" i="2"/>
  <c r="J1612" i="5" s="1"/>
  <c r="N1612" i="5" s="1"/>
  <c r="I1638" i="2"/>
  <c r="I1612" i="5" s="1"/>
  <c r="K1638" i="2"/>
  <c r="K1612" i="5" s="1"/>
  <c r="O1612" i="5" s="1"/>
  <c r="L1638" i="2"/>
  <c r="L1612" i="5" s="1"/>
  <c r="K3177" i="2"/>
  <c r="K3151" i="5" s="1"/>
  <c r="O3151" i="5" s="1"/>
  <c r="J3177" i="2"/>
  <c r="J3151" i="5" s="1"/>
  <c r="N3151" i="5" s="1"/>
  <c r="M3177" i="2"/>
  <c r="M3151" i="5" s="1"/>
  <c r="L3177" i="2"/>
  <c r="L3151" i="5" s="1"/>
  <c r="I3177" i="2"/>
  <c r="I3151" i="5" s="1"/>
  <c r="L3463" i="2"/>
  <c r="L3437" i="5" s="1"/>
  <c r="M3463" i="2"/>
  <c r="M3437" i="5" s="1"/>
  <c r="I3463" i="2"/>
  <c r="I3437" i="5" s="1"/>
  <c r="K3463" i="2"/>
  <c r="K3437" i="5" s="1"/>
  <c r="O3437" i="5" s="1"/>
  <c r="J3463" i="2"/>
  <c r="J3437" i="5" s="1"/>
  <c r="N3437" i="5" s="1"/>
  <c r="K916" i="2"/>
  <c r="K890" i="5" s="1"/>
  <c r="O890" i="5" s="1"/>
  <c r="I916" i="2"/>
  <c r="I890" i="5" s="1"/>
  <c r="J916" i="2"/>
  <c r="J890" i="5" s="1"/>
  <c r="N890" i="5" s="1"/>
  <c r="L916" i="2"/>
  <c r="L890" i="5" s="1"/>
  <c r="M916" i="2"/>
  <c r="M890" i="5" s="1"/>
  <c r="M7951" i="2"/>
  <c r="M7925" i="5" s="1"/>
  <c r="L7951" i="2"/>
  <c r="L7925" i="5" s="1"/>
  <c r="K7951" i="2"/>
  <c r="K7925" i="5" s="1"/>
  <c r="O7925" i="5" s="1"/>
  <c r="J7951" i="2"/>
  <c r="J7925" i="5" s="1"/>
  <c r="N7925" i="5" s="1"/>
  <c r="C337" i="5"/>
  <c r="AR331" i="1"/>
  <c r="M1907" i="2"/>
  <c r="M1881" i="5" s="1"/>
  <c r="K1907" i="2"/>
  <c r="K1881" i="5" s="1"/>
  <c r="O1881" i="5" s="1"/>
  <c r="I1907" i="2"/>
  <c r="I1881" i="5" s="1"/>
  <c r="L1907" i="2"/>
  <c r="L1881" i="5" s="1"/>
  <c r="J1907" i="2"/>
  <c r="J1881" i="5" s="1"/>
  <c r="N1881" i="5" s="1"/>
  <c r="M2739" i="2"/>
  <c r="M2713" i="5" s="1"/>
  <c r="L2739" i="2"/>
  <c r="L2713" i="5" s="1"/>
  <c r="I2739" i="2"/>
  <c r="I2713" i="5" s="1"/>
  <c r="K2739" i="2"/>
  <c r="K2713" i="5" s="1"/>
  <c r="O2713" i="5" s="1"/>
  <c r="J2739" i="2"/>
  <c r="J2713" i="5" s="1"/>
  <c r="N2713" i="5" s="1"/>
  <c r="J2996" i="2"/>
  <c r="J2970" i="5" s="1"/>
  <c r="N2970" i="5" s="1"/>
  <c r="L2996" i="2"/>
  <c r="L2970" i="5" s="1"/>
  <c r="M2996" i="2"/>
  <c r="M2970" i="5" s="1"/>
  <c r="I2996" i="2"/>
  <c r="I2970" i="5" s="1"/>
  <c r="K2996" i="2"/>
  <c r="K2970" i="5" s="1"/>
  <c r="O2970" i="5" s="1"/>
  <c r="M305" i="2"/>
  <c r="M279" i="5" s="1"/>
  <c r="L305" i="2"/>
  <c r="L279" i="5" s="1"/>
  <c r="I305" i="2"/>
  <c r="I279" i="5" s="1"/>
  <c r="J305" i="2"/>
  <c r="J279" i="5" s="1"/>
  <c r="N279" i="5" s="1"/>
  <c r="K305" i="2"/>
  <c r="K279" i="5" s="1"/>
  <c r="O279" i="5" s="1"/>
  <c r="K7493" i="2"/>
  <c r="K7467" i="5" s="1"/>
  <c r="O7467" i="5" s="1"/>
  <c r="J7493" i="2"/>
  <c r="J7467" i="5" s="1"/>
  <c r="N7467" i="5" s="1"/>
  <c r="L7493" i="2"/>
  <c r="L7467" i="5" s="1"/>
  <c r="I7493" i="2"/>
  <c r="I7467" i="5" s="1"/>
  <c r="M7493" i="2"/>
  <c r="M7467" i="5" s="1"/>
  <c r="I7528" i="2"/>
  <c r="I7502" i="5" s="1"/>
  <c r="J7528" i="2"/>
  <c r="J7502" i="5" s="1"/>
  <c r="N7502" i="5" s="1"/>
  <c r="M7528" i="2"/>
  <c r="M7502" i="5" s="1"/>
  <c r="K7528" i="2"/>
  <c r="K7502" i="5" s="1"/>
  <c r="O7502" i="5" s="1"/>
  <c r="L7528" i="2"/>
  <c r="L7502" i="5" s="1"/>
  <c r="I7544" i="2"/>
  <c r="I7518" i="5" s="1"/>
  <c r="J7544" i="2"/>
  <c r="J7518" i="5" s="1"/>
  <c r="N7518" i="5" s="1"/>
  <c r="K7544" i="2"/>
  <c r="K7518" i="5" s="1"/>
  <c r="O7518" i="5" s="1"/>
  <c r="M7544" i="2"/>
  <c r="M7518" i="5" s="1"/>
  <c r="L7544" i="2"/>
  <c r="L7518" i="5" s="1"/>
  <c r="J5192" i="2"/>
  <c r="J5166" i="5" s="1"/>
  <c r="N5166" i="5" s="1"/>
  <c r="L5192" i="2"/>
  <c r="L5166" i="5" s="1"/>
  <c r="M5192" i="2"/>
  <c r="M5166" i="5" s="1"/>
  <c r="I5192" i="2"/>
  <c r="I5166" i="5" s="1"/>
  <c r="K5192" i="2"/>
  <c r="K5166" i="5" s="1"/>
  <c r="O5166" i="5" s="1"/>
  <c r="M3822" i="2"/>
  <c r="M3796" i="5" s="1"/>
  <c r="I3822" i="2"/>
  <c r="I3796" i="5" s="1"/>
  <c r="K3822" i="2"/>
  <c r="K3796" i="5" s="1"/>
  <c r="O3796" i="5" s="1"/>
  <c r="J3822" i="2"/>
  <c r="J3796" i="5" s="1"/>
  <c r="N3796" i="5" s="1"/>
  <c r="L3822" i="2"/>
  <c r="L3796" i="5" s="1"/>
  <c r="M3815" i="2"/>
  <c r="M3789" i="5" s="1"/>
  <c r="L3815" i="2"/>
  <c r="L3789" i="5" s="1"/>
  <c r="I3815" i="2"/>
  <c r="I3789" i="5" s="1"/>
  <c r="K3815" i="2"/>
  <c r="K3789" i="5" s="1"/>
  <c r="O3789" i="5" s="1"/>
  <c r="J3815" i="2"/>
  <c r="J3789" i="5" s="1"/>
  <c r="N3789" i="5" s="1"/>
  <c r="I422" i="2"/>
  <c r="I396" i="5" s="1"/>
  <c r="K422" i="2"/>
  <c r="K396" i="5" s="1"/>
  <c r="O396" i="5" s="1"/>
  <c r="M422" i="2"/>
  <c r="M396" i="5" s="1"/>
  <c r="J422" i="2"/>
  <c r="J396" i="5" s="1"/>
  <c r="N396" i="5" s="1"/>
  <c r="L422" i="2"/>
  <c r="L396" i="5" s="1"/>
  <c r="K4332" i="2"/>
  <c r="K4306" i="5" s="1"/>
  <c r="O4306" i="5" s="1"/>
  <c r="M4332" i="2"/>
  <c r="M4306" i="5" s="1"/>
  <c r="J4332" i="2"/>
  <c r="J4306" i="5" s="1"/>
  <c r="N4306" i="5" s="1"/>
  <c r="L4332" i="2"/>
  <c r="L4306" i="5" s="1"/>
  <c r="I4332" i="2"/>
  <c r="I4306" i="5" s="1"/>
  <c r="C187" i="5"/>
  <c r="AR181" i="1"/>
  <c r="M947" i="2"/>
  <c r="M921" i="5" s="1"/>
  <c r="J947" i="2"/>
  <c r="J921" i="5" s="1"/>
  <c r="N921" i="5" s="1"/>
  <c r="L947" i="2"/>
  <c r="L921" i="5" s="1"/>
  <c r="I947" i="2"/>
  <c r="I921" i="5" s="1"/>
  <c r="K947" i="2"/>
  <c r="K921" i="5" s="1"/>
  <c r="O921" i="5" s="1"/>
  <c r="M84" i="2"/>
  <c r="M58" i="5" s="1"/>
  <c r="L84" i="2"/>
  <c r="L58" i="5" s="1"/>
  <c r="I84" i="2"/>
  <c r="I58" i="5" s="1"/>
  <c r="K84" i="2"/>
  <c r="K58" i="5" s="1"/>
  <c r="O58" i="5" s="1"/>
  <c r="J84" i="2"/>
  <c r="J58" i="5" s="1"/>
  <c r="N58" i="5" s="1"/>
  <c r="J1936" i="2"/>
  <c r="J1910" i="5" s="1"/>
  <c r="N1910" i="5" s="1"/>
  <c r="M1936" i="2"/>
  <c r="M1910" i="5" s="1"/>
  <c r="I1936" i="2"/>
  <c r="I1910" i="5" s="1"/>
  <c r="L1936" i="2"/>
  <c r="L1910" i="5" s="1"/>
  <c r="K1936" i="2"/>
  <c r="K1910" i="5" s="1"/>
  <c r="O1910" i="5" s="1"/>
  <c r="L8322" i="2"/>
  <c r="L8296" i="5" s="1"/>
  <c r="M8322" i="2"/>
  <c r="M8296" i="5" s="1"/>
  <c r="J8322" i="2"/>
  <c r="J8296" i="5" s="1"/>
  <c r="N8296" i="5" s="1"/>
  <c r="I8322" i="2"/>
  <c r="I8296" i="5" s="1"/>
  <c r="K8322" i="2"/>
  <c r="K8296" i="5" s="1"/>
  <c r="O8296" i="5" s="1"/>
  <c r="K8545" i="2"/>
  <c r="K8519" i="5" s="1"/>
  <c r="O8519" i="5" s="1"/>
  <c r="M8545" i="2"/>
  <c r="M8519" i="5" s="1"/>
  <c r="J8545" i="2"/>
  <c r="J8519" i="5" s="1"/>
  <c r="N8519" i="5" s="1"/>
  <c r="I8545" i="2"/>
  <c r="I8519" i="5" s="1"/>
  <c r="L8545" i="2"/>
  <c r="L8519" i="5" s="1"/>
  <c r="J465" i="2"/>
  <c r="J439" i="5" s="1"/>
  <c r="N439" i="5" s="1"/>
  <c r="M465" i="2"/>
  <c r="M439" i="5" s="1"/>
  <c r="K465" i="2"/>
  <c r="K439" i="5" s="1"/>
  <c r="O439" i="5" s="1"/>
  <c r="L465" i="2"/>
  <c r="L439" i="5" s="1"/>
  <c r="I465" i="2"/>
  <c r="I439" i="5" s="1"/>
  <c r="J2329" i="2"/>
  <c r="J2303" i="5" s="1"/>
  <c r="N2303" i="5" s="1"/>
  <c r="L2329" i="2"/>
  <c r="L2303" i="5" s="1"/>
  <c r="M2329" i="2"/>
  <c r="M2303" i="5" s="1"/>
  <c r="I2329" i="2"/>
  <c r="I2303" i="5" s="1"/>
  <c r="K2329" i="2"/>
  <c r="K2303" i="5" s="1"/>
  <c r="O2303" i="5" s="1"/>
  <c r="J4599" i="2"/>
  <c r="J4573" i="5" s="1"/>
  <c r="N4573" i="5" s="1"/>
  <c r="K4599" i="2"/>
  <c r="K4573" i="5" s="1"/>
  <c r="O4573" i="5" s="1"/>
  <c r="M4599" i="2"/>
  <c r="M4573" i="5" s="1"/>
  <c r="I4599" i="2"/>
  <c r="I4573" i="5" s="1"/>
  <c r="L4599" i="2"/>
  <c r="L4573" i="5" s="1"/>
  <c r="I4278" i="2"/>
  <c r="I4252" i="5" s="1"/>
  <c r="K4278" i="2"/>
  <c r="K4252" i="5" s="1"/>
  <c r="O4252" i="5" s="1"/>
  <c r="J4278" i="2"/>
  <c r="J4252" i="5" s="1"/>
  <c r="N4252" i="5" s="1"/>
  <c r="L4278" i="2"/>
  <c r="L4252" i="5" s="1"/>
  <c r="M4278" i="2"/>
  <c r="M4252" i="5" s="1"/>
  <c r="L739" i="2"/>
  <c r="L713" i="5" s="1"/>
  <c r="J739" i="2"/>
  <c r="J713" i="5" s="1"/>
  <c r="N713" i="5" s="1"/>
  <c r="I739" i="2"/>
  <c r="I713" i="5" s="1"/>
  <c r="K739" i="2"/>
  <c r="K713" i="5" s="1"/>
  <c r="O713" i="5" s="1"/>
  <c r="M739" i="2"/>
  <c r="M713" i="5" s="1"/>
  <c r="J4089" i="2"/>
  <c r="J4063" i="5" s="1"/>
  <c r="N4063" i="5" s="1"/>
  <c r="I4089" i="2"/>
  <c r="I4063" i="5" s="1"/>
  <c r="K4089" i="2"/>
  <c r="K4063" i="5" s="1"/>
  <c r="O4063" i="5" s="1"/>
  <c r="M4089" i="2"/>
  <c r="M4063" i="5" s="1"/>
  <c r="L4089" i="2"/>
  <c r="L4063" i="5" s="1"/>
  <c r="J4079" i="2"/>
  <c r="J4053" i="5" s="1"/>
  <c r="N4053" i="5" s="1"/>
  <c r="M4079" i="2"/>
  <c r="M4053" i="5" s="1"/>
  <c r="L4079" i="2"/>
  <c r="L4053" i="5" s="1"/>
  <c r="I4079" i="2"/>
  <c r="I4053" i="5" s="1"/>
  <c r="K4079" i="2"/>
  <c r="K4053" i="5" s="1"/>
  <c r="O4053" i="5" s="1"/>
  <c r="K7184" i="2"/>
  <c r="K7158" i="5" s="1"/>
  <c r="O7158" i="5" s="1"/>
  <c r="J7184" i="2"/>
  <c r="J7158" i="5" s="1"/>
  <c r="N7158" i="5" s="1"/>
  <c r="L7184" i="2"/>
  <c r="L7158" i="5" s="1"/>
  <c r="M7184" i="2"/>
  <c r="M7158" i="5" s="1"/>
  <c r="I7184" i="2"/>
  <c r="I7158" i="5" s="1"/>
  <c r="J7177" i="2"/>
  <c r="J7151" i="5" s="1"/>
  <c r="N7151" i="5" s="1"/>
  <c r="M7177" i="2"/>
  <c r="M7151" i="5" s="1"/>
  <c r="L7177" i="2"/>
  <c r="L7151" i="5" s="1"/>
  <c r="I7177" i="2"/>
  <c r="I7151" i="5" s="1"/>
  <c r="K7177" i="2"/>
  <c r="K7151" i="5" s="1"/>
  <c r="O7151" i="5" s="1"/>
  <c r="J715" i="2"/>
  <c r="J689" i="5" s="1"/>
  <c r="N689" i="5" s="1"/>
  <c r="L715" i="2"/>
  <c r="L689" i="5" s="1"/>
  <c r="I715" i="2"/>
  <c r="I689" i="5" s="1"/>
  <c r="K715" i="2"/>
  <c r="K689" i="5" s="1"/>
  <c r="O689" i="5" s="1"/>
  <c r="M715" i="2"/>
  <c r="M689" i="5" s="1"/>
  <c r="M7616" i="2"/>
  <c r="M7590" i="5" s="1"/>
  <c r="I7616" i="2"/>
  <c r="I7590" i="5" s="1"/>
  <c r="K7616" i="2"/>
  <c r="K7590" i="5" s="1"/>
  <c r="O7590" i="5" s="1"/>
  <c r="J7616" i="2"/>
  <c r="J7590" i="5" s="1"/>
  <c r="N7590" i="5" s="1"/>
  <c r="L7616" i="2"/>
  <c r="L7590" i="5" s="1"/>
  <c r="I5603" i="2"/>
  <c r="I5577" i="5" s="1"/>
  <c r="K5603" i="2"/>
  <c r="K5577" i="5" s="1"/>
  <c r="O5577" i="5" s="1"/>
  <c r="J5603" i="2"/>
  <c r="J5577" i="5" s="1"/>
  <c r="N5577" i="5" s="1"/>
  <c r="M5603" i="2"/>
  <c r="M5577" i="5" s="1"/>
  <c r="L5603" i="2"/>
  <c r="L5577" i="5" s="1"/>
  <c r="M8190" i="2"/>
  <c r="M8164" i="5" s="1"/>
  <c r="L8190" i="2"/>
  <c r="L8164" i="5" s="1"/>
  <c r="I8190" i="2"/>
  <c r="I8164" i="5" s="1"/>
  <c r="K8190" i="2"/>
  <c r="K8164" i="5" s="1"/>
  <c r="O8164" i="5" s="1"/>
  <c r="J8190" i="2"/>
  <c r="J8164" i="5" s="1"/>
  <c r="N8164" i="5" s="1"/>
  <c r="L1139" i="2"/>
  <c r="L1113" i="5" s="1"/>
  <c r="M1139" i="2"/>
  <c r="M1113" i="5" s="1"/>
  <c r="I1139" i="2"/>
  <c r="I1113" i="5" s="1"/>
  <c r="K1139" i="2"/>
  <c r="K1113" i="5" s="1"/>
  <c r="O1113" i="5" s="1"/>
  <c r="J1139" i="2"/>
  <c r="J1113" i="5" s="1"/>
  <c r="N1113" i="5" s="1"/>
  <c r="I2472" i="2"/>
  <c r="I2446" i="5" s="1"/>
  <c r="K2472" i="2"/>
  <c r="K2446" i="5" s="1"/>
  <c r="O2446" i="5" s="1"/>
  <c r="M2472" i="2"/>
  <c r="M2446" i="5" s="1"/>
  <c r="J2472" i="2"/>
  <c r="J2446" i="5" s="1"/>
  <c r="N2446" i="5" s="1"/>
  <c r="L2472" i="2"/>
  <c r="L2446" i="5" s="1"/>
  <c r="J937" i="2"/>
  <c r="J911" i="5" s="1"/>
  <c r="N911" i="5" s="1"/>
  <c r="I937" i="2"/>
  <c r="I911" i="5" s="1"/>
  <c r="M937" i="2"/>
  <c r="M911" i="5" s="1"/>
  <c r="L937" i="2"/>
  <c r="L911" i="5" s="1"/>
  <c r="K937" i="2"/>
  <c r="K911" i="5" s="1"/>
  <c r="O911" i="5" s="1"/>
  <c r="K796" i="2"/>
  <c r="K770" i="5" s="1"/>
  <c r="O770" i="5" s="1"/>
  <c r="L796" i="2"/>
  <c r="L770" i="5" s="1"/>
  <c r="I796" i="2"/>
  <c r="I770" i="5" s="1"/>
  <c r="M796" i="2"/>
  <c r="M770" i="5" s="1"/>
  <c r="J796" i="2"/>
  <c r="J770" i="5" s="1"/>
  <c r="N770" i="5" s="1"/>
  <c r="I593" i="2"/>
  <c r="I567" i="5" s="1"/>
  <c r="K593" i="2"/>
  <c r="K567" i="5" s="1"/>
  <c r="O567" i="5" s="1"/>
  <c r="J593" i="2"/>
  <c r="J567" i="5" s="1"/>
  <c r="N567" i="5" s="1"/>
  <c r="L593" i="2"/>
  <c r="L567" i="5" s="1"/>
  <c r="M593" i="2"/>
  <c r="M567" i="5" s="1"/>
  <c r="J7332" i="2"/>
  <c r="J7306" i="5" s="1"/>
  <c r="N7306" i="5" s="1"/>
  <c r="L7332" i="2"/>
  <c r="L7306" i="5" s="1"/>
  <c r="M7332" i="2"/>
  <c r="M7306" i="5" s="1"/>
  <c r="I7332" i="2"/>
  <c r="I7306" i="5" s="1"/>
  <c r="K7332" i="2"/>
  <c r="K7306" i="5" s="1"/>
  <c r="O7306" i="5" s="1"/>
  <c r="I2840" i="2"/>
  <c r="I2814" i="5" s="1"/>
  <c r="J2840" i="2"/>
  <c r="J2814" i="5" s="1"/>
  <c r="N2814" i="5" s="1"/>
  <c r="M2840" i="2"/>
  <c r="M2814" i="5" s="1"/>
  <c r="L2840" i="2"/>
  <c r="L2814" i="5" s="1"/>
  <c r="K2840" i="2"/>
  <c r="K2814" i="5" s="1"/>
  <c r="O2814" i="5" s="1"/>
  <c r="J2830" i="2"/>
  <c r="J2804" i="5" s="1"/>
  <c r="N2804" i="5" s="1"/>
  <c r="L2830" i="2"/>
  <c r="L2804" i="5" s="1"/>
  <c r="M2830" i="2"/>
  <c r="M2804" i="5" s="1"/>
  <c r="I2830" i="2"/>
  <c r="I2804" i="5" s="1"/>
  <c r="K2830" i="2"/>
  <c r="K2804" i="5" s="1"/>
  <c r="O2804" i="5" s="1"/>
  <c r="J4964" i="2"/>
  <c r="J4938" i="5" s="1"/>
  <c r="N4938" i="5" s="1"/>
  <c r="L4964" i="2"/>
  <c r="L4938" i="5" s="1"/>
  <c r="M4964" i="2"/>
  <c r="M4938" i="5" s="1"/>
  <c r="K4964" i="2"/>
  <c r="K4938" i="5" s="1"/>
  <c r="O4938" i="5" s="1"/>
  <c r="AR207" i="1"/>
  <c r="C213" i="5"/>
  <c r="J1442" i="2"/>
  <c r="J1416" i="5" s="1"/>
  <c r="N1416" i="5" s="1"/>
  <c r="M1442" i="2"/>
  <c r="M1416" i="5" s="1"/>
  <c r="L1442" i="2"/>
  <c r="L1416" i="5" s="1"/>
  <c r="I1442" i="2"/>
  <c r="I1416" i="5" s="1"/>
  <c r="K1442" i="2"/>
  <c r="K1416" i="5" s="1"/>
  <c r="O1416" i="5" s="1"/>
  <c r="J1778" i="2"/>
  <c r="J1752" i="5" s="1"/>
  <c r="N1752" i="5" s="1"/>
  <c r="M1778" i="2"/>
  <c r="M1752" i="5" s="1"/>
  <c r="L1778" i="2"/>
  <c r="L1752" i="5" s="1"/>
  <c r="I1778" i="2"/>
  <c r="I1752" i="5" s="1"/>
  <c r="K1778" i="2"/>
  <c r="K1752" i="5" s="1"/>
  <c r="O1752" i="5" s="1"/>
  <c r="J8126" i="2"/>
  <c r="J8100" i="5" s="1"/>
  <c r="N8100" i="5" s="1"/>
  <c r="M8126" i="2"/>
  <c r="M8100" i="5" s="1"/>
  <c r="I8126" i="2"/>
  <c r="I8100" i="5" s="1"/>
  <c r="K8126" i="2"/>
  <c r="K8100" i="5" s="1"/>
  <c r="O8100" i="5" s="1"/>
  <c r="L8126" i="2"/>
  <c r="L8100" i="5" s="1"/>
  <c r="M5592" i="2"/>
  <c r="M5566" i="5" s="1"/>
  <c r="I5592" i="2"/>
  <c r="I5566" i="5" s="1"/>
  <c r="K5592" i="2"/>
  <c r="K5566" i="5" s="1"/>
  <c r="O5566" i="5" s="1"/>
  <c r="J5592" i="2"/>
  <c r="J5566" i="5" s="1"/>
  <c r="N5566" i="5" s="1"/>
  <c r="L5592" i="2"/>
  <c r="L5566" i="5" s="1"/>
  <c r="C239" i="5"/>
  <c r="AR233" i="1"/>
  <c r="L1569" i="2"/>
  <c r="L1543" i="5" s="1"/>
  <c r="M1569" i="2"/>
  <c r="M1543" i="5" s="1"/>
  <c r="J1569" i="2"/>
  <c r="J1543" i="5" s="1"/>
  <c r="N1543" i="5" s="1"/>
  <c r="I1569" i="2"/>
  <c r="I1543" i="5" s="1"/>
  <c r="K1569" i="2"/>
  <c r="K1543" i="5" s="1"/>
  <c r="O1543" i="5" s="1"/>
  <c r="M294" i="2"/>
  <c r="M268" i="5" s="1"/>
  <c r="L294" i="2"/>
  <c r="L268" i="5" s="1"/>
  <c r="J294" i="2"/>
  <c r="J268" i="5" s="1"/>
  <c r="N268" i="5" s="1"/>
  <c r="K294" i="2"/>
  <c r="K268" i="5" s="1"/>
  <c r="O268" i="5" s="1"/>
  <c r="I294" i="2"/>
  <c r="I268" i="5" s="1"/>
  <c r="I6461" i="2"/>
  <c r="I6435" i="5" s="1"/>
  <c r="K6461" i="2"/>
  <c r="K6435" i="5" s="1"/>
  <c r="O6435" i="5" s="1"/>
  <c r="J6461" i="2"/>
  <c r="J6435" i="5" s="1"/>
  <c r="N6435" i="5" s="1"/>
  <c r="L6461" i="2"/>
  <c r="L6435" i="5" s="1"/>
  <c r="L2562" i="2"/>
  <c r="L2536" i="5" s="1"/>
  <c r="M2562" i="2"/>
  <c r="M2536" i="5" s="1"/>
  <c r="I2562" i="2"/>
  <c r="I2536" i="5" s="1"/>
  <c r="J2562" i="2"/>
  <c r="J2536" i="5" s="1"/>
  <c r="N2536" i="5" s="1"/>
  <c r="M3243" i="2"/>
  <c r="M3217" i="5" s="1"/>
  <c r="I3243" i="2"/>
  <c r="I3217" i="5" s="1"/>
  <c r="L3243" i="2"/>
  <c r="L3217" i="5" s="1"/>
  <c r="K3243" i="2"/>
  <c r="K3217" i="5" s="1"/>
  <c r="O3217" i="5" s="1"/>
  <c r="J3243" i="2"/>
  <c r="J3217" i="5" s="1"/>
  <c r="N3217" i="5" s="1"/>
  <c r="J3230" i="2"/>
  <c r="J3204" i="5" s="1"/>
  <c r="N3204" i="5" s="1"/>
  <c r="M3230" i="2"/>
  <c r="M3204" i="5" s="1"/>
  <c r="L3230" i="2"/>
  <c r="L3204" i="5" s="1"/>
  <c r="I3230" i="2"/>
  <c r="I3204" i="5" s="1"/>
  <c r="K3230" i="2"/>
  <c r="K3204" i="5" s="1"/>
  <c r="O3204" i="5" s="1"/>
  <c r="K3736" i="2"/>
  <c r="K3710" i="5" s="1"/>
  <c r="O3710" i="5" s="1"/>
  <c r="J3736" i="2"/>
  <c r="J3710" i="5" s="1"/>
  <c r="N3710" i="5" s="1"/>
  <c r="M3736" i="2"/>
  <c r="M3710" i="5" s="1"/>
  <c r="L3736" i="2"/>
  <c r="L3710" i="5" s="1"/>
  <c r="I3736" i="2"/>
  <c r="I3710" i="5" s="1"/>
  <c r="K2091" i="2"/>
  <c r="K2065" i="5" s="1"/>
  <c r="O2065" i="5" s="1"/>
  <c r="I2091" i="2"/>
  <c r="I2065" i="5" s="1"/>
  <c r="J2091" i="2"/>
  <c r="J2065" i="5" s="1"/>
  <c r="N2065" i="5" s="1"/>
  <c r="M2091" i="2"/>
  <c r="M2065" i="5" s="1"/>
  <c r="K2936" i="2"/>
  <c r="K2910" i="5" s="1"/>
  <c r="O2910" i="5" s="1"/>
  <c r="J2936" i="2"/>
  <c r="J2910" i="5" s="1"/>
  <c r="N2910" i="5" s="1"/>
  <c r="L2936" i="2"/>
  <c r="L2910" i="5" s="1"/>
  <c r="M2936" i="2"/>
  <c r="M2910" i="5" s="1"/>
  <c r="I2936" i="2"/>
  <c r="I2910" i="5" s="1"/>
  <c r="C128" i="5"/>
  <c r="AR122" i="1"/>
  <c r="M7362" i="2"/>
  <c r="M7336" i="5" s="1"/>
  <c r="I7362" i="2"/>
  <c r="I7336" i="5" s="1"/>
  <c r="K7362" i="2"/>
  <c r="K7336" i="5" s="1"/>
  <c r="O7336" i="5" s="1"/>
  <c r="L7362" i="2"/>
  <c r="L7336" i="5" s="1"/>
  <c r="J7362" i="2"/>
  <c r="J7336" i="5" s="1"/>
  <c r="N7336" i="5" s="1"/>
  <c r="J4236" i="2"/>
  <c r="J4210" i="5" s="1"/>
  <c r="N4210" i="5" s="1"/>
  <c r="M4236" i="2"/>
  <c r="M4210" i="5" s="1"/>
  <c r="L4236" i="2"/>
  <c r="L4210" i="5" s="1"/>
  <c r="I4236" i="2"/>
  <c r="I4210" i="5" s="1"/>
  <c r="K4236" i="2"/>
  <c r="K4210" i="5" s="1"/>
  <c r="O4210" i="5" s="1"/>
  <c r="M2795" i="2"/>
  <c r="M2769" i="5" s="1"/>
  <c r="L2795" i="2"/>
  <c r="L2769" i="5" s="1"/>
  <c r="I2795" i="2"/>
  <c r="I2769" i="5" s="1"/>
  <c r="J2795" i="2"/>
  <c r="J2769" i="5" s="1"/>
  <c r="N2769" i="5" s="1"/>
  <c r="K2795" i="2"/>
  <c r="K2769" i="5" s="1"/>
  <c r="O2769" i="5" s="1"/>
  <c r="K5917" i="2"/>
  <c r="K5891" i="5" s="1"/>
  <c r="O5891" i="5" s="1"/>
  <c r="J5917" i="2"/>
  <c r="J5891" i="5" s="1"/>
  <c r="N5891" i="5" s="1"/>
  <c r="M5917" i="2"/>
  <c r="M5891" i="5" s="1"/>
  <c r="L5917" i="2"/>
  <c r="L5891" i="5" s="1"/>
  <c r="I5917" i="2"/>
  <c r="I5891" i="5" s="1"/>
  <c r="M6768" i="2"/>
  <c r="M6742" i="5" s="1"/>
  <c r="L6768" i="2"/>
  <c r="L6742" i="5" s="1"/>
  <c r="I6768" i="2"/>
  <c r="I6742" i="5" s="1"/>
  <c r="K6768" i="2"/>
  <c r="K6742" i="5" s="1"/>
  <c r="O6742" i="5" s="1"/>
  <c r="J6768" i="2"/>
  <c r="J6742" i="5" s="1"/>
  <c r="N6742" i="5" s="1"/>
  <c r="J2222" i="2"/>
  <c r="J2196" i="5" s="1"/>
  <c r="N2196" i="5" s="1"/>
  <c r="M2222" i="2"/>
  <c r="M2196" i="5" s="1"/>
  <c r="I2222" i="2"/>
  <c r="I2196" i="5" s="1"/>
  <c r="K2222" i="2"/>
  <c r="K2196" i="5" s="1"/>
  <c r="O2196" i="5" s="1"/>
  <c r="L2222" i="2"/>
  <c r="L2196" i="5" s="1"/>
  <c r="I1805" i="2"/>
  <c r="I1779" i="5" s="1"/>
  <c r="K1805" i="2"/>
  <c r="K1779" i="5" s="1"/>
  <c r="O1779" i="5" s="1"/>
  <c r="J1805" i="2"/>
  <c r="J1779" i="5" s="1"/>
  <c r="N1779" i="5" s="1"/>
  <c r="M1805" i="2"/>
  <c r="M1779" i="5" s="1"/>
  <c r="L1805" i="2"/>
  <c r="L1779" i="5" s="1"/>
  <c r="M1812" i="2"/>
  <c r="M1786" i="5" s="1"/>
  <c r="J1812" i="2"/>
  <c r="J1786" i="5" s="1"/>
  <c r="N1786" i="5" s="1"/>
  <c r="I1812" i="2"/>
  <c r="I1786" i="5" s="1"/>
  <c r="L1812" i="2"/>
  <c r="L1786" i="5" s="1"/>
  <c r="K1812" i="2"/>
  <c r="K1786" i="5" s="1"/>
  <c r="O1786" i="5" s="1"/>
  <c r="M4645" i="2"/>
  <c r="M4619" i="5" s="1"/>
  <c r="L4645" i="2"/>
  <c r="L4619" i="5" s="1"/>
  <c r="I4645" i="2"/>
  <c r="I4619" i="5" s="1"/>
  <c r="K4645" i="2"/>
  <c r="K4619" i="5" s="1"/>
  <c r="O4619" i="5" s="1"/>
  <c r="J4645" i="2"/>
  <c r="J4619" i="5" s="1"/>
  <c r="N4619" i="5" s="1"/>
  <c r="L806" i="2"/>
  <c r="L780" i="5" s="1"/>
  <c r="M806" i="2"/>
  <c r="M780" i="5" s="1"/>
  <c r="I806" i="2"/>
  <c r="I780" i="5" s="1"/>
  <c r="K806" i="2"/>
  <c r="K780" i="5" s="1"/>
  <c r="O780" i="5" s="1"/>
  <c r="J806" i="2"/>
  <c r="J780" i="5" s="1"/>
  <c r="N780" i="5" s="1"/>
  <c r="K2959" i="2"/>
  <c r="K2933" i="5" s="1"/>
  <c r="O2933" i="5" s="1"/>
  <c r="M2959" i="2"/>
  <c r="M2933" i="5" s="1"/>
  <c r="J2959" i="2"/>
  <c r="J2933" i="5" s="1"/>
  <c r="N2933" i="5" s="1"/>
  <c r="L2959" i="2"/>
  <c r="L2933" i="5" s="1"/>
  <c r="I2959" i="2"/>
  <c r="I2933" i="5" s="1"/>
  <c r="J7829" i="2"/>
  <c r="J7803" i="5" s="1"/>
  <c r="N7803" i="5" s="1"/>
  <c r="I7829" i="2"/>
  <c r="I7803" i="5" s="1"/>
  <c r="L7829" i="2"/>
  <c r="L7803" i="5" s="1"/>
  <c r="M7829" i="2"/>
  <c r="M7803" i="5" s="1"/>
  <c r="K7829" i="2"/>
  <c r="K7803" i="5" s="1"/>
  <c r="O7803" i="5" s="1"/>
  <c r="L981" i="2"/>
  <c r="L955" i="5" s="1"/>
  <c r="M981" i="2"/>
  <c r="M955" i="5" s="1"/>
  <c r="I981" i="2"/>
  <c r="I955" i="5" s="1"/>
  <c r="K981" i="2"/>
  <c r="K955" i="5" s="1"/>
  <c r="O955" i="5" s="1"/>
  <c r="J981" i="2"/>
  <c r="J955" i="5" s="1"/>
  <c r="N955" i="5" s="1"/>
  <c r="J987" i="2"/>
  <c r="J961" i="5" s="1"/>
  <c r="N961" i="5" s="1"/>
  <c r="M987" i="2"/>
  <c r="M961" i="5" s="1"/>
  <c r="L987" i="2"/>
  <c r="L961" i="5" s="1"/>
  <c r="I987" i="2"/>
  <c r="I961" i="5" s="1"/>
  <c r="K987" i="2"/>
  <c r="K961" i="5" s="1"/>
  <c r="O961" i="5" s="1"/>
  <c r="I8468" i="2"/>
  <c r="I8442" i="5" s="1"/>
  <c r="K8468" i="2"/>
  <c r="K8442" i="5" s="1"/>
  <c r="O8442" i="5" s="1"/>
  <c r="J8468" i="2"/>
  <c r="J8442" i="5" s="1"/>
  <c r="N8442" i="5" s="1"/>
  <c r="L8468" i="2"/>
  <c r="L8442" i="5" s="1"/>
  <c r="M8468" i="2"/>
  <c r="M8442" i="5" s="1"/>
  <c r="M4474" i="2"/>
  <c r="M4448" i="5" s="1"/>
  <c r="L4474" i="2"/>
  <c r="L4448" i="5" s="1"/>
  <c r="I4474" i="2"/>
  <c r="I4448" i="5" s="1"/>
  <c r="K4474" i="2"/>
  <c r="K4448" i="5" s="1"/>
  <c r="O4448" i="5" s="1"/>
  <c r="J4474" i="2"/>
  <c r="J4448" i="5" s="1"/>
  <c r="N4448" i="5" s="1"/>
  <c r="L2253" i="2"/>
  <c r="L2227" i="5" s="1"/>
  <c r="M2253" i="2"/>
  <c r="M2227" i="5" s="1"/>
  <c r="I2253" i="2"/>
  <c r="I2227" i="5" s="1"/>
  <c r="K2253" i="2"/>
  <c r="K2227" i="5" s="1"/>
  <c r="O2227" i="5" s="1"/>
  <c r="J2253" i="2"/>
  <c r="J2227" i="5" s="1"/>
  <c r="N2227" i="5" s="1"/>
  <c r="C100" i="5"/>
  <c r="AR94" i="1"/>
  <c r="M3754" i="2"/>
  <c r="M3728" i="5" s="1"/>
  <c r="I3754" i="2"/>
  <c r="I3728" i="5" s="1"/>
  <c r="L3754" i="2"/>
  <c r="L3728" i="5" s="1"/>
  <c r="K3754" i="2"/>
  <c r="K3728" i="5" s="1"/>
  <c r="O3728" i="5" s="1"/>
  <c r="J3754" i="2"/>
  <c r="J3728" i="5" s="1"/>
  <c r="N3728" i="5" s="1"/>
  <c r="L3776" i="2"/>
  <c r="L3750" i="5" s="1"/>
  <c r="I3776" i="2"/>
  <c r="I3750" i="5" s="1"/>
  <c r="K3776" i="2"/>
  <c r="K3750" i="5" s="1"/>
  <c r="O3750" i="5" s="1"/>
  <c r="J3776" i="2"/>
  <c r="J3750" i="5" s="1"/>
  <c r="N3750" i="5" s="1"/>
  <c r="M3776" i="2"/>
  <c r="M3750" i="5" s="1"/>
  <c r="L881" i="2"/>
  <c r="L855" i="5" s="1"/>
  <c r="M881" i="2"/>
  <c r="M855" i="5" s="1"/>
  <c r="I881" i="2"/>
  <c r="I855" i="5" s="1"/>
  <c r="K881" i="2"/>
  <c r="K855" i="5" s="1"/>
  <c r="O855" i="5" s="1"/>
  <c r="J881" i="2"/>
  <c r="J855" i="5" s="1"/>
  <c r="N855" i="5" s="1"/>
  <c r="K5860" i="2"/>
  <c r="K5834" i="5" s="1"/>
  <c r="O5834" i="5" s="1"/>
  <c r="J5860" i="2"/>
  <c r="J5834" i="5" s="1"/>
  <c r="N5834" i="5" s="1"/>
  <c r="L5860" i="2"/>
  <c r="L5834" i="5" s="1"/>
  <c r="M5860" i="2"/>
  <c r="M5834" i="5" s="1"/>
  <c r="I5860" i="2"/>
  <c r="I5834" i="5" s="1"/>
  <c r="M5761" i="2"/>
  <c r="M5735" i="5" s="1"/>
  <c r="L5761" i="2"/>
  <c r="L5735" i="5" s="1"/>
  <c r="K5761" i="2"/>
  <c r="K5735" i="5" s="1"/>
  <c r="O5735" i="5" s="1"/>
  <c r="I5761" i="2"/>
  <c r="I5735" i="5" s="1"/>
  <c r="J5761" i="2"/>
  <c r="J5735" i="5" s="1"/>
  <c r="N5735" i="5" s="1"/>
  <c r="J5753" i="2"/>
  <c r="J5727" i="5" s="1"/>
  <c r="N5727" i="5" s="1"/>
  <c r="L5753" i="2"/>
  <c r="L5727" i="5" s="1"/>
  <c r="M5753" i="2"/>
  <c r="M5727" i="5" s="1"/>
  <c r="I5753" i="2"/>
  <c r="I5727" i="5" s="1"/>
  <c r="K5753" i="2"/>
  <c r="K5727" i="5" s="1"/>
  <c r="O5727" i="5" s="1"/>
  <c r="M211" i="2"/>
  <c r="M185" i="5" s="1"/>
  <c r="L211" i="2"/>
  <c r="L185" i="5" s="1"/>
  <c r="K211" i="2"/>
  <c r="K185" i="5" s="1"/>
  <c r="O185" i="5" s="1"/>
  <c r="I211" i="2"/>
  <c r="I185" i="5" s="1"/>
  <c r="J211" i="2"/>
  <c r="J185" i="5" s="1"/>
  <c r="N185" i="5" s="1"/>
  <c r="I4942" i="2"/>
  <c r="I4916" i="5" s="1"/>
  <c r="K4942" i="2"/>
  <c r="K4916" i="5" s="1"/>
  <c r="O4916" i="5" s="1"/>
  <c r="J4942" i="2"/>
  <c r="J4916" i="5" s="1"/>
  <c r="N4916" i="5" s="1"/>
  <c r="L4942" i="2"/>
  <c r="L4916" i="5" s="1"/>
  <c r="M4942" i="2"/>
  <c r="M4916" i="5" s="1"/>
  <c r="M7110" i="2"/>
  <c r="M7084" i="5" s="1"/>
  <c r="I7110" i="2"/>
  <c r="I7084" i="5" s="1"/>
  <c r="K7110" i="2"/>
  <c r="K7084" i="5" s="1"/>
  <c r="O7084" i="5" s="1"/>
  <c r="M373" i="2"/>
  <c r="M347" i="5" s="1"/>
  <c r="L373" i="2"/>
  <c r="L347" i="5" s="1"/>
  <c r="J373" i="2"/>
  <c r="J347" i="5" s="1"/>
  <c r="N347" i="5" s="1"/>
  <c r="K373" i="2"/>
  <c r="K347" i="5" s="1"/>
  <c r="O347" i="5" s="1"/>
  <c r="I373" i="2"/>
  <c r="I347" i="5" s="1"/>
  <c r="I5458" i="2"/>
  <c r="I5432" i="5" s="1"/>
  <c r="K5458" i="2"/>
  <c r="K5432" i="5" s="1"/>
  <c r="O5432" i="5" s="1"/>
  <c r="L5458" i="2"/>
  <c r="L5432" i="5" s="1"/>
  <c r="M5458" i="2"/>
  <c r="M5432" i="5" s="1"/>
  <c r="J5458" i="2"/>
  <c r="J5432" i="5" s="1"/>
  <c r="N5432" i="5" s="1"/>
  <c r="L2963" i="2"/>
  <c r="L2937" i="5" s="1"/>
  <c r="I2963" i="2"/>
  <c r="I2937" i="5" s="1"/>
  <c r="K2963" i="2"/>
  <c r="K2937" i="5" s="1"/>
  <c r="O2937" i="5" s="1"/>
  <c r="J2963" i="2"/>
  <c r="J2937" i="5" s="1"/>
  <c r="N2937" i="5" s="1"/>
  <c r="M2963" i="2"/>
  <c r="M2937" i="5" s="1"/>
  <c r="K1644" i="2"/>
  <c r="K1618" i="5" s="1"/>
  <c r="O1618" i="5" s="1"/>
  <c r="J1644" i="2"/>
  <c r="J1618" i="5" s="1"/>
  <c r="N1618" i="5" s="1"/>
  <c r="M1644" i="2"/>
  <c r="M1618" i="5" s="1"/>
  <c r="L1644" i="2"/>
  <c r="L1618" i="5" s="1"/>
  <c r="I1644" i="2"/>
  <c r="I1618" i="5" s="1"/>
  <c r="L8209" i="2"/>
  <c r="L8183" i="5" s="1"/>
  <c r="M8209" i="2"/>
  <c r="M8183" i="5" s="1"/>
  <c r="I8209" i="2"/>
  <c r="I8183" i="5" s="1"/>
  <c r="K8209" i="2"/>
  <c r="K8183" i="5" s="1"/>
  <c r="O8183" i="5" s="1"/>
  <c r="J8209" i="2"/>
  <c r="J8183" i="5" s="1"/>
  <c r="N8183" i="5" s="1"/>
  <c r="J8204" i="2"/>
  <c r="J8178" i="5" s="1"/>
  <c r="N8178" i="5" s="1"/>
  <c r="L8204" i="2"/>
  <c r="L8178" i="5" s="1"/>
  <c r="M8204" i="2"/>
  <c r="M8178" i="5" s="1"/>
  <c r="I8204" i="2"/>
  <c r="I8178" i="5" s="1"/>
  <c r="K8204" i="2"/>
  <c r="K8178" i="5" s="1"/>
  <c r="O8178" i="5" s="1"/>
  <c r="L5158" i="2"/>
  <c r="L5132" i="5" s="1"/>
  <c r="I5158" i="2"/>
  <c r="I5132" i="5" s="1"/>
  <c r="K5158" i="2"/>
  <c r="K5132" i="5" s="1"/>
  <c r="O5132" i="5" s="1"/>
  <c r="J5158" i="2"/>
  <c r="J5132" i="5" s="1"/>
  <c r="N5132" i="5" s="1"/>
  <c r="M5158" i="2"/>
  <c r="M5132" i="5" s="1"/>
  <c r="L6641" i="2"/>
  <c r="L6615" i="5" s="1"/>
  <c r="K6641" i="2"/>
  <c r="K6615" i="5" s="1"/>
  <c r="O6615" i="5" s="1"/>
  <c r="J6641" i="2"/>
  <c r="J6615" i="5" s="1"/>
  <c r="N6615" i="5" s="1"/>
  <c r="M6641" i="2"/>
  <c r="M6615" i="5" s="1"/>
  <c r="I6641" i="2"/>
  <c r="I6615" i="5" s="1"/>
  <c r="I4423" i="2"/>
  <c r="I4397" i="5" s="1"/>
  <c r="L4423" i="2"/>
  <c r="L4397" i="5" s="1"/>
  <c r="K4423" i="2"/>
  <c r="K4397" i="5" s="1"/>
  <c r="O4397" i="5" s="1"/>
  <c r="J4423" i="2"/>
  <c r="J4397" i="5" s="1"/>
  <c r="N4397" i="5" s="1"/>
  <c r="M4423" i="2"/>
  <c r="M4397" i="5" s="1"/>
  <c r="K6534" i="2"/>
  <c r="K6508" i="5" s="1"/>
  <c r="O6508" i="5" s="1"/>
  <c r="L6534" i="2"/>
  <c r="L6508" i="5" s="1"/>
  <c r="I6534" i="2"/>
  <c r="I6508" i="5" s="1"/>
  <c r="J6534" i="2"/>
  <c r="J6508" i="5" s="1"/>
  <c r="N6508" i="5" s="1"/>
  <c r="M6534" i="2"/>
  <c r="M6508" i="5" s="1"/>
  <c r="I2293" i="2"/>
  <c r="I2267" i="5" s="1"/>
  <c r="K2293" i="2"/>
  <c r="K2267" i="5" s="1"/>
  <c r="O2267" i="5" s="1"/>
  <c r="J2293" i="2"/>
  <c r="J2267" i="5" s="1"/>
  <c r="N2267" i="5" s="1"/>
  <c r="L2293" i="2"/>
  <c r="L2267" i="5" s="1"/>
  <c r="M2293" i="2"/>
  <c r="M2267" i="5" s="1"/>
  <c r="M1270" i="2"/>
  <c r="M1244" i="5" s="1"/>
  <c r="K1270" i="2"/>
  <c r="K1244" i="5" s="1"/>
  <c r="O1244" i="5" s="1"/>
  <c r="L1270" i="2"/>
  <c r="L1244" i="5" s="1"/>
  <c r="M1724" i="2"/>
  <c r="M1698" i="5" s="1"/>
  <c r="L1724" i="2"/>
  <c r="L1698" i="5" s="1"/>
  <c r="I1724" i="2"/>
  <c r="I1698" i="5" s="1"/>
  <c r="K1724" i="2"/>
  <c r="K1698" i="5" s="1"/>
  <c r="O1698" i="5" s="1"/>
  <c r="J1724" i="2"/>
  <c r="J1698" i="5" s="1"/>
  <c r="N1698" i="5" s="1"/>
  <c r="M6195" i="2"/>
  <c r="M6169" i="5" s="1"/>
  <c r="I6195" i="2"/>
  <c r="I6169" i="5" s="1"/>
  <c r="L6195" i="2"/>
  <c r="L6169" i="5" s="1"/>
  <c r="K6195" i="2"/>
  <c r="K6169" i="5" s="1"/>
  <c r="O6169" i="5" s="1"/>
  <c r="J6195" i="2"/>
  <c r="J6169" i="5" s="1"/>
  <c r="N6169" i="5" s="1"/>
  <c r="I2672" i="2"/>
  <c r="I2646" i="5" s="1"/>
  <c r="K2672" i="2"/>
  <c r="K2646" i="5" s="1"/>
  <c r="O2646" i="5" s="1"/>
  <c r="J2672" i="2"/>
  <c r="J2646" i="5" s="1"/>
  <c r="N2646" i="5" s="1"/>
  <c r="M2672" i="2"/>
  <c r="M2646" i="5" s="1"/>
  <c r="L2672" i="2"/>
  <c r="L2646" i="5" s="1"/>
  <c r="M6832" i="2"/>
  <c r="M6806" i="5" s="1"/>
  <c r="I6832" i="2"/>
  <c r="I6806" i="5" s="1"/>
  <c r="K6832" i="2"/>
  <c r="K6806" i="5" s="1"/>
  <c r="O6806" i="5" s="1"/>
  <c r="I3406" i="2"/>
  <c r="I3380" i="5" s="1"/>
  <c r="M3406" i="2"/>
  <c r="M3380" i="5" s="1"/>
  <c r="K3406" i="2"/>
  <c r="K3380" i="5" s="1"/>
  <c r="O3380" i="5" s="1"/>
  <c r="J3406" i="2"/>
  <c r="J3380" i="5" s="1"/>
  <c r="N3380" i="5" s="1"/>
  <c r="L3406" i="2"/>
  <c r="L3380" i="5" s="1"/>
  <c r="K545" i="2"/>
  <c r="K519" i="5" s="1"/>
  <c r="O519" i="5" s="1"/>
  <c r="I545" i="2"/>
  <c r="I519" i="5" s="1"/>
  <c r="L545" i="2"/>
  <c r="L519" i="5" s="1"/>
  <c r="M545" i="2"/>
  <c r="M519" i="5" s="1"/>
  <c r="J545" i="2"/>
  <c r="J519" i="5" s="1"/>
  <c r="N519" i="5" s="1"/>
  <c r="I4310" i="2"/>
  <c r="I4284" i="5" s="1"/>
  <c r="L4310" i="2"/>
  <c r="L4284" i="5" s="1"/>
  <c r="K4310" i="2"/>
  <c r="K4284" i="5" s="1"/>
  <c r="O4284" i="5" s="1"/>
  <c r="J4310" i="2"/>
  <c r="J4284" i="5" s="1"/>
  <c r="N4284" i="5" s="1"/>
  <c r="M4310" i="2"/>
  <c r="M4284" i="5" s="1"/>
  <c r="M6954" i="2"/>
  <c r="M6928" i="5" s="1"/>
  <c r="I6954" i="2"/>
  <c r="I6928" i="5" s="1"/>
  <c r="K6954" i="2"/>
  <c r="K6928" i="5" s="1"/>
  <c r="O6928" i="5" s="1"/>
  <c r="L6954" i="2"/>
  <c r="L6928" i="5" s="1"/>
  <c r="J6954" i="2"/>
  <c r="J6928" i="5" s="1"/>
  <c r="N6928" i="5" s="1"/>
  <c r="L1451" i="2"/>
  <c r="L1425" i="5" s="1"/>
  <c r="M1451" i="2"/>
  <c r="M1425" i="5" s="1"/>
  <c r="I1451" i="2"/>
  <c r="I1425" i="5" s="1"/>
  <c r="K1451" i="2"/>
  <c r="K1425" i="5" s="1"/>
  <c r="O1425" i="5" s="1"/>
  <c r="J1451" i="2"/>
  <c r="J1425" i="5" s="1"/>
  <c r="N1425" i="5" s="1"/>
  <c r="M4170" i="2"/>
  <c r="M4144" i="5" s="1"/>
  <c r="J4170" i="2"/>
  <c r="J4144" i="5" s="1"/>
  <c r="N4144" i="5" s="1"/>
  <c r="I4170" i="2"/>
  <c r="I4144" i="5" s="1"/>
  <c r="K4170" i="2"/>
  <c r="K4144" i="5" s="1"/>
  <c r="O4144" i="5" s="1"/>
  <c r="L4170" i="2"/>
  <c r="L4144" i="5" s="1"/>
  <c r="L6495" i="2"/>
  <c r="L6469" i="5" s="1"/>
  <c r="J6495" i="2"/>
  <c r="J6469" i="5" s="1"/>
  <c r="N6469" i="5" s="1"/>
  <c r="M6495" i="2"/>
  <c r="M6469" i="5" s="1"/>
  <c r="I6495" i="2"/>
  <c r="I6469" i="5" s="1"/>
  <c r="K6495" i="2"/>
  <c r="K6469" i="5" s="1"/>
  <c r="O6469" i="5" s="1"/>
  <c r="M5789" i="2"/>
  <c r="M5763" i="5" s="1"/>
  <c r="J5789" i="2"/>
  <c r="J5763" i="5" s="1"/>
  <c r="N5763" i="5" s="1"/>
  <c r="L5789" i="2"/>
  <c r="L5763" i="5" s="1"/>
  <c r="I5789" i="2"/>
  <c r="I5763" i="5" s="1"/>
  <c r="K5789" i="2"/>
  <c r="K5763" i="5" s="1"/>
  <c r="O5763" i="5" s="1"/>
  <c r="J5320" i="2"/>
  <c r="J5294" i="5" s="1"/>
  <c r="N5294" i="5" s="1"/>
  <c r="L5320" i="2"/>
  <c r="L5294" i="5" s="1"/>
  <c r="I5320" i="2"/>
  <c r="I5294" i="5" s="1"/>
  <c r="K5320" i="2"/>
  <c r="K5294" i="5" s="1"/>
  <c r="O5294" i="5" s="1"/>
  <c r="M5320" i="2"/>
  <c r="M5294" i="5" s="1"/>
  <c r="M567" i="2"/>
  <c r="M541" i="5" s="1"/>
  <c r="J567" i="2"/>
  <c r="J541" i="5" s="1"/>
  <c r="N541" i="5" s="1"/>
  <c r="L567" i="2"/>
  <c r="L541" i="5" s="1"/>
  <c r="I567" i="2"/>
  <c r="I541" i="5" s="1"/>
  <c r="K567" i="2"/>
  <c r="K541" i="5" s="1"/>
  <c r="O541" i="5" s="1"/>
  <c r="L3138" i="2"/>
  <c r="L3112" i="5" s="1"/>
  <c r="I3138" i="2"/>
  <c r="I3112" i="5" s="1"/>
  <c r="K3138" i="2"/>
  <c r="K3112" i="5" s="1"/>
  <c r="O3112" i="5" s="1"/>
  <c r="J3138" i="2"/>
  <c r="J3112" i="5" s="1"/>
  <c r="N3112" i="5" s="1"/>
  <c r="M3138" i="2"/>
  <c r="M3112" i="5" s="1"/>
  <c r="I1959" i="2"/>
  <c r="I1933" i="5" s="1"/>
  <c r="K1959" i="2"/>
  <c r="K1933" i="5" s="1"/>
  <c r="O1933" i="5" s="1"/>
  <c r="J1959" i="2"/>
  <c r="J1933" i="5" s="1"/>
  <c r="N1933" i="5" s="1"/>
  <c r="L1959" i="2"/>
  <c r="L1933" i="5" s="1"/>
  <c r="M1959" i="2"/>
  <c r="M1933" i="5" s="1"/>
  <c r="I8098" i="2"/>
  <c r="I8072" i="5" s="1"/>
  <c r="K8098" i="2"/>
  <c r="K8072" i="5" s="1"/>
  <c r="O8072" i="5" s="1"/>
  <c r="M8098" i="2"/>
  <c r="M8072" i="5" s="1"/>
  <c r="J8098" i="2"/>
  <c r="J8072" i="5" s="1"/>
  <c r="N8072" i="5" s="1"/>
  <c r="L8098" i="2"/>
  <c r="L8072" i="5" s="1"/>
  <c r="J5353" i="2"/>
  <c r="J5327" i="5" s="1"/>
  <c r="N5327" i="5" s="1"/>
  <c r="L5353" i="2"/>
  <c r="L5327" i="5" s="1"/>
  <c r="I5353" i="2"/>
  <c r="I5327" i="5" s="1"/>
  <c r="K5353" i="2"/>
  <c r="K5327" i="5" s="1"/>
  <c r="O5327" i="5" s="1"/>
  <c r="M5353" i="2"/>
  <c r="M5327" i="5" s="1"/>
  <c r="I5996" i="2"/>
  <c r="I5970" i="5" s="1"/>
  <c r="M5996" i="2"/>
  <c r="M5970" i="5" s="1"/>
  <c r="K5996" i="2"/>
  <c r="K5970" i="5" s="1"/>
  <c r="O5970" i="5" s="1"/>
  <c r="J5996" i="2"/>
  <c r="J5970" i="5" s="1"/>
  <c r="N5970" i="5" s="1"/>
  <c r="L5996" i="2"/>
  <c r="L5970" i="5" s="1"/>
  <c r="I1994" i="2"/>
  <c r="I1968" i="5" s="1"/>
  <c r="K1994" i="2"/>
  <c r="K1968" i="5" s="1"/>
  <c r="O1968" i="5" s="1"/>
  <c r="L1994" i="2"/>
  <c r="L1968" i="5" s="1"/>
  <c r="M1994" i="2"/>
  <c r="M1968" i="5" s="1"/>
  <c r="J1994" i="2"/>
  <c r="J1968" i="5" s="1"/>
  <c r="N1968" i="5" s="1"/>
  <c r="I414" i="2"/>
  <c r="I388" i="5" s="1"/>
  <c r="K414" i="2"/>
  <c r="K388" i="5" s="1"/>
  <c r="O388" i="5" s="1"/>
  <c r="L414" i="2"/>
  <c r="L388" i="5" s="1"/>
  <c r="M414" i="2"/>
  <c r="M388" i="5" s="1"/>
  <c r="J414" i="2"/>
  <c r="J388" i="5" s="1"/>
  <c r="N388" i="5" s="1"/>
  <c r="I3074" i="2"/>
  <c r="I3048" i="5" s="1"/>
  <c r="M3074" i="2"/>
  <c r="M3048" i="5" s="1"/>
  <c r="L3074" i="2"/>
  <c r="L3048" i="5" s="1"/>
  <c r="K3074" i="2"/>
  <c r="K3048" i="5" s="1"/>
  <c r="O3048" i="5" s="1"/>
  <c r="J3074" i="2"/>
  <c r="J3048" i="5" s="1"/>
  <c r="N3048" i="5" s="1"/>
  <c r="AR128" i="1"/>
  <c r="C134" i="5"/>
  <c r="L551" i="2"/>
  <c r="L525" i="5" s="1"/>
  <c r="I551" i="2"/>
  <c r="I525" i="5" s="1"/>
  <c r="K551" i="2"/>
  <c r="K525" i="5" s="1"/>
  <c r="O525" i="5" s="1"/>
  <c r="M551" i="2"/>
  <c r="M525" i="5" s="1"/>
  <c r="J551" i="2"/>
  <c r="J525" i="5" s="1"/>
  <c r="N525" i="5" s="1"/>
  <c r="K6612" i="2"/>
  <c r="K6586" i="5" s="1"/>
  <c r="O6586" i="5" s="1"/>
  <c r="M6612" i="2"/>
  <c r="M6586" i="5" s="1"/>
  <c r="I6612" i="2"/>
  <c r="I6586" i="5" s="1"/>
  <c r="J6612" i="2"/>
  <c r="J6586" i="5" s="1"/>
  <c r="N6586" i="5" s="1"/>
  <c r="L6612" i="2"/>
  <c r="L6586" i="5" s="1"/>
  <c r="J6626" i="2"/>
  <c r="J6600" i="5" s="1"/>
  <c r="N6600" i="5" s="1"/>
  <c r="M6626" i="2"/>
  <c r="M6600" i="5" s="1"/>
  <c r="L6626" i="2"/>
  <c r="L6600" i="5" s="1"/>
  <c r="I6626" i="2"/>
  <c r="I6600" i="5" s="1"/>
  <c r="K6626" i="2"/>
  <c r="K6600" i="5" s="1"/>
  <c r="O6600" i="5" s="1"/>
  <c r="K1117" i="2"/>
  <c r="K1091" i="5" s="1"/>
  <c r="O1091" i="5" s="1"/>
  <c r="L1117" i="2"/>
  <c r="L1091" i="5" s="1"/>
  <c r="M1117" i="2"/>
  <c r="M1091" i="5" s="1"/>
  <c r="J1117" i="2"/>
  <c r="J1091" i="5" s="1"/>
  <c r="N1091" i="5" s="1"/>
  <c r="I1117" i="2"/>
  <c r="I1091" i="5" s="1"/>
  <c r="K7316" i="2"/>
  <c r="K7290" i="5" s="1"/>
  <c r="O7290" i="5" s="1"/>
  <c r="J7316" i="2"/>
  <c r="J7290" i="5" s="1"/>
  <c r="N7290" i="5" s="1"/>
  <c r="L7316" i="2"/>
  <c r="L7290" i="5" s="1"/>
  <c r="M7316" i="2"/>
  <c r="M7290" i="5" s="1"/>
  <c r="I7316" i="2"/>
  <c r="I7290" i="5" s="1"/>
  <c r="L7976" i="2"/>
  <c r="L7950" i="5" s="1"/>
  <c r="M7976" i="2"/>
  <c r="M7950" i="5" s="1"/>
  <c r="J7976" i="2"/>
  <c r="J7950" i="5" s="1"/>
  <c r="N7950" i="5" s="1"/>
  <c r="I7976" i="2"/>
  <c r="I7950" i="5" s="1"/>
  <c r="K7976" i="2"/>
  <c r="K7950" i="5" s="1"/>
  <c r="O7950" i="5" s="1"/>
  <c r="M3272" i="2"/>
  <c r="M3246" i="5" s="1"/>
  <c r="L3272" i="2"/>
  <c r="L3246" i="5" s="1"/>
  <c r="I3272" i="2"/>
  <c r="I3246" i="5" s="1"/>
  <c r="K3272" i="2"/>
  <c r="K3246" i="5" s="1"/>
  <c r="O3246" i="5" s="1"/>
  <c r="J3272" i="2"/>
  <c r="J3246" i="5" s="1"/>
  <c r="N3246" i="5" s="1"/>
  <c r="M5025" i="2"/>
  <c r="M4999" i="5" s="1"/>
  <c r="J5025" i="2"/>
  <c r="J4999" i="5" s="1"/>
  <c r="N4999" i="5" s="1"/>
  <c r="L5025" i="2"/>
  <c r="L4999" i="5" s="1"/>
  <c r="K5025" i="2"/>
  <c r="K4999" i="5" s="1"/>
  <c r="O4999" i="5" s="1"/>
  <c r="I5025" i="2"/>
  <c r="I4999" i="5" s="1"/>
  <c r="J1081" i="2"/>
  <c r="J1055" i="5" s="1"/>
  <c r="N1055" i="5" s="1"/>
  <c r="M1081" i="2"/>
  <c r="M1055" i="5" s="1"/>
  <c r="L1081" i="2"/>
  <c r="L1055" i="5" s="1"/>
  <c r="K1081" i="2"/>
  <c r="K1055" i="5" s="1"/>
  <c r="O1055" i="5" s="1"/>
  <c r="M1082" i="2"/>
  <c r="M1056" i="5" s="1"/>
  <c r="J1082" i="2"/>
  <c r="J1056" i="5" s="1"/>
  <c r="N1056" i="5" s="1"/>
  <c r="L1082" i="2"/>
  <c r="L1056" i="5" s="1"/>
  <c r="I1082" i="2"/>
  <c r="I1056" i="5" s="1"/>
  <c r="K1082" i="2"/>
  <c r="K1056" i="5" s="1"/>
  <c r="O1056" i="5" s="1"/>
  <c r="I4009" i="2"/>
  <c r="I3983" i="5" s="1"/>
  <c r="K4009" i="2"/>
  <c r="K3983" i="5" s="1"/>
  <c r="O3983" i="5" s="1"/>
  <c r="L4009" i="2"/>
  <c r="L3983" i="5" s="1"/>
  <c r="J4009" i="2"/>
  <c r="J3983" i="5" s="1"/>
  <c r="N3983" i="5" s="1"/>
  <c r="M4009" i="2"/>
  <c r="M3983" i="5" s="1"/>
  <c r="L1311" i="2"/>
  <c r="L1285" i="5" s="1"/>
  <c r="M1311" i="2"/>
  <c r="M1285" i="5" s="1"/>
  <c r="K1311" i="2"/>
  <c r="K1285" i="5" s="1"/>
  <c r="O1285" i="5" s="1"/>
  <c r="I1311" i="2"/>
  <c r="I1285" i="5" s="1"/>
  <c r="J1311" i="2"/>
  <c r="J1285" i="5" s="1"/>
  <c r="N1285" i="5" s="1"/>
  <c r="J1313" i="2"/>
  <c r="J1287" i="5" s="1"/>
  <c r="N1287" i="5" s="1"/>
  <c r="M1313" i="2"/>
  <c r="M1287" i="5" s="1"/>
  <c r="I1313" i="2"/>
  <c r="I1287" i="5" s="1"/>
  <c r="L1313" i="2"/>
  <c r="L1287" i="5" s="1"/>
  <c r="K1313" i="2"/>
  <c r="K1287" i="5" s="1"/>
  <c r="O1287" i="5" s="1"/>
  <c r="L4317" i="2"/>
  <c r="L4291" i="5" s="1"/>
  <c r="J4317" i="2"/>
  <c r="J4291" i="5" s="1"/>
  <c r="N4291" i="5" s="1"/>
  <c r="M4317" i="2"/>
  <c r="M4291" i="5" s="1"/>
  <c r="I4317" i="2"/>
  <c r="I4291" i="5" s="1"/>
  <c r="K4317" i="2"/>
  <c r="K4291" i="5" s="1"/>
  <c r="O4291" i="5" s="1"/>
  <c r="J3300" i="2"/>
  <c r="J3274" i="5" s="1"/>
  <c r="N3274" i="5" s="1"/>
  <c r="L3300" i="2"/>
  <c r="L3274" i="5" s="1"/>
  <c r="I3300" i="2"/>
  <c r="I3274" i="5" s="1"/>
  <c r="K3300" i="2"/>
  <c r="K3274" i="5" s="1"/>
  <c r="O3274" i="5" s="1"/>
  <c r="M3300" i="2"/>
  <c r="M3274" i="5" s="1"/>
  <c r="J3315" i="2"/>
  <c r="J3289" i="5" s="1"/>
  <c r="N3289" i="5" s="1"/>
  <c r="I3315" i="2"/>
  <c r="I3289" i="5" s="1"/>
  <c r="M3315" i="2"/>
  <c r="M3289" i="5" s="1"/>
  <c r="K3315" i="2"/>
  <c r="K3289" i="5" s="1"/>
  <c r="O3289" i="5" s="1"/>
  <c r="L3315" i="2"/>
  <c r="L3289" i="5" s="1"/>
  <c r="M4129" i="2"/>
  <c r="M4103" i="5" s="1"/>
  <c r="L4129" i="2"/>
  <c r="L4103" i="5" s="1"/>
  <c r="I4129" i="2"/>
  <c r="I4103" i="5" s="1"/>
  <c r="K4129" i="2"/>
  <c r="K4103" i="5" s="1"/>
  <c r="O4103" i="5" s="1"/>
  <c r="J4129" i="2"/>
  <c r="J4103" i="5" s="1"/>
  <c r="N4103" i="5" s="1"/>
  <c r="M7460" i="2"/>
  <c r="M7434" i="5" s="1"/>
  <c r="I7460" i="2"/>
  <c r="I7434" i="5" s="1"/>
  <c r="K7460" i="2"/>
  <c r="K7434" i="5" s="1"/>
  <c r="O7434" i="5" s="1"/>
  <c r="J7460" i="2"/>
  <c r="J7434" i="5" s="1"/>
  <c r="N7434" i="5" s="1"/>
  <c r="L7460" i="2"/>
  <c r="L7434" i="5" s="1"/>
  <c r="M4989" i="2"/>
  <c r="M4963" i="5" s="1"/>
  <c r="L4989" i="2"/>
  <c r="L4963" i="5" s="1"/>
  <c r="I4989" i="2"/>
  <c r="I4963" i="5" s="1"/>
  <c r="K4989" i="2"/>
  <c r="K4963" i="5" s="1"/>
  <c r="O4963" i="5" s="1"/>
  <c r="J4989" i="2"/>
  <c r="J4963" i="5" s="1"/>
  <c r="N4963" i="5" s="1"/>
  <c r="J8350" i="2"/>
  <c r="J8324" i="5" s="1"/>
  <c r="N8324" i="5" s="1"/>
  <c r="M8350" i="2"/>
  <c r="M8324" i="5" s="1"/>
  <c r="L8350" i="2"/>
  <c r="L8324" i="5" s="1"/>
  <c r="I8350" i="2"/>
  <c r="I8324" i="5" s="1"/>
  <c r="K8350" i="2"/>
  <c r="K8324" i="5" s="1"/>
  <c r="O8324" i="5" s="1"/>
  <c r="K8339" i="2"/>
  <c r="K8313" i="5" s="1"/>
  <c r="O8313" i="5" s="1"/>
  <c r="J8339" i="2"/>
  <c r="J8313" i="5" s="1"/>
  <c r="N8313" i="5" s="1"/>
  <c r="M8339" i="2"/>
  <c r="M8313" i="5" s="1"/>
  <c r="L8339" i="2"/>
  <c r="L8313" i="5" s="1"/>
  <c r="I8339" i="2"/>
  <c r="I8313" i="5" s="1"/>
  <c r="L8773" i="2"/>
  <c r="L8747" i="5" s="1"/>
  <c r="J8773" i="2"/>
  <c r="J8747" i="5" s="1"/>
  <c r="N8747" i="5" s="1"/>
  <c r="M8773" i="2"/>
  <c r="M8747" i="5" s="1"/>
  <c r="I8773" i="2"/>
  <c r="I8747" i="5" s="1"/>
  <c r="K8773" i="2"/>
  <c r="K8747" i="5" s="1"/>
  <c r="O8747" i="5" s="1"/>
  <c r="L3938" i="2"/>
  <c r="L3912" i="5" s="1"/>
  <c r="M3938" i="2"/>
  <c r="M3912" i="5" s="1"/>
  <c r="K3938" i="2"/>
  <c r="K3912" i="5" s="1"/>
  <c r="O3912" i="5" s="1"/>
  <c r="I3938" i="2"/>
  <c r="I3912" i="5" s="1"/>
  <c r="J3938" i="2"/>
  <c r="J3912" i="5" s="1"/>
  <c r="N3912" i="5" s="1"/>
  <c r="L8046" i="2"/>
  <c r="L8020" i="5" s="1"/>
  <c r="M8046" i="2"/>
  <c r="M8020" i="5" s="1"/>
  <c r="I8046" i="2"/>
  <c r="I8020" i="5" s="1"/>
  <c r="K8046" i="2"/>
  <c r="K8020" i="5" s="1"/>
  <c r="O8020" i="5" s="1"/>
  <c r="J8046" i="2"/>
  <c r="J8020" i="5" s="1"/>
  <c r="N8020" i="5" s="1"/>
  <c r="J7022" i="2"/>
  <c r="J6996" i="5" s="1"/>
  <c r="N6996" i="5" s="1"/>
  <c r="L7022" i="2"/>
  <c r="L6996" i="5" s="1"/>
  <c r="I7022" i="2"/>
  <c r="I6996" i="5" s="1"/>
  <c r="K7022" i="2"/>
  <c r="K6996" i="5" s="1"/>
  <c r="O6996" i="5" s="1"/>
  <c r="M7022" i="2"/>
  <c r="M6996" i="5" s="1"/>
  <c r="J3568" i="2"/>
  <c r="J3542" i="5" s="1"/>
  <c r="N3542" i="5" s="1"/>
  <c r="M3568" i="2"/>
  <c r="M3542" i="5" s="1"/>
  <c r="L3568" i="2"/>
  <c r="L3542" i="5" s="1"/>
  <c r="I3568" i="2"/>
  <c r="I3542" i="5" s="1"/>
  <c r="K3568" i="2"/>
  <c r="K3542" i="5" s="1"/>
  <c r="O3542" i="5" s="1"/>
  <c r="I1407" i="2"/>
  <c r="I1381" i="5" s="1"/>
  <c r="M1407" i="2"/>
  <c r="M1381" i="5" s="1"/>
  <c r="K1407" i="2"/>
  <c r="K1381" i="5" s="1"/>
  <c r="O1381" i="5" s="1"/>
  <c r="L1407" i="2"/>
  <c r="L1381" i="5" s="1"/>
  <c r="J1407" i="2"/>
  <c r="J1381" i="5" s="1"/>
  <c r="N1381" i="5" s="1"/>
  <c r="K4584" i="2"/>
  <c r="K4558" i="5" s="1"/>
  <c r="O4558" i="5" s="1"/>
  <c r="L4584" i="2"/>
  <c r="L4558" i="5" s="1"/>
  <c r="M4584" i="2"/>
  <c r="M4558" i="5" s="1"/>
  <c r="I4584" i="2"/>
  <c r="I4558" i="5" s="1"/>
  <c r="J4584" i="2"/>
  <c r="J4558" i="5" s="1"/>
  <c r="N4558" i="5" s="1"/>
  <c r="L657" i="2"/>
  <c r="L631" i="5" s="1"/>
  <c r="J657" i="2"/>
  <c r="J631" i="5" s="1"/>
  <c r="N631" i="5" s="1"/>
  <c r="M657" i="2"/>
  <c r="M631" i="5" s="1"/>
  <c r="I657" i="2"/>
  <c r="I631" i="5" s="1"/>
  <c r="K657" i="2"/>
  <c r="K631" i="5" s="1"/>
  <c r="O631" i="5" s="1"/>
  <c r="L7515" i="2"/>
  <c r="L7489" i="5" s="1"/>
  <c r="M7515" i="2"/>
  <c r="M7489" i="5" s="1"/>
  <c r="J7515" i="2"/>
  <c r="J7489" i="5" s="1"/>
  <c r="N7489" i="5" s="1"/>
  <c r="I7515" i="2"/>
  <c r="I7489" i="5" s="1"/>
  <c r="K7515" i="2"/>
  <c r="K7489" i="5" s="1"/>
  <c r="O7489" i="5" s="1"/>
  <c r="M7511" i="2"/>
  <c r="M7485" i="5" s="1"/>
  <c r="J7511" i="2"/>
  <c r="J7485" i="5" s="1"/>
  <c r="N7485" i="5" s="1"/>
  <c r="L7511" i="2"/>
  <c r="L7485" i="5" s="1"/>
  <c r="I7511" i="2"/>
  <c r="I7485" i="5" s="1"/>
  <c r="K7511" i="2"/>
  <c r="K7485" i="5" s="1"/>
  <c r="O7485" i="5" s="1"/>
  <c r="I5666" i="2"/>
  <c r="I5640" i="5" s="1"/>
  <c r="J5666" i="2"/>
  <c r="J5640" i="5" s="1"/>
  <c r="N5640" i="5" s="1"/>
  <c r="M5666" i="2"/>
  <c r="M5640" i="5" s="1"/>
  <c r="K5666" i="2"/>
  <c r="K5640" i="5" s="1"/>
  <c r="O5640" i="5" s="1"/>
  <c r="L5666" i="2"/>
  <c r="L5640" i="5" s="1"/>
  <c r="K5820" i="2"/>
  <c r="K5794" i="5" s="1"/>
  <c r="O5794" i="5" s="1"/>
  <c r="J5820" i="2"/>
  <c r="J5794" i="5" s="1"/>
  <c r="N5794" i="5" s="1"/>
  <c r="L5820" i="2"/>
  <c r="L5794" i="5" s="1"/>
  <c r="I5820" i="2"/>
  <c r="I5794" i="5" s="1"/>
  <c r="M5820" i="2"/>
  <c r="M5794" i="5" s="1"/>
  <c r="L6951" i="2"/>
  <c r="L6925" i="5" s="1"/>
  <c r="I6951" i="2"/>
  <c r="I6925" i="5" s="1"/>
  <c r="J6951" i="2"/>
  <c r="J6925" i="5" s="1"/>
  <c r="N6925" i="5" s="1"/>
  <c r="M6951" i="2"/>
  <c r="M6925" i="5" s="1"/>
  <c r="K6951" i="2"/>
  <c r="K6925" i="5" s="1"/>
  <c r="O6925" i="5" s="1"/>
  <c r="I1615" i="2"/>
  <c r="I1589" i="5" s="1"/>
  <c r="K1615" i="2"/>
  <c r="K1589" i="5" s="1"/>
  <c r="O1589" i="5" s="1"/>
  <c r="J1615" i="2"/>
  <c r="J1589" i="5" s="1"/>
  <c r="N1589" i="5" s="1"/>
  <c r="L1615" i="2"/>
  <c r="L1589" i="5" s="1"/>
  <c r="M1615" i="2"/>
  <c r="M1589" i="5" s="1"/>
  <c r="I1595" i="2"/>
  <c r="I1569" i="5" s="1"/>
  <c r="K1595" i="2"/>
  <c r="K1569" i="5" s="1"/>
  <c r="O1569" i="5" s="1"/>
  <c r="L1595" i="2"/>
  <c r="L1569" i="5" s="1"/>
  <c r="M1595" i="2"/>
  <c r="M1569" i="5" s="1"/>
  <c r="J1595" i="2"/>
  <c r="J1569" i="5" s="1"/>
  <c r="N1569" i="5" s="1"/>
  <c r="L7767" i="2"/>
  <c r="L7741" i="5" s="1"/>
  <c r="I7767" i="2"/>
  <c r="I7741" i="5" s="1"/>
  <c r="K7767" i="2"/>
  <c r="K7741" i="5" s="1"/>
  <c r="O7741" i="5" s="1"/>
  <c r="J7767" i="2"/>
  <c r="J7741" i="5" s="1"/>
  <c r="N7741" i="5" s="1"/>
  <c r="M7767" i="2"/>
  <c r="M7741" i="5" s="1"/>
  <c r="M3842" i="2"/>
  <c r="M3816" i="5" s="1"/>
  <c r="L3842" i="2"/>
  <c r="L3816" i="5" s="1"/>
  <c r="I3842" i="2"/>
  <c r="I3816" i="5" s="1"/>
  <c r="K3842" i="2"/>
  <c r="K3816" i="5" s="1"/>
  <c r="O3816" i="5" s="1"/>
  <c r="J3842" i="2"/>
  <c r="J3816" i="5" s="1"/>
  <c r="N3816" i="5" s="1"/>
  <c r="J3831" i="2"/>
  <c r="J3805" i="5" s="1"/>
  <c r="N3805" i="5" s="1"/>
  <c r="I3831" i="2"/>
  <c r="I3805" i="5" s="1"/>
  <c r="M3831" i="2"/>
  <c r="M3805" i="5" s="1"/>
  <c r="K3831" i="2"/>
  <c r="K3805" i="5" s="1"/>
  <c r="O3805" i="5" s="1"/>
  <c r="L3831" i="2"/>
  <c r="L3805" i="5" s="1"/>
  <c r="I5090" i="2"/>
  <c r="I5064" i="5" s="1"/>
  <c r="K5090" i="2"/>
  <c r="K5064" i="5" s="1"/>
  <c r="O5064" i="5" s="1"/>
  <c r="J5090" i="2"/>
  <c r="J5064" i="5" s="1"/>
  <c r="N5064" i="5" s="1"/>
  <c r="L5090" i="2"/>
  <c r="L5064" i="5" s="1"/>
  <c r="M5090" i="2"/>
  <c r="M5064" i="5" s="1"/>
  <c r="M6986" i="2"/>
  <c r="M6960" i="5" s="1"/>
  <c r="J6986" i="2"/>
  <c r="J6960" i="5" s="1"/>
  <c r="N6960" i="5" s="1"/>
  <c r="K6986" i="2"/>
  <c r="K6960" i="5" s="1"/>
  <c r="O6960" i="5" s="1"/>
  <c r="L6986" i="2"/>
  <c r="L6960" i="5" s="1"/>
  <c r="I6986" i="2"/>
  <c r="I6960" i="5" s="1"/>
  <c r="K6120" i="2"/>
  <c r="K6094" i="5" s="1"/>
  <c r="O6094" i="5" s="1"/>
  <c r="J6120" i="2"/>
  <c r="J6094" i="5" s="1"/>
  <c r="N6094" i="5" s="1"/>
  <c r="M6120" i="2"/>
  <c r="M6094" i="5" s="1"/>
  <c r="L6120" i="2"/>
  <c r="L6094" i="5" s="1"/>
  <c r="I6120" i="2"/>
  <c r="I6094" i="5" s="1"/>
  <c r="L8683" i="2"/>
  <c r="L8657" i="5" s="1"/>
  <c r="K8683" i="2"/>
  <c r="K8657" i="5" s="1"/>
  <c r="O8657" i="5" s="1"/>
  <c r="J8683" i="2"/>
  <c r="J8657" i="5" s="1"/>
  <c r="N8657" i="5" s="1"/>
  <c r="I8683" i="2"/>
  <c r="I8657" i="5" s="1"/>
  <c r="M8683" i="2"/>
  <c r="M8657" i="5" s="1"/>
  <c r="J4160" i="2"/>
  <c r="J4134" i="5" s="1"/>
  <c r="N4134" i="5" s="1"/>
  <c r="L4160" i="2"/>
  <c r="L4134" i="5" s="1"/>
  <c r="M4160" i="2"/>
  <c r="M4134" i="5" s="1"/>
  <c r="I4160" i="2"/>
  <c r="I4134" i="5" s="1"/>
  <c r="K4160" i="2"/>
  <c r="K4134" i="5" s="1"/>
  <c r="O4134" i="5" s="1"/>
  <c r="K4139" i="2"/>
  <c r="K4113" i="5" s="1"/>
  <c r="O4113" i="5" s="1"/>
  <c r="J4139" i="2"/>
  <c r="J4113" i="5" s="1"/>
  <c r="N4113" i="5" s="1"/>
  <c r="M4139" i="2"/>
  <c r="M4113" i="5" s="1"/>
  <c r="L4139" i="2"/>
  <c r="L4113" i="5" s="1"/>
  <c r="I4139" i="2"/>
  <c r="I4113" i="5" s="1"/>
  <c r="I3956" i="2"/>
  <c r="I3930" i="5" s="1"/>
  <c r="K3956" i="2"/>
  <c r="K3930" i="5" s="1"/>
  <c r="O3930" i="5" s="1"/>
  <c r="J3956" i="2"/>
  <c r="J3930" i="5" s="1"/>
  <c r="N3930" i="5" s="1"/>
  <c r="L3956" i="2"/>
  <c r="L3930" i="5" s="1"/>
  <c r="M3956" i="2"/>
  <c r="M3930" i="5" s="1"/>
  <c r="I7144" i="2"/>
  <c r="I7118" i="5" s="1"/>
  <c r="K7144" i="2"/>
  <c r="K7118" i="5" s="1"/>
  <c r="O7118" i="5" s="1"/>
  <c r="J7144" i="2"/>
  <c r="J7118" i="5" s="1"/>
  <c r="N7118" i="5" s="1"/>
  <c r="L7144" i="2"/>
  <c r="L7118" i="5" s="1"/>
  <c r="M7144" i="2"/>
  <c r="M7118" i="5" s="1"/>
  <c r="L4431" i="2"/>
  <c r="L4405" i="5" s="1"/>
  <c r="I4431" i="2"/>
  <c r="I4405" i="5" s="1"/>
  <c r="K4431" i="2"/>
  <c r="K4405" i="5" s="1"/>
  <c r="O4405" i="5" s="1"/>
  <c r="J4431" i="2"/>
  <c r="J4405" i="5" s="1"/>
  <c r="N4405" i="5" s="1"/>
  <c r="M4431" i="2"/>
  <c r="M4405" i="5" s="1"/>
  <c r="I4436" i="2"/>
  <c r="I4410" i="5" s="1"/>
  <c r="K4436" i="2"/>
  <c r="K4410" i="5" s="1"/>
  <c r="O4410" i="5" s="1"/>
  <c r="M4436" i="2"/>
  <c r="M4410" i="5" s="1"/>
  <c r="L4436" i="2"/>
  <c r="L4410" i="5" s="1"/>
  <c r="M770" i="2"/>
  <c r="M744" i="5" s="1"/>
  <c r="J770" i="2"/>
  <c r="J744" i="5" s="1"/>
  <c r="N744" i="5" s="1"/>
  <c r="I770" i="2"/>
  <c r="I744" i="5" s="1"/>
  <c r="K770" i="2"/>
  <c r="K744" i="5" s="1"/>
  <c r="O744" i="5" s="1"/>
  <c r="C38" i="5"/>
  <c r="AR32" i="1"/>
  <c r="L3482" i="2"/>
  <c r="L3456" i="5" s="1"/>
  <c r="M3482" i="2"/>
  <c r="M3456" i="5" s="1"/>
  <c r="I3482" i="2"/>
  <c r="I3456" i="5" s="1"/>
  <c r="K3482" i="2"/>
  <c r="K3456" i="5" s="1"/>
  <c r="O3456" i="5" s="1"/>
  <c r="J3482" i="2"/>
  <c r="J3456" i="5" s="1"/>
  <c r="N3456" i="5" s="1"/>
  <c r="J3473" i="2"/>
  <c r="J3447" i="5" s="1"/>
  <c r="N3447" i="5" s="1"/>
  <c r="M3473" i="2"/>
  <c r="M3447" i="5" s="1"/>
  <c r="L3473" i="2"/>
  <c r="L3447" i="5" s="1"/>
  <c r="I3473" i="2"/>
  <c r="I3447" i="5" s="1"/>
  <c r="K3473" i="2"/>
  <c r="K3447" i="5" s="1"/>
  <c r="O3447" i="5" s="1"/>
  <c r="M2113" i="2"/>
  <c r="M2087" i="5" s="1"/>
  <c r="K2113" i="2"/>
  <c r="K2087" i="5" s="1"/>
  <c r="O2087" i="5" s="1"/>
  <c r="J2113" i="2"/>
  <c r="J2087" i="5" s="1"/>
  <c r="N2087" i="5" s="1"/>
  <c r="L2113" i="2"/>
  <c r="L2087" i="5" s="1"/>
  <c r="I2113" i="2"/>
  <c r="I2087" i="5" s="1"/>
  <c r="M5435" i="2"/>
  <c r="M5409" i="5" s="1"/>
  <c r="K5435" i="2"/>
  <c r="K5409" i="5" s="1"/>
  <c r="O5409" i="5" s="1"/>
  <c r="L5435" i="2"/>
  <c r="L5409" i="5" s="1"/>
  <c r="I5435" i="2"/>
  <c r="I5409" i="5" s="1"/>
  <c r="J1495" i="2"/>
  <c r="J1469" i="5" s="1"/>
  <c r="N1469" i="5" s="1"/>
  <c r="M1495" i="2"/>
  <c r="M1469" i="5" s="1"/>
  <c r="L1495" i="2"/>
  <c r="L1469" i="5" s="1"/>
  <c r="I1495" i="2"/>
  <c r="I1469" i="5" s="1"/>
  <c r="K1495" i="2"/>
  <c r="K1469" i="5" s="1"/>
  <c r="O1469" i="5" s="1"/>
  <c r="J1478" i="2"/>
  <c r="J1452" i="5" s="1"/>
  <c r="N1452" i="5" s="1"/>
  <c r="L1478" i="2"/>
  <c r="L1452" i="5" s="1"/>
  <c r="M1478" i="2"/>
  <c r="M1452" i="5" s="1"/>
  <c r="I1478" i="2"/>
  <c r="I1452" i="5" s="1"/>
  <c r="K1478" i="2"/>
  <c r="K1452" i="5" s="1"/>
  <c r="O1452" i="5" s="1"/>
  <c r="L8517" i="2"/>
  <c r="L8491" i="5" s="1"/>
  <c r="M8517" i="2"/>
  <c r="M8491" i="5" s="1"/>
  <c r="K8517" i="2"/>
  <c r="K8491" i="5" s="1"/>
  <c r="O8491" i="5" s="1"/>
  <c r="I8517" i="2"/>
  <c r="I8491" i="5" s="1"/>
  <c r="J8517" i="2"/>
  <c r="J8491" i="5" s="1"/>
  <c r="N8491" i="5" s="1"/>
  <c r="J5805" i="2"/>
  <c r="J5779" i="5" s="1"/>
  <c r="N5779" i="5" s="1"/>
  <c r="M5805" i="2"/>
  <c r="M5779" i="5" s="1"/>
  <c r="L5805" i="2"/>
  <c r="L5779" i="5" s="1"/>
  <c r="I5805" i="2"/>
  <c r="I5779" i="5" s="1"/>
  <c r="K5805" i="2"/>
  <c r="K5779" i="5" s="1"/>
  <c r="O5779" i="5" s="1"/>
  <c r="J5806" i="2"/>
  <c r="J5780" i="5" s="1"/>
  <c r="N5780" i="5" s="1"/>
  <c r="L5806" i="2"/>
  <c r="L5780" i="5" s="1"/>
  <c r="I5806" i="2"/>
  <c r="I5780" i="5" s="1"/>
  <c r="M5806" i="2"/>
  <c r="M5780" i="5" s="1"/>
  <c r="K5806" i="2"/>
  <c r="K5780" i="5" s="1"/>
  <c r="O5780" i="5" s="1"/>
  <c r="M61" i="2"/>
  <c r="M35" i="5" s="1"/>
  <c r="L61" i="2"/>
  <c r="L35" i="5" s="1"/>
  <c r="J61" i="2"/>
  <c r="J35" i="5" s="1"/>
  <c r="N35" i="5" s="1"/>
  <c r="I61" i="2"/>
  <c r="I35" i="5" s="1"/>
  <c r="K61" i="2"/>
  <c r="K35" i="5" s="1"/>
  <c r="O35" i="5" s="1"/>
  <c r="L60" i="2"/>
  <c r="L34" i="5" s="1"/>
  <c r="K60" i="2"/>
  <c r="K34" i="5" s="1"/>
  <c r="O34" i="5" s="1"/>
  <c r="M60" i="2"/>
  <c r="M34" i="5" s="1"/>
  <c r="J60" i="2"/>
  <c r="J34" i="5" s="1"/>
  <c r="N34" i="5" s="1"/>
  <c r="I60" i="2"/>
  <c r="I34" i="5" s="1"/>
  <c r="I2779" i="2"/>
  <c r="I2753" i="5" s="1"/>
  <c r="L2779" i="2"/>
  <c r="L2753" i="5" s="1"/>
  <c r="K2779" i="2"/>
  <c r="K2753" i="5" s="1"/>
  <c r="O2753" i="5" s="1"/>
  <c r="J2779" i="2"/>
  <c r="J2753" i="5" s="1"/>
  <c r="N2753" i="5" s="1"/>
  <c r="M2779" i="2"/>
  <c r="M2753" i="5" s="1"/>
  <c r="J2793" i="2"/>
  <c r="J2767" i="5" s="1"/>
  <c r="N2767" i="5" s="1"/>
  <c r="M2793" i="2"/>
  <c r="M2767" i="5" s="1"/>
  <c r="L2793" i="2"/>
  <c r="L2767" i="5" s="1"/>
  <c r="K2793" i="2"/>
  <c r="K2767" i="5" s="1"/>
  <c r="O2767" i="5" s="1"/>
  <c r="I2793" i="2"/>
  <c r="I2767" i="5" s="1"/>
  <c r="I1465" i="2"/>
  <c r="I1439" i="5" s="1"/>
  <c r="K1465" i="2"/>
  <c r="K1439" i="5" s="1"/>
  <c r="O1439" i="5" s="1"/>
  <c r="J1465" i="2"/>
  <c r="J1439" i="5" s="1"/>
  <c r="N1439" i="5" s="1"/>
  <c r="M1465" i="2"/>
  <c r="M1439" i="5" s="1"/>
  <c r="L1465" i="2"/>
  <c r="L1439" i="5" s="1"/>
  <c r="I8304" i="2"/>
  <c r="I8278" i="5" s="1"/>
  <c r="K8304" i="2"/>
  <c r="K8278" i="5" s="1"/>
  <c r="O8278" i="5" s="1"/>
  <c r="L8304" i="2"/>
  <c r="L8278" i="5" s="1"/>
  <c r="J8304" i="2"/>
  <c r="J8278" i="5" s="1"/>
  <c r="N8278" i="5" s="1"/>
  <c r="M8304" i="2"/>
  <c r="M8278" i="5" s="1"/>
  <c r="M1221" i="2"/>
  <c r="M1195" i="5" s="1"/>
  <c r="K1221" i="2"/>
  <c r="K1195" i="5" s="1"/>
  <c r="O1195" i="5" s="1"/>
  <c r="J1221" i="2"/>
  <c r="J1195" i="5" s="1"/>
  <c r="N1195" i="5" s="1"/>
  <c r="I1221" i="2"/>
  <c r="I1195" i="5" s="1"/>
  <c r="L1221" i="2"/>
  <c r="L1195" i="5" s="1"/>
  <c r="M5142" i="2"/>
  <c r="M5116" i="5" s="1"/>
  <c r="I5142" i="2"/>
  <c r="I5116" i="5" s="1"/>
  <c r="K5142" i="2"/>
  <c r="K5116" i="5" s="1"/>
  <c r="O5116" i="5" s="1"/>
  <c r="J5142" i="2"/>
  <c r="J5116" i="5" s="1"/>
  <c r="N5116" i="5" s="1"/>
  <c r="L5142" i="2"/>
  <c r="L5116" i="5" s="1"/>
  <c r="K6010" i="2"/>
  <c r="K5984" i="5" s="1"/>
  <c r="O5984" i="5" s="1"/>
  <c r="M6010" i="2"/>
  <c r="M5984" i="5" s="1"/>
  <c r="L6010" i="2"/>
  <c r="L5984" i="5" s="1"/>
  <c r="J6010" i="2"/>
  <c r="J5984" i="5" s="1"/>
  <c r="N5984" i="5" s="1"/>
  <c r="I6010" i="2"/>
  <c r="I5984" i="5" s="1"/>
  <c r="L46" i="2"/>
  <c r="L20" i="5" s="1"/>
  <c r="M46" i="2"/>
  <c r="M20" i="5" s="1"/>
  <c r="K46" i="2"/>
  <c r="K20" i="5" s="1"/>
  <c r="O20" i="5" s="1"/>
  <c r="J46" i="2"/>
  <c r="J20" i="5" s="1"/>
  <c r="N20" i="5" s="1"/>
  <c r="I46" i="2"/>
  <c r="I20" i="5" s="1"/>
  <c r="L5277" i="2"/>
  <c r="L5251" i="5" s="1"/>
  <c r="M5277" i="2"/>
  <c r="M5251" i="5" s="1"/>
  <c r="I5277" i="2"/>
  <c r="I5251" i="5" s="1"/>
  <c r="K5277" i="2"/>
  <c r="K5251" i="5" s="1"/>
  <c r="O5251" i="5" s="1"/>
  <c r="J5277" i="2"/>
  <c r="J5251" i="5" s="1"/>
  <c r="N5251" i="5" s="1"/>
  <c r="L7659" i="2"/>
  <c r="L7633" i="5" s="1"/>
  <c r="M7659" i="2"/>
  <c r="M7633" i="5" s="1"/>
  <c r="J7659" i="2"/>
  <c r="J7633" i="5" s="1"/>
  <c r="N7633" i="5" s="1"/>
  <c r="I7659" i="2"/>
  <c r="I7633" i="5" s="1"/>
  <c r="K7659" i="2"/>
  <c r="K7633" i="5" s="1"/>
  <c r="O7633" i="5" s="1"/>
  <c r="C325" i="5"/>
  <c r="AR319" i="1"/>
  <c r="L1054" i="2"/>
  <c r="L1028" i="5" s="1"/>
  <c r="M1054" i="2"/>
  <c r="M1028" i="5" s="1"/>
  <c r="I1054" i="2"/>
  <c r="I1028" i="5" s="1"/>
  <c r="K1054" i="2"/>
  <c r="K1028" i="5" s="1"/>
  <c r="O1028" i="5" s="1"/>
  <c r="J1054" i="2"/>
  <c r="J1028" i="5" s="1"/>
  <c r="N1028" i="5" s="1"/>
  <c r="L1043" i="2"/>
  <c r="L1017" i="5" s="1"/>
  <c r="M1043" i="2"/>
  <c r="M1017" i="5" s="1"/>
  <c r="J1043" i="2"/>
  <c r="J1017" i="5" s="1"/>
  <c r="N1017" i="5" s="1"/>
  <c r="I1043" i="2"/>
  <c r="I1017" i="5" s="1"/>
  <c r="K1043" i="2"/>
  <c r="K1017" i="5" s="1"/>
  <c r="O1017" i="5" s="1"/>
  <c r="M4830" i="2"/>
  <c r="M4804" i="5" s="1"/>
  <c r="L4830" i="2"/>
  <c r="L4804" i="5" s="1"/>
  <c r="I4830" i="2"/>
  <c r="I4804" i="5" s="1"/>
  <c r="K4830" i="2"/>
  <c r="K4804" i="5" s="1"/>
  <c r="O4804" i="5" s="1"/>
  <c r="J4830" i="2"/>
  <c r="J4804" i="5" s="1"/>
  <c r="N4804" i="5" s="1"/>
  <c r="J4821" i="2"/>
  <c r="J4795" i="5" s="1"/>
  <c r="N4795" i="5" s="1"/>
  <c r="M4821" i="2"/>
  <c r="M4795" i="5" s="1"/>
  <c r="L4821" i="2"/>
  <c r="L4795" i="5" s="1"/>
  <c r="I4821" i="2"/>
  <c r="I4795" i="5" s="1"/>
  <c r="K4821" i="2"/>
  <c r="K4795" i="5" s="1"/>
  <c r="O4795" i="5" s="1"/>
  <c r="L2288" i="2"/>
  <c r="L2262" i="5" s="1"/>
  <c r="M2288" i="2"/>
  <c r="M2262" i="5" s="1"/>
  <c r="I2288" i="2"/>
  <c r="I2262" i="5" s="1"/>
  <c r="K2288" i="2"/>
  <c r="K2262" i="5" s="1"/>
  <c r="O2262" i="5" s="1"/>
  <c r="J2288" i="2"/>
  <c r="J2262" i="5" s="1"/>
  <c r="N2262" i="5" s="1"/>
  <c r="K6467" i="2"/>
  <c r="K6441" i="5" s="1"/>
  <c r="O6441" i="5" s="1"/>
  <c r="J6467" i="2"/>
  <c r="J6441" i="5" s="1"/>
  <c r="N6441" i="5" s="1"/>
  <c r="L6467" i="2"/>
  <c r="L6441" i="5" s="1"/>
  <c r="I6467" i="2"/>
  <c r="I6441" i="5" s="1"/>
  <c r="M6467" i="2"/>
  <c r="M6441" i="5" s="1"/>
  <c r="J2645" i="2"/>
  <c r="J2619" i="5" s="1"/>
  <c r="N2619" i="5" s="1"/>
  <c r="L2645" i="2"/>
  <c r="L2619" i="5" s="1"/>
  <c r="I2645" i="2"/>
  <c r="I2619" i="5" s="1"/>
  <c r="K2645" i="2"/>
  <c r="K2619" i="5" s="1"/>
  <c r="O2619" i="5" s="1"/>
  <c r="M2645" i="2"/>
  <c r="M2619" i="5" s="1"/>
  <c r="M3110" i="2"/>
  <c r="M3084" i="5" s="1"/>
  <c r="I3110" i="2"/>
  <c r="I3084" i="5" s="1"/>
  <c r="K3110" i="2"/>
  <c r="K3084" i="5" s="1"/>
  <c r="O3084" i="5" s="1"/>
  <c r="J3110" i="2"/>
  <c r="J3084" i="5" s="1"/>
  <c r="N3084" i="5" s="1"/>
  <c r="L3110" i="2"/>
  <c r="L3084" i="5" s="1"/>
  <c r="I6996" i="2"/>
  <c r="I6970" i="5" s="1"/>
  <c r="K6996" i="2"/>
  <c r="K6970" i="5" s="1"/>
  <c r="O6970" i="5" s="1"/>
  <c r="J6996" i="2"/>
  <c r="J6970" i="5" s="1"/>
  <c r="N6970" i="5" s="1"/>
  <c r="M6996" i="2"/>
  <c r="M6970" i="5" s="1"/>
  <c r="L7002" i="2"/>
  <c r="L6976" i="5" s="1"/>
  <c r="J7002" i="2"/>
  <c r="J6976" i="5" s="1"/>
  <c r="N6976" i="5" s="1"/>
  <c r="M7002" i="2"/>
  <c r="M6976" i="5" s="1"/>
  <c r="I7002" i="2"/>
  <c r="I6976" i="5" s="1"/>
  <c r="K7002" i="2"/>
  <c r="K6976" i="5" s="1"/>
  <c r="O6976" i="5" s="1"/>
  <c r="I1300" i="2"/>
  <c r="I1274" i="5" s="1"/>
  <c r="K1300" i="2"/>
  <c r="K1274" i="5" s="1"/>
  <c r="O1274" i="5" s="1"/>
  <c r="J1300" i="2"/>
  <c r="J1274" i="5" s="1"/>
  <c r="N1274" i="5" s="1"/>
  <c r="M1300" i="2"/>
  <c r="M1274" i="5" s="1"/>
  <c r="L1300" i="2"/>
  <c r="L1274" i="5" s="1"/>
  <c r="J1293" i="2"/>
  <c r="J1267" i="5" s="1"/>
  <c r="N1267" i="5" s="1"/>
  <c r="I1293" i="2"/>
  <c r="I1267" i="5" s="1"/>
  <c r="L1293" i="2"/>
  <c r="L1267" i="5" s="1"/>
  <c r="K1293" i="2"/>
  <c r="K1267" i="5" s="1"/>
  <c r="O1267" i="5" s="1"/>
  <c r="M1293" i="2"/>
  <c r="M1267" i="5" s="1"/>
  <c r="L5982" i="2"/>
  <c r="L5956" i="5" s="1"/>
  <c r="I5982" i="2"/>
  <c r="I5956" i="5" s="1"/>
  <c r="J5982" i="2"/>
  <c r="J5956" i="5" s="1"/>
  <c r="N5956" i="5" s="1"/>
  <c r="M5982" i="2"/>
  <c r="M5956" i="5" s="1"/>
  <c r="K5982" i="2"/>
  <c r="K5956" i="5" s="1"/>
  <c r="O5956" i="5" s="1"/>
  <c r="I3100" i="2"/>
  <c r="I3074" i="5" s="1"/>
  <c r="K3100" i="2"/>
  <c r="K3074" i="5" s="1"/>
  <c r="O3074" i="5" s="1"/>
  <c r="J3100" i="2"/>
  <c r="J3074" i="5" s="1"/>
  <c r="N3074" i="5" s="1"/>
  <c r="L3100" i="2"/>
  <c r="L3074" i="5" s="1"/>
  <c r="M3100" i="2"/>
  <c r="M3074" i="5" s="1"/>
  <c r="J1094" i="2"/>
  <c r="J1068" i="5" s="1"/>
  <c r="N1068" i="5" s="1"/>
  <c r="L1094" i="2"/>
  <c r="L1068" i="5" s="1"/>
  <c r="I1094" i="2"/>
  <c r="I1068" i="5" s="1"/>
  <c r="K1094" i="2"/>
  <c r="K1068" i="5" s="1"/>
  <c r="O1068" i="5" s="1"/>
  <c r="M1094" i="2"/>
  <c r="M1068" i="5" s="1"/>
  <c r="L1102" i="2"/>
  <c r="L1076" i="5" s="1"/>
  <c r="J1102" i="2"/>
  <c r="J1076" i="5" s="1"/>
  <c r="N1076" i="5" s="1"/>
  <c r="M1102" i="2"/>
  <c r="M1076" i="5" s="1"/>
  <c r="I1102" i="2"/>
  <c r="I1076" i="5" s="1"/>
  <c r="K1102" i="2"/>
  <c r="K1076" i="5" s="1"/>
  <c r="O1076" i="5" s="1"/>
  <c r="K475" i="2"/>
  <c r="K449" i="5" s="1"/>
  <c r="O449" i="5" s="1"/>
  <c r="L475" i="2"/>
  <c r="L449" i="5" s="1"/>
  <c r="M475" i="2"/>
  <c r="M449" i="5" s="1"/>
  <c r="I475" i="2"/>
  <c r="I449" i="5" s="1"/>
  <c r="J475" i="2"/>
  <c r="J449" i="5" s="1"/>
  <c r="N449" i="5" s="1"/>
  <c r="C26" i="5"/>
  <c r="AR20" i="1"/>
  <c r="L231" i="2"/>
  <c r="L205" i="5" s="1"/>
  <c r="J231" i="2"/>
  <c r="J205" i="5" s="1"/>
  <c r="N205" i="5" s="1"/>
  <c r="I231" i="2"/>
  <c r="I205" i="5" s="1"/>
  <c r="K231" i="2"/>
  <c r="K205" i="5" s="1"/>
  <c r="O205" i="5" s="1"/>
  <c r="M231" i="2"/>
  <c r="M205" i="5" s="1"/>
  <c r="L6923" i="2"/>
  <c r="L6897" i="5" s="1"/>
  <c r="M6923" i="2"/>
  <c r="M6897" i="5" s="1"/>
  <c r="I6923" i="2"/>
  <c r="I6897" i="5" s="1"/>
  <c r="J6923" i="2"/>
  <c r="J6897" i="5" s="1"/>
  <c r="N6897" i="5" s="1"/>
  <c r="K6923" i="2"/>
  <c r="K6897" i="5" s="1"/>
  <c r="O6897" i="5" s="1"/>
  <c r="L5493" i="2"/>
  <c r="L5467" i="5" s="1"/>
  <c r="K5493" i="2"/>
  <c r="K5467" i="5" s="1"/>
  <c r="O5467" i="5" s="1"/>
  <c r="M5493" i="2"/>
  <c r="M5467" i="5" s="1"/>
  <c r="J5493" i="2"/>
  <c r="J5467" i="5" s="1"/>
  <c r="N5467" i="5" s="1"/>
  <c r="I5493" i="2"/>
  <c r="I5467" i="5" s="1"/>
  <c r="M4758" i="2"/>
  <c r="M4732" i="5" s="1"/>
  <c r="L4758" i="2"/>
  <c r="L4732" i="5" s="1"/>
  <c r="I4758" i="2"/>
  <c r="I4732" i="5" s="1"/>
  <c r="K4758" i="2"/>
  <c r="K4732" i="5" s="1"/>
  <c r="O4732" i="5" s="1"/>
  <c r="J4758" i="2"/>
  <c r="J4732" i="5" s="1"/>
  <c r="N4732" i="5" s="1"/>
  <c r="AR198" i="1"/>
  <c r="C204" i="5"/>
  <c r="K8146" i="2"/>
  <c r="K8120" i="5" s="1"/>
  <c r="O8120" i="5" s="1"/>
  <c r="L8146" i="2"/>
  <c r="L8120" i="5" s="1"/>
  <c r="M8146" i="2"/>
  <c r="M8120" i="5" s="1"/>
  <c r="J8146" i="2"/>
  <c r="J8120" i="5" s="1"/>
  <c r="N8120" i="5" s="1"/>
  <c r="I8146" i="2"/>
  <c r="I8120" i="5" s="1"/>
  <c r="J8152" i="2"/>
  <c r="J8126" i="5" s="1"/>
  <c r="N8126" i="5" s="1"/>
  <c r="L8152" i="2"/>
  <c r="L8126" i="5" s="1"/>
  <c r="M8152" i="2"/>
  <c r="M8126" i="5" s="1"/>
  <c r="I8152" i="2"/>
  <c r="I8126" i="5" s="1"/>
  <c r="K8152" i="2"/>
  <c r="K8126" i="5" s="1"/>
  <c r="O8126" i="5" s="1"/>
  <c r="K1885" i="2"/>
  <c r="K1859" i="5" s="1"/>
  <c r="O1859" i="5" s="1"/>
  <c r="L1885" i="2"/>
  <c r="L1859" i="5" s="1"/>
  <c r="M1885" i="2"/>
  <c r="M1859" i="5" s="1"/>
  <c r="I1885" i="2"/>
  <c r="I1859" i="5" s="1"/>
  <c r="J1885" i="2"/>
  <c r="J1859" i="5" s="1"/>
  <c r="N1859" i="5" s="1"/>
  <c r="J1886" i="2"/>
  <c r="J1860" i="5" s="1"/>
  <c r="N1860" i="5" s="1"/>
  <c r="M1886" i="2"/>
  <c r="M1860" i="5" s="1"/>
  <c r="L1886" i="2"/>
  <c r="L1860" i="5" s="1"/>
  <c r="I1886" i="2"/>
  <c r="I1860" i="5" s="1"/>
  <c r="K1886" i="2"/>
  <c r="K1860" i="5" s="1"/>
  <c r="O1860" i="5" s="1"/>
  <c r="J4765" i="2"/>
  <c r="J4739" i="5" s="1"/>
  <c r="N4739" i="5" s="1"/>
  <c r="M4765" i="2"/>
  <c r="M4739" i="5" s="1"/>
  <c r="L4765" i="2"/>
  <c r="L4739" i="5" s="1"/>
  <c r="I4765" i="2"/>
  <c r="I4739" i="5" s="1"/>
  <c r="K4765" i="2"/>
  <c r="K4739" i="5" s="1"/>
  <c r="O4739" i="5" s="1"/>
  <c r="J4769" i="2"/>
  <c r="J4743" i="5" s="1"/>
  <c r="N4743" i="5" s="1"/>
  <c r="M4769" i="2"/>
  <c r="M4743" i="5" s="1"/>
  <c r="L4769" i="2"/>
  <c r="L4743" i="5" s="1"/>
  <c r="I4769" i="2"/>
  <c r="I4743" i="5" s="1"/>
  <c r="K4769" i="2"/>
  <c r="K4743" i="5" s="1"/>
  <c r="O4743" i="5" s="1"/>
  <c r="K3668" i="2"/>
  <c r="K3642" i="5" s="1"/>
  <c r="O3642" i="5" s="1"/>
  <c r="L3668" i="2"/>
  <c r="L3642" i="5" s="1"/>
  <c r="I3668" i="2"/>
  <c r="I3642" i="5" s="1"/>
  <c r="M3668" i="2"/>
  <c r="M3642" i="5" s="1"/>
  <c r="J3668" i="2"/>
  <c r="J3642" i="5" s="1"/>
  <c r="N3642" i="5" s="1"/>
  <c r="C159" i="5"/>
  <c r="AR153" i="1"/>
  <c r="J5630" i="2"/>
  <c r="J5604" i="5" s="1"/>
  <c r="N5604" i="5" s="1"/>
  <c r="I5630" i="2"/>
  <c r="I5604" i="5" s="1"/>
  <c r="K5630" i="2"/>
  <c r="K5604" i="5" s="1"/>
  <c r="O5604" i="5" s="1"/>
  <c r="L5630" i="2"/>
  <c r="L5604" i="5" s="1"/>
  <c r="M5630" i="2"/>
  <c r="M5604" i="5" s="1"/>
  <c r="L2060" i="2"/>
  <c r="L2034" i="5" s="1"/>
  <c r="M2060" i="2"/>
  <c r="M2034" i="5" s="1"/>
  <c r="I2060" i="2"/>
  <c r="I2034" i="5" s="1"/>
  <c r="J2060" i="2"/>
  <c r="J2034" i="5" s="1"/>
  <c r="N2034" i="5" s="1"/>
  <c r="K2060" i="2"/>
  <c r="K2034" i="5" s="1"/>
  <c r="O2034" i="5" s="1"/>
  <c r="L7628" i="2"/>
  <c r="L7602" i="5" s="1"/>
  <c r="I7628" i="2"/>
  <c r="I7602" i="5" s="1"/>
  <c r="M7628" i="2"/>
  <c r="M7602" i="5" s="1"/>
  <c r="J7628" i="2"/>
  <c r="J7602" i="5" s="1"/>
  <c r="N7602" i="5" s="1"/>
  <c r="K7628" i="2"/>
  <c r="K7602" i="5" s="1"/>
  <c r="O7602" i="5" s="1"/>
  <c r="I4464" i="2"/>
  <c r="I4438" i="5" s="1"/>
  <c r="K4464" i="2"/>
  <c r="K4438" i="5" s="1"/>
  <c r="O4438" i="5" s="1"/>
  <c r="J4464" i="2"/>
  <c r="J4438" i="5" s="1"/>
  <c r="N4438" i="5" s="1"/>
  <c r="M4464" i="2"/>
  <c r="M4438" i="5" s="1"/>
  <c r="L4464" i="2"/>
  <c r="L4438" i="5" s="1"/>
  <c r="L7667" i="2"/>
  <c r="L7641" i="5" s="1"/>
  <c r="M7667" i="2"/>
  <c r="M7641" i="5" s="1"/>
  <c r="J7667" i="2"/>
  <c r="J7641" i="5" s="1"/>
  <c r="N7641" i="5" s="1"/>
  <c r="I7667" i="2"/>
  <c r="I7641" i="5" s="1"/>
  <c r="K7667" i="2"/>
  <c r="K7641" i="5" s="1"/>
  <c r="O7641" i="5" s="1"/>
  <c r="L4165" i="2"/>
  <c r="L4139" i="5" s="1"/>
  <c r="I4165" i="2"/>
  <c r="I4139" i="5" s="1"/>
  <c r="K4165" i="2"/>
  <c r="K4139" i="5" s="1"/>
  <c r="O4139" i="5" s="1"/>
  <c r="J4165" i="2"/>
  <c r="J4139" i="5" s="1"/>
  <c r="N4139" i="5" s="1"/>
  <c r="M4165" i="2"/>
  <c r="M4139" i="5" s="1"/>
  <c r="I2408" i="2"/>
  <c r="I2382" i="5" s="1"/>
  <c r="K2408" i="2"/>
  <c r="K2382" i="5" s="1"/>
  <c r="O2382" i="5" s="1"/>
  <c r="L2408" i="2"/>
  <c r="L2382" i="5" s="1"/>
  <c r="J2408" i="2"/>
  <c r="J2382" i="5" s="1"/>
  <c r="N2382" i="5" s="1"/>
  <c r="M2408" i="2"/>
  <c r="M2382" i="5" s="1"/>
  <c r="L8628" i="2"/>
  <c r="L8602" i="5" s="1"/>
  <c r="K8628" i="2"/>
  <c r="K8602" i="5" s="1"/>
  <c r="O8602" i="5" s="1"/>
  <c r="J8628" i="2"/>
  <c r="J8602" i="5" s="1"/>
  <c r="N8602" i="5" s="1"/>
  <c r="M8628" i="2"/>
  <c r="M8602" i="5" s="1"/>
  <c r="I8628" i="2"/>
  <c r="I8602" i="5" s="1"/>
  <c r="K8645" i="2"/>
  <c r="K8619" i="5" s="1"/>
  <c r="O8619" i="5" s="1"/>
  <c r="M8645" i="2"/>
  <c r="M8619" i="5" s="1"/>
  <c r="J8645" i="2"/>
  <c r="J8619" i="5" s="1"/>
  <c r="N8619" i="5" s="1"/>
  <c r="I8645" i="2"/>
  <c r="I8619" i="5" s="1"/>
  <c r="L8645" i="2"/>
  <c r="L8619" i="5" s="1"/>
  <c r="M3638" i="2"/>
  <c r="M3612" i="5" s="1"/>
  <c r="K3638" i="2"/>
  <c r="K3612" i="5" s="1"/>
  <c r="O3612" i="5" s="1"/>
  <c r="I3638" i="2"/>
  <c r="I3612" i="5" s="1"/>
  <c r="L3638" i="2"/>
  <c r="L3612" i="5" s="1"/>
  <c r="J3638" i="2"/>
  <c r="J3612" i="5" s="1"/>
  <c r="N3612" i="5" s="1"/>
  <c r="J3652" i="2"/>
  <c r="J3626" i="5" s="1"/>
  <c r="N3626" i="5" s="1"/>
  <c r="K3652" i="2"/>
  <c r="K3626" i="5" s="1"/>
  <c r="O3626" i="5" s="1"/>
  <c r="M3652" i="2"/>
  <c r="M3626" i="5" s="1"/>
  <c r="L3652" i="2"/>
  <c r="L3626" i="5" s="1"/>
  <c r="I3652" i="2"/>
  <c r="I3626" i="5" s="1"/>
  <c r="J3587" i="2"/>
  <c r="J3561" i="5" s="1"/>
  <c r="N3561" i="5" s="1"/>
  <c r="L3587" i="2"/>
  <c r="L3561" i="5" s="1"/>
  <c r="M3587" i="2"/>
  <c r="M3561" i="5" s="1"/>
  <c r="I3587" i="2"/>
  <c r="I3561" i="5" s="1"/>
  <c r="K3587" i="2"/>
  <c r="K3561" i="5" s="1"/>
  <c r="O3561" i="5" s="1"/>
  <c r="J5522" i="2"/>
  <c r="J5496" i="5" s="1"/>
  <c r="N5496" i="5" s="1"/>
  <c r="L5522" i="2"/>
  <c r="L5496" i="5" s="1"/>
  <c r="M5522" i="2"/>
  <c r="M5496" i="5" s="1"/>
  <c r="I5522" i="2"/>
  <c r="I5496" i="5" s="1"/>
  <c r="K5522" i="2"/>
  <c r="K5496" i="5" s="1"/>
  <c r="O5496" i="5" s="1"/>
  <c r="J5264" i="2"/>
  <c r="J5238" i="5" s="1"/>
  <c r="N5238" i="5" s="1"/>
  <c r="L5264" i="2"/>
  <c r="L5238" i="5" s="1"/>
  <c r="M5264" i="2"/>
  <c r="M5238" i="5" s="1"/>
  <c r="I5264" i="2"/>
  <c r="I5238" i="5" s="1"/>
  <c r="K5264" i="2"/>
  <c r="K5238" i="5" s="1"/>
  <c r="O5238" i="5" s="1"/>
  <c r="J5251" i="2"/>
  <c r="J5225" i="5" s="1"/>
  <c r="N5225" i="5" s="1"/>
  <c r="L5251" i="2"/>
  <c r="L5225" i="5" s="1"/>
  <c r="M5251" i="2"/>
  <c r="M5225" i="5" s="1"/>
  <c r="I5251" i="2"/>
  <c r="I5225" i="5" s="1"/>
  <c r="K5251" i="2"/>
  <c r="K5225" i="5" s="1"/>
  <c r="O5225" i="5" s="1"/>
  <c r="K6593" i="2"/>
  <c r="K6567" i="5" s="1"/>
  <c r="O6567" i="5" s="1"/>
  <c r="J6593" i="2"/>
  <c r="J6567" i="5" s="1"/>
  <c r="N6567" i="5" s="1"/>
  <c r="L6593" i="2"/>
  <c r="L6567" i="5" s="1"/>
  <c r="M6593" i="2"/>
  <c r="M6567" i="5" s="1"/>
  <c r="I6593" i="2"/>
  <c r="I6567" i="5" s="1"/>
  <c r="L2496" i="2"/>
  <c r="L2470" i="5" s="1"/>
  <c r="M2496" i="2"/>
  <c r="M2470" i="5" s="1"/>
  <c r="I2496" i="2"/>
  <c r="I2470" i="5" s="1"/>
  <c r="K2496" i="2"/>
  <c r="K2470" i="5" s="1"/>
  <c r="O2470" i="5" s="1"/>
  <c r="J2496" i="2"/>
  <c r="J2470" i="5" s="1"/>
  <c r="N2470" i="5" s="1"/>
  <c r="I2583" i="2"/>
  <c r="I2557" i="5" s="1"/>
  <c r="K2583" i="2"/>
  <c r="K2557" i="5" s="1"/>
  <c r="O2557" i="5" s="1"/>
  <c r="J2583" i="2"/>
  <c r="J2557" i="5" s="1"/>
  <c r="N2557" i="5" s="1"/>
  <c r="L2583" i="2"/>
  <c r="L2557" i="5" s="1"/>
  <c r="M2583" i="2"/>
  <c r="M2557" i="5" s="1"/>
  <c r="J6300" i="2"/>
  <c r="J6274" i="5" s="1"/>
  <c r="N6274" i="5" s="1"/>
  <c r="M6300" i="2"/>
  <c r="M6274" i="5" s="1"/>
  <c r="L6300" i="2"/>
  <c r="L6274" i="5" s="1"/>
  <c r="I6300" i="2"/>
  <c r="I6274" i="5" s="1"/>
  <c r="K6300" i="2"/>
  <c r="K6274" i="5" s="1"/>
  <c r="O6274" i="5" s="1"/>
  <c r="K3786" i="2"/>
  <c r="K3760" i="5" s="1"/>
  <c r="O3760" i="5" s="1"/>
  <c r="J3786" i="2"/>
  <c r="J3760" i="5" s="1"/>
  <c r="N3760" i="5" s="1"/>
  <c r="L3786" i="2"/>
  <c r="L3760" i="5" s="1"/>
  <c r="M3786" i="2"/>
  <c r="M3760" i="5" s="1"/>
  <c r="I3786" i="2"/>
  <c r="I3760" i="5" s="1"/>
  <c r="L2153" i="2"/>
  <c r="L2127" i="5" s="1"/>
  <c r="J2153" i="2"/>
  <c r="J2127" i="5" s="1"/>
  <c r="N2127" i="5" s="1"/>
  <c r="I2153" i="2"/>
  <c r="I2127" i="5" s="1"/>
  <c r="K2153" i="2"/>
  <c r="K2127" i="5" s="1"/>
  <c r="O2127" i="5" s="1"/>
  <c r="M2153" i="2"/>
  <c r="M2127" i="5" s="1"/>
  <c r="I6289" i="2"/>
  <c r="I6263" i="5" s="1"/>
  <c r="L6289" i="2"/>
  <c r="L6263" i="5" s="1"/>
  <c r="M6289" i="2"/>
  <c r="M6263" i="5" s="1"/>
  <c r="K6289" i="2"/>
  <c r="K6263" i="5" s="1"/>
  <c r="O6263" i="5" s="1"/>
  <c r="J6289" i="2"/>
  <c r="J6263" i="5" s="1"/>
  <c r="N6263" i="5" s="1"/>
  <c r="L3423" i="2"/>
  <c r="L3397" i="5" s="1"/>
  <c r="I3423" i="2"/>
  <c r="I3397" i="5" s="1"/>
  <c r="J3423" i="2"/>
  <c r="J3397" i="5" s="1"/>
  <c r="N3397" i="5" s="1"/>
  <c r="M3423" i="2"/>
  <c r="M3397" i="5" s="1"/>
  <c r="K3423" i="2"/>
  <c r="K3397" i="5" s="1"/>
  <c r="O3397" i="5" s="1"/>
  <c r="M6792" i="2"/>
  <c r="M6766" i="5" s="1"/>
  <c r="J6792" i="2"/>
  <c r="J6766" i="5" s="1"/>
  <c r="N6766" i="5" s="1"/>
  <c r="L6792" i="2"/>
  <c r="L6766" i="5" s="1"/>
  <c r="I6792" i="2"/>
  <c r="I6766" i="5" s="1"/>
  <c r="K6792" i="2"/>
  <c r="K6766" i="5" s="1"/>
  <c r="O6766" i="5" s="1"/>
  <c r="J7283" i="2"/>
  <c r="J7257" i="5" s="1"/>
  <c r="N7257" i="5" s="1"/>
  <c r="L7283" i="2"/>
  <c r="L7257" i="5" s="1"/>
  <c r="I7283" i="2"/>
  <c r="I7257" i="5" s="1"/>
  <c r="K7283" i="2"/>
  <c r="K7257" i="5" s="1"/>
  <c r="O7257" i="5" s="1"/>
  <c r="K1248" i="2"/>
  <c r="K1222" i="5" s="1"/>
  <c r="O1222" i="5" s="1"/>
  <c r="L1248" i="2"/>
  <c r="L1222" i="5" s="1"/>
  <c r="I1248" i="2"/>
  <c r="I1222" i="5" s="1"/>
  <c r="M1248" i="2"/>
  <c r="M1222" i="5" s="1"/>
  <c r="J1248" i="2"/>
  <c r="J1222" i="5" s="1"/>
  <c r="N1222" i="5" s="1"/>
  <c r="K3283" i="2"/>
  <c r="K3257" i="5" s="1"/>
  <c r="O3257" i="5" s="1"/>
  <c r="L3283" i="2"/>
  <c r="L3257" i="5" s="1"/>
  <c r="J3283" i="2"/>
  <c r="J3257" i="5" s="1"/>
  <c r="N3257" i="5" s="1"/>
  <c r="M3283" i="2"/>
  <c r="M3257" i="5" s="1"/>
  <c r="I3283" i="2"/>
  <c r="I3257" i="5" s="1"/>
  <c r="M3296" i="2"/>
  <c r="M3270" i="5" s="1"/>
  <c r="J3296" i="2"/>
  <c r="J3270" i="5" s="1"/>
  <c r="N3270" i="5" s="1"/>
  <c r="I3296" i="2"/>
  <c r="I3270" i="5" s="1"/>
  <c r="K3296" i="2"/>
  <c r="K3270" i="5" s="1"/>
  <c r="O3270" i="5" s="1"/>
  <c r="L3296" i="2"/>
  <c r="L3270" i="5" s="1"/>
  <c r="K6819" i="2"/>
  <c r="K6793" i="5" s="1"/>
  <c r="O6793" i="5" s="1"/>
  <c r="L6819" i="2"/>
  <c r="L6793" i="5" s="1"/>
  <c r="J6819" i="2"/>
  <c r="J6793" i="5" s="1"/>
  <c r="N6793" i="5" s="1"/>
  <c r="I6819" i="2"/>
  <c r="I6793" i="5" s="1"/>
  <c r="M6819" i="2"/>
  <c r="M6793" i="5" s="1"/>
  <c r="K6810" i="2"/>
  <c r="K6784" i="5" s="1"/>
  <c r="O6784" i="5" s="1"/>
  <c r="J6810" i="2"/>
  <c r="J6784" i="5" s="1"/>
  <c r="N6784" i="5" s="1"/>
  <c r="L6810" i="2"/>
  <c r="L6784" i="5" s="1"/>
  <c r="I6810" i="2"/>
  <c r="I6784" i="5" s="1"/>
  <c r="M6810" i="2"/>
  <c r="M6784" i="5" s="1"/>
  <c r="L5415" i="2"/>
  <c r="L5389" i="5" s="1"/>
  <c r="M5415" i="2"/>
  <c r="M5389" i="5" s="1"/>
  <c r="I5415" i="2"/>
  <c r="I5389" i="5" s="1"/>
  <c r="K5415" i="2"/>
  <c r="K5389" i="5" s="1"/>
  <c r="O5389" i="5" s="1"/>
  <c r="J5415" i="2"/>
  <c r="J5389" i="5" s="1"/>
  <c r="N5389" i="5" s="1"/>
  <c r="C232" i="5"/>
  <c r="AR226" i="1"/>
  <c r="L113" i="2"/>
  <c r="L87" i="5" s="1"/>
  <c r="M113" i="2"/>
  <c r="M87" i="5" s="1"/>
  <c r="K113" i="2"/>
  <c r="K87" i="5" s="1"/>
  <c r="O87" i="5" s="1"/>
  <c r="J113" i="2"/>
  <c r="J87" i="5" s="1"/>
  <c r="N87" i="5" s="1"/>
  <c r="I113" i="2"/>
  <c r="I87" i="5" s="1"/>
  <c r="K3915" i="2"/>
  <c r="K3889" i="5" s="1"/>
  <c r="O3889" i="5" s="1"/>
  <c r="J3915" i="2"/>
  <c r="J3889" i="5" s="1"/>
  <c r="N3889" i="5" s="1"/>
  <c r="M3915" i="2"/>
  <c r="M3889" i="5" s="1"/>
  <c r="I3915" i="2"/>
  <c r="I3889" i="5" s="1"/>
  <c r="L3915" i="2"/>
  <c r="L3889" i="5" s="1"/>
  <c r="L273" i="2"/>
  <c r="L247" i="5" s="1"/>
  <c r="M273" i="2"/>
  <c r="M247" i="5" s="1"/>
  <c r="J273" i="2"/>
  <c r="J247" i="5" s="1"/>
  <c r="N247" i="5" s="1"/>
  <c r="K273" i="2"/>
  <c r="K247" i="5" s="1"/>
  <c r="O247" i="5" s="1"/>
  <c r="I273" i="2"/>
  <c r="I247" i="5" s="1"/>
  <c r="K6347" i="2"/>
  <c r="K6321" i="5" s="1"/>
  <c r="O6321" i="5" s="1"/>
  <c r="J6347" i="2"/>
  <c r="J6321" i="5" s="1"/>
  <c r="N6321" i="5" s="1"/>
  <c r="L6347" i="2"/>
  <c r="L6321" i="5" s="1"/>
  <c r="I6347" i="2"/>
  <c r="I6321" i="5" s="1"/>
  <c r="M6347" i="2"/>
  <c r="M6321" i="5" s="1"/>
  <c r="K7205" i="2"/>
  <c r="K7179" i="5" s="1"/>
  <c r="O7179" i="5" s="1"/>
  <c r="J7205" i="2"/>
  <c r="J7179" i="5" s="1"/>
  <c r="N7179" i="5" s="1"/>
  <c r="M7205" i="2"/>
  <c r="M7179" i="5" s="1"/>
  <c r="L7205" i="2"/>
  <c r="L7179" i="5" s="1"/>
  <c r="I7205" i="2"/>
  <c r="I7179" i="5" s="1"/>
  <c r="I1579" i="2"/>
  <c r="I1553" i="5" s="1"/>
  <c r="K1579" i="2"/>
  <c r="K1553" i="5" s="1"/>
  <c r="O1553" i="5" s="1"/>
  <c r="J1579" i="2"/>
  <c r="J1553" i="5" s="1"/>
  <c r="N1553" i="5" s="1"/>
  <c r="M1579" i="2"/>
  <c r="M1553" i="5" s="1"/>
  <c r="L1579" i="2"/>
  <c r="L1553" i="5" s="1"/>
  <c r="L3490" i="2"/>
  <c r="L3464" i="5" s="1"/>
  <c r="M3490" i="2"/>
  <c r="M3464" i="5" s="1"/>
  <c r="J3490" i="2"/>
  <c r="J3464" i="5" s="1"/>
  <c r="N3464" i="5" s="1"/>
  <c r="I3490" i="2"/>
  <c r="I3464" i="5" s="1"/>
  <c r="K3490" i="2"/>
  <c r="K3464" i="5" s="1"/>
  <c r="O3464" i="5" s="1"/>
  <c r="J3502" i="2"/>
  <c r="J3476" i="5" s="1"/>
  <c r="N3476" i="5" s="1"/>
  <c r="L3502" i="2"/>
  <c r="L3476" i="5" s="1"/>
  <c r="I3502" i="2"/>
  <c r="I3476" i="5" s="1"/>
  <c r="M3502" i="2"/>
  <c r="M3476" i="5" s="1"/>
  <c r="K3502" i="2"/>
  <c r="K3476" i="5" s="1"/>
  <c r="O3476" i="5" s="1"/>
  <c r="K6701" i="2"/>
  <c r="K6675" i="5" s="1"/>
  <c r="O6675" i="5" s="1"/>
  <c r="J6701" i="2"/>
  <c r="J6675" i="5" s="1"/>
  <c r="N6675" i="5" s="1"/>
  <c r="M6701" i="2"/>
  <c r="M6675" i="5" s="1"/>
  <c r="L6701" i="2"/>
  <c r="L6675" i="5" s="1"/>
  <c r="I6701" i="2"/>
  <c r="I6675" i="5" s="1"/>
  <c r="L7123" i="2"/>
  <c r="L7097" i="5" s="1"/>
  <c r="J7123" i="2"/>
  <c r="J7097" i="5" s="1"/>
  <c r="N7097" i="5" s="1"/>
  <c r="M7123" i="2"/>
  <c r="M7097" i="5" s="1"/>
  <c r="I7123" i="2"/>
  <c r="I7097" i="5" s="1"/>
  <c r="K7123" i="2"/>
  <c r="K7097" i="5" s="1"/>
  <c r="O7097" i="5" s="1"/>
  <c r="M2133" i="2"/>
  <c r="M2107" i="5" s="1"/>
  <c r="K2133" i="2"/>
  <c r="K2107" i="5" s="1"/>
  <c r="O2107" i="5" s="1"/>
  <c r="J2133" i="2"/>
  <c r="J2107" i="5" s="1"/>
  <c r="N2107" i="5" s="1"/>
  <c r="L2133" i="2"/>
  <c r="L2107" i="5" s="1"/>
  <c r="I2133" i="2"/>
  <c r="I2107" i="5" s="1"/>
  <c r="L3336" i="2"/>
  <c r="L3310" i="5" s="1"/>
  <c r="M3336" i="2"/>
  <c r="M3310" i="5" s="1"/>
  <c r="I3336" i="2"/>
  <c r="I3310" i="5" s="1"/>
  <c r="K3336" i="2"/>
  <c r="K3310" i="5" s="1"/>
  <c r="O3310" i="5" s="1"/>
  <c r="J3336" i="2"/>
  <c r="J3310" i="5" s="1"/>
  <c r="N3310" i="5" s="1"/>
  <c r="J3323" i="2"/>
  <c r="J3297" i="5" s="1"/>
  <c r="N3297" i="5" s="1"/>
  <c r="M3323" i="2"/>
  <c r="M3297" i="5" s="1"/>
  <c r="L3323" i="2"/>
  <c r="L3297" i="5" s="1"/>
  <c r="I3323" i="2"/>
  <c r="I3297" i="5" s="1"/>
  <c r="K3323" i="2"/>
  <c r="K3297" i="5" s="1"/>
  <c r="O3297" i="5" s="1"/>
  <c r="J4503" i="2"/>
  <c r="J4477" i="5" s="1"/>
  <c r="N4477" i="5" s="1"/>
  <c r="M4503" i="2"/>
  <c r="M4477" i="5" s="1"/>
  <c r="L4503" i="2"/>
  <c r="L4477" i="5" s="1"/>
  <c r="I4503" i="2"/>
  <c r="I4477" i="5" s="1"/>
  <c r="K4503" i="2"/>
  <c r="K4477" i="5" s="1"/>
  <c r="O4477" i="5" s="1"/>
  <c r="C194" i="5"/>
  <c r="AR188" i="1"/>
  <c r="L7430" i="2"/>
  <c r="L7404" i="5" s="1"/>
  <c r="M7430" i="2"/>
  <c r="M7404" i="5" s="1"/>
  <c r="I7430" i="2"/>
  <c r="I7404" i="5" s="1"/>
  <c r="K7430" i="2"/>
  <c r="K7404" i="5" s="1"/>
  <c r="O7404" i="5" s="1"/>
  <c r="J7430" i="2"/>
  <c r="J7404" i="5" s="1"/>
  <c r="N7404" i="5" s="1"/>
  <c r="J7439" i="2"/>
  <c r="J7413" i="5" s="1"/>
  <c r="N7413" i="5" s="1"/>
  <c r="I7439" i="2"/>
  <c r="I7413" i="5" s="1"/>
  <c r="K7439" i="2"/>
  <c r="K7413" i="5" s="1"/>
  <c r="O7413" i="5" s="1"/>
  <c r="L7439" i="2"/>
  <c r="L7413" i="5" s="1"/>
  <c r="M7439" i="2"/>
  <c r="M7413" i="5" s="1"/>
  <c r="L6513" i="2"/>
  <c r="L6487" i="5" s="1"/>
  <c r="I6513" i="2"/>
  <c r="I6487" i="5" s="1"/>
  <c r="K6513" i="2"/>
  <c r="K6487" i="5" s="1"/>
  <c r="O6487" i="5" s="1"/>
  <c r="J6513" i="2"/>
  <c r="J6487" i="5" s="1"/>
  <c r="N6487" i="5" s="1"/>
  <c r="M6513" i="2"/>
  <c r="M6487" i="5" s="1"/>
  <c r="K4857" i="2"/>
  <c r="K4831" i="5" s="1"/>
  <c r="O4831" i="5" s="1"/>
  <c r="M4857" i="2"/>
  <c r="M4831" i="5" s="1"/>
  <c r="L4857" i="2"/>
  <c r="L4831" i="5" s="1"/>
  <c r="J4857" i="2"/>
  <c r="J4831" i="5" s="1"/>
  <c r="N4831" i="5" s="1"/>
  <c r="I4857" i="2"/>
  <c r="I4831" i="5" s="1"/>
  <c r="I7875" i="2"/>
  <c r="I7849" i="5" s="1"/>
  <c r="M7875" i="2"/>
  <c r="M7849" i="5" s="1"/>
  <c r="K7875" i="2"/>
  <c r="K7849" i="5" s="1"/>
  <c r="O7849" i="5" s="1"/>
  <c r="J7875" i="2"/>
  <c r="J7849" i="5" s="1"/>
  <c r="N7849" i="5" s="1"/>
  <c r="L7875" i="2"/>
  <c r="L7849" i="5" s="1"/>
  <c r="L4913" i="2"/>
  <c r="L4887" i="5" s="1"/>
  <c r="J4913" i="2"/>
  <c r="J4887" i="5" s="1"/>
  <c r="N4887" i="5" s="1"/>
  <c r="M4913" i="2"/>
  <c r="M4887" i="5" s="1"/>
  <c r="I4913" i="2"/>
  <c r="I4887" i="5" s="1"/>
  <c r="K4913" i="2"/>
  <c r="K4887" i="5" s="1"/>
  <c r="O4887" i="5" s="1"/>
  <c r="L8274" i="2"/>
  <c r="L8248" i="5" s="1"/>
  <c r="M8274" i="2"/>
  <c r="M8248" i="5" s="1"/>
  <c r="I8274" i="2"/>
  <c r="I8248" i="5" s="1"/>
  <c r="K8274" i="2"/>
  <c r="K8248" i="5" s="1"/>
  <c r="O8248" i="5" s="1"/>
  <c r="J8274" i="2"/>
  <c r="J8248" i="5" s="1"/>
  <c r="N8248" i="5" s="1"/>
  <c r="M4630" i="2"/>
  <c r="M4604" i="5" s="1"/>
  <c r="I4630" i="2"/>
  <c r="I4604" i="5" s="1"/>
  <c r="K4630" i="2"/>
  <c r="K4604" i="5" s="1"/>
  <c r="O4604" i="5" s="1"/>
  <c r="J4630" i="2"/>
  <c r="J4604" i="5" s="1"/>
  <c r="N4604" i="5" s="1"/>
  <c r="L4630" i="2"/>
  <c r="L4604" i="5" s="1"/>
  <c r="L2420" i="2"/>
  <c r="L2394" i="5" s="1"/>
  <c r="I2420" i="2"/>
  <c r="I2394" i="5" s="1"/>
  <c r="K2420" i="2"/>
  <c r="K2394" i="5" s="1"/>
  <c r="O2394" i="5" s="1"/>
  <c r="J2420" i="2"/>
  <c r="J2394" i="5" s="1"/>
  <c r="N2394" i="5" s="1"/>
  <c r="M2420" i="2"/>
  <c r="M2394" i="5" s="1"/>
  <c r="K5308" i="2"/>
  <c r="K5282" i="5" s="1"/>
  <c r="O5282" i="5" s="1"/>
  <c r="M5308" i="2"/>
  <c r="M5282" i="5" s="1"/>
  <c r="J5308" i="2"/>
  <c r="J5282" i="5" s="1"/>
  <c r="N5282" i="5" s="1"/>
  <c r="L5308" i="2"/>
  <c r="L5282" i="5" s="1"/>
  <c r="I5308" i="2"/>
  <c r="I5282" i="5" s="1"/>
  <c r="M7981" i="2"/>
  <c r="M7955" i="5" s="1"/>
  <c r="I7981" i="2"/>
  <c r="I7955" i="5" s="1"/>
  <c r="K7981" i="2"/>
  <c r="K7955" i="5" s="1"/>
  <c r="O7955" i="5" s="1"/>
  <c r="L7981" i="2"/>
  <c r="L7955" i="5" s="1"/>
  <c r="J7981" i="2"/>
  <c r="J7955" i="5" s="1"/>
  <c r="N7955" i="5" s="1"/>
  <c r="J4106" i="2"/>
  <c r="J4080" i="5" s="1"/>
  <c r="N4080" i="5" s="1"/>
  <c r="L4106" i="2"/>
  <c r="L4080" i="5" s="1"/>
  <c r="I4106" i="2"/>
  <c r="I4080" i="5" s="1"/>
  <c r="K4106" i="2"/>
  <c r="K4080" i="5" s="1"/>
  <c r="O4080" i="5" s="1"/>
  <c r="M4106" i="2"/>
  <c r="M4080" i="5" s="1"/>
  <c r="K8620" i="2"/>
  <c r="K8594" i="5" s="1"/>
  <c r="O8594" i="5" s="1"/>
  <c r="L8620" i="2"/>
  <c r="L8594" i="5" s="1"/>
  <c r="M8620" i="2"/>
  <c r="M8594" i="5" s="1"/>
  <c r="I8620" i="2"/>
  <c r="I8594" i="5" s="1"/>
  <c r="J8620" i="2"/>
  <c r="J8594" i="5" s="1"/>
  <c r="N8594" i="5" s="1"/>
  <c r="J6095" i="2"/>
  <c r="J6069" i="5" s="1"/>
  <c r="N6069" i="5" s="1"/>
  <c r="L6095" i="2"/>
  <c r="L6069" i="5" s="1"/>
  <c r="M6095" i="2"/>
  <c r="M6069" i="5" s="1"/>
  <c r="K6095" i="2"/>
  <c r="K6069" i="5" s="1"/>
  <c r="O6069" i="5" s="1"/>
  <c r="I6095" i="2"/>
  <c r="I6069" i="5" s="1"/>
  <c r="I3987" i="2"/>
  <c r="I3961" i="5" s="1"/>
  <c r="K3987" i="2"/>
  <c r="K3961" i="5" s="1"/>
  <c r="O3961" i="5" s="1"/>
  <c r="J3987" i="2"/>
  <c r="J3961" i="5" s="1"/>
  <c r="N3961" i="5" s="1"/>
  <c r="M3987" i="2"/>
  <c r="M3961" i="5" s="1"/>
  <c r="L3987" i="2"/>
  <c r="L3961" i="5" s="1"/>
  <c r="M6138" i="2"/>
  <c r="M6112" i="5" s="1"/>
  <c r="K6138" i="2"/>
  <c r="K6112" i="5" s="1"/>
  <c r="O6112" i="5" s="1"/>
  <c r="J6138" i="2"/>
  <c r="J6112" i="5" s="1"/>
  <c r="N6112" i="5" s="1"/>
  <c r="I6138" i="2"/>
  <c r="I6112" i="5" s="1"/>
  <c r="L6138" i="2"/>
  <c r="L6112" i="5" s="1"/>
  <c r="I5786" i="2"/>
  <c r="I5760" i="5" s="1"/>
  <c r="K5786" i="2"/>
  <c r="K5760" i="5" s="1"/>
  <c r="O5760" i="5" s="1"/>
  <c r="J5786" i="2"/>
  <c r="J5760" i="5" s="1"/>
  <c r="N5760" i="5" s="1"/>
  <c r="L5786" i="2"/>
  <c r="L5760" i="5" s="1"/>
  <c r="M5786" i="2"/>
  <c r="M5760" i="5" s="1"/>
  <c r="C247" i="5"/>
  <c r="AR241" i="1"/>
  <c r="J8703" i="2"/>
  <c r="J8677" i="5" s="1"/>
  <c r="N8677" i="5" s="1"/>
  <c r="K8703" i="2"/>
  <c r="K8677" i="5" s="1"/>
  <c r="O8677" i="5" s="1"/>
  <c r="M8703" i="2"/>
  <c r="M8677" i="5" s="1"/>
  <c r="L8703" i="2"/>
  <c r="L8677" i="5" s="1"/>
  <c r="I8703" i="2"/>
  <c r="I8677" i="5" s="1"/>
  <c r="J8699" i="2"/>
  <c r="J8673" i="5" s="1"/>
  <c r="N8673" i="5" s="1"/>
  <c r="K8699" i="2"/>
  <c r="K8673" i="5" s="1"/>
  <c r="O8673" i="5" s="1"/>
  <c r="I8699" i="2"/>
  <c r="I8673" i="5" s="1"/>
  <c r="L8699" i="2"/>
  <c r="L8673" i="5" s="1"/>
  <c r="J5334" i="2"/>
  <c r="J5308" i="5" s="1"/>
  <c r="N5308" i="5" s="1"/>
  <c r="L5334" i="2"/>
  <c r="L5308" i="5" s="1"/>
  <c r="I5334" i="2"/>
  <c r="I5308" i="5" s="1"/>
  <c r="M5334" i="2"/>
  <c r="M5308" i="5" s="1"/>
  <c r="K5334" i="2"/>
  <c r="K5308" i="5" s="1"/>
  <c r="O5308" i="5" s="1"/>
  <c r="J7277" i="2"/>
  <c r="J7251" i="5" s="1"/>
  <c r="N7251" i="5" s="1"/>
  <c r="L7277" i="2"/>
  <c r="L7251" i="5" s="1"/>
  <c r="I7277" i="2"/>
  <c r="I7251" i="5" s="1"/>
  <c r="K7277" i="2"/>
  <c r="K7251" i="5" s="1"/>
  <c r="O7251" i="5" s="1"/>
  <c r="M7277" i="2"/>
  <c r="M7251" i="5" s="1"/>
  <c r="J6326" i="2"/>
  <c r="J6300" i="5" s="1"/>
  <c r="N6300" i="5" s="1"/>
  <c r="L6326" i="2"/>
  <c r="L6300" i="5" s="1"/>
  <c r="I6326" i="2"/>
  <c r="I6300" i="5" s="1"/>
  <c r="M6326" i="2"/>
  <c r="M6300" i="5" s="1"/>
  <c r="K6326" i="2"/>
  <c r="K6300" i="5" s="1"/>
  <c r="O6300" i="5" s="1"/>
  <c r="K7807" i="2"/>
  <c r="K7781" i="5" s="1"/>
  <c r="O7781" i="5" s="1"/>
  <c r="I7807" i="2"/>
  <c r="I7781" i="5" s="1"/>
  <c r="L7807" i="2"/>
  <c r="L7781" i="5" s="1"/>
  <c r="J7807" i="2"/>
  <c r="J7781" i="5" s="1"/>
  <c r="N7781" i="5" s="1"/>
  <c r="M7807" i="2"/>
  <c r="M7781" i="5" s="1"/>
  <c r="M7808" i="2"/>
  <c r="M7782" i="5" s="1"/>
  <c r="J7808" i="2"/>
  <c r="J7782" i="5" s="1"/>
  <c r="N7782" i="5" s="1"/>
  <c r="I7808" i="2"/>
  <c r="I7782" i="5" s="1"/>
  <c r="K7808" i="2"/>
  <c r="K7782" i="5" s="1"/>
  <c r="O7782" i="5" s="1"/>
  <c r="L7808" i="2"/>
  <c r="L7782" i="5" s="1"/>
  <c r="J6441" i="2"/>
  <c r="J6415" i="5" s="1"/>
  <c r="N6415" i="5" s="1"/>
  <c r="M6441" i="2"/>
  <c r="M6415" i="5" s="1"/>
  <c r="I6441" i="2"/>
  <c r="I6415" i="5" s="1"/>
  <c r="L6441" i="2"/>
  <c r="L6415" i="5" s="1"/>
  <c r="K6441" i="2"/>
  <c r="K6415" i="5" s="1"/>
  <c r="O6415" i="5" s="1"/>
  <c r="J6440" i="2"/>
  <c r="J6414" i="5" s="1"/>
  <c r="N6414" i="5" s="1"/>
  <c r="M6440" i="2"/>
  <c r="M6414" i="5" s="1"/>
  <c r="I6440" i="2"/>
  <c r="I6414" i="5" s="1"/>
  <c r="K6440" i="2"/>
  <c r="K6414" i="5" s="1"/>
  <c r="O6414" i="5" s="1"/>
  <c r="M8018" i="2"/>
  <c r="M7992" i="5" s="1"/>
  <c r="L8018" i="2"/>
  <c r="L7992" i="5" s="1"/>
  <c r="J8018" i="2"/>
  <c r="J7992" i="5" s="1"/>
  <c r="N7992" i="5" s="1"/>
  <c r="I8018" i="2"/>
  <c r="I7992" i="5" s="1"/>
  <c r="K8018" i="2"/>
  <c r="K7992" i="5" s="1"/>
  <c r="O7992" i="5" s="1"/>
  <c r="M5689" i="2"/>
  <c r="M5663" i="5" s="1"/>
  <c r="L5689" i="2"/>
  <c r="L5663" i="5" s="1"/>
  <c r="I5689" i="2"/>
  <c r="I5663" i="5" s="1"/>
  <c r="K5689" i="2"/>
  <c r="K5663" i="5" s="1"/>
  <c r="O5663" i="5" s="1"/>
  <c r="J5689" i="2"/>
  <c r="J5663" i="5" s="1"/>
  <c r="N5663" i="5" s="1"/>
  <c r="J4809" i="2"/>
  <c r="J4783" i="5" s="1"/>
  <c r="N4783" i="5" s="1"/>
  <c r="M4809" i="2"/>
  <c r="M4783" i="5" s="1"/>
  <c r="L4809" i="2"/>
  <c r="L4783" i="5" s="1"/>
  <c r="I4809" i="2"/>
  <c r="I4783" i="5" s="1"/>
  <c r="K4809" i="2"/>
  <c r="K4783" i="5" s="1"/>
  <c r="O4783" i="5" s="1"/>
  <c r="L8491" i="2"/>
  <c r="L8465" i="5" s="1"/>
  <c r="M8491" i="2"/>
  <c r="M8465" i="5" s="1"/>
  <c r="I8491" i="2"/>
  <c r="I8465" i="5" s="1"/>
  <c r="J8491" i="2"/>
  <c r="J8465" i="5" s="1"/>
  <c r="N8465" i="5" s="1"/>
  <c r="K8491" i="2"/>
  <c r="K8465" i="5" s="1"/>
  <c r="O8465" i="5" s="1"/>
  <c r="J6866" i="2"/>
  <c r="J6840" i="5" s="1"/>
  <c r="N6840" i="5" s="1"/>
  <c r="K6866" i="2"/>
  <c r="K6840" i="5" s="1"/>
  <c r="O6840" i="5" s="1"/>
  <c r="L6866" i="2"/>
  <c r="L6840" i="5" s="1"/>
  <c r="M6866" i="2"/>
  <c r="M6840" i="5" s="1"/>
  <c r="I6866" i="2"/>
  <c r="I6840" i="5" s="1"/>
  <c r="L151" i="2"/>
  <c r="L125" i="5" s="1"/>
  <c r="M151" i="2"/>
  <c r="M125" i="5" s="1"/>
  <c r="I151" i="2"/>
  <c r="I125" i="5" s="1"/>
  <c r="J151" i="2"/>
  <c r="J125" i="5" s="1"/>
  <c r="N125" i="5" s="1"/>
  <c r="K151" i="2"/>
  <c r="K125" i="5" s="1"/>
  <c r="O125" i="5" s="1"/>
  <c r="L8657" i="2"/>
  <c r="L8631" i="5" s="1"/>
  <c r="M8657" i="2"/>
  <c r="M8631" i="5" s="1"/>
  <c r="I8657" i="2"/>
  <c r="I8631" i="5" s="1"/>
  <c r="K8657" i="2"/>
  <c r="K8631" i="5" s="1"/>
  <c r="O8631" i="5" s="1"/>
  <c r="J8657" i="2"/>
  <c r="J8631" i="5" s="1"/>
  <c r="N8631" i="5" s="1"/>
  <c r="K4290" i="2"/>
  <c r="K4264" i="5" s="1"/>
  <c r="O4264" i="5" s="1"/>
  <c r="L4290" i="2"/>
  <c r="L4264" i="5" s="1"/>
  <c r="I4290" i="2"/>
  <c r="I4264" i="5" s="1"/>
  <c r="J4290" i="2"/>
  <c r="J4264" i="5" s="1"/>
  <c r="N4264" i="5" s="1"/>
  <c r="M4290" i="2"/>
  <c r="M4264" i="5" s="1"/>
  <c r="I6251" i="2"/>
  <c r="I6225" i="5" s="1"/>
  <c r="J6251" i="2"/>
  <c r="J6225" i="5" s="1"/>
  <c r="N6225" i="5" s="1"/>
  <c r="L6251" i="2"/>
  <c r="L6225" i="5" s="1"/>
  <c r="M6251" i="2"/>
  <c r="M6225" i="5" s="1"/>
  <c r="K6251" i="2"/>
  <c r="K6225" i="5" s="1"/>
  <c r="O6225" i="5" s="1"/>
  <c r="M7849" i="2"/>
  <c r="M7823" i="5" s="1"/>
  <c r="L7849" i="2"/>
  <c r="L7823" i="5" s="1"/>
  <c r="I7849" i="2"/>
  <c r="I7823" i="5" s="1"/>
  <c r="K7849" i="2"/>
  <c r="K7823" i="5" s="1"/>
  <c r="O7823" i="5" s="1"/>
  <c r="J7849" i="2"/>
  <c r="J7823" i="5" s="1"/>
  <c r="N7823" i="5" s="1"/>
  <c r="L628" i="2"/>
  <c r="L602" i="5" s="1"/>
  <c r="M628" i="2"/>
  <c r="M602" i="5" s="1"/>
  <c r="J628" i="2"/>
  <c r="J602" i="5" s="1"/>
  <c r="N602" i="5" s="1"/>
  <c r="I628" i="2"/>
  <c r="I602" i="5" s="1"/>
  <c r="K628" i="2"/>
  <c r="K602" i="5" s="1"/>
  <c r="O602" i="5" s="1"/>
  <c r="J2754" i="2"/>
  <c r="J2728" i="5" s="1"/>
  <c r="N2728" i="5" s="1"/>
  <c r="M2754" i="2"/>
  <c r="M2728" i="5" s="1"/>
  <c r="L2754" i="2"/>
  <c r="L2728" i="5" s="1"/>
  <c r="I2754" i="2"/>
  <c r="I2728" i="5" s="1"/>
  <c r="K2754" i="2"/>
  <c r="K2728" i="5" s="1"/>
  <c r="O2728" i="5" s="1"/>
  <c r="J1381" i="2"/>
  <c r="J1355" i="5" s="1"/>
  <c r="N1355" i="5" s="1"/>
  <c r="L1381" i="2"/>
  <c r="L1355" i="5" s="1"/>
  <c r="I1381" i="2"/>
  <c r="I1355" i="5" s="1"/>
  <c r="M1381" i="2"/>
  <c r="M1355" i="5" s="1"/>
  <c r="K1381" i="2"/>
  <c r="K1355" i="5" s="1"/>
  <c r="O1355" i="5" s="1"/>
  <c r="I584" i="2"/>
  <c r="I558" i="5" s="1"/>
  <c r="M584" i="2"/>
  <c r="M558" i="5" s="1"/>
  <c r="L584" i="2"/>
  <c r="L558" i="5" s="1"/>
  <c r="K584" i="2"/>
  <c r="K558" i="5" s="1"/>
  <c r="O558" i="5" s="1"/>
  <c r="J584" i="2"/>
  <c r="J558" i="5" s="1"/>
  <c r="N558" i="5" s="1"/>
  <c r="J7703" i="2"/>
  <c r="J7677" i="5" s="1"/>
  <c r="N7677" i="5" s="1"/>
  <c r="M7703" i="2"/>
  <c r="M7677" i="5" s="1"/>
  <c r="L7703" i="2"/>
  <c r="L7677" i="5" s="1"/>
  <c r="K7703" i="2"/>
  <c r="K7677" i="5" s="1"/>
  <c r="O7677" i="5" s="1"/>
  <c r="I7703" i="2"/>
  <c r="I7677" i="5" s="1"/>
  <c r="J7691" i="2"/>
  <c r="J7665" i="5" s="1"/>
  <c r="N7665" i="5" s="1"/>
  <c r="M7691" i="2"/>
  <c r="M7665" i="5" s="1"/>
  <c r="K7691" i="2"/>
  <c r="K7665" i="5" s="1"/>
  <c r="O7665" i="5" s="1"/>
  <c r="L7691" i="2"/>
  <c r="L7665" i="5" s="1"/>
  <c r="I7691" i="2"/>
  <c r="I7665" i="5" s="1"/>
  <c r="K8436" i="2"/>
  <c r="K8410" i="5" s="1"/>
  <c r="O8410" i="5" s="1"/>
  <c r="L8436" i="2"/>
  <c r="L8410" i="5" s="1"/>
  <c r="M8436" i="2"/>
  <c r="M8410" i="5" s="1"/>
  <c r="J8436" i="2"/>
  <c r="J8410" i="5" s="1"/>
  <c r="N8410" i="5" s="1"/>
  <c r="I8436" i="2"/>
  <c r="I8410" i="5" s="1"/>
  <c r="I5106" i="2"/>
  <c r="I5080" i="5" s="1"/>
  <c r="L5106" i="2"/>
  <c r="L5080" i="5" s="1"/>
  <c r="K5106" i="2"/>
  <c r="K5080" i="5" s="1"/>
  <c r="O5080" i="5" s="1"/>
  <c r="J5106" i="2"/>
  <c r="J5080" i="5" s="1"/>
  <c r="N5080" i="5" s="1"/>
  <c r="M5106" i="2"/>
  <c r="M5080" i="5" s="1"/>
  <c r="L1743" i="2"/>
  <c r="L1717" i="5" s="1"/>
  <c r="M1743" i="2"/>
  <c r="M1717" i="5" s="1"/>
  <c r="I1743" i="2"/>
  <c r="I1717" i="5" s="1"/>
  <c r="K1743" i="2"/>
  <c r="K1717" i="5" s="1"/>
  <c r="O1717" i="5" s="1"/>
  <c r="J1743" i="2"/>
  <c r="J1717" i="5" s="1"/>
  <c r="N1717" i="5" s="1"/>
  <c r="K3626" i="2"/>
  <c r="K3600" i="5" s="1"/>
  <c r="O3600" i="5" s="1"/>
  <c r="L3626" i="2"/>
  <c r="L3600" i="5" s="1"/>
  <c r="M3626" i="2"/>
  <c r="M3600" i="5" s="1"/>
  <c r="I3626" i="2"/>
  <c r="I3600" i="5" s="1"/>
  <c r="J3626" i="2"/>
  <c r="J3600" i="5" s="1"/>
  <c r="N3600" i="5" s="1"/>
  <c r="J3615" i="2"/>
  <c r="J3589" i="5" s="1"/>
  <c r="N3589" i="5" s="1"/>
  <c r="K3615" i="2"/>
  <c r="K3589" i="5" s="1"/>
  <c r="O3589" i="5" s="1"/>
  <c r="I3615" i="2"/>
  <c r="I3589" i="5" s="1"/>
  <c r="L3615" i="2"/>
  <c r="L3589" i="5" s="1"/>
  <c r="M3615" i="2"/>
  <c r="M3589" i="5" s="1"/>
  <c r="K2906" i="2"/>
  <c r="K2880" i="5" s="1"/>
  <c r="O2880" i="5" s="1"/>
  <c r="M2906" i="2"/>
  <c r="M2880" i="5" s="1"/>
  <c r="I2906" i="2"/>
  <c r="I2880" i="5" s="1"/>
  <c r="J2906" i="2"/>
  <c r="J2880" i="5" s="1"/>
  <c r="N2880" i="5" s="1"/>
  <c r="L2906" i="2"/>
  <c r="L2880" i="5" s="1"/>
  <c r="L6675" i="2"/>
  <c r="L6649" i="5" s="1"/>
  <c r="I6675" i="2"/>
  <c r="I6649" i="5" s="1"/>
  <c r="J6675" i="2"/>
  <c r="J6649" i="5" s="1"/>
  <c r="N6649" i="5" s="1"/>
  <c r="M6675" i="2"/>
  <c r="M6649" i="5" s="1"/>
  <c r="K6675" i="2"/>
  <c r="K6649" i="5" s="1"/>
  <c r="O6649" i="5" s="1"/>
  <c r="J5955" i="2"/>
  <c r="J5929" i="5" s="1"/>
  <c r="N5929" i="5" s="1"/>
  <c r="M5955" i="2"/>
  <c r="M5929" i="5" s="1"/>
  <c r="I5955" i="2"/>
  <c r="I5929" i="5" s="1"/>
  <c r="L5955" i="2"/>
  <c r="L5929" i="5" s="1"/>
  <c r="K5955" i="2"/>
  <c r="K5929" i="5" s="1"/>
  <c r="O5929" i="5" s="1"/>
  <c r="M4673" i="2"/>
  <c r="M4647" i="5" s="1"/>
  <c r="I4673" i="2"/>
  <c r="I4647" i="5" s="1"/>
  <c r="K4673" i="2"/>
  <c r="K4647" i="5" s="1"/>
  <c r="O4647" i="5" s="1"/>
  <c r="J4673" i="2"/>
  <c r="J4647" i="5" s="1"/>
  <c r="N4647" i="5" s="1"/>
  <c r="L4673" i="2"/>
  <c r="L4647" i="5" s="1"/>
  <c r="K6176" i="2"/>
  <c r="K6150" i="5" s="1"/>
  <c r="O6150" i="5" s="1"/>
  <c r="I6176" i="2"/>
  <c r="I6150" i="5" s="1"/>
  <c r="J6176" i="2"/>
  <c r="J6150" i="5" s="1"/>
  <c r="N6150" i="5" s="1"/>
  <c r="M6176" i="2"/>
  <c r="M6150" i="5" s="1"/>
  <c r="L6176" i="2"/>
  <c r="L6150" i="5" s="1"/>
  <c r="I2440" i="2"/>
  <c r="I2414" i="5" s="1"/>
  <c r="L2440" i="2"/>
  <c r="L2414" i="5" s="1"/>
  <c r="K2440" i="2"/>
  <c r="K2414" i="5" s="1"/>
  <c r="O2414" i="5" s="1"/>
  <c r="J2440" i="2"/>
  <c r="J2414" i="5" s="1"/>
  <c r="N2414" i="5" s="1"/>
  <c r="M2440" i="2"/>
  <c r="M2414" i="5" s="1"/>
  <c r="K2616" i="2"/>
  <c r="K2590" i="5" s="1"/>
  <c r="O2590" i="5" s="1"/>
  <c r="J2616" i="2"/>
  <c r="J2590" i="5" s="1"/>
  <c r="N2590" i="5" s="1"/>
  <c r="L2616" i="2"/>
  <c r="L2590" i="5" s="1"/>
  <c r="M2616" i="2"/>
  <c r="M2590" i="5" s="1"/>
  <c r="I2616" i="2"/>
  <c r="I2590" i="5" s="1"/>
  <c r="J8375" i="2"/>
  <c r="J8349" i="5" s="1"/>
  <c r="N8349" i="5" s="1"/>
  <c r="L8375" i="2"/>
  <c r="L8349" i="5" s="1"/>
  <c r="I8375" i="2"/>
  <c r="I8349" i="5" s="1"/>
  <c r="K8375" i="2"/>
  <c r="K8349" i="5" s="1"/>
  <c r="O8349" i="5" s="1"/>
  <c r="M1634" i="2"/>
  <c r="M1608" i="5" s="1"/>
  <c r="J1634" i="2"/>
  <c r="J1608" i="5" s="1"/>
  <c r="N1608" i="5" s="1"/>
  <c r="L1634" i="2"/>
  <c r="L1608" i="5" s="1"/>
  <c r="I1634" i="2"/>
  <c r="I1608" i="5" s="1"/>
  <c r="K1634" i="2"/>
  <c r="K1608" i="5" s="1"/>
  <c r="O1608" i="5" s="1"/>
  <c r="K3169" i="2"/>
  <c r="K3143" i="5" s="1"/>
  <c r="O3143" i="5" s="1"/>
  <c r="J3169" i="2"/>
  <c r="J3143" i="5" s="1"/>
  <c r="N3143" i="5" s="1"/>
  <c r="M3169" i="2"/>
  <c r="M3143" i="5" s="1"/>
  <c r="L3169" i="2"/>
  <c r="L3143" i="5" s="1"/>
  <c r="I3169" i="2"/>
  <c r="I3143" i="5" s="1"/>
  <c r="L3455" i="2"/>
  <c r="L3429" i="5" s="1"/>
  <c r="I3455" i="2"/>
  <c r="I3429" i="5" s="1"/>
  <c r="K3455" i="2"/>
  <c r="K3429" i="5" s="1"/>
  <c r="O3429" i="5" s="1"/>
  <c r="M3455" i="2"/>
  <c r="M3429" i="5" s="1"/>
  <c r="J3455" i="2"/>
  <c r="J3429" i="5" s="1"/>
  <c r="N3429" i="5" s="1"/>
  <c r="J903" i="2"/>
  <c r="J877" i="5" s="1"/>
  <c r="N877" i="5" s="1"/>
  <c r="L903" i="2"/>
  <c r="L877" i="5" s="1"/>
  <c r="I903" i="2"/>
  <c r="I877" i="5" s="1"/>
  <c r="M903" i="2"/>
  <c r="M877" i="5" s="1"/>
  <c r="K903" i="2"/>
  <c r="K877" i="5" s="1"/>
  <c r="O877" i="5" s="1"/>
  <c r="L7952" i="2"/>
  <c r="L7926" i="5" s="1"/>
  <c r="K7952" i="2"/>
  <c r="K7926" i="5" s="1"/>
  <c r="O7926" i="5" s="1"/>
  <c r="M7952" i="2"/>
  <c r="M7926" i="5" s="1"/>
  <c r="I7952" i="2"/>
  <c r="I7926" i="5" s="1"/>
  <c r="J7952" i="2"/>
  <c r="J7926" i="5" s="1"/>
  <c r="N7926" i="5" s="1"/>
  <c r="L1912" i="2"/>
  <c r="L1886" i="5" s="1"/>
  <c r="I1912" i="2"/>
  <c r="I1886" i="5" s="1"/>
  <c r="K1912" i="2"/>
  <c r="K1886" i="5" s="1"/>
  <c r="O1886" i="5" s="1"/>
  <c r="M1912" i="2"/>
  <c r="M1886" i="5" s="1"/>
  <c r="J1912" i="2"/>
  <c r="J1886" i="5" s="1"/>
  <c r="N1886" i="5" s="1"/>
  <c r="L2723" i="2"/>
  <c r="L2697" i="5" s="1"/>
  <c r="M2723" i="2"/>
  <c r="M2697" i="5" s="1"/>
  <c r="K2723" i="2"/>
  <c r="K2697" i="5" s="1"/>
  <c r="O2697" i="5" s="1"/>
  <c r="J2723" i="2"/>
  <c r="J2697" i="5" s="1"/>
  <c r="N2697" i="5" s="1"/>
  <c r="L2991" i="2"/>
  <c r="L2965" i="5" s="1"/>
  <c r="J2991" i="2"/>
  <c r="J2965" i="5" s="1"/>
  <c r="N2965" i="5" s="1"/>
  <c r="M2991" i="2"/>
  <c r="M2965" i="5" s="1"/>
  <c r="I2991" i="2"/>
  <c r="I2965" i="5" s="1"/>
  <c r="K2991" i="2"/>
  <c r="K2965" i="5" s="1"/>
  <c r="O2965" i="5" s="1"/>
  <c r="M311" i="2"/>
  <c r="M285" i="5" s="1"/>
  <c r="L311" i="2"/>
  <c r="L285" i="5" s="1"/>
  <c r="I311" i="2"/>
  <c r="I285" i="5" s="1"/>
  <c r="K311" i="2"/>
  <c r="K285" i="5" s="1"/>
  <c r="O285" i="5" s="1"/>
  <c r="J311" i="2"/>
  <c r="J285" i="5" s="1"/>
  <c r="N285" i="5" s="1"/>
  <c r="K7481" i="2"/>
  <c r="K7455" i="5" s="1"/>
  <c r="O7455" i="5" s="1"/>
  <c r="M7481" i="2"/>
  <c r="M7455" i="5" s="1"/>
  <c r="I7481" i="2"/>
  <c r="I7455" i="5" s="1"/>
  <c r="J7481" i="2"/>
  <c r="J7455" i="5" s="1"/>
  <c r="N7455" i="5" s="1"/>
  <c r="L7481" i="2"/>
  <c r="L7455" i="5" s="1"/>
  <c r="J7524" i="2"/>
  <c r="J7498" i="5" s="1"/>
  <c r="N7498" i="5" s="1"/>
  <c r="L7524" i="2"/>
  <c r="L7498" i="5" s="1"/>
  <c r="I7524" i="2"/>
  <c r="I7498" i="5" s="1"/>
  <c r="M7524" i="2"/>
  <c r="M7498" i="5" s="1"/>
  <c r="K7524" i="2"/>
  <c r="K7498" i="5" s="1"/>
  <c r="O7498" i="5" s="1"/>
  <c r="J7538" i="2"/>
  <c r="J7512" i="5" s="1"/>
  <c r="N7512" i="5" s="1"/>
  <c r="L7538" i="2"/>
  <c r="L7512" i="5" s="1"/>
  <c r="M7538" i="2"/>
  <c r="M7512" i="5" s="1"/>
  <c r="I7538" i="2"/>
  <c r="I7512" i="5" s="1"/>
  <c r="K7538" i="2"/>
  <c r="K7512" i="5" s="1"/>
  <c r="O7512" i="5" s="1"/>
  <c r="L5191" i="2"/>
  <c r="L5165" i="5" s="1"/>
  <c r="I5191" i="2"/>
  <c r="I5165" i="5" s="1"/>
  <c r="K5191" i="2"/>
  <c r="K5165" i="5" s="1"/>
  <c r="O5165" i="5" s="1"/>
  <c r="M5191" i="2"/>
  <c r="M5165" i="5" s="1"/>
  <c r="J5191" i="2"/>
  <c r="J5165" i="5" s="1"/>
  <c r="N5165" i="5" s="1"/>
  <c r="M3807" i="2"/>
  <c r="M3781" i="5" s="1"/>
  <c r="I3807" i="2"/>
  <c r="I3781" i="5" s="1"/>
  <c r="K3807" i="2"/>
  <c r="K3781" i="5" s="1"/>
  <c r="O3781" i="5" s="1"/>
  <c r="J3807" i="2"/>
  <c r="J3781" i="5" s="1"/>
  <c r="N3781" i="5" s="1"/>
  <c r="L3807" i="2"/>
  <c r="L3781" i="5" s="1"/>
  <c r="J3811" i="2"/>
  <c r="J3785" i="5" s="1"/>
  <c r="N3785" i="5" s="1"/>
  <c r="M3811" i="2"/>
  <c r="M3785" i="5" s="1"/>
  <c r="L3811" i="2"/>
  <c r="L3785" i="5" s="1"/>
  <c r="I3811" i="2"/>
  <c r="I3785" i="5" s="1"/>
  <c r="K3811" i="2"/>
  <c r="K3785" i="5" s="1"/>
  <c r="O3785" i="5" s="1"/>
  <c r="L441" i="2"/>
  <c r="L415" i="5" s="1"/>
  <c r="J441" i="2"/>
  <c r="J415" i="5" s="1"/>
  <c r="N415" i="5" s="1"/>
  <c r="M441" i="2"/>
  <c r="M415" i="5" s="1"/>
  <c r="I441" i="2"/>
  <c r="I415" i="5" s="1"/>
  <c r="K441" i="2"/>
  <c r="K415" i="5" s="1"/>
  <c r="O415" i="5" s="1"/>
  <c r="L4346" i="2"/>
  <c r="L4320" i="5" s="1"/>
  <c r="I4346" i="2"/>
  <c r="I4320" i="5" s="1"/>
  <c r="J4346" i="2"/>
  <c r="J4320" i="5" s="1"/>
  <c r="N4320" i="5" s="1"/>
  <c r="K4346" i="2"/>
  <c r="K4320" i="5" s="1"/>
  <c r="O4320" i="5" s="1"/>
  <c r="M4346" i="2"/>
  <c r="M4320" i="5" s="1"/>
  <c r="M968" i="2"/>
  <c r="M942" i="5" s="1"/>
  <c r="L968" i="2"/>
  <c r="L942" i="5" s="1"/>
  <c r="I968" i="2"/>
  <c r="I942" i="5" s="1"/>
  <c r="K968" i="2"/>
  <c r="K942" i="5" s="1"/>
  <c r="O942" i="5" s="1"/>
  <c r="J968" i="2"/>
  <c r="J942" i="5" s="1"/>
  <c r="N942" i="5" s="1"/>
  <c r="L101" i="2"/>
  <c r="L75" i="5" s="1"/>
  <c r="K101" i="2"/>
  <c r="K75" i="5" s="1"/>
  <c r="O75" i="5" s="1"/>
  <c r="J101" i="2"/>
  <c r="J75" i="5" s="1"/>
  <c r="N75" i="5" s="1"/>
  <c r="I101" i="2"/>
  <c r="I75" i="5" s="1"/>
  <c r="M101" i="2"/>
  <c r="M75" i="5" s="1"/>
  <c r="I1941" i="2"/>
  <c r="I1915" i="5" s="1"/>
  <c r="K1941" i="2"/>
  <c r="K1915" i="5" s="1"/>
  <c r="O1915" i="5" s="1"/>
  <c r="J1941" i="2"/>
  <c r="J1915" i="5" s="1"/>
  <c r="N1915" i="5" s="1"/>
  <c r="L1941" i="2"/>
  <c r="L1915" i="5" s="1"/>
  <c r="M1941" i="2"/>
  <c r="M1915" i="5" s="1"/>
  <c r="L8329" i="2"/>
  <c r="L8303" i="5" s="1"/>
  <c r="M8329" i="2"/>
  <c r="M8303" i="5" s="1"/>
  <c r="I8329" i="2"/>
  <c r="I8303" i="5" s="1"/>
  <c r="K8329" i="2"/>
  <c r="K8303" i="5" s="1"/>
  <c r="O8303" i="5" s="1"/>
  <c r="J8329" i="2"/>
  <c r="J8303" i="5" s="1"/>
  <c r="N8303" i="5" s="1"/>
  <c r="J8533" i="2"/>
  <c r="J8507" i="5" s="1"/>
  <c r="N8507" i="5" s="1"/>
  <c r="I8533" i="2"/>
  <c r="I8507" i="5" s="1"/>
  <c r="M8533" i="2"/>
  <c r="M8507" i="5" s="1"/>
  <c r="K8533" i="2"/>
  <c r="K8507" i="5" s="1"/>
  <c r="O8507" i="5" s="1"/>
  <c r="L8533" i="2"/>
  <c r="L8507" i="5" s="1"/>
  <c r="J8542" i="2"/>
  <c r="J8516" i="5" s="1"/>
  <c r="N8516" i="5" s="1"/>
  <c r="I8542" i="2"/>
  <c r="I8516" i="5" s="1"/>
  <c r="M8542" i="2"/>
  <c r="M8516" i="5" s="1"/>
  <c r="K8542" i="2"/>
  <c r="K8516" i="5" s="1"/>
  <c r="O8516" i="5" s="1"/>
  <c r="L8542" i="2"/>
  <c r="L8516" i="5" s="1"/>
  <c r="J456" i="2"/>
  <c r="J430" i="5" s="1"/>
  <c r="N430" i="5" s="1"/>
  <c r="K456" i="2"/>
  <c r="K430" i="5" s="1"/>
  <c r="O430" i="5" s="1"/>
  <c r="M456" i="2"/>
  <c r="M430" i="5" s="1"/>
  <c r="I456" i="2"/>
  <c r="I430" i="5" s="1"/>
  <c r="J2326" i="2"/>
  <c r="J2300" i="5" s="1"/>
  <c r="N2300" i="5" s="1"/>
  <c r="M2326" i="2"/>
  <c r="M2300" i="5" s="1"/>
  <c r="L2326" i="2"/>
  <c r="L2300" i="5" s="1"/>
  <c r="I2326" i="2"/>
  <c r="I2300" i="5" s="1"/>
  <c r="K2326" i="2"/>
  <c r="K2300" i="5" s="1"/>
  <c r="O2300" i="5" s="1"/>
  <c r="I4616" i="2"/>
  <c r="I4590" i="5" s="1"/>
  <c r="K4616" i="2"/>
  <c r="K4590" i="5" s="1"/>
  <c r="O4590" i="5" s="1"/>
  <c r="J4616" i="2"/>
  <c r="J4590" i="5" s="1"/>
  <c r="N4590" i="5" s="1"/>
  <c r="M4616" i="2"/>
  <c r="M4590" i="5" s="1"/>
  <c r="L4616" i="2"/>
  <c r="L4590" i="5" s="1"/>
  <c r="J4274" i="2"/>
  <c r="J4248" i="5" s="1"/>
  <c r="N4248" i="5" s="1"/>
  <c r="M4274" i="2"/>
  <c r="M4248" i="5" s="1"/>
  <c r="K4274" i="2"/>
  <c r="K4248" i="5" s="1"/>
  <c r="O4248" i="5" s="1"/>
  <c r="L4274" i="2"/>
  <c r="L4248" i="5" s="1"/>
  <c r="I4274" i="2"/>
  <c r="I4248" i="5" s="1"/>
  <c r="I731" i="2"/>
  <c r="I705" i="5" s="1"/>
  <c r="K731" i="2"/>
  <c r="K705" i="5" s="1"/>
  <c r="O705" i="5" s="1"/>
  <c r="L731" i="2"/>
  <c r="L705" i="5" s="1"/>
  <c r="M731" i="2"/>
  <c r="M705" i="5" s="1"/>
  <c r="J731" i="2"/>
  <c r="J705" i="5" s="1"/>
  <c r="N705" i="5" s="1"/>
  <c r="J4081" i="2"/>
  <c r="J4055" i="5" s="1"/>
  <c r="N4055" i="5" s="1"/>
  <c r="M4081" i="2"/>
  <c r="M4055" i="5" s="1"/>
  <c r="L4081" i="2"/>
  <c r="L4055" i="5" s="1"/>
  <c r="I4081" i="2"/>
  <c r="I4055" i="5" s="1"/>
  <c r="K4081" i="2"/>
  <c r="K4055" i="5" s="1"/>
  <c r="O4055" i="5" s="1"/>
  <c r="J4075" i="2"/>
  <c r="J4049" i="5" s="1"/>
  <c r="N4049" i="5" s="1"/>
  <c r="M4075" i="2"/>
  <c r="M4049" i="5" s="1"/>
  <c r="L4075" i="2"/>
  <c r="L4049" i="5" s="1"/>
  <c r="I4075" i="2"/>
  <c r="I4049" i="5" s="1"/>
  <c r="K4075" i="2"/>
  <c r="K4049" i="5" s="1"/>
  <c r="O4049" i="5" s="1"/>
  <c r="K7168" i="2"/>
  <c r="K7142" i="5" s="1"/>
  <c r="O7142" i="5" s="1"/>
  <c r="J7168" i="2"/>
  <c r="J7142" i="5" s="1"/>
  <c r="N7142" i="5" s="1"/>
  <c r="M7168" i="2"/>
  <c r="M7142" i="5" s="1"/>
  <c r="L7168" i="2"/>
  <c r="L7142" i="5" s="1"/>
  <c r="I7168" i="2"/>
  <c r="I7142" i="5" s="1"/>
  <c r="J7174" i="2"/>
  <c r="J7148" i="5" s="1"/>
  <c r="N7148" i="5" s="1"/>
  <c r="M7174" i="2"/>
  <c r="M7148" i="5" s="1"/>
  <c r="L7174" i="2"/>
  <c r="L7148" i="5" s="1"/>
  <c r="I7174" i="2"/>
  <c r="I7148" i="5" s="1"/>
  <c r="K7174" i="2"/>
  <c r="K7148" i="5" s="1"/>
  <c r="O7148" i="5" s="1"/>
  <c r="J716" i="2"/>
  <c r="J690" i="5" s="1"/>
  <c r="N690" i="5" s="1"/>
  <c r="M716" i="2"/>
  <c r="M690" i="5" s="1"/>
  <c r="L716" i="2"/>
  <c r="L690" i="5" s="1"/>
  <c r="I716" i="2"/>
  <c r="I690" i="5" s="1"/>
  <c r="K716" i="2"/>
  <c r="K690" i="5" s="1"/>
  <c r="O690" i="5" s="1"/>
  <c r="J711" i="2"/>
  <c r="J685" i="5" s="1"/>
  <c r="N685" i="5" s="1"/>
  <c r="L711" i="2"/>
  <c r="L685" i="5" s="1"/>
  <c r="I711" i="2"/>
  <c r="I685" i="5" s="1"/>
  <c r="K711" i="2"/>
  <c r="K685" i="5" s="1"/>
  <c r="O685" i="5" s="1"/>
  <c r="M711" i="2"/>
  <c r="M685" i="5" s="1"/>
  <c r="I7613" i="2"/>
  <c r="I7587" i="5" s="1"/>
  <c r="K7613" i="2"/>
  <c r="K7587" i="5" s="1"/>
  <c r="O7587" i="5" s="1"/>
  <c r="J7613" i="2"/>
  <c r="J7587" i="5" s="1"/>
  <c r="N7587" i="5" s="1"/>
  <c r="L7613" i="2"/>
  <c r="L7587" i="5" s="1"/>
  <c r="M7613" i="2"/>
  <c r="M7587" i="5" s="1"/>
  <c r="K5607" i="2"/>
  <c r="K5581" i="5" s="1"/>
  <c r="O5581" i="5" s="1"/>
  <c r="J5607" i="2"/>
  <c r="J5581" i="5" s="1"/>
  <c r="N5581" i="5" s="1"/>
  <c r="L5607" i="2"/>
  <c r="L5581" i="5" s="1"/>
  <c r="M5607" i="2"/>
  <c r="M5581" i="5" s="1"/>
  <c r="I5607" i="2"/>
  <c r="I5581" i="5" s="1"/>
  <c r="M8182" i="2"/>
  <c r="M8156" i="5" s="1"/>
  <c r="L8182" i="2"/>
  <c r="L8156" i="5" s="1"/>
  <c r="I8182" i="2"/>
  <c r="I8156" i="5" s="1"/>
  <c r="K8182" i="2"/>
  <c r="K8156" i="5" s="1"/>
  <c r="O8156" i="5" s="1"/>
  <c r="J8182" i="2"/>
  <c r="J8156" i="5" s="1"/>
  <c r="N8156" i="5" s="1"/>
  <c r="M1156" i="2"/>
  <c r="M1130" i="5" s="1"/>
  <c r="L1156" i="2"/>
  <c r="L1130" i="5" s="1"/>
  <c r="I1156" i="2"/>
  <c r="I1130" i="5" s="1"/>
  <c r="J1156" i="2"/>
  <c r="J1130" i="5" s="1"/>
  <c r="N1130" i="5" s="1"/>
  <c r="K1156" i="2"/>
  <c r="K1130" i="5" s="1"/>
  <c r="O1130" i="5" s="1"/>
  <c r="M2460" i="2"/>
  <c r="M2434" i="5" s="1"/>
  <c r="L2460" i="2"/>
  <c r="L2434" i="5" s="1"/>
  <c r="K2460" i="2"/>
  <c r="K2434" i="5" s="1"/>
  <c r="O2434" i="5" s="1"/>
  <c r="J2460" i="2"/>
  <c r="J2434" i="5" s="1"/>
  <c r="N2434" i="5" s="1"/>
  <c r="I2460" i="2"/>
  <c r="I2434" i="5" s="1"/>
  <c r="L938" i="2"/>
  <c r="L912" i="5" s="1"/>
  <c r="J938" i="2"/>
  <c r="J912" i="5" s="1"/>
  <c r="N912" i="5" s="1"/>
  <c r="M938" i="2"/>
  <c r="M912" i="5" s="1"/>
  <c r="I938" i="2"/>
  <c r="I912" i="5" s="1"/>
  <c r="K938" i="2"/>
  <c r="K912" i="5" s="1"/>
  <c r="O912" i="5" s="1"/>
  <c r="L788" i="2"/>
  <c r="L762" i="5" s="1"/>
  <c r="I788" i="2"/>
  <c r="I762" i="5" s="1"/>
  <c r="J788" i="2"/>
  <c r="J762" i="5" s="1"/>
  <c r="N762" i="5" s="1"/>
  <c r="M788" i="2"/>
  <c r="M762" i="5" s="1"/>
  <c r="K788" i="2"/>
  <c r="K762" i="5" s="1"/>
  <c r="O762" i="5" s="1"/>
  <c r="K586" i="2"/>
  <c r="K560" i="5" s="1"/>
  <c r="O560" i="5" s="1"/>
  <c r="L586" i="2"/>
  <c r="L560" i="5" s="1"/>
  <c r="M586" i="2"/>
  <c r="M560" i="5" s="1"/>
  <c r="I586" i="2"/>
  <c r="I560" i="5" s="1"/>
  <c r="J586" i="2"/>
  <c r="J560" i="5" s="1"/>
  <c r="N560" i="5" s="1"/>
  <c r="K7347" i="2"/>
  <c r="K7321" i="5" s="1"/>
  <c r="O7321" i="5" s="1"/>
  <c r="L7347" i="2"/>
  <c r="L7321" i="5" s="1"/>
  <c r="M7347" i="2"/>
  <c r="M7321" i="5" s="1"/>
  <c r="J7347" i="2"/>
  <c r="J7321" i="5" s="1"/>
  <c r="N7321" i="5" s="1"/>
  <c r="I7347" i="2"/>
  <c r="I7321" i="5" s="1"/>
  <c r="L2824" i="2"/>
  <c r="L2798" i="5" s="1"/>
  <c r="I2824" i="2"/>
  <c r="I2798" i="5" s="1"/>
  <c r="J2824" i="2"/>
  <c r="J2798" i="5" s="1"/>
  <c r="N2798" i="5" s="1"/>
  <c r="M2824" i="2"/>
  <c r="M2798" i="5" s="1"/>
  <c r="K2824" i="2"/>
  <c r="K2798" i="5" s="1"/>
  <c r="O2798" i="5" s="1"/>
  <c r="J2822" i="2"/>
  <c r="J2796" i="5" s="1"/>
  <c r="N2796" i="5" s="1"/>
  <c r="M2822" i="2"/>
  <c r="M2796" i="5" s="1"/>
  <c r="L2822" i="2"/>
  <c r="L2796" i="5" s="1"/>
  <c r="I2822" i="2"/>
  <c r="I2796" i="5" s="1"/>
  <c r="K2822" i="2"/>
  <c r="K2796" i="5" s="1"/>
  <c r="O2796" i="5" s="1"/>
  <c r="M4960" i="2"/>
  <c r="M4934" i="5" s="1"/>
  <c r="L4960" i="2"/>
  <c r="L4934" i="5" s="1"/>
  <c r="I4960" i="2"/>
  <c r="I4934" i="5" s="1"/>
  <c r="K4960" i="2"/>
  <c r="K4934" i="5" s="1"/>
  <c r="O4934" i="5" s="1"/>
  <c r="J4960" i="2"/>
  <c r="J4934" i="5" s="1"/>
  <c r="N4934" i="5" s="1"/>
  <c r="I1431" i="2"/>
  <c r="I1405" i="5" s="1"/>
  <c r="M1431" i="2"/>
  <c r="M1405" i="5" s="1"/>
  <c r="J1431" i="2"/>
  <c r="J1405" i="5" s="1"/>
  <c r="N1405" i="5" s="1"/>
  <c r="L1431" i="2"/>
  <c r="L1405" i="5" s="1"/>
  <c r="K1431" i="2"/>
  <c r="K1405" i="5" s="1"/>
  <c r="O1405" i="5" s="1"/>
  <c r="J1774" i="2"/>
  <c r="J1748" i="5" s="1"/>
  <c r="N1748" i="5" s="1"/>
  <c r="M1774" i="2"/>
  <c r="M1748" i="5" s="1"/>
  <c r="L1774" i="2"/>
  <c r="L1748" i="5" s="1"/>
  <c r="I1774" i="2"/>
  <c r="I1748" i="5" s="1"/>
  <c r="K1774" i="2"/>
  <c r="K1748" i="5" s="1"/>
  <c r="O1748" i="5" s="1"/>
  <c r="L8144" i="2"/>
  <c r="L8118" i="5" s="1"/>
  <c r="M8144" i="2"/>
  <c r="M8118" i="5" s="1"/>
  <c r="J8144" i="2"/>
  <c r="J8118" i="5" s="1"/>
  <c r="N8118" i="5" s="1"/>
  <c r="I8144" i="2"/>
  <c r="I8118" i="5" s="1"/>
  <c r="K8144" i="2"/>
  <c r="K8118" i="5" s="1"/>
  <c r="O8118" i="5" s="1"/>
  <c r="M5584" i="2"/>
  <c r="M5558" i="5" s="1"/>
  <c r="L5584" i="2"/>
  <c r="L5558" i="5" s="1"/>
  <c r="I5584" i="2"/>
  <c r="I5558" i="5" s="1"/>
  <c r="K5584" i="2"/>
  <c r="K5558" i="5" s="1"/>
  <c r="O5558" i="5" s="1"/>
  <c r="J5584" i="2"/>
  <c r="J5558" i="5" s="1"/>
  <c r="N5558" i="5" s="1"/>
  <c r="L1563" i="2"/>
  <c r="L1537" i="5" s="1"/>
  <c r="M1563" i="2"/>
  <c r="M1537" i="5" s="1"/>
  <c r="I1563" i="2"/>
  <c r="I1537" i="5" s="1"/>
  <c r="J1563" i="2"/>
  <c r="J1537" i="5" s="1"/>
  <c r="N1537" i="5" s="1"/>
  <c r="L275" i="2"/>
  <c r="L249" i="5" s="1"/>
  <c r="I275" i="2"/>
  <c r="I249" i="5" s="1"/>
  <c r="M275" i="2"/>
  <c r="M249" i="5" s="1"/>
  <c r="K275" i="2"/>
  <c r="K249" i="5" s="1"/>
  <c r="O249" i="5" s="1"/>
  <c r="J275" i="2"/>
  <c r="J249" i="5" s="1"/>
  <c r="N249" i="5" s="1"/>
  <c r="K6460" i="2"/>
  <c r="K6434" i="5" s="1"/>
  <c r="O6434" i="5" s="1"/>
  <c r="L6460" i="2"/>
  <c r="L6434" i="5" s="1"/>
  <c r="M6460" i="2"/>
  <c r="M6434" i="5" s="1"/>
  <c r="I6460" i="2"/>
  <c r="I6434" i="5" s="1"/>
  <c r="J6460" i="2"/>
  <c r="J6434" i="5" s="1"/>
  <c r="N6434" i="5" s="1"/>
  <c r="L2554" i="2"/>
  <c r="L2528" i="5" s="1"/>
  <c r="M2554" i="2"/>
  <c r="M2528" i="5" s="1"/>
  <c r="I2554" i="2"/>
  <c r="I2528" i="5" s="1"/>
  <c r="K2554" i="2"/>
  <c r="K2528" i="5" s="1"/>
  <c r="O2528" i="5" s="1"/>
  <c r="J2554" i="2"/>
  <c r="J2528" i="5" s="1"/>
  <c r="N2528" i="5" s="1"/>
  <c r="L3235" i="2"/>
  <c r="L3209" i="5" s="1"/>
  <c r="M3235" i="2"/>
  <c r="M3209" i="5" s="1"/>
  <c r="I3235" i="2"/>
  <c r="I3209" i="5" s="1"/>
  <c r="K3235" i="2"/>
  <c r="K3209" i="5" s="1"/>
  <c r="O3209" i="5" s="1"/>
  <c r="J3235" i="2"/>
  <c r="J3209" i="5" s="1"/>
  <c r="N3209" i="5" s="1"/>
  <c r="C141" i="5"/>
  <c r="L3730" i="2"/>
  <c r="L3704" i="5" s="1"/>
  <c r="J3730" i="2"/>
  <c r="J3704" i="5" s="1"/>
  <c r="N3704" i="5" s="1"/>
  <c r="M3730" i="2"/>
  <c r="M3704" i="5" s="1"/>
  <c r="I3730" i="2"/>
  <c r="I3704" i="5" s="1"/>
  <c r="K3730" i="2"/>
  <c r="K3704" i="5" s="1"/>
  <c r="O3704" i="5" s="1"/>
  <c r="J2086" i="2"/>
  <c r="J2060" i="5" s="1"/>
  <c r="N2060" i="5" s="1"/>
  <c r="M2086" i="2"/>
  <c r="M2060" i="5" s="1"/>
  <c r="L2086" i="2"/>
  <c r="L2060" i="5" s="1"/>
  <c r="I2086" i="2"/>
  <c r="I2060" i="5" s="1"/>
  <c r="K2086" i="2"/>
  <c r="K2060" i="5" s="1"/>
  <c r="O2060" i="5" s="1"/>
  <c r="K2922" i="2"/>
  <c r="K2896" i="5" s="1"/>
  <c r="O2896" i="5" s="1"/>
  <c r="I2922" i="2"/>
  <c r="I2896" i="5" s="1"/>
  <c r="M2922" i="2"/>
  <c r="M2896" i="5" s="1"/>
  <c r="J2922" i="2"/>
  <c r="J2896" i="5" s="1"/>
  <c r="N2896" i="5" s="1"/>
  <c r="L2922" i="2"/>
  <c r="L2896" i="5" s="1"/>
  <c r="J7376" i="2"/>
  <c r="J7350" i="5" s="1"/>
  <c r="N7350" i="5" s="1"/>
  <c r="L7376" i="2"/>
  <c r="L7350" i="5" s="1"/>
  <c r="M7376" i="2"/>
  <c r="M7350" i="5" s="1"/>
  <c r="I7376" i="2"/>
  <c r="I7350" i="5" s="1"/>
  <c r="K7376" i="2"/>
  <c r="K7350" i="5" s="1"/>
  <c r="O7350" i="5" s="1"/>
  <c r="K4255" i="2"/>
  <c r="K4229" i="5" s="1"/>
  <c r="O4229" i="5" s="1"/>
  <c r="L4255" i="2"/>
  <c r="L4229" i="5" s="1"/>
  <c r="M4255" i="2"/>
  <c r="M4229" i="5" s="1"/>
  <c r="J4255" i="2"/>
  <c r="J4229" i="5" s="1"/>
  <c r="N4229" i="5" s="1"/>
  <c r="I4255" i="2"/>
  <c r="I4229" i="5" s="1"/>
  <c r="M2815" i="2"/>
  <c r="M2789" i="5" s="1"/>
  <c r="L2815" i="2"/>
  <c r="L2789" i="5" s="1"/>
  <c r="I2815" i="2"/>
  <c r="I2789" i="5" s="1"/>
  <c r="J2815" i="2"/>
  <c r="J2789" i="5" s="1"/>
  <c r="N2789" i="5" s="1"/>
  <c r="K2815" i="2"/>
  <c r="K2789" i="5" s="1"/>
  <c r="O2789" i="5" s="1"/>
  <c r="J5934" i="2"/>
  <c r="J5908" i="5" s="1"/>
  <c r="N5908" i="5" s="1"/>
  <c r="M5934" i="2"/>
  <c r="M5908" i="5" s="1"/>
  <c r="L5934" i="2"/>
  <c r="L5908" i="5" s="1"/>
  <c r="I5934" i="2"/>
  <c r="I5908" i="5" s="1"/>
  <c r="K5934" i="2"/>
  <c r="K5908" i="5" s="1"/>
  <c r="O5908" i="5" s="1"/>
  <c r="I6769" i="2"/>
  <c r="I6743" i="5" s="1"/>
  <c r="J6769" i="2"/>
  <c r="J6743" i="5" s="1"/>
  <c r="N6743" i="5" s="1"/>
  <c r="L6769" i="2"/>
  <c r="L6743" i="5" s="1"/>
  <c r="M6769" i="2"/>
  <c r="M6743" i="5" s="1"/>
  <c r="K6769" i="2"/>
  <c r="K6743" i="5" s="1"/>
  <c r="O6743" i="5" s="1"/>
  <c r="L2220" i="2"/>
  <c r="L2194" i="5" s="1"/>
  <c r="K2220" i="2"/>
  <c r="K2194" i="5" s="1"/>
  <c r="O2194" i="5" s="1"/>
  <c r="M2220" i="2"/>
  <c r="M2194" i="5" s="1"/>
  <c r="J2220" i="2"/>
  <c r="J2194" i="5" s="1"/>
  <c r="N2194" i="5" s="1"/>
  <c r="I2220" i="2"/>
  <c r="I2194" i="5" s="1"/>
  <c r="M1801" i="2"/>
  <c r="M1775" i="5" s="1"/>
  <c r="I1801" i="2"/>
  <c r="I1775" i="5" s="1"/>
  <c r="K1801" i="2"/>
  <c r="K1775" i="5" s="1"/>
  <c r="O1775" i="5" s="1"/>
  <c r="J1801" i="2"/>
  <c r="J1775" i="5" s="1"/>
  <c r="N1775" i="5" s="1"/>
  <c r="L1801" i="2"/>
  <c r="L1775" i="5" s="1"/>
  <c r="M1833" i="2"/>
  <c r="M1807" i="5" s="1"/>
  <c r="L1833" i="2"/>
  <c r="L1807" i="5" s="1"/>
  <c r="I1833" i="2"/>
  <c r="I1807" i="5" s="1"/>
  <c r="K1833" i="2"/>
  <c r="K1807" i="5" s="1"/>
  <c r="O1807" i="5" s="1"/>
  <c r="J1833" i="2"/>
  <c r="J1807" i="5" s="1"/>
  <c r="N1807" i="5" s="1"/>
  <c r="M4661" i="2"/>
  <c r="M4635" i="5" s="1"/>
  <c r="J4661" i="2"/>
  <c r="J4635" i="5" s="1"/>
  <c r="N4635" i="5" s="1"/>
  <c r="L4661" i="2"/>
  <c r="L4635" i="5" s="1"/>
  <c r="I4661" i="2"/>
  <c r="I4635" i="5" s="1"/>
  <c r="K4661" i="2"/>
  <c r="K4635" i="5" s="1"/>
  <c r="O4635" i="5" s="1"/>
  <c r="M4653" i="2"/>
  <c r="M4627" i="5" s="1"/>
  <c r="K4653" i="2"/>
  <c r="K4627" i="5" s="1"/>
  <c r="O4627" i="5" s="1"/>
  <c r="J4653" i="2"/>
  <c r="J4627" i="5" s="1"/>
  <c r="N4627" i="5" s="1"/>
  <c r="L4653" i="2"/>
  <c r="L4627" i="5" s="1"/>
  <c r="I4653" i="2"/>
  <c r="I4627" i="5" s="1"/>
  <c r="M805" i="2"/>
  <c r="M779" i="5" s="1"/>
  <c r="J805" i="2"/>
  <c r="J779" i="5" s="1"/>
  <c r="N779" i="5" s="1"/>
  <c r="L805" i="2"/>
  <c r="L779" i="5" s="1"/>
  <c r="I805" i="2"/>
  <c r="I779" i="5" s="1"/>
  <c r="K805" i="2"/>
  <c r="K779" i="5" s="1"/>
  <c r="O779" i="5" s="1"/>
  <c r="L2943" i="2"/>
  <c r="L2917" i="5" s="1"/>
  <c r="K2943" i="2"/>
  <c r="K2917" i="5" s="1"/>
  <c r="O2917" i="5" s="1"/>
  <c r="J2943" i="2"/>
  <c r="J2917" i="5" s="1"/>
  <c r="N2917" i="5" s="1"/>
  <c r="M2943" i="2"/>
  <c r="M2917" i="5" s="1"/>
  <c r="I2943" i="2"/>
  <c r="I2917" i="5" s="1"/>
  <c r="I7825" i="2"/>
  <c r="I7799" i="5" s="1"/>
  <c r="J7825" i="2"/>
  <c r="J7799" i="5" s="1"/>
  <c r="N7799" i="5" s="1"/>
  <c r="L7825" i="2"/>
  <c r="L7799" i="5" s="1"/>
  <c r="M7825" i="2"/>
  <c r="M7799" i="5" s="1"/>
  <c r="K7825" i="2"/>
  <c r="K7799" i="5" s="1"/>
  <c r="O7799" i="5" s="1"/>
  <c r="L978" i="2"/>
  <c r="L952" i="5" s="1"/>
  <c r="M978" i="2"/>
  <c r="M952" i="5" s="1"/>
  <c r="I978" i="2"/>
  <c r="I952" i="5" s="1"/>
  <c r="K978" i="2"/>
  <c r="K952" i="5" s="1"/>
  <c r="O952" i="5" s="1"/>
  <c r="J978" i="2"/>
  <c r="J952" i="5" s="1"/>
  <c r="N952" i="5" s="1"/>
  <c r="C47" i="5"/>
  <c r="AR41" i="1"/>
  <c r="K8464" i="2"/>
  <c r="K8438" i="5" s="1"/>
  <c r="O8438" i="5" s="1"/>
  <c r="J8464" i="2"/>
  <c r="J8438" i="5" s="1"/>
  <c r="N8438" i="5" s="1"/>
  <c r="L8464" i="2"/>
  <c r="L8438" i="5" s="1"/>
  <c r="M8464" i="2"/>
  <c r="M8438" i="5" s="1"/>
  <c r="I8464" i="2"/>
  <c r="I8438" i="5" s="1"/>
  <c r="J4477" i="2"/>
  <c r="J4451" i="5" s="1"/>
  <c r="N4451" i="5" s="1"/>
  <c r="M4477" i="2"/>
  <c r="M4451" i="5" s="1"/>
  <c r="L4477" i="2"/>
  <c r="L4451" i="5" s="1"/>
  <c r="K4477" i="2"/>
  <c r="K4451" i="5" s="1"/>
  <c r="O4451" i="5" s="1"/>
  <c r="I4477" i="2"/>
  <c r="I4451" i="5" s="1"/>
  <c r="K2261" i="2"/>
  <c r="K2235" i="5" s="1"/>
  <c r="O2235" i="5" s="1"/>
  <c r="L2261" i="2"/>
  <c r="L2235" i="5" s="1"/>
  <c r="J2261" i="2"/>
  <c r="J2235" i="5" s="1"/>
  <c r="N2235" i="5" s="1"/>
  <c r="M2261" i="2"/>
  <c r="M2235" i="5" s="1"/>
  <c r="I2261" i="2"/>
  <c r="I2235" i="5" s="1"/>
  <c r="L3764" i="2"/>
  <c r="L3738" i="5" s="1"/>
  <c r="M3764" i="2"/>
  <c r="M3738" i="5" s="1"/>
  <c r="I3764" i="2"/>
  <c r="I3738" i="5" s="1"/>
  <c r="K3764" i="2"/>
  <c r="K3738" i="5" s="1"/>
  <c r="O3738" i="5" s="1"/>
  <c r="J3764" i="2"/>
  <c r="J3738" i="5" s="1"/>
  <c r="N3738" i="5" s="1"/>
  <c r="C163" i="5"/>
  <c r="AR157" i="1"/>
  <c r="M886" i="2"/>
  <c r="M860" i="5" s="1"/>
  <c r="L886" i="2"/>
  <c r="L860" i="5" s="1"/>
  <c r="K886" i="2"/>
  <c r="K860" i="5" s="1"/>
  <c r="O860" i="5" s="1"/>
  <c r="I886" i="2"/>
  <c r="I860" i="5" s="1"/>
  <c r="J886" i="2"/>
  <c r="J860" i="5" s="1"/>
  <c r="N860" i="5" s="1"/>
  <c r="K5852" i="2"/>
  <c r="K5826" i="5" s="1"/>
  <c r="O5826" i="5" s="1"/>
  <c r="J5852" i="2"/>
  <c r="J5826" i="5" s="1"/>
  <c r="N5826" i="5" s="1"/>
  <c r="L5852" i="2"/>
  <c r="L5826" i="5" s="1"/>
  <c r="M5852" i="2"/>
  <c r="M5826" i="5" s="1"/>
  <c r="I5852" i="2"/>
  <c r="I5826" i="5" s="1"/>
  <c r="M5749" i="2"/>
  <c r="M5723" i="5" s="1"/>
  <c r="J5749" i="2"/>
  <c r="J5723" i="5" s="1"/>
  <c r="N5723" i="5" s="1"/>
  <c r="L5749" i="2"/>
  <c r="L5723" i="5" s="1"/>
  <c r="I5749" i="2"/>
  <c r="I5723" i="5" s="1"/>
  <c r="K5749" i="2"/>
  <c r="K5723" i="5" s="1"/>
  <c r="O5723" i="5" s="1"/>
  <c r="C246" i="5"/>
  <c r="AR240" i="1"/>
  <c r="M221" i="2"/>
  <c r="M195" i="5" s="1"/>
  <c r="J221" i="2"/>
  <c r="J195" i="5" s="1"/>
  <c r="N195" i="5" s="1"/>
  <c r="L221" i="2"/>
  <c r="L195" i="5" s="1"/>
  <c r="I221" i="2"/>
  <c r="I195" i="5" s="1"/>
  <c r="K221" i="2"/>
  <c r="K195" i="5" s="1"/>
  <c r="O195" i="5" s="1"/>
  <c r="K4934" i="2"/>
  <c r="K4908" i="5" s="1"/>
  <c r="O4908" i="5" s="1"/>
  <c r="J4934" i="2"/>
  <c r="J4908" i="5" s="1"/>
  <c r="N4908" i="5" s="1"/>
  <c r="M4934" i="2"/>
  <c r="M4908" i="5" s="1"/>
  <c r="L4934" i="2"/>
  <c r="L4908" i="5" s="1"/>
  <c r="I4934" i="2"/>
  <c r="I4908" i="5" s="1"/>
  <c r="L7100" i="2"/>
  <c r="L7074" i="5" s="1"/>
  <c r="M7100" i="2"/>
  <c r="M7074" i="5" s="1"/>
  <c r="I7100" i="2"/>
  <c r="I7074" i="5" s="1"/>
  <c r="K7100" i="2"/>
  <c r="K7074" i="5" s="1"/>
  <c r="O7074" i="5" s="1"/>
  <c r="J7100" i="2"/>
  <c r="J7074" i="5" s="1"/>
  <c r="N7074" i="5" s="1"/>
  <c r="M370" i="2"/>
  <c r="M344" i="5" s="1"/>
  <c r="K370" i="2"/>
  <c r="K344" i="5" s="1"/>
  <c r="O344" i="5" s="1"/>
  <c r="J370" i="2"/>
  <c r="J344" i="5" s="1"/>
  <c r="N344" i="5" s="1"/>
  <c r="I370" i="2"/>
  <c r="I344" i="5" s="1"/>
  <c r="L370" i="2"/>
  <c r="L344" i="5" s="1"/>
  <c r="M5475" i="2"/>
  <c r="M5449" i="5" s="1"/>
  <c r="J5475" i="2"/>
  <c r="J5449" i="5" s="1"/>
  <c r="N5449" i="5" s="1"/>
  <c r="I5475" i="2"/>
  <c r="I5449" i="5" s="1"/>
  <c r="L5475" i="2"/>
  <c r="L5449" i="5" s="1"/>
  <c r="K5475" i="2"/>
  <c r="K5449" i="5" s="1"/>
  <c r="O5449" i="5" s="1"/>
  <c r="L2964" i="2"/>
  <c r="L2938" i="5" s="1"/>
  <c r="J2964" i="2"/>
  <c r="J2938" i="5" s="1"/>
  <c r="N2938" i="5" s="1"/>
  <c r="M2964" i="2"/>
  <c r="M2938" i="5" s="1"/>
  <c r="I2964" i="2"/>
  <c r="I2938" i="5" s="1"/>
  <c r="K2964" i="2"/>
  <c r="K2938" i="5" s="1"/>
  <c r="O2938" i="5" s="1"/>
  <c r="I1657" i="2"/>
  <c r="I1631" i="5" s="1"/>
  <c r="K1657" i="2"/>
  <c r="K1631" i="5" s="1"/>
  <c r="O1631" i="5" s="1"/>
  <c r="L1657" i="2"/>
  <c r="L1631" i="5" s="1"/>
  <c r="M1657" i="2"/>
  <c r="M1631" i="5" s="1"/>
  <c r="J1657" i="2"/>
  <c r="J1631" i="5" s="1"/>
  <c r="N1631" i="5" s="1"/>
  <c r="M8197" i="2"/>
  <c r="M8171" i="5" s="1"/>
  <c r="L8197" i="2"/>
  <c r="L8171" i="5" s="1"/>
  <c r="I8197" i="2"/>
  <c r="I8171" i="5" s="1"/>
  <c r="K8197" i="2"/>
  <c r="K8171" i="5" s="1"/>
  <c r="O8171" i="5" s="1"/>
  <c r="J8197" i="2"/>
  <c r="J8171" i="5" s="1"/>
  <c r="N8171" i="5" s="1"/>
  <c r="C348" i="5"/>
  <c r="AR342" i="1"/>
  <c r="K5159" i="2"/>
  <c r="K5133" i="5" s="1"/>
  <c r="O5133" i="5" s="1"/>
  <c r="M5159" i="2"/>
  <c r="M5133" i="5" s="1"/>
  <c r="L5159" i="2"/>
  <c r="L5133" i="5" s="1"/>
  <c r="J5159" i="2"/>
  <c r="J5133" i="5" s="1"/>
  <c r="N5133" i="5" s="1"/>
  <c r="I5159" i="2"/>
  <c r="I5133" i="5" s="1"/>
  <c r="L6639" i="2"/>
  <c r="L6613" i="5" s="1"/>
  <c r="M6639" i="2"/>
  <c r="M6613" i="5" s="1"/>
  <c r="J6639" i="2"/>
  <c r="J6613" i="5" s="1"/>
  <c r="N6613" i="5" s="1"/>
  <c r="I6639" i="2"/>
  <c r="I6613" i="5" s="1"/>
  <c r="K6639" i="2"/>
  <c r="K6613" i="5" s="1"/>
  <c r="O6613" i="5" s="1"/>
  <c r="L4404" i="2"/>
  <c r="L4378" i="5" s="1"/>
  <c r="I4404" i="2"/>
  <c r="I4378" i="5" s="1"/>
  <c r="J4404" i="2"/>
  <c r="J4378" i="5" s="1"/>
  <c r="N4378" i="5" s="1"/>
  <c r="M4404" i="2"/>
  <c r="M4378" i="5" s="1"/>
  <c r="K4404" i="2"/>
  <c r="K4378" i="5" s="1"/>
  <c r="O4378" i="5" s="1"/>
  <c r="K6530" i="2"/>
  <c r="K6504" i="5" s="1"/>
  <c r="O6504" i="5" s="1"/>
  <c r="L6530" i="2"/>
  <c r="L6504" i="5" s="1"/>
  <c r="I6530" i="2"/>
  <c r="I6504" i="5" s="1"/>
  <c r="J6530" i="2"/>
  <c r="J6504" i="5" s="1"/>
  <c r="N6504" i="5" s="1"/>
  <c r="M6530" i="2"/>
  <c r="M6504" i="5" s="1"/>
  <c r="J2301" i="2"/>
  <c r="J2275" i="5" s="1"/>
  <c r="N2275" i="5" s="1"/>
  <c r="L2301" i="2"/>
  <c r="L2275" i="5" s="1"/>
  <c r="M2301" i="2"/>
  <c r="M2275" i="5" s="1"/>
  <c r="I2301" i="2"/>
  <c r="I2275" i="5" s="1"/>
  <c r="K2301" i="2"/>
  <c r="K2275" i="5" s="1"/>
  <c r="O2275" i="5" s="1"/>
  <c r="I1279" i="2"/>
  <c r="I1253" i="5" s="1"/>
  <c r="M1279" i="2"/>
  <c r="M1253" i="5" s="1"/>
  <c r="L1279" i="2"/>
  <c r="L1253" i="5" s="1"/>
  <c r="K1279" i="2"/>
  <c r="K1253" i="5" s="1"/>
  <c r="O1253" i="5" s="1"/>
  <c r="J1279" i="2"/>
  <c r="J1253" i="5" s="1"/>
  <c r="N1253" i="5" s="1"/>
  <c r="L1720" i="2"/>
  <c r="L1694" i="5" s="1"/>
  <c r="M1720" i="2"/>
  <c r="M1694" i="5" s="1"/>
  <c r="I1720" i="2"/>
  <c r="I1694" i="5" s="1"/>
  <c r="K1720" i="2"/>
  <c r="K1694" i="5" s="1"/>
  <c r="O1694" i="5" s="1"/>
  <c r="J1720" i="2"/>
  <c r="J1694" i="5" s="1"/>
  <c r="N1694" i="5" s="1"/>
  <c r="I6191" i="2"/>
  <c r="I6165" i="5" s="1"/>
  <c r="K6191" i="2"/>
  <c r="K6165" i="5" s="1"/>
  <c r="O6165" i="5" s="1"/>
  <c r="J6191" i="2"/>
  <c r="J6165" i="5" s="1"/>
  <c r="N6165" i="5" s="1"/>
  <c r="L6191" i="2"/>
  <c r="L6165" i="5" s="1"/>
  <c r="M6191" i="2"/>
  <c r="M6165" i="5" s="1"/>
  <c r="I2664" i="2"/>
  <c r="I2638" i="5" s="1"/>
  <c r="K2664" i="2"/>
  <c r="K2638" i="5" s="1"/>
  <c r="O2638" i="5" s="1"/>
  <c r="J2664" i="2"/>
  <c r="J2638" i="5" s="1"/>
  <c r="N2638" i="5" s="1"/>
  <c r="L2664" i="2"/>
  <c r="L2638" i="5" s="1"/>
  <c r="M2664" i="2"/>
  <c r="M2638" i="5" s="1"/>
  <c r="L6828" i="2"/>
  <c r="L6802" i="5" s="1"/>
  <c r="M6828" i="2"/>
  <c r="M6802" i="5" s="1"/>
  <c r="K6828" i="2"/>
  <c r="K6802" i="5" s="1"/>
  <c r="O6802" i="5" s="1"/>
  <c r="J6828" i="2"/>
  <c r="J6802" i="5" s="1"/>
  <c r="N6802" i="5" s="1"/>
  <c r="I6828" i="2"/>
  <c r="I6802" i="5" s="1"/>
  <c r="L3398" i="2"/>
  <c r="L3372" i="5" s="1"/>
  <c r="K3398" i="2"/>
  <c r="K3372" i="5" s="1"/>
  <c r="O3372" i="5" s="1"/>
  <c r="J3398" i="2"/>
  <c r="J3372" i="5" s="1"/>
  <c r="N3372" i="5" s="1"/>
  <c r="I3398" i="2"/>
  <c r="I3372" i="5" s="1"/>
  <c r="J6008" i="2"/>
  <c r="J5982" i="5" s="1"/>
  <c r="N5982" i="5" s="1"/>
  <c r="I6008" i="2"/>
  <c r="I5982" i="5" s="1"/>
  <c r="K6008" i="2"/>
  <c r="K5982" i="5" s="1"/>
  <c r="O5982" i="5" s="1"/>
  <c r="L6008" i="2"/>
  <c r="L5982" i="5" s="1"/>
  <c r="M6008" i="2"/>
  <c r="M5982" i="5" s="1"/>
  <c r="K3062" i="2"/>
  <c r="K3036" i="5" s="1"/>
  <c r="O3036" i="5" s="1"/>
  <c r="J3062" i="2"/>
  <c r="J3036" i="5" s="1"/>
  <c r="N3036" i="5" s="1"/>
  <c r="L3062" i="2"/>
  <c r="L3036" i="5" s="1"/>
  <c r="M3062" i="2"/>
  <c r="M3036" i="5" s="1"/>
  <c r="I3062" i="2"/>
  <c r="I3036" i="5" s="1"/>
  <c r="M1131" i="2"/>
  <c r="M1105" i="5" s="1"/>
  <c r="I1131" i="2"/>
  <c r="I1105" i="5" s="1"/>
  <c r="J1131" i="2"/>
  <c r="J1105" i="5" s="1"/>
  <c r="N1105" i="5" s="1"/>
  <c r="K1131" i="2"/>
  <c r="K1105" i="5" s="1"/>
  <c r="O1105" i="5" s="1"/>
  <c r="J645" i="2"/>
  <c r="J619" i="5" s="1"/>
  <c r="N619" i="5" s="1"/>
  <c r="L645" i="2"/>
  <c r="L619" i="5" s="1"/>
  <c r="M645" i="2"/>
  <c r="M619" i="5" s="1"/>
  <c r="I645" i="2"/>
  <c r="I619" i="5" s="1"/>
  <c r="K645" i="2"/>
  <c r="K619" i="5" s="1"/>
  <c r="O619" i="5" s="1"/>
  <c r="C33" i="5"/>
  <c r="AR27" i="1"/>
  <c r="L5838" i="2"/>
  <c r="L5812" i="5" s="1"/>
  <c r="M5838" i="2"/>
  <c r="M5812" i="5" s="1"/>
  <c r="I5838" i="2"/>
  <c r="I5812" i="5" s="1"/>
  <c r="K5838" i="2"/>
  <c r="K5812" i="5" s="1"/>
  <c r="O5812" i="5" s="1"/>
  <c r="J5838" i="2"/>
  <c r="J5812" i="5" s="1"/>
  <c r="N5812" i="5" s="1"/>
  <c r="I7783" i="2"/>
  <c r="I7757" i="5" s="1"/>
  <c r="L7783" i="2"/>
  <c r="L7757" i="5" s="1"/>
  <c r="K7783" i="2"/>
  <c r="K7757" i="5" s="1"/>
  <c r="O7757" i="5" s="1"/>
  <c r="J7783" i="2"/>
  <c r="J7757" i="5" s="1"/>
  <c r="N7757" i="5" s="1"/>
  <c r="M7783" i="2"/>
  <c r="M7757" i="5" s="1"/>
  <c r="I7155" i="2"/>
  <c r="I7129" i="5" s="1"/>
  <c r="K7155" i="2"/>
  <c r="K7129" i="5" s="1"/>
  <c r="O7129" i="5" s="1"/>
  <c r="J7155" i="2"/>
  <c r="J7129" i="5" s="1"/>
  <c r="N7129" i="5" s="1"/>
  <c r="M7155" i="2"/>
  <c r="M7129" i="5" s="1"/>
  <c r="L7155" i="2"/>
  <c r="L7129" i="5" s="1"/>
  <c r="I2102" i="2"/>
  <c r="I2076" i="5" s="1"/>
  <c r="J2102" i="2"/>
  <c r="J2076" i="5" s="1"/>
  <c r="N2076" i="5" s="1"/>
  <c r="M2102" i="2"/>
  <c r="M2076" i="5" s="1"/>
  <c r="L2102" i="2"/>
  <c r="L2076" i="5" s="1"/>
  <c r="K2102" i="2"/>
  <c r="K2076" i="5" s="1"/>
  <c r="O2076" i="5" s="1"/>
  <c r="I2632" i="2"/>
  <c r="I2606" i="5" s="1"/>
  <c r="K2632" i="2"/>
  <c r="K2606" i="5" s="1"/>
  <c r="O2606" i="5" s="1"/>
  <c r="J2632" i="2"/>
  <c r="J2606" i="5" s="1"/>
  <c r="N2606" i="5" s="1"/>
  <c r="M2632" i="2"/>
  <c r="M2606" i="5" s="1"/>
  <c r="L2632" i="2"/>
  <c r="L2606" i="5" s="1"/>
  <c r="I5646" i="2"/>
  <c r="I5620" i="5" s="1"/>
  <c r="K5646" i="2"/>
  <c r="K5620" i="5" s="1"/>
  <c r="O5620" i="5" s="1"/>
  <c r="J5646" i="2"/>
  <c r="J5620" i="5" s="1"/>
  <c r="N5620" i="5" s="1"/>
  <c r="M5646" i="2"/>
  <c r="M5620" i="5" s="1"/>
  <c r="L5646" i="2"/>
  <c r="L5620" i="5" s="1"/>
  <c r="K8632" i="2"/>
  <c r="K8606" i="5" s="1"/>
  <c r="O8606" i="5" s="1"/>
  <c r="M8632" i="2"/>
  <c r="M8606" i="5" s="1"/>
  <c r="J8632" i="2"/>
  <c r="J8606" i="5" s="1"/>
  <c r="N8606" i="5" s="1"/>
  <c r="L8632" i="2"/>
  <c r="L8606" i="5" s="1"/>
  <c r="I8632" i="2"/>
  <c r="I8606" i="5" s="1"/>
  <c r="L7300" i="2"/>
  <c r="L7274" i="5" s="1"/>
  <c r="M7300" i="2"/>
  <c r="M7274" i="5" s="1"/>
  <c r="I7300" i="2"/>
  <c r="I7274" i="5" s="1"/>
  <c r="K7300" i="2"/>
  <c r="K7274" i="5" s="1"/>
  <c r="O7274" i="5" s="1"/>
  <c r="J7300" i="2"/>
  <c r="J7274" i="5" s="1"/>
  <c r="N7274" i="5" s="1"/>
  <c r="M8714" i="2"/>
  <c r="M8688" i="5" s="1"/>
  <c r="K8714" i="2"/>
  <c r="K8688" i="5" s="1"/>
  <c r="O8688" i="5" s="1"/>
  <c r="J8714" i="2"/>
  <c r="J8688" i="5" s="1"/>
  <c r="N8688" i="5" s="1"/>
  <c r="L8714" i="2"/>
  <c r="L8688" i="5" s="1"/>
  <c r="I8714" i="2"/>
  <c r="I8688" i="5" s="1"/>
  <c r="J5676" i="2"/>
  <c r="J5650" i="5" s="1"/>
  <c r="N5650" i="5" s="1"/>
  <c r="L5676" i="2"/>
  <c r="L5650" i="5" s="1"/>
  <c r="M5676" i="2"/>
  <c r="M5650" i="5" s="1"/>
  <c r="I5676" i="2"/>
  <c r="I5650" i="5" s="1"/>
  <c r="K5676" i="2"/>
  <c r="K5650" i="5" s="1"/>
  <c r="O5650" i="5" s="1"/>
  <c r="M3445" i="2"/>
  <c r="M3419" i="5" s="1"/>
  <c r="I3445" i="2"/>
  <c r="I3419" i="5" s="1"/>
  <c r="K3445" i="2"/>
  <c r="K3419" i="5" s="1"/>
  <c r="O3419" i="5" s="1"/>
  <c r="I3152" i="2"/>
  <c r="I3126" i="5" s="1"/>
  <c r="M3152" i="2"/>
  <c r="M3126" i="5" s="1"/>
  <c r="K3152" i="2"/>
  <c r="K3126" i="5" s="1"/>
  <c r="O3126" i="5" s="1"/>
  <c r="J3152" i="2"/>
  <c r="J3126" i="5" s="1"/>
  <c r="N3126" i="5" s="1"/>
  <c r="L3152" i="2"/>
  <c r="L3126" i="5" s="1"/>
  <c r="J1975" i="2"/>
  <c r="J1949" i="5" s="1"/>
  <c r="N1949" i="5" s="1"/>
  <c r="L1975" i="2"/>
  <c r="L1949" i="5" s="1"/>
  <c r="M1975" i="2"/>
  <c r="M1949" i="5" s="1"/>
  <c r="I1975" i="2"/>
  <c r="I1949" i="5" s="1"/>
  <c r="K1975" i="2"/>
  <c r="K1949" i="5" s="1"/>
  <c r="O1949" i="5" s="1"/>
  <c r="M8115" i="2"/>
  <c r="M8089" i="5" s="1"/>
  <c r="J8115" i="2"/>
  <c r="J8089" i="5" s="1"/>
  <c r="N8089" i="5" s="1"/>
  <c r="I8115" i="2"/>
  <c r="I8089" i="5" s="1"/>
  <c r="L8115" i="2"/>
  <c r="L8089" i="5" s="1"/>
  <c r="K8115" i="2"/>
  <c r="K8089" i="5" s="1"/>
  <c r="O8089" i="5" s="1"/>
  <c r="J5349" i="2"/>
  <c r="J5323" i="5" s="1"/>
  <c r="N5323" i="5" s="1"/>
  <c r="M5349" i="2"/>
  <c r="M5323" i="5" s="1"/>
  <c r="I5349" i="2"/>
  <c r="I5323" i="5" s="1"/>
  <c r="K5349" i="2"/>
  <c r="K5323" i="5" s="1"/>
  <c r="O5323" i="5" s="1"/>
  <c r="L5349" i="2"/>
  <c r="L5323" i="5" s="1"/>
  <c r="L5988" i="2"/>
  <c r="L5962" i="5" s="1"/>
  <c r="M5988" i="2"/>
  <c r="M5962" i="5" s="1"/>
  <c r="I5988" i="2"/>
  <c r="I5962" i="5" s="1"/>
  <c r="K5988" i="2"/>
  <c r="K5962" i="5" s="1"/>
  <c r="O5962" i="5" s="1"/>
  <c r="J5988" i="2"/>
  <c r="J5962" i="5" s="1"/>
  <c r="N5962" i="5" s="1"/>
  <c r="K1998" i="2"/>
  <c r="K1972" i="5" s="1"/>
  <c r="O1972" i="5" s="1"/>
  <c r="J1998" i="2"/>
  <c r="J1972" i="5" s="1"/>
  <c r="N1972" i="5" s="1"/>
  <c r="L1998" i="2"/>
  <c r="L1972" i="5" s="1"/>
  <c r="M1998" i="2"/>
  <c r="M1972" i="5" s="1"/>
  <c r="I1998" i="2"/>
  <c r="I1972" i="5" s="1"/>
  <c r="K410" i="2"/>
  <c r="K384" i="5" s="1"/>
  <c r="O384" i="5" s="1"/>
  <c r="L410" i="2"/>
  <c r="L384" i="5" s="1"/>
  <c r="M410" i="2"/>
  <c r="M384" i="5" s="1"/>
  <c r="I410" i="2"/>
  <c r="I384" i="5" s="1"/>
  <c r="J410" i="2"/>
  <c r="J384" i="5" s="1"/>
  <c r="N384" i="5" s="1"/>
  <c r="K3072" i="2"/>
  <c r="K3046" i="5" s="1"/>
  <c r="O3046" i="5" s="1"/>
  <c r="L3072" i="2"/>
  <c r="L3046" i="5" s="1"/>
  <c r="M3072" i="2"/>
  <c r="M3046" i="5" s="1"/>
  <c r="J3072" i="2"/>
  <c r="J3046" i="5" s="1"/>
  <c r="N3046" i="5" s="1"/>
  <c r="I3072" i="2"/>
  <c r="I3046" i="5" s="1"/>
  <c r="L540" i="2"/>
  <c r="L514" i="5" s="1"/>
  <c r="J540" i="2"/>
  <c r="J514" i="5" s="1"/>
  <c r="N514" i="5" s="1"/>
  <c r="M540" i="2"/>
  <c r="M514" i="5" s="1"/>
  <c r="I540" i="2"/>
  <c r="I514" i="5" s="1"/>
  <c r="K540" i="2"/>
  <c r="K514" i="5" s="1"/>
  <c r="O514" i="5" s="1"/>
  <c r="I6631" i="2"/>
  <c r="I6605" i="5" s="1"/>
  <c r="M6631" i="2"/>
  <c r="M6605" i="5" s="1"/>
  <c r="J6631" i="2"/>
  <c r="J6605" i="5" s="1"/>
  <c r="N6605" i="5" s="1"/>
  <c r="K6631" i="2"/>
  <c r="K6605" i="5" s="1"/>
  <c r="O6605" i="5" s="1"/>
  <c r="L6631" i="2"/>
  <c r="L6605" i="5" s="1"/>
  <c r="J6618" i="2"/>
  <c r="J6592" i="5" s="1"/>
  <c r="N6592" i="5" s="1"/>
  <c r="L6618" i="2"/>
  <c r="L6592" i="5" s="1"/>
  <c r="M6618" i="2"/>
  <c r="M6592" i="5" s="1"/>
  <c r="I6618" i="2"/>
  <c r="I6592" i="5" s="1"/>
  <c r="K6618" i="2"/>
  <c r="K6592" i="5" s="1"/>
  <c r="O6592" i="5" s="1"/>
  <c r="K1121" i="2"/>
  <c r="K1095" i="5" s="1"/>
  <c r="O1095" i="5" s="1"/>
  <c r="L1121" i="2"/>
  <c r="L1095" i="5" s="1"/>
  <c r="M1121" i="2"/>
  <c r="M1095" i="5" s="1"/>
  <c r="I1121" i="2"/>
  <c r="I1095" i="5" s="1"/>
  <c r="J1121" i="2"/>
  <c r="J1095" i="5" s="1"/>
  <c r="N1095" i="5" s="1"/>
  <c r="M7309" i="2"/>
  <c r="M7283" i="5" s="1"/>
  <c r="K7309" i="2"/>
  <c r="K7283" i="5" s="1"/>
  <c r="O7283" i="5" s="1"/>
  <c r="J7309" i="2"/>
  <c r="J7283" i="5" s="1"/>
  <c r="N7283" i="5" s="1"/>
  <c r="L7309" i="2"/>
  <c r="L7283" i="5" s="1"/>
  <c r="I7309" i="2"/>
  <c r="I7283" i="5" s="1"/>
  <c r="J7956" i="2"/>
  <c r="J7930" i="5" s="1"/>
  <c r="N7930" i="5" s="1"/>
  <c r="L7956" i="2"/>
  <c r="L7930" i="5" s="1"/>
  <c r="M7956" i="2"/>
  <c r="M7930" i="5" s="1"/>
  <c r="I7956" i="2"/>
  <c r="I7930" i="5" s="1"/>
  <c r="K7956" i="2"/>
  <c r="K7930" i="5" s="1"/>
  <c r="O7930" i="5" s="1"/>
  <c r="I3268" i="2"/>
  <c r="I3242" i="5" s="1"/>
  <c r="L3268" i="2"/>
  <c r="L3242" i="5" s="1"/>
  <c r="K3268" i="2"/>
  <c r="K3242" i="5" s="1"/>
  <c r="O3242" i="5" s="1"/>
  <c r="J3268" i="2"/>
  <c r="J3242" i="5" s="1"/>
  <c r="N3242" i="5" s="1"/>
  <c r="M3268" i="2"/>
  <c r="M3242" i="5" s="1"/>
  <c r="M5021" i="2"/>
  <c r="M4995" i="5" s="1"/>
  <c r="L5021" i="2"/>
  <c r="L4995" i="5" s="1"/>
  <c r="I5021" i="2"/>
  <c r="I4995" i="5" s="1"/>
  <c r="K5021" i="2"/>
  <c r="K4995" i="5" s="1"/>
  <c r="O4995" i="5" s="1"/>
  <c r="J5021" i="2"/>
  <c r="J4995" i="5" s="1"/>
  <c r="N4995" i="5" s="1"/>
  <c r="M1070" i="2"/>
  <c r="M1044" i="5" s="1"/>
  <c r="L1070" i="2"/>
  <c r="L1044" i="5" s="1"/>
  <c r="I1070" i="2"/>
  <c r="I1044" i="5" s="1"/>
  <c r="K1070" i="2"/>
  <c r="K1044" i="5" s="1"/>
  <c r="O1044" i="5" s="1"/>
  <c r="J1070" i="2"/>
  <c r="J1044" i="5" s="1"/>
  <c r="N1044" i="5" s="1"/>
  <c r="J1078" i="2"/>
  <c r="J1052" i="5" s="1"/>
  <c r="N1052" i="5" s="1"/>
  <c r="M1078" i="2"/>
  <c r="M1052" i="5" s="1"/>
  <c r="I1078" i="2"/>
  <c r="I1052" i="5" s="1"/>
  <c r="L1078" i="2"/>
  <c r="L1052" i="5" s="1"/>
  <c r="K1078" i="2"/>
  <c r="K1052" i="5" s="1"/>
  <c r="O1052" i="5" s="1"/>
  <c r="J4014" i="2"/>
  <c r="J3988" i="5" s="1"/>
  <c r="N3988" i="5" s="1"/>
  <c r="L4014" i="2"/>
  <c r="L3988" i="5" s="1"/>
  <c r="M4014" i="2"/>
  <c r="M3988" i="5" s="1"/>
  <c r="I4014" i="2"/>
  <c r="I3988" i="5" s="1"/>
  <c r="K4014" i="2"/>
  <c r="K3988" i="5" s="1"/>
  <c r="O3988" i="5" s="1"/>
  <c r="K4001" i="2"/>
  <c r="K3975" i="5" s="1"/>
  <c r="O3975" i="5" s="1"/>
  <c r="J4001" i="2"/>
  <c r="J3975" i="5" s="1"/>
  <c r="N3975" i="5" s="1"/>
  <c r="L4001" i="2"/>
  <c r="L3975" i="5" s="1"/>
  <c r="M4001" i="2"/>
  <c r="M3975" i="5" s="1"/>
  <c r="I4001" i="2"/>
  <c r="I3975" i="5" s="1"/>
  <c r="M1317" i="2"/>
  <c r="M1291" i="5" s="1"/>
  <c r="L1317" i="2"/>
  <c r="L1291" i="5" s="1"/>
  <c r="I1317" i="2"/>
  <c r="I1291" i="5" s="1"/>
  <c r="K1317" i="2"/>
  <c r="K1291" i="5" s="1"/>
  <c r="O1291" i="5" s="1"/>
  <c r="J1317" i="2"/>
  <c r="J1291" i="5" s="1"/>
  <c r="N1291" i="5" s="1"/>
  <c r="J1309" i="2"/>
  <c r="J1283" i="5" s="1"/>
  <c r="N1283" i="5" s="1"/>
  <c r="L1309" i="2"/>
  <c r="L1283" i="5" s="1"/>
  <c r="I1309" i="2"/>
  <c r="I1283" i="5" s="1"/>
  <c r="M1309" i="2"/>
  <c r="M1283" i="5" s="1"/>
  <c r="K1309" i="2"/>
  <c r="K1283" i="5" s="1"/>
  <c r="O1283" i="5" s="1"/>
  <c r="J4313" i="2"/>
  <c r="J4287" i="5" s="1"/>
  <c r="N4287" i="5" s="1"/>
  <c r="L4313" i="2"/>
  <c r="L4287" i="5" s="1"/>
  <c r="M4313" i="2"/>
  <c r="M4287" i="5" s="1"/>
  <c r="I4313" i="2"/>
  <c r="I4287" i="5" s="1"/>
  <c r="K4313" i="2"/>
  <c r="K4287" i="5" s="1"/>
  <c r="O4287" i="5" s="1"/>
  <c r="J3320" i="2"/>
  <c r="J3294" i="5" s="1"/>
  <c r="N3294" i="5" s="1"/>
  <c r="M3320" i="2"/>
  <c r="M3294" i="5" s="1"/>
  <c r="L3320" i="2"/>
  <c r="L3294" i="5" s="1"/>
  <c r="I3320" i="2"/>
  <c r="I3294" i="5" s="1"/>
  <c r="K3320" i="2"/>
  <c r="K3294" i="5" s="1"/>
  <c r="O3294" i="5" s="1"/>
  <c r="J3311" i="2"/>
  <c r="J3285" i="5" s="1"/>
  <c r="N3285" i="5" s="1"/>
  <c r="L3311" i="2"/>
  <c r="L3285" i="5" s="1"/>
  <c r="I3311" i="2"/>
  <c r="I3285" i="5" s="1"/>
  <c r="K3311" i="2"/>
  <c r="K3285" i="5" s="1"/>
  <c r="O3285" i="5" s="1"/>
  <c r="M3311" i="2"/>
  <c r="M3285" i="5" s="1"/>
  <c r="L4121" i="2"/>
  <c r="L4095" i="5" s="1"/>
  <c r="M4121" i="2"/>
  <c r="M4095" i="5" s="1"/>
  <c r="J4121" i="2"/>
  <c r="J4095" i="5" s="1"/>
  <c r="N4095" i="5" s="1"/>
  <c r="I4121" i="2"/>
  <c r="I4095" i="5" s="1"/>
  <c r="K4121" i="2"/>
  <c r="K4095" i="5" s="1"/>
  <c r="O4095" i="5" s="1"/>
  <c r="I7452" i="2"/>
  <c r="I7426" i="5" s="1"/>
  <c r="J7452" i="2"/>
  <c r="J7426" i="5" s="1"/>
  <c r="N7426" i="5" s="1"/>
  <c r="M7452" i="2"/>
  <c r="M7426" i="5" s="1"/>
  <c r="K7452" i="2"/>
  <c r="K7426" i="5" s="1"/>
  <c r="O7426" i="5" s="1"/>
  <c r="L7452" i="2"/>
  <c r="L7426" i="5" s="1"/>
  <c r="K4986" i="2"/>
  <c r="K4960" i="5" s="1"/>
  <c r="O4960" i="5" s="1"/>
  <c r="M4986" i="2"/>
  <c r="M4960" i="5" s="1"/>
  <c r="J4986" i="2"/>
  <c r="J4960" i="5" s="1"/>
  <c r="N4960" i="5" s="1"/>
  <c r="L4986" i="2"/>
  <c r="L4960" i="5" s="1"/>
  <c r="I4986" i="2"/>
  <c r="I4960" i="5" s="1"/>
  <c r="J8345" i="2"/>
  <c r="J8319" i="5" s="1"/>
  <c r="N8319" i="5" s="1"/>
  <c r="I8345" i="2"/>
  <c r="I8319" i="5" s="1"/>
  <c r="K8345" i="2"/>
  <c r="K8319" i="5" s="1"/>
  <c r="O8319" i="5" s="1"/>
  <c r="L8345" i="2"/>
  <c r="L8319" i="5" s="1"/>
  <c r="M8345" i="2"/>
  <c r="M8319" i="5" s="1"/>
  <c r="J8358" i="2"/>
  <c r="J8332" i="5" s="1"/>
  <c r="N8332" i="5" s="1"/>
  <c r="L8358" i="2"/>
  <c r="L8332" i="5" s="1"/>
  <c r="I8358" i="2"/>
  <c r="I8332" i="5" s="1"/>
  <c r="M8358" i="2"/>
  <c r="M8332" i="5" s="1"/>
  <c r="K8358" i="2"/>
  <c r="K8332" i="5" s="1"/>
  <c r="O8332" i="5" s="1"/>
  <c r="K8774" i="2"/>
  <c r="K8748" i="5" s="1"/>
  <c r="O8748" i="5" s="1"/>
  <c r="I8774" i="2"/>
  <c r="I8748" i="5" s="1"/>
  <c r="J8774" i="2"/>
  <c r="J8748" i="5" s="1"/>
  <c r="N8748" i="5" s="1"/>
  <c r="L8774" i="2"/>
  <c r="L8748" i="5" s="1"/>
  <c r="M8774" i="2"/>
  <c r="M8748" i="5" s="1"/>
  <c r="J3945" i="2"/>
  <c r="J3919" i="5" s="1"/>
  <c r="N3919" i="5" s="1"/>
  <c r="M3945" i="2"/>
  <c r="M3919" i="5" s="1"/>
  <c r="L3945" i="2"/>
  <c r="L3919" i="5" s="1"/>
  <c r="I3945" i="2"/>
  <c r="I3919" i="5" s="1"/>
  <c r="K3945" i="2"/>
  <c r="K3919" i="5" s="1"/>
  <c r="O3919" i="5" s="1"/>
  <c r="L8039" i="2"/>
  <c r="L8013" i="5" s="1"/>
  <c r="M8039" i="2"/>
  <c r="M8013" i="5" s="1"/>
  <c r="I8039" i="2"/>
  <c r="I8013" i="5" s="1"/>
  <c r="K8039" i="2"/>
  <c r="K8013" i="5" s="1"/>
  <c r="O8013" i="5" s="1"/>
  <c r="J8039" i="2"/>
  <c r="J8013" i="5" s="1"/>
  <c r="N8013" i="5" s="1"/>
  <c r="M7030" i="2"/>
  <c r="M7004" i="5" s="1"/>
  <c r="I7030" i="2"/>
  <c r="I7004" i="5" s="1"/>
  <c r="K7030" i="2"/>
  <c r="K7004" i="5" s="1"/>
  <c r="O7004" i="5" s="1"/>
  <c r="J7030" i="2"/>
  <c r="J7004" i="5" s="1"/>
  <c r="N7004" i="5" s="1"/>
  <c r="L7030" i="2"/>
  <c r="L7004" i="5" s="1"/>
  <c r="M3582" i="2"/>
  <c r="M3556" i="5" s="1"/>
  <c r="I3582" i="2"/>
  <c r="I3556" i="5" s="1"/>
  <c r="K3582" i="2"/>
  <c r="K3556" i="5" s="1"/>
  <c r="O3556" i="5" s="1"/>
  <c r="J3582" i="2"/>
  <c r="J3556" i="5" s="1"/>
  <c r="N3556" i="5" s="1"/>
  <c r="L3582" i="2"/>
  <c r="L3556" i="5" s="1"/>
  <c r="L1422" i="2"/>
  <c r="L1396" i="5" s="1"/>
  <c r="J1422" i="2"/>
  <c r="J1396" i="5" s="1"/>
  <c r="N1396" i="5" s="1"/>
  <c r="M1422" i="2"/>
  <c r="M1396" i="5" s="1"/>
  <c r="I1422" i="2"/>
  <c r="I1396" i="5" s="1"/>
  <c r="K1422" i="2"/>
  <c r="K1396" i="5" s="1"/>
  <c r="O1396" i="5" s="1"/>
  <c r="M4582" i="2"/>
  <c r="M4556" i="5" s="1"/>
  <c r="L4582" i="2"/>
  <c r="L4556" i="5" s="1"/>
  <c r="I4582" i="2"/>
  <c r="I4556" i="5" s="1"/>
  <c r="K4582" i="2"/>
  <c r="K4556" i="5" s="1"/>
  <c r="O4556" i="5" s="1"/>
  <c r="J4582" i="2"/>
  <c r="J4556" i="5" s="1"/>
  <c r="N4556" i="5" s="1"/>
  <c r="I647" i="2"/>
  <c r="I621" i="5" s="1"/>
  <c r="K647" i="2"/>
  <c r="K621" i="5" s="1"/>
  <c r="O621" i="5" s="1"/>
  <c r="J647" i="2"/>
  <c r="J621" i="5" s="1"/>
  <c r="N621" i="5" s="1"/>
  <c r="M647" i="2"/>
  <c r="M621" i="5" s="1"/>
  <c r="L647" i="2"/>
  <c r="L621" i="5" s="1"/>
  <c r="K7507" i="2"/>
  <c r="K7481" i="5" s="1"/>
  <c r="O7481" i="5" s="1"/>
  <c r="L7507" i="2"/>
  <c r="L7481" i="5" s="1"/>
  <c r="M7507" i="2"/>
  <c r="M7481" i="5" s="1"/>
  <c r="I7507" i="2"/>
  <c r="I7481" i="5" s="1"/>
  <c r="J7507" i="2"/>
  <c r="J7481" i="5" s="1"/>
  <c r="N7481" i="5" s="1"/>
  <c r="AR313" i="1"/>
  <c r="C319" i="5"/>
  <c r="J5658" i="2"/>
  <c r="J5632" i="5" s="1"/>
  <c r="N5632" i="5" s="1"/>
  <c r="M5658" i="2"/>
  <c r="M5632" i="5" s="1"/>
  <c r="I5658" i="2"/>
  <c r="I5632" i="5" s="1"/>
  <c r="K5658" i="2"/>
  <c r="K5632" i="5" s="1"/>
  <c r="O5632" i="5" s="1"/>
  <c r="L5658" i="2"/>
  <c r="L5632" i="5" s="1"/>
  <c r="M5839" i="2"/>
  <c r="M5813" i="5" s="1"/>
  <c r="I5839" i="2"/>
  <c r="I5813" i="5" s="1"/>
  <c r="K5839" i="2"/>
  <c r="K5813" i="5" s="1"/>
  <c r="O5813" i="5" s="1"/>
  <c r="J5839" i="2"/>
  <c r="J5813" i="5" s="1"/>
  <c r="N5813" i="5" s="1"/>
  <c r="L5839" i="2"/>
  <c r="L5813" i="5" s="1"/>
  <c r="J6947" i="2"/>
  <c r="J6921" i="5" s="1"/>
  <c r="N6921" i="5" s="1"/>
  <c r="L6947" i="2"/>
  <c r="L6921" i="5" s="1"/>
  <c r="K6947" i="2"/>
  <c r="K6921" i="5" s="1"/>
  <c r="O6921" i="5" s="1"/>
  <c r="I6947" i="2"/>
  <c r="I6921" i="5" s="1"/>
  <c r="M6947" i="2"/>
  <c r="M6921" i="5" s="1"/>
  <c r="M1598" i="2"/>
  <c r="M1572" i="5" s="1"/>
  <c r="I1598" i="2"/>
  <c r="I1572" i="5" s="1"/>
  <c r="K1598" i="2"/>
  <c r="K1572" i="5" s="1"/>
  <c r="O1572" i="5" s="1"/>
  <c r="J1598" i="2"/>
  <c r="J1572" i="5" s="1"/>
  <c r="N1572" i="5" s="1"/>
  <c r="L1598" i="2"/>
  <c r="L1572" i="5" s="1"/>
  <c r="AR67" i="1"/>
  <c r="C73" i="5"/>
  <c r="J7781" i="2"/>
  <c r="J7755" i="5" s="1"/>
  <c r="N7755" i="5" s="1"/>
  <c r="I7781" i="2"/>
  <c r="I7755" i="5" s="1"/>
  <c r="L7781" i="2"/>
  <c r="L7755" i="5" s="1"/>
  <c r="M7781" i="2"/>
  <c r="M7755" i="5" s="1"/>
  <c r="K7781" i="2"/>
  <c r="K7755" i="5" s="1"/>
  <c r="O7755" i="5" s="1"/>
  <c r="L3834" i="2"/>
  <c r="L3808" i="5" s="1"/>
  <c r="I3834" i="2"/>
  <c r="I3808" i="5" s="1"/>
  <c r="M3834" i="2"/>
  <c r="M3808" i="5" s="1"/>
  <c r="K3834" i="2"/>
  <c r="K3808" i="5" s="1"/>
  <c r="O3808" i="5" s="1"/>
  <c r="J3834" i="2"/>
  <c r="J3808" i="5" s="1"/>
  <c r="N3808" i="5" s="1"/>
  <c r="M3845" i="2"/>
  <c r="M3819" i="5" s="1"/>
  <c r="J3845" i="2"/>
  <c r="J3819" i="5" s="1"/>
  <c r="N3819" i="5" s="1"/>
  <c r="I3845" i="2"/>
  <c r="I3819" i="5" s="1"/>
  <c r="K3845" i="2"/>
  <c r="K3819" i="5" s="1"/>
  <c r="O3819" i="5" s="1"/>
  <c r="L3845" i="2"/>
  <c r="L3819" i="5" s="1"/>
  <c r="I5086" i="2"/>
  <c r="I5060" i="5" s="1"/>
  <c r="L5086" i="2"/>
  <c r="L5060" i="5" s="1"/>
  <c r="K5086" i="2"/>
  <c r="K5060" i="5" s="1"/>
  <c r="O5060" i="5" s="1"/>
  <c r="J5086" i="2"/>
  <c r="J5060" i="5" s="1"/>
  <c r="N5060" i="5" s="1"/>
  <c r="M5086" i="2"/>
  <c r="M5060" i="5" s="1"/>
  <c r="M6992" i="2"/>
  <c r="M6966" i="5" s="1"/>
  <c r="L6992" i="2"/>
  <c r="L6966" i="5" s="1"/>
  <c r="J6992" i="2"/>
  <c r="J6966" i="5" s="1"/>
  <c r="N6966" i="5" s="1"/>
  <c r="I6992" i="2"/>
  <c r="I6966" i="5" s="1"/>
  <c r="K6992" i="2"/>
  <c r="K6966" i="5" s="1"/>
  <c r="O6966" i="5" s="1"/>
  <c r="K6989" i="2"/>
  <c r="K6963" i="5" s="1"/>
  <c r="O6963" i="5" s="1"/>
  <c r="M6989" i="2"/>
  <c r="M6963" i="5" s="1"/>
  <c r="L6989" i="2"/>
  <c r="L6963" i="5" s="1"/>
  <c r="I6989" i="2"/>
  <c r="I6963" i="5" s="1"/>
  <c r="J6989" i="2"/>
  <c r="J6963" i="5" s="1"/>
  <c r="N6963" i="5" s="1"/>
  <c r="K6116" i="2"/>
  <c r="K6090" i="5" s="1"/>
  <c r="O6090" i="5" s="1"/>
  <c r="J6116" i="2"/>
  <c r="J6090" i="5" s="1"/>
  <c r="N6090" i="5" s="1"/>
  <c r="M6116" i="2"/>
  <c r="M6090" i="5" s="1"/>
  <c r="I6116" i="2"/>
  <c r="I6090" i="5" s="1"/>
  <c r="L6116" i="2"/>
  <c r="L6090" i="5" s="1"/>
  <c r="M8679" i="2"/>
  <c r="M8653" i="5" s="1"/>
  <c r="J8679" i="2"/>
  <c r="J8653" i="5" s="1"/>
  <c r="N8653" i="5" s="1"/>
  <c r="I8679" i="2"/>
  <c r="I8653" i="5" s="1"/>
  <c r="L8679" i="2"/>
  <c r="L8653" i="5" s="1"/>
  <c r="K8679" i="2"/>
  <c r="K8653" i="5" s="1"/>
  <c r="O8653" i="5" s="1"/>
  <c r="J4156" i="2"/>
  <c r="J4130" i="5" s="1"/>
  <c r="N4130" i="5" s="1"/>
  <c r="M4156" i="2"/>
  <c r="M4130" i="5" s="1"/>
  <c r="L4156" i="2"/>
  <c r="L4130" i="5" s="1"/>
  <c r="I4156" i="2"/>
  <c r="I4130" i="5" s="1"/>
  <c r="K4156" i="2"/>
  <c r="K4130" i="5" s="1"/>
  <c r="O4130" i="5" s="1"/>
  <c r="I4148" i="2"/>
  <c r="I4122" i="5" s="1"/>
  <c r="L4148" i="2"/>
  <c r="L4122" i="5" s="1"/>
  <c r="M4148" i="2"/>
  <c r="M4122" i="5" s="1"/>
  <c r="K4148" i="2"/>
  <c r="K4122" i="5" s="1"/>
  <c r="O4122" i="5" s="1"/>
  <c r="J4148" i="2"/>
  <c r="J4122" i="5" s="1"/>
  <c r="N4122" i="5" s="1"/>
  <c r="L3967" i="2"/>
  <c r="L3941" i="5" s="1"/>
  <c r="M3967" i="2"/>
  <c r="M3941" i="5" s="1"/>
  <c r="I3967" i="2"/>
  <c r="I3941" i="5" s="1"/>
  <c r="K3967" i="2"/>
  <c r="K3941" i="5" s="1"/>
  <c r="O3941" i="5" s="1"/>
  <c r="J3967" i="2"/>
  <c r="J3941" i="5" s="1"/>
  <c r="N3941" i="5" s="1"/>
  <c r="L7158" i="2"/>
  <c r="L7132" i="5" s="1"/>
  <c r="I7158" i="2"/>
  <c r="I7132" i="5" s="1"/>
  <c r="K7158" i="2"/>
  <c r="K7132" i="5" s="1"/>
  <c r="O7132" i="5" s="1"/>
  <c r="J7158" i="2"/>
  <c r="J7132" i="5" s="1"/>
  <c r="N7132" i="5" s="1"/>
  <c r="M7158" i="2"/>
  <c r="M7132" i="5" s="1"/>
  <c r="K4428" i="2"/>
  <c r="K4402" i="5" s="1"/>
  <c r="O4402" i="5" s="1"/>
  <c r="J4428" i="2"/>
  <c r="J4402" i="5" s="1"/>
  <c r="N4402" i="5" s="1"/>
  <c r="M4428" i="2"/>
  <c r="M4402" i="5" s="1"/>
  <c r="L4428" i="2"/>
  <c r="L4402" i="5" s="1"/>
  <c r="I4428" i="2"/>
  <c r="I4402" i="5" s="1"/>
  <c r="I4432" i="2"/>
  <c r="I4406" i="5" s="1"/>
  <c r="K4432" i="2"/>
  <c r="K4406" i="5" s="1"/>
  <c r="O4406" i="5" s="1"/>
  <c r="J4432" i="2"/>
  <c r="J4406" i="5" s="1"/>
  <c r="N4406" i="5" s="1"/>
  <c r="M4432" i="2"/>
  <c r="M4406" i="5" s="1"/>
  <c r="L4432" i="2"/>
  <c r="L4406" i="5" s="1"/>
  <c r="I766" i="2"/>
  <c r="I740" i="5" s="1"/>
  <c r="M766" i="2"/>
  <c r="M740" i="5" s="1"/>
  <c r="K766" i="2"/>
  <c r="K740" i="5" s="1"/>
  <c r="O740" i="5" s="1"/>
  <c r="J766" i="2"/>
  <c r="J740" i="5" s="1"/>
  <c r="N740" i="5" s="1"/>
  <c r="L766" i="2"/>
  <c r="L740" i="5" s="1"/>
  <c r="I3479" i="2"/>
  <c r="I3453" i="5" s="1"/>
  <c r="K3479" i="2"/>
  <c r="K3453" i="5" s="1"/>
  <c r="O3453" i="5" s="1"/>
  <c r="L3479" i="2"/>
  <c r="L3453" i="5" s="1"/>
  <c r="J3479" i="2"/>
  <c r="J3453" i="5" s="1"/>
  <c r="N3453" i="5" s="1"/>
  <c r="M3479" i="2"/>
  <c r="M3453" i="5" s="1"/>
  <c r="C151" i="5"/>
  <c r="AR145" i="1"/>
  <c r="K2110" i="2"/>
  <c r="K2084" i="5" s="1"/>
  <c r="O2084" i="5" s="1"/>
  <c r="J2110" i="2"/>
  <c r="J2084" i="5" s="1"/>
  <c r="N2084" i="5" s="1"/>
  <c r="I2110" i="2"/>
  <c r="I2084" i="5" s="1"/>
  <c r="L2110" i="2"/>
  <c r="L2084" i="5" s="1"/>
  <c r="M2110" i="2"/>
  <c r="M2084" i="5" s="1"/>
  <c r="L5457" i="2"/>
  <c r="L5431" i="5" s="1"/>
  <c r="M5457" i="2"/>
  <c r="M5431" i="5" s="1"/>
  <c r="I5457" i="2"/>
  <c r="I5431" i="5" s="1"/>
  <c r="K5457" i="2"/>
  <c r="K5431" i="5" s="1"/>
  <c r="O5431" i="5" s="1"/>
  <c r="J5457" i="2"/>
  <c r="J5431" i="5" s="1"/>
  <c r="N5431" i="5" s="1"/>
  <c r="I1488" i="2"/>
  <c r="I1462" i="5" s="1"/>
  <c r="J1488" i="2"/>
  <c r="J1462" i="5" s="1"/>
  <c r="N1462" i="5" s="1"/>
  <c r="M1488" i="2"/>
  <c r="M1462" i="5" s="1"/>
  <c r="L1488" i="2"/>
  <c r="L1462" i="5" s="1"/>
  <c r="K1488" i="2"/>
  <c r="K1462" i="5" s="1"/>
  <c r="O1462" i="5" s="1"/>
  <c r="J1484" i="2"/>
  <c r="J1458" i="5" s="1"/>
  <c r="N1458" i="5" s="1"/>
  <c r="L1484" i="2"/>
  <c r="L1458" i="5" s="1"/>
  <c r="M1484" i="2"/>
  <c r="M1458" i="5" s="1"/>
  <c r="I1484" i="2"/>
  <c r="I1458" i="5" s="1"/>
  <c r="K1484" i="2"/>
  <c r="K1458" i="5" s="1"/>
  <c r="O1458" i="5" s="1"/>
  <c r="L8513" i="2"/>
  <c r="L8487" i="5" s="1"/>
  <c r="M8513" i="2"/>
  <c r="M8487" i="5" s="1"/>
  <c r="K8513" i="2"/>
  <c r="K8487" i="5" s="1"/>
  <c r="O8487" i="5" s="1"/>
  <c r="I8513" i="2"/>
  <c r="I8487" i="5" s="1"/>
  <c r="J8513" i="2"/>
  <c r="J8487" i="5" s="1"/>
  <c r="N8487" i="5" s="1"/>
  <c r="K5801" i="2"/>
  <c r="K5775" i="5" s="1"/>
  <c r="O5775" i="5" s="1"/>
  <c r="M5801" i="2"/>
  <c r="M5775" i="5" s="1"/>
  <c r="J5801" i="2"/>
  <c r="J5775" i="5" s="1"/>
  <c r="N5775" i="5" s="1"/>
  <c r="L5801" i="2"/>
  <c r="L5775" i="5" s="1"/>
  <c r="I5801" i="2"/>
  <c r="I5775" i="5" s="1"/>
  <c r="J5817" i="2"/>
  <c r="J5791" i="5" s="1"/>
  <c r="N5791" i="5" s="1"/>
  <c r="M5817" i="2"/>
  <c r="M5791" i="5" s="1"/>
  <c r="L5817" i="2"/>
  <c r="L5791" i="5" s="1"/>
  <c r="I5817" i="2"/>
  <c r="I5791" i="5" s="1"/>
  <c r="K5817" i="2"/>
  <c r="K5791" i="5" s="1"/>
  <c r="O5791" i="5" s="1"/>
  <c r="L80" i="2"/>
  <c r="L54" i="5" s="1"/>
  <c r="M80" i="2"/>
  <c r="M54" i="5" s="1"/>
  <c r="K80" i="2"/>
  <c r="K54" i="5" s="1"/>
  <c r="O54" i="5" s="1"/>
  <c r="I80" i="2"/>
  <c r="I54" i="5" s="1"/>
  <c r="J80" i="2"/>
  <c r="J54" i="5" s="1"/>
  <c r="N54" i="5" s="1"/>
  <c r="L75" i="2"/>
  <c r="L49" i="5" s="1"/>
  <c r="M75" i="2"/>
  <c r="M49" i="5" s="1"/>
  <c r="I75" i="2"/>
  <c r="I49" i="5" s="1"/>
  <c r="K75" i="2"/>
  <c r="K49" i="5" s="1"/>
  <c r="O49" i="5" s="1"/>
  <c r="J75" i="2"/>
  <c r="J49" i="5" s="1"/>
  <c r="N49" i="5" s="1"/>
  <c r="L2789" i="2"/>
  <c r="L2763" i="5" s="1"/>
  <c r="M2789" i="2"/>
  <c r="M2763" i="5" s="1"/>
  <c r="J2789" i="2"/>
  <c r="J2763" i="5" s="1"/>
  <c r="N2763" i="5" s="1"/>
  <c r="K2789" i="2"/>
  <c r="K2763" i="5" s="1"/>
  <c r="O2763" i="5" s="1"/>
  <c r="I2789" i="2"/>
  <c r="I2763" i="5" s="1"/>
  <c r="J2781" i="2"/>
  <c r="J2755" i="5" s="1"/>
  <c r="N2755" i="5" s="1"/>
  <c r="L2781" i="2"/>
  <c r="L2755" i="5" s="1"/>
  <c r="M2781" i="2"/>
  <c r="M2755" i="5" s="1"/>
  <c r="K2781" i="2"/>
  <c r="K2755" i="5" s="1"/>
  <c r="O2755" i="5" s="1"/>
  <c r="I2781" i="2"/>
  <c r="I2755" i="5" s="1"/>
  <c r="I1473" i="2"/>
  <c r="I1447" i="5" s="1"/>
  <c r="K1473" i="2"/>
  <c r="K1447" i="5" s="1"/>
  <c r="O1447" i="5" s="1"/>
  <c r="J1473" i="2"/>
  <c r="J1447" i="5" s="1"/>
  <c r="N1447" i="5" s="1"/>
  <c r="L1473" i="2"/>
  <c r="L1447" i="5" s="1"/>
  <c r="M1473" i="2"/>
  <c r="M1447" i="5" s="1"/>
  <c r="J8306" i="2"/>
  <c r="J8280" i="5" s="1"/>
  <c r="N8280" i="5" s="1"/>
  <c r="L8306" i="2"/>
  <c r="L8280" i="5" s="1"/>
  <c r="I8306" i="2"/>
  <c r="I8280" i="5" s="1"/>
  <c r="M8306" i="2"/>
  <c r="M8280" i="5" s="1"/>
  <c r="K8306" i="2"/>
  <c r="K8280" i="5" s="1"/>
  <c r="O8280" i="5" s="1"/>
  <c r="I1226" i="2"/>
  <c r="I1200" i="5" s="1"/>
  <c r="M1226" i="2"/>
  <c r="M1200" i="5" s="1"/>
  <c r="J1226" i="2"/>
  <c r="J1200" i="5" s="1"/>
  <c r="N1200" i="5" s="1"/>
  <c r="K1226" i="2"/>
  <c r="K1200" i="5" s="1"/>
  <c r="O1200" i="5" s="1"/>
  <c r="L1226" i="2"/>
  <c r="L1200" i="5" s="1"/>
  <c r="K5138" i="2"/>
  <c r="K5112" i="5" s="1"/>
  <c r="O5112" i="5" s="1"/>
  <c r="J5138" i="2"/>
  <c r="J5112" i="5" s="1"/>
  <c r="N5112" i="5" s="1"/>
  <c r="M5138" i="2"/>
  <c r="M5112" i="5" s="1"/>
  <c r="I5138" i="2"/>
  <c r="I5112" i="5" s="1"/>
  <c r="L5138" i="2"/>
  <c r="L5112" i="5" s="1"/>
  <c r="I6033" i="2"/>
  <c r="I6007" i="5" s="1"/>
  <c r="J6033" i="2"/>
  <c r="J6007" i="5" s="1"/>
  <c r="N6007" i="5" s="1"/>
  <c r="K6033" i="2"/>
  <c r="K6007" i="5" s="1"/>
  <c r="O6007" i="5" s="1"/>
  <c r="L6033" i="2"/>
  <c r="L6007" i="5" s="1"/>
  <c r="M6033" i="2"/>
  <c r="M6007" i="5" s="1"/>
  <c r="M40" i="2"/>
  <c r="M14" i="5" s="1"/>
  <c r="L40" i="2"/>
  <c r="L14" i="5" s="1"/>
  <c r="K40" i="2"/>
  <c r="K14" i="5" s="1"/>
  <c r="O14" i="5" s="1"/>
  <c r="J40" i="2"/>
  <c r="J14" i="5" s="1"/>
  <c r="N14" i="5" s="1"/>
  <c r="I40" i="2"/>
  <c r="I14" i="5" s="1"/>
  <c r="M5273" i="2"/>
  <c r="M5247" i="5" s="1"/>
  <c r="J5273" i="2"/>
  <c r="J5247" i="5" s="1"/>
  <c r="N5247" i="5" s="1"/>
  <c r="I5273" i="2"/>
  <c r="I5247" i="5" s="1"/>
  <c r="K5273" i="2"/>
  <c r="K5247" i="5" s="1"/>
  <c r="O5247" i="5" s="1"/>
  <c r="L5273" i="2"/>
  <c r="L5247" i="5" s="1"/>
  <c r="M7655" i="2"/>
  <c r="M7629" i="5" s="1"/>
  <c r="J7655" i="2"/>
  <c r="J7629" i="5" s="1"/>
  <c r="N7629" i="5" s="1"/>
  <c r="L7655" i="2"/>
  <c r="L7629" i="5" s="1"/>
  <c r="K7655" i="2"/>
  <c r="K7629" i="5" s="1"/>
  <c r="O7629" i="5" s="1"/>
  <c r="I7655" i="2"/>
  <c r="I7629" i="5" s="1"/>
  <c r="L1050" i="2"/>
  <c r="L1024" i="5" s="1"/>
  <c r="M1050" i="2"/>
  <c r="M1024" i="5" s="1"/>
  <c r="I1050" i="2"/>
  <c r="I1024" i="5" s="1"/>
  <c r="K1050" i="2"/>
  <c r="K1024" i="5" s="1"/>
  <c r="O1024" i="5" s="1"/>
  <c r="J1050" i="2"/>
  <c r="J1024" i="5" s="1"/>
  <c r="N1024" i="5" s="1"/>
  <c r="C50" i="5"/>
  <c r="AR44" i="1"/>
  <c r="M4826" i="2"/>
  <c r="M4800" i="5" s="1"/>
  <c r="L4826" i="2"/>
  <c r="L4800" i="5" s="1"/>
  <c r="I4826" i="2"/>
  <c r="I4800" i="5" s="1"/>
  <c r="K4826" i="2"/>
  <c r="K4800" i="5" s="1"/>
  <c r="O4800" i="5" s="1"/>
  <c r="J4826" i="2"/>
  <c r="J4800" i="5" s="1"/>
  <c r="N4800" i="5" s="1"/>
  <c r="J4813" i="2"/>
  <c r="J4787" i="5" s="1"/>
  <c r="N4787" i="5" s="1"/>
  <c r="M4813" i="2"/>
  <c r="M4787" i="5" s="1"/>
  <c r="L4813" i="2"/>
  <c r="L4787" i="5" s="1"/>
  <c r="I4813" i="2"/>
  <c r="I4787" i="5" s="1"/>
  <c r="K4813" i="2"/>
  <c r="K4787" i="5" s="1"/>
  <c r="O4787" i="5" s="1"/>
  <c r="L2274" i="2"/>
  <c r="L2248" i="5" s="1"/>
  <c r="M2274" i="2"/>
  <c r="M2248" i="5" s="1"/>
  <c r="I2274" i="2"/>
  <c r="I2248" i="5" s="1"/>
  <c r="K2274" i="2"/>
  <c r="K2248" i="5" s="1"/>
  <c r="O2248" i="5" s="1"/>
  <c r="J2274" i="2"/>
  <c r="J2248" i="5" s="1"/>
  <c r="N2248" i="5" s="1"/>
  <c r="K6484" i="2"/>
  <c r="K6458" i="5" s="1"/>
  <c r="O6458" i="5" s="1"/>
  <c r="L6484" i="2"/>
  <c r="L6458" i="5" s="1"/>
  <c r="J6484" i="2"/>
  <c r="J6458" i="5" s="1"/>
  <c r="N6458" i="5" s="1"/>
  <c r="M6484" i="2"/>
  <c r="M6458" i="5" s="1"/>
  <c r="I6484" i="2"/>
  <c r="I6458" i="5" s="1"/>
  <c r="K2640" i="2"/>
  <c r="K2614" i="5" s="1"/>
  <c r="O2614" i="5" s="1"/>
  <c r="J2640" i="2"/>
  <c r="J2614" i="5" s="1"/>
  <c r="N2614" i="5" s="1"/>
  <c r="L2640" i="2"/>
  <c r="L2614" i="5" s="1"/>
  <c r="I2640" i="2"/>
  <c r="I2614" i="5" s="1"/>
  <c r="M2640" i="2"/>
  <c r="M2614" i="5" s="1"/>
  <c r="J2633" i="2"/>
  <c r="J2607" i="5" s="1"/>
  <c r="N2607" i="5" s="1"/>
  <c r="M2633" i="2"/>
  <c r="M2607" i="5" s="1"/>
  <c r="I2633" i="2"/>
  <c r="I2607" i="5" s="1"/>
  <c r="K2633" i="2"/>
  <c r="K2607" i="5" s="1"/>
  <c r="O2607" i="5" s="1"/>
  <c r="L2633" i="2"/>
  <c r="L2607" i="5" s="1"/>
  <c r="M3115" i="2"/>
  <c r="M3089" i="5" s="1"/>
  <c r="J3115" i="2"/>
  <c r="J3089" i="5" s="1"/>
  <c r="N3089" i="5" s="1"/>
  <c r="L3115" i="2"/>
  <c r="L3089" i="5" s="1"/>
  <c r="I3115" i="2"/>
  <c r="I3089" i="5" s="1"/>
  <c r="K3115" i="2"/>
  <c r="K3089" i="5" s="1"/>
  <c r="O3089" i="5" s="1"/>
  <c r="I7008" i="2"/>
  <c r="I6982" i="5" s="1"/>
  <c r="M7008" i="2"/>
  <c r="M6982" i="5" s="1"/>
  <c r="K7008" i="2"/>
  <c r="K6982" i="5" s="1"/>
  <c r="O6982" i="5" s="1"/>
  <c r="J7008" i="2"/>
  <c r="J6982" i="5" s="1"/>
  <c r="N6982" i="5" s="1"/>
  <c r="L7008" i="2"/>
  <c r="L6982" i="5" s="1"/>
  <c r="L6998" i="2"/>
  <c r="L6972" i="5" s="1"/>
  <c r="I6998" i="2"/>
  <c r="I6972" i="5" s="1"/>
  <c r="M6998" i="2"/>
  <c r="M6972" i="5" s="1"/>
  <c r="K6998" i="2"/>
  <c r="K6972" i="5" s="1"/>
  <c r="O6972" i="5" s="1"/>
  <c r="J6998" i="2"/>
  <c r="J6972" i="5" s="1"/>
  <c r="N6972" i="5" s="1"/>
  <c r="I1285" i="2"/>
  <c r="I1259" i="5" s="1"/>
  <c r="L1285" i="2"/>
  <c r="L1259" i="5" s="1"/>
  <c r="K1285" i="2"/>
  <c r="K1259" i="5" s="1"/>
  <c r="O1259" i="5" s="1"/>
  <c r="J1285" i="2"/>
  <c r="J1259" i="5" s="1"/>
  <c r="N1259" i="5" s="1"/>
  <c r="M1285" i="2"/>
  <c r="M1259" i="5" s="1"/>
  <c r="L1298" i="2"/>
  <c r="L1272" i="5" s="1"/>
  <c r="J1298" i="2"/>
  <c r="J1272" i="5" s="1"/>
  <c r="N1272" i="5" s="1"/>
  <c r="I1298" i="2"/>
  <c r="I1272" i="5" s="1"/>
  <c r="M1298" i="2"/>
  <c r="M1272" i="5" s="1"/>
  <c r="K1298" i="2"/>
  <c r="K1272" i="5" s="1"/>
  <c r="O1272" i="5" s="1"/>
  <c r="J5974" i="2"/>
  <c r="J5948" i="5" s="1"/>
  <c r="N5948" i="5" s="1"/>
  <c r="M5974" i="2"/>
  <c r="M5948" i="5" s="1"/>
  <c r="L5974" i="2"/>
  <c r="L5948" i="5" s="1"/>
  <c r="I5974" i="2"/>
  <c r="I5948" i="5" s="1"/>
  <c r="K5974" i="2"/>
  <c r="K5948" i="5" s="1"/>
  <c r="O5948" i="5" s="1"/>
  <c r="L3105" i="2"/>
  <c r="L3079" i="5" s="1"/>
  <c r="M3105" i="2"/>
  <c r="M3079" i="5" s="1"/>
  <c r="J3105" i="2"/>
  <c r="J3079" i="5" s="1"/>
  <c r="N3079" i="5" s="1"/>
  <c r="I3105" i="2"/>
  <c r="I3079" i="5" s="1"/>
  <c r="K3105" i="2"/>
  <c r="K3079" i="5" s="1"/>
  <c r="O3079" i="5" s="1"/>
  <c r="K1090" i="2"/>
  <c r="K1064" i="5" s="1"/>
  <c r="O1064" i="5" s="1"/>
  <c r="L1090" i="2"/>
  <c r="L1064" i="5" s="1"/>
  <c r="J1090" i="2"/>
  <c r="J1064" i="5" s="1"/>
  <c r="N1064" i="5" s="1"/>
  <c r="I1090" i="2"/>
  <c r="I1064" i="5" s="1"/>
  <c r="M1090" i="2"/>
  <c r="M1064" i="5" s="1"/>
  <c r="J1098" i="2"/>
  <c r="J1072" i="5" s="1"/>
  <c r="N1072" i="5" s="1"/>
  <c r="M1098" i="2"/>
  <c r="M1072" i="5" s="1"/>
  <c r="I1098" i="2"/>
  <c r="I1072" i="5" s="1"/>
  <c r="K1098" i="2"/>
  <c r="K1072" i="5" s="1"/>
  <c r="O1072" i="5" s="1"/>
  <c r="L1098" i="2"/>
  <c r="L1072" i="5" s="1"/>
  <c r="L487" i="2"/>
  <c r="L461" i="5" s="1"/>
  <c r="M487" i="2"/>
  <c r="M461" i="5" s="1"/>
  <c r="J487" i="2"/>
  <c r="J461" i="5" s="1"/>
  <c r="N461" i="5" s="1"/>
  <c r="I487" i="2"/>
  <c r="I461" i="5" s="1"/>
  <c r="K487" i="2"/>
  <c r="K461" i="5" s="1"/>
  <c r="O461" i="5" s="1"/>
  <c r="L238" i="2"/>
  <c r="L212" i="5" s="1"/>
  <c r="M238" i="2"/>
  <c r="M212" i="5" s="1"/>
  <c r="J238" i="2"/>
  <c r="J212" i="5" s="1"/>
  <c r="N212" i="5" s="1"/>
  <c r="I238" i="2"/>
  <c r="I212" i="5" s="1"/>
  <c r="K238" i="2"/>
  <c r="K212" i="5" s="1"/>
  <c r="O212" i="5" s="1"/>
  <c r="L245" i="2"/>
  <c r="L219" i="5" s="1"/>
  <c r="M245" i="2"/>
  <c r="M219" i="5" s="1"/>
  <c r="J245" i="2"/>
  <c r="J219" i="5" s="1"/>
  <c r="N219" i="5" s="1"/>
  <c r="K245" i="2"/>
  <c r="K219" i="5" s="1"/>
  <c r="O219" i="5" s="1"/>
  <c r="I245" i="2"/>
  <c r="I219" i="5" s="1"/>
  <c r="M6944" i="2"/>
  <c r="M6918" i="5" s="1"/>
  <c r="I6944" i="2"/>
  <c r="I6918" i="5" s="1"/>
  <c r="J6944" i="2"/>
  <c r="J6918" i="5" s="1"/>
  <c r="N6918" i="5" s="1"/>
  <c r="L6944" i="2"/>
  <c r="L6918" i="5" s="1"/>
  <c r="K6944" i="2"/>
  <c r="K6918" i="5" s="1"/>
  <c r="O6918" i="5" s="1"/>
  <c r="K5488" i="2"/>
  <c r="K5462" i="5" s="1"/>
  <c r="O5462" i="5" s="1"/>
  <c r="M5488" i="2"/>
  <c r="M5462" i="5" s="1"/>
  <c r="J5488" i="2"/>
  <c r="J5462" i="5" s="1"/>
  <c r="N5462" i="5" s="1"/>
  <c r="L5488" i="2"/>
  <c r="L5462" i="5" s="1"/>
  <c r="I5488" i="2"/>
  <c r="I5462" i="5" s="1"/>
  <c r="I4754" i="2"/>
  <c r="I4728" i="5" s="1"/>
  <c r="K4754" i="2"/>
  <c r="K4728" i="5" s="1"/>
  <c r="O4728" i="5" s="1"/>
  <c r="J4754" i="2"/>
  <c r="J4728" i="5" s="1"/>
  <c r="N4728" i="5" s="1"/>
  <c r="M4754" i="2"/>
  <c r="M4728" i="5" s="1"/>
  <c r="L4754" i="2"/>
  <c r="L4728" i="5" s="1"/>
  <c r="I8169" i="2"/>
  <c r="I8143" i="5" s="1"/>
  <c r="M8169" i="2"/>
  <c r="M8143" i="5" s="1"/>
  <c r="K8169" i="2"/>
  <c r="K8143" i="5" s="1"/>
  <c r="O8143" i="5" s="1"/>
  <c r="J8169" i="2"/>
  <c r="J8143" i="5" s="1"/>
  <c r="N8143" i="5" s="1"/>
  <c r="L8169" i="2"/>
  <c r="L8143" i="5" s="1"/>
  <c r="C346" i="5"/>
  <c r="AR340" i="1"/>
  <c r="L1883" i="2"/>
  <c r="L1857" i="5" s="1"/>
  <c r="M1883" i="2"/>
  <c r="M1857" i="5" s="1"/>
  <c r="I1883" i="2"/>
  <c r="I1857" i="5" s="1"/>
  <c r="K1883" i="2"/>
  <c r="K1857" i="5" s="1"/>
  <c r="O1857" i="5" s="1"/>
  <c r="J1883" i="2"/>
  <c r="J1857" i="5" s="1"/>
  <c r="N1857" i="5" s="1"/>
  <c r="J1882" i="2"/>
  <c r="J1856" i="5" s="1"/>
  <c r="N1856" i="5" s="1"/>
  <c r="K1882" i="2"/>
  <c r="K1856" i="5" s="1"/>
  <c r="O1856" i="5" s="1"/>
  <c r="L1882" i="2"/>
  <c r="L1856" i="5" s="1"/>
  <c r="M1882" i="2"/>
  <c r="M1856" i="5" s="1"/>
  <c r="I1882" i="2"/>
  <c r="I1856" i="5" s="1"/>
  <c r="L4782" i="2"/>
  <c r="L4756" i="5" s="1"/>
  <c r="M4782" i="2"/>
  <c r="M4756" i="5" s="1"/>
  <c r="I4782" i="2"/>
  <c r="I4756" i="5" s="1"/>
  <c r="K4782" i="2"/>
  <c r="K4756" i="5" s="1"/>
  <c r="O4756" i="5" s="1"/>
  <c r="J4782" i="2"/>
  <c r="J4756" i="5" s="1"/>
  <c r="N4756" i="5" s="1"/>
  <c r="L4770" i="2"/>
  <c r="L4744" i="5" s="1"/>
  <c r="J4770" i="2"/>
  <c r="J4744" i="5" s="1"/>
  <c r="N4744" i="5" s="1"/>
  <c r="I4770" i="2"/>
  <c r="I4744" i="5" s="1"/>
  <c r="K4770" i="2"/>
  <c r="K4744" i="5" s="1"/>
  <c r="O4744" i="5" s="1"/>
  <c r="M4770" i="2"/>
  <c r="M4744" i="5" s="1"/>
  <c r="L3675" i="2"/>
  <c r="L3649" i="5" s="1"/>
  <c r="I3675" i="2"/>
  <c r="I3649" i="5" s="1"/>
  <c r="K3675" i="2"/>
  <c r="K3649" i="5" s="1"/>
  <c r="O3649" i="5" s="1"/>
  <c r="J3675" i="2"/>
  <c r="J3649" i="5" s="1"/>
  <c r="N3649" i="5" s="1"/>
  <c r="M3675" i="2"/>
  <c r="M3649" i="5" s="1"/>
  <c r="I5626" i="2"/>
  <c r="I5600" i="5" s="1"/>
  <c r="K5626" i="2"/>
  <c r="K5600" i="5" s="1"/>
  <c r="O5600" i="5" s="1"/>
  <c r="J5626" i="2"/>
  <c r="J5600" i="5" s="1"/>
  <c r="N5600" i="5" s="1"/>
  <c r="M5626" i="2"/>
  <c r="M5600" i="5" s="1"/>
  <c r="L5626" i="2"/>
  <c r="L5600" i="5" s="1"/>
  <c r="L2056" i="2"/>
  <c r="L2030" i="5" s="1"/>
  <c r="M2056" i="2"/>
  <c r="M2030" i="5" s="1"/>
  <c r="J2056" i="2"/>
  <c r="J2030" i="5" s="1"/>
  <c r="N2030" i="5" s="1"/>
  <c r="I2056" i="2"/>
  <c r="I2030" i="5" s="1"/>
  <c r="K2056" i="2"/>
  <c r="K2030" i="5" s="1"/>
  <c r="O2030" i="5" s="1"/>
  <c r="I7624" i="2"/>
  <c r="I7598" i="5" s="1"/>
  <c r="J7624" i="2"/>
  <c r="J7598" i="5" s="1"/>
  <c r="N7598" i="5" s="1"/>
  <c r="L7624" i="2"/>
  <c r="L7598" i="5" s="1"/>
  <c r="M7624" i="2"/>
  <c r="M7598" i="5" s="1"/>
  <c r="K7624" i="2"/>
  <c r="K7598" i="5" s="1"/>
  <c r="O7598" i="5" s="1"/>
  <c r="K4456" i="2"/>
  <c r="K4430" i="5" s="1"/>
  <c r="O4430" i="5" s="1"/>
  <c r="J4456" i="2"/>
  <c r="J4430" i="5" s="1"/>
  <c r="N4430" i="5" s="1"/>
  <c r="M4456" i="2"/>
  <c r="M4430" i="5" s="1"/>
  <c r="I4456" i="2"/>
  <c r="I4430" i="5" s="1"/>
  <c r="L4456" i="2"/>
  <c r="L4430" i="5" s="1"/>
  <c r="K7686" i="2"/>
  <c r="K7660" i="5" s="1"/>
  <c r="O7660" i="5" s="1"/>
  <c r="J7686" i="2"/>
  <c r="J7660" i="5" s="1"/>
  <c r="N7660" i="5" s="1"/>
  <c r="L7686" i="2"/>
  <c r="L7660" i="5" s="1"/>
  <c r="M7686" i="2"/>
  <c r="M7660" i="5" s="1"/>
  <c r="I7686" i="2"/>
  <c r="I7660" i="5" s="1"/>
  <c r="J4182" i="2"/>
  <c r="J4156" i="5" s="1"/>
  <c r="N4156" i="5" s="1"/>
  <c r="L4182" i="2"/>
  <c r="L4156" i="5" s="1"/>
  <c r="I4182" i="2"/>
  <c r="I4156" i="5" s="1"/>
  <c r="K4182" i="2"/>
  <c r="K4156" i="5" s="1"/>
  <c r="O4156" i="5" s="1"/>
  <c r="M4182" i="2"/>
  <c r="M4156" i="5" s="1"/>
  <c r="K2388" i="2"/>
  <c r="K2362" i="5" s="1"/>
  <c r="O2362" i="5" s="1"/>
  <c r="L2388" i="2"/>
  <c r="L2362" i="5" s="1"/>
  <c r="J2388" i="2"/>
  <c r="J2362" i="5" s="1"/>
  <c r="N2362" i="5" s="1"/>
  <c r="I2388" i="2"/>
  <c r="I2362" i="5" s="1"/>
  <c r="M2388" i="2"/>
  <c r="M2362" i="5" s="1"/>
  <c r="M8642" i="2"/>
  <c r="M8616" i="5" s="1"/>
  <c r="J8642" i="2"/>
  <c r="J8616" i="5" s="1"/>
  <c r="N8616" i="5" s="1"/>
  <c r="I8642" i="2"/>
  <c r="I8616" i="5" s="1"/>
  <c r="L8642" i="2"/>
  <c r="L8616" i="5" s="1"/>
  <c r="K8642" i="2"/>
  <c r="K8616" i="5" s="1"/>
  <c r="O8616" i="5" s="1"/>
  <c r="J8641" i="2"/>
  <c r="J8615" i="5" s="1"/>
  <c r="N8615" i="5" s="1"/>
  <c r="M8641" i="2"/>
  <c r="M8615" i="5" s="1"/>
  <c r="I8641" i="2"/>
  <c r="I8615" i="5" s="1"/>
  <c r="L8641" i="2"/>
  <c r="L8615" i="5" s="1"/>
  <c r="K8641" i="2"/>
  <c r="K8615" i="5" s="1"/>
  <c r="O8615" i="5" s="1"/>
  <c r="J3653" i="2"/>
  <c r="J3627" i="5" s="1"/>
  <c r="N3627" i="5" s="1"/>
  <c r="K3653" i="2"/>
  <c r="K3627" i="5" s="1"/>
  <c r="O3627" i="5" s="1"/>
  <c r="M3653" i="2"/>
  <c r="M3627" i="5" s="1"/>
  <c r="L3653" i="2"/>
  <c r="L3627" i="5" s="1"/>
  <c r="I3653" i="2"/>
  <c r="I3627" i="5" s="1"/>
  <c r="C158" i="5"/>
  <c r="AR152" i="1"/>
  <c r="K3598" i="2"/>
  <c r="K3572" i="5" s="1"/>
  <c r="O3572" i="5" s="1"/>
  <c r="J3598" i="2"/>
  <c r="J3572" i="5" s="1"/>
  <c r="N3572" i="5" s="1"/>
  <c r="M3598" i="2"/>
  <c r="M3572" i="5" s="1"/>
  <c r="L3598" i="2"/>
  <c r="L3572" i="5" s="1"/>
  <c r="I3598" i="2"/>
  <c r="I3572" i="5" s="1"/>
  <c r="J5514" i="2"/>
  <c r="J5488" i="5" s="1"/>
  <c r="N5488" i="5" s="1"/>
  <c r="K5514" i="2"/>
  <c r="K5488" i="5" s="1"/>
  <c r="O5488" i="5" s="1"/>
  <c r="L5514" i="2"/>
  <c r="L5488" i="5" s="1"/>
  <c r="M5514" i="2"/>
  <c r="M5488" i="5" s="1"/>
  <c r="I5514" i="2"/>
  <c r="I5488" i="5" s="1"/>
  <c r="M5260" i="2"/>
  <c r="M5234" i="5" s="1"/>
  <c r="J5260" i="2"/>
  <c r="J5234" i="5" s="1"/>
  <c r="N5234" i="5" s="1"/>
  <c r="L5260" i="2"/>
  <c r="L5234" i="5" s="1"/>
  <c r="I5260" i="2"/>
  <c r="I5234" i="5" s="1"/>
  <c r="K5260" i="2"/>
  <c r="K5234" i="5" s="1"/>
  <c r="O5234" i="5" s="1"/>
  <c r="J5247" i="2"/>
  <c r="J5221" i="5" s="1"/>
  <c r="N5221" i="5" s="1"/>
  <c r="M5247" i="2"/>
  <c r="M5221" i="5" s="1"/>
  <c r="L5247" i="2"/>
  <c r="L5221" i="5" s="1"/>
  <c r="I5247" i="2"/>
  <c r="I5221" i="5" s="1"/>
  <c r="K5247" i="2"/>
  <c r="K5221" i="5" s="1"/>
  <c r="O5221" i="5" s="1"/>
  <c r="J6606" i="2"/>
  <c r="J6580" i="5" s="1"/>
  <c r="N6580" i="5" s="1"/>
  <c r="L6606" i="2"/>
  <c r="L6580" i="5" s="1"/>
  <c r="I6606" i="2"/>
  <c r="I6580" i="5" s="1"/>
  <c r="M6606" i="2"/>
  <c r="M6580" i="5" s="1"/>
  <c r="K6606" i="2"/>
  <c r="K6580" i="5" s="1"/>
  <c r="O6580" i="5" s="1"/>
  <c r="M6599" i="2"/>
  <c r="M6573" i="5" s="1"/>
  <c r="J6599" i="2"/>
  <c r="J6573" i="5" s="1"/>
  <c r="N6573" i="5" s="1"/>
  <c r="I6599" i="2"/>
  <c r="I6573" i="5" s="1"/>
  <c r="K6599" i="2"/>
  <c r="K6573" i="5" s="1"/>
  <c r="O6573" i="5" s="1"/>
  <c r="L6599" i="2"/>
  <c r="L6573" i="5" s="1"/>
  <c r="L2488" i="2"/>
  <c r="L2462" i="5" s="1"/>
  <c r="M2488" i="2"/>
  <c r="M2462" i="5" s="1"/>
  <c r="I2488" i="2"/>
  <c r="I2462" i="5" s="1"/>
  <c r="K2488" i="2"/>
  <c r="K2462" i="5" s="1"/>
  <c r="O2462" i="5" s="1"/>
  <c r="J2488" i="2"/>
  <c r="J2462" i="5" s="1"/>
  <c r="N2462" i="5" s="1"/>
  <c r="M2579" i="2"/>
  <c r="M2553" i="5" s="1"/>
  <c r="I2579" i="2"/>
  <c r="I2553" i="5" s="1"/>
  <c r="K2579" i="2"/>
  <c r="K2553" i="5" s="1"/>
  <c r="O2553" i="5" s="1"/>
  <c r="J2579" i="2"/>
  <c r="J2553" i="5" s="1"/>
  <c r="N2553" i="5" s="1"/>
  <c r="L2579" i="2"/>
  <c r="L2553" i="5" s="1"/>
  <c r="J6304" i="2"/>
  <c r="J6278" i="5" s="1"/>
  <c r="N6278" i="5" s="1"/>
  <c r="M6304" i="2"/>
  <c r="M6278" i="5" s="1"/>
  <c r="L6304" i="2"/>
  <c r="L6278" i="5" s="1"/>
  <c r="I6304" i="2"/>
  <c r="I6278" i="5" s="1"/>
  <c r="K6304" i="2"/>
  <c r="K6278" i="5" s="1"/>
  <c r="O6278" i="5" s="1"/>
  <c r="K3783" i="2"/>
  <c r="K3757" i="5" s="1"/>
  <c r="O3757" i="5" s="1"/>
  <c r="I3783" i="2"/>
  <c r="I3757" i="5" s="1"/>
  <c r="M3783" i="2"/>
  <c r="M3757" i="5" s="1"/>
  <c r="J3783" i="2"/>
  <c r="J3757" i="5" s="1"/>
  <c r="N3757" i="5" s="1"/>
  <c r="L3783" i="2"/>
  <c r="L3757" i="5" s="1"/>
  <c r="K2160" i="2"/>
  <c r="K2134" i="5" s="1"/>
  <c r="O2134" i="5" s="1"/>
  <c r="J2160" i="2"/>
  <c r="J2134" i="5" s="1"/>
  <c r="N2134" i="5" s="1"/>
  <c r="I2160" i="2"/>
  <c r="I2134" i="5" s="1"/>
  <c r="L2160" i="2"/>
  <c r="L2134" i="5" s="1"/>
  <c r="M2160" i="2"/>
  <c r="M2134" i="5" s="1"/>
  <c r="L6287" i="2"/>
  <c r="L6261" i="5" s="1"/>
  <c r="J6287" i="2"/>
  <c r="J6261" i="5" s="1"/>
  <c r="N6261" i="5" s="1"/>
  <c r="I6287" i="2"/>
  <c r="I6261" i="5" s="1"/>
  <c r="M6287" i="2"/>
  <c r="M6261" i="5" s="1"/>
  <c r="K6287" i="2"/>
  <c r="K6261" i="5" s="1"/>
  <c r="O6261" i="5" s="1"/>
  <c r="M3419" i="2"/>
  <c r="M3393" i="5" s="1"/>
  <c r="I3419" i="2"/>
  <c r="I3393" i="5" s="1"/>
  <c r="K3419" i="2"/>
  <c r="K3393" i="5" s="1"/>
  <c r="O3393" i="5" s="1"/>
  <c r="J3419" i="2"/>
  <c r="J3393" i="5" s="1"/>
  <c r="N3393" i="5" s="1"/>
  <c r="L3419" i="2"/>
  <c r="L3393" i="5" s="1"/>
  <c r="M6788" i="2"/>
  <c r="M6762" i="5" s="1"/>
  <c r="L6788" i="2"/>
  <c r="L6762" i="5" s="1"/>
  <c r="I6788" i="2"/>
  <c r="I6762" i="5" s="1"/>
  <c r="K6788" i="2"/>
  <c r="K6762" i="5" s="1"/>
  <c r="O6762" i="5" s="1"/>
  <c r="J6788" i="2"/>
  <c r="J6762" i="5" s="1"/>
  <c r="N6762" i="5" s="1"/>
  <c r="J7297" i="2"/>
  <c r="J7271" i="5" s="1"/>
  <c r="N7271" i="5" s="1"/>
  <c r="L7297" i="2"/>
  <c r="L7271" i="5" s="1"/>
  <c r="I7297" i="2"/>
  <c r="I7271" i="5" s="1"/>
  <c r="K7297" i="2"/>
  <c r="K7271" i="5" s="1"/>
  <c r="O7271" i="5" s="1"/>
  <c r="M7297" i="2"/>
  <c r="M7271" i="5" s="1"/>
  <c r="J1235" i="2"/>
  <c r="J1209" i="5" s="1"/>
  <c r="N1209" i="5" s="1"/>
  <c r="L1235" i="2"/>
  <c r="L1209" i="5" s="1"/>
  <c r="I1235" i="2"/>
  <c r="I1209" i="5" s="1"/>
  <c r="M1235" i="2"/>
  <c r="M1209" i="5" s="1"/>
  <c r="K1235" i="2"/>
  <c r="K1209" i="5" s="1"/>
  <c r="O1209" i="5" s="1"/>
  <c r="K1244" i="2"/>
  <c r="K1218" i="5" s="1"/>
  <c r="O1218" i="5" s="1"/>
  <c r="M1244" i="2"/>
  <c r="M1218" i="5" s="1"/>
  <c r="I1244" i="2"/>
  <c r="I1218" i="5" s="1"/>
  <c r="L1244" i="2"/>
  <c r="L1218" i="5" s="1"/>
  <c r="J1244" i="2"/>
  <c r="J1218" i="5" s="1"/>
  <c r="N1218" i="5" s="1"/>
  <c r="L3292" i="2"/>
  <c r="L3266" i="5" s="1"/>
  <c r="M3292" i="2"/>
  <c r="M3266" i="5" s="1"/>
  <c r="I3292" i="2"/>
  <c r="I3266" i="5" s="1"/>
  <c r="K3292" i="2"/>
  <c r="K3266" i="5" s="1"/>
  <c r="O3266" i="5" s="1"/>
  <c r="J3292" i="2"/>
  <c r="J3266" i="5" s="1"/>
  <c r="N3266" i="5" s="1"/>
  <c r="L3276" i="2"/>
  <c r="L3250" i="5" s="1"/>
  <c r="J3276" i="2"/>
  <c r="J3250" i="5" s="1"/>
  <c r="N3250" i="5" s="1"/>
  <c r="I3276" i="2"/>
  <c r="I3250" i="5" s="1"/>
  <c r="K3276" i="2"/>
  <c r="K3250" i="5" s="1"/>
  <c r="O3250" i="5" s="1"/>
  <c r="M3276" i="2"/>
  <c r="M3250" i="5" s="1"/>
  <c r="J6815" i="2"/>
  <c r="J6789" i="5" s="1"/>
  <c r="N6789" i="5" s="1"/>
  <c r="I6815" i="2"/>
  <c r="I6789" i="5" s="1"/>
  <c r="M6815" i="2"/>
  <c r="M6789" i="5" s="1"/>
  <c r="K6815" i="2"/>
  <c r="K6789" i="5" s="1"/>
  <c r="O6789" i="5" s="1"/>
  <c r="L6815" i="2"/>
  <c r="L6789" i="5" s="1"/>
  <c r="I6802" i="2"/>
  <c r="I6776" i="5" s="1"/>
  <c r="K6802" i="2"/>
  <c r="K6776" i="5" s="1"/>
  <c r="O6776" i="5" s="1"/>
  <c r="M6802" i="2"/>
  <c r="M6776" i="5" s="1"/>
  <c r="J6802" i="2"/>
  <c r="J6776" i="5" s="1"/>
  <c r="N6776" i="5" s="1"/>
  <c r="L6802" i="2"/>
  <c r="L6776" i="5" s="1"/>
  <c r="M5427" i="2"/>
  <c r="M5401" i="5" s="1"/>
  <c r="J5427" i="2"/>
  <c r="J5401" i="5" s="1"/>
  <c r="N5401" i="5" s="1"/>
  <c r="L5427" i="2"/>
  <c r="L5401" i="5" s="1"/>
  <c r="I5427" i="2"/>
  <c r="I5401" i="5" s="1"/>
  <c r="K5427" i="2"/>
  <c r="K5401" i="5" s="1"/>
  <c r="O5401" i="5" s="1"/>
  <c r="L117" i="2"/>
  <c r="L91" i="5" s="1"/>
  <c r="M117" i="2"/>
  <c r="M91" i="5" s="1"/>
  <c r="K117" i="2"/>
  <c r="K91" i="5" s="1"/>
  <c r="O91" i="5" s="1"/>
  <c r="J117" i="2"/>
  <c r="J91" i="5" s="1"/>
  <c r="N91" i="5" s="1"/>
  <c r="I117" i="2"/>
  <c r="I91" i="5" s="1"/>
  <c r="L3902" i="2"/>
  <c r="L3876" i="5" s="1"/>
  <c r="J3902" i="2"/>
  <c r="J3876" i="5" s="1"/>
  <c r="N3876" i="5" s="1"/>
  <c r="M3902" i="2"/>
  <c r="M3876" i="5" s="1"/>
  <c r="I3902" i="2"/>
  <c r="I3876" i="5" s="1"/>
  <c r="K3902" i="2"/>
  <c r="K3876" i="5" s="1"/>
  <c r="O3876" i="5" s="1"/>
  <c r="I264" i="2"/>
  <c r="I238" i="5" s="1"/>
  <c r="M264" i="2"/>
  <c r="M238" i="5" s="1"/>
  <c r="L264" i="2"/>
  <c r="L238" i="5" s="1"/>
  <c r="J264" i="2"/>
  <c r="J238" i="5" s="1"/>
  <c r="N238" i="5" s="1"/>
  <c r="K264" i="2"/>
  <c r="K238" i="5" s="1"/>
  <c r="O238" i="5" s="1"/>
  <c r="K6358" i="2"/>
  <c r="K6332" i="5" s="1"/>
  <c r="O6332" i="5" s="1"/>
  <c r="L6358" i="2"/>
  <c r="L6332" i="5" s="1"/>
  <c r="M6358" i="2"/>
  <c r="M6332" i="5" s="1"/>
  <c r="J6358" i="2"/>
  <c r="J6332" i="5" s="1"/>
  <c r="N6332" i="5" s="1"/>
  <c r="I6358" i="2"/>
  <c r="I6332" i="5" s="1"/>
  <c r="J7190" i="2"/>
  <c r="J7164" i="5" s="1"/>
  <c r="N7164" i="5" s="1"/>
  <c r="M7190" i="2"/>
  <c r="M7164" i="5" s="1"/>
  <c r="L7190" i="2"/>
  <c r="L7164" i="5" s="1"/>
  <c r="I7190" i="2"/>
  <c r="I7164" i="5" s="1"/>
  <c r="K7190" i="2"/>
  <c r="K7164" i="5" s="1"/>
  <c r="O7164" i="5" s="1"/>
  <c r="K7201" i="2"/>
  <c r="K7175" i="5" s="1"/>
  <c r="O7175" i="5" s="1"/>
  <c r="I7201" i="2"/>
  <c r="I7175" i="5" s="1"/>
  <c r="J7201" i="2"/>
  <c r="J7175" i="5" s="1"/>
  <c r="N7175" i="5" s="1"/>
  <c r="L7201" i="2"/>
  <c r="L7175" i="5" s="1"/>
  <c r="M7201" i="2"/>
  <c r="M7175" i="5" s="1"/>
  <c r="L1570" i="2"/>
  <c r="L1544" i="5" s="1"/>
  <c r="M1570" i="2"/>
  <c r="M1544" i="5" s="1"/>
  <c r="I1570" i="2"/>
  <c r="I1544" i="5" s="1"/>
  <c r="K1570" i="2"/>
  <c r="K1544" i="5" s="1"/>
  <c r="O1544" i="5" s="1"/>
  <c r="J1570" i="2"/>
  <c r="J1544" i="5" s="1"/>
  <c r="N1544" i="5" s="1"/>
  <c r="J3498" i="2"/>
  <c r="J3472" i="5" s="1"/>
  <c r="N3472" i="5" s="1"/>
  <c r="L3498" i="2"/>
  <c r="L3472" i="5" s="1"/>
  <c r="I3498" i="2"/>
  <c r="I3472" i="5" s="1"/>
  <c r="K3498" i="2"/>
  <c r="K3472" i="5" s="1"/>
  <c r="O3472" i="5" s="1"/>
  <c r="M3498" i="2"/>
  <c r="M3472" i="5" s="1"/>
  <c r="J3511" i="2"/>
  <c r="J3485" i="5" s="1"/>
  <c r="N3485" i="5" s="1"/>
  <c r="I3511" i="2"/>
  <c r="I3485" i="5" s="1"/>
  <c r="M3511" i="2"/>
  <c r="M3485" i="5" s="1"/>
  <c r="L3511" i="2"/>
  <c r="L3485" i="5" s="1"/>
  <c r="K3511" i="2"/>
  <c r="K3485" i="5" s="1"/>
  <c r="O3485" i="5" s="1"/>
  <c r="I6693" i="2"/>
  <c r="I6667" i="5" s="1"/>
  <c r="K6693" i="2"/>
  <c r="K6667" i="5" s="1"/>
  <c r="O6667" i="5" s="1"/>
  <c r="M6693" i="2"/>
  <c r="M6667" i="5" s="1"/>
  <c r="J6693" i="2"/>
  <c r="J6667" i="5" s="1"/>
  <c r="N6667" i="5" s="1"/>
  <c r="L6693" i="2"/>
  <c r="L6667" i="5" s="1"/>
  <c r="L7115" i="2"/>
  <c r="L7089" i="5" s="1"/>
  <c r="J7115" i="2"/>
  <c r="J7089" i="5" s="1"/>
  <c r="N7089" i="5" s="1"/>
  <c r="I7115" i="2"/>
  <c r="I7089" i="5" s="1"/>
  <c r="M7115" i="2"/>
  <c r="M7089" i="5" s="1"/>
  <c r="K7115" i="2"/>
  <c r="K7089" i="5" s="1"/>
  <c r="O7089" i="5" s="1"/>
  <c r="I2139" i="2"/>
  <c r="I2113" i="5" s="1"/>
  <c r="J2139" i="2"/>
  <c r="J2113" i="5" s="1"/>
  <c r="N2113" i="5" s="1"/>
  <c r="M2139" i="2"/>
  <c r="M2113" i="5" s="1"/>
  <c r="L2139" i="2"/>
  <c r="L2113" i="5" s="1"/>
  <c r="K2139" i="2"/>
  <c r="K2113" i="5" s="1"/>
  <c r="O2113" i="5" s="1"/>
  <c r="I3329" i="2"/>
  <c r="I3303" i="5" s="1"/>
  <c r="K3329" i="2"/>
  <c r="K3303" i="5" s="1"/>
  <c r="O3303" i="5" s="1"/>
  <c r="L3329" i="2"/>
  <c r="L3303" i="5" s="1"/>
  <c r="J3329" i="2"/>
  <c r="J3303" i="5" s="1"/>
  <c r="N3303" i="5" s="1"/>
  <c r="M3329" i="2"/>
  <c r="M3303" i="5" s="1"/>
  <c r="J3340" i="2"/>
  <c r="J3314" i="5" s="1"/>
  <c r="N3314" i="5" s="1"/>
  <c r="L3340" i="2"/>
  <c r="L3314" i="5" s="1"/>
  <c r="M3340" i="2"/>
  <c r="M3314" i="5" s="1"/>
  <c r="K3340" i="2"/>
  <c r="K3314" i="5" s="1"/>
  <c r="O3314" i="5" s="1"/>
  <c r="I3340" i="2"/>
  <c r="I3314" i="5" s="1"/>
  <c r="J4499" i="2"/>
  <c r="J4473" i="5" s="1"/>
  <c r="N4473" i="5" s="1"/>
  <c r="M4499" i="2"/>
  <c r="M4473" i="5" s="1"/>
  <c r="L4499" i="2"/>
  <c r="L4473" i="5" s="1"/>
  <c r="I4499" i="2"/>
  <c r="I4473" i="5" s="1"/>
  <c r="K4499" i="2"/>
  <c r="K4473" i="5" s="1"/>
  <c r="O4473" i="5" s="1"/>
  <c r="M7426" i="2"/>
  <c r="M7400" i="5" s="1"/>
  <c r="L7426" i="2"/>
  <c r="L7400" i="5" s="1"/>
  <c r="I7426" i="2"/>
  <c r="I7400" i="5" s="1"/>
  <c r="K7426" i="2"/>
  <c r="K7400" i="5" s="1"/>
  <c r="O7400" i="5" s="1"/>
  <c r="J7426" i="2"/>
  <c r="J7400" i="5" s="1"/>
  <c r="N7400" i="5" s="1"/>
  <c r="AR310" i="1"/>
  <c r="C316" i="5"/>
  <c r="K6511" i="2"/>
  <c r="K6485" i="5" s="1"/>
  <c r="O6485" i="5" s="1"/>
  <c r="L6511" i="2"/>
  <c r="L6485" i="5" s="1"/>
  <c r="J6511" i="2"/>
  <c r="J6485" i="5" s="1"/>
  <c r="N6485" i="5" s="1"/>
  <c r="I6511" i="2"/>
  <c r="I6485" i="5" s="1"/>
  <c r="M6511" i="2"/>
  <c r="M6485" i="5" s="1"/>
  <c r="J4853" i="2"/>
  <c r="J4827" i="5" s="1"/>
  <c r="N4827" i="5" s="1"/>
  <c r="L4853" i="2"/>
  <c r="L4827" i="5" s="1"/>
  <c r="M4853" i="2"/>
  <c r="M4827" i="5" s="1"/>
  <c r="I4853" i="2"/>
  <c r="I4827" i="5" s="1"/>
  <c r="K4853" i="2"/>
  <c r="K4827" i="5" s="1"/>
  <c r="O4827" i="5" s="1"/>
  <c r="M7865" i="2"/>
  <c r="M7839" i="5" s="1"/>
  <c r="I7865" i="2"/>
  <c r="I7839" i="5" s="1"/>
  <c r="J7865" i="2"/>
  <c r="J7839" i="5" s="1"/>
  <c r="N7839" i="5" s="1"/>
  <c r="K7865" i="2"/>
  <c r="K7839" i="5" s="1"/>
  <c r="O7839" i="5" s="1"/>
  <c r="L7865" i="2"/>
  <c r="L7839" i="5" s="1"/>
  <c r="I4909" i="2"/>
  <c r="I4883" i="5" s="1"/>
  <c r="K4909" i="2"/>
  <c r="K4883" i="5" s="1"/>
  <c r="O4883" i="5" s="1"/>
  <c r="J4909" i="2"/>
  <c r="J4883" i="5" s="1"/>
  <c r="N4883" i="5" s="1"/>
  <c r="M4909" i="2"/>
  <c r="M4883" i="5" s="1"/>
  <c r="L4909" i="2"/>
  <c r="L4883" i="5" s="1"/>
  <c r="L8266" i="2"/>
  <c r="L8240" i="5" s="1"/>
  <c r="I8266" i="2"/>
  <c r="I8240" i="5" s="1"/>
  <c r="K8266" i="2"/>
  <c r="K8240" i="5" s="1"/>
  <c r="O8240" i="5" s="1"/>
  <c r="M8266" i="2"/>
  <c r="M8240" i="5" s="1"/>
  <c r="J8266" i="2"/>
  <c r="J8240" i="5" s="1"/>
  <c r="N8240" i="5" s="1"/>
  <c r="I4624" i="2"/>
  <c r="I4598" i="5" s="1"/>
  <c r="J4624" i="2"/>
  <c r="J4598" i="5" s="1"/>
  <c r="N4598" i="5" s="1"/>
  <c r="L4624" i="2"/>
  <c r="L4598" i="5" s="1"/>
  <c r="M4624" i="2"/>
  <c r="M4598" i="5" s="1"/>
  <c r="K4624" i="2"/>
  <c r="K4598" i="5" s="1"/>
  <c r="O4598" i="5" s="1"/>
  <c r="M2416" i="2"/>
  <c r="M2390" i="5" s="1"/>
  <c r="I2416" i="2"/>
  <c r="I2390" i="5" s="1"/>
  <c r="K2416" i="2"/>
  <c r="K2390" i="5" s="1"/>
  <c r="O2390" i="5" s="1"/>
  <c r="J2416" i="2"/>
  <c r="J2390" i="5" s="1"/>
  <c r="N2390" i="5" s="1"/>
  <c r="L2416" i="2"/>
  <c r="L2390" i="5" s="1"/>
  <c r="I5303" i="2"/>
  <c r="I5277" i="5" s="1"/>
  <c r="K5303" i="2"/>
  <c r="K5277" i="5" s="1"/>
  <c r="O5277" i="5" s="1"/>
  <c r="M5303" i="2"/>
  <c r="M5277" i="5" s="1"/>
  <c r="J5303" i="2"/>
  <c r="J5277" i="5" s="1"/>
  <c r="N5277" i="5" s="1"/>
  <c r="L5303" i="2"/>
  <c r="L5277" i="5" s="1"/>
  <c r="K5304" i="2"/>
  <c r="K5278" i="5" s="1"/>
  <c r="O5278" i="5" s="1"/>
  <c r="L5304" i="2"/>
  <c r="L5278" i="5" s="1"/>
  <c r="J5304" i="2"/>
  <c r="J5278" i="5" s="1"/>
  <c r="N5278" i="5" s="1"/>
  <c r="M5304" i="2"/>
  <c r="M5278" i="5" s="1"/>
  <c r="I5304" i="2"/>
  <c r="I5278" i="5" s="1"/>
  <c r="K7979" i="2"/>
  <c r="K7953" i="5" s="1"/>
  <c r="O7953" i="5" s="1"/>
  <c r="J7979" i="2"/>
  <c r="J7953" i="5" s="1"/>
  <c r="N7953" i="5" s="1"/>
  <c r="L7979" i="2"/>
  <c r="L7953" i="5" s="1"/>
  <c r="I7979" i="2"/>
  <c r="I7953" i="5" s="1"/>
  <c r="M7979" i="2"/>
  <c r="M7953" i="5" s="1"/>
  <c r="J4102" i="2"/>
  <c r="J4076" i="5" s="1"/>
  <c r="N4076" i="5" s="1"/>
  <c r="M4102" i="2"/>
  <c r="M4076" i="5" s="1"/>
  <c r="I4102" i="2"/>
  <c r="I4076" i="5" s="1"/>
  <c r="K4102" i="2"/>
  <c r="K4076" i="5" s="1"/>
  <c r="O4076" i="5" s="1"/>
  <c r="L4102" i="2"/>
  <c r="L4076" i="5" s="1"/>
  <c r="I8604" i="2"/>
  <c r="I8578" i="5" s="1"/>
  <c r="K8604" i="2"/>
  <c r="K8578" i="5" s="1"/>
  <c r="O8578" i="5" s="1"/>
  <c r="L8604" i="2"/>
  <c r="L8578" i="5" s="1"/>
  <c r="M8604" i="2"/>
  <c r="M8578" i="5" s="1"/>
  <c r="J8604" i="2"/>
  <c r="J8578" i="5" s="1"/>
  <c r="N8578" i="5" s="1"/>
  <c r="J6091" i="2"/>
  <c r="J6065" i="5" s="1"/>
  <c r="N6065" i="5" s="1"/>
  <c r="L6091" i="2"/>
  <c r="L6065" i="5" s="1"/>
  <c r="M6091" i="2"/>
  <c r="M6065" i="5" s="1"/>
  <c r="I6091" i="2"/>
  <c r="I6065" i="5" s="1"/>
  <c r="K6091" i="2"/>
  <c r="K6065" i="5" s="1"/>
  <c r="O6065" i="5" s="1"/>
  <c r="L3975" i="2"/>
  <c r="L3949" i="5" s="1"/>
  <c r="M3975" i="2"/>
  <c r="M3949" i="5" s="1"/>
  <c r="I3975" i="2"/>
  <c r="I3949" i="5" s="1"/>
  <c r="K3975" i="2"/>
  <c r="K3949" i="5" s="1"/>
  <c r="O3949" i="5" s="1"/>
  <c r="J3975" i="2"/>
  <c r="J3949" i="5" s="1"/>
  <c r="N3949" i="5" s="1"/>
  <c r="K6136" i="2"/>
  <c r="K6110" i="5" s="1"/>
  <c r="O6110" i="5" s="1"/>
  <c r="M6136" i="2"/>
  <c r="M6110" i="5" s="1"/>
  <c r="I6136" i="2"/>
  <c r="I6110" i="5" s="1"/>
  <c r="J6136" i="2"/>
  <c r="J6110" i="5" s="1"/>
  <c r="N6110" i="5" s="1"/>
  <c r="L6136" i="2"/>
  <c r="L6110" i="5" s="1"/>
  <c r="I5782" i="2"/>
  <c r="I5756" i="5" s="1"/>
  <c r="K5782" i="2"/>
  <c r="K5756" i="5" s="1"/>
  <c r="O5756" i="5" s="1"/>
  <c r="J5782" i="2"/>
  <c r="J5756" i="5" s="1"/>
  <c r="N5756" i="5" s="1"/>
  <c r="M5782" i="2"/>
  <c r="M5756" i="5" s="1"/>
  <c r="L5782" i="2"/>
  <c r="L5756" i="5" s="1"/>
  <c r="M8718" i="2"/>
  <c r="M8692" i="5" s="1"/>
  <c r="J8718" i="2"/>
  <c r="J8692" i="5" s="1"/>
  <c r="N8692" i="5" s="1"/>
  <c r="I8718" i="2"/>
  <c r="I8692" i="5" s="1"/>
  <c r="L8718" i="2"/>
  <c r="L8692" i="5" s="1"/>
  <c r="K8718" i="2"/>
  <c r="K8692" i="5" s="1"/>
  <c r="O8692" i="5" s="1"/>
  <c r="AR363" i="1"/>
  <c r="C369" i="5"/>
  <c r="L5330" i="2"/>
  <c r="L5304" i="5" s="1"/>
  <c r="J5330" i="2"/>
  <c r="J5304" i="5" s="1"/>
  <c r="N5304" i="5" s="1"/>
  <c r="I5330" i="2"/>
  <c r="I5304" i="5" s="1"/>
  <c r="M5330" i="2"/>
  <c r="M5304" i="5" s="1"/>
  <c r="K5330" i="2"/>
  <c r="K5304" i="5" s="1"/>
  <c r="O5304" i="5" s="1"/>
  <c r="I7270" i="2"/>
  <c r="I7244" i="5" s="1"/>
  <c r="K7270" i="2"/>
  <c r="K7244" i="5" s="1"/>
  <c r="O7244" i="5" s="1"/>
  <c r="J7270" i="2"/>
  <c r="J7244" i="5" s="1"/>
  <c r="N7244" i="5" s="1"/>
  <c r="M7270" i="2"/>
  <c r="M7244" i="5" s="1"/>
  <c r="L7270" i="2"/>
  <c r="L7244" i="5" s="1"/>
  <c r="L6341" i="2"/>
  <c r="L6315" i="5" s="1"/>
  <c r="J6341" i="2"/>
  <c r="J6315" i="5" s="1"/>
  <c r="N6315" i="5" s="1"/>
  <c r="M6341" i="2"/>
  <c r="M6315" i="5" s="1"/>
  <c r="I6341" i="2"/>
  <c r="I6315" i="5" s="1"/>
  <c r="K6341" i="2"/>
  <c r="K6315" i="5" s="1"/>
  <c r="O6315" i="5" s="1"/>
  <c r="M7793" i="2"/>
  <c r="M7767" i="5" s="1"/>
  <c r="I7793" i="2"/>
  <c r="I7767" i="5" s="1"/>
  <c r="J7793" i="2"/>
  <c r="J7767" i="5" s="1"/>
  <c r="N7767" i="5" s="1"/>
  <c r="L7793" i="2"/>
  <c r="L7767" i="5" s="1"/>
  <c r="K7793" i="2"/>
  <c r="K7767" i="5" s="1"/>
  <c r="O7767" i="5" s="1"/>
  <c r="AR325" i="1"/>
  <c r="C331" i="5"/>
  <c r="J6432" i="2"/>
  <c r="J6406" i="5" s="1"/>
  <c r="N6406" i="5" s="1"/>
  <c r="L6432" i="2"/>
  <c r="L6406" i="5" s="1"/>
  <c r="M6432" i="2"/>
  <c r="M6406" i="5" s="1"/>
  <c r="I6432" i="2"/>
  <c r="I6406" i="5" s="1"/>
  <c r="K6432" i="2"/>
  <c r="K6406" i="5" s="1"/>
  <c r="O6406" i="5" s="1"/>
  <c r="J6426" i="2"/>
  <c r="J6400" i="5" s="1"/>
  <c r="N6400" i="5" s="1"/>
  <c r="M6426" i="2"/>
  <c r="M6400" i="5" s="1"/>
  <c r="I6426" i="2"/>
  <c r="I6400" i="5" s="1"/>
  <c r="L6426" i="2"/>
  <c r="L6400" i="5" s="1"/>
  <c r="K6426" i="2"/>
  <c r="K6400" i="5" s="1"/>
  <c r="O6400" i="5" s="1"/>
  <c r="J8005" i="2"/>
  <c r="J7979" i="5" s="1"/>
  <c r="N7979" i="5" s="1"/>
  <c r="M8005" i="2"/>
  <c r="M7979" i="5" s="1"/>
  <c r="I8005" i="2"/>
  <c r="I7979" i="5" s="1"/>
  <c r="L8005" i="2"/>
  <c r="L7979" i="5" s="1"/>
  <c r="K8005" i="2"/>
  <c r="K7979" i="5" s="1"/>
  <c r="O7979" i="5" s="1"/>
  <c r="L5681" i="2"/>
  <c r="L5655" i="5" s="1"/>
  <c r="M5681" i="2"/>
  <c r="M5655" i="5" s="1"/>
  <c r="I5681" i="2"/>
  <c r="I5655" i="5" s="1"/>
  <c r="K5681" i="2"/>
  <c r="K5655" i="5" s="1"/>
  <c r="O5655" i="5" s="1"/>
  <c r="J5681" i="2"/>
  <c r="J5655" i="5" s="1"/>
  <c r="N5655" i="5" s="1"/>
  <c r="L4806" i="2"/>
  <c r="L4780" i="5" s="1"/>
  <c r="I4806" i="2"/>
  <c r="I4780" i="5" s="1"/>
  <c r="M4806" i="2"/>
  <c r="M4780" i="5" s="1"/>
  <c r="K4806" i="2"/>
  <c r="K4780" i="5" s="1"/>
  <c r="O4780" i="5" s="1"/>
  <c r="J4806" i="2"/>
  <c r="J4780" i="5" s="1"/>
  <c r="N4780" i="5" s="1"/>
  <c r="J4805" i="2"/>
  <c r="J4779" i="5" s="1"/>
  <c r="N4779" i="5" s="1"/>
  <c r="M4805" i="2"/>
  <c r="M4779" i="5" s="1"/>
  <c r="L4805" i="2"/>
  <c r="L4779" i="5" s="1"/>
  <c r="I4805" i="2"/>
  <c r="I4779" i="5" s="1"/>
  <c r="K4805" i="2"/>
  <c r="K4779" i="5" s="1"/>
  <c r="O4779" i="5" s="1"/>
  <c r="L8487" i="2"/>
  <c r="L8461" i="5" s="1"/>
  <c r="I8487" i="2"/>
  <c r="I8461" i="5" s="1"/>
  <c r="M8487" i="2"/>
  <c r="M8461" i="5" s="1"/>
  <c r="J8487" i="2"/>
  <c r="J8461" i="5" s="1"/>
  <c r="N8461" i="5" s="1"/>
  <c r="K8487" i="2"/>
  <c r="K8461" i="5" s="1"/>
  <c r="O8461" i="5" s="1"/>
  <c r="K6854" i="2"/>
  <c r="K6828" i="5" s="1"/>
  <c r="O6828" i="5" s="1"/>
  <c r="J6854" i="2"/>
  <c r="J6828" i="5" s="1"/>
  <c r="N6828" i="5" s="1"/>
  <c r="I6854" i="2"/>
  <c r="I6828" i="5" s="1"/>
  <c r="L6854" i="2"/>
  <c r="L6828" i="5" s="1"/>
  <c r="M6854" i="2"/>
  <c r="M6828" i="5" s="1"/>
  <c r="J141" i="2"/>
  <c r="J115" i="5" s="1"/>
  <c r="N115" i="5" s="1"/>
  <c r="M141" i="2"/>
  <c r="M115" i="5" s="1"/>
  <c r="L141" i="2"/>
  <c r="L115" i="5" s="1"/>
  <c r="I141" i="2"/>
  <c r="I115" i="5" s="1"/>
  <c r="K141" i="2"/>
  <c r="K115" i="5" s="1"/>
  <c r="O115" i="5" s="1"/>
  <c r="I8664" i="2"/>
  <c r="I8638" i="5" s="1"/>
  <c r="K8664" i="2"/>
  <c r="K8638" i="5" s="1"/>
  <c r="O8638" i="5" s="1"/>
  <c r="J8664" i="2"/>
  <c r="J8638" i="5" s="1"/>
  <c r="N8638" i="5" s="1"/>
  <c r="M8664" i="2"/>
  <c r="M8638" i="5" s="1"/>
  <c r="L8664" i="2"/>
  <c r="L8638" i="5" s="1"/>
  <c r="L8665" i="2"/>
  <c r="L8639" i="5" s="1"/>
  <c r="M8665" i="2"/>
  <c r="M8639" i="5" s="1"/>
  <c r="I8665" i="2"/>
  <c r="I8639" i="5" s="1"/>
  <c r="K8665" i="2"/>
  <c r="K8639" i="5" s="1"/>
  <c r="O8639" i="5" s="1"/>
  <c r="J8665" i="2"/>
  <c r="J8639" i="5" s="1"/>
  <c r="N8639" i="5" s="1"/>
  <c r="M4305" i="2"/>
  <c r="M4279" i="5" s="1"/>
  <c r="L4305" i="2"/>
  <c r="L4279" i="5" s="1"/>
  <c r="J4305" i="2"/>
  <c r="J4279" i="5" s="1"/>
  <c r="N4279" i="5" s="1"/>
  <c r="I4305" i="2"/>
  <c r="I4279" i="5" s="1"/>
  <c r="K4305" i="2"/>
  <c r="K4279" i="5" s="1"/>
  <c r="O4279" i="5" s="1"/>
  <c r="M6271" i="2"/>
  <c r="M6245" i="5" s="1"/>
  <c r="L6271" i="2"/>
  <c r="L6245" i="5" s="1"/>
  <c r="I6271" i="2"/>
  <c r="I6245" i="5" s="1"/>
  <c r="K6271" i="2"/>
  <c r="K6245" i="5" s="1"/>
  <c r="O6245" i="5" s="1"/>
  <c r="J6271" i="2"/>
  <c r="J6245" i="5" s="1"/>
  <c r="N6245" i="5" s="1"/>
  <c r="L7845" i="2"/>
  <c r="L7819" i="5" s="1"/>
  <c r="J7845" i="2"/>
  <c r="J7819" i="5" s="1"/>
  <c r="N7819" i="5" s="1"/>
  <c r="M7845" i="2"/>
  <c r="M7819" i="5" s="1"/>
  <c r="I7845" i="2"/>
  <c r="I7819" i="5" s="1"/>
  <c r="K7845" i="2"/>
  <c r="K7819" i="5" s="1"/>
  <c r="O7819" i="5" s="1"/>
  <c r="M614" i="2"/>
  <c r="M588" i="5" s="1"/>
  <c r="K614" i="2"/>
  <c r="K588" i="5" s="1"/>
  <c r="O588" i="5" s="1"/>
  <c r="J614" i="2"/>
  <c r="J588" i="5" s="1"/>
  <c r="N588" i="5" s="1"/>
  <c r="L614" i="2"/>
  <c r="L588" i="5" s="1"/>
  <c r="I614" i="2"/>
  <c r="I588" i="5" s="1"/>
  <c r="J2769" i="2"/>
  <c r="J2743" i="5" s="1"/>
  <c r="N2743" i="5" s="1"/>
  <c r="M2769" i="2"/>
  <c r="M2743" i="5" s="1"/>
  <c r="I2769" i="2"/>
  <c r="I2743" i="5" s="1"/>
  <c r="K2769" i="2"/>
  <c r="K2743" i="5" s="1"/>
  <c r="O2743" i="5" s="1"/>
  <c r="L2769" i="2"/>
  <c r="L2743" i="5" s="1"/>
  <c r="I1397" i="2"/>
  <c r="I1371" i="5" s="1"/>
  <c r="J1397" i="2"/>
  <c r="J1371" i="5" s="1"/>
  <c r="N1371" i="5" s="1"/>
  <c r="M1397" i="2"/>
  <c r="M1371" i="5" s="1"/>
  <c r="K1397" i="2"/>
  <c r="K1371" i="5" s="1"/>
  <c r="O1371" i="5" s="1"/>
  <c r="L1397" i="2"/>
  <c r="L1371" i="5" s="1"/>
  <c r="I576" i="2"/>
  <c r="I550" i="5" s="1"/>
  <c r="L576" i="2"/>
  <c r="L550" i="5" s="1"/>
  <c r="M576" i="2"/>
  <c r="M550" i="5" s="1"/>
  <c r="K576" i="2"/>
  <c r="K550" i="5" s="1"/>
  <c r="O550" i="5" s="1"/>
  <c r="J576" i="2"/>
  <c r="J550" i="5" s="1"/>
  <c r="N550" i="5" s="1"/>
  <c r="K7695" i="2"/>
  <c r="K7669" i="5" s="1"/>
  <c r="O7669" i="5" s="1"/>
  <c r="L7695" i="2"/>
  <c r="L7669" i="5" s="1"/>
  <c r="M7695" i="2"/>
  <c r="M7669" i="5" s="1"/>
  <c r="I7695" i="2"/>
  <c r="I7669" i="5" s="1"/>
  <c r="J7695" i="2"/>
  <c r="J7669" i="5" s="1"/>
  <c r="N7669" i="5" s="1"/>
  <c r="C327" i="5"/>
  <c r="AR321" i="1"/>
  <c r="I8434" i="2"/>
  <c r="I8408" i="5" s="1"/>
  <c r="K8434" i="2"/>
  <c r="K8408" i="5" s="1"/>
  <c r="O8408" i="5" s="1"/>
  <c r="J8434" i="2"/>
  <c r="J8408" i="5" s="1"/>
  <c r="N8408" i="5" s="1"/>
  <c r="L8434" i="2"/>
  <c r="L8408" i="5" s="1"/>
  <c r="M8434" i="2"/>
  <c r="M8408" i="5" s="1"/>
  <c r="L5113" i="2"/>
  <c r="L5087" i="5" s="1"/>
  <c r="J5113" i="2"/>
  <c r="J5087" i="5" s="1"/>
  <c r="N5087" i="5" s="1"/>
  <c r="M5113" i="2"/>
  <c r="M5087" i="5" s="1"/>
  <c r="I5113" i="2"/>
  <c r="I5087" i="5" s="1"/>
  <c r="K5113" i="2"/>
  <c r="K5087" i="5" s="1"/>
  <c r="O5087" i="5" s="1"/>
  <c r="M1739" i="2"/>
  <c r="M1713" i="5" s="1"/>
  <c r="L1739" i="2"/>
  <c r="L1713" i="5" s="1"/>
  <c r="K1739" i="2"/>
  <c r="K1713" i="5" s="1"/>
  <c r="O1713" i="5" s="1"/>
  <c r="J1739" i="2"/>
  <c r="J1713" i="5" s="1"/>
  <c r="N1713" i="5" s="1"/>
  <c r="I1739" i="2"/>
  <c r="I1713" i="5" s="1"/>
  <c r="I3617" i="2"/>
  <c r="I3591" i="5" s="1"/>
  <c r="L3617" i="2"/>
  <c r="L3591" i="5" s="1"/>
  <c r="M3617" i="2"/>
  <c r="M3591" i="5" s="1"/>
  <c r="K3617" i="2"/>
  <c r="K3591" i="5" s="1"/>
  <c r="O3591" i="5" s="1"/>
  <c r="J3617" i="2"/>
  <c r="J3591" i="5" s="1"/>
  <c r="N3591" i="5" s="1"/>
  <c r="C157" i="5"/>
  <c r="AR151" i="1"/>
  <c r="M2898" i="2"/>
  <c r="M2872" i="5" s="1"/>
  <c r="I2898" i="2"/>
  <c r="I2872" i="5" s="1"/>
  <c r="K2898" i="2"/>
  <c r="K2872" i="5" s="1"/>
  <c r="O2872" i="5" s="1"/>
  <c r="L2898" i="2"/>
  <c r="L2872" i="5" s="1"/>
  <c r="J2898" i="2"/>
  <c r="J2872" i="5" s="1"/>
  <c r="N2872" i="5" s="1"/>
  <c r="J6667" i="2"/>
  <c r="J6641" i="5" s="1"/>
  <c r="N6641" i="5" s="1"/>
  <c r="M6667" i="2"/>
  <c r="M6641" i="5" s="1"/>
  <c r="I6667" i="2"/>
  <c r="I6641" i="5" s="1"/>
  <c r="L6667" i="2"/>
  <c r="L6641" i="5" s="1"/>
  <c r="K6667" i="2"/>
  <c r="K6641" i="5" s="1"/>
  <c r="O6641" i="5" s="1"/>
  <c r="L5951" i="2"/>
  <c r="L5925" i="5" s="1"/>
  <c r="M5951" i="2"/>
  <c r="M5925" i="5" s="1"/>
  <c r="J5951" i="2"/>
  <c r="J5925" i="5" s="1"/>
  <c r="N5925" i="5" s="1"/>
  <c r="I5951" i="2"/>
  <c r="I5925" i="5" s="1"/>
  <c r="K5951" i="2"/>
  <c r="K5925" i="5" s="1"/>
  <c r="O5925" i="5" s="1"/>
  <c r="I4688" i="2"/>
  <c r="I4662" i="5" s="1"/>
  <c r="M4688" i="2"/>
  <c r="M4662" i="5" s="1"/>
  <c r="L4688" i="2"/>
  <c r="L4662" i="5" s="1"/>
  <c r="K4688" i="2"/>
  <c r="K4662" i="5" s="1"/>
  <c r="O4662" i="5" s="1"/>
  <c r="J4688" i="2"/>
  <c r="J4662" i="5" s="1"/>
  <c r="N4662" i="5" s="1"/>
  <c r="K6172" i="2"/>
  <c r="K6146" i="5" s="1"/>
  <c r="O6146" i="5" s="1"/>
  <c r="L6172" i="2"/>
  <c r="L6146" i="5" s="1"/>
  <c r="J6172" i="2"/>
  <c r="J6146" i="5" s="1"/>
  <c r="N6146" i="5" s="1"/>
  <c r="I6172" i="2"/>
  <c r="I6146" i="5" s="1"/>
  <c r="M6172" i="2"/>
  <c r="M6146" i="5" s="1"/>
  <c r="L2456" i="2"/>
  <c r="L2430" i="5" s="1"/>
  <c r="I2456" i="2"/>
  <c r="I2430" i="5" s="1"/>
  <c r="K2456" i="2"/>
  <c r="K2430" i="5" s="1"/>
  <c r="O2430" i="5" s="1"/>
  <c r="J2456" i="2"/>
  <c r="J2430" i="5" s="1"/>
  <c r="N2430" i="5" s="1"/>
  <c r="M2456" i="2"/>
  <c r="M2430" i="5" s="1"/>
  <c r="K2604" i="2"/>
  <c r="K2578" i="5" s="1"/>
  <c r="O2578" i="5" s="1"/>
  <c r="L2604" i="2"/>
  <c r="L2578" i="5" s="1"/>
  <c r="M2604" i="2"/>
  <c r="M2578" i="5" s="1"/>
  <c r="J2604" i="2"/>
  <c r="J2578" i="5" s="1"/>
  <c r="N2578" i="5" s="1"/>
  <c r="I2604" i="2"/>
  <c r="I2578" i="5" s="1"/>
  <c r="M8367" i="2"/>
  <c r="M8341" i="5" s="1"/>
  <c r="L8367" i="2"/>
  <c r="L8341" i="5" s="1"/>
  <c r="J8367" i="2"/>
  <c r="J8341" i="5" s="1"/>
  <c r="N8341" i="5" s="1"/>
  <c r="I8367" i="2"/>
  <c r="I8341" i="5" s="1"/>
  <c r="K8367" i="2"/>
  <c r="K8341" i="5" s="1"/>
  <c r="O8341" i="5" s="1"/>
  <c r="K1630" i="2"/>
  <c r="K1604" i="5" s="1"/>
  <c r="O1604" i="5" s="1"/>
  <c r="J1630" i="2"/>
  <c r="J1604" i="5" s="1"/>
  <c r="N1604" i="5" s="1"/>
  <c r="M1630" i="2"/>
  <c r="M1604" i="5" s="1"/>
  <c r="L1630" i="2"/>
  <c r="L1604" i="5" s="1"/>
  <c r="I1630" i="2"/>
  <c r="I1604" i="5" s="1"/>
  <c r="K3161" i="2"/>
  <c r="K3135" i="5" s="1"/>
  <c r="O3135" i="5" s="1"/>
  <c r="J3161" i="2"/>
  <c r="J3135" i="5" s="1"/>
  <c r="N3135" i="5" s="1"/>
  <c r="M3161" i="2"/>
  <c r="M3135" i="5" s="1"/>
  <c r="L3161" i="2"/>
  <c r="L3135" i="5" s="1"/>
  <c r="I3161" i="2"/>
  <c r="I3135" i="5" s="1"/>
  <c r="L3451" i="2"/>
  <c r="L3425" i="5" s="1"/>
  <c r="M3451" i="2"/>
  <c r="M3425" i="5" s="1"/>
  <c r="I3451" i="2"/>
  <c r="I3425" i="5" s="1"/>
  <c r="K3451" i="2"/>
  <c r="K3425" i="5" s="1"/>
  <c r="O3425" i="5" s="1"/>
  <c r="J3451" i="2"/>
  <c r="J3425" i="5" s="1"/>
  <c r="N3425" i="5" s="1"/>
  <c r="M914" i="2"/>
  <c r="M888" i="5" s="1"/>
  <c r="J914" i="2"/>
  <c r="J888" i="5" s="1"/>
  <c r="N888" i="5" s="1"/>
  <c r="L914" i="2"/>
  <c r="L888" i="5" s="1"/>
  <c r="I914" i="2"/>
  <c r="I888" i="5" s="1"/>
  <c r="K914" i="2"/>
  <c r="K888" i="5" s="1"/>
  <c r="O888" i="5" s="1"/>
  <c r="M7947" i="2"/>
  <c r="M7921" i="5" s="1"/>
  <c r="L7947" i="2"/>
  <c r="L7921" i="5" s="1"/>
  <c r="I7947" i="2"/>
  <c r="I7921" i="5" s="1"/>
  <c r="K7947" i="2"/>
  <c r="K7921" i="5" s="1"/>
  <c r="O7921" i="5" s="1"/>
  <c r="J7947" i="2"/>
  <c r="J7921" i="5" s="1"/>
  <c r="N7921" i="5" s="1"/>
  <c r="K1910" i="2"/>
  <c r="K1884" i="5" s="1"/>
  <c r="O1884" i="5" s="1"/>
  <c r="J1910" i="2"/>
  <c r="J1884" i="5" s="1"/>
  <c r="N1884" i="5" s="1"/>
  <c r="L1910" i="2"/>
  <c r="L1884" i="5" s="1"/>
  <c r="M1910" i="2"/>
  <c r="M1884" i="5" s="1"/>
  <c r="I1910" i="2"/>
  <c r="I1884" i="5" s="1"/>
  <c r="J2729" i="2"/>
  <c r="J2703" i="5" s="1"/>
  <c r="N2703" i="5" s="1"/>
  <c r="M2729" i="2"/>
  <c r="M2703" i="5" s="1"/>
  <c r="I2729" i="2"/>
  <c r="I2703" i="5" s="1"/>
  <c r="L2729" i="2"/>
  <c r="L2703" i="5" s="1"/>
  <c r="K2729" i="2"/>
  <c r="K2703" i="5" s="1"/>
  <c r="O2703" i="5" s="1"/>
  <c r="M2988" i="2"/>
  <c r="M2962" i="5" s="1"/>
  <c r="K2988" i="2"/>
  <c r="K2962" i="5" s="1"/>
  <c r="O2962" i="5" s="1"/>
  <c r="J2988" i="2"/>
  <c r="J2962" i="5" s="1"/>
  <c r="N2962" i="5" s="1"/>
  <c r="L2988" i="2"/>
  <c r="L2962" i="5" s="1"/>
  <c r="I2988" i="2"/>
  <c r="I2962" i="5" s="1"/>
  <c r="L318" i="2"/>
  <c r="L292" i="5" s="1"/>
  <c r="M318" i="2"/>
  <c r="M292" i="5" s="1"/>
  <c r="I318" i="2"/>
  <c r="I292" i="5" s="1"/>
  <c r="J318" i="2"/>
  <c r="J292" i="5" s="1"/>
  <c r="N292" i="5" s="1"/>
  <c r="K318" i="2"/>
  <c r="K292" i="5" s="1"/>
  <c r="O292" i="5" s="1"/>
  <c r="J7492" i="2"/>
  <c r="J7466" i="5" s="1"/>
  <c r="N7466" i="5" s="1"/>
  <c r="L7492" i="2"/>
  <c r="L7466" i="5" s="1"/>
  <c r="M7492" i="2"/>
  <c r="M7466" i="5" s="1"/>
  <c r="I7492" i="2"/>
  <c r="I7466" i="5" s="1"/>
  <c r="K7492" i="2"/>
  <c r="K7466" i="5" s="1"/>
  <c r="O7466" i="5" s="1"/>
  <c r="L7539" i="2"/>
  <c r="L7513" i="5" s="1"/>
  <c r="M7539" i="2"/>
  <c r="M7513" i="5" s="1"/>
  <c r="I7539" i="2"/>
  <c r="I7513" i="5" s="1"/>
  <c r="K7539" i="2"/>
  <c r="K7513" i="5" s="1"/>
  <c r="O7513" i="5" s="1"/>
  <c r="J7539" i="2"/>
  <c r="J7513" i="5" s="1"/>
  <c r="N7513" i="5" s="1"/>
  <c r="J7534" i="2"/>
  <c r="J7508" i="5" s="1"/>
  <c r="N7508" i="5" s="1"/>
  <c r="L7534" i="2"/>
  <c r="L7508" i="5" s="1"/>
  <c r="I7534" i="2"/>
  <c r="I7508" i="5" s="1"/>
  <c r="M7534" i="2"/>
  <c r="M7508" i="5" s="1"/>
  <c r="K7534" i="2"/>
  <c r="K7508" i="5" s="1"/>
  <c r="O7508" i="5" s="1"/>
  <c r="K5187" i="2"/>
  <c r="K5161" i="5" s="1"/>
  <c r="O5161" i="5" s="1"/>
  <c r="J5187" i="2"/>
  <c r="J5161" i="5" s="1"/>
  <c r="N5161" i="5" s="1"/>
  <c r="L5187" i="2"/>
  <c r="L5161" i="5" s="1"/>
  <c r="M5187" i="2"/>
  <c r="M5161" i="5" s="1"/>
  <c r="I5187" i="2"/>
  <c r="I5161" i="5" s="1"/>
  <c r="M3806" i="2"/>
  <c r="M3780" i="5" s="1"/>
  <c r="I3806" i="2"/>
  <c r="I3780" i="5" s="1"/>
  <c r="L3806" i="2"/>
  <c r="L3780" i="5" s="1"/>
  <c r="K3806" i="2"/>
  <c r="K3780" i="5" s="1"/>
  <c r="O3780" i="5" s="1"/>
  <c r="J3806" i="2"/>
  <c r="J3780" i="5" s="1"/>
  <c r="N3780" i="5" s="1"/>
  <c r="C165" i="5"/>
  <c r="AR159" i="1"/>
  <c r="I437" i="2"/>
  <c r="I411" i="5" s="1"/>
  <c r="J437" i="2"/>
  <c r="J411" i="5" s="1"/>
  <c r="N411" i="5" s="1"/>
  <c r="L437" i="2"/>
  <c r="L411" i="5" s="1"/>
  <c r="M437" i="2"/>
  <c r="M411" i="5" s="1"/>
  <c r="K437" i="2"/>
  <c r="K411" i="5" s="1"/>
  <c r="O411" i="5" s="1"/>
  <c r="M4353" i="2"/>
  <c r="M4327" i="5" s="1"/>
  <c r="L4353" i="2"/>
  <c r="L4327" i="5" s="1"/>
  <c r="I4353" i="2"/>
  <c r="I4327" i="5" s="1"/>
  <c r="K4353" i="2"/>
  <c r="K4327" i="5" s="1"/>
  <c r="O4327" i="5" s="1"/>
  <c r="J4353" i="2"/>
  <c r="J4327" i="5" s="1"/>
  <c r="N4327" i="5" s="1"/>
  <c r="J963" i="2"/>
  <c r="J937" i="5" s="1"/>
  <c r="N937" i="5" s="1"/>
  <c r="L963" i="2"/>
  <c r="L937" i="5" s="1"/>
  <c r="K963" i="2"/>
  <c r="K937" i="5" s="1"/>
  <c r="O937" i="5" s="1"/>
  <c r="M963" i="2"/>
  <c r="M937" i="5" s="1"/>
  <c r="I963" i="2"/>
  <c r="I937" i="5" s="1"/>
  <c r="M92" i="2"/>
  <c r="M66" i="5" s="1"/>
  <c r="L92" i="2"/>
  <c r="L66" i="5" s="1"/>
  <c r="I92" i="2"/>
  <c r="I66" i="5" s="1"/>
  <c r="J92" i="2"/>
  <c r="J66" i="5" s="1"/>
  <c r="N66" i="5" s="1"/>
  <c r="K92" i="2"/>
  <c r="K66" i="5" s="1"/>
  <c r="O66" i="5" s="1"/>
  <c r="M85" i="2"/>
  <c r="M59" i="5" s="1"/>
  <c r="J85" i="2"/>
  <c r="J59" i="5" s="1"/>
  <c r="N59" i="5" s="1"/>
  <c r="I85" i="2"/>
  <c r="I59" i="5" s="1"/>
  <c r="K85" i="2"/>
  <c r="K59" i="5" s="1"/>
  <c r="O59" i="5" s="1"/>
  <c r="L85" i="2"/>
  <c r="L59" i="5" s="1"/>
  <c r="K1953" i="2"/>
  <c r="K1927" i="5" s="1"/>
  <c r="O1927" i="5" s="1"/>
  <c r="J1953" i="2"/>
  <c r="J1927" i="5" s="1"/>
  <c r="N1927" i="5" s="1"/>
  <c r="L1953" i="2"/>
  <c r="L1927" i="5" s="1"/>
  <c r="M1953" i="2"/>
  <c r="M1927" i="5" s="1"/>
  <c r="I1953" i="2"/>
  <c r="I1927" i="5" s="1"/>
  <c r="M8314" i="2"/>
  <c r="M8288" i="5" s="1"/>
  <c r="J8314" i="2"/>
  <c r="J8288" i="5" s="1"/>
  <c r="N8288" i="5" s="1"/>
  <c r="I8314" i="2"/>
  <c r="I8288" i="5" s="1"/>
  <c r="K8314" i="2"/>
  <c r="K8288" i="5" s="1"/>
  <c r="O8288" i="5" s="1"/>
  <c r="L8314" i="2"/>
  <c r="L8288" i="5" s="1"/>
  <c r="M8541" i="2"/>
  <c r="M8515" i="5" s="1"/>
  <c r="J8541" i="2"/>
  <c r="J8515" i="5" s="1"/>
  <c r="N8515" i="5" s="1"/>
  <c r="I8541" i="2"/>
  <c r="I8515" i="5" s="1"/>
  <c r="K8541" i="2"/>
  <c r="K8515" i="5" s="1"/>
  <c r="O8515" i="5" s="1"/>
  <c r="L8541" i="2"/>
  <c r="L8515" i="5" s="1"/>
  <c r="M8530" i="2"/>
  <c r="M8504" i="5" s="1"/>
  <c r="J8530" i="2"/>
  <c r="J8504" i="5" s="1"/>
  <c r="N8504" i="5" s="1"/>
  <c r="I8530" i="2"/>
  <c r="I8504" i="5" s="1"/>
  <c r="L8530" i="2"/>
  <c r="L8504" i="5" s="1"/>
  <c r="K8530" i="2"/>
  <c r="K8504" i="5" s="1"/>
  <c r="O8504" i="5" s="1"/>
  <c r="J452" i="2"/>
  <c r="J426" i="5" s="1"/>
  <c r="N426" i="5" s="1"/>
  <c r="M452" i="2"/>
  <c r="M426" i="5" s="1"/>
  <c r="K452" i="2"/>
  <c r="K426" i="5" s="1"/>
  <c r="O426" i="5" s="1"/>
  <c r="L452" i="2"/>
  <c r="L426" i="5" s="1"/>
  <c r="I452" i="2"/>
  <c r="I426" i="5" s="1"/>
  <c r="K2325" i="2"/>
  <c r="K2299" i="5" s="1"/>
  <c r="O2299" i="5" s="1"/>
  <c r="J2325" i="2"/>
  <c r="J2299" i="5" s="1"/>
  <c r="N2299" i="5" s="1"/>
  <c r="L2325" i="2"/>
  <c r="L2299" i="5" s="1"/>
  <c r="M2325" i="2"/>
  <c r="M2299" i="5" s="1"/>
  <c r="I2325" i="2"/>
  <c r="I2299" i="5" s="1"/>
  <c r="K4614" i="2"/>
  <c r="K4588" i="5" s="1"/>
  <c r="O4588" i="5" s="1"/>
  <c r="M4614" i="2"/>
  <c r="M4588" i="5" s="1"/>
  <c r="I4614" i="2"/>
  <c r="I4588" i="5" s="1"/>
  <c r="J4614" i="2"/>
  <c r="J4588" i="5" s="1"/>
  <c r="N4588" i="5" s="1"/>
  <c r="L4614" i="2"/>
  <c r="L4588" i="5" s="1"/>
  <c r="K4262" i="2"/>
  <c r="K4236" i="5" s="1"/>
  <c r="O4236" i="5" s="1"/>
  <c r="J4262" i="2"/>
  <c r="J4236" i="5" s="1"/>
  <c r="N4236" i="5" s="1"/>
  <c r="L4262" i="2"/>
  <c r="L4236" i="5" s="1"/>
  <c r="M4262" i="2"/>
  <c r="M4236" i="5" s="1"/>
  <c r="I4262" i="2"/>
  <c r="I4236" i="5" s="1"/>
  <c r="K740" i="2"/>
  <c r="K714" i="5" s="1"/>
  <c r="O714" i="5" s="1"/>
  <c r="J740" i="2"/>
  <c r="J714" i="5" s="1"/>
  <c r="N714" i="5" s="1"/>
  <c r="M740" i="2"/>
  <c r="M714" i="5" s="1"/>
  <c r="L740" i="2"/>
  <c r="L714" i="5" s="1"/>
  <c r="I740" i="2"/>
  <c r="I714" i="5" s="1"/>
  <c r="M4084" i="2"/>
  <c r="M4058" i="5" s="1"/>
  <c r="L4084" i="2"/>
  <c r="L4058" i="5" s="1"/>
  <c r="I4084" i="2"/>
  <c r="I4058" i="5" s="1"/>
  <c r="K4084" i="2"/>
  <c r="K4058" i="5" s="1"/>
  <c r="O4058" i="5" s="1"/>
  <c r="J4084" i="2"/>
  <c r="J4058" i="5" s="1"/>
  <c r="N4058" i="5" s="1"/>
  <c r="K4088" i="2"/>
  <c r="K4062" i="5" s="1"/>
  <c r="O4062" i="5" s="1"/>
  <c r="M4088" i="2"/>
  <c r="M4062" i="5" s="1"/>
  <c r="L4088" i="2"/>
  <c r="L4062" i="5" s="1"/>
  <c r="I4088" i="2"/>
  <c r="I4062" i="5" s="1"/>
  <c r="J4088" i="2"/>
  <c r="J4062" i="5" s="1"/>
  <c r="N4062" i="5" s="1"/>
  <c r="J7165" i="2"/>
  <c r="J7139" i="5" s="1"/>
  <c r="N7139" i="5" s="1"/>
  <c r="L7165" i="2"/>
  <c r="L7139" i="5" s="1"/>
  <c r="M7165" i="2"/>
  <c r="M7139" i="5" s="1"/>
  <c r="I7165" i="2"/>
  <c r="I7139" i="5" s="1"/>
  <c r="K7165" i="2"/>
  <c r="K7139" i="5" s="1"/>
  <c r="O7139" i="5" s="1"/>
  <c r="J7171" i="2"/>
  <c r="J7145" i="5" s="1"/>
  <c r="N7145" i="5" s="1"/>
  <c r="L7171" i="2"/>
  <c r="L7145" i="5" s="1"/>
  <c r="M7171" i="2"/>
  <c r="M7145" i="5" s="1"/>
  <c r="I7171" i="2"/>
  <c r="I7145" i="5" s="1"/>
  <c r="K7171" i="2"/>
  <c r="K7145" i="5" s="1"/>
  <c r="O7145" i="5" s="1"/>
  <c r="J720" i="2"/>
  <c r="J694" i="5" s="1"/>
  <c r="N694" i="5" s="1"/>
  <c r="M720" i="2"/>
  <c r="M694" i="5" s="1"/>
  <c r="I720" i="2"/>
  <c r="I694" i="5" s="1"/>
  <c r="K720" i="2"/>
  <c r="K694" i="5" s="1"/>
  <c r="O694" i="5" s="1"/>
  <c r="L720" i="2"/>
  <c r="L694" i="5" s="1"/>
  <c r="I707" i="2"/>
  <c r="I681" i="5" s="1"/>
  <c r="K707" i="2"/>
  <c r="K681" i="5" s="1"/>
  <c r="O681" i="5" s="1"/>
  <c r="J707" i="2"/>
  <c r="J681" i="5" s="1"/>
  <c r="N681" i="5" s="1"/>
  <c r="L707" i="2"/>
  <c r="L681" i="5" s="1"/>
  <c r="M707" i="2"/>
  <c r="M681" i="5" s="1"/>
  <c r="I7609" i="2"/>
  <c r="I7583" i="5" s="1"/>
  <c r="K7609" i="2"/>
  <c r="K7583" i="5" s="1"/>
  <c r="O7583" i="5" s="1"/>
  <c r="J7609" i="2"/>
  <c r="J7583" i="5" s="1"/>
  <c r="N7583" i="5" s="1"/>
  <c r="L7609" i="2"/>
  <c r="L7583" i="5" s="1"/>
  <c r="M7609" i="2"/>
  <c r="M7583" i="5" s="1"/>
  <c r="K5623" i="2"/>
  <c r="K5597" i="5" s="1"/>
  <c r="O5597" i="5" s="1"/>
  <c r="M5623" i="2"/>
  <c r="M5597" i="5" s="1"/>
  <c r="J5623" i="2"/>
  <c r="J5597" i="5" s="1"/>
  <c r="N5597" i="5" s="1"/>
  <c r="L5623" i="2"/>
  <c r="L5597" i="5" s="1"/>
  <c r="I5623" i="2"/>
  <c r="I5597" i="5" s="1"/>
  <c r="L8174" i="2"/>
  <c r="L8148" i="5" s="1"/>
  <c r="M8174" i="2"/>
  <c r="M8148" i="5" s="1"/>
  <c r="I8174" i="2"/>
  <c r="I8148" i="5" s="1"/>
  <c r="K8174" i="2"/>
  <c r="K8148" i="5" s="1"/>
  <c r="O8148" i="5" s="1"/>
  <c r="J8174" i="2"/>
  <c r="J8148" i="5" s="1"/>
  <c r="N8148" i="5" s="1"/>
  <c r="M1148" i="2"/>
  <c r="M1122" i="5" s="1"/>
  <c r="L1148" i="2"/>
  <c r="L1122" i="5" s="1"/>
  <c r="I1148" i="2"/>
  <c r="I1122" i="5" s="1"/>
  <c r="J1148" i="2"/>
  <c r="J1122" i="5" s="1"/>
  <c r="N1122" i="5" s="1"/>
  <c r="K1148" i="2"/>
  <c r="K1122" i="5" s="1"/>
  <c r="O1122" i="5" s="1"/>
  <c r="J2461" i="2"/>
  <c r="J2435" i="5" s="1"/>
  <c r="N2435" i="5" s="1"/>
  <c r="L2461" i="2"/>
  <c r="L2435" i="5" s="1"/>
  <c r="M2461" i="2"/>
  <c r="M2435" i="5" s="1"/>
  <c r="K2461" i="2"/>
  <c r="K2435" i="5" s="1"/>
  <c r="O2435" i="5" s="1"/>
  <c r="I2461" i="2"/>
  <c r="I2435" i="5" s="1"/>
  <c r="I934" i="2"/>
  <c r="I908" i="5" s="1"/>
  <c r="K934" i="2"/>
  <c r="K908" i="5" s="1"/>
  <c r="O908" i="5" s="1"/>
  <c r="J934" i="2"/>
  <c r="J908" i="5" s="1"/>
  <c r="N908" i="5" s="1"/>
  <c r="M934" i="2"/>
  <c r="M908" i="5" s="1"/>
  <c r="L934" i="2"/>
  <c r="L908" i="5" s="1"/>
  <c r="J797" i="2"/>
  <c r="J771" i="5" s="1"/>
  <c r="N771" i="5" s="1"/>
  <c r="M797" i="2"/>
  <c r="M771" i="5" s="1"/>
  <c r="L797" i="2"/>
  <c r="L771" i="5" s="1"/>
  <c r="I797" i="2"/>
  <c r="I771" i="5" s="1"/>
  <c r="K797" i="2"/>
  <c r="K771" i="5" s="1"/>
  <c r="O771" i="5" s="1"/>
  <c r="I601" i="2"/>
  <c r="I575" i="5" s="1"/>
  <c r="K601" i="2"/>
  <c r="K575" i="5" s="1"/>
  <c r="O575" i="5" s="1"/>
  <c r="J601" i="2"/>
  <c r="J575" i="5" s="1"/>
  <c r="N575" i="5" s="1"/>
  <c r="M601" i="2"/>
  <c r="M575" i="5" s="1"/>
  <c r="L601" i="2"/>
  <c r="L575" i="5" s="1"/>
  <c r="M7352" i="2"/>
  <c r="M7326" i="5" s="1"/>
  <c r="J7352" i="2"/>
  <c r="J7326" i="5" s="1"/>
  <c r="N7326" i="5" s="1"/>
  <c r="I7352" i="2"/>
  <c r="I7326" i="5" s="1"/>
  <c r="K7352" i="2"/>
  <c r="K7326" i="5" s="1"/>
  <c r="O7326" i="5" s="1"/>
  <c r="L7352" i="2"/>
  <c r="L7326" i="5" s="1"/>
  <c r="J7343" i="2"/>
  <c r="J7317" i="5" s="1"/>
  <c r="N7317" i="5" s="1"/>
  <c r="M7343" i="2"/>
  <c r="M7317" i="5" s="1"/>
  <c r="L7343" i="2"/>
  <c r="L7317" i="5" s="1"/>
  <c r="I7343" i="2"/>
  <c r="I7317" i="5" s="1"/>
  <c r="K7343" i="2"/>
  <c r="K7317" i="5" s="1"/>
  <c r="O7317" i="5" s="1"/>
  <c r="L2834" i="2"/>
  <c r="L2808" i="5" s="1"/>
  <c r="J2834" i="2"/>
  <c r="J2808" i="5" s="1"/>
  <c r="N2808" i="5" s="1"/>
  <c r="M2834" i="2"/>
  <c r="M2808" i="5" s="1"/>
  <c r="I2834" i="2"/>
  <c r="I2808" i="5" s="1"/>
  <c r="K2834" i="2"/>
  <c r="K2808" i="5" s="1"/>
  <c r="O2808" i="5" s="1"/>
  <c r="J2818" i="2"/>
  <c r="J2792" i="5" s="1"/>
  <c r="N2792" i="5" s="1"/>
  <c r="M2818" i="2"/>
  <c r="M2792" i="5" s="1"/>
  <c r="L2818" i="2"/>
  <c r="L2792" i="5" s="1"/>
  <c r="I2818" i="2"/>
  <c r="I2792" i="5" s="1"/>
  <c r="K2818" i="2"/>
  <c r="K2792" i="5" s="1"/>
  <c r="O2792" i="5" s="1"/>
  <c r="K4957" i="2"/>
  <c r="K4931" i="5" s="1"/>
  <c r="O4931" i="5" s="1"/>
  <c r="L4957" i="2"/>
  <c r="L4931" i="5" s="1"/>
  <c r="J4957" i="2"/>
  <c r="J4931" i="5" s="1"/>
  <c r="N4931" i="5" s="1"/>
  <c r="I4957" i="2"/>
  <c r="I4931" i="5" s="1"/>
  <c r="M4957" i="2"/>
  <c r="M4931" i="5" s="1"/>
  <c r="J1439" i="2"/>
  <c r="J1413" i="5" s="1"/>
  <c r="N1413" i="5" s="1"/>
  <c r="K1439" i="2"/>
  <c r="K1413" i="5" s="1"/>
  <c r="O1413" i="5" s="1"/>
  <c r="M1439" i="2"/>
  <c r="M1413" i="5" s="1"/>
  <c r="L1439" i="2"/>
  <c r="L1413" i="5" s="1"/>
  <c r="I1439" i="2"/>
  <c r="I1413" i="5" s="1"/>
  <c r="K1769" i="2"/>
  <c r="K1743" i="5" s="1"/>
  <c r="O1743" i="5" s="1"/>
  <c r="J1769" i="2"/>
  <c r="J1743" i="5" s="1"/>
  <c r="N1743" i="5" s="1"/>
  <c r="L1769" i="2"/>
  <c r="L1743" i="5" s="1"/>
  <c r="I1769" i="2"/>
  <c r="I1743" i="5" s="1"/>
  <c r="M1769" i="2"/>
  <c r="M1743" i="5" s="1"/>
  <c r="J1766" i="2"/>
  <c r="J1740" i="5" s="1"/>
  <c r="N1740" i="5" s="1"/>
  <c r="M1766" i="2"/>
  <c r="M1740" i="5" s="1"/>
  <c r="K1766" i="2"/>
  <c r="K1740" i="5" s="1"/>
  <c r="O1740" i="5" s="1"/>
  <c r="L1766" i="2"/>
  <c r="L1740" i="5" s="1"/>
  <c r="I1766" i="2"/>
  <c r="I1740" i="5" s="1"/>
  <c r="L8128" i="2"/>
  <c r="L8102" i="5" s="1"/>
  <c r="I8128" i="2"/>
  <c r="I8102" i="5" s="1"/>
  <c r="J8128" i="2"/>
  <c r="J8102" i="5" s="1"/>
  <c r="N8102" i="5" s="1"/>
  <c r="M8128" i="2"/>
  <c r="M8102" i="5" s="1"/>
  <c r="K8128" i="2"/>
  <c r="K8102" i="5" s="1"/>
  <c r="O8102" i="5" s="1"/>
  <c r="M5598" i="2"/>
  <c r="M5572" i="5" s="1"/>
  <c r="J5598" i="2"/>
  <c r="J5572" i="5" s="1"/>
  <c r="N5572" i="5" s="1"/>
  <c r="L5598" i="2"/>
  <c r="L5572" i="5" s="1"/>
  <c r="I5598" i="2"/>
  <c r="I5572" i="5" s="1"/>
  <c r="K5598" i="2"/>
  <c r="K5572" i="5" s="1"/>
  <c r="O5572" i="5" s="1"/>
  <c r="K1564" i="2"/>
  <c r="K1538" i="5" s="1"/>
  <c r="O1538" i="5" s="1"/>
  <c r="L1564" i="2"/>
  <c r="L1538" i="5" s="1"/>
  <c r="J1564" i="2"/>
  <c r="J1538" i="5" s="1"/>
  <c r="N1538" i="5" s="1"/>
  <c r="M1564" i="2"/>
  <c r="M1538" i="5" s="1"/>
  <c r="I1564" i="2"/>
  <c r="I1538" i="5" s="1"/>
  <c r="L285" i="2"/>
  <c r="L259" i="5" s="1"/>
  <c r="M285" i="2"/>
  <c r="M259" i="5" s="1"/>
  <c r="J285" i="2"/>
  <c r="J259" i="5" s="1"/>
  <c r="N259" i="5" s="1"/>
  <c r="K285" i="2"/>
  <c r="K259" i="5" s="1"/>
  <c r="O259" i="5" s="1"/>
  <c r="I285" i="2"/>
  <c r="I259" i="5" s="1"/>
  <c r="J280" i="2"/>
  <c r="J254" i="5" s="1"/>
  <c r="N254" i="5" s="1"/>
  <c r="I280" i="2"/>
  <c r="I254" i="5" s="1"/>
  <c r="L280" i="2"/>
  <c r="L254" i="5" s="1"/>
  <c r="M280" i="2"/>
  <c r="M254" i="5" s="1"/>
  <c r="K280" i="2"/>
  <c r="K254" i="5" s="1"/>
  <c r="O254" i="5" s="1"/>
  <c r="K6452" i="2"/>
  <c r="K6426" i="5" s="1"/>
  <c r="O6426" i="5" s="1"/>
  <c r="L6452" i="2"/>
  <c r="L6426" i="5" s="1"/>
  <c r="M6452" i="2"/>
  <c r="M6426" i="5" s="1"/>
  <c r="J6452" i="2"/>
  <c r="J6426" i="5" s="1"/>
  <c r="N6426" i="5" s="1"/>
  <c r="I6452" i="2"/>
  <c r="I6426" i="5" s="1"/>
  <c r="I2559" i="2"/>
  <c r="I2533" i="5" s="1"/>
  <c r="K2559" i="2"/>
  <c r="K2533" i="5" s="1"/>
  <c r="O2533" i="5" s="1"/>
  <c r="L2559" i="2"/>
  <c r="L2533" i="5" s="1"/>
  <c r="J2559" i="2"/>
  <c r="J2533" i="5" s="1"/>
  <c r="N2533" i="5" s="1"/>
  <c r="M2559" i="2"/>
  <c r="M2533" i="5" s="1"/>
  <c r="L3231" i="2"/>
  <c r="L3205" i="5" s="1"/>
  <c r="M3231" i="2"/>
  <c r="M3205" i="5" s="1"/>
  <c r="I3231" i="2"/>
  <c r="I3205" i="5" s="1"/>
  <c r="K3231" i="2"/>
  <c r="K3205" i="5" s="1"/>
  <c r="O3205" i="5" s="1"/>
  <c r="J3231" i="2"/>
  <c r="J3205" i="5" s="1"/>
  <c r="N3205" i="5" s="1"/>
  <c r="L3746" i="2"/>
  <c r="L3720" i="5" s="1"/>
  <c r="K3746" i="2"/>
  <c r="K3720" i="5" s="1"/>
  <c r="O3720" i="5" s="1"/>
  <c r="J3746" i="2"/>
  <c r="J3720" i="5" s="1"/>
  <c r="N3720" i="5" s="1"/>
  <c r="M3746" i="2"/>
  <c r="M3720" i="5" s="1"/>
  <c r="I3746" i="2"/>
  <c r="I3720" i="5" s="1"/>
  <c r="K2081" i="2"/>
  <c r="K2055" i="5" s="1"/>
  <c r="O2055" i="5" s="1"/>
  <c r="L2081" i="2"/>
  <c r="L2055" i="5" s="1"/>
  <c r="J2081" i="2"/>
  <c r="J2055" i="5" s="1"/>
  <c r="N2055" i="5" s="1"/>
  <c r="M2081" i="2"/>
  <c r="M2055" i="5" s="1"/>
  <c r="I2081" i="2"/>
  <c r="I2055" i="5" s="1"/>
  <c r="L2928" i="2"/>
  <c r="L2902" i="5" s="1"/>
  <c r="J2928" i="2"/>
  <c r="J2902" i="5" s="1"/>
  <c r="N2902" i="5" s="1"/>
  <c r="K2928" i="2"/>
  <c r="K2902" i="5" s="1"/>
  <c r="O2902" i="5" s="1"/>
  <c r="M2928" i="2"/>
  <c r="M2902" i="5" s="1"/>
  <c r="I2928" i="2"/>
  <c r="I2902" i="5" s="1"/>
  <c r="J7360" i="2"/>
  <c r="J7334" i="5" s="1"/>
  <c r="N7334" i="5" s="1"/>
  <c r="L7360" i="2"/>
  <c r="L7334" i="5" s="1"/>
  <c r="I7360" i="2"/>
  <c r="I7334" i="5" s="1"/>
  <c r="M7360" i="2"/>
  <c r="M7334" i="5" s="1"/>
  <c r="K7360" i="2"/>
  <c r="K7334" i="5" s="1"/>
  <c r="O7334" i="5" s="1"/>
  <c r="L4256" i="2"/>
  <c r="L4230" i="5" s="1"/>
  <c r="M4256" i="2"/>
  <c r="M4230" i="5" s="1"/>
  <c r="J4256" i="2"/>
  <c r="J4230" i="5" s="1"/>
  <c r="N4230" i="5" s="1"/>
  <c r="I4256" i="2"/>
  <c r="I4230" i="5" s="1"/>
  <c r="K4256" i="2"/>
  <c r="K4230" i="5" s="1"/>
  <c r="O4230" i="5" s="1"/>
  <c r="J4251" i="2"/>
  <c r="J4225" i="5" s="1"/>
  <c r="N4225" i="5" s="1"/>
  <c r="M4251" i="2"/>
  <c r="M4225" i="5" s="1"/>
  <c r="L4251" i="2"/>
  <c r="L4225" i="5" s="1"/>
  <c r="I4251" i="2"/>
  <c r="I4225" i="5" s="1"/>
  <c r="K4251" i="2"/>
  <c r="K4225" i="5" s="1"/>
  <c r="O4225" i="5" s="1"/>
  <c r="M2811" i="2"/>
  <c r="M2785" i="5" s="1"/>
  <c r="I2811" i="2"/>
  <c r="I2785" i="5" s="1"/>
  <c r="J2811" i="2"/>
  <c r="J2785" i="5" s="1"/>
  <c r="N2785" i="5" s="1"/>
  <c r="L2811" i="2"/>
  <c r="L2785" i="5" s="1"/>
  <c r="K2811" i="2"/>
  <c r="K2785" i="5" s="1"/>
  <c r="O2785" i="5" s="1"/>
  <c r="J5930" i="2"/>
  <c r="J5904" i="5" s="1"/>
  <c r="N5904" i="5" s="1"/>
  <c r="L5930" i="2"/>
  <c r="L5904" i="5" s="1"/>
  <c r="M5930" i="2"/>
  <c r="M5904" i="5" s="1"/>
  <c r="I5930" i="2"/>
  <c r="I5904" i="5" s="1"/>
  <c r="K5930" i="2"/>
  <c r="K5904" i="5" s="1"/>
  <c r="O5904" i="5" s="1"/>
  <c r="L6776" i="2"/>
  <c r="L6750" i="5" s="1"/>
  <c r="I6776" i="2"/>
  <c r="I6750" i="5" s="1"/>
  <c r="M6776" i="2"/>
  <c r="M6750" i="5" s="1"/>
  <c r="K6776" i="2"/>
  <c r="K6750" i="5" s="1"/>
  <c r="O6750" i="5" s="1"/>
  <c r="J6776" i="2"/>
  <c r="J6750" i="5" s="1"/>
  <c r="N6750" i="5" s="1"/>
  <c r="M2240" i="2"/>
  <c r="M2214" i="5" s="1"/>
  <c r="I2240" i="2"/>
  <c r="I2214" i="5" s="1"/>
  <c r="K2240" i="2"/>
  <c r="K2214" i="5" s="1"/>
  <c r="O2214" i="5" s="1"/>
  <c r="J2240" i="2"/>
  <c r="J2214" i="5" s="1"/>
  <c r="N2214" i="5" s="1"/>
  <c r="L2240" i="2"/>
  <c r="L2214" i="5" s="1"/>
  <c r="I1789" i="2"/>
  <c r="I1763" i="5" s="1"/>
  <c r="K1789" i="2"/>
  <c r="K1763" i="5" s="1"/>
  <c r="O1763" i="5" s="1"/>
  <c r="J1789" i="2"/>
  <c r="J1763" i="5" s="1"/>
  <c r="N1763" i="5" s="1"/>
  <c r="L1789" i="2"/>
  <c r="L1763" i="5" s="1"/>
  <c r="M1789" i="2"/>
  <c r="M1763" i="5" s="1"/>
  <c r="K1830" i="2"/>
  <c r="K1804" i="5" s="1"/>
  <c r="O1804" i="5" s="1"/>
  <c r="M1830" i="2"/>
  <c r="M1804" i="5" s="1"/>
  <c r="I1830" i="2"/>
  <c r="I1804" i="5" s="1"/>
  <c r="J1830" i="2"/>
  <c r="J1804" i="5" s="1"/>
  <c r="N1804" i="5" s="1"/>
  <c r="L1830" i="2"/>
  <c r="L1804" i="5" s="1"/>
  <c r="L4664" i="2"/>
  <c r="L4638" i="5" s="1"/>
  <c r="M4664" i="2"/>
  <c r="M4638" i="5" s="1"/>
  <c r="J4664" i="2"/>
  <c r="J4638" i="5" s="1"/>
  <c r="N4638" i="5" s="1"/>
  <c r="I4664" i="2"/>
  <c r="I4638" i="5" s="1"/>
  <c r="K4664" i="2"/>
  <c r="K4638" i="5" s="1"/>
  <c r="O4638" i="5" s="1"/>
  <c r="L4643" i="2"/>
  <c r="L4617" i="5" s="1"/>
  <c r="J4643" i="2"/>
  <c r="J4617" i="5" s="1"/>
  <c r="N4617" i="5" s="1"/>
  <c r="M4643" i="2"/>
  <c r="M4617" i="5" s="1"/>
  <c r="I4643" i="2"/>
  <c r="I4617" i="5" s="1"/>
  <c r="K4643" i="2"/>
  <c r="K4617" i="5" s="1"/>
  <c r="O4617" i="5" s="1"/>
  <c r="M821" i="2"/>
  <c r="M795" i="5" s="1"/>
  <c r="J821" i="2"/>
  <c r="J795" i="5" s="1"/>
  <c r="N795" i="5" s="1"/>
  <c r="L821" i="2"/>
  <c r="L795" i="5" s="1"/>
  <c r="I821" i="2"/>
  <c r="I795" i="5" s="1"/>
  <c r="K821" i="2"/>
  <c r="K795" i="5" s="1"/>
  <c r="O795" i="5" s="1"/>
  <c r="I2961" i="2"/>
  <c r="I2935" i="5" s="1"/>
  <c r="L2961" i="2"/>
  <c r="L2935" i="5" s="1"/>
  <c r="K2961" i="2"/>
  <c r="K2935" i="5" s="1"/>
  <c r="O2935" i="5" s="1"/>
  <c r="M2961" i="2"/>
  <c r="M2935" i="5" s="1"/>
  <c r="J2961" i="2"/>
  <c r="J2935" i="5" s="1"/>
  <c r="N2935" i="5" s="1"/>
  <c r="I7821" i="2"/>
  <c r="I7795" i="5" s="1"/>
  <c r="J7821" i="2"/>
  <c r="J7795" i="5" s="1"/>
  <c r="N7795" i="5" s="1"/>
  <c r="M7821" i="2"/>
  <c r="M7795" i="5" s="1"/>
  <c r="L7821" i="2"/>
  <c r="L7795" i="5" s="1"/>
  <c r="K7821" i="2"/>
  <c r="K7795" i="5" s="1"/>
  <c r="O7795" i="5" s="1"/>
  <c r="L972" i="2"/>
  <c r="L946" i="5" s="1"/>
  <c r="M972" i="2"/>
  <c r="M946" i="5" s="1"/>
  <c r="J972" i="2"/>
  <c r="J946" i="5" s="1"/>
  <c r="N946" i="5" s="1"/>
  <c r="I972" i="2"/>
  <c r="I946" i="5" s="1"/>
  <c r="K972" i="2"/>
  <c r="K946" i="5" s="1"/>
  <c r="O946" i="5" s="1"/>
  <c r="K8460" i="2"/>
  <c r="K8434" i="5" s="1"/>
  <c r="O8434" i="5" s="1"/>
  <c r="M8460" i="2"/>
  <c r="M8434" i="5" s="1"/>
  <c r="L8460" i="2"/>
  <c r="L8434" i="5" s="1"/>
  <c r="I8460" i="2"/>
  <c r="I8434" i="5" s="1"/>
  <c r="K4492" i="2"/>
  <c r="K4466" i="5" s="1"/>
  <c r="O4466" i="5" s="1"/>
  <c r="J4492" i="2"/>
  <c r="J4466" i="5" s="1"/>
  <c r="N4466" i="5" s="1"/>
  <c r="M4492" i="2"/>
  <c r="M4466" i="5" s="1"/>
  <c r="L4492" i="2"/>
  <c r="L4466" i="5" s="1"/>
  <c r="I4492" i="2"/>
  <c r="I4466" i="5" s="1"/>
  <c r="L2264" i="2"/>
  <c r="L2238" i="5" s="1"/>
  <c r="M2264" i="2"/>
  <c r="M2238" i="5" s="1"/>
  <c r="I2264" i="2"/>
  <c r="I2238" i="5" s="1"/>
  <c r="K2264" i="2"/>
  <c r="K2238" i="5" s="1"/>
  <c r="O2238" i="5" s="1"/>
  <c r="J2264" i="2"/>
  <c r="J2238" i="5" s="1"/>
  <c r="N2238" i="5" s="1"/>
  <c r="I3775" i="2"/>
  <c r="I3749" i="5" s="1"/>
  <c r="L3775" i="2"/>
  <c r="L3749" i="5" s="1"/>
  <c r="M3775" i="2"/>
  <c r="M3749" i="5" s="1"/>
  <c r="K3775" i="2"/>
  <c r="K3749" i="5" s="1"/>
  <c r="O3749" i="5" s="1"/>
  <c r="J3775" i="2"/>
  <c r="J3749" i="5" s="1"/>
  <c r="N3749" i="5" s="1"/>
  <c r="J878" i="2"/>
  <c r="J852" i="5" s="1"/>
  <c r="N852" i="5" s="1"/>
  <c r="L878" i="2"/>
  <c r="L852" i="5" s="1"/>
  <c r="I878" i="2"/>
  <c r="I852" i="5" s="1"/>
  <c r="M878" i="2"/>
  <c r="M852" i="5" s="1"/>
  <c r="K878" i="2"/>
  <c r="K852" i="5" s="1"/>
  <c r="O852" i="5" s="1"/>
  <c r="K5848" i="2"/>
  <c r="K5822" i="5" s="1"/>
  <c r="O5822" i="5" s="1"/>
  <c r="J5848" i="2"/>
  <c r="J5822" i="5" s="1"/>
  <c r="N5822" i="5" s="1"/>
  <c r="L5848" i="2"/>
  <c r="L5822" i="5" s="1"/>
  <c r="M5848" i="2"/>
  <c r="M5822" i="5" s="1"/>
  <c r="I5848" i="2"/>
  <c r="I5822" i="5" s="1"/>
  <c r="I5763" i="2"/>
  <c r="I5737" i="5" s="1"/>
  <c r="K5763" i="2"/>
  <c r="K5737" i="5" s="1"/>
  <c r="O5737" i="5" s="1"/>
  <c r="J5763" i="2"/>
  <c r="J5737" i="5" s="1"/>
  <c r="N5737" i="5" s="1"/>
  <c r="L5763" i="2"/>
  <c r="L5737" i="5" s="1"/>
  <c r="M5763" i="2"/>
  <c r="M5737" i="5" s="1"/>
  <c r="L215" i="2"/>
  <c r="L189" i="5" s="1"/>
  <c r="I215" i="2"/>
  <c r="I189" i="5" s="1"/>
  <c r="K215" i="2"/>
  <c r="K189" i="5" s="1"/>
  <c r="O189" i="5" s="1"/>
  <c r="M215" i="2"/>
  <c r="M189" i="5" s="1"/>
  <c r="J215" i="2"/>
  <c r="J189" i="5" s="1"/>
  <c r="N189" i="5" s="1"/>
  <c r="K4930" i="2"/>
  <c r="K4904" i="5" s="1"/>
  <c r="O4904" i="5" s="1"/>
  <c r="J4930" i="2"/>
  <c r="J4904" i="5" s="1"/>
  <c r="N4904" i="5" s="1"/>
  <c r="M4930" i="2"/>
  <c r="M4904" i="5" s="1"/>
  <c r="L4930" i="2"/>
  <c r="L4904" i="5" s="1"/>
  <c r="I4930" i="2"/>
  <c r="I4904" i="5" s="1"/>
  <c r="M7095" i="2"/>
  <c r="M7069" i="5" s="1"/>
  <c r="L7095" i="2"/>
  <c r="L7069" i="5" s="1"/>
  <c r="I7095" i="2"/>
  <c r="I7069" i="5" s="1"/>
  <c r="K7095" i="2"/>
  <c r="K7069" i="5" s="1"/>
  <c r="O7069" i="5" s="1"/>
  <c r="J7095" i="2"/>
  <c r="J7069" i="5" s="1"/>
  <c r="N7069" i="5" s="1"/>
  <c r="C22" i="5"/>
  <c r="AR16" i="1"/>
  <c r="I5462" i="2"/>
  <c r="I5436" i="5" s="1"/>
  <c r="J5462" i="2"/>
  <c r="J5436" i="5" s="1"/>
  <c r="N5436" i="5" s="1"/>
  <c r="M5462" i="2"/>
  <c r="M5436" i="5" s="1"/>
  <c r="K5462" i="2"/>
  <c r="K5436" i="5" s="1"/>
  <c r="O5436" i="5" s="1"/>
  <c r="L5462" i="2"/>
  <c r="L5436" i="5" s="1"/>
  <c r="L2978" i="2"/>
  <c r="L2952" i="5" s="1"/>
  <c r="J2978" i="2"/>
  <c r="J2952" i="5" s="1"/>
  <c r="N2952" i="5" s="1"/>
  <c r="I2978" i="2"/>
  <c r="I2952" i="5" s="1"/>
  <c r="M2978" i="2"/>
  <c r="M2952" i="5" s="1"/>
  <c r="K2978" i="2"/>
  <c r="K2952" i="5" s="1"/>
  <c r="O2952" i="5" s="1"/>
  <c r="J1663" i="2"/>
  <c r="J1637" i="5" s="1"/>
  <c r="N1637" i="5" s="1"/>
  <c r="I1663" i="2"/>
  <c r="I1637" i="5" s="1"/>
  <c r="K1663" i="2"/>
  <c r="K1637" i="5" s="1"/>
  <c r="O1637" i="5" s="1"/>
  <c r="M1663" i="2"/>
  <c r="M1637" i="5" s="1"/>
  <c r="L1663" i="2"/>
  <c r="L1637" i="5" s="1"/>
  <c r="I8202" i="2"/>
  <c r="I8176" i="5" s="1"/>
  <c r="L8202" i="2"/>
  <c r="L8176" i="5" s="1"/>
  <c r="K8202" i="2"/>
  <c r="K8176" i="5" s="1"/>
  <c r="O8176" i="5" s="1"/>
  <c r="M8202" i="2"/>
  <c r="M8176" i="5" s="1"/>
  <c r="J8202" i="2"/>
  <c r="J8176" i="5" s="1"/>
  <c r="N8176" i="5" s="1"/>
  <c r="L5166" i="2"/>
  <c r="L5140" i="5" s="1"/>
  <c r="I5166" i="2"/>
  <c r="I5140" i="5" s="1"/>
  <c r="K5166" i="2"/>
  <c r="K5140" i="5" s="1"/>
  <c r="O5140" i="5" s="1"/>
  <c r="J5166" i="2"/>
  <c r="J5140" i="5" s="1"/>
  <c r="N5140" i="5" s="1"/>
  <c r="M5166" i="2"/>
  <c r="M5140" i="5" s="1"/>
  <c r="L6637" i="2"/>
  <c r="L6611" i="5" s="1"/>
  <c r="K6637" i="2"/>
  <c r="K6611" i="5" s="1"/>
  <c r="O6611" i="5" s="1"/>
  <c r="J6637" i="2"/>
  <c r="J6611" i="5" s="1"/>
  <c r="N6611" i="5" s="1"/>
  <c r="M6637" i="2"/>
  <c r="M6611" i="5" s="1"/>
  <c r="I6637" i="2"/>
  <c r="I6611" i="5" s="1"/>
  <c r="J4424" i="2"/>
  <c r="J4398" i="5" s="1"/>
  <c r="N4398" i="5" s="1"/>
  <c r="M4424" i="2"/>
  <c r="M4398" i="5" s="1"/>
  <c r="L4424" i="2"/>
  <c r="L4398" i="5" s="1"/>
  <c r="K4424" i="2"/>
  <c r="K4398" i="5" s="1"/>
  <c r="O4398" i="5" s="1"/>
  <c r="I4424" i="2"/>
  <c r="I4398" i="5" s="1"/>
  <c r="K6526" i="2"/>
  <c r="K6500" i="5" s="1"/>
  <c r="O6500" i="5" s="1"/>
  <c r="M6526" i="2"/>
  <c r="M6500" i="5" s="1"/>
  <c r="I6526" i="2"/>
  <c r="I6500" i="5" s="1"/>
  <c r="J6526" i="2"/>
  <c r="J6500" i="5" s="1"/>
  <c r="N6500" i="5" s="1"/>
  <c r="L6526" i="2"/>
  <c r="L6500" i="5" s="1"/>
  <c r="M2302" i="2"/>
  <c r="M2276" i="5" s="1"/>
  <c r="J2302" i="2"/>
  <c r="J2276" i="5" s="1"/>
  <c r="N2276" i="5" s="1"/>
  <c r="L2302" i="2"/>
  <c r="L2276" i="5" s="1"/>
  <c r="I2302" i="2"/>
  <c r="I2276" i="5" s="1"/>
  <c r="K2302" i="2"/>
  <c r="K2276" i="5" s="1"/>
  <c r="O2276" i="5" s="1"/>
  <c r="L2294" i="2"/>
  <c r="L2268" i="5" s="1"/>
  <c r="J2294" i="2"/>
  <c r="J2268" i="5" s="1"/>
  <c r="N2268" i="5" s="1"/>
  <c r="M2294" i="2"/>
  <c r="M2268" i="5" s="1"/>
  <c r="I2294" i="2"/>
  <c r="I2268" i="5" s="1"/>
  <c r="K2294" i="2"/>
  <c r="K2268" i="5" s="1"/>
  <c r="O2268" i="5" s="1"/>
  <c r="M1274" i="2"/>
  <c r="M1248" i="5" s="1"/>
  <c r="I1274" i="2"/>
  <c r="I1248" i="5" s="1"/>
  <c r="K1274" i="2"/>
  <c r="K1248" i="5" s="1"/>
  <c r="O1248" i="5" s="1"/>
  <c r="J1274" i="2"/>
  <c r="J1248" i="5" s="1"/>
  <c r="N1248" i="5" s="1"/>
  <c r="L1274" i="2"/>
  <c r="L1248" i="5" s="1"/>
  <c r="K1733" i="2"/>
  <c r="K1707" i="5" s="1"/>
  <c r="O1707" i="5" s="1"/>
  <c r="J1733" i="2"/>
  <c r="J1707" i="5" s="1"/>
  <c r="N1707" i="5" s="1"/>
  <c r="L1733" i="2"/>
  <c r="L1707" i="5" s="1"/>
  <c r="M1733" i="2"/>
  <c r="M1707" i="5" s="1"/>
  <c r="I1733" i="2"/>
  <c r="I1707" i="5" s="1"/>
  <c r="L6197" i="2"/>
  <c r="L6171" i="5" s="1"/>
  <c r="I6197" i="2"/>
  <c r="I6171" i="5" s="1"/>
  <c r="M6197" i="2"/>
  <c r="M6171" i="5" s="1"/>
  <c r="K6197" i="2"/>
  <c r="K6171" i="5" s="1"/>
  <c r="O6171" i="5" s="1"/>
  <c r="J6197" i="2"/>
  <c r="J6171" i="5" s="1"/>
  <c r="N6171" i="5" s="1"/>
  <c r="I2660" i="2"/>
  <c r="I2634" i="5" s="1"/>
  <c r="K2660" i="2"/>
  <c r="K2634" i="5" s="1"/>
  <c r="O2634" i="5" s="1"/>
  <c r="J2660" i="2"/>
  <c r="J2634" i="5" s="1"/>
  <c r="N2634" i="5" s="1"/>
  <c r="M2660" i="2"/>
  <c r="M2634" i="5" s="1"/>
  <c r="L2660" i="2"/>
  <c r="L2634" i="5" s="1"/>
  <c r="I6834" i="2"/>
  <c r="I6808" i="5" s="1"/>
  <c r="K6834" i="2"/>
  <c r="K6808" i="5" s="1"/>
  <c r="O6808" i="5" s="1"/>
  <c r="J6834" i="2"/>
  <c r="J6808" i="5" s="1"/>
  <c r="N6808" i="5" s="1"/>
  <c r="L6834" i="2"/>
  <c r="L6808" i="5" s="1"/>
  <c r="M6834" i="2"/>
  <c r="M6808" i="5" s="1"/>
  <c r="L3394" i="2"/>
  <c r="L3368" i="5" s="1"/>
  <c r="M3394" i="2"/>
  <c r="M3368" i="5" s="1"/>
  <c r="K3394" i="2"/>
  <c r="K3368" i="5" s="1"/>
  <c r="O3368" i="5" s="1"/>
  <c r="J3394" i="2"/>
  <c r="J3368" i="5" s="1"/>
  <c r="N3368" i="5" s="1"/>
  <c r="I3394" i="2"/>
  <c r="I3368" i="5" s="1"/>
  <c r="M3255" i="2"/>
  <c r="M3229" i="5" s="1"/>
  <c r="L3255" i="2"/>
  <c r="L3229" i="5" s="1"/>
  <c r="I3255" i="2"/>
  <c r="I3229" i="5" s="1"/>
  <c r="K3255" i="2"/>
  <c r="K3229" i="5" s="1"/>
  <c r="O3229" i="5" s="1"/>
  <c r="J3255" i="2"/>
  <c r="J3229" i="5" s="1"/>
  <c r="N3229" i="5" s="1"/>
  <c r="L3962" i="2"/>
  <c r="L3936" i="5" s="1"/>
  <c r="I3962" i="2"/>
  <c r="I3936" i="5" s="1"/>
  <c r="M3962" i="2"/>
  <c r="M3936" i="5" s="1"/>
  <c r="K3962" i="2"/>
  <c r="K3936" i="5" s="1"/>
  <c r="O3936" i="5" s="1"/>
  <c r="J3962" i="2"/>
  <c r="J3936" i="5" s="1"/>
  <c r="N3936" i="5" s="1"/>
  <c r="J4761" i="2"/>
  <c r="J4735" i="5" s="1"/>
  <c r="N4735" i="5" s="1"/>
  <c r="M4761" i="2"/>
  <c r="M4735" i="5" s="1"/>
  <c r="L4761" i="2"/>
  <c r="L4735" i="5" s="1"/>
  <c r="I4761" i="2"/>
  <c r="I4735" i="5" s="1"/>
  <c r="K4761" i="2"/>
  <c r="K4735" i="5" s="1"/>
  <c r="O4735" i="5" s="1"/>
  <c r="J4181" i="2"/>
  <c r="J4155" i="5" s="1"/>
  <c r="N4155" i="5" s="1"/>
  <c r="M4181" i="2"/>
  <c r="M4155" i="5" s="1"/>
  <c r="I4181" i="2"/>
  <c r="I4155" i="5" s="1"/>
  <c r="K4181" i="2"/>
  <c r="K4155" i="5" s="1"/>
  <c r="O4155" i="5" s="1"/>
  <c r="L4181" i="2"/>
  <c r="L4155" i="5" s="1"/>
  <c r="I5520" i="2"/>
  <c r="I5494" i="5" s="1"/>
  <c r="K5520" i="2"/>
  <c r="K5494" i="5" s="1"/>
  <c r="O5494" i="5" s="1"/>
  <c r="J5520" i="2"/>
  <c r="J5494" i="5" s="1"/>
  <c r="N5494" i="5" s="1"/>
  <c r="L5520" i="2"/>
  <c r="L5494" i="5" s="1"/>
  <c r="M5520" i="2"/>
  <c r="M5494" i="5" s="1"/>
  <c r="I3432" i="2"/>
  <c r="I3406" i="5" s="1"/>
  <c r="K3432" i="2"/>
  <c r="K3406" i="5" s="1"/>
  <c r="O3406" i="5" s="1"/>
  <c r="J3432" i="2"/>
  <c r="J3406" i="5" s="1"/>
  <c r="N3406" i="5" s="1"/>
  <c r="L3432" i="2"/>
  <c r="L3406" i="5" s="1"/>
  <c r="M3432" i="2"/>
  <c r="M3406" i="5" s="1"/>
  <c r="M6135" i="2"/>
  <c r="M6109" i="5" s="1"/>
  <c r="K6135" i="2"/>
  <c r="K6109" i="5" s="1"/>
  <c r="O6109" i="5" s="1"/>
  <c r="L6135" i="2"/>
  <c r="L6109" i="5" s="1"/>
  <c r="J6135" i="2"/>
  <c r="J6109" i="5" s="1"/>
  <c r="N6109" i="5" s="1"/>
  <c r="I6135" i="2"/>
  <c r="I6109" i="5" s="1"/>
  <c r="L6872" i="2"/>
  <c r="L6846" i="5" s="1"/>
  <c r="M6872" i="2"/>
  <c r="M6846" i="5" s="1"/>
  <c r="I6872" i="2"/>
  <c r="I6846" i="5" s="1"/>
  <c r="K6872" i="2"/>
  <c r="K6846" i="5" s="1"/>
  <c r="O6846" i="5" s="1"/>
  <c r="J6872" i="2"/>
  <c r="J6846" i="5" s="1"/>
  <c r="N6846" i="5" s="1"/>
  <c r="C12" i="5"/>
  <c r="AR6" i="1"/>
  <c r="J6260" i="2"/>
  <c r="J6234" i="5" s="1"/>
  <c r="N6234" i="5" s="1"/>
  <c r="I6260" i="2"/>
  <c r="I6234" i="5" s="1"/>
  <c r="L6260" i="2"/>
  <c r="L6234" i="5" s="1"/>
  <c r="K6260" i="2"/>
  <c r="K6234" i="5" s="1"/>
  <c r="O6234" i="5" s="1"/>
  <c r="M6260" i="2"/>
  <c r="M6234" i="5" s="1"/>
  <c r="K7698" i="2"/>
  <c r="K7672" i="5" s="1"/>
  <c r="O7672" i="5" s="1"/>
  <c r="J7698" i="2"/>
  <c r="J7672" i="5" s="1"/>
  <c r="N7672" i="5" s="1"/>
  <c r="I7698" i="2"/>
  <c r="I7672" i="5" s="1"/>
  <c r="L7698" i="2"/>
  <c r="L7672" i="5" s="1"/>
  <c r="I6673" i="2"/>
  <c r="I6647" i="5" s="1"/>
  <c r="K6673" i="2"/>
  <c r="K6647" i="5" s="1"/>
  <c r="O6647" i="5" s="1"/>
  <c r="J6673" i="2"/>
  <c r="J6647" i="5" s="1"/>
  <c r="N6647" i="5" s="1"/>
  <c r="M6673" i="2"/>
  <c r="M6647" i="5" s="1"/>
  <c r="L6673" i="2"/>
  <c r="L6647" i="5" s="1"/>
  <c r="K3000" i="2"/>
  <c r="K2974" i="5" s="1"/>
  <c r="O2974" i="5" s="1"/>
  <c r="J3000" i="2"/>
  <c r="J2974" i="5" s="1"/>
  <c r="N2974" i="5" s="1"/>
  <c r="M3000" i="2"/>
  <c r="M2974" i="5" s="1"/>
  <c r="L3000" i="2"/>
  <c r="L2974" i="5" s="1"/>
  <c r="I3000" i="2"/>
  <c r="I2974" i="5" s="1"/>
  <c r="L4277" i="2"/>
  <c r="L4251" i="5" s="1"/>
  <c r="I4277" i="2"/>
  <c r="I4251" i="5" s="1"/>
  <c r="K4277" i="2"/>
  <c r="K4251" i="5" s="1"/>
  <c r="O4251" i="5" s="1"/>
  <c r="M4277" i="2"/>
  <c r="M4251" i="5" s="1"/>
  <c r="J4277" i="2"/>
  <c r="J4251" i="5" s="1"/>
  <c r="N4251" i="5" s="1"/>
  <c r="I3136" i="2"/>
  <c r="I3110" i="5" s="1"/>
  <c r="J3136" i="2"/>
  <c r="J3110" i="5" s="1"/>
  <c r="N3110" i="5" s="1"/>
  <c r="L3136" i="2"/>
  <c r="L3110" i="5" s="1"/>
  <c r="M3136" i="2"/>
  <c r="M3110" i="5" s="1"/>
  <c r="K3136" i="2"/>
  <c r="K3110" i="5" s="1"/>
  <c r="O3110" i="5" s="1"/>
  <c r="K1974" i="2"/>
  <c r="K1948" i="5" s="1"/>
  <c r="O1948" i="5" s="1"/>
  <c r="J1974" i="2"/>
  <c r="J1948" i="5" s="1"/>
  <c r="N1948" i="5" s="1"/>
  <c r="L1974" i="2"/>
  <c r="L1948" i="5" s="1"/>
  <c r="M1974" i="2"/>
  <c r="M1948" i="5" s="1"/>
  <c r="I1974" i="2"/>
  <c r="I1948" i="5" s="1"/>
  <c r="J8120" i="2"/>
  <c r="J8094" i="5" s="1"/>
  <c r="N8094" i="5" s="1"/>
  <c r="L8120" i="2"/>
  <c r="L8094" i="5" s="1"/>
  <c r="I8120" i="2"/>
  <c r="I8094" i="5" s="1"/>
  <c r="M8120" i="2"/>
  <c r="M8094" i="5" s="1"/>
  <c r="K8120" i="2"/>
  <c r="K8094" i="5" s="1"/>
  <c r="O8094" i="5" s="1"/>
  <c r="L5345" i="2"/>
  <c r="L5319" i="5" s="1"/>
  <c r="I5345" i="2"/>
  <c r="I5319" i="5" s="1"/>
  <c r="K5345" i="2"/>
  <c r="K5319" i="5" s="1"/>
  <c r="O5319" i="5" s="1"/>
  <c r="J5345" i="2"/>
  <c r="J5319" i="5" s="1"/>
  <c r="N5319" i="5" s="1"/>
  <c r="M5345" i="2"/>
  <c r="M5319" i="5" s="1"/>
  <c r="J6006" i="2"/>
  <c r="J5980" i="5" s="1"/>
  <c r="N5980" i="5" s="1"/>
  <c r="L6006" i="2"/>
  <c r="L5980" i="5" s="1"/>
  <c r="M6006" i="2"/>
  <c r="M5980" i="5" s="1"/>
  <c r="I6006" i="2"/>
  <c r="I5980" i="5" s="1"/>
  <c r="K6006" i="2"/>
  <c r="K5980" i="5" s="1"/>
  <c r="O5980" i="5" s="1"/>
  <c r="K1990" i="2"/>
  <c r="K1964" i="5" s="1"/>
  <c r="O1964" i="5" s="1"/>
  <c r="J1990" i="2"/>
  <c r="J1964" i="5" s="1"/>
  <c r="N1964" i="5" s="1"/>
  <c r="L1990" i="2"/>
  <c r="L1964" i="5" s="1"/>
  <c r="M1990" i="2"/>
  <c r="M1964" i="5" s="1"/>
  <c r="I1990" i="2"/>
  <c r="I1964" i="5" s="1"/>
  <c r="M402" i="2"/>
  <c r="M376" i="5" s="1"/>
  <c r="L402" i="2"/>
  <c r="L376" i="5" s="1"/>
  <c r="K402" i="2"/>
  <c r="K376" i="5" s="1"/>
  <c r="O376" i="5" s="1"/>
  <c r="I402" i="2"/>
  <c r="I376" i="5" s="1"/>
  <c r="J402" i="2"/>
  <c r="J376" i="5" s="1"/>
  <c r="N376" i="5" s="1"/>
  <c r="L3064" i="2"/>
  <c r="L3038" i="5" s="1"/>
  <c r="M3064" i="2"/>
  <c r="M3038" i="5" s="1"/>
  <c r="I3064" i="2"/>
  <c r="I3038" i="5" s="1"/>
  <c r="K3064" i="2"/>
  <c r="K3038" i="5" s="1"/>
  <c r="O3038" i="5" s="1"/>
  <c r="J3064" i="2"/>
  <c r="J3038" i="5" s="1"/>
  <c r="N3038" i="5" s="1"/>
  <c r="M555" i="2"/>
  <c r="M529" i="5" s="1"/>
  <c r="I555" i="2"/>
  <c r="I529" i="5" s="1"/>
  <c r="K555" i="2"/>
  <c r="K529" i="5" s="1"/>
  <c r="O529" i="5" s="1"/>
  <c r="J555" i="2"/>
  <c r="J529" i="5" s="1"/>
  <c r="N529" i="5" s="1"/>
  <c r="L555" i="2"/>
  <c r="L529" i="5" s="1"/>
  <c r="L6619" i="2"/>
  <c r="L6593" i="5" s="1"/>
  <c r="I6619" i="2"/>
  <c r="I6593" i="5" s="1"/>
  <c r="K6619" i="2"/>
  <c r="K6593" i="5" s="1"/>
  <c r="O6593" i="5" s="1"/>
  <c r="J6619" i="2"/>
  <c r="J6593" i="5" s="1"/>
  <c r="N6593" i="5" s="1"/>
  <c r="AR276" i="1"/>
  <c r="C282" i="5"/>
  <c r="K1137" i="2"/>
  <c r="K1111" i="5" s="1"/>
  <c r="O1111" i="5" s="1"/>
  <c r="M1137" i="2"/>
  <c r="M1111" i="5" s="1"/>
  <c r="L1137" i="2"/>
  <c r="L1111" i="5" s="1"/>
  <c r="I1137" i="2"/>
  <c r="I1111" i="5" s="1"/>
  <c r="J1137" i="2"/>
  <c r="J1111" i="5" s="1"/>
  <c r="N1111" i="5" s="1"/>
  <c r="L7321" i="2"/>
  <c r="L7295" i="5" s="1"/>
  <c r="J7321" i="2"/>
  <c r="J7295" i="5" s="1"/>
  <c r="N7295" i="5" s="1"/>
  <c r="I7321" i="2"/>
  <c r="I7295" i="5" s="1"/>
  <c r="M7321" i="2"/>
  <c r="M7295" i="5" s="1"/>
  <c r="K7321" i="2"/>
  <c r="K7295" i="5" s="1"/>
  <c r="O7295" i="5" s="1"/>
  <c r="J7963" i="2"/>
  <c r="J7937" i="5" s="1"/>
  <c r="N7937" i="5" s="1"/>
  <c r="L7963" i="2"/>
  <c r="L7937" i="5" s="1"/>
  <c r="I7963" i="2"/>
  <c r="I7937" i="5" s="1"/>
  <c r="M7963" i="2"/>
  <c r="M7937" i="5" s="1"/>
  <c r="K7963" i="2"/>
  <c r="K7937" i="5" s="1"/>
  <c r="O7937" i="5" s="1"/>
  <c r="I3260" i="2"/>
  <c r="I3234" i="5" s="1"/>
  <c r="K3260" i="2"/>
  <c r="K3234" i="5" s="1"/>
  <c r="O3234" i="5" s="1"/>
  <c r="J3260" i="2"/>
  <c r="J3234" i="5" s="1"/>
  <c r="N3234" i="5" s="1"/>
  <c r="M3260" i="2"/>
  <c r="M3234" i="5" s="1"/>
  <c r="L3260" i="2"/>
  <c r="L3234" i="5" s="1"/>
  <c r="L5013" i="2"/>
  <c r="L4987" i="5" s="1"/>
  <c r="M5013" i="2"/>
  <c r="M4987" i="5" s="1"/>
  <c r="I5013" i="2"/>
  <c r="I4987" i="5" s="1"/>
  <c r="K5013" i="2"/>
  <c r="K4987" i="5" s="1"/>
  <c r="O4987" i="5" s="1"/>
  <c r="J5013" i="2"/>
  <c r="J4987" i="5" s="1"/>
  <c r="N4987" i="5" s="1"/>
  <c r="L1071" i="2"/>
  <c r="L1045" i="5" s="1"/>
  <c r="M1071" i="2"/>
  <c r="M1045" i="5" s="1"/>
  <c r="I1071" i="2"/>
  <c r="I1045" i="5" s="1"/>
  <c r="K1071" i="2"/>
  <c r="K1045" i="5" s="1"/>
  <c r="O1045" i="5" s="1"/>
  <c r="J1071" i="2"/>
  <c r="J1045" i="5" s="1"/>
  <c r="N1045" i="5" s="1"/>
  <c r="J1075" i="2"/>
  <c r="J1049" i="5" s="1"/>
  <c r="N1049" i="5" s="1"/>
  <c r="I1075" i="2"/>
  <c r="I1049" i="5" s="1"/>
  <c r="K1075" i="2"/>
  <c r="K1049" i="5" s="1"/>
  <c r="O1049" i="5" s="1"/>
  <c r="M1075" i="2"/>
  <c r="M1049" i="5" s="1"/>
  <c r="L1075" i="2"/>
  <c r="L1049" i="5" s="1"/>
  <c r="J4010" i="2"/>
  <c r="J3984" i="5" s="1"/>
  <c r="N3984" i="5" s="1"/>
  <c r="L4010" i="2"/>
  <c r="L3984" i="5" s="1"/>
  <c r="M4010" i="2"/>
  <c r="M3984" i="5" s="1"/>
  <c r="I4010" i="2"/>
  <c r="I3984" i="5" s="1"/>
  <c r="K4010" i="2"/>
  <c r="K3984" i="5" s="1"/>
  <c r="O3984" i="5" s="1"/>
  <c r="J4002" i="2"/>
  <c r="J3976" i="5" s="1"/>
  <c r="N3976" i="5" s="1"/>
  <c r="M4002" i="2"/>
  <c r="M3976" i="5" s="1"/>
  <c r="I4002" i="2"/>
  <c r="I3976" i="5" s="1"/>
  <c r="L4002" i="2"/>
  <c r="L3976" i="5" s="1"/>
  <c r="K4002" i="2"/>
  <c r="K3976" i="5" s="1"/>
  <c r="O3976" i="5" s="1"/>
  <c r="M1307" i="2"/>
  <c r="M1281" i="5" s="1"/>
  <c r="I1307" i="2"/>
  <c r="I1281" i="5" s="1"/>
  <c r="J1307" i="2"/>
  <c r="J1281" i="5" s="1"/>
  <c r="N1281" i="5" s="1"/>
  <c r="L1307" i="2"/>
  <c r="L1281" i="5" s="1"/>
  <c r="K1307" i="2"/>
  <c r="K1281" i="5" s="1"/>
  <c r="O1281" i="5" s="1"/>
  <c r="AR55" i="1"/>
  <c r="C61" i="5"/>
  <c r="L4309" i="2"/>
  <c r="L4283" i="5" s="1"/>
  <c r="M4309" i="2"/>
  <c r="M4283" i="5" s="1"/>
  <c r="I4309" i="2"/>
  <c r="I4283" i="5" s="1"/>
  <c r="K4309" i="2"/>
  <c r="K4283" i="5" s="1"/>
  <c r="O4283" i="5" s="1"/>
  <c r="J4309" i="2"/>
  <c r="J4283" i="5" s="1"/>
  <c r="N4283" i="5" s="1"/>
  <c r="M3316" i="2"/>
  <c r="M3290" i="5" s="1"/>
  <c r="J3316" i="2"/>
  <c r="J3290" i="5" s="1"/>
  <c r="N3290" i="5" s="1"/>
  <c r="I3316" i="2"/>
  <c r="I3290" i="5" s="1"/>
  <c r="K3316" i="2"/>
  <c r="K3290" i="5" s="1"/>
  <c r="O3290" i="5" s="1"/>
  <c r="L3316" i="2"/>
  <c r="L3290" i="5" s="1"/>
  <c r="J3307" i="2"/>
  <c r="J3281" i="5" s="1"/>
  <c r="N3281" i="5" s="1"/>
  <c r="L3307" i="2"/>
  <c r="L3281" i="5" s="1"/>
  <c r="I3307" i="2"/>
  <c r="I3281" i="5" s="1"/>
  <c r="K3307" i="2"/>
  <c r="K3281" i="5" s="1"/>
  <c r="O3281" i="5" s="1"/>
  <c r="M3307" i="2"/>
  <c r="M3281" i="5" s="1"/>
  <c r="L4117" i="2"/>
  <c r="L4091" i="5" s="1"/>
  <c r="J4117" i="2"/>
  <c r="J4091" i="5" s="1"/>
  <c r="N4091" i="5" s="1"/>
  <c r="M4117" i="2"/>
  <c r="M4091" i="5" s="1"/>
  <c r="I4117" i="2"/>
  <c r="I4091" i="5" s="1"/>
  <c r="K4117" i="2"/>
  <c r="K4091" i="5" s="1"/>
  <c r="O4091" i="5" s="1"/>
  <c r="M7470" i="2"/>
  <c r="M7444" i="5" s="1"/>
  <c r="L7470" i="2"/>
  <c r="L7444" i="5" s="1"/>
  <c r="J7470" i="2"/>
  <c r="J7444" i="5" s="1"/>
  <c r="N7444" i="5" s="1"/>
  <c r="I7470" i="2"/>
  <c r="I7444" i="5" s="1"/>
  <c r="K7470" i="2"/>
  <c r="K7444" i="5" s="1"/>
  <c r="O7444" i="5" s="1"/>
  <c r="I4978" i="2"/>
  <c r="I4952" i="5" s="1"/>
  <c r="K4978" i="2"/>
  <c r="K4952" i="5" s="1"/>
  <c r="O4952" i="5" s="1"/>
  <c r="J4978" i="2"/>
  <c r="J4952" i="5" s="1"/>
  <c r="N4952" i="5" s="1"/>
  <c r="M4978" i="2"/>
  <c r="M4952" i="5" s="1"/>
  <c r="L4978" i="2"/>
  <c r="L4952" i="5" s="1"/>
  <c r="J8341" i="2"/>
  <c r="J8315" i="5" s="1"/>
  <c r="N8315" i="5" s="1"/>
  <c r="M8341" i="2"/>
  <c r="M8315" i="5" s="1"/>
  <c r="L8341" i="2"/>
  <c r="L8315" i="5" s="1"/>
  <c r="I8341" i="2"/>
  <c r="I8315" i="5" s="1"/>
  <c r="K8341" i="2"/>
  <c r="K8315" i="5" s="1"/>
  <c r="O8315" i="5" s="1"/>
  <c r="M8346" i="2"/>
  <c r="M8320" i="5" s="1"/>
  <c r="J8346" i="2"/>
  <c r="J8320" i="5" s="1"/>
  <c r="N8320" i="5" s="1"/>
  <c r="L8346" i="2"/>
  <c r="L8320" i="5" s="1"/>
  <c r="I8346" i="2"/>
  <c r="I8320" i="5" s="1"/>
  <c r="K8346" i="2"/>
  <c r="K8320" i="5" s="1"/>
  <c r="O8320" i="5" s="1"/>
  <c r="I8770" i="2"/>
  <c r="I8744" i="5" s="1"/>
  <c r="K8770" i="2"/>
  <c r="K8744" i="5" s="1"/>
  <c r="O8744" i="5" s="1"/>
  <c r="L8770" i="2"/>
  <c r="L8744" i="5" s="1"/>
  <c r="M8770" i="2"/>
  <c r="M8744" i="5" s="1"/>
  <c r="J8770" i="2"/>
  <c r="J8744" i="5" s="1"/>
  <c r="N8744" i="5" s="1"/>
  <c r="J3930" i="2"/>
  <c r="J3904" i="5" s="1"/>
  <c r="N3904" i="5" s="1"/>
  <c r="M3930" i="2"/>
  <c r="M3904" i="5" s="1"/>
  <c r="L3930" i="2"/>
  <c r="L3904" i="5" s="1"/>
  <c r="I3930" i="2"/>
  <c r="I3904" i="5" s="1"/>
  <c r="K3930" i="2"/>
  <c r="K3904" i="5" s="1"/>
  <c r="O3904" i="5" s="1"/>
  <c r="J3926" i="2"/>
  <c r="J3900" i="5" s="1"/>
  <c r="N3900" i="5" s="1"/>
  <c r="I3926" i="2"/>
  <c r="I3900" i="5" s="1"/>
  <c r="L3926" i="2"/>
  <c r="L3900" i="5" s="1"/>
  <c r="M3926" i="2"/>
  <c r="M3900" i="5" s="1"/>
  <c r="K3926" i="2"/>
  <c r="K3900" i="5" s="1"/>
  <c r="O3900" i="5" s="1"/>
  <c r="M8030" i="2"/>
  <c r="M8004" i="5" s="1"/>
  <c r="I8030" i="2"/>
  <c r="I8004" i="5" s="1"/>
  <c r="K8030" i="2"/>
  <c r="K8004" i="5" s="1"/>
  <c r="O8004" i="5" s="1"/>
  <c r="J8030" i="2"/>
  <c r="J8004" i="5" s="1"/>
  <c r="N8004" i="5" s="1"/>
  <c r="L8030" i="2"/>
  <c r="L8004" i="5" s="1"/>
  <c r="L7021" i="2"/>
  <c r="L6995" i="5" s="1"/>
  <c r="J7021" i="2"/>
  <c r="J6995" i="5" s="1"/>
  <c r="N6995" i="5" s="1"/>
  <c r="M7021" i="2"/>
  <c r="M6995" i="5" s="1"/>
  <c r="I7021" i="2"/>
  <c r="I6995" i="5" s="1"/>
  <c r="K7021" i="2"/>
  <c r="K6995" i="5" s="1"/>
  <c r="O6995" i="5" s="1"/>
  <c r="K3573" i="2"/>
  <c r="K3547" i="5" s="1"/>
  <c r="O3547" i="5" s="1"/>
  <c r="M3573" i="2"/>
  <c r="M3547" i="5" s="1"/>
  <c r="I3573" i="2"/>
  <c r="I3547" i="5" s="1"/>
  <c r="L3573" i="2"/>
  <c r="L3547" i="5" s="1"/>
  <c r="J3573" i="2"/>
  <c r="J3547" i="5" s="1"/>
  <c r="N3547" i="5" s="1"/>
  <c r="I1423" i="2"/>
  <c r="I1397" i="5" s="1"/>
  <c r="M1423" i="2"/>
  <c r="M1397" i="5" s="1"/>
  <c r="J1423" i="2"/>
  <c r="J1397" i="5" s="1"/>
  <c r="N1397" i="5" s="1"/>
  <c r="L1423" i="2"/>
  <c r="L1397" i="5" s="1"/>
  <c r="K1423" i="2"/>
  <c r="K1397" i="5" s="1"/>
  <c r="O1397" i="5" s="1"/>
  <c r="L4586" i="2"/>
  <c r="L4560" i="5" s="1"/>
  <c r="J4586" i="2"/>
  <c r="J4560" i="5" s="1"/>
  <c r="N4560" i="5" s="1"/>
  <c r="M4586" i="2"/>
  <c r="M4560" i="5" s="1"/>
  <c r="I4586" i="2"/>
  <c r="I4560" i="5" s="1"/>
  <c r="K4586" i="2"/>
  <c r="K4560" i="5" s="1"/>
  <c r="O4560" i="5" s="1"/>
  <c r="I640" i="2"/>
  <c r="I614" i="5" s="1"/>
  <c r="K640" i="2"/>
  <c r="K614" i="5" s="1"/>
  <c r="O614" i="5" s="1"/>
  <c r="J640" i="2"/>
  <c r="J614" i="5" s="1"/>
  <c r="N614" i="5" s="1"/>
  <c r="M640" i="2"/>
  <c r="M614" i="5" s="1"/>
  <c r="L640" i="2"/>
  <c r="L614" i="5" s="1"/>
  <c r="L7503" i="2"/>
  <c r="L7477" i="5" s="1"/>
  <c r="I7503" i="2"/>
  <c r="I7477" i="5" s="1"/>
  <c r="M7503" i="2"/>
  <c r="M7477" i="5" s="1"/>
  <c r="K7503" i="2"/>
  <c r="K7477" i="5" s="1"/>
  <c r="O7477" i="5" s="1"/>
  <c r="J7503" i="2"/>
  <c r="J7477" i="5" s="1"/>
  <c r="N7477" i="5" s="1"/>
  <c r="J5654" i="2"/>
  <c r="J5628" i="5" s="1"/>
  <c r="N5628" i="5" s="1"/>
  <c r="L5654" i="2"/>
  <c r="L5628" i="5" s="1"/>
  <c r="I5654" i="2"/>
  <c r="I5628" i="5" s="1"/>
  <c r="K5654" i="2"/>
  <c r="K5628" i="5" s="1"/>
  <c r="O5628" i="5" s="1"/>
  <c r="M5654" i="2"/>
  <c r="M5628" i="5" s="1"/>
  <c r="I5835" i="2"/>
  <c r="I5809" i="5" s="1"/>
  <c r="K5835" i="2"/>
  <c r="K5809" i="5" s="1"/>
  <c r="O5809" i="5" s="1"/>
  <c r="M5835" i="2"/>
  <c r="M5809" i="5" s="1"/>
  <c r="J5835" i="2"/>
  <c r="J5809" i="5" s="1"/>
  <c r="N5809" i="5" s="1"/>
  <c r="L5835" i="2"/>
  <c r="L5809" i="5" s="1"/>
  <c r="I6953" i="2"/>
  <c r="I6927" i="5" s="1"/>
  <c r="L6953" i="2"/>
  <c r="L6927" i="5" s="1"/>
  <c r="M6953" i="2"/>
  <c r="M6927" i="5" s="1"/>
  <c r="K6953" i="2"/>
  <c r="K6927" i="5" s="1"/>
  <c r="O6927" i="5" s="1"/>
  <c r="J6953" i="2"/>
  <c r="J6927" i="5" s="1"/>
  <c r="N6927" i="5" s="1"/>
  <c r="L1594" i="2"/>
  <c r="L1568" i="5" s="1"/>
  <c r="M1594" i="2"/>
  <c r="M1568" i="5" s="1"/>
  <c r="I1594" i="2"/>
  <c r="I1568" i="5" s="1"/>
  <c r="K1594" i="2"/>
  <c r="K1568" i="5" s="1"/>
  <c r="O1568" i="5" s="1"/>
  <c r="J1594" i="2"/>
  <c r="J1568" i="5" s="1"/>
  <c r="N1568" i="5" s="1"/>
  <c r="I7777" i="2"/>
  <c r="I7751" i="5" s="1"/>
  <c r="L7777" i="2"/>
  <c r="L7751" i="5" s="1"/>
  <c r="K7777" i="2"/>
  <c r="K7751" i="5" s="1"/>
  <c r="O7751" i="5" s="1"/>
  <c r="M7777" i="2"/>
  <c r="M7751" i="5" s="1"/>
  <c r="J7777" i="2"/>
  <c r="J7751" i="5" s="1"/>
  <c r="N7751" i="5" s="1"/>
  <c r="M3835" i="2"/>
  <c r="M3809" i="5" s="1"/>
  <c r="L3835" i="2"/>
  <c r="L3809" i="5" s="1"/>
  <c r="I3835" i="2"/>
  <c r="I3809" i="5" s="1"/>
  <c r="J3835" i="2"/>
  <c r="J3809" i="5" s="1"/>
  <c r="N3809" i="5" s="1"/>
  <c r="K3835" i="2"/>
  <c r="K3809" i="5" s="1"/>
  <c r="O3809" i="5" s="1"/>
  <c r="M3841" i="2"/>
  <c r="M3815" i="5" s="1"/>
  <c r="L3841" i="2"/>
  <c r="L3815" i="5" s="1"/>
  <c r="I3841" i="2"/>
  <c r="I3815" i="5" s="1"/>
  <c r="K3841" i="2"/>
  <c r="K3815" i="5" s="1"/>
  <c r="O3815" i="5" s="1"/>
  <c r="J3841" i="2"/>
  <c r="J3815" i="5" s="1"/>
  <c r="N3815" i="5" s="1"/>
  <c r="J5096" i="2"/>
  <c r="J5070" i="5" s="1"/>
  <c r="N5070" i="5" s="1"/>
  <c r="L5096" i="2"/>
  <c r="L5070" i="5" s="1"/>
  <c r="M5096" i="2"/>
  <c r="M5070" i="5" s="1"/>
  <c r="I5096" i="2"/>
  <c r="I5070" i="5" s="1"/>
  <c r="K5096" i="2"/>
  <c r="K5070" i="5" s="1"/>
  <c r="O5070" i="5" s="1"/>
  <c r="M6979" i="2"/>
  <c r="M6953" i="5" s="1"/>
  <c r="I6979" i="2"/>
  <c r="I6953" i="5" s="1"/>
  <c r="L6979" i="2"/>
  <c r="L6953" i="5" s="1"/>
  <c r="K6979" i="2"/>
  <c r="K6953" i="5" s="1"/>
  <c r="O6953" i="5" s="1"/>
  <c r="J6979" i="2"/>
  <c r="J6953" i="5" s="1"/>
  <c r="N6953" i="5" s="1"/>
  <c r="I6981" i="2"/>
  <c r="I6955" i="5" s="1"/>
  <c r="J6981" i="2"/>
  <c r="J6955" i="5" s="1"/>
  <c r="N6955" i="5" s="1"/>
  <c r="L6981" i="2"/>
  <c r="L6955" i="5" s="1"/>
  <c r="M6981" i="2"/>
  <c r="M6955" i="5" s="1"/>
  <c r="K6981" i="2"/>
  <c r="K6955" i="5" s="1"/>
  <c r="O6955" i="5" s="1"/>
  <c r="I6112" i="2"/>
  <c r="I6086" i="5" s="1"/>
  <c r="K6112" i="2"/>
  <c r="K6086" i="5" s="1"/>
  <c r="O6086" i="5" s="1"/>
  <c r="J6112" i="2"/>
  <c r="J6086" i="5" s="1"/>
  <c r="N6086" i="5" s="1"/>
  <c r="L6112" i="2"/>
  <c r="L6086" i="5" s="1"/>
  <c r="M6112" i="2"/>
  <c r="M6086" i="5" s="1"/>
  <c r="M8697" i="2"/>
  <c r="M8671" i="5" s="1"/>
  <c r="I8697" i="2"/>
  <c r="I8671" i="5" s="1"/>
  <c r="K8697" i="2"/>
  <c r="K8671" i="5" s="1"/>
  <c r="O8671" i="5" s="1"/>
  <c r="J8697" i="2"/>
  <c r="J8671" i="5" s="1"/>
  <c r="N8671" i="5" s="1"/>
  <c r="L8697" i="2"/>
  <c r="L8671" i="5" s="1"/>
  <c r="J4152" i="2"/>
  <c r="J4126" i="5" s="1"/>
  <c r="N4126" i="5" s="1"/>
  <c r="M4152" i="2"/>
  <c r="M4126" i="5" s="1"/>
  <c r="K4152" i="2"/>
  <c r="K4126" i="5" s="1"/>
  <c r="O4126" i="5" s="1"/>
  <c r="L4152" i="2"/>
  <c r="L4126" i="5" s="1"/>
  <c r="I4152" i="2"/>
  <c r="I4126" i="5" s="1"/>
  <c r="J4140" i="2"/>
  <c r="J4114" i="5" s="1"/>
  <c r="N4114" i="5" s="1"/>
  <c r="M4140" i="2"/>
  <c r="M4114" i="5" s="1"/>
  <c r="L4140" i="2"/>
  <c r="L4114" i="5" s="1"/>
  <c r="I4140" i="2"/>
  <c r="I4114" i="5" s="1"/>
  <c r="K4140" i="2"/>
  <c r="K4114" i="5" s="1"/>
  <c r="O4114" i="5" s="1"/>
  <c r="M3959" i="2"/>
  <c r="M3933" i="5" s="1"/>
  <c r="I3959" i="2"/>
  <c r="I3933" i="5" s="1"/>
  <c r="L3959" i="2"/>
  <c r="L3933" i="5" s="1"/>
  <c r="K3959" i="2"/>
  <c r="K3933" i="5" s="1"/>
  <c r="O3933" i="5" s="1"/>
  <c r="J3959" i="2"/>
  <c r="J3933" i="5" s="1"/>
  <c r="N3933" i="5" s="1"/>
  <c r="J7148" i="2"/>
  <c r="J7122" i="5" s="1"/>
  <c r="N7122" i="5" s="1"/>
  <c r="M7148" i="2"/>
  <c r="M7122" i="5" s="1"/>
  <c r="L7148" i="2"/>
  <c r="L7122" i="5" s="1"/>
  <c r="I7148" i="2"/>
  <c r="I7122" i="5" s="1"/>
  <c r="K7148" i="2"/>
  <c r="K7122" i="5" s="1"/>
  <c r="O7122" i="5" s="1"/>
  <c r="K4444" i="2"/>
  <c r="K4418" i="5" s="1"/>
  <c r="O4418" i="5" s="1"/>
  <c r="J4444" i="2"/>
  <c r="J4418" i="5" s="1"/>
  <c r="N4418" i="5" s="1"/>
  <c r="L4444" i="2"/>
  <c r="L4418" i="5" s="1"/>
  <c r="I4444" i="2"/>
  <c r="I4418" i="5" s="1"/>
  <c r="M4444" i="2"/>
  <c r="M4418" i="5" s="1"/>
  <c r="J4446" i="2"/>
  <c r="J4420" i="5" s="1"/>
  <c r="N4420" i="5" s="1"/>
  <c r="L4446" i="2"/>
  <c r="L4420" i="5" s="1"/>
  <c r="M4446" i="2"/>
  <c r="M4420" i="5" s="1"/>
  <c r="I4446" i="2"/>
  <c r="I4420" i="5" s="1"/>
  <c r="K4446" i="2"/>
  <c r="K4420" i="5" s="1"/>
  <c r="O4420" i="5" s="1"/>
  <c r="M758" i="2"/>
  <c r="M732" i="5" s="1"/>
  <c r="J758" i="2"/>
  <c r="J732" i="5" s="1"/>
  <c r="N732" i="5" s="1"/>
  <c r="I758" i="2"/>
  <c r="I732" i="5" s="1"/>
  <c r="K758" i="2"/>
  <c r="K732" i="5" s="1"/>
  <c r="O732" i="5" s="1"/>
  <c r="L758" i="2"/>
  <c r="L732" i="5" s="1"/>
  <c r="I3480" i="2"/>
  <c r="I3454" i="5" s="1"/>
  <c r="K3480" i="2"/>
  <c r="K3454" i="5" s="1"/>
  <c r="O3454" i="5" s="1"/>
  <c r="M3480" i="2"/>
  <c r="M3454" i="5" s="1"/>
  <c r="J3480" i="2"/>
  <c r="J3454" i="5" s="1"/>
  <c r="N3454" i="5" s="1"/>
  <c r="L3480" i="2"/>
  <c r="L3454" i="5" s="1"/>
  <c r="K2098" i="2"/>
  <c r="K2072" i="5" s="1"/>
  <c r="O2072" i="5" s="1"/>
  <c r="L2098" i="2"/>
  <c r="L2072" i="5" s="1"/>
  <c r="M2098" i="2"/>
  <c r="M2072" i="5" s="1"/>
  <c r="I2098" i="2"/>
  <c r="I2072" i="5" s="1"/>
  <c r="J2098" i="2"/>
  <c r="J2072" i="5" s="1"/>
  <c r="N2072" i="5" s="1"/>
  <c r="L5453" i="2"/>
  <c r="L5427" i="5" s="1"/>
  <c r="J5453" i="2"/>
  <c r="J5427" i="5" s="1"/>
  <c r="N5427" i="5" s="1"/>
  <c r="M5453" i="2"/>
  <c r="M5427" i="5" s="1"/>
  <c r="I5453" i="2"/>
  <c r="I5427" i="5" s="1"/>
  <c r="K5453" i="2"/>
  <c r="K5427" i="5" s="1"/>
  <c r="O5427" i="5" s="1"/>
  <c r="L1482" i="2"/>
  <c r="L1456" i="5" s="1"/>
  <c r="I1482" i="2"/>
  <c r="I1456" i="5" s="1"/>
  <c r="K1482" i="2"/>
  <c r="K1456" i="5" s="1"/>
  <c r="O1456" i="5" s="1"/>
  <c r="M1482" i="2"/>
  <c r="M1456" i="5" s="1"/>
  <c r="J1482" i="2"/>
  <c r="J1456" i="5" s="1"/>
  <c r="N1456" i="5" s="1"/>
  <c r="J1477" i="2"/>
  <c r="J1451" i="5" s="1"/>
  <c r="N1451" i="5" s="1"/>
  <c r="L1477" i="2"/>
  <c r="L1451" i="5" s="1"/>
  <c r="M1477" i="2"/>
  <c r="M1451" i="5" s="1"/>
  <c r="I1477" i="2"/>
  <c r="I1451" i="5" s="1"/>
  <c r="K1477" i="2"/>
  <c r="K1451" i="5" s="1"/>
  <c r="O1451" i="5" s="1"/>
  <c r="L8509" i="2"/>
  <c r="L8483" i="5" s="1"/>
  <c r="M8509" i="2"/>
  <c r="M8483" i="5" s="1"/>
  <c r="I8509" i="2"/>
  <c r="I8483" i="5" s="1"/>
  <c r="K8509" i="2"/>
  <c r="K8483" i="5" s="1"/>
  <c r="O8483" i="5" s="1"/>
  <c r="J8509" i="2"/>
  <c r="J8483" i="5" s="1"/>
  <c r="N8483" i="5" s="1"/>
  <c r="J5797" i="2"/>
  <c r="J5771" i="5" s="1"/>
  <c r="N5771" i="5" s="1"/>
  <c r="L5797" i="2"/>
  <c r="L5771" i="5" s="1"/>
  <c r="M5797" i="2"/>
  <c r="M5771" i="5" s="1"/>
  <c r="I5797" i="2"/>
  <c r="I5771" i="5" s="1"/>
  <c r="K5797" i="2"/>
  <c r="K5771" i="5" s="1"/>
  <c r="O5771" i="5" s="1"/>
  <c r="C248" i="5"/>
  <c r="AR242" i="1"/>
  <c r="M78" i="2"/>
  <c r="M52" i="5" s="1"/>
  <c r="L78" i="2"/>
  <c r="L52" i="5" s="1"/>
  <c r="K78" i="2"/>
  <c r="K52" i="5" s="1"/>
  <c r="O52" i="5" s="1"/>
  <c r="I78" i="2"/>
  <c r="I52" i="5" s="1"/>
  <c r="J78" i="2"/>
  <c r="J52" i="5" s="1"/>
  <c r="N52" i="5" s="1"/>
  <c r="J74" i="2"/>
  <c r="J48" i="5" s="1"/>
  <c r="N48" i="5" s="1"/>
  <c r="L74" i="2"/>
  <c r="L48" i="5" s="1"/>
  <c r="K74" i="2"/>
  <c r="K48" i="5" s="1"/>
  <c r="O48" i="5" s="1"/>
  <c r="M74" i="2"/>
  <c r="M48" i="5" s="1"/>
  <c r="I74" i="2"/>
  <c r="I48" i="5" s="1"/>
  <c r="J2773" i="2"/>
  <c r="J2747" i="5" s="1"/>
  <c r="N2747" i="5" s="1"/>
  <c r="M2773" i="2"/>
  <c r="M2747" i="5" s="1"/>
  <c r="K2773" i="2"/>
  <c r="K2747" i="5" s="1"/>
  <c r="O2747" i="5" s="1"/>
  <c r="I2773" i="2"/>
  <c r="I2747" i="5" s="1"/>
  <c r="L2773" i="2"/>
  <c r="L2747" i="5" s="1"/>
  <c r="J2777" i="2"/>
  <c r="J2751" i="5" s="1"/>
  <c r="N2751" i="5" s="1"/>
  <c r="M2777" i="2"/>
  <c r="M2751" i="5" s="1"/>
  <c r="I2777" i="2"/>
  <c r="I2751" i="5" s="1"/>
  <c r="L2777" i="2"/>
  <c r="L2751" i="5" s="1"/>
  <c r="K2777" i="2"/>
  <c r="K2751" i="5" s="1"/>
  <c r="O2751" i="5" s="1"/>
  <c r="L1456" i="2"/>
  <c r="L1430" i="5" s="1"/>
  <c r="J1456" i="2"/>
  <c r="J1430" i="5" s="1"/>
  <c r="N1430" i="5" s="1"/>
  <c r="I1456" i="2"/>
  <c r="I1430" i="5" s="1"/>
  <c r="M1456" i="2"/>
  <c r="M1430" i="5" s="1"/>
  <c r="K1456" i="2"/>
  <c r="K1430" i="5" s="1"/>
  <c r="O1430" i="5" s="1"/>
  <c r="J8298" i="2"/>
  <c r="J8272" i="5" s="1"/>
  <c r="N8272" i="5" s="1"/>
  <c r="L8298" i="2"/>
  <c r="L8272" i="5" s="1"/>
  <c r="M8298" i="2"/>
  <c r="M8272" i="5" s="1"/>
  <c r="I8298" i="2"/>
  <c r="I8272" i="5" s="1"/>
  <c r="K8298" i="2"/>
  <c r="K8272" i="5" s="1"/>
  <c r="O8272" i="5" s="1"/>
  <c r="J8307" i="2"/>
  <c r="J8281" i="5" s="1"/>
  <c r="N8281" i="5" s="1"/>
  <c r="L8307" i="2"/>
  <c r="L8281" i="5" s="1"/>
  <c r="M8307" i="2"/>
  <c r="M8281" i="5" s="1"/>
  <c r="I8307" i="2"/>
  <c r="I8281" i="5" s="1"/>
  <c r="K8307" i="2"/>
  <c r="K8281" i="5" s="1"/>
  <c r="O8281" i="5" s="1"/>
  <c r="J1233" i="2"/>
  <c r="J1207" i="5" s="1"/>
  <c r="N1207" i="5" s="1"/>
  <c r="M1233" i="2"/>
  <c r="M1207" i="5" s="1"/>
  <c r="I1233" i="2"/>
  <c r="I1207" i="5" s="1"/>
  <c r="K1233" i="2"/>
  <c r="K1207" i="5" s="1"/>
  <c r="O1207" i="5" s="1"/>
  <c r="L1233" i="2"/>
  <c r="L1207" i="5" s="1"/>
  <c r="I5134" i="2"/>
  <c r="I5108" i="5" s="1"/>
  <c r="K5134" i="2"/>
  <c r="K5108" i="5" s="1"/>
  <c r="O5108" i="5" s="1"/>
  <c r="J5134" i="2"/>
  <c r="J5108" i="5" s="1"/>
  <c r="N5108" i="5" s="1"/>
  <c r="M5134" i="2"/>
  <c r="M5108" i="5" s="1"/>
  <c r="L5134" i="2"/>
  <c r="L5108" i="5" s="1"/>
  <c r="M6029" i="2"/>
  <c r="M6003" i="5" s="1"/>
  <c r="I6029" i="2"/>
  <c r="I6003" i="5" s="1"/>
  <c r="K6029" i="2"/>
  <c r="K6003" i="5" s="1"/>
  <c r="O6003" i="5" s="1"/>
  <c r="J6029" i="2"/>
  <c r="J6003" i="5" s="1"/>
  <c r="N6003" i="5" s="1"/>
  <c r="L6029" i="2"/>
  <c r="L6003" i="5" s="1"/>
  <c r="M54" i="2"/>
  <c r="M28" i="5" s="1"/>
  <c r="L54" i="2"/>
  <c r="L28" i="5" s="1"/>
  <c r="J54" i="2"/>
  <c r="J28" i="5" s="1"/>
  <c r="N28" i="5" s="1"/>
  <c r="I54" i="2"/>
  <c r="I28" i="5" s="1"/>
  <c r="K54" i="2"/>
  <c r="K28" i="5" s="1"/>
  <c r="O28" i="5" s="1"/>
  <c r="M5269" i="2"/>
  <c r="M5243" i="5" s="1"/>
  <c r="J5269" i="2"/>
  <c r="J5243" i="5" s="1"/>
  <c r="N5243" i="5" s="1"/>
  <c r="L5269" i="2"/>
  <c r="L5243" i="5" s="1"/>
  <c r="I5269" i="2"/>
  <c r="I5243" i="5" s="1"/>
  <c r="K5269" i="2"/>
  <c r="K5243" i="5" s="1"/>
  <c r="O5243" i="5" s="1"/>
  <c r="L7651" i="2"/>
  <c r="L7625" i="5" s="1"/>
  <c r="I7651" i="2"/>
  <c r="I7625" i="5" s="1"/>
  <c r="M7651" i="2"/>
  <c r="M7625" i="5" s="1"/>
  <c r="J7651" i="2"/>
  <c r="J7625" i="5" s="1"/>
  <c r="N7625" i="5" s="1"/>
  <c r="K7651" i="2"/>
  <c r="K7625" i="5" s="1"/>
  <c r="O7625" i="5" s="1"/>
  <c r="L1063" i="2"/>
  <c r="L1037" i="5" s="1"/>
  <c r="M1063" i="2"/>
  <c r="M1037" i="5" s="1"/>
  <c r="I1063" i="2"/>
  <c r="I1037" i="5" s="1"/>
  <c r="K1063" i="2"/>
  <c r="K1037" i="5" s="1"/>
  <c r="O1037" i="5" s="1"/>
  <c r="J1063" i="2"/>
  <c r="J1037" i="5" s="1"/>
  <c r="N1037" i="5" s="1"/>
  <c r="L4822" i="2"/>
  <c r="L4796" i="5" s="1"/>
  <c r="M4822" i="2"/>
  <c r="M4796" i="5" s="1"/>
  <c r="I4822" i="2"/>
  <c r="I4796" i="5" s="1"/>
  <c r="K4822" i="2"/>
  <c r="K4796" i="5" s="1"/>
  <c r="O4796" i="5" s="1"/>
  <c r="J4822" i="2"/>
  <c r="J4796" i="5" s="1"/>
  <c r="N4796" i="5" s="1"/>
  <c r="C207" i="5"/>
  <c r="AR201" i="1"/>
  <c r="M2267" i="2"/>
  <c r="M2241" i="5" s="1"/>
  <c r="L2267" i="2"/>
  <c r="L2241" i="5" s="1"/>
  <c r="I2267" i="2"/>
  <c r="I2241" i="5" s="1"/>
  <c r="K2267" i="2"/>
  <c r="K2241" i="5" s="1"/>
  <c r="O2241" i="5" s="1"/>
  <c r="J2267" i="2"/>
  <c r="J2241" i="5" s="1"/>
  <c r="N2241" i="5" s="1"/>
  <c r="I6475" i="2"/>
  <c r="I6449" i="5" s="1"/>
  <c r="L6475" i="2"/>
  <c r="L6449" i="5" s="1"/>
  <c r="M6475" i="2"/>
  <c r="M6449" i="5" s="1"/>
  <c r="J6475" i="2"/>
  <c r="J6449" i="5" s="1"/>
  <c r="N6449" i="5" s="1"/>
  <c r="K6475" i="2"/>
  <c r="K6449" i="5" s="1"/>
  <c r="O6449" i="5" s="1"/>
  <c r="K2628" i="2"/>
  <c r="K2602" i="5" s="1"/>
  <c r="O2602" i="5" s="1"/>
  <c r="J2628" i="2"/>
  <c r="J2602" i="5" s="1"/>
  <c r="N2602" i="5" s="1"/>
  <c r="I2628" i="2"/>
  <c r="I2602" i="5" s="1"/>
  <c r="L2628" i="2"/>
  <c r="L2602" i="5" s="1"/>
  <c r="M2628" i="2"/>
  <c r="M2602" i="5" s="1"/>
  <c r="J2629" i="2"/>
  <c r="J2603" i="5" s="1"/>
  <c r="N2603" i="5" s="1"/>
  <c r="L2629" i="2"/>
  <c r="L2603" i="5" s="1"/>
  <c r="M2629" i="2"/>
  <c r="M2603" i="5" s="1"/>
  <c r="I2629" i="2"/>
  <c r="I2603" i="5" s="1"/>
  <c r="K2629" i="2"/>
  <c r="K2603" i="5" s="1"/>
  <c r="O2603" i="5" s="1"/>
  <c r="L3122" i="2"/>
  <c r="L3096" i="5" s="1"/>
  <c r="J3122" i="2"/>
  <c r="J3096" i="5" s="1"/>
  <c r="N3096" i="5" s="1"/>
  <c r="I3122" i="2"/>
  <c r="I3096" i="5" s="1"/>
  <c r="M3122" i="2"/>
  <c r="M3096" i="5" s="1"/>
  <c r="K3122" i="2"/>
  <c r="K3096" i="5" s="1"/>
  <c r="O3096" i="5" s="1"/>
  <c r="M7006" i="2"/>
  <c r="M6980" i="5" s="1"/>
  <c r="J7006" i="2"/>
  <c r="J6980" i="5" s="1"/>
  <c r="N6980" i="5" s="1"/>
  <c r="L7006" i="2"/>
  <c r="L6980" i="5" s="1"/>
  <c r="I7006" i="2"/>
  <c r="I6980" i="5" s="1"/>
  <c r="K7006" i="2"/>
  <c r="K6980" i="5" s="1"/>
  <c r="O6980" i="5" s="1"/>
  <c r="L6994" i="2"/>
  <c r="L6968" i="5" s="1"/>
  <c r="M6994" i="2"/>
  <c r="M6968" i="5" s="1"/>
  <c r="I6994" i="2"/>
  <c r="I6968" i="5" s="1"/>
  <c r="K6994" i="2"/>
  <c r="K6968" i="5" s="1"/>
  <c r="O6968" i="5" s="1"/>
  <c r="J6994" i="2"/>
  <c r="J6968" i="5" s="1"/>
  <c r="N6968" i="5" s="1"/>
  <c r="K1304" i="2"/>
  <c r="K1278" i="5" s="1"/>
  <c r="O1278" i="5" s="1"/>
  <c r="I1304" i="2"/>
  <c r="I1278" i="5" s="1"/>
  <c r="L1304" i="2"/>
  <c r="L1278" i="5" s="1"/>
  <c r="M1304" i="2"/>
  <c r="M1278" i="5" s="1"/>
  <c r="J1304" i="2"/>
  <c r="J1278" i="5" s="1"/>
  <c r="N1278" i="5" s="1"/>
  <c r="M1290" i="2"/>
  <c r="M1264" i="5" s="1"/>
  <c r="J1290" i="2"/>
  <c r="J1264" i="5" s="1"/>
  <c r="N1264" i="5" s="1"/>
  <c r="L1290" i="2"/>
  <c r="L1264" i="5" s="1"/>
  <c r="I1290" i="2"/>
  <c r="I1264" i="5" s="1"/>
  <c r="K1290" i="2"/>
  <c r="K1264" i="5" s="1"/>
  <c r="O1264" i="5" s="1"/>
  <c r="I5973" i="2"/>
  <c r="I5947" i="5" s="1"/>
  <c r="K5973" i="2"/>
  <c r="K5947" i="5" s="1"/>
  <c r="O5947" i="5" s="1"/>
  <c r="L5973" i="2"/>
  <c r="L5947" i="5" s="1"/>
  <c r="J5973" i="2"/>
  <c r="J5947" i="5" s="1"/>
  <c r="N5947" i="5" s="1"/>
  <c r="M5973" i="2"/>
  <c r="M5947" i="5" s="1"/>
  <c r="J3084" i="2"/>
  <c r="J3058" i="5" s="1"/>
  <c r="N3058" i="5" s="1"/>
  <c r="L3084" i="2"/>
  <c r="L3058" i="5" s="1"/>
  <c r="I3084" i="2"/>
  <c r="I3058" i="5" s="1"/>
  <c r="M3084" i="2"/>
  <c r="M3058" i="5" s="1"/>
  <c r="K3084" i="2"/>
  <c r="K3058" i="5" s="1"/>
  <c r="O3058" i="5" s="1"/>
  <c r="L1107" i="2"/>
  <c r="L1081" i="5" s="1"/>
  <c r="M1107" i="2"/>
  <c r="M1081" i="5" s="1"/>
  <c r="J1107" i="2"/>
  <c r="J1081" i="5" s="1"/>
  <c r="N1081" i="5" s="1"/>
  <c r="I1107" i="2"/>
  <c r="I1081" i="5" s="1"/>
  <c r="K1107" i="2"/>
  <c r="K1081" i="5" s="1"/>
  <c r="O1081" i="5" s="1"/>
  <c r="J1111" i="2"/>
  <c r="J1085" i="5" s="1"/>
  <c r="N1085" i="5" s="1"/>
  <c r="L1111" i="2"/>
  <c r="L1085" i="5" s="1"/>
  <c r="M1111" i="2"/>
  <c r="M1085" i="5" s="1"/>
  <c r="I1111" i="2"/>
  <c r="I1085" i="5" s="1"/>
  <c r="K1111" i="2"/>
  <c r="K1085" i="5" s="1"/>
  <c r="O1085" i="5" s="1"/>
  <c r="J481" i="2"/>
  <c r="J455" i="5" s="1"/>
  <c r="N455" i="5" s="1"/>
  <c r="I481" i="2"/>
  <c r="I455" i="5" s="1"/>
  <c r="L481" i="2"/>
  <c r="L455" i="5" s="1"/>
  <c r="M481" i="2"/>
  <c r="M455" i="5" s="1"/>
  <c r="K481" i="2"/>
  <c r="K455" i="5" s="1"/>
  <c r="O455" i="5" s="1"/>
  <c r="L241" i="2"/>
  <c r="L215" i="5" s="1"/>
  <c r="M241" i="2"/>
  <c r="M215" i="5" s="1"/>
  <c r="I241" i="2"/>
  <c r="I215" i="5" s="1"/>
  <c r="J241" i="2"/>
  <c r="J215" i="5" s="1"/>
  <c r="N215" i="5" s="1"/>
  <c r="K241" i="2"/>
  <c r="K215" i="5" s="1"/>
  <c r="O215" i="5" s="1"/>
  <c r="L237" i="2"/>
  <c r="L211" i="5" s="1"/>
  <c r="I237" i="2"/>
  <c r="I211" i="5" s="1"/>
  <c r="K237" i="2"/>
  <c r="K211" i="5" s="1"/>
  <c r="O211" i="5" s="1"/>
  <c r="M237" i="2"/>
  <c r="M211" i="5" s="1"/>
  <c r="J237" i="2"/>
  <c r="J211" i="5" s="1"/>
  <c r="N211" i="5" s="1"/>
  <c r="J6940" i="2"/>
  <c r="J6914" i="5" s="1"/>
  <c r="N6914" i="5" s="1"/>
  <c r="I6940" i="2"/>
  <c r="I6914" i="5" s="1"/>
  <c r="L6940" i="2"/>
  <c r="L6914" i="5" s="1"/>
  <c r="K6940" i="2"/>
  <c r="K6914" i="5" s="1"/>
  <c r="O6914" i="5" s="1"/>
  <c r="M6940" i="2"/>
  <c r="M6914" i="5" s="1"/>
  <c r="L5498" i="2"/>
  <c r="L5472" i="5" s="1"/>
  <c r="M5498" i="2"/>
  <c r="M5472" i="5" s="1"/>
  <c r="K5498" i="2"/>
  <c r="K5472" i="5" s="1"/>
  <c r="O5472" i="5" s="1"/>
  <c r="J5498" i="2"/>
  <c r="J5472" i="5" s="1"/>
  <c r="N5472" i="5" s="1"/>
  <c r="I5498" i="2"/>
  <c r="I5472" i="5" s="1"/>
  <c r="M4746" i="2"/>
  <c r="M4720" i="5" s="1"/>
  <c r="L4746" i="2"/>
  <c r="L4720" i="5" s="1"/>
  <c r="I4746" i="2"/>
  <c r="I4720" i="5" s="1"/>
  <c r="K4746" i="2"/>
  <c r="K4720" i="5" s="1"/>
  <c r="O4720" i="5" s="1"/>
  <c r="J4746" i="2"/>
  <c r="J4720" i="5" s="1"/>
  <c r="N4720" i="5" s="1"/>
  <c r="M8165" i="2"/>
  <c r="M8139" i="5" s="1"/>
  <c r="I8165" i="2"/>
  <c r="I8139" i="5" s="1"/>
  <c r="K8165" i="2"/>
  <c r="K8139" i="5" s="1"/>
  <c r="O8139" i="5" s="1"/>
  <c r="J8165" i="2"/>
  <c r="J8139" i="5" s="1"/>
  <c r="N8139" i="5" s="1"/>
  <c r="L8165" i="2"/>
  <c r="L8139" i="5" s="1"/>
  <c r="M1888" i="2"/>
  <c r="M1862" i="5" s="1"/>
  <c r="I1888" i="2"/>
  <c r="I1862" i="5" s="1"/>
  <c r="L1888" i="2"/>
  <c r="L1862" i="5" s="1"/>
  <c r="K1888" i="2"/>
  <c r="K1862" i="5" s="1"/>
  <c r="O1862" i="5" s="1"/>
  <c r="J1888" i="2"/>
  <c r="J1862" i="5" s="1"/>
  <c r="N1862" i="5" s="1"/>
  <c r="C85" i="5"/>
  <c r="AR79" i="1"/>
  <c r="L4774" i="2"/>
  <c r="L4748" i="5" s="1"/>
  <c r="I4774" i="2"/>
  <c r="I4748" i="5" s="1"/>
  <c r="K4774" i="2"/>
  <c r="K4748" i="5" s="1"/>
  <c r="O4748" i="5" s="1"/>
  <c r="M4774" i="2"/>
  <c r="M4748" i="5" s="1"/>
  <c r="J4774" i="2"/>
  <c r="J4748" i="5" s="1"/>
  <c r="N4748" i="5" s="1"/>
  <c r="J4785" i="2"/>
  <c r="J4759" i="5" s="1"/>
  <c r="N4759" i="5" s="1"/>
  <c r="M4785" i="2"/>
  <c r="M4759" i="5" s="1"/>
  <c r="L4785" i="2"/>
  <c r="L4759" i="5" s="1"/>
  <c r="I4785" i="2"/>
  <c r="I4759" i="5" s="1"/>
  <c r="K4785" i="2"/>
  <c r="K4759" i="5" s="1"/>
  <c r="O4759" i="5" s="1"/>
  <c r="M3680" i="2"/>
  <c r="M3654" i="5" s="1"/>
  <c r="K3680" i="2"/>
  <c r="K3654" i="5" s="1"/>
  <c r="O3654" i="5" s="1"/>
  <c r="I3680" i="2"/>
  <c r="I3654" i="5" s="1"/>
  <c r="J3680" i="2"/>
  <c r="J3654" i="5" s="1"/>
  <c r="N3654" i="5" s="1"/>
  <c r="L3680" i="2"/>
  <c r="L3654" i="5" s="1"/>
  <c r="J5639" i="2"/>
  <c r="J5613" i="5" s="1"/>
  <c r="N5613" i="5" s="1"/>
  <c r="L5639" i="2"/>
  <c r="L5613" i="5" s="1"/>
  <c r="M5639" i="2"/>
  <c r="M5613" i="5" s="1"/>
  <c r="I5639" i="2"/>
  <c r="I5613" i="5" s="1"/>
  <c r="K5639" i="2"/>
  <c r="K5613" i="5" s="1"/>
  <c r="O5613" i="5" s="1"/>
  <c r="I2073" i="2"/>
  <c r="I2047" i="5" s="1"/>
  <c r="K2073" i="2"/>
  <c r="K2047" i="5" s="1"/>
  <c r="O2047" i="5" s="1"/>
  <c r="L2073" i="2"/>
  <c r="L2047" i="5" s="1"/>
  <c r="J2073" i="2"/>
  <c r="J2047" i="5" s="1"/>
  <c r="N2047" i="5" s="1"/>
  <c r="M2073" i="2"/>
  <c r="M2047" i="5" s="1"/>
  <c r="M2052" i="2"/>
  <c r="M2026" i="5" s="1"/>
  <c r="J2052" i="2"/>
  <c r="J2026" i="5" s="1"/>
  <c r="N2026" i="5" s="1"/>
  <c r="L2052" i="2"/>
  <c r="L2026" i="5" s="1"/>
  <c r="K2052" i="2"/>
  <c r="K2026" i="5" s="1"/>
  <c r="O2026" i="5" s="1"/>
  <c r="I2052" i="2"/>
  <c r="I2026" i="5" s="1"/>
  <c r="L7620" i="2"/>
  <c r="L7594" i="5" s="1"/>
  <c r="M7620" i="2"/>
  <c r="M7594" i="5" s="1"/>
  <c r="I7620" i="2"/>
  <c r="I7594" i="5" s="1"/>
  <c r="J7620" i="2"/>
  <c r="J7594" i="5" s="1"/>
  <c r="N7594" i="5" s="1"/>
  <c r="K7620" i="2"/>
  <c r="K7594" i="5" s="1"/>
  <c r="O7594" i="5" s="1"/>
  <c r="M4457" i="2"/>
  <c r="M4431" i="5" s="1"/>
  <c r="L4457" i="2"/>
  <c r="L4431" i="5" s="1"/>
  <c r="I4457" i="2"/>
  <c r="I4431" i="5" s="1"/>
  <c r="K4457" i="2"/>
  <c r="K4431" i="5" s="1"/>
  <c r="O4431" i="5" s="1"/>
  <c r="J4457" i="2"/>
  <c r="J4431" i="5" s="1"/>
  <c r="N4431" i="5" s="1"/>
  <c r="J7682" i="2"/>
  <c r="J7656" i="5" s="1"/>
  <c r="N7656" i="5" s="1"/>
  <c r="M7682" i="2"/>
  <c r="M7656" i="5" s="1"/>
  <c r="L7682" i="2"/>
  <c r="L7656" i="5" s="1"/>
  <c r="I7682" i="2"/>
  <c r="I7656" i="5" s="1"/>
  <c r="K7682" i="2"/>
  <c r="K7656" i="5" s="1"/>
  <c r="O7656" i="5" s="1"/>
  <c r="L4178" i="2"/>
  <c r="L4152" i="5" s="1"/>
  <c r="I4178" i="2"/>
  <c r="I4152" i="5" s="1"/>
  <c r="K4178" i="2"/>
  <c r="K4152" i="5" s="1"/>
  <c r="O4152" i="5" s="1"/>
  <c r="J4178" i="2"/>
  <c r="J4152" i="5" s="1"/>
  <c r="N4152" i="5" s="1"/>
  <c r="M4178" i="2"/>
  <c r="M4152" i="5" s="1"/>
  <c r="I2404" i="2"/>
  <c r="I2378" i="5" s="1"/>
  <c r="K2404" i="2"/>
  <c r="K2378" i="5" s="1"/>
  <c r="O2378" i="5" s="1"/>
  <c r="J2404" i="2"/>
  <c r="J2378" i="5" s="1"/>
  <c r="N2378" i="5" s="1"/>
  <c r="L2404" i="2"/>
  <c r="L2378" i="5" s="1"/>
  <c r="M2404" i="2"/>
  <c r="M2378" i="5" s="1"/>
  <c r="M8634" i="2"/>
  <c r="M8608" i="5" s="1"/>
  <c r="I8634" i="2"/>
  <c r="I8608" i="5" s="1"/>
  <c r="K8634" i="2"/>
  <c r="K8608" i="5" s="1"/>
  <c r="O8608" i="5" s="1"/>
  <c r="L8634" i="2"/>
  <c r="L8608" i="5" s="1"/>
  <c r="J8634" i="2"/>
  <c r="J8608" i="5" s="1"/>
  <c r="N8608" i="5" s="1"/>
  <c r="J8633" i="2"/>
  <c r="J8607" i="5" s="1"/>
  <c r="N8607" i="5" s="1"/>
  <c r="M8633" i="2"/>
  <c r="M8607" i="5" s="1"/>
  <c r="I8633" i="2"/>
  <c r="I8607" i="5" s="1"/>
  <c r="L8633" i="2"/>
  <c r="L8607" i="5" s="1"/>
  <c r="K8633" i="2"/>
  <c r="K8607" i="5" s="1"/>
  <c r="O8607" i="5" s="1"/>
  <c r="M3645" i="2"/>
  <c r="M3619" i="5" s="1"/>
  <c r="J3645" i="2"/>
  <c r="J3619" i="5" s="1"/>
  <c r="N3619" i="5" s="1"/>
  <c r="I3645" i="2"/>
  <c r="I3619" i="5" s="1"/>
  <c r="L3645" i="2"/>
  <c r="L3619" i="5" s="1"/>
  <c r="K3645" i="2"/>
  <c r="K3619" i="5" s="1"/>
  <c r="O3619" i="5" s="1"/>
  <c r="I3609" i="2"/>
  <c r="I3583" i="5" s="1"/>
  <c r="M3609" i="2"/>
  <c r="M3583" i="5" s="1"/>
  <c r="L3609" i="2"/>
  <c r="L3583" i="5" s="1"/>
  <c r="J3609" i="2"/>
  <c r="J3583" i="5" s="1"/>
  <c r="N3583" i="5" s="1"/>
  <c r="K3609" i="2"/>
  <c r="K3583" i="5" s="1"/>
  <c r="O3583" i="5" s="1"/>
  <c r="K5528" i="2"/>
  <c r="K5502" i="5" s="1"/>
  <c r="O5502" i="5" s="1"/>
  <c r="L5528" i="2"/>
  <c r="L5502" i="5" s="1"/>
  <c r="J5528" i="2"/>
  <c r="J5502" i="5" s="1"/>
  <c r="N5502" i="5" s="1"/>
  <c r="M5528" i="2"/>
  <c r="M5502" i="5" s="1"/>
  <c r="I5528" i="2"/>
  <c r="I5502" i="5" s="1"/>
  <c r="M5256" i="2"/>
  <c r="M5230" i="5" s="1"/>
  <c r="L5256" i="2"/>
  <c r="L5230" i="5" s="1"/>
  <c r="I5256" i="2"/>
  <c r="I5230" i="5" s="1"/>
  <c r="K5256" i="2"/>
  <c r="K5230" i="5" s="1"/>
  <c r="O5230" i="5" s="1"/>
  <c r="J5256" i="2"/>
  <c r="J5230" i="5" s="1"/>
  <c r="N5230" i="5" s="1"/>
  <c r="J5243" i="2"/>
  <c r="J5217" i="5" s="1"/>
  <c r="N5217" i="5" s="1"/>
  <c r="L5243" i="2"/>
  <c r="L5217" i="5" s="1"/>
  <c r="M5243" i="2"/>
  <c r="M5217" i="5" s="1"/>
  <c r="I5243" i="2"/>
  <c r="I5217" i="5" s="1"/>
  <c r="K5243" i="2"/>
  <c r="K5217" i="5" s="1"/>
  <c r="O5217" i="5" s="1"/>
  <c r="J6594" i="2"/>
  <c r="J6568" i="5" s="1"/>
  <c r="N6568" i="5" s="1"/>
  <c r="L6594" i="2"/>
  <c r="L6568" i="5" s="1"/>
  <c r="M6594" i="2"/>
  <c r="M6568" i="5" s="1"/>
  <c r="I6594" i="2"/>
  <c r="I6568" i="5" s="1"/>
  <c r="K6594" i="2"/>
  <c r="K6568" i="5" s="1"/>
  <c r="O6568" i="5" s="1"/>
  <c r="J6595" i="2"/>
  <c r="J6569" i="5" s="1"/>
  <c r="N6569" i="5" s="1"/>
  <c r="L6595" i="2"/>
  <c r="L6569" i="5" s="1"/>
  <c r="M6595" i="2"/>
  <c r="M6569" i="5" s="1"/>
  <c r="I6595" i="2"/>
  <c r="I6569" i="5" s="1"/>
  <c r="K6595" i="2"/>
  <c r="K6569" i="5" s="1"/>
  <c r="O6569" i="5" s="1"/>
  <c r="L2484" i="2"/>
  <c r="L2458" i="5" s="1"/>
  <c r="M2484" i="2"/>
  <c r="M2458" i="5" s="1"/>
  <c r="I2484" i="2"/>
  <c r="I2458" i="5" s="1"/>
  <c r="K2484" i="2"/>
  <c r="K2458" i="5" s="1"/>
  <c r="O2458" i="5" s="1"/>
  <c r="J2484" i="2"/>
  <c r="J2458" i="5" s="1"/>
  <c r="N2458" i="5" s="1"/>
  <c r="K2600" i="2"/>
  <c r="K2574" i="5" s="1"/>
  <c r="O2574" i="5" s="1"/>
  <c r="M2600" i="2"/>
  <c r="M2574" i="5" s="1"/>
  <c r="J2600" i="2"/>
  <c r="J2574" i="5" s="1"/>
  <c r="N2574" i="5" s="1"/>
  <c r="L2600" i="2"/>
  <c r="L2574" i="5" s="1"/>
  <c r="I2600" i="2"/>
  <c r="I2574" i="5" s="1"/>
  <c r="J6314" i="2"/>
  <c r="J6288" i="5" s="1"/>
  <c r="N6288" i="5" s="1"/>
  <c r="I6314" i="2"/>
  <c r="I6288" i="5" s="1"/>
  <c r="L6314" i="2"/>
  <c r="L6288" i="5" s="1"/>
  <c r="M6314" i="2"/>
  <c r="M6288" i="5" s="1"/>
  <c r="K6314" i="2"/>
  <c r="K6288" i="5" s="1"/>
  <c r="O6288" i="5" s="1"/>
  <c r="J3796" i="2"/>
  <c r="J3770" i="5" s="1"/>
  <c r="N3770" i="5" s="1"/>
  <c r="L3796" i="2"/>
  <c r="L3770" i="5" s="1"/>
  <c r="M3796" i="2"/>
  <c r="M3770" i="5" s="1"/>
  <c r="I3796" i="2"/>
  <c r="I3770" i="5" s="1"/>
  <c r="K3796" i="2"/>
  <c r="K3770" i="5" s="1"/>
  <c r="O3770" i="5" s="1"/>
  <c r="M2167" i="2"/>
  <c r="M2141" i="5" s="1"/>
  <c r="K2167" i="2"/>
  <c r="K2141" i="5" s="1"/>
  <c r="O2141" i="5" s="1"/>
  <c r="J2167" i="2"/>
  <c r="J2141" i="5" s="1"/>
  <c r="N2141" i="5" s="1"/>
  <c r="L2167" i="2"/>
  <c r="L2141" i="5" s="1"/>
  <c r="I2167" i="2"/>
  <c r="I2141" i="5" s="1"/>
  <c r="M6293" i="2"/>
  <c r="M6267" i="5" s="1"/>
  <c r="L6293" i="2"/>
  <c r="L6267" i="5" s="1"/>
  <c r="I6293" i="2"/>
  <c r="I6267" i="5" s="1"/>
  <c r="K6293" i="2"/>
  <c r="K6267" i="5" s="1"/>
  <c r="O6267" i="5" s="1"/>
  <c r="J6293" i="2"/>
  <c r="J6267" i="5" s="1"/>
  <c r="N6267" i="5" s="1"/>
  <c r="M3437" i="2"/>
  <c r="M3411" i="5" s="1"/>
  <c r="L3437" i="2"/>
  <c r="L3411" i="5" s="1"/>
  <c r="J3437" i="2"/>
  <c r="J3411" i="5" s="1"/>
  <c r="N3411" i="5" s="1"/>
  <c r="I3437" i="2"/>
  <c r="I3411" i="5" s="1"/>
  <c r="K3437" i="2"/>
  <c r="K3411" i="5" s="1"/>
  <c r="O3411" i="5" s="1"/>
  <c r="M6780" i="2"/>
  <c r="M6754" i="5" s="1"/>
  <c r="J6780" i="2"/>
  <c r="J6754" i="5" s="1"/>
  <c r="N6754" i="5" s="1"/>
  <c r="L6780" i="2"/>
  <c r="L6754" i="5" s="1"/>
  <c r="I6780" i="2"/>
  <c r="I6754" i="5" s="1"/>
  <c r="K6780" i="2"/>
  <c r="K6754" i="5" s="1"/>
  <c r="O6754" i="5" s="1"/>
  <c r="M7290" i="2"/>
  <c r="M7264" i="5" s="1"/>
  <c r="L7290" i="2"/>
  <c r="L7264" i="5" s="1"/>
  <c r="I7290" i="2"/>
  <c r="I7264" i="5" s="1"/>
  <c r="K7290" i="2"/>
  <c r="K7264" i="5" s="1"/>
  <c r="O7264" i="5" s="1"/>
  <c r="J7290" i="2"/>
  <c r="J7264" i="5" s="1"/>
  <c r="N7264" i="5" s="1"/>
  <c r="L1254" i="2"/>
  <c r="L1228" i="5" s="1"/>
  <c r="M1254" i="2"/>
  <c r="M1228" i="5" s="1"/>
  <c r="J1254" i="2"/>
  <c r="J1228" i="5" s="1"/>
  <c r="N1228" i="5" s="1"/>
  <c r="I1254" i="2"/>
  <c r="I1228" i="5" s="1"/>
  <c r="K1254" i="2"/>
  <c r="K1228" i="5" s="1"/>
  <c r="O1228" i="5" s="1"/>
  <c r="J1249" i="2"/>
  <c r="J1223" i="5" s="1"/>
  <c r="N1223" i="5" s="1"/>
  <c r="L1249" i="2"/>
  <c r="L1223" i="5" s="1"/>
  <c r="I1249" i="2"/>
  <c r="I1223" i="5" s="1"/>
  <c r="K1249" i="2"/>
  <c r="K1223" i="5" s="1"/>
  <c r="O1223" i="5" s="1"/>
  <c r="M1249" i="2"/>
  <c r="M1223" i="5" s="1"/>
  <c r="L3284" i="2"/>
  <c r="L3258" i="5" s="1"/>
  <c r="M3284" i="2"/>
  <c r="M3258" i="5" s="1"/>
  <c r="I3284" i="2"/>
  <c r="I3258" i="5" s="1"/>
  <c r="K3284" i="2"/>
  <c r="K3258" i="5" s="1"/>
  <c r="O3258" i="5" s="1"/>
  <c r="J3284" i="2"/>
  <c r="J3258" i="5" s="1"/>
  <c r="N3258" i="5" s="1"/>
  <c r="AR137" i="1"/>
  <c r="C143" i="5"/>
  <c r="J6811" i="2"/>
  <c r="J6785" i="5" s="1"/>
  <c r="N6785" i="5" s="1"/>
  <c r="I6811" i="2"/>
  <c r="I6785" i="5" s="1"/>
  <c r="L6811" i="2"/>
  <c r="L6785" i="5" s="1"/>
  <c r="K6811" i="2"/>
  <c r="K6785" i="5" s="1"/>
  <c r="O6785" i="5" s="1"/>
  <c r="M6811" i="2"/>
  <c r="M6785" i="5" s="1"/>
  <c r="J6816" i="2"/>
  <c r="J6790" i="5" s="1"/>
  <c r="N6790" i="5" s="1"/>
  <c r="M6816" i="2"/>
  <c r="M6790" i="5" s="1"/>
  <c r="I6816" i="2"/>
  <c r="I6790" i="5" s="1"/>
  <c r="K6816" i="2"/>
  <c r="K6790" i="5" s="1"/>
  <c r="O6790" i="5" s="1"/>
  <c r="L6816" i="2"/>
  <c r="L6790" i="5" s="1"/>
  <c r="I5417" i="2"/>
  <c r="I5391" i="5" s="1"/>
  <c r="J5417" i="2"/>
  <c r="J5391" i="5" s="1"/>
  <c r="N5391" i="5" s="1"/>
  <c r="M5417" i="2"/>
  <c r="M5391" i="5" s="1"/>
  <c r="L5417" i="2"/>
  <c r="L5391" i="5" s="1"/>
  <c r="K5417" i="2"/>
  <c r="K5391" i="5" s="1"/>
  <c r="O5391" i="5" s="1"/>
  <c r="I128" i="2"/>
  <c r="I102" i="5" s="1"/>
  <c r="L128" i="2"/>
  <c r="L102" i="5" s="1"/>
  <c r="M128" i="2"/>
  <c r="M102" i="5" s="1"/>
  <c r="K128" i="2"/>
  <c r="K102" i="5" s="1"/>
  <c r="O102" i="5" s="1"/>
  <c r="J128" i="2"/>
  <c r="J102" i="5" s="1"/>
  <c r="N102" i="5" s="1"/>
  <c r="J3916" i="2"/>
  <c r="J3890" i="5" s="1"/>
  <c r="N3890" i="5" s="1"/>
  <c r="M3916" i="2"/>
  <c r="M3890" i="5" s="1"/>
  <c r="I3916" i="2"/>
  <c r="I3890" i="5" s="1"/>
  <c r="L3916" i="2"/>
  <c r="L3890" i="5" s="1"/>
  <c r="K3916" i="2"/>
  <c r="K3890" i="5" s="1"/>
  <c r="O3890" i="5" s="1"/>
  <c r="K3899" i="2"/>
  <c r="K3873" i="5" s="1"/>
  <c r="O3873" i="5" s="1"/>
  <c r="L3899" i="2"/>
  <c r="L3873" i="5" s="1"/>
  <c r="J3899" i="2"/>
  <c r="J3873" i="5" s="1"/>
  <c r="N3873" i="5" s="1"/>
  <c r="I3899" i="2"/>
  <c r="I3873" i="5" s="1"/>
  <c r="M3899" i="2"/>
  <c r="M3873" i="5" s="1"/>
  <c r="M253" i="2"/>
  <c r="M227" i="5" s="1"/>
  <c r="L253" i="2"/>
  <c r="L227" i="5" s="1"/>
  <c r="I253" i="2"/>
  <c r="I227" i="5" s="1"/>
  <c r="K253" i="2"/>
  <c r="K227" i="5" s="1"/>
  <c r="O227" i="5" s="1"/>
  <c r="J253" i="2"/>
  <c r="J227" i="5" s="1"/>
  <c r="N227" i="5" s="1"/>
  <c r="K6351" i="2"/>
  <c r="K6325" i="5" s="1"/>
  <c r="O6325" i="5" s="1"/>
  <c r="L6351" i="2"/>
  <c r="L6325" i="5" s="1"/>
  <c r="J6351" i="2"/>
  <c r="J6325" i="5" s="1"/>
  <c r="N6325" i="5" s="1"/>
  <c r="I6351" i="2"/>
  <c r="I6325" i="5" s="1"/>
  <c r="M6351" i="2"/>
  <c r="M6325" i="5" s="1"/>
  <c r="J7209" i="2"/>
  <c r="J7183" i="5" s="1"/>
  <c r="N7183" i="5" s="1"/>
  <c r="L7209" i="2"/>
  <c r="L7183" i="5" s="1"/>
  <c r="M7209" i="2"/>
  <c r="M7183" i="5" s="1"/>
  <c r="I7209" i="2"/>
  <c r="I7183" i="5" s="1"/>
  <c r="K7209" i="2"/>
  <c r="K7183" i="5" s="1"/>
  <c r="O7183" i="5" s="1"/>
  <c r="I7197" i="2"/>
  <c r="I7171" i="5" s="1"/>
  <c r="J7197" i="2"/>
  <c r="J7171" i="5" s="1"/>
  <c r="N7171" i="5" s="1"/>
  <c r="K7197" i="2"/>
  <c r="K7171" i="5" s="1"/>
  <c r="O7171" i="5" s="1"/>
  <c r="L7197" i="2"/>
  <c r="L7171" i="5" s="1"/>
  <c r="M7197" i="2"/>
  <c r="M7171" i="5" s="1"/>
  <c r="J1592" i="2"/>
  <c r="J1566" i="5" s="1"/>
  <c r="N1566" i="5" s="1"/>
  <c r="L1592" i="2"/>
  <c r="L1566" i="5" s="1"/>
  <c r="K1592" i="2"/>
  <c r="K1566" i="5" s="1"/>
  <c r="O1566" i="5" s="1"/>
  <c r="M1592" i="2"/>
  <c r="M1566" i="5" s="1"/>
  <c r="I1592" i="2"/>
  <c r="I1566" i="5" s="1"/>
  <c r="L3506" i="2"/>
  <c r="L3480" i="5" s="1"/>
  <c r="M3506" i="2"/>
  <c r="M3480" i="5" s="1"/>
  <c r="J3506" i="2"/>
  <c r="J3480" i="5" s="1"/>
  <c r="N3480" i="5" s="1"/>
  <c r="I3506" i="2"/>
  <c r="I3480" i="5" s="1"/>
  <c r="K3506" i="2"/>
  <c r="K3480" i="5" s="1"/>
  <c r="O3480" i="5" s="1"/>
  <c r="J3507" i="2"/>
  <c r="J3481" i="5" s="1"/>
  <c r="N3481" i="5" s="1"/>
  <c r="L3507" i="2"/>
  <c r="L3481" i="5" s="1"/>
  <c r="M3507" i="2"/>
  <c r="M3481" i="5" s="1"/>
  <c r="I3507" i="2"/>
  <c r="I3481" i="5" s="1"/>
  <c r="K3507" i="2"/>
  <c r="K3481" i="5" s="1"/>
  <c r="O3481" i="5" s="1"/>
  <c r="I6685" i="2"/>
  <c r="I6659" i="5" s="1"/>
  <c r="K6685" i="2"/>
  <c r="K6659" i="5" s="1"/>
  <c r="O6659" i="5" s="1"/>
  <c r="J6685" i="2"/>
  <c r="J6659" i="5" s="1"/>
  <c r="N6659" i="5" s="1"/>
  <c r="L6685" i="2"/>
  <c r="L6659" i="5" s="1"/>
  <c r="M6685" i="2"/>
  <c r="M6659" i="5" s="1"/>
  <c r="M7128" i="2"/>
  <c r="M7102" i="5" s="1"/>
  <c r="K7128" i="2"/>
  <c r="K7102" i="5" s="1"/>
  <c r="O7102" i="5" s="1"/>
  <c r="J7128" i="2"/>
  <c r="J7102" i="5" s="1"/>
  <c r="N7102" i="5" s="1"/>
  <c r="L7128" i="2"/>
  <c r="L7102" i="5" s="1"/>
  <c r="I7128" i="2"/>
  <c r="I7102" i="5" s="1"/>
  <c r="K2137" i="2"/>
  <c r="K2111" i="5" s="1"/>
  <c r="O2111" i="5" s="1"/>
  <c r="M2137" i="2"/>
  <c r="M2111" i="5" s="1"/>
  <c r="J2137" i="2"/>
  <c r="J2111" i="5" s="1"/>
  <c r="N2111" i="5" s="1"/>
  <c r="L2137" i="2"/>
  <c r="L2111" i="5" s="1"/>
  <c r="I2137" i="2"/>
  <c r="I2111" i="5" s="1"/>
  <c r="L3325" i="2"/>
  <c r="L3299" i="5" s="1"/>
  <c r="K3325" i="2"/>
  <c r="K3299" i="5" s="1"/>
  <c r="O3299" i="5" s="1"/>
  <c r="J3325" i="2"/>
  <c r="J3299" i="5" s="1"/>
  <c r="N3299" i="5" s="1"/>
  <c r="I3325" i="2"/>
  <c r="I3299" i="5" s="1"/>
  <c r="M3325" i="2"/>
  <c r="M3299" i="5" s="1"/>
  <c r="L3332" i="2"/>
  <c r="L3306" i="5" s="1"/>
  <c r="J3332" i="2"/>
  <c r="J3306" i="5" s="1"/>
  <c r="N3306" i="5" s="1"/>
  <c r="M3332" i="2"/>
  <c r="M3306" i="5" s="1"/>
  <c r="I3332" i="2"/>
  <c r="I3306" i="5" s="1"/>
  <c r="K3332" i="2"/>
  <c r="K3306" i="5" s="1"/>
  <c r="O3306" i="5" s="1"/>
  <c r="I4506" i="2"/>
  <c r="I4480" i="5" s="1"/>
  <c r="J4506" i="2"/>
  <c r="J4480" i="5" s="1"/>
  <c r="N4480" i="5" s="1"/>
  <c r="L4506" i="2"/>
  <c r="L4480" i="5" s="1"/>
  <c r="M4506" i="2"/>
  <c r="M4480" i="5" s="1"/>
  <c r="K4506" i="2"/>
  <c r="K4480" i="5" s="1"/>
  <c r="O4480" i="5" s="1"/>
  <c r="K7448" i="2"/>
  <c r="K7422" i="5" s="1"/>
  <c r="O7422" i="5" s="1"/>
  <c r="L7448" i="2"/>
  <c r="L7422" i="5" s="1"/>
  <c r="M7448" i="2"/>
  <c r="M7422" i="5" s="1"/>
  <c r="J7448" i="2"/>
  <c r="J7422" i="5" s="1"/>
  <c r="N7422" i="5" s="1"/>
  <c r="I7448" i="2"/>
  <c r="I7422" i="5" s="1"/>
  <c r="L6503" i="2"/>
  <c r="L6477" i="5" s="1"/>
  <c r="J6503" i="2"/>
  <c r="J6477" i="5" s="1"/>
  <c r="N6477" i="5" s="1"/>
  <c r="M6503" i="2"/>
  <c r="M6477" i="5" s="1"/>
  <c r="I6503" i="2"/>
  <c r="I6477" i="5" s="1"/>
  <c r="K6503" i="2"/>
  <c r="K6477" i="5" s="1"/>
  <c r="O6477" i="5" s="1"/>
  <c r="J4849" i="2"/>
  <c r="J4823" i="5" s="1"/>
  <c r="N4823" i="5" s="1"/>
  <c r="L4849" i="2"/>
  <c r="L4823" i="5" s="1"/>
  <c r="M4849" i="2"/>
  <c r="M4823" i="5" s="1"/>
  <c r="I4849" i="2"/>
  <c r="I4823" i="5" s="1"/>
  <c r="K4849" i="2"/>
  <c r="K4823" i="5" s="1"/>
  <c r="O4823" i="5" s="1"/>
  <c r="I7858" i="2"/>
  <c r="I7832" i="5" s="1"/>
  <c r="K7858" i="2"/>
  <c r="K7832" i="5" s="1"/>
  <c r="O7832" i="5" s="1"/>
  <c r="J7858" i="2"/>
  <c r="J7832" i="5" s="1"/>
  <c r="N7832" i="5" s="1"/>
  <c r="M7858" i="2"/>
  <c r="M7832" i="5" s="1"/>
  <c r="L7858" i="2"/>
  <c r="L7832" i="5" s="1"/>
  <c r="J4906" i="2"/>
  <c r="J4880" i="5" s="1"/>
  <c r="N4880" i="5" s="1"/>
  <c r="M4906" i="2"/>
  <c r="M4880" i="5" s="1"/>
  <c r="L4906" i="2"/>
  <c r="L4880" i="5" s="1"/>
  <c r="I4906" i="2"/>
  <c r="I4880" i="5" s="1"/>
  <c r="K4906" i="2"/>
  <c r="K4880" i="5" s="1"/>
  <c r="O4880" i="5" s="1"/>
  <c r="M8289" i="2"/>
  <c r="M8263" i="5" s="1"/>
  <c r="I8289" i="2"/>
  <c r="I8263" i="5" s="1"/>
  <c r="K8289" i="2"/>
  <c r="K8263" i="5" s="1"/>
  <c r="O8263" i="5" s="1"/>
  <c r="J8289" i="2"/>
  <c r="J8263" i="5" s="1"/>
  <c r="N8263" i="5" s="1"/>
  <c r="L8289" i="2"/>
  <c r="L8263" i="5" s="1"/>
  <c r="I4626" i="2"/>
  <c r="I4600" i="5" s="1"/>
  <c r="J4626" i="2"/>
  <c r="J4600" i="5" s="1"/>
  <c r="N4600" i="5" s="1"/>
  <c r="L4626" i="2"/>
  <c r="L4600" i="5" s="1"/>
  <c r="M4626" i="2"/>
  <c r="M4600" i="5" s="1"/>
  <c r="K4626" i="2"/>
  <c r="K4600" i="5" s="1"/>
  <c r="O4600" i="5" s="1"/>
  <c r="K2425" i="2"/>
  <c r="K2399" i="5" s="1"/>
  <c r="O2399" i="5" s="1"/>
  <c r="J2425" i="2"/>
  <c r="J2399" i="5" s="1"/>
  <c r="N2399" i="5" s="1"/>
  <c r="M2425" i="2"/>
  <c r="M2399" i="5" s="1"/>
  <c r="I2425" i="2"/>
  <c r="I2399" i="5" s="1"/>
  <c r="L2425" i="2"/>
  <c r="L2399" i="5" s="1"/>
  <c r="K5311" i="2"/>
  <c r="K5285" i="5" s="1"/>
  <c r="O5285" i="5" s="1"/>
  <c r="J5311" i="2"/>
  <c r="J5285" i="5" s="1"/>
  <c r="N5285" i="5" s="1"/>
  <c r="L5311" i="2"/>
  <c r="L5285" i="5" s="1"/>
  <c r="M5311" i="2"/>
  <c r="M5285" i="5" s="1"/>
  <c r="I5311" i="2"/>
  <c r="I5285" i="5" s="1"/>
  <c r="J5300" i="2"/>
  <c r="J5274" i="5" s="1"/>
  <c r="N5274" i="5" s="1"/>
  <c r="M5300" i="2"/>
  <c r="M5274" i="5" s="1"/>
  <c r="K5300" i="2"/>
  <c r="K5274" i="5" s="1"/>
  <c r="O5274" i="5" s="1"/>
  <c r="L5300" i="2"/>
  <c r="L5274" i="5" s="1"/>
  <c r="I5300" i="2"/>
  <c r="I5274" i="5" s="1"/>
  <c r="J8000" i="2"/>
  <c r="J7974" i="5" s="1"/>
  <c r="N7974" i="5" s="1"/>
  <c r="L8000" i="2"/>
  <c r="L7974" i="5" s="1"/>
  <c r="M8000" i="2"/>
  <c r="M7974" i="5" s="1"/>
  <c r="I8000" i="2"/>
  <c r="I7974" i="5" s="1"/>
  <c r="K8000" i="2"/>
  <c r="K7974" i="5" s="1"/>
  <c r="O7974" i="5" s="1"/>
  <c r="I4098" i="2"/>
  <c r="I4072" i="5" s="1"/>
  <c r="K4098" i="2"/>
  <c r="K4072" i="5" s="1"/>
  <c r="O4072" i="5" s="1"/>
  <c r="L4098" i="2"/>
  <c r="L4072" i="5" s="1"/>
  <c r="J4098" i="2"/>
  <c r="J4072" i="5" s="1"/>
  <c r="N4072" i="5" s="1"/>
  <c r="M4098" i="2"/>
  <c r="M4072" i="5" s="1"/>
  <c r="J8625" i="2"/>
  <c r="J8599" i="5" s="1"/>
  <c r="N8599" i="5" s="1"/>
  <c r="L8625" i="2"/>
  <c r="L8599" i="5" s="1"/>
  <c r="M8625" i="2"/>
  <c r="M8599" i="5" s="1"/>
  <c r="I8625" i="2"/>
  <c r="I8599" i="5" s="1"/>
  <c r="K8625" i="2"/>
  <c r="K8599" i="5" s="1"/>
  <c r="O8599" i="5" s="1"/>
  <c r="L6087" i="2"/>
  <c r="L6061" i="5" s="1"/>
  <c r="I6087" i="2"/>
  <c r="I6061" i="5" s="1"/>
  <c r="J6087" i="2"/>
  <c r="J6061" i="5" s="1"/>
  <c r="N6061" i="5" s="1"/>
  <c r="M6087" i="2"/>
  <c r="M6061" i="5" s="1"/>
  <c r="K6087" i="2"/>
  <c r="K6061" i="5" s="1"/>
  <c r="O6061" i="5" s="1"/>
  <c r="I3971" i="2"/>
  <c r="I3945" i="5" s="1"/>
  <c r="K3971" i="2"/>
  <c r="K3945" i="5" s="1"/>
  <c r="O3945" i="5" s="1"/>
  <c r="J3971" i="2"/>
  <c r="J3945" i="5" s="1"/>
  <c r="N3945" i="5" s="1"/>
  <c r="M3971" i="2"/>
  <c r="M3945" i="5" s="1"/>
  <c r="L3971" i="2"/>
  <c r="L3945" i="5" s="1"/>
  <c r="K6132" i="2"/>
  <c r="K6106" i="5" s="1"/>
  <c r="O6106" i="5" s="1"/>
  <c r="L6132" i="2"/>
  <c r="L6106" i="5" s="1"/>
  <c r="I6132" i="2"/>
  <c r="I6106" i="5" s="1"/>
  <c r="J6132" i="2"/>
  <c r="J6106" i="5" s="1"/>
  <c r="N6106" i="5" s="1"/>
  <c r="M6132" i="2"/>
  <c r="M6106" i="5" s="1"/>
  <c r="L5778" i="2"/>
  <c r="L5752" i="5" s="1"/>
  <c r="M5778" i="2"/>
  <c r="M5752" i="5" s="1"/>
  <c r="I5778" i="2"/>
  <c r="I5752" i="5" s="1"/>
  <c r="K5778" i="2"/>
  <c r="K5752" i="5" s="1"/>
  <c r="O5752" i="5" s="1"/>
  <c r="J5778" i="2"/>
  <c r="J5752" i="5" s="1"/>
  <c r="N5752" i="5" s="1"/>
  <c r="M8707" i="2"/>
  <c r="M8681" i="5" s="1"/>
  <c r="I8707" i="2"/>
  <c r="I8681" i="5" s="1"/>
  <c r="J8707" i="2"/>
  <c r="J8681" i="5" s="1"/>
  <c r="N8681" i="5" s="1"/>
  <c r="L8707" i="2"/>
  <c r="L8681" i="5" s="1"/>
  <c r="K8707" i="2"/>
  <c r="K8681" i="5" s="1"/>
  <c r="O8681" i="5" s="1"/>
  <c r="M5326" i="2"/>
  <c r="M5300" i="5" s="1"/>
  <c r="L5326" i="2"/>
  <c r="L5300" i="5" s="1"/>
  <c r="I5326" i="2"/>
  <c r="I5300" i="5" s="1"/>
  <c r="K5326" i="2"/>
  <c r="K5300" i="5" s="1"/>
  <c r="O5300" i="5" s="1"/>
  <c r="J5326" i="2"/>
  <c r="J5300" i="5" s="1"/>
  <c r="N5300" i="5" s="1"/>
  <c r="J7264" i="2"/>
  <c r="J7238" i="5" s="1"/>
  <c r="N7238" i="5" s="1"/>
  <c r="M7264" i="2"/>
  <c r="M7238" i="5" s="1"/>
  <c r="L7264" i="2"/>
  <c r="L7238" i="5" s="1"/>
  <c r="I7264" i="2"/>
  <c r="I7238" i="5" s="1"/>
  <c r="K7264" i="2"/>
  <c r="K7238" i="5" s="1"/>
  <c r="O7238" i="5" s="1"/>
  <c r="M6337" i="2"/>
  <c r="M6311" i="5" s="1"/>
  <c r="J6337" i="2"/>
  <c r="J6311" i="5" s="1"/>
  <c r="N6311" i="5" s="1"/>
  <c r="L6337" i="2"/>
  <c r="L6311" i="5" s="1"/>
  <c r="I6337" i="2"/>
  <c r="I6311" i="5" s="1"/>
  <c r="K6337" i="2"/>
  <c r="K6311" i="5" s="1"/>
  <c r="O6311" i="5" s="1"/>
  <c r="L7800" i="2"/>
  <c r="L7774" i="5" s="1"/>
  <c r="J7800" i="2"/>
  <c r="J7774" i="5" s="1"/>
  <c r="N7774" i="5" s="1"/>
  <c r="I7800" i="2"/>
  <c r="I7774" i="5" s="1"/>
  <c r="K7800" i="2"/>
  <c r="K7774" i="5" s="1"/>
  <c r="O7774" i="5" s="1"/>
  <c r="M7800" i="2"/>
  <c r="M7774" i="5" s="1"/>
  <c r="K6427" i="2"/>
  <c r="K6401" i="5" s="1"/>
  <c r="O6401" i="5" s="1"/>
  <c r="L6427" i="2"/>
  <c r="L6401" i="5" s="1"/>
  <c r="M6427" i="2"/>
  <c r="M6401" i="5" s="1"/>
  <c r="I6427" i="2"/>
  <c r="I6401" i="5" s="1"/>
  <c r="J6427" i="2"/>
  <c r="J6401" i="5" s="1"/>
  <c r="N6401" i="5" s="1"/>
  <c r="C274" i="5"/>
  <c r="AR268" i="1"/>
  <c r="K8023" i="2"/>
  <c r="K7997" i="5" s="1"/>
  <c r="O7997" i="5" s="1"/>
  <c r="L8023" i="2"/>
  <c r="L7997" i="5" s="1"/>
  <c r="J8023" i="2"/>
  <c r="J7997" i="5" s="1"/>
  <c r="N7997" i="5" s="1"/>
  <c r="I8023" i="2"/>
  <c r="I7997" i="5" s="1"/>
  <c r="M8023" i="2"/>
  <c r="M7997" i="5" s="1"/>
  <c r="M5694" i="2"/>
  <c r="M5668" i="5" s="1"/>
  <c r="J5694" i="2"/>
  <c r="J5668" i="5" s="1"/>
  <c r="N5668" i="5" s="1"/>
  <c r="I5694" i="2"/>
  <c r="I5668" i="5" s="1"/>
  <c r="K5694" i="2"/>
  <c r="K5668" i="5" s="1"/>
  <c r="O5668" i="5" s="1"/>
  <c r="L5694" i="2"/>
  <c r="L5668" i="5" s="1"/>
  <c r="L4802" i="2"/>
  <c r="L4776" i="5" s="1"/>
  <c r="M4802" i="2"/>
  <c r="M4776" i="5" s="1"/>
  <c r="I4802" i="2"/>
  <c r="I4776" i="5" s="1"/>
  <c r="K4802" i="2"/>
  <c r="K4776" i="5" s="1"/>
  <c r="O4776" i="5" s="1"/>
  <c r="J4802" i="2"/>
  <c r="J4776" i="5" s="1"/>
  <c r="N4776" i="5" s="1"/>
  <c r="J4801" i="2"/>
  <c r="J4775" i="5" s="1"/>
  <c r="N4775" i="5" s="1"/>
  <c r="M4801" i="2"/>
  <c r="M4775" i="5" s="1"/>
  <c r="L4801" i="2"/>
  <c r="L4775" i="5" s="1"/>
  <c r="I4801" i="2"/>
  <c r="I4775" i="5" s="1"/>
  <c r="K4801" i="2"/>
  <c r="K4775" i="5" s="1"/>
  <c r="O4775" i="5" s="1"/>
  <c r="M8505" i="2"/>
  <c r="M8479" i="5" s="1"/>
  <c r="L8505" i="2"/>
  <c r="L8479" i="5" s="1"/>
  <c r="I8505" i="2"/>
  <c r="I8479" i="5" s="1"/>
  <c r="J8505" i="2"/>
  <c r="J8479" i="5" s="1"/>
  <c r="N8479" i="5" s="1"/>
  <c r="K8505" i="2"/>
  <c r="K8479" i="5" s="1"/>
  <c r="O8479" i="5" s="1"/>
  <c r="I6869" i="2"/>
  <c r="I6843" i="5" s="1"/>
  <c r="K6869" i="2"/>
  <c r="K6843" i="5" s="1"/>
  <c r="O6843" i="5" s="1"/>
  <c r="M6869" i="2"/>
  <c r="M6843" i="5" s="1"/>
  <c r="L6869" i="2"/>
  <c r="L6843" i="5" s="1"/>
  <c r="J6869" i="2"/>
  <c r="J6843" i="5" s="1"/>
  <c r="N6843" i="5" s="1"/>
  <c r="M142" i="2"/>
  <c r="M116" i="5" s="1"/>
  <c r="J142" i="2"/>
  <c r="J116" i="5" s="1"/>
  <c r="N116" i="5" s="1"/>
  <c r="L142" i="2"/>
  <c r="L116" i="5" s="1"/>
  <c r="K142" i="2"/>
  <c r="K116" i="5" s="1"/>
  <c r="O116" i="5" s="1"/>
  <c r="I142" i="2"/>
  <c r="I116" i="5" s="1"/>
  <c r="I8656" i="2"/>
  <c r="I8630" i="5" s="1"/>
  <c r="K8656" i="2"/>
  <c r="K8630" i="5" s="1"/>
  <c r="O8630" i="5" s="1"/>
  <c r="L8656" i="2"/>
  <c r="L8630" i="5" s="1"/>
  <c r="M8656" i="2"/>
  <c r="M8630" i="5" s="1"/>
  <c r="J8656" i="2"/>
  <c r="J8630" i="5" s="1"/>
  <c r="N8630" i="5" s="1"/>
  <c r="L8670" i="2"/>
  <c r="L8644" i="5" s="1"/>
  <c r="J8670" i="2"/>
  <c r="J8644" i="5" s="1"/>
  <c r="N8644" i="5" s="1"/>
  <c r="I8670" i="2"/>
  <c r="I8644" i="5" s="1"/>
  <c r="M8670" i="2"/>
  <c r="M8644" i="5" s="1"/>
  <c r="K8670" i="2"/>
  <c r="K8644" i="5" s="1"/>
  <c r="O8644" i="5" s="1"/>
  <c r="L4301" i="2"/>
  <c r="L4275" i="5" s="1"/>
  <c r="M4301" i="2"/>
  <c r="M4275" i="5" s="1"/>
  <c r="I4301" i="2"/>
  <c r="I4275" i="5" s="1"/>
  <c r="K4301" i="2"/>
  <c r="K4275" i="5" s="1"/>
  <c r="O4275" i="5" s="1"/>
  <c r="J4301" i="2"/>
  <c r="J4275" i="5" s="1"/>
  <c r="N4275" i="5" s="1"/>
  <c r="J6266" i="2"/>
  <c r="J6240" i="5" s="1"/>
  <c r="N6240" i="5" s="1"/>
  <c r="I6266" i="2"/>
  <c r="I6240" i="5" s="1"/>
  <c r="L6266" i="2"/>
  <c r="L6240" i="5" s="1"/>
  <c r="M6266" i="2"/>
  <c r="M6240" i="5" s="1"/>
  <c r="K6266" i="2"/>
  <c r="K6240" i="5" s="1"/>
  <c r="O6240" i="5" s="1"/>
  <c r="L7841" i="2"/>
  <c r="L7815" i="5" s="1"/>
  <c r="J7841" i="2"/>
  <c r="J7815" i="5" s="1"/>
  <c r="N7815" i="5" s="1"/>
  <c r="M7841" i="2"/>
  <c r="M7815" i="5" s="1"/>
  <c r="I7841" i="2"/>
  <c r="I7815" i="5" s="1"/>
  <c r="K7841" i="2"/>
  <c r="K7815" i="5" s="1"/>
  <c r="O7815" i="5" s="1"/>
  <c r="M631" i="2"/>
  <c r="M605" i="5" s="1"/>
  <c r="J631" i="2"/>
  <c r="J605" i="5" s="1"/>
  <c r="N605" i="5" s="1"/>
  <c r="I631" i="2"/>
  <c r="I605" i="5" s="1"/>
  <c r="K631" i="2"/>
  <c r="K605" i="5" s="1"/>
  <c r="O605" i="5" s="1"/>
  <c r="L631" i="2"/>
  <c r="L605" i="5" s="1"/>
  <c r="J2757" i="2"/>
  <c r="J2731" i="5" s="1"/>
  <c r="N2731" i="5" s="1"/>
  <c r="M2757" i="2"/>
  <c r="M2731" i="5" s="1"/>
  <c r="I2757" i="2"/>
  <c r="I2731" i="5" s="1"/>
  <c r="K2757" i="2"/>
  <c r="K2731" i="5" s="1"/>
  <c r="O2731" i="5" s="1"/>
  <c r="L2757" i="2"/>
  <c r="L2731" i="5" s="1"/>
  <c r="J2765" i="2"/>
  <c r="J2739" i="5" s="1"/>
  <c r="N2739" i="5" s="1"/>
  <c r="M2765" i="2"/>
  <c r="M2739" i="5" s="1"/>
  <c r="I2765" i="2"/>
  <c r="I2739" i="5" s="1"/>
  <c r="K2765" i="2"/>
  <c r="K2739" i="5" s="1"/>
  <c r="O2739" i="5" s="1"/>
  <c r="L2765" i="2"/>
  <c r="L2739" i="5" s="1"/>
  <c r="I1379" i="2"/>
  <c r="I1353" i="5" s="1"/>
  <c r="K1379" i="2"/>
  <c r="K1353" i="5" s="1"/>
  <c r="O1353" i="5" s="1"/>
  <c r="L1379" i="2"/>
  <c r="L1353" i="5" s="1"/>
  <c r="M1379" i="2"/>
  <c r="M1353" i="5" s="1"/>
  <c r="J1379" i="2"/>
  <c r="J1353" i="5" s="1"/>
  <c r="N1353" i="5" s="1"/>
  <c r="M568" i="2"/>
  <c r="M542" i="5" s="1"/>
  <c r="L568" i="2"/>
  <c r="L542" i="5" s="1"/>
  <c r="I568" i="2"/>
  <c r="I542" i="5" s="1"/>
  <c r="K568" i="2"/>
  <c r="K542" i="5" s="1"/>
  <c r="O542" i="5" s="1"/>
  <c r="J568" i="2"/>
  <c r="J542" i="5" s="1"/>
  <c r="N542" i="5" s="1"/>
  <c r="M7712" i="2"/>
  <c r="M7686" i="5" s="1"/>
  <c r="L7712" i="2"/>
  <c r="L7686" i="5" s="1"/>
  <c r="I7712" i="2"/>
  <c r="I7686" i="5" s="1"/>
  <c r="K7712" i="2"/>
  <c r="K7686" i="5" s="1"/>
  <c r="O7686" i="5" s="1"/>
  <c r="J7712" i="2"/>
  <c r="J7686" i="5" s="1"/>
  <c r="N7686" i="5" s="1"/>
  <c r="I8439" i="2"/>
  <c r="I8413" i="5" s="1"/>
  <c r="K8439" i="2"/>
  <c r="K8413" i="5" s="1"/>
  <c r="O8413" i="5" s="1"/>
  <c r="L8439" i="2"/>
  <c r="L8413" i="5" s="1"/>
  <c r="J8439" i="2"/>
  <c r="J8413" i="5" s="1"/>
  <c r="N8413" i="5" s="1"/>
  <c r="M8439" i="2"/>
  <c r="M8413" i="5" s="1"/>
  <c r="I5109" i="2"/>
  <c r="I5083" i="5" s="1"/>
  <c r="K5109" i="2"/>
  <c r="K5083" i="5" s="1"/>
  <c r="O5083" i="5" s="1"/>
  <c r="J5109" i="2"/>
  <c r="J5083" i="5" s="1"/>
  <c r="N5083" i="5" s="1"/>
  <c r="L5109" i="2"/>
  <c r="L5083" i="5" s="1"/>
  <c r="M5109" i="2"/>
  <c r="M5083" i="5" s="1"/>
  <c r="I1761" i="2"/>
  <c r="I1735" i="5" s="1"/>
  <c r="K1761" i="2"/>
  <c r="K1735" i="5" s="1"/>
  <c r="O1735" i="5" s="1"/>
  <c r="L1761" i="2"/>
  <c r="L1735" i="5" s="1"/>
  <c r="M1761" i="2"/>
  <c r="M1735" i="5" s="1"/>
  <c r="J1761" i="2"/>
  <c r="J1735" i="5" s="1"/>
  <c r="N1735" i="5" s="1"/>
  <c r="L3620" i="2"/>
  <c r="L3594" i="5" s="1"/>
  <c r="I3620" i="2"/>
  <c r="I3594" i="5" s="1"/>
  <c r="J3620" i="2"/>
  <c r="J3594" i="5" s="1"/>
  <c r="N3594" i="5" s="1"/>
  <c r="M3620" i="2"/>
  <c r="M3594" i="5" s="1"/>
  <c r="K3620" i="2"/>
  <c r="K3594" i="5" s="1"/>
  <c r="O3594" i="5" s="1"/>
  <c r="K2912" i="2"/>
  <c r="K2886" i="5" s="1"/>
  <c r="O2886" i="5" s="1"/>
  <c r="L2912" i="2"/>
  <c r="L2886" i="5" s="1"/>
  <c r="I2912" i="2"/>
  <c r="I2886" i="5" s="1"/>
  <c r="J2912" i="2"/>
  <c r="J2886" i="5" s="1"/>
  <c r="N2886" i="5" s="1"/>
  <c r="M2912" i="2"/>
  <c r="M2886" i="5" s="1"/>
  <c r="J6678" i="2"/>
  <c r="J6652" i="5" s="1"/>
  <c r="N6652" i="5" s="1"/>
  <c r="M6678" i="2"/>
  <c r="M6652" i="5" s="1"/>
  <c r="L6678" i="2"/>
  <c r="L6652" i="5" s="1"/>
  <c r="I6678" i="2"/>
  <c r="I6652" i="5" s="1"/>
  <c r="K6678" i="2"/>
  <c r="K6652" i="5" s="1"/>
  <c r="O6652" i="5" s="1"/>
  <c r="M5943" i="2"/>
  <c r="M5917" i="5" s="1"/>
  <c r="I5943" i="2"/>
  <c r="I5917" i="5" s="1"/>
  <c r="J5943" i="2"/>
  <c r="J5917" i="5" s="1"/>
  <c r="N5917" i="5" s="1"/>
  <c r="L5943" i="2"/>
  <c r="L5917" i="5" s="1"/>
  <c r="K5943" i="2"/>
  <c r="K5917" i="5" s="1"/>
  <c r="O5917" i="5" s="1"/>
  <c r="K4682" i="2"/>
  <c r="K4656" i="5" s="1"/>
  <c r="O4656" i="5" s="1"/>
  <c r="J4682" i="2"/>
  <c r="J4656" i="5" s="1"/>
  <c r="N4656" i="5" s="1"/>
  <c r="L4682" i="2"/>
  <c r="L4656" i="5" s="1"/>
  <c r="M4682" i="2"/>
  <c r="M4656" i="5" s="1"/>
  <c r="I4682" i="2"/>
  <c r="I4656" i="5" s="1"/>
  <c r="K6160" i="2"/>
  <c r="K6134" i="5" s="1"/>
  <c r="O6134" i="5" s="1"/>
  <c r="M6160" i="2"/>
  <c r="M6134" i="5" s="1"/>
  <c r="J6160" i="2"/>
  <c r="J6134" i="5" s="1"/>
  <c r="N6134" i="5" s="1"/>
  <c r="I6160" i="2"/>
  <c r="I6134" i="5" s="1"/>
  <c r="L6160" i="2"/>
  <c r="L6134" i="5" s="1"/>
  <c r="M2444" i="2"/>
  <c r="M2418" i="5" s="1"/>
  <c r="I2444" i="2"/>
  <c r="I2418" i="5" s="1"/>
  <c r="K2444" i="2"/>
  <c r="K2418" i="5" s="1"/>
  <c r="O2418" i="5" s="1"/>
  <c r="J2444" i="2"/>
  <c r="J2418" i="5" s="1"/>
  <c r="N2418" i="5" s="1"/>
  <c r="L2444" i="2"/>
  <c r="L2418" i="5" s="1"/>
  <c r="J2615" i="2"/>
  <c r="J2589" i="5" s="1"/>
  <c r="N2589" i="5" s="1"/>
  <c r="I2615" i="2"/>
  <c r="I2589" i="5" s="1"/>
  <c r="K2615" i="2"/>
  <c r="K2589" i="5" s="1"/>
  <c r="O2589" i="5" s="1"/>
  <c r="M2615" i="2"/>
  <c r="M2589" i="5" s="1"/>
  <c r="L2615" i="2"/>
  <c r="L2589" i="5" s="1"/>
  <c r="J8384" i="2"/>
  <c r="J8358" i="5" s="1"/>
  <c r="N8358" i="5" s="1"/>
  <c r="M8384" i="2"/>
  <c r="M8358" i="5" s="1"/>
  <c r="I8384" i="2"/>
  <c r="I8358" i="5" s="1"/>
  <c r="K8384" i="2"/>
  <c r="K8358" i="5" s="1"/>
  <c r="O8358" i="5" s="1"/>
  <c r="L8384" i="2"/>
  <c r="L8358" i="5" s="1"/>
  <c r="I1639" i="2"/>
  <c r="I1613" i="5" s="1"/>
  <c r="K1639" i="2"/>
  <c r="K1613" i="5" s="1"/>
  <c r="O1613" i="5" s="1"/>
  <c r="M1639" i="2"/>
  <c r="M1613" i="5" s="1"/>
  <c r="L1639" i="2"/>
  <c r="L1613" i="5" s="1"/>
  <c r="J1639" i="2"/>
  <c r="J1613" i="5" s="1"/>
  <c r="N1613" i="5" s="1"/>
  <c r="L1626" i="2"/>
  <c r="L1600" i="5" s="1"/>
  <c r="I1626" i="2"/>
  <c r="I1600" i="5" s="1"/>
  <c r="K1626" i="2"/>
  <c r="K1600" i="5" s="1"/>
  <c r="O1600" i="5" s="1"/>
  <c r="J1626" i="2"/>
  <c r="J1600" i="5" s="1"/>
  <c r="N1600" i="5" s="1"/>
  <c r="M1626" i="2"/>
  <c r="M1600" i="5" s="1"/>
  <c r="I3157" i="2"/>
  <c r="I3131" i="5" s="1"/>
  <c r="K3157" i="2"/>
  <c r="K3131" i="5" s="1"/>
  <c r="O3131" i="5" s="1"/>
  <c r="J3157" i="2"/>
  <c r="J3131" i="5" s="1"/>
  <c r="N3131" i="5" s="1"/>
  <c r="M3157" i="2"/>
  <c r="M3131" i="5" s="1"/>
  <c r="L3157" i="2"/>
  <c r="L3131" i="5" s="1"/>
  <c r="M3447" i="2"/>
  <c r="M3421" i="5" s="1"/>
  <c r="L3447" i="2"/>
  <c r="L3421" i="5" s="1"/>
  <c r="I3447" i="2"/>
  <c r="I3421" i="5" s="1"/>
  <c r="K3447" i="2"/>
  <c r="K3421" i="5" s="1"/>
  <c r="O3421" i="5" s="1"/>
  <c r="J3447" i="2"/>
  <c r="J3421" i="5" s="1"/>
  <c r="N3421" i="5" s="1"/>
  <c r="K900" i="2"/>
  <c r="K874" i="5" s="1"/>
  <c r="O874" i="5" s="1"/>
  <c r="I900" i="2"/>
  <c r="I874" i="5" s="1"/>
  <c r="J900" i="2"/>
  <c r="J874" i="5" s="1"/>
  <c r="N874" i="5" s="1"/>
  <c r="M900" i="2"/>
  <c r="M874" i="5" s="1"/>
  <c r="L900" i="2"/>
  <c r="L874" i="5" s="1"/>
  <c r="I7937" i="2"/>
  <c r="I7911" i="5" s="1"/>
  <c r="J7937" i="2"/>
  <c r="J7911" i="5" s="1"/>
  <c r="N7911" i="5" s="1"/>
  <c r="K7937" i="2"/>
  <c r="K7911" i="5" s="1"/>
  <c r="O7911" i="5" s="1"/>
  <c r="M7937" i="2"/>
  <c r="M7911" i="5" s="1"/>
  <c r="L7937" i="2"/>
  <c r="L7911" i="5" s="1"/>
  <c r="L1915" i="2"/>
  <c r="L1889" i="5" s="1"/>
  <c r="J1915" i="2"/>
  <c r="J1889" i="5" s="1"/>
  <c r="N1889" i="5" s="1"/>
  <c r="M1915" i="2"/>
  <c r="M1889" i="5" s="1"/>
  <c r="I1915" i="2"/>
  <c r="I1889" i="5" s="1"/>
  <c r="K1915" i="2"/>
  <c r="K1889" i="5" s="1"/>
  <c r="O1889" i="5" s="1"/>
  <c r="L2733" i="2"/>
  <c r="L2707" i="5" s="1"/>
  <c r="M2733" i="2"/>
  <c r="M2707" i="5" s="1"/>
  <c r="I2733" i="2"/>
  <c r="I2707" i="5" s="1"/>
  <c r="K2733" i="2"/>
  <c r="K2707" i="5" s="1"/>
  <c r="O2707" i="5" s="1"/>
  <c r="J2733" i="2"/>
  <c r="J2707" i="5" s="1"/>
  <c r="N2707" i="5" s="1"/>
  <c r="J3006" i="2"/>
  <c r="J2980" i="5" s="1"/>
  <c r="N2980" i="5" s="1"/>
  <c r="M3006" i="2"/>
  <c r="M2980" i="5" s="1"/>
  <c r="L3006" i="2"/>
  <c r="L2980" i="5" s="1"/>
  <c r="I3006" i="2"/>
  <c r="I2980" i="5" s="1"/>
  <c r="K3006" i="2"/>
  <c r="K2980" i="5" s="1"/>
  <c r="O2980" i="5" s="1"/>
  <c r="J3009" i="2"/>
  <c r="J2983" i="5" s="1"/>
  <c r="N2983" i="5" s="1"/>
  <c r="L3009" i="2"/>
  <c r="L2983" i="5" s="1"/>
  <c r="M3009" i="2"/>
  <c r="M2983" i="5" s="1"/>
  <c r="I3009" i="2"/>
  <c r="I2983" i="5" s="1"/>
  <c r="K3009" i="2"/>
  <c r="K2983" i="5" s="1"/>
  <c r="O2983" i="5" s="1"/>
  <c r="J298" i="2"/>
  <c r="J272" i="5" s="1"/>
  <c r="N272" i="5" s="1"/>
  <c r="L298" i="2"/>
  <c r="L272" i="5" s="1"/>
  <c r="M298" i="2"/>
  <c r="M272" i="5" s="1"/>
  <c r="I298" i="2"/>
  <c r="I272" i="5" s="1"/>
  <c r="K298" i="2"/>
  <c r="K272" i="5" s="1"/>
  <c r="O272" i="5" s="1"/>
  <c r="K7488" i="2"/>
  <c r="K7462" i="5" s="1"/>
  <c r="O7462" i="5" s="1"/>
  <c r="J7488" i="2"/>
  <c r="J7462" i="5" s="1"/>
  <c r="N7462" i="5" s="1"/>
  <c r="L7488" i="2"/>
  <c r="L7462" i="5" s="1"/>
  <c r="I7488" i="2"/>
  <c r="I7462" i="5" s="1"/>
  <c r="M7488" i="2"/>
  <c r="M7462" i="5" s="1"/>
  <c r="M7535" i="2"/>
  <c r="M7509" i="5" s="1"/>
  <c r="J7535" i="2"/>
  <c r="J7509" i="5" s="1"/>
  <c r="N7509" i="5" s="1"/>
  <c r="L7535" i="2"/>
  <c r="L7509" i="5" s="1"/>
  <c r="I7535" i="2"/>
  <c r="I7509" i="5" s="1"/>
  <c r="K7535" i="2"/>
  <c r="K7509" i="5" s="1"/>
  <c r="O7509" i="5" s="1"/>
  <c r="M7531" i="2"/>
  <c r="M7505" i="5" s="1"/>
  <c r="J7531" i="2"/>
  <c r="J7505" i="5" s="1"/>
  <c r="N7505" i="5" s="1"/>
  <c r="I7531" i="2"/>
  <c r="I7505" i="5" s="1"/>
  <c r="L7531" i="2"/>
  <c r="L7505" i="5" s="1"/>
  <c r="K7531" i="2"/>
  <c r="K7505" i="5" s="1"/>
  <c r="O7505" i="5" s="1"/>
  <c r="L5183" i="2"/>
  <c r="L5157" i="5" s="1"/>
  <c r="I5183" i="2"/>
  <c r="I5157" i="5" s="1"/>
  <c r="K5183" i="2"/>
  <c r="K5157" i="5" s="1"/>
  <c r="O5157" i="5" s="1"/>
  <c r="M5183" i="2"/>
  <c r="M5157" i="5" s="1"/>
  <c r="J5183" i="2"/>
  <c r="J5157" i="5" s="1"/>
  <c r="N5157" i="5" s="1"/>
  <c r="K3804" i="2"/>
  <c r="K3778" i="5" s="1"/>
  <c r="O3778" i="5" s="1"/>
  <c r="L3804" i="2"/>
  <c r="L3778" i="5" s="1"/>
  <c r="M3804" i="2"/>
  <c r="M3778" i="5" s="1"/>
  <c r="J3804" i="2"/>
  <c r="J3778" i="5" s="1"/>
  <c r="N3778" i="5" s="1"/>
  <c r="I3804" i="2"/>
  <c r="I3778" i="5" s="1"/>
  <c r="J433" i="2"/>
  <c r="J407" i="5" s="1"/>
  <c r="N407" i="5" s="1"/>
  <c r="L433" i="2"/>
  <c r="L407" i="5" s="1"/>
  <c r="K433" i="2"/>
  <c r="K407" i="5" s="1"/>
  <c r="O407" i="5" s="1"/>
  <c r="M433" i="2"/>
  <c r="M407" i="5" s="1"/>
  <c r="I433" i="2"/>
  <c r="I407" i="5" s="1"/>
  <c r="L4349" i="2"/>
  <c r="L4323" i="5" s="1"/>
  <c r="I4349" i="2"/>
  <c r="I4323" i="5" s="1"/>
  <c r="K4349" i="2"/>
  <c r="K4323" i="5" s="1"/>
  <c r="O4323" i="5" s="1"/>
  <c r="J4349" i="2"/>
  <c r="J4323" i="5" s="1"/>
  <c r="N4323" i="5" s="1"/>
  <c r="M4349" i="2"/>
  <c r="M4323" i="5" s="1"/>
  <c r="M950" i="2"/>
  <c r="M924" i="5" s="1"/>
  <c r="J950" i="2"/>
  <c r="J924" i="5" s="1"/>
  <c r="N924" i="5" s="1"/>
  <c r="L950" i="2"/>
  <c r="L924" i="5" s="1"/>
  <c r="I950" i="2"/>
  <c r="I924" i="5" s="1"/>
  <c r="K950" i="2"/>
  <c r="K924" i="5" s="1"/>
  <c r="O924" i="5" s="1"/>
  <c r="L86" i="2"/>
  <c r="L60" i="5" s="1"/>
  <c r="J86" i="2"/>
  <c r="J60" i="5" s="1"/>
  <c r="N60" i="5" s="1"/>
  <c r="M86" i="2"/>
  <c r="M60" i="5" s="1"/>
  <c r="K86" i="2"/>
  <c r="K60" i="5" s="1"/>
  <c r="O60" i="5" s="1"/>
  <c r="I86" i="2"/>
  <c r="I60" i="5" s="1"/>
  <c r="M105" i="2"/>
  <c r="M79" i="5" s="1"/>
  <c r="L105" i="2"/>
  <c r="L79" i="5" s="1"/>
  <c r="J105" i="2"/>
  <c r="J79" i="5" s="1"/>
  <c r="N79" i="5" s="1"/>
  <c r="K105" i="2"/>
  <c r="K79" i="5" s="1"/>
  <c r="O79" i="5" s="1"/>
  <c r="I105" i="2"/>
  <c r="I79" i="5" s="1"/>
  <c r="J1950" i="2"/>
  <c r="J1924" i="5" s="1"/>
  <c r="N1924" i="5" s="1"/>
  <c r="L1950" i="2"/>
  <c r="L1924" i="5" s="1"/>
  <c r="M1950" i="2"/>
  <c r="M1924" i="5" s="1"/>
  <c r="I1950" i="2"/>
  <c r="I1924" i="5" s="1"/>
  <c r="K1950" i="2"/>
  <c r="K1924" i="5" s="1"/>
  <c r="O1924" i="5" s="1"/>
  <c r="M8325" i="2"/>
  <c r="M8299" i="5" s="1"/>
  <c r="L8325" i="2"/>
  <c r="L8299" i="5" s="1"/>
  <c r="I8325" i="2"/>
  <c r="I8299" i="5" s="1"/>
  <c r="K8325" i="2"/>
  <c r="K8299" i="5" s="1"/>
  <c r="O8299" i="5" s="1"/>
  <c r="J8325" i="2"/>
  <c r="J8299" i="5" s="1"/>
  <c r="N8299" i="5" s="1"/>
  <c r="J8537" i="2"/>
  <c r="J8511" i="5" s="1"/>
  <c r="N8511" i="5" s="1"/>
  <c r="L8537" i="2"/>
  <c r="L8511" i="5" s="1"/>
  <c r="M8537" i="2"/>
  <c r="M8511" i="5" s="1"/>
  <c r="I8537" i="2"/>
  <c r="I8511" i="5" s="1"/>
  <c r="K8537" i="2"/>
  <c r="K8511" i="5" s="1"/>
  <c r="O8511" i="5" s="1"/>
  <c r="J8547" i="2"/>
  <c r="J8521" i="5" s="1"/>
  <c r="N8521" i="5" s="1"/>
  <c r="L8547" i="2"/>
  <c r="L8521" i="5" s="1"/>
  <c r="M8547" i="2"/>
  <c r="M8521" i="5" s="1"/>
  <c r="I8547" i="2"/>
  <c r="I8521" i="5" s="1"/>
  <c r="K8547" i="2"/>
  <c r="K8521" i="5" s="1"/>
  <c r="O8521" i="5" s="1"/>
  <c r="J448" i="2"/>
  <c r="J422" i="5" s="1"/>
  <c r="N422" i="5" s="1"/>
  <c r="L448" i="2"/>
  <c r="L422" i="5" s="1"/>
  <c r="K448" i="2"/>
  <c r="K422" i="5" s="1"/>
  <c r="O422" i="5" s="1"/>
  <c r="M448" i="2"/>
  <c r="M422" i="5" s="1"/>
  <c r="I448" i="2"/>
  <c r="I422" i="5" s="1"/>
  <c r="K2318" i="2"/>
  <c r="K2292" i="5" s="1"/>
  <c r="O2292" i="5" s="1"/>
  <c r="J2318" i="2"/>
  <c r="J2292" i="5" s="1"/>
  <c r="N2292" i="5" s="1"/>
  <c r="L2318" i="2"/>
  <c r="L2292" i="5" s="1"/>
  <c r="M2318" i="2"/>
  <c r="M2292" i="5" s="1"/>
  <c r="I2318" i="2"/>
  <c r="I2292" i="5" s="1"/>
  <c r="K4606" i="2"/>
  <c r="K4580" i="5" s="1"/>
  <c r="O4580" i="5" s="1"/>
  <c r="L4606" i="2"/>
  <c r="L4580" i="5" s="1"/>
  <c r="J4606" i="2"/>
  <c r="J4580" i="5" s="1"/>
  <c r="N4580" i="5" s="1"/>
  <c r="M4606" i="2"/>
  <c r="M4580" i="5" s="1"/>
  <c r="I4606" i="2"/>
  <c r="I4580" i="5" s="1"/>
  <c r="L4258" i="2"/>
  <c r="L4232" i="5" s="1"/>
  <c r="I4258" i="2"/>
  <c r="I4232" i="5" s="1"/>
  <c r="K4258" i="2"/>
  <c r="K4232" i="5" s="1"/>
  <c r="O4232" i="5" s="1"/>
  <c r="M4258" i="2"/>
  <c r="M4232" i="5" s="1"/>
  <c r="J4258" i="2"/>
  <c r="J4232" i="5" s="1"/>
  <c r="N4232" i="5" s="1"/>
  <c r="L741" i="2"/>
  <c r="L715" i="5" s="1"/>
  <c r="M741" i="2"/>
  <c r="M715" i="5" s="1"/>
  <c r="I741" i="2"/>
  <c r="I715" i="5" s="1"/>
  <c r="K741" i="2"/>
  <c r="K715" i="5" s="1"/>
  <c r="O715" i="5" s="1"/>
  <c r="J741" i="2"/>
  <c r="J715" i="5" s="1"/>
  <c r="N715" i="5" s="1"/>
  <c r="M4080" i="2"/>
  <c r="M4054" i="5" s="1"/>
  <c r="L4080" i="2"/>
  <c r="L4054" i="5" s="1"/>
  <c r="I4080" i="2"/>
  <c r="I4054" i="5" s="1"/>
  <c r="K4080" i="2"/>
  <c r="K4054" i="5" s="1"/>
  <c r="O4054" i="5" s="1"/>
  <c r="J4080" i="2"/>
  <c r="J4054" i="5" s="1"/>
  <c r="N4054" i="5" s="1"/>
  <c r="C176" i="5"/>
  <c r="AR170" i="1"/>
  <c r="M7166" i="2"/>
  <c r="M7140" i="5" s="1"/>
  <c r="L7166" i="2"/>
  <c r="L7140" i="5" s="1"/>
  <c r="I7166" i="2"/>
  <c r="I7140" i="5" s="1"/>
  <c r="K7166" i="2"/>
  <c r="K7140" i="5" s="1"/>
  <c r="O7140" i="5" s="1"/>
  <c r="J7166" i="2"/>
  <c r="J7140" i="5" s="1"/>
  <c r="N7140" i="5" s="1"/>
  <c r="J7162" i="2"/>
  <c r="J7136" i="5" s="1"/>
  <c r="N7136" i="5" s="1"/>
  <c r="L7162" i="2"/>
  <c r="L7136" i="5" s="1"/>
  <c r="M7162" i="2"/>
  <c r="M7136" i="5" s="1"/>
  <c r="I7162" i="2"/>
  <c r="I7136" i="5" s="1"/>
  <c r="K7162" i="2"/>
  <c r="K7136" i="5" s="1"/>
  <c r="O7136" i="5" s="1"/>
  <c r="J729" i="2"/>
  <c r="J703" i="5" s="1"/>
  <c r="N703" i="5" s="1"/>
  <c r="M729" i="2"/>
  <c r="M703" i="5" s="1"/>
  <c r="I729" i="2"/>
  <c r="I703" i="5" s="1"/>
  <c r="K729" i="2"/>
  <c r="K703" i="5" s="1"/>
  <c r="O703" i="5" s="1"/>
  <c r="L729" i="2"/>
  <c r="L703" i="5" s="1"/>
  <c r="K728" i="2"/>
  <c r="K702" i="5" s="1"/>
  <c r="O702" i="5" s="1"/>
  <c r="J728" i="2"/>
  <c r="J702" i="5" s="1"/>
  <c r="N702" i="5" s="1"/>
  <c r="M728" i="2"/>
  <c r="M702" i="5" s="1"/>
  <c r="I728" i="2"/>
  <c r="I702" i="5" s="1"/>
  <c r="L728" i="2"/>
  <c r="L702" i="5" s="1"/>
  <c r="K7601" i="2"/>
  <c r="K7575" i="5" s="1"/>
  <c r="O7575" i="5" s="1"/>
  <c r="I7601" i="2"/>
  <c r="I7575" i="5" s="1"/>
  <c r="M7601" i="2"/>
  <c r="M7575" i="5" s="1"/>
  <c r="J7601" i="2"/>
  <c r="J7575" i="5" s="1"/>
  <c r="N7575" i="5" s="1"/>
  <c r="L7601" i="2"/>
  <c r="L7575" i="5" s="1"/>
  <c r="AZ13" i="1"/>
  <c r="AU31" i="1" s="1"/>
  <c r="L5608" i="2"/>
  <c r="L5582" i="5" s="1"/>
  <c r="J5608" i="2"/>
  <c r="J5582" i="5" s="1"/>
  <c r="N5582" i="5" s="1"/>
  <c r="M5608" i="2"/>
  <c r="M5582" i="5" s="1"/>
  <c r="I5608" i="2"/>
  <c r="I5582" i="5" s="1"/>
  <c r="K5608" i="2"/>
  <c r="K5582" i="5" s="1"/>
  <c r="O5582" i="5" s="1"/>
  <c r="J5619" i="2"/>
  <c r="J5593" i="5" s="1"/>
  <c r="N5593" i="5" s="1"/>
  <c r="L5619" i="2"/>
  <c r="L5593" i="5" s="1"/>
  <c r="M5619" i="2"/>
  <c r="M5593" i="5" s="1"/>
  <c r="I5619" i="2"/>
  <c r="I5593" i="5" s="1"/>
  <c r="K5619" i="2"/>
  <c r="K5593" i="5" s="1"/>
  <c r="O5593" i="5" s="1"/>
  <c r="M8170" i="2"/>
  <c r="M8144" i="5" s="1"/>
  <c r="I8170" i="2"/>
  <c r="I8144" i="5" s="1"/>
  <c r="L8170" i="2"/>
  <c r="L8144" i="5" s="1"/>
  <c r="K8170" i="2"/>
  <c r="K8144" i="5" s="1"/>
  <c r="O8144" i="5" s="1"/>
  <c r="J8170" i="2"/>
  <c r="J8144" i="5" s="1"/>
  <c r="N8144" i="5" s="1"/>
  <c r="L1144" i="2"/>
  <c r="L1118" i="5" s="1"/>
  <c r="M1144" i="2"/>
  <c r="M1118" i="5" s="1"/>
  <c r="I1144" i="2"/>
  <c r="I1118" i="5" s="1"/>
  <c r="J1144" i="2"/>
  <c r="J1118" i="5" s="1"/>
  <c r="N1118" i="5" s="1"/>
  <c r="K1144" i="2"/>
  <c r="K1118" i="5" s="1"/>
  <c r="O1118" i="5" s="1"/>
  <c r="M2468" i="2"/>
  <c r="M2442" i="5" s="1"/>
  <c r="I2468" i="2"/>
  <c r="I2442" i="5" s="1"/>
  <c r="L2468" i="2"/>
  <c r="L2442" i="5" s="1"/>
  <c r="K2468" i="2"/>
  <c r="K2442" i="5" s="1"/>
  <c r="O2442" i="5" s="1"/>
  <c r="J2468" i="2"/>
  <c r="J2442" i="5" s="1"/>
  <c r="N2442" i="5" s="1"/>
  <c r="I926" i="2"/>
  <c r="I900" i="5" s="1"/>
  <c r="K926" i="2"/>
  <c r="K900" i="5" s="1"/>
  <c r="O900" i="5" s="1"/>
  <c r="J926" i="2"/>
  <c r="J900" i="5" s="1"/>
  <c r="N900" i="5" s="1"/>
  <c r="L926" i="2"/>
  <c r="L900" i="5" s="1"/>
  <c r="M926" i="2"/>
  <c r="M900" i="5" s="1"/>
  <c r="J789" i="2"/>
  <c r="J763" i="5" s="1"/>
  <c r="N763" i="5" s="1"/>
  <c r="L789" i="2"/>
  <c r="L763" i="5" s="1"/>
  <c r="M789" i="2"/>
  <c r="M763" i="5" s="1"/>
  <c r="I789" i="2"/>
  <c r="I763" i="5" s="1"/>
  <c r="K789" i="2"/>
  <c r="K763" i="5" s="1"/>
  <c r="O763" i="5" s="1"/>
  <c r="K602" i="2"/>
  <c r="K576" i="5" s="1"/>
  <c r="O576" i="5" s="1"/>
  <c r="J602" i="2"/>
  <c r="J576" i="5" s="1"/>
  <c r="N576" i="5" s="1"/>
  <c r="L602" i="2"/>
  <c r="L576" i="5" s="1"/>
  <c r="I602" i="2"/>
  <c r="I576" i="5" s="1"/>
  <c r="M602" i="2"/>
  <c r="M576" i="5" s="1"/>
  <c r="L7348" i="2"/>
  <c r="L7322" i="5" s="1"/>
  <c r="M7348" i="2"/>
  <c r="M7322" i="5" s="1"/>
  <c r="I7348" i="2"/>
  <c r="I7322" i="5" s="1"/>
  <c r="K7348" i="2"/>
  <c r="K7322" i="5" s="1"/>
  <c r="O7322" i="5" s="1"/>
  <c r="J7348" i="2"/>
  <c r="J7322" i="5" s="1"/>
  <c r="N7322" i="5" s="1"/>
  <c r="J7339" i="2"/>
  <c r="J7313" i="5" s="1"/>
  <c r="N7313" i="5" s="1"/>
  <c r="M7339" i="2"/>
  <c r="M7313" i="5" s="1"/>
  <c r="I7339" i="2"/>
  <c r="I7313" i="5" s="1"/>
  <c r="L7339" i="2"/>
  <c r="L7313" i="5" s="1"/>
  <c r="K7339" i="2"/>
  <c r="K7313" i="5" s="1"/>
  <c r="O7313" i="5" s="1"/>
  <c r="J2826" i="2"/>
  <c r="J2800" i="5" s="1"/>
  <c r="N2800" i="5" s="1"/>
  <c r="M2826" i="2"/>
  <c r="M2800" i="5" s="1"/>
  <c r="L2826" i="2"/>
  <c r="L2800" i="5" s="1"/>
  <c r="I2826" i="2"/>
  <c r="I2800" i="5" s="1"/>
  <c r="K2826" i="2"/>
  <c r="K2800" i="5" s="1"/>
  <c r="O2800" i="5" s="1"/>
  <c r="C124" i="5"/>
  <c r="AR118" i="1"/>
  <c r="L4977" i="2"/>
  <c r="L4951" i="5" s="1"/>
  <c r="I4977" i="2"/>
  <c r="I4951" i="5" s="1"/>
  <c r="K4977" i="2"/>
  <c r="K4951" i="5" s="1"/>
  <c r="O4951" i="5" s="1"/>
  <c r="J4977" i="2"/>
  <c r="J4951" i="5" s="1"/>
  <c r="N4951" i="5" s="1"/>
  <c r="M4977" i="2"/>
  <c r="M4951" i="5" s="1"/>
  <c r="J1436" i="2"/>
  <c r="J1410" i="5" s="1"/>
  <c r="N1410" i="5" s="1"/>
  <c r="L1436" i="2"/>
  <c r="L1410" i="5" s="1"/>
  <c r="M1436" i="2"/>
  <c r="M1410" i="5" s="1"/>
  <c r="I1436" i="2"/>
  <c r="I1410" i="5" s="1"/>
  <c r="K1436" i="2"/>
  <c r="K1410" i="5" s="1"/>
  <c r="O1410" i="5" s="1"/>
  <c r="I1785" i="2"/>
  <c r="I1759" i="5" s="1"/>
  <c r="K1785" i="2"/>
  <c r="K1759" i="5" s="1"/>
  <c r="O1759" i="5" s="1"/>
  <c r="J1785" i="2"/>
  <c r="J1759" i="5" s="1"/>
  <c r="N1759" i="5" s="1"/>
  <c r="L1785" i="2"/>
  <c r="L1759" i="5" s="1"/>
  <c r="M1785" i="2"/>
  <c r="M1759" i="5" s="1"/>
  <c r="K1762" i="2"/>
  <c r="K1736" i="5" s="1"/>
  <c r="O1736" i="5" s="1"/>
  <c r="M1762" i="2"/>
  <c r="M1736" i="5" s="1"/>
  <c r="J1762" i="2"/>
  <c r="J1736" i="5" s="1"/>
  <c r="N1736" i="5" s="1"/>
  <c r="L1762" i="2"/>
  <c r="L1736" i="5" s="1"/>
  <c r="I1762" i="2"/>
  <c r="I1736" i="5" s="1"/>
  <c r="L8124" i="2"/>
  <c r="L8098" i="5" s="1"/>
  <c r="I8124" i="2"/>
  <c r="I8098" i="5" s="1"/>
  <c r="J8124" i="2"/>
  <c r="J8098" i="5" s="1"/>
  <c r="N8098" i="5" s="1"/>
  <c r="M8124" i="2"/>
  <c r="M8098" i="5" s="1"/>
  <c r="K8124" i="2"/>
  <c r="K8098" i="5" s="1"/>
  <c r="O8098" i="5" s="1"/>
  <c r="L5588" i="2"/>
  <c r="L5562" i="5" s="1"/>
  <c r="M5588" i="2"/>
  <c r="M5562" i="5" s="1"/>
  <c r="I5588" i="2"/>
  <c r="I5562" i="5" s="1"/>
  <c r="K5588" i="2"/>
  <c r="K5562" i="5" s="1"/>
  <c r="O5562" i="5" s="1"/>
  <c r="J5588" i="2"/>
  <c r="J5562" i="5" s="1"/>
  <c r="N5562" i="5" s="1"/>
  <c r="K1552" i="2"/>
  <c r="K1526" i="5" s="1"/>
  <c r="O1526" i="5" s="1"/>
  <c r="L1552" i="2"/>
  <c r="L1526" i="5" s="1"/>
  <c r="J1552" i="2"/>
  <c r="J1526" i="5" s="1"/>
  <c r="N1526" i="5" s="1"/>
  <c r="I1552" i="2"/>
  <c r="I1526" i="5" s="1"/>
  <c r="M1552" i="2"/>
  <c r="M1526" i="5" s="1"/>
  <c r="M290" i="2"/>
  <c r="M264" i="5" s="1"/>
  <c r="J290" i="2"/>
  <c r="J264" i="5" s="1"/>
  <c r="N264" i="5" s="1"/>
  <c r="K290" i="2"/>
  <c r="K264" i="5" s="1"/>
  <c r="O264" i="5" s="1"/>
  <c r="I290" i="2"/>
  <c r="I264" i="5" s="1"/>
  <c r="L290" i="2"/>
  <c r="L264" i="5" s="1"/>
  <c r="L293" i="2"/>
  <c r="L267" i="5" s="1"/>
  <c r="J293" i="2"/>
  <c r="J267" i="5" s="1"/>
  <c r="N267" i="5" s="1"/>
  <c r="K293" i="2"/>
  <c r="K267" i="5" s="1"/>
  <c r="O267" i="5" s="1"/>
  <c r="I293" i="2"/>
  <c r="I267" i="5" s="1"/>
  <c r="M293" i="2"/>
  <c r="M267" i="5" s="1"/>
  <c r="J6445" i="2"/>
  <c r="J6419" i="5" s="1"/>
  <c r="N6419" i="5" s="1"/>
  <c r="I6445" i="2"/>
  <c r="I6419" i="5" s="1"/>
  <c r="K6445" i="2"/>
  <c r="K6419" i="5" s="1"/>
  <c r="O6419" i="5" s="1"/>
  <c r="L6445" i="2"/>
  <c r="L6419" i="5" s="1"/>
  <c r="M6445" i="2"/>
  <c r="M6419" i="5" s="1"/>
  <c r="J2564" i="2"/>
  <c r="J2538" i="5" s="1"/>
  <c r="N2538" i="5" s="1"/>
  <c r="M2564" i="2"/>
  <c r="M2538" i="5" s="1"/>
  <c r="L2564" i="2"/>
  <c r="L2538" i="5" s="1"/>
  <c r="I2564" i="2"/>
  <c r="I2538" i="5" s="1"/>
  <c r="K2564" i="2"/>
  <c r="K2538" i="5" s="1"/>
  <c r="O2538" i="5" s="1"/>
  <c r="L3244" i="2"/>
  <c r="L3218" i="5" s="1"/>
  <c r="M3244" i="2"/>
  <c r="M3218" i="5" s="1"/>
  <c r="I3244" i="2"/>
  <c r="I3218" i="5" s="1"/>
  <c r="K3244" i="2"/>
  <c r="K3218" i="5" s="1"/>
  <c r="O3218" i="5" s="1"/>
  <c r="J3244" i="2"/>
  <c r="J3218" i="5" s="1"/>
  <c r="N3218" i="5" s="1"/>
  <c r="I3744" i="2"/>
  <c r="I3718" i="5" s="1"/>
  <c r="K3744" i="2"/>
  <c r="K3718" i="5" s="1"/>
  <c r="O3718" i="5" s="1"/>
  <c r="J3744" i="2"/>
  <c r="J3718" i="5" s="1"/>
  <c r="N3718" i="5" s="1"/>
  <c r="M3744" i="2"/>
  <c r="M3718" i="5" s="1"/>
  <c r="L3744" i="2"/>
  <c r="L3718" i="5" s="1"/>
  <c r="M2092" i="2"/>
  <c r="M2066" i="5" s="1"/>
  <c r="L2092" i="2"/>
  <c r="L2066" i="5" s="1"/>
  <c r="I2092" i="2"/>
  <c r="I2066" i="5" s="1"/>
  <c r="K2092" i="2"/>
  <c r="K2066" i="5" s="1"/>
  <c r="O2066" i="5" s="1"/>
  <c r="J2092" i="2"/>
  <c r="J2066" i="5" s="1"/>
  <c r="N2066" i="5" s="1"/>
  <c r="M2926" i="2"/>
  <c r="M2900" i="5" s="1"/>
  <c r="K2926" i="2"/>
  <c r="K2900" i="5" s="1"/>
  <c r="O2900" i="5" s="1"/>
  <c r="J2926" i="2"/>
  <c r="J2900" i="5" s="1"/>
  <c r="N2900" i="5" s="1"/>
  <c r="L2926" i="2"/>
  <c r="L2900" i="5" s="1"/>
  <c r="I2926" i="2"/>
  <c r="I2900" i="5" s="1"/>
  <c r="J7356" i="2"/>
  <c r="J7330" i="5" s="1"/>
  <c r="N7330" i="5" s="1"/>
  <c r="M7356" i="2"/>
  <c r="M7330" i="5" s="1"/>
  <c r="L7356" i="2"/>
  <c r="L7330" i="5" s="1"/>
  <c r="I7356" i="2"/>
  <c r="I7330" i="5" s="1"/>
  <c r="K7356" i="2"/>
  <c r="K7330" i="5" s="1"/>
  <c r="O7330" i="5" s="1"/>
  <c r="M4252" i="2"/>
  <c r="M4226" i="5" s="1"/>
  <c r="L4252" i="2"/>
  <c r="L4226" i="5" s="1"/>
  <c r="J4252" i="2"/>
  <c r="J4226" i="5" s="1"/>
  <c r="N4226" i="5" s="1"/>
  <c r="I4252" i="2"/>
  <c r="I4226" i="5" s="1"/>
  <c r="K4252" i="2"/>
  <c r="K4226" i="5" s="1"/>
  <c r="O4226" i="5" s="1"/>
  <c r="K4247" i="2"/>
  <c r="K4221" i="5" s="1"/>
  <c r="O4221" i="5" s="1"/>
  <c r="L4247" i="2"/>
  <c r="L4221" i="5" s="1"/>
  <c r="J4247" i="2"/>
  <c r="J4221" i="5" s="1"/>
  <c r="N4221" i="5" s="1"/>
  <c r="M4247" i="2"/>
  <c r="M4221" i="5" s="1"/>
  <c r="I4247" i="2"/>
  <c r="I4221" i="5" s="1"/>
  <c r="L2803" i="2"/>
  <c r="L2777" i="5" s="1"/>
  <c r="I2803" i="2"/>
  <c r="I2777" i="5" s="1"/>
  <c r="M2803" i="2"/>
  <c r="M2777" i="5" s="1"/>
  <c r="J2803" i="2"/>
  <c r="J2777" i="5" s="1"/>
  <c r="N2777" i="5" s="1"/>
  <c r="K2803" i="2"/>
  <c r="K2777" i="5" s="1"/>
  <c r="O2777" i="5" s="1"/>
  <c r="J5926" i="2"/>
  <c r="J5900" i="5" s="1"/>
  <c r="N5900" i="5" s="1"/>
  <c r="L5926" i="2"/>
  <c r="L5900" i="5" s="1"/>
  <c r="M5926" i="2"/>
  <c r="M5900" i="5" s="1"/>
  <c r="I5926" i="2"/>
  <c r="I5900" i="5" s="1"/>
  <c r="K5926" i="2"/>
  <c r="K5900" i="5" s="1"/>
  <c r="O5900" i="5" s="1"/>
  <c r="M6772" i="2"/>
  <c r="M6746" i="5" s="1"/>
  <c r="J6772" i="2"/>
  <c r="J6746" i="5" s="1"/>
  <c r="N6746" i="5" s="1"/>
  <c r="L6772" i="2"/>
  <c r="L6746" i="5" s="1"/>
  <c r="I6772" i="2"/>
  <c r="I6746" i="5" s="1"/>
  <c r="K6772" i="2"/>
  <c r="K6746" i="5" s="1"/>
  <c r="O6746" i="5" s="1"/>
  <c r="L2234" i="2"/>
  <c r="L2208" i="5" s="1"/>
  <c r="J2234" i="2"/>
  <c r="J2208" i="5" s="1"/>
  <c r="N2208" i="5" s="1"/>
  <c r="M2234" i="2"/>
  <c r="M2208" i="5" s="1"/>
  <c r="I2234" i="2"/>
  <c r="I2208" i="5" s="1"/>
  <c r="K2234" i="2"/>
  <c r="K2208" i="5" s="1"/>
  <c r="O2208" i="5" s="1"/>
  <c r="I1797" i="2"/>
  <c r="I1771" i="5" s="1"/>
  <c r="K1797" i="2"/>
  <c r="K1771" i="5" s="1"/>
  <c r="O1771" i="5" s="1"/>
  <c r="M1797" i="2"/>
  <c r="M1771" i="5" s="1"/>
  <c r="J1797" i="2"/>
  <c r="J1771" i="5" s="1"/>
  <c r="N1771" i="5" s="1"/>
  <c r="L1797" i="2"/>
  <c r="L1771" i="5" s="1"/>
  <c r="I1822" i="2"/>
  <c r="I1796" i="5" s="1"/>
  <c r="K1822" i="2"/>
  <c r="K1796" i="5" s="1"/>
  <c r="O1796" i="5" s="1"/>
  <c r="J1822" i="2"/>
  <c r="J1796" i="5" s="1"/>
  <c r="N1796" i="5" s="1"/>
  <c r="L1822" i="2"/>
  <c r="L1796" i="5" s="1"/>
  <c r="M1822" i="2"/>
  <c r="M1796" i="5" s="1"/>
  <c r="M4659" i="2"/>
  <c r="M4633" i="5" s="1"/>
  <c r="L4659" i="2"/>
  <c r="L4633" i="5" s="1"/>
  <c r="I4659" i="2"/>
  <c r="I4633" i="5" s="1"/>
  <c r="K4659" i="2"/>
  <c r="K4633" i="5" s="1"/>
  <c r="O4633" i="5" s="1"/>
  <c r="J4659" i="2"/>
  <c r="J4633" i="5" s="1"/>
  <c r="N4633" i="5" s="1"/>
  <c r="M4646" i="2"/>
  <c r="M4620" i="5" s="1"/>
  <c r="L4646" i="2"/>
  <c r="L4620" i="5" s="1"/>
  <c r="J4646" i="2"/>
  <c r="J4620" i="5" s="1"/>
  <c r="N4620" i="5" s="1"/>
  <c r="I4646" i="2"/>
  <c r="I4620" i="5" s="1"/>
  <c r="K4646" i="2"/>
  <c r="K4620" i="5" s="1"/>
  <c r="O4620" i="5" s="1"/>
  <c r="L809" i="2"/>
  <c r="L783" i="5" s="1"/>
  <c r="K809" i="2"/>
  <c r="K783" i="5" s="1"/>
  <c r="O783" i="5" s="1"/>
  <c r="J809" i="2"/>
  <c r="J783" i="5" s="1"/>
  <c r="N783" i="5" s="1"/>
  <c r="M809" i="2"/>
  <c r="M783" i="5" s="1"/>
  <c r="I809" i="2"/>
  <c r="I783" i="5" s="1"/>
  <c r="K2941" i="2"/>
  <c r="K2915" i="5" s="1"/>
  <c r="O2915" i="5" s="1"/>
  <c r="L2941" i="2"/>
  <c r="L2915" i="5" s="1"/>
  <c r="J2941" i="2"/>
  <c r="J2915" i="5" s="1"/>
  <c r="N2915" i="5" s="1"/>
  <c r="I2941" i="2"/>
  <c r="I2915" i="5" s="1"/>
  <c r="M2941" i="2"/>
  <c r="M2915" i="5" s="1"/>
  <c r="M7815" i="2"/>
  <c r="M7789" i="5" s="1"/>
  <c r="L7815" i="2"/>
  <c r="L7789" i="5" s="1"/>
  <c r="I7815" i="2"/>
  <c r="I7789" i="5" s="1"/>
  <c r="K7815" i="2"/>
  <c r="K7789" i="5" s="1"/>
  <c r="O7789" i="5" s="1"/>
  <c r="J7815" i="2"/>
  <c r="J7789" i="5" s="1"/>
  <c r="N7789" i="5" s="1"/>
  <c r="M982" i="2"/>
  <c r="M956" i="5" s="1"/>
  <c r="I982" i="2"/>
  <c r="I956" i="5" s="1"/>
  <c r="L982" i="2"/>
  <c r="L956" i="5" s="1"/>
  <c r="K982" i="2"/>
  <c r="K956" i="5" s="1"/>
  <c r="O956" i="5" s="1"/>
  <c r="J982" i="2"/>
  <c r="J956" i="5" s="1"/>
  <c r="N956" i="5" s="1"/>
  <c r="J8469" i="2"/>
  <c r="J8443" i="5" s="1"/>
  <c r="N8443" i="5" s="1"/>
  <c r="M8469" i="2"/>
  <c r="M8443" i="5" s="1"/>
  <c r="L8469" i="2"/>
  <c r="L8443" i="5" s="1"/>
  <c r="I8469" i="2"/>
  <c r="I8443" i="5" s="1"/>
  <c r="K8469" i="2"/>
  <c r="K8443" i="5" s="1"/>
  <c r="O8443" i="5" s="1"/>
  <c r="L4496" i="2"/>
  <c r="L4470" i="5" s="1"/>
  <c r="J4496" i="2"/>
  <c r="J4470" i="5" s="1"/>
  <c r="N4470" i="5" s="1"/>
  <c r="I4496" i="2"/>
  <c r="I4470" i="5" s="1"/>
  <c r="M4496" i="2"/>
  <c r="M4470" i="5" s="1"/>
  <c r="K4496" i="2"/>
  <c r="K4470" i="5" s="1"/>
  <c r="O4470" i="5" s="1"/>
  <c r="L2243" i="2"/>
  <c r="L2217" i="5" s="1"/>
  <c r="M2243" i="2"/>
  <c r="M2217" i="5" s="1"/>
  <c r="I2243" i="2"/>
  <c r="I2217" i="5" s="1"/>
  <c r="K2243" i="2"/>
  <c r="K2217" i="5" s="1"/>
  <c r="O2217" i="5" s="1"/>
  <c r="J2243" i="2"/>
  <c r="J2217" i="5" s="1"/>
  <c r="N2217" i="5" s="1"/>
  <c r="L3773" i="2"/>
  <c r="L3747" i="5" s="1"/>
  <c r="I3773" i="2"/>
  <c r="I3747" i="5" s="1"/>
  <c r="K3773" i="2"/>
  <c r="K3747" i="5" s="1"/>
  <c r="O3747" i="5" s="1"/>
  <c r="M3773" i="2"/>
  <c r="M3747" i="5" s="1"/>
  <c r="J3773" i="2"/>
  <c r="J3747" i="5" s="1"/>
  <c r="N3747" i="5" s="1"/>
  <c r="I891" i="2"/>
  <c r="I865" i="5" s="1"/>
  <c r="K891" i="2"/>
  <c r="K865" i="5" s="1"/>
  <c r="O865" i="5" s="1"/>
  <c r="J891" i="2"/>
  <c r="J865" i="5" s="1"/>
  <c r="N865" i="5" s="1"/>
  <c r="L891" i="2"/>
  <c r="L865" i="5" s="1"/>
  <c r="M891" i="2"/>
  <c r="M865" i="5" s="1"/>
  <c r="M5844" i="2"/>
  <c r="M5818" i="5" s="1"/>
  <c r="K5844" i="2"/>
  <c r="K5818" i="5" s="1"/>
  <c r="O5818" i="5" s="1"/>
  <c r="J5844" i="2"/>
  <c r="J5818" i="5" s="1"/>
  <c r="N5818" i="5" s="1"/>
  <c r="L5844" i="2"/>
  <c r="L5818" i="5" s="1"/>
  <c r="I5844" i="2"/>
  <c r="I5818" i="5" s="1"/>
  <c r="M5762" i="2"/>
  <c r="M5736" i="5" s="1"/>
  <c r="L5762" i="2"/>
  <c r="L5736" i="5" s="1"/>
  <c r="I5762" i="2"/>
  <c r="I5736" i="5" s="1"/>
  <c r="K5762" i="2"/>
  <c r="K5736" i="5" s="1"/>
  <c r="O5736" i="5" s="1"/>
  <c r="J5762" i="2"/>
  <c r="J5736" i="5" s="1"/>
  <c r="N5736" i="5" s="1"/>
  <c r="L202" i="2"/>
  <c r="L176" i="5" s="1"/>
  <c r="M202" i="2"/>
  <c r="M176" i="5" s="1"/>
  <c r="K202" i="2"/>
  <c r="K176" i="5" s="1"/>
  <c r="O176" i="5" s="1"/>
  <c r="J202" i="2"/>
  <c r="J176" i="5" s="1"/>
  <c r="N176" i="5" s="1"/>
  <c r="I202" i="2"/>
  <c r="I176" i="5" s="1"/>
  <c r="J4939" i="2"/>
  <c r="J4913" i="5" s="1"/>
  <c r="N4913" i="5" s="1"/>
  <c r="L4939" i="2"/>
  <c r="L4913" i="5" s="1"/>
  <c r="I4939" i="2"/>
  <c r="I4913" i="5" s="1"/>
  <c r="M4939" i="2"/>
  <c r="M4913" i="5" s="1"/>
  <c r="K4939" i="2"/>
  <c r="K4913" i="5" s="1"/>
  <c r="O4913" i="5" s="1"/>
  <c r="J4951" i="2"/>
  <c r="J4925" i="5" s="1"/>
  <c r="N4925" i="5" s="1"/>
  <c r="M4951" i="2"/>
  <c r="M4925" i="5" s="1"/>
  <c r="L4951" i="2"/>
  <c r="L4925" i="5" s="1"/>
  <c r="I4951" i="2"/>
  <c r="I4925" i="5" s="1"/>
  <c r="K4951" i="2"/>
  <c r="K4925" i="5" s="1"/>
  <c r="O4925" i="5" s="1"/>
  <c r="L7090" i="2"/>
  <c r="L7064" i="5" s="1"/>
  <c r="M7090" i="2"/>
  <c r="M7064" i="5" s="1"/>
  <c r="I7090" i="2"/>
  <c r="I7064" i="5" s="1"/>
  <c r="K7090" i="2"/>
  <c r="K7064" i="5" s="1"/>
  <c r="O7064" i="5" s="1"/>
  <c r="J7090" i="2"/>
  <c r="J7064" i="5" s="1"/>
  <c r="N7064" i="5" s="1"/>
  <c r="M386" i="2"/>
  <c r="M360" i="5" s="1"/>
  <c r="I386" i="2"/>
  <c r="I360" i="5" s="1"/>
  <c r="J386" i="2"/>
  <c r="J360" i="5" s="1"/>
  <c r="N360" i="5" s="1"/>
  <c r="K386" i="2"/>
  <c r="K360" i="5" s="1"/>
  <c r="O360" i="5" s="1"/>
  <c r="L386" i="2"/>
  <c r="L360" i="5" s="1"/>
  <c r="M5481" i="2"/>
  <c r="M5455" i="5" s="1"/>
  <c r="K5481" i="2"/>
  <c r="K5455" i="5" s="1"/>
  <c r="O5455" i="5" s="1"/>
  <c r="J5481" i="2"/>
  <c r="J5455" i="5" s="1"/>
  <c r="N5455" i="5" s="1"/>
  <c r="L5481" i="2"/>
  <c r="L5455" i="5" s="1"/>
  <c r="I5481" i="2"/>
  <c r="I5455" i="5" s="1"/>
  <c r="M2985" i="2"/>
  <c r="M2959" i="5" s="1"/>
  <c r="J2985" i="2"/>
  <c r="J2959" i="5" s="1"/>
  <c r="N2959" i="5" s="1"/>
  <c r="L2985" i="2"/>
  <c r="L2959" i="5" s="1"/>
  <c r="I2985" i="2"/>
  <c r="I2959" i="5" s="1"/>
  <c r="K2985" i="2"/>
  <c r="K2959" i="5" s="1"/>
  <c r="O2959" i="5" s="1"/>
  <c r="L1659" i="2"/>
  <c r="L1633" i="5" s="1"/>
  <c r="K1659" i="2"/>
  <c r="K1633" i="5" s="1"/>
  <c r="O1633" i="5" s="1"/>
  <c r="M1659" i="2"/>
  <c r="M1633" i="5" s="1"/>
  <c r="J1659" i="2"/>
  <c r="J1633" i="5" s="1"/>
  <c r="N1633" i="5" s="1"/>
  <c r="I1659" i="2"/>
  <c r="I1633" i="5" s="1"/>
  <c r="I8199" i="2"/>
  <c r="I8173" i="5" s="1"/>
  <c r="K8199" i="2"/>
  <c r="K8173" i="5" s="1"/>
  <c r="O8173" i="5" s="1"/>
  <c r="J8199" i="2"/>
  <c r="J8173" i="5" s="1"/>
  <c r="N8173" i="5" s="1"/>
  <c r="L8199" i="2"/>
  <c r="L8173" i="5" s="1"/>
  <c r="M8199" i="2"/>
  <c r="M8173" i="5" s="1"/>
  <c r="M5162" i="2"/>
  <c r="M5136" i="5" s="1"/>
  <c r="I5162" i="2"/>
  <c r="I5136" i="5" s="1"/>
  <c r="K5162" i="2"/>
  <c r="K5136" i="5" s="1"/>
  <c r="O5136" i="5" s="1"/>
  <c r="J5162" i="2"/>
  <c r="J5136" i="5" s="1"/>
  <c r="N5136" i="5" s="1"/>
  <c r="L5162" i="2"/>
  <c r="L5136" i="5" s="1"/>
  <c r="I6656" i="2"/>
  <c r="I6630" i="5" s="1"/>
  <c r="K6656" i="2"/>
  <c r="K6630" i="5" s="1"/>
  <c r="O6630" i="5" s="1"/>
  <c r="L6656" i="2"/>
  <c r="L6630" i="5" s="1"/>
  <c r="M6656" i="2"/>
  <c r="M6630" i="5" s="1"/>
  <c r="J6656" i="2"/>
  <c r="J6630" i="5" s="1"/>
  <c r="N6630" i="5" s="1"/>
  <c r="M6655" i="2"/>
  <c r="M6629" i="5" s="1"/>
  <c r="I6655" i="2"/>
  <c r="I6629" i="5" s="1"/>
  <c r="J6655" i="2"/>
  <c r="J6629" i="5" s="1"/>
  <c r="N6629" i="5" s="1"/>
  <c r="L6655" i="2"/>
  <c r="L6629" i="5" s="1"/>
  <c r="K6655" i="2"/>
  <c r="K6629" i="5" s="1"/>
  <c r="O6629" i="5" s="1"/>
  <c r="J4420" i="2"/>
  <c r="J4394" i="5" s="1"/>
  <c r="N4394" i="5" s="1"/>
  <c r="L4420" i="2"/>
  <c r="L4394" i="5" s="1"/>
  <c r="M4420" i="2"/>
  <c r="M4394" i="5" s="1"/>
  <c r="K4420" i="2"/>
  <c r="K4394" i="5" s="1"/>
  <c r="O4394" i="5" s="1"/>
  <c r="I4420" i="2"/>
  <c r="I4394" i="5" s="1"/>
  <c r="I6522" i="2"/>
  <c r="I6496" i="5" s="1"/>
  <c r="K6522" i="2"/>
  <c r="K6496" i="5" s="1"/>
  <c r="O6496" i="5" s="1"/>
  <c r="J6522" i="2"/>
  <c r="J6496" i="5" s="1"/>
  <c r="N6496" i="5" s="1"/>
  <c r="L6522" i="2"/>
  <c r="L6496" i="5" s="1"/>
  <c r="M6522" i="2"/>
  <c r="M6496" i="5" s="1"/>
  <c r="K2312" i="2"/>
  <c r="K2286" i="5" s="1"/>
  <c r="O2286" i="5" s="1"/>
  <c r="L2312" i="2"/>
  <c r="L2286" i="5" s="1"/>
  <c r="M2312" i="2"/>
  <c r="M2286" i="5" s="1"/>
  <c r="J2312" i="2"/>
  <c r="J2286" i="5" s="1"/>
  <c r="N2286" i="5" s="1"/>
  <c r="I2312" i="2"/>
  <c r="I2286" i="5" s="1"/>
  <c r="J2304" i="2"/>
  <c r="J2278" i="5" s="1"/>
  <c r="N2278" i="5" s="1"/>
  <c r="K2304" i="2"/>
  <c r="K2278" i="5" s="1"/>
  <c r="O2278" i="5" s="1"/>
  <c r="M2304" i="2"/>
  <c r="M2278" i="5" s="1"/>
  <c r="L2304" i="2"/>
  <c r="L2278" i="5" s="1"/>
  <c r="I2304" i="2"/>
  <c r="I2278" i="5" s="1"/>
  <c r="M1266" i="2"/>
  <c r="M1240" i="5" s="1"/>
  <c r="I1266" i="2"/>
  <c r="I1240" i="5" s="1"/>
  <c r="K1266" i="2"/>
  <c r="K1240" i="5" s="1"/>
  <c r="O1240" i="5" s="1"/>
  <c r="J1266" i="2"/>
  <c r="J1240" i="5" s="1"/>
  <c r="N1240" i="5" s="1"/>
  <c r="L1266" i="2"/>
  <c r="L1240" i="5" s="1"/>
  <c r="K1729" i="2"/>
  <c r="K1703" i="5" s="1"/>
  <c r="O1703" i="5" s="1"/>
  <c r="J1729" i="2"/>
  <c r="J1703" i="5" s="1"/>
  <c r="N1703" i="5" s="1"/>
  <c r="M1729" i="2"/>
  <c r="M1703" i="5" s="1"/>
  <c r="L1729" i="2"/>
  <c r="L1703" i="5" s="1"/>
  <c r="I1729" i="2"/>
  <c r="I1703" i="5" s="1"/>
  <c r="L6181" i="2"/>
  <c r="L6155" i="5" s="1"/>
  <c r="M6181" i="2"/>
  <c r="M6155" i="5" s="1"/>
  <c r="I6181" i="2"/>
  <c r="I6155" i="5" s="1"/>
  <c r="J6181" i="2"/>
  <c r="J6155" i="5" s="1"/>
  <c r="N6155" i="5" s="1"/>
  <c r="K6181" i="2"/>
  <c r="K6155" i="5" s="1"/>
  <c r="O6155" i="5" s="1"/>
  <c r="K2652" i="2"/>
  <c r="K2626" i="5" s="1"/>
  <c r="O2626" i="5" s="1"/>
  <c r="J2652" i="2"/>
  <c r="J2626" i="5" s="1"/>
  <c r="N2626" i="5" s="1"/>
  <c r="M2652" i="2"/>
  <c r="M2626" i="5" s="1"/>
  <c r="I2652" i="2"/>
  <c r="I2626" i="5" s="1"/>
  <c r="L2652" i="2"/>
  <c r="L2626" i="5" s="1"/>
  <c r="K6830" i="2"/>
  <c r="K6804" i="5" s="1"/>
  <c r="O6804" i="5" s="1"/>
  <c r="M6830" i="2"/>
  <c r="M6804" i="5" s="1"/>
  <c r="I6830" i="2"/>
  <c r="I6804" i="5" s="1"/>
  <c r="J6830" i="2"/>
  <c r="J6804" i="5" s="1"/>
  <c r="N6804" i="5" s="1"/>
  <c r="L6830" i="2"/>
  <c r="L6804" i="5" s="1"/>
  <c r="M3407" i="2"/>
  <c r="M3381" i="5" s="1"/>
  <c r="I3407" i="2"/>
  <c r="I3381" i="5" s="1"/>
  <c r="K3407" i="2"/>
  <c r="K3381" i="5" s="1"/>
  <c r="O3381" i="5" s="1"/>
  <c r="J3407" i="2"/>
  <c r="J3381" i="5" s="1"/>
  <c r="N3381" i="5" s="1"/>
  <c r="L3407" i="2"/>
  <c r="L3381" i="5" s="1"/>
  <c r="I5992" i="2"/>
  <c r="I5966" i="5" s="1"/>
  <c r="K5992" i="2"/>
  <c r="K5966" i="5" s="1"/>
  <c r="O5966" i="5" s="1"/>
  <c r="L5992" i="2"/>
  <c r="L5966" i="5" s="1"/>
  <c r="J5992" i="2"/>
  <c r="J5966" i="5" s="1"/>
  <c r="N5966" i="5" s="1"/>
  <c r="M5992" i="2"/>
  <c r="M5966" i="5" s="1"/>
  <c r="M5008" i="2"/>
  <c r="M4982" i="5" s="1"/>
  <c r="L5008" i="2"/>
  <c r="L4982" i="5" s="1"/>
  <c r="I5008" i="2"/>
  <c r="I4982" i="5" s="1"/>
  <c r="K5008" i="2"/>
  <c r="K4982" i="5" s="1"/>
  <c r="O4982" i="5" s="1"/>
  <c r="J5008" i="2"/>
  <c r="J4982" i="5" s="1"/>
  <c r="N4982" i="5" s="1"/>
  <c r="C299" i="5"/>
  <c r="AR293" i="1"/>
  <c r="I4576" i="2"/>
  <c r="I4550" i="5" s="1"/>
  <c r="M4576" i="2"/>
  <c r="M4550" i="5" s="1"/>
  <c r="L4576" i="2"/>
  <c r="L4550" i="5" s="1"/>
  <c r="J4576" i="2"/>
  <c r="J4550" i="5" s="1"/>
  <c r="N4550" i="5" s="1"/>
  <c r="K4576" i="2"/>
  <c r="K4550" i="5" s="1"/>
  <c r="O4550" i="5" s="1"/>
  <c r="M5661" i="2"/>
  <c r="M5635" i="5" s="1"/>
  <c r="J5661" i="2"/>
  <c r="J5635" i="5" s="1"/>
  <c r="N5635" i="5" s="1"/>
  <c r="L5661" i="2"/>
  <c r="L5635" i="5" s="1"/>
  <c r="I5661" i="2"/>
  <c r="I5635" i="5" s="1"/>
  <c r="K5661" i="2"/>
  <c r="K5635" i="5" s="1"/>
  <c r="O5635" i="5" s="1"/>
  <c r="L3830" i="2"/>
  <c r="L3804" i="5" s="1"/>
  <c r="J3830" i="2"/>
  <c r="J3804" i="5" s="1"/>
  <c r="N3804" i="5" s="1"/>
  <c r="I3830" i="2"/>
  <c r="I3804" i="5" s="1"/>
  <c r="M3830" i="2"/>
  <c r="M3804" i="5" s="1"/>
  <c r="K3830" i="2"/>
  <c r="K3804" i="5" s="1"/>
  <c r="O3804" i="5" s="1"/>
  <c r="L6972" i="2"/>
  <c r="L6946" i="5" s="1"/>
  <c r="M6972" i="2"/>
  <c r="M6946" i="5" s="1"/>
  <c r="K6972" i="2"/>
  <c r="K6946" i="5" s="1"/>
  <c r="O6946" i="5" s="1"/>
  <c r="J6972" i="2"/>
  <c r="J6946" i="5" s="1"/>
  <c r="N6946" i="5" s="1"/>
  <c r="I6972" i="2"/>
  <c r="I6946" i="5" s="1"/>
  <c r="M5125" i="2"/>
  <c r="M5099" i="5" s="1"/>
  <c r="L5125" i="2"/>
  <c r="L5099" i="5" s="1"/>
  <c r="I5125" i="2"/>
  <c r="I5099" i="5" s="1"/>
  <c r="K5125" i="2"/>
  <c r="K5099" i="5" s="1"/>
  <c r="O5099" i="5" s="1"/>
  <c r="J5125" i="2"/>
  <c r="J5099" i="5" s="1"/>
  <c r="N5099" i="5" s="1"/>
  <c r="M7645" i="2"/>
  <c r="M7619" i="5" s="1"/>
  <c r="I7645" i="2"/>
  <c r="I7619" i="5" s="1"/>
  <c r="K7645" i="2"/>
  <c r="K7619" i="5" s="1"/>
  <c r="O7619" i="5" s="1"/>
  <c r="J7645" i="2"/>
  <c r="J7619" i="5" s="1"/>
  <c r="N7619" i="5" s="1"/>
  <c r="L7645" i="2"/>
  <c r="L7619" i="5" s="1"/>
  <c r="K1902" i="2"/>
  <c r="K1876" i="5" s="1"/>
  <c r="O1876" i="5" s="1"/>
  <c r="M1902" i="2"/>
  <c r="M1876" i="5" s="1"/>
  <c r="J1902" i="2"/>
  <c r="J1876" i="5" s="1"/>
  <c r="N1876" i="5" s="1"/>
  <c r="L1902" i="2"/>
  <c r="L1876" i="5" s="1"/>
  <c r="I1902" i="2"/>
  <c r="I1876" i="5" s="1"/>
  <c r="M6602" i="2"/>
  <c r="M6576" i="5" s="1"/>
  <c r="L6602" i="2"/>
  <c r="L6576" i="5" s="1"/>
  <c r="J6602" i="2"/>
  <c r="J6576" i="5" s="1"/>
  <c r="N6576" i="5" s="1"/>
  <c r="I6602" i="2"/>
  <c r="I6576" i="5" s="1"/>
  <c r="K6602" i="2"/>
  <c r="K6576" i="5" s="1"/>
  <c r="O6576" i="5" s="1"/>
  <c r="K3290" i="2"/>
  <c r="K3264" i="5" s="1"/>
  <c r="O3264" i="5" s="1"/>
  <c r="J3290" i="2"/>
  <c r="J3264" i="5" s="1"/>
  <c r="N3264" i="5" s="1"/>
  <c r="L3290" i="2"/>
  <c r="L3264" i="5" s="1"/>
  <c r="M3290" i="2"/>
  <c r="M3264" i="5" s="1"/>
  <c r="I3290" i="2"/>
  <c r="I3264" i="5" s="1"/>
  <c r="M120" i="2"/>
  <c r="M94" i="5" s="1"/>
  <c r="L120" i="2"/>
  <c r="L94" i="5" s="1"/>
  <c r="K120" i="2"/>
  <c r="K94" i="5" s="1"/>
  <c r="O94" i="5" s="1"/>
  <c r="I120" i="2"/>
  <c r="I94" i="5" s="1"/>
  <c r="J120" i="2"/>
  <c r="J94" i="5" s="1"/>
  <c r="N94" i="5" s="1"/>
  <c r="M6704" i="2"/>
  <c r="M6678" i="5" s="1"/>
  <c r="L6704" i="2"/>
  <c r="L6678" i="5" s="1"/>
  <c r="I6704" i="2"/>
  <c r="I6678" i="5" s="1"/>
  <c r="K6704" i="2"/>
  <c r="K6678" i="5" s="1"/>
  <c r="O6678" i="5" s="1"/>
  <c r="J6704" i="2"/>
  <c r="J6678" i="5" s="1"/>
  <c r="N6678" i="5" s="1"/>
  <c r="M4105" i="2"/>
  <c r="M4079" i="5" s="1"/>
  <c r="L4105" i="2"/>
  <c r="L4079" i="5" s="1"/>
  <c r="I4105" i="2"/>
  <c r="I4079" i="5" s="1"/>
  <c r="K4105" i="2"/>
  <c r="K4079" i="5" s="1"/>
  <c r="O4079" i="5" s="1"/>
  <c r="J4105" i="2"/>
  <c r="J4079" i="5" s="1"/>
  <c r="N4079" i="5" s="1"/>
  <c r="L6345" i="2"/>
  <c r="L6319" i="5" s="1"/>
  <c r="J6345" i="2"/>
  <c r="J6319" i="5" s="1"/>
  <c r="N6319" i="5" s="1"/>
  <c r="M6345" i="2"/>
  <c r="M6319" i="5" s="1"/>
  <c r="I6345" i="2"/>
  <c r="I6319" i="5" s="1"/>
  <c r="K6345" i="2"/>
  <c r="K6319" i="5" s="1"/>
  <c r="O6319" i="5" s="1"/>
  <c r="L5121" i="2"/>
  <c r="L5095" i="5" s="1"/>
  <c r="J5121" i="2"/>
  <c r="J5095" i="5" s="1"/>
  <c r="N5095" i="5" s="1"/>
  <c r="I5121" i="2"/>
  <c r="I5095" i="5" s="1"/>
  <c r="M5121" i="2"/>
  <c r="M5095" i="5" s="1"/>
  <c r="K5121" i="2"/>
  <c r="K5095" i="5" s="1"/>
  <c r="O5095" i="5" s="1"/>
  <c r="I4678" i="2"/>
  <c r="I4652" i="5" s="1"/>
  <c r="M4678" i="2"/>
  <c r="M4652" i="5" s="1"/>
  <c r="L4678" i="2"/>
  <c r="L4652" i="5" s="1"/>
  <c r="K4678" i="2"/>
  <c r="K4652" i="5" s="1"/>
  <c r="O4652" i="5" s="1"/>
  <c r="J4678" i="2"/>
  <c r="J4652" i="5" s="1"/>
  <c r="N4652" i="5" s="1"/>
  <c r="M2439" i="2"/>
  <c r="M2413" i="5" s="1"/>
  <c r="I2439" i="2"/>
  <c r="I2413" i="5" s="1"/>
  <c r="K2439" i="2"/>
  <c r="K2413" i="5" s="1"/>
  <c r="O2413" i="5" s="1"/>
  <c r="J2439" i="2"/>
  <c r="J2413" i="5" s="1"/>
  <c r="N2413" i="5" s="1"/>
  <c r="L2439" i="2"/>
  <c r="L2413" i="5" s="1"/>
  <c r="K7944" i="2"/>
  <c r="K7918" i="5" s="1"/>
  <c r="O7918" i="5" s="1"/>
  <c r="M7944" i="2"/>
  <c r="M7918" i="5" s="1"/>
  <c r="I7944" i="2"/>
  <c r="I7918" i="5" s="1"/>
  <c r="L7944" i="2"/>
  <c r="L7918" i="5" s="1"/>
  <c r="J7944" i="2"/>
  <c r="J7918" i="5" s="1"/>
  <c r="N7918" i="5" s="1"/>
  <c r="L3825" i="2"/>
  <c r="L3799" i="5" s="1"/>
  <c r="M3825" i="2"/>
  <c r="M3799" i="5" s="1"/>
  <c r="I3825" i="2"/>
  <c r="I3799" i="5" s="1"/>
  <c r="K3825" i="2"/>
  <c r="K3799" i="5" s="1"/>
  <c r="O3799" i="5" s="1"/>
  <c r="J3825" i="2"/>
  <c r="J3799" i="5" s="1"/>
  <c r="N3799" i="5" s="1"/>
  <c r="L946" i="2"/>
  <c r="L920" i="5" s="1"/>
  <c r="M946" i="2"/>
  <c r="M920" i="5" s="1"/>
  <c r="I946" i="2"/>
  <c r="I920" i="5" s="1"/>
  <c r="K946" i="2"/>
  <c r="K920" i="5" s="1"/>
  <c r="O920" i="5" s="1"/>
  <c r="J946" i="2"/>
  <c r="J920" i="5" s="1"/>
  <c r="N920" i="5" s="1"/>
  <c r="I8536" i="2"/>
  <c r="I8510" i="5" s="1"/>
  <c r="K8536" i="2"/>
  <c r="K8510" i="5" s="1"/>
  <c r="O8510" i="5" s="1"/>
  <c r="J8536" i="2"/>
  <c r="J8510" i="5" s="1"/>
  <c r="N8510" i="5" s="1"/>
  <c r="M8536" i="2"/>
  <c r="M8510" i="5" s="1"/>
  <c r="L8536" i="2"/>
  <c r="L8510" i="5" s="1"/>
  <c r="K3132" i="2"/>
  <c r="K3106" i="5" s="1"/>
  <c r="O3106" i="5" s="1"/>
  <c r="L3132" i="2"/>
  <c r="L3106" i="5" s="1"/>
  <c r="J3132" i="2"/>
  <c r="J3106" i="5" s="1"/>
  <c r="N3106" i="5" s="1"/>
  <c r="M3132" i="2"/>
  <c r="M3106" i="5" s="1"/>
  <c r="I3132" i="2"/>
  <c r="I3106" i="5" s="1"/>
  <c r="L1976" i="2"/>
  <c r="L1950" i="5" s="1"/>
  <c r="J1976" i="2"/>
  <c r="J1950" i="5" s="1"/>
  <c r="N1950" i="5" s="1"/>
  <c r="I1976" i="2"/>
  <c r="I1950" i="5" s="1"/>
  <c r="K1976" i="2"/>
  <c r="K1950" i="5" s="1"/>
  <c r="O1950" i="5" s="1"/>
  <c r="M1976" i="2"/>
  <c r="M1950" i="5" s="1"/>
  <c r="L8116" i="2"/>
  <c r="L8090" i="5" s="1"/>
  <c r="M8116" i="2"/>
  <c r="M8090" i="5" s="1"/>
  <c r="I8116" i="2"/>
  <c r="I8090" i="5" s="1"/>
  <c r="K8116" i="2"/>
  <c r="K8090" i="5" s="1"/>
  <c r="O8090" i="5" s="1"/>
  <c r="J8116" i="2"/>
  <c r="J8090" i="5" s="1"/>
  <c r="N8090" i="5" s="1"/>
  <c r="J8119" i="2"/>
  <c r="J8093" i="5" s="1"/>
  <c r="N8093" i="5" s="1"/>
  <c r="L8119" i="2"/>
  <c r="L8093" i="5" s="1"/>
  <c r="I8119" i="2"/>
  <c r="I8093" i="5" s="1"/>
  <c r="M8119" i="2"/>
  <c r="M8093" i="5" s="1"/>
  <c r="K8119" i="2"/>
  <c r="K8093" i="5" s="1"/>
  <c r="O8093" i="5" s="1"/>
  <c r="L5341" i="2"/>
  <c r="L5315" i="5" s="1"/>
  <c r="I5341" i="2"/>
  <c r="I5315" i="5" s="1"/>
  <c r="K5341" i="2"/>
  <c r="K5315" i="5" s="1"/>
  <c r="O5315" i="5" s="1"/>
  <c r="J5341" i="2"/>
  <c r="J5315" i="5" s="1"/>
  <c r="N5315" i="5" s="1"/>
  <c r="M5341" i="2"/>
  <c r="M5315" i="5" s="1"/>
  <c r="M5998" i="2"/>
  <c r="M5972" i="5" s="1"/>
  <c r="I5998" i="2"/>
  <c r="I5972" i="5" s="1"/>
  <c r="J5998" i="2"/>
  <c r="J5972" i="5" s="1"/>
  <c r="N5972" i="5" s="1"/>
  <c r="L5998" i="2"/>
  <c r="L5972" i="5" s="1"/>
  <c r="K5998" i="2"/>
  <c r="K5972" i="5" s="1"/>
  <c r="O5972" i="5" s="1"/>
  <c r="K1986" i="2"/>
  <c r="K1960" i="5" s="1"/>
  <c r="O1960" i="5" s="1"/>
  <c r="J1986" i="2"/>
  <c r="J1960" i="5" s="1"/>
  <c r="N1960" i="5" s="1"/>
  <c r="L1986" i="2"/>
  <c r="L1960" i="5" s="1"/>
  <c r="I1986" i="2"/>
  <c r="I1960" i="5" s="1"/>
  <c r="M1986" i="2"/>
  <c r="M1960" i="5" s="1"/>
  <c r="K400" i="2"/>
  <c r="K374" i="5" s="1"/>
  <c r="O374" i="5" s="1"/>
  <c r="L400" i="2"/>
  <c r="L374" i="5" s="1"/>
  <c r="J400" i="2"/>
  <c r="J374" i="5" s="1"/>
  <c r="N374" i="5" s="1"/>
  <c r="M400" i="2"/>
  <c r="M374" i="5" s="1"/>
  <c r="I400" i="2"/>
  <c r="I374" i="5" s="1"/>
  <c r="I3079" i="2"/>
  <c r="I3053" i="5" s="1"/>
  <c r="K3079" i="2"/>
  <c r="K3053" i="5" s="1"/>
  <c r="O3053" i="5" s="1"/>
  <c r="M3079" i="2"/>
  <c r="M3053" i="5" s="1"/>
  <c r="J3079" i="2"/>
  <c r="J3053" i="5" s="1"/>
  <c r="N3053" i="5" s="1"/>
  <c r="L3079" i="2"/>
  <c r="L3053" i="5" s="1"/>
  <c r="L544" i="2"/>
  <c r="L518" i="5" s="1"/>
  <c r="J544" i="2"/>
  <c r="J518" i="5" s="1"/>
  <c r="N518" i="5" s="1"/>
  <c r="I544" i="2"/>
  <c r="I518" i="5" s="1"/>
  <c r="K544" i="2"/>
  <c r="K518" i="5" s="1"/>
  <c r="O518" i="5" s="1"/>
  <c r="M544" i="2"/>
  <c r="M518" i="5" s="1"/>
  <c r="K6624" i="2"/>
  <c r="K6598" i="5" s="1"/>
  <c r="O6598" i="5" s="1"/>
  <c r="M6624" i="2"/>
  <c r="M6598" i="5" s="1"/>
  <c r="J6624" i="2"/>
  <c r="J6598" i="5" s="1"/>
  <c r="N6598" i="5" s="1"/>
  <c r="I6624" i="2"/>
  <c r="I6598" i="5" s="1"/>
  <c r="L6624" i="2"/>
  <c r="L6598" i="5" s="1"/>
  <c r="K1125" i="2"/>
  <c r="K1099" i="5" s="1"/>
  <c r="O1099" i="5" s="1"/>
  <c r="J1125" i="2"/>
  <c r="J1099" i="5" s="1"/>
  <c r="N1099" i="5" s="1"/>
  <c r="M1125" i="2"/>
  <c r="M1099" i="5" s="1"/>
  <c r="L1125" i="2"/>
  <c r="L1099" i="5" s="1"/>
  <c r="I1125" i="2"/>
  <c r="I1099" i="5" s="1"/>
  <c r="J7328" i="2"/>
  <c r="J7302" i="5" s="1"/>
  <c r="N7302" i="5" s="1"/>
  <c r="L7328" i="2"/>
  <c r="L7302" i="5" s="1"/>
  <c r="M7328" i="2"/>
  <c r="M7302" i="5" s="1"/>
  <c r="I7328" i="2"/>
  <c r="I7302" i="5" s="1"/>
  <c r="K7328" i="2"/>
  <c r="K7302" i="5" s="1"/>
  <c r="O7302" i="5" s="1"/>
  <c r="J7962" i="2"/>
  <c r="J7936" i="5" s="1"/>
  <c r="N7936" i="5" s="1"/>
  <c r="L7962" i="2"/>
  <c r="L7936" i="5" s="1"/>
  <c r="M7962" i="2"/>
  <c r="M7936" i="5" s="1"/>
  <c r="I7962" i="2"/>
  <c r="I7936" i="5" s="1"/>
  <c r="K7962" i="2"/>
  <c r="K7936" i="5" s="1"/>
  <c r="O7936" i="5" s="1"/>
  <c r="M3256" i="2"/>
  <c r="M3230" i="5" s="1"/>
  <c r="L3256" i="2"/>
  <c r="L3230" i="5" s="1"/>
  <c r="I3256" i="2"/>
  <c r="I3230" i="5" s="1"/>
  <c r="K3256" i="2"/>
  <c r="K3230" i="5" s="1"/>
  <c r="O3230" i="5" s="1"/>
  <c r="J3256" i="2"/>
  <c r="J3230" i="5" s="1"/>
  <c r="N3230" i="5" s="1"/>
  <c r="I5005" i="2"/>
  <c r="I4979" i="5" s="1"/>
  <c r="K5005" i="2"/>
  <c r="K4979" i="5" s="1"/>
  <c r="O4979" i="5" s="1"/>
  <c r="J5005" i="2"/>
  <c r="J4979" i="5" s="1"/>
  <c r="N4979" i="5" s="1"/>
  <c r="L5005" i="2"/>
  <c r="L4979" i="5" s="1"/>
  <c r="M5005" i="2"/>
  <c r="M4979" i="5" s="1"/>
  <c r="I1084" i="2"/>
  <c r="I1058" i="5" s="1"/>
  <c r="K1084" i="2"/>
  <c r="K1058" i="5" s="1"/>
  <c r="O1058" i="5" s="1"/>
  <c r="J1084" i="2"/>
  <c r="J1058" i="5" s="1"/>
  <c r="N1058" i="5" s="1"/>
  <c r="M1084" i="2"/>
  <c r="M1058" i="5" s="1"/>
  <c r="L1084" i="2"/>
  <c r="L1058" i="5" s="1"/>
  <c r="J1067" i="2"/>
  <c r="J1041" i="5" s="1"/>
  <c r="N1041" i="5" s="1"/>
  <c r="I1067" i="2"/>
  <c r="I1041" i="5" s="1"/>
  <c r="K1067" i="2"/>
  <c r="K1041" i="5" s="1"/>
  <c r="O1041" i="5" s="1"/>
  <c r="L1067" i="2"/>
  <c r="L1041" i="5" s="1"/>
  <c r="M1067" i="2"/>
  <c r="M1041" i="5" s="1"/>
  <c r="J4006" i="2"/>
  <c r="J3980" i="5" s="1"/>
  <c r="N3980" i="5" s="1"/>
  <c r="M4006" i="2"/>
  <c r="M3980" i="5" s="1"/>
  <c r="L4006" i="2"/>
  <c r="L3980" i="5" s="1"/>
  <c r="I4006" i="2"/>
  <c r="I3980" i="5" s="1"/>
  <c r="K4006" i="2"/>
  <c r="K3980" i="5" s="1"/>
  <c r="O3980" i="5" s="1"/>
  <c r="J4007" i="2"/>
  <c r="J3981" i="5" s="1"/>
  <c r="N3981" i="5" s="1"/>
  <c r="M4007" i="2"/>
  <c r="M3981" i="5" s="1"/>
  <c r="I4007" i="2"/>
  <c r="I3981" i="5" s="1"/>
  <c r="L4007" i="2"/>
  <c r="L3981" i="5" s="1"/>
  <c r="K4007" i="2"/>
  <c r="K3981" i="5" s="1"/>
  <c r="O3981" i="5" s="1"/>
  <c r="I1328" i="2"/>
  <c r="I1302" i="5" s="1"/>
  <c r="K1328" i="2"/>
  <c r="K1302" i="5" s="1"/>
  <c r="O1302" i="5" s="1"/>
  <c r="J1328" i="2"/>
  <c r="J1302" i="5" s="1"/>
  <c r="N1302" i="5" s="1"/>
  <c r="M1328" i="2"/>
  <c r="M1302" i="5" s="1"/>
  <c r="L1328" i="2"/>
  <c r="L1302" i="5" s="1"/>
  <c r="I4326" i="2"/>
  <c r="I4300" i="5" s="1"/>
  <c r="K4326" i="2"/>
  <c r="K4300" i="5" s="1"/>
  <c r="O4300" i="5" s="1"/>
  <c r="J4326" i="2"/>
  <c r="J4300" i="5" s="1"/>
  <c r="N4300" i="5" s="1"/>
  <c r="M4326" i="2"/>
  <c r="M4300" i="5" s="1"/>
  <c r="L4326" i="2"/>
  <c r="L4300" i="5" s="1"/>
  <c r="M3308" i="2"/>
  <c r="M3282" i="5" s="1"/>
  <c r="J3308" i="2"/>
  <c r="J3282" i="5" s="1"/>
  <c r="N3282" i="5" s="1"/>
  <c r="I3308" i="2"/>
  <c r="I3282" i="5" s="1"/>
  <c r="K3308" i="2"/>
  <c r="K3282" i="5" s="1"/>
  <c r="O3282" i="5" s="1"/>
  <c r="L3308" i="2"/>
  <c r="L3282" i="5" s="1"/>
  <c r="J3299" i="2"/>
  <c r="J3273" i="5" s="1"/>
  <c r="N3273" i="5" s="1"/>
  <c r="L3299" i="2"/>
  <c r="L3273" i="5" s="1"/>
  <c r="M3299" i="2"/>
  <c r="M3273" i="5" s="1"/>
  <c r="I3299" i="2"/>
  <c r="I3273" i="5" s="1"/>
  <c r="K3299" i="2"/>
  <c r="K3273" i="5" s="1"/>
  <c r="O3273" i="5" s="1"/>
  <c r="K4114" i="2"/>
  <c r="K4088" i="5" s="1"/>
  <c r="O4088" i="5" s="1"/>
  <c r="L4114" i="2"/>
  <c r="L4088" i="5" s="1"/>
  <c r="M4114" i="2"/>
  <c r="M4088" i="5" s="1"/>
  <c r="J4114" i="2"/>
  <c r="J4088" i="5" s="1"/>
  <c r="N4088" i="5" s="1"/>
  <c r="I4114" i="2"/>
  <c r="I4088" i="5" s="1"/>
  <c r="M7462" i="2"/>
  <c r="M7436" i="5" s="1"/>
  <c r="I7462" i="2"/>
  <c r="I7436" i="5" s="1"/>
  <c r="J7462" i="2"/>
  <c r="J7436" i="5" s="1"/>
  <c r="N7436" i="5" s="1"/>
  <c r="L7462" i="2"/>
  <c r="L7436" i="5" s="1"/>
  <c r="K7462" i="2"/>
  <c r="K7436" i="5" s="1"/>
  <c r="O7436" i="5" s="1"/>
  <c r="J4999" i="2"/>
  <c r="J4973" i="5" s="1"/>
  <c r="N4973" i="5" s="1"/>
  <c r="M4999" i="2"/>
  <c r="M4973" i="5" s="1"/>
  <c r="L4999" i="2"/>
  <c r="L4973" i="5" s="1"/>
  <c r="I4999" i="2"/>
  <c r="I4973" i="5" s="1"/>
  <c r="K4999" i="2"/>
  <c r="K4973" i="5" s="1"/>
  <c r="O4973" i="5" s="1"/>
  <c r="L8354" i="2"/>
  <c r="L8328" i="5" s="1"/>
  <c r="M8354" i="2"/>
  <c r="M8328" i="5" s="1"/>
  <c r="J8354" i="2"/>
  <c r="J8328" i="5" s="1"/>
  <c r="N8328" i="5" s="1"/>
  <c r="I8354" i="2"/>
  <c r="I8328" i="5" s="1"/>
  <c r="K8354" i="2"/>
  <c r="K8328" i="5" s="1"/>
  <c r="O8328" i="5" s="1"/>
  <c r="J8338" i="2"/>
  <c r="J8312" i="5" s="1"/>
  <c r="N8312" i="5" s="1"/>
  <c r="M8338" i="2"/>
  <c r="M8312" i="5" s="1"/>
  <c r="L8338" i="2"/>
  <c r="L8312" i="5" s="1"/>
  <c r="I8338" i="2"/>
  <c r="I8312" i="5" s="1"/>
  <c r="K8338" i="2"/>
  <c r="K8312" i="5" s="1"/>
  <c r="O8312" i="5" s="1"/>
  <c r="J8791" i="2"/>
  <c r="J8765" i="5" s="1"/>
  <c r="N8765" i="5" s="1"/>
  <c r="I8791" i="2"/>
  <c r="I8765" i="5" s="1"/>
  <c r="K8791" i="2"/>
  <c r="K8765" i="5" s="1"/>
  <c r="O8765" i="5" s="1"/>
  <c r="M8791" i="2"/>
  <c r="M8765" i="5" s="1"/>
  <c r="L8791" i="2"/>
  <c r="L8765" i="5" s="1"/>
  <c r="K3923" i="2"/>
  <c r="K3897" i="5" s="1"/>
  <c r="O3897" i="5" s="1"/>
  <c r="M3923" i="2"/>
  <c r="M3897" i="5" s="1"/>
  <c r="J3923" i="2"/>
  <c r="J3897" i="5" s="1"/>
  <c r="N3897" i="5" s="1"/>
  <c r="L3923" i="2"/>
  <c r="L3897" i="5" s="1"/>
  <c r="I3923" i="2"/>
  <c r="I3897" i="5" s="1"/>
  <c r="I3931" i="2"/>
  <c r="I3905" i="5" s="1"/>
  <c r="J3931" i="2"/>
  <c r="J3905" i="5" s="1"/>
  <c r="N3905" i="5" s="1"/>
  <c r="L3931" i="2"/>
  <c r="L3905" i="5" s="1"/>
  <c r="M3931" i="2"/>
  <c r="M3905" i="5" s="1"/>
  <c r="K3931" i="2"/>
  <c r="K3905" i="5" s="1"/>
  <c r="O3905" i="5" s="1"/>
  <c r="M8037" i="2"/>
  <c r="M8011" i="5" s="1"/>
  <c r="I8037" i="2"/>
  <c r="I8011" i="5" s="1"/>
  <c r="K8037" i="2"/>
  <c r="K8011" i="5" s="1"/>
  <c r="O8011" i="5" s="1"/>
  <c r="L8037" i="2"/>
  <c r="L8011" i="5" s="1"/>
  <c r="J8037" i="2"/>
  <c r="J8011" i="5" s="1"/>
  <c r="N8011" i="5" s="1"/>
  <c r="M7039" i="2"/>
  <c r="M7013" i="5" s="1"/>
  <c r="J7039" i="2"/>
  <c r="J7013" i="5" s="1"/>
  <c r="N7013" i="5" s="1"/>
  <c r="L7039" i="2"/>
  <c r="L7013" i="5" s="1"/>
  <c r="I7039" i="2"/>
  <c r="I7013" i="5" s="1"/>
  <c r="K7039" i="2"/>
  <c r="K7013" i="5" s="1"/>
  <c r="O7013" i="5" s="1"/>
  <c r="K3565" i="2"/>
  <c r="K3539" i="5" s="1"/>
  <c r="O3539" i="5" s="1"/>
  <c r="L3565" i="2"/>
  <c r="L3539" i="5" s="1"/>
  <c r="I3565" i="2"/>
  <c r="I3539" i="5" s="1"/>
  <c r="M3565" i="2"/>
  <c r="M3539" i="5" s="1"/>
  <c r="J3565" i="2"/>
  <c r="J3539" i="5" s="1"/>
  <c r="N3539" i="5" s="1"/>
  <c r="I1405" i="2"/>
  <c r="I1379" i="5" s="1"/>
  <c r="J1405" i="2"/>
  <c r="J1379" i="5" s="1"/>
  <c r="N1379" i="5" s="1"/>
  <c r="M1405" i="2"/>
  <c r="M1379" i="5" s="1"/>
  <c r="L1405" i="2"/>
  <c r="L1379" i="5" s="1"/>
  <c r="K1405" i="2"/>
  <c r="K1379" i="5" s="1"/>
  <c r="O1379" i="5" s="1"/>
  <c r="M4591" i="2"/>
  <c r="M4565" i="5" s="1"/>
  <c r="K4591" i="2"/>
  <c r="K4565" i="5" s="1"/>
  <c r="O4565" i="5" s="1"/>
  <c r="J4591" i="2"/>
  <c r="J4565" i="5" s="1"/>
  <c r="N4565" i="5" s="1"/>
  <c r="I4591" i="2"/>
  <c r="I4565" i="5" s="1"/>
  <c r="L4591" i="2"/>
  <c r="L4565" i="5" s="1"/>
  <c r="I646" i="2"/>
  <c r="I620" i="5" s="1"/>
  <c r="L646" i="2"/>
  <c r="L620" i="5" s="1"/>
  <c r="M646" i="2"/>
  <c r="M620" i="5" s="1"/>
  <c r="K646" i="2"/>
  <c r="K620" i="5" s="1"/>
  <c r="O620" i="5" s="1"/>
  <c r="J646" i="2"/>
  <c r="J620" i="5" s="1"/>
  <c r="N620" i="5" s="1"/>
  <c r="K7521" i="2"/>
  <c r="K7495" i="5" s="1"/>
  <c r="O7495" i="5" s="1"/>
  <c r="M7521" i="2"/>
  <c r="M7495" i="5" s="1"/>
  <c r="L7521" i="2"/>
  <c r="L7495" i="5" s="1"/>
  <c r="J7521" i="2"/>
  <c r="J7495" i="5" s="1"/>
  <c r="N7495" i="5" s="1"/>
  <c r="I7521" i="2"/>
  <c r="I7495" i="5" s="1"/>
  <c r="I5650" i="2"/>
  <c r="I5624" i="5" s="1"/>
  <c r="K5650" i="2"/>
  <c r="K5624" i="5" s="1"/>
  <c r="O5624" i="5" s="1"/>
  <c r="J5650" i="2"/>
  <c r="J5624" i="5" s="1"/>
  <c r="N5624" i="5" s="1"/>
  <c r="L5650" i="2"/>
  <c r="L5624" i="5" s="1"/>
  <c r="M5650" i="2"/>
  <c r="M5624" i="5" s="1"/>
  <c r="I5831" i="2"/>
  <c r="I5805" i="5" s="1"/>
  <c r="M5831" i="2"/>
  <c r="M5805" i="5" s="1"/>
  <c r="K5831" i="2"/>
  <c r="K5805" i="5" s="1"/>
  <c r="O5805" i="5" s="1"/>
  <c r="J5831" i="2"/>
  <c r="J5805" i="5" s="1"/>
  <c r="N5805" i="5" s="1"/>
  <c r="L5831" i="2"/>
  <c r="L5805" i="5" s="1"/>
  <c r="M6969" i="2"/>
  <c r="M6943" i="5" s="1"/>
  <c r="L6969" i="2"/>
  <c r="L6943" i="5" s="1"/>
  <c r="I6969" i="2"/>
  <c r="I6943" i="5" s="1"/>
  <c r="K6969" i="2"/>
  <c r="K6943" i="5" s="1"/>
  <c r="O6943" i="5" s="1"/>
  <c r="J6969" i="2"/>
  <c r="J6943" i="5" s="1"/>
  <c r="N6943" i="5" s="1"/>
  <c r="J1616" i="2"/>
  <c r="J1590" i="5" s="1"/>
  <c r="N1590" i="5" s="1"/>
  <c r="L1616" i="2"/>
  <c r="L1590" i="5" s="1"/>
  <c r="K1616" i="2"/>
  <c r="K1590" i="5" s="1"/>
  <c r="O1590" i="5" s="1"/>
  <c r="M1616" i="2"/>
  <c r="M1590" i="5" s="1"/>
  <c r="I1616" i="2"/>
  <c r="I1590" i="5" s="1"/>
  <c r="I7773" i="2"/>
  <c r="I7747" i="5" s="1"/>
  <c r="K7773" i="2"/>
  <c r="K7747" i="5" s="1"/>
  <c r="O7747" i="5" s="1"/>
  <c r="L7773" i="2"/>
  <c r="L7747" i="5" s="1"/>
  <c r="M7773" i="2"/>
  <c r="M7747" i="5" s="1"/>
  <c r="J7773" i="2"/>
  <c r="J7747" i="5" s="1"/>
  <c r="N7747" i="5" s="1"/>
  <c r="L3838" i="2"/>
  <c r="L3812" i="5" s="1"/>
  <c r="J3838" i="2"/>
  <c r="J3812" i="5" s="1"/>
  <c r="N3812" i="5" s="1"/>
  <c r="I3838" i="2"/>
  <c r="I3812" i="5" s="1"/>
  <c r="K3838" i="2"/>
  <c r="K3812" i="5" s="1"/>
  <c r="O3812" i="5" s="1"/>
  <c r="M3838" i="2"/>
  <c r="M3812" i="5" s="1"/>
  <c r="AR160" i="1"/>
  <c r="C166" i="5"/>
  <c r="J5095" i="2"/>
  <c r="J5069" i="5" s="1"/>
  <c r="N5069" i="5" s="1"/>
  <c r="M5095" i="2"/>
  <c r="M5069" i="5" s="1"/>
  <c r="L5095" i="2"/>
  <c r="L5069" i="5" s="1"/>
  <c r="I5095" i="2"/>
  <c r="I5069" i="5" s="1"/>
  <c r="K5095" i="2"/>
  <c r="K5069" i="5" s="1"/>
  <c r="O5069" i="5" s="1"/>
  <c r="M6987" i="2"/>
  <c r="M6961" i="5" s="1"/>
  <c r="K6987" i="2"/>
  <c r="K6961" i="5" s="1"/>
  <c r="O6961" i="5" s="1"/>
  <c r="L6987" i="2"/>
  <c r="L6961" i="5" s="1"/>
  <c r="J6987" i="2"/>
  <c r="J6961" i="5" s="1"/>
  <c r="N6961" i="5" s="1"/>
  <c r="I6987" i="2"/>
  <c r="I6961" i="5" s="1"/>
  <c r="I6977" i="2"/>
  <c r="I6951" i="5" s="1"/>
  <c r="M6977" i="2"/>
  <c r="M6951" i="5" s="1"/>
  <c r="L6977" i="2"/>
  <c r="L6951" i="5" s="1"/>
  <c r="J6977" i="2"/>
  <c r="J6951" i="5" s="1"/>
  <c r="N6951" i="5" s="1"/>
  <c r="K6977" i="2"/>
  <c r="K6951" i="5" s="1"/>
  <c r="O6951" i="5" s="1"/>
  <c r="K6127" i="2"/>
  <c r="K6101" i="5" s="1"/>
  <c r="O6101" i="5" s="1"/>
  <c r="L6127" i="2"/>
  <c r="L6101" i="5" s="1"/>
  <c r="I6127" i="2"/>
  <c r="I6101" i="5" s="1"/>
  <c r="M6127" i="2"/>
  <c r="M6101" i="5" s="1"/>
  <c r="J6127" i="2"/>
  <c r="J6101" i="5" s="1"/>
  <c r="N6101" i="5" s="1"/>
  <c r="M8691" i="2"/>
  <c r="M8665" i="5" s="1"/>
  <c r="I8691" i="2"/>
  <c r="I8665" i="5" s="1"/>
  <c r="K8691" i="2"/>
  <c r="K8665" i="5" s="1"/>
  <c r="O8665" i="5" s="1"/>
  <c r="L8691" i="2"/>
  <c r="L8665" i="5" s="1"/>
  <c r="J8691" i="2"/>
  <c r="J8665" i="5" s="1"/>
  <c r="N8665" i="5" s="1"/>
  <c r="M8694" i="2"/>
  <c r="M8668" i="5" s="1"/>
  <c r="J8694" i="2"/>
  <c r="J8668" i="5" s="1"/>
  <c r="N8668" i="5" s="1"/>
  <c r="L8694" i="2"/>
  <c r="L8668" i="5" s="1"/>
  <c r="I8694" i="2"/>
  <c r="I8668" i="5" s="1"/>
  <c r="K8694" i="2"/>
  <c r="K8668" i="5" s="1"/>
  <c r="O8668" i="5" s="1"/>
  <c r="K4144" i="2"/>
  <c r="K4118" i="5" s="1"/>
  <c r="O4118" i="5" s="1"/>
  <c r="L4144" i="2"/>
  <c r="L4118" i="5" s="1"/>
  <c r="J4144" i="2"/>
  <c r="J4118" i="5" s="1"/>
  <c r="N4118" i="5" s="1"/>
  <c r="M4144" i="2"/>
  <c r="M4118" i="5" s="1"/>
  <c r="I4144" i="2"/>
  <c r="I4118" i="5" s="1"/>
  <c r="J4153" i="2"/>
  <c r="J4127" i="5" s="1"/>
  <c r="N4127" i="5" s="1"/>
  <c r="M4153" i="2"/>
  <c r="M4127" i="5" s="1"/>
  <c r="L4153" i="2"/>
  <c r="L4127" i="5" s="1"/>
  <c r="I4153" i="2"/>
  <c r="I4127" i="5" s="1"/>
  <c r="K4153" i="2"/>
  <c r="K4127" i="5" s="1"/>
  <c r="O4127" i="5" s="1"/>
  <c r="L3955" i="2"/>
  <c r="L3929" i="5" s="1"/>
  <c r="J3955" i="2"/>
  <c r="J3929" i="5" s="1"/>
  <c r="N3929" i="5" s="1"/>
  <c r="M3955" i="2"/>
  <c r="M3929" i="5" s="1"/>
  <c r="I3955" i="2"/>
  <c r="I3929" i="5" s="1"/>
  <c r="K3955" i="2"/>
  <c r="K3929" i="5" s="1"/>
  <c r="O3929" i="5" s="1"/>
  <c r="J7159" i="2"/>
  <c r="J7133" i="5" s="1"/>
  <c r="N7133" i="5" s="1"/>
  <c r="M7159" i="2"/>
  <c r="M7133" i="5" s="1"/>
  <c r="I7159" i="2"/>
  <c r="I7133" i="5" s="1"/>
  <c r="L7159" i="2"/>
  <c r="L7133" i="5" s="1"/>
  <c r="K7159" i="2"/>
  <c r="K7133" i="5" s="1"/>
  <c r="O7133" i="5" s="1"/>
  <c r="J4445" i="2"/>
  <c r="J4419" i="5" s="1"/>
  <c r="N4419" i="5" s="1"/>
  <c r="L4445" i="2"/>
  <c r="L4419" i="5" s="1"/>
  <c r="M4445" i="2"/>
  <c r="M4419" i="5" s="1"/>
  <c r="I4445" i="2"/>
  <c r="I4419" i="5" s="1"/>
  <c r="K4445" i="2"/>
  <c r="K4419" i="5" s="1"/>
  <c r="O4419" i="5" s="1"/>
  <c r="C191" i="5"/>
  <c r="AR185" i="1"/>
  <c r="L754" i="2"/>
  <c r="L728" i="5" s="1"/>
  <c r="M754" i="2"/>
  <c r="M728" i="5" s="1"/>
  <c r="I754" i="2"/>
  <c r="I728" i="5" s="1"/>
  <c r="K754" i="2"/>
  <c r="K728" i="5" s="1"/>
  <c r="O728" i="5" s="1"/>
  <c r="J754" i="2"/>
  <c r="J728" i="5" s="1"/>
  <c r="N728" i="5" s="1"/>
  <c r="L3487" i="2"/>
  <c r="L3461" i="5" s="1"/>
  <c r="M3487" i="2"/>
  <c r="M3461" i="5" s="1"/>
  <c r="I3487" i="2"/>
  <c r="I3461" i="5" s="1"/>
  <c r="K3487" i="2"/>
  <c r="K3461" i="5" s="1"/>
  <c r="O3461" i="5" s="1"/>
  <c r="J3487" i="2"/>
  <c r="J3461" i="5" s="1"/>
  <c r="N3461" i="5" s="1"/>
  <c r="J2103" i="2"/>
  <c r="J2077" i="5" s="1"/>
  <c r="N2077" i="5" s="1"/>
  <c r="I2103" i="2"/>
  <c r="I2077" i="5" s="1"/>
  <c r="K2103" i="2"/>
  <c r="K2077" i="5" s="1"/>
  <c r="O2077" i="5" s="1"/>
  <c r="L2103" i="2"/>
  <c r="L2077" i="5" s="1"/>
  <c r="M2103" i="2"/>
  <c r="M2077" i="5" s="1"/>
  <c r="J5439" i="2"/>
  <c r="J5413" i="5" s="1"/>
  <c r="N5413" i="5" s="1"/>
  <c r="K5439" i="2"/>
  <c r="K5413" i="5" s="1"/>
  <c r="O5413" i="5" s="1"/>
  <c r="L5439" i="2"/>
  <c r="L5413" i="5" s="1"/>
  <c r="M5439" i="2"/>
  <c r="M5413" i="5" s="1"/>
  <c r="I5439" i="2"/>
  <c r="I5413" i="5" s="1"/>
  <c r="L5449" i="2"/>
  <c r="L5423" i="5" s="1"/>
  <c r="M5449" i="2"/>
  <c r="M5423" i="5" s="1"/>
  <c r="I5449" i="2"/>
  <c r="I5423" i="5" s="1"/>
  <c r="K5449" i="2"/>
  <c r="K5423" i="5" s="1"/>
  <c r="O5423" i="5" s="1"/>
  <c r="J5449" i="2"/>
  <c r="J5423" i="5" s="1"/>
  <c r="N5423" i="5" s="1"/>
  <c r="M1485" i="2"/>
  <c r="M1459" i="5" s="1"/>
  <c r="L1485" i="2"/>
  <c r="L1459" i="5" s="1"/>
  <c r="I1485" i="2"/>
  <c r="I1459" i="5" s="1"/>
  <c r="K1485" i="2"/>
  <c r="K1459" i="5" s="1"/>
  <c r="O1459" i="5" s="1"/>
  <c r="J1485" i="2"/>
  <c r="J1459" i="5" s="1"/>
  <c r="N1459" i="5" s="1"/>
  <c r="L1474" i="2"/>
  <c r="L1448" i="5" s="1"/>
  <c r="J1474" i="2"/>
  <c r="J1448" i="5" s="1"/>
  <c r="N1448" i="5" s="1"/>
  <c r="M1474" i="2"/>
  <c r="M1448" i="5" s="1"/>
  <c r="I1474" i="2"/>
  <c r="I1448" i="5" s="1"/>
  <c r="K1474" i="2"/>
  <c r="K1448" i="5" s="1"/>
  <c r="O1448" i="5" s="1"/>
  <c r="J8522" i="2"/>
  <c r="J8496" i="5" s="1"/>
  <c r="N8496" i="5" s="1"/>
  <c r="L8522" i="2"/>
  <c r="L8496" i="5" s="1"/>
  <c r="M8522" i="2"/>
  <c r="M8496" i="5" s="1"/>
  <c r="K8522" i="2"/>
  <c r="K8496" i="5" s="1"/>
  <c r="O8496" i="5" s="1"/>
  <c r="I8522" i="2"/>
  <c r="I8496" i="5" s="1"/>
  <c r="L5814" i="2"/>
  <c r="L5788" i="5" s="1"/>
  <c r="M5814" i="2"/>
  <c r="M5788" i="5" s="1"/>
  <c r="I5814" i="2"/>
  <c r="I5788" i="5" s="1"/>
  <c r="K5814" i="2"/>
  <c r="K5788" i="5" s="1"/>
  <c r="O5788" i="5" s="1"/>
  <c r="J5814" i="2"/>
  <c r="J5788" i="5" s="1"/>
  <c r="N5788" i="5" s="1"/>
  <c r="M71" i="2"/>
  <c r="M45" i="5" s="1"/>
  <c r="L71" i="2"/>
  <c r="L45" i="5" s="1"/>
  <c r="K71" i="2"/>
  <c r="K45" i="5" s="1"/>
  <c r="O45" i="5" s="1"/>
  <c r="J71" i="2"/>
  <c r="J45" i="5" s="1"/>
  <c r="N45" i="5" s="1"/>
  <c r="I71" i="2"/>
  <c r="I45" i="5" s="1"/>
  <c r="M63" i="2"/>
  <c r="M37" i="5" s="1"/>
  <c r="L63" i="2"/>
  <c r="L37" i="5" s="1"/>
  <c r="I63" i="2"/>
  <c r="I37" i="5" s="1"/>
  <c r="J63" i="2"/>
  <c r="J37" i="5" s="1"/>
  <c r="N37" i="5" s="1"/>
  <c r="K63" i="2"/>
  <c r="K37" i="5" s="1"/>
  <c r="O37" i="5" s="1"/>
  <c r="I2783" i="2"/>
  <c r="I2757" i="5" s="1"/>
  <c r="L2783" i="2"/>
  <c r="L2757" i="5" s="1"/>
  <c r="K2783" i="2"/>
  <c r="K2757" i="5" s="1"/>
  <c r="O2757" i="5" s="1"/>
  <c r="J2783" i="2"/>
  <c r="J2757" i="5" s="1"/>
  <c r="N2757" i="5" s="1"/>
  <c r="M2783" i="2"/>
  <c r="M2757" i="5" s="1"/>
  <c r="J2791" i="2"/>
  <c r="J2765" i="5" s="1"/>
  <c r="N2765" i="5" s="1"/>
  <c r="L2791" i="2"/>
  <c r="L2765" i="5" s="1"/>
  <c r="M2791" i="2"/>
  <c r="M2765" i="5" s="1"/>
  <c r="K2791" i="2"/>
  <c r="K2765" i="5" s="1"/>
  <c r="O2765" i="5" s="1"/>
  <c r="I2791" i="2"/>
  <c r="I2765" i="5" s="1"/>
  <c r="K1452" i="2"/>
  <c r="K1426" i="5" s="1"/>
  <c r="O1426" i="5" s="1"/>
  <c r="M1452" i="2"/>
  <c r="M1426" i="5" s="1"/>
  <c r="J1452" i="2"/>
  <c r="J1426" i="5" s="1"/>
  <c r="N1426" i="5" s="1"/>
  <c r="L1452" i="2"/>
  <c r="L1426" i="5" s="1"/>
  <c r="I1452" i="2"/>
  <c r="I1426" i="5" s="1"/>
  <c r="L8301" i="2"/>
  <c r="L8275" i="5" s="1"/>
  <c r="I8301" i="2"/>
  <c r="I8275" i="5" s="1"/>
  <c r="K8301" i="2"/>
  <c r="K8275" i="5" s="1"/>
  <c r="O8275" i="5" s="1"/>
  <c r="J8301" i="2"/>
  <c r="J8275" i="5" s="1"/>
  <c r="N8275" i="5" s="1"/>
  <c r="M8301" i="2"/>
  <c r="M8275" i="5" s="1"/>
  <c r="J8303" i="2"/>
  <c r="J8277" i="5" s="1"/>
  <c r="N8277" i="5" s="1"/>
  <c r="L8303" i="2"/>
  <c r="L8277" i="5" s="1"/>
  <c r="M8303" i="2"/>
  <c r="M8277" i="5" s="1"/>
  <c r="I8303" i="2"/>
  <c r="I8277" i="5" s="1"/>
  <c r="K8303" i="2"/>
  <c r="K8277" i="5" s="1"/>
  <c r="O8277" i="5" s="1"/>
  <c r="L1213" i="2"/>
  <c r="L1187" i="5" s="1"/>
  <c r="I1213" i="2"/>
  <c r="I1187" i="5" s="1"/>
  <c r="K1213" i="2"/>
  <c r="K1187" i="5" s="1"/>
  <c r="O1187" i="5" s="1"/>
  <c r="J1213" i="2"/>
  <c r="J1187" i="5" s="1"/>
  <c r="N1187" i="5" s="1"/>
  <c r="M1213" i="2"/>
  <c r="M1187" i="5" s="1"/>
  <c r="M5130" i="2"/>
  <c r="M5104" i="5" s="1"/>
  <c r="I5130" i="2"/>
  <c r="I5104" i="5" s="1"/>
  <c r="K5130" i="2"/>
  <c r="K5104" i="5" s="1"/>
  <c r="O5104" i="5" s="1"/>
  <c r="J5130" i="2"/>
  <c r="J5104" i="5" s="1"/>
  <c r="N5104" i="5" s="1"/>
  <c r="L5130" i="2"/>
  <c r="L5104" i="5" s="1"/>
  <c r="I6021" i="2"/>
  <c r="I5995" i="5" s="1"/>
  <c r="L6021" i="2"/>
  <c r="L5995" i="5" s="1"/>
  <c r="K6021" i="2"/>
  <c r="K5995" i="5" s="1"/>
  <c r="O5995" i="5" s="1"/>
  <c r="J6021" i="2"/>
  <c r="J5995" i="5" s="1"/>
  <c r="N5995" i="5" s="1"/>
  <c r="M6021" i="2"/>
  <c r="M5995" i="5" s="1"/>
  <c r="I50" i="2"/>
  <c r="I24" i="5" s="1"/>
  <c r="L50" i="2"/>
  <c r="L24" i="5" s="1"/>
  <c r="M50" i="2"/>
  <c r="M24" i="5" s="1"/>
  <c r="J50" i="2"/>
  <c r="J24" i="5" s="1"/>
  <c r="N24" i="5" s="1"/>
  <c r="K50" i="2"/>
  <c r="K24" i="5" s="1"/>
  <c r="O24" i="5" s="1"/>
  <c r="L5286" i="2"/>
  <c r="L5260" i="5" s="1"/>
  <c r="I5286" i="2"/>
  <c r="I5260" i="5" s="1"/>
  <c r="K5286" i="2"/>
  <c r="K5260" i="5" s="1"/>
  <c r="O5260" i="5" s="1"/>
  <c r="J5286" i="2"/>
  <c r="J5260" i="5" s="1"/>
  <c r="N5260" i="5" s="1"/>
  <c r="M5286" i="2"/>
  <c r="M5260" i="5" s="1"/>
  <c r="I7661" i="2"/>
  <c r="I7635" i="5" s="1"/>
  <c r="K7661" i="2"/>
  <c r="K7635" i="5" s="1"/>
  <c r="O7635" i="5" s="1"/>
  <c r="J7661" i="2"/>
  <c r="J7635" i="5" s="1"/>
  <c r="N7635" i="5" s="1"/>
  <c r="M7661" i="2"/>
  <c r="M7635" i="5" s="1"/>
  <c r="L7661" i="2"/>
  <c r="L7635" i="5" s="1"/>
  <c r="L1059" i="2"/>
  <c r="L1033" i="5" s="1"/>
  <c r="I1059" i="2"/>
  <c r="I1033" i="5" s="1"/>
  <c r="M1059" i="2"/>
  <c r="M1033" i="5" s="1"/>
  <c r="K1059" i="2"/>
  <c r="K1033" i="5" s="1"/>
  <c r="O1033" i="5" s="1"/>
  <c r="J1059" i="2"/>
  <c r="J1033" i="5" s="1"/>
  <c r="N1033" i="5" s="1"/>
  <c r="M4818" i="2"/>
  <c r="M4792" i="5" s="1"/>
  <c r="L4818" i="2"/>
  <c r="L4792" i="5" s="1"/>
  <c r="I4818" i="2"/>
  <c r="I4792" i="5" s="1"/>
  <c r="K4818" i="2"/>
  <c r="K4792" i="5" s="1"/>
  <c r="O4792" i="5" s="1"/>
  <c r="J4818" i="2"/>
  <c r="J4792" i="5" s="1"/>
  <c r="N4792" i="5" s="1"/>
  <c r="L2285" i="2"/>
  <c r="L2259" i="5" s="1"/>
  <c r="M2285" i="2"/>
  <c r="M2259" i="5" s="1"/>
  <c r="I2285" i="2"/>
  <c r="I2259" i="5" s="1"/>
  <c r="K2285" i="2"/>
  <c r="K2259" i="5" s="1"/>
  <c r="O2259" i="5" s="1"/>
  <c r="J2285" i="2"/>
  <c r="J2259" i="5" s="1"/>
  <c r="N2259" i="5" s="1"/>
  <c r="M6478" i="2"/>
  <c r="M6452" i="5" s="1"/>
  <c r="L6478" i="2"/>
  <c r="L6452" i="5" s="1"/>
  <c r="J6478" i="2"/>
  <c r="J6452" i="5" s="1"/>
  <c r="N6452" i="5" s="1"/>
  <c r="I6478" i="2"/>
  <c r="I6452" i="5" s="1"/>
  <c r="K6478" i="2"/>
  <c r="K6452" i="5" s="1"/>
  <c r="O6452" i="5" s="1"/>
  <c r="K2648" i="2"/>
  <c r="K2622" i="5" s="1"/>
  <c r="O2622" i="5" s="1"/>
  <c r="J2648" i="2"/>
  <c r="J2622" i="5" s="1"/>
  <c r="N2622" i="5" s="1"/>
  <c r="M2648" i="2"/>
  <c r="M2622" i="5" s="1"/>
  <c r="I2648" i="2"/>
  <c r="I2622" i="5" s="1"/>
  <c r="L2648" i="2"/>
  <c r="L2622" i="5" s="1"/>
  <c r="L2638" i="2"/>
  <c r="L2612" i="5" s="1"/>
  <c r="J2638" i="2"/>
  <c r="J2612" i="5" s="1"/>
  <c r="N2612" i="5" s="1"/>
  <c r="M2638" i="2"/>
  <c r="M2612" i="5" s="1"/>
  <c r="I2638" i="2"/>
  <c r="I2612" i="5" s="1"/>
  <c r="K2638" i="2"/>
  <c r="K2612" i="5" s="1"/>
  <c r="O2612" i="5" s="1"/>
  <c r="I3114" i="2"/>
  <c r="I3088" i="5" s="1"/>
  <c r="K3114" i="2"/>
  <c r="K3088" i="5" s="1"/>
  <c r="O3088" i="5" s="1"/>
  <c r="J3114" i="2"/>
  <c r="J3088" i="5" s="1"/>
  <c r="N3088" i="5" s="1"/>
  <c r="L3114" i="2"/>
  <c r="L3088" i="5" s="1"/>
  <c r="M3114" i="2"/>
  <c r="M3088" i="5" s="1"/>
  <c r="I7004" i="2"/>
  <c r="I6978" i="5" s="1"/>
  <c r="J7004" i="2"/>
  <c r="J6978" i="5" s="1"/>
  <c r="N6978" i="5" s="1"/>
  <c r="M7004" i="2"/>
  <c r="M6978" i="5" s="1"/>
  <c r="K7004" i="2"/>
  <c r="K6978" i="5" s="1"/>
  <c r="O6978" i="5" s="1"/>
  <c r="L7004" i="2"/>
  <c r="L6978" i="5" s="1"/>
  <c r="AR292" i="1"/>
  <c r="C298" i="5"/>
  <c r="K1296" i="2"/>
  <c r="K1270" i="5" s="1"/>
  <c r="O1270" i="5" s="1"/>
  <c r="I1296" i="2"/>
  <c r="I1270" i="5" s="1"/>
  <c r="L1296" i="2"/>
  <c r="L1270" i="5" s="1"/>
  <c r="M1296" i="2"/>
  <c r="M1270" i="5" s="1"/>
  <c r="J1296" i="2"/>
  <c r="J1270" i="5" s="1"/>
  <c r="N1270" i="5" s="1"/>
  <c r="L1286" i="2"/>
  <c r="L1260" i="5" s="1"/>
  <c r="J1286" i="2"/>
  <c r="J1260" i="5" s="1"/>
  <c r="N1260" i="5" s="1"/>
  <c r="M1286" i="2"/>
  <c r="M1260" i="5" s="1"/>
  <c r="I1286" i="2"/>
  <c r="I1260" i="5" s="1"/>
  <c r="K1286" i="2"/>
  <c r="K1260" i="5" s="1"/>
  <c r="O1260" i="5" s="1"/>
  <c r="I5969" i="2"/>
  <c r="I5943" i="5" s="1"/>
  <c r="K5969" i="2"/>
  <c r="K5943" i="5" s="1"/>
  <c r="O5943" i="5" s="1"/>
  <c r="J5969" i="2"/>
  <c r="J5943" i="5" s="1"/>
  <c r="N5943" i="5" s="1"/>
  <c r="L5969" i="2"/>
  <c r="L5943" i="5" s="1"/>
  <c r="M5969" i="2"/>
  <c r="M5943" i="5" s="1"/>
  <c r="K3097" i="2"/>
  <c r="K3071" i="5" s="1"/>
  <c r="O3071" i="5" s="1"/>
  <c r="J3097" i="2"/>
  <c r="J3071" i="5" s="1"/>
  <c r="N3071" i="5" s="1"/>
  <c r="M3097" i="2"/>
  <c r="M3071" i="5" s="1"/>
  <c r="I3097" i="2"/>
  <c r="I3071" i="5" s="1"/>
  <c r="L3097" i="2"/>
  <c r="L3071" i="5" s="1"/>
  <c r="M1103" i="2"/>
  <c r="M1077" i="5" s="1"/>
  <c r="J1103" i="2"/>
  <c r="J1077" i="5" s="1"/>
  <c r="N1077" i="5" s="1"/>
  <c r="L1103" i="2"/>
  <c r="L1077" i="5" s="1"/>
  <c r="I1103" i="2"/>
  <c r="I1077" i="5" s="1"/>
  <c r="K1103" i="2"/>
  <c r="K1077" i="5" s="1"/>
  <c r="O1077" i="5" s="1"/>
  <c r="AR46" i="1"/>
  <c r="C52" i="5"/>
  <c r="J477" i="2"/>
  <c r="J451" i="5" s="1"/>
  <c r="N451" i="5" s="1"/>
  <c r="L477" i="2"/>
  <c r="L451" i="5" s="1"/>
  <c r="I477" i="2"/>
  <c r="I451" i="5" s="1"/>
  <c r="M477" i="2"/>
  <c r="M451" i="5" s="1"/>
  <c r="K477" i="2"/>
  <c r="K451" i="5" s="1"/>
  <c r="O451" i="5" s="1"/>
  <c r="M247" i="2"/>
  <c r="M221" i="5" s="1"/>
  <c r="L247" i="2"/>
  <c r="L221" i="5" s="1"/>
  <c r="K247" i="2"/>
  <c r="K221" i="5" s="1"/>
  <c r="O221" i="5" s="1"/>
  <c r="I247" i="2"/>
  <c r="I221" i="5" s="1"/>
  <c r="J247" i="2"/>
  <c r="J221" i="5" s="1"/>
  <c r="N221" i="5" s="1"/>
  <c r="K242" i="2"/>
  <c r="K216" i="5" s="1"/>
  <c r="O216" i="5" s="1"/>
  <c r="J242" i="2"/>
  <c r="J216" i="5" s="1"/>
  <c r="N216" i="5" s="1"/>
  <c r="I242" i="2"/>
  <c r="I216" i="5" s="1"/>
  <c r="M242" i="2"/>
  <c r="M216" i="5" s="1"/>
  <c r="L242" i="2"/>
  <c r="L216" i="5" s="1"/>
  <c r="I6936" i="2"/>
  <c r="I6910" i="5" s="1"/>
  <c r="M6936" i="2"/>
  <c r="M6910" i="5" s="1"/>
  <c r="K6936" i="2"/>
  <c r="K6910" i="5" s="1"/>
  <c r="O6910" i="5" s="1"/>
  <c r="L6936" i="2"/>
  <c r="L6910" i="5" s="1"/>
  <c r="J6936" i="2"/>
  <c r="J6910" i="5" s="1"/>
  <c r="N6910" i="5" s="1"/>
  <c r="L5485" i="2"/>
  <c r="L5459" i="5" s="1"/>
  <c r="K5485" i="2"/>
  <c r="K5459" i="5" s="1"/>
  <c r="O5459" i="5" s="1"/>
  <c r="J5485" i="2"/>
  <c r="J5459" i="5" s="1"/>
  <c r="N5459" i="5" s="1"/>
  <c r="M5485" i="2"/>
  <c r="M5459" i="5" s="1"/>
  <c r="I5485" i="2"/>
  <c r="I5459" i="5" s="1"/>
  <c r="I4742" i="2"/>
  <c r="I4716" i="5" s="1"/>
  <c r="L4742" i="2"/>
  <c r="L4716" i="5" s="1"/>
  <c r="K4742" i="2"/>
  <c r="K4716" i="5" s="1"/>
  <c r="O4716" i="5" s="1"/>
  <c r="J4742" i="2"/>
  <c r="J4716" i="5" s="1"/>
  <c r="N4716" i="5" s="1"/>
  <c r="M4742" i="2"/>
  <c r="M4716" i="5" s="1"/>
  <c r="J8161" i="2"/>
  <c r="J8135" i="5" s="1"/>
  <c r="N8135" i="5" s="1"/>
  <c r="M8161" i="2"/>
  <c r="M8135" i="5" s="1"/>
  <c r="L8161" i="2"/>
  <c r="L8135" i="5" s="1"/>
  <c r="I8161" i="2"/>
  <c r="I8135" i="5" s="1"/>
  <c r="K8161" i="2"/>
  <c r="K8135" i="5" s="1"/>
  <c r="O8135" i="5" s="1"/>
  <c r="K1897" i="2"/>
  <c r="K1871" i="5" s="1"/>
  <c r="O1871" i="5" s="1"/>
  <c r="L1897" i="2"/>
  <c r="L1871" i="5" s="1"/>
  <c r="M1897" i="2"/>
  <c r="M1871" i="5" s="1"/>
  <c r="I1897" i="2"/>
  <c r="I1871" i="5" s="1"/>
  <c r="J1897" i="2"/>
  <c r="J1871" i="5" s="1"/>
  <c r="N1871" i="5" s="1"/>
  <c r="L4778" i="2"/>
  <c r="L4752" i="5" s="1"/>
  <c r="I4778" i="2"/>
  <c r="I4752" i="5" s="1"/>
  <c r="K4778" i="2"/>
  <c r="K4752" i="5" s="1"/>
  <c r="O4752" i="5" s="1"/>
  <c r="J4778" i="2"/>
  <c r="J4752" i="5" s="1"/>
  <c r="N4752" i="5" s="1"/>
  <c r="M4778" i="2"/>
  <c r="M4752" i="5" s="1"/>
  <c r="AR199" i="1"/>
  <c r="C205" i="5"/>
  <c r="I3670" i="2"/>
  <c r="I3644" i="5" s="1"/>
  <c r="K3670" i="2"/>
  <c r="K3644" i="5" s="1"/>
  <c r="O3644" i="5" s="1"/>
  <c r="J3670" i="2"/>
  <c r="J3644" i="5" s="1"/>
  <c r="N3644" i="5" s="1"/>
  <c r="M3670" i="2"/>
  <c r="M3644" i="5" s="1"/>
  <c r="L3670" i="2"/>
  <c r="L3644" i="5" s="1"/>
  <c r="M5640" i="2"/>
  <c r="M5614" i="5" s="1"/>
  <c r="L5640" i="2"/>
  <c r="L5614" i="5" s="1"/>
  <c r="J5640" i="2"/>
  <c r="J5614" i="5" s="1"/>
  <c r="N5614" i="5" s="1"/>
  <c r="I5640" i="2"/>
  <c r="I5614" i="5" s="1"/>
  <c r="K5640" i="2"/>
  <c r="K5614" i="5" s="1"/>
  <c r="O5614" i="5" s="1"/>
  <c r="K2061" i="2"/>
  <c r="K2035" i="5" s="1"/>
  <c r="O2035" i="5" s="1"/>
  <c r="L2061" i="2"/>
  <c r="L2035" i="5" s="1"/>
  <c r="J2061" i="2"/>
  <c r="J2035" i="5" s="1"/>
  <c r="N2035" i="5" s="1"/>
  <c r="M2061" i="2"/>
  <c r="M2035" i="5" s="1"/>
  <c r="I2061" i="2"/>
  <c r="I2035" i="5" s="1"/>
  <c r="J2058" i="2"/>
  <c r="J2032" i="5" s="1"/>
  <c r="N2032" i="5" s="1"/>
  <c r="M2058" i="2"/>
  <c r="M2032" i="5" s="1"/>
  <c r="I2058" i="2"/>
  <c r="I2032" i="5" s="1"/>
  <c r="L2058" i="2"/>
  <c r="L2032" i="5" s="1"/>
  <c r="K2058" i="2"/>
  <c r="K2032" i="5" s="1"/>
  <c r="O2032" i="5" s="1"/>
  <c r="L7634" i="2"/>
  <c r="L7608" i="5" s="1"/>
  <c r="J7634" i="2"/>
  <c r="J7608" i="5" s="1"/>
  <c r="N7608" i="5" s="1"/>
  <c r="I7634" i="2"/>
  <c r="I7608" i="5" s="1"/>
  <c r="K7634" i="2"/>
  <c r="K7608" i="5" s="1"/>
  <c r="O7608" i="5" s="1"/>
  <c r="M7634" i="2"/>
  <c r="M7608" i="5" s="1"/>
  <c r="K4472" i="2"/>
  <c r="K4446" i="5" s="1"/>
  <c r="O4446" i="5" s="1"/>
  <c r="M4472" i="2"/>
  <c r="M4446" i="5" s="1"/>
  <c r="I4472" i="2"/>
  <c r="I4446" i="5" s="1"/>
  <c r="L4472" i="2"/>
  <c r="L4446" i="5" s="1"/>
  <c r="J4472" i="2"/>
  <c r="J4446" i="5" s="1"/>
  <c r="N4446" i="5" s="1"/>
  <c r="J7678" i="2"/>
  <c r="J7652" i="5" s="1"/>
  <c r="N7652" i="5" s="1"/>
  <c r="L7678" i="2"/>
  <c r="L7652" i="5" s="1"/>
  <c r="M7678" i="2"/>
  <c r="M7652" i="5" s="1"/>
  <c r="I7678" i="2"/>
  <c r="I7652" i="5" s="1"/>
  <c r="K7678" i="2"/>
  <c r="K7652" i="5" s="1"/>
  <c r="O7652" i="5" s="1"/>
  <c r="L4174" i="2"/>
  <c r="L4148" i="5" s="1"/>
  <c r="J4174" i="2"/>
  <c r="J4148" i="5" s="1"/>
  <c r="N4148" i="5" s="1"/>
  <c r="I4174" i="2"/>
  <c r="I4148" i="5" s="1"/>
  <c r="K4174" i="2"/>
  <c r="K4148" i="5" s="1"/>
  <c r="O4148" i="5" s="1"/>
  <c r="M4174" i="2"/>
  <c r="M4148" i="5" s="1"/>
  <c r="I2400" i="2"/>
  <c r="I2374" i="5" s="1"/>
  <c r="K2400" i="2"/>
  <c r="K2374" i="5" s="1"/>
  <c r="O2374" i="5" s="1"/>
  <c r="J2400" i="2"/>
  <c r="J2374" i="5" s="1"/>
  <c r="N2374" i="5" s="1"/>
  <c r="M2400" i="2"/>
  <c r="M2374" i="5" s="1"/>
  <c r="L2400" i="2"/>
  <c r="L2374" i="5" s="1"/>
  <c r="M8630" i="2"/>
  <c r="M8604" i="5" s="1"/>
  <c r="I8630" i="2"/>
  <c r="I8604" i="5" s="1"/>
  <c r="K8630" i="2"/>
  <c r="K8604" i="5" s="1"/>
  <c r="O8604" i="5" s="1"/>
  <c r="L8630" i="2"/>
  <c r="L8604" i="5" s="1"/>
  <c r="J8630" i="2"/>
  <c r="J8604" i="5" s="1"/>
  <c r="N8604" i="5" s="1"/>
  <c r="J8629" i="2"/>
  <c r="J8603" i="5" s="1"/>
  <c r="N8603" i="5" s="1"/>
  <c r="L8629" i="2"/>
  <c r="L8603" i="5" s="1"/>
  <c r="I8629" i="2"/>
  <c r="I8603" i="5" s="1"/>
  <c r="M8629" i="2"/>
  <c r="M8603" i="5" s="1"/>
  <c r="K8629" i="2"/>
  <c r="K8603" i="5" s="1"/>
  <c r="O8603" i="5" s="1"/>
  <c r="J3637" i="2"/>
  <c r="J3611" i="5" s="1"/>
  <c r="N3611" i="5" s="1"/>
  <c r="K3637" i="2"/>
  <c r="K3611" i="5" s="1"/>
  <c r="O3611" i="5" s="1"/>
  <c r="L3637" i="2"/>
  <c r="L3611" i="5" s="1"/>
  <c r="M3637" i="2"/>
  <c r="M3611" i="5" s="1"/>
  <c r="I3637" i="2"/>
  <c r="I3611" i="5" s="1"/>
  <c r="J3605" i="2"/>
  <c r="J3579" i="5" s="1"/>
  <c r="N3579" i="5" s="1"/>
  <c r="L3605" i="2"/>
  <c r="L3579" i="5" s="1"/>
  <c r="M3605" i="2"/>
  <c r="M3579" i="5" s="1"/>
  <c r="K3605" i="2"/>
  <c r="K3579" i="5" s="1"/>
  <c r="O3579" i="5" s="1"/>
  <c r="I3605" i="2"/>
  <c r="I3579" i="5" s="1"/>
  <c r="L5525" i="2"/>
  <c r="L5499" i="5" s="1"/>
  <c r="M5525" i="2"/>
  <c r="M5499" i="5" s="1"/>
  <c r="I5525" i="2"/>
  <c r="I5499" i="5" s="1"/>
  <c r="K5525" i="2"/>
  <c r="K5499" i="5" s="1"/>
  <c r="O5499" i="5" s="1"/>
  <c r="J5525" i="2"/>
  <c r="J5499" i="5" s="1"/>
  <c r="N5499" i="5" s="1"/>
  <c r="J5521" i="2"/>
  <c r="J5495" i="5" s="1"/>
  <c r="N5495" i="5" s="1"/>
  <c r="L5521" i="2"/>
  <c r="L5495" i="5" s="1"/>
  <c r="M5521" i="2"/>
  <c r="M5495" i="5" s="1"/>
  <c r="I5521" i="2"/>
  <c r="I5495" i="5" s="1"/>
  <c r="K5521" i="2"/>
  <c r="K5495" i="5" s="1"/>
  <c r="O5495" i="5" s="1"/>
  <c r="L5252" i="2"/>
  <c r="L5226" i="5" s="1"/>
  <c r="M5252" i="2"/>
  <c r="M5226" i="5" s="1"/>
  <c r="I5252" i="2"/>
  <c r="I5226" i="5" s="1"/>
  <c r="K5252" i="2"/>
  <c r="K5226" i="5" s="1"/>
  <c r="O5226" i="5" s="1"/>
  <c r="J5252" i="2"/>
  <c r="J5226" i="5" s="1"/>
  <c r="N5226" i="5" s="1"/>
  <c r="J5257" i="2"/>
  <c r="J5231" i="5" s="1"/>
  <c r="N5231" i="5" s="1"/>
  <c r="M5257" i="2"/>
  <c r="M5231" i="5" s="1"/>
  <c r="L5257" i="2"/>
  <c r="L5231" i="5" s="1"/>
  <c r="I5257" i="2"/>
  <c r="I5231" i="5" s="1"/>
  <c r="K5257" i="2"/>
  <c r="K5231" i="5" s="1"/>
  <c r="O5231" i="5" s="1"/>
  <c r="J6590" i="2"/>
  <c r="J6564" i="5" s="1"/>
  <c r="N6564" i="5" s="1"/>
  <c r="L6590" i="2"/>
  <c r="L6564" i="5" s="1"/>
  <c r="M6590" i="2"/>
  <c r="M6564" i="5" s="1"/>
  <c r="I6590" i="2"/>
  <c r="I6564" i="5" s="1"/>
  <c r="K6590" i="2"/>
  <c r="K6564" i="5" s="1"/>
  <c r="O6564" i="5" s="1"/>
  <c r="J6591" i="2"/>
  <c r="J6565" i="5" s="1"/>
  <c r="N6565" i="5" s="1"/>
  <c r="M6591" i="2"/>
  <c r="M6565" i="5" s="1"/>
  <c r="I6591" i="2"/>
  <c r="I6565" i="5" s="1"/>
  <c r="L6591" i="2"/>
  <c r="L6565" i="5" s="1"/>
  <c r="K6591" i="2"/>
  <c r="K6565" i="5" s="1"/>
  <c r="O6565" i="5" s="1"/>
  <c r="K2493" i="2"/>
  <c r="K2467" i="5" s="1"/>
  <c r="O2467" i="5" s="1"/>
  <c r="M2493" i="2"/>
  <c r="M2467" i="5" s="1"/>
  <c r="J2493" i="2"/>
  <c r="J2467" i="5" s="1"/>
  <c r="N2467" i="5" s="1"/>
  <c r="I2493" i="2"/>
  <c r="I2467" i="5" s="1"/>
  <c r="L2493" i="2"/>
  <c r="L2467" i="5" s="1"/>
  <c r="K2596" i="2"/>
  <c r="K2570" i="5" s="1"/>
  <c r="O2570" i="5" s="1"/>
  <c r="L2596" i="2"/>
  <c r="L2570" i="5" s="1"/>
  <c r="J2596" i="2"/>
  <c r="J2570" i="5" s="1"/>
  <c r="N2570" i="5" s="1"/>
  <c r="M2596" i="2"/>
  <c r="M2570" i="5" s="1"/>
  <c r="I2596" i="2"/>
  <c r="I2570" i="5" s="1"/>
  <c r="J6312" i="2"/>
  <c r="J6286" i="5" s="1"/>
  <c r="N6286" i="5" s="1"/>
  <c r="L6312" i="2"/>
  <c r="L6286" i="5" s="1"/>
  <c r="M6312" i="2"/>
  <c r="M6286" i="5" s="1"/>
  <c r="I6312" i="2"/>
  <c r="I6286" i="5" s="1"/>
  <c r="K6312" i="2"/>
  <c r="K6286" i="5" s="1"/>
  <c r="O6286" i="5" s="1"/>
  <c r="J3781" i="2"/>
  <c r="J3755" i="5" s="1"/>
  <c r="N3755" i="5" s="1"/>
  <c r="L3781" i="2"/>
  <c r="L3755" i="5" s="1"/>
  <c r="I3781" i="2"/>
  <c r="I3755" i="5" s="1"/>
  <c r="M3781" i="2"/>
  <c r="M3755" i="5" s="1"/>
  <c r="K3781" i="2"/>
  <c r="K3755" i="5" s="1"/>
  <c r="O3755" i="5" s="1"/>
  <c r="L2165" i="2"/>
  <c r="L2139" i="5" s="1"/>
  <c r="J2165" i="2"/>
  <c r="J2139" i="5" s="1"/>
  <c r="N2139" i="5" s="1"/>
  <c r="M2165" i="2"/>
  <c r="M2139" i="5" s="1"/>
  <c r="I2165" i="2"/>
  <c r="I2139" i="5" s="1"/>
  <c r="K2165" i="2"/>
  <c r="K2139" i="5" s="1"/>
  <c r="O2139" i="5" s="1"/>
  <c r="J6291" i="2"/>
  <c r="J6265" i="5" s="1"/>
  <c r="N6265" i="5" s="1"/>
  <c r="L6291" i="2"/>
  <c r="L6265" i="5" s="1"/>
  <c r="M6291" i="2"/>
  <c r="M6265" i="5" s="1"/>
  <c r="I6291" i="2"/>
  <c r="I6265" i="5" s="1"/>
  <c r="K6291" i="2"/>
  <c r="K6265" i="5" s="1"/>
  <c r="O6265" i="5" s="1"/>
  <c r="J3429" i="2"/>
  <c r="J3403" i="5" s="1"/>
  <c r="N3403" i="5" s="1"/>
  <c r="M3429" i="2"/>
  <c r="M3403" i="5" s="1"/>
  <c r="I3429" i="2"/>
  <c r="I3403" i="5" s="1"/>
  <c r="K3429" i="2"/>
  <c r="K3403" i="5" s="1"/>
  <c r="O3403" i="5" s="1"/>
  <c r="L3429" i="2"/>
  <c r="L3403" i="5" s="1"/>
  <c r="J6794" i="2"/>
  <c r="J6768" i="5" s="1"/>
  <c r="N6768" i="5" s="1"/>
  <c r="M6794" i="2"/>
  <c r="M6768" i="5" s="1"/>
  <c r="I6794" i="2"/>
  <c r="I6768" i="5" s="1"/>
  <c r="L6794" i="2"/>
  <c r="L6768" i="5" s="1"/>
  <c r="K6794" i="2"/>
  <c r="K6768" i="5" s="1"/>
  <c r="O6768" i="5" s="1"/>
  <c r="J7287" i="2"/>
  <c r="J7261" i="5" s="1"/>
  <c r="N7261" i="5" s="1"/>
  <c r="I7287" i="2"/>
  <c r="I7261" i="5" s="1"/>
  <c r="K7287" i="2"/>
  <c r="K7261" i="5" s="1"/>
  <c r="O7261" i="5" s="1"/>
  <c r="L7287" i="2"/>
  <c r="L7261" i="5" s="1"/>
  <c r="M7287" i="2"/>
  <c r="M7261" i="5" s="1"/>
  <c r="J1253" i="2"/>
  <c r="J1227" i="5" s="1"/>
  <c r="N1227" i="5" s="1"/>
  <c r="L1253" i="2"/>
  <c r="L1227" i="5" s="1"/>
  <c r="I1253" i="2"/>
  <c r="I1227" i="5" s="1"/>
  <c r="K1253" i="2"/>
  <c r="K1227" i="5" s="1"/>
  <c r="O1227" i="5" s="1"/>
  <c r="M1253" i="2"/>
  <c r="M1227" i="5" s="1"/>
  <c r="J1234" i="2"/>
  <c r="J1208" i="5" s="1"/>
  <c r="N1208" i="5" s="1"/>
  <c r="M1234" i="2"/>
  <c r="M1208" i="5" s="1"/>
  <c r="L1234" i="2"/>
  <c r="L1208" i="5" s="1"/>
  <c r="I1234" i="2"/>
  <c r="I1208" i="5" s="1"/>
  <c r="K1234" i="2"/>
  <c r="K1208" i="5" s="1"/>
  <c r="O1208" i="5" s="1"/>
  <c r="I3293" i="2"/>
  <c r="I3267" i="5" s="1"/>
  <c r="K3293" i="2"/>
  <c r="K3267" i="5" s="1"/>
  <c r="O3267" i="5" s="1"/>
  <c r="L3293" i="2"/>
  <c r="L3267" i="5" s="1"/>
  <c r="M3293" i="2"/>
  <c r="M3267" i="5" s="1"/>
  <c r="J3293" i="2"/>
  <c r="J3267" i="5" s="1"/>
  <c r="N3267" i="5" s="1"/>
  <c r="K6807" i="2"/>
  <c r="K6781" i="5" s="1"/>
  <c r="O6781" i="5" s="1"/>
  <c r="M6807" i="2"/>
  <c r="M6781" i="5" s="1"/>
  <c r="J6807" i="2"/>
  <c r="J6781" i="5" s="1"/>
  <c r="N6781" i="5" s="1"/>
  <c r="I6807" i="2"/>
  <c r="I6781" i="5" s="1"/>
  <c r="L6807" i="2"/>
  <c r="L6781" i="5" s="1"/>
  <c r="C290" i="5"/>
  <c r="AR284" i="1"/>
  <c r="J5429" i="2"/>
  <c r="J5403" i="5" s="1"/>
  <c r="N5403" i="5" s="1"/>
  <c r="M5429" i="2"/>
  <c r="M5403" i="5" s="1"/>
  <c r="K5429" i="2"/>
  <c r="K5403" i="5" s="1"/>
  <c r="O5403" i="5" s="1"/>
  <c r="L5429" i="2"/>
  <c r="L5403" i="5" s="1"/>
  <c r="I5429" i="2"/>
  <c r="I5403" i="5" s="1"/>
  <c r="M110" i="2"/>
  <c r="M84" i="5" s="1"/>
  <c r="I110" i="2"/>
  <c r="I84" i="5" s="1"/>
  <c r="K110" i="2"/>
  <c r="K84" i="5" s="1"/>
  <c r="O84" i="5" s="1"/>
  <c r="L110" i="2"/>
  <c r="L84" i="5" s="1"/>
  <c r="J110" i="2"/>
  <c r="J84" i="5" s="1"/>
  <c r="N84" i="5" s="1"/>
  <c r="J3909" i="2"/>
  <c r="J3883" i="5" s="1"/>
  <c r="N3883" i="5" s="1"/>
  <c r="M3909" i="2"/>
  <c r="M3883" i="5" s="1"/>
  <c r="I3909" i="2"/>
  <c r="I3883" i="5" s="1"/>
  <c r="L3909" i="2"/>
  <c r="L3883" i="5" s="1"/>
  <c r="K3909" i="2"/>
  <c r="K3883" i="5" s="1"/>
  <c r="O3883" i="5" s="1"/>
  <c r="L3920" i="2"/>
  <c r="L3894" i="5" s="1"/>
  <c r="M3920" i="2"/>
  <c r="M3894" i="5" s="1"/>
  <c r="J3920" i="2"/>
  <c r="J3894" i="5" s="1"/>
  <c r="N3894" i="5" s="1"/>
  <c r="I3920" i="2"/>
  <c r="I3894" i="5" s="1"/>
  <c r="K3920" i="2"/>
  <c r="K3894" i="5" s="1"/>
  <c r="O3894" i="5" s="1"/>
  <c r="L271" i="2"/>
  <c r="L245" i="5" s="1"/>
  <c r="M271" i="2"/>
  <c r="M245" i="5" s="1"/>
  <c r="J271" i="2"/>
  <c r="J245" i="5" s="1"/>
  <c r="N245" i="5" s="1"/>
  <c r="K271" i="2"/>
  <c r="K245" i="5" s="1"/>
  <c r="O245" i="5" s="1"/>
  <c r="I271" i="2"/>
  <c r="I245" i="5" s="1"/>
  <c r="J6369" i="2"/>
  <c r="J6343" i="5" s="1"/>
  <c r="N6343" i="5" s="1"/>
  <c r="L6369" i="2"/>
  <c r="L6343" i="5" s="1"/>
  <c r="M6369" i="2"/>
  <c r="M6343" i="5" s="1"/>
  <c r="I6369" i="2"/>
  <c r="I6343" i="5" s="1"/>
  <c r="K6369" i="2"/>
  <c r="K6343" i="5" s="1"/>
  <c r="O6343" i="5" s="1"/>
  <c r="M7187" i="2"/>
  <c r="M7161" i="5" s="1"/>
  <c r="J7187" i="2"/>
  <c r="J7161" i="5" s="1"/>
  <c r="N7161" i="5" s="1"/>
  <c r="L7187" i="2"/>
  <c r="L7161" i="5" s="1"/>
  <c r="I7187" i="2"/>
  <c r="I7161" i="5" s="1"/>
  <c r="K7187" i="2"/>
  <c r="K7161" i="5" s="1"/>
  <c r="O7161" i="5" s="1"/>
  <c r="I7193" i="2"/>
  <c r="I7167" i="5" s="1"/>
  <c r="M7193" i="2"/>
  <c r="M7167" i="5" s="1"/>
  <c r="L7193" i="2"/>
  <c r="L7167" i="5" s="1"/>
  <c r="J7193" i="2"/>
  <c r="J7167" i="5" s="1"/>
  <c r="N7167" i="5" s="1"/>
  <c r="K7193" i="2"/>
  <c r="K7167" i="5" s="1"/>
  <c r="O7167" i="5" s="1"/>
  <c r="J1589" i="2"/>
  <c r="J1563" i="5" s="1"/>
  <c r="N1563" i="5" s="1"/>
  <c r="M1589" i="2"/>
  <c r="M1563" i="5" s="1"/>
  <c r="L1589" i="2"/>
  <c r="L1563" i="5" s="1"/>
  <c r="I1589" i="2"/>
  <c r="I1563" i="5" s="1"/>
  <c r="K1589" i="2"/>
  <c r="K1563" i="5" s="1"/>
  <c r="O1563" i="5" s="1"/>
  <c r="L3494" i="2"/>
  <c r="L3468" i="5" s="1"/>
  <c r="I3494" i="2"/>
  <c r="I3468" i="5" s="1"/>
  <c r="K3494" i="2"/>
  <c r="K3468" i="5" s="1"/>
  <c r="O3468" i="5" s="1"/>
  <c r="J3494" i="2"/>
  <c r="J3468" i="5" s="1"/>
  <c r="N3468" i="5" s="1"/>
  <c r="M3494" i="2"/>
  <c r="M3468" i="5" s="1"/>
  <c r="C152" i="5"/>
  <c r="AR146" i="1"/>
  <c r="L6699" i="2"/>
  <c r="L6673" i="5" s="1"/>
  <c r="I6699" i="2"/>
  <c r="I6673" i="5" s="1"/>
  <c r="J6699" i="2"/>
  <c r="J6673" i="5" s="1"/>
  <c r="N6673" i="5" s="1"/>
  <c r="M6699" i="2"/>
  <c r="M6673" i="5" s="1"/>
  <c r="K6699" i="2"/>
  <c r="K6673" i="5" s="1"/>
  <c r="O6673" i="5" s="1"/>
  <c r="I7117" i="2"/>
  <c r="I7091" i="5" s="1"/>
  <c r="K7117" i="2"/>
  <c r="K7091" i="5" s="1"/>
  <c r="O7091" i="5" s="1"/>
  <c r="L7117" i="2"/>
  <c r="L7091" i="5" s="1"/>
  <c r="J7117" i="2"/>
  <c r="J7091" i="5" s="1"/>
  <c r="N7091" i="5" s="1"/>
  <c r="M7117" i="2"/>
  <c r="M7091" i="5" s="1"/>
  <c r="M2145" i="2"/>
  <c r="M2119" i="5" s="1"/>
  <c r="J2145" i="2"/>
  <c r="J2119" i="5" s="1"/>
  <c r="N2119" i="5" s="1"/>
  <c r="L2145" i="2"/>
  <c r="L2119" i="5" s="1"/>
  <c r="I2145" i="2"/>
  <c r="I2119" i="5" s="1"/>
  <c r="K2145" i="2"/>
  <c r="K2119" i="5" s="1"/>
  <c r="O2119" i="5" s="1"/>
  <c r="K3338" i="2"/>
  <c r="K3312" i="5" s="1"/>
  <c r="O3312" i="5" s="1"/>
  <c r="M3338" i="2"/>
  <c r="M3312" i="5" s="1"/>
  <c r="L3338" i="2"/>
  <c r="L3312" i="5" s="1"/>
  <c r="J3338" i="2"/>
  <c r="J3312" i="5" s="1"/>
  <c r="N3312" i="5" s="1"/>
  <c r="I3338" i="2"/>
  <c r="I3312" i="5" s="1"/>
  <c r="C145" i="5"/>
  <c r="AR139" i="1"/>
  <c r="I4498" i="2"/>
  <c r="I4472" i="5" s="1"/>
  <c r="J4498" i="2"/>
  <c r="J4472" i="5" s="1"/>
  <c r="N4472" i="5" s="1"/>
  <c r="M4498" i="2"/>
  <c r="M4472" i="5" s="1"/>
  <c r="L4498" i="2"/>
  <c r="L4472" i="5" s="1"/>
  <c r="K4498" i="2"/>
  <c r="K4472" i="5" s="1"/>
  <c r="O4472" i="5" s="1"/>
  <c r="K7440" i="2"/>
  <c r="K7414" i="5" s="1"/>
  <c r="O7414" i="5" s="1"/>
  <c r="M7440" i="2"/>
  <c r="M7414" i="5" s="1"/>
  <c r="L7440" i="2"/>
  <c r="L7414" i="5" s="1"/>
  <c r="J7440" i="2"/>
  <c r="J7414" i="5" s="1"/>
  <c r="N7414" i="5" s="1"/>
  <c r="I7440" i="2"/>
  <c r="I7414" i="5" s="1"/>
  <c r="M6496" i="2"/>
  <c r="M6470" i="5" s="1"/>
  <c r="I6496" i="2"/>
  <c r="I6470" i="5" s="1"/>
  <c r="L6496" i="2"/>
  <c r="L6470" i="5" s="1"/>
  <c r="K6496" i="2"/>
  <c r="K6470" i="5" s="1"/>
  <c r="O6470" i="5" s="1"/>
  <c r="J6496" i="2"/>
  <c r="J6470" i="5" s="1"/>
  <c r="N6470" i="5" s="1"/>
  <c r="J4851" i="2"/>
  <c r="J4825" i="5" s="1"/>
  <c r="N4825" i="5" s="1"/>
  <c r="M4851" i="2"/>
  <c r="M4825" i="5" s="1"/>
  <c r="L4851" i="2"/>
  <c r="L4825" i="5" s="1"/>
  <c r="I4851" i="2"/>
  <c r="I4825" i="5" s="1"/>
  <c r="K4851" i="2"/>
  <c r="K4825" i="5" s="1"/>
  <c r="O4825" i="5" s="1"/>
  <c r="J4845" i="2"/>
  <c r="J4819" i="5" s="1"/>
  <c r="N4819" i="5" s="1"/>
  <c r="M4845" i="2"/>
  <c r="M4819" i="5" s="1"/>
  <c r="L4845" i="2"/>
  <c r="L4819" i="5" s="1"/>
  <c r="I4845" i="2"/>
  <c r="I4819" i="5" s="1"/>
  <c r="K4845" i="2"/>
  <c r="K4819" i="5" s="1"/>
  <c r="O4819" i="5" s="1"/>
  <c r="I7873" i="2"/>
  <c r="I7847" i="5" s="1"/>
  <c r="L7873" i="2"/>
  <c r="L7847" i="5" s="1"/>
  <c r="K7873" i="2"/>
  <c r="K7847" i="5" s="1"/>
  <c r="O7847" i="5" s="1"/>
  <c r="J7873" i="2"/>
  <c r="J7847" i="5" s="1"/>
  <c r="N7847" i="5" s="1"/>
  <c r="M7873" i="2"/>
  <c r="M7847" i="5" s="1"/>
  <c r="J4926" i="2"/>
  <c r="J4900" i="5" s="1"/>
  <c r="N4900" i="5" s="1"/>
  <c r="M4926" i="2"/>
  <c r="M4900" i="5" s="1"/>
  <c r="I4926" i="2"/>
  <c r="I4900" i="5" s="1"/>
  <c r="L4926" i="2"/>
  <c r="L4900" i="5" s="1"/>
  <c r="K4926" i="2"/>
  <c r="K4900" i="5" s="1"/>
  <c r="O4900" i="5" s="1"/>
  <c r="L8270" i="2"/>
  <c r="L8244" i="5" s="1"/>
  <c r="I8270" i="2"/>
  <c r="I8244" i="5" s="1"/>
  <c r="K8270" i="2"/>
  <c r="K8244" i="5" s="1"/>
  <c r="O8244" i="5" s="1"/>
  <c r="J8270" i="2"/>
  <c r="J8244" i="5" s="1"/>
  <c r="N8244" i="5" s="1"/>
  <c r="M8270" i="2"/>
  <c r="M8244" i="5" s="1"/>
  <c r="L4640" i="2"/>
  <c r="L4614" i="5" s="1"/>
  <c r="I4640" i="2"/>
  <c r="I4614" i="5" s="1"/>
  <c r="K4640" i="2"/>
  <c r="K4614" i="5" s="1"/>
  <c r="O4614" i="5" s="1"/>
  <c r="M4640" i="2"/>
  <c r="M4614" i="5" s="1"/>
  <c r="J4640" i="2"/>
  <c r="J4614" i="5" s="1"/>
  <c r="N4614" i="5" s="1"/>
  <c r="K2421" i="2"/>
  <c r="K2395" i="5" s="1"/>
  <c r="O2395" i="5" s="1"/>
  <c r="J2421" i="2"/>
  <c r="J2395" i="5" s="1"/>
  <c r="N2395" i="5" s="1"/>
  <c r="L2421" i="2"/>
  <c r="L2395" i="5" s="1"/>
  <c r="M2421" i="2"/>
  <c r="M2395" i="5" s="1"/>
  <c r="I2421" i="2"/>
  <c r="I2395" i="5" s="1"/>
  <c r="M5313" i="2"/>
  <c r="M5287" i="5" s="1"/>
  <c r="J5313" i="2"/>
  <c r="J5287" i="5" s="1"/>
  <c r="N5287" i="5" s="1"/>
  <c r="L5313" i="2"/>
  <c r="L5287" i="5" s="1"/>
  <c r="I5313" i="2"/>
  <c r="I5287" i="5" s="1"/>
  <c r="K5313" i="2"/>
  <c r="K5287" i="5" s="1"/>
  <c r="O5287" i="5" s="1"/>
  <c r="J5296" i="2"/>
  <c r="J5270" i="5" s="1"/>
  <c r="N5270" i="5" s="1"/>
  <c r="L5296" i="2"/>
  <c r="L5270" i="5" s="1"/>
  <c r="M5296" i="2"/>
  <c r="M5270" i="5" s="1"/>
  <c r="I5296" i="2"/>
  <c r="I5270" i="5" s="1"/>
  <c r="K5296" i="2"/>
  <c r="K5270" i="5" s="1"/>
  <c r="O5270" i="5" s="1"/>
  <c r="J7993" i="2"/>
  <c r="J7967" i="5" s="1"/>
  <c r="N7967" i="5" s="1"/>
  <c r="L7993" i="2"/>
  <c r="L7967" i="5" s="1"/>
  <c r="M7993" i="2"/>
  <c r="M7967" i="5" s="1"/>
  <c r="I7993" i="2"/>
  <c r="I7967" i="5" s="1"/>
  <c r="K7993" i="2"/>
  <c r="K7967" i="5" s="1"/>
  <c r="O7967" i="5" s="1"/>
  <c r="K4090" i="2"/>
  <c r="K4064" i="5" s="1"/>
  <c r="O4064" i="5" s="1"/>
  <c r="J4090" i="2"/>
  <c r="J4064" i="5" s="1"/>
  <c r="N4064" i="5" s="1"/>
  <c r="M4090" i="2"/>
  <c r="M4064" i="5" s="1"/>
  <c r="L4090" i="2"/>
  <c r="L4064" i="5" s="1"/>
  <c r="I4090" i="2"/>
  <c r="I4064" i="5" s="1"/>
  <c r="I8624" i="2"/>
  <c r="I8598" i="5" s="1"/>
  <c r="K8624" i="2"/>
  <c r="K8598" i="5" s="1"/>
  <c r="O8598" i="5" s="1"/>
  <c r="M8624" i="2"/>
  <c r="M8598" i="5" s="1"/>
  <c r="J8624" i="2"/>
  <c r="J8598" i="5" s="1"/>
  <c r="N8598" i="5" s="1"/>
  <c r="L8624" i="2"/>
  <c r="L8598" i="5" s="1"/>
  <c r="L6083" i="2"/>
  <c r="L6057" i="5" s="1"/>
  <c r="I6083" i="2"/>
  <c r="I6057" i="5" s="1"/>
  <c r="J6083" i="2"/>
  <c r="J6057" i="5" s="1"/>
  <c r="N6057" i="5" s="1"/>
  <c r="M6083" i="2"/>
  <c r="M6057" i="5" s="1"/>
  <c r="K6083" i="2"/>
  <c r="K6057" i="5" s="1"/>
  <c r="O6057" i="5" s="1"/>
  <c r="K3992" i="2"/>
  <c r="K3966" i="5" s="1"/>
  <c r="O3966" i="5" s="1"/>
  <c r="L3992" i="2"/>
  <c r="L3966" i="5" s="1"/>
  <c r="J3992" i="2"/>
  <c r="J3966" i="5" s="1"/>
  <c r="N3966" i="5" s="1"/>
  <c r="M3992" i="2"/>
  <c r="M3966" i="5" s="1"/>
  <c r="I3992" i="2"/>
  <c r="I3966" i="5" s="1"/>
  <c r="K6144" i="2"/>
  <c r="K6118" i="5" s="1"/>
  <c r="O6118" i="5" s="1"/>
  <c r="M6144" i="2"/>
  <c r="M6118" i="5" s="1"/>
  <c r="L6144" i="2"/>
  <c r="L6118" i="5" s="1"/>
  <c r="I6144" i="2"/>
  <c r="I6118" i="5" s="1"/>
  <c r="J6144" i="2"/>
  <c r="J6118" i="5" s="1"/>
  <c r="N6118" i="5" s="1"/>
  <c r="M5774" i="2"/>
  <c r="M5748" i="5" s="1"/>
  <c r="L5774" i="2"/>
  <c r="L5748" i="5" s="1"/>
  <c r="I5774" i="2"/>
  <c r="I5748" i="5" s="1"/>
  <c r="K5774" i="2"/>
  <c r="K5748" i="5" s="1"/>
  <c r="O5748" i="5" s="1"/>
  <c r="J5774" i="2"/>
  <c r="J5748" i="5" s="1"/>
  <c r="N5748" i="5" s="1"/>
  <c r="J8715" i="2"/>
  <c r="J8689" i="5" s="1"/>
  <c r="N8689" i="5" s="1"/>
  <c r="K8715" i="2"/>
  <c r="K8689" i="5" s="1"/>
  <c r="O8689" i="5" s="1"/>
  <c r="L8715" i="2"/>
  <c r="L8689" i="5" s="1"/>
  <c r="M8715" i="2"/>
  <c r="M8689" i="5" s="1"/>
  <c r="I8715" i="2"/>
  <c r="I8689" i="5" s="1"/>
  <c r="L5322" i="2"/>
  <c r="L5296" i="5" s="1"/>
  <c r="M5322" i="2"/>
  <c r="M5296" i="5" s="1"/>
  <c r="I5322" i="2"/>
  <c r="I5296" i="5" s="1"/>
  <c r="K5322" i="2"/>
  <c r="K5296" i="5" s="1"/>
  <c r="O5296" i="5" s="1"/>
  <c r="J5322" i="2"/>
  <c r="J5296" i="5" s="1"/>
  <c r="N5296" i="5" s="1"/>
  <c r="I7267" i="2"/>
  <c r="I7241" i="5" s="1"/>
  <c r="K7267" i="2"/>
  <c r="K7241" i="5" s="1"/>
  <c r="O7241" i="5" s="1"/>
  <c r="M7267" i="2"/>
  <c r="M7241" i="5" s="1"/>
  <c r="J7267" i="2"/>
  <c r="J7241" i="5" s="1"/>
  <c r="N7241" i="5" s="1"/>
  <c r="L7267" i="2"/>
  <c r="L7241" i="5" s="1"/>
  <c r="M6325" i="2"/>
  <c r="M6299" i="5" s="1"/>
  <c r="I6325" i="2"/>
  <c r="I6299" i="5" s="1"/>
  <c r="L6325" i="2"/>
  <c r="L6299" i="5" s="1"/>
  <c r="K6325" i="2"/>
  <c r="K6299" i="5" s="1"/>
  <c r="O6299" i="5" s="1"/>
  <c r="J6325" i="2"/>
  <c r="J6299" i="5" s="1"/>
  <c r="N6299" i="5" s="1"/>
  <c r="J7803" i="2"/>
  <c r="J7777" i="5" s="1"/>
  <c r="N7777" i="5" s="1"/>
  <c r="M7803" i="2"/>
  <c r="M7777" i="5" s="1"/>
  <c r="K7803" i="2"/>
  <c r="K7777" i="5" s="1"/>
  <c r="O7777" i="5" s="1"/>
  <c r="L7803" i="2"/>
  <c r="L7777" i="5" s="1"/>
  <c r="I7803" i="2"/>
  <c r="I7777" i="5" s="1"/>
  <c r="L6438" i="2"/>
  <c r="L6412" i="5" s="1"/>
  <c r="M6438" i="2"/>
  <c r="M6412" i="5" s="1"/>
  <c r="I6438" i="2"/>
  <c r="I6412" i="5" s="1"/>
  <c r="K6438" i="2"/>
  <c r="K6412" i="5" s="1"/>
  <c r="O6412" i="5" s="1"/>
  <c r="J6438" i="2"/>
  <c r="J6412" i="5" s="1"/>
  <c r="N6412" i="5" s="1"/>
  <c r="I8009" i="2"/>
  <c r="I7983" i="5" s="1"/>
  <c r="K8009" i="2"/>
  <c r="K7983" i="5" s="1"/>
  <c r="O7983" i="5" s="1"/>
  <c r="J8009" i="2"/>
  <c r="J7983" i="5" s="1"/>
  <c r="N7983" i="5" s="1"/>
  <c r="L8009" i="2"/>
  <c r="L7983" i="5" s="1"/>
  <c r="M8009" i="2"/>
  <c r="M7983" i="5" s="1"/>
  <c r="L5690" i="2"/>
  <c r="L5664" i="5" s="1"/>
  <c r="J5690" i="2"/>
  <c r="J5664" i="5" s="1"/>
  <c r="N5664" i="5" s="1"/>
  <c r="I5690" i="2"/>
  <c r="I5664" i="5" s="1"/>
  <c r="K5690" i="2"/>
  <c r="K5664" i="5" s="1"/>
  <c r="O5664" i="5" s="1"/>
  <c r="M5690" i="2"/>
  <c r="M5664" i="5" s="1"/>
  <c r="L4794" i="2"/>
  <c r="L4768" i="5" s="1"/>
  <c r="J4794" i="2"/>
  <c r="J4768" i="5" s="1"/>
  <c r="N4768" i="5" s="1"/>
  <c r="M4794" i="2"/>
  <c r="M4768" i="5" s="1"/>
  <c r="I4794" i="2"/>
  <c r="I4768" i="5" s="1"/>
  <c r="K4794" i="2"/>
  <c r="K4768" i="5" s="1"/>
  <c r="O4768" i="5" s="1"/>
  <c r="J4793" i="2"/>
  <c r="J4767" i="5" s="1"/>
  <c r="N4767" i="5" s="1"/>
  <c r="M4793" i="2"/>
  <c r="M4767" i="5" s="1"/>
  <c r="L4793" i="2"/>
  <c r="L4767" i="5" s="1"/>
  <c r="I4793" i="2"/>
  <c r="I4767" i="5" s="1"/>
  <c r="K4793" i="2"/>
  <c r="K4767" i="5" s="1"/>
  <c r="O4767" i="5" s="1"/>
  <c r="L8488" i="2"/>
  <c r="L8462" i="5" s="1"/>
  <c r="I8488" i="2"/>
  <c r="I8462" i="5" s="1"/>
  <c r="M8488" i="2"/>
  <c r="M8462" i="5" s="1"/>
  <c r="J8488" i="2"/>
  <c r="J8462" i="5" s="1"/>
  <c r="N8462" i="5" s="1"/>
  <c r="K8488" i="2"/>
  <c r="K8462" i="5" s="1"/>
  <c r="O8462" i="5" s="1"/>
  <c r="L6865" i="2"/>
  <c r="L6839" i="5" s="1"/>
  <c r="I6865" i="2"/>
  <c r="I6839" i="5" s="1"/>
  <c r="M6865" i="2"/>
  <c r="M6839" i="5" s="1"/>
  <c r="J6865" i="2"/>
  <c r="J6839" i="5" s="1"/>
  <c r="N6839" i="5" s="1"/>
  <c r="K6865" i="2"/>
  <c r="K6839" i="5" s="1"/>
  <c r="O6839" i="5" s="1"/>
  <c r="K140" i="2"/>
  <c r="K114" i="5" s="1"/>
  <c r="O114" i="5" s="1"/>
  <c r="L140" i="2"/>
  <c r="L114" i="5" s="1"/>
  <c r="M140" i="2"/>
  <c r="M114" i="5" s="1"/>
  <c r="I140" i="2"/>
  <c r="I114" i="5" s="1"/>
  <c r="J140" i="2"/>
  <c r="J114" i="5" s="1"/>
  <c r="N114" i="5" s="1"/>
  <c r="M8662" i="2"/>
  <c r="M8636" i="5" s="1"/>
  <c r="I8662" i="2"/>
  <c r="I8636" i="5" s="1"/>
  <c r="L8662" i="2"/>
  <c r="L8636" i="5" s="1"/>
  <c r="K8662" i="2"/>
  <c r="K8636" i="5" s="1"/>
  <c r="O8636" i="5" s="1"/>
  <c r="J8662" i="2"/>
  <c r="J8636" i="5" s="1"/>
  <c r="N8636" i="5" s="1"/>
  <c r="L8658" i="2"/>
  <c r="L8632" i="5" s="1"/>
  <c r="M8658" i="2"/>
  <c r="M8632" i="5" s="1"/>
  <c r="J8658" i="2"/>
  <c r="J8632" i="5" s="1"/>
  <c r="N8632" i="5" s="1"/>
  <c r="K8658" i="2"/>
  <c r="K8632" i="5" s="1"/>
  <c r="O8632" i="5" s="1"/>
  <c r="I8658" i="2"/>
  <c r="I8632" i="5" s="1"/>
  <c r="M4297" i="2"/>
  <c r="M4271" i="5" s="1"/>
  <c r="J4297" i="2"/>
  <c r="J4271" i="5" s="1"/>
  <c r="N4271" i="5" s="1"/>
  <c r="L4297" i="2"/>
  <c r="L4271" i="5" s="1"/>
  <c r="I4297" i="2"/>
  <c r="I4271" i="5" s="1"/>
  <c r="K4297" i="2"/>
  <c r="K4271" i="5" s="1"/>
  <c r="O4271" i="5" s="1"/>
  <c r="I6261" i="2"/>
  <c r="I6235" i="5" s="1"/>
  <c r="K6261" i="2"/>
  <c r="K6235" i="5" s="1"/>
  <c r="O6235" i="5" s="1"/>
  <c r="J6261" i="2"/>
  <c r="J6235" i="5" s="1"/>
  <c r="N6235" i="5" s="1"/>
  <c r="L6261" i="2"/>
  <c r="L6235" i="5" s="1"/>
  <c r="M6261" i="2"/>
  <c r="M6235" i="5" s="1"/>
  <c r="L7837" i="2"/>
  <c r="L7811" i="5" s="1"/>
  <c r="M7837" i="2"/>
  <c r="M7811" i="5" s="1"/>
  <c r="J7837" i="2"/>
  <c r="J7811" i="5" s="1"/>
  <c r="N7811" i="5" s="1"/>
  <c r="I7837" i="2"/>
  <c r="I7811" i="5" s="1"/>
  <c r="K7837" i="2"/>
  <c r="K7811" i="5" s="1"/>
  <c r="O7811" i="5" s="1"/>
  <c r="K622" i="2"/>
  <c r="K596" i="5" s="1"/>
  <c r="O596" i="5" s="1"/>
  <c r="L622" i="2"/>
  <c r="L596" i="5" s="1"/>
  <c r="M622" i="2"/>
  <c r="M596" i="5" s="1"/>
  <c r="I622" i="2"/>
  <c r="I596" i="5" s="1"/>
  <c r="J622" i="2"/>
  <c r="J596" i="5" s="1"/>
  <c r="N596" i="5" s="1"/>
  <c r="M2746" i="2"/>
  <c r="M2720" i="5" s="1"/>
  <c r="J2746" i="2"/>
  <c r="J2720" i="5" s="1"/>
  <c r="N2720" i="5" s="1"/>
  <c r="L2746" i="2"/>
  <c r="L2720" i="5" s="1"/>
  <c r="I2746" i="2"/>
  <c r="I2720" i="5" s="1"/>
  <c r="K2746" i="2"/>
  <c r="K2720" i="5" s="1"/>
  <c r="O2720" i="5" s="1"/>
  <c r="J2753" i="2"/>
  <c r="J2727" i="5" s="1"/>
  <c r="N2727" i="5" s="1"/>
  <c r="M2753" i="2"/>
  <c r="M2727" i="5" s="1"/>
  <c r="I2753" i="2"/>
  <c r="I2727" i="5" s="1"/>
  <c r="K2753" i="2"/>
  <c r="K2727" i="5" s="1"/>
  <c r="O2727" i="5" s="1"/>
  <c r="L2753" i="2"/>
  <c r="L2727" i="5" s="1"/>
  <c r="K1391" i="2"/>
  <c r="K1365" i="5" s="1"/>
  <c r="O1365" i="5" s="1"/>
  <c r="M1391" i="2"/>
  <c r="M1365" i="5" s="1"/>
  <c r="J1391" i="2"/>
  <c r="J1365" i="5" s="1"/>
  <c r="N1365" i="5" s="1"/>
  <c r="I1391" i="2"/>
  <c r="I1365" i="5" s="1"/>
  <c r="L1391" i="2"/>
  <c r="L1365" i="5" s="1"/>
  <c r="L577" i="2"/>
  <c r="L551" i="5" s="1"/>
  <c r="J577" i="2"/>
  <c r="J551" i="5" s="1"/>
  <c r="N551" i="5" s="1"/>
  <c r="M577" i="2"/>
  <c r="M551" i="5" s="1"/>
  <c r="I577" i="2"/>
  <c r="I551" i="5" s="1"/>
  <c r="K577" i="2"/>
  <c r="K551" i="5" s="1"/>
  <c r="O551" i="5" s="1"/>
  <c r="M7704" i="2"/>
  <c r="M7678" i="5" s="1"/>
  <c r="L7704" i="2"/>
  <c r="L7678" i="5" s="1"/>
  <c r="I7704" i="2"/>
  <c r="I7678" i="5" s="1"/>
  <c r="K7704" i="2"/>
  <c r="K7678" i="5" s="1"/>
  <c r="O7678" i="5" s="1"/>
  <c r="J7704" i="2"/>
  <c r="J7678" i="5" s="1"/>
  <c r="N7678" i="5" s="1"/>
  <c r="K8452" i="2"/>
  <c r="K8426" i="5" s="1"/>
  <c r="O8426" i="5" s="1"/>
  <c r="M8452" i="2"/>
  <c r="M8426" i="5" s="1"/>
  <c r="J8452" i="2"/>
  <c r="J8426" i="5" s="1"/>
  <c r="N8426" i="5" s="1"/>
  <c r="I8452" i="2"/>
  <c r="I8426" i="5" s="1"/>
  <c r="L8452" i="2"/>
  <c r="L8426" i="5" s="1"/>
  <c r="M5105" i="2"/>
  <c r="M5079" i="5" s="1"/>
  <c r="J5105" i="2"/>
  <c r="J5079" i="5" s="1"/>
  <c r="N5079" i="5" s="1"/>
  <c r="L5105" i="2"/>
  <c r="L5079" i="5" s="1"/>
  <c r="I5105" i="2"/>
  <c r="I5079" i="5" s="1"/>
  <c r="K5105" i="2"/>
  <c r="K5079" i="5" s="1"/>
  <c r="O5079" i="5" s="1"/>
  <c r="I1757" i="2"/>
  <c r="I1731" i="5" s="1"/>
  <c r="K1757" i="2"/>
  <c r="K1731" i="5" s="1"/>
  <c r="O1731" i="5" s="1"/>
  <c r="J1757" i="2"/>
  <c r="J1731" i="5" s="1"/>
  <c r="N1731" i="5" s="1"/>
  <c r="L1757" i="2"/>
  <c r="L1731" i="5" s="1"/>
  <c r="M1757" i="2"/>
  <c r="M1731" i="5" s="1"/>
  <c r="I3614" i="2"/>
  <c r="I3588" i="5" s="1"/>
  <c r="K3614" i="2"/>
  <c r="K3588" i="5" s="1"/>
  <c r="O3588" i="5" s="1"/>
  <c r="L3614" i="2"/>
  <c r="L3588" i="5" s="1"/>
  <c r="M3614" i="2"/>
  <c r="M3588" i="5" s="1"/>
  <c r="J3614" i="2"/>
  <c r="J3588" i="5" s="1"/>
  <c r="N3588" i="5" s="1"/>
  <c r="L2910" i="2"/>
  <c r="L2884" i="5" s="1"/>
  <c r="I2910" i="2"/>
  <c r="I2884" i="5" s="1"/>
  <c r="K2910" i="2"/>
  <c r="K2884" i="5" s="1"/>
  <c r="O2884" i="5" s="1"/>
  <c r="J2910" i="2"/>
  <c r="J2884" i="5" s="1"/>
  <c r="N2884" i="5" s="1"/>
  <c r="M2910" i="2"/>
  <c r="M2884" i="5" s="1"/>
  <c r="I6680" i="2"/>
  <c r="I6654" i="5" s="1"/>
  <c r="J6680" i="2"/>
  <c r="J6654" i="5" s="1"/>
  <c r="N6654" i="5" s="1"/>
  <c r="M6680" i="2"/>
  <c r="M6654" i="5" s="1"/>
  <c r="K6680" i="2"/>
  <c r="K6654" i="5" s="1"/>
  <c r="O6654" i="5" s="1"/>
  <c r="L6680" i="2"/>
  <c r="L6654" i="5" s="1"/>
  <c r="J6670" i="2"/>
  <c r="J6644" i="5" s="1"/>
  <c r="N6644" i="5" s="1"/>
  <c r="L6670" i="2"/>
  <c r="L6644" i="5" s="1"/>
  <c r="M6670" i="2"/>
  <c r="M6644" i="5" s="1"/>
  <c r="I6670" i="2"/>
  <c r="I6644" i="5" s="1"/>
  <c r="K6670" i="2"/>
  <c r="K6644" i="5" s="1"/>
  <c r="O6644" i="5" s="1"/>
  <c r="J5939" i="2"/>
  <c r="J5913" i="5" s="1"/>
  <c r="N5913" i="5" s="1"/>
  <c r="L5939" i="2"/>
  <c r="L5913" i="5" s="1"/>
  <c r="I5939" i="2"/>
  <c r="I5913" i="5" s="1"/>
  <c r="M5939" i="2"/>
  <c r="M5913" i="5" s="1"/>
  <c r="K5939" i="2"/>
  <c r="K5913" i="5" s="1"/>
  <c r="O5913" i="5" s="1"/>
  <c r="L4685" i="2"/>
  <c r="L4659" i="5" s="1"/>
  <c r="I4685" i="2"/>
  <c r="I4659" i="5" s="1"/>
  <c r="K4685" i="2"/>
  <c r="K4659" i="5" s="1"/>
  <c r="O4659" i="5" s="1"/>
  <c r="J4685" i="2"/>
  <c r="J4659" i="5" s="1"/>
  <c r="N4659" i="5" s="1"/>
  <c r="M4685" i="2"/>
  <c r="M4659" i="5" s="1"/>
  <c r="L6167" i="2"/>
  <c r="L6141" i="5" s="1"/>
  <c r="M6167" i="2"/>
  <c r="M6141" i="5" s="1"/>
  <c r="I6167" i="2"/>
  <c r="I6141" i="5" s="1"/>
  <c r="K6167" i="2"/>
  <c r="K6141" i="5" s="1"/>
  <c r="O6141" i="5" s="1"/>
  <c r="J6167" i="2"/>
  <c r="J6141" i="5" s="1"/>
  <c r="N6141" i="5" s="1"/>
  <c r="J2442" i="2"/>
  <c r="J2416" i="5" s="1"/>
  <c r="N2416" i="5" s="1"/>
  <c r="M2442" i="2"/>
  <c r="M2416" i="5" s="1"/>
  <c r="I2442" i="2"/>
  <c r="I2416" i="5" s="1"/>
  <c r="L2442" i="2"/>
  <c r="L2416" i="5" s="1"/>
  <c r="K2442" i="2"/>
  <c r="K2416" i="5" s="1"/>
  <c r="O2416" i="5" s="1"/>
  <c r="M2611" i="2"/>
  <c r="M2585" i="5" s="1"/>
  <c r="I2611" i="2"/>
  <c r="I2585" i="5" s="1"/>
  <c r="K2611" i="2"/>
  <c r="K2585" i="5" s="1"/>
  <c r="O2585" i="5" s="1"/>
  <c r="J2611" i="2"/>
  <c r="J2585" i="5" s="1"/>
  <c r="N2585" i="5" s="1"/>
  <c r="L2611" i="2"/>
  <c r="L2585" i="5" s="1"/>
  <c r="I8380" i="2"/>
  <c r="I8354" i="5" s="1"/>
  <c r="K8380" i="2"/>
  <c r="K8354" i="5" s="1"/>
  <c r="O8354" i="5" s="1"/>
  <c r="J8380" i="2"/>
  <c r="J8354" i="5" s="1"/>
  <c r="N8354" i="5" s="1"/>
  <c r="L8380" i="2"/>
  <c r="L8354" i="5" s="1"/>
  <c r="M8380" i="2"/>
  <c r="M8354" i="5" s="1"/>
  <c r="I1635" i="2"/>
  <c r="I1609" i="5" s="1"/>
  <c r="K1635" i="2"/>
  <c r="K1609" i="5" s="1"/>
  <c r="O1609" i="5" s="1"/>
  <c r="L1635" i="2"/>
  <c r="L1609" i="5" s="1"/>
  <c r="M1635" i="2"/>
  <c r="M1609" i="5" s="1"/>
  <c r="J1635" i="2"/>
  <c r="J1609" i="5" s="1"/>
  <c r="N1609" i="5" s="1"/>
  <c r="M1623" i="2"/>
  <c r="M1597" i="5" s="1"/>
  <c r="K1623" i="2"/>
  <c r="K1597" i="5" s="1"/>
  <c r="O1597" i="5" s="1"/>
  <c r="I1623" i="2"/>
  <c r="I1597" i="5" s="1"/>
  <c r="J1623" i="2"/>
  <c r="J1597" i="5" s="1"/>
  <c r="N1597" i="5" s="1"/>
  <c r="L1623" i="2"/>
  <c r="L1597" i="5" s="1"/>
  <c r="M3167" i="2"/>
  <c r="M3141" i="5" s="1"/>
  <c r="J3167" i="2"/>
  <c r="J3141" i="5" s="1"/>
  <c r="N3141" i="5" s="1"/>
  <c r="I3167" i="2"/>
  <c r="I3141" i="5" s="1"/>
  <c r="K3167" i="2"/>
  <c r="K3141" i="5" s="1"/>
  <c r="O3141" i="5" s="1"/>
  <c r="L3167" i="2"/>
  <c r="L3141" i="5" s="1"/>
  <c r="I3443" i="2"/>
  <c r="I3417" i="5" s="1"/>
  <c r="K3443" i="2"/>
  <c r="K3417" i="5" s="1"/>
  <c r="O3417" i="5" s="1"/>
  <c r="J3443" i="2"/>
  <c r="J3417" i="5" s="1"/>
  <c r="N3417" i="5" s="1"/>
  <c r="L3443" i="2"/>
  <c r="L3417" i="5" s="1"/>
  <c r="M3443" i="2"/>
  <c r="M3417" i="5" s="1"/>
  <c r="J898" i="2"/>
  <c r="J872" i="5" s="1"/>
  <c r="N872" i="5" s="1"/>
  <c r="L898" i="2"/>
  <c r="L872" i="5" s="1"/>
  <c r="K898" i="2"/>
  <c r="K872" i="5" s="1"/>
  <c r="O872" i="5" s="1"/>
  <c r="M898" i="2"/>
  <c r="M872" i="5" s="1"/>
  <c r="I898" i="2"/>
  <c r="I872" i="5" s="1"/>
  <c r="I7934" i="2"/>
  <c r="I7908" i="5" s="1"/>
  <c r="J7934" i="2"/>
  <c r="J7908" i="5" s="1"/>
  <c r="N7908" i="5" s="1"/>
  <c r="M7934" i="2"/>
  <c r="M7908" i="5" s="1"/>
  <c r="L7934" i="2"/>
  <c r="L7908" i="5" s="1"/>
  <c r="K7934" i="2"/>
  <c r="K7908" i="5" s="1"/>
  <c r="O7908" i="5" s="1"/>
  <c r="L1911" i="2"/>
  <c r="L1885" i="5" s="1"/>
  <c r="M1911" i="2"/>
  <c r="M1885" i="5" s="1"/>
  <c r="I1911" i="2"/>
  <c r="I1885" i="5" s="1"/>
  <c r="K1911" i="2"/>
  <c r="K1885" i="5" s="1"/>
  <c r="O1885" i="5" s="1"/>
  <c r="J1911" i="2"/>
  <c r="J1885" i="5" s="1"/>
  <c r="N1885" i="5" s="1"/>
  <c r="J2726" i="2"/>
  <c r="J2700" i="5" s="1"/>
  <c r="N2700" i="5" s="1"/>
  <c r="M2726" i="2"/>
  <c r="M2700" i="5" s="1"/>
  <c r="L2726" i="2"/>
  <c r="L2700" i="5" s="1"/>
  <c r="I2726" i="2"/>
  <c r="I2700" i="5" s="1"/>
  <c r="K2726" i="2"/>
  <c r="K2700" i="5" s="1"/>
  <c r="O2700" i="5" s="1"/>
  <c r="M3007" i="2"/>
  <c r="M2981" i="5" s="1"/>
  <c r="L3007" i="2"/>
  <c r="L2981" i="5" s="1"/>
  <c r="I3007" i="2"/>
  <c r="I2981" i="5" s="1"/>
  <c r="K3007" i="2"/>
  <c r="K2981" i="5" s="1"/>
  <c r="O2981" i="5" s="1"/>
  <c r="J3007" i="2"/>
  <c r="J2981" i="5" s="1"/>
  <c r="N2981" i="5" s="1"/>
  <c r="J2997" i="2"/>
  <c r="J2971" i="5" s="1"/>
  <c r="N2971" i="5" s="1"/>
  <c r="I2997" i="2"/>
  <c r="I2971" i="5" s="1"/>
  <c r="K2997" i="2"/>
  <c r="K2971" i="5" s="1"/>
  <c r="O2971" i="5" s="1"/>
  <c r="L2997" i="2"/>
  <c r="L2971" i="5" s="1"/>
  <c r="M2997" i="2"/>
  <c r="M2971" i="5" s="1"/>
  <c r="I321" i="2"/>
  <c r="I295" i="5" s="1"/>
  <c r="M321" i="2"/>
  <c r="M295" i="5" s="1"/>
  <c r="J321" i="2"/>
  <c r="J295" i="5" s="1"/>
  <c r="N295" i="5" s="1"/>
  <c r="L321" i="2"/>
  <c r="L295" i="5" s="1"/>
  <c r="K321" i="2"/>
  <c r="K295" i="5" s="1"/>
  <c r="O295" i="5" s="1"/>
  <c r="M319" i="2"/>
  <c r="M293" i="5" s="1"/>
  <c r="L319" i="2"/>
  <c r="L293" i="5" s="1"/>
  <c r="I319" i="2"/>
  <c r="I293" i="5" s="1"/>
  <c r="J319" i="2"/>
  <c r="J293" i="5" s="1"/>
  <c r="N293" i="5" s="1"/>
  <c r="K319" i="2"/>
  <c r="K293" i="5" s="1"/>
  <c r="O293" i="5" s="1"/>
  <c r="I7476" i="2"/>
  <c r="I7450" i="5" s="1"/>
  <c r="L7476" i="2"/>
  <c r="L7450" i="5" s="1"/>
  <c r="K7476" i="2"/>
  <c r="K7450" i="5" s="1"/>
  <c r="O7450" i="5" s="1"/>
  <c r="J7476" i="2"/>
  <c r="J7450" i="5" s="1"/>
  <c r="N7450" i="5" s="1"/>
  <c r="M7476" i="2"/>
  <c r="M7450" i="5" s="1"/>
  <c r="M7523" i="2"/>
  <c r="M7497" i="5" s="1"/>
  <c r="I7523" i="2"/>
  <c r="I7497" i="5" s="1"/>
  <c r="L7523" i="2"/>
  <c r="L7497" i="5" s="1"/>
  <c r="K7523" i="2"/>
  <c r="K7497" i="5" s="1"/>
  <c r="O7497" i="5" s="1"/>
  <c r="J7523" i="2"/>
  <c r="J7497" i="5" s="1"/>
  <c r="N7497" i="5" s="1"/>
  <c r="AR314" i="1"/>
  <c r="C320" i="5"/>
  <c r="K5179" i="2"/>
  <c r="K5153" i="5" s="1"/>
  <c r="O5153" i="5" s="1"/>
  <c r="I5179" i="2"/>
  <c r="I5153" i="5" s="1"/>
  <c r="L5179" i="2"/>
  <c r="L5153" i="5" s="1"/>
  <c r="M5179" i="2"/>
  <c r="M5153" i="5" s="1"/>
  <c r="J5179" i="2"/>
  <c r="J5153" i="5" s="1"/>
  <c r="N5153" i="5" s="1"/>
  <c r="I3813" i="2"/>
  <c r="I3787" i="5" s="1"/>
  <c r="K3813" i="2"/>
  <c r="K3787" i="5" s="1"/>
  <c r="O3787" i="5" s="1"/>
  <c r="J3813" i="2"/>
  <c r="J3787" i="5" s="1"/>
  <c r="N3787" i="5" s="1"/>
  <c r="M3813" i="2"/>
  <c r="M3787" i="5" s="1"/>
  <c r="L3813" i="2"/>
  <c r="L3787" i="5" s="1"/>
  <c r="M435" i="2"/>
  <c r="M409" i="5" s="1"/>
  <c r="J435" i="2"/>
  <c r="J409" i="5" s="1"/>
  <c r="N409" i="5" s="1"/>
  <c r="I435" i="2"/>
  <c r="I409" i="5" s="1"/>
  <c r="K435" i="2"/>
  <c r="K409" i="5" s="1"/>
  <c r="O409" i="5" s="1"/>
  <c r="L435" i="2"/>
  <c r="L409" i="5" s="1"/>
  <c r="M4345" i="2"/>
  <c r="M4319" i="5" s="1"/>
  <c r="J4345" i="2"/>
  <c r="J4319" i="5" s="1"/>
  <c r="N4319" i="5" s="1"/>
  <c r="L4345" i="2"/>
  <c r="L4319" i="5" s="1"/>
  <c r="I4345" i="2"/>
  <c r="I4319" i="5" s="1"/>
  <c r="K4345" i="2"/>
  <c r="K4319" i="5" s="1"/>
  <c r="O4319" i="5" s="1"/>
  <c r="J952" i="2"/>
  <c r="J926" i="5" s="1"/>
  <c r="N926" i="5" s="1"/>
  <c r="M952" i="2"/>
  <c r="M926" i="5" s="1"/>
  <c r="L952" i="2"/>
  <c r="L926" i="5" s="1"/>
  <c r="I952" i="2"/>
  <c r="I926" i="5" s="1"/>
  <c r="K952" i="2"/>
  <c r="K926" i="5" s="1"/>
  <c r="O926" i="5" s="1"/>
  <c r="L90" i="2"/>
  <c r="L64" i="5" s="1"/>
  <c r="M90" i="2"/>
  <c r="M64" i="5" s="1"/>
  <c r="I90" i="2"/>
  <c r="I64" i="5" s="1"/>
  <c r="K90" i="2"/>
  <c r="K64" i="5" s="1"/>
  <c r="O64" i="5" s="1"/>
  <c r="J90" i="2"/>
  <c r="J64" i="5" s="1"/>
  <c r="N64" i="5" s="1"/>
  <c r="K91" i="2"/>
  <c r="K65" i="5" s="1"/>
  <c r="O65" i="5" s="1"/>
  <c r="M91" i="2"/>
  <c r="M65" i="5" s="1"/>
  <c r="L91" i="2"/>
  <c r="L65" i="5" s="1"/>
  <c r="J91" i="2"/>
  <c r="J65" i="5" s="1"/>
  <c r="N65" i="5" s="1"/>
  <c r="I91" i="2"/>
  <c r="I65" i="5" s="1"/>
  <c r="M1939" i="2"/>
  <c r="M1913" i="5" s="1"/>
  <c r="J1939" i="2"/>
  <c r="J1913" i="5" s="1"/>
  <c r="N1913" i="5" s="1"/>
  <c r="L1939" i="2"/>
  <c r="L1913" i="5" s="1"/>
  <c r="I1939" i="2"/>
  <c r="I1913" i="5" s="1"/>
  <c r="K1939" i="2"/>
  <c r="K1913" i="5" s="1"/>
  <c r="O1913" i="5" s="1"/>
  <c r="K8336" i="2"/>
  <c r="K8310" i="5" s="1"/>
  <c r="O8310" i="5" s="1"/>
  <c r="L8336" i="2"/>
  <c r="L8310" i="5" s="1"/>
  <c r="J8336" i="2"/>
  <c r="J8310" i="5" s="1"/>
  <c r="N8310" i="5" s="1"/>
  <c r="M8336" i="2"/>
  <c r="M8310" i="5" s="1"/>
  <c r="I8336" i="2"/>
  <c r="I8310" i="5" s="1"/>
  <c r="M8550" i="2"/>
  <c r="M8524" i="5" s="1"/>
  <c r="I8550" i="2"/>
  <c r="I8524" i="5" s="1"/>
  <c r="K8550" i="2"/>
  <c r="K8524" i="5" s="1"/>
  <c r="O8524" i="5" s="1"/>
  <c r="J8550" i="2"/>
  <c r="J8524" i="5" s="1"/>
  <c r="N8524" i="5" s="1"/>
  <c r="L8550" i="2"/>
  <c r="L8524" i="5" s="1"/>
  <c r="J8539" i="2"/>
  <c r="J8513" i="5" s="1"/>
  <c r="N8513" i="5" s="1"/>
  <c r="M8539" i="2"/>
  <c r="M8513" i="5" s="1"/>
  <c r="L8539" i="2"/>
  <c r="L8513" i="5" s="1"/>
  <c r="I8539" i="2"/>
  <c r="I8513" i="5" s="1"/>
  <c r="K8539" i="2"/>
  <c r="K8513" i="5" s="1"/>
  <c r="O8513" i="5" s="1"/>
  <c r="L461" i="2"/>
  <c r="L435" i="5" s="1"/>
  <c r="K461" i="2"/>
  <c r="K435" i="5" s="1"/>
  <c r="O435" i="5" s="1"/>
  <c r="J461" i="2"/>
  <c r="J435" i="5" s="1"/>
  <c r="N435" i="5" s="1"/>
  <c r="M461" i="2"/>
  <c r="M435" i="5" s="1"/>
  <c r="I461" i="2"/>
  <c r="I435" i="5" s="1"/>
  <c r="J2319" i="2"/>
  <c r="J2293" i="5" s="1"/>
  <c r="N2293" i="5" s="1"/>
  <c r="L2319" i="2"/>
  <c r="L2293" i="5" s="1"/>
  <c r="M2319" i="2"/>
  <c r="M2293" i="5" s="1"/>
  <c r="I2319" i="2"/>
  <c r="I2293" i="5" s="1"/>
  <c r="K2319" i="2"/>
  <c r="K2293" i="5" s="1"/>
  <c r="O2293" i="5" s="1"/>
  <c r="K4595" i="2"/>
  <c r="K4569" i="5" s="1"/>
  <c r="O4569" i="5" s="1"/>
  <c r="I4595" i="2"/>
  <c r="I4569" i="5" s="1"/>
  <c r="J4595" i="2"/>
  <c r="J4569" i="5" s="1"/>
  <c r="N4569" i="5" s="1"/>
  <c r="L4595" i="2"/>
  <c r="L4569" i="5" s="1"/>
  <c r="M4595" i="2"/>
  <c r="M4569" i="5" s="1"/>
  <c r="J4279" i="2"/>
  <c r="J4253" i="5" s="1"/>
  <c r="N4253" i="5" s="1"/>
  <c r="M4279" i="2"/>
  <c r="M4253" i="5" s="1"/>
  <c r="L4279" i="2"/>
  <c r="L4253" i="5" s="1"/>
  <c r="I4279" i="2"/>
  <c r="I4253" i="5" s="1"/>
  <c r="K4279" i="2"/>
  <c r="K4253" i="5" s="1"/>
  <c r="O4253" i="5" s="1"/>
  <c r="I752" i="2"/>
  <c r="I726" i="5" s="1"/>
  <c r="L752" i="2"/>
  <c r="L726" i="5" s="1"/>
  <c r="K752" i="2"/>
  <c r="K726" i="5" s="1"/>
  <c r="O726" i="5" s="1"/>
  <c r="J752" i="2"/>
  <c r="J726" i="5" s="1"/>
  <c r="N726" i="5" s="1"/>
  <c r="M752" i="2"/>
  <c r="M726" i="5" s="1"/>
  <c r="K4076" i="2"/>
  <c r="K4050" i="5" s="1"/>
  <c r="O4050" i="5" s="1"/>
  <c r="L4076" i="2"/>
  <c r="L4050" i="5" s="1"/>
  <c r="J4076" i="2"/>
  <c r="J4050" i="5" s="1"/>
  <c r="N4050" i="5" s="1"/>
  <c r="M4076" i="2"/>
  <c r="M4050" i="5" s="1"/>
  <c r="I4076" i="2"/>
  <c r="I4050" i="5" s="1"/>
  <c r="I7185" i="2"/>
  <c r="I7159" i="5" s="1"/>
  <c r="K7185" i="2"/>
  <c r="K7159" i="5" s="1"/>
  <c r="O7159" i="5" s="1"/>
  <c r="M7185" i="2"/>
  <c r="M7159" i="5" s="1"/>
  <c r="L7185" i="2"/>
  <c r="L7159" i="5" s="1"/>
  <c r="J7185" i="2"/>
  <c r="J7159" i="5" s="1"/>
  <c r="N7159" i="5" s="1"/>
  <c r="AR299" i="1"/>
  <c r="C305" i="5"/>
  <c r="L725" i="2"/>
  <c r="L699" i="5" s="1"/>
  <c r="I725" i="2"/>
  <c r="I699" i="5" s="1"/>
  <c r="K725" i="2"/>
  <c r="K699" i="5" s="1"/>
  <c r="O699" i="5" s="1"/>
  <c r="J725" i="2"/>
  <c r="J699" i="5" s="1"/>
  <c r="N699" i="5" s="1"/>
  <c r="M725" i="2"/>
  <c r="M699" i="5" s="1"/>
  <c r="K708" i="2"/>
  <c r="K682" i="5" s="1"/>
  <c r="O682" i="5" s="1"/>
  <c r="L708" i="2"/>
  <c r="L682" i="5" s="1"/>
  <c r="J708" i="2"/>
  <c r="J682" i="5" s="1"/>
  <c r="N682" i="5" s="1"/>
  <c r="M708" i="2"/>
  <c r="M682" i="5" s="1"/>
  <c r="I708" i="2"/>
  <c r="I682" i="5" s="1"/>
  <c r="I7612" i="2"/>
  <c r="I7586" i="5" s="1"/>
  <c r="K7612" i="2"/>
  <c r="K7586" i="5" s="1"/>
  <c r="O7586" i="5" s="1"/>
  <c r="J7612" i="2"/>
  <c r="J7586" i="5" s="1"/>
  <c r="N7586" i="5" s="1"/>
  <c r="M7612" i="2"/>
  <c r="M7586" i="5" s="1"/>
  <c r="L7612" i="2"/>
  <c r="L7586" i="5" s="1"/>
  <c r="L5620" i="2"/>
  <c r="L5594" i="5" s="1"/>
  <c r="M5620" i="2"/>
  <c r="M5594" i="5" s="1"/>
  <c r="I5620" i="2"/>
  <c r="I5594" i="5" s="1"/>
  <c r="K5620" i="2"/>
  <c r="K5594" i="5" s="1"/>
  <c r="O5594" i="5" s="1"/>
  <c r="J5620" i="2"/>
  <c r="J5594" i="5" s="1"/>
  <c r="N5594" i="5" s="1"/>
  <c r="K5611" i="2"/>
  <c r="K5585" i="5" s="1"/>
  <c r="O5585" i="5" s="1"/>
  <c r="L5611" i="2"/>
  <c r="L5585" i="5" s="1"/>
  <c r="M5611" i="2"/>
  <c r="M5585" i="5" s="1"/>
  <c r="I5611" i="2"/>
  <c r="I5585" i="5" s="1"/>
  <c r="J5611" i="2"/>
  <c r="J5585" i="5" s="1"/>
  <c r="N5585" i="5" s="1"/>
  <c r="K8179" i="2"/>
  <c r="K8153" i="5" s="1"/>
  <c r="O8153" i="5" s="1"/>
  <c r="M8179" i="2"/>
  <c r="M8153" i="5" s="1"/>
  <c r="J8179" i="2"/>
  <c r="J8153" i="5" s="1"/>
  <c r="N8153" i="5" s="1"/>
  <c r="I8179" i="2"/>
  <c r="I8153" i="5" s="1"/>
  <c r="L8179" i="2"/>
  <c r="L8153" i="5" s="1"/>
  <c r="J1146" i="2"/>
  <c r="J1120" i="5" s="1"/>
  <c r="N1120" i="5" s="1"/>
  <c r="I1146" i="2"/>
  <c r="I1120" i="5" s="1"/>
  <c r="L1146" i="2"/>
  <c r="L1120" i="5" s="1"/>
  <c r="K1146" i="2"/>
  <c r="K1120" i="5" s="1"/>
  <c r="O1120" i="5" s="1"/>
  <c r="M1146" i="2"/>
  <c r="M1120" i="5" s="1"/>
  <c r="K2477" i="2"/>
  <c r="K2451" i="5" s="1"/>
  <c r="O2451" i="5" s="1"/>
  <c r="M2477" i="2"/>
  <c r="M2451" i="5" s="1"/>
  <c r="J2477" i="2"/>
  <c r="J2451" i="5" s="1"/>
  <c r="N2451" i="5" s="1"/>
  <c r="I2477" i="2"/>
  <c r="I2451" i="5" s="1"/>
  <c r="L2477" i="2"/>
  <c r="L2451" i="5" s="1"/>
  <c r="J922" i="2"/>
  <c r="J896" i="5" s="1"/>
  <c r="N896" i="5" s="1"/>
  <c r="M922" i="2"/>
  <c r="M896" i="5" s="1"/>
  <c r="L922" i="2"/>
  <c r="L896" i="5" s="1"/>
  <c r="I922" i="2"/>
  <c r="I896" i="5" s="1"/>
  <c r="K922" i="2"/>
  <c r="K896" i="5" s="1"/>
  <c r="O896" i="5" s="1"/>
  <c r="I795" i="2"/>
  <c r="I769" i="5" s="1"/>
  <c r="J795" i="2"/>
  <c r="J769" i="5" s="1"/>
  <c r="N769" i="5" s="1"/>
  <c r="L795" i="2"/>
  <c r="L769" i="5" s="1"/>
  <c r="M795" i="2"/>
  <c r="M769" i="5" s="1"/>
  <c r="K795" i="2"/>
  <c r="K769" i="5" s="1"/>
  <c r="O769" i="5" s="1"/>
  <c r="L785" i="2"/>
  <c r="L759" i="5" s="1"/>
  <c r="J785" i="2"/>
  <c r="J759" i="5" s="1"/>
  <c r="N759" i="5" s="1"/>
  <c r="M785" i="2"/>
  <c r="M759" i="5" s="1"/>
  <c r="I785" i="2"/>
  <c r="I759" i="5" s="1"/>
  <c r="K785" i="2"/>
  <c r="K759" i="5" s="1"/>
  <c r="O759" i="5" s="1"/>
  <c r="I596" i="2"/>
  <c r="I570" i="5" s="1"/>
  <c r="K596" i="2"/>
  <c r="K570" i="5" s="1"/>
  <c r="O570" i="5" s="1"/>
  <c r="J596" i="2"/>
  <c r="J570" i="5" s="1"/>
  <c r="N570" i="5" s="1"/>
  <c r="M596" i="2"/>
  <c r="M570" i="5" s="1"/>
  <c r="L596" i="2"/>
  <c r="L570" i="5" s="1"/>
  <c r="M7344" i="2"/>
  <c r="M7318" i="5" s="1"/>
  <c r="L7344" i="2"/>
  <c r="L7318" i="5" s="1"/>
  <c r="I7344" i="2"/>
  <c r="I7318" i="5" s="1"/>
  <c r="K7344" i="2"/>
  <c r="K7318" i="5" s="1"/>
  <c r="O7318" i="5" s="1"/>
  <c r="J7344" i="2"/>
  <c r="J7318" i="5" s="1"/>
  <c r="N7318" i="5" s="1"/>
  <c r="J7335" i="2"/>
  <c r="J7309" i="5" s="1"/>
  <c r="N7309" i="5" s="1"/>
  <c r="M7335" i="2"/>
  <c r="M7309" i="5" s="1"/>
  <c r="K7335" i="2"/>
  <c r="K7309" i="5" s="1"/>
  <c r="O7309" i="5" s="1"/>
  <c r="L7335" i="2"/>
  <c r="L7309" i="5" s="1"/>
  <c r="I7335" i="2"/>
  <c r="I7309" i="5" s="1"/>
  <c r="I2829" i="2"/>
  <c r="I2803" i="5" s="1"/>
  <c r="L2829" i="2"/>
  <c r="L2803" i="5" s="1"/>
  <c r="J2829" i="2"/>
  <c r="J2803" i="5" s="1"/>
  <c r="N2803" i="5" s="1"/>
  <c r="M2829" i="2"/>
  <c r="M2803" i="5" s="1"/>
  <c r="K2829" i="2"/>
  <c r="K2803" i="5" s="1"/>
  <c r="O2803" i="5" s="1"/>
  <c r="K4973" i="2"/>
  <c r="K4947" i="5" s="1"/>
  <c r="O4947" i="5" s="1"/>
  <c r="L4973" i="2"/>
  <c r="L4947" i="5" s="1"/>
  <c r="J4973" i="2"/>
  <c r="J4947" i="5" s="1"/>
  <c r="N4947" i="5" s="1"/>
  <c r="I4973" i="2"/>
  <c r="I4947" i="5" s="1"/>
  <c r="M4973" i="2"/>
  <c r="M4947" i="5" s="1"/>
  <c r="L1426" i="2"/>
  <c r="L1400" i="5" s="1"/>
  <c r="J1426" i="2"/>
  <c r="J1400" i="5" s="1"/>
  <c r="N1400" i="5" s="1"/>
  <c r="M1426" i="2"/>
  <c r="M1400" i="5" s="1"/>
  <c r="I1426" i="2"/>
  <c r="I1400" i="5" s="1"/>
  <c r="K1426" i="2"/>
  <c r="K1400" i="5" s="1"/>
  <c r="O1400" i="5" s="1"/>
  <c r="I1783" i="2"/>
  <c r="I1757" i="5" s="1"/>
  <c r="K1783" i="2"/>
  <c r="K1757" i="5" s="1"/>
  <c r="O1757" i="5" s="1"/>
  <c r="L1783" i="2"/>
  <c r="L1757" i="5" s="1"/>
  <c r="M1783" i="2"/>
  <c r="M1757" i="5" s="1"/>
  <c r="J1783" i="2"/>
  <c r="J1757" i="5" s="1"/>
  <c r="N1757" i="5" s="1"/>
  <c r="J1780" i="2"/>
  <c r="J1754" i="5" s="1"/>
  <c r="N1754" i="5" s="1"/>
  <c r="L1780" i="2"/>
  <c r="L1754" i="5" s="1"/>
  <c r="M1780" i="2"/>
  <c r="M1754" i="5" s="1"/>
  <c r="I1780" i="2"/>
  <c r="I1754" i="5" s="1"/>
  <c r="K1780" i="2"/>
  <c r="K1754" i="5" s="1"/>
  <c r="O1754" i="5" s="1"/>
  <c r="K8135" i="2"/>
  <c r="K8109" i="5" s="1"/>
  <c r="O8109" i="5" s="1"/>
  <c r="J8135" i="2"/>
  <c r="J8109" i="5" s="1"/>
  <c r="N8109" i="5" s="1"/>
  <c r="M8135" i="2"/>
  <c r="M8109" i="5" s="1"/>
  <c r="I8135" i="2"/>
  <c r="I8109" i="5" s="1"/>
  <c r="L8135" i="2"/>
  <c r="L8109" i="5" s="1"/>
  <c r="J5581" i="2"/>
  <c r="J5555" i="5" s="1"/>
  <c r="N5555" i="5" s="1"/>
  <c r="M5581" i="2"/>
  <c r="M5555" i="5" s="1"/>
  <c r="L5581" i="2"/>
  <c r="L5555" i="5" s="1"/>
  <c r="I5581" i="2"/>
  <c r="I5555" i="5" s="1"/>
  <c r="K5581" i="2"/>
  <c r="K5555" i="5" s="1"/>
  <c r="O5555" i="5" s="1"/>
  <c r="L1559" i="2"/>
  <c r="L1533" i="5" s="1"/>
  <c r="M1559" i="2"/>
  <c r="M1533" i="5" s="1"/>
  <c r="J1559" i="2"/>
  <c r="J1533" i="5" s="1"/>
  <c r="N1533" i="5" s="1"/>
  <c r="I1559" i="2"/>
  <c r="I1533" i="5" s="1"/>
  <c r="K1559" i="2"/>
  <c r="K1533" i="5" s="1"/>
  <c r="O1533" i="5" s="1"/>
  <c r="L281" i="2"/>
  <c r="L255" i="5" s="1"/>
  <c r="J281" i="2"/>
  <c r="J255" i="5" s="1"/>
  <c r="N255" i="5" s="1"/>
  <c r="I281" i="2"/>
  <c r="I255" i="5" s="1"/>
  <c r="M281" i="2"/>
  <c r="M255" i="5" s="1"/>
  <c r="K281" i="2"/>
  <c r="K255" i="5" s="1"/>
  <c r="O255" i="5" s="1"/>
  <c r="M279" i="2"/>
  <c r="M253" i="5" s="1"/>
  <c r="L279" i="2"/>
  <c r="L253" i="5" s="1"/>
  <c r="J279" i="2"/>
  <c r="J253" i="5" s="1"/>
  <c r="N253" i="5" s="1"/>
  <c r="K279" i="2"/>
  <c r="K253" i="5" s="1"/>
  <c r="O253" i="5" s="1"/>
  <c r="I279" i="2"/>
  <c r="I253" i="5" s="1"/>
  <c r="K6449" i="2"/>
  <c r="K6423" i="5" s="1"/>
  <c r="O6423" i="5" s="1"/>
  <c r="L6449" i="2"/>
  <c r="L6423" i="5" s="1"/>
  <c r="J6449" i="2"/>
  <c r="J6423" i="5" s="1"/>
  <c r="N6423" i="5" s="1"/>
  <c r="I6449" i="2"/>
  <c r="I6423" i="5" s="1"/>
  <c r="M6449" i="2"/>
  <c r="M6423" i="5" s="1"/>
  <c r="J2556" i="2"/>
  <c r="J2530" i="5" s="1"/>
  <c r="N2530" i="5" s="1"/>
  <c r="L2556" i="2"/>
  <c r="L2530" i="5" s="1"/>
  <c r="M2556" i="2"/>
  <c r="M2530" i="5" s="1"/>
  <c r="I2556" i="2"/>
  <c r="I2530" i="5" s="1"/>
  <c r="K2556" i="2"/>
  <c r="K2530" i="5" s="1"/>
  <c r="O2530" i="5" s="1"/>
  <c r="I3245" i="2"/>
  <c r="I3219" i="5" s="1"/>
  <c r="K3245" i="2"/>
  <c r="K3219" i="5" s="1"/>
  <c r="O3219" i="5" s="1"/>
  <c r="M3245" i="2"/>
  <c r="M3219" i="5" s="1"/>
  <c r="L3245" i="2"/>
  <c r="L3219" i="5" s="1"/>
  <c r="J3245" i="2"/>
  <c r="J3219" i="5" s="1"/>
  <c r="N3219" i="5" s="1"/>
  <c r="J3737" i="2"/>
  <c r="J3711" i="5" s="1"/>
  <c r="N3711" i="5" s="1"/>
  <c r="M3737" i="2"/>
  <c r="M3711" i="5" s="1"/>
  <c r="I3737" i="2"/>
  <c r="I3711" i="5" s="1"/>
  <c r="L3737" i="2"/>
  <c r="L3711" i="5" s="1"/>
  <c r="K3737" i="2"/>
  <c r="K3711" i="5" s="1"/>
  <c r="O3711" i="5" s="1"/>
  <c r="M2088" i="2"/>
  <c r="M2062" i="5" s="1"/>
  <c r="J2088" i="2"/>
  <c r="J2062" i="5" s="1"/>
  <c r="N2062" i="5" s="1"/>
  <c r="L2088" i="2"/>
  <c r="L2062" i="5" s="1"/>
  <c r="I2088" i="2"/>
  <c r="I2062" i="5" s="1"/>
  <c r="K2088" i="2"/>
  <c r="K2062" i="5" s="1"/>
  <c r="O2062" i="5" s="1"/>
  <c r="J2924" i="2"/>
  <c r="J2898" i="5" s="1"/>
  <c r="N2898" i="5" s="1"/>
  <c r="K2924" i="2"/>
  <c r="K2898" i="5" s="1"/>
  <c r="O2898" i="5" s="1"/>
  <c r="M2924" i="2"/>
  <c r="M2898" i="5" s="1"/>
  <c r="I2924" i="2"/>
  <c r="I2898" i="5" s="1"/>
  <c r="L2924" i="2"/>
  <c r="L2898" i="5" s="1"/>
  <c r="K7375" i="2"/>
  <c r="K7349" i="5" s="1"/>
  <c r="O7349" i="5" s="1"/>
  <c r="M7375" i="2"/>
  <c r="M7349" i="5" s="1"/>
  <c r="L7375" i="2"/>
  <c r="L7349" i="5" s="1"/>
  <c r="J7375" i="2"/>
  <c r="J7349" i="5" s="1"/>
  <c r="N7349" i="5" s="1"/>
  <c r="I7375" i="2"/>
  <c r="I7349" i="5" s="1"/>
  <c r="L4248" i="2"/>
  <c r="L4222" i="5" s="1"/>
  <c r="M4248" i="2"/>
  <c r="M4222" i="5" s="1"/>
  <c r="I4248" i="2"/>
  <c r="I4222" i="5" s="1"/>
  <c r="K4248" i="2"/>
  <c r="K4222" i="5" s="1"/>
  <c r="O4222" i="5" s="1"/>
  <c r="J4248" i="2"/>
  <c r="J4222" i="5" s="1"/>
  <c r="N4222" i="5" s="1"/>
  <c r="J4239" i="2"/>
  <c r="J4213" i="5" s="1"/>
  <c r="N4213" i="5" s="1"/>
  <c r="M4239" i="2"/>
  <c r="M4213" i="5" s="1"/>
  <c r="L4239" i="2"/>
  <c r="L4213" i="5" s="1"/>
  <c r="I4239" i="2"/>
  <c r="I4213" i="5" s="1"/>
  <c r="K4239" i="2"/>
  <c r="K4213" i="5" s="1"/>
  <c r="O4213" i="5" s="1"/>
  <c r="M2799" i="2"/>
  <c r="M2773" i="5" s="1"/>
  <c r="L2799" i="2"/>
  <c r="L2773" i="5" s="1"/>
  <c r="I2799" i="2"/>
  <c r="I2773" i="5" s="1"/>
  <c r="J2799" i="2"/>
  <c r="J2773" i="5" s="1"/>
  <c r="N2773" i="5" s="1"/>
  <c r="K2799" i="2"/>
  <c r="K2773" i="5" s="1"/>
  <c r="O2773" i="5" s="1"/>
  <c r="M5935" i="2"/>
  <c r="M5909" i="5" s="1"/>
  <c r="L5935" i="2"/>
  <c r="L5909" i="5" s="1"/>
  <c r="I5935" i="2"/>
  <c r="I5909" i="5" s="1"/>
  <c r="K5935" i="2"/>
  <c r="K5909" i="5" s="1"/>
  <c r="O5909" i="5" s="1"/>
  <c r="J5935" i="2"/>
  <c r="J5909" i="5" s="1"/>
  <c r="N5909" i="5" s="1"/>
  <c r="J5922" i="2"/>
  <c r="J5896" i="5" s="1"/>
  <c r="N5896" i="5" s="1"/>
  <c r="M5922" i="2"/>
  <c r="M5896" i="5" s="1"/>
  <c r="I5922" i="2"/>
  <c r="I5896" i="5" s="1"/>
  <c r="L5922" i="2"/>
  <c r="L5896" i="5" s="1"/>
  <c r="K5922" i="2"/>
  <c r="K5896" i="5" s="1"/>
  <c r="O5896" i="5" s="1"/>
  <c r="L6764" i="2"/>
  <c r="L6738" i="5" s="1"/>
  <c r="M6764" i="2"/>
  <c r="M6738" i="5" s="1"/>
  <c r="I6764" i="2"/>
  <c r="I6738" i="5" s="1"/>
  <c r="K6764" i="2"/>
  <c r="K6738" i="5" s="1"/>
  <c r="O6738" i="5" s="1"/>
  <c r="J6764" i="2"/>
  <c r="J6738" i="5" s="1"/>
  <c r="N6738" i="5" s="1"/>
  <c r="L2237" i="2"/>
  <c r="L2211" i="5" s="1"/>
  <c r="M2237" i="2"/>
  <c r="M2211" i="5" s="1"/>
  <c r="I2237" i="2"/>
  <c r="I2211" i="5" s="1"/>
  <c r="K2237" i="2"/>
  <c r="K2211" i="5" s="1"/>
  <c r="O2211" i="5" s="1"/>
  <c r="J2237" i="2"/>
  <c r="J2211" i="5" s="1"/>
  <c r="N2211" i="5" s="1"/>
  <c r="I1793" i="2"/>
  <c r="I1767" i="5" s="1"/>
  <c r="K1793" i="2"/>
  <c r="K1767" i="5" s="1"/>
  <c r="O1767" i="5" s="1"/>
  <c r="J1793" i="2"/>
  <c r="J1767" i="5" s="1"/>
  <c r="N1767" i="5" s="1"/>
  <c r="L1793" i="2"/>
  <c r="L1767" i="5" s="1"/>
  <c r="M1793" i="2"/>
  <c r="M1767" i="5" s="1"/>
  <c r="J1831" i="2"/>
  <c r="J1805" i="5" s="1"/>
  <c r="N1805" i="5" s="1"/>
  <c r="M1831" i="2"/>
  <c r="M1805" i="5" s="1"/>
  <c r="L1831" i="2"/>
  <c r="L1805" i="5" s="1"/>
  <c r="I1831" i="2"/>
  <c r="I1805" i="5" s="1"/>
  <c r="K1831" i="2"/>
  <c r="K1805" i="5" s="1"/>
  <c r="O1805" i="5" s="1"/>
  <c r="K1818" i="2"/>
  <c r="K1792" i="5" s="1"/>
  <c r="O1792" i="5" s="1"/>
  <c r="J1818" i="2"/>
  <c r="J1792" i="5" s="1"/>
  <c r="N1792" i="5" s="1"/>
  <c r="I1818" i="2"/>
  <c r="I1792" i="5" s="1"/>
  <c r="L1818" i="2"/>
  <c r="L1792" i="5" s="1"/>
  <c r="M1818" i="2"/>
  <c r="M1792" i="5" s="1"/>
  <c r="I4656" i="2"/>
  <c r="I4630" i="5" s="1"/>
  <c r="M4656" i="2"/>
  <c r="M4630" i="5" s="1"/>
  <c r="L4656" i="2"/>
  <c r="L4630" i="5" s="1"/>
  <c r="K4656" i="2"/>
  <c r="K4630" i="5" s="1"/>
  <c r="O4630" i="5" s="1"/>
  <c r="J4656" i="2"/>
  <c r="J4630" i="5" s="1"/>
  <c r="N4630" i="5" s="1"/>
  <c r="L4648" i="2"/>
  <c r="L4622" i="5" s="1"/>
  <c r="I4648" i="2"/>
  <c r="I4622" i="5" s="1"/>
  <c r="J4648" i="2"/>
  <c r="J4622" i="5" s="1"/>
  <c r="N4622" i="5" s="1"/>
  <c r="M4648" i="2"/>
  <c r="M4622" i="5" s="1"/>
  <c r="K4648" i="2"/>
  <c r="K4622" i="5" s="1"/>
  <c r="O4622" i="5" s="1"/>
  <c r="I824" i="2"/>
  <c r="I798" i="5" s="1"/>
  <c r="K824" i="2"/>
  <c r="K798" i="5" s="1"/>
  <c r="O798" i="5" s="1"/>
  <c r="J824" i="2"/>
  <c r="J798" i="5" s="1"/>
  <c r="N798" i="5" s="1"/>
  <c r="L824" i="2"/>
  <c r="L798" i="5" s="1"/>
  <c r="M824" i="2"/>
  <c r="M798" i="5" s="1"/>
  <c r="K2945" i="2"/>
  <c r="K2919" i="5" s="1"/>
  <c r="O2919" i="5" s="1"/>
  <c r="L2945" i="2"/>
  <c r="L2919" i="5" s="1"/>
  <c r="I2945" i="2"/>
  <c r="I2919" i="5" s="1"/>
  <c r="J2945" i="2"/>
  <c r="J2919" i="5" s="1"/>
  <c r="N2919" i="5" s="1"/>
  <c r="M2945" i="2"/>
  <c r="M2919" i="5" s="1"/>
  <c r="K7810" i="2"/>
  <c r="K7784" i="5" s="1"/>
  <c r="O7784" i="5" s="1"/>
  <c r="I7810" i="2"/>
  <c r="I7784" i="5" s="1"/>
  <c r="J7810" i="2"/>
  <c r="J7784" i="5" s="1"/>
  <c r="N7784" i="5" s="1"/>
  <c r="M7810" i="2"/>
  <c r="M7784" i="5" s="1"/>
  <c r="L7810" i="2"/>
  <c r="L7784" i="5" s="1"/>
  <c r="J7828" i="2"/>
  <c r="J7802" i="5" s="1"/>
  <c r="N7802" i="5" s="1"/>
  <c r="K7828" i="2"/>
  <c r="K7802" i="5" s="1"/>
  <c r="O7802" i="5" s="1"/>
  <c r="L7828" i="2"/>
  <c r="L7802" i="5" s="1"/>
  <c r="M7828" i="2"/>
  <c r="M7802" i="5" s="1"/>
  <c r="I7828" i="2"/>
  <c r="I7802" i="5" s="1"/>
  <c r="I976" i="2"/>
  <c r="I950" i="5" s="1"/>
  <c r="L976" i="2"/>
  <c r="L950" i="5" s="1"/>
  <c r="K976" i="2"/>
  <c r="K950" i="5" s="1"/>
  <c r="O950" i="5" s="1"/>
  <c r="J976" i="2"/>
  <c r="J950" i="5" s="1"/>
  <c r="N950" i="5" s="1"/>
  <c r="M976" i="2"/>
  <c r="M950" i="5" s="1"/>
  <c r="I8458" i="2"/>
  <c r="I8432" i="5" s="1"/>
  <c r="M8458" i="2"/>
  <c r="M8432" i="5" s="1"/>
  <c r="J8458" i="2"/>
  <c r="J8432" i="5" s="1"/>
  <c r="N8432" i="5" s="1"/>
  <c r="K8458" i="2"/>
  <c r="K8432" i="5" s="1"/>
  <c r="O8432" i="5" s="1"/>
  <c r="L8458" i="2"/>
  <c r="L8432" i="5" s="1"/>
  <c r="K4488" i="2"/>
  <c r="K4462" i="5" s="1"/>
  <c r="O4462" i="5" s="1"/>
  <c r="J4488" i="2"/>
  <c r="J4462" i="5" s="1"/>
  <c r="N4462" i="5" s="1"/>
  <c r="M4488" i="2"/>
  <c r="M4462" i="5" s="1"/>
  <c r="L4488" i="2"/>
  <c r="L4462" i="5" s="1"/>
  <c r="I4488" i="2"/>
  <c r="I4462" i="5" s="1"/>
  <c r="I2244" i="2"/>
  <c r="I2218" i="5" s="1"/>
  <c r="K2244" i="2"/>
  <c r="K2218" i="5" s="1"/>
  <c r="O2218" i="5" s="1"/>
  <c r="J2244" i="2"/>
  <c r="J2218" i="5" s="1"/>
  <c r="N2218" i="5" s="1"/>
  <c r="L2244" i="2"/>
  <c r="L2218" i="5" s="1"/>
  <c r="M2244" i="2"/>
  <c r="M2218" i="5" s="1"/>
  <c r="L3765" i="2"/>
  <c r="L3739" i="5" s="1"/>
  <c r="M3765" i="2"/>
  <c r="M3739" i="5" s="1"/>
  <c r="I3765" i="2"/>
  <c r="I3739" i="5" s="1"/>
  <c r="K3765" i="2"/>
  <c r="K3739" i="5" s="1"/>
  <c r="O3739" i="5" s="1"/>
  <c r="J3765" i="2"/>
  <c r="J3739" i="5" s="1"/>
  <c r="N3739" i="5" s="1"/>
  <c r="I883" i="2"/>
  <c r="I857" i="5" s="1"/>
  <c r="K883" i="2"/>
  <c r="K857" i="5" s="1"/>
  <c r="O857" i="5" s="1"/>
  <c r="J883" i="2"/>
  <c r="J857" i="5" s="1"/>
  <c r="N857" i="5" s="1"/>
  <c r="M883" i="2"/>
  <c r="M857" i="5" s="1"/>
  <c r="L883" i="2"/>
  <c r="L857" i="5" s="1"/>
  <c r="L5857" i="2"/>
  <c r="L5831" i="5" s="1"/>
  <c r="J5857" i="2"/>
  <c r="J5831" i="5" s="1"/>
  <c r="N5831" i="5" s="1"/>
  <c r="M5857" i="2"/>
  <c r="M5831" i="5" s="1"/>
  <c r="I5857" i="2"/>
  <c r="I5831" i="5" s="1"/>
  <c r="K5857" i="2"/>
  <c r="K5831" i="5" s="1"/>
  <c r="O5831" i="5" s="1"/>
  <c r="I5758" i="2"/>
  <c r="I5732" i="5" s="1"/>
  <c r="K5758" i="2"/>
  <c r="K5732" i="5" s="1"/>
  <c r="O5732" i="5" s="1"/>
  <c r="J5758" i="2"/>
  <c r="J5732" i="5" s="1"/>
  <c r="N5732" i="5" s="1"/>
  <c r="L5758" i="2"/>
  <c r="L5732" i="5" s="1"/>
  <c r="M5758" i="2"/>
  <c r="M5732" i="5" s="1"/>
  <c r="I223" i="2"/>
  <c r="I197" i="5" s="1"/>
  <c r="M223" i="2"/>
  <c r="M197" i="5" s="1"/>
  <c r="K223" i="2"/>
  <c r="K197" i="5" s="1"/>
  <c r="O197" i="5" s="1"/>
  <c r="L223" i="2"/>
  <c r="L197" i="5" s="1"/>
  <c r="J223" i="2"/>
  <c r="J197" i="5" s="1"/>
  <c r="N197" i="5" s="1"/>
  <c r="J4935" i="2"/>
  <c r="J4909" i="5" s="1"/>
  <c r="N4909" i="5" s="1"/>
  <c r="L4935" i="2"/>
  <c r="L4909" i="5" s="1"/>
  <c r="M4935" i="2"/>
  <c r="M4909" i="5" s="1"/>
  <c r="I4935" i="2"/>
  <c r="I4909" i="5" s="1"/>
  <c r="K4935" i="2"/>
  <c r="K4909" i="5" s="1"/>
  <c r="O4909" i="5" s="1"/>
  <c r="M4947" i="2"/>
  <c r="M4921" i="5" s="1"/>
  <c r="J4947" i="2"/>
  <c r="J4921" i="5" s="1"/>
  <c r="N4921" i="5" s="1"/>
  <c r="L4947" i="2"/>
  <c r="L4921" i="5" s="1"/>
  <c r="I4947" i="2"/>
  <c r="I4921" i="5" s="1"/>
  <c r="K4947" i="2"/>
  <c r="K4921" i="5" s="1"/>
  <c r="O4921" i="5" s="1"/>
  <c r="L7111" i="2"/>
  <c r="L7085" i="5" s="1"/>
  <c r="J7111" i="2"/>
  <c r="J7085" i="5" s="1"/>
  <c r="N7085" i="5" s="1"/>
  <c r="I7111" i="2"/>
  <c r="I7085" i="5" s="1"/>
  <c r="M7111" i="2"/>
  <c r="M7085" i="5" s="1"/>
  <c r="K7111" i="2"/>
  <c r="K7085" i="5" s="1"/>
  <c r="O7085" i="5" s="1"/>
  <c r="M388" i="2"/>
  <c r="M362" i="5" s="1"/>
  <c r="L388" i="2"/>
  <c r="L362" i="5" s="1"/>
  <c r="J388" i="2"/>
  <c r="J362" i="5" s="1"/>
  <c r="N362" i="5" s="1"/>
  <c r="I388" i="2"/>
  <c r="I362" i="5" s="1"/>
  <c r="K388" i="2"/>
  <c r="K362" i="5" s="1"/>
  <c r="O362" i="5" s="1"/>
  <c r="M5477" i="2"/>
  <c r="M5451" i="5" s="1"/>
  <c r="K5477" i="2"/>
  <c r="K5451" i="5" s="1"/>
  <c r="O5451" i="5" s="1"/>
  <c r="J5477" i="2"/>
  <c r="J5451" i="5" s="1"/>
  <c r="N5451" i="5" s="1"/>
  <c r="L5477" i="2"/>
  <c r="L5451" i="5" s="1"/>
  <c r="I5477" i="2"/>
  <c r="I5451" i="5" s="1"/>
  <c r="I2980" i="2"/>
  <c r="I2954" i="5" s="1"/>
  <c r="L2980" i="2"/>
  <c r="L2954" i="5" s="1"/>
  <c r="K2980" i="2"/>
  <c r="K2954" i="5" s="1"/>
  <c r="O2954" i="5" s="1"/>
  <c r="J2980" i="2"/>
  <c r="J2954" i="5" s="1"/>
  <c r="N2954" i="5" s="1"/>
  <c r="M2980" i="2"/>
  <c r="M2954" i="5" s="1"/>
  <c r="L1662" i="2"/>
  <c r="L1636" i="5" s="1"/>
  <c r="M1662" i="2"/>
  <c r="M1636" i="5" s="1"/>
  <c r="I1662" i="2"/>
  <c r="I1636" i="5" s="1"/>
  <c r="K1662" i="2"/>
  <c r="K1636" i="5" s="1"/>
  <c r="O1636" i="5" s="1"/>
  <c r="J1662" i="2"/>
  <c r="J1636" i="5" s="1"/>
  <c r="N1636" i="5" s="1"/>
  <c r="J1655" i="2"/>
  <c r="J1629" i="5" s="1"/>
  <c r="N1629" i="5" s="1"/>
  <c r="I1655" i="2"/>
  <c r="I1629" i="5" s="1"/>
  <c r="K1655" i="2"/>
  <c r="K1629" i="5" s="1"/>
  <c r="O1629" i="5" s="1"/>
  <c r="M1655" i="2"/>
  <c r="M1629" i="5" s="1"/>
  <c r="L1655" i="2"/>
  <c r="L1629" i="5" s="1"/>
  <c r="I8195" i="2"/>
  <c r="I8169" i="5" s="1"/>
  <c r="M8195" i="2"/>
  <c r="M8169" i="5" s="1"/>
  <c r="K8195" i="2"/>
  <c r="K8169" i="5" s="1"/>
  <c r="O8169" i="5" s="1"/>
  <c r="J8195" i="2"/>
  <c r="J8169" i="5" s="1"/>
  <c r="N8169" i="5" s="1"/>
  <c r="L8195" i="2"/>
  <c r="L8169" i="5" s="1"/>
  <c r="J5154" i="2"/>
  <c r="J5128" i="5" s="1"/>
  <c r="N5128" i="5" s="1"/>
  <c r="M5154" i="2"/>
  <c r="M5128" i="5" s="1"/>
  <c r="I5154" i="2"/>
  <c r="I5128" i="5" s="1"/>
  <c r="K5154" i="2"/>
  <c r="K5128" i="5" s="1"/>
  <c r="O5128" i="5" s="1"/>
  <c r="L5154" i="2"/>
  <c r="L5128" i="5" s="1"/>
  <c r="M6651" i="2"/>
  <c r="M6625" i="5" s="1"/>
  <c r="I6651" i="2"/>
  <c r="I6625" i="5" s="1"/>
  <c r="L6651" i="2"/>
  <c r="L6625" i="5" s="1"/>
  <c r="K6651" i="2"/>
  <c r="K6625" i="5" s="1"/>
  <c r="O6625" i="5" s="1"/>
  <c r="J6651" i="2"/>
  <c r="J6625" i="5" s="1"/>
  <c r="N6625" i="5" s="1"/>
  <c r="K6650" i="2"/>
  <c r="K6624" i="5" s="1"/>
  <c r="O6624" i="5" s="1"/>
  <c r="L6650" i="2"/>
  <c r="L6624" i="5" s="1"/>
  <c r="J6650" i="2"/>
  <c r="J6624" i="5" s="1"/>
  <c r="N6624" i="5" s="1"/>
  <c r="M6650" i="2"/>
  <c r="M6624" i="5" s="1"/>
  <c r="I6650" i="2"/>
  <c r="I6624" i="5" s="1"/>
  <c r="I4415" i="2"/>
  <c r="I4389" i="5" s="1"/>
  <c r="K4415" i="2"/>
  <c r="K4389" i="5" s="1"/>
  <c r="O4389" i="5" s="1"/>
  <c r="J4415" i="2"/>
  <c r="J4389" i="5" s="1"/>
  <c r="N4389" i="5" s="1"/>
  <c r="L4415" i="2"/>
  <c r="L4389" i="5" s="1"/>
  <c r="M4415" i="2"/>
  <c r="M4389" i="5" s="1"/>
  <c r="K4416" i="2"/>
  <c r="K4390" i="5" s="1"/>
  <c r="O4390" i="5" s="1"/>
  <c r="L4416" i="2"/>
  <c r="L4390" i="5" s="1"/>
  <c r="M4416" i="2"/>
  <c r="M4390" i="5" s="1"/>
  <c r="I4416" i="2"/>
  <c r="I4390" i="5" s="1"/>
  <c r="J4416" i="2"/>
  <c r="J4390" i="5" s="1"/>
  <c r="N4390" i="5" s="1"/>
  <c r="M6537" i="2"/>
  <c r="M6511" i="5" s="1"/>
  <c r="I6537" i="2"/>
  <c r="I6511" i="5" s="1"/>
  <c r="L6537" i="2"/>
  <c r="L6511" i="5" s="1"/>
  <c r="K6537" i="2"/>
  <c r="K6511" i="5" s="1"/>
  <c r="O6511" i="5" s="1"/>
  <c r="J6537" i="2"/>
  <c r="J6511" i="5" s="1"/>
  <c r="N6511" i="5" s="1"/>
  <c r="L2305" i="2"/>
  <c r="L2279" i="5" s="1"/>
  <c r="M2305" i="2"/>
  <c r="M2279" i="5" s="1"/>
  <c r="I2305" i="2"/>
  <c r="I2279" i="5" s="1"/>
  <c r="K2305" i="2"/>
  <c r="K2279" i="5" s="1"/>
  <c r="O2279" i="5" s="1"/>
  <c r="J2305" i="2"/>
  <c r="J2279" i="5" s="1"/>
  <c r="N2279" i="5" s="1"/>
  <c r="M2297" i="2"/>
  <c r="M2271" i="5" s="1"/>
  <c r="I2297" i="2"/>
  <c r="I2271" i="5" s="1"/>
  <c r="K2297" i="2"/>
  <c r="K2271" i="5" s="1"/>
  <c r="O2271" i="5" s="1"/>
  <c r="L2297" i="2"/>
  <c r="L2271" i="5" s="1"/>
  <c r="J2297" i="2"/>
  <c r="J2271" i="5" s="1"/>
  <c r="N2271" i="5" s="1"/>
  <c r="M1262" i="2"/>
  <c r="M1236" i="5" s="1"/>
  <c r="L1262" i="2"/>
  <c r="L1236" i="5" s="1"/>
  <c r="I1262" i="2"/>
  <c r="I1236" i="5" s="1"/>
  <c r="K1262" i="2"/>
  <c r="K1236" i="5" s="1"/>
  <c r="O1236" i="5" s="1"/>
  <c r="J1262" i="2"/>
  <c r="J1236" i="5" s="1"/>
  <c r="N1236" i="5" s="1"/>
  <c r="L1730" i="2"/>
  <c r="L1704" i="5" s="1"/>
  <c r="M1730" i="2"/>
  <c r="M1704" i="5" s="1"/>
  <c r="I1730" i="2"/>
  <c r="I1704" i="5" s="1"/>
  <c r="K1730" i="2"/>
  <c r="K1704" i="5" s="1"/>
  <c r="O1704" i="5" s="1"/>
  <c r="J1730" i="2"/>
  <c r="J1704" i="5" s="1"/>
  <c r="N1704" i="5" s="1"/>
  <c r="I6200" i="2"/>
  <c r="I6174" i="5" s="1"/>
  <c r="M6200" i="2"/>
  <c r="M6174" i="5" s="1"/>
  <c r="L6200" i="2"/>
  <c r="L6174" i="5" s="1"/>
  <c r="K6200" i="2"/>
  <c r="K6174" i="5" s="1"/>
  <c r="O6174" i="5" s="1"/>
  <c r="J6200" i="2"/>
  <c r="J6174" i="5" s="1"/>
  <c r="N6174" i="5" s="1"/>
  <c r="L2657" i="2"/>
  <c r="L2631" i="5" s="1"/>
  <c r="J2657" i="2"/>
  <c r="J2631" i="5" s="1"/>
  <c r="N2631" i="5" s="1"/>
  <c r="M2657" i="2"/>
  <c r="M2631" i="5" s="1"/>
  <c r="I2657" i="2"/>
  <c r="I2631" i="5" s="1"/>
  <c r="K2657" i="2"/>
  <c r="K2631" i="5" s="1"/>
  <c r="O2631" i="5" s="1"/>
  <c r="I6826" i="2"/>
  <c r="I6800" i="5" s="1"/>
  <c r="K6826" i="2"/>
  <c r="K6800" i="5" s="1"/>
  <c r="O6800" i="5" s="1"/>
  <c r="J6826" i="2"/>
  <c r="J6800" i="5" s="1"/>
  <c r="N6800" i="5" s="1"/>
  <c r="M6826" i="2"/>
  <c r="M6800" i="5" s="1"/>
  <c r="L6826" i="2"/>
  <c r="L6800" i="5" s="1"/>
  <c r="M3399" i="2"/>
  <c r="M3373" i="5" s="1"/>
  <c r="I3399" i="2"/>
  <c r="I3373" i="5" s="1"/>
  <c r="K3399" i="2"/>
  <c r="K3373" i="5" s="1"/>
  <c r="O3373" i="5" s="1"/>
  <c r="J3399" i="2"/>
  <c r="J3373" i="5" s="1"/>
  <c r="N3373" i="5" s="1"/>
  <c r="L3399" i="2"/>
  <c r="L3373" i="5" s="1"/>
  <c r="L408" i="2"/>
  <c r="L382" i="5" s="1"/>
  <c r="M408" i="2"/>
  <c r="M382" i="5" s="1"/>
  <c r="I408" i="2"/>
  <c r="I382" i="5" s="1"/>
  <c r="K408" i="2"/>
  <c r="K382" i="5" s="1"/>
  <c r="O382" i="5" s="1"/>
  <c r="J408" i="2"/>
  <c r="J382" i="5" s="1"/>
  <c r="N382" i="5" s="1"/>
  <c r="M7018" i="2"/>
  <c r="M6992" i="5" s="1"/>
  <c r="L7018" i="2"/>
  <c r="L6992" i="5" s="1"/>
  <c r="I7018" i="2"/>
  <c r="I6992" i="5" s="1"/>
  <c r="K7018" i="2"/>
  <c r="K6992" i="5" s="1"/>
  <c r="O6992" i="5" s="1"/>
  <c r="J7018" i="2"/>
  <c r="J6992" i="5" s="1"/>
  <c r="N6992" i="5" s="1"/>
  <c r="K6123" i="2"/>
  <c r="K6097" i="5" s="1"/>
  <c r="O6097" i="5" s="1"/>
  <c r="M6123" i="2"/>
  <c r="M6097" i="5" s="1"/>
  <c r="I6123" i="2"/>
  <c r="I6097" i="5" s="1"/>
  <c r="J6123" i="2"/>
  <c r="J6097" i="5" s="1"/>
  <c r="N6097" i="5" s="1"/>
  <c r="L6123" i="2"/>
  <c r="L6097" i="5" s="1"/>
  <c r="J774" i="2"/>
  <c r="J748" i="5" s="1"/>
  <c r="N748" i="5" s="1"/>
  <c r="L774" i="2"/>
  <c r="L748" i="5" s="1"/>
  <c r="M774" i="2"/>
  <c r="M748" i="5" s="1"/>
  <c r="I774" i="2"/>
  <c r="I748" i="5" s="1"/>
  <c r="K774" i="2"/>
  <c r="K748" i="5" s="1"/>
  <c r="O748" i="5" s="1"/>
  <c r="J3600" i="2"/>
  <c r="J3574" i="5" s="1"/>
  <c r="N3574" i="5" s="1"/>
  <c r="L3600" i="2"/>
  <c r="L3574" i="5" s="1"/>
  <c r="I3600" i="2"/>
  <c r="I3574" i="5" s="1"/>
  <c r="M3600" i="2"/>
  <c r="M3574" i="5" s="1"/>
  <c r="K3600" i="2"/>
  <c r="K3574" i="5" s="1"/>
  <c r="O3574" i="5" s="1"/>
  <c r="I6276" i="2"/>
  <c r="I6250" i="5" s="1"/>
  <c r="L6276" i="2"/>
  <c r="L6250" i="5" s="1"/>
  <c r="M6276" i="2"/>
  <c r="M6250" i="5" s="1"/>
  <c r="K6276" i="2"/>
  <c r="K6250" i="5" s="1"/>
  <c r="O6250" i="5" s="1"/>
  <c r="J6276" i="2"/>
  <c r="J6250" i="5" s="1"/>
  <c r="N6250" i="5" s="1"/>
  <c r="L3513" i="2"/>
  <c r="L3487" i="5" s="1"/>
  <c r="M3513" i="2"/>
  <c r="M3487" i="5" s="1"/>
  <c r="K3513" i="2"/>
  <c r="K3487" i="5" s="1"/>
  <c r="O3487" i="5" s="1"/>
  <c r="J3513" i="2"/>
  <c r="J3487" i="5" s="1"/>
  <c r="N3487" i="5" s="1"/>
  <c r="I3513" i="2"/>
  <c r="I3487" i="5" s="1"/>
  <c r="I7280" i="2"/>
  <c r="I7254" i="5" s="1"/>
  <c r="K7280" i="2"/>
  <c r="K7254" i="5" s="1"/>
  <c r="O7254" i="5" s="1"/>
  <c r="J7280" i="2"/>
  <c r="J7254" i="5" s="1"/>
  <c r="N7254" i="5" s="1"/>
  <c r="M7280" i="2"/>
  <c r="M7254" i="5" s="1"/>
  <c r="L7280" i="2"/>
  <c r="L7254" i="5" s="1"/>
  <c r="K3142" i="2"/>
  <c r="K3116" i="5" s="1"/>
  <c r="O3116" i="5" s="1"/>
  <c r="J3142" i="2"/>
  <c r="J3116" i="5" s="1"/>
  <c r="N3116" i="5" s="1"/>
  <c r="M3142" i="2"/>
  <c r="M3116" i="5" s="1"/>
  <c r="I3142" i="2"/>
  <c r="I3116" i="5" s="1"/>
  <c r="L3142" i="2"/>
  <c r="L3116" i="5" s="1"/>
  <c r="J1967" i="2"/>
  <c r="J1941" i="5" s="1"/>
  <c r="N1941" i="5" s="1"/>
  <c r="L1967" i="2"/>
  <c r="L1941" i="5" s="1"/>
  <c r="M1967" i="2"/>
  <c r="M1941" i="5" s="1"/>
  <c r="I1967" i="2"/>
  <c r="I1941" i="5" s="1"/>
  <c r="K1967" i="2"/>
  <c r="K1941" i="5" s="1"/>
  <c r="O1941" i="5" s="1"/>
  <c r="M8112" i="2"/>
  <c r="M8086" i="5" s="1"/>
  <c r="I8112" i="2"/>
  <c r="I8086" i="5" s="1"/>
  <c r="L8112" i="2"/>
  <c r="L8086" i="5" s="1"/>
  <c r="K8112" i="2"/>
  <c r="K8086" i="5" s="1"/>
  <c r="O8086" i="5" s="1"/>
  <c r="J8112" i="2"/>
  <c r="J8086" i="5" s="1"/>
  <c r="N8086" i="5" s="1"/>
  <c r="J8111" i="2"/>
  <c r="J8085" i="5" s="1"/>
  <c r="N8085" i="5" s="1"/>
  <c r="L8111" i="2"/>
  <c r="L8085" i="5" s="1"/>
  <c r="I8111" i="2"/>
  <c r="I8085" i="5" s="1"/>
  <c r="M8111" i="2"/>
  <c r="M8085" i="5" s="1"/>
  <c r="K8111" i="2"/>
  <c r="K8085" i="5" s="1"/>
  <c r="O8085" i="5" s="1"/>
  <c r="J5359" i="2"/>
  <c r="J5333" i="5" s="1"/>
  <c r="N5333" i="5" s="1"/>
  <c r="I5359" i="2"/>
  <c r="I5333" i="5" s="1"/>
  <c r="L5359" i="2"/>
  <c r="L5333" i="5" s="1"/>
  <c r="M5359" i="2"/>
  <c r="M5333" i="5" s="1"/>
  <c r="K5359" i="2"/>
  <c r="K5333" i="5" s="1"/>
  <c r="O5333" i="5" s="1"/>
  <c r="J5994" i="2"/>
  <c r="J5968" i="5" s="1"/>
  <c r="N5968" i="5" s="1"/>
  <c r="L5994" i="2"/>
  <c r="L5968" i="5" s="1"/>
  <c r="M5994" i="2"/>
  <c r="M5968" i="5" s="1"/>
  <c r="I5994" i="2"/>
  <c r="I5968" i="5" s="1"/>
  <c r="K5994" i="2"/>
  <c r="K5968" i="5" s="1"/>
  <c r="O5968" i="5" s="1"/>
  <c r="I1982" i="2"/>
  <c r="I1956" i="5" s="1"/>
  <c r="K1982" i="2"/>
  <c r="K1956" i="5" s="1"/>
  <c r="O1956" i="5" s="1"/>
  <c r="L1982" i="2"/>
  <c r="L1956" i="5" s="1"/>
  <c r="M1982" i="2"/>
  <c r="M1956" i="5" s="1"/>
  <c r="J1982" i="2"/>
  <c r="J1956" i="5" s="1"/>
  <c r="N1956" i="5" s="1"/>
  <c r="M399" i="2"/>
  <c r="M373" i="5" s="1"/>
  <c r="J399" i="2"/>
  <c r="J373" i="5" s="1"/>
  <c r="N373" i="5" s="1"/>
  <c r="I399" i="2"/>
  <c r="I373" i="5" s="1"/>
  <c r="L399" i="2"/>
  <c r="L373" i="5" s="1"/>
  <c r="K399" i="2"/>
  <c r="K373" i="5" s="1"/>
  <c r="O373" i="5" s="1"/>
  <c r="K3076" i="2"/>
  <c r="K3050" i="5" s="1"/>
  <c r="O3050" i="5" s="1"/>
  <c r="J3076" i="2"/>
  <c r="J3050" i="5" s="1"/>
  <c r="N3050" i="5" s="1"/>
  <c r="L3076" i="2"/>
  <c r="L3050" i="5" s="1"/>
  <c r="M3076" i="2"/>
  <c r="M3050" i="5" s="1"/>
  <c r="I3076" i="2"/>
  <c r="I3050" i="5" s="1"/>
  <c r="M559" i="2"/>
  <c r="M533" i="5" s="1"/>
  <c r="I559" i="2"/>
  <c r="I533" i="5" s="1"/>
  <c r="K559" i="2"/>
  <c r="K533" i="5" s="1"/>
  <c r="O533" i="5" s="1"/>
  <c r="J559" i="2"/>
  <c r="J533" i="5" s="1"/>
  <c r="N533" i="5" s="1"/>
  <c r="L559" i="2"/>
  <c r="L533" i="5" s="1"/>
  <c r="K6633" i="2"/>
  <c r="K6607" i="5" s="1"/>
  <c r="O6607" i="5" s="1"/>
  <c r="L6633" i="2"/>
  <c r="L6607" i="5" s="1"/>
  <c r="J6633" i="2"/>
  <c r="J6607" i="5" s="1"/>
  <c r="N6607" i="5" s="1"/>
  <c r="I6633" i="2"/>
  <c r="I6607" i="5" s="1"/>
  <c r="M6633" i="2"/>
  <c r="M6607" i="5" s="1"/>
  <c r="L1122" i="2"/>
  <c r="L1096" i="5" s="1"/>
  <c r="J1122" i="2"/>
  <c r="J1096" i="5" s="1"/>
  <c r="N1096" i="5" s="1"/>
  <c r="M1122" i="2"/>
  <c r="M1096" i="5" s="1"/>
  <c r="I1122" i="2"/>
  <c r="I1096" i="5" s="1"/>
  <c r="K1122" i="2"/>
  <c r="K1096" i="5" s="1"/>
  <c r="O1096" i="5" s="1"/>
  <c r="J7324" i="2"/>
  <c r="J7298" i="5" s="1"/>
  <c r="N7298" i="5" s="1"/>
  <c r="M7324" i="2"/>
  <c r="M7298" i="5" s="1"/>
  <c r="L7324" i="2"/>
  <c r="L7298" i="5" s="1"/>
  <c r="I7324" i="2"/>
  <c r="I7298" i="5" s="1"/>
  <c r="K7324" i="2"/>
  <c r="K7298" i="5" s="1"/>
  <c r="O7298" i="5" s="1"/>
  <c r="K7327" i="2"/>
  <c r="K7301" i="5" s="1"/>
  <c r="O7301" i="5" s="1"/>
  <c r="M7327" i="2"/>
  <c r="M7301" i="5" s="1"/>
  <c r="J7327" i="2"/>
  <c r="J7301" i="5" s="1"/>
  <c r="N7301" i="5" s="1"/>
  <c r="L7327" i="2"/>
  <c r="L7301" i="5" s="1"/>
  <c r="I7327" i="2"/>
  <c r="I7301" i="5" s="1"/>
  <c r="J7965" i="2"/>
  <c r="J7939" i="5" s="1"/>
  <c r="N7939" i="5" s="1"/>
  <c r="L7965" i="2"/>
  <c r="L7939" i="5" s="1"/>
  <c r="M7965" i="2"/>
  <c r="M7939" i="5" s="1"/>
  <c r="I7965" i="2"/>
  <c r="I7939" i="5" s="1"/>
  <c r="K7965" i="2"/>
  <c r="K7939" i="5" s="1"/>
  <c r="O7939" i="5" s="1"/>
  <c r="I3252" i="2"/>
  <c r="I3226" i="5" s="1"/>
  <c r="K3252" i="2"/>
  <c r="K3226" i="5" s="1"/>
  <c r="O3226" i="5" s="1"/>
  <c r="J3252" i="2"/>
  <c r="J3226" i="5" s="1"/>
  <c r="N3226" i="5" s="1"/>
  <c r="L3252" i="2"/>
  <c r="L3226" i="5" s="1"/>
  <c r="M3252" i="2"/>
  <c r="M3226" i="5" s="1"/>
  <c r="K5018" i="2"/>
  <c r="K4992" i="5" s="1"/>
  <c r="O4992" i="5" s="1"/>
  <c r="L5018" i="2"/>
  <c r="L4992" i="5" s="1"/>
  <c r="J5018" i="2"/>
  <c r="J4992" i="5" s="1"/>
  <c r="N4992" i="5" s="1"/>
  <c r="I5018" i="2"/>
  <c r="I4992" i="5" s="1"/>
  <c r="M5018" i="2"/>
  <c r="M4992" i="5" s="1"/>
  <c r="I1087" i="2"/>
  <c r="I1061" i="5" s="1"/>
  <c r="K1087" i="2"/>
  <c r="K1061" i="5" s="1"/>
  <c r="O1061" i="5" s="1"/>
  <c r="J1087" i="2"/>
  <c r="J1061" i="5" s="1"/>
  <c r="N1061" i="5" s="1"/>
  <c r="L1087" i="2"/>
  <c r="L1061" i="5" s="1"/>
  <c r="M1087" i="2"/>
  <c r="M1061" i="5" s="1"/>
  <c r="C51" i="5"/>
  <c r="AR45" i="1"/>
  <c r="J3998" i="2"/>
  <c r="J3972" i="5" s="1"/>
  <c r="N3972" i="5" s="1"/>
  <c r="M3998" i="2"/>
  <c r="M3972" i="5" s="1"/>
  <c r="L3998" i="2"/>
  <c r="L3972" i="5" s="1"/>
  <c r="I3998" i="2"/>
  <c r="I3972" i="5" s="1"/>
  <c r="K3998" i="2"/>
  <c r="K3972" i="5" s="1"/>
  <c r="O3972" i="5" s="1"/>
  <c r="J3999" i="2"/>
  <c r="J3973" i="5" s="1"/>
  <c r="N3973" i="5" s="1"/>
  <c r="M3999" i="2"/>
  <c r="M3973" i="5" s="1"/>
  <c r="L3999" i="2"/>
  <c r="L3973" i="5" s="1"/>
  <c r="I3999" i="2"/>
  <c r="I3973" i="5" s="1"/>
  <c r="K3999" i="2"/>
  <c r="K3973" i="5" s="1"/>
  <c r="O3973" i="5" s="1"/>
  <c r="J1319" i="2"/>
  <c r="J1293" i="5" s="1"/>
  <c r="N1293" i="5" s="1"/>
  <c r="M1319" i="2"/>
  <c r="M1293" i="5" s="1"/>
  <c r="I1319" i="2"/>
  <c r="I1293" i="5" s="1"/>
  <c r="L1319" i="2"/>
  <c r="L1293" i="5" s="1"/>
  <c r="K1319" i="2"/>
  <c r="K1293" i="5" s="1"/>
  <c r="O1293" i="5" s="1"/>
  <c r="I4322" i="2"/>
  <c r="I4296" i="5" s="1"/>
  <c r="K4322" i="2"/>
  <c r="K4296" i="5" s="1"/>
  <c r="O4296" i="5" s="1"/>
  <c r="J4322" i="2"/>
  <c r="J4296" i="5" s="1"/>
  <c r="N4296" i="5" s="1"/>
  <c r="M4322" i="2"/>
  <c r="M4296" i="5" s="1"/>
  <c r="L4322" i="2"/>
  <c r="L4296" i="5" s="1"/>
  <c r="M3304" i="2"/>
  <c r="M3278" i="5" s="1"/>
  <c r="I3304" i="2"/>
  <c r="I3278" i="5" s="1"/>
  <c r="K3304" i="2"/>
  <c r="K3278" i="5" s="1"/>
  <c r="O3278" i="5" s="1"/>
  <c r="J3304" i="2"/>
  <c r="J3278" i="5" s="1"/>
  <c r="N3278" i="5" s="1"/>
  <c r="L3304" i="2"/>
  <c r="L3278" i="5" s="1"/>
  <c r="C144" i="5"/>
  <c r="AR138" i="1"/>
  <c r="J4131" i="2"/>
  <c r="J4105" i="5" s="1"/>
  <c r="N4105" i="5" s="1"/>
  <c r="M4131" i="2"/>
  <c r="M4105" i="5" s="1"/>
  <c r="L4131" i="2"/>
  <c r="L4105" i="5" s="1"/>
  <c r="I4131" i="2"/>
  <c r="I4105" i="5" s="1"/>
  <c r="K4131" i="2"/>
  <c r="K4105" i="5" s="1"/>
  <c r="O4105" i="5" s="1"/>
  <c r="J7458" i="2"/>
  <c r="J7432" i="5" s="1"/>
  <c r="N7432" i="5" s="1"/>
  <c r="L7458" i="2"/>
  <c r="L7432" i="5" s="1"/>
  <c r="M7458" i="2"/>
  <c r="M7432" i="5" s="1"/>
  <c r="I7458" i="2"/>
  <c r="I7432" i="5" s="1"/>
  <c r="K7458" i="2"/>
  <c r="K7432" i="5" s="1"/>
  <c r="O7432" i="5" s="1"/>
  <c r="I4998" i="2"/>
  <c r="I4972" i="5" s="1"/>
  <c r="K4998" i="2"/>
  <c r="K4972" i="5" s="1"/>
  <c r="O4972" i="5" s="1"/>
  <c r="L4998" i="2"/>
  <c r="L4972" i="5" s="1"/>
  <c r="M4998" i="2"/>
  <c r="M4972" i="5" s="1"/>
  <c r="J4998" i="2"/>
  <c r="J4972" i="5" s="1"/>
  <c r="N4972" i="5" s="1"/>
  <c r="L8342" i="2"/>
  <c r="L8316" i="5" s="1"/>
  <c r="I8342" i="2"/>
  <c r="I8316" i="5" s="1"/>
  <c r="M8342" i="2"/>
  <c r="M8316" i="5" s="1"/>
  <c r="J8342" i="2"/>
  <c r="J8316" i="5" s="1"/>
  <c r="N8316" i="5" s="1"/>
  <c r="K8342" i="2"/>
  <c r="K8316" i="5" s="1"/>
  <c r="O8316" i="5" s="1"/>
  <c r="AR348" i="1"/>
  <c r="C354" i="5"/>
  <c r="J8787" i="2"/>
  <c r="J8761" i="5" s="1"/>
  <c r="N8761" i="5" s="1"/>
  <c r="K8787" i="2"/>
  <c r="K8761" i="5" s="1"/>
  <c r="O8761" i="5" s="1"/>
  <c r="M8787" i="2"/>
  <c r="M8761" i="5" s="1"/>
  <c r="L8787" i="2"/>
  <c r="L8761" i="5" s="1"/>
  <c r="I8787" i="2"/>
  <c r="I8761" i="5" s="1"/>
  <c r="L3934" i="2"/>
  <c r="L3908" i="5" s="1"/>
  <c r="J3934" i="2"/>
  <c r="J3908" i="5" s="1"/>
  <c r="N3908" i="5" s="1"/>
  <c r="M3934" i="2"/>
  <c r="M3908" i="5" s="1"/>
  <c r="I3934" i="2"/>
  <c r="I3908" i="5" s="1"/>
  <c r="K3934" i="2"/>
  <c r="K3908" i="5" s="1"/>
  <c r="O3908" i="5" s="1"/>
  <c r="L3928" i="2"/>
  <c r="L3902" i="5" s="1"/>
  <c r="M3928" i="2"/>
  <c r="M3902" i="5" s="1"/>
  <c r="I3928" i="2"/>
  <c r="I3902" i="5" s="1"/>
  <c r="K3928" i="2"/>
  <c r="K3902" i="5" s="1"/>
  <c r="O3902" i="5" s="1"/>
  <c r="J3928" i="2"/>
  <c r="J3902" i="5" s="1"/>
  <c r="N3902" i="5" s="1"/>
  <c r="L8029" i="2"/>
  <c r="L8003" i="5" s="1"/>
  <c r="M8029" i="2"/>
  <c r="M8003" i="5" s="1"/>
  <c r="I8029" i="2"/>
  <c r="I8003" i="5" s="1"/>
  <c r="K8029" i="2"/>
  <c r="K8003" i="5" s="1"/>
  <c r="O8003" i="5" s="1"/>
  <c r="J8029" i="2"/>
  <c r="J8003" i="5" s="1"/>
  <c r="N8003" i="5" s="1"/>
  <c r="J7033" i="2"/>
  <c r="J7007" i="5" s="1"/>
  <c r="N7007" i="5" s="1"/>
  <c r="M7033" i="2"/>
  <c r="M7007" i="5" s="1"/>
  <c r="I7033" i="2"/>
  <c r="I7007" i="5" s="1"/>
  <c r="L7033" i="2"/>
  <c r="L7007" i="5" s="1"/>
  <c r="K7033" i="2"/>
  <c r="K7007" i="5" s="1"/>
  <c r="O7007" i="5" s="1"/>
  <c r="K3578" i="2"/>
  <c r="K3552" i="5" s="1"/>
  <c r="O3552" i="5" s="1"/>
  <c r="M3578" i="2"/>
  <c r="M3552" i="5" s="1"/>
  <c r="L3578" i="2"/>
  <c r="L3552" i="5" s="1"/>
  <c r="I3578" i="2"/>
  <c r="I3552" i="5" s="1"/>
  <c r="J3578" i="2"/>
  <c r="J3552" i="5" s="1"/>
  <c r="N3552" i="5" s="1"/>
  <c r="M1406" i="2"/>
  <c r="M1380" i="5" s="1"/>
  <c r="I1406" i="2"/>
  <c r="I1380" i="5" s="1"/>
  <c r="L1406" i="2"/>
  <c r="L1380" i="5" s="1"/>
  <c r="K1406" i="2"/>
  <c r="K1380" i="5" s="1"/>
  <c r="O1380" i="5" s="1"/>
  <c r="J1406" i="2"/>
  <c r="J1380" i="5" s="1"/>
  <c r="N1380" i="5" s="1"/>
  <c r="I4577" i="2"/>
  <c r="I4551" i="5" s="1"/>
  <c r="K4577" i="2"/>
  <c r="K4551" i="5" s="1"/>
  <c r="O4551" i="5" s="1"/>
  <c r="J4577" i="2"/>
  <c r="J4551" i="5" s="1"/>
  <c r="N4551" i="5" s="1"/>
  <c r="M4577" i="2"/>
  <c r="M4551" i="5" s="1"/>
  <c r="L4577" i="2"/>
  <c r="L4551" i="5" s="1"/>
  <c r="L639" i="2"/>
  <c r="L613" i="5" s="1"/>
  <c r="M639" i="2"/>
  <c r="M613" i="5" s="1"/>
  <c r="I639" i="2"/>
  <c r="I613" i="5" s="1"/>
  <c r="K639" i="2"/>
  <c r="K613" i="5" s="1"/>
  <c r="O613" i="5" s="1"/>
  <c r="J639" i="2"/>
  <c r="J613" i="5" s="1"/>
  <c r="N613" i="5" s="1"/>
  <c r="L7513" i="2"/>
  <c r="L7487" i="5" s="1"/>
  <c r="K7513" i="2"/>
  <c r="K7487" i="5" s="1"/>
  <c r="O7487" i="5" s="1"/>
  <c r="J7513" i="2"/>
  <c r="J7487" i="5" s="1"/>
  <c r="N7487" i="5" s="1"/>
  <c r="M7513" i="2"/>
  <c r="M7487" i="5" s="1"/>
  <c r="I7513" i="2"/>
  <c r="I7487" i="5" s="1"/>
  <c r="K5671" i="2"/>
  <c r="K5645" i="5" s="1"/>
  <c r="O5645" i="5" s="1"/>
  <c r="L5671" i="2"/>
  <c r="L5645" i="5" s="1"/>
  <c r="J5671" i="2"/>
  <c r="J5645" i="5" s="1"/>
  <c r="N5645" i="5" s="1"/>
  <c r="M5671" i="2"/>
  <c r="M5645" i="5" s="1"/>
  <c r="I5671" i="2"/>
  <c r="I5645" i="5" s="1"/>
  <c r="I5823" i="2"/>
  <c r="I5797" i="5" s="1"/>
  <c r="K5823" i="2"/>
  <c r="K5797" i="5" s="1"/>
  <c r="O5797" i="5" s="1"/>
  <c r="L5823" i="2"/>
  <c r="L5797" i="5" s="1"/>
  <c r="J5823" i="2"/>
  <c r="J5797" i="5" s="1"/>
  <c r="N5797" i="5" s="1"/>
  <c r="M5823" i="2"/>
  <c r="M5797" i="5" s="1"/>
  <c r="J6964" i="2"/>
  <c r="J6938" i="5" s="1"/>
  <c r="N6938" i="5" s="1"/>
  <c r="M6964" i="2"/>
  <c r="M6938" i="5" s="1"/>
  <c r="K6964" i="2"/>
  <c r="K6938" i="5" s="1"/>
  <c r="O6938" i="5" s="1"/>
  <c r="L6964" i="2"/>
  <c r="L6938" i="5" s="1"/>
  <c r="I6964" i="2"/>
  <c r="I6938" i="5" s="1"/>
  <c r="J6961" i="2"/>
  <c r="J6935" i="5" s="1"/>
  <c r="N6935" i="5" s="1"/>
  <c r="M6961" i="2"/>
  <c r="M6935" i="5" s="1"/>
  <c r="L6961" i="2"/>
  <c r="L6935" i="5" s="1"/>
  <c r="I6961" i="2"/>
  <c r="I6935" i="5" s="1"/>
  <c r="K6961" i="2"/>
  <c r="K6935" i="5" s="1"/>
  <c r="O6935" i="5" s="1"/>
  <c r="J1612" i="2"/>
  <c r="J1586" i="5" s="1"/>
  <c r="N1586" i="5" s="1"/>
  <c r="L1612" i="2"/>
  <c r="L1586" i="5" s="1"/>
  <c r="M1612" i="2"/>
  <c r="M1586" i="5" s="1"/>
  <c r="I1612" i="2"/>
  <c r="I1586" i="5" s="1"/>
  <c r="K1612" i="2"/>
  <c r="K1586" i="5" s="1"/>
  <c r="O1586" i="5" s="1"/>
  <c r="I7774" i="2"/>
  <c r="I7748" i="5" s="1"/>
  <c r="J7774" i="2"/>
  <c r="J7748" i="5" s="1"/>
  <c r="N7748" i="5" s="1"/>
  <c r="M7774" i="2"/>
  <c r="M7748" i="5" s="1"/>
  <c r="K7774" i="2"/>
  <c r="K7748" i="5" s="1"/>
  <c r="O7748" i="5" s="1"/>
  <c r="L7774" i="2"/>
  <c r="L7748" i="5" s="1"/>
  <c r="M3829" i="2"/>
  <c r="M3803" i="5" s="1"/>
  <c r="I3829" i="2"/>
  <c r="I3803" i="5" s="1"/>
  <c r="K3829" i="2"/>
  <c r="K3803" i="5" s="1"/>
  <c r="O3803" i="5" s="1"/>
  <c r="J3829" i="2"/>
  <c r="J3803" i="5" s="1"/>
  <c r="N3803" i="5" s="1"/>
  <c r="L3829" i="2"/>
  <c r="L3803" i="5" s="1"/>
  <c r="J5093" i="2"/>
  <c r="J5067" i="5" s="1"/>
  <c r="N5067" i="5" s="1"/>
  <c r="M5093" i="2"/>
  <c r="M5067" i="5" s="1"/>
  <c r="L5093" i="2"/>
  <c r="L5067" i="5" s="1"/>
  <c r="I5093" i="2"/>
  <c r="I5067" i="5" s="1"/>
  <c r="K5093" i="2"/>
  <c r="K5067" i="5" s="1"/>
  <c r="O5067" i="5" s="1"/>
  <c r="J5091" i="2"/>
  <c r="J5065" i="5" s="1"/>
  <c r="N5065" i="5" s="1"/>
  <c r="L5091" i="2"/>
  <c r="L5065" i="5" s="1"/>
  <c r="M5091" i="2"/>
  <c r="M5065" i="5" s="1"/>
  <c r="I5091" i="2"/>
  <c r="I5065" i="5" s="1"/>
  <c r="K5091" i="2"/>
  <c r="K5065" i="5" s="1"/>
  <c r="O5065" i="5" s="1"/>
  <c r="K6982" i="2"/>
  <c r="K6956" i="5" s="1"/>
  <c r="O6956" i="5" s="1"/>
  <c r="L6982" i="2"/>
  <c r="L6956" i="5" s="1"/>
  <c r="I6982" i="2"/>
  <c r="I6956" i="5" s="1"/>
  <c r="M6982" i="2"/>
  <c r="M6956" i="5" s="1"/>
  <c r="J6982" i="2"/>
  <c r="J6956" i="5" s="1"/>
  <c r="N6956" i="5" s="1"/>
  <c r="K6973" i="2"/>
  <c r="K6947" i="5" s="1"/>
  <c r="O6947" i="5" s="1"/>
  <c r="M6973" i="2"/>
  <c r="M6947" i="5" s="1"/>
  <c r="L6973" i="2"/>
  <c r="L6947" i="5" s="1"/>
  <c r="I6973" i="2"/>
  <c r="I6947" i="5" s="1"/>
  <c r="J6973" i="2"/>
  <c r="J6947" i="5" s="1"/>
  <c r="N6947" i="5" s="1"/>
  <c r="I6119" i="2"/>
  <c r="I6093" i="5" s="1"/>
  <c r="K6119" i="2"/>
  <c r="K6093" i="5" s="1"/>
  <c r="O6093" i="5" s="1"/>
  <c r="M6119" i="2"/>
  <c r="M6093" i="5" s="1"/>
  <c r="L6119" i="2"/>
  <c r="L6093" i="5" s="1"/>
  <c r="J6119" i="2"/>
  <c r="J6093" i="5" s="1"/>
  <c r="N6093" i="5" s="1"/>
  <c r="J8684" i="2"/>
  <c r="J8658" i="5" s="1"/>
  <c r="N8658" i="5" s="1"/>
  <c r="M8684" i="2"/>
  <c r="M8658" i="5" s="1"/>
  <c r="K8684" i="2"/>
  <c r="K8658" i="5" s="1"/>
  <c r="O8658" i="5" s="1"/>
  <c r="L8684" i="2"/>
  <c r="L8658" i="5" s="1"/>
  <c r="I8684" i="2"/>
  <c r="I8658" i="5" s="1"/>
  <c r="M8685" i="2"/>
  <c r="M8659" i="5" s="1"/>
  <c r="I8685" i="2"/>
  <c r="I8659" i="5" s="1"/>
  <c r="L8685" i="2"/>
  <c r="L8659" i="5" s="1"/>
  <c r="J8685" i="2"/>
  <c r="J8659" i="5" s="1"/>
  <c r="N8659" i="5" s="1"/>
  <c r="K8685" i="2"/>
  <c r="K8659" i="5" s="1"/>
  <c r="O8659" i="5" s="1"/>
  <c r="K4154" i="2"/>
  <c r="K4128" i="5" s="1"/>
  <c r="O4128" i="5" s="1"/>
  <c r="M4154" i="2"/>
  <c r="M4128" i="5" s="1"/>
  <c r="L4154" i="2"/>
  <c r="L4128" i="5" s="1"/>
  <c r="J4154" i="2"/>
  <c r="J4128" i="5" s="1"/>
  <c r="N4128" i="5" s="1"/>
  <c r="I4154" i="2"/>
  <c r="I4128" i="5" s="1"/>
  <c r="C179" i="5"/>
  <c r="AR173" i="1"/>
  <c r="L3951" i="2"/>
  <c r="L3925" i="5" s="1"/>
  <c r="M3951" i="2"/>
  <c r="M3925" i="5" s="1"/>
  <c r="I3951" i="2"/>
  <c r="I3925" i="5" s="1"/>
  <c r="K3951" i="2"/>
  <c r="K3925" i="5" s="1"/>
  <c r="O3925" i="5" s="1"/>
  <c r="J3951" i="2"/>
  <c r="J3925" i="5" s="1"/>
  <c r="N3925" i="5" s="1"/>
  <c r="K7153" i="2"/>
  <c r="K7127" i="5" s="1"/>
  <c r="O7127" i="5" s="1"/>
  <c r="J7153" i="2"/>
  <c r="J7127" i="5" s="1"/>
  <c r="N7127" i="5" s="1"/>
  <c r="M7153" i="2"/>
  <c r="M7127" i="5" s="1"/>
  <c r="L7153" i="2"/>
  <c r="L7127" i="5" s="1"/>
  <c r="I7153" i="2"/>
  <c r="I7127" i="5" s="1"/>
  <c r="J4441" i="2"/>
  <c r="J4415" i="5" s="1"/>
  <c r="N4415" i="5" s="1"/>
  <c r="L4441" i="2"/>
  <c r="L4415" i="5" s="1"/>
  <c r="I4441" i="2"/>
  <c r="I4415" i="5" s="1"/>
  <c r="K4441" i="2"/>
  <c r="K4415" i="5" s="1"/>
  <c r="O4415" i="5" s="1"/>
  <c r="M4441" i="2"/>
  <c r="M4415" i="5" s="1"/>
  <c r="I775" i="2"/>
  <c r="I749" i="5" s="1"/>
  <c r="K775" i="2"/>
  <c r="K749" i="5" s="1"/>
  <c r="O749" i="5" s="1"/>
  <c r="M775" i="2"/>
  <c r="M749" i="5" s="1"/>
  <c r="J775" i="2"/>
  <c r="J749" i="5" s="1"/>
  <c r="N749" i="5" s="1"/>
  <c r="L775" i="2"/>
  <c r="L749" i="5" s="1"/>
  <c r="M3483" i="2"/>
  <c r="M3457" i="5" s="1"/>
  <c r="L3483" i="2"/>
  <c r="L3457" i="5" s="1"/>
  <c r="I3483" i="2"/>
  <c r="I3457" i="5" s="1"/>
  <c r="K3483" i="2"/>
  <c r="K3457" i="5" s="1"/>
  <c r="O3457" i="5" s="1"/>
  <c r="J3483" i="2"/>
  <c r="J3457" i="5" s="1"/>
  <c r="N3457" i="5" s="1"/>
  <c r="J2115" i="2"/>
  <c r="J2089" i="5" s="1"/>
  <c r="N2089" i="5" s="1"/>
  <c r="I2115" i="2"/>
  <c r="I2089" i="5" s="1"/>
  <c r="K2115" i="2"/>
  <c r="K2089" i="5" s="1"/>
  <c r="O2089" i="5" s="1"/>
  <c r="L2115" i="2"/>
  <c r="L2089" i="5" s="1"/>
  <c r="M2115" i="2"/>
  <c r="M2089" i="5" s="1"/>
  <c r="K5443" i="2"/>
  <c r="K5417" i="5" s="1"/>
  <c r="O5417" i="5" s="1"/>
  <c r="L5443" i="2"/>
  <c r="L5417" i="5" s="1"/>
  <c r="I5443" i="2"/>
  <c r="I5417" i="5" s="1"/>
  <c r="M5443" i="2"/>
  <c r="M5417" i="5" s="1"/>
  <c r="J5443" i="2"/>
  <c r="J5417" i="5" s="1"/>
  <c r="N5417" i="5" s="1"/>
  <c r="M5445" i="2"/>
  <c r="M5419" i="5" s="1"/>
  <c r="L5445" i="2"/>
  <c r="L5419" i="5" s="1"/>
  <c r="I5445" i="2"/>
  <c r="I5419" i="5" s="1"/>
  <c r="K5445" i="2"/>
  <c r="K5419" i="5" s="1"/>
  <c r="O5419" i="5" s="1"/>
  <c r="J5445" i="2"/>
  <c r="J5419" i="5" s="1"/>
  <c r="N5419" i="5" s="1"/>
  <c r="L1493" i="2"/>
  <c r="L1467" i="5" s="1"/>
  <c r="K1493" i="2"/>
  <c r="K1467" i="5" s="1"/>
  <c r="O1467" i="5" s="1"/>
  <c r="M1493" i="2"/>
  <c r="M1467" i="5" s="1"/>
  <c r="J1493" i="2"/>
  <c r="J1467" i="5" s="1"/>
  <c r="N1467" i="5" s="1"/>
  <c r="I1493" i="2"/>
  <c r="I1467" i="5" s="1"/>
  <c r="AR62" i="1"/>
  <c r="C68" i="5"/>
  <c r="L8518" i="2"/>
  <c r="L8492" i="5" s="1"/>
  <c r="I8518" i="2"/>
  <c r="I8492" i="5" s="1"/>
  <c r="J8518" i="2"/>
  <c r="J8492" i="5" s="1"/>
  <c r="N8492" i="5" s="1"/>
  <c r="M8518" i="2"/>
  <c r="M8492" i="5" s="1"/>
  <c r="K8518" i="2"/>
  <c r="K8492" i="5" s="1"/>
  <c r="O8492" i="5" s="1"/>
  <c r="L5802" i="2"/>
  <c r="L5776" i="5" s="1"/>
  <c r="M5802" i="2"/>
  <c r="M5776" i="5" s="1"/>
  <c r="I5802" i="2"/>
  <c r="I5776" i="5" s="1"/>
  <c r="K5802" i="2"/>
  <c r="K5776" i="5" s="1"/>
  <c r="O5776" i="5" s="1"/>
  <c r="J5802" i="2"/>
  <c r="J5776" i="5" s="1"/>
  <c r="N5776" i="5" s="1"/>
  <c r="M70" i="2"/>
  <c r="M44" i="5" s="1"/>
  <c r="K70" i="2"/>
  <c r="K44" i="5" s="1"/>
  <c r="O44" i="5" s="1"/>
  <c r="L70" i="2"/>
  <c r="L44" i="5" s="1"/>
  <c r="I70" i="2"/>
  <c r="I44" i="5" s="1"/>
  <c r="J70" i="2"/>
  <c r="J44" i="5" s="1"/>
  <c r="N44" i="5" s="1"/>
  <c r="I2787" i="2"/>
  <c r="I2761" i="5" s="1"/>
  <c r="K2787" i="2"/>
  <c r="K2761" i="5" s="1"/>
  <c r="O2761" i="5" s="1"/>
  <c r="J2787" i="2"/>
  <c r="J2761" i="5" s="1"/>
  <c r="N2761" i="5" s="1"/>
  <c r="L2787" i="2"/>
  <c r="L2761" i="5" s="1"/>
  <c r="M2787" i="2"/>
  <c r="M2761" i="5" s="1"/>
  <c r="C122" i="5"/>
  <c r="AR116" i="1"/>
  <c r="I1469" i="2"/>
  <c r="I1443" i="5" s="1"/>
  <c r="L1469" i="2"/>
  <c r="L1443" i="5" s="1"/>
  <c r="K1469" i="2"/>
  <c r="K1443" i="5" s="1"/>
  <c r="O1443" i="5" s="1"/>
  <c r="J1469" i="2"/>
  <c r="J1443" i="5" s="1"/>
  <c r="N1443" i="5" s="1"/>
  <c r="M1469" i="2"/>
  <c r="M1443" i="5" s="1"/>
  <c r="L8310" i="2"/>
  <c r="L8284" i="5" s="1"/>
  <c r="M8310" i="2"/>
  <c r="M8284" i="5" s="1"/>
  <c r="J8310" i="2"/>
  <c r="J8284" i="5" s="1"/>
  <c r="N8284" i="5" s="1"/>
  <c r="I8310" i="2"/>
  <c r="I8284" i="5" s="1"/>
  <c r="K8310" i="2"/>
  <c r="K8284" i="5" s="1"/>
  <c r="O8284" i="5" s="1"/>
  <c r="J8299" i="2"/>
  <c r="J8273" i="5" s="1"/>
  <c r="N8273" i="5" s="1"/>
  <c r="M8299" i="2"/>
  <c r="M8273" i="5" s="1"/>
  <c r="L8299" i="2"/>
  <c r="L8273" i="5" s="1"/>
  <c r="I8299" i="2"/>
  <c r="I8273" i="5" s="1"/>
  <c r="K8299" i="2"/>
  <c r="K8273" i="5" s="1"/>
  <c r="O8273" i="5" s="1"/>
  <c r="I1231" i="2"/>
  <c r="I1205" i="5" s="1"/>
  <c r="K1231" i="2"/>
  <c r="K1205" i="5" s="1"/>
  <c r="O1205" i="5" s="1"/>
  <c r="J1231" i="2"/>
  <c r="J1205" i="5" s="1"/>
  <c r="N1205" i="5" s="1"/>
  <c r="L1231" i="2"/>
  <c r="L1205" i="5" s="1"/>
  <c r="M1231" i="2"/>
  <c r="M1205" i="5" s="1"/>
  <c r="I5122" i="2"/>
  <c r="I5096" i="5" s="1"/>
  <c r="K5122" i="2"/>
  <c r="K5096" i="5" s="1"/>
  <c r="O5096" i="5" s="1"/>
  <c r="L5122" i="2"/>
  <c r="L5096" i="5" s="1"/>
  <c r="M5122" i="2"/>
  <c r="M5096" i="5" s="1"/>
  <c r="J5122" i="2"/>
  <c r="J5096" i="5" s="1"/>
  <c r="N5096" i="5" s="1"/>
  <c r="M6013" i="2"/>
  <c r="M5987" i="5" s="1"/>
  <c r="I6013" i="2"/>
  <c r="I5987" i="5" s="1"/>
  <c r="K6013" i="2"/>
  <c r="K5987" i="5" s="1"/>
  <c r="O5987" i="5" s="1"/>
  <c r="J6013" i="2"/>
  <c r="J5987" i="5" s="1"/>
  <c r="N5987" i="5" s="1"/>
  <c r="L6013" i="2"/>
  <c r="L5987" i="5" s="1"/>
  <c r="I45" i="2"/>
  <c r="I19" i="5" s="1"/>
  <c r="M45" i="2"/>
  <c r="M19" i="5" s="1"/>
  <c r="L45" i="2"/>
  <c r="L19" i="5" s="1"/>
  <c r="K45" i="2"/>
  <c r="K19" i="5" s="1"/>
  <c r="O19" i="5" s="1"/>
  <c r="J45" i="2"/>
  <c r="J19" i="5" s="1"/>
  <c r="N19" i="5" s="1"/>
  <c r="M5282" i="2"/>
  <c r="M5256" i="5" s="1"/>
  <c r="I5282" i="2"/>
  <c r="I5256" i="5" s="1"/>
  <c r="K5282" i="2"/>
  <c r="K5256" i="5" s="1"/>
  <c r="O5256" i="5" s="1"/>
  <c r="J5282" i="2"/>
  <c r="J5256" i="5" s="1"/>
  <c r="N5256" i="5" s="1"/>
  <c r="L5282" i="2"/>
  <c r="L5256" i="5" s="1"/>
  <c r="I7649" i="2"/>
  <c r="I7623" i="5" s="1"/>
  <c r="L7649" i="2"/>
  <c r="L7623" i="5" s="1"/>
  <c r="K7649" i="2"/>
  <c r="K7623" i="5" s="1"/>
  <c r="O7623" i="5" s="1"/>
  <c r="J7649" i="2"/>
  <c r="J7623" i="5" s="1"/>
  <c r="N7623" i="5" s="1"/>
  <c r="M7649" i="2"/>
  <c r="M7623" i="5" s="1"/>
  <c r="I1056" i="2"/>
  <c r="I1030" i="5" s="1"/>
  <c r="K1056" i="2"/>
  <c r="K1030" i="5" s="1"/>
  <c r="O1030" i="5" s="1"/>
  <c r="J1056" i="2"/>
  <c r="J1030" i="5" s="1"/>
  <c r="N1030" i="5" s="1"/>
  <c r="L1056" i="2"/>
  <c r="L1030" i="5" s="1"/>
  <c r="M1056" i="2"/>
  <c r="M1030" i="5" s="1"/>
  <c r="M4814" i="2"/>
  <c r="M4788" i="5" s="1"/>
  <c r="L4814" i="2"/>
  <c r="L4788" i="5" s="1"/>
  <c r="I4814" i="2"/>
  <c r="I4788" i="5" s="1"/>
  <c r="K4814" i="2"/>
  <c r="K4788" i="5" s="1"/>
  <c r="O4788" i="5" s="1"/>
  <c r="J4814" i="2"/>
  <c r="J4788" i="5" s="1"/>
  <c r="N4788" i="5" s="1"/>
  <c r="L2278" i="2"/>
  <c r="L2252" i="5" s="1"/>
  <c r="M2278" i="2"/>
  <c r="M2252" i="5" s="1"/>
  <c r="I2278" i="2"/>
  <c r="I2252" i="5" s="1"/>
  <c r="K2278" i="2"/>
  <c r="K2252" i="5" s="1"/>
  <c r="O2252" i="5" s="1"/>
  <c r="J2278" i="2"/>
  <c r="J2252" i="5" s="1"/>
  <c r="N2252" i="5" s="1"/>
  <c r="K6472" i="2"/>
  <c r="K6446" i="5" s="1"/>
  <c r="O6446" i="5" s="1"/>
  <c r="J6472" i="2"/>
  <c r="J6446" i="5" s="1"/>
  <c r="N6446" i="5" s="1"/>
  <c r="M6472" i="2"/>
  <c r="M6446" i="5" s="1"/>
  <c r="I6472" i="2"/>
  <c r="I6446" i="5" s="1"/>
  <c r="L6472" i="2"/>
  <c r="L6446" i="5" s="1"/>
  <c r="L6466" i="2"/>
  <c r="L6440" i="5" s="1"/>
  <c r="J6466" i="2"/>
  <c r="J6440" i="5" s="1"/>
  <c r="N6440" i="5" s="1"/>
  <c r="I6466" i="2"/>
  <c r="I6440" i="5" s="1"/>
  <c r="M6466" i="2"/>
  <c r="M6440" i="5" s="1"/>
  <c r="K6466" i="2"/>
  <c r="K6440" i="5" s="1"/>
  <c r="O6440" i="5" s="1"/>
  <c r="L2627" i="2"/>
  <c r="L2601" i="5" s="1"/>
  <c r="K2627" i="2"/>
  <c r="K2601" i="5" s="1"/>
  <c r="O2601" i="5" s="1"/>
  <c r="M2627" i="2"/>
  <c r="M2601" i="5" s="1"/>
  <c r="I2627" i="2"/>
  <c r="I2601" i="5" s="1"/>
  <c r="J2627" i="2"/>
  <c r="J2601" i="5" s="1"/>
  <c r="N2601" i="5" s="1"/>
  <c r="J2630" i="2"/>
  <c r="J2604" i="5" s="1"/>
  <c r="N2604" i="5" s="1"/>
  <c r="M2630" i="2"/>
  <c r="M2604" i="5" s="1"/>
  <c r="L2630" i="2"/>
  <c r="L2604" i="5" s="1"/>
  <c r="I2630" i="2"/>
  <c r="I2604" i="5" s="1"/>
  <c r="K2630" i="2"/>
  <c r="K2604" i="5" s="1"/>
  <c r="O2604" i="5" s="1"/>
  <c r="K3128" i="2"/>
  <c r="K3102" i="5" s="1"/>
  <c r="O3102" i="5" s="1"/>
  <c r="I3128" i="2"/>
  <c r="I3102" i="5" s="1"/>
  <c r="J3128" i="2"/>
  <c r="J3102" i="5" s="1"/>
  <c r="N3102" i="5" s="1"/>
  <c r="L3128" i="2"/>
  <c r="L3102" i="5" s="1"/>
  <c r="M3128" i="2"/>
  <c r="M3102" i="5" s="1"/>
  <c r="M7010" i="2"/>
  <c r="M6984" i="5" s="1"/>
  <c r="L7010" i="2"/>
  <c r="L6984" i="5" s="1"/>
  <c r="I7010" i="2"/>
  <c r="I6984" i="5" s="1"/>
  <c r="K7010" i="2"/>
  <c r="K6984" i="5" s="1"/>
  <c r="O6984" i="5" s="1"/>
  <c r="J7010" i="2"/>
  <c r="J6984" i="5" s="1"/>
  <c r="N6984" i="5" s="1"/>
  <c r="K1292" i="2"/>
  <c r="K1266" i="5" s="1"/>
  <c r="O1266" i="5" s="1"/>
  <c r="M1292" i="2"/>
  <c r="M1266" i="5" s="1"/>
  <c r="L1292" i="2"/>
  <c r="L1266" i="5" s="1"/>
  <c r="I1292" i="2"/>
  <c r="I1266" i="5" s="1"/>
  <c r="J1292" i="2"/>
  <c r="J1266" i="5" s="1"/>
  <c r="N1266" i="5" s="1"/>
  <c r="C60" i="5"/>
  <c r="AR54" i="1"/>
  <c r="I5965" i="2"/>
  <c r="I5939" i="5" s="1"/>
  <c r="K5965" i="2"/>
  <c r="K5939" i="5" s="1"/>
  <c r="O5939" i="5" s="1"/>
  <c r="L5965" i="2"/>
  <c r="L5939" i="5" s="1"/>
  <c r="J5965" i="2"/>
  <c r="J5939" i="5" s="1"/>
  <c r="N5939" i="5" s="1"/>
  <c r="M5965" i="2"/>
  <c r="M5939" i="5" s="1"/>
  <c r="I3083" i="2"/>
  <c r="I3057" i="5" s="1"/>
  <c r="K3083" i="2"/>
  <c r="K3057" i="5" s="1"/>
  <c r="O3057" i="5" s="1"/>
  <c r="L3083" i="2"/>
  <c r="L3057" i="5" s="1"/>
  <c r="M3083" i="2"/>
  <c r="M3057" i="5" s="1"/>
  <c r="J3083" i="2"/>
  <c r="J3057" i="5" s="1"/>
  <c r="N3057" i="5" s="1"/>
  <c r="M1099" i="2"/>
  <c r="M1073" i="5" s="1"/>
  <c r="I1099" i="2"/>
  <c r="I1073" i="5" s="1"/>
  <c r="J1099" i="2"/>
  <c r="J1073" i="5" s="1"/>
  <c r="N1073" i="5" s="1"/>
  <c r="L1099" i="2"/>
  <c r="L1073" i="5" s="1"/>
  <c r="K1099" i="2"/>
  <c r="K1073" i="5" s="1"/>
  <c r="O1073" i="5" s="1"/>
  <c r="I482" i="2"/>
  <c r="I456" i="5" s="1"/>
  <c r="L482" i="2"/>
  <c r="L456" i="5" s="1"/>
  <c r="M482" i="2"/>
  <c r="M456" i="5" s="1"/>
  <c r="K482" i="2"/>
  <c r="K456" i="5" s="1"/>
  <c r="O456" i="5" s="1"/>
  <c r="J482" i="2"/>
  <c r="J456" i="5" s="1"/>
  <c r="N456" i="5" s="1"/>
  <c r="J232" i="2"/>
  <c r="J206" i="5" s="1"/>
  <c r="N206" i="5" s="1"/>
  <c r="L232" i="2"/>
  <c r="L206" i="5" s="1"/>
  <c r="M232" i="2"/>
  <c r="M206" i="5" s="1"/>
  <c r="K232" i="2"/>
  <c r="K206" i="5" s="1"/>
  <c r="O206" i="5" s="1"/>
  <c r="I232" i="2"/>
  <c r="I206" i="5" s="1"/>
  <c r="I244" i="2"/>
  <c r="I218" i="5" s="1"/>
  <c r="K244" i="2"/>
  <c r="K218" i="5" s="1"/>
  <c r="O218" i="5" s="1"/>
  <c r="L244" i="2"/>
  <c r="L218" i="5" s="1"/>
  <c r="M244" i="2"/>
  <c r="M218" i="5" s="1"/>
  <c r="J244" i="2"/>
  <c r="J218" i="5" s="1"/>
  <c r="N218" i="5" s="1"/>
  <c r="J6932" i="2"/>
  <c r="J6906" i="5" s="1"/>
  <c r="N6906" i="5" s="1"/>
  <c r="M6932" i="2"/>
  <c r="M6906" i="5" s="1"/>
  <c r="I6932" i="2"/>
  <c r="I6906" i="5" s="1"/>
  <c r="L6932" i="2"/>
  <c r="L6906" i="5" s="1"/>
  <c r="K6932" i="2"/>
  <c r="K6906" i="5" s="1"/>
  <c r="O6906" i="5" s="1"/>
  <c r="M5482" i="2"/>
  <c r="M5456" i="5" s="1"/>
  <c r="L5482" i="2"/>
  <c r="L5456" i="5" s="1"/>
  <c r="I5482" i="2"/>
  <c r="I5456" i="5" s="1"/>
  <c r="K5482" i="2"/>
  <c r="K5456" i="5" s="1"/>
  <c r="O5456" i="5" s="1"/>
  <c r="J5482" i="2"/>
  <c r="J5456" i="5" s="1"/>
  <c r="N5456" i="5" s="1"/>
  <c r="I4759" i="2"/>
  <c r="I4733" i="5" s="1"/>
  <c r="L4759" i="2"/>
  <c r="L4733" i="5" s="1"/>
  <c r="K4759" i="2"/>
  <c r="K4733" i="5" s="1"/>
  <c r="O4733" i="5" s="1"/>
  <c r="J4759" i="2"/>
  <c r="J4733" i="5" s="1"/>
  <c r="N4733" i="5" s="1"/>
  <c r="M4759" i="2"/>
  <c r="M4733" i="5" s="1"/>
  <c r="M8153" i="2"/>
  <c r="M8127" i="5" s="1"/>
  <c r="J8153" i="2"/>
  <c r="J8127" i="5" s="1"/>
  <c r="N8127" i="5" s="1"/>
  <c r="L8153" i="2"/>
  <c r="L8127" i="5" s="1"/>
  <c r="I8153" i="2"/>
  <c r="I8127" i="5" s="1"/>
  <c r="K8153" i="2"/>
  <c r="K8127" i="5" s="1"/>
  <c r="O8127" i="5" s="1"/>
  <c r="L1895" i="2"/>
  <c r="L1869" i="5" s="1"/>
  <c r="M1895" i="2"/>
  <c r="M1869" i="5" s="1"/>
  <c r="I1895" i="2"/>
  <c r="I1869" i="5" s="1"/>
  <c r="K1895" i="2"/>
  <c r="K1869" i="5" s="1"/>
  <c r="O1869" i="5" s="1"/>
  <c r="J1895" i="2"/>
  <c r="J1869" i="5" s="1"/>
  <c r="N1869" i="5" s="1"/>
  <c r="L4766" i="2"/>
  <c r="L4740" i="5" s="1"/>
  <c r="I4766" i="2"/>
  <c r="I4740" i="5" s="1"/>
  <c r="M4766" i="2"/>
  <c r="M4740" i="5" s="1"/>
  <c r="K4766" i="2"/>
  <c r="K4740" i="5" s="1"/>
  <c r="O4740" i="5" s="1"/>
  <c r="J4766" i="2"/>
  <c r="J4740" i="5" s="1"/>
  <c r="N4740" i="5" s="1"/>
  <c r="I3658" i="2"/>
  <c r="I3632" i="5" s="1"/>
  <c r="K3658" i="2"/>
  <c r="K3632" i="5" s="1"/>
  <c r="O3632" i="5" s="1"/>
  <c r="J3658" i="2"/>
  <c r="J3632" i="5" s="1"/>
  <c r="N3632" i="5" s="1"/>
  <c r="M3658" i="2"/>
  <c r="M3632" i="5" s="1"/>
  <c r="L3658" i="2"/>
  <c r="L3632" i="5" s="1"/>
  <c r="K5647" i="2"/>
  <c r="K5621" i="5" s="1"/>
  <c r="O5621" i="5" s="1"/>
  <c r="M5647" i="2"/>
  <c r="M5621" i="5" s="1"/>
  <c r="J5647" i="2"/>
  <c r="J5621" i="5" s="1"/>
  <c r="N5621" i="5" s="1"/>
  <c r="L5647" i="2"/>
  <c r="L5621" i="5" s="1"/>
  <c r="I5647" i="2"/>
  <c r="I5621" i="5" s="1"/>
  <c r="J2070" i="2"/>
  <c r="J2044" i="5" s="1"/>
  <c r="N2044" i="5" s="1"/>
  <c r="M2070" i="2"/>
  <c r="M2044" i="5" s="1"/>
  <c r="I2070" i="2"/>
  <c r="I2044" i="5" s="1"/>
  <c r="L2070" i="2"/>
  <c r="L2044" i="5" s="1"/>
  <c r="K2070" i="2"/>
  <c r="K2044" i="5" s="1"/>
  <c r="O2044" i="5" s="1"/>
  <c r="J2054" i="2"/>
  <c r="J2028" i="5" s="1"/>
  <c r="N2028" i="5" s="1"/>
  <c r="L2054" i="2"/>
  <c r="L2028" i="5" s="1"/>
  <c r="I2054" i="2"/>
  <c r="I2028" i="5" s="1"/>
  <c r="M2054" i="2"/>
  <c r="M2028" i="5" s="1"/>
  <c r="K2054" i="2"/>
  <c r="K2028" i="5" s="1"/>
  <c r="O2028" i="5" s="1"/>
  <c r="J7630" i="2"/>
  <c r="J7604" i="5" s="1"/>
  <c r="N7604" i="5" s="1"/>
  <c r="M7630" i="2"/>
  <c r="M7604" i="5" s="1"/>
  <c r="L7630" i="2"/>
  <c r="L7604" i="5" s="1"/>
  <c r="I7630" i="2"/>
  <c r="I7604" i="5" s="1"/>
  <c r="K7630" i="2"/>
  <c r="K7604" i="5" s="1"/>
  <c r="O7604" i="5" s="1"/>
  <c r="K4468" i="2"/>
  <c r="K4442" i="5" s="1"/>
  <c r="O4442" i="5" s="1"/>
  <c r="M4468" i="2"/>
  <c r="M4442" i="5" s="1"/>
  <c r="I4468" i="2"/>
  <c r="I4442" i="5" s="1"/>
  <c r="J4468" i="2"/>
  <c r="J4442" i="5" s="1"/>
  <c r="N4442" i="5" s="1"/>
  <c r="L4468" i="2"/>
  <c r="L4442" i="5" s="1"/>
  <c r="J7674" i="2"/>
  <c r="J7648" i="5" s="1"/>
  <c r="N7648" i="5" s="1"/>
  <c r="L7674" i="2"/>
  <c r="L7648" i="5" s="1"/>
  <c r="K7674" i="2"/>
  <c r="K7648" i="5" s="1"/>
  <c r="O7648" i="5" s="1"/>
  <c r="M7674" i="2"/>
  <c r="M7648" i="5" s="1"/>
  <c r="I7674" i="2"/>
  <c r="I7648" i="5" s="1"/>
  <c r="J4162" i="2"/>
  <c r="J4136" i="5" s="1"/>
  <c r="N4136" i="5" s="1"/>
  <c r="L4162" i="2"/>
  <c r="L4136" i="5" s="1"/>
  <c r="M4162" i="2"/>
  <c r="M4136" i="5" s="1"/>
  <c r="I4162" i="2"/>
  <c r="I4136" i="5" s="1"/>
  <c r="K4162" i="2"/>
  <c r="K4136" i="5" s="1"/>
  <c r="O4136" i="5" s="1"/>
  <c r="I2396" i="2"/>
  <c r="I2370" i="5" s="1"/>
  <c r="K2396" i="2"/>
  <c r="K2370" i="5" s="1"/>
  <c r="O2370" i="5" s="1"/>
  <c r="J2396" i="2"/>
  <c r="J2370" i="5" s="1"/>
  <c r="N2370" i="5" s="1"/>
  <c r="L2396" i="2"/>
  <c r="L2370" i="5" s="1"/>
  <c r="M2396" i="2"/>
  <c r="M2370" i="5" s="1"/>
  <c r="L8638" i="2"/>
  <c r="L8612" i="5" s="1"/>
  <c r="M8638" i="2"/>
  <c r="M8612" i="5" s="1"/>
  <c r="I8638" i="2"/>
  <c r="I8612" i="5" s="1"/>
  <c r="K8638" i="2"/>
  <c r="K8612" i="5" s="1"/>
  <c r="O8612" i="5" s="1"/>
  <c r="J8638" i="2"/>
  <c r="J8612" i="5" s="1"/>
  <c r="N8612" i="5" s="1"/>
  <c r="C366" i="5"/>
  <c r="AR360" i="1"/>
  <c r="M3657" i="2"/>
  <c r="M3631" i="5" s="1"/>
  <c r="J3657" i="2"/>
  <c r="J3631" i="5" s="1"/>
  <c r="N3631" i="5" s="1"/>
  <c r="L3657" i="2"/>
  <c r="L3631" i="5" s="1"/>
  <c r="I3657" i="2"/>
  <c r="I3631" i="5" s="1"/>
  <c r="K3657" i="2"/>
  <c r="K3631" i="5" s="1"/>
  <c r="O3631" i="5" s="1"/>
  <c r="J3601" i="2"/>
  <c r="J3575" i="5" s="1"/>
  <c r="N3575" i="5" s="1"/>
  <c r="L3601" i="2"/>
  <c r="L3575" i="5" s="1"/>
  <c r="I3601" i="2"/>
  <c r="I3575" i="5" s="1"/>
  <c r="M3601" i="2"/>
  <c r="M3575" i="5" s="1"/>
  <c r="K3601" i="2"/>
  <c r="K3575" i="5" s="1"/>
  <c r="O3575" i="5" s="1"/>
  <c r="J5518" i="2"/>
  <c r="J5492" i="5" s="1"/>
  <c r="N5492" i="5" s="1"/>
  <c r="L5518" i="2"/>
  <c r="L5492" i="5" s="1"/>
  <c r="M5518" i="2"/>
  <c r="M5492" i="5" s="1"/>
  <c r="I5518" i="2"/>
  <c r="I5492" i="5" s="1"/>
  <c r="K5518" i="2"/>
  <c r="K5492" i="5" s="1"/>
  <c r="O5492" i="5" s="1"/>
  <c r="J5511" i="2"/>
  <c r="J5485" i="5" s="1"/>
  <c r="N5485" i="5" s="1"/>
  <c r="K5511" i="2"/>
  <c r="K5485" i="5" s="1"/>
  <c r="O5485" i="5" s="1"/>
  <c r="M5511" i="2"/>
  <c r="M5485" i="5" s="1"/>
  <c r="L5511" i="2"/>
  <c r="L5485" i="5" s="1"/>
  <c r="I5511" i="2"/>
  <c r="I5485" i="5" s="1"/>
  <c r="M5248" i="2"/>
  <c r="M5222" i="5" s="1"/>
  <c r="L5248" i="2"/>
  <c r="L5222" i="5" s="1"/>
  <c r="I5248" i="2"/>
  <c r="I5222" i="5" s="1"/>
  <c r="K5248" i="2"/>
  <c r="K5222" i="5" s="1"/>
  <c r="O5222" i="5" s="1"/>
  <c r="J5248" i="2"/>
  <c r="J5222" i="5" s="1"/>
  <c r="N5222" i="5" s="1"/>
  <c r="C225" i="5"/>
  <c r="AR219" i="1"/>
  <c r="J6586" i="2"/>
  <c r="J6560" i="5" s="1"/>
  <c r="N6560" i="5" s="1"/>
  <c r="L6586" i="2"/>
  <c r="L6560" i="5" s="1"/>
  <c r="M6586" i="2"/>
  <c r="M6560" i="5" s="1"/>
  <c r="I6586" i="2"/>
  <c r="I6560" i="5" s="1"/>
  <c r="K6586" i="2"/>
  <c r="K6560" i="5" s="1"/>
  <c r="O6560" i="5" s="1"/>
  <c r="J6587" i="2"/>
  <c r="J6561" i="5" s="1"/>
  <c r="N6561" i="5" s="1"/>
  <c r="L6587" i="2"/>
  <c r="L6561" i="5" s="1"/>
  <c r="I6587" i="2"/>
  <c r="I6561" i="5" s="1"/>
  <c r="M6587" i="2"/>
  <c r="M6561" i="5" s="1"/>
  <c r="K6587" i="2"/>
  <c r="K6561" i="5" s="1"/>
  <c r="O6561" i="5" s="1"/>
  <c r="I2505" i="2"/>
  <c r="I2479" i="5" s="1"/>
  <c r="K2505" i="2"/>
  <c r="K2479" i="5" s="1"/>
  <c r="O2479" i="5" s="1"/>
  <c r="J2505" i="2"/>
  <c r="J2479" i="5" s="1"/>
  <c r="N2479" i="5" s="1"/>
  <c r="M2505" i="2"/>
  <c r="M2479" i="5" s="1"/>
  <c r="L2505" i="2"/>
  <c r="L2479" i="5" s="1"/>
  <c r="L2601" i="2"/>
  <c r="L2575" i="5" s="1"/>
  <c r="M2601" i="2"/>
  <c r="M2575" i="5" s="1"/>
  <c r="J2601" i="2"/>
  <c r="J2575" i="5" s="1"/>
  <c r="N2575" i="5" s="1"/>
  <c r="I2601" i="2"/>
  <c r="I2575" i="5" s="1"/>
  <c r="K2601" i="2"/>
  <c r="K2575" i="5" s="1"/>
  <c r="O2575" i="5" s="1"/>
  <c r="L6308" i="2"/>
  <c r="L6282" i="5" s="1"/>
  <c r="J6308" i="2"/>
  <c r="J6282" i="5" s="1"/>
  <c r="N6282" i="5" s="1"/>
  <c r="M6308" i="2"/>
  <c r="M6282" i="5" s="1"/>
  <c r="I6308" i="2"/>
  <c r="I6282" i="5" s="1"/>
  <c r="K6308" i="2"/>
  <c r="K6282" i="5" s="1"/>
  <c r="O6282" i="5" s="1"/>
  <c r="J3780" i="2"/>
  <c r="J3754" i="5" s="1"/>
  <c r="N3754" i="5" s="1"/>
  <c r="I3780" i="2"/>
  <c r="I3754" i="5" s="1"/>
  <c r="K3780" i="2"/>
  <c r="K3754" i="5" s="1"/>
  <c r="O3754" i="5" s="1"/>
  <c r="L3780" i="2"/>
  <c r="L3754" i="5" s="1"/>
  <c r="M3780" i="2"/>
  <c r="M3754" i="5" s="1"/>
  <c r="L2158" i="2"/>
  <c r="L2132" i="5" s="1"/>
  <c r="M2158" i="2"/>
  <c r="M2132" i="5" s="1"/>
  <c r="J2158" i="2"/>
  <c r="J2132" i="5" s="1"/>
  <c r="N2132" i="5" s="1"/>
  <c r="I2158" i="2"/>
  <c r="I2132" i="5" s="1"/>
  <c r="K2158" i="2"/>
  <c r="K2132" i="5" s="1"/>
  <c r="O2132" i="5" s="1"/>
  <c r="L6286" i="2"/>
  <c r="L6260" i="5" s="1"/>
  <c r="K6286" i="2"/>
  <c r="K6260" i="5" s="1"/>
  <c r="O6260" i="5" s="1"/>
  <c r="I6286" i="2"/>
  <c r="I6260" i="5" s="1"/>
  <c r="J6286" i="2"/>
  <c r="J6260" i="5" s="1"/>
  <c r="N6260" i="5" s="1"/>
  <c r="M6286" i="2"/>
  <c r="M6260" i="5" s="1"/>
  <c r="L3422" i="2"/>
  <c r="L3396" i="5" s="1"/>
  <c r="J3422" i="2"/>
  <c r="J3396" i="5" s="1"/>
  <c r="N3396" i="5" s="1"/>
  <c r="K3422" i="2"/>
  <c r="K3396" i="5" s="1"/>
  <c r="O3396" i="5" s="1"/>
  <c r="M3422" i="2"/>
  <c r="M3396" i="5" s="1"/>
  <c r="I3422" i="2"/>
  <c r="I3396" i="5" s="1"/>
  <c r="J3421" i="2"/>
  <c r="J3395" i="5" s="1"/>
  <c r="N3395" i="5" s="1"/>
  <c r="I3421" i="2"/>
  <c r="I3395" i="5" s="1"/>
  <c r="L3421" i="2"/>
  <c r="L3395" i="5" s="1"/>
  <c r="K3421" i="2"/>
  <c r="K3395" i="5" s="1"/>
  <c r="O3395" i="5" s="1"/>
  <c r="M3421" i="2"/>
  <c r="M3395" i="5" s="1"/>
  <c r="I6801" i="2"/>
  <c r="I6775" i="5" s="1"/>
  <c r="K6801" i="2"/>
  <c r="K6775" i="5" s="1"/>
  <c r="O6775" i="5" s="1"/>
  <c r="J6801" i="2"/>
  <c r="J6775" i="5" s="1"/>
  <c r="N6775" i="5" s="1"/>
  <c r="L6801" i="2"/>
  <c r="L6775" i="5" s="1"/>
  <c r="M6801" i="2"/>
  <c r="M6775" i="5" s="1"/>
  <c r="M7301" i="2"/>
  <c r="M7275" i="5" s="1"/>
  <c r="L7301" i="2"/>
  <c r="L7275" i="5" s="1"/>
  <c r="I7301" i="2"/>
  <c r="I7275" i="5" s="1"/>
  <c r="K7301" i="2"/>
  <c r="K7275" i="5" s="1"/>
  <c r="O7275" i="5" s="1"/>
  <c r="J7301" i="2"/>
  <c r="J7275" i="5" s="1"/>
  <c r="N7275" i="5" s="1"/>
  <c r="J1245" i="2"/>
  <c r="J1219" i="5" s="1"/>
  <c r="N1219" i="5" s="1"/>
  <c r="L1245" i="2"/>
  <c r="L1219" i="5" s="1"/>
  <c r="I1245" i="2"/>
  <c r="I1219" i="5" s="1"/>
  <c r="K1245" i="2"/>
  <c r="K1219" i="5" s="1"/>
  <c r="O1219" i="5" s="1"/>
  <c r="M1245" i="2"/>
  <c r="M1219" i="5" s="1"/>
  <c r="J1257" i="2"/>
  <c r="J1231" i="5" s="1"/>
  <c r="N1231" i="5" s="1"/>
  <c r="L1257" i="2"/>
  <c r="L1231" i="5" s="1"/>
  <c r="K1257" i="2"/>
  <c r="K1231" i="5" s="1"/>
  <c r="O1231" i="5" s="1"/>
  <c r="M1257" i="2"/>
  <c r="M1231" i="5" s="1"/>
  <c r="I1257" i="2"/>
  <c r="I1231" i="5" s="1"/>
  <c r="M3289" i="2"/>
  <c r="M3263" i="5" s="1"/>
  <c r="I3289" i="2"/>
  <c r="I3263" i="5" s="1"/>
  <c r="K3289" i="2"/>
  <c r="K3263" i="5" s="1"/>
  <c r="O3263" i="5" s="1"/>
  <c r="J3289" i="2"/>
  <c r="J3263" i="5" s="1"/>
  <c r="N3263" i="5" s="1"/>
  <c r="L3289" i="2"/>
  <c r="L3263" i="5" s="1"/>
  <c r="J6803" i="2"/>
  <c r="J6777" i="5" s="1"/>
  <c r="N6777" i="5" s="1"/>
  <c r="M6803" i="2"/>
  <c r="M6777" i="5" s="1"/>
  <c r="I6803" i="2"/>
  <c r="I6777" i="5" s="1"/>
  <c r="K6803" i="2"/>
  <c r="K6777" i="5" s="1"/>
  <c r="O6777" i="5" s="1"/>
  <c r="L6803" i="2"/>
  <c r="L6777" i="5" s="1"/>
  <c r="M5419" i="2"/>
  <c r="M5393" i="5" s="1"/>
  <c r="I5419" i="2"/>
  <c r="I5393" i="5" s="1"/>
  <c r="K5419" i="2"/>
  <c r="K5393" i="5" s="1"/>
  <c r="O5393" i="5" s="1"/>
  <c r="J5419" i="2"/>
  <c r="J5393" i="5" s="1"/>
  <c r="N5393" i="5" s="1"/>
  <c r="L5419" i="2"/>
  <c r="L5393" i="5" s="1"/>
  <c r="M114" i="2"/>
  <c r="M88" i="5" s="1"/>
  <c r="I114" i="2"/>
  <c r="I88" i="5" s="1"/>
  <c r="K114" i="2"/>
  <c r="K88" i="5" s="1"/>
  <c r="O88" i="5" s="1"/>
  <c r="J114" i="2"/>
  <c r="J88" i="5" s="1"/>
  <c r="N88" i="5" s="1"/>
  <c r="L114" i="2"/>
  <c r="L88" i="5" s="1"/>
  <c r="M3917" i="2"/>
  <c r="M3891" i="5" s="1"/>
  <c r="I3917" i="2"/>
  <c r="I3891" i="5" s="1"/>
  <c r="L3917" i="2"/>
  <c r="L3891" i="5" s="1"/>
  <c r="K3917" i="2"/>
  <c r="K3891" i="5" s="1"/>
  <c r="O3891" i="5" s="1"/>
  <c r="J3917" i="2"/>
  <c r="J3891" i="5" s="1"/>
  <c r="N3891" i="5" s="1"/>
  <c r="J3912" i="2"/>
  <c r="J3886" i="5" s="1"/>
  <c r="N3886" i="5" s="1"/>
  <c r="M3912" i="2"/>
  <c r="M3886" i="5" s="1"/>
  <c r="L3912" i="2"/>
  <c r="L3886" i="5" s="1"/>
  <c r="I3912" i="2"/>
  <c r="I3886" i="5" s="1"/>
  <c r="K3912" i="2"/>
  <c r="K3886" i="5" s="1"/>
  <c r="O3886" i="5" s="1"/>
  <c r="M255" i="2"/>
  <c r="M229" i="5" s="1"/>
  <c r="L255" i="2"/>
  <c r="L229" i="5" s="1"/>
  <c r="I255" i="2"/>
  <c r="I229" i="5" s="1"/>
  <c r="J255" i="2"/>
  <c r="J229" i="5" s="1"/>
  <c r="N229" i="5" s="1"/>
  <c r="K255" i="2"/>
  <c r="K229" i="5" s="1"/>
  <c r="O229" i="5" s="1"/>
  <c r="K6354" i="2"/>
  <c r="K6328" i="5" s="1"/>
  <c r="O6328" i="5" s="1"/>
  <c r="M6354" i="2"/>
  <c r="M6328" i="5" s="1"/>
  <c r="I6354" i="2"/>
  <c r="I6328" i="5" s="1"/>
  <c r="J6354" i="2"/>
  <c r="J6328" i="5" s="1"/>
  <c r="N6328" i="5" s="1"/>
  <c r="L6354" i="2"/>
  <c r="L6328" i="5" s="1"/>
  <c r="J7206" i="2"/>
  <c r="J7180" i="5" s="1"/>
  <c r="N7180" i="5" s="1"/>
  <c r="L7206" i="2"/>
  <c r="L7180" i="5" s="1"/>
  <c r="M7206" i="2"/>
  <c r="M7180" i="5" s="1"/>
  <c r="I7206" i="2"/>
  <c r="I7180" i="5" s="1"/>
  <c r="K7206" i="2"/>
  <c r="K7180" i="5" s="1"/>
  <c r="O7180" i="5" s="1"/>
  <c r="I7189" i="2"/>
  <c r="I7163" i="5" s="1"/>
  <c r="J7189" i="2"/>
  <c r="J7163" i="5" s="1"/>
  <c r="N7163" i="5" s="1"/>
  <c r="K7189" i="2"/>
  <c r="K7163" i="5" s="1"/>
  <c r="O7163" i="5" s="1"/>
  <c r="M7189" i="2"/>
  <c r="M7163" i="5" s="1"/>
  <c r="L7189" i="2"/>
  <c r="L7163" i="5" s="1"/>
  <c r="J1584" i="2"/>
  <c r="J1558" i="5" s="1"/>
  <c r="N1558" i="5" s="1"/>
  <c r="L1584" i="2"/>
  <c r="L1558" i="5" s="1"/>
  <c r="K1584" i="2"/>
  <c r="K1558" i="5" s="1"/>
  <c r="O1558" i="5" s="1"/>
  <c r="M1584" i="2"/>
  <c r="M1558" i="5" s="1"/>
  <c r="I1584" i="2"/>
  <c r="I1558" i="5" s="1"/>
  <c r="M3495" i="2"/>
  <c r="M3469" i="5" s="1"/>
  <c r="L3495" i="2"/>
  <c r="L3469" i="5" s="1"/>
  <c r="I3495" i="2"/>
  <c r="I3469" i="5" s="1"/>
  <c r="J3495" i="2"/>
  <c r="J3469" i="5" s="1"/>
  <c r="N3469" i="5" s="1"/>
  <c r="K3495" i="2"/>
  <c r="K3469" i="5" s="1"/>
  <c r="O3469" i="5" s="1"/>
  <c r="J6691" i="2"/>
  <c r="J6665" i="5" s="1"/>
  <c r="N6665" i="5" s="1"/>
  <c r="M6691" i="2"/>
  <c r="M6665" i="5" s="1"/>
  <c r="I6691" i="2"/>
  <c r="I6665" i="5" s="1"/>
  <c r="L6691" i="2"/>
  <c r="L6665" i="5" s="1"/>
  <c r="K6691" i="2"/>
  <c r="K6665" i="5" s="1"/>
  <c r="O6665" i="5" s="1"/>
  <c r="K7131" i="2"/>
  <c r="K7105" i="5" s="1"/>
  <c r="O7105" i="5" s="1"/>
  <c r="J7131" i="2"/>
  <c r="J7105" i="5" s="1"/>
  <c r="N7105" i="5" s="1"/>
  <c r="L7131" i="2"/>
  <c r="L7105" i="5" s="1"/>
  <c r="M7131" i="2"/>
  <c r="M7105" i="5" s="1"/>
  <c r="I7131" i="2"/>
  <c r="I7105" i="5" s="1"/>
  <c r="J2141" i="2"/>
  <c r="J2115" i="5" s="1"/>
  <c r="N2115" i="5" s="1"/>
  <c r="L2141" i="2"/>
  <c r="L2115" i="5" s="1"/>
  <c r="I2141" i="2"/>
  <c r="I2115" i="5" s="1"/>
  <c r="M2141" i="2"/>
  <c r="M2115" i="5" s="1"/>
  <c r="K2141" i="2"/>
  <c r="K2115" i="5" s="1"/>
  <c r="O2115" i="5" s="1"/>
  <c r="M3334" i="2"/>
  <c r="M3308" i="5" s="1"/>
  <c r="K3334" i="2"/>
  <c r="K3308" i="5" s="1"/>
  <c r="O3308" i="5" s="1"/>
  <c r="J3334" i="2"/>
  <c r="J3308" i="5" s="1"/>
  <c r="N3308" i="5" s="1"/>
  <c r="L3334" i="2"/>
  <c r="L3308" i="5" s="1"/>
  <c r="I3334" i="2"/>
  <c r="I3308" i="5" s="1"/>
  <c r="M4519" i="2"/>
  <c r="M4493" i="5" s="1"/>
  <c r="L4519" i="2"/>
  <c r="L4493" i="5" s="1"/>
  <c r="I4519" i="2"/>
  <c r="I4493" i="5" s="1"/>
  <c r="K4519" i="2"/>
  <c r="K4493" i="5" s="1"/>
  <c r="O4493" i="5" s="1"/>
  <c r="J4519" i="2"/>
  <c r="J4493" i="5" s="1"/>
  <c r="N4493" i="5" s="1"/>
  <c r="I7428" i="2"/>
  <c r="I7402" i="5" s="1"/>
  <c r="L7428" i="2"/>
  <c r="L7402" i="5" s="1"/>
  <c r="K7428" i="2"/>
  <c r="K7402" i="5" s="1"/>
  <c r="O7402" i="5" s="1"/>
  <c r="J7428" i="2"/>
  <c r="J7402" i="5" s="1"/>
  <c r="N7402" i="5" s="1"/>
  <c r="M7428" i="2"/>
  <c r="M7402" i="5" s="1"/>
  <c r="I6504" i="2"/>
  <c r="I6478" i="5" s="1"/>
  <c r="K6504" i="2"/>
  <c r="K6478" i="5" s="1"/>
  <c r="O6478" i="5" s="1"/>
  <c r="J6504" i="2"/>
  <c r="J6478" i="5" s="1"/>
  <c r="N6478" i="5" s="1"/>
  <c r="L6504" i="2"/>
  <c r="L6478" i="5" s="1"/>
  <c r="M6504" i="2"/>
  <c r="M6478" i="5" s="1"/>
  <c r="J4847" i="2"/>
  <c r="J4821" i="5" s="1"/>
  <c r="N4821" i="5" s="1"/>
  <c r="I4847" i="2"/>
  <c r="I4821" i="5" s="1"/>
  <c r="K4847" i="2"/>
  <c r="K4821" i="5" s="1"/>
  <c r="O4821" i="5" s="1"/>
  <c r="M4847" i="2"/>
  <c r="M4821" i="5" s="1"/>
  <c r="L4847" i="2"/>
  <c r="L4821" i="5" s="1"/>
  <c r="J4837" i="2"/>
  <c r="J4811" i="5" s="1"/>
  <c r="N4811" i="5" s="1"/>
  <c r="L4837" i="2"/>
  <c r="L4811" i="5" s="1"/>
  <c r="I4837" i="2"/>
  <c r="I4811" i="5" s="1"/>
  <c r="M4837" i="2"/>
  <c r="M4811" i="5" s="1"/>
  <c r="K4837" i="2"/>
  <c r="K4811" i="5" s="1"/>
  <c r="O4811" i="5" s="1"/>
  <c r="L7877" i="2"/>
  <c r="L7851" i="5" s="1"/>
  <c r="K7877" i="2"/>
  <c r="K7851" i="5" s="1"/>
  <c r="O7851" i="5" s="1"/>
  <c r="J7877" i="2"/>
  <c r="J7851" i="5" s="1"/>
  <c r="N7851" i="5" s="1"/>
  <c r="M7877" i="2"/>
  <c r="M7851" i="5" s="1"/>
  <c r="I7877" i="2"/>
  <c r="I7851" i="5" s="1"/>
  <c r="K4922" i="2"/>
  <c r="K4896" i="5" s="1"/>
  <c r="O4896" i="5" s="1"/>
  <c r="M4922" i="2"/>
  <c r="M4896" i="5" s="1"/>
  <c r="J4922" i="2"/>
  <c r="J4896" i="5" s="1"/>
  <c r="N4896" i="5" s="1"/>
  <c r="L4922" i="2"/>
  <c r="L4896" i="5" s="1"/>
  <c r="I4922" i="2"/>
  <c r="I4896" i="5" s="1"/>
  <c r="J8281" i="2"/>
  <c r="J8255" i="5" s="1"/>
  <c r="N8255" i="5" s="1"/>
  <c r="I8281" i="2"/>
  <c r="I8255" i="5" s="1"/>
  <c r="K8281" i="2"/>
  <c r="K8255" i="5" s="1"/>
  <c r="O8255" i="5" s="1"/>
  <c r="L8281" i="2"/>
  <c r="L8255" i="5" s="1"/>
  <c r="M8281" i="2"/>
  <c r="M8255" i="5" s="1"/>
  <c r="L4636" i="2"/>
  <c r="L4610" i="5" s="1"/>
  <c r="M4636" i="2"/>
  <c r="M4610" i="5" s="1"/>
  <c r="I4636" i="2"/>
  <c r="I4610" i="5" s="1"/>
  <c r="K4636" i="2"/>
  <c r="K4610" i="5" s="1"/>
  <c r="O4610" i="5" s="1"/>
  <c r="J4636" i="2"/>
  <c r="J4610" i="5" s="1"/>
  <c r="N4610" i="5" s="1"/>
  <c r="J2430" i="2"/>
  <c r="J2404" i="5" s="1"/>
  <c r="N2404" i="5" s="1"/>
  <c r="L2430" i="2"/>
  <c r="L2404" i="5" s="1"/>
  <c r="M2430" i="2"/>
  <c r="M2404" i="5" s="1"/>
  <c r="I2430" i="2"/>
  <c r="I2404" i="5" s="1"/>
  <c r="K2430" i="2"/>
  <c r="K2404" i="5" s="1"/>
  <c r="O2404" i="5" s="1"/>
  <c r="K2417" i="2"/>
  <c r="K2391" i="5" s="1"/>
  <c r="O2391" i="5" s="1"/>
  <c r="J2417" i="2"/>
  <c r="J2391" i="5" s="1"/>
  <c r="N2391" i="5" s="1"/>
  <c r="L2417" i="2"/>
  <c r="L2391" i="5" s="1"/>
  <c r="M2417" i="2"/>
  <c r="M2391" i="5" s="1"/>
  <c r="I2417" i="2"/>
  <c r="I2391" i="5" s="1"/>
  <c r="J5309" i="2"/>
  <c r="J5283" i="5" s="1"/>
  <c r="N5283" i="5" s="1"/>
  <c r="L5309" i="2"/>
  <c r="L5283" i="5" s="1"/>
  <c r="M5309" i="2"/>
  <c r="M5283" i="5" s="1"/>
  <c r="I5309" i="2"/>
  <c r="I5283" i="5" s="1"/>
  <c r="K5309" i="2"/>
  <c r="K5283" i="5" s="1"/>
  <c r="O5283" i="5" s="1"/>
  <c r="J5292" i="2"/>
  <c r="J5266" i="5" s="1"/>
  <c r="N5266" i="5" s="1"/>
  <c r="L5292" i="2"/>
  <c r="L5266" i="5" s="1"/>
  <c r="I5292" i="2"/>
  <c r="I5266" i="5" s="1"/>
  <c r="M5292" i="2"/>
  <c r="M5266" i="5" s="1"/>
  <c r="K5292" i="2"/>
  <c r="K5266" i="5" s="1"/>
  <c r="O5266" i="5" s="1"/>
  <c r="J7992" i="2"/>
  <c r="J7966" i="5" s="1"/>
  <c r="N7966" i="5" s="1"/>
  <c r="I7992" i="2"/>
  <c r="I7966" i="5" s="1"/>
  <c r="K7992" i="2"/>
  <c r="K7966" i="5" s="1"/>
  <c r="O7966" i="5" s="1"/>
  <c r="L7992" i="2"/>
  <c r="L7966" i="5" s="1"/>
  <c r="M7992" i="2"/>
  <c r="M7966" i="5" s="1"/>
  <c r="K4107" i="2"/>
  <c r="K4081" i="5" s="1"/>
  <c r="O4081" i="5" s="1"/>
  <c r="M4107" i="2"/>
  <c r="M4081" i="5" s="1"/>
  <c r="J4107" i="2"/>
  <c r="J4081" i="5" s="1"/>
  <c r="N4081" i="5" s="1"/>
  <c r="L4107" i="2"/>
  <c r="L4081" i="5" s="1"/>
  <c r="I4107" i="2"/>
  <c r="I4081" i="5" s="1"/>
  <c r="K8616" i="2"/>
  <c r="K8590" i="5" s="1"/>
  <c r="O8590" i="5" s="1"/>
  <c r="J8616" i="2"/>
  <c r="J8590" i="5" s="1"/>
  <c r="N8590" i="5" s="1"/>
  <c r="L8616" i="2"/>
  <c r="L8590" i="5" s="1"/>
  <c r="M8616" i="2"/>
  <c r="M8590" i="5" s="1"/>
  <c r="I8616" i="2"/>
  <c r="I8590" i="5" s="1"/>
  <c r="J6101" i="2"/>
  <c r="J6075" i="5" s="1"/>
  <c r="N6075" i="5" s="1"/>
  <c r="L6101" i="2"/>
  <c r="L6075" i="5" s="1"/>
  <c r="M6101" i="2"/>
  <c r="M6075" i="5" s="1"/>
  <c r="I6101" i="2"/>
  <c r="I6075" i="5" s="1"/>
  <c r="K6101" i="2"/>
  <c r="K6075" i="5" s="1"/>
  <c r="O6075" i="5" s="1"/>
  <c r="K3984" i="2"/>
  <c r="K3958" i="5" s="1"/>
  <c r="O3958" i="5" s="1"/>
  <c r="L3984" i="2"/>
  <c r="L3958" i="5" s="1"/>
  <c r="J3984" i="2"/>
  <c r="J3958" i="5" s="1"/>
  <c r="N3958" i="5" s="1"/>
  <c r="I3984" i="2"/>
  <c r="I3958" i="5" s="1"/>
  <c r="M3984" i="2"/>
  <c r="M3958" i="5" s="1"/>
  <c r="J6141" i="2"/>
  <c r="J6115" i="5" s="1"/>
  <c r="N6115" i="5" s="1"/>
  <c r="L6141" i="2"/>
  <c r="L6115" i="5" s="1"/>
  <c r="M6141" i="2"/>
  <c r="M6115" i="5" s="1"/>
  <c r="I6141" i="2"/>
  <c r="I6115" i="5" s="1"/>
  <c r="K6141" i="2"/>
  <c r="K6115" i="5" s="1"/>
  <c r="O6115" i="5" s="1"/>
  <c r="I5791" i="2"/>
  <c r="I5765" i="5" s="1"/>
  <c r="K5791" i="2"/>
  <c r="K5765" i="5" s="1"/>
  <c r="O5765" i="5" s="1"/>
  <c r="J5791" i="2"/>
  <c r="J5765" i="5" s="1"/>
  <c r="N5765" i="5" s="1"/>
  <c r="M5791" i="2"/>
  <c r="M5765" i="5" s="1"/>
  <c r="L5791" i="2"/>
  <c r="L5765" i="5" s="1"/>
  <c r="M8706" i="2"/>
  <c r="M8680" i="5" s="1"/>
  <c r="K8706" i="2"/>
  <c r="K8680" i="5" s="1"/>
  <c r="O8680" i="5" s="1"/>
  <c r="J8706" i="2"/>
  <c r="J8680" i="5" s="1"/>
  <c r="N8680" i="5" s="1"/>
  <c r="L8706" i="2"/>
  <c r="L8680" i="5" s="1"/>
  <c r="I8706" i="2"/>
  <c r="I8680" i="5" s="1"/>
  <c r="L5318" i="2"/>
  <c r="L5292" i="5" s="1"/>
  <c r="M5318" i="2"/>
  <c r="M5292" i="5" s="1"/>
  <c r="I5318" i="2"/>
  <c r="I5292" i="5" s="1"/>
  <c r="K5318" i="2"/>
  <c r="K5292" i="5" s="1"/>
  <c r="O5292" i="5" s="1"/>
  <c r="J5318" i="2"/>
  <c r="J5292" i="5" s="1"/>
  <c r="N5292" i="5" s="1"/>
  <c r="K7260" i="2"/>
  <c r="K7234" i="5" s="1"/>
  <c r="O7234" i="5" s="1"/>
  <c r="J7260" i="2"/>
  <c r="J7234" i="5" s="1"/>
  <c r="N7234" i="5" s="1"/>
  <c r="M7260" i="2"/>
  <c r="M7234" i="5" s="1"/>
  <c r="L7260" i="2"/>
  <c r="L7234" i="5" s="1"/>
  <c r="I7260" i="2"/>
  <c r="I7234" i="5" s="1"/>
  <c r="K6340" i="2"/>
  <c r="K6314" i="5" s="1"/>
  <c r="O6314" i="5" s="1"/>
  <c r="J6340" i="2"/>
  <c r="J6314" i="5" s="1"/>
  <c r="N6314" i="5" s="1"/>
  <c r="M6340" i="2"/>
  <c r="M6314" i="5" s="1"/>
  <c r="I6340" i="2"/>
  <c r="I6314" i="5" s="1"/>
  <c r="L6340" i="2"/>
  <c r="L6314" i="5" s="1"/>
  <c r="J7799" i="2"/>
  <c r="J7773" i="5" s="1"/>
  <c r="N7773" i="5" s="1"/>
  <c r="M7799" i="2"/>
  <c r="M7773" i="5" s="1"/>
  <c r="K7799" i="2"/>
  <c r="K7773" i="5" s="1"/>
  <c r="O7773" i="5" s="1"/>
  <c r="I7799" i="2"/>
  <c r="I7773" i="5" s="1"/>
  <c r="L7799" i="2"/>
  <c r="L7773" i="5" s="1"/>
  <c r="J6424" i="2"/>
  <c r="J6398" i="5" s="1"/>
  <c r="N6398" i="5" s="1"/>
  <c r="L6424" i="2"/>
  <c r="L6398" i="5" s="1"/>
  <c r="I6424" i="2"/>
  <c r="I6398" i="5" s="1"/>
  <c r="M6424" i="2"/>
  <c r="M6398" i="5" s="1"/>
  <c r="K6424" i="2"/>
  <c r="K6398" i="5" s="1"/>
  <c r="O6398" i="5" s="1"/>
  <c r="K8013" i="2"/>
  <c r="K7987" i="5" s="1"/>
  <c r="O7987" i="5" s="1"/>
  <c r="L8013" i="2"/>
  <c r="L7987" i="5" s="1"/>
  <c r="M8013" i="2"/>
  <c r="M7987" i="5" s="1"/>
  <c r="J8013" i="2"/>
  <c r="J7987" i="5" s="1"/>
  <c r="N7987" i="5" s="1"/>
  <c r="I8013" i="2"/>
  <c r="I7987" i="5" s="1"/>
  <c r="I5686" i="2"/>
  <c r="I5660" i="5" s="1"/>
  <c r="K5686" i="2"/>
  <c r="K5660" i="5" s="1"/>
  <c r="O5660" i="5" s="1"/>
  <c r="J5686" i="2"/>
  <c r="J5660" i="5" s="1"/>
  <c r="N5660" i="5" s="1"/>
  <c r="L5686" i="2"/>
  <c r="L5660" i="5" s="1"/>
  <c r="M5686" i="2"/>
  <c r="M5660" i="5" s="1"/>
  <c r="M4790" i="2"/>
  <c r="M4764" i="5" s="1"/>
  <c r="L4790" i="2"/>
  <c r="L4764" i="5" s="1"/>
  <c r="I4790" i="2"/>
  <c r="I4764" i="5" s="1"/>
  <c r="K4790" i="2"/>
  <c r="K4764" i="5" s="1"/>
  <c r="O4764" i="5" s="1"/>
  <c r="J4790" i="2"/>
  <c r="J4764" i="5" s="1"/>
  <c r="N4764" i="5" s="1"/>
  <c r="J4789" i="2"/>
  <c r="J4763" i="5" s="1"/>
  <c r="N4763" i="5" s="1"/>
  <c r="M4789" i="2"/>
  <c r="M4763" i="5" s="1"/>
  <c r="L4789" i="2"/>
  <c r="L4763" i="5" s="1"/>
  <c r="I4789" i="2"/>
  <c r="I4763" i="5" s="1"/>
  <c r="K4789" i="2"/>
  <c r="K4763" i="5" s="1"/>
  <c r="O4763" i="5" s="1"/>
  <c r="I8484" i="2"/>
  <c r="I8458" i="5" s="1"/>
  <c r="M8484" i="2"/>
  <c r="M8458" i="5" s="1"/>
  <c r="J8484" i="2"/>
  <c r="J8458" i="5" s="1"/>
  <c r="N8458" i="5" s="1"/>
  <c r="L8484" i="2"/>
  <c r="L8458" i="5" s="1"/>
  <c r="K8484" i="2"/>
  <c r="K8458" i="5" s="1"/>
  <c r="O8458" i="5" s="1"/>
  <c r="L6861" i="2"/>
  <c r="L6835" i="5" s="1"/>
  <c r="M6861" i="2"/>
  <c r="M6835" i="5" s="1"/>
  <c r="I6861" i="2"/>
  <c r="I6835" i="5" s="1"/>
  <c r="K6861" i="2"/>
  <c r="K6835" i="5" s="1"/>
  <c r="O6835" i="5" s="1"/>
  <c r="J6861" i="2"/>
  <c r="J6835" i="5" s="1"/>
  <c r="N6835" i="5" s="1"/>
  <c r="L131" i="2"/>
  <c r="L105" i="5" s="1"/>
  <c r="M131" i="2"/>
  <c r="M105" i="5" s="1"/>
  <c r="J131" i="2"/>
  <c r="J105" i="5" s="1"/>
  <c r="N105" i="5" s="1"/>
  <c r="K131" i="2"/>
  <c r="K105" i="5" s="1"/>
  <c r="O105" i="5" s="1"/>
  <c r="I131" i="2"/>
  <c r="I105" i="5" s="1"/>
  <c r="L8650" i="2"/>
  <c r="L8624" i="5" s="1"/>
  <c r="M8650" i="2"/>
  <c r="M8624" i="5" s="1"/>
  <c r="K8650" i="2"/>
  <c r="K8624" i="5" s="1"/>
  <c r="O8624" i="5" s="1"/>
  <c r="I8650" i="2"/>
  <c r="I8624" i="5" s="1"/>
  <c r="J8650" i="2"/>
  <c r="J8624" i="5" s="1"/>
  <c r="N8624" i="5" s="1"/>
  <c r="M8654" i="2"/>
  <c r="M8628" i="5" s="1"/>
  <c r="K8654" i="2"/>
  <c r="K8628" i="5" s="1"/>
  <c r="O8628" i="5" s="1"/>
  <c r="I8654" i="2"/>
  <c r="I8628" i="5" s="1"/>
  <c r="L8654" i="2"/>
  <c r="L8628" i="5" s="1"/>
  <c r="J8654" i="2"/>
  <c r="J8628" i="5" s="1"/>
  <c r="N8628" i="5" s="1"/>
  <c r="M4293" i="2"/>
  <c r="M4267" i="5" s="1"/>
  <c r="L4293" i="2"/>
  <c r="L4267" i="5" s="1"/>
  <c r="I4293" i="2"/>
  <c r="I4267" i="5" s="1"/>
  <c r="K4293" i="2"/>
  <c r="K4267" i="5" s="1"/>
  <c r="O4267" i="5" s="1"/>
  <c r="J4293" i="2"/>
  <c r="J4267" i="5" s="1"/>
  <c r="N4267" i="5" s="1"/>
  <c r="M6263" i="2"/>
  <c r="M6237" i="5" s="1"/>
  <c r="I6263" i="2"/>
  <c r="I6237" i="5" s="1"/>
  <c r="K6263" i="2"/>
  <c r="K6237" i="5" s="1"/>
  <c r="O6237" i="5" s="1"/>
  <c r="J6263" i="2"/>
  <c r="J6237" i="5" s="1"/>
  <c r="N6237" i="5" s="1"/>
  <c r="L6263" i="2"/>
  <c r="L6237" i="5" s="1"/>
  <c r="J7855" i="2"/>
  <c r="J7829" i="5" s="1"/>
  <c r="N7829" i="5" s="1"/>
  <c r="K7855" i="2"/>
  <c r="K7829" i="5" s="1"/>
  <c r="O7829" i="5" s="1"/>
  <c r="L7855" i="2"/>
  <c r="L7829" i="5" s="1"/>
  <c r="M7855" i="2"/>
  <c r="M7829" i="5" s="1"/>
  <c r="I7855" i="2"/>
  <c r="I7829" i="5" s="1"/>
  <c r="K7854" i="2"/>
  <c r="K7828" i="5" s="1"/>
  <c r="O7828" i="5" s="1"/>
  <c r="M7854" i="2"/>
  <c r="M7828" i="5" s="1"/>
  <c r="J7854" i="2"/>
  <c r="J7828" i="5" s="1"/>
  <c r="N7828" i="5" s="1"/>
  <c r="L7854" i="2"/>
  <c r="L7828" i="5" s="1"/>
  <c r="I7854" i="2"/>
  <c r="I7828" i="5" s="1"/>
  <c r="K617" i="2"/>
  <c r="K591" i="5" s="1"/>
  <c r="O591" i="5" s="1"/>
  <c r="M617" i="2"/>
  <c r="M591" i="5" s="1"/>
  <c r="L617" i="2"/>
  <c r="L591" i="5" s="1"/>
  <c r="J617" i="2"/>
  <c r="J591" i="5" s="1"/>
  <c r="N591" i="5" s="1"/>
  <c r="I617" i="2"/>
  <c r="I591" i="5" s="1"/>
  <c r="M2766" i="2"/>
  <c r="M2740" i="5" s="1"/>
  <c r="J2766" i="2"/>
  <c r="J2740" i="5" s="1"/>
  <c r="N2740" i="5" s="1"/>
  <c r="L2766" i="2"/>
  <c r="L2740" i="5" s="1"/>
  <c r="I2766" i="2"/>
  <c r="I2740" i="5" s="1"/>
  <c r="K2766" i="2"/>
  <c r="K2740" i="5" s="1"/>
  <c r="O2740" i="5" s="1"/>
  <c r="J2749" i="2"/>
  <c r="J2723" i="5" s="1"/>
  <c r="N2723" i="5" s="1"/>
  <c r="L2749" i="2"/>
  <c r="L2723" i="5" s="1"/>
  <c r="I2749" i="2"/>
  <c r="I2723" i="5" s="1"/>
  <c r="K2749" i="2"/>
  <c r="K2723" i="5" s="1"/>
  <c r="O2723" i="5" s="1"/>
  <c r="M2749" i="2"/>
  <c r="M2723" i="5" s="1"/>
  <c r="K1383" i="2"/>
  <c r="K1357" i="5" s="1"/>
  <c r="O1357" i="5" s="1"/>
  <c r="M1383" i="2"/>
  <c r="M1357" i="5" s="1"/>
  <c r="L1383" i="2"/>
  <c r="L1357" i="5" s="1"/>
  <c r="I1383" i="2"/>
  <c r="I1357" i="5" s="1"/>
  <c r="J1383" i="2"/>
  <c r="J1357" i="5" s="1"/>
  <c r="N1357" i="5" s="1"/>
  <c r="J585" i="2"/>
  <c r="J559" i="5" s="1"/>
  <c r="N559" i="5" s="1"/>
  <c r="L585" i="2"/>
  <c r="L559" i="5" s="1"/>
  <c r="M585" i="2"/>
  <c r="M559" i="5" s="1"/>
  <c r="I585" i="2"/>
  <c r="I559" i="5" s="1"/>
  <c r="K585" i="2"/>
  <c r="K559" i="5" s="1"/>
  <c r="O559" i="5" s="1"/>
  <c r="J7700" i="2"/>
  <c r="J7674" i="5" s="1"/>
  <c r="N7674" i="5" s="1"/>
  <c r="M7700" i="2"/>
  <c r="M7674" i="5" s="1"/>
  <c r="I7700" i="2"/>
  <c r="I7674" i="5" s="1"/>
  <c r="K7700" i="2"/>
  <c r="K7674" i="5" s="1"/>
  <c r="O7674" i="5" s="1"/>
  <c r="L7700" i="2"/>
  <c r="L7674" i="5" s="1"/>
  <c r="K8456" i="2"/>
  <c r="K8430" i="5" s="1"/>
  <c r="O8430" i="5" s="1"/>
  <c r="J8456" i="2"/>
  <c r="J8430" i="5" s="1"/>
  <c r="N8430" i="5" s="1"/>
  <c r="L8456" i="2"/>
  <c r="L8430" i="5" s="1"/>
  <c r="M8456" i="2"/>
  <c r="M8430" i="5" s="1"/>
  <c r="I8456" i="2"/>
  <c r="I8430" i="5" s="1"/>
  <c r="L5119" i="2"/>
  <c r="L5093" i="5" s="1"/>
  <c r="I5119" i="2"/>
  <c r="I5093" i="5" s="1"/>
  <c r="J5119" i="2"/>
  <c r="J5093" i="5" s="1"/>
  <c r="N5093" i="5" s="1"/>
  <c r="M5119" i="2"/>
  <c r="M5093" i="5" s="1"/>
  <c r="K5119" i="2"/>
  <c r="K5093" i="5" s="1"/>
  <c r="O5093" i="5" s="1"/>
  <c r="I1753" i="2"/>
  <c r="I1727" i="5" s="1"/>
  <c r="K1753" i="2"/>
  <c r="K1727" i="5" s="1"/>
  <c r="O1727" i="5" s="1"/>
  <c r="J1753" i="2"/>
  <c r="J1727" i="5" s="1"/>
  <c r="N1727" i="5" s="1"/>
  <c r="M1753" i="2"/>
  <c r="M1727" i="5" s="1"/>
  <c r="L1753" i="2"/>
  <c r="L1727" i="5" s="1"/>
  <c r="I3628" i="2"/>
  <c r="I3602" i="5" s="1"/>
  <c r="J3628" i="2"/>
  <c r="J3602" i="5" s="1"/>
  <c r="N3602" i="5" s="1"/>
  <c r="L3628" i="2"/>
  <c r="L3602" i="5" s="1"/>
  <c r="M3628" i="2"/>
  <c r="M3602" i="5" s="1"/>
  <c r="K3628" i="2"/>
  <c r="K3602" i="5" s="1"/>
  <c r="O3602" i="5" s="1"/>
  <c r="J2893" i="2"/>
  <c r="J2867" i="5" s="1"/>
  <c r="N2867" i="5" s="1"/>
  <c r="K2893" i="2"/>
  <c r="K2867" i="5" s="1"/>
  <c r="O2867" i="5" s="1"/>
  <c r="L2893" i="2"/>
  <c r="L2867" i="5" s="1"/>
  <c r="M2893" i="2"/>
  <c r="M2867" i="5" s="1"/>
  <c r="I2893" i="2"/>
  <c r="I2867" i="5" s="1"/>
  <c r="I6668" i="2"/>
  <c r="I6642" i="5" s="1"/>
  <c r="J6668" i="2"/>
  <c r="J6642" i="5" s="1"/>
  <c r="N6642" i="5" s="1"/>
  <c r="L6668" i="2"/>
  <c r="L6642" i="5" s="1"/>
  <c r="K6668" i="2"/>
  <c r="K6642" i="5" s="1"/>
  <c r="O6642" i="5" s="1"/>
  <c r="M6668" i="2"/>
  <c r="M6642" i="5" s="1"/>
  <c r="J6666" i="2"/>
  <c r="J6640" i="5" s="1"/>
  <c r="N6640" i="5" s="1"/>
  <c r="L6666" i="2"/>
  <c r="L6640" i="5" s="1"/>
  <c r="M6666" i="2"/>
  <c r="M6640" i="5" s="1"/>
  <c r="I6666" i="2"/>
  <c r="I6640" i="5" s="1"/>
  <c r="K6666" i="2"/>
  <c r="K6640" i="5" s="1"/>
  <c r="O6640" i="5" s="1"/>
  <c r="I5952" i="2"/>
  <c r="I5926" i="5" s="1"/>
  <c r="K5952" i="2"/>
  <c r="K5926" i="5" s="1"/>
  <c r="O5926" i="5" s="1"/>
  <c r="M5952" i="2"/>
  <c r="M5926" i="5" s="1"/>
  <c r="L5952" i="2"/>
  <c r="L5926" i="5" s="1"/>
  <c r="J5952" i="2"/>
  <c r="J5926" i="5" s="1"/>
  <c r="N5926" i="5" s="1"/>
  <c r="J5958" i="2"/>
  <c r="J5932" i="5" s="1"/>
  <c r="N5932" i="5" s="1"/>
  <c r="M5958" i="2"/>
  <c r="M5932" i="5" s="1"/>
  <c r="L5958" i="2"/>
  <c r="L5932" i="5" s="1"/>
  <c r="I5958" i="2"/>
  <c r="I5932" i="5" s="1"/>
  <c r="K5958" i="2"/>
  <c r="K5932" i="5" s="1"/>
  <c r="O5932" i="5" s="1"/>
  <c r="I4679" i="2"/>
  <c r="I4653" i="5" s="1"/>
  <c r="M4679" i="2"/>
  <c r="M4653" i="5" s="1"/>
  <c r="L4679" i="2"/>
  <c r="L4653" i="5" s="1"/>
  <c r="K4679" i="2"/>
  <c r="K4653" i="5" s="1"/>
  <c r="O4653" i="5" s="1"/>
  <c r="J4679" i="2"/>
  <c r="J4653" i="5" s="1"/>
  <c r="N4653" i="5" s="1"/>
  <c r="I6163" i="2"/>
  <c r="I6137" i="5" s="1"/>
  <c r="K6163" i="2"/>
  <c r="K6137" i="5" s="1"/>
  <c r="O6137" i="5" s="1"/>
  <c r="J6163" i="2"/>
  <c r="J6137" i="5" s="1"/>
  <c r="N6137" i="5" s="1"/>
  <c r="L6163" i="2"/>
  <c r="L6137" i="5" s="1"/>
  <c r="M6163" i="2"/>
  <c r="M6137" i="5" s="1"/>
  <c r="I2457" i="2"/>
  <c r="I2431" i="5" s="1"/>
  <c r="K2457" i="2"/>
  <c r="K2431" i="5" s="1"/>
  <c r="O2431" i="5" s="1"/>
  <c r="J2457" i="2"/>
  <c r="J2431" i="5" s="1"/>
  <c r="N2431" i="5" s="1"/>
  <c r="L2457" i="2"/>
  <c r="L2431" i="5" s="1"/>
  <c r="M2457" i="2"/>
  <c r="M2431" i="5" s="1"/>
  <c r="I2607" i="2"/>
  <c r="I2581" i="5" s="1"/>
  <c r="L2607" i="2"/>
  <c r="L2581" i="5" s="1"/>
  <c r="K2607" i="2"/>
  <c r="K2581" i="5" s="1"/>
  <c r="O2581" i="5" s="1"/>
  <c r="J2607" i="2"/>
  <c r="J2581" i="5" s="1"/>
  <c r="N2581" i="5" s="1"/>
  <c r="M2607" i="2"/>
  <c r="M2581" i="5" s="1"/>
  <c r="J8376" i="2"/>
  <c r="J8350" i="5" s="1"/>
  <c r="N8350" i="5" s="1"/>
  <c r="L8376" i="2"/>
  <c r="L8350" i="5" s="1"/>
  <c r="I8376" i="2"/>
  <c r="I8350" i="5" s="1"/>
  <c r="K8376" i="2"/>
  <c r="K8350" i="5" s="1"/>
  <c r="O8350" i="5" s="1"/>
  <c r="M8376" i="2"/>
  <c r="M8350" i="5" s="1"/>
  <c r="I1627" i="2"/>
  <c r="I1601" i="5" s="1"/>
  <c r="K1627" i="2"/>
  <c r="K1601" i="5" s="1"/>
  <c r="O1601" i="5" s="1"/>
  <c r="L1627" i="2"/>
  <c r="L1601" i="5" s="1"/>
  <c r="M1627" i="2"/>
  <c r="M1601" i="5" s="1"/>
  <c r="J1627" i="2"/>
  <c r="J1601" i="5" s="1"/>
  <c r="N1601" i="5" s="1"/>
  <c r="M1618" i="2"/>
  <c r="M1592" i="5" s="1"/>
  <c r="K1618" i="2"/>
  <c r="K1592" i="5" s="1"/>
  <c r="O1592" i="5" s="1"/>
  <c r="L1618" i="2"/>
  <c r="L1592" i="5" s="1"/>
  <c r="J1618" i="2"/>
  <c r="J1592" i="5" s="1"/>
  <c r="N1592" i="5" s="1"/>
  <c r="I1618" i="2"/>
  <c r="I1592" i="5" s="1"/>
  <c r="L3172" i="2"/>
  <c r="L3146" i="5" s="1"/>
  <c r="I3172" i="2"/>
  <c r="I3146" i="5" s="1"/>
  <c r="K3172" i="2"/>
  <c r="K3146" i="5" s="1"/>
  <c r="O3146" i="5" s="1"/>
  <c r="J3172" i="2"/>
  <c r="J3146" i="5" s="1"/>
  <c r="N3146" i="5" s="1"/>
  <c r="M3172" i="2"/>
  <c r="M3146" i="5" s="1"/>
  <c r="J3170" i="2"/>
  <c r="J3144" i="5" s="1"/>
  <c r="N3144" i="5" s="1"/>
  <c r="M3170" i="2"/>
  <c r="M3144" i="5" s="1"/>
  <c r="L3170" i="2"/>
  <c r="L3144" i="5" s="1"/>
  <c r="I3170" i="2"/>
  <c r="I3144" i="5" s="1"/>
  <c r="K3170" i="2"/>
  <c r="K3144" i="5" s="1"/>
  <c r="O3144" i="5" s="1"/>
  <c r="K3460" i="2"/>
  <c r="K3434" i="5" s="1"/>
  <c r="O3434" i="5" s="1"/>
  <c r="M3460" i="2"/>
  <c r="M3434" i="5" s="1"/>
  <c r="J3460" i="2"/>
  <c r="J3434" i="5" s="1"/>
  <c r="N3434" i="5" s="1"/>
  <c r="I3460" i="2"/>
  <c r="I3434" i="5" s="1"/>
  <c r="L3460" i="2"/>
  <c r="L3434" i="5" s="1"/>
  <c r="K917" i="2"/>
  <c r="K891" i="5" s="1"/>
  <c r="O891" i="5" s="1"/>
  <c r="J917" i="2"/>
  <c r="J891" i="5" s="1"/>
  <c r="N891" i="5" s="1"/>
  <c r="L917" i="2"/>
  <c r="L891" i="5" s="1"/>
  <c r="I917" i="2"/>
  <c r="I891" i="5" s="1"/>
  <c r="M917" i="2"/>
  <c r="M891" i="5" s="1"/>
  <c r="L7939" i="2"/>
  <c r="L7913" i="5" s="1"/>
  <c r="M7939" i="2"/>
  <c r="M7913" i="5" s="1"/>
  <c r="I7939" i="2"/>
  <c r="I7913" i="5" s="1"/>
  <c r="K7939" i="2"/>
  <c r="K7913" i="5" s="1"/>
  <c r="O7913" i="5" s="1"/>
  <c r="J7939" i="2"/>
  <c r="J7913" i="5" s="1"/>
  <c r="N7913" i="5" s="1"/>
  <c r="J1923" i="2"/>
  <c r="J1897" i="5" s="1"/>
  <c r="N1897" i="5" s="1"/>
  <c r="L1923" i="2"/>
  <c r="L1897" i="5" s="1"/>
  <c r="M1923" i="2"/>
  <c r="M1897" i="5" s="1"/>
  <c r="I1923" i="2"/>
  <c r="I1897" i="5" s="1"/>
  <c r="K1923" i="2"/>
  <c r="K1897" i="5" s="1"/>
  <c r="O1897" i="5" s="1"/>
  <c r="I1922" i="2"/>
  <c r="I1896" i="5" s="1"/>
  <c r="J1922" i="2"/>
  <c r="J1896" i="5" s="1"/>
  <c r="N1896" i="5" s="1"/>
  <c r="M1922" i="2"/>
  <c r="M1896" i="5" s="1"/>
  <c r="K1922" i="2"/>
  <c r="K1896" i="5" s="1"/>
  <c r="O1896" i="5" s="1"/>
  <c r="L1922" i="2"/>
  <c r="L1896" i="5" s="1"/>
  <c r="J2745" i="2"/>
  <c r="J2719" i="5" s="1"/>
  <c r="N2719" i="5" s="1"/>
  <c r="L2745" i="2"/>
  <c r="L2719" i="5" s="1"/>
  <c r="I2745" i="2"/>
  <c r="I2719" i="5" s="1"/>
  <c r="M2745" i="2"/>
  <c r="M2719" i="5" s="1"/>
  <c r="K2745" i="2"/>
  <c r="K2719" i="5" s="1"/>
  <c r="O2719" i="5" s="1"/>
  <c r="L3004" i="2"/>
  <c r="L2978" i="5" s="1"/>
  <c r="M3004" i="2"/>
  <c r="M2978" i="5" s="1"/>
  <c r="I3004" i="2"/>
  <c r="I2978" i="5" s="1"/>
  <c r="K3004" i="2"/>
  <c r="K2978" i="5" s="1"/>
  <c r="O2978" i="5" s="1"/>
  <c r="J3004" i="2"/>
  <c r="J2978" i="5" s="1"/>
  <c r="N2978" i="5" s="1"/>
  <c r="I2993" i="2"/>
  <c r="I2967" i="5" s="1"/>
  <c r="J2993" i="2"/>
  <c r="J2967" i="5" s="1"/>
  <c r="N2967" i="5" s="1"/>
  <c r="L2993" i="2"/>
  <c r="L2967" i="5" s="1"/>
  <c r="M2993" i="2"/>
  <c r="M2967" i="5" s="1"/>
  <c r="K2993" i="2"/>
  <c r="K2967" i="5" s="1"/>
  <c r="O2967" i="5" s="1"/>
  <c r="L316" i="2"/>
  <c r="L290" i="5" s="1"/>
  <c r="M316" i="2"/>
  <c r="M290" i="5" s="1"/>
  <c r="K316" i="2"/>
  <c r="K290" i="5" s="1"/>
  <c r="O290" i="5" s="1"/>
  <c r="I316" i="2"/>
  <c r="I290" i="5" s="1"/>
  <c r="J316" i="2"/>
  <c r="J290" i="5" s="1"/>
  <c r="N290" i="5" s="1"/>
  <c r="K303" i="2"/>
  <c r="K277" i="5" s="1"/>
  <c r="O277" i="5" s="1"/>
  <c r="I303" i="2"/>
  <c r="I277" i="5" s="1"/>
  <c r="M303" i="2"/>
  <c r="M277" i="5" s="1"/>
  <c r="J303" i="2"/>
  <c r="J277" i="5" s="1"/>
  <c r="N277" i="5" s="1"/>
  <c r="L303" i="2"/>
  <c r="L277" i="5" s="1"/>
  <c r="L7494" i="2"/>
  <c r="L7468" i="5" s="1"/>
  <c r="M7494" i="2"/>
  <c r="M7468" i="5" s="1"/>
  <c r="J7494" i="2"/>
  <c r="J7468" i="5" s="1"/>
  <c r="N7468" i="5" s="1"/>
  <c r="I7494" i="2"/>
  <c r="I7468" i="5" s="1"/>
  <c r="K7494" i="2"/>
  <c r="K7468" i="5" s="1"/>
  <c r="O7468" i="5" s="1"/>
  <c r="L7536" i="2"/>
  <c r="L7510" i="5" s="1"/>
  <c r="I7536" i="2"/>
  <c r="I7510" i="5" s="1"/>
  <c r="M7536" i="2"/>
  <c r="M7510" i="5" s="1"/>
  <c r="K7536" i="2"/>
  <c r="K7510" i="5" s="1"/>
  <c r="O7510" i="5" s="1"/>
  <c r="J7536" i="2"/>
  <c r="J7510" i="5" s="1"/>
  <c r="N7510" i="5" s="1"/>
  <c r="J5175" i="2"/>
  <c r="J5149" i="5" s="1"/>
  <c r="N5149" i="5" s="1"/>
  <c r="I5175" i="2"/>
  <c r="I5149" i="5" s="1"/>
  <c r="K5175" i="2"/>
  <c r="K5149" i="5" s="1"/>
  <c r="O5149" i="5" s="1"/>
  <c r="L5175" i="2"/>
  <c r="L5149" i="5" s="1"/>
  <c r="M5175" i="2"/>
  <c r="M5149" i="5" s="1"/>
  <c r="K3810" i="2"/>
  <c r="K3784" i="5" s="1"/>
  <c r="O3784" i="5" s="1"/>
  <c r="J3810" i="2"/>
  <c r="J3784" i="5" s="1"/>
  <c r="N3784" i="5" s="1"/>
  <c r="L3810" i="2"/>
  <c r="L3784" i="5" s="1"/>
  <c r="I3810" i="2"/>
  <c r="I3784" i="5" s="1"/>
  <c r="M3810" i="2"/>
  <c r="M3784" i="5" s="1"/>
  <c r="L427" i="2"/>
  <c r="L401" i="5" s="1"/>
  <c r="M427" i="2"/>
  <c r="M401" i="5" s="1"/>
  <c r="J427" i="2"/>
  <c r="J401" i="5" s="1"/>
  <c r="N401" i="5" s="1"/>
  <c r="I427" i="2"/>
  <c r="I401" i="5" s="1"/>
  <c r="K427" i="2"/>
  <c r="K401" i="5" s="1"/>
  <c r="O401" i="5" s="1"/>
  <c r="L4341" i="2"/>
  <c r="L4315" i="5" s="1"/>
  <c r="M4341" i="2"/>
  <c r="M4315" i="5" s="1"/>
  <c r="I4341" i="2"/>
  <c r="I4315" i="5" s="1"/>
  <c r="K4341" i="2"/>
  <c r="K4315" i="5" s="1"/>
  <c r="O4315" i="5" s="1"/>
  <c r="J4341" i="2"/>
  <c r="J4315" i="5" s="1"/>
  <c r="N4315" i="5" s="1"/>
  <c r="L966" i="2"/>
  <c r="L940" i="5" s="1"/>
  <c r="J966" i="2"/>
  <c r="J940" i="5" s="1"/>
  <c r="N940" i="5" s="1"/>
  <c r="M966" i="2"/>
  <c r="M940" i="5" s="1"/>
  <c r="I966" i="2"/>
  <c r="I940" i="5" s="1"/>
  <c r="K966" i="2"/>
  <c r="K940" i="5" s="1"/>
  <c r="O940" i="5" s="1"/>
  <c r="M951" i="2"/>
  <c r="M925" i="5" s="1"/>
  <c r="L951" i="2"/>
  <c r="L925" i="5" s="1"/>
  <c r="K951" i="2"/>
  <c r="K925" i="5" s="1"/>
  <c r="O925" i="5" s="1"/>
  <c r="J951" i="2"/>
  <c r="J925" i="5" s="1"/>
  <c r="N925" i="5" s="1"/>
  <c r="I951" i="2"/>
  <c r="I925" i="5" s="1"/>
  <c r="M93" i="2"/>
  <c r="M67" i="5" s="1"/>
  <c r="I93" i="2"/>
  <c r="I67" i="5" s="1"/>
  <c r="K93" i="2"/>
  <c r="K67" i="5" s="1"/>
  <c r="O67" i="5" s="1"/>
  <c r="J93" i="2"/>
  <c r="J67" i="5" s="1"/>
  <c r="N67" i="5" s="1"/>
  <c r="L93" i="2"/>
  <c r="L67" i="5" s="1"/>
  <c r="L100" i="2"/>
  <c r="L74" i="5" s="1"/>
  <c r="M100" i="2"/>
  <c r="M74" i="5" s="1"/>
  <c r="I100" i="2"/>
  <c r="I74" i="5" s="1"/>
  <c r="K100" i="2"/>
  <c r="K74" i="5" s="1"/>
  <c r="O74" i="5" s="1"/>
  <c r="J100" i="2"/>
  <c r="J74" i="5" s="1"/>
  <c r="N74" i="5" s="1"/>
  <c r="I1933" i="2"/>
  <c r="I1907" i="5" s="1"/>
  <c r="K1933" i="2"/>
  <c r="K1907" i="5" s="1"/>
  <c r="O1907" i="5" s="1"/>
  <c r="J1933" i="2"/>
  <c r="J1907" i="5" s="1"/>
  <c r="N1907" i="5" s="1"/>
  <c r="L1933" i="2"/>
  <c r="L1907" i="5" s="1"/>
  <c r="M1933" i="2"/>
  <c r="M1907" i="5" s="1"/>
  <c r="K8320" i="2"/>
  <c r="K8294" i="5" s="1"/>
  <c r="O8294" i="5" s="1"/>
  <c r="M8320" i="2"/>
  <c r="M8294" i="5" s="1"/>
  <c r="J8320" i="2"/>
  <c r="J8294" i="5" s="1"/>
  <c r="N8294" i="5" s="1"/>
  <c r="L8320" i="2"/>
  <c r="L8294" i="5" s="1"/>
  <c r="I8320" i="2"/>
  <c r="I8294" i="5" s="1"/>
  <c r="M8546" i="2"/>
  <c r="M8520" i="5" s="1"/>
  <c r="I8546" i="2"/>
  <c r="I8520" i="5" s="1"/>
  <c r="K8546" i="2"/>
  <c r="K8520" i="5" s="1"/>
  <c r="O8520" i="5" s="1"/>
  <c r="J8546" i="2"/>
  <c r="J8520" i="5" s="1"/>
  <c r="N8520" i="5" s="1"/>
  <c r="L8546" i="2"/>
  <c r="L8520" i="5" s="1"/>
  <c r="AR356" i="1"/>
  <c r="C362" i="5"/>
  <c r="L457" i="2"/>
  <c r="L431" i="5" s="1"/>
  <c r="I457" i="2"/>
  <c r="I431" i="5" s="1"/>
  <c r="K457" i="2"/>
  <c r="K431" i="5" s="1"/>
  <c r="O431" i="5" s="1"/>
  <c r="J457" i="2"/>
  <c r="J431" i="5" s="1"/>
  <c r="N431" i="5" s="1"/>
  <c r="M457" i="2"/>
  <c r="M431" i="5" s="1"/>
  <c r="K2322" i="2"/>
  <c r="K2296" i="5" s="1"/>
  <c r="O2296" i="5" s="1"/>
  <c r="L2322" i="2"/>
  <c r="L2296" i="5" s="1"/>
  <c r="J2322" i="2"/>
  <c r="J2296" i="5" s="1"/>
  <c r="N2296" i="5" s="1"/>
  <c r="M2322" i="2"/>
  <c r="M2296" i="5" s="1"/>
  <c r="I2322" i="2"/>
  <c r="I2296" i="5" s="1"/>
  <c r="I4612" i="2"/>
  <c r="I4586" i="5" s="1"/>
  <c r="K4612" i="2"/>
  <c r="K4586" i="5" s="1"/>
  <c r="O4586" i="5" s="1"/>
  <c r="J4612" i="2"/>
  <c r="J4586" i="5" s="1"/>
  <c r="N4586" i="5" s="1"/>
  <c r="L4612" i="2"/>
  <c r="L4586" i="5" s="1"/>
  <c r="M4612" i="2"/>
  <c r="M4586" i="5" s="1"/>
  <c r="J4276" i="2"/>
  <c r="J4250" i="5" s="1"/>
  <c r="N4250" i="5" s="1"/>
  <c r="L4276" i="2"/>
  <c r="L4250" i="5" s="1"/>
  <c r="M4276" i="2"/>
  <c r="M4250" i="5" s="1"/>
  <c r="I4276" i="2"/>
  <c r="I4250" i="5" s="1"/>
  <c r="K4276" i="2"/>
  <c r="K4250" i="5" s="1"/>
  <c r="O4250" i="5" s="1"/>
  <c r="I748" i="2"/>
  <c r="I722" i="5" s="1"/>
  <c r="K748" i="2"/>
  <c r="K722" i="5" s="1"/>
  <c r="O722" i="5" s="1"/>
  <c r="M748" i="2"/>
  <c r="M722" i="5" s="1"/>
  <c r="J748" i="2"/>
  <c r="J722" i="5" s="1"/>
  <c r="N722" i="5" s="1"/>
  <c r="L748" i="2"/>
  <c r="L722" i="5" s="1"/>
  <c r="I4086" i="2"/>
  <c r="I4060" i="5" s="1"/>
  <c r="K4086" i="2"/>
  <c r="K4060" i="5" s="1"/>
  <c r="O4060" i="5" s="1"/>
  <c r="J4086" i="2"/>
  <c r="J4060" i="5" s="1"/>
  <c r="N4060" i="5" s="1"/>
  <c r="M4086" i="2"/>
  <c r="M4060" i="5" s="1"/>
  <c r="L4086" i="2"/>
  <c r="L4060" i="5" s="1"/>
  <c r="L7169" i="2"/>
  <c r="L7143" i="5" s="1"/>
  <c r="M7169" i="2"/>
  <c r="M7143" i="5" s="1"/>
  <c r="I7169" i="2"/>
  <c r="I7143" i="5" s="1"/>
  <c r="J7169" i="2"/>
  <c r="J7143" i="5" s="1"/>
  <c r="N7143" i="5" s="1"/>
  <c r="K7169" i="2"/>
  <c r="K7143" i="5" s="1"/>
  <c r="O7143" i="5" s="1"/>
  <c r="M721" i="2"/>
  <c r="M695" i="5" s="1"/>
  <c r="L721" i="2"/>
  <c r="L695" i="5" s="1"/>
  <c r="I721" i="2"/>
  <c r="I695" i="5" s="1"/>
  <c r="K721" i="2"/>
  <c r="K695" i="5" s="1"/>
  <c r="O695" i="5" s="1"/>
  <c r="J721" i="2"/>
  <c r="J695" i="5" s="1"/>
  <c r="N695" i="5" s="1"/>
  <c r="C36" i="5"/>
  <c r="AR30" i="1"/>
  <c r="I7608" i="2"/>
  <c r="I7582" i="5" s="1"/>
  <c r="M7608" i="2"/>
  <c r="M7582" i="5" s="1"/>
  <c r="K7608" i="2"/>
  <c r="K7582" i="5" s="1"/>
  <c r="O7582" i="5" s="1"/>
  <c r="J7608" i="2"/>
  <c r="J7582" i="5" s="1"/>
  <c r="N7582" i="5" s="1"/>
  <c r="L7608" i="2"/>
  <c r="L7582" i="5" s="1"/>
  <c r="M5616" i="2"/>
  <c r="M5590" i="5" s="1"/>
  <c r="J5616" i="2"/>
  <c r="J5590" i="5" s="1"/>
  <c r="N5590" i="5" s="1"/>
  <c r="L5616" i="2"/>
  <c r="L5590" i="5" s="1"/>
  <c r="I5616" i="2"/>
  <c r="I5590" i="5" s="1"/>
  <c r="K5616" i="2"/>
  <c r="K5590" i="5" s="1"/>
  <c r="O5590" i="5" s="1"/>
  <c r="K5604" i="2"/>
  <c r="K5578" i="5" s="1"/>
  <c r="O5578" i="5" s="1"/>
  <c r="J5604" i="2"/>
  <c r="J5578" i="5" s="1"/>
  <c r="N5578" i="5" s="1"/>
  <c r="M5604" i="2"/>
  <c r="M5578" i="5" s="1"/>
  <c r="L5604" i="2"/>
  <c r="L5578" i="5" s="1"/>
  <c r="I5604" i="2"/>
  <c r="I5578" i="5" s="1"/>
  <c r="J8188" i="2"/>
  <c r="J8162" i="5" s="1"/>
  <c r="N8162" i="5" s="1"/>
  <c r="L8188" i="2"/>
  <c r="L8162" i="5" s="1"/>
  <c r="I8188" i="2"/>
  <c r="I8162" i="5" s="1"/>
  <c r="M8188" i="2"/>
  <c r="M8162" i="5" s="1"/>
  <c r="K8188" i="2"/>
  <c r="K8162" i="5" s="1"/>
  <c r="O8162" i="5" s="1"/>
  <c r="I1142" i="2"/>
  <c r="I1116" i="5" s="1"/>
  <c r="J1142" i="2"/>
  <c r="J1116" i="5" s="1"/>
  <c r="N1116" i="5" s="1"/>
  <c r="K1142" i="2"/>
  <c r="K1116" i="5" s="1"/>
  <c r="O1116" i="5" s="1"/>
  <c r="L1142" i="2"/>
  <c r="L1116" i="5" s="1"/>
  <c r="M1142" i="2"/>
  <c r="M1116" i="5" s="1"/>
  <c r="J2474" i="2"/>
  <c r="J2448" i="5" s="1"/>
  <c r="N2448" i="5" s="1"/>
  <c r="L2474" i="2"/>
  <c r="L2448" i="5" s="1"/>
  <c r="M2474" i="2"/>
  <c r="M2448" i="5" s="1"/>
  <c r="I2474" i="2"/>
  <c r="I2448" i="5" s="1"/>
  <c r="K2474" i="2"/>
  <c r="K2448" i="5" s="1"/>
  <c r="O2448" i="5" s="1"/>
  <c r="I944" i="2"/>
  <c r="I918" i="5" s="1"/>
  <c r="J944" i="2"/>
  <c r="J918" i="5" s="1"/>
  <c r="N918" i="5" s="1"/>
  <c r="K944" i="2"/>
  <c r="K918" i="5" s="1"/>
  <c r="O918" i="5" s="1"/>
  <c r="L944" i="2"/>
  <c r="L918" i="5" s="1"/>
  <c r="M944" i="2"/>
  <c r="M918" i="5" s="1"/>
  <c r="L801" i="2"/>
  <c r="L775" i="5" s="1"/>
  <c r="J801" i="2"/>
  <c r="J775" i="5" s="1"/>
  <c r="N775" i="5" s="1"/>
  <c r="M801" i="2"/>
  <c r="M775" i="5" s="1"/>
  <c r="I801" i="2"/>
  <c r="I775" i="5" s="1"/>
  <c r="K801" i="2"/>
  <c r="K775" i="5" s="1"/>
  <c r="O775" i="5" s="1"/>
  <c r="J794" i="2"/>
  <c r="J768" i="5" s="1"/>
  <c r="N768" i="5" s="1"/>
  <c r="L794" i="2"/>
  <c r="L768" i="5" s="1"/>
  <c r="I794" i="2"/>
  <c r="I768" i="5" s="1"/>
  <c r="K794" i="2"/>
  <c r="K768" i="5" s="1"/>
  <c r="O768" i="5" s="1"/>
  <c r="M794" i="2"/>
  <c r="M768" i="5" s="1"/>
  <c r="M597" i="2"/>
  <c r="M571" i="5" s="1"/>
  <c r="K597" i="2"/>
  <c r="K571" i="5" s="1"/>
  <c r="O571" i="5" s="1"/>
  <c r="L597" i="2"/>
  <c r="L571" i="5" s="1"/>
  <c r="I597" i="2"/>
  <c r="I571" i="5" s="1"/>
  <c r="J597" i="2"/>
  <c r="J571" i="5" s="1"/>
  <c r="N571" i="5" s="1"/>
  <c r="L7340" i="2"/>
  <c r="L7314" i="5" s="1"/>
  <c r="I7340" i="2"/>
  <c r="I7314" i="5" s="1"/>
  <c r="M7340" i="2"/>
  <c r="M7314" i="5" s="1"/>
  <c r="K7340" i="2"/>
  <c r="K7314" i="5" s="1"/>
  <c r="O7314" i="5" s="1"/>
  <c r="J7340" i="2"/>
  <c r="J7314" i="5" s="1"/>
  <c r="N7314" i="5" s="1"/>
  <c r="J7331" i="2"/>
  <c r="J7305" i="5" s="1"/>
  <c r="N7305" i="5" s="1"/>
  <c r="M7331" i="2"/>
  <c r="M7305" i="5" s="1"/>
  <c r="I7331" i="2"/>
  <c r="I7305" i="5" s="1"/>
  <c r="L7331" i="2"/>
  <c r="L7305" i="5" s="1"/>
  <c r="K7331" i="2"/>
  <c r="K7305" i="5" s="1"/>
  <c r="O7305" i="5" s="1"/>
  <c r="M2836" i="2"/>
  <c r="M2810" i="5" s="1"/>
  <c r="K2836" i="2"/>
  <c r="K2810" i="5" s="1"/>
  <c r="O2810" i="5" s="1"/>
  <c r="L2836" i="2"/>
  <c r="L2810" i="5" s="1"/>
  <c r="J2836" i="2"/>
  <c r="J2810" i="5" s="1"/>
  <c r="N2810" i="5" s="1"/>
  <c r="I2836" i="2"/>
  <c r="I2810" i="5" s="1"/>
  <c r="M4965" i="2"/>
  <c r="M4939" i="5" s="1"/>
  <c r="I4965" i="2"/>
  <c r="I4939" i="5" s="1"/>
  <c r="K4965" i="2"/>
  <c r="K4939" i="5" s="1"/>
  <c r="O4939" i="5" s="1"/>
  <c r="J4965" i="2"/>
  <c r="J4939" i="5" s="1"/>
  <c r="N4939" i="5" s="1"/>
  <c r="L4965" i="2"/>
  <c r="L4939" i="5" s="1"/>
  <c r="J1446" i="2"/>
  <c r="J1420" i="5" s="1"/>
  <c r="N1420" i="5" s="1"/>
  <c r="L1446" i="2"/>
  <c r="L1420" i="5" s="1"/>
  <c r="M1446" i="2"/>
  <c r="M1420" i="5" s="1"/>
  <c r="I1446" i="2"/>
  <c r="I1420" i="5" s="1"/>
  <c r="K1446" i="2"/>
  <c r="K1420" i="5" s="1"/>
  <c r="O1420" i="5" s="1"/>
  <c r="K1445" i="2"/>
  <c r="K1419" i="5" s="1"/>
  <c r="O1419" i="5" s="1"/>
  <c r="J1445" i="2"/>
  <c r="J1419" i="5" s="1"/>
  <c r="N1419" i="5" s="1"/>
  <c r="M1445" i="2"/>
  <c r="M1419" i="5" s="1"/>
  <c r="L1445" i="2"/>
  <c r="L1419" i="5" s="1"/>
  <c r="I1445" i="2"/>
  <c r="I1419" i="5" s="1"/>
  <c r="I1779" i="2"/>
  <c r="I1753" i="5" s="1"/>
  <c r="K1779" i="2"/>
  <c r="K1753" i="5" s="1"/>
  <c r="O1753" i="5" s="1"/>
  <c r="J1779" i="2"/>
  <c r="J1753" i="5" s="1"/>
  <c r="N1753" i="5" s="1"/>
  <c r="M1779" i="2"/>
  <c r="M1753" i="5" s="1"/>
  <c r="L1779" i="2"/>
  <c r="L1753" i="5" s="1"/>
  <c r="J1768" i="2"/>
  <c r="J1742" i="5" s="1"/>
  <c r="N1742" i="5" s="1"/>
  <c r="L1768" i="2"/>
  <c r="L1742" i="5" s="1"/>
  <c r="M1768" i="2"/>
  <c r="M1742" i="5" s="1"/>
  <c r="I1768" i="2"/>
  <c r="I1742" i="5" s="1"/>
  <c r="K1768" i="2"/>
  <c r="K1742" i="5" s="1"/>
  <c r="O1742" i="5" s="1"/>
  <c r="K8131" i="2"/>
  <c r="K8105" i="5" s="1"/>
  <c r="O8105" i="5" s="1"/>
  <c r="J8131" i="2"/>
  <c r="J8105" i="5" s="1"/>
  <c r="N8105" i="5" s="1"/>
  <c r="L8131" i="2"/>
  <c r="L8105" i="5" s="1"/>
  <c r="M8131" i="2"/>
  <c r="M8105" i="5" s="1"/>
  <c r="I8131" i="2"/>
  <c r="I8105" i="5" s="1"/>
  <c r="J5578" i="2"/>
  <c r="J5552" i="5" s="1"/>
  <c r="N5552" i="5" s="1"/>
  <c r="L5578" i="2"/>
  <c r="L5552" i="5" s="1"/>
  <c r="I5578" i="2"/>
  <c r="I5552" i="5" s="1"/>
  <c r="K5578" i="2"/>
  <c r="K5552" i="5" s="1"/>
  <c r="O5552" i="5" s="1"/>
  <c r="M5578" i="2"/>
  <c r="M5552" i="5" s="1"/>
  <c r="J1555" i="2"/>
  <c r="J1529" i="5" s="1"/>
  <c r="N1529" i="5" s="1"/>
  <c r="K1555" i="2"/>
  <c r="K1529" i="5" s="1"/>
  <c r="O1529" i="5" s="1"/>
  <c r="L1555" i="2"/>
  <c r="L1529" i="5" s="1"/>
  <c r="M1555" i="2"/>
  <c r="M1529" i="5" s="1"/>
  <c r="I1555" i="2"/>
  <c r="I1529" i="5" s="1"/>
  <c r="M297" i="2"/>
  <c r="M271" i="5" s="1"/>
  <c r="L297" i="2"/>
  <c r="L271" i="5" s="1"/>
  <c r="J297" i="2"/>
  <c r="J271" i="5" s="1"/>
  <c r="N271" i="5" s="1"/>
  <c r="K297" i="2"/>
  <c r="K271" i="5" s="1"/>
  <c r="O271" i="5" s="1"/>
  <c r="I297" i="2"/>
  <c r="I271" i="5" s="1"/>
  <c r="L288" i="2"/>
  <c r="L262" i="5" s="1"/>
  <c r="K288" i="2"/>
  <c r="K262" i="5" s="1"/>
  <c r="O262" i="5" s="1"/>
  <c r="J288" i="2"/>
  <c r="J262" i="5" s="1"/>
  <c r="N262" i="5" s="1"/>
  <c r="M288" i="2"/>
  <c r="M262" i="5" s="1"/>
  <c r="I288" i="2"/>
  <c r="I262" i="5" s="1"/>
  <c r="L6443" i="2"/>
  <c r="L6417" i="5" s="1"/>
  <c r="M6443" i="2"/>
  <c r="M6417" i="5" s="1"/>
  <c r="J6443" i="2"/>
  <c r="J6417" i="5" s="1"/>
  <c r="N6417" i="5" s="1"/>
  <c r="I6443" i="2"/>
  <c r="I6417" i="5" s="1"/>
  <c r="K6443" i="2"/>
  <c r="K6417" i="5" s="1"/>
  <c r="O6417" i="5" s="1"/>
  <c r="I2575" i="2"/>
  <c r="I2549" i="5" s="1"/>
  <c r="K2575" i="2"/>
  <c r="K2549" i="5" s="1"/>
  <c r="O2549" i="5" s="1"/>
  <c r="J2575" i="2"/>
  <c r="J2549" i="5" s="1"/>
  <c r="N2549" i="5" s="1"/>
  <c r="L2575" i="2"/>
  <c r="L2549" i="5" s="1"/>
  <c r="M2575" i="2"/>
  <c r="M2549" i="5" s="1"/>
  <c r="I3240" i="2"/>
  <c r="I3214" i="5" s="1"/>
  <c r="K3240" i="2"/>
  <c r="K3214" i="5" s="1"/>
  <c r="O3214" i="5" s="1"/>
  <c r="J3240" i="2"/>
  <c r="J3214" i="5" s="1"/>
  <c r="N3214" i="5" s="1"/>
  <c r="L3240" i="2"/>
  <c r="L3214" i="5" s="1"/>
  <c r="M3240" i="2"/>
  <c r="M3214" i="5" s="1"/>
  <c r="I3753" i="2"/>
  <c r="I3727" i="5" s="1"/>
  <c r="K3753" i="2"/>
  <c r="K3727" i="5" s="1"/>
  <c r="O3727" i="5" s="1"/>
  <c r="J3753" i="2"/>
  <c r="J3727" i="5" s="1"/>
  <c r="N3727" i="5" s="1"/>
  <c r="M3753" i="2"/>
  <c r="M3727" i="5" s="1"/>
  <c r="L3753" i="2"/>
  <c r="L3727" i="5" s="1"/>
  <c r="M2084" i="2"/>
  <c r="M2058" i="5" s="1"/>
  <c r="J2084" i="2"/>
  <c r="J2058" i="5" s="1"/>
  <c r="N2058" i="5" s="1"/>
  <c r="I2084" i="2"/>
  <c r="I2058" i="5" s="1"/>
  <c r="K2084" i="2"/>
  <c r="K2058" i="5" s="1"/>
  <c r="O2058" i="5" s="1"/>
  <c r="L2084" i="2"/>
  <c r="L2058" i="5" s="1"/>
  <c r="J2914" i="2"/>
  <c r="J2888" i="5" s="1"/>
  <c r="N2888" i="5" s="1"/>
  <c r="I2914" i="2"/>
  <c r="I2888" i="5" s="1"/>
  <c r="K2914" i="2"/>
  <c r="K2888" i="5" s="1"/>
  <c r="O2888" i="5" s="1"/>
  <c r="M2914" i="2"/>
  <c r="M2888" i="5" s="1"/>
  <c r="L2914" i="2"/>
  <c r="L2888" i="5" s="1"/>
  <c r="M7369" i="2"/>
  <c r="M7343" i="5" s="1"/>
  <c r="I7369" i="2"/>
  <c r="I7343" i="5" s="1"/>
  <c r="L7369" i="2"/>
  <c r="L7343" i="5" s="1"/>
  <c r="K7369" i="2"/>
  <c r="K7343" i="5" s="1"/>
  <c r="O7343" i="5" s="1"/>
  <c r="J7369" i="2"/>
  <c r="J7343" i="5" s="1"/>
  <c r="N7343" i="5" s="1"/>
  <c r="K7367" i="2"/>
  <c r="K7341" i="5" s="1"/>
  <c r="O7341" i="5" s="1"/>
  <c r="M7367" i="2"/>
  <c r="M7341" i="5" s="1"/>
  <c r="J7367" i="2"/>
  <c r="J7341" i="5" s="1"/>
  <c r="N7341" i="5" s="1"/>
  <c r="L7367" i="2"/>
  <c r="L7341" i="5" s="1"/>
  <c r="I7367" i="2"/>
  <c r="I7341" i="5" s="1"/>
  <c r="M4240" i="2"/>
  <c r="M4214" i="5" s="1"/>
  <c r="L4240" i="2"/>
  <c r="L4214" i="5" s="1"/>
  <c r="I4240" i="2"/>
  <c r="I4214" i="5" s="1"/>
  <c r="K4240" i="2"/>
  <c r="K4214" i="5" s="1"/>
  <c r="O4214" i="5" s="1"/>
  <c r="J4240" i="2"/>
  <c r="J4214" i="5" s="1"/>
  <c r="N4214" i="5" s="1"/>
  <c r="K4235" i="2"/>
  <c r="K4209" i="5" s="1"/>
  <c r="O4209" i="5" s="1"/>
  <c r="M4235" i="2"/>
  <c r="M4209" i="5" s="1"/>
  <c r="J4235" i="2"/>
  <c r="J4209" i="5" s="1"/>
  <c r="N4209" i="5" s="1"/>
  <c r="L4235" i="2"/>
  <c r="L4209" i="5" s="1"/>
  <c r="I4235" i="2"/>
  <c r="I4209" i="5" s="1"/>
  <c r="K2801" i="2"/>
  <c r="K2775" i="5" s="1"/>
  <c r="O2775" i="5" s="1"/>
  <c r="J2801" i="2"/>
  <c r="J2775" i="5" s="1"/>
  <c r="N2775" i="5" s="1"/>
  <c r="M2801" i="2"/>
  <c r="M2775" i="5" s="1"/>
  <c r="L2801" i="2"/>
  <c r="L2775" i="5" s="1"/>
  <c r="I2801" i="2"/>
  <c r="I2775" i="5" s="1"/>
  <c r="M5931" i="2"/>
  <c r="M5905" i="5" s="1"/>
  <c r="L5931" i="2"/>
  <c r="L5905" i="5" s="1"/>
  <c r="I5931" i="2"/>
  <c r="I5905" i="5" s="1"/>
  <c r="K5931" i="2"/>
  <c r="K5905" i="5" s="1"/>
  <c r="O5905" i="5" s="1"/>
  <c r="J5931" i="2"/>
  <c r="J5905" i="5" s="1"/>
  <c r="N5905" i="5" s="1"/>
  <c r="J5914" i="2"/>
  <c r="J5888" i="5" s="1"/>
  <c r="N5888" i="5" s="1"/>
  <c r="M5914" i="2"/>
  <c r="M5888" i="5" s="1"/>
  <c r="L5914" i="2"/>
  <c r="L5888" i="5" s="1"/>
  <c r="I5914" i="2"/>
  <c r="I5888" i="5" s="1"/>
  <c r="K5914" i="2"/>
  <c r="K5888" i="5" s="1"/>
  <c r="O5888" i="5" s="1"/>
  <c r="L6760" i="2"/>
  <c r="L6734" i="5" s="1"/>
  <c r="M6760" i="2"/>
  <c r="M6734" i="5" s="1"/>
  <c r="I6760" i="2"/>
  <c r="I6734" i="5" s="1"/>
  <c r="K6760" i="2"/>
  <c r="K6734" i="5" s="1"/>
  <c r="O6734" i="5" s="1"/>
  <c r="J6760" i="2"/>
  <c r="J6734" i="5" s="1"/>
  <c r="N6734" i="5" s="1"/>
  <c r="I2230" i="2"/>
  <c r="I2204" i="5" s="1"/>
  <c r="K2230" i="2"/>
  <c r="K2204" i="5" s="1"/>
  <c r="O2204" i="5" s="1"/>
  <c r="J2230" i="2"/>
  <c r="J2204" i="5" s="1"/>
  <c r="N2204" i="5" s="1"/>
  <c r="L2230" i="2"/>
  <c r="L2204" i="5" s="1"/>
  <c r="M2230" i="2"/>
  <c r="M2204" i="5" s="1"/>
  <c r="L1804" i="2"/>
  <c r="L1778" i="5" s="1"/>
  <c r="M1804" i="2"/>
  <c r="M1778" i="5" s="1"/>
  <c r="K1804" i="2"/>
  <c r="K1778" i="5" s="1"/>
  <c r="O1778" i="5" s="1"/>
  <c r="J1804" i="2"/>
  <c r="J1778" i="5" s="1"/>
  <c r="N1778" i="5" s="1"/>
  <c r="I1804" i="2"/>
  <c r="I1778" i="5" s="1"/>
  <c r="K1826" i="2"/>
  <c r="K1800" i="5" s="1"/>
  <c r="O1800" i="5" s="1"/>
  <c r="M1826" i="2"/>
  <c r="M1800" i="5" s="1"/>
  <c r="L1826" i="2"/>
  <c r="L1800" i="5" s="1"/>
  <c r="I1826" i="2"/>
  <c r="I1800" i="5" s="1"/>
  <c r="J1826" i="2"/>
  <c r="J1800" i="5" s="1"/>
  <c r="N1800" i="5" s="1"/>
  <c r="K1814" i="2"/>
  <c r="K1788" i="5" s="1"/>
  <c r="O1788" i="5" s="1"/>
  <c r="J1814" i="2"/>
  <c r="J1788" i="5" s="1"/>
  <c r="N1788" i="5" s="1"/>
  <c r="L1814" i="2"/>
  <c r="L1788" i="5" s="1"/>
  <c r="I1814" i="2"/>
  <c r="I1788" i="5" s="1"/>
  <c r="M1814" i="2"/>
  <c r="M1788" i="5" s="1"/>
  <c r="L4651" i="2"/>
  <c r="L4625" i="5" s="1"/>
  <c r="M4651" i="2"/>
  <c r="M4625" i="5" s="1"/>
  <c r="I4651" i="2"/>
  <c r="I4625" i="5" s="1"/>
  <c r="K4651" i="2"/>
  <c r="K4625" i="5" s="1"/>
  <c r="O4625" i="5" s="1"/>
  <c r="J4651" i="2"/>
  <c r="J4625" i="5" s="1"/>
  <c r="N4625" i="5" s="1"/>
  <c r="AR194" i="1"/>
  <c r="C200" i="5"/>
  <c r="L818" i="2"/>
  <c r="L792" i="5" s="1"/>
  <c r="M818" i="2"/>
  <c r="M792" i="5" s="1"/>
  <c r="J818" i="2"/>
  <c r="J792" i="5" s="1"/>
  <c r="N792" i="5" s="1"/>
  <c r="I818" i="2"/>
  <c r="I792" i="5" s="1"/>
  <c r="K818" i="2"/>
  <c r="K792" i="5" s="1"/>
  <c r="O792" i="5" s="1"/>
  <c r="K2957" i="2"/>
  <c r="K2931" i="5" s="1"/>
  <c r="O2931" i="5" s="1"/>
  <c r="M2957" i="2"/>
  <c r="M2931" i="5" s="1"/>
  <c r="J2957" i="2"/>
  <c r="J2931" i="5" s="1"/>
  <c r="N2931" i="5" s="1"/>
  <c r="I2957" i="2"/>
  <c r="I2931" i="5" s="1"/>
  <c r="L2957" i="2"/>
  <c r="L2931" i="5" s="1"/>
  <c r="I7822" i="2"/>
  <c r="I7796" i="5" s="1"/>
  <c r="L7822" i="2"/>
  <c r="L7796" i="5" s="1"/>
  <c r="M7822" i="2"/>
  <c r="M7796" i="5" s="1"/>
  <c r="K7822" i="2"/>
  <c r="K7796" i="5" s="1"/>
  <c r="O7796" i="5" s="1"/>
  <c r="J7822" i="2"/>
  <c r="J7796" i="5" s="1"/>
  <c r="N7796" i="5" s="1"/>
  <c r="L7831" i="2"/>
  <c r="L7805" i="5" s="1"/>
  <c r="J7831" i="2"/>
  <c r="J7805" i="5" s="1"/>
  <c r="N7805" i="5" s="1"/>
  <c r="I7831" i="2"/>
  <c r="I7805" i="5" s="1"/>
  <c r="K7831" i="2"/>
  <c r="K7805" i="5" s="1"/>
  <c r="O7805" i="5" s="1"/>
  <c r="M7831" i="2"/>
  <c r="M7805" i="5" s="1"/>
  <c r="I986" i="2"/>
  <c r="I960" i="5" s="1"/>
  <c r="L986" i="2"/>
  <c r="L960" i="5" s="1"/>
  <c r="K986" i="2"/>
  <c r="K960" i="5" s="1"/>
  <c r="O960" i="5" s="1"/>
  <c r="J986" i="2"/>
  <c r="J960" i="5" s="1"/>
  <c r="N960" i="5" s="1"/>
  <c r="M986" i="2"/>
  <c r="M960" i="5" s="1"/>
  <c r="J8481" i="2"/>
  <c r="J8455" i="5" s="1"/>
  <c r="N8455" i="5" s="1"/>
  <c r="L8481" i="2"/>
  <c r="L8455" i="5" s="1"/>
  <c r="M8481" i="2"/>
  <c r="M8455" i="5" s="1"/>
  <c r="I8481" i="2"/>
  <c r="I8455" i="5" s="1"/>
  <c r="K8481" i="2"/>
  <c r="K8455" i="5" s="1"/>
  <c r="O8455" i="5" s="1"/>
  <c r="M4483" i="2"/>
  <c r="M4457" i="5" s="1"/>
  <c r="L4483" i="2"/>
  <c r="L4457" i="5" s="1"/>
  <c r="K4483" i="2"/>
  <c r="K4457" i="5" s="1"/>
  <c r="O4457" i="5" s="1"/>
  <c r="I4483" i="2"/>
  <c r="I4457" i="5" s="1"/>
  <c r="J4483" i="2"/>
  <c r="J4457" i="5" s="1"/>
  <c r="N4457" i="5" s="1"/>
  <c r="L2254" i="2"/>
  <c r="L2228" i="5" s="1"/>
  <c r="I2254" i="2"/>
  <c r="I2228" i="5" s="1"/>
  <c r="K2254" i="2"/>
  <c r="K2228" i="5" s="1"/>
  <c r="O2228" i="5" s="1"/>
  <c r="J2254" i="2"/>
  <c r="J2228" i="5" s="1"/>
  <c r="N2228" i="5" s="1"/>
  <c r="M2254" i="2"/>
  <c r="M2228" i="5" s="1"/>
  <c r="I3767" i="2"/>
  <c r="I3741" i="5" s="1"/>
  <c r="M3767" i="2"/>
  <c r="M3741" i="5" s="1"/>
  <c r="L3767" i="2"/>
  <c r="L3741" i="5" s="1"/>
  <c r="K3767" i="2"/>
  <c r="K3741" i="5" s="1"/>
  <c r="O3741" i="5" s="1"/>
  <c r="J3767" i="2"/>
  <c r="J3741" i="5" s="1"/>
  <c r="N3741" i="5" s="1"/>
  <c r="I893" i="2"/>
  <c r="I867" i="5" s="1"/>
  <c r="K893" i="2"/>
  <c r="K867" i="5" s="1"/>
  <c r="O867" i="5" s="1"/>
  <c r="M893" i="2"/>
  <c r="M867" i="5" s="1"/>
  <c r="J893" i="2"/>
  <c r="J867" i="5" s="1"/>
  <c r="N867" i="5" s="1"/>
  <c r="L893" i="2"/>
  <c r="L867" i="5" s="1"/>
  <c r="L5858" i="2"/>
  <c r="L5832" i="5" s="1"/>
  <c r="M5858" i="2"/>
  <c r="M5832" i="5" s="1"/>
  <c r="J5858" i="2"/>
  <c r="J5832" i="5" s="1"/>
  <c r="N5832" i="5" s="1"/>
  <c r="I5858" i="2"/>
  <c r="I5832" i="5" s="1"/>
  <c r="K5858" i="2"/>
  <c r="K5832" i="5" s="1"/>
  <c r="O5832" i="5" s="1"/>
  <c r="L5750" i="2"/>
  <c r="L5724" i="5" s="1"/>
  <c r="J5750" i="2"/>
  <c r="J5724" i="5" s="1"/>
  <c r="N5724" i="5" s="1"/>
  <c r="M5750" i="2"/>
  <c r="M5724" i="5" s="1"/>
  <c r="I5750" i="2"/>
  <c r="I5724" i="5" s="1"/>
  <c r="K5750" i="2"/>
  <c r="K5724" i="5" s="1"/>
  <c r="O5724" i="5" s="1"/>
  <c r="M222" i="2"/>
  <c r="M196" i="5" s="1"/>
  <c r="L222" i="2"/>
  <c r="L196" i="5" s="1"/>
  <c r="I222" i="2"/>
  <c r="I196" i="5" s="1"/>
  <c r="J222" i="2"/>
  <c r="J196" i="5" s="1"/>
  <c r="N196" i="5" s="1"/>
  <c r="K222" i="2"/>
  <c r="K196" i="5" s="1"/>
  <c r="O196" i="5" s="1"/>
  <c r="J4931" i="2"/>
  <c r="J4905" i="5" s="1"/>
  <c r="N4905" i="5" s="1"/>
  <c r="M4931" i="2"/>
  <c r="M4905" i="5" s="1"/>
  <c r="L4931" i="2"/>
  <c r="L4905" i="5" s="1"/>
  <c r="I4931" i="2"/>
  <c r="I4905" i="5" s="1"/>
  <c r="K4931" i="2"/>
  <c r="K4905" i="5" s="1"/>
  <c r="O4905" i="5" s="1"/>
  <c r="L4952" i="2"/>
  <c r="L4926" i="5" s="1"/>
  <c r="J4952" i="2"/>
  <c r="J4926" i="5" s="1"/>
  <c r="N4926" i="5" s="1"/>
  <c r="I4952" i="2"/>
  <c r="I4926" i="5" s="1"/>
  <c r="K4952" i="2"/>
  <c r="K4926" i="5" s="1"/>
  <c r="O4926" i="5" s="1"/>
  <c r="M4952" i="2"/>
  <c r="M4926" i="5" s="1"/>
  <c r="M7109" i="2"/>
  <c r="M7083" i="5" s="1"/>
  <c r="J7109" i="2"/>
  <c r="J7083" i="5" s="1"/>
  <c r="N7083" i="5" s="1"/>
  <c r="L7109" i="2"/>
  <c r="L7083" i="5" s="1"/>
  <c r="I7109" i="2"/>
  <c r="I7083" i="5" s="1"/>
  <c r="K7109" i="2"/>
  <c r="K7083" i="5" s="1"/>
  <c r="O7083" i="5" s="1"/>
  <c r="M383" i="2"/>
  <c r="M357" i="5" s="1"/>
  <c r="I383" i="2"/>
  <c r="I357" i="5" s="1"/>
  <c r="J383" i="2"/>
  <c r="J357" i="5" s="1"/>
  <c r="N357" i="5" s="1"/>
  <c r="L383" i="2"/>
  <c r="L357" i="5" s="1"/>
  <c r="K383" i="2"/>
  <c r="K357" i="5" s="1"/>
  <c r="O357" i="5" s="1"/>
  <c r="L5480" i="2"/>
  <c r="L5454" i="5" s="1"/>
  <c r="M5480" i="2"/>
  <c r="M5454" i="5" s="1"/>
  <c r="J5480" i="2"/>
  <c r="J5454" i="5" s="1"/>
  <c r="N5454" i="5" s="1"/>
  <c r="I5480" i="2"/>
  <c r="I5454" i="5" s="1"/>
  <c r="K5480" i="2"/>
  <c r="K5454" i="5" s="1"/>
  <c r="O5454" i="5" s="1"/>
  <c r="I2975" i="2"/>
  <c r="I2949" i="5" s="1"/>
  <c r="M2975" i="2"/>
  <c r="M2949" i="5" s="1"/>
  <c r="K2975" i="2"/>
  <c r="K2949" i="5" s="1"/>
  <c r="O2949" i="5" s="1"/>
  <c r="J2975" i="2"/>
  <c r="J2949" i="5" s="1"/>
  <c r="N2949" i="5" s="1"/>
  <c r="L2975" i="2"/>
  <c r="L2949" i="5" s="1"/>
  <c r="J1658" i="2"/>
  <c r="J1632" i="5" s="1"/>
  <c r="N1632" i="5" s="1"/>
  <c r="I1658" i="2"/>
  <c r="I1632" i="5" s="1"/>
  <c r="M1658" i="2"/>
  <c r="M1632" i="5" s="1"/>
  <c r="K1658" i="2"/>
  <c r="K1632" i="5" s="1"/>
  <c r="O1632" i="5" s="1"/>
  <c r="L1658" i="2"/>
  <c r="L1632" i="5" s="1"/>
  <c r="M1650" i="2"/>
  <c r="M1624" i="5" s="1"/>
  <c r="J1650" i="2"/>
  <c r="J1624" i="5" s="1"/>
  <c r="N1624" i="5" s="1"/>
  <c r="L1650" i="2"/>
  <c r="L1624" i="5" s="1"/>
  <c r="I1650" i="2"/>
  <c r="I1624" i="5" s="1"/>
  <c r="K1650" i="2"/>
  <c r="K1624" i="5" s="1"/>
  <c r="O1624" i="5" s="1"/>
  <c r="M8214" i="2"/>
  <c r="M8188" i="5" s="1"/>
  <c r="L8214" i="2"/>
  <c r="L8188" i="5" s="1"/>
  <c r="I8214" i="2"/>
  <c r="I8188" i="5" s="1"/>
  <c r="K8214" i="2"/>
  <c r="K8188" i="5" s="1"/>
  <c r="O8188" i="5" s="1"/>
  <c r="J8214" i="2"/>
  <c r="J8188" i="5" s="1"/>
  <c r="N8188" i="5" s="1"/>
  <c r="J5150" i="2"/>
  <c r="J5124" i="5" s="1"/>
  <c r="N5124" i="5" s="1"/>
  <c r="L5150" i="2"/>
  <c r="L5124" i="5" s="1"/>
  <c r="I5150" i="2"/>
  <c r="I5124" i="5" s="1"/>
  <c r="K5150" i="2"/>
  <c r="K5124" i="5" s="1"/>
  <c r="O5124" i="5" s="1"/>
  <c r="M5150" i="2"/>
  <c r="M5124" i="5" s="1"/>
  <c r="L6647" i="2"/>
  <c r="L6621" i="5" s="1"/>
  <c r="I6647" i="2"/>
  <c r="I6621" i="5" s="1"/>
  <c r="M6647" i="2"/>
  <c r="M6621" i="5" s="1"/>
  <c r="K6647" i="2"/>
  <c r="K6621" i="5" s="1"/>
  <c r="O6621" i="5" s="1"/>
  <c r="J6647" i="2"/>
  <c r="J6621" i="5" s="1"/>
  <c r="N6621" i="5" s="1"/>
  <c r="J6642" i="2"/>
  <c r="J6616" i="5" s="1"/>
  <c r="N6616" i="5" s="1"/>
  <c r="M6642" i="2"/>
  <c r="M6616" i="5" s="1"/>
  <c r="I6642" i="2"/>
  <c r="I6616" i="5" s="1"/>
  <c r="L6642" i="2"/>
  <c r="L6616" i="5" s="1"/>
  <c r="K6642" i="2"/>
  <c r="K6616" i="5" s="1"/>
  <c r="O6616" i="5" s="1"/>
  <c r="L4411" i="2"/>
  <c r="L4385" i="5" s="1"/>
  <c r="I4411" i="2"/>
  <c r="I4385" i="5" s="1"/>
  <c r="J4411" i="2"/>
  <c r="J4385" i="5" s="1"/>
  <c r="N4385" i="5" s="1"/>
  <c r="M4411" i="2"/>
  <c r="M4385" i="5" s="1"/>
  <c r="K4411" i="2"/>
  <c r="K4385" i="5" s="1"/>
  <c r="O4385" i="5" s="1"/>
  <c r="J4412" i="2"/>
  <c r="J4386" i="5" s="1"/>
  <c r="N4386" i="5" s="1"/>
  <c r="M4412" i="2"/>
  <c r="M4386" i="5" s="1"/>
  <c r="L4412" i="2"/>
  <c r="L4386" i="5" s="1"/>
  <c r="K4412" i="2"/>
  <c r="K4386" i="5" s="1"/>
  <c r="O4386" i="5" s="1"/>
  <c r="I4412" i="2"/>
  <c r="I4386" i="5" s="1"/>
  <c r="M6521" i="2"/>
  <c r="M6495" i="5" s="1"/>
  <c r="I6521" i="2"/>
  <c r="I6495" i="5" s="1"/>
  <c r="L6521" i="2"/>
  <c r="L6495" i="5" s="1"/>
  <c r="K6521" i="2"/>
  <c r="K6495" i="5" s="1"/>
  <c r="O6495" i="5" s="1"/>
  <c r="J6521" i="2"/>
  <c r="J6495" i="5" s="1"/>
  <c r="N6495" i="5" s="1"/>
  <c r="M2298" i="2"/>
  <c r="M2272" i="5" s="1"/>
  <c r="L2298" i="2"/>
  <c r="L2272" i="5" s="1"/>
  <c r="I2298" i="2"/>
  <c r="I2272" i="5" s="1"/>
  <c r="K2298" i="2"/>
  <c r="K2272" i="5" s="1"/>
  <c r="O2272" i="5" s="1"/>
  <c r="J2298" i="2"/>
  <c r="J2272" i="5" s="1"/>
  <c r="N2272" i="5" s="1"/>
  <c r="K2308" i="2"/>
  <c r="K2282" i="5" s="1"/>
  <c r="O2282" i="5" s="1"/>
  <c r="L2308" i="2"/>
  <c r="L2282" i="5" s="1"/>
  <c r="M2308" i="2"/>
  <c r="M2282" i="5" s="1"/>
  <c r="J2308" i="2"/>
  <c r="J2282" i="5" s="1"/>
  <c r="N2282" i="5" s="1"/>
  <c r="I2308" i="2"/>
  <c r="I2282" i="5" s="1"/>
  <c r="L1258" i="2"/>
  <c r="L1232" i="5" s="1"/>
  <c r="M1258" i="2"/>
  <c r="M1232" i="5" s="1"/>
  <c r="K1258" i="2"/>
  <c r="K1232" i="5" s="1"/>
  <c r="O1232" i="5" s="1"/>
  <c r="J1258" i="2"/>
  <c r="J1232" i="5" s="1"/>
  <c r="N1232" i="5" s="1"/>
  <c r="I1258" i="2"/>
  <c r="I1232" i="5" s="1"/>
  <c r="L1737" i="2"/>
  <c r="L1711" i="5" s="1"/>
  <c r="I1737" i="2"/>
  <c r="I1711" i="5" s="1"/>
  <c r="K1737" i="2"/>
  <c r="K1711" i="5" s="1"/>
  <c r="O1711" i="5" s="1"/>
  <c r="M1737" i="2"/>
  <c r="M1711" i="5" s="1"/>
  <c r="J1737" i="2"/>
  <c r="J1711" i="5" s="1"/>
  <c r="N1711" i="5" s="1"/>
  <c r="I6196" i="2"/>
  <c r="I6170" i="5" s="1"/>
  <c r="M6196" i="2"/>
  <c r="M6170" i="5" s="1"/>
  <c r="L6196" i="2"/>
  <c r="L6170" i="5" s="1"/>
  <c r="K6196" i="2"/>
  <c r="K6170" i="5" s="1"/>
  <c r="O6170" i="5" s="1"/>
  <c r="J6196" i="2"/>
  <c r="J6170" i="5" s="1"/>
  <c r="N6170" i="5" s="1"/>
  <c r="J2666" i="2"/>
  <c r="J2640" i="5" s="1"/>
  <c r="N2640" i="5" s="1"/>
  <c r="M2666" i="2"/>
  <c r="M2640" i="5" s="1"/>
  <c r="K2666" i="2"/>
  <c r="K2640" i="5" s="1"/>
  <c r="O2640" i="5" s="1"/>
  <c r="L2666" i="2"/>
  <c r="L2640" i="5" s="1"/>
  <c r="I2666" i="2"/>
  <c r="I2640" i="5" s="1"/>
  <c r="M6843" i="2"/>
  <c r="M6817" i="5" s="1"/>
  <c r="I6843" i="2"/>
  <c r="I6817" i="5" s="1"/>
  <c r="L6843" i="2"/>
  <c r="L6817" i="5" s="1"/>
  <c r="K6843" i="2"/>
  <c r="K6817" i="5" s="1"/>
  <c r="O6817" i="5" s="1"/>
  <c r="J6843" i="2"/>
  <c r="J6817" i="5" s="1"/>
  <c r="N6817" i="5" s="1"/>
  <c r="K3412" i="2"/>
  <c r="K3386" i="5" s="1"/>
  <c r="O3386" i="5" s="1"/>
  <c r="J3412" i="2"/>
  <c r="J3386" i="5" s="1"/>
  <c r="N3386" i="5" s="1"/>
  <c r="L3412" i="2"/>
  <c r="L3386" i="5" s="1"/>
  <c r="M3412" i="2"/>
  <c r="M3386" i="5" s="1"/>
  <c r="I3412" i="2"/>
  <c r="I3386" i="5" s="1"/>
  <c r="J3071" i="2"/>
  <c r="J3045" i="5" s="1"/>
  <c r="N3045" i="5" s="1"/>
  <c r="I3071" i="2"/>
  <c r="I3045" i="5" s="1"/>
  <c r="K3071" i="2"/>
  <c r="K3045" i="5" s="1"/>
  <c r="O3045" i="5" s="1"/>
  <c r="L3071" i="2"/>
  <c r="L3045" i="5" s="1"/>
  <c r="M3071" i="2"/>
  <c r="M3045" i="5" s="1"/>
  <c r="L1218" i="2"/>
  <c r="L1192" i="5" s="1"/>
  <c r="M1218" i="2"/>
  <c r="M1192" i="5" s="1"/>
  <c r="I1218" i="2"/>
  <c r="I1192" i="5" s="1"/>
  <c r="K1218" i="2"/>
  <c r="K1192" i="5" s="1"/>
  <c r="O1192" i="5" s="1"/>
  <c r="J1218" i="2"/>
  <c r="J1192" i="5" s="1"/>
  <c r="N1192" i="5" s="1"/>
  <c r="K3104" i="2"/>
  <c r="K3078" i="5" s="1"/>
  <c r="O3078" i="5" s="1"/>
  <c r="J3104" i="2"/>
  <c r="J3078" i="5" s="1"/>
  <c r="N3078" i="5" s="1"/>
  <c r="M3104" i="2"/>
  <c r="M3078" i="5" s="1"/>
  <c r="I3104" i="2"/>
  <c r="I3078" i="5" s="1"/>
  <c r="L3104" i="2"/>
  <c r="L3078" i="5" s="1"/>
  <c r="M6934" i="2"/>
  <c r="M6908" i="5" s="1"/>
  <c r="L6934" i="2"/>
  <c r="L6908" i="5" s="1"/>
  <c r="K6934" i="2"/>
  <c r="K6908" i="5" s="1"/>
  <c r="O6908" i="5" s="1"/>
  <c r="J6934" i="2"/>
  <c r="J6908" i="5" s="1"/>
  <c r="N6908" i="5" s="1"/>
  <c r="I6934" i="2"/>
  <c r="I6908" i="5" s="1"/>
  <c r="M3974" i="2"/>
  <c r="M3948" i="5" s="1"/>
  <c r="I3974" i="2"/>
  <c r="I3948" i="5" s="1"/>
  <c r="L3974" i="2"/>
  <c r="L3948" i="5" s="1"/>
  <c r="K3974" i="2"/>
  <c r="K3948" i="5" s="1"/>
  <c r="O3948" i="5" s="1"/>
  <c r="J3974" i="2"/>
  <c r="J3948" i="5" s="1"/>
  <c r="N3948" i="5" s="1"/>
  <c r="I8016" i="2"/>
  <c r="I7990" i="5" s="1"/>
  <c r="K8016" i="2"/>
  <c r="K7990" i="5" s="1"/>
  <c r="O7990" i="5" s="1"/>
  <c r="J8016" i="2"/>
  <c r="J7990" i="5" s="1"/>
  <c r="N7990" i="5" s="1"/>
  <c r="L8016" i="2"/>
  <c r="L7990" i="5" s="1"/>
  <c r="M8016" i="2"/>
  <c r="M7990" i="5" s="1"/>
  <c r="K621" i="2"/>
  <c r="K595" i="5" s="1"/>
  <c r="O595" i="5" s="1"/>
  <c r="I621" i="2"/>
  <c r="I595" i="5" s="1"/>
  <c r="J621" i="2"/>
  <c r="J595" i="5" s="1"/>
  <c r="N595" i="5" s="1"/>
  <c r="L621" i="2"/>
  <c r="L595" i="5" s="1"/>
  <c r="M621" i="2"/>
  <c r="M595" i="5" s="1"/>
  <c r="K2900" i="2"/>
  <c r="K2874" i="5" s="1"/>
  <c r="O2874" i="5" s="1"/>
  <c r="M2900" i="2"/>
  <c r="M2874" i="5" s="1"/>
  <c r="I2900" i="2"/>
  <c r="I2874" i="5" s="1"/>
  <c r="J2900" i="2"/>
  <c r="J2874" i="5" s="1"/>
  <c r="N2874" i="5" s="1"/>
  <c r="L2900" i="2"/>
  <c r="L2874" i="5" s="1"/>
  <c r="I3135" i="2"/>
  <c r="I3109" i="5" s="1"/>
  <c r="K3135" i="2"/>
  <c r="K3109" i="5" s="1"/>
  <c r="O3109" i="5" s="1"/>
  <c r="J3135" i="2"/>
  <c r="J3109" i="5" s="1"/>
  <c r="N3109" i="5" s="1"/>
  <c r="M3135" i="2"/>
  <c r="M3109" i="5" s="1"/>
  <c r="L3135" i="2"/>
  <c r="L3109" i="5" s="1"/>
  <c r="M1965" i="2"/>
  <c r="M1939" i="5" s="1"/>
  <c r="J1965" i="2"/>
  <c r="J1939" i="5" s="1"/>
  <c r="N1939" i="5" s="1"/>
  <c r="I1965" i="2"/>
  <c r="I1939" i="5" s="1"/>
  <c r="K1965" i="2"/>
  <c r="K1939" i="5" s="1"/>
  <c r="O1939" i="5" s="1"/>
  <c r="L1965" i="2"/>
  <c r="L1939" i="5" s="1"/>
  <c r="L8108" i="2"/>
  <c r="L8082" i="5" s="1"/>
  <c r="I8108" i="2"/>
  <c r="I8082" i="5" s="1"/>
  <c r="M8108" i="2"/>
  <c r="M8082" i="5" s="1"/>
  <c r="K8108" i="2"/>
  <c r="K8082" i="5" s="1"/>
  <c r="O8082" i="5" s="1"/>
  <c r="J8108" i="2"/>
  <c r="J8082" i="5" s="1"/>
  <c r="N8082" i="5" s="1"/>
  <c r="J8099" i="2"/>
  <c r="J8073" i="5" s="1"/>
  <c r="N8073" i="5" s="1"/>
  <c r="L8099" i="2"/>
  <c r="L8073" i="5" s="1"/>
  <c r="M8099" i="2"/>
  <c r="M8073" i="5" s="1"/>
  <c r="I8099" i="2"/>
  <c r="I8073" i="5" s="1"/>
  <c r="K8099" i="2"/>
  <c r="K8073" i="5" s="1"/>
  <c r="O8073" i="5" s="1"/>
  <c r="I5355" i="2"/>
  <c r="I5329" i="5" s="1"/>
  <c r="M5355" i="2"/>
  <c r="M5329" i="5" s="1"/>
  <c r="K5355" i="2"/>
  <c r="K5329" i="5" s="1"/>
  <c r="O5329" i="5" s="1"/>
  <c r="L5355" i="2"/>
  <c r="L5329" i="5" s="1"/>
  <c r="J5355" i="2"/>
  <c r="J5329" i="5" s="1"/>
  <c r="N5329" i="5" s="1"/>
  <c r="L5986" i="2"/>
  <c r="L5960" i="5" s="1"/>
  <c r="M5986" i="2"/>
  <c r="M5960" i="5" s="1"/>
  <c r="J5986" i="2"/>
  <c r="J5960" i="5" s="1"/>
  <c r="N5960" i="5" s="1"/>
  <c r="I5986" i="2"/>
  <c r="I5960" i="5" s="1"/>
  <c r="K5986" i="2"/>
  <c r="K5960" i="5" s="1"/>
  <c r="O5960" i="5" s="1"/>
  <c r="K1978" i="2"/>
  <c r="K1952" i="5" s="1"/>
  <c r="O1952" i="5" s="1"/>
  <c r="J1978" i="2"/>
  <c r="J1952" i="5" s="1"/>
  <c r="N1952" i="5" s="1"/>
  <c r="L1978" i="2"/>
  <c r="L1952" i="5" s="1"/>
  <c r="M1978" i="2"/>
  <c r="M1952" i="5" s="1"/>
  <c r="I1978" i="2"/>
  <c r="I1952" i="5" s="1"/>
  <c r="I406" i="2"/>
  <c r="I380" i="5" s="1"/>
  <c r="K406" i="2"/>
  <c r="K380" i="5" s="1"/>
  <c r="O380" i="5" s="1"/>
  <c r="M406" i="2"/>
  <c r="M380" i="5" s="1"/>
  <c r="L406" i="2"/>
  <c r="L380" i="5" s="1"/>
  <c r="J406" i="2"/>
  <c r="J380" i="5" s="1"/>
  <c r="N380" i="5" s="1"/>
  <c r="K3069" i="2"/>
  <c r="K3043" i="5" s="1"/>
  <c r="O3043" i="5" s="1"/>
  <c r="J3069" i="2"/>
  <c r="J3043" i="5" s="1"/>
  <c r="N3043" i="5" s="1"/>
  <c r="L3069" i="2"/>
  <c r="L3043" i="5" s="1"/>
  <c r="M3069" i="2"/>
  <c r="M3043" i="5" s="1"/>
  <c r="I3069" i="2"/>
  <c r="I3043" i="5" s="1"/>
  <c r="L548" i="2"/>
  <c r="L522" i="5" s="1"/>
  <c r="K548" i="2"/>
  <c r="K522" i="5" s="1"/>
  <c r="O522" i="5" s="1"/>
  <c r="M548" i="2"/>
  <c r="M522" i="5" s="1"/>
  <c r="J548" i="2"/>
  <c r="J522" i="5" s="1"/>
  <c r="N522" i="5" s="1"/>
  <c r="I548" i="2"/>
  <c r="I522" i="5" s="1"/>
  <c r="K6629" i="2"/>
  <c r="K6603" i="5" s="1"/>
  <c r="O6603" i="5" s="1"/>
  <c r="J6629" i="2"/>
  <c r="J6603" i="5" s="1"/>
  <c r="N6603" i="5" s="1"/>
  <c r="L6629" i="2"/>
  <c r="L6603" i="5" s="1"/>
  <c r="I6629" i="2"/>
  <c r="I6603" i="5" s="1"/>
  <c r="M6629" i="2"/>
  <c r="M6603" i="5" s="1"/>
  <c r="J1135" i="2"/>
  <c r="J1109" i="5" s="1"/>
  <c r="N1109" i="5" s="1"/>
  <c r="L1135" i="2"/>
  <c r="L1109" i="5" s="1"/>
  <c r="M1135" i="2"/>
  <c r="M1109" i="5" s="1"/>
  <c r="I1135" i="2"/>
  <c r="I1109" i="5" s="1"/>
  <c r="K1135" i="2"/>
  <c r="K1109" i="5" s="1"/>
  <c r="O1109" i="5" s="1"/>
  <c r="L7317" i="2"/>
  <c r="L7291" i="5" s="1"/>
  <c r="J7317" i="2"/>
  <c r="J7291" i="5" s="1"/>
  <c r="N7291" i="5" s="1"/>
  <c r="M7317" i="2"/>
  <c r="M7291" i="5" s="1"/>
  <c r="I7317" i="2"/>
  <c r="I7291" i="5" s="1"/>
  <c r="K7317" i="2"/>
  <c r="K7291" i="5" s="1"/>
  <c r="O7291" i="5" s="1"/>
  <c r="L7313" i="2"/>
  <c r="L7287" i="5" s="1"/>
  <c r="J7313" i="2"/>
  <c r="J7287" i="5" s="1"/>
  <c r="N7287" i="5" s="1"/>
  <c r="M7313" i="2"/>
  <c r="M7287" i="5" s="1"/>
  <c r="I7313" i="2"/>
  <c r="I7287" i="5" s="1"/>
  <c r="K7313" i="2"/>
  <c r="K7287" i="5" s="1"/>
  <c r="O7287" i="5" s="1"/>
  <c r="J7959" i="2"/>
  <c r="J7933" i="5" s="1"/>
  <c r="N7933" i="5" s="1"/>
  <c r="M7959" i="2"/>
  <c r="M7933" i="5" s="1"/>
  <c r="I7959" i="2"/>
  <c r="I7933" i="5" s="1"/>
  <c r="L7959" i="2"/>
  <c r="L7933" i="5" s="1"/>
  <c r="K7959" i="2"/>
  <c r="K7933" i="5" s="1"/>
  <c r="O7933" i="5" s="1"/>
  <c r="I7961" i="2"/>
  <c r="I7935" i="5" s="1"/>
  <c r="K7961" i="2"/>
  <c r="K7935" i="5" s="1"/>
  <c r="O7935" i="5" s="1"/>
  <c r="J7961" i="2"/>
  <c r="J7935" i="5" s="1"/>
  <c r="N7935" i="5" s="1"/>
  <c r="M7961" i="2"/>
  <c r="M7935" i="5" s="1"/>
  <c r="L7961" i="2"/>
  <c r="L7935" i="5" s="1"/>
  <c r="K3266" i="2"/>
  <c r="K3240" i="5" s="1"/>
  <c r="O3240" i="5" s="1"/>
  <c r="M3266" i="2"/>
  <c r="M3240" i="5" s="1"/>
  <c r="L3266" i="2"/>
  <c r="L3240" i="5" s="1"/>
  <c r="I3266" i="2"/>
  <c r="I3240" i="5" s="1"/>
  <c r="J3266" i="2"/>
  <c r="J3240" i="5" s="1"/>
  <c r="N3240" i="5" s="1"/>
  <c r="J5022" i="2"/>
  <c r="J4996" i="5" s="1"/>
  <c r="N4996" i="5" s="1"/>
  <c r="L5022" i="2"/>
  <c r="L4996" i="5" s="1"/>
  <c r="I5022" i="2"/>
  <c r="I4996" i="5" s="1"/>
  <c r="K5022" i="2"/>
  <c r="K4996" i="5" s="1"/>
  <c r="O4996" i="5" s="1"/>
  <c r="M5022" i="2"/>
  <c r="M4996" i="5" s="1"/>
  <c r="I1083" i="2"/>
  <c r="I1057" i="5" s="1"/>
  <c r="K1083" i="2"/>
  <c r="K1057" i="5" s="1"/>
  <c r="O1057" i="5" s="1"/>
  <c r="J1083" i="2"/>
  <c r="J1057" i="5" s="1"/>
  <c r="N1057" i="5" s="1"/>
  <c r="L1083" i="2"/>
  <c r="L1057" i="5" s="1"/>
  <c r="M1083" i="2"/>
  <c r="M1057" i="5" s="1"/>
  <c r="M4015" i="2"/>
  <c r="M3989" i="5" s="1"/>
  <c r="I4015" i="2"/>
  <c r="I3989" i="5" s="1"/>
  <c r="L4015" i="2"/>
  <c r="L3989" i="5" s="1"/>
  <c r="K4015" i="2"/>
  <c r="K3989" i="5" s="1"/>
  <c r="O3989" i="5" s="1"/>
  <c r="J4015" i="2"/>
  <c r="J3989" i="5" s="1"/>
  <c r="N3989" i="5" s="1"/>
  <c r="C173" i="5"/>
  <c r="AR167" i="1"/>
  <c r="I1312" i="2"/>
  <c r="I1286" i="5" s="1"/>
  <c r="K1312" i="2"/>
  <c r="K1286" i="5" s="1"/>
  <c r="O1286" i="5" s="1"/>
  <c r="J1312" i="2"/>
  <c r="J1286" i="5" s="1"/>
  <c r="N1286" i="5" s="1"/>
  <c r="M1312" i="2"/>
  <c r="M1286" i="5" s="1"/>
  <c r="L1312" i="2"/>
  <c r="L1286" i="5" s="1"/>
  <c r="I4318" i="2"/>
  <c r="I4292" i="5" s="1"/>
  <c r="L4318" i="2"/>
  <c r="L4292" i="5" s="1"/>
  <c r="K4318" i="2"/>
  <c r="K4292" i="5" s="1"/>
  <c r="O4292" i="5" s="1"/>
  <c r="J4318" i="2"/>
  <c r="J4292" i="5" s="1"/>
  <c r="N4292" i="5" s="1"/>
  <c r="M4318" i="2"/>
  <c r="M4292" i="5" s="1"/>
  <c r="M3309" i="2"/>
  <c r="M3283" i="5" s="1"/>
  <c r="I3309" i="2"/>
  <c r="I3283" i="5" s="1"/>
  <c r="K3309" i="2"/>
  <c r="K3283" i="5" s="1"/>
  <c r="O3283" i="5" s="1"/>
  <c r="J3309" i="2"/>
  <c r="J3283" i="5" s="1"/>
  <c r="N3283" i="5" s="1"/>
  <c r="L3309" i="2"/>
  <c r="L3283" i="5" s="1"/>
  <c r="J4134" i="2"/>
  <c r="J4108" i="5" s="1"/>
  <c r="N4108" i="5" s="1"/>
  <c r="M4134" i="2"/>
  <c r="M4108" i="5" s="1"/>
  <c r="I4134" i="2"/>
  <c r="I4108" i="5" s="1"/>
  <c r="K4134" i="2"/>
  <c r="K4108" i="5" s="1"/>
  <c r="O4108" i="5" s="1"/>
  <c r="L4134" i="2"/>
  <c r="L4108" i="5" s="1"/>
  <c r="M7450" i="2"/>
  <c r="M7424" i="5" s="1"/>
  <c r="L7450" i="2"/>
  <c r="L7424" i="5" s="1"/>
  <c r="J7450" i="2"/>
  <c r="J7424" i="5" s="1"/>
  <c r="N7424" i="5" s="1"/>
  <c r="I7450" i="2"/>
  <c r="I7424" i="5" s="1"/>
  <c r="K7450" i="2"/>
  <c r="K7424" i="5" s="1"/>
  <c r="O7424" i="5" s="1"/>
  <c r="L4994" i="2"/>
  <c r="L4968" i="5" s="1"/>
  <c r="I4994" i="2"/>
  <c r="I4968" i="5" s="1"/>
  <c r="K4994" i="2"/>
  <c r="K4968" i="5" s="1"/>
  <c r="O4968" i="5" s="1"/>
  <c r="M4994" i="2"/>
  <c r="M4968" i="5" s="1"/>
  <c r="J4994" i="2"/>
  <c r="J4968" i="5" s="1"/>
  <c r="N4968" i="5" s="1"/>
  <c r="I8340" i="2"/>
  <c r="I8314" i="5" s="1"/>
  <c r="K8340" i="2"/>
  <c r="K8314" i="5" s="1"/>
  <c r="O8314" i="5" s="1"/>
  <c r="M8340" i="2"/>
  <c r="M8314" i="5" s="1"/>
  <c r="L8340" i="2"/>
  <c r="L8314" i="5" s="1"/>
  <c r="J8340" i="2"/>
  <c r="J8314" i="5" s="1"/>
  <c r="N8314" i="5" s="1"/>
  <c r="M8792" i="2"/>
  <c r="M8766" i="5" s="1"/>
  <c r="I8792" i="2"/>
  <c r="I8766" i="5" s="1"/>
  <c r="J8792" i="2"/>
  <c r="J8766" i="5" s="1"/>
  <c r="N8766" i="5" s="1"/>
  <c r="L8792" i="2"/>
  <c r="L8766" i="5" s="1"/>
  <c r="K8792" i="2"/>
  <c r="K8766" i="5" s="1"/>
  <c r="O8766" i="5" s="1"/>
  <c r="J8783" i="2"/>
  <c r="J8757" i="5" s="1"/>
  <c r="N8757" i="5" s="1"/>
  <c r="L8783" i="2"/>
  <c r="L8757" i="5" s="1"/>
  <c r="I8783" i="2"/>
  <c r="I8757" i="5" s="1"/>
  <c r="M8783" i="2"/>
  <c r="M8757" i="5" s="1"/>
  <c r="K8783" i="2"/>
  <c r="K8757" i="5" s="1"/>
  <c r="O8757" i="5" s="1"/>
  <c r="M3927" i="2"/>
  <c r="M3901" i="5" s="1"/>
  <c r="I3927" i="2"/>
  <c r="I3901" i="5" s="1"/>
  <c r="L3927" i="2"/>
  <c r="L3901" i="5" s="1"/>
  <c r="K3927" i="2"/>
  <c r="K3901" i="5" s="1"/>
  <c r="O3901" i="5" s="1"/>
  <c r="J3927" i="2"/>
  <c r="J3901" i="5" s="1"/>
  <c r="N3901" i="5" s="1"/>
  <c r="M3924" i="2"/>
  <c r="M3898" i="5" s="1"/>
  <c r="L3924" i="2"/>
  <c r="L3898" i="5" s="1"/>
  <c r="I3924" i="2"/>
  <c r="I3898" i="5" s="1"/>
  <c r="K3924" i="2"/>
  <c r="K3898" i="5" s="1"/>
  <c r="O3898" i="5" s="1"/>
  <c r="J3924" i="2"/>
  <c r="J3898" i="5" s="1"/>
  <c r="N3898" i="5" s="1"/>
  <c r="M8043" i="2"/>
  <c r="M8017" i="5" s="1"/>
  <c r="L8043" i="2"/>
  <c r="L8017" i="5" s="1"/>
  <c r="I8043" i="2"/>
  <c r="I8017" i="5" s="1"/>
  <c r="K8043" i="2"/>
  <c r="K8017" i="5" s="1"/>
  <c r="O8017" i="5" s="1"/>
  <c r="J8043" i="2"/>
  <c r="J8017" i="5" s="1"/>
  <c r="N8017" i="5" s="1"/>
  <c r="J7035" i="2"/>
  <c r="J7009" i="5" s="1"/>
  <c r="N7009" i="5" s="1"/>
  <c r="L7035" i="2"/>
  <c r="L7009" i="5" s="1"/>
  <c r="I7035" i="2"/>
  <c r="I7009" i="5" s="1"/>
  <c r="M7035" i="2"/>
  <c r="M7009" i="5" s="1"/>
  <c r="K7035" i="2"/>
  <c r="K7009" i="5" s="1"/>
  <c r="O7009" i="5" s="1"/>
  <c r="J3574" i="2"/>
  <c r="J3548" i="5" s="1"/>
  <c r="N3548" i="5" s="1"/>
  <c r="L3574" i="2"/>
  <c r="L3548" i="5" s="1"/>
  <c r="I3574" i="2"/>
  <c r="I3548" i="5" s="1"/>
  <c r="K3574" i="2"/>
  <c r="K3548" i="5" s="1"/>
  <c r="O3548" i="5" s="1"/>
  <c r="M3574" i="2"/>
  <c r="M3548" i="5" s="1"/>
  <c r="L1402" i="2"/>
  <c r="L1376" i="5" s="1"/>
  <c r="I1402" i="2"/>
  <c r="I1376" i="5" s="1"/>
  <c r="K1402" i="2"/>
  <c r="K1376" i="5" s="1"/>
  <c r="O1376" i="5" s="1"/>
  <c r="J1402" i="2"/>
  <c r="J1376" i="5" s="1"/>
  <c r="N1376" i="5" s="1"/>
  <c r="M1402" i="2"/>
  <c r="M1376" i="5" s="1"/>
  <c r="I4573" i="2"/>
  <c r="I4547" i="5" s="1"/>
  <c r="J4573" i="2"/>
  <c r="J4547" i="5" s="1"/>
  <c r="N4547" i="5" s="1"/>
  <c r="K4573" i="2"/>
  <c r="K4547" i="5" s="1"/>
  <c r="O4547" i="5" s="1"/>
  <c r="M4573" i="2"/>
  <c r="M4547" i="5" s="1"/>
  <c r="L4573" i="2"/>
  <c r="L4547" i="5" s="1"/>
  <c r="J651" i="2"/>
  <c r="J625" i="5" s="1"/>
  <c r="N625" i="5" s="1"/>
  <c r="K651" i="2"/>
  <c r="K625" i="5" s="1"/>
  <c r="O625" i="5" s="1"/>
  <c r="M651" i="2"/>
  <c r="M625" i="5" s="1"/>
  <c r="L651" i="2"/>
  <c r="L625" i="5" s="1"/>
  <c r="I651" i="2"/>
  <c r="I625" i="5" s="1"/>
  <c r="M7516" i="2"/>
  <c r="M7490" i="5" s="1"/>
  <c r="L7516" i="2"/>
  <c r="L7490" i="5" s="1"/>
  <c r="I7516" i="2"/>
  <c r="I7490" i="5" s="1"/>
  <c r="K7516" i="2"/>
  <c r="K7490" i="5" s="1"/>
  <c r="O7490" i="5" s="1"/>
  <c r="J7516" i="2"/>
  <c r="J7490" i="5" s="1"/>
  <c r="N7490" i="5" s="1"/>
  <c r="J5667" i="2"/>
  <c r="J5641" i="5" s="1"/>
  <c r="N5641" i="5" s="1"/>
  <c r="L5667" i="2"/>
  <c r="L5641" i="5" s="1"/>
  <c r="M5667" i="2"/>
  <c r="M5641" i="5" s="1"/>
  <c r="I5667" i="2"/>
  <c r="I5641" i="5" s="1"/>
  <c r="K5667" i="2"/>
  <c r="K5641" i="5" s="1"/>
  <c r="O5641" i="5" s="1"/>
  <c r="L5819" i="2"/>
  <c r="L5793" i="5" s="1"/>
  <c r="I5819" i="2"/>
  <c r="I5793" i="5" s="1"/>
  <c r="K5819" i="2"/>
  <c r="K5793" i="5" s="1"/>
  <c r="O5793" i="5" s="1"/>
  <c r="J5819" i="2"/>
  <c r="J5793" i="5" s="1"/>
  <c r="N5793" i="5" s="1"/>
  <c r="M5819" i="2"/>
  <c r="M5793" i="5" s="1"/>
  <c r="J6952" i="2"/>
  <c r="J6926" i="5" s="1"/>
  <c r="N6926" i="5" s="1"/>
  <c r="I6952" i="2"/>
  <c r="I6926" i="5" s="1"/>
  <c r="M6952" i="2"/>
  <c r="M6926" i="5" s="1"/>
  <c r="L6952" i="2"/>
  <c r="L6926" i="5" s="1"/>
  <c r="K6952" i="2"/>
  <c r="K6926" i="5" s="1"/>
  <c r="O6926" i="5" s="1"/>
  <c r="K6957" i="2"/>
  <c r="K6931" i="5" s="1"/>
  <c r="O6931" i="5" s="1"/>
  <c r="L6957" i="2"/>
  <c r="L6931" i="5" s="1"/>
  <c r="J6957" i="2"/>
  <c r="J6931" i="5" s="1"/>
  <c r="N6931" i="5" s="1"/>
  <c r="M6957" i="2"/>
  <c r="M6931" i="5" s="1"/>
  <c r="I6957" i="2"/>
  <c r="I6931" i="5" s="1"/>
  <c r="J1608" i="2"/>
  <c r="J1582" i="5" s="1"/>
  <c r="N1582" i="5" s="1"/>
  <c r="M1608" i="2"/>
  <c r="M1582" i="5" s="1"/>
  <c r="K1608" i="2"/>
  <c r="K1582" i="5" s="1"/>
  <c r="O1582" i="5" s="1"/>
  <c r="L1608" i="2"/>
  <c r="L1582" i="5" s="1"/>
  <c r="I1608" i="2"/>
  <c r="I1582" i="5" s="1"/>
  <c r="I7785" i="2"/>
  <c r="I7759" i="5" s="1"/>
  <c r="K7785" i="2"/>
  <c r="K7759" i="5" s="1"/>
  <c r="O7759" i="5" s="1"/>
  <c r="J7785" i="2"/>
  <c r="J7759" i="5" s="1"/>
  <c r="N7759" i="5" s="1"/>
  <c r="M7785" i="2"/>
  <c r="M7759" i="5" s="1"/>
  <c r="L7785" i="2"/>
  <c r="L7759" i="5" s="1"/>
  <c r="L3828" i="2"/>
  <c r="L3802" i="5" s="1"/>
  <c r="M3828" i="2"/>
  <c r="M3802" i="5" s="1"/>
  <c r="I3828" i="2"/>
  <c r="I3802" i="5" s="1"/>
  <c r="K3828" i="2"/>
  <c r="K3802" i="5" s="1"/>
  <c r="O3802" i="5" s="1"/>
  <c r="J3828" i="2"/>
  <c r="J3802" i="5" s="1"/>
  <c r="N3802" i="5" s="1"/>
  <c r="L5092" i="2"/>
  <c r="L5066" i="5" s="1"/>
  <c r="M5092" i="2"/>
  <c r="M5066" i="5" s="1"/>
  <c r="I5092" i="2"/>
  <c r="I5066" i="5" s="1"/>
  <c r="K5092" i="2"/>
  <c r="K5066" i="5" s="1"/>
  <c r="O5066" i="5" s="1"/>
  <c r="J5092" i="2"/>
  <c r="J5066" i="5" s="1"/>
  <c r="N5066" i="5" s="1"/>
  <c r="J5087" i="2"/>
  <c r="J5061" i="5" s="1"/>
  <c r="N5061" i="5" s="1"/>
  <c r="L5087" i="2"/>
  <c r="L5061" i="5" s="1"/>
  <c r="M5087" i="2"/>
  <c r="M5061" i="5" s="1"/>
  <c r="I5087" i="2"/>
  <c r="I5061" i="5" s="1"/>
  <c r="K5087" i="2"/>
  <c r="K5061" i="5" s="1"/>
  <c r="O5061" i="5" s="1"/>
  <c r="J6974" i="2"/>
  <c r="J6948" i="5" s="1"/>
  <c r="N6948" i="5" s="1"/>
  <c r="M6974" i="2"/>
  <c r="M6948" i="5" s="1"/>
  <c r="K6974" i="2"/>
  <c r="K6948" i="5" s="1"/>
  <c r="O6948" i="5" s="1"/>
  <c r="L6974" i="2"/>
  <c r="L6948" i="5" s="1"/>
  <c r="I6974" i="2"/>
  <c r="I6948" i="5" s="1"/>
  <c r="C297" i="5"/>
  <c r="AR291" i="1"/>
  <c r="I6115" i="2"/>
  <c r="I6089" i="5" s="1"/>
  <c r="K6115" i="2"/>
  <c r="K6089" i="5" s="1"/>
  <c r="O6089" i="5" s="1"/>
  <c r="L6115" i="2"/>
  <c r="L6089" i="5" s="1"/>
  <c r="M6115" i="2"/>
  <c r="M6089" i="5" s="1"/>
  <c r="J6115" i="2"/>
  <c r="J6089" i="5" s="1"/>
  <c r="N6089" i="5" s="1"/>
  <c r="I8696" i="2"/>
  <c r="I8670" i="5" s="1"/>
  <c r="J8696" i="2"/>
  <c r="J8670" i="5" s="1"/>
  <c r="N8670" i="5" s="1"/>
  <c r="L8696" i="2"/>
  <c r="L8670" i="5" s="1"/>
  <c r="M8696" i="2"/>
  <c r="M8670" i="5" s="1"/>
  <c r="K8696" i="2"/>
  <c r="K8670" i="5" s="1"/>
  <c r="O8670" i="5" s="1"/>
  <c r="M8681" i="2"/>
  <c r="M8655" i="5" s="1"/>
  <c r="L8681" i="2"/>
  <c r="L8655" i="5" s="1"/>
  <c r="I8681" i="2"/>
  <c r="I8655" i="5" s="1"/>
  <c r="K8681" i="2"/>
  <c r="K8655" i="5" s="1"/>
  <c r="O8655" i="5" s="1"/>
  <c r="J8681" i="2"/>
  <c r="J8655" i="5" s="1"/>
  <c r="N8655" i="5" s="1"/>
  <c r="M4161" i="2"/>
  <c r="M4135" i="5" s="1"/>
  <c r="L4161" i="2"/>
  <c r="L4135" i="5" s="1"/>
  <c r="I4161" i="2"/>
  <c r="I4135" i="5" s="1"/>
  <c r="K4161" i="2"/>
  <c r="K4135" i="5" s="1"/>
  <c r="O4135" i="5" s="1"/>
  <c r="J4161" i="2"/>
  <c r="J4135" i="5" s="1"/>
  <c r="N4135" i="5" s="1"/>
  <c r="K3964" i="2"/>
  <c r="K3938" i="5" s="1"/>
  <c r="O3938" i="5" s="1"/>
  <c r="L3964" i="2"/>
  <c r="L3938" i="5" s="1"/>
  <c r="J3964" i="2"/>
  <c r="J3938" i="5" s="1"/>
  <c r="N3938" i="5" s="1"/>
  <c r="M3964" i="2"/>
  <c r="M3938" i="5" s="1"/>
  <c r="I3964" i="2"/>
  <c r="I3938" i="5" s="1"/>
  <c r="I7142" i="2"/>
  <c r="I7116" i="5" s="1"/>
  <c r="K7142" i="2"/>
  <c r="K7116" i="5" s="1"/>
  <c r="O7116" i="5" s="1"/>
  <c r="M7142" i="2"/>
  <c r="M7116" i="5" s="1"/>
  <c r="J7142" i="2"/>
  <c r="J7116" i="5" s="1"/>
  <c r="N7116" i="5" s="1"/>
  <c r="L7142" i="2"/>
  <c r="L7116" i="5" s="1"/>
  <c r="J4437" i="2"/>
  <c r="J4411" i="5" s="1"/>
  <c r="N4411" i="5" s="1"/>
  <c r="M4437" i="2"/>
  <c r="M4411" i="5" s="1"/>
  <c r="I4437" i="2"/>
  <c r="I4411" i="5" s="1"/>
  <c r="K4437" i="2"/>
  <c r="K4411" i="5" s="1"/>
  <c r="O4411" i="5" s="1"/>
  <c r="L4437" i="2"/>
  <c r="L4411" i="5" s="1"/>
  <c r="K756" i="2"/>
  <c r="K730" i="5" s="1"/>
  <c r="O730" i="5" s="1"/>
  <c r="J756" i="2"/>
  <c r="J730" i="5" s="1"/>
  <c r="N730" i="5" s="1"/>
  <c r="L756" i="2"/>
  <c r="L730" i="5" s="1"/>
  <c r="M756" i="2"/>
  <c r="M730" i="5" s="1"/>
  <c r="I756" i="2"/>
  <c r="I730" i="5" s="1"/>
  <c r="I3475" i="2"/>
  <c r="I3449" i="5" s="1"/>
  <c r="K3475" i="2"/>
  <c r="K3449" i="5" s="1"/>
  <c r="O3449" i="5" s="1"/>
  <c r="J3475" i="2"/>
  <c r="J3449" i="5" s="1"/>
  <c r="N3449" i="5" s="1"/>
  <c r="M3475" i="2"/>
  <c r="M3449" i="5" s="1"/>
  <c r="L3475" i="2"/>
  <c r="L3449" i="5" s="1"/>
  <c r="M2121" i="2"/>
  <c r="M2095" i="5" s="1"/>
  <c r="I2121" i="2"/>
  <c r="I2095" i="5" s="1"/>
  <c r="L2121" i="2"/>
  <c r="L2095" i="5" s="1"/>
  <c r="K2121" i="2"/>
  <c r="K2095" i="5" s="1"/>
  <c r="O2095" i="5" s="1"/>
  <c r="J2121" i="2"/>
  <c r="J2095" i="5" s="1"/>
  <c r="N2095" i="5" s="1"/>
  <c r="K5447" i="2"/>
  <c r="K5421" i="5" s="1"/>
  <c r="O5421" i="5" s="1"/>
  <c r="I5447" i="2"/>
  <c r="I5421" i="5" s="1"/>
  <c r="L5447" i="2"/>
  <c r="L5421" i="5" s="1"/>
  <c r="M5447" i="2"/>
  <c r="M5421" i="5" s="1"/>
  <c r="J5447" i="2"/>
  <c r="J5421" i="5" s="1"/>
  <c r="N5421" i="5" s="1"/>
  <c r="M5441" i="2"/>
  <c r="M5415" i="5" s="1"/>
  <c r="J5441" i="2"/>
  <c r="J5415" i="5" s="1"/>
  <c r="N5415" i="5" s="1"/>
  <c r="L5441" i="2"/>
  <c r="L5415" i="5" s="1"/>
  <c r="I5441" i="2"/>
  <c r="I5415" i="5" s="1"/>
  <c r="K5441" i="2"/>
  <c r="K5415" i="5" s="1"/>
  <c r="O5415" i="5" s="1"/>
  <c r="M1475" i="2"/>
  <c r="M1449" i="5" s="1"/>
  <c r="L1475" i="2"/>
  <c r="L1449" i="5" s="1"/>
  <c r="I1475" i="2"/>
  <c r="I1449" i="5" s="1"/>
  <c r="K1475" i="2"/>
  <c r="K1449" i="5" s="1"/>
  <c r="O1449" i="5" s="1"/>
  <c r="J1475" i="2"/>
  <c r="J1449" i="5" s="1"/>
  <c r="N1449" i="5" s="1"/>
  <c r="I8524" i="2"/>
  <c r="I8498" i="5" s="1"/>
  <c r="K8524" i="2"/>
  <c r="K8498" i="5" s="1"/>
  <c r="O8498" i="5" s="1"/>
  <c r="J8524" i="2"/>
  <c r="J8498" i="5" s="1"/>
  <c r="N8498" i="5" s="1"/>
  <c r="L8524" i="2"/>
  <c r="L8498" i="5" s="1"/>
  <c r="M8524" i="2"/>
  <c r="M8498" i="5" s="1"/>
  <c r="L8506" i="2"/>
  <c r="L8480" i="5" s="1"/>
  <c r="M8506" i="2"/>
  <c r="M8480" i="5" s="1"/>
  <c r="J8506" i="2"/>
  <c r="J8480" i="5" s="1"/>
  <c r="N8480" i="5" s="1"/>
  <c r="K8506" i="2"/>
  <c r="K8480" i="5" s="1"/>
  <c r="O8480" i="5" s="1"/>
  <c r="I8506" i="2"/>
  <c r="I8480" i="5" s="1"/>
  <c r="L5798" i="2"/>
  <c r="L5772" i="5" s="1"/>
  <c r="M5798" i="2"/>
  <c r="M5772" i="5" s="1"/>
  <c r="I5798" i="2"/>
  <c r="I5772" i="5" s="1"/>
  <c r="K5798" i="2"/>
  <c r="K5772" i="5" s="1"/>
  <c r="O5772" i="5" s="1"/>
  <c r="J5798" i="2"/>
  <c r="J5772" i="5" s="1"/>
  <c r="N5772" i="5" s="1"/>
  <c r="J62" i="2"/>
  <c r="J36" i="5" s="1"/>
  <c r="N36" i="5" s="1"/>
  <c r="L62" i="2"/>
  <c r="L36" i="5" s="1"/>
  <c r="M62" i="2"/>
  <c r="M36" i="5" s="1"/>
  <c r="K62" i="2"/>
  <c r="K36" i="5" s="1"/>
  <c r="O36" i="5" s="1"/>
  <c r="I62" i="2"/>
  <c r="I36" i="5" s="1"/>
  <c r="L2771" i="2"/>
  <c r="L2745" i="5" s="1"/>
  <c r="M2771" i="2"/>
  <c r="M2745" i="5" s="1"/>
  <c r="K2771" i="2"/>
  <c r="K2745" i="5" s="1"/>
  <c r="O2745" i="5" s="1"/>
  <c r="J2771" i="2"/>
  <c r="J2745" i="5" s="1"/>
  <c r="N2745" i="5" s="1"/>
  <c r="I2771" i="2"/>
  <c r="I2745" i="5" s="1"/>
  <c r="K1466" i="2"/>
  <c r="K1440" i="5" s="1"/>
  <c r="O1440" i="5" s="1"/>
  <c r="J1466" i="2"/>
  <c r="J1440" i="5" s="1"/>
  <c r="N1440" i="5" s="1"/>
  <c r="M1466" i="2"/>
  <c r="M1440" i="5" s="1"/>
  <c r="I1466" i="2"/>
  <c r="I1440" i="5" s="1"/>
  <c r="L1466" i="2"/>
  <c r="L1440" i="5" s="1"/>
  <c r="L8302" i="2"/>
  <c r="L8276" i="5" s="1"/>
  <c r="M8302" i="2"/>
  <c r="M8276" i="5" s="1"/>
  <c r="J8302" i="2"/>
  <c r="J8276" i="5" s="1"/>
  <c r="N8276" i="5" s="1"/>
  <c r="I8302" i="2"/>
  <c r="I8276" i="5" s="1"/>
  <c r="K8302" i="2"/>
  <c r="K8276" i="5" s="1"/>
  <c r="O8276" i="5" s="1"/>
  <c r="J8295" i="2"/>
  <c r="J8269" i="5" s="1"/>
  <c r="N8269" i="5" s="1"/>
  <c r="L8295" i="2"/>
  <c r="L8269" i="5" s="1"/>
  <c r="M8295" i="2"/>
  <c r="M8269" i="5" s="1"/>
  <c r="I8295" i="2"/>
  <c r="I8269" i="5" s="1"/>
  <c r="K8295" i="2"/>
  <c r="K8269" i="5" s="1"/>
  <c r="O8269" i="5" s="1"/>
  <c r="I1227" i="2"/>
  <c r="I1201" i="5" s="1"/>
  <c r="K1227" i="2"/>
  <c r="K1201" i="5" s="1"/>
  <c r="O1201" i="5" s="1"/>
  <c r="J1227" i="2"/>
  <c r="J1201" i="5" s="1"/>
  <c r="N1201" i="5" s="1"/>
  <c r="L1227" i="2"/>
  <c r="L1201" i="5" s="1"/>
  <c r="M1227" i="2"/>
  <c r="M1201" i="5" s="1"/>
  <c r="J5136" i="2"/>
  <c r="J5110" i="5" s="1"/>
  <c r="N5110" i="5" s="1"/>
  <c r="L5136" i="2"/>
  <c r="L5110" i="5" s="1"/>
  <c r="M5136" i="2"/>
  <c r="M5110" i="5" s="1"/>
  <c r="I5136" i="2"/>
  <c r="I5110" i="5" s="1"/>
  <c r="K5136" i="2"/>
  <c r="K5110" i="5" s="1"/>
  <c r="O5110" i="5" s="1"/>
  <c r="J6031" i="2"/>
  <c r="J6005" i="5" s="1"/>
  <c r="N6005" i="5" s="1"/>
  <c r="L6031" i="2"/>
  <c r="L6005" i="5" s="1"/>
  <c r="M6031" i="2"/>
  <c r="M6005" i="5" s="1"/>
  <c r="I6031" i="2"/>
  <c r="I6005" i="5" s="1"/>
  <c r="K6031" i="2"/>
  <c r="K6005" i="5" s="1"/>
  <c r="O6005" i="5" s="1"/>
  <c r="M56" i="2"/>
  <c r="M30" i="5" s="1"/>
  <c r="L56" i="2"/>
  <c r="L30" i="5" s="1"/>
  <c r="K56" i="2"/>
  <c r="K30" i="5" s="1"/>
  <c r="O30" i="5" s="1"/>
  <c r="J56" i="2"/>
  <c r="J30" i="5" s="1"/>
  <c r="N30" i="5" s="1"/>
  <c r="I56" i="2"/>
  <c r="I30" i="5" s="1"/>
  <c r="J5278" i="2"/>
  <c r="J5252" i="5" s="1"/>
  <c r="N5252" i="5" s="1"/>
  <c r="L5278" i="2"/>
  <c r="L5252" i="5" s="1"/>
  <c r="I5278" i="2"/>
  <c r="I5252" i="5" s="1"/>
  <c r="K5278" i="2"/>
  <c r="K5252" i="5" s="1"/>
  <c r="O5252" i="5" s="1"/>
  <c r="M5278" i="2"/>
  <c r="M5252" i="5" s="1"/>
  <c r="M7660" i="2"/>
  <c r="M7634" i="5" s="1"/>
  <c r="L7660" i="2"/>
  <c r="L7634" i="5" s="1"/>
  <c r="K7660" i="2"/>
  <c r="K7634" i="5" s="1"/>
  <c r="O7634" i="5" s="1"/>
  <c r="I7660" i="2"/>
  <c r="I7634" i="5" s="1"/>
  <c r="J7660" i="2"/>
  <c r="J7634" i="5" s="1"/>
  <c r="N7634" i="5" s="1"/>
  <c r="M1055" i="2"/>
  <c r="M1029" i="5" s="1"/>
  <c r="L1055" i="2"/>
  <c r="L1029" i="5" s="1"/>
  <c r="I1055" i="2"/>
  <c r="I1029" i="5" s="1"/>
  <c r="K1055" i="2"/>
  <c r="K1029" i="5" s="1"/>
  <c r="O1029" i="5" s="1"/>
  <c r="J1055" i="2"/>
  <c r="J1029" i="5" s="1"/>
  <c r="N1029" i="5" s="1"/>
  <c r="M4810" i="2"/>
  <c r="M4784" i="5" s="1"/>
  <c r="L4810" i="2"/>
  <c r="L4784" i="5" s="1"/>
  <c r="I4810" i="2"/>
  <c r="I4784" i="5" s="1"/>
  <c r="K4810" i="2"/>
  <c r="K4784" i="5" s="1"/>
  <c r="O4784" i="5" s="1"/>
  <c r="J4810" i="2"/>
  <c r="J4784" i="5" s="1"/>
  <c r="N4784" i="5" s="1"/>
  <c r="M2271" i="2"/>
  <c r="M2245" i="5" s="1"/>
  <c r="I2271" i="2"/>
  <c r="I2245" i="5" s="1"/>
  <c r="L2271" i="2"/>
  <c r="L2245" i="5" s="1"/>
  <c r="K2271" i="2"/>
  <c r="K2245" i="5" s="1"/>
  <c r="O2245" i="5" s="1"/>
  <c r="J2271" i="2"/>
  <c r="J2245" i="5" s="1"/>
  <c r="N2245" i="5" s="1"/>
  <c r="M6469" i="2"/>
  <c r="M6443" i="5" s="1"/>
  <c r="I6469" i="2"/>
  <c r="I6443" i="5" s="1"/>
  <c r="L6469" i="2"/>
  <c r="L6443" i="5" s="1"/>
  <c r="K6469" i="2"/>
  <c r="K6443" i="5" s="1"/>
  <c r="O6443" i="5" s="1"/>
  <c r="J6469" i="2"/>
  <c r="J6443" i="5" s="1"/>
  <c r="N6443" i="5" s="1"/>
  <c r="L6489" i="2"/>
  <c r="L6463" i="5" s="1"/>
  <c r="I6489" i="2"/>
  <c r="I6463" i="5" s="1"/>
  <c r="M6489" i="2"/>
  <c r="M6463" i="5" s="1"/>
  <c r="K6489" i="2"/>
  <c r="K6463" i="5" s="1"/>
  <c r="O6463" i="5" s="1"/>
  <c r="J6489" i="2"/>
  <c r="J6463" i="5" s="1"/>
  <c r="N6463" i="5" s="1"/>
  <c r="L2646" i="2"/>
  <c r="L2620" i="5" s="1"/>
  <c r="M2646" i="2"/>
  <c r="M2620" i="5" s="1"/>
  <c r="I2646" i="2"/>
  <c r="I2620" i="5" s="1"/>
  <c r="K2646" i="2"/>
  <c r="K2620" i="5" s="1"/>
  <c r="O2620" i="5" s="1"/>
  <c r="J2646" i="2"/>
  <c r="J2620" i="5" s="1"/>
  <c r="N2620" i="5" s="1"/>
  <c r="C116" i="5"/>
  <c r="AR110" i="1"/>
  <c r="J3129" i="2"/>
  <c r="J3103" i="5" s="1"/>
  <c r="N3103" i="5" s="1"/>
  <c r="M3129" i="2"/>
  <c r="M3103" i="5" s="1"/>
  <c r="L3129" i="2"/>
  <c r="L3103" i="5" s="1"/>
  <c r="I3129" i="2"/>
  <c r="I3103" i="5" s="1"/>
  <c r="K3129" i="2"/>
  <c r="K3103" i="5" s="1"/>
  <c r="O3103" i="5" s="1"/>
  <c r="L7014" i="2"/>
  <c r="L6988" i="5" s="1"/>
  <c r="J7014" i="2"/>
  <c r="J6988" i="5" s="1"/>
  <c r="N6988" i="5" s="1"/>
  <c r="M7014" i="2"/>
  <c r="M6988" i="5" s="1"/>
  <c r="I7014" i="2"/>
  <c r="I6988" i="5" s="1"/>
  <c r="K7014" i="2"/>
  <c r="K6988" i="5" s="1"/>
  <c r="O6988" i="5" s="1"/>
  <c r="K1288" i="2"/>
  <c r="K1262" i="5" s="1"/>
  <c r="O1262" i="5" s="1"/>
  <c r="L1288" i="2"/>
  <c r="L1262" i="5" s="1"/>
  <c r="M1288" i="2"/>
  <c r="M1262" i="5" s="1"/>
  <c r="I1288" i="2"/>
  <c r="I1262" i="5" s="1"/>
  <c r="J1288" i="2"/>
  <c r="J1262" i="5" s="1"/>
  <c r="N1262" i="5" s="1"/>
  <c r="J5966" i="2"/>
  <c r="J5940" i="5" s="1"/>
  <c r="N5940" i="5" s="1"/>
  <c r="M5966" i="2"/>
  <c r="M5940" i="5" s="1"/>
  <c r="I5966" i="2"/>
  <c r="I5940" i="5" s="1"/>
  <c r="L5966" i="2"/>
  <c r="L5940" i="5" s="1"/>
  <c r="K5966" i="2"/>
  <c r="K5940" i="5" s="1"/>
  <c r="O5940" i="5" s="1"/>
  <c r="M3095" i="2"/>
  <c r="M3069" i="5" s="1"/>
  <c r="J3095" i="2"/>
  <c r="J3069" i="5" s="1"/>
  <c r="N3069" i="5" s="1"/>
  <c r="I3095" i="2"/>
  <c r="I3069" i="5" s="1"/>
  <c r="L3095" i="2"/>
  <c r="L3069" i="5" s="1"/>
  <c r="K3095" i="2"/>
  <c r="K3069" i="5" s="1"/>
  <c r="O3069" i="5" s="1"/>
  <c r="M1095" i="2"/>
  <c r="M1069" i="5" s="1"/>
  <c r="L1095" i="2"/>
  <c r="L1069" i="5" s="1"/>
  <c r="I1095" i="2"/>
  <c r="I1069" i="5" s="1"/>
  <c r="J1095" i="2"/>
  <c r="J1069" i="5" s="1"/>
  <c r="N1069" i="5" s="1"/>
  <c r="K1095" i="2"/>
  <c r="K1069" i="5" s="1"/>
  <c r="O1069" i="5" s="1"/>
  <c r="M470" i="2"/>
  <c r="M444" i="5" s="1"/>
  <c r="I470" i="2"/>
  <c r="I444" i="5" s="1"/>
  <c r="L470" i="2"/>
  <c r="L444" i="5" s="1"/>
  <c r="K470" i="2"/>
  <c r="K444" i="5" s="1"/>
  <c r="O444" i="5" s="1"/>
  <c r="J470" i="2"/>
  <c r="J444" i="5" s="1"/>
  <c r="N444" i="5" s="1"/>
  <c r="I226" i="2"/>
  <c r="I200" i="5" s="1"/>
  <c r="J226" i="2"/>
  <c r="J200" i="5" s="1"/>
  <c r="N200" i="5" s="1"/>
  <c r="K226" i="2"/>
  <c r="K200" i="5" s="1"/>
  <c r="O200" i="5" s="1"/>
  <c r="M226" i="2"/>
  <c r="M200" i="5" s="1"/>
  <c r="L226" i="2"/>
  <c r="L200" i="5" s="1"/>
  <c r="M233" i="2"/>
  <c r="M207" i="5" s="1"/>
  <c r="L233" i="2"/>
  <c r="L207" i="5" s="1"/>
  <c r="K233" i="2"/>
  <c r="K207" i="5" s="1"/>
  <c r="O207" i="5" s="1"/>
  <c r="J233" i="2"/>
  <c r="J207" i="5" s="1"/>
  <c r="N207" i="5" s="1"/>
  <c r="I233" i="2"/>
  <c r="I207" i="5" s="1"/>
  <c r="I6928" i="2"/>
  <c r="I6902" i="5" s="1"/>
  <c r="K6928" i="2"/>
  <c r="K6902" i="5" s="1"/>
  <c r="O6902" i="5" s="1"/>
  <c r="M6928" i="2"/>
  <c r="M6902" i="5" s="1"/>
  <c r="L6928" i="2"/>
  <c r="L6902" i="5" s="1"/>
  <c r="J6928" i="2"/>
  <c r="J6902" i="5" s="1"/>
  <c r="N6902" i="5" s="1"/>
  <c r="I5503" i="2"/>
  <c r="I5477" i="5" s="1"/>
  <c r="K5503" i="2"/>
  <c r="K5477" i="5" s="1"/>
  <c r="O5477" i="5" s="1"/>
  <c r="L5503" i="2"/>
  <c r="L5477" i="5" s="1"/>
  <c r="J5503" i="2"/>
  <c r="J5477" i="5" s="1"/>
  <c r="N5477" i="5" s="1"/>
  <c r="M5503" i="2"/>
  <c r="M5477" i="5" s="1"/>
  <c r="K4751" i="2"/>
  <c r="K4725" i="5" s="1"/>
  <c r="O4725" i="5" s="1"/>
  <c r="M4751" i="2"/>
  <c r="M4725" i="5" s="1"/>
  <c r="J4751" i="2"/>
  <c r="J4725" i="5" s="1"/>
  <c r="N4725" i="5" s="1"/>
  <c r="I4751" i="2"/>
  <c r="I4725" i="5" s="1"/>
  <c r="L4751" i="2"/>
  <c r="L4725" i="5" s="1"/>
  <c r="M8149" i="2"/>
  <c r="M8123" i="5" s="1"/>
  <c r="I8149" i="2"/>
  <c r="I8123" i="5" s="1"/>
  <c r="K8149" i="2"/>
  <c r="K8123" i="5" s="1"/>
  <c r="O8123" i="5" s="1"/>
  <c r="J8149" i="2"/>
  <c r="J8123" i="5" s="1"/>
  <c r="N8123" i="5" s="1"/>
  <c r="L8149" i="2"/>
  <c r="L8123" i="5" s="1"/>
  <c r="K1905" i="2"/>
  <c r="K1879" i="5" s="1"/>
  <c r="O1879" i="5" s="1"/>
  <c r="J1905" i="2"/>
  <c r="J1879" i="5" s="1"/>
  <c r="N1879" i="5" s="1"/>
  <c r="L1905" i="2"/>
  <c r="L1879" i="5" s="1"/>
  <c r="M1905" i="2"/>
  <c r="M1879" i="5" s="1"/>
  <c r="I1905" i="2"/>
  <c r="I1879" i="5" s="1"/>
  <c r="L4762" i="2"/>
  <c r="L4736" i="5" s="1"/>
  <c r="M4762" i="2"/>
  <c r="M4736" i="5" s="1"/>
  <c r="I4762" i="2"/>
  <c r="I4736" i="5" s="1"/>
  <c r="K4762" i="2"/>
  <c r="K4736" i="5" s="1"/>
  <c r="O4736" i="5" s="1"/>
  <c r="J4762" i="2"/>
  <c r="J4736" i="5" s="1"/>
  <c r="N4736" i="5" s="1"/>
  <c r="M3660" i="2"/>
  <c r="M3634" i="5" s="1"/>
  <c r="K3660" i="2"/>
  <c r="K3634" i="5" s="1"/>
  <c r="O3634" i="5" s="1"/>
  <c r="J3660" i="2"/>
  <c r="J3634" i="5" s="1"/>
  <c r="N3634" i="5" s="1"/>
  <c r="L3660" i="2"/>
  <c r="L3634" i="5" s="1"/>
  <c r="I3660" i="2"/>
  <c r="I3634" i="5" s="1"/>
  <c r="M5649" i="2"/>
  <c r="M5623" i="5" s="1"/>
  <c r="K5649" i="2"/>
  <c r="K5623" i="5" s="1"/>
  <c r="O5623" i="5" s="1"/>
  <c r="L5649" i="2"/>
  <c r="L5623" i="5" s="1"/>
  <c r="I5649" i="2"/>
  <c r="I5623" i="5" s="1"/>
  <c r="J5649" i="2"/>
  <c r="J5623" i="5" s="1"/>
  <c r="N5623" i="5" s="1"/>
  <c r="K5643" i="2"/>
  <c r="K5617" i="5" s="1"/>
  <c r="O5617" i="5" s="1"/>
  <c r="M5643" i="2"/>
  <c r="M5617" i="5" s="1"/>
  <c r="J5643" i="2"/>
  <c r="J5617" i="5" s="1"/>
  <c r="N5617" i="5" s="1"/>
  <c r="L5643" i="2"/>
  <c r="L5617" i="5" s="1"/>
  <c r="I5643" i="2"/>
  <c r="I5617" i="5" s="1"/>
  <c r="I2069" i="2"/>
  <c r="I2043" i="5" s="1"/>
  <c r="L2069" i="2"/>
  <c r="L2043" i="5" s="1"/>
  <c r="K2069" i="2"/>
  <c r="K2043" i="5" s="1"/>
  <c r="O2043" i="5" s="1"/>
  <c r="M2069" i="2"/>
  <c r="M2043" i="5" s="1"/>
  <c r="J2069" i="2"/>
  <c r="J2043" i="5" s="1"/>
  <c r="N2043" i="5" s="1"/>
  <c r="J2050" i="2"/>
  <c r="J2024" i="5" s="1"/>
  <c r="N2024" i="5" s="1"/>
  <c r="M2050" i="2"/>
  <c r="M2024" i="5" s="1"/>
  <c r="I2050" i="2"/>
  <c r="I2024" i="5" s="1"/>
  <c r="L2050" i="2"/>
  <c r="L2024" i="5" s="1"/>
  <c r="K2050" i="2"/>
  <c r="K2024" i="5" s="1"/>
  <c r="O2024" i="5" s="1"/>
  <c r="J7622" i="2"/>
  <c r="J7596" i="5" s="1"/>
  <c r="N7596" i="5" s="1"/>
  <c r="M7622" i="2"/>
  <c r="M7596" i="5" s="1"/>
  <c r="L7622" i="2"/>
  <c r="L7596" i="5" s="1"/>
  <c r="I7622" i="2"/>
  <c r="I7596" i="5" s="1"/>
  <c r="K7622" i="2"/>
  <c r="K7596" i="5" s="1"/>
  <c r="O7596" i="5" s="1"/>
  <c r="K4460" i="2"/>
  <c r="K4434" i="5" s="1"/>
  <c r="O4434" i="5" s="1"/>
  <c r="L4460" i="2"/>
  <c r="L4434" i="5" s="1"/>
  <c r="I4460" i="2"/>
  <c r="I4434" i="5" s="1"/>
  <c r="M4460" i="2"/>
  <c r="M4434" i="5" s="1"/>
  <c r="J4460" i="2"/>
  <c r="J4434" i="5" s="1"/>
  <c r="N4434" i="5" s="1"/>
  <c r="M7676" i="2"/>
  <c r="M7650" i="5" s="1"/>
  <c r="L7676" i="2"/>
  <c r="L7650" i="5" s="1"/>
  <c r="I7676" i="2"/>
  <c r="I7650" i="5" s="1"/>
  <c r="K7676" i="2"/>
  <c r="K7650" i="5" s="1"/>
  <c r="O7650" i="5" s="1"/>
  <c r="J7676" i="2"/>
  <c r="J7650" i="5" s="1"/>
  <c r="N7650" i="5" s="1"/>
  <c r="J7670" i="2"/>
  <c r="J7644" i="5" s="1"/>
  <c r="N7644" i="5" s="1"/>
  <c r="I7670" i="2"/>
  <c r="I7644" i="5" s="1"/>
  <c r="L7670" i="2"/>
  <c r="L7644" i="5" s="1"/>
  <c r="K7670" i="2"/>
  <c r="K7644" i="5" s="1"/>
  <c r="O7644" i="5" s="1"/>
  <c r="M7670" i="2"/>
  <c r="M7644" i="5" s="1"/>
  <c r="K4179" i="2"/>
  <c r="K4153" i="5" s="1"/>
  <c r="O4153" i="5" s="1"/>
  <c r="J4179" i="2"/>
  <c r="J4153" i="5" s="1"/>
  <c r="N4153" i="5" s="1"/>
  <c r="L4179" i="2"/>
  <c r="L4153" i="5" s="1"/>
  <c r="I4179" i="2"/>
  <c r="I4153" i="5" s="1"/>
  <c r="M4179" i="2"/>
  <c r="M4153" i="5" s="1"/>
  <c r="J2405" i="2"/>
  <c r="J2379" i="5" s="1"/>
  <c r="N2379" i="5" s="1"/>
  <c r="L2405" i="2"/>
  <c r="L2379" i="5" s="1"/>
  <c r="M2405" i="2"/>
  <c r="M2379" i="5" s="1"/>
  <c r="I2405" i="2"/>
  <c r="I2379" i="5" s="1"/>
  <c r="K2405" i="2"/>
  <c r="K2379" i="5" s="1"/>
  <c r="O2379" i="5" s="1"/>
  <c r="M8626" i="2"/>
  <c r="M8600" i="5" s="1"/>
  <c r="I8626" i="2"/>
  <c r="I8600" i="5" s="1"/>
  <c r="K8626" i="2"/>
  <c r="K8600" i="5" s="1"/>
  <c r="O8600" i="5" s="1"/>
  <c r="L8626" i="2"/>
  <c r="L8600" i="5" s="1"/>
  <c r="J8626" i="2"/>
  <c r="J8600" i="5" s="1"/>
  <c r="N8600" i="5" s="1"/>
  <c r="L3656" i="2"/>
  <c r="L3630" i="5" s="1"/>
  <c r="M3656" i="2"/>
  <c r="M3630" i="5" s="1"/>
  <c r="K3656" i="2"/>
  <c r="K3630" i="5" s="1"/>
  <c r="O3630" i="5" s="1"/>
  <c r="I3656" i="2"/>
  <c r="I3630" i="5" s="1"/>
  <c r="J3656" i="2"/>
  <c r="J3630" i="5" s="1"/>
  <c r="N3630" i="5" s="1"/>
  <c r="L3597" i="2"/>
  <c r="L3571" i="5" s="1"/>
  <c r="I3597" i="2"/>
  <c r="I3571" i="5" s="1"/>
  <c r="J3597" i="2"/>
  <c r="J3571" i="5" s="1"/>
  <c r="N3571" i="5" s="1"/>
  <c r="M3597" i="2"/>
  <c r="M3571" i="5" s="1"/>
  <c r="K3597" i="2"/>
  <c r="K3571" i="5" s="1"/>
  <c r="O3571" i="5" s="1"/>
  <c r="M5506" i="2"/>
  <c r="M5480" i="5" s="1"/>
  <c r="L5506" i="2"/>
  <c r="L5480" i="5" s="1"/>
  <c r="J5506" i="2"/>
  <c r="J5480" i="5" s="1"/>
  <c r="N5480" i="5" s="1"/>
  <c r="I5506" i="2"/>
  <c r="I5480" i="5" s="1"/>
  <c r="K5506" i="2"/>
  <c r="K5480" i="5" s="1"/>
  <c r="O5480" i="5" s="1"/>
  <c r="M5512" i="2"/>
  <c r="M5486" i="5" s="1"/>
  <c r="I5512" i="2"/>
  <c r="I5486" i="5" s="1"/>
  <c r="L5512" i="2"/>
  <c r="L5486" i="5" s="1"/>
  <c r="K5512" i="2"/>
  <c r="K5486" i="5" s="1"/>
  <c r="O5486" i="5" s="1"/>
  <c r="J5512" i="2"/>
  <c r="J5486" i="5" s="1"/>
  <c r="N5486" i="5" s="1"/>
  <c r="L5244" i="2"/>
  <c r="L5218" i="5" s="1"/>
  <c r="M5244" i="2"/>
  <c r="M5218" i="5" s="1"/>
  <c r="I5244" i="2"/>
  <c r="I5218" i="5" s="1"/>
  <c r="K5244" i="2"/>
  <c r="K5218" i="5" s="1"/>
  <c r="O5218" i="5" s="1"/>
  <c r="J5244" i="2"/>
  <c r="J5218" i="5" s="1"/>
  <c r="N5218" i="5" s="1"/>
  <c r="I6604" i="2"/>
  <c r="I6578" i="5" s="1"/>
  <c r="L6604" i="2"/>
  <c r="L6578" i="5" s="1"/>
  <c r="K6604" i="2"/>
  <c r="K6578" i="5" s="1"/>
  <c r="O6578" i="5" s="1"/>
  <c r="J6604" i="2"/>
  <c r="J6578" i="5" s="1"/>
  <c r="N6578" i="5" s="1"/>
  <c r="M6604" i="2"/>
  <c r="M6578" i="5" s="1"/>
  <c r="AR275" i="1"/>
  <c r="C281" i="5"/>
  <c r="I2497" i="2"/>
  <c r="I2471" i="5" s="1"/>
  <c r="K2497" i="2"/>
  <c r="K2471" i="5" s="1"/>
  <c r="O2471" i="5" s="1"/>
  <c r="J2497" i="2"/>
  <c r="J2471" i="5" s="1"/>
  <c r="N2471" i="5" s="1"/>
  <c r="L2497" i="2"/>
  <c r="L2471" i="5" s="1"/>
  <c r="M2497" i="2"/>
  <c r="M2471" i="5" s="1"/>
  <c r="J2581" i="2"/>
  <c r="J2555" i="5" s="1"/>
  <c r="N2555" i="5" s="1"/>
  <c r="L2581" i="2"/>
  <c r="L2555" i="5" s="1"/>
  <c r="M2581" i="2"/>
  <c r="M2555" i="5" s="1"/>
  <c r="I2581" i="2"/>
  <c r="I2555" i="5" s="1"/>
  <c r="K2581" i="2"/>
  <c r="K2555" i="5" s="1"/>
  <c r="O2555" i="5" s="1"/>
  <c r="I6319" i="2"/>
  <c r="I6293" i="5" s="1"/>
  <c r="K6319" i="2"/>
  <c r="K6293" i="5" s="1"/>
  <c r="O6293" i="5" s="1"/>
  <c r="M6319" i="2"/>
  <c r="M6293" i="5" s="1"/>
  <c r="J6319" i="2"/>
  <c r="J6293" i="5" s="1"/>
  <c r="N6293" i="5" s="1"/>
  <c r="L6319" i="2"/>
  <c r="L6293" i="5" s="1"/>
  <c r="J3800" i="2"/>
  <c r="J3774" i="5" s="1"/>
  <c r="N3774" i="5" s="1"/>
  <c r="L3800" i="2"/>
  <c r="L3774" i="5" s="1"/>
  <c r="M3800" i="2"/>
  <c r="M3774" i="5" s="1"/>
  <c r="I3800" i="2"/>
  <c r="I3774" i="5" s="1"/>
  <c r="K3800" i="2"/>
  <c r="K3774" i="5" s="1"/>
  <c r="O3774" i="5" s="1"/>
  <c r="J3784" i="2"/>
  <c r="J3758" i="5" s="1"/>
  <c r="N3758" i="5" s="1"/>
  <c r="M3784" i="2"/>
  <c r="M3758" i="5" s="1"/>
  <c r="I3784" i="2"/>
  <c r="I3758" i="5" s="1"/>
  <c r="L3784" i="2"/>
  <c r="L3758" i="5" s="1"/>
  <c r="K3784" i="2"/>
  <c r="K3758" i="5" s="1"/>
  <c r="O3758" i="5" s="1"/>
  <c r="M2161" i="2"/>
  <c r="M2135" i="5" s="1"/>
  <c r="J2161" i="2"/>
  <c r="J2135" i="5" s="1"/>
  <c r="N2135" i="5" s="1"/>
  <c r="L2161" i="2"/>
  <c r="L2135" i="5" s="1"/>
  <c r="I2161" i="2"/>
  <c r="I2135" i="5" s="1"/>
  <c r="K2161" i="2"/>
  <c r="K2135" i="5" s="1"/>
  <c r="O2135" i="5" s="1"/>
  <c r="L6280" i="2"/>
  <c r="L6254" i="5" s="1"/>
  <c r="I6280" i="2"/>
  <c r="I6254" i="5" s="1"/>
  <c r="M6280" i="2"/>
  <c r="M6254" i="5" s="1"/>
  <c r="K6280" i="2"/>
  <c r="K6254" i="5" s="1"/>
  <c r="O6254" i="5" s="1"/>
  <c r="J6280" i="2"/>
  <c r="J6254" i="5" s="1"/>
  <c r="N6254" i="5" s="1"/>
  <c r="I3420" i="2"/>
  <c r="I3394" i="5" s="1"/>
  <c r="K3420" i="2"/>
  <c r="K3394" i="5" s="1"/>
  <c r="O3394" i="5" s="1"/>
  <c r="J3420" i="2"/>
  <c r="J3394" i="5" s="1"/>
  <c r="N3394" i="5" s="1"/>
  <c r="M3420" i="2"/>
  <c r="M3394" i="5" s="1"/>
  <c r="L3420" i="2"/>
  <c r="L3394" i="5" s="1"/>
  <c r="L3441" i="2"/>
  <c r="L3415" i="5" s="1"/>
  <c r="J3441" i="2"/>
  <c r="J3415" i="5" s="1"/>
  <c r="N3415" i="5" s="1"/>
  <c r="M3441" i="2"/>
  <c r="M3415" i="5" s="1"/>
  <c r="I3441" i="2"/>
  <c r="I3415" i="5" s="1"/>
  <c r="K3441" i="2"/>
  <c r="K3415" i="5" s="1"/>
  <c r="O3415" i="5" s="1"/>
  <c r="I6789" i="2"/>
  <c r="I6763" i="5" s="1"/>
  <c r="K6789" i="2"/>
  <c r="K6763" i="5" s="1"/>
  <c r="O6763" i="5" s="1"/>
  <c r="J6789" i="2"/>
  <c r="J6763" i="5" s="1"/>
  <c r="N6763" i="5" s="1"/>
  <c r="M6789" i="2"/>
  <c r="M6763" i="5" s="1"/>
  <c r="L6789" i="2"/>
  <c r="L6763" i="5" s="1"/>
  <c r="I7305" i="2"/>
  <c r="I7279" i="5" s="1"/>
  <c r="K7305" i="2"/>
  <c r="K7279" i="5" s="1"/>
  <c r="O7279" i="5" s="1"/>
  <c r="J7305" i="2"/>
  <c r="J7279" i="5" s="1"/>
  <c r="N7279" i="5" s="1"/>
  <c r="L7305" i="2"/>
  <c r="L7279" i="5" s="1"/>
  <c r="M7305" i="2"/>
  <c r="M7279" i="5" s="1"/>
  <c r="J1241" i="2"/>
  <c r="J1215" i="5" s="1"/>
  <c r="N1215" i="5" s="1"/>
  <c r="L1241" i="2"/>
  <c r="L1215" i="5" s="1"/>
  <c r="I1241" i="2"/>
  <c r="I1215" i="5" s="1"/>
  <c r="K1241" i="2"/>
  <c r="K1215" i="5" s="1"/>
  <c r="O1215" i="5" s="1"/>
  <c r="M1241" i="2"/>
  <c r="M1215" i="5" s="1"/>
  <c r="C58" i="5"/>
  <c r="AR52" i="1"/>
  <c r="K3277" i="2"/>
  <c r="K3251" i="5" s="1"/>
  <c r="O3251" i="5" s="1"/>
  <c r="L3277" i="2"/>
  <c r="L3251" i="5" s="1"/>
  <c r="I3277" i="2"/>
  <c r="I3251" i="5" s="1"/>
  <c r="J3277" i="2"/>
  <c r="J3251" i="5" s="1"/>
  <c r="N3251" i="5" s="1"/>
  <c r="M3277" i="2"/>
  <c r="M3251" i="5" s="1"/>
  <c r="L6824" i="2"/>
  <c r="L6798" i="5" s="1"/>
  <c r="M6824" i="2"/>
  <c r="M6798" i="5" s="1"/>
  <c r="I6824" i="2"/>
  <c r="I6798" i="5" s="1"/>
  <c r="K6824" i="2"/>
  <c r="K6798" i="5" s="1"/>
  <c r="O6798" i="5" s="1"/>
  <c r="J6824" i="2"/>
  <c r="J6798" i="5" s="1"/>
  <c r="N6798" i="5" s="1"/>
  <c r="I5414" i="2"/>
  <c r="I5388" i="5" s="1"/>
  <c r="K5414" i="2"/>
  <c r="K5388" i="5" s="1"/>
  <c r="O5388" i="5" s="1"/>
  <c r="J5414" i="2"/>
  <c r="J5388" i="5" s="1"/>
  <c r="N5388" i="5" s="1"/>
  <c r="L5414" i="2"/>
  <c r="L5388" i="5" s="1"/>
  <c r="M5414" i="2"/>
  <c r="M5388" i="5" s="1"/>
  <c r="L127" i="2"/>
  <c r="L101" i="5" s="1"/>
  <c r="M127" i="2"/>
  <c r="M101" i="5" s="1"/>
  <c r="J127" i="2"/>
  <c r="J101" i="5" s="1"/>
  <c r="N101" i="5" s="1"/>
  <c r="K127" i="2"/>
  <c r="K101" i="5" s="1"/>
  <c r="O101" i="5" s="1"/>
  <c r="I127" i="2"/>
  <c r="I101" i="5" s="1"/>
  <c r="K111" i="2"/>
  <c r="K85" i="5" s="1"/>
  <c r="O85" i="5" s="1"/>
  <c r="J111" i="2"/>
  <c r="J85" i="5" s="1"/>
  <c r="N85" i="5" s="1"/>
  <c r="L111" i="2"/>
  <c r="L85" i="5" s="1"/>
  <c r="M111" i="2"/>
  <c r="M85" i="5" s="1"/>
  <c r="I111" i="2"/>
  <c r="I85" i="5" s="1"/>
  <c r="K3907" i="2"/>
  <c r="K3881" i="5" s="1"/>
  <c r="O3881" i="5" s="1"/>
  <c r="M3907" i="2"/>
  <c r="M3881" i="5" s="1"/>
  <c r="I3907" i="2"/>
  <c r="I3881" i="5" s="1"/>
  <c r="L3907" i="2"/>
  <c r="L3881" i="5" s="1"/>
  <c r="J3907" i="2"/>
  <c r="J3881" i="5" s="1"/>
  <c r="N3881" i="5" s="1"/>
  <c r="J3905" i="2"/>
  <c r="J3879" i="5" s="1"/>
  <c r="N3879" i="5" s="1"/>
  <c r="M3905" i="2"/>
  <c r="M3879" i="5" s="1"/>
  <c r="L3905" i="2"/>
  <c r="L3879" i="5" s="1"/>
  <c r="I3905" i="2"/>
  <c r="I3879" i="5" s="1"/>
  <c r="K3905" i="2"/>
  <c r="K3879" i="5" s="1"/>
  <c r="O3879" i="5" s="1"/>
  <c r="L263" i="2"/>
  <c r="L237" i="5" s="1"/>
  <c r="J263" i="2"/>
  <c r="J237" i="5" s="1"/>
  <c r="N237" i="5" s="1"/>
  <c r="I263" i="2"/>
  <c r="I237" i="5" s="1"/>
  <c r="M263" i="2"/>
  <c r="M237" i="5" s="1"/>
  <c r="K263" i="2"/>
  <c r="K237" i="5" s="1"/>
  <c r="O237" i="5" s="1"/>
  <c r="M6362" i="2"/>
  <c r="M6336" i="5" s="1"/>
  <c r="I6362" i="2"/>
  <c r="I6336" i="5" s="1"/>
  <c r="J6362" i="2"/>
  <c r="J6336" i="5" s="1"/>
  <c r="N6336" i="5" s="1"/>
  <c r="L6362" i="2"/>
  <c r="L6336" i="5" s="1"/>
  <c r="K6362" i="2"/>
  <c r="K6336" i="5" s="1"/>
  <c r="O6336" i="5" s="1"/>
  <c r="L7204" i="2"/>
  <c r="L7178" i="5" s="1"/>
  <c r="I7204" i="2"/>
  <c r="I7178" i="5" s="1"/>
  <c r="K7204" i="2"/>
  <c r="K7178" i="5" s="1"/>
  <c r="O7178" i="5" s="1"/>
  <c r="J7204" i="2"/>
  <c r="J7178" i="5" s="1"/>
  <c r="N7178" i="5" s="1"/>
  <c r="M7204" i="2"/>
  <c r="M7178" i="5" s="1"/>
  <c r="C306" i="5"/>
  <c r="AR300" i="1"/>
  <c r="J1580" i="2"/>
  <c r="J1554" i="5" s="1"/>
  <c r="N1554" i="5" s="1"/>
  <c r="L1580" i="2"/>
  <c r="L1554" i="5" s="1"/>
  <c r="K1580" i="2"/>
  <c r="K1554" i="5" s="1"/>
  <c r="O1554" i="5" s="1"/>
  <c r="M1580" i="2"/>
  <c r="M1554" i="5" s="1"/>
  <c r="I1580" i="2"/>
  <c r="I1554" i="5" s="1"/>
  <c r="K3512" i="2"/>
  <c r="K3486" i="5" s="1"/>
  <c r="O3486" i="5" s="1"/>
  <c r="L3512" i="2"/>
  <c r="L3486" i="5" s="1"/>
  <c r="I3512" i="2"/>
  <c r="I3486" i="5" s="1"/>
  <c r="J3512" i="2"/>
  <c r="J3486" i="5" s="1"/>
  <c r="N3486" i="5" s="1"/>
  <c r="M3512" i="2"/>
  <c r="M3486" i="5" s="1"/>
  <c r="J6702" i="2"/>
  <c r="J6676" i="5" s="1"/>
  <c r="N6676" i="5" s="1"/>
  <c r="L6702" i="2"/>
  <c r="L6676" i="5" s="1"/>
  <c r="M6702" i="2"/>
  <c r="M6676" i="5" s="1"/>
  <c r="I6702" i="2"/>
  <c r="I6676" i="5" s="1"/>
  <c r="K6702" i="2"/>
  <c r="K6676" i="5" s="1"/>
  <c r="O6676" i="5" s="1"/>
  <c r="I7126" i="2"/>
  <c r="I7100" i="5" s="1"/>
  <c r="L7126" i="2"/>
  <c r="L7100" i="5" s="1"/>
  <c r="J7126" i="2"/>
  <c r="J7100" i="5" s="1"/>
  <c r="N7100" i="5" s="1"/>
  <c r="K7126" i="2"/>
  <c r="K7100" i="5" s="1"/>
  <c r="O7100" i="5" s="1"/>
  <c r="M7126" i="2"/>
  <c r="M7100" i="5" s="1"/>
  <c r="J7120" i="2"/>
  <c r="J7094" i="5" s="1"/>
  <c r="N7094" i="5" s="1"/>
  <c r="L7120" i="2"/>
  <c r="L7094" i="5" s="1"/>
  <c r="M7120" i="2"/>
  <c r="M7094" i="5" s="1"/>
  <c r="I7120" i="2"/>
  <c r="I7094" i="5" s="1"/>
  <c r="K7120" i="2"/>
  <c r="K7094" i="5" s="1"/>
  <c r="O7094" i="5" s="1"/>
  <c r="L2144" i="2"/>
  <c r="L2118" i="5" s="1"/>
  <c r="M2144" i="2"/>
  <c r="M2118" i="5" s="1"/>
  <c r="I2144" i="2"/>
  <c r="I2118" i="5" s="1"/>
  <c r="K2144" i="2"/>
  <c r="K2118" i="5" s="1"/>
  <c r="O2118" i="5" s="1"/>
  <c r="J2144" i="2"/>
  <c r="J2118" i="5" s="1"/>
  <c r="N2118" i="5" s="1"/>
  <c r="M3345" i="2"/>
  <c r="M3319" i="5" s="1"/>
  <c r="I3345" i="2"/>
  <c r="I3319" i="5" s="1"/>
  <c r="K3345" i="2"/>
  <c r="K3319" i="5" s="1"/>
  <c r="O3319" i="5" s="1"/>
  <c r="L3345" i="2"/>
  <c r="L3319" i="5" s="1"/>
  <c r="J3345" i="2"/>
  <c r="J3319" i="5" s="1"/>
  <c r="N3319" i="5" s="1"/>
  <c r="M4515" i="2"/>
  <c r="M4489" i="5" s="1"/>
  <c r="L4515" i="2"/>
  <c r="L4489" i="5" s="1"/>
  <c r="I4515" i="2"/>
  <c r="I4489" i="5" s="1"/>
  <c r="K4515" i="2"/>
  <c r="K4489" i="5" s="1"/>
  <c r="O4489" i="5" s="1"/>
  <c r="J4515" i="2"/>
  <c r="J4489" i="5" s="1"/>
  <c r="N4489" i="5" s="1"/>
  <c r="L7443" i="2"/>
  <c r="L7417" i="5" s="1"/>
  <c r="M7443" i="2"/>
  <c r="M7417" i="5" s="1"/>
  <c r="I7443" i="2"/>
  <c r="I7417" i="5" s="1"/>
  <c r="K7443" i="2"/>
  <c r="K7417" i="5" s="1"/>
  <c r="O7417" i="5" s="1"/>
  <c r="J7443" i="2"/>
  <c r="J7417" i="5" s="1"/>
  <c r="N7417" i="5" s="1"/>
  <c r="J6490" i="2"/>
  <c r="J6464" i="5" s="1"/>
  <c r="N6464" i="5" s="1"/>
  <c r="I6490" i="2"/>
  <c r="I6464" i="5" s="1"/>
  <c r="K6490" i="2"/>
  <c r="K6464" i="5" s="1"/>
  <c r="O6464" i="5" s="1"/>
  <c r="M6490" i="2"/>
  <c r="M6464" i="5" s="1"/>
  <c r="L6490" i="2"/>
  <c r="L6464" i="5" s="1"/>
  <c r="M4854" i="2"/>
  <c r="M4828" i="5" s="1"/>
  <c r="J4854" i="2"/>
  <c r="J4828" i="5" s="1"/>
  <c r="N4828" i="5" s="1"/>
  <c r="L4854" i="2"/>
  <c r="L4828" i="5" s="1"/>
  <c r="I4854" i="2"/>
  <c r="I4828" i="5" s="1"/>
  <c r="K4854" i="2"/>
  <c r="K4828" i="5" s="1"/>
  <c r="O4828" i="5" s="1"/>
  <c r="J4846" i="2"/>
  <c r="J4820" i="5" s="1"/>
  <c r="N4820" i="5" s="1"/>
  <c r="M4846" i="2"/>
  <c r="M4820" i="5" s="1"/>
  <c r="L4846" i="2"/>
  <c r="L4820" i="5" s="1"/>
  <c r="I4846" i="2"/>
  <c r="I4820" i="5" s="1"/>
  <c r="K4846" i="2"/>
  <c r="K4820" i="5" s="1"/>
  <c r="O4820" i="5" s="1"/>
  <c r="K7860" i="2"/>
  <c r="K7834" i="5" s="1"/>
  <c r="O7834" i="5" s="1"/>
  <c r="J7860" i="2"/>
  <c r="J7834" i="5" s="1"/>
  <c r="N7834" i="5" s="1"/>
  <c r="L7860" i="2"/>
  <c r="L7834" i="5" s="1"/>
  <c r="M7860" i="2"/>
  <c r="M7834" i="5" s="1"/>
  <c r="I7860" i="2"/>
  <c r="I7834" i="5" s="1"/>
  <c r="M4927" i="2"/>
  <c r="M4901" i="5" s="1"/>
  <c r="L4927" i="2"/>
  <c r="L4901" i="5" s="1"/>
  <c r="I4927" i="2"/>
  <c r="I4901" i="5" s="1"/>
  <c r="K4927" i="2"/>
  <c r="K4901" i="5" s="1"/>
  <c r="O4901" i="5" s="1"/>
  <c r="J4927" i="2"/>
  <c r="J4901" i="5" s="1"/>
  <c r="N4901" i="5" s="1"/>
  <c r="K4918" i="2"/>
  <c r="K4892" i="5" s="1"/>
  <c r="O4892" i="5" s="1"/>
  <c r="M4918" i="2"/>
  <c r="M4892" i="5" s="1"/>
  <c r="J4918" i="2"/>
  <c r="J4892" i="5" s="1"/>
  <c r="N4892" i="5" s="1"/>
  <c r="L4918" i="2"/>
  <c r="L4892" i="5" s="1"/>
  <c r="I4918" i="2"/>
  <c r="I4892" i="5" s="1"/>
  <c r="L8277" i="2"/>
  <c r="L8251" i="5" s="1"/>
  <c r="I8277" i="2"/>
  <c r="I8251" i="5" s="1"/>
  <c r="K8277" i="2"/>
  <c r="K8251" i="5" s="1"/>
  <c r="O8251" i="5" s="1"/>
  <c r="J8277" i="2"/>
  <c r="J8251" i="5" s="1"/>
  <c r="N8251" i="5" s="1"/>
  <c r="M8277" i="2"/>
  <c r="M8251" i="5" s="1"/>
  <c r="M4632" i="2"/>
  <c r="M4606" i="5" s="1"/>
  <c r="I4632" i="2"/>
  <c r="I4606" i="5" s="1"/>
  <c r="K4632" i="2"/>
  <c r="K4606" i="5" s="1"/>
  <c r="O4606" i="5" s="1"/>
  <c r="J4632" i="2"/>
  <c r="J4606" i="5" s="1"/>
  <c r="N4606" i="5" s="1"/>
  <c r="L4632" i="2"/>
  <c r="L4606" i="5" s="1"/>
  <c r="J2426" i="2"/>
  <c r="J2400" i="5" s="1"/>
  <c r="N2400" i="5" s="1"/>
  <c r="L2426" i="2"/>
  <c r="L2400" i="5" s="1"/>
  <c r="M2426" i="2"/>
  <c r="M2400" i="5" s="1"/>
  <c r="I2426" i="2"/>
  <c r="I2400" i="5" s="1"/>
  <c r="K2426" i="2"/>
  <c r="K2400" i="5" s="1"/>
  <c r="O2400" i="5" s="1"/>
  <c r="I2413" i="2"/>
  <c r="I2387" i="5" s="1"/>
  <c r="K2413" i="2"/>
  <c r="K2387" i="5" s="1"/>
  <c r="O2387" i="5" s="1"/>
  <c r="M2413" i="2"/>
  <c r="M2387" i="5" s="1"/>
  <c r="J2413" i="2"/>
  <c r="J2387" i="5" s="1"/>
  <c r="N2387" i="5" s="1"/>
  <c r="L2413" i="2"/>
  <c r="L2387" i="5" s="1"/>
  <c r="M5305" i="2"/>
  <c r="M5279" i="5" s="1"/>
  <c r="L5305" i="2"/>
  <c r="L5279" i="5" s="1"/>
  <c r="I5305" i="2"/>
  <c r="I5279" i="5" s="1"/>
  <c r="K5305" i="2"/>
  <c r="K5279" i="5" s="1"/>
  <c r="O5279" i="5" s="1"/>
  <c r="J5305" i="2"/>
  <c r="J5279" i="5" s="1"/>
  <c r="N5279" i="5" s="1"/>
  <c r="C227" i="5"/>
  <c r="AR221" i="1"/>
  <c r="I7978" i="2"/>
  <c r="I7952" i="5" s="1"/>
  <c r="K7978" i="2"/>
  <c r="K7952" i="5" s="1"/>
  <c r="O7952" i="5" s="1"/>
  <c r="M7978" i="2"/>
  <c r="M7952" i="5" s="1"/>
  <c r="J7978" i="2"/>
  <c r="J7952" i="5" s="1"/>
  <c r="N7952" i="5" s="1"/>
  <c r="L7978" i="2"/>
  <c r="L7952" i="5" s="1"/>
  <c r="J4111" i="2"/>
  <c r="J4085" i="5" s="1"/>
  <c r="N4085" i="5" s="1"/>
  <c r="L4111" i="2"/>
  <c r="L4085" i="5" s="1"/>
  <c r="M4111" i="2"/>
  <c r="M4085" i="5" s="1"/>
  <c r="I4111" i="2"/>
  <c r="I4085" i="5" s="1"/>
  <c r="K4111" i="2"/>
  <c r="K4085" i="5" s="1"/>
  <c r="O4085" i="5" s="1"/>
  <c r="I8612" i="2"/>
  <c r="I8586" i="5" s="1"/>
  <c r="K8612" i="2"/>
  <c r="K8586" i="5" s="1"/>
  <c r="O8586" i="5" s="1"/>
  <c r="L8612" i="2"/>
  <c r="L8586" i="5" s="1"/>
  <c r="J8612" i="2"/>
  <c r="J8586" i="5" s="1"/>
  <c r="N8586" i="5" s="1"/>
  <c r="M8612" i="2"/>
  <c r="M8586" i="5" s="1"/>
  <c r="J6085" i="2"/>
  <c r="J6059" i="5" s="1"/>
  <c r="N6059" i="5" s="1"/>
  <c r="L6085" i="2"/>
  <c r="L6059" i="5" s="1"/>
  <c r="I6085" i="2"/>
  <c r="I6059" i="5" s="1"/>
  <c r="K6085" i="2"/>
  <c r="K6059" i="5" s="1"/>
  <c r="O6059" i="5" s="1"/>
  <c r="M6085" i="2"/>
  <c r="M6059" i="5" s="1"/>
  <c r="K6092" i="2"/>
  <c r="K6066" i="5" s="1"/>
  <c r="O6066" i="5" s="1"/>
  <c r="L6092" i="2"/>
  <c r="L6066" i="5" s="1"/>
  <c r="I6092" i="2"/>
  <c r="I6066" i="5" s="1"/>
  <c r="M6092" i="2"/>
  <c r="M6066" i="5" s="1"/>
  <c r="J6092" i="2"/>
  <c r="J6066" i="5" s="1"/>
  <c r="N6066" i="5" s="1"/>
  <c r="M3977" i="2"/>
  <c r="M3951" i="5" s="1"/>
  <c r="I3977" i="2"/>
  <c r="I3951" i="5" s="1"/>
  <c r="J3977" i="2"/>
  <c r="J3951" i="5" s="1"/>
  <c r="N3951" i="5" s="1"/>
  <c r="L3977" i="2"/>
  <c r="L3951" i="5" s="1"/>
  <c r="K3977" i="2"/>
  <c r="K3951" i="5" s="1"/>
  <c r="O3951" i="5" s="1"/>
  <c r="M6137" i="2"/>
  <c r="M6111" i="5" s="1"/>
  <c r="J6137" i="2"/>
  <c r="J6111" i="5" s="1"/>
  <c r="N6111" i="5" s="1"/>
  <c r="K6137" i="2"/>
  <c r="K6111" i="5" s="1"/>
  <c r="O6111" i="5" s="1"/>
  <c r="L6137" i="2"/>
  <c r="L6111" i="5" s="1"/>
  <c r="I6137" i="2"/>
  <c r="I6111" i="5" s="1"/>
  <c r="I5787" i="2"/>
  <c r="I5761" i="5" s="1"/>
  <c r="K5787" i="2"/>
  <c r="K5761" i="5" s="1"/>
  <c r="O5761" i="5" s="1"/>
  <c r="J5787" i="2"/>
  <c r="J5761" i="5" s="1"/>
  <c r="N5761" i="5" s="1"/>
  <c r="M5787" i="2"/>
  <c r="M5761" i="5" s="1"/>
  <c r="L5787" i="2"/>
  <c r="L5761" i="5" s="1"/>
  <c r="J8701" i="2"/>
  <c r="J8675" i="5" s="1"/>
  <c r="N8675" i="5" s="1"/>
  <c r="L8701" i="2"/>
  <c r="L8675" i="5" s="1"/>
  <c r="M8701" i="2"/>
  <c r="M8675" i="5" s="1"/>
  <c r="I8701" i="2"/>
  <c r="I8675" i="5" s="1"/>
  <c r="K8701" i="2"/>
  <c r="K8675" i="5" s="1"/>
  <c r="O8675" i="5" s="1"/>
  <c r="M5314" i="2"/>
  <c r="M5288" i="5" s="1"/>
  <c r="J5314" i="2"/>
  <c r="J5288" i="5" s="1"/>
  <c r="N5288" i="5" s="1"/>
  <c r="I5314" i="2"/>
  <c r="I5288" i="5" s="1"/>
  <c r="L5314" i="2"/>
  <c r="L5288" i="5" s="1"/>
  <c r="K5314" i="2"/>
  <c r="K5288" i="5" s="1"/>
  <c r="O5288" i="5" s="1"/>
  <c r="K7274" i="2"/>
  <c r="K7248" i="5" s="1"/>
  <c r="O7248" i="5" s="1"/>
  <c r="J7274" i="2"/>
  <c r="J7248" i="5" s="1"/>
  <c r="N7248" i="5" s="1"/>
  <c r="M7274" i="2"/>
  <c r="M7248" i="5" s="1"/>
  <c r="I7274" i="2"/>
  <c r="I7248" i="5" s="1"/>
  <c r="L7274" i="2"/>
  <c r="L7248" i="5" s="1"/>
  <c r="J6332" i="2"/>
  <c r="J6306" i="5" s="1"/>
  <c r="N6306" i="5" s="1"/>
  <c r="L6332" i="2"/>
  <c r="L6306" i="5" s="1"/>
  <c r="K6332" i="2"/>
  <c r="K6306" i="5" s="1"/>
  <c r="O6306" i="5" s="1"/>
  <c r="M6332" i="2"/>
  <c r="M6306" i="5" s="1"/>
  <c r="I6332" i="2"/>
  <c r="I6306" i="5" s="1"/>
  <c r="I7795" i="2"/>
  <c r="I7769" i="5" s="1"/>
  <c r="K7795" i="2"/>
  <c r="K7769" i="5" s="1"/>
  <c r="O7769" i="5" s="1"/>
  <c r="M7795" i="2"/>
  <c r="M7769" i="5" s="1"/>
  <c r="J7795" i="2"/>
  <c r="J7769" i="5" s="1"/>
  <c r="N7769" i="5" s="1"/>
  <c r="L7795" i="2"/>
  <c r="L7769" i="5" s="1"/>
  <c r="I6436" i="2"/>
  <c r="I6410" i="5" s="1"/>
  <c r="K6436" i="2"/>
  <c r="K6410" i="5" s="1"/>
  <c r="O6410" i="5" s="1"/>
  <c r="L6436" i="2"/>
  <c r="L6410" i="5" s="1"/>
  <c r="J6436" i="2"/>
  <c r="J6410" i="5" s="1"/>
  <c r="N6410" i="5" s="1"/>
  <c r="M6436" i="2"/>
  <c r="M6410" i="5" s="1"/>
  <c r="I8010" i="2"/>
  <c r="I7984" i="5" s="1"/>
  <c r="L8010" i="2"/>
  <c r="L7984" i="5" s="1"/>
  <c r="M8010" i="2"/>
  <c r="M7984" i="5" s="1"/>
  <c r="J8010" i="2"/>
  <c r="J7984" i="5" s="1"/>
  <c r="N7984" i="5" s="1"/>
  <c r="K8010" i="2"/>
  <c r="K7984" i="5" s="1"/>
  <c r="O7984" i="5" s="1"/>
  <c r="L5682" i="2"/>
  <c r="L5656" i="5" s="1"/>
  <c r="I5682" i="2"/>
  <c r="I5656" i="5" s="1"/>
  <c r="K5682" i="2"/>
  <c r="K5656" i="5" s="1"/>
  <c r="O5656" i="5" s="1"/>
  <c r="J5682" i="2"/>
  <c r="J5656" i="5" s="1"/>
  <c r="N5656" i="5" s="1"/>
  <c r="M5682" i="2"/>
  <c r="M5656" i="5" s="1"/>
  <c r="M4807" i="2"/>
  <c r="M4781" i="5" s="1"/>
  <c r="I4807" i="2"/>
  <c r="I4781" i="5" s="1"/>
  <c r="K4807" i="2"/>
  <c r="K4781" i="5" s="1"/>
  <c r="O4781" i="5" s="1"/>
  <c r="J4807" i="2"/>
  <c r="J4781" i="5" s="1"/>
  <c r="N4781" i="5" s="1"/>
  <c r="L4807" i="2"/>
  <c r="L4781" i="5" s="1"/>
  <c r="AR200" i="1"/>
  <c r="C206" i="5"/>
  <c r="M8493" i="2"/>
  <c r="M8467" i="5" s="1"/>
  <c r="K8493" i="2"/>
  <c r="K8467" i="5" s="1"/>
  <c r="O8467" i="5" s="1"/>
  <c r="I8493" i="2"/>
  <c r="I8467" i="5" s="1"/>
  <c r="J8493" i="2"/>
  <c r="J8467" i="5" s="1"/>
  <c r="N8467" i="5" s="1"/>
  <c r="L8493" i="2"/>
  <c r="L8467" i="5" s="1"/>
  <c r="M6859" i="2"/>
  <c r="M6833" i="5" s="1"/>
  <c r="L6859" i="2"/>
  <c r="L6833" i="5" s="1"/>
  <c r="I6859" i="2"/>
  <c r="I6833" i="5" s="1"/>
  <c r="K6859" i="2"/>
  <c r="K6833" i="5" s="1"/>
  <c r="O6833" i="5" s="1"/>
  <c r="J6859" i="2"/>
  <c r="J6833" i="5" s="1"/>
  <c r="N6833" i="5" s="1"/>
  <c r="M149" i="2"/>
  <c r="M123" i="5" s="1"/>
  <c r="L149" i="2"/>
  <c r="L123" i="5" s="1"/>
  <c r="I149" i="2"/>
  <c r="I123" i="5" s="1"/>
  <c r="J149" i="2"/>
  <c r="J123" i="5" s="1"/>
  <c r="N123" i="5" s="1"/>
  <c r="K149" i="2"/>
  <c r="K123" i="5" s="1"/>
  <c r="O123" i="5" s="1"/>
  <c r="L8666" i="2"/>
  <c r="L8640" i="5" s="1"/>
  <c r="M8666" i="2"/>
  <c r="M8640" i="5" s="1"/>
  <c r="K8666" i="2"/>
  <c r="K8640" i="5" s="1"/>
  <c r="O8640" i="5" s="1"/>
  <c r="I8666" i="2"/>
  <c r="I8640" i="5" s="1"/>
  <c r="J8666" i="2"/>
  <c r="J8640" i="5" s="1"/>
  <c r="N8640" i="5" s="1"/>
  <c r="AR361" i="1"/>
  <c r="C367" i="5"/>
  <c r="M4285" i="2"/>
  <c r="M4259" i="5" s="1"/>
  <c r="L4285" i="2"/>
  <c r="L4259" i="5" s="1"/>
  <c r="I4285" i="2"/>
  <c r="I4259" i="5" s="1"/>
  <c r="K4285" i="2"/>
  <c r="K4259" i="5" s="1"/>
  <c r="O4259" i="5" s="1"/>
  <c r="J4285" i="2"/>
  <c r="J4259" i="5" s="1"/>
  <c r="N4259" i="5" s="1"/>
  <c r="J6258" i="2"/>
  <c r="J6232" i="5" s="1"/>
  <c r="N6232" i="5" s="1"/>
  <c r="I6258" i="2"/>
  <c r="I6232" i="5" s="1"/>
  <c r="K6258" i="2"/>
  <c r="K6232" i="5" s="1"/>
  <c r="O6232" i="5" s="1"/>
  <c r="M6258" i="2"/>
  <c r="M6232" i="5" s="1"/>
  <c r="L6258" i="2"/>
  <c r="L6232" i="5" s="1"/>
  <c r="K7838" i="2"/>
  <c r="K7812" i="5" s="1"/>
  <c r="O7812" i="5" s="1"/>
  <c r="L7838" i="2"/>
  <c r="L7812" i="5" s="1"/>
  <c r="M7838" i="2"/>
  <c r="M7812" i="5" s="1"/>
  <c r="J7838" i="2"/>
  <c r="J7812" i="5" s="1"/>
  <c r="N7812" i="5" s="1"/>
  <c r="I7838" i="2"/>
  <c r="I7812" i="5" s="1"/>
  <c r="L7846" i="2"/>
  <c r="L7820" i="5" s="1"/>
  <c r="K7846" i="2"/>
  <c r="K7820" i="5" s="1"/>
  <c r="O7820" i="5" s="1"/>
  <c r="J7846" i="2"/>
  <c r="J7820" i="5" s="1"/>
  <c r="N7820" i="5" s="1"/>
  <c r="I7846" i="2"/>
  <c r="I7820" i="5" s="1"/>
  <c r="M7846" i="2"/>
  <c r="M7820" i="5" s="1"/>
  <c r="L620" i="2"/>
  <c r="L594" i="5" s="1"/>
  <c r="M620" i="2"/>
  <c r="M594" i="5" s="1"/>
  <c r="I620" i="2"/>
  <c r="I594" i="5" s="1"/>
  <c r="J620" i="2"/>
  <c r="J594" i="5" s="1"/>
  <c r="N594" i="5" s="1"/>
  <c r="K620" i="2"/>
  <c r="K594" i="5" s="1"/>
  <c r="O594" i="5" s="1"/>
  <c r="K625" i="2"/>
  <c r="K599" i="5" s="1"/>
  <c r="O599" i="5" s="1"/>
  <c r="L625" i="2"/>
  <c r="L599" i="5" s="1"/>
  <c r="M625" i="2"/>
  <c r="M599" i="5" s="1"/>
  <c r="I625" i="2"/>
  <c r="I599" i="5" s="1"/>
  <c r="J625" i="2"/>
  <c r="J599" i="5" s="1"/>
  <c r="N599" i="5" s="1"/>
  <c r="M2750" i="2"/>
  <c r="M2724" i="5" s="1"/>
  <c r="K2750" i="2"/>
  <c r="K2724" i="5" s="1"/>
  <c r="O2724" i="5" s="1"/>
  <c r="L2750" i="2"/>
  <c r="L2724" i="5" s="1"/>
  <c r="J2750" i="2"/>
  <c r="J2724" i="5" s="1"/>
  <c r="N2724" i="5" s="1"/>
  <c r="I2750" i="2"/>
  <c r="I2724" i="5" s="1"/>
  <c r="L2758" i="2"/>
  <c r="L2732" i="5" s="1"/>
  <c r="J2758" i="2"/>
  <c r="J2732" i="5" s="1"/>
  <c r="N2732" i="5" s="1"/>
  <c r="M2758" i="2"/>
  <c r="M2732" i="5" s="1"/>
  <c r="I2758" i="2"/>
  <c r="I2732" i="5" s="1"/>
  <c r="K2758" i="2"/>
  <c r="K2732" i="5" s="1"/>
  <c r="O2732" i="5" s="1"/>
  <c r="L1389" i="2"/>
  <c r="L1363" i="5" s="1"/>
  <c r="J1389" i="2"/>
  <c r="J1363" i="5" s="1"/>
  <c r="N1363" i="5" s="1"/>
  <c r="M1389" i="2"/>
  <c r="M1363" i="5" s="1"/>
  <c r="I1389" i="2"/>
  <c r="I1363" i="5" s="1"/>
  <c r="K1389" i="2"/>
  <c r="K1363" i="5" s="1"/>
  <c r="O1363" i="5" s="1"/>
  <c r="K583" i="2"/>
  <c r="K557" i="5" s="1"/>
  <c r="O557" i="5" s="1"/>
  <c r="L583" i="2"/>
  <c r="L557" i="5" s="1"/>
  <c r="M583" i="2"/>
  <c r="M557" i="5" s="1"/>
  <c r="J583" i="2"/>
  <c r="J557" i="5" s="1"/>
  <c r="N557" i="5" s="1"/>
  <c r="I583" i="2"/>
  <c r="I557" i="5" s="1"/>
  <c r="M7692" i="2"/>
  <c r="M7666" i="5" s="1"/>
  <c r="L7692" i="2"/>
  <c r="L7666" i="5" s="1"/>
  <c r="I7692" i="2"/>
  <c r="I7666" i="5" s="1"/>
  <c r="K7692" i="2"/>
  <c r="K7666" i="5" s="1"/>
  <c r="O7666" i="5" s="1"/>
  <c r="J7692" i="2"/>
  <c r="J7666" i="5" s="1"/>
  <c r="N7666" i="5" s="1"/>
  <c r="K8448" i="2"/>
  <c r="K8422" i="5" s="1"/>
  <c r="O8422" i="5" s="1"/>
  <c r="J8448" i="2"/>
  <c r="J8422" i="5" s="1"/>
  <c r="N8422" i="5" s="1"/>
  <c r="M8448" i="2"/>
  <c r="M8422" i="5" s="1"/>
  <c r="L8448" i="2"/>
  <c r="L8422" i="5" s="1"/>
  <c r="I8448" i="2"/>
  <c r="I8422" i="5" s="1"/>
  <c r="L5107" i="2"/>
  <c r="L5081" i="5" s="1"/>
  <c r="M5107" i="2"/>
  <c r="M5081" i="5" s="1"/>
  <c r="J5107" i="2"/>
  <c r="J5081" i="5" s="1"/>
  <c r="N5081" i="5" s="1"/>
  <c r="I5107" i="2"/>
  <c r="I5081" i="5" s="1"/>
  <c r="K5107" i="2"/>
  <c r="K5081" i="5" s="1"/>
  <c r="O5081" i="5" s="1"/>
  <c r="I1749" i="2"/>
  <c r="I1723" i="5" s="1"/>
  <c r="K1749" i="2"/>
  <c r="K1723" i="5" s="1"/>
  <c r="O1723" i="5" s="1"/>
  <c r="J1749" i="2"/>
  <c r="J1723" i="5" s="1"/>
  <c r="N1723" i="5" s="1"/>
  <c r="M1749" i="2"/>
  <c r="M1723" i="5" s="1"/>
  <c r="L1749" i="2"/>
  <c r="L1723" i="5" s="1"/>
  <c r="M3633" i="2"/>
  <c r="M3607" i="5" s="1"/>
  <c r="J3633" i="2"/>
  <c r="J3607" i="5" s="1"/>
  <c r="N3607" i="5" s="1"/>
  <c r="L3633" i="2"/>
  <c r="L3607" i="5" s="1"/>
  <c r="I3633" i="2"/>
  <c r="I3607" i="5" s="1"/>
  <c r="K3633" i="2"/>
  <c r="K3607" i="5" s="1"/>
  <c r="O3607" i="5" s="1"/>
  <c r="I2895" i="2"/>
  <c r="I2869" i="5" s="1"/>
  <c r="J2895" i="2"/>
  <c r="J2869" i="5" s="1"/>
  <c r="N2869" i="5" s="1"/>
  <c r="L2895" i="2"/>
  <c r="L2869" i="5" s="1"/>
  <c r="M2895" i="2"/>
  <c r="M2869" i="5" s="1"/>
  <c r="K2895" i="2"/>
  <c r="K2869" i="5" s="1"/>
  <c r="O2869" i="5" s="1"/>
  <c r="M6671" i="2"/>
  <c r="M6645" i="5" s="1"/>
  <c r="L6671" i="2"/>
  <c r="L6645" i="5" s="1"/>
  <c r="I6671" i="2"/>
  <c r="I6645" i="5" s="1"/>
  <c r="K6671" i="2"/>
  <c r="K6645" i="5" s="1"/>
  <c r="O6645" i="5" s="1"/>
  <c r="J6671" i="2"/>
  <c r="J6645" i="5" s="1"/>
  <c r="N6645" i="5" s="1"/>
  <c r="J6662" i="2"/>
  <c r="J6636" i="5" s="1"/>
  <c r="N6636" i="5" s="1"/>
  <c r="M6662" i="2"/>
  <c r="M6636" i="5" s="1"/>
  <c r="I6662" i="2"/>
  <c r="I6636" i="5" s="1"/>
  <c r="L6662" i="2"/>
  <c r="L6636" i="5" s="1"/>
  <c r="K6662" i="2"/>
  <c r="K6636" i="5" s="1"/>
  <c r="O6636" i="5" s="1"/>
  <c r="L5959" i="2"/>
  <c r="L5933" i="5" s="1"/>
  <c r="M5959" i="2"/>
  <c r="M5933" i="5" s="1"/>
  <c r="I5959" i="2"/>
  <c r="I5933" i="5" s="1"/>
  <c r="K5959" i="2"/>
  <c r="K5933" i="5" s="1"/>
  <c r="O5933" i="5" s="1"/>
  <c r="J5959" i="2"/>
  <c r="J5933" i="5" s="1"/>
  <c r="N5933" i="5" s="1"/>
  <c r="J5954" i="2"/>
  <c r="J5928" i="5" s="1"/>
  <c r="N5928" i="5" s="1"/>
  <c r="L5954" i="2"/>
  <c r="L5928" i="5" s="1"/>
  <c r="M5954" i="2"/>
  <c r="M5928" i="5" s="1"/>
  <c r="I5954" i="2"/>
  <c r="I5928" i="5" s="1"/>
  <c r="K5954" i="2"/>
  <c r="K5928" i="5" s="1"/>
  <c r="O5928" i="5" s="1"/>
  <c r="I4668" i="2"/>
  <c r="I4642" i="5" s="1"/>
  <c r="L4668" i="2"/>
  <c r="L4642" i="5" s="1"/>
  <c r="M4668" i="2"/>
  <c r="M4642" i="5" s="1"/>
  <c r="K4668" i="2"/>
  <c r="K4642" i="5" s="1"/>
  <c r="O4642" i="5" s="1"/>
  <c r="J4668" i="2"/>
  <c r="J4642" i="5" s="1"/>
  <c r="N4642" i="5" s="1"/>
  <c r="I6155" i="2"/>
  <c r="I6129" i="5" s="1"/>
  <c r="L6155" i="2"/>
  <c r="L6129" i="5" s="1"/>
  <c r="K6155" i="2"/>
  <c r="K6129" i="5" s="1"/>
  <c r="O6129" i="5" s="1"/>
  <c r="J6155" i="2"/>
  <c r="J6129" i="5" s="1"/>
  <c r="N6129" i="5" s="1"/>
  <c r="M6155" i="2"/>
  <c r="M6129" i="5" s="1"/>
  <c r="K2453" i="2"/>
  <c r="K2427" i="5" s="1"/>
  <c r="O2427" i="5" s="1"/>
  <c r="J2453" i="2"/>
  <c r="J2427" i="5" s="1"/>
  <c r="N2427" i="5" s="1"/>
  <c r="L2453" i="2"/>
  <c r="L2427" i="5" s="1"/>
  <c r="M2453" i="2"/>
  <c r="M2427" i="5" s="1"/>
  <c r="I2453" i="2"/>
  <c r="I2427" i="5" s="1"/>
  <c r="K2620" i="2"/>
  <c r="K2594" i="5" s="1"/>
  <c r="O2594" i="5" s="1"/>
  <c r="M2620" i="2"/>
  <c r="M2594" i="5" s="1"/>
  <c r="L2620" i="2"/>
  <c r="L2594" i="5" s="1"/>
  <c r="I2620" i="2"/>
  <c r="I2594" i="5" s="1"/>
  <c r="J2620" i="2"/>
  <c r="J2594" i="5" s="1"/>
  <c r="N2594" i="5" s="1"/>
  <c r="M8364" i="2"/>
  <c r="M8338" i="5" s="1"/>
  <c r="L8364" i="2"/>
  <c r="L8338" i="5" s="1"/>
  <c r="I8364" i="2"/>
  <c r="I8338" i="5" s="1"/>
  <c r="K8364" i="2"/>
  <c r="K8338" i="5" s="1"/>
  <c r="O8338" i="5" s="1"/>
  <c r="J8364" i="2"/>
  <c r="J8338" i="5" s="1"/>
  <c r="N8338" i="5" s="1"/>
  <c r="I1622" i="2"/>
  <c r="I1596" i="5" s="1"/>
  <c r="K1622" i="2"/>
  <c r="K1596" i="5" s="1"/>
  <c r="O1596" i="5" s="1"/>
  <c r="L1622" i="2"/>
  <c r="L1596" i="5" s="1"/>
  <c r="M1622" i="2"/>
  <c r="M1596" i="5" s="1"/>
  <c r="J1622" i="2"/>
  <c r="J1596" i="5" s="1"/>
  <c r="N1596" i="5" s="1"/>
  <c r="K1620" i="2"/>
  <c r="K1594" i="5" s="1"/>
  <c r="O1594" i="5" s="1"/>
  <c r="M1620" i="2"/>
  <c r="M1594" i="5" s="1"/>
  <c r="J1620" i="2"/>
  <c r="J1594" i="5" s="1"/>
  <c r="N1594" i="5" s="1"/>
  <c r="L1620" i="2"/>
  <c r="L1594" i="5" s="1"/>
  <c r="I1620" i="2"/>
  <c r="I1594" i="5" s="1"/>
  <c r="J3175" i="2"/>
  <c r="J3149" i="5" s="1"/>
  <c r="N3149" i="5" s="1"/>
  <c r="M3175" i="2"/>
  <c r="M3149" i="5" s="1"/>
  <c r="I3175" i="2"/>
  <c r="I3149" i="5" s="1"/>
  <c r="K3175" i="2"/>
  <c r="K3149" i="5" s="1"/>
  <c r="O3149" i="5" s="1"/>
  <c r="L3175" i="2"/>
  <c r="L3149" i="5" s="1"/>
  <c r="J3162" i="2"/>
  <c r="J3136" i="5" s="1"/>
  <c r="N3136" i="5" s="1"/>
  <c r="M3162" i="2"/>
  <c r="M3136" i="5" s="1"/>
  <c r="L3162" i="2"/>
  <c r="L3136" i="5" s="1"/>
  <c r="I3162" i="2"/>
  <c r="I3136" i="5" s="1"/>
  <c r="K3162" i="2"/>
  <c r="K3136" i="5" s="1"/>
  <c r="O3136" i="5" s="1"/>
  <c r="L3448" i="2"/>
  <c r="L3422" i="5" s="1"/>
  <c r="K3448" i="2"/>
  <c r="K3422" i="5" s="1"/>
  <c r="O3422" i="5" s="1"/>
  <c r="J3448" i="2"/>
  <c r="J3422" i="5" s="1"/>
  <c r="N3422" i="5" s="1"/>
  <c r="M3448" i="2"/>
  <c r="M3422" i="5" s="1"/>
  <c r="I3448" i="2"/>
  <c r="I3422" i="5" s="1"/>
  <c r="I915" i="2"/>
  <c r="I889" i="5" s="1"/>
  <c r="K915" i="2"/>
  <c r="K889" i="5" s="1"/>
  <c r="O889" i="5" s="1"/>
  <c r="M915" i="2"/>
  <c r="M889" i="5" s="1"/>
  <c r="J915" i="2"/>
  <c r="J889" i="5" s="1"/>
  <c r="N889" i="5" s="1"/>
  <c r="L915" i="2"/>
  <c r="L889" i="5" s="1"/>
  <c r="K7932" i="2"/>
  <c r="K7906" i="5" s="1"/>
  <c r="O7906" i="5" s="1"/>
  <c r="L7932" i="2"/>
  <c r="L7906" i="5" s="1"/>
  <c r="J7932" i="2"/>
  <c r="J7906" i="5" s="1"/>
  <c r="N7906" i="5" s="1"/>
  <c r="M7932" i="2"/>
  <c r="M7906" i="5" s="1"/>
  <c r="I7932" i="2"/>
  <c r="I7906" i="5" s="1"/>
  <c r="K1906" i="2"/>
  <c r="K1880" i="5" s="1"/>
  <c r="O1880" i="5" s="1"/>
  <c r="M1906" i="2"/>
  <c r="M1880" i="5" s="1"/>
  <c r="J1906" i="2"/>
  <c r="J1880" i="5" s="1"/>
  <c r="N1880" i="5" s="1"/>
  <c r="I1906" i="2"/>
  <c r="I1880" i="5" s="1"/>
  <c r="L1906" i="2"/>
  <c r="L1880" i="5" s="1"/>
  <c r="K1918" i="2"/>
  <c r="K1892" i="5" s="1"/>
  <c r="O1892" i="5" s="1"/>
  <c r="L1918" i="2"/>
  <c r="L1892" i="5" s="1"/>
  <c r="M1918" i="2"/>
  <c r="M1892" i="5" s="1"/>
  <c r="I1918" i="2"/>
  <c r="I1892" i="5" s="1"/>
  <c r="J1918" i="2"/>
  <c r="J1892" i="5" s="1"/>
  <c r="N1892" i="5" s="1"/>
  <c r="K2736" i="2"/>
  <c r="K2710" i="5" s="1"/>
  <c r="O2710" i="5" s="1"/>
  <c r="J2736" i="2"/>
  <c r="J2710" i="5" s="1"/>
  <c r="N2710" i="5" s="1"/>
  <c r="L2736" i="2"/>
  <c r="L2710" i="5" s="1"/>
  <c r="I2736" i="2"/>
  <c r="I2710" i="5" s="1"/>
  <c r="M2736" i="2"/>
  <c r="M2710" i="5" s="1"/>
  <c r="J2741" i="2"/>
  <c r="J2715" i="5" s="1"/>
  <c r="N2715" i="5" s="1"/>
  <c r="M2741" i="2"/>
  <c r="M2715" i="5" s="1"/>
  <c r="I2741" i="2"/>
  <c r="I2715" i="5" s="1"/>
  <c r="L2741" i="2"/>
  <c r="L2715" i="5" s="1"/>
  <c r="K2741" i="2"/>
  <c r="K2715" i="5" s="1"/>
  <c r="O2715" i="5" s="1"/>
  <c r="I3001" i="2"/>
  <c r="I2975" i="5" s="1"/>
  <c r="M3001" i="2"/>
  <c r="M2975" i="5" s="1"/>
  <c r="L3001" i="2"/>
  <c r="L2975" i="5" s="1"/>
  <c r="K3001" i="2"/>
  <c r="K2975" i="5" s="1"/>
  <c r="O2975" i="5" s="1"/>
  <c r="J3001" i="2"/>
  <c r="J2975" i="5" s="1"/>
  <c r="N2975" i="5" s="1"/>
  <c r="L2999" i="2"/>
  <c r="L2973" i="5" s="1"/>
  <c r="M2999" i="2"/>
  <c r="M2973" i="5" s="1"/>
  <c r="I2999" i="2"/>
  <c r="I2973" i="5" s="1"/>
  <c r="K2999" i="2"/>
  <c r="K2973" i="5" s="1"/>
  <c r="O2973" i="5" s="1"/>
  <c r="J2999" i="2"/>
  <c r="J2973" i="5" s="1"/>
  <c r="N2973" i="5" s="1"/>
  <c r="L300" i="2"/>
  <c r="L274" i="5" s="1"/>
  <c r="M300" i="2"/>
  <c r="M274" i="5" s="1"/>
  <c r="I300" i="2"/>
  <c r="I274" i="5" s="1"/>
  <c r="J300" i="2"/>
  <c r="J274" i="5" s="1"/>
  <c r="N274" i="5" s="1"/>
  <c r="K300" i="2"/>
  <c r="K274" i="5" s="1"/>
  <c r="O274" i="5" s="1"/>
  <c r="M312" i="2"/>
  <c r="M286" i="5" s="1"/>
  <c r="L312" i="2"/>
  <c r="L286" i="5" s="1"/>
  <c r="K312" i="2"/>
  <c r="K286" i="5" s="1"/>
  <c r="O286" i="5" s="1"/>
  <c r="J312" i="2"/>
  <c r="J286" i="5" s="1"/>
  <c r="N286" i="5" s="1"/>
  <c r="I312" i="2"/>
  <c r="I286" i="5" s="1"/>
  <c r="K7490" i="2"/>
  <c r="K7464" i="5" s="1"/>
  <c r="O7464" i="5" s="1"/>
  <c r="J7490" i="2"/>
  <c r="J7464" i="5" s="1"/>
  <c r="N7464" i="5" s="1"/>
  <c r="M7490" i="2"/>
  <c r="M7464" i="5" s="1"/>
  <c r="L7490" i="2"/>
  <c r="L7464" i="5" s="1"/>
  <c r="I7490" i="2"/>
  <c r="I7464" i="5" s="1"/>
  <c r="AU14" i="1"/>
  <c r="I7532" i="2"/>
  <c r="I7506" i="5" s="1"/>
  <c r="K7532" i="2"/>
  <c r="K7506" i="5" s="1"/>
  <c r="O7506" i="5" s="1"/>
  <c r="M7532" i="2"/>
  <c r="M7506" i="5" s="1"/>
  <c r="J7532" i="2"/>
  <c r="J7506" i="5" s="1"/>
  <c r="N7506" i="5" s="1"/>
  <c r="L7532" i="2"/>
  <c r="L7506" i="5" s="1"/>
  <c r="K5171" i="2"/>
  <c r="K5145" i="5" s="1"/>
  <c r="O5145" i="5" s="1"/>
  <c r="J5171" i="2"/>
  <c r="J5145" i="5" s="1"/>
  <c r="N5145" i="5" s="1"/>
  <c r="M5171" i="2"/>
  <c r="M5145" i="5" s="1"/>
  <c r="L5171" i="2"/>
  <c r="L5145" i="5" s="1"/>
  <c r="I5171" i="2"/>
  <c r="I5145" i="5" s="1"/>
  <c r="J3820" i="2"/>
  <c r="J3794" i="5" s="1"/>
  <c r="N3794" i="5" s="1"/>
  <c r="K3820" i="2"/>
  <c r="K3794" i="5" s="1"/>
  <c r="O3794" i="5" s="1"/>
  <c r="I3820" i="2"/>
  <c r="I3794" i="5" s="1"/>
  <c r="L3820" i="2"/>
  <c r="L3794" i="5" s="1"/>
  <c r="M3820" i="2"/>
  <c r="M3794" i="5" s="1"/>
  <c r="L439" i="2"/>
  <c r="L413" i="5" s="1"/>
  <c r="I439" i="2"/>
  <c r="I413" i="5" s="1"/>
  <c r="K439" i="2"/>
  <c r="K413" i="5" s="1"/>
  <c r="O413" i="5" s="1"/>
  <c r="M439" i="2"/>
  <c r="M413" i="5" s="1"/>
  <c r="J439" i="2"/>
  <c r="J413" i="5" s="1"/>
  <c r="N413" i="5" s="1"/>
  <c r="L4333" i="2"/>
  <c r="L4307" i="5" s="1"/>
  <c r="M4333" i="2"/>
  <c r="M4307" i="5" s="1"/>
  <c r="I4333" i="2"/>
  <c r="I4307" i="5" s="1"/>
  <c r="K4333" i="2"/>
  <c r="K4307" i="5" s="1"/>
  <c r="O4307" i="5" s="1"/>
  <c r="J4333" i="2"/>
  <c r="J4307" i="5" s="1"/>
  <c r="N4307" i="5" s="1"/>
  <c r="L955" i="2"/>
  <c r="L929" i="5" s="1"/>
  <c r="K955" i="2"/>
  <c r="K929" i="5" s="1"/>
  <c r="O929" i="5" s="1"/>
  <c r="M955" i="2"/>
  <c r="M929" i="5" s="1"/>
  <c r="J955" i="2"/>
  <c r="J929" i="5" s="1"/>
  <c r="N929" i="5" s="1"/>
  <c r="I955" i="2"/>
  <c r="I929" i="5" s="1"/>
  <c r="I965" i="2"/>
  <c r="I939" i="5" s="1"/>
  <c r="K965" i="2"/>
  <c r="K939" i="5" s="1"/>
  <c r="O939" i="5" s="1"/>
  <c r="J965" i="2"/>
  <c r="J939" i="5" s="1"/>
  <c r="N939" i="5" s="1"/>
  <c r="L965" i="2"/>
  <c r="L939" i="5" s="1"/>
  <c r="M965" i="2"/>
  <c r="M939" i="5" s="1"/>
  <c r="L89" i="2"/>
  <c r="L63" i="5" s="1"/>
  <c r="M89" i="2"/>
  <c r="M63" i="5" s="1"/>
  <c r="I89" i="2"/>
  <c r="I63" i="5" s="1"/>
  <c r="J89" i="2"/>
  <c r="J63" i="5" s="1"/>
  <c r="N63" i="5" s="1"/>
  <c r="K89" i="2"/>
  <c r="K63" i="5" s="1"/>
  <c r="O63" i="5" s="1"/>
  <c r="C10" i="5"/>
  <c r="AR4" i="1"/>
  <c r="L1951" i="2"/>
  <c r="L1925" i="5" s="1"/>
  <c r="M1951" i="2"/>
  <c r="M1925" i="5" s="1"/>
  <c r="I1951" i="2"/>
  <c r="I1925" i="5" s="1"/>
  <c r="K1951" i="2"/>
  <c r="K1925" i="5" s="1"/>
  <c r="O1925" i="5" s="1"/>
  <c r="J1951" i="2"/>
  <c r="J1925" i="5" s="1"/>
  <c r="N1925" i="5" s="1"/>
  <c r="M8319" i="2"/>
  <c r="M8293" i="5" s="1"/>
  <c r="L8319" i="2"/>
  <c r="L8293" i="5" s="1"/>
  <c r="J8319" i="2"/>
  <c r="J8293" i="5" s="1"/>
  <c r="N8293" i="5" s="1"/>
  <c r="I8319" i="2"/>
  <c r="I8293" i="5" s="1"/>
  <c r="K8319" i="2"/>
  <c r="K8293" i="5" s="1"/>
  <c r="O8293" i="5" s="1"/>
  <c r="L8538" i="2"/>
  <c r="L8512" i="5" s="1"/>
  <c r="M8538" i="2"/>
  <c r="M8512" i="5" s="1"/>
  <c r="I8538" i="2"/>
  <c r="I8512" i="5" s="1"/>
  <c r="K8538" i="2"/>
  <c r="K8512" i="5" s="1"/>
  <c r="O8512" i="5" s="1"/>
  <c r="J8538" i="2"/>
  <c r="J8512" i="5" s="1"/>
  <c r="N8512" i="5" s="1"/>
  <c r="L458" i="2"/>
  <c r="L432" i="5" s="1"/>
  <c r="J458" i="2"/>
  <c r="J432" i="5" s="1"/>
  <c r="N432" i="5" s="1"/>
  <c r="I458" i="2"/>
  <c r="I432" i="5" s="1"/>
  <c r="K458" i="2"/>
  <c r="K432" i="5" s="1"/>
  <c r="O432" i="5" s="1"/>
  <c r="M458" i="2"/>
  <c r="M432" i="5" s="1"/>
  <c r="I2332" i="2"/>
  <c r="I2306" i="5" s="1"/>
  <c r="K2332" i="2"/>
  <c r="K2306" i="5" s="1"/>
  <c r="O2306" i="5" s="1"/>
  <c r="M2332" i="2"/>
  <c r="M2306" i="5" s="1"/>
  <c r="J2332" i="2"/>
  <c r="J2306" i="5" s="1"/>
  <c r="N2306" i="5" s="1"/>
  <c r="L2332" i="2"/>
  <c r="L2306" i="5" s="1"/>
  <c r="I4610" i="2"/>
  <c r="I4584" i="5" s="1"/>
  <c r="L4610" i="2"/>
  <c r="L4584" i="5" s="1"/>
  <c r="K4610" i="2"/>
  <c r="K4584" i="5" s="1"/>
  <c r="O4584" i="5" s="1"/>
  <c r="M4610" i="2"/>
  <c r="M4584" i="5" s="1"/>
  <c r="J4610" i="2"/>
  <c r="J4584" i="5" s="1"/>
  <c r="N4584" i="5" s="1"/>
  <c r="J4268" i="2"/>
  <c r="J4242" i="5" s="1"/>
  <c r="N4242" i="5" s="1"/>
  <c r="M4268" i="2"/>
  <c r="M4242" i="5" s="1"/>
  <c r="I4268" i="2"/>
  <c r="I4242" i="5" s="1"/>
  <c r="L4268" i="2"/>
  <c r="L4242" i="5" s="1"/>
  <c r="K4268" i="2"/>
  <c r="K4242" i="5" s="1"/>
  <c r="O4242" i="5" s="1"/>
  <c r="K744" i="2"/>
  <c r="K718" i="5" s="1"/>
  <c r="O718" i="5" s="1"/>
  <c r="J744" i="2"/>
  <c r="J718" i="5" s="1"/>
  <c r="N718" i="5" s="1"/>
  <c r="L744" i="2"/>
  <c r="L718" i="5" s="1"/>
  <c r="M744" i="2"/>
  <c r="M718" i="5" s="1"/>
  <c r="I744" i="2"/>
  <c r="I718" i="5" s="1"/>
  <c r="I4070" i="2"/>
  <c r="I4044" i="5" s="1"/>
  <c r="K4070" i="2"/>
  <c r="K4044" i="5" s="1"/>
  <c r="O4044" i="5" s="1"/>
  <c r="J4070" i="2"/>
  <c r="J4044" i="5" s="1"/>
  <c r="N4044" i="5" s="1"/>
  <c r="L4070" i="2"/>
  <c r="L4044" i="5" s="1"/>
  <c r="M4070" i="2"/>
  <c r="M4044" i="5" s="1"/>
  <c r="J7181" i="2"/>
  <c r="J7155" i="5" s="1"/>
  <c r="N7155" i="5" s="1"/>
  <c r="L7181" i="2"/>
  <c r="L7155" i="5" s="1"/>
  <c r="M7181" i="2"/>
  <c r="M7155" i="5" s="1"/>
  <c r="I7181" i="2"/>
  <c r="I7155" i="5" s="1"/>
  <c r="K7181" i="2"/>
  <c r="K7155" i="5" s="1"/>
  <c r="O7155" i="5" s="1"/>
  <c r="L717" i="2"/>
  <c r="L691" i="5" s="1"/>
  <c r="M717" i="2"/>
  <c r="M691" i="5" s="1"/>
  <c r="I717" i="2"/>
  <c r="I691" i="5" s="1"/>
  <c r="K717" i="2"/>
  <c r="K691" i="5" s="1"/>
  <c r="O691" i="5" s="1"/>
  <c r="J717" i="2"/>
  <c r="J691" i="5" s="1"/>
  <c r="N691" i="5" s="1"/>
  <c r="L7596" i="2"/>
  <c r="L7570" i="5" s="1"/>
  <c r="I7596" i="2"/>
  <c r="I7570" i="5" s="1"/>
  <c r="K7596" i="2"/>
  <c r="K7570" i="5" s="1"/>
  <c r="O7570" i="5" s="1"/>
  <c r="J7596" i="2"/>
  <c r="J7570" i="5" s="1"/>
  <c r="N7570" i="5" s="1"/>
  <c r="M7596" i="2"/>
  <c r="M7570" i="5" s="1"/>
  <c r="L5612" i="2"/>
  <c r="L5586" i="5" s="1"/>
  <c r="M5612" i="2"/>
  <c r="M5586" i="5" s="1"/>
  <c r="I5612" i="2"/>
  <c r="I5586" i="5" s="1"/>
  <c r="K5612" i="2"/>
  <c r="K5586" i="5" s="1"/>
  <c r="O5586" i="5" s="1"/>
  <c r="J5612" i="2"/>
  <c r="J5586" i="5" s="1"/>
  <c r="N5586" i="5" s="1"/>
  <c r="J5624" i="2"/>
  <c r="J5598" i="5" s="1"/>
  <c r="N5598" i="5" s="1"/>
  <c r="M5624" i="2"/>
  <c r="M5598" i="5" s="1"/>
  <c r="L5624" i="2"/>
  <c r="L5598" i="5" s="1"/>
  <c r="I5624" i="2"/>
  <c r="I5598" i="5" s="1"/>
  <c r="K5624" i="2"/>
  <c r="K5598" i="5" s="1"/>
  <c r="O5598" i="5" s="1"/>
  <c r="L8180" i="2"/>
  <c r="L8154" i="5" s="1"/>
  <c r="M8180" i="2"/>
  <c r="M8154" i="5" s="1"/>
  <c r="J8180" i="2"/>
  <c r="J8154" i="5" s="1"/>
  <c r="N8154" i="5" s="1"/>
  <c r="I8180" i="2"/>
  <c r="I8154" i="5" s="1"/>
  <c r="K8180" i="2"/>
  <c r="K8154" i="5" s="1"/>
  <c r="O8154" i="5" s="1"/>
  <c r="L1157" i="2"/>
  <c r="L1131" i="5" s="1"/>
  <c r="K1157" i="2"/>
  <c r="K1131" i="5" s="1"/>
  <c r="O1131" i="5" s="1"/>
  <c r="M1157" i="2"/>
  <c r="M1131" i="5" s="1"/>
  <c r="I1157" i="2"/>
  <c r="I1131" i="5" s="1"/>
  <c r="J1157" i="2"/>
  <c r="J1131" i="5" s="1"/>
  <c r="N1131" i="5" s="1"/>
  <c r="K2481" i="2"/>
  <c r="K2455" i="5" s="1"/>
  <c r="O2455" i="5" s="1"/>
  <c r="J2481" i="2"/>
  <c r="J2455" i="5" s="1"/>
  <c r="N2455" i="5" s="1"/>
  <c r="L2481" i="2"/>
  <c r="L2455" i="5" s="1"/>
  <c r="M2481" i="2"/>
  <c r="M2455" i="5" s="1"/>
  <c r="I2481" i="2"/>
  <c r="I2455" i="5" s="1"/>
  <c r="K936" i="2"/>
  <c r="K910" i="5" s="1"/>
  <c r="O910" i="5" s="1"/>
  <c r="L936" i="2"/>
  <c r="L910" i="5" s="1"/>
  <c r="I936" i="2"/>
  <c r="I910" i="5" s="1"/>
  <c r="J936" i="2"/>
  <c r="J910" i="5" s="1"/>
  <c r="N910" i="5" s="1"/>
  <c r="M936" i="2"/>
  <c r="M910" i="5" s="1"/>
  <c r="M798" i="2"/>
  <c r="M772" i="5" s="1"/>
  <c r="L798" i="2"/>
  <c r="L772" i="5" s="1"/>
  <c r="K798" i="2"/>
  <c r="K772" i="5" s="1"/>
  <c r="O772" i="5" s="1"/>
  <c r="I798" i="2"/>
  <c r="I772" i="5" s="1"/>
  <c r="J798" i="2"/>
  <c r="J772" i="5" s="1"/>
  <c r="N772" i="5" s="1"/>
  <c r="K793" i="2"/>
  <c r="K767" i="5" s="1"/>
  <c r="O767" i="5" s="1"/>
  <c r="M793" i="2"/>
  <c r="M767" i="5" s="1"/>
  <c r="L793" i="2"/>
  <c r="L767" i="5" s="1"/>
  <c r="J793" i="2"/>
  <c r="J767" i="5" s="1"/>
  <c r="N767" i="5" s="1"/>
  <c r="I793" i="2"/>
  <c r="I767" i="5" s="1"/>
  <c r="I594" i="2"/>
  <c r="I568" i="5" s="1"/>
  <c r="K594" i="2"/>
  <c r="K568" i="5" s="1"/>
  <c r="O568" i="5" s="1"/>
  <c r="J594" i="2"/>
  <c r="J568" i="5" s="1"/>
  <c r="N568" i="5" s="1"/>
  <c r="L594" i="2"/>
  <c r="L568" i="5" s="1"/>
  <c r="M594" i="2"/>
  <c r="M568" i="5" s="1"/>
  <c r="L7336" i="2"/>
  <c r="L7310" i="5" s="1"/>
  <c r="M7336" i="2"/>
  <c r="M7310" i="5" s="1"/>
  <c r="I7336" i="2"/>
  <c r="I7310" i="5" s="1"/>
  <c r="K7336" i="2"/>
  <c r="K7310" i="5" s="1"/>
  <c r="O7310" i="5" s="1"/>
  <c r="J7336" i="2"/>
  <c r="J7310" i="5" s="1"/>
  <c r="N7310" i="5" s="1"/>
  <c r="C312" i="5"/>
  <c r="AR306" i="1"/>
  <c r="L2820" i="2"/>
  <c r="L2794" i="5" s="1"/>
  <c r="I2820" i="2"/>
  <c r="I2794" i="5" s="1"/>
  <c r="J2820" i="2"/>
  <c r="J2794" i="5" s="1"/>
  <c r="N2794" i="5" s="1"/>
  <c r="M2820" i="2"/>
  <c r="M2794" i="5" s="1"/>
  <c r="K2820" i="2"/>
  <c r="K2794" i="5" s="1"/>
  <c r="O2794" i="5" s="1"/>
  <c r="M4961" i="2"/>
  <c r="M4935" i="5" s="1"/>
  <c r="I4961" i="2"/>
  <c r="I4935" i="5" s="1"/>
  <c r="K4961" i="2"/>
  <c r="K4935" i="5" s="1"/>
  <c r="O4935" i="5" s="1"/>
  <c r="J4961" i="2"/>
  <c r="J4935" i="5" s="1"/>
  <c r="N4935" i="5" s="1"/>
  <c r="L4961" i="2"/>
  <c r="L4935" i="5" s="1"/>
  <c r="J1428" i="2"/>
  <c r="J1402" i="5" s="1"/>
  <c r="N1402" i="5" s="1"/>
  <c r="L1428" i="2"/>
  <c r="L1402" i="5" s="1"/>
  <c r="M1428" i="2"/>
  <c r="M1402" i="5" s="1"/>
  <c r="I1428" i="2"/>
  <c r="I1402" i="5" s="1"/>
  <c r="K1428" i="2"/>
  <c r="K1402" i="5" s="1"/>
  <c r="O1402" i="5" s="1"/>
  <c r="L1437" i="2"/>
  <c r="L1411" i="5" s="1"/>
  <c r="M1437" i="2"/>
  <c r="M1411" i="5" s="1"/>
  <c r="I1437" i="2"/>
  <c r="I1411" i="5" s="1"/>
  <c r="K1437" i="2"/>
  <c r="K1411" i="5" s="1"/>
  <c r="O1411" i="5" s="1"/>
  <c r="J1437" i="2"/>
  <c r="J1411" i="5" s="1"/>
  <c r="N1411" i="5" s="1"/>
  <c r="I1775" i="2"/>
  <c r="I1749" i="5" s="1"/>
  <c r="K1775" i="2"/>
  <c r="K1749" i="5" s="1"/>
  <c r="O1749" i="5" s="1"/>
  <c r="J1775" i="2"/>
  <c r="J1749" i="5" s="1"/>
  <c r="N1749" i="5" s="1"/>
  <c r="L1775" i="2"/>
  <c r="L1749" i="5" s="1"/>
  <c r="M1775" i="2"/>
  <c r="M1749" i="5" s="1"/>
  <c r="C80" i="5"/>
  <c r="AR74" i="1"/>
  <c r="J8132" i="2"/>
  <c r="J8106" i="5" s="1"/>
  <c r="N8106" i="5" s="1"/>
  <c r="L8132" i="2"/>
  <c r="L8106" i="5" s="1"/>
  <c r="I8132" i="2"/>
  <c r="I8106" i="5" s="1"/>
  <c r="M8132" i="2"/>
  <c r="M8106" i="5" s="1"/>
  <c r="K8132" i="2"/>
  <c r="K8106" i="5" s="1"/>
  <c r="O8106" i="5" s="1"/>
  <c r="K5596" i="2"/>
  <c r="K5570" i="5" s="1"/>
  <c r="O5570" i="5" s="1"/>
  <c r="J5596" i="2"/>
  <c r="J5570" i="5" s="1"/>
  <c r="N5570" i="5" s="1"/>
  <c r="L5596" i="2"/>
  <c r="L5570" i="5" s="1"/>
  <c r="M5596" i="2"/>
  <c r="M5570" i="5" s="1"/>
  <c r="I5596" i="2"/>
  <c r="I5570" i="5" s="1"/>
  <c r="J1547" i="2"/>
  <c r="J1521" i="5" s="1"/>
  <c r="N1521" i="5" s="1"/>
  <c r="M1547" i="2"/>
  <c r="M1521" i="5" s="1"/>
  <c r="L1547" i="2"/>
  <c r="L1521" i="5" s="1"/>
  <c r="I1547" i="2"/>
  <c r="I1521" i="5" s="1"/>
  <c r="K1547" i="2"/>
  <c r="K1521" i="5" s="1"/>
  <c r="O1521" i="5" s="1"/>
  <c r="L291" i="2"/>
  <c r="L265" i="5" s="1"/>
  <c r="M291" i="2"/>
  <c r="M265" i="5" s="1"/>
  <c r="I291" i="2"/>
  <c r="I265" i="5" s="1"/>
  <c r="K291" i="2"/>
  <c r="K265" i="5" s="1"/>
  <c r="O265" i="5" s="1"/>
  <c r="J291" i="2"/>
  <c r="J265" i="5" s="1"/>
  <c r="N265" i="5" s="1"/>
  <c r="C18" i="5"/>
  <c r="AR12" i="1"/>
  <c r="L6465" i="2"/>
  <c r="L6439" i="5" s="1"/>
  <c r="M6465" i="2"/>
  <c r="M6439" i="5" s="1"/>
  <c r="J6465" i="2"/>
  <c r="J6439" i="5" s="1"/>
  <c r="N6439" i="5" s="1"/>
  <c r="I6465" i="2"/>
  <c r="I6439" i="5" s="1"/>
  <c r="K6465" i="2"/>
  <c r="K6439" i="5" s="1"/>
  <c r="O6439" i="5" s="1"/>
  <c r="I2571" i="2"/>
  <c r="I2545" i="5" s="1"/>
  <c r="K2571" i="2"/>
  <c r="K2545" i="5" s="1"/>
  <c r="O2545" i="5" s="1"/>
  <c r="J2571" i="2"/>
  <c r="J2545" i="5" s="1"/>
  <c r="N2545" i="5" s="1"/>
  <c r="L2571" i="2"/>
  <c r="L2545" i="5" s="1"/>
  <c r="M2571" i="2"/>
  <c r="M2545" i="5" s="1"/>
  <c r="M3236" i="2"/>
  <c r="M3210" i="5" s="1"/>
  <c r="L3236" i="2"/>
  <c r="L3210" i="5" s="1"/>
  <c r="I3236" i="2"/>
  <c r="I3210" i="5" s="1"/>
  <c r="K3236" i="2"/>
  <c r="K3210" i="5" s="1"/>
  <c r="O3210" i="5" s="1"/>
  <c r="J3236" i="2"/>
  <c r="J3210" i="5" s="1"/>
  <c r="N3210" i="5" s="1"/>
  <c r="M3742" i="2"/>
  <c r="M3716" i="5" s="1"/>
  <c r="I3742" i="2"/>
  <c r="I3716" i="5" s="1"/>
  <c r="L3742" i="2"/>
  <c r="L3716" i="5" s="1"/>
  <c r="K3742" i="2"/>
  <c r="K3716" i="5" s="1"/>
  <c r="O3716" i="5" s="1"/>
  <c r="J3742" i="2"/>
  <c r="J3716" i="5" s="1"/>
  <c r="N3716" i="5" s="1"/>
  <c r="I3733" i="2"/>
  <c r="I3707" i="5" s="1"/>
  <c r="M3733" i="2"/>
  <c r="M3707" i="5" s="1"/>
  <c r="L3733" i="2"/>
  <c r="L3707" i="5" s="1"/>
  <c r="K3733" i="2"/>
  <c r="K3707" i="5" s="1"/>
  <c r="O3707" i="5" s="1"/>
  <c r="J3733" i="2"/>
  <c r="J3707" i="5" s="1"/>
  <c r="N3707" i="5" s="1"/>
  <c r="M2080" i="2"/>
  <c r="M2054" i="5" s="1"/>
  <c r="J2080" i="2"/>
  <c r="J2054" i="5" s="1"/>
  <c r="N2054" i="5" s="1"/>
  <c r="L2080" i="2"/>
  <c r="L2054" i="5" s="1"/>
  <c r="I2080" i="2"/>
  <c r="I2054" i="5" s="1"/>
  <c r="K2080" i="2"/>
  <c r="K2054" i="5" s="1"/>
  <c r="O2054" i="5" s="1"/>
  <c r="J2918" i="2"/>
  <c r="J2892" i="5" s="1"/>
  <c r="N2892" i="5" s="1"/>
  <c r="L2918" i="2"/>
  <c r="L2892" i="5" s="1"/>
  <c r="K2918" i="2"/>
  <c r="K2892" i="5" s="1"/>
  <c r="O2892" i="5" s="1"/>
  <c r="I2918" i="2"/>
  <c r="I2892" i="5" s="1"/>
  <c r="M2918" i="2"/>
  <c r="M2892" i="5" s="1"/>
  <c r="M7372" i="2"/>
  <c r="M7346" i="5" s="1"/>
  <c r="J7372" i="2"/>
  <c r="J7346" i="5" s="1"/>
  <c r="N7346" i="5" s="1"/>
  <c r="L7372" i="2"/>
  <c r="L7346" i="5" s="1"/>
  <c r="I7372" i="2"/>
  <c r="I7346" i="5" s="1"/>
  <c r="K7372" i="2"/>
  <c r="K7346" i="5" s="1"/>
  <c r="O7346" i="5" s="1"/>
  <c r="J7363" i="2"/>
  <c r="J7337" i="5" s="1"/>
  <c r="N7337" i="5" s="1"/>
  <c r="M7363" i="2"/>
  <c r="M7337" i="5" s="1"/>
  <c r="L7363" i="2"/>
  <c r="L7337" i="5" s="1"/>
  <c r="I7363" i="2"/>
  <c r="I7337" i="5" s="1"/>
  <c r="K7363" i="2"/>
  <c r="K7337" i="5" s="1"/>
  <c r="O7337" i="5" s="1"/>
  <c r="M4253" i="2"/>
  <c r="M4227" i="5" s="1"/>
  <c r="I4253" i="2"/>
  <c r="I4227" i="5" s="1"/>
  <c r="K4253" i="2"/>
  <c r="K4227" i="5" s="1"/>
  <c r="O4227" i="5" s="1"/>
  <c r="J4253" i="2"/>
  <c r="J4227" i="5" s="1"/>
  <c r="N4227" i="5" s="1"/>
  <c r="L4253" i="2"/>
  <c r="L4227" i="5" s="1"/>
  <c r="AR177" i="1"/>
  <c r="C183" i="5"/>
  <c r="I2808" i="2"/>
  <c r="I2782" i="5" s="1"/>
  <c r="M2808" i="2"/>
  <c r="M2782" i="5" s="1"/>
  <c r="K2808" i="2"/>
  <c r="K2782" i="5" s="1"/>
  <c r="O2782" i="5" s="1"/>
  <c r="L2808" i="2"/>
  <c r="L2782" i="5" s="1"/>
  <c r="J2808" i="2"/>
  <c r="J2782" i="5" s="1"/>
  <c r="N2782" i="5" s="1"/>
  <c r="L5923" i="2"/>
  <c r="L5897" i="5" s="1"/>
  <c r="M5923" i="2"/>
  <c r="M5897" i="5" s="1"/>
  <c r="I5923" i="2"/>
  <c r="I5897" i="5" s="1"/>
  <c r="K5923" i="2"/>
  <c r="K5897" i="5" s="1"/>
  <c r="O5897" i="5" s="1"/>
  <c r="J5923" i="2"/>
  <c r="J5897" i="5" s="1"/>
  <c r="N5897" i="5" s="1"/>
  <c r="J5927" i="2"/>
  <c r="J5901" i="5" s="1"/>
  <c r="N5901" i="5" s="1"/>
  <c r="M5927" i="2"/>
  <c r="M5901" i="5" s="1"/>
  <c r="L5927" i="2"/>
  <c r="L5901" i="5" s="1"/>
  <c r="I5927" i="2"/>
  <c r="I5901" i="5" s="1"/>
  <c r="K5927" i="2"/>
  <c r="K5901" i="5" s="1"/>
  <c r="O5901" i="5" s="1"/>
  <c r="I6773" i="2"/>
  <c r="I6747" i="5" s="1"/>
  <c r="K6773" i="2"/>
  <c r="K6747" i="5" s="1"/>
  <c r="O6747" i="5" s="1"/>
  <c r="J6773" i="2"/>
  <c r="J6747" i="5" s="1"/>
  <c r="N6747" i="5" s="1"/>
  <c r="L6773" i="2"/>
  <c r="L6747" i="5" s="1"/>
  <c r="M6773" i="2"/>
  <c r="M6747" i="5" s="1"/>
  <c r="I2223" i="2"/>
  <c r="I2197" i="5" s="1"/>
  <c r="K2223" i="2"/>
  <c r="K2197" i="5" s="1"/>
  <c r="O2197" i="5" s="1"/>
  <c r="J2223" i="2"/>
  <c r="J2197" i="5" s="1"/>
  <c r="N2197" i="5" s="1"/>
  <c r="L2223" i="2"/>
  <c r="L2197" i="5" s="1"/>
  <c r="M2223" i="2"/>
  <c r="M2197" i="5" s="1"/>
  <c r="L1792" i="2"/>
  <c r="L1766" i="5" s="1"/>
  <c r="M1792" i="2"/>
  <c r="M1766" i="5" s="1"/>
  <c r="K1792" i="2"/>
  <c r="K1766" i="5" s="1"/>
  <c r="O1766" i="5" s="1"/>
  <c r="J1792" i="2"/>
  <c r="J1766" i="5" s="1"/>
  <c r="N1766" i="5" s="1"/>
  <c r="I1792" i="2"/>
  <c r="I1766" i="5" s="1"/>
  <c r="M1813" i="2"/>
  <c r="M1787" i="5" s="1"/>
  <c r="I1813" i="2"/>
  <c r="I1787" i="5" s="1"/>
  <c r="K1813" i="2"/>
  <c r="K1787" i="5" s="1"/>
  <c r="O1787" i="5" s="1"/>
  <c r="J1813" i="2"/>
  <c r="J1787" i="5" s="1"/>
  <c r="N1787" i="5" s="1"/>
  <c r="L1813" i="2"/>
  <c r="L1787" i="5" s="1"/>
  <c r="K1810" i="2"/>
  <c r="K1784" i="5" s="1"/>
  <c r="O1784" i="5" s="1"/>
  <c r="J1810" i="2"/>
  <c r="J1784" i="5" s="1"/>
  <c r="N1784" i="5" s="1"/>
  <c r="L1810" i="2"/>
  <c r="L1784" i="5" s="1"/>
  <c r="I1810" i="2"/>
  <c r="I1784" i="5" s="1"/>
  <c r="M1810" i="2"/>
  <c r="M1784" i="5" s="1"/>
  <c r="L4654" i="2"/>
  <c r="L4628" i="5" s="1"/>
  <c r="M4654" i="2"/>
  <c r="M4628" i="5" s="1"/>
  <c r="I4654" i="2"/>
  <c r="I4628" i="5" s="1"/>
  <c r="K4654" i="2"/>
  <c r="K4628" i="5" s="1"/>
  <c r="O4628" i="5" s="1"/>
  <c r="J4654" i="2"/>
  <c r="J4628" i="5" s="1"/>
  <c r="N4628" i="5" s="1"/>
  <c r="I816" i="2"/>
  <c r="I790" i="5" s="1"/>
  <c r="K816" i="2"/>
  <c r="K790" i="5" s="1"/>
  <c r="O790" i="5" s="1"/>
  <c r="L816" i="2"/>
  <c r="L790" i="5" s="1"/>
  <c r="M816" i="2"/>
  <c r="M790" i="5" s="1"/>
  <c r="J816" i="2"/>
  <c r="J790" i="5" s="1"/>
  <c r="N790" i="5" s="1"/>
  <c r="J2950" i="2"/>
  <c r="J2924" i="5" s="1"/>
  <c r="N2924" i="5" s="1"/>
  <c r="L2950" i="2"/>
  <c r="L2924" i="5" s="1"/>
  <c r="I2950" i="2"/>
  <c r="I2924" i="5" s="1"/>
  <c r="M2950" i="2"/>
  <c r="M2924" i="5" s="1"/>
  <c r="K2950" i="2"/>
  <c r="K2924" i="5" s="1"/>
  <c r="O2924" i="5" s="1"/>
  <c r="L7818" i="2"/>
  <c r="L7792" i="5" s="1"/>
  <c r="I7818" i="2"/>
  <c r="I7792" i="5" s="1"/>
  <c r="M7818" i="2"/>
  <c r="M7792" i="5" s="1"/>
  <c r="K7818" i="2"/>
  <c r="K7792" i="5" s="1"/>
  <c r="O7792" i="5" s="1"/>
  <c r="J7818" i="2"/>
  <c r="J7792" i="5" s="1"/>
  <c r="N7792" i="5" s="1"/>
  <c r="L7823" i="2"/>
  <c r="L7797" i="5" s="1"/>
  <c r="M7823" i="2"/>
  <c r="M7797" i="5" s="1"/>
  <c r="I7823" i="2"/>
  <c r="I7797" i="5" s="1"/>
  <c r="K7823" i="2"/>
  <c r="K7797" i="5" s="1"/>
  <c r="O7797" i="5" s="1"/>
  <c r="J7823" i="2"/>
  <c r="J7797" i="5" s="1"/>
  <c r="N7797" i="5" s="1"/>
  <c r="I985" i="2"/>
  <c r="I959" i="5" s="1"/>
  <c r="L985" i="2"/>
  <c r="L959" i="5" s="1"/>
  <c r="M985" i="2"/>
  <c r="M959" i="5" s="1"/>
  <c r="K985" i="2"/>
  <c r="K959" i="5" s="1"/>
  <c r="O959" i="5" s="1"/>
  <c r="J985" i="2"/>
  <c r="J959" i="5" s="1"/>
  <c r="N959" i="5" s="1"/>
  <c r="M8479" i="2"/>
  <c r="M8453" i="5" s="1"/>
  <c r="I8479" i="2"/>
  <c r="I8453" i="5" s="1"/>
  <c r="K8479" i="2"/>
  <c r="K8453" i="5" s="1"/>
  <c r="O8453" i="5" s="1"/>
  <c r="J8479" i="2"/>
  <c r="J8453" i="5" s="1"/>
  <c r="N8453" i="5" s="1"/>
  <c r="L8479" i="2"/>
  <c r="L8453" i="5" s="1"/>
  <c r="J8477" i="2"/>
  <c r="J8451" i="5" s="1"/>
  <c r="N8451" i="5" s="1"/>
  <c r="M8477" i="2"/>
  <c r="M8451" i="5" s="1"/>
  <c r="L8477" i="2"/>
  <c r="L8451" i="5" s="1"/>
  <c r="I8477" i="2"/>
  <c r="I8451" i="5" s="1"/>
  <c r="K8477" i="2"/>
  <c r="K8451" i="5" s="1"/>
  <c r="O8451" i="5" s="1"/>
  <c r="J4497" i="2"/>
  <c r="J4471" i="5" s="1"/>
  <c r="N4471" i="5" s="1"/>
  <c r="M4497" i="2"/>
  <c r="M4471" i="5" s="1"/>
  <c r="L4497" i="2"/>
  <c r="L4471" i="5" s="1"/>
  <c r="I4497" i="2"/>
  <c r="I4471" i="5" s="1"/>
  <c r="K4497" i="2"/>
  <c r="K4471" i="5" s="1"/>
  <c r="O4471" i="5" s="1"/>
  <c r="I2247" i="2"/>
  <c r="I2221" i="5" s="1"/>
  <c r="K2247" i="2"/>
  <c r="K2221" i="5" s="1"/>
  <c r="O2221" i="5" s="1"/>
  <c r="J2247" i="2"/>
  <c r="J2221" i="5" s="1"/>
  <c r="N2221" i="5" s="1"/>
  <c r="M2247" i="2"/>
  <c r="M2221" i="5" s="1"/>
  <c r="L2247" i="2"/>
  <c r="L2221" i="5" s="1"/>
  <c r="L3770" i="2"/>
  <c r="L3744" i="5" s="1"/>
  <c r="I3770" i="2"/>
  <c r="I3744" i="5" s="1"/>
  <c r="M3770" i="2"/>
  <c r="M3744" i="5" s="1"/>
  <c r="K3770" i="2"/>
  <c r="K3744" i="5" s="1"/>
  <c r="O3744" i="5" s="1"/>
  <c r="J3770" i="2"/>
  <c r="J3744" i="5" s="1"/>
  <c r="N3744" i="5" s="1"/>
  <c r="M897" i="2"/>
  <c r="M871" i="5" s="1"/>
  <c r="J897" i="2"/>
  <c r="J871" i="5" s="1"/>
  <c r="N871" i="5" s="1"/>
  <c r="I897" i="2"/>
  <c r="I871" i="5" s="1"/>
  <c r="L897" i="2"/>
  <c r="L871" i="5" s="1"/>
  <c r="K897" i="2"/>
  <c r="K871" i="5" s="1"/>
  <c r="O871" i="5" s="1"/>
  <c r="J5865" i="2"/>
  <c r="J5839" i="5" s="1"/>
  <c r="N5839" i="5" s="1"/>
  <c r="M5865" i="2"/>
  <c r="M5839" i="5" s="1"/>
  <c r="L5865" i="2"/>
  <c r="L5839" i="5" s="1"/>
  <c r="I5865" i="2"/>
  <c r="I5839" i="5" s="1"/>
  <c r="K5865" i="2"/>
  <c r="K5839" i="5" s="1"/>
  <c r="O5839" i="5" s="1"/>
  <c r="M5746" i="2"/>
  <c r="M5720" i="5" s="1"/>
  <c r="L5746" i="2"/>
  <c r="L5720" i="5" s="1"/>
  <c r="I5746" i="2"/>
  <c r="I5720" i="5" s="1"/>
  <c r="K5746" i="2"/>
  <c r="K5720" i="5" s="1"/>
  <c r="O5720" i="5" s="1"/>
  <c r="J5746" i="2"/>
  <c r="J5720" i="5" s="1"/>
  <c r="N5720" i="5" s="1"/>
  <c r="I206" i="2"/>
  <c r="I180" i="5" s="1"/>
  <c r="M206" i="2"/>
  <c r="M180" i="5" s="1"/>
  <c r="L206" i="2"/>
  <c r="L180" i="5" s="1"/>
  <c r="K206" i="2"/>
  <c r="K180" i="5" s="1"/>
  <c r="O180" i="5" s="1"/>
  <c r="J206" i="2"/>
  <c r="J180" i="5" s="1"/>
  <c r="N180" i="5" s="1"/>
  <c r="K209" i="2"/>
  <c r="K183" i="5" s="1"/>
  <c r="O183" i="5" s="1"/>
  <c r="M209" i="2"/>
  <c r="M183" i="5" s="1"/>
  <c r="L209" i="2"/>
  <c r="L183" i="5" s="1"/>
  <c r="J209" i="2"/>
  <c r="J183" i="5" s="1"/>
  <c r="N183" i="5" s="1"/>
  <c r="I209" i="2"/>
  <c r="I183" i="5" s="1"/>
  <c r="M4948" i="2"/>
  <c r="M4922" i="5" s="1"/>
  <c r="I4948" i="2"/>
  <c r="I4922" i="5" s="1"/>
  <c r="K4948" i="2"/>
  <c r="K4922" i="5" s="1"/>
  <c r="O4922" i="5" s="1"/>
  <c r="J4948" i="2"/>
  <c r="J4922" i="5" s="1"/>
  <c r="N4922" i="5" s="1"/>
  <c r="L4948" i="2"/>
  <c r="L4922" i="5" s="1"/>
  <c r="J4936" i="2"/>
  <c r="J4910" i="5" s="1"/>
  <c r="N4910" i="5" s="1"/>
  <c r="M4936" i="2"/>
  <c r="M4910" i="5" s="1"/>
  <c r="L4936" i="2"/>
  <c r="L4910" i="5" s="1"/>
  <c r="I4936" i="2"/>
  <c r="I4910" i="5" s="1"/>
  <c r="K4936" i="2"/>
  <c r="K4910" i="5" s="1"/>
  <c r="O4910" i="5" s="1"/>
  <c r="L7103" i="2"/>
  <c r="L7077" i="5" s="1"/>
  <c r="I7103" i="2"/>
  <c r="I7077" i="5" s="1"/>
  <c r="K7103" i="2"/>
  <c r="K7077" i="5" s="1"/>
  <c r="O7077" i="5" s="1"/>
  <c r="J7103" i="2"/>
  <c r="J7077" i="5" s="1"/>
  <c r="N7077" i="5" s="1"/>
  <c r="M7103" i="2"/>
  <c r="M7077" i="5" s="1"/>
  <c r="L393" i="2"/>
  <c r="L367" i="5" s="1"/>
  <c r="M393" i="2"/>
  <c r="M367" i="5" s="1"/>
  <c r="I393" i="2"/>
  <c r="I367" i="5" s="1"/>
  <c r="K393" i="2"/>
  <c r="K367" i="5" s="1"/>
  <c r="O367" i="5" s="1"/>
  <c r="J393" i="2"/>
  <c r="J367" i="5" s="1"/>
  <c r="N367" i="5" s="1"/>
  <c r="I5476" i="2"/>
  <c r="I5450" i="5" s="1"/>
  <c r="K5476" i="2"/>
  <c r="K5450" i="5" s="1"/>
  <c r="O5450" i="5" s="1"/>
  <c r="M5476" i="2"/>
  <c r="M5450" i="5" s="1"/>
  <c r="J5476" i="2"/>
  <c r="J5450" i="5" s="1"/>
  <c r="N5450" i="5" s="1"/>
  <c r="L5476" i="2"/>
  <c r="L5450" i="5" s="1"/>
  <c r="L2973" i="2"/>
  <c r="L2947" i="5" s="1"/>
  <c r="J2973" i="2"/>
  <c r="J2947" i="5" s="1"/>
  <c r="N2947" i="5" s="1"/>
  <c r="M2973" i="2"/>
  <c r="M2947" i="5" s="1"/>
  <c r="I2973" i="2"/>
  <c r="I2947" i="5" s="1"/>
  <c r="K2973" i="2"/>
  <c r="K2947" i="5" s="1"/>
  <c r="O2947" i="5" s="1"/>
  <c r="M1654" i="2"/>
  <c r="M1628" i="5" s="1"/>
  <c r="L1654" i="2"/>
  <c r="L1628" i="5" s="1"/>
  <c r="I1654" i="2"/>
  <c r="I1628" i="5" s="1"/>
  <c r="K1654" i="2"/>
  <c r="K1628" i="5" s="1"/>
  <c r="O1628" i="5" s="1"/>
  <c r="J1654" i="2"/>
  <c r="J1628" i="5" s="1"/>
  <c r="N1628" i="5" s="1"/>
  <c r="L1646" i="2"/>
  <c r="L1620" i="5" s="1"/>
  <c r="M1646" i="2"/>
  <c r="M1620" i="5" s="1"/>
  <c r="J1646" i="2"/>
  <c r="J1620" i="5" s="1"/>
  <c r="N1620" i="5" s="1"/>
  <c r="I1646" i="2"/>
  <c r="I1620" i="5" s="1"/>
  <c r="K1646" i="2"/>
  <c r="K1620" i="5" s="1"/>
  <c r="O1620" i="5" s="1"/>
  <c r="I8206" i="2"/>
  <c r="I8180" i="5" s="1"/>
  <c r="L8206" i="2"/>
  <c r="L8180" i="5" s="1"/>
  <c r="K8206" i="2"/>
  <c r="K8180" i="5" s="1"/>
  <c r="O8180" i="5" s="1"/>
  <c r="J8206" i="2"/>
  <c r="J8180" i="5" s="1"/>
  <c r="N8180" i="5" s="1"/>
  <c r="M8206" i="2"/>
  <c r="M8180" i="5" s="1"/>
  <c r="L5146" i="2"/>
  <c r="L5120" i="5" s="1"/>
  <c r="I5146" i="2"/>
  <c r="I5120" i="5" s="1"/>
  <c r="K5146" i="2"/>
  <c r="K5120" i="5" s="1"/>
  <c r="O5120" i="5" s="1"/>
  <c r="J5146" i="2"/>
  <c r="J5120" i="5" s="1"/>
  <c r="N5120" i="5" s="1"/>
  <c r="M5146" i="2"/>
  <c r="M5120" i="5" s="1"/>
  <c r="L6643" i="2"/>
  <c r="L6617" i="5" s="1"/>
  <c r="I6643" i="2"/>
  <c r="I6617" i="5" s="1"/>
  <c r="M6643" i="2"/>
  <c r="M6617" i="5" s="1"/>
  <c r="K6643" i="2"/>
  <c r="K6617" i="5" s="1"/>
  <c r="O6617" i="5" s="1"/>
  <c r="J6643" i="2"/>
  <c r="J6617" i="5" s="1"/>
  <c r="N6617" i="5" s="1"/>
  <c r="J6638" i="2"/>
  <c r="J6612" i="5" s="1"/>
  <c r="N6612" i="5" s="1"/>
  <c r="L6638" i="2"/>
  <c r="L6612" i="5" s="1"/>
  <c r="M6638" i="2"/>
  <c r="M6612" i="5" s="1"/>
  <c r="I6638" i="2"/>
  <c r="I6612" i="5" s="1"/>
  <c r="K6638" i="2"/>
  <c r="K6612" i="5" s="1"/>
  <c r="O6612" i="5" s="1"/>
  <c r="I4419" i="2"/>
  <c r="I4393" i="5" s="1"/>
  <c r="K4419" i="2"/>
  <c r="K4393" i="5" s="1"/>
  <c r="O4393" i="5" s="1"/>
  <c r="J4419" i="2"/>
  <c r="J4393" i="5" s="1"/>
  <c r="N4393" i="5" s="1"/>
  <c r="L4419" i="2"/>
  <c r="L4393" i="5" s="1"/>
  <c r="M4419" i="2"/>
  <c r="M4393" i="5" s="1"/>
  <c r="L4410" i="2"/>
  <c r="L4384" i="5" s="1"/>
  <c r="M4410" i="2"/>
  <c r="M4384" i="5" s="1"/>
  <c r="J4410" i="2"/>
  <c r="J4384" i="5" s="1"/>
  <c r="N4384" i="5" s="1"/>
  <c r="K4410" i="2"/>
  <c r="K4384" i="5" s="1"/>
  <c r="O4384" i="5" s="1"/>
  <c r="I4410" i="2"/>
  <c r="I4384" i="5" s="1"/>
  <c r="I6517" i="2"/>
  <c r="I6491" i="5" s="1"/>
  <c r="K6517" i="2"/>
  <c r="K6491" i="5" s="1"/>
  <c r="O6491" i="5" s="1"/>
  <c r="J6517" i="2"/>
  <c r="J6491" i="5" s="1"/>
  <c r="N6491" i="5" s="1"/>
  <c r="L6517" i="2"/>
  <c r="L6491" i="5" s="1"/>
  <c r="M6517" i="2"/>
  <c r="M6491" i="5" s="1"/>
  <c r="K2291" i="2"/>
  <c r="K2265" i="5" s="1"/>
  <c r="O2265" i="5" s="1"/>
  <c r="M2291" i="2"/>
  <c r="M2265" i="5" s="1"/>
  <c r="L2291" i="2"/>
  <c r="L2265" i="5" s="1"/>
  <c r="I2291" i="2"/>
  <c r="I2265" i="5" s="1"/>
  <c r="J2291" i="2"/>
  <c r="J2265" i="5" s="1"/>
  <c r="N2265" i="5" s="1"/>
  <c r="C102" i="5"/>
  <c r="AR96" i="1"/>
  <c r="I1271" i="2"/>
  <c r="I1245" i="5" s="1"/>
  <c r="L1271" i="2"/>
  <c r="L1245" i="5" s="1"/>
  <c r="J1271" i="2"/>
  <c r="J1245" i="5" s="1"/>
  <c r="N1245" i="5" s="1"/>
  <c r="M1271" i="2"/>
  <c r="M1245" i="5" s="1"/>
  <c r="K1271" i="2"/>
  <c r="K1245" i="5" s="1"/>
  <c r="O1245" i="5" s="1"/>
  <c r="K1725" i="2"/>
  <c r="K1699" i="5" s="1"/>
  <c r="O1699" i="5" s="1"/>
  <c r="J1725" i="2"/>
  <c r="J1699" i="5" s="1"/>
  <c r="N1699" i="5" s="1"/>
  <c r="L1725" i="2"/>
  <c r="L1699" i="5" s="1"/>
  <c r="M1725" i="2"/>
  <c r="M1699" i="5" s="1"/>
  <c r="I1725" i="2"/>
  <c r="I1699" i="5" s="1"/>
  <c r="I6188" i="2"/>
  <c r="I6162" i="5" s="1"/>
  <c r="J6188" i="2"/>
  <c r="J6162" i="5" s="1"/>
  <c r="N6162" i="5" s="1"/>
  <c r="M6188" i="2"/>
  <c r="M6162" i="5" s="1"/>
  <c r="L6188" i="2"/>
  <c r="L6162" i="5" s="1"/>
  <c r="K6188" i="2"/>
  <c r="K6162" i="5" s="1"/>
  <c r="O6162" i="5" s="1"/>
  <c r="J2662" i="2"/>
  <c r="J2636" i="5" s="1"/>
  <c r="N2636" i="5" s="1"/>
  <c r="L2662" i="2"/>
  <c r="L2636" i="5" s="1"/>
  <c r="K2662" i="2"/>
  <c r="K2636" i="5" s="1"/>
  <c r="O2636" i="5" s="1"/>
  <c r="M2662" i="2"/>
  <c r="M2636" i="5" s="1"/>
  <c r="I2662" i="2"/>
  <c r="I2636" i="5" s="1"/>
  <c r="M6835" i="2"/>
  <c r="M6809" i="5" s="1"/>
  <c r="L6835" i="2"/>
  <c r="L6809" i="5" s="1"/>
  <c r="K6835" i="2"/>
  <c r="K6809" i="5" s="1"/>
  <c r="O6809" i="5" s="1"/>
  <c r="I6835" i="2"/>
  <c r="I6809" i="5" s="1"/>
  <c r="J6835" i="2"/>
  <c r="J6809" i="5" s="1"/>
  <c r="N6809" i="5" s="1"/>
  <c r="K3396" i="2"/>
  <c r="K3370" i="5" s="1"/>
  <c r="O3370" i="5" s="1"/>
  <c r="J3396" i="2"/>
  <c r="J3370" i="5" s="1"/>
  <c r="N3370" i="5" s="1"/>
  <c r="L3396" i="2"/>
  <c r="L3370" i="5" s="1"/>
  <c r="M3396" i="2"/>
  <c r="M3370" i="5" s="1"/>
  <c r="I3396" i="2"/>
  <c r="I3370" i="5" s="1"/>
  <c r="I1955" i="2"/>
  <c r="I1929" i="5" s="1"/>
  <c r="K1955" i="2"/>
  <c r="K1929" i="5" s="1"/>
  <c r="O1929" i="5" s="1"/>
  <c r="J1955" i="2"/>
  <c r="J1929" i="5" s="1"/>
  <c r="N1929" i="5" s="1"/>
  <c r="L1955" i="2"/>
  <c r="L1929" i="5" s="1"/>
  <c r="M1955" i="2"/>
  <c r="M1929" i="5" s="1"/>
  <c r="I1316" i="2"/>
  <c r="I1290" i="5" s="1"/>
  <c r="K1316" i="2"/>
  <c r="K1290" i="5" s="1"/>
  <c r="O1290" i="5" s="1"/>
  <c r="J1316" i="2"/>
  <c r="J1290" i="5" s="1"/>
  <c r="N1290" i="5" s="1"/>
  <c r="L1316" i="2"/>
  <c r="L1290" i="5" s="1"/>
  <c r="M1316" i="2"/>
  <c r="M1290" i="5" s="1"/>
  <c r="J765" i="2"/>
  <c r="J739" i="5" s="1"/>
  <c r="N739" i="5" s="1"/>
  <c r="L765" i="2"/>
  <c r="L739" i="5" s="1"/>
  <c r="I765" i="2"/>
  <c r="I739" i="5" s="1"/>
  <c r="M765" i="2"/>
  <c r="M739" i="5" s="1"/>
  <c r="K765" i="2"/>
  <c r="K739" i="5" s="1"/>
  <c r="O739" i="5" s="1"/>
  <c r="M5270" i="2"/>
  <c r="M5244" i="5" s="1"/>
  <c r="I5270" i="2"/>
  <c r="I5244" i="5" s="1"/>
  <c r="K5270" i="2"/>
  <c r="K5244" i="5" s="1"/>
  <c r="O5244" i="5" s="1"/>
  <c r="J5270" i="2"/>
  <c r="J5244" i="5" s="1"/>
  <c r="N5244" i="5" s="1"/>
  <c r="L5270" i="2"/>
  <c r="L5244" i="5" s="1"/>
  <c r="L4817" i="2"/>
  <c r="L4791" i="5" s="1"/>
  <c r="J4817" i="2"/>
  <c r="J4791" i="5" s="1"/>
  <c r="N4791" i="5" s="1"/>
  <c r="I4817" i="2"/>
  <c r="I4791" i="5" s="1"/>
  <c r="M4817" i="2"/>
  <c r="M4791" i="5" s="1"/>
  <c r="K4817" i="2"/>
  <c r="K4791" i="5" s="1"/>
  <c r="O4791" i="5" s="1"/>
  <c r="J3667" i="2"/>
  <c r="J3641" i="5" s="1"/>
  <c r="N3641" i="5" s="1"/>
  <c r="M3667" i="2"/>
  <c r="M3641" i="5" s="1"/>
  <c r="L3667" i="2"/>
  <c r="L3641" i="5" s="1"/>
  <c r="I3667" i="2"/>
  <c r="I3641" i="5" s="1"/>
  <c r="K3667" i="2"/>
  <c r="K3641" i="5" s="1"/>
  <c r="O3641" i="5" s="1"/>
  <c r="M251" i="2"/>
  <c r="M225" i="5" s="1"/>
  <c r="L251" i="2"/>
  <c r="L225" i="5" s="1"/>
  <c r="I251" i="2"/>
  <c r="I225" i="5" s="1"/>
  <c r="J251" i="2"/>
  <c r="J225" i="5" s="1"/>
  <c r="N225" i="5" s="1"/>
  <c r="K251" i="2"/>
  <c r="K225" i="5" s="1"/>
  <c r="O225" i="5" s="1"/>
  <c r="L4841" i="2"/>
  <c r="L4815" i="5" s="1"/>
  <c r="I4841" i="2"/>
  <c r="I4815" i="5" s="1"/>
  <c r="J4841" i="2"/>
  <c r="J4815" i="5" s="1"/>
  <c r="N4815" i="5" s="1"/>
  <c r="M4841" i="2"/>
  <c r="M4815" i="5" s="1"/>
  <c r="K4841" i="2"/>
  <c r="K4815" i="5" s="1"/>
  <c r="O4815" i="5" s="1"/>
  <c r="J5299" i="2"/>
  <c r="J5273" i="5" s="1"/>
  <c r="N5273" i="5" s="1"/>
  <c r="I5299" i="2"/>
  <c r="I5273" i="5" s="1"/>
  <c r="K5299" i="2"/>
  <c r="K5273" i="5" s="1"/>
  <c r="O5273" i="5" s="1"/>
  <c r="L5299" i="2"/>
  <c r="L5273" i="5" s="1"/>
  <c r="M5299" i="2"/>
  <c r="M5273" i="5" s="1"/>
  <c r="L6082" i="2"/>
  <c r="L6056" i="5" s="1"/>
  <c r="I6082" i="2"/>
  <c r="I6056" i="5" s="1"/>
  <c r="K6082" i="2"/>
  <c r="K6056" i="5" s="1"/>
  <c r="O6056" i="5" s="1"/>
  <c r="J6082" i="2"/>
  <c r="J6056" i="5" s="1"/>
  <c r="N6056" i="5" s="1"/>
  <c r="M6082" i="2"/>
  <c r="M6056" i="5" s="1"/>
  <c r="J8007" i="2"/>
  <c r="J7981" i="5" s="1"/>
  <c r="N7981" i="5" s="1"/>
  <c r="L8007" i="2"/>
  <c r="L7981" i="5" s="1"/>
  <c r="I8007" i="2"/>
  <c r="I7981" i="5" s="1"/>
  <c r="M8007" i="2"/>
  <c r="M7981" i="5" s="1"/>
  <c r="K8007" i="2"/>
  <c r="K7981" i="5" s="1"/>
  <c r="O7981" i="5" s="1"/>
  <c r="M5112" i="2"/>
  <c r="M5086" i="5" s="1"/>
  <c r="L5112" i="2"/>
  <c r="L5086" i="5" s="1"/>
  <c r="I5112" i="2"/>
  <c r="I5086" i="5" s="1"/>
  <c r="K5112" i="2"/>
  <c r="K5086" i="5" s="1"/>
  <c r="O5086" i="5" s="1"/>
  <c r="J5112" i="2"/>
  <c r="J5086" i="5" s="1"/>
  <c r="N5086" i="5" s="1"/>
  <c r="K3153" i="2"/>
  <c r="K3127" i="5" s="1"/>
  <c r="O3127" i="5" s="1"/>
  <c r="J3153" i="2"/>
  <c r="J3127" i="5" s="1"/>
  <c r="N3127" i="5" s="1"/>
  <c r="L3153" i="2"/>
  <c r="L3127" i="5" s="1"/>
  <c r="M3153" i="2"/>
  <c r="M3127" i="5" s="1"/>
  <c r="I3153" i="2"/>
  <c r="I3127" i="5" s="1"/>
  <c r="L1958" i="2"/>
  <c r="L1932" i="5" s="1"/>
  <c r="M1958" i="2"/>
  <c r="M1932" i="5" s="1"/>
  <c r="I1958" i="2"/>
  <c r="I1932" i="5" s="1"/>
  <c r="K1958" i="2"/>
  <c r="K1932" i="5" s="1"/>
  <c r="O1932" i="5" s="1"/>
  <c r="J1958" i="2"/>
  <c r="J1932" i="5" s="1"/>
  <c r="N1932" i="5" s="1"/>
  <c r="J1954" i="2"/>
  <c r="J1928" i="5" s="1"/>
  <c r="N1928" i="5" s="1"/>
  <c r="M1954" i="2"/>
  <c r="M1928" i="5" s="1"/>
  <c r="L1954" i="2"/>
  <c r="L1928" i="5" s="1"/>
  <c r="I1954" i="2"/>
  <c r="I1928" i="5" s="1"/>
  <c r="K1954" i="2"/>
  <c r="K1928" i="5" s="1"/>
  <c r="O1928" i="5" s="1"/>
  <c r="M8104" i="2"/>
  <c r="M8078" i="5" s="1"/>
  <c r="I8104" i="2"/>
  <c r="I8078" i="5" s="1"/>
  <c r="L8104" i="2"/>
  <c r="L8078" i="5" s="1"/>
  <c r="K8104" i="2"/>
  <c r="K8078" i="5" s="1"/>
  <c r="O8078" i="5" s="1"/>
  <c r="J8104" i="2"/>
  <c r="J8078" i="5" s="1"/>
  <c r="N8078" i="5" s="1"/>
  <c r="J8113" i="2"/>
  <c r="J8087" i="5" s="1"/>
  <c r="N8087" i="5" s="1"/>
  <c r="L8113" i="2"/>
  <c r="L8087" i="5" s="1"/>
  <c r="M8113" i="2"/>
  <c r="M8087" i="5" s="1"/>
  <c r="I8113" i="2"/>
  <c r="I8087" i="5" s="1"/>
  <c r="K8113" i="2"/>
  <c r="K8087" i="5" s="1"/>
  <c r="O8087" i="5" s="1"/>
  <c r="L5351" i="2"/>
  <c r="L5325" i="5" s="1"/>
  <c r="I5351" i="2"/>
  <c r="I5325" i="5" s="1"/>
  <c r="J5351" i="2"/>
  <c r="J5325" i="5" s="1"/>
  <c r="N5325" i="5" s="1"/>
  <c r="M5351" i="2"/>
  <c r="M5325" i="5" s="1"/>
  <c r="K5351" i="2"/>
  <c r="K5325" i="5" s="1"/>
  <c r="O5325" i="5" s="1"/>
  <c r="I6005" i="2"/>
  <c r="I5979" i="5" s="1"/>
  <c r="K6005" i="2"/>
  <c r="K5979" i="5" s="1"/>
  <c r="O5979" i="5" s="1"/>
  <c r="J6005" i="2"/>
  <c r="J5979" i="5" s="1"/>
  <c r="N5979" i="5" s="1"/>
  <c r="M6005" i="2"/>
  <c r="M5979" i="5" s="1"/>
  <c r="L6005" i="2"/>
  <c r="L5979" i="5" s="1"/>
  <c r="J1999" i="2"/>
  <c r="J1973" i="5" s="1"/>
  <c r="N1973" i="5" s="1"/>
  <c r="L1999" i="2"/>
  <c r="L1973" i="5" s="1"/>
  <c r="M1999" i="2"/>
  <c r="M1973" i="5" s="1"/>
  <c r="I1999" i="2"/>
  <c r="I1973" i="5" s="1"/>
  <c r="K1999" i="2"/>
  <c r="K1973" i="5" s="1"/>
  <c r="O1973" i="5" s="1"/>
  <c r="L394" i="2"/>
  <c r="L368" i="5" s="1"/>
  <c r="M394" i="2"/>
  <c r="M368" i="5" s="1"/>
  <c r="J394" i="2"/>
  <c r="J368" i="5" s="1"/>
  <c r="N368" i="5" s="1"/>
  <c r="I394" i="2"/>
  <c r="I368" i="5" s="1"/>
  <c r="K394" i="2"/>
  <c r="K368" i="5" s="1"/>
  <c r="O368" i="5" s="1"/>
  <c r="I3065" i="2"/>
  <c r="I3039" i="5" s="1"/>
  <c r="K3065" i="2"/>
  <c r="K3039" i="5" s="1"/>
  <c r="O3039" i="5" s="1"/>
  <c r="J3065" i="2"/>
  <c r="J3039" i="5" s="1"/>
  <c r="N3039" i="5" s="1"/>
  <c r="L3065" i="2"/>
  <c r="L3039" i="5" s="1"/>
  <c r="M3065" i="2"/>
  <c r="M3039" i="5" s="1"/>
  <c r="L539" i="2"/>
  <c r="L513" i="5" s="1"/>
  <c r="I539" i="2"/>
  <c r="I513" i="5" s="1"/>
  <c r="K539" i="2"/>
  <c r="K513" i="5" s="1"/>
  <c r="O513" i="5" s="1"/>
  <c r="J539" i="2"/>
  <c r="J513" i="5" s="1"/>
  <c r="N513" i="5" s="1"/>
  <c r="M539" i="2"/>
  <c r="M513" i="5" s="1"/>
  <c r="I6621" i="2"/>
  <c r="I6595" i="5" s="1"/>
  <c r="K6621" i="2"/>
  <c r="K6595" i="5" s="1"/>
  <c r="O6595" i="5" s="1"/>
  <c r="J6621" i="2"/>
  <c r="J6595" i="5" s="1"/>
  <c r="N6595" i="5" s="1"/>
  <c r="L6621" i="2"/>
  <c r="L6595" i="5" s="1"/>
  <c r="M6621" i="2"/>
  <c r="M6595" i="5" s="1"/>
  <c r="K1134" i="2"/>
  <c r="K1108" i="5" s="1"/>
  <c r="O1108" i="5" s="1"/>
  <c r="M1134" i="2"/>
  <c r="M1108" i="5" s="1"/>
  <c r="L1134" i="2"/>
  <c r="L1108" i="5" s="1"/>
  <c r="J1134" i="2"/>
  <c r="J1108" i="5" s="1"/>
  <c r="N1108" i="5" s="1"/>
  <c r="I1134" i="2"/>
  <c r="I1108" i="5" s="1"/>
  <c r="M7325" i="2"/>
  <c r="M7299" i="5" s="1"/>
  <c r="L7325" i="2"/>
  <c r="L7299" i="5" s="1"/>
  <c r="I7325" i="2"/>
  <c r="I7299" i="5" s="1"/>
  <c r="K7325" i="2"/>
  <c r="K7299" i="5" s="1"/>
  <c r="O7299" i="5" s="1"/>
  <c r="J7325" i="2"/>
  <c r="J7299" i="5" s="1"/>
  <c r="N7299" i="5" s="1"/>
  <c r="K7306" i="2"/>
  <c r="K7280" i="5" s="1"/>
  <c r="O7280" i="5" s="1"/>
  <c r="J7306" i="2"/>
  <c r="J7280" i="5" s="1"/>
  <c r="N7280" i="5" s="1"/>
  <c r="M7306" i="2"/>
  <c r="M7280" i="5" s="1"/>
  <c r="L7306" i="2"/>
  <c r="L7280" i="5" s="1"/>
  <c r="I7306" i="2"/>
  <c r="I7280" i="5" s="1"/>
  <c r="L7970" i="2"/>
  <c r="L7944" i="5" s="1"/>
  <c r="I7970" i="2"/>
  <c r="I7944" i="5" s="1"/>
  <c r="M7970" i="2"/>
  <c r="M7944" i="5" s="1"/>
  <c r="K7970" i="2"/>
  <c r="K7944" i="5" s="1"/>
  <c r="O7944" i="5" s="1"/>
  <c r="J7970" i="2"/>
  <c r="J7944" i="5" s="1"/>
  <c r="N7944" i="5" s="1"/>
  <c r="K7958" i="2"/>
  <c r="K7932" i="5" s="1"/>
  <c r="O7932" i="5" s="1"/>
  <c r="I7958" i="2"/>
  <c r="I7932" i="5" s="1"/>
  <c r="M7958" i="2"/>
  <c r="M7932" i="5" s="1"/>
  <c r="J7958" i="2"/>
  <c r="J7932" i="5" s="1"/>
  <c r="N7932" i="5" s="1"/>
  <c r="L7958" i="2"/>
  <c r="L7932" i="5" s="1"/>
  <c r="M3262" i="2"/>
  <c r="M3236" i="5" s="1"/>
  <c r="L3262" i="2"/>
  <c r="L3236" i="5" s="1"/>
  <c r="J3262" i="2"/>
  <c r="J3236" i="5" s="1"/>
  <c r="N3236" i="5" s="1"/>
  <c r="I3262" i="2"/>
  <c r="I3236" i="5" s="1"/>
  <c r="K3262" i="2"/>
  <c r="K3236" i="5" s="1"/>
  <c r="O3236" i="5" s="1"/>
  <c r="M5014" i="2"/>
  <c r="M4988" i="5" s="1"/>
  <c r="I5014" i="2"/>
  <c r="I4988" i="5" s="1"/>
  <c r="K5014" i="2"/>
  <c r="K4988" i="5" s="1"/>
  <c r="O4988" i="5" s="1"/>
  <c r="J5014" i="2"/>
  <c r="J4988" i="5" s="1"/>
  <c r="N4988" i="5" s="1"/>
  <c r="L5014" i="2"/>
  <c r="L4988" i="5" s="1"/>
  <c r="I1079" i="2"/>
  <c r="I1053" i="5" s="1"/>
  <c r="K1079" i="2"/>
  <c r="K1053" i="5" s="1"/>
  <c r="O1053" i="5" s="1"/>
  <c r="J1079" i="2"/>
  <c r="J1053" i="5" s="1"/>
  <c r="N1053" i="5" s="1"/>
  <c r="L1079" i="2"/>
  <c r="L1053" i="5" s="1"/>
  <c r="M1079" i="2"/>
  <c r="M1053" i="5" s="1"/>
  <c r="L3995" i="2"/>
  <c r="L3969" i="5" s="1"/>
  <c r="I3995" i="2"/>
  <c r="I3969" i="5" s="1"/>
  <c r="K3995" i="2"/>
  <c r="K3969" i="5" s="1"/>
  <c r="O3969" i="5" s="1"/>
  <c r="M3995" i="2"/>
  <c r="M3969" i="5" s="1"/>
  <c r="J3995" i="2"/>
  <c r="J3969" i="5" s="1"/>
  <c r="N3969" i="5" s="1"/>
  <c r="L1321" i="2"/>
  <c r="L1295" i="5" s="1"/>
  <c r="J1321" i="2"/>
  <c r="J1295" i="5" s="1"/>
  <c r="N1295" i="5" s="1"/>
  <c r="M1321" i="2"/>
  <c r="M1295" i="5" s="1"/>
  <c r="I1321" i="2"/>
  <c r="I1295" i="5" s="1"/>
  <c r="K1321" i="2"/>
  <c r="K1295" i="5" s="1"/>
  <c r="O1295" i="5" s="1"/>
  <c r="I4314" i="2"/>
  <c r="I4288" i="5" s="1"/>
  <c r="K4314" i="2"/>
  <c r="K4288" i="5" s="1"/>
  <c r="O4288" i="5" s="1"/>
  <c r="J4314" i="2"/>
  <c r="J4288" i="5" s="1"/>
  <c r="N4288" i="5" s="1"/>
  <c r="M4314" i="2"/>
  <c r="M4288" i="5" s="1"/>
  <c r="L4314" i="2"/>
  <c r="L4288" i="5" s="1"/>
  <c r="I3302" i="2"/>
  <c r="I3276" i="5" s="1"/>
  <c r="K3302" i="2"/>
  <c r="K3276" i="5" s="1"/>
  <c r="O3276" i="5" s="1"/>
  <c r="J3302" i="2"/>
  <c r="J3276" i="5" s="1"/>
  <c r="N3276" i="5" s="1"/>
  <c r="L3302" i="2"/>
  <c r="L3276" i="5" s="1"/>
  <c r="M3302" i="2"/>
  <c r="M3276" i="5" s="1"/>
  <c r="I4130" i="2"/>
  <c r="I4104" i="5" s="1"/>
  <c r="K4130" i="2"/>
  <c r="K4104" i="5" s="1"/>
  <c r="O4104" i="5" s="1"/>
  <c r="J4130" i="2"/>
  <c r="J4104" i="5" s="1"/>
  <c r="N4104" i="5" s="1"/>
  <c r="M4130" i="2"/>
  <c r="M4104" i="5" s="1"/>
  <c r="L4130" i="2"/>
  <c r="L4104" i="5" s="1"/>
  <c r="L7471" i="2"/>
  <c r="L7445" i="5" s="1"/>
  <c r="I7471" i="2"/>
  <c r="I7445" i="5" s="1"/>
  <c r="J7471" i="2"/>
  <c r="J7445" i="5" s="1"/>
  <c r="N7445" i="5" s="1"/>
  <c r="K7471" i="2"/>
  <c r="K7445" i="5" s="1"/>
  <c r="O7445" i="5" s="1"/>
  <c r="M7471" i="2"/>
  <c r="M7445" i="5" s="1"/>
  <c r="J4990" i="2"/>
  <c r="J4964" i="5" s="1"/>
  <c r="N4964" i="5" s="1"/>
  <c r="I4990" i="2"/>
  <c r="I4964" i="5" s="1"/>
  <c r="K4990" i="2"/>
  <c r="K4964" i="5" s="1"/>
  <c r="O4964" i="5" s="1"/>
  <c r="M4990" i="2"/>
  <c r="M4964" i="5" s="1"/>
  <c r="L4990" i="2"/>
  <c r="L4964" i="5" s="1"/>
  <c r="M8361" i="2"/>
  <c r="M8335" i="5" s="1"/>
  <c r="L8361" i="2"/>
  <c r="L8335" i="5" s="1"/>
  <c r="I8361" i="2"/>
  <c r="I8335" i="5" s="1"/>
  <c r="K8361" i="2"/>
  <c r="K8335" i="5" s="1"/>
  <c r="O8335" i="5" s="1"/>
  <c r="J8361" i="2"/>
  <c r="J8335" i="5" s="1"/>
  <c r="N8335" i="5" s="1"/>
  <c r="K8790" i="2"/>
  <c r="K8764" i="5" s="1"/>
  <c r="O8764" i="5" s="1"/>
  <c r="M8790" i="2"/>
  <c r="M8764" i="5" s="1"/>
  <c r="L8790" i="2"/>
  <c r="L8764" i="5" s="1"/>
  <c r="I8790" i="2"/>
  <c r="I8764" i="5" s="1"/>
  <c r="J8790" i="2"/>
  <c r="J8764" i="5" s="1"/>
  <c r="N8764" i="5" s="1"/>
  <c r="K8779" i="2"/>
  <c r="K8753" i="5" s="1"/>
  <c r="O8753" i="5" s="1"/>
  <c r="L8779" i="2"/>
  <c r="L8753" i="5" s="1"/>
  <c r="I8779" i="2"/>
  <c r="I8753" i="5" s="1"/>
  <c r="M8779" i="2"/>
  <c r="M8753" i="5" s="1"/>
  <c r="J8779" i="2"/>
  <c r="J8753" i="5" s="1"/>
  <c r="N8753" i="5" s="1"/>
  <c r="M3939" i="2"/>
  <c r="M3913" i="5" s="1"/>
  <c r="K3939" i="2"/>
  <c r="K3913" i="5" s="1"/>
  <c r="O3913" i="5" s="1"/>
  <c r="L3939" i="2"/>
  <c r="L3913" i="5" s="1"/>
  <c r="J3939" i="2"/>
  <c r="J3913" i="5" s="1"/>
  <c r="N3913" i="5" s="1"/>
  <c r="I3939" i="2"/>
  <c r="I3913" i="5" s="1"/>
  <c r="C170" i="5"/>
  <c r="AR164" i="1"/>
  <c r="L8034" i="2"/>
  <c r="L8008" i="5" s="1"/>
  <c r="K8034" i="2"/>
  <c r="K8008" i="5" s="1"/>
  <c r="O8008" i="5" s="1"/>
  <c r="M8034" i="2"/>
  <c r="M8008" i="5" s="1"/>
  <c r="J8034" i="2"/>
  <c r="J8008" i="5" s="1"/>
  <c r="N8008" i="5" s="1"/>
  <c r="I8034" i="2"/>
  <c r="I8008" i="5" s="1"/>
  <c r="J7029" i="2"/>
  <c r="J7003" i="5" s="1"/>
  <c r="N7003" i="5" s="1"/>
  <c r="M7029" i="2"/>
  <c r="M7003" i="5" s="1"/>
  <c r="L7029" i="2"/>
  <c r="L7003" i="5" s="1"/>
  <c r="I7029" i="2"/>
  <c r="I7003" i="5" s="1"/>
  <c r="K7029" i="2"/>
  <c r="K7003" i="5" s="1"/>
  <c r="O7003" i="5" s="1"/>
  <c r="K3570" i="2"/>
  <c r="K3544" i="5" s="1"/>
  <c r="O3544" i="5" s="1"/>
  <c r="L3570" i="2"/>
  <c r="L3544" i="5" s="1"/>
  <c r="M3570" i="2"/>
  <c r="M3544" i="5" s="1"/>
  <c r="I3570" i="2"/>
  <c r="I3544" i="5" s="1"/>
  <c r="J3570" i="2"/>
  <c r="J3544" i="5" s="1"/>
  <c r="N3544" i="5" s="1"/>
  <c r="L1403" i="2"/>
  <c r="L1377" i="5" s="1"/>
  <c r="M1403" i="2"/>
  <c r="M1377" i="5" s="1"/>
  <c r="I1403" i="2"/>
  <c r="I1377" i="5" s="1"/>
  <c r="K1403" i="2"/>
  <c r="K1377" i="5" s="1"/>
  <c r="O1377" i="5" s="1"/>
  <c r="J1403" i="2"/>
  <c r="J1377" i="5" s="1"/>
  <c r="N1377" i="5" s="1"/>
  <c r="K1408" i="2"/>
  <c r="K1382" i="5" s="1"/>
  <c r="O1382" i="5" s="1"/>
  <c r="L1408" i="2"/>
  <c r="L1382" i="5" s="1"/>
  <c r="I1408" i="2"/>
  <c r="I1382" i="5" s="1"/>
  <c r="M1408" i="2"/>
  <c r="M1382" i="5" s="1"/>
  <c r="J1408" i="2"/>
  <c r="J1382" i="5" s="1"/>
  <c r="N1382" i="5" s="1"/>
  <c r="M4587" i="2"/>
  <c r="M4561" i="5" s="1"/>
  <c r="J4587" i="2"/>
  <c r="J4561" i="5" s="1"/>
  <c r="N4561" i="5" s="1"/>
  <c r="I4587" i="2"/>
  <c r="I4561" i="5" s="1"/>
  <c r="L4587" i="2"/>
  <c r="L4561" i="5" s="1"/>
  <c r="K4587" i="2"/>
  <c r="K4561" i="5" s="1"/>
  <c r="O4561" i="5" s="1"/>
  <c r="K644" i="2"/>
  <c r="K618" i="5" s="1"/>
  <c r="O618" i="5" s="1"/>
  <c r="J644" i="2"/>
  <c r="J618" i="5" s="1"/>
  <c r="N618" i="5" s="1"/>
  <c r="M644" i="2"/>
  <c r="M618" i="5" s="1"/>
  <c r="L644" i="2"/>
  <c r="L618" i="5" s="1"/>
  <c r="I644" i="2"/>
  <c r="I618" i="5" s="1"/>
  <c r="I7512" i="2"/>
  <c r="I7486" i="5" s="1"/>
  <c r="K7512" i="2"/>
  <c r="K7486" i="5" s="1"/>
  <c r="O7486" i="5" s="1"/>
  <c r="J7512" i="2"/>
  <c r="J7486" i="5" s="1"/>
  <c r="N7486" i="5" s="1"/>
  <c r="M7512" i="2"/>
  <c r="M7486" i="5" s="1"/>
  <c r="L7512" i="2"/>
  <c r="L7486" i="5" s="1"/>
  <c r="L5672" i="2"/>
  <c r="L5646" i="5" s="1"/>
  <c r="I5672" i="2"/>
  <c r="I5646" i="5" s="1"/>
  <c r="M5672" i="2"/>
  <c r="M5646" i="5" s="1"/>
  <c r="K5672" i="2"/>
  <c r="K5646" i="5" s="1"/>
  <c r="O5646" i="5" s="1"/>
  <c r="J5672" i="2"/>
  <c r="J5646" i="5" s="1"/>
  <c r="N5646" i="5" s="1"/>
  <c r="K5663" i="2"/>
  <c r="K5637" i="5" s="1"/>
  <c r="O5637" i="5" s="1"/>
  <c r="L5663" i="2"/>
  <c r="L5637" i="5" s="1"/>
  <c r="M5663" i="2"/>
  <c r="M5637" i="5" s="1"/>
  <c r="J5663" i="2"/>
  <c r="J5637" i="5" s="1"/>
  <c r="N5637" i="5" s="1"/>
  <c r="I5663" i="2"/>
  <c r="I5637" i="5" s="1"/>
  <c r="I5832" i="2"/>
  <c r="I5806" i="5" s="1"/>
  <c r="K5832" i="2"/>
  <c r="K5806" i="5" s="1"/>
  <c r="O5806" i="5" s="1"/>
  <c r="J5832" i="2"/>
  <c r="J5806" i="5" s="1"/>
  <c r="N5806" i="5" s="1"/>
  <c r="M5832" i="2"/>
  <c r="M5806" i="5" s="1"/>
  <c r="L5832" i="2"/>
  <c r="L5806" i="5" s="1"/>
  <c r="I6968" i="2"/>
  <c r="I6942" i="5" s="1"/>
  <c r="K6968" i="2"/>
  <c r="K6942" i="5" s="1"/>
  <c r="O6942" i="5" s="1"/>
  <c r="J6968" i="2"/>
  <c r="J6942" i="5" s="1"/>
  <c r="N6942" i="5" s="1"/>
  <c r="L6968" i="2"/>
  <c r="L6942" i="5" s="1"/>
  <c r="M6968" i="2"/>
  <c r="M6942" i="5" s="1"/>
  <c r="J6949" i="2"/>
  <c r="J6923" i="5" s="1"/>
  <c r="N6923" i="5" s="1"/>
  <c r="L6949" i="2"/>
  <c r="L6923" i="5" s="1"/>
  <c r="M6949" i="2"/>
  <c r="M6923" i="5" s="1"/>
  <c r="I6949" i="2"/>
  <c r="I6923" i="5" s="1"/>
  <c r="K6949" i="2"/>
  <c r="K6923" i="5" s="1"/>
  <c r="O6923" i="5" s="1"/>
  <c r="J1605" i="2"/>
  <c r="J1579" i="5" s="1"/>
  <c r="N1579" i="5" s="1"/>
  <c r="L1605" i="2"/>
  <c r="L1579" i="5" s="1"/>
  <c r="M1605" i="2"/>
  <c r="M1579" i="5" s="1"/>
  <c r="I1605" i="2"/>
  <c r="I1579" i="5" s="1"/>
  <c r="K1605" i="2"/>
  <c r="K1579" i="5" s="1"/>
  <c r="O1579" i="5" s="1"/>
  <c r="K7769" i="2"/>
  <c r="K7743" i="5" s="1"/>
  <c r="O7743" i="5" s="1"/>
  <c r="J7769" i="2"/>
  <c r="J7743" i="5" s="1"/>
  <c r="N7743" i="5" s="1"/>
  <c r="L7769" i="2"/>
  <c r="L7743" i="5" s="1"/>
  <c r="M7769" i="2"/>
  <c r="M7743" i="5" s="1"/>
  <c r="I7769" i="2"/>
  <c r="I7743" i="5" s="1"/>
  <c r="K3836" i="2"/>
  <c r="K3810" i="5" s="1"/>
  <c r="O3810" i="5" s="1"/>
  <c r="L3836" i="2"/>
  <c r="L3810" i="5" s="1"/>
  <c r="M3836" i="2"/>
  <c r="M3810" i="5" s="1"/>
  <c r="J3836" i="2"/>
  <c r="J3810" i="5" s="1"/>
  <c r="N3810" i="5" s="1"/>
  <c r="I3836" i="2"/>
  <c r="I3810" i="5" s="1"/>
  <c r="L5088" i="2"/>
  <c r="L5062" i="5" s="1"/>
  <c r="M5088" i="2"/>
  <c r="M5062" i="5" s="1"/>
  <c r="I5088" i="2"/>
  <c r="I5062" i="5" s="1"/>
  <c r="K5088" i="2"/>
  <c r="K5062" i="5" s="1"/>
  <c r="O5062" i="5" s="1"/>
  <c r="J5088" i="2"/>
  <c r="J5062" i="5" s="1"/>
  <c r="N5062" i="5" s="1"/>
  <c r="J5083" i="2"/>
  <c r="J5057" i="5" s="1"/>
  <c r="N5057" i="5" s="1"/>
  <c r="M5083" i="2"/>
  <c r="M5057" i="5" s="1"/>
  <c r="L5083" i="2"/>
  <c r="L5057" i="5" s="1"/>
  <c r="I5083" i="2"/>
  <c r="I5057" i="5" s="1"/>
  <c r="K5083" i="2"/>
  <c r="K5057" i="5" s="1"/>
  <c r="O5057" i="5" s="1"/>
  <c r="L6991" i="2"/>
  <c r="L6965" i="5" s="1"/>
  <c r="I6991" i="2"/>
  <c r="I6965" i="5" s="1"/>
  <c r="M6991" i="2"/>
  <c r="M6965" i="5" s="1"/>
  <c r="K6991" i="2"/>
  <c r="K6965" i="5" s="1"/>
  <c r="O6965" i="5" s="1"/>
  <c r="J6991" i="2"/>
  <c r="J6965" i="5" s="1"/>
  <c r="N6965" i="5" s="1"/>
  <c r="M6111" i="2"/>
  <c r="M6085" i="5" s="1"/>
  <c r="K6111" i="2"/>
  <c r="K6085" i="5" s="1"/>
  <c r="O6085" i="5" s="1"/>
  <c r="L6111" i="2"/>
  <c r="L6085" i="5" s="1"/>
  <c r="I6111" i="2"/>
  <c r="I6085" i="5" s="1"/>
  <c r="J6111" i="2"/>
  <c r="J6085" i="5" s="1"/>
  <c r="N6085" i="5" s="1"/>
  <c r="L8675" i="2"/>
  <c r="L8649" i="5" s="1"/>
  <c r="I8675" i="2"/>
  <c r="I8649" i="5" s="1"/>
  <c r="K8675" i="2"/>
  <c r="K8649" i="5" s="1"/>
  <c r="O8649" i="5" s="1"/>
  <c r="J8675" i="2"/>
  <c r="J8649" i="5" s="1"/>
  <c r="N8649" i="5" s="1"/>
  <c r="M8675" i="2"/>
  <c r="M8649" i="5" s="1"/>
  <c r="M8677" i="2"/>
  <c r="M8651" i="5" s="1"/>
  <c r="J8677" i="2"/>
  <c r="J8651" i="5" s="1"/>
  <c r="N8651" i="5" s="1"/>
  <c r="L8677" i="2"/>
  <c r="L8651" i="5" s="1"/>
  <c r="I8677" i="2"/>
  <c r="I8651" i="5" s="1"/>
  <c r="K8677" i="2"/>
  <c r="K8651" i="5" s="1"/>
  <c r="O8651" i="5" s="1"/>
  <c r="L4157" i="2"/>
  <c r="L4131" i="5" s="1"/>
  <c r="J4157" i="2"/>
  <c r="J4131" i="5" s="1"/>
  <c r="N4131" i="5" s="1"/>
  <c r="M4157" i="2"/>
  <c r="M4131" i="5" s="1"/>
  <c r="I4157" i="2"/>
  <c r="I4131" i="5" s="1"/>
  <c r="K4157" i="2"/>
  <c r="K4131" i="5" s="1"/>
  <c r="O4131" i="5" s="1"/>
  <c r="M3952" i="2"/>
  <c r="M3926" i="5" s="1"/>
  <c r="K3952" i="2"/>
  <c r="K3926" i="5" s="1"/>
  <c r="O3926" i="5" s="1"/>
  <c r="J3952" i="2"/>
  <c r="J3926" i="5" s="1"/>
  <c r="N3926" i="5" s="1"/>
  <c r="I3952" i="2"/>
  <c r="I3926" i="5" s="1"/>
  <c r="L3952" i="2"/>
  <c r="L3926" i="5" s="1"/>
  <c r="I7156" i="2"/>
  <c r="I7130" i="5" s="1"/>
  <c r="J7156" i="2"/>
  <c r="J7130" i="5" s="1"/>
  <c r="N7130" i="5" s="1"/>
  <c r="L7156" i="2"/>
  <c r="L7130" i="5" s="1"/>
  <c r="M7156" i="2"/>
  <c r="M7130" i="5" s="1"/>
  <c r="K7156" i="2"/>
  <c r="K7130" i="5" s="1"/>
  <c r="O7130" i="5" s="1"/>
  <c r="J4429" i="2"/>
  <c r="J4403" i="5" s="1"/>
  <c r="N4403" i="5" s="1"/>
  <c r="M4429" i="2"/>
  <c r="M4403" i="5" s="1"/>
  <c r="L4429" i="2"/>
  <c r="L4403" i="5" s="1"/>
  <c r="I4429" i="2"/>
  <c r="I4403" i="5" s="1"/>
  <c r="K4429" i="2"/>
  <c r="K4403" i="5" s="1"/>
  <c r="O4403" i="5" s="1"/>
  <c r="M771" i="2"/>
  <c r="M745" i="5" s="1"/>
  <c r="I771" i="2"/>
  <c r="I745" i="5" s="1"/>
  <c r="K771" i="2"/>
  <c r="K745" i="5" s="1"/>
  <c r="O745" i="5" s="1"/>
  <c r="J771" i="2"/>
  <c r="J745" i="5" s="1"/>
  <c r="N745" i="5" s="1"/>
  <c r="L771" i="2"/>
  <c r="L745" i="5" s="1"/>
  <c r="M3489" i="2"/>
  <c r="M3463" i="5" s="1"/>
  <c r="I3489" i="2"/>
  <c r="I3463" i="5" s="1"/>
  <c r="K3489" i="2"/>
  <c r="K3463" i="5" s="1"/>
  <c r="O3463" i="5" s="1"/>
  <c r="L3489" i="2"/>
  <c r="L3463" i="5" s="1"/>
  <c r="J3489" i="2"/>
  <c r="J3463" i="5" s="1"/>
  <c r="N3463" i="5" s="1"/>
  <c r="M2105" i="2"/>
  <c r="M2079" i="5" s="1"/>
  <c r="J2105" i="2"/>
  <c r="J2079" i="5" s="1"/>
  <c r="N2079" i="5" s="1"/>
  <c r="L2105" i="2"/>
  <c r="L2079" i="5" s="1"/>
  <c r="I2105" i="2"/>
  <c r="I2079" i="5" s="1"/>
  <c r="K2105" i="2"/>
  <c r="K2079" i="5" s="1"/>
  <c r="O2079" i="5" s="1"/>
  <c r="J5451" i="2"/>
  <c r="J5425" i="5" s="1"/>
  <c r="N5425" i="5" s="1"/>
  <c r="K5451" i="2"/>
  <c r="K5425" i="5" s="1"/>
  <c r="O5425" i="5" s="1"/>
  <c r="M5451" i="2"/>
  <c r="M5425" i="5" s="1"/>
  <c r="L5451" i="2"/>
  <c r="L5425" i="5" s="1"/>
  <c r="I5451" i="2"/>
  <c r="I5425" i="5" s="1"/>
  <c r="K5455" i="2"/>
  <c r="K5429" i="5" s="1"/>
  <c r="O5429" i="5" s="1"/>
  <c r="L5455" i="2"/>
  <c r="L5429" i="5" s="1"/>
  <c r="M5455" i="2"/>
  <c r="M5429" i="5" s="1"/>
  <c r="I5455" i="2"/>
  <c r="I5429" i="5" s="1"/>
  <c r="J5455" i="2"/>
  <c r="J5429" i="5" s="1"/>
  <c r="N5429" i="5" s="1"/>
  <c r="L1496" i="2"/>
  <c r="L1470" i="5" s="1"/>
  <c r="M1496" i="2"/>
  <c r="M1470" i="5" s="1"/>
  <c r="I1496" i="2"/>
  <c r="I1470" i="5" s="1"/>
  <c r="K1496" i="2"/>
  <c r="K1470" i="5" s="1"/>
  <c r="O1470" i="5" s="1"/>
  <c r="J1496" i="2"/>
  <c r="J1470" i="5" s="1"/>
  <c r="N1470" i="5" s="1"/>
  <c r="I8528" i="2"/>
  <c r="I8502" i="5" s="1"/>
  <c r="K8528" i="2"/>
  <c r="K8502" i="5" s="1"/>
  <c r="O8502" i="5" s="1"/>
  <c r="J8528" i="2"/>
  <c r="J8502" i="5" s="1"/>
  <c r="N8502" i="5" s="1"/>
  <c r="M8528" i="2"/>
  <c r="M8502" i="5" s="1"/>
  <c r="L8528" i="2"/>
  <c r="L8502" i="5" s="1"/>
  <c r="J8525" i="2"/>
  <c r="J8499" i="5" s="1"/>
  <c r="N8499" i="5" s="1"/>
  <c r="L8525" i="2"/>
  <c r="L8499" i="5" s="1"/>
  <c r="M8525" i="2"/>
  <c r="M8499" i="5" s="1"/>
  <c r="I8525" i="2"/>
  <c r="I8499" i="5" s="1"/>
  <c r="K8525" i="2"/>
  <c r="K8499" i="5" s="1"/>
  <c r="O8499" i="5" s="1"/>
  <c r="I5794" i="2"/>
  <c r="I5768" i="5" s="1"/>
  <c r="L5794" i="2"/>
  <c r="L5768" i="5" s="1"/>
  <c r="K5794" i="2"/>
  <c r="K5768" i="5" s="1"/>
  <c r="O5768" i="5" s="1"/>
  <c r="J5794" i="2"/>
  <c r="J5768" i="5" s="1"/>
  <c r="N5768" i="5" s="1"/>
  <c r="M5794" i="2"/>
  <c r="M5768" i="5" s="1"/>
  <c r="L66" i="2"/>
  <c r="L40" i="5" s="1"/>
  <c r="M66" i="2"/>
  <c r="M40" i="5" s="1"/>
  <c r="J66" i="2"/>
  <c r="J40" i="5" s="1"/>
  <c r="N40" i="5" s="1"/>
  <c r="K66" i="2"/>
  <c r="K40" i="5" s="1"/>
  <c r="O40" i="5" s="1"/>
  <c r="I66" i="2"/>
  <c r="I40" i="5" s="1"/>
  <c r="L2775" i="2"/>
  <c r="L2749" i="5" s="1"/>
  <c r="M2775" i="2"/>
  <c r="M2749" i="5" s="1"/>
  <c r="I2775" i="2"/>
  <c r="I2749" i="5" s="1"/>
  <c r="K2775" i="2"/>
  <c r="K2749" i="5" s="1"/>
  <c r="O2749" i="5" s="1"/>
  <c r="J2775" i="2"/>
  <c r="J2749" i="5" s="1"/>
  <c r="N2749" i="5" s="1"/>
  <c r="M1459" i="2"/>
  <c r="M1433" i="5" s="1"/>
  <c r="I1459" i="2"/>
  <c r="I1433" i="5" s="1"/>
  <c r="K1459" i="2"/>
  <c r="K1433" i="5" s="1"/>
  <c r="O1433" i="5" s="1"/>
  <c r="L1459" i="2"/>
  <c r="L1433" i="5" s="1"/>
  <c r="J1459" i="2"/>
  <c r="J1433" i="5" s="1"/>
  <c r="N1433" i="5" s="1"/>
  <c r="M8294" i="2"/>
  <c r="M8268" i="5" s="1"/>
  <c r="J8294" i="2"/>
  <c r="J8268" i="5" s="1"/>
  <c r="N8268" i="5" s="1"/>
  <c r="I8294" i="2"/>
  <c r="I8268" i="5" s="1"/>
  <c r="K8294" i="2"/>
  <c r="K8268" i="5" s="1"/>
  <c r="O8268" i="5" s="1"/>
  <c r="L8294" i="2"/>
  <c r="L8268" i="5" s="1"/>
  <c r="C352" i="5"/>
  <c r="AR346" i="1"/>
  <c r="I1223" i="2"/>
  <c r="I1197" i="5" s="1"/>
  <c r="K1223" i="2"/>
  <c r="K1197" i="5" s="1"/>
  <c r="O1197" i="5" s="1"/>
  <c r="J1223" i="2"/>
  <c r="J1197" i="5" s="1"/>
  <c r="N1197" i="5" s="1"/>
  <c r="M1223" i="2"/>
  <c r="M1197" i="5" s="1"/>
  <c r="L1223" i="2"/>
  <c r="L1197" i="5" s="1"/>
  <c r="L5128" i="2"/>
  <c r="L5102" i="5" s="1"/>
  <c r="M5128" i="2"/>
  <c r="M5102" i="5" s="1"/>
  <c r="J5128" i="2"/>
  <c r="J5102" i="5" s="1"/>
  <c r="N5102" i="5" s="1"/>
  <c r="I5128" i="2"/>
  <c r="I5102" i="5" s="1"/>
  <c r="K5128" i="2"/>
  <c r="K5102" i="5" s="1"/>
  <c r="O5102" i="5" s="1"/>
  <c r="J6023" i="2"/>
  <c r="J5997" i="5" s="1"/>
  <c r="N5997" i="5" s="1"/>
  <c r="L6023" i="2"/>
  <c r="L5997" i="5" s="1"/>
  <c r="M6023" i="2"/>
  <c r="M5997" i="5" s="1"/>
  <c r="I6023" i="2"/>
  <c r="I5997" i="5" s="1"/>
  <c r="K6023" i="2"/>
  <c r="K5997" i="5" s="1"/>
  <c r="O5997" i="5" s="1"/>
  <c r="L37" i="2"/>
  <c r="L11" i="5" s="1"/>
  <c r="M37" i="2"/>
  <c r="M11" i="5" s="1"/>
  <c r="K37" i="2"/>
  <c r="K11" i="5" s="1"/>
  <c r="O11" i="5" s="1"/>
  <c r="J37" i="2"/>
  <c r="J11" i="5" s="1"/>
  <c r="N11" i="5" s="1"/>
  <c r="I37" i="2"/>
  <c r="I11" i="5" s="1"/>
  <c r="J5274" i="2"/>
  <c r="J5248" i="5" s="1"/>
  <c r="N5248" i="5" s="1"/>
  <c r="M5274" i="2"/>
  <c r="M5248" i="5" s="1"/>
  <c r="I5274" i="2"/>
  <c r="I5248" i="5" s="1"/>
  <c r="K5274" i="2"/>
  <c r="K5248" i="5" s="1"/>
  <c r="O5248" i="5" s="1"/>
  <c r="L5274" i="2"/>
  <c r="L5248" i="5" s="1"/>
  <c r="M7652" i="2"/>
  <c r="M7626" i="5" s="1"/>
  <c r="L7652" i="2"/>
  <c r="L7626" i="5" s="1"/>
  <c r="I7652" i="2"/>
  <c r="I7626" i="5" s="1"/>
  <c r="K7652" i="2"/>
  <c r="K7626" i="5" s="1"/>
  <c r="O7626" i="5" s="1"/>
  <c r="J7652" i="2"/>
  <c r="J7626" i="5" s="1"/>
  <c r="N7626" i="5" s="1"/>
  <c r="L1051" i="2"/>
  <c r="L1025" i="5" s="1"/>
  <c r="M1051" i="2"/>
  <c r="M1025" i="5" s="1"/>
  <c r="I1051" i="2"/>
  <c r="I1025" i="5" s="1"/>
  <c r="K1051" i="2"/>
  <c r="K1025" i="5" s="1"/>
  <c r="O1025" i="5" s="1"/>
  <c r="J1051" i="2"/>
  <c r="J1025" i="5" s="1"/>
  <c r="N1025" i="5" s="1"/>
  <c r="M4819" i="2"/>
  <c r="M4793" i="5" s="1"/>
  <c r="L4819" i="2"/>
  <c r="L4793" i="5" s="1"/>
  <c r="I4819" i="2"/>
  <c r="I4793" i="5" s="1"/>
  <c r="K4819" i="2"/>
  <c r="K4793" i="5" s="1"/>
  <c r="O4793" i="5" s="1"/>
  <c r="J4819" i="2"/>
  <c r="J4793" i="5" s="1"/>
  <c r="N4793" i="5" s="1"/>
  <c r="M2289" i="2"/>
  <c r="M2263" i="5" s="1"/>
  <c r="I2289" i="2"/>
  <c r="I2263" i="5" s="1"/>
  <c r="K2289" i="2"/>
  <c r="K2263" i="5" s="1"/>
  <c r="O2263" i="5" s="1"/>
  <c r="J2289" i="2"/>
  <c r="J2263" i="5" s="1"/>
  <c r="N2263" i="5" s="1"/>
  <c r="L2289" i="2"/>
  <c r="L2263" i="5" s="1"/>
  <c r="K6488" i="2"/>
  <c r="K6462" i="5" s="1"/>
  <c r="O6462" i="5" s="1"/>
  <c r="M6488" i="2"/>
  <c r="M6462" i="5" s="1"/>
  <c r="L6488" i="2"/>
  <c r="L6462" i="5" s="1"/>
  <c r="I6488" i="2"/>
  <c r="I6462" i="5" s="1"/>
  <c r="J6488" i="2"/>
  <c r="J6462" i="5" s="1"/>
  <c r="N6462" i="5" s="1"/>
  <c r="J6481" i="2"/>
  <c r="J6455" i="5" s="1"/>
  <c r="N6455" i="5" s="1"/>
  <c r="L6481" i="2"/>
  <c r="L6455" i="5" s="1"/>
  <c r="I6481" i="2"/>
  <c r="I6455" i="5" s="1"/>
  <c r="M6481" i="2"/>
  <c r="M6455" i="5" s="1"/>
  <c r="K6481" i="2"/>
  <c r="K6455" i="5" s="1"/>
  <c r="O6455" i="5" s="1"/>
  <c r="L2642" i="2"/>
  <c r="L2616" i="5" s="1"/>
  <c r="I2642" i="2"/>
  <c r="I2616" i="5" s="1"/>
  <c r="M2642" i="2"/>
  <c r="M2616" i="5" s="1"/>
  <c r="K2642" i="2"/>
  <c r="K2616" i="5" s="1"/>
  <c r="O2616" i="5" s="1"/>
  <c r="J2642" i="2"/>
  <c r="J2616" i="5" s="1"/>
  <c r="N2616" i="5" s="1"/>
  <c r="J3126" i="2"/>
  <c r="J3100" i="5" s="1"/>
  <c r="N3100" i="5" s="1"/>
  <c r="M3126" i="2"/>
  <c r="M3100" i="5" s="1"/>
  <c r="L3126" i="2"/>
  <c r="L3100" i="5" s="1"/>
  <c r="I3126" i="2"/>
  <c r="I3100" i="5" s="1"/>
  <c r="K3126" i="2"/>
  <c r="K3100" i="5" s="1"/>
  <c r="O3100" i="5" s="1"/>
  <c r="I7012" i="2"/>
  <c r="I6986" i="5" s="1"/>
  <c r="K7012" i="2"/>
  <c r="K6986" i="5" s="1"/>
  <c r="O6986" i="5" s="1"/>
  <c r="J7012" i="2"/>
  <c r="J6986" i="5" s="1"/>
  <c r="N6986" i="5" s="1"/>
  <c r="L7012" i="2"/>
  <c r="L6986" i="5" s="1"/>
  <c r="M7012" i="2"/>
  <c r="M6986" i="5" s="1"/>
  <c r="L1284" i="2"/>
  <c r="L1258" i="5" s="1"/>
  <c r="I1284" i="2"/>
  <c r="I1258" i="5" s="1"/>
  <c r="M1284" i="2"/>
  <c r="M1258" i="5" s="1"/>
  <c r="J1284" i="2"/>
  <c r="J1258" i="5" s="1"/>
  <c r="N1258" i="5" s="1"/>
  <c r="K1284" i="2"/>
  <c r="K1258" i="5" s="1"/>
  <c r="O1258" i="5" s="1"/>
  <c r="J5962" i="2"/>
  <c r="J5936" i="5" s="1"/>
  <c r="N5936" i="5" s="1"/>
  <c r="L5962" i="2"/>
  <c r="L5936" i="5" s="1"/>
  <c r="M5962" i="2"/>
  <c r="M5936" i="5" s="1"/>
  <c r="I5962" i="2"/>
  <c r="I5936" i="5" s="1"/>
  <c r="K5962" i="2"/>
  <c r="K5936" i="5" s="1"/>
  <c r="O5936" i="5" s="1"/>
  <c r="M3098" i="2"/>
  <c r="M3072" i="5" s="1"/>
  <c r="L3098" i="2"/>
  <c r="L3072" i="5" s="1"/>
  <c r="I3098" i="2"/>
  <c r="I3072" i="5" s="1"/>
  <c r="K3098" i="2"/>
  <c r="K3072" i="5" s="1"/>
  <c r="O3072" i="5" s="1"/>
  <c r="J3098" i="2"/>
  <c r="J3072" i="5" s="1"/>
  <c r="N3072" i="5" s="1"/>
  <c r="J3088" i="2"/>
  <c r="J3062" i="5" s="1"/>
  <c r="N3062" i="5" s="1"/>
  <c r="M3088" i="2"/>
  <c r="M3062" i="5" s="1"/>
  <c r="L3088" i="2"/>
  <c r="L3062" i="5" s="1"/>
  <c r="I3088" i="2"/>
  <c r="I3062" i="5" s="1"/>
  <c r="K3088" i="2"/>
  <c r="K3062" i="5" s="1"/>
  <c r="O3062" i="5" s="1"/>
  <c r="L1091" i="2"/>
  <c r="L1065" i="5" s="1"/>
  <c r="M1091" i="2"/>
  <c r="M1065" i="5" s="1"/>
  <c r="I1091" i="2"/>
  <c r="I1065" i="5" s="1"/>
  <c r="J1091" i="2"/>
  <c r="J1065" i="5" s="1"/>
  <c r="N1065" i="5" s="1"/>
  <c r="K1091" i="2"/>
  <c r="K1065" i="5" s="1"/>
  <c r="O1065" i="5" s="1"/>
  <c r="M489" i="2"/>
  <c r="M463" i="5" s="1"/>
  <c r="J489" i="2"/>
  <c r="J463" i="5" s="1"/>
  <c r="N463" i="5" s="1"/>
  <c r="I489" i="2"/>
  <c r="I463" i="5" s="1"/>
  <c r="L489" i="2"/>
  <c r="L463" i="5" s="1"/>
  <c r="K489" i="2"/>
  <c r="K463" i="5" s="1"/>
  <c r="O463" i="5" s="1"/>
  <c r="L248" i="2"/>
  <c r="L222" i="5" s="1"/>
  <c r="M248" i="2"/>
  <c r="M222" i="5" s="1"/>
  <c r="J248" i="2"/>
  <c r="J222" i="5" s="1"/>
  <c r="N222" i="5" s="1"/>
  <c r="I248" i="2"/>
  <c r="I222" i="5" s="1"/>
  <c r="K248" i="2"/>
  <c r="K222" i="5" s="1"/>
  <c r="O222" i="5" s="1"/>
  <c r="I6924" i="2"/>
  <c r="I6898" i="5" s="1"/>
  <c r="K6924" i="2"/>
  <c r="K6898" i="5" s="1"/>
  <c r="O6898" i="5" s="1"/>
  <c r="M6924" i="2"/>
  <c r="M6898" i="5" s="1"/>
  <c r="L6924" i="2"/>
  <c r="L6898" i="5" s="1"/>
  <c r="J6924" i="2"/>
  <c r="J6898" i="5" s="1"/>
  <c r="N6898" i="5" s="1"/>
  <c r="L5499" i="2"/>
  <c r="L5473" i="5" s="1"/>
  <c r="I5499" i="2"/>
  <c r="I5473" i="5" s="1"/>
  <c r="J5499" i="2"/>
  <c r="J5473" i="5" s="1"/>
  <c r="N5473" i="5" s="1"/>
  <c r="M5499" i="2"/>
  <c r="M5473" i="5" s="1"/>
  <c r="K5499" i="2"/>
  <c r="K5473" i="5" s="1"/>
  <c r="O5473" i="5" s="1"/>
  <c r="I4755" i="2"/>
  <c r="I4729" i="5" s="1"/>
  <c r="K4755" i="2"/>
  <c r="K4729" i="5" s="1"/>
  <c r="O4729" i="5" s="1"/>
  <c r="J4755" i="2"/>
  <c r="J4729" i="5" s="1"/>
  <c r="N4729" i="5" s="1"/>
  <c r="M4755" i="2"/>
  <c r="M4729" i="5" s="1"/>
  <c r="L4755" i="2"/>
  <c r="L4729" i="5" s="1"/>
  <c r="L8150" i="2"/>
  <c r="L8124" i="5" s="1"/>
  <c r="I8150" i="2"/>
  <c r="I8124" i="5" s="1"/>
  <c r="K8150" i="2"/>
  <c r="K8124" i="5" s="1"/>
  <c r="O8124" i="5" s="1"/>
  <c r="J8150" i="2"/>
  <c r="J8124" i="5" s="1"/>
  <c r="N8124" i="5" s="1"/>
  <c r="M8150" i="2"/>
  <c r="M8124" i="5" s="1"/>
  <c r="K1893" i="2"/>
  <c r="K1867" i="5" s="1"/>
  <c r="O1867" i="5" s="1"/>
  <c r="M1893" i="2"/>
  <c r="M1867" i="5" s="1"/>
  <c r="I1893" i="2"/>
  <c r="I1867" i="5" s="1"/>
  <c r="J1893" i="2"/>
  <c r="J1867" i="5" s="1"/>
  <c r="N1867" i="5" s="1"/>
  <c r="L1893" i="2"/>
  <c r="L1867" i="5" s="1"/>
  <c r="K4771" i="2"/>
  <c r="K4745" i="5" s="1"/>
  <c r="O4745" i="5" s="1"/>
  <c r="M4771" i="2"/>
  <c r="M4745" i="5" s="1"/>
  <c r="J4771" i="2"/>
  <c r="J4745" i="5" s="1"/>
  <c r="N4745" i="5" s="1"/>
  <c r="I4771" i="2"/>
  <c r="I4745" i="5" s="1"/>
  <c r="L4771" i="2"/>
  <c r="L4745" i="5" s="1"/>
  <c r="I3674" i="2"/>
  <c r="I3648" i="5" s="1"/>
  <c r="K3674" i="2"/>
  <c r="K3648" i="5" s="1"/>
  <c r="O3648" i="5" s="1"/>
  <c r="M3674" i="2"/>
  <c r="M3648" i="5" s="1"/>
  <c r="J3674" i="2"/>
  <c r="J3648" i="5" s="1"/>
  <c r="N3648" i="5" s="1"/>
  <c r="L3674" i="2"/>
  <c r="L3648" i="5" s="1"/>
  <c r="L5648" i="2"/>
  <c r="L5622" i="5" s="1"/>
  <c r="M5648" i="2"/>
  <c r="M5622" i="5" s="1"/>
  <c r="J5648" i="2"/>
  <c r="J5622" i="5" s="1"/>
  <c r="N5622" i="5" s="1"/>
  <c r="I5648" i="2"/>
  <c r="I5622" i="5" s="1"/>
  <c r="K5648" i="2"/>
  <c r="K5622" i="5" s="1"/>
  <c r="O5622" i="5" s="1"/>
  <c r="J5635" i="2"/>
  <c r="J5609" i="5" s="1"/>
  <c r="N5609" i="5" s="1"/>
  <c r="L5635" i="2"/>
  <c r="L5609" i="5" s="1"/>
  <c r="M5635" i="2"/>
  <c r="M5609" i="5" s="1"/>
  <c r="I5635" i="2"/>
  <c r="I5609" i="5" s="1"/>
  <c r="K5635" i="2"/>
  <c r="K5609" i="5" s="1"/>
  <c r="O5609" i="5" s="1"/>
  <c r="J2066" i="2"/>
  <c r="J2040" i="5" s="1"/>
  <c r="N2040" i="5" s="1"/>
  <c r="M2066" i="2"/>
  <c r="M2040" i="5" s="1"/>
  <c r="I2066" i="2"/>
  <c r="I2040" i="5" s="1"/>
  <c r="L2066" i="2"/>
  <c r="L2040" i="5" s="1"/>
  <c r="K2066" i="2"/>
  <c r="K2040" i="5" s="1"/>
  <c r="O2040" i="5" s="1"/>
  <c r="AR86" i="1"/>
  <c r="C92" i="5"/>
  <c r="I7637" i="2"/>
  <c r="I7611" i="5" s="1"/>
  <c r="L7637" i="2"/>
  <c r="L7611" i="5" s="1"/>
  <c r="J7637" i="2"/>
  <c r="J7611" i="5" s="1"/>
  <c r="N7611" i="5" s="1"/>
  <c r="M7637" i="2"/>
  <c r="M7611" i="5" s="1"/>
  <c r="K7637" i="2"/>
  <c r="K7611" i="5" s="1"/>
  <c r="O7611" i="5" s="1"/>
  <c r="L4465" i="2"/>
  <c r="L4439" i="5" s="1"/>
  <c r="J4465" i="2"/>
  <c r="J4439" i="5" s="1"/>
  <c r="N4439" i="5" s="1"/>
  <c r="M4465" i="2"/>
  <c r="M4439" i="5" s="1"/>
  <c r="I4465" i="2"/>
  <c r="I4439" i="5" s="1"/>
  <c r="K4465" i="2"/>
  <c r="K4439" i="5" s="1"/>
  <c r="O4439" i="5" s="1"/>
  <c r="M7684" i="2"/>
  <c r="M7658" i="5" s="1"/>
  <c r="I7684" i="2"/>
  <c r="I7658" i="5" s="1"/>
  <c r="K7684" i="2"/>
  <c r="K7658" i="5" s="1"/>
  <c r="O7658" i="5" s="1"/>
  <c r="J7684" i="2"/>
  <c r="J7658" i="5" s="1"/>
  <c r="N7658" i="5" s="1"/>
  <c r="L7684" i="2"/>
  <c r="L7658" i="5" s="1"/>
  <c r="J7679" i="2"/>
  <c r="J7653" i="5" s="1"/>
  <c r="N7653" i="5" s="1"/>
  <c r="L7679" i="2"/>
  <c r="L7653" i="5" s="1"/>
  <c r="K7679" i="2"/>
  <c r="K7653" i="5" s="1"/>
  <c r="O7653" i="5" s="1"/>
  <c r="M7679" i="2"/>
  <c r="M7653" i="5" s="1"/>
  <c r="I7679" i="2"/>
  <c r="I7653" i="5" s="1"/>
  <c r="J4163" i="2"/>
  <c r="J4137" i="5" s="1"/>
  <c r="N4137" i="5" s="1"/>
  <c r="K4163" i="2"/>
  <c r="K4137" i="5" s="1"/>
  <c r="O4137" i="5" s="1"/>
  <c r="L4163" i="2"/>
  <c r="L4137" i="5" s="1"/>
  <c r="M4163" i="2"/>
  <c r="M4137" i="5" s="1"/>
  <c r="I4163" i="2"/>
  <c r="I4137" i="5" s="1"/>
  <c r="J2397" i="2"/>
  <c r="J2371" i="5" s="1"/>
  <c r="N2371" i="5" s="1"/>
  <c r="M2397" i="2"/>
  <c r="M2371" i="5" s="1"/>
  <c r="L2397" i="2"/>
  <c r="L2371" i="5" s="1"/>
  <c r="I2397" i="2"/>
  <c r="I2371" i="5" s="1"/>
  <c r="K2397" i="2"/>
  <c r="K2371" i="5" s="1"/>
  <c r="O2371" i="5" s="1"/>
  <c r="L8647" i="2"/>
  <c r="L8621" i="5" s="1"/>
  <c r="M8647" i="2"/>
  <c r="M8621" i="5" s="1"/>
  <c r="J8647" i="2"/>
  <c r="J8621" i="5" s="1"/>
  <c r="N8621" i="5" s="1"/>
  <c r="I8647" i="2"/>
  <c r="I8621" i="5" s="1"/>
  <c r="K8647" i="2"/>
  <c r="K8621" i="5" s="1"/>
  <c r="O8621" i="5" s="1"/>
  <c r="L3648" i="2"/>
  <c r="L3622" i="5" s="1"/>
  <c r="K3648" i="2"/>
  <c r="K3622" i="5" s="1"/>
  <c r="O3622" i="5" s="1"/>
  <c r="I3648" i="2"/>
  <c r="I3622" i="5" s="1"/>
  <c r="J3648" i="2"/>
  <c r="J3622" i="5" s="1"/>
  <c r="N3622" i="5" s="1"/>
  <c r="M3648" i="2"/>
  <c r="M3622" i="5" s="1"/>
  <c r="J3607" i="2"/>
  <c r="J3581" i="5" s="1"/>
  <c r="N3581" i="5" s="1"/>
  <c r="M3607" i="2"/>
  <c r="M3581" i="5" s="1"/>
  <c r="I3607" i="2"/>
  <c r="I3581" i="5" s="1"/>
  <c r="L3607" i="2"/>
  <c r="L3581" i="5" s="1"/>
  <c r="K3607" i="2"/>
  <c r="K3581" i="5" s="1"/>
  <c r="O3581" i="5" s="1"/>
  <c r="L5529" i="2"/>
  <c r="L5503" i="5" s="1"/>
  <c r="M5529" i="2"/>
  <c r="M5503" i="5" s="1"/>
  <c r="I5529" i="2"/>
  <c r="I5503" i="5" s="1"/>
  <c r="K5529" i="2"/>
  <c r="K5503" i="5" s="1"/>
  <c r="O5503" i="5" s="1"/>
  <c r="J5529" i="2"/>
  <c r="J5503" i="5" s="1"/>
  <c r="N5503" i="5" s="1"/>
  <c r="I5508" i="2"/>
  <c r="I5482" i="5" s="1"/>
  <c r="K5508" i="2"/>
  <c r="K5482" i="5" s="1"/>
  <c r="O5482" i="5" s="1"/>
  <c r="M5508" i="2"/>
  <c r="M5482" i="5" s="1"/>
  <c r="J5508" i="2"/>
  <c r="J5482" i="5" s="1"/>
  <c r="N5482" i="5" s="1"/>
  <c r="L5508" i="2"/>
  <c r="L5482" i="5" s="1"/>
  <c r="L5265" i="2"/>
  <c r="L5239" i="5" s="1"/>
  <c r="M5265" i="2"/>
  <c r="M5239" i="5" s="1"/>
  <c r="I5265" i="2"/>
  <c r="I5239" i="5" s="1"/>
  <c r="K5265" i="2"/>
  <c r="K5239" i="5" s="1"/>
  <c r="O5239" i="5" s="1"/>
  <c r="J5265" i="2"/>
  <c r="J5239" i="5" s="1"/>
  <c r="N5239" i="5" s="1"/>
  <c r="K6600" i="2"/>
  <c r="K6574" i="5" s="1"/>
  <c r="O6574" i="5" s="1"/>
  <c r="M6600" i="2"/>
  <c r="M6574" i="5" s="1"/>
  <c r="I6600" i="2"/>
  <c r="I6574" i="5" s="1"/>
  <c r="J6600" i="2"/>
  <c r="J6574" i="5" s="1"/>
  <c r="N6574" i="5" s="1"/>
  <c r="L6600" i="2"/>
  <c r="L6574" i="5" s="1"/>
  <c r="I2489" i="2"/>
  <c r="I2463" i="5" s="1"/>
  <c r="K2489" i="2"/>
  <c r="K2463" i="5" s="1"/>
  <c r="O2463" i="5" s="1"/>
  <c r="J2489" i="2"/>
  <c r="J2463" i="5" s="1"/>
  <c r="N2463" i="5" s="1"/>
  <c r="L2489" i="2"/>
  <c r="L2463" i="5" s="1"/>
  <c r="M2489" i="2"/>
  <c r="M2463" i="5" s="1"/>
  <c r="K2588" i="2"/>
  <c r="K2562" i="5" s="1"/>
  <c r="O2562" i="5" s="1"/>
  <c r="J2588" i="2"/>
  <c r="J2562" i="5" s="1"/>
  <c r="N2562" i="5" s="1"/>
  <c r="L2588" i="2"/>
  <c r="L2562" i="5" s="1"/>
  <c r="M2588" i="2"/>
  <c r="M2562" i="5" s="1"/>
  <c r="I2588" i="2"/>
  <c r="I2562" i="5" s="1"/>
  <c r="M6315" i="2"/>
  <c r="M6289" i="5" s="1"/>
  <c r="K6315" i="2"/>
  <c r="K6289" i="5" s="1"/>
  <c r="O6289" i="5" s="1"/>
  <c r="L6315" i="2"/>
  <c r="L6289" i="5" s="1"/>
  <c r="J6315" i="2"/>
  <c r="J6289" i="5" s="1"/>
  <c r="N6289" i="5" s="1"/>
  <c r="I6315" i="2"/>
  <c r="I6289" i="5" s="1"/>
  <c r="J3787" i="2"/>
  <c r="J3761" i="5" s="1"/>
  <c r="N3761" i="5" s="1"/>
  <c r="M3787" i="2"/>
  <c r="M3761" i="5" s="1"/>
  <c r="L3787" i="2"/>
  <c r="L3761" i="5" s="1"/>
  <c r="I3787" i="2"/>
  <c r="I3761" i="5" s="1"/>
  <c r="K3787" i="2"/>
  <c r="K3761" i="5" s="1"/>
  <c r="O3761" i="5" s="1"/>
  <c r="K3799" i="2"/>
  <c r="K3773" i="5" s="1"/>
  <c r="O3773" i="5" s="1"/>
  <c r="L3799" i="2"/>
  <c r="L3773" i="5" s="1"/>
  <c r="J3799" i="2"/>
  <c r="J3773" i="5" s="1"/>
  <c r="N3773" i="5" s="1"/>
  <c r="M3799" i="2"/>
  <c r="M3773" i="5" s="1"/>
  <c r="I3799" i="2"/>
  <c r="I3773" i="5" s="1"/>
  <c r="K2156" i="2"/>
  <c r="K2130" i="5" s="1"/>
  <c r="O2130" i="5" s="1"/>
  <c r="J2156" i="2"/>
  <c r="J2130" i="5" s="1"/>
  <c r="N2130" i="5" s="1"/>
  <c r="L2156" i="2"/>
  <c r="L2130" i="5" s="1"/>
  <c r="M2156" i="2"/>
  <c r="M2130" i="5" s="1"/>
  <c r="I2156" i="2"/>
  <c r="I2130" i="5" s="1"/>
  <c r="L2149" i="2"/>
  <c r="L2123" i="5" s="1"/>
  <c r="M2149" i="2"/>
  <c r="M2123" i="5" s="1"/>
  <c r="J2149" i="2"/>
  <c r="J2123" i="5" s="1"/>
  <c r="N2123" i="5" s="1"/>
  <c r="I2149" i="2"/>
  <c r="I2123" i="5" s="1"/>
  <c r="K2149" i="2"/>
  <c r="K2123" i="5" s="1"/>
  <c r="O2123" i="5" s="1"/>
  <c r="M6294" i="2"/>
  <c r="M6268" i="5" s="1"/>
  <c r="K6294" i="2"/>
  <c r="K6268" i="5" s="1"/>
  <c r="O6268" i="5" s="1"/>
  <c r="J6294" i="2"/>
  <c r="J6268" i="5" s="1"/>
  <c r="N6268" i="5" s="1"/>
  <c r="L6294" i="2"/>
  <c r="L6268" i="5" s="1"/>
  <c r="I6294" i="2"/>
  <c r="I6268" i="5" s="1"/>
  <c r="K3428" i="2"/>
  <c r="K3402" i="5" s="1"/>
  <c r="O3402" i="5" s="1"/>
  <c r="J3428" i="2"/>
  <c r="J3402" i="5" s="1"/>
  <c r="N3402" i="5" s="1"/>
  <c r="L3428" i="2"/>
  <c r="L3402" i="5" s="1"/>
  <c r="M3428" i="2"/>
  <c r="M3402" i="5" s="1"/>
  <c r="I3428" i="2"/>
  <c r="I3402" i="5" s="1"/>
  <c r="K3433" i="2"/>
  <c r="K3407" i="5" s="1"/>
  <c r="O3407" i="5" s="1"/>
  <c r="M3433" i="2"/>
  <c r="M3407" i="5" s="1"/>
  <c r="J3433" i="2"/>
  <c r="J3407" i="5" s="1"/>
  <c r="N3407" i="5" s="1"/>
  <c r="I3433" i="2"/>
  <c r="I3407" i="5" s="1"/>
  <c r="L3433" i="2"/>
  <c r="L3407" i="5" s="1"/>
  <c r="I6785" i="2"/>
  <c r="I6759" i="5" s="1"/>
  <c r="K6785" i="2"/>
  <c r="K6759" i="5" s="1"/>
  <c r="O6759" i="5" s="1"/>
  <c r="M6785" i="2"/>
  <c r="M6759" i="5" s="1"/>
  <c r="J6785" i="2"/>
  <c r="J6759" i="5" s="1"/>
  <c r="N6759" i="5" s="1"/>
  <c r="L6785" i="2"/>
  <c r="L6759" i="5" s="1"/>
  <c r="I7291" i="2"/>
  <c r="I7265" i="5" s="1"/>
  <c r="K7291" i="2"/>
  <c r="K7265" i="5" s="1"/>
  <c r="O7265" i="5" s="1"/>
  <c r="J7291" i="2"/>
  <c r="J7265" i="5" s="1"/>
  <c r="N7265" i="5" s="1"/>
  <c r="L7291" i="2"/>
  <c r="L7265" i="5" s="1"/>
  <c r="M7291" i="2"/>
  <c r="M7265" i="5" s="1"/>
  <c r="M1250" i="2"/>
  <c r="M1224" i="5" s="1"/>
  <c r="J1250" i="2"/>
  <c r="J1224" i="5" s="1"/>
  <c r="N1224" i="5" s="1"/>
  <c r="L1250" i="2"/>
  <c r="L1224" i="5" s="1"/>
  <c r="I1250" i="2"/>
  <c r="I1224" i="5" s="1"/>
  <c r="K1250" i="2"/>
  <c r="K1224" i="5" s="1"/>
  <c r="O1224" i="5" s="1"/>
  <c r="M3288" i="2"/>
  <c r="M3262" i="5" s="1"/>
  <c r="J3288" i="2"/>
  <c r="J3262" i="5" s="1"/>
  <c r="N3262" i="5" s="1"/>
  <c r="L3288" i="2"/>
  <c r="L3262" i="5" s="1"/>
  <c r="I3288" i="2"/>
  <c r="I3262" i="5" s="1"/>
  <c r="K3288" i="2"/>
  <c r="K3262" i="5" s="1"/>
  <c r="O3262" i="5" s="1"/>
  <c r="L6820" i="2"/>
  <c r="L6794" i="5" s="1"/>
  <c r="I6820" i="2"/>
  <c r="I6794" i="5" s="1"/>
  <c r="K6820" i="2"/>
  <c r="K6794" i="5" s="1"/>
  <c r="O6794" i="5" s="1"/>
  <c r="J6820" i="2"/>
  <c r="J6794" i="5" s="1"/>
  <c r="N6794" i="5" s="1"/>
  <c r="M6820" i="2"/>
  <c r="M6794" i="5" s="1"/>
  <c r="I5431" i="2"/>
  <c r="I5405" i="5" s="1"/>
  <c r="J5431" i="2"/>
  <c r="J5405" i="5" s="1"/>
  <c r="N5405" i="5" s="1"/>
  <c r="M5431" i="2"/>
  <c r="M5405" i="5" s="1"/>
  <c r="K5431" i="2"/>
  <c r="K5405" i="5" s="1"/>
  <c r="O5405" i="5" s="1"/>
  <c r="L5431" i="2"/>
  <c r="L5405" i="5" s="1"/>
  <c r="M108" i="2"/>
  <c r="M82" i="5" s="1"/>
  <c r="L108" i="2"/>
  <c r="L82" i="5" s="1"/>
  <c r="J108" i="2"/>
  <c r="J82" i="5" s="1"/>
  <c r="N82" i="5" s="1"/>
  <c r="K108" i="2"/>
  <c r="K82" i="5" s="1"/>
  <c r="O82" i="5" s="1"/>
  <c r="I108" i="2"/>
  <c r="I82" i="5" s="1"/>
  <c r="M124" i="2"/>
  <c r="M98" i="5" s="1"/>
  <c r="L124" i="2"/>
  <c r="L98" i="5" s="1"/>
  <c r="I124" i="2"/>
  <c r="I98" i="5" s="1"/>
  <c r="K124" i="2"/>
  <c r="K98" i="5" s="1"/>
  <c r="O98" i="5" s="1"/>
  <c r="J124" i="2"/>
  <c r="J98" i="5" s="1"/>
  <c r="N98" i="5" s="1"/>
  <c r="L3900" i="2"/>
  <c r="L3874" i="5" s="1"/>
  <c r="I3900" i="2"/>
  <c r="I3874" i="5" s="1"/>
  <c r="M3900" i="2"/>
  <c r="M3874" i="5" s="1"/>
  <c r="K3900" i="2"/>
  <c r="K3874" i="5" s="1"/>
  <c r="O3874" i="5" s="1"/>
  <c r="J3900" i="2"/>
  <c r="J3874" i="5" s="1"/>
  <c r="N3874" i="5" s="1"/>
  <c r="AR163" i="1"/>
  <c r="C169" i="5"/>
  <c r="L272" i="2"/>
  <c r="L246" i="5" s="1"/>
  <c r="M272" i="2"/>
  <c r="M246" i="5" s="1"/>
  <c r="J272" i="2"/>
  <c r="J246" i="5" s="1"/>
  <c r="N246" i="5" s="1"/>
  <c r="I272" i="2"/>
  <c r="I246" i="5" s="1"/>
  <c r="K272" i="2"/>
  <c r="K246" i="5" s="1"/>
  <c r="O246" i="5" s="1"/>
  <c r="J6368" i="2"/>
  <c r="J6342" i="5" s="1"/>
  <c r="N6342" i="5" s="1"/>
  <c r="M6368" i="2"/>
  <c r="M6342" i="5" s="1"/>
  <c r="I6368" i="2"/>
  <c r="I6342" i="5" s="1"/>
  <c r="K6368" i="2"/>
  <c r="K6342" i="5" s="1"/>
  <c r="O6342" i="5" s="1"/>
  <c r="L6368" i="2"/>
  <c r="L6342" i="5" s="1"/>
  <c r="L7203" i="2"/>
  <c r="L7177" i="5" s="1"/>
  <c r="I7203" i="2"/>
  <c r="I7177" i="5" s="1"/>
  <c r="M7203" i="2"/>
  <c r="M7177" i="5" s="1"/>
  <c r="K7203" i="2"/>
  <c r="K7177" i="5" s="1"/>
  <c r="O7177" i="5" s="1"/>
  <c r="J7203" i="2"/>
  <c r="J7177" i="5" s="1"/>
  <c r="N7177" i="5" s="1"/>
  <c r="M1577" i="2"/>
  <c r="M1551" i="5" s="1"/>
  <c r="J1577" i="2"/>
  <c r="J1551" i="5" s="1"/>
  <c r="N1551" i="5" s="1"/>
  <c r="L1577" i="2"/>
  <c r="L1551" i="5" s="1"/>
  <c r="I1577" i="2"/>
  <c r="I1551" i="5" s="1"/>
  <c r="K1577" i="2"/>
  <c r="K1551" i="5" s="1"/>
  <c r="O1551" i="5" s="1"/>
  <c r="I3496" i="2"/>
  <c r="I3470" i="5" s="1"/>
  <c r="K3496" i="2"/>
  <c r="K3470" i="5" s="1"/>
  <c r="O3470" i="5" s="1"/>
  <c r="L3496" i="2"/>
  <c r="L3470" i="5" s="1"/>
  <c r="M3496" i="2"/>
  <c r="M3470" i="5" s="1"/>
  <c r="J3496" i="2"/>
  <c r="J3470" i="5" s="1"/>
  <c r="N3470" i="5" s="1"/>
  <c r="J6694" i="2"/>
  <c r="J6668" i="5" s="1"/>
  <c r="N6668" i="5" s="1"/>
  <c r="M6694" i="2"/>
  <c r="M6668" i="5" s="1"/>
  <c r="L6694" i="2"/>
  <c r="L6668" i="5" s="1"/>
  <c r="I6694" i="2"/>
  <c r="I6668" i="5" s="1"/>
  <c r="K6694" i="2"/>
  <c r="K6668" i="5" s="1"/>
  <c r="O6668" i="5" s="1"/>
  <c r="K7118" i="2"/>
  <c r="K7092" i="5" s="1"/>
  <c r="O7092" i="5" s="1"/>
  <c r="L7118" i="2"/>
  <c r="L7092" i="5" s="1"/>
  <c r="I7118" i="2"/>
  <c r="I7092" i="5" s="1"/>
  <c r="M7118" i="2"/>
  <c r="M7092" i="5" s="1"/>
  <c r="J7118" i="2"/>
  <c r="J7092" i="5" s="1"/>
  <c r="N7092" i="5" s="1"/>
  <c r="K7134" i="2"/>
  <c r="K7108" i="5" s="1"/>
  <c r="O7108" i="5" s="1"/>
  <c r="J7134" i="2"/>
  <c r="J7108" i="5" s="1"/>
  <c r="N7108" i="5" s="1"/>
  <c r="L7134" i="2"/>
  <c r="L7108" i="5" s="1"/>
  <c r="M7134" i="2"/>
  <c r="M7108" i="5" s="1"/>
  <c r="I7134" i="2"/>
  <c r="I7108" i="5" s="1"/>
  <c r="M2140" i="2"/>
  <c r="M2114" i="5" s="1"/>
  <c r="L2140" i="2"/>
  <c r="L2114" i="5" s="1"/>
  <c r="I2140" i="2"/>
  <c r="I2114" i="5" s="1"/>
  <c r="K2140" i="2"/>
  <c r="K2114" i="5" s="1"/>
  <c r="O2114" i="5" s="1"/>
  <c r="J2140" i="2"/>
  <c r="J2114" i="5" s="1"/>
  <c r="N2114" i="5" s="1"/>
  <c r="I3341" i="2"/>
  <c r="I3315" i="5" s="1"/>
  <c r="K3341" i="2"/>
  <c r="K3315" i="5" s="1"/>
  <c r="O3315" i="5" s="1"/>
  <c r="J3341" i="2"/>
  <c r="J3315" i="5" s="1"/>
  <c r="N3315" i="5" s="1"/>
  <c r="M3341" i="2"/>
  <c r="M3315" i="5" s="1"/>
  <c r="L3341" i="2"/>
  <c r="L3315" i="5" s="1"/>
  <c r="J4511" i="2"/>
  <c r="J4485" i="5" s="1"/>
  <c r="N4485" i="5" s="1"/>
  <c r="L4511" i="2"/>
  <c r="L4485" i="5" s="1"/>
  <c r="M4511" i="2"/>
  <c r="M4485" i="5" s="1"/>
  <c r="I4511" i="2"/>
  <c r="I4485" i="5" s="1"/>
  <c r="K4511" i="2"/>
  <c r="K4485" i="5" s="1"/>
  <c r="O4485" i="5" s="1"/>
  <c r="M7435" i="2"/>
  <c r="M7409" i="5" s="1"/>
  <c r="L7435" i="2"/>
  <c r="L7409" i="5" s="1"/>
  <c r="I7435" i="2"/>
  <c r="I7409" i="5" s="1"/>
  <c r="K7435" i="2"/>
  <c r="K7409" i="5" s="1"/>
  <c r="O7409" i="5" s="1"/>
  <c r="J7435" i="2"/>
  <c r="J7409" i="5" s="1"/>
  <c r="N7409" i="5" s="1"/>
  <c r="L6512" i="2"/>
  <c r="L6486" i="5" s="1"/>
  <c r="J6512" i="2"/>
  <c r="J6486" i="5" s="1"/>
  <c r="N6486" i="5" s="1"/>
  <c r="I6512" i="2"/>
  <c r="I6486" i="5" s="1"/>
  <c r="M6512" i="2"/>
  <c r="M6486" i="5" s="1"/>
  <c r="K6512" i="2"/>
  <c r="K6486" i="5" s="1"/>
  <c r="O6486" i="5" s="1"/>
  <c r="M4850" i="2"/>
  <c r="M4824" i="5" s="1"/>
  <c r="L4850" i="2"/>
  <c r="L4824" i="5" s="1"/>
  <c r="I4850" i="2"/>
  <c r="I4824" i="5" s="1"/>
  <c r="K4850" i="2"/>
  <c r="K4824" i="5" s="1"/>
  <c r="O4824" i="5" s="1"/>
  <c r="J4850" i="2"/>
  <c r="J4824" i="5" s="1"/>
  <c r="N4824" i="5" s="1"/>
  <c r="L4842" i="2"/>
  <c r="L4816" i="5" s="1"/>
  <c r="J4842" i="2"/>
  <c r="J4816" i="5" s="1"/>
  <c r="N4816" i="5" s="1"/>
  <c r="M4842" i="2"/>
  <c r="M4816" i="5" s="1"/>
  <c r="I4842" i="2"/>
  <c r="I4816" i="5" s="1"/>
  <c r="K4842" i="2"/>
  <c r="K4816" i="5" s="1"/>
  <c r="O4816" i="5" s="1"/>
  <c r="I7874" i="2"/>
  <c r="I7848" i="5" s="1"/>
  <c r="K7874" i="2"/>
  <c r="K7848" i="5" s="1"/>
  <c r="O7848" i="5" s="1"/>
  <c r="J7874" i="2"/>
  <c r="J7848" i="5" s="1"/>
  <c r="N7848" i="5" s="1"/>
  <c r="M7874" i="2"/>
  <c r="M7848" i="5" s="1"/>
  <c r="L7874" i="2"/>
  <c r="L7848" i="5" s="1"/>
  <c r="M4923" i="2"/>
  <c r="M4897" i="5" s="1"/>
  <c r="L4923" i="2"/>
  <c r="L4897" i="5" s="1"/>
  <c r="I4923" i="2"/>
  <c r="I4897" i="5" s="1"/>
  <c r="K4923" i="2"/>
  <c r="K4897" i="5" s="1"/>
  <c r="O4897" i="5" s="1"/>
  <c r="J4923" i="2"/>
  <c r="J4897" i="5" s="1"/>
  <c r="N4897" i="5" s="1"/>
  <c r="K4914" i="2"/>
  <c r="K4888" i="5" s="1"/>
  <c r="O4888" i="5" s="1"/>
  <c r="M4914" i="2"/>
  <c r="M4888" i="5" s="1"/>
  <c r="J4914" i="2"/>
  <c r="J4888" i="5" s="1"/>
  <c r="N4888" i="5" s="1"/>
  <c r="L4914" i="2"/>
  <c r="L4888" i="5" s="1"/>
  <c r="I4914" i="2"/>
  <c r="I4888" i="5" s="1"/>
  <c r="M8273" i="2"/>
  <c r="M8247" i="5" s="1"/>
  <c r="I8273" i="2"/>
  <c r="I8247" i="5" s="1"/>
  <c r="K8273" i="2"/>
  <c r="K8247" i="5" s="1"/>
  <c r="O8247" i="5" s="1"/>
  <c r="J8273" i="2"/>
  <c r="J8247" i="5" s="1"/>
  <c r="N8247" i="5" s="1"/>
  <c r="L8273" i="2"/>
  <c r="L8247" i="5" s="1"/>
  <c r="J4628" i="2"/>
  <c r="J4602" i="5" s="1"/>
  <c r="N4602" i="5" s="1"/>
  <c r="M4628" i="2"/>
  <c r="M4602" i="5" s="1"/>
  <c r="L4628" i="2"/>
  <c r="L4602" i="5" s="1"/>
  <c r="I4628" i="2"/>
  <c r="I4602" i="5" s="1"/>
  <c r="K4628" i="2"/>
  <c r="K4602" i="5" s="1"/>
  <c r="O4602" i="5" s="1"/>
  <c r="J2414" i="2"/>
  <c r="J2388" i="5" s="1"/>
  <c r="N2388" i="5" s="1"/>
  <c r="L2414" i="2"/>
  <c r="L2388" i="5" s="1"/>
  <c r="M2414" i="2"/>
  <c r="M2388" i="5" s="1"/>
  <c r="I2414" i="2"/>
  <c r="I2388" i="5" s="1"/>
  <c r="K2414" i="2"/>
  <c r="K2388" i="5" s="1"/>
  <c r="O2388" i="5" s="1"/>
  <c r="J2422" i="2"/>
  <c r="J2396" i="5" s="1"/>
  <c r="N2396" i="5" s="1"/>
  <c r="L2422" i="2"/>
  <c r="L2396" i="5" s="1"/>
  <c r="M2422" i="2"/>
  <c r="M2396" i="5" s="1"/>
  <c r="I2422" i="2"/>
  <c r="I2396" i="5" s="1"/>
  <c r="K2422" i="2"/>
  <c r="K2396" i="5" s="1"/>
  <c r="O2396" i="5" s="1"/>
  <c r="L5301" i="2"/>
  <c r="L5275" i="5" s="1"/>
  <c r="M5301" i="2"/>
  <c r="M5275" i="5" s="1"/>
  <c r="J5301" i="2"/>
  <c r="J5275" i="5" s="1"/>
  <c r="N5275" i="5" s="1"/>
  <c r="I5301" i="2"/>
  <c r="I5275" i="5" s="1"/>
  <c r="K5301" i="2"/>
  <c r="K5275" i="5" s="1"/>
  <c r="O5275" i="5" s="1"/>
  <c r="K7999" i="2"/>
  <c r="K7973" i="5" s="1"/>
  <c r="O7973" i="5" s="1"/>
  <c r="J7999" i="2"/>
  <c r="J7973" i="5" s="1"/>
  <c r="N7973" i="5" s="1"/>
  <c r="M7999" i="2"/>
  <c r="M7973" i="5" s="1"/>
  <c r="I7999" i="2"/>
  <c r="I7973" i="5" s="1"/>
  <c r="L7999" i="2"/>
  <c r="L7973" i="5" s="1"/>
  <c r="K4103" i="2"/>
  <c r="K4077" i="5" s="1"/>
  <c r="O4077" i="5" s="1"/>
  <c r="J4103" i="2"/>
  <c r="J4077" i="5" s="1"/>
  <c r="N4077" i="5" s="1"/>
  <c r="M4103" i="2"/>
  <c r="M4077" i="5" s="1"/>
  <c r="L4103" i="2"/>
  <c r="L4077" i="5" s="1"/>
  <c r="I4103" i="2"/>
  <c r="I4077" i="5" s="1"/>
  <c r="J8602" i="2"/>
  <c r="J8576" i="5" s="1"/>
  <c r="N8576" i="5" s="1"/>
  <c r="L8602" i="2"/>
  <c r="L8576" i="5" s="1"/>
  <c r="M8602" i="2"/>
  <c r="M8576" i="5" s="1"/>
  <c r="I8602" i="2"/>
  <c r="I8576" i="5" s="1"/>
  <c r="K8602" i="2"/>
  <c r="K8576" i="5" s="1"/>
  <c r="O8576" i="5" s="1"/>
  <c r="K6100" i="2"/>
  <c r="K6074" i="5" s="1"/>
  <c r="O6074" i="5" s="1"/>
  <c r="M6100" i="2"/>
  <c r="M6074" i="5" s="1"/>
  <c r="L6100" i="2"/>
  <c r="L6074" i="5" s="1"/>
  <c r="I6100" i="2"/>
  <c r="I6074" i="5" s="1"/>
  <c r="J6100" i="2"/>
  <c r="J6074" i="5" s="1"/>
  <c r="N6074" i="5" s="1"/>
  <c r="J6094" i="2"/>
  <c r="J6068" i="5" s="1"/>
  <c r="N6068" i="5" s="1"/>
  <c r="L6094" i="2"/>
  <c r="L6068" i="5" s="1"/>
  <c r="I6094" i="2"/>
  <c r="I6068" i="5" s="1"/>
  <c r="M6094" i="2"/>
  <c r="M6068" i="5" s="1"/>
  <c r="K6094" i="2"/>
  <c r="K6068" i="5" s="1"/>
  <c r="O6068" i="5" s="1"/>
  <c r="L3993" i="2"/>
  <c r="L3967" i="5" s="1"/>
  <c r="M3993" i="2"/>
  <c r="M3967" i="5" s="1"/>
  <c r="J3993" i="2"/>
  <c r="J3967" i="5" s="1"/>
  <c r="N3967" i="5" s="1"/>
  <c r="I3993" i="2"/>
  <c r="I3967" i="5" s="1"/>
  <c r="K3993" i="2"/>
  <c r="K3967" i="5" s="1"/>
  <c r="O3967" i="5" s="1"/>
  <c r="M6152" i="2"/>
  <c r="M6126" i="5" s="1"/>
  <c r="K6152" i="2"/>
  <c r="K6126" i="5" s="1"/>
  <c r="O6126" i="5" s="1"/>
  <c r="J6152" i="2"/>
  <c r="J6126" i="5" s="1"/>
  <c r="N6126" i="5" s="1"/>
  <c r="L6152" i="2"/>
  <c r="L6126" i="5" s="1"/>
  <c r="I6152" i="2"/>
  <c r="I6126" i="5" s="1"/>
  <c r="I5783" i="2"/>
  <c r="I5757" i="5" s="1"/>
  <c r="K5783" i="2"/>
  <c r="K5757" i="5" s="1"/>
  <c r="O5757" i="5" s="1"/>
  <c r="J5783" i="2"/>
  <c r="J5757" i="5" s="1"/>
  <c r="N5757" i="5" s="1"/>
  <c r="L5783" i="2"/>
  <c r="L5757" i="5" s="1"/>
  <c r="M5783" i="2"/>
  <c r="M5757" i="5" s="1"/>
  <c r="K8710" i="2"/>
  <c r="K8684" i="5" s="1"/>
  <c r="O8684" i="5" s="1"/>
  <c r="J8710" i="2"/>
  <c r="J8684" i="5" s="1"/>
  <c r="N8684" i="5" s="1"/>
  <c r="M8710" i="2"/>
  <c r="M8684" i="5" s="1"/>
  <c r="I8710" i="2"/>
  <c r="I8684" i="5" s="1"/>
  <c r="L8710" i="2"/>
  <c r="L8684" i="5" s="1"/>
  <c r="J5332" i="2"/>
  <c r="J5306" i="5" s="1"/>
  <c r="N5306" i="5" s="1"/>
  <c r="L5332" i="2"/>
  <c r="L5306" i="5" s="1"/>
  <c r="I5332" i="2"/>
  <c r="I5306" i="5" s="1"/>
  <c r="K5332" i="2"/>
  <c r="K5306" i="5" s="1"/>
  <c r="O5306" i="5" s="1"/>
  <c r="M5332" i="2"/>
  <c r="M5306" i="5" s="1"/>
  <c r="J7279" i="2"/>
  <c r="J7253" i="5" s="1"/>
  <c r="N7253" i="5" s="1"/>
  <c r="M7279" i="2"/>
  <c r="M7253" i="5" s="1"/>
  <c r="L7279" i="2"/>
  <c r="L7253" i="5" s="1"/>
  <c r="I7279" i="2"/>
  <c r="I7253" i="5" s="1"/>
  <c r="K7279" i="2"/>
  <c r="K7253" i="5" s="1"/>
  <c r="O7253" i="5" s="1"/>
  <c r="J6328" i="2"/>
  <c r="J6302" i="5" s="1"/>
  <c r="N6302" i="5" s="1"/>
  <c r="L6328" i="2"/>
  <c r="L6302" i="5" s="1"/>
  <c r="K6328" i="2"/>
  <c r="K6302" i="5" s="1"/>
  <c r="O6302" i="5" s="1"/>
  <c r="M6328" i="2"/>
  <c r="M6302" i="5" s="1"/>
  <c r="I6328" i="2"/>
  <c r="I6302" i="5" s="1"/>
  <c r="K7791" i="2"/>
  <c r="K7765" i="5" s="1"/>
  <c r="O7765" i="5" s="1"/>
  <c r="I7791" i="2"/>
  <c r="I7765" i="5" s="1"/>
  <c r="M7791" i="2"/>
  <c r="M7765" i="5" s="1"/>
  <c r="J7791" i="2"/>
  <c r="J7765" i="5" s="1"/>
  <c r="N7765" i="5" s="1"/>
  <c r="L7791" i="2"/>
  <c r="L7765" i="5" s="1"/>
  <c r="L6430" i="2"/>
  <c r="L6404" i="5" s="1"/>
  <c r="I6430" i="2"/>
  <c r="I6404" i="5" s="1"/>
  <c r="K6430" i="2"/>
  <c r="K6404" i="5" s="1"/>
  <c r="O6404" i="5" s="1"/>
  <c r="J6430" i="2"/>
  <c r="J6404" i="5" s="1"/>
  <c r="N6404" i="5" s="1"/>
  <c r="M6430" i="2"/>
  <c r="M6404" i="5" s="1"/>
  <c r="J8003" i="2"/>
  <c r="J7977" i="5" s="1"/>
  <c r="N7977" i="5" s="1"/>
  <c r="L8003" i="2"/>
  <c r="L7977" i="5" s="1"/>
  <c r="I8003" i="2"/>
  <c r="I7977" i="5" s="1"/>
  <c r="M8003" i="2"/>
  <c r="M7977" i="5" s="1"/>
  <c r="K8003" i="2"/>
  <c r="K7977" i="5" s="1"/>
  <c r="O7977" i="5" s="1"/>
  <c r="I5678" i="2"/>
  <c r="I5652" i="5" s="1"/>
  <c r="K5678" i="2"/>
  <c r="K5652" i="5" s="1"/>
  <c r="O5652" i="5" s="1"/>
  <c r="L5678" i="2"/>
  <c r="L5652" i="5" s="1"/>
  <c r="M5678" i="2"/>
  <c r="M5652" i="5" s="1"/>
  <c r="J5678" i="2"/>
  <c r="J5652" i="5" s="1"/>
  <c r="N5652" i="5" s="1"/>
  <c r="L4803" i="2"/>
  <c r="L4777" i="5" s="1"/>
  <c r="I4803" i="2"/>
  <c r="I4777" i="5" s="1"/>
  <c r="K4803" i="2"/>
  <c r="K4777" i="5" s="1"/>
  <c r="O4777" i="5" s="1"/>
  <c r="J4803" i="2"/>
  <c r="J4777" i="5" s="1"/>
  <c r="N4777" i="5" s="1"/>
  <c r="M4803" i="2"/>
  <c r="M4777" i="5" s="1"/>
  <c r="J8485" i="2"/>
  <c r="J8459" i="5" s="1"/>
  <c r="N8459" i="5" s="1"/>
  <c r="I8485" i="2"/>
  <c r="I8459" i="5" s="1"/>
  <c r="M8485" i="2"/>
  <c r="M8459" i="5" s="1"/>
  <c r="K8485" i="2"/>
  <c r="K8459" i="5" s="1"/>
  <c r="O8459" i="5" s="1"/>
  <c r="L8485" i="2"/>
  <c r="L8459" i="5" s="1"/>
  <c r="J6857" i="2"/>
  <c r="J6831" i="5" s="1"/>
  <c r="N6831" i="5" s="1"/>
  <c r="I6857" i="2"/>
  <c r="I6831" i="5" s="1"/>
  <c r="L6857" i="2"/>
  <c r="L6831" i="5" s="1"/>
  <c r="M6857" i="2"/>
  <c r="M6831" i="5" s="1"/>
  <c r="K6857" i="2"/>
  <c r="K6831" i="5" s="1"/>
  <c r="O6831" i="5" s="1"/>
  <c r="M148" i="2"/>
  <c r="M122" i="5" s="1"/>
  <c r="L148" i="2"/>
  <c r="L122" i="5" s="1"/>
  <c r="I148" i="2"/>
  <c r="I122" i="5" s="1"/>
  <c r="J148" i="2"/>
  <c r="J122" i="5" s="1"/>
  <c r="N122" i="5" s="1"/>
  <c r="K148" i="2"/>
  <c r="K122" i="5" s="1"/>
  <c r="O122" i="5" s="1"/>
  <c r="I8660" i="2"/>
  <c r="I8634" i="5" s="1"/>
  <c r="K8660" i="2"/>
  <c r="K8634" i="5" s="1"/>
  <c r="O8634" i="5" s="1"/>
  <c r="L8660" i="2"/>
  <c r="L8634" i="5" s="1"/>
  <c r="M8660" i="2"/>
  <c r="M8634" i="5" s="1"/>
  <c r="J8660" i="2"/>
  <c r="J8634" i="5" s="1"/>
  <c r="N8634" i="5" s="1"/>
  <c r="I4294" i="2"/>
  <c r="I4268" i="5" s="1"/>
  <c r="K4294" i="2"/>
  <c r="K4268" i="5" s="1"/>
  <c r="O4268" i="5" s="1"/>
  <c r="J4294" i="2"/>
  <c r="J4268" i="5" s="1"/>
  <c r="N4268" i="5" s="1"/>
  <c r="M4294" i="2"/>
  <c r="M4268" i="5" s="1"/>
  <c r="L4294" i="2"/>
  <c r="L4268" i="5" s="1"/>
  <c r="L6250" i="2"/>
  <c r="L6224" i="5" s="1"/>
  <c r="M6250" i="2"/>
  <c r="M6224" i="5" s="1"/>
  <c r="K6250" i="2"/>
  <c r="K6224" i="5" s="1"/>
  <c r="O6224" i="5" s="1"/>
  <c r="I6250" i="2"/>
  <c r="I6224" i="5" s="1"/>
  <c r="J6250" i="2"/>
  <c r="J6224" i="5" s="1"/>
  <c r="N6224" i="5" s="1"/>
  <c r="K7835" i="2"/>
  <c r="K7809" i="5" s="1"/>
  <c r="O7809" i="5" s="1"/>
  <c r="J7835" i="2"/>
  <c r="J7809" i="5" s="1"/>
  <c r="N7809" i="5" s="1"/>
  <c r="M7835" i="2"/>
  <c r="M7809" i="5" s="1"/>
  <c r="I7835" i="2"/>
  <c r="I7809" i="5" s="1"/>
  <c r="L7835" i="2"/>
  <c r="L7809" i="5" s="1"/>
  <c r="M7848" i="2"/>
  <c r="M7822" i="5" s="1"/>
  <c r="J7848" i="2"/>
  <c r="J7822" i="5" s="1"/>
  <c r="N7822" i="5" s="1"/>
  <c r="L7848" i="2"/>
  <c r="L7822" i="5" s="1"/>
  <c r="I7848" i="2"/>
  <c r="I7822" i="5" s="1"/>
  <c r="K7848" i="2"/>
  <c r="K7822" i="5" s="1"/>
  <c r="O7822" i="5" s="1"/>
  <c r="L612" i="2"/>
  <c r="L586" i="5" s="1"/>
  <c r="I612" i="2"/>
  <c r="I586" i="5" s="1"/>
  <c r="K612" i="2"/>
  <c r="K586" i="5" s="1"/>
  <c r="O586" i="5" s="1"/>
  <c r="J612" i="2"/>
  <c r="J586" i="5" s="1"/>
  <c r="N586" i="5" s="1"/>
  <c r="M612" i="2"/>
  <c r="M586" i="5" s="1"/>
  <c r="I623" i="2"/>
  <c r="I597" i="5" s="1"/>
  <c r="K623" i="2"/>
  <c r="K597" i="5" s="1"/>
  <c r="O597" i="5" s="1"/>
  <c r="J623" i="2"/>
  <c r="J597" i="5" s="1"/>
  <c r="N597" i="5" s="1"/>
  <c r="L623" i="2"/>
  <c r="L597" i="5" s="1"/>
  <c r="M623" i="2"/>
  <c r="M597" i="5" s="1"/>
  <c r="I2755" i="2"/>
  <c r="I2729" i="5" s="1"/>
  <c r="K2755" i="2"/>
  <c r="K2729" i="5" s="1"/>
  <c r="O2729" i="5" s="1"/>
  <c r="L2755" i="2"/>
  <c r="L2729" i="5" s="1"/>
  <c r="M2755" i="2"/>
  <c r="M2729" i="5" s="1"/>
  <c r="J2755" i="2"/>
  <c r="J2729" i="5" s="1"/>
  <c r="N2729" i="5" s="1"/>
  <c r="C121" i="5"/>
  <c r="AR115" i="1"/>
  <c r="K1387" i="2"/>
  <c r="K1361" i="5" s="1"/>
  <c r="O1361" i="5" s="1"/>
  <c r="L1387" i="2"/>
  <c r="L1361" i="5" s="1"/>
  <c r="M1387" i="2"/>
  <c r="M1361" i="5" s="1"/>
  <c r="I1387" i="2"/>
  <c r="I1361" i="5" s="1"/>
  <c r="J1387" i="2"/>
  <c r="J1361" i="5" s="1"/>
  <c r="N1361" i="5" s="1"/>
  <c r="J581" i="2"/>
  <c r="J555" i="5" s="1"/>
  <c r="N555" i="5" s="1"/>
  <c r="M581" i="2"/>
  <c r="M555" i="5" s="1"/>
  <c r="L581" i="2"/>
  <c r="L555" i="5" s="1"/>
  <c r="I581" i="2"/>
  <c r="I555" i="5" s="1"/>
  <c r="K581" i="2"/>
  <c r="K555" i="5" s="1"/>
  <c r="O555" i="5" s="1"/>
  <c r="K7710" i="2"/>
  <c r="K7684" i="5" s="1"/>
  <c r="O7684" i="5" s="1"/>
  <c r="M7710" i="2"/>
  <c r="M7684" i="5" s="1"/>
  <c r="L7710" i="2"/>
  <c r="L7684" i="5" s="1"/>
  <c r="J7710" i="2"/>
  <c r="J7684" i="5" s="1"/>
  <c r="N7684" i="5" s="1"/>
  <c r="I7710" i="2"/>
  <c r="I7684" i="5" s="1"/>
  <c r="M8457" i="2"/>
  <c r="M8431" i="5" s="1"/>
  <c r="J8457" i="2"/>
  <c r="J8431" i="5" s="1"/>
  <c r="N8431" i="5" s="1"/>
  <c r="I8457" i="2"/>
  <c r="I8431" i="5" s="1"/>
  <c r="L8457" i="2"/>
  <c r="L8431" i="5" s="1"/>
  <c r="K8457" i="2"/>
  <c r="K8431" i="5" s="1"/>
  <c r="O8431" i="5" s="1"/>
  <c r="K8444" i="2"/>
  <c r="K8418" i="5" s="1"/>
  <c r="O8418" i="5" s="1"/>
  <c r="J8444" i="2"/>
  <c r="J8418" i="5" s="1"/>
  <c r="N8418" i="5" s="1"/>
  <c r="M8444" i="2"/>
  <c r="M8418" i="5" s="1"/>
  <c r="L8444" i="2"/>
  <c r="L8418" i="5" s="1"/>
  <c r="I8444" i="2"/>
  <c r="I8418" i="5" s="1"/>
  <c r="I5114" i="2"/>
  <c r="I5088" i="5" s="1"/>
  <c r="K5114" i="2"/>
  <c r="K5088" i="5" s="1"/>
  <c r="O5088" i="5" s="1"/>
  <c r="J5114" i="2"/>
  <c r="J5088" i="5" s="1"/>
  <c r="N5088" i="5" s="1"/>
  <c r="M5114" i="2"/>
  <c r="M5088" i="5" s="1"/>
  <c r="L5114" i="2"/>
  <c r="L5088" i="5" s="1"/>
  <c r="I1745" i="2"/>
  <c r="I1719" i="5" s="1"/>
  <c r="K1745" i="2"/>
  <c r="K1719" i="5" s="1"/>
  <c r="O1719" i="5" s="1"/>
  <c r="J1745" i="2"/>
  <c r="J1719" i="5" s="1"/>
  <c r="N1719" i="5" s="1"/>
  <c r="L1745" i="2"/>
  <c r="L1719" i="5" s="1"/>
  <c r="M1745" i="2"/>
  <c r="M1719" i="5" s="1"/>
  <c r="K3610" i="2"/>
  <c r="K3584" i="5" s="1"/>
  <c r="O3584" i="5" s="1"/>
  <c r="L3610" i="2"/>
  <c r="L3584" i="5" s="1"/>
  <c r="M3610" i="2"/>
  <c r="M3584" i="5" s="1"/>
  <c r="J3610" i="2"/>
  <c r="J3584" i="5" s="1"/>
  <c r="N3584" i="5" s="1"/>
  <c r="I3610" i="2"/>
  <c r="I3584" i="5" s="1"/>
  <c r="I2897" i="2"/>
  <c r="I2871" i="5" s="1"/>
  <c r="J2897" i="2"/>
  <c r="J2871" i="5" s="1"/>
  <c r="N2871" i="5" s="1"/>
  <c r="M2897" i="2"/>
  <c r="M2871" i="5" s="1"/>
  <c r="L2897" i="2"/>
  <c r="L2871" i="5" s="1"/>
  <c r="K2897" i="2"/>
  <c r="K2871" i="5" s="1"/>
  <c r="O2871" i="5" s="1"/>
  <c r="M6663" i="2"/>
  <c r="M6637" i="5" s="1"/>
  <c r="I6663" i="2"/>
  <c r="I6637" i="5" s="1"/>
  <c r="L6663" i="2"/>
  <c r="L6637" i="5" s="1"/>
  <c r="K6663" i="2"/>
  <c r="K6637" i="5" s="1"/>
  <c r="O6637" i="5" s="1"/>
  <c r="J6663" i="2"/>
  <c r="J6637" i="5" s="1"/>
  <c r="N6637" i="5" s="1"/>
  <c r="J6658" i="2"/>
  <c r="J6632" i="5" s="1"/>
  <c r="N6632" i="5" s="1"/>
  <c r="M6658" i="2"/>
  <c r="M6632" i="5" s="1"/>
  <c r="L6658" i="2"/>
  <c r="L6632" i="5" s="1"/>
  <c r="I6658" i="2"/>
  <c r="I6632" i="5" s="1"/>
  <c r="K6658" i="2"/>
  <c r="K6632" i="5" s="1"/>
  <c r="O6632" i="5" s="1"/>
  <c r="M5947" i="2"/>
  <c r="M5921" i="5" s="1"/>
  <c r="I5947" i="2"/>
  <c r="I5921" i="5" s="1"/>
  <c r="L5947" i="2"/>
  <c r="L5921" i="5" s="1"/>
  <c r="K5947" i="2"/>
  <c r="K5921" i="5" s="1"/>
  <c r="O5921" i="5" s="1"/>
  <c r="J5947" i="2"/>
  <c r="J5921" i="5" s="1"/>
  <c r="N5921" i="5" s="1"/>
  <c r="J5946" i="2"/>
  <c r="J5920" i="5" s="1"/>
  <c r="N5920" i="5" s="1"/>
  <c r="M5946" i="2"/>
  <c r="M5920" i="5" s="1"/>
  <c r="I5946" i="2"/>
  <c r="I5920" i="5" s="1"/>
  <c r="L5946" i="2"/>
  <c r="L5920" i="5" s="1"/>
  <c r="K5946" i="2"/>
  <c r="K5920" i="5" s="1"/>
  <c r="O5920" i="5" s="1"/>
  <c r="I4680" i="2"/>
  <c r="I4654" i="5" s="1"/>
  <c r="J4680" i="2"/>
  <c r="J4654" i="5" s="1"/>
  <c r="N4654" i="5" s="1"/>
  <c r="M4680" i="2"/>
  <c r="M4654" i="5" s="1"/>
  <c r="L4680" i="2"/>
  <c r="L4654" i="5" s="1"/>
  <c r="K4680" i="2"/>
  <c r="K4654" i="5" s="1"/>
  <c r="O4654" i="5" s="1"/>
  <c r="M6177" i="2"/>
  <c r="M6151" i="5" s="1"/>
  <c r="I6177" i="2"/>
  <c r="I6151" i="5" s="1"/>
  <c r="K6177" i="2"/>
  <c r="K6151" i="5" s="1"/>
  <c r="O6151" i="5" s="1"/>
  <c r="L6177" i="2"/>
  <c r="L6151" i="5" s="1"/>
  <c r="J6177" i="2"/>
  <c r="J6151" i="5" s="1"/>
  <c r="N6151" i="5" s="1"/>
  <c r="K2449" i="2"/>
  <c r="K2423" i="5" s="1"/>
  <c r="O2423" i="5" s="1"/>
  <c r="J2449" i="2"/>
  <c r="J2423" i="5" s="1"/>
  <c r="N2423" i="5" s="1"/>
  <c r="L2449" i="2"/>
  <c r="L2423" i="5" s="1"/>
  <c r="M2449" i="2"/>
  <c r="M2423" i="5" s="1"/>
  <c r="I2449" i="2"/>
  <c r="I2423" i="5" s="1"/>
  <c r="K2608" i="2"/>
  <c r="K2582" i="5" s="1"/>
  <c r="O2582" i="5" s="1"/>
  <c r="J2608" i="2"/>
  <c r="J2582" i="5" s="1"/>
  <c r="N2582" i="5" s="1"/>
  <c r="L2608" i="2"/>
  <c r="L2582" i="5" s="1"/>
  <c r="M2608" i="2"/>
  <c r="M2582" i="5" s="1"/>
  <c r="I2608" i="2"/>
  <c r="I2582" i="5" s="1"/>
  <c r="I8385" i="2"/>
  <c r="I8359" i="5" s="1"/>
  <c r="K8385" i="2"/>
  <c r="K8359" i="5" s="1"/>
  <c r="O8359" i="5" s="1"/>
  <c r="M8385" i="2"/>
  <c r="M8359" i="5" s="1"/>
  <c r="L8385" i="2"/>
  <c r="L8359" i="5" s="1"/>
  <c r="J8385" i="2"/>
  <c r="J8359" i="5" s="1"/>
  <c r="N8359" i="5" s="1"/>
  <c r="L1619" i="2"/>
  <c r="L1593" i="5" s="1"/>
  <c r="M1619" i="2"/>
  <c r="M1593" i="5" s="1"/>
  <c r="I1619" i="2"/>
  <c r="I1593" i="5" s="1"/>
  <c r="K1619" i="2"/>
  <c r="K1593" i="5" s="1"/>
  <c r="O1593" i="5" s="1"/>
  <c r="J1619" i="2"/>
  <c r="J1593" i="5" s="1"/>
  <c r="N1593" i="5" s="1"/>
  <c r="C74" i="5"/>
  <c r="AR68" i="1"/>
  <c r="L3171" i="2"/>
  <c r="L3145" i="5" s="1"/>
  <c r="M3171" i="2"/>
  <c r="M3145" i="5" s="1"/>
  <c r="I3171" i="2"/>
  <c r="I3145" i="5" s="1"/>
  <c r="K3171" i="2"/>
  <c r="K3145" i="5" s="1"/>
  <c r="O3145" i="5" s="1"/>
  <c r="J3171" i="2"/>
  <c r="J3145" i="5" s="1"/>
  <c r="N3145" i="5" s="1"/>
  <c r="J3158" i="2"/>
  <c r="J3132" i="5" s="1"/>
  <c r="N3132" i="5" s="1"/>
  <c r="M3158" i="2"/>
  <c r="M3132" i="5" s="1"/>
  <c r="L3158" i="2"/>
  <c r="L3132" i="5" s="1"/>
  <c r="I3158" i="2"/>
  <c r="I3132" i="5" s="1"/>
  <c r="K3158" i="2"/>
  <c r="K3132" i="5" s="1"/>
  <c r="O3132" i="5" s="1"/>
  <c r="I3444" i="2"/>
  <c r="I3418" i="5" s="1"/>
  <c r="K3444" i="2"/>
  <c r="K3418" i="5" s="1"/>
  <c r="O3418" i="5" s="1"/>
  <c r="J3444" i="2"/>
  <c r="J3418" i="5" s="1"/>
  <c r="N3418" i="5" s="1"/>
  <c r="L3444" i="2"/>
  <c r="L3418" i="5" s="1"/>
  <c r="M3444" i="2"/>
  <c r="M3418" i="5" s="1"/>
  <c r="J912" i="2"/>
  <c r="J886" i="5" s="1"/>
  <c r="N886" i="5" s="1"/>
  <c r="L912" i="2"/>
  <c r="L886" i="5" s="1"/>
  <c r="K912" i="2"/>
  <c r="K886" i="5" s="1"/>
  <c r="O886" i="5" s="1"/>
  <c r="I912" i="2"/>
  <c r="I886" i="5" s="1"/>
  <c r="M912" i="2"/>
  <c r="M886" i="5" s="1"/>
  <c r="L7930" i="2"/>
  <c r="L7904" i="5" s="1"/>
  <c r="K7930" i="2"/>
  <c r="K7904" i="5" s="1"/>
  <c r="O7904" i="5" s="1"/>
  <c r="J7930" i="2"/>
  <c r="J7904" i="5" s="1"/>
  <c r="N7904" i="5" s="1"/>
  <c r="M7930" i="2"/>
  <c r="M7904" i="5" s="1"/>
  <c r="I7930" i="2"/>
  <c r="I7904" i="5" s="1"/>
  <c r="M1928" i="2"/>
  <c r="M1902" i="5" s="1"/>
  <c r="L1928" i="2"/>
  <c r="L1902" i="5" s="1"/>
  <c r="I1928" i="2"/>
  <c r="I1902" i="5" s="1"/>
  <c r="K1928" i="2"/>
  <c r="K1902" i="5" s="1"/>
  <c r="O1902" i="5" s="1"/>
  <c r="J1928" i="2"/>
  <c r="J1902" i="5" s="1"/>
  <c r="N1902" i="5" s="1"/>
  <c r="M1927" i="2"/>
  <c r="M1901" i="5" s="1"/>
  <c r="J1927" i="2"/>
  <c r="J1901" i="5" s="1"/>
  <c r="N1901" i="5" s="1"/>
  <c r="I1927" i="2"/>
  <c r="I1901" i="5" s="1"/>
  <c r="K1927" i="2"/>
  <c r="K1901" i="5" s="1"/>
  <c r="O1901" i="5" s="1"/>
  <c r="L1927" i="2"/>
  <c r="L1901" i="5" s="1"/>
  <c r="L2740" i="2"/>
  <c r="L2714" i="5" s="1"/>
  <c r="I2740" i="2"/>
  <c r="I2714" i="5" s="1"/>
  <c r="K2740" i="2"/>
  <c r="K2714" i="5" s="1"/>
  <c r="O2714" i="5" s="1"/>
  <c r="M2740" i="2"/>
  <c r="M2714" i="5" s="1"/>
  <c r="J2740" i="2"/>
  <c r="J2714" i="5" s="1"/>
  <c r="N2714" i="5" s="1"/>
  <c r="J2737" i="2"/>
  <c r="J2711" i="5" s="1"/>
  <c r="N2711" i="5" s="1"/>
  <c r="L2737" i="2"/>
  <c r="L2711" i="5" s="1"/>
  <c r="I2737" i="2"/>
  <c r="I2711" i="5" s="1"/>
  <c r="K2737" i="2"/>
  <c r="K2711" i="5" s="1"/>
  <c r="O2711" i="5" s="1"/>
  <c r="M2737" i="2"/>
  <c r="M2711" i="5" s="1"/>
  <c r="J2986" i="2"/>
  <c r="J2960" i="5" s="1"/>
  <c r="N2960" i="5" s="1"/>
  <c r="M2986" i="2"/>
  <c r="M2960" i="5" s="1"/>
  <c r="L2986" i="2"/>
  <c r="L2960" i="5" s="1"/>
  <c r="I2986" i="2"/>
  <c r="I2960" i="5" s="1"/>
  <c r="K2986" i="2"/>
  <c r="K2960" i="5" s="1"/>
  <c r="O2960" i="5" s="1"/>
  <c r="C131" i="5"/>
  <c r="AR125" i="1"/>
  <c r="M317" i="2"/>
  <c r="M291" i="5" s="1"/>
  <c r="L317" i="2"/>
  <c r="L291" i="5" s="1"/>
  <c r="K317" i="2"/>
  <c r="K291" i="5" s="1"/>
  <c r="O291" i="5" s="1"/>
  <c r="J317" i="2"/>
  <c r="J291" i="5" s="1"/>
  <c r="N291" i="5" s="1"/>
  <c r="I317" i="2"/>
  <c r="I291" i="5" s="1"/>
  <c r="L310" i="2"/>
  <c r="L284" i="5" s="1"/>
  <c r="M310" i="2"/>
  <c r="M284" i="5" s="1"/>
  <c r="J310" i="2"/>
  <c r="J284" i="5" s="1"/>
  <c r="N284" i="5" s="1"/>
  <c r="I310" i="2"/>
  <c r="I284" i="5" s="1"/>
  <c r="K310" i="2"/>
  <c r="K284" i="5" s="1"/>
  <c r="O284" i="5" s="1"/>
  <c r="J7486" i="2"/>
  <c r="J7460" i="5" s="1"/>
  <c r="N7460" i="5" s="1"/>
  <c r="M7486" i="2"/>
  <c r="M7460" i="5" s="1"/>
  <c r="I7486" i="2"/>
  <c r="I7460" i="5" s="1"/>
  <c r="L7486" i="2"/>
  <c r="L7460" i="5" s="1"/>
  <c r="K7486" i="2"/>
  <c r="K7460" i="5" s="1"/>
  <c r="O7460" i="5" s="1"/>
  <c r="I7533" i="2"/>
  <c r="I7507" i="5" s="1"/>
  <c r="K7533" i="2"/>
  <c r="K7507" i="5" s="1"/>
  <c r="O7507" i="5" s="1"/>
  <c r="L7533" i="2"/>
  <c r="L7507" i="5" s="1"/>
  <c r="M7533" i="2"/>
  <c r="M7507" i="5" s="1"/>
  <c r="J7533" i="2"/>
  <c r="J7507" i="5" s="1"/>
  <c r="N7507" i="5" s="1"/>
  <c r="K5188" i="2"/>
  <c r="K5162" i="5" s="1"/>
  <c r="O5162" i="5" s="1"/>
  <c r="M5188" i="2"/>
  <c r="M5162" i="5" s="1"/>
  <c r="J5188" i="2"/>
  <c r="J5162" i="5" s="1"/>
  <c r="N5162" i="5" s="1"/>
  <c r="L5188" i="2"/>
  <c r="L5162" i="5" s="1"/>
  <c r="I5188" i="2"/>
  <c r="I5162" i="5" s="1"/>
  <c r="K3817" i="2"/>
  <c r="K3791" i="5" s="1"/>
  <c r="O3791" i="5" s="1"/>
  <c r="J3817" i="2"/>
  <c r="J3791" i="5" s="1"/>
  <c r="N3791" i="5" s="1"/>
  <c r="M3817" i="2"/>
  <c r="M3791" i="5" s="1"/>
  <c r="L3817" i="2"/>
  <c r="L3791" i="5" s="1"/>
  <c r="I3817" i="2"/>
  <c r="I3791" i="5" s="1"/>
  <c r="I430" i="2"/>
  <c r="I404" i="5" s="1"/>
  <c r="K430" i="2"/>
  <c r="K404" i="5" s="1"/>
  <c r="O404" i="5" s="1"/>
  <c r="J430" i="2"/>
  <c r="J404" i="5" s="1"/>
  <c r="N404" i="5" s="1"/>
  <c r="L430" i="2"/>
  <c r="L404" i="5" s="1"/>
  <c r="M430" i="2"/>
  <c r="M404" i="5" s="1"/>
  <c r="M431" i="2"/>
  <c r="M405" i="5" s="1"/>
  <c r="K431" i="2"/>
  <c r="K405" i="5" s="1"/>
  <c r="O405" i="5" s="1"/>
  <c r="I431" i="2"/>
  <c r="I405" i="5" s="1"/>
  <c r="J431" i="2"/>
  <c r="J405" i="5" s="1"/>
  <c r="N405" i="5" s="1"/>
  <c r="L431" i="2"/>
  <c r="L405" i="5" s="1"/>
  <c r="K4343" i="2"/>
  <c r="K4317" i="5" s="1"/>
  <c r="O4317" i="5" s="1"/>
  <c r="J4343" i="2"/>
  <c r="J4317" i="5" s="1"/>
  <c r="N4317" i="5" s="1"/>
  <c r="M4343" i="2"/>
  <c r="M4317" i="5" s="1"/>
  <c r="L4343" i="2"/>
  <c r="L4317" i="5" s="1"/>
  <c r="I4343" i="2"/>
  <c r="I4317" i="5" s="1"/>
  <c r="L969" i="2"/>
  <c r="L943" i="5" s="1"/>
  <c r="M969" i="2"/>
  <c r="M943" i="5" s="1"/>
  <c r="I969" i="2"/>
  <c r="I943" i="5" s="1"/>
  <c r="K969" i="2"/>
  <c r="K943" i="5" s="1"/>
  <c r="O943" i="5" s="1"/>
  <c r="J969" i="2"/>
  <c r="J943" i="5" s="1"/>
  <c r="N943" i="5" s="1"/>
  <c r="M961" i="2"/>
  <c r="M935" i="5" s="1"/>
  <c r="L961" i="2"/>
  <c r="L935" i="5" s="1"/>
  <c r="I961" i="2"/>
  <c r="I935" i="5" s="1"/>
  <c r="K961" i="2"/>
  <c r="K935" i="5" s="1"/>
  <c r="O935" i="5" s="1"/>
  <c r="J961" i="2"/>
  <c r="J935" i="5" s="1"/>
  <c r="N935" i="5" s="1"/>
  <c r="M102" i="2"/>
  <c r="M76" i="5" s="1"/>
  <c r="L102" i="2"/>
  <c r="L76" i="5" s="1"/>
  <c r="J102" i="2"/>
  <c r="J76" i="5" s="1"/>
  <c r="N76" i="5" s="1"/>
  <c r="K102" i="2"/>
  <c r="K76" i="5" s="1"/>
  <c r="O76" i="5" s="1"/>
  <c r="I102" i="2"/>
  <c r="I76" i="5" s="1"/>
  <c r="M1948" i="2"/>
  <c r="M1922" i="5" s="1"/>
  <c r="J1948" i="2"/>
  <c r="J1922" i="5" s="1"/>
  <c r="N1922" i="5" s="1"/>
  <c r="L1948" i="2"/>
  <c r="L1922" i="5" s="1"/>
  <c r="I1948" i="2"/>
  <c r="I1922" i="5" s="1"/>
  <c r="K1948" i="2"/>
  <c r="K1922" i="5" s="1"/>
  <c r="O1922" i="5" s="1"/>
  <c r="L1947" i="2"/>
  <c r="L1921" i="5" s="1"/>
  <c r="J1947" i="2"/>
  <c r="J1921" i="5" s="1"/>
  <c r="N1921" i="5" s="1"/>
  <c r="M1947" i="2"/>
  <c r="M1921" i="5" s="1"/>
  <c r="I1947" i="2"/>
  <c r="I1921" i="5" s="1"/>
  <c r="K1947" i="2"/>
  <c r="K1921" i="5" s="1"/>
  <c r="O1921" i="5" s="1"/>
  <c r="J8315" i="2"/>
  <c r="J8289" i="5" s="1"/>
  <c r="N8289" i="5" s="1"/>
  <c r="M8315" i="2"/>
  <c r="M8289" i="5" s="1"/>
  <c r="L8315" i="2"/>
  <c r="L8289" i="5" s="1"/>
  <c r="I8315" i="2"/>
  <c r="I8289" i="5" s="1"/>
  <c r="K8315" i="2"/>
  <c r="K8289" i="5" s="1"/>
  <c r="O8289" i="5" s="1"/>
  <c r="L8534" i="2"/>
  <c r="L8508" i="5" s="1"/>
  <c r="M8534" i="2"/>
  <c r="M8508" i="5" s="1"/>
  <c r="I8534" i="2"/>
  <c r="I8508" i="5" s="1"/>
  <c r="K8534" i="2"/>
  <c r="K8508" i="5" s="1"/>
  <c r="O8508" i="5" s="1"/>
  <c r="J8534" i="2"/>
  <c r="J8508" i="5" s="1"/>
  <c r="N8508" i="5" s="1"/>
  <c r="K459" i="2"/>
  <c r="K433" i="5" s="1"/>
  <c r="O433" i="5" s="1"/>
  <c r="M459" i="2"/>
  <c r="M433" i="5" s="1"/>
  <c r="I459" i="2"/>
  <c r="I433" i="5" s="1"/>
  <c r="L459" i="2"/>
  <c r="L433" i="5" s="1"/>
  <c r="J459" i="2"/>
  <c r="J433" i="5" s="1"/>
  <c r="N433" i="5" s="1"/>
  <c r="K2337" i="2"/>
  <c r="K2311" i="5" s="1"/>
  <c r="O2311" i="5" s="1"/>
  <c r="M2337" i="2"/>
  <c r="M2311" i="5" s="1"/>
  <c r="J2337" i="2"/>
  <c r="J2311" i="5" s="1"/>
  <c r="N2311" i="5" s="1"/>
  <c r="L2337" i="2"/>
  <c r="L2311" i="5" s="1"/>
  <c r="I2337" i="2"/>
  <c r="I2311" i="5" s="1"/>
  <c r="I2328" i="2"/>
  <c r="I2302" i="5" s="1"/>
  <c r="K2328" i="2"/>
  <c r="K2302" i="5" s="1"/>
  <c r="O2302" i="5" s="1"/>
  <c r="J2328" i="2"/>
  <c r="J2302" i="5" s="1"/>
  <c r="N2302" i="5" s="1"/>
  <c r="L2328" i="2"/>
  <c r="L2302" i="5" s="1"/>
  <c r="M2328" i="2"/>
  <c r="M2302" i="5" s="1"/>
  <c r="K4602" i="2"/>
  <c r="K4576" i="5" s="1"/>
  <c r="O4576" i="5" s="1"/>
  <c r="M4602" i="2"/>
  <c r="M4576" i="5" s="1"/>
  <c r="J4602" i="2"/>
  <c r="J4576" i="5" s="1"/>
  <c r="N4576" i="5" s="1"/>
  <c r="L4602" i="2"/>
  <c r="L4576" i="5" s="1"/>
  <c r="I4602" i="2"/>
  <c r="I4576" i="5" s="1"/>
  <c r="J4275" i="2"/>
  <c r="J4249" i="5" s="1"/>
  <c r="N4249" i="5" s="1"/>
  <c r="M4275" i="2"/>
  <c r="M4249" i="5" s="1"/>
  <c r="L4275" i="2"/>
  <c r="L4249" i="5" s="1"/>
  <c r="I4275" i="2"/>
  <c r="I4249" i="5" s="1"/>
  <c r="K4275" i="2"/>
  <c r="K4249" i="5" s="1"/>
  <c r="O4249" i="5" s="1"/>
  <c r="K736" i="2"/>
  <c r="K710" i="5" s="1"/>
  <c r="O710" i="5" s="1"/>
  <c r="J736" i="2"/>
  <c r="J710" i="5" s="1"/>
  <c r="N710" i="5" s="1"/>
  <c r="L736" i="2"/>
  <c r="L710" i="5" s="1"/>
  <c r="M736" i="2"/>
  <c r="M710" i="5" s="1"/>
  <c r="I736" i="2"/>
  <c r="I710" i="5" s="1"/>
  <c r="M4085" i="2"/>
  <c r="M4059" i="5" s="1"/>
  <c r="L4085" i="2"/>
  <c r="L4059" i="5" s="1"/>
  <c r="I4085" i="2"/>
  <c r="I4059" i="5" s="1"/>
  <c r="K4085" i="2"/>
  <c r="K4059" i="5" s="1"/>
  <c r="O4059" i="5" s="1"/>
  <c r="J4085" i="2"/>
  <c r="J4059" i="5" s="1"/>
  <c r="N4059" i="5" s="1"/>
  <c r="M7178" i="2"/>
  <c r="M7152" i="5" s="1"/>
  <c r="L7178" i="2"/>
  <c r="L7152" i="5" s="1"/>
  <c r="I7178" i="2"/>
  <c r="I7152" i="5" s="1"/>
  <c r="K7178" i="2"/>
  <c r="K7152" i="5" s="1"/>
  <c r="O7152" i="5" s="1"/>
  <c r="J7178" i="2"/>
  <c r="J7152" i="5" s="1"/>
  <c r="N7152" i="5" s="1"/>
  <c r="M713" i="2"/>
  <c r="M687" i="5" s="1"/>
  <c r="J713" i="2"/>
  <c r="J687" i="5" s="1"/>
  <c r="N687" i="5" s="1"/>
  <c r="I713" i="2"/>
  <c r="I687" i="5" s="1"/>
  <c r="K713" i="2"/>
  <c r="K687" i="5" s="1"/>
  <c r="O687" i="5" s="1"/>
  <c r="L713" i="2"/>
  <c r="L687" i="5" s="1"/>
  <c r="K7617" i="2"/>
  <c r="K7591" i="5" s="1"/>
  <c r="O7591" i="5" s="1"/>
  <c r="M7617" i="2"/>
  <c r="M7591" i="5" s="1"/>
  <c r="L7617" i="2"/>
  <c r="L7591" i="5" s="1"/>
  <c r="I7617" i="2"/>
  <c r="I7591" i="5" s="1"/>
  <c r="J7617" i="2"/>
  <c r="J7591" i="5" s="1"/>
  <c r="N7591" i="5" s="1"/>
  <c r="L5605" i="2"/>
  <c r="L5579" i="5" s="1"/>
  <c r="M5605" i="2"/>
  <c r="M5579" i="5" s="1"/>
  <c r="I5605" i="2"/>
  <c r="I5579" i="5" s="1"/>
  <c r="K5605" i="2"/>
  <c r="K5579" i="5" s="1"/>
  <c r="O5579" i="5" s="1"/>
  <c r="J5605" i="2"/>
  <c r="J5579" i="5" s="1"/>
  <c r="N5579" i="5" s="1"/>
  <c r="AR234" i="1"/>
  <c r="C240" i="5"/>
  <c r="M8191" i="2"/>
  <c r="M8165" i="5" s="1"/>
  <c r="I8191" i="2"/>
  <c r="I8165" i="5" s="1"/>
  <c r="K8191" i="2"/>
  <c r="K8165" i="5" s="1"/>
  <c r="O8165" i="5" s="1"/>
  <c r="J8191" i="2"/>
  <c r="J8165" i="5" s="1"/>
  <c r="N8165" i="5" s="1"/>
  <c r="L8191" i="2"/>
  <c r="L8165" i="5" s="1"/>
  <c r="K1153" i="2"/>
  <c r="K1127" i="5" s="1"/>
  <c r="O1127" i="5" s="1"/>
  <c r="M1153" i="2"/>
  <c r="M1127" i="5" s="1"/>
  <c r="I1153" i="2"/>
  <c r="I1127" i="5" s="1"/>
  <c r="L1153" i="2"/>
  <c r="L1127" i="5" s="1"/>
  <c r="J1153" i="2"/>
  <c r="J1127" i="5" s="1"/>
  <c r="N1127" i="5" s="1"/>
  <c r="K2473" i="2"/>
  <c r="K2447" i="5" s="1"/>
  <c r="O2447" i="5" s="1"/>
  <c r="J2473" i="2"/>
  <c r="J2447" i="5" s="1"/>
  <c r="N2447" i="5" s="1"/>
  <c r="L2473" i="2"/>
  <c r="L2447" i="5" s="1"/>
  <c r="M2473" i="2"/>
  <c r="M2447" i="5" s="1"/>
  <c r="I2473" i="2"/>
  <c r="I2447" i="5" s="1"/>
  <c r="J930" i="2"/>
  <c r="J904" i="5" s="1"/>
  <c r="N904" i="5" s="1"/>
  <c r="L930" i="2"/>
  <c r="L904" i="5" s="1"/>
  <c r="M930" i="2"/>
  <c r="M904" i="5" s="1"/>
  <c r="I930" i="2"/>
  <c r="I904" i="5" s="1"/>
  <c r="K930" i="2"/>
  <c r="K904" i="5" s="1"/>
  <c r="O904" i="5" s="1"/>
  <c r="K932" i="2"/>
  <c r="K906" i="5" s="1"/>
  <c r="O906" i="5" s="1"/>
  <c r="L932" i="2"/>
  <c r="L906" i="5" s="1"/>
  <c r="I932" i="2"/>
  <c r="I906" i="5" s="1"/>
  <c r="M932" i="2"/>
  <c r="M906" i="5" s="1"/>
  <c r="J932" i="2"/>
  <c r="J906" i="5" s="1"/>
  <c r="N906" i="5" s="1"/>
  <c r="L790" i="2"/>
  <c r="L764" i="5" s="1"/>
  <c r="M790" i="2"/>
  <c r="M764" i="5" s="1"/>
  <c r="K790" i="2"/>
  <c r="K764" i="5" s="1"/>
  <c r="O764" i="5" s="1"/>
  <c r="I790" i="2"/>
  <c r="I764" i="5" s="1"/>
  <c r="J790" i="2"/>
  <c r="J764" i="5" s="1"/>
  <c r="N764" i="5" s="1"/>
  <c r="J781" i="2"/>
  <c r="J755" i="5" s="1"/>
  <c r="N755" i="5" s="1"/>
  <c r="M781" i="2"/>
  <c r="M755" i="5" s="1"/>
  <c r="I781" i="2"/>
  <c r="I755" i="5" s="1"/>
  <c r="K781" i="2"/>
  <c r="K755" i="5" s="1"/>
  <c r="O755" i="5" s="1"/>
  <c r="L781" i="2"/>
  <c r="L755" i="5" s="1"/>
  <c r="L589" i="2"/>
  <c r="L563" i="5" s="1"/>
  <c r="I589" i="2"/>
  <c r="I563" i="5" s="1"/>
  <c r="K589" i="2"/>
  <c r="K563" i="5" s="1"/>
  <c r="O563" i="5" s="1"/>
  <c r="J589" i="2"/>
  <c r="J563" i="5" s="1"/>
  <c r="N563" i="5" s="1"/>
  <c r="M589" i="2"/>
  <c r="M563" i="5" s="1"/>
  <c r="I7334" i="2"/>
  <c r="I7308" i="5" s="1"/>
  <c r="M7334" i="2"/>
  <c r="M7308" i="5" s="1"/>
  <c r="J7334" i="2"/>
  <c r="J7308" i="5" s="1"/>
  <c r="N7308" i="5" s="1"/>
  <c r="K7334" i="2"/>
  <c r="K7308" i="5" s="1"/>
  <c r="O7308" i="5" s="1"/>
  <c r="L7334" i="2"/>
  <c r="L7308" i="5" s="1"/>
  <c r="L2828" i="2"/>
  <c r="L2802" i="5" s="1"/>
  <c r="I2828" i="2"/>
  <c r="I2802" i="5" s="1"/>
  <c r="J2828" i="2"/>
  <c r="J2802" i="5" s="1"/>
  <c r="N2802" i="5" s="1"/>
  <c r="M2828" i="2"/>
  <c r="M2802" i="5" s="1"/>
  <c r="K2828" i="2"/>
  <c r="K2802" i="5" s="1"/>
  <c r="O2802" i="5" s="1"/>
  <c r="I4966" i="2"/>
  <c r="I4940" i="5" s="1"/>
  <c r="K4966" i="2"/>
  <c r="K4940" i="5" s="1"/>
  <c r="O4940" i="5" s="1"/>
  <c r="J4966" i="2"/>
  <c r="J4940" i="5" s="1"/>
  <c r="N4940" i="5" s="1"/>
  <c r="M4966" i="2"/>
  <c r="M4940" i="5" s="1"/>
  <c r="L4966" i="2"/>
  <c r="L4940" i="5" s="1"/>
  <c r="M1443" i="2"/>
  <c r="M1417" i="5" s="1"/>
  <c r="L1443" i="2"/>
  <c r="L1417" i="5" s="1"/>
  <c r="I1443" i="2"/>
  <c r="I1417" i="5" s="1"/>
  <c r="K1443" i="2"/>
  <c r="K1417" i="5" s="1"/>
  <c r="O1417" i="5" s="1"/>
  <c r="J1443" i="2"/>
  <c r="J1417" i="5" s="1"/>
  <c r="N1417" i="5" s="1"/>
  <c r="K1433" i="2"/>
  <c r="K1407" i="5" s="1"/>
  <c r="O1407" i="5" s="1"/>
  <c r="J1433" i="2"/>
  <c r="J1407" i="5" s="1"/>
  <c r="N1407" i="5" s="1"/>
  <c r="M1433" i="2"/>
  <c r="M1407" i="5" s="1"/>
  <c r="L1433" i="2"/>
  <c r="L1407" i="5" s="1"/>
  <c r="I1433" i="2"/>
  <c r="I1407" i="5" s="1"/>
  <c r="J1767" i="2"/>
  <c r="J1741" i="5" s="1"/>
  <c r="N1741" i="5" s="1"/>
  <c r="I1767" i="2"/>
  <c r="I1741" i="5" s="1"/>
  <c r="M1767" i="2"/>
  <c r="M1741" i="5" s="1"/>
  <c r="L1767" i="2"/>
  <c r="L1741" i="5" s="1"/>
  <c r="K1767" i="2"/>
  <c r="K1741" i="5" s="1"/>
  <c r="O1741" i="5" s="1"/>
  <c r="J8140" i="2"/>
  <c r="J8114" i="5" s="1"/>
  <c r="N8114" i="5" s="1"/>
  <c r="L8140" i="2"/>
  <c r="L8114" i="5" s="1"/>
  <c r="M8140" i="2"/>
  <c r="M8114" i="5" s="1"/>
  <c r="I8140" i="2"/>
  <c r="I8114" i="5" s="1"/>
  <c r="K8140" i="2"/>
  <c r="K8114" i="5" s="1"/>
  <c r="O8114" i="5" s="1"/>
  <c r="I8145" i="2"/>
  <c r="I8119" i="5" s="1"/>
  <c r="M8145" i="2"/>
  <c r="M8119" i="5" s="1"/>
  <c r="J8145" i="2"/>
  <c r="J8119" i="5" s="1"/>
  <c r="N8119" i="5" s="1"/>
  <c r="K8145" i="2"/>
  <c r="K8119" i="5" s="1"/>
  <c r="O8119" i="5" s="1"/>
  <c r="L8145" i="2"/>
  <c r="L8119" i="5" s="1"/>
  <c r="I5589" i="2"/>
  <c r="I5563" i="5" s="1"/>
  <c r="K5589" i="2"/>
  <c r="K5563" i="5" s="1"/>
  <c r="O5563" i="5" s="1"/>
  <c r="J5589" i="2"/>
  <c r="J5563" i="5" s="1"/>
  <c r="N5563" i="5" s="1"/>
  <c r="L5589" i="2"/>
  <c r="L5563" i="5" s="1"/>
  <c r="M5589" i="2"/>
  <c r="M5563" i="5" s="1"/>
  <c r="J1562" i="2"/>
  <c r="J1536" i="5" s="1"/>
  <c r="N1536" i="5" s="1"/>
  <c r="M1562" i="2"/>
  <c r="M1536" i="5" s="1"/>
  <c r="I1562" i="2"/>
  <c r="I1536" i="5" s="1"/>
  <c r="L1562" i="2"/>
  <c r="L1536" i="5" s="1"/>
  <c r="K1562" i="2"/>
  <c r="K1536" i="5" s="1"/>
  <c r="O1536" i="5" s="1"/>
  <c r="M292" i="2"/>
  <c r="M266" i="5" s="1"/>
  <c r="L292" i="2"/>
  <c r="L266" i="5" s="1"/>
  <c r="K292" i="2"/>
  <c r="K266" i="5" s="1"/>
  <c r="O266" i="5" s="1"/>
  <c r="I292" i="2"/>
  <c r="I266" i="5" s="1"/>
  <c r="J292" i="2"/>
  <c r="J266" i="5" s="1"/>
  <c r="N266" i="5" s="1"/>
  <c r="L6458" i="2"/>
  <c r="L6432" i="5" s="1"/>
  <c r="I6458" i="2"/>
  <c r="I6432" i="5" s="1"/>
  <c r="K6458" i="2"/>
  <c r="K6432" i="5" s="1"/>
  <c r="O6432" i="5" s="1"/>
  <c r="M6458" i="2"/>
  <c r="M6432" i="5" s="1"/>
  <c r="J6458" i="2"/>
  <c r="J6432" i="5" s="1"/>
  <c r="N6432" i="5" s="1"/>
  <c r="I2563" i="2"/>
  <c r="I2537" i="5" s="1"/>
  <c r="K2563" i="2"/>
  <c r="K2537" i="5" s="1"/>
  <c r="O2537" i="5" s="1"/>
  <c r="J2563" i="2"/>
  <c r="J2537" i="5" s="1"/>
  <c r="N2537" i="5" s="1"/>
  <c r="M2563" i="2"/>
  <c r="M2537" i="5" s="1"/>
  <c r="L2563" i="2"/>
  <c r="L2537" i="5" s="1"/>
  <c r="J3228" i="2"/>
  <c r="J3202" i="5" s="1"/>
  <c r="N3202" i="5" s="1"/>
  <c r="I3228" i="2"/>
  <c r="I3202" i="5" s="1"/>
  <c r="K3228" i="2"/>
  <c r="K3202" i="5" s="1"/>
  <c r="O3202" i="5" s="1"/>
  <c r="L3228" i="2"/>
  <c r="L3202" i="5" s="1"/>
  <c r="M3228" i="2"/>
  <c r="M3202" i="5" s="1"/>
  <c r="J3749" i="2"/>
  <c r="J3723" i="5" s="1"/>
  <c r="N3723" i="5" s="1"/>
  <c r="L3749" i="2"/>
  <c r="L3723" i="5" s="1"/>
  <c r="I3749" i="2"/>
  <c r="I3723" i="5" s="1"/>
  <c r="M3749" i="2"/>
  <c r="M3723" i="5" s="1"/>
  <c r="K3749" i="2"/>
  <c r="K3723" i="5" s="1"/>
  <c r="O3723" i="5" s="1"/>
  <c r="K3752" i="2"/>
  <c r="K3726" i="5" s="1"/>
  <c r="O3726" i="5" s="1"/>
  <c r="L3752" i="2"/>
  <c r="L3726" i="5" s="1"/>
  <c r="I3752" i="2"/>
  <c r="I3726" i="5" s="1"/>
  <c r="J3752" i="2"/>
  <c r="J3726" i="5" s="1"/>
  <c r="N3726" i="5" s="1"/>
  <c r="M3752" i="2"/>
  <c r="M3726" i="5" s="1"/>
  <c r="I2093" i="2"/>
  <c r="I2067" i="5" s="1"/>
  <c r="K2093" i="2"/>
  <c r="K2067" i="5" s="1"/>
  <c r="O2067" i="5" s="1"/>
  <c r="L2093" i="2"/>
  <c r="L2067" i="5" s="1"/>
  <c r="M2093" i="2"/>
  <c r="M2067" i="5" s="1"/>
  <c r="J2093" i="2"/>
  <c r="J2067" i="5" s="1"/>
  <c r="N2067" i="5" s="1"/>
  <c r="L2076" i="2"/>
  <c r="L2050" i="5" s="1"/>
  <c r="J2076" i="2"/>
  <c r="J2050" i="5" s="1"/>
  <c r="N2050" i="5" s="1"/>
  <c r="K2076" i="2"/>
  <c r="K2050" i="5" s="1"/>
  <c r="O2050" i="5" s="1"/>
  <c r="M2076" i="2"/>
  <c r="M2050" i="5" s="1"/>
  <c r="I2076" i="2"/>
  <c r="I2050" i="5" s="1"/>
  <c r="J2934" i="2"/>
  <c r="J2908" i="5" s="1"/>
  <c r="N2908" i="5" s="1"/>
  <c r="K2934" i="2"/>
  <c r="K2908" i="5" s="1"/>
  <c r="O2908" i="5" s="1"/>
  <c r="L2934" i="2"/>
  <c r="L2908" i="5" s="1"/>
  <c r="M2934" i="2"/>
  <c r="M2908" i="5" s="1"/>
  <c r="I2934" i="2"/>
  <c r="I2908" i="5" s="1"/>
  <c r="L7368" i="2"/>
  <c r="L7342" i="5" s="1"/>
  <c r="M7368" i="2"/>
  <c r="M7342" i="5" s="1"/>
  <c r="I7368" i="2"/>
  <c r="I7342" i="5" s="1"/>
  <c r="K7368" i="2"/>
  <c r="K7342" i="5" s="1"/>
  <c r="O7342" i="5" s="1"/>
  <c r="J7368" i="2"/>
  <c r="J7342" i="5" s="1"/>
  <c r="N7342" i="5" s="1"/>
  <c r="K7359" i="2"/>
  <c r="K7333" i="5" s="1"/>
  <c r="O7333" i="5" s="1"/>
  <c r="M7359" i="2"/>
  <c r="M7333" i="5" s="1"/>
  <c r="L7359" i="2"/>
  <c r="L7333" i="5" s="1"/>
  <c r="I7359" i="2"/>
  <c r="I7333" i="5" s="1"/>
  <c r="J7359" i="2"/>
  <c r="J7333" i="5" s="1"/>
  <c r="N7333" i="5" s="1"/>
  <c r="J4257" i="2"/>
  <c r="J4231" i="5" s="1"/>
  <c r="N4231" i="5" s="1"/>
  <c r="M4257" i="2"/>
  <c r="M4231" i="5" s="1"/>
  <c r="I4257" i="2"/>
  <c r="I4231" i="5" s="1"/>
  <c r="K4257" i="2"/>
  <c r="K4231" i="5" s="1"/>
  <c r="O4231" i="5" s="1"/>
  <c r="L4257" i="2"/>
  <c r="L4231" i="5" s="1"/>
  <c r="J2800" i="2"/>
  <c r="J2774" i="5" s="1"/>
  <c r="N2774" i="5" s="1"/>
  <c r="M2800" i="2"/>
  <c r="M2774" i="5" s="1"/>
  <c r="L2800" i="2"/>
  <c r="L2774" i="5" s="1"/>
  <c r="I2800" i="2"/>
  <c r="I2774" i="5" s="1"/>
  <c r="K2800" i="2"/>
  <c r="K2774" i="5" s="1"/>
  <c r="O2774" i="5" s="1"/>
  <c r="L5919" i="2"/>
  <c r="L5893" i="5" s="1"/>
  <c r="M5919" i="2"/>
  <c r="M5893" i="5" s="1"/>
  <c r="I5919" i="2"/>
  <c r="I5893" i="5" s="1"/>
  <c r="K5919" i="2"/>
  <c r="K5893" i="5" s="1"/>
  <c r="O5893" i="5" s="1"/>
  <c r="J5919" i="2"/>
  <c r="J5893" i="5" s="1"/>
  <c r="N5893" i="5" s="1"/>
  <c r="J5915" i="2"/>
  <c r="J5889" i="5" s="1"/>
  <c r="N5889" i="5" s="1"/>
  <c r="L5915" i="2"/>
  <c r="L5889" i="5" s="1"/>
  <c r="I5915" i="2"/>
  <c r="I5889" i="5" s="1"/>
  <c r="M5915" i="2"/>
  <c r="M5889" i="5" s="1"/>
  <c r="K5915" i="2"/>
  <c r="K5889" i="5" s="1"/>
  <c r="O5889" i="5" s="1"/>
  <c r="L6774" i="2"/>
  <c r="L6748" i="5" s="1"/>
  <c r="M6774" i="2"/>
  <c r="M6748" i="5" s="1"/>
  <c r="J6774" i="2"/>
  <c r="J6748" i="5" s="1"/>
  <c r="N6748" i="5" s="1"/>
  <c r="I6774" i="2"/>
  <c r="I6748" i="5" s="1"/>
  <c r="K6774" i="2"/>
  <c r="K6748" i="5" s="1"/>
  <c r="O6748" i="5" s="1"/>
  <c r="L2221" i="2"/>
  <c r="L2195" i="5" s="1"/>
  <c r="M2221" i="2"/>
  <c r="M2195" i="5" s="1"/>
  <c r="J2221" i="2"/>
  <c r="J2195" i="5" s="1"/>
  <c r="N2195" i="5" s="1"/>
  <c r="I2221" i="2"/>
  <c r="I2195" i="5" s="1"/>
  <c r="K2221" i="2"/>
  <c r="K2195" i="5" s="1"/>
  <c r="O2195" i="5" s="1"/>
  <c r="L1788" i="2"/>
  <c r="L1762" i="5" s="1"/>
  <c r="M1788" i="2"/>
  <c r="M1762" i="5" s="1"/>
  <c r="K1788" i="2"/>
  <c r="K1762" i="5" s="1"/>
  <c r="O1762" i="5" s="1"/>
  <c r="J1788" i="2"/>
  <c r="J1762" i="5" s="1"/>
  <c r="N1762" i="5" s="1"/>
  <c r="I1788" i="2"/>
  <c r="I1762" i="5" s="1"/>
  <c r="M1821" i="2"/>
  <c r="M1795" i="5" s="1"/>
  <c r="I1821" i="2"/>
  <c r="I1795" i="5" s="1"/>
  <c r="K1821" i="2"/>
  <c r="K1795" i="5" s="1"/>
  <c r="O1795" i="5" s="1"/>
  <c r="J1821" i="2"/>
  <c r="J1795" i="5" s="1"/>
  <c r="N1795" i="5" s="1"/>
  <c r="L1821" i="2"/>
  <c r="L1795" i="5" s="1"/>
  <c r="M1816" i="2"/>
  <c r="M1790" i="5" s="1"/>
  <c r="J1816" i="2"/>
  <c r="J1790" i="5" s="1"/>
  <c r="N1790" i="5" s="1"/>
  <c r="I1816" i="2"/>
  <c r="I1790" i="5" s="1"/>
  <c r="K1816" i="2"/>
  <c r="K1790" i="5" s="1"/>
  <c r="O1790" i="5" s="1"/>
  <c r="L1816" i="2"/>
  <c r="L1790" i="5" s="1"/>
  <c r="M4662" i="2"/>
  <c r="M4636" i="5" s="1"/>
  <c r="L4662" i="2"/>
  <c r="L4636" i="5" s="1"/>
  <c r="I4662" i="2"/>
  <c r="I4636" i="5" s="1"/>
  <c r="K4662" i="2"/>
  <c r="K4636" i="5" s="1"/>
  <c r="O4636" i="5" s="1"/>
  <c r="J4662" i="2"/>
  <c r="J4636" i="5" s="1"/>
  <c r="N4636" i="5" s="1"/>
  <c r="I812" i="2"/>
  <c r="I786" i="5" s="1"/>
  <c r="K812" i="2"/>
  <c r="K786" i="5" s="1"/>
  <c r="O786" i="5" s="1"/>
  <c r="L812" i="2"/>
  <c r="L786" i="5" s="1"/>
  <c r="J812" i="2"/>
  <c r="J786" i="5" s="1"/>
  <c r="N786" i="5" s="1"/>
  <c r="M812" i="2"/>
  <c r="M786" i="5" s="1"/>
  <c r="I2948" i="2"/>
  <c r="I2922" i="5" s="1"/>
  <c r="M2948" i="2"/>
  <c r="M2922" i="5" s="1"/>
  <c r="J2948" i="2"/>
  <c r="J2922" i="5" s="1"/>
  <c r="N2922" i="5" s="1"/>
  <c r="L2948" i="2"/>
  <c r="L2922" i="5" s="1"/>
  <c r="K2948" i="2"/>
  <c r="K2922" i="5" s="1"/>
  <c r="O2922" i="5" s="1"/>
  <c r="L7811" i="2"/>
  <c r="L7785" i="5" s="1"/>
  <c r="M7811" i="2"/>
  <c r="M7785" i="5" s="1"/>
  <c r="I7811" i="2"/>
  <c r="I7785" i="5" s="1"/>
  <c r="K7811" i="2"/>
  <c r="K7785" i="5" s="1"/>
  <c r="O7785" i="5" s="1"/>
  <c r="J7811" i="2"/>
  <c r="J7785" i="5" s="1"/>
  <c r="N7785" i="5" s="1"/>
  <c r="M7819" i="2"/>
  <c r="M7793" i="5" s="1"/>
  <c r="L7819" i="2"/>
  <c r="L7793" i="5" s="1"/>
  <c r="I7819" i="2"/>
  <c r="I7793" i="5" s="1"/>
  <c r="K7819" i="2"/>
  <c r="K7793" i="5" s="1"/>
  <c r="O7793" i="5" s="1"/>
  <c r="J7819" i="2"/>
  <c r="J7793" i="5" s="1"/>
  <c r="N7793" i="5" s="1"/>
  <c r="I983" i="2"/>
  <c r="I957" i="5" s="1"/>
  <c r="K983" i="2"/>
  <c r="K957" i="5" s="1"/>
  <c r="O957" i="5" s="1"/>
  <c r="L983" i="2"/>
  <c r="L957" i="5" s="1"/>
  <c r="M983" i="2"/>
  <c r="M957" i="5" s="1"/>
  <c r="J983" i="2"/>
  <c r="J957" i="5" s="1"/>
  <c r="N957" i="5" s="1"/>
  <c r="K8466" i="2"/>
  <c r="K8440" i="5" s="1"/>
  <c r="O8440" i="5" s="1"/>
  <c r="M8466" i="2"/>
  <c r="M8440" i="5" s="1"/>
  <c r="L8466" i="2"/>
  <c r="L8440" i="5" s="1"/>
  <c r="I8466" i="2"/>
  <c r="I8440" i="5" s="1"/>
  <c r="J8466" i="2"/>
  <c r="J8440" i="5" s="1"/>
  <c r="N8440" i="5" s="1"/>
  <c r="K8473" i="2"/>
  <c r="K8447" i="5" s="1"/>
  <c r="O8447" i="5" s="1"/>
  <c r="L8473" i="2"/>
  <c r="L8447" i="5" s="1"/>
  <c r="J8473" i="2"/>
  <c r="J8447" i="5" s="1"/>
  <c r="N8447" i="5" s="1"/>
  <c r="M8473" i="2"/>
  <c r="M8447" i="5" s="1"/>
  <c r="I8473" i="2"/>
  <c r="I8447" i="5" s="1"/>
  <c r="K4484" i="2"/>
  <c r="K4458" i="5" s="1"/>
  <c r="O4458" i="5" s="1"/>
  <c r="J4484" i="2"/>
  <c r="J4458" i="5" s="1"/>
  <c r="N4458" i="5" s="1"/>
  <c r="L4484" i="2"/>
  <c r="L4458" i="5" s="1"/>
  <c r="M4484" i="2"/>
  <c r="M4458" i="5" s="1"/>
  <c r="I4484" i="2"/>
  <c r="I4458" i="5" s="1"/>
  <c r="K4493" i="2"/>
  <c r="K4467" i="5" s="1"/>
  <c r="O4467" i="5" s="1"/>
  <c r="L4493" i="2"/>
  <c r="L4467" i="5" s="1"/>
  <c r="I4493" i="2"/>
  <c r="I4467" i="5" s="1"/>
  <c r="M4493" i="2"/>
  <c r="M4467" i="5" s="1"/>
  <c r="J4493" i="2"/>
  <c r="J4467" i="5" s="1"/>
  <c r="N4467" i="5" s="1"/>
  <c r="M2265" i="2"/>
  <c r="M2239" i="5" s="1"/>
  <c r="I2265" i="2"/>
  <c r="I2239" i="5" s="1"/>
  <c r="K2265" i="2"/>
  <c r="K2239" i="5" s="1"/>
  <c r="O2239" i="5" s="1"/>
  <c r="L2265" i="2"/>
  <c r="L2239" i="5" s="1"/>
  <c r="J2265" i="2"/>
  <c r="J2239" i="5" s="1"/>
  <c r="N2239" i="5" s="1"/>
  <c r="I3755" i="2"/>
  <c r="I3729" i="5" s="1"/>
  <c r="L3755" i="2"/>
  <c r="L3729" i="5" s="1"/>
  <c r="M3755" i="2"/>
  <c r="M3729" i="5" s="1"/>
  <c r="K3755" i="2"/>
  <c r="K3729" i="5" s="1"/>
  <c r="O3729" i="5" s="1"/>
  <c r="J3755" i="2"/>
  <c r="J3729" i="5" s="1"/>
  <c r="N3729" i="5" s="1"/>
  <c r="M885" i="2"/>
  <c r="M859" i="5" s="1"/>
  <c r="J885" i="2"/>
  <c r="J859" i="5" s="1"/>
  <c r="N859" i="5" s="1"/>
  <c r="L885" i="2"/>
  <c r="L859" i="5" s="1"/>
  <c r="I885" i="2"/>
  <c r="I859" i="5" s="1"/>
  <c r="K885" i="2"/>
  <c r="K859" i="5" s="1"/>
  <c r="O859" i="5" s="1"/>
  <c r="J5861" i="2"/>
  <c r="J5835" i="5" s="1"/>
  <c r="N5835" i="5" s="1"/>
  <c r="L5861" i="2"/>
  <c r="L5835" i="5" s="1"/>
  <c r="M5861" i="2"/>
  <c r="M5835" i="5" s="1"/>
  <c r="I5861" i="2"/>
  <c r="I5835" i="5" s="1"/>
  <c r="K5861" i="2"/>
  <c r="K5835" i="5" s="1"/>
  <c r="O5835" i="5" s="1"/>
  <c r="K5767" i="2"/>
  <c r="K5741" i="5" s="1"/>
  <c r="O5741" i="5" s="1"/>
  <c r="L5767" i="2"/>
  <c r="L5741" i="5" s="1"/>
  <c r="J5767" i="2"/>
  <c r="J5741" i="5" s="1"/>
  <c r="N5741" i="5" s="1"/>
  <c r="I5767" i="2"/>
  <c r="I5741" i="5" s="1"/>
  <c r="M5767" i="2"/>
  <c r="M5741" i="5" s="1"/>
  <c r="K216" i="2"/>
  <c r="K190" i="5" s="1"/>
  <c r="O190" i="5" s="1"/>
  <c r="M216" i="2"/>
  <c r="M190" i="5" s="1"/>
  <c r="J216" i="2"/>
  <c r="J190" i="5" s="1"/>
  <c r="N190" i="5" s="1"/>
  <c r="L216" i="2"/>
  <c r="L190" i="5" s="1"/>
  <c r="I216" i="2"/>
  <c r="I190" i="5" s="1"/>
  <c r="L212" i="2"/>
  <c r="L186" i="5" s="1"/>
  <c r="M212" i="2"/>
  <c r="M186" i="5" s="1"/>
  <c r="J212" i="2"/>
  <c r="J186" i="5" s="1"/>
  <c r="N186" i="5" s="1"/>
  <c r="K212" i="2"/>
  <c r="K186" i="5" s="1"/>
  <c r="O186" i="5" s="1"/>
  <c r="I212" i="2"/>
  <c r="I186" i="5" s="1"/>
  <c r="M4944" i="2"/>
  <c r="M4918" i="5" s="1"/>
  <c r="J4944" i="2"/>
  <c r="J4918" i="5" s="1"/>
  <c r="N4918" i="5" s="1"/>
  <c r="I4944" i="2"/>
  <c r="I4918" i="5" s="1"/>
  <c r="K4944" i="2"/>
  <c r="K4918" i="5" s="1"/>
  <c r="O4918" i="5" s="1"/>
  <c r="L4944" i="2"/>
  <c r="L4918" i="5" s="1"/>
  <c r="AR206" i="1"/>
  <c r="C212" i="5"/>
  <c r="M7098" i="2"/>
  <c r="M7072" i="5" s="1"/>
  <c r="L7098" i="2"/>
  <c r="L7072" i="5" s="1"/>
  <c r="I7098" i="2"/>
  <c r="I7072" i="5" s="1"/>
  <c r="K7098" i="2"/>
  <c r="K7072" i="5" s="1"/>
  <c r="O7072" i="5" s="1"/>
  <c r="J7098" i="2"/>
  <c r="J7072" i="5" s="1"/>
  <c r="N7072" i="5" s="1"/>
  <c r="M374" i="2"/>
  <c r="M348" i="5" s="1"/>
  <c r="L374" i="2"/>
  <c r="L348" i="5" s="1"/>
  <c r="I374" i="2"/>
  <c r="I348" i="5" s="1"/>
  <c r="K374" i="2"/>
  <c r="K348" i="5" s="1"/>
  <c r="O348" i="5" s="1"/>
  <c r="J374" i="2"/>
  <c r="J348" i="5" s="1"/>
  <c r="N348" i="5" s="1"/>
  <c r="M5468" i="2"/>
  <c r="M5442" i="5" s="1"/>
  <c r="I5468" i="2"/>
  <c r="I5442" i="5" s="1"/>
  <c r="K5468" i="2"/>
  <c r="K5442" i="5" s="1"/>
  <c r="O5442" i="5" s="1"/>
  <c r="L5468" i="2"/>
  <c r="L5442" i="5" s="1"/>
  <c r="J5468" i="2"/>
  <c r="J5442" i="5" s="1"/>
  <c r="N5442" i="5" s="1"/>
  <c r="I2962" i="2"/>
  <c r="I2936" i="5" s="1"/>
  <c r="J2962" i="2"/>
  <c r="J2936" i="5" s="1"/>
  <c r="N2936" i="5" s="1"/>
  <c r="M2962" i="2"/>
  <c r="M2936" i="5" s="1"/>
  <c r="L2962" i="2"/>
  <c r="L2936" i="5" s="1"/>
  <c r="K2962" i="2"/>
  <c r="K2936" i="5" s="1"/>
  <c r="O2936" i="5" s="1"/>
  <c r="I1651" i="2"/>
  <c r="I1625" i="5" s="1"/>
  <c r="K1651" i="2"/>
  <c r="K1625" i="5" s="1"/>
  <c r="O1625" i="5" s="1"/>
  <c r="M1651" i="2"/>
  <c r="M1625" i="5" s="1"/>
  <c r="L1651" i="2"/>
  <c r="L1625" i="5" s="1"/>
  <c r="J1651" i="2"/>
  <c r="J1625" i="5" s="1"/>
  <c r="N1625" i="5" s="1"/>
  <c r="I1643" i="2"/>
  <c r="I1617" i="5" s="1"/>
  <c r="J1643" i="2"/>
  <c r="J1617" i="5" s="1"/>
  <c r="N1617" i="5" s="1"/>
  <c r="K1643" i="2"/>
  <c r="K1617" i="5" s="1"/>
  <c r="O1617" i="5" s="1"/>
  <c r="L1643" i="2"/>
  <c r="L1617" i="5" s="1"/>
  <c r="M1643" i="2"/>
  <c r="M1617" i="5" s="1"/>
  <c r="L8198" i="2"/>
  <c r="L8172" i="5" s="1"/>
  <c r="M8198" i="2"/>
  <c r="M8172" i="5" s="1"/>
  <c r="I8198" i="2"/>
  <c r="I8172" i="5" s="1"/>
  <c r="K8198" i="2"/>
  <c r="K8172" i="5" s="1"/>
  <c r="O8172" i="5" s="1"/>
  <c r="J8198" i="2"/>
  <c r="J8172" i="5" s="1"/>
  <c r="N8172" i="5" s="1"/>
  <c r="J5152" i="2"/>
  <c r="J5126" i="5" s="1"/>
  <c r="N5126" i="5" s="1"/>
  <c r="L5152" i="2"/>
  <c r="L5126" i="5" s="1"/>
  <c r="M5152" i="2"/>
  <c r="M5126" i="5" s="1"/>
  <c r="I5152" i="2"/>
  <c r="I5126" i="5" s="1"/>
  <c r="K5152" i="2"/>
  <c r="K5126" i="5" s="1"/>
  <c r="O5126" i="5" s="1"/>
  <c r="L6635" i="2"/>
  <c r="L6609" i="5" s="1"/>
  <c r="J6635" i="2"/>
  <c r="J6609" i="5" s="1"/>
  <c r="N6609" i="5" s="1"/>
  <c r="M6635" i="2"/>
  <c r="M6609" i="5" s="1"/>
  <c r="I6635" i="2"/>
  <c r="I6609" i="5" s="1"/>
  <c r="K6635" i="2"/>
  <c r="K6609" i="5" s="1"/>
  <c r="O6609" i="5" s="1"/>
  <c r="C283" i="5"/>
  <c r="AR277" i="1"/>
  <c r="J4425" i="2"/>
  <c r="J4399" i="5" s="1"/>
  <c r="N4399" i="5" s="1"/>
  <c r="L4425" i="2"/>
  <c r="L4399" i="5" s="1"/>
  <c r="M4425" i="2"/>
  <c r="M4399" i="5" s="1"/>
  <c r="I4425" i="2"/>
  <c r="I4399" i="5" s="1"/>
  <c r="K4425" i="2"/>
  <c r="K4399" i="5" s="1"/>
  <c r="O4399" i="5" s="1"/>
  <c r="K4408" i="2"/>
  <c r="K4382" i="5" s="1"/>
  <c r="O4382" i="5" s="1"/>
  <c r="L4408" i="2"/>
  <c r="L4382" i="5" s="1"/>
  <c r="J4408" i="2"/>
  <c r="J4382" i="5" s="1"/>
  <c r="N4382" i="5" s="1"/>
  <c r="M4408" i="2"/>
  <c r="M4382" i="5" s="1"/>
  <c r="I4408" i="2"/>
  <c r="I4382" i="5" s="1"/>
  <c r="M6515" i="2"/>
  <c r="M6489" i="5" s="1"/>
  <c r="L6515" i="2"/>
  <c r="L6489" i="5" s="1"/>
  <c r="J6515" i="2"/>
  <c r="J6489" i="5" s="1"/>
  <c r="N6489" i="5" s="1"/>
  <c r="I6515" i="2"/>
  <c r="I6489" i="5" s="1"/>
  <c r="K6515" i="2"/>
  <c r="K6489" i="5" s="1"/>
  <c r="O6489" i="5" s="1"/>
  <c r="M2310" i="2"/>
  <c r="M2284" i="5" s="1"/>
  <c r="I2310" i="2"/>
  <c r="I2284" i="5" s="1"/>
  <c r="K2310" i="2"/>
  <c r="K2284" i="5" s="1"/>
  <c r="O2284" i="5" s="1"/>
  <c r="J2310" i="2"/>
  <c r="J2284" i="5" s="1"/>
  <c r="N2284" i="5" s="1"/>
  <c r="L2310" i="2"/>
  <c r="L2284" i="5" s="1"/>
  <c r="L1259" i="2"/>
  <c r="L1233" i="5" s="1"/>
  <c r="K1259" i="2"/>
  <c r="K1233" i="5" s="1"/>
  <c r="O1233" i="5" s="1"/>
  <c r="J1259" i="2"/>
  <c r="J1233" i="5" s="1"/>
  <c r="N1233" i="5" s="1"/>
  <c r="M1259" i="2"/>
  <c r="M1233" i="5" s="1"/>
  <c r="I1259" i="2"/>
  <c r="I1233" i="5" s="1"/>
  <c r="I1721" i="2"/>
  <c r="I1695" i="5" s="1"/>
  <c r="K1721" i="2"/>
  <c r="K1695" i="5" s="1"/>
  <c r="O1695" i="5" s="1"/>
  <c r="J1721" i="2"/>
  <c r="J1695" i="5" s="1"/>
  <c r="N1695" i="5" s="1"/>
  <c r="L1721" i="2"/>
  <c r="L1695" i="5" s="1"/>
  <c r="M1721" i="2"/>
  <c r="M1695" i="5" s="1"/>
  <c r="K6180" i="2"/>
  <c r="K6154" i="5" s="1"/>
  <c r="O6154" i="5" s="1"/>
  <c r="L6180" i="2"/>
  <c r="L6154" i="5" s="1"/>
  <c r="J6180" i="2"/>
  <c r="J6154" i="5" s="1"/>
  <c r="N6154" i="5" s="1"/>
  <c r="M6180" i="2"/>
  <c r="M6154" i="5" s="1"/>
  <c r="I6180" i="2"/>
  <c r="I6154" i="5" s="1"/>
  <c r="J2654" i="2"/>
  <c r="J2628" i="5" s="1"/>
  <c r="N2628" i="5" s="1"/>
  <c r="L2654" i="2"/>
  <c r="L2628" i="5" s="1"/>
  <c r="M2654" i="2"/>
  <c r="M2628" i="5" s="1"/>
  <c r="K2654" i="2"/>
  <c r="K2628" i="5" s="1"/>
  <c r="O2628" i="5" s="1"/>
  <c r="I2654" i="2"/>
  <c r="I2628" i="5" s="1"/>
  <c r="I6846" i="2"/>
  <c r="I6820" i="5" s="1"/>
  <c r="K6846" i="2"/>
  <c r="K6820" i="5" s="1"/>
  <c r="O6820" i="5" s="1"/>
  <c r="L6846" i="2"/>
  <c r="L6820" i="5" s="1"/>
  <c r="M6846" i="2"/>
  <c r="M6820" i="5" s="1"/>
  <c r="J6846" i="2"/>
  <c r="J6820" i="5" s="1"/>
  <c r="N6820" i="5" s="1"/>
  <c r="K3404" i="2"/>
  <c r="K3378" i="5" s="1"/>
  <c r="O3378" i="5" s="1"/>
  <c r="L3404" i="2"/>
  <c r="L3378" i="5" s="1"/>
  <c r="M3404" i="2"/>
  <c r="M3378" i="5" s="1"/>
  <c r="I3404" i="2"/>
  <c r="I3378" i="5" s="1"/>
  <c r="J3404" i="2"/>
  <c r="J3378" i="5" s="1"/>
  <c r="N3378" i="5" s="1"/>
  <c r="L8780" i="2"/>
  <c r="L8754" i="5" s="1"/>
  <c r="K8780" i="2"/>
  <c r="K8754" i="5" s="1"/>
  <c r="O8754" i="5" s="1"/>
  <c r="J8780" i="2"/>
  <c r="J8754" i="5" s="1"/>
  <c r="N8754" i="5" s="1"/>
  <c r="M8780" i="2"/>
  <c r="M8754" i="5" s="1"/>
  <c r="I8780" i="2"/>
  <c r="I8754" i="5" s="1"/>
  <c r="I3585" i="2"/>
  <c r="I3559" i="5" s="1"/>
  <c r="K3585" i="2"/>
  <c r="K3559" i="5" s="1"/>
  <c r="O3559" i="5" s="1"/>
  <c r="M3585" i="2"/>
  <c r="M3559" i="5" s="1"/>
  <c r="L3585" i="2"/>
  <c r="L3559" i="5" s="1"/>
  <c r="J3585" i="2"/>
  <c r="J3559" i="5" s="1"/>
  <c r="N3559" i="5" s="1"/>
  <c r="L2785" i="2"/>
  <c r="L2759" i="5" s="1"/>
  <c r="J2785" i="2"/>
  <c r="J2759" i="5" s="1"/>
  <c r="N2759" i="5" s="1"/>
  <c r="I2785" i="2"/>
  <c r="I2759" i="5" s="1"/>
  <c r="M2785" i="2"/>
  <c r="M2759" i="5" s="1"/>
  <c r="K2785" i="2"/>
  <c r="K2759" i="5" s="1"/>
  <c r="O2759" i="5" s="1"/>
  <c r="M6016" i="2"/>
  <c r="M5990" i="5" s="1"/>
  <c r="J6016" i="2"/>
  <c r="J5990" i="5" s="1"/>
  <c r="N5990" i="5" s="1"/>
  <c r="I6016" i="2"/>
  <c r="I5990" i="5" s="1"/>
  <c r="K6016" i="2"/>
  <c r="K5990" i="5" s="1"/>
  <c r="O5990" i="5" s="1"/>
  <c r="L6016" i="2"/>
  <c r="L5990" i="5" s="1"/>
  <c r="K2130" i="2"/>
  <c r="K2104" i="5" s="1"/>
  <c r="O2104" i="5" s="1"/>
  <c r="L2130" i="2"/>
  <c r="L2104" i="5" s="1"/>
  <c r="M2130" i="2"/>
  <c r="M2104" i="5" s="1"/>
  <c r="I2130" i="2"/>
  <c r="I2104" i="5" s="1"/>
  <c r="J2130" i="2"/>
  <c r="J2104" i="5" s="1"/>
  <c r="N2104" i="5" s="1"/>
  <c r="I2432" i="2"/>
  <c r="I2406" i="5" s="1"/>
  <c r="L2432" i="2"/>
  <c r="L2406" i="5" s="1"/>
  <c r="K2432" i="2"/>
  <c r="K2406" i="5" s="1"/>
  <c r="O2406" i="5" s="1"/>
  <c r="J2432" i="2"/>
  <c r="J2406" i="5" s="1"/>
  <c r="N2406" i="5" s="1"/>
  <c r="M2432" i="2"/>
  <c r="M2406" i="5" s="1"/>
  <c r="L8606" i="2"/>
  <c r="L8580" i="5" s="1"/>
  <c r="M8606" i="2"/>
  <c r="M8580" i="5" s="1"/>
  <c r="K8606" i="2"/>
  <c r="K8580" i="5" s="1"/>
  <c r="O8580" i="5" s="1"/>
  <c r="J8606" i="2"/>
  <c r="J8580" i="5" s="1"/>
  <c r="N8580" i="5" s="1"/>
  <c r="I8606" i="2"/>
  <c r="I8580" i="5" s="1"/>
  <c r="I2903" i="2"/>
  <c r="I2877" i="5" s="1"/>
  <c r="J2903" i="2"/>
  <c r="J2877" i="5" s="1"/>
  <c r="N2877" i="5" s="1"/>
  <c r="L2903" i="2"/>
  <c r="L2877" i="5" s="1"/>
  <c r="M2903" i="2"/>
  <c r="M2877" i="5" s="1"/>
  <c r="K2903" i="2"/>
  <c r="K2877" i="5" s="1"/>
  <c r="O2877" i="5" s="1"/>
  <c r="C318" i="5"/>
  <c r="AR312" i="1"/>
  <c r="J3140" i="2"/>
  <c r="J3114" i="5" s="1"/>
  <c r="N3114" i="5" s="1"/>
  <c r="L3140" i="2"/>
  <c r="L3114" i="5" s="1"/>
  <c r="M3140" i="2"/>
  <c r="M3114" i="5" s="1"/>
  <c r="I3140" i="2"/>
  <c r="I3114" i="5" s="1"/>
  <c r="K3140" i="2"/>
  <c r="K3114" i="5" s="1"/>
  <c r="O3114" i="5" s="1"/>
  <c r="L1968" i="2"/>
  <c r="L1942" i="5" s="1"/>
  <c r="M1968" i="2"/>
  <c r="M1942" i="5" s="1"/>
  <c r="I1968" i="2"/>
  <c r="I1942" i="5" s="1"/>
  <c r="K1968" i="2"/>
  <c r="K1942" i="5" s="1"/>
  <c r="O1942" i="5" s="1"/>
  <c r="J1968" i="2"/>
  <c r="J1942" i="5" s="1"/>
  <c r="N1942" i="5" s="1"/>
  <c r="J1971" i="2"/>
  <c r="J1945" i="5" s="1"/>
  <c r="N1945" i="5" s="1"/>
  <c r="L1971" i="2"/>
  <c r="L1945" i="5" s="1"/>
  <c r="I1971" i="2"/>
  <c r="I1945" i="5" s="1"/>
  <c r="M1971" i="2"/>
  <c r="M1945" i="5" s="1"/>
  <c r="K1971" i="2"/>
  <c r="K1945" i="5" s="1"/>
  <c r="O1945" i="5" s="1"/>
  <c r="M8100" i="2"/>
  <c r="M8074" i="5" s="1"/>
  <c r="L8100" i="2"/>
  <c r="L8074" i="5" s="1"/>
  <c r="I8100" i="2"/>
  <c r="I8074" i="5" s="1"/>
  <c r="K8100" i="2"/>
  <c r="K8074" i="5" s="1"/>
  <c r="O8074" i="5" s="1"/>
  <c r="J8100" i="2"/>
  <c r="J8074" i="5" s="1"/>
  <c r="N8074" i="5" s="1"/>
  <c r="C344" i="5"/>
  <c r="AR338" i="1"/>
  <c r="I5347" i="2"/>
  <c r="I5321" i="5" s="1"/>
  <c r="K5347" i="2"/>
  <c r="K5321" i="5" s="1"/>
  <c r="O5321" i="5" s="1"/>
  <c r="M5347" i="2"/>
  <c r="M5321" i="5" s="1"/>
  <c r="L5347" i="2"/>
  <c r="L5321" i="5" s="1"/>
  <c r="J5347" i="2"/>
  <c r="J5321" i="5" s="1"/>
  <c r="N5321" i="5" s="1"/>
  <c r="I6001" i="2"/>
  <c r="I5975" i="5" s="1"/>
  <c r="K6001" i="2"/>
  <c r="K5975" i="5" s="1"/>
  <c r="O5975" i="5" s="1"/>
  <c r="J6001" i="2"/>
  <c r="J5975" i="5" s="1"/>
  <c r="N5975" i="5" s="1"/>
  <c r="L6001" i="2"/>
  <c r="L5975" i="5" s="1"/>
  <c r="M6001" i="2"/>
  <c r="M5975" i="5" s="1"/>
  <c r="J1979" i="2"/>
  <c r="J1953" i="5" s="1"/>
  <c r="N1953" i="5" s="1"/>
  <c r="M1979" i="2"/>
  <c r="M1953" i="5" s="1"/>
  <c r="L1979" i="2"/>
  <c r="L1953" i="5" s="1"/>
  <c r="I1979" i="2"/>
  <c r="I1953" i="5" s="1"/>
  <c r="K1979" i="2"/>
  <c r="K1953" i="5" s="1"/>
  <c r="O1953" i="5" s="1"/>
  <c r="M405" i="2"/>
  <c r="M379" i="5" s="1"/>
  <c r="L405" i="2"/>
  <c r="L379" i="5" s="1"/>
  <c r="I405" i="2"/>
  <c r="I379" i="5" s="1"/>
  <c r="J405" i="2"/>
  <c r="J379" i="5" s="1"/>
  <c r="N379" i="5" s="1"/>
  <c r="K405" i="2"/>
  <c r="K379" i="5" s="1"/>
  <c r="O379" i="5" s="1"/>
  <c r="L415" i="2"/>
  <c r="L389" i="5" s="1"/>
  <c r="J415" i="2"/>
  <c r="J389" i="5" s="1"/>
  <c r="N389" i="5" s="1"/>
  <c r="I415" i="2"/>
  <c r="I389" i="5" s="1"/>
  <c r="K415" i="2"/>
  <c r="K389" i="5" s="1"/>
  <c r="O389" i="5" s="1"/>
  <c r="M415" i="2"/>
  <c r="M389" i="5" s="1"/>
  <c r="K3061" i="2"/>
  <c r="K3035" i="5" s="1"/>
  <c r="O3035" i="5" s="1"/>
  <c r="J3061" i="2"/>
  <c r="J3035" i="5" s="1"/>
  <c r="N3035" i="5" s="1"/>
  <c r="I3061" i="2"/>
  <c r="I3035" i="5" s="1"/>
  <c r="L3061" i="2"/>
  <c r="L3035" i="5" s="1"/>
  <c r="M3061" i="2"/>
  <c r="M3035" i="5" s="1"/>
  <c r="J558" i="2"/>
  <c r="J532" i="5" s="1"/>
  <c r="N532" i="5" s="1"/>
  <c r="L558" i="2"/>
  <c r="L532" i="5" s="1"/>
  <c r="M558" i="2"/>
  <c r="M532" i="5" s="1"/>
  <c r="I558" i="2"/>
  <c r="I532" i="5" s="1"/>
  <c r="K558" i="2"/>
  <c r="K532" i="5" s="1"/>
  <c r="O532" i="5" s="1"/>
  <c r="K6613" i="2"/>
  <c r="K6587" i="5" s="1"/>
  <c r="O6587" i="5" s="1"/>
  <c r="M6613" i="2"/>
  <c r="M6587" i="5" s="1"/>
  <c r="I6613" i="2"/>
  <c r="I6587" i="5" s="1"/>
  <c r="J6613" i="2"/>
  <c r="J6587" i="5" s="1"/>
  <c r="N6587" i="5" s="1"/>
  <c r="L6613" i="2"/>
  <c r="L6587" i="5" s="1"/>
  <c r="J1136" i="2"/>
  <c r="J1110" i="5" s="1"/>
  <c r="N1110" i="5" s="1"/>
  <c r="K1136" i="2"/>
  <c r="K1110" i="5" s="1"/>
  <c r="O1110" i="5" s="1"/>
  <c r="M1136" i="2"/>
  <c r="M1110" i="5" s="1"/>
  <c r="I1136" i="2"/>
  <c r="I1110" i="5" s="1"/>
  <c r="L1136" i="2"/>
  <c r="L1110" i="5" s="1"/>
  <c r="J1130" i="2"/>
  <c r="J1104" i="5" s="1"/>
  <c r="N1104" i="5" s="1"/>
  <c r="M1130" i="2"/>
  <c r="M1104" i="5" s="1"/>
  <c r="L1130" i="2"/>
  <c r="L1104" i="5" s="1"/>
  <c r="K1130" i="2"/>
  <c r="K1104" i="5" s="1"/>
  <c r="O1104" i="5" s="1"/>
  <c r="I1130" i="2"/>
  <c r="I1104" i="5" s="1"/>
  <c r="K7307" i="2"/>
  <c r="K7281" i="5" s="1"/>
  <c r="O7281" i="5" s="1"/>
  <c r="M7307" i="2"/>
  <c r="M7281" i="5" s="1"/>
  <c r="L7307" i="2"/>
  <c r="L7281" i="5" s="1"/>
  <c r="J7307" i="2"/>
  <c r="J7281" i="5" s="1"/>
  <c r="N7281" i="5" s="1"/>
  <c r="I7307" i="2"/>
  <c r="I7281" i="5" s="1"/>
  <c r="K7318" i="2"/>
  <c r="K7292" i="5" s="1"/>
  <c r="O7292" i="5" s="1"/>
  <c r="J7318" i="2"/>
  <c r="J7292" i="5" s="1"/>
  <c r="N7292" i="5" s="1"/>
  <c r="L7318" i="2"/>
  <c r="L7292" i="5" s="1"/>
  <c r="M7318" i="2"/>
  <c r="M7292" i="5" s="1"/>
  <c r="I7318" i="2"/>
  <c r="I7292" i="5" s="1"/>
  <c r="M7969" i="2"/>
  <c r="M7943" i="5" s="1"/>
  <c r="I7969" i="2"/>
  <c r="I7943" i="5" s="1"/>
  <c r="L7969" i="2"/>
  <c r="L7943" i="5" s="1"/>
  <c r="K7969" i="2"/>
  <c r="K7943" i="5" s="1"/>
  <c r="O7943" i="5" s="1"/>
  <c r="J7969" i="2"/>
  <c r="J7943" i="5" s="1"/>
  <c r="N7943" i="5" s="1"/>
  <c r="M7954" i="2"/>
  <c r="M7928" i="5" s="1"/>
  <c r="I7954" i="2"/>
  <c r="I7928" i="5" s="1"/>
  <c r="L7954" i="2"/>
  <c r="L7928" i="5" s="1"/>
  <c r="K7954" i="2"/>
  <c r="K7928" i="5" s="1"/>
  <c r="O7928" i="5" s="1"/>
  <c r="J7954" i="2"/>
  <c r="J7928" i="5" s="1"/>
  <c r="N7928" i="5" s="1"/>
  <c r="I3269" i="2"/>
  <c r="I3243" i="5" s="1"/>
  <c r="K3269" i="2"/>
  <c r="K3243" i="5" s="1"/>
  <c r="O3243" i="5" s="1"/>
  <c r="J3269" i="2"/>
  <c r="J3243" i="5" s="1"/>
  <c r="N3243" i="5" s="1"/>
  <c r="L3269" i="2"/>
  <c r="L3243" i="5" s="1"/>
  <c r="M3269" i="2"/>
  <c r="M3243" i="5" s="1"/>
  <c r="I5002" i="2"/>
  <c r="I4976" i="5" s="1"/>
  <c r="K5002" i="2"/>
  <c r="K4976" i="5" s="1"/>
  <c r="O4976" i="5" s="1"/>
  <c r="L5002" i="2"/>
  <c r="L4976" i="5" s="1"/>
  <c r="M5002" i="2"/>
  <c r="M4976" i="5" s="1"/>
  <c r="J5002" i="2"/>
  <c r="J4976" i="5" s="1"/>
  <c r="N4976" i="5" s="1"/>
  <c r="K1076" i="2"/>
  <c r="K1050" i="5" s="1"/>
  <c r="O1050" i="5" s="1"/>
  <c r="L1076" i="2"/>
  <c r="L1050" i="5" s="1"/>
  <c r="J1076" i="2"/>
  <c r="J1050" i="5" s="1"/>
  <c r="N1050" i="5" s="1"/>
  <c r="I1076" i="2"/>
  <c r="I1050" i="5" s="1"/>
  <c r="M1076" i="2"/>
  <c r="M1050" i="5" s="1"/>
  <c r="I4016" i="2"/>
  <c r="I3990" i="5" s="1"/>
  <c r="J4016" i="2"/>
  <c r="J3990" i="5" s="1"/>
  <c r="N3990" i="5" s="1"/>
  <c r="L4016" i="2"/>
  <c r="L3990" i="5" s="1"/>
  <c r="M4016" i="2"/>
  <c r="M3990" i="5" s="1"/>
  <c r="K4016" i="2"/>
  <c r="K3990" i="5" s="1"/>
  <c r="O3990" i="5" s="1"/>
  <c r="M1315" i="2"/>
  <c r="M1289" i="5" s="1"/>
  <c r="L1315" i="2"/>
  <c r="L1289" i="5" s="1"/>
  <c r="K1315" i="2"/>
  <c r="K1289" i="5" s="1"/>
  <c r="O1289" i="5" s="1"/>
  <c r="J1315" i="2"/>
  <c r="J1289" i="5" s="1"/>
  <c r="N1289" i="5" s="1"/>
  <c r="I1315" i="2"/>
  <c r="I1289" i="5" s="1"/>
  <c r="I4306" i="2"/>
  <c r="I4280" i="5" s="1"/>
  <c r="K4306" i="2"/>
  <c r="K4280" i="5" s="1"/>
  <c r="O4280" i="5" s="1"/>
  <c r="J4306" i="2"/>
  <c r="J4280" i="5" s="1"/>
  <c r="N4280" i="5" s="1"/>
  <c r="L4306" i="2"/>
  <c r="L4280" i="5" s="1"/>
  <c r="M4306" i="2"/>
  <c r="M4280" i="5" s="1"/>
  <c r="M3321" i="2"/>
  <c r="M3295" i="5" s="1"/>
  <c r="I3321" i="2"/>
  <c r="I3295" i="5" s="1"/>
  <c r="K3321" i="2"/>
  <c r="K3295" i="5" s="1"/>
  <c r="O3295" i="5" s="1"/>
  <c r="J3321" i="2"/>
  <c r="J3295" i="5" s="1"/>
  <c r="N3295" i="5" s="1"/>
  <c r="L3321" i="2"/>
  <c r="L3295" i="5" s="1"/>
  <c r="J4122" i="2"/>
  <c r="J4096" i="5" s="1"/>
  <c r="N4096" i="5" s="1"/>
  <c r="L4122" i="2"/>
  <c r="L4096" i="5" s="1"/>
  <c r="I4122" i="2"/>
  <c r="I4096" i="5" s="1"/>
  <c r="K4122" i="2"/>
  <c r="K4096" i="5" s="1"/>
  <c r="O4096" i="5" s="1"/>
  <c r="M4122" i="2"/>
  <c r="M4096" i="5" s="1"/>
  <c r="K7465" i="2"/>
  <c r="K7439" i="5" s="1"/>
  <c r="O7439" i="5" s="1"/>
  <c r="J7465" i="2"/>
  <c r="J7439" i="5" s="1"/>
  <c r="N7439" i="5" s="1"/>
  <c r="M7465" i="2"/>
  <c r="M7439" i="5" s="1"/>
  <c r="L7465" i="2"/>
  <c r="L7439" i="5" s="1"/>
  <c r="I7465" i="2"/>
  <c r="I7439" i="5" s="1"/>
  <c r="I4982" i="2"/>
  <c r="I4956" i="5" s="1"/>
  <c r="K4982" i="2"/>
  <c r="K4956" i="5" s="1"/>
  <c r="O4956" i="5" s="1"/>
  <c r="L4982" i="2"/>
  <c r="L4956" i="5" s="1"/>
  <c r="J4982" i="2"/>
  <c r="J4956" i="5" s="1"/>
  <c r="N4956" i="5" s="1"/>
  <c r="M4982" i="2"/>
  <c r="M4956" i="5" s="1"/>
  <c r="I8357" i="2"/>
  <c r="I8331" i="5" s="1"/>
  <c r="K8357" i="2"/>
  <c r="K8331" i="5" s="1"/>
  <c r="O8331" i="5" s="1"/>
  <c r="J8357" i="2"/>
  <c r="J8331" i="5" s="1"/>
  <c r="N8331" i="5" s="1"/>
  <c r="L8357" i="2"/>
  <c r="L8331" i="5" s="1"/>
  <c r="M8357" i="2"/>
  <c r="M8331" i="5" s="1"/>
  <c r="K8782" i="2"/>
  <c r="K8756" i="5" s="1"/>
  <c r="O8756" i="5" s="1"/>
  <c r="M8782" i="2"/>
  <c r="M8756" i="5" s="1"/>
  <c r="L8782" i="2"/>
  <c r="L8756" i="5" s="1"/>
  <c r="I8782" i="2"/>
  <c r="I8756" i="5" s="1"/>
  <c r="J8782" i="2"/>
  <c r="J8756" i="5" s="1"/>
  <c r="N8756" i="5" s="1"/>
  <c r="J8775" i="2"/>
  <c r="J8749" i="5" s="1"/>
  <c r="N8749" i="5" s="1"/>
  <c r="I8775" i="2"/>
  <c r="I8749" i="5" s="1"/>
  <c r="K8775" i="2"/>
  <c r="K8749" i="5" s="1"/>
  <c r="O8749" i="5" s="1"/>
  <c r="M8775" i="2"/>
  <c r="M8749" i="5" s="1"/>
  <c r="L8775" i="2"/>
  <c r="L8749" i="5" s="1"/>
  <c r="K3932" i="2"/>
  <c r="K3906" i="5" s="1"/>
  <c r="O3906" i="5" s="1"/>
  <c r="L3932" i="2"/>
  <c r="L3906" i="5" s="1"/>
  <c r="M3932" i="2"/>
  <c r="M3906" i="5" s="1"/>
  <c r="J3932" i="2"/>
  <c r="J3906" i="5" s="1"/>
  <c r="N3906" i="5" s="1"/>
  <c r="I3932" i="2"/>
  <c r="I3906" i="5" s="1"/>
  <c r="M8026" i="2"/>
  <c r="M8000" i="5" s="1"/>
  <c r="K8026" i="2"/>
  <c r="K8000" i="5" s="1"/>
  <c r="O8000" i="5" s="1"/>
  <c r="J8026" i="2"/>
  <c r="J8000" i="5" s="1"/>
  <c r="N8000" i="5" s="1"/>
  <c r="L8026" i="2"/>
  <c r="L8000" i="5" s="1"/>
  <c r="I8026" i="2"/>
  <c r="I8000" i="5" s="1"/>
  <c r="K7040" i="2"/>
  <c r="K7014" i="5" s="1"/>
  <c r="O7014" i="5" s="1"/>
  <c r="M7040" i="2"/>
  <c r="M7014" i="5" s="1"/>
  <c r="I7040" i="2"/>
  <c r="I7014" i="5" s="1"/>
  <c r="L7040" i="2"/>
  <c r="L7014" i="5" s="1"/>
  <c r="J7040" i="2"/>
  <c r="J7014" i="5" s="1"/>
  <c r="N7014" i="5" s="1"/>
  <c r="J3566" i="2"/>
  <c r="J3540" i="5" s="1"/>
  <c r="N3540" i="5" s="1"/>
  <c r="L3566" i="2"/>
  <c r="L3540" i="5" s="1"/>
  <c r="I3566" i="2"/>
  <c r="I3540" i="5" s="1"/>
  <c r="K3566" i="2"/>
  <c r="K3540" i="5" s="1"/>
  <c r="O3540" i="5" s="1"/>
  <c r="M3566" i="2"/>
  <c r="M3540" i="5" s="1"/>
  <c r="M1411" i="2"/>
  <c r="M1385" i="5" s="1"/>
  <c r="L1411" i="2"/>
  <c r="L1385" i="5" s="1"/>
  <c r="K1411" i="2"/>
  <c r="K1385" i="5" s="1"/>
  <c r="O1385" i="5" s="1"/>
  <c r="J1411" i="2"/>
  <c r="J1385" i="5" s="1"/>
  <c r="N1385" i="5" s="1"/>
  <c r="I1411" i="2"/>
  <c r="I1385" i="5" s="1"/>
  <c r="K1404" i="2"/>
  <c r="K1378" i="5" s="1"/>
  <c r="O1378" i="5" s="1"/>
  <c r="M1404" i="2"/>
  <c r="M1378" i="5" s="1"/>
  <c r="L1404" i="2"/>
  <c r="L1378" i="5" s="1"/>
  <c r="I1404" i="2"/>
  <c r="I1378" i="5" s="1"/>
  <c r="J1404" i="2"/>
  <c r="J1378" i="5" s="1"/>
  <c r="N1378" i="5" s="1"/>
  <c r="M4583" i="2"/>
  <c r="M4557" i="5" s="1"/>
  <c r="L4583" i="2"/>
  <c r="L4557" i="5" s="1"/>
  <c r="K4583" i="2"/>
  <c r="K4557" i="5" s="1"/>
  <c r="O4557" i="5" s="1"/>
  <c r="J4583" i="2"/>
  <c r="J4557" i="5" s="1"/>
  <c r="N4557" i="5" s="1"/>
  <c r="I4583" i="2"/>
  <c r="I4557" i="5" s="1"/>
  <c r="I636" i="2"/>
  <c r="I610" i="5" s="1"/>
  <c r="K636" i="2"/>
  <c r="K610" i="5" s="1"/>
  <c r="O610" i="5" s="1"/>
  <c r="J636" i="2"/>
  <c r="J610" i="5" s="1"/>
  <c r="N610" i="5" s="1"/>
  <c r="M636" i="2"/>
  <c r="M610" i="5" s="1"/>
  <c r="L636" i="2"/>
  <c r="L610" i="5" s="1"/>
  <c r="L7508" i="2"/>
  <c r="L7482" i="5" s="1"/>
  <c r="M7508" i="2"/>
  <c r="M7482" i="5" s="1"/>
  <c r="I7508" i="2"/>
  <c r="I7482" i="5" s="1"/>
  <c r="K7508" i="2"/>
  <c r="K7482" i="5" s="1"/>
  <c r="O7482" i="5" s="1"/>
  <c r="J7508" i="2"/>
  <c r="J7482" i="5" s="1"/>
  <c r="N7482" i="5" s="1"/>
  <c r="L5668" i="2"/>
  <c r="L5642" i="5" s="1"/>
  <c r="J5668" i="2"/>
  <c r="J5642" i="5" s="1"/>
  <c r="N5642" i="5" s="1"/>
  <c r="M5668" i="2"/>
  <c r="M5642" i="5" s="1"/>
  <c r="I5668" i="2"/>
  <c r="I5642" i="5" s="1"/>
  <c r="K5668" i="2"/>
  <c r="K5642" i="5" s="1"/>
  <c r="O5642" i="5" s="1"/>
  <c r="M5659" i="2"/>
  <c r="M5633" i="5" s="1"/>
  <c r="K5659" i="2"/>
  <c r="K5633" i="5" s="1"/>
  <c r="O5633" i="5" s="1"/>
  <c r="J5659" i="2"/>
  <c r="J5633" i="5" s="1"/>
  <c r="N5633" i="5" s="1"/>
  <c r="L5659" i="2"/>
  <c r="L5633" i="5" s="1"/>
  <c r="I5659" i="2"/>
  <c r="I5633" i="5" s="1"/>
  <c r="K5828" i="2"/>
  <c r="K5802" i="5" s="1"/>
  <c r="O5802" i="5" s="1"/>
  <c r="L5828" i="2"/>
  <c r="L5802" i="5" s="1"/>
  <c r="J5828" i="2"/>
  <c r="J5802" i="5" s="1"/>
  <c r="N5802" i="5" s="1"/>
  <c r="M5828" i="2"/>
  <c r="M5802" i="5" s="1"/>
  <c r="I5828" i="2"/>
  <c r="I5802" i="5" s="1"/>
  <c r="I6960" i="2"/>
  <c r="I6934" i="5" s="1"/>
  <c r="K6960" i="2"/>
  <c r="K6934" i="5" s="1"/>
  <c r="O6934" i="5" s="1"/>
  <c r="J6960" i="2"/>
  <c r="J6934" i="5" s="1"/>
  <c r="N6934" i="5" s="1"/>
  <c r="L6960" i="2"/>
  <c r="L6934" i="5" s="1"/>
  <c r="M6960" i="2"/>
  <c r="M6934" i="5" s="1"/>
  <c r="J6955" i="2"/>
  <c r="J6929" i="5" s="1"/>
  <c r="N6929" i="5" s="1"/>
  <c r="M6955" i="2"/>
  <c r="M6929" i="5" s="1"/>
  <c r="I6955" i="2"/>
  <c r="I6929" i="5" s="1"/>
  <c r="L6955" i="2"/>
  <c r="L6929" i="5" s="1"/>
  <c r="K6955" i="2"/>
  <c r="K6929" i="5" s="1"/>
  <c r="O6929" i="5" s="1"/>
  <c r="J1600" i="2"/>
  <c r="J1574" i="5" s="1"/>
  <c r="N1574" i="5" s="1"/>
  <c r="M1600" i="2"/>
  <c r="M1574" i="5" s="1"/>
  <c r="K1600" i="2"/>
  <c r="K1574" i="5" s="1"/>
  <c r="O1574" i="5" s="1"/>
  <c r="L1600" i="2"/>
  <c r="L1574" i="5" s="1"/>
  <c r="I1600" i="2"/>
  <c r="I1574" i="5" s="1"/>
  <c r="I7765" i="2"/>
  <c r="I7739" i="5" s="1"/>
  <c r="M7765" i="2"/>
  <c r="M7739" i="5" s="1"/>
  <c r="K7765" i="2"/>
  <c r="K7739" i="5" s="1"/>
  <c r="O7739" i="5" s="1"/>
  <c r="J7765" i="2"/>
  <c r="J7739" i="5" s="1"/>
  <c r="N7739" i="5" s="1"/>
  <c r="L7765" i="2"/>
  <c r="L7739" i="5" s="1"/>
  <c r="L3849" i="2"/>
  <c r="L3823" i="5" s="1"/>
  <c r="I3849" i="2"/>
  <c r="I3823" i="5" s="1"/>
  <c r="K3849" i="2"/>
  <c r="K3823" i="5" s="1"/>
  <c r="O3823" i="5" s="1"/>
  <c r="M3849" i="2"/>
  <c r="M3823" i="5" s="1"/>
  <c r="J3849" i="2"/>
  <c r="J3823" i="5" s="1"/>
  <c r="N3823" i="5" s="1"/>
  <c r="L5084" i="2"/>
  <c r="L5058" i="5" s="1"/>
  <c r="M5084" i="2"/>
  <c r="M5058" i="5" s="1"/>
  <c r="I5084" i="2"/>
  <c r="I5058" i="5" s="1"/>
  <c r="K5084" i="2"/>
  <c r="K5058" i="5" s="1"/>
  <c r="O5058" i="5" s="1"/>
  <c r="J5084" i="2"/>
  <c r="J5058" i="5" s="1"/>
  <c r="N5058" i="5" s="1"/>
  <c r="J5079" i="2"/>
  <c r="J5053" i="5" s="1"/>
  <c r="N5053" i="5" s="1"/>
  <c r="L5079" i="2"/>
  <c r="L5053" i="5" s="1"/>
  <c r="M5079" i="2"/>
  <c r="M5053" i="5" s="1"/>
  <c r="I5079" i="2"/>
  <c r="I5053" i="5" s="1"/>
  <c r="K5079" i="2"/>
  <c r="K5053" i="5" s="1"/>
  <c r="O5053" i="5" s="1"/>
  <c r="L6984" i="2"/>
  <c r="L6958" i="5" s="1"/>
  <c r="M6984" i="2"/>
  <c r="M6958" i="5" s="1"/>
  <c r="I6984" i="2"/>
  <c r="I6958" i="5" s="1"/>
  <c r="K6984" i="2"/>
  <c r="K6958" i="5" s="1"/>
  <c r="O6958" i="5" s="1"/>
  <c r="J6984" i="2"/>
  <c r="J6958" i="5" s="1"/>
  <c r="N6958" i="5" s="1"/>
  <c r="K6107" i="2"/>
  <c r="K6081" i="5" s="1"/>
  <c r="O6081" i="5" s="1"/>
  <c r="M6107" i="2"/>
  <c r="M6081" i="5" s="1"/>
  <c r="I6107" i="2"/>
  <c r="I6081" i="5" s="1"/>
  <c r="L6107" i="2"/>
  <c r="L6081" i="5" s="1"/>
  <c r="J6107" i="2"/>
  <c r="J6081" i="5" s="1"/>
  <c r="N6081" i="5" s="1"/>
  <c r="M8693" i="2"/>
  <c r="M8667" i="5" s="1"/>
  <c r="J8693" i="2"/>
  <c r="J8667" i="5" s="1"/>
  <c r="N8667" i="5" s="1"/>
  <c r="I8693" i="2"/>
  <c r="I8667" i="5" s="1"/>
  <c r="L8693" i="2"/>
  <c r="L8667" i="5" s="1"/>
  <c r="K8693" i="2"/>
  <c r="K8667" i="5" s="1"/>
  <c r="O8667" i="5" s="1"/>
  <c r="C368" i="5"/>
  <c r="AR362" i="1"/>
  <c r="M4149" i="2"/>
  <c r="M4123" i="5" s="1"/>
  <c r="I4149" i="2"/>
  <c r="I4123" i="5" s="1"/>
  <c r="K4149" i="2"/>
  <c r="K4123" i="5" s="1"/>
  <c r="O4123" i="5" s="1"/>
  <c r="J4149" i="2"/>
  <c r="J4123" i="5" s="1"/>
  <c r="N4123" i="5" s="1"/>
  <c r="L4149" i="2"/>
  <c r="L4123" i="5" s="1"/>
  <c r="L3969" i="2"/>
  <c r="L3943" i="5" s="1"/>
  <c r="J3969" i="2"/>
  <c r="J3943" i="5" s="1"/>
  <c r="N3943" i="5" s="1"/>
  <c r="M3969" i="2"/>
  <c r="M3943" i="5" s="1"/>
  <c r="I3969" i="2"/>
  <c r="I3943" i="5" s="1"/>
  <c r="K3969" i="2"/>
  <c r="K3943" i="5" s="1"/>
  <c r="O3943" i="5" s="1"/>
  <c r="J7145" i="2"/>
  <c r="J7119" i="5" s="1"/>
  <c r="N7119" i="5" s="1"/>
  <c r="M7145" i="2"/>
  <c r="M7119" i="5" s="1"/>
  <c r="I7145" i="2"/>
  <c r="I7119" i="5" s="1"/>
  <c r="L7145" i="2"/>
  <c r="L7119" i="5" s="1"/>
  <c r="K7145" i="2"/>
  <c r="K7119" i="5" s="1"/>
  <c r="O7119" i="5" s="1"/>
  <c r="M4442" i="2"/>
  <c r="M4416" i="5" s="1"/>
  <c r="L4442" i="2"/>
  <c r="L4416" i="5" s="1"/>
  <c r="I4442" i="2"/>
  <c r="I4416" i="5" s="1"/>
  <c r="K4442" i="2"/>
  <c r="K4416" i="5" s="1"/>
  <c r="O4416" i="5" s="1"/>
  <c r="J4442" i="2"/>
  <c r="J4416" i="5" s="1"/>
  <c r="N4416" i="5" s="1"/>
  <c r="L767" i="2"/>
  <c r="L741" i="5" s="1"/>
  <c r="I767" i="2"/>
  <c r="I741" i="5" s="1"/>
  <c r="K767" i="2"/>
  <c r="K741" i="5" s="1"/>
  <c r="O741" i="5" s="1"/>
  <c r="J767" i="2"/>
  <c r="J741" i="5" s="1"/>
  <c r="N741" i="5" s="1"/>
  <c r="M767" i="2"/>
  <c r="M741" i="5" s="1"/>
  <c r="I3488" i="2"/>
  <c r="I3462" i="5" s="1"/>
  <c r="K3488" i="2"/>
  <c r="K3462" i="5" s="1"/>
  <c r="O3462" i="5" s="1"/>
  <c r="J3488" i="2"/>
  <c r="J3462" i="5" s="1"/>
  <c r="N3462" i="5" s="1"/>
  <c r="L3488" i="2"/>
  <c r="L3462" i="5" s="1"/>
  <c r="M3488" i="2"/>
  <c r="M3462" i="5" s="1"/>
  <c r="L2101" i="2"/>
  <c r="L2075" i="5" s="1"/>
  <c r="I2101" i="2"/>
  <c r="I2075" i="5" s="1"/>
  <c r="J2101" i="2"/>
  <c r="J2075" i="5" s="1"/>
  <c r="N2075" i="5" s="1"/>
  <c r="K2101" i="2"/>
  <c r="K2075" i="5" s="1"/>
  <c r="O2075" i="5" s="1"/>
  <c r="M2101" i="2"/>
  <c r="M2075" i="5" s="1"/>
  <c r="K5434" i="2"/>
  <c r="K5408" i="5" s="1"/>
  <c r="O5408" i="5" s="1"/>
  <c r="L5434" i="2"/>
  <c r="L5408" i="5" s="1"/>
  <c r="M5434" i="2"/>
  <c r="M5408" i="5" s="1"/>
  <c r="J5434" i="2"/>
  <c r="J5408" i="5" s="1"/>
  <c r="N5408" i="5" s="1"/>
  <c r="I5434" i="2"/>
  <c r="I5408" i="5" s="1"/>
  <c r="C233" i="5"/>
  <c r="AR227" i="1"/>
  <c r="M1489" i="2"/>
  <c r="M1463" i="5" s="1"/>
  <c r="J1489" i="2"/>
  <c r="J1463" i="5" s="1"/>
  <c r="N1463" i="5" s="1"/>
  <c r="L1489" i="2"/>
  <c r="L1463" i="5" s="1"/>
  <c r="I1489" i="2"/>
  <c r="I1463" i="5" s="1"/>
  <c r="K1489" i="2"/>
  <c r="K1463" i="5" s="1"/>
  <c r="O1463" i="5" s="1"/>
  <c r="L8514" i="2"/>
  <c r="L8488" i="5" s="1"/>
  <c r="M8514" i="2"/>
  <c r="M8488" i="5" s="1"/>
  <c r="I8514" i="2"/>
  <c r="I8488" i="5" s="1"/>
  <c r="K8514" i="2"/>
  <c r="K8488" i="5" s="1"/>
  <c r="O8488" i="5" s="1"/>
  <c r="J8514" i="2"/>
  <c r="J8488" i="5" s="1"/>
  <c r="N8488" i="5" s="1"/>
  <c r="J8521" i="2"/>
  <c r="J8495" i="5" s="1"/>
  <c r="N8495" i="5" s="1"/>
  <c r="L8521" i="2"/>
  <c r="L8495" i="5" s="1"/>
  <c r="M8521" i="2"/>
  <c r="M8495" i="5" s="1"/>
  <c r="I8521" i="2"/>
  <c r="I8495" i="5" s="1"/>
  <c r="K8521" i="2"/>
  <c r="K8495" i="5" s="1"/>
  <c r="O8495" i="5" s="1"/>
  <c r="I5815" i="2"/>
  <c r="I5789" i="5" s="1"/>
  <c r="J5815" i="2"/>
  <c r="J5789" i="5" s="1"/>
  <c r="N5789" i="5" s="1"/>
  <c r="L5815" i="2"/>
  <c r="L5789" i="5" s="1"/>
  <c r="K5815" i="2"/>
  <c r="K5789" i="5" s="1"/>
  <c r="O5789" i="5" s="1"/>
  <c r="M5815" i="2"/>
  <c r="M5789" i="5" s="1"/>
  <c r="L68" i="2"/>
  <c r="L42" i="5" s="1"/>
  <c r="M68" i="2"/>
  <c r="M42" i="5" s="1"/>
  <c r="J68" i="2"/>
  <c r="J42" i="5" s="1"/>
  <c r="N42" i="5" s="1"/>
  <c r="I68" i="2"/>
  <c r="I42" i="5" s="1"/>
  <c r="K68" i="2"/>
  <c r="K42" i="5" s="1"/>
  <c r="O42" i="5" s="1"/>
  <c r="L2790" i="2"/>
  <c r="L2764" i="5" s="1"/>
  <c r="M2790" i="2"/>
  <c r="M2764" i="5" s="1"/>
  <c r="J2790" i="2"/>
  <c r="J2764" i="5" s="1"/>
  <c r="N2764" i="5" s="1"/>
  <c r="I2790" i="2"/>
  <c r="I2764" i="5" s="1"/>
  <c r="K2790" i="2"/>
  <c r="K2764" i="5" s="1"/>
  <c r="O2764" i="5" s="1"/>
  <c r="L1457" i="2"/>
  <c r="L1431" i="5" s="1"/>
  <c r="J1457" i="2"/>
  <c r="J1431" i="5" s="1"/>
  <c r="N1431" i="5" s="1"/>
  <c r="I1457" i="2"/>
  <c r="I1431" i="5" s="1"/>
  <c r="M1457" i="2"/>
  <c r="M1431" i="5" s="1"/>
  <c r="K1457" i="2"/>
  <c r="K1431" i="5" s="1"/>
  <c r="O1431" i="5" s="1"/>
  <c r="J8290" i="2"/>
  <c r="J8264" i="5" s="1"/>
  <c r="N8264" i="5" s="1"/>
  <c r="L8290" i="2"/>
  <c r="L8264" i="5" s="1"/>
  <c r="I8290" i="2"/>
  <c r="I8264" i="5" s="1"/>
  <c r="K8290" i="2"/>
  <c r="K8264" i="5" s="1"/>
  <c r="O8264" i="5" s="1"/>
  <c r="M8290" i="2"/>
  <c r="M8264" i="5" s="1"/>
  <c r="I1219" i="2"/>
  <c r="I1193" i="5" s="1"/>
  <c r="K1219" i="2"/>
  <c r="K1193" i="5" s="1"/>
  <c r="O1193" i="5" s="1"/>
  <c r="J1219" i="2"/>
  <c r="J1193" i="5" s="1"/>
  <c r="N1193" i="5" s="1"/>
  <c r="M1219" i="2"/>
  <c r="M1193" i="5" s="1"/>
  <c r="L1219" i="2"/>
  <c r="L1193" i="5" s="1"/>
  <c r="I5143" i="2"/>
  <c r="I5117" i="5" s="1"/>
  <c r="K5143" i="2"/>
  <c r="K5117" i="5" s="1"/>
  <c r="O5117" i="5" s="1"/>
  <c r="M5143" i="2"/>
  <c r="M5117" i="5" s="1"/>
  <c r="J5143" i="2"/>
  <c r="J5117" i="5" s="1"/>
  <c r="N5117" i="5" s="1"/>
  <c r="L5143" i="2"/>
  <c r="L5117" i="5" s="1"/>
  <c r="L6015" i="2"/>
  <c r="L5989" i="5" s="1"/>
  <c r="M6015" i="2"/>
  <c r="M5989" i="5" s="1"/>
  <c r="J6015" i="2"/>
  <c r="J5989" i="5" s="1"/>
  <c r="N5989" i="5" s="1"/>
  <c r="I6015" i="2"/>
  <c r="I5989" i="5" s="1"/>
  <c r="K6015" i="2"/>
  <c r="K5989" i="5" s="1"/>
  <c r="O5989" i="5" s="1"/>
  <c r="L49" i="2"/>
  <c r="L23" i="5" s="1"/>
  <c r="M49" i="2"/>
  <c r="M23" i="5" s="1"/>
  <c r="I49" i="2"/>
  <c r="I23" i="5" s="1"/>
  <c r="K49" i="2"/>
  <c r="K23" i="5" s="1"/>
  <c r="O23" i="5" s="1"/>
  <c r="J49" i="2"/>
  <c r="J23" i="5" s="1"/>
  <c r="N23" i="5" s="1"/>
  <c r="L5266" i="2"/>
  <c r="L5240" i="5" s="1"/>
  <c r="I5266" i="2"/>
  <c r="I5240" i="5" s="1"/>
  <c r="K5266" i="2"/>
  <c r="K5240" i="5" s="1"/>
  <c r="O5240" i="5" s="1"/>
  <c r="J5266" i="2"/>
  <c r="J5240" i="5" s="1"/>
  <c r="N5240" i="5" s="1"/>
  <c r="M5266" i="2"/>
  <c r="M5240" i="5" s="1"/>
  <c r="I7648" i="2"/>
  <c r="I7622" i="5" s="1"/>
  <c r="M7648" i="2"/>
  <c r="M7622" i="5" s="1"/>
  <c r="K7648" i="2"/>
  <c r="K7622" i="5" s="1"/>
  <c r="O7622" i="5" s="1"/>
  <c r="L7648" i="2"/>
  <c r="L7622" i="5" s="1"/>
  <c r="J7648" i="2"/>
  <c r="J7622" i="5" s="1"/>
  <c r="N7622" i="5" s="1"/>
  <c r="I1047" i="2"/>
  <c r="I1021" i="5" s="1"/>
  <c r="K1047" i="2"/>
  <c r="K1021" i="5" s="1"/>
  <c r="O1021" i="5" s="1"/>
  <c r="J1047" i="2"/>
  <c r="J1021" i="5" s="1"/>
  <c r="N1021" i="5" s="1"/>
  <c r="L1047" i="2"/>
  <c r="L1021" i="5" s="1"/>
  <c r="M1047" i="2"/>
  <c r="M1021" i="5" s="1"/>
  <c r="K4816" i="2"/>
  <c r="K4790" i="5" s="1"/>
  <c r="O4790" i="5" s="1"/>
  <c r="M4816" i="2"/>
  <c r="M4790" i="5" s="1"/>
  <c r="L4816" i="2"/>
  <c r="L4790" i="5" s="1"/>
  <c r="J4816" i="2"/>
  <c r="J4790" i="5" s="1"/>
  <c r="N4790" i="5" s="1"/>
  <c r="I4816" i="2"/>
  <c r="I4790" i="5" s="1"/>
  <c r="I2279" i="2"/>
  <c r="I2253" i="5" s="1"/>
  <c r="K2279" i="2"/>
  <c r="K2253" i="5" s="1"/>
  <c r="O2253" i="5" s="1"/>
  <c r="J2279" i="2"/>
  <c r="J2253" i="5" s="1"/>
  <c r="N2253" i="5" s="1"/>
  <c r="M2279" i="2"/>
  <c r="M2253" i="5" s="1"/>
  <c r="L2279" i="2"/>
  <c r="L2253" i="5" s="1"/>
  <c r="K6476" i="2"/>
  <c r="K6450" i="5" s="1"/>
  <c r="O6450" i="5" s="1"/>
  <c r="I6476" i="2"/>
  <c r="I6450" i="5" s="1"/>
  <c r="L6476" i="2"/>
  <c r="L6450" i="5" s="1"/>
  <c r="M6476" i="2"/>
  <c r="M6450" i="5" s="1"/>
  <c r="J6476" i="2"/>
  <c r="J6450" i="5" s="1"/>
  <c r="N6450" i="5" s="1"/>
  <c r="J6473" i="2"/>
  <c r="J6447" i="5" s="1"/>
  <c r="N6447" i="5" s="1"/>
  <c r="I6473" i="2"/>
  <c r="I6447" i="5" s="1"/>
  <c r="K6473" i="2"/>
  <c r="K6447" i="5" s="1"/>
  <c r="O6447" i="5" s="1"/>
  <c r="M6473" i="2"/>
  <c r="M6447" i="5" s="1"/>
  <c r="L6473" i="2"/>
  <c r="L6447" i="5" s="1"/>
  <c r="L2634" i="2"/>
  <c r="L2608" i="5" s="1"/>
  <c r="M2634" i="2"/>
  <c r="M2608" i="5" s="1"/>
  <c r="I2634" i="2"/>
  <c r="I2608" i="5" s="1"/>
  <c r="K2634" i="2"/>
  <c r="K2608" i="5" s="1"/>
  <c r="O2608" i="5" s="1"/>
  <c r="J2634" i="2"/>
  <c r="J2608" i="5" s="1"/>
  <c r="N2608" i="5" s="1"/>
  <c r="K3125" i="2"/>
  <c r="K3099" i="5" s="1"/>
  <c r="O3099" i="5" s="1"/>
  <c r="I3125" i="2"/>
  <c r="I3099" i="5" s="1"/>
  <c r="J3125" i="2"/>
  <c r="J3099" i="5" s="1"/>
  <c r="N3099" i="5" s="1"/>
  <c r="L3125" i="2"/>
  <c r="L3099" i="5" s="1"/>
  <c r="M3125" i="2"/>
  <c r="M3099" i="5" s="1"/>
  <c r="I7016" i="2"/>
  <c r="I6990" i="5" s="1"/>
  <c r="K7016" i="2"/>
  <c r="K6990" i="5" s="1"/>
  <c r="O6990" i="5" s="1"/>
  <c r="J7016" i="2"/>
  <c r="J6990" i="5" s="1"/>
  <c r="N6990" i="5" s="1"/>
  <c r="L7016" i="2"/>
  <c r="L6990" i="5" s="1"/>
  <c r="M7016" i="2"/>
  <c r="M6990" i="5" s="1"/>
  <c r="I1289" i="2"/>
  <c r="I1263" i="5" s="1"/>
  <c r="K1289" i="2"/>
  <c r="K1263" i="5" s="1"/>
  <c r="O1263" i="5" s="1"/>
  <c r="J1289" i="2"/>
  <c r="J1263" i="5" s="1"/>
  <c r="N1263" i="5" s="1"/>
  <c r="L1289" i="2"/>
  <c r="L1263" i="5" s="1"/>
  <c r="M1289" i="2"/>
  <c r="M1263" i="5" s="1"/>
  <c r="M5983" i="2"/>
  <c r="M5957" i="5" s="1"/>
  <c r="I5983" i="2"/>
  <c r="I5957" i="5" s="1"/>
  <c r="J5983" i="2"/>
  <c r="J5957" i="5" s="1"/>
  <c r="N5957" i="5" s="1"/>
  <c r="L5983" i="2"/>
  <c r="L5957" i="5" s="1"/>
  <c r="K5983" i="2"/>
  <c r="K5957" i="5" s="1"/>
  <c r="O5957" i="5" s="1"/>
  <c r="M3091" i="2"/>
  <c r="M3065" i="5" s="1"/>
  <c r="L3091" i="2"/>
  <c r="L3065" i="5" s="1"/>
  <c r="I3091" i="2"/>
  <c r="I3065" i="5" s="1"/>
  <c r="K3091" i="2"/>
  <c r="K3065" i="5" s="1"/>
  <c r="O3065" i="5" s="1"/>
  <c r="J3091" i="2"/>
  <c r="J3065" i="5" s="1"/>
  <c r="N3065" i="5" s="1"/>
  <c r="J3087" i="2"/>
  <c r="J3061" i="5" s="1"/>
  <c r="N3061" i="5" s="1"/>
  <c r="L3087" i="2"/>
  <c r="L3061" i="5" s="1"/>
  <c r="I3087" i="2"/>
  <c r="I3061" i="5" s="1"/>
  <c r="M3087" i="2"/>
  <c r="M3061" i="5" s="1"/>
  <c r="K3087" i="2"/>
  <c r="K3061" i="5" s="1"/>
  <c r="O3061" i="5" s="1"/>
  <c r="M1096" i="2"/>
  <c r="M1070" i="5" s="1"/>
  <c r="I1096" i="2"/>
  <c r="I1070" i="5" s="1"/>
  <c r="K1096" i="2"/>
  <c r="K1070" i="5" s="1"/>
  <c r="O1070" i="5" s="1"/>
  <c r="J1096" i="2"/>
  <c r="J1070" i="5" s="1"/>
  <c r="N1070" i="5" s="1"/>
  <c r="L1096" i="2"/>
  <c r="L1070" i="5" s="1"/>
  <c r="L485" i="2"/>
  <c r="L459" i="5" s="1"/>
  <c r="K485" i="2"/>
  <c r="K459" i="5" s="1"/>
  <c r="O459" i="5" s="1"/>
  <c r="I485" i="2"/>
  <c r="I459" i="5" s="1"/>
  <c r="M485" i="2"/>
  <c r="M459" i="5" s="1"/>
  <c r="J485" i="2"/>
  <c r="J459" i="5" s="1"/>
  <c r="N459" i="5" s="1"/>
  <c r="M230" i="2"/>
  <c r="M204" i="5" s="1"/>
  <c r="J230" i="2"/>
  <c r="J204" i="5" s="1"/>
  <c r="N204" i="5" s="1"/>
  <c r="I230" i="2"/>
  <c r="I204" i="5" s="1"/>
  <c r="L230" i="2"/>
  <c r="L204" i="5" s="1"/>
  <c r="K230" i="2"/>
  <c r="K204" i="5" s="1"/>
  <c r="O204" i="5" s="1"/>
  <c r="K6945" i="2"/>
  <c r="K6919" i="5" s="1"/>
  <c r="O6919" i="5" s="1"/>
  <c r="M6945" i="2"/>
  <c r="M6919" i="5" s="1"/>
  <c r="J6945" i="2"/>
  <c r="J6919" i="5" s="1"/>
  <c r="N6919" i="5" s="1"/>
  <c r="I6945" i="2"/>
  <c r="I6919" i="5" s="1"/>
  <c r="L6945" i="2"/>
  <c r="L6919" i="5" s="1"/>
  <c r="K5501" i="2"/>
  <c r="K5475" i="5" s="1"/>
  <c r="O5475" i="5" s="1"/>
  <c r="J5501" i="2"/>
  <c r="J5475" i="5" s="1"/>
  <c r="N5475" i="5" s="1"/>
  <c r="M5501" i="2"/>
  <c r="M5475" i="5" s="1"/>
  <c r="L5501" i="2"/>
  <c r="L5475" i="5" s="1"/>
  <c r="I5501" i="2"/>
  <c r="I5475" i="5" s="1"/>
  <c r="K5495" i="2"/>
  <c r="K5469" i="5" s="1"/>
  <c r="O5469" i="5" s="1"/>
  <c r="I5495" i="2"/>
  <c r="I5469" i="5" s="1"/>
  <c r="J5495" i="2"/>
  <c r="J5469" i="5" s="1"/>
  <c r="N5469" i="5" s="1"/>
  <c r="L5495" i="2"/>
  <c r="L5469" i="5" s="1"/>
  <c r="M5495" i="2"/>
  <c r="M5469" i="5" s="1"/>
  <c r="J4747" i="2"/>
  <c r="J4721" i="5" s="1"/>
  <c r="N4721" i="5" s="1"/>
  <c r="L4747" i="2"/>
  <c r="L4721" i="5" s="1"/>
  <c r="I4747" i="2"/>
  <c r="I4721" i="5" s="1"/>
  <c r="K4747" i="2"/>
  <c r="K4721" i="5" s="1"/>
  <c r="O4721" i="5" s="1"/>
  <c r="M4747" i="2"/>
  <c r="M4721" i="5" s="1"/>
  <c r="K8167" i="2"/>
  <c r="K8141" i="5" s="1"/>
  <c r="O8141" i="5" s="1"/>
  <c r="J8167" i="2"/>
  <c r="J8141" i="5" s="1"/>
  <c r="N8141" i="5" s="1"/>
  <c r="L8167" i="2"/>
  <c r="L8141" i="5" s="1"/>
  <c r="M8167" i="2"/>
  <c r="M8141" i="5" s="1"/>
  <c r="I8167" i="2"/>
  <c r="I8141" i="5" s="1"/>
  <c r="I1891" i="2"/>
  <c r="I1865" i="5" s="1"/>
  <c r="K1891" i="2"/>
  <c r="K1865" i="5" s="1"/>
  <c r="O1865" i="5" s="1"/>
  <c r="J1891" i="2"/>
  <c r="J1865" i="5" s="1"/>
  <c r="N1865" i="5" s="1"/>
  <c r="L1891" i="2"/>
  <c r="L1865" i="5" s="1"/>
  <c r="M1891" i="2"/>
  <c r="M1865" i="5" s="1"/>
  <c r="I4783" i="2"/>
  <c r="I4757" i="5" s="1"/>
  <c r="K4783" i="2"/>
  <c r="K4757" i="5" s="1"/>
  <c r="O4757" i="5" s="1"/>
  <c r="J4783" i="2"/>
  <c r="J4757" i="5" s="1"/>
  <c r="N4757" i="5" s="1"/>
  <c r="M4783" i="2"/>
  <c r="M4757" i="5" s="1"/>
  <c r="L4783" i="2"/>
  <c r="L4757" i="5" s="1"/>
  <c r="I3672" i="2"/>
  <c r="I3646" i="5" s="1"/>
  <c r="K3672" i="2"/>
  <c r="K3646" i="5" s="1"/>
  <c r="O3646" i="5" s="1"/>
  <c r="L3672" i="2"/>
  <c r="L3646" i="5" s="1"/>
  <c r="J3672" i="2"/>
  <c r="J3646" i="5" s="1"/>
  <c r="N3646" i="5" s="1"/>
  <c r="M3672" i="2"/>
  <c r="M3646" i="5" s="1"/>
  <c r="L5644" i="2"/>
  <c r="L5618" i="5" s="1"/>
  <c r="M5644" i="2"/>
  <c r="M5618" i="5" s="1"/>
  <c r="I5644" i="2"/>
  <c r="I5618" i="5" s="1"/>
  <c r="K5644" i="2"/>
  <c r="K5618" i="5" s="1"/>
  <c r="O5618" i="5" s="1"/>
  <c r="J5644" i="2"/>
  <c r="J5618" i="5" s="1"/>
  <c r="N5618" i="5" s="1"/>
  <c r="J5631" i="2"/>
  <c r="J5605" i="5" s="1"/>
  <c r="N5605" i="5" s="1"/>
  <c r="M5631" i="2"/>
  <c r="M5605" i="5" s="1"/>
  <c r="L5631" i="2"/>
  <c r="L5605" i="5" s="1"/>
  <c r="I5631" i="2"/>
  <c r="I5605" i="5" s="1"/>
  <c r="K5631" i="2"/>
  <c r="K5605" i="5" s="1"/>
  <c r="O5605" i="5" s="1"/>
  <c r="K2062" i="2"/>
  <c r="K2036" i="5" s="1"/>
  <c r="O2036" i="5" s="1"/>
  <c r="J2062" i="2"/>
  <c r="J2036" i="5" s="1"/>
  <c r="N2036" i="5" s="1"/>
  <c r="L2062" i="2"/>
  <c r="L2036" i="5" s="1"/>
  <c r="M2062" i="2"/>
  <c r="M2036" i="5" s="1"/>
  <c r="I2062" i="2"/>
  <c r="I2036" i="5" s="1"/>
  <c r="L7629" i="2"/>
  <c r="L7603" i="5" s="1"/>
  <c r="K7629" i="2"/>
  <c r="K7603" i="5" s="1"/>
  <c r="O7603" i="5" s="1"/>
  <c r="M7629" i="2"/>
  <c r="M7603" i="5" s="1"/>
  <c r="I7629" i="2"/>
  <c r="I7603" i="5" s="1"/>
  <c r="J7629" i="2"/>
  <c r="J7603" i="5" s="1"/>
  <c r="N7603" i="5" s="1"/>
  <c r="M4450" i="2"/>
  <c r="M4424" i="5" s="1"/>
  <c r="J4450" i="2"/>
  <c r="J4424" i="5" s="1"/>
  <c r="N4424" i="5" s="1"/>
  <c r="K4450" i="2"/>
  <c r="K4424" i="5" s="1"/>
  <c r="O4424" i="5" s="1"/>
  <c r="L4450" i="2"/>
  <c r="L4424" i="5" s="1"/>
  <c r="I4450" i="2"/>
  <c r="I4424" i="5" s="1"/>
  <c r="I7680" i="2"/>
  <c r="I7654" i="5" s="1"/>
  <c r="K7680" i="2"/>
  <c r="K7654" i="5" s="1"/>
  <c r="O7654" i="5" s="1"/>
  <c r="J7680" i="2"/>
  <c r="J7654" i="5" s="1"/>
  <c r="N7654" i="5" s="1"/>
  <c r="L7680" i="2"/>
  <c r="L7654" i="5" s="1"/>
  <c r="M7680" i="2"/>
  <c r="M7654" i="5" s="1"/>
  <c r="J7688" i="2"/>
  <c r="J7662" i="5" s="1"/>
  <c r="N7662" i="5" s="1"/>
  <c r="L7688" i="2"/>
  <c r="L7662" i="5" s="1"/>
  <c r="I7688" i="2"/>
  <c r="I7662" i="5" s="1"/>
  <c r="K7688" i="2"/>
  <c r="K7662" i="5" s="1"/>
  <c r="O7662" i="5" s="1"/>
  <c r="M7688" i="2"/>
  <c r="M7662" i="5" s="1"/>
  <c r="M4180" i="2"/>
  <c r="M4154" i="5" s="1"/>
  <c r="L4180" i="2"/>
  <c r="L4154" i="5" s="1"/>
  <c r="J4180" i="2"/>
  <c r="J4154" i="5" s="1"/>
  <c r="N4154" i="5" s="1"/>
  <c r="I4180" i="2"/>
  <c r="I4154" i="5" s="1"/>
  <c r="K4180" i="2"/>
  <c r="K4154" i="5" s="1"/>
  <c r="O4154" i="5" s="1"/>
  <c r="L2393" i="2"/>
  <c r="L2367" i="5" s="1"/>
  <c r="J2393" i="2"/>
  <c r="J2367" i="5" s="1"/>
  <c r="N2367" i="5" s="1"/>
  <c r="M2393" i="2"/>
  <c r="M2367" i="5" s="1"/>
  <c r="I2393" i="2"/>
  <c r="I2367" i="5" s="1"/>
  <c r="K2393" i="2"/>
  <c r="K2367" i="5" s="1"/>
  <c r="O2367" i="5" s="1"/>
  <c r="L8644" i="2"/>
  <c r="L8618" i="5" s="1"/>
  <c r="K8644" i="2"/>
  <c r="K8618" i="5" s="1"/>
  <c r="O8618" i="5" s="1"/>
  <c r="J8644" i="2"/>
  <c r="J8618" i="5" s="1"/>
  <c r="N8618" i="5" s="1"/>
  <c r="M8644" i="2"/>
  <c r="M8618" i="5" s="1"/>
  <c r="I8644" i="2"/>
  <c r="I8618" i="5" s="1"/>
  <c r="I3640" i="2"/>
  <c r="I3614" i="5" s="1"/>
  <c r="J3640" i="2"/>
  <c r="J3614" i="5" s="1"/>
  <c r="N3614" i="5" s="1"/>
  <c r="K3640" i="2"/>
  <c r="K3614" i="5" s="1"/>
  <c r="O3614" i="5" s="1"/>
  <c r="M3640" i="2"/>
  <c r="M3614" i="5" s="1"/>
  <c r="L3640" i="2"/>
  <c r="L3614" i="5" s="1"/>
  <c r="J3599" i="2"/>
  <c r="J3573" i="5" s="1"/>
  <c r="N3573" i="5" s="1"/>
  <c r="M3599" i="2"/>
  <c r="M3573" i="5" s="1"/>
  <c r="I3599" i="2"/>
  <c r="I3573" i="5" s="1"/>
  <c r="L3599" i="2"/>
  <c r="L3573" i="5" s="1"/>
  <c r="K3599" i="2"/>
  <c r="K3573" i="5" s="1"/>
  <c r="O3573" i="5" s="1"/>
  <c r="M5509" i="2"/>
  <c r="M5483" i="5" s="1"/>
  <c r="J5509" i="2"/>
  <c r="J5483" i="5" s="1"/>
  <c r="N5483" i="5" s="1"/>
  <c r="L5509" i="2"/>
  <c r="L5483" i="5" s="1"/>
  <c r="I5509" i="2"/>
  <c r="I5483" i="5" s="1"/>
  <c r="K5509" i="2"/>
  <c r="K5483" i="5" s="1"/>
  <c r="O5483" i="5" s="1"/>
  <c r="AR230" i="1"/>
  <c r="C236" i="5"/>
  <c r="L5261" i="2"/>
  <c r="L5235" i="5" s="1"/>
  <c r="M5261" i="2"/>
  <c r="M5235" i="5" s="1"/>
  <c r="I5261" i="2"/>
  <c r="I5235" i="5" s="1"/>
  <c r="K5261" i="2"/>
  <c r="K5235" i="5" s="1"/>
  <c r="O5235" i="5" s="1"/>
  <c r="J5261" i="2"/>
  <c r="J5235" i="5" s="1"/>
  <c r="N5235" i="5" s="1"/>
  <c r="K6596" i="2"/>
  <c r="K6570" i="5" s="1"/>
  <c r="O6570" i="5" s="1"/>
  <c r="M6596" i="2"/>
  <c r="M6570" i="5" s="1"/>
  <c r="L6596" i="2"/>
  <c r="L6570" i="5" s="1"/>
  <c r="J6596" i="2"/>
  <c r="J6570" i="5" s="1"/>
  <c r="N6570" i="5" s="1"/>
  <c r="I6596" i="2"/>
  <c r="I6570" i="5" s="1"/>
  <c r="I2485" i="2"/>
  <c r="I2459" i="5" s="1"/>
  <c r="K2485" i="2"/>
  <c r="K2459" i="5" s="1"/>
  <c r="O2459" i="5" s="1"/>
  <c r="J2485" i="2"/>
  <c r="J2459" i="5" s="1"/>
  <c r="N2459" i="5" s="1"/>
  <c r="M2485" i="2"/>
  <c r="M2459" i="5" s="1"/>
  <c r="L2485" i="2"/>
  <c r="L2459" i="5" s="1"/>
  <c r="J2593" i="2"/>
  <c r="J2567" i="5" s="1"/>
  <c r="N2567" i="5" s="1"/>
  <c r="L2593" i="2"/>
  <c r="L2567" i="5" s="1"/>
  <c r="I2593" i="2"/>
  <c r="I2567" i="5" s="1"/>
  <c r="M2593" i="2"/>
  <c r="M2567" i="5" s="1"/>
  <c r="K2593" i="2"/>
  <c r="K2567" i="5" s="1"/>
  <c r="O2567" i="5" s="1"/>
  <c r="K2584" i="2"/>
  <c r="K2558" i="5" s="1"/>
  <c r="O2558" i="5" s="1"/>
  <c r="J2584" i="2"/>
  <c r="J2558" i="5" s="1"/>
  <c r="N2558" i="5" s="1"/>
  <c r="L2584" i="2"/>
  <c r="L2558" i="5" s="1"/>
  <c r="M2584" i="2"/>
  <c r="M2558" i="5" s="1"/>
  <c r="I2584" i="2"/>
  <c r="I2558" i="5" s="1"/>
  <c r="K6307" i="2"/>
  <c r="K6281" i="5" s="1"/>
  <c r="O6281" i="5" s="1"/>
  <c r="M6307" i="2"/>
  <c r="M6281" i="5" s="1"/>
  <c r="L6307" i="2"/>
  <c r="L6281" i="5" s="1"/>
  <c r="I6307" i="2"/>
  <c r="I6281" i="5" s="1"/>
  <c r="J6307" i="2"/>
  <c r="J6281" i="5" s="1"/>
  <c r="N6281" i="5" s="1"/>
  <c r="L3788" i="2"/>
  <c r="L3762" i="5" s="1"/>
  <c r="M3788" i="2"/>
  <c r="M3762" i="5" s="1"/>
  <c r="I3788" i="2"/>
  <c r="I3762" i="5" s="1"/>
  <c r="K3788" i="2"/>
  <c r="K3762" i="5" s="1"/>
  <c r="O3762" i="5" s="1"/>
  <c r="J3788" i="2"/>
  <c r="J3762" i="5" s="1"/>
  <c r="N3762" i="5" s="1"/>
  <c r="K3790" i="2"/>
  <c r="K3764" i="5" s="1"/>
  <c r="O3764" i="5" s="1"/>
  <c r="J3790" i="2"/>
  <c r="J3764" i="5" s="1"/>
  <c r="N3764" i="5" s="1"/>
  <c r="L3790" i="2"/>
  <c r="L3764" i="5" s="1"/>
  <c r="M3790" i="2"/>
  <c r="M3764" i="5" s="1"/>
  <c r="I3790" i="2"/>
  <c r="I3764" i="5" s="1"/>
  <c r="M2163" i="2"/>
  <c r="M2137" i="5" s="1"/>
  <c r="K2163" i="2"/>
  <c r="K2137" i="5" s="1"/>
  <c r="O2137" i="5" s="1"/>
  <c r="L2163" i="2"/>
  <c r="L2137" i="5" s="1"/>
  <c r="I2163" i="2"/>
  <c r="I2137" i="5" s="1"/>
  <c r="J2163" i="2"/>
  <c r="J2137" i="5" s="1"/>
  <c r="N2137" i="5" s="1"/>
  <c r="L2169" i="2"/>
  <c r="L2143" i="5" s="1"/>
  <c r="J2169" i="2"/>
  <c r="J2143" i="5" s="1"/>
  <c r="N2143" i="5" s="1"/>
  <c r="I2169" i="2"/>
  <c r="I2143" i="5" s="1"/>
  <c r="M2169" i="2"/>
  <c r="M2143" i="5" s="1"/>
  <c r="K2169" i="2"/>
  <c r="K2143" i="5" s="1"/>
  <c r="O2143" i="5" s="1"/>
  <c r="L6275" i="2"/>
  <c r="L6249" i="5" s="1"/>
  <c r="I6275" i="2"/>
  <c r="I6249" i="5" s="1"/>
  <c r="K6275" i="2"/>
  <c r="K6249" i="5" s="1"/>
  <c r="O6249" i="5" s="1"/>
  <c r="J6275" i="2"/>
  <c r="J6249" i="5" s="1"/>
  <c r="N6249" i="5" s="1"/>
  <c r="M6275" i="2"/>
  <c r="M6249" i="5" s="1"/>
  <c r="K3440" i="2"/>
  <c r="K3414" i="5" s="1"/>
  <c r="O3414" i="5" s="1"/>
  <c r="I3440" i="2"/>
  <c r="I3414" i="5" s="1"/>
  <c r="L3440" i="2"/>
  <c r="L3414" i="5" s="1"/>
  <c r="M3440" i="2"/>
  <c r="M3414" i="5" s="1"/>
  <c r="J3440" i="2"/>
  <c r="J3414" i="5" s="1"/>
  <c r="N3414" i="5" s="1"/>
  <c r="K3425" i="2"/>
  <c r="K3399" i="5" s="1"/>
  <c r="O3399" i="5" s="1"/>
  <c r="L3425" i="2"/>
  <c r="L3399" i="5" s="1"/>
  <c r="J3425" i="2"/>
  <c r="J3399" i="5" s="1"/>
  <c r="N3399" i="5" s="1"/>
  <c r="I3425" i="2"/>
  <c r="I3399" i="5" s="1"/>
  <c r="M3425" i="2"/>
  <c r="M3399" i="5" s="1"/>
  <c r="J6781" i="2"/>
  <c r="J6755" i="5" s="1"/>
  <c r="N6755" i="5" s="1"/>
  <c r="I6781" i="2"/>
  <c r="I6755" i="5" s="1"/>
  <c r="K6781" i="2"/>
  <c r="K6755" i="5" s="1"/>
  <c r="O6755" i="5" s="1"/>
  <c r="L6781" i="2"/>
  <c r="L6755" i="5" s="1"/>
  <c r="M6781" i="2"/>
  <c r="M6755" i="5" s="1"/>
  <c r="I7284" i="2"/>
  <c r="I7258" i="5" s="1"/>
  <c r="K7284" i="2"/>
  <c r="K7258" i="5" s="1"/>
  <c r="O7258" i="5" s="1"/>
  <c r="J7284" i="2"/>
  <c r="J7258" i="5" s="1"/>
  <c r="N7258" i="5" s="1"/>
  <c r="L7284" i="2"/>
  <c r="L7258" i="5" s="1"/>
  <c r="M7284" i="2"/>
  <c r="M7258" i="5" s="1"/>
  <c r="L1246" i="2"/>
  <c r="L1220" i="5" s="1"/>
  <c r="J1246" i="2"/>
  <c r="J1220" i="5" s="1"/>
  <c r="N1220" i="5" s="1"/>
  <c r="M1246" i="2"/>
  <c r="M1220" i="5" s="1"/>
  <c r="I1246" i="2"/>
  <c r="I1220" i="5" s="1"/>
  <c r="K1246" i="2"/>
  <c r="K1220" i="5" s="1"/>
  <c r="O1220" i="5" s="1"/>
  <c r="M3280" i="2"/>
  <c r="M3254" i="5" s="1"/>
  <c r="J3280" i="2"/>
  <c r="J3254" i="5" s="1"/>
  <c r="N3254" i="5" s="1"/>
  <c r="I3280" i="2"/>
  <c r="I3254" i="5" s="1"/>
  <c r="K3280" i="2"/>
  <c r="K3254" i="5" s="1"/>
  <c r="O3254" i="5" s="1"/>
  <c r="L3280" i="2"/>
  <c r="L3254" i="5" s="1"/>
  <c r="I6804" i="2"/>
  <c r="I6778" i="5" s="1"/>
  <c r="L6804" i="2"/>
  <c r="L6778" i="5" s="1"/>
  <c r="K6804" i="2"/>
  <c r="K6778" i="5" s="1"/>
  <c r="O6778" i="5" s="1"/>
  <c r="J6804" i="2"/>
  <c r="J6778" i="5" s="1"/>
  <c r="N6778" i="5" s="1"/>
  <c r="M6804" i="2"/>
  <c r="M6778" i="5" s="1"/>
  <c r="J5421" i="2"/>
  <c r="J5395" i="5" s="1"/>
  <c r="N5395" i="5" s="1"/>
  <c r="K5421" i="2"/>
  <c r="K5395" i="5" s="1"/>
  <c r="O5395" i="5" s="1"/>
  <c r="L5421" i="2"/>
  <c r="L5395" i="5" s="1"/>
  <c r="M5421" i="2"/>
  <c r="M5395" i="5" s="1"/>
  <c r="I5421" i="2"/>
  <c r="I5395" i="5" s="1"/>
  <c r="M129" i="2"/>
  <c r="M103" i="5" s="1"/>
  <c r="I129" i="2"/>
  <c r="I103" i="5" s="1"/>
  <c r="L129" i="2"/>
  <c r="L103" i="5" s="1"/>
  <c r="J129" i="2"/>
  <c r="J103" i="5" s="1"/>
  <c r="N103" i="5" s="1"/>
  <c r="K129" i="2"/>
  <c r="K103" i="5" s="1"/>
  <c r="O103" i="5" s="1"/>
  <c r="L121" i="2"/>
  <c r="L95" i="5" s="1"/>
  <c r="M121" i="2"/>
  <c r="M95" i="5" s="1"/>
  <c r="K121" i="2"/>
  <c r="K95" i="5" s="1"/>
  <c r="O95" i="5" s="1"/>
  <c r="J121" i="2"/>
  <c r="J95" i="5" s="1"/>
  <c r="N95" i="5" s="1"/>
  <c r="I121" i="2"/>
  <c r="I95" i="5" s="1"/>
  <c r="L3913" i="2"/>
  <c r="L3887" i="5" s="1"/>
  <c r="M3913" i="2"/>
  <c r="M3887" i="5" s="1"/>
  <c r="I3913" i="2"/>
  <c r="I3887" i="5" s="1"/>
  <c r="K3913" i="2"/>
  <c r="K3887" i="5" s="1"/>
  <c r="O3887" i="5" s="1"/>
  <c r="J3913" i="2"/>
  <c r="J3887" i="5" s="1"/>
  <c r="N3887" i="5" s="1"/>
  <c r="K258" i="2"/>
  <c r="K232" i="5" s="1"/>
  <c r="O232" i="5" s="1"/>
  <c r="I258" i="2"/>
  <c r="I232" i="5" s="1"/>
  <c r="L258" i="2"/>
  <c r="L232" i="5" s="1"/>
  <c r="M258" i="2"/>
  <c r="M232" i="5" s="1"/>
  <c r="J258" i="2"/>
  <c r="J232" i="5" s="1"/>
  <c r="N232" i="5" s="1"/>
  <c r="K6364" i="2"/>
  <c r="K6338" i="5" s="1"/>
  <c r="O6338" i="5" s="1"/>
  <c r="J6364" i="2"/>
  <c r="J6338" i="5" s="1"/>
  <c r="N6338" i="5" s="1"/>
  <c r="I6364" i="2"/>
  <c r="I6338" i="5" s="1"/>
  <c r="M6364" i="2"/>
  <c r="M6338" i="5" s="1"/>
  <c r="L6364" i="2"/>
  <c r="L6338" i="5" s="1"/>
  <c r="I7207" i="2"/>
  <c r="I7181" i="5" s="1"/>
  <c r="K7207" i="2"/>
  <c r="K7181" i="5" s="1"/>
  <c r="O7181" i="5" s="1"/>
  <c r="J7207" i="2"/>
  <c r="J7181" i="5" s="1"/>
  <c r="N7181" i="5" s="1"/>
  <c r="M7207" i="2"/>
  <c r="M7181" i="5" s="1"/>
  <c r="L7207" i="2"/>
  <c r="L7181" i="5" s="1"/>
  <c r="L1572" i="2"/>
  <c r="L1546" i="5" s="1"/>
  <c r="M1572" i="2"/>
  <c r="M1546" i="5" s="1"/>
  <c r="J1572" i="2"/>
  <c r="J1546" i="5" s="1"/>
  <c r="N1546" i="5" s="1"/>
  <c r="I1572" i="2"/>
  <c r="I1546" i="5" s="1"/>
  <c r="K1572" i="2"/>
  <c r="K1546" i="5" s="1"/>
  <c r="O1546" i="5" s="1"/>
  <c r="I3503" i="2"/>
  <c r="I3477" i="5" s="1"/>
  <c r="M3503" i="2"/>
  <c r="M3477" i="5" s="1"/>
  <c r="K3503" i="2"/>
  <c r="K3477" i="5" s="1"/>
  <c r="O3477" i="5" s="1"/>
  <c r="J3503" i="2"/>
  <c r="J3477" i="5" s="1"/>
  <c r="N3477" i="5" s="1"/>
  <c r="L3503" i="2"/>
  <c r="L3477" i="5" s="1"/>
  <c r="J6690" i="2"/>
  <c r="J6664" i="5" s="1"/>
  <c r="N6664" i="5" s="1"/>
  <c r="L6690" i="2"/>
  <c r="L6664" i="5" s="1"/>
  <c r="I6690" i="2"/>
  <c r="I6664" i="5" s="1"/>
  <c r="M6690" i="2"/>
  <c r="M6664" i="5" s="1"/>
  <c r="K6690" i="2"/>
  <c r="K6664" i="5" s="1"/>
  <c r="O6664" i="5" s="1"/>
  <c r="L7132" i="2"/>
  <c r="L7106" i="5" s="1"/>
  <c r="M7132" i="2"/>
  <c r="M7106" i="5" s="1"/>
  <c r="J7132" i="2"/>
  <c r="J7106" i="5" s="1"/>
  <c r="N7106" i="5" s="1"/>
  <c r="I7132" i="2"/>
  <c r="I7106" i="5" s="1"/>
  <c r="K7132" i="2"/>
  <c r="K7106" i="5" s="1"/>
  <c r="O7106" i="5" s="1"/>
  <c r="K7137" i="2"/>
  <c r="K7111" i="5" s="1"/>
  <c r="O7111" i="5" s="1"/>
  <c r="L7137" i="2"/>
  <c r="L7111" i="5" s="1"/>
  <c r="J7137" i="2"/>
  <c r="J7111" i="5" s="1"/>
  <c r="N7111" i="5" s="1"/>
  <c r="M7137" i="2"/>
  <c r="M7111" i="5" s="1"/>
  <c r="I7137" i="2"/>
  <c r="I7111" i="5" s="1"/>
  <c r="M2136" i="2"/>
  <c r="M2110" i="5" s="1"/>
  <c r="L2136" i="2"/>
  <c r="L2110" i="5" s="1"/>
  <c r="I2136" i="2"/>
  <c r="I2110" i="5" s="1"/>
  <c r="K2136" i="2"/>
  <c r="K2110" i="5" s="1"/>
  <c r="O2110" i="5" s="1"/>
  <c r="J2136" i="2"/>
  <c r="J2110" i="5" s="1"/>
  <c r="N2110" i="5" s="1"/>
  <c r="I3333" i="2"/>
  <c r="I3307" i="5" s="1"/>
  <c r="K3333" i="2"/>
  <c r="K3307" i="5" s="1"/>
  <c r="O3307" i="5" s="1"/>
  <c r="J3333" i="2"/>
  <c r="J3307" i="5" s="1"/>
  <c r="N3307" i="5" s="1"/>
  <c r="L3333" i="2"/>
  <c r="L3307" i="5" s="1"/>
  <c r="M3333" i="2"/>
  <c r="M3307" i="5" s="1"/>
  <c r="M4507" i="2"/>
  <c r="M4481" i="5" s="1"/>
  <c r="L4507" i="2"/>
  <c r="L4481" i="5" s="1"/>
  <c r="J4507" i="2"/>
  <c r="J4481" i="5" s="1"/>
  <c r="N4481" i="5" s="1"/>
  <c r="I4507" i="2"/>
  <c r="I4481" i="5" s="1"/>
  <c r="K4507" i="2"/>
  <c r="K4481" i="5" s="1"/>
  <c r="O4481" i="5" s="1"/>
  <c r="L7431" i="2"/>
  <c r="L7405" i="5" s="1"/>
  <c r="M7431" i="2"/>
  <c r="M7405" i="5" s="1"/>
  <c r="I7431" i="2"/>
  <c r="I7405" i="5" s="1"/>
  <c r="K7431" i="2"/>
  <c r="K7405" i="5" s="1"/>
  <c r="O7405" i="5" s="1"/>
  <c r="J7431" i="2"/>
  <c r="J7405" i="5" s="1"/>
  <c r="N7405" i="5" s="1"/>
  <c r="M6505" i="2"/>
  <c r="M6479" i="5" s="1"/>
  <c r="J6505" i="2"/>
  <c r="J6479" i="5" s="1"/>
  <c r="N6479" i="5" s="1"/>
  <c r="L6505" i="2"/>
  <c r="L6479" i="5" s="1"/>
  <c r="I6505" i="2"/>
  <c r="I6479" i="5" s="1"/>
  <c r="K6505" i="2"/>
  <c r="K6479" i="5" s="1"/>
  <c r="O6479" i="5" s="1"/>
  <c r="M4838" i="2"/>
  <c r="M4812" i="5" s="1"/>
  <c r="L4838" i="2"/>
  <c r="L4812" i="5" s="1"/>
  <c r="I4838" i="2"/>
  <c r="I4812" i="5" s="1"/>
  <c r="K4838" i="2"/>
  <c r="K4812" i="5" s="1"/>
  <c r="O4812" i="5" s="1"/>
  <c r="J4838" i="2"/>
  <c r="J4812" i="5" s="1"/>
  <c r="N4812" i="5" s="1"/>
  <c r="C208" i="5"/>
  <c r="AR202" i="1"/>
  <c r="J7864" i="2"/>
  <c r="J7838" i="5" s="1"/>
  <c r="N7838" i="5" s="1"/>
  <c r="L7864" i="2"/>
  <c r="L7838" i="5" s="1"/>
  <c r="I7864" i="2"/>
  <c r="I7838" i="5" s="1"/>
  <c r="M7864" i="2"/>
  <c r="M7838" i="5" s="1"/>
  <c r="K7864" i="2"/>
  <c r="K7838" i="5" s="1"/>
  <c r="O7838" i="5" s="1"/>
  <c r="M4919" i="2"/>
  <c r="M4893" i="5" s="1"/>
  <c r="L4919" i="2"/>
  <c r="L4893" i="5" s="1"/>
  <c r="I4919" i="2"/>
  <c r="I4893" i="5" s="1"/>
  <c r="K4919" i="2"/>
  <c r="K4893" i="5" s="1"/>
  <c r="O4893" i="5" s="1"/>
  <c r="J4919" i="2"/>
  <c r="J4893" i="5" s="1"/>
  <c r="N4893" i="5" s="1"/>
  <c r="J4910" i="2"/>
  <c r="J4884" i="5" s="1"/>
  <c r="N4884" i="5" s="1"/>
  <c r="M4910" i="2"/>
  <c r="M4884" i="5" s="1"/>
  <c r="L4910" i="2"/>
  <c r="L4884" i="5" s="1"/>
  <c r="I4910" i="2"/>
  <c r="I4884" i="5" s="1"/>
  <c r="K4910" i="2"/>
  <c r="K4884" i="5" s="1"/>
  <c r="O4884" i="5" s="1"/>
  <c r="L8269" i="2"/>
  <c r="L8243" i="5" s="1"/>
  <c r="J8269" i="2"/>
  <c r="J8243" i="5" s="1"/>
  <c r="N8243" i="5" s="1"/>
  <c r="I8269" i="2"/>
  <c r="I8243" i="5" s="1"/>
  <c r="K8269" i="2"/>
  <c r="K8243" i="5" s="1"/>
  <c r="O8243" i="5" s="1"/>
  <c r="M8269" i="2"/>
  <c r="M8243" i="5" s="1"/>
  <c r="J4620" i="2"/>
  <c r="J4594" i="5" s="1"/>
  <c r="N4594" i="5" s="1"/>
  <c r="M4620" i="2"/>
  <c r="M4594" i="5" s="1"/>
  <c r="L4620" i="2"/>
  <c r="L4594" i="5" s="1"/>
  <c r="I4620" i="2"/>
  <c r="I4594" i="5" s="1"/>
  <c r="K4620" i="2"/>
  <c r="K4594" i="5" s="1"/>
  <c r="O4594" i="5" s="1"/>
  <c r="J2410" i="2"/>
  <c r="J2384" i="5" s="1"/>
  <c r="N2384" i="5" s="1"/>
  <c r="M2410" i="2"/>
  <c r="M2384" i="5" s="1"/>
  <c r="L2410" i="2"/>
  <c r="L2384" i="5" s="1"/>
  <c r="I2410" i="2"/>
  <c r="I2384" i="5" s="1"/>
  <c r="K2410" i="2"/>
  <c r="K2384" i="5" s="1"/>
  <c r="O2384" i="5" s="1"/>
  <c r="J2418" i="2"/>
  <c r="J2392" i="5" s="1"/>
  <c r="N2392" i="5" s="1"/>
  <c r="M2418" i="2"/>
  <c r="M2392" i="5" s="1"/>
  <c r="L2418" i="2"/>
  <c r="L2392" i="5" s="1"/>
  <c r="I2418" i="2"/>
  <c r="I2392" i="5" s="1"/>
  <c r="K2418" i="2"/>
  <c r="K2392" i="5" s="1"/>
  <c r="O2392" i="5" s="1"/>
  <c r="M5297" i="2"/>
  <c r="M5271" i="5" s="1"/>
  <c r="L5297" i="2"/>
  <c r="L5271" i="5" s="1"/>
  <c r="I5297" i="2"/>
  <c r="I5271" i="5" s="1"/>
  <c r="K5297" i="2"/>
  <c r="K5271" i="5" s="1"/>
  <c r="O5271" i="5" s="1"/>
  <c r="J5297" i="2"/>
  <c r="J5271" i="5" s="1"/>
  <c r="N5271" i="5" s="1"/>
  <c r="M7990" i="2"/>
  <c r="M7964" i="5" s="1"/>
  <c r="L7990" i="2"/>
  <c r="L7964" i="5" s="1"/>
  <c r="J7990" i="2"/>
  <c r="J7964" i="5" s="1"/>
  <c r="N7964" i="5" s="1"/>
  <c r="I7990" i="2"/>
  <c r="I7964" i="5" s="1"/>
  <c r="K7990" i="2"/>
  <c r="K7964" i="5" s="1"/>
  <c r="O7964" i="5" s="1"/>
  <c r="K4097" i="2"/>
  <c r="K4071" i="5" s="1"/>
  <c r="O4071" i="5" s="1"/>
  <c r="L4097" i="2"/>
  <c r="L4071" i="5" s="1"/>
  <c r="M4097" i="2"/>
  <c r="M4071" i="5" s="1"/>
  <c r="I4097" i="2"/>
  <c r="I4071" i="5" s="1"/>
  <c r="J4097" i="2"/>
  <c r="J4071" i="5" s="1"/>
  <c r="N4071" i="5" s="1"/>
  <c r="J4099" i="2"/>
  <c r="J4073" i="5" s="1"/>
  <c r="N4073" i="5" s="1"/>
  <c r="M4099" i="2"/>
  <c r="M4073" i="5" s="1"/>
  <c r="L4099" i="2"/>
  <c r="L4073" i="5" s="1"/>
  <c r="I4099" i="2"/>
  <c r="I4073" i="5" s="1"/>
  <c r="K4099" i="2"/>
  <c r="K4073" i="5" s="1"/>
  <c r="O4073" i="5" s="1"/>
  <c r="J8621" i="2"/>
  <c r="J8595" i="5" s="1"/>
  <c r="N8595" i="5" s="1"/>
  <c r="L8621" i="2"/>
  <c r="L8595" i="5" s="1"/>
  <c r="M8621" i="2"/>
  <c r="M8595" i="5" s="1"/>
  <c r="I8621" i="2"/>
  <c r="I8595" i="5" s="1"/>
  <c r="K8621" i="2"/>
  <c r="K8595" i="5" s="1"/>
  <c r="O8595" i="5" s="1"/>
  <c r="K6093" i="2"/>
  <c r="K6067" i="5" s="1"/>
  <c r="O6067" i="5" s="1"/>
  <c r="M6093" i="2"/>
  <c r="M6067" i="5" s="1"/>
  <c r="J6093" i="2"/>
  <c r="J6067" i="5" s="1"/>
  <c r="N6067" i="5" s="1"/>
  <c r="L6093" i="2"/>
  <c r="L6067" i="5" s="1"/>
  <c r="I6093" i="2"/>
  <c r="I6067" i="5" s="1"/>
  <c r="J6090" i="2"/>
  <c r="J6064" i="5" s="1"/>
  <c r="N6064" i="5" s="1"/>
  <c r="M6090" i="2"/>
  <c r="M6064" i="5" s="1"/>
  <c r="I6090" i="2"/>
  <c r="I6064" i="5" s="1"/>
  <c r="K6090" i="2"/>
  <c r="K6064" i="5" s="1"/>
  <c r="O6064" i="5" s="1"/>
  <c r="L6090" i="2"/>
  <c r="L6064" i="5" s="1"/>
  <c r="K3980" i="2"/>
  <c r="K3954" i="5" s="1"/>
  <c r="O3954" i="5" s="1"/>
  <c r="J3980" i="2"/>
  <c r="J3954" i="5" s="1"/>
  <c r="N3954" i="5" s="1"/>
  <c r="M3980" i="2"/>
  <c r="M3954" i="5" s="1"/>
  <c r="I3980" i="2"/>
  <c r="I3954" i="5" s="1"/>
  <c r="L3980" i="2"/>
  <c r="L3954" i="5" s="1"/>
  <c r="K6148" i="2"/>
  <c r="K6122" i="5" s="1"/>
  <c r="O6122" i="5" s="1"/>
  <c r="J6148" i="2"/>
  <c r="J6122" i="5" s="1"/>
  <c r="N6122" i="5" s="1"/>
  <c r="L6148" i="2"/>
  <c r="L6122" i="5" s="1"/>
  <c r="M6148" i="2"/>
  <c r="M6122" i="5" s="1"/>
  <c r="I6148" i="2"/>
  <c r="I6122" i="5" s="1"/>
  <c r="I5779" i="2"/>
  <c r="I5753" i="5" s="1"/>
  <c r="M5779" i="2"/>
  <c r="M5753" i="5" s="1"/>
  <c r="K5779" i="2"/>
  <c r="K5753" i="5" s="1"/>
  <c r="O5753" i="5" s="1"/>
  <c r="J5779" i="2"/>
  <c r="J5753" i="5" s="1"/>
  <c r="N5753" i="5" s="1"/>
  <c r="L5779" i="2"/>
  <c r="L5753" i="5" s="1"/>
  <c r="K8720" i="2"/>
  <c r="K8694" i="5" s="1"/>
  <c r="O8694" i="5" s="1"/>
  <c r="M8720" i="2"/>
  <c r="M8694" i="5" s="1"/>
  <c r="I8720" i="2"/>
  <c r="I8694" i="5" s="1"/>
  <c r="L8720" i="2"/>
  <c r="L8694" i="5" s="1"/>
  <c r="J8720" i="2"/>
  <c r="J8694" i="5" s="1"/>
  <c r="N8694" i="5" s="1"/>
  <c r="K5335" i="2"/>
  <c r="K5309" i="5" s="1"/>
  <c r="O5309" i="5" s="1"/>
  <c r="J5335" i="2"/>
  <c r="J5309" i="5" s="1"/>
  <c r="N5309" i="5" s="1"/>
  <c r="M5335" i="2"/>
  <c r="M5309" i="5" s="1"/>
  <c r="L5335" i="2"/>
  <c r="L5309" i="5" s="1"/>
  <c r="I5335" i="2"/>
  <c r="I5309" i="5" s="1"/>
  <c r="J7261" i="2"/>
  <c r="J7235" i="5" s="1"/>
  <c r="N7235" i="5" s="1"/>
  <c r="M7261" i="2"/>
  <c r="M7235" i="5" s="1"/>
  <c r="L7261" i="2"/>
  <c r="L7235" i="5" s="1"/>
  <c r="I7261" i="2"/>
  <c r="I7235" i="5" s="1"/>
  <c r="K7261" i="2"/>
  <c r="K7235" i="5" s="1"/>
  <c r="O7235" i="5" s="1"/>
  <c r="K7275" i="2"/>
  <c r="K7249" i="5" s="1"/>
  <c r="O7249" i="5" s="1"/>
  <c r="L7275" i="2"/>
  <c r="L7249" i="5" s="1"/>
  <c r="M7275" i="2"/>
  <c r="M7249" i="5" s="1"/>
  <c r="I7275" i="2"/>
  <c r="I7249" i="5" s="1"/>
  <c r="J7275" i="2"/>
  <c r="J7249" i="5" s="1"/>
  <c r="N7249" i="5" s="1"/>
  <c r="J6324" i="2"/>
  <c r="J6298" i="5" s="1"/>
  <c r="N6298" i="5" s="1"/>
  <c r="L6324" i="2"/>
  <c r="L6298" i="5" s="1"/>
  <c r="I6324" i="2"/>
  <c r="I6298" i="5" s="1"/>
  <c r="M6324" i="2"/>
  <c r="M6298" i="5" s="1"/>
  <c r="K6324" i="2"/>
  <c r="K6298" i="5" s="1"/>
  <c r="O6298" i="5" s="1"/>
  <c r="J7787" i="2"/>
  <c r="J7761" i="5" s="1"/>
  <c r="N7761" i="5" s="1"/>
  <c r="M7787" i="2"/>
  <c r="M7761" i="5" s="1"/>
  <c r="I7787" i="2"/>
  <c r="I7761" i="5" s="1"/>
  <c r="K7787" i="2"/>
  <c r="K7761" i="5" s="1"/>
  <c r="O7761" i="5" s="1"/>
  <c r="L7787" i="2"/>
  <c r="L7761" i="5" s="1"/>
  <c r="L6433" i="2"/>
  <c r="L6407" i="5" s="1"/>
  <c r="M6433" i="2"/>
  <c r="M6407" i="5" s="1"/>
  <c r="I6433" i="2"/>
  <c r="I6407" i="5" s="1"/>
  <c r="K6433" i="2"/>
  <c r="K6407" i="5" s="1"/>
  <c r="O6407" i="5" s="1"/>
  <c r="J6433" i="2"/>
  <c r="J6407" i="5" s="1"/>
  <c r="N6407" i="5" s="1"/>
  <c r="M8024" i="2"/>
  <c r="M7998" i="5" s="1"/>
  <c r="J8024" i="2"/>
  <c r="J7998" i="5" s="1"/>
  <c r="N7998" i="5" s="1"/>
  <c r="I8024" i="2"/>
  <c r="I7998" i="5" s="1"/>
  <c r="L8024" i="2"/>
  <c r="L7998" i="5" s="1"/>
  <c r="K8024" i="2"/>
  <c r="K7998" i="5" s="1"/>
  <c r="O7998" i="5" s="1"/>
  <c r="K5675" i="2"/>
  <c r="K5649" i="5" s="1"/>
  <c r="O5649" i="5" s="1"/>
  <c r="L5675" i="2"/>
  <c r="L5649" i="5" s="1"/>
  <c r="J5675" i="2"/>
  <c r="J5649" i="5" s="1"/>
  <c r="N5649" i="5" s="1"/>
  <c r="M5675" i="2"/>
  <c r="M5649" i="5" s="1"/>
  <c r="I5675" i="2"/>
  <c r="I5649" i="5" s="1"/>
  <c r="K4799" i="2"/>
  <c r="K4773" i="5" s="1"/>
  <c r="O4773" i="5" s="1"/>
  <c r="J4799" i="2"/>
  <c r="J4773" i="5" s="1"/>
  <c r="N4773" i="5" s="1"/>
  <c r="I4799" i="2"/>
  <c r="I4773" i="5" s="1"/>
  <c r="L4799" i="2"/>
  <c r="L4773" i="5" s="1"/>
  <c r="M4799" i="2"/>
  <c r="M4773" i="5" s="1"/>
  <c r="K8502" i="2"/>
  <c r="K8476" i="5" s="1"/>
  <c r="O8476" i="5" s="1"/>
  <c r="M8502" i="2"/>
  <c r="M8476" i="5" s="1"/>
  <c r="I8502" i="2"/>
  <c r="I8476" i="5" s="1"/>
  <c r="J8502" i="2"/>
  <c r="J8476" i="5" s="1"/>
  <c r="N8476" i="5" s="1"/>
  <c r="L8502" i="2"/>
  <c r="L8476" i="5" s="1"/>
  <c r="M6862" i="2"/>
  <c r="M6836" i="5" s="1"/>
  <c r="I6862" i="2"/>
  <c r="I6836" i="5" s="1"/>
  <c r="K6862" i="2"/>
  <c r="K6836" i="5" s="1"/>
  <c r="O6836" i="5" s="1"/>
  <c r="L6862" i="2"/>
  <c r="L6836" i="5" s="1"/>
  <c r="J6862" i="2"/>
  <c r="J6836" i="5" s="1"/>
  <c r="N6836" i="5" s="1"/>
  <c r="L135" i="2"/>
  <c r="L109" i="5" s="1"/>
  <c r="M135" i="2"/>
  <c r="M109" i="5" s="1"/>
  <c r="J135" i="2"/>
  <c r="J109" i="5" s="1"/>
  <c r="N109" i="5" s="1"/>
  <c r="K135" i="2"/>
  <c r="K109" i="5" s="1"/>
  <c r="O109" i="5" s="1"/>
  <c r="I135" i="2"/>
  <c r="I109" i="5" s="1"/>
  <c r="M8673" i="2"/>
  <c r="M8647" i="5" s="1"/>
  <c r="J8673" i="2"/>
  <c r="J8647" i="5" s="1"/>
  <c r="N8647" i="5" s="1"/>
  <c r="I8673" i="2"/>
  <c r="I8647" i="5" s="1"/>
  <c r="K8673" i="2"/>
  <c r="K8647" i="5" s="1"/>
  <c r="O8647" i="5" s="1"/>
  <c r="L8673" i="2"/>
  <c r="L8647" i="5" s="1"/>
  <c r="L4291" i="2"/>
  <c r="L4265" i="5" s="1"/>
  <c r="I4291" i="2"/>
  <c r="I4265" i="5" s="1"/>
  <c r="J4291" i="2"/>
  <c r="J4265" i="5" s="1"/>
  <c r="N4265" i="5" s="1"/>
  <c r="M4291" i="2"/>
  <c r="M4265" i="5" s="1"/>
  <c r="K4291" i="2"/>
  <c r="K4265" i="5" s="1"/>
  <c r="O4265" i="5" s="1"/>
  <c r="J6270" i="2"/>
  <c r="J6244" i="5" s="1"/>
  <c r="N6244" i="5" s="1"/>
  <c r="I6270" i="2"/>
  <c r="I6244" i="5" s="1"/>
  <c r="M6270" i="2"/>
  <c r="M6244" i="5" s="1"/>
  <c r="L6270" i="2"/>
  <c r="L6244" i="5" s="1"/>
  <c r="K6270" i="2"/>
  <c r="K6244" i="5" s="1"/>
  <c r="O6244" i="5" s="1"/>
  <c r="K7850" i="2"/>
  <c r="K7824" i="5" s="1"/>
  <c r="O7824" i="5" s="1"/>
  <c r="L7850" i="2"/>
  <c r="L7824" i="5" s="1"/>
  <c r="I7850" i="2"/>
  <c r="I7824" i="5" s="1"/>
  <c r="M7850" i="2"/>
  <c r="M7824" i="5" s="1"/>
  <c r="J7850" i="2"/>
  <c r="J7824" i="5" s="1"/>
  <c r="N7824" i="5" s="1"/>
  <c r="M7840" i="2"/>
  <c r="M7814" i="5" s="1"/>
  <c r="I7840" i="2"/>
  <c r="I7814" i="5" s="1"/>
  <c r="L7840" i="2"/>
  <c r="L7814" i="5" s="1"/>
  <c r="K7840" i="2"/>
  <c r="K7814" i="5" s="1"/>
  <c r="O7814" i="5" s="1"/>
  <c r="J7840" i="2"/>
  <c r="J7814" i="5" s="1"/>
  <c r="N7814" i="5" s="1"/>
  <c r="M633" i="2"/>
  <c r="M607" i="5" s="1"/>
  <c r="K633" i="2"/>
  <c r="K607" i="5" s="1"/>
  <c r="O607" i="5" s="1"/>
  <c r="J633" i="2"/>
  <c r="J607" i="5" s="1"/>
  <c r="N607" i="5" s="1"/>
  <c r="I633" i="2"/>
  <c r="I607" i="5" s="1"/>
  <c r="L633" i="2"/>
  <c r="L607" i="5" s="1"/>
  <c r="L615" i="2"/>
  <c r="L589" i="5" s="1"/>
  <c r="J615" i="2"/>
  <c r="J589" i="5" s="1"/>
  <c r="N589" i="5" s="1"/>
  <c r="I615" i="2"/>
  <c r="I589" i="5" s="1"/>
  <c r="K615" i="2"/>
  <c r="K589" i="5" s="1"/>
  <c r="O589" i="5" s="1"/>
  <c r="M615" i="2"/>
  <c r="M589" i="5" s="1"/>
  <c r="I2763" i="2"/>
  <c r="I2737" i="5" s="1"/>
  <c r="K2763" i="2"/>
  <c r="K2737" i="5" s="1"/>
  <c r="O2737" i="5" s="1"/>
  <c r="M2763" i="2"/>
  <c r="M2737" i="5" s="1"/>
  <c r="J2763" i="2"/>
  <c r="J2737" i="5" s="1"/>
  <c r="N2737" i="5" s="1"/>
  <c r="L2763" i="2"/>
  <c r="L2737" i="5" s="1"/>
  <c r="I1396" i="2"/>
  <c r="I1370" i="5" s="1"/>
  <c r="J1396" i="2"/>
  <c r="J1370" i="5" s="1"/>
  <c r="N1370" i="5" s="1"/>
  <c r="M1396" i="2"/>
  <c r="M1370" i="5" s="1"/>
  <c r="L1396" i="2"/>
  <c r="L1370" i="5" s="1"/>
  <c r="K1396" i="2"/>
  <c r="K1370" i="5" s="1"/>
  <c r="O1370" i="5" s="1"/>
  <c r="M569" i="2"/>
  <c r="M543" i="5" s="1"/>
  <c r="J569" i="2"/>
  <c r="J543" i="5" s="1"/>
  <c r="N543" i="5" s="1"/>
  <c r="L569" i="2"/>
  <c r="L543" i="5" s="1"/>
  <c r="I569" i="2"/>
  <c r="I543" i="5" s="1"/>
  <c r="K569" i="2"/>
  <c r="K543" i="5" s="1"/>
  <c r="O543" i="5" s="1"/>
  <c r="K7702" i="2"/>
  <c r="K7676" i="5" s="1"/>
  <c r="O7676" i="5" s="1"/>
  <c r="J7702" i="2"/>
  <c r="J7676" i="5" s="1"/>
  <c r="N7676" i="5" s="1"/>
  <c r="L7702" i="2"/>
  <c r="L7676" i="5" s="1"/>
  <c r="I7702" i="2"/>
  <c r="I7676" i="5" s="1"/>
  <c r="M7702" i="2"/>
  <c r="M7676" i="5" s="1"/>
  <c r="J8453" i="2"/>
  <c r="J8427" i="5" s="1"/>
  <c r="N8427" i="5" s="1"/>
  <c r="L8453" i="2"/>
  <c r="L8427" i="5" s="1"/>
  <c r="M8453" i="2"/>
  <c r="M8427" i="5" s="1"/>
  <c r="I8453" i="2"/>
  <c r="I8427" i="5" s="1"/>
  <c r="K8453" i="2"/>
  <c r="K8427" i="5" s="1"/>
  <c r="O8427" i="5" s="1"/>
  <c r="K8440" i="2"/>
  <c r="K8414" i="5" s="1"/>
  <c r="O8414" i="5" s="1"/>
  <c r="J8440" i="2"/>
  <c r="J8414" i="5" s="1"/>
  <c r="N8414" i="5" s="1"/>
  <c r="L8440" i="2"/>
  <c r="L8414" i="5" s="1"/>
  <c r="M8440" i="2"/>
  <c r="M8414" i="5" s="1"/>
  <c r="I8440" i="2"/>
  <c r="I8414" i="5" s="1"/>
  <c r="I5110" i="2"/>
  <c r="I5084" i="5" s="1"/>
  <c r="L5110" i="2"/>
  <c r="L5084" i="5" s="1"/>
  <c r="K5110" i="2"/>
  <c r="K5084" i="5" s="1"/>
  <c r="O5084" i="5" s="1"/>
  <c r="J5110" i="2"/>
  <c r="J5084" i="5" s="1"/>
  <c r="N5084" i="5" s="1"/>
  <c r="M5110" i="2"/>
  <c r="M5084" i="5" s="1"/>
  <c r="I1741" i="2"/>
  <c r="I1715" i="5" s="1"/>
  <c r="K1741" i="2"/>
  <c r="K1715" i="5" s="1"/>
  <c r="O1715" i="5" s="1"/>
  <c r="J1741" i="2"/>
  <c r="J1715" i="5" s="1"/>
  <c r="N1715" i="5" s="1"/>
  <c r="M1741" i="2"/>
  <c r="M1715" i="5" s="1"/>
  <c r="L1741" i="2"/>
  <c r="L1715" i="5" s="1"/>
  <c r="I3619" i="2"/>
  <c r="I3593" i="5" s="1"/>
  <c r="K3619" i="2"/>
  <c r="K3593" i="5" s="1"/>
  <c r="O3593" i="5" s="1"/>
  <c r="M3619" i="2"/>
  <c r="M3593" i="5" s="1"/>
  <c r="L3619" i="2"/>
  <c r="L3593" i="5" s="1"/>
  <c r="J3619" i="2"/>
  <c r="J3593" i="5" s="1"/>
  <c r="N3593" i="5" s="1"/>
  <c r="M2891" i="2"/>
  <c r="M2865" i="5" s="1"/>
  <c r="J2891" i="2"/>
  <c r="J2865" i="5" s="1"/>
  <c r="N2865" i="5" s="1"/>
  <c r="K2891" i="2"/>
  <c r="K2865" i="5" s="1"/>
  <c r="O2865" i="5" s="1"/>
  <c r="L2891" i="2"/>
  <c r="L2865" i="5" s="1"/>
  <c r="I2891" i="2"/>
  <c r="I2865" i="5" s="1"/>
  <c r="L6659" i="2"/>
  <c r="L6633" i="5" s="1"/>
  <c r="M6659" i="2"/>
  <c r="M6633" i="5" s="1"/>
  <c r="I6659" i="2"/>
  <c r="I6633" i="5" s="1"/>
  <c r="K6659" i="2"/>
  <c r="K6633" i="5" s="1"/>
  <c r="O6633" i="5" s="1"/>
  <c r="J6659" i="2"/>
  <c r="J6633" i="5" s="1"/>
  <c r="N6633" i="5" s="1"/>
  <c r="C284" i="5"/>
  <c r="AR278" i="1"/>
  <c r="K5945" i="2"/>
  <c r="K5919" i="5" s="1"/>
  <c r="O5919" i="5" s="1"/>
  <c r="J5945" i="2"/>
  <c r="J5919" i="5" s="1"/>
  <c r="N5919" i="5" s="1"/>
  <c r="M5945" i="2"/>
  <c r="M5919" i="5" s="1"/>
  <c r="L5945" i="2"/>
  <c r="L5919" i="5" s="1"/>
  <c r="I5945" i="2"/>
  <c r="I5919" i="5" s="1"/>
  <c r="J5938" i="2"/>
  <c r="J5912" i="5" s="1"/>
  <c r="N5912" i="5" s="1"/>
  <c r="L5938" i="2"/>
  <c r="L5912" i="5" s="1"/>
  <c r="M5938" i="2"/>
  <c r="M5912" i="5" s="1"/>
  <c r="I5938" i="2"/>
  <c r="I5912" i="5" s="1"/>
  <c r="K5938" i="2"/>
  <c r="K5912" i="5" s="1"/>
  <c r="O5912" i="5" s="1"/>
  <c r="I4689" i="2"/>
  <c r="I4663" i="5" s="1"/>
  <c r="K4689" i="2"/>
  <c r="K4663" i="5" s="1"/>
  <c r="O4663" i="5" s="1"/>
  <c r="J4689" i="2"/>
  <c r="J4663" i="5" s="1"/>
  <c r="N4663" i="5" s="1"/>
  <c r="M4689" i="2"/>
  <c r="M4663" i="5" s="1"/>
  <c r="L4689" i="2"/>
  <c r="L4663" i="5" s="1"/>
  <c r="J6157" i="2"/>
  <c r="J6131" i="5" s="1"/>
  <c r="N6131" i="5" s="1"/>
  <c r="M6157" i="2"/>
  <c r="M6131" i="5" s="1"/>
  <c r="I6157" i="2"/>
  <c r="I6131" i="5" s="1"/>
  <c r="K6157" i="2"/>
  <c r="K6131" i="5" s="1"/>
  <c r="O6131" i="5" s="1"/>
  <c r="L6157" i="2"/>
  <c r="L6131" i="5" s="1"/>
  <c r="K2445" i="2"/>
  <c r="K2419" i="5" s="1"/>
  <c r="O2419" i="5" s="1"/>
  <c r="J2445" i="2"/>
  <c r="J2419" i="5" s="1"/>
  <c r="N2419" i="5" s="1"/>
  <c r="M2445" i="2"/>
  <c r="M2419" i="5" s="1"/>
  <c r="L2445" i="2"/>
  <c r="L2419" i="5" s="1"/>
  <c r="I2445" i="2"/>
  <c r="I2419" i="5" s="1"/>
  <c r="K2624" i="2"/>
  <c r="K2598" i="5" s="1"/>
  <c r="O2598" i="5" s="1"/>
  <c r="J2624" i="2"/>
  <c r="J2598" i="5" s="1"/>
  <c r="N2598" i="5" s="1"/>
  <c r="L2624" i="2"/>
  <c r="L2598" i="5" s="1"/>
  <c r="M2624" i="2"/>
  <c r="M2598" i="5" s="1"/>
  <c r="I2624" i="2"/>
  <c r="I2598" i="5" s="1"/>
  <c r="J8383" i="2"/>
  <c r="J8357" i="5" s="1"/>
  <c r="N8357" i="5" s="1"/>
  <c r="M8383" i="2"/>
  <c r="M8357" i="5" s="1"/>
  <c r="L8383" i="2"/>
  <c r="L8357" i="5" s="1"/>
  <c r="I8383" i="2"/>
  <c r="I8357" i="5" s="1"/>
  <c r="K8383" i="2"/>
  <c r="K8357" i="5" s="1"/>
  <c r="O8357" i="5" s="1"/>
  <c r="K1641" i="2"/>
  <c r="K1615" i="5" s="1"/>
  <c r="O1615" i="5" s="1"/>
  <c r="L1641" i="2"/>
  <c r="L1615" i="5" s="1"/>
  <c r="M1641" i="2"/>
  <c r="M1615" i="5" s="1"/>
  <c r="I1641" i="2"/>
  <c r="I1615" i="5" s="1"/>
  <c r="J1641" i="2"/>
  <c r="J1615" i="5" s="1"/>
  <c r="N1615" i="5" s="1"/>
  <c r="L3163" i="2"/>
  <c r="L3137" i="5" s="1"/>
  <c r="M3163" i="2"/>
  <c r="M3137" i="5" s="1"/>
  <c r="I3163" i="2"/>
  <c r="I3137" i="5" s="1"/>
  <c r="K3163" i="2"/>
  <c r="K3137" i="5" s="1"/>
  <c r="O3137" i="5" s="1"/>
  <c r="J3163" i="2"/>
  <c r="J3137" i="5" s="1"/>
  <c r="N3137" i="5" s="1"/>
  <c r="J3154" i="2"/>
  <c r="J3128" i="5" s="1"/>
  <c r="N3128" i="5" s="1"/>
  <c r="L3154" i="2"/>
  <c r="L3128" i="5" s="1"/>
  <c r="M3154" i="2"/>
  <c r="M3128" i="5" s="1"/>
  <c r="I3154" i="2"/>
  <c r="I3128" i="5" s="1"/>
  <c r="K3154" i="2"/>
  <c r="K3128" i="5" s="1"/>
  <c r="O3128" i="5" s="1"/>
  <c r="I3457" i="2"/>
  <c r="I3431" i="5" s="1"/>
  <c r="M3457" i="2"/>
  <c r="M3431" i="5" s="1"/>
  <c r="L3457" i="2"/>
  <c r="L3431" i="5" s="1"/>
  <c r="K3457" i="2"/>
  <c r="K3431" i="5" s="1"/>
  <c r="O3431" i="5" s="1"/>
  <c r="J3457" i="2"/>
  <c r="J3431" i="5" s="1"/>
  <c r="N3431" i="5" s="1"/>
  <c r="J910" i="2"/>
  <c r="J884" i="5" s="1"/>
  <c r="N884" i="5" s="1"/>
  <c r="L910" i="2"/>
  <c r="L884" i="5" s="1"/>
  <c r="K910" i="2"/>
  <c r="K884" i="5" s="1"/>
  <c r="O884" i="5" s="1"/>
  <c r="M910" i="2"/>
  <c r="M884" i="5" s="1"/>
  <c r="I910" i="2"/>
  <c r="I884" i="5" s="1"/>
  <c r="I7942" i="2"/>
  <c r="I7916" i="5" s="1"/>
  <c r="J7942" i="2"/>
  <c r="J7916" i="5" s="1"/>
  <c r="N7916" i="5" s="1"/>
  <c r="L7942" i="2"/>
  <c r="L7916" i="5" s="1"/>
  <c r="M7942" i="2"/>
  <c r="M7916" i="5" s="1"/>
  <c r="K7942" i="2"/>
  <c r="K7916" i="5" s="1"/>
  <c r="O7916" i="5" s="1"/>
  <c r="M1916" i="2"/>
  <c r="M1890" i="5" s="1"/>
  <c r="L1916" i="2"/>
  <c r="L1890" i="5" s="1"/>
  <c r="I1916" i="2"/>
  <c r="I1890" i="5" s="1"/>
  <c r="K1916" i="2"/>
  <c r="K1890" i="5" s="1"/>
  <c r="O1890" i="5" s="1"/>
  <c r="J1916" i="2"/>
  <c r="J1890" i="5" s="1"/>
  <c r="N1890" i="5" s="1"/>
  <c r="J1919" i="2"/>
  <c r="J1893" i="5" s="1"/>
  <c r="N1893" i="5" s="1"/>
  <c r="M1919" i="2"/>
  <c r="M1893" i="5" s="1"/>
  <c r="I1919" i="2"/>
  <c r="I1893" i="5" s="1"/>
  <c r="L1919" i="2"/>
  <c r="L1893" i="5" s="1"/>
  <c r="K1919" i="2"/>
  <c r="K1893" i="5" s="1"/>
  <c r="O1893" i="5" s="1"/>
  <c r="L2724" i="2"/>
  <c r="L2698" i="5" s="1"/>
  <c r="K2724" i="2"/>
  <c r="K2698" i="5" s="1"/>
  <c r="O2698" i="5" s="1"/>
  <c r="J2724" i="2"/>
  <c r="J2698" i="5" s="1"/>
  <c r="N2698" i="5" s="1"/>
  <c r="M2724" i="2"/>
  <c r="M2698" i="5" s="1"/>
  <c r="I2724" i="2"/>
  <c r="I2698" i="5" s="1"/>
  <c r="J2725" i="2"/>
  <c r="J2699" i="5" s="1"/>
  <c r="N2699" i="5" s="1"/>
  <c r="M2725" i="2"/>
  <c r="M2699" i="5" s="1"/>
  <c r="I2725" i="2"/>
  <c r="I2699" i="5" s="1"/>
  <c r="L2725" i="2"/>
  <c r="L2699" i="5" s="1"/>
  <c r="K2725" i="2"/>
  <c r="K2699" i="5" s="1"/>
  <c r="O2699" i="5" s="1"/>
  <c r="I3002" i="2"/>
  <c r="I2976" i="5" s="1"/>
  <c r="L3002" i="2"/>
  <c r="L2976" i="5" s="1"/>
  <c r="M3002" i="2"/>
  <c r="M2976" i="5" s="1"/>
  <c r="K3002" i="2"/>
  <c r="K2976" i="5" s="1"/>
  <c r="O2976" i="5" s="1"/>
  <c r="J3002" i="2"/>
  <c r="J2976" i="5" s="1"/>
  <c r="N2976" i="5" s="1"/>
  <c r="M301" i="2"/>
  <c r="M275" i="5" s="1"/>
  <c r="L301" i="2"/>
  <c r="L275" i="5" s="1"/>
  <c r="I301" i="2"/>
  <c r="I275" i="5" s="1"/>
  <c r="J301" i="2"/>
  <c r="J275" i="5" s="1"/>
  <c r="N275" i="5" s="1"/>
  <c r="K301" i="2"/>
  <c r="K275" i="5" s="1"/>
  <c r="O275" i="5" s="1"/>
  <c r="L299" i="2"/>
  <c r="L273" i="5" s="1"/>
  <c r="K299" i="2"/>
  <c r="K273" i="5" s="1"/>
  <c r="O273" i="5" s="1"/>
  <c r="J299" i="2"/>
  <c r="J273" i="5" s="1"/>
  <c r="N273" i="5" s="1"/>
  <c r="I299" i="2"/>
  <c r="I273" i="5" s="1"/>
  <c r="M299" i="2"/>
  <c r="M273" i="5" s="1"/>
  <c r="M7482" i="2"/>
  <c r="M7456" i="5" s="1"/>
  <c r="L7482" i="2"/>
  <c r="L7456" i="5" s="1"/>
  <c r="J7482" i="2"/>
  <c r="J7456" i="5" s="1"/>
  <c r="N7456" i="5" s="1"/>
  <c r="I7482" i="2"/>
  <c r="I7456" i="5" s="1"/>
  <c r="K7482" i="2"/>
  <c r="K7456" i="5" s="1"/>
  <c r="O7456" i="5" s="1"/>
  <c r="K7529" i="2"/>
  <c r="K7503" i="5" s="1"/>
  <c r="O7503" i="5" s="1"/>
  <c r="M7529" i="2"/>
  <c r="M7503" i="5" s="1"/>
  <c r="I7529" i="2"/>
  <c r="I7503" i="5" s="1"/>
  <c r="J7529" i="2"/>
  <c r="J7503" i="5" s="1"/>
  <c r="N7503" i="5" s="1"/>
  <c r="L7529" i="2"/>
  <c r="L7503" i="5" s="1"/>
  <c r="K5184" i="2"/>
  <c r="K5158" i="5" s="1"/>
  <c r="O5158" i="5" s="1"/>
  <c r="J5184" i="2"/>
  <c r="J5158" i="5" s="1"/>
  <c r="N5158" i="5" s="1"/>
  <c r="M5184" i="2"/>
  <c r="M5158" i="5" s="1"/>
  <c r="L5184" i="2"/>
  <c r="L5158" i="5" s="1"/>
  <c r="I5184" i="2"/>
  <c r="I5158" i="5" s="1"/>
  <c r="K3816" i="2"/>
  <c r="K3790" i="5" s="1"/>
  <c r="O3790" i="5" s="1"/>
  <c r="M3816" i="2"/>
  <c r="M3790" i="5" s="1"/>
  <c r="L3816" i="2"/>
  <c r="L3790" i="5" s="1"/>
  <c r="I3816" i="2"/>
  <c r="I3790" i="5" s="1"/>
  <c r="J3816" i="2"/>
  <c r="J3790" i="5" s="1"/>
  <c r="N3790" i="5" s="1"/>
  <c r="M440" i="2"/>
  <c r="M414" i="5" s="1"/>
  <c r="I440" i="2"/>
  <c r="I414" i="5" s="1"/>
  <c r="K440" i="2"/>
  <c r="K414" i="5" s="1"/>
  <c r="O414" i="5" s="1"/>
  <c r="J440" i="2"/>
  <c r="J414" i="5" s="1"/>
  <c r="N414" i="5" s="1"/>
  <c r="L440" i="2"/>
  <c r="L414" i="5" s="1"/>
  <c r="M419" i="2"/>
  <c r="M393" i="5" s="1"/>
  <c r="I419" i="2"/>
  <c r="I393" i="5" s="1"/>
  <c r="K419" i="2"/>
  <c r="K393" i="5" s="1"/>
  <c r="O393" i="5" s="1"/>
  <c r="L419" i="2"/>
  <c r="L393" i="5" s="1"/>
  <c r="J419" i="2"/>
  <c r="J393" i="5" s="1"/>
  <c r="N393" i="5" s="1"/>
  <c r="J4350" i="2"/>
  <c r="J4324" i="5" s="1"/>
  <c r="N4324" i="5" s="1"/>
  <c r="L4350" i="2"/>
  <c r="L4324" i="5" s="1"/>
  <c r="I4350" i="2"/>
  <c r="I4324" i="5" s="1"/>
  <c r="K4350" i="2"/>
  <c r="K4324" i="5" s="1"/>
  <c r="O4324" i="5" s="1"/>
  <c r="M4350" i="2"/>
  <c r="M4324" i="5" s="1"/>
  <c r="M958" i="2"/>
  <c r="M932" i="5" s="1"/>
  <c r="L958" i="2"/>
  <c r="L932" i="5" s="1"/>
  <c r="J958" i="2"/>
  <c r="J932" i="5" s="1"/>
  <c r="N932" i="5" s="1"/>
  <c r="I958" i="2"/>
  <c r="I932" i="5" s="1"/>
  <c r="K958" i="2"/>
  <c r="K932" i="5" s="1"/>
  <c r="O932" i="5" s="1"/>
  <c r="M953" i="2"/>
  <c r="M927" i="5" s="1"/>
  <c r="L953" i="2"/>
  <c r="L927" i="5" s="1"/>
  <c r="J953" i="2"/>
  <c r="J927" i="5" s="1"/>
  <c r="N927" i="5" s="1"/>
  <c r="I953" i="2"/>
  <c r="I927" i="5" s="1"/>
  <c r="K953" i="2"/>
  <c r="K927" i="5" s="1"/>
  <c r="O927" i="5" s="1"/>
  <c r="L82" i="2"/>
  <c r="L56" i="5" s="1"/>
  <c r="M82" i="2"/>
  <c r="M56" i="5" s="1"/>
  <c r="K82" i="2"/>
  <c r="K56" i="5" s="1"/>
  <c r="O56" i="5" s="1"/>
  <c r="J82" i="2"/>
  <c r="J56" i="5" s="1"/>
  <c r="N56" i="5" s="1"/>
  <c r="I82" i="2"/>
  <c r="I56" i="5" s="1"/>
  <c r="J1942" i="2"/>
  <c r="J1916" i="5" s="1"/>
  <c r="N1916" i="5" s="1"/>
  <c r="I1942" i="2"/>
  <c r="I1916" i="5" s="1"/>
  <c r="L1942" i="2"/>
  <c r="L1916" i="5" s="1"/>
  <c r="M1942" i="2"/>
  <c r="M1916" i="5" s="1"/>
  <c r="K1942" i="2"/>
  <c r="K1916" i="5" s="1"/>
  <c r="O1916" i="5" s="1"/>
  <c r="L1943" i="2"/>
  <c r="L1917" i="5" s="1"/>
  <c r="M1943" i="2"/>
  <c r="M1917" i="5" s="1"/>
  <c r="I1943" i="2"/>
  <c r="I1917" i="5" s="1"/>
  <c r="K1943" i="2"/>
  <c r="K1917" i="5" s="1"/>
  <c r="O1917" i="5" s="1"/>
  <c r="J1943" i="2"/>
  <c r="J1917" i="5" s="1"/>
  <c r="N1917" i="5" s="1"/>
  <c r="K8332" i="2"/>
  <c r="K8306" i="5" s="1"/>
  <c r="O8306" i="5" s="1"/>
  <c r="J8332" i="2"/>
  <c r="J8306" i="5" s="1"/>
  <c r="N8306" i="5" s="1"/>
  <c r="M8332" i="2"/>
  <c r="M8306" i="5" s="1"/>
  <c r="L8332" i="2"/>
  <c r="L8306" i="5" s="1"/>
  <c r="I8332" i="2"/>
  <c r="I8306" i="5" s="1"/>
  <c r="I8532" i="2"/>
  <c r="I8506" i="5" s="1"/>
  <c r="K8532" i="2"/>
  <c r="K8506" i="5" s="1"/>
  <c r="O8506" i="5" s="1"/>
  <c r="J8532" i="2"/>
  <c r="J8506" i="5" s="1"/>
  <c r="N8506" i="5" s="1"/>
  <c r="M8532" i="2"/>
  <c r="M8506" i="5" s="1"/>
  <c r="L8532" i="2"/>
  <c r="L8506" i="5" s="1"/>
  <c r="K447" i="2"/>
  <c r="K421" i="5" s="1"/>
  <c r="O421" i="5" s="1"/>
  <c r="L447" i="2"/>
  <c r="L421" i="5" s="1"/>
  <c r="M447" i="2"/>
  <c r="M421" i="5" s="1"/>
  <c r="I447" i="2"/>
  <c r="I421" i="5" s="1"/>
  <c r="J447" i="2"/>
  <c r="J421" i="5" s="1"/>
  <c r="N421" i="5" s="1"/>
  <c r="L2333" i="2"/>
  <c r="L2307" i="5" s="1"/>
  <c r="M2333" i="2"/>
  <c r="M2307" i="5" s="1"/>
  <c r="I2333" i="2"/>
  <c r="I2307" i="5" s="1"/>
  <c r="K2333" i="2"/>
  <c r="K2307" i="5" s="1"/>
  <c r="O2307" i="5" s="1"/>
  <c r="J2333" i="2"/>
  <c r="J2307" i="5" s="1"/>
  <c r="N2307" i="5" s="1"/>
  <c r="L2324" i="2"/>
  <c r="L2298" i="5" s="1"/>
  <c r="I2324" i="2"/>
  <c r="I2298" i="5" s="1"/>
  <c r="K2324" i="2"/>
  <c r="K2298" i="5" s="1"/>
  <c r="O2298" i="5" s="1"/>
  <c r="J2324" i="2"/>
  <c r="J2298" i="5" s="1"/>
  <c r="N2298" i="5" s="1"/>
  <c r="M2324" i="2"/>
  <c r="M2298" i="5" s="1"/>
  <c r="L4617" i="2"/>
  <c r="L4591" i="5" s="1"/>
  <c r="J4617" i="2"/>
  <c r="J4591" i="5" s="1"/>
  <c r="N4591" i="5" s="1"/>
  <c r="M4617" i="2"/>
  <c r="M4591" i="5" s="1"/>
  <c r="I4617" i="2"/>
  <c r="I4591" i="5" s="1"/>
  <c r="K4617" i="2"/>
  <c r="K4591" i="5" s="1"/>
  <c r="O4591" i="5" s="1"/>
  <c r="M4273" i="2"/>
  <c r="M4247" i="5" s="1"/>
  <c r="L4273" i="2"/>
  <c r="L4247" i="5" s="1"/>
  <c r="J4273" i="2"/>
  <c r="J4247" i="5" s="1"/>
  <c r="N4247" i="5" s="1"/>
  <c r="I4273" i="2"/>
  <c r="I4247" i="5" s="1"/>
  <c r="K4273" i="2"/>
  <c r="K4247" i="5" s="1"/>
  <c r="O4247" i="5" s="1"/>
  <c r="K732" i="2"/>
  <c r="K706" i="5" s="1"/>
  <c r="O706" i="5" s="1"/>
  <c r="J732" i="2"/>
  <c r="J706" i="5" s="1"/>
  <c r="N706" i="5" s="1"/>
  <c r="L732" i="2"/>
  <c r="L706" i="5" s="1"/>
  <c r="M732" i="2"/>
  <c r="M706" i="5" s="1"/>
  <c r="I732" i="2"/>
  <c r="I706" i="5" s="1"/>
  <c r="M4077" i="2"/>
  <c r="M4051" i="5" s="1"/>
  <c r="L4077" i="2"/>
  <c r="L4051" i="5" s="1"/>
  <c r="I4077" i="2"/>
  <c r="I4051" i="5" s="1"/>
  <c r="K4077" i="2"/>
  <c r="K4051" i="5" s="1"/>
  <c r="O4051" i="5" s="1"/>
  <c r="J4077" i="2"/>
  <c r="J4051" i="5" s="1"/>
  <c r="N4051" i="5" s="1"/>
  <c r="M7175" i="2"/>
  <c r="M7149" i="5" s="1"/>
  <c r="L7175" i="2"/>
  <c r="L7149" i="5" s="1"/>
  <c r="I7175" i="2"/>
  <c r="I7149" i="5" s="1"/>
  <c r="K7175" i="2"/>
  <c r="K7149" i="5" s="1"/>
  <c r="O7149" i="5" s="1"/>
  <c r="J7175" i="2"/>
  <c r="J7149" i="5" s="1"/>
  <c r="N7149" i="5" s="1"/>
  <c r="L709" i="2"/>
  <c r="L683" i="5" s="1"/>
  <c r="I709" i="2"/>
  <c r="I683" i="5" s="1"/>
  <c r="K709" i="2"/>
  <c r="K683" i="5" s="1"/>
  <c r="O683" i="5" s="1"/>
  <c r="J709" i="2"/>
  <c r="J683" i="5" s="1"/>
  <c r="N683" i="5" s="1"/>
  <c r="M709" i="2"/>
  <c r="M683" i="5" s="1"/>
  <c r="I7605" i="2"/>
  <c r="I7579" i="5" s="1"/>
  <c r="K7605" i="2"/>
  <c r="K7579" i="5" s="1"/>
  <c r="O7579" i="5" s="1"/>
  <c r="M7605" i="2"/>
  <c r="M7579" i="5" s="1"/>
  <c r="L7605" i="2"/>
  <c r="L7579" i="5" s="1"/>
  <c r="J7605" i="2"/>
  <c r="J7579" i="5" s="1"/>
  <c r="N7579" i="5" s="1"/>
  <c r="I5625" i="2"/>
  <c r="I5599" i="5" s="1"/>
  <c r="K5625" i="2"/>
  <c r="K5599" i="5" s="1"/>
  <c r="O5599" i="5" s="1"/>
  <c r="J5625" i="2"/>
  <c r="J5599" i="5" s="1"/>
  <c r="N5599" i="5" s="1"/>
  <c r="L5625" i="2"/>
  <c r="L5599" i="5" s="1"/>
  <c r="M5625" i="2"/>
  <c r="M5599" i="5" s="1"/>
  <c r="K8187" i="2"/>
  <c r="K8161" i="5" s="1"/>
  <c r="O8161" i="5" s="1"/>
  <c r="J8187" i="2"/>
  <c r="J8161" i="5" s="1"/>
  <c r="N8161" i="5" s="1"/>
  <c r="I8187" i="2"/>
  <c r="I8161" i="5" s="1"/>
  <c r="M8187" i="2"/>
  <c r="M8161" i="5" s="1"/>
  <c r="L8187" i="2"/>
  <c r="L8161" i="5" s="1"/>
  <c r="I1149" i="2"/>
  <c r="I1123" i="5" s="1"/>
  <c r="K1149" i="2"/>
  <c r="K1123" i="5" s="1"/>
  <c r="O1123" i="5" s="1"/>
  <c r="L1149" i="2"/>
  <c r="L1123" i="5" s="1"/>
  <c r="M1149" i="2"/>
  <c r="M1123" i="5" s="1"/>
  <c r="J1149" i="2"/>
  <c r="J1123" i="5" s="1"/>
  <c r="N1123" i="5" s="1"/>
  <c r="K2469" i="2"/>
  <c r="K2443" i="5" s="1"/>
  <c r="O2443" i="5" s="1"/>
  <c r="J2469" i="2"/>
  <c r="J2443" i="5" s="1"/>
  <c r="N2443" i="5" s="1"/>
  <c r="L2469" i="2"/>
  <c r="L2443" i="5" s="1"/>
  <c r="M2469" i="2"/>
  <c r="M2443" i="5" s="1"/>
  <c r="I2469" i="2"/>
  <c r="I2443" i="5" s="1"/>
  <c r="K940" i="2"/>
  <c r="K914" i="5" s="1"/>
  <c r="O914" i="5" s="1"/>
  <c r="M940" i="2"/>
  <c r="M914" i="5" s="1"/>
  <c r="L940" i="2"/>
  <c r="L914" i="5" s="1"/>
  <c r="I940" i="2"/>
  <c r="I914" i="5" s="1"/>
  <c r="J940" i="2"/>
  <c r="J914" i="5" s="1"/>
  <c r="N914" i="5" s="1"/>
  <c r="I928" i="2"/>
  <c r="I902" i="5" s="1"/>
  <c r="J928" i="2"/>
  <c r="J902" i="5" s="1"/>
  <c r="N902" i="5" s="1"/>
  <c r="M928" i="2"/>
  <c r="M902" i="5" s="1"/>
  <c r="K928" i="2"/>
  <c r="K902" i="5" s="1"/>
  <c r="O902" i="5" s="1"/>
  <c r="L928" i="2"/>
  <c r="L902" i="5" s="1"/>
  <c r="L786" i="2"/>
  <c r="L760" i="5" s="1"/>
  <c r="M786" i="2"/>
  <c r="M760" i="5" s="1"/>
  <c r="K786" i="2"/>
  <c r="K760" i="5" s="1"/>
  <c r="O760" i="5" s="1"/>
  <c r="I786" i="2"/>
  <c r="I760" i="5" s="1"/>
  <c r="J786" i="2"/>
  <c r="J760" i="5" s="1"/>
  <c r="N760" i="5" s="1"/>
  <c r="AR33" i="1"/>
  <c r="C39" i="5"/>
  <c r="K592" i="2"/>
  <c r="K566" i="5" s="1"/>
  <c r="O566" i="5" s="1"/>
  <c r="L592" i="2"/>
  <c r="L566" i="5" s="1"/>
  <c r="J592" i="2"/>
  <c r="J566" i="5" s="1"/>
  <c r="N566" i="5" s="1"/>
  <c r="M592" i="2"/>
  <c r="M566" i="5" s="1"/>
  <c r="I592" i="2"/>
  <c r="I566" i="5" s="1"/>
  <c r="M7353" i="2"/>
  <c r="M7327" i="5" s="1"/>
  <c r="I7353" i="2"/>
  <c r="I7327" i="5" s="1"/>
  <c r="K7353" i="2"/>
  <c r="K7327" i="5" s="1"/>
  <c r="O7327" i="5" s="1"/>
  <c r="J7353" i="2"/>
  <c r="J7327" i="5" s="1"/>
  <c r="N7327" i="5" s="1"/>
  <c r="L7353" i="2"/>
  <c r="L7327" i="5" s="1"/>
  <c r="K2841" i="2"/>
  <c r="K2815" i="5" s="1"/>
  <c r="O2815" i="5" s="1"/>
  <c r="L2841" i="2"/>
  <c r="L2815" i="5" s="1"/>
  <c r="J2841" i="2"/>
  <c r="J2815" i="5" s="1"/>
  <c r="N2815" i="5" s="1"/>
  <c r="M2841" i="2"/>
  <c r="M2815" i="5" s="1"/>
  <c r="I2841" i="2"/>
  <c r="I2815" i="5" s="1"/>
  <c r="J4974" i="2"/>
  <c r="J4948" i="5" s="1"/>
  <c r="N4948" i="5" s="1"/>
  <c r="I4974" i="2"/>
  <c r="I4948" i="5" s="1"/>
  <c r="K4974" i="2"/>
  <c r="K4948" i="5" s="1"/>
  <c r="O4948" i="5" s="1"/>
  <c r="L4974" i="2"/>
  <c r="L4948" i="5" s="1"/>
  <c r="M4974" i="2"/>
  <c r="M4948" i="5" s="1"/>
  <c r="M1434" i="2"/>
  <c r="M1408" i="5" s="1"/>
  <c r="I1434" i="2"/>
  <c r="I1408" i="5" s="1"/>
  <c r="L1434" i="2"/>
  <c r="L1408" i="5" s="1"/>
  <c r="K1434" i="2"/>
  <c r="K1408" i="5" s="1"/>
  <c r="O1408" i="5" s="1"/>
  <c r="J1434" i="2"/>
  <c r="J1408" i="5" s="1"/>
  <c r="N1408" i="5" s="1"/>
  <c r="L1429" i="2"/>
  <c r="L1403" i="5" s="1"/>
  <c r="M1429" i="2"/>
  <c r="M1403" i="5" s="1"/>
  <c r="I1429" i="2"/>
  <c r="I1403" i="5" s="1"/>
  <c r="K1429" i="2"/>
  <c r="K1403" i="5" s="1"/>
  <c r="O1403" i="5" s="1"/>
  <c r="J1429" i="2"/>
  <c r="J1403" i="5" s="1"/>
  <c r="N1403" i="5" s="1"/>
  <c r="I1763" i="2"/>
  <c r="I1737" i="5" s="1"/>
  <c r="K1763" i="2"/>
  <c r="K1737" i="5" s="1"/>
  <c r="O1737" i="5" s="1"/>
  <c r="L1763" i="2"/>
  <c r="L1737" i="5" s="1"/>
  <c r="M1763" i="2"/>
  <c r="M1737" i="5" s="1"/>
  <c r="J1763" i="2"/>
  <c r="J1737" i="5" s="1"/>
  <c r="N1737" i="5" s="1"/>
  <c r="J8136" i="2"/>
  <c r="J8110" i="5" s="1"/>
  <c r="N8110" i="5" s="1"/>
  <c r="L8136" i="2"/>
  <c r="L8110" i="5" s="1"/>
  <c r="M8136" i="2"/>
  <c r="M8110" i="5" s="1"/>
  <c r="I8136" i="2"/>
  <c r="I8110" i="5" s="1"/>
  <c r="K8136" i="2"/>
  <c r="K8110" i="5" s="1"/>
  <c r="O8110" i="5" s="1"/>
  <c r="J8137" i="2"/>
  <c r="J8111" i="5" s="1"/>
  <c r="N8111" i="5" s="1"/>
  <c r="L8137" i="2"/>
  <c r="L8111" i="5" s="1"/>
  <c r="I8137" i="2"/>
  <c r="I8111" i="5" s="1"/>
  <c r="M8137" i="2"/>
  <c r="M8111" i="5" s="1"/>
  <c r="K8137" i="2"/>
  <c r="K8111" i="5" s="1"/>
  <c r="O8111" i="5" s="1"/>
  <c r="I5582" i="2"/>
  <c r="I5556" i="5" s="1"/>
  <c r="K5582" i="2"/>
  <c r="K5556" i="5" s="1"/>
  <c r="O5556" i="5" s="1"/>
  <c r="J5582" i="2"/>
  <c r="J5556" i="5" s="1"/>
  <c r="N5556" i="5" s="1"/>
  <c r="M5582" i="2"/>
  <c r="M5556" i="5" s="1"/>
  <c r="L5582" i="2"/>
  <c r="L5556" i="5" s="1"/>
  <c r="I1553" i="2"/>
  <c r="I1527" i="5" s="1"/>
  <c r="K1553" i="2"/>
  <c r="K1527" i="5" s="1"/>
  <c r="O1527" i="5" s="1"/>
  <c r="L1553" i="2"/>
  <c r="L1527" i="5" s="1"/>
  <c r="M1553" i="2"/>
  <c r="M1527" i="5" s="1"/>
  <c r="J1553" i="2"/>
  <c r="J1527" i="5" s="1"/>
  <c r="N1527" i="5" s="1"/>
  <c r="M284" i="2"/>
  <c r="M258" i="5" s="1"/>
  <c r="L284" i="2"/>
  <c r="L258" i="5" s="1"/>
  <c r="K284" i="2"/>
  <c r="K258" i="5" s="1"/>
  <c r="O258" i="5" s="1"/>
  <c r="I284" i="2"/>
  <c r="I258" i="5" s="1"/>
  <c r="J284" i="2"/>
  <c r="J258" i="5" s="1"/>
  <c r="N258" i="5" s="1"/>
  <c r="K6455" i="2"/>
  <c r="K6429" i="5" s="1"/>
  <c r="O6429" i="5" s="1"/>
  <c r="J6455" i="2"/>
  <c r="J6429" i="5" s="1"/>
  <c r="N6429" i="5" s="1"/>
  <c r="M6455" i="2"/>
  <c r="M6429" i="5" s="1"/>
  <c r="L6455" i="2"/>
  <c r="L6429" i="5" s="1"/>
  <c r="I6455" i="2"/>
  <c r="I6429" i="5" s="1"/>
  <c r="I2555" i="2"/>
  <c r="I2529" i="5" s="1"/>
  <c r="K2555" i="2"/>
  <c r="K2529" i="5" s="1"/>
  <c r="O2529" i="5" s="1"/>
  <c r="J2555" i="2"/>
  <c r="J2529" i="5" s="1"/>
  <c r="N2529" i="5" s="1"/>
  <c r="L2555" i="2"/>
  <c r="L2529" i="5" s="1"/>
  <c r="M2555" i="2"/>
  <c r="M2529" i="5" s="1"/>
  <c r="J3226" i="2"/>
  <c r="J3200" i="5" s="1"/>
  <c r="N3200" i="5" s="1"/>
  <c r="L3226" i="2"/>
  <c r="L3200" i="5" s="1"/>
  <c r="I3226" i="2"/>
  <c r="I3200" i="5" s="1"/>
  <c r="M3226" i="2"/>
  <c r="M3200" i="5" s="1"/>
  <c r="K3226" i="2"/>
  <c r="K3200" i="5" s="1"/>
  <c r="O3200" i="5" s="1"/>
  <c r="K3731" i="2"/>
  <c r="K3705" i="5" s="1"/>
  <c r="O3705" i="5" s="1"/>
  <c r="J3731" i="2"/>
  <c r="J3705" i="5" s="1"/>
  <c r="N3705" i="5" s="1"/>
  <c r="M3731" i="2"/>
  <c r="M3705" i="5" s="1"/>
  <c r="L3731" i="2"/>
  <c r="L3705" i="5" s="1"/>
  <c r="I3731" i="2"/>
  <c r="I3705" i="5" s="1"/>
  <c r="K3740" i="2"/>
  <c r="K3714" i="5" s="1"/>
  <c r="O3714" i="5" s="1"/>
  <c r="J3740" i="2"/>
  <c r="J3714" i="5" s="1"/>
  <c r="N3714" i="5" s="1"/>
  <c r="I3740" i="2"/>
  <c r="I3714" i="5" s="1"/>
  <c r="M3740" i="2"/>
  <c r="M3714" i="5" s="1"/>
  <c r="L3740" i="2"/>
  <c r="L3714" i="5" s="1"/>
  <c r="K2083" i="2"/>
  <c r="K2057" i="5" s="1"/>
  <c r="O2057" i="5" s="1"/>
  <c r="L2083" i="2"/>
  <c r="L2057" i="5" s="1"/>
  <c r="M2083" i="2"/>
  <c r="M2057" i="5" s="1"/>
  <c r="I2083" i="2"/>
  <c r="I2057" i="5" s="1"/>
  <c r="J2083" i="2"/>
  <c r="J2057" i="5" s="1"/>
  <c r="N2057" i="5" s="1"/>
  <c r="J2078" i="2"/>
  <c r="J2052" i="5" s="1"/>
  <c r="N2052" i="5" s="1"/>
  <c r="L2078" i="2"/>
  <c r="L2052" i="5" s="1"/>
  <c r="M2078" i="2"/>
  <c r="M2052" i="5" s="1"/>
  <c r="I2078" i="2"/>
  <c r="I2052" i="5" s="1"/>
  <c r="K2078" i="2"/>
  <c r="K2052" i="5" s="1"/>
  <c r="O2052" i="5" s="1"/>
  <c r="J2932" i="2"/>
  <c r="J2906" i="5" s="1"/>
  <c r="N2906" i="5" s="1"/>
  <c r="L2932" i="2"/>
  <c r="L2906" i="5" s="1"/>
  <c r="M2932" i="2"/>
  <c r="M2906" i="5" s="1"/>
  <c r="I2932" i="2"/>
  <c r="I2906" i="5" s="1"/>
  <c r="K2932" i="2"/>
  <c r="K2906" i="5" s="1"/>
  <c r="O2906" i="5" s="1"/>
  <c r="L7364" i="2"/>
  <c r="L7338" i="5" s="1"/>
  <c r="M7364" i="2"/>
  <c r="M7338" i="5" s="1"/>
  <c r="I7364" i="2"/>
  <c r="I7338" i="5" s="1"/>
  <c r="K7364" i="2"/>
  <c r="K7338" i="5" s="1"/>
  <c r="O7338" i="5" s="1"/>
  <c r="J7364" i="2"/>
  <c r="J7338" i="5" s="1"/>
  <c r="N7338" i="5" s="1"/>
  <c r="J7355" i="2"/>
  <c r="J7329" i="5" s="1"/>
  <c r="N7329" i="5" s="1"/>
  <c r="L7355" i="2"/>
  <c r="L7329" i="5" s="1"/>
  <c r="M7355" i="2"/>
  <c r="M7329" i="5" s="1"/>
  <c r="I7355" i="2"/>
  <c r="I7329" i="5" s="1"/>
  <c r="K7355" i="2"/>
  <c r="K7329" i="5" s="1"/>
  <c r="O7329" i="5" s="1"/>
  <c r="M4249" i="2"/>
  <c r="M4223" i="5" s="1"/>
  <c r="I4249" i="2"/>
  <c r="I4223" i="5" s="1"/>
  <c r="K4249" i="2"/>
  <c r="K4223" i="5" s="1"/>
  <c r="O4223" i="5" s="1"/>
  <c r="J4249" i="2"/>
  <c r="J4223" i="5" s="1"/>
  <c r="N4223" i="5" s="1"/>
  <c r="L4249" i="2"/>
  <c r="L4223" i="5" s="1"/>
  <c r="K2809" i="2"/>
  <c r="K2783" i="5" s="1"/>
  <c r="O2783" i="5" s="1"/>
  <c r="M2809" i="2"/>
  <c r="M2783" i="5" s="1"/>
  <c r="L2809" i="2"/>
  <c r="L2783" i="5" s="1"/>
  <c r="I2809" i="2"/>
  <c r="I2783" i="5" s="1"/>
  <c r="J2809" i="2"/>
  <c r="J2783" i="5" s="1"/>
  <c r="N2783" i="5" s="1"/>
  <c r="L5921" i="2"/>
  <c r="L5895" i="5" s="1"/>
  <c r="K5921" i="2"/>
  <c r="K5895" i="5" s="1"/>
  <c r="O5895" i="5" s="1"/>
  <c r="J5921" i="2"/>
  <c r="J5895" i="5" s="1"/>
  <c r="N5895" i="5" s="1"/>
  <c r="M5921" i="2"/>
  <c r="M5895" i="5" s="1"/>
  <c r="I5921" i="2"/>
  <c r="I5895" i="5" s="1"/>
  <c r="C253" i="5"/>
  <c r="AR247" i="1"/>
  <c r="M6770" i="2"/>
  <c r="M6744" i="5" s="1"/>
  <c r="I6770" i="2"/>
  <c r="I6744" i="5" s="1"/>
  <c r="J6770" i="2"/>
  <c r="J6744" i="5" s="1"/>
  <c r="N6744" i="5" s="1"/>
  <c r="L6770" i="2"/>
  <c r="L6744" i="5" s="1"/>
  <c r="K6770" i="2"/>
  <c r="K6744" i="5" s="1"/>
  <c r="O6744" i="5" s="1"/>
  <c r="L2241" i="2"/>
  <c r="L2215" i="5" s="1"/>
  <c r="J2241" i="2"/>
  <c r="J2215" i="5" s="1"/>
  <c r="N2215" i="5" s="1"/>
  <c r="M2241" i="2"/>
  <c r="M2215" i="5" s="1"/>
  <c r="I2241" i="2"/>
  <c r="I2215" i="5" s="1"/>
  <c r="K2241" i="2"/>
  <c r="K2215" i="5" s="1"/>
  <c r="O2215" i="5" s="1"/>
  <c r="L1808" i="2"/>
  <c r="L1782" i="5" s="1"/>
  <c r="M1808" i="2"/>
  <c r="M1782" i="5" s="1"/>
  <c r="K1808" i="2"/>
  <c r="K1782" i="5" s="1"/>
  <c r="O1782" i="5" s="1"/>
  <c r="J1808" i="2"/>
  <c r="J1782" i="5" s="1"/>
  <c r="N1782" i="5" s="1"/>
  <c r="I1808" i="2"/>
  <c r="I1782" i="5" s="1"/>
  <c r="J1815" i="2"/>
  <c r="J1789" i="5" s="1"/>
  <c r="N1789" i="5" s="1"/>
  <c r="M1815" i="2"/>
  <c r="M1789" i="5" s="1"/>
  <c r="L1815" i="2"/>
  <c r="L1789" i="5" s="1"/>
  <c r="I1815" i="2"/>
  <c r="I1789" i="5" s="1"/>
  <c r="K1815" i="2"/>
  <c r="K1789" i="5" s="1"/>
  <c r="O1789" i="5" s="1"/>
  <c r="C82" i="5"/>
  <c r="AR76" i="1"/>
  <c r="L4649" i="2"/>
  <c r="L4623" i="5" s="1"/>
  <c r="M4649" i="2"/>
  <c r="M4623" i="5" s="1"/>
  <c r="I4649" i="2"/>
  <c r="I4623" i="5" s="1"/>
  <c r="K4649" i="2"/>
  <c r="K4623" i="5" s="1"/>
  <c r="O4623" i="5" s="1"/>
  <c r="J4649" i="2"/>
  <c r="J4623" i="5" s="1"/>
  <c r="N4623" i="5" s="1"/>
  <c r="L823" i="2"/>
  <c r="L797" i="5" s="1"/>
  <c r="M823" i="2"/>
  <c r="M797" i="5" s="1"/>
  <c r="K823" i="2"/>
  <c r="K797" i="5" s="1"/>
  <c r="O797" i="5" s="1"/>
  <c r="I823" i="2"/>
  <c r="I797" i="5" s="1"/>
  <c r="J823" i="2"/>
  <c r="J797" i="5" s="1"/>
  <c r="N797" i="5" s="1"/>
  <c r="L2946" i="2"/>
  <c r="L2920" i="5" s="1"/>
  <c r="I2946" i="2"/>
  <c r="I2920" i="5" s="1"/>
  <c r="J2946" i="2"/>
  <c r="J2920" i="5" s="1"/>
  <c r="N2920" i="5" s="1"/>
  <c r="M2946" i="2"/>
  <c r="M2920" i="5" s="1"/>
  <c r="K2946" i="2"/>
  <c r="K2920" i="5" s="1"/>
  <c r="O2920" i="5" s="1"/>
  <c r="I7826" i="2"/>
  <c r="I7800" i="5" s="1"/>
  <c r="M7826" i="2"/>
  <c r="M7800" i="5" s="1"/>
  <c r="L7826" i="2"/>
  <c r="L7800" i="5" s="1"/>
  <c r="K7826" i="2"/>
  <c r="K7800" i="5" s="1"/>
  <c r="O7800" i="5" s="1"/>
  <c r="J7826" i="2"/>
  <c r="J7800" i="5" s="1"/>
  <c r="N7800" i="5" s="1"/>
  <c r="C332" i="5"/>
  <c r="AR326" i="1"/>
  <c r="J980" i="2"/>
  <c r="J954" i="5" s="1"/>
  <c r="N954" i="5" s="1"/>
  <c r="I980" i="2"/>
  <c r="I954" i="5" s="1"/>
  <c r="K980" i="2"/>
  <c r="K954" i="5" s="1"/>
  <c r="O954" i="5" s="1"/>
  <c r="M980" i="2"/>
  <c r="M954" i="5" s="1"/>
  <c r="L980" i="2"/>
  <c r="L954" i="5" s="1"/>
  <c r="M8478" i="2"/>
  <c r="M8452" i="5" s="1"/>
  <c r="L8478" i="2"/>
  <c r="L8452" i="5" s="1"/>
  <c r="I8478" i="2"/>
  <c r="I8452" i="5" s="1"/>
  <c r="K8478" i="2"/>
  <c r="K8452" i="5" s="1"/>
  <c r="O8452" i="5" s="1"/>
  <c r="J8478" i="2"/>
  <c r="J8452" i="5" s="1"/>
  <c r="N8452" i="5" s="1"/>
  <c r="J8465" i="2"/>
  <c r="J8439" i="5" s="1"/>
  <c r="N8439" i="5" s="1"/>
  <c r="M8465" i="2"/>
  <c r="M8439" i="5" s="1"/>
  <c r="L8465" i="2"/>
  <c r="L8439" i="5" s="1"/>
  <c r="I8465" i="2"/>
  <c r="I8439" i="5" s="1"/>
  <c r="K8465" i="2"/>
  <c r="K8439" i="5" s="1"/>
  <c r="O8439" i="5" s="1"/>
  <c r="L4480" i="2"/>
  <c r="L4454" i="5" s="1"/>
  <c r="I4480" i="2"/>
  <c r="I4454" i="5" s="1"/>
  <c r="K4480" i="2"/>
  <c r="K4454" i="5" s="1"/>
  <c r="O4454" i="5" s="1"/>
  <c r="M4480" i="2"/>
  <c r="M4454" i="5" s="1"/>
  <c r="J4480" i="2"/>
  <c r="J4454" i="5" s="1"/>
  <c r="N4454" i="5" s="1"/>
  <c r="J4489" i="2"/>
  <c r="J4463" i="5" s="1"/>
  <c r="N4463" i="5" s="1"/>
  <c r="M4489" i="2"/>
  <c r="M4463" i="5" s="1"/>
  <c r="L4489" i="2"/>
  <c r="L4463" i="5" s="1"/>
  <c r="K4489" i="2"/>
  <c r="K4463" i="5" s="1"/>
  <c r="O4463" i="5" s="1"/>
  <c r="I4489" i="2"/>
  <c r="I4463" i="5" s="1"/>
  <c r="I2258" i="2"/>
  <c r="I2232" i="5" s="1"/>
  <c r="K2258" i="2"/>
  <c r="K2232" i="5" s="1"/>
  <c r="O2232" i="5" s="1"/>
  <c r="J2258" i="2"/>
  <c r="J2232" i="5" s="1"/>
  <c r="N2232" i="5" s="1"/>
  <c r="L2258" i="2"/>
  <c r="L2232" i="5" s="1"/>
  <c r="M2258" i="2"/>
  <c r="M2232" i="5" s="1"/>
  <c r="I3760" i="2"/>
  <c r="I3734" i="5" s="1"/>
  <c r="M3760" i="2"/>
  <c r="M3734" i="5" s="1"/>
  <c r="L3760" i="2"/>
  <c r="L3734" i="5" s="1"/>
  <c r="K3760" i="2"/>
  <c r="K3734" i="5" s="1"/>
  <c r="O3734" i="5" s="1"/>
  <c r="J3760" i="2"/>
  <c r="J3734" i="5" s="1"/>
  <c r="N3734" i="5" s="1"/>
  <c r="L894" i="2"/>
  <c r="L868" i="5" s="1"/>
  <c r="M894" i="2"/>
  <c r="M868" i="5" s="1"/>
  <c r="I894" i="2"/>
  <c r="I868" i="5" s="1"/>
  <c r="K894" i="2"/>
  <c r="K868" i="5" s="1"/>
  <c r="O868" i="5" s="1"/>
  <c r="J894" i="2"/>
  <c r="J868" i="5" s="1"/>
  <c r="N868" i="5" s="1"/>
  <c r="M5862" i="2"/>
  <c r="M5836" i="5" s="1"/>
  <c r="L5862" i="2"/>
  <c r="L5836" i="5" s="1"/>
  <c r="I5862" i="2"/>
  <c r="I5836" i="5" s="1"/>
  <c r="K5862" i="2"/>
  <c r="K5836" i="5" s="1"/>
  <c r="O5836" i="5" s="1"/>
  <c r="J5862" i="2"/>
  <c r="J5836" i="5" s="1"/>
  <c r="N5836" i="5" s="1"/>
  <c r="J5853" i="2"/>
  <c r="J5827" i="5" s="1"/>
  <c r="N5827" i="5" s="1"/>
  <c r="M5853" i="2"/>
  <c r="M5827" i="5" s="1"/>
  <c r="L5853" i="2"/>
  <c r="L5827" i="5" s="1"/>
  <c r="I5853" i="2"/>
  <c r="I5827" i="5" s="1"/>
  <c r="K5853" i="2"/>
  <c r="K5827" i="5" s="1"/>
  <c r="O5827" i="5" s="1"/>
  <c r="I5759" i="2"/>
  <c r="I5733" i="5" s="1"/>
  <c r="K5759" i="2"/>
  <c r="K5733" i="5" s="1"/>
  <c r="O5733" i="5" s="1"/>
  <c r="J5759" i="2"/>
  <c r="J5733" i="5" s="1"/>
  <c r="N5733" i="5" s="1"/>
  <c r="L5759" i="2"/>
  <c r="L5733" i="5" s="1"/>
  <c r="M5759" i="2"/>
  <c r="M5733" i="5" s="1"/>
  <c r="M225" i="2"/>
  <c r="M199" i="5" s="1"/>
  <c r="L225" i="2"/>
  <c r="L199" i="5" s="1"/>
  <c r="I225" i="2"/>
  <c r="I199" i="5" s="1"/>
  <c r="J225" i="2"/>
  <c r="J199" i="5" s="1"/>
  <c r="N199" i="5" s="1"/>
  <c r="K225" i="2"/>
  <c r="K199" i="5" s="1"/>
  <c r="O199" i="5" s="1"/>
  <c r="K218" i="2"/>
  <c r="K192" i="5" s="1"/>
  <c r="O192" i="5" s="1"/>
  <c r="J218" i="2"/>
  <c r="J192" i="5" s="1"/>
  <c r="N192" i="5" s="1"/>
  <c r="I218" i="2"/>
  <c r="I192" i="5" s="1"/>
  <c r="L218" i="2"/>
  <c r="L192" i="5" s="1"/>
  <c r="M218" i="2"/>
  <c r="M192" i="5" s="1"/>
  <c r="M4940" i="2"/>
  <c r="M4914" i="5" s="1"/>
  <c r="J4940" i="2"/>
  <c r="J4914" i="5" s="1"/>
  <c r="N4914" i="5" s="1"/>
  <c r="L4940" i="2"/>
  <c r="L4914" i="5" s="1"/>
  <c r="I4940" i="2"/>
  <c r="I4914" i="5" s="1"/>
  <c r="K4940" i="2"/>
  <c r="K4914" i="5" s="1"/>
  <c r="O4914" i="5" s="1"/>
  <c r="L7106" i="2"/>
  <c r="L7080" i="5" s="1"/>
  <c r="I7106" i="2"/>
  <c r="I7080" i="5" s="1"/>
  <c r="K7106" i="2"/>
  <c r="K7080" i="5" s="1"/>
  <c r="O7080" i="5" s="1"/>
  <c r="M7106" i="2"/>
  <c r="M7080" i="5" s="1"/>
  <c r="J7106" i="2"/>
  <c r="J7080" i="5" s="1"/>
  <c r="N7080" i="5" s="1"/>
  <c r="L379" i="2"/>
  <c r="L353" i="5" s="1"/>
  <c r="M379" i="2"/>
  <c r="M353" i="5" s="1"/>
  <c r="J379" i="2"/>
  <c r="J353" i="5" s="1"/>
  <c r="N353" i="5" s="1"/>
  <c r="I379" i="2"/>
  <c r="I353" i="5" s="1"/>
  <c r="K379" i="2"/>
  <c r="K353" i="5" s="1"/>
  <c r="O353" i="5" s="1"/>
  <c r="M5464" i="2"/>
  <c r="M5438" i="5" s="1"/>
  <c r="J5464" i="2"/>
  <c r="J5438" i="5" s="1"/>
  <c r="N5438" i="5" s="1"/>
  <c r="L5464" i="2"/>
  <c r="L5438" i="5" s="1"/>
  <c r="I5464" i="2"/>
  <c r="I5438" i="5" s="1"/>
  <c r="K5464" i="2"/>
  <c r="K5438" i="5" s="1"/>
  <c r="O5438" i="5" s="1"/>
  <c r="M2976" i="2"/>
  <c r="M2950" i="5" s="1"/>
  <c r="L2976" i="2"/>
  <c r="L2950" i="5" s="1"/>
  <c r="I2976" i="2"/>
  <c r="I2950" i="5" s="1"/>
  <c r="K2976" i="2"/>
  <c r="K2950" i="5" s="1"/>
  <c r="O2950" i="5" s="1"/>
  <c r="J2976" i="2"/>
  <c r="J2950" i="5" s="1"/>
  <c r="N2950" i="5" s="1"/>
  <c r="I1647" i="2"/>
  <c r="I1621" i="5" s="1"/>
  <c r="K1647" i="2"/>
  <c r="K1621" i="5" s="1"/>
  <c r="O1621" i="5" s="1"/>
  <c r="M1647" i="2"/>
  <c r="M1621" i="5" s="1"/>
  <c r="L1647" i="2"/>
  <c r="L1621" i="5" s="1"/>
  <c r="J1647" i="2"/>
  <c r="J1621" i="5" s="1"/>
  <c r="N1621" i="5" s="1"/>
  <c r="C75" i="5"/>
  <c r="AR69" i="1"/>
  <c r="L8194" i="2"/>
  <c r="L8168" i="5" s="1"/>
  <c r="M8194" i="2"/>
  <c r="M8168" i="5" s="1"/>
  <c r="I8194" i="2"/>
  <c r="I8168" i="5" s="1"/>
  <c r="K8194" i="2"/>
  <c r="K8168" i="5" s="1"/>
  <c r="O8168" i="5" s="1"/>
  <c r="J8194" i="2"/>
  <c r="J8168" i="5" s="1"/>
  <c r="N8168" i="5" s="1"/>
  <c r="K5167" i="2"/>
  <c r="K5141" i="5" s="1"/>
  <c r="O5141" i="5" s="1"/>
  <c r="J5167" i="2"/>
  <c r="J5141" i="5" s="1"/>
  <c r="N5141" i="5" s="1"/>
  <c r="M5167" i="2"/>
  <c r="M5141" i="5" s="1"/>
  <c r="L5167" i="2"/>
  <c r="L5141" i="5" s="1"/>
  <c r="I5167" i="2"/>
  <c r="I5141" i="5" s="1"/>
  <c r="L6649" i="2"/>
  <c r="L6623" i="5" s="1"/>
  <c r="K6649" i="2"/>
  <c r="K6623" i="5" s="1"/>
  <c r="O6623" i="5" s="1"/>
  <c r="J6649" i="2"/>
  <c r="J6623" i="5" s="1"/>
  <c r="N6623" i="5" s="1"/>
  <c r="M6649" i="2"/>
  <c r="M6623" i="5" s="1"/>
  <c r="I6649" i="2"/>
  <c r="I6623" i="5" s="1"/>
  <c r="M4421" i="2"/>
  <c r="M4395" i="5" s="1"/>
  <c r="L4421" i="2"/>
  <c r="L4395" i="5" s="1"/>
  <c r="I4421" i="2"/>
  <c r="I4395" i="5" s="1"/>
  <c r="K4421" i="2"/>
  <c r="K4395" i="5" s="1"/>
  <c r="O4395" i="5" s="1"/>
  <c r="J4421" i="2"/>
  <c r="J4395" i="5" s="1"/>
  <c r="N4395" i="5" s="1"/>
  <c r="AR184" i="1"/>
  <c r="C190" i="5"/>
  <c r="M6535" i="2"/>
  <c r="M6509" i="5" s="1"/>
  <c r="L6535" i="2"/>
  <c r="L6509" i="5" s="1"/>
  <c r="J6535" i="2"/>
  <c r="J6509" i="5" s="1"/>
  <c r="N6509" i="5" s="1"/>
  <c r="I6535" i="2"/>
  <c r="I6509" i="5" s="1"/>
  <c r="K6535" i="2"/>
  <c r="K6509" i="5" s="1"/>
  <c r="O6509" i="5" s="1"/>
  <c r="M2306" i="2"/>
  <c r="M2280" i="5" s="1"/>
  <c r="I2306" i="2"/>
  <c r="I2280" i="5" s="1"/>
  <c r="L2306" i="2"/>
  <c r="L2280" i="5" s="1"/>
  <c r="K2306" i="2"/>
  <c r="K2280" i="5" s="1"/>
  <c r="O2280" i="5" s="1"/>
  <c r="J2306" i="2"/>
  <c r="J2280" i="5" s="1"/>
  <c r="N2280" i="5" s="1"/>
  <c r="K1280" i="2"/>
  <c r="K1254" i="5" s="1"/>
  <c r="O1254" i="5" s="1"/>
  <c r="M1280" i="2"/>
  <c r="M1254" i="5" s="1"/>
  <c r="L1280" i="2"/>
  <c r="L1254" i="5" s="1"/>
  <c r="I1280" i="2"/>
  <c r="I1254" i="5" s="1"/>
  <c r="J1280" i="2"/>
  <c r="J1254" i="5" s="1"/>
  <c r="N1254" i="5" s="1"/>
  <c r="K1717" i="2"/>
  <c r="K1691" i="5" s="1"/>
  <c r="O1691" i="5" s="1"/>
  <c r="J1717" i="2"/>
  <c r="J1691" i="5" s="1"/>
  <c r="N1691" i="5" s="1"/>
  <c r="L1717" i="2"/>
  <c r="L1691" i="5" s="1"/>
  <c r="M1717" i="2"/>
  <c r="M1691" i="5" s="1"/>
  <c r="I1717" i="2"/>
  <c r="I1691" i="5" s="1"/>
  <c r="J6189" i="2"/>
  <c r="J6163" i="5" s="1"/>
  <c r="N6163" i="5" s="1"/>
  <c r="M6189" i="2"/>
  <c r="M6163" i="5" s="1"/>
  <c r="I6189" i="2"/>
  <c r="I6163" i="5" s="1"/>
  <c r="L6189" i="2"/>
  <c r="L6163" i="5" s="1"/>
  <c r="K6189" i="2"/>
  <c r="K6163" i="5" s="1"/>
  <c r="O6163" i="5" s="1"/>
  <c r="J2673" i="2"/>
  <c r="J2647" i="5" s="1"/>
  <c r="N2647" i="5" s="1"/>
  <c r="L2673" i="2"/>
  <c r="L2647" i="5" s="1"/>
  <c r="I2673" i="2"/>
  <c r="I2647" i="5" s="1"/>
  <c r="K2673" i="2"/>
  <c r="K2647" i="5" s="1"/>
  <c r="O2647" i="5" s="1"/>
  <c r="M2673" i="2"/>
  <c r="M2647" i="5" s="1"/>
  <c r="J6842" i="2"/>
  <c r="J6816" i="5" s="1"/>
  <c r="N6816" i="5" s="1"/>
  <c r="I6842" i="2"/>
  <c r="I6816" i="5" s="1"/>
  <c r="K6842" i="2"/>
  <c r="K6816" i="5" s="1"/>
  <c r="O6816" i="5" s="1"/>
  <c r="L6842" i="2"/>
  <c r="L6816" i="5" s="1"/>
  <c r="M6842" i="2"/>
  <c r="M6816" i="5" s="1"/>
  <c r="M3405" i="2"/>
  <c r="M3379" i="5" s="1"/>
  <c r="L3405" i="2"/>
  <c r="L3379" i="5" s="1"/>
  <c r="K3405" i="2"/>
  <c r="K3379" i="5" s="1"/>
  <c r="O3379" i="5" s="1"/>
  <c r="I3405" i="2"/>
  <c r="I3379" i="5" s="1"/>
  <c r="J3405" i="2"/>
  <c r="J3379" i="5" s="1"/>
  <c r="N3379" i="5" s="1"/>
  <c r="J7312" i="2"/>
  <c r="J7286" i="5" s="1"/>
  <c r="N7286" i="5" s="1"/>
  <c r="I7312" i="2"/>
  <c r="I7286" i="5" s="1"/>
  <c r="K7312" i="2"/>
  <c r="K7286" i="5" s="1"/>
  <c r="O7286" i="5" s="1"/>
  <c r="L7312" i="2"/>
  <c r="L7286" i="5" s="1"/>
  <c r="M7312" i="2"/>
  <c r="M7286" i="5" s="1"/>
  <c r="L8032" i="2"/>
  <c r="L8006" i="5" s="1"/>
  <c r="J8032" i="2"/>
  <c r="J8006" i="5" s="1"/>
  <c r="N8006" i="5" s="1"/>
  <c r="I8032" i="2"/>
  <c r="I8006" i="5" s="1"/>
  <c r="M8032" i="2"/>
  <c r="M8006" i="5" s="1"/>
  <c r="K8032" i="2"/>
  <c r="K8006" i="5" s="1"/>
  <c r="O8006" i="5" s="1"/>
  <c r="K2283" i="2"/>
  <c r="K2257" i="5" s="1"/>
  <c r="O2257" i="5" s="1"/>
  <c r="J2283" i="2"/>
  <c r="J2257" i="5" s="1"/>
  <c r="N2257" i="5" s="1"/>
  <c r="L2283" i="2"/>
  <c r="L2257" i="5" s="1"/>
  <c r="M2283" i="2"/>
  <c r="M2257" i="5" s="1"/>
  <c r="I2283" i="2"/>
  <c r="I2257" i="5" s="1"/>
  <c r="I8159" i="2"/>
  <c r="I8133" i="5" s="1"/>
  <c r="K8159" i="2"/>
  <c r="K8133" i="5" s="1"/>
  <c r="O8133" i="5" s="1"/>
  <c r="J8159" i="2"/>
  <c r="J8133" i="5" s="1"/>
  <c r="N8133" i="5" s="1"/>
  <c r="L8159" i="2"/>
  <c r="L8133" i="5" s="1"/>
  <c r="M8159" i="2"/>
  <c r="M8133" i="5" s="1"/>
  <c r="L2051" i="2"/>
  <c r="L2025" i="5" s="1"/>
  <c r="I2051" i="2"/>
  <c r="I2025" i="5" s="1"/>
  <c r="K2051" i="2"/>
  <c r="K2025" i="5" s="1"/>
  <c r="O2025" i="5" s="1"/>
  <c r="M2051" i="2"/>
  <c r="M2025" i="5" s="1"/>
  <c r="J2051" i="2"/>
  <c r="J2025" i="5" s="1"/>
  <c r="N2025" i="5" s="1"/>
  <c r="K3911" i="2"/>
  <c r="K3885" i="5" s="1"/>
  <c r="O3885" i="5" s="1"/>
  <c r="I3911" i="2"/>
  <c r="I3885" i="5" s="1"/>
  <c r="J3911" i="2"/>
  <c r="J3885" i="5" s="1"/>
  <c r="N3885" i="5" s="1"/>
  <c r="L3911" i="2"/>
  <c r="L3885" i="5" s="1"/>
  <c r="M3911" i="2"/>
  <c r="M3885" i="5" s="1"/>
  <c r="I4510" i="2"/>
  <c r="I4484" i="5" s="1"/>
  <c r="J4510" i="2"/>
  <c r="J4484" i="5" s="1"/>
  <c r="N4484" i="5" s="1"/>
  <c r="L4510" i="2"/>
  <c r="L4484" i="5" s="1"/>
  <c r="M4510" i="2"/>
  <c r="M4484" i="5" s="1"/>
  <c r="K4510" i="2"/>
  <c r="K4484" i="5" s="1"/>
  <c r="O4484" i="5" s="1"/>
  <c r="J7867" i="2"/>
  <c r="J7841" i="5" s="1"/>
  <c r="N7841" i="5" s="1"/>
  <c r="L7867" i="2"/>
  <c r="L7841" i="5" s="1"/>
  <c r="K7867" i="2"/>
  <c r="K7841" i="5" s="1"/>
  <c r="O7841" i="5" s="1"/>
  <c r="M7867" i="2"/>
  <c r="M7841" i="5" s="1"/>
  <c r="I7867" i="2"/>
  <c r="I7841" i="5" s="1"/>
  <c r="C79" i="5"/>
  <c r="AR73" i="1"/>
  <c r="M2610" i="2"/>
  <c r="M2584" i="5" s="1"/>
  <c r="L2610" i="2"/>
  <c r="L2584" i="5" s="1"/>
  <c r="I2610" i="2"/>
  <c r="I2584" i="5" s="1"/>
  <c r="K2610" i="2"/>
  <c r="K2584" i="5" s="1"/>
  <c r="O2584" i="5" s="1"/>
  <c r="J2610" i="2"/>
  <c r="J2584" i="5" s="1"/>
  <c r="N2584" i="5" s="1"/>
  <c r="I4335" i="2"/>
  <c r="I4309" i="5" s="1"/>
  <c r="K4335" i="2"/>
  <c r="K4309" i="5" s="1"/>
  <c r="O4309" i="5" s="1"/>
  <c r="M4335" i="2"/>
  <c r="M4309" i="5" s="1"/>
  <c r="J4335" i="2"/>
  <c r="J4309" i="5" s="1"/>
  <c r="N4309" i="5" s="1"/>
  <c r="L4335" i="2"/>
  <c r="L4309" i="5" s="1"/>
  <c r="L8334" i="2"/>
  <c r="L8308" i="5" s="1"/>
  <c r="J8334" i="2"/>
  <c r="J8308" i="5" s="1"/>
  <c r="N8308" i="5" s="1"/>
  <c r="M8334" i="2"/>
  <c r="M8308" i="5" s="1"/>
  <c r="I8334" i="2"/>
  <c r="I8308" i="5" s="1"/>
  <c r="K8334" i="2"/>
  <c r="K8308" i="5" s="1"/>
  <c r="O8308" i="5" s="1"/>
  <c r="K4594" i="2"/>
  <c r="K4568" i="5" s="1"/>
  <c r="O4568" i="5" s="1"/>
  <c r="M4594" i="2"/>
  <c r="M4568" i="5" s="1"/>
  <c r="L4594" i="2"/>
  <c r="L4568" i="5" s="1"/>
  <c r="I4594" i="2"/>
  <c r="I4568" i="5" s="1"/>
  <c r="J4594" i="2"/>
  <c r="J4568" i="5" s="1"/>
  <c r="N4568" i="5" s="1"/>
  <c r="L5587" i="2"/>
  <c r="L5561" i="5" s="1"/>
  <c r="M5587" i="2"/>
  <c r="M5561" i="5" s="1"/>
  <c r="J5587" i="2"/>
  <c r="J5561" i="5" s="1"/>
  <c r="N5561" i="5" s="1"/>
  <c r="I5587" i="2"/>
  <c r="I5561" i="5" s="1"/>
  <c r="K5587" i="2"/>
  <c r="K5561" i="5" s="1"/>
  <c r="O5561" i="5" s="1"/>
  <c r="K3139" i="2"/>
  <c r="K3113" i="5" s="1"/>
  <c r="O3113" i="5" s="1"/>
  <c r="J3139" i="2"/>
  <c r="J3113" i="5" s="1"/>
  <c r="N3113" i="5" s="1"/>
  <c r="L3139" i="2"/>
  <c r="L3113" i="5" s="1"/>
  <c r="M3139" i="2"/>
  <c r="M3113" i="5" s="1"/>
  <c r="I3139" i="2"/>
  <c r="I3113" i="5" s="1"/>
  <c r="M1961" i="2"/>
  <c r="M1935" i="5" s="1"/>
  <c r="L1961" i="2"/>
  <c r="L1935" i="5" s="1"/>
  <c r="I1961" i="2"/>
  <c r="I1935" i="5" s="1"/>
  <c r="K1961" i="2"/>
  <c r="K1935" i="5" s="1"/>
  <c r="O1935" i="5" s="1"/>
  <c r="J1961" i="2"/>
  <c r="J1935" i="5" s="1"/>
  <c r="N1935" i="5" s="1"/>
  <c r="K1957" i="2"/>
  <c r="K1931" i="5" s="1"/>
  <c r="O1931" i="5" s="1"/>
  <c r="L1957" i="2"/>
  <c r="L1931" i="5" s="1"/>
  <c r="M1957" i="2"/>
  <c r="M1931" i="5" s="1"/>
  <c r="J1957" i="2"/>
  <c r="J1931" i="5" s="1"/>
  <c r="N1931" i="5" s="1"/>
  <c r="I1957" i="2"/>
  <c r="I1931" i="5" s="1"/>
  <c r="M8105" i="2"/>
  <c r="M8079" i="5" s="1"/>
  <c r="I8105" i="2"/>
  <c r="I8079" i="5" s="1"/>
  <c r="L8105" i="2"/>
  <c r="L8079" i="5" s="1"/>
  <c r="K8105" i="2"/>
  <c r="K8079" i="5" s="1"/>
  <c r="O8079" i="5" s="1"/>
  <c r="J8105" i="2"/>
  <c r="J8079" i="5" s="1"/>
  <c r="N8079" i="5" s="1"/>
  <c r="J5343" i="2"/>
  <c r="J5317" i="5" s="1"/>
  <c r="N5317" i="5" s="1"/>
  <c r="L5343" i="2"/>
  <c r="L5317" i="5" s="1"/>
  <c r="I5343" i="2"/>
  <c r="I5317" i="5" s="1"/>
  <c r="M5343" i="2"/>
  <c r="M5317" i="5" s="1"/>
  <c r="K5343" i="2"/>
  <c r="K5317" i="5" s="1"/>
  <c r="O5317" i="5" s="1"/>
  <c r="I5993" i="2"/>
  <c r="I5967" i="5" s="1"/>
  <c r="K5993" i="2"/>
  <c r="K5967" i="5" s="1"/>
  <c r="O5967" i="5" s="1"/>
  <c r="J5993" i="2"/>
  <c r="J5967" i="5" s="1"/>
  <c r="N5967" i="5" s="1"/>
  <c r="L5993" i="2"/>
  <c r="L5967" i="5" s="1"/>
  <c r="M5993" i="2"/>
  <c r="M5967" i="5" s="1"/>
  <c r="L2000" i="2"/>
  <c r="L1974" i="5" s="1"/>
  <c r="M2000" i="2"/>
  <c r="M1974" i="5" s="1"/>
  <c r="J2000" i="2"/>
  <c r="J1974" i="5" s="1"/>
  <c r="N1974" i="5" s="1"/>
  <c r="I2000" i="2"/>
  <c r="I1974" i="5" s="1"/>
  <c r="K2000" i="2"/>
  <c r="K1974" i="5" s="1"/>
  <c r="O1974" i="5" s="1"/>
  <c r="I413" i="2"/>
  <c r="I387" i="5" s="1"/>
  <c r="J413" i="2"/>
  <c r="J387" i="5" s="1"/>
  <c r="N387" i="5" s="1"/>
  <c r="M413" i="2"/>
  <c r="M387" i="5" s="1"/>
  <c r="L413" i="2"/>
  <c r="L387" i="5" s="1"/>
  <c r="K413" i="2"/>
  <c r="K387" i="5" s="1"/>
  <c r="O387" i="5" s="1"/>
  <c r="J407" i="2"/>
  <c r="J381" i="5" s="1"/>
  <c r="N381" i="5" s="1"/>
  <c r="L407" i="2"/>
  <c r="L381" i="5" s="1"/>
  <c r="M407" i="2"/>
  <c r="M381" i="5" s="1"/>
  <c r="I407" i="2"/>
  <c r="I381" i="5" s="1"/>
  <c r="K407" i="2"/>
  <c r="K381" i="5" s="1"/>
  <c r="O381" i="5" s="1"/>
  <c r="I3075" i="2"/>
  <c r="I3049" i="5" s="1"/>
  <c r="L3075" i="2"/>
  <c r="L3049" i="5" s="1"/>
  <c r="K3075" i="2"/>
  <c r="K3049" i="5" s="1"/>
  <c r="O3049" i="5" s="1"/>
  <c r="J3075" i="2"/>
  <c r="J3049" i="5" s="1"/>
  <c r="N3049" i="5" s="1"/>
  <c r="M3075" i="2"/>
  <c r="M3049" i="5" s="1"/>
  <c r="J554" i="2"/>
  <c r="J528" i="5" s="1"/>
  <c r="N528" i="5" s="1"/>
  <c r="M554" i="2"/>
  <c r="M528" i="5" s="1"/>
  <c r="I554" i="2"/>
  <c r="I528" i="5" s="1"/>
  <c r="L554" i="2"/>
  <c r="L528" i="5" s="1"/>
  <c r="K554" i="2"/>
  <c r="K528" i="5" s="1"/>
  <c r="O528" i="5" s="1"/>
  <c r="M6632" i="2"/>
  <c r="M6606" i="5" s="1"/>
  <c r="I6632" i="2"/>
  <c r="I6606" i="5" s="1"/>
  <c r="K6632" i="2"/>
  <c r="K6606" i="5" s="1"/>
  <c r="O6606" i="5" s="1"/>
  <c r="J6632" i="2"/>
  <c r="J6606" i="5" s="1"/>
  <c r="N6606" i="5" s="1"/>
  <c r="L6632" i="2"/>
  <c r="L6606" i="5" s="1"/>
  <c r="K1129" i="2"/>
  <c r="K1103" i="5" s="1"/>
  <c r="O1103" i="5" s="1"/>
  <c r="J1129" i="2"/>
  <c r="J1103" i="5" s="1"/>
  <c r="N1103" i="5" s="1"/>
  <c r="L1129" i="2"/>
  <c r="L1103" i="5" s="1"/>
  <c r="M1129" i="2"/>
  <c r="M1103" i="5" s="1"/>
  <c r="I1129" i="2"/>
  <c r="I1103" i="5" s="1"/>
  <c r="J1126" i="2"/>
  <c r="J1100" i="5" s="1"/>
  <c r="N1100" i="5" s="1"/>
  <c r="M1126" i="2"/>
  <c r="M1100" i="5" s="1"/>
  <c r="I1126" i="2"/>
  <c r="I1100" i="5" s="1"/>
  <c r="L1126" i="2"/>
  <c r="L1100" i="5" s="1"/>
  <c r="K1126" i="2"/>
  <c r="K1100" i="5" s="1"/>
  <c r="O1100" i="5" s="1"/>
  <c r="K7314" i="2"/>
  <c r="K7288" i="5" s="1"/>
  <c r="O7288" i="5" s="1"/>
  <c r="M7314" i="2"/>
  <c r="M7288" i="5" s="1"/>
  <c r="I7314" i="2"/>
  <c r="I7288" i="5" s="1"/>
  <c r="L7314" i="2"/>
  <c r="L7288" i="5" s="1"/>
  <c r="J7314" i="2"/>
  <c r="J7288" i="5" s="1"/>
  <c r="N7288" i="5" s="1"/>
  <c r="AR305" i="1"/>
  <c r="C311" i="5"/>
  <c r="I7974" i="2"/>
  <c r="I7948" i="5" s="1"/>
  <c r="K7974" i="2"/>
  <c r="K7948" i="5" s="1"/>
  <c r="O7948" i="5" s="1"/>
  <c r="J7974" i="2"/>
  <c r="J7948" i="5" s="1"/>
  <c r="N7948" i="5" s="1"/>
  <c r="L7974" i="2"/>
  <c r="L7948" i="5" s="1"/>
  <c r="M7974" i="2"/>
  <c r="M7948" i="5" s="1"/>
  <c r="I7957" i="2"/>
  <c r="I7931" i="5" s="1"/>
  <c r="J7957" i="2"/>
  <c r="J7931" i="5" s="1"/>
  <c r="N7931" i="5" s="1"/>
  <c r="L7957" i="2"/>
  <c r="L7931" i="5" s="1"/>
  <c r="M7957" i="2"/>
  <c r="M7931" i="5" s="1"/>
  <c r="K7957" i="2"/>
  <c r="K7931" i="5" s="1"/>
  <c r="O7931" i="5" s="1"/>
  <c r="K3265" i="2"/>
  <c r="K3239" i="5" s="1"/>
  <c r="O3239" i="5" s="1"/>
  <c r="J3265" i="2"/>
  <c r="J3239" i="5" s="1"/>
  <c r="N3239" i="5" s="1"/>
  <c r="M3265" i="2"/>
  <c r="M3239" i="5" s="1"/>
  <c r="I3265" i="2"/>
  <c r="I3239" i="5" s="1"/>
  <c r="L3265" i="2"/>
  <c r="L3239" i="5" s="1"/>
  <c r="L5011" i="2"/>
  <c r="L4985" i="5" s="1"/>
  <c r="J5011" i="2"/>
  <c r="J4985" i="5" s="1"/>
  <c r="N4985" i="5" s="1"/>
  <c r="M5011" i="2"/>
  <c r="M4985" i="5" s="1"/>
  <c r="I5011" i="2"/>
  <c r="I4985" i="5" s="1"/>
  <c r="K5011" i="2"/>
  <c r="K4985" i="5" s="1"/>
  <c r="O4985" i="5" s="1"/>
  <c r="K1068" i="2"/>
  <c r="K1042" i="5" s="1"/>
  <c r="O1042" i="5" s="1"/>
  <c r="L1068" i="2"/>
  <c r="L1042" i="5" s="1"/>
  <c r="J1068" i="2"/>
  <c r="J1042" i="5" s="1"/>
  <c r="N1042" i="5" s="1"/>
  <c r="I1068" i="2"/>
  <c r="I1042" i="5" s="1"/>
  <c r="M1068" i="2"/>
  <c r="M1042" i="5" s="1"/>
  <c r="K4008" i="2"/>
  <c r="K3982" i="5" s="1"/>
  <c r="O3982" i="5" s="1"/>
  <c r="L4008" i="2"/>
  <c r="L3982" i="5" s="1"/>
  <c r="M4008" i="2"/>
  <c r="M3982" i="5" s="1"/>
  <c r="J4008" i="2"/>
  <c r="J3982" i="5" s="1"/>
  <c r="N3982" i="5" s="1"/>
  <c r="I4008" i="2"/>
  <c r="I3982" i="5" s="1"/>
  <c r="M1327" i="2"/>
  <c r="M1301" i="5" s="1"/>
  <c r="I1327" i="2"/>
  <c r="I1301" i="5" s="1"/>
  <c r="K1327" i="2"/>
  <c r="K1301" i="5" s="1"/>
  <c r="O1301" i="5" s="1"/>
  <c r="J1327" i="2"/>
  <c r="J1301" i="5" s="1"/>
  <c r="N1301" i="5" s="1"/>
  <c r="L1327" i="2"/>
  <c r="L1301" i="5" s="1"/>
  <c r="L4311" i="2"/>
  <c r="L4285" i="5" s="1"/>
  <c r="J4311" i="2"/>
  <c r="J4285" i="5" s="1"/>
  <c r="N4285" i="5" s="1"/>
  <c r="M4311" i="2"/>
  <c r="M4285" i="5" s="1"/>
  <c r="I4311" i="2"/>
  <c r="I4285" i="5" s="1"/>
  <c r="K4311" i="2"/>
  <c r="K4285" i="5" s="1"/>
  <c r="O4285" i="5" s="1"/>
  <c r="L3317" i="2"/>
  <c r="L3291" i="5" s="1"/>
  <c r="I3317" i="2"/>
  <c r="I3291" i="5" s="1"/>
  <c r="K3317" i="2"/>
  <c r="K3291" i="5" s="1"/>
  <c r="O3291" i="5" s="1"/>
  <c r="J3317" i="2"/>
  <c r="J3291" i="5" s="1"/>
  <c r="N3291" i="5" s="1"/>
  <c r="M3317" i="2"/>
  <c r="M3291" i="5" s="1"/>
  <c r="J4135" i="2"/>
  <c r="J4109" i="5" s="1"/>
  <c r="N4109" i="5" s="1"/>
  <c r="M4135" i="2"/>
  <c r="M4109" i="5" s="1"/>
  <c r="L4135" i="2"/>
  <c r="L4109" i="5" s="1"/>
  <c r="I4135" i="2"/>
  <c r="I4109" i="5" s="1"/>
  <c r="K4135" i="2"/>
  <c r="K4109" i="5" s="1"/>
  <c r="O4109" i="5" s="1"/>
  <c r="I7457" i="2"/>
  <c r="I7431" i="5" s="1"/>
  <c r="K7457" i="2"/>
  <c r="K7431" i="5" s="1"/>
  <c r="O7431" i="5" s="1"/>
  <c r="M7457" i="2"/>
  <c r="M7431" i="5" s="1"/>
  <c r="L7457" i="2"/>
  <c r="L7431" i="5" s="1"/>
  <c r="J7457" i="2"/>
  <c r="J7431" i="5" s="1"/>
  <c r="N7431" i="5" s="1"/>
  <c r="L5000" i="2"/>
  <c r="L4974" i="5" s="1"/>
  <c r="I5000" i="2"/>
  <c r="I4974" i="5" s="1"/>
  <c r="J5000" i="2"/>
  <c r="J4974" i="5" s="1"/>
  <c r="N4974" i="5" s="1"/>
  <c r="M5000" i="2"/>
  <c r="M4974" i="5" s="1"/>
  <c r="K5000" i="2"/>
  <c r="K4974" i="5" s="1"/>
  <c r="O4974" i="5" s="1"/>
  <c r="L8353" i="2"/>
  <c r="L8327" i="5" s="1"/>
  <c r="I8353" i="2"/>
  <c r="I8327" i="5" s="1"/>
  <c r="M8353" i="2"/>
  <c r="M8327" i="5" s="1"/>
  <c r="K8353" i="2"/>
  <c r="K8327" i="5" s="1"/>
  <c r="O8327" i="5" s="1"/>
  <c r="J8353" i="2"/>
  <c r="J8327" i="5" s="1"/>
  <c r="N8327" i="5" s="1"/>
  <c r="M8788" i="2"/>
  <c r="M8762" i="5" s="1"/>
  <c r="I8788" i="2"/>
  <c r="I8762" i="5" s="1"/>
  <c r="L8788" i="2"/>
  <c r="L8762" i="5" s="1"/>
  <c r="K8788" i="2"/>
  <c r="K8762" i="5" s="1"/>
  <c r="O8762" i="5" s="1"/>
  <c r="J8788" i="2"/>
  <c r="J8762" i="5" s="1"/>
  <c r="N8762" i="5" s="1"/>
  <c r="K8771" i="2"/>
  <c r="K8745" i="5" s="1"/>
  <c r="O8745" i="5" s="1"/>
  <c r="M8771" i="2"/>
  <c r="M8745" i="5" s="1"/>
  <c r="L8771" i="2"/>
  <c r="L8745" i="5" s="1"/>
  <c r="J8771" i="2"/>
  <c r="J8745" i="5" s="1"/>
  <c r="N8745" i="5" s="1"/>
  <c r="I8771" i="2"/>
  <c r="I8745" i="5" s="1"/>
  <c r="I3925" i="2"/>
  <c r="I3899" i="5" s="1"/>
  <c r="K3925" i="2"/>
  <c r="K3899" i="5" s="1"/>
  <c r="O3899" i="5" s="1"/>
  <c r="J3925" i="2"/>
  <c r="J3899" i="5" s="1"/>
  <c r="N3899" i="5" s="1"/>
  <c r="L3925" i="2"/>
  <c r="L3899" i="5" s="1"/>
  <c r="M3925" i="2"/>
  <c r="M3899" i="5" s="1"/>
  <c r="L8040" i="2"/>
  <c r="L8014" i="5" s="1"/>
  <c r="M8040" i="2"/>
  <c r="M8014" i="5" s="1"/>
  <c r="I8040" i="2"/>
  <c r="I8014" i="5" s="1"/>
  <c r="K8040" i="2"/>
  <c r="K8014" i="5" s="1"/>
  <c r="O8014" i="5" s="1"/>
  <c r="J8040" i="2"/>
  <c r="J8014" i="5" s="1"/>
  <c r="N8014" i="5" s="1"/>
  <c r="I7028" i="2"/>
  <c r="I7002" i="5" s="1"/>
  <c r="K7028" i="2"/>
  <c r="K7002" i="5" s="1"/>
  <c r="O7002" i="5" s="1"/>
  <c r="L7028" i="2"/>
  <c r="L7002" i="5" s="1"/>
  <c r="M7028" i="2"/>
  <c r="M7002" i="5" s="1"/>
  <c r="J7028" i="2"/>
  <c r="J7002" i="5" s="1"/>
  <c r="N7002" i="5" s="1"/>
  <c r="J3562" i="2"/>
  <c r="J3536" i="5" s="1"/>
  <c r="N3536" i="5" s="1"/>
  <c r="K3562" i="2"/>
  <c r="K3536" i="5" s="1"/>
  <c r="O3536" i="5" s="1"/>
  <c r="M3562" i="2"/>
  <c r="M3536" i="5" s="1"/>
  <c r="L3562" i="2"/>
  <c r="L3536" i="5" s="1"/>
  <c r="I3562" i="2"/>
  <c r="I3536" i="5" s="1"/>
  <c r="L1418" i="2"/>
  <c r="L1392" i="5" s="1"/>
  <c r="J1418" i="2"/>
  <c r="J1392" i="5" s="1"/>
  <c r="N1392" i="5" s="1"/>
  <c r="M1418" i="2"/>
  <c r="M1392" i="5" s="1"/>
  <c r="I1418" i="2"/>
  <c r="I1392" i="5" s="1"/>
  <c r="K1418" i="2"/>
  <c r="K1392" i="5" s="1"/>
  <c r="O1392" i="5" s="1"/>
  <c r="M1421" i="2"/>
  <c r="M1395" i="5" s="1"/>
  <c r="J1421" i="2"/>
  <c r="J1395" i="5" s="1"/>
  <c r="N1395" i="5" s="1"/>
  <c r="I1421" i="2"/>
  <c r="I1395" i="5" s="1"/>
  <c r="K1421" i="2"/>
  <c r="K1395" i="5" s="1"/>
  <c r="O1395" i="5" s="1"/>
  <c r="L1421" i="2"/>
  <c r="L1395" i="5" s="1"/>
  <c r="J4581" i="2"/>
  <c r="J4555" i="5" s="1"/>
  <c r="N4555" i="5" s="1"/>
  <c r="I4581" i="2"/>
  <c r="I4555" i="5" s="1"/>
  <c r="L4581" i="2"/>
  <c r="L4555" i="5" s="1"/>
  <c r="M4581" i="2"/>
  <c r="M4555" i="5" s="1"/>
  <c r="K4581" i="2"/>
  <c r="K4555" i="5" s="1"/>
  <c r="O4555" i="5" s="1"/>
  <c r="J650" i="2"/>
  <c r="J624" i="5" s="1"/>
  <c r="N624" i="5" s="1"/>
  <c r="I650" i="2"/>
  <c r="I624" i="5" s="1"/>
  <c r="K650" i="2"/>
  <c r="K624" i="5" s="1"/>
  <c r="O624" i="5" s="1"/>
  <c r="L650" i="2"/>
  <c r="L624" i="5" s="1"/>
  <c r="M650" i="2"/>
  <c r="M624" i="5" s="1"/>
  <c r="J7518" i="2"/>
  <c r="J7492" i="5" s="1"/>
  <c r="N7492" i="5" s="1"/>
  <c r="M7518" i="2"/>
  <c r="M7492" i="5" s="1"/>
  <c r="I7518" i="2"/>
  <c r="I7492" i="5" s="1"/>
  <c r="L7518" i="2"/>
  <c r="L7492" i="5" s="1"/>
  <c r="K7518" i="2"/>
  <c r="K7492" i="5" s="1"/>
  <c r="O7492" i="5" s="1"/>
  <c r="J5664" i="2"/>
  <c r="J5638" i="5" s="1"/>
  <c r="N5638" i="5" s="1"/>
  <c r="L5664" i="2"/>
  <c r="L5638" i="5" s="1"/>
  <c r="M5664" i="2"/>
  <c r="M5638" i="5" s="1"/>
  <c r="I5664" i="2"/>
  <c r="I5638" i="5" s="1"/>
  <c r="K5664" i="2"/>
  <c r="K5638" i="5" s="1"/>
  <c r="O5638" i="5" s="1"/>
  <c r="K5651" i="2"/>
  <c r="K5625" i="5" s="1"/>
  <c r="O5625" i="5" s="1"/>
  <c r="L5651" i="2"/>
  <c r="L5625" i="5" s="1"/>
  <c r="M5651" i="2"/>
  <c r="M5625" i="5" s="1"/>
  <c r="J5651" i="2"/>
  <c r="J5625" i="5" s="1"/>
  <c r="N5625" i="5" s="1"/>
  <c r="I5651" i="2"/>
  <c r="I5625" i="5" s="1"/>
  <c r="L5841" i="2"/>
  <c r="L5815" i="5" s="1"/>
  <c r="J5841" i="2"/>
  <c r="J5815" i="5" s="1"/>
  <c r="N5815" i="5" s="1"/>
  <c r="M5841" i="2"/>
  <c r="M5815" i="5" s="1"/>
  <c r="I5841" i="2"/>
  <c r="I5815" i="5" s="1"/>
  <c r="K5841" i="2"/>
  <c r="K5815" i="5" s="1"/>
  <c r="O5815" i="5" s="1"/>
  <c r="J6965" i="2"/>
  <c r="J6939" i="5" s="1"/>
  <c r="N6939" i="5" s="1"/>
  <c r="L6965" i="2"/>
  <c r="L6939" i="5" s="1"/>
  <c r="I6965" i="2"/>
  <c r="I6939" i="5" s="1"/>
  <c r="M6965" i="2"/>
  <c r="M6939" i="5" s="1"/>
  <c r="K6965" i="2"/>
  <c r="K6939" i="5" s="1"/>
  <c r="O6939" i="5" s="1"/>
  <c r="C296" i="5"/>
  <c r="AR290" i="1"/>
  <c r="J1596" i="2"/>
  <c r="J1570" i="5" s="1"/>
  <c r="N1570" i="5" s="1"/>
  <c r="M1596" i="2"/>
  <c r="M1570" i="5" s="1"/>
  <c r="L1596" i="2"/>
  <c r="L1570" i="5" s="1"/>
  <c r="K1596" i="2"/>
  <c r="K1570" i="5" s="1"/>
  <c r="O1570" i="5" s="1"/>
  <c r="I1596" i="2"/>
  <c r="I1570" i="5" s="1"/>
  <c r="J7782" i="2"/>
  <c r="J7756" i="5" s="1"/>
  <c r="N7756" i="5" s="1"/>
  <c r="L7782" i="2"/>
  <c r="L7756" i="5" s="1"/>
  <c r="M7782" i="2"/>
  <c r="M7756" i="5" s="1"/>
  <c r="I7782" i="2"/>
  <c r="I7756" i="5" s="1"/>
  <c r="K7782" i="2"/>
  <c r="K7756" i="5" s="1"/>
  <c r="O7756" i="5" s="1"/>
  <c r="K3843" i="2"/>
  <c r="K3817" i="5" s="1"/>
  <c r="O3817" i="5" s="1"/>
  <c r="M3843" i="2"/>
  <c r="M3817" i="5" s="1"/>
  <c r="J3843" i="2"/>
  <c r="J3817" i="5" s="1"/>
  <c r="N3817" i="5" s="1"/>
  <c r="I3843" i="2"/>
  <c r="I3817" i="5" s="1"/>
  <c r="L3843" i="2"/>
  <c r="L3817" i="5" s="1"/>
  <c r="L5080" i="2"/>
  <c r="L5054" i="5" s="1"/>
  <c r="M5080" i="2"/>
  <c r="M5054" i="5" s="1"/>
  <c r="I5080" i="2"/>
  <c r="I5054" i="5" s="1"/>
  <c r="K5080" i="2"/>
  <c r="K5054" i="5" s="1"/>
  <c r="O5054" i="5" s="1"/>
  <c r="J5080" i="2"/>
  <c r="J5054" i="5" s="1"/>
  <c r="N5054" i="5" s="1"/>
  <c r="C218" i="5"/>
  <c r="AR212" i="1"/>
  <c r="M6976" i="2"/>
  <c r="M6950" i="5" s="1"/>
  <c r="L6976" i="2"/>
  <c r="L6950" i="5" s="1"/>
  <c r="I6976" i="2"/>
  <c r="I6950" i="5" s="1"/>
  <c r="K6976" i="2"/>
  <c r="K6950" i="5" s="1"/>
  <c r="O6950" i="5" s="1"/>
  <c r="J6976" i="2"/>
  <c r="J6950" i="5" s="1"/>
  <c r="N6950" i="5" s="1"/>
  <c r="I6121" i="2"/>
  <c r="I6095" i="5" s="1"/>
  <c r="J6121" i="2"/>
  <c r="J6095" i="5" s="1"/>
  <c r="N6095" i="5" s="1"/>
  <c r="L6121" i="2"/>
  <c r="L6095" i="5" s="1"/>
  <c r="K6121" i="2"/>
  <c r="K6095" i="5" s="1"/>
  <c r="O6095" i="5" s="1"/>
  <c r="M6121" i="2"/>
  <c r="M6095" i="5" s="1"/>
  <c r="M8674" i="2"/>
  <c r="M8648" i="5" s="1"/>
  <c r="L8674" i="2"/>
  <c r="L8648" i="5" s="1"/>
  <c r="J8674" i="2"/>
  <c r="J8648" i="5" s="1"/>
  <c r="N8648" i="5" s="1"/>
  <c r="I8674" i="2"/>
  <c r="I8648" i="5" s="1"/>
  <c r="K8674" i="2"/>
  <c r="K8648" i="5" s="1"/>
  <c r="O8648" i="5" s="1"/>
  <c r="L4145" i="2"/>
  <c r="L4119" i="5" s="1"/>
  <c r="M4145" i="2"/>
  <c r="M4119" i="5" s="1"/>
  <c r="I4145" i="2"/>
  <c r="I4119" i="5" s="1"/>
  <c r="K4145" i="2"/>
  <c r="K4119" i="5" s="1"/>
  <c r="O4119" i="5" s="1"/>
  <c r="J4145" i="2"/>
  <c r="J4119" i="5" s="1"/>
  <c r="N4119" i="5" s="1"/>
  <c r="J3968" i="2"/>
  <c r="J3942" i="5" s="1"/>
  <c r="N3942" i="5" s="1"/>
  <c r="I3968" i="2"/>
  <c r="I3942" i="5" s="1"/>
  <c r="K3968" i="2"/>
  <c r="K3942" i="5" s="1"/>
  <c r="O3942" i="5" s="1"/>
  <c r="M3968" i="2"/>
  <c r="M3942" i="5" s="1"/>
  <c r="L3968" i="2"/>
  <c r="L3942" i="5" s="1"/>
  <c r="J7143" i="2"/>
  <c r="J7117" i="5" s="1"/>
  <c r="N7117" i="5" s="1"/>
  <c r="L7143" i="2"/>
  <c r="L7117" i="5" s="1"/>
  <c r="M7143" i="2"/>
  <c r="M7117" i="5" s="1"/>
  <c r="I7143" i="2"/>
  <c r="I7117" i="5" s="1"/>
  <c r="K7143" i="2"/>
  <c r="K7117" i="5" s="1"/>
  <c r="O7117" i="5" s="1"/>
  <c r="M4438" i="2"/>
  <c r="M4412" i="5" s="1"/>
  <c r="L4438" i="2"/>
  <c r="L4412" i="5" s="1"/>
  <c r="I4438" i="2"/>
  <c r="I4412" i="5" s="1"/>
  <c r="K4438" i="2"/>
  <c r="K4412" i="5" s="1"/>
  <c r="O4412" i="5" s="1"/>
  <c r="J4438" i="2"/>
  <c r="J4412" i="5" s="1"/>
  <c r="N4412" i="5" s="1"/>
  <c r="I763" i="2"/>
  <c r="I737" i="5" s="1"/>
  <c r="K763" i="2"/>
  <c r="K737" i="5" s="1"/>
  <c r="O737" i="5" s="1"/>
  <c r="J763" i="2"/>
  <c r="J737" i="5" s="1"/>
  <c r="N737" i="5" s="1"/>
  <c r="L763" i="2"/>
  <c r="L737" i="5" s="1"/>
  <c r="M763" i="2"/>
  <c r="M737" i="5" s="1"/>
  <c r="I3484" i="2"/>
  <c r="I3458" i="5" s="1"/>
  <c r="M3484" i="2"/>
  <c r="M3458" i="5" s="1"/>
  <c r="K3484" i="2"/>
  <c r="K3458" i="5" s="1"/>
  <c r="O3458" i="5" s="1"/>
  <c r="J3484" i="2"/>
  <c r="J3458" i="5" s="1"/>
  <c r="N3458" i="5" s="1"/>
  <c r="L3484" i="2"/>
  <c r="L3458" i="5" s="1"/>
  <c r="J2120" i="2"/>
  <c r="J2094" i="5" s="1"/>
  <c r="N2094" i="5" s="1"/>
  <c r="K2120" i="2"/>
  <c r="K2094" i="5" s="1"/>
  <c r="O2094" i="5" s="1"/>
  <c r="L2120" i="2"/>
  <c r="L2094" i="5" s="1"/>
  <c r="M2120" i="2"/>
  <c r="M2094" i="5" s="1"/>
  <c r="I2120" i="2"/>
  <c r="I2094" i="5" s="1"/>
  <c r="L5436" i="2"/>
  <c r="L5410" i="5" s="1"/>
  <c r="K5436" i="2"/>
  <c r="K5410" i="5" s="1"/>
  <c r="O5410" i="5" s="1"/>
  <c r="J5436" i="2"/>
  <c r="J5410" i="5" s="1"/>
  <c r="N5410" i="5" s="1"/>
  <c r="M5436" i="2"/>
  <c r="M5410" i="5" s="1"/>
  <c r="I5436" i="2"/>
  <c r="I5410" i="5" s="1"/>
  <c r="M1476" i="2"/>
  <c r="M1450" i="5" s="1"/>
  <c r="I1476" i="2"/>
  <c r="I1450" i="5" s="1"/>
  <c r="K1476" i="2"/>
  <c r="K1450" i="5" s="1"/>
  <c r="O1450" i="5" s="1"/>
  <c r="J1476" i="2"/>
  <c r="J1450" i="5" s="1"/>
  <c r="N1450" i="5" s="1"/>
  <c r="L1476" i="2"/>
  <c r="L1450" i="5" s="1"/>
  <c r="L8529" i="2"/>
  <c r="L8503" i="5" s="1"/>
  <c r="J8529" i="2"/>
  <c r="J8503" i="5" s="1"/>
  <c r="N8503" i="5" s="1"/>
  <c r="M8529" i="2"/>
  <c r="M8503" i="5" s="1"/>
  <c r="K8529" i="2"/>
  <c r="K8503" i="5" s="1"/>
  <c r="O8503" i="5" s="1"/>
  <c r="I8529" i="2"/>
  <c r="I8503" i="5" s="1"/>
  <c r="L8510" i="2"/>
  <c r="L8484" i="5" s="1"/>
  <c r="J8510" i="2"/>
  <c r="J8484" i="5" s="1"/>
  <c r="N8484" i="5" s="1"/>
  <c r="M8510" i="2"/>
  <c r="M8484" i="5" s="1"/>
  <c r="I8510" i="2"/>
  <c r="I8484" i="5" s="1"/>
  <c r="K8510" i="2"/>
  <c r="K8484" i="5" s="1"/>
  <c r="O8484" i="5" s="1"/>
  <c r="I5811" i="2"/>
  <c r="I5785" i="5" s="1"/>
  <c r="K5811" i="2"/>
  <c r="K5785" i="5" s="1"/>
  <c r="O5785" i="5" s="1"/>
  <c r="M5811" i="2"/>
  <c r="M5785" i="5" s="1"/>
  <c r="L5811" i="2"/>
  <c r="L5785" i="5" s="1"/>
  <c r="J5811" i="2"/>
  <c r="J5785" i="5" s="1"/>
  <c r="N5785" i="5" s="1"/>
  <c r="J79" i="2"/>
  <c r="J53" i="5" s="1"/>
  <c r="N53" i="5" s="1"/>
  <c r="L79" i="2"/>
  <c r="L53" i="5" s="1"/>
  <c r="I79" i="2"/>
  <c r="I53" i="5" s="1"/>
  <c r="K79" i="2"/>
  <c r="K53" i="5" s="1"/>
  <c r="O53" i="5" s="1"/>
  <c r="M79" i="2"/>
  <c r="M53" i="5" s="1"/>
  <c r="L2774" i="2"/>
  <c r="L2748" i="5" s="1"/>
  <c r="M2774" i="2"/>
  <c r="M2748" i="5" s="1"/>
  <c r="I2774" i="2"/>
  <c r="I2748" i="5" s="1"/>
  <c r="K2774" i="2"/>
  <c r="K2748" i="5" s="1"/>
  <c r="O2748" i="5" s="1"/>
  <c r="J2774" i="2"/>
  <c r="J2748" i="5" s="1"/>
  <c r="N2748" i="5" s="1"/>
  <c r="J1470" i="2"/>
  <c r="J1444" i="5" s="1"/>
  <c r="N1444" i="5" s="1"/>
  <c r="M1470" i="2"/>
  <c r="M1444" i="5" s="1"/>
  <c r="L1470" i="2"/>
  <c r="L1444" i="5" s="1"/>
  <c r="I1470" i="2"/>
  <c r="I1444" i="5" s="1"/>
  <c r="K1470" i="2"/>
  <c r="K1444" i="5" s="1"/>
  <c r="O1444" i="5" s="1"/>
  <c r="M8313" i="2"/>
  <c r="M8287" i="5" s="1"/>
  <c r="L8313" i="2"/>
  <c r="L8287" i="5" s="1"/>
  <c r="I8313" i="2"/>
  <c r="I8287" i="5" s="1"/>
  <c r="K8313" i="2"/>
  <c r="K8287" i="5" s="1"/>
  <c r="O8287" i="5" s="1"/>
  <c r="J8313" i="2"/>
  <c r="J8287" i="5" s="1"/>
  <c r="N8287" i="5" s="1"/>
  <c r="I1215" i="2"/>
  <c r="I1189" i="5" s="1"/>
  <c r="K1215" i="2"/>
  <c r="K1189" i="5" s="1"/>
  <c r="O1189" i="5" s="1"/>
  <c r="J1215" i="2"/>
  <c r="J1189" i="5" s="1"/>
  <c r="N1189" i="5" s="1"/>
  <c r="L1215" i="2"/>
  <c r="L1189" i="5" s="1"/>
  <c r="M1215" i="2"/>
  <c r="M1189" i="5" s="1"/>
  <c r="K5144" i="2"/>
  <c r="K5118" i="5" s="1"/>
  <c r="O5118" i="5" s="1"/>
  <c r="M5144" i="2"/>
  <c r="M5118" i="5" s="1"/>
  <c r="J5144" i="2"/>
  <c r="J5118" i="5" s="1"/>
  <c r="N5118" i="5" s="1"/>
  <c r="L5144" i="2"/>
  <c r="L5118" i="5" s="1"/>
  <c r="I5144" i="2"/>
  <c r="I5118" i="5" s="1"/>
  <c r="K5135" i="2"/>
  <c r="K5109" i="5" s="1"/>
  <c r="O5109" i="5" s="1"/>
  <c r="J5135" i="2"/>
  <c r="J5109" i="5" s="1"/>
  <c r="N5109" i="5" s="1"/>
  <c r="M5135" i="2"/>
  <c r="M5109" i="5" s="1"/>
  <c r="L5135" i="2"/>
  <c r="L5109" i="5" s="1"/>
  <c r="I5135" i="2"/>
  <c r="I5109" i="5" s="1"/>
  <c r="L6011" i="2"/>
  <c r="L5985" i="5" s="1"/>
  <c r="I6011" i="2"/>
  <c r="I5985" i="5" s="1"/>
  <c r="J6011" i="2"/>
  <c r="J5985" i="5" s="1"/>
  <c r="N5985" i="5" s="1"/>
  <c r="M6011" i="2"/>
  <c r="M5985" i="5" s="1"/>
  <c r="K6011" i="2"/>
  <c r="K5985" i="5" s="1"/>
  <c r="O5985" i="5" s="1"/>
  <c r="J57" i="2"/>
  <c r="J31" i="5" s="1"/>
  <c r="N31" i="5" s="1"/>
  <c r="K57" i="2"/>
  <c r="K31" i="5" s="1"/>
  <c r="O31" i="5" s="1"/>
  <c r="L57" i="2"/>
  <c r="L31" i="5" s="1"/>
  <c r="M57" i="2"/>
  <c r="M31" i="5" s="1"/>
  <c r="I57" i="2"/>
  <c r="I31" i="5" s="1"/>
  <c r="J5272" i="2"/>
  <c r="J5246" i="5" s="1"/>
  <c r="N5246" i="5" s="1"/>
  <c r="M5272" i="2"/>
  <c r="M5246" i="5" s="1"/>
  <c r="I5272" i="2"/>
  <c r="I5246" i="5" s="1"/>
  <c r="L5272" i="2"/>
  <c r="L5246" i="5" s="1"/>
  <c r="K5272" i="2"/>
  <c r="K5246" i="5" s="1"/>
  <c r="O5246" i="5" s="1"/>
  <c r="I7644" i="2"/>
  <c r="I7618" i="5" s="1"/>
  <c r="L7644" i="2"/>
  <c r="L7618" i="5" s="1"/>
  <c r="K7644" i="2"/>
  <c r="K7618" i="5" s="1"/>
  <c r="O7618" i="5" s="1"/>
  <c r="M7644" i="2"/>
  <c r="M7618" i="5" s="1"/>
  <c r="J7644" i="2"/>
  <c r="J7618" i="5" s="1"/>
  <c r="N7618" i="5" s="1"/>
  <c r="I1064" i="2"/>
  <c r="I1038" i="5" s="1"/>
  <c r="K1064" i="2"/>
  <c r="K1038" i="5" s="1"/>
  <c r="O1038" i="5" s="1"/>
  <c r="L1064" i="2"/>
  <c r="L1038" i="5" s="1"/>
  <c r="J1064" i="2"/>
  <c r="J1038" i="5" s="1"/>
  <c r="N1038" i="5" s="1"/>
  <c r="M1064" i="2"/>
  <c r="M1038" i="5" s="1"/>
  <c r="M4831" i="2"/>
  <c r="M4805" i="5" s="1"/>
  <c r="L4831" i="2"/>
  <c r="L4805" i="5" s="1"/>
  <c r="I4831" i="2"/>
  <c r="I4805" i="5" s="1"/>
  <c r="K4831" i="2"/>
  <c r="K4805" i="5" s="1"/>
  <c r="O4805" i="5" s="1"/>
  <c r="J4831" i="2"/>
  <c r="J4805" i="5" s="1"/>
  <c r="N4805" i="5" s="1"/>
  <c r="K2276" i="2"/>
  <c r="K2250" i="5" s="1"/>
  <c r="O2250" i="5" s="1"/>
  <c r="M2276" i="2"/>
  <c r="M2250" i="5" s="1"/>
  <c r="J2276" i="2"/>
  <c r="J2250" i="5" s="1"/>
  <c r="N2250" i="5" s="1"/>
  <c r="I2276" i="2"/>
  <c r="I2250" i="5" s="1"/>
  <c r="L2276" i="2"/>
  <c r="L2250" i="5" s="1"/>
  <c r="M6482" i="2"/>
  <c r="M6456" i="5" s="1"/>
  <c r="L6482" i="2"/>
  <c r="L6456" i="5" s="1"/>
  <c r="I6482" i="2"/>
  <c r="I6456" i="5" s="1"/>
  <c r="K6482" i="2"/>
  <c r="K6456" i="5" s="1"/>
  <c r="O6456" i="5" s="1"/>
  <c r="J6482" i="2"/>
  <c r="J6456" i="5" s="1"/>
  <c r="N6456" i="5" s="1"/>
  <c r="C276" i="5"/>
  <c r="AR270" i="1"/>
  <c r="L2647" i="2"/>
  <c r="L2621" i="5" s="1"/>
  <c r="M2647" i="2"/>
  <c r="M2621" i="5" s="1"/>
  <c r="I2647" i="2"/>
  <c r="I2621" i="5" s="1"/>
  <c r="K2647" i="2"/>
  <c r="K2621" i="5" s="1"/>
  <c r="O2621" i="5" s="1"/>
  <c r="J2647" i="2"/>
  <c r="J2621" i="5" s="1"/>
  <c r="N2621" i="5" s="1"/>
  <c r="L3118" i="2"/>
  <c r="L3092" i="5" s="1"/>
  <c r="K3118" i="2"/>
  <c r="K3092" i="5" s="1"/>
  <c r="O3092" i="5" s="1"/>
  <c r="J3118" i="2"/>
  <c r="J3092" i="5" s="1"/>
  <c r="N3092" i="5" s="1"/>
  <c r="M3118" i="2"/>
  <c r="M3092" i="5" s="1"/>
  <c r="I3118" i="2"/>
  <c r="I3092" i="5" s="1"/>
  <c r="J6995" i="2"/>
  <c r="J6969" i="5" s="1"/>
  <c r="N6969" i="5" s="1"/>
  <c r="L6995" i="2"/>
  <c r="L6969" i="5" s="1"/>
  <c r="M6995" i="2"/>
  <c r="M6969" i="5" s="1"/>
  <c r="K6995" i="2"/>
  <c r="K6969" i="5" s="1"/>
  <c r="O6969" i="5" s="1"/>
  <c r="I6995" i="2"/>
  <c r="I6969" i="5" s="1"/>
  <c r="L1302" i="2"/>
  <c r="L1276" i="5" s="1"/>
  <c r="M1302" i="2"/>
  <c r="M1276" i="5" s="1"/>
  <c r="K1302" i="2"/>
  <c r="K1276" i="5" s="1"/>
  <c r="O1276" i="5" s="1"/>
  <c r="J1302" i="2"/>
  <c r="J1276" i="5" s="1"/>
  <c r="N1276" i="5" s="1"/>
  <c r="I1302" i="2"/>
  <c r="I1276" i="5" s="1"/>
  <c r="M5975" i="2"/>
  <c r="M5949" i="5" s="1"/>
  <c r="I5975" i="2"/>
  <c r="I5949" i="5" s="1"/>
  <c r="J5975" i="2"/>
  <c r="J5949" i="5" s="1"/>
  <c r="N5949" i="5" s="1"/>
  <c r="L5975" i="2"/>
  <c r="L5949" i="5" s="1"/>
  <c r="K5975" i="2"/>
  <c r="K5949" i="5" s="1"/>
  <c r="O5949" i="5" s="1"/>
  <c r="I3096" i="2"/>
  <c r="I3070" i="5" s="1"/>
  <c r="K3096" i="2"/>
  <c r="K3070" i="5" s="1"/>
  <c r="O3070" i="5" s="1"/>
  <c r="L3096" i="2"/>
  <c r="L3070" i="5" s="1"/>
  <c r="M3096" i="2"/>
  <c r="M3070" i="5" s="1"/>
  <c r="J3096" i="2"/>
  <c r="J3070" i="5" s="1"/>
  <c r="N3070" i="5" s="1"/>
  <c r="J3094" i="2"/>
  <c r="J3068" i="5" s="1"/>
  <c r="N3068" i="5" s="1"/>
  <c r="L3094" i="2"/>
  <c r="L3068" i="5" s="1"/>
  <c r="M3094" i="2"/>
  <c r="M3068" i="5" s="1"/>
  <c r="I3094" i="2"/>
  <c r="I3068" i="5" s="1"/>
  <c r="K3094" i="2"/>
  <c r="K3068" i="5" s="1"/>
  <c r="O3068" i="5" s="1"/>
  <c r="K1109" i="2"/>
  <c r="K1083" i="5" s="1"/>
  <c r="O1083" i="5" s="1"/>
  <c r="J1109" i="2"/>
  <c r="J1083" i="5" s="1"/>
  <c r="N1083" i="5" s="1"/>
  <c r="M1109" i="2"/>
  <c r="M1083" i="5" s="1"/>
  <c r="L1109" i="2"/>
  <c r="L1083" i="5" s="1"/>
  <c r="I1109" i="2"/>
  <c r="I1083" i="5" s="1"/>
  <c r="M473" i="2"/>
  <c r="M447" i="5" s="1"/>
  <c r="J473" i="2"/>
  <c r="J447" i="5" s="1"/>
  <c r="N447" i="5" s="1"/>
  <c r="L473" i="2"/>
  <c r="L447" i="5" s="1"/>
  <c r="I473" i="2"/>
  <c r="I447" i="5" s="1"/>
  <c r="K473" i="2"/>
  <c r="K447" i="5" s="1"/>
  <c r="O447" i="5" s="1"/>
  <c r="M235" i="2"/>
  <c r="M209" i="5" s="1"/>
  <c r="L235" i="2"/>
  <c r="L209" i="5" s="1"/>
  <c r="K235" i="2"/>
  <c r="K209" i="5" s="1"/>
  <c r="O209" i="5" s="1"/>
  <c r="J235" i="2"/>
  <c r="J209" i="5" s="1"/>
  <c r="N209" i="5" s="1"/>
  <c r="I235" i="2"/>
  <c r="I209" i="5" s="1"/>
  <c r="K6941" i="2"/>
  <c r="K6915" i="5" s="1"/>
  <c r="O6915" i="5" s="1"/>
  <c r="J6941" i="2"/>
  <c r="J6915" i="5" s="1"/>
  <c r="N6915" i="5" s="1"/>
  <c r="M6941" i="2"/>
  <c r="M6915" i="5" s="1"/>
  <c r="I6941" i="2"/>
  <c r="I6915" i="5" s="1"/>
  <c r="L6941" i="2"/>
  <c r="L6915" i="5" s="1"/>
  <c r="J5496" i="2"/>
  <c r="J5470" i="5" s="1"/>
  <c r="N5470" i="5" s="1"/>
  <c r="M5496" i="2"/>
  <c r="M5470" i="5" s="1"/>
  <c r="L5496" i="2"/>
  <c r="L5470" i="5" s="1"/>
  <c r="I5496" i="2"/>
  <c r="I5470" i="5" s="1"/>
  <c r="K5496" i="2"/>
  <c r="K5470" i="5" s="1"/>
  <c r="O5470" i="5" s="1"/>
  <c r="K5491" i="2"/>
  <c r="K5465" i="5" s="1"/>
  <c r="O5465" i="5" s="1"/>
  <c r="M5491" i="2"/>
  <c r="M5465" i="5" s="1"/>
  <c r="L5491" i="2"/>
  <c r="L5465" i="5" s="1"/>
  <c r="I5491" i="2"/>
  <c r="I5465" i="5" s="1"/>
  <c r="J5491" i="2"/>
  <c r="J5465" i="5" s="1"/>
  <c r="N5465" i="5" s="1"/>
  <c r="K4739" i="2"/>
  <c r="K4713" i="5" s="1"/>
  <c r="O4713" i="5" s="1"/>
  <c r="J4739" i="2"/>
  <c r="J4713" i="5" s="1"/>
  <c r="N4713" i="5" s="1"/>
  <c r="L4739" i="2"/>
  <c r="L4713" i="5" s="1"/>
  <c r="M4739" i="2"/>
  <c r="M4713" i="5" s="1"/>
  <c r="I4739" i="2"/>
  <c r="I4713" i="5" s="1"/>
  <c r="K8163" i="2"/>
  <c r="K8137" i="5" s="1"/>
  <c r="O8137" i="5" s="1"/>
  <c r="L8163" i="2"/>
  <c r="L8137" i="5" s="1"/>
  <c r="M8163" i="2"/>
  <c r="M8137" i="5" s="1"/>
  <c r="J8163" i="2"/>
  <c r="J8137" i="5" s="1"/>
  <c r="N8137" i="5" s="1"/>
  <c r="I8163" i="2"/>
  <c r="I8137" i="5" s="1"/>
  <c r="K1889" i="2"/>
  <c r="K1863" i="5" s="1"/>
  <c r="O1863" i="5" s="1"/>
  <c r="J1889" i="2"/>
  <c r="J1863" i="5" s="1"/>
  <c r="N1863" i="5" s="1"/>
  <c r="L1889" i="2"/>
  <c r="L1863" i="5" s="1"/>
  <c r="M1889" i="2"/>
  <c r="M1863" i="5" s="1"/>
  <c r="I1889" i="2"/>
  <c r="I1863" i="5" s="1"/>
  <c r="I4779" i="2"/>
  <c r="I4753" i="5" s="1"/>
  <c r="L4779" i="2"/>
  <c r="L4753" i="5" s="1"/>
  <c r="K4779" i="2"/>
  <c r="K4753" i="5" s="1"/>
  <c r="O4753" i="5" s="1"/>
  <c r="J4779" i="2"/>
  <c r="J4753" i="5" s="1"/>
  <c r="N4753" i="5" s="1"/>
  <c r="M4779" i="2"/>
  <c r="M4753" i="5" s="1"/>
  <c r="L3681" i="2"/>
  <c r="L3655" i="5" s="1"/>
  <c r="M3681" i="2"/>
  <c r="M3655" i="5" s="1"/>
  <c r="I3681" i="2"/>
  <c r="I3655" i="5" s="1"/>
  <c r="J3681" i="2"/>
  <c r="J3655" i="5" s="1"/>
  <c r="N3655" i="5" s="1"/>
  <c r="K3681" i="2"/>
  <c r="K3655" i="5" s="1"/>
  <c r="O3655" i="5" s="1"/>
  <c r="M5636" i="2"/>
  <c r="M5610" i="5" s="1"/>
  <c r="L5636" i="2"/>
  <c r="L5610" i="5" s="1"/>
  <c r="I5636" i="2"/>
  <c r="I5610" i="5" s="1"/>
  <c r="K5636" i="2"/>
  <c r="K5610" i="5" s="1"/>
  <c r="O5610" i="5" s="1"/>
  <c r="J5636" i="2"/>
  <c r="J5610" i="5" s="1"/>
  <c r="N5610" i="5" s="1"/>
  <c r="J5627" i="2"/>
  <c r="J5601" i="5" s="1"/>
  <c r="N5601" i="5" s="1"/>
  <c r="L5627" i="2"/>
  <c r="L5601" i="5" s="1"/>
  <c r="M5627" i="2"/>
  <c r="M5601" i="5" s="1"/>
  <c r="I5627" i="2"/>
  <c r="I5601" i="5" s="1"/>
  <c r="K5627" i="2"/>
  <c r="K5601" i="5" s="1"/>
  <c r="O5601" i="5" s="1"/>
  <c r="I2065" i="2"/>
  <c r="I2039" i="5" s="1"/>
  <c r="K2065" i="2"/>
  <c r="K2039" i="5" s="1"/>
  <c r="O2039" i="5" s="1"/>
  <c r="L2065" i="2"/>
  <c r="L2039" i="5" s="1"/>
  <c r="M2065" i="2"/>
  <c r="M2039" i="5" s="1"/>
  <c r="J2065" i="2"/>
  <c r="J2039" i="5" s="1"/>
  <c r="N2039" i="5" s="1"/>
  <c r="J7625" i="2"/>
  <c r="J7599" i="5" s="1"/>
  <c r="N7599" i="5" s="1"/>
  <c r="I7625" i="2"/>
  <c r="I7599" i="5" s="1"/>
  <c r="M7625" i="2"/>
  <c r="M7599" i="5" s="1"/>
  <c r="L7625" i="2"/>
  <c r="L7599" i="5" s="1"/>
  <c r="K7625" i="2"/>
  <c r="K7599" i="5" s="1"/>
  <c r="O7599" i="5" s="1"/>
  <c r="L4470" i="2"/>
  <c r="L4444" i="5" s="1"/>
  <c r="M4470" i="2"/>
  <c r="M4444" i="5" s="1"/>
  <c r="I4470" i="2"/>
  <c r="I4444" i="5" s="1"/>
  <c r="K4470" i="2"/>
  <c r="K4444" i="5" s="1"/>
  <c r="O4444" i="5" s="1"/>
  <c r="J4470" i="2"/>
  <c r="J4444" i="5" s="1"/>
  <c r="N4444" i="5" s="1"/>
  <c r="J4473" i="2"/>
  <c r="J4447" i="5" s="1"/>
  <c r="N4447" i="5" s="1"/>
  <c r="L4473" i="2"/>
  <c r="L4447" i="5" s="1"/>
  <c r="M4473" i="2"/>
  <c r="M4447" i="5" s="1"/>
  <c r="I4473" i="2"/>
  <c r="I4447" i="5" s="1"/>
  <c r="K4473" i="2"/>
  <c r="K4447" i="5" s="1"/>
  <c r="O4447" i="5" s="1"/>
  <c r="M7687" i="2"/>
  <c r="M7661" i="5" s="1"/>
  <c r="I7687" i="2"/>
  <c r="I7661" i="5" s="1"/>
  <c r="K7687" i="2"/>
  <c r="K7661" i="5" s="1"/>
  <c r="O7661" i="5" s="1"/>
  <c r="L7687" i="2"/>
  <c r="L7661" i="5" s="1"/>
  <c r="J7687" i="2"/>
  <c r="J7661" i="5" s="1"/>
  <c r="N7661" i="5" s="1"/>
  <c r="J7668" i="2"/>
  <c r="J7642" i="5" s="1"/>
  <c r="N7642" i="5" s="1"/>
  <c r="I7668" i="2"/>
  <c r="I7642" i="5" s="1"/>
  <c r="K7668" i="2"/>
  <c r="K7642" i="5" s="1"/>
  <c r="O7642" i="5" s="1"/>
  <c r="L7668" i="2"/>
  <c r="L7642" i="5" s="1"/>
  <c r="M7668" i="2"/>
  <c r="M7642" i="5" s="1"/>
  <c r="K4183" i="2"/>
  <c r="K4157" i="5" s="1"/>
  <c r="O4157" i="5" s="1"/>
  <c r="J4183" i="2"/>
  <c r="J4157" i="5" s="1"/>
  <c r="N4157" i="5" s="1"/>
  <c r="L4183" i="2"/>
  <c r="L4157" i="5" s="1"/>
  <c r="I4183" i="2"/>
  <c r="I4157" i="5" s="1"/>
  <c r="M4183" i="2"/>
  <c r="M4157" i="5" s="1"/>
  <c r="L2406" i="2"/>
  <c r="L2380" i="5" s="1"/>
  <c r="M2406" i="2"/>
  <c r="M2380" i="5" s="1"/>
  <c r="J2406" i="2"/>
  <c r="J2380" i="5" s="1"/>
  <c r="N2380" i="5" s="1"/>
  <c r="I2406" i="2"/>
  <c r="I2380" i="5" s="1"/>
  <c r="K2406" i="2"/>
  <c r="K2380" i="5" s="1"/>
  <c r="O2380" i="5" s="1"/>
  <c r="M8643" i="2"/>
  <c r="M8617" i="5" s="1"/>
  <c r="L8643" i="2"/>
  <c r="L8617" i="5" s="1"/>
  <c r="J8643" i="2"/>
  <c r="J8617" i="5" s="1"/>
  <c r="N8617" i="5" s="1"/>
  <c r="I8643" i="2"/>
  <c r="I8617" i="5" s="1"/>
  <c r="K8643" i="2"/>
  <c r="K8617" i="5" s="1"/>
  <c r="O8617" i="5" s="1"/>
  <c r="K3646" i="2"/>
  <c r="K3620" i="5" s="1"/>
  <c r="O3620" i="5" s="1"/>
  <c r="L3646" i="2"/>
  <c r="L3620" i="5" s="1"/>
  <c r="M3646" i="2"/>
  <c r="M3620" i="5" s="1"/>
  <c r="I3646" i="2"/>
  <c r="I3620" i="5" s="1"/>
  <c r="J3646" i="2"/>
  <c r="J3620" i="5" s="1"/>
  <c r="N3620" i="5" s="1"/>
  <c r="J3595" i="2"/>
  <c r="J3569" i="5" s="1"/>
  <c r="N3569" i="5" s="1"/>
  <c r="M3595" i="2"/>
  <c r="M3569" i="5" s="1"/>
  <c r="L3595" i="2"/>
  <c r="L3569" i="5" s="1"/>
  <c r="I3595" i="2"/>
  <c r="I3569" i="5" s="1"/>
  <c r="K3595" i="2"/>
  <c r="K3569" i="5" s="1"/>
  <c r="O3569" i="5" s="1"/>
  <c r="I5515" i="2"/>
  <c r="I5489" i="5" s="1"/>
  <c r="L5515" i="2"/>
  <c r="L5489" i="5" s="1"/>
  <c r="M5515" i="2"/>
  <c r="M5489" i="5" s="1"/>
  <c r="K5515" i="2"/>
  <c r="K5489" i="5" s="1"/>
  <c r="O5489" i="5" s="1"/>
  <c r="J5515" i="2"/>
  <c r="J5489" i="5" s="1"/>
  <c r="N5489" i="5" s="1"/>
  <c r="M5253" i="2"/>
  <c r="M5227" i="5" s="1"/>
  <c r="J5253" i="2"/>
  <c r="J5227" i="5" s="1"/>
  <c r="N5227" i="5" s="1"/>
  <c r="L5253" i="2"/>
  <c r="L5227" i="5" s="1"/>
  <c r="I5253" i="2"/>
  <c r="I5227" i="5" s="1"/>
  <c r="K5253" i="2"/>
  <c r="K5227" i="5" s="1"/>
  <c r="O5227" i="5" s="1"/>
  <c r="M6607" i="2"/>
  <c r="M6581" i="5" s="1"/>
  <c r="I6607" i="2"/>
  <c r="I6581" i="5" s="1"/>
  <c r="L6607" i="2"/>
  <c r="L6581" i="5" s="1"/>
  <c r="K6607" i="2"/>
  <c r="K6581" i="5" s="1"/>
  <c r="O6581" i="5" s="1"/>
  <c r="J6607" i="2"/>
  <c r="J6581" i="5" s="1"/>
  <c r="N6581" i="5" s="1"/>
  <c r="J2502" i="2"/>
  <c r="J2476" i="5" s="1"/>
  <c r="N2476" i="5" s="1"/>
  <c r="L2502" i="2"/>
  <c r="L2476" i="5" s="1"/>
  <c r="I2502" i="2"/>
  <c r="I2476" i="5" s="1"/>
  <c r="M2502" i="2"/>
  <c r="M2476" i="5" s="1"/>
  <c r="K2502" i="2"/>
  <c r="K2476" i="5" s="1"/>
  <c r="O2476" i="5" s="1"/>
  <c r="J2585" i="2"/>
  <c r="J2559" i="5" s="1"/>
  <c r="N2559" i="5" s="1"/>
  <c r="M2585" i="2"/>
  <c r="M2559" i="5" s="1"/>
  <c r="L2585" i="2"/>
  <c r="L2559" i="5" s="1"/>
  <c r="I2585" i="2"/>
  <c r="I2559" i="5" s="1"/>
  <c r="K2585" i="2"/>
  <c r="K2559" i="5" s="1"/>
  <c r="O2559" i="5" s="1"/>
  <c r="K2580" i="2"/>
  <c r="K2554" i="5" s="1"/>
  <c r="O2554" i="5" s="1"/>
  <c r="J2580" i="2"/>
  <c r="J2554" i="5" s="1"/>
  <c r="N2554" i="5" s="1"/>
  <c r="M2580" i="2"/>
  <c r="M2554" i="5" s="1"/>
  <c r="L2580" i="2"/>
  <c r="L2554" i="5" s="1"/>
  <c r="I2580" i="2"/>
  <c r="I2554" i="5" s="1"/>
  <c r="M6302" i="2"/>
  <c r="M6276" i="5" s="1"/>
  <c r="I6302" i="2"/>
  <c r="I6276" i="5" s="1"/>
  <c r="J6302" i="2"/>
  <c r="J6276" i="5" s="1"/>
  <c r="N6276" i="5" s="1"/>
  <c r="L6302" i="2"/>
  <c r="L6276" i="5" s="1"/>
  <c r="K6302" i="2"/>
  <c r="K6276" i="5" s="1"/>
  <c r="O6276" i="5" s="1"/>
  <c r="I6303" i="2"/>
  <c r="I6277" i="5" s="1"/>
  <c r="K6303" i="2"/>
  <c r="K6277" i="5" s="1"/>
  <c r="O6277" i="5" s="1"/>
  <c r="M6303" i="2"/>
  <c r="M6277" i="5" s="1"/>
  <c r="L6303" i="2"/>
  <c r="L6277" i="5" s="1"/>
  <c r="J6303" i="2"/>
  <c r="J6277" i="5" s="1"/>
  <c r="N6277" i="5" s="1"/>
  <c r="M3779" i="2"/>
  <c r="M3753" i="5" s="1"/>
  <c r="K3779" i="2"/>
  <c r="K3753" i="5" s="1"/>
  <c r="O3753" i="5" s="1"/>
  <c r="L3779" i="2"/>
  <c r="L3753" i="5" s="1"/>
  <c r="J3779" i="2"/>
  <c r="J3753" i="5" s="1"/>
  <c r="N3753" i="5" s="1"/>
  <c r="I3779" i="2"/>
  <c r="I3753" i="5" s="1"/>
  <c r="K3778" i="2"/>
  <c r="K3752" i="5" s="1"/>
  <c r="O3752" i="5" s="1"/>
  <c r="J3778" i="2"/>
  <c r="J3752" i="5" s="1"/>
  <c r="N3752" i="5" s="1"/>
  <c r="M3778" i="2"/>
  <c r="M3752" i="5" s="1"/>
  <c r="I3778" i="2"/>
  <c r="I3752" i="5" s="1"/>
  <c r="L3778" i="2"/>
  <c r="L3752" i="5" s="1"/>
  <c r="M2154" i="2"/>
  <c r="M2128" i="5" s="1"/>
  <c r="L2154" i="2"/>
  <c r="L2128" i="5" s="1"/>
  <c r="I2154" i="2"/>
  <c r="I2128" i="5" s="1"/>
  <c r="K2154" i="2"/>
  <c r="K2128" i="5" s="1"/>
  <c r="O2128" i="5" s="1"/>
  <c r="J2154" i="2"/>
  <c r="J2128" i="5" s="1"/>
  <c r="N2128" i="5" s="1"/>
  <c r="J2147" i="2"/>
  <c r="J2121" i="5" s="1"/>
  <c r="N2121" i="5" s="1"/>
  <c r="L2147" i="2"/>
  <c r="L2121" i="5" s="1"/>
  <c r="I2147" i="2"/>
  <c r="I2121" i="5" s="1"/>
  <c r="M2147" i="2"/>
  <c r="M2121" i="5" s="1"/>
  <c r="K2147" i="2"/>
  <c r="K2121" i="5" s="1"/>
  <c r="O2121" i="5" s="1"/>
  <c r="L6296" i="2"/>
  <c r="L6270" i="5" s="1"/>
  <c r="M6296" i="2"/>
  <c r="M6270" i="5" s="1"/>
  <c r="J6296" i="2"/>
  <c r="J6270" i="5" s="1"/>
  <c r="N6270" i="5" s="1"/>
  <c r="I6296" i="2"/>
  <c r="I6270" i="5" s="1"/>
  <c r="K6296" i="2"/>
  <c r="K6270" i="5" s="1"/>
  <c r="O6270" i="5" s="1"/>
  <c r="K3424" i="2"/>
  <c r="K3398" i="5" s="1"/>
  <c r="O3398" i="5" s="1"/>
  <c r="J3424" i="2"/>
  <c r="J3398" i="5" s="1"/>
  <c r="N3398" i="5" s="1"/>
  <c r="L3424" i="2"/>
  <c r="L3398" i="5" s="1"/>
  <c r="I3424" i="2"/>
  <c r="I3398" i="5" s="1"/>
  <c r="M3424" i="2"/>
  <c r="M3398" i="5" s="1"/>
  <c r="AR143" i="1"/>
  <c r="C149" i="5"/>
  <c r="L6795" i="2"/>
  <c r="L6769" i="5" s="1"/>
  <c r="I6795" i="2"/>
  <c r="I6769" i="5" s="1"/>
  <c r="J6795" i="2"/>
  <c r="J6769" i="5" s="1"/>
  <c r="N6769" i="5" s="1"/>
  <c r="M6795" i="2"/>
  <c r="M6769" i="5" s="1"/>
  <c r="K6795" i="2"/>
  <c r="K6769" i="5" s="1"/>
  <c r="O6769" i="5" s="1"/>
  <c r="K7295" i="2"/>
  <c r="K7269" i="5" s="1"/>
  <c r="O7269" i="5" s="1"/>
  <c r="J7295" i="2"/>
  <c r="J7269" i="5" s="1"/>
  <c r="N7269" i="5" s="1"/>
  <c r="M7295" i="2"/>
  <c r="M7269" i="5" s="1"/>
  <c r="L7295" i="2"/>
  <c r="L7269" i="5" s="1"/>
  <c r="I7295" i="2"/>
  <c r="I7269" i="5" s="1"/>
  <c r="L1242" i="2"/>
  <c r="L1216" i="5" s="1"/>
  <c r="M1242" i="2"/>
  <c r="M1216" i="5" s="1"/>
  <c r="K1242" i="2"/>
  <c r="K1216" i="5" s="1"/>
  <c r="O1216" i="5" s="1"/>
  <c r="I1242" i="2"/>
  <c r="I1216" i="5" s="1"/>
  <c r="J1242" i="2"/>
  <c r="J1216" i="5" s="1"/>
  <c r="N1216" i="5" s="1"/>
  <c r="K3286" i="2"/>
  <c r="K3260" i="5" s="1"/>
  <c r="O3260" i="5" s="1"/>
  <c r="J3286" i="2"/>
  <c r="J3260" i="5" s="1"/>
  <c r="N3260" i="5" s="1"/>
  <c r="L3286" i="2"/>
  <c r="L3260" i="5" s="1"/>
  <c r="M3286" i="2"/>
  <c r="M3260" i="5" s="1"/>
  <c r="I3286" i="2"/>
  <c r="I3260" i="5" s="1"/>
  <c r="L6809" i="2"/>
  <c r="L6783" i="5" s="1"/>
  <c r="I6809" i="2"/>
  <c r="I6783" i="5" s="1"/>
  <c r="K6809" i="2"/>
  <c r="K6783" i="5" s="1"/>
  <c r="O6783" i="5" s="1"/>
  <c r="J6809" i="2"/>
  <c r="J6783" i="5" s="1"/>
  <c r="N6783" i="5" s="1"/>
  <c r="M6809" i="2"/>
  <c r="M6783" i="5" s="1"/>
  <c r="L5432" i="2"/>
  <c r="L5406" i="5" s="1"/>
  <c r="I5432" i="2"/>
  <c r="I5406" i="5" s="1"/>
  <c r="K5432" i="2"/>
  <c r="K5406" i="5" s="1"/>
  <c r="O5406" i="5" s="1"/>
  <c r="M5432" i="2"/>
  <c r="M5406" i="5" s="1"/>
  <c r="J5432" i="2"/>
  <c r="J5406" i="5" s="1"/>
  <c r="N5406" i="5" s="1"/>
  <c r="L106" i="2"/>
  <c r="L80" i="5" s="1"/>
  <c r="I106" i="2"/>
  <c r="I80" i="5" s="1"/>
  <c r="K106" i="2"/>
  <c r="K80" i="5" s="1"/>
  <c r="O80" i="5" s="1"/>
  <c r="M106" i="2"/>
  <c r="M80" i="5" s="1"/>
  <c r="J106" i="2"/>
  <c r="J80" i="5" s="1"/>
  <c r="N80" i="5" s="1"/>
  <c r="I109" i="2"/>
  <c r="I83" i="5" s="1"/>
  <c r="L109" i="2"/>
  <c r="L83" i="5" s="1"/>
  <c r="M109" i="2"/>
  <c r="M83" i="5" s="1"/>
  <c r="K109" i="2"/>
  <c r="K83" i="5" s="1"/>
  <c r="O83" i="5" s="1"/>
  <c r="J109" i="2"/>
  <c r="J83" i="5" s="1"/>
  <c r="N83" i="5" s="1"/>
  <c r="M3906" i="2"/>
  <c r="M3880" i="5" s="1"/>
  <c r="J3906" i="2"/>
  <c r="J3880" i="5" s="1"/>
  <c r="N3880" i="5" s="1"/>
  <c r="L3906" i="2"/>
  <c r="L3880" i="5" s="1"/>
  <c r="I3906" i="2"/>
  <c r="I3880" i="5" s="1"/>
  <c r="K3906" i="2"/>
  <c r="K3880" i="5" s="1"/>
  <c r="O3880" i="5" s="1"/>
  <c r="L270" i="2"/>
  <c r="L244" i="5" s="1"/>
  <c r="M270" i="2"/>
  <c r="M244" i="5" s="1"/>
  <c r="K270" i="2"/>
  <c r="K244" i="5" s="1"/>
  <c r="O244" i="5" s="1"/>
  <c r="J270" i="2"/>
  <c r="J244" i="5" s="1"/>
  <c r="N244" i="5" s="1"/>
  <c r="I270" i="2"/>
  <c r="I244" i="5" s="1"/>
  <c r="K6346" i="2"/>
  <c r="K6320" i="5" s="1"/>
  <c r="O6320" i="5" s="1"/>
  <c r="L6346" i="2"/>
  <c r="L6320" i="5" s="1"/>
  <c r="I6346" i="2"/>
  <c r="I6320" i="5" s="1"/>
  <c r="M6346" i="2"/>
  <c r="M6320" i="5" s="1"/>
  <c r="J6346" i="2"/>
  <c r="J6320" i="5" s="1"/>
  <c r="N6320" i="5" s="1"/>
  <c r="M6360" i="2"/>
  <c r="M6334" i="5" s="1"/>
  <c r="K6360" i="2"/>
  <c r="K6334" i="5" s="1"/>
  <c r="O6334" i="5" s="1"/>
  <c r="J6360" i="2"/>
  <c r="J6334" i="5" s="1"/>
  <c r="N6334" i="5" s="1"/>
  <c r="L6360" i="2"/>
  <c r="L6334" i="5" s="1"/>
  <c r="I6360" i="2"/>
  <c r="I6334" i="5" s="1"/>
  <c r="M7200" i="2"/>
  <c r="M7174" i="5" s="1"/>
  <c r="I7200" i="2"/>
  <c r="I7174" i="5" s="1"/>
  <c r="K7200" i="2"/>
  <c r="K7174" i="5" s="1"/>
  <c r="O7174" i="5" s="1"/>
  <c r="J7200" i="2"/>
  <c r="J7174" i="5" s="1"/>
  <c r="N7174" i="5" s="1"/>
  <c r="L7200" i="2"/>
  <c r="L7174" i="5" s="1"/>
  <c r="L1593" i="2"/>
  <c r="L1567" i="5" s="1"/>
  <c r="M1593" i="2"/>
  <c r="M1567" i="5" s="1"/>
  <c r="J1593" i="2"/>
  <c r="J1567" i="5" s="1"/>
  <c r="N1567" i="5" s="1"/>
  <c r="I1593" i="2"/>
  <c r="I1567" i="5" s="1"/>
  <c r="K1593" i="2"/>
  <c r="K1567" i="5" s="1"/>
  <c r="O1567" i="5" s="1"/>
  <c r="I3499" i="2"/>
  <c r="I3473" i="5" s="1"/>
  <c r="J3499" i="2"/>
  <c r="J3473" i="5" s="1"/>
  <c r="N3473" i="5" s="1"/>
  <c r="L3499" i="2"/>
  <c r="L3473" i="5" s="1"/>
  <c r="M3499" i="2"/>
  <c r="M3473" i="5" s="1"/>
  <c r="K3499" i="2"/>
  <c r="K3473" i="5" s="1"/>
  <c r="O3473" i="5" s="1"/>
  <c r="M6703" i="2"/>
  <c r="M6677" i="5" s="1"/>
  <c r="J6703" i="2"/>
  <c r="J6677" i="5" s="1"/>
  <c r="N6677" i="5" s="1"/>
  <c r="L6703" i="2"/>
  <c r="L6677" i="5" s="1"/>
  <c r="I6703" i="2"/>
  <c r="I6677" i="5" s="1"/>
  <c r="K6703" i="2"/>
  <c r="K6677" i="5" s="1"/>
  <c r="O6677" i="5" s="1"/>
  <c r="J6682" i="2"/>
  <c r="J6656" i="5" s="1"/>
  <c r="N6656" i="5" s="1"/>
  <c r="L6682" i="2"/>
  <c r="L6656" i="5" s="1"/>
  <c r="I6682" i="2"/>
  <c r="I6656" i="5" s="1"/>
  <c r="M6682" i="2"/>
  <c r="M6656" i="5" s="1"/>
  <c r="K6682" i="2"/>
  <c r="K6656" i="5" s="1"/>
  <c r="O6656" i="5" s="1"/>
  <c r="M7121" i="2"/>
  <c r="M7095" i="5" s="1"/>
  <c r="J7121" i="2"/>
  <c r="J7095" i="5" s="1"/>
  <c r="N7095" i="5" s="1"/>
  <c r="L7121" i="2"/>
  <c r="L7095" i="5" s="1"/>
  <c r="I7121" i="2"/>
  <c r="I7095" i="5" s="1"/>
  <c r="K7121" i="2"/>
  <c r="K7095" i="5" s="1"/>
  <c r="O7095" i="5" s="1"/>
  <c r="M7129" i="2"/>
  <c r="M7103" i="5" s="1"/>
  <c r="J7129" i="2"/>
  <c r="J7103" i="5" s="1"/>
  <c r="N7103" i="5" s="1"/>
  <c r="L7129" i="2"/>
  <c r="L7103" i="5" s="1"/>
  <c r="I7129" i="2"/>
  <c r="I7103" i="5" s="1"/>
  <c r="K7129" i="2"/>
  <c r="K7103" i="5" s="1"/>
  <c r="O7103" i="5" s="1"/>
  <c r="L2132" i="2"/>
  <c r="L2106" i="5" s="1"/>
  <c r="J2132" i="2"/>
  <c r="J2106" i="5" s="1"/>
  <c r="N2106" i="5" s="1"/>
  <c r="M2132" i="2"/>
  <c r="M2106" i="5" s="1"/>
  <c r="I2132" i="2"/>
  <c r="I2106" i="5" s="1"/>
  <c r="K2132" i="2"/>
  <c r="K2106" i="5" s="1"/>
  <c r="O2106" i="5" s="1"/>
  <c r="L3342" i="2"/>
  <c r="L3316" i="5" s="1"/>
  <c r="K3342" i="2"/>
  <c r="K3316" i="5" s="1"/>
  <c r="O3316" i="5" s="1"/>
  <c r="J3342" i="2"/>
  <c r="J3316" i="5" s="1"/>
  <c r="N3316" i="5" s="1"/>
  <c r="M3342" i="2"/>
  <c r="M3316" i="5" s="1"/>
  <c r="I3342" i="2"/>
  <c r="I3316" i="5" s="1"/>
  <c r="J4520" i="2"/>
  <c r="J4494" i="5" s="1"/>
  <c r="N4494" i="5" s="1"/>
  <c r="L4520" i="2"/>
  <c r="L4494" i="5" s="1"/>
  <c r="I4520" i="2"/>
  <c r="I4494" i="5" s="1"/>
  <c r="M4520" i="2"/>
  <c r="M4494" i="5" s="1"/>
  <c r="K4520" i="2"/>
  <c r="K4494" i="5" s="1"/>
  <c r="O4494" i="5" s="1"/>
  <c r="M7427" i="2"/>
  <c r="M7401" i="5" s="1"/>
  <c r="J7427" i="2"/>
  <c r="J7401" i="5" s="1"/>
  <c r="N7401" i="5" s="1"/>
  <c r="L7427" i="2"/>
  <c r="L7401" i="5" s="1"/>
  <c r="I7427" i="2"/>
  <c r="I7401" i="5" s="1"/>
  <c r="K7427" i="2"/>
  <c r="K7401" i="5" s="1"/>
  <c r="O7401" i="5" s="1"/>
  <c r="J6494" i="2"/>
  <c r="J6468" i="5" s="1"/>
  <c r="N6468" i="5" s="1"/>
  <c r="L6494" i="2"/>
  <c r="L6468" i="5" s="1"/>
  <c r="I6494" i="2"/>
  <c r="I6468" i="5" s="1"/>
  <c r="M6494" i="2"/>
  <c r="M6468" i="5" s="1"/>
  <c r="K6494" i="2"/>
  <c r="K6468" i="5" s="1"/>
  <c r="O6468" i="5" s="1"/>
  <c r="M4834" i="2"/>
  <c r="M4808" i="5" s="1"/>
  <c r="L4834" i="2"/>
  <c r="L4808" i="5" s="1"/>
  <c r="I4834" i="2"/>
  <c r="I4808" i="5" s="1"/>
  <c r="K4834" i="2"/>
  <c r="K4808" i="5" s="1"/>
  <c r="O4808" i="5" s="1"/>
  <c r="J4834" i="2"/>
  <c r="J4808" i="5" s="1"/>
  <c r="N4808" i="5" s="1"/>
  <c r="I7862" i="2"/>
  <c r="I7836" i="5" s="1"/>
  <c r="J7862" i="2"/>
  <c r="J7836" i="5" s="1"/>
  <c r="N7836" i="5" s="1"/>
  <c r="L7862" i="2"/>
  <c r="L7836" i="5" s="1"/>
  <c r="M7862" i="2"/>
  <c r="M7836" i="5" s="1"/>
  <c r="K7862" i="2"/>
  <c r="K7836" i="5" s="1"/>
  <c r="O7836" i="5" s="1"/>
  <c r="K7861" i="2"/>
  <c r="K7835" i="5" s="1"/>
  <c r="O7835" i="5" s="1"/>
  <c r="M7861" i="2"/>
  <c r="M7835" i="5" s="1"/>
  <c r="I7861" i="2"/>
  <c r="I7835" i="5" s="1"/>
  <c r="J7861" i="2"/>
  <c r="J7835" i="5" s="1"/>
  <c r="N7835" i="5" s="1"/>
  <c r="L7861" i="2"/>
  <c r="L7835" i="5" s="1"/>
  <c r="M4915" i="2"/>
  <c r="M4889" i="5" s="1"/>
  <c r="L4915" i="2"/>
  <c r="L4889" i="5" s="1"/>
  <c r="I4915" i="2"/>
  <c r="I4889" i="5" s="1"/>
  <c r="K4915" i="2"/>
  <c r="K4889" i="5" s="1"/>
  <c r="O4889" i="5" s="1"/>
  <c r="J4915" i="2"/>
  <c r="J4889" i="5" s="1"/>
  <c r="N4889" i="5" s="1"/>
  <c r="J4928" i="2"/>
  <c r="J4902" i="5" s="1"/>
  <c r="N4902" i="5" s="1"/>
  <c r="L4928" i="2"/>
  <c r="L4902" i="5" s="1"/>
  <c r="I4928" i="2"/>
  <c r="I4902" i="5" s="1"/>
  <c r="M4928" i="2"/>
  <c r="M4902" i="5" s="1"/>
  <c r="K4928" i="2"/>
  <c r="K4902" i="5" s="1"/>
  <c r="O4902" i="5" s="1"/>
  <c r="K8272" i="2"/>
  <c r="K8246" i="5" s="1"/>
  <c r="O8246" i="5" s="1"/>
  <c r="J8272" i="2"/>
  <c r="J8246" i="5" s="1"/>
  <c r="N8246" i="5" s="1"/>
  <c r="L8272" i="2"/>
  <c r="L8246" i="5" s="1"/>
  <c r="M8272" i="2"/>
  <c r="M8246" i="5" s="1"/>
  <c r="I8272" i="2"/>
  <c r="I8246" i="5" s="1"/>
  <c r="J4637" i="2"/>
  <c r="J4611" i="5" s="1"/>
  <c r="N4611" i="5" s="1"/>
  <c r="L4637" i="2"/>
  <c r="L4611" i="5" s="1"/>
  <c r="I4637" i="2"/>
  <c r="I4611" i="5" s="1"/>
  <c r="K4637" i="2"/>
  <c r="K4611" i="5" s="1"/>
  <c r="O4611" i="5" s="1"/>
  <c r="M4637" i="2"/>
  <c r="M4611" i="5" s="1"/>
  <c r="M2423" i="2"/>
  <c r="M2397" i="5" s="1"/>
  <c r="I2423" i="2"/>
  <c r="I2397" i="5" s="1"/>
  <c r="K2423" i="2"/>
  <c r="K2397" i="5" s="1"/>
  <c r="O2397" i="5" s="1"/>
  <c r="L2423" i="2"/>
  <c r="L2397" i="5" s="1"/>
  <c r="J2423" i="2"/>
  <c r="J2397" i="5" s="1"/>
  <c r="N2397" i="5" s="1"/>
  <c r="C107" i="5"/>
  <c r="AR101" i="1"/>
  <c r="M5293" i="2"/>
  <c r="M5267" i="5" s="1"/>
  <c r="L5293" i="2"/>
  <c r="L5267" i="5" s="1"/>
  <c r="I5293" i="2"/>
  <c r="I5267" i="5" s="1"/>
  <c r="K5293" i="2"/>
  <c r="K5267" i="5" s="1"/>
  <c r="O5267" i="5" s="1"/>
  <c r="J5293" i="2"/>
  <c r="J5267" i="5" s="1"/>
  <c r="N5267" i="5" s="1"/>
  <c r="J7996" i="2"/>
  <c r="J7970" i="5" s="1"/>
  <c r="N7970" i="5" s="1"/>
  <c r="L7996" i="2"/>
  <c r="L7970" i="5" s="1"/>
  <c r="M7996" i="2"/>
  <c r="M7970" i="5" s="1"/>
  <c r="I7996" i="2"/>
  <c r="I7970" i="5" s="1"/>
  <c r="K7996" i="2"/>
  <c r="K7970" i="5" s="1"/>
  <c r="O7970" i="5" s="1"/>
  <c r="J4112" i="2"/>
  <c r="J4086" i="5" s="1"/>
  <c r="N4086" i="5" s="1"/>
  <c r="L4112" i="2"/>
  <c r="L4086" i="5" s="1"/>
  <c r="M4112" i="2"/>
  <c r="M4086" i="5" s="1"/>
  <c r="I4112" i="2"/>
  <c r="I4086" i="5" s="1"/>
  <c r="K4112" i="2"/>
  <c r="K4086" i="5" s="1"/>
  <c r="O4086" i="5" s="1"/>
  <c r="K4095" i="2"/>
  <c r="K4069" i="5" s="1"/>
  <c r="O4069" i="5" s="1"/>
  <c r="L4095" i="2"/>
  <c r="L4069" i="5" s="1"/>
  <c r="M4095" i="2"/>
  <c r="M4069" i="5" s="1"/>
  <c r="J4095" i="2"/>
  <c r="J4069" i="5" s="1"/>
  <c r="N4069" i="5" s="1"/>
  <c r="I4095" i="2"/>
  <c r="I4069" i="5" s="1"/>
  <c r="M8623" i="2"/>
  <c r="M8597" i="5" s="1"/>
  <c r="I8623" i="2"/>
  <c r="I8597" i="5" s="1"/>
  <c r="K8623" i="2"/>
  <c r="K8597" i="5" s="1"/>
  <c r="O8597" i="5" s="1"/>
  <c r="J8623" i="2"/>
  <c r="J8597" i="5" s="1"/>
  <c r="N8597" i="5" s="1"/>
  <c r="L8623" i="2"/>
  <c r="L8597" i="5" s="1"/>
  <c r="J8617" i="2"/>
  <c r="J8591" i="5" s="1"/>
  <c r="N8591" i="5" s="1"/>
  <c r="L8617" i="2"/>
  <c r="L8591" i="5" s="1"/>
  <c r="M8617" i="2"/>
  <c r="M8591" i="5" s="1"/>
  <c r="I8617" i="2"/>
  <c r="I8591" i="5" s="1"/>
  <c r="K8617" i="2"/>
  <c r="K8591" i="5" s="1"/>
  <c r="O8591" i="5" s="1"/>
  <c r="K6104" i="2"/>
  <c r="K6078" i="5" s="1"/>
  <c r="O6078" i="5" s="1"/>
  <c r="M6104" i="2"/>
  <c r="M6078" i="5" s="1"/>
  <c r="I6104" i="2"/>
  <c r="I6078" i="5" s="1"/>
  <c r="L6104" i="2"/>
  <c r="L6078" i="5" s="1"/>
  <c r="J6104" i="2"/>
  <c r="J6078" i="5" s="1"/>
  <c r="N6078" i="5" s="1"/>
  <c r="J6105" i="2"/>
  <c r="J6079" i="5" s="1"/>
  <c r="N6079" i="5" s="1"/>
  <c r="L6105" i="2"/>
  <c r="L6079" i="5" s="1"/>
  <c r="I6105" i="2"/>
  <c r="I6079" i="5" s="1"/>
  <c r="M6105" i="2"/>
  <c r="M6079" i="5" s="1"/>
  <c r="K6105" i="2"/>
  <c r="K6079" i="5" s="1"/>
  <c r="O6079" i="5" s="1"/>
  <c r="L3989" i="2"/>
  <c r="L3963" i="5" s="1"/>
  <c r="J3989" i="2"/>
  <c r="J3963" i="5" s="1"/>
  <c r="N3963" i="5" s="1"/>
  <c r="I3989" i="2"/>
  <c r="I3963" i="5" s="1"/>
  <c r="M3989" i="2"/>
  <c r="M3963" i="5" s="1"/>
  <c r="K3989" i="2"/>
  <c r="K3963" i="5" s="1"/>
  <c r="O3963" i="5" s="1"/>
  <c r="I6140" i="2"/>
  <c r="I6114" i="5" s="1"/>
  <c r="K6140" i="2"/>
  <c r="K6114" i="5" s="1"/>
  <c r="O6114" i="5" s="1"/>
  <c r="J6140" i="2"/>
  <c r="J6114" i="5" s="1"/>
  <c r="N6114" i="5" s="1"/>
  <c r="M6140" i="2"/>
  <c r="M6114" i="5" s="1"/>
  <c r="L6140" i="2"/>
  <c r="L6114" i="5" s="1"/>
  <c r="J5775" i="2"/>
  <c r="J5749" i="5" s="1"/>
  <c r="N5749" i="5" s="1"/>
  <c r="M5775" i="2"/>
  <c r="M5749" i="5" s="1"/>
  <c r="I5775" i="2"/>
  <c r="I5749" i="5" s="1"/>
  <c r="K5775" i="2"/>
  <c r="K5749" i="5" s="1"/>
  <c r="O5749" i="5" s="1"/>
  <c r="L5775" i="2"/>
  <c r="L5749" i="5" s="1"/>
  <c r="K8700" i="2"/>
  <c r="K8674" i="5" s="1"/>
  <c r="O8674" i="5" s="1"/>
  <c r="L8700" i="2"/>
  <c r="L8674" i="5" s="1"/>
  <c r="I8700" i="2"/>
  <c r="I8674" i="5" s="1"/>
  <c r="J8700" i="2"/>
  <c r="J8674" i="5" s="1"/>
  <c r="N8674" i="5" s="1"/>
  <c r="M8700" i="2"/>
  <c r="M8674" i="5" s="1"/>
  <c r="L5331" i="2"/>
  <c r="L5305" i="5" s="1"/>
  <c r="I5331" i="2"/>
  <c r="I5305" i="5" s="1"/>
  <c r="K5331" i="2"/>
  <c r="K5305" i="5" s="1"/>
  <c r="O5305" i="5" s="1"/>
  <c r="J5331" i="2"/>
  <c r="J5305" i="5" s="1"/>
  <c r="N5305" i="5" s="1"/>
  <c r="M5331" i="2"/>
  <c r="M5305" i="5" s="1"/>
  <c r="I7269" i="2"/>
  <c r="I7243" i="5" s="1"/>
  <c r="L7269" i="2"/>
  <c r="L7243" i="5" s="1"/>
  <c r="M7269" i="2"/>
  <c r="M7243" i="5" s="1"/>
  <c r="K7269" i="2"/>
  <c r="K7243" i="5" s="1"/>
  <c r="O7243" i="5" s="1"/>
  <c r="J7269" i="2"/>
  <c r="J7243" i="5" s="1"/>
  <c r="N7243" i="5" s="1"/>
  <c r="J7271" i="2"/>
  <c r="J7245" i="5" s="1"/>
  <c r="N7245" i="5" s="1"/>
  <c r="M7271" i="2"/>
  <c r="M7245" i="5" s="1"/>
  <c r="L7271" i="2"/>
  <c r="L7245" i="5" s="1"/>
  <c r="I7271" i="2"/>
  <c r="I7245" i="5" s="1"/>
  <c r="K7271" i="2"/>
  <c r="K7245" i="5" s="1"/>
  <c r="O7245" i="5" s="1"/>
  <c r="K6331" i="2"/>
  <c r="K6305" i="5" s="1"/>
  <c r="O6305" i="5" s="1"/>
  <c r="L6331" i="2"/>
  <c r="L6305" i="5" s="1"/>
  <c r="M6331" i="2"/>
  <c r="M6305" i="5" s="1"/>
  <c r="I6331" i="2"/>
  <c r="I6305" i="5" s="1"/>
  <c r="J6331" i="2"/>
  <c r="J6305" i="5" s="1"/>
  <c r="N6305" i="5" s="1"/>
  <c r="M6334" i="2"/>
  <c r="M6308" i="5" s="1"/>
  <c r="I6334" i="2"/>
  <c r="I6308" i="5" s="1"/>
  <c r="K6334" i="2"/>
  <c r="K6308" i="5" s="1"/>
  <c r="O6308" i="5" s="1"/>
  <c r="J6334" i="2"/>
  <c r="J6308" i="5" s="1"/>
  <c r="N6308" i="5" s="1"/>
  <c r="L6334" i="2"/>
  <c r="L6308" i="5" s="1"/>
  <c r="K7798" i="2"/>
  <c r="K7772" i="5" s="1"/>
  <c r="O7772" i="5" s="1"/>
  <c r="M7798" i="2"/>
  <c r="M7772" i="5" s="1"/>
  <c r="I7798" i="2"/>
  <c r="I7772" i="5" s="1"/>
  <c r="L7798" i="2"/>
  <c r="L7772" i="5" s="1"/>
  <c r="J7798" i="2"/>
  <c r="J7772" i="5" s="1"/>
  <c r="N7772" i="5" s="1"/>
  <c r="I6431" i="2"/>
  <c r="I6405" i="5" s="1"/>
  <c r="K6431" i="2"/>
  <c r="K6405" i="5" s="1"/>
  <c r="O6405" i="5" s="1"/>
  <c r="J6431" i="2"/>
  <c r="J6405" i="5" s="1"/>
  <c r="N6405" i="5" s="1"/>
  <c r="M6431" i="2"/>
  <c r="M6405" i="5" s="1"/>
  <c r="L6431" i="2"/>
  <c r="L6405" i="5" s="1"/>
  <c r="I8002" i="2"/>
  <c r="I7976" i="5" s="1"/>
  <c r="K8002" i="2"/>
  <c r="K7976" i="5" s="1"/>
  <c r="O7976" i="5" s="1"/>
  <c r="J8002" i="2"/>
  <c r="J7976" i="5" s="1"/>
  <c r="N7976" i="5" s="1"/>
  <c r="L8002" i="2"/>
  <c r="L7976" i="5" s="1"/>
  <c r="M8002" i="2"/>
  <c r="M7976" i="5" s="1"/>
  <c r="J5692" i="2"/>
  <c r="J5666" i="5" s="1"/>
  <c r="N5666" i="5" s="1"/>
  <c r="L5692" i="2"/>
  <c r="L5666" i="5" s="1"/>
  <c r="M5692" i="2"/>
  <c r="M5666" i="5" s="1"/>
  <c r="I5692" i="2"/>
  <c r="I5666" i="5" s="1"/>
  <c r="K5692" i="2"/>
  <c r="K5666" i="5" s="1"/>
  <c r="O5666" i="5" s="1"/>
  <c r="L4795" i="2"/>
  <c r="L4769" i="5" s="1"/>
  <c r="I4795" i="2"/>
  <c r="I4769" i="5" s="1"/>
  <c r="K4795" i="2"/>
  <c r="K4769" i="5" s="1"/>
  <c r="O4769" i="5" s="1"/>
  <c r="J4795" i="2"/>
  <c r="J4769" i="5" s="1"/>
  <c r="N4769" i="5" s="1"/>
  <c r="M4795" i="2"/>
  <c r="M4769" i="5" s="1"/>
  <c r="J8498" i="2"/>
  <c r="J8472" i="5" s="1"/>
  <c r="N8472" i="5" s="1"/>
  <c r="M8498" i="2"/>
  <c r="M8472" i="5" s="1"/>
  <c r="I8498" i="2"/>
  <c r="I8472" i="5" s="1"/>
  <c r="K8498" i="2"/>
  <c r="K8472" i="5" s="1"/>
  <c r="O8472" i="5" s="1"/>
  <c r="L8498" i="2"/>
  <c r="L8472" i="5" s="1"/>
  <c r="L6871" i="2"/>
  <c r="L6845" i="5" s="1"/>
  <c r="J6871" i="2"/>
  <c r="J6845" i="5" s="1"/>
  <c r="N6845" i="5" s="1"/>
  <c r="I6871" i="2"/>
  <c r="I6845" i="5" s="1"/>
  <c r="M6871" i="2"/>
  <c r="M6845" i="5" s="1"/>
  <c r="K6871" i="2"/>
  <c r="K6845" i="5" s="1"/>
  <c r="O6845" i="5" s="1"/>
  <c r="L133" i="2"/>
  <c r="L107" i="5" s="1"/>
  <c r="M133" i="2"/>
  <c r="M107" i="5" s="1"/>
  <c r="J133" i="2"/>
  <c r="J107" i="5" s="1"/>
  <c r="N107" i="5" s="1"/>
  <c r="I133" i="2"/>
  <c r="I107" i="5" s="1"/>
  <c r="K133" i="2"/>
  <c r="K107" i="5" s="1"/>
  <c r="O107" i="5" s="1"/>
  <c r="I8671" i="2"/>
  <c r="I8645" i="5" s="1"/>
  <c r="J8671" i="2"/>
  <c r="J8645" i="5" s="1"/>
  <c r="N8645" i="5" s="1"/>
  <c r="M8671" i="2"/>
  <c r="M8645" i="5" s="1"/>
  <c r="L8671" i="2"/>
  <c r="L8645" i="5" s="1"/>
  <c r="K8671" i="2"/>
  <c r="K8645" i="5" s="1"/>
  <c r="O8645" i="5" s="1"/>
  <c r="J4302" i="2"/>
  <c r="J4276" i="5" s="1"/>
  <c r="N4276" i="5" s="1"/>
  <c r="L4302" i="2"/>
  <c r="L4276" i="5" s="1"/>
  <c r="I4302" i="2"/>
  <c r="I4276" i="5" s="1"/>
  <c r="K4302" i="2"/>
  <c r="K4276" i="5" s="1"/>
  <c r="O4276" i="5" s="1"/>
  <c r="M4302" i="2"/>
  <c r="M4276" i="5" s="1"/>
  <c r="I6253" i="2"/>
  <c r="I6227" i="5" s="1"/>
  <c r="K6253" i="2"/>
  <c r="K6227" i="5" s="1"/>
  <c r="O6227" i="5" s="1"/>
  <c r="M6253" i="2"/>
  <c r="M6227" i="5" s="1"/>
  <c r="L6253" i="2"/>
  <c r="L6227" i="5" s="1"/>
  <c r="J6253" i="2"/>
  <c r="J6227" i="5" s="1"/>
  <c r="N6227" i="5" s="1"/>
  <c r="K7834" i="2"/>
  <c r="K7808" i="5" s="1"/>
  <c r="O7808" i="5" s="1"/>
  <c r="L7834" i="2"/>
  <c r="L7808" i="5" s="1"/>
  <c r="I7834" i="2"/>
  <c r="I7808" i="5" s="1"/>
  <c r="M7834" i="2"/>
  <c r="M7808" i="5" s="1"/>
  <c r="J7834" i="2"/>
  <c r="J7808" i="5" s="1"/>
  <c r="N7808" i="5" s="1"/>
  <c r="C333" i="5"/>
  <c r="AR327" i="1"/>
  <c r="L632" i="2"/>
  <c r="L606" i="5" s="1"/>
  <c r="I632" i="2"/>
  <c r="I606" i="5" s="1"/>
  <c r="K632" i="2"/>
  <c r="K606" i="5" s="1"/>
  <c r="O606" i="5" s="1"/>
  <c r="J632" i="2"/>
  <c r="J606" i="5" s="1"/>
  <c r="N606" i="5" s="1"/>
  <c r="M632" i="2"/>
  <c r="M606" i="5" s="1"/>
  <c r="M624" i="2"/>
  <c r="M598" i="5" s="1"/>
  <c r="J624" i="2"/>
  <c r="J598" i="5" s="1"/>
  <c r="N598" i="5" s="1"/>
  <c r="K624" i="2"/>
  <c r="K598" i="5" s="1"/>
  <c r="O598" i="5" s="1"/>
  <c r="L624" i="2"/>
  <c r="L598" i="5" s="1"/>
  <c r="I624" i="2"/>
  <c r="I598" i="5" s="1"/>
  <c r="L2767" i="2"/>
  <c r="L2741" i="5" s="1"/>
  <c r="M2767" i="2"/>
  <c r="M2741" i="5" s="1"/>
  <c r="I2767" i="2"/>
  <c r="I2741" i="5" s="1"/>
  <c r="K2767" i="2"/>
  <c r="K2741" i="5" s="1"/>
  <c r="O2741" i="5" s="1"/>
  <c r="J2767" i="2"/>
  <c r="J2741" i="5" s="1"/>
  <c r="N2741" i="5" s="1"/>
  <c r="L1398" i="2"/>
  <c r="L1372" i="5" s="1"/>
  <c r="J1398" i="2"/>
  <c r="J1372" i="5" s="1"/>
  <c r="N1372" i="5" s="1"/>
  <c r="M1398" i="2"/>
  <c r="M1372" i="5" s="1"/>
  <c r="I1398" i="2"/>
  <c r="I1372" i="5" s="1"/>
  <c r="K1398" i="2"/>
  <c r="K1372" i="5" s="1"/>
  <c r="O1372" i="5" s="1"/>
  <c r="L572" i="2"/>
  <c r="L546" i="5" s="1"/>
  <c r="K572" i="2"/>
  <c r="K546" i="5" s="1"/>
  <c r="O546" i="5" s="1"/>
  <c r="J572" i="2"/>
  <c r="J546" i="5" s="1"/>
  <c r="N546" i="5" s="1"/>
  <c r="M572" i="2"/>
  <c r="M546" i="5" s="1"/>
  <c r="I572" i="2"/>
  <c r="I546" i="5" s="1"/>
  <c r="K7694" i="2"/>
  <c r="K7668" i="5" s="1"/>
  <c r="O7668" i="5" s="1"/>
  <c r="J7694" i="2"/>
  <c r="J7668" i="5" s="1"/>
  <c r="N7668" i="5" s="1"/>
  <c r="I7694" i="2"/>
  <c r="I7668" i="5" s="1"/>
  <c r="L7694" i="2"/>
  <c r="L7668" i="5" s="1"/>
  <c r="M7694" i="2"/>
  <c r="M7668" i="5" s="1"/>
  <c r="J8449" i="2"/>
  <c r="J8423" i="5" s="1"/>
  <c r="N8423" i="5" s="1"/>
  <c r="M8449" i="2"/>
  <c r="M8423" i="5" s="1"/>
  <c r="L8449" i="2"/>
  <c r="L8423" i="5" s="1"/>
  <c r="I8449" i="2"/>
  <c r="I8423" i="5" s="1"/>
  <c r="K8449" i="2"/>
  <c r="K8423" i="5" s="1"/>
  <c r="O8423" i="5" s="1"/>
  <c r="J8446" i="2"/>
  <c r="J8420" i="5" s="1"/>
  <c r="N8420" i="5" s="1"/>
  <c r="L8446" i="2"/>
  <c r="L8420" i="5" s="1"/>
  <c r="M8446" i="2"/>
  <c r="M8420" i="5" s="1"/>
  <c r="I8446" i="2"/>
  <c r="I8420" i="5" s="1"/>
  <c r="K8446" i="2"/>
  <c r="K8420" i="5" s="1"/>
  <c r="O8420" i="5" s="1"/>
  <c r="I5102" i="2"/>
  <c r="I5076" i="5" s="1"/>
  <c r="K5102" i="2"/>
  <c r="K5076" i="5" s="1"/>
  <c r="O5076" i="5" s="1"/>
  <c r="L5102" i="2"/>
  <c r="L5076" i="5" s="1"/>
  <c r="J5102" i="2"/>
  <c r="J5076" i="5" s="1"/>
  <c r="N5076" i="5" s="1"/>
  <c r="M5102" i="2"/>
  <c r="M5076" i="5" s="1"/>
  <c r="J1750" i="2"/>
  <c r="J1724" i="5" s="1"/>
  <c r="N1724" i="5" s="1"/>
  <c r="L1750" i="2"/>
  <c r="L1724" i="5" s="1"/>
  <c r="M1750" i="2"/>
  <c r="M1724" i="5" s="1"/>
  <c r="I1750" i="2"/>
  <c r="I1724" i="5" s="1"/>
  <c r="K1750" i="2"/>
  <c r="K1724" i="5" s="1"/>
  <c r="O1724" i="5" s="1"/>
  <c r="I3622" i="2"/>
  <c r="I3596" i="5" s="1"/>
  <c r="J3622" i="2"/>
  <c r="J3596" i="5" s="1"/>
  <c r="N3596" i="5" s="1"/>
  <c r="M3622" i="2"/>
  <c r="M3596" i="5" s="1"/>
  <c r="L3622" i="2"/>
  <c r="L3596" i="5" s="1"/>
  <c r="K3622" i="2"/>
  <c r="K3596" i="5" s="1"/>
  <c r="O3596" i="5" s="1"/>
  <c r="K2901" i="2"/>
  <c r="K2875" i="5" s="1"/>
  <c r="O2875" i="5" s="1"/>
  <c r="L2901" i="2"/>
  <c r="L2875" i="5" s="1"/>
  <c r="M2901" i="2"/>
  <c r="M2875" i="5" s="1"/>
  <c r="I2901" i="2"/>
  <c r="I2875" i="5" s="1"/>
  <c r="J2901" i="2"/>
  <c r="J2875" i="5" s="1"/>
  <c r="N2875" i="5" s="1"/>
  <c r="L6672" i="2"/>
  <c r="L6646" i="5" s="1"/>
  <c r="M6672" i="2"/>
  <c r="M6646" i="5" s="1"/>
  <c r="I6672" i="2"/>
  <c r="I6646" i="5" s="1"/>
  <c r="K6672" i="2"/>
  <c r="K6646" i="5" s="1"/>
  <c r="O6646" i="5" s="1"/>
  <c r="J6672" i="2"/>
  <c r="J6646" i="5" s="1"/>
  <c r="N6646" i="5" s="1"/>
  <c r="I5941" i="2"/>
  <c r="I5915" i="5" s="1"/>
  <c r="K5941" i="2"/>
  <c r="K5915" i="5" s="1"/>
  <c r="O5915" i="5" s="1"/>
  <c r="J5941" i="2"/>
  <c r="J5915" i="5" s="1"/>
  <c r="N5915" i="5" s="1"/>
  <c r="L5941" i="2"/>
  <c r="L5915" i="5" s="1"/>
  <c r="M5941" i="2"/>
  <c r="M5915" i="5" s="1"/>
  <c r="C254" i="5"/>
  <c r="AR248" i="1"/>
  <c r="I4671" i="2"/>
  <c r="I4645" i="5" s="1"/>
  <c r="K4671" i="2"/>
  <c r="K4645" i="5" s="1"/>
  <c r="O4645" i="5" s="1"/>
  <c r="J4671" i="2"/>
  <c r="J4645" i="5" s="1"/>
  <c r="N4645" i="5" s="1"/>
  <c r="M4671" i="2"/>
  <c r="M4645" i="5" s="1"/>
  <c r="L4671" i="2"/>
  <c r="L4645" i="5" s="1"/>
  <c r="I6168" i="2"/>
  <c r="I6142" i="5" s="1"/>
  <c r="K6168" i="2"/>
  <c r="K6142" i="5" s="1"/>
  <c r="O6142" i="5" s="1"/>
  <c r="J6168" i="2"/>
  <c r="J6142" i="5" s="1"/>
  <c r="N6142" i="5" s="1"/>
  <c r="L6168" i="2"/>
  <c r="L6142" i="5" s="1"/>
  <c r="M6168" i="2"/>
  <c r="M6142" i="5" s="1"/>
  <c r="K2441" i="2"/>
  <c r="K2415" i="5" s="1"/>
  <c r="O2415" i="5" s="1"/>
  <c r="J2441" i="2"/>
  <c r="J2415" i="5" s="1"/>
  <c r="N2415" i="5" s="1"/>
  <c r="L2441" i="2"/>
  <c r="L2415" i="5" s="1"/>
  <c r="M2441" i="2"/>
  <c r="M2415" i="5" s="1"/>
  <c r="I2441" i="2"/>
  <c r="I2415" i="5" s="1"/>
  <c r="K2612" i="2"/>
  <c r="K2586" i="5" s="1"/>
  <c r="O2586" i="5" s="1"/>
  <c r="J2612" i="2"/>
  <c r="J2586" i="5" s="1"/>
  <c r="N2586" i="5" s="1"/>
  <c r="M2612" i="2"/>
  <c r="M2586" i="5" s="1"/>
  <c r="I2612" i="2"/>
  <c r="I2586" i="5" s="1"/>
  <c r="L2612" i="2"/>
  <c r="L2586" i="5" s="1"/>
  <c r="K8371" i="2"/>
  <c r="K8345" i="5" s="1"/>
  <c r="O8345" i="5" s="1"/>
  <c r="L8371" i="2"/>
  <c r="L8345" i="5" s="1"/>
  <c r="M8371" i="2"/>
  <c r="M8345" i="5" s="1"/>
  <c r="J8371" i="2"/>
  <c r="J8345" i="5" s="1"/>
  <c r="N8345" i="5" s="1"/>
  <c r="I8371" i="2"/>
  <c r="I8345" i="5" s="1"/>
  <c r="J1636" i="2"/>
  <c r="J1610" i="5" s="1"/>
  <c r="N1610" i="5" s="1"/>
  <c r="L1636" i="2"/>
  <c r="L1610" i="5" s="1"/>
  <c r="K1636" i="2"/>
  <c r="K1610" i="5" s="1"/>
  <c r="O1610" i="5" s="1"/>
  <c r="M1636" i="2"/>
  <c r="M1610" i="5" s="1"/>
  <c r="I1636" i="2"/>
  <c r="I1610" i="5" s="1"/>
  <c r="L3159" i="2"/>
  <c r="L3133" i="5" s="1"/>
  <c r="M3159" i="2"/>
  <c r="M3133" i="5" s="1"/>
  <c r="I3159" i="2"/>
  <c r="I3133" i="5" s="1"/>
  <c r="K3159" i="2"/>
  <c r="K3133" i="5" s="1"/>
  <c r="O3133" i="5" s="1"/>
  <c r="J3159" i="2"/>
  <c r="J3133" i="5" s="1"/>
  <c r="N3133" i="5" s="1"/>
  <c r="C138" i="5"/>
  <c r="AR132" i="1"/>
  <c r="M3449" i="2"/>
  <c r="M3423" i="5" s="1"/>
  <c r="I3449" i="2"/>
  <c r="I3423" i="5" s="1"/>
  <c r="K3449" i="2"/>
  <c r="K3423" i="5" s="1"/>
  <c r="O3423" i="5" s="1"/>
  <c r="L3449" i="2"/>
  <c r="L3423" i="5" s="1"/>
  <c r="J3449" i="2"/>
  <c r="J3423" i="5" s="1"/>
  <c r="N3423" i="5" s="1"/>
  <c r="L906" i="2"/>
  <c r="L880" i="5" s="1"/>
  <c r="M906" i="2"/>
  <c r="M880" i="5" s="1"/>
  <c r="J906" i="2"/>
  <c r="J880" i="5" s="1"/>
  <c r="N880" i="5" s="1"/>
  <c r="I906" i="2"/>
  <c r="I880" i="5" s="1"/>
  <c r="K906" i="2"/>
  <c r="K880" i="5" s="1"/>
  <c r="O880" i="5" s="1"/>
  <c r="K7948" i="2"/>
  <c r="K7922" i="5" s="1"/>
  <c r="O7922" i="5" s="1"/>
  <c r="L7948" i="2"/>
  <c r="L7922" i="5" s="1"/>
  <c r="J7948" i="2"/>
  <c r="J7922" i="5" s="1"/>
  <c r="N7922" i="5" s="1"/>
  <c r="I7948" i="2"/>
  <c r="I7922" i="5" s="1"/>
  <c r="M7948" i="2"/>
  <c r="M7922" i="5" s="1"/>
  <c r="L1908" i="2"/>
  <c r="L1882" i="5" s="1"/>
  <c r="M1908" i="2"/>
  <c r="M1882" i="5" s="1"/>
  <c r="J1908" i="2"/>
  <c r="J1882" i="5" s="1"/>
  <c r="N1882" i="5" s="1"/>
  <c r="I1908" i="2"/>
  <c r="I1882" i="5" s="1"/>
  <c r="K1908" i="2"/>
  <c r="K1882" i="5" s="1"/>
  <c r="O1882" i="5" s="1"/>
  <c r="C86" i="5"/>
  <c r="AR80" i="1"/>
  <c r="L2734" i="2"/>
  <c r="L2708" i="5" s="1"/>
  <c r="M2734" i="2"/>
  <c r="M2708" i="5" s="1"/>
  <c r="I2734" i="2"/>
  <c r="I2708" i="5" s="1"/>
  <c r="K2734" i="2"/>
  <c r="K2708" i="5" s="1"/>
  <c r="O2708" i="5" s="1"/>
  <c r="J2734" i="2"/>
  <c r="J2708" i="5" s="1"/>
  <c r="N2708" i="5" s="1"/>
  <c r="M2730" i="2"/>
  <c r="M2704" i="5" s="1"/>
  <c r="J2730" i="2"/>
  <c r="J2704" i="5" s="1"/>
  <c r="N2704" i="5" s="1"/>
  <c r="L2730" i="2"/>
  <c r="L2704" i="5" s="1"/>
  <c r="K2730" i="2"/>
  <c r="K2704" i="5" s="1"/>
  <c r="O2704" i="5" s="1"/>
  <c r="I2730" i="2"/>
  <c r="I2704" i="5" s="1"/>
  <c r="L2989" i="2"/>
  <c r="L2963" i="5" s="1"/>
  <c r="M2989" i="2"/>
  <c r="M2963" i="5" s="1"/>
  <c r="I2989" i="2"/>
  <c r="I2963" i="5" s="1"/>
  <c r="K2989" i="2"/>
  <c r="K2963" i="5" s="1"/>
  <c r="O2963" i="5" s="1"/>
  <c r="J2989" i="2"/>
  <c r="J2963" i="5" s="1"/>
  <c r="N2963" i="5" s="1"/>
  <c r="L307" i="2"/>
  <c r="L281" i="5" s="1"/>
  <c r="M307" i="2"/>
  <c r="M281" i="5" s="1"/>
  <c r="K307" i="2"/>
  <c r="K281" i="5" s="1"/>
  <c r="O281" i="5" s="1"/>
  <c r="J307" i="2"/>
  <c r="J281" i="5" s="1"/>
  <c r="N281" i="5" s="1"/>
  <c r="I307" i="2"/>
  <c r="I281" i="5" s="1"/>
  <c r="I7497" i="2"/>
  <c r="I7471" i="5" s="1"/>
  <c r="K7497" i="2"/>
  <c r="K7471" i="5" s="1"/>
  <c r="O7471" i="5" s="1"/>
  <c r="M7497" i="2"/>
  <c r="M7471" i="5" s="1"/>
  <c r="L7497" i="2"/>
  <c r="L7471" i="5" s="1"/>
  <c r="J7497" i="2"/>
  <c r="J7471" i="5" s="1"/>
  <c r="N7471" i="5" s="1"/>
  <c r="L7540" i="2"/>
  <c r="L7514" i="5" s="1"/>
  <c r="I7540" i="2"/>
  <c r="I7514" i="5" s="1"/>
  <c r="M7540" i="2"/>
  <c r="M7514" i="5" s="1"/>
  <c r="K7540" i="2"/>
  <c r="K7514" i="5" s="1"/>
  <c r="O7514" i="5" s="1"/>
  <c r="J7540" i="2"/>
  <c r="J7514" i="5" s="1"/>
  <c r="N7514" i="5" s="1"/>
  <c r="I5178" i="2"/>
  <c r="I5152" i="5" s="1"/>
  <c r="J5178" i="2"/>
  <c r="J5152" i="5" s="1"/>
  <c r="N5152" i="5" s="1"/>
  <c r="L5178" i="2"/>
  <c r="L5152" i="5" s="1"/>
  <c r="M5178" i="2"/>
  <c r="M5152" i="5" s="1"/>
  <c r="K5178" i="2"/>
  <c r="K5152" i="5" s="1"/>
  <c r="O5152" i="5" s="1"/>
  <c r="I5180" i="2"/>
  <c r="I5154" i="5" s="1"/>
  <c r="J5180" i="2"/>
  <c r="J5154" i="5" s="1"/>
  <c r="N5154" i="5" s="1"/>
  <c r="K5180" i="2"/>
  <c r="K5154" i="5" s="1"/>
  <c r="O5154" i="5" s="1"/>
  <c r="L5180" i="2"/>
  <c r="L5154" i="5" s="1"/>
  <c r="M5180" i="2"/>
  <c r="M5154" i="5" s="1"/>
  <c r="K3808" i="2"/>
  <c r="K3782" i="5" s="1"/>
  <c r="O3782" i="5" s="1"/>
  <c r="L3808" i="2"/>
  <c r="L3782" i="5" s="1"/>
  <c r="M3808" i="2"/>
  <c r="M3782" i="5" s="1"/>
  <c r="J3808" i="2"/>
  <c r="J3782" i="5" s="1"/>
  <c r="N3782" i="5" s="1"/>
  <c r="I3808" i="2"/>
  <c r="I3782" i="5" s="1"/>
  <c r="I434" i="2"/>
  <c r="I408" i="5" s="1"/>
  <c r="K434" i="2"/>
  <c r="K408" i="5" s="1"/>
  <c r="O408" i="5" s="1"/>
  <c r="J434" i="2"/>
  <c r="J408" i="5" s="1"/>
  <c r="N408" i="5" s="1"/>
  <c r="L434" i="2"/>
  <c r="L408" i="5" s="1"/>
  <c r="M434" i="2"/>
  <c r="M408" i="5" s="1"/>
  <c r="M428" i="2"/>
  <c r="M402" i="5" s="1"/>
  <c r="J428" i="2"/>
  <c r="J402" i="5" s="1"/>
  <c r="N402" i="5" s="1"/>
  <c r="K428" i="2"/>
  <c r="K402" i="5" s="1"/>
  <c r="O402" i="5" s="1"/>
  <c r="L428" i="2"/>
  <c r="L402" i="5" s="1"/>
  <c r="I428" i="2"/>
  <c r="I402" i="5" s="1"/>
  <c r="L4342" i="2"/>
  <c r="L4316" i="5" s="1"/>
  <c r="I4342" i="2"/>
  <c r="I4316" i="5" s="1"/>
  <c r="K4342" i="2"/>
  <c r="K4316" i="5" s="1"/>
  <c r="O4316" i="5" s="1"/>
  <c r="J4342" i="2"/>
  <c r="J4316" i="5" s="1"/>
  <c r="N4316" i="5" s="1"/>
  <c r="M4342" i="2"/>
  <c r="M4316" i="5" s="1"/>
  <c r="M959" i="2"/>
  <c r="M933" i="5" s="1"/>
  <c r="L959" i="2"/>
  <c r="L933" i="5" s="1"/>
  <c r="I959" i="2"/>
  <c r="I933" i="5" s="1"/>
  <c r="K959" i="2"/>
  <c r="K933" i="5" s="1"/>
  <c r="O933" i="5" s="1"/>
  <c r="J959" i="2"/>
  <c r="J933" i="5" s="1"/>
  <c r="N933" i="5" s="1"/>
  <c r="C46" i="5"/>
  <c r="AR40" i="1"/>
  <c r="K103" i="2"/>
  <c r="K77" i="5" s="1"/>
  <c r="O77" i="5" s="1"/>
  <c r="J103" i="2"/>
  <c r="J77" i="5" s="1"/>
  <c r="N77" i="5" s="1"/>
  <c r="M103" i="2"/>
  <c r="M77" i="5" s="1"/>
  <c r="L103" i="2"/>
  <c r="L77" i="5" s="1"/>
  <c r="I103" i="2"/>
  <c r="I77" i="5" s="1"/>
  <c r="I1937" i="2"/>
  <c r="I1911" i="5" s="1"/>
  <c r="K1937" i="2"/>
  <c r="K1911" i="5" s="1"/>
  <c r="O1911" i="5" s="1"/>
  <c r="L1937" i="2"/>
  <c r="L1911" i="5" s="1"/>
  <c r="M1937" i="2"/>
  <c r="M1911" i="5" s="1"/>
  <c r="J1937" i="2"/>
  <c r="J1911" i="5" s="1"/>
  <c r="N1911" i="5" s="1"/>
  <c r="M1935" i="2"/>
  <c r="M1909" i="5" s="1"/>
  <c r="I1935" i="2"/>
  <c r="I1909" i="5" s="1"/>
  <c r="K1935" i="2"/>
  <c r="K1909" i="5" s="1"/>
  <c r="O1909" i="5" s="1"/>
  <c r="J1935" i="2"/>
  <c r="J1909" i="5" s="1"/>
  <c r="N1909" i="5" s="1"/>
  <c r="L1935" i="2"/>
  <c r="L1909" i="5" s="1"/>
  <c r="J8328" i="2"/>
  <c r="J8302" i="5" s="1"/>
  <c r="N8302" i="5" s="1"/>
  <c r="I8328" i="2"/>
  <c r="I8302" i="5" s="1"/>
  <c r="K8328" i="2"/>
  <c r="K8302" i="5" s="1"/>
  <c r="O8302" i="5" s="1"/>
  <c r="L8328" i="2"/>
  <c r="L8302" i="5" s="1"/>
  <c r="M8328" i="2"/>
  <c r="M8302" i="5" s="1"/>
  <c r="L8551" i="2"/>
  <c r="L8525" i="5" s="1"/>
  <c r="M8551" i="2"/>
  <c r="M8525" i="5" s="1"/>
  <c r="I8551" i="2"/>
  <c r="I8525" i="5" s="1"/>
  <c r="K8551" i="2"/>
  <c r="K8525" i="5" s="1"/>
  <c r="O8525" i="5" s="1"/>
  <c r="J8551" i="2"/>
  <c r="J8525" i="5" s="1"/>
  <c r="N8525" i="5" s="1"/>
  <c r="C25" i="5"/>
  <c r="AR19" i="1"/>
  <c r="M2331" i="2"/>
  <c r="M2305" i="5" s="1"/>
  <c r="I2331" i="2"/>
  <c r="I2305" i="5" s="1"/>
  <c r="K2331" i="2"/>
  <c r="K2305" i="5" s="1"/>
  <c r="O2305" i="5" s="1"/>
  <c r="J2331" i="2"/>
  <c r="J2305" i="5" s="1"/>
  <c r="N2305" i="5" s="1"/>
  <c r="L2331" i="2"/>
  <c r="L2305" i="5" s="1"/>
  <c r="I2320" i="2"/>
  <c r="I2294" i="5" s="1"/>
  <c r="K2320" i="2"/>
  <c r="K2294" i="5" s="1"/>
  <c r="O2294" i="5" s="1"/>
  <c r="J2320" i="2"/>
  <c r="J2294" i="5" s="1"/>
  <c r="N2294" i="5" s="1"/>
  <c r="L2320" i="2"/>
  <c r="L2294" i="5" s="1"/>
  <c r="M2320" i="2"/>
  <c r="M2294" i="5" s="1"/>
  <c r="I4604" i="2"/>
  <c r="I4578" i="5" s="1"/>
  <c r="K4604" i="2"/>
  <c r="K4578" i="5" s="1"/>
  <c r="O4578" i="5" s="1"/>
  <c r="J4604" i="2"/>
  <c r="J4578" i="5" s="1"/>
  <c r="N4578" i="5" s="1"/>
  <c r="L4604" i="2"/>
  <c r="L4578" i="5" s="1"/>
  <c r="M4604" i="2"/>
  <c r="M4578" i="5" s="1"/>
  <c r="L4269" i="2"/>
  <c r="L4243" i="5" s="1"/>
  <c r="K4269" i="2"/>
  <c r="K4243" i="5" s="1"/>
  <c r="O4243" i="5" s="1"/>
  <c r="M4269" i="2"/>
  <c r="M4243" i="5" s="1"/>
  <c r="I4269" i="2"/>
  <c r="I4243" i="5" s="1"/>
  <c r="J4269" i="2"/>
  <c r="J4243" i="5" s="1"/>
  <c r="N4243" i="5" s="1"/>
  <c r="K4267" i="2"/>
  <c r="K4241" i="5" s="1"/>
  <c r="O4241" i="5" s="1"/>
  <c r="M4267" i="2"/>
  <c r="M4241" i="5" s="1"/>
  <c r="J4267" i="2"/>
  <c r="J4241" i="5" s="1"/>
  <c r="N4241" i="5" s="1"/>
  <c r="L4267" i="2"/>
  <c r="L4241" i="5" s="1"/>
  <c r="I4267" i="2"/>
  <c r="I4241" i="5" s="1"/>
  <c r="J745" i="2"/>
  <c r="J719" i="5" s="1"/>
  <c r="N719" i="5" s="1"/>
  <c r="M745" i="2"/>
  <c r="M719" i="5" s="1"/>
  <c r="L745" i="2"/>
  <c r="L719" i="5" s="1"/>
  <c r="I745" i="2"/>
  <c r="I719" i="5" s="1"/>
  <c r="K745" i="2"/>
  <c r="K719" i="5" s="1"/>
  <c r="O719" i="5" s="1"/>
  <c r="J4073" i="2"/>
  <c r="J4047" i="5" s="1"/>
  <c r="N4047" i="5" s="1"/>
  <c r="M4073" i="2"/>
  <c r="M4047" i="5" s="1"/>
  <c r="I4073" i="2"/>
  <c r="I4047" i="5" s="1"/>
  <c r="K4073" i="2"/>
  <c r="K4047" i="5" s="1"/>
  <c r="O4047" i="5" s="1"/>
  <c r="L4073" i="2"/>
  <c r="L4047" i="5" s="1"/>
  <c r="K7172" i="2"/>
  <c r="K7146" i="5" s="1"/>
  <c r="O7146" i="5" s="1"/>
  <c r="M7172" i="2"/>
  <c r="M7146" i="5" s="1"/>
  <c r="L7172" i="2"/>
  <c r="L7146" i="5" s="1"/>
  <c r="I7172" i="2"/>
  <c r="I7146" i="5" s="1"/>
  <c r="J7172" i="2"/>
  <c r="J7146" i="5" s="1"/>
  <c r="N7146" i="5" s="1"/>
  <c r="I706" i="2"/>
  <c r="I680" i="5" s="1"/>
  <c r="L706" i="2"/>
  <c r="L680" i="5" s="1"/>
  <c r="K706" i="2"/>
  <c r="K680" i="5" s="1"/>
  <c r="O680" i="5" s="1"/>
  <c r="J706" i="2"/>
  <c r="J680" i="5" s="1"/>
  <c r="N680" i="5" s="1"/>
  <c r="M706" i="2"/>
  <c r="M680" i="5" s="1"/>
  <c r="I7597" i="2"/>
  <c r="I7571" i="5" s="1"/>
  <c r="K7597" i="2"/>
  <c r="K7571" i="5" s="1"/>
  <c r="O7571" i="5" s="1"/>
  <c r="J7597" i="2"/>
  <c r="J7571" i="5" s="1"/>
  <c r="N7571" i="5" s="1"/>
  <c r="L7597" i="2"/>
  <c r="L7571" i="5" s="1"/>
  <c r="M7597" i="2"/>
  <c r="M7571" i="5" s="1"/>
  <c r="M5609" i="2"/>
  <c r="M5583" i="5" s="1"/>
  <c r="L5609" i="2"/>
  <c r="L5583" i="5" s="1"/>
  <c r="J5609" i="2"/>
  <c r="J5583" i="5" s="1"/>
  <c r="N5583" i="5" s="1"/>
  <c r="I5609" i="2"/>
  <c r="I5583" i="5" s="1"/>
  <c r="K5609" i="2"/>
  <c r="K5583" i="5" s="1"/>
  <c r="O5583" i="5" s="1"/>
  <c r="M8183" i="2"/>
  <c r="M8157" i="5" s="1"/>
  <c r="I8183" i="2"/>
  <c r="I8157" i="5" s="1"/>
  <c r="K8183" i="2"/>
  <c r="K8157" i="5" s="1"/>
  <c r="O8157" i="5" s="1"/>
  <c r="J8183" i="2"/>
  <c r="J8157" i="5" s="1"/>
  <c r="N8157" i="5" s="1"/>
  <c r="L8183" i="2"/>
  <c r="L8157" i="5" s="1"/>
  <c r="K1141" i="2"/>
  <c r="K1115" i="5" s="1"/>
  <c r="O1115" i="5" s="1"/>
  <c r="M1141" i="2"/>
  <c r="M1115" i="5" s="1"/>
  <c r="J1141" i="2"/>
  <c r="J1115" i="5" s="1"/>
  <c r="N1115" i="5" s="1"/>
  <c r="I1141" i="2"/>
  <c r="I1115" i="5" s="1"/>
  <c r="L1141" i="2"/>
  <c r="L1115" i="5" s="1"/>
  <c r="K1145" i="2"/>
  <c r="K1119" i="5" s="1"/>
  <c r="O1119" i="5" s="1"/>
  <c r="L1145" i="2"/>
  <c r="L1119" i="5" s="1"/>
  <c r="M1145" i="2"/>
  <c r="M1119" i="5" s="1"/>
  <c r="I1145" i="2"/>
  <c r="I1119" i="5" s="1"/>
  <c r="J1145" i="2"/>
  <c r="J1119" i="5" s="1"/>
  <c r="N1119" i="5" s="1"/>
  <c r="K2465" i="2"/>
  <c r="K2439" i="5" s="1"/>
  <c r="O2439" i="5" s="1"/>
  <c r="J2465" i="2"/>
  <c r="J2439" i="5" s="1"/>
  <c r="N2439" i="5" s="1"/>
  <c r="M2465" i="2"/>
  <c r="M2439" i="5" s="1"/>
  <c r="I2465" i="2"/>
  <c r="I2439" i="5" s="1"/>
  <c r="L2465" i="2"/>
  <c r="L2439" i="5" s="1"/>
  <c r="J925" i="2"/>
  <c r="J899" i="5" s="1"/>
  <c r="N899" i="5" s="1"/>
  <c r="L925" i="2"/>
  <c r="L899" i="5" s="1"/>
  <c r="M925" i="2"/>
  <c r="M899" i="5" s="1"/>
  <c r="I925" i="2"/>
  <c r="I899" i="5" s="1"/>
  <c r="K925" i="2"/>
  <c r="K899" i="5" s="1"/>
  <c r="O899" i="5" s="1"/>
  <c r="J942" i="2"/>
  <c r="J916" i="5" s="1"/>
  <c r="N916" i="5" s="1"/>
  <c r="M942" i="2"/>
  <c r="M916" i="5" s="1"/>
  <c r="I942" i="2"/>
  <c r="I916" i="5" s="1"/>
  <c r="L942" i="2"/>
  <c r="L916" i="5" s="1"/>
  <c r="K942" i="2"/>
  <c r="K916" i="5" s="1"/>
  <c r="O916" i="5" s="1"/>
  <c r="L782" i="2"/>
  <c r="L756" i="5" s="1"/>
  <c r="I782" i="2"/>
  <c r="I756" i="5" s="1"/>
  <c r="K782" i="2"/>
  <c r="K756" i="5" s="1"/>
  <c r="O756" i="5" s="1"/>
  <c r="M782" i="2"/>
  <c r="M756" i="5" s="1"/>
  <c r="J782" i="2"/>
  <c r="J756" i="5" s="1"/>
  <c r="N756" i="5" s="1"/>
  <c r="J600" i="2"/>
  <c r="J574" i="5" s="1"/>
  <c r="N574" i="5" s="1"/>
  <c r="M600" i="2"/>
  <c r="M574" i="5" s="1"/>
  <c r="L600" i="2"/>
  <c r="L574" i="5" s="1"/>
  <c r="I600" i="2"/>
  <c r="I574" i="5" s="1"/>
  <c r="K600" i="2"/>
  <c r="K574" i="5" s="1"/>
  <c r="O574" i="5" s="1"/>
  <c r="J7349" i="2"/>
  <c r="J7323" i="5" s="1"/>
  <c r="N7323" i="5" s="1"/>
  <c r="M7349" i="2"/>
  <c r="M7323" i="5" s="1"/>
  <c r="I7349" i="2"/>
  <c r="I7323" i="5" s="1"/>
  <c r="K7349" i="2"/>
  <c r="K7323" i="5" s="1"/>
  <c r="O7323" i="5" s="1"/>
  <c r="L7349" i="2"/>
  <c r="L7323" i="5" s="1"/>
  <c r="J2839" i="2"/>
  <c r="J2813" i="5" s="1"/>
  <c r="N2813" i="5" s="1"/>
  <c r="M2839" i="2"/>
  <c r="M2813" i="5" s="1"/>
  <c r="I2839" i="2"/>
  <c r="I2813" i="5" s="1"/>
  <c r="K2839" i="2"/>
  <c r="K2813" i="5" s="1"/>
  <c r="O2813" i="5" s="1"/>
  <c r="L2839" i="2"/>
  <c r="L2813" i="5" s="1"/>
  <c r="I4970" i="2"/>
  <c r="I4944" i="5" s="1"/>
  <c r="K4970" i="2"/>
  <c r="K4944" i="5" s="1"/>
  <c r="O4944" i="5" s="1"/>
  <c r="M4970" i="2"/>
  <c r="M4944" i="5" s="1"/>
  <c r="J4970" i="2"/>
  <c r="J4944" i="5" s="1"/>
  <c r="N4944" i="5" s="1"/>
  <c r="L4970" i="2"/>
  <c r="L4944" i="5" s="1"/>
  <c r="I1435" i="2"/>
  <c r="I1409" i="5" s="1"/>
  <c r="M1435" i="2"/>
  <c r="M1409" i="5" s="1"/>
  <c r="L1435" i="2"/>
  <c r="L1409" i="5" s="1"/>
  <c r="K1435" i="2"/>
  <c r="K1409" i="5" s="1"/>
  <c r="O1409" i="5" s="1"/>
  <c r="J1435" i="2"/>
  <c r="J1409" i="5" s="1"/>
  <c r="N1409" i="5" s="1"/>
  <c r="C66" i="5"/>
  <c r="AR60" i="1"/>
  <c r="L1784" i="2"/>
  <c r="L1758" i="5" s="1"/>
  <c r="M1784" i="2"/>
  <c r="M1758" i="5" s="1"/>
  <c r="I1784" i="2"/>
  <c r="I1758" i="5" s="1"/>
  <c r="J1784" i="2"/>
  <c r="J1758" i="5" s="1"/>
  <c r="N1758" i="5" s="1"/>
  <c r="K1784" i="2"/>
  <c r="K1758" i="5" s="1"/>
  <c r="O1758" i="5" s="1"/>
  <c r="I8142" i="2"/>
  <c r="I8116" i="5" s="1"/>
  <c r="M8142" i="2"/>
  <c r="M8116" i="5" s="1"/>
  <c r="K8142" i="2"/>
  <c r="K8116" i="5" s="1"/>
  <c r="O8116" i="5" s="1"/>
  <c r="J8142" i="2"/>
  <c r="J8116" i="5" s="1"/>
  <c r="N8116" i="5" s="1"/>
  <c r="L8142" i="2"/>
  <c r="L8116" i="5" s="1"/>
  <c r="L8133" i="2"/>
  <c r="L8107" i="5" s="1"/>
  <c r="J8133" i="2"/>
  <c r="J8107" i="5" s="1"/>
  <c r="N8107" i="5" s="1"/>
  <c r="I8133" i="2"/>
  <c r="I8107" i="5" s="1"/>
  <c r="K8133" i="2"/>
  <c r="K8107" i="5" s="1"/>
  <c r="O8107" i="5" s="1"/>
  <c r="M8133" i="2"/>
  <c r="M8107" i="5" s="1"/>
  <c r="K5600" i="2"/>
  <c r="K5574" i="5" s="1"/>
  <c r="O5574" i="5" s="1"/>
  <c r="L5600" i="2"/>
  <c r="L5574" i="5" s="1"/>
  <c r="M5600" i="2"/>
  <c r="M5574" i="5" s="1"/>
  <c r="J5600" i="2"/>
  <c r="J5574" i="5" s="1"/>
  <c r="N5574" i="5" s="1"/>
  <c r="I5600" i="2"/>
  <c r="I5574" i="5" s="1"/>
  <c r="K1566" i="2"/>
  <c r="K1540" i="5" s="1"/>
  <c r="O1540" i="5" s="1"/>
  <c r="J1566" i="2"/>
  <c r="J1540" i="5" s="1"/>
  <c r="N1540" i="5" s="1"/>
  <c r="M1566" i="2"/>
  <c r="M1540" i="5" s="1"/>
  <c r="L1566" i="2"/>
  <c r="L1540" i="5" s="1"/>
  <c r="I1566" i="2"/>
  <c r="I1540" i="5" s="1"/>
  <c r="I1550" i="2"/>
  <c r="I1524" i="5" s="1"/>
  <c r="K1550" i="2"/>
  <c r="K1524" i="5" s="1"/>
  <c r="O1524" i="5" s="1"/>
  <c r="J1550" i="2"/>
  <c r="J1524" i="5" s="1"/>
  <c r="N1524" i="5" s="1"/>
  <c r="M1550" i="2"/>
  <c r="M1524" i="5" s="1"/>
  <c r="L1550" i="2"/>
  <c r="L1524" i="5" s="1"/>
  <c r="L287" i="2"/>
  <c r="L261" i="5" s="1"/>
  <c r="I287" i="2"/>
  <c r="I261" i="5" s="1"/>
  <c r="J287" i="2"/>
  <c r="J261" i="5" s="1"/>
  <c r="N261" i="5" s="1"/>
  <c r="M287" i="2"/>
  <c r="M261" i="5" s="1"/>
  <c r="K287" i="2"/>
  <c r="K261" i="5" s="1"/>
  <c r="O261" i="5" s="1"/>
  <c r="L6453" i="2"/>
  <c r="L6427" i="5" s="1"/>
  <c r="J6453" i="2"/>
  <c r="J6427" i="5" s="1"/>
  <c r="N6427" i="5" s="1"/>
  <c r="I6453" i="2"/>
  <c r="I6427" i="5" s="1"/>
  <c r="M6453" i="2"/>
  <c r="M6427" i="5" s="1"/>
  <c r="K6453" i="2"/>
  <c r="K6427" i="5" s="1"/>
  <c r="O6427" i="5" s="1"/>
  <c r="J2572" i="2"/>
  <c r="J2546" i="5" s="1"/>
  <c r="N2546" i="5" s="1"/>
  <c r="L2572" i="2"/>
  <c r="L2546" i="5" s="1"/>
  <c r="M2572" i="2"/>
  <c r="M2546" i="5" s="1"/>
  <c r="I2572" i="2"/>
  <c r="I2546" i="5" s="1"/>
  <c r="K2572" i="2"/>
  <c r="K2546" i="5" s="1"/>
  <c r="O2546" i="5" s="1"/>
  <c r="K3249" i="2"/>
  <c r="K3223" i="5" s="1"/>
  <c r="O3223" i="5" s="1"/>
  <c r="J3249" i="2"/>
  <c r="J3223" i="5" s="1"/>
  <c r="N3223" i="5" s="1"/>
  <c r="L3249" i="2"/>
  <c r="L3223" i="5" s="1"/>
  <c r="M3249" i="2"/>
  <c r="M3223" i="5" s="1"/>
  <c r="I3249" i="2"/>
  <c r="I3223" i="5" s="1"/>
  <c r="L3747" i="2"/>
  <c r="L3721" i="5" s="1"/>
  <c r="M3747" i="2"/>
  <c r="M3721" i="5" s="1"/>
  <c r="I3747" i="2"/>
  <c r="I3721" i="5" s="1"/>
  <c r="K3747" i="2"/>
  <c r="K3721" i="5" s="1"/>
  <c r="O3721" i="5" s="1"/>
  <c r="J3747" i="2"/>
  <c r="J3721" i="5" s="1"/>
  <c r="N3721" i="5" s="1"/>
  <c r="K3732" i="2"/>
  <c r="K3706" i="5" s="1"/>
  <c r="O3706" i="5" s="1"/>
  <c r="I3732" i="2"/>
  <c r="I3706" i="5" s="1"/>
  <c r="J3732" i="2"/>
  <c r="J3706" i="5" s="1"/>
  <c r="N3706" i="5" s="1"/>
  <c r="L3732" i="2"/>
  <c r="L3706" i="5" s="1"/>
  <c r="M3732" i="2"/>
  <c r="M3706" i="5" s="1"/>
  <c r="M2095" i="2"/>
  <c r="M2069" i="5" s="1"/>
  <c r="K2095" i="2"/>
  <c r="K2069" i="5" s="1"/>
  <c r="O2069" i="5" s="1"/>
  <c r="L2095" i="2"/>
  <c r="L2069" i="5" s="1"/>
  <c r="I2095" i="2"/>
  <c r="I2069" i="5" s="1"/>
  <c r="J2095" i="2"/>
  <c r="J2069" i="5" s="1"/>
  <c r="N2069" i="5" s="1"/>
  <c r="J2074" i="2"/>
  <c r="J2048" i="5" s="1"/>
  <c r="N2048" i="5" s="1"/>
  <c r="L2074" i="2"/>
  <c r="L2048" i="5" s="1"/>
  <c r="M2074" i="2"/>
  <c r="M2048" i="5" s="1"/>
  <c r="I2074" i="2"/>
  <c r="I2048" i="5" s="1"/>
  <c r="K2074" i="2"/>
  <c r="K2048" i="5" s="1"/>
  <c r="O2048" i="5" s="1"/>
  <c r="K2937" i="2"/>
  <c r="K2911" i="5" s="1"/>
  <c r="O2911" i="5" s="1"/>
  <c r="J2937" i="2"/>
  <c r="J2911" i="5" s="1"/>
  <c r="N2911" i="5" s="1"/>
  <c r="L2937" i="2"/>
  <c r="L2911" i="5" s="1"/>
  <c r="I2937" i="2"/>
  <c r="I2911" i="5" s="1"/>
  <c r="M2937" i="2"/>
  <c r="M2911" i="5" s="1"/>
  <c r="L7358" i="2"/>
  <c r="L7332" i="5" s="1"/>
  <c r="K7358" i="2"/>
  <c r="K7332" i="5" s="1"/>
  <c r="O7332" i="5" s="1"/>
  <c r="J7358" i="2"/>
  <c r="J7332" i="5" s="1"/>
  <c r="N7332" i="5" s="1"/>
  <c r="M7358" i="2"/>
  <c r="M7332" i="5" s="1"/>
  <c r="I7358" i="2"/>
  <c r="I7332" i="5" s="1"/>
  <c r="AR307" i="1"/>
  <c r="C313" i="5"/>
  <c r="I4245" i="2"/>
  <c r="I4219" i="5" s="1"/>
  <c r="K4245" i="2"/>
  <c r="K4219" i="5" s="1"/>
  <c r="O4219" i="5" s="1"/>
  <c r="L4245" i="2"/>
  <c r="L4219" i="5" s="1"/>
  <c r="J4245" i="2"/>
  <c r="J4219" i="5" s="1"/>
  <c r="N4219" i="5" s="1"/>
  <c r="M4245" i="2"/>
  <c r="M4219" i="5" s="1"/>
  <c r="K2805" i="2"/>
  <c r="K2779" i="5" s="1"/>
  <c r="O2779" i="5" s="1"/>
  <c r="L2805" i="2"/>
  <c r="L2779" i="5" s="1"/>
  <c r="J2805" i="2"/>
  <c r="J2779" i="5" s="1"/>
  <c r="N2779" i="5" s="1"/>
  <c r="M2805" i="2"/>
  <c r="M2779" i="5" s="1"/>
  <c r="I2805" i="2"/>
  <c r="I2779" i="5" s="1"/>
  <c r="M5936" i="2"/>
  <c r="M5910" i="5" s="1"/>
  <c r="L5936" i="2"/>
  <c r="L5910" i="5" s="1"/>
  <c r="I5936" i="2"/>
  <c r="I5910" i="5" s="1"/>
  <c r="K5936" i="2"/>
  <c r="K5910" i="5" s="1"/>
  <c r="O5910" i="5" s="1"/>
  <c r="J5936" i="2"/>
  <c r="J5910" i="5" s="1"/>
  <c r="N5910" i="5" s="1"/>
  <c r="J6777" i="2"/>
  <c r="J6751" i="5" s="1"/>
  <c r="N6751" i="5" s="1"/>
  <c r="L6777" i="2"/>
  <c r="L6751" i="5" s="1"/>
  <c r="I6777" i="2"/>
  <c r="I6751" i="5" s="1"/>
  <c r="K6777" i="2"/>
  <c r="K6751" i="5" s="1"/>
  <c r="O6751" i="5" s="1"/>
  <c r="M6777" i="2"/>
  <c r="M6751" i="5" s="1"/>
  <c r="I2227" i="2"/>
  <c r="I2201" i="5" s="1"/>
  <c r="J2227" i="2"/>
  <c r="J2201" i="5" s="1"/>
  <c r="N2201" i="5" s="1"/>
  <c r="K2227" i="2"/>
  <c r="K2201" i="5" s="1"/>
  <c r="O2201" i="5" s="1"/>
  <c r="L2227" i="2"/>
  <c r="L2201" i="5" s="1"/>
  <c r="M2227" i="2"/>
  <c r="M2201" i="5" s="1"/>
  <c r="L1800" i="2"/>
  <c r="L1774" i="5" s="1"/>
  <c r="M1800" i="2"/>
  <c r="M1774" i="5" s="1"/>
  <c r="K1800" i="2"/>
  <c r="K1774" i="5" s="1"/>
  <c r="O1774" i="5" s="1"/>
  <c r="J1800" i="2"/>
  <c r="J1774" i="5" s="1"/>
  <c r="N1774" i="5" s="1"/>
  <c r="I1800" i="2"/>
  <c r="I1774" i="5" s="1"/>
  <c r="J1823" i="2"/>
  <c r="J1797" i="5" s="1"/>
  <c r="N1797" i="5" s="1"/>
  <c r="M1823" i="2"/>
  <c r="M1797" i="5" s="1"/>
  <c r="L1823" i="2"/>
  <c r="L1797" i="5" s="1"/>
  <c r="I1823" i="2"/>
  <c r="I1797" i="5" s="1"/>
  <c r="K1823" i="2"/>
  <c r="K1797" i="5" s="1"/>
  <c r="O1797" i="5" s="1"/>
  <c r="I4647" i="2"/>
  <c r="I4621" i="5" s="1"/>
  <c r="K4647" i="2"/>
  <c r="K4621" i="5" s="1"/>
  <c r="O4621" i="5" s="1"/>
  <c r="J4647" i="2"/>
  <c r="J4621" i="5" s="1"/>
  <c r="N4621" i="5" s="1"/>
  <c r="M4647" i="2"/>
  <c r="M4621" i="5" s="1"/>
  <c r="L4647" i="2"/>
  <c r="L4621" i="5" s="1"/>
  <c r="M819" i="2"/>
  <c r="M793" i="5" s="1"/>
  <c r="I819" i="2"/>
  <c r="I793" i="5" s="1"/>
  <c r="J819" i="2"/>
  <c r="J793" i="5" s="1"/>
  <c r="N793" i="5" s="1"/>
  <c r="L819" i="2"/>
  <c r="L793" i="5" s="1"/>
  <c r="K819" i="2"/>
  <c r="K793" i="5" s="1"/>
  <c r="O793" i="5" s="1"/>
  <c r="I2939" i="2"/>
  <c r="I2913" i="5" s="1"/>
  <c r="L2939" i="2"/>
  <c r="L2913" i="5" s="1"/>
  <c r="K2939" i="2"/>
  <c r="K2913" i="5" s="1"/>
  <c r="O2913" i="5" s="1"/>
  <c r="M2939" i="2"/>
  <c r="M2913" i="5" s="1"/>
  <c r="J2939" i="2"/>
  <c r="J2913" i="5" s="1"/>
  <c r="N2913" i="5" s="1"/>
  <c r="K7814" i="2"/>
  <c r="K7788" i="5" s="1"/>
  <c r="O7788" i="5" s="1"/>
  <c r="M7814" i="2"/>
  <c r="M7788" i="5" s="1"/>
  <c r="I7814" i="2"/>
  <c r="I7788" i="5" s="1"/>
  <c r="L7814" i="2"/>
  <c r="L7788" i="5" s="1"/>
  <c r="J7814" i="2"/>
  <c r="J7788" i="5" s="1"/>
  <c r="N7788" i="5" s="1"/>
  <c r="I979" i="2"/>
  <c r="I953" i="5" s="1"/>
  <c r="L979" i="2"/>
  <c r="L953" i="5" s="1"/>
  <c r="M979" i="2"/>
  <c r="M953" i="5" s="1"/>
  <c r="K979" i="2"/>
  <c r="K953" i="5" s="1"/>
  <c r="O953" i="5" s="1"/>
  <c r="J979" i="2"/>
  <c r="J953" i="5" s="1"/>
  <c r="N953" i="5" s="1"/>
  <c r="L8474" i="2"/>
  <c r="L8448" i="5" s="1"/>
  <c r="M8474" i="2"/>
  <c r="M8448" i="5" s="1"/>
  <c r="K8474" i="2"/>
  <c r="K8448" i="5" s="1"/>
  <c r="O8448" i="5" s="1"/>
  <c r="J8474" i="2"/>
  <c r="J8448" i="5" s="1"/>
  <c r="N8448" i="5" s="1"/>
  <c r="I8474" i="2"/>
  <c r="I8448" i="5" s="1"/>
  <c r="J8461" i="2"/>
  <c r="J8435" i="5" s="1"/>
  <c r="N8435" i="5" s="1"/>
  <c r="L8461" i="2"/>
  <c r="L8435" i="5" s="1"/>
  <c r="M8461" i="2"/>
  <c r="M8435" i="5" s="1"/>
  <c r="I8461" i="2"/>
  <c r="I8435" i="5" s="1"/>
  <c r="K8461" i="2"/>
  <c r="K8435" i="5" s="1"/>
  <c r="O8435" i="5" s="1"/>
  <c r="M4495" i="2"/>
  <c r="M4469" i="5" s="1"/>
  <c r="J4495" i="2"/>
  <c r="J4469" i="5" s="1"/>
  <c r="N4469" i="5" s="1"/>
  <c r="I4495" i="2"/>
  <c r="I4469" i="5" s="1"/>
  <c r="K4495" i="2"/>
  <c r="K4469" i="5" s="1"/>
  <c r="O4469" i="5" s="1"/>
  <c r="L4495" i="2"/>
  <c r="L4469" i="5" s="1"/>
  <c r="K4485" i="2"/>
  <c r="K4459" i="5" s="1"/>
  <c r="O4459" i="5" s="1"/>
  <c r="L4485" i="2"/>
  <c r="L4459" i="5" s="1"/>
  <c r="J4485" i="2"/>
  <c r="J4459" i="5" s="1"/>
  <c r="N4459" i="5" s="1"/>
  <c r="M4485" i="2"/>
  <c r="M4459" i="5" s="1"/>
  <c r="I4485" i="2"/>
  <c r="I4459" i="5" s="1"/>
  <c r="K2251" i="2"/>
  <c r="K2225" i="5" s="1"/>
  <c r="O2225" i="5" s="1"/>
  <c r="J2251" i="2"/>
  <c r="J2225" i="5" s="1"/>
  <c r="N2225" i="5" s="1"/>
  <c r="M2251" i="2"/>
  <c r="M2225" i="5" s="1"/>
  <c r="L2251" i="2"/>
  <c r="L2225" i="5" s="1"/>
  <c r="I2251" i="2"/>
  <c r="I2225" i="5" s="1"/>
  <c r="I3771" i="2"/>
  <c r="I3745" i="5" s="1"/>
  <c r="K3771" i="2"/>
  <c r="K3745" i="5" s="1"/>
  <c r="O3745" i="5" s="1"/>
  <c r="J3771" i="2"/>
  <c r="J3745" i="5" s="1"/>
  <c r="N3745" i="5" s="1"/>
  <c r="L3771" i="2"/>
  <c r="L3745" i="5" s="1"/>
  <c r="M3771" i="2"/>
  <c r="M3745" i="5" s="1"/>
  <c r="L882" i="2"/>
  <c r="L856" i="5" s="1"/>
  <c r="M882" i="2"/>
  <c r="M856" i="5" s="1"/>
  <c r="K882" i="2"/>
  <c r="K856" i="5" s="1"/>
  <c r="O856" i="5" s="1"/>
  <c r="J882" i="2"/>
  <c r="J856" i="5" s="1"/>
  <c r="N856" i="5" s="1"/>
  <c r="I882" i="2"/>
  <c r="I856" i="5" s="1"/>
  <c r="L5854" i="2"/>
  <c r="L5828" i="5" s="1"/>
  <c r="M5854" i="2"/>
  <c r="M5828" i="5" s="1"/>
  <c r="I5854" i="2"/>
  <c r="I5828" i="5" s="1"/>
  <c r="K5854" i="2"/>
  <c r="K5828" i="5" s="1"/>
  <c r="O5828" i="5" s="1"/>
  <c r="J5854" i="2"/>
  <c r="J5828" i="5" s="1"/>
  <c r="N5828" i="5" s="1"/>
  <c r="J5849" i="2"/>
  <c r="J5823" i="5" s="1"/>
  <c r="N5823" i="5" s="1"/>
  <c r="L5849" i="2"/>
  <c r="L5823" i="5" s="1"/>
  <c r="M5849" i="2"/>
  <c r="M5823" i="5" s="1"/>
  <c r="I5849" i="2"/>
  <c r="I5823" i="5" s="1"/>
  <c r="K5849" i="2"/>
  <c r="K5823" i="5" s="1"/>
  <c r="O5823" i="5" s="1"/>
  <c r="K5755" i="2"/>
  <c r="K5729" i="5" s="1"/>
  <c r="O5729" i="5" s="1"/>
  <c r="I5755" i="2"/>
  <c r="I5729" i="5" s="1"/>
  <c r="L5755" i="2"/>
  <c r="L5729" i="5" s="1"/>
  <c r="J5755" i="2"/>
  <c r="J5729" i="5" s="1"/>
  <c r="N5729" i="5" s="1"/>
  <c r="M5755" i="2"/>
  <c r="M5729" i="5" s="1"/>
  <c r="K210" i="2"/>
  <c r="K184" i="5" s="1"/>
  <c r="O184" i="5" s="1"/>
  <c r="I210" i="2"/>
  <c r="I184" i="5" s="1"/>
  <c r="J210" i="2"/>
  <c r="J184" i="5" s="1"/>
  <c r="N184" i="5" s="1"/>
  <c r="M210" i="2"/>
  <c r="M184" i="5" s="1"/>
  <c r="L210" i="2"/>
  <c r="L184" i="5" s="1"/>
  <c r="L208" i="2"/>
  <c r="L182" i="5" s="1"/>
  <c r="M208" i="2"/>
  <c r="M182" i="5" s="1"/>
  <c r="J208" i="2"/>
  <c r="J182" i="5" s="1"/>
  <c r="N182" i="5" s="1"/>
  <c r="K208" i="2"/>
  <c r="K182" i="5" s="1"/>
  <c r="O182" i="5" s="1"/>
  <c r="I208" i="2"/>
  <c r="I182" i="5" s="1"/>
  <c r="M4932" i="2"/>
  <c r="M4906" i="5" s="1"/>
  <c r="J4932" i="2"/>
  <c r="J4906" i="5" s="1"/>
  <c r="N4906" i="5" s="1"/>
  <c r="L4932" i="2"/>
  <c r="L4906" i="5" s="1"/>
  <c r="I4932" i="2"/>
  <c r="I4906" i="5" s="1"/>
  <c r="K4932" i="2"/>
  <c r="K4906" i="5" s="1"/>
  <c r="O4906" i="5" s="1"/>
  <c r="K7096" i="2"/>
  <c r="K7070" i="5" s="1"/>
  <c r="O7070" i="5" s="1"/>
  <c r="J7096" i="2"/>
  <c r="J7070" i="5" s="1"/>
  <c r="N7070" i="5" s="1"/>
  <c r="L7096" i="2"/>
  <c r="L7070" i="5" s="1"/>
  <c r="I7096" i="2"/>
  <c r="I7070" i="5" s="1"/>
  <c r="M7096" i="2"/>
  <c r="M7070" i="5" s="1"/>
  <c r="M387" i="2"/>
  <c r="M361" i="5" s="1"/>
  <c r="L387" i="2"/>
  <c r="L361" i="5" s="1"/>
  <c r="I387" i="2"/>
  <c r="I361" i="5" s="1"/>
  <c r="J387" i="2"/>
  <c r="J361" i="5" s="1"/>
  <c r="N361" i="5" s="1"/>
  <c r="K387" i="2"/>
  <c r="K361" i="5" s="1"/>
  <c r="O361" i="5" s="1"/>
  <c r="L371" i="2"/>
  <c r="L345" i="5" s="1"/>
  <c r="M371" i="2"/>
  <c r="M345" i="5" s="1"/>
  <c r="J371" i="2"/>
  <c r="J345" i="5" s="1"/>
  <c r="N345" i="5" s="1"/>
  <c r="I371" i="2"/>
  <c r="I345" i="5" s="1"/>
  <c r="K371" i="2"/>
  <c r="K345" i="5" s="1"/>
  <c r="O345" i="5" s="1"/>
  <c r="L5460" i="2"/>
  <c r="L5434" i="5" s="1"/>
  <c r="J5460" i="2"/>
  <c r="J5434" i="5" s="1"/>
  <c r="N5434" i="5" s="1"/>
  <c r="M5460" i="2"/>
  <c r="M5434" i="5" s="1"/>
  <c r="I5460" i="2"/>
  <c r="I5434" i="5" s="1"/>
  <c r="K5460" i="2"/>
  <c r="K5434" i="5" s="1"/>
  <c r="O5434" i="5" s="1"/>
  <c r="L2972" i="2"/>
  <c r="L2946" i="5" s="1"/>
  <c r="M2972" i="2"/>
  <c r="M2946" i="5" s="1"/>
  <c r="I2972" i="2"/>
  <c r="I2946" i="5" s="1"/>
  <c r="K2972" i="2"/>
  <c r="K2946" i="5" s="1"/>
  <c r="O2946" i="5" s="1"/>
  <c r="J2972" i="2"/>
  <c r="J2946" i="5" s="1"/>
  <c r="N2946" i="5" s="1"/>
  <c r="L1642" i="2"/>
  <c r="L1616" i="5" s="1"/>
  <c r="M1642" i="2"/>
  <c r="M1616" i="5" s="1"/>
  <c r="I1642" i="2"/>
  <c r="I1616" i="5" s="1"/>
  <c r="K1642" i="2"/>
  <c r="K1616" i="5" s="1"/>
  <c r="O1616" i="5" s="1"/>
  <c r="J1642" i="2"/>
  <c r="J1616" i="5" s="1"/>
  <c r="N1616" i="5" s="1"/>
  <c r="M8200" i="2"/>
  <c r="M8174" i="5" s="1"/>
  <c r="I8200" i="2"/>
  <c r="I8174" i="5" s="1"/>
  <c r="J8200" i="2"/>
  <c r="J8174" i="5" s="1"/>
  <c r="N8174" i="5" s="1"/>
  <c r="L8200" i="2"/>
  <c r="L8174" i="5" s="1"/>
  <c r="K8200" i="2"/>
  <c r="K8174" i="5" s="1"/>
  <c r="O8174" i="5" s="1"/>
  <c r="I5163" i="2"/>
  <c r="I5137" i="5" s="1"/>
  <c r="K5163" i="2"/>
  <c r="K5137" i="5" s="1"/>
  <c r="O5137" i="5" s="1"/>
  <c r="M5163" i="2"/>
  <c r="M5137" i="5" s="1"/>
  <c r="J5163" i="2"/>
  <c r="J5137" i="5" s="1"/>
  <c r="N5137" i="5" s="1"/>
  <c r="L5163" i="2"/>
  <c r="L5137" i="5" s="1"/>
  <c r="M6652" i="2"/>
  <c r="M6626" i="5" s="1"/>
  <c r="L6652" i="2"/>
  <c r="L6626" i="5" s="1"/>
  <c r="I6652" i="2"/>
  <c r="I6626" i="5" s="1"/>
  <c r="K6652" i="2"/>
  <c r="K6626" i="5" s="1"/>
  <c r="O6626" i="5" s="1"/>
  <c r="J6652" i="2"/>
  <c r="J6626" i="5" s="1"/>
  <c r="N6626" i="5" s="1"/>
  <c r="M4417" i="2"/>
  <c r="M4391" i="5" s="1"/>
  <c r="L4417" i="2"/>
  <c r="L4391" i="5" s="1"/>
  <c r="I4417" i="2"/>
  <c r="I4391" i="5" s="1"/>
  <c r="K4417" i="2"/>
  <c r="K4391" i="5" s="1"/>
  <c r="O4391" i="5" s="1"/>
  <c r="J4417" i="2"/>
  <c r="J4391" i="5" s="1"/>
  <c r="N4391" i="5" s="1"/>
  <c r="J6519" i="2"/>
  <c r="J6493" i="5" s="1"/>
  <c r="N6493" i="5" s="1"/>
  <c r="L6519" i="2"/>
  <c r="L6493" i="5" s="1"/>
  <c r="I6519" i="2"/>
  <c r="I6493" i="5" s="1"/>
  <c r="M6519" i="2"/>
  <c r="M6493" i="5" s="1"/>
  <c r="K6519" i="2"/>
  <c r="K6493" i="5" s="1"/>
  <c r="O6493" i="5" s="1"/>
  <c r="M2296" i="2"/>
  <c r="M2270" i="5" s="1"/>
  <c r="I2296" i="2"/>
  <c r="I2270" i="5" s="1"/>
  <c r="K2296" i="2"/>
  <c r="K2270" i="5" s="1"/>
  <c r="O2270" i="5" s="1"/>
  <c r="J2296" i="2"/>
  <c r="J2270" i="5" s="1"/>
  <c r="N2270" i="5" s="1"/>
  <c r="L2296" i="2"/>
  <c r="L2270" i="5" s="1"/>
  <c r="L1281" i="2"/>
  <c r="L1255" i="5" s="1"/>
  <c r="J1281" i="2"/>
  <c r="J1255" i="5" s="1"/>
  <c r="N1255" i="5" s="1"/>
  <c r="K1281" i="2"/>
  <c r="K1255" i="5" s="1"/>
  <c r="O1255" i="5" s="1"/>
  <c r="M1281" i="2"/>
  <c r="M1255" i="5" s="1"/>
  <c r="I1281" i="2"/>
  <c r="I1255" i="5" s="1"/>
  <c r="J1714" i="2"/>
  <c r="J1688" i="5" s="1"/>
  <c r="N1688" i="5" s="1"/>
  <c r="L1714" i="2"/>
  <c r="L1688" i="5" s="1"/>
  <c r="I1714" i="2"/>
  <c r="I1688" i="5" s="1"/>
  <c r="K1714" i="2"/>
  <c r="K1688" i="5" s="1"/>
  <c r="O1688" i="5" s="1"/>
  <c r="M1714" i="2"/>
  <c r="M1688" i="5" s="1"/>
  <c r="L6178" i="2"/>
  <c r="L6152" i="5" s="1"/>
  <c r="M6178" i="2"/>
  <c r="M6152" i="5" s="1"/>
  <c r="J6178" i="2"/>
  <c r="J6152" i="5" s="1"/>
  <c r="N6152" i="5" s="1"/>
  <c r="K6178" i="2"/>
  <c r="K6152" i="5" s="1"/>
  <c r="O6152" i="5" s="1"/>
  <c r="I6178" i="2"/>
  <c r="I6152" i="5" s="1"/>
  <c r="L6193" i="2"/>
  <c r="L6167" i="5" s="1"/>
  <c r="M6193" i="2"/>
  <c r="M6167" i="5" s="1"/>
  <c r="J6193" i="2"/>
  <c r="J6167" i="5" s="1"/>
  <c r="N6167" i="5" s="1"/>
  <c r="I6193" i="2"/>
  <c r="I6167" i="5" s="1"/>
  <c r="K6193" i="2"/>
  <c r="K6167" i="5" s="1"/>
  <c r="O6167" i="5" s="1"/>
  <c r="J2669" i="2"/>
  <c r="J2643" i="5" s="1"/>
  <c r="N2643" i="5" s="1"/>
  <c r="M2669" i="2"/>
  <c r="M2643" i="5" s="1"/>
  <c r="I2669" i="2"/>
  <c r="I2643" i="5" s="1"/>
  <c r="K2669" i="2"/>
  <c r="K2643" i="5" s="1"/>
  <c r="O2643" i="5" s="1"/>
  <c r="L2669" i="2"/>
  <c r="L2643" i="5" s="1"/>
  <c r="K6838" i="2"/>
  <c r="K6812" i="5" s="1"/>
  <c r="O6812" i="5" s="1"/>
  <c r="J6838" i="2"/>
  <c r="J6812" i="5" s="1"/>
  <c r="N6812" i="5" s="1"/>
  <c r="L6838" i="2"/>
  <c r="L6812" i="5" s="1"/>
  <c r="I6838" i="2"/>
  <c r="I6812" i="5" s="1"/>
  <c r="M6838" i="2"/>
  <c r="M6812" i="5" s="1"/>
  <c r="J3401" i="2"/>
  <c r="J3375" i="5" s="1"/>
  <c r="N3375" i="5" s="1"/>
  <c r="L3401" i="2"/>
  <c r="L3375" i="5" s="1"/>
  <c r="M3401" i="2"/>
  <c r="M3375" i="5" s="1"/>
  <c r="I3401" i="2"/>
  <c r="I3375" i="5" s="1"/>
  <c r="K3401" i="2"/>
  <c r="K3375" i="5" s="1"/>
  <c r="O3375" i="5" s="1"/>
  <c r="M8347" i="2"/>
  <c r="M8321" i="5" s="1"/>
  <c r="J8347" i="2"/>
  <c r="J8321" i="5" s="1"/>
  <c r="N8321" i="5" s="1"/>
  <c r="L8347" i="2"/>
  <c r="L8321" i="5" s="1"/>
  <c r="I8347" i="2"/>
  <c r="I8321" i="5" s="1"/>
  <c r="K8347" i="2"/>
  <c r="K8321" i="5" s="1"/>
  <c r="O8321" i="5" s="1"/>
  <c r="I3944" i="2"/>
  <c r="I3918" i="5" s="1"/>
  <c r="K3944" i="2"/>
  <c r="K3918" i="5" s="1"/>
  <c r="O3918" i="5" s="1"/>
  <c r="J3944" i="2"/>
  <c r="J3918" i="5" s="1"/>
  <c r="N3918" i="5" s="1"/>
  <c r="L3944" i="2"/>
  <c r="L3918" i="5" s="1"/>
  <c r="M3944" i="2"/>
  <c r="M3918" i="5" s="1"/>
  <c r="J4142" i="2"/>
  <c r="J4116" i="5" s="1"/>
  <c r="N4116" i="5" s="1"/>
  <c r="L4142" i="2"/>
  <c r="L4116" i="5" s="1"/>
  <c r="I4142" i="2"/>
  <c r="I4116" i="5" s="1"/>
  <c r="K4142" i="2"/>
  <c r="K4116" i="5" s="1"/>
  <c r="O4116" i="5" s="1"/>
  <c r="M4142" i="2"/>
  <c r="M4116" i="5" s="1"/>
  <c r="I8511" i="2"/>
  <c r="I8485" i="5" s="1"/>
  <c r="K8511" i="2"/>
  <c r="K8485" i="5" s="1"/>
  <c r="O8485" i="5" s="1"/>
  <c r="M8511" i="2"/>
  <c r="M8485" i="5" s="1"/>
  <c r="J8511" i="2"/>
  <c r="J8485" i="5" s="1"/>
  <c r="N8485" i="5" s="1"/>
  <c r="L8511" i="2"/>
  <c r="L8485" i="5" s="1"/>
  <c r="I6024" i="2"/>
  <c r="I5998" i="5" s="1"/>
  <c r="M6024" i="2"/>
  <c r="M5998" i="5" s="1"/>
  <c r="K6024" i="2"/>
  <c r="K5998" i="5" s="1"/>
  <c r="O5998" i="5" s="1"/>
  <c r="J6024" i="2"/>
  <c r="J5998" i="5" s="1"/>
  <c r="N5998" i="5" s="1"/>
  <c r="L6024" i="2"/>
  <c r="L5998" i="5" s="1"/>
  <c r="J7009" i="2"/>
  <c r="J6983" i="5" s="1"/>
  <c r="N6983" i="5" s="1"/>
  <c r="L7009" i="2"/>
  <c r="L6983" i="5" s="1"/>
  <c r="I7009" i="2"/>
  <c r="I6983" i="5" s="1"/>
  <c r="M7009" i="2"/>
  <c r="M6983" i="5" s="1"/>
  <c r="K7009" i="2"/>
  <c r="K6983" i="5" s="1"/>
  <c r="O6983" i="5" s="1"/>
  <c r="M2403" i="2"/>
  <c r="M2377" i="5" s="1"/>
  <c r="L2403" i="2"/>
  <c r="L2377" i="5" s="1"/>
  <c r="I2403" i="2"/>
  <c r="I2377" i="5" s="1"/>
  <c r="K2403" i="2"/>
  <c r="K2377" i="5" s="1"/>
  <c r="O2377" i="5" s="1"/>
  <c r="J2403" i="2"/>
  <c r="J2377" i="5" s="1"/>
  <c r="N2377" i="5" s="1"/>
  <c r="J5772" i="2"/>
  <c r="J5746" i="5" s="1"/>
  <c r="N5746" i="5" s="1"/>
  <c r="L5772" i="2"/>
  <c r="L5746" i="5" s="1"/>
  <c r="M5772" i="2"/>
  <c r="M5746" i="5" s="1"/>
  <c r="I5772" i="2"/>
  <c r="I5746" i="5" s="1"/>
  <c r="K5772" i="2"/>
  <c r="K5746" i="5" s="1"/>
  <c r="O5746" i="5" s="1"/>
  <c r="M4300" i="2"/>
  <c r="M4274" i="5" s="1"/>
  <c r="I4300" i="2"/>
  <c r="I4274" i="5" s="1"/>
  <c r="L4300" i="2"/>
  <c r="L4274" i="5" s="1"/>
  <c r="K4300" i="2"/>
  <c r="K4274" i="5" s="1"/>
  <c r="O4274" i="5" s="1"/>
  <c r="J4300" i="2"/>
  <c r="J4274" i="5" s="1"/>
  <c r="N4274" i="5" s="1"/>
  <c r="C30" i="5"/>
  <c r="AR24" i="1"/>
  <c r="I3612" i="2"/>
  <c r="I3586" i="5" s="1"/>
  <c r="J3612" i="2"/>
  <c r="J3586" i="5" s="1"/>
  <c r="N3586" i="5" s="1"/>
  <c r="M3612" i="2"/>
  <c r="M3586" i="5" s="1"/>
  <c r="L3612" i="2"/>
  <c r="L3586" i="5" s="1"/>
  <c r="K3612" i="2"/>
  <c r="K3586" i="5" s="1"/>
  <c r="O3586" i="5" s="1"/>
  <c r="I3147" i="2"/>
  <c r="I3121" i="5" s="1"/>
  <c r="M3147" i="2"/>
  <c r="M3121" i="5" s="1"/>
  <c r="J3147" i="2"/>
  <c r="J3121" i="5" s="1"/>
  <c r="N3121" i="5" s="1"/>
  <c r="L3147" i="2"/>
  <c r="L3121" i="5" s="1"/>
  <c r="K3147" i="2"/>
  <c r="K3121" i="5" s="1"/>
  <c r="O3121" i="5" s="1"/>
  <c r="L1972" i="2"/>
  <c r="L1946" i="5" s="1"/>
  <c r="M1972" i="2"/>
  <c r="M1946" i="5" s="1"/>
  <c r="I1972" i="2"/>
  <c r="I1946" i="5" s="1"/>
  <c r="K1972" i="2"/>
  <c r="K1946" i="5" s="1"/>
  <c r="O1946" i="5" s="1"/>
  <c r="J1972" i="2"/>
  <c r="J1946" i="5" s="1"/>
  <c r="N1946" i="5" s="1"/>
  <c r="L1964" i="2"/>
  <c r="L1938" i="5" s="1"/>
  <c r="J1964" i="2"/>
  <c r="J1938" i="5" s="1"/>
  <c r="N1938" i="5" s="1"/>
  <c r="M1964" i="2"/>
  <c r="M1938" i="5" s="1"/>
  <c r="I1964" i="2"/>
  <c r="I1938" i="5" s="1"/>
  <c r="K1964" i="2"/>
  <c r="K1938" i="5" s="1"/>
  <c r="O1938" i="5" s="1"/>
  <c r="I8118" i="2"/>
  <c r="I8092" i="5" s="1"/>
  <c r="M8118" i="2"/>
  <c r="M8092" i="5" s="1"/>
  <c r="K8118" i="2"/>
  <c r="K8092" i="5" s="1"/>
  <c r="O8092" i="5" s="1"/>
  <c r="J8118" i="2"/>
  <c r="J8092" i="5" s="1"/>
  <c r="N8092" i="5" s="1"/>
  <c r="L8118" i="2"/>
  <c r="L8092" i="5" s="1"/>
  <c r="I5339" i="2"/>
  <c r="I5313" i="5" s="1"/>
  <c r="K5339" i="2"/>
  <c r="K5313" i="5" s="1"/>
  <c r="O5313" i="5" s="1"/>
  <c r="L5339" i="2"/>
  <c r="L5313" i="5" s="1"/>
  <c r="M5339" i="2"/>
  <c r="M5313" i="5" s="1"/>
  <c r="J5339" i="2"/>
  <c r="J5313" i="5" s="1"/>
  <c r="N5313" i="5" s="1"/>
  <c r="I5989" i="2"/>
  <c r="I5963" i="5" s="1"/>
  <c r="K5989" i="2"/>
  <c r="K5963" i="5" s="1"/>
  <c r="O5963" i="5" s="1"/>
  <c r="J5989" i="2"/>
  <c r="J5963" i="5" s="1"/>
  <c r="N5963" i="5" s="1"/>
  <c r="L5989" i="2"/>
  <c r="L5963" i="5" s="1"/>
  <c r="M5989" i="2"/>
  <c r="M5963" i="5" s="1"/>
  <c r="L1980" i="2"/>
  <c r="L1954" i="5" s="1"/>
  <c r="M1980" i="2"/>
  <c r="M1954" i="5" s="1"/>
  <c r="J1980" i="2"/>
  <c r="J1954" i="5" s="1"/>
  <c r="N1954" i="5" s="1"/>
  <c r="I1980" i="2"/>
  <c r="I1954" i="5" s="1"/>
  <c r="K1980" i="2"/>
  <c r="K1954" i="5" s="1"/>
  <c r="O1954" i="5" s="1"/>
  <c r="M396" i="2"/>
  <c r="M370" i="5" s="1"/>
  <c r="L396" i="2"/>
  <c r="L370" i="5" s="1"/>
  <c r="I396" i="2"/>
  <c r="I370" i="5" s="1"/>
  <c r="K396" i="2"/>
  <c r="K370" i="5" s="1"/>
  <c r="O370" i="5" s="1"/>
  <c r="J396" i="2"/>
  <c r="J370" i="5" s="1"/>
  <c r="N370" i="5" s="1"/>
  <c r="L412" i="2"/>
  <c r="L386" i="5" s="1"/>
  <c r="I412" i="2"/>
  <c r="I386" i="5" s="1"/>
  <c r="K412" i="2"/>
  <c r="K386" i="5" s="1"/>
  <c r="O386" i="5" s="1"/>
  <c r="M412" i="2"/>
  <c r="M386" i="5" s="1"/>
  <c r="J412" i="2"/>
  <c r="J386" i="5" s="1"/>
  <c r="N386" i="5" s="1"/>
  <c r="I3068" i="2"/>
  <c r="I3042" i="5" s="1"/>
  <c r="K3068" i="2"/>
  <c r="K3042" i="5" s="1"/>
  <c r="O3042" i="5" s="1"/>
  <c r="M3068" i="2"/>
  <c r="M3042" i="5" s="1"/>
  <c r="J3068" i="2"/>
  <c r="J3042" i="5" s="1"/>
  <c r="N3042" i="5" s="1"/>
  <c r="L3068" i="2"/>
  <c r="L3042" i="5" s="1"/>
  <c r="J550" i="2"/>
  <c r="J524" i="5" s="1"/>
  <c r="N524" i="5" s="1"/>
  <c r="M550" i="2"/>
  <c r="M524" i="5" s="1"/>
  <c r="L550" i="2"/>
  <c r="L524" i="5" s="1"/>
  <c r="I550" i="2"/>
  <c r="I524" i="5" s="1"/>
  <c r="K550" i="2"/>
  <c r="K524" i="5" s="1"/>
  <c r="O524" i="5" s="1"/>
  <c r="K6628" i="2"/>
  <c r="K6602" i="5" s="1"/>
  <c r="O6602" i="5" s="1"/>
  <c r="J6628" i="2"/>
  <c r="J6602" i="5" s="1"/>
  <c r="N6602" i="5" s="1"/>
  <c r="L6628" i="2"/>
  <c r="L6602" i="5" s="1"/>
  <c r="I6628" i="2"/>
  <c r="I6602" i="5" s="1"/>
  <c r="M6628" i="2"/>
  <c r="M6602" i="5" s="1"/>
  <c r="K1133" i="2"/>
  <c r="K1107" i="5" s="1"/>
  <c r="O1107" i="5" s="1"/>
  <c r="J1133" i="2"/>
  <c r="J1107" i="5" s="1"/>
  <c r="N1107" i="5" s="1"/>
  <c r="L1133" i="2"/>
  <c r="L1107" i="5" s="1"/>
  <c r="M1133" i="2"/>
  <c r="M1107" i="5" s="1"/>
  <c r="I1133" i="2"/>
  <c r="I1107" i="5" s="1"/>
  <c r="K1118" i="2"/>
  <c r="K1092" i="5" s="1"/>
  <c r="O1092" i="5" s="1"/>
  <c r="L1118" i="2"/>
  <c r="L1092" i="5" s="1"/>
  <c r="M1118" i="2"/>
  <c r="M1092" i="5" s="1"/>
  <c r="I1118" i="2"/>
  <c r="I1092" i="5" s="1"/>
  <c r="J1118" i="2"/>
  <c r="J1092" i="5" s="1"/>
  <c r="N1092" i="5" s="1"/>
  <c r="M7329" i="2"/>
  <c r="M7303" i="5" s="1"/>
  <c r="K7329" i="2"/>
  <c r="K7303" i="5" s="1"/>
  <c r="O7303" i="5" s="1"/>
  <c r="L7329" i="2"/>
  <c r="L7303" i="5" s="1"/>
  <c r="J7329" i="2"/>
  <c r="J7303" i="5" s="1"/>
  <c r="N7303" i="5" s="1"/>
  <c r="I7329" i="2"/>
  <c r="I7303" i="5" s="1"/>
  <c r="I7967" i="2"/>
  <c r="I7941" i="5" s="1"/>
  <c r="K7967" i="2"/>
  <c r="K7941" i="5" s="1"/>
  <c r="O7941" i="5" s="1"/>
  <c r="J7967" i="2"/>
  <c r="J7941" i="5" s="1"/>
  <c r="N7941" i="5" s="1"/>
  <c r="L7967" i="2"/>
  <c r="L7941" i="5" s="1"/>
  <c r="M7967" i="2"/>
  <c r="M7941" i="5" s="1"/>
  <c r="C338" i="5"/>
  <c r="AR332" i="1"/>
  <c r="I3253" i="2"/>
  <c r="I3227" i="5" s="1"/>
  <c r="K3253" i="2"/>
  <c r="K3227" i="5" s="1"/>
  <c r="O3227" i="5" s="1"/>
  <c r="J3253" i="2"/>
  <c r="J3227" i="5" s="1"/>
  <c r="N3227" i="5" s="1"/>
  <c r="L3253" i="2"/>
  <c r="L3227" i="5" s="1"/>
  <c r="M3253" i="2"/>
  <c r="M3227" i="5" s="1"/>
  <c r="K5023" i="2"/>
  <c r="K4997" i="5" s="1"/>
  <c r="O4997" i="5" s="1"/>
  <c r="L5023" i="2"/>
  <c r="L4997" i="5" s="1"/>
  <c r="M5023" i="2"/>
  <c r="M4997" i="5" s="1"/>
  <c r="J5023" i="2"/>
  <c r="J4997" i="5" s="1"/>
  <c r="N4997" i="5" s="1"/>
  <c r="I5023" i="2"/>
  <c r="I4997" i="5" s="1"/>
  <c r="L1088" i="2"/>
  <c r="L1062" i="5" s="1"/>
  <c r="M1088" i="2"/>
  <c r="M1062" i="5" s="1"/>
  <c r="I1088" i="2"/>
  <c r="I1062" i="5" s="1"/>
  <c r="K1088" i="2"/>
  <c r="K1062" i="5" s="1"/>
  <c r="O1062" i="5" s="1"/>
  <c r="J1088" i="2"/>
  <c r="J1062" i="5" s="1"/>
  <c r="N1062" i="5" s="1"/>
  <c r="L4011" i="2"/>
  <c r="L3985" i="5" s="1"/>
  <c r="M4011" i="2"/>
  <c r="M3985" i="5" s="1"/>
  <c r="I4011" i="2"/>
  <c r="I3985" i="5" s="1"/>
  <c r="K4011" i="2"/>
  <c r="K3985" i="5" s="1"/>
  <c r="O3985" i="5" s="1"/>
  <c r="J4011" i="2"/>
  <c r="J3985" i="5" s="1"/>
  <c r="N3985" i="5" s="1"/>
  <c r="I1324" i="2"/>
  <c r="I1298" i="5" s="1"/>
  <c r="K1324" i="2"/>
  <c r="K1298" i="5" s="1"/>
  <c r="O1298" i="5" s="1"/>
  <c r="M1324" i="2"/>
  <c r="M1298" i="5" s="1"/>
  <c r="J1324" i="2"/>
  <c r="J1298" i="5" s="1"/>
  <c r="N1298" i="5" s="1"/>
  <c r="L1324" i="2"/>
  <c r="L1298" i="5" s="1"/>
  <c r="J4324" i="2"/>
  <c r="J4298" i="5" s="1"/>
  <c r="N4298" i="5" s="1"/>
  <c r="M4324" i="2"/>
  <c r="M4298" i="5" s="1"/>
  <c r="L4324" i="2"/>
  <c r="L4298" i="5" s="1"/>
  <c r="I4324" i="2"/>
  <c r="I4298" i="5" s="1"/>
  <c r="K4324" i="2"/>
  <c r="K4298" i="5" s="1"/>
  <c r="O4298" i="5" s="1"/>
  <c r="I3313" i="2"/>
  <c r="I3287" i="5" s="1"/>
  <c r="K3313" i="2"/>
  <c r="K3287" i="5" s="1"/>
  <c r="O3287" i="5" s="1"/>
  <c r="J3313" i="2"/>
  <c r="J3287" i="5" s="1"/>
  <c r="N3287" i="5" s="1"/>
  <c r="L3313" i="2"/>
  <c r="L3287" i="5" s="1"/>
  <c r="M3313" i="2"/>
  <c r="M3287" i="5" s="1"/>
  <c r="M4136" i="2"/>
  <c r="M4110" i="5" s="1"/>
  <c r="L4136" i="2"/>
  <c r="L4110" i="5" s="1"/>
  <c r="I4136" i="2"/>
  <c r="I4110" i="5" s="1"/>
  <c r="K4136" i="2"/>
  <c r="K4110" i="5" s="1"/>
  <c r="O4110" i="5" s="1"/>
  <c r="J4136" i="2"/>
  <c r="J4110" i="5" s="1"/>
  <c r="N4110" i="5" s="1"/>
  <c r="K4127" i="2"/>
  <c r="K4101" i="5" s="1"/>
  <c r="O4101" i="5" s="1"/>
  <c r="J4127" i="2"/>
  <c r="J4101" i="5" s="1"/>
  <c r="N4101" i="5" s="1"/>
  <c r="L4127" i="2"/>
  <c r="L4101" i="5" s="1"/>
  <c r="M4127" i="2"/>
  <c r="M4101" i="5" s="1"/>
  <c r="I4127" i="2"/>
  <c r="I4101" i="5" s="1"/>
  <c r="J7466" i="2"/>
  <c r="J7440" i="5" s="1"/>
  <c r="N7440" i="5" s="1"/>
  <c r="L7466" i="2"/>
  <c r="L7440" i="5" s="1"/>
  <c r="I7466" i="2"/>
  <c r="I7440" i="5" s="1"/>
  <c r="M7466" i="2"/>
  <c r="M7440" i="5" s="1"/>
  <c r="K7466" i="2"/>
  <c r="K7440" i="5" s="1"/>
  <c r="O7440" i="5" s="1"/>
  <c r="I4995" i="2"/>
  <c r="I4969" i="5" s="1"/>
  <c r="J4995" i="2"/>
  <c r="J4969" i="5" s="1"/>
  <c r="N4969" i="5" s="1"/>
  <c r="K4995" i="2"/>
  <c r="K4969" i="5" s="1"/>
  <c r="O4969" i="5" s="1"/>
  <c r="L4995" i="2"/>
  <c r="L4969" i="5" s="1"/>
  <c r="M4995" i="2"/>
  <c r="M4969" i="5" s="1"/>
  <c r="J8349" i="2"/>
  <c r="J8323" i="5" s="1"/>
  <c r="N8323" i="5" s="1"/>
  <c r="L8349" i="2"/>
  <c r="L8323" i="5" s="1"/>
  <c r="I8349" i="2"/>
  <c r="I8323" i="5" s="1"/>
  <c r="K8349" i="2"/>
  <c r="K8323" i="5" s="1"/>
  <c r="O8323" i="5" s="1"/>
  <c r="M8349" i="2"/>
  <c r="M8323" i="5" s="1"/>
  <c r="M8793" i="2"/>
  <c r="M8767" i="5" s="1"/>
  <c r="I8793" i="2"/>
  <c r="I8767" i="5" s="1"/>
  <c r="K8793" i="2"/>
  <c r="K8767" i="5" s="1"/>
  <c r="O8767" i="5" s="1"/>
  <c r="L8793" i="2"/>
  <c r="L8767" i="5" s="1"/>
  <c r="J8793" i="2"/>
  <c r="J8767" i="5" s="1"/>
  <c r="N8767" i="5" s="1"/>
  <c r="C372" i="5"/>
  <c r="AR366" i="1"/>
  <c r="K3940" i="2"/>
  <c r="K3914" i="5" s="1"/>
  <c r="O3914" i="5" s="1"/>
  <c r="L3940" i="2"/>
  <c r="L3914" i="5" s="1"/>
  <c r="M3940" i="2"/>
  <c r="M3914" i="5" s="1"/>
  <c r="J3940" i="2"/>
  <c r="J3914" i="5" s="1"/>
  <c r="N3914" i="5" s="1"/>
  <c r="I3940" i="2"/>
  <c r="I3914" i="5" s="1"/>
  <c r="L8031" i="2"/>
  <c r="L8005" i="5" s="1"/>
  <c r="J8031" i="2"/>
  <c r="J8005" i="5" s="1"/>
  <c r="N8005" i="5" s="1"/>
  <c r="I8031" i="2"/>
  <c r="I8005" i="5" s="1"/>
  <c r="M8031" i="2"/>
  <c r="M8005" i="5" s="1"/>
  <c r="K8031" i="2"/>
  <c r="K8005" i="5" s="1"/>
  <c r="O8005" i="5" s="1"/>
  <c r="I7024" i="2"/>
  <c r="I6998" i="5" s="1"/>
  <c r="K7024" i="2"/>
  <c r="K6998" i="5" s="1"/>
  <c r="O6998" i="5" s="1"/>
  <c r="L7024" i="2"/>
  <c r="L6998" i="5" s="1"/>
  <c r="M7024" i="2"/>
  <c r="M6998" i="5" s="1"/>
  <c r="J7024" i="2"/>
  <c r="J6998" i="5" s="1"/>
  <c r="N6998" i="5" s="1"/>
  <c r="I3581" i="2"/>
  <c r="I3555" i="5" s="1"/>
  <c r="K3581" i="2"/>
  <c r="K3555" i="5" s="1"/>
  <c r="O3555" i="5" s="1"/>
  <c r="J3581" i="2"/>
  <c r="J3555" i="5" s="1"/>
  <c r="N3555" i="5" s="1"/>
  <c r="M3581" i="2"/>
  <c r="M3555" i="5" s="1"/>
  <c r="L3581" i="2"/>
  <c r="L3555" i="5" s="1"/>
  <c r="J3579" i="2"/>
  <c r="J3553" i="5" s="1"/>
  <c r="N3553" i="5" s="1"/>
  <c r="L3579" i="2"/>
  <c r="L3553" i="5" s="1"/>
  <c r="I3579" i="2"/>
  <c r="I3553" i="5" s="1"/>
  <c r="M3579" i="2"/>
  <c r="M3553" i="5" s="1"/>
  <c r="K3579" i="2"/>
  <c r="K3553" i="5" s="1"/>
  <c r="O3553" i="5" s="1"/>
  <c r="I1416" i="2"/>
  <c r="I1390" i="5" s="1"/>
  <c r="K1416" i="2"/>
  <c r="K1390" i="5" s="1"/>
  <c r="O1390" i="5" s="1"/>
  <c r="L1416" i="2"/>
  <c r="L1390" i="5" s="1"/>
  <c r="J1416" i="2"/>
  <c r="J1390" i="5" s="1"/>
  <c r="N1390" i="5" s="1"/>
  <c r="M1416" i="2"/>
  <c r="M1390" i="5" s="1"/>
  <c r="L1413" i="2"/>
  <c r="L1387" i="5" s="1"/>
  <c r="J1413" i="2"/>
  <c r="J1387" i="5" s="1"/>
  <c r="N1387" i="5" s="1"/>
  <c r="M1413" i="2"/>
  <c r="M1387" i="5" s="1"/>
  <c r="I1413" i="2"/>
  <c r="I1387" i="5" s="1"/>
  <c r="K1413" i="2"/>
  <c r="K1387" i="5" s="1"/>
  <c r="O1387" i="5" s="1"/>
  <c r="J4585" i="2"/>
  <c r="J4559" i="5" s="1"/>
  <c r="N4559" i="5" s="1"/>
  <c r="K4585" i="2"/>
  <c r="K4559" i="5" s="1"/>
  <c r="O4559" i="5" s="1"/>
  <c r="L4585" i="2"/>
  <c r="L4559" i="5" s="1"/>
  <c r="M4585" i="2"/>
  <c r="M4559" i="5" s="1"/>
  <c r="I4585" i="2"/>
  <c r="I4559" i="5" s="1"/>
  <c r="I643" i="2"/>
  <c r="I617" i="5" s="1"/>
  <c r="K643" i="2"/>
  <c r="K617" i="5" s="1"/>
  <c r="O617" i="5" s="1"/>
  <c r="J643" i="2"/>
  <c r="J617" i="5" s="1"/>
  <c r="N617" i="5" s="1"/>
  <c r="M643" i="2"/>
  <c r="M617" i="5" s="1"/>
  <c r="L643" i="2"/>
  <c r="L617" i="5" s="1"/>
  <c r="M7514" i="2"/>
  <c r="M7488" i="5" s="1"/>
  <c r="I7514" i="2"/>
  <c r="I7488" i="5" s="1"/>
  <c r="J7514" i="2"/>
  <c r="J7488" i="5" s="1"/>
  <c r="N7488" i="5" s="1"/>
  <c r="L7514" i="2"/>
  <c r="L7488" i="5" s="1"/>
  <c r="K7514" i="2"/>
  <c r="K7488" i="5" s="1"/>
  <c r="O7488" i="5" s="1"/>
  <c r="M5660" i="2"/>
  <c r="M5634" i="5" s="1"/>
  <c r="K5660" i="2"/>
  <c r="K5634" i="5" s="1"/>
  <c r="O5634" i="5" s="1"/>
  <c r="L5660" i="2"/>
  <c r="L5634" i="5" s="1"/>
  <c r="I5660" i="2"/>
  <c r="I5634" i="5" s="1"/>
  <c r="J5660" i="2"/>
  <c r="J5634" i="5" s="1"/>
  <c r="N5634" i="5" s="1"/>
  <c r="J5665" i="2"/>
  <c r="J5639" i="5" s="1"/>
  <c r="N5639" i="5" s="1"/>
  <c r="L5665" i="2"/>
  <c r="L5639" i="5" s="1"/>
  <c r="M5665" i="2"/>
  <c r="M5639" i="5" s="1"/>
  <c r="I5665" i="2"/>
  <c r="I5639" i="5" s="1"/>
  <c r="K5665" i="2"/>
  <c r="K5639" i="5" s="1"/>
  <c r="O5639" i="5" s="1"/>
  <c r="J5825" i="2"/>
  <c r="J5799" i="5" s="1"/>
  <c r="N5799" i="5" s="1"/>
  <c r="L5825" i="2"/>
  <c r="L5799" i="5" s="1"/>
  <c r="M5825" i="2"/>
  <c r="M5799" i="5" s="1"/>
  <c r="I5825" i="2"/>
  <c r="I5799" i="5" s="1"/>
  <c r="K5825" i="2"/>
  <c r="K5799" i="5" s="1"/>
  <c r="O5799" i="5" s="1"/>
  <c r="I6948" i="2"/>
  <c r="I6922" i="5" s="1"/>
  <c r="K6948" i="2"/>
  <c r="K6922" i="5" s="1"/>
  <c r="O6922" i="5" s="1"/>
  <c r="L6948" i="2"/>
  <c r="L6922" i="5" s="1"/>
  <c r="M6948" i="2"/>
  <c r="M6922" i="5" s="1"/>
  <c r="J6948" i="2"/>
  <c r="J6922" i="5" s="1"/>
  <c r="N6922" i="5" s="1"/>
  <c r="L1617" i="2"/>
  <c r="L1591" i="5" s="1"/>
  <c r="M1617" i="2"/>
  <c r="M1591" i="5" s="1"/>
  <c r="J1617" i="2"/>
  <c r="J1591" i="5" s="1"/>
  <c r="N1591" i="5" s="1"/>
  <c r="I1617" i="2"/>
  <c r="I1591" i="5" s="1"/>
  <c r="K1617" i="2"/>
  <c r="K1591" i="5" s="1"/>
  <c r="O1591" i="5" s="1"/>
  <c r="J7778" i="2"/>
  <c r="J7752" i="5" s="1"/>
  <c r="N7752" i="5" s="1"/>
  <c r="I7778" i="2"/>
  <c r="I7752" i="5" s="1"/>
  <c r="L7778" i="2"/>
  <c r="L7752" i="5" s="1"/>
  <c r="K7778" i="2"/>
  <c r="K7752" i="5" s="1"/>
  <c r="O7752" i="5" s="1"/>
  <c r="M7778" i="2"/>
  <c r="M7752" i="5" s="1"/>
  <c r="J3833" i="2"/>
  <c r="J3807" i="5" s="1"/>
  <c r="N3807" i="5" s="1"/>
  <c r="L3833" i="2"/>
  <c r="L3807" i="5" s="1"/>
  <c r="M3833" i="2"/>
  <c r="M3807" i="5" s="1"/>
  <c r="I3833" i="2"/>
  <c r="I3807" i="5" s="1"/>
  <c r="K3833" i="2"/>
  <c r="K3807" i="5" s="1"/>
  <c r="O3807" i="5" s="1"/>
  <c r="M5076" i="2"/>
  <c r="M5050" i="5" s="1"/>
  <c r="L5076" i="2"/>
  <c r="L5050" i="5" s="1"/>
  <c r="I5076" i="2"/>
  <c r="I5050" i="5" s="1"/>
  <c r="K5076" i="2"/>
  <c r="K5050" i="5" s="1"/>
  <c r="O5050" i="5" s="1"/>
  <c r="J5076" i="2"/>
  <c r="J5050" i="5" s="1"/>
  <c r="N5050" i="5" s="1"/>
  <c r="K6993" i="2"/>
  <c r="K6967" i="5" s="1"/>
  <c r="O6967" i="5" s="1"/>
  <c r="M6993" i="2"/>
  <c r="M6967" i="5" s="1"/>
  <c r="L6993" i="2"/>
  <c r="L6967" i="5" s="1"/>
  <c r="I6993" i="2"/>
  <c r="I6967" i="5" s="1"/>
  <c r="J6993" i="2"/>
  <c r="J6967" i="5" s="1"/>
  <c r="N6967" i="5" s="1"/>
  <c r="I6117" i="2"/>
  <c r="I6091" i="5" s="1"/>
  <c r="J6117" i="2"/>
  <c r="J6091" i="5" s="1"/>
  <c r="N6091" i="5" s="1"/>
  <c r="M6117" i="2"/>
  <c r="M6091" i="5" s="1"/>
  <c r="K6117" i="2"/>
  <c r="K6091" i="5" s="1"/>
  <c r="O6091" i="5" s="1"/>
  <c r="L6117" i="2"/>
  <c r="L6091" i="5" s="1"/>
  <c r="M8686" i="2"/>
  <c r="M8660" i="5" s="1"/>
  <c r="I8686" i="2"/>
  <c r="I8660" i="5" s="1"/>
  <c r="L8686" i="2"/>
  <c r="L8660" i="5" s="1"/>
  <c r="K8686" i="2"/>
  <c r="K8660" i="5" s="1"/>
  <c r="O8660" i="5" s="1"/>
  <c r="J8686" i="2"/>
  <c r="J8660" i="5" s="1"/>
  <c r="N8660" i="5" s="1"/>
  <c r="L4141" i="2"/>
  <c r="L4115" i="5" s="1"/>
  <c r="I4141" i="2"/>
  <c r="I4115" i="5" s="1"/>
  <c r="K4141" i="2"/>
  <c r="K4115" i="5" s="1"/>
  <c r="O4115" i="5" s="1"/>
  <c r="J4141" i="2"/>
  <c r="J4115" i="5" s="1"/>
  <c r="N4115" i="5" s="1"/>
  <c r="M4141" i="2"/>
  <c r="M4115" i="5" s="1"/>
  <c r="I3960" i="2"/>
  <c r="I3934" i="5" s="1"/>
  <c r="K3960" i="2"/>
  <c r="K3934" i="5" s="1"/>
  <c r="O3934" i="5" s="1"/>
  <c r="J3960" i="2"/>
  <c r="J3934" i="5" s="1"/>
  <c r="N3934" i="5" s="1"/>
  <c r="M3960" i="2"/>
  <c r="M3934" i="5" s="1"/>
  <c r="L3960" i="2"/>
  <c r="L3934" i="5" s="1"/>
  <c r="J7154" i="2"/>
  <c r="J7128" i="5" s="1"/>
  <c r="N7128" i="5" s="1"/>
  <c r="M7154" i="2"/>
  <c r="M7128" i="5" s="1"/>
  <c r="L7154" i="2"/>
  <c r="L7128" i="5" s="1"/>
  <c r="I7154" i="2"/>
  <c r="I7128" i="5" s="1"/>
  <c r="K7154" i="2"/>
  <c r="K7128" i="5" s="1"/>
  <c r="O7128" i="5" s="1"/>
  <c r="M4434" i="2"/>
  <c r="M4408" i="5" s="1"/>
  <c r="J4434" i="2"/>
  <c r="J4408" i="5" s="1"/>
  <c r="N4408" i="5" s="1"/>
  <c r="I4434" i="2"/>
  <c r="I4408" i="5" s="1"/>
  <c r="K4434" i="2"/>
  <c r="K4408" i="5" s="1"/>
  <c r="O4408" i="5" s="1"/>
  <c r="L4434" i="2"/>
  <c r="L4408" i="5" s="1"/>
  <c r="M755" i="2"/>
  <c r="M729" i="5" s="1"/>
  <c r="I755" i="2"/>
  <c r="I729" i="5" s="1"/>
  <c r="K755" i="2"/>
  <c r="K729" i="5" s="1"/>
  <c r="O729" i="5" s="1"/>
  <c r="J755" i="2"/>
  <c r="J729" i="5" s="1"/>
  <c r="N729" i="5" s="1"/>
  <c r="L755" i="2"/>
  <c r="L729" i="5" s="1"/>
  <c r="I3476" i="2"/>
  <c r="I3450" i="5" s="1"/>
  <c r="K3476" i="2"/>
  <c r="K3450" i="5" s="1"/>
  <c r="O3450" i="5" s="1"/>
  <c r="J3476" i="2"/>
  <c r="J3450" i="5" s="1"/>
  <c r="N3450" i="5" s="1"/>
  <c r="M3476" i="2"/>
  <c r="M3450" i="5" s="1"/>
  <c r="L3476" i="2"/>
  <c r="L3450" i="5" s="1"/>
  <c r="J2116" i="2"/>
  <c r="J2090" i="5" s="1"/>
  <c r="N2090" i="5" s="1"/>
  <c r="L2116" i="2"/>
  <c r="L2090" i="5" s="1"/>
  <c r="M2116" i="2"/>
  <c r="M2090" i="5" s="1"/>
  <c r="I2116" i="2"/>
  <c r="I2090" i="5" s="1"/>
  <c r="K2116" i="2"/>
  <c r="K2090" i="5" s="1"/>
  <c r="O2090" i="5" s="1"/>
  <c r="J5440" i="2"/>
  <c r="J5414" i="5" s="1"/>
  <c r="N5414" i="5" s="1"/>
  <c r="L5440" i="2"/>
  <c r="L5414" i="5" s="1"/>
  <c r="I5440" i="2"/>
  <c r="I5414" i="5" s="1"/>
  <c r="K5440" i="2"/>
  <c r="K5414" i="5" s="1"/>
  <c r="O5414" i="5" s="1"/>
  <c r="M5440" i="2"/>
  <c r="M5414" i="5" s="1"/>
  <c r="M1486" i="2"/>
  <c r="M1460" i="5" s="1"/>
  <c r="L1486" i="2"/>
  <c r="L1460" i="5" s="1"/>
  <c r="I1486" i="2"/>
  <c r="I1460" i="5" s="1"/>
  <c r="K1486" i="2"/>
  <c r="K1460" i="5" s="1"/>
  <c r="O1460" i="5" s="1"/>
  <c r="J1486" i="2"/>
  <c r="J1460" i="5" s="1"/>
  <c r="N1460" i="5" s="1"/>
  <c r="I8512" i="2"/>
  <c r="I8486" i="5" s="1"/>
  <c r="K8512" i="2"/>
  <c r="K8486" i="5" s="1"/>
  <c r="O8486" i="5" s="1"/>
  <c r="J8512" i="2"/>
  <c r="J8486" i="5" s="1"/>
  <c r="N8486" i="5" s="1"/>
  <c r="L8512" i="2"/>
  <c r="L8486" i="5" s="1"/>
  <c r="M8512" i="2"/>
  <c r="M8486" i="5" s="1"/>
  <c r="C361" i="5"/>
  <c r="AR355" i="1"/>
  <c r="I5807" i="2"/>
  <c r="I5781" i="5" s="1"/>
  <c r="K5807" i="2"/>
  <c r="K5781" i="5" s="1"/>
  <c r="O5781" i="5" s="1"/>
  <c r="M5807" i="2"/>
  <c r="M5781" i="5" s="1"/>
  <c r="J5807" i="2"/>
  <c r="J5781" i="5" s="1"/>
  <c r="N5781" i="5" s="1"/>
  <c r="L5807" i="2"/>
  <c r="L5781" i="5" s="1"/>
  <c r="L81" i="2"/>
  <c r="L55" i="5" s="1"/>
  <c r="M81" i="2"/>
  <c r="M55" i="5" s="1"/>
  <c r="J81" i="2"/>
  <c r="J55" i="5" s="1"/>
  <c r="N55" i="5" s="1"/>
  <c r="I81" i="2"/>
  <c r="I55" i="5" s="1"/>
  <c r="K81" i="2"/>
  <c r="K55" i="5" s="1"/>
  <c r="O55" i="5" s="1"/>
  <c r="J2770" i="2"/>
  <c r="J2744" i="5" s="1"/>
  <c r="N2744" i="5" s="1"/>
  <c r="M2770" i="2"/>
  <c r="M2744" i="5" s="1"/>
  <c r="I2770" i="2"/>
  <c r="I2744" i="5" s="1"/>
  <c r="K2770" i="2"/>
  <c r="K2744" i="5" s="1"/>
  <c r="O2744" i="5" s="1"/>
  <c r="L2770" i="2"/>
  <c r="L2744" i="5" s="1"/>
  <c r="L1467" i="2"/>
  <c r="L1441" i="5" s="1"/>
  <c r="K1467" i="2"/>
  <c r="K1441" i="5" s="1"/>
  <c r="O1441" i="5" s="1"/>
  <c r="M1467" i="2"/>
  <c r="M1441" i="5" s="1"/>
  <c r="J1467" i="2"/>
  <c r="J1441" i="5" s="1"/>
  <c r="N1441" i="5" s="1"/>
  <c r="I1467" i="2"/>
  <c r="I1441" i="5" s="1"/>
  <c r="J1463" i="2"/>
  <c r="J1437" i="5" s="1"/>
  <c r="N1437" i="5" s="1"/>
  <c r="L1463" i="2"/>
  <c r="L1437" i="5" s="1"/>
  <c r="M1463" i="2"/>
  <c r="M1437" i="5" s="1"/>
  <c r="I1463" i="2"/>
  <c r="I1437" i="5" s="1"/>
  <c r="K1463" i="2"/>
  <c r="K1437" i="5" s="1"/>
  <c r="O1437" i="5" s="1"/>
  <c r="M8309" i="2"/>
  <c r="M8283" i="5" s="1"/>
  <c r="J8309" i="2"/>
  <c r="J8283" i="5" s="1"/>
  <c r="N8283" i="5" s="1"/>
  <c r="I8309" i="2"/>
  <c r="I8283" i="5" s="1"/>
  <c r="K8309" i="2"/>
  <c r="K8283" i="5" s="1"/>
  <c r="O8283" i="5" s="1"/>
  <c r="L8309" i="2"/>
  <c r="L8283" i="5" s="1"/>
  <c r="I1211" i="2"/>
  <c r="I1185" i="5" s="1"/>
  <c r="K1211" i="2"/>
  <c r="K1185" i="5" s="1"/>
  <c r="O1185" i="5" s="1"/>
  <c r="J1211" i="2"/>
  <c r="J1185" i="5" s="1"/>
  <c r="N1185" i="5" s="1"/>
  <c r="M1211" i="2"/>
  <c r="M1185" i="5" s="1"/>
  <c r="L1211" i="2"/>
  <c r="L1185" i="5" s="1"/>
  <c r="J5140" i="2"/>
  <c r="J5114" i="5" s="1"/>
  <c r="N5114" i="5" s="1"/>
  <c r="M5140" i="2"/>
  <c r="M5114" i="5" s="1"/>
  <c r="I5140" i="2"/>
  <c r="I5114" i="5" s="1"/>
  <c r="L5140" i="2"/>
  <c r="L5114" i="5" s="1"/>
  <c r="K5140" i="2"/>
  <c r="K5114" i="5" s="1"/>
  <c r="O5114" i="5" s="1"/>
  <c r="K5131" i="2"/>
  <c r="K5105" i="5" s="1"/>
  <c r="O5105" i="5" s="1"/>
  <c r="J5131" i="2"/>
  <c r="J5105" i="5" s="1"/>
  <c r="N5105" i="5" s="1"/>
  <c r="M5131" i="2"/>
  <c r="M5105" i="5" s="1"/>
  <c r="I5131" i="2"/>
  <c r="I5105" i="5" s="1"/>
  <c r="L5131" i="2"/>
  <c r="L5105" i="5" s="1"/>
  <c r="K6030" i="2"/>
  <c r="K6004" i="5" s="1"/>
  <c r="O6004" i="5" s="1"/>
  <c r="J6030" i="2"/>
  <c r="J6004" i="5" s="1"/>
  <c r="N6004" i="5" s="1"/>
  <c r="M6030" i="2"/>
  <c r="M6004" i="5" s="1"/>
  <c r="L6030" i="2"/>
  <c r="L6004" i="5" s="1"/>
  <c r="I6030" i="2"/>
  <c r="I6004" i="5" s="1"/>
  <c r="L42" i="2"/>
  <c r="L16" i="5" s="1"/>
  <c r="M42" i="2"/>
  <c r="M16" i="5" s="1"/>
  <c r="K42" i="2"/>
  <c r="K16" i="5" s="1"/>
  <c r="O16" i="5" s="1"/>
  <c r="I42" i="2"/>
  <c r="I16" i="5" s="1"/>
  <c r="J42" i="2"/>
  <c r="J16" i="5" s="1"/>
  <c r="N16" i="5" s="1"/>
  <c r="I5287" i="2"/>
  <c r="I5261" i="5" s="1"/>
  <c r="K5287" i="2"/>
  <c r="K5261" i="5" s="1"/>
  <c r="O5261" i="5" s="1"/>
  <c r="M5287" i="2"/>
  <c r="M5261" i="5" s="1"/>
  <c r="J5287" i="2"/>
  <c r="J5261" i="5" s="1"/>
  <c r="N5261" i="5" s="1"/>
  <c r="L5287" i="2"/>
  <c r="L5261" i="5" s="1"/>
  <c r="J7658" i="2"/>
  <c r="J7632" i="5" s="1"/>
  <c r="N7632" i="5" s="1"/>
  <c r="M7658" i="2"/>
  <c r="M7632" i="5" s="1"/>
  <c r="I7658" i="2"/>
  <c r="I7632" i="5" s="1"/>
  <c r="L7658" i="2"/>
  <c r="L7632" i="5" s="1"/>
  <c r="K7658" i="2"/>
  <c r="K7632" i="5" s="1"/>
  <c r="O7632" i="5" s="1"/>
  <c r="I1052" i="2"/>
  <c r="I1026" i="5" s="1"/>
  <c r="K1052" i="2"/>
  <c r="K1026" i="5" s="1"/>
  <c r="O1026" i="5" s="1"/>
  <c r="J1052" i="2"/>
  <c r="J1026" i="5" s="1"/>
  <c r="N1026" i="5" s="1"/>
  <c r="L1052" i="2"/>
  <c r="L1026" i="5" s="1"/>
  <c r="M1052" i="2"/>
  <c r="M1026" i="5" s="1"/>
  <c r="M4827" i="2"/>
  <c r="M4801" i="5" s="1"/>
  <c r="L4827" i="2"/>
  <c r="L4801" i="5" s="1"/>
  <c r="I4827" i="2"/>
  <c r="I4801" i="5" s="1"/>
  <c r="K4827" i="2"/>
  <c r="K4801" i="5" s="1"/>
  <c r="O4801" i="5" s="1"/>
  <c r="J4827" i="2"/>
  <c r="J4801" i="5" s="1"/>
  <c r="N4801" i="5" s="1"/>
  <c r="M2268" i="2"/>
  <c r="M2242" i="5" s="1"/>
  <c r="I2268" i="2"/>
  <c r="I2242" i="5" s="1"/>
  <c r="K2268" i="2"/>
  <c r="K2242" i="5" s="1"/>
  <c r="O2242" i="5" s="1"/>
  <c r="J2268" i="2"/>
  <c r="J2242" i="5" s="1"/>
  <c r="N2242" i="5" s="1"/>
  <c r="L2268" i="2"/>
  <c r="L2242" i="5" s="1"/>
  <c r="I6486" i="2"/>
  <c r="I6460" i="5" s="1"/>
  <c r="K6486" i="2"/>
  <c r="K6460" i="5" s="1"/>
  <c r="O6460" i="5" s="1"/>
  <c r="J6486" i="2"/>
  <c r="J6460" i="5" s="1"/>
  <c r="N6460" i="5" s="1"/>
  <c r="L6486" i="2"/>
  <c r="L6460" i="5" s="1"/>
  <c r="M6486" i="2"/>
  <c r="M6460" i="5" s="1"/>
  <c r="I2639" i="2"/>
  <c r="I2613" i="5" s="1"/>
  <c r="K2639" i="2"/>
  <c r="K2613" i="5" s="1"/>
  <c r="O2613" i="5" s="1"/>
  <c r="L2639" i="2"/>
  <c r="L2613" i="5" s="1"/>
  <c r="J2639" i="2"/>
  <c r="J2613" i="5" s="1"/>
  <c r="N2613" i="5" s="1"/>
  <c r="M2639" i="2"/>
  <c r="M2613" i="5" s="1"/>
  <c r="M3119" i="2"/>
  <c r="M3093" i="5" s="1"/>
  <c r="J3119" i="2"/>
  <c r="J3093" i="5" s="1"/>
  <c r="N3093" i="5" s="1"/>
  <c r="L3119" i="2"/>
  <c r="L3093" i="5" s="1"/>
  <c r="I3119" i="2"/>
  <c r="I3093" i="5" s="1"/>
  <c r="K3119" i="2"/>
  <c r="K3093" i="5" s="1"/>
  <c r="O3093" i="5" s="1"/>
  <c r="J7003" i="2"/>
  <c r="J6977" i="5" s="1"/>
  <c r="N6977" i="5" s="1"/>
  <c r="K7003" i="2"/>
  <c r="K6977" i="5" s="1"/>
  <c r="O6977" i="5" s="1"/>
  <c r="L7003" i="2"/>
  <c r="L6977" i="5" s="1"/>
  <c r="M7003" i="2"/>
  <c r="M6977" i="5" s="1"/>
  <c r="I7003" i="2"/>
  <c r="I6977" i="5" s="1"/>
  <c r="I1294" i="2"/>
  <c r="I1268" i="5" s="1"/>
  <c r="J1294" i="2"/>
  <c r="J1268" i="5" s="1"/>
  <c r="N1268" i="5" s="1"/>
  <c r="M1294" i="2"/>
  <c r="M1268" i="5" s="1"/>
  <c r="L1294" i="2"/>
  <c r="L1268" i="5" s="1"/>
  <c r="K1294" i="2"/>
  <c r="K1268" i="5" s="1"/>
  <c r="O1268" i="5" s="1"/>
  <c r="I5976" i="2"/>
  <c r="I5950" i="5" s="1"/>
  <c r="J5976" i="2"/>
  <c r="J5950" i="5" s="1"/>
  <c r="N5950" i="5" s="1"/>
  <c r="L5976" i="2"/>
  <c r="L5950" i="5" s="1"/>
  <c r="K5976" i="2"/>
  <c r="K5950" i="5" s="1"/>
  <c r="O5950" i="5" s="1"/>
  <c r="M5976" i="2"/>
  <c r="M5950" i="5" s="1"/>
  <c r="L5963" i="2"/>
  <c r="L5937" i="5" s="1"/>
  <c r="M5963" i="2"/>
  <c r="M5937" i="5" s="1"/>
  <c r="J5963" i="2"/>
  <c r="J5937" i="5" s="1"/>
  <c r="N5937" i="5" s="1"/>
  <c r="I5963" i="2"/>
  <c r="I5937" i="5" s="1"/>
  <c r="K5963" i="2"/>
  <c r="K5937" i="5" s="1"/>
  <c r="O5937" i="5" s="1"/>
  <c r="I3089" i="2"/>
  <c r="I3063" i="5" s="1"/>
  <c r="K3089" i="2"/>
  <c r="K3063" i="5" s="1"/>
  <c r="O3063" i="5" s="1"/>
  <c r="L3089" i="2"/>
  <c r="L3063" i="5" s="1"/>
  <c r="M3089" i="2"/>
  <c r="M3063" i="5" s="1"/>
  <c r="J3089" i="2"/>
  <c r="J3063" i="5" s="1"/>
  <c r="N3063" i="5" s="1"/>
  <c r="I3082" i="2"/>
  <c r="I3056" i="5" s="1"/>
  <c r="M3082" i="2"/>
  <c r="M3056" i="5" s="1"/>
  <c r="K3082" i="2"/>
  <c r="K3056" i="5" s="1"/>
  <c r="O3056" i="5" s="1"/>
  <c r="J3082" i="2"/>
  <c r="J3056" i="5" s="1"/>
  <c r="N3056" i="5" s="1"/>
  <c r="L3082" i="2"/>
  <c r="L3056" i="5" s="1"/>
  <c r="K1113" i="2"/>
  <c r="K1087" i="5" s="1"/>
  <c r="O1087" i="5" s="1"/>
  <c r="M1113" i="2"/>
  <c r="M1087" i="5" s="1"/>
  <c r="L1113" i="2"/>
  <c r="L1087" i="5" s="1"/>
  <c r="I1113" i="2"/>
  <c r="I1087" i="5" s="1"/>
  <c r="J1113" i="2"/>
  <c r="J1087" i="5" s="1"/>
  <c r="N1087" i="5" s="1"/>
  <c r="L469" i="2"/>
  <c r="L443" i="5" s="1"/>
  <c r="J469" i="2"/>
  <c r="J443" i="5" s="1"/>
  <c r="N443" i="5" s="1"/>
  <c r="M469" i="2"/>
  <c r="M443" i="5" s="1"/>
  <c r="I469" i="2"/>
  <c r="I443" i="5" s="1"/>
  <c r="K469" i="2"/>
  <c r="K443" i="5" s="1"/>
  <c r="O443" i="5" s="1"/>
  <c r="AR10" i="1"/>
  <c r="C16" i="5"/>
  <c r="K6937" i="2"/>
  <c r="K6911" i="5" s="1"/>
  <c r="O6911" i="5" s="1"/>
  <c r="L6937" i="2"/>
  <c r="L6911" i="5" s="1"/>
  <c r="J6937" i="2"/>
  <c r="J6911" i="5" s="1"/>
  <c r="N6911" i="5" s="1"/>
  <c r="I6937" i="2"/>
  <c r="I6911" i="5" s="1"/>
  <c r="M6937" i="2"/>
  <c r="M6911" i="5" s="1"/>
  <c r="M5486" i="2"/>
  <c r="M5460" i="5" s="1"/>
  <c r="L5486" i="2"/>
  <c r="L5460" i="5" s="1"/>
  <c r="K5486" i="2"/>
  <c r="K5460" i="5" s="1"/>
  <c r="O5460" i="5" s="1"/>
  <c r="I5486" i="2"/>
  <c r="I5460" i="5" s="1"/>
  <c r="J5486" i="2"/>
  <c r="J5460" i="5" s="1"/>
  <c r="N5460" i="5" s="1"/>
  <c r="L5487" i="2"/>
  <c r="L5461" i="5" s="1"/>
  <c r="I5487" i="2"/>
  <c r="I5461" i="5" s="1"/>
  <c r="M5487" i="2"/>
  <c r="M5461" i="5" s="1"/>
  <c r="J5487" i="2"/>
  <c r="J5461" i="5" s="1"/>
  <c r="N5461" i="5" s="1"/>
  <c r="K5487" i="2"/>
  <c r="K5461" i="5" s="1"/>
  <c r="O5461" i="5" s="1"/>
  <c r="L4752" i="2"/>
  <c r="L4726" i="5" s="1"/>
  <c r="J4752" i="2"/>
  <c r="J4726" i="5" s="1"/>
  <c r="N4726" i="5" s="1"/>
  <c r="M4752" i="2"/>
  <c r="M4726" i="5" s="1"/>
  <c r="I4752" i="2"/>
  <c r="I4726" i="5" s="1"/>
  <c r="K4752" i="2"/>
  <c r="K4726" i="5" s="1"/>
  <c r="O4726" i="5" s="1"/>
  <c r="K8155" i="2"/>
  <c r="K8129" i="5" s="1"/>
  <c r="O8129" i="5" s="1"/>
  <c r="M8155" i="2"/>
  <c r="M8129" i="5" s="1"/>
  <c r="L8155" i="2"/>
  <c r="L8129" i="5" s="1"/>
  <c r="J8155" i="2"/>
  <c r="J8129" i="5" s="1"/>
  <c r="N8129" i="5" s="1"/>
  <c r="I8155" i="2"/>
  <c r="I8129" i="5" s="1"/>
  <c r="L1896" i="2"/>
  <c r="L1870" i="5" s="1"/>
  <c r="J1896" i="2"/>
  <c r="J1870" i="5" s="1"/>
  <c r="N1870" i="5" s="1"/>
  <c r="M1896" i="2"/>
  <c r="M1870" i="5" s="1"/>
  <c r="I1896" i="2"/>
  <c r="I1870" i="5" s="1"/>
  <c r="K1896" i="2"/>
  <c r="K1870" i="5" s="1"/>
  <c r="O1870" i="5" s="1"/>
  <c r="I4775" i="2"/>
  <c r="I4749" i="5" s="1"/>
  <c r="K4775" i="2"/>
  <c r="K4749" i="5" s="1"/>
  <c r="O4749" i="5" s="1"/>
  <c r="J4775" i="2"/>
  <c r="J4749" i="5" s="1"/>
  <c r="N4749" i="5" s="1"/>
  <c r="M4775" i="2"/>
  <c r="M4749" i="5" s="1"/>
  <c r="L4775" i="2"/>
  <c r="L4749" i="5" s="1"/>
  <c r="L3677" i="2"/>
  <c r="L3651" i="5" s="1"/>
  <c r="I3677" i="2"/>
  <c r="I3651" i="5" s="1"/>
  <c r="K3677" i="2"/>
  <c r="K3651" i="5" s="1"/>
  <c r="O3651" i="5" s="1"/>
  <c r="J3677" i="2"/>
  <c r="J3651" i="5" s="1"/>
  <c r="N3651" i="5" s="1"/>
  <c r="M3677" i="2"/>
  <c r="M3651" i="5" s="1"/>
  <c r="M5632" i="2"/>
  <c r="M5606" i="5" s="1"/>
  <c r="I5632" i="2"/>
  <c r="I5606" i="5" s="1"/>
  <c r="L5632" i="2"/>
  <c r="L5606" i="5" s="1"/>
  <c r="K5632" i="2"/>
  <c r="K5606" i="5" s="1"/>
  <c r="O5606" i="5" s="1"/>
  <c r="J5632" i="2"/>
  <c r="J5606" i="5" s="1"/>
  <c r="N5606" i="5" s="1"/>
  <c r="C241" i="5"/>
  <c r="AR235" i="1"/>
  <c r="I2053" i="2"/>
  <c r="I2027" i="5" s="1"/>
  <c r="K2053" i="2"/>
  <c r="K2027" i="5" s="1"/>
  <c r="O2027" i="5" s="1"/>
  <c r="L2053" i="2"/>
  <c r="L2027" i="5" s="1"/>
  <c r="M2053" i="2"/>
  <c r="M2027" i="5" s="1"/>
  <c r="J2053" i="2"/>
  <c r="J2027" i="5" s="1"/>
  <c r="N2027" i="5" s="1"/>
  <c r="M7621" i="2"/>
  <c r="M7595" i="5" s="1"/>
  <c r="K7621" i="2"/>
  <c r="K7595" i="5" s="1"/>
  <c r="O7595" i="5" s="1"/>
  <c r="L7621" i="2"/>
  <c r="L7595" i="5" s="1"/>
  <c r="I7621" i="2"/>
  <c r="I7595" i="5" s="1"/>
  <c r="J7621" i="2"/>
  <c r="J7595" i="5" s="1"/>
  <c r="N7595" i="5" s="1"/>
  <c r="L4466" i="2"/>
  <c r="L4440" i="5" s="1"/>
  <c r="K4466" i="2"/>
  <c r="K4440" i="5" s="1"/>
  <c r="O4440" i="5" s="1"/>
  <c r="M4466" i="2"/>
  <c r="M4440" i="5" s="1"/>
  <c r="I4466" i="2"/>
  <c r="I4440" i="5" s="1"/>
  <c r="J4466" i="2"/>
  <c r="J4440" i="5" s="1"/>
  <c r="N4440" i="5" s="1"/>
  <c r="K4469" i="2"/>
  <c r="K4443" i="5" s="1"/>
  <c r="O4443" i="5" s="1"/>
  <c r="M4469" i="2"/>
  <c r="M4443" i="5" s="1"/>
  <c r="L4469" i="2"/>
  <c r="L4443" i="5" s="1"/>
  <c r="J4469" i="2"/>
  <c r="J4443" i="5" s="1"/>
  <c r="N4443" i="5" s="1"/>
  <c r="I4469" i="2"/>
  <c r="I4443" i="5" s="1"/>
  <c r="I7683" i="2"/>
  <c r="I7657" i="5" s="1"/>
  <c r="L7683" i="2"/>
  <c r="L7657" i="5" s="1"/>
  <c r="K7683" i="2"/>
  <c r="K7657" i="5" s="1"/>
  <c r="O7657" i="5" s="1"/>
  <c r="J7683" i="2"/>
  <c r="J7657" i="5" s="1"/>
  <c r="N7657" i="5" s="1"/>
  <c r="M7683" i="2"/>
  <c r="M7657" i="5" s="1"/>
  <c r="C326" i="5"/>
  <c r="AR320" i="1"/>
  <c r="K4175" i="2"/>
  <c r="K4149" i="5" s="1"/>
  <c r="O4149" i="5" s="1"/>
  <c r="J4175" i="2"/>
  <c r="J4149" i="5" s="1"/>
  <c r="N4149" i="5" s="1"/>
  <c r="L4175" i="2"/>
  <c r="L4149" i="5" s="1"/>
  <c r="I4175" i="2"/>
  <c r="I4149" i="5" s="1"/>
  <c r="M4175" i="2"/>
  <c r="M4149" i="5" s="1"/>
  <c r="J2386" i="2"/>
  <c r="J2360" i="5" s="1"/>
  <c r="N2360" i="5" s="1"/>
  <c r="L2386" i="2"/>
  <c r="L2360" i="5" s="1"/>
  <c r="M2386" i="2"/>
  <c r="M2360" i="5" s="1"/>
  <c r="I2386" i="2"/>
  <c r="I2360" i="5" s="1"/>
  <c r="K2386" i="2"/>
  <c r="K2360" i="5" s="1"/>
  <c r="O2360" i="5" s="1"/>
  <c r="L8639" i="2"/>
  <c r="L8613" i="5" s="1"/>
  <c r="M8639" i="2"/>
  <c r="M8613" i="5" s="1"/>
  <c r="J8639" i="2"/>
  <c r="J8613" i="5" s="1"/>
  <c r="N8613" i="5" s="1"/>
  <c r="I8639" i="2"/>
  <c r="I8613" i="5" s="1"/>
  <c r="K8639" i="2"/>
  <c r="K8613" i="5" s="1"/>
  <c r="O8613" i="5" s="1"/>
  <c r="I3634" i="2"/>
  <c r="I3608" i="5" s="1"/>
  <c r="K3634" i="2"/>
  <c r="K3608" i="5" s="1"/>
  <c r="O3608" i="5" s="1"/>
  <c r="J3634" i="2"/>
  <c r="J3608" i="5" s="1"/>
  <c r="N3608" i="5" s="1"/>
  <c r="L3634" i="2"/>
  <c r="L3608" i="5" s="1"/>
  <c r="M3634" i="2"/>
  <c r="M3608" i="5" s="1"/>
  <c r="M3589" i="2"/>
  <c r="M3563" i="5" s="1"/>
  <c r="I3589" i="2"/>
  <c r="I3563" i="5" s="1"/>
  <c r="L3589" i="2"/>
  <c r="L3563" i="5" s="1"/>
  <c r="J3589" i="2"/>
  <c r="J3563" i="5" s="1"/>
  <c r="N3563" i="5" s="1"/>
  <c r="K3589" i="2"/>
  <c r="K3563" i="5" s="1"/>
  <c r="O3563" i="5" s="1"/>
  <c r="I5526" i="2"/>
  <c r="I5500" i="5" s="1"/>
  <c r="M5526" i="2"/>
  <c r="M5500" i="5" s="1"/>
  <c r="L5526" i="2"/>
  <c r="L5500" i="5" s="1"/>
  <c r="K5526" i="2"/>
  <c r="K5500" i="5" s="1"/>
  <c r="O5500" i="5" s="1"/>
  <c r="J5526" i="2"/>
  <c r="J5500" i="5" s="1"/>
  <c r="N5500" i="5" s="1"/>
  <c r="J5249" i="2"/>
  <c r="J5223" i="5" s="1"/>
  <c r="N5223" i="5" s="1"/>
  <c r="L5249" i="2"/>
  <c r="L5223" i="5" s="1"/>
  <c r="M5249" i="2"/>
  <c r="M5223" i="5" s="1"/>
  <c r="I5249" i="2"/>
  <c r="I5223" i="5" s="1"/>
  <c r="K5249" i="2"/>
  <c r="K5223" i="5" s="1"/>
  <c r="O5223" i="5" s="1"/>
  <c r="M6603" i="2"/>
  <c r="M6577" i="5" s="1"/>
  <c r="J6603" i="2"/>
  <c r="J6577" i="5" s="1"/>
  <c r="N6577" i="5" s="1"/>
  <c r="I6603" i="2"/>
  <c r="I6577" i="5" s="1"/>
  <c r="K6603" i="2"/>
  <c r="K6577" i="5" s="1"/>
  <c r="O6577" i="5" s="1"/>
  <c r="L6603" i="2"/>
  <c r="L6577" i="5" s="1"/>
  <c r="J2498" i="2"/>
  <c r="J2472" i="5" s="1"/>
  <c r="N2472" i="5" s="1"/>
  <c r="L2498" i="2"/>
  <c r="L2472" i="5" s="1"/>
  <c r="M2498" i="2"/>
  <c r="M2472" i="5" s="1"/>
  <c r="I2498" i="2"/>
  <c r="I2472" i="5" s="1"/>
  <c r="K2498" i="2"/>
  <c r="K2472" i="5" s="1"/>
  <c r="O2472" i="5" s="1"/>
  <c r="M2598" i="2"/>
  <c r="M2572" i="5" s="1"/>
  <c r="I2598" i="2"/>
  <c r="I2572" i="5" s="1"/>
  <c r="K2598" i="2"/>
  <c r="K2572" i="5" s="1"/>
  <c r="O2572" i="5" s="1"/>
  <c r="L2598" i="2"/>
  <c r="L2572" i="5" s="1"/>
  <c r="J2598" i="2"/>
  <c r="J2572" i="5" s="1"/>
  <c r="N2572" i="5" s="1"/>
  <c r="L2597" i="2"/>
  <c r="L2571" i="5" s="1"/>
  <c r="J2597" i="2"/>
  <c r="J2571" i="5" s="1"/>
  <c r="N2571" i="5" s="1"/>
  <c r="M2597" i="2"/>
  <c r="M2571" i="5" s="1"/>
  <c r="I2597" i="2"/>
  <c r="I2571" i="5" s="1"/>
  <c r="K2597" i="2"/>
  <c r="K2571" i="5" s="1"/>
  <c r="O2571" i="5" s="1"/>
  <c r="J6320" i="2"/>
  <c r="J6294" i="5" s="1"/>
  <c r="N6294" i="5" s="1"/>
  <c r="M6320" i="2"/>
  <c r="M6294" i="5" s="1"/>
  <c r="L6320" i="2"/>
  <c r="L6294" i="5" s="1"/>
  <c r="I6320" i="2"/>
  <c r="I6294" i="5" s="1"/>
  <c r="K6320" i="2"/>
  <c r="K6294" i="5" s="1"/>
  <c r="O6294" i="5" s="1"/>
  <c r="M6299" i="2"/>
  <c r="M6273" i="5" s="1"/>
  <c r="K6299" i="2"/>
  <c r="K6273" i="5" s="1"/>
  <c r="O6273" i="5" s="1"/>
  <c r="I6299" i="2"/>
  <c r="I6273" i="5" s="1"/>
  <c r="L6299" i="2"/>
  <c r="L6273" i="5" s="1"/>
  <c r="J6299" i="2"/>
  <c r="J6273" i="5" s="1"/>
  <c r="N6273" i="5" s="1"/>
  <c r="I3785" i="2"/>
  <c r="I3759" i="5" s="1"/>
  <c r="K3785" i="2"/>
  <c r="K3759" i="5" s="1"/>
  <c r="O3759" i="5" s="1"/>
  <c r="J3785" i="2"/>
  <c r="J3759" i="5" s="1"/>
  <c r="N3759" i="5" s="1"/>
  <c r="L3785" i="2"/>
  <c r="L3759" i="5" s="1"/>
  <c r="M3785" i="2"/>
  <c r="M3759" i="5" s="1"/>
  <c r="C164" i="5"/>
  <c r="AR158" i="1"/>
  <c r="M2150" i="2"/>
  <c r="M2124" i="5" s="1"/>
  <c r="L2150" i="2"/>
  <c r="L2124" i="5" s="1"/>
  <c r="I2150" i="2"/>
  <c r="I2124" i="5" s="1"/>
  <c r="K2150" i="2"/>
  <c r="K2124" i="5" s="1"/>
  <c r="O2124" i="5" s="1"/>
  <c r="J2150" i="2"/>
  <c r="J2124" i="5" s="1"/>
  <c r="N2124" i="5" s="1"/>
  <c r="K2148" i="2"/>
  <c r="K2122" i="5" s="1"/>
  <c r="O2122" i="5" s="1"/>
  <c r="L2148" i="2"/>
  <c r="L2122" i="5" s="1"/>
  <c r="M2148" i="2"/>
  <c r="M2122" i="5" s="1"/>
  <c r="I2148" i="2"/>
  <c r="I2122" i="5" s="1"/>
  <c r="J2148" i="2"/>
  <c r="J2122" i="5" s="1"/>
  <c r="N2122" i="5" s="1"/>
  <c r="M6284" i="2"/>
  <c r="M6258" i="5" s="1"/>
  <c r="L6284" i="2"/>
  <c r="L6258" i="5" s="1"/>
  <c r="K6284" i="2"/>
  <c r="K6258" i="5" s="1"/>
  <c r="O6258" i="5" s="1"/>
  <c r="J6284" i="2"/>
  <c r="J6258" i="5" s="1"/>
  <c r="N6258" i="5" s="1"/>
  <c r="I6284" i="2"/>
  <c r="I6258" i="5" s="1"/>
  <c r="J3434" i="2"/>
  <c r="J3408" i="5" s="1"/>
  <c r="N3408" i="5" s="1"/>
  <c r="L3434" i="2"/>
  <c r="L3408" i="5" s="1"/>
  <c r="M3434" i="2"/>
  <c r="M3408" i="5" s="1"/>
  <c r="I3434" i="2"/>
  <c r="I3408" i="5" s="1"/>
  <c r="K3434" i="2"/>
  <c r="K3408" i="5" s="1"/>
  <c r="O3408" i="5" s="1"/>
  <c r="J6798" i="2"/>
  <c r="J6772" i="5" s="1"/>
  <c r="N6772" i="5" s="1"/>
  <c r="M6798" i="2"/>
  <c r="M6772" i="5" s="1"/>
  <c r="I6798" i="2"/>
  <c r="I6772" i="5" s="1"/>
  <c r="L6798" i="2"/>
  <c r="L6772" i="5" s="1"/>
  <c r="K6798" i="2"/>
  <c r="K6772" i="5" s="1"/>
  <c r="O6772" i="5" s="1"/>
  <c r="J7288" i="2"/>
  <c r="J7262" i="5" s="1"/>
  <c r="N7262" i="5" s="1"/>
  <c r="I7288" i="2"/>
  <c r="I7262" i="5" s="1"/>
  <c r="K7288" i="2"/>
  <c r="K7262" i="5" s="1"/>
  <c r="O7262" i="5" s="1"/>
  <c r="L7288" i="2"/>
  <c r="L7262" i="5" s="1"/>
  <c r="M7288" i="2"/>
  <c r="M7262" i="5" s="1"/>
  <c r="I1238" i="2"/>
  <c r="I1212" i="5" s="1"/>
  <c r="M1238" i="2"/>
  <c r="M1212" i="5" s="1"/>
  <c r="J1238" i="2"/>
  <c r="J1212" i="5" s="1"/>
  <c r="N1212" i="5" s="1"/>
  <c r="L1238" i="2"/>
  <c r="L1212" i="5" s="1"/>
  <c r="K1238" i="2"/>
  <c r="K1212" i="5" s="1"/>
  <c r="O1212" i="5" s="1"/>
  <c r="K3282" i="2"/>
  <c r="K3256" i="5" s="1"/>
  <c r="O3256" i="5" s="1"/>
  <c r="J3282" i="2"/>
  <c r="J3256" i="5" s="1"/>
  <c r="N3256" i="5" s="1"/>
  <c r="M3282" i="2"/>
  <c r="M3256" i="5" s="1"/>
  <c r="I3282" i="2"/>
  <c r="I3256" i="5" s="1"/>
  <c r="L3282" i="2"/>
  <c r="L3256" i="5" s="1"/>
  <c r="M6812" i="2"/>
  <c r="M6786" i="5" s="1"/>
  <c r="J6812" i="2"/>
  <c r="J6786" i="5" s="1"/>
  <c r="N6786" i="5" s="1"/>
  <c r="I6812" i="2"/>
  <c r="I6786" i="5" s="1"/>
  <c r="K6812" i="2"/>
  <c r="K6786" i="5" s="1"/>
  <c r="O6786" i="5" s="1"/>
  <c r="L6812" i="2"/>
  <c r="L6786" i="5" s="1"/>
  <c r="J5430" i="2"/>
  <c r="J5404" i="5" s="1"/>
  <c r="N5404" i="5" s="1"/>
  <c r="M5430" i="2"/>
  <c r="M5404" i="5" s="1"/>
  <c r="L5430" i="2"/>
  <c r="L5404" i="5" s="1"/>
  <c r="I5430" i="2"/>
  <c r="I5404" i="5" s="1"/>
  <c r="K5430" i="2"/>
  <c r="K5404" i="5" s="1"/>
  <c r="O5404" i="5" s="1"/>
  <c r="M116" i="2"/>
  <c r="M90" i="5" s="1"/>
  <c r="L116" i="2"/>
  <c r="L90" i="5" s="1"/>
  <c r="K116" i="2"/>
  <c r="K90" i="5" s="1"/>
  <c r="O90" i="5" s="1"/>
  <c r="I116" i="2"/>
  <c r="I90" i="5" s="1"/>
  <c r="J116" i="2"/>
  <c r="J90" i="5" s="1"/>
  <c r="N90" i="5" s="1"/>
  <c r="C11" i="5"/>
  <c r="AR5" i="1"/>
  <c r="M3910" i="2"/>
  <c r="M3884" i="5" s="1"/>
  <c r="L3910" i="2"/>
  <c r="L3884" i="5" s="1"/>
  <c r="I3910" i="2"/>
  <c r="I3884" i="5" s="1"/>
  <c r="K3910" i="2"/>
  <c r="K3884" i="5" s="1"/>
  <c r="O3884" i="5" s="1"/>
  <c r="J3910" i="2"/>
  <c r="J3884" i="5" s="1"/>
  <c r="N3884" i="5" s="1"/>
  <c r="L256" i="2"/>
  <c r="L230" i="5" s="1"/>
  <c r="J256" i="2"/>
  <c r="J230" i="5" s="1"/>
  <c r="N230" i="5" s="1"/>
  <c r="K256" i="2"/>
  <c r="K230" i="5" s="1"/>
  <c r="O230" i="5" s="1"/>
  <c r="I256" i="2"/>
  <c r="I230" i="5" s="1"/>
  <c r="M256" i="2"/>
  <c r="M230" i="5" s="1"/>
  <c r="L6367" i="2"/>
  <c r="L6341" i="5" s="1"/>
  <c r="K6367" i="2"/>
  <c r="K6341" i="5" s="1"/>
  <c r="O6341" i="5" s="1"/>
  <c r="M6367" i="2"/>
  <c r="M6341" i="5" s="1"/>
  <c r="I6367" i="2"/>
  <c r="I6341" i="5" s="1"/>
  <c r="J6367" i="2"/>
  <c r="J6341" i="5" s="1"/>
  <c r="N6341" i="5" s="1"/>
  <c r="K6356" i="2"/>
  <c r="K6330" i="5" s="1"/>
  <c r="O6330" i="5" s="1"/>
  <c r="J6356" i="2"/>
  <c r="J6330" i="5" s="1"/>
  <c r="N6330" i="5" s="1"/>
  <c r="L6356" i="2"/>
  <c r="L6330" i="5" s="1"/>
  <c r="M6356" i="2"/>
  <c r="M6330" i="5" s="1"/>
  <c r="I6356" i="2"/>
  <c r="I6330" i="5" s="1"/>
  <c r="J7194" i="2"/>
  <c r="J7168" i="5" s="1"/>
  <c r="N7168" i="5" s="1"/>
  <c r="L7194" i="2"/>
  <c r="L7168" i="5" s="1"/>
  <c r="M7194" i="2"/>
  <c r="M7168" i="5" s="1"/>
  <c r="I7194" i="2"/>
  <c r="I7168" i="5" s="1"/>
  <c r="K7194" i="2"/>
  <c r="K7168" i="5" s="1"/>
  <c r="O7168" i="5" s="1"/>
  <c r="J1588" i="2"/>
  <c r="J1562" i="5" s="1"/>
  <c r="N1562" i="5" s="1"/>
  <c r="M1588" i="2"/>
  <c r="M1562" i="5" s="1"/>
  <c r="L1588" i="2"/>
  <c r="L1562" i="5" s="1"/>
  <c r="I1588" i="2"/>
  <c r="I1562" i="5" s="1"/>
  <c r="K1588" i="2"/>
  <c r="K1562" i="5" s="1"/>
  <c r="O1562" i="5" s="1"/>
  <c r="J3491" i="2"/>
  <c r="J3465" i="5" s="1"/>
  <c r="N3465" i="5" s="1"/>
  <c r="K3491" i="2"/>
  <c r="K3465" i="5" s="1"/>
  <c r="O3465" i="5" s="1"/>
  <c r="L3491" i="2"/>
  <c r="L3465" i="5" s="1"/>
  <c r="M3491" i="2"/>
  <c r="M3465" i="5" s="1"/>
  <c r="I3491" i="2"/>
  <c r="I3465" i="5" s="1"/>
  <c r="M6695" i="2"/>
  <c r="M6669" i="5" s="1"/>
  <c r="J6695" i="2"/>
  <c r="J6669" i="5" s="1"/>
  <c r="N6669" i="5" s="1"/>
  <c r="L6695" i="2"/>
  <c r="L6669" i="5" s="1"/>
  <c r="I6695" i="2"/>
  <c r="I6669" i="5" s="1"/>
  <c r="K6695" i="2"/>
  <c r="K6669" i="5" s="1"/>
  <c r="O6669" i="5" s="1"/>
  <c r="J6700" i="2"/>
  <c r="J6674" i="5" s="1"/>
  <c r="N6674" i="5" s="1"/>
  <c r="I6700" i="2"/>
  <c r="I6674" i="5" s="1"/>
  <c r="K6700" i="2"/>
  <c r="K6674" i="5" s="1"/>
  <c r="O6674" i="5" s="1"/>
  <c r="M6700" i="2"/>
  <c r="M6674" i="5" s="1"/>
  <c r="L6700" i="2"/>
  <c r="L6674" i="5" s="1"/>
  <c r="J7135" i="2"/>
  <c r="J7109" i="5" s="1"/>
  <c r="N7109" i="5" s="1"/>
  <c r="L7135" i="2"/>
  <c r="L7109" i="5" s="1"/>
  <c r="I7135" i="2"/>
  <c r="I7109" i="5" s="1"/>
  <c r="M7135" i="2"/>
  <c r="M7109" i="5" s="1"/>
  <c r="K7135" i="2"/>
  <c r="K7109" i="5" s="1"/>
  <c r="O7109" i="5" s="1"/>
  <c r="C303" i="5"/>
  <c r="AR297" i="1"/>
  <c r="M2128" i="2"/>
  <c r="M2102" i="5" s="1"/>
  <c r="L2128" i="2"/>
  <c r="L2102" i="5" s="1"/>
  <c r="I2128" i="2"/>
  <c r="I2102" i="5" s="1"/>
  <c r="K2128" i="2"/>
  <c r="K2102" i="5" s="1"/>
  <c r="O2102" i="5" s="1"/>
  <c r="J2128" i="2"/>
  <c r="J2102" i="5" s="1"/>
  <c r="N2102" i="5" s="1"/>
  <c r="K3322" i="2"/>
  <c r="K3296" i="5" s="1"/>
  <c r="O3296" i="5" s="1"/>
  <c r="J3322" i="2"/>
  <c r="J3296" i="5" s="1"/>
  <c r="N3296" i="5" s="1"/>
  <c r="L3322" i="2"/>
  <c r="L3296" i="5" s="1"/>
  <c r="M3322" i="2"/>
  <c r="M3296" i="5" s="1"/>
  <c r="I3322" i="2"/>
  <c r="I3296" i="5" s="1"/>
  <c r="J4516" i="2"/>
  <c r="J4490" i="5" s="1"/>
  <c r="N4490" i="5" s="1"/>
  <c r="I4516" i="2"/>
  <c r="I4490" i="5" s="1"/>
  <c r="M4516" i="2"/>
  <c r="M4490" i="5" s="1"/>
  <c r="L4516" i="2"/>
  <c r="L4490" i="5" s="1"/>
  <c r="K4516" i="2"/>
  <c r="K4490" i="5" s="1"/>
  <c r="O4490" i="5" s="1"/>
  <c r="L7449" i="2"/>
  <c r="L7423" i="5" s="1"/>
  <c r="M7449" i="2"/>
  <c r="M7423" i="5" s="1"/>
  <c r="J7449" i="2"/>
  <c r="J7423" i="5" s="1"/>
  <c r="N7423" i="5" s="1"/>
  <c r="I7449" i="2"/>
  <c r="I7423" i="5" s="1"/>
  <c r="K7449" i="2"/>
  <c r="K7423" i="5" s="1"/>
  <c r="O7423" i="5" s="1"/>
  <c r="K6508" i="2"/>
  <c r="K6482" i="5" s="1"/>
  <c r="O6482" i="5" s="1"/>
  <c r="M6508" i="2"/>
  <c r="M6482" i="5" s="1"/>
  <c r="L6508" i="2"/>
  <c r="L6482" i="5" s="1"/>
  <c r="J6508" i="2"/>
  <c r="J6482" i="5" s="1"/>
  <c r="N6482" i="5" s="1"/>
  <c r="I6508" i="2"/>
  <c r="I6482" i="5" s="1"/>
  <c r="L4839" i="2"/>
  <c r="L4813" i="5" s="1"/>
  <c r="M4839" i="2"/>
  <c r="M4813" i="5" s="1"/>
  <c r="I4839" i="2"/>
  <c r="I4813" i="5" s="1"/>
  <c r="K4839" i="2"/>
  <c r="K4813" i="5" s="1"/>
  <c r="O4813" i="5" s="1"/>
  <c r="J4839" i="2"/>
  <c r="J4813" i="5" s="1"/>
  <c r="N4813" i="5" s="1"/>
  <c r="L7868" i="2"/>
  <c r="L7842" i="5" s="1"/>
  <c r="J7868" i="2"/>
  <c r="J7842" i="5" s="1"/>
  <c r="N7842" i="5" s="1"/>
  <c r="M7868" i="2"/>
  <c r="M7842" i="5" s="1"/>
  <c r="I7868" i="2"/>
  <c r="I7842" i="5" s="1"/>
  <c r="K7868" i="2"/>
  <c r="K7842" i="5" s="1"/>
  <c r="O7842" i="5" s="1"/>
  <c r="K7870" i="2"/>
  <c r="K7844" i="5" s="1"/>
  <c r="O7844" i="5" s="1"/>
  <c r="L7870" i="2"/>
  <c r="L7844" i="5" s="1"/>
  <c r="M7870" i="2"/>
  <c r="M7844" i="5" s="1"/>
  <c r="I7870" i="2"/>
  <c r="I7844" i="5" s="1"/>
  <c r="J7870" i="2"/>
  <c r="J7844" i="5" s="1"/>
  <c r="N7844" i="5" s="1"/>
  <c r="L4911" i="2"/>
  <c r="L4885" i="5" s="1"/>
  <c r="I4911" i="2"/>
  <c r="I4885" i="5" s="1"/>
  <c r="M4911" i="2"/>
  <c r="M4885" i="5" s="1"/>
  <c r="K4911" i="2"/>
  <c r="K4885" i="5" s="1"/>
  <c r="O4885" i="5" s="1"/>
  <c r="J4911" i="2"/>
  <c r="J4885" i="5" s="1"/>
  <c r="N4885" i="5" s="1"/>
  <c r="AR205" i="1"/>
  <c r="C211" i="5"/>
  <c r="J8287" i="2"/>
  <c r="J8261" i="5" s="1"/>
  <c r="N8261" i="5" s="1"/>
  <c r="M8287" i="2"/>
  <c r="M8261" i="5" s="1"/>
  <c r="L8287" i="2"/>
  <c r="L8261" i="5" s="1"/>
  <c r="I8287" i="2"/>
  <c r="I8261" i="5" s="1"/>
  <c r="K8287" i="2"/>
  <c r="K8261" i="5" s="1"/>
  <c r="O8261" i="5" s="1"/>
  <c r="J4633" i="2"/>
  <c r="J4607" i="5" s="1"/>
  <c r="N4607" i="5" s="1"/>
  <c r="L4633" i="2"/>
  <c r="L4607" i="5" s="1"/>
  <c r="M4633" i="2"/>
  <c r="M4607" i="5" s="1"/>
  <c r="I4633" i="2"/>
  <c r="I4607" i="5" s="1"/>
  <c r="K4633" i="2"/>
  <c r="K4607" i="5" s="1"/>
  <c r="O4607" i="5" s="1"/>
  <c r="I2424" i="2"/>
  <c r="I2398" i="5" s="1"/>
  <c r="K2424" i="2"/>
  <c r="K2398" i="5" s="1"/>
  <c r="O2398" i="5" s="1"/>
  <c r="L2424" i="2"/>
  <c r="L2398" i="5" s="1"/>
  <c r="M2424" i="2"/>
  <c r="M2398" i="5" s="1"/>
  <c r="J2424" i="2"/>
  <c r="J2398" i="5" s="1"/>
  <c r="N2398" i="5" s="1"/>
  <c r="M5290" i="2"/>
  <c r="M5264" i="5" s="1"/>
  <c r="I5290" i="2"/>
  <c r="I5264" i="5" s="1"/>
  <c r="K5290" i="2"/>
  <c r="K5264" i="5" s="1"/>
  <c r="O5264" i="5" s="1"/>
  <c r="J5290" i="2"/>
  <c r="J5264" i="5" s="1"/>
  <c r="N5264" i="5" s="1"/>
  <c r="L5290" i="2"/>
  <c r="L5264" i="5" s="1"/>
  <c r="J7997" i="2"/>
  <c r="J7971" i="5" s="1"/>
  <c r="N7971" i="5" s="1"/>
  <c r="L7997" i="2"/>
  <c r="L7971" i="5" s="1"/>
  <c r="M7997" i="2"/>
  <c r="M7971" i="5" s="1"/>
  <c r="I7997" i="2"/>
  <c r="I7971" i="5" s="1"/>
  <c r="K7997" i="2"/>
  <c r="K7971" i="5" s="1"/>
  <c r="O7971" i="5" s="1"/>
  <c r="L4108" i="2"/>
  <c r="L4082" i="5" s="1"/>
  <c r="M4108" i="2"/>
  <c r="M4082" i="5" s="1"/>
  <c r="I4108" i="2"/>
  <c r="I4082" i="5" s="1"/>
  <c r="K4108" i="2"/>
  <c r="K4082" i="5" s="1"/>
  <c r="O4082" i="5" s="1"/>
  <c r="J4108" i="2"/>
  <c r="J4082" i="5" s="1"/>
  <c r="N4082" i="5" s="1"/>
  <c r="K4091" i="2"/>
  <c r="K4065" i="5" s="1"/>
  <c r="O4065" i="5" s="1"/>
  <c r="M4091" i="2"/>
  <c r="M4065" i="5" s="1"/>
  <c r="J4091" i="2"/>
  <c r="J4065" i="5" s="1"/>
  <c r="N4065" i="5" s="1"/>
  <c r="L4091" i="2"/>
  <c r="L4065" i="5" s="1"/>
  <c r="I4091" i="2"/>
  <c r="I4065" i="5" s="1"/>
  <c r="J8603" i="2"/>
  <c r="J8577" i="5" s="1"/>
  <c r="N8577" i="5" s="1"/>
  <c r="I8603" i="2"/>
  <c r="I8577" i="5" s="1"/>
  <c r="K8603" i="2"/>
  <c r="K8577" i="5" s="1"/>
  <c r="O8577" i="5" s="1"/>
  <c r="L8603" i="2"/>
  <c r="L8577" i="5" s="1"/>
  <c r="M8603" i="2"/>
  <c r="M8577" i="5" s="1"/>
  <c r="J8613" i="2"/>
  <c r="J8587" i="5" s="1"/>
  <c r="N8587" i="5" s="1"/>
  <c r="M8613" i="2"/>
  <c r="M8587" i="5" s="1"/>
  <c r="L8613" i="2"/>
  <c r="L8587" i="5" s="1"/>
  <c r="I8613" i="2"/>
  <c r="I8587" i="5" s="1"/>
  <c r="K8613" i="2"/>
  <c r="K8587" i="5" s="1"/>
  <c r="O8587" i="5" s="1"/>
  <c r="J6097" i="2"/>
  <c r="J6071" i="5" s="1"/>
  <c r="N6071" i="5" s="1"/>
  <c r="M6097" i="2"/>
  <c r="M6071" i="5" s="1"/>
  <c r="I6097" i="2"/>
  <c r="I6071" i="5" s="1"/>
  <c r="L6097" i="2"/>
  <c r="L6071" i="5" s="1"/>
  <c r="K6097" i="2"/>
  <c r="K6071" i="5" s="1"/>
  <c r="O6071" i="5" s="1"/>
  <c r="C260" i="5"/>
  <c r="AR254" i="1"/>
  <c r="L3985" i="2"/>
  <c r="L3959" i="5" s="1"/>
  <c r="J3985" i="2"/>
  <c r="J3959" i="5" s="1"/>
  <c r="N3959" i="5" s="1"/>
  <c r="M3985" i="2"/>
  <c r="M3959" i="5" s="1"/>
  <c r="I3985" i="2"/>
  <c r="I3959" i="5" s="1"/>
  <c r="K3985" i="2"/>
  <c r="K3959" i="5" s="1"/>
  <c r="O3959" i="5" s="1"/>
  <c r="L6142" i="2"/>
  <c r="L6116" i="5" s="1"/>
  <c r="K6142" i="2"/>
  <c r="K6116" i="5" s="1"/>
  <c r="O6116" i="5" s="1"/>
  <c r="M6142" i="2"/>
  <c r="M6116" i="5" s="1"/>
  <c r="J6142" i="2"/>
  <c r="J6116" i="5" s="1"/>
  <c r="N6116" i="5" s="1"/>
  <c r="I6142" i="2"/>
  <c r="I6116" i="5" s="1"/>
  <c r="M5771" i="2"/>
  <c r="M5745" i="5" s="1"/>
  <c r="I5771" i="2"/>
  <c r="I5745" i="5" s="1"/>
  <c r="J5771" i="2"/>
  <c r="J5745" i="5" s="1"/>
  <c r="N5745" i="5" s="1"/>
  <c r="K5771" i="2"/>
  <c r="K5745" i="5" s="1"/>
  <c r="O5745" i="5" s="1"/>
  <c r="L5771" i="2"/>
  <c r="L5745" i="5" s="1"/>
  <c r="L8717" i="2"/>
  <c r="L8691" i="5" s="1"/>
  <c r="M8717" i="2"/>
  <c r="M8691" i="5" s="1"/>
  <c r="K8717" i="2"/>
  <c r="K8691" i="5" s="1"/>
  <c r="O8691" i="5" s="1"/>
  <c r="J8717" i="2"/>
  <c r="J8691" i="5" s="1"/>
  <c r="N8691" i="5" s="1"/>
  <c r="I8717" i="2"/>
  <c r="I8691" i="5" s="1"/>
  <c r="K5327" i="2"/>
  <c r="K5301" i="5" s="1"/>
  <c r="O5301" i="5" s="1"/>
  <c r="J5327" i="2"/>
  <c r="J5301" i="5" s="1"/>
  <c r="N5301" i="5" s="1"/>
  <c r="M5327" i="2"/>
  <c r="M5301" i="5" s="1"/>
  <c r="L5327" i="2"/>
  <c r="L5301" i="5" s="1"/>
  <c r="I5327" i="2"/>
  <c r="I5301" i="5" s="1"/>
  <c r="M7272" i="2"/>
  <c r="M7246" i="5" s="1"/>
  <c r="L7272" i="2"/>
  <c r="L7246" i="5" s="1"/>
  <c r="J7272" i="2"/>
  <c r="J7246" i="5" s="1"/>
  <c r="N7246" i="5" s="1"/>
  <c r="I7272" i="2"/>
  <c r="I7246" i="5" s="1"/>
  <c r="K7272" i="2"/>
  <c r="K7246" i="5" s="1"/>
  <c r="O7246" i="5" s="1"/>
  <c r="J7278" i="2"/>
  <c r="J7252" i="5" s="1"/>
  <c r="N7252" i="5" s="1"/>
  <c r="L7278" i="2"/>
  <c r="L7252" i="5" s="1"/>
  <c r="M7278" i="2"/>
  <c r="M7252" i="5" s="1"/>
  <c r="I7278" i="2"/>
  <c r="I7252" i="5" s="1"/>
  <c r="K7278" i="2"/>
  <c r="K7252" i="5" s="1"/>
  <c r="O7252" i="5" s="1"/>
  <c r="K6339" i="2"/>
  <c r="K6313" i="5" s="1"/>
  <c r="O6313" i="5" s="1"/>
  <c r="L6339" i="2"/>
  <c r="L6313" i="5" s="1"/>
  <c r="I6339" i="2"/>
  <c r="I6313" i="5" s="1"/>
  <c r="M6339" i="2"/>
  <c r="M6313" i="5" s="1"/>
  <c r="J6339" i="2"/>
  <c r="J6313" i="5" s="1"/>
  <c r="N6313" i="5" s="1"/>
  <c r="J6322" i="2"/>
  <c r="J6296" i="5" s="1"/>
  <c r="N6296" i="5" s="1"/>
  <c r="L6322" i="2"/>
  <c r="L6296" i="5" s="1"/>
  <c r="M6322" i="2"/>
  <c r="M6296" i="5" s="1"/>
  <c r="I6322" i="2"/>
  <c r="I6296" i="5" s="1"/>
  <c r="K6322" i="2"/>
  <c r="K6296" i="5" s="1"/>
  <c r="O6296" i="5" s="1"/>
  <c r="J7809" i="2"/>
  <c r="J7783" i="5" s="1"/>
  <c r="N7783" i="5" s="1"/>
  <c r="I7809" i="2"/>
  <c r="I7783" i="5" s="1"/>
  <c r="L7809" i="2"/>
  <c r="L7783" i="5" s="1"/>
  <c r="M7809" i="2"/>
  <c r="M7783" i="5" s="1"/>
  <c r="K7809" i="2"/>
  <c r="K7783" i="5" s="1"/>
  <c r="O7783" i="5" s="1"/>
  <c r="K6419" i="2"/>
  <c r="K6393" i="5" s="1"/>
  <c r="O6393" i="5" s="1"/>
  <c r="L6419" i="2"/>
  <c r="L6393" i="5" s="1"/>
  <c r="M6419" i="2"/>
  <c r="M6393" i="5" s="1"/>
  <c r="I6419" i="2"/>
  <c r="I6393" i="5" s="1"/>
  <c r="J6419" i="2"/>
  <c r="J6393" i="5" s="1"/>
  <c r="N6393" i="5" s="1"/>
  <c r="L8014" i="2"/>
  <c r="L7988" i="5" s="1"/>
  <c r="J8014" i="2"/>
  <c r="J7988" i="5" s="1"/>
  <c r="N7988" i="5" s="1"/>
  <c r="I8014" i="2"/>
  <c r="I7988" i="5" s="1"/>
  <c r="M8014" i="2"/>
  <c r="M7988" i="5" s="1"/>
  <c r="K8014" i="2"/>
  <c r="K7988" i="5" s="1"/>
  <c r="O7988" i="5" s="1"/>
  <c r="I5695" i="2"/>
  <c r="I5669" i="5" s="1"/>
  <c r="K5695" i="2"/>
  <c r="K5669" i="5" s="1"/>
  <c r="O5669" i="5" s="1"/>
  <c r="L5695" i="2"/>
  <c r="L5669" i="5" s="1"/>
  <c r="J5695" i="2"/>
  <c r="J5669" i="5" s="1"/>
  <c r="N5669" i="5" s="1"/>
  <c r="M5695" i="2"/>
  <c r="M5669" i="5" s="1"/>
  <c r="L4791" i="2"/>
  <c r="L4765" i="5" s="1"/>
  <c r="I4791" i="2"/>
  <c r="I4765" i="5" s="1"/>
  <c r="K4791" i="2"/>
  <c r="K4765" i="5" s="1"/>
  <c r="O4765" i="5" s="1"/>
  <c r="J4791" i="2"/>
  <c r="J4765" i="5" s="1"/>
  <c r="N4765" i="5" s="1"/>
  <c r="M4791" i="2"/>
  <c r="M4765" i="5" s="1"/>
  <c r="L8494" i="2"/>
  <c r="L8468" i="5" s="1"/>
  <c r="M8494" i="2"/>
  <c r="M8468" i="5" s="1"/>
  <c r="J8494" i="2"/>
  <c r="J8468" i="5" s="1"/>
  <c r="N8468" i="5" s="1"/>
  <c r="I8494" i="2"/>
  <c r="I8468" i="5" s="1"/>
  <c r="K8494" i="2"/>
  <c r="K8468" i="5" s="1"/>
  <c r="O8468" i="5" s="1"/>
  <c r="J6864" i="2"/>
  <c r="J6838" i="5" s="1"/>
  <c r="N6838" i="5" s="1"/>
  <c r="L6864" i="2"/>
  <c r="L6838" i="5" s="1"/>
  <c r="M6864" i="2"/>
  <c r="M6838" i="5" s="1"/>
  <c r="I6864" i="2"/>
  <c r="I6838" i="5" s="1"/>
  <c r="K6864" i="2"/>
  <c r="K6838" i="5" s="1"/>
  <c r="O6838" i="5" s="1"/>
  <c r="L152" i="2"/>
  <c r="L126" i="5" s="1"/>
  <c r="M152" i="2"/>
  <c r="M126" i="5" s="1"/>
  <c r="K152" i="2"/>
  <c r="K126" i="5" s="1"/>
  <c r="O126" i="5" s="1"/>
  <c r="J152" i="2"/>
  <c r="J126" i="5" s="1"/>
  <c r="N126" i="5" s="1"/>
  <c r="I152" i="2"/>
  <c r="I126" i="5" s="1"/>
  <c r="I8668" i="2"/>
  <c r="I8642" i="5" s="1"/>
  <c r="L8668" i="2"/>
  <c r="L8642" i="5" s="1"/>
  <c r="K8668" i="2"/>
  <c r="K8642" i="5" s="1"/>
  <c r="O8642" i="5" s="1"/>
  <c r="M8668" i="2"/>
  <c r="M8642" i="5" s="1"/>
  <c r="J8668" i="2"/>
  <c r="J8642" i="5" s="1"/>
  <c r="N8642" i="5" s="1"/>
  <c r="I4298" i="2"/>
  <c r="I4272" i="5" s="1"/>
  <c r="L4298" i="2"/>
  <c r="L4272" i="5" s="1"/>
  <c r="K4298" i="2"/>
  <c r="K4272" i="5" s="1"/>
  <c r="O4272" i="5" s="1"/>
  <c r="J4298" i="2"/>
  <c r="J4272" i="5" s="1"/>
  <c r="N4272" i="5" s="1"/>
  <c r="M4298" i="2"/>
  <c r="M4272" i="5" s="1"/>
  <c r="I6255" i="2"/>
  <c r="I6229" i="5" s="1"/>
  <c r="J6255" i="2"/>
  <c r="J6229" i="5" s="1"/>
  <c r="N6229" i="5" s="1"/>
  <c r="L6255" i="2"/>
  <c r="L6229" i="5" s="1"/>
  <c r="M6255" i="2"/>
  <c r="M6229" i="5" s="1"/>
  <c r="K6255" i="2"/>
  <c r="K6229" i="5" s="1"/>
  <c r="O6229" i="5" s="1"/>
  <c r="J7857" i="2"/>
  <c r="J7831" i="5" s="1"/>
  <c r="N7831" i="5" s="1"/>
  <c r="L7857" i="2"/>
  <c r="L7831" i="5" s="1"/>
  <c r="M7857" i="2"/>
  <c r="M7831" i="5" s="1"/>
  <c r="I7857" i="2"/>
  <c r="I7831" i="5" s="1"/>
  <c r="K7857" i="2"/>
  <c r="K7831" i="5" s="1"/>
  <c r="O7831" i="5" s="1"/>
  <c r="I610" i="2"/>
  <c r="I584" i="5" s="1"/>
  <c r="L610" i="2"/>
  <c r="L584" i="5" s="1"/>
  <c r="M610" i="2"/>
  <c r="M584" i="5" s="1"/>
  <c r="K610" i="2"/>
  <c r="K584" i="5" s="1"/>
  <c r="O584" i="5" s="1"/>
  <c r="J610" i="2"/>
  <c r="J584" i="5" s="1"/>
  <c r="N584" i="5" s="1"/>
  <c r="C32" i="5"/>
  <c r="AR26" i="1"/>
  <c r="I2759" i="2"/>
  <c r="I2733" i="5" s="1"/>
  <c r="K2759" i="2"/>
  <c r="K2733" i="5" s="1"/>
  <c r="O2733" i="5" s="1"/>
  <c r="M2759" i="2"/>
  <c r="M2733" i="5" s="1"/>
  <c r="L2759" i="2"/>
  <c r="L2733" i="5" s="1"/>
  <c r="J2759" i="2"/>
  <c r="J2733" i="5" s="1"/>
  <c r="N2733" i="5" s="1"/>
  <c r="L1390" i="2"/>
  <c r="L1364" i="5" s="1"/>
  <c r="J1390" i="2"/>
  <c r="J1364" i="5" s="1"/>
  <c r="N1364" i="5" s="1"/>
  <c r="M1390" i="2"/>
  <c r="M1364" i="5" s="1"/>
  <c r="I1390" i="2"/>
  <c r="I1364" i="5" s="1"/>
  <c r="K1390" i="2"/>
  <c r="K1364" i="5" s="1"/>
  <c r="O1364" i="5" s="1"/>
  <c r="I564" i="2"/>
  <c r="I538" i="5" s="1"/>
  <c r="L564" i="2"/>
  <c r="L538" i="5" s="1"/>
  <c r="M564" i="2"/>
  <c r="M538" i="5" s="1"/>
  <c r="K564" i="2"/>
  <c r="K538" i="5" s="1"/>
  <c r="O538" i="5" s="1"/>
  <c r="J564" i="2"/>
  <c r="J538" i="5" s="1"/>
  <c r="N538" i="5" s="1"/>
  <c r="M7713" i="2"/>
  <c r="M7687" i="5" s="1"/>
  <c r="I7713" i="2"/>
  <c r="I7687" i="5" s="1"/>
  <c r="K7713" i="2"/>
  <c r="K7687" i="5" s="1"/>
  <c r="O7687" i="5" s="1"/>
  <c r="J7713" i="2"/>
  <c r="J7687" i="5" s="1"/>
  <c r="N7687" i="5" s="1"/>
  <c r="L7713" i="2"/>
  <c r="L7687" i="5" s="1"/>
  <c r="K8445" i="2"/>
  <c r="K8419" i="5" s="1"/>
  <c r="O8419" i="5" s="1"/>
  <c r="M8445" i="2"/>
  <c r="M8419" i="5" s="1"/>
  <c r="J8445" i="2"/>
  <c r="J8419" i="5" s="1"/>
  <c r="N8419" i="5" s="1"/>
  <c r="L8445" i="2"/>
  <c r="L8419" i="5" s="1"/>
  <c r="I8445" i="2"/>
  <c r="I8419" i="5" s="1"/>
  <c r="J8438" i="2"/>
  <c r="J8412" i="5" s="1"/>
  <c r="N8412" i="5" s="1"/>
  <c r="L8438" i="2"/>
  <c r="L8412" i="5" s="1"/>
  <c r="M8438" i="2"/>
  <c r="M8412" i="5" s="1"/>
  <c r="I8438" i="2"/>
  <c r="I8412" i="5" s="1"/>
  <c r="K8438" i="2"/>
  <c r="K8412" i="5" s="1"/>
  <c r="O8412" i="5" s="1"/>
  <c r="I5098" i="2"/>
  <c r="I5072" i="5" s="1"/>
  <c r="K5098" i="2"/>
  <c r="K5072" i="5" s="1"/>
  <c r="O5072" i="5" s="1"/>
  <c r="J5098" i="2"/>
  <c r="J5072" i="5" s="1"/>
  <c r="N5072" i="5" s="1"/>
  <c r="L5098" i="2"/>
  <c r="L5072" i="5" s="1"/>
  <c r="M5098" i="2"/>
  <c r="M5072" i="5" s="1"/>
  <c r="J1755" i="2"/>
  <c r="J1729" i="5" s="1"/>
  <c r="N1729" i="5" s="1"/>
  <c r="L1755" i="2"/>
  <c r="L1729" i="5" s="1"/>
  <c r="M1755" i="2"/>
  <c r="M1729" i="5" s="1"/>
  <c r="I1755" i="2"/>
  <c r="I1729" i="5" s="1"/>
  <c r="K1755" i="2"/>
  <c r="K1729" i="5" s="1"/>
  <c r="O1729" i="5" s="1"/>
  <c r="K3630" i="2"/>
  <c r="K3604" i="5" s="1"/>
  <c r="O3604" i="5" s="1"/>
  <c r="L3630" i="2"/>
  <c r="L3604" i="5" s="1"/>
  <c r="M3630" i="2"/>
  <c r="M3604" i="5" s="1"/>
  <c r="I3630" i="2"/>
  <c r="I3604" i="5" s="1"/>
  <c r="J3630" i="2"/>
  <c r="J3604" i="5" s="1"/>
  <c r="N3604" i="5" s="1"/>
  <c r="K2905" i="2"/>
  <c r="K2879" i="5" s="1"/>
  <c r="O2879" i="5" s="1"/>
  <c r="L2905" i="2"/>
  <c r="L2879" i="5" s="1"/>
  <c r="M2905" i="2"/>
  <c r="M2879" i="5" s="1"/>
  <c r="I2905" i="2"/>
  <c r="I2879" i="5" s="1"/>
  <c r="J2905" i="2"/>
  <c r="J2879" i="5" s="1"/>
  <c r="N2879" i="5" s="1"/>
  <c r="I6676" i="2"/>
  <c r="I6650" i="5" s="1"/>
  <c r="J6676" i="2"/>
  <c r="J6650" i="5" s="1"/>
  <c r="N6650" i="5" s="1"/>
  <c r="K6676" i="2"/>
  <c r="K6650" i="5" s="1"/>
  <c r="O6650" i="5" s="1"/>
  <c r="L6676" i="2"/>
  <c r="L6650" i="5" s="1"/>
  <c r="M6676" i="2"/>
  <c r="M6650" i="5" s="1"/>
  <c r="L5960" i="2"/>
  <c r="L5934" i="5" s="1"/>
  <c r="M5960" i="2"/>
  <c r="M5934" i="5" s="1"/>
  <c r="I5960" i="2"/>
  <c r="I5934" i="5" s="1"/>
  <c r="K5960" i="2"/>
  <c r="K5934" i="5" s="1"/>
  <c r="O5934" i="5" s="1"/>
  <c r="J5960" i="2"/>
  <c r="J5934" i="5" s="1"/>
  <c r="N5934" i="5" s="1"/>
  <c r="J4674" i="2"/>
  <c r="J4648" i="5" s="1"/>
  <c r="N4648" i="5" s="1"/>
  <c r="L4674" i="2"/>
  <c r="L4648" i="5" s="1"/>
  <c r="I4674" i="2"/>
  <c r="I4648" i="5" s="1"/>
  <c r="K4674" i="2"/>
  <c r="K4648" i="5" s="1"/>
  <c r="O4648" i="5" s="1"/>
  <c r="M4674" i="2"/>
  <c r="M4648" i="5" s="1"/>
  <c r="I6156" i="2"/>
  <c r="I6130" i="5" s="1"/>
  <c r="K6156" i="2"/>
  <c r="K6130" i="5" s="1"/>
  <c r="O6130" i="5" s="1"/>
  <c r="J6156" i="2"/>
  <c r="J6130" i="5" s="1"/>
  <c r="N6130" i="5" s="1"/>
  <c r="L6156" i="2"/>
  <c r="L6130" i="5" s="1"/>
  <c r="M6156" i="2"/>
  <c r="M6130" i="5" s="1"/>
  <c r="K2437" i="2"/>
  <c r="K2411" i="5" s="1"/>
  <c r="O2411" i="5" s="1"/>
  <c r="J2437" i="2"/>
  <c r="J2411" i="5" s="1"/>
  <c r="N2411" i="5" s="1"/>
  <c r="L2437" i="2"/>
  <c r="L2411" i="5" s="1"/>
  <c r="M2437" i="2"/>
  <c r="M2411" i="5" s="1"/>
  <c r="I2437" i="2"/>
  <c r="I2411" i="5" s="1"/>
  <c r="L2621" i="2"/>
  <c r="L2595" i="5" s="1"/>
  <c r="J2621" i="2"/>
  <c r="J2595" i="5" s="1"/>
  <c r="N2595" i="5" s="1"/>
  <c r="M2621" i="2"/>
  <c r="M2595" i="5" s="1"/>
  <c r="I2621" i="2"/>
  <c r="I2595" i="5" s="1"/>
  <c r="K2621" i="2"/>
  <c r="K2595" i="5" s="1"/>
  <c r="O2595" i="5" s="1"/>
  <c r="L8382" i="2"/>
  <c r="L8356" i="5" s="1"/>
  <c r="J8382" i="2"/>
  <c r="J8356" i="5" s="1"/>
  <c r="N8356" i="5" s="1"/>
  <c r="M8382" i="2"/>
  <c r="M8356" i="5" s="1"/>
  <c r="I8382" i="2"/>
  <c r="I8356" i="5" s="1"/>
  <c r="K8382" i="2"/>
  <c r="K8356" i="5" s="1"/>
  <c r="O8356" i="5" s="1"/>
  <c r="J8363" i="2"/>
  <c r="J8337" i="5" s="1"/>
  <c r="N8337" i="5" s="1"/>
  <c r="M8363" i="2"/>
  <c r="M8337" i="5" s="1"/>
  <c r="L8363" i="2"/>
  <c r="L8337" i="5" s="1"/>
  <c r="I8363" i="2"/>
  <c r="I8337" i="5" s="1"/>
  <c r="K8363" i="2"/>
  <c r="K8337" i="5" s="1"/>
  <c r="O8337" i="5" s="1"/>
  <c r="L1632" i="2"/>
  <c r="L1606" i="5" s="1"/>
  <c r="M1632" i="2"/>
  <c r="M1606" i="5" s="1"/>
  <c r="J1632" i="2"/>
  <c r="J1606" i="5" s="1"/>
  <c r="N1606" i="5" s="1"/>
  <c r="I1632" i="2"/>
  <c r="I1606" i="5" s="1"/>
  <c r="K1632" i="2"/>
  <c r="K1606" i="5" s="1"/>
  <c r="O1606" i="5" s="1"/>
  <c r="L3155" i="2"/>
  <c r="L3129" i="5" s="1"/>
  <c r="I3155" i="2"/>
  <c r="I3129" i="5" s="1"/>
  <c r="M3155" i="2"/>
  <c r="M3129" i="5" s="1"/>
  <c r="K3155" i="2"/>
  <c r="K3129" i="5" s="1"/>
  <c r="O3129" i="5" s="1"/>
  <c r="J3155" i="2"/>
  <c r="J3129" i="5" s="1"/>
  <c r="N3129" i="5" s="1"/>
  <c r="J3465" i="2"/>
  <c r="J3439" i="5" s="1"/>
  <c r="N3439" i="5" s="1"/>
  <c r="L3465" i="2"/>
  <c r="L3439" i="5" s="1"/>
  <c r="M3465" i="2"/>
  <c r="M3439" i="5" s="1"/>
  <c r="I3465" i="2"/>
  <c r="I3439" i="5" s="1"/>
  <c r="K3465" i="2"/>
  <c r="K3439" i="5" s="1"/>
  <c r="O3439" i="5" s="1"/>
  <c r="M902" i="2"/>
  <c r="M876" i="5" s="1"/>
  <c r="L902" i="2"/>
  <c r="L876" i="5" s="1"/>
  <c r="J902" i="2"/>
  <c r="J876" i="5" s="1"/>
  <c r="N876" i="5" s="1"/>
  <c r="K902" i="2"/>
  <c r="K876" i="5" s="1"/>
  <c r="O876" i="5" s="1"/>
  <c r="I902" i="2"/>
  <c r="I876" i="5" s="1"/>
  <c r="L7943" i="2"/>
  <c r="L7917" i="5" s="1"/>
  <c r="J7943" i="2"/>
  <c r="J7917" i="5" s="1"/>
  <c r="N7917" i="5" s="1"/>
  <c r="M7943" i="2"/>
  <c r="M7917" i="5" s="1"/>
  <c r="I7943" i="2"/>
  <c r="I7917" i="5" s="1"/>
  <c r="K7943" i="2"/>
  <c r="K7917" i="5" s="1"/>
  <c r="O7917" i="5" s="1"/>
  <c r="M1913" i="2"/>
  <c r="M1887" i="5" s="1"/>
  <c r="L1913" i="2"/>
  <c r="L1887" i="5" s="1"/>
  <c r="I1913" i="2"/>
  <c r="I1887" i="5" s="1"/>
  <c r="K1913" i="2"/>
  <c r="K1887" i="5" s="1"/>
  <c r="O1887" i="5" s="1"/>
  <c r="J1913" i="2"/>
  <c r="J1887" i="5" s="1"/>
  <c r="N1887" i="5" s="1"/>
  <c r="K2744" i="2"/>
  <c r="K2718" i="5" s="1"/>
  <c r="O2718" i="5" s="1"/>
  <c r="J2744" i="2"/>
  <c r="J2718" i="5" s="1"/>
  <c r="N2718" i="5" s="1"/>
  <c r="L2744" i="2"/>
  <c r="L2718" i="5" s="1"/>
  <c r="I2744" i="2"/>
  <c r="I2718" i="5" s="1"/>
  <c r="M2744" i="2"/>
  <c r="M2718" i="5" s="1"/>
  <c r="C120" i="5"/>
  <c r="AR114" i="1"/>
  <c r="M2994" i="2"/>
  <c r="M2968" i="5" s="1"/>
  <c r="I2994" i="2"/>
  <c r="I2968" i="5" s="1"/>
  <c r="K2994" i="2"/>
  <c r="K2968" i="5" s="1"/>
  <c r="O2968" i="5" s="1"/>
  <c r="J2994" i="2"/>
  <c r="J2968" i="5" s="1"/>
  <c r="N2968" i="5" s="1"/>
  <c r="L2994" i="2"/>
  <c r="L2968" i="5" s="1"/>
  <c r="M320" i="2"/>
  <c r="M294" i="5" s="1"/>
  <c r="L320" i="2"/>
  <c r="L294" i="5" s="1"/>
  <c r="J320" i="2"/>
  <c r="J294" i="5" s="1"/>
  <c r="N294" i="5" s="1"/>
  <c r="I320" i="2"/>
  <c r="I294" i="5" s="1"/>
  <c r="K320" i="2"/>
  <c r="K294" i="5" s="1"/>
  <c r="O294" i="5" s="1"/>
  <c r="I7489" i="2"/>
  <c r="I7463" i="5" s="1"/>
  <c r="K7489" i="2"/>
  <c r="K7463" i="5" s="1"/>
  <c r="O7463" i="5" s="1"/>
  <c r="J7489" i="2"/>
  <c r="J7463" i="5" s="1"/>
  <c r="N7463" i="5" s="1"/>
  <c r="L7489" i="2"/>
  <c r="L7463" i="5" s="1"/>
  <c r="M7489" i="2"/>
  <c r="M7463" i="5" s="1"/>
  <c r="J7542" i="2"/>
  <c r="J7516" i="5" s="1"/>
  <c r="N7516" i="5" s="1"/>
  <c r="M7542" i="2"/>
  <c r="M7516" i="5" s="1"/>
  <c r="L7542" i="2"/>
  <c r="L7516" i="5" s="1"/>
  <c r="I7542" i="2"/>
  <c r="I7516" i="5" s="1"/>
  <c r="K7542" i="2"/>
  <c r="K7516" i="5" s="1"/>
  <c r="O7516" i="5" s="1"/>
  <c r="L5193" i="2"/>
  <c r="L5167" i="5" s="1"/>
  <c r="J5193" i="2"/>
  <c r="J5167" i="5" s="1"/>
  <c r="N5167" i="5" s="1"/>
  <c r="M5193" i="2"/>
  <c r="M5167" i="5" s="1"/>
  <c r="I5193" i="2"/>
  <c r="I5167" i="5" s="1"/>
  <c r="K5193" i="2"/>
  <c r="K5167" i="5" s="1"/>
  <c r="O5167" i="5" s="1"/>
  <c r="J5176" i="2"/>
  <c r="J5150" i="5" s="1"/>
  <c r="N5150" i="5" s="1"/>
  <c r="M5176" i="2"/>
  <c r="M5150" i="5" s="1"/>
  <c r="L5176" i="2"/>
  <c r="L5150" i="5" s="1"/>
  <c r="I5176" i="2"/>
  <c r="I5150" i="5" s="1"/>
  <c r="K5176" i="2"/>
  <c r="K5150" i="5" s="1"/>
  <c r="O5150" i="5" s="1"/>
  <c r="I3802" i="2"/>
  <c r="I3776" i="5" s="1"/>
  <c r="J3802" i="2"/>
  <c r="J3776" i="5" s="1"/>
  <c r="N3776" i="5" s="1"/>
  <c r="L3802" i="2"/>
  <c r="L3776" i="5" s="1"/>
  <c r="M3802" i="2"/>
  <c r="M3776" i="5" s="1"/>
  <c r="K3802" i="2"/>
  <c r="K3776" i="5" s="1"/>
  <c r="O3776" i="5" s="1"/>
  <c r="I426" i="2"/>
  <c r="I400" i="5" s="1"/>
  <c r="K426" i="2"/>
  <c r="K400" i="5" s="1"/>
  <c r="O400" i="5" s="1"/>
  <c r="J426" i="2"/>
  <c r="J400" i="5" s="1"/>
  <c r="N400" i="5" s="1"/>
  <c r="M426" i="2"/>
  <c r="M400" i="5" s="1"/>
  <c r="L426" i="2"/>
  <c r="L400" i="5" s="1"/>
  <c r="J423" i="2"/>
  <c r="J397" i="5" s="1"/>
  <c r="N397" i="5" s="1"/>
  <c r="M423" i="2"/>
  <c r="M397" i="5" s="1"/>
  <c r="I423" i="2"/>
  <c r="I397" i="5" s="1"/>
  <c r="K423" i="2"/>
  <c r="K397" i="5" s="1"/>
  <c r="O397" i="5" s="1"/>
  <c r="L423" i="2"/>
  <c r="L397" i="5" s="1"/>
  <c r="I4338" i="2"/>
  <c r="I4312" i="5" s="1"/>
  <c r="K4338" i="2"/>
  <c r="K4312" i="5" s="1"/>
  <c r="O4312" i="5" s="1"/>
  <c r="L4338" i="2"/>
  <c r="L4312" i="5" s="1"/>
  <c r="J4338" i="2"/>
  <c r="J4312" i="5" s="1"/>
  <c r="N4312" i="5" s="1"/>
  <c r="M4338" i="2"/>
  <c r="M4312" i="5" s="1"/>
  <c r="L962" i="2"/>
  <c r="L936" i="5" s="1"/>
  <c r="M962" i="2"/>
  <c r="M936" i="5" s="1"/>
  <c r="I962" i="2"/>
  <c r="I936" i="5" s="1"/>
  <c r="K962" i="2"/>
  <c r="K936" i="5" s="1"/>
  <c r="O936" i="5" s="1"/>
  <c r="J962" i="2"/>
  <c r="J936" i="5" s="1"/>
  <c r="N936" i="5" s="1"/>
  <c r="M98" i="2"/>
  <c r="M72" i="5" s="1"/>
  <c r="L98" i="2"/>
  <c r="L72" i="5" s="1"/>
  <c r="J98" i="2"/>
  <c r="J72" i="5" s="1"/>
  <c r="N72" i="5" s="1"/>
  <c r="K98" i="2"/>
  <c r="K72" i="5" s="1"/>
  <c r="O72" i="5" s="1"/>
  <c r="I98" i="2"/>
  <c r="I72" i="5" s="1"/>
  <c r="I1945" i="2"/>
  <c r="I1919" i="5" s="1"/>
  <c r="K1945" i="2"/>
  <c r="K1919" i="5" s="1"/>
  <c r="O1919" i="5" s="1"/>
  <c r="L1945" i="2"/>
  <c r="L1919" i="5" s="1"/>
  <c r="M1945" i="2"/>
  <c r="M1919" i="5" s="1"/>
  <c r="J1945" i="2"/>
  <c r="J1919" i="5" s="1"/>
  <c r="N1919" i="5" s="1"/>
  <c r="M1931" i="2"/>
  <c r="M1905" i="5" s="1"/>
  <c r="L1931" i="2"/>
  <c r="L1905" i="5" s="1"/>
  <c r="I1931" i="2"/>
  <c r="I1905" i="5" s="1"/>
  <c r="K1931" i="2"/>
  <c r="K1905" i="5" s="1"/>
  <c r="O1905" i="5" s="1"/>
  <c r="J1931" i="2"/>
  <c r="J1905" i="5" s="1"/>
  <c r="N1905" i="5" s="1"/>
  <c r="I8324" i="2"/>
  <c r="I8298" i="5" s="1"/>
  <c r="K8324" i="2"/>
  <c r="K8298" i="5" s="1"/>
  <c r="O8298" i="5" s="1"/>
  <c r="L8324" i="2"/>
  <c r="L8298" i="5" s="1"/>
  <c r="M8324" i="2"/>
  <c r="M8298" i="5" s="1"/>
  <c r="J8324" i="2"/>
  <c r="J8298" i="5" s="1"/>
  <c r="N8298" i="5" s="1"/>
  <c r="I8543" i="2"/>
  <c r="I8517" i="5" s="1"/>
  <c r="K8543" i="2"/>
  <c r="K8517" i="5" s="1"/>
  <c r="O8517" i="5" s="1"/>
  <c r="J8543" i="2"/>
  <c r="J8517" i="5" s="1"/>
  <c r="N8517" i="5" s="1"/>
  <c r="L8543" i="2"/>
  <c r="L8517" i="5" s="1"/>
  <c r="M8543" i="2"/>
  <c r="M8517" i="5" s="1"/>
  <c r="L464" i="2"/>
  <c r="L438" i="5" s="1"/>
  <c r="J464" i="2"/>
  <c r="J438" i="5" s="1"/>
  <c r="N438" i="5" s="1"/>
  <c r="K464" i="2"/>
  <c r="K438" i="5" s="1"/>
  <c r="O438" i="5" s="1"/>
  <c r="M464" i="2"/>
  <c r="M438" i="5" s="1"/>
  <c r="I464" i="2"/>
  <c r="I438" i="5" s="1"/>
  <c r="I455" i="2"/>
  <c r="I429" i="5" s="1"/>
  <c r="J455" i="2"/>
  <c r="J429" i="5" s="1"/>
  <c r="N429" i="5" s="1"/>
  <c r="M455" i="2"/>
  <c r="M429" i="5" s="1"/>
  <c r="L455" i="2"/>
  <c r="L429" i="5" s="1"/>
  <c r="K455" i="2"/>
  <c r="K429" i="5" s="1"/>
  <c r="O429" i="5" s="1"/>
  <c r="L2330" i="2"/>
  <c r="L2304" i="5" s="1"/>
  <c r="M2330" i="2"/>
  <c r="M2304" i="5" s="1"/>
  <c r="I2330" i="2"/>
  <c r="I2304" i="5" s="1"/>
  <c r="K2330" i="2"/>
  <c r="K2304" i="5" s="1"/>
  <c r="O2304" i="5" s="1"/>
  <c r="J2330" i="2"/>
  <c r="J2304" i="5" s="1"/>
  <c r="N2304" i="5" s="1"/>
  <c r="L2316" i="2"/>
  <c r="L2290" i="5" s="1"/>
  <c r="M2316" i="2"/>
  <c r="M2290" i="5" s="1"/>
  <c r="I2316" i="2"/>
  <c r="I2290" i="5" s="1"/>
  <c r="K2316" i="2"/>
  <c r="K2290" i="5" s="1"/>
  <c r="O2290" i="5" s="1"/>
  <c r="J2316" i="2"/>
  <c r="J2290" i="5" s="1"/>
  <c r="N2290" i="5" s="1"/>
  <c r="K4608" i="2"/>
  <c r="K4582" i="5" s="1"/>
  <c r="O4582" i="5" s="1"/>
  <c r="L4608" i="2"/>
  <c r="L4582" i="5" s="1"/>
  <c r="J4608" i="2"/>
  <c r="J4582" i="5" s="1"/>
  <c r="N4582" i="5" s="1"/>
  <c r="I4608" i="2"/>
  <c r="I4582" i="5" s="1"/>
  <c r="M4608" i="2"/>
  <c r="M4582" i="5" s="1"/>
  <c r="M4265" i="2"/>
  <c r="M4239" i="5" s="1"/>
  <c r="I4265" i="2"/>
  <c r="I4239" i="5" s="1"/>
  <c r="L4265" i="2"/>
  <c r="L4239" i="5" s="1"/>
  <c r="K4265" i="2"/>
  <c r="K4239" i="5" s="1"/>
  <c r="O4239" i="5" s="1"/>
  <c r="J4265" i="2"/>
  <c r="J4239" i="5" s="1"/>
  <c r="N4239" i="5" s="1"/>
  <c r="K4263" i="2"/>
  <c r="K4237" i="5" s="1"/>
  <c r="O4237" i="5" s="1"/>
  <c r="M4263" i="2"/>
  <c r="M4237" i="5" s="1"/>
  <c r="J4263" i="2"/>
  <c r="J4237" i="5" s="1"/>
  <c r="N4237" i="5" s="1"/>
  <c r="L4263" i="2"/>
  <c r="L4237" i="5" s="1"/>
  <c r="I4263" i="2"/>
  <c r="I4237" i="5" s="1"/>
  <c r="L750" i="2"/>
  <c r="L724" i="5" s="1"/>
  <c r="M750" i="2"/>
  <c r="M724" i="5" s="1"/>
  <c r="I750" i="2"/>
  <c r="I724" i="5" s="1"/>
  <c r="K750" i="2"/>
  <c r="K724" i="5" s="1"/>
  <c r="O724" i="5" s="1"/>
  <c r="J750" i="2"/>
  <c r="J724" i="5" s="1"/>
  <c r="N724" i="5" s="1"/>
  <c r="J737" i="2"/>
  <c r="J711" i="5" s="1"/>
  <c r="N711" i="5" s="1"/>
  <c r="M737" i="2"/>
  <c r="M711" i="5" s="1"/>
  <c r="L737" i="2"/>
  <c r="L711" i="5" s="1"/>
  <c r="I737" i="2"/>
  <c r="I711" i="5" s="1"/>
  <c r="K737" i="2"/>
  <c r="K711" i="5" s="1"/>
  <c r="O711" i="5" s="1"/>
  <c r="M4069" i="2"/>
  <c r="M4043" i="5" s="1"/>
  <c r="K4069" i="2"/>
  <c r="K4043" i="5" s="1"/>
  <c r="O4043" i="5" s="1"/>
  <c r="J4069" i="2"/>
  <c r="J4043" i="5" s="1"/>
  <c r="N4043" i="5" s="1"/>
  <c r="I4069" i="2"/>
  <c r="I4043" i="5" s="1"/>
  <c r="L4069" i="2"/>
  <c r="L4043" i="5" s="1"/>
  <c r="L7163" i="2"/>
  <c r="L7137" i="5" s="1"/>
  <c r="M7163" i="2"/>
  <c r="M7137" i="5" s="1"/>
  <c r="I7163" i="2"/>
  <c r="I7137" i="5" s="1"/>
  <c r="K7163" i="2"/>
  <c r="K7137" i="5" s="1"/>
  <c r="O7137" i="5" s="1"/>
  <c r="J7163" i="2"/>
  <c r="J7137" i="5" s="1"/>
  <c r="N7137" i="5" s="1"/>
  <c r="I727" i="2"/>
  <c r="I701" i="5" s="1"/>
  <c r="K727" i="2"/>
  <c r="K701" i="5" s="1"/>
  <c r="O701" i="5" s="1"/>
  <c r="J727" i="2"/>
  <c r="J701" i="5" s="1"/>
  <c r="N701" i="5" s="1"/>
  <c r="M727" i="2"/>
  <c r="M701" i="5" s="1"/>
  <c r="L727" i="2"/>
  <c r="L701" i="5" s="1"/>
  <c r="M7610" i="2"/>
  <c r="M7584" i="5" s="1"/>
  <c r="L7610" i="2"/>
  <c r="L7584" i="5" s="1"/>
  <c r="J7610" i="2"/>
  <c r="J7584" i="5" s="1"/>
  <c r="N7584" i="5" s="1"/>
  <c r="I7610" i="2"/>
  <c r="I7584" i="5" s="1"/>
  <c r="K7610" i="2"/>
  <c r="K7584" i="5" s="1"/>
  <c r="O7584" i="5" s="1"/>
  <c r="I7603" i="2"/>
  <c r="I7577" i="5" s="1"/>
  <c r="J7603" i="2"/>
  <c r="J7577" i="5" s="1"/>
  <c r="N7577" i="5" s="1"/>
  <c r="L7603" i="2"/>
  <c r="L7577" i="5" s="1"/>
  <c r="K7603" i="2"/>
  <c r="K7577" i="5" s="1"/>
  <c r="O7577" i="5" s="1"/>
  <c r="M7603" i="2"/>
  <c r="M7577" i="5" s="1"/>
  <c r="M5602" i="2"/>
  <c r="M5576" i="5" s="1"/>
  <c r="L5602" i="2"/>
  <c r="L5576" i="5" s="1"/>
  <c r="I5602" i="2"/>
  <c r="I5576" i="5" s="1"/>
  <c r="K5602" i="2"/>
  <c r="K5576" i="5" s="1"/>
  <c r="O5576" i="5" s="1"/>
  <c r="J5602" i="2"/>
  <c r="J5576" i="5" s="1"/>
  <c r="N5576" i="5" s="1"/>
  <c r="I8171" i="2"/>
  <c r="I8145" i="5" s="1"/>
  <c r="K8171" i="2"/>
  <c r="K8145" i="5" s="1"/>
  <c r="O8145" i="5" s="1"/>
  <c r="J8171" i="2"/>
  <c r="J8145" i="5" s="1"/>
  <c r="N8145" i="5" s="1"/>
  <c r="L8171" i="2"/>
  <c r="L8145" i="5" s="1"/>
  <c r="M8171" i="2"/>
  <c r="M8145" i="5" s="1"/>
  <c r="K1161" i="2"/>
  <c r="K1135" i="5" s="1"/>
  <c r="O1135" i="5" s="1"/>
  <c r="J1161" i="2"/>
  <c r="J1135" i="5" s="1"/>
  <c r="N1135" i="5" s="1"/>
  <c r="M1161" i="2"/>
  <c r="M1135" i="5" s="1"/>
  <c r="I1161" i="2"/>
  <c r="I1135" i="5" s="1"/>
  <c r="L1161" i="2"/>
  <c r="L1135" i="5" s="1"/>
  <c r="K1151" i="2"/>
  <c r="K1125" i="5" s="1"/>
  <c r="O1125" i="5" s="1"/>
  <c r="I1151" i="2"/>
  <c r="I1125" i="5" s="1"/>
  <c r="J1151" i="2"/>
  <c r="J1125" i="5" s="1"/>
  <c r="N1125" i="5" s="1"/>
  <c r="M1151" i="2"/>
  <c r="M1125" i="5" s="1"/>
  <c r="L1151" i="2"/>
  <c r="L1125" i="5" s="1"/>
  <c r="L2462" i="2"/>
  <c r="L2436" i="5" s="1"/>
  <c r="M2462" i="2"/>
  <c r="M2436" i="5" s="1"/>
  <c r="J2462" i="2"/>
  <c r="J2436" i="5" s="1"/>
  <c r="N2436" i="5" s="1"/>
  <c r="I2462" i="2"/>
  <c r="I2436" i="5" s="1"/>
  <c r="K2462" i="2"/>
  <c r="K2436" i="5" s="1"/>
  <c r="O2436" i="5" s="1"/>
  <c r="M935" i="2"/>
  <c r="M909" i="5" s="1"/>
  <c r="I935" i="2"/>
  <c r="I909" i="5" s="1"/>
  <c r="L935" i="2"/>
  <c r="L909" i="5" s="1"/>
  <c r="K935" i="2"/>
  <c r="K909" i="5" s="1"/>
  <c r="O909" i="5" s="1"/>
  <c r="J935" i="2"/>
  <c r="J909" i="5" s="1"/>
  <c r="N909" i="5" s="1"/>
  <c r="J945" i="2"/>
  <c r="J919" i="5" s="1"/>
  <c r="N919" i="5" s="1"/>
  <c r="L945" i="2"/>
  <c r="L919" i="5" s="1"/>
  <c r="M945" i="2"/>
  <c r="M919" i="5" s="1"/>
  <c r="I945" i="2"/>
  <c r="I919" i="5" s="1"/>
  <c r="K945" i="2"/>
  <c r="K919" i="5" s="1"/>
  <c r="O919" i="5" s="1"/>
  <c r="M778" i="2"/>
  <c r="M752" i="5" s="1"/>
  <c r="J778" i="2"/>
  <c r="J752" i="5" s="1"/>
  <c r="N752" i="5" s="1"/>
  <c r="L778" i="2"/>
  <c r="L752" i="5" s="1"/>
  <c r="I778" i="2"/>
  <c r="I752" i="5" s="1"/>
  <c r="K778" i="2"/>
  <c r="K752" i="5" s="1"/>
  <c r="O752" i="5" s="1"/>
  <c r="J605" i="2"/>
  <c r="J579" i="5" s="1"/>
  <c r="N579" i="5" s="1"/>
  <c r="L605" i="2"/>
  <c r="L579" i="5" s="1"/>
  <c r="M605" i="2"/>
  <c r="M579" i="5" s="1"/>
  <c r="I605" i="2"/>
  <c r="I579" i="5" s="1"/>
  <c r="K605" i="2"/>
  <c r="K579" i="5" s="1"/>
  <c r="O579" i="5" s="1"/>
  <c r="L7345" i="2"/>
  <c r="L7319" i="5" s="1"/>
  <c r="I7345" i="2"/>
  <c r="I7319" i="5" s="1"/>
  <c r="K7345" i="2"/>
  <c r="K7319" i="5" s="1"/>
  <c r="O7319" i="5" s="1"/>
  <c r="J7345" i="2"/>
  <c r="J7319" i="5" s="1"/>
  <c r="N7319" i="5" s="1"/>
  <c r="M7345" i="2"/>
  <c r="M7319" i="5" s="1"/>
  <c r="I2835" i="2"/>
  <c r="I2809" i="5" s="1"/>
  <c r="L2835" i="2"/>
  <c r="L2809" i="5" s="1"/>
  <c r="K2835" i="2"/>
  <c r="K2809" i="5" s="1"/>
  <c r="O2809" i="5" s="1"/>
  <c r="M2835" i="2"/>
  <c r="M2809" i="5" s="1"/>
  <c r="J2835" i="2"/>
  <c r="J2809" i="5" s="1"/>
  <c r="N2809" i="5" s="1"/>
  <c r="K4962" i="2"/>
  <c r="K4936" i="5" s="1"/>
  <c r="O4936" i="5" s="1"/>
  <c r="J4962" i="2"/>
  <c r="J4936" i="5" s="1"/>
  <c r="N4936" i="5" s="1"/>
  <c r="M4962" i="2"/>
  <c r="M4936" i="5" s="1"/>
  <c r="L4962" i="2"/>
  <c r="L4936" i="5" s="1"/>
  <c r="I4962" i="2"/>
  <c r="I4936" i="5" s="1"/>
  <c r="M1447" i="2"/>
  <c r="M1421" i="5" s="1"/>
  <c r="I1447" i="2"/>
  <c r="I1421" i="5" s="1"/>
  <c r="L1447" i="2"/>
  <c r="L1421" i="5" s="1"/>
  <c r="K1447" i="2"/>
  <c r="K1421" i="5" s="1"/>
  <c r="O1421" i="5" s="1"/>
  <c r="J1447" i="2"/>
  <c r="J1421" i="5" s="1"/>
  <c r="N1421" i="5" s="1"/>
  <c r="L1776" i="2"/>
  <c r="L1750" i="5" s="1"/>
  <c r="M1776" i="2"/>
  <c r="M1750" i="5" s="1"/>
  <c r="I1776" i="2"/>
  <c r="I1750" i="5" s="1"/>
  <c r="J1776" i="2"/>
  <c r="J1750" i="5" s="1"/>
  <c r="N1750" i="5" s="1"/>
  <c r="K1776" i="2"/>
  <c r="K1750" i="5" s="1"/>
  <c r="O1750" i="5" s="1"/>
  <c r="K8138" i="2"/>
  <c r="K8112" i="5" s="1"/>
  <c r="O8112" i="5" s="1"/>
  <c r="L8138" i="2"/>
  <c r="L8112" i="5" s="1"/>
  <c r="I8138" i="2"/>
  <c r="I8112" i="5" s="1"/>
  <c r="J8138" i="2"/>
  <c r="J8112" i="5" s="1"/>
  <c r="N8112" i="5" s="1"/>
  <c r="M8138" i="2"/>
  <c r="M8112" i="5" s="1"/>
  <c r="I8129" i="2"/>
  <c r="I8103" i="5" s="1"/>
  <c r="J8129" i="2"/>
  <c r="J8103" i="5" s="1"/>
  <c r="N8103" i="5" s="1"/>
  <c r="M8129" i="2"/>
  <c r="M8103" i="5" s="1"/>
  <c r="K8129" i="2"/>
  <c r="K8103" i="5" s="1"/>
  <c r="O8103" i="5" s="1"/>
  <c r="L8129" i="2"/>
  <c r="L8103" i="5" s="1"/>
  <c r="K5593" i="2"/>
  <c r="K5567" i="5" s="1"/>
  <c r="O5567" i="5" s="1"/>
  <c r="L5593" i="2"/>
  <c r="L5567" i="5" s="1"/>
  <c r="J5593" i="2"/>
  <c r="J5567" i="5" s="1"/>
  <c r="N5567" i="5" s="1"/>
  <c r="M5593" i="2"/>
  <c r="M5567" i="5" s="1"/>
  <c r="I5593" i="2"/>
  <c r="I5567" i="5" s="1"/>
  <c r="L1549" i="2"/>
  <c r="L1523" i="5" s="1"/>
  <c r="M1549" i="2"/>
  <c r="M1523" i="5" s="1"/>
  <c r="I1549" i="2"/>
  <c r="I1523" i="5" s="1"/>
  <c r="K1549" i="2"/>
  <c r="K1523" i="5" s="1"/>
  <c r="O1523" i="5" s="1"/>
  <c r="J1549" i="2"/>
  <c r="J1523" i="5" s="1"/>
  <c r="N1523" i="5" s="1"/>
  <c r="J1568" i="2"/>
  <c r="J1542" i="5" s="1"/>
  <c r="N1542" i="5" s="1"/>
  <c r="M1568" i="2"/>
  <c r="M1542" i="5" s="1"/>
  <c r="L1568" i="2"/>
  <c r="L1542" i="5" s="1"/>
  <c r="I1568" i="2"/>
  <c r="I1542" i="5" s="1"/>
  <c r="K1568" i="2"/>
  <c r="K1542" i="5" s="1"/>
  <c r="O1542" i="5" s="1"/>
  <c r="L295" i="2"/>
  <c r="L269" i="5" s="1"/>
  <c r="M295" i="2"/>
  <c r="M269" i="5" s="1"/>
  <c r="K295" i="2"/>
  <c r="K269" i="5" s="1"/>
  <c r="O269" i="5" s="1"/>
  <c r="J295" i="2"/>
  <c r="J269" i="5" s="1"/>
  <c r="N269" i="5" s="1"/>
  <c r="I295" i="2"/>
  <c r="I269" i="5" s="1"/>
  <c r="K6446" i="2"/>
  <c r="K6420" i="5" s="1"/>
  <c r="O6420" i="5" s="1"/>
  <c r="J6446" i="2"/>
  <c r="J6420" i="5" s="1"/>
  <c r="N6420" i="5" s="1"/>
  <c r="M6446" i="2"/>
  <c r="M6420" i="5" s="1"/>
  <c r="I6446" i="2"/>
  <c r="I6420" i="5" s="1"/>
  <c r="L6446" i="2"/>
  <c r="L6420" i="5" s="1"/>
  <c r="M2568" i="2"/>
  <c r="M2542" i="5" s="1"/>
  <c r="J2568" i="2"/>
  <c r="J2542" i="5" s="1"/>
  <c r="N2542" i="5" s="1"/>
  <c r="I2568" i="2"/>
  <c r="I2542" i="5" s="1"/>
  <c r="L2568" i="2"/>
  <c r="L2542" i="5" s="1"/>
  <c r="K2568" i="2"/>
  <c r="K2542" i="5" s="1"/>
  <c r="O2542" i="5" s="1"/>
  <c r="I3241" i="2"/>
  <c r="I3215" i="5" s="1"/>
  <c r="K3241" i="2"/>
  <c r="K3215" i="5" s="1"/>
  <c r="O3215" i="5" s="1"/>
  <c r="J3241" i="2"/>
  <c r="J3215" i="5" s="1"/>
  <c r="N3215" i="5" s="1"/>
  <c r="M3241" i="2"/>
  <c r="M3215" i="5" s="1"/>
  <c r="L3241" i="2"/>
  <c r="L3215" i="5" s="1"/>
  <c r="K3739" i="2"/>
  <c r="K3713" i="5" s="1"/>
  <c r="O3713" i="5" s="1"/>
  <c r="J3739" i="2"/>
  <c r="J3713" i="5" s="1"/>
  <c r="N3713" i="5" s="1"/>
  <c r="M3739" i="2"/>
  <c r="M3713" i="5" s="1"/>
  <c r="I3739" i="2"/>
  <c r="I3713" i="5" s="1"/>
  <c r="L3739" i="2"/>
  <c r="L3713" i="5" s="1"/>
  <c r="C162" i="5"/>
  <c r="AR156" i="1"/>
  <c r="I2097" i="2"/>
  <c r="I2071" i="5" s="1"/>
  <c r="L2097" i="2"/>
  <c r="L2071" i="5" s="1"/>
  <c r="J2097" i="2"/>
  <c r="J2071" i="5" s="1"/>
  <c r="N2071" i="5" s="1"/>
  <c r="M2097" i="2"/>
  <c r="M2071" i="5" s="1"/>
  <c r="K2097" i="2"/>
  <c r="K2071" i="5" s="1"/>
  <c r="O2071" i="5" s="1"/>
  <c r="J2096" i="2"/>
  <c r="J2070" i="5" s="1"/>
  <c r="N2070" i="5" s="1"/>
  <c r="M2096" i="2"/>
  <c r="M2070" i="5" s="1"/>
  <c r="K2096" i="2"/>
  <c r="K2070" i="5" s="1"/>
  <c r="O2070" i="5" s="1"/>
  <c r="L2096" i="2"/>
  <c r="L2070" i="5" s="1"/>
  <c r="I2096" i="2"/>
  <c r="I2070" i="5" s="1"/>
  <c r="M2915" i="2"/>
  <c r="M2889" i="5" s="1"/>
  <c r="J2915" i="2"/>
  <c r="J2889" i="5" s="1"/>
  <c r="N2889" i="5" s="1"/>
  <c r="L2915" i="2"/>
  <c r="L2889" i="5" s="1"/>
  <c r="I2915" i="2"/>
  <c r="I2889" i="5" s="1"/>
  <c r="K2915" i="2"/>
  <c r="K2889" i="5" s="1"/>
  <c r="O2889" i="5" s="1"/>
  <c r="L7377" i="2"/>
  <c r="L7351" i="5" s="1"/>
  <c r="I7377" i="2"/>
  <c r="I7351" i="5" s="1"/>
  <c r="K7377" i="2"/>
  <c r="K7351" i="5" s="1"/>
  <c r="O7351" i="5" s="1"/>
  <c r="M7377" i="2"/>
  <c r="M7351" i="5" s="1"/>
  <c r="J7377" i="2"/>
  <c r="J7351" i="5" s="1"/>
  <c r="N7351" i="5" s="1"/>
  <c r="L4241" i="2"/>
  <c r="L4215" i="5" s="1"/>
  <c r="I4241" i="2"/>
  <c r="I4215" i="5" s="1"/>
  <c r="K4241" i="2"/>
  <c r="K4215" i="5" s="1"/>
  <c r="O4215" i="5" s="1"/>
  <c r="J4241" i="2"/>
  <c r="J4215" i="5" s="1"/>
  <c r="N4215" i="5" s="1"/>
  <c r="M4241" i="2"/>
  <c r="M4215" i="5" s="1"/>
  <c r="K2817" i="2"/>
  <c r="K2791" i="5" s="1"/>
  <c r="O2791" i="5" s="1"/>
  <c r="M2817" i="2"/>
  <c r="M2791" i="5" s="1"/>
  <c r="I2817" i="2"/>
  <c r="I2791" i="5" s="1"/>
  <c r="L2817" i="2"/>
  <c r="L2791" i="5" s="1"/>
  <c r="J2817" i="2"/>
  <c r="J2791" i="5" s="1"/>
  <c r="N2791" i="5" s="1"/>
  <c r="M5932" i="2"/>
  <c r="M5906" i="5" s="1"/>
  <c r="L5932" i="2"/>
  <c r="L5906" i="5" s="1"/>
  <c r="I5932" i="2"/>
  <c r="I5906" i="5" s="1"/>
  <c r="K5932" i="2"/>
  <c r="K5906" i="5" s="1"/>
  <c r="O5906" i="5" s="1"/>
  <c r="J5932" i="2"/>
  <c r="J5906" i="5" s="1"/>
  <c r="N5906" i="5" s="1"/>
  <c r="I6765" i="2"/>
  <c r="I6739" i="5" s="1"/>
  <c r="M6765" i="2"/>
  <c r="M6739" i="5" s="1"/>
  <c r="K6765" i="2"/>
  <c r="K6739" i="5" s="1"/>
  <c r="O6739" i="5" s="1"/>
  <c r="J6765" i="2"/>
  <c r="J6739" i="5" s="1"/>
  <c r="N6739" i="5" s="1"/>
  <c r="L6765" i="2"/>
  <c r="L6739" i="5" s="1"/>
  <c r="J2226" i="2"/>
  <c r="J2200" i="5" s="1"/>
  <c r="N2200" i="5" s="1"/>
  <c r="L2226" i="2"/>
  <c r="L2200" i="5" s="1"/>
  <c r="I2226" i="2"/>
  <c r="I2200" i="5" s="1"/>
  <c r="K2226" i="2"/>
  <c r="K2200" i="5" s="1"/>
  <c r="O2200" i="5" s="1"/>
  <c r="M2226" i="2"/>
  <c r="M2200" i="5" s="1"/>
  <c r="J2224" i="2"/>
  <c r="J2198" i="5" s="1"/>
  <c r="N2198" i="5" s="1"/>
  <c r="L2224" i="2"/>
  <c r="L2198" i="5" s="1"/>
  <c r="M2224" i="2"/>
  <c r="M2198" i="5" s="1"/>
  <c r="I2224" i="2"/>
  <c r="I2198" i="5" s="1"/>
  <c r="K2224" i="2"/>
  <c r="K2198" i="5" s="1"/>
  <c r="O2198" i="5" s="1"/>
  <c r="L1806" i="2"/>
  <c r="L1780" i="5" s="1"/>
  <c r="M1806" i="2"/>
  <c r="M1780" i="5" s="1"/>
  <c r="I1806" i="2"/>
  <c r="I1780" i="5" s="1"/>
  <c r="K1806" i="2"/>
  <c r="K1780" i="5" s="1"/>
  <c r="O1780" i="5" s="1"/>
  <c r="J1806" i="2"/>
  <c r="J1780" i="5" s="1"/>
  <c r="N1780" i="5" s="1"/>
  <c r="M1825" i="2"/>
  <c r="M1799" i="5" s="1"/>
  <c r="I1825" i="2"/>
  <c r="I1799" i="5" s="1"/>
  <c r="J1825" i="2"/>
  <c r="J1799" i="5" s="1"/>
  <c r="N1799" i="5" s="1"/>
  <c r="L1825" i="2"/>
  <c r="L1799" i="5" s="1"/>
  <c r="K1825" i="2"/>
  <c r="K1799" i="5" s="1"/>
  <c r="O1799" i="5" s="1"/>
  <c r="I4644" i="2"/>
  <c r="I4618" i="5" s="1"/>
  <c r="L4644" i="2"/>
  <c r="L4618" i="5" s="1"/>
  <c r="M4644" i="2"/>
  <c r="M4618" i="5" s="1"/>
  <c r="K4644" i="2"/>
  <c r="K4618" i="5" s="1"/>
  <c r="O4618" i="5" s="1"/>
  <c r="J4644" i="2"/>
  <c r="J4618" i="5" s="1"/>
  <c r="N4618" i="5" s="1"/>
  <c r="M815" i="2"/>
  <c r="M789" i="5" s="1"/>
  <c r="L815" i="2"/>
  <c r="L789" i="5" s="1"/>
  <c r="K815" i="2"/>
  <c r="K789" i="5" s="1"/>
  <c r="O789" i="5" s="1"/>
  <c r="J815" i="2"/>
  <c r="J789" i="5" s="1"/>
  <c r="N789" i="5" s="1"/>
  <c r="I815" i="2"/>
  <c r="I789" i="5" s="1"/>
  <c r="K2953" i="2"/>
  <c r="K2927" i="5" s="1"/>
  <c r="O2927" i="5" s="1"/>
  <c r="I2953" i="2"/>
  <c r="I2927" i="5" s="1"/>
  <c r="L2953" i="2"/>
  <c r="L2927" i="5" s="1"/>
  <c r="J2953" i="2"/>
  <c r="J2927" i="5" s="1"/>
  <c r="N2927" i="5" s="1"/>
  <c r="M2953" i="2"/>
  <c r="M2927" i="5" s="1"/>
  <c r="I7830" i="2"/>
  <c r="I7804" i="5" s="1"/>
  <c r="J7830" i="2"/>
  <c r="J7804" i="5" s="1"/>
  <c r="N7804" i="5" s="1"/>
  <c r="M7830" i="2"/>
  <c r="M7804" i="5" s="1"/>
  <c r="L7830" i="2"/>
  <c r="L7804" i="5" s="1"/>
  <c r="K7830" i="2"/>
  <c r="K7804" i="5" s="1"/>
  <c r="O7804" i="5" s="1"/>
  <c r="L970" i="2"/>
  <c r="L944" i="5" s="1"/>
  <c r="J970" i="2"/>
  <c r="J944" i="5" s="1"/>
  <c r="N944" i="5" s="1"/>
  <c r="M970" i="2"/>
  <c r="M944" i="5" s="1"/>
  <c r="I970" i="2"/>
  <c r="I944" i="5" s="1"/>
  <c r="K970" i="2"/>
  <c r="K944" i="5" s="1"/>
  <c r="O944" i="5" s="1"/>
  <c r="L8470" i="2"/>
  <c r="L8444" i="5" s="1"/>
  <c r="I8470" i="2"/>
  <c r="I8444" i="5" s="1"/>
  <c r="K8470" i="2"/>
  <c r="K8444" i="5" s="1"/>
  <c r="O8444" i="5" s="1"/>
  <c r="J8470" i="2"/>
  <c r="J8444" i="5" s="1"/>
  <c r="N8444" i="5" s="1"/>
  <c r="M8470" i="2"/>
  <c r="M8444" i="5" s="1"/>
  <c r="C359" i="5"/>
  <c r="AR353" i="1"/>
  <c r="J4476" i="2"/>
  <c r="J4450" i="5" s="1"/>
  <c r="N4450" i="5" s="1"/>
  <c r="I4476" i="2"/>
  <c r="I4450" i="5" s="1"/>
  <c r="K4476" i="2"/>
  <c r="K4450" i="5" s="1"/>
  <c r="O4450" i="5" s="1"/>
  <c r="M4476" i="2"/>
  <c r="M4450" i="5" s="1"/>
  <c r="L4476" i="2"/>
  <c r="L4450" i="5" s="1"/>
  <c r="K4481" i="2"/>
  <c r="K4455" i="5" s="1"/>
  <c r="O4455" i="5" s="1"/>
  <c r="J4481" i="2"/>
  <c r="J4455" i="5" s="1"/>
  <c r="N4455" i="5" s="1"/>
  <c r="M4481" i="2"/>
  <c r="M4455" i="5" s="1"/>
  <c r="I4481" i="2"/>
  <c r="I4455" i="5" s="1"/>
  <c r="L4481" i="2"/>
  <c r="L4455" i="5" s="1"/>
  <c r="J2256" i="2"/>
  <c r="J2230" i="5" s="1"/>
  <c r="N2230" i="5" s="1"/>
  <c r="L2256" i="2"/>
  <c r="L2230" i="5" s="1"/>
  <c r="M2256" i="2"/>
  <c r="M2230" i="5" s="1"/>
  <c r="I2256" i="2"/>
  <c r="I2230" i="5" s="1"/>
  <c r="K2256" i="2"/>
  <c r="K2230" i="5" s="1"/>
  <c r="O2230" i="5" s="1"/>
  <c r="I3768" i="2"/>
  <c r="I3742" i="5" s="1"/>
  <c r="K3768" i="2"/>
  <c r="K3742" i="5" s="1"/>
  <c r="O3742" i="5" s="1"/>
  <c r="J3768" i="2"/>
  <c r="J3742" i="5" s="1"/>
  <c r="N3742" i="5" s="1"/>
  <c r="L3768" i="2"/>
  <c r="L3742" i="5" s="1"/>
  <c r="M3768" i="2"/>
  <c r="M3742" i="5" s="1"/>
  <c r="I887" i="2"/>
  <c r="I861" i="5" s="1"/>
  <c r="K887" i="2"/>
  <c r="K861" i="5" s="1"/>
  <c r="O861" i="5" s="1"/>
  <c r="L887" i="2"/>
  <c r="L861" i="5" s="1"/>
  <c r="M887" i="2"/>
  <c r="M861" i="5" s="1"/>
  <c r="J887" i="2"/>
  <c r="J861" i="5" s="1"/>
  <c r="N861" i="5" s="1"/>
  <c r="M5850" i="2"/>
  <c r="M5824" i="5" s="1"/>
  <c r="I5850" i="2"/>
  <c r="I5824" i="5" s="1"/>
  <c r="L5850" i="2"/>
  <c r="L5824" i="5" s="1"/>
  <c r="K5850" i="2"/>
  <c r="K5824" i="5" s="1"/>
  <c r="O5824" i="5" s="1"/>
  <c r="J5850" i="2"/>
  <c r="J5824" i="5" s="1"/>
  <c r="N5824" i="5" s="1"/>
  <c r="J5845" i="2"/>
  <c r="J5819" i="5" s="1"/>
  <c r="N5819" i="5" s="1"/>
  <c r="L5845" i="2"/>
  <c r="L5819" i="5" s="1"/>
  <c r="M5845" i="2"/>
  <c r="M5819" i="5" s="1"/>
  <c r="I5845" i="2"/>
  <c r="I5819" i="5" s="1"/>
  <c r="K5845" i="2"/>
  <c r="K5819" i="5" s="1"/>
  <c r="O5819" i="5" s="1"/>
  <c r="K5751" i="2"/>
  <c r="K5725" i="5" s="1"/>
  <c r="O5725" i="5" s="1"/>
  <c r="L5751" i="2"/>
  <c r="L5725" i="5" s="1"/>
  <c r="I5751" i="2"/>
  <c r="I5725" i="5" s="1"/>
  <c r="J5751" i="2"/>
  <c r="J5725" i="5" s="1"/>
  <c r="N5725" i="5" s="1"/>
  <c r="M5751" i="2"/>
  <c r="M5725" i="5" s="1"/>
  <c r="K219" i="2"/>
  <c r="K193" i="5" s="1"/>
  <c r="O193" i="5" s="1"/>
  <c r="M219" i="2"/>
  <c r="M193" i="5" s="1"/>
  <c r="I219" i="2"/>
  <c r="I193" i="5" s="1"/>
  <c r="J219" i="2"/>
  <c r="J193" i="5" s="1"/>
  <c r="N193" i="5" s="1"/>
  <c r="L219" i="2"/>
  <c r="L193" i="5" s="1"/>
  <c r="C15" i="5"/>
  <c r="AR9" i="1"/>
  <c r="K4938" i="2"/>
  <c r="K4912" i="5" s="1"/>
  <c r="O4912" i="5" s="1"/>
  <c r="J4938" i="2"/>
  <c r="J4912" i="5" s="1"/>
  <c r="N4912" i="5" s="1"/>
  <c r="M4938" i="2"/>
  <c r="M4912" i="5" s="1"/>
  <c r="L4938" i="2"/>
  <c r="L4912" i="5" s="1"/>
  <c r="I4938" i="2"/>
  <c r="I4912" i="5" s="1"/>
  <c r="I7091" i="2"/>
  <c r="I7065" i="5" s="1"/>
  <c r="K7091" i="2"/>
  <c r="K7065" i="5" s="1"/>
  <c r="O7065" i="5" s="1"/>
  <c r="M7091" i="2"/>
  <c r="M7065" i="5" s="1"/>
  <c r="L7091" i="2"/>
  <c r="L7065" i="5" s="1"/>
  <c r="J7091" i="2"/>
  <c r="J7065" i="5" s="1"/>
  <c r="N7065" i="5" s="1"/>
  <c r="K376" i="2"/>
  <c r="K350" i="5" s="1"/>
  <c r="O350" i="5" s="1"/>
  <c r="J376" i="2"/>
  <c r="J350" i="5" s="1"/>
  <c r="N350" i="5" s="1"/>
  <c r="L376" i="2"/>
  <c r="L350" i="5" s="1"/>
  <c r="I376" i="2"/>
  <c r="I350" i="5" s="1"/>
  <c r="M376" i="2"/>
  <c r="M350" i="5" s="1"/>
  <c r="L381" i="2"/>
  <c r="L355" i="5" s="1"/>
  <c r="M381" i="2"/>
  <c r="M355" i="5" s="1"/>
  <c r="K381" i="2"/>
  <c r="K355" i="5" s="1"/>
  <c r="O355" i="5" s="1"/>
  <c r="J381" i="2"/>
  <c r="J355" i="5" s="1"/>
  <c r="N355" i="5" s="1"/>
  <c r="I381" i="2"/>
  <c r="I355" i="5" s="1"/>
  <c r="L5467" i="2"/>
  <c r="L5441" i="5" s="1"/>
  <c r="I5467" i="2"/>
  <c r="I5441" i="5" s="1"/>
  <c r="M5467" i="2"/>
  <c r="M5441" i="5" s="1"/>
  <c r="K5467" i="2"/>
  <c r="K5441" i="5" s="1"/>
  <c r="O5441" i="5" s="1"/>
  <c r="J5467" i="2"/>
  <c r="J5441" i="5" s="1"/>
  <c r="N5441" i="5" s="1"/>
  <c r="I5479" i="2"/>
  <c r="I5453" i="5" s="1"/>
  <c r="L5479" i="2"/>
  <c r="L5453" i="5" s="1"/>
  <c r="J5479" i="2"/>
  <c r="J5453" i="5" s="1"/>
  <c r="N5453" i="5" s="1"/>
  <c r="M5479" i="2"/>
  <c r="M5453" i="5" s="1"/>
  <c r="K5479" i="2"/>
  <c r="K5453" i="5" s="1"/>
  <c r="O5453" i="5" s="1"/>
  <c r="M2968" i="2"/>
  <c r="M2942" i="5" s="1"/>
  <c r="I2968" i="2"/>
  <c r="I2942" i="5" s="1"/>
  <c r="K2968" i="2"/>
  <c r="K2942" i="5" s="1"/>
  <c r="O2942" i="5" s="1"/>
  <c r="J2968" i="2"/>
  <c r="J2942" i="5" s="1"/>
  <c r="N2942" i="5" s="1"/>
  <c r="L2968" i="2"/>
  <c r="L2942" i="5" s="1"/>
  <c r="K1664" i="2"/>
  <c r="K1638" i="5" s="1"/>
  <c r="O1638" i="5" s="1"/>
  <c r="L1664" i="2"/>
  <c r="L1638" i="5" s="1"/>
  <c r="M1664" i="2"/>
  <c r="M1638" i="5" s="1"/>
  <c r="J1664" i="2"/>
  <c r="J1638" i="5" s="1"/>
  <c r="N1638" i="5" s="1"/>
  <c r="I1664" i="2"/>
  <c r="I1638" i="5" s="1"/>
  <c r="I8215" i="2"/>
  <c r="I8189" i="5" s="1"/>
  <c r="K8215" i="2"/>
  <c r="K8189" i="5" s="1"/>
  <c r="O8189" i="5" s="1"/>
  <c r="J8215" i="2"/>
  <c r="J8189" i="5" s="1"/>
  <c r="N8189" i="5" s="1"/>
  <c r="M8215" i="2"/>
  <c r="M8189" i="5" s="1"/>
  <c r="L8215" i="2"/>
  <c r="L8189" i="5" s="1"/>
  <c r="I5155" i="2"/>
  <c r="I5129" i="5" s="1"/>
  <c r="K5155" i="2"/>
  <c r="K5129" i="5" s="1"/>
  <c r="O5129" i="5" s="1"/>
  <c r="J5155" i="2"/>
  <c r="J5129" i="5" s="1"/>
  <c r="N5129" i="5" s="1"/>
  <c r="L5155" i="2"/>
  <c r="L5129" i="5" s="1"/>
  <c r="M5155" i="2"/>
  <c r="M5129" i="5" s="1"/>
  <c r="M6648" i="2"/>
  <c r="M6622" i="5" s="1"/>
  <c r="L6648" i="2"/>
  <c r="L6622" i="5" s="1"/>
  <c r="I6648" i="2"/>
  <c r="I6622" i="5" s="1"/>
  <c r="K6648" i="2"/>
  <c r="K6622" i="5" s="1"/>
  <c r="O6622" i="5" s="1"/>
  <c r="J6648" i="2"/>
  <c r="J6622" i="5" s="1"/>
  <c r="N6622" i="5" s="1"/>
  <c r="M4413" i="2"/>
  <c r="M4387" i="5" s="1"/>
  <c r="L4413" i="2"/>
  <c r="L4387" i="5" s="1"/>
  <c r="I4413" i="2"/>
  <c r="I4387" i="5" s="1"/>
  <c r="K4413" i="2"/>
  <c r="K4387" i="5" s="1"/>
  <c r="O4387" i="5" s="1"/>
  <c r="J4413" i="2"/>
  <c r="J4387" i="5" s="1"/>
  <c r="N4387" i="5" s="1"/>
  <c r="M6518" i="2"/>
  <c r="M6492" i="5" s="1"/>
  <c r="K6518" i="2"/>
  <c r="K6492" i="5" s="1"/>
  <c r="O6492" i="5" s="1"/>
  <c r="J6518" i="2"/>
  <c r="J6492" i="5" s="1"/>
  <c r="N6492" i="5" s="1"/>
  <c r="L6518" i="2"/>
  <c r="L6492" i="5" s="1"/>
  <c r="I6518" i="2"/>
  <c r="I6492" i="5" s="1"/>
  <c r="L2309" i="2"/>
  <c r="L2283" i="5" s="1"/>
  <c r="M2309" i="2"/>
  <c r="M2283" i="5" s="1"/>
  <c r="I2309" i="2"/>
  <c r="I2283" i="5" s="1"/>
  <c r="K2309" i="2"/>
  <c r="K2283" i="5" s="1"/>
  <c r="O2283" i="5" s="1"/>
  <c r="J2309" i="2"/>
  <c r="J2283" i="5" s="1"/>
  <c r="N2283" i="5" s="1"/>
  <c r="M1265" i="2"/>
  <c r="M1239" i="5" s="1"/>
  <c r="L1265" i="2"/>
  <c r="L1239" i="5" s="1"/>
  <c r="I1265" i="2"/>
  <c r="I1239" i="5" s="1"/>
  <c r="K1265" i="2"/>
  <c r="K1239" i="5" s="1"/>
  <c r="O1239" i="5" s="1"/>
  <c r="J1265" i="2"/>
  <c r="J1239" i="5" s="1"/>
  <c r="N1239" i="5" s="1"/>
  <c r="L1731" i="2"/>
  <c r="L1705" i="5" s="1"/>
  <c r="I1731" i="2"/>
  <c r="I1705" i="5" s="1"/>
  <c r="J1731" i="2"/>
  <c r="J1705" i="5" s="1"/>
  <c r="N1705" i="5" s="1"/>
  <c r="M1731" i="2"/>
  <c r="M1705" i="5" s="1"/>
  <c r="K1731" i="2"/>
  <c r="K1705" i="5" s="1"/>
  <c r="O1705" i="5" s="1"/>
  <c r="M6201" i="2"/>
  <c r="M6175" i="5" s="1"/>
  <c r="I6201" i="2"/>
  <c r="I6175" i="5" s="1"/>
  <c r="L6201" i="2"/>
  <c r="L6175" i="5" s="1"/>
  <c r="K6201" i="2"/>
  <c r="K6175" i="5" s="1"/>
  <c r="O6175" i="5" s="1"/>
  <c r="J6201" i="2"/>
  <c r="J6175" i="5" s="1"/>
  <c r="N6175" i="5" s="1"/>
  <c r="J6185" i="2"/>
  <c r="J6159" i="5" s="1"/>
  <c r="N6159" i="5" s="1"/>
  <c r="M6185" i="2"/>
  <c r="M6159" i="5" s="1"/>
  <c r="L6185" i="2"/>
  <c r="L6159" i="5" s="1"/>
  <c r="I6185" i="2"/>
  <c r="I6159" i="5" s="1"/>
  <c r="K6185" i="2"/>
  <c r="K6159" i="5" s="1"/>
  <c r="O6159" i="5" s="1"/>
  <c r="I2667" i="2"/>
  <c r="I2641" i="5" s="1"/>
  <c r="J2667" i="2"/>
  <c r="J2641" i="5" s="1"/>
  <c r="N2641" i="5" s="1"/>
  <c r="L2667" i="2"/>
  <c r="L2641" i="5" s="1"/>
  <c r="K2667" i="2"/>
  <c r="K2641" i="5" s="1"/>
  <c r="O2641" i="5" s="1"/>
  <c r="M2667" i="2"/>
  <c r="M2641" i="5" s="1"/>
  <c r="J2665" i="2"/>
  <c r="J2639" i="5" s="1"/>
  <c r="N2639" i="5" s="1"/>
  <c r="L2665" i="2"/>
  <c r="L2639" i="5" s="1"/>
  <c r="M2665" i="2"/>
  <c r="M2639" i="5" s="1"/>
  <c r="I2665" i="2"/>
  <c r="I2639" i="5" s="1"/>
  <c r="K2665" i="2"/>
  <c r="K2639" i="5" s="1"/>
  <c r="O2639" i="5" s="1"/>
  <c r="I6836" i="2"/>
  <c r="I6810" i="5" s="1"/>
  <c r="J6836" i="2"/>
  <c r="J6810" i="5" s="1"/>
  <c r="N6810" i="5" s="1"/>
  <c r="M6836" i="2"/>
  <c r="M6810" i="5" s="1"/>
  <c r="K6836" i="2"/>
  <c r="K6810" i="5" s="1"/>
  <c r="O6810" i="5" s="1"/>
  <c r="L6836" i="2"/>
  <c r="L6810" i="5" s="1"/>
  <c r="I3416" i="2"/>
  <c r="I3390" i="5" s="1"/>
  <c r="K3416" i="2"/>
  <c r="K3390" i="5" s="1"/>
  <c r="O3390" i="5" s="1"/>
  <c r="M3416" i="2"/>
  <c r="M3390" i="5" s="1"/>
  <c r="J3416" i="2"/>
  <c r="J3390" i="5" s="1"/>
  <c r="N3390" i="5" s="1"/>
  <c r="L3416" i="2"/>
  <c r="L3390" i="5" s="1"/>
  <c r="L3133" i="2"/>
  <c r="L3107" i="5" s="1"/>
  <c r="M3133" i="2"/>
  <c r="M3107" i="5" s="1"/>
  <c r="I3133" i="2"/>
  <c r="I3107" i="5" s="1"/>
  <c r="K3133" i="2"/>
  <c r="K3107" i="5" s="1"/>
  <c r="O3107" i="5" s="1"/>
  <c r="J3133" i="2"/>
  <c r="J3107" i="5" s="1"/>
  <c r="N3107" i="5" s="1"/>
  <c r="K8292" i="2"/>
  <c r="K8266" i="5" s="1"/>
  <c r="O8266" i="5" s="1"/>
  <c r="L8292" i="2"/>
  <c r="L8266" i="5" s="1"/>
  <c r="M8292" i="2"/>
  <c r="M8266" i="5" s="1"/>
  <c r="J8292" i="2"/>
  <c r="J8266" i="5" s="1"/>
  <c r="N8266" i="5" s="1"/>
  <c r="I8292" i="2"/>
  <c r="I8266" i="5" s="1"/>
  <c r="L1283" i="2"/>
  <c r="L1257" i="5" s="1"/>
  <c r="M1283" i="2"/>
  <c r="M1257" i="5" s="1"/>
  <c r="I1283" i="2"/>
  <c r="I1257" i="5" s="1"/>
  <c r="K1283" i="2"/>
  <c r="K1257" i="5" s="1"/>
  <c r="O1257" i="5" s="1"/>
  <c r="J1283" i="2"/>
  <c r="J1257" i="5" s="1"/>
  <c r="N1257" i="5" s="1"/>
  <c r="L484" i="2"/>
  <c r="L458" i="5" s="1"/>
  <c r="I484" i="2"/>
  <c r="I458" i="5" s="1"/>
  <c r="K484" i="2"/>
  <c r="K458" i="5" s="1"/>
  <c r="O458" i="5" s="1"/>
  <c r="J484" i="2"/>
  <c r="J458" i="5" s="1"/>
  <c r="N458" i="5" s="1"/>
  <c r="M484" i="2"/>
  <c r="M458" i="5" s="1"/>
  <c r="I3662" i="2"/>
  <c r="I3636" i="5" s="1"/>
  <c r="K3662" i="2"/>
  <c r="K3636" i="5" s="1"/>
  <c r="O3636" i="5" s="1"/>
  <c r="J3662" i="2"/>
  <c r="J3636" i="5" s="1"/>
  <c r="N3636" i="5" s="1"/>
  <c r="L3662" i="2"/>
  <c r="L3636" i="5" s="1"/>
  <c r="M3662" i="2"/>
  <c r="M3636" i="5" s="1"/>
  <c r="J6501" i="2"/>
  <c r="J6475" i="5" s="1"/>
  <c r="N6475" i="5" s="1"/>
  <c r="L6501" i="2"/>
  <c r="L6475" i="5" s="1"/>
  <c r="I6501" i="2"/>
  <c r="I6475" i="5" s="1"/>
  <c r="M6501" i="2"/>
  <c r="M6475" i="5" s="1"/>
  <c r="K6501" i="2"/>
  <c r="K6475" i="5" s="1"/>
  <c r="O6475" i="5" s="1"/>
  <c r="L7856" i="2"/>
  <c r="L7830" i="5" s="1"/>
  <c r="M7856" i="2"/>
  <c r="M7830" i="5" s="1"/>
  <c r="K7856" i="2"/>
  <c r="K7830" i="5" s="1"/>
  <c r="O7830" i="5" s="1"/>
  <c r="I7856" i="2"/>
  <c r="I7830" i="5" s="1"/>
  <c r="J7856" i="2"/>
  <c r="J7830" i="5" s="1"/>
  <c r="N7830" i="5" s="1"/>
  <c r="C115" i="5"/>
  <c r="AR109" i="1"/>
  <c r="L3156" i="2"/>
  <c r="L3130" i="5" s="1"/>
  <c r="I3156" i="2"/>
  <c r="I3130" i="5" s="1"/>
  <c r="K3156" i="2"/>
  <c r="K3130" i="5" s="1"/>
  <c r="O3130" i="5" s="1"/>
  <c r="J3156" i="2"/>
  <c r="J3130" i="5" s="1"/>
  <c r="N3130" i="5" s="1"/>
  <c r="M3156" i="2"/>
  <c r="M3130" i="5" s="1"/>
  <c r="L7479" i="2"/>
  <c r="L7453" i="5" s="1"/>
  <c r="M7479" i="2"/>
  <c r="M7453" i="5" s="1"/>
  <c r="I7479" i="2"/>
  <c r="I7453" i="5" s="1"/>
  <c r="K7479" i="2"/>
  <c r="K7453" i="5" s="1"/>
  <c r="O7453" i="5" s="1"/>
  <c r="J7479" i="2"/>
  <c r="J7453" i="5" s="1"/>
  <c r="N7453" i="5" s="1"/>
  <c r="J7526" i="2"/>
  <c r="J7500" i="5" s="1"/>
  <c r="N7500" i="5" s="1"/>
  <c r="L7526" i="2"/>
  <c r="L7500" i="5" s="1"/>
  <c r="I7526" i="2"/>
  <c r="I7500" i="5" s="1"/>
  <c r="M7526" i="2"/>
  <c r="M7500" i="5" s="1"/>
  <c r="K7526" i="2"/>
  <c r="K7500" i="5" s="1"/>
  <c r="O7500" i="5" s="1"/>
  <c r="J3150" i="2"/>
  <c r="J3124" i="5" s="1"/>
  <c r="N3124" i="5" s="1"/>
  <c r="L3150" i="2"/>
  <c r="L3124" i="5" s="1"/>
  <c r="M3150" i="2"/>
  <c r="M3124" i="5" s="1"/>
  <c r="I3150" i="2"/>
  <c r="I3124" i="5" s="1"/>
  <c r="K3150" i="2"/>
  <c r="K3124" i="5" s="1"/>
  <c r="O3124" i="5" s="1"/>
  <c r="M1969" i="2"/>
  <c r="M1943" i="5" s="1"/>
  <c r="L1969" i="2"/>
  <c r="L1943" i="5" s="1"/>
  <c r="I1969" i="2"/>
  <c r="I1943" i="5" s="1"/>
  <c r="K1969" i="2"/>
  <c r="K1943" i="5" s="1"/>
  <c r="O1943" i="5" s="1"/>
  <c r="J1969" i="2"/>
  <c r="J1943" i="5" s="1"/>
  <c r="N1943" i="5" s="1"/>
  <c r="C88" i="5"/>
  <c r="AR82" i="1"/>
  <c r="K8114" i="2"/>
  <c r="K8088" i="5" s="1"/>
  <c r="O8088" i="5" s="1"/>
  <c r="L8114" i="2"/>
  <c r="L8088" i="5" s="1"/>
  <c r="I8114" i="2"/>
  <c r="I8088" i="5" s="1"/>
  <c r="J8114" i="2"/>
  <c r="J8088" i="5" s="1"/>
  <c r="N8088" i="5" s="1"/>
  <c r="M8114" i="2"/>
  <c r="M8088" i="5" s="1"/>
  <c r="J5360" i="2"/>
  <c r="J5334" i="5" s="1"/>
  <c r="N5334" i="5" s="1"/>
  <c r="L5360" i="2"/>
  <c r="L5334" i="5" s="1"/>
  <c r="I5360" i="2"/>
  <c r="I5334" i="5" s="1"/>
  <c r="K5360" i="2"/>
  <c r="K5334" i="5" s="1"/>
  <c r="O5334" i="5" s="1"/>
  <c r="M5360" i="2"/>
  <c r="M5334" i="5" s="1"/>
  <c r="J6003" i="2"/>
  <c r="J5977" i="5" s="1"/>
  <c r="N5977" i="5" s="1"/>
  <c r="L6003" i="2"/>
  <c r="L5977" i="5" s="1"/>
  <c r="M6003" i="2"/>
  <c r="M5977" i="5" s="1"/>
  <c r="I6003" i="2"/>
  <c r="I5977" i="5" s="1"/>
  <c r="K6003" i="2"/>
  <c r="K5977" i="5" s="1"/>
  <c r="O5977" i="5" s="1"/>
  <c r="L1993" i="2"/>
  <c r="L1967" i="5" s="1"/>
  <c r="M1993" i="2"/>
  <c r="M1967" i="5" s="1"/>
  <c r="I1993" i="2"/>
  <c r="I1967" i="5" s="1"/>
  <c r="K1993" i="2"/>
  <c r="K1967" i="5" s="1"/>
  <c r="O1967" i="5" s="1"/>
  <c r="J1993" i="2"/>
  <c r="J1967" i="5" s="1"/>
  <c r="N1967" i="5" s="1"/>
  <c r="J1995" i="2"/>
  <c r="J1969" i="5" s="1"/>
  <c r="N1969" i="5" s="1"/>
  <c r="L1995" i="2"/>
  <c r="L1969" i="5" s="1"/>
  <c r="M1995" i="2"/>
  <c r="M1969" i="5" s="1"/>
  <c r="I1995" i="2"/>
  <c r="I1969" i="5" s="1"/>
  <c r="K1995" i="2"/>
  <c r="K1969" i="5" s="1"/>
  <c r="O1969" i="5" s="1"/>
  <c r="J411" i="2"/>
  <c r="J385" i="5" s="1"/>
  <c r="N385" i="5" s="1"/>
  <c r="L411" i="2"/>
  <c r="L385" i="5" s="1"/>
  <c r="I411" i="2"/>
  <c r="I385" i="5" s="1"/>
  <c r="K411" i="2"/>
  <c r="K385" i="5" s="1"/>
  <c r="O385" i="5" s="1"/>
  <c r="M411" i="2"/>
  <c r="M385" i="5" s="1"/>
  <c r="K401" i="2"/>
  <c r="K375" i="5" s="1"/>
  <c r="O375" i="5" s="1"/>
  <c r="I401" i="2"/>
  <c r="I375" i="5" s="1"/>
  <c r="J401" i="2"/>
  <c r="J375" i="5" s="1"/>
  <c r="N375" i="5" s="1"/>
  <c r="L401" i="2"/>
  <c r="L375" i="5" s="1"/>
  <c r="M401" i="2"/>
  <c r="M375" i="5" s="1"/>
  <c r="J3066" i="2"/>
  <c r="J3040" i="5" s="1"/>
  <c r="N3040" i="5" s="1"/>
  <c r="L3066" i="2"/>
  <c r="L3040" i="5" s="1"/>
  <c r="M3066" i="2"/>
  <c r="M3040" i="5" s="1"/>
  <c r="I3066" i="2"/>
  <c r="I3040" i="5" s="1"/>
  <c r="K3066" i="2"/>
  <c r="K3040" i="5" s="1"/>
  <c r="O3040" i="5" s="1"/>
  <c r="J542" i="2"/>
  <c r="J516" i="5" s="1"/>
  <c r="N516" i="5" s="1"/>
  <c r="M542" i="2"/>
  <c r="M516" i="5" s="1"/>
  <c r="I542" i="2"/>
  <c r="I516" i="5" s="1"/>
  <c r="K542" i="2"/>
  <c r="K516" i="5" s="1"/>
  <c r="O516" i="5" s="1"/>
  <c r="L542" i="2"/>
  <c r="L516" i="5" s="1"/>
  <c r="L6620" i="2"/>
  <c r="L6594" i="5" s="1"/>
  <c r="I6620" i="2"/>
  <c r="I6594" i="5" s="1"/>
  <c r="K6620" i="2"/>
  <c r="K6594" i="5" s="1"/>
  <c r="O6594" i="5" s="1"/>
  <c r="J6620" i="2"/>
  <c r="J6594" i="5" s="1"/>
  <c r="N6594" i="5" s="1"/>
  <c r="M6620" i="2"/>
  <c r="M6594" i="5" s="1"/>
  <c r="I1124" i="2"/>
  <c r="I1098" i="5" s="1"/>
  <c r="K1124" i="2"/>
  <c r="K1098" i="5" s="1"/>
  <c r="O1098" i="5" s="1"/>
  <c r="J1124" i="2"/>
  <c r="J1098" i="5" s="1"/>
  <c r="N1098" i="5" s="1"/>
  <c r="M1124" i="2"/>
  <c r="M1098" i="5" s="1"/>
  <c r="L1124" i="2"/>
  <c r="L1098" i="5" s="1"/>
  <c r="J1114" i="2"/>
  <c r="J1088" i="5" s="1"/>
  <c r="N1088" i="5" s="1"/>
  <c r="M1114" i="2"/>
  <c r="M1088" i="5" s="1"/>
  <c r="L1114" i="2"/>
  <c r="L1088" i="5" s="1"/>
  <c r="I1114" i="2"/>
  <c r="I1088" i="5" s="1"/>
  <c r="K1114" i="2"/>
  <c r="K1088" i="5" s="1"/>
  <c r="O1088" i="5" s="1"/>
  <c r="K7319" i="2"/>
  <c r="K7293" i="5" s="1"/>
  <c r="O7293" i="5" s="1"/>
  <c r="L7319" i="2"/>
  <c r="L7293" i="5" s="1"/>
  <c r="M7319" i="2"/>
  <c r="M7293" i="5" s="1"/>
  <c r="J7319" i="2"/>
  <c r="J7293" i="5" s="1"/>
  <c r="N7293" i="5" s="1"/>
  <c r="I7319" i="2"/>
  <c r="I7293" i="5" s="1"/>
  <c r="L7966" i="2"/>
  <c r="L7940" i="5" s="1"/>
  <c r="M7966" i="2"/>
  <c r="M7940" i="5" s="1"/>
  <c r="I7966" i="2"/>
  <c r="I7940" i="5" s="1"/>
  <c r="K7966" i="2"/>
  <c r="K7940" i="5" s="1"/>
  <c r="O7940" i="5" s="1"/>
  <c r="J7966" i="2"/>
  <c r="J7940" i="5" s="1"/>
  <c r="N7940" i="5" s="1"/>
  <c r="J3254" i="2"/>
  <c r="J3228" i="5" s="1"/>
  <c r="N3228" i="5" s="1"/>
  <c r="L3254" i="2"/>
  <c r="L3228" i="5" s="1"/>
  <c r="M3254" i="2"/>
  <c r="M3228" i="5" s="1"/>
  <c r="I3254" i="2"/>
  <c r="I3228" i="5" s="1"/>
  <c r="K3254" i="2"/>
  <c r="K3228" i="5" s="1"/>
  <c r="O3228" i="5" s="1"/>
  <c r="J5019" i="2"/>
  <c r="J4993" i="5" s="1"/>
  <c r="N4993" i="5" s="1"/>
  <c r="M5019" i="2"/>
  <c r="M4993" i="5" s="1"/>
  <c r="L5019" i="2"/>
  <c r="L4993" i="5" s="1"/>
  <c r="I5019" i="2"/>
  <c r="I4993" i="5" s="1"/>
  <c r="K5019" i="2"/>
  <c r="K4993" i="5" s="1"/>
  <c r="O4993" i="5" s="1"/>
  <c r="I1080" i="2"/>
  <c r="I1054" i="5" s="1"/>
  <c r="K1080" i="2"/>
  <c r="K1054" i="5" s="1"/>
  <c r="O1054" i="5" s="1"/>
  <c r="J1080" i="2"/>
  <c r="J1054" i="5" s="1"/>
  <c r="N1054" i="5" s="1"/>
  <c r="M1080" i="2"/>
  <c r="M1054" i="5" s="1"/>
  <c r="L1080" i="2"/>
  <c r="L1054" i="5" s="1"/>
  <c r="M4003" i="2"/>
  <c r="M3977" i="5" s="1"/>
  <c r="I4003" i="2"/>
  <c r="I3977" i="5" s="1"/>
  <c r="K4003" i="2"/>
  <c r="K3977" i="5" s="1"/>
  <c r="O3977" i="5" s="1"/>
  <c r="J4003" i="2"/>
  <c r="J3977" i="5" s="1"/>
  <c r="N3977" i="5" s="1"/>
  <c r="L4003" i="2"/>
  <c r="L3977" i="5" s="1"/>
  <c r="I1308" i="2"/>
  <c r="I1282" i="5" s="1"/>
  <c r="K1308" i="2"/>
  <c r="K1282" i="5" s="1"/>
  <c r="O1282" i="5" s="1"/>
  <c r="J1308" i="2"/>
  <c r="J1282" i="5" s="1"/>
  <c r="N1282" i="5" s="1"/>
  <c r="L1308" i="2"/>
  <c r="L1282" i="5" s="1"/>
  <c r="M1308" i="2"/>
  <c r="M1282" i="5" s="1"/>
  <c r="J4327" i="2"/>
  <c r="J4301" i="5" s="1"/>
  <c r="N4301" i="5" s="1"/>
  <c r="M4327" i="2"/>
  <c r="M4301" i="5" s="1"/>
  <c r="L4327" i="2"/>
  <c r="L4301" i="5" s="1"/>
  <c r="I4327" i="2"/>
  <c r="I4301" i="5" s="1"/>
  <c r="K4327" i="2"/>
  <c r="K4301" i="5" s="1"/>
  <c r="O4301" i="5" s="1"/>
  <c r="J3305" i="2"/>
  <c r="J3279" i="5" s="1"/>
  <c r="N3279" i="5" s="1"/>
  <c r="M3305" i="2"/>
  <c r="M3279" i="5" s="1"/>
  <c r="I3305" i="2"/>
  <c r="I3279" i="5" s="1"/>
  <c r="K3305" i="2"/>
  <c r="K3279" i="5" s="1"/>
  <c r="O3279" i="5" s="1"/>
  <c r="L3305" i="2"/>
  <c r="L3279" i="5" s="1"/>
  <c r="M4132" i="2"/>
  <c r="M4106" i="5" s="1"/>
  <c r="J4132" i="2"/>
  <c r="J4106" i="5" s="1"/>
  <c r="N4106" i="5" s="1"/>
  <c r="L4132" i="2"/>
  <c r="L4106" i="5" s="1"/>
  <c r="I4132" i="2"/>
  <c r="I4106" i="5" s="1"/>
  <c r="K4132" i="2"/>
  <c r="K4106" i="5" s="1"/>
  <c r="O4106" i="5" s="1"/>
  <c r="K4123" i="2"/>
  <c r="K4097" i="5" s="1"/>
  <c r="O4097" i="5" s="1"/>
  <c r="L4123" i="2"/>
  <c r="L4097" i="5" s="1"/>
  <c r="J4123" i="2"/>
  <c r="J4097" i="5" s="1"/>
  <c r="N4097" i="5" s="1"/>
  <c r="M4123" i="2"/>
  <c r="M4097" i="5" s="1"/>
  <c r="I4123" i="2"/>
  <c r="I4097" i="5" s="1"/>
  <c r="M7468" i="2"/>
  <c r="M7442" i="5" s="1"/>
  <c r="I7468" i="2"/>
  <c r="I7442" i="5" s="1"/>
  <c r="K7468" i="2"/>
  <c r="K7442" i="5" s="1"/>
  <c r="O7442" i="5" s="1"/>
  <c r="J7468" i="2"/>
  <c r="J7442" i="5" s="1"/>
  <c r="N7442" i="5" s="1"/>
  <c r="L7468" i="2"/>
  <c r="L7442" i="5" s="1"/>
  <c r="M7454" i="2"/>
  <c r="M7428" i="5" s="1"/>
  <c r="J7454" i="2"/>
  <c r="J7428" i="5" s="1"/>
  <c r="N7428" i="5" s="1"/>
  <c r="L7454" i="2"/>
  <c r="L7428" i="5" s="1"/>
  <c r="I7454" i="2"/>
  <c r="I7428" i="5" s="1"/>
  <c r="K7454" i="2"/>
  <c r="K7428" i="5" s="1"/>
  <c r="O7428" i="5" s="1"/>
  <c r="J4991" i="2"/>
  <c r="J4965" i="5" s="1"/>
  <c r="N4965" i="5" s="1"/>
  <c r="L4991" i="2"/>
  <c r="L4965" i="5" s="1"/>
  <c r="M4991" i="2"/>
  <c r="M4965" i="5" s="1"/>
  <c r="I4991" i="2"/>
  <c r="I4965" i="5" s="1"/>
  <c r="K4991" i="2"/>
  <c r="K4965" i="5" s="1"/>
  <c r="O4965" i="5" s="1"/>
  <c r="I8360" i="2"/>
  <c r="I8334" i="5" s="1"/>
  <c r="L8360" i="2"/>
  <c r="L8334" i="5" s="1"/>
  <c r="K8360" i="2"/>
  <c r="K8334" i="5" s="1"/>
  <c r="O8334" i="5" s="1"/>
  <c r="J8360" i="2"/>
  <c r="J8334" i="5" s="1"/>
  <c r="N8334" i="5" s="1"/>
  <c r="M8360" i="2"/>
  <c r="M8334" i="5" s="1"/>
  <c r="K8786" i="2"/>
  <c r="K8760" i="5" s="1"/>
  <c r="O8760" i="5" s="1"/>
  <c r="L8786" i="2"/>
  <c r="L8760" i="5" s="1"/>
  <c r="I8786" i="2"/>
  <c r="I8760" i="5" s="1"/>
  <c r="J8786" i="2"/>
  <c r="J8760" i="5" s="1"/>
  <c r="N8760" i="5" s="1"/>
  <c r="M8786" i="2"/>
  <c r="M8760" i="5" s="1"/>
  <c r="K3922" i="2"/>
  <c r="K3896" i="5" s="1"/>
  <c r="O3896" i="5" s="1"/>
  <c r="J3922" i="2"/>
  <c r="J3896" i="5" s="1"/>
  <c r="N3896" i="5" s="1"/>
  <c r="L3922" i="2"/>
  <c r="L3896" i="5" s="1"/>
  <c r="I3922" i="2"/>
  <c r="I3896" i="5" s="1"/>
  <c r="M3922" i="2"/>
  <c r="M3896" i="5" s="1"/>
  <c r="J8045" i="2"/>
  <c r="J8019" i="5" s="1"/>
  <c r="N8019" i="5" s="1"/>
  <c r="L8045" i="2"/>
  <c r="L8019" i="5" s="1"/>
  <c r="M8045" i="2"/>
  <c r="M8019" i="5" s="1"/>
  <c r="I8045" i="2"/>
  <c r="I8019" i="5" s="1"/>
  <c r="K8045" i="2"/>
  <c r="K8019" i="5" s="1"/>
  <c r="O8019" i="5" s="1"/>
  <c r="K7036" i="2"/>
  <c r="K7010" i="5" s="1"/>
  <c r="O7010" i="5" s="1"/>
  <c r="L7036" i="2"/>
  <c r="L7010" i="5" s="1"/>
  <c r="I7036" i="2"/>
  <c r="I7010" i="5" s="1"/>
  <c r="M7036" i="2"/>
  <c r="M7010" i="5" s="1"/>
  <c r="J7036" i="2"/>
  <c r="J7010" i="5" s="1"/>
  <c r="N7010" i="5" s="1"/>
  <c r="I3577" i="2"/>
  <c r="I3551" i="5" s="1"/>
  <c r="L3577" i="2"/>
  <c r="L3551" i="5" s="1"/>
  <c r="K3577" i="2"/>
  <c r="K3551" i="5" s="1"/>
  <c r="O3551" i="5" s="1"/>
  <c r="J3577" i="2"/>
  <c r="J3551" i="5" s="1"/>
  <c r="N3551" i="5" s="1"/>
  <c r="M3577" i="2"/>
  <c r="M3551" i="5" s="1"/>
  <c r="J3563" i="2"/>
  <c r="J3537" i="5" s="1"/>
  <c r="N3537" i="5" s="1"/>
  <c r="L3563" i="2"/>
  <c r="L3537" i="5" s="1"/>
  <c r="K3563" i="2"/>
  <c r="K3537" i="5" s="1"/>
  <c r="O3537" i="5" s="1"/>
  <c r="M3563" i="2"/>
  <c r="M3537" i="5" s="1"/>
  <c r="I3563" i="2"/>
  <c r="I3537" i="5" s="1"/>
  <c r="K1424" i="2"/>
  <c r="K1398" i="5" s="1"/>
  <c r="O1398" i="5" s="1"/>
  <c r="J1424" i="2"/>
  <c r="J1398" i="5" s="1"/>
  <c r="N1398" i="5" s="1"/>
  <c r="L1424" i="2"/>
  <c r="L1398" i="5" s="1"/>
  <c r="I1424" i="2"/>
  <c r="I1398" i="5" s="1"/>
  <c r="M1424" i="2"/>
  <c r="M1398" i="5" s="1"/>
  <c r="C65" i="5"/>
  <c r="AR59" i="1"/>
  <c r="M4579" i="2"/>
  <c r="M4553" i="5" s="1"/>
  <c r="L4579" i="2"/>
  <c r="L4553" i="5" s="1"/>
  <c r="K4579" i="2"/>
  <c r="K4553" i="5" s="1"/>
  <c r="O4553" i="5" s="1"/>
  <c r="J4579" i="2"/>
  <c r="J4553" i="5" s="1"/>
  <c r="N4553" i="5" s="1"/>
  <c r="I4579" i="2"/>
  <c r="I4553" i="5" s="1"/>
  <c r="J641" i="2"/>
  <c r="J615" i="5" s="1"/>
  <c r="N615" i="5" s="1"/>
  <c r="L641" i="2"/>
  <c r="L615" i="5" s="1"/>
  <c r="M641" i="2"/>
  <c r="M615" i="5" s="1"/>
  <c r="I641" i="2"/>
  <c r="I615" i="5" s="1"/>
  <c r="K641" i="2"/>
  <c r="K615" i="5" s="1"/>
  <c r="O615" i="5" s="1"/>
  <c r="J7510" i="2"/>
  <c r="J7484" i="5" s="1"/>
  <c r="N7484" i="5" s="1"/>
  <c r="L7510" i="2"/>
  <c r="L7484" i="5" s="1"/>
  <c r="I7510" i="2"/>
  <c r="I7484" i="5" s="1"/>
  <c r="M7510" i="2"/>
  <c r="M7484" i="5" s="1"/>
  <c r="K7510" i="2"/>
  <c r="K7484" i="5" s="1"/>
  <c r="O7484" i="5" s="1"/>
  <c r="J5656" i="2"/>
  <c r="J5630" i="5" s="1"/>
  <c r="N5630" i="5" s="1"/>
  <c r="M5656" i="2"/>
  <c r="M5630" i="5" s="1"/>
  <c r="L5656" i="2"/>
  <c r="L5630" i="5" s="1"/>
  <c r="I5656" i="2"/>
  <c r="I5630" i="5" s="1"/>
  <c r="K5656" i="2"/>
  <c r="K5630" i="5" s="1"/>
  <c r="O5630" i="5" s="1"/>
  <c r="C242" i="5"/>
  <c r="AR236" i="1"/>
  <c r="K5840" i="2"/>
  <c r="K5814" i="5" s="1"/>
  <c r="O5814" i="5" s="1"/>
  <c r="J5840" i="2"/>
  <c r="J5814" i="5" s="1"/>
  <c r="N5814" i="5" s="1"/>
  <c r="L5840" i="2"/>
  <c r="L5814" i="5" s="1"/>
  <c r="M5840" i="2"/>
  <c r="M5814" i="5" s="1"/>
  <c r="I5840" i="2"/>
  <c r="I5814" i="5" s="1"/>
  <c r="K6956" i="2"/>
  <c r="K6930" i="5" s="1"/>
  <c r="O6930" i="5" s="1"/>
  <c r="M6956" i="2"/>
  <c r="M6930" i="5" s="1"/>
  <c r="I6956" i="2"/>
  <c r="I6930" i="5" s="1"/>
  <c r="J6956" i="2"/>
  <c r="J6930" i="5" s="1"/>
  <c r="N6930" i="5" s="1"/>
  <c r="L6956" i="2"/>
  <c r="L6930" i="5" s="1"/>
  <c r="L1609" i="2"/>
  <c r="L1583" i="5" s="1"/>
  <c r="M1609" i="2"/>
  <c r="M1583" i="5" s="1"/>
  <c r="J1609" i="2"/>
  <c r="J1583" i="5" s="1"/>
  <c r="N1583" i="5" s="1"/>
  <c r="I1609" i="2"/>
  <c r="I1583" i="5" s="1"/>
  <c r="K1609" i="2"/>
  <c r="K1583" i="5" s="1"/>
  <c r="O1583" i="5" s="1"/>
  <c r="I7764" i="2"/>
  <c r="I7738" i="5" s="1"/>
  <c r="K7764" i="2"/>
  <c r="K7738" i="5" s="1"/>
  <c r="O7738" i="5" s="1"/>
  <c r="J7764" i="2"/>
  <c r="J7738" i="5" s="1"/>
  <c r="N7738" i="5" s="1"/>
  <c r="L7764" i="2"/>
  <c r="L7738" i="5" s="1"/>
  <c r="M7764" i="2"/>
  <c r="M7738" i="5" s="1"/>
  <c r="K7770" i="2"/>
  <c r="K7744" i="5" s="1"/>
  <c r="O7744" i="5" s="1"/>
  <c r="L7770" i="2"/>
  <c r="L7744" i="5" s="1"/>
  <c r="M7770" i="2"/>
  <c r="M7744" i="5" s="1"/>
  <c r="I7770" i="2"/>
  <c r="I7744" i="5" s="1"/>
  <c r="J7770" i="2"/>
  <c r="J7744" i="5" s="1"/>
  <c r="N7744" i="5" s="1"/>
  <c r="K3846" i="2"/>
  <c r="K3820" i="5" s="1"/>
  <c r="O3820" i="5" s="1"/>
  <c r="J3846" i="2"/>
  <c r="J3820" i="5" s="1"/>
  <c r="N3820" i="5" s="1"/>
  <c r="M3846" i="2"/>
  <c r="M3820" i="5" s="1"/>
  <c r="L3846" i="2"/>
  <c r="L3820" i="5" s="1"/>
  <c r="I3846" i="2"/>
  <c r="I3820" i="5" s="1"/>
  <c r="M5089" i="2"/>
  <c r="M5063" i="5" s="1"/>
  <c r="L5089" i="2"/>
  <c r="L5063" i="5" s="1"/>
  <c r="I5089" i="2"/>
  <c r="I5063" i="5" s="1"/>
  <c r="K5089" i="2"/>
  <c r="K5063" i="5" s="1"/>
  <c r="O5063" i="5" s="1"/>
  <c r="J5089" i="2"/>
  <c r="J5063" i="5" s="1"/>
  <c r="N5063" i="5" s="1"/>
  <c r="J6978" i="2"/>
  <c r="J6952" i="5" s="1"/>
  <c r="N6952" i="5" s="1"/>
  <c r="M6978" i="2"/>
  <c r="M6952" i="5" s="1"/>
  <c r="K6978" i="2"/>
  <c r="K6952" i="5" s="1"/>
  <c r="O6952" i="5" s="1"/>
  <c r="L6978" i="2"/>
  <c r="L6952" i="5" s="1"/>
  <c r="I6978" i="2"/>
  <c r="I6952" i="5" s="1"/>
  <c r="J6126" i="2"/>
  <c r="J6100" i="5" s="1"/>
  <c r="N6100" i="5" s="1"/>
  <c r="I6126" i="2"/>
  <c r="I6100" i="5" s="1"/>
  <c r="L6126" i="2"/>
  <c r="L6100" i="5" s="1"/>
  <c r="M6126" i="2"/>
  <c r="M6100" i="5" s="1"/>
  <c r="K6126" i="2"/>
  <c r="K6100" i="5" s="1"/>
  <c r="O6100" i="5" s="1"/>
  <c r="I8680" i="2"/>
  <c r="I8654" i="5" s="1"/>
  <c r="J8680" i="2"/>
  <c r="J8654" i="5" s="1"/>
  <c r="N8654" i="5" s="1"/>
  <c r="M8680" i="2"/>
  <c r="M8654" i="5" s="1"/>
  <c r="K8680" i="2"/>
  <c r="K8654" i="5" s="1"/>
  <c r="O8654" i="5" s="1"/>
  <c r="L8680" i="2"/>
  <c r="L8654" i="5" s="1"/>
  <c r="M4138" i="2"/>
  <c r="M4112" i="5" s="1"/>
  <c r="I4138" i="2"/>
  <c r="I4112" i="5" s="1"/>
  <c r="K4138" i="2"/>
  <c r="K4112" i="5" s="1"/>
  <c r="O4112" i="5" s="1"/>
  <c r="J4138" i="2"/>
  <c r="J4112" i="5" s="1"/>
  <c r="N4112" i="5" s="1"/>
  <c r="L4138" i="2"/>
  <c r="L4112" i="5" s="1"/>
  <c r="K3948" i="2"/>
  <c r="K3922" i="5" s="1"/>
  <c r="O3922" i="5" s="1"/>
  <c r="J3948" i="2"/>
  <c r="J3922" i="5" s="1"/>
  <c r="N3922" i="5" s="1"/>
  <c r="L3948" i="2"/>
  <c r="L3922" i="5" s="1"/>
  <c r="M3948" i="2"/>
  <c r="M3922" i="5" s="1"/>
  <c r="I3948" i="2"/>
  <c r="I3922" i="5" s="1"/>
  <c r="I7160" i="2"/>
  <c r="I7134" i="5" s="1"/>
  <c r="M7160" i="2"/>
  <c r="M7134" i="5" s="1"/>
  <c r="J7160" i="2"/>
  <c r="J7134" i="5" s="1"/>
  <c r="N7134" i="5" s="1"/>
  <c r="L7160" i="2"/>
  <c r="L7134" i="5" s="1"/>
  <c r="K7160" i="2"/>
  <c r="K7134" i="5" s="1"/>
  <c r="O7134" i="5" s="1"/>
  <c r="I7150" i="2"/>
  <c r="I7124" i="5" s="1"/>
  <c r="K7150" i="2"/>
  <c r="K7124" i="5" s="1"/>
  <c r="O7124" i="5" s="1"/>
  <c r="L7150" i="2"/>
  <c r="L7124" i="5" s="1"/>
  <c r="J7150" i="2"/>
  <c r="J7124" i="5" s="1"/>
  <c r="N7124" i="5" s="1"/>
  <c r="M7150" i="2"/>
  <c r="M7124" i="5" s="1"/>
  <c r="L4430" i="2"/>
  <c r="L4404" i="5" s="1"/>
  <c r="M4430" i="2"/>
  <c r="M4404" i="5" s="1"/>
  <c r="I4430" i="2"/>
  <c r="I4404" i="5" s="1"/>
  <c r="K4430" i="2"/>
  <c r="K4404" i="5" s="1"/>
  <c r="O4404" i="5" s="1"/>
  <c r="J4430" i="2"/>
  <c r="J4404" i="5" s="1"/>
  <c r="N4404" i="5" s="1"/>
  <c r="K776" i="2"/>
  <c r="K750" i="5" s="1"/>
  <c r="O750" i="5" s="1"/>
  <c r="L776" i="2"/>
  <c r="L750" i="5" s="1"/>
  <c r="J776" i="2"/>
  <c r="J750" i="5" s="1"/>
  <c r="N750" i="5" s="1"/>
  <c r="M776" i="2"/>
  <c r="M750" i="5" s="1"/>
  <c r="I776" i="2"/>
  <c r="I750" i="5" s="1"/>
  <c r="K3472" i="2"/>
  <c r="K3446" i="5" s="1"/>
  <c r="O3446" i="5" s="1"/>
  <c r="J3472" i="2"/>
  <c r="J3446" i="5" s="1"/>
  <c r="N3446" i="5" s="1"/>
  <c r="L3472" i="2"/>
  <c r="L3446" i="5" s="1"/>
  <c r="M3472" i="2"/>
  <c r="M3446" i="5" s="1"/>
  <c r="I3472" i="2"/>
  <c r="I3446" i="5" s="1"/>
  <c r="K2112" i="2"/>
  <c r="K2086" i="5" s="1"/>
  <c r="O2086" i="5" s="1"/>
  <c r="L2112" i="2"/>
  <c r="L2086" i="5" s="1"/>
  <c r="J2112" i="2"/>
  <c r="J2086" i="5" s="1"/>
  <c r="N2086" i="5" s="1"/>
  <c r="M2112" i="2"/>
  <c r="M2086" i="5" s="1"/>
  <c r="I2112" i="2"/>
  <c r="I2086" i="5" s="1"/>
  <c r="I5438" i="2"/>
  <c r="I5412" i="5" s="1"/>
  <c r="L5438" i="2"/>
  <c r="L5412" i="5" s="1"/>
  <c r="J5438" i="2"/>
  <c r="J5412" i="5" s="1"/>
  <c r="N5412" i="5" s="1"/>
  <c r="K5438" i="2"/>
  <c r="K5412" i="5" s="1"/>
  <c r="O5412" i="5" s="1"/>
  <c r="M5438" i="2"/>
  <c r="M5412" i="5" s="1"/>
  <c r="I1479" i="2"/>
  <c r="I1453" i="5" s="1"/>
  <c r="L1479" i="2"/>
  <c r="L1453" i="5" s="1"/>
  <c r="K1479" i="2"/>
  <c r="K1453" i="5" s="1"/>
  <c r="O1453" i="5" s="1"/>
  <c r="J1479" i="2"/>
  <c r="J1453" i="5" s="1"/>
  <c r="N1453" i="5" s="1"/>
  <c r="M1479" i="2"/>
  <c r="M1453" i="5" s="1"/>
  <c r="L8526" i="2"/>
  <c r="L8500" i="5" s="1"/>
  <c r="M8526" i="2"/>
  <c r="M8500" i="5" s="1"/>
  <c r="K8526" i="2"/>
  <c r="K8500" i="5" s="1"/>
  <c r="O8500" i="5" s="1"/>
  <c r="J8526" i="2"/>
  <c r="J8500" i="5" s="1"/>
  <c r="N8500" i="5" s="1"/>
  <c r="I8526" i="2"/>
  <c r="I8500" i="5" s="1"/>
  <c r="M5803" i="2"/>
  <c r="M5777" i="5" s="1"/>
  <c r="I5803" i="2"/>
  <c r="I5777" i="5" s="1"/>
  <c r="K5803" i="2"/>
  <c r="K5777" i="5" s="1"/>
  <c r="O5777" i="5" s="1"/>
  <c r="J5803" i="2"/>
  <c r="J5777" i="5" s="1"/>
  <c r="N5777" i="5" s="1"/>
  <c r="L5803" i="2"/>
  <c r="L5777" i="5" s="1"/>
  <c r="L67" i="2"/>
  <c r="L41" i="5" s="1"/>
  <c r="M67" i="2"/>
  <c r="M41" i="5" s="1"/>
  <c r="K67" i="2"/>
  <c r="K41" i="5" s="1"/>
  <c r="O41" i="5" s="1"/>
  <c r="I67" i="2"/>
  <c r="I41" i="5" s="1"/>
  <c r="J67" i="2"/>
  <c r="J41" i="5" s="1"/>
  <c r="N41" i="5" s="1"/>
  <c r="I2784" i="2"/>
  <c r="I2758" i="5" s="1"/>
  <c r="K2784" i="2"/>
  <c r="K2758" i="5" s="1"/>
  <c r="O2758" i="5" s="1"/>
  <c r="L2784" i="2"/>
  <c r="L2758" i="5" s="1"/>
  <c r="M2784" i="2"/>
  <c r="M2758" i="5" s="1"/>
  <c r="J2784" i="2"/>
  <c r="J2758" i="5" s="1"/>
  <c r="N2758" i="5" s="1"/>
  <c r="J1460" i="2"/>
  <c r="J1434" i="5" s="1"/>
  <c r="N1434" i="5" s="1"/>
  <c r="M1460" i="2"/>
  <c r="M1434" i="5" s="1"/>
  <c r="L1460" i="2"/>
  <c r="L1434" i="5" s="1"/>
  <c r="I1460" i="2"/>
  <c r="I1434" i="5" s="1"/>
  <c r="K1460" i="2"/>
  <c r="K1434" i="5" s="1"/>
  <c r="O1434" i="5" s="1"/>
  <c r="J1464" i="2"/>
  <c r="J1438" i="5" s="1"/>
  <c r="N1438" i="5" s="1"/>
  <c r="M1464" i="2"/>
  <c r="M1438" i="5" s="1"/>
  <c r="L1464" i="2"/>
  <c r="L1438" i="5" s="1"/>
  <c r="I1464" i="2"/>
  <c r="I1438" i="5" s="1"/>
  <c r="K1464" i="2"/>
  <c r="K1438" i="5" s="1"/>
  <c r="O1438" i="5" s="1"/>
  <c r="I8305" i="2"/>
  <c r="I8279" i="5" s="1"/>
  <c r="K8305" i="2"/>
  <c r="K8279" i="5" s="1"/>
  <c r="O8279" i="5" s="1"/>
  <c r="M8305" i="2"/>
  <c r="M8279" i="5" s="1"/>
  <c r="J8305" i="2"/>
  <c r="J8279" i="5" s="1"/>
  <c r="N8279" i="5" s="1"/>
  <c r="L8305" i="2"/>
  <c r="L8279" i="5" s="1"/>
  <c r="J1232" i="2"/>
  <c r="J1206" i="5" s="1"/>
  <c r="N1206" i="5" s="1"/>
  <c r="M1232" i="2"/>
  <c r="M1206" i="5" s="1"/>
  <c r="K1232" i="2"/>
  <c r="K1206" i="5" s="1"/>
  <c r="O1206" i="5" s="1"/>
  <c r="I1232" i="2"/>
  <c r="I1206" i="5" s="1"/>
  <c r="L1232" i="2"/>
  <c r="L1206" i="5" s="1"/>
  <c r="J5132" i="2"/>
  <c r="J5106" i="5" s="1"/>
  <c r="N5106" i="5" s="1"/>
  <c r="M5132" i="2"/>
  <c r="M5106" i="5" s="1"/>
  <c r="L5132" i="2"/>
  <c r="L5106" i="5" s="1"/>
  <c r="I5132" i="2"/>
  <c r="I5106" i="5" s="1"/>
  <c r="K5132" i="2"/>
  <c r="K5106" i="5" s="1"/>
  <c r="O5106" i="5" s="1"/>
  <c r="K5123" i="2"/>
  <c r="K5097" i="5" s="1"/>
  <c r="O5097" i="5" s="1"/>
  <c r="J5123" i="2"/>
  <c r="J5097" i="5" s="1"/>
  <c r="N5097" i="5" s="1"/>
  <c r="M5123" i="2"/>
  <c r="M5097" i="5" s="1"/>
  <c r="L5123" i="2"/>
  <c r="L5097" i="5" s="1"/>
  <c r="I5123" i="2"/>
  <c r="I5097" i="5" s="1"/>
  <c r="K6026" i="2"/>
  <c r="K6000" i="5" s="1"/>
  <c r="O6000" i="5" s="1"/>
  <c r="J6026" i="2"/>
  <c r="J6000" i="5" s="1"/>
  <c r="N6000" i="5" s="1"/>
  <c r="M6026" i="2"/>
  <c r="M6000" i="5" s="1"/>
  <c r="I6026" i="2"/>
  <c r="I6000" i="5" s="1"/>
  <c r="L6026" i="2"/>
  <c r="L6000" i="5" s="1"/>
  <c r="J43" i="2"/>
  <c r="J17" i="5" s="1"/>
  <c r="N17" i="5" s="1"/>
  <c r="K43" i="2"/>
  <c r="K17" i="5" s="1"/>
  <c r="O17" i="5" s="1"/>
  <c r="I43" i="2"/>
  <c r="I17" i="5" s="1"/>
  <c r="M43" i="2"/>
  <c r="M17" i="5" s="1"/>
  <c r="L43" i="2"/>
  <c r="L17" i="5" s="1"/>
  <c r="I5283" i="2"/>
  <c r="I5257" i="5" s="1"/>
  <c r="K5283" i="2"/>
  <c r="K5257" i="5" s="1"/>
  <c r="O5257" i="5" s="1"/>
  <c r="M5283" i="2"/>
  <c r="M5257" i="5" s="1"/>
  <c r="J5283" i="2"/>
  <c r="J5257" i="5" s="1"/>
  <c r="N5257" i="5" s="1"/>
  <c r="L5283" i="2"/>
  <c r="L5257" i="5" s="1"/>
  <c r="J7665" i="2"/>
  <c r="J7639" i="5" s="1"/>
  <c r="N7639" i="5" s="1"/>
  <c r="I7665" i="2"/>
  <c r="I7639" i="5" s="1"/>
  <c r="M7665" i="2"/>
  <c r="M7639" i="5" s="1"/>
  <c r="K7665" i="2"/>
  <c r="K7639" i="5" s="1"/>
  <c r="O7639" i="5" s="1"/>
  <c r="L7665" i="2"/>
  <c r="L7639" i="5" s="1"/>
  <c r="I1048" i="2"/>
  <c r="I1022" i="5" s="1"/>
  <c r="K1048" i="2"/>
  <c r="K1022" i="5" s="1"/>
  <c r="O1022" i="5" s="1"/>
  <c r="J1048" i="2"/>
  <c r="J1022" i="5" s="1"/>
  <c r="N1022" i="5" s="1"/>
  <c r="M1048" i="2"/>
  <c r="M1022" i="5" s="1"/>
  <c r="L1048" i="2"/>
  <c r="L1022" i="5" s="1"/>
  <c r="M4811" i="2"/>
  <c r="M4785" i="5" s="1"/>
  <c r="L4811" i="2"/>
  <c r="L4785" i="5" s="1"/>
  <c r="I4811" i="2"/>
  <c r="I4785" i="5" s="1"/>
  <c r="K4811" i="2"/>
  <c r="K4785" i="5" s="1"/>
  <c r="O4785" i="5" s="1"/>
  <c r="J4811" i="2"/>
  <c r="J4785" i="5" s="1"/>
  <c r="N4785" i="5" s="1"/>
  <c r="I2282" i="2"/>
  <c r="I2256" i="5" s="1"/>
  <c r="K2282" i="2"/>
  <c r="K2256" i="5" s="1"/>
  <c r="O2256" i="5" s="1"/>
  <c r="J2282" i="2"/>
  <c r="J2256" i="5" s="1"/>
  <c r="N2256" i="5" s="1"/>
  <c r="M2282" i="2"/>
  <c r="M2256" i="5" s="1"/>
  <c r="L2282" i="2"/>
  <c r="L2256" i="5" s="1"/>
  <c r="J6485" i="2"/>
  <c r="J6459" i="5" s="1"/>
  <c r="N6459" i="5" s="1"/>
  <c r="M6485" i="2"/>
  <c r="M6459" i="5" s="1"/>
  <c r="I6485" i="2"/>
  <c r="I6459" i="5" s="1"/>
  <c r="K6485" i="2"/>
  <c r="K6459" i="5" s="1"/>
  <c r="O6459" i="5" s="1"/>
  <c r="L6485" i="2"/>
  <c r="L6459" i="5" s="1"/>
  <c r="K2636" i="2"/>
  <c r="K2610" i="5" s="1"/>
  <c r="O2610" i="5" s="1"/>
  <c r="J2636" i="2"/>
  <c r="J2610" i="5" s="1"/>
  <c r="N2610" i="5" s="1"/>
  <c r="L2636" i="2"/>
  <c r="L2610" i="5" s="1"/>
  <c r="M2636" i="2"/>
  <c r="M2610" i="5" s="1"/>
  <c r="I2636" i="2"/>
  <c r="I2610" i="5" s="1"/>
  <c r="I3127" i="2"/>
  <c r="I3101" i="5" s="1"/>
  <c r="L3127" i="2"/>
  <c r="L3101" i="5" s="1"/>
  <c r="K3127" i="2"/>
  <c r="K3101" i="5" s="1"/>
  <c r="O3101" i="5" s="1"/>
  <c r="M3127" i="2"/>
  <c r="M3101" i="5" s="1"/>
  <c r="J3127" i="2"/>
  <c r="J3101" i="5" s="1"/>
  <c r="N3101" i="5" s="1"/>
  <c r="K3116" i="2"/>
  <c r="K3090" i="5" s="1"/>
  <c r="O3090" i="5" s="1"/>
  <c r="M3116" i="2"/>
  <c r="M3090" i="5" s="1"/>
  <c r="J3116" i="2"/>
  <c r="J3090" i="5" s="1"/>
  <c r="N3090" i="5" s="1"/>
  <c r="I3116" i="2"/>
  <c r="I3090" i="5" s="1"/>
  <c r="L3116" i="2"/>
  <c r="L3090" i="5" s="1"/>
  <c r="J7011" i="2"/>
  <c r="J6985" i="5" s="1"/>
  <c r="N6985" i="5" s="1"/>
  <c r="M7011" i="2"/>
  <c r="M6985" i="5" s="1"/>
  <c r="K7011" i="2"/>
  <c r="K6985" i="5" s="1"/>
  <c r="O6985" i="5" s="1"/>
  <c r="I7011" i="2"/>
  <c r="I6985" i="5" s="1"/>
  <c r="L7011" i="2"/>
  <c r="L6985" i="5" s="1"/>
  <c r="J1282" i="2"/>
  <c r="J1256" i="5" s="1"/>
  <c r="N1256" i="5" s="1"/>
  <c r="L1282" i="2"/>
  <c r="L1256" i="5" s="1"/>
  <c r="K1282" i="2"/>
  <c r="K1256" i="5" s="1"/>
  <c r="O1256" i="5" s="1"/>
  <c r="M1282" i="2"/>
  <c r="M1256" i="5" s="1"/>
  <c r="I1282" i="2"/>
  <c r="I1256" i="5" s="1"/>
  <c r="J5972" i="2"/>
  <c r="J5946" i="5" s="1"/>
  <c r="N5946" i="5" s="1"/>
  <c r="L5972" i="2"/>
  <c r="L5946" i="5" s="1"/>
  <c r="M5972" i="2"/>
  <c r="M5946" i="5" s="1"/>
  <c r="I5972" i="2"/>
  <c r="I5946" i="5" s="1"/>
  <c r="K5972" i="2"/>
  <c r="K5946" i="5" s="1"/>
  <c r="O5946" i="5" s="1"/>
  <c r="J5978" i="2"/>
  <c r="J5952" i="5" s="1"/>
  <c r="N5952" i="5" s="1"/>
  <c r="L5978" i="2"/>
  <c r="L5952" i="5" s="1"/>
  <c r="I5978" i="2"/>
  <c r="I5952" i="5" s="1"/>
  <c r="M5978" i="2"/>
  <c r="M5952" i="5" s="1"/>
  <c r="K5978" i="2"/>
  <c r="K5952" i="5" s="1"/>
  <c r="O5952" i="5" s="1"/>
  <c r="I3085" i="2"/>
  <c r="I3059" i="5" s="1"/>
  <c r="L3085" i="2"/>
  <c r="L3059" i="5" s="1"/>
  <c r="K3085" i="2"/>
  <c r="K3059" i="5" s="1"/>
  <c r="O3059" i="5" s="1"/>
  <c r="M3085" i="2"/>
  <c r="M3059" i="5" s="1"/>
  <c r="J3085" i="2"/>
  <c r="J3059" i="5" s="1"/>
  <c r="N3059" i="5" s="1"/>
  <c r="C135" i="5"/>
  <c r="AR129" i="1"/>
  <c r="I1112" i="2"/>
  <c r="I1086" i="5" s="1"/>
  <c r="L1112" i="2"/>
  <c r="L1086" i="5" s="1"/>
  <c r="J1112" i="2"/>
  <c r="J1086" i="5" s="1"/>
  <c r="N1086" i="5" s="1"/>
  <c r="M1112" i="2"/>
  <c r="M1086" i="5" s="1"/>
  <c r="K1112" i="2"/>
  <c r="K1086" i="5" s="1"/>
  <c r="O1086" i="5" s="1"/>
  <c r="I478" i="2"/>
  <c r="I452" i="5" s="1"/>
  <c r="L478" i="2"/>
  <c r="L452" i="5" s="1"/>
  <c r="J478" i="2"/>
  <c r="J452" i="5" s="1"/>
  <c r="N452" i="5" s="1"/>
  <c r="M478" i="2"/>
  <c r="M452" i="5" s="1"/>
  <c r="K478" i="2"/>
  <c r="K452" i="5" s="1"/>
  <c r="O452" i="5" s="1"/>
  <c r="L239" i="2"/>
  <c r="L213" i="5" s="1"/>
  <c r="J239" i="2"/>
  <c r="J213" i="5" s="1"/>
  <c r="N213" i="5" s="1"/>
  <c r="K239" i="2"/>
  <c r="K213" i="5" s="1"/>
  <c r="O213" i="5" s="1"/>
  <c r="I239" i="2"/>
  <c r="I213" i="5" s="1"/>
  <c r="M239" i="2"/>
  <c r="M213" i="5" s="1"/>
  <c r="L6926" i="2"/>
  <c r="L6900" i="5" s="1"/>
  <c r="K6926" i="2"/>
  <c r="K6900" i="5" s="1"/>
  <c r="O6900" i="5" s="1"/>
  <c r="J6926" i="2"/>
  <c r="J6900" i="5" s="1"/>
  <c r="N6900" i="5" s="1"/>
  <c r="M6926" i="2"/>
  <c r="M6900" i="5" s="1"/>
  <c r="I6926" i="2"/>
  <c r="I6900" i="5" s="1"/>
  <c r="J6933" i="2"/>
  <c r="J6907" i="5" s="1"/>
  <c r="N6907" i="5" s="1"/>
  <c r="M6933" i="2"/>
  <c r="M6907" i="5" s="1"/>
  <c r="I6933" i="2"/>
  <c r="I6907" i="5" s="1"/>
  <c r="K6933" i="2"/>
  <c r="K6907" i="5" s="1"/>
  <c r="O6907" i="5" s="1"/>
  <c r="L6933" i="2"/>
  <c r="L6907" i="5" s="1"/>
  <c r="I5502" i="2"/>
  <c r="I5476" i="5" s="1"/>
  <c r="L5502" i="2"/>
  <c r="L5476" i="5" s="1"/>
  <c r="M5502" i="2"/>
  <c r="M5476" i="5" s="1"/>
  <c r="K5502" i="2"/>
  <c r="K5476" i="5" s="1"/>
  <c r="O5476" i="5" s="1"/>
  <c r="J5502" i="2"/>
  <c r="J5476" i="5" s="1"/>
  <c r="N5476" i="5" s="1"/>
  <c r="L5483" i="2"/>
  <c r="L5457" i="5" s="1"/>
  <c r="I5483" i="2"/>
  <c r="I5457" i="5" s="1"/>
  <c r="K5483" i="2"/>
  <c r="K5457" i="5" s="1"/>
  <c r="O5457" i="5" s="1"/>
  <c r="M5483" i="2"/>
  <c r="M5457" i="5" s="1"/>
  <c r="J5483" i="2"/>
  <c r="J5457" i="5" s="1"/>
  <c r="N5457" i="5" s="1"/>
  <c r="J4741" i="2"/>
  <c r="J4715" i="5" s="1"/>
  <c r="N4715" i="5" s="1"/>
  <c r="M4741" i="2"/>
  <c r="M4715" i="5" s="1"/>
  <c r="L4741" i="2"/>
  <c r="L4715" i="5" s="1"/>
  <c r="I4741" i="2"/>
  <c r="I4715" i="5" s="1"/>
  <c r="K4741" i="2"/>
  <c r="K4715" i="5" s="1"/>
  <c r="O4715" i="5" s="1"/>
  <c r="K8151" i="2"/>
  <c r="K8125" i="5" s="1"/>
  <c r="O8125" i="5" s="1"/>
  <c r="L8151" i="2"/>
  <c r="L8125" i="5" s="1"/>
  <c r="M8151" i="2"/>
  <c r="M8125" i="5" s="1"/>
  <c r="J8151" i="2"/>
  <c r="J8125" i="5" s="1"/>
  <c r="N8125" i="5" s="1"/>
  <c r="I8151" i="2"/>
  <c r="I8125" i="5" s="1"/>
  <c r="J1903" i="2"/>
  <c r="J1877" i="5" s="1"/>
  <c r="N1877" i="5" s="1"/>
  <c r="L1903" i="2"/>
  <c r="L1877" i="5" s="1"/>
  <c r="M1903" i="2"/>
  <c r="M1877" i="5" s="1"/>
  <c r="I1903" i="2"/>
  <c r="I1877" i="5" s="1"/>
  <c r="K1903" i="2"/>
  <c r="K1877" i="5" s="1"/>
  <c r="O1877" i="5" s="1"/>
  <c r="L4767" i="2"/>
  <c r="L4741" i="5" s="1"/>
  <c r="I4767" i="2"/>
  <c r="I4741" i="5" s="1"/>
  <c r="K4767" i="2"/>
  <c r="K4741" i="5" s="1"/>
  <c r="O4741" i="5" s="1"/>
  <c r="J4767" i="2"/>
  <c r="J4741" i="5" s="1"/>
  <c r="N4741" i="5" s="1"/>
  <c r="M4767" i="2"/>
  <c r="M4741" i="5" s="1"/>
  <c r="J3673" i="2"/>
  <c r="J3647" i="5" s="1"/>
  <c r="N3647" i="5" s="1"/>
  <c r="I3673" i="2"/>
  <c r="I3647" i="5" s="1"/>
  <c r="K3673" i="2"/>
  <c r="K3647" i="5" s="1"/>
  <c r="O3647" i="5" s="1"/>
  <c r="L3673" i="2"/>
  <c r="L3647" i="5" s="1"/>
  <c r="M3673" i="2"/>
  <c r="M3647" i="5" s="1"/>
  <c r="M5628" i="2"/>
  <c r="M5602" i="5" s="1"/>
  <c r="L5628" i="2"/>
  <c r="L5602" i="5" s="1"/>
  <c r="I5628" i="2"/>
  <c r="I5602" i="5" s="1"/>
  <c r="K5628" i="2"/>
  <c r="K5602" i="5" s="1"/>
  <c r="O5602" i="5" s="1"/>
  <c r="J5628" i="2"/>
  <c r="J5602" i="5" s="1"/>
  <c r="N5602" i="5" s="1"/>
  <c r="I2057" i="2"/>
  <c r="I2031" i="5" s="1"/>
  <c r="K2057" i="2"/>
  <c r="K2031" i="5" s="1"/>
  <c r="O2031" i="5" s="1"/>
  <c r="M2057" i="2"/>
  <c r="M2031" i="5" s="1"/>
  <c r="J2057" i="2"/>
  <c r="J2031" i="5" s="1"/>
  <c r="N2031" i="5" s="1"/>
  <c r="L2057" i="2"/>
  <c r="L2031" i="5" s="1"/>
  <c r="J7626" i="2"/>
  <c r="J7600" i="5" s="1"/>
  <c r="N7600" i="5" s="1"/>
  <c r="M7626" i="2"/>
  <c r="M7600" i="5" s="1"/>
  <c r="I7626" i="2"/>
  <c r="I7600" i="5" s="1"/>
  <c r="L7626" i="2"/>
  <c r="L7600" i="5" s="1"/>
  <c r="K7626" i="2"/>
  <c r="K7600" i="5" s="1"/>
  <c r="O7600" i="5" s="1"/>
  <c r="M4462" i="2"/>
  <c r="M4436" i="5" s="1"/>
  <c r="L4462" i="2"/>
  <c r="L4436" i="5" s="1"/>
  <c r="I4462" i="2"/>
  <c r="I4436" i="5" s="1"/>
  <c r="J4462" i="2"/>
  <c r="J4436" i="5" s="1"/>
  <c r="N4436" i="5" s="1"/>
  <c r="K4462" i="2"/>
  <c r="K4436" i="5" s="1"/>
  <c r="O4436" i="5" s="1"/>
  <c r="J4461" i="2"/>
  <c r="J4435" i="5" s="1"/>
  <c r="N4435" i="5" s="1"/>
  <c r="L4461" i="2"/>
  <c r="L4435" i="5" s="1"/>
  <c r="M4461" i="2"/>
  <c r="M4435" i="5" s="1"/>
  <c r="I4461" i="2"/>
  <c r="I4435" i="5" s="1"/>
  <c r="K4461" i="2"/>
  <c r="K4435" i="5" s="1"/>
  <c r="O4435" i="5" s="1"/>
  <c r="J7675" i="2"/>
  <c r="J7649" i="5" s="1"/>
  <c r="N7649" i="5" s="1"/>
  <c r="L7675" i="2"/>
  <c r="L7649" i="5" s="1"/>
  <c r="I7675" i="2"/>
  <c r="I7649" i="5" s="1"/>
  <c r="K7675" i="2"/>
  <c r="K7649" i="5" s="1"/>
  <c r="O7649" i="5" s="1"/>
  <c r="M7675" i="2"/>
  <c r="M7649" i="5" s="1"/>
  <c r="I4171" i="2"/>
  <c r="I4145" i="5" s="1"/>
  <c r="J4171" i="2"/>
  <c r="J4145" i="5" s="1"/>
  <c r="N4145" i="5" s="1"/>
  <c r="M4171" i="2"/>
  <c r="M4145" i="5" s="1"/>
  <c r="K4171" i="2"/>
  <c r="K4145" i="5" s="1"/>
  <c r="O4145" i="5" s="1"/>
  <c r="L4171" i="2"/>
  <c r="L4145" i="5" s="1"/>
  <c r="J2409" i="2"/>
  <c r="J2383" i="5" s="1"/>
  <c r="N2383" i="5" s="1"/>
  <c r="L2409" i="2"/>
  <c r="L2383" i="5" s="1"/>
  <c r="M2409" i="2"/>
  <c r="M2383" i="5" s="1"/>
  <c r="I2409" i="2"/>
  <c r="I2383" i="5" s="1"/>
  <c r="K2409" i="2"/>
  <c r="K2383" i="5" s="1"/>
  <c r="O2383" i="5" s="1"/>
  <c r="L8635" i="2"/>
  <c r="L8609" i="5" s="1"/>
  <c r="M8635" i="2"/>
  <c r="M8609" i="5" s="1"/>
  <c r="I8635" i="2"/>
  <c r="I8609" i="5" s="1"/>
  <c r="J8635" i="2"/>
  <c r="J8609" i="5" s="1"/>
  <c r="N8609" i="5" s="1"/>
  <c r="K8635" i="2"/>
  <c r="K8609" i="5" s="1"/>
  <c r="O8609" i="5" s="1"/>
  <c r="K3642" i="2"/>
  <c r="K3616" i="5" s="1"/>
  <c r="O3616" i="5" s="1"/>
  <c r="I3642" i="2"/>
  <c r="I3616" i="5" s="1"/>
  <c r="J3642" i="2"/>
  <c r="J3616" i="5" s="1"/>
  <c r="N3616" i="5" s="1"/>
  <c r="L3642" i="2"/>
  <c r="L3616" i="5" s="1"/>
  <c r="M3642" i="2"/>
  <c r="M3616" i="5" s="1"/>
  <c r="K3602" i="2"/>
  <c r="K3576" i="5" s="1"/>
  <c r="O3576" i="5" s="1"/>
  <c r="L3602" i="2"/>
  <c r="L3576" i="5" s="1"/>
  <c r="I3602" i="2"/>
  <c r="I3576" i="5" s="1"/>
  <c r="M3602" i="2"/>
  <c r="M3576" i="5" s="1"/>
  <c r="J3602" i="2"/>
  <c r="J3576" i="5" s="1"/>
  <c r="N3576" i="5" s="1"/>
  <c r="L5519" i="2"/>
  <c r="L5493" i="5" s="1"/>
  <c r="M5519" i="2"/>
  <c r="M5493" i="5" s="1"/>
  <c r="I5519" i="2"/>
  <c r="I5493" i="5" s="1"/>
  <c r="K5519" i="2"/>
  <c r="K5493" i="5" s="1"/>
  <c r="O5493" i="5" s="1"/>
  <c r="J5519" i="2"/>
  <c r="J5493" i="5" s="1"/>
  <c r="N5493" i="5" s="1"/>
  <c r="L5245" i="2"/>
  <c r="L5219" i="5" s="1"/>
  <c r="M5245" i="2"/>
  <c r="M5219" i="5" s="1"/>
  <c r="I5245" i="2"/>
  <c r="I5219" i="5" s="1"/>
  <c r="K5245" i="2"/>
  <c r="K5219" i="5" s="1"/>
  <c r="O5219" i="5" s="1"/>
  <c r="J5245" i="2"/>
  <c r="J5219" i="5" s="1"/>
  <c r="N5219" i="5" s="1"/>
  <c r="K6592" i="2"/>
  <c r="K6566" i="5" s="1"/>
  <c r="O6566" i="5" s="1"/>
  <c r="L6592" i="2"/>
  <c r="L6566" i="5" s="1"/>
  <c r="J6592" i="2"/>
  <c r="J6566" i="5" s="1"/>
  <c r="N6566" i="5" s="1"/>
  <c r="I6592" i="2"/>
  <c r="I6566" i="5" s="1"/>
  <c r="M6592" i="2"/>
  <c r="M6566" i="5" s="1"/>
  <c r="J2492" i="2"/>
  <c r="J2466" i="5" s="1"/>
  <c r="N2466" i="5" s="1"/>
  <c r="L2492" i="2"/>
  <c r="L2466" i="5" s="1"/>
  <c r="M2492" i="2"/>
  <c r="M2466" i="5" s="1"/>
  <c r="I2492" i="2"/>
  <c r="I2466" i="5" s="1"/>
  <c r="K2492" i="2"/>
  <c r="K2466" i="5" s="1"/>
  <c r="O2466" i="5" s="1"/>
  <c r="J2494" i="2"/>
  <c r="J2468" i="5" s="1"/>
  <c r="N2468" i="5" s="1"/>
  <c r="L2494" i="2"/>
  <c r="L2468" i="5" s="1"/>
  <c r="M2494" i="2"/>
  <c r="M2468" i="5" s="1"/>
  <c r="I2494" i="2"/>
  <c r="I2468" i="5" s="1"/>
  <c r="K2494" i="2"/>
  <c r="K2468" i="5" s="1"/>
  <c r="O2468" i="5" s="1"/>
  <c r="M2582" i="2"/>
  <c r="M2556" i="5" s="1"/>
  <c r="I2582" i="2"/>
  <c r="I2556" i="5" s="1"/>
  <c r="K2582" i="2"/>
  <c r="K2556" i="5" s="1"/>
  <c r="O2556" i="5" s="1"/>
  <c r="L2582" i="2"/>
  <c r="L2556" i="5" s="1"/>
  <c r="J2582" i="2"/>
  <c r="J2556" i="5" s="1"/>
  <c r="N2556" i="5" s="1"/>
  <c r="J2589" i="2"/>
  <c r="J2563" i="5" s="1"/>
  <c r="N2563" i="5" s="1"/>
  <c r="L2589" i="2"/>
  <c r="L2563" i="5" s="1"/>
  <c r="M2589" i="2"/>
  <c r="M2563" i="5" s="1"/>
  <c r="I2589" i="2"/>
  <c r="I2563" i="5" s="1"/>
  <c r="K2589" i="2"/>
  <c r="K2563" i="5" s="1"/>
  <c r="O2563" i="5" s="1"/>
  <c r="L6316" i="2"/>
  <c r="L6290" i="5" s="1"/>
  <c r="J6316" i="2"/>
  <c r="J6290" i="5" s="1"/>
  <c r="N6290" i="5" s="1"/>
  <c r="M6316" i="2"/>
  <c r="M6290" i="5" s="1"/>
  <c r="I6316" i="2"/>
  <c r="I6290" i="5" s="1"/>
  <c r="K6316" i="2"/>
  <c r="K6290" i="5" s="1"/>
  <c r="O6290" i="5" s="1"/>
  <c r="M6321" i="2"/>
  <c r="M6295" i="5" s="1"/>
  <c r="I6321" i="2"/>
  <c r="I6295" i="5" s="1"/>
  <c r="K6321" i="2"/>
  <c r="K6295" i="5" s="1"/>
  <c r="O6295" i="5" s="1"/>
  <c r="J6321" i="2"/>
  <c r="J6295" i="5" s="1"/>
  <c r="N6295" i="5" s="1"/>
  <c r="L6321" i="2"/>
  <c r="L6295" i="5" s="1"/>
  <c r="L3797" i="2"/>
  <c r="L3771" i="5" s="1"/>
  <c r="I3797" i="2"/>
  <c r="I3771" i="5" s="1"/>
  <c r="K3797" i="2"/>
  <c r="K3771" i="5" s="1"/>
  <c r="O3771" i="5" s="1"/>
  <c r="J3797" i="2"/>
  <c r="J3771" i="5" s="1"/>
  <c r="N3771" i="5" s="1"/>
  <c r="M3797" i="2"/>
  <c r="M3771" i="5" s="1"/>
  <c r="K2168" i="2"/>
  <c r="K2142" i="5" s="1"/>
  <c r="O2142" i="5" s="1"/>
  <c r="J2168" i="2"/>
  <c r="J2142" i="5" s="1"/>
  <c r="N2142" i="5" s="1"/>
  <c r="L2168" i="2"/>
  <c r="L2142" i="5" s="1"/>
  <c r="M2168" i="2"/>
  <c r="M2142" i="5" s="1"/>
  <c r="I2168" i="2"/>
  <c r="I2142" i="5" s="1"/>
  <c r="C96" i="5"/>
  <c r="AR90" i="1"/>
  <c r="L6288" i="2"/>
  <c r="L6262" i="5" s="1"/>
  <c r="K6288" i="2"/>
  <c r="K6262" i="5" s="1"/>
  <c r="O6262" i="5" s="1"/>
  <c r="J6288" i="2"/>
  <c r="J6262" i="5" s="1"/>
  <c r="N6262" i="5" s="1"/>
  <c r="M6288" i="2"/>
  <c r="M6262" i="5" s="1"/>
  <c r="I6288" i="2"/>
  <c r="I6262" i="5" s="1"/>
  <c r="I3439" i="2"/>
  <c r="I3413" i="5" s="1"/>
  <c r="M3439" i="2"/>
  <c r="M3413" i="5" s="1"/>
  <c r="K3439" i="2"/>
  <c r="K3413" i="5" s="1"/>
  <c r="O3413" i="5" s="1"/>
  <c r="J3439" i="2"/>
  <c r="J3413" i="5" s="1"/>
  <c r="N3413" i="5" s="1"/>
  <c r="L3439" i="2"/>
  <c r="L3413" i="5" s="1"/>
  <c r="J6790" i="2"/>
  <c r="J6764" i="5" s="1"/>
  <c r="N6764" i="5" s="1"/>
  <c r="M6790" i="2"/>
  <c r="M6764" i="5" s="1"/>
  <c r="L6790" i="2"/>
  <c r="L6764" i="5" s="1"/>
  <c r="I6790" i="2"/>
  <c r="I6764" i="5" s="1"/>
  <c r="K6790" i="2"/>
  <c r="K6764" i="5" s="1"/>
  <c r="O6764" i="5" s="1"/>
  <c r="J7302" i="2"/>
  <c r="J7276" i="5" s="1"/>
  <c r="N7276" i="5" s="1"/>
  <c r="I7302" i="2"/>
  <c r="I7276" i="5" s="1"/>
  <c r="K7302" i="2"/>
  <c r="K7276" i="5" s="1"/>
  <c r="O7276" i="5" s="1"/>
  <c r="L7302" i="2"/>
  <c r="L7276" i="5" s="1"/>
  <c r="M7302" i="2"/>
  <c r="M7276" i="5" s="1"/>
  <c r="K1236" i="2"/>
  <c r="K1210" i="5" s="1"/>
  <c r="O1210" i="5" s="1"/>
  <c r="L1236" i="2"/>
  <c r="L1210" i="5" s="1"/>
  <c r="J1236" i="2"/>
  <c r="J1210" i="5" s="1"/>
  <c r="N1210" i="5" s="1"/>
  <c r="I1236" i="2"/>
  <c r="I1210" i="5" s="1"/>
  <c r="M1236" i="2"/>
  <c r="M1210" i="5" s="1"/>
  <c r="K3297" i="2"/>
  <c r="K3271" i="5" s="1"/>
  <c r="O3271" i="5" s="1"/>
  <c r="J3297" i="2"/>
  <c r="J3271" i="5" s="1"/>
  <c r="N3271" i="5" s="1"/>
  <c r="L3297" i="2"/>
  <c r="L3271" i="5" s="1"/>
  <c r="I3297" i="2"/>
  <c r="I3271" i="5" s="1"/>
  <c r="M3297" i="2"/>
  <c r="M3271" i="5" s="1"/>
  <c r="L6808" i="2"/>
  <c r="L6782" i="5" s="1"/>
  <c r="M6808" i="2"/>
  <c r="M6782" i="5" s="1"/>
  <c r="I6808" i="2"/>
  <c r="I6782" i="5" s="1"/>
  <c r="K6808" i="2"/>
  <c r="K6782" i="5" s="1"/>
  <c r="O6782" i="5" s="1"/>
  <c r="J6808" i="2"/>
  <c r="J6782" i="5" s="1"/>
  <c r="N6782" i="5" s="1"/>
  <c r="M5428" i="2"/>
  <c r="M5402" i="5" s="1"/>
  <c r="J5428" i="2"/>
  <c r="J5402" i="5" s="1"/>
  <c r="N5402" i="5" s="1"/>
  <c r="I5428" i="2"/>
  <c r="I5402" i="5" s="1"/>
  <c r="K5428" i="2"/>
  <c r="K5402" i="5" s="1"/>
  <c r="O5402" i="5" s="1"/>
  <c r="L5428" i="2"/>
  <c r="L5402" i="5" s="1"/>
  <c r="L115" i="2"/>
  <c r="L89" i="5" s="1"/>
  <c r="M115" i="2"/>
  <c r="M89" i="5" s="1"/>
  <c r="J115" i="2"/>
  <c r="J89" i="5" s="1"/>
  <c r="N89" i="5" s="1"/>
  <c r="I115" i="2"/>
  <c r="I89" i="5" s="1"/>
  <c r="K115" i="2"/>
  <c r="K89" i="5" s="1"/>
  <c r="O89" i="5" s="1"/>
  <c r="K3903" i="2"/>
  <c r="K3877" i="5" s="1"/>
  <c r="O3877" i="5" s="1"/>
  <c r="M3903" i="2"/>
  <c r="M3877" i="5" s="1"/>
  <c r="I3903" i="2"/>
  <c r="I3877" i="5" s="1"/>
  <c r="J3903" i="2"/>
  <c r="J3877" i="5" s="1"/>
  <c r="N3877" i="5" s="1"/>
  <c r="L3903" i="2"/>
  <c r="L3877" i="5" s="1"/>
  <c r="C17" i="5"/>
  <c r="AR11" i="1"/>
  <c r="K6365" i="2"/>
  <c r="K6339" i="5" s="1"/>
  <c r="O6339" i="5" s="1"/>
  <c r="L6365" i="2"/>
  <c r="L6339" i="5" s="1"/>
  <c r="M6365" i="2"/>
  <c r="M6339" i="5" s="1"/>
  <c r="J6365" i="2"/>
  <c r="J6339" i="5" s="1"/>
  <c r="N6339" i="5" s="1"/>
  <c r="I6365" i="2"/>
  <c r="I6339" i="5" s="1"/>
  <c r="K6352" i="2"/>
  <c r="K6326" i="5" s="1"/>
  <c r="O6326" i="5" s="1"/>
  <c r="J6352" i="2"/>
  <c r="J6326" i="5" s="1"/>
  <c r="N6326" i="5" s="1"/>
  <c r="M6352" i="2"/>
  <c r="M6326" i="5" s="1"/>
  <c r="L6352" i="2"/>
  <c r="L6326" i="5" s="1"/>
  <c r="I6352" i="2"/>
  <c r="I6326" i="5" s="1"/>
  <c r="M7191" i="2"/>
  <c r="M7165" i="5" s="1"/>
  <c r="L7191" i="2"/>
  <c r="L7165" i="5" s="1"/>
  <c r="I7191" i="2"/>
  <c r="I7165" i="5" s="1"/>
  <c r="K7191" i="2"/>
  <c r="K7165" i="5" s="1"/>
  <c r="O7165" i="5" s="1"/>
  <c r="J7191" i="2"/>
  <c r="J7165" i="5" s="1"/>
  <c r="N7165" i="5" s="1"/>
  <c r="L1590" i="2"/>
  <c r="L1564" i="5" s="1"/>
  <c r="K1590" i="2"/>
  <c r="K1564" i="5" s="1"/>
  <c r="O1564" i="5" s="1"/>
  <c r="M1590" i="2"/>
  <c r="M1564" i="5" s="1"/>
  <c r="I1590" i="2"/>
  <c r="I1564" i="5" s="1"/>
  <c r="J1590" i="2"/>
  <c r="J1564" i="5" s="1"/>
  <c r="N1564" i="5" s="1"/>
  <c r="L1585" i="2"/>
  <c r="L1559" i="5" s="1"/>
  <c r="M1585" i="2"/>
  <c r="M1559" i="5" s="1"/>
  <c r="J1585" i="2"/>
  <c r="J1559" i="5" s="1"/>
  <c r="N1559" i="5" s="1"/>
  <c r="I1585" i="2"/>
  <c r="I1559" i="5" s="1"/>
  <c r="K1585" i="2"/>
  <c r="K1559" i="5" s="1"/>
  <c r="O1559" i="5" s="1"/>
  <c r="I3508" i="2"/>
  <c r="I3482" i="5" s="1"/>
  <c r="K3508" i="2"/>
  <c r="K3482" i="5" s="1"/>
  <c r="O3482" i="5" s="1"/>
  <c r="J3508" i="2"/>
  <c r="J3482" i="5" s="1"/>
  <c r="N3482" i="5" s="1"/>
  <c r="M3508" i="2"/>
  <c r="M3482" i="5" s="1"/>
  <c r="L3508" i="2"/>
  <c r="L3482" i="5" s="1"/>
  <c r="I6687" i="2"/>
  <c r="I6661" i="5" s="1"/>
  <c r="L6687" i="2"/>
  <c r="L6661" i="5" s="1"/>
  <c r="M6687" i="2"/>
  <c r="M6661" i="5" s="1"/>
  <c r="K6687" i="2"/>
  <c r="K6661" i="5" s="1"/>
  <c r="O6661" i="5" s="1"/>
  <c r="J6687" i="2"/>
  <c r="J6661" i="5" s="1"/>
  <c r="N6661" i="5" s="1"/>
  <c r="J6696" i="2"/>
  <c r="J6670" i="5" s="1"/>
  <c r="N6670" i="5" s="1"/>
  <c r="M6696" i="2"/>
  <c r="M6670" i="5" s="1"/>
  <c r="I6696" i="2"/>
  <c r="I6670" i="5" s="1"/>
  <c r="L6696" i="2"/>
  <c r="L6670" i="5" s="1"/>
  <c r="K6696" i="2"/>
  <c r="K6670" i="5" s="1"/>
  <c r="O6670" i="5" s="1"/>
  <c r="L7124" i="2"/>
  <c r="L7098" i="5" s="1"/>
  <c r="J7124" i="2"/>
  <c r="J7098" i="5" s="1"/>
  <c r="N7098" i="5" s="1"/>
  <c r="M7124" i="2"/>
  <c r="M7098" i="5" s="1"/>
  <c r="I7124" i="2"/>
  <c r="I7098" i="5" s="1"/>
  <c r="K7124" i="2"/>
  <c r="K7098" i="5" s="1"/>
  <c r="O7098" i="5" s="1"/>
  <c r="L2124" i="2"/>
  <c r="L2098" i="5" s="1"/>
  <c r="M2124" i="2"/>
  <c r="M2098" i="5" s="1"/>
  <c r="I2124" i="2"/>
  <c r="I2098" i="5" s="1"/>
  <c r="K2124" i="2"/>
  <c r="K2098" i="5" s="1"/>
  <c r="O2098" i="5" s="1"/>
  <c r="J2124" i="2"/>
  <c r="J2098" i="5" s="1"/>
  <c r="N2098" i="5" s="1"/>
  <c r="M3343" i="2"/>
  <c r="M3317" i="5" s="1"/>
  <c r="L3343" i="2"/>
  <c r="L3317" i="5" s="1"/>
  <c r="I3343" i="2"/>
  <c r="I3317" i="5" s="1"/>
  <c r="K3343" i="2"/>
  <c r="K3317" i="5" s="1"/>
  <c r="O3317" i="5" s="1"/>
  <c r="J3343" i="2"/>
  <c r="J3317" i="5" s="1"/>
  <c r="N3317" i="5" s="1"/>
  <c r="I4512" i="2"/>
  <c r="I4486" i="5" s="1"/>
  <c r="L4512" i="2"/>
  <c r="L4486" i="5" s="1"/>
  <c r="K4512" i="2"/>
  <c r="K4486" i="5" s="1"/>
  <c r="O4486" i="5" s="1"/>
  <c r="M4512" i="2"/>
  <c r="M4486" i="5" s="1"/>
  <c r="J4512" i="2"/>
  <c r="J4486" i="5" s="1"/>
  <c r="N4486" i="5" s="1"/>
  <c r="M7441" i="2"/>
  <c r="M7415" i="5" s="1"/>
  <c r="L7441" i="2"/>
  <c r="L7415" i="5" s="1"/>
  <c r="J7441" i="2"/>
  <c r="J7415" i="5" s="1"/>
  <c r="N7415" i="5" s="1"/>
  <c r="I7441" i="2"/>
  <c r="I7415" i="5" s="1"/>
  <c r="K7441" i="2"/>
  <c r="K7415" i="5" s="1"/>
  <c r="O7415" i="5" s="1"/>
  <c r="J6499" i="2"/>
  <c r="J6473" i="5" s="1"/>
  <c r="N6473" i="5" s="1"/>
  <c r="L6499" i="2"/>
  <c r="L6473" i="5" s="1"/>
  <c r="M6499" i="2"/>
  <c r="M6473" i="5" s="1"/>
  <c r="I6499" i="2"/>
  <c r="I6473" i="5" s="1"/>
  <c r="K6499" i="2"/>
  <c r="K6473" i="5" s="1"/>
  <c r="O6473" i="5" s="1"/>
  <c r="I4856" i="2"/>
  <c r="I4830" i="5" s="1"/>
  <c r="K4856" i="2"/>
  <c r="K4830" i="5" s="1"/>
  <c r="O4830" i="5" s="1"/>
  <c r="J4856" i="2"/>
  <c r="J4830" i="5" s="1"/>
  <c r="N4830" i="5" s="1"/>
  <c r="M4856" i="2"/>
  <c r="M4830" i="5" s="1"/>
  <c r="L4856" i="2"/>
  <c r="L4830" i="5" s="1"/>
  <c r="J7866" i="2"/>
  <c r="J7840" i="5" s="1"/>
  <c r="N7840" i="5" s="1"/>
  <c r="I7866" i="2"/>
  <c r="I7840" i="5" s="1"/>
  <c r="M7866" i="2"/>
  <c r="M7840" i="5" s="1"/>
  <c r="L7866" i="2"/>
  <c r="L7840" i="5" s="1"/>
  <c r="K7866" i="2"/>
  <c r="K7840" i="5" s="1"/>
  <c r="O7840" i="5" s="1"/>
  <c r="J7871" i="2"/>
  <c r="J7845" i="5" s="1"/>
  <c r="N7845" i="5" s="1"/>
  <c r="I7871" i="2"/>
  <c r="I7845" i="5" s="1"/>
  <c r="K7871" i="2"/>
  <c r="K7845" i="5" s="1"/>
  <c r="O7845" i="5" s="1"/>
  <c r="M7871" i="2"/>
  <c r="M7845" i="5" s="1"/>
  <c r="L7871" i="2"/>
  <c r="L7845" i="5" s="1"/>
  <c r="L4907" i="2"/>
  <c r="L4881" i="5" s="1"/>
  <c r="M4907" i="2"/>
  <c r="M4881" i="5" s="1"/>
  <c r="I4907" i="2"/>
  <c r="I4881" i="5" s="1"/>
  <c r="K4907" i="2"/>
  <c r="K4881" i="5" s="1"/>
  <c r="O4881" i="5" s="1"/>
  <c r="J4907" i="2"/>
  <c r="J4881" i="5" s="1"/>
  <c r="N4881" i="5" s="1"/>
  <c r="J8279" i="2"/>
  <c r="J8253" i="5" s="1"/>
  <c r="N8253" i="5" s="1"/>
  <c r="M8279" i="2"/>
  <c r="M8253" i="5" s="1"/>
  <c r="L8279" i="2"/>
  <c r="L8253" i="5" s="1"/>
  <c r="I8279" i="2"/>
  <c r="I8253" i="5" s="1"/>
  <c r="K8279" i="2"/>
  <c r="K8253" i="5" s="1"/>
  <c r="O8253" i="5" s="1"/>
  <c r="J4625" i="2"/>
  <c r="J4599" i="5" s="1"/>
  <c r="N4599" i="5" s="1"/>
  <c r="L4625" i="2"/>
  <c r="L4599" i="5" s="1"/>
  <c r="I4625" i="2"/>
  <c r="I4599" i="5" s="1"/>
  <c r="K4625" i="2"/>
  <c r="K4599" i="5" s="1"/>
  <c r="O4599" i="5" s="1"/>
  <c r="M4625" i="2"/>
  <c r="M4599" i="5" s="1"/>
  <c r="L2412" i="2"/>
  <c r="L2386" i="5" s="1"/>
  <c r="I2412" i="2"/>
  <c r="I2386" i="5" s="1"/>
  <c r="K2412" i="2"/>
  <c r="K2386" i="5" s="1"/>
  <c r="O2386" i="5" s="1"/>
  <c r="J2412" i="2"/>
  <c r="J2386" i="5" s="1"/>
  <c r="N2386" i="5" s="1"/>
  <c r="M2412" i="2"/>
  <c r="M2386" i="5" s="1"/>
  <c r="I5307" i="2"/>
  <c r="I5281" i="5" s="1"/>
  <c r="K5307" i="2"/>
  <c r="K5281" i="5" s="1"/>
  <c r="O5281" i="5" s="1"/>
  <c r="J5307" i="2"/>
  <c r="J5281" i="5" s="1"/>
  <c r="N5281" i="5" s="1"/>
  <c r="L5307" i="2"/>
  <c r="L5281" i="5" s="1"/>
  <c r="M5307" i="2"/>
  <c r="M5281" i="5" s="1"/>
  <c r="J7986" i="2"/>
  <c r="J7960" i="5" s="1"/>
  <c r="N7960" i="5" s="1"/>
  <c r="M7986" i="2"/>
  <c r="M7960" i="5" s="1"/>
  <c r="L7986" i="2"/>
  <c r="L7960" i="5" s="1"/>
  <c r="I7986" i="2"/>
  <c r="I7960" i="5" s="1"/>
  <c r="K7986" i="2"/>
  <c r="K7960" i="5" s="1"/>
  <c r="O7960" i="5" s="1"/>
  <c r="M7994" i="2"/>
  <c r="M7968" i="5" s="1"/>
  <c r="J7994" i="2"/>
  <c r="J7968" i="5" s="1"/>
  <c r="N7968" i="5" s="1"/>
  <c r="I7994" i="2"/>
  <c r="I7968" i="5" s="1"/>
  <c r="K7994" i="2"/>
  <c r="K7968" i="5" s="1"/>
  <c r="O7968" i="5" s="1"/>
  <c r="L7994" i="2"/>
  <c r="L7968" i="5" s="1"/>
  <c r="M4104" i="2"/>
  <c r="M4078" i="5" s="1"/>
  <c r="L4104" i="2"/>
  <c r="L4078" i="5" s="1"/>
  <c r="I4104" i="2"/>
  <c r="I4078" i="5" s="1"/>
  <c r="K4104" i="2"/>
  <c r="K4078" i="5" s="1"/>
  <c r="O4078" i="5" s="1"/>
  <c r="J4104" i="2"/>
  <c r="J4078" i="5" s="1"/>
  <c r="N4078" i="5" s="1"/>
  <c r="M4113" i="2"/>
  <c r="M4087" i="5" s="1"/>
  <c r="K4113" i="2"/>
  <c r="K4087" i="5" s="1"/>
  <c r="O4087" i="5" s="1"/>
  <c r="L4113" i="2"/>
  <c r="L4087" i="5" s="1"/>
  <c r="J4113" i="2"/>
  <c r="J4087" i="5" s="1"/>
  <c r="N4087" i="5" s="1"/>
  <c r="I4113" i="2"/>
  <c r="I4087" i="5" s="1"/>
  <c r="L8615" i="2"/>
  <c r="L8589" i="5" s="1"/>
  <c r="I8615" i="2"/>
  <c r="I8589" i="5" s="1"/>
  <c r="K8615" i="2"/>
  <c r="K8589" i="5" s="1"/>
  <c r="O8589" i="5" s="1"/>
  <c r="J8615" i="2"/>
  <c r="J8589" i="5" s="1"/>
  <c r="N8589" i="5" s="1"/>
  <c r="M8615" i="2"/>
  <c r="M8589" i="5" s="1"/>
  <c r="J8609" i="2"/>
  <c r="J8583" i="5" s="1"/>
  <c r="N8583" i="5" s="1"/>
  <c r="L8609" i="2"/>
  <c r="L8583" i="5" s="1"/>
  <c r="M8609" i="2"/>
  <c r="M8583" i="5" s="1"/>
  <c r="K8609" i="2"/>
  <c r="K8583" i="5" s="1"/>
  <c r="O8583" i="5" s="1"/>
  <c r="I8609" i="2"/>
  <c r="I8583" i="5" s="1"/>
  <c r="J6089" i="2"/>
  <c r="J6063" i="5" s="1"/>
  <c r="N6063" i="5" s="1"/>
  <c r="L6089" i="2"/>
  <c r="L6063" i="5" s="1"/>
  <c r="I6089" i="2"/>
  <c r="I6063" i="5" s="1"/>
  <c r="K6089" i="2"/>
  <c r="K6063" i="5" s="1"/>
  <c r="O6063" i="5" s="1"/>
  <c r="M6089" i="2"/>
  <c r="M6063" i="5" s="1"/>
  <c r="K3981" i="2"/>
  <c r="K3955" i="5" s="1"/>
  <c r="O3955" i="5" s="1"/>
  <c r="M3981" i="2"/>
  <c r="M3955" i="5" s="1"/>
  <c r="J3981" i="2"/>
  <c r="J3955" i="5" s="1"/>
  <c r="N3955" i="5" s="1"/>
  <c r="L3981" i="2"/>
  <c r="L3955" i="5" s="1"/>
  <c r="I3981" i="2"/>
  <c r="I3955" i="5" s="1"/>
  <c r="I6134" i="2"/>
  <c r="I6108" i="5" s="1"/>
  <c r="M6134" i="2"/>
  <c r="M6108" i="5" s="1"/>
  <c r="K6134" i="2"/>
  <c r="K6108" i="5" s="1"/>
  <c r="O6108" i="5" s="1"/>
  <c r="L6134" i="2"/>
  <c r="L6108" i="5" s="1"/>
  <c r="J6134" i="2"/>
  <c r="J6108" i="5" s="1"/>
  <c r="N6108" i="5" s="1"/>
  <c r="J5792" i="2"/>
  <c r="J5766" i="5" s="1"/>
  <c r="N5766" i="5" s="1"/>
  <c r="M5792" i="2"/>
  <c r="M5766" i="5" s="1"/>
  <c r="L5792" i="2"/>
  <c r="L5766" i="5" s="1"/>
  <c r="I5792" i="2"/>
  <c r="I5766" i="5" s="1"/>
  <c r="K5792" i="2"/>
  <c r="K5766" i="5" s="1"/>
  <c r="O5766" i="5" s="1"/>
  <c r="L8709" i="2"/>
  <c r="L8683" i="5" s="1"/>
  <c r="M8709" i="2"/>
  <c r="M8683" i="5" s="1"/>
  <c r="I8709" i="2"/>
  <c r="I8683" i="5" s="1"/>
  <c r="K8709" i="2"/>
  <c r="K8683" i="5" s="1"/>
  <c r="O8683" i="5" s="1"/>
  <c r="J8709" i="2"/>
  <c r="J8683" i="5" s="1"/>
  <c r="N8683" i="5" s="1"/>
  <c r="L5323" i="2"/>
  <c r="L5297" i="5" s="1"/>
  <c r="I5323" i="2"/>
  <c r="I5297" i="5" s="1"/>
  <c r="K5323" i="2"/>
  <c r="K5297" i="5" s="1"/>
  <c r="O5297" i="5" s="1"/>
  <c r="M5323" i="2"/>
  <c r="M5297" i="5" s="1"/>
  <c r="J5323" i="2"/>
  <c r="J5297" i="5" s="1"/>
  <c r="N5297" i="5" s="1"/>
  <c r="I7265" i="2"/>
  <c r="I7239" i="5" s="1"/>
  <c r="L7265" i="2"/>
  <c r="L7239" i="5" s="1"/>
  <c r="M7265" i="2"/>
  <c r="M7239" i="5" s="1"/>
  <c r="K7265" i="2"/>
  <c r="K7239" i="5" s="1"/>
  <c r="O7239" i="5" s="1"/>
  <c r="J7265" i="2"/>
  <c r="J7239" i="5" s="1"/>
  <c r="N7239" i="5" s="1"/>
  <c r="J7268" i="2"/>
  <c r="J7242" i="5" s="1"/>
  <c r="N7242" i="5" s="1"/>
  <c r="M7268" i="2"/>
  <c r="M7242" i="5" s="1"/>
  <c r="K7268" i="2"/>
  <c r="K7242" i="5" s="1"/>
  <c r="O7242" i="5" s="1"/>
  <c r="L7268" i="2"/>
  <c r="L7242" i="5" s="1"/>
  <c r="I7268" i="2"/>
  <c r="I7242" i="5" s="1"/>
  <c r="L6333" i="2"/>
  <c r="L6307" i="5" s="1"/>
  <c r="J6333" i="2"/>
  <c r="J6307" i="5" s="1"/>
  <c r="N6307" i="5" s="1"/>
  <c r="M6333" i="2"/>
  <c r="M6307" i="5" s="1"/>
  <c r="I6333" i="2"/>
  <c r="I6307" i="5" s="1"/>
  <c r="K6333" i="2"/>
  <c r="K6307" i="5" s="1"/>
  <c r="O6307" i="5" s="1"/>
  <c r="L6344" i="2"/>
  <c r="L6318" i="5" s="1"/>
  <c r="I6344" i="2"/>
  <c r="I6318" i="5" s="1"/>
  <c r="K6344" i="2"/>
  <c r="K6318" i="5" s="1"/>
  <c r="O6318" i="5" s="1"/>
  <c r="J6344" i="2"/>
  <c r="J6318" i="5" s="1"/>
  <c r="N6318" i="5" s="1"/>
  <c r="M6344" i="2"/>
  <c r="M6318" i="5" s="1"/>
  <c r="L7805" i="2"/>
  <c r="L7779" i="5" s="1"/>
  <c r="I7805" i="2"/>
  <c r="I7779" i="5" s="1"/>
  <c r="J7805" i="2"/>
  <c r="J7779" i="5" s="1"/>
  <c r="N7779" i="5" s="1"/>
  <c r="M7805" i="2"/>
  <c r="M7779" i="5" s="1"/>
  <c r="K7805" i="2"/>
  <c r="K7779" i="5" s="1"/>
  <c r="O7779" i="5" s="1"/>
  <c r="M6422" i="2"/>
  <c r="M6396" i="5" s="1"/>
  <c r="I6422" i="2"/>
  <c r="I6396" i="5" s="1"/>
  <c r="L6422" i="2"/>
  <c r="L6396" i="5" s="1"/>
  <c r="K6422" i="2"/>
  <c r="K6396" i="5" s="1"/>
  <c r="O6396" i="5" s="1"/>
  <c r="J6422" i="2"/>
  <c r="J6396" i="5" s="1"/>
  <c r="N6396" i="5" s="1"/>
  <c r="K8006" i="2"/>
  <c r="K7980" i="5" s="1"/>
  <c r="O7980" i="5" s="1"/>
  <c r="J8006" i="2"/>
  <c r="J7980" i="5" s="1"/>
  <c r="N7980" i="5" s="1"/>
  <c r="M8006" i="2"/>
  <c r="M7980" i="5" s="1"/>
  <c r="L8006" i="2"/>
  <c r="L7980" i="5" s="1"/>
  <c r="I8006" i="2"/>
  <c r="I7980" i="5" s="1"/>
  <c r="I5691" i="2"/>
  <c r="I5665" i="5" s="1"/>
  <c r="K5691" i="2"/>
  <c r="K5665" i="5" s="1"/>
  <c r="O5665" i="5" s="1"/>
  <c r="L5691" i="2"/>
  <c r="L5665" i="5" s="1"/>
  <c r="J5691" i="2"/>
  <c r="J5665" i="5" s="1"/>
  <c r="N5665" i="5" s="1"/>
  <c r="M5691" i="2"/>
  <c r="M5665" i="5" s="1"/>
  <c r="L4787" i="2"/>
  <c r="L4761" i="5" s="1"/>
  <c r="M4787" i="2"/>
  <c r="M4761" i="5" s="1"/>
  <c r="I4787" i="2"/>
  <c r="I4761" i="5" s="1"/>
  <c r="J4787" i="2"/>
  <c r="J4761" i="5" s="1"/>
  <c r="N4761" i="5" s="1"/>
  <c r="K4787" i="2"/>
  <c r="K4761" i="5" s="1"/>
  <c r="O4761" i="5" s="1"/>
  <c r="K8504" i="2"/>
  <c r="K8478" i="5" s="1"/>
  <c r="O8478" i="5" s="1"/>
  <c r="J8504" i="2"/>
  <c r="J8478" i="5" s="1"/>
  <c r="N8478" i="5" s="1"/>
  <c r="L8504" i="2"/>
  <c r="L8478" i="5" s="1"/>
  <c r="I8504" i="2"/>
  <c r="I8478" i="5" s="1"/>
  <c r="M8504" i="2"/>
  <c r="M8478" i="5" s="1"/>
  <c r="J8482" i="2"/>
  <c r="J8456" i="5" s="1"/>
  <c r="N8456" i="5" s="1"/>
  <c r="L8482" i="2"/>
  <c r="L8456" i="5" s="1"/>
  <c r="I8482" i="2"/>
  <c r="I8456" i="5" s="1"/>
  <c r="K8482" i="2"/>
  <c r="K8456" i="5" s="1"/>
  <c r="O8456" i="5" s="1"/>
  <c r="M8482" i="2"/>
  <c r="M8456" i="5" s="1"/>
  <c r="L6856" i="2"/>
  <c r="L6830" i="5" s="1"/>
  <c r="I6856" i="2"/>
  <c r="I6830" i="5" s="1"/>
  <c r="J6856" i="2"/>
  <c r="J6830" i="5" s="1"/>
  <c r="N6830" i="5" s="1"/>
  <c r="M6856" i="2"/>
  <c r="M6830" i="5" s="1"/>
  <c r="K6856" i="2"/>
  <c r="K6830" i="5" s="1"/>
  <c r="O6830" i="5" s="1"/>
  <c r="M138" i="2"/>
  <c r="M112" i="5" s="1"/>
  <c r="I138" i="2"/>
  <c r="I112" i="5" s="1"/>
  <c r="J138" i="2"/>
  <c r="J112" i="5" s="1"/>
  <c r="N112" i="5" s="1"/>
  <c r="L138" i="2"/>
  <c r="L112" i="5" s="1"/>
  <c r="K138" i="2"/>
  <c r="K112" i="5" s="1"/>
  <c r="O112" i="5" s="1"/>
  <c r="K8672" i="2"/>
  <c r="K8646" i="5" s="1"/>
  <c r="O8646" i="5" s="1"/>
  <c r="I8672" i="2"/>
  <c r="I8646" i="5" s="1"/>
  <c r="J8672" i="2"/>
  <c r="J8646" i="5" s="1"/>
  <c r="N8646" i="5" s="1"/>
  <c r="L8672" i="2"/>
  <c r="L8646" i="5" s="1"/>
  <c r="M8672" i="2"/>
  <c r="M8646" i="5" s="1"/>
  <c r="J4286" i="2"/>
  <c r="J4260" i="5" s="1"/>
  <c r="N4260" i="5" s="1"/>
  <c r="L4286" i="2"/>
  <c r="L4260" i="5" s="1"/>
  <c r="I4286" i="2"/>
  <c r="I4260" i="5" s="1"/>
  <c r="K4286" i="2"/>
  <c r="K4260" i="5" s="1"/>
  <c r="O4260" i="5" s="1"/>
  <c r="M4286" i="2"/>
  <c r="M4260" i="5" s="1"/>
  <c r="K6265" i="2"/>
  <c r="K6239" i="5" s="1"/>
  <c r="O6239" i="5" s="1"/>
  <c r="J6265" i="2"/>
  <c r="J6239" i="5" s="1"/>
  <c r="N6239" i="5" s="1"/>
  <c r="I6265" i="2"/>
  <c r="I6239" i="5" s="1"/>
  <c r="M6265" i="2"/>
  <c r="M6239" i="5" s="1"/>
  <c r="L6265" i="2"/>
  <c r="L6239" i="5" s="1"/>
  <c r="J7852" i="2"/>
  <c r="J7826" i="5" s="1"/>
  <c r="N7826" i="5" s="1"/>
  <c r="L7852" i="2"/>
  <c r="L7826" i="5" s="1"/>
  <c r="M7852" i="2"/>
  <c r="M7826" i="5" s="1"/>
  <c r="I7852" i="2"/>
  <c r="I7826" i="5" s="1"/>
  <c r="K7852" i="2"/>
  <c r="K7826" i="5" s="1"/>
  <c r="O7826" i="5" s="1"/>
  <c r="I629" i="2"/>
  <c r="I603" i="5" s="1"/>
  <c r="L629" i="2"/>
  <c r="L603" i="5" s="1"/>
  <c r="K629" i="2"/>
  <c r="K603" i="5" s="1"/>
  <c r="O603" i="5" s="1"/>
  <c r="M629" i="2"/>
  <c r="M603" i="5" s="1"/>
  <c r="J629" i="2"/>
  <c r="J603" i="5" s="1"/>
  <c r="N603" i="5" s="1"/>
  <c r="L2751" i="2"/>
  <c r="L2725" i="5" s="1"/>
  <c r="M2751" i="2"/>
  <c r="M2725" i="5" s="1"/>
  <c r="I2751" i="2"/>
  <c r="I2725" i="5" s="1"/>
  <c r="K2751" i="2"/>
  <c r="K2725" i="5" s="1"/>
  <c r="O2725" i="5" s="1"/>
  <c r="J2751" i="2"/>
  <c r="J2725" i="5" s="1"/>
  <c r="N2725" i="5" s="1"/>
  <c r="L1384" i="2"/>
  <c r="L1358" i="5" s="1"/>
  <c r="M1384" i="2"/>
  <c r="M1358" i="5" s="1"/>
  <c r="J1384" i="2"/>
  <c r="J1358" i="5" s="1"/>
  <c r="N1358" i="5" s="1"/>
  <c r="I1384" i="2"/>
  <c r="I1358" i="5" s="1"/>
  <c r="K1384" i="2"/>
  <c r="K1358" i="5" s="1"/>
  <c r="O1358" i="5" s="1"/>
  <c r="K582" i="2"/>
  <c r="K556" i="5" s="1"/>
  <c r="O556" i="5" s="1"/>
  <c r="I582" i="2"/>
  <c r="I556" i="5" s="1"/>
  <c r="J582" i="2"/>
  <c r="J556" i="5" s="1"/>
  <c r="N556" i="5" s="1"/>
  <c r="L582" i="2"/>
  <c r="L556" i="5" s="1"/>
  <c r="M582" i="2"/>
  <c r="M556" i="5" s="1"/>
  <c r="M7705" i="2"/>
  <c r="M7679" i="5" s="1"/>
  <c r="I7705" i="2"/>
  <c r="I7679" i="5" s="1"/>
  <c r="K7705" i="2"/>
  <c r="K7679" i="5" s="1"/>
  <c r="O7679" i="5" s="1"/>
  <c r="J7705" i="2"/>
  <c r="J7679" i="5" s="1"/>
  <c r="N7679" i="5" s="1"/>
  <c r="L7705" i="2"/>
  <c r="L7679" i="5" s="1"/>
  <c r="J8441" i="2"/>
  <c r="J8415" i="5" s="1"/>
  <c r="N8415" i="5" s="1"/>
  <c r="L8441" i="2"/>
  <c r="L8415" i="5" s="1"/>
  <c r="M8441" i="2"/>
  <c r="M8415" i="5" s="1"/>
  <c r="I8441" i="2"/>
  <c r="I8415" i="5" s="1"/>
  <c r="K8441" i="2"/>
  <c r="K8415" i="5" s="1"/>
  <c r="O8415" i="5" s="1"/>
  <c r="C358" i="5"/>
  <c r="AR352" i="1"/>
  <c r="J5103" i="2"/>
  <c r="J5077" i="5" s="1"/>
  <c r="N5077" i="5" s="1"/>
  <c r="M5103" i="2"/>
  <c r="M5077" i="5" s="1"/>
  <c r="L5103" i="2"/>
  <c r="L5077" i="5" s="1"/>
  <c r="I5103" i="2"/>
  <c r="I5077" i="5" s="1"/>
  <c r="K5103" i="2"/>
  <c r="K5077" i="5" s="1"/>
  <c r="O5077" i="5" s="1"/>
  <c r="J1758" i="2"/>
  <c r="J1732" i="5" s="1"/>
  <c r="N1732" i="5" s="1"/>
  <c r="L1758" i="2"/>
  <c r="L1732" i="5" s="1"/>
  <c r="M1758" i="2"/>
  <c r="M1732" i="5" s="1"/>
  <c r="I1758" i="2"/>
  <c r="I1732" i="5" s="1"/>
  <c r="K1758" i="2"/>
  <c r="K1732" i="5" s="1"/>
  <c r="O1732" i="5" s="1"/>
  <c r="L3621" i="2"/>
  <c r="L3595" i="5" s="1"/>
  <c r="J3621" i="2"/>
  <c r="J3595" i="5" s="1"/>
  <c r="N3595" i="5" s="1"/>
  <c r="M3621" i="2"/>
  <c r="M3595" i="5" s="1"/>
  <c r="K3621" i="2"/>
  <c r="K3595" i="5" s="1"/>
  <c r="O3595" i="5" s="1"/>
  <c r="I3621" i="2"/>
  <c r="I3595" i="5" s="1"/>
  <c r="K2909" i="2"/>
  <c r="K2883" i="5" s="1"/>
  <c r="O2883" i="5" s="1"/>
  <c r="M2909" i="2"/>
  <c r="M2883" i="5" s="1"/>
  <c r="L2909" i="2"/>
  <c r="L2883" i="5" s="1"/>
  <c r="I2909" i="2"/>
  <c r="I2883" i="5" s="1"/>
  <c r="J2909" i="2"/>
  <c r="J2883" i="5" s="1"/>
  <c r="N2883" i="5" s="1"/>
  <c r="L6664" i="2"/>
  <c r="L6638" i="5" s="1"/>
  <c r="M6664" i="2"/>
  <c r="M6638" i="5" s="1"/>
  <c r="I6664" i="2"/>
  <c r="I6638" i="5" s="1"/>
  <c r="K6664" i="2"/>
  <c r="K6638" i="5" s="1"/>
  <c r="O6638" i="5" s="1"/>
  <c r="J6664" i="2"/>
  <c r="J6638" i="5" s="1"/>
  <c r="N6638" i="5" s="1"/>
  <c r="L5956" i="2"/>
  <c r="L5930" i="5" s="1"/>
  <c r="K5956" i="2"/>
  <c r="K5930" i="5" s="1"/>
  <c r="O5930" i="5" s="1"/>
  <c r="J5956" i="2"/>
  <c r="J5930" i="5" s="1"/>
  <c r="N5930" i="5" s="1"/>
  <c r="M5956" i="2"/>
  <c r="M5930" i="5" s="1"/>
  <c r="I5956" i="2"/>
  <c r="I5930" i="5" s="1"/>
  <c r="K4686" i="2"/>
  <c r="K4660" i="5" s="1"/>
  <c r="O4660" i="5" s="1"/>
  <c r="J4686" i="2"/>
  <c r="J4660" i="5" s="1"/>
  <c r="N4660" i="5" s="1"/>
  <c r="M4686" i="2"/>
  <c r="M4660" i="5" s="1"/>
  <c r="L4686" i="2"/>
  <c r="L4660" i="5" s="1"/>
  <c r="I4686" i="2"/>
  <c r="I4660" i="5" s="1"/>
  <c r="M6174" i="2"/>
  <c r="M6148" i="5" s="1"/>
  <c r="L6174" i="2"/>
  <c r="L6148" i="5" s="1"/>
  <c r="I6174" i="2"/>
  <c r="I6148" i="5" s="1"/>
  <c r="K6174" i="2"/>
  <c r="K6148" i="5" s="1"/>
  <c r="O6148" i="5" s="1"/>
  <c r="J6174" i="2"/>
  <c r="J6148" i="5" s="1"/>
  <c r="N6148" i="5" s="1"/>
  <c r="J6169" i="2"/>
  <c r="J6143" i="5" s="1"/>
  <c r="N6143" i="5" s="1"/>
  <c r="M6169" i="2"/>
  <c r="M6143" i="5" s="1"/>
  <c r="I6169" i="2"/>
  <c r="I6143" i="5" s="1"/>
  <c r="K6169" i="2"/>
  <c r="K6143" i="5" s="1"/>
  <c r="O6143" i="5" s="1"/>
  <c r="L6169" i="2"/>
  <c r="L6143" i="5" s="1"/>
  <c r="J2438" i="2"/>
  <c r="J2412" i="5" s="1"/>
  <c r="N2412" i="5" s="1"/>
  <c r="L2438" i="2"/>
  <c r="L2412" i="5" s="1"/>
  <c r="M2438" i="2"/>
  <c r="M2412" i="5" s="1"/>
  <c r="I2438" i="2"/>
  <c r="I2412" i="5" s="1"/>
  <c r="K2438" i="2"/>
  <c r="K2412" i="5" s="1"/>
  <c r="O2412" i="5" s="1"/>
  <c r="L2605" i="2"/>
  <c r="L2579" i="5" s="1"/>
  <c r="J2605" i="2"/>
  <c r="J2579" i="5" s="1"/>
  <c r="N2579" i="5" s="1"/>
  <c r="I2605" i="2"/>
  <c r="I2579" i="5" s="1"/>
  <c r="M2605" i="2"/>
  <c r="M2579" i="5" s="1"/>
  <c r="K2605" i="2"/>
  <c r="K2579" i="5" s="1"/>
  <c r="O2579" i="5" s="1"/>
  <c r="L8374" i="2"/>
  <c r="L8348" i="5" s="1"/>
  <c r="J8374" i="2"/>
  <c r="J8348" i="5" s="1"/>
  <c r="N8348" i="5" s="1"/>
  <c r="M8374" i="2"/>
  <c r="M8348" i="5" s="1"/>
  <c r="I8374" i="2"/>
  <c r="I8348" i="5" s="1"/>
  <c r="K8374" i="2"/>
  <c r="K8348" i="5" s="1"/>
  <c r="O8348" i="5" s="1"/>
  <c r="J8366" i="2"/>
  <c r="J8340" i="5" s="1"/>
  <c r="N8340" i="5" s="1"/>
  <c r="L8366" i="2"/>
  <c r="L8340" i="5" s="1"/>
  <c r="M8366" i="2"/>
  <c r="M8340" i="5" s="1"/>
  <c r="I8366" i="2"/>
  <c r="I8340" i="5" s="1"/>
  <c r="K8366" i="2"/>
  <c r="K8340" i="5" s="1"/>
  <c r="O8340" i="5" s="1"/>
  <c r="J1629" i="2"/>
  <c r="J1603" i="5" s="1"/>
  <c r="N1603" i="5" s="1"/>
  <c r="M1629" i="2"/>
  <c r="M1603" i="5" s="1"/>
  <c r="K1629" i="2"/>
  <c r="K1603" i="5" s="1"/>
  <c r="O1603" i="5" s="1"/>
  <c r="L1629" i="2"/>
  <c r="L1603" i="5" s="1"/>
  <c r="I1629" i="2"/>
  <c r="I1603" i="5" s="1"/>
  <c r="I3176" i="2"/>
  <c r="I3150" i="5" s="1"/>
  <c r="L3176" i="2"/>
  <c r="L3150" i="5" s="1"/>
  <c r="K3176" i="2"/>
  <c r="K3150" i="5" s="1"/>
  <c r="O3150" i="5" s="1"/>
  <c r="J3176" i="2"/>
  <c r="J3150" i="5" s="1"/>
  <c r="N3150" i="5" s="1"/>
  <c r="M3176" i="2"/>
  <c r="M3150" i="5" s="1"/>
  <c r="I3464" i="2"/>
  <c r="I3438" i="5" s="1"/>
  <c r="K3464" i="2"/>
  <c r="K3438" i="5" s="1"/>
  <c r="O3438" i="5" s="1"/>
  <c r="J3464" i="2"/>
  <c r="J3438" i="5" s="1"/>
  <c r="N3438" i="5" s="1"/>
  <c r="L3464" i="2"/>
  <c r="L3438" i="5" s="1"/>
  <c r="M3464" i="2"/>
  <c r="M3438" i="5" s="1"/>
  <c r="K920" i="2"/>
  <c r="K894" i="5" s="1"/>
  <c r="O894" i="5" s="1"/>
  <c r="J920" i="2"/>
  <c r="J894" i="5" s="1"/>
  <c r="N894" i="5" s="1"/>
  <c r="L920" i="2"/>
  <c r="L894" i="5" s="1"/>
  <c r="I920" i="2"/>
  <c r="I894" i="5" s="1"/>
  <c r="M920" i="2"/>
  <c r="M894" i="5" s="1"/>
  <c r="K908" i="2"/>
  <c r="K882" i="5" s="1"/>
  <c r="O882" i="5" s="1"/>
  <c r="I908" i="2"/>
  <c r="I882" i="5" s="1"/>
  <c r="M908" i="2"/>
  <c r="M882" i="5" s="1"/>
  <c r="J908" i="2"/>
  <c r="J882" i="5" s="1"/>
  <c r="N882" i="5" s="1"/>
  <c r="L908" i="2"/>
  <c r="L882" i="5" s="1"/>
  <c r="J7950" i="2"/>
  <c r="J7924" i="5" s="1"/>
  <c r="N7924" i="5" s="1"/>
  <c r="M7950" i="2"/>
  <c r="M7924" i="5" s="1"/>
  <c r="K7950" i="2"/>
  <c r="K7924" i="5" s="1"/>
  <c r="O7924" i="5" s="1"/>
  <c r="L7950" i="2"/>
  <c r="L7924" i="5" s="1"/>
  <c r="I7950" i="2"/>
  <c r="I7924" i="5" s="1"/>
  <c r="K1926" i="2"/>
  <c r="K1900" i="5" s="1"/>
  <c r="O1900" i="5" s="1"/>
  <c r="L1926" i="2"/>
  <c r="L1900" i="5" s="1"/>
  <c r="M1926" i="2"/>
  <c r="M1900" i="5" s="1"/>
  <c r="I1926" i="2"/>
  <c r="I1900" i="5" s="1"/>
  <c r="J1926" i="2"/>
  <c r="J1900" i="5" s="1"/>
  <c r="N1900" i="5" s="1"/>
  <c r="K2728" i="2"/>
  <c r="K2702" i="5" s="1"/>
  <c r="O2702" i="5" s="1"/>
  <c r="J2728" i="2"/>
  <c r="J2702" i="5" s="1"/>
  <c r="N2702" i="5" s="1"/>
  <c r="L2728" i="2"/>
  <c r="L2702" i="5" s="1"/>
  <c r="I2728" i="2"/>
  <c r="I2702" i="5" s="1"/>
  <c r="M2728" i="2"/>
  <c r="M2702" i="5" s="1"/>
  <c r="I2992" i="2"/>
  <c r="I2966" i="5" s="1"/>
  <c r="L2992" i="2"/>
  <c r="L2966" i="5" s="1"/>
  <c r="K2992" i="2"/>
  <c r="K2966" i="5" s="1"/>
  <c r="O2966" i="5" s="1"/>
  <c r="J2992" i="2"/>
  <c r="J2966" i="5" s="1"/>
  <c r="N2966" i="5" s="1"/>
  <c r="M2992" i="2"/>
  <c r="M2966" i="5" s="1"/>
  <c r="L302" i="2"/>
  <c r="L276" i="5" s="1"/>
  <c r="M302" i="2"/>
  <c r="M276" i="5" s="1"/>
  <c r="J302" i="2"/>
  <c r="J276" i="5" s="1"/>
  <c r="N276" i="5" s="1"/>
  <c r="K302" i="2"/>
  <c r="K276" i="5" s="1"/>
  <c r="O276" i="5" s="1"/>
  <c r="I302" i="2"/>
  <c r="I276" i="5" s="1"/>
  <c r="K7485" i="2"/>
  <c r="K7459" i="5" s="1"/>
  <c r="O7459" i="5" s="1"/>
  <c r="J7485" i="2"/>
  <c r="J7459" i="5" s="1"/>
  <c r="N7459" i="5" s="1"/>
  <c r="M7485" i="2"/>
  <c r="M7459" i="5" s="1"/>
  <c r="L7485" i="2"/>
  <c r="L7459" i="5" s="1"/>
  <c r="I7485" i="2"/>
  <c r="I7459" i="5" s="1"/>
  <c r="M7530" i="2"/>
  <c r="M7504" i="5" s="1"/>
  <c r="I7530" i="2"/>
  <c r="I7504" i="5" s="1"/>
  <c r="J7530" i="2"/>
  <c r="J7504" i="5" s="1"/>
  <c r="N7504" i="5" s="1"/>
  <c r="L7530" i="2"/>
  <c r="L7504" i="5" s="1"/>
  <c r="K7530" i="2"/>
  <c r="K7504" i="5" s="1"/>
  <c r="O7504" i="5" s="1"/>
  <c r="M5189" i="2"/>
  <c r="M5163" i="5" s="1"/>
  <c r="J5189" i="2"/>
  <c r="J5163" i="5" s="1"/>
  <c r="N5163" i="5" s="1"/>
  <c r="L5189" i="2"/>
  <c r="L5163" i="5" s="1"/>
  <c r="I5189" i="2"/>
  <c r="I5163" i="5" s="1"/>
  <c r="K5189" i="2"/>
  <c r="K5163" i="5" s="1"/>
  <c r="O5163" i="5" s="1"/>
  <c r="J5172" i="2"/>
  <c r="J5146" i="5" s="1"/>
  <c r="N5146" i="5" s="1"/>
  <c r="L5172" i="2"/>
  <c r="L5146" i="5" s="1"/>
  <c r="M5172" i="2"/>
  <c r="M5146" i="5" s="1"/>
  <c r="I5172" i="2"/>
  <c r="I5146" i="5" s="1"/>
  <c r="K5172" i="2"/>
  <c r="K5146" i="5" s="1"/>
  <c r="O5146" i="5" s="1"/>
  <c r="M3814" i="2"/>
  <c r="M3788" i="5" s="1"/>
  <c r="J3814" i="2"/>
  <c r="J3788" i="5" s="1"/>
  <c r="N3788" i="5" s="1"/>
  <c r="L3814" i="2"/>
  <c r="L3788" i="5" s="1"/>
  <c r="I3814" i="2"/>
  <c r="I3788" i="5" s="1"/>
  <c r="K3814" i="2"/>
  <c r="K3788" i="5" s="1"/>
  <c r="O3788" i="5" s="1"/>
  <c r="I418" i="2"/>
  <c r="I392" i="5" s="1"/>
  <c r="K418" i="2"/>
  <c r="K392" i="5" s="1"/>
  <c r="O392" i="5" s="1"/>
  <c r="J418" i="2"/>
  <c r="J392" i="5" s="1"/>
  <c r="N392" i="5" s="1"/>
  <c r="L418" i="2"/>
  <c r="L392" i="5" s="1"/>
  <c r="M418" i="2"/>
  <c r="M392" i="5" s="1"/>
  <c r="AR18" i="1"/>
  <c r="C24" i="5"/>
  <c r="M4334" i="2"/>
  <c r="M4308" i="5" s="1"/>
  <c r="I4334" i="2"/>
  <c r="I4308" i="5" s="1"/>
  <c r="K4334" i="2"/>
  <c r="K4308" i="5" s="1"/>
  <c r="O4308" i="5" s="1"/>
  <c r="J4334" i="2"/>
  <c r="J4308" i="5" s="1"/>
  <c r="N4308" i="5" s="1"/>
  <c r="L4334" i="2"/>
  <c r="L4308" i="5" s="1"/>
  <c r="L964" i="2"/>
  <c r="L938" i="5" s="1"/>
  <c r="M964" i="2"/>
  <c r="M938" i="5" s="1"/>
  <c r="I964" i="2"/>
  <c r="I938" i="5" s="1"/>
  <c r="K964" i="2"/>
  <c r="K938" i="5" s="1"/>
  <c r="O938" i="5" s="1"/>
  <c r="J964" i="2"/>
  <c r="J938" i="5" s="1"/>
  <c r="N938" i="5" s="1"/>
  <c r="L95" i="2"/>
  <c r="L69" i="5" s="1"/>
  <c r="J95" i="2"/>
  <c r="J69" i="5" s="1"/>
  <c r="N69" i="5" s="1"/>
  <c r="I95" i="2"/>
  <c r="I69" i="5" s="1"/>
  <c r="M95" i="2"/>
  <c r="M69" i="5" s="1"/>
  <c r="K95" i="2"/>
  <c r="K69" i="5" s="1"/>
  <c r="O69" i="5" s="1"/>
  <c r="J1934" i="2"/>
  <c r="J1908" i="5" s="1"/>
  <c r="N1908" i="5" s="1"/>
  <c r="L1934" i="2"/>
  <c r="L1908" i="5" s="1"/>
  <c r="M1934" i="2"/>
  <c r="M1908" i="5" s="1"/>
  <c r="I1934" i="2"/>
  <c r="I1908" i="5" s="1"/>
  <c r="K1934" i="2"/>
  <c r="K1908" i="5" s="1"/>
  <c r="O1908" i="5" s="1"/>
  <c r="AR81" i="1"/>
  <c r="C87" i="5"/>
  <c r="M8316" i="2"/>
  <c r="M8290" i="5" s="1"/>
  <c r="I8316" i="2"/>
  <c r="I8290" i="5" s="1"/>
  <c r="K8316" i="2"/>
  <c r="K8290" i="5" s="1"/>
  <c r="O8290" i="5" s="1"/>
  <c r="L8316" i="2"/>
  <c r="L8290" i="5" s="1"/>
  <c r="J8316" i="2"/>
  <c r="J8290" i="5" s="1"/>
  <c r="N8290" i="5" s="1"/>
  <c r="L8535" i="2"/>
  <c r="L8509" i="5" s="1"/>
  <c r="I8535" i="2"/>
  <c r="I8509" i="5" s="1"/>
  <c r="K8535" i="2"/>
  <c r="K8509" i="5" s="1"/>
  <c r="O8509" i="5" s="1"/>
  <c r="J8535" i="2"/>
  <c r="J8509" i="5" s="1"/>
  <c r="N8509" i="5" s="1"/>
  <c r="M8535" i="2"/>
  <c r="M8509" i="5" s="1"/>
  <c r="M449" i="2"/>
  <c r="M423" i="5" s="1"/>
  <c r="I449" i="2"/>
  <c r="I423" i="5" s="1"/>
  <c r="K449" i="2"/>
  <c r="K423" i="5" s="1"/>
  <c r="O423" i="5" s="1"/>
  <c r="J449" i="2"/>
  <c r="J423" i="5" s="1"/>
  <c r="N423" i="5" s="1"/>
  <c r="L449" i="2"/>
  <c r="L423" i="5" s="1"/>
  <c r="I451" i="2"/>
  <c r="I425" i="5" s="1"/>
  <c r="J451" i="2"/>
  <c r="J425" i="5" s="1"/>
  <c r="N425" i="5" s="1"/>
  <c r="M451" i="2"/>
  <c r="M425" i="5" s="1"/>
  <c r="L451" i="2"/>
  <c r="L425" i="5" s="1"/>
  <c r="K451" i="2"/>
  <c r="K425" i="5" s="1"/>
  <c r="O425" i="5" s="1"/>
  <c r="L2323" i="2"/>
  <c r="L2297" i="5" s="1"/>
  <c r="M2323" i="2"/>
  <c r="M2297" i="5" s="1"/>
  <c r="I2323" i="2"/>
  <c r="I2297" i="5" s="1"/>
  <c r="K2323" i="2"/>
  <c r="K2297" i="5" s="1"/>
  <c r="O2297" i="5" s="1"/>
  <c r="J2323" i="2"/>
  <c r="J2297" i="5" s="1"/>
  <c r="N2297" i="5" s="1"/>
  <c r="C103" i="5"/>
  <c r="AR97" i="1"/>
  <c r="L4613" i="2"/>
  <c r="L4587" i="5" s="1"/>
  <c r="J4613" i="2"/>
  <c r="J4587" i="5" s="1"/>
  <c r="N4587" i="5" s="1"/>
  <c r="M4613" i="2"/>
  <c r="M4587" i="5" s="1"/>
  <c r="I4613" i="2"/>
  <c r="I4587" i="5" s="1"/>
  <c r="K4613" i="2"/>
  <c r="K4587" i="5" s="1"/>
  <c r="O4587" i="5" s="1"/>
  <c r="M4280" i="2"/>
  <c r="M4254" i="5" s="1"/>
  <c r="L4280" i="2"/>
  <c r="L4254" i="5" s="1"/>
  <c r="I4280" i="2"/>
  <c r="I4254" i="5" s="1"/>
  <c r="K4280" i="2"/>
  <c r="K4254" i="5" s="1"/>
  <c r="O4254" i="5" s="1"/>
  <c r="J4280" i="2"/>
  <c r="J4254" i="5" s="1"/>
  <c r="N4254" i="5" s="1"/>
  <c r="K4259" i="2"/>
  <c r="K4233" i="5" s="1"/>
  <c r="O4233" i="5" s="1"/>
  <c r="J4259" i="2"/>
  <c r="J4233" i="5" s="1"/>
  <c r="N4233" i="5" s="1"/>
  <c r="L4259" i="2"/>
  <c r="L4233" i="5" s="1"/>
  <c r="M4259" i="2"/>
  <c r="M4233" i="5" s="1"/>
  <c r="I4259" i="2"/>
  <c r="I4233" i="5" s="1"/>
  <c r="J749" i="2"/>
  <c r="J723" i="5" s="1"/>
  <c r="N723" i="5" s="1"/>
  <c r="L749" i="2"/>
  <c r="L723" i="5" s="1"/>
  <c r="M749" i="2"/>
  <c r="M723" i="5" s="1"/>
  <c r="I749" i="2"/>
  <c r="I723" i="5" s="1"/>
  <c r="K749" i="2"/>
  <c r="K723" i="5" s="1"/>
  <c r="O723" i="5" s="1"/>
  <c r="M746" i="2"/>
  <c r="M720" i="5" s="1"/>
  <c r="J746" i="2"/>
  <c r="J720" i="5" s="1"/>
  <c r="N720" i="5" s="1"/>
  <c r="K746" i="2"/>
  <c r="K720" i="5" s="1"/>
  <c r="O720" i="5" s="1"/>
  <c r="L746" i="2"/>
  <c r="L720" i="5" s="1"/>
  <c r="I746" i="2"/>
  <c r="I720" i="5" s="1"/>
  <c r="M4067" i="2"/>
  <c r="M4041" i="5" s="1"/>
  <c r="J4067" i="2"/>
  <c r="J4041" i="5" s="1"/>
  <c r="N4041" i="5" s="1"/>
  <c r="I4067" i="2"/>
  <c r="I4041" i="5" s="1"/>
  <c r="L4067" i="2"/>
  <c r="L4041" i="5" s="1"/>
  <c r="K4067" i="2"/>
  <c r="K4041" i="5" s="1"/>
  <c r="O4041" i="5" s="1"/>
  <c r="M7170" i="2"/>
  <c r="M7144" i="5" s="1"/>
  <c r="I7170" i="2"/>
  <c r="I7144" i="5" s="1"/>
  <c r="J7170" i="2"/>
  <c r="J7144" i="5" s="1"/>
  <c r="N7144" i="5" s="1"/>
  <c r="K7170" i="2"/>
  <c r="K7144" i="5" s="1"/>
  <c r="O7144" i="5" s="1"/>
  <c r="L7170" i="2"/>
  <c r="L7144" i="5" s="1"/>
  <c r="I719" i="2"/>
  <c r="I693" i="5" s="1"/>
  <c r="K719" i="2"/>
  <c r="K693" i="5" s="1"/>
  <c r="O693" i="5" s="1"/>
  <c r="J719" i="2"/>
  <c r="J693" i="5" s="1"/>
  <c r="N693" i="5" s="1"/>
  <c r="L719" i="2"/>
  <c r="L693" i="5" s="1"/>
  <c r="M719" i="2"/>
  <c r="M693" i="5" s="1"/>
  <c r="M7602" i="2"/>
  <c r="M7576" i="5" s="1"/>
  <c r="L7602" i="2"/>
  <c r="L7576" i="5" s="1"/>
  <c r="J7602" i="2"/>
  <c r="J7576" i="5" s="1"/>
  <c r="N7576" i="5" s="1"/>
  <c r="I7602" i="2"/>
  <c r="I7576" i="5" s="1"/>
  <c r="K7602" i="2"/>
  <c r="K7576" i="5" s="1"/>
  <c r="O7576" i="5" s="1"/>
  <c r="L7599" i="2"/>
  <c r="L7573" i="5" s="1"/>
  <c r="J7599" i="2"/>
  <c r="J7573" i="5" s="1"/>
  <c r="N7573" i="5" s="1"/>
  <c r="I7599" i="2"/>
  <c r="I7573" i="5" s="1"/>
  <c r="K7599" i="2"/>
  <c r="K7573" i="5" s="1"/>
  <c r="O7573" i="5" s="1"/>
  <c r="M7599" i="2"/>
  <c r="M7573" i="5" s="1"/>
  <c r="L5621" i="2"/>
  <c r="L5595" i="5" s="1"/>
  <c r="M5621" i="2"/>
  <c r="M5595" i="5" s="1"/>
  <c r="I5621" i="2"/>
  <c r="I5595" i="5" s="1"/>
  <c r="K5621" i="2"/>
  <c r="K5595" i="5" s="1"/>
  <c r="O5595" i="5" s="1"/>
  <c r="J5621" i="2"/>
  <c r="J5595" i="5" s="1"/>
  <c r="N5595" i="5" s="1"/>
  <c r="J8192" i="2"/>
  <c r="J8166" i="5" s="1"/>
  <c r="N8166" i="5" s="1"/>
  <c r="L8192" i="2"/>
  <c r="L8166" i="5" s="1"/>
  <c r="M8192" i="2"/>
  <c r="M8166" i="5" s="1"/>
  <c r="I8192" i="2"/>
  <c r="I8166" i="5" s="1"/>
  <c r="K8192" i="2"/>
  <c r="K8166" i="5" s="1"/>
  <c r="O8166" i="5" s="1"/>
  <c r="J1158" i="2"/>
  <c r="J1132" i="5" s="1"/>
  <c r="N1132" i="5" s="1"/>
  <c r="I1158" i="2"/>
  <c r="I1132" i="5" s="1"/>
  <c r="L1158" i="2"/>
  <c r="L1132" i="5" s="1"/>
  <c r="K1158" i="2"/>
  <c r="K1132" i="5" s="1"/>
  <c r="O1132" i="5" s="1"/>
  <c r="M1158" i="2"/>
  <c r="M1132" i="5" s="1"/>
  <c r="K1154" i="2"/>
  <c r="K1128" i="5" s="1"/>
  <c r="O1128" i="5" s="1"/>
  <c r="J1154" i="2"/>
  <c r="J1128" i="5" s="1"/>
  <c r="N1128" i="5" s="1"/>
  <c r="L1154" i="2"/>
  <c r="L1128" i="5" s="1"/>
  <c r="I1154" i="2"/>
  <c r="I1128" i="5" s="1"/>
  <c r="M1154" i="2"/>
  <c r="M1128" i="5" s="1"/>
  <c r="J2478" i="2"/>
  <c r="J2452" i="5" s="1"/>
  <c r="N2452" i="5" s="1"/>
  <c r="M2478" i="2"/>
  <c r="M2452" i="5" s="1"/>
  <c r="L2478" i="2"/>
  <c r="L2452" i="5" s="1"/>
  <c r="I2478" i="2"/>
  <c r="I2452" i="5" s="1"/>
  <c r="K2478" i="2"/>
  <c r="K2452" i="5" s="1"/>
  <c r="O2452" i="5" s="1"/>
  <c r="I931" i="2"/>
  <c r="I905" i="5" s="1"/>
  <c r="K931" i="2"/>
  <c r="K905" i="5" s="1"/>
  <c r="O905" i="5" s="1"/>
  <c r="J931" i="2"/>
  <c r="J905" i="5" s="1"/>
  <c r="N905" i="5" s="1"/>
  <c r="M931" i="2"/>
  <c r="M905" i="5" s="1"/>
  <c r="L931" i="2"/>
  <c r="L905" i="5" s="1"/>
  <c r="C45" i="5"/>
  <c r="AR39" i="1"/>
  <c r="K792" i="2"/>
  <c r="K766" i="5" s="1"/>
  <c r="O766" i="5" s="1"/>
  <c r="J792" i="2"/>
  <c r="J766" i="5" s="1"/>
  <c r="N766" i="5" s="1"/>
  <c r="I792" i="2"/>
  <c r="I766" i="5" s="1"/>
  <c r="M792" i="2"/>
  <c r="M766" i="5" s="1"/>
  <c r="L792" i="2"/>
  <c r="L766" i="5" s="1"/>
  <c r="K603" i="2"/>
  <c r="K577" i="5" s="1"/>
  <c r="O577" i="5" s="1"/>
  <c r="M603" i="2"/>
  <c r="M577" i="5" s="1"/>
  <c r="J603" i="2"/>
  <c r="J577" i="5" s="1"/>
  <c r="N577" i="5" s="1"/>
  <c r="L603" i="2"/>
  <c r="L577" i="5" s="1"/>
  <c r="I603" i="2"/>
  <c r="I577" i="5" s="1"/>
  <c r="J7341" i="2"/>
  <c r="J7315" i="5" s="1"/>
  <c r="N7315" i="5" s="1"/>
  <c r="L7341" i="2"/>
  <c r="L7315" i="5" s="1"/>
  <c r="I7341" i="2"/>
  <c r="I7315" i="5" s="1"/>
  <c r="K7341" i="2"/>
  <c r="K7315" i="5" s="1"/>
  <c r="O7315" i="5" s="1"/>
  <c r="M7341" i="2"/>
  <c r="M7315" i="5" s="1"/>
  <c r="L2831" i="2"/>
  <c r="L2805" i="5" s="1"/>
  <c r="I2831" i="2"/>
  <c r="I2805" i="5" s="1"/>
  <c r="K2831" i="2"/>
  <c r="K2805" i="5" s="1"/>
  <c r="O2805" i="5" s="1"/>
  <c r="M2831" i="2"/>
  <c r="M2805" i="5" s="1"/>
  <c r="J2831" i="2"/>
  <c r="J2805" i="5" s="1"/>
  <c r="N2805" i="5" s="1"/>
  <c r="K4958" i="2"/>
  <c r="K4932" i="5" s="1"/>
  <c r="O4932" i="5" s="1"/>
  <c r="J4958" i="2"/>
  <c r="J4932" i="5" s="1"/>
  <c r="N4932" i="5" s="1"/>
  <c r="M4958" i="2"/>
  <c r="M4932" i="5" s="1"/>
  <c r="L4958" i="2"/>
  <c r="L4932" i="5" s="1"/>
  <c r="I4958" i="2"/>
  <c r="I4932" i="5" s="1"/>
  <c r="M1440" i="2"/>
  <c r="M1414" i="5" s="1"/>
  <c r="L1440" i="2"/>
  <c r="L1414" i="5" s="1"/>
  <c r="I1440" i="2"/>
  <c r="I1414" i="5" s="1"/>
  <c r="K1440" i="2"/>
  <c r="K1414" i="5" s="1"/>
  <c r="O1414" i="5" s="1"/>
  <c r="J1440" i="2"/>
  <c r="J1414" i="5" s="1"/>
  <c r="N1414" i="5" s="1"/>
  <c r="J1772" i="2"/>
  <c r="J1746" i="5" s="1"/>
  <c r="N1746" i="5" s="1"/>
  <c r="K1772" i="2"/>
  <c r="K1746" i="5" s="1"/>
  <c r="O1746" i="5" s="1"/>
  <c r="L1772" i="2"/>
  <c r="L1746" i="5" s="1"/>
  <c r="M1772" i="2"/>
  <c r="M1746" i="5" s="1"/>
  <c r="I1772" i="2"/>
  <c r="I1746" i="5" s="1"/>
  <c r="K8134" i="2"/>
  <c r="K8108" i="5" s="1"/>
  <c r="O8108" i="5" s="1"/>
  <c r="L8134" i="2"/>
  <c r="L8108" i="5" s="1"/>
  <c r="M8134" i="2"/>
  <c r="M8108" i="5" s="1"/>
  <c r="J8134" i="2"/>
  <c r="J8108" i="5" s="1"/>
  <c r="N8108" i="5" s="1"/>
  <c r="I8134" i="2"/>
  <c r="I8108" i="5" s="1"/>
  <c r="AR339" i="1"/>
  <c r="C345" i="5"/>
  <c r="K5586" i="2"/>
  <c r="K5560" i="5" s="1"/>
  <c r="O5560" i="5" s="1"/>
  <c r="J5586" i="2"/>
  <c r="J5560" i="5" s="1"/>
  <c r="N5560" i="5" s="1"/>
  <c r="L5586" i="2"/>
  <c r="L5560" i="5" s="1"/>
  <c r="M5586" i="2"/>
  <c r="M5560" i="5" s="1"/>
  <c r="I5586" i="2"/>
  <c r="I5560" i="5" s="1"/>
  <c r="L1565" i="2"/>
  <c r="L1539" i="5" s="1"/>
  <c r="M1565" i="2"/>
  <c r="M1539" i="5" s="1"/>
  <c r="I1565" i="2"/>
  <c r="I1539" i="5" s="1"/>
  <c r="K1565" i="2"/>
  <c r="K1539" i="5" s="1"/>
  <c r="O1539" i="5" s="1"/>
  <c r="J1565" i="2"/>
  <c r="J1539" i="5" s="1"/>
  <c r="N1539" i="5" s="1"/>
  <c r="L1560" i="2"/>
  <c r="L1534" i="5" s="1"/>
  <c r="K1560" i="2"/>
  <c r="K1534" i="5" s="1"/>
  <c r="O1534" i="5" s="1"/>
  <c r="M1560" i="2"/>
  <c r="M1534" i="5" s="1"/>
  <c r="I1560" i="2"/>
  <c r="I1534" i="5" s="1"/>
  <c r="J1560" i="2"/>
  <c r="J1534" i="5" s="1"/>
  <c r="N1534" i="5" s="1"/>
  <c r="L286" i="2"/>
  <c r="L260" i="5" s="1"/>
  <c r="M286" i="2"/>
  <c r="M260" i="5" s="1"/>
  <c r="K286" i="2"/>
  <c r="K260" i="5" s="1"/>
  <c r="O260" i="5" s="1"/>
  <c r="I286" i="2"/>
  <c r="I260" i="5" s="1"/>
  <c r="J286" i="2"/>
  <c r="J260" i="5" s="1"/>
  <c r="N260" i="5" s="1"/>
  <c r="M6459" i="2"/>
  <c r="M6433" i="5" s="1"/>
  <c r="J6459" i="2"/>
  <c r="J6433" i="5" s="1"/>
  <c r="N6433" i="5" s="1"/>
  <c r="L6459" i="2"/>
  <c r="L6433" i="5" s="1"/>
  <c r="I6459" i="2"/>
  <c r="I6433" i="5" s="1"/>
  <c r="K6459" i="2"/>
  <c r="K6433" i="5" s="1"/>
  <c r="O6433" i="5" s="1"/>
  <c r="K6444" i="2"/>
  <c r="K6418" i="5" s="1"/>
  <c r="O6418" i="5" s="1"/>
  <c r="L6444" i="2"/>
  <c r="L6418" i="5" s="1"/>
  <c r="J6444" i="2"/>
  <c r="J6418" i="5" s="1"/>
  <c r="N6418" i="5" s="1"/>
  <c r="I6444" i="2"/>
  <c r="I6418" i="5" s="1"/>
  <c r="M6444" i="2"/>
  <c r="M6418" i="5" s="1"/>
  <c r="M2577" i="2"/>
  <c r="M2551" i="5" s="1"/>
  <c r="J2577" i="2"/>
  <c r="J2551" i="5" s="1"/>
  <c r="N2551" i="5" s="1"/>
  <c r="I2577" i="2"/>
  <c r="I2551" i="5" s="1"/>
  <c r="L2577" i="2"/>
  <c r="L2551" i="5" s="1"/>
  <c r="K2577" i="2"/>
  <c r="K2551" i="5" s="1"/>
  <c r="O2551" i="5" s="1"/>
  <c r="I3237" i="2"/>
  <c r="I3211" i="5" s="1"/>
  <c r="K3237" i="2"/>
  <c r="K3211" i="5" s="1"/>
  <c r="O3211" i="5" s="1"/>
  <c r="J3237" i="2"/>
  <c r="J3211" i="5" s="1"/>
  <c r="N3211" i="5" s="1"/>
  <c r="M3237" i="2"/>
  <c r="M3211" i="5" s="1"/>
  <c r="L3237" i="2"/>
  <c r="L3211" i="5" s="1"/>
  <c r="J3748" i="2"/>
  <c r="J3722" i="5" s="1"/>
  <c r="N3722" i="5" s="1"/>
  <c r="K3748" i="2"/>
  <c r="K3722" i="5" s="1"/>
  <c r="O3722" i="5" s="1"/>
  <c r="L3748" i="2"/>
  <c r="L3722" i="5" s="1"/>
  <c r="M3748" i="2"/>
  <c r="M3722" i="5" s="1"/>
  <c r="I3748" i="2"/>
  <c r="I3722" i="5" s="1"/>
  <c r="J2090" i="2"/>
  <c r="J2064" i="5" s="1"/>
  <c r="N2064" i="5" s="1"/>
  <c r="L2090" i="2"/>
  <c r="L2064" i="5" s="1"/>
  <c r="M2090" i="2"/>
  <c r="M2064" i="5" s="1"/>
  <c r="I2090" i="2"/>
  <c r="I2064" i="5" s="1"/>
  <c r="K2090" i="2"/>
  <c r="K2064" i="5" s="1"/>
  <c r="O2064" i="5" s="1"/>
  <c r="C93" i="5"/>
  <c r="AR87" i="1"/>
  <c r="M2927" i="2"/>
  <c r="M2901" i="5" s="1"/>
  <c r="I2927" i="2"/>
  <c r="I2901" i="5" s="1"/>
  <c r="J2927" i="2"/>
  <c r="J2901" i="5" s="1"/>
  <c r="N2901" i="5" s="1"/>
  <c r="L2927" i="2"/>
  <c r="L2901" i="5" s="1"/>
  <c r="K2927" i="2"/>
  <c r="K2901" i="5" s="1"/>
  <c r="O2901" i="5" s="1"/>
  <c r="L7373" i="2"/>
  <c r="L7347" i="5" s="1"/>
  <c r="I7373" i="2"/>
  <c r="I7347" i="5" s="1"/>
  <c r="M7373" i="2"/>
  <c r="M7347" i="5" s="1"/>
  <c r="K7373" i="2"/>
  <c r="K7347" i="5" s="1"/>
  <c r="O7347" i="5" s="1"/>
  <c r="J7373" i="2"/>
  <c r="J7347" i="5" s="1"/>
  <c r="N7347" i="5" s="1"/>
  <c r="I4237" i="2"/>
  <c r="I4211" i="5" s="1"/>
  <c r="K4237" i="2"/>
  <c r="K4211" i="5" s="1"/>
  <c r="O4211" i="5" s="1"/>
  <c r="J4237" i="2"/>
  <c r="J4211" i="5" s="1"/>
  <c r="N4211" i="5" s="1"/>
  <c r="L4237" i="2"/>
  <c r="L4211" i="5" s="1"/>
  <c r="M4237" i="2"/>
  <c r="M4211" i="5" s="1"/>
  <c r="K2796" i="2"/>
  <c r="K2770" i="5" s="1"/>
  <c r="O2770" i="5" s="1"/>
  <c r="M2796" i="2"/>
  <c r="M2770" i="5" s="1"/>
  <c r="L2796" i="2"/>
  <c r="L2770" i="5" s="1"/>
  <c r="I2796" i="2"/>
  <c r="I2770" i="5" s="1"/>
  <c r="J2796" i="2"/>
  <c r="J2770" i="5" s="1"/>
  <c r="N2770" i="5" s="1"/>
  <c r="I2813" i="2"/>
  <c r="I2787" i="5" s="1"/>
  <c r="K2813" i="2"/>
  <c r="K2787" i="5" s="1"/>
  <c r="O2787" i="5" s="1"/>
  <c r="L2813" i="2"/>
  <c r="L2787" i="5" s="1"/>
  <c r="J2813" i="2"/>
  <c r="J2787" i="5" s="1"/>
  <c r="N2787" i="5" s="1"/>
  <c r="M2813" i="2"/>
  <c r="M2787" i="5" s="1"/>
  <c r="I5928" i="2"/>
  <c r="I5902" i="5" s="1"/>
  <c r="K5928" i="2"/>
  <c r="K5902" i="5" s="1"/>
  <c r="O5902" i="5" s="1"/>
  <c r="J5928" i="2"/>
  <c r="J5902" i="5" s="1"/>
  <c r="N5902" i="5" s="1"/>
  <c r="L5928" i="2"/>
  <c r="L5902" i="5" s="1"/>
  <c r="M5928" i="2"/>
  <c r="M5902" i="5" s="1"/>
  <c r="I6761" i="2"/>
  <c r="I6735" i="5" s="1"/>
  <c r="K6761" i="2"/>
  <c r="K6735" i="5" s="1"/>
  <c r="O6735" i="5" s="1"/>
  <c r="J6761" i="2"/>
  <c r="J6735" i="5" s="1"/>
  <c r="N6735" i="5" s="1"/>
  <c r="L6761" i="2"/>
  <c r="L6735" i="5" s="1"/>
  <c r="M6761" i="2"/>
  <c r="M6735" i="5" s="1"/>
  <c r="L2235" i="2"/>
  <c r="L2209" i="5" s="1"/>
  <c r="M2235" i="2"/>
  <c r="M2209" i="5" s="1"/>
  <c r="I2235" i="2"/>
  <c r="I2209" i="5" s="1"/>
  <c r="K2235" i="2"/>
  <c r="K2209" i="5" s="1"/>
  <c r="O2209" i="5" s="1"/>
  <c r="J2235" i="2"/>
  <c r="J2209" i="5" s="1"/>
  <c r="N2209" i="5" s="1"/>
  <c r="J2238" i="2"/>
  <c r="J2212" i="5" s="1"/>
  <c r="N2212" i="5" s="1"/>
  <c r="L2238" i="2"/>
  <c r="L2212" i="5" s="1"/>
  <c r="M2238" i="2"/>
  <c r="M2212" i="5" s="1"/>
  <c r="I2238" i="2"/>
  <c r="I2212" i="5" s="1"/>
  <c r="K2238" i="2"/>
  <c r="K2212" i="5" s="1"/>
  <c r="O2212" i="5" s="1"/>
  <c r="K1786" i="2"/>
  <c r="K1760" i="5" s="1"/>
  <c r="O1760" i="5" s="1"/>
  <c r="L1786" i="2"/>
  <c r="L1760" i="5" s="1"/>
  <c r="M1786" i="2"/>
  <c r="M1760" i="5" s="1"/>
  <c r="I1786" i="2"/>
  <c r="I1760" i="5" s="1"/>
  <c r="J1786" i="2"/>
  <c r="J1760" i="5" s="1"/>
  <c r="N1760" i="5" s="1"/>
  <c r="M1832" i="2"/>
  <c r="M1806" i="5" s="1"/>
  <c r="J1832" i="2"/>
  <c r="J1806" i="5" s="1"/>
  <c r="N1806" i="5" s="1"/>
  <c r="I1832" i="2"/>
  <c r="I1806" i="5" s="1"/>
  <c r="L1832" i="2"/>
  <c r="L1806" i="5" s="1"/>
  <c r="K1832" i="2"/>
  <c r="K1806" i="5" s="1"/>
  <c r="O1806" i="5" s="1"/>
  <c r="L4665" i="2"/>
  <c r="L4639" i="5" s="1"/>
  <c r="M4665" i="2"/>
  <c r="M4639" i="5" s="1"/>
  <c r="I4665" i="2"/>
  <c r="I4639" i="5" s="1"/>
  <c r="K4665" i="2"/>
  <c r="K4639" i="5" s="1"/>
  <c r="O4639" i="5" s="1"/>
  <c r="J4665" i="2"/>
  <c r="J4639" i="5" s="1"/>
  <c r="N4639" i="5" s="1"/>
  <c r="M811" i="2"/>
  <c r="M785" i="5" s="1"/>
  <c r="L811" i="2"/>
  <c r="L785" i="5" s="1"/>
  <c r="K811" i="2"/>
  <c r="K785" i="5" s="1"/>
  <c r="O785" i="5" s="1"/>
  <c r="I811" i="2"/>
  <c r="I785" i="5" s="1"/>
  <c r="J811" i="2"/>
  <c r="J785" i="5" s="1"/>
  <c r="N785" i="5" s="1"/>
  <c r="L2951" i="2"/>
  <c r="L2925" i="5" s="1"/>
  <c r="J2951" i="2"/>
  <c r="J2925" i="5" s="1"/>
  <c r="N2925" i="5" s="1"/>
  <c r="M2951" i="2"/>
  <c r="M2925" i="5" s="1"/>
  <c r="I2951" i="2"/>
  <c r="I2925" i="5" s="1"/>
  <c r="K2951" i="2"/>
  <c r="K2925" i="5" s="1"/>
  <c r="O2925" i="5" s="1"/>
  <c r="I2960" i="2"/>
  <c r="I2934" i="5" s="1"/>
  <c r="L2960" i="2"/>
  <c r="L2934" i="5" s="1"/>
  <c r="J2960" i="2"/>
  <c r="J2934" i="5" s="1"/>
  <c r="N2934" i="5" s="1"/>
  <c r="M2960" i="2"/>
  <c r="M2934" i="5" s="1"/>
  <c r="K2960" i="2"/>
  <c r="K2934" i="5" s="1"/>
  <c r="O2934" i="5" s="1"/>
  <c r="M7827" i="2"/>
  <c r="M7801" i="5" s="1"/>
  <c r="J7827" i="2"/>
  <c r="J7801" i="5" s="1"/>
  <c r="N7801" i="5" s="1"/>
  <c r="I7827" i="2"/>
  <c r="I7801" i="5" s="1"/>
  <c r="L7827" i="2"/>
  <c r="L7801" i="5" s="1"/>
  <c r="K7827" i="2"/>
  <c r="K7801" i="5" s="1"/>
  <c r="O7801" i="5" s="1"/>
  <c r="K990" i="2"/>
  <c r="K964" i="5" s="1"/>
  <c r="O964" i="5" s="1"/>
  <c r="J990" i="2"/>
  <c r="J964" i="5" s="1"/>
  <c r="N964" i="5" s="1"/>
  <c r="M990" i="2"/>
  <c r="M964" i="5" s="1"/>
  <c r="L990" i="2"/>
  <c r="L964" i="5" s="1"/>
  <c r="I990" i="2"/>
  <c r="I964" i="5" s="1"/>
  <c r="L8462" i="2"/>
  <c r="L8436" i="5" s="1"/>
  <c r="M8462" i="2"/>
  <c r="M8436" i="5" s="1"/>
  <c r="I8462" i="2"/>
  <c r="I8436" i="5" s="1"/>
  <c r="K8462" i="2"/>
  <c r="K8436" i="5" s="1"/>
  <c r="O8436" i="5" s="1"/>
  <c r="J8462" i="2"/>
  <c r="J8436" i="5" s="1"/>
  <c r="N8436" i="5" s="1"/>
  <c r="L4491" i="2"/>
  <c r="L4465" i="5" s="1"/>
  <c r="M4491" i="2"/>
  <c r="M4465" i="5" s="1"/>
  <c r="I4491" i="2"/>
  <c r="I4465" i="5" s="1"/>
  <c r="K4491" i="2"/>
  <c r="K4465" i="5" s="1"/>
  <c r="O4465" i="5" s="1"/>
  <c r="J4491" i="2"/>
  <c r="J4465" i="5" s="1"/>
  <c r="N4465" i="5" s="1"/>
  <c r="C193" i="5"/>
  <c r="AR187" i="1"/>
  <c r="J2252" i="2"/>
  <c r="J2226" i="5" s="1"/>
  <c r="N2226" i="5" s="1"/>
  <c r="L2252" i="2"/>
  <c r="L2226" i="5" s="1"/>
  <c r="M2252" i="2"/>
  <c r="M2226" i="5" s="1"/>
  <c r="I2252" i="2"/>
  <c r="I2226" i="5" s="1"/>
  <c r="K2252" i="2"/>
  <c r="K2226" i="5" s="1"/>
  <c r="O2226" i="5" s="1"/>
  <c r="M3766" i="2"/>
  <c r="M3740" i="5" s="1"/>
  <c r="J3766" i="2"/>
  <c r="J3740" i="5" s="1"/>
  <c r="N3740" i="5" s="1"/>
  <c r="I3766" i="2"/>
  <c r="I3740" i="5" s="1"/>
  <c r="L3766" i="2"/>
  <c r="L3740" i="5" s="1"/>
  <c r="K3766" i="2"/>
  <c r="K3740" i="5" s="1"/>
  <c r="O3740" i="5" s="1"/>
  <c r="I875" i="2"/>
  <c r="I849" i="5" s="1"/>
  <c r="K875" i="2"/>
  <c r="K849" i="5" s="1"/>
  <c r="O849" i="5" s="1"/>
  <c r="M875" i="2"/>
  <c r="M849" i="5" s="1"/>
  <c r="L875" i="2"/>
  <c r="L849" i="5" s="1"/>
  <c r="J875" i="2"/>
  <c r="J849" i="5" s="1"/>
  <c r="N849" i="5" s="1"/>
  <c r="M5846" i="2"/>
  <c r="M5820" i="5" s="1"/>
  <c r="L5846" i="2"/>
  <c r="L5820" i="5" s="1"/>
  <c r="I5846" i="2"/>
  <c r="I5820" i="5" s="1"/>
  <c r="K5846" i="2"/>
  <c r="K5820" i="5" s="1"/>
  <c r="O5820" i="5" s="1"/>
  <c r="J5846" i="2"/>
  <c r="J5820" i="5" s="1"/>
  <c r="N5820" i="5" s="1"/>
  <c r="J5842" i="2"/>
  <c r="J5816" i="5" s="1"/>
  <c r="N5816" i="5" s="1"/>
  <c r="I5842" i="2"/>
  <c r="I5816" i="5" s="1"/>
  <c r="M5842" i="2"/>
  <c r="M5816" i="5" s="1"/>
  <c r="K5842" i="2"/>
  <c r="K5816" i="5" s="1"/>
  <c r="O5816" i="5" s="1"/>
  <c r="L5842" i="2"/>
  <c r="L5816" i="5" s="1"/>
  <c r="I5747" i="2"/>
  <c r="I5721" i="5" s="1"/>
  <c r="K5747" i="2"/>
  <c r="K5721" i="5" s="1"/>
  <c r="O5721" i="5" s="1"/>
  <c r="J5747" i="2"/>
  <c r="J5721" i="5" s="1"/>
  <c r="N5721" i="5" s="1"/>
  <c r="M5747" i="2"/>
  <c r="M5721" i="5" s="1"/>
  <c r="L5747" i="2"/>
  <c r="L5721" i="5" s="1"/>
  <c r="L205" i="2"/>
  <c r="L179" i="5" s="1"/>
  <c r="M205" i="2"/>
  <c r="M179" i="5" s="1"/>
  <c r="J205" i="2"/>
  <c r="J179" i="5" s="1"/>
  <c r="N179" i="5" s="1"/>
  <c r="I205" i="2"/>
  <c r="I179" i="5" s="1"/>
  <c r="K205" i="2"/>
  <c r="K179" i="5" s="1"/>
  <c r="O179" i="5" s="1"/>
  <c r="I4953" i="2"/>
  <c r="I4927" i="5" s="1"/>
  <c r="K4953" i="2"/>
  <c r="K4927" i="5" s="1"/>
  <c r="O4927" i="5" s="1"/>
  <c r="M4953" i="2"/>
  <c r="M4927" i="5" s="1"/>
  <c r="J4953" i="2"/>
  <c r="J4927" i="5" s="1"/>
  <c r="N4927" i="5" s="1"/>
  <c r="L4953" i="2"/>
  <c r="L4927" i="5" s="1"/>
  <c r="M7105" i="2"/>
  <c r="M7079" i="5" s="1"/>
  <c r="I7105" i="2"/>
  <c r="I7079" i="5" s="1"/>
  <c r="L7105" i="2"/>
  <c r="L7079" i="5" s="1"/>
  <c r="K7105" i="2"/>
  <c r="K7079" i="5" s="1"/>
  <c r="O7079" i="5" s="1"/>
  <c r="J7105" i="2"/>
  <c r="J7079" i="5" s="1"/>
  <c r="N7079" i="5" s="1"/>
  <c r="K375" i="2"/>
  <c r="K349" i="5" s="1"/>
  <c r="O349" i="5" s="1"/>
  <c r="L375" i="2"/>
  <c r="L349" i="5" s="1"/>
  <c r="I375" i="2"/>
  <c r="I349" i="5" s="1"/>
  <c r="M375" i="2"/>
  <c r="M349" i="5" s="1"/>
  <c r="J375" i="2"/>
  <c r="J349" i="5" s="1"/>
  <c r="N349" i="5" s="1"/>
  <c r="M377" i="2"/>
  <c r="M351" i="5" s="1"/>
  <c r="I377" i="2"/>
  <c r="I351" i="5" s="1"/>
  <c r="L377" i="2"/>
  <c r="L351" i="5" s="1"/>
  <c r="J377" i="2"/>
  <c r="J351" i="5" s="1"/>
  <c r="N351" i="5" s="1"/>
  <c r="K377" i="2"/>
  <c r="K351" i="5" s="1"/>
  <c r="O351" i="5" s="1"/>
  <c r="J5473" i="2"/>
  <c r="J5447" i="5" s="1"/>
  <c r="N5447" i="5" s="1"/>
  <c r="I5473" i="2"/>
  <c r="I5447" i="5" s="1"/>
  <c r="L5473" i="2"/>
  <c r="L5447" i="5" s="1"/>
  <c r="M5473" i="2"/>
  <c r="M5447" i="5" s="1"/>
  <c r="K5473" i="2"/>
  <c r="K5447" i="5" s="1"/>
  <c r="O5447" i="5" s="1"/>
  <c r="K5471" i="2"/>
  <c r="K5445" i="5" s="1"/>
  <c r="O5445" i="5" s="1"/>
  <c r="L5471" i="2"/>
  <c r="L5445" i="5" s="1"/>
  <c r="M5471" i="2"/>
  <c r="M5445" i="5" s="1"/>
  <c r="J5471" i="2"/>
  <c r="J5445" i="5" s="1"/>
  <c r="N5445" i="5" s="1"/>
  <c r="I5471" i="2"/>
  <c r="I5445" i="5" s="1"/>
  <c r="K2983" i="2"/>
  <c r="K2957" i="5" s="1"/>
  <c r="O2957" i="5" s="1"/>
  <c r="M2983" i="2"/>
  <c r="M2957" i="5" s="1"/>
  <c r="J2983" i="2"/>
  <c r="J2957" i="5" s="1"/>
  <c r="N2957" i="5" s="1"/>
  <c r="L2983" i="2"/>
  <c r="L2957" i="5" s="1"/>
  <c r="I2983" i="2"/>
  <c r="I2957" i="5" s="1"/>
  <c r="I2982" i="2"/>
  <c r="I2956" i="5" s="1"/>
  <c r="M2982" i="2"/>
  <c r="M2956" i="5" s="1"/>
  <c r="K2982" i="2"/>
  <c r="K2956" i="5" s="1"/>
  <c r="O2956" i="5" s="1"/>
  <c r="J2982" i="2"/>
  <c r="J2956" i="5" s="1"/>
  <c r="N2956" i="5" s="1"/>
  <c r="L2982" i="2"/>
  <c r="L2956" i="5" s="1"/>
  <c r="K1661" i="2"/>
  <c r="K1635" i="5" s="1"/>
  <c r="O1635" i="5" s="1"/>
  <c r="L1661" i="2"/>
  <c r="L1635" i="5" s="1"/>
  <c r="M1661" i="2"/>
  <c r="M1635" i="5" s="1"/>
  <c r="I1661" i="2"/>
  <c r="I1635" i="5" s="1"/>
  <c r="J1661" i="2"/>
  <c r="J1635" i="5" s="1"/>
  <c r="N1635" i="5" s="1"/>
  <c r="I8211" i="2"/>
  <c r="I8185" i="5" s="1"/>
  <c r="K8211" i="2"/>
  <c r="K8185" i="5" s="1"/>
  <c r="O8185" i="5" s="1"/>
  <c r="L8211" i="2"/>
  <c r="L8185" i="5" s="1"/>
  <c r="M8211" i="2"/>
  <c r="M8185" i="5" s="1"/>
  <c r="J8211" i="2"/>
  <c r="J8185" i="5" s="1"/>
  <c r="N8185" i="5" s="1"/>
  <c r="K5151" i="2"/>
  <c r="K5125" i="5" s="1"/>
  <c r="O5125" i="5" s="1"/>
  <c r="J5151" i="2"/>
  <c r="J5125" i="5" s="1"/>
  <c r="N5125" i="5" s="1"/>
  <c r="L5151" i="2"/>
  <c r="L5125" i="5" s="1"/>
  <c r="M5151" i="2"/>
  <c r="M5125" i="5" s="1"/>
  <c r="I5151" i="2"/>
  <c r="I5125" i="5" s="1"/>
  <c r="M6644" i="2"/>
  <c r="M6618" i="5" s="1"/>
  <c r="L6644" i="2"/>
  <c r="L6618" i="5" s="1"/>
  <c r="I6644" i="2"/>
  <c r="I6618" i="5" s="1"/>
  <c r="K6644" i="2"/>
  <c r="K6618" i="5" s="1"/>
  <c r="O6618" i="5" s="1"/>
  <c r="J6644" i="2"/>
  <c r="J6618" i="5" s="1"/>
  <c r="N6618" i="5" s="1"/>
  <c r="J4409" i="2"/>
  <c r="J4383" i="5" s="1"/>
  <c r="N4383" i="5" s="1"/>
  <c r="L4409" i="2"/>
  <c r="L4383" i="5" s="1"/>
  <c r="M4409" i="2"/>
  <c r="M4383" i="5" s="1"/>
  <c r="I4409" i="2"/>
  <c r="I4383" i="5" s="1"/>
  <c r="K4409" i="2"/>
  <c r="K4383" i="5" s="1"/>
  <c r="O4383" i="5" s="1"/>
  <c r="L6527" i="2"/>
  <c r="L6501" i="5" s="1"/>
  <c r="J6527" i="2"/>
  <c r="J6501" i="5" s="1"/>
  <c r="N6501" i="5" s="1"/>
  <c r="M6527" i="2"/>
  <c r="M6501" i="5" s="1"/>
  <c r="I6527" i="2"/>
  <c r="I6501" i="5" s="1"/>
  <c r="K6527" i="2"/>
  <c r="K6501" i="5" s="1"/>
  <c r="O6501" i="5" s="1"/>
  <c r="K2295" i="2"/>
  <c r="K2269" i="5" s="1"/>
  <c r="O2269" i="5" s="1"/>
  <c r="L2295" i="2"/>
  <c r="L2269" i="5" s="1"/>
  <c r="M2295" i="2"/>
  <c r="M2269" i="5" s="1"/>
  <c r="I2295" i="2"/>
  <c r="I2269" i="5" s="1"/>
  <c r="J2295" i="2"/>
  <c r="J2269" i="5" s="1"/>
  <c r="N2269" i="5" s="1"/>
  <c r="L1269" i="2"/>
  <c r="L1243" i="5" s="1"/>
  <c r="J1269" i="2"/>
  <c r="J1243" i="5" s="1"/>
  <c r="N1243" i="5" s="1"/>
  <c r="K1269" i="2"/>
  <c r="K1243" i="5" s="1"/>
  <c r="O1243" i="5" s="1"/>
  <c r="M1269" i="2"/>
  <c r="M1243" i="5" s="1"/>
  <c r="I1269" i="2"/>
  <c r="I1243" i="5" s="1"/>
  <c r="J1278" i="2"/>
  <c r="J1252" i="5" s="1"/>
  <c r="N1252" i="5" s="1"/>
  <c r="L1278" i="2"/>
  <c r="L1252" i="5" s="1"/>
  <c r="I1278" i="2"/>
  <c r="I1252" i="5" s="1"/>
  <c r="M1278" i="2"/>
  <c r="M1252" i="5" s="1"/>
  <c r="K1278" i="2"/>
  <c r="K1252" i="5" s="1"/>
  <c r="O1252" i="5" s="1"/>
  <c r="L1715" i="2"/>
  <c r="L1689" i="5" s="1"/>
  <c r="M1715" i="2"/>
  <c r="M1689" i="5" s="1"/>
  <c r="J1715" i="2"/>
  <c r="J1689" i="5" s="1"/>
  <c r="N1689" i="5" s="1"/>
  <c r="I1715" i="2"/>
  <c r="I1689" i="5" s="1"/>
  <c r="K1715" i="2"/>
  <c r="K1689" i="5" s="1"/>
  <c r="O1689" i="5" s="1"/>
  <c r="M6182" i="2"/>
  <c r="M6156" i="5" s="1"/>
  <c r="I6182" i="2"/>
  <c r="I6156" i="5" s="1"/>
  <c r="J6182" i="2"/>
  <c r="J6156" i="5" s="1"/>
  <c r="N6156" i="5" s="1"/>
  <c r="L6182" i="2"/>
  <c r="L6156" i="5" s="1"/>
  <c r="K6182" i="2"/>
  <c r="K6156" i="5" s="1"/>
  <c r="O6156" i="5" s="1"/>
  <c r="I6183" i="2"/>
  <c r="I6157" i="5" s="1"/>
  <c r="J6183" i="2"/>
  <c r="J6157" i="5" s="1"/>
  <c r="N6157" i="5" s="1"/>
  <c r="L6183" i="2"/>
  <c r="L6157" i="5" s="1"/>
  <c r="K6183" i="2"/>
  <c r="K6157" i="5" s="1"/>
  <c r="O6157" i="5" s="1"/>
  <c r="M6183" i="2"/>
  <c r="M6157" i="5" s="1"/>
  <c r="J2651" i="2"/>
  <c r="J2625" i="5" s="1"/>
  <c r="N2625" i="5" s="1"/>
  <c r="L2651" i="2"/>
  <c r="L2625" i="5" s="1"/>
  <c r="M2651" i="2"/>
  <c r="M2625" i="5" s="1"/>
  <c r="I2651" i="2"/>
  <c r="I2625" i="5" s="1"/>
  <c r="K2651" i="2"/>
  <c r="K2625" i="5" s="1"/>
  <c r="O2625" i="5" s="1"/>
  <c r="J2661" i="2"/>
  <c r="J2635" i="5" s="1"/>
  <c r="N2635" i="5" s="1"/>
  <c r="L2661" i="2"/>
  <c r="L2635" i="5" s="1"/>
  <c r="M2661" i="2"/>
  <c r="M2635" i="5" s="1"/>
  <c r="I2661" i="2"/>
  <c r="I2635" i="5" s="1"/>
  <c r="K2661" i="2"/>
  <c r="K2635" i="5" s="1"/>
  <c r="O2635" i="5" s="1"/>
  <c r="I6837" i="2"/>
  <c r="I6811" i="5" s="1"/>
  <c r="K6837" i="2"/>
  <c r="K6811" i="5" s="1"/>
  <c r="O6811" i="5" s="1"/>
  <c r="L6837" i="2"/>
  <c r="L6811" i="5" s="1"/>
  <c r="J6837" i="2"/>
  <c r="J6811" i="5" s="1"/>
  <c r="N6811" i="5" s="1"/>
  <c r="M6837" i="2"/>
  <c r="M6811" i="5" s="1"/>
  <c r="K6847" i="2"/>
  <c r="K6821" i="5" s="1"/>
  <c r="O6821" i="5" s="1"/>
  <c r="L6847" i="2"/>
  <c r="L6821" i="5" s="1"/>
  <c r="J6847" i="2"/>
  <c r="J6821" i="5" s="1"/>
  <c r="N6821" i="5" s="1"/>
  <c r="M6847" i="2"/>
  <c r="M6821" i="5" s="1"/>
  <c r="I6847" i="2"/>
  <c r="I6821" i="5" s="1"/>
  <c r="K3408" i="2"/>
  <c r="K3382" i="5" s="1"/>
  <c r="O3382" i="5" s="1"/>
  <c r="J3408" i="2"/>
  <c r="J3382" i="5" s="1"/>
  <c r="N3382" i="5" s="1"/>
  <c r="L3408" i="2"/>
  <c r="L3382" i="5" s="1"/>
  <c r="M3408" i="2"/>
  <c r="M3382" i="5" s="1"/>
  <c r="I3408" i="2"/>
  <c r="I3382" i="5" s="1"/>
  <c r="J3250" i="2"/>
  <c r="J3224" i="5" s="1"/>
  <c r="N3224" i="5" s="1"/>
  <c r="L3250" i="2"/>
  <c r="L3224" i="5" s="1"/>
  <c r="M3250" i="2"/>
  <c r="M3224" i="5" s="1"/>
  <c r="I3250" i="2"/>
  <c r="I3224" i="5" s="1"/>
  <c r="K3250" i="2"/>
  <c r="K3224" i="5" s="1"/>
  <c r="O3224" i="5" s="1"/>
  <c r="M1610" i="2"/>
  <c r="M1584" i="5" s="1"/>
  <c r="K1610" i="2"/>
  <c r="K1584" i="5" s="1"/>
  <c r="O1584" i="5" s="1"/>
  <c r="L1610" i="2"/>
  <c r="L1584" i="5" s="1"/>
  <c r="I1610" i="2"/>
  <c r="I1584" i="5" s="1"/>
  <c r="J1610" i="2"/>
  <c r="J1584" i="5" s="1"/>
  <c r="N1584" i="5" s="1"/>
  <c r="I5082" i="2"/>
  <c r="I5056" i="5" s="1"/>
  <c r="K5082" i="2"/>
  <c r="K5056" i="5" s="1"/>
  <c r="O5056" i="5" s="1"/>
  <c r="M5082" i="2"/>
  <c r="M5056" i="5" s="1"/>
  <c r="J5082" i="2"/>
  <c r="J5056" i="5" s="1"/>
  <c r="N5056" i="5" s="1"/>
  <c r="L5082" i="2"/>
  <c r="L5056" i="5" s="1"/>
  <c r="M3466" i="2"/>
  <c r="M3440" i="5" s="1"/>
  <c r="L3466" i="2"/>
  <c r="L3440" i="5" s="1"/>
  <c r="I3466" i="2"/>
  <c r="I3440" i="5" s="1"/>
  <c r="K3466" i="2"/>
  <c r="K3440" i="5" s="1"/>
  <c r="O3440" i="5" s="1"/>
  <c r="J3466" i="2"/>
  <c r="J3440" i="5" s="1"/>
  <c r="N3440" i="5" s="1"/>
  <c r="K1105" i="2"/>
  <c r="K1079" i="5" s="1"/>
  <c r="O1079" i="5" s="1"/>
  <c r="J1105" i="2"/>
  <c r="J1079" i="5" s="1"/>
  <c r="N1079" i="5" s="1"/>
  <c r="M1105" i="2"/>
  <c r="M1079" i="5" s="1"/>
  <c r="L1105" i="2"/>
  <c r="L1079" i="5" s="1"/>
  <c r="I1105" i="2"/>
  <c r="I1079" i="5" s="1"/>
  <c r="I229" i="2"/>
  <c r="I203" i="5" s="1"/>
  <c r="K229" i="2"/>
  <c r="K203" i="5" s="1"/>
  <c r="O203" i="5" s="1"/>
  <c r="J229" i="2"/>
  <c r="J203" i="5" s="1"/>
  <c r="N203" i="5" s="1"/>
  <c r="M229" i="2"/>
  <c r="M203" i="5" s="1"/>
  <c r="L229" i="2"/>
  <c r="L203" i="5" s="1"/>
  <c r="L3596" i="2"/>
  <c r="L3570" i="5" s="1"/>
  <c r="K3596" i="2"/>
  <c r="K3570" i="5" s="1"/>
  <c r="O3570" i="5" s="1"/>
  <c r="M3596" i="2"/>
  <c r="M3570" i="5" s="1"/>
  <c r="I3596" i="2"/>
  <c r="I3570" i="5" s="1"/>
  <c r="J3596" i="2"/>
  <c r="J3570" i="5" s="1"/>
  <c r="N3570" i="5" s="1"/>
  <c r="M5411" i="2"/>
  <c r="M5385" i="5" s="1"/>
  <c r="J5411" i="2"/>
  <c r="J5385" i="5" s="1"/>
  <c r="N5385" i="5" s="1"/>
  <c r="L5411" i="2"/>
  <c r="L5385" i="5" s="1"/>
  <c r="I5411" i="2"/>
  <c r="I5385" i="5" s="1"/>
  <c r="K5411" i="2"/>
  <c r="K5385" i="5" s="1"/>
  <c r="O5385" i="5" s="1"/>
  <c r="M4627" i="2"/>
  <c r="M4601" i="5" s="1"/>
  <c r="L4627" i="2"/>
  <c r="L4601" i="5" s="1"/>
  <c r="I4627" i="2"/>
  <c r="I4601" i="5" s="1"/>
  <c r="K4627" i="2"/>
  <c r="K4601" i="5" s="1"/>
  <c r="O4601" i="5" s="1"/>
  <c r="J4627" i="2"/>
  <c r="J4601" i="5" s="1"/>
  <c r="N4601" i="5" s="1"/>
  <c r="J6437" i="2"/>
  <c r="J6411" i="5" s="1"/>
  <c r="N6411" i="5" s="1"/>
  <c r="L6437" i="2"/>
  <c r="L6411" i="5" s="1"/>
  <c r="I6437" i="2"/>
  <c r="I6411" i="5" s="1"/>
  <c r="M6437" i="2"/>
  <c r="M6411" i="5" s="1"/>
  <c r="K6437" i="2"/>
  <c r="K6411" i="5" s="1"/>
  <c r="O6411" i="5" s="1"/>
  <c r="L901" i="2"/>
  <c r="L875" i="5" s="1"/>
  <c r="M901" i="2"/>
  <c r="M875" i="5" s="1"/>
  <c r="K901" i="2"/>
  <c r="K875" i="5" s="1"/>
  <c r="O875" i="5" s="1"/>
  <c r="J901" i="2"/>
  <c r="J875" i="5" s="1"/>
  <c r="N875" i="5" s="1"/>
  <c r="I901" i="2"/>
  <c r="I875" i="5" s="1"/>
  <c r="L5182" i="2"/>
  <c r="L5156" i="5" s="1"/>
  <c r="M5182" i="2"/>
  <c r="M5156" i="5" s="1"/>
  <c r="I5182" i="2"/>
  <c r="I5156" i="5" s="1"/>
  <c r="K5182" i="2"/>
  <c r="K5156" i="5" s="1"/>
  <c r="O5156" i="5" s="1"/>
  <c r="J5182" i="2"/>
  <c r="J5156" i="5" s="1"/>
  <c r="N5156" i="5" s="1"/>
  <c r="M442" i="2"/>
  <c r="M416" i="5" s="1"/>
  <c r="K442" i="2"/>
  <c r="K416" i="5" s="1"/>
  <c r="O416" i="5" s="1"/>
  <c r="J442" i="2"/>
  <c r="J416" i="5" s="1"/>
  <c r="N416" i="5" s="1"/>
  <c r="I442" i="2"/>
  <c r="I416" i="5" s="1"/>
  <c r="L442" i="2"/>
  <c r="L416" i="5" s="1"/>
  <c r="J1557" i="2"/>
  <c r="J1531" i="5" s="1"/>
  <c r="N1531" i="5" s="1"/>
  <c r="L1557" i="2"/>
  <c r="L1531" i="5" s="1"/>
  <c r="I1557" i="2"/>
  <c r="I1531" i="5" s="1"/>
  <c r="K1557" i="2"/>
  <c r="K1531" i="5" s="1"/>
  <c r="O1531" i="5" s="1"/>
  <c r="M1557" i="2"/>
  <c r="M1531" i="5" s="1"/>
  <c r="J3143" i="2"/>
  <c r="J3117" i="5" s="1"/>
  <c r="N3117" i="5" s="1"/>
  <c r="L3143" i="2"/>
  <c r="L3117" i="5" s="1"/>
  <c r="I3143" i="2"/>
  <c r="I3117" i="5" s="1"/>
  <c r="M3143" i="2"/>
  <c r="M3117" i="5" s="1"/>
  <c r="K3143" i="2"/>
  <c r="K3117" i="5" s="1"/>
  <c r="O3117" i="5" s="1"/>
  <c r="K1970" i="2"/>
  <c r="K1944" i="5" s="1"/>
  <c r="O1944" i="5" s="1"/>
  <c r="L1970" i="2"/>
  <c r="L1944" i="5" s="1"/>
  <c r="M1970" i="2"/>
  <c r="M1944" i="5" s="1"/>
  <c r="J1970" i="2"/>
  <c r="J1944" i="5" s="1"/>
  <c r="N1944" i="5" s="1"/>
  <c r="I1970" i="2"/>
  <c r="I1944" i="5" s="1"/>
  <c r="I8102" i="2"/>
  <c r="I8076" i="5" s="1"/>
  <c r="K8102" i="2"/>
  <c r="K8076" i="5" s="1"/>
  <c r="O8076" i="5" s="1"/>
  <c r="J8102" i="2"/>
  <c r="J8076" i="5" s="1"/>
  <c r="N8076" i="5" s="1"/>
  <c r="L8102" i="2"/>
  <c r="L8076" i="5" s="1"/>
  <c r="M8102" i="2"/>
  <c r="M8076" i="5" s="1"/>
  <c r="J5356" i="2"/>
  <c r="J5330" i="5" s="1"/>
  <c r="N5330" i="5" s="1"/>
  <c r="L5356" i="2"/>
  <c r="L5330" i="5" s="1"/>
  <c r="M5356" i="2"/>
  <c r="M5330" i="5" s="1"/>
  <c r="I5356" i="2"/>
  <c r="I5330" i="5" s="1"/>
  <c r="K5356" i="2"/>
  <c r="K5330" i="5" s="1"/>
  <c r="O5330" i="5" s="1"/>
  <c r="M5995" i="2"/>
  <c r="M5969" i="5" s="1"/>
  <c r="I5995" i="2"/>
  <c r="I5969" i="5" s="1"/>
  <c r="J5995" i="2"/>
  <c r="J5969" i="5" s="1"/>
  <c r="N5969" i="5" s="1"/>
  <c r="L5995" i="2"/>
  <c r="L5969" i="5" s="1"/>
  <c r="K5995" i="2"/>
  <c r="K5969" i="5" s="1"/>
  <c r="O5969" i="5" s="1"/>
  <c r="L1997" i="2"/>
  <c r="L1971" i="5" s="1"/>
  <c r="M1997" i="2"/>
  <c r="M1971" i="5" s="1"/>
  <c r="I1997" i="2"/>
  <c r="I1971" i="5" s="1"/>
  <c r="K1997" i="2"/>
  <c r="K1971" i="5" s="1"/>
  <c r="O1971" i="5" s="1"/>
  <c r="J1997" i="2"/>
  <c r="J1971" i="5" s="1"/>
  <c r="N1971" i="5" s="1"/>
  <c r="J1991" i="2"/>
  <c r="J1965" i="5" s="1"/>
  <c r="N1965" i="5" s="1"/>
  <c r="L1991" i="2"/>
  <c r="L1965" i="5" s="1"/>
  <c r="M1991" i="2"/>
  <c r="M1965" i="5" s="1"/>
  <c r="I1991" i="2"/>
  <c r="I1965" i="5" s="1"/>
  <c r="K1991" i="2"/>
  <c r="K1965" i="5" s="1"/>
  <c r="O1965" i="5" s="1"/>
  <c r="L409" i="2"/>
  <c r="L383" i="5" s="1"/>
  <c r="M409" i="2"/>
  <c r="M383" i="5" s="1"/>
  <c r="I409" i="2"/>
  <c r="I383" i="5" s="1"/>
  <c r="J409" i="2"/>
  <c r="J383" i="5" s="1"/>
  <c r="N383" i="5" s="1"/>
  <c r="K409" i="2"/>
  <c r="K383" i="5" s="1"/>
  <c r="O383" i="5" s="1"/>
  <c r="AR17" i="1"/>
  <c r="C23" i="5"/>
  <c r="M3073" i="2"/>
  <c r="M3047" i="5" s="1"/>
  <c r="L3073" i="2"/>
  <c r="L3047" i="5" s="1"/>
  <c r="J3073" i="2"/>
  <c r="J3047" i="5" s="1"/>
  <c r="N3047" i="5" s="1"/>
  <c r="I3073" i="2"/>
  <c r="I3047" i="5" s="1"/>
  <c r="K3073" i="2"/>
  <c r="K3047" i="5" s="1"/>
  <c r="O3047" i="5" s="1"/>
  <c r="J538" i="2"/>
  <c r="J512" i="5" s="1"/>
  <c r="N512" i="5" s="1"/>
  <c r="L538" i="2"/>
  <c r="L512" i="5" s="1"/>
  <c r="M538" i="2"/>
  <c r="M512" i="5" s="1"/>
  <c r="I538" i="2"/>
  <c r="I512" i="5" s="1"/>
  <c r="K538" i="2"/>
  <c r="K512" i="5" s="1"/>
  <c r="O512" i="5" s="1"/>
  <c r="M6630" i="2"/>
  <c r="M6604" i="5" s="1"/>
  <c r="L6630" i="2"/>
  <c r="L6604" i="5" s="1"/>
  <c r="J6630" i="2"/>
  <c r="J6604" i="5" s="1"/>
  <c r="N6604" i="5" s="1"/>
  <c r="I6630" i="2"/>
  <c r="I6604" i="5" s="1"/>
  <c r="K6630" i="2"/>
  <c r="K6604" i="5" s="1"/>
  <c r="O6604" i="5" s="1"/>
  <c r="J1132" i="2"/>
  <c r="J1106" i="5" s="1"/>
  <c r="N1106" i="5" s="1"/>
  <c r="M1132" i="2"/>
  <c r="M1106" i="5" s="1"/>
  <c r="L1132" i="2"/>
  <c r="L1106" i="5" s="1"/>
  <c r="I1132" i="2"/>
  <c r="I1106" i="5" s="1"/>
  <c r="K1132" i="2"/>
  <c r="K1106" i="5" s="1"/>
  <c r="O1106" i="5" s="1"/>
  <c r="C53" i="5"/>
  <c r="AR47" i="1"/>
  <c r="K7311" i="2"/>
  <c r="K7285" i="5" s="1"/>
  <c r="O7285" i="5" s="1"/>
  <c r="J7311" i="2"/>
  <c r="J7285" i="5" s="1"/>
  <c r="N7285" i="5" s="1"/>
  <c r="L7311" i="2"/>
  <c r="L7285" i="5" s="1"/>
  <c r="M7311" i="2"/>
  <c r="M7285" i="5" s="1"/>
  <c r="I7311" i="2"/>
  <c r="I7285" i="5" s="1"/>
  <c r="M7973" i="2"/>
  <c r="M7947" i="5" s="1"/>
  <c r="I7973" i="2"/>
  <c r="I7947" i="5" s="1"/>
  <c r="K7973" i="2"/>
  <c r="K7947" i="5" s="1"/>
  <c r="O7947" i="5" s="1"/>
  <c r="J7973" i="2"/>
  <c r="J7947" i="5" s="1"/>
  <c r="N7947" i="5" s="1"/>
  <c r="L7973" i="2"/>
  <c r="L7947" i="5" s="1"/>
  <c r="L3267" i="2"/>
  <c r="L3241" i="5" s="1"/>
  <c r="I3267" i="2"/>
  <c r="I3241" i="5" s="1"/>
  <c r="J3267" i="2"/>
  <c r="J3241" i="5" s="1"/>
  <c r="N3241" i="5" s="1"/>
  <c r="M3267" i="2"/>
  <c r="M3241" i="5" s="1"/>
  <c r="K3267" i="2"/>
  <c r="K3241" i="5" s="1"/>
  <c r="O3241" i="5" s="1"/>
  <c r="J5017" i="2"/>
  <c r="J4991" i="5" s="1"/>
  <c r="N4991" i="5" s="1"/>
  <c r="L5017" i="2"/>
  <c r="L4991" i="5" s="1"/>
  <c r="I5017" i="2"/>
  <c r="I4991" i="5" s="1"/>
  <c r="M5017" i="2"/>
  <c r="M4991" i="5" s="1"/>
  <c r="K5017" i="2"/>
  <c r="K4991" i="5" s="1"/>
  <c r="O4991" i="5" s="1"/>
  <c r="J5015" i="2"/>
  <c r="J4989" i="5" s="1"/>
  <c r="N4989" i="5" s="1"/>
  <c r="M5015" i="2"/>
  <c r="M4989" i="5" s="1"/>
  <c r="L5015" i="2"/>
  <c r="L4989" i="5" s="1"/>
  <c r="I5015" i="2"/>
  <c r="I4989" i="5" s="1"/>
  <c r="K5015" i="2"/>
  <c r="K4989" i="5" s="1"/>
  <c r="O4989" i="5" s="1"/>
  <c r="I1072" i="2"/>
  <c r="I1046" i="5" s="1"/>
  <c r="K1072" i="2"/>
  <c r="K1046" i="5" s="1"/>
  <c r="O1046" i="5" s="1"/>
  <c r="J1072" i="2"/>
  <c r="J1046" i="5" s="1"/>
  <c r="N1046" i="5" s="1"/>
  <c r="L1072" i="2"/>
  <c r="L1046" i="5" s="1"/>
  <c r="M1072" i="2"/>
  <c r="M1046" i="5" s="1"/>
  <c r="L4012" i="2"/>
  <c r="L3986" i="5" s="1"/>
  <c r="I4012" i="2"/>
  <c r="I3986" i="5" s="1"/>
  <c r="K4012" i="2"/>
  <c r="K3986" i="5" s="1"/>
  <c r="O3986" i="5" s="1"/>
  <c r="J4012" i="2"/>
  <c r="J3986" i="5" s="1"/>
  <c r="N3986" i="5" s="1"/>
  <c r="M4012" i="2"/>
  <c r="M3986" i="5" s="1"/>
  <c r="M1326" i="2"/>
  <c r="M1300" i="5" s="1"/>
  <c r="L1326" i="2"/>
  <c r="L1300" i="5" s="1"/>
  <c r="I1326" i="2"/>
  <c r="I1300" i="5" s="1"/>
  <c r="K1326" i="2"/>
  <c r="K1300" i="5" s="1"/>
  <c r="O1300" i="5" s="1"/>
  <c r="J1326" i="2"/>
  <c r="J1300" i="5" s="1"/>
  <c r="N1300" i="5" s="1"/>
  <c r="L4328" i="2"/>
  <c r="L4302" i="5" s="1"/>
  <c r="J4328" i="2"/>
  <c r="J4302" i="5" s="1"/>
  <c r="N4302" i="5" s="1"/>
  <c r="M4328" i="2"/>
  <c r="M4302" i="5" s="1"/>
  <c r="I4328" i="2"/>
  <c r="I4302" i="5" s="1"/>
  <c r="K4328" i="2"/>
  <c r="K4302" i="5" s="1"/>
  <c r="O4302" i="5" s="1"/>
  <c r="J4323" i="2"/>
  <c r="J4297" i="5" s="1"/>
  <c r="N4297" i="5" s="1"/>
  <c r="M4323" i="2"/>
  <c r="M4297" i="5" s="1"/>
  <c r="L4323" i="2"/>
  <c r="L4297" i="5" s="1"/>
  <c r="I4323" i="2"/>
  <c r="I4297" i="5" s="1"/>
  <c r="K4323" i="2"/>
  <c r="K4297" i="5" s="1"/>
  <c r="O4297" i="5" s="1"/>
  <c r="I3301" i="2"/>
  <c r="I3275" i="5" s="1"/>
  <c r="K3301" i="2"/>
  <c r="K3275" i="5" s="1"/>
  <c r="O3275" i="5" s="1"/>
  <c r="J3301" i="2"/>
  <c r="J3275" i="5" s="1"/>
  <c r="N3275" i="5" s="1"/>
  <c r="L3301" i="2"/>
  <c r="L3275" i="5" s="1"/>
  <c r="M3301" i="2"/>
  <c r="M3275" i="5" s="1"/>
  <c r="M4128" i="2"/>
  <c r="M4102" i="5" s="1"/>
  <c r="L4128" i="2"/>
  <c r="L4102" i="5" s="1"/>
  <c r="I4128" i="2"/>
  <c r="I4102" i="5" s="1"/>
  <c r="K4128" i="2"/>
  <c r="K4102" i="5" s="1"/>
  <c r="O4102" i="5" s="1"/>
  <c r="J4128" i="2"/>
  <c r="J4102" i="5" s="1"/>
  <c r="N4102" i="5" s="1"/>
  <c r="K4119" i="2"/>
  <c r="K4093" i="5" s="1"/>
  <c r="O4093" i="5" s="1"/>
  <c r="M4119" i="2"/>
  <c r="M4093" i="5" s="1"/>
  <c r="J4119" i="2"/>
  <c r="J4093" i="5" s="1"/>
  <c r="N4093" i="5" s="1"/>
  <c r="L4119" i="2"/>
  <c r="L4093" i="5" s="1"/>
  <c r="I4119" i="2"/>
  <c r="I4093" i="5" s="1"/>
  <c r="K7456" i="2"/>
  <c r="K7430" i="5" s="1"/>
  <c r="O7430" i="5" s="1"/>
  <c r="L7456" i="2"/>
  <c r="L7430" i="5" s="1"/>
  <c r="I7456" i="2"/>
  <c r="I7430" i="5" s="1"/>
  <c r="J7456" i="2"/>
  <c r="J7430" i="5" s="1"/>
  <c r="N7430" i="5" s="1"/>
  <c r="M7456" i="2"/>
  <c r="M7430" i="5" s="1"/>
  <c r="I7463" i="2"/>
  <c r="I7437" i="5" s="1"/>
  <c r="J7463" i="2"/>
  <c r="J7437" i="5" s="1"/>
  <c r="N7437" i="5" s="1"/>
  <c r="L7463" i="2"/>
  <c r="L7437" i="5" s="1"/>
  <c r="K7463" i="2"/>
  <c r="K7437" i="5" s="1"/>
  <c r="O7437" i="5" s="1"/>
  <c r="M7463" i="2"/>
  <c r="M7437" i="5" s="1"/>
  <c r="L5001" i="2"/>
  <c r="L4975" i="5" s="1"/>
  <c r="J5001" i="2"/>
  <c r="J4975" i="5" s="1"/>
  <c r="N4975" i="5" s="1"/>
  <c r="K5001" i="2"/>
  <c r="K4975" i="5" s="1"/>
  <c r="O4975" i="5" s="1"/>
  <c r="M5001" i="2"/>
  <c r="M4975" i="5" s="1"/>
  <c r="I5001" i="2"/>
  <c r="I4975" i="5" s="1"/>
  <c r="J4987" i="2"/>
  <c r="J4961" i="5" s="1"/>
  <c r="N4961" i="5" s="1"/>
  <c r="L4987" i="2"/>
  <c r="L4961" i="5" s="1"/>
  <c r="M4987" i="2"/>
  <c r="M4961" i="5" s="1"/>
  <c r="I4987" i="2"/>
  <c r="I4961" i="5" s="1"/>
  <c r="K4987" i="2"/>
  <c r="K4961" i="5" s="1"/>
  <c r="O4961" i="5" s="1"/>
  <c r="K8348" i="2"/>
  <c r="K8322" i="5" s="1"/>
  <c r="O8322" i="5" s="1"/>
  <c r="L8348" i="2"/>
  <c r="L8322" i="5" s="1"/>
  <c r="J8348" i="2"/>
  <c r="J8322" i="5" s="1"/>
  <c r="N8322" i="5" s="1"/>
  <c r="I8348" i="2"/>
  <c r="I8322" i="5" s="1"/>
  <c r="M8348" i="2"/>
  <c r="M8322" i="5" s="1"/>
  <c r="M8772" i="2"/>
  <c r="M8746" i="5" s="1"/>
  <c r="I8772" i="2"/>
  <c r="I8746" i="5" s="1"/>
  <c r="L8772" i="2"/>
  <c r="L8746" i="5" s="1"/>
  <c r="K8772" i="2"/>
  <c r="K8746" i="5" s="1"/>
  <c r="O8746" i="5" s="1"/>
  <c r="J8772" i="2"/>
  <c r="J8746" i="5" s="1"/>
  <c r="N8746" i="5" s="1"/>
  <c r="I3943" i="2"/>
  <c r="I3917" i="5" s="1"/>
  <c r="K3943" i="2"/>
  <c r="K3917" i="5" s="1"/>
  <c r="O3917" i="5" s="1"/>
  <c r="J3943" i="2"/>
  <c r="J3917" i="5" s="1"/>
  <c r="N3917" i="5" s="1"/>
  <c r="M3943" i="2"/>
  <c r="M3917" i="5" s="1"/>
  <c r="L3943" i="2"/>
  <c r="L3917" i="5" s="1"/>
  <c r="I8044" i="2"/>
  <c r="I8018" i="5" s="1"/>
  <c r="K8044" i="2"/>
  <c r="K8018" i="5" s="1"/>
  <c r="O8018" i="5" s="1"/>
  <c r="J8044" i="2"/>
  <c r="J8018" i="5" s="1"/>
  <c r="N8018" i="5" s="1"/>
  <c r="L8044" i="2"/>
  <c r="L8018" i="5" s="1"/>
  <c r="M8044" i="2"/>
  <c r="M8018" i="5" s="1"/>
  <c r="I7032" i="2"/>
  <c r="I7006" i="5" s="1"/>
  <c r="L7032" i="2"/>
  <c r="L7006" i="5" s="1"/>
  <c r="J7032" i="2"/>
  <c r="J7006" i="5" s="1"/>
  <c r="N7006" i="5" s="1"/>
  <c r="M7032" i="2"/>
  <c r="M7006" i="5" s="1"/>
  <c r="K7032" i="2"/>
  <c r="K7006" i="5" s="1"/>
  <c r="O7006" i="5" s="1"/>
  <c r="I3569" i="2"/>
  <c r="I3543" i="5" s="1"/>
  <c r="K3569" i="2"/>
  <c r="K3543" i="5" s="1"/>
  <c r="O3543" i="5" s="1"/>
  <c r="J3569" i="2"/>
  <c r="J3543" i="5" s="1"/>
  <c r="N3543" i="5" s="1"/>
  <c r="M3569" i="2"/>
  <c r="M3543" i="5" s="1"/>
  <c r="L3569" i="2"/>
  <c r="L3543" i="5" s="1"/>
  <c r="J3572" i="2"/>
  <c r="J3546" i="5" s="1"/>
  <c r="N3546" i="5" s="1"/>
  <c r="M3572" i="2"/>
  <c r="M3546" i="5" s="1"/>
  <c r="L3572" i="2"/>
  <c r="L3546" i="5" s="1"/>
  <c r="I3572" i="2"/>
  <c r="I3546" i="5" s="1"/>
  <c r="K3572" i="2"/>
  <c r="K3546" i="5" s="1"/>
  <c r="O3546" i="5" s="1"/>
  <c r="L1414" i="2"/>
  <c r="L1388" i="5" s="1"/>
  <c r="I1414" i="2"/>
  <c r="I1388" i="5" s="1"/>
  <c r="K1414" i="2"/>
  <c r="K1388" i="5" s="1"/>
  <c r="O1388" i="5" s="1"/>
  <c r="J1414" i="2"/>
  <c r="J1388" i="5" s="1"/>
  <c r="N1388" i="5" s="1"/>
  <c r="M1414" i="2"/>
  <c r="M1388" i="5" s="1"/>
  <c r="L4575" i="2"/>
  <c r="L4549" i="5" s="1"/>
  <c r="I4575" i="2"/>
  <c r="I4549" i="5" s="1"/>
  <c r="K4575" i="2"/>
  <c r="K4549" i="5" s="1"/>
  <c r="O4549" i="5" s="1"/>
  <c r="M4575" i="2"/>
  <c r="M4549" i="5" s="1"/>
  <c r="J4575" i="2"/>
  <c r="J4549" i="5" s="1"/>
  <c r="N4549" i="5" s="1"/>
  <c r="M634" i="2"/>
  <c r="M608" i="5" s="1"/>
  <c r="L634" i="2"/>
  <c r="L608" i="5" s="1"/>
  <c r="J634" i="2"/>
  <c r="J608" i="5" s="1"/>
  <c r="N608" i="5" s="1"/>
  <c r="I634" i="2"/>
  <c r="I608" i="5" s="1"/>
  <c r="K634" i="2"/>
  <c r="K608" i="5" s="1"/>
  <c r="O608" i="5" s="1"/>
  <c r="J7502" i="2"/>
  <c r="J7476" i="5" s="1"/>
  <c r="N7476" i="5" s="1"/>
  <c r="M7502" i="2"/>
  <c r="M7476" i="5" s="1"/>
  <c r="L7502" i="2"/>
  <c r="L7476" i="5" s="1"/>
  <c r="I7502" i="2"/>
  <c r="I7476" i="5" s="1"/>
  <c r="K7502" i="2"/>
  <c r="K7476" i="5" s="1"/>
  <c r="O7476" i="5" s="1"/>
  <c r="L5652" i="2"/>
  <c r="L5626" i="5" s="1"/>
  <c r="M5652" i="2"/>
  <c r="M5626" i="5" s="1"/>
  <c r="I5652" i="2"/>
  <c r="I5626" i="5" s="1"/>
  <c r="K5652" i="2"/>
  <c r="K5626" i="5" s="1"/>
  <c r="O5626" i="5" s="1"/>
  <c r="J5652" i="2"/>
  <c r="J5626" i="5" s="1"/>
  <c r="N5626" i="5" s="1"/>
  <c r="K5836" i="2"/>
  <c r="K5810" i="5" s="1"/>
  <c r="O5810" i="5" s="1"/>
  <c r="J5836" i="2"/>
  <c r="J5810" i="5" s="1"/>
  <c r="N5810" i="5" s="1"/>
  <c r="L5836" i="2"/>
  <c r="L5810" i="5" s="1"/>
  <c r="M5836" i="2"/>
  <c r="M5810" i="5" s="1"/>
  <c r="I5836" i="2"/>
  <c r="I5810" i="5" s="1"/>
  <c r="M6963" i="2"/>
  <c r="M6937" i="5" s="1"/>
  <c r="J6963" i="2"/>
  <c r="J6937" i="5" s="1"/>
  <c r="N6937" i="5" s="1"/>
  <c r="L6963" i="2"/>
  <c r="L6937" i="5" s="1"/>
  <c r="I6963" i="2"/>
  <c r="I6937" i="5" s="1"/>
  <c r="K6963" i="2"/>
  <c r="K6937" i="5" s="1"/>
  <c r="O6937" i="5" s="1"/>
  <c r="J1604" i="2"/>
  <c r="J1578" i="5" s="1"/>
  <c r="N1578" i="5" s="1"/>
  <c r="L1604" i="2"/>
  <c r="L1578" i="5" s="1"/>
  <c r="M1604" i="2"/>
  <c r="M1578" i="5" s="1"/>
  <c r="I1604" i="2"/>
  <c r="I1578" i="5" s="1"/>
  <c r="K1604" i="2"/>
  <c r="K1578" i="5" s="1"/>
  <c r="O1578" i="5" s="1"/>
  <c r="M7763" i="2"/>
  <c r="M7737" i="5" s="1"/>
  <c r="K7763" i="2"/>
  <c r="K7737" i="5" s="1"/>
  <c r="O7737" i="5" s="1"/>
  <c r="L7763" i="2"/>
  <c r="L7737" i="5" s="1"/>
  <c r="I7763" i="2"/>
  <c r="I7737" i="5" s="1"/>
  <c r="J7763" i="2"/>
  <c r="J7737" i="5" s="1"/>
  <c r="N7737" i="5" s="1"/>
  <c r="J7766" i="2"/>
  <c r="J7740" i="5" s="1"/>
  <c r="N7740" i="5" s="1"/>
  <c r="M7766" i="2"/>
  <c r="M7740" i="5" s="1"/>
  <c r="L7766" i="2"/>
  <c r="L7740" i="5" s="1"/>
  <c r="K7766" i="2"/>
  <c r="K7740" i="5" s="1"/>
  <c r="O7740" i="5" s="1"/>
  <c r="I7766" i="2"/>
  <c r="I7740" i="5" s="1"/>
  <c r="I3839" i="2"/>
  <c r="I3813" i="5" s="1"/>
  <c r="K3839" i="2"/>
  <c r="K3813" i="5" s="1"/>
  <c r="O3813" i="5" s="1"/>
  <c r="J3839" i="2"/>
  <c r="J3813" i="5" s="1"/>
  <c r="N3813" i="5" s="1"/>
  <c r="L3839" i="2"/>
  <c r="L3813" i="5" s="1"/>
  <c r="M3839" i="2"/>
  <c r="M3813" i="5" s="1"/>
  <c r="M5081" i="2"/>
  <c r="M5055" i="5" s="1"/>
  <c r="L5081" i="2"/>
  <c r="L5055" i="5" s="1"/>
  <c r="I5081" i="2"/>
  <c r="I5055" i="5" s="1"/>
  <c r="K5081" i="2"/>
  <c r="K5055" i="5" s="1"/>
  <c r="O5055" i="5" s="1"/>
  <c r="J5081" i="2"/>
  <c r="J5055" i="5" s="1"/>
  <c r="N5055" i="5" s="1"/>
  <c r="J6970" i="2"/>
  <c r="J6944" i="5" s="1"/>
  <c r="N6944" i="5" s="1"/>
  <c r="I6970" i="2"/>
  <c r="I6944" i="5" s="1"/>
  <c r="K6970" i="2"/>
  <c r="K6944" i="5" s="1"/>
  <c r="O6944" i="5" s="1"/>
  <c r="L6970" i="2"/>
  <c r="L6944" i="5" s="1"/>
  <c r="M6970" i="2"/>
  <c r="M6944" i="5" s="1"/>
  <c r="I6122" i="2"/>
  <c r="I6096" i="5" s="1"/>
  <c r="J6122" i="2"/>
  <c r="J6096" i="5" s="1"/>
  <c r="N6096" i="5" s="1"/>
  <c r="K6122" i="2"/>
  <c r="K6096" i="5" s="1"/>
  <c r="O6096" i="5" s="1"/>
  <c r="L6122" i="2"/>
  <c r="L6096" i="5" s="1"/>
  <c r="M6122" i="2"/>
  <c r="M6096" i="5" s="1"/>
  <c r="I8676" i="2"/>
  <c r="I8650" i="5" s="1"/>
  <c r="J8676" i="2"/>
  <c r="J8650" i="5" s="1"/>
  <c r="N8650" i="5" s="1"/>
  <c r="K8676" i="2"/>
  <c r="K8650" i="5" s="1"/>
  <c r="O8650" i="5" s="1"/>
  <c r="L8676" i="2"/>
  <c r="L8650" i="5" s="1"/>
  <c r="M8676" i="2"/>
  <c r="M8650" i="5" s="1"/>
  <c r="K4151" i="2"/>
  <c r="K4125" i="5" s="1"/>
  <c r="O4125" i="5" s="1"/>
  <c r="J4151" i="2"/>
  <c r="J4125" i="5" s="1"/>
  <c r="N4125" i="5" s="1"/>
  <c r="M4151" i="2"/>
  <c r="M4125" i="5" s="1"/>
  <c r="L4151" i="2"/>
  <c r="L4125" i="5" s="1"/>
  <c r="I4151" i="2"/>
  <c r="I4125" i="5" s="1"/>
  <c r="M3957" i="2"/>
  <c r="M3931" i="5" s="1"/>
  <c r="J3957" i="2"/>
  <c r="J3931" i="5" s="1"/>
  <c r="N3931" i="5" s="1"/>
  <c r="I3957" i="2"/>
  <c r="I3931" i="5" s="1"/>
  <c r="L3957" i="2"/>
  <c r="L3931" i="5" s="1"/>
  <c r="K3957" i="2"/>
  <c r="K3931" i="5" s="1"/>
  <c r="O3931" i="5" s="1"/>
  <c r="I7140" i="2"/>
  <c r="I7114" i="5" s="1"/>
  <c r="L7140" i="2"/>
  <c r="L7114" i="5" s="1"/>
  <c r="M7140" i="2"/>
  <c r="M7114" i="5" s="1"/>
  <c r="K7140" i="2"/>
  <c r="K7114" i="5" s="1"/>
  <c r="O7114" i="5" s="1"/>
  <c r="J7140" i="2"/>
  <c r="J7114" i="5" s="1"/>
  <c r="N7114" i="5" s="1"/>
  <c r="M7151" i="2"/>
  <c r="M7125" i="5" s="1"/>
  <c r="K7151" i="2"/>
  <c r="K7125" i="5" s="1"/>
  <c r="O7125" i="5" s="1"/>
  <c r="L7151" i="2"/>
  <c r="L7125" i="5" s="1"/>
  <c r="I7151" i="2"/>
  <c r="I7125" i="5" s="1"/>
  <c r="J7151" i="2"/>
  <c r="J7125" i="5" s="1"/>
  <c r="N7125" i="5" s="1"/>
  <c r="L4426" i="2"/>
  <c r="L4400" i="5" s="1"/>
  <c r="J4426" i="2"/>
  <c r="J4400" i="5" s="1"/>
  <c r="N4400" i="5" s="1"/>
  <c r="I4426" i="2"/>
  <c r="I4400" i="5" s="1"/>
  <c r="K4426" i="2"/>
  <c r="K4400" i="5" s="1"/>
  <c r="O4400" i="5" s="1"/>
  <c r="M4426" i="2"/>
  <c r="M4400" i="5" s="1"/>
  <c r="K772" i="2"/>
  <c r="K746" i="5" s="1"/>
  <c r="O746" i="5" s="1"/>
  <c r="J772" i="2"/>
  <c r="J746" i="5" s="1"/>
  <c r="N746" i="5" s="1"/>
  <c r="L772" i="2"/>
  <c r="L746" i="5" s="1"/>
  <c r="M772" i="2"/>
  <c r="M746" i="5" s="1"/>
  <c r="I772" i="2"/>
  <c r="I746" i="5" s="1"/>
  <c r="I3468" i="2"/>
  <c r="I3442" i="5" s="1"/>
  <c r="K3468" i="2"/>
  <c r="K3442" i="5" s="1"/>
  <c r="O3442" i="5" s="1"/>
  <c r="M3468" i="2"/>
  <c r="M3442" i="5" s="1"/>
  <c r="J3468" i="2"/>
  <c r="J3442" i="5" s="1"/>
  <c r="N3442" i="5" s="1"/>
  <c r="L3468" i="2"/>
  <c r="L3442" i="5" s="1"/>
  <c r="M2108" i="2"/>
  <c r="M2082" i="5" s="1"/>
  <c r="J2108" i="2"/>
  <c r="J2082" i="5" s="1"/>
  <c r="N2082" i="5" s="1"/>
  <c r="K2108" i="2"/>
  <c r="K2082" i="5" s="1"/>
  <c r="O2082" i="5" s="1"/>
  <c r="I2108" i="2"/>
  <c r="I2082" i="5" s="1"/>
  <c r="L2108" i="2"/>
  <c r="L2082" i="5" s="1"/>
  <c r="J5444" i="2"/>
  <c r="J5418" i="5" s="1"/>
  <c r="N5418" i="5" s="1"/>
  <c r="I5444" i="2"/>
  <c r="I5418" i="5" s="1"/>
  <c r="K5444" i="2"/>
  <c r="K5418" i="5" s="1"/>
  <c r="O5418" i="5" s="1"/>
  <c r="L5444" i="2"/>
  <c r="L5418" i="5" s="1"/>
  <c r="M5444" i="2"/>
  <c r="M5418" i="5" s="1"/>
  <c r="I1497" i="2"/>
  <c r="I1471" i="5" s="1"/>
  <c r="K1497" i="2"/>
  <c r="K1471" i="5" s="1"/>
  <c r="O1471" i="5" s="1"/>
  <c r="J1497" i="2"/>
  <c r="J1471" i="5" s="1"/>
  <c r="N1471" i="5" s="1"/>
  <c r="L1497" i="2"/>
  <c r="L1471" i="5" s="1"/>
  <c r="M1497" i="2"/>
  <c r="M1471" i="5" s="1"/>
  <c r="M8527" i="2"/>
  <c r="M8501" i="5" s="1"/>
  <c r="L8527" i="2"/>
  <c r="L8501" i="5" s="1"/>
  <c r="K8527" i="2"/>
  <c r="K8501" i="5" s="1"/>
  <c r="O8501" i="5" s="1"/>
  <c r="I8527" i="2"/>
  <c r="I8501" i="5" s="1"/>
  <c r="J8527" i="2"/>
  <c r="J8501" i="5" s="1"/>
  <c r="N8501" i="5" s="1"/>
  <c r="L5799" i="2"/>
  <c r="L5773" i="5" s="1"/>
  <c r="I5799" i="2"/>
  <c r="I5773" i="5" s="1"/>
  <c r="K5799" i="2"/>
  <c r="K5773" i="5" s="1"/>
  <c r="O5773" i="5" s="1"/>
  <c r="J5799" i="2"/>
  <c r="J5773" i="5" s="1"/>
  <c r="N5773" i="5" s="1"/>
  <c r="M5799" i="2"/>
  <c r="M5773" i="5" s="1"/>
  <c r="K65" i="2"/>
  <c r="K39" i="5" s="1"/>
  <c r="O39" i="5" s="1"/>
  <c r="M65" i="2"/>
  <c r="M39" i="5" s="1"/>
  <c r="J65" i="2"/>
  <c r="J39" i="5" s="1"/>
  <c r="N39" i="5" s="1"/>
  <c r="L65" i="2"/>
  <c r="L39" i="5" s="1"/>
  <c r="I65" i="2"/>
  <c r="I39" i="5" s="1"/>
  <c r="I2776" i="2"/>
  <c r="I2750" i="5" s="1"/>
  <c r="K2776" i="2"/>
  <c r="K2750" i="5" s="1"/>
  <c r="O2750" i="5" s="1"/>
  <c r="L2776" i="2"/>
  <c r="L2750" i="5" s="1"/>
  <c r="M2776" i="2"/>
  <c r="M2750" i="5" s="1"/>
  <c r="J2776" i="2"/>
  <c r="J2750" i="5" s="1"/>
  <c r="N2750" i="5" s="1"/>
  <c r="J1453" i="2"/>
  <c r="J1427" i="5" s="1"/>
  <c r="N1427" i="5" s="1"/>
  <c r="M1453" i="2"/>
  <c r="M1427" i="5" s="1"/>
  <c r="L1453" i="2"/>
  <c r="L1427" i="5" s="1"/>
  <c r="I1453" i="2"/>
  <c r="I1427" i="5" s="1"/>
  <c r="K1453" i="2"/>
  <c r="K1427" i="5" s="1"/>
  <c r="O1427" i="5" s="1"/>
  <c r="I1462" i="2"/>
  <c r="I1436" i="5" s="1"/>
  <c r="K1462" i="2"/>
  <c r="K1436" i="5" s="1"/>
  <c r="O1436" i="5" s="1"/>
  <c r="J1462" i="2"/>
  <c r="J1436" i="5" s="1"/>
  <c r="N1436" i="5" s="1"/>
  <c r="L1462" i="2"/>
  <c r="L1436" i="5" s="1"/>
  <c r="M1462" i="2"/>
  <c r="M1436" i="5" s="1"/>
  <c r="I8297" i="2"/>
  <c r="I8271" i="5" s="1"/>
  <c r="K8297" i="2"/>
  <c r="K8271" i="5" s="1"/>
  <c r="O8271" i="5" s="1"/>
  <c r="J8297" i="2"/>
  <c r="J8271" i="5" s="1"/>
  <c r="N8271" i="5" s="1"/>
  <c r="M8297" i="2"/>
  <c r="M8271" i="5" s="1"/>
  <c r="L8297" i="2"/>
  <c r="L8271" i="5" s="1"/>
  <c r="L1225" i="2"/>
  <c r="L1199" i="5" s="1"/>
  <c r="M1225" i="2"/>
  <c r="M1199" i="5" s="1"/>
  <c r="J1225" i="2"/>
  <c r="J1199" i="5" s="1"/>
  <c r="N1199" i="5" s="1"/>
  <c r="I1225" i="2"/>
  <c r="I1199" i="5" s="1"/>
  <c r="K1225" i="2"/>
  <c r="K1199" i="5" s="1"/>
  <c r="O1199" i="5" s="1"/>
  <c r="J1228" i="2"/>
  <c r="J1202" i="5" s="1"/>
  <c r="N1202" i="5" s="1"/>
  <c r="M1228" i="2"/>
  <c r="M1202" i="5" s="1"/>
  <c r="L1228" i="2"/>
  <c r="L1202" i="5" s="1"/>
  <c r="I1228" i="2"/>
  <c r="I1202" i="5" s="1"/>
  <c r="K1228" i="2"/>
  <c r="K1202" i="5" s="1"/>
  <c r="O1202" i="5" s="1"/>
  <c r="J5124" i="2"/>
  <c r="J5098" i="5" s="1"/>
  <c r="N5098" i="5" s="1"/>
  <c r="L5124" i="2"/>
  <c r="L5098" i="5" s="1"/>
  <c r="M5124" i="2"/>
  <c r="M5098" i="5" s="1"/>
  <c r="I5124" i="2"/>
  <c r="I5098" i="5" s="1"/>
  <c r="K5124" i="2"/>
  <c r="K5098" i="5" s="1"/>
  <c r="O5098" i="5" s="1"/>
  <c r="I5137" i="2"/>
  <c r="I5111" i="5" s="1"/>
  <c r="J5137" i="2"/>
  <c r="J5111" i="5" s="1"/>
  <c r="N5111" i="5" s="1"/>
  <c r="M5137" i="2"/>
  <c r="M5111" i="5" s="1"/>
  <c r="K5137" i="2"/>
  <c r="K5111" i="5" s="1"/>
  <c r="O5111" i="5" s="1"/>
  <c r="L5137" i="2"/>
  <c r="L5111" i="5" s="1"/>
  <c r="K6022" i="2"/>
  <c r="K5996" i="5" s="1"/>
  <c r="O5996" i="5" s="1"/>
  <c r="J6022" i="2"/>
  <c r="J5996" i="5" s="1"/>
  <c r="N5996" i="5" s="1"/>
  <c r="L6022" i="2"/>
  <c r="L5996" i="5" s="1"/>
  <c r="M6022" i="2"/>
  <c r="M5996" i="5" s="1"/>
  <c r="I6022" i="2"/>
  <c r="I5996" i="5" s="1"/>
  <c r="M48" i="2"/>
  <c r="M22" i="5" s="1"/>
  <c r="L48" i="2"/>
  <c r="L22" i="5" s="1"/>
  <c r="J48" i="2"/>
  <c r="J22" i="5" s="1"/>
  <c r="N22" i="5" s="1"/>
  <c r="I48" i="2"/>
  <c r="I22" i="5" s="1"/>
  <c r="K48" i="2"/>
  <c r="K22" i="5" s="1"/>
  <c r="O22" i="5" s="1"/>
  <c r="K5288" i="2"/>
  <c r="K5262" i="5" s="1"/>
  <c r="O5262" i="5" s="1"/>
  <c r="L5288" i="2"/>
  <c r="L5262" i="5" s="1"/>
  <c r="M5288" i="2"/>
  <c r="M5262" i="5" s="1"/>
  <c r="J5288" i="2"/>
  <c r="J5262" i="5" s="1"/>
  <c r="N5262" i="5" s="1"/>
  <c r="I5288" i="2"/>
  <c r="I5262" i="5" s="1"/>
  <c r="K5279" i="2"/>
  <c r="K5253" i="5" s="1"/>
  <c r="O5253" i="5" s="1"/>
  <c r="J5279" i="2"/>
  <c r="J5253" i="5" s="1"/>
  <c r="N5253" i="5" s="1"/>
  <c r="L5279" i="2"/>
  <c r="L5253" i="5" s="1"/>
  <c r="M5279" i="2"/>
  <c r="M5253" i="5" s="1"/>
  <c r="I5279" i="2"/>
  <c r="I5253" i="5" s="1"/>
  <c r="J7663" i="2"/>
  <c r="J7637" i="5" s="1"/>
  <c r="N7637" i="5" s="1"/>
  <c r="L7663" i="2"/>
  <c r="L7637" i="5" s="1"/>
  <c r="M7663" i="2"/>
  <c r="M7637" i="5" s="1"/>
  <c r="I7663" i="2"/>
  <c r="I7637" i="5" s="1"/>
  <c r="K7663" i="2"/>
  <c r="K7637" i="5" s="1"/>
  <c r="O7637" i="5" s="1"/>
  <c r="J1045" i="2"/>
  <c r="J1019" i="5" s="1"/>
  <c r="N1019" i="5" s="1"/>
  <c r="M1045" i="2"/>
  <c r="M1019" i="5" s="1"/>
  <c r="I1045" i="2"/>
  <c r="I1019" i="5" s="1"/>
  <c r="L1045" i="2"/>
  <c r="L1019" i="5" s="1"/>
  <c r="K1045" i="2"/>
  <c r="K1019" i="5" s="1"/>
  <c r="O1019" i="5" s="1"/>
  <c r="K4832" i="2"/>
  <c r="K4806" i="5" s="1"/>
  <c r="O4806" i="5" s="1"/>
  <c r="J4832" i="2"/>
  <c r="J4806" i="5" s="1"/>
  <c r="N4806" i="5" s="1"/>
  <c r="L4832" i="2"/>
  <c r="L4806" i="5" s="1"/>
  <c r="M4832" i="2"/>
  <c r="M4806" i="5" s="1"/>
  <c r="I4832" i="2"/>
  <c r="I4806" i="5" s="1"/>
  <c r="K2269" i="2"/>
  <c r="K2243" i="5" s="1"/>
  <c r="O2243" i="5" s="1"/>
  <c r="J2269" i="2"/>
  <c r="J2243" i="5" s="1"/>
  <c r="N2243" i="5" s="1"/>
  <c r="L2269" i="2"/>
  <c r="L2243" i="5" s="1"/>
  <c r="M2269" i="2"/>
  <c r="M2243" i="5" s="1"/>
  <c r="I2269" i="2"/>
  <c r="I2243" i="5" s="1"/>
  <c r="I6479" i="2"/>
  <c r="I6453" i="5" s="1"/>
  <c r="K6479" i="2"/>
  <c r="K6453" i="5" s="1"/>
  <c r="O6453" i="5" s="1"/>
  <c r="J6479" i="2"/>
  <c r="J6453" i="5" s="1"/>
  <c r="N6453" i="5" s="1"/>
  <c r="M6479" i="2"/>
  <c r="M6453" i="5" s="1"/>
  <c r="L6479" i="2"/>
  <c r="L6453" i="5" s="1"/>
  <c r="L2643" i="2"/>
  <c r="L2617" i="5" s="1"/>
  <c r="I2643" i="2"/>
  <c r="I2617" i="5" s="1"/>
  <c r="M2643" i="2"/>
  <c r="M2617" i="5" s="1"/>
  <c r="K2643" i="2"/>
  <c r="K2617" i="5" s="1"/>
  <c r="O2617" i="5" s="1"/>
  <c r="J2643" i="2"/>
  <c r="J2617" i="5" s="1"/>
  <c r="N2617" i="5" s="1"/>
  <c r="K3124" i="2"/>
  <c r="K3098" i="5" s="1"/>
  <c r="O3098" i="5" s="1"/>
  <c r="I3124" i="2"/>
  <c r="I3098" i="5" s="1"/>
  <c r="M3124" i="2"/>
  <c r="M3098" i="5" s="1"/>
  <c r="J3124" i="2"/>
  <c r="J3098" i="5" s="1"/>
  <c r="N3098" i="5" s="1"/>
  <c r="L3124" i="2"/>
  <c r="L3098" i="5" s="1"/>
  <c r="K3112" i="2"/>
  <c r="K3086" i="5" s="1"/>
  <c r="O3086" i="5" s="1"/>
  <c r="M3112" i="2"/>
  <c r="M3086" i="5" s="1"/>
  <c r="J3112" i="2"/>
  <c r="J3086" i="5" s="1"/>
  <c r="N3086" i="5" s="1"/>
  <c r="L3112" i="2"/>
  <c r="L3086" i="5" s="1"/>
  <c r="I3112" i="2"/>
  <c r="I3086" i="5" s="1"/>
  <c r="J7017" i="2"/>
  <c r="J6991" i="5" s="1"/>
  <c r="N6991" i="5" s="1"/>
  <c r="K7017" i="2"/>
  <c r="K6991" i="5" s="1"/>
  <c r="O6991" i="5" s="1"/>
  <c r="M7017" i="2"/>
  <c r="M6991" i="5" s="1"/>
  <c r="L7017" i="2"/>
  <c r="L6991" i="5" s="1"/>
  <c r="I7017" i="2"/>
  <c r="I6991" i="5" s="1"/>
  <c r="L1303" i="2"/>
  <c r="L1277" i="5" s="1"/>
  <c r="M1303" i="2"/>
  <c r="M1277" i="5" s="1"/>
  <c r="I1303" i="2"/>
  <c r="I1277" i="5" s="1"/>
  <c r="J1303" i="2"/>
  <c r="J1277" i="5" s="1"/>
  <c r="N1277" i="5" s="1"/>
  <c r="K1303" i="2"/>
  <c r="K1277" i="5" s="1"/>
  <c r="O1277" i="5" s="1"/>
  <c r="J5964" i="2"/>
  <c r="J5938" i="5" s="1"/>
  <c r="N5938" i="5" s="1"/>
  <c r="I5964" i="2"/>
  <c r="I5938" i="5" s="1"/>
  <c r="K5964" i="2"/>
  <c r="K5938" i="5" s="1"/>
  <c r="O5938" i="5" s="1"/>
  <c r="M5964" i="2"/>
  <c r="M5938" i="5" s="1"/>
  <c r="L5964" i="2"/>
  <c r="L5938" i="5" s="1"/>
  <c r="J5970" i="2"/>
  <c r="J5944" i="5" s="1"/>
  <c r="N5944" i="5" s="1"/>
  <c r="M5970" i="2"/>
  <c r="M5944" i="5" s="1"/>
  <c r="L5970" i="2"/>
  <c r="L5944" i="5" s="1"/>
  <c r="I5970" i="2"/>
  <c r="I5944" i="5" s="1"/>
  <c r="K5970" i="2"/>
  <c r="K5944" i="5" s="1"/>
  <c r="O5944" i="5" s="1"/>
  <c r="L3102" i="2"/>
  <c r="L3076" i="5" s="1"/>
  <c r="M3102" i="2"/>
  <c r="M3076" i="5" s="1"/>
  <c r="I3102" i="2"/>
  <c r="I3076" i="5" s="1"/>
  <c r="K3102" i="2"/>
  <c r="K3076" i="5" s="1"/>
  <c r="O3076" i="5" s="1"/>
  <c r="J3102" i="2"/>
  <c r="J3076" i="5" s="1"/>
  <c r="N3076" i="5" s="1"/>
  <c r="I1108" i="2"/>
  <c r="I1082" i="5" s="1"/>
  <c r="K1108" i="2"/>
  <c r="K1082" i="5" s="1"/>
  <c r="O1082" i="5" s="1"/>
  <c r="L1108" i="2"/>
  <c r="L1082" i="5" s="1"/>
  <c r="M1108" i="2"/>
  <c r="M1082" i="5" s="1"/>
  <c r="J1108" i="2"/>
  <c r="J1082" i="5" s="1"/>
  <c r="N1082" i="5" s="1"/>
  <c r="I466" i="2"/>
  <c r="I440" i="5" s="1"/>
  <c r="M466" i="2"/>
  <c r="M440" i="5" s="1"/>
  <c r="L466" i="2"/>
  <c r="L440" i="5" s="1"/>
  <c r="J466" i="2"/>
  <c r="J440" i="5" s="1"/>
  <c r="N440" i="5" s="1"/>
  <c r="K466" i="2"/>
  <c r="K440" i="5" s="1"/>
  <c r="O440" i="5" s="1"/>
  <c r="M240" i="2"/>
  <c r="M214" i="5" s="1"/>
  <c r="L240" i="2"/>
  <c r="L214" i="5" s="1"/>
  <c r="I240" i="2"/>
  <c r="I214" i="5" s="1"/>
  <c r="K240" i="2"/>
  <c r="K214" i="5" s="1"/>
  <c r="O214" i="5" s="1"/>
  <c r="J240" i="2"/>
  <c r="J214" i="5" s="1"/>
  <c r="N214" i="5" s="1"/>
  <c r="J6939" i="2"/>
  <c r="J6913" i="5" s="1"/>
  <c r="N6913" i="5" s="1"/>
  <c r="M6939" i="2"/>
  <c r="M6913" i="5" s="1"/>
  <c r="L6939" i="2"/>
  <c r="L6913" i="5" s="1"/>
  <c r="I6939" i="2"/>
  <c r="I6913" i="5" s="1"/>
  <c r="K6939" i="2"/>
  <c r="K6913" i="5" s="1"/>
  <c r="O6913" i="5" s="1"/>
  <c r="J6929" i="2"/>
  <c r="J6903" i="5" s="1"/>
  <c r="N6903" i="5" s="1"/>
  <c r="M6929" i="2"/>
  <c r="M6903" i="5" s="1"/>
  <c r="L6929" i="2"/>
  <c r="L6903" i="5" s="1"/>
  <c r="I6929" i="2"/>
  <c r="I6903" i="5" s="1"/>
  <c r="K6929" i="2"/>
  <c r="K6903" i="5" s="1"/>
  <c r="O6903" i="5" s="1"/>
  <c r="I5504" i="2"/>
  <c r="I5478" i="5" s="1"/>
  <c r="J5504" i="2"/>
  <c r="J5478" i="5" s="1"/>
  <c r="N5478" i="5" s="1"/>
  <c r="K5504" i="2"/>
  <c r="K5478" i="5" s="1"/>
  <c r="O5478" i="5" s="1"/>
  <c r="L5504" i="2"/>
  <c r="L5478" i="5" s="1"/>
  <c r="M5504" i="2"/>
  <c r="M5478" i="5" s="1"/>
  <c r="C235" i="5"/>
  <c r="AR229" i="1"/>
  <c r="J4760" i="2"/>
  <c r="J4734" i="5" s="1"/>
  <c r="N4734" i="5" s="1"/>
  <c r="M4760" i="2"/>
  <c r="M4734" i="5" s="1"/>
  <c r="L4760" i="2"/>
  <c r="L4734" i="5" s="1"/>
  <c r="I4760" i="2"/>
  <c r="I4734" i="5" s="1"/>
  <c r="K4760" i="2"/>
  <c r="K4734" i="5" s="1"/>
  <c r="O4734" i="5" s="1"/>
  <c r="K8147" i="2"/>
  <c r="K8121" i="5" s="1"/>
  <c r="O8121" i="5" s="1"/>
  <c r="M8147" i="2"/>
  <c r="M8121" i="5" s="1"/>
  <c r="I8147" i="2"/>
  <c r="I8121" i="5" s="1"/>
  <c r="J8147" i="2"/>
  <c r="J8121" i="5" s="1"/>
  <c r="N8121" i="5" s="1"/>
  <c r="L8147" i="2"/>
  <c r="L8121" i="5" s="1"/>
  <c r="K1887" i="2"/>
  <c r="K1861" i="5" s="1"/>
  <c r="O1861" i="5" s="1"/>
  <c r="M1887" i="2"/>
  <c r="M1861" i="5" s="1"/>
  <c r="J1887" i="2"/>
  <c r="J1861" i="5" s="1"/>
  <c r="N1861" i="5" s="1"/>
  <c r="L1887" i="2"/>
  <c r="L1861" i="5" s="1"/>
  <c r="I1887" i="2"/>
  <c r="I1861" i="5" s="1"/>
  <c r="L4763" i="2"/>
  <c r="L4737" i="5" s="1"/>
  <c r="I4763" i="2"/>
  <c r="I4737" i="5" s="1"/>
  <c r="K4763" i="2"/>
  <c r="K4737" i="5" s="1"/>
  <c r="O4737" i="5" s="1"/>
  <c r="J4763" i="2"/>
  <c r="J4737" i="5" s="1"/>
  <c r="N4737" i="5" s="1"/>
  <c r="M4763" i="2"/>
  <c r="M4737" i="5" s="1"/>
  <c r="I3669" i="2"/>
  <c r="I3643" i="5" s="1"/>
  <c r="K3669" i="2"/>
  <c r="K3643" i="5" s="1"/>
  <c r="O3643" i="5" s="1"/>
  <c r="J3669" i="2"/>
  <c r="J3643" i="5" s="1"/>
  <c r="N3643" i="5" s="1"/>
  <c r="L3669" i="2"/>
  <c r="L3643" i="5" s="1"/>
  <c r="M3669" i="2"/>
  <c r="M3643" i="5" s="1"/>
  <c r="L5645" i="2"/>
  <c r="L5619" i="5" s="1"/>
  <c r="M5645" i="2"/>
  <c r="M5619" i="5" s="1"/>
  <c r="I5645" i="2"/>
  <c r="I5619" i="5" s="1"/>
  <c r="K5645" i="2"/>
  <c r="K5619" i="5" s="1"/>
  <c r="O5619" i="5" s="1"/>
  <c r="J5645" i="2"/>
  <c r="J5619" i="5" s="1"/>
  <c r="N5619" i="5" s="1"/>
  <c r="K2071" i="2"/>
  <c r="K2045" i="5" s="1"/>
  <c r="O2045" i="5" s="1"/>
  <c r="L2071" i="2"/>
  <c r="L2045" i="5" s="1"/>
  <c r="I2071" i="2"/>
  <c r="I2045" i="5" s="1"/>
  <c r="J2071" i="2"/>
  <c r="J2045" i="5" s="1"/>
  <c r="N2045" i="5" s="1"/>
  <c r="M2071" i="2"/>
  <c r="M2045" i="5" s="1"/>
  <c r="M7641" i="2"/>
  <c r="M7615" i="5" s="1"/>
  <c r="K7641" i="2"/>
  <c r="K7615" i="5" s="1"/>
  <c r="O7615" i="5" s="1"/>
  <c r="J7641" i="2"/>
  <c r="J7615" i="5" s="1"/>
  <c r="N7615" i="5" s="1"/>
  <c r="L7641" i="2"/>
  <c r="L7615" i="5" s="1"/>
  <c r="I7641" i="2"/>
  <c r="I7615" i="5" s="1"/>
  <c r="J7618" i="2"/>
  <c r="J7592" i="5" s="1"/>
  <c r="N7592" i="5" s="1"/>
  <c r="M7618" i="2"/>
  <c r="M7592" i="5" s="1"/>
  <c r="I7618" i="2"/>
  <c r="I7592" i="5" s="1"/>
  <c r="L7618" i="2"/>
  <c r="L7592" i="5" s="1"/>
  <c r="K7618" i="2"/>
  <c r="K7592" i="5" s="1"/>
  <c r="O7592" i="5" s="1"/>
  <c r="J4458" i="2"/>
  <c r="J4432" i="5" s="1"/>
  <c r="N4432" i="5" s="1"/>
  <c r="M4458" i="2"/>
  <c r="M4432" i="5" s="1"/>
  <c r="I4458" i="2"/>
  <c r="I4432" i="5" s="1"/>
  <c r="L4458" i="2"/>
  <c r="L4432" i="5" s="1"/>
  <c r="K4458" i="2"/>
  <c r="K4432" i="5" s="1"/>
  <c r="O4432" i="5" s="1"/>
  <c r="J4453" i="2"/>
  <c r="J4427" i="5" s="1"/>
  <c r="N4427" i="5" s="1"/>
  <c r="M4453" i="2"/>
  <c r="M4427" i="5" s="1"/>
  <c r="I4453" i="2"/>
  <c r="I4427" i="5" s="1"/>
  <c r="L4453" i="2"/>
  <c r="L4427" i="5" s="1"/>
  <c r="K4453" i="2"/>
  <c r="K4427" i="5" s="1"/>
  <c r="O4427" i="5" s="1"/>
  <c r="I7671" i="2"/>
  <c r="I7645" i="5" s="1"/>
  <c r="M7671" i="2"/>
  <c r="M7645" i="5" s="1"/>
  <c r="L7671" i="2"/>
  <c r="L7645" i="5" s="1"/>
  <c r="K7671" i="2"/>
  <c r="K7645" i="5" s="1"/>
  <c r="O7645" i="5" s="1"/>
  <c r="J7671" i="2"/>
  <c r="J7645" i="5" s="1"/>
  <c r="N7645" i="5" s="1"/>
  <c r="I4167" i="2"/>
  <c r="I4141" i="5" s="1"/>
  <c r="K4167" i="2"/>
  <c r="K4141" i="5" s="1"/>
  <c r="O4141" i="5" s="1"/>
  <c r="L4167" i="2"/>
  <c r="L4141" i="5" s="1"/>
  <c r="J4167" i="2"/>
  <c r="J4141" i="5" s="1"/>
  <c r="N4141" i="5" s="1"/>
  <c r="M4167" i="2"/>
  <c r="M4141" i="5" s="1"/>
  <c r="M2402" i="2"/>
  <c r="M2376" i="5" s="1"/>
  <c r="L2402" i="2"/>
  <c r="L2376" i="5" s="1"/>
  <c r="I2402" i="2"/>
  <c r="I2376" i="5" s="1"/>
  <c r="K2402" i="2"/>
  <c r="K2376" i="5" s="1"/>
  <c r="O2376" i="5" s="1"/>
  <c r="J2402" i="2"/>
  <c r="J2376" i="5" s="1"/>
  <c r="N2376" i="5" s="1"/>
  <c r="J2401" i="2"/>
  <c r="J2375" i="5" s="1"/>
  <c r="N2375" i="5" s="1"/>
  <c r="L2401" i="2"/>
  <c r="L2375" i="5" s="1"/>
  <c r="M2401" i="2"/>
  <c r="M2375" i="5" s="1"/>
  <c r="I2401" i="2"/>
  <c r="I2375" i="5" s="1"/>
  <c r="K2401" i="2"/>
  <c r="K2375" i="5" s="1"/>
  <c r="O2375" i="5" s="1"/>
  <c r="L8631" i="2"/>
  <c r="L8605" i="5" s="1"/>
  <c r="M8631" i="2"/>
  <c r="M8605" i="5" s="1"/>
  <c r="I8631" i="2"/>
  <c r="I8605" i="5" s="1"/>
  <c r="J8631" i="2"/>
  <c r="J8605" i="5" s="1"/>
  <c r="N8605" i="5" s="1"/>
  <c r="K8631" i="2"/>
  <c r="K8605" i="5" s="1"/>
  <c r="O8605" i="5" s="1"/>
  <c r="J3655" i="2"/>
  <c r="J3629" i="5" s="1"/>
  <c r="N3629" i="5" s="1"/>
  <c r="L3655" i="2"/>
  <c r="L3629" i="5" s="1"/>
  <c r="I3655" i="2"/>
  <c r="I3629" i="5" s="1"/>
  <c r="M3655" i="2"/>
  <c r="M3629" i="5" s="1"/>
  <c r="K3655" i="2"/>
  <c r="K3629" i="5" s="1"/>
  <c r="O3629" i="5" s="1"/>
  <c r="K3606" i="2"/>
  <c r="K3580" i="5" s="1"/>
  <c r="O3580" i="5" s="1"/>
  <c r="L3606" i="2"/>
  <c r="L3580" i="5" s="1"/>
  <c r="M3606" i="2"/>
  <c r="M3580" i="5" s="1"/>
  <c r="I3606" i="2"/>
  <c r="I3580" i="5" s="1"/>
  <c r="J3606" i="2"/>
  <c r="J3580" i="5" s="1"/>
  <c r="N3580" i="5" s="1"/>
  <c r="M5516" i="2"/>
  <c r="M5490" i="5" s="1"/>
  <c r="I5516" i="2"/>
  <c r="I5490" i="5" s="1"/>
  <c r="K5516" i="2"/>
  <c r="K5490" i="5" s="1"/>
  <c r="O5490" i="5" s="1"/>
  <c r="J5516" i="2"/>
  <c r="J5490" i="5" s="1"/>
  <c r="N5490" i="5" s="1"/>
  <c r="L5516" i="2"/>
  <c r="L5490" i="5" s="1"/>
  <c r="I5262" i="2"/>
  <c r="I5236" i="5" s="1"/>
  <c r="K5262" i="2"/>
  <c r="K5236" i="5" s="1"/>
  <c r="O5236" i="5" s="1"/>
  <c r="J5262" i="2"/>
  <c r="J5236" i="5" s="1"/>
  <c r="N5236" i="5" s="1"/>
  <c r="L5262" i="2"/>
  <c r="L5236" i="5" s="1"/>
  <c r="M5262" i="2"/>
  <c r="M5236" i="5" s="1"/>
  <c r="K6601" i="2"/>
  <c r="K6575" i="5" s="1"/>
  <c r="O6575" i="5" s="1"/>
  <c r="M6601" i="2"/>
  <c r="M6575" i="5" s="1"/>
  <c r="L6601" i="2"/>
  <c r="L6575" i="5" s="1"/>
  <c r="J6601" i="2"/>
  <c r="J6575" i="5" s="1"/>
  <c r="N6575" i="5" s="1"/>
  <c r="I6601" i="2"/>
  <c r="I6575" i="5" s="1"/>
  <c r="L2503" i="2"/>
  <c r="L2477" i="5" s="1"/>
  <c r="I2503" i="2"/>
  <c r="I2477" i="5" s="1"/>
  <c r="M2503" i="2"/>
  <c r="M2477" i="5" s="1"/>
  <c r="K2503" i="2"/>
  <c r="K2477" i="5" s="1"/>
  <c r="O2477" i="5" s="1"/>
  <c r="J2503" i="2"/>
  <c r="J2477" i="5" s="1"/>
  <c r="N2477" i="5" s="1"/>
  <c r="J2490" i="2"/>
  <c r="J2464" i="5" s="1"/>
  <c r="N2464" i="5" s="1"/>
  <c r="M2490" i="2"/>
  <c r="M2464" i="5" s="1"/>
  <c r="L2490" i="2"/>
  <c r="L2464" i="5" s="1"/>
  <c r="I2490" i="2"/>
  <c r="I2464" i="5" s="1"/>
  <c r="K2490" i="2"/>
  <c r="K2464" i="5" s="1"/>
  <c r="O2464" i="5" s="1"/>
  <c r="L2594" i="2"/>
  <c r="L2568" i="5" s="1"/>
  <c r="M2594" i="2"/>
  <c r="M2568" i="5" s="1"/>
  <c r="I2594" i="2"/>
  <c r="I2568" i="5" s="1"/>
  <c r="K2594" i="2"/>
  <c r="K2568" i="5" s="1"/>
  <c r="O2568" i="5" s="1"/>
  <c r="J2594" i="2"/>
  <c r="J2568" i="5" s="1"/>
  <c r="N2568" i="5" s="1"/>
  <c r="C114" i="5"/>
  <c r="AR108" i="1"/>
  <c r="L6306" i="2"/>
  <c r="L6280" i="5" s="1"/>
  <c r="M6306" i="2"/>
  <c r="M6280" i="5" s="1"/>
  <c r="I6306" i="2"/>
  <c r="I6280" i="5" s="1"/>
  <c r="K6306" i="2"/>
  <c r="K6280" i="5" s="1"/>
  <c r="O6280" i="5" s="1"/>
  <c r="J6306" i="2"/>
  <c r="J6280" i="5" s="1"/>
  <c r="N6280" i="5" s="1"/>
  <c r="L6305" i="2"/>
  <c r="L6279" i="5" s="1"/>
  <c r="J6305" i="2"/>
  <c r="J6279" i="5" s="1"/>
  <c r="N6279" i="5" s="1"/>
  <c r="I6305" i="2"/>
  <c r="I6279" i="5" s="1"/>
  <c r="M6305" i="2"/>
  <c r="M6279" i="5" s="1"/>
  <c r="K6305" i="2"/>
  <c r="K6279" i="5" s="1"/>
  <c r="O6279" i="5" s="1"/>
  <c r="I3794" i="2"/>
  <c r="I3768" i="5" s="1"/>
  <c r="J3794" i="2"/>
  <c r="J3768" i="5" s="1"/>
  <c r="N3768" i="5" s="1"/>
  <c r="L3794" i="2"/>
  <c r="L3768" i="5" s="1"/>
  <c r="K3794" i="2"/>
  <c r="K3768" i="5" s="1"/>
  <c r="O3768" i="5" s="1"/>
  <c r="M3794" i="2"/>
  <c r="M3768" i="5" s="1"/>
  <c r="L2152" i="2"/>
  <c r="L2126" i="5" s="1"/>
  <c r="I2152" i="2"/>
  <c r="I2126" i="5" s="1"/>
  <c r="K2152" i="2"/>
  <c r="K2126" i="5" s="1"/>
  <c r="O2126" i="5" s="1"/>
  <c r="J2152" i="2"/>
  <c r="J2126" i="5" s="1"/>
  <c r="N2126" i="5" s="1"/>
  <c r="M2152" i="2"/>
  <c r="M2126" i="5" s="1"/>
  <c r="L6292" i="2"/>
  <c r="L6266" i="5" s="1"/>
  <c r="K6292" i="2"/>
  <c r="K6266" i="5" s="1"/>
  <c r="O6266" i="5" s="1"/>
  <c r="J6292" i="2"/>
  <c r="J6266" i="5" s="1"/>
  <c r="N6266" i="5" s="1"/>
  <c r="M6292" i="2"/>
  <c r="M6266" i="5" s="1"/>
  <c r="I6292" i="2"/>
  <c r="I6266" i="5" s="1"/>
  <c r="M3438" i="2"/>
  <c r="M3412" i="5" s="1"/>
  <c r="I3438" i="2"/>
  <c r="I3412" i="5" s="1"/>
  <c r="K3438" i="2"/>
  <c r="K3412" i="5" s="1"/>
  <c r="O3412" i="5" s="1"/>
  <c r="L3438" i="2"/>
  <c r="L3412" i="5" s="1"/>
  <c r="J3438" i="2"/>
  <c r="J3412" i="5" s="1"/>
  <c r="N3412" i="5" s="1"/>
  <c r="J6786" i="2"/>
  <c r="J6760" i="5" s="1"/>
  <c r="N6760" i="5" s="1"/>
  <c r="M6786" i="2"/>
  <c r="M6760" i="5" s="1"/>
  <c r="I6786" i="2"/>
  <c r="I6760" i="5" s="1"/>
  <c r="L6786" i="2"/>
  <c r="L6760" i="5" s="1"/>
  <c r="K6786" i="2"/>
  <c r="K6760" i="5" s="1"/>
  <c r="O6760" i="5" s="1"/>
  <c r="J7286" i="2"/>
  <c r="J7260" i="5" s="1"/>
  <c r="N7260" i="5" s="1"/>
  <c r="M7286" i="2"/>
  <c r="M7260" i="5" s="1"/>
  <c r="I7286" i="2"/>
  <c r="I7260" i="5" s="1"/>
  <c r="L7286" i="2"/>
  <c r="L7260" i="5" s="1"/>
  <c r="K7286" i="2"/>
  <c r="K7260" i="5" s="1"/>
  <c r="O7260" i="5" s="1"/>
  <c r="I1255" i="2"/>
  <c r="I1229" i="5" s="1"/>
  <c r="L1255" i="2"/>
  <c r="L1229" i="5" s="1"/>
  <c r="M1255" i="2"/>
  <c r="M1229" i="5" s="1"/>
  <c r="K1255" i="2"/>
  <c r="K1229" i="5" s="1"/>
  <c r="O1229" i="5" s="1"/>
  <c r="J1255" i="2"/>
  <c r="J1229" i="5" s="1"/>
  <c r="N1229" i="5" s="1"/>
  <c r="I3285" i="2"/>
  <c r="I3259" i="5" s="1"/>
  <c r="K3285" i="2"/>
  <c r="K3259" i="5" s="1"/>
  <c r="O3259" i="5" s="1"/>
  <c r="J3285" i="2"/>
  <c r="J3259" i="5" s="1"/>
  <c r="N3259" i="5" s="1"/>
  <c r="M3285" i="2"/>
  <c r="M3259" i="5" s="1"/>
  <c r="L3285" i="2"/>
  <c r="L3259" i="5" s="1"/>
  <c r="I6813" i="2"/>
  <c r="I6787" i="5" s="1"/>
  <c r="L6813" i="2"/>
  <c r="L6787" i="5" s="1"/>
  <c r="K6813" i="2"/>
  <c r="K6787" i="5" s="1"/>
  <c r="O6787" i="5" s="1"/>
  <c r="J6813" i="2"/>
  <c r="J6787" i="5" s="1"/>
  <c r="N6787" i="5" s="1"/>
  <c r="M6813" i="2"/>
  <c r="M6787" i="5" s="1"/>
  <c r="L5424" i="2"/>
  <c r="L5398" i="5" s="1"/>
  <c r="I5424" i="2"/>
  <c r="I5398" i="5" s="1"/>
  <c r="M5424" i="2"/>
  <c r="M5398" i="5" s="1"/>
  <c r="J5424" i="2"/>
  <c r="J5398" i="5" s="1"/>
  <c r="N5398" i="5" s="1"/>
  <c r="K5424" i="2"/>
  <c r="K5398" i="5" s="1"/>
  <c r="O5398" i="5" s="1"/>
  <c r="M126" i="2"/>
  <c r="M100" i="5" s="1"/>
  <c r="L126" i="2"/>
  <c r="L100" i="5" s="1"/>
  <c r="J126" i="2"/>
  <c r="J100" i="5" s="1"/>
  <c r="N100" i="5" s="1"/>
  <c r="I126" i="2"/>
  <c r="I100" i="5" s="1"/>
  <c r="K126" i="2"/>
  <c r="K100" i="5" s="1"/>
  <c r="O100" i="5" s="1"/>
  <c r="I3921" i="2"/>
  <c r="I3895" i="5" s="1"/>
  <c r="K3921" i="2"/>
  <c r="K3895" i="5" s="1"/>
  <c r="O3895" i="5" s="1"/>
  <c r="M3921" i="2"/>
  <c r="M3895" i="5" s="1"/>
  <c r="J3921" i="2"/>
  <c r="J3895" i="5" s="1"/>
  <c r="N3895" i="5" s="1"/>
  <c r="L3921" i="2"/>
  <c r="L3895" i="5" s="1"/>
  <c r="M265" i="2"/>
  <c r="M239" i="5" s="1"/>
  <c r="K265" i="2"/>
  <c r="K239" i="5" s="1"/>
  <c r="O239" i="5" s="1"/>
  <c r="J265" i="2"/>
  <c r="J239" i="5" s="1"/>
  <c r="N239" i="5" s="1"/>
  <c r="I265" i="2"/>
  <c r="I239" i="5" s="1"/>
  <c r="L265" i="2"/>
  <c r="L239" i="5" s="1"/>
  <c r="L267" i="2"/>
  <c r="L241" i="5" s="1"/>
  <c r="M267" i="2"/>
  <c r="M241" i="5" s="1"/>
  <c r="I267" i="2"/>
  <c r="I241" i="5" s="1"/>
  <c r="K267" i="2"/>
  <c r="K241" i="5" s="1"/>
  <c r="O241" i="5" s="1"/>
  <c r="J267" i="2"/>
  <c r="J241" i="5" s="1"/>
  <c r="N241" i="5" s="1"/>
  <c r="M6348" i="2"/>
  <c r="M6322" i="5" s="1"/>
  <c r="K6348" i="2"/>
  <c r="K6322" i="5" s="1"/>
  <c r="O6322" i="5" s="1"/>
  <c r="L6348" i="2"/>
  <c r="L6322" i="5" s="1"/>
  <c r="I6348" i="2"/>
  <c r="I6322" i="5" s="1"/>
  <c r="J6348" i="2"/>
  <c r="J6322" i="5" s="1"/>
  <c r="N6322" i="5" s="1"/>
  <c r="J6361" i="2"/>
  <c r="J6335" i="5" s="1"/>
  <c r="N6335" i="5" s="1"/>
  <c r="M6361" i="2"/>
  <c r="M6335" i="5" s="1"/>
  <c r="I6361" i="2"/>
  <c r="I6335" i="5" s="1"/>
  <c r="L6361" i="2"/>
  <c r="L6335" i="5" s="1"/>
  <c r="K6361" i="2"/>
  <c r="K6335" i="5" s="1"/>
  <c r="O6335" i="5" s="1"/>
  <c r="M7188" i="2"/>
  <c r="M7162" i="5" s="1"/>
  <c r="J7188" i="2"/>
  <c r="J7162" i="5" s="1"/>
  <c r="N7162" i="5" s="1"/>
  <c r="L7188" i="2"/>
  <c r="L7162" i="5" s="1"/>
  <c r="I7188" i="2"/>
  <c r="I7162" i="5" s="1"/>
  <c r="K7188" i="2"/>
  <c r="K7162" i="5" s="1"/>
  <c r="O7162" i="5" s="1"/>
  <c r="I1587" i="2"/>
  <c r="I1561" i="5" s="1"/>
  <c r="K1587" i="2"/>
  <c r="K1561" i="5" s="1"/>
  <c r="O1561" i="5" s="1"/>
  <c r="J1587" i="2"/>
  <c r="J1561" i="5" s="1"/>
  <c r="N1561" i="5" s="1"/>
  <c r="M1587" i="2"/>
  <c r="M1561" i="5" s="1"/>
  <c r="L1587" i="2"/>
  <c r="L1561" i="5" s="1"/>
  <c r="L1581" i="2"/>
  <c r="L1555" i="5" s="1"/>
  <c r="M1581" i="2"/>
  <c r="M1555" i="5" s="1"/>
  <c r="J1581" i="2"/>
  <c r="J1555" i="5" s="1"/>
  <c r="N1555" i="5" s="1"/>
  <c r="I1581" i="2"/>
  <c r="I1555" i="5" s="1"/>
  <c r="K1581" i="2"/>
  <c r="K1555" i="5" s="1"/>
  <c r="O1555" i="5" s="1"/>
  <c r="I3504" i="2"/>
  <c r="I3478" i="5" s="1"/>
  <c r="K3504" i="2"/>
  <c r="K3478" i="5" s="1"/>
  <c r="O3478" i="5" s="1"/>
  <c r="J3504" i="2"/>
  <c r="J3478" i="5" s="1"/>
  <c r="N3478" i="5" s="1"/>
  <c r="M3504" i="2"/>
  <c r="M3478" i="5" s="1"/>
  <c r="L3504" i="2"/>
  <c r="L3478" i="5" s="1"/>
  <c r="I6683" i="2"/>
  <c r="I6657" i="5" s="1"/>
  <c r="L6683" i="2"/>
  <c r="L6657" i="5" s="1"/>
  <c r="M6683" i="2"/>
  <c r="M6657" i="5" s="1"/>
  <c r="K6683" i="2"/>
  <c r="K6657" i="5" s="1"/>
  <c r="O6657" i="5" s="1"/>
  <c r="J6683" i="2"/>
  <c r="J6657" i="5" s="1"/>
  <c r="N6657" i="5" s="1"/>
  <c r="I6692" i="2"/>
  <c r="I6666" i="5" s="1"/>
  <c r="J6692" i="2"/>
  <c r="J6666" i="5" s="1"/>
  <c r="N6666" i="5" s="1"/>
  <c r="L6692" i="2"/>
  <c r="L6666" i="5" s="1"/>
  <c r="K6692" i="2"/>
  <c r="K6666" i="5" s="1"/>
  <c r="O6666" i="5" s="1"/>
  <c r="M6692" i="2"/>
  <c r="M6666" i="5" s="1"/>
  <c r="M7136" i="2"/>
  <c r="M7110" i="5" s="1"/>
  <c r="I7136" i="2"/>
  <c r="I7110" i="5" s="1"/>
  <c r="K7136" i="2"/>
  <c r="K7110" i="5" s="1"/>
  <c r="O7110" i="5" s="1"/>
  <c r="J7136" i="2"/>
  <c r="J7110" i="5" s="1"/>
  <c r="N7110" i="5" s="1"/>
  <c r="L7136" i="2"/>
  <c r="L7110" i="5" s="1"/>
  <c r="L2125" i="2"/>
  <c r="L2099" i="5" s="1"/>
  <c r="J2125" i="2"/>
  <c r="J2099" i="5" s="1"/>
  <c r="N2099" i="5" s="1"/>
  <c r="I2125" i="2"/>
  <c r="I2099" i="5" s="1"/>
  <c r="K2125" i="2"/>
  <c r="K2099" i="5" s="1"/>
  <c r="O2099" i="5" s="1"/>
  <c r="M2125" i="2"/>
  <c r="M2099" i="5" s="1"/>
  <c r="M3331" i="2"/>
  <c r="M3305" i="5" s="1"/>
  <c r="L3331" i="2"/>
  <c r="L3305" i="5" s="1"/>
  <c r="I3331" i="2"/>
  <c r="I3305" i="5" s="1"/>
  <c r="K3331" i="2"/>
  <c r="K3305" i="5" s="1"/>
  <c r="O3305" i="5" s="1"/>
  <c r="J3331" i="2"/>
  <c r="J3305" i="5" s="1"/>
  <c r="N3305" i="5" s="1"/>
  <c r="I4504" i="2"/>
  <c r="I4478" i="5" s="1"/>
  <c r="K4504" i="2"/>
  <c r="K4478" i="5" s="1"/>
  <c r="O4478" i="5" s="1"/>
  <c r="L4504" i="2"/>
  <c r="L4478" i="5" s="1"/>
  <c r="J4504" i="2"/>
  <c r="J4478" i="5" s="1"/>
  <c r="N4478" i="5" s="1"/>
  <c r="M4504" i="2"/>
  <c r="M4478" i="5" s="1"/>
  <c r="J7433" i="2"/>
  <c r="J7407" i="5" s="1"/>
  <c r="N7407" i="5" s="1"/>
  <c r="M7433" i="2"/>
  <c r="M7407" i="5" s="1"/>
  <c r="I7433" i="2"/>
  <c r="I7407" i="5" s="1"/>
  <c r="L7433" i="2"/>
  <c r="L7407" i="5" s="1"/>
  <c r="K7433" i="2"/>
  <c r="K7407" i="5" s="1"/>
  <c r="O7407" i="5" s="1"/>
  <c r="J6492" i="2"/>
  <c r="J6466" i="5" s="1"/>
  <c r="N6466" i="5" s="1"/>
  <c r="L6492" i="2"/>
  <c r="L6466" i="5" s="1"/>
  <c r="I6492" i="2"/>
  <c r="I6466" i="5" s="1"/>
  <c r="M6492" i="2"/>
  <c r="M6466" i="5" s="1"/>
  <c r="K6492" i="2"/>
  <c r="K6466" i="5" s="1"/>
  <c r="O6466" i="5" s="1"/>
  <c r="I4840" i="2"/>
  <c r="I4814" i="5" s="1"/>
  <c r="K4840" i="2"/>
  <c r="K4814" i="5" s="1"/>
  <c r="O4814" i="5" s="1"/>
  <c r="M4840" i="2"/>
  <c r="M4814" i="5" s="1"/>
  <c r="L4840" i="2"/>
  <c r="L4814" i="5" s="1"/>
  <c r="J4840" i="2"/>
  <c r="J4814" i="5" s="1"/>
  <c r="N4814" i="5" s="1"/>
  <c r="L7880" i="2"/>
  <c r="L7854" i="5" s="1"/>
  <c r="I7880" i="2"/>
  <c r="I7854" i="5" s="1"/>
  <c r="J7880" i="2"/>
  <c r="J7854" i="5" s="1"/>
  <c r="N7854" i="5" s="1"/>
  <c r="M7880" i="2"/>
  <c r="M7854" i="5" s="1"/>
  <c r="K7880" i="2"/>
  <c r="K7854" i="5" s="1"/>
  <c r="O7854" i="5" s="1"/>
  <c r="J7859" i="2"/>
  <c r="J7833" i="5" s="1"/>
  <c r="N7833" i="5" s="1"/>
  <c r="I7859" i="2"/>
  <c r="I7833" i="5" s="1"/>
  <c r="M7859" i="2"/>
  <c r="M7833" i="5" s="1"/>
  <c r="K7859" i="2"/>
  <c r="K7833" i="5" s="1"/>
  <c r="O7833" i="5" s="1"/>
  <c r="L7859" i="2"/>
  <c r="L7833" i="5" s="1"/>
  <c r="I4917" i="2"/>
  <c r="I4891" i="5" s="1"/>
  <c r="K4917" i="2"/>
  <c r="K4891" i="5" s="1"/>
  <c r="O4891" i="5" s="1"/>
  <c r="J4917" i="2"/>
  <c r="J4891" i="5" s="1"/>
  <c r="N4891" i="5" s="1"/>
  <c r="M4917" i="2"/>
  <c r="M4891" i="5" s="1"/>
  <c r="L4917" i="2"/>
  <c r="L4891" i="5" s="1"/>
  <c r="I8285" i="2"/>
  <c r="I8259" i="5" s="1"/>
  <c r="K8285" i="2"/>
  <c r="K8259" i="5" s="1"/>
  <c r="O8259" i="5" s="1"/>
  <c r="J8285" i="2"/>
  <c r="J8259" i="5" s="1"/>
  <c r="N8259" i="5" s="1"/>
  <c r="L8285" i="2"/>
  <c r="L8259" i="5" s="1"/>
  <c r="M8285" i="2"/>
  <c r="M8259" i="5" s="1"/>
  <c r="K4621" i="2"/>
  <c r="K4595" i="5" s="1"/>
  <c r="O4595" i="5" s="1"/>
  <c r="J4621" i="2"/>
  <c r="J4595" i="5" s="1"/>
  <c r="N4595" i="5" s="1"/>
  <c r="L4621" i="2"/>
  <c r="L4595" i="5" s="1"/>
  <c r="M4621" i="2"/>
  <c r="M4595" i="5" s="1"/>
  <c r="I4621" i="2"/>
  <c r="I4595" i="5" s="1"/>
  <c r="L2431" i="2"/>
  <c r="L2405" i="5" s="1"/>
  <c r="M2431" i="2"/>
  <c r="M2405" i="5" s="1"/>
  <c r="I2431" i="2"/>
  <c r="I2405" i="5" s="1"/>
  <c r="K2431" i="2"/>
  <c r="K2405" i="5" s="1"/>
  <c r="O2405" i="5" s="1"/>
  <c r="J2431" i="2"/>
  <c r="J2405" i="5" s="1"/>
  <c r="N2405" i="5" s="1"/>
  <c r="K5294" i="2"/>
  <c r="K5268" i="5" s="1"/>
  <c r="O5268" i="5" s="1"/>
  <c r="L5294" i="2"/>
  <c r="L5268" i="5" s="1"/>
  <c r="M5294" i="2"/>
  <c r="M5268" i="5" s="1"/>
  <c r="I5294" i="2"/>
  <c r="I5268" i="5" s="1"/>
  <c r="J5294" i="2"/>
  <c r="J5268" i="5" s="1"/>
  <c r="N5268" i="5" s="1"/>
  <c r="I7984" i="2"/>
  <c r="I7958" i="5" s="1"/>
  <c r="K7984" i="2"/>
  <c r="K7958" i="5" s="1"/>
  <c r="O7958" i="5" s="1"/>
  <c r="L7984" i="2"/>
  <c r="L7958" i="5" s="1"/>
  <c r="M7984" i="2"/>
  <c r="M7958" i="5" s="1"/>
  <c r="J7984" i="2"/>
  <c r="J7958" i="5" s="1"/>
  <c r="N7958" i="5" s="1"/>
  <c r="K7987" i="2"/>
  <c r="K7961" i="5" s="1"/>
  <c r="O7961" i="5" s="1"/>
  <c r="J7987" i="2"/>
  <c r="J7961" i="5" s="1"/>
  <c r="N7961" i="5" s="1"/>
  <c r="M7987" i="2"/>
  <c r="M7961" i="5" s="1"/>
  <c r="L7987" i="2"/>
  <c r="L7961" i="5" s="1"/>
  <c r="I7987" i="2"/>
  <c r="I7961" i="5" s="1"/>
  <c r="L4100" i="2"/>
  <c r="L4074" i="5" s="1"/>
  <c r="M4100" i="2"/>
  <c r="M4074" i="5" s="1"/>
  <c r="I4100" i="2"/>
  <c r="I4074" i="5" s="1"/>
  <c r="K4100" i="2"/>
  <c r="K4074" i="5" s="1"/>
  <c r="O4074" i="5" s="1"/>
  <c r="J4100" i="2"/>
  <c r="J4074" i="5" s="1"/>
  <c r="N4074" i="5" s="1"/>
  <c r="AR171" i="1"/>
  <c r="C177" i="5"/>
  <c r="M8611" i="2"/>
  <c r="M8585" i="5" s="1"/>
  <c r="I8611" i="2"/>
  <c r="I8585" i="5" s="1"/>
  <c r="K8611" i="2"/>
  <c r="K8585" i="5" s="1"/>
  <c r="O8585" i="5" s="1"/>
  <c r="J8611" i="2"/>
  <c r="J8585" i="5" s="1"/>
  <c r="N8585" i="5" s="1"/>
  <c r="L8611" i="2"/>
  <c r="L8585" i="5" s="1"/>
  <c r="J8605" i="2"/>
  <c r="J8579" i="5" s="1"/>
  <c r="N8579" i="5" s="1"/>
  <c r="L8605" i="2"/>
  <c r="L8579" i="5" s="1"/>
  <c r="M8605" i="2"/>
  <c r="M8579" i="5" s="1"/>
  <c r="I8605" i="2"/>
  <c r="I8579" i="5" s="1"/>
  <c r="K8605" i="2"/>
  <c r="K8579" i="5" s="1"/>
  <c r="O8579" i="5" s="1"/>
  <c r="K6088" i="2"/>
  <c r="K6062" i="5" s="1"/>
  <c r="O6062" i="5" s="1"/>
  <c r="J6088" i="2"/>
  <c r="J6062" i="5" s="1"/>
  <c r="N6062" i="5" s="1"/>
  <c r="L6088" i="2"/>
  <c r="L6062" i="5" s="1"/>
  <c r="M6088" i="2"/>
  <c r="M6062" i="5" s="1"/>
  <c r="I6088" i="2"/>
  <c r="I6062" i="5" s="1"/>
  <c r="J3973" i="2"/>
  <c r="J3947" i="5" s="1"/>
  <c r="N3947" i="5" s="1"/>
  <c r="L3973" i="2"/>
  <c r="L3947" i="5" s="1"/>
  <c r="I3973" i="2"/>
  <c r="I3947" i="5" s="1"/>
  <c r="M3973" i="2"/>
  <c r="M3947" i="5" s="1"/>
  <c r="K3973" i="2"/>
  <c r="K3947" i="5" s="1"/>
  <c r="O3947" i="5" s="1"/>
  <c r="M6147" i="2"/>
  <c r="M6121" i="5" s="1"/>
  <c r="L6147" i="2"/>
  <c r="L6121" i="5" s="1"/>
  <c r="I6147" i="2"/>
  <c r="I6121" i="5" s="1"/>
  <c r="K6147" i="2"/>
  <c r="K6121" i="5" s="1"/>
  <c r="O6121" i="5" s="1"/>
  <c r="J6147" i="2"/>
  <c r="J6121" i="5" s="1"/>
  <c r="N6121" i="5" s="1"/>
  <c r="L6130" i="2"/>
  <c r="L6104" i="5" s="1"/>
  <c r="I6130" i="2"/>
  <c r="I6104" i="5" s="1"/>
  <c r="K6130" i="2"/>
  <c r="K6104" i="5" s="1"/>
  <c r="O6104" i="5" s="1"/>
  <c r="M6130" i="2"/>
  <c r="M6104" i="5" s="1"/>
  <c r="J6130" i="2"/>
  <c r="J6104" i="5" s="1"/>
  <c r="N6104" i="5" s="1"/>
  <c r="L5793" i="2"/>
  <c r="L5767" i="5" s="1"/>
  <c r="M5793" i="2"/>
  <c r="M5767" i="5" s="1"/>
  <c r="J5793" i="2"/>
  <c r="J5767" i="5" s="1"/>
  <c r="N5767" i="5" s="1"/>
  <c r="I5793" i="2"/>
  <c r="I5767" i="5" s="1"/>
  <c r="K5793" i="2"/>
  <c r="K5767" i="5" s="1"/>
  <c r="O5767" i="5" s="1"/>
  <c r="I8716" i="2"/>
  <c r="I8690" i="5" s="1"/>
  <c r="K8716" i="2"/>
  <c r="K8690" i="5" s="1"/>
  <c r="O8690" i="5" s="1"/>
  <c r="M8716" i="2"/>
  <c r="M8690" i="5" s="1"/>
  <c r="L8716" i="2"/>
  <c r="L8690" i="5" s="1"/>
  <c r="J8716" i="2"/>
  <c r="J8690" i="5" s="1"/>
  <c r="N8690" i="5" s="1"/>
  <c r="I5319" i="2"/>
  <c r="I5293" i="5" s="1"/>
  <c r="K5319" i="2"/>
  <c r="K5293" i="5" s="1"/>
  <c r="O5293" i="5" s="1"/>
  <c r="J5319" i="2"/>
  <c r="J5293" i="5" s="1"/>
  <c r="N5293" i="5" s="1"/>
  <c r="L5319" i="2"/>
  <c r="L5293" i="5" s="1"/>
  <c r="M5319" i="2"/>
  <c r="M5293" i="5" s="1"/>
  <c r="K7258" i="2"/>
  <c r="K7232" i="5" s="1"/>
  <c r="O7232" i="5" s="1"/>
  <c r="L7258" i="2"/>
  <c r="L7232" i="5" s="1"/>
  <c r="M7258" i="2"/>
  <c r="M7232" i="5" s="1"/>
  <c r="I7258" i="2"/>
  <c r="I7232" i="5" s="1"/>
  <c r="J7258" i="2"/>
  <c r="J7232" i="5" s="1"/>
  <c r="N7232" i="5" s="1"/>
  <c r="C309" i="5"/>
  <c r="AR303" i="1"/>
  <c r="K6323" i="2"/>
  <c r="K6297" i="5" s="1"/>
  <c r="O6297" i="5" s="1"/>
  <c r="I6323" i="2"/>
  <c r="I6297" i="5" s="1"/>
  <c r="J6323" i="2"/>
  <c r="J6297" i="5" s="1"/>
  <c r="N6297" i="5" s="1"/>
  <c r="M6323" i="2"/>
  <c r="M6297" i="5" s="1"/>
  <c r="L6323" i="2"/>
  <c r="L6297" i="5" s="1"/>
  <c r="L6336" i="2"/>
  <c r="L6310" i="5" s="1"/>
  <c r="K6336" i="2"/>
  <c r="K6310" i="5" s="1"/>
  <c r="O6310" i="5" s="1"/>
  <c r="J6336" i="2"/>
  <c r="J6310" i="5" s="1"/>
  <c r="N6310" i="5" s="1"/>
  <c r="I6336" i="2"/>
  <c r="I6310" i="5" s="1"/>
  <c r="M6336" i="2"/>
  <c r="M6310" i="5" s="1"/>
  <c r="L7801" i="2"/>
  <c r="L7775" i="5" s="1"/>
  <c r="I7801" i="2"/>
  <c r="I7775" i="5" s="1"/>
  <c r="J7801" i="2"/>
  <c r="J7775" i="5" s="1"/>
  <c r="N7775" i="5" s="1"/>
  <c r="M7801" i="2"/>
  <c r="M7775" i="5" s="1"/>
  <c r="K7801" i="2"/>
  <c r="K7775" i="5" s="1"/>
  <c r="O7775" i="5" s="1"/>
  <c r="M6425" i="2"/>
  <c r="M6399" i="5" s="1"/>
  <c r="I6425" i="2"/>
  <c r="I6399" i="5" s="1"/>
  <c r="K6425" i="2"/>
  <c r="K6399" i="5" s="1"/>
  <c r="O6399" i="5" s="1"/>
  <c r="J6425" i="2"/>
  <c r="J6399" i="5" s="1"/>
  <c r="N6399" i="5" s="1"/>
  <c r="L6425" i="2"/>
  <c r="L6399" i="5" s="1"/>
  <c r="L8025" i="2"/>
  <c r="L7999" i="5" s="1"/>
  <c r="I8025" i="2"/>
  <c r="I7999" i="5" s="1"/>
  <c r="J8025" i="2"/>
  <c r="J7999" i="5" s="1"/>
  <c r="N7999" i="5" s="1"/>
  <c r="M8025" i="2"/>
  <c r="M7999" i="5" s="1"/>
  <c r="K8025" i="2"/>
  <c r="K7999" i="5" s="1"/>
  <c r="O7999" i="5" s="1"/>
  <c r="I5687" i="2"/>
  <c r="I5661" i="5" s="1"/>
  <c r="K5687" i="2"/>
  <c r="K5661" i="5" s="1"/>
  <c r="O5661" i="5" s="1"/>
  <c r="L5687" i="2"/>
  <c r="L5661" i="5" s="1"/>
  <c r="J5687" i="2"/>
  <c r="J5661" i="5" s="1"/>
  <c r="N5661" i="5" s="1"/>
  <c r="M5687" i="2"/>
  <c r="M5661" i="5" s="1"/>
  <c r="K4808" i="2"/>
  <c r="K4782" i="5" s="1"/>
  <c r="O4782" i="5" s="1"/>
  <c r="J4808" i="2"/>
  <c r="J4782" i="5" s="1"/>
  <c r="N4782" i="5" s="1"/>
  <c r="M4808" i="2"/>
  <c r="M4782" i="5" s="1"/>
  <c r="L4808" i="2"/>
  <c r="L4782" i="5" s="1"/>
  <c r="I4808" i="2"/>
  <c r="I4782" i="5" s="1"/>
  <c r="M8492" i="2"/>
  <c r="M8466" i="5" s="1"/>
  <c r="K8492" i="2"/>
  <c r="K8466" i="5" s="1"/>
  <c r="O8466" i="5" s="1"/>
  <c r="J8492" i="2"/>
  <c r="J8466" i="5" s="1"/>
  <c r="N8466" i="5" s="1"/>
  <c r="L8492" i="2"/>
  <c r="L8466" i="5" s="1"/>
  <c r="I8492" i="2"/>
  <c r="I8466" i="5" s="1"/>
  <c r="J8501" i="2"/>
  <c r="J8475" i="5" s="1"/>
  <c r="N8475" i="5" s="1"/>
  <c r="L8501" i="2"/>
  <c r="L8475" i="5" s="1"/>
  <c r="I8501" i="2"/>
  <c r="I8475" i="5" s="1"/>
  <c r="M8501" i="2"/>
  <c r="M8475" i="5" s="1"/>
  <c r="K8501" i="2"/>
  <c r="K8475" i="5" s="1"/>
  <c r="O8475" i="5" s="1"/>
  <c r="K6858" i="2"/>
  <c r="K6832" i="5" s="1"/>
  <c r="O6832" i="5" s="1"/>
  <c r="J6858" i="2"/>
  <c r="J6832" i="5" s="1"/>
  <c r="N6832" i="5" s="1"/>
  <c r="M6858" i="2"/>
  <c r="M6832" i="5" s="1"/>
  <c r="L6858" i="2"/>
  <c r="L6832" i="5" s="1"/>
  <c r="I6858" i="2"/>
  <c r="I6832" i="5" s="1"/>
  <c r="K6867" i="2"/>
  <c r="K6841" i="5" s="1"/>
  <c r="O6841" i="5" s="1"/>
  <c r="L6867" i="2"/>
  <c r="L6841" i="5" s="1"/>
  <c r="M6867" i="2"/>
  <c r="M6841" i="5" s="1"/>
  <c r="J6867" i="2"/>
  <c r="J6841" i="5" s="1"/>
  <c r="N6841" i="5" s="1"/>
  <c r="I6867" i="2"/>
  <c r="I6841" i="5" s="1"/>
  <c r="M150" i="2"/>
  <c r="M124" i="5" s="1"/>
  <c r="L150" i="2"/>
  <c r="L124" i="5" s="1"/>
  <c r="J150" i="2"/>
  <c r="J124" i="5" s="1"/>
  <c r="N124" i="5" s="1"/>
  <c r="I150" i="2"/>
  <c r="I124" i="5" s="1"/>
  <c r="K150" i="2"/>
  <c r="K124" i="5" s="1"/>
  <c r="O124" i="5" s="1"/>
  <c r="L8667" i="2"/>
  <c r="L8641" i="5" s="1"/>
  <c r="M8667" i="2"/>
  <c r="M8641" i="5" s="1"/>
  <c r="J8667" i="2"/>
  <c r="J8641" i="5" s="1"/>
  <c r="N8641" i="5" s="1"/>
  <c r="K8667" i="2"/>
  <c r="K8641" i="5" s="1"/>
  <c r="O8641" i="5" s="1"/>
  <c r="I8667" i="2"/>
  <c r="I8641" i="5" s="1"/>
  <c r="I4282" i="2"/>
  <c r="I4256" i="5" s="1"/>
  <c r="K4282" i="2"/>
  <c r="K4256" i="5" s="1"/>
  <c r="O4256" i="5" s="1"/>
  <c r="J4282" i="2"/>
  <c r="J4256" i="5" s="1"/>
  <c r="N4256" i="5" s="1"/>
  <c r="L4282" i="2"/>
  <c r="L4256" i="5" s="1"/>
  <c r="M4282" i="2"/>
  <c r="M4256" i="5" s="1"/>
  <c r="K6264" i="2"/>
  <c r="K6238" i="5" s="1"/>
  <c r="O6238" i="5" s="1"/>
  <c r="I6264" i="2"/>
  <c r="I6238" i="5" s="1"/>
  <c r="L6264" i="2"/>
  <c r="L6238" i="5" s="1"/>
  <c r="M6264" i="2"/>
  <c r="M6238" i="5" s="1"/>
  <c r="J6264" i="2"/>
  <c r="J6238" i="5" s="1"/>
  <c r="N6238" i="5" s="1"/>
  <c r="J7839" i="2"/>
  <c r="J7813" i="5" s="1"/>
  <c r="N7813" i="5" s="1"/>
  <c r="M7839" i="2"/>
  <c r="M7813" i="5" s="1"/>
  <c r="K7839" i="2"/>
  <c r="K7813" i="5" s="1"/>
  <c r="O7813" i="5" s="1"/>
  <c r="L7839" i="2"/>
  <c r="L7813" i="5" s="1"/>
  <c r="I7839" i="2"/>
  <c r="I7813" i="5" s="1"/>
  <c r="M626" i="2"/>
  <c r="M600" i="5" s="1"/>
  <c r="J626" i="2"/>
  <c r="J600" i="5" s="1"/>
  <c r="N600" i="5" s="1"/>
  <c r="I626" i="2"/>
  <c r="I600" i="5" s="1"/>
  <c r="K626" i="2"/>
  <c r="K600" i="5" s="1"/>
  <c r="O600" i="5" s="1"/>
  <c r="L626" i="2"/>
  <c r="L600" i="5" s="1"/>
  <c r="L2747" i="2"/>
  <c r="L2721" i="5" s="1"/>
  <c r="M2747" i="2"/>
  <c r="M2721" i="5" s="1"/>
  <c r="I2747" i="2"/>
  <c r="I2721" i="5" s="1"/>
  <c r="K2747" i="2"/>
  <c r="K2721" i="5" s="1"/>
  <c r="O2721" i="5" s="1"/>
  <c r="J2747" i="2"/>
  <c r="J2721" i="5" s="1"/>
  <c r="N2721" i="5" s="1"/>
  <c r="J1386" i="2"/>
  <c r="J1360" i="5" s="1"/>
  <c r="N1360" i="5" s="1"/>
  <c r="L1386" i="2"/>
  <c r="L1360" i="5" s="1"/>
  <c r="I1386" i="2"/>
  <c r="I1360" i="5" s="1"/>
  <c r="M1386" i="2"/>
  <c r="M1360" i="5" s="1"/>
  <c r="K1386" i="2"/>
  <c r="K1360" i="5" s="1"/>
  <c r="O1360" i="5" s="1"/>
  <c r="J1400" i="2"/>
  <c r="J1374" i="5" s="1"/>
  <c r="N1374" i="5" s="1"/>
  <c r="M1400" i="2"/>
  <c r="M1374" i="5" s="1"/>
  <c r="L1400" i="2"/>
  <c r="L1374" i="5" s="1"/>
  <c r="K1400" i="2"/>
  <c r="K1374" i="5" s="1"/>
  <c r="O1374" i="5" s="1"/>
  <c r="I1400" i="2"/>
  <c r="I1374" i="5" s="1"/>
  <c r="K562" i="2"/>
  <c r="K536" i="5" s="1"/>
  <c r="O536" i="5" s="1"/>
  <c r="M562" i="2"/>
  <c r="M536" i="5" s="1"/>
  <c r="I562" i="2"/>
  <c r="I536" i="5" s="1"/>
  <c r="L562" i="2"/>
  <c r="L536" i="5" s="1"/>
  <c r="J562" i="2"/>
  <c r="J536" i="5" s="1"/>
  <c r="N536" i="5" s="1"/>
  <c r="J7701" i="2"/>
  <c r="J7675" i="5" s="1"/>
  <c r="N7675" i="5" s="1"/>
  <c r="L7701" i="2"/>
  <c r="L7675" i="5" s="1"/>
  <c r="M7701" i="2"/>
  <c r="M7675" i="5" s="1"/>
  <c r="I7701" i="2"/>
  <c r="I7675" i="5" s="1"/>
  <c r="K7701" i="2"/>
  <c r="K7675" i="5" s="1"/>
  <c r="O7675" i="5" s="1"/>
  <c r="K8437" i="2"/>
  <c r="K8411" i="5" s="1"/>
  <c r="O8411" i="5" s="1"/>
  <c r="M8437" i="2"/>
  <c r="M8411" i="5" s="1"/>
  <c r="L8437" i="2"/>
  <c r="L8411" i="5" s="1"/>
  <c r="J8437" i="2"/>
  <c r="J8411" i="5" s="1"/>
  <c r="N8411" i="5" s="1"/>
  <c r="I8437" i="2"/>
  <c r="I8411" i="5" s="1"/>
  <c r="J5116" i="2"/>
  <c r="J5090" i="5" s="1"/>
  <c r="N5090" i="5" s="1"/>
  <c r="L5116" i="2"/>
  <c r="L5090" i="5" s="1"/>
  <c r="I5116" i="2"/>
  <c r="I5090" i="5" s="1"/>
  <c r="M5116" i="2"/>
  <c r="M5090" i="5" s="1"/>
  <c r="K5116" i="2"/>
  <c r="K5090" i="5" s="1"/>
  <c r="O5090" i="5" s="1"/>
  <c r="J1754" i="2"/>
  <c r="J1728" i="5" s="1"/>
  <c r="N1728" i="5" s="1"/>
  <c r="L1754" i="2"/>
  <c r="L1728" i="5" s="1"/>
  <c r="M1754" i="2"/>
  <c r="M1728" i="5" s="1"/>
  <c r="I1754" i="2"/>
  <c r="I1728" i="5" s="1"/>
  <c r="K1754" i="2"/>
  <c r="K1728" i="5" s="1"/>
  <c r="O1728" i="5" s="1"/>
  <c r="K3618" i="2"/>
  <c r="K3592" i="5" s="1"/>
  <c r="O3592" i="5" s="1"/>
  <c r="J3618" i="2"/>
  <c r="J3592" i="5" s="1"/>
  <c r="N3592" i="5" s="1"/>
  <c r="I3618" i="2"/>
  <c r="I3592" i="5" s="1"/>
  <c r="L3618" i="2"/>
  <c r="L3592" i="5" s="1"/>
  <c r="M3618" i="2"/>
  <c r="M3592" i="5" s="1"/>
  <c r="I2896" i="2"/>
  <c r="I2870" i="5" s="1"/>
  <c r="J2896" i="2"/>
  <c r="J2870" i="5" s="1"/>
  <c r="N2870" i="5" s="1"/>
  <c r="L2896" i="2"/>
  <c r="L2870" i="5" s="1"/>
  <c r="M2896" i="2"/>
  <c r="M2870" i="5" s="1"/>
  <c r="K2896" i="2"/>
  <c r="K2870" i="5" s="1"/>
  <c r="O2870" i="5" s="1"/>
  <c r="M6660" i="2"/>
  <c r="M6634" i="5" s="1"/>
  <c r="I6660" i="2"/>
  <c r="I6634" i="5" s="1"/>
  <c r="L6660" i="2"/>
  <c r="L6634" i="5" s="1"/>
  <c r="K6660" i="2"/>
  <c r="K6634" i="5" s="1"/>
  <c r="O6634" i="5" s="1"/>
  <c r="J6660" i="2"/>
  <c r="J6634" i="5" s="1"/>
  <c r="N6634" i="5" s="1"/>
  <c r="L5948" i="2"/>
  <c r="L5922" i="5" s="1"/>
  <c r="M5948" i="2"/>
  <c r="M5922" i="5" s="1"/>
  <c r="I5948" i="2"/>
  <c r="I5922" i="5" s="1"/>
  <c r="K5948" i="2"/>
  <c r="K5922" i="5" s="1"/>
  <c r="O5922" i="5" s="1"/>
  <c r="J5948" i="2"/>
  <c r="J5922" i="5" s="1"/>
  <c r="N5922" i="5" s="1"/>
  <c r="I4677" i="2"/>
  <c r="I4651" i="5" s="1"/>
  <c r="K4677" i="2"/>
  <c r="K4651" i="5" s="1"/>
  <c r="O4651" i="5" s="1"/>
  <c r="J4677" i="2"/>
  <c r="J4651" i="5" s="1"/>
  <c r="N4651" i="5" s="1"/>
  <c r="L4677" i="2"/>
  <c r="L4651" i="5" s="1"/>
  <c r="M4677" i="2"/>
  <c r="M4651" i="5" s="1"/>
  <c r="I6154" i="2"/>
  <c r="I6128" i="5" s="1"/>
  <c r="L6154" i="2"/>
  <c r="L6128" i="5" s="1"/>
  <c r="K6154" i="2"/>
  <c r="K6128" i="5" s="1"/>
  <c r="O6128" i="5" s="1"/>
  <c r="J6154" i="2"/>
  <c r="J6128" i="5" s="1"/>
  <c r="N6128" i="5" s="1"/>
  <c r="M6154" i="2"/>
  <c r="M6128" i="5" s="1"/>
  <c r="L6161" i="2"/>
  <c r="L6135" i="5" s="1"/>
  <c r="J6161" i="2"/>
  <c r="J6135" i="5" s="1"/>
  <c r="N6135" i="5" s="1"/>
  <c r="M6161" i="2"/>
  <c r="M6135" i="5" s="1"/>
  <c r="I6161" i="2"/>
  <c r="I6135" i="5" s="1"/>
  <c r="K6161" i="2"/>
  <c r="K6135" i="5" s="1"/>
  <c r="O6135" i="5" s="1"/>
  <c r="J2447" i="2"/>
  <c r="J2421" i="5" s="1"/>
  <c r="N2421" i="5" s="1"/>
  <c r="L2447" i="2"/>
  <c r="L2421" i="5" s="1"/>
  <c r="I2447" i="2"/>
  <c r="I2421" i="5" s="1"/>
  <c r="M2447" i="2"/>
  <c r="M2421" i="5" s="1"/>
  <c r="K2447" i="2"/>
  <c r="K2421" i="5" s="1"/>
  <c r="O2421" i="5" s="1"/>
  <c r="J2454" i="2"/>
  <c r="J2428" i="5" s="1"/>
  <c r="N2428" i="5" s="1"/>
  <c r="L2454" i="2"/>
  <c r="L2428" i="5" s="1"/>
  <c r="M2454" i="2"/>
  <c r="M2428" i="5" s="1"/>
  <c r="I2454" i="2"/>
  <c r="I2428" i="5" s="1"/>
  <c r="K2454" i="2"/>
  <c r="K2428" i="5" s="1"/>
  <c r="O2428" i="5" s="1"/>
  <c r="J2614" i="2"/>
  <c r="J2588" i="5" s="1"/>
  <c r="N2588" i="5" s="1"/>
  <c r="L2614" i="2"/>
  <c r="L2588" i="5" s="1"/>
  <c r="M2614" i="2"/>
  <c r="M2588" i="5" s="1"/>
  <c r="I2614" i="2"/>
  <c r="I2588" i="5" s="1"/>
  <c r="K2614" i="2"/>
  <c r="K2588" i="5" s="1"/>
  <c r="O2588" i="5" s="1"/>
  <c r="L8370" i="2"/>
  <c r="L8344" i="5" s="1"/>
  <c r="I8370" i="2"/>
  <c r="I8344" i="5" s="1"/>
  <c r="M8370" i="2"/>
  <c r="M8344" i="5" s="1"/>
  <c r="K8370" i="2"/>
  <c r="K8344" i="5" s="1"/>
  <c r="O8344" i="5" s="1"/>
  <c r="J8370" i="2"/>
  <c r="J8344" i="5" s="1"/>
  <c r="N8344" i="5" s="1"/>
  <c r="J8378" i="2"/>
  <c r="J8352" i="5" s="1"/>
  <c r="N8352" i="5" s="1"/>
  <c r="M8378" i="2"/>
  <c r="M8352" i="5" s="1"/>
  <c r="I8378" i="2"/>
  <c r="I8352" i="5" s="1"/>
  <c r="L8378" i="2"/>
  <c r="L8352" i="5" s="1"/>
  <c r="K8378" i="2"/>
  <c r="K8352" i="5" s="1"/>
  <c r="O8352" i="5" s="1"/>
  <c r="J1624" i="2"/>
  <c r="J1598" i="5" s="1"/>
  <c r="N1598" i="5" s="1"/>
  <c r="L1624" i="2"/>
  <c r="L1598" i="5" s="1"/>
  <c r="K1624" i="2"/>
  <c r="K1598" i="5" s="1"/>
  <c r="O1598" i="5" s="1"/>
  <c r="M1624" i="2"/>
  <c r="M1598" i="5" s="1"/>
  <c r="I1624" i="2"/>
  <c r="I1598" i="5" s="1"/>
  <c r="M3164" i="2"/>
  <c r="M3138" i="5" s="1"/>
  <c r="I3164" i="2"/>
  <c r="I3138" i="5" s="1"/>
  <c r="K3164" i="2"/>
  <c r="K3138" i="5" s="1"/>
  <c r="O3138" i="5" s="1"/>
  <c r="J3164" i="2"/>
  <c r="J3138" i="5" s="1"/>
  <c r="N3138" i="5" s="1"/>
  <c r="L3164" i="2"/>
  <c r="L3138" i="5" s="1"/>
  <c r="K3452" i="2"/>
  <c r="K3426" i="5" s="1"/>
  <c r="O3426" i="5" s="1"/>
  <c r="J3452" i="2"/>
  <c r="J3426" i="5" s="1"/>
  <c r="N3426" i="5" s="1"/>
  <c r="L3452" i="2"/>
  <c r="L3426" i="5" s="1"/>
  <c r="M3452" i="2"/>
  <c r="M3426" i="5" s="1"/>
  <c r="I3452" i="2"/>
  <c r="I3426" i="5" s="1"/>
  <c r="I913" i="2"/>
  <c r="I887" i="5" s="1"/>
  <c r="K913" i="2"/>
  <c r="K887" i="5" s="1"/>
  <c r="O887" i="5" s="1"/>
  <c r="M913" i="2"/>
  <c r="M887" i="5" s="1"/>
  <c r="J913" i="2"/>
  <c r="J887" i="5" s="1"/>
  <c r="N887" i="5" s="1"/>
  <c r="L913" i="2"/>
  <c r="L887" i="5" s="1"/>
  <c r="I899" i="2"/>
  <c r="I873" i="5" s="1"/>
  <c r="K899" i="2"/>
  <c r="K873" i="5" s="1"/>
  <c r="O873" i="5" s="1"/>
  <c r="J899" i="2"/>
  <c r="J873" i="5" s="1"/>
  <c r="N873" i="5" s="1"/>
  <c r="L899" i="2"/>
  <c r="L873" i="5" s="1"/>
  <c r="M899" i="2"/>
  <c r="M873" i="5" s="1"/>
  <c r="I7945" i="2"/>
  <c r="I7919" i="5" s="1"/>
  <c r="K7945" i="2"/>
  <c r="K7919" i="5" s="1"/>
  <c r="O7919" i="5" s="1"/>
  <c r="J7945" i="2"/>
  <c r="J7919" i="5" s="1"/>
  <c r="N7919" i="5" s="1"/>
  <c r="M7945" i="2"/>
  <c r="M7919" i="5" s="1"/>
  <c r="L7945" i="2"/>
  <c r="L7919" i="5" s="1"/>
  <c r="L1921" i="2"/>
  <c r="L1895" i="5" s="1"/>
  <c r="I1921" i="2"/>
  <c r="I1895" i="5" s="1"/>
  <c r="M1921" i="2"/>
  <c r="M1895" i="5" s="1"/>
  <c r="K1921" i="2"/>
  <c r="K1895" i="5" s="1"/>
  <c r="O1895" i="5" s="1"/>
  <c r="J1921" i="2"/>
  <c r="J1895" i="5" s="1"/>
  <c r="N1895" i="5" s="1"/>
  <c r="M2738" i="2"/>
  <c r="M2712" i="5" s="1"/>
  <c r="I2738" i="2"/>
  <c r="I2712" i="5" s="1"/>
  <c r="K2738" i="2"/>
  <c r="K2712" i="5" s="1"/>
  <c r="O2712" i="5" s="1"/>
  <c r="L2738" i="2"/>
  <c r="L2712" i="5" s="1"/>
  <c r="J2738" i="2"/>
  <c r="J2712" i="5" s="1"/>
  <c r="N2712" i="5" s="1"/>
  <c r="I2990" i="2"/>
  <c r="I2964" i="5" s="1"/>
  <c r="K2990" i="2"/>
  <c r="K2964" i="5" s="1"/>
  <c r="O2964" i="5" s="1"/>
  <c r="J2990" i="2"/>
  <c r="J2964" i="5" s="1"/>
  <c r="N2964" i="5" s="1"/>
  <c r="L2990" i="2"/>
  <c r="L2964" i="5" s="1"/>
  <c r="M2990" i="2"/>
  <c r="M2964" i="5" s="1"/>
  <c r="L315" i="2"/>
  <c r="L289" i="5" s="1"/>
  <c r="J315" i="2"/>
  <c r="J289" i="5" s="1"/>
  <c r="N289" i="5" s="1"/>
  <c r="M315" i="2"/>
  <c r="M289" i="5" s="1"/>
  <c r="I315" i="2"/>
  <c r="I289" i="5" s="1"/>
  <c r="K315" i="2"/>
  <c r="K289" i="5" s="1"/>
  <c r="O289" i="5" s="1"/>
  <c r="K7477" i="2"/>
  <c r="K7451" i="5" s="1"/>
  <c r="O7451" i="5" s="1"/>
  <c r="J7477" i="2"/>
  <c r="J7451" i="5" s="1"/>
  <c r="N7451" i="5" s="1"/>
  <c r="L7477" i="2"/>
  <c r="L7451" i="5" s="1"/>
  <c r="M7477" i="2"/>
  <c r="M7451" i="5" s="1"/>
  <c r="I7477" i="2"/>
  <c r="I7451" i="5" s="1"/>
  <c r="I7522" i="2"/>
  <c r="I7496" i="5" s="1"/>
  <c r="L7522" i="2"/>
  <c r="L7496" i="5" s="1"/>
  <c r="M7522" i="2"/>
  <c r="M7496" i="5" s="1"/>
  <c r="J7522" i="2"/>
  <c r="J7496" i="5" s="1"/>
  <c r="N7496" i="5" s="1"/>
  <c r="K7522" i="2"/>
  <c r="K7496" i="5" s="1"/>
  <c r="O7496" i="5" s="1"/>
  <c r="L5185" i="2"/>
  <c r="L5159" i="5" s="1"/>
  <c r="M5185" i="2"/>
  <c r="M5159" i="5" s="1"/>
  <c r="I5185" i="2"/>
  <c r="I5159" i="5" s="1"/>
  <c r="K5185" i="2"/>
  <c r="K5159" i="5" s="1"/>
  <c r="O5159" i="5" s="1"/>
  <c r="J5185" i="2"/>
  <c r="J5159" i="5" s="1"/>
  <c r="N5159" i="5" s="1"/>
  <c r="J5177" i="2"/>
  <c r="J5151" i="5" s="1"/>
  <c r="N5151" i="5" s="1"/>
  <c r="L5177" i="2"/>
  <c r="L5151" i="5" s="1"/>
  <c r="M5177" i="2"/>
  <c r="M5151" i="5" s="1"/>
  <c r="I5177" i="2"/>
  <c r="I5151" i="5" s="1"/>
  <c r="K5177" i="2"/>
  <c r="K5151" i="5" s="1"/>
  <c r="O5151" i="5" s="1"/>
  <c r="M3809" i="2"/>
  <c r="M3783" i="5" s="1"/>
  <c r="J3809" i="2"/>
  <c r="J3783" i="5" s="1"/>
  <c r="N3783" i="5" s="1"/>
  <c r="I3809" i="2"/>
  <c r="I3783" i="5" s="1"/>
  <c r="L3809" i="2"/>
  <c r="L3783" i="5" s="1"/>
  <c r="K3809" i="2"/>
  <c r="K3783" i="5" s="1"/>
  <c r="O3783" i="5" s="1"/>
  <c r="M432" i="2"/>
  <c r="M406" i="5" s="1"/>
  <c r="I432" i="2"/>
  <c r="I406" i="5" s="1"/>
  <c r="K432" i="2"/>
  <c r="K406" i="5" s="1"/>
  <c r="O406" i="5" s="1"/>
  <c r="J432" i="2"/>
  <c r="J406" i="5" s="1"/>
  <c r="N406" i="5" s="1"/>
  <c r="L432" i="2"/>
  <c r="L406" i="5" s="1"/>
  <c r="J4330" i="2"/>
  <c r="J4304" i="5" s="1"/>
  <c r="N4304" i="5" s="1"/>
  <c r="L4330" i="2"/>
  <c r="L4304" i="5" s="1"/>
  <c r="I4330" i="2"/>
  <c r="I4304" i="5" s="1"/>
  <c r="K4330" i="2"/>
  <c r="K4304" i="5" s="1"/>
  <c r="O4304" i="5" s="1"/>
  <c r="M4330" i="2"/>
  <c r="M4304" i="5" s="1"/>
  <c r="M967" i="2"/>
  <c r="M941" i="5" s="1"/>
  <c r="L967" i="2"/>
  <c r="L941" i="5" s="1"/>
  <c r="I967" i="2"/>
  <c r="I941" i="5" s="1"/>
  <c r="K967" i="2"/>
  <c r="K941" i="5" s="1"/>
  <c r="O941" i="5" s="1"/>
  <c r="J967" i="2"/>
  <c r="J941" i="5" s="1"/>
  <c r="N941" i="5" s="1"/>
  <c r="M83" i="2"/>
  <c r="M57" i="5" s="1"/>
  <c r="L83" i="2"/>
  <c r="L57" i="5" s="1"/>
  <c r="I83" i="2"/>
  <c r="I57" i="5" s="1"/>
  <c r="K83" i="2"/>
  <c r="K57" i="5" s="1"/>
  <c r="O57" i="5" s="1"/>
  <c r="J83" i="2"/>
  <c r="J57" i="5" s="1"/>
  <c r="N57" i="5" s="1"/>
  <c r="M1952" i="2"/>
  <c r="M1926" i="5" s="1"/>
  <c r="J1952" i="2"/>
  <c r="J1926" i="5" s="1"/>
  <c r="N1926" i="5" s="1"/>
  <c r="I1952" i="2"/>
  <c r="I1926" i="5" s="1"/>
  <c r="K1952" i="2"/>
  <c r="K1926" i="5" s="1"/>
  <c r="O1926" i="5" s="1"/>
  <c r="L1952" i="2"/>
  <c r="L1926" i="5" s="1"/>
  <c r="L8333" i="2"/>
  <c r="L8307" i="5" s="1"/>
  <c r="M8333" i="2"/>
  <c r="M8307" i="5" s="1"/>
  <c r="I8333" i="2"/>
  <c r="I8307" i="5" s="1"/>
  <c r="K8333" i="2"/>
  <c r="K8307" i="5" s="1"/>
  <c r="O8307" i="5" s="1"/>
  <c r="J8333" i="2"/>
  <c r="J8307" i="5" s="1"/>
  <c r="N8307" i="5" s="1"/>
  <c r="J8323" i="2"/>
  <c r="J8297" i="5" s="1"/>
  <c r="N8297" i="5" s="1"/>
  <c r="L8323" i="2"/>
  <c r="L8297" i="5" s="1"/>
  <c r="M8323" i="2"/>
  <c r="M8297" i="5" s="1"/>
  <c r="I8323" i="2"/>
  <c r="I8297" i="5" s="1"/>
  <c r="K8323" i="2"/>
  <c r="K8297" i="5" s="1"/>
  <c r="O8297" i="5" s="1"/>
  <c r="I8531" i="2"/>
  <c r="I8505" i="5" s="1"/>
  <c r="K8531" i="2"/>
  <c r="K8505" i="5" s="1"/>
  <c r="O8505" i="5" s="1"/>
  <c r="J8531" i="2"/>
  <c r="J8505" i="5" s="1"/>
  <c r="N8505" i="5" s="1"/>
  <c r="M8531" i="2"/>
  <c r="M8505" i="5" s="1"/>
  <c r="L8531" i="2"/>
  <c r="L8505" i="5" s="1"/>
  <c r="M445" i="2"/>
  <c r="M419" i="5" s="1"/>
  <c r="I445" i="2"/>
  <c r="I419" i="5" s="1"/>
  <c r="K445" i="2"/>
  <c r="K419" i="5" s="1"/>
  <c r="O419" i="5" s="1"/>
  <c r="J445" i="2"/>
  <c r="J419" i="5" s="1"/>
  <c r="N419" i="5" s="1"/>
  <c r="L445" i="2"/>
  <c r="L419" i="5" s="1"/>
  <c r="K443" i="2"/>
  <c r="K417" i="5" s="1"/>
  <c r="O417" i="5" s="1"/>
  <c r="J443" i="2"/>
  <c r="J417" i="5" s="1"/>
  <c r="N417" i="5" s="1"/>
  <c r="M443" i="2"/>
  <c r="M417" i="5" s="1"/>
  <c r="L443" i="2"/>
  <c r="L417" i="5" s="1"/>
  <c r="I443" i="2"/>
  <c r="I417" i="5" s="1"/>
  <c r="J2317" i="2"/>
  <c r="J2291" i="5" s="1"/>
  <c r="N2291" i="5" s="1"/>
  <c r="M2317" i="2"/>
  <c r="M2291" i="5" s="1"/>
  <c r="I2317" i="2"/>
  <c r="I2291" i="5" s="1"/>
  <c r="K2317" i="2"/>
  <c r="K2291" i="5" s="1"/>
  <c r="O2291" i="5" s="1"/>
  <c r="L2317" i="2"/>
  <c r="L2291" i="5" s="1"/>
  <c r="J4600" i="2"/>
  <c r="J4574" i="5" s="1"/>
  <c r="N4574" i="5" s="1"/>
  <c r="I4600" i="2"/>
  <c r="I4574" i="5" s="1"/>
  <c r="K4600" i="2"/>
  <c r="K4574" i="5" s="1"/>
  <c r="O4574" i="5" s="1"/>
  <c r="M4600" i="2"/>
  <c r="M4574" i="5" s="1"/>
  <c r="L4600" i="2"/>
  <c r="L4574" i="5" s="1"/>
  <c r="J4609" i="2"/>
  <c r="J4583" i="5" s="1"/>
  <c r="N4583" i="5" s="1"/>
  <c r="L4609" i="2"/>
  <c r="L4583" i="5" s="1"/>
  <c r="M4609" i="2"/>
  <c r="M4583" i="5" s="1"/>
  <c r="I4609" i="2"/>
  <c r="I4583" i="5" s="1"/>
  <c r="K4609" i="2"/>
  <c r="K4583" i="5" s="1"/>
  <c r="O4583" i="5" s="1"/>
  <c r="M4272" i="2"/>
  <c r="M4246" i="5" s="1"/>
  <c r="J4272" i="2"/>
  <c r="J4246" i="5" s="1"/>
  <c r="N4246" i="5" s="1"/>
  <c r="L4272" i="2"/>
  <c r="L4246" i="5" s="1"/>
  <c r="I4272" i="2"/>
  <c r="I4246" i="5" s="1"/>
  <c r="K4272" i="2"/>
  <c r="K4246" i="5" s="1"/>
  <c r="O4246" i="5" s="1"/>
  <c r="J4260" i="2"/>
  <c r="J4234" i="5" s="1"/>
  <c r="N4234" i="5" s="1"/>
  <c r="M4260" i="2"/>
  <c r="M4234" i="5" s="1"/>
  <c r="L4260" i="2"/>
  <c r="L4234" i="5" s="1"/>
  <c r="I4260" i="2"/>
  <c r="I4234" i="5" s="1"/>
  <c r="K4260" i="2"/>
  <c r="K4234" i="5" s="1"/>
  <c r="O4234" i="5" s="1"/>
  <c r="K733" i="2"/>
  <c r="K707" i="5" s="1"/>
  <c r="O707" i="5" s="1"/>
  <c r="M733" i="2"/>
  <c r="M707" i="5" s="1"/>
  <c r="J733" i="2"/>
  <c r="J707" i="5" s="1"/>
  <c r="N707" i="5" s="1"/>
  <c r="L733" i="2"/>
  <c r="L707" i="5" s="1"/>
  <c r="I733" i="2"/>
  <c r="I707" i="5" s="1"/>
  <c r="J730" i="2"/>
  <c r="J704" i="5" s="1"/>
  <c r="N704" i="5" s="1"/>
  <c r="M730" i="2"/>
  <c r="M704" i="5" s="1"/>
  <c r="L730" i="2"/>
  <c r="L704" i="5" s="1"/>
  <c r="K730" i="2"/>
  <c r="K704" i="5" s="1"/>
  <c r="O704" i="5" s="1"/>
  <c r="I730" i="2"/>
  <c r="I704" i="5" s="1"/>
  <c r="I4082" i="2"/>
  <c r="I4056" i="5" s="1"/>
  <c r="K4082" i="2"/>
  <c r="K4056" i="5" s="1"/>
  <c r="O4056" i="5" s="1"/>
  <c r="L4082" i="2"/>
  <c r="L4056" i="5" s="1"/>
  <c r="J4082" i="2"/>
  <c r="J4056" i="5" s="1"/>
  <c r="N4056" i="5" s="1"/>
  <c r="M4082" i="2"/>
  <c r="M4056" i="5" s="1"/>
  <c r="J7182" i="2"/>
  <c r="J7156" i="5" s="1"/>
  <c r="N7156" i="5" s="1"/>
  <c r="L7182" i="2"/>
  <c r="L7156" i="5" s="1"/>
  <c r="I7182" i="2"/>
  <c r="I7156" i="5" s="1"/>
  <c r="K7182" i="2"/>
  <c r="K7156" i="5" s="1"/>
  <c r="O7156" i="5" s="1"/>
  <c r="M7182" i="2"/>
  <c r="M7156" i="5" s="1"/>
  <c r="M726" i="2"/>
  <c r="M700" i="5" s="1"/>
  <c r="L726" i="2"/>
  <c r="L700" i="5" s="1"/>
  <c r="I726" i="2"/>
  <c r="I700" i="5" s="1"/>
  <c r="K726" i="2"/>
  <c r="K700" i="5" s="1"/>
  <c r="O700" i="5" s="1"/>
  <c r="J726" i="2"/>
  <c r="J700" i="5" s="1"/>
  <c r="N700" i="5" s="1"/>
  <c r="J7598" i="2"/>
  <c r="J7572" i="5" s="1"/>
  <c r="N7572" i="5" s="1"/>
  <c r="L7598" i="2"/>
  <c r="L7572" i="5" s="1"/>
  <c r="M7598" i="2"/>
  <c r="M7572" i="5" s="1"/>
  <c r="I7598" i="2"/>
  <c r="I7572" i="5" s="1"/>
  <c r="K7598" i="2"/>
  <c r="K7572" i="5" s="1"/>
  <c r="O7572" i="5" s="1"/>
  <c r="J7606" i="2"/>
  <c r="J7580" i="5" s="1"/>
  <c r="N7580" i="5" s="1"/>
  <c r="M7606" i="2"/>
  <c r="M7580" i="5" s="1"/>
  <c r="I7606" i="2"/>
  <c r="I7580" i="5" s="1"/>
  <c r="L7606" i="2"/>
  <c r="L7580" i="5" s="1"/>
  <c r="K7606" i="2"/>
  <c r="K7580" i="5" s="1"/>
  <c r="O7580" i="5" s="1"/>
  <c r="L5617" i="2"/>
  <c r="L5591" i="5" s="1"/>
  <c r="M5617" i="2"/>
  <c r="M5591" i="5" s="1"/>
  <c r="I5617" i="2"/>
  <c r="I5591" i="5" s="1"/>
  <c r="K5617" i="2"/>
  <c r="K5591" i="5" s="1"/>
  <c r="O5591" i="5" s="1"/>
  <c r="J5617" i="2"/>
  <c r="J5591" i="5" s="1"/>
  <c r="N5591" i="5" s="1"/>
  <c r="J8186" i="2"/>
  <c r="J8160" i="5" s="1"/>
  <c r="N8160" i="5" s="1"/>
  <c r="M8186" i="2"/>
  <c r="M8160" i="5" s="1"/>
  <c r="L8186" i="2"/>
  <c r="L8160" i="5" s="1"/>
  <c r="I8186" i="2"/>
  <c r="I8160" i="5" s="1"/>
  <c r="K8186" i="2"/>
  <c r="K8160" i="5" s="1"/>
  <c r="O8160" i="5" s="1"/>
  <c r="J8172" i="2"/>
  <c r="J8146" i="5" s="1"/>
  <c r="N8146" i="5" s="1"/>
  <c r="L8172" i="2"/>
  <c r="L8146" i="5" s="1"/>
  <c r="M8172" i="2"/>
  <c r="M8146" i="5" s="1"/>
  <c r="I8172" i="2"/>
  <c r="I8146" i="5" s="1"/>
  <c r="K8172" i="2"/>
  <c r="K8146" i="5" s="1"/>
  <c r="O8146" i="5" s="1"/>
  <c r="J1138" i="2"/>
  <c r="J1112" i="5" s="1"/>
  <c r="N1112" i="5" s="1"/>
  <c r="M1138" i="2"/>
  <c r="M1112" i="5" s="1"/>
  <c r="I1138" i="2"/>
  <c r="I1112" i="5" s="1"/>
  <c r="K1138" i="2"/>
  <c r="K1112" i="5" s="1"/>
  <c r="O1112" i="5" s="1"/>
  <c r="L1138" i="2"/>
  <c r="L1112" i="5" s="1"/>
  <c r="J1150" i="2"/>
  <c r="J1124" i="5" s="1"/>
  <c r="N1124" i="5" s="1"/>
  <c r="L1150" i="2"/>
  <c r="L1124" i="5" s="1"/>
  <c r="I1150" i="2"/>
  <c r="I1124" i="5" s="1"/>
  <c r="K1150" i="2"/>
  <c r="K1124" i="5" s="1"/>
  <c r="O1124" i="5" s="1"/>
  <c r="M1150" i="2"/>
  <c r="M1124" i="5" s="1"/>
  <c r="J2470" i="2"/>
  <c r="J2444" i="5" s="1"/>
  <c r="N2444" i="5" s="1"/>
  <c r="M2470" i="2"/>
  <c r="M2444" i="5" s="1"/>
  <c r="L2470" i="2"/>
  <c r="L2444" i="5" s="1"/>
  <c r="I2470" i="2"/>
  <c r="I2444" i="5" s="1"/>
  <c r="K2470" i="2"/>
  <c r="K2444" i="5" s="1"/>
  <c r="O2444" i="5" s="1"/>
  <c r="K933" i="2"/>
  <c r="K907" i="5" s="1"/>
  <c r="O907" i="5" s="1"/>
  <c r="M933" i="2"/>
  <c r="M907" i="5" s="1"/>
  <c r="J933" i="2"/>
  <c r="J907" i="5" s="1"/>
  <c r="N907" i="5" s="1"/>
  <c r="L933" i="2"/>
  <c r="L907" i="5" s="1"/>
  <c r="I933" i="2"/>
  <c r="I907" i="5" s="1"/>
  <c r="I784" i="2"/>
  <c r="I758" i="5" s="1"/>
  <c r="K784" i="2"/>
  <c r="K758" i="5" s="1"/>
  <c r="O758" i="5" s="1"/>
  <c r="J784" i="2"/>
  <c r="J758" i="5" s="1"/>
  <c r="N758" i="5" s="1"/>
  <c r="L784" i="2"/>
  <c r="L758" i="5" s="1"/>
  <c r="M784" i="2"/>
  <c r="M758" i="5" s="1"/>
  <c r="J587" i="2"/>
  <c r="J561" i="5" s="1"/>
  <c r="N561" i="5" s="1"/>
  <c r="K587" i="2"/>
  <c r="K561" i="5" s="1"/>
  <c r="O561" i="5" s="1"/>
  <c r="L587" i="2"/>
  <c r="L561" i="5" s="1"/>
  <c r="M587" i="2"/>
  <c r="M561" i="5" s="1"/>
  <c r="I587" i="2"/>
  <c r="I561" i="5" s="1"/>
  <c r="J7337" i="2"/>
  <c r="J7311" i="5" s="1"/>
  <c r="N7311" i="5" s="1"/>
  <c r="L7337" i="2"/>
  <c r="L7311" i="5" s="1"/>
  <c r="I7337" i="2"/>
  <c r="I7311" i="5" s="1"/>
  <c r="K7337" i="2"/>
  <c r="K7311" i="5" s="1"/>
  <c r="O7311" i="5" s="1"/>
  <c r="M7337" i="2"/>
  <c r="M7311" i="5" s="1"/>
  <c r="M2827" i="2"/>
  <c r="M2801" i="5" s="1"/>
  <c r="K2827" i="2"/>
  <c r="K2801" i="5" s="1"/>
  <c r="O2801" i="5" s="1"/>
  <c r="L2827" i="2"/>
  <c r="L2801" i="5" s="1"/>
  <c r="I2827" i="2"/>
  <c r="I2801" i="5" s="1"/>
  <c r="J2827" i="2"/>
  <c r="J2801" i="5" s="1"/>
  <c r="N2801" i="5" s="1"/>
  <c r="I4954" i="2"/>
  <c r="I4928" i="5" s="1"/>
  <c r="K4954" i="2"/>
  <c r="K4928" i="5" s="1"/>
  <c r="O4928" i="5" s="1"/>
  <c r="J4954" i="2"/>
  <c r="J4928" i="5" s="1"/>
  <c r="N4928" i="5" s="1"/>
  <c r="L4954" i="2"/>
  <c r="L4928" i="5" s="1"/>
  <c r="M4954" i="2"/>
  <c r="M4928" i="5" s="1"/>
  <c r="I1441" i="2"/>
  <c r="I1415" i="5" s="1"/>
  <c r="L1441" i="2"/>
  <c r="L1415" i="5" s="1"/>
  <c r="K1441" i="2"/>
  <c r="K1415" i="5" s="1"/>
  <c r="O1415" i="5" s="1"/>
  <c r="J1441" i="2"/>
  <c r="J1415" i="5" s="1"/>
  <c r="N1415" i="5" s="1"/>
  <c r="M1441" i="2"/>
  <c r="M1415" i="5" s="1"/>
  <c r="L1764" i="2"/>
  <c r="L1738" i="5" s="1"/>
  <c r="M1764" i="2"/>
  <c r="M1738" i="5" s="1"/>
  <c r="I1764" i="2"/>
  <c r="I1738" i="5" s="1"/>
  <c r="J1764" i="2"/>
  <c r="J1738" i="5" s="1"/>
  <c r="N1738" i="5" s="1"/>
  <c r="K1764" i="2"/>
  <c r="K1738" i="5" s="1"/>
  <c r="O1738" i="5" s="1"/>
  <c r="I8122" i="2"/>
  <c r="I8096" i="5" s="1"/>
  <c r="M8122" i="2"/>
  <c r="M8096" i="5" s="1"/>
  <c r="K8122" i="2"/>
  <c r="K8096" i="5" s="1"/>
  <c r="O8096" i="5" s="1"/>
  <c r="J8122" i="2"/>
  <c r="J8096" i="5" s="1"/>
  <c r="N8096" i="5" s="1"/>
  <c r="L8122" i="2"/>
  <c r="L8096" i="5" s="1"/>
  <c r="J5597" i="2"/>
  <c r="J5571" i="5" s="1"/>
  <c r="N5571" i="5" s="1"/>
  <c r="M5597" i="2"/>
  <c r="M5571" i="5" s="1"/>
  <c r="L5597" i="2"/>
  <c r="L5571" i="5" s="1"/>
  <c r="I5597" i="2"/>
  <c r="I5571" i="5" s="1"/>
  <c r="K5597" i="2"/>
  <c r="K5571" i="5" s="1"/>
  <c r="O5571" i="5" s="1"/>
  <c r="K1561" i="2"/>
  <c r="K1535" i="5" s="1"/>
  <c r="O1535" i="5" s="1"/>
  <c r="L1561" i="2"/>
  <c r="L1535" i="5" s="1"/>
  <c r="I1561" i="2"/>
  <c r="I1535" i="5" s="1"/>
  <c r="J1561" i="2"/>
  <c r="J1535" i="5" s="1"/>
  <c r="N1535" i="5" s="1"/>
  <c r="M1561" i="2"/>
  <c r="M1535" i="5" s="1"/>
  <c r="J1546" i="2"/>
  <c r="J1520" i="5" s="1"/>
  <c r="N1520" i="5" s="1"/>
  <c r="M1546" i="2"/>
  <c r="M1520" i="5" s="1"/>
  <c r="L1546" i="2"/>
  <c r="L1520" i="5" s="1"/>
  <c r="I1546" i="2"/>
  <c r="I1520" i="5" s="1"/>
  <c r="K1546" i="2"/>
  <c r="K1520" i="5" s="1"/>
  <c r="O1520" i="5" s="1"/>
  <c r="L274" i="2"/>
  <c r="L248" i="5" s="1"/>
  <c r="J274" i="2"/>
  <c r="J248" i="5" s="1"/>
  <c r="N248" i="5" s="1"/>
  <c r="I274" i="2"/>
  <c r="I248" i="5" s="1"/>
  <c r="M274" i="2"/>
  <c r="M248" i="5" s="1"/>
  <c r="K274" i="2"/>
  <c r="K248" i="5" s="1"/>
  <c r="O248" i="5" s="1"/>
  <c r="L6457" i="2"/>
  <c r="L6431" i="5" s="1"/>
  <c r="M6457" i="2"/>
  <c r="M6431" i="5" s="1"/>
  <c r="I6457" i="2"/>
  <c r="I6431" i="5" s="1"/>
  <c r="K6457" i="2"/>
  <c r="K6431" i="5" s="1"/>
  <c r="O6431" i="5" s="1"/>
  <c r="J6457" i="2"/>
  <c r="J6431" i="5" s="1"/>
  <c r="N6431" i="5" s="1"/>
  <c r="M6463" i="2"/>
  <c r="M6437" i="5" s="1"/>
  <c r="J6463" i="2"/>
  <c r="J6437" i="5" s="1"/>
  <c r="N6437" i="5" s="1"/>
  <c r="I6463" i="2"/>
  <c r="I6437" i="5" s="1"/>
  <c r="K6463" i="2"/>
  <c r="K6437" i="5" s="1"/>
  <c r="O6437" i="5" s="1"/>
  <c r="L6463" i="2"/>
  <c r="L6437" i="5" s="1"/>
  <c r="L2573" i="2"/>
  <c r="L2547" i="5" s="1"/>
  <c r="M2573" i="2"/>
  <c r="M2547" i="5" s="1"/>
  <c r="I2573" i="2"/>
  <c r="I2547" i="5" s="1"/>
  <c r="K2573" i="2"/>
  <c r="K2547" i="5" s="1"/>
  <c r="O2547" i="5" s="1"/>
  <c r="J2573" i="2"/>
  <c r="J2547" i="5" s="1"/>
  <c r="N2547" i="5" s="1"/>
  <c r="J2576" i="2"/>
  <c r="J2550" i="5" s="1"/>
  <c r="N2550" i="5" s="1"/>
  <c r="L2576" i="2"/>
  <c r="L2550" i="5" s="1"/>
  <c r="M2576" i="2"/>
  <c r="M2550" i="5" s="1"/>
  <c r="I2576" i="2"/>
  <c r="I2550" i="5" s="1"/>
  <c r="K2576" i="2"/>
  <c r="K2550" i="5" s="1"/>
  <c r="O2550" i="5" s="1"/>
  <c r="I3233" i="2"/>
  <c r="I3207" i="5" s="1"/>
  <c r="K3233" i="2"/>
  <c r="K3207" i="5" s="1"/>
  <c r="O3207" i="5" s="1"/>
  <c r="M3233" i="2"/>
  <c r="M3207" i="5" s="1"/>
  <c r="J3233" i="2"/>
  <c r="J3207" i="5" s="1"/>
  <c r="N3207" i="5" s="1"/>
  <c r="L3233" i="2"/>
  <c r="L3207" i="5" s="1"/>
  <c r="I3745" i="2"/>
  <c r="I3719" i="5" s="1"/>
  <c r="J3745" i="2"/>
  <c r="J3719" i="5" s="1"/>
  <c r="N3719" i="5" s="1"/>
  <c r="M3745" i="2"/>
  <c r="M3719" i="5" s="1"/>
  <c r="K3745" i="2"/>
  <c r="K3719" i="5" s="1"/>
  <c r="O3719" i="5" s="1"/>
  <c r="L3745" i="2"/>
  <c r="L3719" i="5" s="1"/>
  <c r="I2085" i="2"/>
  <c r="I2059" i="5" s="1"/>
  <c r="K2085" i="2"/>
  <c r="K2059" i="5" s="1"/>
  <c r="O2059" i="5" s="1"/>
  <c r="L2085" i="2"/>
  <c r="L2059" i="5" s="1"/>
  <c r="M2085" i="2"/>
  <c r="M2059" i="5" s="1"/>
  <c r="J2085" i="2"/>
  <c r="J2059" i="5" s="1"/>
  <c r="N2059" i="5" s="1"/>
  <c r="J2919" i="2"/>
  <c r="J2893" i="5" s="1"/>
  <c r="N2893" i="5" s="1"/>
  <c r="I2919" i="2"/>
  <c r="I2893" i="5" s="1"/>
  <c r="L2919" i="2"/>
  <c r="L2893" i="5" s="1"/>
  <c r="M2919" i="2"/>
  <c r="M2893" i="5" s="1"/>
  <c r="K2919" i="2"/>
  <c r="K2893" i="5" s="1"/>
  <c r="O2893" i="5" s="1"/>
  <c r="M7365" i="2"/>
  <c r="M7339" i="5" s="1"/>
  <c r="L7365" i="2"/>
  <c r="L7339" i="5" s="1"/>
  <c r="I7365" i="2"/>
  <c r="I7339" i="5" s="1"/>
  <c r="K7365" i="2"/>
  <c r="K7339" i="5" s="1"/>
  <c r="O7339" i="5" s="1"/>
  <c r="J7365" i="2"/>
  <c r="J7339" i="5" s="1"/>
  <c r="N7339" i="5" s="1"/>
  <c r="J4243" i="2"/>
  <c r="J4217" i="5" s="1"/>
  <c r="N4217" i="5" s="1"/>
  <c r="M4243" i="2"/>
  <c r="M4217" i="5" s="1"/>
  <c r="L4243" i="2"/>
  <c r="L4217" i="5" s="1"/>
  <c r="I4243" i="2"/>
  <c r="I4217" i="5" s="1"/>
  <c r="K4243" i="2"/>
  <c r="K4217" i="5" s="1"/>
  <c r="O4217" i="5" s="1"/>
  <c r="M2812" i="2"/>
  <c r="M2786" i="5" s="1"/>
  <c r="K2812" i="2"/>
  <c r="K2786" i="5" s="1"/>
  <c r="O2786" i="5" s="1"/>
  <c r="L2812" i="2"/>
  <c r="L2786" i="5" s="1"/>
  <c r="J2812" i="2"/>
  <c r="J2786" i="5" s="1"/>
  <c r="N2786" i="5" s="1"/>
  <c r="I2812" i="2"/>
  <c r="I2786" i="5" s="1"/>
  <c r="K2797" i="2"/>
  <c r="K2771" i="5" s="1"/>
  <c r="O2771" i="5" s="1"/>
  <c r="J2797" i="2"/>
  <c r="J2771" i="5" s="1"/>
  <c r="N2771" i="5" s="1"/>
  <c r="M2797" i="2"/>
  <c r="M2771" i="5" s="1"/>
  <c r="I2797" i="2"/>
  <c r="I2771" i="5" s="1"/>
  <c r="L2797" i="2"/>
  <c r="L2771" i="5" s="1"/>
  <c r="L5924" i="2"/>
  <c r="L5898" i="5" s="1"/>
  <c r="I5924" i="2"/>
  <c r="I5898" i="5" s="1"/>
  <c r="M5924" i="2"/>
  <c r="M5898" i="5" s="1"/>
  <c r="K5924" i="2"/>
  <c r="K5898" i="5" s="1"/>
  <c r="O5898" i="5" s="1"/>
  <c r="J5924" i="2"/>
  <c r="J5898" i="5" s="1"/>
  <c r="N5898" i="5" s="1"/>
  <c r="I6757" i="2"/>
  <c r="I6731" i="5" s="1"/>
  <c r="K6757" i="2"/>
  <c r="K6731" i="5" s="1"/>
  <c r="O6731" i="5" s="1"/>
  <c r="L6757" i="2"/>
  <c r="L6731" i="5" s="1"/>
  <c r="J6757" i="2"/>
  <c r="J6731" i="5" s="1"/>
  <c r="N6731" i="5" s="1"/>
  <c r="M6757" i="2"/>
  <c r="M6731" i="5" s="1"/>
  <c r="M2232" i="2"/>
  <c r="M2206" i="5" s="1"/>
  <c r="L2232" i="2"/>
  <c r="L2206" i="5" s="1"/>
  <c r="I2232" i="2"/>
  <c r="I2206" i="5" s="1"/>
  <c r="K2232" i="2"/>
  <c r="K2206" i="5" s="1"/>
  <c r="O2206" i="5" s="1"/>
  <c r="J2232" i="2"/>
  <c r="J2206" i="5" s="1"/>
  <c r="N2206" i="5" s="1"/>
  <c r="J2231" i="2"/>
  <c r="J2205" i="5" s="1"/>
  <c r="N2205" i="5" s="1"/>
  <c r="L2231" i="2"/>
  <c r="L2205" i="5" s="1"/>
  <c r="M2231" i="2"/>
  <c r="M2205" i="5" s="1"/>
  <c r="I2231" i="2"/>
  <c r="I2205" i="5" s="1"/>
  <c r="K2231" i="2"/>
  <c r="K2205" i="5" s="1"/>
  <c r="O2205" i="5" s="1"/>
  <c r="I1809" i="2"/>
  <c r="I1783" i="5" s="1"/>
  <c r="K1809" i="2"/>
  <c r="K1783" i="5" s="1"/>
  <c r="O1783" i="5" s="1"/>
  <c r="J1809" i="2"/>
  <c r="J1783" i="5" s="1"/>
  <c r="N1783" i="5" s="1"/>
  <c r="L1809" i="2"/>
  <c r="L1783" i="5" s="1"/>
  <c r="M1809" i="2"/>
  <c r="M1783" i="5" s="1"/>
  <c r="J1811" i="2"/>
  <c r="J1785" i="5" s="1"/>
  <c r="N1785" i="5" s="1"/>
  <c r="L1811" i="2"/>
  <c r="L1785" i="5" s="1"/>
  <c r="I1811" i="2"/>
  <c r="I1785" i="5" s="1"/>
  <c r="K1811" i="2"/>
  <c r="K1785" i="5" s="1"/>
  <c r="O1785" i="5" s="1"/>
  <c r="M1811" i="2"/>
  <c r="M1785" i="5" s="1"/>
  <c r="L4642" i="2"/>
  <c r="L4616" i="5" s="1"/>
  <c r="M4642" i="2"/>
  <c r="M4616" i="5" s="1"/>
  <c r="I4642" i="2"/>
  <c r="I4616" i="5" s="1"/>
  <c r="K4642" i="2"/>
  <c r="K4616" i="5" s="1"/>
  <c r="O4616" i="5" s="1"/>
  <c r="J4642" i="2"/>
  <c r="J4616" i="5" s="1"/>
  <c r="N4616" i="5" s="1"/>
  <c r="M807" i="2"/>
  <c r="M781" i="5" s="1"/>
  <c r="L807" i="2"/>
  <c r="L781" i="5" s="1"/>
  <c r="I807" i="2"/>
  <c r="I781" i="5" s="1"/>
  <c r="K807" i="2"/>
  <c r="K781" i="5" s="1"/>
  <c r="O781" i="5" s="1"/>
  <c r="J807" i="2"/>
  <c r="J781" i="5" s="1"/>
  <c r="N781" i="5" s="1"/>
  <c r="K2949" i="2"/>
  <c r="K2923" i="5" s="1"/>
  <c r="O2923" i="5" s="1"/>
  <c r="M2949" i="2"/>
  <c r="M2923" i="5" s="1"/>
  <c r="L2949" i="2"/>
  <c r="L2923" i="5" s="1"/>
  <c r="I2949" i="2"/>
  <c r="I2923" i="5" s="1"/>
  <c r="J2949" i="2"/>
  <c r="J2923" i="5" s="1"/>
  <c r="N2923" i="5" s="1"/>
  <c r="I2944" i="2"/>
  <c r="I2918" i="5" s="1"/>
  <c r="L2944" i="2"/>
  <c r="L2918" i="5" s="1"/>
  <c r="J2944" i="2"/>
  <c r="J2918" i="5" s="1"/>
  <c r="N2918" i="5" s="1"/>
  <c r="M2944" i="2"/>
  <c r="M2918" i="5" s="1"/>
  <c r="K2944" i="2"/>
  <c r="K2918" i="5" s="1"/>
  <c r="O2918" i="5" s="1"/>
  <c r="J7824" i="2"/>
  <c r="J7798" i="5" s="1"/>
  <c r="N7798" i="5" s="1"/>
  <c r="M7824" i="2"/>
  <c r="M7798" i="5" s="1"/>
  <c r="K7824" i="2"/>
  <c r="K7798" i="5" s="1"/>
  <c r="O7798" i="5" s="1"/>
  <c r="I7824" i="2"/>
  <c r="I7798" i="5" s="1"/>
  <c r="L7824" i="2"/>
  <c r="L7798" i="5" s="1"/>
  <c r="J974" i="2"/>
  <c r="J948" i="5" s="1"/>
  <c r="N948" i="5" s="1"/>
  <c r="K974" i="2"/>
  <c r="K948" i="5" s="1"/>
  <c r="O948" i="5" s="1"/>
  <c r="L974" i="2"/>
  <c r="L948" i="5" s="1"/>
  <c r="M974" i="2"/>
  <c r="M948" i="5" s="1"/>
  <c r="I974" i="2"/>
  <c r="I948" i="5" s="1"/>
  <c r="M8463" i="2"/>
  <c r="M8437" i="5" s="1"/>
  <c r="I8463" i="2"/>
  <c r="I8437" i="5" s="1"/>
  <c r="K8463" i="2"/>
  <c r="K8437" i="5" s="1"/>
  <c r="O8437" i="5" s="1"/>
  <c r="J8463" i="2"/>
  <c r="J8437" i="5" s="1"/>
  <c r="N8437" i="5" s="1"/>
  <c r="L8463" i="2"/>
  <c r="L8437" i="5" s="1"/>
  <c r="M4487" i="2"/>
  <c r="M4461" i="5" s="1"/>
  <c r="L4487" i="2"/>
  <c r="L4461" i="5" s="1"/>
  <c r="I4487" i="2"/>
  <c r="I4461" i="5" s="1"/>
  <c r="K4487" i="2"/>
  <c r="K4461" i="5" s="1"/>
  <c r="O4461" i="5" s="1"/>
  <c r="J4487" i="2"/>
  <c r="J4461" i="5" s="1"/>
  <c r="N4461" i="5" s="1"/>
  <c r="K2248" i="2"/>
  <c r="K2222" i="5" s="1"/>
  <c r="O2222" i="5" s="1"/>
  <c r="J2248" i="2"/>
  <c r="J2222" i="5" s="1"/>
  <c r="N2222" i="5" s="1"/>
  <c r="M2248" i="2"/>
  <c r="M2222" i="5" s="1"/>
  <c r="L2248" i="2"/>
  <c r="L2222" i="5" s="1"/>
  <c r="I2248" i="2"/>
  <c r="I2222" i="5" s="1"/>
  <c r="I3763" i="2"/>
  <c r="I3737" i="5" s="1"/>
  <c r="K3763" i="2"/>
  <c r="K3737" i="5" s="1"/>
  <c r="O3737" i="5" s="1"/>
  <c r="J3763" i="2"/>
  <c r="J3737" i="5" s="1"/>
  <c r="N3737" i="5" s="1"/>
  <c r="L3763" i="2"/>
  <c r="L3737" i="5" s="1"/>
  <c r="M3763" i="2"/>
  <c r="M3737" i="5" s="1"/>
  <c r="L877" i="2"/>
  <c r="L851" i="5" s="1"/>
  <c r="M877" i="2"/>
  <c r="M851" i="5" s="1"/>
  <c r="J877" i="2"/>
  <c r="J851" i="5" s="1"/>
  <c r="N851" i="5" s="1"/>
  <c r="I877" i="2"/>
  <c r="I851" i="5" s="1"/>
  <c r="K877" i="2"/>
  <c r="K851" i="5" s="1"/>
  <c r="O851" i="5" s="1"/>
  <c r="I5859" i="2"/>
  <c r="I5833" i="5" s="1"/>
  <c r="K5859" i="2"/>
  <c r="K5833" i="5" s="1"/>
  <c r="O5833" i="5" s="1"/>
  <c r="L5859" i="2"/>
  <c r="L5833" i="5" s="1"/>
  <c r="J5859" i="2"/>
  <c r="J5833" i="5" s="1"/>
  <c r="N5833" i="5" s="1"/>
  <c r="M5859" i="2"/>
  <c r="M5833" i="5" s="1"/>
  <c r="C250" i="5"/>
  <c r="AR244" i="1"/>
  <c r="J5768" i="2"/>
  <c r="J5742" i="5" s="1"/>
  <c r="N5742" i="5" s="1"/>
  <c r="L5768" i="2"/>
  <c r="L5742" i="5" s="1"/>
  <c r="M5768" i="2"/>
  <c r="M5742" i="5" s="1"/>
  <c r="I5768" i="2"/>
  <c r="I5742" i="5" s="1"/>
  <c r="K5768" i="2"/>
  <c r="K5742" i="5" s="1"/>
  <c r="O5742" i="5" s="1"/>
  <c r="L217" i="2"/>
  <c r="L191" i="5" s="1"/>
  <c r="K217" i="2"/>
  <c r="K191" i="5" s="1"/>
  <c r="O191" i="5" s="1"/>
  <c r="M217" i="2"/>
  <c r="M191" i="5" s="1"/>
  <c r="J217" i="2"/>
  <c r="J191" i="5" s="1"/>
  <c r="N191" i="5" s="1"/>
  <c r="I217" i="2"/>
  <c r="I191" i="5" s="1"/>
  <c r="L4949" i="2"/>
  <c r="L4923" i="5" s="1"/>
  <c r="I4949" i="2"/>
  <c r="I4923" i="5" s="1"/>
  <c r="K4949" i="2"/>
  <c r="K4923" i="5" s="1"/>
  <c r="O4923" i="5" s="1"/>
  <c r="J4949" i="2"/>
  <c r="J4923" i="5" s="1"/>
  <c r="N4923" i="5" s="1"/>
  <c r="M4949" i="2"/>
  <c r="M4923" i="5" s="1"/>
  <c r="J7113" i="2"/>
  <c r="J7087" i="5" s="1"/>
  <c r="N7087" i="5" s="1"/>
  <c r="L7113" i="2"/>
  <c r="L7087" i="5" s="1"/>
  <c r="M7113" i="2"/>
  <c r="M7087" i="5" s="1"/>
  <c r="I7113" i="2"/>
  <c r="I7087" i="5" s="1"/>
  <c r="K7113" i="2"/>
  <c r="K7087" i="5" s="1"/>
  <c r="O7087" i="5" s="1"/>
  <c r="I7101" i="2"/>
  <c r="I7075" i="5" s="1"/>
  <c r="K7101" i="2"/>
  <c r="K7075" i="5" s="1"/>
  <c r="O7075" i="5" s="1"/>
  <c r="M7101" i="2"/>
  <c r="M7075" i="5" s="1"/>
  <c r="J7101" i="2"/>
  <c r="J7075" i="5" s="1"/>
  <c r="N7075" i="5" s="1"/>
  <c r="L7101" i="2"/>
  <c r="L7075" i="5" s="1"/>
  <c r="M390" i="2"/>
  <c r="M364" i="5" s="1"/>
  <c r="L390" i="2"/>
  <c r="L364" i="5" s="1"/>
  <c r="J390" i="2"/>
  <c r="J364" i="5" s="1"/>
  <c r="N364" i="5" s="1"/>
  <c r="K390" i="2"/>
  <c r="K364" i="5" s="1"/>
  <c r="O364" i="5" s="1"/>
  <c r="I390" i="2"/>
  <c r="I364" i="5" s="1"/>
  <c r="K385" i="2"/>
  <c r="K359" i="5" s="1"/>
  <c r="O359" i="5" s="1"/>
  <c r="J385" i="2"/>
  <c r="J359" i="5" s="1"/>
  <c r="N359" i="5" s="1"/>
  <c r="M385" i="2"/>
  <c r="M359" i="5" s="1"/>
  <c r="I385" i="2"/>
  <c r="I359" i="5" s="1"/>
  <c r="L385" i="2"/>
  <c r="L359" i="5" s="1"/>
  <c r="M5469" i="2"/>
  <c r="M5443" i="5" s="1"/>
  <c r="K5469" i="2"/>
  <c r="K5443" i="5" s="1"/>
  <c r="O5443" i="5" s="1"/>
  <c r="L5469" i="2"/>
  <c r="L5443" i="5" s="1"/>
  <c r="I5469" i="2"/>
  <c r="I5443" i="5" s="1"/>
  <c r="J5469" i="2"/>
  <c r="J5443" i="5" s="1"/>
  <c r="N5443" i="5" s="1"/>
  <c r="J5463" i="2"/>
  <c r="J5437" i="5" s="1"/>
  <c r="N5437" i="5" s="1"/>
  <c r="M5463" i="2"/>
  <c r="M5437" i="5" s="1"/>
  <c r="I5463" i="2"/>
  <c r="I5437" i="5" s="1"/>
  <c r="L5463" i="2"/>
  <c r="L5437" i="5" s="1"/>
  <c r="K5463" i="2"/>
  <c r="K5437" i="5" s="1"/>
  <c r="O5437" i="5" s="1"/>
  <c r="I2971" i="2"/>
  <c r="I2945" i="5" s="1"/>
  <c r="J2971" i="2"/>
  <c r="J2945" i="5" s="1"/>
  <c r="N2945" i="5" s="1"/>
  <c r="L2971" i="2"/>
  <c r="L2945" i="5" s="1"/>
  <c r="M2971" i="2"/>
  <c r="M2945" i="5" s="1"/>
  <c r="K2971" i="2"/>
  <c r="K2945" i="5" s="1"/>
  <c r="O2945" i="5" s="1"/>
  <c r="L2974" i="2"/>
  <c r="L2948" i="5" s="1"/>
  <c r="M2974" i="2"/>
  <c r="M2948" i="5" s="1"/>
  <c r="I2974" i="2"/>
  <c r="I2948" i="5" s="1"/>
  <c r="K2974" i="2"/>
  <c r="K2948" i="5" s="1"/>
  <c r="O2948" i="5" s="1"/>
  <c r="J2974" i="2"/>
  <c r="J2948" i="5" s="1"/>
  <c r="N2948" i="5" s="1"/>
  <c r="K1656" i="2"/>
  <c r="K1630" i="5" s="1"/>
  <c r="O1630" i="5" s="1"/>
  <c r="L1656" i="2"/>
  <c r="L1630" i="5" s="1"/>
  <c r="J1656" i="2"/>
  <c r="J1630" i="5" s="1"/>
  <c r="N1630" i="5" s="1"/>
  <c r="M1656" i="2"/>
  <c r="M1630" i="5" s="1"/>
  <c r="I1656" i="2"/>
  <c r="I1630" i="5" s="1"/>
  <c r="I8207" i="2"/>
  <c r="I8181" i="5" s="1"/>
  <c r="K8207" i="2"/>
  <c r="K8181" i="5" s="1"/>
  <c r="O8181" i="5" s="1"/>
  <c r="J8207" i="2"/>
  <c r="J8181" i="5" s="1"/>
  <c r="N8181" i="5" s="1"/>
  <c r="L8207" i="2"/>
  <c r="L8181" i="5" s="1"/>
  <c r="M8207" i="2"/>
  <c r="M8181" i="5" s="1"/>
  <c r="K5147" i="2"/>
  <c r="K5121" i="5" s="1"/>
  <c r="O5121" i="5" s="1"/>
  <c r="J5147" i="2"/>
  <c r="J5121" i="5" s="1"/>
  <c r="N5121" i="5" s="1"/>
  <c r="L5147" i="2"/>
  <c r="L5121" i="5" s="1"/>
  <c r="I5147" i="2"/>
  <c r="I5121" i="5" s="1"/>
  <c r="M5147" i="2"/>
  <c r="M5121" i="5" s="1"/>
  <c r="L6640" i="2"/>
  <c r="L6614" i="5" s="1"/>
  <c r="J6640" i="2"/>
  <c r="J6614" i="5" s="1"/>
  <c r="N6614" i="5" s="1"/>
  <c r="I6640" i="2"/>
  <c r="I6614" i="5" s="1"/>
  <c r="M6640" i="2"/>
  <c r="M6614" i="5" s="1"/>
  <c r="K6640" i="2"/>
  <c r="K6614" i="5" s="1"/>
  <c r="O6614" i="5" s="1"/>
  <c r="L4405" i="2"/>
  <c r="L4379" i="5" s="1"/>
  <c r="M4405" i="2"/>
  <c r="M4379" i="5" s="1"/>
  <c r="I4405" i="2"/>
  <c r="I4379" i="5" s="1"/>
  <c r="K4405" i="2"/>
  <c r="K4379" i="5" s="1"/>
  <c r="O4379" i="5" s="1"/>
  <c r="J4405" i="2"/>
  <c r="J4379" i="5" s="1"/>
  <c r="N4379" i="5" s="1"/>
  <c r="L6516" i="2"/>
  <c r="L6490" i="5" s="1"/>
  <c r="J6516" i="2"/>
  <c r="J6490" i="5" s="1"/>
  <c r="N6490" i="5" s="1"/>
  <c r="I6516" i="2"/>
  <c r="I6490" i="5" s="1"/>
  <c r="M6516" i="2"/>
  <c r="M6490" i="5" s="1"/>
  <c r="K6516" i="2"/>
  <c r="K6490" i="5" s="1"/>
  <c r="O6490" i="5" s="1"/>
  <c r="L2313" i="2"/>
  <c r="L2287" i="5" s="1"/>
  <c r="M2313" i="2"/>
  <c r="M2287" i="5" s="1"/>
  <c r="I2313" i="2"/>
  <c r="I2287" i="5" s="1"/>
  <c r="K2313" i="2"/>
  <c r="K2287" i="5" s="1"/>
  <c r="O2287" i="5" s="1"/>
  <c r="J2313" i="2"/>
  <c r="J2287" i="5" s="1"/>
  <c r="N2287" i="5" s="1"/>
  <c r="K1268" i="2"/>
  <c r="K1242" i="5" s="1"/>
  <c r="O1242" i="5" s="1"/>
  <c r="L1268" i="2"/>
  <c r="L1242" i="5" s="1"/>
  <c r="M1268" i="2"/>
  <c r="M1242" i="5" s="1"/>
  <c r="I1268" i="2"/>
  <c r="I1242" i="5" s="1"/>
  <c r="J1268" i="2"/>
  <c r="J1242" i="5" s="1"/>
  <c r="N1242" i="5" s="1"/>
  <c r="J1277" i="2"/>
  <c r="J1251" i="5" s="1"/>
  <c r="N1251" i="5" s="1"/>
  <c r="L1277" i="2"/>
  <c r="L1251" i="5" s="1"/>
  <c r="M1277" i="2"/>
  <c r="M1251" i="5" s="1"/>
  <c r="K1277" i="2"/>
  <c r="K1251" i="5" s="1"/>
  <c r="O1251" i="5" s="1"/>
  <c r="I1277" i="2"/>
  <c r="I1251" i="5" s="1"/>
  <c r="L1735" i="2"/>
  <c r="L1709" i="5" s="1"/>
  <c r="M1735" i="2"/>
  <c r="M1709" i="5" s="1"/>
  <c r="J1735" i="2"/>
  <c r="J1709" i="5" s="1"/>
  <c r="N1709" i="5" s="1"/>
  <c r="I1735" i="2"/>
  <c r="I1709" i="5" s="1"/>
  <c r="K1735" i="2"/>
  <c r="K1709" i="5" s="1"/>
  <c r="O1709" i="5" s="1"/>
  <c r="J1734" i="2"/>
  <c r="J1708" i="5" s="1"/>
  <c r="N1708" i="5" s="1"/>
  <c r="L1734" i="2"/>
  <c r="L1708" i="5" s="1"/>
  <c r="M1734" i="2"/>
  <c r="M1708" i="5" s="1"/>
  <c r="I1734" i="2"/>
  <c r="I1708" i="5" s="1"/>
  <c r="K1734" i="2"/>
  <c r="K1708" i="5" s="1"/>
  <c r="O1708" i="5" s="1"/>
  <c r="J6186" i="2"/>
  <c r="J6160" i="5" s="1"/>
  <c r="N6160" i="5" s="1"/>
  <c r="M6186" i="2"/>
  <c r="M6160" i="5" s="1"/>
  <c r="K6186" i="2"/>
  <c r="K6160" i="5" s="1"/>
  <c r="O6160" i="5" s="1"/>
  <c r="I6186" i="2"/>
  <c r="I6160" i="5" s="1"/>
  <c r="L6186" i="2"/>
  <c r="L6160" i="5" s="1"/>
  <c r="I6179" i="2"/>
  <c r="I6153" i="5" s="1"/>
  <c r="J6179" i="2"/>
  <c r="J6153" i="5" s="1"/>
  <c r="N6153" i="5" s="1"/>
  <c r="M6179" i="2"/>
  <c r="M6153" i="5" s="1"/>
  <c r="K6179" i="2"/>
  <c r="K6153" i="5" s="1"/>
  <c r="O6153" i="5" s="1"/>
  <c r="L6179" i="2"/>
  <c r="L6153" i="5" s="1"/>
  <c r="L2670" i="2"/>
  <c r="L2644" i="5" s="1"/>
  <c r="K2670" i="2"/>
  <c r="K2644" i="5" s="1"/>
  <c r="O2644" i="5" s="1"/>
  <c r="J2670" i="2"/>
  <c r="J2644" i="5" s="1"/>
  <c r="N2644" i="5" s="1"/>
  <c r="M2670" i="2"/>
  <c r="M2644" i="5" s="1"/>
  <c r="I2670" i="2"/>
  <c r="I2644" i="5" s="1"/>
  <c r="J2653" i="2"/>
  <c r="J2627" i="5" s="1"/>
  <c r="N2627" i="5" s="1"/>
  <c r="L2653" i="2"/>
  <c r="L2627" i="5" s="1"/>
  <c r="M2653" i="2"/>
  <c r="M2627" i="5" s="1"/>
  <c r="I2653" i="2"/>
  <c r="I2627" i="5" s="1"/>
  <c r="K2653" i="2"/>
  <c r="K2627" i="5" s="1"/>
  <c r="O2627" i="5" s="1"/>
  <c r="J6848" i="2"/>
  <c r="J6822" i="5" s="1"/>
  <c r="N6822" i="5" s="1"/>
  <c r="L6848" i="2"/>
  <c r="L6822" i="5" s="1"/>
  <c r="M6848" i="2"/>
  <c r="M6822" i="5" s="1"/>
  <c r="K6848" i="2"/>
  <c r="K6822" i="5" s="1"/>
  <c r="O6822" i="5" s="1"/>
  <c r="I6848" i="2"/>
  <c r="I6822" i="5" s="1"/>
  <c r="K6839" i="2"/>
  <c r="K6813" i="5" s="1"/>
  <c r="O6813" i="5" s="1"/>
  <c r="J6839" i="2"/>
  <c r="J6813" i="5" s="1"/>
  <c r="N6813" i="5" s="1"/>
  <c r="M6839" i="2"/>
  <c r="M6813" i="5" s="1"/>
  <c r="L6839" i="2"/>
  <c r="L6813" i="5" s="1"/>
  <c r="I6839" i="2"/>
  <c r="I6813" i="5" s="1"/>
  <c r="L3395" i="2"/>
  <c r="L3369" i="5" s="1"/>
  <c r="I3395" i="2"/>
  <c r="I3369" i="5" s="1"/>
  <c r="K3395" i="2"/>
  <c r="K3369" i="5" s="1"/>
  <c r="O3369" i="5" s="1"/>
  <c r="J3395" i="2"/>
  <c r="J3369" i="5" s="1"/>
  <c r="N3369" i="5" s="1"/>
  <c r="M3395" i="2"/>
  <c r="M3369" i="5" s="1"/>
  <c r="K3400" i="2"/>
  <c r="K3374" i="5" s="1"/>
  <c r="O3374" i="5" s="1"/>
  <c r="J3400" i="2"/>
  <c r="J3374" i="5" s="1"/>
  <c r="N3374" i="5" s="1"/>
  <c r="L3400" i="2"/>
  <c r="L3374" i="5" s="1"/>
  <c r="M3400" i="2"/>
  <c r="M3374" i="5" s="1"/>
  <c r="I3400" i="2"/>
  <c r="I3374" i="5" s="1"/>
  <c r="J6610" i="2"/>
  <c r="J6584" i="5" s="1"/>
  <c r="N6584" i="5" s="1"/>
  <c r="L6610" i="2"/>
  <c r="L6584" i="5" s="1"/>
  <c r="M6610" i="2"/>
  <c r="M6584" i="5" s="1"/>
  <c r="I6610" i="2"/>
  <c r="I6584" i="5" s="1"/>
  <c r="K6610" i="2"/>
  <c r="K6584" i="5" s="1"/>
  <c r="O6584" i="5" s="1"/>
  <c r="K3310" i="2"/>
  <c r="K3284" i="5" s="1"/>
  <c r="O3284" i="5" s="1"/>
  <c r="J3310" i="2"/>
  <c r="J3284" i="5" s="1"/>
  <c r="N3284" i="5" s="1"/>
  <c r="M3310" i="2"/>
  <c r="M3284" i="5" s="1"/>
  <c r="I3310" i="2"/>
  <c r="I3284" i="5" s="1"/>
  <c r="L3310" i="2"/>
  <c r="L3284" i="5" s="1"/>
  <c r="M4570" i="2"/>
  <c r="M4544" i="5" s="1"/>
  <c r="J4570" i="2"/>
  <c r="J4544" i="5" s="1"/>
  <c r="N4544" i="5" s="1"/>
  <c r="L4570" i="2"/>
  <c r="L4544" i="5" s="1"/>
  <c r="I4570" i="2"/>
  <c r="I4544" i="5" s="1"/>
  <c r="K4570" i="2"/>
  <c r="K4544" i="5" s="1"/>
  <c r="O4544" i="5" s="1"/>
  <c r="M8689" i="2"/>
  <c r="M8663" i="5" s="1"/>
  <c r="I8689" i="2"/>
  <c r="I8663" i="5" s="1"/>
  <c r="J8689" i="2"/>
  <c r="J8663" i="5" s="1"/>
  <c r="N8663" i="5" s="1"/>
  <c r="L8689" i="2"/>
  <c r="L8663" i="5" s="1"/>
  <c r="K8689" i="2"/>
  <c r="K8663" i="5" s="1"/>
  <c r="O8663" i="5" s="1"/>
  <c r="M4435" i="2"/>
  <c r="M4409" i="5" s="1"/>
  <c r="I4435" i="2"/>
  <c r="I4409" i="5" s="1"/>
  <c r="K4435" i="2"/>
  <c r="K4409" i="5" s="1"/>
  <c r="O4409" i="5" s="1"/>
  <c r="J4435" i="2"/>
  <c r="J4409" i="5" s="1"/>
  <c r="N4409" i="5" s="1"/>
  <c r="L4435" i="2"/>
  <c r="L4409" i="5" s="1"/>
  <c r="K5450" i="2"/>
  <c r="K5424" i="5" s="1"/>
  <c r="O5424" i="5" s="1"/>
  <c r="L5450" i="2"/>
  <c r="L5424" i="5" s="1"/>
  <c r="M5450" i="2"/>
  <c r="M5424" i="5" s="1"/>
  <c r="I5450" i="2"/>
  <c r="I5424" i="5" s="1"/>
  <c r="J5450" i="2"/>
  <c r="J5424" i="5" s="1"/>
  <c r="N5424" i="5" s="1"/>
  <c r="J3113" i="2"/>
  <c r="J3087" i="5" s="1"/>
  <c r="N3087" i="5" s="1"/>
  <c r="I3113" i="2"/>
  <c r="I3087" i="5" s="1"/>
  <c r="K3113" i="2"/>
  <c r="K3087" i="5" s="1"/>
  <c r="O3087" i="5" s="1"/>
  <c r="M3113" i="2"/>
  <c r="M3087" i="5" s="1"/>
  <c r="L3113" i="2"/>
  <c r="L3087" i="5" s="1"/>
  <c r="L2483" i="2"/>
  <c r="L2457" i="5" s="1"/>
  <c r="M2483" i="2"/>
  <c r="M2457" i="5" s="1"/>
  <c r="I2483" i="2"/>
  <c r="I2457" i="5" s="1"/>
  <c r="K2483" i="2"/>
  <c r="K2457" i="5" s="1"/>
  <c r="O2457" i="5" s="1"/>
  <c r="J2483" i="2"/>
  <c r="J2457" i="5" s="1"/>
  <c r="N2457" i="5" s="1"/>
  <c r="I6817" i="2"/>
  <c r="I6791" i="5" s="1"/>
  <c r="K6817" i="2"/>
  <c r="K6791" i="5" s="1"/>
  <c r="O6791" i="5" s="1"/>
  <c r="M6817" i="2"/>
  <c r="M6791" i="5" s="1"/>
  <c r="J6817" i="2"/>
  <c r="J6791" i="5" s="1"/>
  <c r="N6791" i="5" s="1"/>
  <c r="L6817" i="2"/>
  <c r="L6791" i="5" s="1"/>
  <c r="M4908" i="2"/>
  <c r="M4882" i="5" s="1"/>
  <c r="L4908" i="2"/>
  <c r="L4882" i="5" s="1"/>
  <c r="I4908" i="2"/>
  <c r="I4882" i="5" s="1"/>
  <c r="K4908" i="2"/>
  <c r="K4882" i="5" s="1"/>
  <c r="O4882" i="5" s="1"/>
  <c r="J4908" i="2"/>
  <c r="J4882" i="5" s="1"/>
  <c r="N4882" i="5" s="1"/>
  <c r="J3983" i="2"/>
  <c r="J3957" i="5" s="1"/>
  <c r="N3957" i="5" s="1"/>
  <c r="I3983" i="2"/>
  <c r="I3957" i="5" s="1"/>
  <c r="K3983" i="2"/>
  <c r="K3957" i="5" s="1"/>
  <c r="O3957" i="5" s="1"/>
  <c r="L3983" i="2"/>
  <c r="L3957" i="5" s="1"/>
  <c r="M3983" i="2"/>
  <c r="M3957" i="5" s="1"/>
  <c r="J6254" i="2"/>
  <c r="J6228" i="5" s="1"/>
  <c r="N6228" i="5" s="1"/>
  <c r="L6254" i="2"/>
  <c r="L6228" i="5" s="1"/>
  <c r="I6254" i="2"/>
  <c r="I6228" i="5" s="1"/>
  <c r="M6254" i="2"/>
  <c r="M6228" i="5" s="1"/>
  <c r="K6254" i="2"/>
  <c r="K6228" i="5" s="1"/>
  <c r="O6228" i="5" s="1"/>
  <c r="J8365" i="2"/>
  <c r="J8339" i="5" s="1"/>
  <c r="N8339" i="5" s="1"/>
  <c r="I8365" i="2"/>
  <c r="I8339" i="5" s="1"/>
  <c r="K8365" i="2"/>
  <c r="K8339" i="5" s="1"/>
  <c r="O8339" i="5" s="1"/>
  <c r="M8365" i="2"/>
  <c r="M8339" i="5" s="1"/>
  <c r="L8365" i="2"/>
  <c r="L8339" i="5" s="1"/>
  <c r="M3450" i="2"/>
  <c r="M3424" i="5" s="1"/>
  <c r="I3450" i="2"/>
  <c r="I3424" i="5" s="1"/>
  <c r="K3450" i="2"/>
  <c r="K3424" i="5" s="1"/>
  <c r="O3424" i="5" s="1"/>
  <c r="J3450" i="2"/>
  <c r="J3424" i="5" s="1"/>
  <c r="N3424" i="5" s="1"/>
  <c r="L3450" i="2"/>
  <c r="L3424" i="5" s="1"/>
  <c r="L87" i="2"/>
  <c r="L61" i="5" s="1"/>
  <c r="K87" i="2"/>
  <c r="K61" i="5" s="1"/>
  <c r="O61" i="5" s="1"/>
  <c r="M87" i="2"/>
  <c r="M61" i="5" s="1"/>
  <c r="J87" i="2"/>
  <c r="J61" i="5" s="1"/>
  <c r="N61" i="5" s="1"/>
  <c r="I87" i="2"/>
  <c r="I61" i="5" s="1"/>
  <c r="L5580" i="2"/>
  <c r="L5554" i="5" s="1"/>
  <c r="J5580" i="2"/>
  <c r="J5554" i="5" s="1"/>
  <c r="N5554" i="5" s="1"/>
  <c r="M5580" i="2"/>
  <c r="M5554" i="5" s="1"/>
  <c r="I5580" i="2"/>
  <c r="I5554" i="5" s="1"/>
  <c r="K5580" i="2"/>
  <c r="K5554" i="5" s="1"/>
  <c r="O5554" i="5" s="1"/>
  <c r="M3130" i="2"/>
  <c r="M3104" i="5" s="1"/>
  <c r="J3130" i="2"/>
  <c r="J3104" i="5" s="1"/>
  <c r="N3104" i="5" s="1"/>
  <c r="L3130" i="2"/>
  <c r="L3104" i="5" s="1"/>
  <c r="I3130" i="2"/>
  <c r="I3104" i="5" s="1"/>
  <c r="K3130" i="2"/>
  <c r="K3104" i="5" s="1"/>
  <c r="O3104" i="5" s="1"/>
  <c r="K1966" i="2"/>
  <c r="K1940" i="5" s="1"/>
  <c r="O1940" i="5" s="1"/>
  <c r="M1966" i="2"/>
  <c r="M1940" i="5" s="1"/>
  <c r="J1966" i="2"/>
  <c r="J1940" i="5" s="1"/>
  <c r="N1940" i="5" s="1"/>
  <c r="L1966" i="2"/>
  <c r="L1940" i="5" s="1"/>
  <c r="I1966" i="2"/>
  <c r="I1940" i="5" s="1"/>
  <c r="J8121" i="2"/>
  <c r="J8095" i="5" s="1"/>
  <c r="N8095" i="5" s="1"/>
  <c r="I8121" i="2"/>
  <c r="I8095" i="5" s="1"/>
  <c r="K8121" i="2"/>
  <c r="K8095" i="5" s="1"/>
  <c r="O8095" i="5" s="1"/>
  <c r="L8121" i="2"/>
  <c r="L8095" i="5" s="1"/>
  <c r="M8121" i="2"/>
  <c r="M8095" i="5" s="1"/>
  <c r="L5350" i="2"/>
  <c r="L5324" i="5" s="1"/>
  <c r="M5350" i="2"/>
  <c r="M5324" i="5" s="1"/>
  <c r="I5350" i="2"/>
  <c r="I5324" i="5" s="1"/>
  <c r="J5350" i="2"/>
  <c r="J5324" i="5" s="1"/>
  <c r="N5324" i="5" s="1"/>
  <c r="K5350" i="2"/>
  <c r="K5324" i="5" s="1"/>
  <c r="O5324" i="5" s="1"/>
  <c r="J5352" i="2"/>
  <c r="J5326" i="5" s="1"/>
  <c r="N5326" i="5" s="1"/>
  <c r="M5352" i="2"/>
  <c r="M5326" i="5" s="1"/>
  <c r="I5352" i="2"/>
  <c r="I5326" i="5" s="1"/>
  <c r="L5352" i="2"/>
  <c r="L5326" i="5" s="1"/>
  <c r="K5352" i="2"/>
  <c r="K5326" i="5" s="1"/>
  <c r="O5326" i="5" s="1"/>
  <c r="J5991" i="2"/>
  <c r="J5965" i="5" s="1"/>
  <c r="N5965" i="5" s="1"/>
  <c r="L5991" i="2"/>
  <c r="L5965" i="5" s="1"/>
  <c r="M5991" i="2"/>
  <c r="M5965" i="5" s="1"/>
  <c r="I5991" i="2"/>
  <c r="I5965" i="5" s="1"/>
  <c r="K5991" i="2"/>
  <c r="K5965" i="5" s="1"/>
  <c r="O5965" i="5" s="1"/>
  <c r="L1985" i="2"/>
  <c r="L1959" i="5" s="1"/>
  <c r="M1985" i="2"/>
  <c r="M1959" i="5" s="1"/>
  <c r="I1985" i="2"/>
  <c r="I1959" i="5" s="1"/>
  <c r="K1985" i="2"/>
  <c r="K1959" i="5" s="1"/>
  <c r="O1959" i="5" s="1"/>
  <c r="J1985" i="2"/>
  <c r="J1959" i="5" s="1"/>
  <c r="N1959" i="5" s="1"/>
  <c r="K1987" i="2"/>
  <c r="K1961" i="5" s="1"/>
  <c r="O1961" i="5" s="1"/>
  <c r="L1987" i="2"/>
  <c r="L1961" i="5" s="1"/>
  <c r="M1987" i="2"/>
  <c r="M1961" i="5" s="1"/>
  <c r="J1987" i="2"/>
  <c r="J1961" i="5" s="1"/>
  <c r="N1961" i="5" s="1"/>
  <c r="I1987" i="2"/>
  <c r="I1961" i="5" s="1"/>
  <c r="L403" i="2"/>
  <c r="L377" i="5" s="1"/>
  <c r="K403" i="2"/>
  <c r="K377" i="5" s="1"/>
  <c r="O377" i="5" s="1"/>
  <c r="M403" i="2"/>
  <c r="M377" i="5" s="1"/>
  <c r="J403" i="2"/>
  <c r="J377" i="5" s="1"/>
  <c r="N377" i="5" s="1"/>
  <c r="I403" i="2"/>
  <c r="I377" i="5" s="1"/>
  <c r="J3058" i="2"/>
  <c r="J3032" i="5" s="1"/>
  <c r="N3032" i="5" s="1"/>
  <c r="I3058" i="2"/>
  <c r="I3032" i="5" s="1"/>
  <c r="K3058" i="2"/>
  <c r="K3032" i="5" s="1"/>
  <c r="O3032" i="5" s="1"/>
  <c r="M3058" i="2"/>
  <c r="M3032" i="5" s="1"/>
  <c r="L3058" i="2"/>
  <c r="L3032" i="5" s="1"/>
  <c r="K557" i="2"/>
  <c r="K531" i="5" s="1"/>
  <c r="O531" i="5" s="1"/>
  <c r="I557" i="2"/>
  <c r="I531" i="5" s="1"/>
  <c r="J557" i="2"/>
  <c r="J531" i="5" s="1"/>
  <c r="N531" i="5" s="1"/>
  <c r="M557" i="2"/>
  <c r="M531" i="5" s="1"/>
  <c r="L557" i="2"/>
  <c r="L531" i="5" s="1"/>
  <c r="L6614" i="2"/>
  <c r="L6588" i="5" s="1"/>
  <c r="M6614" i="2"/>
  <c r="M6588" i="5" s="1"/>
  <c r="J6614" i="2"/>
  <c r="J6588" i="5" s="1"/>
  <c r="N6588" i="5" s="1"/>
  <c r="I6614" i="2"/>
  <c r="I6588" i="5" s="1"/>
  <c r="K6614" i="2"/>
  <c r="K6588" i="5" s="1"/>
  <c r="O6588" i="5" s="1"/>
  <c r="J1127" i="2"/>
  <c r="J1101" i="5" s="1"/>
  <c r="N1101" i="5" s="1"/>
  <c r="M1127" i="2"/>
  <c r="M1101" i="5" s="1"/>
  <c r="I1127" i="2"/>
  <c r="I1101" i="5" s="1"/>
  <c r="L1127" i="2"/>
  <c r="L1101" i="5" s="1"/>
  <c r="K1127" i="2"/>
  <c r="K1101" i="5" s="1"/>
  <c r="O1101" i="5" s="1"/>
  <c r="K7315" i="2"/>
  <c r="K7289" i="5" s="1"/>
  <c r="O7289" i="5" s="1"/>
  <c r="L7315" i="2"/>
  <c r="L7289" i="5" s="1"/>
  <c r="J7315" i="2"/>
  <c r="J7289" i="5" s="1"/>
  <c r="N7289" i="5" s="1"/>
  <c r="M7315" i="2"/>
  <c r="M7289" i="5" s="1"/>
  <c r="I7315" i="2"/>
  <c r="I7289" i="5" s="1"/>
  <c r="K7964" i="2"/>
  <c r="K7938" i="5" s="1"/>
  <c r="O7938" i="5" s="1"/>
  <c r="M7964" i="2"/>
  <c r="M7938" i="5" s="1"/>
  <c r="J7964" i="2"/>
  <c r="J7938" i="5" s="1"/>
  <c r="N7938" i="5" s="1"/>
  <c r="I7964" i="2"/>
  <c r="I7938" i="5" s="1"/>
  <c r="L7964" i="2"/>
  <c r="L7938" i="5" s="1"/>
  <c r="J3259" i="2"/>
  <c r="J3233" i="5" s="1"/>
  <c r="N3233" i="5" s="1"/>
  <c r="M3259" i="2"/>
  <c r="M3233" i="5" s="1"/>
  <c r="I3259" i="2"/>
  <c r="I3233" i="5" s="1"/>
  <c r="L3259" i="2"/>
  <c r="L3233" i="5" s="1"/>
  <c r="K3259" i="2"/>
  <c r="K3233" i="5" s="1"/>
  <c r="O3233" i="5" s="1"/>
  <c r="J5024" i="2"/>
  <c r="J4998" i="5" s="1"/>
  <c r="N4998" i="5" s="1"/>
  <c r="K5024" i="2"/>
  <c r="K4998" i="5" s="1"/>
  <c r="O4998" i="5" s="1"/>
  <c r="L5024" i="2"/>
  <c r="L4998" i="5" s="1"/>
  <c r="M5024" i="2"/>
  <c r="M4998" i="5" s="1"/>
  <c r="I5024" i="2"/>
  <c r="I4998" i="5" s="1"/>
  <c r="J5007" i="2"/>
  <c r="J4981" i="5" s="1"/>
  <c r="N4981" i="5" s="1"/>
  <c r="M5007" i="2"/>
  <c r="M4981" i="5" s="1"/>
  <c r="I5007" i="2"/>
  <c r="I4981" i="5" s="1"/>
  <c r="L5007" i="2"/>
  <c r="L4981" i="5" s="1"/>
  <c r="K5007" i="2"/>
  <c r="K4981" i="5" s="1"/>
  <c r="O4981" i="5" s="1"/>
  <c r="J1074" i="2"/>
  <c r="J1048" i="5" s="1"/>
  <c r="N1048" i="5" s="1"/>
  <c r="L1074" i="2"/>
  <c r="L1048" i="5" s="1"/>
  <c r="M1074" i="2"/>
  <c r="M1048" i="5" s="1"/>
  <c r="I1074" i="2"/>
  <c r="I1048" i="5" s="1"/>
  <c r="K1074" i="2"/>
  <c r="K1048" i="5" s="1"/>
  <c r="O1048" i="5" s="1"/>
  <c r="L4004" i="2"/>
  <c r="L3978" i="5" s="1"/>
  <c r="I4004" i="2"/>
  <c r="I3978" i="5" s="1"/>
  <c r="K4004" i="2"/>
  <c r="K3978" i="5" s="1"/>
  <c r="O3978" i="5" s="1"/>
  <c r="J4004" i="2"/>
  <c r="J3978" i="5" s="1"/>
  <c r="N3978" i="5" s="1"/>
  <c r="M4004" i="2"/>
  <c r="M3978" i="5" s="1"/>
  <c r="M1322" i="2"/>
  <c r="M1296" i="5" s="1"/>
  <c r="L1322" i="2"/>
  <c r="L1296" i="5" s="1"/>
  <c r="I1322" i="2"/>
  <c r="I1296" i="5" s="1"/>
  <c r="K1322" i="2"/>
  <c r="K1296" i="5" s="1"/>
  <c r="O1296" i="5" s="1"/>
  <c r="J1322" i="2"/>
  <c r="J1296" i="5" s="1"/>
  <c r="N1296" i="5" s="1"/>
  <c r="L4320" i="2"/>
  <c r="L4294" i="5" s="1"/>
  <c r="M4320" i="2"/>
  <c r="M4294" i="5" s="1"/>
  <c r="I4320" i="2"/>
  <c r="I4294" i="5" s="1"/>
  <c r="K4320" i="2"/>
  <c r="K4294" i="5" s="1"/>
  <c r="O4294" i="5" s="1"/>
  <c r="J4320" i="2"/>
  <c r="J4294" i="5" s="1"/>
  <c r="N4294" i="5" s="1"/>
  <c r="J4319" i="2"/>
  <c r="J4293" i="5" s="1"/>
  <c r="N4293" i="5" s="1"/>
  <c r="L4319" i="2"/>
  <c r="L4293" i="5" s="1"/>
  <c r="M4319" i="2"/>
  <c r="M4293" i="5" s="1"/>
  <c r="I4319" i="2"/>
  <c r="I4293" i="5" s="1"/>
  <c r="K4319" i="2"/>
  <c r="K4293" i="5" s="1"/>
  <c r="O4293" i="5" s="1"/>
  <c r="J3319" i="2"/>
  <c r="J3293" i="5" s="1"/>
  <c r="N3293" i="5" s="1"/>
  <c r="I3319" i="2"/>
  <c r="I3293" i="5" s="1"/>
  <c r="M3319" i="2"/>
  <c r="M3293" i="5" s="1"/>
  <c r="K3319" i="2"/>
  <c r="K3293" i="5" s="1"/>
  <c r="O3293" i="5" s="1"/>
  <c r="L3319" i="2"/>
  <c r="L3293" i="5" s="1"/>
  <c r="M4124" i="2"/>
  <c r="M4098" i="5" s="1"/>
  <c r="J4124" i="2"/>
  <c r="J4098" i="5" s="1"/>
  <c r="N4098" i="5" s="1"/>
  <c r="L4124" i="2"/>
  <c r="L4098" i="5" s="1"/>
  <c r="I4124" i="2"/>
  <c r="I4098" i="5" s="1"/>
  <c r="K4124" i="2"/>
  <c r="K4098" i="5" s="1"/>
  <c r="O4098" i="5" s="1"/>
  <c r="J4115" i="2"/>
  <c r="J4089" i="5" s="1"/>
  <c r="N4089" i="5" s="1"/>
  <c r="L4115" i="2"/>
  <c r="L4089" i="5" s="1"/>
  <c r="M4115" i="2"/>
  <c r="M4089" i="5" s="1"/>
  <c r="I4115" i="2"/>
  <c r="I4089" i="5" s="1"/>
  <c r="K4115" i="2"/>
  <c r="K4089" i="5" s="1"/>
  <c r="O4089" i="5" s="1"/>
  <c r="M7467" i="2"/>
  <c r="M7441" i="5" s="1"/>
  <c r="I7467" i="2"/>
  <c r="I7441" i="5" s="1"/>
  <c r="K7467" i="2"/>
  <c r="K7441" i="5" s="1"/>
  <c r="O7441" i="5" s="1"/>
  <c r="J7467" i="2"/>
  <c r="J7441" i="5" s="1"/>
  <c r="N7441" i="5" s="1"/>
  <c r="L7467" i="2"/>
  <c r="L7441" i="5" s="1"/>
  <c r="M7455" i="2"/>
  <c r="M7429" i="5" s="1"/>
  <c r="J7455" i="2"/>
  <c r="J7429" i="5" s="1"/>
  <c r="N7429" i="5" s="1"/>
  <c r="I7455" i="2"/>
  <c r="I7429" i="5" s="1"/>
  <c r="K7455" i="2"/>
  <c r="K7429" i="5" s="1"/>
  <c r="O7429" i="5" s="1"/>
  <c r="L7455" i="2"/>
  <c r="L7429" i="5" s="1"/>
  <c r="I4997" i="2"/>
  <c r="I4971" i="5" s="1"/>
  <c r="K4997" i="2"/>
  <c r="K4971" i="5" s="1"/>
  <c r="O4971" i="5" s="1"/>
  <c r="M4997" i="2"/>
  <c r="M4971" i="5" s="1"/>
  <c r="L4997" i="2"/>
  <c r="L4971" i="5" s="1"/>
  <c r="J4997" i="2"/>
  <c r="J4971" i="5" s="1"/>
  <c r="N4971" i="5" s="1"/>
  <c r="K4983" i="2"/>
  <c r="K4957" i="5" s="1"/>
  <c r="O4957" i="5" s="1"/>
  <c r="L4983" i="2"/>
  <c r="L4957" i="5" s="1"/>
  <c r="M4983" i="2"/>
  <c r="M4957" i="5" s="1"/>
  <c r="J4983" i="2"/>
  <c r="J4957" i="5" s="1"/>
  <c r="N4957" i="5" s="1"/>
  <c r="I4983" i="2"/>
  <c r="I4957" i="5" s="1"/>
  <c r="J8351" i="2"/>
  <c r="J8325" i="5" s="1"/>
  <c r="N8325" i="5" s="1"/>
  <c r="M8351" i="2"/>
  <c r="M8325" i="5" s="1"/>
  <c r="L8351" i="2"/>
  <c r="L8325" i="5" s="1"/>
  <c r="I8351" i="2"/>
  <c r="I8325" i="5" s="1"/>
  <c r="K8351" i="2"/>
  <c r="K8325" i="5" s="1"/>
  <c r="O8325" i="5" s="1"/>
  <c r="K8778" i="2"/>
  <c r="K8752" i="5" s="1"/>
  <c r="O8752" i="5" s="1"/>
  <c r="J8778" i="2"/>
  <c r="J8752" i="5" s="1"/>
  <c r="N8752" i="5" s="1"/>
  <c r="I8778" i="2"/>
  <c r="I8752" i="5" s="1"/>
  <c r="L8778" i="2"/>
  <c r="L8752" i="5" s="1"/>
  <c r="M8778" i="2"/>
  <c r="M8752" i="5" s="1"/>
  <c r="M3935" i="2"/>
  <c r="M3909" i="5" s="1"/>
  <c r="L3935" i="2"/>
  <c r="L3909" i="5" s="1"/>
  <c r="I3935" i="2"/>
  <c r="I3909" i="5" s="1"/>
  <c r="K3935" i="2"/>
  <c r="K3909" i="5" s="1"/>
  <c r="O3909" i="5" s="1"/>
  <c r="J3935" i="2"/>
  <c r="J3909" i="5" s="1"/>
  <c r="N3909" i="5" s="1"/>
  <c r="I8041" i="2"/>
  <c r="I8015" i="5" s="1"/>
  <c r="K8041" i="2"/>
  <c r="K8015" i="5" s="1"/>
  <c r="O8015" i="5" s="1"/>
  <c r="L8041" i="2"/>
  <c r="L8015" i="5" s="1"/>
  <c r="J8041" i="2"/>
  <c r="J8015" i="5" s="1"/>
  <c r="N8015" i="5" s="1"/>
  <c r="M8041" i="2"/>
  <c r="M8015" i="5" s="1"/>
  <c r="J7019" i="2"/>
  <c r="J6993" i="5" s="1"/>
  <c r="N6993" i="5" s="1"/>
  <c r="K7019" i="2"/>
  <c r="K6993" i="5" s="1"/>
  <c r="O6993" i="5" s="1"/>
  <c r="L7019" i="2"/>
  <c r="L6993" i="5" s="1"/>
  <c r="M7019" i="2"/>
  <c r="M6993" i="5" s="1"/>
  <c r="I7019" i="2"/>
  <c r="I6993" i="5" s="1"/>
  <c r="I7020" i="2"/>
  <c r="I6994" i="5" s="1"/>
  <c r="K7020" i="2"/>
  <c r="K6994" i="5" s="1"/>
  <c r="O6994" i="5" s="1"/>
  <c r="L7020" i="2"/>
  <c r="L6994" i="5" s="1"/>
  <c r="M7020" i="2"/>
  <c r="M6994" i="5" s="1"/>
  <c r="J7020" i="2"/>
  <c r="J6994" i="5" s="1"/>
  <c r="N6994" i="5" s="1"/>
  <c r="L3575" i="2"/>
  <c r="L3549" i="5" s="1"/>
  <c r="I3575" i="2"/>
  <c r="I3549" i="5" s="1"/>
  <c r="M3575" i="2"/>
  <c r="M3549" i="5" s="1"/>
  <c r="K3575" i="2"/>
  <c r="K3549" i="5" s="1"/>
  <c r="O3549" i="5" s="1"/>
  <c r="J3575" i="2"/>
  <c r="J3549" i="5" s="1"/>
  <c r="N3549" i="5" s="1"/>
  <c r="J3564" i="2"/>
  <c r="J3538" i="5" s="1"/>
  <c r="N3538" i="5" s="1"/>
  <c r="M3564" i="2"/>
  <c r="M3538" i="5" s="1"/>
  <c r="L3564" i="2"/>
  <c r="L3538" i="5" s="1"/>
  <c r="I3564" i="2"/>
  <c r="I3538" i="5" s="1"/>
  <c r="K3564" i="2"/>
  <c r="K3538" i="5" s="1"/>
  <c r="O3538" i="5" s="1"/>
  <c r="I1412" i="2"/>
  <c r="I1386" i="5" s="1"/>
  <c r="J1412" i="2"/>
  <c r="J1386" i="5" s="1"/>
  <c r="N1386" i="5" s="1"/>
  <c r="K1412" i="2"/>
  <c r="K1386" i="5" s="1"/>
  <c r="O1386" i="5" s="1"/>
  <c r="L1412" i="2"/>
  <c r="L1386" i="5" s="1"/>
  <c r="M1412" i="2"/>
  <c r="M1386" i="5" s="1"/>
  <c r="M4571" i="2"/>
  <c r="M4545" i="5" s="1"/>
  <c r="L4571" i="2"/>
  <c r="L4545" i="5" s="1"/>
  <c r="I4571" i="2"/>
  <c r="I4545" i="5" s="1"/>
  <c r="K4571" i="2"/>
  <c r="K4545" i="5" s="1"/>
  <c r="O4545" i="5" s="1"/>
  <c r="J4571" i="2"/>
  <c r="J4545" i="5" s="1"/>
  <c r="N4545" i="5" s="1"/>
  <c r="K653" i="2"/>
  <c r="K627" i="5" s="1"/>
  <c r="O627" i="5" s="1"/>
  <c r="M653" i="2"/>
  <c r="M627" i="5" s="1"/>
  <c r="J653" i="2"/>
  <c r="J627" i="5" s="1"/>
  <c r="N627" i="5" s="1"/>
  <c r="L653" i="2"/>
  <c r="L627" i="5" s="1"/>
  <c r="I653" i="2"/>
  <c r="I627" i="5" s="1"/>
  <c r="K637" i="2"/>
  <c r="K611" i="5" s="1"/>
  <c r="O611" i="5" s="1"/>
  <c r="J637" i="2"/>
  <c r="J611" i="5" s="1"/>
  <c r="N611" i="5" s="1"/>
  <c r="M637" i="2"/>
  <c r="M611" i="5" s="1"/>
  <c r="L637" i="2"/>
  <c r="L611" i="5" s="1"/>
  <c r="I637" i="2"/>
  <c r="I611" i="5" s="1"/>
  <c r="K7517" i="2"/>
  <c r="K7491" i="5" s="1"/>
  <c r="O7491" i="5" s="1"/>
  <c r="J7517" i="2"/>
  <c r="J7491" i="5" s="1"/>
  <c r="N7491" i="5" s="1"/>
  <c r="L7517" i="2"/>
  <c r="L7491" i="5" s="1"/>
  <c r="M7517" i="2"/>
  <c r="M7491" i="5" s="1"/>
  <c r="I7517" i="2"/>
  <c r="I7491" i="5" s="1"/>
  <c r="I5670" i="2"/>
  <c r="I5644" i="5" s="1"/>
  <c r="K5670" i="2"/>
  <c r="K5644" i="5" s="1"/>
  <c r="O5644" i="5" s="1"/>
  <c r="J5670" i="2"/>
  <c r="J5644" i="5" s="1"/>
  <c r="N5644" i="5" s="1"/>
  <c r="L5670" i="2"/>
  <c r="L5644" i="5" s="1"/>
  <c r="M5670" i="2"/>
  <c r="M5644" i="5" s="1"/>
  <c r="K5824" i="2"/>
  <c r="K5798" i="5" s="1"/>
  <c r="O5798" i="5" s="1"/>
  <c r="J5824" i="2"/>
  <c r="J5798" i="5" s="1"/>
  <c r="N5798" i="5" s="1"/>
  <c r="M5824" i="2"/>
  <c r="M5798" i="5" s="1"/>
  <c r="L5824" i="2"/>
  <c r="L5798" i="5" s="1"/>
  <c r="I5824" i="2"/>
  <c r="I5798" i="5" s="1"/>
  <c r="J6946" i="2"/>
  <c r="J6920" i="5" s="1"/>
  <c r="N6920" i="5" s="1"/>
  <c r="L6946" i="2"/>
  <c r="L6920" i="5" s="1"/>
  <c r="I6946" i="2"/>
  <c r="I6920" i="5" s="1"/>
  <c r="K6946" i="2"/>
  <c r="K6920" i="5" s="1"/>
  <c r="O6920" i="5" s="1"/>
  <c r="M6946" i="2"/>
  <c r="M6920" i="5" s="1"/>
  <c r="L1601" i="2"/>
  <c r="L1575" i="5" s="1"/>
  <c r="M1601" i="2"/>
  <c r="M1575" i="5" s="1"/>
  <c r="J1601" i="2"/>
  <c r="J1575" i="5" s="1"/>
  <c r="N1575" i="5" s="1"/>
  <c r="I1601" i="2"/>
  <c r="I1575" i="5" s="1"/>
  <c r="K1601" i="2"/>
  <c r="K1575" i="5" s="1"/>
  <c r="O1575" i="5" s="1"/>
  <c r="I7784" i="2"/>
  <c r="I7758" i="5" s="1"/>
  <c r="K7784" i="2"/>
  <c r="K7758" i="5" s="1"/>
  <c r="O7758" i="5" s="1"/>
  <c r="L7784" i="2"/>
  <c r="L7758" i="5" s="1"/>
  <c r="M7784" i="2"/>
  <c r="M7758" i="5" s="1"/>
  <c r="J7784" i="2"/>
  <c r="J7758" i="5" s="1"/>
  <c r="N7758" i="5" s="1"/>
  <c r="K7762" i="2"/>
  <c r="K7736" i="5" s="1"/>
  <c r="O7736" i="5" s="1"/>
  <c r="L7762" i="2"/>
  <c r="L7736" i="5" s="1"/>
  <c r="M7762" i="2"/>
  <c r="M7736" i="5" s="1"/>
  <c r="I7762" i="2"/>
  <c r="I7736" i="5" s="1"/>
  <c r="J7762" i="2"/>
  <c r="J7736" i="5" s="1"/>
  <c r="N7736" i="5" s="1"/>
  <c r="K3832" i="2"/>
  <c r="K3806" i="5" s="1"/>
  <c r="O3806" i="5" s="1"/>
  <c r="J3832" i="2"/>
  <c r="J3806" i="5" s="1"/>
  <c r="N3806" i="5" s="1"/>
  <c r="L3832" i="2"/>
  <c r="L3806" i="5" s="1"/>
  <c r="M3832" i="2"/>
  <c r="M3806" i="5" s="1"/>
  <c r="I3832" i="2"/>
  <c r="I3806" i="5" s="1"/>
  <c r="I5074" i="2"/>
  <c r="I5048" i="5" s="1"/>
  <c r="K5074" i="2"/>
  <c r="K5048" i="5" s="1"/>
  <c r="O5048" i="5" s="1"/>
  <c r="J5074" i="2"/>
  <c r="J5048" i="5" s="1"/>
  <c r="N5048" i="5" s="1"/>
  <c r="M5074" i="2"/>
  <c r="M5048" i="5" s="1"/>
  <c r="L5074" i="2"/>
  <c r="L5048" i="5" s="1"/>
  <c r="L6988" i="2"/>
  <c r="L6962" i="5" s="1"/>
  <c r="I6988" i="2"/>
  <c r="I6962" i="5" s="1"/>
  <c r="M6988" i="2"/>
  <c r="M6962" i="5" s="1"/>
  <c r="K6988" i="2"/>
  <c r="K6962" i="5" s="1"/>
  <c r="O6962" i="5" s="1"/>
  <c r="J6988" i="2"/>
  <c r="J6962" i="5" s="1"/>
  <c r="N6962" i="5" s="1"/>
  <c r="J6114" i="2"/>
  <c r="J6088" i="5" s="1"/>
  <c r="N6088" i="5" s="1"/>
  <c r="M6114" i="2"/>
  <c r="M6088" i="5" s="1"/>
  <c r="I6114" i="2"/>
  <c r="I6088" i="5" s="1"/>
  <c r="L6114" i="2"/>
  <c r="L6088" i="5" s="1"/>
  <c r="K6114" i="2"/>
  <c r="K6088" i="5" s="1"/>
  <c r="O6088" i="5" s="1"/>
  <c r="M8678" i="2"/>
  <c r="M8652" i="5" s="1"/>
  <c r="I8678" i="2"/>
  <c r="I8652" i="5" s="1"/>
  <c r="L8678" i="2"/>
  <c r="L8652" i="5" s="1"/>
  <c r="J8678" i="2"/>
  <c r="J8652" i="5" s="1"/>
  <c r="N8652" i="5" s="1"/>
  <c r="K8678" i="2"/>
  <c r="K8652" i="5" s="1"/>
  <c r="O8652" i="5" s="1"/>
  <c r="K4143" i="2"/>
  <c r="K4117" i="5" s="1"/>
  <c r="O4117" i="5" s="1"/>
  <c r="J4143" i="2"/>
  <c r="J4117" i="5" s="1"/>
  <c r="N4117" i="5" s="1"/>
  <c r="M4143" i="2"/>
  <c r="M4117" i="5" s="1"/>
  <c r="L4143" i="2"/>
  <c r="L4117" i="5" s="1"/>
  <c r="I4143" i="2"/>
  <c r="I4117" i="5" s="1"/>
  <c r="J3946" i="2"/>
  <c r="J3920" i="5" s="1"/>
  <c r="N3920" i="5" s="1"/>
  <c r="M3946" i="2"/>
  <c r="M3920" i="5" s="1"/>
  <c r="L3946" i="2"/>
  <c r="L3920" i="5" s="1"/>
  <c r="I3946" i="2"/>
  <c r="I3920" i="5" s="1"/>
  <c r="K3946" i="2"/>
  <c r="K3920" i="5" s="1"/>
  <c r="O3920" i="5" s="1"/>
  <c r="I7149" i="2"/>
  <c r="I7123" i="5" s="1"/>
  <c r="M7149" i="2"/>
  <c r="M7123" i="5" s="1"/>
  <c r="K7149" i="2"/>
  <c r="K7123" i="5" s="1"/>
  <c r="O7123" i="5" s="1"/>
  <c r="J7149" i="2"/>
  <c r="J7123" i="5" s="1"/>
  <c r="N7123" i="5" s="1"/>
  <c r="L7149" i="2"/>
  <c r="L7123" i="5" s="1"/>
  <c r="J7147" i="2"/>
  <c r="J7121" i="5" s="1"/>
  <c r="N7121" i="5" s="1"/>
  <c r="L7147" i="2"/>
  <c r="L7121" i="5" s="1"/>
  <c r="I7147" i="2"/>
  <c r="I7121" i="5" s="1"/>
  <c r="K7147" i="2"/>
  <c r="K7121" i="5" s="1"/>
  <c r="O7121" i="5" s="1"/>
  <c r="M7147" i="2"/>
  <c r="M7121" i="5" s="1"/>
  <c r="K4448" i="2"/>
  <c r="K4422" i="5" s="1"/>
  <c r="O4422" i="5" s="1"/>
  <c r="J4448" i="2"/>
  <c r="J4422" i="5" s="1"/>
  <c r="N4422" i="5" s="1"/>
  <c r="L4448" i="2"/>
  <c r="L4422" i="5" s="1"/>
  <c r="I4448" i="2"/>
  <c r="I4422" i="5" s="1"/>
  <c r="M4448" i="2"/>
  <c r="M4422" i="5" s="1"/>
  <c r="I768" i="2"/>
  <c r="I742" i="5" s="1"/>
  <c r="K768" i="2"/>
  <c r="K742" i="5" s="1"/>
  <c r="O742" i="5" s="1"/>
  <c r="M768" i="2"/>
  <c r="M742" i="5" s="1"/>
  <c r="L768" i="2"/>
  <c r="L742" i="5" s="1"/>
  <c r="J768" i="2"/>
  <c r="J742" i="5" s="1"/>
  <c r="N742" i="5" s="1"/>
  <c r="J3469" i="2"/>
  <c r="J3443" i="5" s="1"/>
  <c r="N3443" i="5" s="1"/>
  <c r="L3469" i="2"/>
  <c r="L3443" i="5" s="1"/>
  <c r="M3469" i="2"/>
  <c r="M3443" i="5" s="1"/>
  <c r="I3469" i="2"/>
  <c r="I3443" i="5" s="1"/>
  <c r="K3469" i="2"/>
  <c r="K3443" i="5" s="1"/>
  <c r="O3443" i="5" s="1"/>
  <c r="J2104" i="2"/>
  <c r="J2078" i="5" s="1"/>
  <c r="N2078" i="5" s="1"/>
  <c r="M2104" i="2"/>
  <c r="M2078" i="5" s="1"/>
  <c r="L2104" i="2"/>
  <c r="L2078" i="5" s="1"/>
  <c r="I2104" i="2"/>
  <c r="I2078" i="5" s="1"/>
  <c r="K2104" i="2"/>
  <c r="K2078" i="5" s="1"/>
  <c r="O2078" i="5" s="1"/>
  <c r="K5442" i="2"/>
  <c r="K5416" i="5" s="1"/>
  <c r="O5416" i="5" s="1"/>
  <c r="L5442" i="2"/>
  <c r="L5416" i="5" s="1"/>
  <c r="M5442" i="2"/>
  <c r="M5416" i="5" s="1"/>
  <c r="I5442" i="2"/>
  <c r="I5416" i="5" s="1"/>
  <c r="J5442" i="2"/>
  <c r="J5416" i="5" s="1"/>
  <c r="N5416" i="5" s="1"/>
  <c r="I1490" i="2"/>
  <c r="I1464" i="5" s="1"/>
  <c r="K1490" i="2"/>
  <c r="K1464" i="5" s="1"/>
  <c r="O1464" i="5" s="1"/>
  <c r="J1490" i="2"/>
  <c r="J1464" i="5" s="1"/>
  <c r="N1464" i="5" s="1"/>
  <c r="M1490" i="2"/>
  <c r="M1464" i="5" s="1"/>
  <c r="L1490" i="2"/>
  <c r="L1464" i="5" s="1"/>
  <c r="M8515" i="2"/>
  <c r="M8489" i="5" s="1"/>
  <c r="L8515" i="2"/>
  <c r="L8489" i="5" s="1"/>
  <c r="I8515" i="2"/>
  <c r="I8489" i="5" s="1"/>
  <c r="K8515" i="2"/>
  <c r="K8489" i="5" s="1"/>
  <c r="O8489" i="5" s="1"/>
  <c r="J8515" i="2"/>
  <c r="J8489" i="5" s="1"/>
  <c r="N8489" i="5" s="1"/>
  <c r="J5795" i="2"/>
  <c r="J5769" i="5" s="1"/>
  <c r="N5769" i="5" s="1"/>
  <c r="M5795" i="2"/>
  <c r="M5769" i="5" s="1"/>
  <c r="I5795" i="2"/>
  <c r="I5769" i="5" s="1"/>
  <c r="K5795" i="2"/>
  <c r="K5769" i="5" s="1"/>
  <c r="O5769" i="5" s="1"/>
  <c r="L5795" i="2"/>
  <c r="L5769" i="5" s="1"/>
  <c r="M76" i="2"/>
  <c r="M50" i="5" s="1"/>
  <c r="L76" i="2"/>
  <c r="L50" i="5" s="1"/>
  <c r="I76" i="2"/>
  <c r="I50" i="5" s="1"/>
  <c r="K76" i="2"/>
  <c r="K50" i="5" s="1"/>
  <c r="O50" i="5" s="1"/>
  <c r="J76" i="2"/>
  <c r="J50" i="5" s="1"/>
  <c r="N50" i="5" s="1"/>
  <c r="K2792" i="2"/>
  <c r="K2766" i="5" s="1"/>
  <c r="O2766" i="5" s="1"/>
  <c r="L2792" i="2"/>
  <c r="L2766" i="5" s="1"/>
  <c r="M2792" i="2"/>
  <c r="M2766" i="5" s="1"/>
  <c r="I2792" i="2"/>
  <c r="I2766" i="5" s="1"/>
  <c r="J2792" i="2"/>
  <c r="J2766" i="5" s="1"/>
  <c r="N2766" i="5" s="1"/>
  <c r="L1458" i="2"/>
  <c r="L1432" i="5" s="1"/>
  <c r="M1458" i="2"/>
  <c r="M1432" i="5" s="1"/>
  <c r="K1458" i="2"/>
  <c r="K1432" i="5" s="1"/>
  <c r="O1432" i="5" s="1"/>
  <c r="J1458" i="2"/>
  <c r="J1432" i="5" s="1"/>
  <c r="N1432" i="5" s="1"/>
  <c r="I1458" i="2"/>
  <c r="I1432" i="5" s="1"/>
  <c r="M1454" i="2"/>
  <c r="M1428" i="5" s="1"/>
  <c r="L1454" i="2"/>
  <c r="L1428" i="5" s="1"/>
  <c r="I1454" i="2"/>
  <c r="I1428" i="5" s="1"/>
  <c r="K1454" i="2"/>
  <c r="K1428" i="5" s="1"/>
  <c r="O1428" i="5" s="1"/>
  <c r="J1454" i="2"/>
  <c r="J1428" i="5" s="1"/>
  <c r="N1428" i="5" s="1"/>
  <c r="L8293" i="2"/>
  <c r="L8267" i="5" s="1"/>
  <c r="M8293" i="2"/>
  <c r="M8267" i="5" s="1"/>
  <c r="K8293" i="2"/>
  <c r="K8267" i="5" s="1"/>
  <c r="O8267" i="5" s="1"/>
  <c r="J8293" i="2"/>
  <c r="J8267" i="5" s="1"/>
  <c r="N8267" i="5" s="1"/>
  <c r="I8293" i="2"/>
  <c r="I8267" i="5" s="1"/>
  <c r="M1230" i="2"/>
  <c r="M1204" i="5" s="1"/>
  <c r="L1230" i="2"/>
  <c r="L1204" i="5" s="1"/>
  <c r="J1230" i="2"/>
  <c r="J1204" i="5" s="1"/>
  <c r="N1204" i="5" s="1"/>
  <c r="I1230" i="2"/>
  <c r="I1204" i="5" s="1"/>
  <c r="K1230" i="2"/>
  <c r="K1204" i="5" s="1"/>
  <c r="O1204" i="5" s="1"/>
  <c r="J1220" i="2"/>
  <c r="J1194" i="5" s="1"/>
  <c r="N1194" i="5" s="1"/>
  <c r="L1220" i="2"/>
  <c r="L1194" i="5" s="1"/>
  <c r="M1220" i="2"/>
  <c r="M1194" i="5" s="1"/>
  <c r="I1220" i="2"/>
  <c r="I1194" i="5" s="1"/>
  <c r="K1220" i="2"/>
  <c r="K1194" i="5" s="1"/>
  <c r="O1194" i="5" s="1"/>
  <c r="M5133" i="2"/>
  <c r="M5107" i="5" s="1"/>
  <c r="L5133" i="2"/>
  <c r="L5107" i="5" s="1"/>
  <c r="I5133" i="2"/>
  <c r="I5107" i="5" s="1"/>
  <c r="K5133" i="2"/>
  <c r="K5107" i="5" s="1"/>
  <c r="O5107" i="5" s="1"/>
  <c r="J5133" i="2"/>
  <c r="J5107" i="5" s="1"/>
  <c r="N5107" i="5" s="1"/>
  <c r="C220" i="5"/>
  <c r="AR214" i="1"/>
  <c r="K6018" i="2"/>
  <c r="K5992" i="5" s="1"/>
  <c r="O5992" i="5" s="1"/>
  <c r="J6018" i="2"/>
  <c r="J5992" i="5" s="1"/>
  <c r="N5992" i="5" s="1"/>
  <c r="M6018" i="2"/>
  <c r="M5992" i="5" s="1"/>
  <c r="L6018" i="2"/>
  <c r="L5992" i="5" s="1"/>
  <c r="I6018" i="2"/>
  <c r="I5992" i="5" s="1"/>
  <c r="L47" i="2"/>
  <c r="L21" i="5" s="1"/>
  <c r="M47" i="2"/>
  <c r="M21" i="5" s="1"/>
  <c r="K47" i="2"/>
  <c r="K21" i="5" s="1"/>
  <c r="O21" i="5" s="1"/>
  <c r="I47" i="2"/>
  <c r="I21" i="5" s="1"/>
  <c r="J47" i="2"/>
  <c r="J21" i="5" s="1"/>
  <c r="N21" i="5" s="1"/>
  <c r="K5284" i="2"/>
  <c r="K5258" i="5" s="1"/>
  <c r="O5258" i="5" s="1"/>
  <c r="L5284" i="2"/>
  <c r="L5258" i="5" s="1"/>
  <c r="J5284" i="2"/>
  <c r="J5258" i="5" s="1"/>
  <c r="N5258" i="5" s="1"/>
  <c r="M5284" i="2"/>
  <c r="M5258" i="5" s="1"/>
  <c r="I5284" i="2"/>
  <c r="I5258" i="5" s="1"/>
  <c r="K5275" i="2"/>
  <c r="K5249" i="5" s="1"/>
  <c r="O5249" i="5" s="1"/>
  <c r="J5275" i="2"/>
  <c r="J5249" i="5" s="1"/>
  <c r="N5249" i="5" s="1"/>
  <c r="L5275" i="2"/>
  <c r="L5249" i="5" s="1"/>
  <c r="I5275" i="2"/>
  <c r="I5249" i="5" s="1"/>
  <c r="M5275" i="2"/>
  <c r="M5249" i="5" s="1"/>
  <c r="J7647" i="2"/>
  <c r="J7621" i="5" s="1"/>
  <c r="N7621" i="5" s="1"/>
  <c r="M7647" i="2"/>
  <c r="M7621" i="5" s="1"/>
  <c r="L7647" i="2"/>
  <c r="L7621" i="5" s="1"/>
  <c r="I7647" i="2"/>
  <c r="I7621" i="5" s="1"/>
  <c r="K7647" i="2"/>
  <c r="K7621" i="5" s="1"/>
  <c r="O7621" i="5" s="1"/>
  <c r="J1061" i="2"/>
  <c r="J1035" i="5" s="1"/>
  <c r="N1035" i="5" s="1"/>
  <c r="L1061" i="2"/>
  <c r="L1035" i="5" s="1"/>
  <c r="M1061" i="2"/>
  <c r="M1035" i="5" s="1"/>
  <c r="I1061" i="2"/>
  <c r="I1035" i="5" s="1"/>
  <c r="K1061" i="2"/>
  <c r="K1035" i="5" s="1"/>
  <c r="O1035" i="5" s="1"/>
  <c r="K4828" i="2"/>
  <c r="K4802" i="5" s="1"/>
  <c r="O4802" i="5" s="1"/>
  <c r="J4828" i="2"/>
  <c r="J4802" i="5" s="1"/>
  <c r="N4802" i="5" s="1"/>
  <c r="M4828" i="2"/>
  <c r="M4802" i="5" s="1"/>
  <c r="L4828" i="2"/>
  <c r="L4802" i="5" s="1"/>
  <c r="I4828" i="2"/>
  <c r="I4802" i="5" s="1"/>
  <c r="L2280" i="2"/>
  <c r="L2254" i="5" s="1"/>
  <c r="M2280" i="2"/>
  <c r="M2254" i="5" s="1"/>
  <c r="J2280" i="2"/>
  <c r="J2254" i="5" s="1"/>
  <c r="N2254" i="5" s="1"/>
  <c r="I2280" i="2"/>
  <c r="I2254" i="5" s="1"/>
  <c r="K2280" i="2"/>
  <c r="K2254" i="5" s="1"/>
  <c r="O2254" i="5" s="1"/>
  <c r="K6483" i="2"/>
  <c r="K6457" i="5" s="1"/>
  <c r="O6457" i="5" s="1"/>
  <c r="L6483" i="2"/>
  <c r="L6457" i="5" s="1"/>
  <c r="M6483" i="2"/>
  <c r="M6457" i="5" s="1"/>
  <c r="J6483" i="2"/>
  <c r="J6457" i="5" s="1"/>
  <c r="N6457" i="5" s="1"/>
  <c r="I6483" i="2"/>
  <c r="I6457" i="5" s="1"/>
  <c r="M2635" i="2"/>
  <c r="M2609" i="5" s="1"/>
  <c r="L2635" i="2"/>
  <c r="L2609" i="5" s="1"/>
  <c r="I2635" i="2"/>
  <c r="I2609" i="5" s="1"/>
  <c r="K2635" i="2"/>
  <c r="K2609" i="5" s="1"/>
  <c r="O2609" i="5" s="1"/>
  <c r="J2635" i="2"/>
  <c r="J2609" i="5" s="1"/>
  <c r="N2609" i="5" s="1"/>
  <c r="L3123" i="2"/>
  <c r="L3097" i="5" s="1"/>
  <c r="M3123" i="2"/>
  <c r="M3097" i="5" s="1"/>
  <c r="J3123" i="2"/>
  <c r="J3097" i="5" s="1"/>
  <c r="N3097" i="5" s="1"/>
  <c r="I3123" i="2"/>
  <c r="I3097" i="5" s="1"/>
  <c r="K3123" i="2"/>
  <c r="K3097" i="5" s="1"/>
  <c r="O3097" i="5" s="1"/>
  <c r="J3109" i="2"/>
  <c r="J3083" i="5" s="1"/>
  <c r="N3083" i="5" s="1"/>
  <c r="L3109" i="2"/>
  <c r="L3083" i="5" s="1"/>
  <c r="M3109" i="2"/>
  <c r="M3083" i="5" s="1"/>
  <c r="I3109" i="2"/>
  <c r="I3083" i="5" s="1"/>
  <c r="K3109" i="2"/>
  <c r="K3083" i="5" s="1"/>
  <c r="O3083" i="5" s="1"/>
  <c r="J7013" i="2"/>
  <c r="J6987" i="5" s="1"/>
  <c r="N6987" i="5" s="1"/>
  <c r="L7013" i="2"/>
  <c r="L6987" i="5" s="1"/>
  <c r="M7013" i="2"/>
  <c r="M6987" i="5" s="1"/>
  <c r="I7013" i="2"/>
  <c r="I6987" i="5" s="1"/>
  <c r="K7013" i="2"/>
  <c r="K6987" i="5" s="1"/>
  <c r="O6987" i="5" s="1"/>
  <c r="L1295" i="2"/>
  <c r="L1269" i="5" s="1"/>
  <c r="M1295" i="2"/>
  <c r="M1269" i="5" s="1"/>
  <c r="J1295" i="2"/>
  <c r="J1269" i="5" s="1"/>
  <c r="N1269" i="5" s="1"/>
  <c r="I1295" i="2"/>
  <c r="I1269" i="5" s="1"/>
  <c r="K1295" i="2"/>
  <c r="K1269" i="5" s="1"/>
  <c r="O1269" i="5" s="1"/>
  <c r="L5971" i="2"/>
  <c r="L5945" i="5" s="1"/>
  <c r="M5971" i="2"/>
  <c r="M5945" i="5" s="1"/>
  <c r="I5971" i="2"/>
  <c r="I5945" i="5" s="1"/>
  <c r="K5971" i="2"/>
  <c r="K5945" i="5" s="1"/>
  <c r="O5945" i="5" s="1"/>
  <c r="J5971" i="2"/>
  <c r="J5945" i="5" s="1"/>
  <c r="N5945" i="5" s="1"/>
  <c r="J5979" i="2"/>
  <c r="J5953" i="5" s="1"/>
  <c r="N5953" i="5" s="1"/>
  <c r="M5979" i="2"/>
  <c r="M5953" i="5" s="1"/>
  <c r="L5979" i="2"/>
  <c r="L5953" i="5" s="1"/>
  <c r="I5979" i="2"/>
  <c r="I5953" i="5" s="1"/>
  <c r="K5979" i="2"/>
  <c r="K5953" i="5" s="1"/>
  <c r="O5953" i="5" s="1"/>
  <c r="L3099" i="2"/>
  <c r="L3073" i="5" s="1"/>
  <c r="M3099" i="2"/>
  <c r="M3073" i="5" s="1"/>
  <c r="I3099" i="2"/>
  <c r="I3073" i="5" s="1"/>
  <c r="K3099" i="2"/>
  <c r="K3073" i="5" s="1"/>
  <c r="O3073" i="5" s="1"/>
  <c r="J3099" i="2"/>
  <c r="J3073" i="5" s="1"/>
  <c r="N3073" i="5" s="1"/>
  <c r="I1104" i="2"/>
  <c r="I1078" i="5" s="1"/>
  <c r="L1104" i="2"/>
  <c r="L1078" i="5" s="1"/>
  <c r="K1104" i="2"/>
  <c r="K1078" i="5" s="1"/>
  <c r="O1078" i="5" s="1"/>
  <c r="M1104" i="2"/>
  <c r="M1078" i="5" s="1"/>
  <c r="J1104" i="2"/>
  <c r="J1078" i="5" s="1"/>
  <c r="N1078" i="5" s="1"/>
  <c r="I486" i="2"/>
  <c r="I460" i="5" s="1"/>
  <c r="L486" i="2"/>
  <c r="L460" i="5" s="1"/>
  <c r="M486" i="2"/>
  <c r="M460" i="5" s="1"/>
  <c r="K486" i="2"/>
  <c r="K460" i="5" s="1"/>
  <c r="O460" i="5" s="1"/>
  <c r="J486" i="2"/>
  <c r="J460" i="5" s="1"/>
  <c r="N460" i="5" s="1"/>
  <c r="L243" i="2"/>
  <c r="L217" i="5" s="1"/>
  <c r="M243" i="2"/>
  <c r="M217" i="5" s="1"/>
  <c r="J243" i="2"/>
  <c r="J217" i="5" s="1"/>
  <c r="N217" i="5" s="1"/>
  <c r="I243" i="2"/>
  <c r="I217" i="5" s="1"/>
  <c r="K243" i="2"/>
  <c r="K217" i="5" s="1"/>
  <c r="O217" i="5" s="1"/>
  <c r="M6942" i="2"/>
  <c r="M6916" i="5" s="1"/>
  <c r="L6942" i="2"/>
  <c r="L6916" i="5" s="1"/>
  <c r="I6942" i="2"/>
  <c r="I6916" i="5" s="1"/>
  <c r="K6942" i="2"/>
  <c r="K6916" i="5" s="1"/>
  <c r="O6916" i="5" s="1"/>
  <c r="J6942" i="2"/>
  <c r="J6916" i="5" s="1"/>
  <c r="N6916" i="5" s="1"/>
  <c r="J6925" i="2"/>
  <c r="J6899" i="5" s="1"/>
  <c r="N6899" i="5" s="1"/>
  <c r="L6925" i="2"/>
  <c r="L6899" i="5" s="1"/>
  <c r="M6925" i="2"/>
  <c r="M6899" i="5" s="1"/>
  <c r="I6925" i="2"/>
  <c r="I6899" i="5" s="1"/>
  <c r="K6925" i="2"/>
  <c r="K6899" i="5" s="1"/>
  <c r="O6899" i="5" s="1"/>
  <c r="M5489" i="2"/>
  <c r="M5463" i="5" s="1"/>
  <c r="L5489" i="2"/>
  <c r="L5463" i="5" s="1"/>
  <c r="I5489" i="2"/>
  <c r="I5463" i="5" s="1"/>
  <c r="K5489" i="2"/>
  <c r="K5463" i="5" s="1"/>
  <c r="O5463" i="5" s="1"/>
  <c r="J5489" i="2"/>
  <c r="J5463" i="5" s="1"/>
  <c r="N5463" i="5" s="1"/>
  <c r="J4756" i="2"/>
  <c r="J4730" i="5" s="1"/>
  <c r="N4730" i="5" s="1"/>
  <c r="M4756" i="2"/>
  <c r="M4730" i="5" s="1"/>
  <c r="L4756" i="2"/>
  <c r="L4730" i="5" s="1"/>
  <c r="I4756" i="2"/>
  <c r="I4730" i="5" s="1"/>
  <c r="K4756" i="2"/>
  <c r="K4730" i="5" s="1"/>
  <c r="O4730" i="5" s="1"/>
  <c r="M8166" i="2"/>
  <c r="M8140" i="5" s="1"/>
  <c r="I8166" i="2"/>
  <c r="I8140" i="5" s="1"/>
  <c r="K8166" i="2"/>
  <c r="K8140" i="5" s="1"/>
  <c r="O8140" i="5" s="1"/>
  <c r="J8166" i="2"/>
  <c r="J8140" i="5" s="1"/>
  <c r="N8140" i="5" s="1"/>
  <c r="L8166" i="2"/>
  <c r="L8140" i="5" s="1"/>
  <c r="I1900" i="2"/>
  <c r="I1874" i="5" s="1"/>
  <c r="K1900" i="2"/>
  <c r="K1874" i="5" s="1"/>
  <c r="O1874" i="5" s="1"/>
  <c r="J1900" i="2"/>
  <c r="J1874" i="5" s="1"/>
  <c r="N1874" i="5" s="1"/>
  <c r="L1900" i="2"/>
  <c r="L1874" i="5" s="1"/>
  <c r="M1900" i="2"/>
  <c r="M1874" i="5" s="1"/>
  <c r="K4772" i="2"/>
  <c r="K4746" i="5" s="1"/>
  <c r="O4746" i="5" s="1"/>
  <c r="L4772" i="2"/>
  <c r="L4746" i="5" s="1"/>
  <c r="J4772" i="2"/>
  <c r="J4746" i="5" s="1"/>
  <c r="N4746" i="5" s="1"/>
  <c r="M4772" i="2"/>
  <c r="M4746" i="5" s="1"/>
  <c r="I4772" i="2"/>
  <c r="I4746" i="5" s="1"/>
  <c r="K3665" i="2"/>
  <c r="K3639" i="5" s="1"/>
  <c r="O3639" i="5" s="1"/>
  <c r="J3665" i="2"/>
  <c r="J3639" i="5" s="1"/>
  <c r="N3639" i="5" s="1"/>
  <c r="M3665" i="2"/>
  <c r="M3639" i="5" s="1"/>
  <c r="L3665" i="2"/>
  <c r="L3639" i="5" s="1"/>
  <c r="I3665" i="2"/>
  <c r="I3639" i="5" s="1"/>
  <c r="J5641" i="2"/>
  <c r="J5615" i="5" s="1"/>
  <c r="N5615" i="5" s="1"/>
  <c r="I5641" i="2"/>
  <c r="I5615" i="5" s="1"/>
  <c r="K5641" i="2"/>
  <c r="K5615" i="5" s="1"/>
  <c r="O5615" i="5" s="1"/>
  <c r="M5641" i="2"/>
  <c r="M5615" i="5" s="1"/>
  <c r="L5641" i="2"/>
  <c r="L5615" i="5" s="1"/>
  <c r="K2067" i="2"/>
  <c r="K2041" i="5" s="1"/>
  <c r="O2041" i="5" s="1"/>
  <c r="L2067" i="2"/>
  <c r="L2041" i="5" s="1"/>
  <c r="I2067" i="2"/>
  <c r="I2041" i="5" s="1"/>
  <c r="M2067" i="2"/>
  <c r="M2041" i="5" s="1"/>
  <c r="J2067" i="2"/>
  <c r="J2041" i="5" s="1"/>
  <c r="N2041" i="5" s="1"/>
  <c r="M7636" i="2"/>
  <c r="M7610" i="5" s="1"/>
  <c r="I7636" i="2"/>
  <c r="I7610" i="5" s="1"/>
  <c r="L7636" i="2"/>
  <c r="L7610" i="5" s="1"/>
  <c r="J7636" i="2"/>
  <c r="J7610" i="5" s="1"/>
  <c r="N7610" i="5" s="1"/>
  <c r="K7636" i="2"/>
  <c r="K7610" i="5" s="1"/>
  <c r="O7610" i="5" s="1"/>
  <c r="M7631" i="2"/>
  <c r="M7605" i="5" s="1"/>
  <c r="L7631" i="2"/>
  <c r="L7605" i="5" s="1"/>
  <c r="J7631" i="2"/>
  <c r="J7605" i="5" s="1"/>
  <c r="N7605" i="5" s="1"/>
  <c r="I7631" i="2"/>
  <c r="I7605" i="5" s="1"/>
  <c r="K7631" i="2"/>
  <c r="K7605" i="5" s="1"/>
  <c r="O7605" i="5" s="1"/>
  <c r="L4454" i="2"/>
  <c r="L4428" i="5" s="1"/>
  <c r="K4454" i="2"/>
  <c r="K4428" i="5" s="1"/>
  <c r="O4428" i="5" s="1"/>
  <c r="M4454" i="2"/>
  <c r="M4428" i="5" s="1"/>
  <c r="I4454" i="2"/>
  <c r="I4428" i="5" s="1"/>
  <c r="J4454" i="2"/>
  <c r="J4428" i="5" s="1"/>
  <c r="N4428" i="5" s="1"/>
  <c r="C192" i="5"/>
  <c r="AR186" i="1"/>
  <c r="M7672" i="2"/>
  <c r="M7646" i="5" s="1"/>
  <c r="J7672" i="2"/>
  <c r="J7646" i="5" s="1"/>
  <c r="N7646" i="5" s="1"/>
  <c r="I7672" i="2"/>
  <c r="I7646" i="5" s="1"/>
  <c r="K7672" i="2"/>
  <c r="K7646" i="5" s="1"/>
  <c r="O7646" i="5" s="1"/>
  <c r="L7672" i="2"/>
  <c r="L7646" i="5" s="1"/>
  <c r="M4164" i="2"/>
  <c r="M4138" i="5" s="1"/>
  <c r="K4164" i="2"/>
  <c r="K4138" i="5" s="1"/>
  <c r="O4138" i="5" s="1"/>
  <c r="L4164" i="2"/>
  <c r="L4138" i="5" s="1"/>
  <c r="I4164" i="2"/>
  <c r="I4138" i="5" s="1"/>
  <c r="J4164" i="2"/>
  <c r="J4138" i="5" s="1"/>
  <c r="N4138" i="5" s="1"/>
  <c r="L2394" i="2"/>
  <c r="L2368" i="5" s="1"/>
  <c r="M2394" i="2"/>
  <c r="M2368" i="5" s="1"/>
  <c r="I2394" i="2"/>
  <c r="I2368" i="5" s="1"/>
  <c r="K2394" i="2"/>
  <c r="K2368" i="5" s="1"/>
  <c r="O2368" i="5" s="1"/>
  <c r="J2394" i="2"/>
  <c r="J2368" i="5" s="1"/>
  <c r="N2368" i="5" s="1"/>
  <c r="J2389" i="2"/>
  <c r="J2363" i="5" s="1"/>
  <c r="N2363" i="5" s="1"/>
  <c r="L2389" i="2"/>
  <c r="L2363" i="5" s="1"/>
  <c r="M2389" i="2"/>
  <c r="M2363" i="5" s="1"/>
  <c r="I2389" i="2"/>
  <c r="I2363" i="5" s="1"/>
  <c r="K2389" i="2"/>
  <c r="K2363" i="5" s="1"/>
  <c r="O2363" i="5" s="1"/>
  <c r="L8627" i="2"/>
  <c r="L8601" i="5" s="1"/>
  <c r="M8627" i="2"/>
  <c r="M8601" i="5" s="1"/>
  <c r="I8627" i="2"/>
  <c r="I8601" i="5" s="1"/>
  <c r="J8627" i="2"/>
  <c r="J8601" i="5" s="1"/>
  <c r="N8601" i="5" s="1"/>
  <c r="K8627" i="2"/>
  <c r="K8601" i="5" s="1"/>
  <c r="O8601" i="5" s="1"/>
  <c r="I3643" i="2"/>
  <c r="I3617" i="5" s="1"/>
  <c r="K3643" i="2"/>
  <c r="K3617" i="5" s="1"/>
  <c r="O3617" i="5" s="1"/>
  <c r="J3643" i="2"/>
  <c r="J3617" i="5" s="1"/>
  <c r="N3617" i="5" s="1"/>
  <c r="M3643" i="2"/>
  <c r="M3617" i="5" s="1"/>
  <c r="L3643" i="2"/>
  <c r="L3617" i="5" s="1"/>
  <c r="K3594" i="2"/>
  <c r="K3568" i="5" s="1"/>
  <c r="O3568" i="5" s="1"/>
  <c r="L3594" i="2"/>
  <c r="L3568" i="5" s="1"/>
  <c r="I3594" i="2"/>
  <c r="I3568" i="5" s="1"/>
  <c r="M3594" i="2"/>
  <c r="M3568" i="5" s="1"/>
  <c r="J3594" i="2"/>
  <c r="J3568" i="5" s="1"/>
  <c r="N3568" i="5" s="1"/>
  <c r="I5523" i="2"/>
  <c r="I5497" i="5" s="1"/>
  <c r="K5523" i="2"/>
  <c r="K5497" i="5" s="1"/>
  <c r="O5497" i="5" s="1"/>
  <c r="L5523" i="2"/>
  <c r="L5497" i="5" s="1"/>
  <c r="J5523" i="2"/>
  <c r="J5497" i="5" s="1"/>
  <c r="N5497" i="5" s="1"/>
  <c r="M5523" i="2"/>
  <c r="M5497" i="5" s="1"/>
  <c r="I5258" i="2"/>
  <c r="I5232" i="5" s="1"/>
  <c r="K5258" i="2"/>
  <c r="K5232" i="5" s="1"/>
  <c r="O5232" i="5" s="1"/>
  <c r="L5258" i="2"/>
  <c r="L5232" i="5" s="1"/>
  <c r="M5258" i="2"/>
  <c r="M5232" i="5" s="1"/>
  <c r="J5258" i="2"/>
  <c r="J5232" i="5" s="1"/>
  <c r="N5232" i="5" s="1"/>
  <c r="K6597" i="2"/>
  <c r="K6571" i="5" s="1"/>
  <c r="O6571" i="5" s="1"/>
  <c r="L6597" i="2"/>
  <c r="L6571" i="5" s="1"/>
  <c r="M6597" i="2"/>
  <c r="M6571" i="5" s="1"/>
  <c r="J6597" i="2"/>
  <c r="J6571" i="5" s="1"/>
  <c r="N6571" i="5" s="1"/>
  <c r="I6597" i="2"/>
  <c r="I6571" i="5" s="1"/>
  <c r="L2499" i="2"/>
  <c r="L2473" i="5" s="1"/>
  <c r="M2499" i="2"/>
  <c r="M2473" i="5" s="1"/>
  <c r="I2499" i="2"/>
  <c r="I2473" i="5" s="1"/>
  <c r="K2499" i="2"/>
  <c r="K2473" i="5" s="1"/>
  <c r="O2473" i="5" s="1"/>
  <c r="J2499" i="2"/>
  <c r="J2473" i="5" s="1"/>
  <c r="N2473" i="5" s="1"/>
  <c r="J2486" i="2"/>
  <c r="J2460" i="5" s="1"/>
  <c r="N2460" i="5" s="1"/>
  <c r="L2486" i="2"/>
  <c r="L2460" i="5" s="1"/>
  <c r="M2486" i="2"/>
  <c r="M2460" i="5" s="1"/>
  <c r="I2486" i="2"/>
  <c r="I2460" i="5" s="1"/>
  <c r="K2486" i="2"/>
  <c r="K2460" i="5" s="1"/>
  <c r="O2460" i="5" s="1"/>
  <c r="L2590" i="2"/>
  <c r="L2564" i="5" s="1"/>
  <c r="I2590" i="2"/>
  <c r="I2564" i="5" s="1"/>
  <c r="K2590" i="2"/>
  <c r="K2564" i="5" s="1"/>
  <c r="O2564" i="5" s="1"/>
  <c r="J2590" i="2"/>
  <c r="J2564" i="5" s="1"/>
  <c r="N2564" i="5" s="1"/>
  <c r="M2590" i="2"/>
  <c r="M2564" i="5" s="1"/>
  <c r="L6310" i="2"/>
  <c r="L6284" i="5" s="1"/>
  <c r="I6310" i="2"/>
  <c r="I6284" i="5" s="1"/>
  <c r="M6310" i="2"/>
  <c r="M6284" i="5" s="1"/>
  <c r="K6310" i="2"/>
  <c r="K6284" i="5" s="1"/>
  <c r="O6284" i="5" s="1"/>
  <c r="J6310" i="2"/>
  <c r="J6284" i="5" s="1"/>
  <c r="N6284" i="5" s="1"/>
  <c r="C269" i="5"/>
  <c r="AR263" i="1"/>
  <c r="J3791" i="2"/>
  <c r="J3765" i="5" s="1"/>
  <c r="N3765" i="5" s="1"/>
  <c r="I3791" i="2"/>
  <c r="I3765" i="5" s="1"/>
  <c r="L3791" i="2"/>
  <c r="L3765" i="5" s="1"/>
  <c r="K3791" i="2"/>
  <c r="K3765" i="5" s="1"/>
  <c r="O3765" i="5" s="1"/>
  <c r="M3791" i="2"/>
  <c r="M3765" i="5" s="1"/>
  <c r="M2166" i="2"/>
  <c r="M2140" i="5" s="1"/>
  <c r="L2166" i="2"/>
  <c r="L2140" i="5" s="1"/>
  <c r="I2166" i="2"/>
  <c r="I2140" i="5" s="1"/>
  <c r="K2166" i="2"/>
  <c r="K2140" i="5" s="1"/>
  <c r="O2140" i="5" s="1"/>
  <c r="J2166" i="2"/>
  <c r="J2140" i="5" s="1"/>
  <c r="N2140" i="5" s="1"/>
  <c r="L6297" i="2"/>
  <c r="L6271" i="5" s="1"/>
  <c r="I6297" i="2"/>
  <c r="I6271" i="5" s="1"/>
  <c r="M6297" i="2"/>
  <c r="M6271" i="5" s="1"/>
  <c r="J6297" i="2"/>
  <c r="J6271" i="5" s="1"/>
  <c r="N6271" i="5" s="1"/>
  <c r="K6297" i="2"/>
  <c r="K6271" i="5" s="1"/>
  <c r="O6271" i="5" s="1"/>
  <c r="J3430" i="2"/>
  <c r="J3404" i="5" s="1"/>
  <c r="N3404" i="5" s="1"/>
  <c r="M3430" i="2"/>
  <c r="M3404" i="5" s="1"/>
  <c r="I3430" i="2"/>
  <c r="I3404" i="5" s="1"/>
  <c r="K3430" i="2"/>
  <c r="K3404" i="5" s="1"/>
  <c r="O3404" i="5" s="1"/>
  <c r="L3430" i="2"/>
  <c r="L3404" i="5" s="1"/>
  <c r="K6782" i="2"/>
  <c r="K6756" i="5" s="1"/>
  <c r="O6756" i="5" s="1"/>
  <c r="M6782" i="2"/>
  <c r="M6756" i="5" s="1"/>
  <c r="J6782" i="2"/>
  <c r="J6756" i="5" s="1"/>
  <c r="N6756" i="5" s="1"/>
  <c r="L6782" i="2"/>
  <c r="L6756" i="5" s="1"/>
  <c r="I6782" i="2"/>
  <c r="I6756" i="5" s="1"/>
  <c r="J7303" i="2"/>
  <c r="J7277" i="5" s="1"/>
  <c r="N7277" i="5" s="1"/>
  <c r="M7303" i="2"/>
  <c r="M7277" i="5" s="1"/>
  <c r="L7303" i="2"/>
  <c r="L7277" i="5" s="1"/>
  <c r="I7303" i="2"/>
  <c r="I7277" i="5" s="1"/>
  <c r="K7303" i="2"/>
  <c r="K7277" i="5" s="1"/>
  <c r="O7277" i="5" s="1"/>
  <c r="J7299" i="2"/>
  <c r="J7273" i="5" s="1"/>
  <c r="N7273" i="5" s="1"/>
  <c r="M7299" i="2"/>
  <c r="M7273" i="5" s="1"/>
  <c r="I7299" i="2"/>
  <c r="I7273" i="5" s="1"/>
  <c r="L7299" i="2"/>
  <c r="L7273" i="5" s="1"/>
  <c r="K7299" i="2"/>
  <c r="K7273" i="5" s="1"/>
  <c r="O7273" i="5" s="1"/>
  <c r="M1251" i="2"/>
  <c r="M1225" i="5" s="1"/>
  <c r="I1251" i="2"/>
  <c r="I1225" i="5" s="1"/>
  <c r="L1251" i="2"/>
  <c r="L1225" i="5" s="1"/>
  <c r="K1251" i="2"/>
  <c r="K1225" i="5" s="1"/>
  <c r="O1225" i="5" s="1"/>
  <c r="J1251" i="2"/>
  <c r="J1225" i="5" s="1"/>
  <c r="N1225" i="5" s="1"/>
  <c r="L3281" i="2"/>
  <c r="L3255" i="5" s="1"/>
  <c r="I3281" i="2"/>
  <c r="I3255" i="5" s="1"/>
  <c r="K3281" i="2"/>
  <c r="K3255" i="5" s="1"/>
  <c r="O3255" i="5" s="1"/>
  <c r="J3281" i="2"/>
  <c r="J3255" i="5" s="1"/>
  <c r="N3255" i="5" s="1"/>
  <c r="M3281" i="2"/>
  <c r="M3255" i="5" s="1"/>
  <c r="K6818" i="2"/>
  <c r="K6792" i="5" s="1"/>
  <c r="O6792" i="5" s="1"/>
  <c r="J6818" i="2"/>
  <c r="J6792" i="5" s="1"/>
  <c r="N6792" i="5" s="1"/>
  <c r="L6818" i="2"/>
  <c r="L6792" i="5" s="1"/>
  <c r="M6818" i="2"/>
  <c r="M6792" i="5" s="1"/>
  <c r="I6818" i="2"/>
  <c r="I6792" i="5" s="1"/>
  <c r="M5420" i="2"/>
  <c r="M5394" i="5" s="1"/>
  <c r="I5420" i="2"/>
  <c r="I5394" i="5" s="1"/>
  <c r="K5420" i="2"/>
  <c r="K5394" i="5" s="1"/>
  <c r="O5394" i="5" s="1"/>
  <c r="L5420" i="2"/>
  <c r="L5394" i="5" s="1"/>
  <c r="J5420" i="2"/>
  <c r="J5394" i="5" s="1"/>
  <c r="N5394" i="5" s="1"/>
  <c r="L107" i="2"/>
  <c r="L81" i="5" s="1"/>
  <c r="M107" i="2"/>
  <c r="M81" i="5" s="1"/>
  <c r="I107" i="2"/>
  <c r="I81" i="5" s="1"/>
  <c r="J107" i="2"/>
  <c r="J81" i="5" s="1"/>
  <c r="N81" i="5" s="1"/>
  <c r="K107" i="2"/>
  <c r="K81" i="5" s="1"/>
  <c r="O81" i="5" s="1"/>
  <c r="M3914" i="2"/>
  <c r="M3888" i="5" s="1"/>
  <c r="L3914" i="2"/>
  <c r="L3888" i="5" s="1"/>
  <c r="I3914" i="2"/>
  <c r="I3888" i="5" s="1"/>
  <c r="K3914" i="2"/>
  <c r="K3888" i="5" s="1"/>
  <c r="O3888" i="5" s="1"/>
  <c r="J3914" i="2"/>
  <c r="J3888" i="5" s="1"/>
  <c r="N3888" i="5" s="1"/>
  <c r="M260" i="2"/>
  <c r="M234" i="5" s="1"/>
  <c r="L260" i="2"/>
  <c r="L234" i="5" s="1"/>
  <c r="K260" i="2"/>
  <c r="K234" i="5" s="1"/>
  <c r="O234" i="5" s="1"/>
  <c r="J260" i="2"/>
  <c r="J234" i="5" s="1"/>
  <c r="N234" i="5" s="1"/>
  <c r="I260" i="2"/>
  <c r="I234" i="5" s="1"/>
  <c r="L254" i="2"/>
  <c r="L228" i="5" s="1"/>
  <c r="I254" i="2"/>
  <c r="I228" i="5" s="1"/>
  <c r="M254" i="2"/>
  <c r="M228" i="5" s="1"/>
  <c r="K254" i="2"/>
  <c r="K228" i="5" s="1"/>
  <c r="O228" i="5" s="1"/>
  <c r="J254" i="2"/>
  <c r="J228" i="5" s="1"/>
  <c r="N228" i="5" s="1"/>
  <c r="K6350" i="2"/>
  <c r="K6324" i="5" s="1"/>
  <c r="O6324" i="5" s="1"/>
  <c r="M6350" i="2"/>
  <c r="M6324" i="5" s="1"/>
  <c r="L6350" i="2"/>
  <c r="L6324" i="5" s="1"/>
  <c r="I6350" i="2"/>
  <c r="I6324" i="5" s="1"/>
  <c r="J6350" i="2"/>
  <c r="J6324" i="5" s="1"/>
  <c r="N6324" i="5" s="1"/>
  <c r="C271" i="5"/>
  <c r="AR265" i="1"/>
  <c r="L7186" i="2"/>
  <c r="L7160" i="5" s="1"/>
  <c r="K7186" i="2"/>
  <c r="K7160" i="5" s="1"/>
  <c r="O7160" i="5" s="1"/>
  <c r="M7186" i="2"/>
  <c r="M7160" i="5" s="1"/>
  <c r="J7186" i="2"/>
  <c r="J7160" i="5" s="1"/>
  <c r="N7160" i="5" s="1"/>
  <c r="I7186" i="2"/>
  <c r="I7160" i="5" s="1"/>
  <c r="K1583" i="2"/>
  <c r="K1557" i="5" s="1"/>
  <c r="O1557" i="5" s="1"/>
  <c r="I1583" i="2"/>
  <c r="I1557" i="5" s="1"/>
  <c r="L1583" i="2"/>
  <c r="L1557" i="5" s="1"/>
  <c r="M1583" i="2"/>
  <c r="M1557" i="5" s="1"/>
  <c r="J1583" i="2"/>
  <c r="J1557" i="5" s="1"/>
  <c r="N1557" i="5" s="1"/>
  <c r="K1576" i="2"/>
  <c r="K1550" i="5" s="1"/>
  <c r="O1550" i="5" s="1"/>
  <c r="J1576" i="2"/>
  <c r="J1550" i="5" s="1"/>
  <c r="N1550" i="5" s="1"/>
  <c r="L1576" i="2"/>
  <c r="L1550" i="5" s="1"/>
  <c r="M1576" i="2"/>
  <c r="M1550" i="5" s="1"/>
  <c r="I1576" i="2"/>
  <c r="I1550" i="5" s="1"/>
  <c r="I3500" i="2"/>
  <c r="I3474" i="5" s="1"/>
  <c r="L3500" i="2"/>
  <c r="L3474" i="5" s="1"/>
  <c r="K3500" i="2"/>
  <c r="K3474" i="5" s="1"/>
  <c r="O3474" i="5" s="1"/>
  <c r="J3500" i="2"/>
  <c r="J3474" i="5" s="1"/>
  <c r="N3474" i="5" s="1"/>
  <c r="M3500" i="2"/>
  <c r="M3474" i="5" s="1"/>
  <c r="L6688" i="2"/>
  <c r="L6662" i="5" s="1"/>
  <c r="M6688" i="2"/>
  <c r="M6662" i="5" s="1"/>
  <c r="I6688" i="2"/>
  <c r="I6662" i="5" s="1"/>
  <c r="K6688" i="2"/>
  <c r="K6662" i="5" s="1"/>
  <c r="O6662" i="5" s="1"/>
  <c r="J6688" i="2"/>
  <c r="J6662" i="5" s="1"/>
  <c r="N6662" i="5" s="1"/>
  <c r="C285" i="5"/>
  <c r="AR279" i="1"/>
  <c r="K7127" i="2"/>
  <c r="K7101" i="5" s="1"/>
  <c r="O7101" i="5" s="1"/>
  <c r="L7127" i="2"/>
  <c r="L7101" i="5" s="1"/>
  <c r="J7127" i="2"/>
  <c r="J7101" i="5" s="1"/>
  <c r="N7101" i="5" s="1"/>
  <c r="M7127" i="2"/>
  <c r="M7101" i="5" s="1"/>
  <c r="I7127" i="2"/>
  <c r="I7101" i="5" s="1"/>
  <c r="K2142" i="2"/>
  <c r="K2116" i="5" s="1"/>
  <c r="O2116" i="5" s="1"/>
  <c r="I2142" i="2"/>
  <c r="I2116" i="5" s="1"/>
  <c r="J2142" i="2"/>
  <c r="J2116" i="5" s="1"/>
  <c r="N2116" i="5" s="1"/>
  <c r="L2142" i="2"/>
  <c r="L2116" i="5" s="1"/>
  <c r="M2142" i="2"/>
  <c r="M2116" i="5" s="1"/>
  <c r="L3327" i="2"/>
  <c r="L3301" i="5" s="1"/>
  <c r="M3327" i="2"/>
  <c r="M3301" i="5" s="1"/>
  <c r="I3327" i="2"/>
  <c r="I3301" i="5" s="1"/>
  <c r="K3327" i="2"/>
  <c r="K3301" i="5" s="1"/>
  <c r="O3301" i="5" s="1"/>
  <c r="J3327" i="2"/>
  <c r="J3301" i="5" s="1"/>
  <c r="N3301" i="5" s="1"/>
  <c r="I4500" i="2"/>
  <c r="I4474" i="5" s="1"/>
  <c r="J4500" i="2"/>
  <c r="J4474" i="5" s="1"/>
  <c r="N4474" i="5" s="1"/>
  <c r="L4500" i="2"/>
  <c r="L4474" i="5" s="1"/>
  <c r="K4500" i="2"/>
  <c r="K4474" i="5" s="1"/>
  <c r="O4474" i="5" s="1"/>
  <c r="M4500" i="2"/>
  <c r="M4474" i="5" s="1"/>
  <c r="I7436" i="2"/>
  <c r="I7410" i="5" s="1"/>
  <c r="K7436" i="2"/>
  <c r="K7410" i="5" s="1"/>
  <c r="O7410" i="5" s="1"/>
  <c r="J7436" i="2"/>
  <c r="J7410" i="5" s="1"/>
  <c r="N7410" i="5" s="1"/>
  <c r="M7436" i="2"/>
  <c r="M7410" i="5" s="1"/>
  <c r="L7436" i="2"/>
  <c r="L7410" i="5" s="1"/>
  <c r="L6506" i="2"/>
  <c r="L6480" i="5" s="1"/>
  <c r="J6506" i="2"/>
  <c r="J6480" i="5" s="1"/>
  <c r="N6480" i="5" s="1"/>
  <c r="I6506" i="2"/>
  <c r="I6480" i="5" s="1"/>
  <c r="K6506" i="2"/>
  <c r="K6480" i="5" s="1"/>
  <c r="O6480" i="5" s="1"/>
  <c r="M6506" i="2"/>
  <c r="M6480" i="5" s="1"/>
  <c r="I4836" i="2"/>
  <c r="I4810" i="5" s="1"/>
  <c r="K4836" i="2"/>
  <c r="K4810" i="5" s="1"/>
  <c r="O4810" i="5" s="1"/>
  <c r="J4836" i="2"/>
  <c r="J4810" i="5" s="1"/>
  <c r="N4810" i="5" s="1"/>
  <c r="M4836" i="2"/>
  <c r="M4810" i="5" s="1"/>
  <c r="L4836" i="2"/>
  <c r="L4810" i="5" s="1"/>
  <c r="M7872" i="2"/>
  <c r="M7846" i="5" s="1"/>
  <c r="J7872" i="2"/>
  <c r="J7846" i="5" s="1"/>
  <c r="N7846" i="5" s="1"/>
  <c r="I7872" i="2"/>
  <c r="I7846" i="5" s="1"/>
  <c r="K7872" i="2"/>
  <c r="K7846" i="5" s="1"/>
  <c r="O7846" i="5" s="1"/>
  <c r="L7872" i="2"/>
  <c r="L7846" i="5" s="1"/>
  <c r="C334" i="5"/>
  <c r="AR328" i="1"/>
  <c r="M4924" i="2"/>
  <c r="M4898" i="5" s="1"/>
  <c r="J4924" i="2"/>
  <c r="J4898" i="5" s="1"/>
  <c r="N4898" i="5" s="1"/>
  <c r="L4924" i="2"/>
  <c r="L4898" i="5" s="1"/>
  <c r="I4924" i="2"/>
  <c r="I4898" i="5" s="1"/>
  <c r="K4924" i="2"/>
  <c r="K4898" i="5" s="1"/>
  <c r="O4898" i="5" s="1"/>
  <c r="I8284" i="2"/>
  <c r="I8258" i="5" s="1"/>
  <c r="K8284" i="2"/>
  <c r="K8258" i="5" s="1"/>
  <c r="O8258" i="5" s="1"/>
  <c r="L8284" i="2"/>
  <c r="L8258" i="5" s="1"/>
  <c r="M8284" i="2"/>
  <c r="M8258" i="5" s="1"/>
  <c r="J8284" i="2"/>
  <c r="J8258" i="5" s="1"/>
  <c r="N8258" i="5" s="1"/>
  <c r="J4638" i="2"/>
  <c r="J4612" i="5" s="1"/>
  <c r="N4612" i="5" s="1"/>
  <c r="M4638" i="2"/>
  <c r="M4612" i="5" s="1"/>
  <c r="L4638" i="2"/>
  <c r="L4612" i="5" s="1"/>
  <c r="I4638" i="2"/>
  <c r="I4612" i="5" s="1"/>
  <c r="K4638" i="2"/>
  <c r="K4612" i="5" s="1"/>
  <c r="O4612" i="5" s="1"/>
  <c r="M2427" i="2"/>
  <c r="M2401" i="5" s="1"/>
  <c r="L2427" i="2"/>
  <c r="L2401" i="5" s="1"/>
  <c r="I2427" i="2"/>
  <c r="I2401" i="5" s="1"/>
  <c r="K2427" i="2"/>
  <c r="K2401" i="5" s="1"/>
  <c r="O2401" i="5" s="1"/>
  <c r="J2427" i="2"/>
  <c r="J2401" i="5" s="1"/>
  <c r="N2401" i="5" s="1"/>
  <c r="L5310" i="2"/>
  <c r="L5284" i="5" s="1"/>
  <c r="I5310" i="2"/>
  <c r="I5284" i="5" s="1"/>
  <c r="K5310" i="2"/>
  <c r="K5284" i="5" s="1"/>
  <c r="O5284" i="5" s="1"/>
  <c r="J5310" i="2"/>
  <c r="J5284" i="5" s="1"/>
  <c r="N5284" i="5" s="1"/>
  <c r="M5310" i="2"/>
  <c r="M5284" i="5" s="1"/>
  <c r="J8001" i="2"/>
  <c r="J7975" i="5" s="1"/>
  <c r="N7975" i="5" s="1"/>
  <c r="M8001" i="2"/>
  <c r="M7975" i="5" s="1"/>
  <c r="L8001" i="2"/>
  <c r="L7975" i="5" s="1"/>
  <c r="I8001" i="2"/>
  <c r="I7975" i="5" s="1"/>
  <c r="K8001" i="2"/>
  <c r="K7975" i="5" s="1"/>
  <c r="O7975" i="5" s="1"/>
  <c r="K7983" i="2"/>
  <c r="K7957" i="5" s="1"/>
  <c r="O7957" i="5" s="1"/>
  <c r="M7983" i="2"/>
  <c r="M7957" i="5" s="1"/>
  <c r="J7983" i="2"/>
  <c r="J7957" i="5" s="1"/>
  <c r="N7957" i="5" s="1"/>
  <c r="L7983" i="2"/>
  <c r="L7957" i="5" s="1"/>
  <c r="I7983" i="2"/>
  <c r="I7957" i="5" s="1"/>
  <c r="M4096" i="2"/>
  <c r="M4070" i="5" s="1"/>
  <c r="J4096" i="2"/>
  <c r="J4070" i="5" s="1"/>
  <c r="N4070" i="5" s="1"/>
  <c r="L4096" i="2"/>
  <c r="L4070" i="5" s="1"/>
  <c r="I4096" i="2"/>
  <c r="I4070" i="5" s="1"/>
  <c r="K4096" i="2"/>
  <c r="K4070" i="5" s="1"/>
  <c r="O4070" i="5" s="1"/>
  <c r="M8622" i="2"/>
  <c r="M8596" i="5" s="1"/>
  <c r="L8622" i="2"/>
  <c r="L8596" i="5" s="1"/>
  <c r="K8622" i="2"/>
  <c r="K8596" i="5" s="1"/>
  <c r="O8596" i="5" s="1"/>
  <c r="J8622" i="2"/>
  <c r="J8596" i="5" s="1"/>
  <c r="N8596" i="5" s="1"/>
  <c r="I8622" i="2"/>
  <c r="I8596" i="5" s="1"/>
  <c r="AR359" i="1"/>
  <c r="C365" i="5"/>
  <c r="K6096" i="2"/>
  <c r="K6070" i="5" s="1"/>
  <c r="O6070" i="5" s="1"/>
  <c r="L6096" i="2"/>
  <c r="L6070" i="5" s="1"/>
  <c r="M6096" i="2"/>
  <c r="M6070" i="5" s="1"/>
  <c r="I6096" i="2"/>
  <c r="I6070" i="5" s="1"/>
  <c r="J6096" i="2"/>
  <c r="J6070" i="5" s="1"/>
  <c r="N6070" i="5" s="1"/>
  <c r="L3986" i="2"/>
  <c r="L3960" i="5" s="1"/>
  <c r="J3986" i="2"/>
  <c r="J3960" i="5" s="1"/>
  <c r="N3960" i="5" s="1"/>
  <c r="M3986" i="2"/>
  <c r="M3960" i="5" s="1"/>
  <c r="I3986" i="2"/>
  <c r="I3960" i="5" s="1"/>
  <c r="K3986" i="2"/>
  <c r="K3960" i="5" s="1"/>
  <c r="O3960" i="5" s="1"/>
  <c r="L6139" i="2"/>
  <c r="L6113" i="5" s="1"/>
  <c r="K6139" i="2"/>
  <c r="K6113" i="5" s="1"/>
  <c r="O6113" i="5" s="1"/>
  <c r="J6139" i="2"/>
  <c r="J6113" i="5" s="1"/>
  <c r="N6113" i="5" s="1"/>
  <c r="I6139" i="2"/>
  <c r="I6113" i="5" s="1"/>
  <c r="M6139" i="2"/>
  <c r="M6113" i="5" s="1"/>
  <c r="K6153" i="2"/>
  <c r="K6127" i="5" s="1"/>
  <c r="O6127" i="5" s="1"/>
  <c r="L6153" i="2"/>
  <c r="L6127" i="5" s="1"/>
  <c r="M6153" i="2"/>
  <c r="M6127" i="5" s="1"/>
  <c r="J6153" i="2"/>
  <c r="J6127" i="5" s="1"/>
  <c r="N6127" i="5" s="1"/>
  <c r="I6153" i="2"/>
  <c r="I6127" i="5" s="1"/>
  <c r="J5788" i="2"/>
  <c r="J5762" i="5" s="1"/>
  <c r="N5762" i="5" s="1"/>
  <c r="M5788" i="2"/>
  <c r="M5762" i="5" s="1"/>
  <c r="L5788" i="2"/>
  <c r="L5762" i="5" s="1"/>
  <c r="I5788" i="2"/>
  <c r="I5762" i="5" s="1"/>
  <c r="K5788" i="2"/>
  <c r="K5762" i="5" s="1"/>
  <c r="O5762" i="5" s="1"/>
  <c r="I8712" i="2"/>
  <c r="I8686" i="5" s="1"/>
  <c r="L8712" i="2"/>
  <c r="L8686" i="5" s="1"/>
  <c r="J8712" i="2"/>
  <c r="J8686" i="5" s="1"/>
  <c r="N8686" i="5" s="1"/>
  <c r="M8712" i="2"/>
  <c r="M8686" i="5" s="1"/>
  <c r="K8712" i="2"/>
  <c r="K8686" i="5" s="1"/>
  <c r="O8686" i="5" s="1"/>
  <c r="I5315" i="2"/>
  <c r="I5289" i="5" s="1"/>
  <c r="K5315" i="2"/>
  <c r="K5289" i="5" s="1"/>
  <c r="O5289" i="5" s="1"/>
  <c r="J5315" i="2"/>
  <c r="J5289" i="5" s="1"/>
  <c r="N5289" i="5" s="1"/>
  <c r="L5315" i="2"/>
  <c r="L5289" i="5" s="1"/>
  <c r="M5315" i="2"/>
  <c r="M5289" i="5" s="1"/>
  <c r="L7276" i="2"/>
  <c r="L7250" i="5" s="1"/>
  <c r="I7276" i="2"/>
  <c r="I7250" i="5" s="1"/>
  <c r="K7276" i="2"/>
  <c r="K7250" i="5" s="1"/>
  <c r="O7250" i="5" s="1"/>
  <c r="J7276" i="2"/>
  <c r="J7250" i="5" s="1"/>
  <c r="N7250" i="5" s="1"/>
  <c r="M7276" i="2"/>
  <c r="M7250" i="5" s="1"/>
  <c r="L6329" i="2"/>
  <c r="L6303" i="5" s="1"/>
  <c r="M6329" i="2"/>
  <c r="M6303" i="5" s="1"/>
  <c r="I6329" i="2"/>
  <c r="I6303" i="5" s="1"/>
  <c r="K6329" i="2"/>
  <c r="K6303" i="5" s="1"/>
  <c r="O6303" i="5" s="1"/>
  <c r="J6329" i="2"/>
  <c r="J6303" i="5" s="1"/>
  <c r="N6303" i="5" s="1"/>
  <c r="C270" i="5"/>
  <c r="AR264" i="1"/>
  <c r="L7797" i="2"/>
  <c r="L7771" i="5" s="1"/>
  <c r="I7797" i="2"/>
  <c r="I7771" i="5" s="1"/>
  <c r="J7797" i="2"/>
  <c r="J7771" i="5" s="1"/>
  <c r="N7771" i="5" s="1"/>
  <c r="K7797" i="2"/>
  <c r="K7771" i="5" s="1"/>
  <c r="O7771" i="5" s="1"/>
  <c r="M7797" i="2"/>
  <c r="M7771" i="5" s="1"/>
  <c r="I6439" i="2"/>
  <c r="I6413" i="5" s="1"/>
  <c r="M6439" i="2"/>
  <c r="M6413" i="5" s="1"/>
  <c r="K6439" i="2"/>
  <c r="K6413" i="5" s="1"/>
  <c r="O6413" i="5" s="1"/>
  <c r="J6439" i="2"/>
  <c r="J6413" i="5" s="1"/>
  <c r="N6413" i="5" s="1"/>
  <c r="L6439" i="2"/>
  <c r="L6413" i="5" s="1"/>
  <c r="M8011" i="2"/>
  <c r="M7985" i="5" s="1"/>
  <c r="J8011" i="2"/>
  <c r="J7985" i="5" s="1"/>
  <c r="N7985" i="5" s="1"/>
  <c r="I8011" i="2"/>
  <c r="I7985" i="5" s="1"/>
  <c r="L8011" i="2"/>
  <c r="L7985" i="5" s="1"/>
  <c r="K8011" i="2"/>
  <c r="K7985" i="5" s="1"/>
  <c r="O7985" i="5" s="1"/>
  <c r="K5696" i="2"/>
  <c r="K5670" i="5" s="1"/>
  <c r="O5670" i="5" s="1"/>
  <c r="M5696" i="2"/>
  <c r="M5670" i="5" s="1"/>
  <c r="L5696" i="2"/>
  <c r="L5670" i="5" s="1"/>
  <c r="J5696" i="2"/>
  <c r="J5670" i="5" s="1"/>
  <c r="N5670" i="5" s="1"/>
  <c r="I5696" i="2"/>
  <c r="I5670" i="5" s="1"/>
  <c r="I5683" i="2"/>
  <c r="I5657" i="5" s="1"/>
  <c r="K5683" i="2"/>
  <c r="K5657" i="5" s="1"/>
  <c r="O5657" i="5" s="1"/>
  <c r="M5683" i="2"/>
  <c r="M5657" i="5" s="1"/>
  <c r="J5683" i="2"/>
  <c r="J5657" i="5" s="1"/>
  <c r="N5657" i="5" s="1"/>
  <c r="L5683" i="2"/>
  <c r="L5657" i="5" s="1"/>
  <c r="I4804" i="2"/>
  <c r="I4778" i="5" s="1"/>
  <c r="K4804" i="2"/>
  <c r="K4778" i="5" s="1"/>
  <c r="O4778" i="5" s="1"/>
  <c r="M4804" i="2"/>
  <c r="M4778" i="5" s="1"/>
  <c r="J4804" i="2"/>
  <c r="J4778" i="5" s="1"/>
  <c r="N4778" i="5" s="1"/>
  <c r="L4804" i="2"/>
  <c r="L4778" i="5" s="1"/>
  <c r="J8500" i="2"/>
  <c r="J8474" i="5" s="1"/>
  <c r="N8474" i="5" s="1"/>
  <c r="K8500" i="2"/>
  <c r="K8474" i="5" s="1"/>
  <c r="O8474" i="5" s="1"/>
  <c r="L8500" i="2"/>
  <c r="L8474" i="5" s="1"/>
  <c r="I8500" i="2"/>
  <c r="I8474" i="5" s="1"/>
  <c r="M8500" i="2"/>
  <c r="M8474" i="5" s="1"/>
  <c r="M8497" i="2"/>
  <c r="M8471" i="5" s="1"/>
  <c r="J8497" i="2"/>
  <c r="J8471" i="5" s="1"/>
  <c r="N8471" i="5" s="1"/>
  <c r="L8497" i="2"/>
  <c r="L8471" i="5" s="1"/>
  <c r="I8497" i="2"/>
  <c r="I8471" i="5" s="1"/>
  <c r="K8497" i="2"/>
  <c r="K8471" i="5" s="1"/>
  <c r="O8471" i="5" s="1"/>
  <c r="K6850" i="2"/>
  <c r="K6824" i="5" s="1"/>
  <c r="O6824" i="5" s="1"/>
  <c r="L6850" i="2"/>
  <c r="L6824" i="5" s="1"/>
  <c r="M6850" i="2"/>
  <c r="M6824" i="5" s="1"/>
  <c r="J6850" i="2"/>
  <c r="J6824" i="5" s="1"/>
  <c r="N6824" i="5" s="1"/>
  <c r="I6850" i="2"/>
  <c r="I6824" i="5" s="1"/>
  <c r="J6863" i="2"/>
  <c r="J6837" i="5" s="1"/>
  <c r="N6837" i="5" s="1"/>
  <c r="I6863" i="2"/>
  <c r="I6837" i="5" s="1"/>
  <c r="K6863" i="2"/>
  <c r="K6837" i="5" s="1"/>
  <c r="O6837" i="5" s="1"/>
  <c r="L6863" i="2"/>
  <c r="L6837" i="5" s="1"/>
  <c r="M6863" i="2"/>
  <c r="M6837" i="5" s="1"/>
  <c r="L146" i="2"/>
  <c r="L120" i="5" s="1"/>
  <c r="M146" i="2"/>
  <c r="M120" i="5" s="1"/>
  <c r="J146" i="2"/>
  <c r="J120" i="5" s="1"/>
  <c r="N120" i="5" s="1"/>
  <c r="I146" i="2"/>
  <c r="I120" i="5" s="1"/>
  <c r="K146" i="2"/>
  <c r="K120" i="5" s="1"/>
  <c r="O120" i="5" s="1"/>
  <c r="K137" i="2"/>
  <c r="K111" i="5" s="1"/>
  <c r="O111" i="5" s="1"/>
  <c r="J137" i="2"/>
  <c r="J111" i="5" s="1"/>
  <c r="N111" i="5" s="1"/>
  <c r="L137" i="2"/>
  <c r="L111" i="5" s="1"/>
  <c r="M137" i="2"/>
  <c r="M111" i="5" s="1"/>
  <c r="I137" i="2"/>
  <c r="I111" i="5" s="1"/>
  <c r="I8655" i="2"/>
  <c r="I8629" i="5" s="1"/>
  <c r="M8655" i="2"/>
  <c r="M8629" i="5" s="1"/>
  <c r="K8655" i="2"/>
  <c r="K8629" i="5" s="1"/>
  <c r="O8629" i="5" s="1"/>
  <c r="J8655" i="2"/>
  <c r="J8629" i="5" s="1"/>
  <c r="N8629" i="5" s="1"/>
  <c r="L8655" i="2"/>
  <c r="L8629" i="5" s="1"/>
  <c r="J4288" i="2"/>
  <c r="J4262" i="5" s="1"/>
  <c r="N4262" i="5" s="1"/>
  <c r="L4288" i="2"/>
  <c r="L4262" i="5" s="1"/>
  <c r="M4288" i="2"/>
  <c r="M4262" i="5" s="1"/>
  <c r="I4288" i="2"/>
  <c r="I4262" i="5" s="1"/>
  <c r="K4288" i="2"/>
  <c r="K4262" i="5" s="1"/>
  <c r="O4262" i="5" s="1"/>
  <c r="I6256" i="2"/>
  <c r="I6230" i="5" s="1"/>
  <c r="K6256" i="2"/>
  <c r="K6230" i="5" s="1"/>
  <c r="O6230" i="5" s="1"/>
  <c r="L6256" i="2"/>
  <c r="L6230" i="5" s="1"/>
  <c r="M6256" i="2"/>
  <c r="M6230" i="5" s="1"/>
  <c r="J6256" i="2"/>
  <c r="J6230" i="5" s="1"/>
  <c r="N6230" i="5" s="1"/>
  <c r="K7842" i="2"/>
  <c r="K7816" i="5" s="1"/>
  <c r="O7816" i="5" s="1"/>
  <c r="L7842" i="2"/>
  <c r="L7816" i="5" s="1"/>
  <c r="M7842" i="2"/>
  <c r="M7816" i="5" s="1"/>
  <c r="I7842" i="2"/>
  <c r="I7816" i="5" s="1"/>
  <c r="J7842" i="2"/>
  <c r="J7816" i="5" s="1"/>
  <c r="N7816" i="5" s="1"/>
  <c r="J630" i="2"/>
  <c r="J604" i="5" s="1"/>
  <c r="N604" i="5" s="1"/>
  <c r="K630" i="2"/>
  <c r="K604" i="5" s="1"/>
  <c r="O604" i="5" s="1"/>
  <c r="M630" i="2"/>
  <c r="M604" i="5" s="1"/>
  <c r="L630" i="2"/>
  <c r="L604" i="5" s="1"/>
  <c r="I630" i="2"/>
  <c r="I604" i="5" s="1"/>
  <c r="I2764" i="2"/>
  <c r="I2738" i="5" s="1"/>
  <c r="K2764" i="2"/>
  <c r="K2738" i="5" s="1"/>
  <c r="O2738" i="5" s="1"/>
  <c r="L2764" i="2"/>
  <c r="L2738" i="5" s="1"/>
  <c r="J2764" i="2"/>
  <c r="J2738" i="5" s="1"/>
  <c r="N2738" i="5" s="1"/>
  <c r="M2764" i="2"/>
  <c r="M2738" i="5" s="1"/>
  <c r="J1394" i="2"/>
  <c r="J1368" i="5" s="1"/>
  <c r="N1368" i="5" s="1"/>
  <c r="M1394" i="2"/>
  <c r="M1368" i="5" s="1"/>
  <c r="L1394" i="2"/>
  <c r="L1368" i="5" s="1"/>
  <c r="I1394" i="2"/>
  <c r="I1368" i="5" s="1"/>
  <c r="K1394" i="2"/>
  <c r="K1368" i="5" s="1"/>
  <c r="O1368" i="5" s="1"/>
  <c r="J1392" i="2"/>
  <c r="J1366" i="5" s="1"/>
  <c r="N1366" i="5" s="1"/>
  <c r="M1392" i="2"/>
  <c r="M1366" i="5" s="1"/>
  <c r="L1392" i="2"/>
  <c r="L1366" i="5" s="1"/>
  <c r="I1392" i="2"/>
  <c r="I1366" i="5" s="1"/>
  <c r="K1392" i="2"/>
  <c r="K1366" i="5" s="1"/>
  <c r="O1366" i="5" s="1"/>
  <c r="J579" i="2"/>
  <c r="J553" i="5" s="1"/>
  <c r="N553" i="5" s="1"/>
  <c r="L579" i="2"/>
  <c r="L553" i="5" s="1"/>
  <c r="M579" i="2"/>
  <c r="M553" i="5" s="1"/>
  <c r="I579" i="2"/>
  <c r="I553" i="5" s="1"/>
  <c r="K579" i="2"/>
  <c r="K553" i="5" s="1"/>
  <c r="O553" i="5" s="1"/>
  <c r="J566" i="2"/>
  <c r="J540" i="5" s="1"/>
  <c r="N540" i="5" s="1"/>
  <c r="M566" i="2"/>
  <c r="M540" i="5" s="1"/>
  <c r="I566" i="2"/>
  <c r="I540" i="5" s="1"/>
  <c r="K566" i="2"/>
  <c r="K540" i="5" s="1"/>
  <c r="O540" i="5" s="1"/>
  <c r="L566" i="2"/>
  <c r="L540" i="5" s="1"/>
  <c r="L7697" i="2"/>
  <c r="L7671" i="5" s="1"/>
  <c r="I7697" i="2"/>
  <c r="I7671" i="5" s="1"/>
  <c r="J7697" i="2"/>
  <c r="J7671" i="5" s="1"/>
  <c r="N7671" i="5" s="1"/>
  <c r="K7697" i="2"/>
  <c r="K7671" i="5" s="1"/>
  <c r="O7671" i="5" s="1"/>
  <c r="M7697" i="2"/>
  <c r="M7671" i="5" s="1"/>
  <c r="M8442" i="2"/>
  <c r="M8416" i="5" s="1"/>
  <c r="L8442" i="2"/>
  <c r="L8416" i="5" s="1"/>
  <c r="I8442" i="2"/>
  <c r="I8416" i="5" s="1"/>
  <c r="K8442" i="2"/>
  <c r="K8416" i="5" s="1"/>
  <c r="O8416" i="5" s="1"/>
  <c r="J8442" i="2"/>
  <c r="J8416" i="5" s="1"/>
  <c r="N8416" i="5" s="1"/>
  <c r="J5115" i="2"/>
  <c r="J5089" i="5" s="1"/>
  <c r="N5089" i="5" s="1"/>
  <c r="L5115" i="2"/>
  <c r="L5089" i="5" s="1"/>
  <c r="M5115" i="2"/>
  <c r="M5089" i="5" s="1"/>
  <c r="I5115" i="2"/>
  <c r="I5089" i="5" s="1"/>
  <c r="K5115" i="2"/>
  <c r="K5089" i="5" s="1"/>
  <c r="O5089" i="5" s="1"/>
  <c r="L1748" i="2"/>
  <c r="L1722" i="5" s="1"/>
  <c r="M1748" i="2"/>
  <c r="M1722" i="5" s="1"/>
  <c r="I1748" i="2"/>
  <c r="I1722" i="5" s="1"/>
  <c r="K1748" i="2"/>
  <c r="K1722" i="5" s="1"/>
  <c r="O1722" i="5" s="1"/>
  <c r="J1748" i="2"/>
  <c r="J1722" i="5" s="1"/>
  <c r="N1722" i="5" s="1"/>
  <c r="J1746" i="2"/>
  <c r="J1720" i="5" s="1"/>
  <c r="N1720" i="5" s="1"/>
  <c r="M1746" i="2"/>
  <c r="M1720" i="5" s="1"/>
  <c r="L1746" i="2"/>
  <c r="L1720" i="5" s="1"/>
  <c r="I1746" i="2"/>
  <c r="I1720" i="5" s="1"/>
  <c r="K1746" i="2"/>
  <c r="K1720" i="5" s="1"/>
  <c r="O1720" i="5" s="1"/>
  <c r="M3632" i="2"/>
  <c r="M3606" i="5" s="1"/>
  <c r="K3632" i="2"/>
  <c r="K3606" i="5" s="1"/>
  <c r="O3606" i="5" s="1"/>
  <c r="L3632" i="2"/>
  <c r="L3606" i="5" s="1"/>
  <c r="I3632" i="2"/>
  <c r="I3606" i="5" s="1"/>
  <c r="J3632" i="2"/>
  <c r="J3606" i="5" s="1"/>
  <c r="N3606" i="5" s="1"/>
  <c r="I2892" i="2"/>
  <c r="I2866" i="5" s="1"/>
  <c r="K2892" i="2"/>
  <c r="K2866" i="5" s="1"/>
  <c r="O2866" i="5" s="1"/>
  <c r="L2892" i="2"/>
  <c r="L2866" i="5" s="1"/>
  <c r="M2892" i="2"/>
  <c r="M2866" i="5" s="1"/>
  <c r="J2892" i="2"/>
  <c r="J2866" i="5" s="1"/>
  <c r="N2866" i="5" s="1"/>
  <c r="I6677" i="2"/>
  <c r="I6651" i="5" s="1"/>
  <c r="K6677" i="2"/>
  <c r="K6651" i="5" s="1"/>
  <c r="O6651" i="5" s="1"/>
  <c r="J6677" i="2"/>
  <c r="J6651" i="5" s="1"/>
  <c r="N6651" i="5" s="1"/>
  <c r="M6677" i="2"/>
  <c r="M6651" i="5" s="1"/>
  <c r="L6677" i="2"/>
  <c r="L6651" i="5" s="1"/>
  <c r="L5944" i="2"/>
  <c r="L5918" i="5" s="1"/>
  <c r="K5944" i="2"/>
  <c r="K5918" i="5" s="1"/>
  <c r="O5918" i="5" s="1"/>
  <c r="J5944" i="2"/>
  <c r="J5918" i="5" s="1"/>
  <c r="N5918" i="5" s="1"/>
  <c r="M5944" i="2"/>
  <c r="M5918" i="5" s="1"/>
  <c r="I5944" i="2"/>
  <c r="I5918" i="5" s="1"/>
  <c r="I4666" i="2"/>
  <c r="I4640" i="5" s="1"/>
  <c r="K4666" i="2"/>
  <c r="K4640" i="5" s="1"/>
  <c r="O4640" i="5" s="1"/>
  <c r="J4666" i="2"/>
  <c r="J4640" i="5" s="1"/>
  <c r="N4640" i="5" s="1"/>
  <c r="M4666" i="2"/>
  <c r="M4640" i="5" s="1"/>
  <c r="L4666" i="2"/>
  <c r="L4640" i="5" s="1"/>
  <c r="J6159" i="2"/>
  <c r="J6133" i="5" s="1"/>
  <c r="N6133" i="5" s="1"/>
  <c r="I6159" i="2"/>
  <c r="I6133" i="5" s="1"/>
  <c r="K6159" i="2"/>
  <c r="K6133" i="5" s="1"/>
  <c r="O6133" i="5" s="1"/>
  <c r="M6159" i="2"/>
  <c r="M6133" i="5" s="1"/>
  <c r="L6159" i="2"/>
  <c r="L6133" i="5" s="1"/>
  <c r="K6173" i="2"/>
  <c r="K6147" i="5" s="1"/>
  <c r="O6147" i="5" s="1"/>
  <c r="M6173" i="2"/>
  <c r="M6147" i="5" s="1"/>
  <c r="J6173" i="2"/>
  <c r="J6147" i="5" s="1"/>
  <c r="N6147" i="5" s="1"/>
  <c r="I6173" i="2"/>
  <c r="I6147" i="5" s="1"/>
  <c r="L6173" i="2"/>
  <c r="L6147" i="5" s="1"/>
  <c r="M2436" i="2"/>
  <c r="M2410" i="5" s="1"/>
  <c r="I2436" i="2"/>
  <c r="I2410" i="5" s="1"/>
  <c r="K2436" i="2"/>
  <c r="K2410" i="5" s="1"/>
  <c r="O2410" i="5" s="1"/>
  <c r="J2436" i="2"/>
  <c r="J2410" i="5" s="1"/>
  <c r="N2410" i="5" s="1"/>
  <c r="L2436" i="2"/>
  <c r="L2410" i="5" s="1"/>
  <c r="J2450" i="2"/>
  <c r="J2424" i="5" s="1"/>
  <c r="N2424" i="5" s="1"/>
  <c r="L2450" i="2"/>
  <c r="L2424" i="5" s="1"/>
  <c r="M2450" i="2"/>
  <c r="M2424" i="5" s="1"/>
  <c r="I2450" i="2"/>
  <c r="I2424" i="5" s="1"/>
  <c r="K2450" i="2"/>
  <c r="K2424" i="5" s="1"/>
  <c r="O2424" i="5" s="1"/>
  <c r="M2619" i="2"/>
  <c r="M2593" i="5" s="1"/>
  <c r="I2619" i="2"/>
  <c r="I2593" i="5" s="1"/>
  <c r="K2619" i="2"/>
  <c r="K2593" i="5" s="1"/>
  <c r="O2593" i="5" s="1"/>
  <c r="J2619" i="2"/>
  <c r="J2593" i="5" s="1"/>
  <c r="N2593" i="5" s="1"/>
  <c r="L2619" i="2"/>
  <c r="L2593" i="5" s="1"/>
  <c r="K2625" i="2"/>
  <c r="K2599" i="5" s="1"/>
  <c r="O2599" i="5" s="1"/>
  <c r="M2625" i="2"/>
  <c r="M2599" i="5" s="1"/>
  <c r="J2625" i="2"/>
  <c r="J2599" i="5" s="1"/>
  <c r="N2599" i="5" s="1"/>
  <c r="L2625" i="2"/>
  <c r="L2599" i="5" s="1"/>
  <c r="I2625" i="2"/>
  <c r="I2599" i="5" s="1"/>
  <c r="M8377" i="2"/>
  <c r="M8351" i="5" s="1"/>
  <c r="I8377" i="2"/>
  <c r="I8351" i="5" s="1"/>
  <c r="K8377" i="2"/>
  <c r="K8351" i="5" s="1"/>
  <c r="O8351" i="5" s="1"/>
  <c r="L8377" i="2"/>
  <c r="L8351" i="5" s="1"/>
  <c r="J8377" i="2"/>
  <c r="J8351" i="5" s="1"/>
  <c r="N8351" i="5" s="1"/>
  <c r="J8369" i="2"/>
  <c r="J8343" i="5" s="1"/>
  <c r="N8343" i="5" s="1"/>
  <c r="M8369" i="2"/>
  <c r="M8343" i="5" s="1"/>
  <c r="L8369" i="2"/>
  <c r="L8343" i="5" s="1"/>
  <c r="I8369" i="2"/>
  <c r="I8343" i="5" s="1"/>
  <c r="K8369" i="2"/>
  <c r="K8343" i="5" s="1"/>
  <c r="O8343" i="5" s="1"/>
  <c r="K1621" i="2"/>
  <c r="K1595" i="5" s="1"/>
  <c r="O1595" i="5" s="1"/>
  <c r="J1621" i="2"/>
  <c r="J1595" i="5" s="1"/>
  <c r="N1595" i="5" s="1"/>
  <c r="L1621" i="2"/>
  <c r="L1595" i="5" s="1"/>
  <c r="I1621" i="2"/>
  <c r="I1595" i="5" s="1"/>
  <c r="M1621" i="2"/>
  <c r="M1595" i="5" s="1"/>
  <c r="K3173" i="2"/>
  <c r="K3147" i="5" s="1"/>
  <c r="O3147" i="5" s="1"/>
  <c r="L3173" i="2"/>
  <c r="L3147" i="5" s="1"/>
  <c r="M3173" i="2"/>
  <c r="M3147" i="5" s="1"/>
  <c r="J3173" i="2"/>
  <c r="J3147" i="5" s="1"/>
  <c r="N3147" i="5" s="1"/>
  <c r="I3173" i="2"/>
  <c r="I3147" i="5" s="1"/>
  <c r="J3454" i="2"/>
  <c r="J3428" i="5" s="1"/>
  <c r="N3428" i="5" s="1"/>
  <c r="M3454" i="2"/>
  <c r="M3428" i="5" s="1"/>
  <c r="I3454" i="2"/>
  <c r="I3428" i="5" s="1"/>
  <c r="K3454" i="2"/>
  <c r="K3428" i="5" s="1"/>
  <c r="O3428" i="5" s="1"/>
  <c r="L3454" i="2"/>
  <c r="L3428" i="5" s="1"/>
  <c r="I907" i="2"/>
  <c r="I881" i="5" s="1"/>
  <c r="K907" i="2"/>
  <c r="K881" i="5" s="1"/>
  <c r="O881" i="5" s="1"/>
  <c r="L907" i="2"/>
  <c r="L881" i="5" s="1"/>
  <c r="M907" i="2"/>
  <c r="M881" i="5" s="1"/>
  <c r="J907" i="2"/>
  <c r="J881" i="5" s="1"/>
  <c r="N881" i="5" s="1"/>
  <c r="J921" i="2"/>
  <c r="J895" i="5" s="1"/>
  <c r="N895" i="5" s="1"/>
  <c r="M921" i="2"/>
  <c r="M895" i="5" s="1"/>
  <c r="K921" i="2"/>
  <c r="K895" i="5" s="1"/>
  <c r="O895" i="5" s="1"/>
  <c r="I921" i="2"/>
  <c r="I895" i="5" s="1"/>
  <c r="L921" i="2"/>
  <c r="L895" i="5" s="1"/>
  <c r="M7940" i="2"/>
  <c r="M7914" i="5" s="1"/>
  <c r="K7940" i="2"/>
  <c r="K7914" i="5" s="1"/>
  <c r="O7914" i="5" s="1"/>
  <c r="I7940" i="2"/>
  <c r="I7914" i="5" s="1"/>
  <c r="J7940" i="2"/>
  <c r="J7914" i="5" s="1"/>
  <c r="N7914" i="5" s="1"/>
  <c r="L7940" i="2"/>
  <c r="L7914" i="5" s="1"/>
  <c r="M1909" i="2"/>
  <c r="M1883" i="5" s="1"/>
  <c r="L1909" i="2"/>
  <c r="L1883" i="5" s="1"/>
  <c r="I1909" i="2"/>
  <c r="I1883" i="5" s="1"/>
  <c r="K1909" i="2"/>
  <c r="K1883" i="5" s="1"/>
  <c r="O1883" i="5" s="1"/>
  <c r="J1909" i="2"/>
  <c r="J1883" i="5" s="1"/>
  <c r="N1883" i="5" s="1"/>
  <c r="M2722" i="2"/>
  <c r="M2696" i="5" s="1"/>
  <c r="I2722" i="2"/>
  <c r="I2696" i="5" s="1"/>
  <c r="K2722" i="2"/>
  <c r="K2696" i="5" s="1"/>
  <c r="O2696" i="5" s="1"/>
  <c r="L2722" i="2"/>
  <c r="L2696" i="5" s="1"/>
  <c r="J2722" i="2"/>
  <c r="J2696" i="5" s="1"/>
  <c r="N2696" i="5" s="1"/>
  <c r="I2987" i="2"/>
  <c r="I2961" i="5" s="1"/>
  <c r="M2987" i="2"/>
  <c r="M2961" i="5" s="1"/>
  <c r="K2987" i="2"/>
  <c r="K2961" i="5" s="1"/>
  <c r="O2961" i="5" s="1"/>
  <c r="J2987" i="2"/>
  <c r="J2961" i="5" s="1"/>
  <c r="N2961" i="5" s="1"/>
  <c r="L2987" i="2"/>
  <c r="L2961" i="5" s="1"/>
  <c r="L314" i="2"/>
  <c r="L288" i="5" s="1"/>
  <c r="J314" i="2"/>
  <c r="J288" i="5" s="1"/>
  <c r="N288" i="5" s="1"/>
  <c r="K314" i="2"/>
  <c r="K288" i="5" s="1"/>
  <c r="O288" i="5" s="1"/>
  <c r="I314" i="2"/>
  <c r="I288" i="5" s="1"/>
  <c r="M314" i="2"/>
  <c r="M288" i="5" s="1"/>
  <c r="I7496" i="2"/>
  <c r="I7470" i="5" s="1"/>
  <c r="L7496" i="2"/>
  <c r="L7470" i="5" s="1"/>
  <c r="K7496" i="2"/>
  <c r="K7470" i="5" s="1"/>
  <c r="O7470" i="5" s="1"/>
  <c r="J7496" i="2"/>
  <c r="J7470" i="5" s="1"/>
  <c r="N7470" i="5" s="1"/>
  <c r="M7496" i="2"/>
  <c r="M7470" i="5" s="1"/>
  <c r="M7487" i="2"/>
  <c r="M7461" i="5" s="1"/>
  <c r="J7487" i="2"/>
  <c r="J7461" i="5" s="1"/>
  <c r="N7461" i="5" s="1"/>
  <c r="I7487" i="2"/>
  <c r="I7461" i="5" s="1"/>
  <c r="K7487" i="2"/>
  <c r="K7461" i="5" s="1"/>
  <c r="O7461" i="5" s="1"/>
  <c r="L7487" i="2"/>
  <c r="L7461" i="5" s="1"/>
  <c r="J7545" i="2"/>
  <c r="J7519" i="5" s="1"/>
  <c r="N7519" i="5" s="1"/>
  <c r="I7545" i="2"/>
  <c r="I7519" i="5" s="1"/>
  <c r="M7545" i="2"/>
  <c r="M7519" i="5" s="1"/>
  <c r="K7545" i="2"/>
  <c r="K7519" i="5" s="1"/>
  <c r="O7519" i="5" s="1"/>
  <c r="L7545" i="2"/>
  <c r="L7519" i="5" s="1"/>
  <c r="J5181" i="2"/>
  <c r="J5155" i="5" s="1"/>
  <c r="N5155" i="5" s="1"/>
  <c r="L5181" i="2"/>
  <c r="L5155" i="5" s="1"/>
  <c r="M5181" i="2"/>
  <c r="M5155" i="5" s="1"/>
  <c r="I5181" i="2"/>
  <c r="I5155" i="5" s="1"/>
  <c r="K5181" i="2"/>
  <c r="K5155" i="5" s="1"/>
  <c r="O5155" i="5" s="1"/>
  <c r="C222" i="5"/>
  <c r="AR216" i="1"/>
  <c r="K3805" i="2"/>
  <c r="K3779" i="5" s="1"/>
  <c r="O3779" i="5" s="1"/>
  <c r="J3805" i="2"/>
  <c r="J3779" i="5" s="1"/>
  <c r="N3779" i="5" s="1"/>
  <c r="L3805" i="2"/>
  <c r="L3779" i="5" s="1"/>
  <c r="M3805" i="2"/>
  <c r="M3779" i="5" s="1"/>
  <c r="I3805" i="2"/>
  <c r="I3779" i="5" s="1"/>
  <c r="J436" i="2"/>
  <c r="J410" i="5" s="1"/>
  <c r="N410" i="5" s="1"/>
  <c r="I436" i="2"/>
  <c r="I410" i="5" s="1"/>
  <c r="L436" i="2"/>
  <c r="L410" i="5" s="1"/>
  <c r="K436" i="2"/>
  <c r="K410" i="5" s="1"/>
  <c r="O410" i="5" s="1"/>
  <c r="M436" i="2"/>
  <c r="M410" i="5" s="1"/>
  <c r="J4348" i="2"/>
  <c r="J4322" i="5" s="1"/>
  <c r="N4322" i="5" s="1"/>
  <c r="L4348" i="2"/>
  <c r="L4322" i="5" s="1"/>
  <c r="I4348" i="2"/>
  <c r="I4322" i="5" s="1"/>
  <c r="K4348" i="2"/>
  <c r="K4322" i="5" s="1"/>
  <c r="O4322" i="5" s="1"/>
  <c r="M4348" i="2"/>
  <c r="M4322" i="5" s="1"/>
  <c r="M956" i="2"/>
  <c r="M930" i="5" s="1"/>
  <c r="L956" i="2"/>
  <c r="L930" i="5" s="1"/>
  <c r="I956" i="2"/>
  <c r="I930" i="5" s="1"/>
  <c r="K956" i="2"/>
  <c r="K930" i="5" s="1"/>
  <c r="O930" i="5" s="1"/>
  <c r="J956" i="2"/>
  <c r="J930" i="5" s="1"/>
  <c r="N930" i="5" s="1"/>
  <c r="L88" i="2"/>
  <c r="L62" i="5" s="1"/>
  <c r="J88" i="2"/>
  <c r="J62" i="5" s="1"/>
  <c r="N62" i="5" s="1"/>
  <c r="M88" i="2"/>
  <c r="M62" i="5" s="1"/>
  <c r="I88" i="2"/>
  <c r="I62" i="5" s="1"/>
  <c r="K88" i="2"/>
  <c r="K62" i="5" s="1"/>
  <c r="O62" i="5" s="1"/>
  <c r="M1940" i="2"/>
  <c r="M1914" i="5" s="1"/>
  <c r="I1940" i="2"/>
  <c r="I1914" i="5" s="1"/>
  <c r="K1940" i="2"/>
  <c r="K1914" i="5" s="1"/>
  <c r="O1914" i="5" s="1"/>
  <c r="J1940" i="2"/>
  <c r="J1914" i="5" s="1"/>
  <c r="N1914" i="5" s="1"/>
  <c r="L1940" i="2"/>
  <c r="L1914" i="5" s="1"/>
  <c r="L8321" i="2"/>
  <c r="L8295" i="5" s="1"/>
  <c r="M8321" i="2"/>
  <c r="M8295" i="5" s="1"/>
  <c r="I8321" i="2"/>
  <c r="I8295" i="5" s="1"/>
  <c r="K8321" i="2"/>
  <c r="K8295" i="5" s="1"/>
  <c r="O8295" i="5" s="1"/>
  <c r="J8321" i="2"/>
  <c r="J8295" i="5" s="1"/>
  <c r="N8295" i="5" s="1"/>
  <c r="J8335" i="2"/>
  <c r="J8309" i="5" s="1"/>
  <c r="N8309" i="5" s="1"/>
  <c r="M8335" i="2"/>
  <c r="M8309" i="5" s="1"/>
  <c r="L8335" i="2"/>
  <c r="L8309" i="5" s="1"/>
  <c r="I8335" i="2"/>
  <c r="I8309" i="5" s="1"/>
  <c r="K8335" i="2"/>
  <c r="K8309" i="5" s="1"/>
  <c r="O8309" i="5" s="1"/>
  <c r="I8552" i="2"/>
  <c r="I8526" i="5" s="1"/>
  <c r="K8552" i="2"/>
  <c r="K8526" i="5" s="1"/>
  <c r="O8526" i="5" s="1"/>
  <c r="J8552" i="2"/>
  <c r="J8526" i="5" s="1"/>
  <c r="N8526" i="5" s="1"/>
  <c r="M8552" i="2"/>
  <c r="M8526" i="5" s="1"/>
  <c r="L8552" i="2"/>
  <c r="L8526" i="5" s="1"/>
  <c r="L460" i="2"/>
  <c r="L434" i="5" s="1"/>
  <c r="I460" i="2"/>
  <c r="I434" i="5" s="1"/>
  <c r="J460" i="2"/>
  <c r="J434" i="5" s="1"/>
  <c r="N434" i="5" s="1"/>
  <c r="K460" i="2"/>
  <c r="K434" i="5" s="1"/>
  <c r="O434" i="5" s="1"/>
  <c r="M460" i="2"/>
  <c r="M434" i="5" s="1"/>
  <c r="J444" i="2"/>
  <c r="J418" i="5" s="1"/>
  <c r="N418" i="5" s="1"/>
  <c r="M444" i="2"/>
  <c r="M418" i="5" s="1"/>
  <c r="K444" i="2"/>
  <c r="K418" i="5" s="1"/>
  <c r="O418" i="5" s="1"/>
  <c r="L444" i="2"/>
  <c r="L418" i="5" s="1"/>
  <c r="I444" i="2"/>
  <c r="I418" i="5" s="1"/>
  <c r="L2334" i="2"/>
  <c r="L2308" i="5" s="1"/>
  <c r="M2334" i="2"/>
  <c r="M2308" i="5" s="1"/>
  <c r="I2334" i="2"/>
  <c r="I2308" i="5" s="1"/>
  <c r="K2334" i="2"/>
  <c r="K2308" i="5" s="1"/>
  <c r="O2308" i="5" s="1"/>
  <c r="J2334" i="2"/>
  <c r="J2308" i="5" s="1"/>
  <c r="N2308" i="5" s="1"/>
  <c r="J4607" i="2"/>
  <c r="J4581" i="5" s="1"/>
  <c r="N4581" i="5" s="1"/>
  <c r="I4607" i="2"/>
  <c r="I4581" i="5" s="1"/>
  <c r="K4607" i="2"/>
  <c r="K4581" i="5" s="1"/>
  <c r="O4581" i="5" s="1"/>
  <c r="M4607" i="2"/>
  <c r="M4581" i="5" s="1"/>
  <c r="L4607" i="2"/>
  <c r="L4581" i="5" s="1"/>
  <c r="L4605" i="2"/>
  <c r="L4579" i="5" s="1"/>
  <c r="J4605" i="2"/>
  <c r="J4579" i="5" s="1"/>
  <c r="N4579" i="5" s="1"/>
  <c r="M4605" i="2"/>
  <c r="M4579" i="5" s="1"/>
  <c r="I4605" i="2"/>
  <c r="I4579" i="5" s="1"/>
  <c r="K4605" i="2"/>
  <c r="K4579" i="5" s="1"/>
  <c r="O4579" i="5" s="1"/>
  <c r="M4264" i="2"/>
  <c r="M4238" i="5" s="1"/>
  <c r="L4264" i="2"/>
  <c r="L4238" i="5" s="1"/>
  <c r="I4264" i="2"/>
  <c r="I4238" i="5" s="1"/>
  <c r="K4264" i="2"/>
  <c r="K4238" i="5" s="1"/>
  <c r="O4238" i="5" s="1"/>
  <c r="J4264" i="2"/>
  <c r="J4238" i="5" s="1"/>
  <c r="N4238" i="5" s="1"/>
  <c r="AR178" i="1"/>
  <c r="C184" i="5"/>
  <c r="L734" i="2"/>
  <c r="L708" i="5" s="1"/>
  <c r="M734" i="2"/>
  <c r="M708" i="5" s="1"/>
  <c r="K734" i="2"/>
  <c r="K708" i="5" s="1"/>
  <c r="O708" i="5" s="1"/>
  <c r="J734" i="2"/>
  <c r="J708" i="5" s="1"/>
  <c r="N708" i="5" s="1"/>
  <c r="I734" i="2"/>
  <c r="I708" i="5" s="1"/>
  <c r="K753" i="2"/>
  <c r="K727" i="5" s="1"/>
  <c r="O727" i="5" s="1"/>
  <c r="L753" i="2"/>
  <c r="L727" i="5" s="1"/>
  <c r="M753" i="2"/>
  <c r="M727" i="5" s="1"/>
  <c r="J753" i="2"/>
  <c r="J727" i="5" s="1"/>
  <c r="N727" i="5" s="1"/>
  <c r="I753" i="2"/>
  <c r="I727" i="5" s="1"/>
  <c r="I4078" i="2"/>
  <c r="I4052" i="5" s="1"/>
  <c r="K4078" i="2"/>
  <c r="K4052" i="5" s="1"/>
  <c r="O4052" i="5" s="1"/>
  <c r="J4078" i="2"/>
  <c r="J4052" i="5" s="1"/>
  <c r="N4052" i="5" s="1"/>
  <c r="M4078" i="2"/>
  <c r="M4052" i="5" s="1"/>
  <c r="L4078" i="2"/>
  <c r="L4052" i="5" s="1"/>
  <c r="L7179" i="2"/>
  <c r="L7153" i="5" s="1"/>
  <c r="I7179" i="2"/>
  <c r="I7153" i="5" s="1"/>
  <c r="K7179" i="2"/>
  <c r="K7153" i="5" s="1"/>
  <c r="O7153" i="5" s="1"/>
  <c r="J7179" i="2"/>
  <c r="J7153" i="5" s="1"/>
  <c r="N7153" i="5" s="1"/>
  <c r="M7179" i="2"/>
  <c r="M7153" i="5" s="1"/>
  <c r="M722" i="2"/>
  <c r="M696" i="5" s="1"/>
  <c r="L722" i="2"/>
  <c r="L696" i="5" s="1"/>
  <c r="I722" i="2"/>
  <c r="I696" i="5" s="1"/>
  <c r="K722" i="2"/>
  <c r="K696" i="5" s="1"/>
  <c r="O696" i="5" s="1"/>
  <c r="J722" i="2"/>
  <c r="J696" i="5" s="1"/>
  <c r="N696" i="5" s="1"/>
  <c r="M7614" i="2"/>
  <c r="M7588" i="5" s="1"/>
  <c r="I7614" i="2"/>
  <c r="I7588" i="5" s="1"/>
  <c r="J7614" i="2"/>
  <c r="J7588" i="5" s="1"/>
  <c r="N7588" i="5" s="1"/>
  <c r="L7614" i="2"/>
  <c r="L7588" i="5" s="1"/>
  <c r="K7614" i="2"/>
  <c r="K7588" i="5" s="1"/>
  <c r="O7588" i="5" s="1"/>
  <c r="J7594" i="2"/>
  <c r="J7568" i="5" s="1"/>
  <c r="N7568" i="5" s="1"/>
  <c r="I7594" i="2"/>
  <c r="I7568" i="5" s="1"/>
  <c r="L7594" i="2"/>
  <c r="L7568" i="5" s="1"/>
  <c r="M7594" i="2"/>
  <c r="M7568" i="5" s="1"/>
  <c r="K7594" i="2"/>
  <c r="K7568" i="5" s="1"/>
  <c r="O7568" i="5" s="1"/>
  <c r="M5613" i="2"/>
  <c r="M5587" i="5" s="1"/>
  <c r="L5613" i="2"/>
  <c r="L5587" i="5" s="1"/>
  <c r="I5613" i="2"/>
  <c r="I5587" i="5" s="1"/>
  <c r="K5613" i="2"/>
  <c r="K5587" i="5" s="1"/>
  <c r="O5587" i="5" s="1"/>
  <c r="J5613" i="2"/>
  <c r="J5587" i="5" s="1"/>
  <c r="N5587" i="5" s="1"/>
  <c r="I8178" i="2"/>
  <c r="I8152" i="5" s="1"/>
  <c r="K8178" i="2"/>
  <c r="K8152" i="5" s="1"/>
  <c r="O8152" i="5" s="1"/>
  <c r="L8178" i="2"/>
  <c r="L8152" i="5" s="1"/>
  <c r="M8178" i="2"/>
  <c r="M8152" i="5" s="1"/>
  <c r="J8178" i="2"/>
  <c r="J8152" i="5" s="1"/>
  <c r="N8152" i="5" s="1"/>
  <c r="J8177" i="2"/>
  <c r="J8151" i="5" s="1"/>
  <c r="N8151" i="5" s="1"/>
  <c r="M8177" i="2"/>
  <c r="M8151" i="5" s="1"/>
  <c r="I8177" i="2"/>
  <c r="I8151" i="5" s="1"/>
  <c r="L8177" i="2"/>
  <c r="L8151" i="5" s="1"/>
  <c r="K8177" i="2"/>
  <c r="K8151" i="5" s="1"/>
  <c r="O8151" i="5" s="1"/>
  <c r="L1160" i="2"/>
  <c r="L1134" i="5" s="1"/>
  <c r="I1160" i="2"/>
  <c r="I1134" i="5" s="1"/>
  <c r="J1160" i="2"/>
  <c r="J1134" i="5" s="1"/>
  <c r="N1134" i="5" s="1"/>
  <c r="M1160" i="2"/>
  <c r="M1134" i="5" s="1"/>
  <c r="K1160" i="2"/>
  <c r="K1134" i="5" s="1"/>
  <c r="O1134" i="5" s="1"/>
  <c r="C54" i="5"/>
  <c r="AR48" i="1"/>
  <c r="J2466" i="2"/>
  <c r="J2440" i="5" s="1"/>
  <c r="N2440" i="5" s="1"/>
  <c r="L2466" i="2"/>
  <c r="L2440" i="5" s="1"/>
  <c r="M2466" i="2"/>
  <c r="M2440" i="5" s="1"/>
  <c r="I2466" i="2"/>
  <c r="I2440" i="5" s="1"/>
  <c r="K2466" i="2"/>
  <c r="K2440" i="5" s="1"/>
  <c r="O2440" i="5" s="1"/>
  <c r="M943" i="2"/>
  <c r="M917" i="5" s="1"/>
  <c r="J943" i="2"/>
  <c r="J917" i="5" s="1"/>
  <c r="N917" i="5" s="1"/>
  <c r="I943" i="2"/>
  <c r="I917" i="5" s="1"/>
  <c r="K943" i="2"/>
  <c r="K917" i="5" s="1"/>
  <c r="O917" i="5" s="1"/>
  <c r="L943" i="2"/>
  <c r="L917" i="5" s="1"/>
  <c r="M799" i="2"/>
  <c r="M773" i="5" s="1"/>
  <c r="L799" i="2"/>
  <c r="L773" i="5" s="1"/>
  <c r="I799" i="2"/>
  <c r="I773" i="5" s="1"/>
  <c r="J799" i="2"/>
  <c r="J773" i="5" s="1"/>
  <c r="N773" i="5" s="1"/>
  <c r="K799" i="2"/>
  <c r="K773" i="5" s="1"/>
  <c r="O773" i="5" s="1"/>
  <c r="M609" i="2"/>
  <c r="M583" i="5" s="1"/>
  <c r="J609" i="2"/>
  <c r="J583" i="5" s="1"/>
  <c r="N583" i="5" s="1"/>
  <c r="L609" i="2"/>
  <c r="L583" i="5" s="1"/>
  <c r="I609" i="2"/>
  <c r="I583" i="5" s="1"/>
  <c r="K609" i="2"/>
  <c r="K583" i="5" s="1"/>
  <c r="O583" i="5" s="1"/>
  <c r="L607" i="2"/>
  <c r="L581" i="5" s="1"/>
  <c r="I607" i="2"/>
  <c r="I581" i="5" s="1"/>
  <c r="K607" i="2"/>
  <c r="K581" i="5" s="1"/>
  <c r="O581" i="5" s="1"/>
  <c r="M607" i="2"/>
  <c r="M581" i="5" s="1"/>
  <c r="J607" i="2"/>
  <c r="J581" i="5" s="1"/>
  <c r="N581" i="5" s="1"/>
  <c r="I7333" i="2"/>
  <c r="I7307" i="5" s="1"/>
  <c r="K7333" i="2"/>
  <c r="K7307" i="5" s="1"/>
  <c r="O7307" i="5" s="1"/>
  <c r="L7333" i="2"/>
  <c r="L7307" i="5" s="1"/>
  <c r="J7333" i="2"/>
  <c r="J7307" i="5" s="1"/>
  <c r="N7307" i="5" s="1"/>
  <c r="M7333" i="2"/>
  <c r="M7307" i="5" s="1"/>
  <c r="M2823" i="2"/>
  <c r="M2797" i="5" s="1"/>
  <c r="I2823" i="2"/>
  <c r="I2797" i="5" s="1"/>
  <c r="K2823" i="2"/>
  <c r="K2797" i="5" s="1"/>
  <c r="O2797" i="5" s="1"/>
  <c r="L2823" i="2"/>
  <c r="L2797" i="5" s="1"/>
  <c r="J2823" i="2"/>
  <c r="J2797" i="5" s="1"/>
  <c r="N2797" i="5" s="1"/>
  <c r="J4956" i="2"/>
  <c r="J4930" i="5" s="1"/>
  <c r="N4930" i="5" s="1"/>
  <c r="M4956" i="2"/>
  <c r="M4930" i="5" s="1"/>
  <c r="L4956" i="2"/>
  <c r="L4930" i="5" s="1"/>
  <c r="I4956" i="2"/>
  <c r="I4930" i="5" s="1"/>
  <c r="K4956" i="2"/>
  <c r="K4930" i="5" s="1"/>
  <c r="O4930" i="5" s="1"/>
  <c r="M1444" i="2"/>
  <c r="M1418" i="5" s="1"/>
  <c r="L1444" i="2"/>
  <c r="L1418" i="5" s="1"/>
  <c r="I1444" i="2"/>
  <c r="I1418" i="5" s="1"/>
  <c r="K1444" i="2"/>
  <c r="K1418" i="5" s="1"/>
  <c r="O1418" i="5" s="1"/>
  <c r="J1444" i="2"/>
  <c r="J1418" i="5" s="1"/>
  <c r="N1418" i="5" s="1"/>
  <c r="J1770" i="2"/>
  <c r="J1744" i="5" s="1"/>
  <c r="N1744" i="5" s="1"/>
  <c r="L1770" i="2"/>
  <c r="L1744" i="5" s="1"/>
  <c r="M1770" i="2"/>
  <c r="M1744" i="5" s="1"/>
  <c r="I1770" i="2"/>
  <c r="I1744" i="5" s="1"/>
  <c r="K1770" i="2"/>
  <c r="K1744" i="5" s="1"/>
  <c r="O1744" i="5" s="1"/>
  <c r="L8141" i="2"/>
  <c r="L8115" i="5" s="1"/>
  <c r="J8141" i="2"/>
  <c r="J8115" i="5" s="1"/>
  <c r="N8115" i="5" s="1"/>
  <c r="M8141" i="2"/>
  <c r="M8115" i="5" s="1"/>
  <c r="I8141" i="2"/>
  <c r="I8115" i="5" s="1"/>
  <c r="K8141" i="2"/>
  <c r="K8115" i="5" s="1"/>
  <c r="O8115" i="5" s="1"/>
  <c r="J5590" i="2"/>
  <c r="J5564" i="5" s="1"/>
  <c r="N5564" i="5" s="1"/>
  <c r="L5590" i="2"/>
  <c r="L5564" i="5" s="1"/>
  <c r="M5590" i="2"/>
  <c r="M5564" i="5" s="1"/>
  <c r="I5590" i="2"/>
  <c r="I5564" i="5" s="1"/>
  <c r="K5590" i="2"/>
  <c r="K5564" i="5" s="1"/>
  <c r="O5564" i="5" s="1"/>
  <c r="M1554" i="2"/>
  <c r="M1528" i="5" s="1"/>
  <c r="L1554" i="2"/>
  <c r="L1528" i="5" s="1"/>
  <c r="I1554" i="2"/>
  <c r="I1528" i="5" s="1"/>
  <c r="K1554" i="2"/>
  <c r="K1528" i="5" s="1"/>
  <c r="O1528" i="5" s="1"/>
  <c r="J1554" i="2"/>
  <c r="J1528" i="5" s="1"/>
  <c r="N1528" i="5" s="1"/>
  <c r="AR65" i="1"/>
  <c r="C71" i="5"/>
  <c r="L283" i="2"/>
  <c r="L257" i="5" s="1"/>
  <c r="M283" i="2"/>
  <c r="M257" i="5" s="1"/>
  <c r="I283" i="2"/>
  <c r="I257" i="5" s="1"/>
  <c r="J283" i="2"/>
  <c r="J257" i="5" s="1"/>
  <c r="N257" i="5" s="1"/>
  <c r="K283" i="2"/>
  <c r="K257" i="5" s="1"/>
  <c r="O257" i="5" s="1"/>
  <c r="K6456" i="2"/>
  <c r="K6430" i="5" s="1"/>
  <c r="O6430" i="5" s="1"/>
  <c r="M6456" i="2"/>
  <c r="M6430" i="5" s="1"/>
  <c r="I6456" i="2"/>
  <c r="I6430" i="5" s="1"/>
  <c r="L6456" i="2"/>
  <c r="L6430" i="5" s="1"/>
  <c r="J6456" i="2"/>
  <c r="J6430" i="5" s="1"/>
  <c r="N6430" i="5" s="1"/>
  <c r="L6462" i="2"/>
  <c r="L6436" i="5" s="1"/>
  <c r="J6462" i="2"/>
  <c r="J6436" i="5" s="1"/>
  <c r="N6436" i="5" s="1"/>
  <c r="I6462" i="2"/>
  <c r="I6436" i="5" s="1"/>
  <c r="M6462" i="2"/>
  <c r="M6436" i="5" s="1"/>
  <c r="K6462" i="2"/>
  <c r="K6436" i="5" s="1"/>
  <c r="O6436" i="5" s="1"/>
  <c r="L2569" i="2"/>
  <c r="L2543" i="5" s="1"/>
  <c r="M2569" i="2"/>
  <c r="M2543" i="5" s="1"/>
  <c r="I2569" i="2"/>
  <c r="I2543" i="5" s="1"/>
  <c r="K2569" i="2"/>
  <c r="K2543" i="5" s="1"/>
  <c r="O2543" i="5" s="1"/>
  <c r="J2569" i="2"/>
  <c r="J2543" i="5" s="1"/>
  <c r="N2543" i="5" s="1"/>
  <c r="J2560" i="2"/>
  <c r="J2534" i="5" s="1"/>
  <c r="N2534" i="5" s="1"/>
  <c r="M2560" i="2"/>
  <c r="M2534" i="5" s="1"/>
  <c r="L2560" i="2"/>
  <c r="L2534" i="5" s="1"/>
  <c r="I2560" i="2"/>
  <c r="I2534" i="5" s="1"/>
  <c r="K2560" i="2"/>
  <c r="K2534" i="5" s="1"/>
  <c r="O2534" i="5" s="1"/>
  <c r="I3229" i="2"/>
  <c r="I3203" i="5" s="1"/>
  <c r="K3229" i="2"/>
  <c r="K3203" i="5" s="1"/>
  <c r="O3203" i="5" s="1"/>
  <c r="J3229" i="2"/>
  <c r="J3203" i="5" s="1"/>
  <c r="N3203" i="5" s="1"/>
  <c r="L3229" i="2"/>
  <c r="L3203" i="5" s="1"/>
  <c r="M3229" i="2"/>
  <c r="M3203" i="5" s="1"/>
  <c r="K3741" i="2"/>
  <c r="K3715" i="5" s="1"/>
  <c r="O3715" i="5" s="1"/>
  <c r="J3741" i="2"/>
  <c r="J3715" i="5" s="1"/>
  <c r="N3715" i="5" s="1"/>
  <c r="M3741" i="2"/>
  <c r="M3715" i="5" s="1"/>
  <c r="L3741" i="2"/>
  <c r="L3715" i="5" s="1"/>
  <c r="I3741" i="2"/>
  <c r="I3715" i="5" s="1"/>
  <c r="K2075" i="2"/>
  <c r="K2049" i="5" s="1"/>
  <c r="O2049" i="5" s="1"/>
  <c r="L2075" i="2"/>
  <c r="L2049" i="5" s="1"/>
  <c r="M2075" i="2"/>
  <c r="M2049" i="5" s="1"/>
  <c r="I2075" i="2"/>
  <c r="I2049" i="5" s="1"/>
  <c r="J2075" i="2"/>
  <c r="J2049" i="5" s="1"/>
  <c r="N2049" i="5" s="1"/>
  <c r="I2933" i="2"/>
  <c r="I2907" i="5" s="1"/>
  <c r="M2933" i="2"/>
  <c r="M2907" i="5" s="1"/>
  <c r="L2933" i="2"/>
  <c r="L2907" i="5" s="1"/>
  <c r="J2933" i="2"/>
  <c r="J2907" i="5" s="1"/>
  <c r="N2907" i="5" s="1"/>
  <c r="K2933" i="2"/>
  <c r="K2907" i="5" s="1"/>
  <c r="O2907" i="5" s="1"/>
  <c r="M7361" i="2"/>
  <c r="M7335" i="5" s="1"/>
  <c r="I7361" i="2"/>
  <c r="I7335" i="5" s="1"/>
  <c r="K7361" i="2"/>
  <c r="K7335" i="5" s="1"/>
  <c r="O7335" i="5" s="1"/>
  <c r="L7361" i="2"/>
  <c r="L7335" i="5" s="1"/>
  <c r="J7361" i="2"/>
  <c r="J7335" i="5" s="1"/>
  <c r="N7335" i="5" s="1"/>
  <c r="K4254" i="2"/>
  <c r="K4228" i="5" s="1"/>
  <c r="O4228" i="5" s="1"/>
  <c r="J4254" i="2"/>
  <c r="J4228" i="5" s="1"/>
  <c r="N4228" i="5" s="1"/>
  <c r="M4254" i="2"/>
  <c r="M4228" i="5" s="1"/>
  <c r="L4254" i="2"/>
  <c r="L4228" i="5" s="1"/>
  <c r="I4254" i="2"/>
  <c r="I4228" i="5" s="1"/>
  <c r="L2804" i="2"/>
  <c r="L2778" i="5" s="1"/>
  <c r="K2804" i="2"/>
  <c r="K2778" i="5" s="1"/>
  <c r="O2778" i="5" s="1"/>
  <c r="J2804" i="2"/>
  <c r="J2778" i="5" s="1"/>
  <c r="N2778" i="5" s="1"/>
  <c r="M2804" i="2"/>
  <c r="M2778" i="5" s="1"/>
  <c r="I2804" i="2"/>
  <c r="I2778" i="5" s="1"/>
  <c r="L2810" i="2"/>
  <c r="L2784" i="5" s="1"/>
  <c r="J2810" i="2"/>
  <c r="J2784" i="5" s="1"/>
  <c r="N2784" i="5" s="1"/>
  <c r="M2810" i="2"/>
  <c r="M2784" i="5" s="1"/>
  <c r="I2810" i="2"/>
  <c r="I2784" i="5" s="1"/>
  <c r="K2810" i="2"/>
  <c r="K2784" i="5" s="1"/>
  <c r="O2784" i="5" s="1"/>
  <c r="L5920" i="2"/>
  <c r="L5894" i="5" s="1"/>
  <c r="M5920" i="2"/>
  <c r="M5894" i="5" s="1"/>
  <c r="I5920" i="2"/>
  <c r="I5894" i="5" s="1"/>
  <c r="K5920" i="2"/>
  <c r="K5894" i="5" s="1"/>
  <c r="O5894" i="5" s="1"/>
  <c r="J5920" i="2"/>
  <c r="J5894" i="5" s="1"/>
  <c r="N5894" i="5" s="1"/>
  <c r="J6756" i="2"/>
  <c r="J6730" i="5" s="1"/>
  <c r="N6730" i="5" s="1"/>
  <c r="L6756" i="2"/>
  <c r="L6730" i="5" s="1"/>
  <c r="M6756" i="2"/>
  <c r="M6730" i="5" s="1"/>
  <c r="I6756" i="2"/>
  <c r="I6730" i="5" s="1"/>
  <c r="K6756" i="2"/>
  <c r="K6730" i="5" s="1"/>
  <c r="O6730" i="5" s="1"/>
  <c r="J6754" i="2"/>
  <c r="J6728" i="5" s="1"/>
  <c r="N6728" i="5" s="1"/>
  <c r="M6754" i="2"/>
  <c r="M6728" i="5" s="1"/>
  <c r="I6754" i="2"/>
  <c r="I6728" i="5" s="1"/>
  <c r="L6754" i="2"/>
  <c r="L6728" i="5" s="1"/>
  <c r="K6754" i="2"/>
  <c r="K6728" i="5" s="1"/>
  <c r="O6728" i="5" s="1"/>
  <c r="L2225" i="2"/>
  <c r="L2199" i="5" s="1"/>
  <c r="M2225" i="2"/>
  <c r="M2199" i="5" s="1"/>
  <c r="I2225" i="2"/>
  <c r="I2199" i="5" s="1"/>
  <c r="K2225" i="2"/>
  <c r="K2199" i="5" s="1"/>
  <c r="O2199" i="5" s="1"/>
  <c r="J2225" i="2"/>
  <c r="J2199" i="5" s="1"/>
  <c r="N2199" i="5" s="1"/>
  <c r="J2228" i="2"/>
  <c r="J2202" i="5" s="1"/>
  <c r="N2202" i="5" s="1"/>
  <c r="L2228" i="2"/>
  <c r="L2202" i="5" s="1"/>
  <c r="M2228" i="2"/>
  <c r="M2202" i="5" s="1"/>
  <c r="I2228" i="2"/>
  <c r="I2202" i="5" s="1"/>
  <c r="K2228" i="2"/>
  <c r="K2202" i="5" s="1"/>
  <c r="O2202" i="5" s="1"/>
  <c r="K1794" i="2"/>
  <c r="K1768" i="5" s="1"/>
  <c r="O1768" i="5" s="1"/>
  <c r="M1794" i="2"/>
  <c r="M1768" i="5" s="1"/>
  <c r="L1794" i="2"/>
  <c r="L1768" i="5" s="1"/>
  <c r="I1794" i="2"/>
  <c r="I1768" i="5" s="1"/>
  <c r="J1794" i="2"/>
  <c r="J1768" i="5" s="1"/>
  <c r="N1768" i="5" s="1"/>
  <c r="K1817" i="2"/>
  <c r="K1791" i="5" s="1"/>
  <c r="O1791" i="5" s="1"/>
  <c r="J1817" i="2"/>
  <c r="J1791" i="5" s="1"/>
  <c r="N1791" i="5" s="1"/>
  <c r="I1817" i="2"/>
  <c r="I1791" i="5" s="1"/>
  <c r="L1817" i="2"/>
  <c r="L1791" i="5" s="1"/>
  <c r="M1817" i="2"/>
  <c r="M1791" i="5" s="1"/>
  <c r="M4657" i="2"/>
  <c r="M4631" i="5" s="1"/>
  <c r="I4657" i="2"/>
  <c r="I4631" i="5" s="1"/>
  <c r="L4657" i="2"/>
  <c r="L4631" i="5" s="1"/>
  <c r="K4657" i="2"/>
  <c r="K4631" i="5" s="1"/>
  <c r="O4631" i="5" s="1"/>
  <c r="J4657" i="2"/>
  <c r="J4631" i="5" s="1"/>
  <c r="N4631" i="5" s="1"/>
  <c r="J803" i="2"/>
  <c r="J777" i="5" s="1"/>
  <c r="N777" i="5" s="1"/>
  <c r="L803" i="2"/>
  <c r="L777" i="5" s="1"/>
  <c r="I803" i="2"/>
  <c r="I777" i="5" s="1"/>
  <c r="M803" i="2"/>
  <c r="M777" i="5" s="1"/>
  <c r="K803" i="2"/>
  <c r="K777" i="5" s="1"/>
  <c r="O777" i="5" s="1"/>
  <c r="M2942" i="2"/>
  <c r="M2916" i="5" s="1"/>
  <c r="I2942" i="2"/>
  <c r="I2916" i="5" s="1"/>
  <c r="L2942" i="2"/>
  <c r="L2916" i="5" s="1"/>
  <c r="K2942" i="2"/>
  <c r="K2916" i="5" s="1"/>
  <c r="O2916" i="5" s="1"/>
  <c r="J2942" i="2"/>
  <c r="J2916" i="5" s="1"/>
  <c r="N2916" i="5" s="1"/>
  <c r="M2955" i="2"/>
  <c r="M2929" i="5" s="1"/>
  <c r="K2955" i="2"/>
  <c r="K2929" i="5" s="1"/>
  <c r="O2929" i="5" s="1"/>
  <c r="L2955" i="2"/>
  <c r="L2929" i="5" s="1"/>
  <c r="I2955" i="2"/>
  <c r="I2929" i="5" s="1"/>
  <c r="J2955" i="2"/>
  <c r="J2929" i="5" s="1"/>
  <c r="N2929" i="5" s="1"/>
  <c r="L7833" i="2"/>
  <c r="L7807" i="5" s="1"/>
  <c r="J7833" i="2"/>
  <c r="J7807" i="5" s="1"/>
  <c r="N7807" i="5" s="1"/>
  <c r="M7833" i="2"/>
  <c r="M7807" i="5" s="1"/>
  <c r="I7833" i="2"/>
  <c r="I7807" i="5" s="1"/>
  <c r="K7833" i="2"/>
  <c r="K7807" i="5" s="1"/>
  <c r="O7807" i="5" s="1"/>
  <c r="J973" i="2"/>
  <c r="J947" i="5" s="1"/>
  <c r="N947" i="5" s="1"/>
  <c r="L973" i="2"/>
  <c r="L947" i="5" s="1"/>
  <c r="M973" i="2"/>
  <c r="M947" i="5" s="1"/>
  <c r="I973" i="2"/>
  <c r="I947" i="5" s="1"/>
  <c r="K973" i="2"/>
  <c r="K947" i="5" s="1"/>
  <c r="O947" i="5" s="1"/>
  <c r="L8475" i="2"/>
  <c r="L8449" i="5" s="1"/>
  <c r="M8475" i="2"/>
  <c r="M8449" i="5" s="1"/>
  <c r="I8475" i="2"/>
  <c r="I8449" i="5" s="1"/>
  <c r="J8475" i="2"/>
  <c r="J8449" i="5" s="1"/>
  <c r="N8449" i="5" s="1"/>
  <c r="K8475" i="2"/>
  <c r="K8449" i="5" s="1"/>
  <c r="O8449" i="5" s="1"/>
  <c r="M4479" i="2"/>
  <c r="M4453" i="5" s="1"/>
  <c r="L4479" i="2"/>
  <c r="L4453" i="5" s="1"/>
  <c r="I4479" i="2"/>
  <c r="I4453" i="5" s="1"/>
  <c r="K4479" i="2"/>
  <c r="K4453" i="5" s="1"/>
  <c r="O4453" i="5" s="1"/>
  <c r="J4479" i="2"/>
  <c r="J4453" i="5" s="1"/>
  <c r="N4453" i="5" s="1"/>
  <c r="I2262" i="2"/>
  <c r="I2236" i="5" s="1"/>
  <c r="J2262" i="2"/>
  <c r="J2236" i="5" s="1"/>
  <c r="N2236" i="5" s="1"/>
  <c r="L2262" i="2"/>
  <c r="L2236" i="5" s="1"/>
  <c r="M2262" i="2"/>
  <c r="M2236" i="5" s="1"/>
  <c r="K2262" i="2"/>
  <c r="K2236" i="5" s="1"/>
  <c r="O2236" i="5" s="1"/>
  <c r="M3758" i="2"/>
  <c r="M3732" i="5" s="1"/>
  <c r="K3758" i="2"/>
  <c r="K3732" i="5" s="1"/>
  <c r="O3732" i="5" s="1"/>
  <c r="J3758" i="2"/>
  <c r="J3732" i="5" s="1"/>
  <c r="N3732" i="5" s="1"/>
  <c r="L3758" i="2"/>
  <c r="L3732" i="5" s="1"/>
  <c r="I3758" i="2"/>
  <c r="I3732" i="5" s="1"/>
  <c r="J892" i="2"/>
  <c r="J866" i="5" s="1"/>
  <c r="N866" i="5" s="1"/>
  <c r="M892" i="2"/>
  <c r="M866" i="5" s="1"/>
  <c r="L892" i="2"/>
  <c r="L866" i="5" s="1"/>
  <c r="I892" i="2"/>
  <c r="I866" i="5" s="1"/>
  <c r="K892" i="2"/>
  <c r="K866" i="5" s="1"/>
  <c r="O866" i="5" s="1"/>
  <c r="L5847" i="2"/>
  <c r="L5821" i="5" s="1"/>
  <c r="M5847" i="2"/>
  <c r="M5821" i="5" s="1"/>
  <c r="I5847" i="2"/>
  <c r="I5821" i="5" s="1"/>
  <c r="K5847" i="2"/>
  <c r="K5821" i="5" s="1"/>
  <c r="O5821" i="5" s="1"/>
  <c r="J5847" i="2"/>
  <c r="J5821" i="5" s="1"/>
  <c r="N5821" i="5" s="1"/>
  <c r="K5764" i="2"/>
  <c r="K5738" i="5" s="1"/>
  <c r="O5738" i="5" s="1"/>
  <c r="L5764" i="2"/>
  <c r="L5738" i="5" s="1"/>
  <c r="J5764" i="2"/>
  <c r="J5738" i="5" s="1"/>
  <c r="N5738" i="5" s="1"/>
  <c r="M5764" i="2"/>
  <c r="M5738" i="5" s="1"/>
  <c r="I5764" i="2"/>
  <c r="I5738" i="5" s="1"/>
  <c r="L207" i="2"/>
  <c r="L181" i="5" s="1"/>
  <c r="M207" i="2"/>
  <c r="M181" i="5" s="1"/>
  <c r="J207" i="2"/>
  <c r="J181" i="5" s="1"/>
  <c r="N181" i="5" s="1"/>
  <c r="K207" i="2"/>
  <c r="K181" i="5" s="1"/>
  <c r="O181" i="5" s="1"/>
  <c r="I207" i="2"/>
  <c r="I181" i="5" s="1"/>
  <c r="M4945" i="2"/>
  <c r="M4919" i="5" s="1"/>
  <c r="I4945" i="2"/>
  <c r="I4919" i="5" s="1"/>
  <c r="K4945" i="2"/>
  <c r="K4919" i="5" s="1"/>
  <c r="O4919" i="5" s="1"/>
  <c r="J4945" i="2"/>
  <c r="J4919" i="5" s="1"/>
  <c r="N4919" i="5" s="1"/>
  <c r="L4945" i="2"/>
  <c r="L4919" i="5" s="1"/>
  <c r="J7112" i="2"/>
  <c r="J7086" i="5" s="1"/>
  <c r="N7086" i="5" s="1"/>
  <c r="K7112" i="2"/>
  <c r="K7086" i="5" s="1"/>
  <c r="O7086" i="5" s="1"/>
  <c r="L7112" i="2"/>
  <c r="L7086" i="5" s="1"/>
  <c r="M7112" i="2"/>
  <c r="M7086" i="5" s="1"/>
  <c r="I7112" i="2"/>
  <c r="I7086" i="5" s="1"/>
  <c r="M7097" i="2"/>
  <c r="M7071" i="5" s="1"/>
  <c r="J7097" i="2"/>
  <c r="J7071" i="5" s="1"/>
  <c r="N7071" i="5" s="1"/>
  <c r="L7097" i="2"/>
  <c r="L7071" i="5" s="1"/>
  <c r="I7097" i="2"/>
  <c r="I7071" i="5" s="1"/>
  <c r="K7097" i="2"/>
  <c r="K7071" i="5" s="1"/>
  <c r="O7071" i="5" s="1"/>
  <c r="L380" i="2"/>
  <c r="L354" i="5" s="1"/>
  <c r="M380" i="2"/>
  <c r="M354" i="5" s="1"/>
  <c r="I380" i="2"/>
  <c r="I354" i="5" s="1"/>
  <c r="K380" i="2"/>
  <c r="K354" i="5" s="1"/>
  <c r="O354" i="5" s="1"/>
  <c r="J380" i="2"/>
  <c r="J354" i="5" s="1"/>
  <c r="N354" i="5" s="1"/>
  <c r="J382" i="2"/>
  <c r="J356" i="5" s="1"/>
  <c r="N356" i="5" s="1"/>
  <c r="L382" i="2"/>
  <c r="L356" i="5" s="1"/>
  <c r="M382" i="2"/>
  <c r="M356" i="5" s="1"/>
  <c r="K382" i="2"/>
  <c r="K356" i="5" s="1"/>
  <c r="O356" i="5" s="1"/>
  <c r="I382" i="2"/>
  <c r="I356" i="5" s="1"/>
  <c r="M5465" i="2"/>
  <c r="M5439" i="5" s="1"/>
  <c r="K5465" i="2"/>
  <c r="K5439" i="5" s="1"/>
  <c r="O5439" i="5" s="1"/>
  <c r="L5465" i="2"/>
  <c r="L5439" i="5" s="1"/>
  <c r="I5465" i="2"/>
  <c r="I5439" i="5" s="1"/>
  <c r="J5465" i="2"/>
  <c r="J5439" i="5" s="1"/>
  <c r="N5439" i="5" s="1"/>
  <c r="K5459" i="2"/>
  <c r="K5433" i="5" s="1"/>
  <c r="O5433" i="5" s="1"/>
  <c r="L5459" i="2"/>
  <c r="L5433" i="5" s="1"/>
  <c r="J5459" i="2"/>
  <c r="J5433" i="5" s="1"/>
  <c r="N5433" i="5" s="1"/>
  <c r="M5459" i="2"/>
  <c r="M5433" i="5" s="1"/>
  <c r="I5459" i="2"/>
  <c r="I5433" i="5" s="1"/>
  <c r="L2969" i="2"/>
  <c r="L2943" i="5" s="1"/>
  <c r="M2969" i="2"/>
  <c r="M2943" i="5" s="1"/>
  <c r="I2969" i="2"/>
  <c r="I2943" i="5" s="1"/>
  <c r="K2969" i="2"/>
  <c r="K2943" i="5" s="1"/>
  <c r="O2943" i="5" s="1"/>
  <c r="J2969" i="2"/>
  <c r="J2943" i="5" s="1"/>
  <c r="N2943" i="5" s="1"/>
  <c r="I2970" i="2"/>
  <c r="I2944" i="5" s="1"/>
  <c r="M2970" i="2"/>
  <c r="M2944" i="5" s="1"/>
  <c r="L2970" i="2"/>
  <c r="L2944" i="5" s="1"/>
  <c r="K2970" i="2"/>
  <c r="K2944" i="5" s="1"/>
  <c r="O2944" i="5" s="1"/>
  <c r="J2970" i="2"/>
  <c r="J2944" i="5" s="1"/>
  <c r="N2944" i="5" s="1"/>
  <c r="K1653" i="2"/>
  <c r="K1627" i="5" s="1"/>
  <c r="O1627" i="5" s="1"/>
  <c r="L1653" i="2"/>
  <c r="L1627" i="5" s="1"/>
  <c r="M1653" i="2"/>
  <c r="M1627" i="5" s="1"/>
  <c r="I1653" i="2"/>
  <c r="I1627" i="5" s="1"/>
  <c r="J1653" i="2"/>
  <c r="J1627" i="5" s="1"/>
  <c r="N1627" i="5" s="1"/>
  <c r="I8203" i="2"/>
  <c r="I8177" i="5" s="1"/>
  <c r="K8203" i="2"/>
  <c r="K8177" i="5" s="1"/>
  <c r="O8177" i="5" s="1"/>
  <c r="J8203" i="2"/>
  <c r="J8177" i="5" s="1"/>
  <c r="N8177" i="5" s="1"/>
  <c r="L8203" i="2"/>
  <c r="L8177" i="5" s="1"/>
  <c r="M8203" i="2"/>
  <c r="M8177" i="5" s="1"/>
  <c r="K5168" i="2"/>
  <c r="K5142" i="5" s="1"/>
  <c r="O5142" i="5" s="1"/>
  <c r="M5168" i="2"/>
  <c r="M5142" i="5" s="1"/>
  <c r="J5168" i="2"/>
  <c r="J5142" i="5" s="1"/>
  <c r="N5142" i="5" s="1"/>
  <c r="L5168" i="2"/>
  <c r="L5142" i="5" s="1"/>
  <c r="I5168" i="2"/>
  <c r="I5142" i="5" s="1"/>
  <c r="M6636" i="2"/>
  <c r="M6610" i="5" s="1"/>
  <c r="I6636" i="2"/>
  <c r="I6610" i="5" s="1"/>
  <c r="L6636" i="2"/>
  <c r="L6610" i="5" s="1"/>
  <c r="K6636" i="2"/>
  <c r="K6610" i="5" s="1"/>
  <c r="O6610" i="5" s="1"/>
  <c r="J6636" i="2"/>
  <c r="J6610" i="5" s="1"/>
  <c r="N6610" i="5" s="1"/>
  <c r="M4418" i="2"/>
  <c r="M4392" i="5" s="1"/>
  <c r="L4418" i="2"/>
  <c r="L4392" i="5" s="1"/>
  <c r="K4418" i="2"/>
  <c r="K4392" i="5" s="1"/>
  <c r="O4392" i="5" s="1"/>
  <c r="J4418" i="2"/>
  <c r="J4392" i="5" s="1"/>
  <c r="N4392" i="5" s="1"/>
  <c r="I4418" i="2"/>
  <c r="I4392" i="5" s="1"/>
  <c r="L6533" i="2"/>
  <c r="L6507" i="5" s="1"/>
  <c r="M6533" i="2"/>
  <c r="M6507" i="5" s="1"/>
  <c r="I6533" i="2"/>
  <c r="I6507" i="5" s="1"/>
  <c r="K6533" i="2"/>
  <c r="K6507" i="5" s="1"/>
  <c r="O6507" i="5" s="1"/>
  <c r="J6533" i="2"/>
  <c r="J6507" i="5" s="1"/>
  <c r="N6507" i="5" s="1"/>
  <c r="L6528" i="2"/>
  <c r="L6502" i="5" s="1"/>
  <c r="M6528" i="2"/>
  <c r="M6502" i="5" s="1"/>
  <c r="J6528" i="2"/>
  <c r="J6502" i="5" s="1"/>
  <c r="N6502" i="5" s="1"/>
  <c r="I6528" i="2"/>
  <c r="I6502" i="5" s="1"/>
  <c r="K6528" i="2"/>
  <c r="K6502" i="5" s="1"/>
  <c r="O6502" i="5" s="1"/>
  <c r="K2307" i="2"/>
  <c r="K2281" i="5" s="1"/>
  <c r="O2281" i="5" s="1"/>
  <c r="I2307" i="2"/>
  <c r="I2281" i="5" s="1"/>
  <c r="L2307" i="2"/>
  <c r="L2281" i="5" s="1"/>
  <c r="M2307" i="2"/>
  <c r="M2281" i="5" s="1"/>
  <c r="J2307" i="2"/>
  <c r="J2281" i="5" s="1"/>
  <c r="N2281" i="5" s="1"/>
  <c r="K1260" i="2"/>
  <c r="K1234" i="5" s="1"/>
  <c r="O1234" i="5" s="1"/>
  <c r="J1260" i="2"/>
  <c r="J1234" i="5" s="1"/>
  <c r="N1234" i="5" s="1"/>
  <c r="M1260" i="2"/>
  <c r="M1234" i="5" s="1"/>
  <c r="L1260" i="2"/>
  <c r="L1234" i="5" s="1"/>
  <c r="I1260" i="2"/>
  <c r="I1234" i="5" s="1"/>
  <c r="J1273" i="2"/>
  <c r="J1247" i="5" s="1"/>
  <c r="N1247" i="5" s="1"/>
  <c r="M1273" i="2"/>
  <c r="M1247" i="5" s="1"/>
  <c r="L1273" i="2"/>
  <c r="L1247" i="5" s="1"/>
  <c r="K1273" i="2"/>
  <c r="K1247" i="5" s="1"/>
  <c r="O1247" i="5" s="1"/>
  <c r="I1273" i="2"/>
  <c r="I1247" i="5" s="1"/>
  <c r="M1727" i="2"/>
  <c r="M1701" i="5" s="1"/>
  <c r="L1727" i="2"/>
  <c r="L1701" i="5" s="1"/>
  <c r="K1727" i="2"/>
  <c r="K1701" i="5" s="1"/>
  <c r="O1701" i="5" s="1"/>
  <c r="J1727" i="2"/>
  <c r="J1701" i="5" s="1"/>
  <c r="N1701" i="5" s="1"/>
  <c r="I1727" i="2"/>
  <c r="I1701" i="5" s="1"/>
  <c r="J1726" i="2"/>
  <c r="J1700" i="5" s="1"/>
  <c r="N1700" i="5" s="1"/>
  <c r="L1726" i="2"/>
  <c r="L1700" i="5" s="1"/>
  <c r="I1726" i="2"/>
  <c r="I1700" i="5" s="1"/>
  <c r="K1726" i="2"/>
  <c r="K1700" i="5" s="1"/>
  <c r="O1700" i="5" s="1"/>
  <c r="M1726" i="2"/>
  <c r="M1700" i="5" s="1"/>
  <c r="M6190" i="2"/>
  <c r="M6164" i="5" s="1"/>
  <c r="J6190" i="2"/>
  <c r="J6164" i="5" s="1"/>
  <c r="N6164" i="5" s="1"/>
  <c r="K6190" i="2"/>
  <c r="K6164" i="5" s="1"/>
  <c r="O6164" i="5" s="1"/>
  <c r="L6190" i="2"/>
  <c r="L6164" i="5" s="1"/>
  <c r="I6190" i="2"/>
  <c r="I6164" i="5" s="1"/>
  <c r="C264" i="5"/>
  <c r="AR258" i="1"/>
  <c r="M2650" i="2"/>
  <c r="M2624" i="5" s="1"/>
  <c r="L2650" i="2"/>
  <c r="L2624" i="5" s="1"/>
  <c r="K2650" i="2"/>
  <c r="K2624" i="5" s="1"/>
  <c r="O2624" i="5" s="1"/>
  <c r="J2650" i="2"/>
  <c r="J2624" i="5" s="1"/>
  <c r="N2624" i="5" s="1"/>
  <c r="I2650" i="2"/>
  <c r="I2624" i="5" s="1"/>
  <c r="L2658" i="2"/>
  <c r="L2632" i="5" s="1"/>
  <c r="J2658" i="2"/>
  <c r="J2632" i="5" s="1"/>
  <c r="N2632" i="5" s="1"/>
  <c r="M2658" i="2"/>
  <c r="M2632" i="5" s="1"/>
  <c r="K2658" i="2"/>
  <c r="K2632" i="5" s="1"/>
  <c r="O2632" i="5" s="1"/>
  <c r="I2658" i="2"/>
  <c r="I2632" i="5" s="1"/>
  <c r="L6833" i="2"/>
  <c r="L6807" i="5" s="1"/>
  <c r="I6833" i="2"/>
  <c r="I6807" i="5" s="1"/>
  <c r="K6833" i="2"/>
  <c r="K6807" i="5" s="1"/>
  <c r="O6807" i="5" s="1"/>
  <c r="J6833" i="2"/>
  <c r="J6807" i="5" s="1"/>
  <c r="N6807" i="5" s="1"/>
  <c r="M6833" i="2"/>
  <c r="M6807" i="5" s="1"/>
  <c r="J6831" i="2"/>
  <c r="J6805" i="5" s="1"/>
  <c r="N6805" i="5" s="1"/>
  <c r="M6831" i="2"/>
  <c r="M6805" i="5" s="1"/>
  <c r="L6831" i="2"/>
  <c r="L6805" i="5" s="1"/>
  <c r="K6831" i="2"/>
  <c r="K6805" i="5" s="1"/>
  <c r="O6805" i="5" s="1"/>
  <c r="I6831" i="2"/>
  <c r="I6805" i="5" s="1"/>
  <c r="K3415" i="2"/>
  <c r="K3389" i="5" s="1"/>
  <c r="O3389" i="5" s="1"/>
  <c r="J3415" i="2"/>
  <c r="J3389" i="5" s="1"/>
  <c r="N3389" i="5" s="1"/>
  <c r="M3415" i="2"/>
  <c r="M3389" i="5" s="1"/>
  <c r="I3415" i="2"/>
  <c r="I3389" i="5" s="1"/>
  <c r="L3415" i="2"/>
  <c r="L3389" i="5" s="1"/>
  <c r="J3414" i="2"/>
  <c r="J3388" i="5" s="1"/>
  <c r="N3388" i="5" s="1"/>
  <c r="L3414" i="2"/>
  <c r="L3388" i="5" s="1"/>
  <c r="M3414" i="2"/>
  <c r="M3388" i="5" s="1"/>
  <c r="K3414" i="2"/>
  <c r="K3388" i="5" s="1"/>
  <c r="O3388" i="5" s="1"/>
  <c r="I3414" i="2"/>
  <c r="I3388" i="5" s="1"/>
  <c r="I4126" i="2"/>
  <c r="I4100" i="5" s="1"/>
  <c r="K4126" i="2"/>
  <c r="K4100" i="5" s="1"/>
  <c r="O4100" i="5" s="1"/>
  <c r="M4126" i="2"/>
  <c r="M4100" i="5" s="1"/>
  <c r="L4126" i="2"/>
  <c r="L4100" i="5" s="1"/>
  <c r="J4126" i="2"/>
  <c r="J4100" i="5" s="1"/>
  <c r="N4100" i="5" s="1"/>
  <c r="K6113" i="2"/>
  <c r="K6087" i="5" s="1"/>
  <c r="O6087" i="5" s="1"/>
  <c r="J6113" i="2"/>
  <c r="J6087" i="5" s="1"/>
  <c r="N6087" i="5" s="1"/>
  <c r="M6113" i="2"/>
  <c r="M6087" i="5" s="1"/>
  <c r="L6113" i="2"/>
  <c r="L6087" i="5" s="1"/>
  <c r="I6113" i="2"/>
  <c r="I6087" i="5" s="1"/>
  <c r="J72" i="2"/>
  <c r="J46" i="5" s="1"/>
  <c r="N46" i="5" s="1"/>
  <c r="I72" i="2"/>
  <c r="I46" i="5" s="1"/>
  <c r="K72" i="2"/>
  <c r="K46" i="5" s="1"/>
  <c r="O46" i="5" s="1"/>
  <c r="L72" i="2"/>
  <c r="L46" i="5" s="1"/>
  <c r="M72" i="2"/>
  <c r="M46" i="5" s="1"/>
  <c r="K4776" i="2"/>
  <c r="K4750" i="5" s="1"/>
  <c r="O4750" i="5" s="1"/>
  <c r="J4776" i="2"/>
  <c r="J4750" i="5" s="1"/>
  <c r="N4750" i="5" s="1"/>
  <c r="M4776" i="2"/>
  <c r="M4750" i="5" s="1"/>
  <c r="L4776" i="2"/>
  <c r="L4750" i="5" s="1"/>
  <c r="I4776" i="2"/>
  <c r="I4750" i="5" s="1"/>
  <c r="J5242" i="2"/>
  <c r="J5216" i="5" s="1"/>
  <c r="N5216" i="5" s="1"/>
  <c r="I5242" i="2"/>
  <c r="I5216" i="5" s="1"/>
  <c r="K5242" i="2"/>
  <c r="K5216" i="5" s="1"/>
  <c r="O5216" i="5" s="1"/>
  <c r="L5242" i="2"/>
  <c r="L5216" i="5" s="1"/>
  <c r="M5242" i="2"/>
  <c r="M5216" i="5" s="1"/>
  <c r="L2595" i="2"/>
  <c r="L2569" i="5" s="1"/>
  <c r="I2595" i="2"/>
  <c r="I2569" i="5" s="1"/>
  <c r="K2595" i="2"/>
  <c r="K2569" i="5" s="1"/>
  <c r="O2569" i="5" s="1"/>
  <c r="J2595" i="2"/>
  <c r="J2569" i="5" s="1"/>
  <c r="N2569" i="5" s="1"/>
  <c r="M2595" i="2"/>
  <c r="M2569" i="5" s="1"/>
  <c r="M6353" i="2"/>
  <c r="M6327" i="5" s="1"/>
  <c r="J6353" i="2"/>
  <c r="J6327" i="5" s="1"/>
  <c r="N6327" i="5" s="1"/>
  <c r="K6353" i="2"/>
  <c r="K6327" i="5" s="1"/>
  <c r="O6327" i="5" s="1"/>
  <c r="L6353" i="2"/>
  <c r="L6327" i="5" s="1"/>
  <c r="I6353" i="2"/>
  <c r="I6327" i="5" s="1"/>
  <c r="J4509" i="2"/>
  <c r="J4483" i="5" s="1"/>
  <c r="N4483" i="5" s="1"/>
  <c r="I4509" i="2"/>
  <c r="I4483" i="5" s="1"/>
  <c r="K4509" i="2"/>
  <c r="K4483" i="5" s="1"/>
  <c r="O4483" i="5" s="1"/>
  <c r="M4509" i="2"/>
  <c r="M4483" i="5" s="1"/>
  <c r="L4509" i="2"/>
  <c r="L4483" i="5" s="1"/>
  <c r="K7991" i="2"/>
  <c r="K7965" i="5" s="1"/>
  <c r="O7965" i="5" s="1"/>
  <c r="I7991" i="2"/>
  <c r="I7965" i="5" s="1"/>
  <c r="J7991" i="2"/>
  <c r="J7965" i="5" s="1"/>
  <c r="N7965" i="5" s="1"/>
  <c r="M7991" i="2"/>
  <c r="M7965" i="5" s="1"/>
  <c r="L7991" i="2"/>
  <c r="L7965" i="5" s="1"/>
  <c r="M7796" i="2"/>
  <c r="M7770" i="5" s="1"/>
  <c r="I7796" i="2"/>
  <c r="I7770" i="5" s="1"/>
  <c r="K7796" i="2"/>
  <c r="K7770" i="5" s="1"/>
  <c r="O7770" i="5" s="1"/>
  <c r="L7796" i="2"/>
  <c r="L7770" i="5" s="1"/>
  <c r="J7796" i="2"/>
  <c r="J7770" i="5" s="1"/>
  <c r="N7770" i="5" s="1"/>
  <c r="AR237" i="1"/>
  <c r="C243" i="5"/>
  <c r="K4287" i="2"/>
  <c r="K4261" i="5" s="1"/>
  <c r="O4261" i="5" s="1"/>
  <c r="J4287" i="2"/>
  <c r="J4261" i="5" s="1"/>
  <c r="N4261" i="5" s="1"/>
  <c r="M4287" i="2"/>
  <c r="M4261" i="5" s="1"/>
  <c r="L4287" i="2"/>
  <c r="L4261" i="5" s="1"/>
  <c r="I4287" i="2"/>
  <c r="I4261" i="5" s="1"/>
  <c r="M8450" i="2"/>
  <c r="M8424" i="5" s="1"/>
  <c r="L8450" i="2"/>
  <c r="L8424" i="5" s="1"/>
  <c r="I8450" i="2"/>
  <c r="I8424" i="5" s="1"/>
  <c r="K8450" i="2"/>
  <c r="K8424" i="5" s="1"/>
  <c r="O8424" i="5" s="1"/>
  <c r="J8450" i="2"/>
  <c r="J8424" i="5" s="1"/>
  <c r="N8424" i="5" s="1"/>
  <c r="M1628" i="2"/>
  <c r="M1602" i="5" s="1"/>
  <c r="J1628" i="2"/>
  <c r="J1602" i="5" s="1"/>
  <c r="N1602" i="5" s="1"/>
  <c r="I1628" i="2"/>
  <c r="I1602" i="5" s="1"/>
  <c r="L1628" i="2"/>
  <c r="L1602" i="5" s="1"/>
  <c r="K1628" i="2"/>
  <c r="K1602" i="5" s="1"/>
  <c r="O1602" i="5" s="1"/>
  <c r="I735" i="2"/>
  <c r="I709" i="5" s="1"/>
  <c r="K735" i="2"/>
  <c r="K709" i="5" s="1"/>
  <c r="O709" i="5" s="1"/>
  <c r="L735" i="2"/>
  <c r="L709" i="5" s="1"/>
  <c r="J735" i="2"/>
  <c r="J709" i="5" s="1"/>
  <c r="N709" i="5" s="1"/>
  <c r="M735" i="2"/>
  <c r="M709" i="5" s="1"/>
  <c r="J3148" i="2"/>
  <c r="J3122" i="5" s="1"/>
  <c r="N3122" i="5" s="1"/>
  <c r="I3148" i="2"/>
  <c r="I3122" i="5" s="1"/>
  <c r="K3148" i="2"/>
  <c r="K3122" i="5" s="1"/>
  <c r="O3122" i="5" s="1"/>
  <c r="L3148" i="2"/>
  <c r="L3122" i="5" s="1"/>
  <c r="M3148" i="2"/>
  <c r="M3122" i="5" s="1"/>
  <c r="K3149" i="2"/>
  <c r="K3123" i="5" s="1"/>
  <c r="O3123" i="5" s="1"/>
  <c r="J3149" i="2"/>
  <c r="J3123" i="5" s="1"/>
  <c r="N3123" i="5" s="1"/>
  <c r="M3149" i="2"/>
  <c r="M3123" i="5" s="1"/>
  <c r="I3149" i="2"/>
  <c r="I3123" i="5" s="1"/>
  <c r="L3149" i="2"/>
  <c r="L3123" i="5" s="1"/>
  <c r="I1956" i="2"/>
  <c r="I1930" i="5" s="1"/>
  <c r="K1956" i="2"/>
  <c r="K1930" i="5" s="1"/>
  <c r="O1930" i="5" s="1"/>
  <c r="J1956" i="2"/>
  <c r="J1930" i="5" s="1"/>
  <c r="N1930" i="5" s="1"/>
  <c r="L1956" i="2"/>
  <c r="L1930" i="5" s="1"/>
  <c r="M1956" i="2"/>
  <c r="M1930" i="5" s="1"/>
  <c r="L8117" i="2"/>
  <c r="L8091" i="5" s="1"/>
  <c r="I8117" i="2"/>
  <c r="I8091" i="5" s="1"/>
  <c r="M8117" i="2"/>
  <c r="M8091" i="5" s="1"/>
  <c r="K8117" i="2"/>
  <c r="K8091" i="5" s="1"/>
  <c r="O8091" i="5" s="1"/>
  <c r="J8117" i="2"/>
  <c r="J8091" i="5" s="1"/>
  <c r="N8091" i="5" s="1"/>
  <c r="J5354" i="2"/>
  <c r="J5328" i="5" s="1"/>
  <c r="N5328" i="5" s="1"/>
  <c r="M5354" i="2"/>
  <c r="M5328" i="5" s="1"/>
  <c r="K5354" i="2"/>
  <c r="K5328" i="5" s="1"/>
  <c r="O5328" i="5" s="1"/>
  <c r="L5354" i="2"/>
  <c r="L5328" i="5" s="1"/>
  <c r="I5354" i="2"/>
  <c r="I5328" i="5" s="1"/>
  <c r="K5348" i="2"/>
  <c r="K5322" i="5" s="1"/>
  <c r="O5322" i="5" s="1"/>
  <c r="M5348" i="2"/>
  <c r="M5322" i="5" s="1"/>
  <c r="J5348" i="2"/>
  <c r="J5322" i="5" s="1"/>
  <c r="N5322" i="5" s="1"/>
  <c r="L5348" i="2"/>
  <c r="L5322" i="5" s="1"/>
  <c r="I5348" i="2"/>
  <c r="I5322" i="5" s="1"/>
  <c r="L5999" i="2"/>
  <c r="L5973" i="5" s="1"/>
  <c r="I5999" i="2"/>
  <c r="I5973" i="5" s="1"/>
  <c r="M5999" i="2"/>
  <c r="M5973" i="5" s="1"/>
  <c r="K5999" i="2"/>
  <c r="K5973" i="5" s="1"/>
  <c r="O5973" i="5" s="1"/>
  <c r="J5999" i="2"/>
  <c r="J5973" i="5" s="1"/>
  <c r="N5973" i="5" s="1"/>
  <c r="J6002" i="2"/>
  <c r="J5976" i="5" s="1"/>
  <c r="N5976" i="5" s="1"/>
  <c r="L6002" i="2"/>
  <c r="L5976" i="5" s="1"/>
  <c r="M6002" i="2"/>
  <c r="M5976" i="5" s="1"/>
  <c r="I6002" i="2"/>
  <c r="I5976" i="5" s="1"/>
  <c r="K6002" i="2"/>
  <c r="K5976" i="5" s="1"/>
  <c r="O5976" i="5" s="1"/>
  <c r="I1981" i="2"/>
  <c r="I1955" i="5" s="1"/>
  <c r="K1981" i="2"/>
  <c r="K1955" i="5" s="1"/>
  <c r="O1955" i="5" s="1"/>
  <c r="L1981" i="2"/>
  <c r="L1955" i="5" s="1"/>
  <c r="M1981" i="2"/>
  <c r="M1955" i="5" s="1"/>
  <c r="J1981" i="2"/>
  <c r="J1955" i="5" s="1"/>
  <c r="N1955" i="5" s="1"/>
  <c r="J1983" i="2"/>
  <c r="J1957" i="5" s="1"/>
  <c r="N1957" i="5" s="1"/>
  <c r="L1983" i="2"/>
  <c r="L1957" i="5" s="1"/>
  <c r="M1983" i="2"/>
  <c r="M1957" i="5" s="1"/>
  <c r="I1983" i="2"/>
  <c r="I1957" i="5" s="1"/>
  <c r="K1983" i="2"/>
  <c r="K1957" i="5" s="1"/>
  <c r="O1957" i="5" s="1"/>
  <c r="L397" i="2"/>
  <c r="L371" i="5" s="1"/>
  <c r="M397" i="2"/>
  <c r="M371" i="5" s="1"/>
  <c r="I397" i="2"/>
  <c r="I371" i="5" s="1"/>
  <c r="K397" i="2"/>
  <c r="K371" i="5" s="1"/>
  <c r="O371" i="5" s="1"/>
  <c r="J397" i="2"/>
  <c r="J371" i="5" s="1"/>
  <c r="N371" i="5" s="1"/>
  <c r="J3070" i="2"/>
  <c r="J3044" i="5" s="1"/>
  <c r="N3044" i="5" s="1"/>
  <c r="L3070" i="2"/>
  <c r="L3044" i="5" s="1"/>
  <c r="M3070" i="2"/>
  <c r="M3044" i="5" s="1"/>
  <c r="I3070" i="2"/>
  <c r="I3044" i="5" s="1"/>
  <c r="K3070" i="2"/>
  <c r="K3044" i="5" s="1"/>
  <c r="O3044" i="5" s="1"/>
  <c r="K561" i="2"/>
  <c r="K535" i="5" s="1"/>
  <c r="O535" i="5" s="1"/>
  <c r="L561" i="2"/>
  <c r="L535" i="5" s="1"/>
  <c r="I561" i="2"/>
  <c r="I535" i="5" s="1"/>
  <c r="M561" i="2"/>
  <c r="M535" i="5" s="1"/>
  <c r="J561" i="2"/>
  <c r="J535" i="5" s="1"/>
  <c r="N535" i="5" s="1"/>
  <c r="I553" i="2"/>
  <c r="I527" i="5" s="1"/>
  <c r="J553" i="2"/>
  <c r="J527" i="5" s="1"/>
  <c r="N527" i="5" s="1"/>
  <c r="M553" i="2"/>
  <c r="M527" i="5" s="1"/>
  <c r="K553" i="2"/>
  <c r="K527" i="5" s="1"/>
  <c r="O527" i="5" s="1"/>
  <c r="L553" i="2"/>
  <c r="L527" i="5" s="1"/>
  <c r="K6625" i="2"/>
  <c r="K6599" i="5" s="1"/>
  <c r="O6599" i="5" s="1"/>
  <c r="J6625" i="2"/>
  <c r="J6599" i="5" s="1"/>
  <c r="N6599" i="5" s="1"/>
  <c r="L6625" i="2"/>
  <c r="L6599" i="5" s="1"/>
  <c r="M6625" i="2"/>
  <c r="M6599" i="5" s="1"/>
  <c r="I6625" i="2"/>
  <c r="I6599" i="5" s="1"/>
  <c r="J1123" i="2"/>
  <c r="J1097" i="5" s="1"/>
  <c r="N1097" i="5" s="1"/>
  <c r="M1123" i="2"/>
  <c r="M1097" i="5" s="1"/>
  <c r="I1123" i="2"/>
  <c r="I1097" i="5" s="1"/>
  <c r="K1123" i="2"/>
  <c r="K1097" i="5" s="1"/>
  <c r="O1097" i="5" s="1"/>
  <c r="L1123" i="2"/>
  <c r="L1097" i="5" s="1"/>
  <c r="M7308" i="2"/>
  <c r="M7282" i="5" s="1"/>
  <c r="L7308" i="2"/>
  <c r="L7282" i="5" s="1"/>
  <c r="I7308" i="2"/>
  <c r="I7282" i="5" s="1"/>
  <c r="K7308" i="2"/>
  <c r="K7282" i="5" s="1"/>
  <c r="O7282" i="5" s="1"/>
  <c r="J7308" i="2"/>
  <c r="J7282" i="5" s="1"/>
  <c r="N7282" i="5" s="1"/>
  <c r="M7960" i="2"/>
  <c r="M7934" i="5" s="1"/>
  <c r="L7960" i="2"/>
  <c r="L7934" i="5" s="1"/>
  <c r="I7960" i="2"/>
  <c r="I7934" i="5" s="1"/>
  <c r="K7960" i="2"/>
  <c r="K7934" i="5" s="1"/>
  <c r="O7934" i="5" s="1"/>
  <c r="J7960" i="2"/>
  <c r="J7934" i="5" s="1"/>
  <c r="N7934" i="5" s="1"/>
  <c r="J3251" i="2"/>
  <c r="J3225" i="5" s="1"/>
  <c r="N3225" i="5" s="1"/>
  <c r="M3251" i="2"/>
  <c r="M3225" i="5" s="1"/>
  <c r="I3251" i="2"/>
  <c r="I3225" i="5" s="1"/>
  <c r="L3251" i="2"/>
  <c r="L3225" i="5" s="1"/>
  <c r="K3251" i="2"/>
  <c r="K3225" i="5" s="1"/>
  <c r="O3225" i="5" s="1"/>
  <c r="M5020" i="2"/>
  <c r="M4994" i="5" s="1"/>
  <c r="L5020" i="2"/>
  <c r="L4994" i="5" s="1"/>
  <c r="I5020" i="2"/>
  <c r="I4994" i="5" s="1"/>
  <c r="K5020" i="2"/>
  <c r="K4994" i="5" s="1"/>
  <c r="O4994" i="5" s="1"/>
  <c r="J5020" i="2"/>
  <c r="J4994" i="5" s="1"/>
  <c r="N4994" i="5" s="1"/>
  <c r="K5003" i="2"/>
  <c r="K4977" i="5" s="1"/>
  <c r="O4977" i="5" s="1"/>
  <c r="M5003" i="2"/>
  <c r="M4977" i="5" s="1"/>
  <c r="J5003" i="2"/>
  <c r="J4977" i="5" s="1"/>
  <c r="N4977" i="5" s="1"/>
  <c r="L5003" i="2"/>
  <c r="L4977" i="5" s="1"/>
  <c r="I5003" i="2"/>
  <c r="I4977" i="5" s="1"/>
  <c r="L1066" i="2"/>
  <c r="L1040" i="5" s="1"/>
  <c r="M1066" i="2"/>
  <c r="M1040" i="5" s="1"/>
  <c r="J1066" i="2"/>
  <c r="J1040" i="5" s="1"/>
  <c r="N1040" i="5" s="1"/>
  <c r="I1066" i="2"/>
  <c r="I1040" i="5" s="1"/>
  <c r="K1066" i="2"/>
  <c r="K1040" i="5" s="1"/>
  <c r="O1040" i="5" s="1"/>
  <c r="K4000" i="2"/>
  <c r="K3974" i="5" s="1"/>
  <c r="O3974" i="5" s="1"/>
  <c r="L4000" i="2"/>
  <c r="L3974" i="5" s="1"/>
  <c r="J4000" i="2"/>
  <c r="J3974" i="5" s="1"/>
  <c r="N3974" i="5" s="1"/>
  <c r="M4000" i="2"/>
  <c r="M3974" i="5" s="1"/>
  <c r="I4000" i="2"/>
  <c r="I3974" i="5" s="1"/>
  <c r="M1314" i="2"/>
  <c r="M1288" i="5" s="1"/>
  <c r="L1314" i="2"/>
  <c r="L1288" i="5" s="1"/>
  <c r="I1314" i="2"/>
  <c r="I1288" i="5" s="1"/>
  <c r="K1314" i="2"/>
  <c r="K1288" i="5" s="1"/>
  <c r="O1288" i="5" s="1"/>
  <c r="J1314" i="2"/>
  <c r="J1288" i="5" s="1"/>
  <c r="N1288" i="5" s="1"/>
  <c r="L4316" i="2"/>
  <c r="L4290" i="5" s="1"/>
  <c r="I4316" i="2"/>
  <c r="I4290" i="5" s="1"/>
  <c r="M4316" i="2"/>
  <c r="M4290" i="5" s="1"/>
  <c r="K4316" i="2"/>
  <c r="K4290" i="5" s="1"/>
  <c r="O4290" i="5" s="1"/>
  <c r="J4316" i="2"/>
  <c r="J4290" i="5" s="1"/>
  <c r="N4290" i="5" s="1"/>
  <c r="J4315" i="2"/>
  <c r="J4289" i="5" s="1"/>
  <c r="N4289" i="5" s="1"/>
  <c r="M4315" i="2"/>
  <c r="M4289" i="5" s="1"/>
  <c r="L4315" i="2"/>
  <c r="L4289" i="5" s="1"/>
  <c r="I4315" i="2"/>
  <c r="I4289" i="5" s="1"/>
  <c r="K4315" i="2"/>
  <c r="K4289" i="5" s="1"/>
  <c r="O4289" i="5" s="1"/>
  <c r="M3303" i="2"/>
  <c r="M3277" i="5" s="1"/>
  <c r="I3303" i="2"/>
  <c r="I3277" i="5" s="1"/>
  <c r="J3303" i="2"/>
  <c r="J3277" i="5" s="1"/>
  <c r="N3277" i="5" s="1"/>
  <c r="K3303" i="2"/>
  <c r="K3277" i="5" s="1"/>
  <c r="O3277" i="5" s="1"/>
  <c r="L3303" i="2"/>
  <c r="L3277" i="5" s="1"/>
  <c r="M4120" i="2"/>
  <c r="M4094" i="5" s="1"/>
  <c r="L4120" i="2"/>
  <c r="L4094" i="5" s="1"/>
  <c r="J4120" i="2"/>
  <c r="J4094" i="5" s="1"/>
  <c r="N4094" i="5" s="1"/>
  <c r="I4120" i="2"/>
  <c r="I4094" i="5" s="1"/>
  <c r="K4120" i="2"/>
  <c r="K4094" i="5" s="1"/>
  <c r="O4094" i="5" s="1"/>
  <c r="AR172" i="1"/>
  <c r="C178" i="5"/>
  <c r="I7459" i="2"/>
  <c r="I7433" i="5" s="1"/>
  <c r="L7459" i="2"/>
  <c r="L7433" i="5" s="1"/>
  <c r="M7459" i="2"/>
  <c r="M7433" i="5" s="1"/>
  <c r="K7459" i="2"/>
  <c r="K7433" i="5" s="1"/>
  <c r="O7433" i="5" s="1"/>
  <c r="J7459" i="2"/>
  <c r="J7433" i="5" s="1"/>
  <c r="N7433" i="5" s="1"/>
  <c r="I7451" i="2"/>
  <c r="I7425" i="5" s="1"/>
  <c r="J7451" i="2"/>
  <c r="J7425" i="5" s="1"/>
  <c r="N7425" i="5" s="1"/>
  <c r="L7451" i="2"/>
  <c r="L7425" i="5" s="1"/>
  <c r="K7451" i="2"/>
  <c r="K7425" i="5" s="1"/>
  <c r="O7425" i="5" s="1"/>
  <c r="M7451" i="2"/>
  <c r="M7425" i="5" s="1"/>
  <c r="M4981" i="2"/>
  <c r="M4955" i="5" s="1"/>
  <c r="L4981" i="2"/>
  <c r="L4955" i="5" s="1"/>
  <c r="I4981" i="2"/>
  <c r="I4955" i="5" s="1"/>
  <c r="K4981" i="2"/>
  <c r="K4955" i="5" s="1"/>
  <c r="O4955" i="5" s="1"/>
  <c r="J4981" i="2"/>
  <c r="J4955" i="5" s="1"/>
  <c r="N4955" i="5" s="1"/>
  <c r="J4979" i="2"/>
  <c r="J4953" i="5" s="1"/>
  <c r="N4953" i="5" s="1"/>
  <c r="M4979" i="2"/>
  <c r="M4953" i="5" s="1"/>
  <c r="L4979" i="2"/>
  <c r="L4953" i="5" s="1"/>
  <c r="I4979" i="2"/>
  <c r="I4953" i="5" s="1"/>
  <c r="K4979" i="2"/>
  <c r="K4953" i="5" s="1"/>
  <c r="O4953" i="5" s="1"/>
  <c r="I8356" i="2"/>
  <c r="I8330" i="5" s="1"/>
  <c r="K8356" i="2"/>
  <c r="K8330" i="5" s="1"/>
  <c r="O8330" i="5" s="1"/>
  <c r="J8356" i="2"/>
  <c r="J8330" i="5" s="1"/>
  <c r="N8330" i="5" s="1"/>
  <c r="M8356" i="2"/>
  <c r="M8330" i="5" s="1"/>
  <c r="L8356" i="2"/>
  <c r="L8330" i="5" s="1"/>
  <c r="M8784" i="2"/>
  <c r="M8758" i="5" s="1"/>
  <c r="J8784" i="2"/>
  <c r="J8758" i="5" s="1"/>
  <c r="N8758" i="5" s="1"/>
  <c r="L8784" i="2"/>
  <c r="L8758" i="5" s="1"/>
  <c r="K8784" i="2"/>
  <c r="K8758" i="5" s="1"/>
  <c r="O8758" i="5" s="1"/>
  <c r="I8784" i="2"/>
  <c r="I8758" i="5" s="1"/>
  <c r="J3929" i="2"/>
  <c r="J3903" i="5" s="1"/>
  <c r="N3903" i="5" s="1"/>
  <c r="I3929" i="2"/>
  <c r="I3903" i="5" s="1"/>
  <c r="K3929" i="2"/>
  <c r="K3903" i="5" s="1"/>
  <c r="O3903" i="5" s="1"/>
  <c r="L3929" i="2"/>
  <c r="L3903" i="5" s="1"/>
  <c r="M3929" i="2"/>
  <c r="M3903" i="5" s="1"/>
  <c r="K8027" i="2"/>
  <c r="K8001" i="5" s="1"/>
  <c r="O8001" i="5" s="1"/>
  <c r="J8027" i="2"/>
  <c r="J8001" i="5" s="1"/>
  <c r="N8001" i="5" s="1"/>
  <c r="M8027" i="2"/>
  <c r="M8001" i="5" s="1"/>
  <c r="L8027" i="2"/>
  <c r="L8001" i="5" s="1"/>
  <c r="I8027" i="2"/>
  <c r="I8001" i="5" s="1"/>
  <c r="M7031" i="2"/>
  <c r="M7005" i="5" s="1"/>
  <c r="J7031" i="2"/>
  <c r="J7005" i="5" s="1"/>
  <c r="N7005" i="5" s="1"/>
  <c r="L7031" i="2"/>
  <c r="L7005" i="5" s="1"/>
  <c r="I7031" i="2"/>
  <c r="I7005" i="5" s="1"/>
  <c r="K7031" i="2"/>
  <c r="K7005" i="5" s="1"/>
  <c r="O7005" i="5" s="1"/>
  <c r="L7041" i="2"/>
  <c r="L7015" i="5" s="1"/>
  <c r="I7041" i="2"/>
  <c r="I7015" i="5" s="1"/>
  <c r="K7041" i="2"/>
  <c r="K7015" i="5" s="1"/>
  <c r="O7015" i="5" s="1"/>
  <c r="M7041" i="2"/>
  <c r="M7015" i="5" s="1"/>
  <c r="J7041" i="2"/>
  <c r="J7015" i="5" s="1"/>
  <c r="N7015" i="5" s="1"/>
  <c r="L3567" i="2"/>
  <c r="L3541" i="5" s="1"/>
  <c r="I3567" i="2"/>
  <c r="I3541" i="5" s="1"/>
  <c r="K3567" i="2"/>
  <c r="K3541" i="5" s="1"/>
  <c r="O3541" i="5" s="1"/>
  <c r="J3567" i="2"/>
  <c r="J3541" i="5" s="1"/>
  <c r="N3541" i="5" s="1"/>
  <c r="M3567" i="2"/>
  <c r="M3541" i="5" s="1"/>
  <c r="C155" i="5"/>
  <c r="AR149" i="1"/>
  <c r="K1409" i="2"/>
  <c r="K1383" i="5" s="1"/>
  <c r="O1383" i="5" s="1"/>
  <c r="J1409" i="2"/>
  <c r="J1383" i="5" s="1"/>
  <c r="N1383" i="5" s="1"/>
  <c r="I1409" i="2"/>
  <c r="I1383" i="5" s="1"/>
  <c r="L1409" i="2"/>
  <c r="L1383" i="5" s="1"/>
  <c r="M1409" i="2"/>
  <c r="M1383" i="5" s="1"/>
  <c r="I4589" i="2"/>
  <c r="I4563" i="5" s="1"/>
  <c r="K4589" i="2"/>
  <c r="K4563" i="5" s="1"/>
  <c r="O4563" i="5" s="1"/>
  <c r="J4589" i="2"/>
  <c r="J4563" i="5" s="1"/>
  <c r="N4563" i="5" s="1"/>
  <c r="M4589" i="2"/>
  <c r="M4563" i="5" s="1"/>
  <c r="L4589" i="2"/>
  <c r="L4563" i="5" s="1"/>
  <c r="L642" i="2"/>
  <c r="L616" i="5" s="1"/>
  <c r="J642" i="2"/>
  <c r="J616" i="5" s="1"/>
  <c r="N616" i="5" s="1"/>
  <c r="I642" i="2"/>
  <c r="I616" i="5" s="1"/>
  <c r="M642" i="2"/>
  <c r="M616" i="5" s="1"/>
  <c r="K642" i="2"/>
  <c r="K616" i="5" s="1"/>
  <c r="O616" i="5" s="1"/>
  <c r="K655" i="2"/>
  <c r="K629" i="5" s="1"/>
  <c r="O629" i="5" s="1"/>
  <c r="L655" i="2"/>
  <c r="L629" i="5" s="1"/>
  <c r="M655" i="2"/>
  <c r="M629" i="5" s="1"/>
  <c r="J655" i="2"/>
  <c r="J629" i="5" s="1"/>
  <c r="N629" i="5" s="1"/>
  <c r="I655" i="2"/>
  <c r="I629" i="5" s="1"/>
  <c r="I7509" i="2"/>
  <c r="I7483" i="5" s="1"/>
  <c r="K7509" i="2"/>
  <c r="K7483" i="5" s="1"/>
  <c r="O7483" i="5" s="1"/>
  <c r="J7509" i="2"/>
  <c r="J7483" i="5" s="1"/>
  <c r="N7483" i="5" s="1"/>
  <c r="L7509" i="2"/>
  <c r="L7483" i="5" s="1"/>
  <c r="M7509" i="2"/>
  <c r="M7483" i="5" s="1"/>
  <c r="I5662" i="2"/>
  <c r="I5636" i="5" s="1"/>
  <c r="L5662" i="2"/>
  <c r="L5636" i="5" s="1"/>
  <c r="K5662" i="2"/>
  <c r="K5636" i="5" s="1"/>
  <c r="O5636" i="5" s="1"/>
  <c r="J5662" i="2"/>
  <c r="J5636" i="5" s="1"/>
  <c r="N5636" i="5" s="1"/>
  <c r="M5662" i="2"/>
  <c r="M5636" i="5" s="1"/>
  <c r="J5834" i="2"/>
  <c r="J5808" i="5" s="1"/>
  <c r="N5808" i="5" s="1"/>
  <c r="L5834" i="2"/>
  <c r="L5808" i="5" s="1"/>
  <c r="M5834" i="2"/>
  <c r="M5808" i="5" s="1"/>
  <c r="I5834" i="2"/>
  <c r="I5808" i="5" s="1"/>
  <c r="K5834" i="2"/>
  <c r="K5808" i="5" s="1"/>
  <c r="O5808" i="5" s="1"/>
  <c r="M6966" i="2"/>
  <c r="M6940" i="5" s="1"/>
  <c r="K6966" i="2"/>
  <c r="K6940" i="5" s="1"/>
  <c r="O6940" i="5" s="1"/>
  <c r="L6966" i="2"/>
  <c r="L6940" i="5" s="1"/>
  <c r="I6966" i="2"/>
  <c r="I6940" i="5" s="1"/>
  <c r="J6966" i="2"/>
  <c r="J6940" i="5" s="1"/>
  <c r="N6940" i="5" s="1"/>
  <c r="L1597" i="2"/>
  <c r="L1571" i="5" s="1"/>
  <c r="M1597" i="2"/>
  <c r="M1571" i="5" s="1"/>
  <c r="J1597" i="2"/>
  <c r="J1571" i="5" s="1"/>
  <c r="N1571" i="5" s="1"/>
  <c r="I1597" i="2"/>
  <c r="I1571" i="5" s="1"/>
  <c r="K1597" i="2"/>
  <c r="K1571" i="5" s="1"/>
  <c r="O1571" i="5" s="1"/>
  <c r="J7780" i="2"/>
  <c r="J7754" i="5" s="1"/>
  <c r="N7754" i="5" s="1"/>
  <c r="L7780" i="2"/>
  <c r="L7754" i="5" s="1"/>
  <c r="I7780" i="2"/>
  <c r="I7754" i="5" s="1"/>
  <c r="M7780" i="2"/>
  <c r="M7754" i="5" s="1"/>
  <c r="K7780" i="2"/>
  <c r="K7754" i="5" s="1"/>
  <c r="O7754" i="5" s="1"/>
  <c r="J7768" i="2"/>
  <c r="J7742" i="5" s="1"/>
  <c r="N7742" i="5" s="1"/>
  <c r="L7768" i="2"/>
  <c r="L7742" i="5" s="1"/>
  <c r="M7768" i="2"/>
  <c r="M7742" i="5" s="1"/>
  <c r="I7768" i="2"/>
  <c r="I7742" i="5" s="1"/>
  <c r="K7768" i="2"/>
  <c r="K7742" i="5" s="1"/>
  <c r="O7742" i="5" s="1"/>
  <c r="M3844" i="2"/>
  <c r="M3818" i="5" s="1"/>
  <c r="L3844" i="2"/>
  <c r="L3818" i="5" s="1"/>
  <c r="J3844" i="2"/>
  <c r="J3818" i="5" s="1"/>
  <c r="N3818" i="5" s="1"/>
  <c r="I3844" i="2"/>
  <c r="I3818" i="5" s="1"/>
  <c r="K3844" i="2"/>
  <c r="K3818" i="5" s="1"/>
  <c r="O3818" i="5" s="1"/>
  <c r="I5097" i="2"/>
  <c r="I5071" i="5" s="1"/>
  <c r="M5097" i="2"/>
  <c r="M5071" i="5" s="1"/>
  <c r="K5097" i="2"/>
  <c r="K5071" i="5" s="1"/>
  <c r="O5071" i="5" s="1"/>
  <c r="J5097" i="2"/>
  <c r="J5071" i="5" s="1"/>
  <c r="N5071" i="5" s="1"/>
  <c r="L5097" i="2"/>
  <c r="L5071" i="5" s="1"/>
  <c r="J6990" i="2"/>
  <c r="J6964" i="5" s="1"/>
  <c r="N6964" i="5" s="1"/>
  <c r="K6990" i="2"/>
  <c r="K6964" i="5" s="1"/>
  <c r="O6964" i="5" s="1"/>
  <c r="L6990" i="2"/>
  <c r="L6964" i="5" s="1"/>
  <c r="M6990" i="2"/>
  <c r="M6964" i="5" s="1"/>
  <c r="I6990" i="2"/>
  <c r="I6964" i="5" s="1"/>
  <c r="J6106" i="2"/>
  <c r="J6080" i="5" s="1"/>
  <c r="N6080" i="5" s="1"/>
  <c r="I6106" i="2"/>
  <c r="I6080" i="5" s="1"/>
  <c r="L6106" i="2"/>
  <c r="L6080" i="5" s="1"/>
  <c r="M6106" i="2"/>
  <c r="M6080" i="5" s="1"/>
  <c r="K6106" i="2"/>
  <c r="K6080" i="5" s="1"/>
  <c r="O6080" i="5" s="1"/>
  <c r="L8690" i="2"/>
  <c r="L8664" i="5" s="1"/>
  <c r="I8690" i="2"/>
  <c r="I8664" i="5" s="1"/>
  <c r="M8690" i="2"/>
  <c r="M8664" i="5" s="1"/>
  <c r="K8690" i="2"/>
  <c r="K8664" i="5" s="1"/>
  <c r="O8664" i="5" s="1"/>
  <c r="J8690" i="2"/>
  <c r="J8664" i="5" s="1"/>
  <c r="N8664" i="5" s="1"/>
  <c r="I4158" i="2"/>
  <c r="I4132" i="5" s="1"/>
  <c r="K4158" i="2"/>
  <c r="K4132" i="5" s="1"/>
  <c r="O4132" i="5" s="1"/>
  <c r="L4158" i="2"/>
  <c r="L4132" i="5" s="1"/>
  <c r="J4158" i="2"/>
  <c r="J4132" i="5" s="1"/>
  <c r="N4132" i="5" s="1"/>
  <c r="M4158" i="2"/>
  <c r="M4132" i="5" s="1"/>
  <c r="J3963" i="2"/>
  <c r="J3937" i="5" s="1"/>
  <c r="N3937" i="5" s="1"/>
  <c r="M3963" i="2"/>
  <c r="M3937" i="5" s="1"/>
  <c r="I3963" i="2"/>
  <c r="I3937" i="5" s="1"/>
  <c r="L3963" i="2"/>
  <c r="L3937" i="5" s="1"/>
  <c r="K3963" i="2"/>
  <c r="K3937" i="5" s="1"/>
  <c r="O3937" i="5" s="1"/>
  <c r="J3965" i="2"/>
  <c r="J3939" i="5" s="1"/>
  <c r="N3939" i="5" s="1"/>
  <c r="L3965" i="2"/>
  <c r="L3939" i="5" s="1"/>
  <c r="M3965" i="2"/>
  <c r="M3939" i="5" s="1"/>
  <c r="I3965" i="2"/>
  <c r="I3939" i="5" s="1"/>
  <c r="K3965" i="2"/>
  <c r="K3939" i="5" s="1"/>
  <c r="O3939" i="5" s="1"/>
  <c r="I7138" i="2"/>
  <c r="I7112" i="5" s="1"/>
  <c r="M7138" i="2"/>
  <c r="M7112" i="5" s="1"/>
  <c r="L7138" i="2"/>
  <c r="L7112" i="5" s="1"/>
  <c r="K7138" i="2"/>
  <c r="K7112" i="5" s="1"/>
  <c r="O7112" i="5" s="1"/>
  <c r="J7138" i="2"/>
  <c r="J7112" i="5" s="1"/>
  <c r="N7112" i="5" s="1"/>
  <c r="K7139" i="2"/>
  <c r="K7113" i="5" s="1"/>
  <c r="O7113" i="5" s="1"/>
  <c r="J7139" i="2"/>
  <c r="J7113" i="5" s="1"/>
  <c r="N7113" i="5" s="1"/>
  <c r="M7139" i="2"/>
  <c r="M7113" i="5" s="1"/>
  <c r="L7139" i="2"/>
  <c r="L7113" i="5" s="1"/>
  <c r="I7139" i="2"/>
  <c r="I7113" i="5" s="1"/>
  <c r="I4447" i="2"/>
  <c r="I4421" i="5" s="1"/>
  <c r="K4447" i="2"/>
  <c r="K4421" i="5" s="1"/>
  <c r="O4421" i="5" s="1"/>
  <c r="M4447" i="2"/>
  <c r="M4421" i="5" s="1"/>
  <c r="J4447" i="2"/>
  <c r="J4421" i="5" s="1"/>
  <c r="N4421" i="5" s="1"/>
  <c r="L4447" i="2"/>
  <c r="L4421" i="5" s="1"/>
  <c r="K764" i="2"/>
  <c r="K738" i="5" s="1"/>
  <c r="O738" i="5" s="1"/>
  <c r="J764" i="2"/>
  <c r="J738" i="5" s="1"/>
  <c r="N738" i="5" s="1"/>
  <c r="L764" i="2"/>
  <c r="L738" i="5" s="1"/>
  <c r="M764" i="2"/>
  <c r="M738" i="5" s="1"/>
  <c r="I764" i="2"/>
  <c r="I738" i="5" s="1"/>
  <c r="L3478" i="2"/>
  <c r="L3452" i="5" s="1"/>
  <c r="M3478" i="2"/>
  <c r="M3452" i="5" s="1"/>
  <c r="I3478" i="2"/>
  <c r="I3452" i="5" s="1"/>
  <c r="K3478" i="2"/>
  <c r="K3452" i="5" s="1"/>
  <c r="O3452" i="5" s="1"/>
  <c r="J3478" i="2"/>
  <c r="J3452" i="5" s="1"/>
  <c r="N3452" i="5" s="1"/>
  <c r="M2109" i="2"/>
  <c r="M2083" i="5" s="1"/>
  <c r="J2109" i="2"/>
  <c r="J2083" i="5" s="1"/>
  <c r="N2083" i="5" s="1"/>
  <c r="L2109" i="2"/>
  <c r="L2083" i="5" s="1"/>
  <c r="I2109" i="2"/>
  <c r="I2083" i="5" s="1"/>
  <c r="K2109" i="2"/>
  <c r="K2083" i="5" s="1"/>
  <c r="O2083" i="5" s="1"/>
  <c r="K5448" i="2"/>
  <c r="K5422" i="5" s="1"/>
  <c r="O5422" i="5" s="1"/>
  <c r="M5448" i="2"/>
  <c r="M5422" i="5" s="1"/>
  <c r="I5448" i="2"/>
  <c r="I5422" i="5" s="1"/>
  <c r="L5448" i="2"/>
  <c r="L5422" i="5" s="1"/>
  <c r="J5448" i="2"/>
  <c r="J5422" i="5" s="1"/>
  <c r="N5422" i="5" s="1"/>
  <c r="I1483" i="2"/>
  <c r="I1457" i="5" s="1"/>
  <c r="K1483" i="2"/>
  <c r="K1457" i="5" s="1"/>
  <c r="O1457" i="5" s="1"/>
  <c r="J1483" i="2"/>
  <c r="J1457" i="5" s="1"/>
  <c r="N1457" i="5" s="1"/>
  <c r="M1483" i="2"/>
  <c r="M1457" i="5" s="1"/>
  <c r="L1483" i="2"/>
  <c r="L1457" i="5" s="1"/>
  <c r="I8516" i="2"/>
  <c r="I8490" i="5" s="1"/>
  <c r="K8516" i="2"/>
  <c r="K8490" i="5" s="1"/>
  <c r="O8490" i="5" s="1"/>
  <c r="L8516" i="2"/>
  <c r="L8490" i="5" s="1"/>
  <c r="M8516" i="2"/>
  <c r="M8490" i="5" s="1"/>
  <c r="J8516" i="2"/>
  <c r="J8490" i="5" s="1"/>
  <c r="N8490" i="5" s="1"/>
  <c r="K5816" i="2"/>
  <c r="K5790" i="5" s="1"/>
  <c r="O5790" i="5" s="1"/>
  <c r="M5816" i="2"/>
  <c r="M5790" i="5" s="1"/>
  <c r="L5816" i="2"/>
  <c r="L5790" i="5" s="1"/>
  <c r="J5816" i="2"/>
  <c r="J5790" i="5" s="1"/>
  <c r="N5790" i="5" s="1"/>
  <c r="I5816" i="2"/>
  <c r="I5790" i="5" s="1"/>
  <c r="M58" i="2"/>
  <c r="M32" i="5" s="1"/>
  <c r="L58" i="2"/>
  <c r="L32" i="5" s="1"/>
  <c r="I58" i="2"/>
  <c r="I32" i="5" s="1"/>
  <c r="J58" i="2"/>
  <c r="J32" i="5" s="1"/>
  <c r="N32" i="5" s="1"/>
  <c r="K58" i="2"/>
  <c r="K32" i="5" s="1"/>
  <c r="O32" i="5" s="1"/>
  <c r="I2788" i="2"/>
  <c r="I2762" i="5" s="1"/>
  <c r="K2788" i="2"/>
  <c r="K2762" i="5" s="1"/>
  <c r="O2762" i="5" s="1"/>
  <c r="L2788" i="2"/>
  <c r="L2762" i="5" s="1"/>
  <c r="M2788" i="2"/>
  <c r="M2762" i="5" s="1"/>
  <c r="J2788" i="2"/>
  <c r="J2762" i="5" s="1"/>
  <c r="N2762" i="5" s="1"/>
  <c r="M1450" i="2"/>
  <c r="M1424" i="5" s="1"/>
  <c r="L1450" i="2"/>
  <c r="L1424" i="5" s="1"/>
  <c r="I1450" i="2"/>
  <c r="I1424" i="5" s="1"/>
  <c r="K1450" i="2"/>
  <c r="K1424" i="5" s="1"/>
  <c r="O1424" i="5" s="1"/>
  <c r="J1450" i="2"/>
  <c r="J1424" i="5" s="1"/>
  <c r="N1424" i="5" s="1"/>
  <c r="AR61" i="1"/>
  <c r="C67" i="5"/>
  <c r="I8308" i="2"/>
  <c r="I8282" i="5" s="1"/>
  <c r="K8308" i="2"/>
  <c r="K8282" i="5" s="1"/>
  <c r="O8282" i="5" s="1"/>
  <c r="J8308" i="2"/>
  <c r="J8282" i="5" s="1"/>
  <c r="N8282" i="5" s="1"/>
  <c r="L8308" i="2"/>
  <c r="L8282" i="5" s="1"/>
  <c r="M8308" i="2"/>
  <c r="M8282" i="5" s="1"/>
  <c r="M1214" i="2"/>
  <c r="M1188" i="5" s="1"/>
  <c r="L1214" i="2"/>
  <c r="L1188" i="5" s="1"/>
  <c r="I1214" i="2"/>
  <c r="I1188" i="5" s="1"/>
  <c r="K1214" i="2"/>
  <c r="K1188" i="5" s="1"/>
  <c r="O1188" i="5" s="1"/>
  <c r="J1214" i="2"/>
  <c r="J1188" i="5" s="1"/>
  <c r="N1188" i="5" s="1"/>
  <c r="J1216" i="2"/>
  <c r="J1190" i="5" s="1"/>
  <c r="N1190" i="5" s="1"/>
  <c r="M1216" i="2"/>
  <c r="M1190" i="5" s="1"/>
  <c r="I1216" i="2"/>
  <c r="I1190" i="5" s="1"/>
  <c r="L1216" i="2"/>
  <c r="L1190" i="5" s="1"/>
  <c r="K1216" i="2"/>
  <c r="K1190" i="5" s="1"/>
  <c r="O1190" i="5" s="1"/>
  <c r="L5145" i="2"/>
  <c r="L5119" i="5" s="1"/>
  <c r="M5145" i="2"/>
  <c r="M5119" i="5" s="1"/>
  <c r="I5145" i="2"/>
  <c r="I5119" i="5" s="1"/>
  <c r="K5145" i="2"/>
  <c r="K5119" i="5" s="1"/>
  <c r="O5119" i="5" s="1"/>
  <c r="J5145" i="2"/>
  <c r="J5119" i="5" s="1"/>
  <c r="N5119" i="5" s="1"/>
  <c r="M6025" i="2"/>
  <c r="M5999" i="5" s="1"/>
  <c r="I6025" i="2"/>
  <c r="I5999" i="5" s="1"/>
  <c r="K6025" i="2"/>
  <c r="K5999" i="5" s="1"/>
  <c r="O5999" i="5" s="1"/>
  <c r="J6025" i="2"/>
  <c r="J5999" i="5" s="1"/>
  <c r="N5999" i="5" s="1"/>
  <c r="L6025" i="2"/>
  <c r="L5999" i="5" s="1"/>
  <c r="J6027" i="2"/>
  <c r="J6001" i="5" s="1"/>
  <c r="N6001" i="5" s="1"/>
  <c r="M6027" i="2"/>
  <c r="M6001" i="5" s="1"/>
  <c r="I6027" i="2"/>
  <c r="I6001" i="5" s="1"/>
  <c r="L6027" i="2"/>
  <c r="L6001" i="5" s="1"/>
  <c r="K6027" i="2"/>
  <c r="K6001" i="5" s="1"/>
  <c r="O6001" i="5" s="1"/>
  <c r="L51" i="2"/>
  <c r="L25" i="5" s="1"/>
  <c r="M51" i="2"/>
  <c r="M25" i="5" s="1"/>
  <c r="J51" i="2"/>
  <c r="J25" i="5" s="1"/>
  <c r="N25" i="5" s="1"/>
  <c r="K51" i="2"/>
  <c r="K25" i="5" s="1"/>
  <c r="O25" i="5" s="1"/>
  <c r="I51" i="2"/>
  <c r="I25" i="5" s="1"/>
  <c r="J5280" i="2"/>
  <c r="J5254" i="5" s="1"/>
  <c r="N5254" i="5" s="1"/>
  <c r="M5280" i="2"/>
  <c r="M5254" i="5" s="1"/>
  <c r="L5280" i="2"/>
  <c r="L5254" i="5" s="1"/>
  <c r="I5280" i="2"/>
  <c r="I5254" i="5" s="1"/>
  <c r="K5280" i="2"/>
  <c r="K5254" i="5" s="1"/>
  <c r="O5254" i="5" s="1"/>
  <c r="I5271" i="2"/>
  <c r="I5245" i="5" s="1"/>
  <c r="J5271" i="2"/>
  <c r="J5245" i="5" s="1"/>
  <c r="N5245" i="5" s="1"/>
  <c r="M5271" i="2"/>
  <c r="M5245" i="5" s="1"/>
  <c r="K5271" i="2"/>
  <c r="K5245" i="5" s="1"/>
  <c r="O5245" i="5" s="1"/>
  <c r="L5271" i="2"/>
  <c r="L5245" i="5" s="1"/>
  <c r="J7643" i="2"/>
  <c r="J7617" i="5" s="1"/>
  <c r="N7617" i="5" s="1"/>
  <c r="M7643" i="2"/>
  <c r="M7617" i="5" s="1"/>
  <c r="I7643" i="2"/>
  <c r="I7617" i="5" s="1"/>
  <c r="L7643" i="2"/>
  <c r="L7617" i="5" s="1"/>
  <c r="K7643" i="2"/>
  <c r="K7617" i="5" s="1"/>
  <c r="O7617" i="5" s="1"/>
  <c r="M1057" i="2"/>
  <c r="M1031" i="5" s="1"/>
  <c r="I1057" i="2"/>
  <c r="I1031" i="5" s="1"/>
  <c r="J1057" i="2"/>
  <c r="J1031" i="5" s="1"/>
  <c r="N1031" i="5" s="1"/>
  <c r="L1057" i="2"/>
  <c r="L1031" i="5" s="1"/>
  <c r="K1057" i="2"/>
  <c r="K1031" i="5" s="1"/>
  <c r="O1031" i="5" s="1"/>
  <c r="K4824" i="2"/>
  <c r="K4798" i="5" s="1"/>
  <c r="O4798" i="5" s="1"/>
  <c r="J4824" i="2"/>
  <c r="J4798" i="5" s="1"/>
  <c r="N4798" i="5" s="1"/>
  <c r="M4824" i="2"/>
  <c r="M4798" i="5" s="1"/>
  <c r="L4824" i="2"/>
  <c r="L4798" i="5" s="1"/>
  <c r="I4824" i="2"/>
  <c r="I4798" i="5" s="1"/>
  <c r="J2272" i="2"/>
  <c r="J2246" i="5" s="1"/>
  <c r="N2246" i="5" s="1"/>
  <c r="L2272" i="2"/>
  <c r="L2246" i="5" s="1"/>
  <c r="I2272" i="2"/>
  <c r="I2246" i="5" s="1"/>
  <c r="K2272" i="2"/>
  <c r="K2246" i="5" s="1"/>
  <c r="O2246" i="5" s="1"/>
  <c r="M2272" i="2"/>
  <c r="M2246" i="5" s="1"/>
  <c r="K6480" i="2"/>
  <c r="K6454" i="5" s="1"/>
  <c r="O6454" i="5" s="1"/>
  <c r="L6480" i="2"/>
  <c r="L6454" i="5" s="1"/>
  <c r="M6480" i="2"/>
  <c r="M6454" i="5" s="1"/>
  <c r="J6480" i="2"/>
  <c r="J6454" i="5" s="1"/>
  <c r="N6454" i="5" s="1"/>
  <c r="I6480" i="2"/>
  <c r="I6454" i="5" s="1"/>
  <c r="I2631" i="2"/>
  <c r="I2605" i="5" s="1"/>
  <c r="K2631" i="2"/>
  <c r="K2605" i="5" s="1"/>
  <c r="O2605" i="5" s="1"/>
  <c r="J2631" i="2"/>
  <c r="J2605" i="5" s="1"/>
  <c r="N2605" i="5" s="1"/>
  <c r="L2631" i="2"/>
  <c r="L2605" i="5" s="1"/>
  <c r="M2631" i="2"/>
  <c r="M2605" i="5" s="1"/>
  <c r="L3107" i="2"/>
  <c r="L3081" i="5" s="1"/>
  <c r="I3107" i="2"/>
  <c r="I3081" i="5" s="1"/>
  <c r="K3107" i="2"/>
  <c r="K3081" i="5" s="1"/>
  <c r="O3081" i="5" s="1"/>
  <c r="J3107" i="2"/>
  <c r="J3081" i="5" s="1"/>
  <c r="N3081" i="5" s="1"/>
  <c r="M3107" i="2"/>
  <c r="M3081" i="5" s="1"/>
  <c r="I3108" i="2"/>
  <c r="I3082" i="5" s="1"/>
  <c r="K3108" i="2"/>
  <c r="K3082" i="5" s="1"/>
  <c r="O3082" i="5" s="1"/>
  <c r="M3108" i="2"/>
  <c r="M3082" i="5" s="1"/>
  <c r="L3108" i="2"/>
  <c r="L3082" i="5" s="1"/>
  <c r="J3108" i="2"/>
  <c r="J3082" i="5" s="1"/>
  <c r="N3082" i="5" s="1"/>
  <c r="K6997" i="2"/>
  <c r="K6971" i="5" s="1"/>
  <c r="O6971" i="5" s="1"/>
  <c r="J6997" i="2"/>
  <c r="J6971" i="5" s="1"/>
  <c r="N6971" i="5" s="1"/>
  <c r="L6997" i="2"/>
  <c r="L6971" i="5" s="1"/>
  <c r="I6997" i="2"/>
  <c r="I6971" i="5" s="1"/>
  <c r="M6997" i="2"/>
  <c r="M6971" i="5" s="1"/>
  <c r="I1299" i="2"/>
  <c r="I1273" i="5" s="1"/>
  <c r="L1299" i="2"/>
  <c r="L1273" i="5" s="1"/>
  <c r="M1299" i="2"/>
  <c r="M1273" i="5" s="1"/>
  <c r="K1299" i="2"/>
  <c r="K1273" i="5" s="1"/>
  <c r="O1273" i="5" s="1"/>
  <c r="J1299" i="2"/>
  <c r="J1273" i="5" s="1"/>
  <c r="N1273" i="5" s="1"/>
  <c r="L5967" i="2"/>
  <c r="L5941" i="5" s="1"/>
  <c r="M5967" i="2"/>
  <c r="M5941" i="5" s="1"/>
  <c r="I5967" i="2"/>
  <c r="I5941" i="5" s="1"/>
  <c r="K5967" i="2"/>
  <c r="K5941" i="5" s="1"/>
  <c r="O5941" i="5" s="1"/>
  <c r="J5967" i="2"/>
  <c r="J5941" i="5" s="1"/>
  <c r="N5941" i="5" s="1"/>
  <c r="C255" i="5"/>
  <c r="AR249" i="1"/>
  <c r="L3092" i="2"/>
  <c r="L3066" i="5" s="1"/>
  <c r="M3092" i="2"/>
  <c r="M3066" i="5" s="1"/>
  <c r="I3092" i="2"/>
  <c r="I3066" i="5" s="1"/>
  <c r="K3092" i="2"/>
  <c r="K3066" i="5" s="1"/>
  <c r="O3066" i="5" s="1"/>
  <c r="J3092" i="2"/>
  <c r="J3066" i="5" s="1"/>
  <c r="N3066" i="5" s="1"/>
  <c r="L1100" i="2"/>
  <c r="L1074" i="5" s="1"/>
  <c r="I1100" i="2"/>
  <c r="I1074" i="5" s="1"/>
  <c r="K1100" i="2"/>
  <c r="K1074" i="5" s="1"/>
  <c r="O1074" i="5" s="1"/>
  <c r="M1100" i="2"/>
  <c r="M1074" i="5" s="1"/>
  <c r="J1100" i="2"/>
  <c r="J1074" i="5" s="1"/>
  <c r="N1074" i="5" s="1"/>
  <c r="M474" i="2"/>
  <c r="M448" i="5" s="1"/>
  <c r="I474" i="2"/>
  <c r="I448" i="5" s="1"/>
  <c r="L474" i="2"/>
  <c r="L448" i="5" s="1"/>
  <c r="K474" i="2"/>
  <c r="K448" i="5" s="1"/>
  <c r="O448" i="5" s="1"/>
  <c r="J474" i="2"/>
  <c r="J448" i="5" s="1"/>
  <c r="N448" i="5" s="1"/>
  <c r="L228" i="2"/>
  <c r="L202" i="5" s="1"/>
  <c r="M228" i="2"/>
  <c r="M202" i="5" s="1"/>
  <c r="J228" i="2"/>
  <c r="J202" i="5" s="1"/>
  <c r="N202" i="5" s="1"/>
  <c r="K228" i="2"/>
  <c r="K202" i="5" s="1"/>
  <c r="O202" i="5" s="1"/>
  <c r="I228" i="2"/>
  <c r="I202" i="5" s="1"/>
  <c r="M6922" i="2"/>
  <c r="M6896" i="5" s="1"/>
  <c r="I6922" i="2"/>
  <c r="I6896" i="5" s="1"/>
  <c r="K6922" i="2"/>
  <c r="K6896" i="5" s="1"/>
  <c r="O6896" i="5" s="1"/>
  <c r="L6922" i="2"/>
  <c r="L6896" i="5" s="1"/>
  <c r="J6922" i="2"/>
  <c r="J6896" i="5" s="1"/>
  <c r="N6896" i="5" s="1"/>
  <c r="J6938" i="2"/>
  <c r="J6912" i="5" s="1"/>
  <c r="N6912" i="5" s="1"/>
  <c r="M6938" i="2"/>
  <c r="M6912" i="5" s="1"/>
  <c r="L6938" i="2"/>
  <c r="L6912" i="5" s="1"/>
  <c r="K6938" i="2"/>
  <c r="K6912" i="5" s="1"/>
  <c r="O6912" i="5" s="1"/>
  <c r="I6938" i="2"/>
  <c r="I6912" i="5" s="1"/>
  <c r="J5484" i="2"/>
  <c r="J5458" i="5" s="1"/>
  <c r="N5458" i="5" s="1"/>
  <c r="L5484" i="2"/>
  <c r="L5458" i="5" s="1"/>
  <c r="M5484" i="2"/>
  <c r="M5458" i="5" s="1"/>
  <c r="I5484" i="2"/>
  <c r="I5458" i="5" s="1"/>
  <c r="K5484" i="2"/>
  <c r="K5458" i="5" s="1"/>
  <c r="O5458" i="5" s="1"/>
  <c r="J4748" i="2"/>
  <c r="J4722" i="5" s="1"/>
  <c r="N4722" i="5" s="1"/>
  <c r="M4748" i="2"/>
  <c r="M4722" i="5" s="1"/>
  <c r="L4748" i="2"/>
  <c r="L4722" i="5" s="1"/>
  <c r="I4748" i="2"/>
  <c r="I4722" i="5" s="1"/>
  <c r="K4748" i="2"/>
  <c r="K4722" i="5" s="1"/>
  <c r="O4722" i="5" s="1"/>
  <c r="I8158" i="2"/>
  <c r="I8132" i="5" s="1"/>
  <c r="K8158" i="2"/>
  <c r="K8132" i="5" s="1"/>
  <c r="O8132" i="5" s="1"/>
  <c r="J8158" i="2"/>
  <c r="J8132" i="5" s="1"/>
  <c r="N8132" i="5" s="1"/>
  <c r="M8158" i="2"/>
  <c r="M8132" i="5" s="1"/>
  <c r="L8158" i="2"/>
  <c r="L8132" i="5" s="1"/>
  <c r="L1904" i="2"/>
  <c r="L1878" i="5" s="1"/>
  <c r="I1904" i="2"/>
  <c r="I1878" i="5" s="1"/>
  <c r="M1904" i="2"/>
  <c r="M1878" i="5" s="1"/>
  <c r="K1904" i="2"/>
  <c r="K1878" i="5" s="1"/>
  <c r="O1878" i="5" s="1"/>
  <c r="J1904" i="2"/>
  <c r="J1878" i="5" s="1"/>
  <c r="N1878" i="5" s="1"/>
  <c r="K4764" i="2"/>
  <c r="K4738" i="5" s="1"/>
  <c r="O4738" i="5" s="1"/>
  <c r="J4764" i="2"/>
  <c r="J4738" i="5" s="1"/>
  <c r="N4738" i="5" s="1"/>
  <c r="M4764" i="2"/>
  <c r="M4738" i="5" s="1"/>
  <c r="L4764" i="2"/>
  <c r="L4738" i="5" s="1"/>
  <c r="I4764" i="2"/>
  <c r="I4738" i="5" s="1"/>
  <c r="M3661" i="2"/>
  <c r="M3635" i="5" s="1"/>
  <c r="L3661" i="2"/>
  <c r="L3635" i="5" s="1"/>
  <c r="K3661" i="2"/>
  <c r="K3635" i="5" s="1"/>
  <c r="O3635" i="5" s="1"/>
  <c r="J3661" i="2"/>
  <c r="J3635" i="5" s="1"/>
  <c r="N3635" i="5" s="1"/>
  <c r="I3661" i="2"/>
  <c r="I3635" i="5" s="1"/>
  <c r="M5637" i="2"/>
  <c r="M5611" i="5" s="1"/>
  <c r="L5637" i="2"/>
  <c r="L5611" i="5" s="1"/>
  <c r="I5637" i="2"/>
  <c r="I5611" i="5" s="1"/>
  <c r="K5637" i="2"/>
  <c r="K5611" i="5" s="1"/>
  <c r="O5611" i="5" s="1"/>
  <c r="J5637" i="2"/>
  <c r="J5611" i="5" s="1"/>
  <c r="N5611" i="5" s="1"/>
  <c r="I2063" i="2"/>
  <c r="I2037" i="5" s="1"/>
  <c r="K2063" i="2"/>
  <c r="K2037" i="5" s="1"/>
  <c r="O2037" i="5" s="1"/>
  <c r="L2063" i="2"/>
  <c r="L2037" i="5" s="1"/>
  <c r="M2063" i="2"/>
  <c r="M2037" i="5" s="1"/>
  <c r="J2063" i="2"/>
  <c r="J2037" i="5" s="1"/>
  <c r="N2037" i="5" s="1"/>
  <c r="L7639" i="2"/>
  <c r="L7613" i="5" s="1"/>
  <c r="I7639" i="2"/>
  <c r="I7613" i="5" s="1"/>
  <c r="M7639" i="2"/>
  <c r="M7613" i="5" s="1"/>
  <c r="K7639" i="2"/>
  <c r="K7613" i="5" s="1"/>
  <c r="O7613" i="5" s="1"/>
  <c r="J7639" i="2"/>
  <c r="J7613" i="5" s="1"/>
  <c r="N7613" i="5" s="1"/>
  <c r="L7623" i="2"/>
  <c r="L7597" i="5" s="1"/>
  <c r="M7623" i="2"/>
  <c r="M7597" i="5" s="1"/>
  <c r="J7623" i="2"/>
  <c r="J7597" i="5" s="1"/>
  <c r="N7597" i="5" s="1"/>
  <c r="I7623" i="2"/>
  <c r="I7597" i="5" s="1"/>
  <c r="K7623" i="2"/>
  <c r="K7597" i="5" s="1"/>
  <c r="O7597" i="5" s="1"/>
  <c r="M4451" i="2"/>
  <c r="M4425" i="5" s="1"/>
  <c r="J4451" i="2"/>
  <c r="J4425" i="5" s="1"/>
  <c r="N4425" i="5" s="1"/>
  <c r="I4451" i="2"/>
  <c r="I4425" i="5" s="1"/>
  <c r="L4451" i="2"/>
  <c r="L4425" i="5" s="1"/>
  <c r="K4451" i="2"/>
  <c r="K4425" i="5" s="1"/>
  <c r="O4425" i="5" s="1"/>
  <c r="K7689" i="2"/>
  <c r="K7663" i="5" s="1"/>
  <c r="O7663" i="5" s="1"/>
  <c r="L7689" i="2"/>
  <c r="L7663" i="5" s="1"/>
  <c r="I7689" i="2"/>
  <c r="I7663" i="5" s="1"/>
  <c r="M7689" i="2"/>
  <c r="M7663" i="5" s="1"/>
  <c r="J7689" i="2"/>
  <c r="J7663" i="5" s="1"/>
  <c r="N7663" i="5" s="1"/>
  <c r="K4184" i="2"/>
  <c r="K4158" i="5" s="1"/>
  <c r="O4158" i="5" s="1"/>
  <c r="M4184" i="2"/>
  <c r="M4158" i="5" s="1"/>
  <c r="J4184" i="2"/>
  <c r="J4158" i="5" s="1"/>
  <c r="N4158" i="5" s="1"/>
  <c r="L4184" i="2"/>
  <c r="L4158" i="5" s="1"/>
  <c r="I4184" i="2"/>
  <c r="I4158" i="5" s="1"/>
  <c r="M2390" i="2"/>
  <c r="M2364" i="5" s="1"/>
  <c r="J2390" i="2"/>
  <c r="J2364" i="5" s="1"/>
  <c r="N2364" i="5" s="1"/>
  <c r="L2390" i="2"/>
  <c r="L2364" i="5" s="1"/>
  <c r="I2390" i="2"/>
  <c r="I2364" i="5" s="1"/>
  <c r="K2390" i="2"/>
  <c r="K2364" i="5" s="1"/>
  <c r="O2364" i="5" s="1"/>
  <c r="L2398" i="2"/>
  <c r="L2372" i="5" s="1"/>
  <c r="J2398" i="2"/>
  <c r="J2372" i="5" s="1"/>
  <c r="N2372" i="5" s="1"/>
  <c r="M2398" i="2"/>
  <c r="M2372" i="5" s="1"/>
  <c r="I2398" i="2"/>
  <c r="I2372" i="5" s="1"/>
  <c r="K2398" i="2"/>
  <c r="K2372" i="5" s="1"/>
  <c r="O2372" i="5" s="1"/>
  <c r="K8648" i="2"/>
  <c r="K8622" i="5" s="1"/>
  <c r="O8622" i="5" s="1"/>
  <c r="M8648" i="2"/>
  <c r="M8622" i="5" s="1"/>
  <c r="I8648" i="2"/>
  <c r="I8622" i="5" s="1"/>
  <c r="J8648" i="2"/>
  <c r="J8622" i="5" s="1"/>
  <c r="N8622" i="5" s="1"/>
  <c r="L8648" i="2"/>
  <c r="L8622" i="5" s="1"/>
  <c r="L3635" i="2"/>
  <c r="L3609" i="5" s="1"/>
  <c r="I3635" i="2"/>
  <c r="I3609" i="5" s="1"/>
  <c r="K3635" i="2"/>
  <c r="K3609" i="5" s="1"/>
  <c r="O3609" i="5" s="1"/>
  <c r="J3635" i="2"/>
  <c r="J3609" i="5" s="1"/>
  <c r="N3609" i="5" s="1"/>
  <c r="M3635" i="2"/>
  <c r="M3609" i="5" s="1"/>
  <c r="K3590" i="2"/>
  <c r="K3564" i="5" s="1"/>
  <c r="O3564" i="5" s="1"/>
  <c r="L3590" i="2"/>
  <c r="L3564" i="5" s="1"/>
  <c r="I3590" i="2"/>
  <c r="I3564" i="5" s="1"/>
  <c r="M3590" i="2"/>
  <c r="M3564" i="5" s="1"/>
  <c r="J3590" i="2"/>
  <c r="J3564" i="5" s="1"/>
  <c r="N3564" i="5" s="1"/>
  <c r="J5513" i="2"/>
  <c r="J5487" i="5" s="1"/>
  <c r="N5487" i="5" s="1"/>
  <c r="M5513" i="2"/>
  <c r="M5487" i="5" s="1"/>
  <c r="I5513" i="2"/>
  <c r="I5487" i="5" s="1"/>
  <c r="K5513" i="2"/>
  <c r="K5487" i="5" s="1"/>
  <c r="O5487" i="5" s="1"/>
  <c r="L5513" i="2"/>
  <c r="L5487" i="5" s="1"/>
  <c r="I5254" i="2"/>
  <c r="I5228" i="5" s="1"/>
  <c r="K5254" i="2"/>
  <c r="K5228" i="5" s="1"/>
  <c r="O5228" i="5" s="1"/>
  <c r="J5254" i="2"/>
  <c r="J5228" i="5" s="1"/>
  <c r="N5228" i="5" s="1"/>
  <c r="M5254" i="2"/>
  <c r="M5228" i="5" s="1"/>
  <c r="L5254" i="2"/>
  <c r="L5228" i="5" s="1"/>
  <c r="M6608" i="2"/>
  <c r="M6582" i="5" s="1"/>
  <c r="I6608" i="2"/>
  <c r="I6582" i="5" s="1"/>
  <c r="K6608" i="2"/>
  <c r="K6582" i="5" s="1"/>
  <c r="O6582" i="5" s="1"/>
  <c r="J6608" i="2"/>
  <c r="J6582" i="5" s="1"/>
  <c r="N6582" i="5" s="1"/>
  <c r="L6608" i="2"/>
  <c r="L6582" i="5" s="1"/>
  <c r="M2495" i="2"/>
  <c r="M2469" i="5" s="1"/>
  <c r="L2495" i="2"/>
  <c r="L2469" i="5" s="1"/>
  <c r="I2495" i="2"/>
  <c r="I2469" i="5" s="1"/>
  <c r="K2495" i="2"/>
  <c r="K2469" i="5" s="1"/>
  <c r="O2469" i="5" s="1"/>
  <c r="J2495" i="2"/>
  <c r="J2469" i="5" s="1"/>
  <c r="N2469" i="5" s="1"/>
  <c r="J2482" i="2"/>
  <c r="J2456" i="5" s="1"/>
  <c r="N2456" i="5" s="1"/>
  <c r="L2482" i="2"/>
  <c r="L2456" i="5" s="1"/>
  <c r="I2482" i="2"/>
  <c r="I2456" i="5" s="1"/>
  <c r="M2482" i="2"/>
  <c r="M2456" i="5" s="1"/>
  <c r="K2482" i="2"/>
  <c r="K2456" i="5" s="1"/>
  <c r="O2456" i="5" s="1"/>
  <c r="L2586" i="2"/>
  <c r="L2560" i="5" s="1"/>
  <c r="M2586" i="2"/>
  <c r="M2560" i="5" s="1"/>
  <c r="I2586" i="2"/>
  <c r="I2560" i="5" s="1"/>
  <c r="K2586" i="2"/>
  <c r="K2560" i="5" s="1"/>
  <c r="O2560" i="5" s="1"/>
  <c r="J2586" i="2"/>
  <c r="J2560" i="5" s="1"/>
  <c r="N2560" i="5" s="1"/>
  <c r="M6318" i="2"/>
  <c r="M6292" i="5" s="1"/>
  <c r="I6318" i="2"/>
  <c r="I6292" i="5" s="1"/>
  <c r="L6318" i="2"/>
  <c r="L6292" i="5" s="1"/>
  <c r="K6318" i="2"/>
  <c r="K6292" i="5" s="1"/>
  <c r="O6292" i="5" s="1"/>
  <c r="J6318" i="2"/>
  <c r="J6292" i="5" s="1"/>
  <c r="N6292" i="5" s="1"/>
  <c r="I3792" i="2"/>
  <c r="I3766" i="5" s="1"/>
  <c r="K3792" i="2"/>
  <c r="K3766" i="5" s="1"/>
  <c r="O3766" i="5" s="1"/>
  <c r="J3792" i="2"/>
  <c r="J3766" i="5" s="1"/>
  <c r="N3766" i="5" s="1"/>
  <c r="L3792" i="2"/>
  <c r="L3766" i="5" s="1"/>
  <c r="M3792" i="2"/>
  <c r="M3766" i="5" s="1"/>
  <c r="M2159" i="2"/>
  <c r="M2133" i="5" s="1"/>
  <c r="K2159" i="2"/>
  <c r="K2133" i="5" s="1"/>
  <c r="O2133" i="5" s="1"/>
  <c r="L2159" i="2"/>
  <c r="L2133" i="5" s="1"/>
  <c r="I2159" i="2"/>
  <c r="I2133" i="5" s="1"/>
  <c r="J2159" i="2"/>
  <c r="J2133" i="5" s="1"/>
  <c r="N2133" i="5" s="1"/>
  <c r="M6277" i="2"/>
  <c r="M6251" i="5" s="1"/>
  <c r="I6277" i="2"/>
  <c r="I6251" i="5" s="1"/>
  <c r="J6277" i="2"/>
  <c r="J6251" i="5" s="1"/>
  <c r="N6251" i="5" s="1"/>
  <c r="L6277" i="2"/>
  <c r="L6251" i="5" s="1"/>
  <c r="K6277" i="2"/>
  <c r="K6251" i="5" s="1"/>
  <c r="O6251" i="5" s="1"/>
  <c r="L3426" i="2"/>
  <c r="L3400" i="5" s="1"/>
  <c r="M3426" i="2"/>
  <c r="M3400" i="5" s="1"/>
  <c r="I3426" i="2"/>
  <c r="I3400" i="5" s="1"/>
  <c r="K3426" i="2"/>
  <c r="K3400" i="5" s="1"/>
  <c r="O3400" i="5" s="1"/>
  <c r="J3426" i="2"/>
  <c r="J3400" i="5" s="1"/>
  <c r="N3400" i="5" s="1"/>
  <c r="I6797" i="2"/>
  <c r="I6771" i="5" s="1"/>
  <c r="K6797" i="2"/>
  <c r="K6771" i="5" s="1"/>
  <c r="O6771" i="5" s="1"/>
  <c r="L6797" i="2"/>
  <c r="L6771" i="5" s="1"/>
  <c r="J6797" i="2"/>
  <c r="J6771" i="5" s="1"/>
  <c r="N6771" i="5" s="1"/>
  <c r="M6797" i="2"/>
  <c r="M6771" i="5" s="1"/>
  <c r="J6778" i="2"/>
  <c r="J6752" i="5" s="1"/>
  <c r="N6752" i="5" s="1"/>
  <c r="L6778" i="2"/>
  <c r="L6752" i="5" s="1"/>
  <c r="I6778" i="2"/>
  <c r="I6752" i="5" s="1"/>
  <c r="M6778" i="2"/>
  <c r="M6752" i="5" s="1"/>
  <c r="K6778" i="2"/>
  <c r="K6752" i="5" s="1"/>
  <c r="O6752" i="5" s="1"/>
  <c r="J7289" i="2"/>
  <c r="J7263" i="5" s="1"/>
  <c r="N7263" i="5" s="1"/>
  <c r="L7289" i="2"/>
  <c r="L7263" i="5" s="1"/>
  <c r="M7289" i="2"/>
  <c r="M7263" i="5" s="1"/>
  <c r="I7289" i="2"/>
  <c r="I7263" i="5" s="1"/>
  <c r="K7289" i="2"/>
  <c r="K7263" i="5" s="1"/>
  <c r="O7263" i="5" s="1"/>
  <c r="K7292" i="2"/>
  <c r="K7266" i="5" s="1"/>
  <c r="O7266" i="5" s="1"/>
  <c r="M7292" i="2"/>
  <c r="M7266" i="5" s="1"/>
  <c r="J7292" i="2"/>
  <c r="J7266" i="5" s="1"/>
  <c r="N7266" i="5" s="1"/>
  <c r="L7292" i="2"/>
  <c r="L7266" i="5" s="1"/>
  <c r="I7292" i="2"/>
  <c r="I7266" i="5" s="1"/>
  <c r="M1247" i="2"/>
  <c r="M1221" i="5" s="1"/>
  <c r="I1247" i="2"/>
  <c r="I1221" i="5" s="1"/>
  <c r="J1247" i="2"/>
  <c r="J1221" i="5" s="1"/>
  <c r="N1221" i="5" s="1"/>
  <c r="L1247" i="2"/>
  <c r="L1221" i="5" s="1"/>
  <c r="K1247" i="2"/>
  <c r="K1221" i="5" s="1"/>
  <c r="O1221" i="5" s="1"/>
  <c r="K3294" i="2"/>
  <c r="K3268" i="5" s="1"/>
  <c r="O3268" i="5" s="1"/>
  <c r="L3294" i="2"/>
  <c r="L3268" i="5" s="1"/>
  <c r="J3294" i="2"/>
  <c r="J3268" i="5" s="1"/>
  <c r="N3268" i="5" s="1"/>
  <c r="M3294" i="2"/>
  <c r="M3268" i="5" s="1"/>
  <c r="I3294" i="2"/>
  <c r="I3268" i="5" s="1"/>
  <c r="K6806" i="2"/>
  <c r="K6780" i="5" s="1"/>
  <c r="O6780" i="5" s="1"/>
  <c r="J6806" i="2"/>
  <c r="J6780" i="5" s="1"/>
  <c r="N6780" i="5" s="1"/>
  <c r="L6806" i="2"/>
  <c r="L6780" i="5" s="1"/>
  <c r="M6806" i="2"/>
  <c r="M6780" i="5" s="1"/>
  <c r="I6806" i="2"/>
  <c r="I6780" i="5" s="1"/>
  <c r="M5416" i="2"/>
  <c r="M5390" i="5" s="1"/>
  <c r="I5416" i="2"/>
  <c r="I5390" i="5" s="1"/>
  <c r="K5416" i="2"/>
  <c r="K5390" i="5" s="1"/>
  <c r="O5390" i="5" s="1"/>
  <c r="J5416" i="2"/>
  <c r="J5390" i="5" s="1"/>
  <c r="N5390" i="5" s="1"/>
  <c r="L5416" i="2"/>
  <c r="L5390" i="5" s="1"/>
  <c r="M112" i="2"/>
  <c r="M86" i="5" s="1"/>
  <c r="K112" i="2"/>
  <c r="K86" i="5" s="1"/>
  <c r="O86" i="5" s="1"/>
  <c r="L112" i="2"/>
  <c r="L86" i="5" s="1"/>
  <c r="I112" i="2"/>
  <c r="I86" i="5" s="1"/>
  <c r="J112" i="2"/>
  <c r="J86" i="5" s="1"/>
  <c r="N86" i="5" s="1"/>
  <c r="L3898" i="2"/>
  <c r="L3872" i="5" s="1"/>
  <c r="M3898" i="2"/>
  <c r="M3872" i="5" s="1"/>
  <c r="J3898" i="2"/>
  <c r="J3872" i="5" s="1"/>
  <c r="N3872" i="5" s="1"/>
  <c r="I3898" i="2"/>
  <c r="I3872" i="5" s="1"/>
  <c r="K3898" i="2"/>
  <c r="K3872" i="5" s="1"/>
  <c r="O3872" i="5" s="1"/>
  <c r="K262" i="2"/>
  <c r="K236" i="5" s="1"/>
  <c r="O236" i="5" s="1"/>
  <c r="J262" i="2"/>
  <c r="J236" i="5" s="1"/>
  <c r="N236" i="5" s="1"/>
  <c r="L262" i="2"/>
  <c r="L236" i="5" s="1"/>
  <c r="M262" i="2"/>
  <c r="M236" i="5" s="1"/>
  <c r="I262" i="2"/>
  <c r="I236" i="5" s="1"/>
  <c r="L269" i="2"/>
  <c r="L243" i="5" s="1"/>
  <c r="M269" i="2"/>
  <c r="M243" i="5" s="1"/>
  <c r="K269" i="2"/>
  <c r="K243" i="5" s="1"/>
  <c r="O243" i="5" s="1"/>
  <c r="I269" i="2"/>
  <c r="I243" i="5" s="1"/>
  <c r="J269" i="2"/>
  <c r="J243" i="5" s="1"/>
  <c r="N243" i="5" s="1"/>
  <c r="L6363" i="2"/>
  <c r="L6337" i="5" s="1"/>
  <c r="K6363" i="2"/>
  <c r="K6337" i="5" s="1"/>
  <c r="O6337" i="5" s="1"/>
  <c r="M6363" i="2"/>
  <c r="M6337" i="5" s="1"/>
  <c r="I6363" i="2"/>
  <c r="I6337" i="5" s="1"/>
  <c r="J6363" i="2"/>
  <c r="J6337" i="5" s="1"/>
  <c r="N6337" i="5" s="1"/>
  <c r="K7198" i="2"/>
  <c r="K7172" i="5" s="1"/>
  <c r="O7172" i="5" s="1"/>
  <c r="L7198" i="2"/>
  <c r="L7172" i="5" s="1"/>
  <c r="I7198" i="2"/>
  <c r="I7172" i="5" s="1"/>
  <c r="M7198" i="2"/>
  <c r="M7172" i="5" s="1"/>
  <c r="J7198" i="2"/>
  <c r="J7172" i="5" s="1"/>
  <c r="N7172" i="5" s="1"/>
  <c r="I1578" i="2"/>
  <c r="I1552" i="5" s="1"/>
  <c r="K1578" i="2"/>
  <c r="K1552" i="5" s="1"/>
  <c r="O1552" i="5" s="1"/>
  <c r="J1578" i="2"/>
  <c r="J1552" i="5" s="1"/>
  <c r="N1552" i="5" s="1"/>
  <c r="L1578" i="2"/>
  <c r="L1552" i="5" s="1"/>
  <c r="M1578" i="2"/>
  <c r="M1552" i="5" s="1"/>
  <c r="J1573" i="2"/>
  <c r="J1547" i="5" s="1"/>
  <c r="N1547" i="5" s="1"/>
  <c r="M1573" i="2"/>
  <c r="M1547" i="5" s="1"/>
  <c r="L1573" i="2"/>
  <c r="L1547" i="5" s="1"/>
  <c r="I1573" i="2"/>
  <c r="I1547" i="5" s="1"/>
  <c r="K1573" i="2"/>
  <c r="K1547" i="5" s="1"/>
  <c r="O1547" i="5" s="1"/>
  <c r="J3509" i="2"/>
  <c r="J3483" i="5" s="1"/>
  <c r="N3483" i="5" s="1"/>
  <c r="M3509" i="2"/>
  <c r="M3483" i="5" s="1"/>
  <c r="I3509" i="2"/>
  <c r="I3483" i="5" s="1"/>
  <c r="L3509" i="2"/>
  <c r="L3483" i="5" s="1"/>
  <c r="K3509" i="2"/>
  <c r="K3483" i="5" s="1"/>
  <c r="O3483" i="5" s="1"/>
  <c r="L6684" i="2"/>
  <c r="L6658" i="5" s="1"/>
  <c r="M6684" i="2"/>
  <c r="M6658" i="5" s="1"/>
  <c r="I6684" i="2"/>
  <c r="I6658" i="5" s="1"/>
  <c r="K6684" i="2"/>
  <c r="K6658" i="5" s="1"/>
  <c r="O6658" i="5" s="1"/>
  <c r="J6684" i="2"/>
  <c r="J6658" i="5" s="1"/>
  <c r="N6658" i="5" s="1"/>
  <c r="I7125" i="2"/>
  <c r="I7099" i="5" s="1"/>
  <c r="M7125" i="2"/>
  <c r="M7099" i="5" s="1"/>
  <c r="K7125" i="2"/>
  <c r="K7099" i="5" s="1"/>
  <c r="O7099" i="5" s="1"/>
  <c r="J7125" i="2"/>
  <c r="J7099" i="5" s="1"/>
  <c r="N7099" i="5" s="1"/>
  <c r="L7125" i="2"/>
  <c r="L7099" i="5" s="1"/>
  <c r="K2143" i="2"/>
  <c r="K2117" i="5" s="1"/>
  <c r="O2117" i="5" s="1"/>
  <c r="L2143" i="2"/>
  <c r="L2117" i="5" s="1"/>
  <c r="M2143" i="2"/>
  <c r="M2117" i="5" s="1"/>
  <c r="J2143" i="2"/>
  <c r="J2117" i="5" s="1"/>
  <c r="N2117" i="5" s="1"/>
  <c r="I2143" i="2"/>
  <c r="I2117" i="5" s="1"/>
  <c r="K3330" i="2"/>
  <c r="K3304" i="5" s="1"/>
  <c r="O3304" i="5" s="1"/>
  <c r="J3330" i="2"/>
  <c r="J3304" i="5" s="1"/>
  <c r="N3304" i="5" s="1"/>
  <c r="M3330" i="2"/>
  <c r="M3304" i="5" s="1"/>
  <c r="L3330" i="2"/>
  <c r="L3304" i="5" s="1"/>
  <c r="I3330" i="2"/>
  <c r="I3304" i="5" s="1"/>
  <c r="K4521" i="2"/>
  <c r="K4495" i="5" s="1"/>
  <c r="O4495" i="5" s="1"/>
  <c r="L4521" i="2"/>
  <c r="L4495" i="5" s="1"/>
  <c r="I4521" i="2"/>
  <c r="I4495" i="5" s="1"/>
  <c r="J4521" i="2"/>
  <c r="J4495" i="5" s="1"/>
  <c r="N4495" i="5" s="1"/>
  <c r="M4521" i="2"/>
  <c r="M4495" i="5" s="1"/>
  <c r="I7432" i="2"/>
  <c r="I7406" i="5" s="1"/>
  <c r="K7432" i="2"/>
  <c r="K7406" i="5" s="1"/>
  <c r="O7406" i="5" s="1"/>
  <c r="J7432" i="2"/>
  <c r="J7406" i="5" s="1"/>
  <c r="N7406" i="5" s="1"/>
  <c r="M7432" i="2"/>
  <c r="M7406" i="5" s="1"/>
  <c r="L7432" i="2"/>
  <c r="L7406" i="5" s="1"/>
  <c r="J6498" i="2"/>
  <c r="J6472" i="5" s="1"/>
  <c r="N6472" i="5" s="1"/>
  <c r="L6498" i="2"/>
  <c r="L6472" i="5" s="1"/>
  <c r="M6498" i="2"/>
  <c r="M6472" i="5" s="1"/>
  <c r="I6498" i="2"/>
  <c r="I6472" i="5" s="1"/>
  <c r="K6498" i="2"/>
  <c r="K6472" i="5" s="1"/>
  <c r="O6472" i="5" s="1"/>
  <c r="M4855" i="2"/>
  <c r="M4829" i="5" s="1"/>
  <c r="L4855" i="2"/>
  <c r="L4829" i="5" s="1"/>
  <c r="I4855" i="2"/>
  <c r="I4829" i="5" s="1"/>
  <c r="K4855" i="2"/>
  <c r="K4829" i="5" s="1"/>
  <c r="O4829" i="5" s="1"/>
  <c r="J4855" i="2"/>
  <c r="J4829" i="5" s="1"/>
  <c r="N4829" i="5" s="1"/>
  <c r="M7876" i="2"/>
  <c r="M7850" i="5" s="1"/>
  <c r="I7876" i="2"/>
  <c r="I7850" i="5" s="1"/>
  <c r="J7876" i="2"/>
  <c r="J7850" i="5" s="1"/>
  <c r="N7850" i="5" s="1"/>
  <c r="L7876" i="2"/>
  <c r="L7850" i="5" s="1"/>
  <c r="K7876" i="2"/>
  <c r="K7850" i="5" s="1"/>
  <c r="O7850" i="5" s="1"/>
  <c r="M4920" i="2"/>
  <c r="M4894" i="5" s="1"/>
  <c r="L4920" i="2"/>
  <c r="L4894" i="5" s="1"/>
  <c r="I4920" i="2"/>
  <c r="I4894" i="5" s="1"/>
  <c r="K4920" i="2"/>
  <c r="K4894" i="5" s="1"/>
  <c r="O4894" i="5" s="1"/>
  <c r="J4920" i="2"/>
  <c r="J4894" i="5" s="1"/>
  <c r="N4894" i="5" s="1"/>
  <c r="I8280" i="2"/>
  <c r="I8254" i="5" s="1"/>
  <c r="K8280" i="2"/>
  <c r="K8254" i="5" s="1"/>
  <c r="O8254" i="5" s="1"/>
  <c r="J8280" i="2"/>
  <c r="J8254" i="5" s="1"/>
  <c r="N8254" i="5" s="1"/>
  <c r="M8280" i="2"/>
  <c r="M8254" i="5" s="1"/>
  <c r="L8280" i="2"/>
  <c r="L8254" i="5" s="1"/>
  <c r="L4639" i="2"/>
  <c r="L4613" i="5" s="1"/>
  <c r="I4639" i="2"/>
  <c r="I4613" i="5" s="1"/>
  <c r="K4639" i="2"/>
  <c r="K4613" i="5" s="1"/>
  <c r="O4613" i="5" s="1"/>
  <c r="J4639" i="2"/>
  <c r="J4613" i="5" s="1"/>
  <c r="N4613" i="5" s="1"/>
  <c r="M4639" i="2"/>
  <c r="M4613" i="5" s="1"/>
  <c r="M2419" i="2"/>
  <c r="M2393" i="5" s="1"/>
  <c r="I2419" i="2"/>
  <c r="I2393" i="5" s="1"/>
  <c r="K2419" i="2"/>
  <c r="K2393" i="5" s="1"/>
  <c r="O2393" i="5" s="1"/>
  <c r="J2419" i="2"/>
  <c r="J2393" i="5" s="1"/>
  <c r="N2393" i="5" s="1"/>
  <c r="L2419" i="2"/>
  <c r="L2393" i="5" s="1"/>
  <c r="L5306" i="2"/>
  <c r="L5280" i="5" s="1"/>
  <c r="I5306" i="2"/>
  <c r="I5280" i="5" s="1"/>
  <c r="K5306" i="2"/>
  <c r="K5280" i="5" s="1"/>
  <c r="O5280" i="5" s="1"/>
  <c r="J5306" i="2"/>
  <c r="J5280" i="5" s="1"/>
  <c r="N5280" i="5" s="1"/>
  <c r="M5306" i="2"/>
  <c r="M5280" i="5" s="1"/>
  <c r="K7995" i="2"/>
  <c r="K7969" i="5" s="1"/>
  <c r="O7969" i="5" s="1"/>
  <c r="M7995" i="2"/>
  <c r="M7969" i="5" s="1"/>
  <c r="J7995" i="2"/>
  <c r="J7969" i="5" s="1"/>
  <c r="N7969" i="5" s="1"/>
  <c r="L7995" i="2"/>
  <c r="L7969" i="5" s="1"/>
  <c r="I7995" i="2"/>
  <c r="I7969" i="5" s="1"/>
  <c r="J7980" i="2"/>
  <c r="J7954" i="5" s="1"/>
  <c r="N7954" i="5" s="1"/>
  <c r="I7980" i="2"/>
  <c r="I7954" i="5" s="1"/>
  <c r="M7980" i="2"/>
  <c r="M7954" i="5" s="1"/>
  <c r="K7980" i="2"/>
  <c r="K7954" i="5" s="1"/>
  <c r="O7954" i="5" s="1"/>
  <c r="L7980" i="2"/>
  <c r="L7954" i="5" s="1"/>
  <c r="L4092" i="2"/>
  <c r="L4066" i="5" s="1"/>
  <c r="J4092" i="2"/>
  <c r="J4066" i="5" s="1"/>
  <c r="N4066" i="5" s="1"/>
  <c r="M4092" i="2"/>
  <c r="M4066" i="5" s="1"/>
  <c r="I4092" i="2"/>
  <c r="I4066" i="5" s="1"/>
  <c r="K4092" i="2"/>
  <c r="K4066" i="5" s="1"/>
  <c r="O4066" i="5" s="1"/>
  <c r="J8618" i="2"/>
  <c r="J8592" i="5" s="1"/>
  <c r="N8592" i="5" s="1"/>
  <c r="M8618" i="2"/>
  <c r="M8592" i="5" s="1"/>
  <c r="I8618" i="2"/>
  <c r="I8592" i="5" s="1"/>
  <c r="K8618" i="2"/>
  <c r="K8592" i="5" s="1"/>
  <c r="O8592" i="5" s="1"/>
  <c r="L8618" i="2"/>
  <c r="L8592" i="5" s="1"/>
  <c r="I6102" i="2"/>
  <c r="I6076" i="5" s="1"/>
  <c r="L6102" i="2"/>
  <c r="L6076" i="5" s="1"/>
  <c r="K6102" i="2"/>
  <c r="K6076" i="5" s="1"/>
  <c r="O6076" i="5" s="1"/>
  <c r="J6102" i="2"/>
  <c r="J6076" i="5" s="1"/>
  <c r="N6076" i="5" s="1"/>
  <c r="M6102" i="2"/>
  <c r="M6076" i="5" s="1"/>
  <c r="J3982" i="2"/>
  <c r="J3956" i="5" s="1"/>
  <c r="N3956" i="5" s="1"/>
  <c r="M3982" i="2"/>
  <c r="M3956" i="5" s="1"/>
  <c r="I3982" i="2"/>
  <c r="I3956" i="5" s="1"/>
  <c r="L3982" i="2"/>
  <c r="L3956" i="5" s="1"/>
  <c r="K3982" i="2"/>
  <c r="K3956" i="5" s="1"/>
  <c r="O3956" i="5" s="1"/>
  <c r="L6151" i="2"/>
  <c r="L6125" i="5" s="1"/>
  <c r="M6151" i="2"/>
  <c r="M6125" i="5" s="1"/>
  <c r="I6151" i="2"/>
  <c r="I6125" i="5" s="1"/>
  <c r="K6151" i="2"/>
  <c r="K6125" i="5" s="1"/>
  <c r="O6125" i="5" s="1"/>
  <c r="J6151" i="2"/>
  <c r="J6125" i="5" s="1"/>
  <c r="N6125" i="5" s="1"/>
  <c r="J6145" i="2"/>
  <c r="J6119" i="5" s="1"/>
  <c r="N6119" i="5" s="1"/>
  <c r="M6145" i="2"/>
  <c r="M6119" i="5" s="1"/>
  <c r="I6145" i="2"/>
  <c r="I6119" i="5" s="1"/>
  <c r="K6145" i="2"/>
  <c r="K6119" i="5" s="1"/>
  <c r="O6119" i="5" s="1"/>
  <c r="L6145" i="2"/>
  <c r="L6119" i="5" s="1"/>
  <c r="K5784" i="2"/>
  <c r="K5758" i="5" s="1"/>
  <c r="O5758" i="5" s="1"/>
  <c r="M5784" i="2"/>
  <c r="M5758" i="5" s="1"/>
  <c r="J5784" i="2"/>
  <c r="J5758" i="5" s="1"/>
  <c r="N5758" i="5" s="1"/>
  <c r="L5784" i="2"/>
  <c r="L5758" i="5" s="1"/>
  <c r="I5784" i="2"/>
  <c r="I5758" i="5" s="1"/>
  <c r="I8708" i="2"/>
  <c r="I8682" i="5" s="1"/>
  <c r="K8708" i="2"/>
  <c r="K8682" i="5" s="1"/>
  <c r="O8682" i="5" s="1"/>
  <c r="J8708" i="2"/>
  <c r="J8682" i="5" s="1"/>
  <c r="N8682" i="5" s="1"/>
  <c r="L8708" i="2"/>
  <c r="L8682" i="5" s="1"/>
  <c r="M8708" i="2"/>
  <c r="M8682" i="5" s="1"/>
  <c r="J5336" i="2"/>
  <c r="J5310" i="5" s="1"/>
  <c r="N5310" i="5" s="1"/>
  <c r="M5336" i="2"/>
  <c r="M5310" i="5" s="1"/>
  <c r="I5336" i="2"/>
  <c r="I5310" i="5" s="1"/>
  <c r="K5336" i="2"/>
  <c r="K5310" i="5" s="1"/>
  <c r="O5310" i="5" s="1"/>
  <c r="L5336" i="2"/>
  <c r="L5310" i="5" s="1"/>
  <c r="M7262" i="2"/>
  <c r="M7236" i="5" s="1"/>
  <c r="J7262" i="2"/>
  <c r="J7236" i="5" s="1"/>
  <c r="N7236" i="5" s="1"/>
  <c r="L7262" i="2"/>
  <c r="L7236" i="5" s="1"/>
  <c r="I7262" i="2"/>
  <c r="I7236" i="5" s="1"/>
  <c r="K7262" i="2"/>
  <c r="K7236" i="5" s="1"/>
  <c r="O7236" i="5" s="1"/>
  <c r="I6327" i="2"/>
  <c r="I6301" i="5" s="1"/>
  <c r="K6327" i="2"/>
  <c r="K6301" i="5" s="1"/>
  <c r="O6301" i="5" s="1"/>
  <c r="M6327" i="2"/>
  <c r="M6301" i="5" s="1"/>
  <c r="L6327" i="2"/>
  <c r="L6301" i="5" s="1"/>
  <c r="J6327" i="2"/>
  <c r="J6301" i="5" s="1"/>
  <c r="N6301" i="5" s="1"/>
  <c r="L7789" i="2"/>
  <c r="L7763" i="5" s="1"/>
  <c r="I7789" i="2"/>
  <c r="I7763" i="5" s="1"/>
  <c r="J7789" i="2"/>
  <c r="J7763" i="5" s="1"/>
  <c r="N7763" i="5" s="1"/>
  <c r="M7789" i="2"/>
  <c r="M7763" i="5" s="1"/>
  <c r="K7789" i="2"/>
  <c r="K7763" i="5" s="1"/>
  <c r="O7763" i="5" s="1"/>
  <c r="J6428" i="2"/>
  <c r="J6402" i="5" s="1"/>
  <c r="N6402" i="5" s="1"/>
  <c r="I6428" i="2"/>
  <c r="I6402" i="5" s="1"/>
  <c r="K6428" i="2"/>
  <c r="K6402" i="5" s="1"/>
  <c r="O6402" i="5" s="1"/>
  <c r="M6428" i="2"/>
  <c r="M6402" i="5" s="1"/>
  <c r="L6428" i="2"/>
  <c r="L6402" i="5" s="1"/>
  <c r="J8017" i="2"/>
  <c r="J7991" i="5" s="1"/>
  <c r="N7991" i="5" s="1"/>
  <c r="I8017" i="2"/>
  <c r="I7991" i="5" s="1"/>
  <c r="M8017" i="2"/>
  <c r="M7991" i="5" s="1"/>
  <c r="L8017" i="2"/>
  <c r="L7991" i="5" s="1"/>
  <c r="K8017" i="2"/>
  <c r="K7991" i="5" s="1"/>
  <c r="O7991" i="5" s="1"/>
  <c r="K5688" i="2"/>
  <c r="K5662" i="5" s="1"/>
  <c r="O5662" i="5" s="1"/>
  <c r="L5688" i="2"/>
  <c r="L5662" i="5" s="1"/>
  <c r="M5688" i="2"/>
  <c r="M5662" i="5" s="1"/>
  <c r="J5688" i="2"/>
  <c r="J5662" i="5" s="1"/>
  <c r="N5662" i="5" s="1"/>
  <c r="I5688" i="2"/>
  <c r="I5662" i="5" s="1"/>
  <c r="I5679" i="2"/>
  <c r="I5653" i="5" s="1"/>
  <c r="K5679" i="2"/>
  <c r="K5653" i="5" s="1"/>
  <c r="O5653" i="5" s="1"/>
  <c r="J5679" i="2"/>
  <c r="J5653" i="5" s="1"/>
  <c r="N5653" i="5" s="1"/>
  <c r="M5679" i="2"/>
  <c r="M5653" i="5" s="1"/>
  <c r="L5679" i="2"/>
  <c r="L5653" i="5" s="1"/>
  <c r="K4800" i="2"/>
  <c r="K4774" i="5" s="1"/>
  <c r="O4774" i="5" s="1"/>
  <c r="J4800" i="2"/>
  <c r="J4774" i="5" s="1"/>
  <c r="N4774" i="5" s="1"/>
  <c r="M4800" i="2"/>
  <c r="M4774" i="5" s="1"/>
  <c r="L4800" i="2"/>
  <c r="L4774" i="5" s="1"/>
  <c r="I4800" i="2"/>
  <c r="I4774" i="5" s="1"/>
  <c r="M8483" i="2"/>
  <c r="M8457" i="5" s="1"/>
  <c r="I8483" i="2"/>
  <c r="I8457" i="5" s="1"/>
  <c r="L8483" i="2"/>
  <c r="L8457" i="5" s="1"/>
  <c r="J8483" i="2"/>
  <c r="J8457" i="5" s="1"/>
  <c r="N8457" i="5" s="1"/>
  <c r="K8483" i="2"/>
  <c r="K8457" i="5" s="1"/>
  <c r="O8457" i="5" s="1"/>
  <c r="J8489" i="2"/>
  <c r="J8463" i="5" s="1"/>
  <c r="N8463" i="5" s="1"/>
  <c r="L8489" i="2"/>
  <c r="L8463" i="5" s="1"/>
  <c r="I8489" i="2"/>
  <c r="I8463" i="5" s="1"/>
  <c r="K8489" i="2"/>
  <c r="K8463" i="5" s="1"/>
  <c r="O8463" i="5" s="1"/>
  <c r="M8489" i="2"/>
  <c r="M8463" i="5" s="1"/>
  <c r="L6855" i="2"/>
  <c r="L6829" i="5" s="1"/>
  <c r="M6855" i="2"/>
  <c r="M6829" i="5" s="1"/>
  <c r="J6855" i="2"/>
  <c r="J6829" i="5" s="1"/>
  <c r="N6829" i="5" s="1"/>
  <c r="I6855" i="2"/>
  <c r="I6829" i="5" s="1"/>
  <c r="K6855" i="2"/>
  <c r="K6829" i="5" s="1"/>
  <c r="O6829" i="5" s="1"/>
  <c r="J6851" i="2"/>
  <c r="J6825" i="5" s="1"/>
  <c r="N6825" i="5" s="1"/>
  <c r="M6851" i="2"/>
  <c r="M6825" i="5" s="1"/>
  <c r="L6851" i="2"/>
  <c r="L6825" i="5" s="1"/>
  <c r="I6851" i="2"/>
  <c r="I6825" i="5" s="1"/>
  <c r="K6851" i="2"/>
  <c r="K6825" i="5" s="1"/>
  <c r="O6825" i="5" s="1"/>
  <c r="M144" i="2"/>
  <c r="M118" i="5" s="1"/>
  <c r="L144" i="2"/>
  <c r="L118" i="5" s="1"/>
  <c r="I144" i="2"/>
  <c r="I118" i="5" s="1"/>
  <c r="J144" i="2"/>
  <c r="J118" i="5" s="1"/>
  <c r="N118" i="5" s="1"/>
  <c r="K144" i="2"/>
  <c r="K118" i="5" s="1"/>
  <c r="O118" i="5" s="1"/>
  <c r="K147" i="2"/>
  <c r="K121" i="5" s="1"/>
  <c r="O121" i="5" s="1"/>
  <c r="M147" i="2"/>
  <c r="M121" i="5" s="1"/>
  <c r="J147" i="2"/>
  <c r="J121" i="5" s="1"/>
  <c r="N121" i="5" s="1"/>
  <c r="I147" i="2"/>
  <c r="I121" i="5" s="1"/>
  <c r="L147" i="2"/>
  <c r="L121" i="5" s="1"/>
  <c r="M8663" i="2"/>
  <c r="M8637" i="5" s="1"/>
  <c r="L8663" i="2"/>
  <c r="L8637" i="5" s="1"/>
  <c r="I8663" i="2"/>
  <c r="I8637" i="5" s="1"/>
  <c r="J8663" i="2"/>
  <c r="J8637" i="5" s="1"/>
  <c r="N8637" i="5" s="1"/>
  <c r="K8663" i="2"/>
  <c r="K8637" i="5" s="1"/>
  <c r="O8637" i="5" s="1"/>
  <c r="J4303" i="2"/>
  <c r="J4277" i="5" s="1"/>
  <c r="N4277" i="5" s="1"/>
  <c r="M4303" i="2"/>
  <c r="M4277" i="5" s="1"/>
  <c r="L4303" i="2"/>
  <c r="L4277" i="5" s="1"/>
  <c r="I4303" i="2"/>
  <c r="I4277" i="5" s="1"/>
  <c r="K4303" i="2"/>
  <c r="K4277" i="5" s="1"/>
  <c r="O4277" i="5" s="1"/>
  <c r="I6252" i="2"/>
  <c r="I6226" i="5" s="1"/>
  <c r="K6252" i="2"/>
  <c r="K6226" i="5" s="1"/>
  <c r="O6226" i="5" s="1"/>
  <c r="M6252" i="2"/>
  <c r="M6226" i="5" s="1"/>
  <c r="J6252" i="2"/>
  <c r="J6226" i="5" s="1"/>
  <c r="N6226" i="5" s="1"/>
  <c r="L6252" i="2"/>
  <c r="L6226" i="5" s="1"/>
  <c r="J7847" i="2"/>
  <c r="J7821" i="5" s="1"/>
  <c r="N7821" i="5" s="1"/>
  <c r="K7847" i="2"/>
  <c r="K7821" i="5" s="1"/>
  <c r="O7821" i="5" s="1"/>
  <c r="M7847" i="2"/>
  <c r="M7821" i="5" s="1"/>
  <c r="I7847" i="2"/>
  <c r="I7821" i="5" s="1"/>
  <c r="L7847" i="2"/>
  <c r="L7821" i="5" s="1"/>
  <c r="K618" i="2"/>
  <c r="K592" i="5" s="1"/>
  <c r="O592" i="5" s="1"/>
  <c r="I618" i="2"/>
  <c r="I592" i="5" s="1"/>
  <c r="L618" i="2"/>
  <c r="L592" i="5" s="1"/>
  <c r="M618" i="2"/>
  <c r="M592" i="5" s="1"/>
  <c r="J618" i="2"/>
  <c r="J592" i="5" s="1"/>
  <c r="N592" i="5" s="1"/>
  <c r="I2760" i="2"/>
  <c r="I2734" i="5" s="1"/>
  <c r="K2760" i="2"/>
  <c r="K2734" i="5" s="1"/>
  <c r="O2734" i="5" s="1"/>
  <c r="J2760" i="2"/>
  <c r="J2734" i="5" s="1"/>
  <c r="N2734" i="5" s="1"/>
  <c r="L2760" i="2"/>
  <c r="L2734" i="5" s="1"/>
  <c r="M2760" i="2"/>
  <c r="M2734" i="5" s="1"/>
  <c r="J1378" i="2"/>
  <c r="J1352" i="5" s="1"/>
  <c r="N1352" i="5" s="1"/>
  <c r="M1378" i="2"/>
  <c r="M1352" i="5" s="1"/>
  <c r="L1378" i="2"/>
  <c r="L1352" i="5" s="1"/>
  <c r="I1378" i="2"/>
  <c r="I1352" i="5" s="1"/>
  <c r="K1378" i="2"/>
  <c r="K1352" i="5" s="1"/>
  <c r="O1352" i="5" s="1"/>
  <c r="K1388" i="2"/>
  <c r="K1362" i="5" s="1"/>
  <c r="O1362" i="5" s="1"/>
  <c r="M1388" i="2"/>
  <c r="M1362" i="5" s="1"/>
  <c r="J1388" i="2"/>
  <c r="J1362" i="5" s="1"/>
  <c r="N1362" i="5" s="1"/>
  <c r="L1388" i="2"/>
  <c r="L1362" i="5" s="1"/>
  <c r="I1388" i="2"/>
  <c r="I1362" i="5" s="1"/>
  <c r="J571" i="2"/>
  <c r="J545" i="5" s="1"/>
  <c r="N545" i="5" s="1"/>
  <c r="L571" i="2"/>
  <c r="L545" i="5" s="1"/>
  <c r="M571" i="2"/>
  <c r="M545" i="5" s="1"/>
  <c r="I571" i="2"/>
  <c r="I545" i="5" s="1"/>
  <c r="K571" i="2"/>
  <c r="K545" i="5" s="1"/>
  <c r="O545" i="5" s="1"/>
  <c r="I578" i="2"/>
  <c r="I552" i="5" s="1"/>
  <c r="J578" i="2"/>
  <c r="J552" i="5" s="1"/>
  <c r="N552" i="5" s="1"/>
  <c r="K578" i="2"/>
  <c r="K552" i="5" s="1"/>
  <c r="O552" i="5" s="1"/>
  <c r="L578" i="2"/>
  <c r="L552" i="5" s="1"/>
  <c r="M578" i="2"/>
  <c r="M552" i="5" s="1"/>
  <c r="M7693" i="2"/>
  <c r="M7667" i="5" s="1"/>
  <c r="I7693" i="2"/>
  <c r="I7667" i="5" s="1"/>
  <c r="K7693" i="2"/>
  <c r="K7667" i="5" s="1"/>
  <c r="O7667" i="5" s="1"/>
  <c r="J7693" i="2"/>
  <c r="J7667" i="5" s="1"/>
  <c r="N7667" i="5" s="1"/>
  <c r="L7693" i="2"/>
  <c r="L7667" i="5" s="1"/>
  <c r="M8451" i="2"/>
  <c r="M8425" i="5" s="1"/>
  <c r="I8451" i="2"/>
  <c r="I8425" i="5" s="1"/>
  <c r="K8451" i="2"/>
  <c r="K8425" i="5" s="1"/>
  <c r="O8425" i="5" s="1"/>
  <c r="J8451" i="2"/>
  <c r="J8425" i="5" s="1"/>
  <c r="N8425" i="5" s="1"/>
  <c r="L8451" i="2"/>
  <c r="L8425" i="5" s="1"/>
  <c r="J5111" i="2"/>
  <c r="J5085" i="5" s="1"/>
  <c r="N5085" i="5" s="1"/>
  <c r="L5111" i="2"/>
  <c r="L5085" i="5" s="1"/>
  <c r="I5111" i="2"/>
  <c r="I5085" i="5" s="1"/>
  <c r="M5111" i="2"/>
  <c r="M5085" i="5" s="1"/>
  <c r="K5111" i="2"/>
  <c r="K5085" i="5" s="1"/>
  <c r="O5085" i="5" s="1"/>
  <c r="L1760" i="2"/>
  <c r="L1734" i="5" s="1"/>
  <c r="M1760" i="2"/>
  <c r="M1734" i="5" s="1"/>
  <c r="I1760" i="2"/>
  <c r="I1734" i="5" s="1"/>
  <c r="K1760" i="2"/>
  <c r="K1734" i="5" s="1"/>
  <c r="O1734" i="5" s="1"/>
  <c r="J1760" i="2"/>
  <c r="J1734" i="5" s="1"/>
  <c r="N1734" i="5" s="1"/>
  <c r="J1742" i="2"/>
  <c r="J1716" i="5" s="1"/>
  <c r="N1716" i="5" s="1"/>
  <c r="L1742" i="2"/>
  <c r="L1716" i="5" s="1"/>
  <c r="M1742" i="2"/>
  <c r="M1716" i="5" s="1"/>
  <c r="I1742" i="2"/>
  <c r="I1716" i="5" s="1"/>
  <c r="K1742" i="2"/>
  <c r="K1716" i="5" s="1"/>
  <c r="O1716" i="5" s="1"/>
  <c r="M3624" i="2"/>
  <c r="M3598" i="5" s="1"/>
  <c r="J3624" i="2"/>
  <c r="J3598" i="5" s="1"/>
  <c r="N3598" i="5" s="1"/>
  <c r="L3624" i="2"/>
  <c r="L3598" i="5" s="1"/>
  <c r="K3624" i="2"/>
  <c r="K3598" i="5" s="1"/>
  <c r="O3598" i="5" s="1"/>
  <c r="I3624" i="2"/>
  <c r="I3598" i="5" s="1"/>
  <c r="J2913" i="2"/>
  <c r="J2887" i="5" s="1"/>
  <c r="N2887" i="5" s="1"/>
  <c r="M2913" i="2"/>
  <c r="M2887" i="5" s="1"/>
  <c r="L2913" i="2"/>
  <c r="L2887" i="5" s="1"/>
  <c r="I2913" i="2"/>
  <c r="I2887" i="5" s="1"/>
  <c r="K2913" i="2"/>
  <c r="K2887" i="5" s="1"/>
  <c r="O2887" i="5" s="1"/>
  <c r="K6669" i="2"/>
  <c r="K6643" i="5" s="1"/>
  <c r="O6643" i="5" s="1"/>
  <c r="M6669" i="2"/>
  <c r="M6643" i="5" s="1"/>
  <c r="J6669" i="2"/>
  <c r="J6643" i="5" s="1"/>
  <c r="N6643" i="5" s="1"/>
  <c r="I6669" i="2"/>
  <c r="I6643" i="5" s="1"/>
  <c r="L6669" i="2"/>
  <c r="L6643" i="5" s="1"/>
  <c r="J5940" i="2"/>
  <c r="J5914" i="5" s="1"/>
  <c r="N5914" i="5" s="1"/>
  <c r="L5940" i="2"/>
  <c r="L5914" i="5" s="1"/>
  <c r="I5940" i="2"/>
  <c r="I5914" i="5" s="1"/>
  <c r="K5940" i="2"/>
  <c r="K5914" i="5" s="1"/>
  <c r="O5914" i="5" s="1"/>
  <c r="M5940" i="2"/>
  <c r="M5914" i="5" s="1"/>
  <c r="L4687" i="2"/>
  <c r="L4661" i="5" s="1"/>
  <c r="J4687" i="2"/>
  <c r="J4661" i="5" s="1"/>
  <c r="N4661" i="5" s="1"/>
  <c r="M4687" i="2"/>
  <c r="M4661" i="5" s="1"/>
  <c r="I4687" i="2"/>
  <c r="I4661" i="5" s="1"/>
  <c r="K4687" i="2"/>
  <c r="K4661" i="5" s="1"/>
  <c r="O4661" i="5" s="1"/>
  <c r="I4672" i="2"/>
  <c r="I4646" i="5" s="1"/>
  <c r="J4672" i="2"/>
  <c r="J4646" i="5" s="1"/>
  <c r="N4646" i="5" s="1"/>
  <c r="M4672" i="2"/>
  <c r="M4646" i="5" s="1"/>
  <c r="L4672" i="2"/>
  <c r="L4646" i="5" s="1"/>
  <c r="K4672" i="2"/>
  <c r="K4646" i="5" s="1"/>
  <c r="O4646" i="5" s="1"/>
  <c r="L6158" i="2"/>
  <c r="L6132" i="5" s="1"/>
  <c r="M6158" i="2"/>
  <c r="M6132" i="5" s="1"/>
  <c r="K6158" i="2"/>
  <c r="K6132" i="5" s="1"/>
  <c r="O6132" i="5" s="1"/>
  <c r="I6158" i="2"/>
  <c r="I6132" i="5" s="1"/>
  <c r="J6158" i="2"/>
  <c r="J6132" i="5" s="1"/>
  <c r="N6132" i="5" s="1"/>
  <c r="J6165" i="2"/>
  <c r="J6139" i="5" s="1"/>
  <c r="N6139" i="5" s="1"/>
  <c r="M6165" i="2"/>
  <c r="M6139" i="5" s="1"/>
  <c r="L6165" i="2"/>
  <c r="L6139" i="5" s="1"/>
  <c r="I6165" i="2"/>
  <c r="I6139" i="5" s="1"/>
  <c r="K6165" i="2"/>
  <c r="K6139" i="5" s="1"/>
  <c r="O6139" i="5" s="1"/>
  <c r="M2455" i="2"/>
  <c r="M2429" i="5" s="1"/>
  <c r="L2455" i="2"/>
  <c r="L2429" i="5" s="1"/>
  <c r="I2455" i="2"/>
  <c r="I2429" i="5" s="1"/>
  <c r="K2455" i="2"/>
  <c r="K2429" i="5" s="1"/>
  <c r="O2429" i="5" s="1"/>
  <c r="J2455" i="2"/>
  <c r="J2429" i="5" s="1"/>
  <c r="N2429" i="5" s="1"/>
  <c r="J2446" i="2"/>
  <c r="J2420" i="5" s="1"/>
  <c r="N2420" i="5" s="1"/>
  <c r="L2446" i="2"/>
  <c r="L2420" i="5" s="1"/>
  <c r="M2446" i="2"/>
  <c r="M2420" i="5" s="1"/>
  <c r="I2446" i="2"/>
  <c r="I2420" i="5" s="1"/>
  <c r="K2446" i="2"/>
  <c r="K2420" i="5" s="1"/>
  <c r="O2420" i="5" s="1"/>
  <c r="J2622" i="2"/>
  <c r="J2596" i="5" s="1"/>
  <c r="N2596" i="5" s="1"/>
  <c r="M2622" i="2"/>
  <c r="M2596" i="5" s="1"/>
  <c r="I2622" i="2"/>
  <c r="I2596" i="5" s="1"/>
  <c r="K2622" i="2"/>
  <c r="K2596" i="5" s="1"/>
  <c r="O2596" i="5" s="1"/>
  <c r="L2622" i="2"/>
  <c r="L2596" i="5" s="1"/>
  <c r="J2617" i="2"/>
  <c r="J2591" i="5" s="1"/>
  <c r="N2591" i="5" s="1"/>
  <c r="M2617" i="2"/>
  <c r="M2591" i="5" s="1"/>
  <c r="I2617" i="2"/>
  <c r="I2591" i="5" s="1"/>
  <c r="L2617" i="2"/>
  <c r="L2591" i="5" s="1"/>
  <c r="K2617" i="2"/>
  <c r="K2591" i="5" s="1"/>
  <c r="O2591" i="5" s="1"/>
  <c r="L8362" i="2"/>
  <c r="L8336" i="5" s="1"/>
  <c r="M8362" i="2"/>
  <c r="M8336" i="5" s="1"/>
  <c r="J8362" i="2"/>
  <c r="J8336" i="5" s="1"/>
  <c r="N8336" i="5" s="1"/>
  <c r="I8362" i="2"/>
  <c r="I8336" i="5" s="1"/>
  <c r="K8362" i="2"/>
  <c r="K8336" i="5" s="1"/>
  <c r="O8336" i="5" s="1"/>
  <c r="AR349" i="1"/>
  <c r="C355" i="5"/>
  <c r="M1631" i="2"/>
  <c r="M1605" i="5" s="1"/>
  <c r="I1631" i="2"/>
  <c r="I1605" i="5" s="1"/>
  <c r="K1631" i="2"/>
  <c r="K1605" i="5" s="1"/>
  <c r="O1605" i="5" s="1"/>
  <c r="J1631" i="2"/>
  <c r="J1605" i="5" s="1"/>
  <c r="N1605" i="5" s="1"/>
  <c r="L1631" i="2"/>
  <c r="L1605" i="5" s="1"/>
  <c r="K3165" i="2"/>
  <c r="K3139" i="5" s="1"/>
  <c r="O3139" i="5" s="1"/>
  <c r="M3165" i="2"/>
  <c r="M3139" i="5" s="1"/>
  <c r="L3165" i="2"/>
  <c r="L3139" i="5" s="1"/>
  <c r="J3165" i="2"/>
  <c r="J3139" i="5" s="1"/>
  <c r="N3139" i="5" s="1"/>
  <c r="I3165" i="2"/>
  <c r="I3139" i="5" s="1"/>
  <c r="L3459" i="2"/>
  <c r="L3433" i="5" s="1"/>
  <c r="M3459" i="2"/>
  <c r="M3433" i="5" s="1"/>
  <c r="I3459" i="2"/>
  <c r="I3433" i="5" s="1"/>
  <c r="K3459" i="2"/>
  <c r="K3433" i="5" s="1"/>
  <c r="O3433" i="5" s="1"/>
  <c r="J3459" i="2"/>
  <c r="J3433" i="5" s="1"/>
  <c r="N3433" i="5" s="1"/>
  <c r="J3442" i="2"/>
  <c r="J3416" i="5" s="1"/>
  <c r="N3416" i="5" s="1"/>
  <c r="M3442" i="2"/>
  <c r="M3416" i="5" s="1"/>
  <c r="I3442" i="2"/>
  <c r="I3416" i="5" s="1"/>
  <c r="K3442" i="2"/>
  <c r="K3416" i="5" s="1"/>
  <c r="O3416" i="5" s="1"/>
  <c r="L3442" i="2"/>
  <c r="L3416" i="5" s="1"/>
  <c r="J918" i="2"/>
  <c r="J892" i="5" s="1"/>
  <c r="N892" i="5" s="1"/>
  <c r="K918" i="2"/>
  <c r="K892" i="5" s="1"/>
  <c r="O892" i="5" s="1"/>
  <c r="L918" i="2"/>
  <c r="L892" i="5" s="1"/>
  <c r="M918" i="2"/>
  <c r="M892" i="5" s="1"/>
  <c r="I918" i="2"/>
  <c r="I892" i="5" s="1"/>
  <c r="J904" i="2"/>
  <c r="J878" i="5" s="1"/>
  <c r="N878" i="5" s="1"/>
  <c r="L904" i="2"/>
  <c r="L878" i="5" s="1"/>
  <c r="I904" i="2"/>
  <c r="I878" i="5" s="1"/>
  <c r="K904" i="2"/>
  <c r="K878" i="5" s="1"/>
  <c r="O878" i="5" s="1"/>
  <c r="M904" i="2"/>
  <c r="M878" i="5" s="1"/>
  <c r="L7935" i="2"/>
  <c r="L7909" i="5" s="1"/>
  <c r="I7935" i="2"/>
  <c r="I7909" i="5" s="1"/>
  <c r="K7935" i="2"/>
  <c r="K7909" i="5" s="1"/>
  <c r="O7909" i="5" s="1"/>
  <c r="J7935" i="2"/>
  <c r="J7909" i="5" s="1"/>
  <c r="N7909" i="5" s="1"/>
  <c r="M7935" i="2"/>
  <c r="M7909" i="5" s="1"/>
  <c r="K1914" i="2"/>
  <c r="K1888" i="5" s="1"/>
  <c r="O1888" i="5" s="1"/>
  <c r="M1914" i="2"/>
  <c r="M1888" i="5" s="1"/>
  <c r="L1914" i="2"/>
  <c r="L1888" i="5" s="1"/>
  <c r="I1914" i="2"/>
  <c r="I1888" i="5" s="1"/>
  <c r="J1914" i="2"/>
  <c r="J1888" i="5" s="1"/>
  <c r="N1888" i="5" s="1"/>
  <c r="K2732" i="2"/>
  <c r="K2706" i="5" s="1"/>
  <c r="O2706" i="5" s="1"/>
  <c r="J2732" i="2"/>
  <c r="J2706" i="5" s="1"/>
  <c r="N2706" i="5" s="1"/>
  <c r="I2732" i="2"/>
  <c r="I2706" i="5" s="1"/>
  <c r="L2732" i="2"/>
  <c r="L2706" i="5" s="1"/>
  <c r="M2732" i="2"/>
  <c r="M2706" i="5" s="1"/>
  <c r="I3005" i="2"/>
  <c r="I2979" i="5" s="1"/>
  <c r="K3005" i="2"/>
  <c r="K2979" i="5" s="1"/>
  <c r="O2979" i="5" s="1"/>
  <c r="J3005" i="2"/>
  <c r="J2979" i="5" s="1"/>
  <c r="N2979" i="5" s="1"/>
  <c r="L3005" i="2"/>
  <c r="L2979" i="5" s="1"/>
  <c r="M3005" i="2"/>
  <c r="M2979" i="5" s="1"/>
  <c r="M313" i="2"/>
  <c r="M287" i="5" s="1"/>
  <c r="L313" i="2"/>
  <c r="L287" i="5" s="1"/>
  <c r="I313" i="2"/>
  <c r="I287" i="5" s="1"/>
  <c r="J313" i="2"/>
  <c r="J287" i="5" s="1"/>
  <c r="N287" i="5" s="1"/>
  <c r="K313" i="2"/>
  <c r="K287" i="5" s="1"/>
  <c r="O287" i="5" s="1"/>
  <c r="I7480" i="2"/>
  <c r="I7454" i="5" s="1"/>
  <c r="L7480" i="2"/>
  <c r="L7454" i="5" s="1"/>
  <c r="K7480" i="2"/>
  <c r="K7454" i="5" s="1"/>
  <c r="O7454" i="5" s="1"/>
  <c r="J7480" i="2"/>
  <c r="J7454" i="5" s="1"/>
  <c r="N7454" i="5" s="1"/>
  <c r="M7480" i="2"/>
  <c r="M7454" i="5" s="1"/>
  <c r="M7483" i="2"/>
  <c r="M7457" i="5" s="1"/>
  <c r="J7483" i="2"/>
  <c r="J7457" i="5" s="1"/>
  <c r="N7457" i="5" s="1"/>
  <c r="I7483" i="2"/>
  <c r="I7457" i="5" s="1"/>
  <c r="K7483" i="2"/>
  <c r="K7457" i="5" s="1"/>
  <c r="O7457" i="5" s="1"/>
  <c r="L7483" i="2"/>
  <c r="L7457" i="5" s="1"/>
  <c r="I7541" i="2"/>
  <c r="I7515" i="5" s="1"/>
  <c r="L7541" i="2"/>
  <c r="L7515" i="5" s="1"/>
  <c r="K7541" i="2"/>
  <c r="K7515" i="5" s="1"/>
  <c r="O7515" i="5" s="1"/>
  <c r="J7541" i="2"/>
  <c r="J7515" i="5" s="1"/>
  <c r="N7515" i="5" s="1"/>
  <c r="M7541" i="2"/>
  <c r="M7515" i="5" s="1"/>
  <c r="L5173" i="2"/>
  <c r="L5147" i="5" s="1"/>
  <c r="J5173" i="2"/>
  <c r="J5147" i="5" s="1"/>
  <c r="N5147" i="5" s="1"/>
  <c r="M5173" i="2"/>
  <c r="M5147" i="5" s="1"/>
  <c r="I5173" i="2"/>
  <c r="I5147" i="5" s="1"/>
  <c r="K5173" i="2"/>
  <c r="K5147" i="5" s="1"/>
  <c r="O5147" i="5" s="1"/>
  <c r="L3821" i="2"/>
  <c r="L3795" i="5" s="1"/>
  <c r="M3821" i="2"/>
  <c r="M3795" i="5" s="1"/>
  <c r="J3821" i="2"/>
  <c r="J3795" i="5" s="1"/>
  <c r="N3795" i="5" s="1"/>
  <c r="I3821" i="2"/>
  <c r="I3795" i="5" s="1"/>
  <c r="K3821" i="2"/>
  <c r="K3795" i="5" s="1"/>
  <c r="O3795" i="5" s="1"/>
  <c r="L424" i="2"/>
  <c r="L398" i="5" s="1"/>
  <c r="M424" i="2"/>
  <c r="M398" i="5" s="1"/>
  <c r="J424" i="2"/>
  <c r="J398" i="5" s="1"/>
  <c r="N398" i="5" s="1"/>
  <c r="I424" i="2"/>
  <c r="I398" i="5" s="1"/>
  <c r="K424" i="2"/>
  <c r="K398" i="5" s="1"/>
  <c r="O398" i="5" s="1"/>
  <c r="I4351" i="2"/>
  <c r="I4325" i="5" s="1"/>
  <c r="K4351" i="2"/>
  <c r="K4325" i="5" s="1"/>
  <c r="O4325" i="5" s="1"/>
  <c r="M4351" i="2"/>
  <c r="M4325" i="5" s="1"/>
  <c r="J4351" i="2"/>
  <c r="J4325" i="5" s="1"/>
  <c r="N4325" i="5" s="1"/>
  <c r="L4351" i="2"/>
  <c r="L4325" i="5" s="1"/>
  <c r="I948" i="2"/>
  <c r="I922" i="5" s="1"/>
  <c r="L948" i="2"/>
  <c r="L922" i="5" s="1"/>
  <c r="J948" i="2"/>
  <c r="J922" i="5" s="1"/>
  <c r="N922" i="5" s="1"/>
  <c r="K948" i="2"/>
  <c r="K922" i="5" s="1"/>
  <c r="O922" i="5" s="1"/>
  <c r="M948" i="2"/>
  <c r="M922" i="5" s="1"/>
  <c r="M96" i="2"/>
  <c r="M70" i="5" s="1"/>
  <c r="J96" i="2"/>
  <c r="J70" i="5" s="1"/>
  <c r="N70" i="5" s="1"/>
  <c r="L96" i="2"/>
  <c r="L70" i="5" s="1"/>
  <c r="K96" i="2"/>
  <c r="K70" i="5" s="1"/>
  <c r="O70" i="5" s="1"/>
  <c r="I96" i="2"/>
  <c r="I70" i="5" s="1"/>
  <c r="I1946" i="2"/>
  <c r="I1920" i="5" s="1"/>
  <c r="M1946" i="2"/>
  <c r="M1920" i="5" s="1"/>
  <c r="K1946" i="2"/>
  <c r="K1920" i="5" s="1"/>
  <c r="O1920" i="5" s="1"/>
  <c r="J1946" i="2"/>
  <c r="J1920" i="5" s="1"/>
  <c r="N1920" i="5" s="1"/>
  <c r="L1946" i="2"/>
  <c r="L1920" i="5" s="1"/>
  <c r="L8317" i="2"/>
  <c r="L8291" i="5" s="1"/>
  <c r="I8317" i="2"/>
  <c r="I8291" i="5" s="1"/>
  <c r="K8317" i="2"/>
  <c r="K8291" i="5" s="1"/>
  <c r="O8291" i="5" s="1"/>
  <c r="M8317" i="2"/>
  <c r="M8291" i="5" s="1"/>
  <c r="J8317" i="2"/>
  <c r="J8291" i="5" s="1"/>
  <c r="N8291" i="5" s="1"/>
  <c r="J8331" i="2"/>
  <c r="J8305" i="5" s="1"/>
  <c r="N8305" i="5" s="1"/>
  <c r="M8331" i="2"/>
  <c r="M8305" i="5" s="1"/>
  <c r="L8331" i="2"/>
  <c r="L8305" i="5" s="1"/>
  <c r="I8331" i="2"/>
  <c r="I8305" i="5" s="1"/>
  <c r="K8331" i="2"/>
  <c r="K8305" i="5" s="1"/>
  <c r="O8305" i="5" s="1"/>
  <c r="K8540" i="2"/>
  <c r="K8514" i="5" s="1"/>
  <c r="O8514" i="5" s="1"/>
  <c r="L8540" i="2"/>
  <c r="L8514" i="5" s="1"/>
  <c r="J8540" i="2"/>
  <c r="J8514" i="5" s="1"/>
  <c r="N8514" i="5" s="1"/>
  <c r="M8540" i="2"/>
  <c r="M8514" i="5" s="1"/>
  <c r="I8540" i="2"/>
  <c r="I8514" i="5" s="1"/>
  <c r="K463" i="2"/>
  <c r="K437" i="5" s="1"/>
  <c r="O437" i="5" s="1"/>
  <c r="L463" i="2"/>
  <c r="L437" i="5" s="1"/>
  <c r="M463" i="2"/>
  <c r="M437" i="5" s="1"/>
  <c r="I463" i="2"/>
  <c r="I437" i="5" s="1"/>
  <c r="J463" i="2"/>
  <c r="J437" i="5" s="1"/>
  <c r="N437" i="5" s="1"/>
  <c r="L453" i="2"/>
  <c r="L427" i="5" s="1"/>
  <c r="I453" i="2"/>
  <c r="I427" i="5" s="1"/>
  <c r="K453" i="2"/>
  <c r="K427" i="5" s="1"/>
  <c r="O427" i="5" s="1"/>
  <c r="M453" i="2"/>
  <c r="M427" i="5" s="1"/>
  <c r="J453" i="2"/>
  <c r="J427" i="5" s="1"/>
  <c r="N427" i="5" s="1"/>
  <c r="I2321" i="2"/>
  <c r="I2295" i="5" s="1"/>
  <c r="K2321" i="2"/>
  <c r="K2295" i="5" s="1"/>
  <c r="O2295" i="5" s="1"/>
  <c r="J2321" i="2"/>
  <c r="J2295" i="5" s="1"/>
  <c r="N2295" i="5" s="1"/>
  <c r="L2321" i="2"/>
  <c r="L2295" i="5" s="1"/>
  <c r="M2321" i="2"/>
  <c r="M2295" i="5" s="1"/>
  <c r="K4598" i="2"/>
  <c r="K4572" i="5" s="1"/>
  <c r="O4572" i="5" s="1"/>
  <c r="M4598" i="2"/>
  <c r="M4572" i="5" s="1"/>
  <c r="L4598" i="2"/>
  <c r="L4572" i="5" s="1"/>
  <c r="I4598" i="2"/>
  <c r="I4572" i="5" s="1"/>
  <c r="J4598" i="2"/>
  <c r="J4572" i="5" s="1"/>
  <c r="N4572" i="5" s="1"/>
  <c r="J4601" i="2"/>
  <c r="J4575" i="5" s="1"/>
  <c r="N4575" i="5" s="1"/>
  <c r="L4601" i="2"/>
  <c r="L4575" i="5" s="1"/>
  <c r="I4601" i="2"/>
  <c r="I4575" i="5" s="1"/>
  <c r="M4601" i="2"/>
  <c r="M4575" i="5" s="1"/>
  <c r="K4601" i="2"/>
  <c r="K4575" i="5" s="1"/>
  <c r="O4575" i="5" s="1"/>
  <c r="K4270" i="2"/>
  <c r="K4244" i="5" s="1"/>
  <c r="O4244" i="5" s="1"/>
  <c r="M4270" i="2"/>
  <c r="M4244" i="5" s="1"/>
  <c r="I4270" i="2"/>
  <c r="I4244" i="5" s="1"/>
  <c r="J4270" i="2"/>
  <c r="J4244" i="5" s="1"/>
  <c r="N4244" i="5" s="1"/>
  <c r="L4270" i="2"/>
  <c r="L4244" i="5" s="1"/>
  <c r="I751" i="2"/>
  <c r="I725" i="5" s="1"/>
  <c r="K751" i="2"/>
  <c r="K725" i="5" s="1"/>
  <c r="O725" i="5" s="1"/>
  <c r="L751" i="2"/>
  <c r="L725" i="5" s="1"/>
  <c r="M751" i="2"/>
  <c r="M725" i="5" s="1"/>
  <c r="J751" i="2"/>
  <c r="J725" i="5" s="1"/>
  <c r="N725" i="5" s="1"/>
  <c r="C37" i="5"/>
  <c r="AR31" i="1"/>
  <c r="I4074" i="2"/>
  <c r="I4048" i="5" s="1"/>
  <c r="K4074" i="2"/>
  <c r="K4048" i="5" s="1"/>
  <c r="O4048" i="5" s="1"/>
  <c r="J4074" i="2"/>
  <c r="J4048" i="5" s="1"/>
  <c r="N4048" i="5" s="1"/>
  <c r="L4074" i="2"/>
  <c r="L4048" i="5" s="1"/>
  <c r="M4074" i="2"/>
  <c r="M4048" i="5" s="1"/>
  <c r="I7176" i="2"/>
  <c r="I7150" i="5" s="1"/>
  <c r="L7176" i="2"/>
  <c r="L7150" i="5" s="1"/>
  <c r="J7176" i="2"/>
  <c r="J7150" i="5" s="1"/>
  <c r="N7150" i="5" s="1"/>
  <c r="K7176" i="2"/>
  <c r="K7150" i="5" s="1"/>
  <c r="O7150" i="5" s="1"/>
  <c r="M7176" i="2"/>
  <c r="M7150" i="5" s="1"/>
  <c r="M718" i="2"/>
  <c r="M692" i="5" s="1"/>
  <c r="L718" i="2"/>
  <c r="L692" i="5" s="1"/>
  <c r="I718" i="2"/>
  <c r="I692" i="5" s="1"/>
  <c r="K718" i="2"/>
  <c r="K692" i="5" s="1"/>
  <c r="O692" i="5" s="1"/>
  <c r="J718" i="2"/>
  <c r="J692" i="5" s="1"/>
  <c r="N692" i="5" s="1"/>
  <c r="J7611" i="2"/>
  <c r="J7585" i="5" s="1"/>
  <c r="N7585" i="5" s="1"/>
  <c r="L7611" i="2"/>
  <c r="L7585" i="5" s="1"/>
  <c r="I7611" i="2"/>
  <c r="I7585" i="5" s="1"/>
  <c r="K7611" i="2"/>
  <c r="K7585" i="5" s="1"/>
  <c r="O7585" i="5" s="1"/>
  <c r="M7611" i="2"/>
  <c r="M7585" i="5" s="1"/>
  <c r="C323" i="5"/>
  <c r="AR317" i="1"/>
  <c r="L5606" i="2"/>
  <c r="L5580" i="5" s="1"/>
  <c r="J5606" i="2"/>
  <c r="J5580" i="5" s="1"/>
  <c r="N5580" i="5" s="1"/>
  <c r="I5606" i="2"/>
  <c r="I5580" i="5" s="1"/>
  <c r="K5606" i="2"/>
  <c r="K5580" i="5" s="1"/>
  <c r="O5580" i="5" s="1"/>
  <c r="M5606" i="2"/>
  <c r="M5580" i="5" s="1"/>
  <c r="L8193" i="2"/>
  <c r="L8167" i="5" s="1"/>
  <c r="M8193" i="2"/>
  <c r="M8167" i="5" s="1"/>
  <c r="I8193" i="2"/>
  <c r="I8167" i="5" s="1"/>
  <c r="K8193" i="2"/>
  <c r="K8167" i="5" s="1"/>
  <c r="O8167" i="5" s="1"/>
  <c r="J8193" i="2"/>
  <c r="J8167" i="5" s="1"/>
  <c r="N8167" i="5" s="1"/>
  <c r="J8184" i="2"/>
  <c r="J8158" i="5" s="1"/>
  <c r="N8158" i="5" s="1"/>
  <c r="L8184" i="2"/>
  <c r="L8158" i="5" s="1"/>
  <c r="I8184" i="2"/>
  <c r="I8158" i="5" s="1"/>
  <c r="M8184" i="2"/>
  <c r="M8158" i="5" s="1"/>
  <c r="K8184" i="2"/>
  <c r="K8158" i="5" s="1"/>
  <c r="O8158" i="5" s="1"/>
  <c r="L1152" i="2"/>
  <c r="L1126" i="5" s="1"/>
  <c r="M1152" i="2"/>
  <c r="M1126" i="5" s="1"/>
  <c r="I1152" i="2"/>
  <c r="I1126" i="5" s="1"/>
  <c r="J1152" i="2"/>
  <c r="J1126" i="5" s="1"/>
  <c r="N1126" i="5" s="1"/>
  <c r="K1152" i="2"/>
  <c r="K1126" i="5" s="1"/>
  <c r="O1126" i="5" s="1"/>
  <c r="I2476" i="2"/>
  <c r="I2450" i="5" s="1"/>
  <c r="K2476" i="2"/>
  <c r="K2450" i="5" s="1"/>
  <c r="O2450" i="5" s="1"/>
  <c r="L2476" i="2"/>
  <c r="L2450" i="5" s="1"/>
  <c r="M2476" i="2"/>
  <c r="M2450" i="5" s="1"/>
  <c r="J2476" i="2"/>
  <c r="J2450" i="5" s="1"/>
  <c r="N2450" i="5" s="1"/>
  <c r="J2458" i="2"/>
  <c r="J2432" i="5" s="1"/>
  <c r="N2432" i="5" s="1"/>
  <c r="L2458" i="2"/>
  <c r="L2432" i="5" s="1"/>
  <c r="M2458" i="2"/>
  <c r="M2432" i="5" s="1"/>
  <c r="I2458" i="2"/>
  <c r="I2432" i="5" s="1"/>
  <c r="K2458" i="2"/>
  <c r="K2432" i="5" s="1"/>
  <c r="O2432" i="5" s="1"/>
  <c r="M923" i="2"/>
  <c r="M897" i="5" s="1"/>
  <c r="J923" i="2"/>
  <c r="J897" i="5" s="1"/>
  <c r="N897" i="5" s="1"/>
  <c r="L923" i="2"/>
  <c r="L897" i="5" s="1"/>
  <c r="I923" i="2"/>
  <c r="I897" i="5" s="1"/>
  <c r="K923" i="2"/>
  <c r="K897" i="5" s="1"/>
  <c r="O897" i="5" s="1"/>
  <c r="L791" i="2"/>
  <c r="L765" i="5" s="1"/>
  <c r="M791" i="2"/>
  <c r="M765" i="5" s="1"/>
  <c r="I791" i="2"/>
  <c r="I765" i="5" s="1"/>
  <c r="J791" i="2"/>
  <c r="J765" i="5" s="1"/>
  <c r="N765" i="5" s="1"/>
  <c r="K791" i="2"/>
  <c r="K765" i="5" s="1"/>
  <c r="O765" i="5" s="1"/>
  <c r="K608" i="2"/>
  <c r="K582" i="5" s="1"/>
  <c r="O582" i="5" s="1"/>
  <c r="M608" i="2"/>
  <c r="M582" i="5" s="1"/>
  <c r="J608" i="2"/>
  <c r="J582" i="5" s="1"/>
  <c r="N582" i="5" s="1"/>
  <c r="L608" i="2"/>
  <c r="L582" i="5" s="1"/>
  <c r="I608" i="2"/>
  <c r="I582" i="5" s="1"/>
  <c r="M599" i="2"/>
  <c r="M573" i="5" s="1"/>
  <c r="J599" i="2"/>
  <c r="J573" i="5" s="1"/>
  <c r="N573" i="5" s="1"/>
  <c r="K599" i="2"/>
  <c r="K573" i="5" s="1"/>
  <c r="O573" i="5" s="1"/>
  <c r="L599" i="2"/>
  <c r="L573" i="5" s="1"/>
  <c r="I599" i="2"/>
  <c r="I573" i="5" s="1"/>
  <c r="J7351" i="2"/>
  <c r="J7325" i="5" s="1"/>
  <c r="N7325" i="5" s="1"/>
  <c r="M7351" i="2"/>
  <c r="M7325" i="5" s="1"/>
  <c r="I7351" i="2"/>
  <c r="I7325" i="5" s="1"/>
  <c r="L7351" i="2"/>
  <c r="L7325" i="5" s="1"/>
  <c r="K7351" i="2"/>
  <c r="K7325" i="5" s="1"/>
  <c r="O7325" i="5" s="1"/>
  <c r="M2819" i="2"/>
  <c r="M2793" i="5" s="1"/>
  <c r="I2819" i="2"/>
  <c r="I2793" i="5" s="1"/>
  <c r="K2819" i="2"/>
  <c r="K2793" i="5" s="1"/>
  <c r="O2793" i="5" s="1"/>
  <c r="J2819" i="2"/>
  <c r="J2793" i="5" s="1"/>
  <c r="N2793" i="5" s="1"/>
  <c r="L2819" i="2"/>
  <c r="L2793" i="5" s="1"/>
  <c r="K4975" i="2"/>
  <c r="K4949" i="5" s="1"/>
  <c r="O4949" i="5" s="1"/>
  <c r="M4975" i="2"/>
  <c r="M4949" i="5" s="1"/>
  <c r="L4975" i="2"/>
  <c r="L4949" i="5" s="1"/>
  <c r="J4975" i="2"/>
  <c r="J4949" i="5" s="1"/>
  <c r="N4949" i="5" s="1"/>
  <c r="I4975" i="2"/>
  <c r="I4949" i="5" s="1"/>
  <c r="I1432" i="2"/>
  <c r="I1406" i="5" s="1"/>
  <c r="K1432" i="2"/>
  <c r="K1406" i="5" s="1"/>
  <c r="O1406" i="5" s="1"/>
  <c r="J1432" i="2"/>
  <c r="J1406" i="5" s="1"/>
  <c r="N1406" i="5" s="1"/>
  <c r="M1432" i="2"/>
  <c r="M1406" i="5" s="1"/>
  <c r="L1432" i="2"/>
  <c r="L1406" i="5" s="1"/>
  <c r="K1781" i="2"/>
  <c r="K1755" i="5" s="1"/>
  <c r="O1755" i="5" s="1"/>
  <c r="M1781" i="2"/>
  <c r="M1755" i="5" s="1"/>
  <c r="I1781" i="2"/>
  <c r="I1755" i="5" s="1"/>
  <c r="L1781" i="2"/>
  <c r="L1755" i="5" s="1"/>
  <c r="J1781" i="2"/>
  <c r="J1755" i="5" s="1"/>
  <c r="N1755" i="5" s="1"/>
  <c r="I8125" i="2"/>
  <c r="I8099" i="5" s="1"/>
  <c r="M8125" i="2"/>
  <c r="M8099" i="5" s="1"/>
  <c r="K8125" i="2"/>
  <c r="K8099" i="5" s="1"/>
  <c r="O8099" i="5" s="1"/>
  <c r="J8125" i="2"/>
  <c r="J8099" i="5" s="1"/>
  <c r="N8099" i="5" s="1"/>
  <c r="L8125" i="2"/>
  <c r="L8099" i="5" s="1"/>
  <c r="M5599" i="2"/>
  <c r="M5573" i="5" s="1"/>
  <c r="I5599" i="2"/>
  <c r="I5573" i="5" s="1"/>
  <c r="K5599" i="2"/>
  <c r="K5573" i="5" s="1"/>
  <c r="O5573" i="5" s="1"/>
  <c r="J5599" i="2"/>
  <c r="J5573" i="5" s="1"/>
  <c r="N5573" i="5" s="1"/>
  <c r="L5599" i="2"/>
  <c r="L5573" i="5" s="1"/>
  <c r="I1556" i="2"/>
  <c r="I1530" i="5" s="1"/>
  <c r="K1556" i="2"/>
  <c r="K1530" i="5" s="1"/>
  <c r="O1530" i="5" s="1"/>
  <c r="L1556" i="2"/>
  <c r="L1530" i="5" s="1"/>
  <c r="J1556" i="2"/>
  <c r="J1530" i="5" s="1"/>
  <c r="N1530" i="5" s="1"/>
  <c r="M1556" i="2"/>
  <c r="M1530" i="5" s="1"/>
  <c r="M278" i="2"/>
  <c r="M252" i="5" s="1"/>
  <c r="J278" i="2"/>
  <c r="J252" i="5" s="1"/>
  <c r="N252" i="5" s="1"/>
  <c r="K278" i="2"/>
  <c r="K252" i="5" s="1"/>
  <c r="O252" i="5" s="1"/>
  <c r="I278" i="2"/>
  <c r="I252" i="5" s="1"/>
  <c r="L278" i="2"/>
  <c r="L252" i="5" s="1"/>
  <c r="K6448" i="2"/>
  <c r="K6422" i="5" s="1"/>
  <c r="O6422" i="5" s="1"/>
  <c r="L6448" i="2"/>
  <c r="L6422" i="5" s="1"/>
  <c r="I6448" i="2"/>
  <c r="I6422" i="5" s="1"/>
  <c r="M6448" i="2"/>
  <c r="M6422" i="5" s="1"/>
  <c r="J6448" i="2"/>
  <c r="J6422" i="5" s="1"/>
  <c r="N6422" i="5" s="1"/>
  <c r="M6450" i="2"/>
  <c r="M6424" i="5" s="1"/>
  <c r="J6450" i="2"/>
  <c r="J6424" i="5" s="1"/>
  <c r="N6424" i="5" s="1"/>
  <c r="I6450" i="2"/>
  <c r="I6424" i="5" s="1"/>
  <c r="L6450" i="2"/>
  <c r="L6424" i="5" s="1"/>
  <c r="K6450" i="2"/>
  <c r="K6424" i="5" s="1"/>
  <c r="O6424" i="5" s="1"/>
  <c r="L2561" i="2"/>
  <c r="L2535" i="5" s="1"/>
  <c r="M2561" i="2"/>
  <c r="M2535" i="5" s="1"/>
  <c r="I2561" i="2"/>
  <c r="I2535" i="5" s="1"/>
  <c r="K2561" i="2"/>
  <c r="K2535" i="5" s="1"/>
  <c r="O2535" i="5" s="1"/>
  <c r="J2561" i="2"/>
  <c r="J2535" i="5" s="1"/>
  <c r="N2535" i="5" s="1"/>
  <c r="M2565" i="2"/>
  <c r="M2539" i="5" s="1"/>
  <c r="J2565" i="2"/>
  <c r="J2539" i="5" s="1"/>
  <c r="N2539" i="5" s="1"/>
  <c r="I2565" i="2"/>
  <c r="I2539" i="5" s="1"/>
  <c r="L2565" i="2"/>
  <c r="L2539" i="5" s="1"/>
  <c r="K2565" i="2"/>
  <c r="K2539" i="5" s="1"/>
  <c r="O2539" i="5" s="1"/>
  <c r="L3246" i="2"/>
  <c r="L3220" i="5" s="1"/>
  <c r="J3246" i="2"/>
  <c r="J3220" i="5" s="1"/>
  <c r="N3220" i="5" s="1"/>
  <c r="I3246" i="2"/>
  <c r="I3220" i="5" s="1"/>
  <c r="M3246" i="2"/>
  <c r="M3220" i="5" s="1"/>
  <c r="K3246" i="2"/>
  <c r="K3220" i="5" s="1"/>
  <c r="O3220" i="5" s="1"/>
  <c r="I3735" i="2"/>
  <c r="I3709" i="5" s="1"/>
  <c r="J3735" i="2"/>
  <c r="J3709" i="5" s="1"/>
  <c r="N3709" i="5" s="1"/>
  <c r="M3735" i="2"/>
  <c r="M3709" i="5" s="1"/>
  <c r="L3735" i="2"/>
  <c r="L3709" i="5" s="1"/>
  <c r="K3735" i="2"/>
  <c r="K3709" i="5" s="1"/>
  <c r="O3709" i="5" s="1"/>
  <c r="M2094" i="2"/>
  <c r="M2068" i="5" s="1"/>
  <c r="I2094" i="2"/>
  <c r="I2068" i="5" s="1"/>
  <c r="L2094" i="2"/>
  <c r="L2068" i="5" s="1"/>
  <c r="K2094" i="2"/>
  <c r="K2068" i="5" s="1"/>
  <c r="O2068" i="5" s="1"/>
  <c r="J2094" i="2"/>
  <c r="J2068" i="5" s="1"/>
  <c r="N2068" i="5" s="1"/>
  <c r="K2929" i="2"/>
  <c r="K2903" i="5" s="1"/>
  <c r="O2903" i="5" s="1"/>
  <c r="I2929" i="2"/>
  <c r="I2903" i="5" s="1"/>
  <c r="L2929" i="2"/>
  <c r="L2903" i="5" s="1"/>
  <c r="M2929" i="2"/>
  <c r="M2903" i="5" s="1"/>
  <c r="J2929" i="2"/>
  <c r="J2903" i="5" s="1"/>
  <c r="N2903" i="5" s="1"/>
  <c r="M7357" i="2"/>
  <c r="M7331" i="5" s="1"/>
  <c r="I7357" i="2"/>
  <c r="I7331" i="5" s="1"/>
  <c r="K7357" i="2"/>
  <c r="K7331" i="5" s="1"/>
  <c r="O7331" i="5" s="1"/>
  <c r="L7357" i="2"/>
  <c r="L7331" i="5" s="1"/>
  <c r="J7357" i="2"/>
  <c r="J7331" i="5" s="1"/>
  <c r="N7331" i="5" s="1"/>
  <c r="K4250" i="2"/>
  <c r="K4224" i="5" s="1"/>
  <c r="O4224" i="5" s="1"/>
  <c r="J4250" i="2"/>
  <c r="J4224" i="5" s="1"/>
  <c r="N4224" i="5" s="1"/>
  <c r="M4250" i="2"/>
  <c r="M4224" i="5" s="1"/>
  <c r="L4250" i="2"/>
  <c r="L4224" i="5" s="1"/>
  <c r="I4250" i="2"/>
  <c r="I4224" i="5" s="1"/>
  <c r="M2816" i="2"/>
  <c r="M2790" i="5" s="1"/>
  <c r="K2816" i="2"/>
  <c r="K2790" i="5" s="1"/>
  <c r="O2790" i="5" s="1"/>
  <c r="L2816" i="2"/>
  <c r="L2790" i="5" s="1"/>
  <c r="J2816" i="2"/>
  <c r="J2790" i="5" s="1"/>
  <c r="N2790" i="5" s="1"/>
  <c r="I2816" i="2"/>
  <c r="I2790" i="5" s="1"/>
  <c r="L2807" i="2"/>
  <c r="L2781" i="5" s="1"/>
  <c r="I2807" i="2"/>
  <c r="I2781" i="5" s="1"/>
  <c r="M2807" i="2"/>
  <c r="M2781" i="5" s="1"/>
  <c r="K2807" i="2"/>
  <c r="K2781" i="5" s="1"/>
  <c r="O2781" i="5" s="1"/>
  <c r="J2807" i="2"/>
  <c r="J2781" i="5" s="1"/>
  <c r="N2781" i="5" s="1"/>
  <c r="I5916" i="2"/>
  <c r="I5890" i="5" s="1"/>
  <c r="K5916" i="2"/>
  <c r="K5890" i="5" s="1"/>
  <c r="O5890" i="5" s="1"/>
  <c r="J5916" i="2"/>
  <c r="J5890" i="5" s="1"/>
  <c r="N5890" i="5" s="1"/>
  <c r="M5916" i="2"/>
  <c r="M5890" i="5" s="1"/>
  <c r="L5916" i="2"/>
  <c r="L5890" i="5" s="1"/>
  <c r="M6775" i="2"/>
  <c r="M6749" i="5" s="1"/>
  <c r="I6775" i="2"/>
  <c r="I6749" i="5" s="1"/>
  <c r="L6775" i="2"/>
  <c r="L6749" i="5" s="1"/>
  <c r="K6775" i="2"/>
  <c r="K6749" i="5" s="1"/>
  <c r="O6749" i="5" s="1"/>
  <c r="J6775" i="2"/>
  <c r="J6749" i="5" s="1"/>
  <c r="N6749" i="5" s="1"/>
  <c r="J6766" i="2"/>
  <c r="J6740" i="5" s="1"/>
  <c r="N6740" i="5" s="1"/>
  <c r="M6766" i="2"/>
  <c r="M6740" i="5" s="1"/>
  <c r="L6766" i="2"/>
  <c r="L6740" i="5" s="1"/>
  <c r="I6766" i="2"/>
  <c r="I6740" i="5" s="1"/>
  <c r="K6766" i="2"/>
  <c r="K6740" i="5" s="1"/>
  <c r="O6740" i="5" s="1"/>
  <c r="L2218" i="2"/>
  <c r="L2192" i="5" s="1"/>
  <c r="M2218" i="2"/>
  <c r="M2192" i="5" s="1"/>
  <c r="I2218" i="2"/>
  <c r="I2192" i="5" s="1"/>
  <c r="K2218" i="2"/>
  <c r="K2192" i="5" s="1"/>
  <c r="O2192" i="5" s="1"/>
  <c r="J2218" i="2"/>
  <c r="J2192" i="5" s="1"/>
  <c r="N2192" i="5" s="1"/>
  <c r="C99" i="5"/>
  <c r="AR93" i="1"/>
  <c r="K1802" i="2"/>
  <c r="K1776" i="5" s="1"/>
  <c r="O1776" i="5" s="1"/>
  <c r="J1802" i="2"/>
  <c r="J1776" i="5" s="1"/>
  <c r="N1776" i="5" s="1"/>
  <c r="M1802" i="2"/>
  <c r="M1776" i="5" s="1"/>
  <c r="L1802" i="2"/>
  <c r="L1776" i="5" s="1"/>
  <c r="I1802" i="2"/>
  <c r="I1776" i="5" s="1"/>
  <c r="K1827" i="2"/>
  <c r="K1801" i="5" s="1"/>
  <c r="O1801" i="5" s="1"/>
  <c r="M1827" i="2"/>
  <c r="M1801" i="5" s="1"/>
  <c r="J1827" i="2"/>
  <c r="J1801" i="5" s="1"/>
  <c r="N1801" i="5" s="1"/>
  <c r="L1827" i="2"/>
  <c r="L1801" i="5" s="1"/>
  <c r="I1827" i="2"/>
  <c r="I1801" i="5" s="1"/>
  <c r="J4652" i="2"/>
  <c r="J4626" i="5" s="1"/>
  <c r="N4626" i="5" s="1"/>
  <c r="L4652" i="2"/>
  <c r="L4626" i="5" s="1"/>
  <c r="M4652" i="2"/>
  <c r="M4626" i="5" s="1"/>
  <c r="I4652" i="2"/>
  <c r="I4626" i="5" s="1"/>
  <c r="K4652" i="2"/>
  <c r="K4626" i="5" s="1"/>
  <c r="O4626" i="5" s="1"/>
  <c r="J808" i="2"/>
  <c r="J782" i="5" s="1"/>
  <c r="N782" i="5" s="1"/>
  <c r="L808" i="2"/>
  <c r="L782" i="5" s="1"/>
  <c r="I808" i="2"/>
  <c r="I782" i="5" s="1"/>
  <c r="K808" i="2"/>
  <c r="K782" i="5" s="1"/>
  <c r="O782" i="5" s="1"/>
  <c r="M808" i="2"/>
  <c r="M782" i="5" s="1"/>
  <c r="I804" i="2"/>
  <c r="I778" i="5" s="1"/>
  <c r="L804" i="2"/>
  <c r="L778" i="5" s="1"/>
  <c r="K804" i="2"/>
  <c r="K778" i="5" s="1"/>
  <c r="O778" i="5" s="1"/>
  <c r="J804" i="2"/>
  <c r="J778" i="5" s="1"/>
  <c r="N778" i="5" s="1"/>
  <c r="M804" i="2"/>
  <c r="M778" i="5" s="1"/>
  <c r="K2947" i="2"/>
  <c r="K2921" i="5" s="1"/>
  <c r="O2921" i="5" s="1"/>
  <c r="M2947" i="2"/>
  <c r="M2921" i="5" s="1"/>
  <c r="J2947" i="2"/>
  <c r="J2921" i="5" s="1"/>
  <c r="N2921" i="5" s="1"/>
  <c r="L2947" i="2"/>
  <c r="L2921" i="5" s="1"/>
  <c r="I2947" i="2"/>
  <c r="I2921" i="5" s="1"/>
  <c r="J2958" i="2"/>
  <c r="J2932" i="5" s="1"/>
  <c r="N2932" i="5" s="1"/>
  <c r="L2958" i="2"/>
  <c r="L2932" i="5" s="1"/>
  <c r="M2958" i="2"/>
  <c r="M2932" i="5" s="1"/>
  <c r="I2958" i="2"/>
  <c r="I2932" i="5" s="1"/>
  <c r="K2958" i="2"/>
  <c r="K2932" i="5" s="1"/>
  <c r="O2932" i="5" s="1"/>
  <c r="I7817" i="2"/>
  <c r="I7791" i="5" s="1"/>
  <c r="M7817" i="2"/>
  <c r="M7791" i="5" s="1"/>
  <c r="J7817" i="2"/>
  <c r="J7791" i="5" s="1"/>
  <c r="N7791" i="5" s="1"/>
  <c r="L7817" i="2"/>
  <c r="L7791" i="5" s="1"/>
  <c r="K7817" i="2"/>
  <c r="K7791" i="5" s="1"/>
  <c r="O7791" i="5" s="1"/>
  <c r="I989" i="2"/>
  <c r="I963" i="5" s="1"/>
  <c r="K989" i="2"/>
  <c r="K963" i="5" s="1"/>
  <c r="O963" i="5" s="1"/>
  <c r="J989" i="2"/>
  <c r="J963" i="5" s="1"/>
  <c r="N963" i="5" s="1"/>
  <c r="M989" i="2"/>
  <c r="M963" i="5" s="1"/>
  <c r="L989" i="2"/>
  <c r="L963" i="5" s="1"/>
  <c r="M8471" i="2"/>
  <c r="M8445" i="5" s="1"/>
  <c r="I8471" i="2"/>
  <c r="I8445" i="5" s="1"/>
  <c r="K8471" i="2"/>
  <c r="K8445" i="5" s="1"/>
  <c r="O8445" i="5" s="1"/>
  <c r="J8471" i="2"/>
  <c r="J8445" i="5" s="1"/>
  <c r="N8445" i="5" s="1"/>
  <c r="L8471" i="2"/>
  <c r="L8445" i="5" s="1"/>
  <c r="L4494" i="2"/>
  <c r="L4468" i="5" s="1"/>
  <c r="I4494" i="2"/>
  <c r="I4468" i="5" s="1"/>
  <c r="K4494" i="2"/>
  <c r="K4468" i="5" s="1"/>
  <c r="O4468" i="5" s="1"/>
  <c r="J4494" i="2"/>
  <c r="J4468" i="5" s="1"/>
  <c r="N4468" i="5" s="1"/>
  <c r="M4494" i="2"/>
  <c r="M4468" i="5" s="1"/>
  <c r="K2255" i="2"/>
  <c r="K2229" i="5" s="1"/>
  <c r="O2229" i="5" s="1"/>
  <c r="J2255" i="2"/>
  <c r="J2229" i="5" s="1"/>
  <c r="N2229" i="5" s="1"/>
  <c r="L2255" i="2"/>
  <c r="L2229" i="5" s="1"/>
  <c r="M2255" i="2"/>
  <c r="M2229" i="5" s="1"/>
  <c r="I2255" i="2"/>
  <c r="I2229" i="5" s="1"/>
  <c r="J3777" i="2"/>
  <c r="J3751" i="5" s="1"/>
  <c r="N3751" i="5" s="1"/>
  <c r="M3777" i="2"/>
  <c r="M3751" i="5" s="1"/>
  <c r="I3777" i="2"/>
  <c r="I3751" i="5" s="1"/>
  <c r="L3777" i="2"/>
  <c r="L3751" i="5" s="1"/>
  <c r="K3777" i="2"/>
  <c r="K3751" i="5" s="1"/>
  <c r="O3751" i="5" s="1"/>
  <c r="I895" i="2"/>
  <c r="I869" i="5" s="1"/>
  <c r="K895" i="2"/>
  <c r="K869" i="5" s="1"/>
  <c r="O869" i="5" s="1"/>
  <c r="M895" i="2"/>
  <c r="M869" i="5" s="1"/>
  <c r="L895" i="2"/>
  <c r="L869" i="5" s="1"/>
  <c r="J895" i="2"/>
  <c r="J869" i="5" s="1"/>
  <c r="N869" i="5" s="1"/>
  <c r="K888" i="2"/>
  <c r="K862" i="5" s="1"/>
  <c r="O862" i="5" s="1"/>
  <c r="L888" i="2"/>
  <c r="L862" i="5" s="1"/>
  <c r="I888" i="2"/>
  <c r="I862" i="5" s="1"/>
  <c r="M888" i="2"/>
  <c r="M862" i="5" s="1"/>
  <c r="J888" i="2"/>
  <c r="J862" i="5" s="1"/>
  <c r="N862" i="5" s="1"/>
  <c r="L5856" i="2"/>
  <c r="L5830" i="5" s="1"/>
  <c r="K5856" i="2"/>
  <c r="K5830" i="5" s="1"/>
  <c r="O5830" i="5" s="1"/>
  <c r="J5856" i="2"/>
  <c r="J5830" i="5" s="1"/>
  <c r="N5830" i="5" s="1"/>
  <c r="M5856" i="2"/>
  <c r="M5830" i="5" s="1"/>
  <c r="I5856" i="2"/>
  <c r="I5830" i="5" s="1"/>
  <c r="J5760" i="2"/>
  <c r="J5734" i="5" s="1"/>
  <c r="N5734" i="5" s="1"/>
  <c r="M5760" i="2"/>
  <c r="M5734" i="5" s="1"/>
  <c r="L5760" i="2"/>
  <c r="L5734" i="5" s="1"/>
  <c r="I5760" i="2"/>
  <c r="I5734" i="5" s="1"/>
  <c r="K5760" i="2"/>
  <c r="K5734" i="5" s="1"/>
  <c r="O5734" i="5" s="1"/>
  <c r="J203" i="2"/>
  <c r="J177" i="5" s="1"/>
  <c r="N177" i="5" s="1"/>
  <c r="M203" i="2"/>
  <c r="M177" i="5" s="1"/>
  <c r="I203" i="2"/>
  <c r="I177" i="5" s="1"/>
  <c r="K203" i="2"/>
  <c r="K177" i="5" s="1"/>
  <c r="O177" i="5" s="1"/>
  <c r="L203" i="2"/>
  <c r="L177" i="5" s="1"/>
  <c r="I4941" i="2"/>
  <c r="I4915" i="5" s="1"/>
  <c r="L4941" i="2"/>
  <c r="L4915" i="5" s="1"/>
  <c r="K4941" i="2"/>
  <c r="K4915" i="5" s="1"/>
  <c r="O4915" i="5" s="1"/>
  <c r="J4941" i="2"/>
  <c r="J4915" i="5" s="1"/>
  <c r="N4915" i="5" s="1"/>
  <c r="M4941" i="2"/>
  <c r="M4915" i="5" s="1"/>
  <c r="I7104" i="2"/>
  <c r="I7078" i="5" s="1"/>
  <c r="M7104" i="2"/>
  <c r="M7078" i="5" s="1"/>
  <c r="K7104" i="2"/>
  <c r="K7078" i="5" s="1"/>
  <c r="O7078" i="5" s="1"/>
  <c r="L7104" i="2"/>
  <c r="L7078" i="5" s="1"/>
  <c r="J7104" i="2"/>
  <c r="J7078" i="5" s="1"/>
  <c r="N7078" i="5" s="1"/>
  <c r="L7093" i="2"/>
  <c r="L7067" i="5" s="1"/>
  <c r="I7093" i="2"/>
  <c r="I7067" i="5" s="1"/>
  <c r="K7093" i="2"/>
  <c r="K7067" i="5" s="1"/>
  <c r="O7067" i="5" s="1"/>
  <c r="J7093" i="2"/>
  <c r="J7067" i="5" s="1"/>
  <c r="N7067" i="5" s="1"/>
  <c r="M7093" i="2"/>
  <c r="M7067" i="5" s="1"/>
  <c r="M392" i="2"/>
  <c r="M366" i="5" s="1"/>
  <c r="K392" i="2"/>
  <c r="K366" i="5" s="1"/>
  <c r="O366" i="5" s="1"/>
  <c r="J392" i="2"/>
  <c r="J366" i="5" s="1"/>
  <c r="N366" i="5" s="1"/>
  <c r="I392" i="2"/>
  <c r="I366" i="5" s="1"/>
  <c r="L392" i="2"/>
  <c r="L366" i="5" s="1"/>
  <c r="L5461" i="2"/>
  <c r="L5435" i="5" s="1"/>
  <c r="I5461" i="2"/>
  <c r="I5435" i="5" s="1"/>
  <c r="M5461" i="2"/>
  <c r="M5435" i="5" s="1"/>
  <c r="J5461" i="2"/>
  <c r="J5435" i="5" s="1"/>
  <c r="N5435" i="5" s="1"/>
  <c r="K5461" i="2"/>
  <c r="K5435" i="5" s="1"/>
  <c r="O5435" i="5" s="1"/>
  <c r="C234" i="5"/>
  <c r="AR228" i="1"/>
  <c r="M2979" i="2"/>
  <c r="M2953" i="5" s="1"/>
  <c r="I2979" i="2"/>
  <c r="I2953" i="5" s="1"/>
  <c r="L2979" i="2"/>
  <c r="L2953" i="5" s="1"/>
  <c r="K2979" i="2"/>
  <c r="K2953" i="5" s="1"/>
  <c r="O2953" i="5" s="1"/>
  <c r="J2979" i="2"/>
  <c r="J2953" i="5" s="1"/>
  <c r="N2953" i="5" s="1"/>
  <c r="I2966" i="2"/>
  <c r="I2940" i="5" s="1"/>
  <c r="K2966" i="2"/>
  <c r="K2940" i="5" s="1"/>
  <c r="O2940" i="5" s="1"/>
  <c r="J2966" i="2"/>
  <c r="J2940" i="5" s="1"/>
  <c r="N2940" i="5" s="1"/>
  <c r="M2966" i="2"/>
  <c r="M2940" i="5" s="1"/>
  <c r="L2966" i="2"/>
  <c r="L2940" i="5" s="1"/>
  <c r="K1649" i="2"/>
  <c r="K1623" i="5" s="1"/>
  <c r="O1623" i="5" s="1"/>
  <c r="L1649" i="2"/>
  <c r="L1623" i="5" s="1"/>
  <c r="M1649" i="2"/>
  <c r="M1623" i="5" s="1"/>
  <c r="J1649" i="2"/>
  <c r="J1623" i="5" s="1"/>
  <c r="N1623" i="5" s="1"/>
  <c r="I1649" i="2"/>
  <c r="I1623" i="5" s="1"/>
  <c r="M8196" i="2"/>
  <c r="M8170" i="5" s="1"/>
  <c r="J8196" i="2"/>
  <c r="J8170" i="5" s="1"/>
  <c r="N8170" i="5" s="1"/>
  <c r="L8196" i="2"/>
  <c r="L8170" i="5" s="1"/>
  <c r="I8196" i="2"/>
  <c r="I8170" i="5" s="1"/>
  <c r="K8196" i="2"/>
  <c r="K8170" i="5" s="1"/>
  <c r="O8170" i="5" s="1"/>
  <c r="J5169" i="2"/>
  <c r="J5143" i="5" s="1"/>
  <c r="N5143" i="5" s="1"/>
  <c r="L5169" i="2"/>
  <c r="L5143" i="5" s="1"/>
  <c r="M5169" i="2"/>
  <c r="M5143" i="5" s="1"/>
  <c r="I5169" i="2"/>
  <c r="I5143" i="5" s="1"/>
  <c r="K5169" i="2"/>
  <c r="K5143" i="5" s="1"/>
  <c r="O5143" i="5" s="1"/>
  <c r="J5164" i="2"/>
  <c r="J5138" i="5" s="1"/>
  <c r="N5138" i="5" s="1"/>
  <c r="L5164" i="2"/>
  <c r="L5138" i="5" s="1"/>
  <c r="M5164" i="2"/>
  <c r="M5138" i="5" s="1"/>
  <c r="I5164" i="2"/>
  <c r="I5138" i="5" s="1"/>
  <c r="K5164" i="2"/>
  <c r="K5138" i="5" s="1"/>
  <c r="O5138" i="5" s="1"/>
  <c r="M6645" i="2"/>
  <c r="M6619" i="5" s="1"/>
  <c r="K6645" i="2"/>
  <c r="K6619" i="5" s="1"/>
  <c r="O6619" i="5" s="1"/>
  <c r="J6645" i="2"/>
  <c r="J6619" i="5" s="1"/>
  <c r="N6619" i="5" s="1"/>
  <c r="L6645" i="2"/>
  <c r="L6619" i="5" s="1"/>
  <c r="I6645" i="2"/>
  <c r="I6619" i="5" s="1"/>
  <c r="I4407" i="2"/>
  <c r="I4381" i="5" s="1"/>
  <c r="K4407" i="2"/>
  <c r="K4381" i="5" s="1"/>
  <c r="O4381" i="5" s="1"/>
  <c r="M4407" i="2"/>
  <c r="M4381" i="5" s="1"/>
  <c r="L4407" i="2"/>
  <c r="L4381" i="5" s="1"/>
  <c r="J4407" i="2"/>
  <c r="J4381" i="5" s="1"/>
  <c r="N4381" i="5" s="1"/>
  <c r="I6529" i="2"/>
  <c r="I6503" i="5" s="1"/>
  <c r="K6529" i="2"/>
  <c r="K6503" i="5" s="1"/>
  <c r="O6503" i="5" s="1"/>
  <c r="L6529" i="2"/>
  <c r="L6503" i="5" s="1"/>
  <c r="M6529" i="2"/>
  <c r="M6503" i="5" s="1"/>
  <c r="J6529" i="2"/>
  <c r="J6503" i="5" s="1"/>
  <c r="N6503" i="5" s="1"/>
  <c r="J6524" i="2"/>
  <c r="J6498" i="5" s="1"/>
  <c r="N6498" i="5" s="1"/>
  <c r="L6524" i="2"/>
  <c r="L6498" i="5" s="1"/>
  <c r="I6524" i="2"/>
  <c r="I6498" i="5" s="1"/>
  <c r="M6524" i="2"/>
  <c r="M6498" i="5" s="1"/>
  <c r="K6524" i="2"/>
  <c r="K6498" i="5" s="1"/>
  <c r="O6498" i="5" s="1"/>
  <c r="J2292" i="2"/>
  <c r="J2266" i="5" s="1"/>
  <c r="N2266" i="5" s="1"/>
  <c r="L2292" i="2"/>
  <c r="L2266" i="5" s="1"/>
  <c r="M2292" i="2"/>
  <c r="M2266" i="5" s="1"/>
  <c r="I2292" i="2"/>
  <c r="I2266" i="5" s="1"/>
  <c r="K2292" i="2"/>
  <c r="K2266" i="5" s="1"/>
  <c r="O2266" i="5" s="1"/>
  <c r="K1276" i="2"/>
  <c r="K1250" i="5" s="1"/>
  <c r="O1250" i="5" s="1"/>
  <c r="L1276" i="2"/>
  <c r="L1250" i="5" s="1"/>
  <c r="M1276" i="2"/>
  <c r="M1250" i="5" s="1"/>
  <c r="I1276" i="2"/>
  <c r="I1250" i="5" s="1"/>
  <c r="J1276" i="2"/>
  <c r="J1250" i="5" s="1"/>
  <c r="N1250" i="5" s="1"/>
  <c r="J1261" i="2"/>
  <c r="J1235" i="5" s="1"/>
  <c r="N1235" i="5" s="1"/>
  <c r="L1261" i="2"/>
  <c r="L1235" i="5" s="1"/>
  <c r="M1261" i="2"/>
  <c r="M1235" i="5" s="1"/>
  <c r="K1261" i="2"/>
  <c r="K1235" i="5" s="1"/>
  <c r="O1235" i="5" s="1"/>
  <c r="I1261" i="2"/>
  <c r="I1235" i="5" s="1"/>
  <c r="M1719" i="2"/>
  <c r="M1693" i="5" s="1"/>
  <c r="L1719" i="2"/>
  <c r="L1693" i="5" s="1"/>
  <c r="J1719" i="2"/>
  <c r="J1693" i="5" s="1"/>
  <c r="N1693" i="5" s="1"/>
  <c r="I1719" i="2"/>
  <c r="I1693" i="5" s="1"/>
  <c r="K1719" i="2"/>
  <c r="K1693" i="5" s="1"/>
  <c r="O1693" i="5" s="1"/>
  <c r="J1722" i="2"/>
  <c r="J1696" i="5" s="1"/>
  <c r="N1696" i="5" s="1"/>
  <c r="M1722" i="2"/>
  <c r="M1696" i="5" s="1"/>
  <c r="I1722" i="2"/>
  <c r="I1696" i="5" s="1"/>
  <c r="K1722" i="2"/>
  <c r="K1696" i="5" s="1"/>
  <c r="O1696" i="5" s="1"/>
  <c r="L1722" i="2"/>
  <c r="L1696" i="5" s="1"/>
  <c r="L6198" i="2"/>
  <c r="L6172" i="5" s="1"/>
  <c r="I6198" i="2"/>
  <c r="I6172" i="5" s="1"/>
  <c r="K6198" i="2"/>
  <c r="K6172" i="5" s="1"/>
  <c r="O6172" i="5" s="1"/>
  <c r="M6198" i="2"/>
  <c r="M6172" i="5" s="1"/>
  <c r="J6198" i="2"/>
  <c r="J6172" i="5" s="1"/>
  <c r="N6172" i="5" s="1"/>
  <c r="I2663" i="2"/>
  <c r="I2637" i="5" s="1"/>
  <c r="M2663" i="2"/>
  <c r="M2637" i="5" s="1"/>
  <c r="K2663" i="2"/>
  <c r="K2637" i="5" s="1"/>
  <c r="O2637" i="5" s="1"/>
  <c r="L2663" i="2"/>
  <c r="L2637" i="5" s="1"/>
  <c r="J2663" i="2"/>
  <c r="J2637" i="5" s="1"/>
  <c r="N2637" i="5" s="1"/>
  <c r="C117" i="5"/>
  <c r="AR111" i="1"/>
  <c r="M6841" i="2"/>
  <c r="M6815" i="5" s="1"/>
  <c r="J6841" i="2"/>
  <c r="J6815" i="5" s="1"/>
  <c r="N6815" i="5" s="1"/>
  <c r="I6841" i="2"/>
  <c r="I6815" i="5" s="1"/>
  <c r="K6841" i="2"/>
  <c r="K6815" i="5" s="1"/>
  <c r="O6815" i="5" s="1"/>
  <c r="L6841" i="2"/>
  <c r="L6815" i="5" s="1"/>
  <c r="K6827" i="2"/>
  <c r="K6801" i="5" s="1"/>
  <c r="O6801" i="5" s="1"/>
  <c r="M6827" i="2"/>
  <c r="M6801" i="5" s="1"/>
  <c r="L6827" i="2"/>
  <c r="L6801" i="5" s="1"/>
  <c r="I6827" i="2"/>
  <c r="I6801" i="5" s="1"/>
  <c r="J6827" i="2"/>
  <c r="J6801" i="5" s="1"/>
  <c r="N6801" i="5" s="1"/>
  <c r="L3411" i="2"/>
  <c r="L3385" i="5" s="1"/>
  <c r="I3411" i="2"/>
  <c r="I3385" i="5" s="1"/>
  <c r="K3411" i="2"/>
  <c r="K3385" i="5" s="1"/>
  <c r="O3385" i="5" s="1"/>
  <c r="J3411" i="2"/>
  <c r="J3385" i="5" s="1"/>
  <c r="N3385" i="5" s="1"/>
  <c r="M3411" i="2"/>
  <c r="M3385" i="5" s="1"/>
  <c r="M3402" i="2"/>
  <c r="M3376" i="5" s="1"/>
  <c r="J3402" i="2"/>
  <c r="J3376" i="5" s="1"/>
  <c r="N3376" i="5" s="1"/>
  <c r="I3402" i="2"/>
  <c r="I3376" i="5" s="1"/>
  <c r="K3402" i="2"/>
  <c r="K3376" i="5" s="1"/>
  <c r="O3376" i="5" s="1"/>
  <c r="L3402" i="2"/>
  <c r="L3376" i="5" s="1"/>
  <c r="M3151" i="2"/>
  <c r="M3125" i="5" s="1"/>
  <c r="I3151" i="2"/>
  <c r="I3125" i="5" s="1"/>
  <c r="L3151" i="2"/>
  <c r="L3125" i="5" s="1"/>
  <c r="K3151" i="2"/>
  <c r="K3125" i="5" s="1"/>
  <c r="O3125" i="5" s="1"/>
  <c r="J3151" i="2"/>
  <c r="J3125" i="5" s="1"/>
  <c r="N3125" i="5" s="1"/>
  <c r="AR223" i="1"/>
  <c r="C229" i="5"/>
  <c r="M7968" i="2"/>
  <c r="M7942" i="5" s="1"/>
  <c r="J7968" i="2"/>
  <c r="J7942" i="5" s="1"/>
  <c r="N7942" i="5" s="1"/>
  <c r="I7968" i="2"/>
  <c r="I7942" i="5" s="1"/>
  <c r="L7968" i="2"/>
  <c r="L7942" i="5" s="1"/>
  <c r="K7968" i="2"/>
  <c r="K7942" i="5" s="1"/>
  <c r="O7942" i="5" s="1"/>
  <c r="J5833" i="2"/>
  <c r="J5807" i="5" s="1"/>
  <c r="N5807" i="5" s="1"/>
  <c r="L5833" i="2"/>
  <c r="L5807" i="5" s="1"/>
  <c r="M5833" i="2"/>
  <c r="M5807" i="5" s="1"/>
  <c r="I5833" i="2"/>
  <c r="I5807" i="5" s="1"/>
  <c r="K5833" i="2"/>
  <c r="K5807" i="5" s="1"/>
  <c r="O5807" i="5" s="1"/>
  <c r="J3949" i="2"/>
  <c r="J3923" i="5" s="1"/>
  <c r="N3923" i="5" s="1"/>
  <c r="L3949" i="2"/>
  <c r="L3923" i="5" s="1"/>
  <c r="M3949" i="2"/>
  <c r="M3923" i="5" s="1"/>
  <c r="I3949" i="2"/>
  <c r="I3923" i="5" s="1"/>
  <c r="K3949" i="2"/>
  <c r="K3923" i="5" s="1"/>
  <c r="O3923" i="5" s="1"/>
  <c r="I5804" i="2"/>
  <c r="I5778" i="5" s="1"/>
  <c r="K5804" i="2"/>
  <c r="K5778" i="5" s="1"/>
  <c r="O5778" i="5" s="1"/>
  <c r="L5804" i="2"/>
  <c r="L5778" i="5" s="1"/>
  <c r="J5804" i="2"/>
  <c r="J5778" i="5" s="1"/>
  <c r="N5778" i="5" s="1"/>
  <c r="M5804" i="2"/>
  <c r="M5778" i="5" s="1"/>
  <c r="L7619" i="2"/>
  <c r="L7593" i="5" s="1"/>
  <c r="M7619" i="2"/>
  <c r="M7593" i="5" s="1"/>
  <c r="I7619" i="2"/>
  <c r="I7593" i="5" s="1"/>
  <c r="K7619" i="2"/>
  <c r="K7593" i="5" s="1"/>
  <c r="O7593" i="5" s="1"/>
  <c r="J7619" i="2"/>
  <c r="J7593" i="5" s="1"/>
  <c r="N7593" i="5" s="1"/>
  <c r="K2164" i="2"/>
  <c r="K2138" i="5" s="1"/>
  <c r="O2138" i="5" s="1"/>
  <c r="J2164" i="2"/>
  <c r="J2138" i="5" s="1"/>
  <c r="N2138" i="5" s="1"/>
  <c r="L2164" i="2"/>
  <c r="L2138" i="5" s="1"/>
  <c r="M2164" i="2"/>
  <c r="M2138" i="5" s="1"/>
  <c r="I2164" i="2"/>
  <c r="I2138" i="5" s="1"/>
  <c r="J5426" i="2"/>
  <c r="J5400" i="5" s="1"/>
  <c r="N5400" i="5" s="1"/>
  <c r="I5426" i="2"/>
  <c r="I5400" i="5" s="1"/>
  <c r="K5426" i="2"/>
  <c r="K5400" i="5" s="1"/>
  <c r="O5400" i="5" s="1"/>
  <c r="M5426" i="2"/>
  <c r="M5400" i="5" s="1"/>
  <c r="L5426" i="2"/>
  <c r="L5400" i="5" s="1"/>
  <c r="L3328" i="2"/>
  <c r="L3302" i="5" s="1"/>
  <c r="I3328" i="2"/>
  <c r="I3302" i="5" s="1"/>
  <c r="J3328" i="2"/>
  <c r="J3302" i="5" s="1"/>
  <c r="N3302" i="5" s="1"/>
  <c r="M3328" i="2"/>
  <c r="M3302" i="5" s="1"/>
  <c r="K3328" i="2"/>
  <c r="K3302" i="5" s="1"/>
  <c r="O3302" i="5" s="1"/>
  <c r="J8271" i="2"/>
  <c r="J8245" i="5" s="1"/>
  <c r="N8245" i="5" s="1"/>
  <c r="L8271" i="2"/>
  <c r="L8245" i="5" s="1"/>
  <c r="M8271" i="2"/>
  <c r="M8245" i="5" s="1"/>
  <c r="I8271" i="2"/>
  <c r="I8245" i="5" s="1"/>
  <c r="K8271" i="2"/>
  <c r="K8245" i="5" s="1"/>
  <c r="O8245" i="5" s="1"/>
  <c r="J5329" i="2"/>
  <c r="J5303" i="5" s="1"/>
  <c r="N5303" i="5" s="1"/>
  <c r="M5329" i="2"/>
  <c r="M5303" i="5" s="1"/>
  <c r="K5329" i="2"/>
  <c r="K5303" i="5" s="1"/>
  <c r="O5303" i="5" s="1"/>
  <c r="L5329" i="2"/>
  <c r="L5303" i="5" s="1"/>
  <c r="I5329" i="2"/>
  <c r="I5303" i="5" s="1"/>
  <c r="I8652" i="2"/>
  <c r="I8626" i="5" s="1"/>
  <c r="K8652" i="2"/>
  <c r="K8626" i="5" s="1"/>
  <c r="O8626" i="5" s="1"/>
  <c r="J8652" i="2"/>
  <c r="J8626" i="5" s="1"/>
  <c r="N8626" i="5" s="1"/>
  <c r="L8652" i="2"/>
  <c r="L8626" i="5" s="1"/>
  <c r="M8652" i="2"/>
  <c r="M8626" i="5" s="1"/>
  <c r="K4344" i="2"/>
  <c r="K4318" i="5" s="1"/>
  <c r="O4318" i="5" s="1"/>
  <c r="L4344" i="2"/>
  <c r="L4318" i="5" s="1"/>
  <c r="M4344" i="2"/>
  <c r="M4318" i="5" s="1"/>
  <c r="J4344" i="2"/>
  <c r="J4318" i="5" s="1"/>
  <c r="N4318" i="5" s="1"/>
  <c r="I4344" i="2"/>
  <c r="I4318" i="5" s="1"/>
  <c r="J3141" i="2"/>
  <c r="J3115" i="5" s="1"/>
  <c r="N3115" i="5" s="1"/>
  <c r="I3141" i="2"/>
  <c r="I3115" i="5" s="1"/>
  <c r="L3141" i="2"/>
  <c r="L3115" i="5" s="1"/>
  <c r="K3141" i="2"/>
  <c r="K3115" i="5" s="1"/>
  <c r="O3115" i="5" s="1"/>
  <c r="M3141" i="2"/>
  <c r="M3115" i="5" s="1"/>
  <c r="M3145" i="2"/>
  <c r="M3119" i="5" s="1"/>
  <c r="I3145" i="2"/>
  <c r="I3119" i="5" s="1"/>
  <c r="K3145" i="2"/>
  <c r="K3119" i="5" s="1"/>
  <c r="O3119" i="5" s="1"/>
  <c r="J3145" i="2"/>
  <c r="J3119" i="5" s="1"/>
  <c r="N3119" i="5" s="1"/>
  <c r="L3145" i="2"/>
  <c r="L3119" i="5" s="1"/>
  <c r="J1977" i="2"/>
  <c r="J1951" i="5" s="1"/>
  <c r="N1951" i="5" s="1"/>
  <c r="I1977" i="2"/>
  <c r="I1951" i="5" s="1"/>
  <c r="K1977" i="2"/>
  <c r="K1951" i="5" s="1"/>
  <c r="O1951" i="5" s="1"/>
  <c r="L1977" i="2"/>
  <c r="L1951" i="5" s="1"/>
  <c r="M1977" i="2"/>
  <c r="M1951" i="5" s="1"/>
  <c r="M8109" i="2"/>
  <c r="M8083" i="5" s="1"/>
  <c r="L8109" i="2"/>
  <c r="L8083" i="5" s="1"/>
  <c r="I8109" i="2"/>
  <c r="I8083" i="5" s="1"/>
  <c r="K8109" i="2"/>
  <c r="K8083" i="5" s="1"/>
  <c r="O8083" i="5" s="1"/>
  <c r="J8109" i="2"/>
  <c r="J8083" i="5" s="1"/>
  <c r="N8083" i="5" s="1"/>
  <c r="L5358" i="2"/>
  <c r="L5332" i="5" s="1"/>
  <c r="M5358" i="2"/>
  <c r="M5332" i="5" s="1"/>
  <c r="J5358" i="2"/>
  <c r="J5332" i="5" s="1"/>
  <c r="N5332" i="5" s="1"/>
  <c r="I5358" i="2"/>
  <c r="I5332" i="5" s="1"/>
  <c r="K5358" i="2"/>
  <c r="K5332" i="5" s="1"/>
  <c r="O5332" i="5" s="1"/>
  <c r="J5344" i="2"/>
  <c r="J5318" i="5" s="1"/>
  <c r="N5318" i="5" s="1"/>
  <c r="M5344" i="2"/>
  <c r="M5318" i="5" s="1"/>
  <c r="L5344" i="2"/>
  <c r="L5318" i="5" s="1"/>
  <c r="I5344" i="2"/>
  <c r="I5318" i="5" s="1"/>
  <c r="K5344" i="2"/>
  <c r="K5318" i="5" s="1"/>
  <c r="O5318" i="5" s="1"/>
  <c r="M5987" i="2"/>
  <c r="M5961" i="5" s="1"/>
  <c r="L5987" i="2"/>
  <c r="L5961" i="5" s="1"/>
  <c r="I5987" i="2"/>
  <c r="I5961" i="5" s="1"/>
  <c r="K5987" i="2"/>
  <c r="K5961" i="5" s="1"/>
  <c r="O5961" i="5" s="1"/>
  <c r="J5987" i="2"/>
  <c r="J5961" i="5" s="1"/>
  <c r="N5961" i="5" s="1"/>
  <c r="J5990" i="2"/>
  <c r="J5964" i="5" s="1"/>
  <c r="N5964" i="5" s="1"/>
  <c r="M5990" i="2"/>
  <c r="M5964" i="5" s="1"/>
  <c r="L5990" i="2"/>
  <c r="L5964" i="5" s="1"/>
  <c r="I5990" i="2"/>
  <c r="I5964" i="5" s="1"/>
  <c r="K5990" i="2"/>
  <c r="K5964" i="5" s="1"/>
  <c r="O5964" i="5" s="1"/>
  <c r="L1996" i="2"/>
  <c r="L1970" i="5" s="1"/>
  <c r="M1996" i="2"/>
  <c r="M1970" i="5" s="1"/>
  <c r="I1996" i="2"/>
  <c r="I1970" i="5" s="1"/>
  <c r="K1996" i="2"/>
  <c r="K1970" i="5" s="1"/>
  <c r="O1970" i="5" s="1"/>
  <c r="J1996" i="2"/>
  <c r="J1970" i="5" s="1"/>
  <c r="N1970" i="5" s="1"/>
  <c r="C89" i="5"/>
  <c r="AR83" i="1"/>
  <c r="K395" i="2"/>
  <c r="K369" i="5" s="1"/>
  <c r="O369" i="5" s="1"/>
  <c r="I395" i="2"/>
  <c r="I369" i="5" s="1"/>
  <c r="M395" i="2"/>
  <c r="M369" i="5" s="1"/>
  <c r="L395" i="2"/>
  <c r="L369" i="5" s="1"/>
  <c r="J395" i="2"/>
  <c r="J369" i="5" s="1"/>
  <c r="N369" i="5" s="1"/>
  <c r="M3080" i="2"/>
  <c r="M3054" i="5" s="1"/>
  <c r="J3080" i="2"/>
  <c r="J3054" i="5" s="1"/>
  <c r="N3054" i="5" s="1"/>
  <c r="L3080" i="2"/>
  <c r="L3054" i="5" s="1"/>
  <c r="I3080" i="2"/>
  <c r="I3054" i="5" s="1"/>
  <c r="K3080" i="2"/>
  <c r="K3054" i="5" s="1"/>
  <c r="O3054" i="5" s="1"/>
  <c r="K552" i="2"/>
  <c r="K526" i="5" s="1"/>
  <c r="O526" i="5" s="1"/>
  <c r="J552" i="2"/>
  <c r="J526" i="5" s="1"/>
  <c r="N526" i="5" s="1"/>
  <c r="M552" i="2"/>
  <c r="M526" i="5" s="1"/>
  <c r="L552" i="2"/>
  <c r="L526" i="5" s="1"/>
  <c r="I552" i="2"/>
  <c r="I526" i="5" s="1"/>
  <c r="K549" i="2"/>
  <c r="K523" i="5" s="1"/>
  <c r="O523" i="5" s="1"/>
  <c r="I549" i="2"/>
  <c r="I523" i="5" s="1"/>
  <c r="M549" i="2"/>
  <c r="M523" i="5" s="1"/>
  <c r="L549" i="2"/>
  <c r="L523" i="5" s="1"/>
  <c r="J549" i="2"/>
  <c r="J523" i="5" s="1"/>
  <c r="N523" i="5" s="1"/>
  <c r="K6617" i="2"/>
  <c r="K6591" i="5" s="1"/>
  <c r="O6591" i="5" s="1"/>
  <c r="J6617" i="2"/>
  <c r="J6591" i="5" s="1"/>
  <c r="N6591" i="5" s="1"/>
  <c r="L6617" i="2"/>
  <c r="L6591" i="5" s="1"/>
  <c r="M6617" i="2"/>
  <c r="M6591" i="5" s="1"/>
  <c r="I6617" i="2"/>
  <c r="I6591" i="5" s="1"/>
  <c r="J1115" i="2"/>
  <c r="J1089" i="5" s="1"/>
  <c r="N1089" i="5" s="1"/>
  <c r="M1115" i="2"/>
  <c r="M1089" i="5" s="1"/>
  <c r="I1115" i="2"/>
  <c r="I1089" i="5" s="1"/>
  <c r="L1115" i="2"/>
  <c r="L1089" i="5" s="1"/>
  <c r="K1115" i="2"/>
  <c r="K1089" i="5" s="1"/>
  <c r="O1089" i="5" s="1"/>
  <c r="I7322" i="2"/>
  <c r="I7296" i="5" s="1"/>
  <c r="L7322" i="2"/>
  <c r="L7296" i="5" s="1"/>
  <c r="K7322" i="2"/>
  <c r="K7296" i="5" s="1"/>
  <c r="O7296" i="5" s="1"/>
  <c r="M7322" i="2"/>
  <c r="M7296" i="5" s="1"/>
  <c r="J7322" i="2"/>
  <c r="J7296" i="5" s="1"/>
  <c r="N7296" i="5" s="1"/>
  <c r="I7977" i="2"/>
  <c r="I7951" i="5" s="1"/>
  <c r="K7977" i="2"/>
  <c r="K7951" i="5" s="1"/>
  <c r="O7951" i="5" s="1"/>
  <c r="J7977" i="2"/>
  <c r="J7951" i="5" s="1"/>
  <c r="N7951" i="5" s="1"/>
  <c r="L7977" i="2"/>
  <c r="L7951" i="5" s="1"/>
  <c r="M7977" i="2"/>
  <c r="M7951" i="5" s="1"/>
  <c r="L3271" i="2"/>
  <c r="L3245" i="5" s="1"/>
  <c r="I3271" i="2"/>
  <c r="I3245" i="5" s="1"/>
  <c r="M3271" i="2"/>
  <c r="M3245" i="5" s="1"/>
  <c r="K3271" i="2"/>
  <c r="K3245" i="5" s="1"/>
  <c r="O3245" i="5" s="1"/>
  <c r="J3271" i="2"/>
  <c r="J3245" i="5" s="1"/>
  <c r="N3245" i="5" s="1"/>
  <c r="K3270" i="2"/>
  <c r="K3244" i="5" s="1"/>
  <c r="O3244" i="5" s="1"/>
  <c r="M3270" i="2"/>
  <c r="M3244" i="5" s="1"/>
  <c r="J3270" i="2"/>
  <c r="J3244" i="5" s="1"/>
  <c r="N3244" i="5" s="1"/>
  <c r="L3270" i="2"/>
  <c r="L3244" i="5" s="1"/>
  <c r="I3270" i="2"/>
  <c r="I3244" i="5" s="1"/>
  <c r="M5016" i="2"/>
  <c r="M4990" i="5" s="1"/>
  <c r="L5016" i="2"/>
  <c r="L4990" i="5" s="1"/>
  <c r="I5016" i="2"/>
  <c r="I4990" i="5" s="1"/>
  <c r="K5016" i="2"/>
  <c r="K4990" i="5" s="1"/>
  <c r="O4990" i="5" s="1"/>
  <c r="J5016" i="2"/>
  <c r="J4990" i="5" s="1"/>
  <c r="N4990" i="5" s="1"/>
  <c r="J5004" i="2"/>
  <c r="J4978" i="5" s="1"/>
  <c r="N4978" i="5" s="1"/>
  <c r="M5004" i="2"/>
  <c r="M4978" i="5" s="1"/>
  <c r="L5004" i="2"/>
  <c r="L4978" i="5" s="1"/>
  <c r="I5004" i="2"/>
  <c r="I4978" i="5" s="1"/>
  <c r="K5004" i="2"/>
  <c r="K4978" i="5" s="1"/>
  <c r="O4978" i="5" s="1"/>
  <c r="J1089" i="2"/>
  <c r="J1063" i="5" s="1"/>
  <c r="N1063" i="5" s="1"/>
  <c r="M1089" i="2"/>
  <c r="M1063" i="5" s="1"/>
  <c r="I1089" i="2"/>
  <c r="I1063" i="5" s="1"/>
  <c r="L1089" i="2"/>
  <c r="L1063" i="5" s="1"/>
  <c r="K1089" i="2"/>
  <c r="K1063" i="5" s="1"/>
  <c r="O1063" i="5" s="1"/>
  <c r="K4005" i="2"/>
  <c r="K3979" i="5" s="1"/>
  <c r="O3979" i="5" s="1"/>
  <c r="L4005" i="2"/>
  <c r="L3979" i="5" s="1"/>
  <c r="M4005" i="2"/>
  <c r="M3979" i="5" s="1"/>
  <c r="J4005" i="2"/>
  <c r="J3979" i="5" s="1"/>
  <c r="N3979" i="5" s="1"/>
  <c r="I4005" i="2"/>
  <c r="I3979" i="5" s="1"/>
  <c r="M1310" i="2"/>
  <c r="M1284" i="5" s="1"/>
  <c r="L1310" i="2"/>
  <c r="L1284" i="5" s="1"/>
  <c r="I1310" i="2"/>
  <c r="I1284" i="5" s="1"/>
  <c r="K1310" i="2"/>
  <c r="K1284" i="5" s="1"/>
  <c r="O1284" i="5" s="1"/>
  <c r="J1310" i="2"/>
  <c r="J1284" i="5" s="1"/>
  <c r="N1284" i="5" s="1"/>
  <c r="M4312" i="2"/>
  <c r="M4286" i="5" s="1"/>
  <c r="L4312" i="2"/>
  <c r="L4286" i="5" s="1"/>
  <c r="I4312" i="2"/>
  <c r="I4286" i="5" s="1"/>
  <c r="K4312" i="2"/>
  <c r="K4286" i="5" s="1"/>
  <c r="O4286" i="5" s="1"/>
  <c r="J4312" i="2"/>
  <c r="J4286" i="5" s="1"/>
  <c r="N4286" i="5" s="1"/>
  <c r="J4307" i="2"/>
  <c r="J4281" i="5" s="1"/>
  <c r="N4281" i="5" s="1"/>
  <c r="L4307" i="2"/>
  <c r="L4281" i="5" s="1"/>
  <c r="M4307" i="2"/>
  <c r="M4281" i="5" s="1"/>
  <c r="I4307" i="2"/>
  <c r="I4281" i="5" s="1"/>
  <c r="K4307" i="2"/>
  <c r="K4281" i="5" s="1"/>
  <c r="O4281" i="5" s="1"/>
  <c r="K3318" i="2"/>
  <c r="K3292" i="5" s="1"/>
  <c r="O3292" i="5" s="1"/>
  <c r="J3318" i="2"/>
  <c r="J3292" i="5" s="1"/>
  <c r="N3292" i="5" s="1"/>
  <c r="M3318" i="2"/>
  <c r="M3292" i="5" s="1"/>
  <c r="L3318" i="2"/>
  <c r="L3292" i="5" s="1"/>
  <c r="I3318" i="2"/>
  <c r="I3292" i="5" s="1"/>
  <c r="L4116" i="2"/>
  <c r="L4090" i="5" s="1"/>
  <c r="M4116" i="2"/>
  <c r="M4090" i="5" s="1"/>
  <c r="I4116" i="2"/>
  <c r="I4090" i="5" s="1"/>
  <c r="K4116" i="2"/>
  <c r="K4090" i="5" s="1"/>
  <c r="O4090" i="5" s="1"/>
  <c r="J4116" i="2"/>
  <c r="J4090" i="5" s="1"/>
  <c r="N4090" i="5" s="1"/>
  <c r="K7473" i="2"/>
  <c r="K7447" i="5" s="1"/>
  <c r="O7447" i="5" s="1"/>
  <c r="L7473" i="2"/>
  <c r="L7447" i="5" s="1"/>
  <c r="J7473" i="2"/>
  <c r="J7447" i="5" s="1"/>
  <c r="N7447" i="5" s="1"/>
  <c r="M7473" i="2"/>
  <c r="M7447" i="5" s="1"/>
  <c r="I7473" i="2"/>
  <c r="I7447" i="5" s="1"/>
  <c r="C317" i="5"/>
  <c r="AR311" i="1"/>
  <c r="L4992" i="2"/>
  <c r="L4966" i="5" s="1"/>
  <c r="J4992" i="2"/>
  <c r="J4966" i="5" s="1"/>
  <c r="N4966" i="5" s="1"/>
  <c r="M4992" i="2"/>
  <c r="M4966" i="5" s="1"/>
  <c r="I4992" i="2"/>
  <c r="I4966" i="5" s="1"/>
  <c r="K4992" i="2"/>
  <c r="K4966" i="5" s="1"/>
  <c r="O4966" i="5" s="1"/>
  <c r="J4996" i="2"/>
  <c r="J4970" i="5" s="1"/>
  <c r="N4970" i="5" s="1"/>
  <c r="L4996" i="2"/>
  <c r="L4970" i="5" s="1"/>
  <c r="M4996" i="2"/>
  <c r="M4970" i="5" s="1"/>
  <c r="I4996" i="2"/>
  <c r="I4970" i="5" s="1"/>
  <c r="K4996" i="2"/>
  <c r="K4970" i="5" s="1"/>
  <c r="O4970" i="5" s="1"/>
  <c r="I8352" i="2"/>
  <c r="I8326" i="5" s="1"/>
  <c r="K8352" i="2"/>
  <c r="K8326" i="5" s="1"/>
  <c r="O8326" i="5" s="1"/>
  <c r="J8352" i="2"/>
  <c r="J8326" i="5" s="1"/>
  <c r="N8326" i="5" s="1"/>
  <c r="L8352" i="2"/>
  <c r="L8326" i="5" s="1"/>
  <c r="M8352" i="2"/>
  <c r="M8326" i="5" s="1"/>
  <c r="J8776" i="2"/>
  <c r="J8750" i="5" s="1"/>
  <c r="N8750" i="5" s="1"/>
  <c r="M8776" i="2"/>
  <c r="M8750" i="5" s="1"/>
  <c r="I8776" i="2"/>
  <c r="I8750" i="5" s="1"/>
  <c r="L8776" i="2"/>
  <c r="L8750" i="5" s="1"/>
  <c r="K8776" i="2"/>
  <c r="K8750" i="5" s="1"/>
  <c r="O8750" i="5" s="1"/>
  <c r="L3941" i="2"/>
  <c r="L3915" i="5" s="1"/>
  <c r="M3941" i="2"/>
  <c r="M3915" i="5" s="1"/>
  <c r="J3941" i="2"/>
  <c r="J3915" i="5" s="1"/>
  <c r="N3915" i="5" s="1"/>
  <c r="I3941" i="2"/>
  <c r="I3915" i="5" s="1"/>
  <c r="K3941" i="2"/>
  <c r="K3915" i="5" s="1"/>
  <c r="O3915" i="5" s="1"/>
  <c r="K8048" i="2"/>
  <c r="K8022" i="5" s="1"/>
  <c r="O8022" i="5" s="1"/>
  <c r="J8048" i="2"/>
  <c r="J8022" i="5" s="1"/>
  <c r="N8022" i="5" s="1"/>
  <c r="L8048" i="2"/>
  <c r="L8022" i="5" s="1"/>
  <c r="M8048" i="2"/>
  <c r="M8022" i="5" s="1"/>
  <c r="I8048" i="2"/>
  <c r="I8022" i="5" s="1"/>
  <c r="M7023" i="2"/>
  <c r="M6997" i="5" s="1"/>
  <c r="I7023" i="2"/>
  <c r="I6997" i="5" s="1"/>
  <c r="L7023" i="2"/>
  <c r="L6997" i="5" s="1"/>
  <c r="K7023" i="2"/>
  <c r="K6997" i="5" s="1"/>
  <c r="O6997" i="5" s="1"/>
  <c r="J7023" i="2"/>
  <c r="J6997" i="5" s="1"/>
  <c r="N6997" i="5" s="1"/>
  <c r="J7037" i="2"/>
  <c r="J7011" i="5" s="1"/>
  <c r="N7011" i="5" s="1"/>
  <c r="M7037" i="2"/>
  <c r="M7011" i="5" s="1"/>
  <c r="L7037" i="2"/>
  <c r="L7011" i="5" s="1"/>
  <c r="I7037" i="2"/>
  <c r="I7011" i="5" s="1"/>
  <c r="K7037" i="2"/>
  <c r="K7011" i="5" s="1"/>
  <c r="O7011" i="5" s="1"/>
  <c r="L3583" i="2"/>
  <c r="L3557" i="5" s="1"/>
  <c r="M3583" i="2"/>
  <c r="M3557" i="5" s="1"/>
  <c r="K3583" i="2"/>
  <c r="K3557" i="5" s="1"/>
  <c r="O3557" i="5" s="1"/>
  <c r="J3583" i="2"/>
  <c r="J3557" i="5" s="1"/>
  <c r="N3557" i="5" s="1"/>
  <c r="I3583" i="2"/>
  <c r="I3557" i="5" s="1"/>
  <c r="M1425" i="2"/>
  <c r="M1399" i="5" s="1"/>
  <c r="L1425" i="2"/>
  <c r="L1399" i="5" s="1"/>
  <c r="J1425" i="2"/>
  <c r="J1399" i="5" s="1"/>
  <c r="N1399" i="5" s="1"/>
  <c r="I1425" i="2"/>
  <c r="I1399" i="5" s="1"/>
  <c r="K1425" i="2"/>
  <c r="K1399" i="5" s="1"/>
  <c r="O1399" i="5" s="1"/>
  <c r="I4574" i="2"/>
  <c r="I4548" i="5" s="1"/>
  <c r="M4574" i="2"/>
  <c r="M4548" i="5" s="1"/>
  <c r="L4574" i="2"/>
  <c r="L4548" i="5" s="1"/>
  <c r="K4574" i="2"/>
  <c r="K4548" i="5" s="1"/>
  <c r="O4548" i="5" s="1"/>
  <c r="J4574" i="2"/>
  <c r="J4548" i="5" s="1"/>
  <c r="N4548" i="5" s="1"/>
  <c r="M635" i="2"/>
  <c r="M609" i="5" s="1"/>
  <c r="J635" i="2"/>
  <c r="J609" i="5" s="1"/>
  <c r="N609" i="5" s="1"/>
  <c r="I635" i="2"/>
  <c r="I609" i="5" s="1"/>
  <c r="L635" i="2"/>
  <c r="L609" i="5" s="1"/>
  <c r="K635" i="2"/>
  <c r="K609" i="5" s="1"/>
  <c r="O609" i="5" s="1"/>
  <c r="J649" i="2"/>
  <c r="J623" i="5" s="1"/>
  <c r="N623" i="5" s="1"/>
  <c r="M649" i="2"/>
  <c r="M623" i="5" s="1"/>
  <c r="L649" i="2"/>
  <c r="L623" i="5" s="1"/>
  <c r="I649" i="2"/>
  <c r="I623" i="5" s="1"/>
  <c r="K649" i="2"/>
  <c r="K623" i="5" s="1"/>
  <c r="O623" i="5" s="1"/>
  <c r="I7505" i="2"/>
  <c r="I7479" i="5" s="1"/>
  <c r="J7505" i="2"/>
  <c r="J7479" i="5" s="1"/>
  <c r="N7479" i="5" s="1"/>
  <c r="M7505" i="2"/>
  <c r="M7479" i="5" s="1"/>
  <c r="K7505" i="2"/>
  <c r="K7479" i="5" s="1"/>
  <c r="O7479" i="5" s="1"/>
  <c r="L7505" i="2"/>
  <c r="L7479" i="5" s="1"/>
  <c r="M5673" i="2"/>
  <c r="M5647" i="5" s="1"/>
  <c r="L5673" i="2"/>
  <c r="L5647" i="5" s="1"/>
  <c r="I5673" i="2"/>
  <c r="I5647" i="5" s="1"/>
  <c r="K5673" i="2"/>
  <c r="K5647" i="5" s="1"/>
  <c r="O5647" i="5" s="1"/>
  <c r="J5673" i="2"/>
  <c r="J5647" i="5" s="1"/>
  <c r="N5647" i="5" s="1"/>
  <c r="I5826" i="2"/>
  <c r="I5800" i="5" s="1"/>
  <c r="J5826" i="2"/>
  <c r="J5800" i="5" s="1"/>
  <c r="N5800" i="5" s="1"/>
  <c r="M5826" i="2"/>
  <c r="M5800" i="5" s="1"/>
  <c r="K5826" i="2"/>
  <c r="K5800" i="5" s="1"/>
  <c r="O5800" i="5" s="1"/>
  <c r="L5826" i="2"/>
  <c r="L5800" i="5" s="1"/>
  <c r="M6962" i="2"/>
  <c r="M6936" i="5" s="1"/>
  <c r="J6962" i="2"/>
  <c r="J6936" i="5" s="1"/>
  <c r="N6936" i="5" s="1"/>
  <c r="I6962" i="2"/>
  <c r="I6936" i="5" s="1"/>
  <c r="L6962" i="2"/>
  <c r="L6936" i="5" s="1"/>
  <c r="K6962" i="2"/>
  <c r="K6936" i="5" s="1"/>
  <c r="O6936" i="5" s="1"/>
  <c r="J1613" i="2"/>
  <c r="J1587" i="5" s="1"/>
  <c r="N1587" i="5" s="1"/>
  <c r="M1613" i="2"/>
  <c r="M1587" i="5" s="1"/>
  <c r="L1613" i="2"/>
  <c r="L1587" i="5" s="1"/>
  <c r="I1613" i="2"/>
  <c r="I1587" i="5" s="1"/>
  <c r="K1613" i="2"/>
  <c r="K1587" i="5" s="1"/>
  <c r="O1587" i="5" s="1"/>
  <c r="J7776" i="2"/>
  <c r="J7750" i="5" s="1"/>
  <c r="N7750" i="5" s="1"/>
  <c r="I7776" i="2"/>
  <c r="I7750" i="5" s="1"/>
  <c r="M7776" i="2"/>
  <c r="M7750" i="5" s="1"/>
  <c r="L7776" i="2"/>
  <c r="L7750" i="5" s="1"/>
  <c r="K7776" i="2"/>
  <c r="K7750" i="5" s="1"/>
  <c r="O7750" i="5" s="1"/>
  <c r="C330" i="5"/>
  <c r="AR324" i="1"/>
  <c r="J3840" i="2"/>
  <c r="J3814" i="5" s="1"/>
  <c r="N3814" i="5" s="1"/>
  <c r="L3840" i="2"/>
  <c r="L3814" i="5" s="1"/>
  <c r="I3840" i="2"/>
  <c r="I3814" i="5" s="1"/>
  <c r="M3840" i="2"/>
  <c r="M3814" i="5" s="1"/>
  <c r="K3840" i="2"/>
  <c r="K3814" i="5" s="1"/>
  <c r="O3814" i="5" s="1"/>
  <c r="M5085" i="2"/>
  <c r="M5059" i="5" s="1"/>
  <c r="J5085" i="2"/>
  <c r="J5059" i="5" s="1"/>
  <c r="N5059" i="5" s="1"/>
  <c r="L5085" i="2"/>
  <c r="L5059" i="5" s="1"/>
  <c r="I5085" i="2"/>
  <c r="I5059" i="5" s="1"/>
  <c r="K5085" i="2"/>
  <c r="K5059" i="5" s="1"/>
  <c r="O5059" i="5" s="1"/>
  <c r="K6985" i="2"/>
  <c r="K6959" i="5" s="1"/>
  <c r="O6959" i="5" s="1"/>
  <c r="M6985" i="2"/>
  <c r="M6959" i="5" s="1"/>
  <c r="L6985" i="2"/>
  <c r="L6959" i="5" s="1"/>
  <c r="J6985" i="2"/>
  <c r="J6959" i="5" s="1"/>
  <c r="N6959" i="5" s="1"/>
  <c r="I6985" i="2"/>
  <c r="I6959" i="5" s="1"/>
  <c r="J6118" i="2"/>
  <c r="J6092" i="5" s="1"/>
  <c r="N6092" i="5" s="1"/>
  <c r="I6118" i="2"/>
  <c r="I6092" i="5" s="1"/>
  <c r="L6118" i="2"/>
  <c r="L6092" i="5" s="1"/>
  <c r="M6118" i="2"/>
  <c r="M6092" i="5" s="1"/>
  <c r="K6118" i="2"/>
  <c r="K6092" i="5" s="1"/>
  <c r="O6092" i="5" s="1"/>
  <c r="J6129" i="2"/>
  <c r="J6103" i="5" s="1"/>
  <c r="N6103" i="5" s="1"/>
  <c r="M6129" i="2"/>
  <c r="M6103" i="5" s="1"/>
  <c r="I6129" i="2"/>
  <c r="I6103" i="5" s="1"/>
  <c r="K6129" i="2"/>
  <c r="K6103" i="5" s="1"/>
  <c r="O6103" i="5" s="1"/>
  <c r="L6129" i="2"/>
  <c r="L6103" i="5" s="1"/>
  <c r="K8687" i="2"/>
  <c r="K8661" i="5" s="1"/>
  <c r="O8661" i="5" s="1"/>
  <c r="L8687" i="2"/>
  <c r="L8661" i="5" s="1"/>
  <c r="I8687" i="2"/>
  <c r="I8661" i="5" s="1"/>
  <c r="J8687" i="2"/>
  <c r="J8661" i="5" s="1"/>
  <c r="N8661" i="5" s="1"/>
  <c r="M8687" i="2"/>
  <c r="M8661" i="5" s="1"/>
  <c r="L4150" i="2"/>
  <c r="L4124" i="5" s="1"/>
  <c r="I4150" i="2"/>
  <c r="I4124" i="5" s="1"/>
  <c r="K4150" i="2"/>
  <c r="K4124" i="5" s="1"/>
  <c r="O4124" i="5" s="1"/>
  <c r="J4150" i="2"/>
  <c r="J4124" i="5" s="1"/>
  <c r="N4124" i="5" s="1"/>
  <c r="M4150" i="2"/>
  <c r="M4124" i="5" s="1"/>
  <c r="J3947" i="2"/>
  <c r="J3921" i="5" s="1"/>
  <c r="N3921" i="5" s="1"/>
  <c r="I3947" i="2"/>
  <c r="I3921" i="5" s="1"/>
  <c r="K3947" i="2"/>
  <c r="K3921" i="5" s="1"/>
  <c r="O3921" i="5" s="1"/>
  <c r="L3947" i="2"/>
  <c r="L3921" i="5" s="1"/>
  <c r="M3947" i="2"/>
  <c r="M3921" i="5" s="1"/>
  <c r="J3961" i="2"/>
  <c r="J3935" i="5" s="1"/>
  <c r="N3935" i="5" s="1"/>
  <c r="L3961" i="2"/>
  <c r="L3935" i="5" s="1"/>
  <c r="M3961" i="2"/>
  <c r="M3935" i="5" s="1"/>
  <c r="I3961" i="2"/>
  <c r="I3935" i="5" s="1"/>
  <c r="K3961" i="2"/>
  <c r="K3935" i="5" s="1"/>
  <c r="O3935" i="5" s="1"/>
  <c r="M7157" i="2"/>
  <c r="M7131" i="5" s="1"/>
  <c r="J7157" i="2"/>
  <c r="J7131" i="5" s="1"/>
  <c r="N7131" i="5" s="1"/>
  <c r="L7157" i="2"/>
  <c r="L7131" i="5" s="1"/>
  <c r="I7157" i="2"/>
  <c r="I7131" i="5" s="1"/>
  <c r="K7157" i="2"/>
  <c r="K7131" i="5" s="1"/>
  <c r="O7131" i="5" s="1"/>
  <c r="C304" i="5"/>
  <c r="AR298" i="1"/>
  <c r="L4443" i="2"/>
  <c r="L4417" i="5" s="1"/>
  <c r="I4443" i="2"/>
  <c r="I4417" i="5" s="1"/>
  <c r="K4443" i="2"/>
  <c r="K4417" i="5" s="1"/>
  <c r="O4417" i="5" s="1"/>
  <c r="J4443" i="2"/>
  <c r="J4417" i="5" s="1"/>
  <c r="N4417" i="5" s="1"/>
  <c r="M4443" i="2"/>
  <c r="M4417" i="5" s="1"/>
  <c r="K760" i="2"/>
  <c r="K734" i="5" s="1"/>
  <c r="O734" i="5" s="1"/>
  <c r="J760" i="2"/>
  <c r="J734" i="5" s="1"/>
  <c r="N734" i="5" s="1"/>
  <c r="L760" i="2"/>
  <c r="L734" i="5" s="1"/>
  <c r="M760" i="2"/>
  <c r="M734" i="5" s="1"/>
  <c r="I760" i="2"/>
  <c r="I734" i="5" s="1"/>
  <c r="L3474" i="2"/>
  <c r="L3448" i="5" s="1"/>
  <c r="M3474" i="2"/>
  <c r="M3448" i="5" s="1"/>
  <c r="I3474" i="2"/>
  <c r="I3448" i="5" s="1"/>
  <c r="K3474" i="2"/>
  <c r="K3448" i="5" s="1"/>
  <c r="O3448" i="5" s="1"/>
  <c r="J3474" i="2"/>
  <c r="J3448" i="5" s="1"/>
  <c r="N3448" i="5" s="1"/>
  <c r="M2117" i="2"/>
  <c r="M2091" i="5" s="1"/>
  <c r="L2117" i="2"/>
  <c r="L2091" i="5" s="1"/>
  <c r="I2117" i="2"/>
  <c r="I2091" i="5" s="1"/>
  <c r="K2117" i="2"/>
  <c r="K2091" i="5" s="1"/>
  <c r="O2091" i="5" s="1"/>
  <c r="J2117" i="2"/>
  <c r="J2091" i="5" s="1"/>
  <c r="N2091" i="5" s="1"/>
  <c r="K2118" i="2"/>
  <c r="K2092" i="5" s="1"/>
  <c r="O2092" i="5" s="1"/>
  <c r="L2118" i="2"/>
  <c r="L2092" i="5" s="1"/>
  <c r="M2118" i="2"/>
  <c r="M2092" i="5" s="1"/>
  <c r="I2118" i="2"/>
  <c r="I2092" i="5" s="1"/>
  <c r="J2118" i="2"/>
  <c r="J2092" i="5" s="1"/>
  <c r="N2092" i="5" s="1"/>
  <c r="M5446" i="2"/>
  <c r="M5420" i="5" s="1"/>
  <c r="K5446" i="2"/>
  <c r="K5420" i="5" s="1"/>
  <c r="O5420" i="5" s="1"/>
  <c r="L5446" i="2"/>
  <c r="L5420" i="5" s="1"/>
  <c r="J5446" i="2"/>
  <c r="J5420" i="5" s="1"/>
  <c r="N5420" i="5" s="1"/>
  <c r="I5446" i="2"/>
  <c r="I5420" i="5" s="1"/>
  <c r="J1491" i="2"/>
  <c r="J1465" i="5" s="1"/>
  <c r="N1465" i="5" s="1"/>
  <c r="M1491" i="2"/>
  <c r="M1465" i="5" s="1"/>
  <c r="I1491" i="2"/>
  <c r="I1465" i="5" s="1"/>
  <c r="L1491" i="2"/>
  <c r="L1465" i="5" s="1"/>
  <c r="K1491" i="2"/>
  <c r="K1465" i="5" s="1"/>
  <c r="O1465" i="5" s="1"/>
  <c r="J8523" i="2"/>
  <c r="J8497" i="5" s="1"/>
  <c r="N8497" i="5" s="1"/>
  <c r="L8523" i="2"/>
  <c r="L8497" i="5" s="1"/>
  <c r="I8523" i="2"/>
  <c r="I8497" i="5" s="1"/>
  <c r="K8523" i="2"/>
  <c r="K8497" i="5" s="1"/>
  <c r="O8497" i="5" s="1"/>
  <c r="M8523" i="2"/>
  <c r="M8497" i="5" s="1"/>
  <c r="K5812" i="2"/>
  <c r="K5786" i="5" s="1"/>
  <c r="O5786" i="5" s="1"/>
  <c r="J5812" i="2"/>
  <c r="J5786" i="5" s="1"/>
  <c r="N5786" i="5" s="1"/>
  <c r="M5812" i="2"/>
  <c r="M5786" i="5" s="1"/>
  <c r="L5812" i="2"/>
  <c r="L5786" i="5" s="1"/>
  <c r="I5812" i="2"/>
  <c r="I5786" i="5" s="1"/>
  <c r="M73" i="2"/>
  <c r="M47" i="5" s="1"/>
  <c r="L73" i="2"/>
  <c r="L47" i="5" s="1"/>
  <c r="I73" i="2"/>
  <c r="I47" i="5" s="1"/>
  <c r="J73" i="2"/>
  <c r="J47" i="5" s="1"/>
  <c r="N47" i="5" s="1"/>
  <c r="K73" i="2"/>
  <c r="K47" i="5" s="1"/>
  <c r="O47" i="5" s="1"/>
  <c r="I2780" i="2"/>
  <c r="I2754" i="5" s="1"/>
  <c r="K2780" i="2"/>
  <c r="K2754" i="5" s="1"/>
  <c r="O2754" i="5" s="1"/>
  <c r="L2780" i="2"/>
  <c r="L2754" i="5" s="1"/>
  <c r="M2780" i="2"/>
  <c r="M2754" i="5" s="1"/>
  <c r="J2780" i="2"/>
  <c r="J2754" i="5" s="1"/>
  <c r="N2754" i="5" s="1"/>
  <c r="M1471" i="2"/>
  <c r="M1445" i="5" s="1"/>
  <c r="L1471" i="2"/>
  <c r="L1445" i="5" s="1"/>
  <c r="I1471" i="2"/>
  <c r="I1445" i="5" s="1"/>
  <c r="K1471" i="2"/>
  <c r="K1445" i="5" s="1"/>
  <c r="O1445" i="5" s="1"/>
  <c r="J1471" i="2"/>
  <c r="J1445" i="5" s="1"/>
  <c r="N1445" i="5" s="1"/>
  <c r="K8300" i="2"/>
  <c r="K8274" i="5" s="1"/>
  <c r="O8274" i="5" s="1"/>
  <c r="J8300" i="2"/>
  <c r="J8274" i="5" s="1"/>
  <c r="N8274" i="5" s="1"/>
  <c r="L8300" i="2"/>
  <c r="L8274" i="5" s="1"/>
  <c r="I8300" i="2"/>
  <c r="I8274" i="5" s="1"/>
  <c r="M8300" i="2"/>
  <c r="M8274" i="5" s="1"/>
  <c r="J1224" i="2"/>
  <c r="J1198" i="5" s="1"/>
  <c r="N1198" i="5" s="1"/>
  <c r="L1224" i="2"/>
  <c r="L1198" i="5" s="1"/>
  <c r="M1224" i="2"/>
  <c r="M1198" i="5" s="1"/>
  <c r="I1224" i="2"/>
  <c r="I1198" i="5" s="1"/>
  <c r="K1224" i="2"/>
  <c r="K1198" i="5" s="1"/>
  <c r="O1198" i="5" s="1"/>
  <c r="J1212" i="2"/>
  <c r="J1186" i="5" s="1"/>
  <c r="N1186" i="5" s="1"/>
  <c r="M1212" i="2"/>
  <c r="M1186" i="5" s="1"/>
  <c r="L1212" i="2"/>
  <c r="L1186" i="5" s="1"/>
  <c r="I1212" i="2"/>
  <c r="I1186" i="5" s="1"/>
  <c r="K1212" i="2"/>
  <c r="K1186" i="5" s="1"/>
  <c r="O1186" i="5" s="1"/>
  <c r="L5141" i="2"/>
  <c r="L5115" i="5" s="1"/>
  <c r="M5141" i="2"/>
  <c r="M5115" i="5" s="1"/>
  <c r="I5141" i="2"/>
  <c r="I5115" i="5" s="1"/>
  <c r="K5141" i="2"/>
  <c r="K5115" i="5" s="1"/>
  <c r="O5115" i="5" s="1"/>
  <c r="J5141" i="2"/>
  <c r="J5115" i="5" s="1"/>
  <c r="N5115" i="5" s="1"/>
  <c r="K6017" i="2"/>
  <c r="K5991" i="5" s="1"/>
  <c r="O5991" i="5" s="1"/>
  <c r="L6017" i="2"/>
  <c r="L5991" i="5" s="1"/>
  <c r="I6017" i="2"/>
  <c r="I5991" i="5" s="1"/>
  <c r="J6017" i="2"/>
  <c r="J5991" i="5" s="1"/>
  <c r="N5991" i="5" s="1"/>
  <c r="M6017" i="2"/>
  <c r="M5991" i="5" s="1"/>
  <c r="J6019" i="2"/>
  <c r="J5993" i="5" s="1"/>
  <c r="N5993" i="5" s="1"/>
  <c r="L6019" i="2"/>
  <c r="L5993" i="5" s="1"/>
  <c r="I6019" i="2"/>
  <c r="I5993" i="5" s="1"/>
  <c r="M6019" i="2"/>
  <c r="M5993" i="5" s="1"/>
  <c r="K6019" i="2"/>
  <c r="K5993" i="5" s="1"/>
  <c r="O5993" i="5" s="1"/>
  <c r="AR2" i="1"/>
  <c r="C8" i="5"/>
  <c r="L39" i="2"/>
  <c r="L13" i="5" s="1"/>
  <c r="K39" i="2"/>
  <c r="K13" i="5" s="1"/>
  <c r="O13" i="5" s="1"/>
  <c r="I39" i="2"/>
  <c r="I13" i="5" s="1"/>
  <c r="M39" i="2"/>
  <c r="M13" i="5" s="1"/>
  <c r="J39" i="2"/>
  <c r="J13" i="5" s="1"/>
  <c r="N13" i="5" s="1"/>
  <c r="K5276" i="2"/>
  <c r="K5250" i="5" s="1"/>
  <c r="O5250" i="5" s="1"/>
  <c r="M5276" i="2"/>
  <c r="M5250" i="5" s="1"/>
  <c r="L5276" i="2"/>
  <c r="L5250" i="5" s="1"/>
  <c r="J5276" i="2"/>
  <c r="J5250" i="5" s="1"/>
  <c r="N5250" i="5" s="1"/>
  <c r="I5276" i="2"/>
  <c r="I5250" i="5" s="1"/>
  <c r="I5267" i="2"/>
  <c r="I5241" i="5" s="1"/>
  <c r="K5267" i="2"/>
  <c r="K5241" i="5" s="1"/>
  <c r="O5241" i="5" s="1"/>
  <c r="M5267" i="2"/>
  <c r="M5241" i="5" s="1"/>
  <c r="J5267" i="2"/>
  <c r="J5241" i="5" s="1"/>
  <c r="N5241" i="5" s="1"/>
  <c r="L5267" i="2"/>
  <c r="L5241" i="5" s="1"/>
  <c r="I7664" i="2"/>
  <c r="I7638" i="5" s="1"/>
  <c r="M7664" i="2"/>
  <c r="M7638" i="5" s="1"/>
  <c r="J7664" i="2"/>
  <c r="J7638" i="5" s="1"/>
  <c r="N7638" i="5" s="1"/>
  <c r="K7664" i="2"/>
  <c r="K7638" i="5" s="1"/>
  <c r="O7638" i="5" s="1"/>
  <c r="L7664" i="2"/>
  <c r="L7638" i="5" s="1"/>
  <c r="J1044" i="2"/>
  <c r="J1018" i="5" s="1"/>
  <c r="N1018" i="5" s="1"/>
  <c r="I1044" i="2"/>
  <c r="I1018" i="5" s="1"/>
  <c r="K1044" i="2"/>
  <c r="K1018" i="5" s="1"/>
  <c r="O1018" i="5" s="1"/>
  <c r="L1044" i="2"/>
  <c r="L1018" i="5" s="1"/>
  <c r="M1044" i="2"/>
  <c r="M1018" i="5" s="1"/>
  <c r="K4820" i="2"/>
  <c r="K4794" i="5" s="1"/>
  <c r="O4794" i="5" s="1"/>
  <c r="J4820" i="2"/>
  <c r="J4794" i="5" s="1"/>
  <c r="N4794" i="5" s="1"/>
  <c r="M4820" i="2"/>
  <c r="M4794" i="5" s="1"/>
  <c r="L4820" i="2"/>
  <c r="L4794" i="5" s="1"/>
  <c r="I4820" i="2"/>
  <c r="I4794" i="5" s="1"/>
  <c r="I2286" i="2"/>
  <c r="I2260" i="5" s="1"/>
  <c r="K2286" i="2"/>
  <c r="K2260" i="5" s="1"/>
  <c r="O2260" i="5" s="1"/>
  <c r="J2286" i="2"/>
  <c r="J2260" i="5" s="1"/>
  <c r="N2260" i="5" s="1"/>
  <c r="M2286" i="2"/>
  <c r="M2260" i="5" s="1"/>
  <c r="L2286" i="2"/>
  <c r="L2260" i="5" s="1"/>
  <c r="L6487" i="2"/>
  <c r="L6461" i="5" s="1"/>
  <c r="J6487" i="2"/>
  <c r="J6461" i="5" s="1"/>
  <c r="N6461" i="5" s="1"/>
  <c r="I6487" i="2"/>
  <c r="I6461" i="5" s="1"/>
  <c r="M6487" i="2"/>
  <c r="M6461" i="5" s="1"/>
  <c r="K6487" i="2"/>
  <c r="K6461" i="5" s="1"/>
  <c r="O6461" i="5" s="1"/>
  <c r="L2641" i="2"/>
  <c r="L2615" i="5" s="1"/>
  <c r="M2641" i="2"/>
  <c r="M2615" i="5" s="1"/>
  <c r="J2641" i="2"/>
  <c r="J2615" i="5" s="1"/>
  <c r="N2615" i="5" s="1"/>
  <c r="I2641" i="2"/>
  <c r="I2615" i="5" s="1"/>
  <c r="K2641" i="2"/>
  <c r="K2615" i="5" s="1"/>
  <c r="O2615" i="5" s="1"/>
  <c r="L3121" i="2"/>
  <c r="L3095" i="5" s="1"/>
  <c r="K3121" i="2"/>
  <c r="K3095" i="5" s="1"/>
  <c r="O3095" i="5" s="1"/>
  <c r="J3121" i="2"/>
  <c r="J3095" i="5" s="1"/>
  <c r="N3095" i="5" s="1"/>
  <c r="I3121" i="2"/>
  <c r="I3095" i="5" s="1"/>
  <c r="M3121" i="2"/>
  <c r="M3095" i="5" s="1"/>
  <c r="AR130" i="1"/>
  <c r="C136" i="5"/>
  <c r="J7001" i="2"/>
  <c r="J6975" i="5" s="1"/>
  <c r="N6975" i="5" s="1"/>
  <c r="M7001" i="2"/>
  <c r="M6975" i="5" s="1"/>
  <c r="I7001" i="2"/>
  <c r="I6975" i="5" s="1"/>
  <c r="K7001" i="2"/>
  <c r="K6975" i="5" s="1"/>
  <c r="O6975" i="5" s="1"/>
  <c r="L7001" i="2"/>
  <c r="L6975" i="5" s="1"/>
  <c r="I1291" i="2"/>
  <c r="I1265" i="5" s="1"/>
  <c r="L1291" i="2"/>
  <c r="L1265" i="5" s="1"/>
  <c r="M1291" i="2"/>
  <c r="M1265" i="5" s="1"/>
  <c r="K1291" i="2"/>
  <c r="K1265" i="5" s="1"/>
  <c r="O1265" i="5" s="1"/>
  <c r="J1291" i="2"/>
  <c r="J1265" i="5" s="1"/>
  <c r="N1265" i="5" s="1"/>
  <c r="I5984" i="2"/>
  <c r="I5958" i="5" s="1"/>
  <c r="K5984" i="2"/>
  <c r="K5958" i="5" s="1"/>
  <c r="O5958" i="5" s="1"/>
  <c r="L5984" i="2"/>
  <c r="L5958" i="5" s="1"/>
  <c r="J5984" i="2"/>
  <c r="J5958" i="5" s="1"/>
  <c r="N5958" i="5" s="1"/>
  <c r="M5984" i="2"/>
  <c r="M5958" i="5" s="1"/>
  <c r="J3103" i="2"/>
  <c r="J3077" i="5" s="1"/>
  <c r="N3077" i="5" s="1"/>
  <c r="M3103" i="2"/>
  <c r="M3077" i="5" s="1"/>
  <c r="I3103" i="2"/>
  <c r="I3077" i="5" s="1"/>
  <c r="K3103" i="2"/>
  <c r="K3077" i="5" s="1"/>
  <c r="O3077" i="5" s="1"/>
  <c r="L3103" i="2"/>
  <c r="L3077" i="5" s="1"/>
  <c r="M1092" i="2"/>
  <c r="M1066" i="5" s="1"/>
  <c r="I1092" i="2"/>
  <c r="I1066" i="5" s="1"/>
  <c r="K1092" i="2"/>
  <c r="K1066" i="5" s="1"/>
  <c r="O1066" i="5" s="1"/>
  <c r="L1092" i="2"/>
  <c r="L1066" i="5" s="1"/>
  <c r="J1092" i="2"/>
  <c r="J1066" i="5" s="1"/>
  <c r="N1066" i="5" s="1"/>
  <c r="L480" i="2"/>
  <c r="L454" i="5" s="1"/>
  <c r="I480" i="2"/>
  <c r="I454" i="5" s="1"/>
  <c r="K480" i="2"/>
  <c r="K454" i="5" s="1"/>
  <c r="O454" i="5" s="1"/>
  <c r="M480" i="2"/>
  <c r="M454" i="5" s="1"/>
  <c r="J480" i="2"/>
  <c r="J454" i="5" s="1"/>
  <c r="N454" i="5" s="1"/>
  <c r="L227" i="2"/>
  <c r="L201" i="5" s="1"/>
  <c r="M227" i="2"/>
  <c r="M201" i="5" s="1"/>
  <c r="I227" i="2"/>
  <c r="I201" i="5" s="1"/>
  <c r="J227" i="2"/>
  <c r="J201" i="5" s="1"/>
  <c r="N201" i="5" s="1"/>
  <c r="K227" i="2"/>
  <c r="K201" i="5" s="1"/>
  <c r="O201" i="5" s="1"/>
  <c r="M6935" i="2"/>
  <c r="M6909" i="5" s="1"/>
  <c r="K6935" i="2"/>
  <c r="K6909" i="5" s="1"/>
  <c r="O6909" i="5" s="1"/>
  <c r="L6935" i="2"/>
  <c r="L6909" i="5" s="1"/>
  <c r="J6935" i="2"/>
  <c r="J6909" i="5" s="1"/>
  <c r="N6909" i="5" s="1"/>
  <c r="I6935" i="2"/>
  <c r="I6909" i="5" s="1"/>
  <c r="C295" i="5"/>
  <c r="AR289" i="1"/>
  <c r="I5500" i="2"/>
  <c r="I5474" i="5" s="1"/>
  <c r="K5500" i="2"/>
  <c r="K5474" i="5" s="1"/>
  <c r="O5474" i="5" s="1"/>
  <c r="J5500" i="2"/>
  <c r="J5474" i="5" s="1"/>
  <c r="N5474" i="5" s="1"/>
  <c r="L5500" i="2"/>
  <c r="L5474" i="5" s="1"/>
  <c r="M5500" i="2"/>
  <c r="M5474" i="5" s="1"/>
  <c r="K4744" i="2"/>
  <c r="K4718" i="5" s="1"/>
  <c r="O4718" i="5" s="1"/>
  <c r="L4744" i="2"/>
  <c r="L4718" i="5" s="1"/>
  <c r="J4744" i="2"/>
  <c r="J4718" i="5" s="1"/>
  <c r="N4718" i="5" s="1"/>
  <c r="M4744" i="2"/>
  <c r="M4718" i="5" s="1"/>
  <c r="I4744" i="2"/>
  <c r="I4718" i="5" s="1"/>
  <c r="L8168" i="2"/>
  <c r="L8142" i="5" s="1"/>
  <c r="M8168" i="2"/>
  <c r="M8142" i="5" s="1"/>
  <c r="J8168" i="2"/>
  <c r="J8142" i="5" s="1"/>
  <c r="N8142" i="5" s="1"/>
  <c r="I8168" i="2"/>
  <c r="I8142" i="5" s="1"/>
  <c r="K8168" i="2"/>
  <c r="K8142" i="5" s="1"/>
  <c r="O8142" i="5" s="1"/>
  <c r="M1892" i="2"/>
  <c r="M1866" i="5" s="1"/>
  <c r="L1892" i="2"/>
  <c r="L1866" i="5" s="1"/>
  <c r="I1892" i="2"/>
  <c r="I1866" i="5" s="1"/>
  <c r="K1892" i="2"/>
  <c r="K1866" i="5" s="1"/>
  <c r="O1866" i="5" s="1"/>
  <c r="J1892" i="2"/>
  <c r="J1866" i="5" s="1"/>
  <c r="N1866" i="5" s="1"/>
  <c r="K4784" i="2"/>
  <c r="K4758" i="5" s="1"/>
  <c r="O4758" i="5" s="1"/>
  <c r="J4784" i="2"/>
  <c r="J4758" i="5" s="1"/>
  <c r="N4758" i="5" s="1"/>
  <c r="M4784" i="2"/>
  <c r="M4758" i="5" s="1"/>
  <c r="L4784" i="2"/>
  <c r="L4758" i="5" s="1"/>
  <c r="I4784" i="2"/>
  <c r="I4758" i="5" s="1"/>
  <c r="J3679" i="2"/>
  <c r="J3653" i="5" s="1"/>
  <c r="N3653" i="5" s="1"/>
  <c r="M3679" i="2"/>
  <c r="M3653" i="5" s="1"/>
  <c r="L3679" i="2"/>
  <c r="L3653" i="5" s="1"/>
  <c r="I3679" i="2"/>
  <c r="I3653" i="5" s="1"/>
  <c r="K3679" i="2"/>
  <c r="K3653" i="5" s="1"/>
  <c r="O3653" i="5" s="1"/>
  <c r="M5633" i="2"/>
  <c r="M5607" i="5" s="1"/>
  <c r="J5633" i="2"/>
  <c r="J5607" i="5" s="1"/>
  <c r="N5607" i="5" s="1"/>
  <c r="L5633" i="2"/>
  <c r="L5607" i="5" s="1"/>
  <c r="I5633" i="2"/>
  <c r="I5607" i="5" s="1"/>
  <c r="K5633" i="2"/>
  <c r="K5607" i="5" s="1"/>
  <c r="O5607" i="5" s="1"/>
  <c r="L2059" i="2"/>
  <c r="L2033" i="5" s="1"/>
  <c r="I2059" i="2"/>
  <c r="I2033" i="5" s="1"/>
  <c r="K2059" i="2"/>
  <c r="K2033" i="5" s="1"/>
  <c r="O2033" i="5" s="1"/>
  <c r="M2059" i="2"/>
  <c r="M2033" i="5" s="1"/>
  <c r="J2059" i="2"/>
  <c r="J2033" i="5" s="1"/>
  <c r="N2033" i="5" s="1"/>
  <c r="L7635" i="2"/>
  <c r="L7609" i="5" s="1"/>
  <c r="M7635" i="2"/>
  <c r="M7609" i="5" s="1"/>
  <c r="J7635" i="2"/>
  <c r="J7609" i="5" s="1"/>
  <c r="N7609" i="5" s="1"/>
  <c r="I7635" i="2"/>
  <c r="I7609" i="5" s="1"/>
  <c r="K7635" i="2"/>
  <c r="K7609" i="5" s="1"/>
  <c r="O7609" i="5" s="1"/>
  <c r="J7638" i="2"/>
  <c r="J7612" i="5" s="1"/>
  <c r="N7612" i="5" s="1"/>
  <c r="M7638" i="2"/>
  <c r="M7612" i="5" s="1"/>
  <c r="I7638" i="2"/>
  <c r="I7612" i="5" s="1"/>
  <c r="L7638" i="2"/>
  <c r="L7612" i="5" s="1"/>
  <c r="K7638" i="2"/>
  <c r="K7612" i="5" s="1"/>
  <c r="O7612" i="5" s="1"/>
  <c r="K4452" i="2"/>
  <c r="K4426" i="5" s="1"/>
  <c r="O4426" i="5" s="1"/>
  <c r="M4452" i="2"/>
  <c r="M4426" i="5" s="1"/>
  <c r="L4452" i="2"/>
  <c r="L4426" i="5" s="1"/>
  <c r="I4452" i="2"/>
  <c r="I4426" i="5" s="1"/>
  <c r="J4452" i="2"/>
  <c r="J4426" i="5" s="1"/>
  <c r="N4426" i="5" s="1"/>
  <c r="I7673" i="2"/>
  <c r="I7647" i="5" s="1"/>
  <c r="J7673" i="2"/>
  <c r="J7647" i="5" s="1"/>
  <c r="N7647" i="5" s="1"/>
  <c r="L7673" i="2"/>
  <c r="L7647" i="5" s="1"/>
  <c r="M7673" i="2"/>
  <c r="M7647" i="5" s="1"/>
  <c r="K7673" i="2"/>
  <c r="K7647" i="5" s="1"/>
  <c r="O7647" i="5" s="1"/>
  <c r="L4166" i="2"/>
  <c r="L4140" i="5" s="1"/>
  <c r="I4166" i="2"/>
  <c r="I4140" i="5" s="1"/>
  <c r="K4166" i="2"/>
  <c r="K4140" i="5" s="1"/>
  <c r="O4140" i="5" s="1"/>
  <c r="J4166" i="2"/>
  <c r="J4140" i="5" s="1"/>
  <c r="N4140" i="5" s="1"/>
  <c r="M4166" i="2"/>
  <c r="M4140" i="5" s="1"/>
  <c r="J4176" i="2"/>
  <c r="J4150" i="5" s="1"/>
  <c r="N4150" i="5" s="1"/>
  <c r="L4176" i="2"/>
  <c r="L4150" i="5" s="1"/>
  <c r="M4176" i="2"/>
  <c r="M4150" i="5" s="1"/>
  <c r="K4176" i="2"/>
  <c r="K4150" i="5" s="1"/>
  <c r="O4150" i="5" s="1"/>
  <c r="I4176" i="2"/>
  <c r="I4150" i="5" s="1"/>
  <c r="I2407" i="2"/>
  <c r="I2381" i="5" s="1"/>
  <c r="M2407" i="2"/>
  <c r="M2381" i="5" s="1"/>
  <c r="K2407" i="2"/>
  <c r="K2381" i="5" s="1"/>
  <c r="O2381" i="5" s="1"/>
  <c r="L2407" i="2"/>
  <c r="L2381" i="5" s="1"/>
  <c r="J2407" i="2"/>
  <c r="J2381" i="5" s="1"/>
  <c r="N2381" i="5" s="1"/>
  <c r="J2387" i="2"/>
  <c r="J2361" i="5" s="1"/>
  <c r="N2361" i="5" s="1"/>
  <c r="I2387" i="2"/>
  <c r="I2361" i="5" s="1"/>
  <c r="K2387" i="2"/>
  <c r="K2361" i="5" s="1"/>
  <c r="O2361" i="5" s="1"/>
  <c r="L2387" i="2"/>
  <c r="L2361" i="5" s="1"/>
  <c r="M2387" i="2"/>
  <c r="M2361" i="5" s="1"/>
  <c r="I8640" i="2"/>
  <c r="I8614" i="5" s="1"/>
  <c r="K8640" i="2"/>
  <c r="K8614" i="5" s="1"/>
  <c r="O8614" i="5" s="1"/>
  <c r="L8640" i="2"/>
  <c r="L8614" i="5" s="1"/>
  <c r="J8640" i="2"/>
  <c r="J8614" i="5" s="1"/>
  <c r="N8614" i="5" s="1"/>
  <c r="M8640" i="2"/>
  <c r="M8614" i="5" s="1"/>
  <c r="L3644" i="2"/>
  <c r="L3618" i="5" s="1"/>
  <c r="M3644" i="2"/>
  <c r="M3618" i="5" s="1"/>
  <c r="K3644" i="2"/>
  <c r="K3618" i="5" s="1"/>
  <c r="O3618" i="5" s="1"/>
  <c r="I3644" i="2"/>
  <c r="I3618" i="5" s="1"/>
  <c r="J3644" i="2"/>
  <c r="J3618" i="5" s="1"/>
  <c r="N3618" i="5" s="1"/>
  <c r="K3593" i="2"/>
  <c r="K3567" i="5" s="1"/>
  <c r="O3567" i="5" s="1"/>
  <c r="L3593" i="2"/>
  <c r="L3567" i="5" s="1"/>
  <c r="M3593" i="2"/>
  <c r="M3567" i="5" s="1"/>
  <c r="J3593" i="2"/>
  <c r="J3567" i="5" s="1"/>
  <c r="N3567" i="5" s="1"/>
  <c r="I3593" i="2"/>
  <c r="I3567" i="5" s="1"/>
  <c r="K3586" i="2"/>
  <c r="K3560" i="5" s="1"/>
  <c r="O3560" i="5" s="1"/>
  <c r="M3586" i="2"/>
  <c r="M3560" i="5" s="1"/>
  <c r="I3586" i="2"/>
  <c r="I3560" i="5" s="1"/>
  <c r="J3586" i="2"/>
  <c r="J3560" i="5" s="1"/>
  <c r="N3560" i="5" s="1"/>
  <c r="L3586" i="2"/>
  <c r="L3560" i="5" s="1"/>
  <c r="I5507" i="2"/>
  <c r="I5481" i="5" s="1"/>
  <c r="M5507" i="2"/>
  <c r="M5481" i="5" s="1"/>
  <c r="L5507" i="2"/>
  <c r="L5481" i="5" s="1"/>
  <c r="K5507" i="2"/>
  <c r="K5481" i="5" s="1"/>
  <c r="O5481" i="5" s="1"/>
  <c r="J5507" i="2"/>
  <c r="J5481" i="5" s="1"/>
  <c r="N5481" i="5" s="1"/>
  <c r="J5250" i="2"/>
  <c r="J5224" i="5" s="1"/>
  <c r="N5224" i="5" s="1"/>
  <c r="L5250" i="2"/>
  <c r="L5224" i="5" s="1"/>
  <c r="I5250" i="2"/>
  <c r="I5224" i="5" s="1"/>
  <c r="K5250" i="2"/>
  <c r="K5224" i="5" s="1"/>
  <c r="O5224" i="5" s="1"/>
  <c r="M5250" i="2"/>
  <c r="M5224" i="5" s="1"/>
  <c r="I6588" i="2"/>
  <c r="I6562" i="5" s="1"/>
  <c r="K6588" i="2"/>
  <c r="K6562" i="5" s="1"/>
  <c r="O6562" i="5" s="1"/>
  <c r="L6588" i="2"/>
  <c r="L6562" i="5" s="1"/>
  <c r="J6588" i="2"/>
  <c r="J6562" i="5" s="1"/>
  <c r="N6562" i="5" s="1"/>
  <c r="M6588" i="2"/>
  <c r="M6562" i="5" s="1"/>
  <c r="L2491" i="2"/>
  <c r="L2465" i="5" s="1"/>
  <c r="M2491" i="2"/>
  <c r="M2465" i="5" s="1"/>
  <c r="I2491" i="2"/>
  <c r="I2465" i="5" s="1"/>
  <c r="K2491" i="2"/>
  <c r="K2465" i="5" s="1"/>
  <c r="O2465" i="5" s="1"/>
  <c r="J2491" i="2"/>
  <c r="J2465" i="5" s="1"/>
  <c r="N2465" i="5" s="1"/>
  <c r="C110" i="5"/>
  <c r="AR104" i="1"/>
  <c r="J2578" i="2"/>
  <c r="J2552" i="5" s="1"/>
  <c r="N2552" i="5" s="1"/>
  <c r="M2578" i="2"/>
  <c r="M2552" i="5" s="1"/>
  <c r="I2578" i="2"/>
  <c r="I2552" i="5" s="1"/>
  <c r="K2578" i="2"/>
  <c r="K2552" i="5" s="1"/>
  <c r="O2552" i="5" s="1"/>
  <c r="L2578" i="2"/>
  <c r="L2552" i="5" s="1"/>
  <c r="I6311" i="2"/>
  <c r="I6285" i="5" s="1"/>
  <c r="K6311" i="2"/>
  <c r="K6285" i="5" s="1"/>
  <c r="O6285" i="5" s="1"/>
  <c r="L6311" i="2"/>
  <c r="L6285" i="5" s="1"/>
  <c r="M6311" i="2"/>
  <c r="M6285" i="5" s="1"/>
  <c r="J6311" i="2"/>
  <c r="J6285" i="5" s="1"/>
  <c r="N6285" i="5" s="1"/>
  <c r="K3782" i="2"/>
  <c r="K3756" i="5" s="1"/>
  <c r="O3756" i="5" s="1"/>
  <c r="M3782" i="2"/>
  <c r="M3756" i="5" s="1"/>
  <c r="J3782" i="2"/>
  <c r="J3756" i="5" s="1"/>
  <c r="N3756" i="5" s="1"/>
  <c r="L3782" i="2"/>
  <c r="L3756" i="5" s="1"/>
  <c r="I3782" i="2"/>
  <c r="I3756" i="5" s="1"/>
  <c r="M2157" i="2"/>
  <c r="M2131" i="5" s="1"/>
  <c r="J2157" i="2"/>
  <c r="J2131" i="5" s="1"/>
  <c r="N2131" i="5" s="1"/>
  <c r="L2157" i="2"/>
  <c r="L2131" i="5" s="1"/>
  <c r="I2157" i="2"/>
  <c r="I2131" i="5" s="1"/>
  <c r="K2157" i="2"/>
  <c r="K2131" i="5" s="1"/>
  <c r="O2131" i="5" s="1"/>
  <c r="M6274" i="2"/>
  <c r="M6248" i="5" s="1"/>
  <c r="I6274" i="2"/>
  <c r="I6248" i="5" s="1"/>
  <c r="L6274" i="2"/>
  <c r="L6248" i="5" s="1"/>
  <c r="K6274" i="2"/>
  <c r="K6248" i="5" s="1"/>
  <c r="O6248" i="5" s="1"/>
  <c r="J6274" i="2"/>
  <c r="J6248" i="5" s="1"/>
  <c r="N6248" i="5" s="1"/>
  <c r="L3418" i="2"/>
  <c r="L3392" i="5" s="1"/>
  <c r="M3418" i="2"/>
  <c r="M3392" i="5" s="1"/>
  <c r="I3418" i="2"/>
  <c r="I3392" i="5" s="1"/>
  <c r="K3418" i="2"/>
  <c r="K3392" i="5" s="1"/>
  <c r="O3392" i="5" s="1"/>
  <c r="J3418" i="2"/>
  <c r="J3392" i="5" s="1"/>
  <c r="N3392" i="5" s="1"/>
  <c r="I6793" i="2"/>
  <c r="I6767" i="5" s="1"/>
  <c r="L6793" i="2"/>
  <c r="L6767" i="5" s="1"/>
  <c r="K6793" i="2"/>
  <c r="K6767" i="5" s="1"/>
  <c r="O6767" i="5" s="1"/>
  <c r="J6793" i="2"/>
  <c r="J6767" i="5" s="1"/>
  <c r="N6767" i="5" s="1"/>
  <c r="M6793" i="2"/>
  <c r="M6767" i="5" s="1"/>
  <c r="J6783" i="2"/>
  <c r="J6757" i="5" s="1"/>
  <c r="N6757" i="5" s="1"/>
  <c r="L6783" i="2"/>
  <c r="L6757" i="5" s="1"/>
  <c r="I6783" i="2"/>
  <c r="I6757" i="5" s="1"/>
  <c r="M6783" i="2"/>
  <c r="M6757" i="5" s="1"/>
  <c r="K6783" i="2"/>
  <c r="K6757" i="5" s="1"/>
  <c r="O6757" i="5" s="1"/>
  <c r="K7282" i="2"/>
  <c r="K7256" i="5" s="1"/>
  <c r="O7256" i="5" s="1"/>
  <c r="M7282" i="2"/>
  <c r="M7256" i="5" s="1"/>
  <c r="J7282" i="2"/>
  <c r="J7256" i="5" s="1"/>
  <c r="N7256" i="5" s="1"/>
  <c r="L7282" i="2"/>
  <c r="L7256" i="5" s="1"/>
  <c r="I7282" i="2"/>
  <c r="I7256" i="5" s="1"/>
  <c r="J7285" i="2"/>
  <c r="J7259" i="5" s="1"/>
  <c r="N7259" i="5" s="1"/>
  <c r="M7285" i="2"/>
  <c r="M7259" i="5" s="1"/>
  <c r="L7285" i="2"/>
  <c r="L7259" i="5" s="1"/>
  <c r="I7285" i="2"/>
  <c r="I7259" i="5" s="1"/>
  <c r="K7285" i="2"/>
  <c r="K7259" i="5" s="1"/>
  <c r="O7259" i="5" s="1"/>
  <c r="I1243" i="2"/>
  <c r="I1217" i="5" s="1"/>
  <c r="L1243" i="2"/>
  <c r="L1217" i="5" s="1"/>
  <c r="M1243" i="2"/>
  <c r="M1217" i="5" s="1"/>
  <c r="K1243" i="2"/>
  <c r="K1217" i="5" s="1"/>
  <c r="O1217" i="5" s="1"/>
  <c r="J1243" i="2"/>
  <c r="J1217" i="5" s="1"/>
  <c r="N1217" i="5" s="1"/>
  <c r="M3295" i="2"/>
  <c r="M3269" i="5" s="1"/>
  <c r="L3295" i="2"/>
  <c r="L3269" i="5" s="1"/>
  <c r="J3295" i="2"/>
  <c r="J3269" i="5" s="1"/>
  <c r="N3269" i="5" s="1"/>
  <c r="I3295" i="2"/>
  <c r="I3269" i="5" s="1"/>
  <c r="K3295" i="2"/>
  <c r="K3269" i="5" s="1"/>
  <c r="O3269" i="5" s="1"/>
  <c r="I6825" i="2"/>
  <c r="I6799" i="5" s="1"/>
  <c r="K6825" i="2"/>
  <c r="K6799" i="5" s="1"/>
  <c r="O6799" i="5" s="1"/>
  <c r="J6825" i="2"/>
  <c r="J6799" i="5" s="1"/>
  <c r="N6799" i="5" s="1"/>
  <c r="L6825" i="2"/>
  <c r="L6799" i="5" s="1"/>
  <c r="M6825" i="2"/>
  <c r="M6799" i="5" s="1"/>
  <c r="L5412" i="2"/>
  <c r="L5386" i="5" s="1"/>
  <c r="K5412" i="2"/>
  <c r="K5386" i="5" s="1"/>
  <c r="O5386" i="5" s="1"/>
  <c r="M5412" i="2"/>
  <c r="M5386" i="5" s="1"/>
  <c r="I5412" i="2"/>
  <c r="I5386" i="5" s="1"/>
  <c r="J5412" i="2"/>
  <c r="J5386" i="5" s="1"/>
  <c r="N5386" i="5" s="1"/>
  <c r="L122" i="2"/>
  <c r="L96" i="5" s="1"/>
  <c r="M122" i="2"/>
  <c r="M96" i="5" s="1"/>
  <c r="K122" i="2"/>
  <c r="K96" i="5" s="1"/>
  <c r="O96" i="5" s="1"/>
  <c r="I122" i="2"/>
  <c r="I96" i="5" s="1"/>
  <c r="J122" i="2"/>
  <c r="J96" i="5" s="1"/>
  <c r="N96" i="5" s="1"/>
  <c r="J3904" i="2"/>
  <c r="J3878" i="5" s="1"/>
  <c r="N3878" i="5" s="1"/>
  <c r="I3904" i="2"/>
  <c r="I3878" i="5" s="1"/>
  <c r="L3904" i="2"/>
  <c r="L3878" i="5" s="1"/>
  <c r="K3904" i="2"/>
  <c r="K3878" i="5" s="1"/>
  <c r="O3878" i="5" s="1"/>
  <c r="M3904" i="2"/>
  <c r="M3878" i="5" s="1"/>
  <c r="K259" i="2"/>
  <c r="K233" i="5" s="1"/>
  <c r="O233" i="5" s="1"/>
  <c r="L259" i="2"/>
  <c r="L233" i="5" s="1"/>
  <c r="M259" i="2"/>
  <c r="M233" i="5" s="1"/>
  <c r="J259" i="2"/>
  <c r="J233" i="5" s="1"/>
  <c r="N233" i="5" s="1"/>
  <c r="I259" i="2"/>
  <c r="I233" i="5" s="1"/>
  <c r="J261" i="2"/>
  <c r="J235" i="5" s="1"/>
  <c r="N235" i="5" s="1"/>
  <c r="I261" i="2"/>
  <c r="I235" i="5" s="1"/>
  <c r="L261" i="2"/>
  <c r="L235" i="5" s="1"/>
  <c r="K261" i="2"/>
  <c r="K235" i="5" s="1"/>
  <c r="O235" i="5" s="1"/>
  <c r="M261" i="2"/>
  <c r="M235" i="5" s="1"/>
  <c r="K6359" i="2"/>
  <c r="K6333" i="5" s="1"/>
  <c r="O6333" i="5" s="1"/>
  <c r="I6359" i="2"/>
  <c r="I6333" i="5" s="1"/>
  <c r="J6359" i="2"/>
  <c r="J6333" i="5" s="1"/>
  <c r="N6333" i="5" s="1"/>
  <c r="M6359" i="2"/>
  <c r="M6333" i="5" s="1"/>
  <c r="L6359" i="2"/>
  <c r="L6333" i="5" s="1"/>
  <c r="J7196" i="2"/>
  <c r="J7170" i="5" s="1"/>
  <c r="N7170" i="5" s="1"/>
  <c r="L7196" i="2"/>
  <c r="L7170" i="5" s="1"/>
  <c r="I7196" i="2"/>
  <c r="I7170" i="5" s="1"/>
  <c r="M7196" i="2"/>
  <c r="M7170" i="5" s="1"/>
  <c r="K7196" i="2"/>
  <c r="K7170" i="5" s="1"/>
  <c r="O7170" i="5" s="1"/>
  <c r="L1574" i="2"/>
  <c r="L1548" i="5" s="1"/>
  <c r="K1574" i="2"/>
  <c r="K1548" i="5" s="1"/>
  <c r="O1548" i="5" s="1"/>
  <c r="M1574" i="2"/>
  <c r="M1548" i="5" s="1"/>
  <c r="I1574" i="2"/>
  <c r="I1548" i="5" s="1"/>
  <c r="J1574" i="2"/>
  <c r="J1548" i="5" s="1"/>
  <c r="N1548" i="5" s="1"/>
  <c r="AR66" i="1"/>
  <c r="C72" i="5"/>
  <c r="I3492" i="2"/>
  <c r="I3466" i="5" s="1"/>
  <c r="K3492" i="2"/>
  <c r="K3466" i="5" s="1"/>
  <c r="O3466" i="5" s="1"/>
  <c r="L3492" i="2"/>
  <c r="L3466" i="5" s="1"/>
  <c r="M3492" i="2"/>
  <c r="M3466" i="5" s="1"/>
  <c r="J3492" i="2"/>
  <c r="J3466" i="5" s="1"/>
  <c r="N3466" i="5" s="1"/>
  <c r="K6697" i="2"/>
  <c r="K6671" i="5" s="1"/>
  <c r="O6671" i="5" s="1"/>
  <c r="L6697" i="2"/>
  <c r="L6671" i="5" s="1"/>
  <c r="I6697" i="2"/>
  <c r="I6671" i="5" s="1"/>
  <c r="J6697" i="2"/>
  <c r="J6671" i="5" s="1"/>
  <c r="N6671" i="5" s="1"/>
  <c r="M6697" i="2"/>
  <c r="M6671" i="5" s="1"/>
  <c r="K7114" i="2"/>
  <c r="K7088" i="5" s="1"/>
  <c r="O7088" i="5" s="1"/>
  <c r="L7114" i="2"/>
  <c r="L7088" i="5" s="1"/>
  <c r="J7114" i="2"/>
  <c r="J7088" i="5" s="1"/>
  <c r="N7088" i="5" s="1"/>
  <c r="M7114" i="2"/>
  <c r="M7088" i="5" s="1"/>
  <c r="I7114" i="2"/>
  <c r="I7088" i="5" s="1"/>
  <c r="I2122" i="2"/>
  <c r="I2096" i="5" s="1"/>
  <c r="J2122" i="2"/>
  <c r="J2096" i="5" s="1"/>
  <c r="N2096" i="5" s="1"/>
  <c r="M2122" i="2"/>
  <c r="M2096" i="5" s="1"/>
  <c r="L2122" i="2"/>
  <c r="L2096" i="5" s="1"/>
  <c r="K2122" i="2"/>
  <c r="K2096" i="5" s="1"/>
  <c r="O2096" i="5" s="1"/>
  <c r="J2135" i="2"/>
  <c r="J2109" i="5" s="1"/>
  <c r="N2109" i="5" s="1"/>
  <c r="I2135" i="2"/>
  <c r="I2109" i="5" s="1"/>
  <c r="L2135" i="2"/>
  <c r="L2109" i="5" s="1"/>
  <c r="M2135" i="2"/>
  <c r="M2109" i="5" s="1"/>
  <c r="K2135" i="2"/>
  <c r="K2109" i="5" s="1"/>
  <c r="O2109" i="5" s="1"/>
  <c r="K3326" i="2"/>
  <c r="K3300" i="5" s="1"/>
  <c r="O3300" i="5" s="1"/>
  <c r="J3326" i="2"/>
  <c r="J3300" i="5" s="1"/>
  <c r="N3300" i="5" s="1"/>
  <c r="L3326" i="2"/>
  <c r="L3300" i="5" s="1"/>
  <c r="M3326" i="2"/>
  <c r="M3300" i="5" s="1"/>
  <c r="I3326" i="2"/>
  <c r="I3300" i="5" s="1"/>
  <c r="J4517" i="2"/>
  <c r="J4491" i="5" s="1"/>
  <c r="N4491" i="5" s="1"/>
  <c r="I4517" i="2"/>
  <c r="I4491" i="5" s="1"/>
  <c r="K4517" i="2"/>
  <c r="K4491" i="5" s="1"/>
  <c r="O4491" i="5" s="1"/>
  <c r="M4517" i="2"/>
  <c r="M4491" i="5" s="1"/>
  <c r="L4517" i="2"/>
  <c r="L4491" i="5" s="1"/>
  <c r="L7429" i="2"/>
  <c r="L7403" i="5" s="1"/>
  <c r="J7429" i="2"/>
  <c r="J7403" i="5" s="1"/>
  <c r="N7403" i="5" s="1"/>
  <c r="I7429" i="2"/>
  <c r="I7403" i="5" s="1"/>
  <c r="M7429" i="2"/>
  <c r="M7403" i="5" s="1"/>
  <c r="K7429" i="2"/>
  <c r="K7403" i="5" s="1"/>
  <c r="O7403" i="5" s="1"/>
  <c r="L6510" i="2"/>
  <c r="L6484" i="5" s="1"/>
  <c r="M6510" i="2"/>
  <c r="M6484" i="5" s="1"/>
  <c r="I6510" i="2"/>
  <c r="I6484" i="5" s="1"/>
  <c r="K6510" i="2"/>
  <c r="K6484" i="5" s="1"/>
  <c r="O6484" i="5" s="1"/>
  <c r="J6510" i="2"/>
  <c r="J6484" i="5" s="1"/>
  <c r="N6484" i="5" s="1"/>
  <c r="J6491" i="2"/>
  <c r="J6465" i="5" s="1"/>
  <c r="N6465" i="5" s="1"/>
  <c r="L6491" i="2"/>
  <c r="L6465" i="5" s="1"/>
  <c r="M6491" i="2"/>
  <c r="M6465" i="5" s="1"/>
  <c r="I6491" i="2"/>
  <c r="I6465" i="5" s="1"/>
  <c r="K6491" i="2"/>
  <c r="K6465" i="5" s="1"/>
  <c r="O6465" i="5" s="1"/>
  <c r="I4843" i="2"/>
  <c r="I4817" i="5" s="1"/>
  <c r="K4843" i="2"/>
  <c r="K4817" i="5" s="1"/>
  <c r="O4817" i="5" s="1"/>
  <c r="J4843" i="2"/>
  <c r="J4817" i="5" s="1"/>
  <c r="N4817" i="5" s="1"/>
  <c r="M4843" i="2"/>
  <c r="M4817" i="5" s="1"/>
  <c r="L4843" i="2"/>
  <c r="L4817" i="5" s="1"/>
  <c r="I7878" i="2"/>
  <c r="I7852" i="5" s="1"/>
  <c r="M7878" i="2"/>
  <c r="M7852" i="5" s="1"/>
  <c r="J7878" i="2"/>
  <c r="J7852" i="5" s="1"/>
  <c r="N7852" i="5" s="1"/>
  <c r="L7878" i="2"/>
  <c r="L7852" i="5" s="1"/>
  <c r="K7878" i="2"/>
  <c r="K7852" i="5" s="1"/>
  <c r="O7852" i="5" s="1"/>
  <c r="L4916" i="2"/>
  <c r="L4890" i="5" s="1"/>
  <c r="I4916" i="2"/>
  <c r="I4890" i="5" s="1"/>
  <c r="M4916" i="2"/>
  <c r="M4890" i="5" s="1"/>
  <c r="K4916" i="2"/>
  <c r="K4890" i="5" s="1"/>
  <c r="O4890" i="5" s="1"/>
  <c r="J4916" i="2"/>
  <c r="J4890" i="5" s="1"/>
  <c r="N4890" i="5" s="1"/>
  <c r="J8283" i="2"/>
  <c r="J8257" i="5" s="1"/>
  <c r="N8257" i="5" s="1"/>
  <c r="M8283" i="2"/>
  <c r="M8257" i="5" s="1"/>
  <c r="L8283" i="2"/>
  <c r="L8257" i="5" s="1"/>
  <c r="I8283" i="2"/>
  <c r="I8257" i="5" s="1"/>
  <c r="K8283" i="2"/>
  <c r="K8257" i="5" s="1"/>
  <c r="O8257" i="5" s="1"/>
  <c r="K8276" i="2"/>
  <c r="K8250" i="5" s="1"/>
  <c r="O8250" i="5" s="1"/>
  <c r="J8276" i="2"/>
  <c r="J8250" i="5" s="1"/>
  <c r="N8250" i="5" s="1"/>
  <c r="L8276" i="2"/>
  <c r="L8250" i="5" s="1"/>
  <c r="M8276" i="2"/>
  <c r="M8250" i="5" s="1"/>
  <c r="I8276" i="2"/>
  <c r="I8250" i="5" s="1"/>
  <c r="M4635" i="2"/>
  <c r="M4609" i="5" s="1"/>
  <c r="I4635" i="2"/>
  <c r="I4609" i="5" s="1"/>
  <c r="K4635" i="2"/>
  <c r="K4609" i="5" s="1"/>
  <c r="O4609" i="5" s="1"/>
  <c r="J4635" i="2"/>
  <c r="J4609" i="5" s="1"/>
  <c r="N4609" i="5" s="1"/>
  <c r="L4635" i="2"/>
  <c r="L4609" i="5" s="1"/>
  <c r="L2415" i="2"/>
  <c r="L2389" i="5" s="1"/>
  <c r="I2415" i="2"/>
  <c r="I2389" i="5" s="1"/>
  <c r="M2415" i="2"/>
  <c r="M2389" i="5" s="1"/>
  <c r="K2415" i="2"/>
  <c r="K2389" i="5" s="1"/>
  <c r="O2389" i="5" s="1"/>
  <c r="J2415" i="2"/>
  <c r="J2389" i="5" s="1"/>
  <c r="N2389" i="5" s="1"/>
  <c r="M5302" i="2"/>
  <c r="M5276" i="5" s="1"/>
  <c r="I5302" i="2"/>
  <c r="I5276" i="5" s="1"/>
  <c r="K5302" i="2"/>
  <c r="K5276" i="5" s="1"/>
  <c r="O5276" i="5" s="1"/>
  <c r="J5302" i="2"/>
  <c r="J5276" i="5" s="1"/>
  <c r="N5276" i="5" s="1"/>
  <c r="L5302" i="2"/>
  <c r="L5276" i="5" s="1"/>
  <c r="K7985" i="2"/>
  <c r="K7959" i="5" s="1"/>
  <c r="O7959" i="5" s="1"/>
  <c r="M7985" i="2"/>
  <c r="M7959" i="5" s="1"/>
  <c r="J7985" i="2"/>
  <c r="J7959" i="5" s="1"/>
  <c r="N7959" i="5" s="1"/>
  <c r="I7985" i="2"/>
  <c r="I7959" i="5" s="1"/>
  <c r="L7985" i="2"/>
  <c r="L7959" i="5" s="1"/>
  <c r="C339" i="5"/>
  <c r="AR333" i="1"/>
  <c r="I4094" i="2"/>
  <c r="I4068" i="5" s="1"/>
  <c r="K4094" i="2"/>
  <c r="K4068" i="5" s="1"/>
  <c r="O4068" i="5" s="1"/>
  <c r="J4094" i="2"/>
  <c r="J4068" i="5" s="1"/>
  <c r="N4068" i="5" s="1"/>
  <c r="M4094" i="2"/>
  <c r="M4068" i="5" s="1"/>
  <c r="L4094" i="2"/>
  <c r="L4068" i="5" s="1"/>
  <c r="L8614" i="2"/>
  <c r="L8588" i="5" s="1"/>
  <c r="M8614" i="2"/>
  <c r="M8588" i="5" s="1"/>
  <c r="K8614" i="2"/>
  <c r="K8588" i="5" s="1"/>
  <c r="O8588" i="5" s="1"/>
  <c r="J8614" i="2"/>
  <c r="J8588" i="5" s="1"/>
  <c r="N8588" i="5" s="1"/>
  <c r="I8614" i="2"/>
  <c r="I8588" i="5" s="1"/>
  <c r="L6098" i="2"/>
  <c r="L6072" i="5" s="1"/>
  <c r="I6098" i="2"/>
  <c r="I6072" i="5" s="1"/>
  <c r="M6098" i="2"/>
  <c r="M6072" i="5" s="1"/>
  <c r="K6098" i="2"/>
  <c r="K6072" i="5" s="1"/>
  <c r="O6072" i="5" s="1"/>
  <c r="J6098" i="2"/>
  <c r="J6072" i="5" s="1"/>
  <c r="N6072" i="5" s="1"/>
  <c r="L3990" i="2"/>
  <c r="L3964" i="5" s="1"/>
  <c r="M3990" i="2"/>
  <c r="M3964" i="5" s="1"/>
  <c r="I3990" i="2"/>
  <c r="I3964" i="5" s="1"/>
  <c r="K3990" i="2"/>
  <c r="K3964" i="5" s="1"/>
  <c r="O3964" i="5" s="1"/>
  <c r="J3990" i="2"/>
  <c r="J3964" i="5" s="1"/>
  <c r="N3964" i="5" s="1"/>
  <c r="L3970" i="2"/>
  <c r="L3944" i="5" s="1"/>
  <c r="M3970" i="2"/>
  <c r="M3944" i="5" s="1"/>
  <c r="J3970" i="2"/>
  <c r="J3944" i="5" s="1"/>
  <c r="N3944" i="5" s="1"/>
  <c r="I3970" i="2"/>
  <c r="I3944" i="5" s="1"/>
  <c r="K3970" i="2"/>
  <c r="K3944" i="5" s="1"/>
  <c r="O3944" i="5" s="1"/>
  <c r="I6143" i="2"/>
  <c r="I6117" i="5" s="1"/>
  <c r="K6143" i="2"/>
  <c r="K6117" i="5" s="1"/>
  <c r="O6117" i="5" s="1"/>
  <c r="J6143" i="2"/>
  <c r="J6117" i="5" s="1"/>
  <c r="N6117" i="5" s="1"/>
  <c r="L6143" i="2"/>
  <c r="L6117" i="5" s="1"/>
  <c r="M6143" i="2"/>
  <c r="M6117" i="5" s="1"/>
  <c r="K6133" i="2"/>
  <c r="K6107" i="5" s="1"/>
  <c r="O6107" i="5" s="1"/>
  <c r="J6133" i="2"/>
  <c r="J6107" i="5" s="1"/>
  <c r="N6107" i="5" s="1"/>
  <c r="L6133" i="2"/>
  <c r="L6107" i="5" s="1"/>
  <c r="I6133" i="2"/>
  <c r="I6107" i="5" s="1"/>
  <c r="M6133" i="2"/>
  <c r="M6107" i="5" s="1"/>
  <c r="J5780" i="2"/>
  <c r="J5754" i="5" s="1"/>
  <c r="N5754" i="5" s="1"/>
  <c r="M5780" i="2"/>
  <c r="M5754" i="5" s="1"/>
  <c r="L5780" i="2"/>
  <c r="L5754" i="5" s="1"/>
  <c r="I5780" i="2"/>
  <c r="I5754" i="5" s="1"/>
  <c r="K5780" i="2"/>
  <c r="K5754" i="5" s="1"/>
  <c r="O5754" i="5" s="1"/>
  <c r="I8704" i="2"/>
  <c r="I8678" i="5" s="1"/>
  <c r="K8704" i="2"/>
  <c r="K8678" i="5" s="1"/>
  <c r="O8678" i="5" s="1"/>
  <c r="L8704" i="2"/>
  <c r="L8678" i="5" s="1"/>
  <c r="J8704" i="2"/>
  <c r="J8678" i="5" s="1"/>
  <c r="N8678" i="5" s="1"/>
  <c r="M8704" i="2"/>
  <c r="M8678" i="5" s="1"/>
  <c r="L5337" i="2"/>
  <c r="L5311" i="5" s="1"/>
  <c r="I5337" i="2"/>
  <c r="I5311" i="5" s="1"/>
  <c r="J5337" i="2"/>
  <c r="J5311" i="5" s="1"/>
  <c r="N5311" i="5" s="1"/>
  <c r="M5337" i="2"/>
  <c r="M5311" i="5" s="1"/>
  <c r="K5337" i="2"/>
  <c r="K5311" i="5" s="1"/>
  <c r="O5311" i="5" s="1"/>
  <c r="K5328" i="2"/>
  <c r="K5302" i="5" s="1"/>
  <c r="O5302" i="5" s="1"/>
  <c r="M5328" i="2"/>
  <c r="M5302" i="5" s="1"/>
  <c r="J5328" i="2"/>
  <c r="J5302" i="5" s="1"/>
  <c r="N5302" i="5" s="1"/>
  <c r="L5328" i="2"/>
  <c r="L5302" i="5" s="1"/>
  <c r="I5328" i="2"/>
  <c r="I5302" i="5" s="1"/>
  <c r="I7281" i="2"/>
  <c r="I7255" i="5" s="1"/>
  <c r="K7281" i="2"/>
  <c r="K7255" i="5" s="1"/>
  <c r="O7255" i="5" s="1"/>
  <c r="J7281" i="2"/>
  <c r="J7255" i="5" s="1"/>
  <c r="N7255" i="5" s="1"/>
  <c r="L7281" i="2"/>
  <c r="L7255" i="5" s="1"/>
  <c r="M7281" i="2"/>
  <c r="M7255" i="5" s="1"/>
  <c r="I6342" i="2"/>
  <c r="I6316" i="5" s="1"/>
  <c r="M6342" i="2"/>
  <c r="M6316" i="5" s="1"/>
  <c r="K6342" i="2"/>
  <c r="K6316" i="5" s="1"/>
  <c r="O6316" i="5" s="1"/>
  <c r="J6342" i="2"/>
  <c r="J6316" i="5" s="1"/>
  <c r="N6316" i="5" s="1"/>
  <c r="L6342" i="2"/>
  <c r="L6316" i="5" s="1"/>
  <c r="I7806" i="2"/>
  <c r="I7780" i="5" s="1"/>
  <c r="J7806" i="2"/>
  <c r="J7780" i="5" s="1"/>
  <c r="N7780" i="5" s="1"/>
  <c r="L7806" i="2"/>
  <c r="L7780" i="5" s="1"/>
  <c r="M7806" i="2"/>
  <c r="M7780" i="5" s="1"/>
  <c r="K7806" i="2"/>
  <c r="K7780" i="5" s="1"/>
  <c r="O7780" i="5" s="1"/>
  <c r="J6420" i="2"/>
  <c r="J6394" i="5" s="1"/>
  <c r="N6394" i="5" s="1"/>
  <c r="K6420" i="2"/>
  <c r="K6394" i="5" s="1"/>
  <c r="O6394" i="5" s="1"/>
  <c r="M6420" i="2"/>
  <c r="M6394" i="5" s="1"/>
  <c r="L6420" i="2"/>
  <c r="L6394" i="5" s="1"/>
  <c r="I6420" i="2"/>
  <c r="I6394" i="5" s="1"/>
  <c r="J8022" i="2"/>
  <c r="J7996" i="5" s="1"/>
  <c r="N7996" i="5" s="1"/>
  <c r="M8022" i="2"/>
  <c r="M7996" i="5" s="1"/>
  <c r="I8022" i="2"/>
  <c r="I7996" i="5" s="1"/>
  <c r="L8022" i="2"/>
  <c r="L7996" i="5" s="1"/>
  <c r="K8022" i="2"/>
  <c r="K7996" i="5" s="1"/>
  <c r="O7996" i="5" s="1"/>
  <c r="J5684" i="2"/>
  <c r="J5658" i="5" s="1"/>
  <c r="N5658" i="5" s="1"/>
  <c r="L5684" i="2"/>
  <c r="L5658" i="5" s="1"/>
  <c r="M5684" i="2"/>
  <c r="M5658" i="5" s="1"/>
  <c r="I5684" i="2"/>
  <c r="I5658" i="5" s="1"/>
  <c r="K5684" i="2"/>
  <c r="K5658" i="5" s="1"/>
  <c r="O5658" i="5" s="1"/>
  <c r="J5685" i="2"/>
  <c r="J5659" i="5" s="1"/>
  <c r="N5659" i="5" s="1"/>
  <c r="L5685" i="2"/>
  <c r="L5659" i="5" s="1"/>
  <c r="M5685" i="2"/>
  <c r="M5659" i="5" s="1"/>
  <c r="I5685" i="2"/>
  <c r="I5659" i="5" s="1"/>
  <c r="K5685" i="2"/>
  <c r="K5659" i="5" s="1"/>
  <c r="O5659" i="5" s="1"/>
  <c r="I4796" i="2"/>
  <c r="I4770" i="5" s="1"/>
  <c r="K4796" i="2"/>
  <c r="K4770" i="5" s="1"/>
  <c r="O4770" i="5" s="1"/>
  <c r="J4796" i="2"/>
  <c r="J4770" i="5" s="1"/>
  <c r="N4770" i="5" s="1"/>
  <c r="M4796" i="2"/>
  <c r="M4770" i="5" s="1"/>
  <c r="L4796" i="2"/>
  <c r="L4770" i="5" s="1"/>
  <c r="L8490" i="2"/>
  <c r="L8464" i="5" s="1"/>
  <c r="I8490" i="2"/>
  <c r="I8464" i="5" s="1"/>
  <c r="K8490" i="2"/>
  <c r="K8464" i="5" s="1"/>
  <c r="O8464" i="5" s="1"/>
  <c r="J8490" i="2"/>
  <c r="J8464" i="5" s="1"/>
  <c r="N8464" i="5" s="1"/>
  <c r="M8490" i="2"/>
  <c r="M8464" i="5" s="1"/>
  <c r="C360" i="5"/>
  <c r="AR354" i="1"/>
  <c r="M6873" i="2"/>
  <c r="M6847" i="5" s="1"/>
  <c r="I6873" i="2"/>
  <c r="I6847" i="5" s="1"/>
  <c r="L6873" i="2"/>
  <c r="L6847" i="5" s="1"/>
  <c r="K6873" i="2"/>
  <c r="K6847" i="5" s="1"/>
  <c r="O6847" i="5" s="1"/>
  <c r="J6873" i="2"/>
  <c r="J6847" i="5" s="1"/>
  <c r="N6847" i="5" s="1"/>
  <c r="J6868" i="2"/>
  <c r="J6842" i="5" s="1"/>
  <c r="N6842" i="5" s="1"/>
  <c r="M6868" i="2"/>
  <c r="M6842" i="5" s="1"/>
  <c r="I6868" i="2"/>
  <c r="I6842" i="5" s="1"/>
  <c r="L6868" i="2"/>
  <c r="L6842" i="5" s="1"/>
  <c r="K6868" i="2"/>
  <c r="K6842" i="5" s="1"/>
  <c r="O6842" i="5" s="1"/>
  <c r="L134" i="2"/>
  <c r="L108" i="5" s="1"/>
  <c r="M134" i="2"/>
  <c r="M108" i="5" s="1"/>
  <c r="I134" i="2"/>
  <c r="I108" i="5" s="1"/>
  <c r="J134" i="2"/>
  <c r="J108" i="5" s="1"/>
  <c r="N108" i="5" s="1"/>
  <c r="K134" i="2"/>
  <c r="K108" i="5" s="1"/>
  <c r="O108" i="5" s="1"/>
  <c r="I130" i="2"/>
  <c r="I104" i="5" s="1"/>
  <c r="J130" i="2"/>
  <c r="J104" i="5" s="1"/>
  <c r="N104" i="5" s="1"/>
  <c r="K130" i="2"/>
  <c r="K104" i="5" s="1"/>
  <c r="O104" i="5" s="1"/>
  <c r="M130" i="2"/>
  <c r="M104" i="5" s="1"/>
  <c r="L130" i="2"/>
  <c r="L104" i="5" s="1"/>
  <c r="I8659" i="2"/>
  <c r="I8633" i="5" s="1"/>
  <c r="J8659" i="2"/>
  <c r="J8633" i="5" s="1"/>
  <c r="N8633" i="5" s="1"/>
  <c r="L8659" i="2"/>
  <c r="L8633" i="5" s="1"/>
  <c r="K8659" i="2"/>
  <c r="K8633" i="5" s="1"/>
  <c r="O8633" i="5" s="1"/>
  <c r="M8659" i="2"/>
  <c r="M8633" i="5" s="1"/>
  <c r="I4289" i="2"/>
  <c r="I4263" i="5" s="1"/>
  <c r="J4289" i="2"/>
  <c r="J4263" i="5" s="1"/>
  <c r="N4263" i="5" s="1"/>
  <c r="L4289" i="2"/>
  <c r="L4263" i="5" s="1"/>
  <c r="K4289" i="2"/>
  <c r="K4263" i="5" s="1"/>
  <c r="O4263" i="5" s="1"/>
  <c r="M4289" i="2"/>
  <c r="M4263" i="5" s="1"/>
  <c r="J4299" i="2"/>
  <c r="J4273" i="5" s="1"/>
  <c r="N4273" i="5" s="1"/>
  <c r="M4299" i="2"/>
  <c r="M4273" i="5" s="1"/>
  <c r="I4299" i="2"/>
  <c r="I4273" i="5" s="1"/>
  <c r="L4299" i="2"/>
  <c r="L4273" i="5" s="1"/>
  <c r="K4299" i="2"/>
  <c r="K4273" i="5" s="1"/>
  <c r="O4273" i="5" s="1"/>
  <c r="I6272" i="2"/>
  <c r="I6246" i="5" s="1"/>
  <c r="K6272" i="2"/>
  <c r="K6246" i="5" s="1"/>
  <c r="O6246" i="5" s="1"/>
  <c r="L6272" i="2"/>
  <c r="L6246" i="5" s="1"/>
  <c r="J6272" i="2"/>
  <c r="J6246" i="5" s="1"/>
  <c r="N6246" i="5" s="1"/>
  <c r="M6272" i="2"/>
  <c r="M6246" i="5" s="1"/>
  <c r="M7844" i="2"/>
  <c r="M7818" i="5" s="1"/>
  <c r="J7844" i="2"/>
  <c r="J7818" i="5" s="1"/>
  <c r="N7818" i="5" s="1"/>
  <c r="K7844" i="2"/>
  <c r="K7818" i="5" s="1"/>
  <c r="O7818" i="5" s="1"/>
  <c r="I7844" i="2"/>
  <c r="I7818" i="5" s="1"/>
  <c r="L7844" i="2"/>
  <c r="L7818" i="5" s="1"/>
  <c r="L616" i="2"/>
  <c r="L590" i="5" s="1"/>
  <c r="J616" i="2"/>
  <c r="J590" i="5" s="1"/>
  <c r="N590" i="5" s="1"/>
  <c r="M616" i="2"/>
  <c r="M590" i="5" s="1"/>
  <c r="I616" i="2"/>
  <c r="I590" i="5" s="1"/>
  <c r="K616" i="2"/>
  <c r="K590" i="5" s="1"/>
  <c r="O590" i="5" s="1"/>
  <c r="I2752" i="2"/>
  <c r="I2726" i="5" s="1"/>
  <c r="K2752" i="2"/>
  <c r="K2726" i="5" s="1"/>
  <c r="O2726" i="5" s="1"/>
  <c r="J2752" i="2"/>
  <c r="J2726" i="5" s="1"/>
  <c r="N2726" i="5" s="1"/>
  <c r="L2752" i="2"/>
  <c r="L2726" i="5" s="1"/>
  <c r="M2752" i="2"/>
  <c r="M2726" i="5" s="1"/>
  <c r="J1382" i="2"/>
  <c r="J1356" i="5" s="1"/>
  <c r="N1356" i="5" s="1"/>
  <c r="L1382" i="2"/>
  <c r="L1356" i="5" s="1"/>
  <c r="M1382" i="2"/>
  <c r="M1356" i="5" s="1"/>
  <c r="I1382" i="2"/>
  <c r="I1356" i="5" s="1"/>
  <c r="K1382" i="2"/>
  <c r="K1356" i="5" s="1"/>
  <c r="O1356" i="5" s="1"/>
  <c r="J1380" i="2"/>
  <c r="J1354" i="5" s="1"/>
  <c r="N1354" i="5" s="1"/>
  <c r="M1380" i="2"/>
  <c r="M1354" i="5" s="1"/>
  <c r="L1380" i="2"/>
  <c r="L1354" i="5" s="1"/>
  <c r="I1380" i="2"/>
  <c r="I1354" i="5" s="1"/>
  <c r="K1380" i="2"/>
  <c r="K1354" i="5" s="1"/>
  <c r="O1354" i="5" s="1"/>
  <c r="K563" i="2"/>
  <c r="K537" i="5" s="1"/>
  <c r="O537" i="5" s="1"/>
  <c r="L563" i="2"/>
  <c r="L537" i="5" s="1"/>
  <c r="M563" i="2"/>
  <c r="M537" i="5" s="1"/>
  <c r="J563" i="2"/>
  <c r="J537" i="5" s="1"/>
  <c r="N537" i="5" s="1"/>
  <c r="I563" i="2"/>
  <c r="I537" i="5" s="1"/>
  <c r="K574" i="2"/>
  <c r="K548" i="5" s="1"/>
  <c r="O548" i="5" s="1"/>
  <c r="I574" i="2"/>
  <c r="I548" i="5" s="1"/>
  <c r="J574" i="2"/>
  <c r="J548" i="5" s="1"/>
  <c r="N548" i="5" s="1"/>
  <c r="M574" i="2"/>
  <c r="M548" i="5" s="1"/>
  <c r="L574" i="2"/>
  <c r="L548" i="5" s="1"/>
  <c r="L7699" i="2"/>
  <c r="L7673" i="5" s="1"/>
  <c r="M7699" i="2"/>
  <c r="M7673" i="5" s="1"/>
  <c r="I7699" i="2"/>
  <c r="I7673" i="5" s="1"/>
  <c r="K7699" i="2"/>
  <c r="K7673" i="5" s="1"/>
  <c r="O7673" i="5" s="1"/>
  <c r="J7699" i="2"/>
  <c r="J7673" i="5" s="1"/>
  <c r="N7673" i="5" s="1"/>
  <c r="I8435" i="2"/>
  <c r="I8409" i="5" s="1"/>
  <c r="K8435" i="2"/>
  <c r="K8409" i="5" s="1"/>
  <c r="O8409" i="5" s="1"/>
  <c r="L8435" i="2"/>
  <c r="L8409" i="5" s="1"/>
  <c r="M8435" i="2"/>
  <c r="M8409" i="5" s="1"/>
  <c r="J8435" i="2"/>
  <c r="J8409" i="5" s="1"/>
  <c r="N8409" i="5" s="1"/>
  <c r="J5099" i="2"/>
  <c r="J5073" i="5" s="1"/>
  <c r="N5073" i="5" s="1"/>
  <c r="M5099" i="2"/>
  <c r="M5073" i="5" s="1"/>
  <c r="I5099" i="2"/>
  <c r="I5073" i="5" s="1"/>
  <c r="L5099" i="2"/>
  <c r="L5073" i="5" s="1"/>
  <c r="K5099" i="2"/>
  <c r="K5073" i="5" s="1"/>
  <c r="O5073" i="5" s="1"/>
  <c r="L1740" i="2"/>
  <c r="L1714" i="5" s="1"/>
  <c r="M1740" i="2"/>
  <c r="M1714" i="5" s="1"/>
  <c r="I1740" i="2"/>
  <c r="I1714" i="5" s="1"/>
  <c r="K1740" i="2"/>
  <c r="K1714" i="5" s="1"/>
  <c r="O1714" i="5" s="1"/>
  <c r="J1740" i="2"/>
  <c r="J1714" i="5" s="1"/>
  <c r="N1714" i="5" s="1"/>
  <c r="K1738" i="2"/>
  <c r="K1712" i="5" s="1"/>
  <c r="O1712" i="5" s="1"/>
  <c r="L1738" i="2"/>
  <c r="L1712" i="5" s="1"/>
  <c r="M1738" i="2"/>
  <c r="M1712" i="5" s="1"/>
  <c r="J1738" i="2"/>
  <c r="J1712" i="5" s="1"/>
  <c r="N1712" i="5" s="1"/>
  <c r="I1738" i="2"/>
  <c r="I1712" i="5" s="1"/>
  <c r="M3629" i="2"/>
  <c r="M3603" i="5" s="1"/>
  <c r="L3629" i="2"/>
  <c r="L3603" i="5" s="1"/>
  <c r="J3629" i="2"/>
  <c r="J3603" i="5" s="1"/>
  <c r="N3603" i="5" s="1"/>
  <c r="I3629" i="2"/>
  <c r="I3603" i="5" s="1"/>
  <c r="K3629" i="2"/>
  <c r="K3603" i="5" s="1"/>
  <c r="O3603" i="5" s="1"/>
  <c r="L2894" i="2"/>
  <c r="L2868" i="5" s="1"/>
  <c r="K2894" i="2"/>
  <c r="K2868" i="5" s="1"/>
  <c r="O2868" i="5" s="1"/>
  <c r="M2894" i="2"/>
  <c r="M2868" i="5" s="1"/>
  <c r="I2894" i="2"/>
  <c r="I2868" i="5" s="1"/>
  <c r="J2894" i="2"/>
  <c r="J2868" i="5" s="1"/>
  <c r="N2868" i="5" s="1"/>
  <c r="K2911" i="2"/>
  <c r="K2885" i="5" s="1"/>
  <c r="O2885" i="5" s="1"/>
  <c r="L2911" i="2"/>
  <c r="L2885" i="5" s="1"/>
  <c r="M2911" i="2"/>
  <c r="M2885" i="5" s="1"/>
  <c r="I2911" i="2"/>
  <c r="I2885" i="5" s="1"/>
  <c r="J2911" i="2"/>
  <c r="J2885" i="5" s="1"/>
  <c r="N2885" i="5" s="1"/>
  <c r="J6674" i="2"/>
  <c r="J6648" i="5" s="1"/>
  <c r="N6648" i="5" s="1"/>
  <c r="L6674" i="2"/>
  <c r="L6648" i="5" s="1"/>
  <c r="M6674" i="2"/>
  <c r="M6648" i="5" s="1"/>
  <c r="I6674" i="2"/>
  <c r="I6648" i="5" s="1"/>
  <c r="K6674" i="2"/>
  <c r="K6648" i="5" s="1"/>
  <c r="O6648" i="5" s="1"/>
  <c r="J5950" i="2"/>
  <c r="J5924" i="5" s="1"/>
  <c r="N5924" i="5" s="1"/>
  <c r="M5950" i="2"/>
  <c r="M5924" i="5" s="1"/>
  <c r="L5950" i="2"/>
  <c r="L5924" i="5" s="1"/>
  <c r="I5950" i="2"/>
  <c r="I5924" i="5" s="1"/>
  <c r="K5950" i="2"/>
  <c r="K5924" i="5" s="1"/>
  <c r="O5924" i="5" s="1"/>
  <c r="I4675" i="2"/>
  <c r="I4649" i="5" s="1"/>
  <c r="L4675" i="2"/>
  <c r="L4649" i="5" s="1"/>
  <c r="M4675" i="2"/>
  <c r="M4649" i="5" s="1"/>
  <c r="K4675" i="2"/>
  <c r="K4649" i="5" s="1"/>
  <c r="O4649" i="5" s="1"/>
  <c r="J4675" i="2"/>
  <c r="J4649" i="5" s="1"/>
  <c r="N4649" i="5" s="1"/>
  <c r="I4683" i="2"/>
  <c r="I4657" i="5" s="1"/>
  <c r="J4683" i="2"/>
  <c r="J4657" i="5" s="1"/>
  <c r="N4657" i="5" s="1"/>
  <c r="M4683" i="2"/>
  <c r="M4657" i="5" s="1"/>
  <c r="L4683" i="2"/>
  <c r="L4657" i="5" s="1"/>
  <c r="K4683" i="2"/>
  <c r="K4657" i="5" s="1"/>
  <c r="O4657" i="5" s="1"/>
  <c r="J6171" i="2"/>
  <c r="J6145" i="5" s="1"/>
  <c r="N6145" i="5" s="1"/>
  <c r="L6171" i="2"/>
  <c r="L6145" i="5" s="1"/>
  <c r="M6171" i="2"/>
  <c r="M6145" i="5" s="1"/>
  <c r="I6171" i="2"/>
  <c r="I6145" i="5" s="1"/>
  <c r="K6171" i="2"/>
  <c r="K6145" i="5" s="1"/>
  <c r="O6145" i="5" s="1"/>
  <c r="AR257" i="1"/>
  <c r="C263" i="5"/>
  <c r="L2451" i="2"/>
  <c r="L2425" i="5" s="1"/>
  <c r="M2451" i="2"/>
  <c r="M2425" i="5" s="1"/>
  <c r="I2451" i="2"/>
  <c r="I2425" i="5" s="1"/>
  <c r="K2451" i="2"/>
  <c r="K2425" i="5" s="1"/>
  <c r="O2425" i="5" s="1"/>
  <c r="J2451" i="2"/>
  <c r="J2425" i="5" s="1"/>
  <c r="N2425" i="5" s="1"/>
  <c r="J2434" i="2"/>
  <c r="J2408" i="5" s="1"/>
  <c r="N2408" i="5" s="1"/>
  <c r="L2434" i="2"/>
  <c r="L2408" i="5" s="1"/>
  <c r="M2434" i="2"/>
  <c r="M2408" i="5" s="1"/>
  <c r="I2434" i="2"/>
  <c r="I2408" i="5" s="1"/>
  <c r="K2434" i="2"/>
  <c r="K2408" i="5" s="1"/>
  <c r="O2408" i="5" s="1"/>
  <c r="J2602" i="2"/>
  <c r="J2576" i="5" s="1"/>
  <c r="N2576" i="5" s="1"/>
  <c r="I2602" i="2"/>
  <c r="I2576" i="5" s="1"/>
  <c r="L2602" i="2"/>
  <c r="L2576" i="5" s="1"/>
  <c r="K2602" i="2"/>
  <c r="K2576" i="5" s="1"/>
  <c r="O2576" i="5" s="1"/>
  <c r="M2602" i="2"/>
  <c r="M2576" i="5" s="1"/>
  <c r="J2613" i="2"/>
  <c r="J2587" i="5" s="1"/>
  <c r="N2587" i="5" s="1"/>
  <c r="L2613" i="2"/>
  <c r="L2587" i="5" s="1"/>
  <c r="I2613" i="2"/>
  <c r="I2587" i="5" s="1"/>
  <c r="M2613" i="2"/>
  <c r="M2587" i="5" s="1"/>
  <c r="K2613" i="2"/>
  <c r="K2587" i="5" s="1"/>
  <c r="O2587" i="5" s="1"/>
  <c r="M8381" i="2"/>
  <c r="M8355" i="5" s="1"/>
  <c r="L8381" i="2"/>
  <c r="L8355" i="5" s="1"/>
  <c r="J8381" i="2"/>
  <c r="J8355" i="5" s="1"/>
  <c r="N8355" i="5" s="1"/>
  <c r="I8381" i="2"/>
  <c r="I8355" i="5" s="1"/>
  <c r="K8381" i="2"/>
  <c r="K8355" i="5" s="1"/>
  <c r="O8355" i="5" s="1"/>
  <c r="J1640" i="2"/>
  <c r="J1614" i="5" s="1"/>
  <c r="N1614" i="5" s="1"/>
  <c r="L1640" i="2"/>
  <c r="L1614" i="5" s="1"/>
  <c r="M1640" i="2"/>
  <c r="M1614" i="5" s="1"/>
  <c r="I1640" i="2"/>
  <c r="I1614" i="5" s="1"/>
  <c r="K1640" i="2"/>
  <c r="K1614" i="5" s="1"/>
  <c r="O1614" i="5" s="1"/>
  <c r="I3168" i="2"/>
  <c r="I3142" i="5" s="1"/>
  <c r="K3168" i="2"/>
  <c r="K3142" i="5" s="1"/>
  <c r="O3142" i="5" s="1"/>
  <c r="M3168" i="2"/>
  <c r="M3142" i="5" s="1"/>
  <c r="J3168" i="2"/>
  <c r="J3142" i="5" s="1"/>
  <c r="N3142" i="5" s="1"/>
  <c r="L3168" i="2"/>
  <c r="L3142" i="5" s="1"/>
  <c r="M3462" i="2"/>
  <c r="M3436" i="5" s="1"/>
  <c r="K3462" i="2"/>
  <c r="K3436" i="5" s="1"/>
  <c r="O3436" i="5" s="1"/>
  <c r="J3462" i="2"/>
  <c r="J3436" i="5" s="1"/>
  <c r="N3436" i="5" s="1"/>
  <c r="L3462" i="2"/>
  <c r="L3436" i="5" s="1"/>
  <c r="I3462" i="2"/>
  <c r="I3436" i="5" s="1"/>
  <c r="J3461" i="2"/>
  <c r="J3435" i="5" s="1"/>
  <c r="N3435" i="5" s="1"/>
  <c r="L3461" i="2"/>
  <c r="L3435" i="5" s="1"/>
  <c r="I3461" i="2"/>
  <c r="I3435" i="5" s="1"/>
  <c r="K3461" i="2"/>
  <c r="K3435" i="5" s="1"/>
  <c r="O3435" i="5" s="1"/>
  <c r="M3461" i="2"/>
  <c r="M3435" i="5" s="1"/>
  <c r="J911" i="2"/>
  <c r="J885" i="5" s="1"/>
  <c r="N885" i="5" s="1"/>
  <c r="I911" i="2"/>
  <c r="I885" i="5" s="1"/>
  <c r="M911" i="2"/>
  <c r="M885" i="5" s="1"/>
  <c r="L911" i="2"/>
  <c r="L885" i="5" s="1"/>
  <c r="K911" i="2"/>
  <c r="K885" i="5" s="1"/>
  <c r="O885" i="5" s="1"/>
  <c r="C44" i="5"/>
  <c r="AR38" i="1"/>
  <c r="M7936" i="2"/>
  <c r="M7910" i="5" s="1"/>
  <c r="K7936" i="2"/>
  <c r="K7910" i="5" s="1"/>
  <c r="O7910" i="5" s="1"/>
  <c r="J7936" i="2"/>
  <c r="J7910" i="5" s="1"/>
  <c r="N7910" i="5" s="1"/>
  <c r="L7936" i="2"/>
  <c r="L7910" i="5" s="1"/>
  <c r="I7936" i="2"/>
  <c r="I7910" i="5" s="1"/>
  <c r="L1929" i="2"/>
  <c r="L1903" i="5" s="1"/>
  <c r="M1929" i="2"/>
  <c r="M1903" i="5" s="1"/>
  <c r="I1929" i="2"/>
  <c r="I1903" i="5" s="1"/>
  <c r="K1929" i="2"/>
  <c r="K1903" i="5" s="1"/>
  <c r="O1903" i="5" s="1"/>
  <c r="J1929" i="2"/>
  <c r="J1903" i="5" s="1"/>
  <c r="N1903" i="5" s="1"/>
  <c r="M2742" i="2"/>
  <c r="M2716" i="5" s="1"/>
  <c r="L2742" i="2"/>
  <c r="L2716" i="5" s="1"/>
  <c r="I2742" i="2"/>
  <c r="I2716" i="5" s="1"/>
  <c r="K2742" i="2"/>
  <c r="K2716" i="5" s="1"/>
  <c r="O2716" i="5" s="1"/>
  <c r="J2742" i="2"/>
  <c r="J2716" i="5" s="1"/>
  <c r="N2716" i="5" s="1"/>
  <c r="J3008" i="2"/>
  <c r="J2982" i="5" s="1"/>
  <c r="N2982" i="5" s="1"/>
  <c r="I3008" i="2"/>
  <c r="I2982" i="5" s="1"/>
  <c r="K3008" i="2"/>
  <c r="K2982" i="5" s="1"/>
  <c r="O2982" i="5" s="1"/>
  <c r="L3008" i="2"/>
  <c r="L2982" i="5" s="1"/>
  <c r="M3008" i="2"/>
  <c r="M2982" i="5" s="1"/>
  <c r="K304" i="2"/>
  <c r="K278" i="5" s="1"/>
  <c r="O278" i="5" s="1"/>
  <c r="L304" i="2"/>
  <c r="L278" i="5" s="1"/>
  <c r="M304" i="2"/>
  <c r="M278" i="5" s="1"/>
  <c r="J304" i="2"/>
  <c r="J278" i="5" s="1"/>
  <c r="N278" i="5" s="1"/>
  <c r="I304" i="2"/>
  <c r="I278" i="5" s="1"/>
  <c r="J7495" i="2"/>
  <c r="J7469" i="5" s="1"/>
  <c r="N7469" i="5" s="1"/>
  <c r="L7495" i="2"/>
  <c r="L7469" i="5" s="1"/>
  <c r="I7495" i="2"/>
  <c r="I7469" i="5" s="1"/>
  <c r="K7495" i="2"/>
  <c r="K7469" i="5" s="1"/>
  <c r="O7469" i="5" s="1"/>
  <c r="M7495" i="2"/>
  <c r="M7469" i="5" s="1"/>
  <c r="J7478" i="2"/>
  <c r="J7452" i="5" s="1"/>
  <c r="N7452" i="5" s="1"/>
  <c r="L7478" i="2"/>
  <c r="L7452" i="5" s="1"/>
  <c r="M7478" i="2"/>
  <c r="M7452" i="5" s="1"/>
  <c r="I7478" i="2"/>
  <c r="I7452" i="5" s="1"/>
  <c r="K7478" i="2"/>
  <c r="K7452" i="5" s="1"/>
  <c r="O7452" i="5" s="1"/>
  <c r="I7537" i="2"/>
  <c r="I7511" i="5" s="1"/>
  <c r="K7537" i="2"/>
  <c r="K7511" i="5" s="1"/>
  <c r="O7511" i="5" s="1"/>
  <c r="J7537" i="2"/>
  <c r="J7511" i="5" s="1"/>
  <c r="N7511" i="5" s="1"/>
  <c r="L7537" i="2"/>
  <c r="L7511" i="5" s="1"/>
  <c r="M7537" i="2"/>
  <c r="M7511" i="5" s="1"/>
  <c r="M5190" i="2"/>
  <c r="M5164" i="5" s="1"/>
  <c r="I5190" i="2"/>
  <c r="I5164" i="5" s="1"/>
  <c r="L5190" i="2"/>
  <c r="L5164" i="5" s="1"/>
  <c r="K5190" i="2"/>
  <c r="K5164" i="5" s="1"/>
  <c r="O5164" i="5" s="1"/>
  <c r="J5190" i="2"/>
  <c r="J5164" i="5" s="1"/>
  <c r="N5164" i="5" s="1"/>
  <c r="L3803" i="2"/>
  <c r="L3777" i="5" s="1"/>
  <c r="M3803" i="2"/>
  <c r="M3777" i="5" s="1"/>
  <c r="J3803" i="2"/>
  <c r="J3777" i="5" s="1"/>
  <c r="N3777" i="5" s="1"/>
  <c r="I3803" i="2"/>
  <c r="I3777" i="5" s="1"/>
  <c r="K3803" i="2"/>
  <c r="K3777" i="5" s="1"/>
  <c r="O3777" i="5" s="1"/>
  <c r="L420" i="2"/>
  <c r="L394" i="5" s="1"/>
  <c r="I420" i="2"/>
  <c r="I394" i="5" s="1"/>
  <c r="K420" i="2"/>
  <c r="K394" i="5" s="1"/>
  <c r="O394" i="5" s="1"/>
  <c r="J420" i="2"/>
  <c r="J394" i="5" s="1"/>
  <c r="N394" i="5" s="1"/>
  <c r="M420" i="2"/>
  <c r="M394" i="5" s="1"/>
  <c r="I4347" i="2"/>
  <c r="I4321" i="5" s="1"/>
  <c r="K4347" i="2"/>
  <c r="K4321" i="5" s="1"/>
  <c r="O4321" i="5" s="1"/>
  <c r="J4347" i="2"/>
  <c r="J4321" i="5" s="1"/>
  <c r="N4321" i="5" s="1"/>
  <c r="M4347" i="2"/>
  <c r="M4321" i="5" s="1"/>
  <c r="L4347" i="2"/>
  <c r="L4321" i="5" s="1"/>
  <c r="L957" i="2"/>
  <c r="L931" i="5" s="1"/>
  <c r="K957" i="2"/>
  <c r="K931" i="5" s="1"/>
  <c r="O931" i="5" s="1"/>
  <c r="J957" i="2"/>
  <c r="J931" i="5" s="1"/>
  <c r="N931" i="5" s="1"/>
  <c r="M957" i="2"/>
  <c r="M931" i="5" s="1"/>
  <c r="I957" i="2"/>
  <c r="I931" i="5" s="1"/>
  <c r="L94" i="2"/>
  <c r="L68" i="5" s="1"/>
  <c r="K94" i="2"/>
  <c r="K68" i="5" s="1"/>
  <c r="O68" i="5" s="1"/>
  <c r="M94" i="2"/>
  <c r="M68" i="5" s="1"/>
  <c r="I94" i="2"/>
  <c r="I68" i="5" s="1"/>
  <c r="J94" i="2"/>
  <c r="J68" i="5" s="1"/>
  <c r="N68" i="5" s="1"/>
  <c r="M1932" i="2"/>
  <c r="M1906" i="5" s="1"/>
  <c r="L1932" i="2"/>
  <c r="L1906" i="5" s="1"/>
  <c r="I1932" i="2"/>
  <c r="I1906" i="5" s="1"/>
  <c r="K1932" i="2"/>
  <c r="K1906" i="5" s="1"/>
  <c r="O1906" i="5" s="1"/>
  <c r="J1932" i="2"/>
  <c r="J1906" i="5" s="1"/>
  <c r="N1906" i="5" s="1"/>
  <c r="M8318" i="2"/>
  <c r="M8292" i="5" s="1"/>
  <c r="L8318" i="2"/>
  <c r="L8292" i="5" s="1"/>
  <c r="I8318" i="2"/>
  <c r="I8292" i="5" s="1"/>
  <c r="K8318" i="2"/>
  <c r="K8292" i="5" s="1"/>
  <c r="O8292" i="5" s="1"/>
  <c r="J8318" i="2"/>
  <c r="J8292" i="5" s="1"/>
  <c r="N8292" i="5" s="1"/>
  <c r="K8327" i="2"/>
  <c r="K8301" i="5" s="1"/>
  <c r="O8301" i="5" s="1"/>
  <c r="M8327" i="2"/>
  <c r="M8301" i="5" s="1"/>
  <c r="J8327" i="2"/>
  <c r="J8301" i="5" s="1"/>
  <c r="N8301" i="5" s="1"/>
  <c r="L8327" i="2"/>
  <c r="L8301" i="5" s="1"/>
  <c r="I8327" i="2"/>
  <c r="I8301" i="5" s="1"/>
  <c r="K8548" i="2"/>
  <c r="K8522" i="5" s="1"/>
  <c r="O8522" i="5" s="1"/>
  <c r="J8548" i="2"/>
  <c r="J8522" i="5" s="1"/>
  <c r="N8522" i="5" s="1"/>
  <c r="L8548" i="2"/>
  <c r="L8522" i="5" s="1"/>
  <c r="I8548" i="2"/>
  <c r="I8522" i="5" s="1"/>
  <c r="M8548" i="2"/>
  <c r="M8522" i="5" s="1"/>
  <c r="M462" i="2"/>
  <c r="M436" i="5" s="1"/>
  <c r="K462" i="2"/>
  <c r="K436" i="5" s="1"/>
  <c r="O436" i="5" s="1"/>
  <c r="L462" i="2"/>
  <c r="L436" i="5" s="1"/>
  <c r="J462" i="2"/>
  <c r="J436" i="5" s="1"/>
  <c r="N436" i="5" s="1"/>
  <c r="I462" i="2"/>
  <c r="I436" i="5" s="1"/>
  <c r="J2327" i="2"/>
  <c r="J2301" i="5" s="1"/>
  <c r="N2301" i="5" s="1"/>
  <c r="I2327" i="2"/>
  <c r="I2301" i="5" s="1"/>
  <c r="K2327" i="2"/>
  <c r="K2301" i="5" s="1"/>
  <c r="O2301" i="5" s="1"/>
  <c r="L2327" i="2"/>
  <c r="L2301" i="5" s="1"/>
  <c r="M2327" i="2"/>
  <c r="M2301" i="5" s="1"/>
  <c r="I4596" i="2"/>
  <c r="I4570" i="5" s="1"/>
  <c r="K4596" i="2"/>
  <c r="K4570" i="5" s="1"/>
  <c r="O4570" i="5" s="1"/>
  <c r="J4596" i="2"/>
  <c r="J4570" i="5" s="1"/>
  <c r="N4570" i="5" s="1"/>
  <c r="L4596" i="2"/>
  <c r="L4570" i="5" s="1"/>
  <c r="M4596" i="2"/>
  <c r="M4570" i="5" s="1"/>
  <c r="M4597" i="2"/>
  <c r="M4571" i="5" s="1"/>
  <c r="J4597" i="2"/>
  <c r="J4571" i="5" s="1"/>
  <c r="N4571" i="5" s="1"/>
  <c r="L4597" i="2"/>
  <c r="L4571" i="5" s="1"/>
  <c r="I4597" i="2"/>
  <c r="I4571" i="5" s="1"/>
  <c r="K4597" i="2"/>
  <c r="K4571" i="5" s="1"/>
  <c r="O4571" i="5" s="1"/>
  <c r="K4266" i="2"/>
  <c r="K4240" i="5" s="1"/>
  <c r="O4240" i="5" s="1"/>
  <c r="L4266" i="2"/>
  <c r="L4240" i="5" s="1"/>
  <c r="M4266" i="2"/>
  <c r="M4240" i="5" s="1"/>
  <c r="J4266" i="2"/>
  <c r="J4240" i="5" s="1"/>
  <c r="N4240" i="5" s="1"/>
  <c r="I4266" i="2"/>
  <c r="I4240" i="5" s="1"/>
  <c r="J742" i="2"/>
  <c r="J716" i="5" s="1"/>
  <c r="N716" i="5" s="1"/>
  <c r="M742" i="2"/>
  <c r="M716" i="5" s="1"/>
  <c r="I742" i="2"/>
  <c r="I716" i="5" s="1"/>
  <c r="K742" i="2"/>
  <c r="K716" i="5" s="1"/>
  <c r="O716" i="5" s="1"/>
  <c r="L742" i="2"/>
  <c r="L716" i="5" s="1"/>
  <c r="M4071" i="2"/>
  <c r="M4045" i="5" s="1"/>
  <c r="J4071" i="2"/>
  <c r="J4045" i="5" s="1"/>
  <c r="N4045" i="5" s="1"/>
  <c r="L4071" i="2"/>
  <c r="L4045" i="5" s="1"/>
  <c r="I4071" i="2"/>
  <c r="I4045" i="5" s="1"/>
  <c r="K4071" i="2"/>
  <c r="K4045" i="5" s="1"/>
  <c r="O4045" i="5" s="1"/>
  <c r="K7173" i="2"/>
  <c r="K7147" i="5" s="1"/>
  <c r="O7147" i="5" s="1"/>
  <c r="J7173" i="2"/>
  <c r="J7147" i="5" s="1"/>
  <c r="N7147" i="5" s="1"/>
  <c r="I7173" i="2"/>
  <c r="I7147" i="5" s="1"/>
  <c r="M7173" i="2"/>
  <c r="M7147" i="5" s="1"/>
  <c r="L7173" i="2"/>
  <c r="L7147" i="5" s="1"/>
  <c r="M714" i="2"/>
  <c r="M688" i="5" s="1"/>
  <c r="L714" i="2"/>
  <c r="L688" i="5" s="1"/>
  <c r="I714" i="2"/>
  <c r="I688" i="5" s="1"/>
  <c r="K714" i="2"/>
  <c r="K688" i="5" s="1"/>
  <c r="O688" i="5" s="1"/>
  <c r="J714" i="2"/>
  <c r="J688" i="5" s="1"/>
  <c r="N688" i="5" s="1"/>
  <c r="I7604" i="2"/>
  <c r="I7578" i="5" s="1"/>
  <c r="K7604" i="2"/>
  <c r="K7578" i="5" s="1"/>
  <c r="O7578" i="5" s="1"/>
  <c r="L7604" i="2"/>
  <c r="L7578" i="5" s="1"/>
  <c r="M7604" i="2"/>
  <c r="M7578" i="5" s="1"/>
  <c r="J7604" i="2"/>
  <c r="J7578" i="5" s="1"/>
  <c r="N7578" i="5" s="1"/>
  <c r="K5615" i="2"/>
  <c r="K5589" i="5" s="1"/>
  <c r="O5589" i="5" s="1"/>
  <c r="I5615" i="2"/>
  <c r="I5589" i="5" s="1"/>
  <c r="M5615" i="2"/>
  <c r="M5589" i="5" s="1"/>
  <c r="L5615" i="2"/>
  <c r="L5589" i="5" s="1"/>
  <c r="J5615" i="2"/>
  <c r="J5589" i="5" s="1"/>
  <c r="N5589" i="5" s="1"/>
  <c r="M8189" i="2"/>
  <c r="M8163" i="5" s="1"/>
  <c r="L8189" i="2"/>
  <c r="L8163" i="5" s="1"/>
  <c r="I8189" i="2"/>
  <c r="I8163" i="5" s="1"/>
  <c r="K8189" i="2"/>
  <c r="K8163" i="5" s="1"/>
  <c r="O8163" i="5" s="1"/>
  <c r="J8189" i="2"/>
  <c r="J8163" i="5" s="1"/>
  <c r="N8163" i="5" s="1"/>
  <c r="K8176" i="2"/>
  <c r="K8150" i="5" s="1"/>
  <c r="O8150" i="5" s="1"/>
  <c r="L8176" i="2"/>
  <c r="L8150" i="5" s="1"/>
  <c r="J8176" i="2"/>
  <c r="J8150" i="5" s="1"/>
  <c r="N8150" i="5" s="1"/>
  <c r="M8176" i="2"/>
  <c r="M8150" i="5" s="1"/>
  <c r="I8176" i="2"/>
  <c r="I8150" i="5" s="1"/>
  <c r="L1140" i="2"/>
  <c r="L1114" i="5" s="1"/>
  <c r="M1140" i="2"/>
  <c r="M1114" i="5" s="1"/>
  <c r="I1140" i="2"/>
  <c r="I1114" i="5" s="1"/>
  <c r="J1140" i="2"/>
  <c r="J1114" i="5" s="1"/>
  <c r="N1114" i="5" s="1"/>
  <c r="K1140" i="2"/>
  <c r="K1114" i="5" s="1"/>
  <c r="O1114" i="5" s="1"/>
  <c r="I2464" i="2"/>
  <c r="I2438" i="5" s="1"/>
  <c r="K2464" i="2"/>
  <c r="K2438" i="5" s="1"/>
  <c r="O2438" i="5" s="1"/>
  <c r="L2464" i="2"/>
  <c r="L2438" i="5" s="1"/>
  <c r="M2464" i="2"/>
  <c r="M2438" i="5" s="1"/>
  <c r="J2464" i="2"/>
  <c r="J2438" i="5" s="1"/>
  <c r="N2438" i="5" s="1"/>
  <c r="L2475" i="2"/>
  <c r="L2449" i="5" s="1"/>
  <c r="J2475" i="2"/>
  <c r="J2449" i="5" s="1"/>
  <c r="N2449" i="5" s="1"/>
  <c r="I2475" i="2"/>
  <c r="I2449" i="5" s="1"/>
  <c r="M2475" i="2"/>
  <c r="M2449" i="5" s="1"/>
  <c r="K2475" i="2"/>
  <c r="K2449" i="5" s="1"/>
  <c r="O2449" i="5" s="1"/>
  <c r="J941" i="2"/>
  <c r="J915" i="5" s="1"/>
  <c r="N915" i="5" s="1"/>
  <c r="I941" i="2"/>
  <c r="I915" i="5" s="1"/>
  <c r="K941" i="2"/>
  <c r="K915" i="5" s="1"/>
  <c r="O915" i="5" s="1"/>
  <c r="M941" i="2"/>
  <c r="M915" i="5" s="1"/>
  <c r="L941" i="2"/>
  <c r="L915" i="5" s="1"/>
  <c r="L787" i="2"/>
  <c r="L761" i="5" s="1"/>
  <c r="M787" i="2"/>
  <c r="M761" i="5" s="1"/>
  <c r="I787" i="2"/>
  <c r="I761" i="5" s="1"/>
  <c r="J787" i="2"/>
  <c r="J761" i="5" s="1"/>
  <c r="N761" i="5" s="1"/>
  <c r="K787" i="2"/>
  <c r="K761" i="5" s="1"/>
  <c r="O761" i="5" s="1"/>
  <c r="K590" i="2"/>
  <c r="K564" i="5" s="1"/>
  <c r="O564" i="5" s="1"/>
  <c r="J590" i="2"/>
  <c r="J564" i="5" s="1"/>
  <c r="N564" i="5" s="1"/>
  <c r="M590" i="2"/>
  <c r="M564" i="5" s="1"/>
  <c r="I590" i="2"/>
  <c r="I564" i="5" s="1"/>
  <c r="L590" i="2"/>
  <c r="L564" i="5" s="1"/>
  <c r="M595" i="2"/>
  <c r="M569" i="5" s="1"/>
  <c r="J595" i="2"/>
  <c r="J569" i="5" s="1"/>
  <c r="N569" i="5" s="1"/>
  <c r="L595" i="2"/>
  <c r="L569" i="5" s="1"/>
  <c r="I595" i="2"/>
  <c r="I569" i="5" s="1"/>
  <c r="K595" i="2"/>
  <c r="K569" i="5" s="1"/>
  <c r="O569" i="5" s="1"/>
  <c r="K7350" i="2"/>
  <c r="K7324" i="5" s="1"/>
  <c r="O7324" i="5" s="1"/>
  <c r="J7350" i="2"/>
  <c r="J7324" i="5" s="1"/>
  <c r="N7324" i="5" s="1"/>
  <c r="L7350" i="2"/>
  <c r="L7324" i="5" s="1"/>
  <c r="M7350" i="2"/>
  <c r="M7324" i="5" s="1"/>
  <c r="I7350" i="2"/>
  <c r="I7324" i="5" s="1"/>
  <c r="I2832" i="2"/>
  <c r="I2806" i="5" s="1"/>
  <c r="L2832" i="2"/>
  <c r="L2806" i="5" s="1"/>
  <c r="J2832" i="2"/>
  <c r="J2806" i="5" s="1"/>
  <c r="N2806" i="5" s="1"/>
  <c r="M2832" i="2"/>
  <c r="M2806" i="5" s="1"/>
  <c r="K2832" i="2"/>
  <c r="K2806" i="5" s="1"/>
  <c r="O2806" i="5" s="1"/>
  <c r="J4971" i="2"/>
  <c r="J4945" i="5" s="1"/>
  <c r="N4945" i="5" s="1"/>
  <c r="M4971" i="2"/>
  <c r="M4945" i="5" s="1"/>
  <c r="L4971" i="2"/>
  <c r="L4945" i="5" s="1"/>
  <c r="I4971" i="2"/>
  <c r="I4945" i="5" s="1"/>
  <c r="K4971" i="2"/>
  <c r="K4945" i="5" s="1"/>
  <c r="O4945" i="5" s="1"/>
  <c r="I1448" i="2"/>
  <c r="I1422" i="5" s="1"/>
  <c r="K1448" i="2"/>
  <c r="K1422" i="5" s="1"/>
  <c r="O1422" i="5" s="1"/>
  <c r="J1448" i="2"/>
  <c r="J1422" i="5" s="1"/>
  <c r="N1422" i="5" s="1"/>
  <c r="L1448" i="2"/>
  <c r="L1422" i="5" s="1"/>
  <c r="M1448" i="2"/>
  <c r="M1422" i="5" s="1"/>
  <c r="J1777" i="2"/>
  <c r="J1751" i="5" s="1"/>
  <c r="N1751" i="5" s="1"/>
  <c r="L1777" i="2"/>
  <c r="L1751" i="5" s="1"/>
  <c r="I1777" i="2"/>
  <c r="I1751" i="5" s="1"/>
  <c r="M1777" i="2"/>
  <c r="M1751" i="5" s="1"/>
  <c r="K1777" i="2"/>
  <c r="K1751" i="5" s="1"/>
  <c r="O1751" i="5" s="1"/>
  <c r="K8143" i="2"/>
  <c r="K8117" i="5" s="1"/>
  <c r="O8117" i="5" s="1"/>
  <c r="L8143" i="2"/>
  <c r="L8117" i="5" s="1"/>
  <c r="I8143" i="2"/>
  <c r="I8117" i="5" s="1"/>
  <c r="J8143" i="2"/>
  <c r="J8117" i="5" s="1"/>
  <c r="N8117" i="5" s="1"/>
  <c r="M8143" i="2"/>
  <c r="M8117" i="5" s="1"/>
  <c r="L5595" i="2"/>
  <c r="L5569" i="5" s="1"/>
  <c r="M5595" i="2"/>
  <c r="M5569" i="5" s="1"/>
  <c r="I5595" i="2"/>
  <c r="I5569" i="5" s="1"/>
  <c r="K5595" i="2"/>
  <c r="K5569" i="5" s="1"/>
  <c r="O5569" i="5" s="1"/>
  <c r="J5595" i="2"/>
  <c r="J5569" i="5" s="1"/>
  <c r="N5569" i="5" s="1"/>
  <c r="J1551" i="2"/>
  <c r="J1525" i="5" s="1"/>
  <c r="N1525" i="5" s="1"/>
  <c r="L1551" i="2"/>
  <c r="L1525" i="5" s="1"/>
  <c r="K1551" i="2"/>
  <c r="K1525" i="5" s="1"/>
  <c r="O1525" i="5" s="1"/>
  <c r="M1551" i="2"/>
  <c r="M1525" i="5" s="1"/>
  <c r="I1551" i="2"/>
  <c r="I1525" i="5" s="1"/>
  <c r="M277" i="2"/>
  <c r="M251" i="5" s="1"/>
  <c r="L277" i="2"/>
  <c r="L251" i="5" s="1"/>
  <c r="K277" i="2"/>
  <c r="K251" i="5" s="1"/>
  <c r="O251" i="5" s="1"/>
  <c r="J277" i="2"/>
  <c r="J251" i="5" s="1"/>
  <c r="N251" i="5" s="1"/>
  <c r="I277" i="2"/>
  <c r="I251" i="5" s="1"/>
  <c r="L6447" i="2"/>
  <c r="L6421" i="5" s="1"/>
  <c r="I6447" i="2"/>
  <c r="I6421" i="5" s="1"/>
  <c r="M6447" i="2"/>
  <c r="M6421" i="5" s="1"/>
  <c r="K6447" i="2"/>
  <c r="K6421" i="5" s="1"/>
  <c r="O6421" i="5" s="1"/>
  <c r="J6447" i="2"/>
  <c r="J6421" i="5" s="1"/>
  <c r="N6421" i="5" s="1"/>
  <c r="C275" i="5"/>
  <c r="AR269" i="1"/>
  <c r="M2570" i="2"/>
  <c r="M2544" i="5" s="1"/>
  <c r="L2570" i="2"/>
  <c r="L2544" i="5" s="1"/>
  <c r="I2570" i="2"/>
  <c r="I2544" i="5" s="1"/>
  <c r="K2570" i="2"/>
  <c r="K2544" i="5" s="1"/>
  <c r="O2544" i="5" s="1"/>
  <c r="J2570" i="2"/>
  <c r="J2544" i="5" s="1"/>
  <c r="N2544" i="5" s="1"/>
  <c r="L2557" i="2"/>
  <c r="L2531" i="5" s="1"/>
  <c r="J2557" i="2"/>
  <c r="J2531" i="5" s="1"/>
  <c r="N2531" i="5" s="1"/>
  <c r="I2557" i="2"/>
  <c r="I2531" i="5" s="1"/>
  <c r="M2557" i="2"/>
  <c r="M2531" i="5" s="1"/>
  <c r="K2557" i="2"/>
  <c r="K2531" i="5" s="1"/>
  <c r="O2531" i="5" s="1"/>
  <c r="J3239" i="2"/>
  <c r="J3213" i="5" s="1"/>
  <c r="N3213" i="5" s="1"/>
  <c r="L3239" i="2"/>
  <c r="L3213" i="5" s="1"/>
  <c r="M3239" i="2"/>
  <c r="M3213" i="5" s="1"/>
  <c r="I3239" i="2"/>
  <c r="I3213" i="5" s="1"/>
  <c r="K3239" i="2"/>
  <c r="K3213" i="5" s="1"/>
  <c r="O3213" i="5" s="1"/>
  <c r="L3750" i="2"/>
  <c r="L3724" i="5" s="1"/>
  <c r="M3750" i="2"/>
  <c r="M3724" i="5" s="1"/>
  <c r="I3750" i="2"/>
  <c r="I3724" i="5" s="1"/>
  <c r="K3750" i="2"/>
  <c r="K3724" i="5" s="1"/>
  <c r="O3724" i="5" s="1"/>
  <c r="J3750" i="2"/>
  <c r="J3724" i="5" s="1"/>
  <c r="N3724" i="5" s="1"/>
  <c r="I2077" i="2"/>
  <c r="I2051" i="5" s="1"/>
  <c r="K2077" i="2"/>
  <c r="K2051" i="5" s="1"/>
  <c r="O2051" i="5" s="1"/>
  <c r="L2077" i="2"/>
  <c r="L2051" i="5" s="1"/>
  <c r="M2077" i="2"/>
  <c r="M2051" i="5" s="1"/>
  <c r="J2077" i="2"/>
  <c r="J2051" i="5" s="1"/>
  <c r="N2051" i="5" s="1"/>
  <c r="K2925" i="2"/>
  <c r="K2899" i="5" s="1"/>
  <c r="O2899" i="5" s="1"/>
  <c r="L2925" i="2"/>
  <c r="L2899" i="5" s="1"/>
  <c r="M2925" i="2"/>
  <c r="M2899" i="5" s="1"/>
  <c r="I2925" i="2"/>
  <c r="I2899" i="5" s="1"/>
  <c r="J2925" i="2"/>
  <c r="J2899" i="5" s="1"/>
  <c r="N2899" i="5" s="1"/>
  <c r="K7354" i="2"/>
  <c r="K7328" i="5" s="1"/>
  <c r="O7328" i="5" s="1"/>
  <c r="J7354" i="2"/>
  <c r="J7328" i="5" s="1"/>
  <c r="N7328" i="5" s="1"/>
  <c r="M7354" i="2"/>
  <c r="M7328" i="5" s="1"/>
  <c r="L7354" i="2"/>
  <c r="L7328" i="5" s="1"/>
  <c r="I7354" i="2"/>
  <c r="I7328" i="5" s="1"/>
  <c r="K4246" i="2"/>
  <c r="K4220" i="5" s="1"/>
  <c r="O4220" i="5" s="1"/>
  <c r="J4246" i="2"/>
  <c r="J4220" i="5" s="1"/>
  <c r="N4220" i="5" s="1"/>
  <c r="M4246" i="2"/>
  <c r="M4220" i="5" s="1"/>
  <c r="L4246" i="2"/>
  <c r="L4220" i="5" s="1"/>
  <c r="I4246" i="2"/>
  <c r="I4220" i="5" s="1"/>
  <c r="J2814" i="2"/>
  <c r="J2788" i="5" s="1"/>
  <c r="N2788" i="5" s="1"/>
  <c r="M2814" i="2"/>
  <c r="M2788" i="5" s="1"/>
  <c r="I2814" i="2"/>
  <c r="I2788" i="5" s="1"/>
  <c r="K2814" i="2"/>
  <c r="K2788" i="5" s="1"/>
  <c r="O2788" i="5" s="1"/>
  <c r="L2814" i="2"/>
  <c r="L2788" i="5" s="1"/>
  <c r="C123" i="5"/>
  <c r="AR117" i="1"/>
  <c r="K5933" i="2"/>
  <c r="K5907" i="5" s="1"/>
  <c r="O5907" i="5" s="1"/>
  <c r="J5933" i="2"/>
  <c r="J5907" i="5" s="1"/>
  <c r="N5907" i="5" s="1"/>
  <c r="L5933" i="2"/>
  <c r="L5907" i="5" s="1"/>
  <c r="M5933" i="2"/>
  <c r="M5907" i="5" s="1"/>
  <c r="I5933" i="2"/>
  <c r="I5907" i="5" s="1"/>
  <c r="L6771" i="2"/>
  <c r="L6745" i="5" s="1"/>
  <c r="M6771" i="2"/>
  <c r="M6745" i="5" s="1"/>
  <c r="I6771" i="2"/>
  <c r="I6745" i="5" s="1"/>
  <c r="K6771" i="2"/>
  <c r="K6745" i="5" s="1"/>
  <c r="O6745" i="5" s="1"/>
  <c r="J6771" i="2"/>
  <c r="J6745" i="5" s="1"/>
  <c r="N6745" i="5" s="1"/>
  <c r="K6762" i="2"/>
  <c r="K6736" i="5" s="1"/>
  <c r="O6736" i="5" s="1"/>
  <c r="L6762" i="2"/>
  <c r="L6736" i="5" s="1"/>
  <c r="M6762" i="2"/>
  <c r="M6736" i="5" s="1"/>
  <c r="J6762" i="2"/>
  <c r="J6736" i="5" s="1"/>
  <c r="N6736" i="5" s="1"/>
  <c r="I6762" i="2"/>
  <c r="I6736" i="5" s="1"/>
  <c r="M2239" i="2"/>
  <c r="M2213" i="5" s="1"/>
  <c r="I2239" i="2"/>
  <c r="I2213" i="5" s="1"/>
  <c r="L2239" i="2"/>
  <c r="L2213" i="5" s="1"/>
  <c r="K2239" i="2"/>
  <c r="K2213" i="5" s="1"/>
  <c r="O2213" i="5" s="1"/>
  <c r="J2239" i="2"/>
  <c r="J2213" i="5" s="1"/>
  <c r="N2213" i="5" s="1"/>
  <c r="L1807" i="2"/>
  <c r="L1781" i="5" s="1"/>
  <c r="M1807" i="2"/>
  <c r="M1781" i="5" s="1"/>
  <c r="K1807" i="2"/>
  <c r="K1781" i="5" s="1"/>
  <c r="O1781" i="5" s="1"/>
  <c r="J1807" i="2"/>
  <c r="J1781" i="5" s="1"/>
  <c r="N1781" i="5" s="1"/>
  <c r="I1807" i="2"/>
  <c r="I1781" i="5" s="1"/>
  <c r="K1798" i="2"/>
  <c r="K1772" i="5" s="1"/>
  <c r="O1772" i="5" s="1"/>
  <c r="J1798" i="2"/>
  <c r="J1772" i="5" s="1"/>
  <c r="N1772" i="5" s="1"/>
  <c r="M1798" i="2"/>
  <c r="M1772" i="5" s="1"/>
  <c r="L1798" i="2"/>
  <c r="L1772" i="5" s="1"/>
  <c r="I1798" i="2"/>
  <c r="I1772" i="5" s="1"/>
  <c r="J1819" i="2"/>
  <c r="J1793" i="5" s="1"/>
  <c r="N1793" i="5" s="1"/>
  <c r="L1819" i="2"/>
  <c r="L1793" i="5" s="1"/>
  <c r="I1819" i="2"/>
  <c r="I1793" i="5" s="1"/>
  <c r="M1819" i="2"/>
  <c r="M1793" i="5" s="1"/>
  <c r="K1819" i="2"/>
  <c r="K1793" i="5" s="1"/>
  <c r="O1793" i="5" s="1"/>
  <c r="M4658" i="2"/>
  <c r="M4632" i="5" s="1"/>
  <c r="J4658" i="2"/>
  <c r="J4632" i="5" s="1"/>
  <c r="N4632" i="5" s="1"/>
  <c r="L4658" i="2"/>
  <c r="L4632" i="5" s="1"/>
  <c r="I4658" i="2"/>
  <c r="I4632" i="5" s="1"/>
  <c r="K4658" i="2"/>
  <c r="K4632" i="5" s="1"/>
  <c r="O4632" i="5" s="1"/>
  <c r="M817" i="2"/>
  <c r="M791" i="5" s="1"/>
  <c r="L817" i="2"/>
  <c r="L791" i="5" s="1"/>
  <c r="I817" i="2"/>
  <c r="I791" i="5" s="1"/>
  <c r="K817" i="2"/>
  <c r="K791" i="5" s="1"/>
  <c r="O791" i="5" s="1"/>
  <c r="J817" i="2"/>
  <c r="J791" i="5" s="1"/>
  <c r="N791" i="5" s="1"/>
  <c r="M802" i="2"/>
  <c r="M776" i="5" s="1"/>
  <c r="I802" i="2"/>
  <c r="I776" i="5" s="1"/>
  <c r="L802" i="2"/>
  <c r="L776" i="5" s="1"/>
  <c r="J802" i="2"/>
  <c r="J776" i="5" s="1"/>
  <c r="N776" i="5" s="1"/>
  <c r="K802" i="2"/>
  <c r="K776" i="5" s="1"/>
  <c r="O776" i="5" s="1"/>
  <c r="I2938" i="2"/>
  <c r="I2912" i="5" s="1"/>
  <c r="J2938" i="2"/>
  <c r="J2912" i="5" s="1"/>
  <c r="N2912" i="5" s="1"/>
  <c r="L2938" i="2"/>
  <c r="L2912" i="5" s="1"/>
  <c r="K2938" i="2"/>
  <c r="K2912" i="5" s="1"/>
  <c r="O2912" i="5" s="1"/>
  <c r="M2938" i="2"/>
  <c r="M2912" i="5" s="1"/>
  <c r="AR123" i="1"/>
  <c r="C129" i="5"/>
  <c r="I7813" i="2"/>
  <c r="I7787" i="5" s="1"/>
  <c r="L7813" i="2"/>
  <c r="L7787" i="5" s="1"/>
  <c r="J7813" i="2"/>
  <c r="J7787" i="5" s="1"/>
  <c r="N7787" i="5" s="1"/>
  <c r="M7813" i="2"/>
  <c r="M7787" i="5" s="1"/>
  <c r="K7813" i="2"/>
  <c r="K7787" i="5" s="1"/>
  <c r="O7787" i="5" s="1"/>
  <c r="K993" i="2"/>
  <c r="K967" i="5" s="1"/>
  <c r="O967" i="5" s="1"/>
  <c r="J993" i="2"/>
  <c r="J967" i="5" s="1"/>
  <c r="N967" i="5" s="1"/>
  <c r="L993" i="2"/>
  <c r="L967" i="5" s="1"/>
  <c r="I993" i="2"/>
  <c r="I967" i="5" s="1"/>
  <c r="M993" i="2"/>
  <c r="M967" i="5" s="1"/>
  <c r="I8467" i="2"/>
  <c r="I8441" i="5" s="1"/>
  <c r="K8467" i="2"/>
  <c r="K8441" i="5" s="1"/>
  <c r="O8441" i="5" s="1"/>
  <c r="J8467" i="2"/>
  <c r="J8441" i="5" s="1"/>
  <c r="N8441" i="5" s="1"/>
  <c r="M8467" i="2"/>
  <c r="M8441" i="5" s="1"/>
  <c r="L8467" i="2"/>
  <c r="L8441" i="5" s="1"/>
  <c r="L4475" i="2"/>
  <c r="L4449" i="5" s="1"/>
  <c r="M4475" i="2"/>
  <c r="M4449" i="5" s="1"/>
  <c r="I4475" i="2"/>
  <c r="I4449" i="5" s="1"/>
  <c r="K4475" i="2"/>
  <c r="K4449" i="5" s="1"/>
  <c r="O4449" i="5" s="1"/>
  <c r="J4475" i="2"/>
  <c r="J4449" i="5" s="1"/>
  <c r="N4449" i="5" s="1"/>
  <c r="J2249" i="2"/>
  <c r="J2223" i="5" s="1"/>
  <c r="N2223" i="5" s="1"/>
  <c r="L2249" i="2"/>
  <c r="L2223" i="5" s="1"/>
  <c r="M2249" i="2"/>
  <c r="M2223" i="5" s="1"/>
  <c r="I2249" i="2"/>
  <c r="I2223" i="5" s="1"/>
  <c r="K2249" i="2"/>
  <c r="K2223" i="5" s="1"/>
  <c r="O2223" i="5" s="1"/>
  <c r="L3774" i="2"/>
  <c r="L3748" i="5" s="1"/>
  <c r="K3774" i="2"/>
  <c r="K3748" i="5" s="1"/>
  <c r="O3748" i="5" s="1"/>
  <c r="J3774" i="2"/>
  <c r="J3748" i="5" s="1"/>
  <c r="N3748" i="5" s="1"/>
  <c r="M3774" i="2"/>
  <c r="M3748" i="5" s="1"/>
  <c r="I3774" i="2"/>
  <c r="I3748" i="5" s="1"/>
  <c r="K890" i="2"/>
  <c r="K864" i="5" s="1"/>
  <c r="O864" i="5" s="1"/>
  <c r="L890" i="2"/>
  <c r="L864" i="5" s="1"/>
  <c r="M890" i="2"/>
  <c r="M864" i="5" s="1"/>
  <c r="I890" i="2"/>
  <c r="I864" i="5" s="1"/>
  <c r="J890" i="2"/>
  <c r="J864" i="5" s="1"/>
  <c r="N864" i="5" s="1"/>
  <c r="J884" i="2"/>
  <c r="J858" i="5" s="1"/>
  <c r="N858" i="5" s="1"/>
  <c r="L884" i="2"/>
  <c r="L858" i="5" s="1"/>
  <c r="M884" i="2"/>
  <c r="M858" i="5" s="1"/>
  <c r="I884" i="2"/>
  <c r="I858" i="5" s="1"/>
  <c r="K884" i="2"/>
  <c r="K858" i="5" s="1"/>
  <c r="O858" i="5" s="1"/>
  <c r="AR367" i="1"/>
  <c r="L5863" i="2"/>
  <c r="L5837" i="5" s="1"/>
  <c r="M5863" i="2"/>
  <c r="M5837" i="5" s="1"/>
  <c r="I5863" i="2"/>
  <c r="I5837" i="5" s="1"/>
  <c r="K5863" i="2"/>
  <c r="K5837" i="5" s="1"/>
  <c r="O5837" i="5" s="1"/>
  <c r="J5863" i="2"/>
  <c r="J5837" i="5" s="1"/>
  <c r="N5837" i="5" s="1"/>
  <c r="J5756" i="2"/>
  <c r="J5730" i="5" s="1"/>
  <c r="N5730" i="5" s="1"/>
  <c r="L5756" i="2"/>
  <c r="L5730" i="5" s="1"/>
  <c r="M5756" i="2"/>
  <c r="M5730" i="5" s="1"/>
  <c r="I5756" i="2"/>
  <c r="I5730" i="5" s="1"/>
  <c r="K5756" i="2"/>
  <c r="K5730" i="5" s="1"/>
  <c r="O5730" i="5" s="1"/>
  <c r="L220" i="2"/>
  <c r="L194" i="5" s="1"/>
  <c r="M220" i="2"/>
  <c r="M194" i="5" s="1"/>
  <c r="I220" i="2"/>
  <c r="I194" i="5" s="1"/>
  <c r="K220" i="2"/>
  <c r="K194" i="5" s="1"/>
  <c r="O194" i="5" s="1"/>
  <c r="J220" i="2"/>
  <c r="J194" i="5" s="1"/>
  <c r="N194" i="5" s="1"/>
  <c r="I4937" i="2"/>
  <c r="I4911" i="5" s="1"/>
  <c r="K4937" i="2"/>
  <c r="K4911" i="5" s="1"/>
  <c r="O4911" i="5" s="1"/>
  <c r="J4937" i="2"/>
  <c r="J4911" i="5" s="1"/>
  <c r="N4911" i="5" s="1"/>
  <c r="L4937" i="2"/>
  <c r="L4911" i="5" s="1"/>
  <c r="M4937" i="2"/>
  <c r="M4911" i="5" s="1"/>
  <c r="J7099" i="2"/>
  <c r="J7073" i="5" s="1"/>
  <c r="N7073" i="5" s="1"/>
  <c r="M7099" i="2"/>
  <c r="M7073" i="5" s="1"/>
  <c r="L7099" i="2"/>
  <c r="L7073" i="5" s="1"/>
  <c r="I7099" i="2"/>
  <c r="I7073" i="5" s="1"/>
  <c r="K7099" i="2"/>
  <c r="K7073" i="5" s="1"/>
  <c r="O7073" i="5" s="1"/>
  <c r="I7108" i="2"/>
  <c r="I7082" i="5" s="1"/>
  <c r="L7108" i="2"/>
  <c r="L7082" i="5" s="1"/>
  <c r="K7108" i="2"/>
  <c r="K7082" i="5" s="1"/>
  <c r="O7082" i="5" s="1"/>
  <c r="J7108" i="2"/>
  <c r="J7082" i="5" s="1"/>
  <c r="N7082" i="5" s="1"/>
  <c r="M7108" i="2"/>
  <c r="M7082" i="5" s="1"/>
  <c r="I372" i="2"/>
  <c r="I346" i="5" s="1"/>
  <c r="L372" i="2"/>
  <c r="L346" i="5" s="1"/>
  <c r="M372" i="2"/>
  <c r="M346" i="5" s="1"/>
  <c r="K372" i="2"/>
  <c r="K346" i="5" s="1"/>
  <c r="O346" i="5" s="1"/>
  <c r="J372" i="2"/>
  <c r="J346" i="5" s="1"/>
  <c r="N346" i="5" s="1"/>
  <c r="M5472" i="2"/>
  <c r="M5446" i="5" s="1"/>
  <c r="I5472" i="2"/>
  <c r="I5446" i="5" s="1"/>
  <c r="K5472" i="2"/>
  <c r="K5446" i="5" s="1"/>
  <c r="O5446" i="5" s="1"/>
  <c r="J5472" i="2"/>
  <c r="J5446" i="5" s="1"/>
  <c r="N5446" i="5" s="1"/>
  <c r="L5472" i="2"/>
  <c r="L5446" i="5" s="1"/>
  <c r="L2981" i="2"/>
  <c r="L2955" i="5" s="1"/>
  <c r="M2981" i="2"/>
  <c r="M2955" i="5" s="1"/>
  <c r="J2981" i="2"/>
  <c r="J2955" i="5" s="1"/>
  <c r="N2955" i="5" s="1"/>
  <c r="I2981" i="2"/>
  <c r="I2955" i="5" s="1"/>
  <c r="K2981" i="2"/>
  <c r="K2955" i="5" s="1"/>
  <c r="O2955" i="5" s="1"/>
  <c r="AR124" i="1"/>
  <c r="C130" i="5"/>
  <c r="K1645" i="2"/>
  <c r="K1619" i="5" s="1"/>
  <c r="O1619" i="5" s="1"/>
  <c r="L1645" i="2"/>
  <c r="L1619" i="5" s="1"/>
  <c r="M1645" i="2"/>
  <c r="M1619" i="5" s="1"/>
  <c r="J1645" i="2"/>
  <c r="J1619" i="5" s="1"/>
  <c r="N1619" i="5" s="1"/>
  <c r="I1645" i="2"/>
  <c r="I1619" i="5" s="1"/>
  <c r="J8205" i="2"/>
  <c r="J8179" i="5" s="1"/>
  <c r="N8179" i="5" s="1"/>
  <c r="L8205" i="2"/>
  <c r="L8179" i="5" s="1"/>
  <c r="I8205" i="2"/>
  <c r="I8179" i="5" s="1"/>
  <c r="M8205" i="2"/>
  <c r="M8179" i="5" s="1"/>
  <c r="K8205" i="2"/>
  <c r="K8179" i="5" s="1"/>
  <c r="O8179" i="5" s="1"/>
  <c r="L5165" i="2"/>
  <c r="L5139" i="5" s="1"/>
  <c r="M5165" i="2"/>
  <c r="M5139" i="5" s="1"/>
  <c r="I5165" i="2"/>
  <c r="I5139" i="5" s="1"/>
  <c r="K5165" i="2"/>
  <c r="K5139" i="5" s="1"/>
  <c r="O5139" i="5" s="1"/>
  <c r="J5165" i="2"/>
  <c r="J5139" i="5" s="1"/>
  <c r="N5139" i="5" s="1"/>
  <c r="K5160" i="2"/>
  <c r="K5134" i="5" s="1"/>
  <c r="O5134" i="5" s="1"/>
  <c r="J5160" i="2"/>
  <c r="J5134" i="5" s="1"/>
  <c r="N5134" i="5" s="1"/>
  <c r="M5160" i="2"/>
  <c r="M5134" i="5" s="1"/>
  <c r="L5160" i="2"/>
  <c r="L5134" i="5" s="1"/>
  <c r="I5160" i="2"/>
  <c r="I5134" i="5" s="1"/>
  <c r="J6654" i="2"/>
  <c r="J6628" i="5" s="1"/>
  <c r="N6628" i="5" s="1"/>
  <c r="L6654" i="2"/>
  <c r="L6628" i="5" s="1"/>
  <c r="M6654" i="2"/>
  <c r="M6628" i="5" s="1"/>
  <c r="I6654" i="2"/>
  <c r="I6628" i="5" s="1"/>
  <c r="K6654" i="2"/>
  <c r="K6628" i="5" s="1"/>
  <c r="O6628" i="5" s="1"/>
  <c r="I4403" i="2"/>
  <c r="I4377" i="5" s="1"/>
  <c r="K4403" i="2"/>
  <c r="K4377" i="5" s="1"/>
  <c r="O4377" i="5" s="1"/>
  <c r="J4403" i="2"/>
  <c r="J4377" i="5" s="1"/>
  <c r="N4377" i="5" s="1"/>
  <c r="M4403" i="2"/>
  <c r="M4377" i="5" s="1"/>
  <c r="L4403" i="2"/>
  <c r="L4377" i="5" s="1"/>
  <c r="I6525" i="2"/>
  <c r="I6499" i="5" s="1"/>
  <c r="K6525" i="2"/>
  <c r="K6499" i="5" s="1"/>
  <c r="O6499" i="5" s="1"/>
  <c r="L6525" i="2"/>
  <c r="L6499" i="5" s="1"/>
  <c r="M6525" i="2"/>
  <c r="M6499" i="5" s="1"/>
  <c r="J6525" i="2"/>
  <c r="J6499" i="5" s="1"/>
  <c r="N6499" i="5" s="1"/>
  <c r="J6531" i="2"/>
  <c r="J6505" i="5" s="1"/>
  <c r="N6505" i="5" s="1"/>
  <c r="L6531" i="2"/>
  <c r="L6505" i="5" s="1"/>
  <c r="M6531" i="2"/>
  <c r="M6505" i="5" s="1"/>
  <c r="I6531" i="2"/>
  <c r="I6505" i="5" s="1"/>
  <c r="K6531" i="2"/>
  <c r="K6505" i="5" s="1"/>
  <c r="O6505" i="5" s="1"/>
  <c r="K2299" i="2"/>
  <c r="K2273" i="5" s="1"/>
  <c r="O2273" i="5" s="1"/>
  <c r="L2299" i="2"/>
  <c r="L2273" i="5" s="1"/>
  <c r="M2299" i="2"/>
  <c r="M2273" i="5" s="1"/>
  <c r="I2299" i="2"/>
  <c r="I2273" i="5" s="1"/>
  <c r="J2299" i="2"/>
  <c r="J2273" i="5" s="1"/>
  <c r="N2273" i="5" s="1"/>
  <c r="K1264" i="2"/>
  <c r="K1238" i="5" s="1"/>
  <c r="O1238" i="5" s="1"/>
  <c r="J1264" i="2"/>
  <c r="J1238" i="5" s="1"/>
  <c r="N1238" i="5" s="1"/>
  <c r="M1264" i="2"/>
  <c r="M1238" i="5" s="1"/>
  <c r="L1264" i="2"/>
  <c r="L1238" i="5" s="1"/>
  <c r="I1264" i="2"/>
  <c r="I1238" i="5" s="1"/>
  <c r="C59" i="5"/>
  <c r="AR53" i="1"/>
  <c r="L1723" i="2"/>
  <c r="L1697" i="5" s="1"/>
  <c r="M1723" i="2"/>
  <c r="M1697" i="5" s="1"/>
  <c r="J1723" i="2"/>
  <c r="J1697" i="5" s="1"/>
  <c r="N1697" i="5" s="1"/>
  <c r="I1723" i="2"/>
  <c r="I1697" i="5" s="1"/>
  <c r="K1723" i="2"/>
  <c r="K1697" i="5" s="1"/>
  <c r="O1697" i="5" s="1"/>
  <c r="J1718" i="2"/>
  <c r="J1692" i="5" s="1"/>
  <c r="N1692" i="5" s="1"/>
  <c r="L1718" i="2"/>
  <c r="L1692" i="5" s="1"/>
  <c r="I1718" i="2"/>
  <c r="I1692" i="5" s="1"/>
  <c r="K1718" i="2"/>
  <c r="K1692" i="5" s="1"/>
  <c r="O1692" i="5" s="1"/>
  <c r="M1718" i="2"/>
  <c r="M1692" i="5" s="1"/>
  <c r="M6194" i="2"/>
  <c r="M6168" i="5" s="1"/>
  <c r="K6194" i="2"/>
  <c r="K6168" i="5" s="1"/>
  <c r="O6168" i="5" s="1"/>
  <c r="I6194" i="2"/>
  <c r="I6168" i="5" s="1"/>
  <c r="L6194" i="2"/>
  <c r="L6168" i="5" s="1"/>
  <c r="J6194" i="2"/>
  <c r="J6168" i="5" s="1"/>
  <c r="N6168" i="5" s="1"/>
  <c r="I2659" i="2"/>
  <c r="I2633" i="5" s="1"/>
  <c r="K2659" i="2"/>
  <c r="K2633" i="5" s="1"/>
  <c r="O2633" i="5" s="1"/>
  <c r="L2659" i="2"/>
  <c r="L2633" i="5" s="1"/>
  <c r="J2659" i="2"/>
  <c r="J2633" i="5" s="1"/>
  <c r="N2633" i="5" s="1"/>
  <c r="M2659" i="2"/>
  <c r="M2633" i="5" s="1"/>
  <c r="I6849" i="2"/>
  <c r="I6823" i="5" s="1"/>
  <c r="K6849" i="2"/>
  <c r="K6823" i="5" s="1"/>
  <c r="O6823" i="5" s="1"/>
  <c r="M6849" i="2"/>
  <c r="M6823" i="5" s="1"/>
  <c r="L6849" i="2"/>
  <c r="L6823" i="5" s="1"/>
  <c r="J6849" i="2"/>
  <c r="J6823" i="5" s="1"/>
  <c r="N6823" i="5" s="1"/>
  <c r="C291" i="5"/>
  <c r="AR285" i="1"/>
  <c r="K3413" i="2"/>
  <c r="K3387" i="5" s="1"/>
  <c r="O3387" i="5" s="1"/>
  <c r="M3413" i="2"/>
  <c r="M3387" i="5" s="1"/>
  <c r="J3413" i="2"/>
  <c r="J3387" i="5" s="1"/>
  <c r="N3387" i="5" s="1"/>
  <c r="L3413" i="2"/>
  <c r="L3387" i="5" s="1"/>
  <c r="I3413" i="2"/>
  <c r="I3387" i="5" s="1"/>
  <c r="J3417" i="2"/>
  <c r="J3391" i="5" s="1"/>
  <c r="N3391" i="5" s="1"/>
  <c r="L3417" i="2"/>
  <c r="L3391" i="5" s="1"/>
  <c r="M3417" i="2"/>
  <c r="M3391" i="5" s="1"/>
  <c r="I3417" i="2"/>
  <c r="I3391" i="5" s="1"/>
  <c r="K3417" i="2"/>
  <c r="K3391" i="5" s="1"/>
  <c r="O3391" i="5" s="1"/>
  <c r="J8028" i="2"/>
  <c r="J8002" i="5" s="1"/>
  <c r="N8002" i="5" s="1"/>
  <c r="M8028" i="2"/>
  <c r="M8002" i="5" s="1"/>
  <c r="L8028" i="2"/>
  <c r="L8002" i="5" s="1"/>
  <c r="I8028" i="2"/>
  <c r="I8002" i="5" s="1"/>
  <c r="K8028" i="2"/>
  <c r="K8002" i="5" s="1"/>
  <c r="O8002" i="5" s="1"/>
  <c r="I5981" i="2"/>
  <c r="I5955" i="5" s="1"/>
  <c r="M5981" i="2"/>
  <c r="M5955" i="5" s="1"/>
  <c r="K5981" i="2"/>
  <c r="K5955" i="5" s="1"/>
  <c r="O5955" i="5" s="1"/>
  <c r="J5981" i="2"/>
  <c r="J5955" i="5" s="1"/>
  <c r="N5955" i="5" s="1"/>
  <c r="L5981" i="2"/>
  <c r="L5955" i="5" s="1"/>
  <c r="K471" i="2"/>
  <c r="K445" i="5" s="1"/>
  <c r="O445" i="5" s="1"/>
  <c r="I471" i="2"/>
  <c r="I445" i="5" s="1"/>
  <c r="L471" i="2"/>
  <c r="L445" i="5" s="1"/>
  <c r="M471" i="2"/>
  <c r="M445" i="5" s="1"/>
  <c r="J471" i="2"/>
  <c r="J445" i="5" s="1"/>
  <c r="N445" i="5" s="1"/>
  <c r="L4467" i="2"/>
  <c r="L4441" i="5" s="1"/>
  <c r="I4467" i="2"/>
  <c r="I4441" i="5" s="1"/>
  <c r="J4467" i="2"/>
  <c r="J4441" i="5" s="1"/>
  <c r="N4441" i="5" s="1"/>
  <c r="M4467" i="2"/>
  <c r="M4441" i="5" s="1"/>
  <c r="K4467" i="2"/>
  <c r="K4441" i="5" s="1"/>
  <c r="O4441" i="5" s="1"/>
  <c r="J3651" i="2"/>
  <c r="J3625" i="5" s="1"/>
  <c r="N3625" i="5" s="1"/>
  <c r="L3651" i="2"/>
  <c r="L3625" i="5" s="1"/>
  <c r="M3651" i="2"/>
  <c r="M3625" i="5" s="1"/>
  <c r="I3651" i="2"/>
  <c r="I3625" i="5" s="1"/>
  <c r="K3651" i="2"/>
  <c r="K3625" i="5" s="1"/>
  <c r="O3625" i="5" s="1"/>
  <c r="L6791" i="2"/>
  <c r="L6765" i="5" s="1"/>
  <c r="M6791" i="2"/>
  <c r="M6765" i="5" s="1"/>
  <c r="I6791" i="2"/>
  <c r="I6765" i="5" s="1"/>
  <c r="K6791" i="2"/>
  <c r="K6765" i="5" s="1"/>
  <c r="O6765" i="5" s="1"/>
  <c r="J6791" i="2"/>
  <c r="J6765" i="5" s="1"/>
  <c r="N6765" i="5" s="1"/>
  <c r="C310" i="5"/>
  <c r="AR304" i="1"/>
  <c r="K1591" i="2"/>
  <c r="K1565" i="5" s="1"/>
  <c r="O1565" i="5" s="1"/>
  <c r="L1591" i="2"/>
  <c r="L1565" i="5" s="1"/>
  <c r="J1591" i="2"/>
  <c r="J1565" i="5" s="1"/>
  <c r="N1565" i="5" s="1"/>
  <c r="I1591" i="2"/>
  <c r="I1565" i="5" s="1"/>
  <c r="M1591" i="2"/>
  <c r="M1565" i="5" s="1"/>
  <c r="K1395" i="2"/>
  <c r="K1369" i="5" s="1"/>
  <c r="O1369" i="5" s="1"/>
  <c r="M1395" i="2"/>
  <c r="M1369" i="5" s="1"/>
  <c r="L1395" i="2"/>
  <c r="L1369" i="5" s="1"/>
  <c r="I1395" i="2"/>
  <c r="I1369" i="5" s="1"/>
  <c r="J1395" i="2"/>
  <c r="J1369" i="5" s="1"/>
  <c r="N1369" i="5" s="1"/>
  <c r="I4681" i="2"/>
  <c r="I4655" i="5" s="1"/>
  <c r="L4681" i="2"/>
  <c r="L4655" i="5" s="1"/>
  <c r="J4681" i="2"/>
  <c r="J4655" i="5" s="1"/>
  <c r="N4655" i="5" s="1"/>
  <c r="M4681" i="2"/>
  <c r="M4655" i="5" s="1"/>
  <c r="K4681" i="2"/>
  <c r="K4655" i="5" s="1"/>
  <c r="O4655" i="5" s="1"/>
  <c r="K7938" i="2"/>
  <c r="K7912" i="5" s="1"/>
  <c r="O7912" i="5" s="1"/>
  <c r="L7938" i="2"/>
  <c r="L7912" i="5" s="1"/>
  <c r="M7938" i="2"/>
  <c r="M7912" i="5" s="1"/>
  <c r="J7938" i="2"/>
  <c r="J7912" i="5" s="1"/>
  <c r="N7912" i="5" s="1"/>
  <c r="I7938" i="2"/>
  <c r="I7912" i="5" s="1"/>
  <c r="I425" i="2"/>
  <c r="I399" i="5" s="1"/>
  <c r="L425" i="2"/>
  <c r="L399" i="5" s="1"/>
  <c r="K425" i="2"/>
  <c r="K399" i="5" s="1"/>
  <c r="O399" i="5" s="1"/>
  <c r="M425" i="2"/>
  <c r="M399" i="5" s="1"/>
  <c r="J425" i="2"/>
  <c r="J399" i="5" s="1"/>
  <c r="N399" i="5" s="1"/>
  <c r="I3131" i="2"/>
  <c r="I3105" i="5" s="1"/>
  <c r="K3131" i="2"/>
  <c r="K3105" i="5" s="1"/>
  <c r="O3105" i="5" s="1"/>
  <c r="L3131" i="2"/>
  <c r="L3105" i="5" s="1"/>
  <c r="M3131" i="2"/>
  <c r="M3105" i="5" s="1"/>
  <c r="J3131" i="2"/>
  <c r="J3105" i="5" s="1"/>
  <c r="N3105" i="5" s="1"/>
  <c r="L3137" i="2"/>
  <c r="L3111" i="5" s="1"/>
  <c r="M3137" i="2"/>
  <c r="M3111" i="5" s="1"/>
  <c r="I3137" i="2"/>
  <c r="I3111" i="5" s="1"/>
  <c r="K3137" i="2"/>
  <c r="K3111" i="5" s="1"/>
  <c r="O3111" i="5" s="1"/>
  <c r="J3137" i="2"/>
  <c r="J3111" i="5" s="1"/>
  <c r="N3111" i="5" s="1"/>
  <c r="L1962" i="2"/>
  <c r="L1936" i="5" s="1"/>
  <c r="M1962" i="2"/>
  <c r="M1936" i="5" s="1"/>
  <c r="I1962" i="2"/>
  <c r="I1936" i="5" s="1"/>
  <c r="K1962" i="2"/>
  <c r="K1936" i="5" s="1"/>
  <c r="O1936" i="5" s="1"/>
  <c r="J1962" i="2"/>
  <c r="J1936" i="5" s="1"/>
  <c r="N1936" i="5" s="1"/>
  <c r="M8101" i="2"/>
  <c r="M8075" i="5" s="1"/>
  <c r="L8101" i="2"/>
  <c r="L8075" i="5" s="1"/>
  <c r="I8101" i="2"/>
  <c r="I8075" i="5" s="1"/>
  <c r="K8101" i="2"/>
  <c r="K8075" i="5" s="1"/>
  <c r="O8075" i="5" s="1"/>
  <c r="J8101" i="2"/>
  <c r="J8075" i="5" s="1"/>
  <c r="N8075" i="5" s="1"/>
  <c r="M5338" i="2"/>
  <c r="M5312" i="5" s="1"/>
  <c r="L5338" i="2"/>
  <c r="L5312" i="5" s="1"/>
  <c r="J5338" i="2"/>
  <c r="J5312" i="5" s="1"/>
  <c r="N5312" i="5" s="1"/>
  <c r="I5338" i="2"/>
  <c r="I5312" i="5" s="1"/>
  <c r="K5338" i="2"/>
  <c r="K5312" i="5" s="1"/>
  <c r="O5312" i="5" s="1"/>
  <c r="J5340" i="2"/>
  <c r="J5314" i="5" s="1"/>
  <c r="N5314" i="5" s="1"/>
  <c r="L5340" i="2"/>
  <c r="L5314" i="5" s="1"/>
  <c r="M5340" i="2"/>
  <c r="M5314" i="5" s="1"/>
  <c r="I5340" i="2"/>
  <c r="I5314" i="5" s="1"/>
  <c r="K5340" i="2"/>
  <c r="K5314" i="5" s="1"/>
  <c r="O5314" i="5" s="1"/>
  <c r="I6004" i="2"/>
  <c r="I5978" i="5" s="1"/>
  <c r="L6004" i="2"/>
  <c r="L5978" i="5" s="1"/>
  <c r="K6004" i="2"/>
  <c r="K5978" i="5" s="1"/>
  <c r="O5978" i="5" s="1"/>
  <c r="M6004" i="2"/>
  <c r="M5978" i="5" s="1"/>
  <c r="J6004" i="2"/>
  <c r="J5978" i="5" s="1"/>
  <c r="N5978" i="5" s="1"/>
  <c r="L6007" i="2"/>
  <c r="L5981" i="5" s="1"/>
  <c r="J6007" i="2"/>
  <c r="J5981" i="5" s="1"/>
  <c r="N5981" i="5" s="1"/>
  <c r="M6007" i="2"/>
  <c r="M5981" i="5" s="1"/>
  <c r="I6007" i="2"/>
  <c r="I5981" i="5" s="1"/>
  <c r="K6007" i="2"/>
  <c r="K5981" i="5" s="1"/>
  <c r="O5981" i="5" s="1"/>
  <c r="L1992" i="2"/>
  <c r="L1966" i="5" s="1"/>
  <c r="M1992" i="2"/>
  <c r="M1966" i="5" s="1"/>
  <c r="I1992" i="2"/>
  <c r="I1966" i="5" s="1"/>
  <c r="K1992" i="2"/>
  <c r="K1966" i="5" s="1"/>
  <c r="O1966" i="5" s="1"/>
  <c r="J1992" i="2"/>
  <c r="J1966" i="5" s="1"/>
  <c r="N1966" i="5" s="1"/>
  <c r="L416" i="2"/>
  <c r="L390" i="5" s="1"/>
  <c r="M416" i="2"/>
  <c r="M390" i="5" s="1"/>
  <c r="I416" i="2"/>
  <c r="I390" i="5" s="1"/>
  <c r="K416" i="2"/>
  <c r="K390" i="5" s="1"/>
  <c r="O390" i="5" s="1"/>
  <c r="J416" i="2"/>
  <c r="J390" i="5" s="1"/>
  <c r="N390" i="5" s="1"/>
  <c r="M3077" i="2"/>
  <c r="M3051" i="5" s="1"/>
  <c r="J3077" i="2"/>
  <c r="J3051" i="5" s="1"/>
  <c r="N3051" i="5" s="1"/>
  <c r="I3077" i="2"/>
  <c r="I3051" i="5" s="1"/>
  <c r="L3077" i="2"/>
  <c r="L3051" i="5" s="1"/>
  <c r="K3077" i="2"/>
  <c r="K3051" i="5" s="1"/>
  <c r="O3051" i="5" s="1"/>
  <c r="M543" i="2"/>
  <c r="M517" i="5" s="1"/>
  <c r="I543" i="2"/>
  <c r="I517" i="5" s="1"/>
  <c r="K543" i="2"/>
  <c r="K517" i="5" s="1"/>
  <c r="O517" i="5" s="1"/>
  <c r="L543" i="2"/>
  <c r="L517" i="5" s="1"/>
  <c r="J543" i="2"/>
  <c r="J517" i="5" s="1"/>
  <c r="N517" i="5" s="1"/>
  <c r="K541" i="2"/>
  <c r="K515" i="5" s="1"/>
  <c r="O515" i="5" s="1"/>
  <c r="I541" i="2"/>
  <c r="I515" i="5" s="1"/>
  <c r="M541" i="2"/>
  <c r="M515" i="5" s="1"/>
  <c r="L541" i="2"/>
  <c r="L515" i="5" s="1"/>
  <c r="J541" i="2"/>
  <c r="J515" i="5" s="1"/>
  <c r="N515" i="5" s="1"/>
  <c r="L6622" i="2"/>
  <c r="L6596" i="5" s="1"/>
  <c r="J6622" i="2"/>
  <c r="J6596" i="5" s="1"/>
  <c r="N6596" i="5" s="1"/>
  <c r="M6622" i="2"/>
  <c r="M6596" i="5" s="1"/>
  <c r="I6622" i="2"/>
  <c r="I6596" i="5" s="1"/>
  <c r="K6622" i="2"/>
  <c r="K6596" i="5" s="1"/>
  <c r="O6596" i="5" s="1"/>
  <c r="M1120" i="2"/>
  <c r="M1094" i="5" s="1"/>
  <c r="I1120" i="2"/>
  <c r="I1094" i="5" s="1"/>
  <c r="K1120" i="2"/>
  <c r="K1094" i="5" s="1"/>
  <c r="O1094" i="5" s="1"/>
  <c r="J1120" i="2"/>
  <c r="J1094" i="5" s="1"/>
  <c r="N1094" i="5" s="1"/>
  <c r="L1120" i="2"/>
  <c r="L1094" i="5" s="1"/>
  <c r="M7320" i="2"/>
  <c r="M7294" i="5" s="1"/>
  <c r="J7320" i="2"/>
  <c r="J7294" i="5" s="1"/>
  <c r="N7294" i="5" s="1"/>
  <c r="I7320" i="2"/>
  <c r="I7294" i="5" s="1"/>
  <c r="L7320" i="2"/>
  <c r="L7294" i="5" s="1"/>
  <c r="K7320" i="2"/>
  <c r="K7294" i="5" s="1"/>
  <c r="O7294" i="5" s="1"/>
  <c r="K7971" i="2"/>
  <c r="K7945" i="5" s="1"/>
  <c r="O7945" i="5" s="1"/>
  <c r="L7971" i="2"/>
  <c r="L7945" i="5" s="1"/>
  <c r="J7971" i="2"/>
  <c r="J7945" i="5" s="1"/>
  <c r="N7945" i="5" s="1"/>
  <c r="I7971" i="2"/>
  <c r="I7945" i="5" s="1"/>
  <c r="M7971" i="2"/>
  <c r="M7945" i="5" s="1"/>
  <c r="J3263" i="2"/>
  <c r="J3237" i="5" s="1"/>
  <c r="N3237" i="5" s="1"/>
  <c r="M3263" i="2"/>
  <c r="M3237" i="5" s="1"/>
  <c r="L3263" i="2"/>
  <c r="L3237" i="5" s="1"/>
  <c r="I3263" i="2"/>
  <c r="I3237" i="5" s="1"/>
  <c r="K3263" i="2"/>
  <c r="K3237" i="5" s="1"/>
  <c r="O3237" i="5" s="1"/>
  <c r="K3258" i="2"/>
  <c r="K3232" i="5" s="1"/>
  <c r="O3232" i="5" s="1"/>
  <c r="L3258" i="2"/>
  <c r="L3232" i="5" s="1"/>
  <c r="J3258" i="2"/>
  <c r="J3232" i="5" s="1"/>
  <c r="N3232" i="5" s="1"/>
  <c r="M3258" i="2"/>
  <c r="M3232" i="5" s="1"/>
  <c r="I3258" i="2"/>
  <c r="I3232" i="5" s="1"/>
  <c r="M5012" i="2"/>
  <c r="M4986" i="5" s="1"/>
  <c r="L5012" i="2"/>
  <c r="L4986" i="5" s="1"/>
  <c r="I5012" i="2"/>
  <c r="I4986" i="5" s="1"/>
  <c r="K5012" i="2"/>
  <c r="K4986" i="5" s="1"/>
  <c r="O4986" i="5" s="1"/>
  <c r="J5012" i="2"/>
  <c r="J4986" i="5" s="1"/>
  <c r="N4986" i="5" s="1"/>
  <c r="AR209" i="1"/>
  <c r="C215" i="5"/>
  <c r="K1085" i="2"/>
  <c r="K1059" i="5" s="1"/>
  <c r="O1059" i="5" s="1"/>
  <c r="L1085" i="2"/>
  <c r="L1059" i="5" s="1"/>
  <c r="M1085" i="2"/>
  <c r="M1059" i="5" s="1"/>
  <c r="J1085" i="2"/>
  <c r="J1059" i="5" s="1"/>
  <c r="N1059" i="5" s="1"/>
  <c r="I1085" i="2"/>
  <c r="I1059" i="5" s="1"/>
  <c r="K3997" i="2"/>
  <c r="K3971" i="5" s="1"/>
  <c r="O3971" i="5" s="1"/>
  <c r="J3997" i="2"/>
  <c r="J3971" i="5" s="1"/>
  <c r="N3971" i="5" s="1"/>
  <c r="L3997" i="2"/>
  <c r="L3971" i="5" s="1"/>
  <c r="M3997" i="2"/>
  <c r="M3971" i="5" s="1"/>
  <c r="I3997" i="2"/>
  <c r="I3971" i="5" s="1"/>
  <c r="M1306" i="2"/>
  <c r="M1280" i="5" s="1"/>
  <c r="L1306" i="2"/>
  <c r="L1280" i="5" s="1"/>
  <c r="I1306" i="2"/>
  <c r="I1280" i="5" s="1"/>
  <c r="K1306" i="2"/>
  <c r="K1280" i="5" s="1"/>
  <c r="O1280" i="5" s="1"/>
  <c r="J1306" i="2"/>
  <c r="J1280" i="5" s="1"/>
  <c r="N1280" i="5" s="1"/>
  <c r="M4308" i="2"/>
  <c r="M4282" i="5" s="1"/>
  <c r="L4308" i="2"/>
  <c r="L4282" i="5" s="1"/>
  <c r="I4308" i="2"/>
  <c r="I4282" i="5" s="1"/>
  <c r="K4308" i="2"/>
  <c r="K4282" i="5" s="1"/>
  <c r="O4282" i="5" s="1"/>
  <c r="J4308" i="2"/>
  <c r="J4282" i="5" s="1"/>
  <c r="N4282" i="5" s="1"/>
  <c r="C186" i="5"/>
  <c r="AR180" i="1"/>
  <c r="I3314" i="2"/>
  <c r="I3288" i="5" s="1"/>
  <c r="K3314" i="2"/>
  <c r="K3288" i="5" s="1"/>
  <c r="O3288" i="5" s="1"/>
  <c r="J3314" i="2"/>
  <c r="J3288" i="5" s="1"/>
  <c r="N3288" i="5" s="1"/>
  <c r="L3314" i="2"/>
  <c r="L3288" i="5" s="1"/>
  <c r="M3314" i="2"/>
  <c r="M3288" i="5" s="1"/>
  <c r="M4125" i="2"/>
  <c r="M4099" i="5" s="1"/>
  <c r="L4125" i="2"/>
  <c r="L4099" i="5" s="1"/>
  <c r="I4125" i="2"/>
  <c r="I4099" i="5" s="1"/>
  <c r="K4125" i="2"/>
  <c r="K4099" i="5" s="1"/>
  <c r="O4099" i="5" s="1"/>
  <c r="J4125" i="2"/>
  <c r="J4099" i="5" s="1"/>
  <c r="N4099" i="5" s="1"/>
  <c r="K7469" i="2"/>
  <c r="K7443" i="5" s="1"/>
  <c r="O7443" i="5" s="1"/>
  <c r="L7469" i="2"/>
  <c r="L7443" i="5" s="1"/>
  <c r="I7469" i="2"/>
  <c r="I7443" i="5" s="1"/>
  <c r="J7469" i="2"/>
  <c r="J7443" i="5" s="1"/>
  <c r="N7443" i="5" s="1"/>
  <c r="M7469" i="2"/>
  <c r="M7443" i="5" s="1"/>
  <c r="M4988" i="2"/>
  <c r="M4962" i="5" s="1"/>
  <c r="L4988" i="2"/>
  <c r="L4962" i="5" s="1"/>
  <c r="I4988" i="2"/>
  <c r="I4962" i="5" s="1"/>
  <c r="K4988" i="2"/>
  <c r="K4962" i="5" s="1"/>
  <c r="O4962" i="5" s="1"/>
  <c r="J4988" i="2"/>
  <c r="J4962" i="5" s="1"/>
  <c r="N4962" i="5" s="1"/>
  <c r="AR208" i="1"/>
  <c r="C214" i="5"/>
  <c r="I8344" i="2"/>
  <c r="I8318" i="5" s="1"/>
  <c r="K8344" i="2"/>
  <c r="K8318" i="5" s="1"/>
  <c r="O8318" i="5" s="1"/>
  <c r="L8344" i="2"/>
  <c r="L8318" i="5" s="1"/>
  <c r="J8344" i="2"/>
  <c r="J8318" i="5" s="1"/>
  <c r="N8318" i="5" s="1"/>
  <c r="M8344" i="2"/>
  <c r="M8318" i="5" s="1"/>
  <c r="L8789" i="2"/>
  <c r="L8763" i="5" s="1"/>
  <c r="I8789" i="2"/>
  <c r="I8763" i="5" s="1"/>
  <c r="K8789" i="2"/>
  <c r="K8763" i="5" s="1"/>
  <c r="O8763" i="5" s="1"/>
  <c r="J8789" i="2"/>
  <c r="J8763" i="5" s="1"/>
  <c r="N8763" i="5" s="1"/>
  <c r="M8789" i="2"/>
  <c r="M8763" i="5" s="1"/>
  <c r="I3933" i="2"/>
  <c r="I3907" i="5" s="1"/>
  <c r="M3933" i="2"/>
  <c r="M3907" i="5" s="1"/>
  <c r="J3933" i="2"/>
  <c r="J3907" i="5" s="1"/>
  <c r="N3907" i="5" s="1"/>
  <c r="L3933" i="2"/>
  <c r="L3907" i="5" s="1"/>
  <c r="K3933" i="2"/>
  <c r="K3907" i="5" s="1"/>
  <c r="O3907" i="5" s="1"/>
  <c r="L8042" i="2"/>
  <c r="L8016" i="5" s="1"/>
  <c r="J8042" i="2"/>
  <c r="J8016" i="5" s="1"/>
  <c r="N8016" i="5" s="1"/>
  <c r="I8042" i="2"/>
  <c r="I8016" i="5" s="1"/>
  <c r="M8042" i="2"/>
  <c r="M8016" i="5" s="1"/>
  <c r="K8042" i="2"/>
  <c r="K8016" i="5" s="1"/>
  <c r="O8016" i="5" s="1"/>
  <c r="M8035" i="2"/>
  <c r="M8009" i="5" s="1"/>
  <c r="J8035" i="2"/>
  <c r="J8009" i="5" s="1"/>
  <c r="N8009" i="5" s="1"/>
  <c r="L8035" i="2"/>
  <c r="L8009" i="5" s="1"/>
  <c r="I8035" i="2"/>
  <c r="I8009" i="5" s="1"/>
  <c r="K8035" i="2"/>
  <c r="K8009" i="5" s="1"/>
  <c r="O8009" i="5" s="1"/>
  <c r="J7027" i="2"/>
  <c r="J7001" i="5" s="1"/>
  <c r="N7001" i="5" s="1"/>
  <c r="L7027" i="2"/>
  <c r="L7001" i="5" s="1"/>
  <c r="M7027" i="2"/>
  <c r="M7001" i="5" s="1"/>
  <c r="I7027" i="2"/>
  <c r="I7001" i="5" s="1"/>
  <c r="K7027" i="2"/>
  <c r="K7001" i="5" s="1"/>
  <c r="O7001" i="5" s="1"/>
  <c r="J7025" i="2"/>
  <c r="J6999" i="5" s="1"/>
  <c r="N6999" i="5" s="1"/>
  <c r="M7025" i="2"/>
  <c r="M6999" i="5" s="1"/>
  <c r="L7025" i="2"/>
  <c r="L6999" i="5" s="1"/>
  <c r="I7025" i="2"/>
  <c r="I6999" i="5" s="1"/>
  <c r="K7025" i="2"/>
  <c r="K6999" i="5" s="1"/>
  <c r="O6999" i="5" s="1"/>
  <c r="L3571" i="2"/>
  <c r="L3545" i="5" s="1"/>
  <c r="I3571" i="2"/>
  <c r="I3545" i="5" s="1"/>
  <c r="J3571" i="2"/>
  <c r="J3545" i="5" s="1"/>
  <c r="N3545" i="5" s="1"/>
  <c r="M3571" i="2"/>
  <c r="M3545" i="5" s="1"/>
  <c r="K3571" i="2"/>
  <c r="K3545" i="5" s="1"/>
  <c r="O3545" i="5" s="1"/>
  <c r="I1419" i="2"/>
  <c r="I1393" i="5" s="1"/>
  <c r="M1419" i="2"/>
  <c r="M1393" i="5" s="1"/>
  <c r="K1419" i="2"/>
  <c r="K1393" i="5" s="1"/>
  <c r="O1393" i="5" s="1"/>
  <c r="J1419" i="2"/>
  <c r="J1393" i="5" s="1"/>
  <c r="N1393" i="5" s="1"/>
  <c r="L1419" i="2"/>
  <c r="L1393" i="5" s="1"/>
  <c r="I4572" i="2"/>
  <c r="I4546" i="5" s="1"/>
  <c r="L4572" i="2"/>
  <c r="L4546" i="5" s="1"/>
  <c r="M4572" i="2"/>
  <c r="M4546" i="5" s="1"/>
  <c r="J4572" i="2"/>
  <c r="J4546" i="5" s="1"/>
  <c r="N4546" i="5" s="1"/>
  <c r="K4572" i="2"/>
  <c r="K4546" i="5" s="1"/>
  <c r="O4546" i="5" s="1"/>
  <c r="J4593" i="2"/>
  <c r="J4567" i="5" s="1"/>
  <c r="N4567" i="5" s="1"/>
  <c r="I4593" i="2"/>
  <c r="I4567" i="5" s="1"/>
  <c r="K4593" i="2"/>
  <c r="K4567" i="5" s="1"/>
  <c r="O4567" i="5" s="1"/>
  <c r="L4593" i="2"/>
  <c r="L4567" i="5" s="1"/>
  <c r="M4593" i="2"/>
  <c r="M4567" i="5" s="1"/>
  <c r="M652" i="2"/>
  <c r="M626" i="5" s="1"/>
  <c r="L652" i="2"/>
  <c r="L626" i="5" s="1"/>
  <c r="J652" i="2"/>
  <c r="J626" i="5" s="1"/>
  <c r="N626" i="5" s="1"/>
  <c r="I652" i="2"/>
  <c r="I626" i="5" s="1"/>
  <c r="K652" i="2"/>
  <c r="K626" i="5" s="1"/>
  <c r="O626" i="5" s="1"/>
  <c r="K648" i="2"/>
  <c r="K622" i="5" s="1"/>
  <c r="O622" i="5" s="1"/>
  <c r="L648" i="2"/>
  <c r="L622" i="5" s="1"/>
  <c r="M648" i="2"/>
  <c r="M622" i="5" s="1"/>
  <c r="J648" i="2"/>
  <c r="J622" i="5" s="1"/>
  <c r="N622" i="5" s="1"/>
  <c r="I648" i="2"/>
  <c r="I622" i="5" s="1"/>
  <c r="K7501" i="2"/>
  <c r="K7475" i="5" s="1"/>
  <c r="O7475" i="5" s="1"/>
  <c r="J7501" i="2"/>
  <c r="J7475" i="5" s="1"/>
  <c r="N7475" i="5" s="1"/>
  <c r="L7501" i="2"/>
  <c r="L7475" i="5" s="1"/>
  <c r="I7501" i="2"/>
  <c r="I7475" i="5" s="1"/>
  <c r="M7501" i="2"/>
  <c r="M7475" i="5" s="1"/>
  <c r="M5669" i="2"/>
  <c r="M5643" i="5" s="1"/>
  <c r="L5669" i="2"/>
  <c r="L5643" i="5" s="1"/>
  <c r="I5669" i="2"/>
  <c r="I5643" i="5" s="1"/>
  <c r="K5669" i="2"/>
  <c r="K5643" i="5" s="1"/>
  <c r="O5643" i="5" s="1"/>
  <c r="J5669" i="2"/>
  <c r="J5643" i="5" s="1"/>
  <c r="N5643" i="5" s="1"/>
  <c r="J5822" i="2"/>
  <c r="J5796" i="5" s="1"/>
  <c r="N5796" i="5" s="1"/>
  <c r="L5822" i="2"/>
  <c r="L5796" i="5" s="1"/>
  <c r="M5822" i="2"/>
  <c r="M5796" i="5" s="1"/>
  <c r="I5822" i="2"/>
  <c r="I5796" i="5" s="1"/>
  <c r="K5822" i="2"/>
  <c r="K5796" i="5" s="1"/>
  <c r="O5796" i="5" s="1"/>
  <c r="J5837" i="2"/>
  <c r="J5811" i="5" s="1"/>
  <c r="N5811" i="5" s="1"/>
  <c r="L5837" i="2"/>
  <c r="L5811" i="5" s="1"/>
  <c r="M5837" i="2"/>
  <c r="M5811" i="5" s="1"/>
  <c r="I5837" i="2"/>
  <c r="I5811" i="5" s="1"/>
  <c r="K5837" i="2"/>
  <c r="K5811" i="5" s="1"/>
  <c r="O5811" i="5" s="1"/>
  <c r="L6958" i="2"/>
  <c r="L6932" i="5" s="1"/>
  <c r="I6958" i="2"/>
  <c r="I6932" i="5" s="1"/>
  <c r="K6958" i="2"/>
  <c r="K6932" i="5" s="1"/>
  <c r="O6932" i="5" s="1"/>
  <c r="M6958" i="2"/>
  <c r="M6932" i="5" s="1"/>
  <c r="J6958" i="2"/>
  <c r="J6932" i="5" s="1"/>
  <c r="N6932" i="5" s="1"/>
  <c r="M1614" i="2"/>
  <c r="M1588" i="5" s="1"/>
  <c r="K1614" i="2"/>
  <c r="K1588" i="5" s="1"/>
  <c r="O1588" i="5" s="1"/>
  <c r="I1614" i="2"/>
  <c r="I1588" i="5" s="1"/>
  <c r="J1614" i="2"/>
  <c r="J1588" i="5" s="1"/>
  <c r="N1588" i="5" s="1"/>
  <c r="L1614" i="2"/>
  <c r="L1588" i="5" s="1"/>
  <c r="J7772" i="2"/>
  <c r="J7746" i="5" s="1"/>
  <c r="N7746" i="5" s="1"/>
  <c r="I7772" i="2"/>
  <c r="I7746" i="5" s="1"/>
  <c r="M7772" i="2"/>
  <c r="M7746" i="5" s="1"/>
  <c r="L7772" i="2"/>
  <c r="L7746" i="5" s="1"/>
  <c r="K7772" i="2"/>
  <c r="K7746" i="5" s="1"/>
  <c r="O7746" i="5" s="1"/>
  <c r="I3837" i="2"/>
  <c r="I3811" i="5" s="1"/>
  <c r="L3837" i="2"/>
  <c r="L3811" i="5" s="1"/>
  <c r="M3837" i="2"/>
  <c r="M3811" i="5" s="1"/>
  <c r="J3837" i="2"/>
  <c r="J3811" i="5" s="1"/>
  <c r="N3811" i="5" s="1"/>
  <c r="K3837" i="2"/>
  <c r="K3811" i="5" s="1"/>
  <c r="O3811" i="5" s="1"/>
  <c r="L5077" i="2"/>
  <c r="L5051" i="5" s="1"/>
  <c r="M5077" i="2"/>
  <c r="M5051" i="5" s="1"/>
  <c r="I5077" i="2"/>
  <c r="I5051" i="5" s="1"/>
  <c r="K5077" i="2"/>
  <c r="K5051" i="5" s="1"/>
  <c r="O5051" i="5" s="1"/>
  <c r="J5077" i="2"/>
  <c r="J5051" i="5" s="1"/>
  <c r="N5051" i="5" s="1"/>
  <c r="M6980" i="2"/>
  <c r="M6954" i="5" s="1"/>
  <c r="L6980" i="2"/>
  <c r="L6954" i="5" s="1"/>
  <c r="K6980" i="2"/>
  <c r="K6954" i="5" s="1"/>
  <c r="O6954" i="5" s="1"/>
  <c r="J6980" i="2"/>
  <c r="J6954" i="5" s="1"/>
  <c r="N6954" i="5" s="1"/>
  <c r="I6980" i="2"/>
  <c r="I6954" i="5" s="1"/>
  <c r="K6108" i="2"/>
  <c r="K6082" i="5" s="1"/>
  <c r="O6082" i="5" s="1"/>
  <c r="J6108" i="2"/>
  <c r="J6082" i="5" s="1"/>
  <c r="N6082" i="5" s="1"/>
  <c r="L6108" i="2"/>
  <c r="L6082" i="5" s="1"/>
  <c r="M6108" i="2"/>
  <c r="M6082" i="5" s="1"/>
  <c r="I6108" i="2"/>
  <c r="I6082" i="5" s="1"/>
  <c r="K6125" i="2"/>
  <c r="K6099" i="5" s="1"/>
  <c r="O6099" i="5" s="1"/>
  <c r="M6125" i="2"/>
  <c r="M6099" i="5" s="1"/>
  <c r="J6125" i="2"/>
  <c r="J6099" i="5" s="1"/>
  <c r="N6099" i="5" s="1"/>
  <c r="I6125" i="2"/>
  <c r="I6099" i="5" s="1"/>
  <c r="L6125" i="2"/>
  <c r="L6099" i="5" s="1"/>
  <c r="J8682" i="2"/>
  <c r="J8656" i="5" s="1"/>
  <c r="N8656" i="5" s="1"/>
  <c r="K8682" i="2"/>
  <c r="K8656" i="5" s="1"/>
  <c r="O8656" i="5" s="1"/>
  <c r="M8682" i="2"/>
  <c r="M8656" i="5" s="1"/>
  <c r="I8682" i="2"/>
  <c r="I8656" i="5" s="1"/>
  <c r="L8682" i="2"/>
  <c r="L8656" i="5" s="1"/>
  <c r="J4146" i="2"/>
  <c r="J4120" i="5" s="1"/>
  <c r="N4120" i="5" s="1"/>
  <c r="M4146" i="2"/>
  <c r="M4120" i="5" s="1"/>
  <c r="I4146" i="2"/>
  <c r="I4120" i="5" s="1"/>
  <c r="K4146" i="2"/>
  <c r="K4120" i="5" s="1"/>
  <c r="O4120" i="5" s="1"/>
  <c r="L4146" i="2"/>
  <c r="L4120" i="5" s="1"/>
  <c r="L3966" i="2"/>
  <c r="L3940" i="5" s="1"/>
  <c r="M3966" i="2"/>
  <c r="M3940" i="5" s="1"/>
  <c r="I3966" i="2"/>
  <c r="I3940" i="5" s="1"/>
  <c r="K3966" i="2"/>
  <c r="K3940" i="5" s="1"/>
  <c r="O3940" i="5" s="1"/>
  <c r="J3966" i="2"/>
  <c r="J3940" i="5" s="1"/>
  <c r="N3940" i="5" s="1"/>
  <c r="J3953" i="2"/>
  <c r="J3927" i="5" s="1"/>
  <c r="N3927" i="5" s="1"/>
  <c r="L3953" i="2"/>
  <c r="L3927" i="5" s="1"/>
  <c r="M3953" i="2"/>
  <c r="M3927" i="5" s="1"/>
  <c r="I3953" i="2"/>
  <c r="I3927" i="5" s="1"/>
  <c r="K3953" i="2"/>
  <c r="K3927" i="5" s="1"/>
  <c r="O3927" i="5" s="1"/>
  <c r="L7146" i="2"/>
  <c r="L7120" i="5" s="1"/>
  <c r="I7146" i="2"/>
  <c r="I7120" i="5" s="1"/>
  <c r="M7146" i="2"/>
  <c r="M7120" i="5" s="1"/>
  <c r="K7146" i="2"/>
  <c r="K7120" i="5" s="1"/>
  <c r="O7120" i="5" s="1"/>
  <c r="J7146" i="2"/>
  <c r="J7120" i="5" s="1"/>
  <c r="N7120" i="5" s="1"/>
  <c r="M4439" i="2"/>
  <c r="M4413" i="5" s="1"/>
  <c r="I4439" i="2"/>
  <c r="I4413" i="5" s="1"/>
  <c r="K4439" i="2"/>
  <c r="K4413" i="5" s="1"/>
  <c r="O4413" i="5" s="1"/>
  <c r="J4439" i="2"/>
  <c r="J4413" i="5" s="1"/>
  <c r="N4413" i="5" s="1"/>
  <c r="L4439" i="2"/>
  <c r="L4413" i="5" s="1"/>
  <c r="J761" i="2"/>
  <c r="J735" i="5" s="1"/>
  <c r="N735" i="5" s="1"/>
  <c r="M761" i="2"/>
  <c r="M735" i="5" s="1"/>
  <c r="L761" i="2"/>
  <c r="L735" i="5" s="1"/>
  <c r="I761" i="2"/>
  <c r="I735" i="5" s="1"/>
  <c r="K761" i="2"/>
  <c r="K735" i="5" s="1"/>
  <c r="O735" i="5" s="1"/>
  <c r="M3470" i="2"/>
  <c r="M3444" i="5" s="1"/>
  <c r="L3470" i="2"/>
  <c r="L3444" i="5" s="1"/>
  <c r="I3470" i="2"/>
  <c r="I3444" i="5" s="1"/>
  <c r="K3470" i="2"/>
  <c r="K3444" i="5" s="1"/>
  <c r="O3444" i="5" s="1"/>
  <c r="J3470" i="2"/>
  <c r="J3444" i="5" s="1"/>
  <c r="N3444" i="5" s="1"/>
  <c r="K2107" i="2"/>
  <c r="K2081" i="5" s="1"/>
  <c r="O2081" i="5" s="1"/>
  <c r="M2107" i="2"/>
  <c r="M2081" i="5" s="1"/>
  <c r="I2107" i="2"/>
  <c r="I2081" i="5" s="1"/>
  <c r="L2107" i="2"/>
  <c r="L2081" i="5" s="1"/>
  <c r="J2107" i="2"/>
  <c r="J2081" i="5" s="1"/>
  <c r="N2081" i="5" s="1"/>
  <c r="K2114" i="2"/>
  <c r="K2088" i="5" s="1"/>
  <c r="O2088" i="5" s="1"/>
  <c r="M2114" i="2"/>
  <c r="M2088" i="5" s="1"/>
  <c r="L2114" i="2"/>
  <c r="L2088" i="5" s="1"/>
  <c r="I2114" i="2"/>
  <c r="I2088" i="5" s="1"/>
  <c r="J2114" i="2"/>
  <c r="J2088" i="5" s="1"/>
  <c r="N2088" i="5" s="1"/>
  <c r="J5452" i="2"/>
  <c r="J5426" i="5" s="1"/>
  <c r="N5426" i="5" s="1"/>
  <c r="K5452" i="2"/>
  <c r="K5426" i="5" s="1"/>
  <c r="O5426" i="5" s="1"/>
  <c r="L5452" i="2"/>
  <c r="L5426" i="5" s="1"/>
  <c r="I5452" i="2"/>
  <c r="I5426" i="5" s="1"/>
  <c r="M5452" i="2"/>
  <c r="M5426" i="5" s="1"/>
  <c r="J1481" i="2"/>
  <c r="J1455" i="5" s="1"/>
  <c r="N1455" i="5" s="1"/>
  <c r="L1481" i="2"/>
  <c r="L1455" i="5" s="1"/>
  <c r="M1481" i="2"/>
  <c r="M1455" i="5" s="1"/>
  <c r="I1481" i="2"/>
  <c r="I1455" i="5" s="1"/>
  <c r="K1481" i="2"/>
  <c r="K1455" i="5" s="1"/>
  <c r="O1455" i="5" s="1"/>
  <c r="I8519" i="2"/>
  <c r="I8493" i="5" s="1"/>
  <c r="M8519" i="2"/>
  <c r="M8493" i="5" s="1"/>
  <c r="K8519" i="2"/>
  <c r="K8493" i="5" s="1"/>
  <c r="O8493" i="5" s="1"/>
  <c r="J8519" i="2"/>
  <c r="J8493" i="5" s="1"/>
  <c r="N8493" i="5" s="1"/>
  <c r="L8519" i="2"/>
  <c r="L8493" i="5" s="1"/>
  <c r="K5808" i="2"/>
  <c r="K5782" i="5" s="1"/>
  <c r="O5782" i="5" s="1"/>
  <c r="J5808" i="2"/>
  <c r="J5782" i="5" s="1"/>
  <c r="N5782" i="5" s="1"/>
  <c r="L5808" i="2"/>
  <c r="L5782" i="5" s="1"/>
  <c r="M5808" i="2"/>
  <c r="M5782" i="5" s="1"/>
  <c r="I5808" i="2"/>
  <c r="I5782" i="5" s="1"/>
  <c r="L59" i="2"/>
  <c r="L33" i="5" s="1"/>
  <c r="K59" i="2"/>
  <c r="K33" i="5" s="1"/>
  <c r="O33" i="5" s="1"/>
  <c r="I59" i="2"/>
  <c r="I33" i="5" s="1"/>
  <c r="J59" i="2"/>
  <c r="J33" i="5" s="1"/>
  <c r="N33" i="5" s="1"/>
  <c r="M59" i="2"/>
  <c r="M33" i="5" s="1"/>
  <c r="I2772" i="2"/>
  <c r="I2746" i="5" s="1"/>
  <c r="M2772" i="2"/>
  <c r="M2746" i="5" s="1"/>
  <c r="K2772" i="2"/>
  <c r="K2746" i="5" s="1"/>
  <c r="O2746" i="5" s="1"/>
  <c r="J2772" i="2"/>
  <c r="J2746" i="5" s="1"/>
  <c r="N2746" i="5" s="1"/>
  <c r="L2772" i="2"/>
  <c r="L2746" i="5" s="1"/>
  <c r="I1455" i="2"/>
  <c r="I1429" i="5" s="1"/>
  <c r="K1455" i="2"/>
  <c r="K1429" i="5" s="1"/>
  <c r="O1429" i="5" s="1"/>
  <c r="M1455" i="2"/>
  <c r="M1429" i="5" s="1"/>
  <c r="L1455" i="2"/>
  <c r="L1429" i="5" s="1"/>
  <c r="J1455" i="2"/>
  <c r="J1429" i="5" s="1"/>
  <c r="N1429" i="5" s="1"/>
  <c r="K8296" i="2"/>
  <c r="K8270" i="5" s="1"/>
  <c r="O8270" i="5" s="1"/>
  <c r="J8296" i="2"/>
  <c r="J8270" i="5" s="1"/>
  <c r="N8270" i="5" s="1"/>
  <c r="M8296" i="2"/>
  <c r="M8270" i="5" s="1"/>
  <c r="L8296" i="2"/>
  <c r="L8270" i="5" s="1"/>
  <c r="I8296" i="2"/>
  <c r="I8270" i="5" s="1"/>
  <c r="M1229" i="2"/>
  <c r="M1203" i="5" s="1"/>
  <c r="I1229" i="2"/>
  <c r="I1203" i="5" s="1"/>
  <c r="K1229" i="2"/>
  <c r="K1203" i="5" s="1"/>
  <c r="O1203" i="5" s="1"/>
  <c r="J1229" i="2"/>
  <c r="J1203" i="5" s="1"/>
  <c r="N1203" i="5" s="1"/>
  <c r="L1229" i="2"/>
  <c r="L1203" i="5" s="1"/>
  <c r="AR51" i="1"/>
  <c r="C57" i="5"/>
  <c r="I5129" i="2"/>
  <c r="I5103" i="5" s="1"/>
  <c r="M5129" i="2"/>
  <c r="M5103" i="5" s="1"/>
  <c r="K5129" i="2"/>
  <c r="K5103" i="5" s="1"/>
  <c r="O5103" i="5" s="1"/>
  <c r="J5129" i="2"/>
  <c r="J5103" i="5" s="1"/>
  <c r="N5103" i="5" s="1"/>
  <c r="L5129" i="2"/>
  <c r="L5103" i="5" s="1"/>
  <c r="M6028" i="2"/>
  <c r="M6002" i="5" s="1"/>
  <c r="I6028" i="2"/>
  <c r="I6002" i="5" s="1"/>
  <c r="K6028" i="2"/>
  <c r="K6002" i="5" s="1"/>
  <c r="O6002" i="5" s="1"/>
  <c r="J6028" i="2"/>
  <c r="J6002" i="5" s="1"/>
  <c r="N6002" i="5" s="1"/>
  <c r="L6028" i="2"/>
  <c r="L6002" i="5" s="1"/>
  <c r="I6032" i="2"/>
  <c r="I6006" i="5" s="1"/>
  <c r="J6032" i="2"/>
  <c r="J6006" i="5" s="1"/>
  <c r="N6006" i="5" s="1"/>
  <c r="L6032" i="2"/>
  <c r="L6006" i="5" s="1"/>
  <c r="K6032" i="2"/>
  <c r="K6006" i="5" s="1"/>
  <c r="O6006" i="5" s="1"/>
  <c r="M6032" i="2"/>
  <c r="M6006" i="5" s="1"/>
  <c r="I34" i="2"/>
  <c r="I8" i="5" s="1"/>
  <c r="M34" i="2"/>
  <c r="M8" i="5" s="1"/>
  <c r="L34" i="2"/>
  <c r="L8" i="5" s="1"/>
  <c r="J34" i="2"/>
  <c r="J8" i="5" s="1"/>
  <c r="N8" i="5" s="1"/>
  <c r="K34" i="2"/>
  <c r="K8" i="5" s="1"/>
  <c r="O8" i="5" s="1"/>
  <c r="M53" i="2"/>
  <c r="M27" i="5" s="1"/>
  <c r="L53" i="2"/>
  <c r="L27" i="5" s="1"/>
  <c r="J53" i="2"/>
  <c r="J27" i="5" s="1"/>
  <c r="N27" i="5" s="1"/>
  <c r="I53" i="2"/>
  <c r="I27" i="5" s="1"/>
  <c r="K53" i="2"/>
  <c r="K27" i="5" s="1"/>
  <c r="O27" i="5" s="1"/>
  <c r="K5268" i="2"/>
  <c r="K5242" i="5" s="1"/>
  <c r="O5242" i="5" s="1"/>
  <c r="L5268" i="2"/>
  <c r="L5242" i="5" s="1"/>
  <c r="J5268" i="2"/>
  <c r="J5242" i="5" s="1"/>
  <c r="N5242" i="5" s="1"/>
  <c r="M5268" i="2"/>
  <c r="M5242" i="5" s="1"/>
  <c r="I5268" i="2"/>
  <c r="I5242" i="5" s="1"/>
  <c r="C226" i="5"/>
  <c r="AR220" i="1"/>
  <c r="J7662" i="2"/>
  <c r="J7636" i="5" s="1"/>
  <c r="N7636" i="5" s="1"/>
  <c r="L7662" i="2"/>
  <c r="L7636" i="5" s="1"/>
  <c r="I7662" i="2"/>
  <c r="I7636" i="5" s="1"/>
  <c r="M7662" i="2"/>
  <c r="M7636" i="5" s="1"/>
  <c r="K7662" i="2"/>
  <c r="K7636" i="5" s="1"/>
  <c r="O7636" i="5" s="1"/>
  <c r="I1060" i="2"/>
  <c r="I1034" i="5" s="1"/>
  <c r="K1060" i="2"/>
  <c r="K1034" i="5" s="1"/>
  <c r="O1034" i="5" s="1"/>
  <c r="J1060" i="2"/>
  <c r="J1034" i="5" s="1"/>
  <c r="N1034" i="5" s="1"/>
  <c r="L1060" i="2"/>
  <c r="L1034" i="5" s="1"/>
  <c r="M1060" i="2"/>
  <c r="M1034" i="5" s="1"/>
  <c r="K4812" i="2"/>
  <c r="K4786" i="5" s="1"/>
  <c r="O4786" i="5" s="1"/>
  <c r="J4812" i="2"/>
  <c r="J4786" i="5" s="1"/>
  <c r="N4786" i="5" s="1"/>
  <c r="L4812" i="2"/>
  <c r="L4786" i="5" s="1"/>
  <c r="M4812" i="2"/>
  <c r="M4786" i="5" s="1"/>
  <c r="I4812" i="2"/>
  <c r="I4786" i="5" s="1"/>
  <c r="L2281" i="2"/>
  <c r="L2255" i="5" s="1"/>
  <c r="J2281" i="2"/>
  <c r="J2255" i="5" s="1"/>
  <c r="N2255" i="5" s="1"/>
  <c r="I2281" i="2"/>
  <c r="I2255" i="5" s="1"/>
  <c r="M2281" i="2"/>
  <c r="M2255" i="5" s="1"/>
  <c r="K2281" i="2"/>
  <c r="K2255" i="5" s="1"/>
  <c r="O2255" i="5" s="1"/>
  <c r="J2266" i="2"/>
  <c r="J2240" i="5" s="1"/>
  <c r="N2240" i="5" s="1"/>
  <c r="L2266" i="2"/>
  <c r="L2240" i="5" s="1"/>
  <c r="M2266" i="2"/>
  <c r="M2240" i="5" s="1"/>
  <c r="I2266" i="2"/>
  <c r="I2240" i="5" s="1"/>
  <c r="K2266" i="2"/>
  <c r="K2240" i="5" s="1"/>
  <c r="O2240" i="5" s="1"/>
  <c r="K6477" i="2"/>
  <c r="K6451" i="5" s="1"/>
  <c r="O6451" i="5" s="1"/>
  <c r="M6477" i="2"/>
  <c r="M6451" i="5" s="1"/>
  <c r="J6477" i="2"/>
  <c r="J6451" i="5" s="1"/>
  <c r="N6451" i="5" s="1"/>
  <c r="I6477" i="2"/>
  <c r="I6451" i="5" s="1"/>
  <c r="L6477" i="2"/>
  <c r="L6451" i="5" s="1"/>
  <c r="K2644" i="2"/>
  <c r="K2618" i="5" s="1"/>
  <c r="O2618" i="5" s="1"/>
  <c r="J2644" i="2"/>
  <c r="J2618" i="5" s="1"/>
  <c r="N2618" i="5" s="1"/>
  <c r="L2644" i="2"/>
  <c r="L2618" i="5" s="1"/>
  <c r="M2644" i="2"/>
  <c r="M2618" i="5" s="1"/>
  <c r="I2644" i="2"/>
  <c r="I2618" i="5" s="1"/>
  <c r="K3117" i="2"/>
  <c r="K3091" i="5" s="1"/>
  <c r="O3091" i="5" s="1"/>
  <c r="J3117" i="2"/>
  <c r="J3091" i="5" s="1"/>
  <c r="N3091" i="5" s="1"/>
  <c r="I3117" i="2"/>
  <c r="I3091" i="5" s="1"/>
  <c r="M3117" i="2"/>
  <c r="M3091" i="5" s="1"/>
  <c r="L3117" i="2"/>
  <c r="L3091" i="5" s="1"/>
  <c r="I7005" i="2"/>
  <c r="I6979" i="5" s="1"/>
  <c r="J7005" i="2"/>
  <c r="J6979" i="5" s="1"/>
  <c r="N6979" i="5" s="1"/>
  <c r="L7005" i="2"/>
  <c r="L6979" i="5" s="1"/>
  <c r="M7005" i="2"/>
  <c r="M6979" i="5" s="1"/>
  <c r="K7005" i="2"/>
  <c r="K6979" i="5" s="1"/>
  <c r="O6979" i="5" s="1"/>
  <c r="I1287" i="2"/>
  <c r="I1261" i="5" s="1"/>
  <c r="L1287" i="2"/>
  <c r="L1261" i="5" s="1"/>
  <c r="M1287" i="2"/>
  <c r="M1261" i="5" s="1"/>
  <c r="K1287" i="2"/>
  <c r="K1261" i="5" s="1"/>
  <c r="O1261" i="5" s="1"/>
  <c r="J1287" i="2"/>
  <c r="J1261" i="5" s="1"/>
  <c r="N1261" i="5" s="1"/>
  <c r="I5985" i="2"/>
  <c r="I5959" i="5" s="1"/>
  <c r="K5985" i="2"/>
  <c r="K5959" i="5" s="1"/>
  <c r="O5959" i="5" s="1"/>
  <c r="L5985" i="2"/>
  <c r="L5959" i="5" s="1"/>
  <c r="M5985" i="2"/>
  <c r="M5959" i="5" s="1"/>
  <c r="J5985" i="2"/>
  <c r="J5959" i="5" s="1"/>
  <c r="N5959" i="5" s="1"/>
  <c r="K3090" i="2"/>
  <c r="K3064" i="5" s="1"/>
  <c r="O3064" i="5" s="1"/>
  <c r="M3090" i="2"/>
  <c r="M3064" i="5" s="1"/>
  <c r="J3090" i="2"/>
  <c r="J3064" i="5" s="1"/>
  <c r="N3064" i="5" s="1"/>
  <c r="I3090" i="2"/>
  <c r="I3064" i="5" s="1"/>
  <c r="L3090" i="2"/>
  <c r="L3064" i="5" s="1"/>
  <c r="K1101" i="2"/>
  <c r="K1075" i="5" s="1"/>
  <c r="O1075" i="5" s="1"/>
  <c r="J1101" i="2"/>
  <c r="J1075" i="5" s="1"/>
  <c r="N1075" i="5" s="1"/>
  <c r="L1101" i="2"/>
  <c r="L1075" i="5" s="1"/>
  <c r="M1101" i="2"/>
  <c r="M1075" i="5" s="1"/>
  <c r="I1101" i="2"/>
  <c r="I1075" i="5" s="1"/>
  <c r="J488" i="2"/>
  <c r="J462" i="5" s="1"/>
  <c r="N462" i="5" s="1"/>
  <c r="L488" i="2"/>
  <c r="L462" i="5" s="1"/>
  <c r="I488" i="2"/>
  <c r="I462" i="5" s="1"/>
  <c r="M488" i="2"/>
  <c r="M462" i="5" s="1"/>
  <c r="K488" i="2"/>
  <c r="K462" i="5" s="1"/>
  <c r="O462" i="5" s="1"/>
  <c r="L246" i="2"/>
  <c r="L220" i="5" s="1"/>
  <c r="J246" i="2"/>
  <c r="J220" i="5" s="1"/>
  <c r="N220" i="5" s="1"/>
  <c r="M246" i="2"/>
  <c r="M220" i="5" s="1"/>
  <c r="I246" i="2"/>
  <c r="I220" i="5" s="1"/>
  <c r="K246" i="2"/>
  <c r="K220" i="5" s="1"/>
  <c r="O220" i="5" s="1"/>
  <c r="M6931" i="2"/>
  <c r="M6905" i="5" s="1"/>
  <c r="L6931" i="2"/>
  <c r="L6905" i="5" s="1"/>
  <c r="I6931" i="2"/>
  <c r="I6905" i="5" s="1"/>
  <c r="J6931" i="2"/>
  <c r="J6905" i="5" s="1"/>
  <c r="N6905" i="5" s="1"/>
  <c r="K6931" i="2"/>
  <c r="K6905" i="5" s="1"/>
  <c r="O6905" i="5" s="1"/>
  <c r="M5494" i="2"/>
  <c r="M5468" i="5" s="1"/>
  <c r="L5494" i="2"/>
  <c r="L5468" i="5" s="1"/>
  <c r="J5494" i="2"/>
  <c r="J5468" i="5" s="1"/>
  <c r="N5468" i="5" s="1"/>
  <c r="I5494" i="2"/>
  <c r="I5468" i="5" s="1"/>
  <c r="K5494" i="2"/>
  <c r="K5468" i="5" s="1"/>
  <c r="O5468" i="5" s="1"/>
  <c r="J4740" i="2"/>
  <c r="J4714" i="5" s="1"/>
  <c r="N4714" i="5" s="1"/>
  <c r="M4740" i="2"/>
  <c r="M4714" i="5" s="1"/>
  <c r="L4740" i="2"/>
  <c r="L4714" i="5" s="1"/>
  <c r="I4740" i="2"/>
  <c r="I4714" i="5" s="1"/>
  <c r="K4740" i="2"/>
  <c r="K4714" i="5" s="1"/>
  <c r="O4714" i="5" s="1"/>
  <c r="L8164" i="2"/>
  <c r="L8138" i="5" s="1"/>
  <c r="I8164" i="2"/>
  <c r="I8138" i="5" s="1"/>
  <c r="J8164" i="2"/>
  <c r="J8138" i="5" s="1"/>
  <c r="N8138" i="5" s="1"/>
  <c r="M8164" i="2"/>
  <c r="M8138" i="5" s="1"/>
  <c r="K8164" i="2"/>
  <c r="K8138" i="5" s="1"/>
  <c r="O8138" i="5" s="1"/>
  <c r="M1884" i="2"/>
  <c r="M1858" i="5" s="1"/>
  <c r="I1884" i="2"/>
  <c r="I1858" i="5" s="1"/>
  <c r="K1884" i="2"/>
  <c r="K1858" i="5" s="1"/>
  <c r="O1858" i="5" s="1"/>
  <c r="J1884" i="2"/>
  <c r="J1858" i="5" s="1"/>
  <c r="N1858" i="5" s="1"/>
  <c r="L1884" i="2"/>
  <c r="L1858" i="5" s="1"/>
  <c r="K4780" i="2"/>
  <c r="K4754" i="5" s="1"/>
  <c r="O4754" i="5" s="1"/>
  <c r="J4780" i="2"/>
  <c r="J4754" i="5" s="1"/>
  <c r="N4754" i="5" s="1"/>
  <c r="L4780" i="2"/>
  <c r="L4754" i="5" s="1"/>
  <c r="M4780" i="2"/>
  <c r="M4754" i="5" s="1"/>
  <c r="I4780" i="2"/>
  <c r="I4754" i="5" s="1"/>
  <c r="J3671" i="2"/>
  <c r="J3645" i="5" s="1"/>
  <c r="N3645" i="5" s="1"/>
  <c r="M3671" i="2"/>
  <c r="M3645" i="5" s="1"/>
  <c r="L3671" i="2"/>
  <c r="L3645" i="5" s="1"/>
  <c r="I3671" i="2"/>
  <c r="I3645" i="5" s="1"/>
  <c r="K3671" i="2"/>
  <c r="K3645" i="5" s="1"/>
  <c r="O3645" i="5" s="1"/>
  <c r="L5629" i="2"/>
  <c r="L5603" i="5" s="1"/>
  <c r="M5629" i="2"/>
  <c r="M5603" i="5" s="1"/>
  <c r="J5629" i="2"/>
  <c r="J5603" i="5" s="1"/>
  <c r="N5603" i="5" s="1"/>
  <c r="I5629" i="2"/>
  <c r="I5603" i="5" s="1"/>
  <c r="K5629" i="2"/>
  <c r="K5603" i="5" s="1"/>
  <c r="O5603" i="5" s="1"/>
  <c r="L2055" i="2"/>
  <c r="L2029" i="5" s="1"/>
  <c r="I2055" i="2"/>
  <c r="I2029" i="5" s="1"/>
  <c r="K2055" i="2"/>
  <c r="K2029" i="5" s="1"/>
  <c r="O2029" i="5" s="1"/>
  <c r="M2055" i="2"/>
  <c r="M2029" i="5" s="1"/>
  <c r="J2055" i="2"/>
  <c r="J2029" i="5" s="1"/>
  <c r="N2029" i="5" s="1"/>
  <c r="L7627" i="2"/>
  <c r="L7601" i="5" s="1"/>
  <c r="M7627" i="2"/>
  <c r="M7601" i="5" s="1"/>
  <c r="I7627" i="2"/>
  <c r="I7601" i="5" s="1"/>
  <c r="K7627" i="2"/>
  <c r="K7601" i="5" s="1"/>
  <c r="O7601" i="5" s="1"/>
  <c r="J7627" i="2"/>
  <c r="J7601" i="5" s="1"/>
  <c r="N7601" i="5" s="1"/>
  <c r="C324" i="5"/>
  <c r="AR318" i="1"/>
  <c r="M4471" i="2"/>
  <c r="M4445" i="5" s="1"/>
  <c r="I4471" i="2"/>
  <c r="I4445" i="5" s="1"/>
  <c r="L4471" i="2"/>
  <c r="L4445" i="5" s="1"/>
  <c r="K4471" i="2"/>
  <c r="K4445" i="5" s="1"/>
  <c r="O4445" i="5" s="1"/>
  <c r="J4471" i="2"/>
  <c r="J4445" i="5" s="1"/>
  <c r="N4445" i="5" s="1"/>
  <c r="K7669" i="2"/>
  <c r="K7643" i="5" s="1"/>
  <c r="O7643" i="5" s="1"/>
  <c r="M7669" i="2"/>
  <c r="M7643" i="5" s="1"/>
  <c r="I7669" i="2"/>
  <c r="I7643" i="5" s="1"/>
  <c r="J7669" i="2"/>
  <c r="J7643" i="5" s="1"/>
  <c r="N7643" i="5" s="1"/>
  <c r="L7669" i="2"/>
  <c r="L7643" i="5" s="1"/>
  <c r="M4185" i="2"/>
  <c r="M4159" i="5" s="1"/>
  <c r="J4185" i="2"/>
  <c r="J4159" i="5" s="1"/>
  <c r="N4159" i="5" s="1"/>
  <c r="L4185" i="2"/>
  <c r="L4159" i="5" s="1"/>
  <c r="I4185" i="2"/>
  <c r="I4159" i="5" s="1"/>
  <c r="K4185" i="2"/>
  <c r="K4159" i="5" s="1"/>
  <c r="O4159" i="5" s="1"/>
  <c r="K4172" i="2"/>
  <c r="K4146" i="5" s="1"/>
  <c r="O4146" i="5" s="1"/>
  <c r="M4172" i="2"/>
  <c r="M4146" i="5" s="1"/>
  <c r="J4172" i="2"/>
  <c r="J4146" i="5" s="1"/>
  <c r="N4146" i="5" s="1"/>
  <c r="L4172" i="2"/>
  <c r="L4146" i="5" s="1"/>
  <c r="I4172" i="2"/>
  <c r="I4146" i="5" s="1"/>
  <c r="I2392" i="2"/>
  <c r="I2366" i="5" s="1"/>
  <c r="K2392" i="2"/>
  <c r="K2366" i="5" s="1"/>
  <c r="O2366" i="5" s="1"/>
  <c r="J2392" i="2"/>
  <c r="J2366" i="5" s="1"/>
  <c r="N2366" i="5" s="1"/>
  <c r="M2392" i="2"/>
  <c r="M2366" i="5" s="1"/>
  <c r="L2392" i="2"/>
  <c r="L2366" i="5" s="1"/>
  <c r="C106" i="5"/>
  <c r="AR100" i="1"/>
  <c r="K8636" i="2"/>
  <c r="K8610" i="5" s="1"/>
  <c r="O8610" i="5" s="1"/>
  <c r="L8636" i="2"/>
  <c r="L8610" i="5" s="1"/>
  <c r="J8636" i="2"/>
  <c r="J8610" i="5" s="1"/>
  <c r="N8610" i="5" s="1"/>
  <c r="M8636" i="2"/>
  <c r="M8610" i="5" s="1"/>
  <c r="I8636" i="2"/>
  <c r="I8610" i="5" s="1"/>
  <c r="M3636" i="2"/>
  <c r="M3610" i="5" s="1"/>
  <c r="K3636" i="2"/>
  <c r="K3610" i="5" s="1"/>
  <c r="O3610" i="5" s="1"/>
  <c r="I3636" i="2"/>
  <c r="I3610" i="5" s="1"/>
  <c r="L3636" i="2"/>
  <c r="L3610" i="5" s="1"/>
  <c r="J3636" i="2"/>
  <c r="J3610" i="5" s="1"/>
  <c r="N3610" i="5" s="1"/>
  <c r="L3608" i="2"/>
  <c r="L3582" i="5" s="1"/>
  <c r="J3608" i="2"/>
  <c r="J3582" i="5" s="1"/>
  <c r="N3582" i="5" s="1"/>
  <c r="M3608" i="2"/>
  <c r="M3582" i="5" s="1"/>
  <c r="I3608" i="2"/>
  <c r="I3582" i="5" s="1"/>
  <c r="K3608" i="2"/>
  <c r="K3582" i="5" s="1"/>
  <c r="O3582" i="5" s="1"/>
  <c r="M3604" i="2"/>
  <c r="M3578" i="5" s="1"/>
  <c r="J3604" i="2"/>
  <c r="J3578" i="5" s="1"/>
  <c r="N3578" i="5" s="1"/>
  <c r="I3604" i="2"/>
  <c r="I3578" i="5" s="1"/>
  <c r="K3604" i="2"/>
  <c r="K3578" i="5" s="1"/>
  <c r="O3578" i="5" s="1"/>
  <c r="L3604" i="2"/>
  <c r="L3578" i="5" s="1"/>
  <c r="I5510" i="2"/>
  <c r="I5484" i="5" s="1"/>
  <c r="L5510" i="2"/>
  <c r="L5484" i="5" s="1"/>
  <c r="M5510" i="2"/>
  <c r="M5484" i="5" s="1"/>
  <c r="K5510" i="2"/>
  <c r="K5484" i="5" s="1"/>
  <c r="O5484" i="5" s="1"/>
  <c r="J5510" i="2"/>
  <c r="J5484" i="5" s="1"/>
  <c r="N5484" i="5" s="1"/>
  <c r="J5246" i="2"/>
  <c r="J5220" i="5" s="1"/>
  <c r="N5220" i="5" s="1"/>
  <c r="I5246" i="2"/>
  <c r="I5220" i="5" s="1"/>
  <c r="K5246" i="2"/>
  <c r="K5220" i="5" s="1"/>
  <c r="O5220" i="5" s="1"/>
  <c r="M5246" i="2"/>
  <c r="M5220" i="5" s="1"/>
  <c r="L5246" i="2"/>
  <c r="L5220" i="5" s="1"/>
  <c r="K6589" i="2"/>
  <c r="K6563" i="5" s="1"/>
  <c r="O6563" i="5" s="1"/>
  <c r="J6589" i="2"/>
  <c r="J6563" i="5" s="1"/>
  <c r="N6563" i="5" s="1"/>
  <c r="M6589" i="2"/>
  <c r="M6563" i="5" s="1"/>
  <c r="I6589" i="2"/>
  <c r="I6563" i="5" s="1"/>
  <c r="L6589" i="2"/>
  <c r="L6563" i="5" s="1"/>
  <c r="M2487" i="2"/>
  <c r="M2461" i="5" s="1"/>
  <c r="I2487" i="2"/>
  <c r="I2461" i="5" s="1"/>
  <c r="L2487" i="2"/>
  <c r="L2461" i="5" s="1"/>
  <c r="J2487" i="2"/>
  <c r="J2461" i="5" s="1"/>
  <c r="N2461" i="5" s="1"/>
  <c r="K2487" i="2"/>
  <c r="K2461" i="5" s="1"/>
  <c r="O2461" i="5" s="1"/>
  <c r="I2599" i="2"/>
  <c r="I2573" i="5" s="1"/>
  <c r="K2599" i="2"/>
  <c r="K2573" i="5" s="1"/>
  <c r="O2573" i="5" s="1"/>
  <c r="L2599" i="2"/>
  <c r="L2573" i="5" s="1"/>
  <c r="J2599" i="2"/>
  <c r="J2573" i="5" s="1"/>
  <c r="N2573" i="5" s="1"/>
  <c r="M2599" i="2"/>
  <c r="M2573" i="5" s="1"/>
  <c r="I6301" i="2"/>
  <c r="I6275" i="5" s="1"/>
  <c r="M6301" i="2"/>
  <c r="M6275" i="5" s="1"/>
  <c r="L6301" i="2"/>
  <c r="L6275" i="5" s="1"/>
  <c r="K6301" i="2"/>
  <c r="K6275" i="5" s="1"/>
  <c r="O6275" i="5" s="1"/>
  <c r="J6301" i="2"/>
  <c r="J6275" i="5" s="1"/>
  <c r="N6275" i="5" s="1"/>
  <c r="K3801" i="2"/>
  <c r="K3775" i="5" s="1"/>
  <c r="O3775" i="5" s="1"/>
  <c r="I3801" i="2"/>
  <c r="I3775" i="5" s="1"/>
  <c r="M3801" i="2"/>
  <c r="M3775" i="5" s="1"/>
  <c r="J3801" i="2"/>
  <c r="J3775" i="5" s="1"/>
  <c r="N3775" i="5" s="1"/>
  <c r="L3801" i="2"/>
  <c r="L3775" i="5" s="1"/>
  <c r="L2146" i="2"/>
  <c r="L2120" i="5" s="1"/>
  <c r="M2146" i="2"/>
  <c r="M2120" i="5" s="1"/>
  <c r="I2146" i="2"/>
  <c r="I2120" i="5" s="1"/>
  <c r="K2146" i="2"/>
  <c r="K2120" i="5" s="1"/>
  <c r="O2120" i="5" s="1"/>
  <c r="J2146" i="2"/>
  <c r="J2120" i="5" s="1"/>
  <c r="N2120" i="5" s="1"/>
  <c r="M6279" i="2"/>
  <c r="M6253" i="5" s="1"/>
  <c r="I6279" i="2"/>
  <c r="I6253" i="5" s="1"/>
  <c r="J6279" i="2"/>
  <c r="J6253" i="5" s="1"/>
  <c r="N6253" i="5" s="1"/>
  <c r="L6279" i="2"/>
  <c r="L6253" i="5" s="1"/>
  <c r="K6279" i="2"/>
  <c r="K6253" i="5" s="1"/>
  <c r="O6253" i="5" s="1"/>
  <c r="I6281" i="2"/>
  <c r="I6255" i="5" s="1"/>
  <c r="L6281" i="2"/>
  <c r="L6255" i="5" s="1"/>
  <c r="M6281" i="2"/>
  <c r="M6255" i="5" s="1"/>
  <c r="K6281" i="2"/>
  <c r="K6255" i="5" s="1"/>
  <c r="O6255" i="5" s="1"/>
  <c r="J6281" i="2"/>
  <c r="J6255" i="5" s="1"/>
  <c r="N6255" i="5" s="1"/>
  <c r="I3436" i="2"/>
  <c r="I3410" i="5" s="1"/>
  <c r="K3436" i="2"/>
  <c r="K3410" i="5" s="1"/>
  <c r="O3410" i="5" s="1"/>
  <c r="J3436" i="2"/>
  <c r="J3410" i="5" s="1"/>
  <c r="N3410" i="5" s="1"/>
  <c r="L3436" i="2"/>
  <c r="L3410" i="5" s="1"/>
  <c r="M3436" i="2"/>
  <c r="M3410" i="5" s="1"/>
  <c r="M6799" i="2"/>
  <c r="M6773" i="5" s="1"/>
  <c r="L6799" i="2"/>
  <c r="L6773" i="5" s="1"/>
  <c r="I6799" i="2"/>
  <c r="I6773" i="5" s="1"/>
  <c r="K6799" i="2"/>
  <c r="K6773" i="5" s="1"/>
  <c r="O6773" i="5" s="1"/>
  <c r="J6799" i="2"/>
  <c r="J6773" i="5" s="1"/>
  <c r="N6773" i="5" s="1"/>
  <c r="I6796" i="2"/>
  <c r="I6770" i="5" s="1"/>
  <c r="J6796" i="2"/>
  <c r="J6770" i="5" s="1"/>
  <c r="N6770" i="5" s="1"/>
  <c r="L6796" i="2"/>
  <c r="L6770" i="5" s="1"/>
  <c r="K6796" i="2"/>
  <c r="K6770" i="5" s="1"/>
  <c r="O6770" i="5" s="1"/>
  <c r="M6796" i="2"/>
  <c r="M6770" i="5" s="1"/>
  <c r="L7304" i="2"/>
  <c r="L7278" i="5" s="1"/>
  <c r="I7304" i="2"/>
  <c r="I7278" i="5" s="1"/>
  <c r="M7304" i="2"/>
  <c r="M7278" i="5" s="1"/>
  <c r="K7304" i="2"/>
  <c r="K7278" i="5" s="1"/>
  <c r="O7278" i="5" s="1"/>
  <c r="J7304" i="2"/>
  <c r="J7278" i="5" s="1"/>
  <c r="N7278" i="5" s="1"/>
  <c r="J7296" i="2"/>
  <c r="J7270" i="5" s="1"/>
  <c r="N7270" i="5" s="1"/>
  <c r="M7296" i="2"/>
  <c r="M7270" i="5" s="1"/>
  <c r="L7296" i="2"/>
  <c r="L7270" i="5" s="1"/>
  <c r="I7296" i="2"/>
  <c r="I7270" i="5" s="1"/>
  <c r="K7296" i="2"/>
  <c r="K7270" i="5" s="1"/>
  <c r="O7270" i="5" s="1"/>
  <c r="M1239" i="2"/>
  <c r="M1213" i="5" s="1"/>
  <c r="I1239" i="2"/>
  <c r="I1213" i="5" s="1"/>
  <c r="L1239" i="2"/>
  <c r="L1213" i="5" s="1"/>
  <c r="K1239" i="2"/>
  <c r="K1213" i="5" s="1"/>
  <c r="O1213" i="5" s="1"/>
  <c r="J1239" i="2"/>
  <c r="J1213" i="5" s="1"/>
  <c r="N1213" i="5" s="1"/>
  <c r="J3279" i="2"/>
  <c r="J3253" i="5" s="1"/>
  <c r="N3253" i="5" s="1"/>
  <c r="L3279" i="2"/>
  <c r="L3253" i="5" s="1"/>
  <c r="I3279" i="2"/>
  <c r="I3253" i="5" s="1"/>
  <c r="M3279" i="2"/>
  <c r="M3253" i="5" s="1"/>
  <c r="K3279" i="2"/>
  <c r="K3253" i="5" s="1"/>
  <c r="O3253" i="5" s="1"/>
  <c r="I6821" i="2"/>
  <c r="I6795" i="5" s="1"/>
  <c r="K6821" i="2"/>
  <c r="K6795" i="5" s="1"/>
  <c r="O6795" i="5" s="1"/>
  <c r="J6821" i="2"/>
  <c r="J6795" i="5" s="1"/>
  <c r="N6795" i="5" s="1"/>
  <c r="L6821" i="2"/>
  <c r="L6795" i="5" s="1"/>
  <c r="M6821" i="2"/>
  <c r="M6795" i="5" s="1"/>
  <c r="I5433" i="2"/>
  <c r="I5407" i="5" s="1"/>
  <c r="J5433" i="2"/>
  <c r="J5407" i="5" s="1"/>
  <c r="N5407" i="5" s="1"/>
  <c r="L5433" i="2"/>
  <c r="L5407" i="5" s="1"/>
  <c r="M5433" i="2"/>
  <c r="M5407" i="5" s="1"/>
  <c r="K5433" i="2"/>
  <c r="K5407" i="5" s="1"/>
  <c r="O5407" i="5" s="1"/>
  <c r="M118" i="2"/>
  <c r="M92" i="5" s="1"/>
  <c r="I118" i="2"/>
  <c r="I92" i="5" s="1"/>
  <c r="L118" i="2"/>
  <c r="L92" i="5" s="1"/>
  <c r="J118" i="2"/>
  <c r="J92" i="5" s="1"/>
  <c r="N92" i="5" s="1"/>
  <c r="K118" i="2"/>
  <c r="K92" i="5" s="1"/>
  <c r="O92" i="5" s="1"/>
  <c r="I3918" i="2"/>
  <c r="I3892" i="5" s="1"/>
  <c r="K3918" i="2"/>
  <c r="K3892" i="5" s="1"/>
  <c r="O3892" i="5" s="1"/>
  <c r="J3918" i="2"/>
  <c r="J3892" i="5" s="1"/>
  <c r="N3892" i="5" s="1"/>
  <c r="M3918" i="2"/>
  <c r="M3892" i="5" s="1"/>
  <c r="L3918" i="2"/>
  <c r="L3892" i="5" s="1"/>
  <c r="L257" i="2"/>
  <c r="L231" i="5" s="1"/>
  <c r="M257" i="2"/>
  <c r="M231" i="5" s="1"/>
  <c r="I257" i="2"/>
  <c r="I231" i="5" s="1"/>
  <c r="J257" i="2"/>
  <c r="J231" i="5" s="1"/>
  <c r="N231" i="5" s="1"/>
  <c r="K257" i="2"/>
  <c r="K231" i="5" s="1"/>
  <c r="O231" i="5" s="1"/>
  <c r="M252" i="2"/>
  <c r="M226" i="5" s="1"/>
  <c r="J252" i="2"/>
  <c r="J226" i="5" s="1"/>
  <c r="N226" i="5" s="1"/>
  <c r="L252" i="2"/>
  <c r="L226" i="5" s="1"/>
  <c r="I252" i="2"/>
  <c r="I226" i="5" s="1"/>
  <c r="K252" i="2"/>
  <c r="K226" i="5" s="1"/>
  <c r="O226" i="5" s="1"/>
  <c r="L6357" i="2"/>
  <c r="L6331" i="5" s="1"/>
  <c r="J6357" i="2"/>
  <c r="J6331" i="5" s="1"/>
  <c r="N6331" i="5" s="1"/>
  <c r="I6357" i="2"/>
  <c r="I6331" i="5" s="1"/>
  <c r="K6357" i="2"/>
  <c r="K6331" i="5" s="1"/>
  <c r="O6331" i="5" s="1"/>
  <c r="M6357" i="2"/>
  <c r="M6331" i="5" s="1"/>
  <c r="J7195" i="2"/>
  <c r="J7169" i="5" s="1"/>
  <c r="N7169" i="5" s="1"/>
  <c r="M7195" i="2"/>
  <c r="M7169" i="5" s="1"/>
  <c r="I7195" i="2"/>
  <c r="I7169" i="5" s="1"/>
  <c r="K7195" i="2"/>
  <c r="K7169" i="5" s="1"/>
  <c r="O7169" i="5" s="1"/>
  <c r="L7195" i="2"/>
  <c r="L7169" i="5" s="1"/>
  <c r="K1571" i="2"/>
  <c r="K1545" i="5" s="1"/>
  <c r="O1545" i="5" s="1"/>
  <c r="L1571" i="2"/>
  <c r="L1545" i="5" s="1"/>
  <c r="J1571" i="2"/>
  <c r="J1545" i="5" s="1"/>
  <c r="N1545" i="5" s="1"/>
  <c r="I1571" i="2"/>
  <c r="I1545" i="5" s="1"/>
  <c r="M1571" i="2"/>
  <c r="M1545" i="5" s="1"/>
  <c r="L3505" i="2"/>
  <c r="L3479" i="5" s="1"/>
  <c r="J3505" i="2"/>
  <c r="J3479" i="5" s="1"/>
  <c r="N3479" i="5" s="1"/>
  <c r="I3505" i="2"/>
  <c r="I3479" i="5" s="1"/>
  <c r="K3505" i="2"/>
  <c r="K3479" i="5" s="1"/>
  <c r="O3479" i="5" s="1"/>
  <c r="M3505" i="2"/>
  <c r="M3479" i="5" s="1"/>
  <c r="I6689" i="2"/>
  <c r="I6663" i="5" s="1"/>
  <c r="K6689" i="2"/>
  <c r="K6663" i="5" s="1"/>
  <c r="O6663" i="5" s="1"/>
  <c r="L6689" i="2"/>
  <c r="L6663" i="5" s="1"/>
  <c r="M6689" i="2"/>
  <c r="M6663" i="5" s="1"/>
  <c r="J6689" i="2"/>
  <c r="J6663" i="5" s="1"/>
  <c r="N6663" i="5" s="1"/>
  <c r="L7116" i="2"/>
  <c r="L7090" i="5" s="1"/>
  <c r="I7116" i="2"/>
  <c r="I7090" i="5" s="1"/>
  <c r="K7116" i="2"/>
  <c r="K7090" i="5" s="1"/>
  <c r="O7090" i="5" s="1"/>
  <c r="J7116" i="2"/>
  <c r="J7090" i="5" s="1"/>
  <c r="N7090" i="5" s="1"/>
  <c r="M7116" i="2"/>
  <c r="M7090" i="5" s="1"/>
  <c r="K2126" i="2"/>
  <c r="K2100" i="5" s="1"/>
  <c r="O2100" i="5" s="1"/>
  <c r="M2126" i="2"/>
  <c r="M2100" i="5" s="1"/>
  <c r="L2126" i="2"/>
  <c r="L2100" i="5" s="1"/>
  <c r="I2126" i="2"/>
  <c r="I2100" i="5" s="1"/>
  <c r="J2126" i="2"/>
  <c r="J2100" i="5" s="1"/>
  <c r="N2100" i="5" s="1"/>
  <c r="J2131" i="2"/>
  <c r="J2105" i="5" s="1"/>
  <c r="N2105" i="5" s="1"/>
  <c r="I2131" i="2"/>
  <c r="I2105" i="5" s="1"/>
  <c r="L2131" i="2"/>
  <c r="L2105" i="5" s="1"/>
  <c r="K2131" i="2"/>
  <c r="K2105" i="5" s="1"/>
  <c r="O2105" i="5" s="1"/>
  <c r="M2131" i="2"/>
  <c r="M2105" i="5" s="1"/>
  <c r="L3344" i="2"/>
  <c r="L3318" i="5" s="1"/>
  <c r="M3344" i="2"/>
  <c r="M3318" i="5" s="1"/>
  <c r="J3344" i="2"/>
  <c r="J3318" i="5" s="1"/>
  <c r="N3318" i="5" s="1"/>
  <c r="I3344" i="2"/>
  <c r="I3318" i="5" s="1"/>
  <c r="K3344" i="2"/>
  <c r="K3318" i="5" s="1"/>
  <c r="O3318" i="5" s="1"/>
  <c r="J4513" i="2"/>
  <c r="J4487" i="5" s="1"/>
  <c r="N4487" i="5" s="1"/>
  <c r="I4513" i="2"/>
  <c r="I4487" i="5" s="1"/>
  <c r="K4513" i="2"/>
  <c r="K4487" i="5" s="1"/>
  <c r="O4487" i="5" s="1"/>
  <c r="M4513" i="2"/>
  <c r="M4487" i="5" s="1"/>
  <c r="L4513" i="2"/>
  <c r="L4487" i="5" s="1"/>
  <c r="J7446" i="2"/>
  <c r="J7420" i="5" s="1"/>
  <c r="N7420" i="5" s="1"/>
  <c r="L7446" i="2"/>
  <c r="L7420" i="5" s="1"/>
  <c r="M7446" i="2"/>
  <c r="M7420" i="5" s="1"/>
  <c r="I7446" i="2"/>
  <c r="I7420" i="5" s="1"/>
  <c r="K7446" i="2"/>
  <c r="K7420" i="5" s="1"/>
  <c r="O7420" i="5" s="1"/>
  <c r="L6502" i="2"/>
  <c r="L6476" i="5" s="1"/>
  <c r="I6502" i="2"/>
  <c r="I6476" i="5" s="1"/>
  <c r="M6502" i="2"/>
  <c r="M6476" i="5" s="1"/>
  <c r="K6502" i="2"/>
  <c r="K6476" i="5" s="1"/>
  <c r="O6476" i="5" s="1"/>
  <c r="J6502" i="2"/>
  <c r="J6476" i="5" s="1"/>
  <c r="N6476" i="5" s="1"/>
  <c r="M6509" i="2"/>
  <c r="M6483" i="5" s="1"/>
  <c r="I6509" i="2"/>
  <c r="I6483" i="5" s="1"/>
  <c r="L6509" i="2"/>
  <c r="L6483" i="5" s="1"/>
  <c r="K6509" i="2"/>
  <c r="K6483" i="5" s="1"/>
  <c r="O6483" i="5" s="1"/>
  <c r="J6509" i="2"/>
  <c r="J6483" i="5" s="1"/>
  <c r="N6483" i="5" s="1"/>
  <c r="M4835" i="2"/>
  <c r="M4809" i="5" s="1"/>
  <c r="L4835" i="2"/>
  <c r="L4809" i="5" s="1"/>
  <c r="I4835" i="2"/>
  <c r="I4809" i="5" s="1"/>
  <c r="K4835" i="2"/>
  <c r="K4809" i="5" s="1"/>
  <c r="O4809" i="5" s="1"/>
  <c r="J4835" i="2"/>
  <c r="J4809" i="5" s="1"/>
  <c r="N4809" i="5" s="1"/>
  <c r="J7863" i="2"/>
  <c r="J7837" i="5" s="1"/>
  <c r="N7837" i="5" s="1"/>
  <c r="L7863" i="2"/>
  <c r="L7837" i="5" s="1"/>
  <c r="K7863" i="2"/>
  <c r="K7837" i="5" s="1"/>
  <c r="O7837" i="5" s="1"/>
  <c r="M7863" i="2"/>
  <c r="M7837" i="5" s="1"/>
  <c r="I7863" i="2"/>
  <c r="I7837" i="5" s="1"/>
  <c r="L4912" i="2"/>
  <c r="L4886" i="5" s="1"/>
  <c r="J4912" i="2"/>
  <c r="J4886" i="5" s="1"/>
  <c r="N4886" i="5" s="1"/>
  <c r="M4912" i="2"/>
  <c r="M4886" i="5" s="1"/>
  <c r="I4912" i="2"/>
  <c r="I4886" i="5" s="1"/>
  <c r="K4912" i="2"/>
  <c r="K4886" i="5" s="1"/>
  <c r="O4886" i="5" s="1"/>
  <c r="J8275" i="2"/>
  <c r="J8249" i="5" s="1"/>
  <c r="N8249" i="5" s="1"/>
  <c r="L8275" i="2"/>
  <c r="L8249" i="5" s="1"/>
  <c r="M8275" i="2"/>
  <c r="M8249" i="5" s="1"/>
  <c r="I8275" i="2"/>
  <c r="I8249" i="5" s="1"/>
  <c r="K8275" i="2"/>
  <c r="K8249" i="5" s="1"/>
  <c r="O8249" i="5" s="1"/>
  <c r="I8268" i="2"/>
  <c r="I8242" i="5" s="1"/>
  <c r="K8268" i="2"/>
  <c r="K8242" i="5" s="1"/>
  <c r="O8242" i="5" s="1"/>
  <c r="J8268" i="2"/>
  <c r="J8242" i="5" s="1"/>
  <c r="N8242" i="5" s="1"/>
  <c r="M8268" i="2"/>
  <c r="M8242" i="5" s="1"/>
  <c r="L8268" i="2"/>
  <c r="L8242" i="5" s="1"/>
  <c r="J4629" i="2"/>
  <c r="J4603" i="5" s="1"/>
  <c r="N4603" i="5" s="1"/>
  <c r="M4629" i="2"/>
  <c r="M4603" i="5" s="1"/>
  <c r="L4629" i="2"/>
  <c r="L4603" i="5" s="1"/>
  <c r="I4629" i="2"/>
  <c r="I4603" i="5" s="1"/>
  <c r="K4629" i="2"/>
  <c r="K4603" i="5" s="1"/>
  <c r="O4603" i="5" s="1"/>
  <c r="L4631" i="2"/>
  <c r="L4605" i="5" s="1"/>
  <c r="I4631" i="2"/>
  <c r="I4605" i="5" s="1"/>
  <c r="M4631" i="2"/>
  <c r="M4605" i="5" s="1"/>
  <c r="K4631" i="2"/>
  <c r="K4605" i="5" s="1"/>
  <c r="O4605" i="5" s="1"/>
  <c r="J4631" i="2"/>
  <c r="J4605" i="5" s="1"/>
  <c r="N4605" i="5" s="1"/>
  <c r="L2411" i="2"/>
  <c r="L2385" i="5" s="1"/>
  <c r="M2411" i="2"/>
  <c r="M2385" i="5" s="1"/>
  <c r="I2411" i="2"/>
  <c r="I2385" i="5" s="1"/>
  <c r="K2411" i="2"/>
  <c r="K2385" i="5" s="1"/>
  <c r="O2385" i="5" s="1"/>
  <c r="J2411" i="2"/>
  <c r="J2385" i="5" s="1"/>
  <c r="N2385" i="5" s="1"/>
  <c r="J5298" i="2"/>
  <c r="J5272" i="5" s="1"/>
  <c r="N5272" i="5" s="1"/>
  <c r="L5298" i="2"/>
  <c r="L5272" i="5" s="1"/>
  <c r="I5298" i="2"/>
  <c r="I5272" i="5" s="1"/>
  <c r="K5298" i="2"/>
  <c r="K5272" i="5" s="1"/>
  <c r="O5272" i="5" s="1"/>
  <c r="M5298" i="2"/>
  <c r="M5272" i="5" s="1"/>
  <c r="I7998" i="2"/>
  <c r="I7972" i="5" s="1"/>
  <c r="K7998" i="2"/>
  <c r="K7972" i="5" s="1"/>
  <c r="O7972" i="5" s="1"/>
  <c r="J7998" i="2"/>
  <c r="J7972" i="5" s="1"/>
  <c r="N7972" i="5" s="1"/>
  <c r="M7998" i="2"/>
  <c r="M7972" i="5" s="1"/>
  <c r="L7998" i="2"/>
  <c r="L7972" i="5" s="1"/>
  <c r="M4109" i="2"/>
  <c r="M4083" i="5" s="1"/>
  <c r="L4109" i="2"/>
  <c r="L4083" i="5" s="1"/>
  <c r="J4109" i="2"/>
  <c r="J4083" i="5" s="1"/>
  <c r="N4083" i="5" s="1"/>
  <c r="I4109" i="2"/>
  <c r="I4083" i="5" s="1"/>
  <c r="K4109" i="2"/>
  <c r="K4083" i="5" s="1"/>
  <c r="O4083" i="5" s="1"/>
  <c r="M8610" i="2"/>
  <c r="M8584" i="5" s="1"/>
  <c r="L8610" i="2"/>
  <c r="L8584" i="5" s="1"/>
  <c r="K8610" i="2"/>
  <c r="K8584" i="5" s="1"/>
  <c r="O8584" i="5" s="1"/>
  <c r="J8610" i="2"/>
  <c r="J8584" i="5" s="1"/>
  <c r="N8584" i="5" s="1"/>
  <c r="I8610" i="2"/>
  <c r="I8584" i="5" s="1"/>
  <c r="L6086" i="2"/>
  <c r="L6060" i="5" s="1"/>
  <c r="I6086" i="2"/>
  <c r="I6060" i="5" s="1"/>
  <c r="K6086" i="2"/>
  <c r="K6060" i="5" s="1"/>
  <c r="O6060" i="5" s="1"/>
  <c r="J6086" i="2"/>
  <c r="J6060" i="5" s="1"/>
  <c r="N6060" i="5" s="1"/>
  <c r="M6086" i="2"/>
  <c r="M6060" i="5" s="1"/>
  <c r="L3978" i="2"/>
  <c r="L3952" i="5" s="1"/>
  <c r="I3978" i="2"/>
  <c r="I3952" i="5" s="1"/>
  <c r="M3978" i="2"/>
  <c r="M3952" i="5" s="1"/>
  <c r="K3978" i="2"/>
  <c r="K3952" i="5" s="1"/>
  <c r="O3952" i="5" s="1"/>
  <c r="J3978" i="2"/>
  <c r="J3952" i="5" s="1"/>
  <c r="N3952" i="5" s="1"/>
  <c r="J3991" i="2"/>
  <c r="J3965" i="5" s="1"/>
  <c r="N3965" i="5" s="1"/>
  <c r="L3991" i="2"/>
  <c r="L3965" i="5" s="1"/>
  <c r="I3991" i="2"/>
  <c r="I3965" i="5" s="1"/>
  <c r="M3991" i="2"/>
  <c r="M3965" i="5" s="1"/>
  <c r="K3991" i="2"/>
  <c r="K3965" i="5" s="1"/>
  <c r="O3965" i="5" s="1"/>
  <c r="J6149" i="2"/>
  <c r="J6123" i="5" s="1"/>
  <c r="N6123" i="5" s="1"/>
  <c r="L6149" i="2"/>
  <c r="L6123" i="5" s="1"/>
  <c r="M6149" i="2"/>
  <c r="M6123" i="5" s="1"/>
  <c r="I6149" i="2"/>
  <c r="I6123" i="5" s="1"/>
  <c r="K6149" i="2"/>
  <c r="K6123" i="5" s="1"/>
  <c r="O6123" i="5" s="1"/>
  <c r="C262" i="5"/>
  <c r="AR256" i="1"/>
  <c r="J5776" i="2"/>
  <c r="J5750" i="5" s="1"/>
  <c r="N5750" i="5" s="1"/>
  <c r="L5776" i="2"/>
  <c r="L5750" i="5" s="1"/>
  <c r="M5776" i="2"/>
  <c r="M5750" i="5" s="1"/>
  <c r="I5776" i="2"/>
  <c r="I5750" i="5" s="1"/>
  <c r="K5776" i="2"/>
  <c r="K5750" i="5" s="1"/>
  <c r="O5750" i="5" s="1"/>
  <c r="L8702" i="2"/>
  <c r="L8676" i="5" s="1"/>
  <c r="M8702" i="2"/>
  <c r="M8676" i="5" s="1"/>
  <c r="K8702" i="2"/>
  <c r="K8676" i="5" s="1"/>
  <c r="O8676" i="5" s="1"/>
  <c r="I8702" i="2"/>
  <c r="I8676" i="5" s="1"/>
  <c r="J8702" i="2"/>
  <c r="J8676" i="5" s="1"/>
  <c r="N8676" i="5" s="1"/>
  <c r="L5333" i="2"/>
  <c r="L5307" i="5" s="1"/>
  <c r="M5333" i="2"/>
  <c r="M5307" i="5" s="1"/>
  <c r="J5333" i="2"/>
  <c r="J5307" i="5" s="1"/>
  <c r="N5307" i="5" s="1"/>
  <c r="K5333" i="2"/>
  <c r="K5307" i="5" s="1"/>
  <c r="O5307" i="5" s="1"/>
  <c r="I5333" i="2"/>
  <c r="I5307" i="5" s="1"/>
  <c r="J5324" i="2"/>
  <c r="J5298" i="5" s="1"/>
  <c r="N5298" i="5" s="1"/>
  <c r="M5324" i="2"/>
  <c r="M5298" i="5" s="1"/>
  <c r="I5324" i="2"/>
  <c r="I5298" i="5" s="1"/>
  <c r="K5324" i="2"/>
  <c r="K5298" i="5" s="1"/>
  <c r="O5298" i="5" s="1"/>
  <c r="L5324" i="2"/>
  <c r="L5298" i="5" s="1"/>
  <c r="M7259" i="2"/>
  <c r="M7233" i="5" s="1"/>
  <c r="L7259" i="2"/>
  <c r="L7233" i="5" s="1"/>
  <c r="I7259" i="2"/>
  <c r="I7233" i="5" s="1"/>
  <c r="K7259" i="2"/>
  <c r="K7233" i="5" s="1"/>
  <c r="O7233" i="5" s="1"/>
  <c r="J7259" i="2"/>
  <c r="J7233" i="5" s="1"/>
  <c r="N7233" i="5" s="1"/>
  <c r="M6338" i="2"/>
  <c r="M6312" i="5" s="1"/>
  <c r="K6338" i="2"/>
  <c r="K6312" i="5" s="1"/>
  <c r="O6312" i="5" s="1"/>
  <c r="J6338" i="2"/>
  <c r="J6312" i="5" s="1"/>
  <c r="N6312" i="5" s="1"/>
  <c r="L6338" i="2"/>
  <c r="L6312" i="5" s="1"/>
  <c r="I6338" i="2"/>
  <c r="I6312" i="5" s="1"/>
  <c r="K7802" i="2"/>
  <c r="K7776" i="5" s="1"/>
  <c r="O7776" i="5" s="1"/>
  <c r="M7802" i="2"/>
  <c r="M7776" i="5" s="1"/>
  <c r="I7802" i="2"/>
  <c r="I7776" i="5" s="1"/>
  <c r="L7802" i="2"/>
  <c r="L7776" i="5" s="1"/>
  <c r="J7802" i="2"/>
  <c r="J7776" i="5" s="1"/>
  <c r="N7776" i="5" s="1"/>
  <c r="J6434" i="2"/>
  <c r="J6408" i="5" s="1"/>
  <c r="N6408" i="5" s="1"/>
  <c r="M6434" i="2"/>
  <c r="M6408" i="5" s="1"/>
  <c r="I6434" i="2"/>
  <c r="I6408" i="5" s="1"/>
  <c r="L6434" i="2"/>
  <c r="L6408" i="5" s="1"/>
  <c r="K6434" i="2"/>
  <c r="K6408" i="5" s="1"/>
  <c r="O6408" i="5" s="1"/>
  <c r="K8021" i="2"/>
  <c r="K7995" i="5" s="1"/>
  <c r="O7995" i="5" s="1"/>
  <c r="L8021" i="2"/>
  <c r="L7995" i="5" s="1"/>
  <c r="J8021" i="2"/>
  <c r="J7995" i="5" s="1"/>
  <c r="N7995" i="5" s="1"/>
  <c r="M8021" i="2"/>
  <c r="M7995" i="5" s="1"/>
  <c r="I8021" i="2"/>
  <c r="I7995" i="5" s="1"/>
  <c r="K8020" i="2"/>
  <c r="K7994" i="5" s="1"/>
  <c r="O7994" i="5" s="1"/>
  <c r="J8020" i="2"/>
  <c r="J7994" i="5" s="1"/>
  <c r="N7994" i="5" s="1"/>
  <c r="L8020" i="2"/>
  <c r="L7994" i="5" s="1"/>
  <c r="M8020" i="2"/>
  <c r="M7994" i="5" s="1"/>
  <c r="I8020" i="2"/>
  <c r="I7994" i="5" s="1"/>
  <c r="J5680" i="2"/>
  <c r="J5654" i="5" s="1"/>
  <c r="N5654" i="5" s="1"/>
  <c r="M5680" i="2"/>
  <c r="M5654" i="5" s="1"/>
  <c r="L5680" i="2"/>
  <c r="L5654" i="5" s="1"/>
  <c r="I5680" i="2"/>
  <c r="I5654" i="5" s="1"/>
  <c r="K5680" i="2"/>
  <c r="K5654" i="5" s="1"/>
  <c r="O5654" i="5" s="1"/>
  <c r="J5677" i="2"/>
  <c r="J5651" i="5" s="1"/>
  <c r="N5651" i="5" s="1"/>
  <c r="L5677" i="2"/>
  <c r="L5651" i="5" s="1"/>
  <c r="M5677" i="2"/>
  <c r="M5651" i="5" s="1"/>
  <c r="I5677" i="2"/>
  <c r="I5651" i="5" s="1"/>
  <c r="K5677" i="2"/>
  <c r="K5651" i="5" s="1"/>
  <c r="O5651" i="5" s="1"/>
  <c r="K4792" i="2"/>
  <c r="K4766" i="5" s="1"/>
  <c r="O4766" i="5" s="1"/>
  <c r="J4792" i="2"/>
  <c r="J4766" i="5" s="1"/>
  <c r="N4766" i="5" s="1"/>
  <c r="L4792" i="2"/>
  <c r="L4766" i="5" s="1"/>
  <c r="M4792" i="2"/>
  <c r="M4766" i="5" s="1"/>
  <c r="I4792" i="2"/>
  <c r="I4766" i="5" s="1"/>
  <c r="L8486" i="2"/>
  <c r="L8460" i="5" s="1"/>
  <c r="M8486" i="2"/>
  <c r="M8460" i="5" s="1"/>
  <c r="I8486" i="2"/>
  <c r="I8460" i="5" s="1"/>
  <c r="K8486" i="2"/>
  <c r="K8460" i="5" s="1"/>
  <c r="O8460" i="5" s="1"/>
  <c r="J8486" i="2"/>
  <c r="J8460" i="5" s="1"/>
  <c r="N8460" i="5" s="1"/>
  <c r="L6853" i="2"/>
  <c r="L6827" i="5" s="1"/>
  <c r="M6853" i="2"/>
  <c r="M6827" i="5" s="1"/>
  <c r="I6853" i="2"/>
  <c r="I6827" i="5" s="1"/>
  <c r="K6853" i="2"/>
  <c r="K6827" i="5" s="1"/>
  <c r="O6827" i="5" s="1"/>
  <c r="J6853" i="2"/>
  <c r="J6827" i="5" s="1"/>
  <c r="N6827" i="5" s="1"/>
  <c r="C292" i="5"/>
  <c r="AR286" i="1"/>
  <c r="L143" i="2"/>
  <c r="L117" i="5" s="1"/>
  <c r="J143" i="2"/>
  <c r="J117" i="5" s="1"/>
  <c r="N117" i="5" s="1"/>
  <c r="M143" i="2"/>
  <c r="M117" i="5" s="1"/>
  <c r="I143" i="2"/>
  <c r="I117" i="5" s="1"/>
  <c r="K143" i="2"/>
  <c r="K117" i="5" s="1"/>
  <c r="O117" i="5" s="1"/>
  <c r="L132" i="2"/>
  <c r="L106" i="5" s="1"/>
  <c r="M132" i="2"/>
  <c r="M106" i="5" s="1"/>
  <c r="J132" i="2"/>
  <c r="J106" i="5" s="1"/>
  <c r="N106" i="5" s="1"/>
  <c r="I132" i="2"/>
  <c r="I106" i="5" s="1"/>
  <c r="K132" i="2"/>
  <c r="K106" i="5" s="1"/>
  <c r="O106" i="5" s="1"/>
  <c r="L8651" i="2"/>
  <c r="L8625" i="5" s="1"/>
  <c r="M8651" i="2"/>
  <c r="M8625" i="5" s="1"/>
  <c r="J8651" i="2"/>
  <c r="J8625" i="5" s="1"/>
  <c r="N8625" i="5" s="1"/>
  <c r="I8651" i="2"/>
  <c r="I8625" i="5" s="1"/>
  <c r="K8651" i="2"/>
  <c r="K8625" i="5" s="1"/>
  <c r="O8625" i="5" s="1"/>
  <c r="M4304" i="2"/>
  <c r="M4278" i="5" s="1"/>
  <c r="L4304" i="2"/>
  <c r="L4278" i="5" s="1"/>
  <c r="I4304" i="2"/>
  <c r="I4278" i="5" s="1"/>
  <c r="K4304" i="2"/>
  <c r="K4278" i="5" s="1"/>
  <c r="O4278" i="5" s="1"/>
  <c r="J4304" i="2"/>
  <c r="J4278" i="5" s="1"/>
  <c r="N4278" i="5" s="1"/>
  <c r="J4295" i="2"/>
  <c r="J4269" i="5" s="1"/>
  <c r="N4269" i="5" s="1"/>
  <c r="L4295" i="2"/>
  <c r="L4269" i="5" s="1"/>
  <c r="M4295" i="2"/>
  <c r="M4269" i="5" s="1"/>
  <c r="I4295" i="2"/>
  <c r="I4269" i="5" s="1"/>
  <c r="K4295" i="2"/>
  <c r="K4269" i="5" s="1"/>
  <c r="O4269" i="5" s="1"/>
  <c r="J6267" i="2"/>
  <c r="J6241" i="5" s="1"/>
  <c r="N6241" i="5" s="1"/>
  <c r="M6267" i="2"/>
  <c r="M6241" i="5" s="1"/>
  <c r="I6267" i="2"/>
  <c r="I6241" i="5" s="1"/>
  <c r="L6267" i="2"/>
  <c r="L6241" i="5" s="1"/>
  <c r="K6267" i="2"/>
  <c r="K6241" i="5" s="1"/>
  <c r="O6241" i="5" s="1"/>
  <c r="K6268" i="2"/>
  <c r="K6242" i="5" s="1"/>
  <c r="O6242" i="5" s="1"/>
  <c r="L6268" i="2"/>
  <c r="L6242" i="5" s="1"/>
  <c r="I6268" i="2"/>
  <c r="I6242" i="5" s="1"/>
  <c r="J6268" i="2"/>
  <c r="J6242" i="5" s="1"/>
  <c r="N6242" i="5" s="1"/>
  <c r="M6268" i="2"/>
  <c r="M6242" i="5" s="1"/>
  <c r="J7836" i="2"/>
  <c r="J7810" i="5" s="1"/>
  <c r="N7810" i="5" s="1"/>
  <c r="L7836" i="2"/>
  <c r="L7810" i="5" s="1"/>
  <c r="K7836" i="2"/>
  <c r="K7810" i="5" s="1"/>
  <c r="O7810" i="5" s="1"/>
  <c r="I7836" i="2"/>
  <c r="I7810" i="5" s="1"/>
  <c r="M7836" i="2"/>
  <c r="M7810" i="5" s="1"/>
  <c r="J627" i="2"/>
  <c r="J601" i="5" s="1"/>
  <c r="N601" i="5" s="1"/>
  <c r="I627" i="2"/>
  <c r="I601" i="5" s="1"/>
  <c r="L627" i="2"/>
  <c r="L601" i="5" s="1"/>
  <c r="M627" i="2"/>
  <c r="M601" i="5" s="1"/>
  <c r="K627" i="2"/>
  <c r="K601" i="5" s="1"/>
  <c r="O601" i="5" s="1"/>
  <c r="M2761" i="2"/>
  <c r="M2735" i="5" s="1"/>
  <c r="I2761" i="2"/>
  <c r="I2735" i="5" s="1"/>
  <c r="K2761" i="2"/>
  <c r="K2735" i="5" s="1"/>
  <c r="O2735" i="5" s="1"/>
  <c r="L2761" i="2"/>
  <c r="L2735" i="5" s="1"/>
  <c r="J2761" i="2"/>
  <c r="J2735" i="5" s="1"/>
  <c r="N2735" i="5" s="1"/>
  <c r="K1401" i="2"/>
  <c r="K1375" i="5" s="1"/>
  <c r="O1375" i="5" s="1"/>
  <c r="J1401" i="2"/>
  <c r="J1375" i="5" s="1"/>
  <c r="N1375" i="5" s="1"/>
  <c r="L1401" i="2"/>
  <c r="L1375" i="5" s="1"/>
  <c r="M1401" i="2"/>
  <c r="M1375" i="5" s="1"/>
  <c r="I1401" i="2"/>
  <c r="I1375" i="5" s="1"/>
  <c r="C64" i="5"/>
  <c r="AR58" i="1"/>
  <c r="J575" i="2"/>
  <c r="J549" i="5" s="1"/>
  <c r="N549" i="5" s="1"/>
  <c r="M575" i="2"/>
  <c r="M549" i="5" s="1"/>
  <c r="L575" i="2"/>
  <c r="L549" i="5" s="1"/>
  <c r="I575" i="2"/>
  <c r="I549" i="5" s="1"/>
  <c r="K575" i="2"/>
  <c r="K549" i="5" s="1"/>
  <c r="O549" i="5" s="1"/>
  <c r="M570" i="2"/>
  <c r="M544" i="5" s="1"/>
  <c r="I570" i="2"/>
  <c r="I544" i="5" s="1"/>
  <c r="K570" i="2"/>
  <c r="K544" i="5" s="1"/>
  <c r="O544" i="5" s="1"/>
  <c r="J570" i="2"/>
  <c r="J544" i="5" s="1"/>
  <c r="N544" i="5" s="1"/>
  <c r="L570" i="2"/>
  <c r="L544" i="5" s="1"/>
  <c r="I7706" i="2"/>
  <c r="I7680" i="5" s="1"/>
  <c r="K7706" i="2"/>
  <c r="K7680" i="5" s="1"/>
  <c r="O7680" i="5" s="1"/>
  <c r="J7706" i="2"/>
  <c r="J7680" i="5" s="1"/>
  <c r="N7680" i="5" s="1"/>
  <c r="L7706" i="2"/>
  <c r="L7680" i="5" s="1"/>
  <c r="M7706" i="2"/>
  <c r="M7680" i="5" s="1"/>
  <c r="M8454" i="2"/>
  <c r="M8428" i="5" s="1"/>
  <c r="L8454" i="2"/>
  <c r="L8428" i="5" s="1"/>
  <c r="K8454" i="2"/>
  <c r="K8428" i="5" s="1"/>
  <c r="O8428" i="5" s="1"/>
  <c r="J8454" i="2"/>
  <c r="J8428" i="5" s="1"/>
  <c r="N8428" i="5" s="1"/>
  <c r="I8454" i="2"/>
  <c r="I8428" i="5" s="1"/>
  <c r="M5120" i="2"/>
  <c r="M5094" i="5" s="1"/>
  <c r="L5120" i="2"/>
  <c r="L5094" i="5" s="1"/>
  <c r="I5120" i="2"/>
  <c r="I5094" i="5" s="1"/>
  <c r="K5120" i="2"/>
  <c r="K5094" i="5" s="1"/>
  <c r="O5094" i="5" s="1"/>
  <c r="J5120" i="2"/>
  <c r="J5094" i="5" s="1"/>
  <c r="N5094" i="5" s="1"/>
  <c r="L5108" i="2"/>
  <c r="L5082" i="5" s="1"/>
  <c r="J5108" i="2"/>
  <c r="J5082" i="5" s="1"/>
  <c r="N5082" i="5" s="1"/>
  <c r="M5108" i="2"/>
  <c r="M5082" i="5" s="1"/>
  <c r="I5108" i="2"/>
  <c r="I5082" i="5" s="1"/>
  <c r="K5108" i="2"/>
  <c r="K5082" i="5" s="1"/>
  <c r="O5082" i="5" s="1"/>
  <c r="L1759" i="2"/>
  <c r="L1733" i="5" s="1"/>
  <c r="M1759" i="2"/>
  <c r="M1733" i="5" s="1"/>
  <c r="I1759" i="2"/>
  <c r="I1733" i="5" s="1"/>
  <c r="K1759" i="2"/>
  <c r="K1733" i="5" s="1"/>
  <c r="O1733" i="5" s="1"/>
  <c r="J1759" i="2"/>
  <c r="J1733" i="5" s="1"/>
  <c r="N1733" i="5" s="1"/>
  <c r="L1751" i="2"/>
  <c r="L1725" i="5" s="1"/>
  <c r="J1751" i="2"/>
  <c r="J1725" i="5" s="1"/>
  <c r="N1725" i="5" s="1"/>
  <c r="M1751" i="2"/>
  <c r="M1725" i="5" s="1"/>
  <c r="I1751" i="2"/>
  <c r="I1725" i="5" s="1"/>
  <c r="K1751" i="2"/>
  <c r="K1725" i="5" s="1"/>
  <c r="O1725" i="5" s="1"/>
  <c r="J3616" i="2"/>
  <c r="J3590" i="5" s="1"/>
  <c r="N3590" i="5" s="1"/>
  <c r="I3616" i="2"/>
  <c r="I3590" i="5" s="1"/>
  <c r="L3616" i="2"/>
  <c r="L3590" i="5" s="1"/>
  <c r="M3616" i="2"/>
  <c r="M3590" i="5" s="1"/>
  <c r="K3616" i="2"/>
  <c r="K3590" i="5" s="1"/>
  <c r="O3590" i="5" s="1"/>
  <c r="M2902" i="2"/>
  <c r="M2876" i="5" s="1"/>
  <c r="I2902" i="2"/>
  <c r="I2876" i="5" s="1"/>
  <c r="K2902" i="2"/>
  <c r="K2876" i="5" s="1"/>
  <c r="O2876" i="5" s="1"/>
  <c r="J2902" i="2"/>
  <c r="J2876" i="5" s="1"/>
  <c r="N2876" i="5" s="1"/>
  <c r="L2902" i="2"/>
  <c r="L2876" i="5" s="1"/>
  <c r="K2907" i="2"/>
  <c r="K2881" i="5" s="1"/>
  <c r="O2881" i="5" s="1"/>
  <c r="L2907" i="2"/>
  <c r="L2881" i="5" s="1"/>
  <c r="M2907" i="2"/>
  <c r="M2881" i="5" s="1"/>
  <c r="I2907" i="2"/>
  <c r="I2881" i="5" s="1"/>
  <c r="J2907" i="2"/>
  <c r="J2881" i="5" s="1"/>
  <c r="N2881" i="5" s="1"/>
  <c r="K6681" i="2"/>
  <c r="K6655" i="5" s="1"/>
  <c r="O6655" i="5" s="1"/>
  <c r="J6681" i="2"/>
  <c r="J6655" i="5" s="1"/>
  <c r="N6655" i="5" s="1"/>
  <c r="M6681" i="2"/>
  <c r="M6655" i="5" s="1"/>
  <c r="L6681" i="2"/>
  <c r="L6655" i="5" s="1"/>
  <c r="I6681" i="2"/>
  <c r="I6655" i="5" s="1"/>
  <c r="M5942" i="2"/>
  <c r="M5916" i="5" s="1"/>
  <c r="I5942" i="2"/>
  <c r="I5916" i="5" s="1"/>
  <c r="J5942" i="2"/>
  <c r="J5916" i="5" s="1"/>
  <c r="N5916" i="5" s="1"/>
  <c r="L5942" i="2"/>
  <c r="L5916" i="5" s="1"/>
  <c r="K5942" i="2"/>
  <c r="K5916" i="5" s="1"/>
  <c r="O5916" i="5" s="1"/>
  <c r="I4670" i="2"/>
  <c r="I4644" i="5" s="1"/>
  <c r="L4670" i="2"/>
  <c r="L4644" i="5" s="1"/>
  <c r="M4670" i="2"/>
  <c r="M4644" i="5" s="1"/>
  <c r="K4670" i="2"/>
  <c r="K4644" i="5" s="1"/>
  <c r="O4644" i="5" s="1"/>
  <c r="J4670" i="2"/>
  <c r="J4644" i="5" s="1"/>
  <c r="N4644" i="5" s="1"/>
  <c r="K4669" i="2"/>
  <c r="K4643" i="5" s="1"/>
  <c r="O4643" i="5" s="1"/>
  <c r="M4669" i="2"/>
  <c r="M4643" i="5" s="1"/>
  <c r="J4669" i="2"/>
  <c r="J4643" i="5" s="1"/>
  <c r="N4643" i="5" s="1"/>
  <c r="L4669" i="2"/>
  <c r="L4643" i="5" s="1"/>
  <c r="I4669" i="2"/>
  <c r="I4643" i="5" s="1"/>
  <c r="I6164" i="2"/>
  <c r="I6138" i="5" s="1"/>
  <c r="L6164" i="2"/>
  <c r="L6138" i="5" s="1"/>
  <c r="K6164" i="2"/>
  <c r="K6138" i="5" s="1"/>
  <c r="O6138" i="5" s="1"/>
  <c r="J6164" i="2"/>
  <c r="J6138" i="5" s="1"/>
  <c r="N6138" i="5" s="1"/>
  <c r="M6164" i="2"/>
  <c r="M6138" i="5" s="1"/>
  <c r="I2443" i="2"/>
  <c r="I2417" i="5" s="1"/>
  <c r="L2443" i="2"/>
  <c r="L2417" i="5" s="1"/>
  <c r="K2443" i="2"/>
  <c r="K2417" i="5" s="1"/>
  <c r="O2417" i="5" s="1"/>
  <c r="J2443" i="2"/>
  <c r="J2417" i="5" s="1"/>
  <c r="N2417" i="5" s="1"/>
  <c r="M2443" i="2"/>
  <c r="M2417" i="5" s="1"/>
  <c r="C108" i="5"/>
  <c r="AR102" i="1"/>
  <c r="L2618" i="2"/>
  <c r="L2592" i="5" s="1"/>
  <c r="M2618" i="2"/>
  <c r="M2592" i="5" s="1"/>
  <c r="I2618" i="2"/>
  <c r="I2592" i="5" s="1"/>
  <c r="K2618" i="2"/>
  <c r="K2592" i="5" s="1"/>
  <c r="O2592" i="5" s="1"/>
  <c r="J2618" i="2"/>
  <c r="J2592" i="5" s="1"/>
  <c r="N2592" i="5" s="1"/>
  <c r="J2609" i="2"/>
  <c r="J2583" i="5" s="1"/>
  <c r="N2583" i="5" s="1"/>
  <c r="L2609" i="2"/>
  <c r="L2583" i="5" s="1"/>
  <c r="M2609" i="2"/>
  <c r="M2583" i="5" s="1"/>
  <c r="I2609" i="2"/>
  <c r="I2583" i="5" s="1"/>
  <c r="K2609" i="2"/>
  <c r="K2583" i="5" s="1"/>
  <c r="O2583" i="5" s="1"/>
  <c r="M8373" i="2"/>
  <c r="M8347" i="5" s="1"/>
  <c r="L8373" i="2"/>
  <c r="L8347" i="5" s="1"/>
  <c r="I8373" i="2"/>
  <c r="I8347" i="5" s="1"/>
  <c r="K8373" i="2"/>
  <c r="K8347" i="5" s="1"/>
  <c r="O8347" i="5" s="1"/>
  <c r="J8373" i="2"/>
  <c r="J8347" i="5" s="1"/>
  <c r="N8347" i="5" s="1"/>
  <c r="K1633" i="2"/>
  <c r="K1607" i="5" s="1"/>
  <c r="O1607" i="5" s="1"/>
  <c r="M1633" i="2"/>
  <c r="M1607" i="5" s="1"/>
  <c r="L1633" i="2"/>
  <c r="L1607" i="5" s="1"/>
  <c r="J1633" i="2"/>
  <c r="J1607" i="5" s="1"/>
  <c r="N1607" i="5" s="1"/>
  <c r="I1633" i="2"/>
  <c r="I1607" i="5" s="1"/>
  <c r="I3160" i="2"/>
  <c r="I3134" i="5" s="1"/>
  <c r="L3160" i="2"/>
  <c r="L3134" i="5" s="1"/>
  <c r="K3160" i="2"/>
  <c r="K3134" i="5" s="1"/>
  <c r="O3134" i="5" s="1"/>
  <c r="J3160" i="2"/>
  <c r="J3134" i="5" s="1"/>
  <c r="N3134" i="5" s="1"/>
  <c r="M3160" i="2"/>
  <c r="M3134" i="5" s="1"/>
  <c r="M3458" i="2"/>
  <c r="M3432" i="5" s="1"/>
  <c r="J3458" i="2"/>
  <c r="J3432" i="5" s="1"/>
  <c r="N3432" i="5" s="1"/>
  <c r="I3458" i="2"/>
  <c r="I3432" i="5" s="1"/>
  <c r="K3458" i="2"/>
  <c r="K3432" i="5" s="1"/>
  <c r="O3432" i="5" s="1"/>
  <c r="L3458" i="2"/>
  <c r="L3432" i="5" s="1"/>
  <c r="J3453" i="2"/>
  <c r="J3427" i="5" s="1"/>
  <c r="N3427" i="5" s="1"/>
  <c r="L3453" i="2"/>
  <c r="L3427" i="5" s="1"/>
  <c r="I3453" i="2"/>
  <c r="I3427" i="5" s="1"/>
  <c r="M3453" i="2"/>
  <c r="M3427" i="5" s="1"/>
  <c r="K3453" i="2"/>
  <c r="K3427" i="5" s="1"/>
  <c r="O3427" i="5" s="1"/>
  <c r="K909" i="2"/>
  <c r="K883" i="5" s="1"/>
  <c r="O883" i="5" s="1"/>
  <c r="L909" i="2"/>
  <c r="L883" i="5" s="1"/>
  <c r="M909" i="2"/>
  <c r="M883" i="5" s="1"/>
  <c r="I909" i="2"/>
  <c r="I883" i="5" s="1"/>
  <c r="J909" i="2"/>
  <c r="J883" i="5" s="1"/>
  <c r="N883" i="5" s="1"/>
  <c r="I7949" i="2"/>
  <c r="I7923" i="5" s="1"/>
  <c r="J7949" i="2"/>
  <c r="J7923" i="5" s="1"/>
  <c r="N7923" i="5" s="1"/>
  <c r="K7949" i="2"/>
  <c r="K7923" i="5" s="1"/>
  <c r="O7923" i="5" s="1"/>
  <c r="L7949" i="2"/>
  <c r="L7923" i="5" s="1"/>
  <c r="M7949" i="2"/>
  <c r="M7923" i="5" s="1"/>
  <c r="L7931" i="2"/>
  <c r="L7905" i="5" s="1"/>
  <c r="J7931" i="2"/>
  <c r="J7905" i="5" s="1"/>
  <c r="N7905" i="5" s="1"/>
  <c r="M7931" i="2"/>
  <c r="M7905" i="5" s="1"/>
  <c r="I7931" i="2"/>
  <c r="I7905" i="5" s="1"/>
  <c r="K7931" i="2"/>
  <c r="K7905" i="5" s="1"/>
  <c r="O7905" i="5" s="1"/>
  <c r="L1924" i="2"/>
  <c r="L1898" i="5" s="1"/>
  <c r="M1924" i="2"/>
  <c r="M1898" i="5" s="1"/>
  <c r="I1924" i="2"/>
  <c r="I1898" i="5" s="1"/>
  <c r="K1924" i="2"/>
  <c r="K1898" i="5" s="1"/>
  <c r="O1898" i="5" s="1"/>
  <c r="J1924" i="2"/>
  <c r="J1898" i="5" s="1"/>
  <c r="N1898" i="5" s="1"/>
  <c r="I2731" i="2"/>
  <c r="I2705" i="5" s="1"/>
  <c r="K2731" i="2"/>
  <c r="K2705" i="5" s="1"/>
  <c r="O2705" i="5" s="1"/>
  <c r="L2731" i="2"/>
  <c r="L2705" i="5" s="1"/>
  <c r="J2731" i="2"/>
  <c r="J2705" i="5" s="1"/>
  <c r="N2705" i="5" s="1"/>
  <c r="M2731" i="2"/>
  <c r="M2705" i="5" s="1"/>
  <c r="M2998" i="2"/>
  <c r="M2972" i="5" s="1"/>
  <c r="J2998" i="2"/>
  <c r="J2972" i="5" s="1"/>
  <c r="N2972" i="5" s="1"/>
  <c r="L2998" i="2"/>
  <c r="L2972" i="5" s="1"/>
  <c r="I2998" i="2"/>
  <c r="I2972" i="5" s="1"/>
  <c r="K2998" i="2"/>
  <c r="K2972" i="5" s="1"/>
  <c r="O2972" i="5" s="1"/>
  <c r="AR13" i="1"/>
  <c r="C19" i="5"/>
  <c r="L7491" i="2"/>
  <c r="L7465" i="5" s="1"/>
  <c r="K7491" i="2"/>
  <c r="K7465" i="5" s="1"/>
  <c r="O7465" i="5" s="1"/>
  <c r="J7491" i="2"/>
  <c r="J7465" i="5" s="1"/>
  <c r="N7465" i="5" s="1"/>
  <c r="I7491" i="2"/>
  <c r="I7465" i="5" s="1"/>
  <c r="M7491" i="2"/>
  <c r="M7465" i="5" s="1"/>
  <c r="J7474" i="2"/>
  <c r="J7448" i="5" s="1"/>
  <c r="N7448" i="5" s="1"/>
  <c r="M7474" i="2"/>
  <c r="M7448" i="5" s="1"/>
  <c r="I7474" i="2"/>
  <c r="I7448" i="5" s="1"/>
  <c r="L7474" i="2"/>
  <c r="L7448" i="5" s="1"/>
  <c r="K7474" i="2"/>
  <c r="K7448" i="5" s="1"/>
  <c r="O7448" i="5" s="1"/>
  <c r="I7525" i="2"/>
  <c r="I7499" i="5" s="1"/>
  <c r="J7525" i="2"/>
  <c r="J7499" i="5" s="1"/>
  <c r="N7499" i="5" s="1"/>
  <c r="M7525" i="2"/>
  <c r="M7499" i="5" s="1"/>
  <c r="K7525" i="2"/>
  <c r="K7499" i="5" s="1"/>
  <c r="O7499" i="5" s="1"/>
  <c r="L7525" i="2"/>
  <c r="L7499" i="5" s="1"/>
  <c r="M5186" i="2"/>
  <c r="M5160" i="5" s="1"/>
  <c r="L5186" i="2"/>
  <c r="L5160" i="5" s="1"/>
  <c r="I5186" i="2"/>
  <c r="I5160" i="5" s="1"/>
  <c r="K5186" i="2"/>
  <c r="K5160" i="5" s="1"/>
  <c r="O5160" i="5" s="1"/>
  <c r="J5186" i="2"/>
  <c r="J5160" i="5" s="1"/>
  <c r="N5160" i="5" s="1"/>
  <c r="J3812" i="2"/>
  <c r="J3786" i="5" s="1"/>
  <c r="N3786" i="5" s="1"/>
  <c r="K3812" i="2"/>
  <c r="K3786" i="5" s="1"/>
  <c r="O3786" i="5" s="1"/>
  <c r="M3812" i="2"/>
  <c r="M3786" i="5" s="1"/>
  <c r="I3812" i="2"/>
  <c r="I3786" i="5" s="1"/>
  <c r="L3812" i="2"/>
  <c r="L3786" i="5" s="1"/>
  <c r="I429" i="2"/>
  <c r="I403" i="5" s="1"/>
  <c r="K429" i="2"/>
  <c r="K403" i="5" s="1"/>
  <c r="O403" i="5" s="1"/>
  <c r="M429" i="2"/>
  <c r="M403" i="5" s="1"/>
  <c r="L429" i="2"/>
  <c r="L403" i="5" s="1"/>
  <c r="J429" i="2"/>
  <c r="J403" i="5" s="1"/>
  <c r="N403" i="5" s="1"/>
  <c r="J4352" i="2"/>
  <c r="J4326" i="5" s="1"/>
  <c r="N4326" i="5" s="1"/>
  <c r="M4352" i="2"/>
  <c r="M4326" i="5" s="1"/>
  <c r="I4352" i="2"/>
  <c r="I4326" i="5" s="1"/>
  <c r="K4352" i="2"/>
  <c r="K4326" i="5" s="1"/>
  <c r="O4326" i="5" s="1"/>
  <c r="L4352" i="2"/>
  <c r="L4326" i="5" s="1"/>
  <c r="I4339" i="2"/>
  <c r="I4313" i="5" s="1"/>
  <c r="K4339" i="2"/>
  <c r="K4313" i="5" s="1"/>
  <c r="O4313" i="5" s="1"/>
  <c r="L4339" i="2"/>
  <c r="L4313" i="5" s="1"/>
  <c r="M4339" i="2"/>
  <c r="M4313" i="5" s="1"/>
  <c r="J4339" i="2"/>
  <c r="J4313" i="5" s="1"/>
  <c r="N4313" i="5" s="1"/>
  <c r="K949" i="2"/>
  <c r="K923" i="5" s="1"/>
  <c r="O923" i="5" s="1"/>
  <c r="J949" i="2"/>
  <c r="J923" i="5" s="1"/>
  <c r="N923" i="5" s="1"/>
  <c r="M949" i="2"/>
  <c r="M923" i="5" s="1"/>
  <c r="L949" i="2"/>
  <c r="L923" i="5" s="1"/>
  <c r="I949" i="2"/>
  <c r="I923" i="5" s="1"/>
  <c r="L97" i="2"/>
  <c r="L71" i="5" s="1"/>
  <c r="M97" i="2"/>
  <c r="M71" i="5" s="1"/>
  <c r="J97" i="2"/>
  <c r="J71" i="5" s="1"/>
  <c r="N71" i="5" s="1"/>
  <c r="I97" i="2"/>
  <c r="I71" i="5" s="1"/>
  <c r="K97" i="2"/>
  <c r="K71" i="5" s="1"/>
  <c r="O71" i="5" s="1"/>
  <c r="K1930" i="2"/>
  <c r="K1904" i="5" s="1"/>
  <c r="O1904" i="5" s="1"/>
  <c r="J1930" i="2"/>
  <c r="J1904" i="5" s="1"/>
  <c r="N1904" i="5" s="1"/>
  <c r="L1930" i="2"/>
  <c r="L1904" i="5" s="1"/>
  <c r="M1930" i="2"/>
  <c r="M1904" i="5" s="1"/>
  <c r="I1930" i="2"/>
  <c r="I1904" i="5" s="1"/>
  <c r="I8337" i="2"/>
  <c r="I8311" i="5" s="1"/>
  <c r="K8337" i="2"/>
  <c r="K8311" i="5" s="1"/>
  <c r="O8311" i="5" s="1"/>
  <c r="L8337" i="2"/>
  <c r="L8311" i="5" s="1"/>
  <c r="M8337" i="2"/>
  <c r="M8311" i="5" s="1"/>
  <c r="J8337" i="2"/>
  <c r="J8311" i="5" s="1"/>
  <c r="N8311" i="5" s="1"/>
  <c r="AR347" i="1"/>
  <c r="C353" i="5"/>
  <c r="I8544" i="2"/>
  <c r="I8518" i="5" s="1"/>
  <c r="K8544" i="2"/>
  <c r="K8518" i="5" s="1"/>
  <c r="O8518" i="5" s="1"/>
  <c r="J8544" i="2"/>
  <c r="J8518" i="5" s="1"/>
  <c r="N8518" i="5" s="1"/>
  <c r="M8544" i="2"/>
  <c r="M8518" i="5" s="1"/>
  <c r="L8544" i="2"/>
  <c r="L8518" i="5" s="1"/>
  <c r="K454" i="2"/>
  <c r="K428" i="5" s="1"/>
  <c r="O428" i="5" s="1"/>
  <c r="L454" i="2"/>
  <c r="L428" i="5" s="1"/>
  <c r="J454" i="2"/>
  <c r="J428" i="5" s="1"/>
  <c r="N428" i="5" s="1"/>
  <c r="I454" i="2"/>
  <c r="I428" i="5" s="1"/>
  <c r="M454" i="2"/>
  <c r="M428" i="5" s="1"/>
  <c r="I2314" i="2"/>
  <c r="I2288" i="5" s="1"/>
  <c r="K2314" i="2"/>
  <c r="K2288" i="5" s="1"/>
  <c r="O2288" i="5" s="1"/>
  <c r="J2314" i="2"/>
  <c r="J2288" i="5" s="1"/>
  <c r="N2288" i="5" s="1"/>
  <c r="L2314" i="2"/>
  <c r="L2288" i="5" s="1"/>
  <c r="M2314" i="2"/>
  <c r="M2288" i="5" s="1"/>
  <c r="K4615" i="2"/>
  <c r="K4589" i="5" s="1"/>
  <c r="O4589" i="5" s="1"/>
  <c r="I4615" i="2"/>
  <c r="I4589" i="5" s="1"/>
  <c r="M4615" i="2"/>
  <c r="M4589" i="5" s="1"/>
  <c r="J4615" i="2"/>
  <c r="J4589" i="5" s="1"/>
  <c r="N4589" i="5" s="1"/>
  <c r="L4615" i="2"/>
  <c r="L4589" i="5" s="1"/>
  <c r="C198" i="5"/>
  <c r="AR192" i="1"/>
  <c r="L4281" i="2"/>
  <c r="L4255" i="5" s="1"/>
  <c r="M4281" i="2"/>
  <c r="M4255" i="5" s="1"/>
  <c r="I4281" i="2"/>
  <c r="I4255" i="5" s="1"/>
  <c r="K4281" i="2"/>
  <c r="K4255" i="5" s="1"/>
  <c r="O4255" i="5" s="1"/>
  <c r="J4281" i="2"/>
  <c r="J4255" i="5" s="1"/>
  <c r="N4255" i="5" s="1"/>
  <c r="M738" i="2"/>
  <c r="M712" i="5" s="1"/>
  <c r="K738" i="2"/>
  <c r="K712" i="5" s="1"/>
  <c r="O712" i="5" s="1"/>
  <c r="J738" i="2"/>
  <c r="J712" i="5" s="1"/>
  <c r="N712" i="5" s="1"/>
  <c r="L738" i="2"/>
  <c r="L712" i="5" s="1"/>
  <c r="I738" i="2"/>
  <c r="I712" i="5" s="1"/>
  <c r="L4072" i="2"/>
  <c r="L4046" i="5" s="1"/>
  <c r="M4072" i="2"/>
  <c r="M4046" i="5" s="1"/>
  <c r="J4072" i="2"/>
  <c r="J4046" i="5" s="1"/>
  <c r="N4046" i="5" s="1"/>
  <c r="I4072" i="2"/>
  <c r="I4046" i="5" s="1"/>
  <c r="K4072" i="2"/>
  <c r="K4046" i="5" s="1"/>
  <c r="O4046" i="5" s="1"/>
  <c r="I7167" i="2"/>
  <c r="I7141" i="5" s="1"/>
  <c r="K7167" i="2"/>
  <c r="K7141" i="5" s="1"/>
  <c r="O7141" i="5" s="1"/>
  <c r="M7167" i="2"/>
  <c r="M7141" i="5" s="1"/>
  <c r="J7167" i="2"/>
  <c r="J7141" i="5" s="1"/>
  <c r="N7141" i="5" s="1"/>
  <c r="L7167" i="2"/>
  <c r="L7141" i="5" s="1"/>
  <c r="L710" i="2"/>
  <c r="L684" i="5" s="1"/>
  <c r="M710" i="2"/>
  <c r="M684" i="5" s="1"/>
  <c r="J710" i="2"/>
  <c r="J684" i="5" s="1"/>
  <c r="N684" i="5" s="1"/>
  <c r="I710" i="2"/>
  <c r="I684" i="5" s="1"/>
  <c r="K710" i="2"/>
  <c r="K684" i="5" s="1"/>
  <c r="O684" i="5" s="1"/>
  <c r="I7600" i="2"/>
  <c r="I7574" i="5" s="1"/>
  <c r="K7600" i="2"/>
  <c r="K7574" i="5" s="1"/>
  <c r="O7574" i="5" s="1"/>
  <c r="L7600" i="2"/>
  <c r="L7574" i="5" s="1"/>
  <c r="M7600" i="2"/>
  <c r="M7574" i="5" s="1"/>
  <c r="J7600" i="2"/>
  <c r="J7574" i="5" s="1"/>
  <c r="N7574" i="5" s="1"/>
  <c r="I5622" i="2"/>
  <c r="I5596" i="5" s="1"/>
  <c r="K5622" i="2"/>
  <c r="K5596" i="5" s="1"/>
  <c r="O5596" i="5" s="1"/>
  <c r="J5622" i="2"/>
  <c r="J5596" i="5" s="1"/>
  <c r="N5596" i="5" s="1"/>
  <c r="L5622" i="2"/>
  <c r="L5596" i="5" s="1"/>
  <c r="M5622" i="2"/>
  <c r="M5596" i="5" s="1"/>
  <c r="L8185" i="2"/>
  <c r="L8159" i="5" s="1"/>
  <c r="M8185" i="2"/>
  <c r="M8159" i="5" s="1"/>
  <c r="I8185" i="2"/>
  <c r="I8159" i="5" s="1"/>
  <c r="K8185" i="2"/>
  <c r="K8159" i="5" s="1"/>
  <c r="O8159" i="5" s="1"/>
  <c r="J8185" i="2"/>
  <c r="J8159" i="5" s="1"/>
  <c r="N8159" i="5" s="1"/>
  <c r="C347" i="5"/>
  <c r="AR341" i="1"/>
  <c r="M1159" i="2"/>
  <c r="M1133" i="5" s="1"/>
  <c r="L1159" i="2"/>
  <c r="L1133" i="5" s="1"/>
  <c r="I1159" i="2"/>
  <c r="I1133" i="5" s="1"/>
  <c r="K1159" i="2"/>
  <c r="K1133" i="5" s="1"/>
  <c r="O1133" i="5" s="1"/>
  <c r="J1159" i="2"/>
  <c r="J1133" i="5" s="1"/>
  <c r="N1133" i="5" s="1"/>
  <c r="L2479" i="2"/>
  <c r="L2453" i="5" s="1"/>
  <c r="M2479" i="2"/>
  <c r="M2453" i="5" s="1"/>
  <c r="I2479" i="2"/>
  <c r="I2453" i="5" s="1"/>
  <c r="K2479" i="2"/>
  <c r="K2453" i="5" s="1"/>
  <c r="O2453" i="5" s="1"/>
  <c r="J2479" i="2"/>
  <c r="J2453" i="5" s="1"/>
  <c r="N2453" i="5" s="1"/>
  <c r="J2471" i="2"/>
  <c r="J2445" i="5" s="1"/>
  <c r="N2445" i="5" s="1"/>
  <c r="L2471" i="2"/>
  <c r="L2445" i="5" s="1"/>
  <c r="M2471" i="2"/>
  <c r="M2445" i="5" s="1"/>
  <c r="I2471" i="2"/>
  <c r="I2445" i="5" s="1"/>
  <c r="K2471" i="2"/>
  <c r="K2445" i="5" s="1"/>
  <c r="O2445" i="5" s="1"/>
  <c r="K924" i="2"/>
  <c r="K898" i="5" s="1"/>
  <c r="O898" i="5" s="1"/>
  <c r="J924" i="2"/>
  <c r="J898" i="5" s="1"/>
  <c r="N898" i="5" s="1"/>
  <c r="M924" i="2"/>
  <c r="M898" i="5" s="1"/>
  <c r="I924" i="2"/>
  <c r="I898" i="5" s="1"/>
  <c r="L924" i="2"/>
  <c r="L898" i="5" s="1"/>
  <c r="M783" i="2"/>
  <c r="M757" i="5" s="1"/>
  <c r="J783" i="2"/>
  <c r="J757" i="5" s="1"/>
  <c r="N757" i="5" s="1"/>
  <c r="L783" i="2"/>
  <c r="L757" i="5" s="1"/>
  <c r="K783" i="2"/>
  <c r="K757" i="5" s="1"/>
  <c r="O757" i="5" s="1"/>
  <c r="I783" i="2"/>
  <c r="I757" i="5" s="1"/>
  <c r="M606" i="2"/>
  <c r="M580" i="5" s="1"/>
  <c r="L606" i="2"/>
  <c r="L580" i="5" s="1"/>
  <c r="I606" i="2"/>
  <c r="I580" i="5" s="1"/>
  <c r="J606" i="2"/>
  <c r="J580" i="5" s="1"/>
  <c r="N580" i="5" s="1"/>
  <c r="K606" i="2"/>
  <c r="K580" i="5" s="1"/>
  <c r="O580" i="5" s="1"/>
  <c r="L591" i="2"/>
  <c r="L565" i="5" s="1"/>
  <c r="I591" i="2"/>
  <c r="I565" i="5" s="1"/>
  <c r="J591" i="2"/>
  <c r="J565" i="5" s="1"/>
  <c r="N565" i="5" s="1"/>
  <c r="K591" i="2"/>
  <c r="K565" i="5" s="1"/>
  <c r="O565" i="5" s="1"/>
  <c r="M591" i="2"/>
  <c r="M565" i="5" s="1"/>
  <c r="L7346" i="2"/>
  <c r="L7320" i="5" s="1"/>
  <c r="I7346" i="2"/>
  <c r="I7320" i="5" s="1"/>
  <c r="M7346" i="2"/>
  <c r="M7320" i="5" s="1"/>
  <c r="J7346" i="2"/>
  <c r="J7320" i="5" s="1"/>
  <c r="N7320" i="5" s="1"/>
  <c r="K7346" i="2"/>
  <c r="K7320" i="5" s="1"/>
  <c r="O7320" i="5" s="1"/>
  <c r="K2837" i="2"/>
  <c r="K2811" i="5" s="1"/>
  <c r="O2811" i="5" s="1"/>
  <c r="L2837" i="2"/>
  <c r="L2811" i="5" s="1"/>
  <c r="I2837" i="2"/>
  <c r="I2811" i="5" s="1"/>
  <c r="M2837" i="2"/>
  <c r="M2811" i="5" s="1"/>
  <c r="J2837" i="2"/>
  <c r="J2811" i="5" s="1"/>
  <c r="N2811" i="5" s="1"/>
  <c r="J4968" i="2"/>
  <c r="J4942" i="5" s="1"/>
  <c r="N4942" i="5" s="1"/>
  <c r="M4968" i="2"/>
  <c r="M4942" i="5" s="1"/>
  <c r="L4968" i="2"/>
  <c r="L4942" i="5" s="1"/>
  <c r="I4968" i="2"/>
  <c r="I4942" i="5" s="1"/>
  <c r="K4968" i="2"/>
  <c r="K4942" i="5" s="1"/>
  <c r="O4942" i="5" s="1"/>
  <c r="J4967" i="2"/>
  <c r="J4941" i="5" s="1"/>
  <c r="N4941" i="5" s="1"/>
  <c r="M4967" i="2"/>
  <c r="M4941" i="5" s="1"/>
  <c r="L4967" i="2"/>
  <c r="L4941" i="5" s="1"/>
  <c r="I4967" i="2"/>
  <c r="I4941" i="5" s="1"/>
  <c r="K4967" i="2"/>
  <c r="K4941" i="5" s="1"/>
  <c r="O4941" i="5" s="1"/>
  <c r="M1438" i="2"/>
  <c r="M1412" i="5" s="1"/>
  <c r="I1438" i="2"/>
  <c r="I1412" i="5" s="1"/>
  <c r="K1438" i="2"/>
  <c r="K1412" i="5" s="1"/>
  <c r="O1412" i="5" s="1"/>
  <c r="J1438" i="2"/>
  <c r="J1412" i="5" s="1"/>
  <c r="N1412" i="5" s="1"/>
  <c r="L1438" i="2"/>
  <c r="L1412" i="5" s="1"/>
  <c r="I1773" i="2"/>
  <c r="I1747" i="5" s="1"/>
  <c r="K1773" i="2"/>
  <c r="K1747" i="5" s="1"/>
  <c r="O1747" i="5" s="1"/>
  <c r="L1773" i="2"/>
  <c r="L1747" i="5" s="1"/>
  <c r="M1773" i="2"/>
  <c r="M1747" i="5" s="1"/>
  <c r="J1773" i="2"/>
  <c r="J1747" i="5" s="1"/>
  <c r="N1747" i="5" s="1"/>
  <c r="K8139" i="2"/>
  <c r="K8113" i="5" s="1"/>
  <c r="O8113" i="5" s="1"/>
  <c r="M8139" i="2"/>
  <c r="M8113" i="5" s="1"/>
  <c r="I8139" i="2"/>
  <c r="I8113" i="5" s="1"/>
  <c r="J8139" i="2"/>
  <c r="J8113" i="5" s="1"/>
  <c r="N8113" i="5" s="1"/>
  <c r="L8139" i="2"/>
  <c r="L8113" i="5" s="1"/>
  <c r="L5601" i="2"/>
  <c r="L5575" i="5" s="1"/>
  <c r="M5601" i="2"/>
  <c r="M5575" i="5" s="1"/>
  <c r="I5601" i="2"/>
  <c r="I5575" i="5" s="1"/>
  <c r="K5601" i="2"/>
  <c r="K5575" i="5" s="1"/>
  <c r="O5575" i="5" s="1"/>
  <c r="J5601" i="2"/>
  <c r="J5575" i="5" s="1"/>
  <c r="N5575" i="5" s="1"/>
  <c r="M5591" i="2"/>
  <c r="M5565" i="5" s="1"/>
  <c r="L5591" i="2"/>
  <c r="L5565" i="5" s="1"/>
  <c r="I5591" i="2"/>
  <c r="I5565" i="5" s="1"/>
  <c r="K5591" i="2"/>
  <c r="K5565" i="5" s="1"/>
  <c r="O5565" i="5" s="1"/>
  <c r="J5591" i="2"/>
  <c r="J5565" i="5" s="1"/>
  <c r="N5565" i="5" s="1"/>
  <c r="K1548" i="2"/>
  <c r="K1522" i="5" s="1"/>
  <c r="O1522" i="5" s="1"/>
  <c r="J1548" i="2"/>
  <c r="J1522" i="5" s="1"/>
  <c r="N1522" i="5" s="1"/>
  <c r="L1548" i="2"/>
  <c r="L1522" i="5" s="1"/>
  <c r="M1548" i="2"/>
  <c r="M1522" i="5" s="1"/>
  <c r="I1548" i="2"/>
  <c r="I1522" i="5" s="1"/>
  <c r="M276" i="2"/>
  <c r="M250" i="5" s="1"/>
  <c r="K276" i="2"/>
  <c r="K250" i="5" s="1"/>
  <c r="O250" i="5" s="1"/>
  <c r="J276" i="2"/>
  <c r="J250" i="5" s="1"/>
  <c r="N250" i="5" s="1"/>
  <c r="L276" i="2"/>
  <c r="L250" i="5" s="1"/>
  <c r="I276" i="2"/>
  <c r="I250" i="5" s="1"/>
  <c r="I6454" i="2"/>
  <c r="I6428" i="5" s="1"/>
  <c r="M6454" i="2"/>
  <c r="M6428" i="5" s="1"/>
  <c r="K6454" i="2"/>
  <c r="K6428" i="5" s="1"/>
  <c r="O6428" i="5" s="1"/>
  <c r="J6454" i="2"/>
  <c r="J6428" i="5" s="1"/>
  <c r="N6428" i="5" s="1"/>
  <c r="L6454" i="2"/>
  <c r="L6428" i="5" s="1"/>
  <c r="I2558" i="2"/>
  <c r="I2532" i="5" s="1"/>
  <c r="K2558" i="2"/>
  <c r="K2532" i="5" s="1"/>
  <c r="O2532" i="5" s="1"/>
  <c r="L2558" i="2"/>
  <c r="L2532" i="5" s="1"/>
  <c r="J2558" i="2"/>
  <c r="J2532" i="5" s="1"/>
  <c r="N2532" i="5" s="1"/>
  <c r="M2558" i="2"/>
  <c r="M2532" i="5" s="1"/>
  <c r="AR107" i="1"/>
  <c r="C113" i="5"/>
  <c r="I3227" i="2"/>
  <c r="I3201" i="5" s="1"/>
  <c r="L3227" i="2"/>
  <c r="L3201" i="5" s="1"/>
  <c r="J3227" i="2"/>
  <c r="J3201" i="5" s="1"/>
  <c r="N3201" i="5" s="1"/>
  <c r="M3227" i="2"/>
  <c r="M3201" i="5" s="1"/>
  <c r="K3227" i="2"/>
  <c r="K3201" i="5" s="1"/>
  <c r="O3201" i="5" s="1"/>
  <c r="K3743" i="2"/>
  <c r="K3717" i="5" s="1"/>
  <c r="O3717" i="5" s="1"/>
  <c r="M3743" i="2"/>
  <c r="M3717" i="5" s="1"/>
  <c r="L3743" i="2"/>
  <c r="L3717" i="5" s="1"/>
  <c r="I3743" i="2"/>
  <c r="I3717" i="5" s="1"/>
  <c r="J3743" i="2"/>
  <c r="J3717" i="5" s="1"/>
  <c r="N3717" i="5" s="1"/>
  <c r="L2087" i="2"/>
  <c r="L2061" i="5" s="1"/>
  <c r="I2087" i="2"/>
  <c r="I2061" i="5" s="1"/>
  <c r="M2087" i="2"/>
  <c r="M2061" i="5" s="1"/>
  <c r="J2087" i="2"/>
  <c r="J2061" i="5" s="1"/>
  <c r="N2061" i="5" s="1"/>
  <c r="K2087" i="2"/>
  <c r="K2061" i="5" s="1"/>
  <c r="O2061" i="5" s="1"/>
  <c r="K2917" i="2"/>
  <c r="K2891" i="5" s="1"/>
  <c r="O2891" i="5" s="1"/>
  <c r="I2917" i="2"/>
  <c r="I2891" i="5" s="1"/>
  <c r="J2917" i="2"/>
  <c r="J2891" i="5" s="1"/>
  <c r="N2891" i="5" s="1"/>
  <c r="L2917" i="2"/>
  <c r="L2891" i="5" s="1"/>
  <c r="M2917" i="2"/>
  <c r="M2891" i="5" s="1"/>
  <c r="K2921" i="2"/>
  <c r="K2895" i="5" s="1"/>
  <c r="O2895" i="5" s="1"/>
  <c r="I2921" i="2"/>
  <c r="I2895" i="5" s="1"/>
  <c r="L2921" i="2"/>
  <c r="L2895" i="5" s="1"/>
  <c r="M2921" i="2"/>
  <c r="M2895" i="5" s="1"/>
  <c r="J2921" i="2"/>
  <c r="J2895" i="5" s="1"/>
  <c r="N2895" i="5" s="1"/>
  <c r="J7371" i="2"/>
  <c r="J7345" i="5" s="1"/>
  <c r="N7345" i="5" s="1"/>
  <c r="L7371" i="2"/>
  <c r="L7345" i="5" s="1"/>
  <c r="M7371" i="2"/>
  <c r="M7345" i="5" s="1"/>
  <c r="I7371" i="2"/>
  <c r="I7345" i="5" s="1"/>
  <c r="K7371" i="2"/>
  <c r="K7345" i="5" s="1"/>
  <c r="O7345" i="5" s="1"/>
  <c r="I4242" i="2"/>
  <c r="I4216" i="5" s="1"/>
  <c r="K4242" i="2"/>
  <c r="K4216" i="5" s="1"/>
  <c r="O4216" i="5" s="1"/>
  <c r="L4242" i="2"/>
  <c r="L4216" i="5" s="1"/>
  <c r="J4242" i="2"/>
  <c r="J4216" i="5" s="1"/>
  <c r="N4216" i="5" s="1"/>
  <c r="M4242" i="2"/>
  <c r="M4216" i="5" s="1"/>
  <c r="J2806" i="2"/>
  <c r="J2780" i="5" s="1"/>
  <c r="N2780" i="5" s="1"/>
  <c r="L2806" i="2"/>
  <c r="L2780" i="5" s="1"/>
  <c r="M2806" i="2"/>
  <c r="M2780" i="5" s="1"/>
  <c r="I2806" i="2"/>
  <c r="I2780" i="5" s="1"/>
  <c r="K2806" i="2"/>
  <c r="K2780" i="5" s="1"/>
  <c r="O2780" i="5" s="1"/>
  <c r="J5918" i="2"/>
  <c r="J5892" i="5" s="1"/>
  <c r="N5892" i="5" s="1"/>
  <c r="L5918" i="2"/>
  <c r="L5892" i="5" s="1"/>
  <c r="M5918" i="2"/>
  <c r="M5892" i="5" s="1"/>
  <c r="I5918" i="2"/>
  <c r="I5892" i="5" s="1"/>
  <c r="K5918" i="2"/>
  <c r="K5892" i="5" s="1"/>
  <c r="O5892" i="5" s="1"/>
  <c r="M6767" i="2"/>
  <c r="M6741" i="5" s="1"/>
  <c r="J6767" i="2"/>
  <c r="J6741" i="5" s="1"/>
  <c r="N6741" i="5" s="1"/>
  <c r="L6767" i="2"/>
  <c r="L6741" i="5" s="1"/>
  <c r="I6767" i="2"/>
  <c r="I6741" i="5" s="1"/>
  <c r="K6767" i="2"/>
  <c r="K6741" i="5" s="1"/>
  <c r="O6741" i="5" s="1"/>
  <c r="J6758" i="2"/>
  <c r="J6732" i="5" s="1"/>
  <c r="N6732" i="5" s="1"/>
  <c r="L6758" i="2"/>
  <c r="L6732" i="5" s="1"/>
  <c r="M6758" i="2"/>
  <c r="M6732" i="5" s="1"/>
  <c r="I6758" i="2"/>
  <c r="I6732" i="5" s="1"/>
  <c r="K6758" i="2"/>
  <c r="K6732" i="5" s="1"/>
  <c r="O6732" i="5" s="1"/>
  <c r="L2233" i="2"/>
  <c r="L2207" i="5" s="1"/>
  <c r="M2233" i="2"/>
  <c r="M2207" i="5" s="1"/>
  <c r="I2233" i="2"/>
  <c r="I2207" i="5" s="1"/>
  <c r="K2233" i="2"/>
  <c r="K2207" i="5" s="1"/>
  <c r="O2207" i="5" s="1"/>
  <c r="J2233" i="2"/>
  <c r="J2207" i="5" s="1"/>
  <c r="N2207" i="5" s="1"/>
  <c r="J1803" i="2"/>
  <c r="J1777" i="5" s="1"/>
  <c r="N1777" i="5" s="1"/>
  <c r="L1803" i="2"/>
  <c r="L1777" i="5" s="1"/>
  <c r="M1803" i="2"/>
  <c r="M1777" i="5" s="1"/>
  <c r="K1803" i="2"/>
  <c r="K1777" i="5" s="1"/>
  <c r="O1777" i="5" s="1"/>
  <c r="I1803" i="2"/>
  <c r="I1777" i="5" s="1"/>
  <c r="K1790" i="2"/>
  <c r="K1764" i="5" s="1"/>
  <c r="O1764" i="5" s="1"/>
  <c r="J1790" i="2"/>
  <c r="J1764" i="5" s="1"/>
  <c r="N1764" i="5" s="1"/>
  <c r="L1790" i="2"/>
  <c r="L1764" i="5" s="1"/>
  <c r="M1790" i="2"/>
  <c r="M1764" i="5" s="1"/>
  <c r="I1790" i="2"/>
  <c r="I1764" i="5" s="1"/>
  <c r="I1829" i="2"/>
  <c r="I1803" i="5" s="1"/>
  <c r="L1829" i="2"/>
  <c r="L1803" i="5" s="1"/>
  <c r="J1829" i="2"/>
  <c r="J1803" i="5" s="1"/>
  <c r="N1803" i="5" s="1"/>
  <c r="M1829" i="2"/>
  <c r="M1803" i="5" s="1"/>
  <c r="K1829" i="2"/>
  <c r="K1803" i="5" s="1"/>
  <c r="O1803" i="5" s="1"/>
  <c r="L4660" i="2"/>
  <c r="L4634" i="5" s="1"/>
  <c r="I4660" i="2"/>
  <c r="I4634" i="5" s="1"/>
  <c r="K4660" i="2"/>
  <c r="K4634" i="5" s="1"/>
  <c r="O4634" i="5" s="1"/>
  <c r="J4660" i="2"/>
  <c r="J4634" i="5" s="1"/>
  <c r="N4634" i="5" s="1"/>
  <c r="M4660" i="2"/>
  <c r="M4634" i="5" s="1"/>
  <c r="I820" i="2"/>
  <c r="I794" i="5" s="1"/>
  <c r="K820" i="2"/>
  <c r="K794" i="5" s="1"/>
  <c r="O794" i="5" s="1"/>
  <c r="J820" i="2"/>
  <c r="J794" i="5" s="1"/>
  <c r="N794" i="5" s="1"/>
  <c r="L820" i="2"/>
  <c r="L794" i="5" s="1"/>
  <c r="M820" i="2"/>
  <c r="M794" i="5" s="1"/>
  <c r="J825" i="2"/>
  <c r="J799" i="5" s="1"/>
  <c r="N799" i="5" s="1"/>
  <c r="L825" i="2"/>
  <c r="L799" i="5" s="1"/>
  <c r="M825" i="2"/>
  <c r="M799" i="5" s="1"/>
  <c r="I825" i="2"/>
  <c r="I799" i="5" s="1"/>
  <c r="K825" i="2"/>
  <c r="K799" i="5" s="1"/>
  <c r="O799" i="5" s="1"/>
  <c r="M2956" i="2"/>
  <c r="M2930" i="5" s="1"/>
  <c r="K2956" i="2"/>
  <c r="K2930" i="5" s="1"/>
  <c r="O2930" i="5" s="1"/>
  <c r="L2956" i="2"/>
  <c r="L2930" i="5" s="1"/>
  <c r="J2956" i="2"/>
  <c r="J2930" i="5" s="1"/>
  <c r="N2930" i="5" s="1"/>
  <c r="I2956" i="2"/>
  <c r="I2930" i="5" s="1"/>
  <c r="K7832" i="2"/>
  <c r="K7806" i="5" s="1"/>
  <c r="O7806" i="5" s="1"/>
  <c r="L7832" i="2"/>
  <c r="L7806" i="5" s="1"/>
  <c r="M7832" i="2"/>
  <c r="M7806" i="5" s="1"/>
  <c r="I7832" i="2"/>
  <c r="I7806" i="5" s="1"/>
  <c r="J7832" i="2"/>
  <c r="J7806" i="5" s="1"/>
  <c r="N7806" i="5" s="1"/>
  <c r="M991" i="2"/>
  <c r="M965" i="5" s="1"/>
  <c r="J991" i="2"/>
  <c r="J965" i="5" s="1"/>
  <c r="N965" i="5" s="1"/>
  <c r="I991" i="2"/>
  <c r="I965" i="5" s="1"/>
  <c r="L991" i="2"/>
  <c r="L965" i="5" s="1"/>
  <c r="K991" i="2"/>
  <c r="K965" i="5" s="1"/>
  <c r="O965" i="5" s="1"/>
  <c r="I8459" i="2"/>
  <c r="I8433" i="5" s="1"/>
  <c r="K8459" i="2"/>
  <c r="K8433" i="5" s="1"/>
  <c r="O8433" i="5" s="1"/>
  <c r="L8459" i="2"/>
  <c r="L8433" i="5" s="1"/>
  <c r="J8459" i="2"/>
  <c r="J8433" i="5" s="1"/>
  <c r="N8433" i="5" s="1"/>
  <c r="M8459" i="2"/>
  <c r="M8433" i="5" s="1"/>
  <c r="J4490" i="2"/>
  <c r="J4464" i="5" s="1"/>
  <c r="N4464" i="5" s="1"/>
  <c r="M4490" i="2"/>
  <c r="M4464" i="5" s="1"/>
  <c r="I4490" i="2"/>
  <c r="I4464" i="5" s="1"/>
  <c r="K4490" i="2"/>
  <c r="K4464" i="5" s="1"/>
  <c r="O4464" i="5" s="1"/>
  <c r="L4490" i="2"/>
  <c r="L4464" i="5" s="1"/>
  <c r="I2250" i="2"/>
  <c r="I2224" i="5" s="1"/>
  <c r="J2250" i="2"/>
  <c r="J2224" i="5" s="1"/>
  <c r="N2224" i="5" s="1"/>
  <c r="K2250" i="2"/>
  <c r="K2224" i="5" s="1"/>
  <c r="O2224" i="5" s="1"/>
  <c r="L2250" i="2"/>
  <c r="L2224" i="5" s="1"/>
  <c r="M2250" i="2"/>
  <c r="M2224" i="5" s="1"/>
  <c r="I2246" i="2"/>
  <c r="I2220" i="5" s="1"/>
  <c r="J2246" i="2"/>
  <c r="J2220" i="5" s="1"/>
  <c r="N2220" i="5" s="1"/>
  <c r="L2246" i="2"/>
  <c r="L2220" i="5" s="1"/>
  <c r="M2246" i="2"/>
  <c r="M2220" i="5" s="1"/>
  <c r="K2246" i="2"/>
  <c r="K2220" i="5" s="1"/>
  <c r="O2220" i="5" s="1"/>
  <c r="K3772" i="2"/>
  <c r="K3746" i="5" s="1"/>
  <c r="O3746" i="5" s="1"/>
  <c r="M3772" i="2"/>
  <c r="M3746" i="5" s="1"/>
  <c r="L3772" i="2"/>
  <c r="L3746" i="5" s="1"/>
  <c r="I3772" i="2"/>
  <c r="I3746" i="5" s="1"/>
  <c r="J3772" i="2"/>
  <c r="J3746" i="5" s="1"/>
  <c r="N3746" i="5" s="1"/>
  <c r="L874" i="2"/>
  <c r="L848" i="5" s="1"/>
  <c r="M874" i="2"/>
  <c r="M848" i="5" s="1"/>
  <c r="K874" i="2"/>
  <c r="K848" i="5" s="1"/>
  <c r="O848" i="5" s="1"/>
  <c r="I874" i="2"/>
  <c r="I848" i="5" s="1"/>
  <c r="J874" i="2"/>
  <c r="J848" i="5" s="1"/>
  <c r="N848" i="5" s="1"/>
  <c r="K880" i="2"/>
  <c r="K854" i="5" s="1"/>
  <c r="O854" i="5" s="1"/>
  <c r="M880" i="2"/>
  <c r="M854" i="5" s="1"/>
  <c r="L880" i="2"/>
  <c r="L854" i="5" s="1"/>
  <c r="I880" i="2"/>
  <c r="I854" i="5" s="1"/>
  <c r="J880" i="2"/>
  <c r="J854" i="5" s="1"/>
  <c r="N854" i="5" s="1"/>
  <c r="L5855" i="2"/>
  <c r="L5829" i="5" s="1"/>
  <c r="M5855" i="2"/>
  <c r="M5829" i="5" s="1"/>
  <c r="I5855" i="2"/>
  <c r="I5829" i="5" s="1"/>
  <c r="K5855" i="2"/>
  <c r="K5829" i="5" s="1"/>
  <c r="O5829" i="5" s="1"/>
  <c r="J5855" i="2"/>
  <c r="J5829" i="5" s="1"/>
  <c r="N5829" i="5" s="1"/>
  <c r="J5752" i="2"/>
  <c r="J5726" i="5" s="1"/>
  <c r="N5726" i="5" s="1"/>
  <c r="M5752" i="2"/>
  <c r="M5726" i="5" s="1"/>
  <c r="L5752" i="2"/>
  <c r="L5726" i="5" s="1"/>
  <c r="I5752" i="2"/>
  <c r="I5726" i="5" s="1"/>
  <c r="K5752" i="2"/>
  <c r="K5726" i="5" s="1"/>
  <c r="O5726" i="5" s="1"/>
  <c r="L224" i="2"/>
  <c r="L198" i="5" s="1"/>
  <c r="I224" i="2"/>
  <c r="I198" i="5" s="1"/>
  <c r="M224" i="2"/>
  <c r="M198" i="5" s="1"/>
  <c r="K224" i="2"/>
  <c r="K198" i="5" s="1"/>
  <c r="O198" i="5" s="1"/>
  <c r="J224" i="2"/>
  <c r="J198" i="5" s="1"/>
  <c r="N198" i="5" s="1"/>
  <c r="J4933" i="2"/>
  <c r="J4907" i="5" s="1"/>
  <c r="N4907" i="5" s="1"/>
  <c r="L4933" i="2"/>
  <c r="L4907" i="5" s="1"/>
  <c r="I4933" i="2"/>
  <c r="I4907" i="5" s="1"/>
  <c r="K4933" i="2"/>
  <c r="K4907" i="5" s="1"/>
  <c r="O4907" i="5" s="1"/>
  <c r="M4933" i="2"/>
  <c r="M4907" i="5" s="1"/>
  <c r="L7094" i="2"/>
  <c r="L7068" i="5" s="1"/>
  <c r="J7094" i="2"/>
  <c r="J7068" i="5" s="1"/>
  <c r="N7068" i="5" s="1"/>
  <c r="M7094" i="2"/>
  <c r="M7068" i="5" s="1"/>
  <c r="I7094" i="2"/>
  <c r="I7068" i="5" s="1"/>
  <c r="K7094" i="2"/>
  <c r="K7068" i="5" s="1"/>
  <c r="O7068" i="5" s="1"/>
  <c r="C302" i="5"/>
  <c r="AR296" i="1"/>
  <c r="M389" i="2"/>
  <c r="M363" i="5" s="1"/>
  <c r="L389" i="2"/>
  <c r="L363" i="5" s="1"/>
  <c r="K389" i="2"/>
  <c r="K363" i="5" s="1"/>
  <c r="O363" i="5" s="1"/>
  <c r="J389" i="2"/>
  <c r="J363" i="5" s="1"/>
  <c r="N363" i="5" s="1"/>
  <c r="I389" i="2"/>
  <c r="I363" i="5" s="1"/>
  <c r="K5470" i="2"/>
  <c r="K5444" i="5" s="1"/>
  <c r="O5444" i="5" s="1"/>
  <c r="M5470" i="2"/>
  <c r="M5444" i="5" s="1"/>
  <c r="J5470" i="2"/>
  <c r="J5444" i="5" s="1"/>
  <c r="N5444" i="5" s="1"/>
  <c r="L5470" i="2"/>
  <c r="L5444" i="5" s="1"/>
  <c r="I5470" i="2"/>
  <c r="I5444" i="5" s="1"/>
  <c r="M2977" i="2"/>
  <c r="M2951" i="5" s="1"/>
  <c r="J2977" i="2"/>
  <c r="J2951" i="5" s="1"/>
  <c r="N2951" i="5" s="1"/>
  <c r="L2977" i="2"/>
  <c r="L2951" i="5" s="1"/>
  <c r="I2977" i="2"/>
  <c r="I2951" i="5" s="1"/>
  <c r="K2977" i="2"/>
  <c r="K2951" i="5" s="1"/>
  <c r="O2951" i="5" s="1"/>
  <c r="K1665" i="2"/>
  <c r="K1639" i="5" s="1"/>
  <c r="O1639" i="5" s="1"/>
  <c r="L1665" i="2"/>
  <c r="L1639" i="5" s="1"/>
  <c r="M1665" i="2"/>
  <c r="M1639" i="5" s="1"/>
  <c r="J1665" i="2"/>
  <c r="J1639" i="5" s="1"/>
  <c r="N1639" i="5" s="1"/>
  <c r="I1665" i="2"/>
  <c r="I1639" i="5" s="1"/>
  <c r="L8201" i="2"/>
  <c r="L8175" i="5" s="1"/>
  <c r="I8201" i="2"/>
  <c r="I8175" i="5" s="1"/>
  <c r="J8201" i="2"/>
  <c r="J8175" i="5" s="1"/>
  <c r="N8175" i="5" s="1"/>
  <c r="M8201" i="2"/>
  <c r="M8175" i="5" s="1"/>
  <c r="K8201" i="2"/>
  <c r="K8175" i="5" s="1"/>
  <c r="O8175" i="5" s="1"/>
  <c r="L5161" i="2"/>
  <c r="L5135" i="5" s="1"/>
  <c r="M5161" i="2"/>
  <c r="M5135" i="5" s="1"/>
  <c r="J5161" i="2"/>
  <c r="J5135" i="5" s="1"/>
  <c r="N5135" i="5" s="1"/>
  <c r="I5161" i="2"/>
  <c r="I5135" i="5" s="1"/>
  <c r="K5161" i="2"/>
  <c r="K5135" i="5" s="1"/>
  <c r="O5135" i="5" s="1"/>
  <c r="J5156" i="2"/>
  <c r="J5130" i="5" s="1"/>
  <c r="N5130" i="5" s="1"/>
  <c r="M5156" i="2"/>
  <c r="M5130" i="5" s="1"/>
  <c r="L5156" i="2"/>
  <c r="L5130" i="5" s="1"/>
  <c r="I5156" i="2"/>
  <c r="I5130" i="5" s="1"/>
  <c r="K5156" i="2"/>
  <c r="K5130" i="5" s="1"/>
  <c r="O5130" i="5" s="1"/>
  <c r="M6646" i="2"/>
  <c r="M6620" i="5" s="1"/>
  <c r="L6646" i="2"/>
  <c r="L6620" i="5" s="1"/>
  <c r="J6646" i="2"/>
  <c r="J6620" i="5" s="1"/>
  <c r="N6620" i="5" s="1"/>
  <c r="I6646" i="2"/>
  <c r="I6620" i="5" s="1"/>
  <c r="K6646" i="2"/>
  <c r="K6620" i="5" s="1"/>
  <c r="O6620" i="5" s="1"/>
  <c r="L4422" i="2"/>
  <c r="L4396" i="5" s="1"/>
  <c r="M4422" i="2"/>
  <c r="M4396" i="5" s="1"/>
  <c r="K4422" i="2"/>
  <c r="K4396" i="5" s="1"/>
  <c r="O4396" i="5" s="1"/>
  <c r="J4422" i="2"/>
  <c r="J4396" i="5" s="1"/>
  <c r="N4396" i="5" s="1"/>
  <c r="I4422" i="2"/>
  <c r="I4396" i="5" s="1"/>
  <c r="M6536" i="2"/>
  <c r="M6510" i="5" s="1"/>
  <c r="I6536" i="2"/>
  <c r="I6510" i="5" s="1"/>
  <c r="L6536" i="2"/>
  <c r="L6510" i="5" s="1"/>
  <c r="K6536" i="2"/>
  <c r="K6510" i="5" s="1"/>
  <c r="O6510" i="5" s="1"/>
  <c r="J6536" i="2"/>
  <c r="J6510" i="5" s="1"/>
  <c r="N6510" i="5" s="1"/>
  <c r="K6523" i="2"/>
  <c r="K6497" i="5" s="1"/>
  <c r="O6497" i="5" s="1"/>
  <c r="L6523" i="2"/>
  <c r="L6497" i="5" s="1"/>
  <c r="M6523" i="2"/>
  <c r="M6497" i="5" s="1"/>
  <c r="J6523" i="2"/>
  <c r="J6497" i="5" s="1"/>
  <c r="N6497" i="5" s="1"/>
  <c r="I6523" i="2"/>
  <c r="I6497" i="5" s="1"/>
  <c r="M2290" i="2"/>
  <c r="M2264" i="5" s="1"/>
  <c r="K2290" i="2"/>
  <c r="K2264" i="5" s="1"/>
  <c r="O2264" i="5" s="1"/>
  <c r="J2290" i="2"/>
  <c r="J2264" i="5" s="1"/>
  <c r="N2264" i="5" s="1"/>
  <c r="L2290" i="2"/>
  <c r="L2264" i="5" s="1"/>
  <c r="I2290" i="2"/>
  <c r="I2264" i="5" s="1"/>
  <c r="K1272" i="2"/>
  <c r="K1246" i="5" s="1"/>
  <c r="O1246" i="5" s="1"/>
  <c r="L1272" i="2"/>
  <c r="L1246" i="5" s="1"/>
  <c r="M1272" i="2"/>
  <c r="M1246" i="5" s="1"/>
  <c r="I1272" i="2"/>
  <c r="I1246" i="5" s="1"/>
  <c r="J1272" i="2"/>
  <c r="J1246" i="5" s="1"/>
  <c r="N1246" i="5" s="1"/>
  <c r="L1716" i="2"/>
  <c r="L1690" i="5" s="1"/>
  <c r="K1716" i="2"/>
  <c r="K1690" i="5" s="1"/>
  <c r="O1690" i="5" s="1"/>
  <c r="M1716" i="2"/>
  <c r="M1690" i="5" s="1"/>
  <c r="I1716" i="2"/>
  <c r="I1690" i="5" s="1"/>
  <c r="J1716" i="2"/>
  <c r="J1690" i="5" s="1"/>
  <c r="N1690" i="5" s="1"/>
  <c r="AR72" i="1"/>
  <c r="C78" i="5"/>
  <c r="L6199" i="2"/>
  <c r="L6173" i="5" s="1"/>
  <c r="I6199" i="2"/>
  <c r="I6173" i="5" s="1"/>
  <c r="M6199" i="2"/>
  <c r="M6173" i="5" s="1"/>
  <c r="J6199" i="2"/>
  <c r="J6173" i="5" s="1"/>
  <c r="N6173" i="5" s="1"/>
  <c r="K6199" i="2"/>
  <c r="K6173" i="5" s="1"/>
  <c r="O6173" i="5" s="1"/>
  <c r="I2655" i="2"/>
  <c r="I2629" i="5" s="1"/>
  <c r="L2655" i="2"/>
  <c r="L2629" i="5" s="1"/>
  <c r="K2655" i="2"/>
  <c r="K2629" i="5" s="1"/>
  <c r="O2629" i="5" s="1"/>
  <c r="M2655" i="2"/>
  <c r="M2629" i="5" s="1"/>
  <c r="J2655" i="2"/>
  <c r="J2629" i="5" s="1"/>
  <c r="N2629" i="5" s="1"/>
  <c r="L6845" i="2"/>
  <c r="L6819" i="5" s="1"/>
  <c r="I6845" i="2"/>
  <c r="I6819" i="5" s="1"/>
  <c r="K6845" i="2"/>
  <c r="K6819" i="5" s="1"/>
  <c r="O6819" i="5" s="1"/>
  <c r="J6845" i="2"/>
  <c r="J6819" i="5" s="1"/>
  <c r="N6819" i="5" s="1"/>
  <c r="M6845" i="2"/>
  <c r="M6819" i="5" s="1"/>
  <c r="J3409" i="2"/>
  <c r="J3383" i="5" s="1"/>
  <c r="N3383" i="5" s="1"/>
  <c r="L3409" i="2"/>
  <c r="L3383" i="5" s="1"/>
  <c r="M3409" i="2"/>
  <c r="M3383" i="5" s="1"/>
  <c r="I3409" i="2"/>
  <c r="I3383" i="5" s="1"/>
  <c r="K3409" i="2"/>
  <c r="K3383" i="5" s="1"/>
  <c r="O3383" i="5" s="1"/>
  <c r="C148" i="5"/>
  <c r="AR142" i="1"/>
  <c r="M8359" i="2" l="1"/>
  <c r="M8333" i="5" s="1"/>
  <c r="I2242" i="2"/>
  <c r="I2216" i="5" s="1"/>
  <c r="M3994" i="2"/>
  <c r="M3968" i="5" s="1"/>
  <c r="I1607" i="2"/>
  <c r="I1581" i="5" s="1"/>
  <c r="M8130" i="2"/>
  <c r="M8104" i="5" s="1"/>
  <c r="I5078" i="2"/>
  <c r="I5052" i="5" s="1"/>
  <c r="L6440" i="2"/>
  <c r="L6414" i="5" s="1"/>
  <c r="L4518" i="2"/>
  <c r="L4492" i="5" s="1"/>
  <c r="J2833" i="2"/>
  <c r="J2807" i="5" s="1"/>
  <c r="N2807" i="5" s="1"/>
  <c r="L6755" i="2"/>
  <c r="L6729" i="5" s="1"/>
  <c r="J8359" i="2"/>
  <c r="J8333" i="5" s="1"/>
  <c r="N8333" i="5" s="1"/>
  <c r="J5478" i="2"/>
  <c r="J5452" i="5" s="1"/>
  <c r="N5452" i="5" s="1"/>
  <c r="AR89" i="1"/>
  <c r="K5478" i="2"/>
  <c r="K5452" i="5" s="1"/>
  <c r="O5452" i="5" s="1"/>
  <c r="K1606" i="2"/>
  <c r="K1580" i="5" s="1"/>
  <c r="O1580" i="5" s="1"/>
  <c r="L6435" i="2"/>
  <c r="L6409" i="5" s="1"/>
  <c r="I5478" i="2"/>
  <c r="I5452" i="5" s="1"/>
  <c r="J6435" i="2"/>
  <c r="J6409" i="5" s="1"/>
  <c r="N6409" i="5" s="1"/>
  <c r="K6435" i="2"/>
  <c r="K6409" i="5" s="1"/>
  <c r="O6409" i="5" s="1"/>
  <c r="K3756" i="2"/>
  <c r="K3730" i="5" s="1"/>
  <c r="O3730" i="5" s="1"/>
  <c r="M5766" i="2"/>
  <c r="M5740" i="5" s="1"/>
  <c r="L5478" i="2"/>
  <c r="L5452" i="5" s="1"/>
  <c r="K5766" i="2"/>
  <c r="K5740" i="5" s="1"/>
  <c r="O5740" i="5" s="1"/>
  <c r="J8455" i="2"/>
  <c r="J8429" i="5" s="1"/>
  <c r="N8429" i="5" s="1"/>
  <c r="K8210" i="2"/>
  <c r="K8184" i="5" s="1"/>
  <c r="O8184" i="5" s="1"/>
  <c r="M8455" i="2"/>
  <c r="M8429" i="5" s="1"/>
  <c r="L8210" i="2"/>
  <c r="L8184" i="5" s="1"/>
  <c r="I8455" i="2"/>
  <c r="I8429" i="5" s="1"/>
  <c r="M8210" i="2"/>
  <c r="M8184" i="5" s="1"/>
  <c r="J8210" i="2"/>
  <c r="J8184" i="5" s="1"/>
  <c r="N8184" i="5" s="1"/>
  <c r="K5291" i="2"/>
  <c r="K5265" i="5" s="1"/>
  <c r="O5265" i="5" s="1"/>
  <c r="L5594" i="2"/>
  <c r="L5568" i="5" s="1"/>
  <c r="M1119" i="2"/>
  <c r="M1093" i="5" s="1"/>
  <c r="I5505" i="2"/>
  <c r="I5479" i="5" s="1"/>
  <c r="L1119" i="2"/>
  <c r="L1093" i="5" s="1"/>
  <c r="M1660" i="2"/>
  <c r="M1634" i="5" s="1"/>
  <c r="I3756" i="2"/>
  <c r="I3730" i="5" s="1"/>
  <c r="M5505" i="2"/>
  <c r="M5479" i="5" s="1"/>
  <c r="M5153" i="2"/>
  <c r="M5127" i="5" s="1"/>
  <c r="K7164" i="2"/>
  <c r="K7138" i="5" s="1"/>
  <c r="O7138" i="5" s="1"/>
  <c r="I7933" i="2"/>
  <c r="I7907" i="5" s="1"/>
  <c r="M1607" i="2"/>
  <c r="M1581" i="5" s="1"/>
  <c r="K3994" i="2"/>
  <c r="K3968" i="5" s="1"/>
  <c r="O3968" i="5" s="1"/>
  <c r="K6627" i="2"/>
  <c r="K6601" i="5" s="1"/>
  <c r="O6601" i="5" s="1"/>
  <c r="L1660" i="2"/>
  <c r="L1634" i="5" s="1"/>
  <c r="L3756" i="2"/>
  <c r="L3730" i="5" s="1"/>
  <c r="I5291" i="2"/>
  <c r="I5265" i="5" s="1"/>
  <c r="I35" i="2"/>
  <c r="I9" i="5" s="1"/>
  <c r="S9" i="5" s="1"/>
  <c r="K5505" i="2"/>
  <c r="K5479" i="5" s="1"/>
  <c r="O5479" i="5" s="1"/>
  <c r="K5153" i="2"/>
  <c r="K5127" i="5" s="1"/>
  <c r="O5127" i="5" s="1"/>
  <c r="I7164" i="2"/>
  <c r="I7138" i="5" s="1"/>
  <c r="M7933" i="2"/>
  <c r="M7907" i="5" s="1"/>
  <c r="L1607" i="2"/>
  <c r="L1581" i="5" s="1"/>
  <c r="I3994" i="2"/>
  <c r="I3968" i="5" s="1"/>
  <c r="I6627" i="2"/>
  <c r="I6601" i="5" s="1"/>
  <c r="J1660" i="2"/>
  <c r="J1634" i="5" s="1"/>
  <c r="N1634" i="5" s="1"/>
  <c r="M3756" i="2"/>
  <c r="M3730" i="5" s="1"/>
  <c r="M5291" i="2"/>
  <c r="M5265" i="5" s="1"/>
  <c r="J35" i="2"/>
  <c r="J9" i="5" s="1"/>
  <c r="N9" i="5" s="1"/>
  <c r="J5505" i="2"/>
  <c r="J5479" i="5" s="1"/>
  <c r="N5479" i="5" s="1"/>
  <c r="I5153" i="2"/>
  <c r="I5127" i="5" s="1"/>
  <c r="S5127" i="5" s="1"/>
  <c r="M7164" i="2"/>
  <c r="M7138" i="5" s="1"/>
  <c r="L7933" i="2"/>
  <c r="L7907" i="5" s="1"/>
  <c r="J1607" i="2"/>
  <c r="J1581" i="5" s="1"/>
  <c r="N1581" i="5" s="1"/>
  <c r="J3994" i="2"/>
  <c r="J3968" i="5" s="1"/>
  <c r="N3968" i="5" s="1"/>
  <c r="M6627" i="2"/>
  <c r="M6601" i="5" s="1"/>
  <c r="L5291" i="2"/>
  <c r="L5265" i="5" s="1"/>
  <c r="K35" i="2"/>
  <c r="K9" i="5" s="1"/>
  <c r="O9" i="5" s="1"/>
  <c r="L5153" i="2"/>
  <c r="L5127" i="5" s="1"/>
  <c r="J7164" i="2"/>
  <c r="J7138" i="5" s="1"/>
  <c r="N7138" i="5" s="1"/>
  <c r="J7933" i="2"/>
  <c r="J7907" i="5" s="1"/>
  <c r="N7907" i="5" s="1"/>
  <c r="K1607" i="2"/>
  <c r="K1581" i="5" s="1"/>
  <c r="O1581" i="5" s="1"/>
  <c r="L3994" i="2"/>
  <c r="L3968" i="5" s="1"/>
  <c r="L6627" i="2"/>
  <c r="L6601" i="5" s="1"/>
  <c r="AR282" i="1"/>
  <c r="L3274" i="2"/>
  <c r="L3248" i="5" s="1"/>
  <c r="L35" i="2"/>
  <c r="L9" i="5" s="1"/>
  <c r="L8455" i="2"/>
  <c r="L8429" i="5" s="1"/>
  <c r="I6435" i="2"/>
  <c r="I6409" i="5" s="1"/>
  <c r="S6409" i="5" s="1"/>
  <c r="I2303" i="2"/>
  <c r="I2277" i="5" s="1"/>
  <c r="S2277" i="5" s="1"/>
  <c r="C43" i="5"/>
  <c r="M5078" i="2"/>
  <c r="M5052" i="5" s="1"/>
  <c r="L3445" i="2"/>
  <c r="L3419" i="5" s="1"/>
  <c r="AR135" i="1"/>
  <c r="J6832" i="2"/>
  <c r="J6806" i="5" s="1"/>
  <c r="N6806" i="5" s="1"/>
  <c r="I1270" i="2"/>
  <c r="I1244" i="5" s="1"/>
  <c r="J7110" i="2"/>
  <c r="J7084" i="5" s="1"/>
  <c r="N7084" i="5" s="1"/>
  <c r="M1582" i="2"/>
  <c r="M1556" i="5" s="1"/>
  <c r="L3901" i="2"/>
  <c r="L3875" i="5" s="1"/>
  <c r="M1938" i="2"/>
  <c r="M1912" i="5" s="1"/>
  <c r="J3410" i="2"/>
  <c r="J3384" i="5" s="1"/>
  <c r="N3384" i="5" s="1"/>
  <c r="J1728" i="2"/>
  <c r="J1702" i="5" s="1"/>
  <c r="N1702" i="5" s="1"/>
  <c r="I391" i="2"/>
  <c r="I365" i="5" s="1"/>
  <c r="I2433" i="2"/>
  <c r="I2407" i="5" s="1"/>
  <c r="K5492" i="2"/>
  <c r="K5466" i="5" s="1"/>
  <c r="O5466" i="5" s="1"/>
  <c r="M7015" i="2"/>
  <c r="M6989" i="5" s="1"/>
  <c r="K2273" i="2"/>
  <c r="K2247" i="5" s="1"/>
  <c r="O2247" i="5" s="1"/>
  <c r="J41" i="2"/>
  <c r="J15" i="5" s="1"/>
  <c r="N15" i="5" s="1"/>
  <c r="K8107" i="2"/>
  <c r="K8081" i="5" s="1"/>
  <c r="O8081" i="5" s="1"/>
  <c r="M1917" i="2"/>
  <c r="M1891" i="5" s="1"/>
  <c r="M1606" i="2"/>
  <c r="M1580" i="5" s="1"/>
  <c r="K5078" i="2"/>
  <c r="K5052" i="5" s="1"/>
  <c r="O5052" i="5" s="1"/>
  <c r="I556" i="2"/>
  <c r="I530" i="5" s="1"/>
  <c r="M8107" i="2"/>
  <c r="M8081" i="5" s="1"/>
  <c r="L813" i="2"/>
  <c r="L787" i="5" s="1"/>
  <c r="L1917" i="2"/>
  <c r="L1891" i="5" s="1"/>
  <c r="J1606" i="2"/>
  <c r="J1580" i="5" s="1"/>
  <c r="N1580" i="5" s="1"/>
  <c r="L5078" i="2"/>
  <c r="L5052" i="5" s="1"/>
  <c r="J556" i="2"/>
  <c r="J530" i="5" s="1"/>
  <c r="N530" i="5" s="1"/>
  <c r="I8107" i="2"/>
  <c r="I8081" i="5" s="1"/>
  <c r="S8081" i="5" s="1"/>
  <c r="I813" i="2"/>
  <c r="I787" i="5" s="1"/>
  <c r="J1917" i="2"/>
  <c r="J1891" i="5" s="1"/>
  <c r="N1891" i="5" s="1"/>
  <c r="K7696" i="2"/>
  <c r="K7670" i="5" s="1"/>
  <c r="O7670" i="5" s="1"/>
  <c r="M556" i="2"/>
  <c r="M530" i="5" s="1"/>
  <c r="L8107" i="2"/>
  <c r="L8081" i="5" s="1"/>
  <c r="J813" i="2"/>
  <c r="J787" i="5" s="1"/>
  <c r="N787" i="5" s="1"/>
  <c r="K1917" i="2"/>
  <c r="K1891" i="5" s="1"/>
  <c r="O1891" i="5" s="1"/>
  <c r="I1606" i="2"/>
  <c r="I1580" i="5" s="1"/>
  <c r="I7696" i="2"/>
  <c r="I7670" i="5" s="1"/>
  <c r="S7670" i="5" s="1"/>
  <c r="K556" i="2"/>
  <c r="K530" i="5" s="1"/>
  <c r="O530" i="5" s="1"/>
  <c r="M813" i="2"/>
  <c r="M787" i="5" s="1"/>
  <c r="J7696" i="2"/>
  <c r="J7670" i="5" s="1"/>
  <c r="N7670" i="5" s="1"/>
  <c r="I3650" i="2"/>
  <c r="I3624" i="5" s="1"/>
  <c r="K8049" i="2"/>
  <c r="K8023" i="5" s="1"/>
  <c r="O8023" i="5" s="1"/>
  <c r="K8359" i="2"/>
  <c r="K8333" i="5" s="1"/>
  <c r="O8333" i="5" s="1"/>
  <c r="L7696" i="2"/>
  <c r="L7670" i="5" s="1"/>
  <c r="M3650" i="2"/>
  <c r="M3624" i="5" s="1"/>
  <c r="K1275" i="2"/>
  <c r="K1249" i="5" s="1"/>
  <c r="O1249" i="5" s="1"/>
  <c r="J814" i="2"/>
  <c r="J788" i="5" s="1"/>
  <c r="N788" i="5" s="1"/>
  <c r="I8049" i="2"/>
  <c r="I8023" i="5" s="1"/>
  <c r="S8023" i="5" s="1"/>
  <c r="K5594" i="2"/>
  <c r="K5568" i="5" s="1"/>
  <c r="O5568" i="5" s="1"/>
  <c r="L3650" i="2"/>
  <c r="L3624" i="5" s="1"/>
  <c r="I1275" i="2"/>
  <c r="I1249" i="5" s="1"/>
  <c r="J2242" i="2"/>
  <c r="J2216" i="5" s="1"/>
  <c r="N2216" i="5" s="1"/>
  <c r="K814" i="2"/>
  <c r="K788" i="5" s="1"/>
  <c r="O788" i="5" s="1"/>
  <c r="M8049" i="2"/>
  <c r="M8023" i="5" s="1"/>
  <c r="I5594" i="2"/>
  <c r="I5568" i="5" s="1"/>
  <c r="M2123" i="2"/>
  <c r="M2097" i="5" s="1"/>
  <c r="K3650" i="2"/>
  <c r="K3624" i="5" s="1"/>
  <c r="O3624" i="5" s="1"/>
  <c r="L1275" i="2"/>
  <c r="L1249" i="5" s="1"/>
  <c r="K2242" i="2"/>
  <c r="K2216" i="5" s="1"/>
  <c r="O2216" i="5" s="1"/>
  <c r="I814" i="2"/>
  <c r="I788" i="5" s="1"/>
  <c r="I2833" i="2"/>
  <c r="I2807" i="5" s="1"/>
  <c r="L8049" i="2"/>
  <c r="L8023" i="5" s="1"/>
  <c r="M5594" i="2"/>
  <c r="M5568" i="5" s="1"/>
  <c r="L2123" i="2"/>
  <c r="L2097" i="5" s="1"/>
  <c r="K1119" i="2"/>
  <c r="K1093" i="5" s="1"/>
  <c r="O1093" i="5" s="1"/>
  <c r="J1275" i="2"/>
  <c r="J1249" i="5" s="1"/>
  <c r="N1249" i="5" s="1"/>
  <c r="M2242" i="2"/>
  <c r="M2216" i="5" s="1"/>
  <c r="L814" i="2"/>
  <c r="L788" i="5" s="1"/>
  <c r="L2833" i="2"/>
  <c r="L2807" i="5" s="1"/>
  <c r="K8343" i="2"/>
  <c r="K8317" i="5" s="1"/>
  <c r="O8317" i="5" s="1"/>
  <c r="I8343" i="2"/>
  <c r="I8317" i="5" s="1"/>
  <c r="AR272" i="1"/>
  <c r="AX15" i="1"/>
  <c r="AY16" i="1"/>
  <c r="AY17" i="1" s="1"/>
  <c r="L8343" i="2"/>
  <c r="L8317" i="5" s="1"/>
  <c r="M8343" i="2"/>
  <c r="M8317" i="5" s="1"/>
  <c r="I3919" i="2"/>
  <c r="I3893" i="5" s="1"/>
  <c r="S3893" i="5" s="1"/>
  <c r="M3919" i="2"/>
  <c r="M3893" i="5" s="1"/>
  <c r="L6451" i="2"/>
  <c r="L6425" i="5" s="1"/>
  <c r="L3919" i="2"/>
  <c r="L3893" i="5" s="1"/>
  <c r="J1736" i="2"/>
  <c r="J1710" i="5" s="1"/>
  <c r="N1710" i="5" s="1"/>
  <c r="J6451" i="2"/>
  <c r="J6425" i="5" s="1"/>
  <c r="N6425" i="5" s="1"/>
  <c r="J3919" i="2"/>
  <c r="J3893" i="5" s="1"/>
  <c r="N3893" i="5" s="1"/>
  <c r="K1736" i="2"/>
  <c r="K1710" i="5" s="1"/>
  <c r="O1710" i="5" s="1"/>
  <c r="K6451" i="2"/>
  <c r="K6425" i="5" s="1"/>
  <c r="O6425" i="5" s="1"/>
  <c r="I1736" i="2"/>
  <c r="I1710" i="5" s="1"/>
  <c r="M6451" i="2"/>
  <c r="M6425" i="5" s="1"/>
  <c r="S7614" i="5"/>
  <c r="S7683" i="5"/>
  <c r="S957" i="5"/>
  <c r="S4236" i="5"/>
  <c r="S7930" i="5"/>
  <c r="S5249" i="5"/>
  <c r="S7311" i="5"/>
  <c r="S5090" i="5"/>
  <c r="S2957" i="5"/>
  <c r="S3788" i="5"/>
  <c r="S8348" i="5"/>
  <c r="S7617" i="5"/>
  <c r="S6001" i="5"/>
  <c r="S3123" i="5"/>
  <c r="S1700" i="5"/>
  <c r="S5065" i="5"/>
  <c r="S1586" i="5"/>
  <c r="S7465" i="5"/>
  <c r="S4083" i="5"/>
  <c r="S5658" i="5"/>
  <c r="S3923" i="5"/>
  <c r="S1776" i="5"/>
  <c r="S3481" i="5"/>
  <c r="S7183" i="5"/>
  <c r="S1036" i="5"/>
  <c r="S4439" i="5"/>
  <c r="S1042" i="5"/>
  <c r="S8006" i="5"/>
  <c r="S4815" i="5"/>
  <c r="S3571" i="5"/>
  <c r="S5091" i="5"/>
  <c r="S2046" i="5"/>
  <c r="S1224" i="5"/>
  <c r="S5126" i="5"/>
  <c r="S3276" i="5"/>
  <c r="S1053" i="5"/>
  <c r="S6595" i="5"/>
  <c r="S568" i="5"/>
  <c r="S4044" i="5"/>
  <c r="S4307" i="5"/>
  <c r="S4644" i="5"/>
  <c r="S399" i="5"/>
  <c r="S7578" i="5"/>
  <c r="S2762" i="5"/>
  <c r="S5986" i="5"/>
  <c r="S8119" i="5"/>
  <c r="S5579" i="5"/>
  <c r="S2064" i="5"/>
  <c r="S2774" i="5"/>
  <c r="S8114" i="5"/>
  <c r="S2423" i="5"/>
  <c r="S2892" i="5"/>
  <c r="S4462" i="5"/>
  <c r="S1375" i="5"/>
  <c r="S4886" i="5"/>
  <c r="S7270" i="5"/>
  <c r="S390" i="5"/>
  <c r="S3111" i="5"/>
  <c r="S8163" i="5"/>
  <c r="S7469" i="5"/>
  <c r="S1903" i="5"/>
  <c r="S3436" i="5"/>
  <c r="S3392" i="5"/>
  <c r="S4718" i="5"/>
  <c r="S6498" i="5"/>
  <c r="S5573" i="5"/>
  <c r="S2364" i="5"/>
  <c r="S6058" i="5"/>
  <c r="S3786" i="5"/>
  <c r="S226" i="5"/>
  <c r="S6563" i="5"/>
  <c r="S3582" i="5"/>
  <c r="S462" i="5"/>
  <c r="S4632" i="5"/>
  <c r="S3882" i="5"/>
  <c r="S3800" i="5"/>
  <c r="S1106" i="5"/>
  <c r="S4603" i="5"/>
  <c r="S7420" i="5"/>
  <c r="S1545" i="5"/>
  <c r="S7636" i="5"/>
  <c r="S7746" i="5"/>
  <c r="S5754" i="5"/>
  <c r="S4758" i="5"/>
  <c r="S5318" i="5"/>
  <c r="S5807" i="5"/>
  <c r="S5830" i="5"/>
  <c r="S2229" i="5"/>
  <c r="S7821" i="5"/>
  <c r="S6472" i="5"/>
  <c r="S1547" i="5"/>
  <c r="S5458" i="5"/>
  <c r="S5918" i="5"/>
  <c r="S7975" i="5"/>
  <c r="S4730" i="5"/>
  <c r="S5953" i="5"/>
  <c r="S3083" i="5"/>
  <c r="S5125" i="5"/>
  <c r="S2142" i="5"/>
  <c r="S2198" i="5"/>
  <c r="S7070" i="5"/>
  <c r="S8435" i="5"/>
  <c r="S2906" i="5"/>
  <c r="S8110" i="5"/>
  <c r="S3764" i="5"/>
  <c r="S7262" i="5"/>
  <c r="S4910" i="5"/>
  <c r="S6640" i="5"/>
  <c r="S559" i="5"/>
  <c r="S5283" i="5"/>
  <c r="S5943" i="5"/>
  <c r="S2259" i="5"/>
  <c r="S5788" i="5"/>
  <c r="S5423" i="5"/>
  <c r="S728" i="5"/>
  <c r="S1528" i="5"/>
  <c r="S1418" i="5"/>
  <c r="S2308" i="5"/>
  <c r="S930" i="5"/>
  <c r="S7250" i="5"/>
  <c r="S4461" i="5"/>
  <c r="S5591" i="5"/>
  <c r="S1436" i="5"/>
  <c r="S3813" i="5"/>
  <c r="S3543" i="5"/>
  <c r="S3275" i="5"/>
  <c r="S6782" i="5"/>
  <c r="S1524" i="5"/>
  <c r="S4316" i="5"/>
  <c r="S1882" i="5"/>
  <c r="S7668" i="5"/>
  <c r="S8617" i="5"/>
  <c r="S1189" i="5"/>
  <c r="S737" i="5"/>
  <c r="S5054" i="5"/>
  <c r="S6606" i="5"/>
  <c r="S8079" i="5"/>
  <c r="S6509" i="5"/>
  <c r="S192" i="5"/>
  <c r="S5836" i="5"/>
  <c r="S4663" i="5"/>
  <c r="S8647" i="5"/>
  <c r="S4773" i="5"/>
  <c r="S6450" i="5"/>
  <c r="S3943" i="5"/>
  <c r="S6934" i="5"/>
  <c r="S4956" i="5"/>
  <c r="S4280" i="5"/>
  <c r="S8074" i="5"/>
  <c r="S1902" i="5"/>
  <c r="S1377" i="5"/>
  <c r="S3913" i="5"/>
  <c r="S5120" i="5"/>
  <c r="S7346" i="5"/>
  <c r="S767" i="5"/>
  <c r="S2071" i="5"/>
  <c r="S5576" i="5"/>
  <c r="S7137" i="5"/>
  <c r="S2304" i="5"/>
  <c r="S936" i="5"/>
  <c r="S3884" i="5"/>
  <c r="S3133" i="5"/>
  <c r="S8287" i="5"/>
  <c r="S4412" i="5"/>
  <c r="S8168" i="5"/>
  <c r="S7149" i="5"/>
  <c r="S1890" i="5"/>
  <c r="S6249" i="5"/>
  <c r="S3462" i="5"/>
  <c r="S6958" i="5"/>
  <c r="S4059" i="5"/>
  <c r="S935" i="5"/>
  <c r="S7100" i="5"/>
  <c r="S3881" i="5"/>
  <c r="S6798" i="5"/>
  <c r="S6611" i="5"/>
  <c r="S8298" i="5"/>
  <c r="S413" i="5"/>
  <c r="S6269" i="5"/>
  <c r="S1051" i="5"/>
  <c r="S1626" i="5"/>
  <c r="S6410" i="5"/>
  <c r="S101" i="5"/>
  <c r="S6988" i="5"/>
  <c r="S4108" i="5"/>
  <c r="S6908" i="5"/>
  <c r="S7314" i="5"/>
  <c r="S2581" i="5"/>
  <c r="S7402" i="5"/>
  <c r="S2631" i="5"/>
  <c r="S2062" i="5"/>
  <c r="S1400" i="5"/>
  <c r="S2416" i="5"/>
  <c r="S1426" i="5"/>
  <c r="S1960" i="5"/>
  <c r="S3890" i="5"/>
  <c r="S2141" i="5"/>
  <c r="S7751" i="5"/>
  <c r="S3976" i="5"/>
  <c r="S588" i="5"/>
  <c r="S4156" i="5"/>
  <c r="S8332" i="5"/>
  <c r="S1283" i="5"/>
  <c r="S1052" i="5"/>
  <c r="S7326" i="5"/>
  <c r="S8504" i="5"/>
  <c r="S59" i="5"/>
  <c r="S2578" i="5"/>
  <c r="S8692" i="5"/>
  <c r="S91" i="5"/>
  <c r="S212" i="5"/>
  <c r="S3079" i="5"/>
  <c r="S8118" i="5"/>
  <c r="S1962" i="5"/>
  <c r="S2645" i="5"/>
  <c r="S7664" i="5"/>
  <c r="S5770" i="5"/>
  <c r="S521" i="5"/>
  <c r="S6161" i="5"/>
  <c r="S4046" i="5"/>
  <c r="S106" i="5"/>
  <c r="S8179" i="5"/>
  <c r="S1793" i="5"/>
  <c r="S7088" i="5"/>
  <c r="S8123" i="5"/>
  <c r="S8612" i="5"/>
  <c r="S6059" i="5"/>
  <c r="S6578" i="5"/>
  <c r="S5252" i="5"/>
  <c r="S6931" i="5"/>
  <c r="S8082" i="5"/>
  <c r="S6817" i="5"/>
  <c r="S4060" i="5"/>
  <c r="S950" i="5"/>
  <c r="S7161" i="5"/>
  <c r="S451" i="5"/>
  <c r="S7796" i="5"/>
  <c r="S218" i="5"/>
  <c r="S3057" i="5"/>
  <c r="S4768" i="5"/>
  <c r="S2573" i="5"/>
  <c r="S2033" i="5"/>
  <c r="S5241" i="5"/>
  <c r="S6997" i="5"/>
  <c r="S7406" i="5"/>
  <c r="S1552" i="5"/>
  <c r="S5228" i="5"/>
  <c r="S1188" i="5"/>
  <c r="S6271" i="5"/>
  <c r="S8489" i="5"/>
  <c r="S3909" i="5"/>
  <c r="S1296" i="5"/>
  <c r="S2948" i="5"/>
  <c r="S8585" i="5"/>
  <c r="S3771" i="5"/>
  <c r="S7940" i="5"/>
  <c r="S4118" i="5"/>
  <c r="S2208" i="5"/>
  <c r="S7815" i="5"/>
  <c r="S1223" i="5"/>
  <c r="S5427" i="5"/>
  <c r="S4560" i="5"/>
  <c r="S8320" i="5"/>
  <c r="S4091" i="5"/>
  <c r="S6957" i="5"/>
  <c r="S1276" i="5"/>
  <c r="S3817" i="5"/>
  <c r="S353" i="5"/>
  <c r="S393" i="5"/>
  <c r="S3477" i="5"/>
  <c r="S2908" i="5"/>
  <c r="S7653" i="5"/>
  <c r="S2616" i="5"/>
  <c r="S625" i="5"/>
  <c r="S722" i="5"/>
  <c r="S5130" i="5"/>
  <c r="S2944" i="5"/>
  <c r="S1035" i="5"/>
  <c r="S4971" i="5"/>
  <c r="S1082" i="5"/>
  <c r="S7114" i="5"/>
  <c r="S3382" i="5"/>
  <c r="S603" i="5"/>
  <c r="S4486" i="5"/>
  <c r="S5607" i="5"/>
  <c r="S1587" i="5"/>
  <c r="S4970" i="5"/>
  <c r="S2596" i="5"/>
  <c r="S5310" i="5"/>
  <c r="S6752" i="5"/>
  <c r="S2456" i="5"/>
  <c r="S5487" i="5"/>
  <c r="S7005" i="5"/>
  <c r="S5142" i="5"/>
  <c r="S181" i="5"/>
  <c r="S3732" i="5"/>
  <c r="S1595" i="5"/>
  <c r="S85" i="5"/>
  <c r="S3043" i="5"/>
  <c r="S4250" i="5"/>
  <c r="S3273" i="5"/>
  <c r="S5739" i="5"/>
  <c r="S5290" i="5"/>
  <c r="S7956" i="5"/>
  <c r="S7607" i="5"/>
  <c r="S2366" i="5"/>
  <c r="S2449" i="5"/>
  <c r="S7147" i="5"/>
  <c r="S3944" i="5"/>
  <c r="S3557" i="5"/>
  <c r="S1383" i="5"/>
  <c r="S3122" i="5"/>
  <c r="S5670" i="5"/>
  <c r="S2945" i="5"/>
  <c r="S248" i="5"/>
  <c r="S600" i="5"/>
  <c r="S1254" i="5"/>
  <c r="S7916" i="5"/>
  <c r="S5469" i="5"/>
  <c r="S5957" i="5"/>
  <c r="S4901" i="5"/>
  <c r="S2118" i="5"/>
  <c r="S8017" i="5"/>
  <c r="S7648" i="5"/>
  <c r="S726" i="5"/>
  <c r="S3718" i="5"/>
  <c r="S1613" i="5"/>
  <c r="S4662" i="5"/>
  <c r="S5553" i="5"/>
  <c r="S6785" i="5"/>
  <c r="S519" i="5"/>
  <c r="S6169" i="5"/>
  <c r="S4396" i="5"/>
  <c r="S363" i="5"/>
  <c r="S4941" i="5"/>
  <c r="S2445" i="5"/>
  <c r="S7837" i="5"/>
  <c r="S2240" i="5"/>
  <c r="S1238" i="5"/>
  <c r="S5303" i="5"/>
  <c r="S6087" i="5"/>
  <c r="S6805" i="5"/>
  <c r="S2710" i="5"/>
  <c r="S7834" i="5"/>
  <c r="S3774" i="5"/>
  <c r="S4411" i="5"/>
  <c r="S1742" i="5"/>
  <c r="S2448" i="5"/>
  <c r="S5590" i="5"/>
  <c r="S2719" i="5"/>
  <c r="S7674" i="5"/>
  <c r="S5266" i="5"/>
  <c r="S4811" i="5"/>
  <c r="S6665" i="5"/>
  <c r="S3966" i="5"/>
  <c r="S7996" i="5"/>
  <c r="S8463" i="5"/>
  <c r="S25" i="5"/>
  <c r="S2778" i="5"/>
  <c r="S7289" i="5"/>
  <c r="S1940" i="5"/>
  <c r="S1630" i="5"/>
  <c r="S4097" i="5"/>
  <c r="S72" i="5"/>
  <c r="S6983" i="5"/>
  <c r="S2643" i="5"/>
  <c r="S290" i="5"/>
  <c r="S4442" i="5"/>
  <c r="S6654" i="5"/>
  <c r="S4472" i="5"/>
  <c r="S7436" i="5"/>
  <c r="S5972" i="5"/>
  <c r="S3241" i="5"/>
  <c r="S375" i="5"/>
  <c r="S5720" i="5"/>
  <c r="S5897" i="5"/>
  <c r="S4267" i="5"/>
  <c r="S6835" i="5"/>
  <c r="S5417" i="5"/>
  <c r="S798" i="5"/>
  <c r="S3798" i="5"/>
  <c r="S6264" i="5"/>
  <c r="S7909" i="5"/>
  <c r="S2605" i="5"/>
  <c r="S3470" i="5"/>
  <c r="S5491" i="5"/>
  <c r="S6808" i="5"/>
  <c r="S2037" i="5"/>
  <c r="S6964" i="5"/>
  <c r="S4100" i="5"/>
  <c r="S8449" i="5"/>
  <c r="S1072" i="5"/>
  <c r="S6069" i="5"/>
  <c r="S5282" i="5"/>
  <c r="S2963" i="5"/>
  <c r="S6405" i="5"/>
  <c r="S6320" i="5"/>
  <c r="S3753" i="5"/>
  <c r="S3899" i="5"/>
  <c r="S7288" i="5"/>
  <c r="S7258" i="5"/>
  <c r="S2459" i="5"/>
  <c r="S204" i="5"/>
  <c r="S3065" i="5"/>
  <c r="S8749" i="5"/>
  <c r="S1695" i="5"/>
  <c r="S8172" i="5"/>
  <c r="S7409" i="5"/>
  <c r="S5429" i="5"/>
  <c r="S3544" i="5"/>
  <c r="S4288" i="5"/>
  <c r="S5979" i="5"/>
  <c r="S1245" i="5"/>
  <c r="S7797" i="5"/>
  <c r="S4628" i="5"/>
  <c r="S5081" i="5"/>
  <c r="S7178" i="5"/>
  <c r="S2620" i="5"/>
  <c r="S4784" i="5"/>
  <c r="S1449" i="5"/>
  <c r="S74" i="5"/>
  <c r="S4315" i="5"/>
  <c r="S8628" i="5"/>
  <c r="S8316" i="5"/>
  <c r="S2951" i="5"/>
  <c r="S7082" i="5"/>
  <c r="S7123" i="5"/>
  <c r="S1112" i="5"/>
  <c r="S7580" i="5"/>
  <c r="S4304" i="5"/>
  <c r="S3442" i="5"/>
  <c r="S5163" i="5"/>
  <c r="S6900" i="5"/>
  <c r="S7500" i="5"/>
  <c r="S3056" i="5"/>
  <c r="S5781" i="5"/>
  <c r="S7739" i="5"/>
  <c r="S5442" i="5"/>
  <c r="S6469" i="5"/>
  <c r="S684" i="5"/>
  <c r="S3590" i="5"/>
  <c r="S6331" i="5"/>
  <c r="S3578" i="5"/>
  <c r="S27" i="5"/>
  <c r="S4425" i="5"/>
  <c r="S527" i="5"/>
  <c r="S1701" i="5"/>
  <c r="S895" i="5"/>
  <c r="S5089" i="5"/>
  <c r="S7277" i="5"/>
  <c r="S3374" i="5"/>
  <c r="S5996" i="5"/>
  <c r="S746" i="5"/>
  <c r="S7285" i="5"/>
  <c r="S2625" i="5"/>
  <c r="S4383" i="5"/>
  <c r="S2468" i="5"/>
  <c r="S2383" i="5"/>
  <c r="S4715" i="5"/>
  <c r="S7484" i="5"/>
  <c r="S3537" i="5"/>
  <c r="S2639" i="5"/>
  <c r="S4936" i="5"/>
  <c r="S3129" i="5"/>
  <c r="S6330" i="5"/>
  <c r="S2360" i="5"/>
  <c r="S1610" i="5"/>
  <c r="S8591" i="5"/>
  <c r="S7970" i="5"/>
  <c r="S5109" i="5"/>
  <c r="S2094" i="5"/>
  <c r="S8306" i="5"/>
  <c r="S2419" i="5"/>
  <c r="S5919" i="5"/>
  <c r="S4399" i="5"/>
  <c r="S710" i="5"/>
  <c r="S3791" i="5"/>
  <c r="S3236" i="5"/>
  <c r="S3641" i="5"/>
  <c r="S2782" i="5"/>
  <c r="S8154" i="5"/>
  <c r="S7009" i="5"/>
  <c r="S8757" i="5"/>
  <c r="S4653" i="5"/>
  <c r="S3575" i="5"/>
  <c r="S4921" i="5"/>
  <c r="S5831" i="5"/>
  <c r="S3141" i="5"/>
  <c r="S5913" i="5"/>
  <c r="S5664" i="5"/>
  <c r="S4900" i="5"/>
  <c r="S5614" i="5"/>
  <c r="S8328" i="5"/>
  <c r="S6576" i="5"/>
  <c r="S7295" i="5"/>
  <c r="S946" i="5"/>
  <c r="S242" i="5"/>
  <c r="S5259" i="5"/>
  <c r="S8191" i="5"/>
  <c r="S7517" i="5"/>
  <c r="S6231" i="5"/>
  <c r="S5744" i="5"/>
  <c r="S6901" i="5"/>
  <c r="S4401" i="5"/>
  <c r="S6608" i="5"/>
  <c r="S5484" i="5"/>
  <c r="S3383" i="5"/>
  <c r="S4907" i="5"/>
  <c r="S2223" i="5"/>
  <c r="S1525" i="5"/>
  <c r="S3237" i="5"/>
  <c r="S5314" i="5"/>
  <c r="S7259" i="5"/>
  <c r="S5138" i="5"/>
  <c r="S3304" i="5"/>
  <c r="S6327" i="5"/>
  <c r="S2594" i="5"/>
  <c r="S6336" i="5"/>
  <c r="S357" i="5"/>
  <c r="S1420" i="5"/>
  <c r="S8273" i="5"/>
  <c r="S5274" i="5"/>
  <c r="S3627" i="5"/>
  <c r="S6323" i="5"/>
  <c r="S7297" i="5"/>
  <c r="S4933" i="5"/>
  <c r="S5269" i="5"/>
  <c r="S3389" i="5"/>
  <c r="S1949" i="5"/>
  <c r="S2060" i="5"/>
  <c r="S4743" i="5"/>
  <c r="S8126" i="5"/>
  <c r="S3289" i="5"/>
  <c r="S8178" i="5"/>
  <c r="S3467" i="5"/>
  <c r="S3249" i="5"/>
  <c r="S5795" i="5"/>
  <c r="S7076" i="5"/>
  <c r="S5480" i="5"/>
  <c r="S1569" i="5"/>
  <c r="S127" i="5"/>
  <c r="S6392" i="5"/>
  <c r="S3445" i="5"/>
  <c r="S3585" i="5"/>
  <c r="S2038" i="5"/>
  <c r="S3765" i="5"/>
  <c r="S6490" i="5"/>
  <c r="S2786" i="5"/>
  <c r="S1374" i="5"/>
  <c r="S7813" i="5"/>
  <c r="S1570" i="5"/>
  <c r="S8754" i="5"/>
  <c r="S6154" i="5"/>
  <c r="S5262" i="5"/>
  <c r="S5902" i="5"/>
  <c r="S8108" i="5"/>
  <c r="S1132" i="5"/>
  <c r="S6148" i="5"/>
  <c r="S6339" i="5"/>
  <c r="S7276" i="5"/>
  <c r="S6566" i="5"/>
  <c r="S7941" i="5"/>
  <c r="S1385" i="5"/>
  <c r="S3906" i="5"/>
  <c r="S6489" i="5"/>
  <c r="S6156" i="5"/>
  <c r="S785" i="5"/>
  <c r="S1750" i="5"/>
  <c r="S275" i="5"/>
  <c r="S2865" i="5"/>
  <c r="S8414" i="5"/>
  <c r="S5309" i="5"/>
  <c r="S6587" i="5"/>
  <c r="S379" i="5"/>
  <c r="S405" i="5"/>
  <c r="S2388" i="5"/>
  <c r="S8652" i="5"/>
  <c r="S3424" i="5"/>
  <c r="S3305" i="5"/>
  <c r="S3098" i="5"/>
  <c r="S5773" i="5"/>
  <c r="S3986" i="5"/>
  <c r="S203" i="5"/>
  <c r="S5721" i="5"/>
  <c r="S938" i="5"/>
  <c r="S2386" i="5"/>
  <c r="S452" i="5"/>
  <c r="S4785" i="5"/>
  <c r="S17" i="5"/>
  <c r="S5129" i="5"/>
  <c r="S5453" i="5"/>
  <c r="S7319" i="5"/>
  <c r="S3604" i="5"/>
  <c r="S6229" i="5"/>
  <c r="S4082" i="5"/>
  <c r="S3608" i="5"/>
  <c r="S4969" i="5"/>
  <c r="S3287" i="5"/>
  <c r="S7976" i="5"/>
  <c r="S4889" i="5"/>
  <c r="S6468" i="5"/>
  <c r="S1450" i="5"/>
  <c r="S7948" i="5"/>
  <c r="S2584" i="5"/>
  <c r="S5438" i="5"/>
  <c r="S2815" i="5"/>
  <c r="S683" i="5"/>
  <c r="S3954" i="5"/>
  <c r="S3307" i="5"/>
  <c r="S5618" i="5"/>
  <c r="S3061" i="5"/>
  <c r="S8488" i="5"/>
  <c r="S5088" i="5"/>
  <c r="S5306" i="5"/>
  <c r="S4897" i="5"/>
  <c r="S2114" i="5"/>
  <c r="S6268" i="5"/>
  <c r="S8124" i="5"/>
  <c r="S2263" i="5"/>
  <c r="S1273" i="5"/>
  <c r="S616" i="5"/>
  <c r="S3277" i="5"/>
  <c r="S5973" i="5"/>
  <c r="S3147" i="5"/>
  <c r="S6284" i="5"/>
  <c r="S3097" i="5"/>
  <c r="S8015" i="5"/>
  <c r="S6437" i="5"/>
  <c r="S941" i="5"/>
  <c r="S440" i="5"/>
  <c r="S5445" i="5"/>
  <c r="S8125" i="5"/>
  <c r="S8334" i="5"/>
  <c r="S1282" i="5"/>
  <c r="S1098" i="5"/>
  <c r="S8145" i="5"/>
  <c r="S701" i="5"/>
  <c r="S8517" i="5"/>
  <c r="S400" i="5"/>
  <c r="S6786" i="5"/>
  <c r="S2124" i="5"/>
  <c r="S2613" i="5"/>
  <c r="S1026" i="5"/>
  <c r="S4408" i="5"/>
  <c r="S4997" i="5"/>
  <c r="S6167" i="5"/>
  <c r="S8116" i="5"/>
  <c r="S2397" i="5"/>
  <c r="S586" i="5"/>
  <c r="S8459" i="5"/>
  <c r="S6404" i="5"/>
  <c r="S1197" i="5"/>
  <c r="S1470" i="5"/>
  <c r="S83" i="5"/>
  <c r="S7068" i="5"/>
  <c r="S6072" i="5"/>
  <c r="S1878" i="5"/>
  <c r="S1074" i="5"/>
  <c r="S7914" i="5"/>
  <c r="S7736" i="5"/>
  <c r="S1242" i="5"/>
  <c r="S3719" i="5"/>
  <c r="S8501" i="5"/>
  <c r="S1564" i="5"/>
  <c r="S8609" i="5"/>
  <c r="S2733" i="5"/>
  <c r="S793" i="5"/>
  <c r="S2069" i="5"/>
  <c r="S5949" i="5"/>
  <c r="S1370" i="5"/>
  <c r="S5405" i="5"/>
  <c r="S7265" i="5"/>
  <c r="S4318" i="5"/>
  <c r="S7934" i="5"/>
  <c r="S8424" i="5"/>
  <c r="S2632" i="5"/>
  <c r="S2281" i="5"/>
  <c r="S6610" i="5"/>
  <c r="S4919" i="5"/>
  <c r="S2916" i="5"/>
  <c r="S5564" i="5"/>
  <c r="S4930" i="5"/>
  <c r="S2738" i="5"/>
  <c r="S4778" i="5"/>
  <c r="S6413" i="5"/>
  <c r="S3549" i="5"/>
  <c r="S2617" i="5"/>
  <c r="S4549" i="5"/>
  <c r="S1603" i="5"/>
  <c r="S6396" i="5"/>
  <c r="S1421" i="5"/>
  <c r="S4272" i="5"/>
  <c r="S7841" i="5"/>
  <c r="S2877" i="5"/>
  <c r="S2412" i="5"/>
  <c r="S1732" i="5"/>
  <c r="S4101" i="5"/>
  <c r="S5746" i="5"/>
  <c r="S3375" i="5"/>
  <c r="S77" i="5"/>
  <c r="S2559" i="5"/>
  <c r="S4447" i="5"/>
  <c r="S5601" i="5"/>
  <c r="S5470" i="5"/>
  <c r="S5785" i="5"/>
  <c r="S2976" i="5"/>
  <c r="S5444" i="5"/>
  <c r="S4571" i="5"/>
  <c r="S8522" i="5"/>
  <c r="S68" i="5"/>
  <c r="S201" i="5"/>
  <c r="S7131" i="5"/>
  <c r="S5059" i="5"/>
  <c r="S7479" i="5"/>
  <c r="S1089" i="5"/>
  <c r="S7150" i="5"/>
  <c r="S4575" i="5"/>
  <c r="S202" i="5"/>
  <c r="S5999" i="5"/>
  <c r="S2083" i="5"/>
  <c r="S8115" i="5"/>
  <c r="S4579" i="5"/>
  <c r="S7957" i="5"/>
  <c r="S2105" i="5"/>
  <c r="S4422" i="5"/>
  <c r="S8325" i="5"/>
  <c r="S4293" i="5"/>
  <c r="S1048" i="5"/>
  <c r="S4544" i="5"/>
  <c r="S5742" i="5"/>
  <c r="S7961" i="5"/>
  <c r="S4595" i="5"/>
  <c r="S5944" i="5"/>
  <c r="S1578" i="5"/>
  <c r="S7476" i="5"/>
  <c r="S3117" i="5"/>
  <c r="S7504" i="5"/>
  <c r="S6473" i="5"/>
  <c r="S7600" i="5"/>
  <c r="S3446" i="5"/>
  <c r="S5814" i="5"/>
  <c r="S4301" i="5"/>
  <c r="S4993" i="5"/>
  <c r="S1088" i="5"/>
  <c r="S3040" i="5"/>
  <c r="S1542" i="5"/>
  <c r="S919" i="5"/>
  <c r="S1135" i="5"/>
  <c r="S711" i="5"/>
  <c r="S5167" i="5"/>
  <c r="S6650" i="5"/>
  <c r="S538" i="5"/>
  <c r="S4065" i="5"/>
  <c r="S4885" i="5"/>
  <c r="S6341" i="5"/>
  <c r="S3651" i="5"/>
  <c r="S443" i="5"/>
  <c r="S3093" i="5"/>
  <c r="S16" i="5"/>
  <c r="S8486" i="5"/>
  <c r="S3450" i="5"/>
  <c r="S3934" i="5"/>
  <c r="S6998" i="5"/>
  <c r="S8323" i="5"/>
  <c r="S4110" i="5"/>
  <c r="S3985" i="5"/>
  <c r="S2911" i="5"/>
  <c r="S1409" i="5"/>
  <c r="S4578" i="5"/>
  <c r="S7808" i="5"/>
  <c r="S5267" i="5"/>
  <c r="S3316" i="5"/>
  <c r="S1103" i="5"/>
  <c r="S3113" i="5"/>
  <c r="S1621" i="5"/>
  <c r="S5733" i="5"/>
  <c r="S3734" i="5"/>
  <c r="S1408" i="5"/>
  <c r="S932" i="5"/>
  <c r="S273" i="5"/>
  <c r="S1715" i="5"/>
  <c r="S5753" i="5"/>
  <c r="S8618" i="5"/>
  <c r="S5642" i="5"/>
  <c r="S4218" i="5"/>
  <c r="S4577" i="5"/>
  <c r="S901" i="5"/>
  <c r="S7154" i="5"/>
  <c r="S1215" i="5"/>
  <c r="S207" i="5"/>
  <c r="S2296" i="5"/>
  <c r="S6440" i="5"/>
  <c r="S6098" i="5"/>
  <c r="S1391" i="5"/>
  <c r="S3916" i="5"/>
  <c r="S188" i="5"/>
  <c r="S4556" i="5"/>
  <c r="S8013" i="5"/>
  <c r="S1291" i="5"/>
  <c r="S1044" i="5"/>
  <c r="S5962" i="5"/>
  <c r="S7274" i="5"/>
  <c r="S952" i="5"/>
  <c r="S4604" i="5"/>
  <c r="S2557" i="5"/>
  <c r="S557" i="5"/>
  <c r="S1629" i="5"/>
  <c r="S1609" i="5"/>
  <c r="S8443" i="5"/>
  <c r="S2538" i="5"/>
  <c r="S1769" i="5"/>
  <c r="S4913" i="5"/>
  <c r="S2409" i="5"/>
  <c r="S7093" i="5"/>
  <c r="S4752" i="5"/>
  <c r="S3088" i="5"/>
  <c r="S4088" i="5"/>
  <c r="S5157" i="5"/>
  <c r="S1456" i="5"/>
  <c r="S3933" i="5"/>
  <c r="S2772" i="5"/>
  <c r="S903" i="5"/>
  <c r="S1207" i="5"/>
  <c r="S7672" i="5"/>
  <c r="S852" i="5"/>
  <c r="S8148" i="5"/>
  <c r="S694" i="5"/>
  <c r="S4058" i="5"/>
  <c r="S4076" i="5"/>
  <c r="S3089" i="5"/>
  <c r="S3384" i="5"/>
  <c r="S587" i="5"/>
  <c r="S7611" i="5"/>
  <c r="S4793" i="5"/>
  <c r="S4988" i="5"/>
  <c r="S513" i="5"/>
  <c r="S265" i="5"/>
  <c r="S7570" i="5"/>
  <c r="S7248" i="5"/>
  <c r="S7644" i="5"/>
  <c r="S4292" i="5"/>
  <c r="S4996" i="5"/>
  <c r="S1939" i="5"/>
  <c r="S1192" i="5"/>
  <c r="S8188" i="5"/>
  <c r="S1419" i="5"/>
  <c r="S431" i="5"/>
  <c r="S1897" i="5"/>
  <c r="S3144" i="5"/>
  <c r="S1357" i="5"/>
  <c r="S6282" i="5"/>
  <c r="S8492" i="5"/>
  <c r="S7748" i="5"/>
  <c r="S5797" i="5"/>
  <c r="S4551" i="5"/>
  <c r="S3373" i="5"/>
  <c r="S6511" i="5"/>
  <c r="S6625" i="5"/>
  <c r="S4622" i="5"/>
  <c r="S1120" i="5"/>
  <c r="S3417" i="5"/>
  <c r="S8354" i="5"/>
  <c r="S6235" i="5"/>
  <c r="S1871" i="5"/>
  <c r="S4792" i="5"/>
  <c r="S8011" i="5"/>
  <c r="S5315" i="5"/>
  <c r="S1410" i="5"/>
  <c r="S900" i="5"/>
  <c r="S1924" i="5"/>
  <c r="S2983" i="5"/>
  <c r="S6652" i="5"/>
  <c r="S4775" i="5"/>
  <c r="S5771" i="5"/>
  <c r="S4420" i="5"/>
  <c r="S4114" i="5"/>
  <c r="S6146" i="5"/>
  <c r="S4473" i="5"/>
  <c r="S6278" i="5"/>
  <c r="S1272" i="5"/>
  <c r="S7629" i="5"/>
  <c r="S2755" i="5"/>
  <c r="S4908" i="5"/>
  <c r="S7799" i="5"/>
  <c r="S6743" i="5"/>
  <c r="S7498" i="5"/>
  <c r="S5929" i="5"/>
  <c r="S4264" i="5"/>
  <c r="S8465" i="5"/>
  <c r="S6300" i="5"/>
  <c r="S6766" i="5"/>
  <c r="S3561" i="5"/>
  <c r="S5794" i="5"/>
  <c r="S631" i="5"/>
  <c r="S1055" i="5"/>
  <c r="S1968" i="5"/>
  <c r="S2196" i="5"/>
  <c r="S3710" i="5"/>
  <c r="S4938" i="5"/>
  <c r="S2303" i="5"/>
  <c r="S5755" i="5"/>
  <c r="S5286" i="5"/>
  <c r="S4488" i="5"/>
  <c r="S4414" i="5"/>
  <c r="S4121" i="5"/>
  <c r="S3052" i="5"/>
  <c r="S578" i="5"/>
  <c r="S1117" i="5"/>
  <c r="S7817" i="5"/>
  <c r="S8693" i="5"/>
  <c r="S3313" i="5"/>
  <c r="S3455" i="5"/>
  <c r="S12" i="5"/>
  <c r="S1599" i="5"/>
  <c r="S3577" i="5"/>
  <c r="S5971" i="5"/>
  <c r="S3118" i="5"/>
  <c r="S5805" i="5"/>
  <c r="S3053" i="5"/>
  <c r="S4550" i="5"/>
  <c r="S867" i="5"/>
  <c r="S7510" i="5"/>
  <c r="S4733" i="5"/>
  <c r="S5939" i="5"/>
  <c r="S1099" i="5"/>
  <c r="S2055" i="5"/>
  <c r="S5597" i="5"/>
  <c r="S5304" i="5"/>
  <c r="S2362" i="5"/>
  <c r="S5092" i="5"/>
  <c r="S51" i="5"/>
  <c r="S4593" i="5"/>
  <c r="S1718" i="5"/>
  <c r="S6340" i="5"/>
  <c r="S5396" i="5"/>
  <c r="S6260" i="5"/>
  <c r="S1266" i="5"/>
  <c r="S2601" i="5"/>
  <c r="S769" i="5"/>
  <c r="S5764" i="5"/>
  <c r="S442" i="5"/>
  <c r="S4552" i="5"/>
  <c r="S928" i="5"/>
  <c r="S6136" i="5"/>
  <c r="S2435" i="5"/>
  <c r="S2767" i="5"/>
  <c r="S4658" i="5"/>
  <c r="S2475" i="5"/>
  <c r="S6974" i="5"/>
  <c r="S2597" i="5"/>
  <c r="S5927" i="5"/>
  <c r="S1454" i="5"/>
  <c r="S7115" i="5"/>
  <c r="S2101" i="5"/>
  <c r="S7344" i="5"/>
  <c r="S593" i="5"/>
  <c r="S5397" i="5"/>
  <c r="S2379" i="5"/>
  <c r="S3386" i="5"/>
  <c r="S7163" i="5"/>
  <c r="S44" i="5"/>
  <c r="S5968" i="5"/>
  <c r="S1941" i="5"/>
  <c r="S4909" i="5"/>
  <c r="S4213" i="5"/>
  <c r="S5555" i="5"/>
  <c r="S896" i="5"/>
  <c r="S6265" i="5"/>
  <c r="S5231" i="5"/>
  <c r="S7139" i="5"/>
  <c r="S6065" i="5"/>
  <c r="S1469" i="5"/>
  <c r="S7472" i="5"/>
  <c r="S4564" i="5"/>
  <c r="S1922" i="5"/>
  <c r="S1593" i="5"/>
  <c r="S6126" i="5"/>
  <c r="S4888" i="5"/>
  <c r="S5818" i="5"/>
  <c r="S1736" i="5"/>
  <c r="S4580" i="5"/>
  <c r="S60" i="5"/>
  <c r="S4656" i="5"/>
  <c r="S7656" i="5"/>
  <c r="S5494" i="5"/>
  <c r="S2238" i="5"/>
  <c r="S2614" i="5"/>
  <c r="S5780" i="5"/>
  <c r="S2274" i="5"/>
  <c r="S7574" i="5"/>
  <c r="S4572" i="5"/>
  <c r="S3795" i="5"/>
  <c r="S1888" i="5"/>
  <c r="S4646" i="5"/>
  <c r="S5653" i="5"/>
  <c r="S8682" i="5"/>
  <c r="S3766" i="5"/>
  <c r="S5941" i="5"/>
  <c r="S5119" i="5"/>
  <c r="S629" i="5"/>
  <c r="S4094" i="5"/>
  <c r="S3044" i="5"/>
  <c r="S5976" i="5"/>
  <c r="S6507" i="5"/>
  <c r="S2199" i="5"/>
  <c r="S257" i="5"/>
  <c r="S3779" i="5"/>
  <c r="S5762" i="5"/>
  <c r="S3301" i="5"/>
  <c r="S3255" i="5"/>
  <c r="S50" i="5"/>
  <c r="S1959" i="5"/>
  <c r="S5437" i="5"/>
  <c r="S2222" i="5"/>
  <c r="S707" i="5"/>
  <c r="S7451" i="5"/>
  <c r="S3426" i="5"/>
  <c r="S8466" i="5"/>
  <c r="S4141" i="5"/>
  <c r="S3643" i="5"/>
  <c r="S214" i="5"/>
  <c r="S4400" i="5"/>
  <c r="S5055" i="5"/>
  <c r="S4102" i="5"/>
  <c r="S1300" i="5"/>
  <c r="S4991" i="5"/>
  <c r="S351" i="5"/>
  <c r="S2925" i="5"/>
  <c r="S766" i="5"/>
  <c r="S720" i="5"/>
  <c r="S423" i="5"/>
  <c r="S392" i="5"/>
  <c r="S6239" i="5"/>
  <c r="S564" i="5"/>
  <c r="S4045" i="5"/>
  <c r="S3416" i="5"/>
  <c r="S1362" i="5"/>
  <c r="S5758" i="5"/>
  <c r="S7969" i="5"/>
  <c r="S7266" i="5"/>
  <c r="S4158" i="5"/>
  <c r="S1097" i="5"/>
  <c r="S5135" i="5"/>
  <c r="S8336" i="5"/>
  <c r="S121" i="5"/>
  <c r="S8091" i="5"/>
  <c r="S2907" i="5"/>
  <c r="S917" i="5"/>
  <c r="S2256" i="5"/>
  <c r="S7134" i="5"/>
  <c r="S5220" i="5"/>
  <c r="S6954" i="5"/>
  <c r="S1627" i="5"/>
  <c r="S5439" i="5"/>
  <c r="S2929" i="5"/>
  <c r="S2049" i="5"/>
  <c r="S3064" i="5"/>
  <c r="S287" i="5"/>
  <c r="S1031" i="5"/>
  <c r="S7470" i="5"/>
  <c r="S2116" i="5"/>
  <c r="S4746" i="5"/>
  <c r="S4802" i="5"/>
  <c r="S5258" i="5"/>
  <c r="S3032" i="5"/>
  <c r="S4217" i="5"/>
  <c r="S4234" i="5"/>
  <c r="S8297" i="5"/>
  <c r="S5151" i="5"/>
  <c r="S289" i="5"/>
  <c r="S2588" i="5"/>
  <c r="S6760" i="5"/>
  <c r="S1861" i="5"/>
  <c r="S8746" i="5"/>
  <c r="S6811" i="5"/>
  <c r="S2805" i="5"/>
  <c r="S8166" i="5"/>
  <c r="S723" i="5"/>
  <c r="S276" i="5"/>
  <c r="S4660" i="5"/>
  <c r="S3595" i="5"/>
  <c r="S6060" i="5"/>
  <c r="S7090" i="5"/>
  <c r="S776" i="5"/>
  <c r="S2806" i="5"/>
  <c r="S4321" i="5"/>
  <c r="S7511" i="5"/>
  <c r="S5647" i="5"/>
  <c r="S526" i="5"/>
  <c r="S862" i="5"/>
  <c r="S2870" i="5"/>
  <c r="S445" i="5"/>
  <c r="S1040" i="5"/>
  <c r="S6436" i="5"/>
  <c r="S228" i="5"/>
  <c r="S5394" i="5"/>
  <c r="S417" i="5"/>
  <c r="S6832" i="5"/>
  <c r="S4233" i="5"/>
  <c r="S3877" i="5"/>
  <c r="S7448" i="5"/>
  <c r="S7810" i="5"/>
  <c r="S8138" i="5"/>
  <c r="S3971" i="5"/>
  <c r="S791" i="5"/>
  <c r="S394" i="5"/>
  <c r="S4649" i="5"/>
  <c r="S6333" i="5"/>
  <c r="S4426" i="5"/>
  <c r="S4124" i="5"/>
  <c r="S7296" i="5"/>
  <c r="S8083" i="5"/>
  <c r="S2979" i="5"/>
  <c r="S1734" i="5"/>
  <c r="S6125" i="5"/>
  <c r="S4495" i="5"/>
  <c r="S6658" i="5"/>
  <c r="S7172" i="5"/>
  <c r="S5611" i="5"/>
  <c r="S3066" i="5"/>
  <c r="S553" i="5"/>
  <c r="S6991" i="5"/>
  <c r="S1429" i="5"/>
  <c r="S4263" i="5"/>
  <c r="S2780" i="5"/>
  <c r="S5307" i="5"/>
  <c r="S92" i="5"/>
  <c r="S2461" i="5"/>
  <c r="S622" i="5"/>
  <c r="S6765" i="5"/>
  <c r="S2955" i="5"/>
  <c r="S3435" i="5"/>
  <c r="S2425" i="5"/>
  <c r="S1217" i="5"/>
  <c r="S6767" i="5"/>
  <c r="S3979" i="5"/>
  <c r="S3244" i="5"/>
  <c r="S177" i="5"/>
  <c r="S4949" i="5"/>
  <c r="S892" i="5"/>
  <c r="S5328" i="5"/>
  <c r="S5661" i="5"/>
  <c r="S6266" i="5"/>
  <c r="S6913" i="5"/>
  <c r="S7637" i="5"/>
  <c r="S1199" i="5"/>
  <c r="S4961" i="5"/>
  <c r="S4302" i="5"/>
  <c r="S4989" i="5"/>
  <c r="S1252" i="5"/>
  <c r="S6655" i="5"/>
  <c r="S5654" i="5"/>
  <c r="S1455" i="5"/>
  <c r="S3927" i="5"/>
  <c r="S5811" i="5"/>
  <c r="S5924" i="5"/>
  <c r="S1354" i="5"/>
  <c r="S7113" i="5"/>
  <c r="S2460" i="5"/>
  <c r="S2363" i="5"/>
  <c r="S1555" i="5"/>
  <c r="S898" i="5"/>
  <c r="S923" i="5"/>
  <c r="S1725" i="5"/>
  <c r="S3645" i="5"/>
  <c r="S4714" i="5"/>
  <c r="S6451" i="5"/>
  <c r="S6596" i="5"/>
  <c r="S569" i="5"/>
  <c r="S2381" i="5"/>
  <c r="S869" i="5"/>
  <c r="S2615" i="5"/>
  <c r="S4428" i="5"/>
  <c r="S8103" i="5"/>
  <c r="S7577" i="5"/>
  <c r="S429" i="5"/>
  <c r="S5416" i="5"/>
  <c r="S8096" i="5"/>
  <c r="S7496" i="5"/>
  <c r="S887" i="5"/>
  <c r="S6618" i="5"/>
  <c r="S3576" i="5"/>
  <c r="S3107" i="5"/>
  <c r="S1239" i="5"/>
  <c r="S6622" i="5"/>
  <c r="S2927" i="5"/>
  <c r="S5072" i="5"/>
  <c r="S1212" i="5"/>
  <c r="S6273" i="5"/>
  <c r="S4881" i="5"/>
  <c r="S2098" i="5"/>
  <c r="S4741" i="5"/>
  <c r="S5457" i="5"/>
  <c r="S3090" i="5"/>
  <c r="S1967" i="5"/>
  <c r="S2942" i="5"/>
  <c r="S397" i="5"/>
  <c r="S876" i="5"/>
  <c r="S3563" i="5"/>
  <c r="S4801" i="5"/>
  <c r="S2744" i="5"/>
  <c r="S6602" i="5"/>
  <c r="S3721" i="5"/>
  <c r="S8107" i="5"/>
  <c r="S8302" i="5"/>
  <c r="S6308" i="5"/>
  <c r="S5305" i="5"/>
  <c r="S8597" i="5"/>
  <c r="S3880" i="5"/>
  <c r="S6277" i="5"/>
  <c r="S5246" i="5"/>
  <c r="S2748" i="5"/>
  <c r="S6950" i="5"/>
  <c r="S4555" i="5"/>
  <c r="S8762" i="5"/>
  <c r="S6131" i="5"/>
  <c r="S8667" i="5"/>
  <c r="S6929" i="5"/>
  <c r="S389" i="5"/>
  <c r="S6609" i="5"/>
  <c r="S3729" i="5"/>
  <c r="S687" i="5"/>
  <c r="S6151" i="5"/>
  <c r="S5482" i="5"/>
  <c r="S3969" i="5"/>
  <c r="S2427" i="5"/>
  <c r="S2724" i="5"/>
  <c r="S7812" i="5"/>
  <c r="S8675" i="5"/>
  <c r="S237" i="5"/>
  <c r="S7634" i="5"/>
  <c r="S5110" i="5"/>
  <c r="S4547" i="5"/>
  <c r="S2874" i="5"/>
  <c r="S7805" i="5"/>
  <c r="S2775" i="5"/>
  <c r="S3784" i="5"/>
  <c r="S891" i="5"/>
  <c r="S2740" i="5"/>
  <c r="S7773" i="5"/>
  <c r="S6075" i="5"/>
  <c r="S7180" i="5"/>
  <c r="S2132" i="5"/>
  <c r="S2044" i="5"/>
  <c r="S6906" i="5"/>
  <c r="S4253" i="5"/>
  <c r="S8513" i="5"/>
  <c r="S7908" i="5"/>
  <c r="S221" i="5"/>
  <c r="S4925" i="5"/>
  <c r="S2915" i="5"/>
  <c r="S5900" i="5"/>
  <c r="S7330" i="5"/>
  <c r="S7782" i="5"/>
  <c r="S8657" i="5"/>
  <c r="S1786" i="5"/>
  <c r="S8519" i="5"/>
  <c r="S7778" i="5"/>
  <c r="S4143" i="5"/>
  <c r="S5464" i="5"/>
  <c r="S5942" i="5"/>
  <c r="S3950" i="5"/>
  <c r="S7284" i="5"/>
  <c r="S110" i="5"/>
  <c r="S1770" i="5"/>
  <c r="S5903" i="5"/>
  <c r="S3212" i="5"/>
  <c r="S754" i="5"/>
  <c r="S4650" i="5"/>
  <c r="S2864" i="5"/>
  <c r="S4826" i="5"/>
  <c r="S5501" i="5"/>
  <c r="S3080" i="5"/>
  <c r="S7624" i="5"/>
  <c r="S8655" i="5"/>
  <c r="S2228" i="5"/>
  <c r="S4586" i="5"/>
  <c r="S4764" i="5"/>
  <c r="S4610" i="5"/>
  <c r="S4493" i="5"/>
  <c r="S5419" i="5"/>
  <c r="S3928" i="5"/>
  <c r="S4235" i="5"/>
  <c r="S258" i="5"/>
  <c r="S8476" i="5"/>
  <c r="S274" i="5"/>
  <c r="S6443" i="5"/>
  <c r="S5421" i="5"/>
  <c r="S3891" i="5"/>
  <c r="S6947" i="5"/>
  <c r="S1365" i="5"/>
  <c r="S7811" i="5"/>
  <c r="S7091" i="5"/>
  <c r="S6978" i="5"/>
  <c r="S3594" i="5"/>
  <c r="S6500" i="5"/>
  <c r="S3805" i="5"/>
  <c r="S4258" i="5"/>
  <c r="S3130" i="5"/>
  <c r="S3742" i="5"/>
  <c r="S2791" i="5"/>
  <c r="S729" i="5"/>
  <c r="S4115" i="5"/>
  <c r="S6626" i="5"/>
  <c r="S2128" i="5"/>
  <c r="S7654" i="5"/>
  <c r="S1865" i="5"/>
  <c r="S1263" i="5"/>
  <c r="S1021" i="5"/>
  <c r="S7119" i="5"/>
  <c r="S906" i="5"/>
  <c r="S597" i="5"/>
  <c r="S3315" i="5"/>
  <c r="S5503" i="5"/>
  <c r="S8649" i="5"/>
  <c r="S6491" i="5"/>
  <c r="S5752" i="5"/>
  <c r="S4479" i="5"/>
  <c r="S5951" i="5"/>
  <c r="S5803" i="5"/>
  <c r="S7494" i="5"/>
  <c r="S1468" i="5"/>
  <c r="S3708" i="5"/>
  <c r="S1726" i="5"/>
  <c r="S123" i="5"/>
  <c r="S4457" i="5"/>
  <c r="S4105" i="5"/>
  <c r="S8636" i="5"/>
  <c r="S4614" i="5"/>
  <c r="S7167" i="5"/>
  <c r="S8144" i="5"/>
  <c r="S5947" i="5"/>
  <c r="S6449" i="5"/>
  <c r="S8176" i="5"/>
  <c r="S7334" i="5"/>
  <c r="S7819" i="5"/>
  <c r="S2235" i="5"/>
  <c r="S912" i="5"/>
  <c r="S415" i="5"/>
  <c r="S2965" i="5"/>
  <c r="S1721" i="5"/>
  <c r="S6272" i="5"/>
  <c r="S3725" i="5"/>
  <c r="S7569" i="5"/>
  <c r="S1918" i="5"/>
  <c r="S5144" i="5"/>
  <c r="S5792" i="5"/>
  <c r="S3554" i="5"/>
  <c r="S8147" i="5"/>
  <c r="S4585" i="5"/>
  <c r="S8304" i="5"/>
  <c r="S8581" i="5"/>
  <c r="S4954" i="5"/>
  <c r="S4303" i="5"/>
  <c r="S4983" i="5"/>
  <c r="S1947" i="5"/>
  <c r="S3422" i="5"/>
  <c r="S8314" i="5"/>
  <c r="S4926" i="5"/>
  <c r="S940" i="5"/>
  <c r="S6314" i="5"/>
  <c r="S5333" i="5"/>
  <c r="S7619" i="5"/>
  <c r="S7997" i="5"/>
  <c r="S102" i="5"/>
  <c r="S7444" i="5"/>
  <c r="S6109" i="5"/>
  <c r="S7755" i="5"/>
  <c r="S877" i="5"/>
  <c r="S3589" i="5"/>
  <c r="S1355" i="5"/>
  <c r="S6793" i="5"/>
  <c r="S8619" i="5"/>
  <c r="S7641" i="5"/>
  <c r="S205" i="5"/>
  <c r="S744" i="5"/>
  <c r="S7489" i="5"/>
  <c r="S8747" i="5"/>
  <c r="S4291" i="5"/>
  <c r="S1056" i="5"/>
  <c r="S7950" i="5"/>
  <c r="S388" i="5"/>
  <c r="S8072" i="5"/>
  <c r="S3380" i="5"/>
  <c r="S4397" i="5"/>
  <c r="S8296" i="5"/>
  <c r="S585" i="5"/>
  <c r="S6309" i="5"/>
  <c r="S7630" i="5"/>
  <c r="S5101" i="5"/>
  <c r="S7745" i="5"/>
  <c r="S2231" i="5"/>
  <c r="S958" i="5"/>
  <c r="S6729" i="5"/>
  <c r="S2454" i="5"/>
  <c r="S6144" i="5"/>
  <c r="S6474" i="5"/>
  <c r="S2136" i="5"/>
  <c r="S5954" i="5"/>
  <c r="S5817" i="5"/>
  <c r="S1773" i="5"/>
  <c r="S3371" i="5"/>
  <c r="S187" i="5"/>
  <c r="S2437" i="5"/>
  <c r="S7845" i="5"/>
  <c r="S6764" i="5"/>
  <c r="S2031" i="5"/>
  <c r="S5476" i="5"/>
  <c r="S3124" i="5"/>
  <c r="S3390" i="5"/>
  <c r="S7065" i="5"/>
  <c r="S909" i="5"/>
  <c r="S2718" i="5"/>
  <c r="S3439" i="5"/>
  <c r="S8356" i="5"/>
  <c r="S6071" i="5"/>
  <c r="S3807" i="5"/>
  <c r="S5799" i="5"/>
  <c r="S2225" i="5"/>
  <c r="S8448" i="5"/>
  <c r="S1115" i="5"/>
  <c r="S1724" i="5"/>
  <c r="S6227" i="5"/>
  <c r="S3973" i="5"/>
  <c r="S4127" i="5"/>
  <c r="S4129" i="5"/>
  <c r="S1576" i="5"/>
  <c r="S4984" i="5"/>
  <c r="S3206" i="5"/>
  <c r="S1745" i="5"/>
  <c r="S787" i="5"/>
  <c r="S7761" i="5"/>
  <c r="S5835" i="5"/>
  <c r="S904" i="5"/>
  <c r="S2582" i="5"/>
  <c r="S8418" i="5"/>
  <c r="S3883" i="5"/>
  <c r="S2035" i="5"/>
  <c r="S1260" i="5"/>
  <c r="S3106" i="5"/>
  <c r="S937" i="5"/>
  <c r="S771" i="5"/>
  <c r="S2113" i="5"/>
  <c r="S7142" i="5"/>
  <c r="S2590" i="5"/>
  <c r="S3297" i="5"/>
  <c r="S8491" i="5"/>
  <c r="S6973" i="5"/>
  <c r="S5899" i="5"/>
  <c r="S420" i="5"/>
  <c r="S4266" i="5"/>
  <c r="S6660" i="5"/>
  <c r="S6329" i="5"/>
  <c r="S8643" i="5"/>
  <c r="S612" i="5"/>
  <c r="S1292" i="5"/>
  <c r="S8593" i="5"/>
  <c r="S893" i="5"/>
  <c r="S6417" i="5"/>
  <c r="S3226" i="5"/>
  <c r="S7254" i="5"/>
  <c r="S5732" i="5"/>
  <c r="S2218" i="5"/>
  <c r="S1767" i="5"/>
  <c r="S2803" i="5"/>
  <c r="S7586" i="5"/>
  <c r="S2066" i="5"/>
  <c r="S5562" i="5"/>
  <c r="S7411" i="5"/>
  <c r="S3298" i="5"/>
  <c r="S6803" i="5"/>
  <c r="S3776" i="5"/>
  <c r="S1268" i="5"/>
  <c r="S3648" i="5"/>
  <c r="S5153" i="5"/>
  <c r="S24" i="5"/>
  <c r="S2757" i="5"/>
  <c r="S3747" i="5"/>
  <c r="S956" i="5"/>
  <c r="S5984" i="5"/>
  <c r="S525" i="5"/>
  <c r="S4063" i="5"/>
  <c r="S6395" i="5"/>
  <c r="S97" i="5"/>
  <c r="S1020" i="5"/>
  <c r="S7946" i="5"/>
  <c r="S2897" i="5"/>
  <c r="S412" i="5"/>
  <c r="S8342" i="5"/>
  <c r="S5074" i="5"/>
  <c r="S3646" i="5"/>
  <c r="S1574" i="5"/>
  <c r="S1104" i="5"/>
  <c r="S7939" i="5"/>
  <c r="S1208" i="5"/>
  <c r="S6286" i="5"/>
  <c r="S6564" i="5"/>
  <c r="S6910" i="5"/>
  <c r="S7911" i="5"/>
  <c r="S4751" i="5"/>
  <c r="S721" i="5"/>
  <c r="S424" i="5"/>
  <c r="S2701" i="5"/>
  <c r="S5237" i="5"/>
  <c r="S3037" i="5"/>
  <c r="S2909" i="5"/>
  <c r="S1891" i="5"/>
  <c r="S7826" i="5"/>
  <c r="S7960" i="5"/>
  <c r="S8253" i="5"/>
  <c r="S3413" i="5"/>
  <c r="S5097" i="5"/>
  <c r="S2086" i="5"/>
  <c r="S3820" i="5"/>
  <c r="S3896" i="5"/>
  <c r="S7428" i="5"/>
  <c r="S1969" i="5"/>
  <c r="S6475" i="5"/>
  <c r="S7351" i="5"/>
  <c r="S3713" i="5"/>
  <c r="S752" i="5"/>
  <c r="S4043" i="5"/>
  <c r="S5150" i="5"/>
  <c r="S294" i="5"/>
  <c r="S6669" i="5"/>
  <c r="S1107" i="5"/>
  <c r="S8525" i="5"/>
  <c r="S2704" i="5"/>
  <c r="S5076" i="5"/>
  <c r="S7772" i="5"/>
  <c r="S8246" i="5"/>
  <c r="S244" i="5"/>
  <c r="S7269" i="5"/>
  <c r="S1444" i="5"/>
  <c r="S8484" i="5"/>
  <c r="S7117" i="5"/>
  <c r="S7327" i="5"/>
  <c r="S927" i="5"/>
  <c r="S7456" i="5"/>
  <c r="S3593" i="5"/>
  <c r="S2143" i="5"/>
  <c r="S2036" i="5"/>
  <c r="S4790" i="5"/>
  <c r="S5053" i="5"/>
  <c r="S2759" i="5"/>
  <c r="S1921" i="5"/>
  <c r="S284" i="5"/>
  <c r="S8431" i="5"/>
  <c r="S6302" i="5"/>
  <c r="S3874" i="5"/>
  <c r="S4745" i="5"/>
  <c r="S5997" i="5"/>
  <c r="S1521" i="5"/>
  <c r="S4242" i="5"/>
  <c r="S730" i="5"/>
  <c r="S6926" i="5"/>
  <c r="S7291" i="5"/>
  <c r="S8430" i="5"/>
  <c r="S7105" i="5"/>
  <c r="S4136" i="5"/>
  <c r="S1467" i="5"/>
  <c r="S5128" i="5"/>
  <c r="S2119" i="5"/>
  <c r="S3403" i="5"/>
  <c r="S1448" i="5"/>
  <c r="S8093" i="5"/>
  <c r="S1633" i="5"/>
  <c r="S2285" i="5"/>
  <c r="S3647" i="5"/>
  <c r="S3279" i="5"/>
  <c r="S516" i="5"/>
  <c r="S7783" i="5"/>
  <c r="S6258" i="5"/>
  <c r="S5114" i="5"/>
  <c r="S6427" i="5"/>
  <c r="S1567" i="5"/>
  <c r="S4096" i="5"/>
  <c r="S3035" i="5"/>
  <c r="S7809" i="5"/>
  <c r="S698" i="5"/>
  <c r="S8241" i="5"/>
  <c r="S871" i="5"/>
  <c r="S7820" i="5"/>
  <c r="S5288" i="5"/>
  <c r="S7414" i="5"/>
  <c r="S216" i="5"/>
  <c r="S2077" i="5"/>
  <c r="S1379" i="5"/>
  <c r="S3905" i="5"/>
  <c r="S4152" i="5"/>
  <c r="S8483" i="5"/>
  <c r="S5319" i="5"/>
  <c r="S4251" i="5"/>
  <c r="S6234" i="5"/>
  <c r="S2276" i="5"/>
  <c r="S3749" i="5"/>
  <c r="S908" i="5"/>
  <c r="S7508" i="5"/>
  <c r="S1209" i="5"/>
  <c r="S6261" i="5"/>
  <c r="S740" i="5"/>
  <c r="S1972" i="5"/>
  <c r="S8688" i="5"/>
  <c r="S195" i="5"/>
  <c r="S8507" i="5"/>
  <c r="S3781" i="5"/>
  <c r="S1886" i="5"/>
  <c r="S5389" i="5"/>
  <c r="S1076" i="5"/>
  <c r="S1439" i="5"/>
  <c r="S8020" i="5"/>
  <c r="S7336" i="5"/>
  <c r="S770" i="5"/>
  <c r="S8164" i="5"/>
  <c r="S713" i="5"/>
  <c r="S58" i="5"/>
  <c r="S3601" i="5"/>
  <c r="S7760" i="5"/>
  <c r="S2402" i="5"/>
  <c r="S1032" i="5"/>
  <c r="S43" i="5"/>
  <c r="S8007" i="5"/>
  <c r="S4958" i="5"/>
  <c r="S8421" i="5"/>
  <c r="S3712" i="5"/>
  <c r="S5568" i="5"/>
  <c r="S4257" i="5"/>
  <c r="S7766" i="5"/>
  <c r="S6989" i="5"/>
  <c r="S7126" i="5"/>
  <c r="S8666" i="5"/>
  <c r="S1585" i="5"/>
  <c r="S4092" i="5"/>
  <c r="S7794" i="5"/>
  <c r="S4943" i="5"/>
  <c r="S753" i="5"/>
  <c r="S48" i="5"/>
  <c r="S8012" i="5"/>
  <c r="S4391" i="5"/>
  <c r="S1616" i="5"/>
  <c r="S7788" i="5"/>
  <c r="S5910" i="5"/>
  <c r="S408" i="5"/>
  <c r="S8640" i="5"/>
  <c r="S3486" i="5"/>
  <c r="S5222" i="5"/>
  <c r="S6423" i="5"/>
  <c r="S5585" i="5"/>
  <c r="S1597" i="5"/>
  <c r="S45" i="5"/>
  <c r="S4973" i="5"/>
  <c r="S3980" i="5"/>
  <c r="S6598" i="5"/>
  <c r="S1118" i="5"/>
  <c r="S5891" i="5"/>
  <c r="S1752" i="5"/>
  <c r="S6579" i="5"/>
  <c r="S2112" i="5"/>
  <c r="S3624" i="5"/>
  <c r="S1200" i="5"/>
  <c r="S7004" i="5"/>
  <c r="S1775" i="5"/>
  <c r="S2796" i="5"/>
  <c r="S690" i="5"/>
  <c r="S4055" i="5"/>
  <c r="S2300" i="5"/>
  <c r="S7926" i="5"/>
  <c r="S1608" i="5"/>
  <c r="S5760" i="5"/>
  <c r="S3456" i="5"/>
  <c r="S7853" i="5"/>
  <c r="S4747" i="5"/>
  <c r="S5671" i="5"/>
  <c r="S7240" i="5"/>
  <c r="S3410" i="5"/>
  <c r="S3288" i="5"/>
  <c r="S2544" i="5"/>
  <c r="S4068" i="5"/>
  <c r="S3448" i="5"/>
  <c r="S8626" i="5"/>
  <c r="S7067" i="5"/>
  <c r="S6771" i="5"/>
  <c r="S2696" i="5"/>
  <c r="S8460" i="5"/>
  <c r="S5468" i="5"/>
  <c r="S8" i="5"/>
  <c r="S33" i="5"/>
  <c r="S3940" i="5"/>
  <c r="S8016" i="5"/>
  <c r="S7945" i="5"/>
  <c r="S5312" i="5"/>
  <c r="S1369" i="5"/>
  <c r="S5446" i="5"/>
  <c r="S4449" i="5"/>
  <c r="S6736" i="5"/>
  <c r="S4945" i="5"/>
  <c r="S7673" i="5"/>
  <c r="S4609" i="5"/>
  <c r="S1548" i="5"/>
  <c r="S3935" i="5"/>
  <c r="S1063" i="5"/>
  <c r="S2138" i="5"/>
  <c r="S5143" i="5"/>
  <c r="S963" i="5"/>
  <c r="S778" i="5"/>
  <c r="S3220" i="5"/>
  <c r="S6422" i="5"/>
  <c r="S765" i="5"/>
  <c r="S1126" i="5"/>
  <c r="S4048" i="5"/>
  <c r="S3598" i="5"/>
  <c r="S5662" i="5"/>
  <c r="S2117" i="5"/>
  <c r="S4738" i="5"/>
  <c r="S3081" i="5"/>
  <c r="S3818" i="5"/>
  <c r="S1288" i="5"/>
  <c r="S4994" i="5"/>
  <c r="S2891" i="5"/>
  <c r="S848" i="5"/>
  <c r="S6242" i="5"/>
  <c r="S2061" i="5"/>
  <c r="S5575" i="5"/>
  <c r="S7601" i="5"/>
  <c r="S1203" i="5"/>
  <c r="S1966" i="5"/>
  <c r="S4911" i="5"/>
  <c r="S2051" i="5"/>
  <c r="S5569" i="5"/>
  <c r="S7852" i="5"/>
  <c r="S2552" i="5"/>
  <c r="S454" i="5"/>
  <c r="S2754" i="5"/>
  <c r="S6103" i="5"/>
  <c r="S3814" i="5"/>
  <c r="S3245" i="5"/>
  <c r="S369" i="5"/>
  <c r="S7331" i="5"/>
  <c r="S2793" i="5"/>
  <c r="S6819" i="5"/>
  <c r="S1803" i="5"/>
  <c r="S1733" i="5"/>
  <c r="S515" i="5"/>
  <c r="S3391" i="5"/>
  <c r="S2633" i="5"/>
  <c r="S4220" i="5"/>
  <c r="S5589" i="5"/>
  <c r="S5164" i="5"/>
  <c r="S6246" i="5"/>
  <c r="S8250" i="5"/>
  <c r="S6248" i="5"/>
  <c r="S7609" i="5"/>
  <c r="S1265" i="5"/>
  <c r="S6461" i="5"/>
  <c r="S5420" i="5"/>
  <c r="S734" i="5"/>
  <c r="S7011" i="5"/>
  <c r="S2953" i="5"/>
  <c r="S8099" i="5"/>
  <c r="S198" i="5"/>
  <c r="S7141" i="5"/>
  <c r="S2881" i="5"/>
  <c r="S4216" i="5"/>
  <c r="S4589" i="5"/>
  <c r="S5726" i="5"/>
  <c r="S799" i="5"/>
  <c r="S4766" i="5"/>
  <c r="S4159" i="5"/>
  <c r="S8270" i="5"/>
  <c r="S5782" i="5"/>
  <c r="S3105" i="5"/>
  <c r="S2438" i="5"/>
  <c r="S1198" i="5"/>
  <c r="S8750" i="5"/>
  <c r="S7447" i="5"/>
  <c r="S2637" i="5"/>
  <c r="S6503" i="5"/>
  <c r="S782" i="5"/>
  <c r="S7585" i="5"/>
  <c r="S3974" i="5"/>
  <c r="S1764" i="5"/>
  <c r="S6741" i="5"/>
  <c r="S7345" i="5"/>
  <c r="S2972" i="5"/>
  <c r="S6241" i="5"/>
  <c r="S7995" i="5"/>
  <c r="S250" i="5"/>
  <c r="S4441" i="5"/>
  <c r="S864" i="5"/>
  <c r="S2912" i="5"/>
  <c r="S2576" i="5"/>
  <c r="S2885" i="5"/>
  <c r="S5993" i="5"/>
  <c r="S47" i="5"/>
  <c r="S252" i="5"/>
  <c r="S897" i="5"/>
  <c r="S1565" i="5"/>
  <c r="S4491" i="5"/>
  <c r="S3269" i="5"/>
  <c r="S6230" i="5"/>
  <c r="S8596" i="5"/>
  <c r="S1747" i="5"/>
  <c r="S6139" i="5"/>
  <c r="S1716" i="5"/>
  <c r="S1352" i="5"/>
  <c r="S7236" i="5"/>
  <c r="S7263" i="5"/>
  <c r="S8758" i="5"/>
  <c r="S794" i="5"/>
  <c r="S5565" i="5"/>
  <c r="S8113" i="5"/>
  <c r="S580" i="5"/>
  <c r="S2629" i="5"/>
  <c r="S1777" i="5"/>
  <c r="S2288" i="5"/>
  <c r="S4326" i="5"/>
  <c r="S1607" i="5"/>
  <c r="S2876" i="5"/>
  <c r="S544" i="5"/>
  <c r="S4269" i="5"/>
  <c r="S117" i="5"/>
  <c r="S5272" i="5"/>
  <c r="S4809" i="5"/>
  <c r="S7169" i="5"/>
  <c r="S3253" i="5"/>
  <c r="S2029" i="5"/>
  <c r="S1858" i="5"/>
  <c r="S3907" i="5"/>
  <c r="S7443" i="5"/>
  <c r="S517" i="5"/>
  <c r="S8441" i="5"/>
  <c r="S6745" i="5"/>
  <c r="S6421" i="5"/>
  <c r="S2301" i="5"/>
  <c r="S2982" i="5"/>
  <c r="S4657" i="5"/>
  <c r="S2726" i="5"/>
  <c r="S3878" i="5"/>
  <c r="S3921" i="5"/>
  <c r="S6092" i="5"/>
  <c r="S7951" i="5"/>
  <c r="S1970" i="5"/>
  <c r="S7593" i="5"/>
  <c r="S7942" i="5"/>
  <c r="S6172" i="5"/>
  <c r="S2932" i="5"/>
  <c r="S4626" i="5"/>
  <c r="S5892" i="5"/>
  <c r="S4487" i="5"/>
  <c r="S537" i="5"/>
  <c r="S8257" i="5"/>
  <c r="S6465" i="5"/>
  <c r="S2465" i="5"/>
  <c r="S1866" i="5"/>
  <c r="S6909" i="5"/>
  <c r="S3115" i="5"/>
  <c r="S2790" i="5"/>
  <c r="S6497" i="5"/>
  <c r="S549" i="5"/>
  <c r="S6408" i="5"/>
  <c r="S5298" i="5"/>
  <c r="S8584" i="5"/>
  <c r="S5603" i="5"/>
  <c r="S220" i="5"/>
  <c r="S2081" i="5"/>
  <c r="S5051" i="5"/>
  <c r="S1692" i="5"/>
  <c r="S5134" i="5"/>
  <c r="S1781" i="5"/>
  <c r="S5907" i="5"/>
  <c r="S7452" i="5"/>
  <c r="S8588" i="5"/>
  <c r="S5276" i="5"/>
  <c r="S96" i="5"/>
  <c r="S7647" i="5"/>
  <c r="S3077" i="5"/>
  <c r="S5250" i="5"/>
  <c r="S4417" i="5"/>
  <c r="S4548" i="5"/>
  <c r="S8326" i="5"/>
  <c r="S4090" i="5"/>
  <c r="S1284" i="5"/>
  <c r="S4990" i="5"/>
  <c r="S2535" i="5"/>
  <c r="S8167" i="5"/>
  <c r="S4774" i="5"/>
  <c r="S4750" i="5"/>
  <c r="S8601" i="5"/>
  <c r="S3201" i="5"/>
  <c r="S2811" i="5"/>
  <c r="S1133" i="5"/>
  <c r="S5094" i="5"/>
  <c r="S6123" i="5"/>
  <c r="S8249" i="5"/>
  <c r="S8763" i="5"/>
  <c r="S1936" i="5"/>
  <c r="S6505" i="5"/>
  <c r="S688" i="5"/>
  <c r="S1906" i="5"/>
  <c r="S2716" i="5"/>
  <c r="S5659" i="5"/>
  <c r="S8022" i="5"/>
  <c r="S5964" i="5"/>
  <c r="S2068" i="5"/>
  <c r="S427" i="5"/>
  <c r="S8291" i="5"/>
  <c r="S6132" i="5"/>
  <c r="S4277" i="5"/>
  <c r="S6825" i="5"/>
  <c r="S4066" i="5"/>
  <c r="S2133" i="5"/>
  <c r="S2372" i="5"/>
  <c r="S32" i="5"/>
  <c r="S3937" i="5"/>
  <c r="S7754" i="5"/>
  <c r="S4238" i="5"/>
  <c r="S8295" i="5"/>
  <c r="S4322" i="5"/>
  <c r="S604" i="5"/>
  <c r="S6824" i="5"/>
  <c r="S4070" i="5"/>
  <c r="S7410" i="5"/>
  <c r="S6173" i="5"/>
  <c r="S8493" i="5"/>
  <c r="S4546" i="5"/>
  <c r="S915" i="5"/>
  <c r="S8355" i="5"/>
  <c r="S1530" i="5"/>
  <c r="S4325" i="5"/>
  <c r="S7515" i="5"/>
  <c r="S5959" i="5"/>
  <c r="S5978" i="5"/>
  <c r="S7073" i="5"/>
  <c r="S3292" i="5"/>
  <c r="S3302" i="5"/>
  <c r="S4224" i="5"/>
  <c r="S582" i="5"/>
  <c r="S4977" i="5"/>
  <c r="S4261" i="5"/>
  <c r="S947" i="5"/>
  <c r="S2202" i="5"/>
  <c r="S8497" i="5"/>
  <c r="S437" i="5"/>
  <c r="S398" i="5"/>
  <c r="S552" i="5"/>
  <c r="S2246" i="5"/>
  <c r="S5790" i="5"/>
  <c r="S777" i="5"/>
  <c r="S1134" i="5"/>
  <c r="S7519" i="5"/>
  <c r="S6133" i="5"/>
  <c r="S3960" i="5"/>
  <c r="S7846" i="5"/>
  <c r="S7160" i="5"/>
  <c r="S3777" i="5"/>
  <c r="S2109" i="5"/>
  <c r="S5386" i="5"/>
  <c r="S1693" i="5"/>
  <c r="S6424" i="5"/>
  <c r="S5580" i="5"/>
  <c r="S7457" i="5"/>
  <c r="S2706" i="5"/>
  <c r="S3635" i="5"/>
  <c r="S1571" i="5"/>
  <c r="S2624" i="5"/>
  <c r="S7568" i="5"/>
  <c r="S8637" i="5"/>
  <c r="S1712" i="5"/>
  <c r="S1018" i="5"/>
  <c r="S6936" i="5"/>
  <c r="S1951" i="5"/>
  <c r="S5400" i="5"/>
  <c r="S4613" i="5"/>
  <c r="S7461" i="5"/>
  <c r="S8416" i="5"/>
  <c r="S3888" i="5"/>
  <c r="S5615" i="5"/>
  <c r="S8140" i="5"/>
  <c r="S2307" i="5"/>
  <c r="S1917" i="5"/>
  <c r="S5058" i="5"/>
  <c r="S2284" i="5"/>
  <c r="S433" i="5"/>
  <c r="S7626" i="5"/>
  <c r="S7932" i="5"/>
  <c r="S2545" i="5"/>
  <c r="S1594" i="5"/>
  <c r="S1440" i="5"/>
  <c r="S271" i="5"/>
  <c r="S6093" i="5"/>
  <c r="S2271" i="5"/>
  <c r="S7241" i="5"/>
  <c r="S7847" i="5"/>
  <c r="S4631" i="5"/>
  <c r="S1744" i="5"/>
  <c r="S62" i="5"/>
  <c r="S881" i="5"/>
  <c r="S3639" i="5"/>
  <c r="S8095" i="5"/>
  <c r="S3957" i="5"/>
  <c r="S3087" i="5"/>
  <c r="S7798" i="5"/>
  <c r="S1520" i="5"/>
  <c r="S2444" i="5"/>
  <c r="S8160" i="5"/>
  <c r="S124" i="5"/>
  <c r="S5418" i="5"/>
  <c r="S5056" i="5"/>
  <c r="S2956" i="5"/>
  <c r="S849" i="5"/>
  <c r="S7576" i="5"/>
  <c r="S69" i="5"/>
  <c r="S7459" i="5"/>
  <c r="S5297" i="5"/>
  <c r="S4553" i="5"/>
  <c r="S2641" i="5"/>
  <c r="S5725" i="5"/>
  <c r="S789" i="5"/>
  <c r="S2070" i="5"/>
  <c r="S8337" i="5"/>
  <c r="S2879" i="5"/>
  <c r="S8412" i="5"/>
  <c r="S5669" i="5"/>
  <c r="S5404" i="5"/>
  <c r="S2122" i="5"/>
  <c r="S1255" i="5"/>
  <c r="S1774" i="5"/>
  <c r="S719" i="5"/>
  <c r="S8423" i="5"/>
  <c r="S4713" i="5"/>
  <c r="S209" i="5"/>
  <c r="S3942" i="5"/>
  <c r="S7002" i="5"/>
  <c r="S5827" i="5"/>
  <c r="S3705" i="5"/>
  <c r="S7235" i="5"/>
  <c r="S8595" i="5"/>
  <c r="S7943" i="5"/>
  <c r="S3114" i="5"/>
  <c r="S2406" i="5"/>
  <c r="S3559" i="5"/>
  <c r="S1407" i="5"/>
  <c r="S3402" i="5"/>
  <c r="S6923" i="5"/>
  <c r="S6162" i="5"/>
  <c r="S1402" i="5"/>
  <c r="S4584" i="5"/>
  <c r="S3607" i="5"/>
  <c r="S6902" i="5"/>
  <c r="S1632" i="5"/>
  <c r="S6250" i="5"/>
  <c r="S2809" i="5"/>
  <c r="S1919" i="5"/>
  <c r="S7579" i="5"/>
  <c r="S5271" i="5"/>
  <c r="S1070" i="5"/>
  <c r="S5321" i="5"/>
  <c r="S2371" i="5"/>
  <c r="S6898" i="5"/>
  <c r="S3370" i="5"/>
  <c r="S1699" i="5"/>
  <c r="S7337" i="5"/>
  <c r="S2455" i="5"/>
  <c r="S1293" i="5"/>
  <c r="S3050" i="5"/>
  <c r="S6624" i="5"/>
  <c r="S253" i="5"/>
  <c r="S5079" i="5"/>
  <c r="S4767" i="5"/>
  <c r="S7967" i="5"/>
  <c r="S4819" i="5"/>
  <c r="S3611" i="5"/>
  <c r="S6164" i="5"/>
  <c r="S1234" i="5"/>
  <c r="S708" i="5"/>
  <c r="S4581" i="5"/>
  <c r="S120" i="5"/>
  <c r="S6324" i="5"/>
  <c r="S4957" i="5"/>
  <c r="S1251" i="5"/>
  <c r="S4574" i="5"/>
  <c r="S6399" i="5"/>
  <c r="S7232" i="5"/>
  <c r="S6666" i="5"/>
  <c r="S1561" i="5"/>
  <c r="S2568" i="5"/>
  <c r="S8605" i="5"/>
  <c r="S1584" i="5"/>
  <c r="S2269" i="5"/>
  <c r="S5257" i="5"/>
  <c r="S7488" i="5"/>
  <c r="S8092" i="5"/>
  <c r="S3586" i="5"/>
  <c r="S756" i="5"/>
  <c r="S6305" i="5"/>
  <c r="S3655" i="5"/>
  <c r="S31" i="5"/>
  <c r="S5638" i="5"/>
  <c r="S4309" i="5"/>
  <c r="S2647" i="5"/>
  <c r="S5141" i="5"/>
  <c r="S797" i="5"/>
  <c r="S5158" i="5"/>
  <c r="S4265" i="5"/>
  <c r="S1220" i="5"/>
  <c r="S7292" i="5"/>
  <c r="S2104" i="5"/>
  <c r="S5889" i="5"/>
  <c r="S4576" i="5"/>
  <c r="S76" i="5"/>
  <c r="S555" i="5"/>
  <c r="S5646" i="5"/>
  <c r="S1973" i="5"/>
  <c r="S3879" i="5"/>
  <c r="S8590" i="5"/>
  <c r="S7671" i="5"/>
  <c r="S4138" i="5"/>
  <c r="S3616" i="5"/>
  <c r="S7933" i="5"/>
  <c r="S5124" i="5"/>
  <c r="S4209" i="5"/>
  <c r="S5938" i="5"/>
  <c r="S6604" i="5"/>
  <c r="S7924" i="5"/>
  <c r="S4654" i="5"/>
  <c r="S6085" i="5"/>
  <c r="S1892" i="5"/>
  <c r="S3469" i="5"/>
  <c r="S6328" i="5"/>
  <c r="S570" i="5"/>
  <c r="S64" i="5"/>
  <c r="S6673" i="5"/>
  <c r="S5260" i="5"/>
  <c r="S1187" i="5"/>
  <c r="S4300" i="5"/>
  <c r="S2464" i="5"/>
  <c r="S2375" i="5"/>
  <c r="S1079" i="5"/>
  <c r="S5146" i="5"/>
  <c r="S5630" i="5"/>
  <c r="S4912" i="5"/>
  <c r="S5823" i="5"/>
  <c r="S2052" i="5"/>
  <c r="S6101" i="5"/>
  <c r="S2295" i="5"/>
  <c r="S922" i="5"/>
  <c r="S4894" i="5"/>
  <c r="S2560" i="5"/>
  <c r="S7663" i="5"/>
  <c r="S6454" i="5"/>
  <c r="S6080" i="5"/>
  <c r="S1930" i="5"/>
  <c r="S581" i="5"/>
  <c r="S6238" i="5"/>
  <c r="S7958" i="5"/>
  <c r="S4814" i="5"/>
  <c r="S6657" i="5"/>
  <c r="S6787" i="5"/>
  <c r="S2787" i="5"/>
  <c r="S3101" i="5"/>
  <c r="S2758" i="5"/>
  <c r="S1453" i="5"/>
  <c r="S7657" i="5"/>
  <c r="S2027" i="5"/>
  <c r="S8660" i="5"/>
  <c r="S7622" i="5"/>
  <c r="S959" i="5"/>
  <c r="S790" i="5"/>
  <c r="S3630" i="5"/>
  <c r="S8670" i="5"/>
  <c r="S1896" i="5"/>
  <c r="S1601" i="5"/>
  <c r="S3102" i="5"/>
  <c r="S6956" i="5"/>
  <c r="S8003" i="5"/>
  <c r="S7159" i="5"/>
  <c r="S293" i="5"/>
  <c r="S1722" i="5"/>
  <c r="S540" i="5"/>
  <c r="S5284" i="5"/>
  <c r="S7273" i="5"/>
  <c r="S7610" i="5"/>
  <c r="S1194" i="5"/>
  <c r="S4098" i="5"/>
  <c r="S3104" i="5"/>
  <c r="S6584" i="5"/>
  <c r="S6160" i="5"/>
  <c r="S359" i="5"/>
  <c r="S2918" i="5"/>
  <c r="S7919" i="5"/>
  <c r="S6121" i="5"/>
  <c r="S5490" i="5"/>
  <c r="S22" i="5"/>
  <c r="S8322" i="5"/>
  <c r="S4601" i="5"/>
  <c r="S905" i="5"/>
  <c r="S693" i="5"/>
  <c r="S2297" i="5"/>
  <c r="S8478" i="5"/>
  <c r="S5219" i="5"/>
  <c r="S5602" i="5"/>
  <c r="S6907" i="5"/>
  <c r="S1256" i="5"/>
  <c r="S1398" i="5"/>
  <c r="S4106" i="5"/>
  <c r="S1257" i="5"/>
  <c r="S4215" i="5"/>
  <c r="S6420" i="5"/>
  <c r="S2436" i="5"/>
  <c r="S4490" i="5"/>
  <c r="S4443" i="5"/>
  <c r="S5105" i="5"/>
  <c r="S617" i="5"/>
  <c r="S7440" i="5"/>
  <c r="S2270" i="5"/>
  <c r="S2546" i="5"/>
  <c r="S402" i="5"/>
  <c r="S5915" i="5"/>
  <c r="S6078" i="5"/>
  <c r="S7661" i="5"/>
  <c r="S8648" i="5"/>
  <c r="S1931" i="5"/>
  <c r="S7286" i="5"/>
  <c r="S3762" i="5"/>
  <c r="S5990" i="5"/>
  <c r="S6432" i="5"/>
  <c r="S563" i="5"/>
  <c r="S225" i="5"/>
  <c r="S1596" i="5"/>
  <c r="S6129" i="5"/>
  <c r="S1723" i="5"/>
  <c r="S6833" i="5"/>
  <c r="S8251" i="5"/>
  <c r="S7279" i="5"/>
  <c r="S5218" i="5"/>
  <c r="S36" i="5"/>
  <c r="S3901" i="5"/>
  <c r="S4968" i="5"/>
  <c r="S2549" i="5"/>
  <c r="S1753" i="5"/>
  <c r="S1116" i="5"/>
  <c r="S7582" i="5"/>
  <c r="S8659" i="5"/>
  <c r="S1704" i="5"/>
  <c r="S1636" i="5"/>
  <c r="S5909" i="5"/>
  <c r="S4659" i="5"/>
  <c r="S2884" i="5"/>
  <c r="S6057" i="5"/>
  <c r="S7971" i="5"/>
  <c r="S8261" i="5"/>
  <c r="S4602" i="5"/>
  <c r="S7743" i="5"/>
  <c r="S618" i="5"/>
  <c r="S5839" i="5"/>
  <c r="S4471" i="5"/>
  <c r="S7464" i="5"/>
  <c r="S8269" i="5"/>
  <c r="S6115" i="5"/>
  <c r="S6560" i="5"/>
  <c r="S2293" i="5"/>
  <c r="S926" i="5"/>
  <c r="S2923" i="5"/>
  <c r="S4246" i="5"/>
  <c r="S6466" i="5"/>
  <c r="S6335" i="5"/>
  <c r="S5930" i="5"/>
  <c r="S8646" i="5"/>
  <c r="S3271" i="5"/>
  <c r="S6810" i="5"/>
  <c r="S2595" i="5"/>
  <c r="S1729" i="5"/>
  <c r="S3296" i="5"/>
  <c r="S3256" i="5"/>
  <c r="S3408" i="5"/>
  <c r="S6152" i="5"/>
  <c r="S182" i="5"/>
  <c r="S4459" i="5"/>
  <c r="S7146" i="5"/>
  <c r="S4243" i="5"/>
  <c r="S1911" i="5"/>
  <c r="S4611" i="5"/>
  <c r="S7835" i="5"/>
  <c r="S1863" i="5"/>
  <c r="S1083" i="5"/>
  <c r="S5985" i="5"/>
  <c r="S528" i="5"/>
  <c r="S1691" i="5"/>
  <c r="S8427" i="5"/>
  <c r="S4071" i="5"/>
  <c r="S2384" i="5"/>
  <c r="S3573" i="5"/>
  <c r="S4721" i="5"/>
  <c r="S186" i="5"/>
  <c r="S4458" i="5"/>
  <c r="S2447" i="5"/>
  <c r="S2871" i="5"/>
  <c r="S6068" i="5"/>
  <c r="S4131" i="5"/>
  <c r="S63" i="5"/>
  <c r="S1880" i="5"/>
  <c r="S3136" i="5"/>
  <c r="S1363" i="5"/>
  <c r="S4892" i="5"/>
  <c r="S2135" i="5"/>
  <c r="S2555" i="5"/>
  <c r="S5888" i="5"/>
  <c r="S775" i="5"/>
  <c r="S8350" i="5"/>
  <c r="S2115" i="5"/>
  <c r="S1219" i="5"/>
  <c r="S2604" i="5"/>
  <c r="S8658" i="5"/>
  <c r="S5645" i="5"/>
  <c r="S3972" i="5"/>
  <c r="S3219" i="5"/>
  <c r="S6343" i="5"/>
  <c r="S3267" i="5"/>
  <c r="S4419" i="5"/>
  <c r="S1302" i="5"/>
  <c r="S1058" i="5"/>
  <c r="S6804" i="5"/>
  <c r="S234" i="5"/>
  <c r="S6792" i="5"/>
  <c r="S2564" i="5"/>
  <c r="S6899" i="5"/>
  <c r="S1269" i="5"/>
  <c r="S21" i="5"/>
  <c r="S7339" i="5"/>
  <c r="S6431" i="5"/>
  <c r="S8307" i="5"/>
  <c r="S5159" i="5"/>
  <c r="S3592" i="5"/>
  <c r="S2721" i="5"/>
  <c r="S3412" i="5"/>
  <c r="S3580" i="5"/>
  <c r="S6096" i="5"/>
  <c r="S7006" i="5"/>
  <c r="S1046" i="5"/>
  <c r="S1944" i="5"/>
  <c r="S6418" i="5"/>
  <c r="S5595" i="5"/>
  <c r="S4308" i="5"/>
  <c r="S4112" i="5"/>
  <c r="S8266" i="5"/>
  <c r="S1638" i="5"/>
  <c r="S355" i="5"/>
  <c r="S7463" i="5"/>
  <c r="S1887" i="5"/>
  <c r="S5934" i="5"/>
  <c r="S6116" i="5"/>
  <c r="S6911" i="5"/>
  <c r="S6460" i="5"/>
  <c r="S345" i="5"/>
  <c r="S7922" i="5"/>
  <c r="S6646" i="5"/>
  <c r="S6270" i="5"/>
  <c r="S2380" i="5"/>
  <c r="S3536" i="5"/>
  <c r="S8745" i="5"/>
  <c r="S868" i="5"/>
  <c r="S7329" i="5"/>
  <c r="S8506" i="5"/>
  <c r="S7824" i="5"/>
  <c r="S8694" i="5"/>
  <c r="S4893" i="5"/>
  <c r="S7111" i="5"/>
  <c r="S6570" i="5"/>
  <c r="S5240" i="5"/>
  <c r="S610" i="5"/>
  <c r="S3243" i="5"/>
  <c r="S1945" i="5"/>
  <c r="S8580" i="5"/>
  <c r="S1233" i="5"/>
  <c r="S859" i="5"/>
  <c r="S2195" i="5"/>
  <c r="S2302" i="5"/>
  <c r="S404" i="5"/>
  <c r="S2711" i="5"/>
  <c r="S3145" i="5"/>
  <c r="S3584" i="5"/>
  <c r="S4777" i="5"/>
  <c r="S7765" i="5"/>
  <c r="S2123" i="5"/>
  <c r="S4729" i="5"/>
  <c r="S8268" i="5"/>
  <c r="S2636" i="5"/>
  <c r="S4828" i="5"/>
  <c r="S6676" i="5"/>
  <c r="S7424" i="5"/>
  <c r="S2058" i="5"/>
  <c r="S5552" i="5"/>
  <c r="S7305" i="5"/>
  <c r="S8162" i="5"/>
  <c r="S2089" i="5"/>
  <c r="S3487" i="5"/>
  <c r="S7309" i="5"/>
  <c r="S682" i="5"/>
  <c r="S2720" i="5"/>
  <c r="S4271" i="5"/>
  <c r="S5287" i="5"/>
  <c r="S1077" i="5"/>
  <c r="S374" i="5"/>
  <c r="S6946" i="5"/>
  <c r="S6419" i="5"/>
  <c r="S5582" i="5"/>
  <c r="S3306" i="5"/>
  <c r="S6607" i="5"/>
  <c r="S1204" i="5"/>
  <c r="S2766" i="5"/>
  <c r="S3920" i="5"/>
  <c r="S6588" i="5"/>
  <c r="S5554" i="5"/>
  <c r="S2627" i="5"/>
  <c r="S1708" i="5"/>
  <c r="S5121" i="5"/>
  <c r="S3207" i="5"/>
  <c r="S4056" i="5"/>
  <c r="S3947" i="5"/>
  <c r="S7737" i="5"/>
  <c r="S4436" i="5"/>
  <c r="S1799" i="5"/>
  <c r="S6091" i="5"/>
  <c r="S8174" i="5"/>
  <c r="S914" i="5"/>
  <c r="S8756" i="5"/>
  <c r="S7591" i="5"/>
  <c r="S2773" i="5"/>
  <c r="S1874" i="5"/>
  <c r="S4545" i="5"/>
  <c r="S8752" i="5"/>
  <c r="S7429" i="5"/>
  <c r="S3233" i="5"/>
  <c r="S6228" i="5"/>
  <c r="S2457" i="5"/>
  <c r="S2287" i="5"/>
  <c r="S907" i="5"/>
  <c r="S8641" i="5"/>
  <c r="S100" i="5"/>
  <c r="S3076" i="5"/>
  <c r="S3931" i="5"/>
  <c r="S5626" i="5"/>
  <c r="S5447" i="5"/>
  <c r="S1414" i="5"/>
  <c r="S1908" i="5"/>
  <c r="S3317" i="5"/>
  <c r="S6262" i="5"/>
  <c r="S6985" i="5"/>
  <c r="S1438" i="5"/>
  <c r="S2411" i="5"/>
  <c r="S4765" i="5"/>
  <c r="S4621" i="5"/>
  <c r="S4769" i="5"/>
  <c r="S7095" i="5"/>
  <c r="S6456" i="5"/>
  <c r="S624" i="5"/>
  <c r="S1301" i="5"/>
  <c r="S8308" i="5"/>
  <c r="S8133" i="5"/>
  <c r="S4395" i="5"/>
  <c r="S1789" i="5"/>
  <c r="S2529" i="5"/>
  <c r="S5556" i="5"/>
  <c r="S4051" i="5"/>
  <c r="S2699" i="5"/>
  <c r="S3137" i="5"/>
  <c r="S6067" i="5"/>
  <c r="S6755" i="5"/>
  <c r="S7014" i="5"/>
  <c r="S4940" i="5"/>
  <c r="S943" i="5"/>
  <c r="S5275" i="5"/>
  <c r="S4816" i="5"/>
  <c r="S4485" i="5"/>
  <c r="S2040" i="5"/>
  <c r="S6455" i="5"/>
  <c r="S5637" i="5"/>
  <c r="S7445" i="5"/>
  <c r="S5325" i="5"/>
  <c r="S6056" i="5"/>
  <c r="S2265" i="5"/>
  <c r="S6612" i="5"/>
  <c r="S1620" i="5"/>
  <c r="S8451" i="5"/>
  <c r="S1784" i="5"/>
  <c r="S7906" i="5"/>
  <c r="S5415" i="5"/>
  <c r="S6616" i="5"/>
  <c r="S7341" i="5"/>
  <c r="S262" i="5"/>
  <c r="S2028" i="5"/>
  <c r="S1913" i="5"/>
  <c r="S4319" i="5"/>
  <c r="S245" i="5"/>
  <c r="S2626" i="5"/>
  <c r="S6746" i="5"/>
  <c r="S1128" i="5"/>
  <c r="S6459" i="5"/>
  <c r="S7917" i="5"/>
  <c r="S1387" i="5"/>
  <c r="S4494" i="5"/>
  <c r="S1100" i="5"/>
  <c r="S5895" i="5"/>
  <c r="S566" i="5"/>
  <c r="S7676" i="5"/>
  <c r="S7662" i="5"/>
  <c r="S8264" i="5"/>
  <c r="S190" i="5"/>
  <c r="S8447" i="5"/>
  <c r="S8651" i="5"/>
  <c r="S3794" i="5"/>
  <c r="S4135" i="5"/>
  <c r="S3045" i="5"/>
  <c r="S2978" i="5"/>
  <c r="S7913" i="5"/>
  <c r="S5292" i="5"/>
  <c r="S8275" i="5"/>
  <c r="S5624" i="5"/>
  <c r="S4979" i="5"/>
  <c r="S2739" i="5"/>
  <c r="S4776" i="5"/>
  <c r="S875" i="5"/>
  <c r="S7573" i="5"/>
  <c r="S4041" i="5"/>
  <c r="S7639" i="5"/>
  <c r="S4450" i="5"/>
  <c r="S126" i="5"/>
  <c r="S8577" i="5"/>
  <c r="S3063" i="5"/>
  <c r="S880" i="5"/>
  <c r="S6095" i="5"/>
  <c r="S5625" i="5"/>
  <c r="S3982" i="5"/>
  <c r="S589" i="5"/>
  <c r="S7998" i="5"/>
  <c r="S95" i="5"/>
  <c r="S3990" i="5"/>
  <c r="S6748" i="5"/>
  <c r="S764" i="5"/>
  <c r="S7684" i="5"/>
  <c r="S3407" i="5"/>
  <c r="S8621" i="5"/>
  <c r="S4561" i="5"/>
  <c r="S1108" i="5"/>
  <c r="S4232" i="5"/>
  <c r="S419" i="5"/>
  <c r="S406" i="5"/>
  <c r="S1575" i="5"/>
  <c r="S7938" i="5"/>
  <c r="S1709" i="5"/>
  <c r="S3737" i="5"/>
  <c r="S3546" i="5"/>
  <c r="S1358" i="5"/>
  <c r="S8500" i="5"/>
  <c r="S7584" i="5"/>
  <c r="S4582" i="5"/>
  <c r="S5937" i="5"/>
  <c r="S184" i="5"/>
  <c r="S3782" i="5"/>
  <c r="S3963" i="5"/>
  <c r="S2250" i="5"/>
  <c r="S6816" i="5"/>
  <c r="S1782" i="5"/>
  <c r="S3790" i="5"/>
  <c r="S1615" i="5"/>
  <c r="S3254" i="5"/>
  <c r="S5235" i="5"/>
  <c r="S5475" i="5"/>
  <c r="S1378" i="5"/>
  <c r="S1050" i="5"/>
  <c r="S1110" i="5"/>
  <c r="S3202" i="5"/>
  <c r="S1741" i="5"/>
  <c r="S2802" i="5"/>
  <c r="S4249" i="5"/>
  <c r="S7658" i="5"/>
  <c r="S5609" i="5"/>
  <c r="S3062" i="5"/>
  <c r="S6462" i="5"/>
  <c r="S5102" i="5"/>
  <c r="S4791" i="5"/>
  <c r="S4227" i="5"/>
  <c r="S7310" i="5"/>
  <c r="S910" i="5"/>
  <c r="S929" i="5"/>
  <c r="S5145" i="5"/>
  <c r="S2471" i="5"/>
  <c r="S4434" i="5"/>
  <c r="S5793" i="5"/>
  <c r="S3727" i="5"/>
  <c r="S19" i="5"/>
  <c r="S4296" i="5"/>
  <c r="S6992" i="5"/>
  <c r="S6738" i="5"/>
  <c r="S7318" i="5"/>
  <c r="S8462" i="5"/>
  <c r="S1227" i="5"/>
  <c r="S3539" i="5"/>
  <c r="S3282" i="5"/>
  <c r="S3230" i="5"/>
  <c r="S8090" i="5"/>
  <c r="S920" i="5"/>
  <c r="S4448" i="5"/>
  <c r="S3437" i="5"/>
  <c r="S5612" i="5"/>
  <c r="S3067" i="5"/>
  <c r="S8010" i="5"/>
  <c r="S7418" i="5"/>
  <c r="S7628" i="5"/>
  <c r="S3929" i="5"/>
  <c r="S4652" i="5"/>
  <c r="S4748" i="5"/>
  <c r="S7795" i="5"/>
  <c r="S411" i="5"/>
  <c r="S8487" i="5"/>
  <c r="S762" i="5"/>
  <c r="S5498" i="5"/>
  <c r="S4433" i="5"/>
  <c r="S747" i="5"/>
  <c r="S263" i="5"/>
  <c r="S5931" i="5"/>
  <c r="S2403" i="5"/>
  <c r="S6471" i="5"/>
  <c r="S2561" i="5"/>
  <c r="S8285" i="5"/>
  <c r="S2074" i="5"/>
  <c r="S751" i="5"/>
  <c r="S7929" i="5"/>
  <c r="S1958" i="5"/>
  <c r="S4212" i="5"/>
  <c r="S2541" i="5"/>
  <c r="S1739" i="5"/>
  <c r="S7104" i="5"/>
  <c r="S2800" i="5"/>
  <c r="S763" i="5"/>
  <c r="S6311" i="5"/>
  <c r="S8599" i="5"/>
  <c r="S4880" i="5"/>
  <c r="S8671" i="5"/>
  <c r="S3984" i="5"/>
  <c r="S6846" i="5"/>
  <c r="S4155" i="5"/>
  <c r="S4466" i="5"/>
  <c r="S259" i="5"/>
  <c r="S1740" i="5"/>
  <c r="S4728" i="5"/>
  <c r="S8280" i="5"/>
  <c r="S49" i="5"/>
  <c r="S5813" i="5"/>
  <c r="S514" i="5"/>
  <c r="S6165" i="5"/>
  <c r="S8171" i="5"/>
  <c r="S3704" i="5"/>
  <c r="S558" i="5"/>
  <c r="S4080" i="5"/>
  <c r="S4139" i="5"/>
  <c r="S1068" i="5"/>
  <c r="S2619" i="5"/>
  <c r="S4804" i="5"/>
  <c r="S5409" i="5"/>
  <c r="S7467" i="5"/>
  <c r="S5923" i="5"/>
  <c r="S6120" i="5"/>
  <c r="S3763" i="5"/>
  <c r="S7616" i="5"/>
  <c r="S1446" i="5"/>
  <c r="S3801" i="5"/>
  <c r="S7438" i="5"/>
  <c r="S3033" i="5"/>
  <c r="S8182" i="5"/>
  <c r="S2203" i="5"/>
  <c r="S2540" i="5"/>
  <c r="S5584" i="5"/>
  <c r="S7927" i="5"/>
  <c r="S2426" i="5"/>
  <c r="S6635" i="5"/>
  <c r="S6826" i="5"/>
  <c r="S6077" i="5"/>
  <c r="S4822" i="5"/>
  <c r="S4475" i="5"/>
  <c r="S3248" i="5"/>
  <c r="S7166" i="5"/>
  <c r="S702" i="5"/>
  <c r="S6843" i="5"/>
  <c r="S5502" i="5"/>
  <c r="S455" i="5"/>
  <c r="S52" i="5"/>
  <c r="S3454" i="5"/>
  <c r="S4952" i="5"/>
  <c r="S1964" i="5"/>
  <c r="S1948" i="5"/>
  <c r="S5904" i="5"/>
  <c r="S2792" i="5"/>
  <c r="S4062" i="5"/>
  <c r="S3303" i="5"/>
  <c r="S8615" i="5"/>
  <c r="S5462" i="5"/>
  <c r="S6458" i="5"/>
  <c r="S4130" i="5"/>
  <c r="S6966" i="5"/>
  <c r="S3285" i="5"/>
  <c r="S3372" i="5"/>
  <c r="S5723" i="5"/>
  <c r="S5581" i="5"/>
  <c r="S430" i="5"/>
  <c r="S8410" i="5"/>
  <c r="S6840" i="5"/>
  <c r="S4477" i="5"/>
  <c r="S6263" i="5"/>
  <c r="S1195" i="5"/>
  <c r="S5779" i="5"/>
  <c r="S7118" i="5"/>
  <c r="S1589" i="5"/>
  <c r="S3983" i="5"/>
  <c r="S1425" i="5"/>
  <c r="S1698" i="5"/>
  <c r="S8183" i="5"/>
  <c r="S2933" i="5"/>
  <c r="S3217" i="5"/>
  <c r="S1416" i="5"/>
  <c r="S2814" i="5"/>
  <c r="S5577" i="5"/>
  <c r="S4252" i="5"/>
  <c r="S1881" i="5"/>
  <c r="S3151" i="5"/>
  <c r="S7986" i="5"/>
  <c r="S4084" i="5"/>
  <c r="S240" i="5"/>
  <c r="S3261" i="5"/>
  <c r="S5229" i="5"/>
  <c r="S1299" i="5"/>
  <c r="S5974" i="5"/>
  <c r="S1214" i="5"/>
  <c r="S6158" i="5"/>
  <c r="S870" i="5"/>
  <c r="S7340" i="5"/>
  <c r="S7304" i="5"/>
  <c r="S2969" i="5"/>
  <c r="S7182" i="5"/>
  <c r="S1975" i="5"/>
  <c r="S6506" i="5"/>
  <c r="S2941" i="5"/>
  <c r="S1802" i="5"/>
  <c r="S6754" i="5"/>
  <c r="S3932" i="5"/>
  <c r="S8021" i="5"/>
  <c r="S8454" i="5"/>
  <c r="S6737" i="5"/>
  <c r="S5592" i="5"/>
  <c r="S2076" i="5"/>
  <c r="S2769" i="5"/>
  <c r="S5399" i="5"/>
  <c r="S6917" i="5"/>
  <c r="S1279" i="5"/>
  <c r="S6949" i="5"/>
  <c r="S280" i="5"/>
  <c r="S1560" i="5"/>
  <c r="S6779" i="5"/>
  <c r="S2478" i="5"/>
  <c r="S2611" i="5"/>
  <c r="S6084" i="5"/>
  <c r="S7300" i="5"/>
  <c r="S3041" i="5"/>
  <c r="S1710" i="5"/>
  <c r="S4388" i="5"/>
  <c r="S3816" i="5"/>
  <c r="S2369" i="5"/>
  <c r="S3108" i="5"/>
  <c r="S4615" i="5"/>
  <c r="S945" i="5"/>
  <c r="S3605" i="5"/>
  <c r="S8679" i="5"/>
  <c r="S2742" i="5"/>
  <c r="S5917" i="5"/>
  <c r="S7238" i="5"/>
  <c r="S2241" i="5"/>
  <c r="S6647" i="5"/>
  <c r="S2299" i="5"/>
  <c r="S3780" i="5"/>
  <c r="S2430" i="5"/>
  <c r="S5087" i="5"/>
  <c r="S8638" i="5"/>
  <c r="S3757" i="5"/>
  <c r="S4430" i="5"/>
  <c r="S6982" i="5"/>
  <c r="S1024" i="5"/>
  <c r="S1396" i="5"/>
  <c r="S3919" i="5"/>
  <c r="S3294" i="5"/>
  <c r="S1095" i="5"/>
  <c r="S7074" i="5"/>
  <c r="S4635" i="5"/>
  <c r="S1915" i="5"/>
  <c r="S6225" i="5"/>
  <c r="S6675" i="5"/>
  <c r="S7179" i="5"/>
  <c r="S1860" i="5"/>
  <c r="S2087" i="5"/>
  <c r="S6925" i="5"/>
  <c r="S5735" i="5"/>
  <c r="S7590" i="5"/>
  <c r="S2422" i="5"/>
  <c r="S8672" i="5"/>
  <c r="S3875" i="5"/>
  <c r="S6788" i="5"/>
  <c r="S7651" i="5"/>
  <c r="S5608" i="5"/>
  <c r="S8128" i="5"/>
  <c r="S4789" i="5"/>
  <c r="S5295" i="5"/>
  <c r="S6583" i="5"/>
  <c r="S3562" i="5"/>
  <c r="S5466" i="5"/>
  <c r="S1297" i="5"/>
  <c r="S8186" i="5"/>
  <c r="S796" i="5"/>
  <c r="S2795" i="5"/>
  <c r="S4061" i="5"/>
  <c r="S5148" i="5"/>
  <c r="S7247" i="5"/>
  <c r="S3953" i="5"/>
  <c r="S7173" i="5"/>
  <c r="S7631" i="5"/>
  <c r="S3910" i="5"/>
  <c r="S3131" i="5"/>
  <c r="S1735" i="5"/>
  <c r="S6106" i="5"/>
  <c r="S227" i="5"/>
  <c r="S1862" i="5"/>
  <c r="S6914" i="5"/>
  <c r="S5243" i="5"/>
  <c r="S6086" i="5"/>
  <c r="S6927" i="5"/>
  <c r="S614" i="5"/>
  <c r="S8744" i="5"/>
  <c r="S7937" i="5"/>
  <c r="S1248" i="5"/>
  <c r="S1637" i="5"/>
  <c r="S795" i="5"/>
  <c r="S1743" i="5"/>
  <c r="S2808" i="5"/>
  <c r="S8616" i="5"/>
  <c r="S1857" i="5"/>
  <c r="S4995" i="5"/>
  <c r="S5323" i="5"/>
  <c r="S3419" i="5"/>
  <c r="S6802" i="5"/>
  <c r="S7321" i="5"/>
  <c r="S2434" i="5"/>
  <c r="S4248" i="5"/>
  <c r="S7665" i="5"/>
  <c r="S8677" i="5"/>
  <c r="S7955" i="5"/>
  <c r="S6487" i="5"/>
  <c r="S3930" i="5"/>
  <c r="S7084" i="5"/>
  <c r="S2065" i="5"/>
  <c r="S2446" i="5"/>
  <c r="S279" i="5"/>
  <c r="S3946" i="5"/>
  <c r="S8252" i="5"/>
  <c r="S1226" i="5"/>
  <c r="S2073" i="5"/>
  <c r="S3924" i="5"/>
  <c r="S5801" i="5"/>
  <c r="S4107" i="5"/>
  <c r="S6585" i="5"/>
  <c r="S1702" i="5"/>
  <c r="S4452" i="5"/>
  <c r="S7786" i="5"/>
  <c r="S1794" i="5"/>
  <c r="S256" i="5"/>
  <c r="S5392" i="5"/>
  <c r="S8134" i="5"/>
  <c r="S6448" i="5"/>
  <c r="S8755" i="5"/>
  <c r="S4111" i="5"/>
  <c r="S6166" i="5"/>
  <c r="S4314" i="5"/>
  <c r="S2977" i="5"/>
  <c r="S4597" i="5"/>
  <c r="S5994" i="5"/>
  <c r="S731" i="5"/>
  <c r="S4133" i="5"/>
  <c r="S5804" i="5"/>
  <c r="S7427" i="5"/>
  <c r="S3238" i="5"/>
  <c r="S1093" i="5"/>
  <c r="S7435" i="5"/>
  <c r="S2904" i="5"/>
  <c r="S703" i="5"/>
  <c r="S422" i="5"/>
  <c r="S3411" i="5"/>
  <c r="S6568" i="5"/>
  <c r="S2751" i="5"/>
  <c r="S5980" i="5"/>
  <c r="S8288" i="5"/>
  <c r="S5161" i="5"/>
  <c r="S1604" i="5"/>
  <c r="S115" i="5"/>
  <c r="S6406" i="5"/>
  <c r="S3572" i="5"/>
  <c r="S1631" i="5"/>
  <c r="S4451" i="5"/>
  <c r="S6928" i="5"/>
  <c r="S3728" i="5"/>
  <c r="S961" i="5"/>
  <c r="S4210" i="5"/>
  <c r="S3767" i="5"/>
  <c r="S1271" i="5"/>
  <c r="S4380" i="5"/>
  <c r="S962" i="5"/>
  <c r="S93" i="5"/>
  <c r="S3637" i="5"/>
  <c r="S8122" i="5"/>
  <c r="S1016" i="5"/>
  <c r="S5263" i="5"/>
  <c r="S5452" i="5"/>
  <c r="S951" i="5"/>
  <c r="S8477" i="5"/>
  <c r="S4637" i="5"/>
  <c r="S5557" i="5"/>
  <c r="S1404" i="5"/>
  <c r="S7505" i="5"/>
  <c r="S6288" i="5"/>
  <c r="S1081" i="5"/>
  <c r="S2603" i="5"/>
  <c r="S2268" i="5"/>
  <c r="S292" i="5"/>
  <c r="S7089" i="5"/>
  <c r="S6580" i="5"/>
  <c r="S5112" i="5"/>
  <c r="S5791" i="5"/>
  <c r="S1105" i="5"/>
  <c r="S2938" i="5"/>
  <c r="S2917" i="5"/>
  <c r="S8516" i="5"/>
  <c r="S4887" i="5"/>
  <c r="S3270" i="5"/>
  <c r="S6996" i="5"/>
  <c r="S1287" i="5"/>
  <c r="S5834" i="5"/>
  <c r="S689" i="5"/>
  <c r="S1910" i="5"/>
  <c r="S8627" i="5"/>
  <c r="S7237" i="5"/>
  <c r="S7176" i="5"/>
  <c r="S2565" i="5"/>
  <c r="S4429" i="5"/>
  <c r="S3451" i="5"/>
  <c r="S3987" i="5"/>
  <c r="S5935" i="5"/>
  <c r="S6627" i="5"/>
  <c r="S1622" i="5"/>
  <c r="S8469" i="5"/>
  <c r="S7989" i="5"/>
  <c r="S6124" i="5"/>
  <c r="S4423" i="5"/>
  <c r="S6597" i="5"/>
  <c r="S1211" i="5"/>
  <c r="S457" i="5"/>
  <c r="S1275" i="5"/>
  <c r="S1761" i="5"/>
  <c r="S2882" i="5"/>
  <c r="S554" i="5"/>
  <c r="S6442" i="5"/>
  <c r="S5255" i="5"/>
  <c r="S1184" i="5"/>
  <c r="S7008" i="5"/>
  <c r="S28" i="5"/>
  <c r="S6955" i="5"/>
  <c r="S4744" i="5"/>
  <c r="S8089" i="5"/>
  <c r="S5133" i="5"/>
  <c r="S7413" i="5"/>
  <c r="S5467" i="5"/>
  <c r="S35" i="5"/>
  <c r="S2042" i="5"/>
  <c r="S3822" i="5"/>
  <c r="S7480" i="5"/>
  <c r="S8333" i="5"/>
  <c r="S3235" i="5"/>
  <c r="S5335" i="5"/>
  <c r="S2210" i="5"/>
  <c r="S4566" i="5"/>
  <c r="S6601" i="5"/>
  <c r="S3222" i="5"/>
  <c r="S6981" i="5"/>
  <c r="S283" i="5"/>
  <c r="S520" i="5"/>
  <c r="S3735" i="5"/>
  <c r="S4208" i="5"/>
  <c r="S2063" i="5"/>
  <c r="S2433" i="5"/>
  <c r="S7581" i="5"/>
  <c r="S8346" i="5"/>
  <c r="S5648" i="5"/>
  <c r="S7843" i="5"/>
  <c r="S3623" i="5"/>
  <c r="S2247" i="5"/>
  <c r="S1039" i="5"/>
  <c r="S5100" i="5"/>
  <c r="S5631" i="5"/>
  <c r="S7012" i="5"/>
  <c r="S2216" i="5"/>
  <c r="S267" i="5"/>
  <c r="S8521" i="5"/>
  <c r="S7509" i="5"/>
  <c r="S2980" i="5"/>
  <c r="S6134" i="5"/>
  <c r="S3945" i="5"/>
  <c r="S4600" i="5"/>
  <c r="S6659" i="5"/>
  <c r="S7171" i="5"/>
  <c r="S6267" i="5"/>
  <c r="S3619" i="5"/>
  <c r="S2072" i="5"/>
  <c r="S4418" i="5"/>
  <c r="S8315" i="5"/>
  <c r="S3038" i="5"/>
  <c r="S189" i="5"/>
  <c r="S2214" i="5"/>
  <c r="S888" i="5"/>
  <c r="S8341" i="5"/>
  <c r="S8408" i="5"/>
  <c r="S2743" i="5"/>
  <c r="S6828" i="5"/>
  <c r="S5655" i="5"/>
  <c r="S3876" i="5"/>
  <c r="S5221" i="5"/>
  <c r="S7598" i="5"/>
  <c r="S2607" i="5"/>
  <c r="S2763" i="5"/>
  <c r="S5775" i="5"/>
  <c r="S6921" i="5"/>
  <c r="S7426" i="5"/>
  <c r="S3242" i="5"/>
  <c r="S5620" i="5"/>
  <c r="S7757" i="5"/>
  <c r="S2528" i="5"/>
  <c r="S5558" i="5"/>
  <c r="S4934" i="5"/>
  <c r="S1130" i="5"/>
  <c r="S685" i="5"/>
  <c r="S942" i="5"/>
  <c r="S7455" i="5"/>
  <c r="S1717" i="5"/>
  <c r="S8631" i="5"/>
  <c r="S6415" i="5"/>
  <c r="S7251" i="5"/>
  <c r="S6274" i="5"/>
  <c r="S5225" i="5"/>
  <c r="S4134" i="5"/>
  <c r="S4558" i="5"/>
  <c r="S8324" i="5"/>
  <c r="S1285" i="5"/>
  <c r="S5970" i="5"/>
  <c r="S4284" i="5"/>
  <c r="S2646" i="5"/>
  <c r="S2267" i="5"/>
  <c r="S4916" i="5"/>
  <c r="S2227" i="5"/>
  <c r="S955" i="5"/>
  <c r="S4619" i="5"/>
  <c r="S6742" i="5"/>
  <c r="S268" i="5"/>
  <c r="S2804" i="5"/>
  <c r="S7151" i="5"/>
  <c r="S396" i="5"/>
  <c r="S7518" i="5"/>
  <c r="S4895" i="5"/>
  <c r="S6679" i="5"/>
  <c r="S2365" i="5"/>
  <c r="S1875" i="5"/>
  <c r="S26" i="5"/>
  <c r="S6590" i="5"/>
  <c r="S8080" i="5"/>
  <c r="S8446" i="5"/>
  <c r="S2926" i="5"/>
  <c r="S2768" i="5"/>
  <c r="S3221" i="5"/>
  <c r="S2812" i="5"/>
  <c r="S3793" i="5"/>
  <c r="S3597" i="5"/>
  <c r="S8687" i="5"/>
  <c r="S7855" i="5"/>
  <c r="S8136" i="5"/>
  <c r="S6631" i="5"/>
  <c r="S5430" i="5"/>
  <c r="S1634" i="5"/>
  <c r="S5628" i="5"/>
  <c r="S3281" i="5"/>
  <c r="S4795" i="5"/>
  <c r="S3821" i="5"/>
  <c r="S4762" i="5"/>
  <c r="S10" i="5"/>
  <c r="S4924" i="5"/>
  <c r="S208" i="5"/>
  <c r="S6589" i="5"/>
  <c r="S6834" i="5"/>
  <c r="S3730" i="5"/>
  <c r="S4460" i="5"/>
  <c r="S6240" i="5"/>
  <c r="S3299" i="5"/>
  <c r="S2602" i="5"/>
  <c r="S6953" i="5"/>
  <c r="S3900" i="5"/>
  <c r="S6789" i="5"/>
  <c r="S2030" i="5"/>
  <c r="S8143" i="5"/>
  <c r="S1259" i="5"/>
  <c r="S5247" i="5"/>
  <c r="S4095" i="5"/>
  <c r="S5449" i="5"/>
  <c r="S2414" i="5"/>
  <c r="S8669" i="5"/>
  <c r="S774" i="5"/>
  <c r="S7749" i="5"/>
  <c r="S7081" i="5"/>
  <c r="S2056" i="5"/>
  <c r="S2807" i="5"/>
  <c r="S6508" i="5"/>
  <c r="S4407" i="5"/>
  <c r="S1060" i="5"/>
  <c r="S949" i="5"/>
  <c r="S1423" i="5"/>
  <c r="S2799" i="5"/>
  <c r="S1367" i="5"/>
  <c r="S6236" i="5"/>
  <c r="S6678" i="5"/>
  <c r="S3804" i="5"/>
  <c r="S2286" i="5"/>
  <c r="S7140" i="5"/>
  <c r="S3778" i="5"/>
  <c r="S8681" i="5"/>
  <c r="S6061" i="5"/>
  <c r="S8263" i="5"/>
  <c r="S376" i="5"/>
  <c r="S5436" i="5"/>
  <c r="S7669" i="5"/>
  <c r="S6434" i="5"/>
  <c r="S5428" i="5"/>
  <c r="S3441" i="5"/>
  <c r="AC46" i="2"/>
  <c r="S7328" i="5"/>
  <c r="S1614" i="5"/>
  <c r="S2408" i="5"/>
  <c r="S3300" i="5"/>
  <c r="S5786" i="5"/>
  <c r="S8309" i="5"/>
  <c r="S2554" i="5"/>
  <c r="S1916" i="5"/>
  <c r="S4073" i="5"/>
  <c r="S2392" i="5"/>
  <c r="S4884" i="5"/>
  <c r="S3823" i="5"/>
  <c r="S1762" i="5"/>
  <c r="S2960" i="5"/>
  <c r="S3132" i="5"/>
  <c r="S8359" i="5"/>
  <c r="S6486" i="5"/>
  <c r="S4137" i="5"/>
  <c r="S3926" i="5"/>
  <c r="S2306" i="5"/>
  <c r="S1529" i="5"/>
  <c r="S2810" i="5"/>
  <c r="S3434" i="5"/>
  <c r="S7450" i="5"/>
  <c r="S7261" i="5"/>
  <c r="S8765" i="5"/>
  <c r="S1041" i="5"/>
  <c r="S1526" i="5"/>
  <c r="S3480" i="5"/>
  <c r="S6325" i="5"/>
  <c r="S2047" i="5"/>
  <c r="S7477" i="5"/>
  <c r="S5822" i="5"/>
  <c r="S3485" i="5"/>
  <c r="S2084" i="5"/>
  <c r="S4402" i="5"/>
  <c r="S5080" i="5"/>
  <c r="S4739" i="5"/>
  <c r="S5727" i="5"/>
  <c r="S911" i="5"/>
  <c r="S2577" i="5"/>
  <c r="S4920" i="5"/>
  <c r="S8155" i="5"/>
  <c r="S6253" i="5"/>
  <c r="S5730" i="5"/>
  <c r="S3748" i="5"/>
  <c r="S3213" i="5"/>
  <c r="S3560" i="5"/>
  <c r="S8274" i="5"/>
  <c r="S2092" i="5"/>
  <c r="S6801" i="5"/>
  <c r="S4381" i="5"/>
  <c r="S573" i="5"/>
  <c r="S725" i="5"/>
  <c r="S2591" i="5"/>
  <c r="S5914" i="5"/>
  <c r="S118" i="5"/>
  <c r="S6119" i="5"/>
  <c r="S8592" i="5"/>
  <c r="S8622" i="5"/>
  <c r="S356" i="5"/>
  <c r="S4228" i="5"/>
  <c r="S3715" i="5"/>
  <c r="S2599" i="5"/>
  <c r="S4898" i="5"/>
  <c r="S6153" i="5"/>
  <c r="S1785" i="5"/>
  <c r="S1535" i="5"/>
  <c r="S1124" i="5"/>
  <c r="S7156" i="5"/>
  <c r="S2291" i="5"/>
  <c r="S1360" i="5"/>
  <c r="S5478" i="5"/>
  <c r="S8650" i="5"/>
  <c r="S7437" i="5"/>
  <c r="S2901" i="5"/>
  <c r="S1534" i="5"/>
  <c r="S6492" i="5"/>
  <c r="S944" i="5"/>
  <c r="S4648" i="5"/>
  <c r="S7842" i="5"/>
  <c r="S6772" i="5"/>
  <c r="S1870" i="5"/>
  <c r="S5460" i="5"/>
  <c r="S5950" i="5"/>
  <c r="S5414" i="5"/>
  <c r="S3553" i="5"/>
  <c r="S8321" i="5"/>
  <c r="S5434" i="5"/>
  <c r="S4906" i="5"/>
  <c r="S2813" i="5"/>
  <c r="S916" i="5"/>
  <c r="S3398" i="5"/>
  <c r="S3752" i="5"/>
  <c r="S5227" i="5"/>
  <c r="S5465" i="5"/>
  <c r="S447" i="5"/>
  <c r="S1123" i="5"/>
  <c r="S3431" i="5"/>
  <c r="S5395" i="5"/>
  <c r="S4976" i="5"/>
  <c r="S4382" i="5"/>
  <c r="S7507" i="5"/>
  <c r="S3761" i="5"/>
  <c r="S7280" i="5"/>
  <c r="S718" i="5"/>
  <c r="S599" i="5"/>
  <c r="S595" i="5"/>
  <c r="S1788" i="5"/>
  <c r="S6561" i="5"/>
  <c r="S6446" i="5"/>
  <c r="S4415" i="5"/>
  <c r="S6174" i="5"/>
  <c r="S197" i="5"/>
  <c r="S7777" i="5"/>
  <c r="S8689" i="5"/>
  <c r="S620" i="5"/>
  <c r="S7097" i="5"/>
  <c r="S3889" i="5"/>
  <c r="S1381" i="5"/>
  <c r="S5294" i="5"/>
  <c r="S2736" i="5"/>
  <c r="S8470" i="5"/>
  <c r="S6933" i="5"/>
  <c r="S7474" i="5"/>
  <c r="S4929" i="5"/>
  <c r="M4040" i="5"/>
  <c r="S1611" i="5"/>
  <c r="S210" i="5"/>
  <c r="S883" i="5"/>
  <c r="S5829" i="5"/>
  <c r="S965" i="5"/>
  <c r="S1522" i="5"/>
  <c r="S757" i="5"/>
  <c r="S428" i="5"/>
  <c r="S7499" i="5"/>
  <c r="S601" i="5"/>
  <c r="S5651" i="5"/>
  <c r="S8242" i="5"/>
  <c r="S3892" i="5"/>
  <c r="S6770" i="5"/>
  <c r="S7643" i="5"/>
  <c r="S2618" i="5"/>
  <c r="S4786" i="5"/>
  <c r="S6002" i="5"/>
  <c r="S8656" i="5"/>
  <c r="S7475" i="5"/>
  <c r="S7001" i="5"/>
  <c r="S1280" i="5"/>
  <c r="S3232" i="5"/>
  <c r="S7912" i="5"/>
  <c r="S967" i="5"/>
  <c r="S251" i="5"/>
  <c r="S7324" i="5"/>
  <c r="S8150" i="5"/>
  <c r="S4240" i="5"/>
  <c r="S436" i="5"/>
  <c r="S885" i="5"/>
  <c r="S2868" i="5"/>
  <c r="S590" i="5"/>
  <c r="S4770" i="5"/>
  <c r="S6671" i="5"/>
  <c r="S3756" i="5"/>
  <c r="S2361" i="5"/>
  <c r="S2260" i="5"/>
  <c r="S5991" i="5"/>
  <c r="S6959" i="5"/>
  <c r="S7750" i="5"/>
  <c r="S6619" i="5"/>
  <c r="S1623" i="5"/>
  <c r="S5435" i="5"/>
  <c r="S4468" i="5"/>
  <c r="S6740" i="5"/>
  <c r="S2432" i="5"/>
  <c r="S692" i="5"/>
  <c r="S3139" i="5"/>
  <c r="S7667" i="5"/>
  <c r="S8457" i="5"/>
  <c r="S7991" i="5"/>
  <c r="S5280" i="5"/>
  <c r="S6251" i="5"/>
  <c r="S6971" i="5"/>
  <c r="S1457" i="5"/>
  <c r="S5322" i="5"/>
  <c r="S7965" i="5"/>
  <c r="S5216" i="5"/>
  <c r="S6807" i="5"/>
  <c r="S866" i="5"/>
  <c r="S1768" i="5"/>
  <c r="S6730" i="5"/>
  <c r="S5587" i="5"/>
  <c r="S5155" i="5"/>
  <c r="S288" i="5"/>
  <c r="S6147" i="5"/>
  <c r="S4262" i="5"/>
  <c r="S7101" i="5"/>
  <c r="S3617" i="5"/>
  <c r="S5463" i="5"/>
  <c r="S5945" i="5"/>
  <c r="S1432" i="5"/>
  <c r="S5798" i="5"/>
  <c r="S627" i="5"/>
  <c r="S4998" i="5"/>
  <c r="S377" i="5"/>
  <c r="S6822" i="5"/>
  <c r="S3138" i="5"/>
  <c r="S7775" i="5"/>
  <c r="S8259" i="5"/>
  <c r="S3768" i="5"/>
  <c r="S4427" i="5"/>
  <c r="S2045" i="5"/>
  <c r="S7740" i="5"/>
  <c r="S5810" i="5"/>
  <c r="S1965" i="5"/>
  <c r="S416" i="5"/>
  <c r="S3224" i="5"/>
  <c r="S2635" i="5"/>
  <c r="S1689" i="5"/>
  <c r="S6501" i="5"/>
  <c r="S2226" i="5"/>
  <c r="S2551" i="5"/>
  <c r="S1746" i="5"/>
  <c r="S2579" i="5"/>
  <c r="S7242" i="5"/>
  <c r="S8583" i="5"/>
  <c r="S4435" i="5"/>
  <c r="S7738" i="5"/>
  <c r="S7830" i="5"/>
  <c r="S2200" i="5"/>
  <c r="S5567" i="5"/>
  <c r="S4237" i="5"/>
  <c r="S8468" i="5"/>
  <c r="S6393" i="5"/>
  <c r="S7252" i="5"/>
  <c r="S2571" i="5"/>
  <c r="S5223" i="5"/>
  <c r="S8613" i="5"/>
  <c r="S4298" i="5"/>
  <c r="S1540" i="5"/>
  <c r="S2305" i="5"/>
  <c r="S5154" i="5"/>
  <c r="S2415" i="5"/>
  <c r="S7245" i="5"/>
  <c r="S4086" i="5"/>
  <c r="S2621" i="5"/>
  <c r="S5410" i="5"/>
  <c r="S1392" i="5"/>
  <c r="S4285" i="5"/>
  <c r="S4985" i="5"/>
  <c r="S387" i="5"/>
  <c r="S6163" i="5"/>
  <c r="S954" i="5"/>
  <c r="S3200" i="5"/>
  <c r="S56" i="5"/>
  <c r="S2598" i="5"/>
  <c r="S7814" i="5"/>
  <c r="S6479" i="5"/>
  <c r="S6990" i="5"/>
  <c r="S5117" i="5"/>
  <c r="S5802" i="5"/>
  <c r="S7439" i="5"/>
  <c r="S1289" i="5"/>
  <c r="S7281" i="5"/>
  <c r="S3378" i="5"/>
  <c r="S2936" i="5"/>
  <c r="S4918" i="5"/>
  <c r="S4467" i="5"/>
  <c r="S5893" i="5"/>
  <c r="S7342" i="5"/>
  <c r="S3726" i="5"/>
  <c r="S1417" i="5"/>
  <c r="S1361" i="5"/>
  <c r="S4268" i="5"/>
  <c r="S6574" i="5"/>
  <c r="S3581" i="5"/>
  <c r="S11" i="5"/>
  <c r="S3463" i="5"/>
  <c r="S1928" i="5"/>
  <c r="S6809" i="5"/>
  <c r="S2221" i="5"/>
  <c r="S4935" i="5"/>
  <c r="S1131" i="5"/>
  <c r="S7506" i="5"/>
  <c r="S2973" i="5"/>
  <c r="S6636" i="5"/>
  <c r="S5656" i="5"/>
  <c r="S4820" i="5"/>
  <c r="S5388" i="5"/>
  <c r="S3634" i="5"/>
  <c r="S2245" i="5"/>
  <c r="S2095" i="5"/>
  <c r="S1057" i="5"/>
  <c r="S2949" i="5"/>
  <c r="S6734" i="5"/>
  <c r="S768" i="5"/>
  <c r="S5149" i="5"/>
  <c r="S8255" i="5"/>
  <c r="S4821" i="5"/>
  <c r="S88" i="5"/>
  <c r="S3395" i="5"/>
  <c r="S3754" i="5"/>
  <c r="S5492" i="5"/>
  <c r="S7802" i="5"/>
  <c r="S7349" i="5"/>
  <c r="S4569" i="5"/>
  <c r="S8524" i="5"/>
  <c r="S2700" i="5"/>
  <c r="S8426" i="5"/>
  <c r="S114" i="5"/>
  <c r="S5270" i="5"/>
  <c r="S4825" i="5"/>
  <c r="S3264" i="5"/>
  <c r="S3381" i="5"/>
  <c r="S5136" i="5"/>
  <c r="S2777" i="5"/>
  <c r="S5593" i="5"/>
  <c r="S2292" i="5"/>
  <c r="S3770" i="5"/>
  <c r="S6569" i="5"/>
  <c r="S5613" i="5"/>
  <c r="S1430" i="5"/>
  <c r="S7069" i="5"/>
  <c r="S1804" i="5"/>
  <c r="S3205" i="5"/>
  <c r="S1122" i="5"/>
  <c r="S4588" i="5"/>
  <c r="S8515" i="5"/>
  <c r="S66" i="5"/>
  <c r="S1884" i="5"/>
  <c r="S3135" i="5"/>
  <c r="S4779" i="5"/>
  <c r="S6332" i="5"/>
  <c r="S5488" i="5"/>
  <c r="S461" i="5"/>
  <c r="S5948" i="5"/>
  <c r="S8319" i="5"/>
  <c r="S619" i="5"/>
  <c r="S1748" i="5"/>
  <c r="S7148" i="5"/>
  <c r="S7512" i="5"/>
  <c r="S8349" i="5"/>
  <c r="S7992" i="5"/>
  <c r="S8673" i="5"/>
  <c r="S1274" i="5"/>
  <c r="S5251" i="5"/>
  <c r="S6094" i="5"/>
  <c r="S3750" i="5"/>
  <c r="S3796" i="5"/>
  <c r="S6653" i="5"/>
  <c r="S7682" i="5"/>
  <c r="S6397" i="5"/>
  <c r="S4592" i="5"/>
  <c r="S4476" i="5"/>
  <c r="S2103" i="5"/>
  <c r="S4755" i="5"/>
  <c r="S2623" i="5"/>
  <c r="S2093" i="5"/>
  <c r="S6488" i="5"/>
  <c r="S6438" i="5"/>
  <c r="L4040" i="5"/>
  <c r="S2289" i="5"/>
  <c r="S1730" i="5"/>
  <c r="S2722" i="5"/>
  <c r="S6243" i="5"/>
  <c r="S7978" i="5"/>
  <c r="S7764" i="5"/>
  <c r="S99" i="5"/>
  <c r="S8611" i="5"/>
  <c r="S3633" i="5"/>
  <c r="S1873" i="5"/>
  <c r="S2600" i="5"/>
  <c r="S4803" i="5"/>
  <c r="S8265" i="5"/>
  <c r="S2928" i="5"/>
  <c r="S2905" i="5"/>
  <c r="S8097" i="5"/>
  <c r="S4950" i="5"/>
  <c r="S4305" i="5"/>
  <c r="S7907" i="5"/>
  <c r="S3420" i="5"/>
  <c r="S2580" i="5"/>
  <c r="S7825" i="5"/>
  <c r="S8473" i="5"/>
  <c r="S6317" i="5"/>
  <c r="S8695" i="5"/>
  <c r="S6105" i="5"/>
  <c r="S2108" i="5"/>
  <c r="S5131" i="5"/>
  <c r="S5825" i="5"/>
  <c r="S3743" i="5"/>
  <c r="S7348" i="5"/>
  <c r="S2895" i="5"/>
  <c r="S5073" i="5"/>
  <c r="S6842" i="5"/>
  <c r="S4794" i="5"/>
  <c r="S2266" i="5"/>
  <c r="S4915" i="5"/>
  <c r="S6226" i="5"/>
  <c r="S7099" i="5"/>
  <c r="S7015" i="5"/>
  <c r="S4289" i="5"/>
  <c r="S1957" i="5"/>
  <c r="S3443" i="5"/>
  <c r="S5833" i="5"/>
  <c r="S6731" i="5"/>
  <c r="S1415" i="5"/>
  <c r="S6128" i="5"/>
  <c r="S6903" i="5"/>
  <c r="S1202" i="5"/>
  <c r="S1427" i="5"/>
  <c r="S4297" i="5"/>
  <c r="S5766" i="5"/>
  <c r="S2610" i="5"/>
  <c r="S8019" i="5"/>
  <c r="S4965" i="5"/>
  <c r="S579" i="5"/>
  <c r="S7168" i="5"/>
  <c r="S1437" i="5"/>
  <c r="S4274" i="5"/>
  <c r="S680" i="5"/>
  <c r="S4276" i="5"/>
  <c r="S8472" i="5"/>
  <c r="S5749" i="5"/>
  <c r="S6939" i="5"/>
  <c r="S7492" i="5"/>
  <c r="S2025" i="5"/>
  <c r="S4623" i="5"/>
  <c r="S4223" i="5"/>
  <c r="S4591" i="5"/>
  <c r="S3128" i="5"/>
  <c r="S5912" i="5"/>
  <c r="S2110" i="5"/>
  <c r="S532" i="5"/>
  <c r="S1953" i="5"/>
  <c r="S8289" i="5"/>
  <c r="S5920" i="5"/>
  <c r="S7108" i="5"/>
  <c r="S5936" i="5"/>
  <c r="S6942" i="5"/>
  <c r="S7486" i="5"/>
  <c r="S7981" i="5"/>
  <c r="S739" i="5"/>
  <c r="S3716" i="5"/>
  <c r="S432" i="5"/>
  <c r="AZ14" i="1"/>
  <c r="AU32" i="1" s="1"/>
  <c r="S6232" i="5"/>
  <c r="S5761" i="5"/>
  <c r="S5279" i="5"/>
  <c r="S4489" i="5"/>
  <c r="S6254" i="5"/>
  <c r="S4725" i="5"/>
  <c r="S1201" i="5"/>
  <c r="S8498" i="5"/>
  <c r="S7116" i="5"/>
  <c r="S5066" i="5"/>
  <c r="S7490" i="5"/>
  <c r="S3548" i="5"/>
  <c r="S522" i="5"/>
  <c r="S2640" i="5"/>
  <c r="S2282" i="5"/>
  <c r="S2888" i="5"/>
  <c r="S1907" i="5"/>
  <c r="S6137" i="5"/>
  <c r="S1727" i="5"/>
  <c r="S5660" i="5"/>
  <c r="S5765" i="5"/>
  <c r="S206" i="5"/>
  <c r="S1096" i="5"/>
  <c r="S748" i="5"/>
  <c r="S1754" i="5"/>
  <c r="S759" i="5"/>
  <c r="S3787" i="5"/>
  <c r="S2727" i="5"/>
  <c r="S3312" i="5"/>
  <c r="S5495" i="5"/>
  <c r="S7652" i="5"/>
  <c r="S8496" i="5"/>
  <c r="S5413" i="5"/>
  <c r="S4565" i="5"/>
  <c r="S8312" i="5"/>
  <c r="S7302" i="5"/>
  <c r="S6319" i="5"/>
  <c r="S6496" i="5"/>
  <c r="S865" i="5"/>
  <c r="S1771" i="5"/>
  <c r="S1759" i="5"/>
  <c r="S7313" i="5"/>
  <c r="S924" i="5"/>
  <c r="S272" i="5"/>
  <c r="S1889" i="5"/>
  <c r="S3258" i="5"/>
  <c r="S4431" i="5"/>
  <c r="S7625" i="5"/>
  <c r="S6995" i="5"/>
  <c r="S3234" i="5"/>
  <c r="S6593" i="5"/>
  <c r="S4398" i="5"/>
  <c r="S7466" i="5"/>
  <c r="S6400" i="5"/>
  <c r="S5401" i="5"/>
  <c r="S5600" i="5"/>
  <c r="S3126" i="5"/>
  <c r="S1694" i="5"/>
  <c r="S7257" i="5"/>
  <c r="S5496" i="5"/>
  <c r="S3542" i="5"/>
  <c r="S7306" i="5"/>
  <c r="S4053" i="5"/>
  <c r="S4573" i="5"/>
  <c r="S4818" i="5"/>
  <c r="S3484" i="5"/>
  <c r="S1080" i="5"/>
  <c r="S3550" i="5"/>
  <c r="S4980" i="5"/>
  <c r="S1090" i="5"/>
  <c r="S3970" i="5"/>
  <c r="K4040" i="5"/>
  <c r="O4040" i="5" s="1"/>
  <c r="S4492" i="5"/>
  <c r="S7107" i="5"/>
  <c r="S4719" i="5"/>
  <c r="S7620" i="5"/>
  <c r="S630" i="5"/>
  <c r="S3911" i="5"/>
  <c r="S2958" i="5"/>
  <c r="S4917" i="5"/>
  <c r="S7138" i="5"/>
  <c r="S5078" i="5"/>
  <c r="S4270" i="5"/>
  <c r="S2125" i="5"/>
  <c r="S1872" i="5"/>
  <c r="S1389" i="5"/>
  <c r="S3318" i="5"/>
  <c r="S7120" i="5"/>
  <c r="S6932" i="5"/>
  <c r="S3051" i="5"/>
  <c r="S1751" i="5"/>
  <c r="S3567" i="5"/>
  <c r="S3095" i="5"/>
  <c r="S1696" i="5"/>
  <c r="S2921" i="5"/>
  <c r="S1801" i="5"/>
  <c r="S4244" i="5"/>
  <c r="S878" i="5"/>
  <c r="S3268" i="5"/>
  <c r="S7425" i="5"/>
  <c r="S3388" i="5"/>
  <c r="S583" i="5"/>
  <c r="S418" i="5"/>
  <c r="S6837" i="5"/>
  <c r="S6113" i="5"/>
  <c r="S460" i="5"/>
  <c r="S6088" i="5"/>
  <c r="S1101" i="5"/>
  <c r="S5326" i="5"/>
  <c r="S6614" i="5"/>
  <c r="S1598" i="5"/>
  <c r="S5268" i="5"/>
  <c r="S1277" i="5"/>
  <c r="S1019" i="5"/>
  <c r="S7430" i="5"/>
  <c r="S7079" i="5"/>
  <c r="S5816" i="5"/>
  <c r="S2770" i="5"/>
  <c r="S7315" i="5"/>
  <c r="S8290" i="5"/>
  <c r="S3150" i="5"/>
  <c r="S7968" i="5"/>
  <c r="S4599" i="5"/>
  <c r="S6670" i="5"/>
  <c r="S2556" i="5"/>
  <c r="S6000" i="5"/>
  <c r="S41" i="5"/>
  <c r="S1583" i="5"/>
  <c r="S385" i="5"/>
  <c r="S5334" i="5"/>
  <c r="S6175" i="5"/>
  <c r="S5441" i="5"/>
  <c r="S4455" i="5"/>
  <c r="S4618" i="5"/>
  <c r="S5745" i="5"/>
  <c r="S8587" i="5"/>
  <c r="S7632" i="5"/>
  <c r="S4559" i="5"/>
  <c r="S1092" i="5"/>
  <c r="S5998" i="5"/>
  <c r="S5137" i="5"/>
  <c r="S2201" i="5"/>
  <c r="S4219" i="5"/>
  <c r="S1758" i="5"/>
  <c r="S546" i="5"/>
  <c r="S7401" i="5"/>
  <c r="S7103" i="5"/>
  <c r="S1216" i="5"/>
  <c r="S2039" i="5"/>
  <c r="S4753" i="5"/>
  <c r="S4974" i="5"/>
  <c r="S1974" i="5"/>
  <c r="S4568" i="5"/>
  <c r="S1527" i="5"/>
  <c r="S1737" i="5"/>
  <c r="S8161" i="5"/>
  <c r="S7503" i="5"/>
  <c r="S109" i="5"/>
  <c r="S5649" i="5"/>
  <c r="S232" i="5"/>
  <c r="S4154" i="5"/>
  <c r="S7603" i="5"/>
  <c r="S42" i="5"/>
  <c r="S1463" i="5"/>
  <c r="S3540" i="5"/>
  <c r="S786" i="5"/>
  <c r="S7460" i="5"/>
  <c r="S7904" i="5"/>
  <c r="S7822" i="5"/>
  <c r="S8684" i="5"/>
  <c r="S7973" i="5"/>
  <c r="S1551" i="5"/>
  <c r="S463" i="5"/>
  <c r="S4964" i="5"/>
  <c r="S6111" i="5"/>
  <c r="S6293" i="5"/>
  <c r="S2024" i="5"/>
  <c r="S5940" i="5"/>
  <c r="S30" i="5"/>
  <c r="S3938" i="5"/>
  <c r="S7287" i="5"/>
  <c r="S5960" i="5"/>
  <c r="S5454" i="5"/>
  <c r="S4905" i="5"/>
  <c r="S8455" i="5"/>
  <c r="S2931" i="5"/>
  <c r="S7828" i="5"/>
  <c r="S7987" i="5"/>
  <c r="S7234" i="5"/>
  <c r="S4081" i="5"/>
  <c r="S2391" i="5"/>
  <c r="S4896" i="5"/>
  <c r="S1558" i="5"/>
  <c r="S3396" i="5"/>
  <c r="S7604" i="5"/>
  <c r="S7623" i="5"/>
  <c r="S5096" i="5"/>
  <c r="S1443" i="5"/>
  <c r="S7127" i="5"/>
  <c r="S373" i="5"/>
  <c r="S8085" i="5"/>
  <c r="S7085" i="5"/>
  <c r="S255" i="5"/>
  <c r="S4050" i="5"/>
  <c r="S8310" i="5"/>
  <c r="S8244" i="5"/>
  <c r="S6768" i="5"/>
  <c r="S3755" i="5"/>
  <c r="S6565" i="5"/>
  <c r="S8603" i="5"/>
  <c r="S2612" i="5"/>
  <c r="S8277" i="5"/>
  <c r="S3812" i="5"/>
  <c r="S7918" i="5"/>
  <c r="S5099" i="5"/>
  <c r="S4394" i="5"/>
  <c r="S176" i="5"/>
  <c r="S4221" i="5"/>
  <c r="S4054" i="5"/>
  <c r="S8299" i="5"/>
  <c r="S542" i="5"/>
  <c r="S605" i="5"/>
  <c r="S8644" i="5"/>
  <c r="S8479" i="5"/>
  <c r="S7102" i="5"/>
  <c r="S1566" i="5"/>
  <c r="S8608" i="5"/>
  <c r="S1085" i="5"/>
  <c r="S1264" i="5"/>
  <c r="S5108" i="5"/>
  <c r="S732" i="5"/>
  <c r="S3815" i="5"/>
  <c r="S4283" i="5"/>
  <c r="S4735" i="5"/>
  <c r="S2935" i="5"/>
  <c r="S575" i="5"/>
  <c r="S681" i="5"/>
  <c r="S6641" i="5"/>
  <c r="S5756" i="5"/>
  <c r="S8578" i="5"/>
  <c r="S5277" i="5"/>
  <c r="S4883" i="5"/>
  <c r="S7400" i="5"/>
  <c r="S3472" i="5"/>
  <c r="S3266" i="5"/>
  <c r="S6762" i="5"/>
  <c r="S6573" i="5"/>
  <c r="S54" i="5"/>
  <c r="S1458" i="5"/>
  <c r="S5632" i="5"/>
  <c r="S4960" i="5"/>
  <c r="S3975" i="5"/>
  <c r="S3046" i="5"/>
  <c r="S8606" i="5"/>
  <c r="S4378" i="5"/>
  <c r="S249" i="5"/>
  <c r="S2798" i="5"/>
  <c r="S4647" i="5"/>
  <c r="S7781" i="5"/>
  <c r="S1553" i="5"/>
  <c r="S2127" i="5"/>
  <c r="S2470" i="5"/>
  <c r="S6976" i="5"/>
  <c r="S6441" i="5"/>
  <c r="S1017" i="5"/>
  <c r="S2753" i="5"/>
  <c r="S6586" i="5"/>
  <c r="S1244" i="5"/>
  <c r="S6615" i="5"/>
  <c r="S1618" i="5"/>
  <c r="S4306" i="5"/>
  <c r="S7685" i="5"/>
  <c r="S7962" i="5"/>
  <c r="S5783" i="5"/>
  <c r="S6945" i="5"/>
  <c r="S4376" i="5"/>
  <c r="S365" i="5"/>
  <c r="S5559" i="5"/>
  <c r="J4040" i="5"/>
  <c r="N4040" i="5" s="1"/>
  <c r="S5075" i="5"/>
  <c r="S5747" i="5"/>
  <c r="S2407" i="5"/>
  <c r="S6753" i="5"/>
  <c r="S2474" i="5"/>
  <c r="S446" i="5"/>
  <c r="S5787" i="5"/>
  <c r="S1303" i="5"/>
  <c r="S3034" i="5"/>
  <c r="S2219" i="5"/>
  <c r="S3599" i="5"/>
  <c r="S539" i="5"/>
  <c r="S8260" i="5"/>
  <c r="S6761" i="5"/>
  <c r="S4731" i="5"/>
  <c r="S4807" i="5"/>
  <c r="S5774" i="5"/>
  <c r="S2914" i="5"/>
  <c r="S5916" i="5"/>
  <c r="S8142" i="5"/>
  <c r="S1399" i="5"/>
  <c r="S366" i="5"/>
  <c r="S1406" i="5"/>
  <c r="S6643" i="5"/>
  <c r="S3872" i="5"/>
  <c r="S5422" i="5"/>
  <c r="S7153" i="5"/>
  <c r="S6651" i="5"/>
  <c r="S7646" i="5"/>
  <c r="S8339" i="5"/>
  <c r="S4409" i="5"/>
  <c r="S4923" i="5"/>
  <c r="S851" i="5"/>
  <c r="S5571" i="5"/>
  <c r="S2428" i="5"/>
  <c r="S7675" i="5"/>
  <c r="S6310" i="5"/>
  <c r="S5293" i="5"/>
  <c r="S2099" i="5"/>
  <c r="S6279" i="5"/>
  <c r="S7947" i="5"/>
  <c r="S512" i="5"/>
  <c r="S8076" i="5"/>
  <c r="S8185" i="5"/>
  <c r="S7801" i="5"/>
  <c r="S4639" i="5"/>
  <c r="S2209" i="5"/>
  <c r="S2452" i="5"/>
  <c r="S7679" i="5"/>
  <c r="S7840" i="5"/>
  <c r="S1086" i="5"/>
  <c r="S4404" i="5"/>
  <c r="S5063" i="5"/>
  <c r="S3977" i="5"/>
  <c r="S6594" i="5"/>
  <c r="S8189" i="5"/>
  <c r="S6674" i="5"/>
  <c r="S8129" i="5"/>
  <c r="S2090" i="5"/>
  <c r="S7128" i="5"/>
  <c r="S5639" i="5"/>
  <c r="S1946" i="5"/>
  <c r="S899" i="5"/>
  <c r="S6289" i="5"/>
  <c r="S4620" i="5"/>
  <c r="S2589" i="5"/>
  <c r="S2399" i="5"/>
  <c r="S3096" i="5"/>
  <c r="S4904" i="5"/>
  <c r="S8434" i="5"/>
  <c r="S2902" i="5"/>
  <c r="S1538" i="5"/>
  <c r="S550" i="5"/>
  <c r="S5826" i="5"/>
  <c r="S7350" i="5"/>
  <c r="S705" i="5"/>
  <c r="S8248" i="5"/>
  <c r="S87" i="5"/>
  <c r="S5604" i="5"/>
  <c r="S20" i="5"/>
  <c r="S34" i="5"/>
  <c r="S7434" i="5"/>
  <c r="S5763" i="5"/>
  <c r="S8442" i="5"/>
  <c r="S1779" i="5"/>
  <c r="S2536" i="5"/>
  <c r="S5166" i="5"/>
  <c r="S3628" i="5"/>
  <c r="S2752" i="5"/>
  <c r="S628" i="5"/>
  <c r="S8751" i="5"/>
  <c r="S7493" i="5"/>
  <c r="S8187" i="5"/>
  <c r="S5731" i="5"/>
  <c r="S3731" i="5"/>
  <c r="I4040" i="5"/>
  <c r="S4310" i="5"/>
  <c r="S7915" i="5"/>
  <c r="S7681" i="5"/>
  <c r="S8256" i="5"/>
  <c r="S3265" i="5"/>
  <c r="S7446" i="5"/>
  <c r="S5983" i="5"/>
  <c r="S1027" i="5"/>
  <c r="S5316" i="5"/>
  <c r="S6494" i="5"/>
  <c r="S3148" i="5"/>
  <c r="S7993" i="5"/>
  <c r="S3566" i="5"/>
  <c r="S6773" i="5"/>
  <c r="S2120" i="5"/>
  <c r="S4255" i="5"/>
  <c r="S5311" i="5"/>
  <c r="S6791" i="5"/>
  <c r="S5824" i="5"/>
  <c r="S7323" i="5"/>
  <c r="S80" i="5"/>
  <c r="S1038" i="5"/>
  <c r="S3379" i="5"/>
  <c r="S199" i="5"/>
  <c r="S6744" i="5"/>
  <c r="S2057" i="5"/>
  <c r="S902" i="5"/>
  <c r="S6298" i="5"/>
  <c r="S6064" i="5"/>
  <c r="S3099" i="5"/>
  <c r="S266" i="5"/>
  <c r="S4922" i="5"/>
  <c r="S200" i="5"/>
  <c r="S4385" i="5"/>
  <c r="S1800" i="5"/>
  <c r="S229" i="5"/>
  <c r="S450" i="5"/>
  <c r="S7753" i="5"/>
  <c r="S8190" i="5"/>
  <c r="S863" i="5"/>
  <c r="S2234" i="5"/>
  <c r="S1401" i="5"/>
  <c r="S7316" i="5"/>
  <c r="S2310" i="5"/>
  <c r="S71" i="5"/>
  <c r="S4099" i="5"/>
  <c r="S854" i="5"/>
  <c r="S4278" i="5"/>
  <c r="S6483" i="5"/>
  <c r="S2207" i="5"/>
  <c r="S403" i="5"/>
  <c r="S1898" i="5"/>
  <c r="S3427" i="5"/>
  <c r="S8347" i="5"/>
  <c r="S8428" i="5"/>
  <c r="S6663" i="5"/>
  <c r="S6099" i="5"/>
  <c r="S8009" i="5"/>
  <c r="S1697" i="5"/>
  <c r="S5837" i="5"/>
  <c r="S2531" i="5"/>
  <c r="S3603" i="5"/>
  <c r="S7818" i="5"/>
  <c r="S7780" i="5"/>
  <c r="S6117" i="5"/>
  <c r="S6484" i="5"/>
  <c r="S5115" i="5"/>
  <c r="S1445" i="5"/>
  <c r="S2091" i="5"/>
  <c r="S3054" i="5"/>
  <c r="S5778" i="5"/>
  <c r="S6815" i="5"/>
  <c r="S8445" i="5"/>
  <c r="S6402" i="5"/>
  <c r="S2393" i="5"/>
  <c r="S7850" i="5"/>
  <c r="S6896" i="5"/>
  <c r="S4421" i="5"/>
  <c r="S5636" i="5"/>
  <c r="S4563" i="5"/>
  <c r="S4483" i="5"/>
  <c r="S6502" i="5"/>
  <c r="S5289" i="5"/>
  <c r="S2401" i="5"/>
  <c r="S1557" i="5"/>
  <c r="S5232" i="5"/>
  <c r="S2041" i="5"/>
  <c r="S2609" i="5"/>
  <c r="S1961" i="5"/>
  <c r="S364" i="5"/>
  <c r="S191" i="5"/>
  <c r="S8437" i="5"/>
  <c r="S5898" i="5"/>
  <c r="S4891" i="5"/>
  <c r="S3478" i="5"/>
  <c r="S3895" i="5"/>
  <c r="S3259" i="5"/>
  <c r="S2376" i="5"/>
  <c r="S4432" i="5"/>
  <c r="S5619" i="5"/>
  <c r="S8121" i="5"/>
  <c r="S4093" i="5"/>
  <c r="S5385" i="5"/>
  <c r="S1635" i="5"/>
  <c r="S1539" i="5"/>
  <c r="S577" i="5"/>
  <c r="S7144" i="5"/>
  <c r="S1022" i="5"/>
  <c r="S8279" i="5"/>
  <c r="S5412" i="5"/>
  <c r="S7293" i="5"/>
  <c r="S269" i="5"/>
  <c r="S7687" i="5"/>
  <c r="S7246" i="5"/>
  <c r="S4813" i="5"/>
  <c r="S6977" i="5"/>
  <c r="S1441" i="5"/>
  <c r="S7752" i="5"/>
  <c r="S3042" i="5"/>
  <c r="S5963" i="5"/>
  <c r="S6493" i="5"/>
  <c r="S5828" i="5"/>
  <c r="S6751" i="5"/>
  <c r="S7332" i="5"/>
  <c r="S5574" i="5"/>
  <c r="S8157" i="5"/>
  <c r="S5152" i="5"/>
  <c r="S606" i="5"/>
  <c r="S3473" i="5"/>
  <c r="S5815" i="5"/>
  <c r="S3239" i="5"/>
  <c r="S4454" i="5"/>
  <c r="S1403" i="5"/>
  <c r="S1546" i="5"/>
  <c r="S6281" i="5"/>
  <c r="S2253" i="5"/>
  <c r="S1193" i="5"/>
  <c r="S5633" i="5"/>
  <c r="S4557" i="5"/>
  <c r="S7793" i="5"/>
  <c r="S4636" i="5"/>
  <c r="S3723" i="5"/>
  <c r="S755" i="5"/>
  <c r="S2311" i="5"/>
  <c r="S8634" i="5"/>
  <c r="S7848" i="5"/>
  <c r="S5239" i="5"/>
  <c r="S3622" i="5"/>
  <c r="S745" i="5"/>
  <c r="S6965" i="5"/>
  <c r="S1295" i="5"/>
  <c r="S4393" i="5"/>
  <c r="S8180" i="5"/>
  <c r="S5450" i="5"/>
  <c r="S2197" i="5"/>
  <c r="S3210" i="5"/>
  <c r="S2794" i="5"/>
  <c r="S772" i="5"/>
  <c r="S8338" i="5"/>
  <c r="S6645" i="5"/>
  <c r="S594" i="5"/>
  <c r="S4259" i="5"/>
  <c r="S7990" i="5"/>
  <c r="S4214" i="5"/>
  <c r="S5093" i="5"/>
  <c r="S5393" i="5"/>
  <c r="S2370" i="5"/>
  <c r="S3632" i="5"/>
  <c r="S2252" i="5"/>
  <c r="S1240" i="5"/>
  <c r="S360" i="5"/>
  <c r="S1049" i="5"/>
  <c r="S7244" i="5"/>
  <c r="S6110" i="5"/>
  <c r="S3649" i="5"/>
  <c r="S6007" i="5"/>
  <c r="S1447" i="5"/>
  <c r="S8653" i="5"/>
  <c r="S6613" i="5"/>
  <c r="S1537" i="5"/>
  <c r="S75" i="5"/>
  <c r="S3785" i="5"/>
  <c r="S3600" i="5"/>
  <c r="S2728" i="5"/>
  <c r="S6414" i="5"/>
  <c r="S3961" i="5"/>
  <c r="S3760" i="5"/>
  <c r="S6567" i="5"/>
  <c r="S8602" i="5"/>
  <c r="S3074" i="5"/>
  <c r="S4113" i="5"/>
  <c r="S6960" i="5"/>
  <c r="S8313" i="5"/>
  <c r="S7290" i="5"/>
  <c r="S6467" i="5"/>
  <c r="S6252" i="5"/>
  <c r="S1864" i="5"/>
  <c r="S4712" i="5"/>
  <c r="S1084" i="5"/>
  <c r="S733" i="5"/>
  <c r="S6758" i="5"/>
  <c r="S8104" i="5"/>
  <c r="S4946" i="5"/>
  <c r="S78" i="5"/>
  <c r="S7501" i="5"/>
  <c r="S2878" i="5"/>
  <c r="S3405" i="5"/>
  <c r="S441" i="5"/>
  <c r="S736" i="5"/>
  <c r="S4760" i="5"/>
  <c r="S6481" i="5"/>
  <c r="S8623" i="5"/>
  <c r="S7659" i="5"/>
  <c r="S5616" i="5"/>
  <c r="S1442" i="5"/>
  <c r="S2080" i="5"/>
  <c r="S5911" i="5"/>
  <c r="S3772" i="5"/>
  <c r="S2220" i="5"/>
  <c r="S2899" i="5"/>
  <c r="S2389" i="5"/>
  <c r="S4890" i="5"/>
  <c r="S6562" i="5"/>
  <c r="S3125" i="5"/>
  <c r="S2734" i="5"/>
  <c r="S8132" i="5"/>
  <c r="S2943" i="5"/>
  <c r="S354" i="5"/>
  <c r="S5894" i="5"/>
  <c r="S6430" i="5"/>
  <c r="S2140" i="5"/>
  <c r="S1783" i="5"/>
  <c r="S4928" i="5"/>
  <c r="S758" i="5"/>
  <c r="S2964" i="5"/>
  <c r="S873" i="5"/>
  <c r="S4651" i="5"/>
  <c r="S4256" i="5"/>
  <c r="S2477" i="5"/>
  <c r="S1971" i="5"/>
  <c r="S5156" i="5"/>
  <c r="S3440" i="5"/>
  <c r="S5820" i="5"/>
  <c r="S882" i="5"/>
  <c r="S5493" i="5"/>
  <c r="S4387" i="5"/>
  <c r="S5606" i="5"/>
  <c r="S3555" i="5"/>
  <c r="S2737" i="5"/>
  <c r="S7405" i="5"/>
  <c r="S3887" i="5"/>
  <c r="S741" i="5"/>
  <c r="S4123" i="5"/>
  <c r="S6794" i="5"/>
  <c r="S5768" i="5"/>
  <c r="S5806" i="5"/>
  <c r="S8753" i="5"/>
  <c r="S7299" i="5"/>
  <c r="S1932" i="5"/>
  <c r="S183" i="5"/>
  <c r="S1749" i="5"/>
  <c r="S691" i="5"/>
  <c r="S8512" i="5"/>
  <c r="S7984" i="5"/>
  <c r="S8586" i="5"/>
  <c r="S1262" i="5"/>
  <c r="S3449" i="5"/>
  <c r="S6089" i="5"/>
  <c r="S3802" i="5"/>
  <c r="S2967" i="5"/>
  <c r="S6642" i="5"/>
  <c r="S8458" i="5"/>
  <c r="S6478" i="5"/>
  <c r="S5256" i="5"/>
  <c r="S3902" i="5"/>
  <c r="S3278" i="5"/>
  <c r="S4390" i="5"/>
  <c r="S2898" i="5"/>
  <c r="S2530" i="5"/>
  <c r="S1533" i="5"/>
  <c r="S8153" i="5"/>
  <c r="S1885" i="5"/>
  <c r="S7678" i="5"/>
  <c r="S5748" i="5"/>
  <c r="S3468" i="5"/>
  <c r="S84" i="5"/>
  <c r="S8173" i="5"/>
  <c r="S7322" i="5"/>
  <c r="S4072" i="5"/>
  <c r="S7832" i="5"/>
  <c r="S4480" i="5"/>
  <c r="S5391" i="5"/>
  <c r="S7594" i="5"/>
  <c r="S3654" i="5"/>
  <c r="S2785" i="5"/>
  <c r="S6245" i="5"/>
  <c r="S2390" i="5"/>
  <c r="S7839" i="5"/>
  <c r="S2248" i="5"/>
  <c r="S7132" i="5"/>
  <c r="S7129" i="5"/>
  <c r="S3209" i="5"/>
  <c r="S2697" i="5"/>
  <c r="S4732" i="5"/>
  <c r="S1933" i="5"/>
  <c r="S780" i="5"/>
  <c r="S5566" i="5"/>
  <c r="S7925" i="5"/>
  <c r="S1612" i="5"/>
  <c r="S4772" i="5"/>
  <c r="S7096" i="5"/>
  <c r="S1556" i="5"/>
  <c r="S3638" i="5"/>
  <c r="S223" i="5"/>
  <c r="S1294" i="5"/>
  <c r="S3231" i="5"/>
  <c r="S5331" i="5"/>
  <c r="S1912" i="5"/>
  <c r="S3208" i="5"/>
  <c r="S697" i="5"/>
  <c r="S717" i="5"/>
  <c r="S7762" i="5"/>
  <c r="S4797" i="5"/>
  <c r="S2085" i="5"/>
  <c r="S5049" i="5"/>
  <c r="S5627" i="5"/>
  <c r="S4562" i="5"/>
  <c r="S1102" i="5"/>
  <c r="S2890" i="5"/>
  <c r="S4075" i="5"/>
  <c r="S3216" i="5"/>
  <c r="S270" i="5"/>
  <c r="S4937" i="5"/>
  <c r="S1094" i="5"/>
  <c r="S7776" i="5"/>
  <c r="S6847" i="5"/>
  <c r="S3466" i="5"/>
  <c r="S4150" i="5"/>
  <c r="S8661" i="5"/>
  <c r="S6749" i="5"/>
  <c r="S8330" i="5"/>
  <c r="S7433" i="5"/>
  <c r="S7282" i="5"/>
  <c r="S535" i="5"/>
  <c r="S7335" i="5"/>
  <c r="S2593" i="5"/>
  <c r="S7771" i="5"/>
  <c r="S1078" i="5"/>
  <c r="S5324" i="5"/>
  <c r="S948" i="5"/>
  <c r="S704" i="5"/>
  <c r="S6322" i="5"/>
  <c r="S2966" i="5"/>
  <c r="S4761" i="5"/>
  <c r="S7165" i="5"/>
  <c r="S6295" i="5"/>
  <c r="S8088" i="5"/>
  <c r="S1705" i="5"/>
  <c r="S7804" i="5"/>
  <c r="S6739" i="5"/>
  <c r="S1905" i="5"/>
  <c r="S2572" i="5"/>
  <c r="S4440" i="5"/>
  <c r="S8767" i="5"/>
  <c r="S8485" i="5"/>
  <c r="S953" i="5"/>
  <c r="S5489" i="5"/>
  <c r="S5921" i="5"/>
  <c r="S6074" i="5"/>
  <c r="S6759" i="5"/>
  <c r="S1065" i="5"/>
  <c r="S1025" i="5"/>
  <c r="S5425" i="5"/>
  <c r="S2975" i="5"/>
  <c r="S4642" i="5"/>
  <c r="S8467" i="5"/>
  <c r="S3319" i="5"/>
  <c r="S6763" i="5"/>
  <c r="S7650" i="5"/>
  <c r="S4736" i="5"/>
  <c r="S3240" i="5"/>
  <c r="S1624" i="5"/>
  <c r="S792" i="5"/>
  <c r="S695" i="5"/>
  <c r="S2867" i="5"/>
  <c r="S7829" i="5"/>
  <c r="S7851" i="5"/>
  <c r="S1205" i="5"/>
  <c r="S1380" i="5"/>
  <c r="S6097" i="5"/>
  <c r="S1236" i="5"/>
  <c r="S2211" i="5"/>
  <c r="S435" i="5"/>
  <c r="S2585" i="5"/>
  <c r="S6839" i="5"/>
  <c r="S6299" i="5"/>
  <c r="S6470" i="5"/>
  <c r="S5499" i="5"/>
  <c r="S4446" i="5"/>
  <c r="S1270" i="5"/>
  <c r="S2622" i="5"/>
  <c r="S6951" i="5"/>
  <c r="S3981" i="5"/>
  <c r="S4079" i="5"/>
  <c r="S2278" i="5"/>
  <c r="S2442" i="5"/>
  <c r="S715" i="5"/>
  <c r="S3809" i="5"/>
  <c r="S529" i="5"/>
  <c r="S1763" i="5"/>
  <c r="S2533" i="5"/>
  <c r="S7921" i="5"/>
  <c r="S4780" i="5"/>
  <c r="S1544" i="5"/>
  <c r="S1218" i="5"/>
  <c r="S6918" i="5"/>
  <c r="S3453" i="5"/>
  <c r="S5060" i="5"/>
  <c r="S3429" i="5"/>
  <c r="S449" i="5"/>
  <c r="S8278" i="5"/>
  <c r="S4103" i="5"/>
  <c r="S1113" i="5"/>
  <c r="S6140" i="5"/>
  <c r="S7827" i="5"/>
  <c r="S3309" i="5"/>
  <c r="S8620" i="5"/>
  <c r="S1394" i="5"/>
  <c r="S2717" i="5"/>
  <c r="S547" i="5"/>
  <c r="S4067" i="5"/>
  <c r="S1435" i="5"/>
  <c r="S7000" i="5"/>
  <c r="S3377" i="5"/>
  <c r="S178" i="5"/>
  <c r="S1541" i="5"/>
  <c r="S6247" i="5"/>
  <c r="S8481" i="5"/>
  <c r="S3558" i="5"/>
  <c r="S1249" i="5"/>
  <c r="S7806" i="5"/>
  <c r="S5103" i="5"/>
  <c r="S1690" i="5"/>
  <c r="S2930" i="5"/>
  <c r="S1412" i="5"/>
  <c r="S7320" i="5"/>
  <c r="S8518" i="5"/>
  <c r="S8625" i="5"/>
  <c r="S3965" i="5"/>
  <c r="S3479" i="5"/>
  <c r="S4146" i="5"/>
  <c r="S2746" i="5"/>
  <c r="S3811" i="5"/>
  <c r="S1393" i="5"/>
  <c r="S8318" i="5"/>
  <c r="S1059" i="5"/>
  <c r="S3625" i="5"/>
  <c r="S8002" i="5"/>
  <c r="S6823" i="5"/>
  <c r="S5139" i="5"/>
  <c r="S7787" i="5"/>
  <c r="S8409" i="5"/>
  <c r="S8633" i="5"/>
  <c r="S235" i="5"/>
  <c r="S3618" i="5"/>
  <c r="S3653" i="5"/>
  <c r="S5958" i="5"/>
  <c r="S13" i="5"/>
  <c r="S623" i="5"/>
  <c r="S3915" i="5"/>
  <c r="S4966" i="5"/>
  <c r="S5961" i="5"/>
  <c r="S5734" i="5"/>
  <c r="S3709" i="5"/>
  <c r="S2450" i="5"/>
  <c r="S1605" i="5"/>
  <c r="S2420" i="5"/>
  <c r="S2887" i="5"/>
  <c r="S545" i="5"/>
  <c r="S6829" i="5"/>
  <c r="S6337" i="5"/>
  <c r="S86" i="5"/>
  <c r="S7597" i="5"/>
  <c r="S4722" i="5"/>
  <c r="S3082" i="5"/>
  <c r="S5245" i="5"/>
  <c r="S8282" i="5"/>
  <c r="S8001" i="5"/>
  <c r="S4290" i="5"/>
  <c r="S3203" i="5"/>
  <c r="S773" i="5"/>
  <c r="S2961" i="5"/>
  <c r="S2866" i="5"/>
  <c r="S8629" i="5"/>
  <c r="S5657" i="5"/>
  <c r="S6457" i="5"/>
  <c r="S5992" i="5"/>
  <c r="S6962" i="5"/>
  <c r="S3293" i="5"/>
  <c r="S3978" i="5"/>
  <c r="S8663" i="5"/>
  <c r="S2205" i="5"/>
  <c r="S2771" i="5"/>
  <c r="S2550" i="5"/>
  <c r="S2801" i="5"/>
  <c r="S8146" i="5"/>
  <c r="S7572" i="5"/>
  <c r="S4583" i="5"/>
  <c r="S1728" i="5"/>
  <c r="S8690" i="5"/>
  <c r="S4074" i="5"/>
  <c r="S2405" i="5"/>
  <c r="S7407" i="5"/>
  <c r="S6280" i="5"/>
  <c r="S6575" i="5"/>
  <c r="S6944" i="5"/>
  <c r="S1388" i="5"/>
  <c r="S3047" i="5"/>
  <c r="S4927" i="5"/>
  <c r="S4465" i="5"/>
  <c r="S1806" i="5"/>
  <c r="S3722" i="5"/>
  <c r="S5560" i="5"/>
  <c r="S425" i="5"/>
  <c r="S556" i="5"/>
  <c r="S112" i="5"/>
  <c r="S7779" i="5"/>
  <c r="S8589" i="5"/>
  <c r="S89" i="5"/>
  <c r="S1210" i="5"/>
  <c r="S6930" i="5"/>
  <c r="S193" i="5"/>
  <c r="S1125" i="5"/>
  <c r="S4239" i="5"/>
  <c r="S1606" i="5"/>
  <c r="S584" i="5"/>
  <c r="S8642" i="5"/>
  <c r="S6482" i="5"/>
  <c r="S90" i="5"/>
  <c r="S3759" i="5"/>
  <c r="S5500" i="5"/>
  <c r="S2242" i="5"/>
  <c r="S6967" i="5"/>
  <c r="S1591" i="5"/>
  <c r="S5634" i="5"/>
  <c r="S1298" i="5"/>
  <c r="S3227" i="5"/>
  <c r="S856" i="5"/>
  <c r="S3706" i="5"/>
  <c r="S574" i="5"/>
  <c r="S2439" i="5"/>
  <c r="S5583" i="5"/>
  <c r="S2875" i="5"/>
  <c r="S8420" i="5"/>
  <c r="S1372" i="5"/>
  <c r="S8645" i="5"/>
  <c r="S7243" i="5"/>
  <c r="S6114" i="5"/>
  <c r="S8137" i="5"/>
  <c r="S6969" i="5"/>
  <c r="S7756" i="5"/>
  <c r="S7431" i="5"/>
  <c r="S1935" i="5"/>
  <c r="S2257" i="5"/>
  <c r="S8439" i="5"/>
  <c r="S7800" i="5"/>
  <c r="S6429" i="5"/>
  <c r="S2298" i="5"/>
  <c r="S414" i="5"/>
  <c r="S7249" i="5"/>
  <c r="S7964" i="5"/>
  <c r="S4594" i="5"/>
  <c r="S6778" i="5"/>
  <c r="S459" i="5"/>
  <c r="S2608" i="5"/>
  <c r="S23" i="5"/>
  <c r="S5408" i="5"/>
  <c r="S7928" i="5"/>
  <c r="S6820" i="5"/>
  <c r="S348" i="5"/>
  <c r="S2050" i="5"/>
  <c r="S886" i="5"/>
  <c r="S122" i="5"/>
  <c r="S7092" i="5"/>
  <c r="S2130" i="5"/>
  <c r="S2562" i="5"/>
  <c r="S5473" i="5"/>
  <c r="S1258" i="5"/>
  <c r="S8499" i="5"/>
  <c r="S4403" i="5"/>
  <c r="S5057" i="5"/>
  <c r="S1579" i="5"/>
  <c r="S7003" i="5"/>
  <c r="S3039" i="5"/>
  <c r="S1290" i="5"/>
  <c r="S367" i="5"/>
  <c r="S286" i="5"/>
  <c r="S8422" i="5"/>
  <c r="S4085" i="5"/>
  <c r="S2387" i="5"/>
  <c r="S3251" i="5"/>
  <c r="S5486" i="5"/>
  <c r="S8600" i="5"/>
  <c r="S444" i="5"/>
  <c r="S6005" i="5"/>
  <c r="S8276" i="5"/>
  <c r="S1286" i="5"/>
  <c r="S2272" i="5"/>
  <c r="S196" i="5"/>
  <c r="S1778" i="5"/>
  <c r="S8105" i="5"/>
  <c r="S5578" i="5"/>
  <c r="S401" i="5"/>
  <c r="S7468" i="5"/>
  <c r="S5932" i="5"/>
  <c r="S8624" i="5"/>
  <c r="S4763" i="5"/>
  <c r="S3958" i="5"/>
  <c r="S2404" i="5"/>
  <c r="S3886" i="5"/>
  <c r="S2575" i="5"/>
  <c r="S5456" i="5"/>
  <c r="S8086" i="5"/>
  <c r="S7784" i="5"/>
  <c r="S295" i="5"/>
  <c r="S3588" i="5"/>
  <c r="S8598" i="5"/>
  <c r="S5403" i="5"/>
  <c r="S8604" i="5"/>
  <c r="S8135" i="5"/>
  <c r="S37" i="5"/>
  <c r="S6961" i="5"/>
  <c r="S2413" i="5"/>
  <c r="S4226" i="5"/>
  <c r="S4323" i="5"/>
  <c r="S1600" i="5"/>
  <c r="S2418" i="5"/>
  <c r="S6401" i="5"/>
  <c r="S7974" i="5"/>
  <c r="S4823" i="5"/>
  <c r="S3873" i="5"/>
  <c r="S3583" i="5"/>
  <c r="S2378" i="5"/>
  <c r="S8004" i="5"/>
  <c r="S3110" i="5"/>
  <c r="S2952" i="5"/>
  <c r="S6426" i="5"/>
  <c r="S1413" i="5"/>
  <c r="S714" i="5"/>
  <c r="S426" i="5"/>
  <c r="S1927" i="5"/>
  <c r="S2872" i="5"/>
  <c r="S1371" i="5"/>
  <c r="S3393" i="5"/>
  <c r="S1572" i="5"/>
  <c r="S7481" i="5"/>
  <c r="S4287" i="5"/>
  <c r="S3988" i="5"/>
  <c r="S6592" i="5"/>
  <c r="S384" i="5"/>
  <c r="S5650" i="5"/>
  <c r="S1253" i="5"/>
  <c r="S5908" i="5"/>
  <c r="S1405" i="5"/>
  <c r="S7587" i="5"/>
  <c r="S1859" i="5"/>
  <c r="S2262" i="5"/>
  <c r="S1028" i="5"/>
  <c r="S7741" i="5"/>
  <c r="S2970" i="5"/>
  <c r="S8329" i="5"/>
  <c r="S3286" i="5"/>
  <c r="S4641" i="5"/>
  <c r="S4771" i="5"/>
  <c r="S4899" i="5"/>
  <c r="S5387" i="5"/>
  <c r="S3621" i="5"/>
  <c r="S3640" i="5"/>
  <c r="S7627" i="5"/>
  <c r="S1580" i="5"/>
  <c r="S7412" i="5"/>
  <c r="S5448" i="5"/>
  <c r="S2237" i="5"/>
  <c r="S5588" i="5"/>
  <c r="S1923" i="5"/>
  <c r="S6639" i="5"/>
  <c r="S8429" i="5"/>
  <c r="S1373" i="5"/>
  <c r="S4903" i="5"/>
  <c r="S4482" i="5"/>
  <c r="S3252" i="5"/>
  <c r="S3769" i="5"/>
  <c r="S5471" i="5"/>
  <c r="S1461" i="5"/>
  <c r="S6283" i="5"/>
  <c r="S358" i="5"/>
  <c r="S7640" i="5"/>
  <c r="S2705" i="5"/>
  <c r="S1213" i="5"/>
  <c r="S4445" i="5"/>
  <c r="S5955" i="5"/>
  <c r="S6732" i="5"/>
  <c r="S2532" i="5"/>
  <c r="S7905" i="5"/>
  <c r="S7994" i="5"/>
  <c r="S6312" i="5"/>
  <c r="S4605" i="5"/>
  <c r="S6476" i="5"/>
  <c r="S3775" i="5"/>
  <c r="S1261" i="5"/>
  <c r="S1034" i="5"/>
  <c r="S6082" i="5"/>
  <c r="S4655" i="5"/>
  <c r="S2213" i="5"/>
  <c r="S1422" i="5"/>
  <c r="S2587" i="5"/>
  <c r="S6285" i="5"/>
  <c r="S5224" i="5"/>
  <c r="S7612" i="5"/>
  <c r="S1186" i="5"/>
  <c r="S6591" i="5"/>
  <c r="S2940" i="5"/>
  <c r="S3751" i="5"/>
  <c r="S1920" i="5"/>
  <c r="S5085" i="5"/>
  <c r="S3956" i="5"/>
  <c r="S4829" i="5"/>
  <c r="S3483" i="5"/>
  <c r="S2469" i="5"/>
  <c r="S3564" i="5"/>
  <c r="S4798" i="5"/>
  <c r="S4953" i="5"/>
  <c r="S1955" i="5"/>
  <c r="S1247" i="5"/>
  <c r="S5433" i="5"/>
  <c r="S5738" i="5"/>
  <c r="S2797" i="5"/>
  <c r="S4052" i="5"/>
  <c r="S111" i="5"/>
  <c r="S4612" i="5"/>
  <c r="S4474" i="5"/>
  <c r="S6662" i="5"/>
  <c r="S6756" i="5"/>
  <c r="S6987" i="5"/>
  <c r="S7621" i="5"/>
  <c r="S1464" i="5"/>
  <c r="S742" i="5"/>
  <c r="S7758" i="5"/>
  <c r="S5644" i="5"/>
  <c r="S6994" i="5"/>
  <c r="S781" i="5"/>
  <c r="S1926" i="5"/>
  <c r="S8352" i="5"/>
  <c r="S2421" i="5"/>
  <c r="S5922" i="5"/>
  <c r="S536" i="5"/>
  <c r="S8475" i="5"/>
  <c r="S6062" i="5"/>
  <c r="S7833" i="5"/>
  <c r="S7110" i="5"/>
  <c r="S4734" i="5"/>
  <c r="S6453" i="5"/>
  <c r="S2750" i="5"/>
  <c r="S1471" i="5"/>
  <c r="S8018" i="5"/>
  <c r="S6821" i="5"/>
  <c r="S1243" i="5"/>
  <c r="S6433" i="5"/>
  <c r="S4254" i="5"/>
  <c r="S2702" i="5"/>
  <c r="S894" i="5"/>
  <c r="S8340" i="5"/>
  <c r="S5077" i="5"/>
  <c r="S7239" i="5"/>
  <c r="S6108" i="5"/>
  <c r="S4830" i="5"/>
  <c r="S6661" i="5"/>
  <c r="S5777" i="5"/>
  <c r="S615" i="5"/>
  <c r="S1054" i="5"/>
  <c r="S7453" i="5"/>
  <c r="S2889" i="5"/>
  <c r="S4312" i="5"/>
  <c r="S5301" i="5"/>
  <c r="S5264" i="5"/>
  <c r="S4726" i="5"/>
  <c r="S5261" i="5"/>
  <c r="S386" i="5"/>
  <c r="S6812" i="5"/>
  <c r="S1797" i="5"/>
  <c r="S4047" i="5"/>
  <c r="S7514" i="5"/>
  <c r="S6142" i="5"/>
  <c r="S5406" i="5"/>
  <c r="S3569" i="5"/>
  <c r="S4157" i="5"/>
  <c r="S6915" i="5"/>
  <c r="S3068" i="5"/>
  <c r="S7618" i="5"/>
  <c r="S5599" i="5"/>
  <c r="S7838" i="5"/>
  <c r="S2558" i="5"/>
  <c r="S5975" i="5"/>
  <c r="S1942" i="5"/>
  <c r="S2628" i="5"/>
  <c r="S8247" i="5"/>
  <c r="S7177" i="5"/>
  <c r="S3262" i="5"/>
  <c r="S3127" i="5"/>
  <c r="S7792" i="5"/>
  <c r="S2054" i="5"/>
  <c r="S1411" i="5"/>
  <c r="S5928" i="5"/>
  <c r="S2732" i="5"/>
  <c r="S3415" i="5"/>
  <c r="S2043" i="5"/>
  <c r="S5477" i="5"/>
  <c r="S1029" i="5"/>
  <c r="S5772" i="5"/>
  <c r="S6948" i="5"/>
  <c r="S3948" i="5"/>
  <c r="S2723" i="5"/>
  <c r="S6398" i="5"/>
  <c r="S6777" i="5"/>
  <c r="S7275" i="5"/>
  <c r="S4740" i="5"/>
  <c r="S2761" i="5"/>
  <c r="S3457" i="5"/>
  <c r="S3925" i="5"/>
  <c r="S7487" i="5"/>
  <c r="S1956" i="5"/>
  <c r="S6800" i="5"/>
  <c r="S2954" i="5"/>
  <c r="S4630" i="5"/>
  <c r="S1757" i="5"/>
  <c r="S8632" i="5"/>
  <c r="S4064" i="5"/>
  <c r="S2395" i="5"/>
  <c r="S1563" i="5"/>
  <c r="S1033" i="5"/>
  <c r="S8668" i="5"/>
  <c r="S7747" i="5"/>
  <c r="S8510" i="5"/>
  <c r="S4982" i="5"/>
  <c r="S7064" i="5"/>
  <c r="S5736" i="5"/>
  <c r="S2217" i="5"/>
  <c r="S7789" i="5"/>
  <c r="S4633" i="5"/>
  <c r="S7136" i="5"/>
  <c r="S5083" i="5"/>
  <c r="S1353" i="5"/>
  <c r="S8630" i="5"/>
  <c r="S5300" i="5"/>
  <c r="S6790" i="5"/>
  <c r="S2574" i="5"/>
  <c r="S2026" i="5"/>
  <c r="S8139" i="5"/>
  <c r="S211" i="5"/>
  <c r="S1278" i="5"/>
  <c r="S8281" i="5"/>
  <c r="S2747" i="5"/>
  <c r="S5809" i="5"/>
  <c r="S1045" i="5"/>
  <c r="S3936" i="5"/>
  <c r="S4617" i="5"/>
  <c r="S4225" i="5"/>
  <c r="S5572" i="5"/>
  <c r="S7317" i="5"/>
  <c r="S7145" i="5"/>
  <c r="S7953" i="5"/>
  <c r="S4827" i="5"/>
  <c r="S238" i="5"/>
  <c r="S6776" i="5"/>
  <c r="S219" i="5"/>
  <c r="S6090" i="5"/>
  <c r="S3036" i="5"/>
  <c r="S860" i="5"/>
  <c r="S1807" i="5"/>
  <c r="S3143" i="5"/>
  <c r="S7677" i="5"/>
  <c r="S6321" i="5"/>
  <c r="S4438" i="5"/>
  <c r="S3642" i="5"/>
  <c r="S5956" i="5"/>
  <c r="S1452" i="5"/>
  <c r="S3447" i="5"/>
  <c r="S4410" i="5"/>
  <c r="S567" i="5"/>
  <c r="S6073" i="5"/>
  <c r="S6797" i="5"/>
  <c r="S7606" i="5"/>
  <c r="S5629" i="5"/>
  <c r="S391" i="5"/>
  <c r="S2258" i="5"/>
  <c r="S6814" i="5"/>
  <c r="S7066" i="5"/>
  <c r="S5743" i="5"/>
  <c r="S3733" i="5"/>
  <c r="S1756" i="5"/>
  <c r="S8149" i="5"/>
  <c r="S3430" i="5"/>
  <c r="S6403" i="5"/>
  <c r="S6304" i="5"/>
  <c r="S1067" i="5"/>
  <c r="S2309" i="5"/>
  <c r="S7920" i="5"/>
  <c r="S2873" i="5"/>
  <c r="S7768" i="5"/>
  <c r="S6572" i="5"/>
  <c r="S4437" i="5"/>
  <c r="S6444" i="5"/>
  <c r="S1581" i="5"/>
  <c r="S8184" i="5"/>
  <c r="S5722" i="5"/>
  <c r="S562" i="5"/>
  <c r="S7589" i="5"/>
  <c r="S2385" i="5"/>
  <c r="S2417" i="5"/>
  <c r="S4634" i="5"/>
  <c r="S6827" i="5"/>
  <c r="S3444" i="5"/>
  <c r="S2224" i="5"/>
  <c r="S6510" i="5"/>
  <c r="S8159" i="5"/>
  <c r="S2583" i="5"/>
  <c r="S6138" i="5"/>
  <c r="S4464" i="5"/>
  <c r="S3432" i="5"/>
  <c r="S4643" i="5"/>
  <c r="S8676" i="5"/>
  <c r="S5407" i="5"/>
  <c r="S4754" i="5"/>
  <c r="S1075" i="5"/>
  <c r="S5426" i="5"/>
  <c r="S735" i="5"/>
  <c r="S5796" i="5"/>
  <c r="S626" i="5"/>
  <c r="S6499" i="5"/>
  <c r="S858" i="5"/>
  <c r="S2788" i="5"/>
  <c r="S8301" i="5"/>
  <c r="S931" i="5"/>
  <c r="S278" i="5"/>
  <c r="S7910" i="5"/>
  <c r="S6145" i="5"/>
  <c r="S6648" i="5"/>
  <c r="S1356" i="5"/>
  <c r="S6316" i="5"/>
  <c r="S8678" i="5"/>
  <c r="S7403" i="5"/>
  <c r="S233" i="5"/>
  <c r="S7256" i="5"/>
  <c r="S1465" i="5"/>
  <c r="S4281" i="5"/>
  <c r="S3376" i="5"/>
  <c r="S1235" i="5"/>
  <c r="S8514" i="5"/>
  <c r="S70" i="5"/>
  <c r="S592" i="5"/>
  <c r="S7763" i="5"/>
  <c r="S7954" i="5"/>
  <c r="S1221" i="5"/>
  <c r="S5254" i="5"/>
  <c r="S4132" i="5"/>
  <c r="S5071" i="5"/>
  <c r="S7483" i="5"/>
  <c r="S46" i="5"/>
  <c r="S7071" i="5"/>
  <c r="S7807" i="5"/>
  <c r="S2784" i="5"/>
  <c r="S2534" i="5"/>
  <c r="S8151" i="5"/>
  <c r="S727" i="5"/>
  <c r="S434" i="5"/>
  <c r="S1914" i="5"/>
  <c r="S410" i="5"/>
  <c r="S8343" i="5"/>
  <c r="S2424" i="5"/>
  <c r="S3606" i="5"/>
  <c r="S1366" i="5"/>
  <c r="S7816" i="5"/>
  <c r="S8471" i="5"/>
  <c r="S8686" i="5"/>
  <c r="S5497" i="5"/>
  <c r="S6916" i="5"/>
  <c r="S3073" i="5"/>
  <c r="S8267" i="5"/>
  <c r="S4117" i="5"/>
  <c r="S7491" i="5"/>
  <c r="S6993" i="5"/>
  <c r="S61" i="5"/>
  <c r="S2644" i="5"/>
  <c r="S2893" i="5"/>
  <c r="S2712" i="5"/>
  <c r="S7999" i="5"/>
  <c r="S6297" i="5"/>
  <c r="S5767" i="5"/>
  <c r="S1229" i="5"/>
  <c r="S3629" i="5"/>
  <c r="S7592" i="5"/>
  <c r="S3086" i="5"/>
  <c r="S2243" i="5"/>
  <c r="S5253" i="5"/>
  <c r="S39" i="5"/>
  <c r="S4125" i="5"/>
  <c r="S4975" i="5"/>
  <c r="S3570" i="5"/>
  <c r="S179" i="5"/>
  <c r="S2934" i="5"/>
  <c r="S6735" i="5"/>
  <c r="S4211" i="5"/>
  <c r="S4932" i="5"/>
  <c r="S6143" i="5"/>
  <c r="S6638" i="5"/>
  <c r="S3955" i="5"/>
  <c r="S4087" i="5"/>
  <c r="S6326" i="5"/>
  <c r="S6290" i="5"/>
  <c r="S2466" i="5"/>
  <c r="S213" i="5"/>
  <c r="S3059" i="5"/>
  <c r="S7124" i="5"/>
  <c r="S8654" i="5"/>
  <c r="S350" i="5"/>
  <c r="S861" i="5"/>
  <c r="S1780" i="5"/>
  <c r="S5906" i="5"/>
  <c r="S438" i="5"/>
  <c r="S7831" i="5"/>
  <c r="S6296" i="5"/>
  <c r="S3959" i="5"/>
  <c r="S2102" i="5"/>
  <c r="S3465" i="5"/>
  <c r="S2472" i="5"/>
  <c r="S4149" i="5"/>
  <c r="S5313" i="5"/>
  <c r="S3121" i="5"/>
  <c r="S2377" i="5"/>
  <c r="S4116" i="5"/>
  <c r="S1688" i="5"/>
  <c r="S361" i="5"/>
  <c r="S4469" i="5"/>
  <c r="S8345" i="5"/>
  <c r="S107" i="5"/>
  <c r="S5666" i="5"/>
  <c r="S7836" i="5"/>
  <c r="S2121" i="5"/>
  <c r="S2476" i="5"/>
  <c r="S4444" i="5"/>
  <c r="S5610" i="5"/>
  <c r="S5118" i="5"/>
  <c r="S8503" i="5"/>
  <c r="S4109" i="5"/>
  <c r="S3049" i="5"/>
  <c r="S5967" i="5"/>
  <c r="S6623" i="5"/>
  <c r="S7080" i="5"/>
  <c r="S7338" i="5"/>
  <c r="S3714" i="5"/>
  <c r="S8111" i="5"/>
  <c r="S2443" i="5"/>
  <c r="S706" i="5"/>
  <c r="S2698" i="5"/>
  <c r="S884" i="5"/>
  <c r="S6244" i="5"/>
  <c r="S6836" i="5"/>
  <c r="S4481" i="5"/>
  <c r="S7106" i="5"/>
  <c r="S3399" i="5"/>
  <c r="S2137" i="5"/>
  <c r="S3614" i="5"/>
  <c r="S4757" i="5"/>
  <c r="S5789" i="5"/>
  <c r="S4416" i="5"/>
  <c r="S8000" i="5"/>
  <c r="S1617" i="5"/>
  <c r="S7785" i="5"/>
  <c r="S1790" i="5"/>
  <c r="S4231" i="5"/>
  <c r="S1536" i="5"/>
  <c r="S1127" i="5"/>
  <c r="S4317" i="5"/>
  <c r="S5162" i="5"/>
  <c r="S291" i="5"/>
  <c r="S2714" i="5"/>
  <c r="S6632" i="5"/>
  <c r="S2729" i="5"/>
  <c r="S5652" i="5"/>
  <c r="S5757" i="5"/>
  <c r="S98" i="5"/>
  <c r="S1433" i="5"/>
  <c r="S8764" i="5"/>
  <c r="S368" i="5"/>
  <c r="S8087" i="5"/>
  <c r="S6747" i="5"/>
  <c r="S5570" i="5"/>
  <c r="S5598" i="5"/>
  <c r="S7155" i="5"/>
  <c r="S8293" i="5"/>
  <c r="S939" i="5"/>
  <c r="S2715" i="5"/>
  <c r="S3149" i="5"/>
  <c r="S3951" i="5"/>
  <c r="S2400" i="5"/>
  <c r="S3758" i="5"/>
  <c r="S5617" i="5"/>
  <c r="S1879" i="5"/>
  <c r="S6463" i="5"/>
  <c r="S5329" i="5"/>
  <c r="S3109" i="5"/>
  <c r="S6170" i="5"/>
  <c r="S3741" i="5"/>
  <c r="S960" i="5"/>
  <c r="S5905" i="5"/>
  <c r="S8520" i="5"/>
  <c r="S67" i="5"/>
  <c r="S3146" i="5"/>
  <c r="S7966" i="5"/>
  <c r="S3631" i="5"/>
  <c r="S456" i="5"/>
  <c r="S4788" i="5"/>
  <c r="S5067" i="5"/>
  <c r="S6935" i="5"/>
  <c r="S3552" i="5"/>
  <c r="S3908" i="5"/>
  <c r="S4972" i="5"/>
  <c r="S7301" i="5"/>
  <c r="S5451" i="5"/>
  <c r="S6644" i="5"/>
  <c r="S551" i="5"/>
  <c r="S596" i="5"/>
  <c r="S6118" i="5"/>
  <c r="S2570" i="5"/>
  <c r="S3579" i="5"/>
  <c r="S3071" i="5"/>
  <c r="S5995" i="5"/>
  <c r="S7133" i="5"/>
  <c r="S1590" i="5"/>
  <c r="S7495" i="5"/>
  <c r="S3897" i="5"/>
  <c r="S1876" i="5"/>
  <c r="S6629" i="5"/>
  <c r="S8098" i="5"/>
  <c r="S4951" i="5"/>
  <c r="S576" i="5"/>
  <c r="S79" i="5"/>
  <c r="S407" i="5"/>
  <c r="S116" i="5"/>
  <c r="S1228" i="5"/>
  <c r="S5217" i="5"/>
  <c r="S4759" i="5"/>
  <c r="S4796" i="5"/>
  <c r="S4126" i="5"/>
  <c r="S1281" i="5"/>
  <c r="S3406" i="5"/>
  <c r="S2634" i="5"/>
  <c r="S4327" i="5"/>
  <c r="S2962" i="5"/>
  <c r="S4279" i="5"/>
  <c r="S3949" i="5"/>
  <c r="S3314" i="5"/>
  <c r="S1064" i="5"/>
  <c r="S4787" i="5"/>
  <c r="S1462" i="5"/>
  <c r="S3941" i="5"/>
  <c r="S3819" i="5"/>
  <c r="S3556" i="5"/>
  <c r="S8748" i="5"/>
  <c r="S2275" i="5"/>
  <c r="S8438" i="5"/>
  <c r="S2896" i="5"/>
  <c r="S560" i="5"/>
  <c r="S4049" i="5"/>
  <c r="S602" i="5"/>
  <c r="S4783" i="5"/>
  <c r="S3310" i="5"/>
  <c r="S3476" i="5"/>
  <c r="S3257" i="5"/>
  <c r="S3626" i="5"/>
  <c r="S6970" i="5"/>
  <c r="S4999" i="5"/>
  <c r="S1091" i="5"/>
  <c r="S3112" i="5"/>
  <c r="S5132" i="5"/>
  <c r="S2937" i="5"/>
  <c r="S6435" i="5"/>
  <c r="S8100" i="5"/>
  <c r="S439" i="5"/>
  <c r="S8353" i="5"/>
  <c r="S119" i="5"/>
  <c r="S5667" i="5"/>
  <c r="S8582" i="5"/>
  <c r="S7421" i="5"/>
  <c r="S7268" i="5"/>
  <c r="S2129" i="5"/>
  <c r="S3565" i="5"/>
  <c r="S8482" i="5"/>
  <c r="S5068" i="5"/>
  <c r="S1573" i="5"/>
  <c r="S1241" i="5"/>
  <c r="S1765" i="5"/>
  <c r="S1532" i="5"/>
  <c r="S7157" i="5"/>
  <c r="S8523" i="5"/>
  <c r="S7458" i="5"/>
  <c r="S1894" i="5"/>
  <c r="S3587" i="5"/>
  <c r="S8635" i="5"/>
  <c r="S3471" i="5"/>
  <c r="S1230" i="5"/>
  <c r="S4147" i="5"/>
  <c r="S6904" i="5"/>
  <c r="S2261" i="5"/>
  <c r="S1023" i="5"/>
  <c r="S5113" i="5"/>
  <c r="S2756" i="5"/>
  <c r="S8494" i="5"/>
  <c r="S8662" i="5"/>
  <c r="S3991" i="5"/>
  <c r="S3055" i="5"/>
  <c r="S4042" i="5"/>
  <c r="S1706" i="5"/>
  <c r="S853" i="5"/>
  <c r="S2548" i="5"/>
  <c r="S879" i="5"/>
  <c r="S6149" i="5"/>
  <c r="S3409" i="5"/>
  <c r="S2373" i="5"/>
  <c r="S2760" i="5"/>
  <c r="S3459" i="5"/>
  <c r="S8759" i="5"/>
  <c r="S5320" i="5"/>
  <c r="S850" i="5"/>
  <c r="S788" i="5"/>
  <c r="S8101" i="5"/>
  <c r="S2441" i="5"/>
  <c r="S3545" i="5"/>
  <c r="S2096" i="5"/>
  <c r="S6940" i="5"/>
  <c r="S6070" i="5"/>
  <c r="S5969" i="5"/>
  <c r="S1760" i="5"/>
  <c r="S5106" i="5"/>
  <c r="S1434" i="5"/>
  <c r="S7744" i="5"/>
  <c r="S8760" i="5"/>
  <c r="S8112" i="5"/>
  <c r="S7595" i="5"/>
  <c r="S381" i="5"/>
  <c r="S4484" i="5"/>
  <c r="S2920" i="5"/>
  <c r="S6122" i="5"/>
  <c r="S5605" i="5"/>
  <c r="S5989" i="5"/>
  <c r="S8495" i="5"/>
  <c r="S6224" i="5"/>
  <c r="S7253" i="5"/>
  <c r="S8576" i="5"/>
  <c r="S2396" i="5"/>
  <c r="S6668" i="5"/>
  <c r="S1867" i="5"/>
  <c r="S8008" i="5"/>
  <c r="S5273" i="5"/>
  <c r="S5901" i="5"/>
  <c r="S2869" i="5"/>
  <c r="S6464" i="5"/>
  <c r="S1069" i="5"/>
  <c r="S8480" i="5"/>
  <c r="S8766" i="5"/>
  <c r="S1109" i="5"/>
  <c r="S8073" i="5"/>
  <c r="S7083" i="5"/>
  <c r="S5724" i="5"/>
  <c r="S918" i="5"/>
  <c r="S7143" i="5"/>
  <c r="S8294" i="5"/>
  <c r="S925" i="5"/>
  <c r="S1592" i="5"/>
  <c r="S105" i="5"/>
  <c r="S8680" i="5"/>
  <c r="S7432" i="5"/>
  <c r="S2919" i="5"/>
  <c r="S1792" i="5"/>
  <c r="S65" i="5"/>
  <c r="S7497" i="5"/>
  <c r="S2971" i="5"/>
  <c r="S7608" i="5"/>
  <c r="S6452" i="5"/>
  <c r="AX31" i="1"/>
  <c r="AY31" i="1"/>
  <c r="AW31" i="1"/>
  <c r="AV31" i="1"/>
  <c r="S2886" i="5"/>
  <c r="S4598" i="5"/>
  <c r="S6649" i="5"/>
  <c r="S8594" i="5"/>
  <c r="S3204" i="5"/>
  <c r="S890" i="5"/>
  <c r="S2894" i="5"/>
  <c r="S4245" i="5"/>
  <c r="S352" i="5"/>
  <c r="S7790" i="5"/>
  <c r="S7312" i="5"/>
  <c r="S73" i="5"/>
  <c r="S6672" i="5"/>
  <c r="S4142" i="5"/>
  <c r="S3650" i="5"/>
  <c r="S1071" i="5"/>
  <c r="S15" i="5"/>
  <c r="S4727" i="5"/>
  <c r="S966" i="5"/>
  <c r="S2776" i="5"/>
  <c r="S4962" i="5"/>
  <c r="S104" i="5"/>
  <c r="S3964" i="5"/>
  <c r="S5890" i="5"/>
  <c r="S4661" i="5"/>
  <c r="S243" i="5"/>
  <c r="S1424" i="5"/>
  <c r="S3452" i="5"/>
  <c r="S8177" i="5"/>
  <c r="S2236" i="5"/>
  <c r="S7588" i="5"/>
  <c r="S4640" i="5"/>
  <c r="S6303" i="5"/>
  <c r="S2473" i="5"/>
  <c r="S3568" i="5"/>
  <c r="S2368" i="5"/>
  <c r="S7441" i="5"/>
  <c r="S531" i="5"/>
  <c r="S3369" i="5"/>
  <c r="S6135" i="5"/>
  <c r="S241" i="5"/>
  <c r="S7260" i="5"/>
  <c r="S7615" i="5"/>
  <c r="S6157" i="5"/>
  <c r="S8436" i="5"/>
  <c r="S4587" i="5"/>
  <c r="S6830" i="5"/>
  <c r="S6318" i="5"/>
  <c r="S4145" i="5"/>
  <c r="S5952" i="5"/>
  <c r="S7442" i="5"/>
  <c r="S3636" i="5"/>
  <c r="S2968" i="5"/>
  <c r="S1364" i="5"/>
  <c r="S370" i="5"/>
  <c r="S2779" i="5"/>
  <c r="S261" i="5"/>
  <c r="S1119" i="5"/>
  <c r="S933" i="5"/>
  <c r="S2708" i="5"/>
  <c r="S4902" i="5"/>
  <c r="S4808" i="5"/>
  <c r="S6656" i="5"/>
  <c r="S3092" i="5"/>
  <c r="S7931" i="5"/>
  <c r="S5317" i="5"/>
  <c r="S4914" i="5"/>
  <c r="S543" i="5"/>
  <c r="S607" i="5"/>
  <c r="S7181" i="5"/>
  <c r="S1431" i="5"/>
  <c r="S3295" i="5"/>
  <c r="S7072" i="5"/>
  <c r="S1719" i="5"/>
  <c r="S7977" i="5"/>
  <c r="S4824" i="5"/>
  <c r="S6342" i="5"/>
  <c r="S82" i="5"/>
  <c r="S3773" i="5"/>
  <c r="S2079" i="5"/>
  <c r="S4104" i="5"/>
  <c r="S1929" i="5"/>
  <c r="S1628" i="5"/>
  <c r="S2924" i="5"/>
  <c r="S7759" i="5"/>
  <c r="S1869" i="5"/>
  <c r="S533" i="5"/>
  <c r="S699" i="5"/>
  <c r="S1731" i="5"/>
  <c r="S7983" i="5"/>
  <c r="S1459" i="5"/>
  <c r="S3461" i="5"/>
  <c r="S2959" i="5"/>
  <c r="S264" i="5"/>
  <c r="S874" i="5"/>
  <c r="S6477" i="5"/>
  <c r="S4720" i="5"/>
  <c r="S215" i="5"/>
  <c r="S3058" i="5"/>
  <c r="S6968" i="5"/>
  <c r="S1111" i="5"/>
  <c r="S3229" i="5"/>
  <c r="S3720" i="5"/>
  <c r="S5278" i="5"/>
  <c r="S7175" i="5"/>
  <c r="S2553" i="5"/>
  <c r="S5431" i="5"/>
  <c r="S2638" i="5"/>
  <c r="S779" i="5"/>
  <c r="S4590" i="5"/>
  <c r="S7404" i="5"/>
  <c r="S2107" i="5"/>
  <c r="S247" i="5"/>
  <c r="S3397" i="5"/>
  <c r="S7602" i="5"/>
  <c r="S4405" i="5"/>
  <c r="S541" i="5"/>
  <c r="S185" i="5"/>
  <c r="S6844" i="5"/>
  <c r="S5291" i="5"/>
  <c r="S3652" i="5"/>
  <c r="S4717" i="5"/>
  <c r="S3060" i="5"/>
  <c r="S3460" i="5"/>
  <c r="S1577" i="5"/>
  <c r="S1934" i="5"/>
  <c r="S2642" i="5"/>
  <c r="S5123" i="5"/>
  <c r="S2233" i="5"/>
  <c r="S7963" i="5"/>
  <c r="S7416" i="5"/>
  <c r="S1549" i="5"/>
  <c r="S6796" i="5"/>
  <c r="S5233" i="5"/>
  <c r="S3615" i="5"/>
  <c r="S6941" i="5"/>
  <c r="S3272" i="5"/>
  <c r="S395" i="5"/>
  <c r="S2730" i="5"/>
  <c r="S113" i="5"/>
  <c r="S3962" i="5"/>
  <c r="S4596" i="5"/>
  <c r="S7419" i="5"/>
  <c r="S6287" i="5"/>
  <c r="S8131" i="5"/>
  <c r="S38" i="5"/>
  <c r="S2709" i="5"/>
  <c r="S5122" i="5"/>
  <c r="S4624" i="5"/>
  <c r="S6445" i="5"/>
  <c r="S3952" i="5"/>
  <c r="S7278" i="5"/>
  <c r="S6979" i="5"/>
  <c r="S4570" i="5"/>
  <c r="S8464" i="5"/>
  <c r="S7959" i="5"/>
  <c r="S6799" i="5"/>
  <c r="S609" i="5"/>
  <c r="S3119" i="5"/>
  <c r="S7454" i="5"/>
  <c r="S2429" i="5"/>
  <c r="S3400" i="5"/>
  <c r="S8664" i="5"/>
  <c r="S709" i="5"/>
  <c r="S4392" i="5"/>
  <c r="S7086" i="5"/>
  <c r="S4810" i="5"/>
  <c r="S7605" i="5"/>
  <c r="S217" i="5"/>
  <c r="S2254" i="5"/>
  <c r="S5048" i="5"/>
  <c r="S1386" i="5"/>
  <c r="S8181" i="5"/>
  <c r="S7075" i="5"/>
  <c r="S4616" i="5"/>
  <c r="S2206" i="5"/>
  <c r="S2547" i="5"/>
  <c r="S1738" i="5"/>
  <c r="S700" i="5"/>
  <c r="S57" i="5"/>
  <c r="S3783" i="5"/>
  <c r="S7854" i="5"/>
  <c r="S5398" i="5"/>
  <c r="S2126" i="5"/>
  <c r="S5111" i="5"/>
  <c r="S8271" i="5"/>
  <c r="S3917" i="5"/>
  <c r="S7347" i="5"/>
  <c r="S260" i="5"/>
  <c r="S1900" i="5"/>
  <c r="S2883" i="5"/>
  <c r="S5665" i="5"/>
  <c r="S5281" i="5"/>
  <c r="S3482" i="5"/>
  <c r="S5402" i="5"/>
  <c r="S6100" i="5"/>
  <c r="S3551" i="5"/>
  <c r="S1943" i="5"/>
  <c r="S3215" i="5"/>
  <c r="S8691" i="5"/>
  <c r="S7844" i="5"/>
  <c r="S7423" i="5"/>
  <c r="S1185" i="5"/>
  <c r="S1460" i="5"/>
  <c r="S5050" i="5"/>
  <c r="S8005" i="5"/>
  <c r="S4645" i="5"/>
  <c r="S2741" i="5"/>
  <c r="S4069" i="5"/>
  <c r="S7174" i="5"/>
  <c r="S6783" i="5"/>
  <c r="S6769" i="5"/>
  <c r="S3620" i="5"/>
  <c r="S3458" i="5"/>
  <c r="S2950" i="5"/>
  <c r="S8452" i="5"/>
  <c r="S2783" i="5"/>
  <c r="S6633" i="5"/>
  <c r="S6407" i="5"/>
  <c r="S8243" i="5"/>
  <c r="S6447" i="5"/>
  <c r="S8331" i="5"/>
  <c r="S5741" i="5"/>
  <c r="S8440" i="5"/>
  <c r="S7333" i="5"/>
  <c r="S1901" i="5"/>
  <c r="S6831" i="5"/>
  <c r="S6986" i="5"/>
  <c r="S2749" i="5"/>
  <c r="S5062" i="5"/>
  <c r="S1382" i="5"/>
  <c r="S6617" i="5"/>
  <c r="S7077" i="5"/>
  <c r="S3744" i="5"/>
  <c r="S8453" i="5"/>
  <c r="S1787" i="5"/>
  <c r="S6439" i="5"/>
  <c r="S6066" i="5"/>
  <c r="S1554" i="5"/>
  <c r="S1582" i="5"/>
  <c r="S3989" i="5"/>
  <c r="S1711" i="5"/>
  <c r="S6495" i="5"/>
  <c r="S6621" i="5"/>
  <c r="S571" i="5"/>
  <c r="S5485" i="5"/>
  <c r="S1073" i="5"/>
  <c r="S8284" i="5"/>
  <c r="S4128" i="5"/>
  <c r="S6938" i="5"/>
  <c r="S8761" i="5"/>
  <c r="S1061" i="5"/>
  <c r="S4389" i="5"/>
  <c r="S8169" i="5"/>
  <c r="S857" i="5"/>
  <c r="S8432" i="5"/>
  <c r="S409" i="5"/>
  <c r="S872" i="5"/>
  <c r="S3894" i="5"/>
  <c r="S2374" i="5"/>
  <c r="S3644" i="5"/>
  <c r="S5104" i="5"/>
  <c r="S5069" i="5"/>
  <c r="S6155" i="5"/>
  <c r="S4470" i="5"/>
  <c r="S3218" i="5"/>
  <c r="S8413" i="5"/>
  <c r="S7774" i="5"/>
  <c r="S8272" i="5"/>
  <c r="S1397" i="5"/>
  <c r="S4987" i="5"/>
  <c r="S2974" i="5"/>
  <c r="S6171" i="5"/>
  <c r="S5140" i="5"/>
  <c r="S4638" i="5"/>
  <c r="S4230" i="5"/>
  <c r="S4931" i="5"/>
  <c r="S7767" i="5"/>
  <c r="S6485" i="5"/>
  <c r="S6667" i="5"/>
  <c r="S4756" i="5"/>
  <c r="S6963" i="5"/>
  <c r="S5812" i="5"/>
  <c r="S2789" i="5"/>
  <c r="S2394" i="5"/>
  <c r="S3464" i="5"/>
  <c r="S2382" i="5"/>
  <c r="S1267" i="5"/>
  <c r="S3084" i="5"/>
  <c r="S7633" i="5"/>
  <c r="S5064" i="5"/>
  <c r="S5640" i="5"/>
  <c r="S5327" i="5"/>
  <c r="S4144" i="5"/>
  <c r="S855" i="5"/>
  <c r="S3789" i="5"/>
  <c r="S2713" i="5"/>
  <c r="S1359" i="5"/>
  <c r="S3311" i="5"/>
  <c r="S5384" i="5"/>
  <c r="S3085" i="5"/>
  <c r="S2249" i="5"/>
  <c r="S4967" i="5"/>
  <c r="S4295" i="5"/>
  <c r="S534" i="5"/>
  <c r="S1963" i="5"/>
  <c r="S784" i="5"/>
  <c r="S4608" i="5"/>
  <c r="S6291" i="5"/>
  <c r="S4554" i="5"/>
  <c r="S7949" i="5"/>
  <c r="S372" i="5"/>
  <c r="S4456" i="5"/>
  <c r="S8262" i="5"/>
  <c r="S6256" i="5"/>
  <c r="S5052" i="5"/>
  <c r="S3247" i="5"/>
  <c r="S1246" i="5"/>
  <c r="S2100" i="5"/>
  <c r="S231" i="5"/>
  <c r="S3610" i="5"/>
  <c r="S3746" i="5"/>
  <c r="S6428" i="5"/>
  <c r="S7680" i="5"/>
  <c r="S8311" i="5"/>
  <c r="S5750" i="5"/>
  <c r="S7638" i="5"/>
  <c r="S4978" i="5"/>
  <c r="S8425" i="5"/>
  <c r="S5390" i="5"/>
  <c r="S6292" i="5"/>
  <c r="S6582" i="5"/>
  <c r="S3609" i="5"/>
  <c r="S7613" i="5"/>
  <c r="S448" i="5"/>
  <c r="S8490" i="5"/>
  <c r="S7112" i="5"/>
  <c r="S4955" i="5"/>
  <c r="S6599" i="5"/>
  <c r="S7770" i="5"/>
  <c r="S2569" i="5"/>
  <c r="S7307" i="5"/>
  <c r="S1720" i="5"/>
  <c r="S1368" i="5"/>
  <c r="S8474" i="5"/>
  <c r="S3806" i="5"/>
  <c r="S611" i="5"/>
  <c r="S6813" i="5"/>
  <c r="S1895" i="5"/>
  <c r="S8344" i="5"/>
  <c r="S6634" i="5"/>
  <c r="S8579" i="5"/>
  <c r="S4478" i="5"/>
  <c r="S4806" i="5"/>
  <c r="S5330" i="5"/>
  <c r="S7980" i="5"/>
  <c r="S2563" i="5"/>
  <c r="S1877" i="5"/>
  <c r="S6159" i="5"/>
  <c r="S6838" i="5"/>
  <c r="S2398" i="5"/>
  <c r="S6294" i="5"/>
  <c r="S6004" i="5"/>
  <c r="S2946" i="5"/>
  <c r="S3223" i="5"/>
  <c r="S7471" i="5"/>
  <c r="S1625" i="5"/>
  <c r="S180" i="5"/>
  <c r="S5933" i="5"/>
  <c r="S7666" i="5"/>
  <c r="S4781" i="5"/>
  <c r="S7094" i="5"/>
  <c r="S5061" i="5"/>
  <c r="S5641" i="5"/>
  <c r="S7935" i="5"/>
  <c r="S380" i="5"/>
  <c r="S4625" i="5"/>
  <c r="S277" i="5"/>
  <c r="S6237" i="5"/>
  <c r="S3263" i="5"/>
  <c r="S6984" i="5"/>
  <c r="S7635" i="5"/>
  <c r="S1037" i="5"/>
  <c r="S7849" i="5"/>
  <c r="S7158" i="5"/>
  <c r="S8417" i="5"/>
  <c r="S8685" i="5"/>
  <c r="S7408" i="5"/>
  <c r="S6774" i="5"/>
  <c r="S3613" i="5"/>
  <c r="S453" i="5"/>
  <c r="S8286" i="5"/>
  <c r="S1466" i="5"/>
  <c r="S4057" i="5"/>
  <c r="S4311" i="5"/>
  <c r="S3792" i="5"/>
  <c r="S282" i="5"/>
  <c r="S3140" i="5"/>
  <c r="S2566" i="5"/>
  <c r="S6102" i="5"/>
  <c r="S1237" i="5"/>
  <c r="S1798" i="5"/>
  <c r="S3797" i="5"/>
  <c r="S3280" i="5"/>
  <c r="S2630" i="5"/>
  <c r="S5160" i="5"/>
  <c r="S3717" i="5"/>
  <c r="S2592" i="5"/>
  <c r="S2735" i="5"/>
  <c r="S6795" i="5"/>
  <c r="S6255" i="5"/>
  <c r="S6275" i="5"/>
  <c r="S6999" i="5"/>
  <c r="S4377" i="5"/>
  <c r="S3724" i="5"/>
  <c r="S2264" i="5"/>
  <c r="S1639" i="5"/>
  <c r="S4942" i="5"/>
  <c r="S5596" i="5"/>
  <c r="S1904" i="5"/>
  <c r="S5082" i="5"/>
  <c r="S7233" i="5"/>
  <c r="S8610" i="5"/>
  <c r="S6006" i="5"/>
  <c r="S4120" i="5"/>
  <c r="S1588" i="5"/>
  <c r="S5643" i="5"/>
  <c r="S5981" i="5"/>
  <c r="S6168" i="5"/>
  <c r="S1619" i="5"/>
  <c r="S1772" i="5"/>
  <c r="S3142" i="5"/>
  <c r="S1714" i="5"/>
  <c r="S4273" i="5"/>
  <c r="S108" i="5"/>
  <c r="S6394" i="5"/>
  <c r="S5302" i="5"/>
  <c r="S2131" i="5"/>
  <c r="S5481" i="5"/>
  <c r="S8614" i="5"/>
  <c r="S5474" i="5"/>
  <c r="S6975" i="5"/>
  <c r="S5800" i="5"/>
  <c r="S4286" i="5"/>
  <c r="S3385" i="5"/>
  <c r="S1250" i="5"/>
  <c r="S8170" i="5"/>
  <c r="S7078" i="5"/>
  <c r="S7791" i="5"/>
  <c r="S2192" i="5"/>
  <c r="S2539" i="5"/>
  <c r="S1755" i="5"/>
  <c r="S7325" i="5"/>
  <c r="S8158" i="5"/>
  <c r="S8305" i="5"/>
  <c r="S5147" i="5"/>
  <c r="S6301" i="5"/>
  <c r="S6076" i="5"/>
  <c r="S8254" i="5"/>
  <c r="S1190" i="5"/>
  <c r="S738" i="5"/>
  <c r="S3541" i="5"/>
  <c r="S3903" i="5"/>
  <c r="S5821" i="5"/>
  <c r="S4453" i="5"/>
  <c r="S1791" i="5"/>
  <c r="S6728" i="5"/>
  <c r="S2543" i="5"/>
  <c r="S8526" i="5"/>
  <c r="S1883" i="5"/>
  <c r="S3428" i="5"/>
  <c r="S7985" i="5"/>
  <c r="S6127" i="5"/>
  <c r="S3474" i="5"/>
  <c r="S81" i="5"/>
  <c r="S3404" i="5"/>
  <c r="S6571" i="5"/>
  <c r="S2078" i="5"/>
  <c r="S3538" i="5"/>
  <c r="S4089" i="5"/>
  <c r="S5965" i="5"/>
  <c r="S5424" i="5"/>
  <c r="S3284" i="5"/>
  <c r="S5443" i="5"/>
  <c r="S7087" i="5"/>
  <c r="S2059" i="5"/>
  <c r="S8505" i="5"/>
  <c r="S4737" i="5"/>
  <c r="S5098" i="5"/>
  <c r="S2082" i="5"/>
  <c r="S7125" i="5"/>
  <c r="S6937" i="5"/>
  <c r="S608" i="5"/>
  <c r="S383" i="5"/>
  <c r="S1531" i="5"/>
  <c r="S6411" i="5"/>
  <c r="S349" i="5"/>
  <c r="S3740" i="5"/>
  <c r="S964" i="5"/>
  <c r="S8415" i="5"/>
  <c r="S6307" i="5"/>
  <c r="S7415" i="5"/>
  <c r="S7098" i="5"/>
  <c r="S1559" i="5"/>
  <c r="S7649" i="5"/>
  <c r="S750" i="5"/>
  <c r="S3922" i="5"/>
  <c r="S6952" i="5"/>
  <c r="S3228" i="5"/>
  <c r="S5977" i="5"/>
  <c r="S2283" i="5"/>
  <c r="S8444" i="5"/>
  <c r="S7516" i="5"/>
  <c r="S6130" i="5"/>
  <c r="S7988" i="5"/>
  <c r="S6313" i="5"/>
  <c r="S1562" i="5"/>
  <c r="S230" i="5"/>
  <c r="S6577" i="5"/>
  <c r="S5461" i="5"/>
  <c r="S1087" i="5"/>
  <c r="S55" i="5"/>
  <c r="S6922" i="5"/>
  <c r="S1390" i="5"/>
  <c r="S1062" i="5"/>
  <c r="S7303" i="5"/>
  <c r="S5729" i="5"/>
  <c r="S2048" i="5"/>
  <c r="S4944" i="5"/>
  <c r="S7571" i="5"/>
  <c r="S2294" i="5"/>
  <c r="S281" i="5"/>
  <c r="S3423" i="5"/>
  <c r="S2586" i="5"/>
  <c r="S3596" i="5"/>
  <c r="S6845" i="5"/>
  <c r="S8674" i="5"/>
  <c r="S6079" i="5"/>
  <c r="S6334" i="5"/>
  <c r="S3260" i="5"/>
  <c r="S6276" i="5"/>
  <c r="S6581" i="5"/>
  <c r="S7642" i="5"/>
  <c r="S7599" i="5"/>
  <c r="S1395" i="5"/>
  <c r="S8014" i="5"/>
  <c r="S3885" i="5"/>
  <c r="S2280" i="5"/>
  <c r="S2232" i="5"/>
  <c r="S4948" i="5"/>
  <c r="S760" i="5"/>
  <c r="S4247" i="5"/>
  <c r="S421" i="5"/>
  <c r="S8357" i="5"/>
  <c r="S5084" i="5"/>
  <c r="S4812" i="5"/>
  <c r="S6664" i="5"/>
  <c r="S6338" i="5"/>
  <c r="S2567" i="5"/>
  <c r="S4424" i="5"/>
  <c r="S8141" i="5"/>
  <c r="S2075" i="5"/>
  <c r="S2239" i="5"/>
  <c r="S1795" i="5"/>
  <c r="S8165" i="5"/>
  <c r="S3418" i="5"/>
  <c r="S4077" i="5"/>
  <c r="S5622" i="5"/>
  <c r="S222" i="5"/>
  <c r="S3100" i="5"/>
  <c r="S8502" i="5"/>
  <c r="S7130" i="5"/>
  <c r="S8335" i="5"/>
  <c r="S5086" i="5"/>
  <c r="S4384" i="5"/>
  <c r="S1766" i="5"/>
  <c r="S5586" i="5"/>
  <c r="S1925" i="5"/>
  <c r="S7769" i="5"/>
  <c r="S7952" i="5"/>
  <c r="S7417" i="5"/>
  <c r="S4153" i="5"/>
  <c r="S7596" i="5"/>
  <c r="S5623" i="5"/>
  <c r="S3103" i="5"/>
  <c r="S3898" i="5"/>
  <c r="S1952" i="5"/>
  <c r="S1232" i="5"/>
  <c r="S4386" i="5"/>
  <c r="S7343" i="5"/>
  <c r="S4939" i="5"/>
  <c r="S2431" i="5"/>
  <c r="S5926" i="5"/>
  <c r="S3602" i="5"/>
  <c r="S6775" i="5"/>
  <c r="S2479" i="5"/>
  <c r="S5621" i="5"/>
  <c r="S5987" i="5"/>
  <c r="S749" i="5"/>
  <c r="S613" i="5"/>
  <c r="S7007" i="5"/>
  <c r="S4992" i="5"/>
  <c r="S7298" i="5"/>
  <c r="S3116" i="5"/>
  <c r="S362" i="5"/>
  <c r="S1805" i="5"/>
  <c r="S8109" i="5"/>
  <c r="S4947" i="5"/>
  <c r="S2451" i="5"/>
  <c r="S2981" i="5"/>
  <c r="S6141" i="5"/>
  <c r="S6412" i="5"/>
  <c r="S5296" i="5"/>
  <c r="S6781" i="5"/>
  <c r="S2139" i="5"/>
  <c r="S2467" i="5"/>
  <c r="S4716" i="5"/>
  <c r="S2765" i="5"/>
  <c r="S8665" i="5"/>
  <c r="S7013" i="5"/>
  <c r="S7936" i="5"/>
  <c r="S94" i="5"/>
  <c r="S5635" i="5"/>
  <c r="S5966" i="5"/>
  <c r="S6630" i="5"/>
  <c r="S1796" i="5"/>
  <c r="S7575" i="5"/>
  <c r="S8511" i="5"/>
  <c r="S7462" i="5"/>
  <c r="S7264" i="5"/>
  <c r="S2458" i="5"/>
  <c r="S5230" i="5"/>
  <c r="S8607" i="5"/>
  <c r="S5472" i="5"/>
  <c r="S6003" i="5"/>
  <c r="S1451" i="5"/>
  <c r="S7122" i="5"/>
  <c r="S5070" i="5"/>
  <c r="S3904" i="5"/>
  <c r="S8094" i="5"/>
  <c r="S3368" i="5"/>
  <c r="S1707" i="5"/>
  <c r="S6750" i="5"/>
  <c r="S254" i="5"/>
  <c r="S8102" i="5"/>
  <c r="S5925" i="5"/>
  <c r="S3591" i="5"/>
  <c r="S8639" i="5"/>
  <c r="S7979" i="5"/>
  <c r="S8240" i="5"/>
  <c r="S7164" i="5"/>
  <c r="S5234" i="5"/>
  <c r="S4800" i="5"/>
  <c r="S14" i="5"/>
  <c r="S3808" i="5"/>
  <c r="S621" i="5"/>
  <c r="S6605" i="5"/>
  <c r="S2606" i="5"/>
  <c r="S6504" i="5"/>
  <c r="S8156" i="5"/>
  <c r="S8303" i="5"/>
  <c r="S285" i="5"/>
  <c r="S2880" i="5"/>
  <c r="S7823" i="5"/>
  <c r="S125" i="5"/>
  <c r="S5663" i="5"/>
  <c r="S5308" i="5"/>
  <c r="S4831" i="5"/>
  <c r="S6784" i="5"/>
  <c r="S5238" i="5"/>
  <c r="S6897" i="5"/>
  <c r="S5116" i="5"/>
  <c r="S7485" i="5"/>
  <c r="S3912" i="5"/>
  <c r="S6600" i="5"/>
  <c r="S3048" i="5"/>
  <c r="S5432" i="5"/>
  <c r="S2910" i="5"/>
  <c r="S921" i="5"/>
  <c r="S7502" i="5"/>
  <c r="S8130" i="5"/>
  <c r="S5988" i="5"/>
  <c r="S2939" i="5"/>
  <c r="S5838" i="5"/>
  <c r="S2053" i="5"/>
  <c r="S8300" i="5"/>
  <c r="S6257" i="5"/>
  <c r="S7655" i="5"/>
  <c r="S1868" i="5"/>
  <c r="S2244" i="5"/>
  <c r="S18" i="5"/>
  <c r="S1196" i="5"/>
  <c r="S1384" i="5"/>
  <c r="S1043" i="5"/>
  <c r="S8084" i="5"/>
  <c r="S6818" i="5"/>
  <c r="S8450" i="5"/>
  <c r="S6733" i="5"/>
  <c r="S1121" i="5"/>
  <c r="S686" i="5"/>
  <c r="S934" i="5"/>
  <c r="S7449" i="5"/>
  <c r="S1899" i="5"/>
  <c r="S3475" i="5"/>
  <c r="S4742" i="5"/>
  <c r="S1191" i="5"/>
  <c r="S6924" i="5"/>
  <c r="S8317" i="5"/>
  <c r="S1047" i="5"/>
  <c r="S378" i="5"/>
  <c r="S5740" i="5"/>
  <c r="S1129" i="5"/>
  <c r="S565" i="5"/>
  <c r="S8175" i="5"/>
  <c r="S4313" i="5"/>
  <c r="S7972" i="5"/>
  <c r="S2088" i="5"/>
  <c r="S4282" i="5"/>
  <c r="S194" i="5"/>
  <c r="S7255" i="5"/>
  <c r="S4140" i="5"/>
  <c r="S6620" i="5"/>
  <c r="S8433" i="5"/>
  <c r="S2453" i="5"/>
  <c r="S712" i="5"/>
  <c r="S7923" i="5"/>
  <c r="S3134" i="5"/>
  <c r="S6905" i="5"/>
  <c r="S3091" i="5"/>
  <c r="S2255" i="5"/>
  <c r="S5242" i="5"/>
  <c r="S4413" i="5"/>
  <c r="S4567" i="5"/>
  <c r="S4986" i="5"/>
  <c r="S7294" i="5"/>
  <c r="S8075" i="5"/>
  <c r="S3387" i="5"/>
  <c r="S2273" i="5"/>
  <c r="S6628" i="5"/>
  <c r="S346" i="5"/>
  <c r="S8117" i="5"/>
  <c r="S761" i="5"/>
  <c r="S1114" i="5"/>
  <c r="S716" i="5"/>
  <c r="S8292" i="5"/>
  <c r="S548" i="5"/>
  <c r="S6107" i="5"/>
  <c r="S4817" i="5"/>
  <c r="S7170" i="5"/>
  <c r="S6757" i="5"/>
  <c r="S1066" i="5"/>
  <c r="S523" i="5"/>
  <c r="S5332" i="5"/>
  <c r="S8245" i="5"/>
  <c r="S2781" i="5"/>
  <c r="S2903" i="5"/>
  <c r="S3433" i="5"/>
  <c r="S236" i="5"/>
  <c r="S6780" i="5"/>
  <c r="S6912" i="5"/>
  <c r="S3939" i="5"/>
  <c r="S7742" i="5"/>
  <c r="S5808" i="5"/>
  <c r="S3225" i="5"/>
  <c r="S371" i="5"/>
  <c r="S1602" i="5"/>
  <c r="S2440" i="5"/>
  <c r="S8152" i="5"/>
  <c r="S696" i="5"/>
  <c r="S8351" i="5"/>
  <c r="S2410" i="5"/>
  <c r="S8258" i="5"/>
  <c r="S6480" i="5"/>
  <c r="S1550" i="5"/>
  <c r="S1225" i="5"/>
  <c r="S5107" i="5"/>
  <c r="S1428" i="5"/>
  <c r="S5769" i="5"/>
  <c r="S7121" i="5"/>
  <c r="S6920" i="5"/>
  <c r="S4294" i="5"/>
  <c r="S4981" i="5"/>
  <c r="S4882" i="5"/>
  <c r="S4379" i="5"/>
  <c r="S561" i="5"/>
  <c r="S8411" i="5"/>
  <c r="S6841" i="5"/>
  <c r="S4782" i="5"/>
  <c r="S6104" i="5"/>
  <c r="S7162" i="5"/>
  <c r="S239" i="5"/>
  <c r="S5236" i="5"/>
  <c r="S7645" i="5"/>
  <c r="S2212" i="5"/>
  <c r="S3211" i="5"/>
  <c r="S8509" i="5"/>
  <c r="S3438" i="5"/>
  <c r="S2725" i="5"/>
  <c r="S4260" i="5"/>
  <c r="S8456" i="5"/>
  <c r="S8683" i="5"/>
  <c r="S6063" i="5"/>
  <c r="S4078" i="5"/>
  <c r="S5946" i="5"/>
  <c r="S1206" i="5"/>
  <c r="S7010" i="5"/>
  <c r="S458" i="5"/>
  <c r="S5819" i="5"/>
  <c r="S2230" i="5"/>
  <c r="S2542" i="5"/>
  <c r="S1523" i="5"/>
  <c r="S724" i="5"/>
  <c r="S2290" i="5"/>
  <c r="S8419" i="5"/>
  <c r="S4607" i="5"/>
  <c r="S7109" i="5"/>
  <c r="S4749" i="5"/>
  <c r="S8283" i="5"/>
  <c r="S3914" i="5"/>
  <c r="S524" i="5"/>
  <c r="S1954" i="5"/>
  <c r="S1938" i="5"/>
  <c r="S3918" i="5"/>
  <c r="S3745" i="5"/>
  <c r="S2913" i="5"/>
  <c r="S4241" i="5"/>
  <c r="S1909" i="5"/>
  <c r="S598" i="5"/>
  <c r="S2106" i="5"/>
  <c r="S6677" i="5"/>
  <c r="S3070" i="5"/>
  <c r="S4805" i="5"/>
  <c r="S53" i="5"/>
  <c r="S4119" i="5"/>
  <c r="S8327" i="5"/>
  <c r="S3291" i="5"/>
  <c r="S5561" i="5"/>
  <c r="S4463" i="5"/>
  <c r="S2215" i="5"/>
  <c r="S4324" i="5"/>
  <c r="S1893" i="5"/>
  <c r="S103" i="5"/>
  <c r="S3414" i="5"/>
  <c r="S5483" i="5"/>
  <c r="S2367" i="5"/>
  <c r="S6919" i="5"/>
  <c r="S2764" i="5"/>
  <c r="S6081" i="5"/>
  <c r="S7482" i="5"/>
  <c r="S2922" i="5"/>
  <c r="S2067" i="5"/>
  <c r="S2537" i="5"/>
  <c r="S5563" i="5"/>
  <c r="S7308" i="5"/>
  <c r="S7152" i="5"/>
  <c r="S8508" i="5"/>
  <c r="S6637" i="5"/>
  <c r="S3967" i="5"/>
  <c r="S246" i="5"/>
  <c r="S2463" i="5"/>
  <c r="S3072" i="5"/>
  <c r="S5248" i="5"/>
  <c r="S40" i="5"/>
  <c r="S3810" i="5"/>
  <c r="S7944" i="5"/>
  <c r="S8078" i="5"/>
  <c r="S5244" i="5"/>
  <c r="S2947" i="5"/>
  <c r="S3707" i="5"/>
  <c r="S8106" i="5"/>
  <c r="S889" i="5"/>
  <c r="S6306" i="5"/>
  <c r="S4606" i="5"/>
  <c r="S3394" i="5"/>
  <c r="S3069" i="5"/>
  <c r="S2745" i="5"/>
  <c r="S1376" i="5"/>
  <c r="S3283" i="5"/>
  <c r="S6603" i="5"/>
  <c r="S3078" i="5"/>
  <c r="S5832" i="5"/>
  <c r="S2204" i="5"/>
  <c r="S3214" i="5"/>
  <c r="S591" i="5"/>
  <c r="S3308" i="5"/>
  <c r="S1231" i="5"/>
  <c r="S8127" i="5"/>
  <c r="S1030" i="5"/>
  <c r="S5776" i="5"/>
  <c r="S3803" i="5"/>
  <c r="S3574" i="5"/>
  <c r="S382" i="5"/>
  <c r="S2279" i="5"/>
  <c r="S3739" i="5"/>
  <c r="S5896" i="5"/>
  <c r="S4222" i="5"/>
  <c r="S3711" i="5"/>
  <c r="S5594" i="5"/>
  <c r="S5226" i="5"/>
  <c r="S4148" i="5"/>
  <c r="S2032" i="5"/>
  <c r="S5459" i="5"/>
  <c r="S6943" i="5"/>
  <c r="S518" i="5"/>
  <c r="S1950" i="5"/>
  <c r="S3799" i="5"/>
  <c r="S5095" i="5"/>
  <c r="S1703" i="5"/>
  <c r="S5455" i="5"/>
  <c r="S783" i="5"/>
  <c r="S2900" i="5"/>
  <c r="S2707" i="5"/>
  <c r="S3421" i="5"/>
  <c r="S8358" i="5"/>
  <c r="S7686" i="5"/>
  <c r="S2731" i="5"/>
  <c r="S4275" i="5"/>
  <c r="S5668" i="5"/>
  <c r="S5285" i="5"/>
  <c r="S7422" i="5"/>
  <c r="S2111" i="5"/>
  <c r="S6980" i="5"/>
  <c r="S1568" i="5"/>
  <c r="S3547" i="5"/>
  <c r="S3290" i="5"/>
  <c r="S5737" i="5"/>
  <c r="S7583" i="5"/>
  <c r="S7513" i="5"/>
  <c r="S2703" i="5"/>
  <c r="S3425" i="5"/>
  <c r="S1713" i="5"/>
  <c r="S8461" i="5"/>
  <c r="S6315" i="5"/>
  <c r="S3250" i="5"/>
  <c r="S7271" i="5"/>
  <c r="S2134" i="5"/>
  <c r="S2462" i="5"/>
  <c r="S7660" i="5"/>
  <c r="S1856" i="5"/>
  <c r="S6972" i="5"/>
  <c r="S4406" i="5"/>
  <c r="S4122" i="5"/>
  <c r="S7283" i="5"/>
  <c r="S5982" i="5"/>
  <c r="S344" i="5"/>
  <c r="S3738" i="5"/>
  <c r="S4627" i="5"/>
  <c r="S2194" i="5"/>
  <c r="S4229" i="5"/>
  <c r="S4320" i="5"/>
  <c r="S5165" i="5"/>
  <c r="S6150" i="5"/>
  <c r="S6112" i="5"/>
  <c r="S1222" i="5"/>
  <c r="S3612" i="5"/>
  <c r="S2034" i="5"/>
  <c r="S8120" i="5"/>
  <c r="S4963" i="5"/>
  <c r="S3274" i="5"/>
  <c r="S3246" i="5"/>
  <c r="S347" i="5"/>
  <c r="S7803" i="5"/>
  <c r="S1543" i="5"/>
  <c r="S6233" i="5"/>
  <c r="S3401" i="5"/>
  <c r="S4799" i="5"/>
  <c r="S5784" i="5"/>
  <c r="S5411" i="5"/>
  <c r="S743" i="5"/>
  <c r="S7135" i="5"/>
  <c r="S3120" i="5"/>
  <c r="S5440" i="5"/>
  <c r="S4629" i="5"/>
  <c r="S913" i="5"/>
  <c r="S5759" i="5"/>
  <c r="S5265" i="5"/>
  <c r="S7272" i="5"/>
  <c r="S4724" i="5"/>
  <c r="S3094" i="5"/>
  <c r="S7478" i="5"/>
  <c r="S4959" i="5"/>
  <c r="S4299" i="5"/>
  <c r="S1937" i="5"/>
  <c r="S5728" i="5"/>
  <c r="S3736" i="5"/>
  <c r="S6416" i="5"/>
  <c r="S572" i="5"/>
  <c r="S8527" i="5"/>
  <c r="S7982" i="5"/>
  <c r="S5299" i="5"/>
  <c r="S5751" i="5"/>
  <c r="S2097" i="5"/>
  <c r="S224" i="5"/>
  <c r="S7267" i="5"/>
  <c r="S6259" i="5"/>
  <c r="S4151" i="5"/>
  <c r="S4723" i="5"/>
  <c r="S3075" i="5"/>
  <c r="S2251" i="5"/>
  <c r="S29" i="5"/>
  <c r="S6083" i="5"/>
  <c r="S7473" i="5"/>
  <c r="S530" i="5"/>
  <c r="S8077" i="5"/>
  <c r="S2193" i="5"/>
  <c r="S5479" i="5" l="1"/>
  <c r="AY18" i="1"/>
  <c r="S3968" i="5"/>
  <c r="S6806" i="5"/>
  <c r="S6425" i="5"/>
  <c r="AX16" i="1"/>
  <c r="AW15" i="1"/>
  <c r="S4040" i="5"/>
  <c r="AZ31" i="1"/>
  <c r="AC47" i="2"/>
  <c r="AE46" i="2"/>
  <c r="AG46" i="2"/>
  <c r="AF46" i="2"/>
  <c r="AX32" i="1"/>
  <c r="AF47" i="2" s="1"/>
  <c r="AY32" i="1"/>
  <c r="AG47" i="2" s="1"/>
  <c r="AW32" i="1"/>
  <c r="AE47" i="2" s="1"/>
  <c r="AV32" i="1"/>
  <c r="AD47" i="2" s="1"/>
  <c r="AD46" i="2"/>
  <c r="AV15" i="1" l="1"/>
  <c r="AU15" i="1" s="1"/>
  <c r="AZ15" i="1" s="1"/>
  <c r="AY33" i="1" s="1"/>
  <c r="AX17" i="1"/>
  <c r="AX18" i="1" s="1"/>
  <c r="AW16" i="1"/>
  <c r="AX33" i="1"/>
  <c r="AW33" i="1"/>
  <c r="AV33" i="1"/>
  <c r="AU33" i="1"/>
  <c r="AZ32" i="1"/>
  <c r="AW17" i="1" l="1"/>
  <c r="AV16" i="1"/>
  <c r="AW18" i="1"/>
  <c r="AD48" i="2"/>
  <c r="AE48" i="2"/>
  <c r="AF48" i="2"/>
  <c r="AG48" i="2"/>
  <c r="AZ33" i="1"/>
  <c r="AC48" i="2"/>
  <c r="AV17" i="1" l="1"/>
  <c r="AU16" i="1"/>
  <c r="AZ16" i="1" s="1"/>
  <c r="AV18" i="1"/>
  <c r="AU17" i="1"/>
  <c r="AU18" i="1" l="1"/>
  <c r="BH4" i="1" a="1"/>
  <c r="BH4" i="1" s="1"/>
  <c r="AZ17" i="1"/>
  <c r="AU34" i="1"/>
  <c r="AY34" i="1"/>
  <c r="AG49" i="2" s="1"/>
  <c r="AX34" i="1"/>
  <c r="AF49" i="2" s="1"/>
  <c r="AW34" i="1"/>
  <c r="AE49" i="2" s="1"/>
  <c r="AV34" i="1"/>
  <c r="AD49" i="2" s="1"/>
  <c r="AC49" i="2" l="1"/>
  <c r="AZ34" i="1"/>
  <c r="AU35" i="1"/>
  <c r="AM357" i="1" s="1"/>
  <c r="AY35" i="1"/>
  <c r="AV35" i="1"/>
  <c r="AX35" i="1"/>
  <c r="AW35" i="1"/>
  <c r="AP224" i="1"/>
  <c r="F230" i="5" s="1"/>
  <c r="AP8" i="1"/>
  <c r="F14" i="5" s="1"/>
  <c r="AM302" i="1" l="1"/>
  <c r="AM259" i="1"/>
  <c r="C265" i="5" s="1"/>
  <c r="AM155" i="1"/>
  <c r="C161" i="5" s="1"/>
  <c r="AM148" i="1"/>
  <c r="C154" i="5" s="1"/>
  <c r="AM133" i="1"/>
  <c r="C139" i="5" s="1"/>
  <c r="AM295" i="1"/>
  <c r="C301" i="5" s="1"/>
  <c r="AM323" i="1"/>
  <c r="C329" i="5" s="1"/>
  <c r="AM21" i="1"/>
  <c r="C27" i="5" s="1"/>
  <c r="AM231" i="1"/>
  <c r="C237" i="5" s="1"/>
  <c r="AM127" i="1"/>
  <c r="C133" i="5" s="1"/>
  <c r="AM253" i="1"/>
  <c r="C259" i="5" s="1"/>
  <c r="AM183" i="1"/>
  <c r="C189" i="5" s="1"/>
  <c r="AM175" i="1"/>
  <c r="C181" i="5" s="1"/>
  <c r="AM78" i="1"/>
  <c r="C84" i="5" s="1"/>
  <c r="AM308" i="1"/>
  <c r="C314" i="5" s="1"/>
  <c r="AM273" i="1"/>
  <c r="C279" i="5" s="1"/>
  <c r="AM85" i="1"/>
  <c r="C91" i="5" s="1"/>
  <c r="C363" i="5"/>
  <c r="C308" i="5"/>
  <c r="AD50" i="2"/>
  <c r="AN63" i="1"/>
  <c r="D69" i="5" s="1"/>
  <c r="AN196" i="1"/>
  <c r="D202" i="5" s="1"/>
  <c r="AN266" i="1"/>
  <c r="D272" i="5" s="1"/>
  <c r="AN71" i="1"/>
  <c r="D77" i="5" s="1"/>
  <c r="AN203" i="1"/>
  <c r="D209" i="5" s="1"/>
  <c r="AN260" i="1"/>
  <c r="D266" i="5" s="1"/>
  <c r="AN302" i="1"/>
  <c r="D308" i="5" s="1"/>
  <c r="AN322" i="1"/>
  <c r="D328" i="5" s="1"/>
  <c r="AN358" i="1"/>
  <c r="D364" i="5" s="1"/>
  <c r="AN210" i="1"/>
  <c r="D216" i="5" s="1"/>
  <c r="AN273" i="1"/>
  <c r="AN365" i="1"/>
  <c r="D371" i="5" s="1"/>
  <c r="AN238" i="1"/>
  <c r="D244" i="5" s="1"/>
  <c r="AN280" i="1"/>
  <c r="D286" i="5" s="1"/>
  <c r="AN357" i="1"/>
  <c r="D363" i="5" s="1"/>
  <c r="AN189" i="1"/>
  <c r="D195" i="5" s="1"/>
  <c r="AN92" i="1"/>
  <c r="D98" i="5" s="1"/>
  <c r="AN197" i="1"/>
  <c r="D203" i="5" s="1"/>
  <c r="AN168" i="1"/>
  <c r="D174" i="5" s="1"/>
  <c r="AN105" i="1"/>
  <c r="D111" i="5" s="1"/>
  <c r="AN29" i="1"/>
  <c r="D35" i="5" s="1"/>
  <c r="AN35" i="1"/>
  <c r="D41" i="5" s="1"/>
  <c r="AN147" i="1"/>
  <c r="D153" i="5" s="1"/>
  <c r="AN211" i="1"/>
  <c r="D217" i="5" s="1"/>
  <c r="AN91" i="1"/>
  <c r="D97" i="5" s="1"/>
  <c r="AN245" i="1"/>
  <c r="D251" i="5" s="1"/>
  <c r="AN43" i="1"/>
  <c r="D49" i="5" s="1"/>
  <c r="AN323" i="1"/>
  <c r="AN112" i="1"/>
  <c r="D118" i="5" s="1"/>
  <c r="AN231" i="1"/>
  <c r="AN336" i="1"/>
  <c r="D342" i="5" s="1"/>
  <c r="AN50" i="1"/>
  <c r="D56" i="5" s="1"/>
  <c r="AN350" i="1"/>
  <c r="D356" i="5" s="1"/>
  <c r="AN161" i="1"/>
  <c r="D167" i="5" s="1"/>
  <c r="AN253" i="1"/>
  <c r="AN134" i="1"/>
  <c r="D140" i="5" s="1"/>
  <c r="AN98" i="1"/>
  <c r="D104" i="5" s="1"/>
  <c r="AN217" i="1"/>
  <c r="D223" i="5" s="1"/>
  <c r="AN169" i="1"/>
  <c r="D175" i="5" s="1"/>
  <c r="AN140" i="1"/>
  <c r="D146" i="5" s="1"/>
  <c r="AN252" i="1"/>
  <c r="D258" i="5" s="1"/>
  <c r="AN8" i="1"/>
  <c r="D14" i="5" s="1"/>
  <c r="AN204" i="1"/>
  <c r="D210" i="5" s="1"/>
  <c r="AN316" i="1"/>
  <c r="D322" i="5" s="1"/>
  <c r="AN154" i="1"/>
  <c r="D160" i="5" s="1"/>
  <c r="AN113" i="1"/>
  <c r="D119" i="5" s="1"/>
  <c r="AV36" i="1"/>
  <c r="AN36" i="1"/>
  <c r="D42" i="5" s="1"/>
  <c r="AN175" i="1"/>
  <c r="AN287" i="1"/>
  <c r="D293" i="5" s="1"/>
  <c r="AN288" i="1"/>
  <c r="D294" i="5" s="1"/>
  <c r="AN84" i="1"/>
  <c r="D90" i="5" s="1"/>
  <c r="AN64" i="1"/>
  <c r="D70" i="5" s="1"/>
  <c r="AN182" i="1"/>
  <c r="D188" i="5" s="1"/>
  <c r="AN344" i="1"/>
  <c r="D350" i="5" s="1"/>
  <c r="AN15" i="1"/>
  <c r="D21" i="5" s="1"/>
  <c r="AN57" i="1"/>
  <c r="D63" i="5" s="1"/>
  <c r="AN224" i="1"/>
  <c r="D230" i="5" s="1"/>
  <c r="AN308" i="1"/>
  <c r="AN22" i="1"/>
  <c r="D28" i="5" s="1"/>
  <c r="AN141" i="1"/>
  <c r="D147" i="5" s="1"/>
  <c r="AN274" i="1"/>
  <c r="D280" i="5" s="1"/>
  <c r="AN85" i="1"/>
  <c r="D91" i="5" s="1"/>
  <c r="AN70" i="1"/>
  <c r="D76" i="5" s="1"/>
  <c r="AN183" i="1"/>
  <c r="AN49" i="1"/>
  <c r="D55" i="5" s="1"/>
  <c r="AN99" i="1"/>
  <c r="D105" i="5" s="1"/>
  <c r="AN351" i="1"/>
  <c r="D357" i="5" s="1"/>
  <c r="AN259" i="1"/>
  <c r="AN239" i="1"/>
  <c r="D245" i="5" s="1"/>
  <c r="AN330" i="1"/>
  <c r="D336" i="5" s="1"/>
  <c r="AN281" i="1"/>
  <c r="D287" i="5" s="1"/>
  <c r="AN78" i="1"/>
  <c r="AN77" i="1"/>
  <c r="D83" i="5" s="1"/>
  <c r="AN267" i="1"/>
  <c r="D273" i="5" s="1"/>
  <c r="AN21" i="1"/>
  <c r="AN148" i="1"/>
  <c r="AN309" i="1"/>
  <c r="D315" i="5" s="1"/>
  <c r="AN364" i="1"/>
  <c r="D370" i="5" s="1"/>
  <c r="AN120" i="1"/>
  <c r="D126" i="5" s="1"/>
  <c r="AN295" i="1"/>
  <c r="AN329" i="1"/>
  <c r="D335" i="5" s="1"/>
  <c r="AN126" i="1"/>
  <c r="D132" i="5" s="1"/>
  <c r="AN14" i="1"/>
  <c r="D20" i="5" s="1"/>
  <c r="AN294" i="1"/>
  <c r="D300" i="5" s="1"/>
  <c r="AN56" i="1"/>
  <c r="D62" i="5" s="1"/>
  <c r="AN246" i="1"/>
  <c r="D252" i="5" s="1"/>
  <c r="AN301" i="1"/>
  <c r="D307" i="5" s="1"/>
  <c r="AN190" i="1"/>
  <c r="D196" i="5" s="1"/>
  <c r="AN218" i="1"/>
  <c r="D224" i="5" s="1"/>
  <c r="AN106" i="1"/>
  <c r="D112" i="5" s="1"/>
  <c r="AN155" i="1"/>
  <c r="AN7" i="1"/>
  <c r="D13" i="5" s="1"/>
  <c r="AN127" i="1"/>
  <c r="AN337" i="1"/>
  <c r="D343" i="5" s="1"/>
  <c r="AN315" i="1"/>
  <c r="D321" i="5" s="1"/>
  <c r="AN232" i="1"/>
  <c r="D238" i="5" s="1"/>
  <c r="AN225" i="1"/>
  <c r="D231" i="5" s="1"/>
  <c r="AN119" i="1"/>
  <c r="D125" i="5" s="1"/>
  <c r="AN343" i="1"/>
  <c r="D349" i="5" s="1"/>
  <c r="AN176" i="1"/>
  <c r="D182" i="5" s="1"/>
  <c r="AN28" i="1"/>
  <c r="D34" i="5" s="1"/>
  <c r="AN42" i="1"/>
  <c r="D48" i="5" s="1"/>
  <c r="AN162" i="1"/>
  <c r="D168" i="5" s="1"/>
  <c r="AN133" i="1"/>
  <c r="AM168" i="1"/>
  <c r="AM7" i="1"/>
  <c r="AM14" i="1"/>
  <c r="AM309" i="1"/>
  <c r="AM322" i="1"/>
  <c r="AM287" i="1"/>
  <c r="AM63" i="1"/>
  <c r="AM42" i="1"/>
  <c r="AM336" i="1"/>
  <c r="AM315" i="1"/>
  <c r="AO63" i="1"/>
  <c r="E69" i="5" s="1"/>
  <c r="AO92" i="1"/>
  <c r="E98" i="5" s="1"/>
  <c r="AO105" i="1"/>
  <c r="E111" i="5" s="1"/>
  <c r="AO28" i="1"/>
  <c r="E34" i="5" s="1"/>
  <c r="AO106" i="1"/>
  <c r="E112" i="5" s="1"/>
  <c r="AO22" i="1"/>
  <c r="E28" i="5" s="1"/>
  <c r="AO64" i="1"/>
  <c r="E70" i="5" s="1"/>
  <c r="AO36" i="1"/>
  <c r="E42" i="5" s="1"/>
  <c r="AO218" i="1"/>
  <c r="E224" i="5" s="1"/>
  <c r="AO211" i="1"/>
  <c r="E217" i="5" s="1"/>
  <c r="AO120" i="1"/>
  <c r="E126" i="5" s="1"/>
  <c r="AO15" i="1"/>
  <c r="E21" i="5" s="1"/>
  <c r="AO344" i="1"/>
  <c r="E350" i="5" s="1"/>
  <c r="AO316" i="1"/>
  <c r="E322" i="5" s="1"/>
  <c r="AO21" i="1"/>
  <c r="E27" i="5" s="1"/>
  <c r="AO169" i="1"/>
  <c r="E175" i="5" s="1"/>
  <c r="AO315" i="1"/>
  <c r="E321" i="5" s="1"/>
  <c r="AO71" i="1"/>
  <c r="E77" i="5" s="1"/>
  <c r="AO281" i="1"/>
  <c r="E287" i="5" s="1"/>
  <c r="AO56" i="1"/>
  <c r="E62" i="5" s="1"/>
  <c r="AO337" i="1"/>
  <c r="E343" i="5" s="1"/>
  <c r="AO183" i="1"/>
  <c r="E189" i="5" s="1"/>
  <c r="AO168" i="1"/>
  <c r="E174" i="5" s="1"/>
  <c r="AO267" i="1"/>
  <c r="E273" i="5" s="1"/>
  <c r="AO155" i="1"/>
  <c r="E161" i="5" s="1"/>
  <c r="AO154" i="1"/>
  <c r="E160" i="5" s="1"/>
  <c r="AO365" i="1"/>
  <c r="E371" i="5" s="1"/>
  <c r="AO197" i="1"/>
  <c r="E203" i="5" s="1"/>
  <c r="AO225" i="1"/>
  <c r="E231" i="5" s="1"/>
  <c r="AO42" i="1"/>
  <c r="E48" i="5" s="1"/>
  <c r="AO295" i="1"/>
  <c r="E301" i="5" s="1"/>
  <c r="AO322" i="1"/>
  <c r="E328" i="5" s="1"/>
  <c r="AO29" i="1"/>
  <c r="E35" i="5" s="1"/>
  <c r="AO259" i="1"/>
  <c r="E265" i="5" s="1"/>
  <c r="AO140" i="1"/>
  <c r="E146" i="5" s="1"/>
  <c r="AO133" i="1"/>
  <c r="E139" i="5" s="1"/>
  <c r="AO113" i="1"/>
  <c r="E119" i="5" s="1"/>
  <c r="AO358" i="1"/>
  <c r="E364" i="5" s="1"/>
  <c r="AW36" i="1"/>
  <c r="AO126" i="1"/>
  <c r="E132" i="5" s="1"/>
  <c r="AO7" i="1"/>
  <c r="E13" i="5" s="1"/>
  <c r="AO14" i="1"/>
  <c r="E20" i="5" s="1"/>
  <c r="AO147" i="1"/>
  <c r="E153" i="5" s="1"/>
  <c r="AO245" i="1"/>
  <c r="E251" i="5" s="1"/>
  <c r="AO288" i="1"/>
  <c r="E294" i="5" s="1"/>
  <c r="AO260" i="1"/>
  <c r="E266" i="5" s="1"/>
  <c r="AO196" i="1"/>
  <c r="E202" i="5" s="1"/>
  <c r="AO232" i="1"/>
  <c r="E238" i="5" s="1"/>
  <c r="AO239" i="1"/>
  <c r="E245" i="5" s="1"/>
  <c r="AO357" i="1"/>
  <c r="E363" i="5" s="1"/>
  <c r="AO252" i="1"/>
  <c r="E258" i="5" s="1"/>
  <c r="AO161" i="1"/>
  <c r="E167" i="5" s="1"/>
  <c r="AO238" i="1"/>
  <c r="E244" i="5" s="1"/>
  <c r="AO280" i="1"/>
  <c r="E286" i="5" s="1"/>
  <c r="AO112" i="1"/>
  <c r="E118" i="5" s="1"/>
  <c r="AO35" i="1"/>
  <c r="E41" i="5" s="1"/>
  <c r="AO210" i="1"/>
  <c r="E216" i="5" s="1"/>
  <c r="AO309" i="1"/>
  <c r="E315" i="5" s="1"/>
  <c r="AO148" i="1"/>
  <c r="E154" i="5" s="1"/>
  <c r="AO162" i="1"/>
  <c r="E168" i="5" s="1"/>
  <c r="AO189" i="1"/>
  <c r="E195" i="5" s="1"/>
  <c r="AO98" i="1"/>
  <c r="E104" i="5" s="1"/>
  <c r="AO78" i="1"/>
  <c r="E84" i="5" s="1"/>
  <c r="AO91" i="1"/>
  <c r="E97" i="5" s="1"/>
  <c r="AO127" i="1"/>
  <c r="E133" i="5" s="1"/>
  <c r="AO224" i="1"/>
  <c r="E230" i="5" s="1"/>
  <c r="AO246" i="1"/>
  <c r="E252" i="5" s="1"/>
  <c r="AO329" i="1"/>
  <c r="E335" i="5" s="1"/>
  <c r="AO84" i="1"/>
  <c r="E90" i="5" s="1"/>
  <c r="AO204" i="1"/>
  <c r="E210" i="5" s="1"/>
  <c r="AE50" i="2"/>
  <c r="AO50" i="1"/>
  <c r="E56" i="5" s="1"/>
  <c r="AO176" i="1"/>
  <c r="E182" i="5" s="1"/>
  <c r="AO302" i="1"/>
  <c r="E308" i="5" s="1"/>
  <c r="AO364" i="1"/>
  <c r="E370" i="5" s="1"/>
  <c r="AO141" i="1"/>
  <c r="E147" i="5" s="1"/>
  <c r="AO70" i="1"/>
  <c r="E76" i="5" s="1"/>
  <c r="AO49" i="1"/>
  <c r="E55" i="5" s="1"/>
  <c r="AO57" i="1"/>
  <c r="E63" i="5" s="1"/>
  <c r="AO99" i="1"/>
  <c r="E105" i="5" s="1"/>
  <c r="AO350" i="1"/>
  <c r="E356" i="5" s="1"/>
  <c r="AO217" i="1"/>
  <c r="E223" i="5" s="1"/>
  <c r="AO253" i="1"/>
  <c r="E259" i="5" s="1"/>
  <c r="AO301" i="1"/>
  <c r="E307" i="5" s="1"/>
  <c r="AO308" i="1"/>
  <c r="E314" i="5" s="1"/>
  <c r="AO273" i="1"/>
  <c r="E279" i="5" s="1"/>
  <c r="AO175" i="1"/>
  <c r="E181" i="5" s="1"/>
  <c r="AO266" i="1"/>
  <c r="E272" i="5" s="1"/>
  <c r="AO8" i="1"/>
  <c r="E14" i="5" s="1"/>
  <c r="AO336" i="1"/>
  <c r="E342" i="5" s="1"/>
  <c r="AO134" i="1"/>
  <c r="E140" i="5" s="1"/>
  <c r="AO231" i="1"/>
  <c r="E237" i="5" s="1"/>
  <c r="AO274" i="1"/>
  <c r="E280" i="5" s="1"/>
  <c r="AO330" i="1"/>
  <c r="E336" i="5" s="1"/>
  <c r="AO343" i="1"/>
  <c r="E349" i="5" s="1"/>
  <c r="AO323" i="1"/>
  <c r="E329" i="5" s="1"/>
  <c r="AO119" i="1"/>
  <c r="E125" i="5" s="1"/>
  <c r="AO294" i="1"/>
  <c r="E300" i="5" s="1"/>
  <c r="AO77" i="1"/>
  <c r="E83" i="5" s="1"/>
  <c r="AO351" i="1"/>
  <c r="E357" i="5" s="1"/>
  <c r="AO43" i="1"/>
  <c r="E49" i="5" s="1"/>
  <c r="AO190" i="1"/>
  <c r="E196" i="5" s="1"/>
  <c r="AO287" i="1"/>
  <c r="E293" i="5" s="1"/>
  <c r="AO182" i="1"/>
  <c r="E188" i="5" s="1"/>
  <c r="AM239" i="1"/>
  <c r="AM280" i="1"/>
  <c r="AM245" i="1"/>
  <c r="AM225" i="1"/>
  <c r="AM343" i="1"/>
  <c r="AP323" i="1"/>
  <c r="F329" i="5" s="1"/>
  <c r="AP168" i="1"/>
  <c r="F174" i="5" s="1"/>
  <c r="AP91" i="1"/>
  <c r="F97" i="5" s="1"/>
  <c r="AP309" i="1"/>
  <c r="F315" i="5" s="1"/>
  <c r="AP127" i="1"/>
  <c r="F133" i="5" s="1"/>
  <c r="AP322" i="1"/>
  <c r="F328" i="5" s="1"/>
  <c r="AP155" i="1"/>
  <c r="F161" i="5" s="1"/>
  <c r="AP253" i="1"/>
  <c r="F259" i="5" s="1"/>
  <c r="AP113" i="1"/>
  <c r="F119" i="5" s="1"/>
  <c r="AP85" i="1"/>
  <c r="F91" i="5" s="1"/>
  <c r="AP84" i="1"/>
  <c r="F90" i="5" s="1"/>
  <c r="AP329" i="1"/>
  <c r="F335" i="5" s="1"/>
  <c r="AP330" i="1"/>
  <c r="F336" i="5" s="1"/>
  <c r="AP231" i="1"/>
  <c r="F237" i="5" s="1"/>
  <c r="AP357" i="1"/>
  <c r="F363" i="5" s="1"/>
  <c r="AP147" i="1"/>
  <c r="F153" i="5" s="1"/>
  <c r="AP336" i="1"/>
  <c r="F342" i="5" s="1"/>
  <c r="AP92" i="1"/>
  <c r="F98" i="5" s="1"/>
  <c r="AP196" i="1"/>
  <c r="F202" i="5" s="1"/>
  <c r="AP119" i="1"/>
  <c r="F125" i="5" s="1"/>
  <c r="AP78" i="1"/>
  <c r="F84" i="5" s="1"/>
  <c r="AP197" i="1"/>
  <c r="F203" i="5" s="1"/>
  <c r="AP302" i="1"/>
  <c r="F308" i="5" s="1"/>
  <c r="AP287" i="1"/>
  <c r="F293" i="5" s="1"/>
  <c r="AP182" i="1"/>
  <c r="F188" i="5" s="1"/>
  <c r="AP64" i="1"/>
  <c r="F70" i="5" s="1"/>
  <c r="AP315" i="1"/>
  <c r="F321" i="5" s="1"/>
  <c r="AP281" i="1"/>
  <c r="F287" i="5" s="1"/>
  <c r="AP42" i="1"/>
  <c r="F48" i="5" s="1"/>
  <c r="AP239" i="1"/>
  <c r="F245" i="5" s="1"/>
  <c r="AP260" i="1"/>
  <c r="F266" i="5" s="1"/>
  <c r="AP245" i="1"/>
  <c r="F251" i="5" s="1"/>
  <c r="AP210" i="1"/>
  <c r="F216" i="5" s="1"/>
  <c r="AP21" i="1"/>
  <c r="F27" i="5" s="1"/>
  <c r="AP301" i="1"/>
  <c r="F307" i="5" s="1"/>
  <c r="AP274" i="1"/>
  <c r="F280" i="5" s="1"/>
  <c r="AX36" i="1"/>
  <c r="AP148" i="1"/>
  <c r="F154" i="5" s="1"/>
  <c r="AP246" i="1"/>
  <c r="F252" i="5" s="1"/>
  <c r="AP57" i="1"/>
  <c r="F63" i="5" s="1"/>
  <c r="AP162" i="1"/>
  <c r="F168" i="5" s="1"/>
  <c r="AP140" i="1"/>
  <c r="F146" i="5" s="1"/>
  <c r="AP36" i="1"/>
  <c r="F42" i="5" s="1"/>
  <c r="AP211" i="1"/>
  <c r="F217" i="5" s="1"/>
  <c r="AF50" i="2"/>
  <c r="AP154" i="1"/>
  <c r="F160" i="5" s="1"/>
  <c r="AP7" i="1"/>
  <c r="F13" i="5" s="1"/>
  <c r="AP267" i="1"/>
  <c r="F273" i="5" s="1"/>
  <c r="AP49" i="1"/>
  <c r="F55" i="5" s="1"/>
  <c r="AP29" i="1"/>
  <c r="F35" i="5" s="1"/>
  <c r="AP133" i="1"/>
  <c r="F139" i="5" s="1"/>
  <c r="AP266" i="1"/>
  <c r="F272" i="5" s="1"/>
  <c r="AP106" i="1"/>
  <c r="F112" i="5" s="1"/>
  <c r="AP218" i="1"/>
  <c r="F224" i="5" s="1"/>
  <c r="AP280" i="1"/>
  <c r="F286" i="5" s="1"/>
  <c r="AP316" i="1"/>
  <c r="F322" i="5" s="1"/>
  <c r="AP15" i="1"/>
  <c r="F21" i="5" s="1"/>
  <c r="AP252" i="1"/>
  <c r="F258" i="5" s="1"/>
  <c r="AP189" i="1"/>
  <c r="F195" i="5" s="1"/>
  <c r="AP112" i="1"/>
  <c r="F118" i="5" s="1"/>
  <c r="AP294" i="1"/>
  <c r="F300" i="5" s="1"/>
  <c r="AP56" i="1"/>
  <c r="F62" i="5" s="1"/>
  <c r="AP14" i="1"/>
  <c r="F20" i="5" s="1"/>
  <c r="AP175" i="1"/>
  <c r="F181" i="5" s="1"/>
  <c r="AP134" i="1"/>
  <c r="F140" i="5" s="1"/>
  <c r="AP273" i="1"/>
  <c r="F279" i="5" s="1"/>
  <c r="AP351" i="1"/>
  <c r="F357" i="5" s="1"/>
  <c r="AP35" i="1"/>
  <c r="F41" i="5" s="1"/>
  <c r="AP344" i="1"/>
  <c r="F350" i="5" s="1"/>
  <c r="AP364" i="1"/>
  <c r="F370" i="5" s="1"/>
  <c r="AP337" i="1"/>
  <c r="F343" i="5" s="1"/>
  <c r="AP176" i="1"/>
  <c r="F182" i="5" s="1"/>
  <c r="AP63" i="1"/>
  <c r="F69" i="5" s="1"/>
  <c r="AP350" i="1"/>
  <c r="F356" i="5" s="1"/>
  <c r="AP43" i="1"/>
  <c r="F49" i="5" s="1"/>
  <c r="AP50" i="1"/>
  <c r="F56" i="5" s="1"/>
  <c r="AP183" i="1"/>
  <c r="F189" i="5" s="1"/>
  <c r="AP141" i="1"/>
  <c r="F147" i="5" s="1"/>
  <c r="AP98" i="1"/>
  <c r="F104" i="5" s="1"/>
  <c r="AP288" i="1"/>
  <c r="F294" i="5" s="1"/>
  <c r="AP126" i="1"/>
  <c r="F132" i="5" s="1"/>
  <c r="AP70" i="1"/>
  <c r="F76" i="5" s="1"/>
  <c r="AP308" i="1"/>
  <c r="F314" i="5" s="1"/>
  <c r="AP71" i="1"/>
  <c r="F77" i="5" s="1"/>
  <c r="AP161" i="1"/>
  <c r="F167" i="5" s="1"/>
  <c r="AP343" i="1"/>
  <c r="F349" i="5" s="1"/>
  <c r="AP365" i="1"/>
  <c r="F371" i="5" s="1"/>
  <c r="AP203" i="1"/>
  <c r="F209" i="5" s="1"/>
  <c r="AP295" i="1"/>
  <c r="F301" i="5" s="1"/>
  <c r="AP99" i="1"/>
  <c r="F105" i="5" s="1"/>
  <c r="AP225" i="1"/>
  <c r="F231" i="5" s="1"/>
  <c r="AP120" i="1"/>
  <c r="F126" i="5" s="1"/>
  <c r="AP22" i="1"/>
  <c r="F28" i="5" s="1"/>
  <c r="AP28" i="1"/>
  <c r="F34" i="5" s="1"/>
  <c r="AP259" i="1"/>
  <c r="F265" i="5" s="1"/>
  <c r="AP217" i="1"/>
  <c r="F223" i="5" s="1"/>
  <c r="AP204" i="1"/>
  <c r="F210" i="5" s="1"/>
  <c r="AP190" i="1"/>
  <c r="F196" i="5" s="1"/>
  <c r="AP169" i="1"/>
  <c r="F175" i="5" s="1"/>
  <c r="AP238" i="1"/>
  <c r="F244" i="5" s="1"/>
  <c r="AP105" i="1"/>
  <c r="F111" i="5" s="1"/>
  <c r="AP232" i="1"/>
  <c r="F238" i="5" s="1"/>
  <c r="AP358" i="1"/>
  <c r="F364" i="5" s="1"/>
  <c r="AM330" i="1"/>
  <c r="AM141" i="1"/>
  <c r="AM28" i="1"/>
  <c r="AM35" i="1"/>
  <c r="AM99" i="1"/>
  <c r="AQ308" i="1"/>
  <c r="G314" i="5" s="1"/>
  <c r="AQ35" i="1"/>
  <c r="G41" i="5" s="1"/>
  <c r="AQ155" i="1"/>
  <c r="G161" i="5" s="1"/>
  <c r="AQ56" i="1"/>
  <c r="G62" i="5" s="1"/>
  <c r="AQ21" i="1"/>
  <c r="G27" i="5" s="1"/>
  <c r="AQ50" i="1"/>
  <c r="G56" i="5" s="1"/>
  <c r="AQ112" i="1"/>
  <c r="G118" i="5" s="1"/>
  <c r="AQ189" i="1"/>
  <c r="G195" i="5" s="1"/>
  <c r="AQ134" i="1"/>
  <c r="G140" i="5" s="1"/>
  <c r="AQ224" i="1"/>
  <c r="G230" i="5" s="1"/>
  <c r="AQ70" i="1"/>
  <c r="G76" i="5" s="1"/>
  <c r="AQ99" i="1"/>
  <c r="G105" i="5" s="1"/>
  <c r="AQ133" i="1"/>
  <c r="G139" i="5" s="1"/>
  <c r="AQ127" i="1"/>
  <c r="G133" i="5" s="1"/>
  <c r="AQ267" i="1"/>
  <c r="G273" i="5" s="1"/>
  <c r="AQ147" i="1"/>
  <c r="G153" i="5" s="1"/>
  <c r="AQ168" i="1"/>
  <c r="G174" i="5" s="1"/>
  <c r="AQ315" i="1"/>
  <c r="G321" i="5" s="1"/>
  <c r="AQ197" i="1"/>
  <c r="G203" i="5" s="1"/>
  <c r="AQ203" i="1"/>
  <c r="G209" i="5" s="1"/>
  <c r="AQ274" i="1"/>
  <c r="G280" i="5" s="1"/>
  <c r="AQ78" i="1"/>
  <c r="G84" i="5" s="1"/>
  <c r="AQ8" i="1"/>
  <c r="G14" i="5" s="1"/>
  <c r="AQ106" i="1"/>
  <c r="G112" i="5" s="1"/>
  <c r="AQ42" i="1"/>
  <c r="G48" i="5" s="1"/>
  <c r="AQ245" i="1"/>
  <c r="G251" i="5" s="1"/>
  <c r="AQ22" i="1"/>
  <c r="G28" i="5" s="1"/>
  <c r="AQ343" i="1"/>
  <c r="G349" i="5" s="1"/>
  <c r="AQ7" i="1"/>
  <c r="G13" i="5" s="1"/>
  <c r="AQ344" i="1"/>
  <c r="G350" i="5" s="1"/>
  <c r="AQ288" i="1"/>
  <c r="G294" i="5" s="1"/>
  <c r="AQ183" i="1"/>
  <c r="G189" i="5" s="1"/>
  <c r="AQ91" i="1"/>
  <c r="G97" i="5" s="1"/>
  <c r="AQ126" i="1"/>
  <c r="G132" i="5" s="1"/>
  <c r="AQ162" i="1"/>
  <c r="G168" i="5" s="1"/>
  <c r="AQ295" i="1"/>
  <c r="G301" i="5" s="1"/>
  <c r="AQ120" i="1"/>
  <c r="G126" i="5" s="1"/>
  <c r="AQ64" i="1"/>
  <c r="G70" i="5" s="1"/>
  <c r="AQ169" i="1"/>
  <c r="G175" i="5" s="1"/>
  <c r="AQ294" i="1"/>
  <c r="G300" i="5" s="1"/>
  <c r="AQ323" i="1"/>
  <c r="G329" i="5" s="1"/>
  <c r="AQ190" i="1"/>
  <c r="G196" i="5" s="1"/>
  <c r="AQ316" i="1"/>
  <c r="G322" i="5" s="1"/>
  <c r="AQ182" i="1"/>
  <c r="G188" i="5" s="1"/>
  <c r="AQ357" i="1"/>
  <c r="G363" i="5" s="1"/>
  <c r="AQ84" i="1"/>
  <c r="G90" i="5" s="1"/>
  <c r="AQ98" i="1"/>
  <c r="G104" i="5" s="1"/>
  <c r="AQ140" i="1"/>
  <c r="G146" i="5" s="1"/>
  <c r="AQ77" i="1"/>
  <c r="G83" i="5" s="1"/>
  <c r="AQ364" i="1"/>
  <c r="G370" i="5" s="1"/>
  <c r="AQ225" i="1"/>
  <c r="G231" i="5" s="1"/>
  <c r="AQ260" i="1"/>
  <c r="G266" i="5" s="1"/>
  <c r="AQ92" i="1"/>
  <c r="G98" i="5" s="1"/>
  <c r="AQ231" i="1"/>
  <c r="G237" i="5" s="1"/>
  <c r="AQ337" i="1"/>
  <c r="G343" i="5" s="1"/>
  <c r="AQ43" i="1"/>
  <c r="G49" i="5" s="1"/>
  <c r="AQ281" i="1"/>
  <c r="G287" i="5" s="1"/>
  <c r="AQ238" i="1"/>
  <c r="G244" i="5" s="1"/>
  <c r="AQ204" i="1"/>
  <c r="G210" i="5" s="1"/>
  <c r="AQ322" i="1"/>
  <c r="G328" i="5" s="1"/>
  <c r="AQ239" i="1"/>
  <c r="G245" i="5" s="1"/>
  <c r="AQ253" i="1"/>
  <c r="G259" i="5" s="1"/>
  <c r="AQ57" i="1"/>
  <c r="G63" i="5" s="1"/>
  <c r="AG50" i="2"/>
  <c r="AQ280" i="1"/>
  <c r="G286" i="5" s="1"/>
  <c r="AQ351" i="1"/>
  <c r="G357" i="5" s="1"/>
  <c r="AQ175" i="1"/>
  <c r="G181" i="5" s="1"/>
  <c r="AQ309" i="1"/>
  <c r="G315" i="5" s="1"/>
  <c r="AQ85" i="1"/>
  <c r="G91" i="5" s="1"/>
  <c r="AQ119" i="1"/>
  <c r="G125" i="5" s="1"/>
  <c r="AQ273" i="1"/>
  <c r="G279" i="5" s="1"/>
  <c r="AQ266" i="1"/>
  <c r="G272" i="5" s="1"/>
  <c r="AQ29" i="1"/>
  <c r="G35" i="5" s="1"/>
  <c r="AQ36" i="1"/>
  <c r="G42" i="5" s="1"/>
  <c r="AQ28" i="1"/>
  <c r="G34" i="5" s="1"/>
  <c r="AQ329" i="1"/>
  <c r="G335" i="5" s="1"/>
  <c r="AQ148" i="1"/>
  <c r="G154" i="5" s="1"/>
  <c r="AQ14" i="1"/>
  <c r="G20" i="5" s="1"/>
  <c r="AQ350" i="1"/>
  <c r="G356" i="5" s="1"/>
  <c r="AQ113" i="1"/>
  <c r="G119" i="5" s="1"/>
  <c r="AQ154" i="1"/>
  <c r="G160" i="5" s="1"/>
  <c r="AQ63" i="1"/>
  <c r="G69" i="5" s="1"/>
  <c r="AQ302" i="1"/>
  <c r="G308" i="5" s="1"/>
  <c r="AQ217" i="1"/>
  <c r="G223" i="5" s="1"/>
  <c r="AQ218" i="1"/>
  <c r="G224" i="5" s="1"/>
  <c r="AQ176" i="1"/>
  <c r="G182" i="5" s="1"/>
  <c r="AQ252" i="1"/>
  <c r="G258" i="5" s="1"/>
  <c r="AY36" i="1"/>
  <c r="AQ15" i="1"/>
  <c r="G21" i="5" s="1"/>
  <c r="AQ365" i="1"/>
  <c r="G371" i="5" s="1"/>
  <c r="AQ330" i="1"/>
  <c r="G336" i="5" s="1"/>
  <c r="AQ232" i="1"/>
  <c r="G238" i="5" s="1"/>
  <c r="AQ161" i="1"/>
  <c r="G167" i="5" s="1"/>
  <c r="AQ358" i="1"/>
  <c r="G364" i="5" s="1"/>
  <c r="AQ246" i="1"/>
  <c r="G252" i="5" s="1"/>
  <c r="AQ336" i="1"/>
  <c r="G342" i="5" s="1"/>
  <c r="AQ71" i="1"/>
  <c r="G77" i="5" s="1"/>
  <c r="AQ259" i="1"/>
  <c r="G265" i="5" s="1"/>
  <c r="AQ301" i="1"/>
  <c r="G307" i="5" s="1"/>
  <c r="AQ210" i="1"/>
  <c r="G216" i="5" s="1"/>
  <c r="AQ105" i="1"/>
  <c r="G111" i="5" s="1"/>
  <c r="AQ141" i="1"/>
  <c r="G147" i="5" s="1"/>
  <c r="AQ49" i="1"/>
  <c r="G55" i="5" s="1"/>
  <c r="AQ211" i="1"/>
  <c r="G217" i="5" s="1"/>
  <c r="AM281" i="1"/>
  <c r="AM71" i="1"/>
  <c r="AM8" i="1"/>
  <c r="AC50" i="2"/>
  <c r="I4035" i="2" s="1"/>
  <c r="I4009" i="5" s="1"/>
  <c r="AZ35" i="1"/>
  <c r="AM56" i="1"/>
  <c r="AM260" i="1"/>
  <c r="AM176" i="1"/>
  <c r="AM316" i="1"/>
  <c r="AM274" i="1"/>
  <c r="AM337" i="1"/>
  <c r="AM252" i="1"/>
  <c r="AM29" i="1"/>
  <c r="AM162" i="1"/>
  <c r="AM190" i="1"/>
  <c r="AM91" i="1"/>
  <c r="AM266" i="1"/>
  <c r="AM267" i="1"/>
  <c r="AM232" i="1"/>
  <c r="AM210" i="1"/>
  <c r="AM64" i="1"/>
  <c r="AM70" i="1"/>
  <c r="AM134" i="1"/>
  <c r="AM182" i="1"/>
  <c r="AM350" i="1"/>
  <c r="AM22" i="1"/>
  <c r="AM106" i="1"/>
  <c r="AM98" i="1"/>
  <c r="AM197" i="1"/>
  <c r="AM161" i="1"/>
  <c r="AM154" i="1"/>
  <c r="AM92" i="1"/>
  <c r="AM217" i="1"/>
  <c r="AM126" i="1"/>
  <c r="AM169" i="1"/>
  <c r="AM224" i="1"/>
  <c r="AM57" i="1"/>
  <c r="AM365" i="1"/>
  <c r="AU36" i="1"/>
  <c r="I6081" i="2"/>
  <c r="I6055" i="5" s="1"/>
  <c r="I8080" i="2"/>
  <c r="I8054" i="5" s="1"/>
  <c r="I8728" i="2"/>
  <c r="I8702" i="5" s="1"/>
  <c r="I4398" i="2"/>
  <c r="I4372" i="5" s="1"/>
  <c r="I2506" i="2"/>
  <c r="I2480" i="5" s="1"/>
  <c r="I1843" i="2"/>
  <c r="I1817" i="5" s="1"/>
  <c r="I8236" i="2"/>
  <c r="I8210" i="5" s="1"/>
  <c r="I1014" i="2"/>
  <c r="I988" i="5" s="1"/>
  <c r="I7406" i="2"/>
  <c r="I7380" i="5" s="1"/>
  <c r="I2010" i="2"/>
  <c r="I1984" i="5" s="1"/>
  <c r="I6228" i="2"/>
  <c r="I6202" i="5" s="1"/>
  <c r="I5409" i="2"/>
  <c r="I5383" i="5" s="1"/>
  <c r="I7083" i="2"/>
  <c r="I7057" i="5" s="1"/>
  <c r="I2526" i="2"/>
  <c r="I2500" i="5" s="1"/>
  <c r="I2352" i="2"/>
  <c r="I2326" i="5" s="1"/>
  <c r="I7247" i="2"/>
  <c r="I7221" i="5" s="1"/>
  <c r="I1196" i="2"/>
  <c r="I1170" i="5" s="1"/>
  <c r="I496" i="2"/>
  <c r="I470" i="5" s="1"/>
  <c r="I7060" i="2"/>
  <c r="I7034" i="5" s="1"/>
  <c r="I3698" i="2"/>
  <c r="I3672" i="5" s="1"/>
  <c r="I4226" i="2"/>
  <c r="I4200" i="5" s="1"/>
  <c r="I8574" i="2"/>
  <c r="I8548" i="5" s="1"/>
  <c r="I2003" i="2"/>
  <c r="I1977" i="5" s="1"/>
  <c r="I3211" i="2"/>
  <c r="I3185" i="5" s="1"/>
  <c r="I3391" i="2"/>
  <c r="I3365" i="5" s="1"/>
  <c r="I1008" i="2"/>
  <c r="I982" i="5" s="1"/>
  <c r="I5030" i="2"/>
  <c r="I5004" i="5" s="1"/>
  <c r="I8389" i="2"/>
  <c r="I8363" i="5" s="1"/>
  <c r="I1353" i="2"/>
  <c r="I1327" i="5" s="1"/>
  <c r="I6562" i="2"/>
  <c r="I6536" i="5" s="1"/>
  <c r="I7080" i="2"/>
  <c r="I7054" i="5" s="1"/>
  <c r="I6411" i="2"/>
  <c r="I6385" i="5" s="1"/>
  <c r="I5382" i="2"/>
  <c r="I5356" i="5" s="1"/>
  <c r="I7049" i="2"/>
  <c r="I7023" i="5" s="1"/>
  <c r="I2178" i="2"/>
  <c r="I2152" i="5" s="1"/>
  <c r="I4523" i="2"/>
  <c r="I4497" i="5" s="1"/>
  <c r="I845" i="2"/>
  <c r="I819" i="5" s="1"/>
  <c r="I3034" i="2"/>
  <c r="I3008" i="5" s="1"/>
  <c r="I676" i="2"/>
  <c r="I650" i="5" s="1"/>
  <c r="I6399" i="2"/>
  <c r="I6373" i="5" s="1"/>
  <c r="I2520" i="2"/>
  <c r="I2494" i="5" s="1"/>
  <c r="I8256" i="2"/>
  <c r="I8230" i="5" s="1"/>
  <c r="I8737" i="2"/>
  <c r="I8711" i="5" s="1"/>
  <c r="I6563" i="2"/>
  <c r="I6537" i="5" s="1"/>
  <c r="I3854" i="2"/>
  <c r="I3828" i="5" s="1"/>
  <c r="I7403" i="2"/>
  <c r="I7377" i="5" s="1"/>
  <c r="I6076" i="2"/>
  <c r="I6050" i="5" s="1"/>
  <c r="I8745" i="2"/>
  <c r="I8719" i="5" s="1"/>
  <c r="I8243" i="2"/>
  <c r="I8217" i="5" s="1"/>
  <c r="I7563" i="2"/>
  <c r="I7537" i="5" s="1"/>
  <c r="I5393" i="2"/>
  <c r="I5367" i="5" s="1"/>
  <c r="I2702" i="2"/>
  <c r="I2676" i="5" s="1"/>
  <c r="I8557" i="2"/>
  <c r="I8531" i="5" s="1"/>
  <c r="I5073" i="2"/>
  <c r="I5047" i="5" s="1"/>
  <c r="I7551" i="2"/>
  <c r="I7525" i="5" s="1"/>
  <c r="I2688" i="2"/>
  <c r="I2662" i="5" s="1"/>
  <c r="I5407" i="2"/>
  <c r="I5381" i="5" s="1"/>
  <c r="I7907" i="2"/>
  <c r="I7881" i="5" s="1"/>
  <c r="I5552" i="2"/>
  <c r="I5526" i="5" s="1"/>
  <c r="I1836" i="2"/>
  <c r="I1810" i="5" s="1"/>
  <c r="I192" i="2"/>
  <c r="I166" i="5" s="1"/>
  <c r="I5225" i="2"/>
  <c r="I5199" i="5" s="1"/>
  <c r="I8396" i="2"/>
  <c r="I8370" i="5" s="1"/>
  <c r="I4362" i="2"/>
  <c r="I4336" i="5" s="1"/>
  <c r="I2519" i="2"/>
  <c r="I2493" i="5" s="1"/>
  <c r="I1009" i="2"/>
  <c r="I983" i="5" s="1"/>
  <c r="I1698" i="2"/>
  <c r="I1672" i="5" s="1"/>
  <c r="I8569" i="2"/>
  <c r="I8543" i="5" s="1"/>
  <c r="I5039" i="2"/>
  <c r="I5013" i="5" s="1"/>
  <c r="I7239" i="2"/>
  <c r="I7213" i="5" s="1"/>
  <c r="I2005" i="2"/>
  <c r="I1979" i="5" s="1"/>
  <c r="I5208" i="2"/>
  <c r="I5182" i="5" s="1"/>
  <c r="I2383" i="2"/>
  <c r="I2357" i="5" s="1"/>
  <c r="I3546" i="2"/>
  <c r="I3520" i="5" s="1"/>
  <c r="I4204" i="2"/>
  <c r="I4178" i="5" s="1"/>
  <c r="I6879" i="2"/>
  <c r="I6853" i="5" s="1"/>
  <c r="I7395" i="2"/>
  <c r="I7369" i="5" s="1"/>
  <c r="I7889" i="2"/>
  <c r="I7863" i="5" s="1"/>
  <c r="I4715" i="2"/>
  <c r="I4689" i="5" s="1"/>
  <c r="I7214" i="2"/>
  <c r="I7188" i="5" s="1"/>
  <c r="I1534" i="2"/>
  <c r="I1508" i="5" s="1"/>
  <c r="I3521" i="2"/>
  <c r="I3495" i="5" s="1"/>
  <c r="I6752" i="2"/>
  <c r="I6726" i="5" s="1"/>
  <c r="I6036" i="2"/>
  <c r="I6010" i="5" s="1"/>
  <c r="I4367" i="2"/>
  <c r="I4341" i="5" s="1"/>
  <c r="I681" i="2"/>
  <c r="I655" i="5" s="1"/>
  <c r="I4221" i="2"/>
  <c r="I4195" i="5" s="1"/>
  <c r="I659" i="2"/>
  <c r="I633" i="5" s="1"/>
  <c r="I3347" i="2"/>
  <c r="I3321" i="5" s="1"/>
  <c r="I2859" i="2"/>
  <c r="I2833" i="5" s="1"/>
  <c r="I8225" i="2"/>
  <c r="I8199" i="5" s="1"/>
  <c r="I7414" i="2"/>
  <c r="I7388" i="5" s="1"/>
  <c r="I2869" i="2"/>
  <c r="I2843" i="5" s="1"/>
  <c r="I5374" i="2"/>
  <c r="I5348" i="5" s="1"/>
  <c r="I830" i="2"/>
  <c r="I804" i="5" s="1"/>
  <c r="I6055" i="2"/>
  <c r="I6029" i="5" s="1"/>
  <c r="I8088" i="2"/>
  <c r="I8062" i="5" s="1"/>
  <c r="I8752" i="2"/>
  <c r="I8726" i="5" s="1"/>
  <c r="I8055" i="2"/>
  <c r="I8029" i="5" s="1"/>
  <c r="I6203" i="2"/>
  <c r="I6177" i="5" s="1"/>
  <c r="I8400" i="2"/>
  <c r="I8374" i="5" s="1"/>
  <c r="I3716" i="2"/>
  <c r="I3690" i="5" s="1"/>
  <c r="I3554" i="2"/>
  <c r="I3528" i="5" s="1"/>
  <c r="I3685" i="2"/>
  <c r="I3659" i="5" s="1"/>
  <c r="I5218" i="2"/>
  <c r="I5192" i="5" s="1"/>
  <c r="I2175" i="2"/>
  <c r="I2149" i="5" s="1"/>
  <c r="I6035" i="2"/>
  <c r="I6009" i="5" s="1"/>
  <c r="I6078" i="2"/>
  <c r="I6052" i="5" s="1"/>
  <c r="I7884" i="2"/>
  <c r="I7858" i="5" s="1"/>
  <c r="I1171" i="2"/>
  <c r="I1145" i="5" s="1"/>
  <c r="I2698" i="2"/>
  <c r="I2672" i="5" s="1"/>
  <c r="I6917" i="2"/>
  <c r="I6891" i="5" s="1"/>
  <c r="I7567" i="2"/>
  <c r="I7541" i="5" s="1"/>
  <c r="I8263" i="2"/>
  <c r="I8237" i="5" s="1"/>
  <c r="I5214" i="2"/>
  <c r="I5188" i="5" s="1"/>
  <c r="I1668" i="2"/>
  <c r="I1642" i="5" s="1"/>
  <c r="I6209" i="2"/>
  <c r="I6183" i="5" s="1"/>
  <c r="I7087" i="2"/>
  <c r="I7061" i="5" s="1"/>
  <c r="I6564" i="2"/>
  <c r="I6538" i="5" s="1"/>
  <c r="I5718" i="2"/>
  <c r="I5692" i="5" s="1"/>
  <c r="I8567" i="2"/>
  <c r="I8541" i="5" s="1"/>
  <c r="I178" i="2"/>
  <c r="I152" i="5" s="1"/>
  <c r="I2679" i="2"/>
  <c r="I2653" i="5" s="1"/>
  <c r="I4731" i="2"/>
  <c r="I4705" i="5" s="1"/>
  <c r="I6374" i="2"/>
  <c r="I6348" i="5" s="1"/>
  <c r="I5365" i="2"/>
  <c r="I5339" i="5" s="1"/>
  <c r="I5562" i="2"/>
  <c r="I5536" i="5" s="1"/>
  <c r="I6389" i="2"/>
  <c r="I6363" i="5" s="1"/>
  <c r="I6878" i="2"/>
  <c r="I6852" i="5" s="1"/>
  <c r="I4529" i="2"/>
  <c r="I4503" i="5" s="1"/>
  <c r="I7074" i="2"/>
  <c r="I7048" i="5" s="1"/>
  <c r="I7744" i="2"/>
  <c r="I7718" i="5" s="1"/>
  <c r="I329" i="2"/>
  <c r="I303" i="5" s="1"/>
  <c r="I4360" i="2"/>
  <c r="I4334" i="5" s="1"/>
  <c r="I6916" i="2"/>
  <c r="I6890" i="5" s="1"/>
  <c r="I8051" i="2"/>
  <c r="I8025" i="5" s="1"/>
  <c r="I156" i="2"/>
  <c r="I130" i="5" s="1"/>
  <c r="I2048" i="2"/>
  <c r="I2022" i="5" s="1"/>
  <c r="I363" i="2"/>
  <c r="I337" i="5" s="1"/>
  <c r="I1542" i="2"/>
  <c r="I1516" i="5" s="1"/>
  <c r="I4219" i="2"/>
  <c r="I4193" i="5" s="1"/>
  <c r="I3894" i="2"/>
  <c r="I3868" i="5" s="1"/>
  <c r="I7591" i="2"/>
  <c r="I7565" i="5" s="1"/>
  <c r="I6071" i="2"/>
  <c r="I6045" i="5" s="1"/>
  <c r="I6067" i="2"/>
  <c r="I6041" i="5" s="1"/>
  <c r="I6881" i="2"/>
  <c r="I6855" i="5" s="1"/>
  <c r="I8749" i="2"/>
  <c r="I8723" i="5" s="1"/>
  <c r="I3043" i="2"/>
  <c r="I3017" i="5" s="1"/>
  <c r="I3017" i="2"/>
  <c r="I2991" i="5" s="1"/>
  <c r="I3023" i="2"/>
  <c r="I2997" i="5" s="1"/>
  <c r="I8250" i="2"/>
  <c r="I8224" i="5" s="1"/>
  <c r="I997" i="2"/>
  <c r="I971" i="5" s="1"/>
  <c r="I2363" i="2"/>
  <c r="I2337" i="5" s="1"/>
  <c r="I5211" i="2"/>
  <c r="I5185" i="5" s="1"/>
  <c r="I1697" i="2"/>
  <c r="I1671" i="5" s="1"/>
  <c r="I6050" i="2"/>
  <c r="I6024" i="5" s="1"/>
  <c r="I6875" i="2"/>
  <c r="I6849" i="5" s="1"/>
  <c r="I5571" i="2"/>
  <c r="I5545" i="5" s="1"/>
  <c r="I8386" i="2"/>
  <c r="I3035" i="2"/>
  <c r="I3009" i="5" s="1"/>
  <c r="I4364" i="2"/>
  <c r="I4338" i="5" s="1"/>
  <c r="I5220" i="2"/>
  <c r="I5194" i="5" s="1"/>
  <c r="I5549" i="2"/>
  <c r="I5523" i="5" s="1"/>
  <c r="I8765" i="2"/>
  <c r="I8739" i="5" s="1"/>
  <c r="I3879" i="2"/>
  <c r="I3853" i="5" s="1"/>
  <c r="I170" i="2"/>
  <c r="I144" i="5" s="1"/>
  <c r="I3515" i="2"/>
  <c r="I3489" i="5" s="1"/>
  <c r="I4378" i="2"/>
  <c r="I4352" i="5" s="1"/>
  <c r="I6903" i="2"/>
  <c r="I6877" i="5" s="1"/>
  <c r="I7397" i="2"/>
  <c r="I7371" i="5" s="1"/>
  <c r="I3541" i="2"/>
  <c r="I3515" i="5" s="1"/>
  <c r="I7238" i="2"/>
  <c r="I7212" i="5" s="1"/>
  <c r="I8431" i="2"/>
  <c r="I8405" i="5" s="1"/>
  <c r="I3194" i="2"/>
  <c r="I3168" i="5" s="1"/>
  <c r="I2345" i="2"/>
  <c r="I2319" i="5" s="1"/>
  <c r="I7904" i="2"/>
  <c r="I7878" i="5" s="1"/>
  <c r="I2843" i="2"/>
  <c r="I2817" i="5" s="1"/>
  <c r="I5721" i="2"/>
  <c r="I5695" i="5" s="1"/>
  <c r="I1520" i="2"/>
  <c r="I1494" i="5" s="1"/>
  <c r="I5700" i="2"/>
  <c r="I5674" i="5" s="1"/>
  <c r="I6721" i="2"/>
  <c r="I6695" i="5" s="1"/>
  <c r="I8594" i="2"/>
  <c r="I8568" i="5" s="1"/>
  <c r="I2020" i="2"/>
  <c r="I1994" i="5" s="1"/>
  <c r="I2183" i="2"/>
  <c r="I2157" i="5" s="1"/>
  <c r="I7895" i="2"/>
  <c r="I7869" i="5" s="1"/>
  <c r="I1840" i="2"/>
  <c r="I1814" i="5" s="1"/>
  <c r="I5065" i="2"/>
  <c r="I5039" i="5" s="1"/>
  <c r="I5387" i="2"/>
  <c r="I5361" i="5" s="1"/>
  <c r="I7082" i="2"/>
  <c r="I7056" i="5" s="1"/>
  <c r="I8084" i="2"/>
  <c r="I8058" i="5" s="1"/>
  <c r="I8073" i="2"/>
  <c r="I8047" i="5" s="1"/>
  <c r="I5728" i="2"/>
  <c r="I5702" i="5" s="1"/>
  <c r="I5042" i="2"/>
  <c r="I5016" i="5" s="1"/>
  <c r="I8262" i="2"/>
  <c r="I8236" i="5" s="1"/>
  <c r="I8560" i="2"/>
  <c r="I8534" i="5" s="1"/>
  <c r="I1186" i="2"/>
  <c r="I1160" i="5" s="1"/>
  <c r="I7234" i="2"/>
  <c r="I7208" i="5" s="1"/>
  <c r="I8767" i="2"/>
  <c r="I8741" i="5" s="1"/>
  <c r="I7925" i="2"/>
  <c r="I7899" i="5" s="1"/>
  <c r="I1206" i="2"/>
  <c r="I1180" i="5" s="1"/>
  <c r="I7739" i="2"/>
  <c r="I7713" i="5" s="1"/>
  <c r="I8241" i="2"/>
  <c r="I8215" i="5" s="1"/>
  <c r="I7885" i="2"/>
  <c r="I7859" i="5" s="1"/>
  <c r="I158" i="2"/>
  <c r="I132" i="5" s="1"/>
  <c r="I5869" i="2"/>
  <c r="I5843" i="5" s="1"/>
  <c r="I7592" i="2"/>
  <c r="I7566" i="5" s="1"/>
  <c r="I4535" i="2"/>
  <c r="I4509" i="5" s="1"/>
  <c r="I3204" i="2"/>
  <c r="I3178" i="5" s="1"/>
  <c r="I5911" i="2"/>
  <c r="I5885" i="5" s="1"/>
  <c r="I3020" i="2"/>
  <c r="I2994" i="5" s="1"/>
  <c r="I1680" i="2"/>
  <c r="I1654" i="5" s="1"/>
  <c r="I2338" i="2"/>
  <c r="I2312" i="5" s="1"/>
  <c r="I1020" i="2"/>
  <c r="I994" i="5" s="1"/>
  <c r="I7905" i="2"/>
  <c r="I7879" i="5" s="1"/>
  <c r="I6377" i="2"/>
  <c r="I6351" i="5" s="1"/>
  <c r="I5240" i="2"/>
  <c r="I5214" i="5" s="1"/>
  <c r="I7230" i="2"/>
  <c r="I7204" i="5" s="1"/>
  <c r="I5373" i="2"/>
  <c r="I5347" i="5" s="1"/>
  <c r="I5742" i="2"/>
  <c r="I5716" i="5" s="1"/>
  <c r="I2359" i="2"/>
  <c r="I2333" i="5" s="1"/>
  <c r="I863" i="2"/>
  <c r="I837" i="5" s="1"/>
  <c r="I5544" i="2"/>
  <c r="I5518" i="5" s="1"/>
  <c r="I8741" i="2"/>
  <c r="I8715" i="5" s="1"/>
  <c r="I1515" i="2"/>
  <c r="I1489" i="5" s="1"/>
  <c r="I1377" i="2"/>
  <c r="I1351" i="5" s="1"/>
  <c r="I5565" i="2"/>
  <c r="I5539" i="5" s="1"/>
  <c r="I6576" i="2"/>
  <c r="I6550" i="5" s="1"/>
  <c r="I1676" i="2"/>
  <c r="I1650" i="5" s="1"/>
  <c r="I7398" i="2"/>
  <c r="I7372" i="5" s="1"/>
  <c r="I5726" i="2"/>
  <c r="I5700" i="5" s="1"/>
  <c r="I7566" i="2"/>
  <c r="I7540" i="5" s="1"/>
  <c r="I4374" i="2"/>
  <c r="I4348" i="5" s="1"/>
  <c r="I3522" i="2"/>
  <c r="I3496" i="5" s="1"/>
  <c r="I2348" i="2"/>
  <c r="I2322" i="5" s="1"/>
  <c r="I1331" i="2"/>
  <c r="I1305" i="5" s="1"/>
  <c r="I2693" i="2"/>
  <c r="I2667" i="5" s="1"/>
  <c r="I8095" i="2"/>
  <c r="I8069" i="5" s="1"/>
  <c r="I2686" i="2"/>
  <c r="I2660" i="5" s="1"/>
  <c r="I5234" i="2"/>
  <c r="I5208" i="5" s="1"/>
  <c r="I7751" i="2"/>
  <c r="I7725" i="5" s="1"/>
  <c r="I2353" i="2"/>
  <c r="I2327" i="5" s="1"/>
  <c r="I5405" i="2"/>
  <c r="I5379" i="5" s="1"/>
  <c r="I678" i="2"/>
  <c r="I652" i="5" s="1"/>
  <c r="I677" i="2"/>
  <c r="I651" i="5" s="1"/>
  <c r="I4724" i="2"/>
  <c r="I4698" i="5" s="1"/>
  <c r="I1871" i="2"/>
  <c r="I1845" i="5" s="1"/>
  <c r="I526" i="2"/>
  <c r="I500" i="5" s="1"/>
  <c r="I7924" i="2"/>
  <c r="I7898" i="5" s="1"/>
  <c r="I4702" i="2"/>
  <c r="I4676" i="5" s="1"/>
  <c r="I4028" i="2"/>
  <c r="I4002" i="5" s="1"/>
  <c r="I3011" i="2"/>
  <c r="I2985" i="5" s="1"/>
  <c r="I1366" i="2"/>
  <c r="I1340" i="5" s="1"/>
  <c r="I3386" i="2"/>
  <c r="I3360" i="5" s="1"/>
  <c r="I8730" i="2"/>
  <c r="I8704" i="5" s="1"/>
  <c r="I7714" i="2"/>
  <c r="I7688" i="5" s="1"/>
  <c r="I1532" i="2"/>
  <c r="I1506" i="5" s="1"/>
  <c r="I522" i="2"/>
  <c r="I496" i="5" s="1"/>
  <c r="I499" i="2"/>
  <c r="I473" i="5" s="1"/>
  <c r="I490" i="2"/>
  <c r="I464" i="5" s="1"/>
  <c r="I2858" i="2"/>
  <c r="I2832" i="5" s="1"/>
  <c r="I5040" i="2"/>
  <c r="I5014" i="5" s="1"/>
  <c r="I1506" i="2"/>
  <c r="I1480" i="5" s="1"/>
  <c r="I6737" i="2"/>
  <c r="I6711" i="5" s="1"/>
  <c r="I8429" i="2"/>
  <c r="I8403" i="5" s="1"/>
  <c r="I2551" i="2"/>
  <c r="I2525" i="5" s="1"/>
  <c r="I7249" i="2"/>
  <c r="I7223" i="5" s="1"/>
  <c r="I4543" i="2"/>
  <c r="I4517" i="5" s="1"/>
  <c r="I5729" i="2"/>
  <c r="I5703" i="5" s="1"/>
  <c r="I3048" i="2"/>
  <c r="I3022" i="5" s="1"/>
  <c r="I1526" i="2"/>
  <c r="I1500" i="5" s="1"/>
  <c r="I2549" i="2"/>
  <c r="I2523" i="5" s="1"/>
  <c r="I4376" i="2"/>
  <c r="I4350" i="5" s="1"/>
  <c r="I1533" i="2"/>
  <c r="I1507" i="5" s="1"/>
  <c r="I7738" i="2"/>
  <c r="I7712" i="5" s="1"/>
  <c r="I6539" i="2"/>
  <c r="I6513" i="5" s="1"/>
  <c r="I4737" i="2"/>
  <c r="I4711" i="5" s="1"/>
  <c r="I7225" i="2"/>
  <c r="I7199" i="5" s="1"/>
  <c r="I3524" i="2"/>
  <c r="I3498" i="5" s="1"/>
  <c r="I2028" i="2"/>
  <c r="I2002" i="5" s="1"/>
  <c r="I1860" i="2"/>
  <c r="I1834" i="5" s="1"/>
  <c r="I8746" i="2"/>
  <c r="I8720" i="5" s="1"/>
  <c r="I5868" i="2"/>
  <c r="I5842" i="5" s="1"/>
  <c r="I3721" i="2"/>
  <c r="I3695" i="5" s="1"/>
  <c r="I3025" i="2"/>
  <c r="I2999" i="5" s="1"/>
  <c r="I8412" i="2"/>
  <c r="I8386" i="5" s="1"/>
  <c r="I7062" i="2"/>
  <c r="I7036" i="5" s="1"/>
  <c r="I5057" i="2"/>
  <c r="I5031" i="5" s="1"/>
  <c r="I3032" i="2"/>
  <c r="I3006" i="5" s="1"/>
  <c r="I4385" i="2"/>
  <c r="I4359" i="5" s="1"/>
  <c r="I5044" i="2"/>
  <c r="I5018" i="5" s="1"/>
  <c r="I4692" i="2"/>
  <c r="I4666" i="5" s="1"/>
  <c r="I5903" i="2"/>
  <c r="I5877" i="5" s="1"/>
  <c r="I5070" i="2"/>
  <c r="I5044" i="5" s="1"/>
  <c r="I2347" i="2"/>
  <c r="I2321" i="5" s="1"/>
  <c r="I5222" i="2"/>
  <c r="I5196" i="5" s="1"/>
  <c r="I3709" i="2"/>
  <c r="I3683" i="5" s="1"/>
  <c r="I1038" i="2"/>
  <c r="I1012" i="5" s="1"/>
  <c r="I1529" i="2"/>
  <c r="I1503" i="5" s="1"/>
  <c r="I3207" i="2"/>
  <c r="I3181" i="5" s="1"/>
  <c r="I7750" i="2"/>
  <c r="I7724" i="5" s="1"/>
  <c r="I4895" i="2"/>
  <c r="I4869" i="5" s="1"/>
  <c r="I4228" i="2"/>
  <c r="I4202" i="5" s="1"/>
  <c r="I6569" i="2"/>
  <c r="I6543" i="5" s="1"/>
  <c r="I7070" i="2"/>
  <c r="I7044" i="5" s="1"/>
  <c r="I5570" i="2"/>
  <c r="I5544" i="5" s="1"/>
  <c r="I5709" i="2"/>
  <c r="I5683" i="5" s="1"/>
  <c r="I2014" i="2"/>
  <c r="I1988" i="5" s="1"/>
  <c r="I871" i="2"/>
  <c r="I845" i="5" s="1"/>
  <c r="I5867" i="2"/>
  <c r="I5841" i="5" s="1"/>
  <c r="I8580" i="2"/>
  <c r="I8554" i="5" s="1"/>
  <c r="I4045" i="2"/>
  <c r="I4019" i="5" s="1"/>
  <c r="I2377" i="2"/>
  <c r="I2351" i="5" s="1"/>
  <c r="I1868" i="2"/>
  <c r="I1842" i="5" s="1"/>
  <c r="I6404" i="2"/>
  <c r="I6378" i="5" s="1"/>
  <c r="I4532" i="2"/>
  <c r="I4506" i="5" s="1"/>
  <c r="I2873" i="2"/>
  <c r="I2847" i="5" s="1"/>
  <c r="I3726" i="2"/>
  <c r="I3700" i="5" s="1"/>
  <c r="I2024" i="2"/>
  <c r="I1998" i="5" s="1"/>
  <c r="I6217" i="2"/>
  <c r="I6191" i="5" s="1"/>
  <c r="I5730" i="2"/>
  <c r="I5704" i="5" s="1"/>
  <c r="I8090" i="2"/>
  <c r="I8064" i="5" s="1"/>
  <c r="I1001" i="2"/>
  <c r="I975" i="5" s="1"/>
  <c r="I4736" i="2"/>
  <c r="I4710" i="5" s="1"/>
  <c r="I198" i="2"/>
  <c r="I172" i="5" s="1"/>
  <c r="I4866" i="2"/>
  <c r="I4840" i="5" s="1"/>
  <c r="I5241" i="2"/>
  <c r="I5215" i="5" s="1"/>
  <c r="I835" i="2"/>
  <c r="I809" i="5" s="1"/>
  <c r="I2373" i="2"/>
  <c r="I2347" i="5" s="1"/>
  <c r="I5367" i="2"/>
  <c r="I5341" i="5" s="1"/>
  <c r="I8732" i="2"/>
  <c r="I8706" i="5" s="1"/>
  <c r="I6394" i="2"/>
  <c r="I6368" i="5" s="1"/>
  <c r="I5239" i="2"/>
  <c r="I5213" i="5" s="1"/>
  <c r="I5875" i="2"/>
  <c r="I5849" i="5" s="1"/>
  <c r="I866" i="2"/>
  <c r="I840" i="5" s="1"/>
  <c r="I8397" i="2"/>
  <c r="I8371" i="5" s="1"/>
  <c r="I5532" i="2"/>
  <c r="I5506" i="5" s="1"/>
  <c r="I3850" i="2"/>
  <c r="I3824" i="5" s="1"/>
  <c r="I5706" i="2"/>
  <c r="I5680" i="5" s="1"/>
  <c r="I1678" i="2"/>
  <c r="I1652" i="5" s="1"/>
  <c r="I8234" i="2"/>
  <c r="I8208" i="5" s="1"/>
  <c r="I1711" i="2"/>
  <c r="I1685" i="5" s="1"/>
  <c r="I7067" i="2"/>
  <c r="I7041" i="5" s="1"/>
  <c r="I7224" i="2"/>
  <c r="I7198" i="5" s="1"/>
  <c r="I1345" i="2"/>
  <c r="I1319" i="5" s="1"/>
  <c r="I2696" i="2"/>
  <c r="I2670" i="5" s="1"/>
  <c r="I4867" i="2"/>
  <c r="I4841" i="5" s="1"/>
  <c r="I6908" i="2"/>
  <c r="I6882" i="5" s="1"/>
  <c r="I2714" i="2"/>
  <c r="I2688" i="5" s="1"/>
  <c r="I337" i="2"/>
  <c r="I311" i="5" s="1"/>
  <c r="I4892" i="2"/>
  <c r="I4866" i="5" s="1"/>
  <c r="I5704" i="2"/>
  <c r="I5678" i="5" s="1"/>
  <c r="I1693" i="2"/>
  <c r="I1667" i="5" s="1"/>
  <c r="I1681" i="2"/>
  <c r="I1655" i="5" s="1"/>
  <c r="I354" i="2"/>
  <c r="I328" i="5" s="1"/>
  <c r="I1864" i="2"/>
  <c r="I1838" i="5" s="1"/>
  <c r="I1183" i="2"/>
  <c r="I1157" i="5" s="1"/>
  <c r="I6876" i="2"/>
  <c r="I6850" i="5" s="1"/>
  <c r="I193" i="2"/>
  <c r="I167" i="5" s="1"/>
  <c r="I352" i="2"/>
  <c r="I326" i="5" s="1"/>
  <c r="I6383" i="2"/>
  <c r="I6357" i="5" s="1"/>
  <c r="I4700" i="2"/>
  <c r="I4674" i="5" s="1"/>
  <c r="I4878" i="2"/>
  <c r="I4852" i="5" s="1"/>
  <c r="I7382" i="2"/>
  <c r="I7356" i="5" s="1"/>
  <c r="I5397" i="2"/>
  <c r="I5371" i="5" s="1"/>
  <c r="I4216" i="2"/>
  <c r="I4190" i="5" s="1"/>
  <c r="I5379" i="2"/>
  <c r="I5353" i="5" s="1"/>
  <c r="I3205" i="2"/>
  <c r="I3179" i="5" s="1"/>
  <c r="I8722" i="2"/>
  <c r="I8696" i="5" s="1"/>
  <c r="I4190" i="2"/>
  <c r="I4164" i="5" s="1"/>
  <c r="I6578" i="2"/>
  <c r="I6552" i="5" s="1"/>
  <c r="I1850" i="2"/>
  <c r="I1824" i="5" s="1"/>
  <c r="I4717" i="2"/>
  <c r="I4691" i="5" s="1"/>
  <c r="I3867" i="2"/>
  <c r="I3841" i="5" s="1"/>
  <c r="I3520" i="2"/>
  <c r="I3494" i="5" s="1"/>
  <c r="I8221" i="2"/>
  <c r="I8195" i="5" s="1"/>
  <c r="I2533" i="2"/>
  <c r="I2507" i="5" s="1"/>
  <c r="I4732" i="2"/>
  <c r="I4706" i="5" s="1"/>
  <c r="I5198" i="2"/>
  <c r="I5172" i="5" s="1"/>
  <c r="I176" i="2"/>
  <c r="I150" i="5" s="1"/>
  <c r="I4051" i="2"/>
  <c r="I4025" i="5" s="1"/>
  <c r="I2208" i="2"/>
  <c r="I2182" i="5" s="1"/>
  <c r="I8590" i="2"/>
  <c r="I8564" i="5" s="1"/>
  <c r="I6413" i="2"/>
  <c r="I6387" i="5" s="1"/>
  <c r="I4354" i="2"/>
  <c r="I4328" i="5" s="1"/>
  <c r="I6039" i="2"/>
  <c r="I6013" i="5" s="1"/>
  <c r="I521" i="2"/>
  <c r="I495" i="5" s="1"/>
  <c r="I3869" i="2"/>
  <c r="I3843" i="5" s="1"/>
  <c r="I827" i="2"/>
  <c r="I801" i="5" s="1"/>
  <c r="I5404" i="2"/>
  <c r="I5378" i="5" s="1"/>
  <c r="I691" i="2"/>
  <c r="I665" i="5" s="1"/>
  <c r="I5392" i="2"/>
  <c r="I5366" i="5" s="1"/>
  <c r="I1684" i="2"/>
  <c r="I1658" i="5" s="1"/>
  <c r="I5906" i="2"/>
  <c r="I5880" i="5" s="1"/>
  <c r="I1346" i="2"/>
  <c r="I1320" i="5" s="1"/>
  <c r="I6557" i="2"/>
  <c r="I6531" i="5" s="1"/>
  <c r="I1880" i="2"/>
  <c r="I1854" i="5" s="1"/>
  <c r="I6249" i="2"/>
  <c r="I6223" i="5" s="1"/>
  <c r="I1198" i="2"/>
  <c r="I1172" i="5" s="1"/>
  <c r="I6375" i="2"/>
  <c r="I6349" i="5" s="1"/>
  <c r="I8085" i="2"/>
  <c r="I8059" i="5" s="1"/>
  <c r="I4048" i="2"/>
  <c r="I4022" i="5" s="1"/>
  <c r="I7081" i="2"/>
  <c r="I7055" i="5" s="1"/>
  <c r="I3540" i="2"/>
  <c r="I3514" i="5" s="1"/>
  <c r="I3723" i="2"/>
  <c r="I3697" i="5" s="1"/>
  <c r="I5722" i="2"/>
  <c r="I5696" i="5" s="1"/>
  <c r="I8743" i="2"/>
  <c r="I8717" i="5" s="1"/>
  <c r="I2192" i="2"/>
  <c r="I2166" i="5" s="1"/>
  <c r="I7894" i="2"/>
  <c r="I7868" i="5" s="1"/>
  <c r="I4383" i="2"/>
  <c r="I4357" i="5" s="1"/>
  <c r="I2689" i="2"/>
  <c r="I2663" i="5" s="1"/>
  <c r="I1168" i="2"/>
  <c r="I1142" i="5" s="1"/>
  <c r="I4054" i="2"/>
  <c r="I4028" i="5" s="1"/>
  <c r="I8391" i="2"/>
  <c r="I8365" i="5" s="1"/>
  <c r="I6579" i="2"/>
  <c r="I6553" i="5" s="1"/>
  <c r="I5905" i="2"/>
  <c r="I5879" i="5" s="1"/>
  <c r="I2690" i="2"/>
  <c r="I2664" i="5" s="1"/>
  <c r="I5879" i="2"/>
  <c r="I5853" i="5" s="1"/>
  <c r="I4195" i="2"/>
  <c r="I4169" i="5" s="1"/>
  <c r="I518" i="2"/>
  <c r="I492" i="5" s="1"/>
  <c r="I1342" i="2"/>
  <c r="I1316" i="5" s="1"/>
  <c r="I7054" i="2"/>
  <c r="I7028" i="5" s="1"/>
  <c r="I4859" i="2"/>
  <c r="I4833" i="5" s="1"/>
  <c r="I1164" i="2"/>
  <c r="I1138" i="5" s="1"/>
  <c r="I7726" i="2"/>
  <c r="I7700" i="5" s="1"/>
  <c r="I8586" i="2"/>
  <c r="I8560" i="5" s="1"/>
  <c r="I6877" i="2"/>
  <c r="I6851" i="5" s="1"/>
  <c r="I1834" i="2"/>
  <c r="I1808" i="5" s="1"/>
  <c r="I693" i="2"/>
  <c r="I667" i="5" s="1"/>
  <c r="I3712" i="2"/>
  <c r="I3686" i="5" s="1"/>
  <c r="I8729" i="2"/>
  <c r="I8703" i="5" s="1"/>
  <c r="I3876" i="2"/>
  <c r="I3850" i="5" s="1"/>
  <c r="I6220" i="2"/>
  <c r="I6194" i="5" s="1"/>
  <c r="I6075" i="2"/>
  <c r="I6049" i="5" s="1"/>
  <c r="I5203" i="2"/>
  <c r="I5177" i="5" s="1"/>
  <c r="I6896" i="2"/>
  <c r="I6870" i="5" s="1"/>
  <c r="I2550" i="2"/>
  <c r="I2524" i="5" s="1"/>
  <c r="I1513" i="2"/>
  <c r="I1487" i="5" s="1"/>
  <c r="I4392" i="2"/>
  <c r="I4366" i="5" s="1"/>
  <c r="I6213" i="2"/>
  <c r="I6187" i="5" s="1"/>
  <c r="I5737" i="2"/>
  <c r="I5711" i="5" s="1"/>
  <c r="I8247" i="2"/>
  <c r="I8221" i="5" s="1"/>
  <c r="I4369" i="2"/>
  <c r="I4343" i="5" s="1"/>
  <c r="I2864" i="2"/>
  <c r="I2838" i="5" s="1"/>
  <c r="I8265" i="2"/>
  <c r="I8239" i="5" s="1"/>
  <c r="I3853" i="2"/>
  <c r="I3827" i="5" s="1"/>
  <c r="I6918" i="2"/>
  <c r="I6892" i="5" s="1"/>
  <c r="I1512" i="2"/>
  <c r="I1486" i="5" s="1"/>
  <c r="I4723" i="2"/>
  <c r="I4697" i="5" s="1"/>
  <c r="I7746" i="2"/>
  <c r="I7720" i="5" s="1"/>
  <c r="I7909" i="2"/>
  <c r="I7883" i="5" s="1"/>
  <c r="I8589" i="2"/>
  <c r="I8563" i="5" s="1"/>
  <c r="I7888" i="2"/>
  <c r="I7862" i="5" s="1"/>
  <c r="I3543" i="2"/>
  <c r="I3517" i="5" s="1"/>
  <c r="I6246" i="2"/>
  <c r="I6220" i="5" s="1"/>
  <c r="I8387" i="2"/>
  <c r="I8361" i="5" s="1"/>
  <c r="AM294" i="1"/>
  <c r="AM211" i="1"/>
  <c r="AM49" i="1"/>
  <c r="AM50" i="1"/>
  <c r="AM189" i="1"/>
  <c r="AM204" i="1"/>
  <c r="AM344" i="1"/>
  <c r="AM15" i="1"/>
  <c r="AM238" i="1"/>
  <c r="AM203" i="1"/>
  <c r="AP77" i="1"/>
  <c r="F83" i="5" s="1"/>
  <c r="AM351" i="1"/>
  <c r="AM301" i="1"/>
  <c r="AM246" i="1"/>
  <c r="AM358" i="1"/>
  <c r="AM288" i="1"/>
  <c r="AQ196" i="1"/>
  <c r="G202" i="5" s="1"/>
  <c r="AM43" i="1"/>
  <c r="AM36" i="1"/>
  <c r="AM113" i="1"/>
  <c r="AM105" i="1"/>
  <c r="AM112" i="1"/>
  <c r="AO85" i="1"/>
  <c r="AM196" i="1"/>
  <c r="AM120" i="1"/>
  <c r="AM140" i="1"/>
  <c r="AM329" i="1"/>
  <c r="AM119" i="1"/>
  <c r="AQ287" i="1"/>
  <c r="G293" i="5" s="1"/>
  <c r="AM147" i="1"/>
  <c r="AM84" i="1"/>
  <c r="AM364" i="1"/>
  <c r="AM77" i="1"/>
  <c r="AM218" i="1"/>
  <c r="AO203" i="1"/>
  <c r="E209" i="5" s="1"/>
  <c r="I1182" i="2" l="1"/>
  <c r="I1156" i="5" s="1"/>
  <c r="I8561" i="2"/>
  <c r="I8535" i="5" s="1"/>
  <c r="I1018" i="2"/>
  <c r="I992" i="5" s="1"/>
  <c r="I6040" i="2"/>
  <c r="I6014" i="5" s="1"/>
  <c r="I8050" i="2"/>
  <c r="I8024" i="5" s="1"/>
  <c r="I8053" i="2"/>
  <c r="I8027" i="5" s="1"/>
  <c r="I1530" i="2"/>
  <c r="I1504" i="5" s="1"/>
  <c r="I3047" i="2"/>
  <c r="I3021" i="5" s="1"/>
  <c r="I2029" i="2"/>
  <c r="I2003" i="5" s="1"/>
  <c r="I8057" i="2"/>
  <c r="I8031" i="5" s="1"/>
  <c r="I6401" i="2"/>
  <c r="I6375" i="5" s="1"/>
  <c r="I8768" i="2"/>
  <c r="I8742" i="5" s="1"/>
  <c r="I6063" i="2"/>
  <c r="I6037" i="5" s="1"/>
  <c r="I2385" i="2"/>
  <c r="I2359" i="5" s="1"/>
  <c r="I2881" i="2"/>
  <c r="I2855" i="5" s="1"/>
  <c r="I5913" i="2"/>
  <c r="I5887" i="5" s="1"/>
  <c r="I2704" i="2"/>
  <c r="I2678" i="5" s="1"/>
  <c r="I4232" i="2"/>
  <c r="I4206" i="5" s="1"/>
  <c r="I1876" i="2"/>
  <c r="I1850" i="5" s="1"/>
  <c r="I4564" i="2"/>
  <c r="I4538" i="5" s="1"/>
  <c r="I3861" i="2"/>
  <c r="I3835" i="5" s="1"/>
  <c r="I2677" i="2"/>
  <c r="I2651" i="5" s="1"/>
  <c r="I6238" i="2"/>
  <c r="I6212" i="5" s="1"/>
  <c r="I3217" i="2"/>
  <c r="I3191" i="5" s="1"/>
  <c r="I1518" i="2"/>
  <c r="I1492" i="5" s="1"/>
  <c r="I1360" i="2"/>
  <c r="I1334" i="5" s="1"/>
  <c r="I673" i="2"/>
  <c r="I647" i="5" s="1"/>
  <c r="I4377" i="2"/>
  <c r="I4351" i="5" s="1"/>
  <c r="I8086" i="2"/>
  <c r="I8060" i="5" s="1"/>
  <c r="I5364" i="2"/>
  <c r="I5338" i="5" s="1"/>
  <c r="I2883" i="2"/>
  <c r="I2857" i="5" s="1"/>
  <c r="I852" i="2"/>
  <c r="I826" i="5" s="1"/>
  <c r="I2710" i="2"/>
  <c r="I2684" i="5" s="1"/>
  <c r="I701" i="2"/>
  <c r="I675" i="5" s="1"/>
  <c r="I1692" i="2"/>
  <c r="I1666" i="5" s="1"/>
  <c r="I4388" i="2"/>
  <c r="I4362" i="5" s="1"/>
  <c r="I7415" i="2"/>
  <c r="I7389" i="5" s="1"/>
  <c r="I5056" i="2"/>
  <c r="I5030" i="5" s="1"/>
  <c r="I837" i="2"/>
  <c r="I811" i="5" s="1"/>
  <c r="I8558" i="2"/>
  <c r="I8532" i="5" s="1"/>
  <c r="I1675" i="2"/>
  <c r="I1649" i="5" s="1"/>
  <c r="I5733" i="2"/>
  <c r="I5707" i="5" s="1"/>
  <c r="I6892" i="2"/>
  <c r="I6866" i="5" s="1"/>
  <c r="I8592" i="2"/>
  <c r="I8566" i="5" s="1"/>
  <c r="I3188" i="2"/>
  <c r="I3162" i="5" s="1"/>
  <c r="I8568" i="2"/>
  <c r="I8542" i="5" s="1"/>
  <c r="I8408" i="2"/>
  <c r="I8382" i="5" s="1"/>
  <c r="I3178" i="2"/>
  <c r="I3152" i="5" s="1"/>
  <c r="I4397" i="2"/>
  <c r="I4371" i="5" s="1"/>
  <c r="I8224" i="2"/>
  <c r="I8198" i="5" s="1"/>
  <c r="I6414" i="2"/>
  <c r="I6388" i="5" s="1"/>
  <c r="I2187" i="2"/>
  <c r="I2161" i="5" s="1"/>
  <c r="I536" i="2"/>
  <c r="I510" i="5" s="1"/>
  <c r="I4044" i="2"/>
  <c r="I4018" i="5" s="1"/>
  <c r="I6558" i="2"/>
  <c r="I6532" i="5" s="1"/>
  <c r="I4395" i="2"/>
  <c r="I4369" i="5" s="1"/>
  <c r="I3039" i="2"/>
  <c r="I3013" i="5" s="1"/>
  <c r="I1169" i="2"/>
  <c r="I1143" i="5" s="1"/>
  <c r="I1162" i="2"/>
  <c r="I1136" i="5" s="1"/>
  <c r="I4858" i="2"/>
  <c r="I4832" i="5" s="1"/>
  <c r="I829" i="2"/>
  <c r="I803" i="5" s="1"/>
  <c r="I4569" i="2"/>
  <c r="I4543" i="5" s="1"/>
  <c r="I5048" i="2"/>
  <c r="I5022" i="5" s="1"/>
  <c r="I7412" i="2"/>
  <c r="I7386" i="5" s="1"/>
  <c r="I1016" i="2"/>
  <c r="I990" i="5" s="1"/>
  <c r="I7419" i="2"/>
  <c r="I7393" i="5" s="1"/>
  <c r="I3857" i="2"/>
  <c r="I3831" i="5" s="1"/>
  <c r="I1694" i="2"/>
  <c r="I1668" i="5" s="1"/>
  <c r="I4548" i="2"/>
  <c r="I4522" i="5" s="1"/>
  <c r="I8065" i="2"/>
  <c r="I8039" i="5" s="1"/>
  <c r="I2198" i="2"/>
  <c r="I2172" i="5" s="1"/>
  <c r="I2683" i="2"/>
  <c r="I2657" i="5" s="1"/>
  <c r="I7557" i="2"/>
  <c r="I7531" i="5" s="1"/>
  <c r="I3010" i="2"/>
  <c r="I2984" i="5" s="1"/>
  <c r="I5541" i="2"/>
  <c r="I5515" i="5" s="1"/>
  <c r="I336" i="2"/>
  <c r="I310" i="5" s="1"/>
  <c r="I4709" i="2"/>
  <c r="I4683" i="5" s="1"/>
  <c r="I2369" i="2"/>
  <c r="I2343" i="5" s="1"/>
  <c r="I365" i="2"/>
  <c r="I339" i="5" s="1"/>
  <c r="I503" i="2"/>
  <c r="I477" i="5" s="1"/>
  <c r="I5886" i="2"/>
  <c r="I5860" i="5" s="1"/>
  <c r="I2712" i="2"/>
  <c r="I2686" i="5" s="1"/>
  <c r="I690" i="2"/>
  <c r="I664" i="5" s="1"/>
  <c r="I8425" i="2"/>
  <c r="I8399" i="5" s="1"/>
  <c r="I5195" i="2"/>
  <c r="I5169" i="5" s="1"/>
  <c r="I4060" i="2"/>
  <c r="I4034" i="5" s="1"/>
  <c r="I6052" i="2"/>
  <c r="I6026" i="5" s="1"/>
  <c r="I1872" i="2"/>
  <c r="I1846" i="5" s="1"/>
  <c r="I3181" i="2"/>
  <c r="I3155" i="5" s="1"/>
  <c r="I7919" i="2"/>
  <c r="I7893" i="5" s="1"/>
  <c r="I8091" i="2"/>
  <c r="I8065" i="5" s="1"/>
  <c r="I5377" i="2"/>
  <c r="I5351" i="5" s="1"/>
  <c r="I5739" i="2"/>
  <c r="I5713" i="5" s="1"/>
  <c r="I164" i="2"/>
  <c r="I138" i="5" s="1"/>
  <c r="I6730" i="2"/>
  <c r="I6704" i="5" s="1"/>
  <c r="I7736" i="2"/>
  <c r="I7710" i="5" s="1"/>
  <c r="I7583" i="2"/>
  <c r="I7557" i="5" s="1"/>
  <c r="I5033" i="2"/>
  <c r="I5007" i="5" s="1"/>
  <c r="I4057" i="2"/>
  <c r="I4031" i="5" s="1"/>
  <c r="I5548" i="2"/>
  <c r="I5522" i="5" s="1"/>
  <c r="I1017" i="2"/>
  <c r="I991" i="5" s="1"/>
  <c r="I8229" i="2"/>
  <c r="I8203" i="5" s="1"/>
  <c r="I3517" i="2"/>
  <c r="I3491" i="5" s="1"/>
  <c r="I5238" i="2"/>
  <c r="I5212" i="5" s="1"/>
  <c r="I2860" i="2"/>
  <c r="I2834" i="5" s="1"/>
  <c r="I2857" i="2"/>
  <c r="I2831" i="5" s="1"/>
  <c r="I1187" i="2"/>
  <c r="I1161" i="5" s="1"/>
  <c r="I7381" i="2"/>
  <c r="I7355" i="5" s="1"/>
  <c r="I2045" i="2"/>
  <c r="I2019" i="5" s="1"/>
  <c r="I7883" i="2"/>
  <c r="I7857" i="5" s="1"/>
  <c r="I8761" i="2"/>
  <c r="I8735" i="5" s="1"/>
  <c r="I1874" i="2"/>
  <c r="I1848" i="5" s="1"/>
  <c r="I2888" i="2"/>
  <c r="I2862" i="5" s="1"/>
  <c r="I4693" i="2"/>
  <c r="I4667" i="5" s="1"/>
  <c r="I8731" i="2"/>
  <c r="I8705" i="5" s="1"/>
  <c r="I844" i="2"/>
  <c r="I818" i="5" s="1"/>
  <c r="I7421" i="2"/>
  <c r="I7395" i="5" s="1"/>
  <c r="I2039" i="2"/>
  <c r="I2013" i="5" s="1"/>
  <c r="I8227" i="2"/>
  <c r="I8201" i="5" s="1"/>
  <c r="I7735" i="2"/>
  <c r="I7709" i="5" s="1"/>
  <c r="I5376" i="2"/>
  <c r="I5350" i="5" s="1"/>
  <c r="I6236" i="2"/>
  <c r="I6210" i="5" s="1"/>
  <c r="I6373" i="2"/>
  <c r="I6347" i="5" s="1"/>
  <c r="I5884" i="2"/>
  <c r="I5858" i="5" s="1"/>
  <c r="I3220" i="2"/>
  <c r="I3194" i="5" s="1"/>
  <c r="I501" i="2"/>
  <c r="I475" i="5" s="1"/>
  <c r="I846" i="2"/>
  <c r="I820" i="5" s="1"/>
  <c r="I3379" i="2"/>
  <c r="I3353" i="5" s="1"/>
  <c r="I2720" i="2"/>
  <c r="I2694" i="5" s="1"/>
  <c r="I1358" i="2"/>
  <c r="I1332" i="5" s="1"/>
  <c r="I5224" i="2"/>
  <c r="I5198" i="5" s="1"/>
  <c r="I1510" i="2"/>
  <c r="I1484" i="5" s="1"/>
  <c r="I5041" i="2"/>
  <c r="I5015" i="5" s="1"/>
  <c r="I2515" i="2"/>
  <c r="I2489" i="5" s="1"/>
  <c r="I4359" i="2"/>
  <c r="I4333" i="5" s="1"/>
  <c r="I8420" i="2"/>
  <c r="I8394" i="5" s="1"/>
  <c r="I7913" i="2"/>
  <c r="I7887" i="5" s="1"/>
  <c r="I1179" i="2"/>
  <c r="I1153" i="5" s="1"/>
  <c r="I2849" i="2"/>
  <c r="I2823" i="5" s="1"/>
  <c r="I1359" i="2"/>
  <c r="I1333" i="5" s="1"/>
  <c r="I8570" i="2"/>
  <c r="I8544" i="5" s="1"/>
  <c r="I6041" i="2"/>
  <c r="I6015" i="5" s="1"/>
  <c r="I3040" i="2"/>
  <c r="I3014" i="5" s="1"/>
  <c r="I345" i="2"/>
  <c r="I319" i="5" s="1"/>
  <c r="I5872" i="2"/>
  <c r="I5846" i="5" s="1"/>
  <c r="I3722" i="2"/>
  <c r="I3696" i="5" s="1"/>
  <c r="I4541" i="2"/>
  <c r="I4515" i="5" s="1"/>
  <c r="I6560" i="2"/>
  <c r="I6534" i="5" s="1"/>
  <c r="I1677" i="2"/>
  <c r="I1651" i="5" s="1"/>
  <c r="I4034" i="2"/>
  <c r="I4008" i="5" s="1"/>
  <c r="I169" i="2"/>
  <c r="I143" i="5" s="1"/>
  <c r="I6725" i="2"/>
  <c r="I6699" i="5" s="1"/>
  <c r="I7243" i="2"/>
  <c r="I7217" i="5" s="1"/>
  <c r="I194" i="2"/>
  <c r="I168" i="5" s="1"/>
  <c r="I4886" i="2"/>
  <c r="I4860" i="5" s="1"/>
  <c r="I355" i="2"/>
  <c r="I329" i="5" s="1"/>
  <c r="I6245" i="2"/>
  <c r="I6219" i="5" s="1"/>
  <c r="I366" i="2"/>
  <c r="I340" i="5" s="1"/>
  <c r="I4695" i="2"/>
  <c r="I4669" i="5" s="1"/>
  <c r="I7921" i="2"/>
  <c r="I7895" i="5" s="1"/>
  <c r="I1205" i="2"/>
  <c r="I1179" i="5" s="1"/>
  <c r="I5201" i="2"/>
  <c r="I5175" i="5" s="1"/>
  <c r="I5908" i="2"/>
  <c r="I5882" i="5" s="1"/>
  <c r="I8094" i="2"/>
  <c r="I8068" i="5" s="1"/>
  <c r="I157" i="2"/>
  <c r="I131" i="5" s="1"/>
  <c r="I1191" i="2"/>
  <c r="I1165" i="5" s="1"/>
  <c r="I3863" i="2"/>
  <c r="I3837" i="5" s="1"/>
  <c r="I6408" i="2"/>
  <c r="I6382" i="5" s="1"/>
  <c r="I8410" i="2"/>
  <c r="I8384" i="5" s="1"/>
  <c r="I6574" i="2"/>
  <c r="I6548" i="5" s="1"/>
  <c r="I1175" i="2"/>
  <c r="I1149" i="5" s="1"/>
  <c r="I6233" i="2"/>
  <c r="I6207" i="5" s="1"/>
  <c r="I8588" i="2"/>
  <c r="I8562" i="5" s="1"/>
  <c r="I4213" i="2"/>
  <c r="I4187" i="5" s="1"/>
  <c r="I2676" i="2"/>
  <c r="I2650" i="5" s="1"/>
  <c r="I5555" i="2"/>
  <c r="I5529" i="5" s="1"/>
  <c r="I1511" i="2"/>
  <c r="I1485" i="5" s="1"/>
  <c r="I3714" i="2"/>
  <c r="I3688" i="5" s="1"/>
  <c r="I5732" i="2"/>
  <c r="I5706" i="5" s="1"/>
  <c r="I2511" i="2"/>
  <c r="I2485" i="5" s="1"/>
  <c r="I3352" i="2"/>
  <c r="I3326" i="5" s="1"/>
  <c r="I3891" i="2"/>
  <c r="I3865" i="5" s="1"/>
  <c r="I3218" i="2"/>
  <c r="I3192" i="5" s="1"/>
  <c r="I2379" i="2"/>
  <c r="I2353" i="5" s="1"/>
  <c r="I1873" i="2"/>
  <c r="I1847" i="5" s="1"/>
  <c r="I7420" i="2"/>
  <c r="I7394" i="5" s="1"/>
  <c r="I2681" i="2"/>
  <c r="I2655" i="5" s="1"/>
  <c r="I520" i="2"/>
  <c r="I494" i="5" s="1"/>
  <c r="I2355" i="2"/>
  <c r="I2329" i="5" s="1"/>
  <c r="I6547" i="2"/>
  <c r="I6521" i="5" s="1"/>
  <c r="I4566" i="2"/>
  <c r="I4540" i="5" s="1"/>
  <c r="I1671" i="2"/>
  <c r="I1645" i="5" s="1"/>
  <c r="I6219" i="2"/>
  <c r="I6193" i="5" s="1"/>
  <c r="I2697" i="2"/>
  <c r="I2671" i="5" s="1"/>
  <c r="I6718" i="2"/>
  <c r="I6692" i="5" s="1"/>
  <c r="I4877" i="2"/>
  <c r="I4851" i="5" s="1"/>
  <c r="I199" i="2"/>
  <c r="I173" i="5" s="1"/>
  <c r="I2700" i="2"/>
  <c r="I2674" i="5" s="1"/>
  <c r="I4192" i="2"/>
  <c r="I4166" i="5" s="1"/>
  <c r="I3375" i="2"/>
  <c r="I3349" i="5" s="1"/>
  <c r="I7233" i="2"/>
  <c r="I7207" i="5" s="1"/>
  <c r="I3717" i="2"/>
  <c r="I3691" i="5" s="1"/>
  <c r="I3184" i="2"/>
  <c r="I3158" i="5" s="1"/>
  <c r="I2364" i="2"/>
  <c r="I2338" i="5" s="1"/>
  <c r="I1165" i="2"/>
  <c r="I1139" i="5" s="1"/>
  <c r="I2848" i="2"/>
  <c r="I2822" i="5" s="1"/>
  <c r="I2371" i="2"/>
  <c r="I2345" i="5" s="1"/>
  <c r="I5887" i="2"/>
  <c r="I5861" i="5" s="1"/>
  <c r="I6746" i="2"/>
  <c r="I6720" i="5" s="1"/>
  <c r="I6218" i="2"/>
  <c r="I6192" i="5" s="1"/>
  <c r="I4894" i="2"/>
  <c r="I4868" i="5" s="1"/>
  <c r="I7390" i="2"/>
  <c r="I7364" i="5" s="1"/>
  <c r="I1172" i="2"/>
  <c r="I1146" i="5" s="1"/>
  <c r="I1374" i="2"/>
  <c r="I1348" i="5" s="1"/>
  <c r="I5053" i="2"/>
  <c r="I5027" i="5" s="1"/>
  <c r="I8739" i="2"/>
  <c r="I8713" i="5" s="1"/>
  <c r="I5027" i="2"/>
  <c r="I5001" i="5" s="1"/>
  <c r="I5216" i="2"/>
  <c r="I5190" i="5" s="1"/>
  <c r="I2199" i="2"/>
  <c r="I2173" i="5" s="1"/>
  <c r="I8742" i="2"/>
  <c r="I8716" i="5" s="1"/>
  <c r="I4208" i="2"/>
  <c r="I4182" i="5" s="1"/>
  <c r="I3389" i="2"/>
  <c r="I3363" i="5" s="1"/>
  <c r="I4053" i="2"/>
  <c r="I4027" i="5" s="1"/>
  <c r="I5910" i="2"/>
  <c r="I5884" i="5" s="1"/>
  <c r="I6913" i="2"/>
  <c r="I6887" i="5" s="1"/>
  <c r="I858" i="2"/>
  <c r="I832" i="5" s="1"/>
  <c r="I5371" i="2"/>
  <c r="I5345" i="5" s="1"/>
  <c r="I5206" i="2"/>
  <c r="I5180" i="5" s="1"/>
  <c r="I6390" i="2"/>
  <c r="I6364" i="5" s="1"/>
  <c r="I368" i="2"/>
  <c r="I342" i="5" s="1"/>
  <c r="I8404" i="2"/>
  <c r="I8378" i="5" s="1"/>
  <c r="I1034" i="2"/>
  <c r="I1008" i="5" s="1"/>
  <c r="I4205" i="2"/>
  <c r="I4179" i="5" s="1"/>
  <c r="I2705" i="2"/>
  <c r="I2679" i="5" s="1"/>
  <c r="I3873" i="2"/>
  <c r="I3847" i="5" s="1"/>
  <c r="I998" i="2"/>
  <c r="I972" i="5" s="1"/>
  <c r="I3886" i="2"/>
  <c r="I3860" i="5" s="1"/>
  <c r="I7757" i="2"/>
  <c r="I7731" i="5" s="1"/>
  <c r="I2532" i="2"/>
  <c r="I2506" i="5" s="1"/>
  <c r="I6223" i="2"/>
  <c r="I6197" i="5" s="1"/>
  <c r="I4560" i="2"/>
  <c r="I4534" i="5" s="1"/>
  <c r="I4567" i="2"/>
  <c r="I4541" i="5" s="1"/>
  <c r="I8079" i="2"/>
  <c r="I8053" i="5" s="1"/>
  <c r="I4704" i="2"/>
  <c r="I4678" i="5" s="1"/>
  <c r="I1838" i="2"/>
  <c r="I1812" i="5" s="1"/>
  <c r="I2207" i="2"/>
  <c r="I2181" i="5" s="1"/>
  <c r="I4555" i="2"/>
  <c r="I4529" i="5" s="1"/>
  <c r="I8565" i="2"/>
  <c r="I8539" i="5" s="1"/>
  <c r="I7423" i="2"/>
  <c r="I7397" i="5" s="1"/>
  <c r="I3525" i="2"/>
  <c r="I3499" i="5" s="1"/>
  <c r="I1185" i="2"/>
  <c r="I1159" i="5" s="1"/>
  <c r="I6580" i="2"/>
  <c r="I6554" i="5" s="1"/>
  <c r="I2862" i="2"/>
  <c r="I2836" i="5" s="1"/>
  <c r="I4720" i="2"/>
  <c r="I4694" i="5" s="1"/>
  <c r="I187" i="2"/>
  <c r="I161" i="5" s="1"/>
  <c r="I3365" i="2"/>
  <c r="I3339" i="5" s="1"/>
  <c r="I1003" i="2"/>
  <c r="I977" i="5" s="1"/>
  <c r="I6044" i="2"/>
  <c r="I6018" i="5" s="1"/>
  <c r="I7378" i="2"/>
  <c r="I7352" i="5" s="1"/>
  <c r="I5197" i="2"/>
  <c r="I5171" i="5" s="1"/>
  <c r="I6416" i="2"/>
  <c r="I6390" i="5" s="1"/>
  <c r="I2202" i="2"/>
  <c r="I2176" i="5" s="1"/>
  <c r="I4188" i="2"/>
  <c r="I4162" i="5" s="1"/>
  <c r="I7569" i="2"/>
  <c r="I7543" i="5" s="1"/>
  <c r="I6406" i="2"/>
  <c r="I6380" i="5" s="1"/>
  <c r="I8596" i="2"/>
  <c r="I8570" i="5" s="1"/>
  <c r="I4714" i="2"/>
  <c r="I4688" i="5" s="1"/>
  <c r="I6059" i="2"/>
  <c r="I6033" i="5" s="1"/>
  <c r="I7048" i="2"/>
  <c r="I7022" i="5" s="1"/>
  <c r="I4041" i="2"/>
  <c r="I4015" i="5" s="1"/>
  <c r="I332" i="2"/>
  <c r="I306" i="5" s="1"/>
  <c r="I3052" i="2"/>
  <c r="I3026" i="5" s="1"/>
  <c r="I4544" i="2"/>
  <c r="I4518" i="5" s="1"/>
  <c r="I4186" i="2"/>
  <c r="I4160" i="5" s="1"/>
  <c r="I6064" i="2"/>
  <c r="I6038" i="5" s="1"/>
  <c r="I6907" i="2"/>
  <c r="I6881" i="5" s="1"/>
  <c r="I2372" i="2"/>
  <c r="I2346" i="5" s="1"/>
  <c r="I7720" i="2"/>
  <c r="I7694" i="5" s="1"/>
  <c r="I5701" i="2"/>
  <c r="I5675" i="5" s="1"/>
  <c r="I6891" i="2"/>
  <c r="I6865" i="5" s="1"/>
  <c r="I331" i="2"/>
  <c r="I305" i="5" s="1"/>
  <c r="I5050" i="2"/>
  <c r="I5024" i="5" s="1"/>
  <c r="I8724" i="2"/>
  <c r="I8698" i="5" s="1"/>
  <c r="I3725" i="2"/>
  <c r="I3699" i="5" s="1"/>
  <c r="I3872" i="2"/>
  <c r="I3846" i="5" s="1"/>
  <c r="I4869" i="2"/>
  <c r="I4843" i="5" s="1"/>
  <c r="I7575" i="2"/>
  <c r="I7549" i="5" s="1"/>
  <c r="I4545" i="2"/>
  <c r="I4519" i="5" s="1"/>
  <c r="I322" i="2"/>
  <c r="I296" i="5" s="1"/>
  <c r="I1541" i="2"/>
  <c r="I1515" i="5" s="1"/>
  <c r="I3354" i="2"/>
  <c r="I3328" i="5" s="1"/>
  <c r="I842" i="2"/>
  <c r="I816" i="5" s="1"/>
  <c r="I7078" i="2"/>
  <c r="I7052" i="5" s="1"/>
  <c r="I7053" i="2"/>
  <c r="I7027" i="5" s="1"/>
  <c r="I6046" i="2"/>
  <c r="I6020" i="5" s="1"/>
  <c r="I839" i="2"/>
  <c r="I813" i="5" s="1"/>
  <c r="I186" i="2"/>
  <c r="I160" i="5" s="1"/>
  <c r="I4713" i="2"/>
  <c r="I4687" i="5" s="1"/>
  <c r="I5233" i="2"/>
  <c r="I5207" i="5" s="1"/>
  <c r="I8228" i="2"/>
  <c r="I8202" i="5" s="1"/>
  <c r="I7898" i="2"/>
  <c r="I7872" i="5" s="1"/>
  <c r="I1539" i="2"/>
  <c r="I1513" i="5" s="1"/>
  <c r="I8092" i="2"/>
  <c r="I8066" i="5" s="1"/>
  <c r="I4061" i="2"/>
  <c r="I4035" i="5" s="1"/>
  <c r="I1700" i="2"/>
  <c r="I1674" i="5" s="1"/>
  <c r="I3533" i="2"/>
  <c r="I3507" i="5" s="1"/>
  <c r="I5546" i="2"/>
  <c r="I5520" i="5" s="1"/>
  <c r="I8232" i="2"/>
  <c r="I8206" i="5" s="1"/>
  <c r="I1853" i="2"/>
  <c r="I1827" i="5" s="1"/>
  <c r="I3881" i="2"/>
  <c r="I3855" i="5" s="1"/>
  <c r="I8725" i="2"/>
  <c r="I8699" i="5" s="1"/>
  <c r="I172" i="2"/>
  <c r="I146" i="5" s="1"/>
  <c r="I7727" i="2"/>
  <c r="I7701" i="5" s="1"/>
  <c r="I7251" i="2"/>
  <c r="I7225" i="5" s="1"/>
  <c r="I5054" i="2"/>
  <c r="I5028" i="5" s="1"/>
  <c r="I7580" i="2"/>
  <c r="I7554" i="5" s="1"/>
  <c r="I6208" i="2"/>
  <c r="I6182" i="5" s="1"/>
  <c r="I6398" i="2"/>
  <c r="I6372" i="5" s="1"/>
  <c r="I4056" i="2"/>
  <c r="I4030" i="5" s="1"/>
  <c r="I6712" i="2"/>
  <c r="I6686" i="5" s="1"/>
  <c r="I8754" i="2"/>
  <c r="I8728" i="5" s="1"/>
  <c r="I5390" i="2"/>
  <c r="I5364" i="5" s="1"/>
  <c r="I826" i="2"/>
  <c r="I800" i="5" s="1"/>
  <c r="I662" i="2"/>
  <c r="I636" i="5" s="1"/>
  <c r="I2176" i="2"/>
  <c r="I2150" i="5" s="1"/>
  <c r="I7579" i="2"/>
  <c r="I7553" i="5" s="1"/>
  <c r="I3356" i="2"/>
  <c r="I3330" i="5" s="1"/>
  <c r="I7244" i="2"/>
  <c r="I7218" i="5" s="1"/>
  <c r="I6888" i="2"/>
  <c r="I6862" i="5" s="1"/>
  <c r="I3700" i="2"/>
  <c r="I3674" i="5" s="1"/>
  <c r="I7754" i="2"/>
  <c r="I7728" i="5" s="1"/>
  <c r="I2721" i="2"/>
  <c r="I2695" i="5" s="1"/>
  <c r="I4050" i="2"/>
  <c r="I4024" i="5" s="1"/>
  <c r="I359" i="2"/>
  <c r="I333" i="5" s="1"/>
  <c r="I8723" i="2"/>
  <c r="I8697" i="5" s="1"/>
  <c r="I3057" i="2"/>
  <c r="I3031" i="5" s="1"/>
  <c r="I4568" i="2"/>
  <c r="I4542" i="5" s="1"/>
  <c r="I703" i="2"/>
  <c r="I677" i="5" s="1"/>
  <c r="I8064" i="2"/>
  <c r="I8038" i="5" s="1"/>
  <c r="I7057" i="2"/>
  <c r="I7031" i="5" s="1"/>
  <c r="I8744" i="2"/>
  <c r="I8718" i="5" s="1"/>
  <c r="I2523" i="2"/>
  <c r="I2497" i="5" s="1"/>
  <c r="I5064" i="2"/>
  <c r="I5038" i="5" s="1"/>
  <c r="I5369" i="2"/>
  <c r="I5343" i="5" s="1"/>
  <c r="I4380" i="2"/>
  <c r="I4354" i="5" s="1"/>
  <c r="I7084" i="2"/>
  <c r="I7058" i="5" s="1"/>
  <c r="I5574" i="2"/>
  <c r="I5548" i="5" s="1"/>
  <c r="I700" i="2"/>
  <c r="I674" i="5" s="1"/>
  <c r="I6056" i="2"/>
  <c r="I6030" i="5" s="1"/>
  <c r="I2008" i="2"/>
  <c r="I1982" i="5" s="1"/>
  <c r="I3183" i="2"/>
  <c r="I3157" i="5" s="1"/>
  <c r="I7581" i="2"/>
  <c r="I7555" i="5" s="1"/>
  <c r="I1535" i="2"/>
  <c r="I1509" i="5" s="1"/>
  <c r="I3179" i="2"/>
  <c r="I3153" i="5" s="1"/>
  <c r="I8726" i="2"/>
  <c r="I8700" i="5" s="1"/>
  <c r="I4203" i="2"/>
  <c r="I4177" i="5" s="1"/>
  <c r="I2351" i="2"/>
  <c r="I2325" i="5" s="1"/>
  <c r="I7072" i="2"/>
  <c r="I7046" i="5" s="1"/>
  <c r="I3013" i="2"/>
  <c r="I2987" i="5" s="1"/>
  <c r="I2886" i="2"/>
  <c r="I2860" i="5" s="1"/>
  <c r="I2856" i="2"/>
  <c r="I2830" i="5" s="1"/>
  <c r="I7228" i="2"/>
  <c r="I7202" i="5" s="1"/>
  <c r="I5204" i="2"/>
  <c r="I5178" i="5" s="1"/>
  <c r="I3388" i="2"/>
  <c r="I3362" i="5" s="1"/>
  <c r="I2852" i="2"/>
  <c r="I2826" i="5" s="1"/>
  <c r="I3360" i="2"/>
  <c r="I3334" i="5" s="1"/>
  <c r="I6583" i="2"/>
  <c r="I6557" i="5" s="1"/>
  <c r="I865" i="2"/>
  <c r="I839" i="5" s="1"/>
  <c r="I3036" i="2"/>
  <c r="I3010" i="5" s="1"/>
  <c r="I2539" i="2"/>
  <c r="I2513" i="5" s="1"/>
  <c r="I8081" i="2"/>
  <c r="I8055" i="5" s="1"/>
  <c r="I3221" i="2"/>
  <c r="I3195" i="5" s="1"/>
  <c r="I2687" i="2"/>
  <c r="I2661" i="5" s="1"/>
  <c r="I3214" i="2"/>
  <c r="I3188" i="5" s="1"/>
  <c r="I4037" i="2"/>
  <c r="I4011" i="5" s="1"/>
  <c r="I7730" i="2"/>
  <c r="I7704" i="5" s="1"/>
  <c r="I5026" i="2"/>
  <c r="I5000" i="5" s="1"/>
  <c r="I5871" i="2"/>
  <c r="I5845" i="5" s="1"/>
  <c r="I6387" i="2"/>
  <c r="I6361" i="5" s="1"/>
  <c r="I358" i="2"/>
  <c r="I332" i="5" s="1"/>
  <c r="I4533" i="2"/>
  <c r="I4507" i="5" s="1"/>
  <c r="I1375" i="2"/>
  <c r="I1349" i="5" s="1"/>
  <c r="I4191" i="2"/>
  <c r="I4165" i="5" s="1"/>
  <c r="I201" i="2"/>
  <c r="I175" i="5" s="1"/>
  <c r="I2179" i="2"/>
  <c r="I2153" i="5" s="1"/>
  <c r="I6045" i="2"/>
  <c r="I6019" i="5" s="1"/>
  <c r="I8406" i="2"/>
  <c r="I8380" i="5" s="1"/>
  <c r="I7232" i="2"/>
  <c r="I7206" i="5" s="1"/>
  <c r="I2216" i="2"/>
  <c r="I2190" i="5" s="1"/>
  <c r="I3871" i="2"/>
  <c r="I3845" i="5" s="1"/>
  <c r="I6728" i="2"/>
  <c r="I6702" i="5" s="1"/>
  <c r="I4559" i="2"/>
  <c r="I4533" i="5" s="1"/>
  <c r="I8600" i="2"/>
  <c r="I8574" i="5" s="1"/>
  <c r="I6241" i="2"/>
  <c r="I6215" i="5" s="1"/>
  <c r="I3708" i="2"/>
  <c r="I3682" i="5" s="1"/>
  <c r="I7917" i="2"/>
  <c r="I7891" i="5" s="1"/>
  <c r="I342" i="2"/>
  <c r="I316" i="5" s="1"/>
  <c r="I3012" i="2"/>
  <c r="I2986" i="5" s="1"/>
  <c r="I1344" i="2"/>
  <c r="I1318" i="5" s="1"/>
  <c r="I7562" i="2"/>
  <c r="I7536" i="5" s="1"/>
  <c r="I5719" i="2"/>
  <c r="I5693" i="5" s="1"/>
  <c r="I8758" i="2"/>
  <c r="I8732" i="5" s="1"/>
  <c r="I679" i="2"/>
  <c r="I653" i="5" s="1"/>
  <c r="I3694" i="2"/>
  <c r="I3668" i="5" s="1"/>
  <c r="I2365" i="2"/>
  <c r="I2339" i="5" s="1"/>
  <c r="I3202" i="2"/>
  <c r="I3176" i="5" s="1"/>
  <c r="I8393" i="2"/>
  <c r="I8367" i="5" s="1"/>
  <c r="I2885" i="2"/>
  <c r="I2859" i="5" s="1"/>
  <c r="I2190" i="2"/>
  <c r="I2164" i="5" s="1"/>
  <c r="I1194" i="2"/>
  <c r="I1168" i="5" s="1"/>
  <c r="I8415" i="2"/>
  <c r="I8389" i="5" s="1"/>
  <c r="I4882" i="2"/>
  <c r="I4856" i="5" s="1"/>
  <c r="I2680" i="2"/>
  <c r="I2654" i="5" s="1"/>
  <c r="I5885" i="2"/>
  <c r="I5859" i="5" s="1"/>
  <c r="I1024" i="2"/>
  <c r="I998" i="5" s="1"/>
  <c r="I163" i="2"/>
  <c r="I137" i="5" s="1"/>
  <c r="I6889" i="2"/>
  <c r="I6863" i="5" s="1"/>
  <c r="I6906" i="2"/>
  <c r="I6880" i="5" s="1"/>
  <c r="I8411" i="2"/>
  <c r="I8385" i="5" s="1"/>
  <c r="I4220" i="2"/>
  <c r="I4194" i="5" s="1"/>
  <c r="I6747" i="2"/>
  <c r="I6721" i="5" s="1"/>
  <c r="I5880" i="2"/>
  <c r="I5854" i="5" s="1"/>
  <c r="I4038" i="2"/>
  <c r="I4012" i="5" s="1"/>
  <c r="I7396" i="2"/>
  <c r="I7370" i="5" s="1"/>
  <c r="I8597" i="2"/>
  <c r="I8571" i="5" s="1"/>
  <c r="I5745" i="2"/>
  <c r="I5719" i="5" s="1"/>
  <c r="I2173" i="2"/>
  <c r="I2147" i="5" s="1"/>
  <c r="I1035" i="2"/>
  <c r="I1009" i="5" s="1"/>
  <c r="I6895" i="2"/>
  <c r="I6869" i="5" s="1"/>
  <c r="I8093" i="2"/>
  <c r="I8067" i="5" s="1"/>
  <c r="I1839" i="2"/>
  <c r="I1813" i="5" s="1"/>
  <c r="I5568" i="2"/>
  <c r="I5542" i="5" s="1"/>
  <c r="I6239" i="2"/>
  <c r="I6213" i="5" s="1"/>
  <c r="I8555" i="2"/>
  <c r="I8529" i="5" s="1"/>
  <c r="I6572" i="2"/>
  <c r="I6546" i="5" s="1"/>
  <c r="I7758" i="2"/>
  <c r="I7732" i="5" s="1"/>
  <c r="I8261" i="2"/>
  <c r="I8235" i="5" s="1"/>
  <c r="I6409" i="2"/>
  <c r="I6383" i="5" s="1"/>
  <c r="I7918" i="2"/>
  <c r="I7892" i="5" s="1"/>
  <c r="I3380" i="2"/>
  <c r="I3354" i="5" s="1"/>
  <c r="I6069" i="2"/>
  <c r="I6043" i="5" s="1"/>
  <c r="I7550" i="2"/>
  <c r="I7524" i="5" s="1"/>
  <c r="I4879" i="2"/>
  <c r="I4853" i="5" s="1"/>
  <c r="I8564" i="2"/>
  <c r="I8538" i="5" s="1"/>
  <c r="I3710" i="2"/>
  <c r="I3684" i="5" s="1"/>
  <c r="I3711" i="2"/>
  <c r="I3685" i="5" s="1"/>
  <c r="I6912" i="2"/>
  <c r="I6886" i="5" s="1"/>
  <c r="I4901" i="2"/>
  <c r="I4875" i="5" s="1"/>
  <c r="I4399" i="2"/>
  <c r="I4373" i="5" s="1"/>
  <c r="I5396" i="2"/>
  <c r="I5370" i="5" s="1"/>
  <c r="I4027" i="2"/>
  <c r="I4001" i="5" s="1"/>
  <c r="I8562" i="2"/>
  <c r="I8536" i="5" s="1"/>
  <c r="I6893" i="2"/>
  <c r="I6867" i="5" s="1"/>
  <c r="I7069" i="2"/>
  <c r="I7043" i="5" s="1"/>
  <c r="I5889" i="2"/>
  <c r="I5863" i="5" s="1"/>
  <c r="I4528" i="2"/>
  <c r="I4502" i="5" s="1"/>
  <c r="I8405" i="2"/>
  <c r="I8379" i="5" s="1"/>
  <c r="I7568" i="2"/>
  <c r="I7542" i="5" s="1"/>
  <c r="I3686" i="2"/>
  <c r="I3660" i="5" s="1"/>
  <c r="I531" i="2"/>
  <c r="I505" i="5" s="1"/>
  <c r="I2043" i="2"/>
  <c r="I2017" i="5" s="1"/>
  <c r="I2027" i="2"/>
  <c r="I2001" i="5" s="1"/>
  <c r="I1858" i="2"/>
  <c r="I1832" i="5" s="1"/>
  <c r="I7404" i="2"/>
  <c r="I7378" i="5" s="1"/>
  <c r="I5228" i="2"/>
  <c r="I5202" i="5" s="1"/>
  <c r="I5882" i="2"/>
  <c r="I5856" i="5" s="1"/>
  <c r="I8392" i="2"/>
  <c r="I8366" i="5" s="1"/>
  <c r="I4887" i="2"/>
  <c r="I4861" i="5" s="1"/>
  <c r="I3549" i="2"/>
  <c r="I3523" i="5" s="1"/>
  <c r="I8222" i="2"/>
  <c r="I8196" i="5" s="1"/>
  <c r="I1498" i="2"/>
  <c r="I1472" i="5" s="1"/>
  <c r="I8388" i="2"/>
  <c r="I8362" i="5" s="1"/>
  <c r="I3514" i="2"/>
  <c r="I3488" i="5" s="1"/>
  <c r="I4897" i="2"/>
  <c r="I4871" i="5" s="1"/>
  <c r="I3185" i="2"/>
  <c r="I3159" i="5" s="1"/>
  <c r="I7753" i="2"/>
  <c r="I7727" i="5" s="1"/>
  <c r="I335" i="2"/>
  <c r="I309" i="5" s="1"/>
  <c r="I4024" i="2"/>
  <c r="I3998" i="5" s="1"/>
  <c r="I6043" i="2"/>
  <c r="I6017" i="5" s="1"/>
  <c r="I7558" i="2"/>
  <c r="I7532" i="5" s="1"/>
  <c r="I4561" i="2"/>
  <c r="I4535" i="5" s="1"/>
  <c r="I2037" i="2"/>
  <c r="I2011" i="5" s="1"/>
  <c r="I188" i="2"/>
  <c r="I162" i="5" s="1"/>
  <c r="I7915" i="2"/>
  <c r="I7889" i="5" s="1"/>
  <c r="I1875" i="2"/>
  <c r="I1849" i="5" s="1"/>
  <c r="I4896" i="2"/>
  <c r="I4870" i="5" s="1"/>
  <c r="I1347" i="2"/>
  <c r="I1321" i="5" s="1"/>
  <c r="I3888" i="2"/>
  <c r="I3862" i="5" s="1"/>
  <c r="I7384" i="2"/>
  <c r="I7358" i="5" s="1"/>
  <c r="I360" i="2"/>
  <c r="I334" i="5" s="1"/>
  <c r="I660" i="2"/>
  <c r="I634" i="5" s="1"/>
  <c r="I841" i="2"/>
  <c r="I815" i="5" s="1"/>
  <c r="I7399" i="2"/>
  <c r="I7373" i="5" s="1"/>
  <c r="I8066" i="2"/>
  <c r="I8040" i="5" s="1"/>
  <c r="I5237" i="2"/>
  <c r="I5211" i="5" s="1"/>
  <c r="I2206" i="2"/>
  <c r="I2180" i="5" s="1"/>
  <c r="I1189" i="2"/>
  <c r="I1163" i="5" s="1"/>
  <c r="I6224" i="2"/>
  <c r="I6198" i="5" s="1"/>
  <c r="I2342" i="2"/>
  <c r="I2316" i="5" s="1"/>
  <c r="I8421" i="2"/>
  <c r="I8395" i="5" s="1"/>
  <c r="I850" i="2"/>
  <c r="I824" i="5" s="1"/>
  <c r="I7085" i="2"/>
  <c r="I7059" i="5" s="1"/>
  <c r="I4562" i="2"/>
  <c r="I4536" i="5" s="1"/>
  <c r="I5535" i="2"/>
  <c r="I5509" i="5" s="1"/>
  <c r="I5388" i="2"/>
  <c r="I5362" i="5" s="1"/>
  <c r="I5895" i="2"/>
  <c r="I5869" i="5" s="1"/>
  <c r="I5558" i="2"/>
  <c r="I5532" i="5" s="1"/>
  <c r="I8593" i="2"/>
  <c r="I8567" i="5" s="1"/>
  <c r="I7564" i="2"/>
  <c r="I7538" i="5" s="1"/>
  <c r="I6901" i="2"/>
  <c r="I6875" i="5" s="1"/>
  <c r="I7089" i="2"/>
  <c r="I7063" i="5" s="1"/>
  <c r="I4862" i="2"/>
  <c r="I4836" i="5" s="1"/>
  <c r="I3387" i="2"/>
  <c r="I3361" i="5" s="1"/>
  <c r="I7896" i="2"/>
  <c r="I7870" i="5" s="1"/>
  <c r="I8576" i="2"/>
  <c r="I8550" i="5" s="1"/>
  <c r="I2343" i="2"/>
  <c r="I2317" i="5" s="1"/>
  <c r="I4697" i="2"/>
  <c r="I4671" i="5" s="1"/>
  <c r="I6376" i="2"/>
  <c r="I6350" i="5" s="1"/>
  <c r="I5883" i="2"/>
  <c r="I5857" i="5" s="1"/>
  <c r="I6206" i="2"/>
  <c r="I6180" i="5" s="1"/>
  <c r="I7724" i="2"/>
  <c r="I7698" i="5" s="1"/>
  <c r="I3893" i="2"/>
  <c r="I3867" i="5" s="1"/>
  <c r="I1354" i="2"/>
  <c r="I1328" i="5" s="1"/>
  <c r="I3392" i="2"/>
  <c r="I3366" i="5" s="1"/>
  <c r="I3687" i="2"/>
  <c r="I3661" i="5" s="1"/>
  <c r="I687" i="2"/>
  <c r="I661" i="5" s="1"/>
  <c r="I4227" i="2"/>
  <c r="I4201" i="5" s="1"/>
  <c r="I8416" i="2"/>
  <c r="I8390" i="5" s="1"/>
  <c r="I7920" i="2"/>
  <c r="I7894" i="5" s="1"/>
  <c r="I5200" i="2"/>
  <c r="I5174" i="5" s="1"/>
  <c r="I6403" i="2"/>
  <c r="I6377" i="5" s="1"/>
  <c r="I4389" i="2"/>
  <c r="I4363" i="5" s="1"/>
  <c r="I4905" i="2"/>
  <c r="I4879" i="5" s="1"/>
  <c r="I2200" i="2"/>
  <c r="I2174" i="5" s="1"/>
  <c r="I7927" i="2"/>
  <c r="I7901" i="5" s="1"/>
  <c r="I8422" i="2"/>
  <c r="I8396" i="5" s="1"/>
  <c r="I3350" i="2"/>
  <c r="I3324" i="5" s="1"/>
  <c r="I3370" i="2"/>
  <c r="I3344" i="5" s="1"/>
  <c r="I5372" i="2"/>
  <c r="I5346" i="5" s="1"/>
  <c r="I4552" i="2"/>
  <c r="I4526" i="5" s="1"/>
  <c r="I1509" i="2"/>
  <c r="I1483" i="5" s="1"/>
  <c r="I1355" i="2"/>
  <c r="I1329" i="5" s="1"/>
  <c r="I4884" i="2"/>
  <c r="I4858" i="5" s="1"/>
  <c r="I4375" i="2"/>
  <c r="I4349" i="5" s="1"/>
  <c r="I7890" i="2"/>
  <c r="I7864" i="5" s="1"/>
  <c r="I1030" i="2"/>
  <c r="I1004" i="5" s="1"/>
  <c r="I5740" i="2"/>
  <c r="I5714" i="5" s="1"/>
  <c r="I3865" i="2"/>
  <c r="I3839" i="5" s="1"/>
  <c r="I7226" i="2"/>
  <c r="I7200" i="5" s="1"/>
  <c r="I7891" i="2"/>
  <c r="I7865" i="5" s="1"/>
  <c r="I7386" i="2"/>
  <c r="I7360" i="5" s="1"/>
  <c r="I2542" i="2"/>
  <c r="I2516" i="5" s="1"/>
  <c r="I4565" i="2"/>
  <c r="I4539" i="5" s="1"/>
  <c r="I2863" i="2"/>
  <c r="I2837" i="5" s="1"/>
  <c r="I7908" i="2"/>
  <c r="I7882" i="5" s="1"/>
  <c r="I5866" i="2"/>
  <c r="I5840" i="5" s="1"/>
  <c r="I3219" i="2"/>
  <c r="I3193" i="5" s="1"/>
  <c r="I2842" i="2"/>
  <c r="I2816" i="5" s="1"/>
  <c r="I1502" i="2"/>
  <c r="I1476" i="5" s="1"/>
  <c r="I7408" i="2"/>
  <c r="I7382" i="5" s="1"/>
  <c r="I1528" i="2"/>
  <c r="I1502" i="5" s="1"/>
  <c r="I8077" i="2"/>
  <c r="I8051" i="5" s="1"/>
  <c r="I2180" i="2"/>
  <c r="I2154" i="5" s="1"/>
  <c r="I699" i="2"/>
  <c r="I673" i="5" s="1"/>
  <c r="I2534" i="2"/>
  <c r="I2508" i="5" s="1"/>
  <c r="I8087" i="2"/>
  <c r="I8061" i="5" s="1"/>
  <c r="I873" i="2"/>
  <c r="I847" i="5" s="1"/>
  <c r="I7055" i="2"/>
  <c r="I7029" i="5" s="1"/>
  <c r="I4031" i="2"/>
  <c r="I4005" i="5" s="1"/>
  <c r="I1847" i="2"/>
  <c r="I1821" i="5" s="1"/>
  <c r="I5698" i="2"/>
  <c r="I5672" i="5" s="1"/>
  <c r="I5067" i="2"/>
  <c r="I5041" i="5" s="1"/>
  <c r="I4891" i="2"/>
  <c r="I4865" i="5" s="1"/>
  <c r="I1335" i="2"/>
  <c r="I1309" i="5" s="1"/>
  <c r="I5061" i="2"/>
  <c r="I5035" i="5" s="1"/>
  <c r="I5046" i="2"/>
  <c r="I5020" i="5" s="1"/>
  <c r="I4703" i="2"/>
  <c r="I4677" i="5" s="1"/>
  <c r="I6882" i="2"/>
  <c r="I6856" i="5" s="1"/>
  <c r="I2213" i="2"/>
  <c r="I2187" i="5" s="1"/>
  <c r="I5711" i="2"/>
  <c r="I5685" i="5" s="1"/>
  <c r="I8764" i="2"/>
  <c r="I8738" i="5" s="1"/>
  <c r="I334" i="2"/>
  <c r="I308" i="5" s="1"/>
  <c r="I692" i="2"/>
  <c r="I666" i="5" s="1"/>
  <c r="I2368" i="2"/>
  <c r="I2342" i="5" s="1"/>
  <c r="I4209" i="2"/>
  <c r="I4183" i="5" s="1"/>
  <c r="I7553" i="2"/>
  <c r="I7527" i="5" s="1"/>
  <c r="I6379" i="2"/>
  <c r="I6353" i="5" s="1"/>
  <c r="I7886" i="2"/>
  <c r="I7860" i="5" s="1"/>
  <c r="I7253" i="2"/>
  <c r="I7227" i="5" s="1"/>
  <c r="I6546" i="2"/>
  <c r="I6520" i="5" s="1"/>
  <c r="I1857" i="2"/>
  <c r="I1831" i="5" s="1"/>
  <c r="I4207" i="2"/>
  <c r="I4181" i="5" s="1"/>
  <c r="I1691" i="2"/>
  <c r="I1665" i="5" s="1"/>
  <c r="I4551" i="2"/>
  <c r="I4525" i="5" s="1"/>
  <c r="I4218" i="2"/>
  <c r="I4192" i="5" s="1"/>
  <c r="I1364" i="2"/>
  <c r="I1338" i="5" s="1"/>
  <c r="I1879" i="2"/>
  <c r="I1853" i="5" s="1"/>
  <c r="I7229" i="2"/>
  <c r="I7203" i="5" s="1"/>
  <c r="I326" i="2"/>
  <c r="I300" i="5" s="1"/>
  <c r="I8248" i="2"/>
  <c r="I8222" i="5" s="1"/>
  <c r="I5400" i="2"/>
  <c r="I5374" i="5" s="1"/>
  <c r="I7223" i="2"/>
  <c r="I7197" i="5" s="1"/>
  <c r="I1699" i="2"/>
  <c r="I1673" i="5" s="1"/>
  <c r="I8419" i="2"/>
  <c r="I8393" i="5" s="1"/>
  <c r="I4893" i="2"/>
  <c r="I4867" i="5" s="1"/>
  <c r="I1531" i="2"/>
  <c r="I1505" i="5" s="1"/>
  <c r="I5710" i="2"/>
  <c r="I5684" i="5" s="1"/>
  <c r="I7903" i="2"/>
  <c r="I7877" i="5" s="1"/>
  <c r="I685" i="2"/>
  <c r="I659" i="5" s="1"/>
  <c r="I6235" i="2"/>
  <c r="I6209" i="5" s="1"/>
  <c r="I2850" i="2"/>
  <c r="I2824" i="5" s="1"/>
  <c r="I6384" i="2"/>
  <c r="I6358" i="5" s="1"/>
  <c r="I3198" i="2"/>
  <c r="I3172" i="5" s="1"/>
  <c r="I492" i="2"/>
  <c r="I466" i="5" s="1"/>
  <c r="I5575" i="2"/>
  <c r="I5549" i="5" s="1"/>
  <c r="I6542" i="2"/>
  <c r="I6516" i="5" s="1"/>
  <c r="I3026" i="2"/>
  <c r="I3000" i="5" s="1"/>
  <c r="I6920" i="2"/>
  <c r="I6894" i="5" s="1"/>
  <c r="I7392" i="2"/>
  <c r="I7366" i="5" s="1"/>
  <c r="I166" i="2"/>
  <c r="I140" i="5" s="1"/>
  <c r="I5217" i="2"/>
  <c r="I5191" i="5" s="1"/>
  <c r="I5031" i="2"/>
  <c r="I5005" i="5" s="1"/>
  <c r="I7718" i="2"/>
  <c r="I7692" i="5" s="1"/>
  <c r="I5873" i="2"/>
  <c r="I5847" i="5" s="1"/>
  <c r="I6049" i="2"/>
  <c r="I6023" i="5" s="1"/>
  <c r="I7585" i="2"/>
  <c r="I7559" i="5" s="1"/>
  <c r="I7241" i="2"/>
  <c r="I7215" i="5" s="1"/>
  <c r="I1178" i="2"/>
  <c r="I1152" i="5" s="1"/>
  <c r="I4888" i="2"/>
  <c r="I4862" i="5" s="1"/>
  <c r="I351" i="2"/>
  <c r="I325" i="5" s="1"/>
  <c r="I6899" i="2"/>
  <c r="I6873" i="5" s="1"/>
  <c r="I1861" i="2"/>
  <c r="I1835" i="5" s="1"/>
  <c r="I7379" i="2"/>
  <c r="I7353" i="5" s="1"/>
  <c r="I6727" i="2"/>
  <c r="I6701" i="5" s="1"/>
  <c r="I6386" i="2"/>
  <c r="I6360" i="5" s="1"/>
  <c r="I5231" i="2"/>
  <c r="I5205" i="5" s="1"/>
  <c r="I5531" i="2"/>
  <c r="I5505" i="5" s="1"/>
  <c r="I7044" i="2"/>
  <c r="I7018" i="5" s="1"/>
  <c r="I7734" i="2"/>
  <c r="I7708" i="5" s="1"/>
  <c r="I6883" i="2"/>
  <c r="I6857" i="5" s="1"/>
  <c r="I3862" i="2"/>
  <c r="I3836" i="5" s="1"/>
  <c r="I3561" i="2"/>
  <c r="I3535" i="5" s="1"/>
  <c r="I4873" i="2"/>
  <c r="I4847" i="5" s="1"/>
  <c r="I2197" i="2"/>
  <c r="I2171" i="5" s="1"/>
  <c r="I6065" i="2"/>
  <c r="I6039" i="5" s="1"/>
  <c r="I4201" i="2"/>
  <c r="I4175" i="5" s="1"/>
  <c r="I2184" i="2"/>
  <c r="I2158" i="5" s="1"/>
  <c r="I8059" i="2"/>
  <c r="I8033" i="5" s="1"/>
  <c r="I2866" i="2"/>
  <c r="I2840" i="5" s="1"/>
  <c r="I6550" i="2"/>
  <c r="I6524" i="5" s="1"/>
  <c r="I3859" i="2"/>
  <c r="I3833" i="5" s="1"/>
  <c r="I7715" i="2"/>
  <c r="I7689" i="5" s="1"/>
  <c r="I7552" i="2"/>
  <c r="I7526" i="5" s="1"/>
  <c r="I5892" i="2"/>
  <c r="I5866" i="5" s="1"/>
  <c r="I7755" i="2"/>
  <c r="I7729" i="5" s="1"/>
  <c r="I5230" i="2"/>
  <c r="I5204" i="5" s="1"/>
  <c r="I509" i="2"/>
  <c r="I483" i="5" s="1"/>
  <c r="I3050" i="2"/>
  <c r="I3024" i="5" s="1"/>
  <c r="I1516" i="2"/>
  <c r="I1490" i="5" s="1"/>
  <c r="I6729" i="2"/>
  <c r="I6703" i="5" s="1"/>
  <c r="I7391" i="2"/>
  <c r="I7365" i="5" s="1"/>
  <c r="I2531" i="2"/>
  <c r="I2505" i="5" s="1"/>
  <c r="I4530" i="2"/>
  <c r="I4504" i="5" s="1"/>
  <c r="I2691" i="2"/>
  <c r="I2665" i="5" s="1"/>
  <c r="I1373" i="2"/>
  <c r="I1347" i="5" s="1"/>
  <c r="I5554" i="2"/>
  <c r="I5528" i="5" s="1"/>
  <c r="I2357" i="2"/>
  <c r="I2331" i="5" s="1"/>
  <c r="I504" i="2"/>
  <c r="I478" i="5" s="1"/>
  <c r="I6571" i="2"/>
  <c r="I6545" i="5" s="1"/>
  <c r="I6885" i="2"/>
  <c r="I6859" i="5" s="1"/>
  <c r="I4381" i="2"/>
  <c r="I4355" i="5" s="1"/>
  <c r="I7221" i="2"/>
  <c r="I7195" i="5" s="1"/>
  <c r="I8407" i="2"/>
  <c r="I8381" i="5" s="1"/>
  <c r="I3367" i="2"/>
  <c r="I3341" i="5" s="1"/>
  <c r="I7215" i="2"/>
  <c r="I7189" i="5" s="1"/>
  <c r="I5072" i="2"/>
  <c r="I5046" i="5" s="1"/>
  <c r="I3527" i="2"/>
  <c r="I3501" i="5" s="1"/>
  <c r="I2186" i="2"/>
  <c r="I2160" i="5" s="1"/>
  <c r="I6247" i="2"/>
  <c r="I6221" i="5" s="1"/>
  <c r="I3715" i="2"/>
  <c r="I3689" i="5" s="1"/>
  <c r="I6715" i="2"/>
  <c r="I6689" i="5" s="1"/>
  <c r="I3206" i="2"/>
  <c r="I3180" i="5" s="1"/>
  <c r="I5547" i="2"/>
  <c r="I5521" i="5" s="1"/>
  <c r="I6225" i="2"/>
  <c r="I6199" i="5" s="1"/>
  <c r="I3855" i="2"/>
  <c r="I3829" i="5" s="1"/>
  <c r="I5734" i="2"/>
  <c r="I5708" i="5" s="1"/>
  <c r="I4193" i="2"/>
  <c r="I4167" i="5" s="1"/>
  <c r="I7911" i="2"/>
  <c r="I7885" i="5" s="1"/>
  <c r="I3195" i="2"/>
  <c r="I3169" i="5" s="1"/>
  <c r="I495" i="2"/>
  <c r="I469" i="5" s="1"/>
  <c r="I1197" i="2"/>
  <c r="I1171" i="5" s="1"/>
  <c r="I3728" i="2"/>
  <c r="I3702" i="5" s="1"/>
  <c r="I1040" i="2"/>
  <c r="I1014" i="5" s="1"/>
  <c r="I1343" i="2"/>
  <c r="I1317" i="5" s="1"/>
  <c r="I4394" i="2"/>
  <c r="I4368" i="5" s="1"/>
  <c r="I1845" i="2"/>
  <c r="I1819" i="5" s="1"/>
  <c r="I7882" i="2"/>
  <c r="I7856" i="5" s="1"/>
  <c r="I8736" i="2"/>
  <c r="I8710" i="5" s="1"/>
  <c r="I2217" i="2"/>
  <c r="I2191" i="5" s="1"/>
  <c r="I5566" i="2"/>
  <c r="I5540" i="5" s="1"/>
  <c r="I6566" i="2"/>
  <c r="I6540" i="5" s="1"/>
  <c r="I3528" i="2"/>
  <c r="I3502" i="5" s="1"/>
  <c r="I8072" i="2"/>
  <c r="I8046" i="5" s="1"/>
  <c r="I7058" i="2"/>
  <c r="I7032" i="5" s="1"/>
  <c r="I2358" i="2"/>
  <c r="I2332" i="5" s="1"/>
  <c r="I2382" i="2"/>
  <c r="I2356" i="5" s="1"/>
  <c r="I7748" i="2"/>
  <c r="I7722" i="5" s="1"/>
  <c r="I5398" i="2"/>
  <c r="I5372" i="5" s="1"/>
  <c r="I3729" i="2"/>
  <c r="I3703" i="5" s="1"/>
  <c r="I2516" i="2"/>
  <c r="I2490" i="5" s="1"/>
  <c r="I688" i="2"/>
  <c r="I662" i="5" s="1"/>
  <c r="I7252" i="2"/>
  <c r="I7226" i="5" s="1"/>
  <c r="I7416" i="2"/>
  <c r="I7390" i="5" s="1"/>
  <c r="I3180" i="2"/>
  <c r="I3154" i="5" s="1"/>
  <c r="I6392" i="2"/>
  <c r="I6366" i="5" s="1"/>
  <c r="I6412" i="2"/>
  <c r="I6386" i="5" s="1"/>
  <c r="I7559" i="2"/>
  <c r="I7533" i="5" s="1"/>
  <c r="I6751" i="2"/>
  <c r="I6725" i="5" s="1"/>
  <c r="I1540" i="2"/>
  <c r="I1514" i="5" s="1"/>
  <c r="I2701" i="2"/>
  <c r="I2675" i="5" s="1"/>
  <c r="I831" i="2"/>
  <c r="I805" i="5" s="1"/>
  <c r="I4230" i="2"/>
  <c r="I4204" i="5" s="1"/>
  <c r="I2378" i="2"/>
  <c r="I2352" i="5" s="1"/>
  <c r="I6884" i="2"/>
  <c r="I6858" i="5" s="1"/>
  <c r="I4197" i="2"/>
  <c r="I4171" i="5" s="1"/>
  <c r="I8402" i="2"/>
  <c r="I8376" i="5" s="1"/>
  <c r="I4368" i="2"/>
  <c r="I4342" i="5" s="1"/>
  <c r="I1870" i="2"/>
  <c r="I1844" i="5" s="1"/>
  <c r="I4706" i="2"/>
  <c r="I4680" i="5" s="1"/>
  <c r="I7892" i="2"/>
  <c r="I7866" i="5" s="1"/>
  <c r="I4384" i="2"/>
  <c r="I4358" i="5" s="1"/>
  <c r="I3362" i="2"/>
  <c r="I3336" i="5" s="1"/>
  <c r="I2879" i="2"/>
  <c r="I2853" i="5" s="1"/>
  <c r="I6396" i="2"/>
  <c r="I6370" i="5" s="1"/>
  <c r="I6214" i="2"/>
  <c r="I6188" i="5" s="1"/>
  <c r="I3191" i="2"/>
  <c r="I3165" i="5" s="1"/>
  <c r="I6573" i="2"/>
  <c r="I6547" i="5" s="1"/>
  <c r="I7733" i="2"/>
  <c r="I7707" i="5" s="1"/>
  <c r="I506" i="2"/>
  <c r="I480" i="5" s="1"/>
  <c r="I7231" i="2"/>
  <c r="I7205" i="5" s="1"/>
  <c r="I508" i="2"/>
  <c r="I482" i="5" s="1"/>
  <c r="I4391" i="2"/>
  <c r="I4365" i="5" s="1"/>
  <c r="I4539" i="2"/>
  <c r="I4513" i="5" s="1"/>
  <c r="I3701" i="2"/>
  <c r="I3675" i="5" s="1"/>
  <c r="I2370" i="2"/>
  <c r="I2344" i="5" s="1"/>
  <c r="I8599" i="2"/>
  <c r="I8573" i="5" s="1"/>
  <c r="I1195" i="2"/>
  <c r="I1169" i="5" s="1"/>
  <c r="I6074" i="2"/>
  <c r="I6048" i="5" s="1"/>
  <c r="I1521" i="2"/>
  <c r="I1495" i="5" s="1"/>
  <c r="I7409" i="2"/>
  <c r="I7383" i="5" s="1"/>
  <c r="I5720" i="2"/>
  <c r="I5694" i="5" s="1"/>
  <c r="I8398" i="2"/>
  <c r="I8372" i="5" s="1"/>
  <c r="I7401" i="2"/>
  <c r="I7375" i="5" s="1"/>
  <c r="I8601" i="2"/>
  <c r="I8575" i="5" s="1"/>
  <c r="I5069" i="2"/>
  <c r="I5043" i="5" s="1"/>
  <c r="I5878" i="2"/>
  <c r="I5852" i="5" s="1"/>
  <c r="I670" i="2"/>
  <c r="I644" i="5" s="1"/>
  <c r="I7227" i="2"/>
  <c r="I7201" i="5" s="1"/>
  <c r="I4537" i="2"/>
  <c r="I4511" i="5" s="1"/>
  <c r="I7756" i="2"/>
  <c r="I7730" i="5" s="1"/>
  <c r="I182" i="2"/>
  <c r="I156" i="5" s="1"/>
  <c r="I5051" i="2"/>
  <c r="I5025" i="5" s="1"/>
  <c r="I3856" i="2"/>
  <c r="I3830" i="5" s="1"/>
  <c r="I5035" i="2"/>
  <c r="I5009" i="5" s="1"/>
  <c r="I2185" i="2"/>
  <c r="I2159" i="5" s="1"/>
  <c r="I6709" i="2"/>
  <c r="I6683" i="5" s="1"/>
  <c r="I5912" i="2"/>
  <c r="I5886" i="5" s="1"/>
  <c r="I4524" i="2"/>
  <c r="I4498" i="5" s="1"/>
  <c r="I1022" i="2"/>
  <c r="I996" i="5" s="1"/>
  <c r="I8579" i="2"/>
  <c r="I8553" i="5" s="1"/>
  <c r="I1005" i="2"/>
  <c r="I979" i="5" s="1"/>
  <c r="I6887" i="2"/>
  <c r="I6861" i="5" s="1"/>
  <c r="I348" i="2"/>
  <c r="I322" i="5" s="1"/>
  <c r="I328" i="2"/>
  <c r="I302" i="5" s="1"/>
  <c r="I8223" i="2"/>
  <c r="I8197" i="5" s="1"/>
  <c r="I5043" i="2"/>
  <c r="I5017" i="5" s="1"/>
  <c r="I6581" i="2"/>
  <c r="I6555" i="5" s="1"/>
  <c r="I4361" i="2"/>
  <c r="I4335" i="5" s="1"/>
  <c r="I8075" i="2"/>
  <c r="I8049" i="5" s="1"/>
  <c r="I4032" i="2"/>
  <c r="I4006" i="5" s="1"/>
  <c r="I8237" i="2"/>
  <c r="I8211" i="5" s="1"/>
  <c r="I6726" i="2"/>
  <c r="I6700" i="5" s="1"/>
  <c r="I6079" i="2"/>
  <c r="I6053" i="5" s="1"/>
  <c r="I5894" i="2"/>
  <c r="I5868" i="5" s="1"/>
  <c r="I7731" i="2"/>
  <c r="I7705" i="5" s="1"/>
  <c r="I6894" i="2"/>
  <c r="I6868" i="5" s="1"/>
  <c r="I7043" i="2"/>
  <c r="I7017" i="5" s="1"/>
  <c r="I5205" i="2"/>
  <c r="I5179" i="5" s="1"/>
  <c r="I6407" i="2"/>
  <c r="I6381" i="5" s="1"/>
  <c r="I5556" i="2"/>
  <c r="I5530" i="5" s="1"/>
  <c r="I5744" i="2"/>
  <c r="I5718" i="5" s="1"/>
  <c r="I7759" i="2"/>
  <c r="I7733" i="5" s="1"/>
  <c r="I2684" i="2"/>
  <c r="I2658" i="5" s="1"/>
  <c r="I7549" i="2"/>
  <c r="I7523" i="5" s="1"/>
  <c r="I5212" i="2"/>
  <c r="I5186" i="5" s="1"/>
  <c r="I4558" i="2"/>
  <c r="I4532" i="5" s="1"/>
  <c r="I3056" i="2"/>
  <c r="I3030" i="5" s="1"/>
  <c r="I5215" i="2"/>
  <c r="I5189" i="5" s="1"/>
  <c r="I8255" i="2"/>
  <c r="I8229" i="5" s="1"/>
  <c r="I8418" i="2"/>
  <c r="I8392" i="5" s="1"/>
  <c r="I7761" i="2"/>
  <c r="I7735" i="5" s="1"/>
  <c r="I8089" i="2"/>
  <c r="I8063" i="5" s="1"/>
  <c r="I7906" i="2"/>
  <c r="I7880" i="5" s="1"/>
  <c r="I4890" i="2"/>
  <c r="I4864" i="5" s="1"/>
  <c r="I1032" i="2"/>
  <c r="I1006" i="5" s="1"/>
  <c r="I664" i="2"/>
  <c r="I638" i="5" s="1"/>
  <c r="I861" i="2"/>
  <c r="I835" i="5" s="1"/>
  <c r="I4722" i="2"/>
  <c r="I4696" i="5" s="1"/>
  <c r="I1674" i="2"/>
  <c r="I1648" i="5" s="1"/>
  <c r="I2023" i="2"/>
  <c r="I1997" i="5" s="1"/>
  <c r="I3027" i="2"/>
  <c r="I3001" i="5" s="1"/>
  <c r="I2887" i="2"/>
  <c r="I2861" i="5" s="1"/>
  <c r="I2535" i="2"/>
  <c r="I2509" i="5" s="1"/>
  <c r="I7236" i="2"/>
  <c r="I7210" i="5" s="1"/>
  <c r="I5898" i="2"/>
  <c r="I5872" i="5" s="1"/>
  <c r="I5194" i="2"/>
  <c r="I5168" i="5" s="1"/>
  <c r="I3720" i="2"/>
  <c r="I3694" i="5" s="1"/>
  <c r="I7560" i="2"/>
  <c r="I7534" i="5" s="1"/>
  <c r="I537" i="2"/>
  <c r="I511" i="5" s="1"/>
  <c r="I872" i="2"/>
  <c r="I846" i="5" s="1"/>
  <c r="I696" i="2"/>
  <c r="I670" i="5" s="1"/>
  <c r="I6742" i="2"/>
  <c r="I6716" i="5" s="1"/>
  <c r="I1545" i="2"/>
  <c r="I1519" i="5" s="1"/>
  <c r="I4861" i="2"/>
  <c r="I4835" i="5" s="1"/>
  <c r="I4536" i="2"/>
  <c r="I4510" i="5" s="1"/>
  <c r="I6242" i="2"/>
  <c r="I6216" i="5" s="1"/>
  <c r="I1036" i="2"/>
  <c r="I1010" i="5" s="1"/>
  <c r="I8219" i="2"/>
  <c r="I8193" i="5" s="1"/>
  <c r="I8257" i="2"/>
  <c r="I8231" i="5" s="1"/>
  <c r="I5229" i="2"/>
  <c r="I5203" i="5" s="1"/>
  <c r="I3885" i="2"/>
  <c r="I3859" i="5" s="1"/>
  <c r="I5899" i="2"/>
  <c r="I5873" i="5" s="1"/>
  <c r="I4214" i="2"/>
  <c r="I4188" i="5" s="1"/>
  <c r="I5068" i="2"/>
  <c r="I5042" i="5" s="1"/>
  <c r="I8769" i="2"/>
  <c r="I8743" i="5" s="1"/>
  <c r="I3718" i="2"/>
  <c r="I3692" i="5" s="1"/>
  <c r="I6890" i="2"/>
  <c r="I6864" i="5" s="1"/>
  <c r="I8747" i="2"/>
  <c r="I8721" i="5" s="1"/>
  <c r="I189" i="2"/>
  <c r="I163" i="5" s="1"/>
  <c r="I870" i="2"/>
  <c r="I844" i="5" s="1"/>
  <c r="I3530" i="2"/>
  <c r="I3504" i="5" s="1"/>
  <c r="I5702" i="2"/>
  <c r="I5676" i="5" s="1"/>
  <c r="I6717" i="2"/>
  <c r="I6691" i="5" s="1"/>
  <c r="I1177" i="2"/>
  <c r="I1151" i="5" s="1"/>
  <c r="I8578" i="2"/>
  <c r="I8552" i="5" s="1"/>
  <c r="I4718" i="2"/>
  <c r="I4692" i="5" s="1"/>
  <c r="I2874" i="2"/>
  <c r="I2848" i="5" s="1"/>
  <c r="I349" i="2"/>
  <c r="I323" i="5" s="1"/>
  <c r="I167" i="2"/>
  <c r="I141" i="5" s="1"/>
  <c r="I3535" i="2"/>
  <c r="I3509" i="5" s="1"/>
  <c r="I155" i="2"/>
  <c r="I129" i="5" s="1"/>
  <c r="I5572" i="2"/>
  <c r="I5546" i="5" s="1"/>
  <c r="I5705" i="2"/>
  <c r="I5679" i="5" s="1"/>
  <c r="I2354" i="2"/>
  <c r="I2328" i="5" s="1"/>
  <c r="I2675" i="2"/>
  <c r="I2649" i="5" s="1"/>
  <c r="I7383" i="2"/>
  <c r="I7357" i="5" s="1"/>
  <c r="I2553" i="2"/>
  <c r="I2527" i="5" s="1"/>
  <c r="I4231" i="2"/>
  <c r="I4205" i="5" s="1"/>
  <c r="I7923" i="2"/>
  <c r="I7897" i="5" s="1"/>
  <c r="I4902" i="2"/>
  <c r="I4876" i="5" s="1"/>
  <c r="I5567" i="2"/>
  <c r="I5541" i="5" s="1"/>
  <c r="I8226" i="2"/>
  <c r="I8200" i="5" s="1"/>
  <c r="I1190" i="2"/>
  <c r="I1164" i="5" s="1"/>
  <c r="I2851" i="2"/>
  <c r="I2825" i="5" s="1"/>
  <c r="I2380" i="2"/>
  <c r="I2354" i="5" s="1"/>
  <c r="I3877" i="2"/>
  <c r="I3851" i="5" s="1"/>
  <c r="I6058" i="2"/>
  <c r="I6032" i="5" s="1"/>
  <c r="I4052" i="2"/>
  <c r="I4026" i="5" s="1"/>
  <c r="I8583" i="2"/>
  <c r="I8557" i="5" s="1"/>
  <c r="I8078" i="2"/>
  <c r="I8052" i="5" s="1"/>
  <c r="I1180" i="2"/>
  <c r="I1154" i="5" s="1"/>
  <c r="I535" i="2"/>
  <c r="I509" i="5" s="1"/>
  <c r="I4868" i="2"/>
  <c r="I4842" i="5" s="1"/>
  <c r="I7723" i="2"/>
  <c r="I7697" i="5" s="1"/>
  <c r="I2530" i="2"/>
  <c r="I2504" i="5" s="1"/>
  <c r="I3544" i="2"/>
  <c r="I3518" i="5" s="1"/>
  <c r="I8052" i="2"/>
  <c r="I8026" i="5" s="1"/>
  <c r="I6540" i="2"/>
  <c r="I6514" i="5" s="1"/>
  <c r="I3381" i="2"/>
  <c r="I3355" i="5" s="1"/>
  <c r="I7424" i="2"/>
  <c r="I7398" i="5" s="1"/>
  <c r="I3045" i="2"/>
  <c r="I3019" i="5" s="1"/>
  <c r="I7887" i="2"/>
  <c r="I7861" i="5" s="1"/>
  <c r="I1683" i="2"/>
  <c r="I1657" i="5" s="1"/>
  <c r="I1037" i="2"/>
  <c r="I1011" i="5" s="1"/>
  <c r="I190" i="2"/>
  <c r="I164" i="5" s="1"/>
  <c r="I3702" i="2"/>
  <c r="I3676" i="5" s="1"/>
  <c r="I7077" i="2"/>
  <c r="I7051" i="5" s="1"/>
  <c r="I8254" i="2"/>
  <c r="I8228" i="5" s="1"/>
  <c r="I7237" i="2"/>
  <c r="I7211" i="5" s="1"/>
  <c r="I6077" i="2"/>
  <c r="I6051" i="5" s="1"/>
  <c r="I2046" i="2"/>
  <c r="I2020" i="5" s="1"/>
  <c r="I1672" i="2"/>
  <c r="I1646" i="5" s="1"/>
  <c r="I7561" i="2"/>
  <c r="I7535" i="5" s="1"/>
  <c r="I3371" i="2"/>
  <c r="I3345" i="5" s="1"/>
  <c r="I2527" i="2"/>
  <c r="I2501" i="5" s="1"/>
  <c r="I2033" i="2"/>
  <c r="I2007" i="5" s="1"/>
  <c r="I2177" i="2"/>
  <c r="I2151" i="5" s="1"/>
  <c r="I1209" i="2"/>
  <c r="I1183" i="5" s="1"/>
  <c r="I4733" i="2"/>
  <c r="I4707" i="5" s="1"/>
  <c r="I7047" i="2"/>
  <c r="I7021" i="5" s="1"/>
  <c r="I4525" i="2"/>
  <c r="I4499" i="5" s="1"/>
  <c r="I3713" i="2"/>
  <c r="I3687" i="5" s="1"/>
  <c r="I344" i="2"/>
  <c r="I318" i="5" s="1"/>
  <c r="I2545" i="2"/>
  <c r="I2519" i="5" s="1"/>
  <c r="I5876" i="2"/>
  <c r="I5850" i="5" s="1"/>
  <c r="I857" i="2"/>
  <c r="I831" i="5" s="1"/>
  <c r="I184" i="2"/>
  <c r="I158" i="5" s="1"/>
  <c r="I324" i="2"/>
  <c r="I298" i="5" s="1"/>
  <c r="I3346" i="2"/>
  <c r="I3320" i="5" s="1"/>
  <c r="I4019" i="2"/>
  <c r="I3993" i="5" s="1"/>
  <c r="I5891" i="2"/>
  <c r="I5865" i="5" s="1"/>
  <c r="I4224" i="2"/>
  <c r="I4198" i="5" s="1"/>
  <c r="I832" i="2"/>
  <c r="I806" i="5" s="1"/>
  <c r="I3882" i="2"/>
  <c r="I3856" i="5" s="1"/>
  <c r="I6739" i="2"/>
  <c r="I6713" i="5" s="1"/>
  <c r="I5703" i="2"/>
  <c r="I5677" i="5" s="1"/>
  <c r="I364" i="2"/>
  <c r="I338" i="5" s="1"/>
  <c r="I2019" i="2"/>
  <c r="I1993" i="5" s="1"/>
  <c r="I5738" i="2"/>
  <c r="I5712" i="5" s="1"/>
  <c r="I2548" i="2"/>
  <c r="I2522" i="5" s="1"/>
  <c r="I343" i="2"/>
  <c r="I317" i="5" s="1"/>
  <c r="I3189" i="2"/>
  <c r="I3163" i="5" s="1"/>
  <c r="I5727" i="2"/>
  <c r="I5701" i="5" s="1"/>
  <c r="I2196" i="2"/>
  <c r="I2170" i="5" s="1"/>
  <c r="I5577" i="2"/>
  <c r="I5551" i="5" s="1"/>
  <c r="I5391" i="2"/>
  <c r="I5365" i="5" s="1"/>
  <c r="I6541" i="2"/>
  <c r="I6515" i="5" s="1"/>
  <c r="I4875" i="2"/>
  <c r="I4849" i="5" s="1"/>
  <c r="I6740" i="2"/>
  <c r="I6714" i="5" s="1"/>
  <c r="I7897" i="2"/>
  <c r="I7871" i="5" s="1"/>
  <c r="I4202" i="2"/>
  <c r="I4176" i="5" s="1"/>
  <c r="I1855" i="2"/>
  <c r="I1829" i="5" s="1"/>
  <c r="I7219" i="2"/>
  <c r="I7193" i="5" s="1"/>
  <c r="I4189" i="2"/>
  <c r="I4163" i="5" s="1"/>
  <c r="I7210" i="2"/>
  <c r="I7184" i="5" s="1"/>
  <c r="I1538" i="2"/>
  <c r="I1512" i="5" s="1"/>
  <c r="I686" i="2"/>
  <c r="I660" i="5" s="1"/>
  <c r="I8755" i="2"/>
  <c r="I8729" i="5" s="1"/>
  <c r="I7910" i="2"/>
  <c r="I7884" i="5" s="1"/>
  <c r="I8218" i="2"/>
  <c r="I8192" i="5" s="1"/>
  <c r="I8069" i="2"/>
  <c r="I8043" i="5" s="1"/>
  <c r="I1703" i="2"/>
  <c r="I1677" i="5" s="1"/>
  <c r="I680" i="2"/>
  <c r="I654" i="5" s="1"/>
  <c r="I7916" i="2"/>
  <c r="I7890" i="5" s="1"/>
  <c r="I7722" i="2"/>
  <c r="I7696" i="5" s="1"/>
  <c r="I4711" i="2"/>
  <c r="I4685" i="5" s="1"/>
  <c r="I6706" i="2"/>
  <c r="I6680" i="5" s="1"/>
  <c r="I7588" i="2"/>
  <c r="I7562" i="5" s="1"/>
  <c r="I1669" i="2"/>
  <c r="I1643" i="5" s="1"/>
  <c r="I3560" i="2"/>
  <c r="I3534" i="5" s="1"/>
  <c r="I1841" i="2"/>
  <c r="I1815" i="5" s="1"/>
  <c r="I8423" i="2"/>
  <c r="I8397" i="5" s="1"/>
  <c r="I2854" i="2"/>
  <c r="I2828" i="5" s="1"/>
  <c r="I4727" i="2"/>
  <c r="I4701" i="5" s="1"/>
  <c r="I1709" i="2"/>
  <c r="I1683" i="5" s="1"/>
  <c r="I330" i="2"/>
  <c r="I304" i="5" s="1"/>
  <c r="I5536" i="2"/>
  <c r="I5510" i="5" s="1"/>
  <c r="I6229" i="2"/>
  <c r="I6203" i="5" s="1"/>
  <c r="I7246" i="2"/>
  <c r="I7220" i="5" s="1"/>
  <c r="I8231" i="2"/>
  <c r="I8205" i="5" s="1"/>
  <c r="I530" i="2"/>
  <c r="I504" i="5" s="1"/>
  <c r="I2512" i="2"/>
  <c r="I2486" i="5" s="1"/>
  <c r="I1859" i="2"/>
  <c r="I1833" i="5" s="1"/>
  <c r="I4889" i="2"/>
  <c r="I4863" i="5" s="1"/>
  <c r="I2853" i="2"/>
  <c r="I2827" i="5" s="1"/>
  <c r="I8054" i="2"/>
  <c r="I8028" i="5" s="1"/>
  <c r="I1170" i="2"/>
  <c r="I1144" i="5" s="1"/>
  <c r="I338" i="2"/>
  <c r="I312" i="5" s="1"/>
  <c r="I5401" i="2"/>
  <c r="I5375" i="5" s="1"/>
  <c r="I6402" i="2"/>
  <c r="I6376" i="5" s="1"/>
  <c r="I5896" i="2"/>
  <c r="I5870" i="5" s="1"/>
  <c r="I6060" i="2"/>
  <c r="I6034" i="5" s="1"/>
  <c r="I834" i="2"/>
  <c r="I808" i="5" s="1"/>
  <c r="I4707" i="2"/>
  <c r="I4681" i="5" s="1"/>
  <c r="I1031" i="2"/>
  <c r="I1005" i="5" s="1"/>
  <c r="I1369" i="2"/>
  <c r="I1343" i="5" s="1"/>
  <c r="I4357" i="2"/>
  <c r="I4331" i="5" s="1"/>
  <c r="I7217" i="2"/>
  <c r="I7191" i="5" s="1"/>
  <c r="I6880" i="2"/>
  <c r="I6854" i="5" s="1"/>
  <c r="I3364" i="2"/>
  <c r="I3338" i="5" s="1"/>
  <c r="I8240" i="2"/>
  <c r="I8214" i="5" s="1"/>
  <c r="I5219" i="2"/>
  <c r="I5193" i="5" s="1"/>
  <c r="I7554" i="2"/>
  <c r="I7528" i="5" s="1"/>
  <c r="I6568" i="2"/>
  <c r="I6542" i="5" s="1"/>
  <c r="I2182" i="2"/>
  <c r="I2156" i="5" s="1"/>
  <c r="I3858" i="2"/>
  <c r="I3832" i="5" s="1"/>
  <c r="I705" i="2"/>
  <c r="I679" i="5" s="1"/>
  <c r="I7926" i="2"/>
  <c r="I7900" i="5" s="1"/>
  <c r="I3014" i="2"/>
  <c r="I2988" i="5" s="1"/>
  <c r="I524" i="2"/>
  <c r="I498" i="5" s="1"/>
  <c r="I4899" i="2"/>
  <c r="I4873" i="5" s="1"/>
  <c r="I6736" i="2"/>
  <c r="I6710" i="5" s="1"/>
  <c r="I1666" i="2"/>
  <c r="I1640" i="5" s="1"/>
  <c r="I5874" i="2"/>
  <c r="I5848" i="5" s="1"/>
  <c r="I4694" i="2"/>
  <c r="I4668" i="5" s="1"/>
  <c r="I7380" i="2"/>
  <c r="I7354" i="5" s="1"/>
  <c r="I1710" i="2"/>
  <c r="I1684" i="5" s="1"/>
  <c r="I350" i="2"/>
  <c r="I324" i="5" s="1"/>
  <c r="I168" i="2"/>
  <c r="I142" i="5" s="1"/>
  <c r="I2181" i="2"/>
  <c r="I2155" i="5" s="1"/>
  <c r="I1503" i="2"/>
  <c r="I1477" i="5" s="1"/>
  <c r="I6548" i="2"/>
  <c r="I6522" i="5" s="1"/>
  <c r="I8409" i="2"/>
  <c r="I8383" i="5" s="1"/>
  <c r="I2360" i="2"/>
  <c r="I2334" i="5" s="1"/>
  <c r="I6722" i="2"/>
  <c r="I6696" i="5" s="1"/>
  <c r="I6559" i="2"/>
  <c r="I6533" i="5" s="1"/>
  <c r="I3355" i="2"/>
  <c r="I3329" i="5" s="1"/>
  <c r="I6034" i="2"/>
  <c r="I6008" i="5" s="1"/>
  <c r="I1176" i="2"/>
  <c r="I1150" i="5" s="1"/>
  <c r="I5893" i="2"/>
  <c r="I5867" i="5" s="1"/>
  <c r="I3361" i="2"/>
  <c r="I3335" i="5" s="1"/>
  <c r="I1371" i="2"/>
  <c r="I1345" i="5" s="1"/>
  <c r="I5199" i="2"/>
  <c r="I5173" i="5" s="1"/>
  <c r="I4696" i="2"/>
  <c r="I4670" i="5" s="1"/>
  <c r="I7577" i="2"/>
  <c r="I7551" i="5" s="1"/>
  <c r="I6719" i="2"/>
  <c r="I6693" i="5" s="1"/>
  <c r="I6221" i="2"/>
  <c r="I6195" i="5" s="1"/>
  <c r="I5741" i="2"/>
  <c r="I5715" i="5" s="1"/>
  <c r="I1667" i="2"/>
  <c r="I1641" i="5" s="1"/>
  <c r="I2528" i="2"/>
  <c r="I2502" i="5" s="1"/>
  <c r="I2508" i="2"/>
  <c r="I2482" i="5" s="1"/>
  <c r="I2021" i="2"/>
  <c r="I1995" i="5" s="1"/>
  <c r="I171" i="2"/>
  <c r="I145" i="5" s="1"/>
  <c r="I1706" i="2"/>
  <c r="I1680" i="5" s="1"/>
  <c r="I7235" i="2"/>
  <c r="I7209" i="5" s="1"/>
  <c r="I8413" i="2"/>
  <c r="I8387" i="5" s="1"/>
  <c r="I4883" i="2"/>
  <c r="I4857" i="5" s="1"/>
  <c r="I5717" i="2"/>
  <c r="I5691" i="5" s="1"/>
  <c r="I3359" i="2"/>
  <c r="I3333" i="5" s="1"/>
  <c r="I5028" i="2"/>
  <c r="I5002" i="5" s="1"/>
  <c r="I2212" i="2"/>
  <c r="I2186" i="5" s="1"/>
  <c r="I8424" i="2"/>
  <c r="I8398" i="5" s="1"/>
  <c r="I2189" i="2"/>
  <c r="I2163" i="5" s="1"/>
  <c r="I7059" i="2"/>
  <c r="I7033" i="5" s="1"/>
  <c r="I7216" i="2"/>
  <c r="I7190" i="5" s="1"/>
  <c r="I6902" i="2"/>
  <c r="I6876" i="5" s="1"/>
  <c r="I4062" i="2"/>
  <c r="I4036" i="5" s="1"/>
  <c r="I7922" i="2"/>
  <c r="I7896" i="5" s="1"/>
  <c r="I7548" i="2"/>
  <c r="I7522" i="5" s="1"/>
  <c r="I6211" i="2"/>
  <c r="I6185" i="5" s="1"/>
  <c r="I6731" i="2"/>
  <c r="I6705" i="5" s="1"/>
  <c r="I1687" i="2"/>
  <c r="I1661" i="5" s="1"/>
  <c r="I1193" i="2"/>
  <c r="I1167" i="5" s="1"/>
  <c r="I5564" i="2"/>
  <c r="I5538" i="5" s="1"/>
  <c r="I6248" i="2"/>
  <c r="I6222" i="5" s="1"/>
  <c r="I2546" i="2"/>
  <c r="I2520" i="5" s="1"/>
  <c r="I1505" i="2"/>
  <c r="I1479" i="5" s="1"/>
  <c r="I2195" i="2"/>
  <c r="I2169" i="5" s="1"/>
  <c r="I3884" i="2"/>
  <c r="I3858" i="5" s="1"/>
  <c r="I6395" i="2"/>
  <c r="I6369" i="5" s="1"/>
  <c r="I7586" i="2"/>
  <c r="I7560" i="5" s="1"/>
  <c r="I5052" i="2"/>
  <c r="I5026" i="5" s="1"/>
  <c r="I6911" i="2"/>
  <c r="I6885" i="5" s="1"/>
  <c r="I4018" i="2"/>
  <c r="I3992" i="5" s="1"/>
  <c r="I6554" i="2"/>
  <c r="I6528" i="5" s="1"/>
  <c r="I7556" i="2"/>
  <c r="I7530" i="5" s="1"/>
  <c r="I5399" i="2"/>
  <c r="I5373" i="5" s="1"/>
  <c r="I3883" i="2"/>
  <c r="I3857" i="5" s="1"/>
  <c r="I5378" i="2"/>
  <c r="I5352" i="5" s="1"/>
  <c r="I2215" i="2"/>
  <c r="I2189" i="5" s="1"/>
  <c r="I3051" i="2"/>
  <c r="I3025" i="5" s="1"/>
  <c r="I6919" i="2"/>
  <c r="I6893" i="5" s="1"/>
  <c r="I6047" i="2"/>
  <c r="I6021" i="5" s="1"/>
  <c r="I7254" i="2"/>
  <c r="I7228" i="5" s="1"/>
  <c r="I4691" i="2"/>
  <c r="I4665" i="5" s="1"/>
  <c r="I7741" i="2"/>
  <c r="I7715" i="5" s="1"/>
  <c r="I840" i="2"/>
  <c r="I814" i="5" s="1"/>
  <c r="I2543" i="2"/>
  <c r="I2517" i="5" s="1"/>
  <c r="I528" i="2"/>
  <c r="I502" i="5" s="1"/>
  <c r="I1508" i="2"/>
  <c r="I1482" i="5" s="1"/>
  <c r="I8264" i="2"/>
  <c r="I8238" i="5" s="1"/>
  <c r="I3719" i="2"/>
  <c r="I3693" i="5" s="1"/>
  <c r="I195" i="2"/>
  <c r="I169" i="5" s="1"/>
  <c r="I7220" i="2"/>
  <c r="I7194" i="5" s="1"/>
  <c r="I6748" i="2"/>
  <c r="I6722" i="5" s="1"/>
  <c r="I4065" i="2"/>
  <c r="I4039" i="5" s="1"/>
  <c r="I2880" i="2"/>
  <c r="I2854" i="5" s="1"/>
  <c r="I5389" i="2"/>
  <c r="I5363" i="5" s="1"/>
  <c r="I7086" i="2"/>
  <c r="I7060" i="5" s="1"/>
  <c r="I5223" i="2"/>
  <c r="I5197" i="5" s="1"/>
  <c r="I2036" i="2"/>
  <c r="I2010" i="5" s="1"/>
  <c r="I2878" i="2"/>
  <c r="I2852" i="5" s="1"/>
  <c r="I4036" i="2"/>
  <c r="I4010" i="5" s="1"/>
  <c r="I2047" i="2"/>
  <c r="I2021" i="5" s="1"/>
  <c r="I1877" i="2"/>
  <c r="I1851" i="5" s="1"/>
  <c r="I6062" i="2"/>
  <c r="I6036" i="5" s="1"/>
  <c r="I5559" i="2"/>
  <c r="I5533" i="5" s="1"/>
  <c r="I3727" i="2"/>
  <c r="I3701" i="5" s="1"/>
  <c r="I867" i="2"/>
  <c r="I841" i="5" s="1"/>
  <c r="I5386" i="2"/>
  <c r="I5360" i="5" s="1"/>
  <c r="I6552" i="2"/>
  <c r="I6526" i="5" s="1"/>
  <c r="I2346" i="2"/>
  <c r="I2320" i="5" s="1"/>
  <c r="I1670" i="2"/>
  <c r="I1644" i="5" s="1"/>
  <c r="I5227" i="2"/>
  <c r="I5201" i="5" s="1"/>
  <c r="I3692" i="2"/>
  <c r="I3666" i="5" s="1"/>
  <c r="I1690" i="2"/>
  <c r="I1664" i="5" s="1"/>
  <c r="I8753" i="2"/>
  <c r="I8727" i="5" s="1"/>
  <c r="I6382" i="2"/>
  <c r="I6356" i="5" s="1"/>
  <c r="I2875" i="2"/>
  <c r="I2849" i="5" s="1"/>
  <c r="I5557" i="2"/>
  <c r="I5531" i="5" s="1"/>
  <c r="I8750" i="2"/>
  <c r="I8724" i="5" s="1"/>
  <c r="I4210" i="2"/>
  <c r="I4184" i="5" s="1"/>
  <c r="I8735" i="2"/>
  <c r="I8709" i="5" s="1"/>
  <c r="I523" i="2"/>
  <c r="I497" i="5" s="1"/>
  <c r="I6393" i="2"/>
  <c r="I6367" i="5" s="1"/>
  <c r="I3210" i="2"/>
  <c r="I3184" i="5" s="1"/>
  <c r="I1340" i="2"/>
  <c r="I1314" i="5" s="1"/>
  <c r="I7042" i="2"/>
  <c r="I7016" i="5" s="1"/>
  <c r="I667" i="2"/>
  <c r="I641" i="5" s="1"/>
  <c r="I5561" i="2"/>
  <c r="I5535" i="5" s="1"/>
  <c r="I6743" i="2"/>
  <c r="I6717" i="5" s="1"/>
  <c r="I3374" i="2"/>
  <c r="I3348" i="5" s="1"/>
  <c r="I1842" i="2"/>
  <c r="I1816" i="5" s="1"/>
  <c r="I1835" i="2"/>
  <c r="I1809" i="5" s="1"/>
  <c r="I1349" i="2"/>
  <c r="I1323" i="5" s="1"/>
  <c r="I8427" i="2"/>
  <c r="I8401" i="5" s="1"/>
  <c r="I4716" i="2"/>
  <c r="I4690" i="5" s="1"/>
  <c r="I1501" i="2"/>
  <c r="I1475" i="5" s="1"/>
  <c r="I2711" i="2"/>
  <c r="I2685" i="5" s="1"/>
  <c r="I7571" i="2"/>
  <c r="I7545" i="5" s="1"/>
  <c r="I4058" i="2"/>
  <c r="I4032" i="5" s="1"/>
  <c r="I356" i="2"/>
  <c r="I330" i="5" s="1"/>
  <c r="I8071" i="2"/>
  <c r="I8045" i="5" s="1"/>
  <c r="I5716" i="2"/>
  <c r="I5690" i="5" s="1"/>
  <c r="I4734" i="2"/>
  <c r="I4708" i="5" s="1"/>
  <c r="I8566" i="2"/>
  <c r="I8540" i="5" s="1"/>
  <c r="I3682" i="2"/>
  <c r="I3656" i="5" s="1"/>
  <c r="I7076" i="2"/>
  <c r="I7050" i="5" s="1"/>
  <c r="I2007" i="2"/>
  <c r="I1981" i="5" s="1"/>
  <c r="I1334" i="2"/>
  <c r="I1308" i="5" s="1"/>
  <c r="I4355" i="2"/>
  <c r="I4329" i="5" s="1"/>
  <c r="I3213" i="2"/>
  <c r="I3187" i="5" s="1"/>
  <c r="I1341" i="2"/>
  <c r="I1315" i="5" s="1"/>
  <c r="I4904" i="2"/>
  <c r="I4878" i="5" s="1"/>
  <c r="I5707" i="2"/>
  <c r="I5681" i="5" s="1"/>
  <c r="I1203" i="2"/>
  <c r="I1177" i="5" s="1"/>
  <c r="I5897" i="2"/>
  <c r="I5871" i="5" s="1"/>
  <c r="I357" i="2"/>
  <c r="I331" i="5" s="1"/>
  <c r="I5366" i="2"/>
  <c r="I5340" i="5" s="1"/>
  <c r="I7073" i="2"/>
  <c r="I7047" i="5" s="1"/>
  <c r="I7051" i="2"/>
  <c r="I7025" i="5" s="1"/>
  <c r="I7547" i="2"/>
  <c r="I7521" i="5" s="1"/>
  <c r="I2210" i="2"/>
  <c r="I2184" i="5" s="1"/>
  <c r="I367" i="2"/>
  <c r="I341" i="5" s="1"/>
  <c r="I4719" i="2"/>
  <c r="I4693" i="5" s="1"/>
  <c r="I8063" i="2"/>
  <c r="I8037" i="5" s="1"/>
  <c r="I3019" i="2"/>
  <c r="I2993" i="5" s="1"/>
  <c r="I4699" i="2"/>
  <c r="I4673" i="5" s="1"/>
  <c r="I6898" i="2"/>
  <c r="I6872" i="5" s="1"/>
  <c r="I6205" i="2"/>
  <c r="I6179" i="5" s="1"/>
  <c r="I4690" i="2"/>
  <c r="I4664" i="5" s="1"/>
  <c r="I8554" i="2"/>
  <c r="I8528" i="5" s="1"/>
  <c r="I493" i="2"/>
  <c r="I467" i="5" s="1"/>
  <c r="I7743" i="2"/>
  <c r="I7717" i="5" s="1"/>
  <c r="I1356" i="2"/>
  <c r="I1330" i="5" s="1"/>
  <c r="I8740" i="2"/>
  <c r="I8714" i="5" s="1"/>
  <c r="I3224" i="2"/>
  <c r="I3198" i="5" s="1"/>
  <c r="I1854" i="2"/>
  <c r="I1828" i="5" s="1"/>
  <c r="I5902" i="2"/>
  <c r="I5876" i="5" s="1"/>
  <c r="I6410" i="2"/>
  <c r="I6384" i="5" s="1"/>
  <c r="I6585" i="2"/>
  <c r="I6559" i="5" s="1"/>
  <c r="I697" i="2"/>
  <c r="I671" i="5" s="1"/>
  <c r="I1350" i="2"/>
  <c r="I1324" i="5" s="1"/>
  <c r="I8572" i="2"/>
  <c r="I8546" i="5" s="1"/>
  <c r="I1348" i="2"/>
  <c r="I1322" i="5" s="1"/>
  <c r="I3518" i="2"/>
  <c r="I3492" i="5" s="1"/>
  <c r="I8252" i="2"/>
  <c r="I8226" i="5" s="1"/>
  <c r="I5530" i="2"/>
  <c r="I5504" i="5" s="1"/>
  <c r="I2017" i="2"/>
  <c r="I1991" i="5" s="1"/>
  <c r="I4538" i="2"/>
  <c r="I4512" i="5" s="1"/>
  <c r="I1862" i="2"/>
  <c r="I1836" i="5" s="1"/>
  <c r="I7065" i="2"/>
  <c r="I7039" i="5" s="1"/>
  <c r="I5890" i="2"/>
  <c r="I5864" i="5" s="1"/>
  <c r="I5385" i="2"/>
  <c r="I5359" i="5" s="1"/>
  <c r="I3037" i="2"/>
  <c r="I3011" i="5" s="1"/>
  <c r="I5066" i="2"/>
  <c r="I5040" i="5" s="1"/>
  <c r="I1849" i="2"/>
  <c r="I1823" i="5" s="1"/>
  <c r="I5542" i="2"/>
  <c r="I5516" i="5" s="1"/>
  <c r="I162" i="2"/>
  <c r="I136" i="5" s="1"/>
  <c r="I2845" i="2"/>
  <c r="I2819" i="5" s="1"/>
  <c r="I4379" i="2"/>
  <c r="I4353" i="5" s="1"/>
  <c r="I6750" i="2"/>
  <c r="I6724" i="5" s="1"/>
  <c r="I7405" i="2"/>
  <c r="I7379" i="5" s="1"/>
  <c r="I2006" i="2"/>
  <c r="I1980" i="5" s="1"/>
  <c r="I3688" i="2"/>
  <c r="I3662" i="5" s="1"/>
  <c r="I665" i="2"/>
  <c r="I639" i="5" s="1"/>
  <c r="I8426" i="2"/>
  <c r="I8400" i="5" s="1"/>
  <c r="I4708" i="2"/>
  <c r="I4682" i="5" s="1"/>
  <c r="I1010" i="2"/>
  <c r="I984" i="5" s="1"/>
  <c r="I3384" i="2"/>
  <c r="I3358" i="5" s="1"/>
  <c r="I663" i="2"/>
  <c r="I637" i="5" s="1"/>
  <c r="I7729" i="2"/>
  <c r="I7703" i="5" s="1"/>
  <c r="I1707" i="2"/>
  <c r="I1681" i="5" s="1"/>
  <c r="I996" i="2"/>
  <c r="I970" i="5" s="1"/>
  <c r="I3215" i="2"/>
  <c r="I3189" i="5" s="1"/>
  <c r="I8390" i="2"/>
  <c r="I8364" i="5" s="1"/>
  <c r="I7385" i="2"/>
  <c r="I7359" i="5" s="1"/>
  <c r="I5037" i="2"/>
  <c r="I5011" i="5" s="1"/>
  <c r="I855" i="2"/>
  <c r="I829" i="5" s="1"/>
  <c r="I3870" i="2"/>
  <c r="I3844" i="5" s="1"/>
  <c r="I3018" i="2"/>
  <c r="I2992" i="5" s="1"/>
  <c r="I7589" i="2"/>
  <c r="I7563" i="5" s="1"/>
  <c r="I6713" i="2"/>
  <c r="I6687" i="5" s="1"/>
  <c r="I1679" i="2"/>
  <c r="I1653" i="5" s="1"/>
  <c r="I3383" i="2"/>
  <c r="I3357" i="5" s="1"/>
  <c r="I7584" i="2"/>
  <c r="I7558" i="5" s="1"/>
  <c r="I3699" i="2"/>
  <c r="I3673" i="5" s="1"/>
  <c r="I1846" i="2"/>
  <c r="I1820" i="5" s="1"/>
  <c r="I5550" i="2"/>
  <c r="I5524" i="5" s="1"/>
  <c r="I8082" i="2"/>
  <c r="I8056" i="5" s="1"/>
  <c r="I851" i="2"/>
  <c r="I825" i="5" s="1"/>
  <c r="I2706" i="2"/>
  <c r="I2680" i="5" s="1"/>
  <c r="I2544" i="2"/>
  <c r="I2518" i="5" s="1"/>
  <c r="I8259" i="2"/>
  <c r="I8233" i="5" s="1"/>
  <c r="I2004" i="2"/>
  <c r="I1978" i="5" s="1"/>
  <c r="I1004" i="2"/>
  <c r="I978" i="5" s="1"/>
  <c r="I2367" i="2"/>
  <c r="I2341" i="5" s="1"/>
  <c r="I3049" i="2"/>
  <c r="I3023" i="5" s="1"/>
  <c r="I533" i="2"/>
  <c r="I507" i="5" s="1"/>
  <c r="I4526" i="2"/>
  <c r="I4500" i="5" s="1"/>
  <c r="I2547" i="2"/>
  <c r="I2521" i="5" s="1"/>
  <c r="I8756" i="2"/>
  <c r="I8730" i="5" s="1"/>
  <c r="I7425" i="2"/>
  <c r="I7399" i="5" s="1"/>
  <c r="I7893" i="2"/>
  <c r="I7867" i="5" s="1"/>
  <c r="I8598" i="2"/>
  <c r="I8572" i="5" s="1"/>
  <c r="I1708" i="2"/>
  <c r="I1682" i="5" s="1"/>
  <c r="I3536" i="2"/>
  <c r="I3510" i="5" s="1"/>
  <c r="I6216" i="2"/>
  <c r="I6190" i="5" s="1"/>
  <c r="I5736" i="2"/>
  <c r="I5710" i="5" s="1"/>
  <c r="I5383" i="2"/>
  <c r="I5357" i="5" s="1"/>
  <c r="I2877" i="2"/>
  <c r="I2851" i="5" s="1"/>
  <c r="I7717" i="2"/>
  <c r="I7691" i="5" s="1"/>
  <c r="I838" i="2"/>
  <c r="I812" i="5" s="1"/>
  <c r="I3696" i="2"/>
  <c r="I3670" i="5" s="1"/>
  <c r="I6723" i="2"/>
  <c r="I6697" i="5" s="1"/>
  <c r="I8763" i="2"/>
  <c r="I8737" i="5" s="1"/>
  <c r="I1376" i="2"/>
  <c r="I1350" i="5" s="1"/>
  <c r="I5063" i="2"/>
  <c r="I5037" i="5" s="1"/>
  <c r="I514" i="2"/>
  <c r="I488" i="5" s="1"/>
  <c r="I8573" i="2"/>
  <c r="I8547" i="5" s="1"/>
  <c r="I2510" i="2"/>
  <c r="I2484" i="5" s="1"/>
  <c r="I1333" i="2"/>
  <c r="I1307" i="5" s="1"/>
  <c r="I3890" i="2"/>
  <c r="I3864" i="5" s="1"/>
  <c r="I1357" i="2"/>
  <c r="I1331" i="5" s="1"/>
  <c r="I6733" i="2"/>
  <c r="I6707" i="5" s="1"/>
  <c r="I4047" i="2"/>
  <c r="I4021" i="5" s="1"/>
  <c r="I2205" i="2"/>
  <c r="I2179" i="5" s="1"/>
  <c r="I3369" i="2"/>
  <c r="I3343" i="5" s="1"/>
  <c r="I3203" i="2"/>
  <c r="I3177" i="5" s="1"/>
  <c r="I3538" i="2"/>
  <c r="I3512" i="5" s="1"/>
  <c r="I7749" i="2"/>
  <c r="I7723" i="5" s="1"/>
  <c r="I704" i="2"/>
  <c r="I678" i="5" s="1"/>
  <c r="I7752" i="2"/>
  <c r="I7726" i="5" s="1"/>
  <c r="I2846" i="2"/>
  <c r="I2820" i="5" s="1"/>
  <c r="I698" i="2"/>
  <c r="I672" i="5" s="1"/>
  <c r="I4712" i="2"/>
  <c r="I4686" i="5" s="1"/>
  <c r="I8414" i="2"/>
  <c r="I8388" i="5" s="1"/>
  <c r="I8751" i="2"/>
  <c r="I8725" i="5" s="1"/>
  <c r="I4040" i="2"/>
  <c r="I4014" i="5" s="1"/>
  <c r="I177" i="2"/>
  <c r="I151" i="5" s="1"/>
  <c r="I5380" i="2"/>
  <c r="I5354" i="5" s="1"/>
  <c r="I2870" i="2"/>
  <c r="I2844" i="5" s="1"/>
  <c r="I4026" i="2"/>
  <c r="I4000" i="5" s="1"/>
  <c r="I1685" i="2"/>
  <c r="I1659" i="5" s="1"/>
  <c r="I5713" i="2"/>
  <c r="I5687" i="5" s="1"/>
  <c r="I3385" i="2"/>
  <c r="I3359" i="5" s="1"/>
  <c r="I1007" i="2"/>
  <c r="I981" i="5" s="1"/>
  <c r="I6212" i="2"/>
  <c r="I6186" i="5" s="1"/>
  <c r="I4229" i="2"/>
  <c r="I4203" i="5" s="1"/>
  <c r="I4705" i="2"/>
  <c r="I4679" i="5" s="1"/>
  <c r="I4358" i="2"/>
  <c r="I4332" i="5" s="1"/>
  <c r="I3537" i="2"/>
  <c r="I3511" i="5" s="1"/>
  <c r="I2035" i="2"/>
  <c r="I2009" i="5" s="1"/>
  <c r="I6744" i="2"/>
  <c r="I6718" i="5" s="1"/>
  <c r="I3196" i="2"/>
  <c r="I3170" i="5" s="1"/>
  <c r="I4527" i="2"/>
  <c r="I4501" i="5" s="1"/>
  <c r="I6048" i="2"/>
  <c r="I6022" i="5" s="1"/>
  <c r="I4522" i="2"/>
  <c r="I4496" i="5" s="1"/>
  <c r="I2867" i="2"/>
  <c r="I2841" i="5" s="1"/>
  <c r="I5540" i="2"/>
  <c r="I5514" i="5" s="1"/>
  <c r="I8067" i="2"/>
  <c r="I8041" i="5" s="1"/>
  <c r="I3706" i="2"/>
  <c r="I3680" i="5" s="1"/>
  <c r="I1200" i="2"/>
  <c r="I1174" i="5" s="1"/>
  <c r="I6897" i="2"/>
  <c r="I6871" i="5" s="1"/>
  <c r="I1537" i="2"/>
  <c r="I1511" i="5" s="1"/>
  <c r="I862" i="2"/>
  <c r="I836" i="5" s="1"/>
  <c r="I2349" i="2"/>
  <c r="I2323" i="5" s="1"/>
  <c r="I6735" i="2"/>
  <c r="I6709" i="5" s="1"/>
  <c r="I7901" i="2"/>
  <c r="I7875" i="5" s="1"/>
  <c r="I1362" i="2"/>
  <c r="I1336" i="5" s="1"/>
  <c r="I2695" i="2"/>
  <c r="I2669" i="5" s="1"/>
  <c r="I7728" i="2"/>
  <c r="I7702" i="5" s="1"/>
  <c r="I5196" i="2"/>
  <c r="I5170" i="5" s="1"/>
  <c r="I2847" i="2"/>
  <c r="I2821" i="5" s="1"/>
  <c r="I3868" i="2"/>
  <c r="I3842" i="5" s="1"/>
  <c r="I4721" i="2"/>
  <c r="I4695" i="5" s="1"/>
  <c r="I8403" i="2"/>
  <c r="I8377" i="5" s="1"/>
  <c r="I3519" i="2"/>
  <c r="I3493" i="5" s="1"/>
  <c r="I4382" i="2"/>
  <c r="I4356" i="5" s="1"/>
  <c r="I8239" i="2"/>
  <c r="I8213" i="5" s="1"/>
  <c r="I6543" i="2"/>
  <c r="I6517" i="5" s="1"/>
  <c r="I3186" i="2"/>
  <c r="I3160" i="5" s="1"/>
  <c r="I1166" i="2"/>
  <c r="I1140" i="5" s="1"/>
  <c r="I516" i="2"/>
  <c r="I490" i="5" s="1"/>
  <c r="I5071" i="2"/>
  <c r="I5045" i="5" s="1"/>
  <c r="I5563" i="2"/>
  <c r="I5537" i="5" s="1"/>
  <c r="I7570" i="2"/>
  <c r="I7544" i="5" s="1"/>
  <c r="I8591" i="2"/>
  <c r="I8565" i="5" s="1"/>
  <c r="I4217" i="2"/>
  <c r="I4191" i="5" s="1"/>
  <c r="I5735" i="2"/>
  <c r="I5709" i="5" s="1"/>
  <c r="I4728" i="2"/>
  <c r="I4702" i="5" s="1"/>
  <c r="I4701" i="2"/>
  <c r="I4675" i="5" s="1"/>
  <c r="I1204" i="2"/>
  <c r="I1178" i="5" s="1"/>
  <c r="I1192" i="2"/>
  <c r="I1166" i="5" s="1"/>
  <c r="I2517" i="2"/>
  <c r="I2491" i="5" s="1"/>
  <c r="I999" i="2"/>
  <c r="I973" i="5" s="1"/>
  <c r="I5403" i="2"/>
  <c r="I5377" i="5" s="1"/>
  <c r="I2209" i="2"/>
  <c r="I2183" i="5" s="1"/>
  <c r="I4871" i="2"/>
  <c r="I4845" i="5" s="1"/>
  <c r="I5724" i="2"/>
  <c r="I5698" i="5" s="1"/>
  <c r="I4870" i="2"/>
  <c r="I4844" i="5" s="1"/>
  <c r="I1002" i="2"/>
  <c r="I976" i="5" s="1"/>
  <c r="I8083" i="2"/>
  <c r="I8057" i="5" s="1"/>
  <c r="I4233" i="2"/>
  <c r="I4207" i="5" s="1"/>
  <c r="I4063" i="2"/>
  <c r="I4037" i="5" s="1"/>
  <c r="I3197" i="2"/>
  <c r="I3171" i="5" s="1"/>
  <c r="I154" i="2"/>
  <c r="I128" i="5" s="1"/>
  <c r="I5715" i="2"/>
  <c r="I5689" i="5" s="1"/>
  <c r="I6874" i="2"/>
  <c r="I6848" i="5" s="1"/>
  <c r="I7422" i="2"/>
  <c r="I7396" i="5" s="1"/>
  <c r="I5901" i="2"/>
  <c r="I5875" i="5" s="1"/>
  <c r="I6538" i="2"/>
  <c r="I6512" i="5" s="1"/>
  <c r="I4206" i="2"/>
  <c r="I4180" i="5" s="1"/>
  <c r="I8556" i="2"/>
  <c r="I8530" i="5" s="1"/>
  <c r="I1867" i="2"/>
  <c r="I1841" i="5" s="1"/>
  <c r="I6545" i="2"/>
  <c r="I6519" i="5" s="1"/>
  <c r="I165" i="2"/>
  <c r="I139" i="5" s="1"/>
  <c r="I5573" i="2"/>
  <c r="I5547" i="5" s="1"/>
  <c r="I7899" i="2"/>
  <c r="I7873" i="5" s="1"/>
  <c r="I2707" i="2"/>
  <c r="I2681" i="5" s="1"/>
  <c r="I8766" i="2"/>
  <c r="I8740" i="5" s="1"/>
  <c r="I5062" i="2"/>
  <c r="I5036" i="5" s="1"/>
  <c r="I6057" i="2"/>
  <c r="I6031" i="5" s="1"/>
  <c r="I1688" i="2"/>
  <c r="I1662" i="5" s="1"/>
  <c r="I8577" i="2"/>
  <c r="I8551" i="5" s="1"/>
  <c r="I6210" i="2"/>
  <c r="I6184" i="5" s="1"/>
  <c r="I3550" i="2"/>
  <c r="I3524" i="5" s="1"/>
  <c r="I4556" i="2"/>
  <c r="I4530" i="5" s="1"/>
  <c r="I3529" i="2"/>
  <c r="I3503" i="5" s="1"/>
  <c r="I4043" i="2"/>
  <c r="I4017" i="5" s="1"/>
  <c r="I6385" i="2"/>
  <c r="I6359" i="5" s="1"/>
  <c r="I3860" i="2"/>
  <c r="I3834" i="5" s="1"/>
  <c r="I1523" i="2"/>
  <c r="I1497" i="5" s="1"/>
  <c r="I1174" i="2"/>
  <c r="I1148" i="5" s="1"/>
  <c r="I4729" i="2"/>
  <c r="I4703" i="5" s="1"/>
  <c r="I4860" i="2"/>
  <c r="I4834" i="5" s="1"/>
  <c r="I5877" i="2"/>
  <c r="I5851" i="5" s="1"/>
  <c r="I6714" i="2"/>
  <c r="I6688" i="5" s="1"/>
  <c r="I6230" i="2"/>
  <c r="I6204" i="5" s="1"/>
  <c r="I5881" i="2"/>
  <c r="I5855" i="5" s="1"/>
  <c r="I325" i="2"/>
  <c r="I299" i="5" s="1"/>
  <c r="I7052" i="2"/>
  <c r="I7026" i="5" s="1"/>
  <c r="I7411" i="2"/>
  <c r="I7385" i="5" s="1"/>
  <c r="I7063" i="2"/>
  <c r="I7037" i="5" s="1"/>
  <c r="I2692" i="2"/>
  <c r="I2666" i="5" s="1"/>
  <c r="I3199" i="2"/>
  <c r="I3173" i="5" s="1"/>
  <c r="I6391" i="2"/>
  <c r="I6365" i="5" s="1"/>
  <c r="I2026" i="2"/>
  <c r="I2000" i="5" s="1"/>
  <c r="I2042" i="2"/>
  <c r="I2016" i="5" s="1"/>
  <c r="I3526" i="2"/>
  <c r="I3500" i="5" s="1"/>
  <c r="I5384" i="2"/>
  <c r="I5358" i="5" s="1"/>
  <c r="I4211" i="2"/>
  <c r="I4185" i="5" s="1"/>
  <c r="I1337" i="2"/>
  <c r="I1311" i="5" s="1"/>
  <c r="I6565" i="2"/>
  <c r="I6539" i="5" s="1"/>
  <c r="I1033" i="2"/>
  <c r="I1007" i="5" s="1"/>
  <c r="I2340" i="2"/>
  <c r="I2314" i="5" s="1"/>
  <c r="I2356" i="2"/>
  <c r="I2330" i="5" s="1"/>
  <c r="I2884" i="2"/>
  <c r="I2858" i="5" s="1"/>
  <c r="I3031" i="2"/>
  <c r="I3005" i="5" s="1"/>
  <c r="I3030" i="2"/>
  <c r="I3004" i="5" s="1"/>
  <c r="I1367" i="2"/>
  <c r="I1341" i="5" s="1"/>
  <c r="I3022" i="2"/>
  <c r="I2996" i="5" s="1"/>
  <c r="I4880" i="2"/>
  <c r="I4854" i="5" s="1"/>
  <c r="I6555" i="2"/>
  <c r="I6529" i="5" s="1"/>
  <c r="I3557" i="2"/>
  <c r="I3531" i="5" s="1"/>
  <c r="I323" i="2"/>
  <c r="I297" i="5" s="1"/>
  <c r="I5539" i="2"/>
  <c r="I5513" i="5" s="1"/>
  <c r="I346" i="2"/>
  <c r="I320" i="5" s="1"/>
  <c r="I5743" i="2"/>
  <c r="I5717" i="5" s="1"/>
  <c r="I534" i="2"/>
  <c r="I508" i="5" s="1"/>
  <c r="I672" i="2"/>
  <c r="I646" i="5" s="1"/>
  <c r="I6738" i="2"/>
  <c r="I6712" i="5" s="1"/>
  <c r="I2844" i="2"/>
  <c r="I2818" i="5" s="1"/>
  <c r="I6900" i="2"/>
  <c r="I6874" i="5" s="1"/>
  <c r="I6584" i="2"/>
  <c r="I6558" i="5" s="1"/>
  <c r="I6921" i="2"/>
  <c r="I6895" i="5" s="1"/>
  <c r="I4372" i="2"/>
  <c r="I4346" i="5" s="1"/>
  <c r="I4546" i="2"/>
  <c r="I4520" i="5" s="1"/>
  <c r="I1173" i="2"/>
  <c r="I1147" i="5" s="1"/>
  <c r="I2674" i="2"/>
  <c r="I2648" i="5" s="1"/>
  <c r="I6042" i="2"/>
  <c r="I6016" i="5" s="1"/>
  <c r="I1837" i="2"/>
  <c r="I1811" i="5" s="1"/>
  <c r="I4366" i="2"/>
  <c r="I4340" i="5" s="1"/>
  <c r="I859" i="2"/>
  <c r="I833" i="5" s="1"/>
  <c r="I7256" i="2"/>
  <c r="I7230" i="5" s="1"/>
  <c r="I1000" i="2"/>
  <c r="I974" i="5" s="1"/>
  <c r="I3559" i="2"/>
  <c r="I3533" i="5" s="1"/>
  <c r="I4900" i="2"/>
  <c r="I4874" i="5" s="1"/>
  <c r="I8235" i="2"/>
  <c r="I8209" i="5" s="1"/>
  <c r="I4215" i="2"/>
  <c r="I4189" i="5" s="1"/>
  <c r="I1365" i="2"/>
  <c r="I1339" i="5" s="1"/>
  <c r="I1856" i="2"/>
  <c r="I1830" i="5" s="1"/>
  <c r="I2694" i="2"/>
  <c r="I2668" i="5" s="1"/>
  <c r="I3892" i="2"/>
  <c r="I3866" i="5" s="1"/>
  <c r="I3889" i="2"/>
  <c r="I3863" i="5" s="1"/>
  <c r="I7732" i="2"/>
  <c r="I7706" i="5" s="1"/>
  <c r="I519" i="2"/>
  <c r="I493" i="5" s="1"/>
  <c r="I8760" i="2"/>
  <c r="I8734" i="5" s="1"/>
  <c r="I1039" i="2"/>
  <c r="I1013" i="5" s="1"/>
  <c r="I4547" i="2"/>
  <c r="I4521" i="5" s="1"/>
  <c r="I8733" i="2"/>
  <c r="I8707" i="5" s="1"/>
  <c r="I502" i="2"/>
  <c r="I476" i="5" s="1"/>
  <c r="I7721" i="2"/>
  <c r="I7695" i="5" s="1"/>
  <c r="I5036" i="2"/>
  <c r="I5010" i="5" s="1"/>
  <c r="I3556" i="2"/>
  <c r="I3530" i="5" s="1"/>
  <c r="I5221" i="2"/>
  <c r="I5195" i="5" s="1"/>
  <c r="I860" i="2"/>
  <c r="I834" i="5" s="1"/>
  <c r="I1029" i="2"/>
  <c r="I1003" i="5" s="1"/>
  <c r="I5708" i="2"/>
  <c r="I5682" i="5" s="1"/>
  <c r="I7900" i="2"/>
  <c r="I7874" i="5" s="1"/>
  <c r="I5370" i="2"/>
  <c r="I5344" i="5" s="1"/>
  <c r="I179" i="2"/>
  <c r="I153" i="5" s="1"/>
  <c r="I2211" i="2"/>
  <c r="I2185" i="5" s="1"/>
  <c r="I3358" i="2"/>
  <c r="I3332" i="5" s="1"/>
  <c r="I5723" i="2"/>
  <c r="I5697" i="5" s="1"/>
  <c r="I3880" i="2"/>
  <c r="I3854" i="5" s="1"/>
  <c r="I2682" i="2"/>
  <c r="I2656" i="5" s="1"/>
  <c r="I6231" i="2"/>
  <c r="I6205" i="5" s="1"/>
  <c r="I3704" i="2"/>
  <c r="I3678" i="5" s="1"/>
  <c r="I8575" i="2"/>
  <c r="I8549" i="5" s="1"/>
  <c r="I1500" i="2"/>
  <c r="I1474" i="5" s="1"/>
  <c r="I4030" i="2"/>
  <c r="I4004" i="5" s="1"/>
  <c r="I8249" i="2"/>
  <c r="I8223" i="5" s="1"/>
  <c r="I3697" i="2"/>
  <c r="I3671" i="5" s="1"/>
  <c r="I4710" i="2"/>
  <c r="I4684" i="5" s="1"/>
  <c r="I1514" i="2"/>
  <c r="I1488" i="5" s="1"/>
  <c r="I1712" i="2"/>
  <c r="I1686" i="5" s="1"/>
  <c r="I1522" i="2"/>
  <c r="I1496" i="5" s="1"/>
  <c r="I3216" i="2"/>
  <c r="I3190" i="5" s="1"/>
  <c r="I843" i="2"/>
  <c r="I817" i="5" s="1"/>
  <c r="I4200" i="2"/>
  <c r="I4174" i="5" s="1"/>
  <c r="I7045" i="2"/>
  <c r="I7019" i="5" s="1"/>
  <c r="I510" i="2"/>
  <c r="I484" i="5" s="1"/>
  <c r="I8757" i="2"/>
  <c r="I8731" i="5" s="1"/>
  <c r="I5904" i="2"/>
  <c r="I5878" i="5" s="1"/>
  <c r="I2214" i="2"/>
  <c r="I2188" i="5" s="1"/>
  <c r="I517" i="2"/>
  <c r="I491" i="5" s="1"/>
  <c r="I4725" i="2"/>
  <c r="I4699" i="5" s="1"/>
  <c r="I4022" i="2"/>
  <c r="I3996" i="5" s="1"/>
  <c r="I1705" i="2"/>
  <c r="I1679" i="5" s="1"/>
  <c r="I6551" i="2"/>
  <c r="I6525" i="5" s="1"/>
  <c r="I5569" i="2"/>
  <c r="I5543" i="5" s="1"/>
  <c r="I6405" i="2"/>
  <c r="I6379" i="5" s="1"/>
  <c r="I2361" i="2"/>
  <c r="I2335" i="5" s="1"/>
  <c r="I3190" i="2"/>
  <c r="I3164" i="5" s="1"/>
  <c r="I3724" i="2"/>
  <c r="I3698" i="5" s="1"/>
  <c r="I6909" i="2"/>
  <c r="I6883" i="5" s="1"/>
  <c r="I7546" i="2"/>
  <c r="I7520" i="5" s="1"/>
  <c r="I1878" i="2"/>
  <c r="I1852" i="5" s="1"/>
  <c r="I2025" i="2"/>
  <c r="I1999" i="5" s="1"/>
  <c r="I7582" i="2"/>
  <c r="I7556" i="5" s="1"/>
  <c r="I1363" i="2"/>
  <c r="I1337" i="5" s="1"/>
  <c r="I159" i="2"/>
  <c r="I133" i="5" s="1"/>
  <c r="I6202" i="2"/>
  <c r="I6176" i="5" s="1"/>
  <c r="I8734" i="2"/>
  <c r="I8708" i="5" s="1"/>
  <c r="I3707" i="2"/>
  <c r="I3681" i="5" s="1"/>
  <c r="I511" i="2"/>
  <c r="I485" i="5" s="1"/>
  <c r="I684" i="2"/>
  <c r="I658" i="5" s="1"/>
  <c r="I1013" i="2"/>
  <c r="I987" i="5" s="1"/>
  <c r="I6038" i="2"/>
  <c r="I6012" i="5" s="1"/>
  <c r="I4020" i="2"/>
  <c r="I3994" i="5" s="1"/>
  <c r="I6553" i="2"/>
  <c r="I6527" i="5" s="1"/>
  <c r="I1848" i="2"/>
  <c r="I1822" i="5" s="1"/>
  <c r="I6054" i="2"/>
  <c r="I6028" i="5" s="1"/>
  <c r="I8559" i="2"/>
  <c r="I8533" i="5" s="1"/>
  <c r="I4554" i="2"/>
  <c r="I4528" i="5" s="1"/>
  <c r="I5058" i="2"/>
  <c r="I5032" i="5" s="1"/>
  <c r="I5029" i="2"/>
  <c r="I5003" i="5" s="1"/>
  <c r="I4059" i="2"/>
  <c r="I4033" i="5" s="1"/>
  <c r="I6204" i="2"/>
  <c r="I6178" i="5" s="1"/>
  <c r="I6710" i="2"/>
  <c r="I6684" i="5" s="1"/>
  <c r="I1865" i="2"/>
  <c r="I1839" i="5" s="1"/>
  <c r="I160" i="2"/>
  <c r="I134" i="5" s="1"/>
  <c r="I2030" i="2"/>
  <c r="I2004" i="5" s="1"/>
  <c r="I3691" i="2"/>
  <c r="I3665" i="5" s="1"/>
  <c r="I1041" i="2"/>
  <c r="I1015" i="5" s="1"/>
  <c r="I8230" i="2"/>
  <c r="I8204" i="5" s="1"/>
  <c r="I2678" i="2"/>
  <c r="I2652" i="5" s="1"/>
  <c r="I8748" i="2"/>
  <c r="I8722" i="5" s="1"/>
  <c r="I6397" i="2"/>
  <c r="I6371" i="5" s="1"/>
  <c r="I8571" i="2"/>
  <c r="I8545" i="5" s="1"/>
  <c r="I1330" i="2"/>
  <c r="I1304" i="5" s="1"/>
  <c r="I2172" i="2"/>
  <c r="I2146" i="5" s="1"/>
  <c r="I5362" i="2"/>
  <c r="I5336" i="5" s="1"/>
  <c r="I3555" i="2"/>
  <c r="I3529" i="5" s="1"/>
  <c r="I2170" i="2"/>
  <c r="I2144" i="5" s="1"/>
  <c r="I5907" i="2"/>
  <c r="I5881" i="5" s="1"/>
  <c r="I5034" i="2"/>
  <c r="I5008" i="5" s="1"/>
  <c r="I2876" i="2"/>
  <c r="I2850" i="5" s="1"/>
  <c r="I7242" i="2"/>
  <c r="I7216" i="5" s="1"/>
  <c r="I1504" i="2"/>
  <c r="I1478" i="5" s="1"/>
  <c r="I3363" i="2"/>
  <c r="I3337" i="5" s="1"/>
  <c r="I1527" i="2"/>
  <c r="I1501" i="5" s="1"/>
  <c r="I3208" i="2"/>
  <c r="I3182" i="5" s="1"/>
  <c r="I1543" i="2"/>
  <c r="I1517" i="5" s="1"/>
  <c r="I836" i="2"/>
  <c r="I810" i="5" s="1"/>
  <c r="I8097" i="2"/>
  <c r="I8071" i="5" s="1"/>
  <c r="I5059" i="2"/>
  <c r="I5033" i="5" s="1"/>
  <c r="I2536" i="2"/>
  <c r="I2510" i="5" s="1"/>
  <c r="I8068" i="2"/>
  <c r="I8042" i="5" s="1"/>
  <c r="I4698" i="2"/>
  <c r="I4672" i="5" s="1"/>
  <c r="I8258" i="2"/>
  <c r="I8232" i="5" s="1"/>
  <c r="I1026" i="2"/>
  <c r="I1000" i="5" s="1"/>
  <c r="I1012" i="2"/>
  <c r="I986" i="5" s="1"/>
  <c r="I2872" i="2"/>
  <c r="I2846" i="5" s="1"/>
  <c r="I7400" i="2"/>
  <c r="I7374" i="5" s="1"/>
  <c r="I6037" i="2"/>
  <c r="I6011" i="5" s="1"/>
  <c r="I5406" i="2"/>
  <c r="I5380" i="5" s="1"/>
  <c r="I1338" i="2"/>
  <c r="I1312" i="5" s="1"/>
  <c r="I3689" i="2"/>
  <c r="I3663" i="5" s="1"/>
  <c r="I4876" i="2"/>
  <c r="I4850" i="5" s="1"/>
  <c r="I4730" i="2"/>
  <c r="I4704" i="5" s="1"/>
  <c r="I4534" i="2"/>
  <c r="I4508" i="5" s="1"/>
  <c r="I3532" i="2"/>
  <c r="I3506" i="5" s="1"/>
  <c r="I6207" i="2"/>
  <c r="I6181" i="5" s="1"/>
  <c r="I4401" i="2"/>
  <c r="I4375" i="5" s="1"/>
  <c r="I7590" i="2"/>
  <c r="I7564" i="5" s="1"/>
  <c r="I5545" i="2"/>
  <c r="I5519" i="5" s="1"/>
  <c r="I666" i="2"/>
  <c r="I640" i="5" s="1"/>
  <c r="I3864" i="2"/>
  <c r="I3838" i="5" s="1"/>
  <c r="I3212" i="2"/>
  <c r="I3186" i="5" s="1"/>
  <c r="I2040" i="2"/>
  <c r="I2014" i="5" s="1"/>
  <c r="I2538" i="2"/>
  <c r="I2512" i="5" s="1"/>
  <c r="I7250" i="2"/>
  <c r="I7224" i="5" s="1"/>
  <c r="I529" i="2"/>
  <c r="I503" i="5" s="1"/>
  <c r="I7248" i="2"/>
  <c r="I7222" i="5" s="1"/>
  <c r="I3866" i="2"/>
  <c r="I3840" i="5" s="1"/>
  <c r="I3705" i="2"/>
  <c r="I3679" i="5" s="1"/>
  <c r="I2013" i="2"/>
  <c r="I1987" i="5" s="1"/>
  <c r="I5560" i="2"/>
  <c r="I5534" i="5" s="1"/>
  <c r="I6237" i="2"/>
  <c r="I6211" i="5" s="1"/>
  <c r="I2034" i="2"/>
  <c r="I2008" i="5" s="1"/>
  <c r="I5232" i="2"/>
  <c r="I5206" i="5" s="1"/>
  <c r="I6745" i="2"/>
  <c r="I6719" i="5" s="1"/>
  <c r="I2703" i="2"/>
  <c r="I2677" i="5" s="1"/>
  <c r="I7737" i="2"/>
  <c r="I7711" i="5" s="1"/>
  <c r="I2521" i="2"/>
  <c r="I2495" i="5" s="1"/>
  <c r="I7565" i="2"/>
  <c r="I7539" i="5" s="1"/>
  <c r="I3021" i="2"/>
  <c r="I2995" i="5" s="1"/>
  <c r="I1352" i="2"/>
  <c r="I1326" i="5" s="1"/>
  <c r="I4198" i="2"/>
  <c r="I4172" i="5" s="1"/>
  <c r="I868" i="2"/>
  <c r="I842" i="5" s="1"/>
  <c r="I3055" i="2"/>
  <c r="I3029" i="5" s="1"/>
  <c r="I8563" i="2"/>
  <c r="I8537" i="5" s="1"/>
  <c r="I7388" i="2"/>
  <c r="I7362" i="5" s="1"/>
  <c r="I6711" i="2"/>
  <c r="I6685" i="5" s="1"/>
  <c r="I5047" i="2"/>
  <c r="I5021" i="5" s="1"/>
  <c r="I4396" i="2"/>
  <c r="I4370" i="5" s="1"/>
  <c r="I161" i="2"/>
  <c r="I135" i="5" s="1"/>
  <c r="I3223" i="2"/>
  <c r="I3197" i="5" s="1"/>
  <c r="I4863" i="2"/>
  <c r="I4837" i="5" s="1"/>
  <c r="I4222" i="2"/>
  <c r="I4196" i="5" s="1"/>
  <c r="I8762" i="2"/>
  <c r="I8736" i="5" s="1"/>
  <c r="I3053" i="2"/>
  <c r="I3027" i="5" s="1"/>
  <c r="I6243" i="2"/>
  <c r="I6217" i="5" s="1"/>
  <c r="I1028" i="2"/>
  <c r="I1002" i="5" s="1"/>
  <c r="I6567" i="2"/>
  <c r="I6541" i="5" s="1"/>
  <c r="I7576" i="2"/>
  <c r="I7550" i="5" s="1"/>
  <c r="I4194" i="2"/>
  <c r="I4168" i="5" s="1"/>
  <c r="I2203" i="2"/>
  <c r="I2177" i="5" s="1"/>
  <c r="I828" i="2"/>
  <c r="I802" i="5" s="1"/>
  <c r="I7389" i="2"/>
  <c r="I7363" i="5" s="1"/>
  <c r="I2889" i="2"/>
  <c r="I2863" i="5" s="1"/>
  <c r="I6582" i="2"/>
  <c r="I6556" i="5" s="1"/>
  <c r="I5032" i="2"/>
  <c r="I5006" i="5" s="1"/>
  <c r="I5402" i="2"/>
  <c r="I5376" i="5" s="1"/>
  <c r="I6716" i="2"/>
  <c r="I6690" i="5" s="1"/>
  <c r="I6371" i="2"/>
  <c r="I6345" i="5" s="1"/>
  <c r="I3539" i="2"/>
  <c r="I3513" i="5" s="1"/>
  <c r="I3523" i="2"/>
  <c r="I3497" i="5" s="1"/>
  <c r="I702" i="2"/>
  <c r="I676" i="5" s="1"/>
  <c r="I8058" i="2"/>
  <c r="I8032" i="5" s="1"/>
  <c r="C195" i="5"/>
  <c r="AR189" i="1"/>
  <c r="C119" i="5"/>
  <c r="AR113" i="1"/>
  <c r="C224" i="5"/>
  <c r="AR218" i="1"/>
  <c r="C83" i="5"/>
  <c r="AR77" i="1"/>
  <c r="C307" i="5"/>
  <c r="AR301" i="1"/>
  <c r="C252" i="5"/>
  <c r="AR246" i="1"/>
  <c r="C357" i="5"/>
  <c r="AR351" i="1"/>
  <c r="C90" i="5"/>
  <c r="AR84" i="1"/>
  <c r="C153" i="5"/>
  <c r="AR147" i="1"/>
  <c r="C209" i="5"/>
  <c r="AR203" i="1"/>
  <c r="C364" i="5"/>
  <c r="AR358" i="1"/>
  <c r="C370" i="5"/>
  <c r="AR364" i="1"/>
  <c r="C125" i="5"/>
  <c r="AR119" i="1"/>
  <c r="C21" i="5"/>
  <c r="AR15" i="1"/>
  <c r="C126" i="5"/>
  <c r="AR120" i="1"/>
  <c r="C300" i="5"/>
  <c r="AR294" i="1"/>
  <c r="C49" i="5"/>
  <c r="AR43" i="1"/>
  <c r="C294" i="5"/>
  <c r="AR288" i="1"/>
  <c r="C335" i="5"/>
  <c r="AR329" i="1"/>
  <c r="C350" i="5"/>
  <c r="AR344" i="1"/>
  <c r="C146" i="5"/>
  <c r="AR140" i="1"/>
  <c r="C210" i="5"/>
  <c r="AR204" i="1"/>
  <c r="C202" i="5"/>
  <c r="AR196" i="1"/>
  <c r="C56" i="5"/>
  <c r="AR50" i="1"/>
  <c r="E91" i="5"/>
  <c r="AR85" i="1"/>
  <c r="C55" i="5"/>
  <c r="AR49" i="1"/>
  <c r="C118" i="5"/>
  <c r="AR112" i="1"/>
  <c r="C217" i="5"/>
  <c r="AR211" i="1"/>
  <c r="C42" i="5"/>
  <c r="AR36" i="1"/>
  <c r="C111" i="5"/>
  <c r="AR105" i="1"/>
  <c r="C371" i="5"/>
  <c r="AR365" i="1"/>
  <c r="C273" i="5"/>
  <c r="AR267" i="1"/>
  <c r="C321" i="5"/>
  <c r="AR315" i="1"/>
  <c r="D259" i="5"/>
  <c r="AR253" i="1"/>
  <c r="I4549" i="2"/>
  <c r="I4523" i="5" s="1"/>
  <c r="I6378" i="2"/>
  <c r="I6352" i="5" s="1"/>
  <c r="I3044" i="2"/>
  <c r="I3018" i="5" s="1"/>
  <c r="I1702" i="2"/>
  <c r="I1676" i="5" s="1"/>
  <c r="I3033" i="2"/>
  <c r="I3007" i="5" s="1"/>
  <c r="I8245" i="2"/>
  <c r="I8219" i="5" s="1"/>
  <c r="I3690" i="2"/>
  <c r="I3664" i="5" s="1"/>
  <c r="I3349" i="2"/>
  <c r="I3323" i="5" s="1"/>
  <c r="I5725" i="2"/>
  <c r="I5699" i="5" s="1"/>
  <c r="I6070" i="2"/>
  <c r="I6044" i="5" s="1"/>
  <c r="I7071" i="2"/>
  <c r="I7045" i="5" s="1"/>
  <c r="I3372" i="2"/>
  <c r="I3346" i="5" s="1"/>
  <c r="I5551" i="2"/>
  <c r="I5525" i="5" s="1"/>
  <c r="I4023" i="2"/>
  <c r="I3997" i="5" s="1"/>
  <c r="I1866" i="2"/>
  <c r="I1840" i="5" s="1"/>
  <c r="I4903" i="2"/>
  <c r="I4877" i="5" s="1"/>
  <c r="I181" i="2"/>
  <c r="I155" i="5" s="1"/>
  <c r="I4563" i="2"/>
  <c r="I4537" i="5" s="1"/>
  <c r="I869" i="2"/>
  <c r="I843" i="5" s="1"/>
  <c r="I5712" i="2"/>
  <c r="I5686" i="5" s="1"/>
  <c r="I3029" i="2"/>
  <c r="I3003" i="5" s="1"/>
  <c r="I7929" i="2"/>
  <c r="I7903" i="5" s="1"/>
  <c r="I7410" i="2"/>
  <c r="I7384" i="5" s="1"/>
  <c r="I7064" i="2"/>
  <c r="I7038" i="5" s="1"/>
  <c r="I174" i="2"/>
  <c r="I148" i="5" s="1"/>
  <c r="I1695" i="2"/>
  <c r="I1669" i="5" s="1"/>
  <c r="I2719" i="2"/>
  <c r="I2693" i="5" s="1"/>
  <c r="I3390" i="2"/>
  <c r="I3364" i="5" s="1"/>
  <c r="I4212" i="2"/>
  <c r="I4186" i="5" s="1"/>
  <c r="I856" i="2"/>
  <c r="I830" i="5" s="1"/>
  <c r="I4046" i="2"/>
  <c r="I4020" i="5" s="1"/>
  <c r="I5368" i="2"/>
  <c r="I5342" i="5" s="1"/>
  <c r="I5408" i="2"/>
  <c r="I5382" i="5" s="1"/>
  <c r="I7402" i="2"/>
  <c r="I7376" i="5" s="1"/>
  <c r="I2708" i="2"/>
  <c r="I2682" i="5" s="1"/>
  <c r="I2009" i="2"/>
  <c r="I1983" i="5" s="1"/>
  <c r="I8759" i="2"/>
  <c r="I8733" i="5" s="1"/>
  <c r="I4363" i="2"/>
  <c r="I4337" i="5" s="1"/>
  <c r="I7088" i="2"/>
  <c r="I7062" i="5" s="1"/>
  <c r="I3887" i="2"/>
  <c r="I3861" i="5" s="1"/>
  <c r="I4029" i="2"/>
  <c r="I4003" i="5" s="1"/>
  <c r="I4881" i="2"/>
  <c r="I4855" i="5" s="1"/>
  <c r="I4553" i="2"/>
  <c r="I4527" i="5" s="1"/>
  <c r="I669" i="2"/>
  <c r="I643" i="5" s="1"/>
  <c r="C63" i="5"/>
  <c r="AR57" i="1"/>
  <c r="C272" i="5"/>
  <c r="AR266" i="1"/>
  <c r="C342" i="5"/>
  <c r="AR336" i="1"/>
  <c r="D133" i="5"/>
  <c r="AR127" i="1"/>
  <c r="I4531" i="2"/>
  <c r="I4505" i="5" s="1"/>
  <c r="I5553" i="2"/>
  <c r="I5527" i="5" s="1"/>
  <c r="I1027" i="2"/>
  <c r="I1001" i="5" s="1"/>
  <c r="I7222" i="2"/>
  <c r="I7196" i="5" s="1"/>
  <c r="I3376" i="2"/>
  <c r="I3350" i="5" s="1"/>
  <c r="I185" i="2"/>
  <c r="I159" i="5" s="1"/>
  <c r="I7555" i="2"/>
  <c r="I7529" i="5" s="1"/>
  <c r="I6400" i="2"/>
  <c r="I6374" i="5" s="1"/>
  <c r="I327" i="2"/>
  <c r="I301" i="5" s="1"/>
  <c r="I1704" i="2"/>
  <c r="I1678" i="5" s="1"/>
  <c r="I7413" i="2"/>
  <c r="I7387" i="5" s="1"/>
  <c r="I3516" i="2"/>
  <c r="I3490" i="5" s="1"/>
  <c r="I4865" i="2"/>
  <c r="I4839" i="5" s="1"/>
  <c r="I5045" i="2"/>
  <c r="I5019" i="5" s="1"/>
  <c r="I4371" i="2"/>
  <c r="I4345" i="5" s="1"/>
  <c r="I3693" i="2"/>
  <c r="I3667" i="5" s="1"/>
  <c r="I6905" i="2"/>
  <c r="I6879" i="5" s="1"/>
  <c r="I3351" i="2"/>
  <c r="I3325" i="5" s="1"/>
  <c r="I5055" i="2"/>
  <c r="I5029" i="5" s="1"/>
  <c r="I7716" i="2"/>
  <c r="I7690" i="5" s="1"/>
  <c r="I2204" i="2"/>
  <c r="I2178" i="5" s="1"/>
  <c r="I6575" i="2"/>
  <c r="I6549" i="5" s="1"/>
  <c r="I2350" i="2"/>
  <c r="I2324" i="5" s="1"/>
  <c r="I347" i="2"/>
  <c r="I321" i="5" s="1"/>
  <c r="I5870" i="2"/>
  <c r="I5844" i="5" s="1"/>
  <c r="I6910" i="2"/>
  <c r="I6884" i="5" s="1"/>
  <c r="I513" i="2"/>
  <c r="I487" i="5" s="1"/>
  <c r="I2509" i="2"/>
  <c r="I2483" i="5" s="1"/>
  <c r="I7725" i="2"/>
  <c r="I7699" i="5" s="1"/>
  <c r="I8399" i="2"/>
  <c r="I8373" i="5" s="1"/>
  <c r="I3897" i="2"/>
  <c r="I3871" i="5" s="1"/>
  <c r="I1184" i="2"/>
  <c r="I1158" i="5" s="1"/>
  <c r="I7760" i="2"/>
  <c r="I7734" i="5" s="1"/>
  <c r="I2011" i="2"/>
  <c r="I1985" i="5" s="1"/>
  <c r="I4021" i="2"/>
  <c r="I3995" i="5" s="1"/>
  <c r="I8220" i="2"/>
  <c r="I8194" i="5" s="1"/>
  <c r="C230" i="5"/>
  <c r="AR224" i="1"/>
  <c r="C97" i="5"/>
  <c r="AR91" i="1"/>
  <c r="C48" i="5"/>
  <c r="AR42" i="1"/>
  <c r="D84" i="5"/>
  <c r="AR78" i="1"/>
  <c r="C175" i="5"/>
  <c r="AR169" i="1"/>
  <c r="C196" i="5"/>
  <c r="AR190" i="1"/>
  <c r="C105" i="5"/>
  <c r="AR99" i="1"/>
  <c r="C69" i="5"/>
  <c r="AR63" i="1"/>
  <c r="D161" i="5"/>
  <c r="AR155" i="1"/>
  <c r="C132" i="5"/>
  <c r="AR126" i="1"/>
  <c r="C168" i="5"/>
  <c r="AR162" i="1"/>
  <c r="C41" i="5"/>
  <c r="AR35" i="1"/>
  <c r="C293" i="5"/>
  <c r="AR287" i="1"/>
  <c r="D279" i="5"/>
  <c r="AR273" i="1"/>
  <c r="I6240" i="2"/>
  <c r="I6214" i="5" s="1"/>
  <c r="I3703" i="2"/>
  <c r="I3677" i="5" s="1"/>
  <c r="I3016" i="2"/>
  <c r="I2990" i="5" s="1"/>
  <c r="I4400" i="2"/>
  <c r="I4374" i="5" s="1"/>
  <c r="I2366" i="2"/>
  <c r="I2340" i="5" s="1"/>
  <c r="I6227" i="2"/>
  <c r="I6201" i="5" s="1"/>
  <c r="I1167" i="2"/>
  <c r="I1141" i="5" s="1"/>
  <c r="I3545" i="2"/>
  <c r="I3519" i="5" s="1"/>
  <c r="I7593" i="2"/>
  <c r="I7567" i="5" s="1"/>
  <c r="C223" i="5"/>
  <c r="AR217" i="1"/>
  <c r="C35" i="5"/>
  <c r="AR29" i="1"/>
  <c r="C34" i="5"/>
  <c r="AR28" i="1"/>
  <c r="C328" i="5"/>
  <c r="AR322" i="1"/>
  <c r="D237" i="5"/>
  <c r="AR231" i="1"/>
  <c r="C98" i="5"/>
  <c r="AR92" i="1"/>
  <c r="C258" i="5"/>
  <c r="AR252" i="1"/>
  <c r="C147" i="5"/>
  <c r="AR141" i="1"/>
  <c r="L4222" i="2"/>
  <c r="L4196" i="5" s="1"/>
  <c r="L365" i="2"/>
  <c r="L339" i="5" s="1"/>
  <c r="L8075" i="2"/>
  <c r="L8049" i="5" s="1"/>
  <c r="L7249" i="2"/>
  <c r="L7223" i="5" s="1"/>
  <c r="L7888" i="2"/>
  <c r="L7862" i="5" s="1"/>
  <c r="L4700" i="2"/>
  <c r="L4674" i="5" s="1"/>
  <c r="L4716" i="2"/>
  <c r="L4690" i="5" s="1"/>
  <c r="L161" i="2"/>
  <c r="L135" i="5" s="1"/>
  <c r="L1503" i="2"/>
  <c r="L1477" i="5" s="1"/>
  <c r="L3188" i="2"/>
  <c r="L3162" i="5" s="1"/>
  <c r="L6724" i="2"/>
  <c r="L6698" i="5" s="1"/>
  <c r="L4355" i="2"/>
  <c r="L4329" i="5" s="1"/>
  <c r="L2686" i="2"/>
  <c r="L2660" i="5" s="1"/>
  <c r="L6068" i="2"/>
  <c r="L6042" i="5" s="1"/>
  <c r="L2364" i="2"/>
  <c r="L2338" i="5" s="1"/>
  <c r="L5709" i="2"/>
  <c r="L5683" i="5" s="1"/>
  <c r="L2033" i="2"/>
  <c r="L2007" i="5" s="1"/>
  <c r="L5873" i="2"/>
  <c r="L5847" i="5" s="1"/>
  <c r="L2865" i="2"/>
  <c r="L2839" i="5" s="1"/>
  <c r="L3048" i="2"/>
  <c r="L3022" i="5" s="1"/>
  <c r="L3872" i="2"/>
  <c r="L3846" i="5" s="1"/>
  <c r="L2886" i="2"/>
  <c r="L2860" i="5" s="1"/>
  <c r="L7389" i="2"/>
  <c r="L7363" i="5" s="1"/>
  <c r="L8573" i="2"/>
  <c r="L8547" i="5" s="1"/>
  <c r="L4865" i="2"/>
  <c r="L4839" i="5" s="1"/>
  <c r="L6877" i="2"/>
  <c r="L6851" i="5" s="1"/>
  <c r="L3215" i="2"/>
  <c r="L3189" i="5" s="1"/>
  <c r="L658" i="2"/>
  <c r="L632" i="5" s="1"/>
  <c r="L2187" i="2"/>
  <c r="L2161" i="5" s="1"/>
  <c r="L2674" i="2"/>
  <c r="L2648" i="5" s="1"/>
  <c r="L4565" i="2"/>
  <c r="L4539" i="5" s="1"/>
  <c r="L4541" i="2"/>
  <c r="L4515" i="5" s="1"/>
  <c r="L7755" i="2"/>
  <c r="L7729" i="5" s="1"/>
  <c r="L1191" i="2"/>
  <c r="L1165" i="5" s="1"/>
  <c r="L4526" i="2"/>
  <c r="L4500" i="5" s="1"/>
  <c r="L8233" i="2"/>
  <c r="L8207" i="5" s="1"/>
  <c r="L5575" i="2"/>
  <c r="L5549" i="5" s="1"/>
  <c r="L1507" i="2"/>
  <c r="L1481" i="5" s="1"/>
  <c r="L4874" i="2"/>
  <c r="L4848" i="5" s="1"/>
  <c r="L5070" i="2"/>
  <c r="L5044" i="5" s="1"/>
  <c r="L1183" i="2"/>
  <c r="L1157" i="5" s="1"/>
  <c r="L3390" i="2"/>
  <c r="L3364" i="5" s="1"/>
  <c r="L2861" i="2"/>
  <c r="L2835" i="5" s="1"/>
  <c r="L697" i="2"/>
  <c r="L671" i="5" s="1"/>
  <c r="L7894" i="2"/>
  <c r="L7868" i="5" s="1"/>
  <c r="L518" i="2"/>
  <c r="L492" i="5" s="1"/>
  <c r="L6749" i="2"/>
  <c r="L6723" i="5" s="1"/>
  <c r="L7749" i="2"/>
  <c r="L7723" i="5" s="1"/>
  <c r="L6904" i="2"/>
  <c r="L6878" i="5" s="1"/>
  <c r="L7087" i="2"/>
  <c r="L7061" i="5" s="1"/>
  <c r="L7556" i="2"/>
  <c r="L7530" i="5" s="1"/>
  <c r="L1865" i="2"/>
  <c r="L1839" i="5" s="1"/>
  <c r="L5241" i="2"/>
  <c r="L5215" i="5" s="1"/>
  <c r="L3355" i="2"/>
  <c r="L3329" i="5" s="1"/>
  <c r="L1874" i="2"/>
  <c r="L1848" i="5" s="1"/>
  <c r="L1711" i="2"/>
  <c r="L1685" i="5" s="1"/>
  <c r="L675" i="2"/>
  <c r="L649" i="5" s="1"/>
  <c r="L5393" i="2"/>
  <c r="L5367" i="5" s="1"/>
  <c r="L3393" i="2"/>
  <c r="L3367" i="5" s="1"/>
  <c r="L8738" i="2"/>
  <c r="L8712" i="5" s="1"/>
  <c r="L7063" i="2"/>
  <c r="L7037" i="5" s="1"/>
  <c r="L2696" i="2"/>
  <c r="L2670" i="5" s="1"/>
  <c r="L4724" i="2"/>
  <c r="L4698" i="5" s="1"/>
  <c r="L3534" i="2"/>
  <c r="L3508" i="5" s="1"/>
  <c r="L1666" i="2"/>
  <c r="L1640" i="5" s="1"/>
  <c r="L5900" i="2"/>
  <c r="L5874" i="5" s="1"/>
  <c r="L8742" i="2"/>
  <c r="L8716" i="5" s="1"/>
  <c r="L5881" i="2"/>
  <c r="L5855" i="5" s="1"/>
  <c r="L6044" i="2"/>
  <c r="L6018" i="5" s="1"/>
  <c r="L2035" i="2"/>
  <c r="L2009" i="5" s="1"/>
  <c r="L6548" i="2"/>
  <c r="L6522" i="5" s="1"/>
  <c r="L4887" i="2"/>
  <c r="L4861" i="5" s="1"/>
  <c r="L7398" i="2"/>
  <c r="L7372" i="5" s="1"/>
  <c r="L5041" i="2"/>
  <c r="L5015" i="5" s="1"/>
  <c r="L5059" i="2"/>
  <c r="L5033" i="5" s="1"/>
  <c r="L1504" i="2"/>
  <c r="L1478" i="5" s="1"/>
  <c r="L3353" i="2"/>
  <c r="L3327" i="5" s="1"/>
  <c r="L4219" i="2"/>
  <c r="L4193" i="5" s="1"/>
  <c r="L5381" i="2"/>
  <c r="L5355" i="5" s="1"/>
  <c r="L3362" i="2"/>
  <c r="L3336" i="5" s="1"/>
  <c r="L3688" i="2"/>
  <c r="L3662" i="5" s="1"/>
  <c r="L1168" i="2"/>
  <c r="L1142" i="5" s="1"/>
  <c r="L8404" i="2"/>
  <c r="L8378" i="5" s="1"/>
  <c r="L4563" i="2"/>
  <c r="L4537" i="5" s="1"/>
  <c r="L5047" i="2"/>
  <c r="L5021" i="5" s="1"/>
  <c r="L5063" i="2"/>
  <c r="L5037" i="5" s="1"/>
  <c r="L346" i="2"/>
  <c r="L320" i="5" s="1"/>
  <c r="L529" i="2"/>
  <c r="L503" i="5" s="1"/>
  <c r="L2862" i="2"/>
  <c r="L2836" i="5" s="1"/>
  <c r="L1502" i="2"/>
  <c r="L1476" i="5" s="1"/>
  <c r="L7737" i="2"/>
  <c r="L7711" i="5" s="1"/>
  <c r="L7255" i="2"/>
  <c r="L7229" i="5" s="1"/>
  <c r="L5388" i="2"/>
  <c r="L5362" i="5" s="1"/>
  <c r="L2374" i="2"/>
  <c r="L2348" i="5" s="1"/>
  <c r="L4894" i="2"/>
  <c r="L4868" i="5" s="1"/>
  <c r="L6398" i="2"/>
  <c r="L6372" i="5" s="1"/>
  <c r="L2720" i="2"/>
  <c r="L2694" i="5" s="1"/>
  <c r="L5566" i="2"/>
  <c r="L5540" i="5" s="1"/>
  <c r="L3522" i="2"/>
  <c r="L3496" i="5" s="1"/>
  <c r="L1017" i="2"/>
  <c r="L991" i="5" s="1"/>
  <c r="L5554" i="2"/>
  <c r="L5528" i="5" s="1"/>
  <c r="L6376" i="2"/>
  <c r="L6350" i="5" s="1"/>
  <c r="L7744" i="2"/>
  <c r="L7718" i="5" s="1"/>
  <c r="L6384" i="2"/>
  <c r="L6358" i="5" s="1"/>
  <c r="L192" i="2"/>
  <c r="L166" i="5" s="1"/>
  <c r="L8257" i="2"/>
  <c r="L8231" i="5" s="1"/>
  <c r="L1337" i="2"/>
  <c r="L1311" i="5" s="1"/>
  <c r="L6036" i="2"/>
  <c r="L6010" i="5" s="1"/>
  <c r="L4562" i="2"/>
  <c r="L4536" i="5" s="1"/>
  <c r="L873" i="2"/>
  <c r="L847" i="5" s="1"/>
  <c r="L6565" i="2"/>
  <c r="L6539" i="5" s="1"/>
  <c r="L868" i="2"/>
  <c r="L842" i="5" s="1"/>
  <c r="L6225" i="2"/>
  <c r="L6199" i="5" s="1"/>
  <c r="L5735" i="2"/>
  <c r="L5709" i="5" s="1"/>
  <c r="L2341" i="2"/>
  <c r="L2315" i="5" s="1"/>
  <c r="L6412" i="2"/>
  <c r="L6386" i="5" s="1"/>
  <c r="L3222" i="2"/>
  <c r="L3196" i="5" s="1"/>
  <c r="L5054" i="2"/>
  <c r="L5028" i="5" s="1"/>
  <c r="L2700" i="2"/>
  <c r="L2674" i="5" s="1"/>
  <c r="L4869" i="2"/>
  <c r="L4843" i="5" s="1"/>
  <c r="L1686" i="2"/>
  <c r="L1660" i="5" s="1"/>
  <c r="L7224" i="2"/>
  <c r="L7198" i="5" s="1"/>
  <c r="L7757" i="2"/>
  <c r="L7731" i="5" s="1"/>
  <c r="L3018" i="2"/>
  <c r="L2992" i="5" s="1"/>
  <c r="L7232" i="2"/>
  <c r="L7206" i="5" s="1"/>
  <c r="L5744" i="2"/>
  <c r="L5718" i="5" s="1"/>
  <c r="L7061" i="2"/>
  <c r="L7035" i="5" s="1"/>
  <c r="L3206" i="2"/>
  <c r="L3180" i="5" s="1"/>
  <c r="L1835" i="2"/>
  <c r="L1809" i="5" s="1"/>
  <c r="L2005" i="2"/>
  <c r="L1979" i="5" s="1"/>
  <c r="L2354" i="2"/>
  <c r="L2328" i="5" s="1"/>
  <c r="L6746" i="2"/>
  <c r="L6720" i="5" s="1"/>
  <c r="L6207" i="2"/>
  <c r="L6181" i="5" s="1"/>
  <c r="L169" i="2"/>
  <c r="L143" i="5" s="1"/>
  <c r="L4527" i="2"/>
  <c r="L4501" i="5" s="1"/>
  <c r="L3527" i="2"/>
  <c r="L3501" i="5" s="1"/>
  <c r="L2544" i="2"/>
  <c r="L2518" i="5" s="1"/>
  <c r="L6880" i="2"/>
  <c r="L6854" i="5" s="1"/>
  <c r="L3038" i="2"/>
  <c r="L3012" i="5" s="1"/>
  <c r="L8053" i="2"/>
  <c r="L8027" i="5" s="1"/>
  <c r="L688" i="2"/>
  <c r="L662" i="5" s="1"/>
  <c r="L6576" i="2"/>
  <c r="L6550" i="5" s="1"/>
  <c r="L5885" i="2"/>
  <c r="L5859" i="5" s="1"/>
  <c r="L2516" i="2"/>
  <c r="L2490" i="5" s="1"/>
  <c r="L1009" i="2"/>
  <c r="L983" i="5" s="1"/>
  <c r="L833" i="2"/>
  <c r="L807" i="5" s="1"/>
  <c r="L6747" i="2"/>
  <c r="L6721" i="5" s="1"/>
  <c r="L3703" i="2"/>
  <c r="L3677" i="5" s="1"/>
  <c r="L7416" i="2"/>
  <c r="L7390" i="5" s="1"/>
  <c r="L1525" i="2"/>
  <c r="L1499" i="5" s="1"/>
  <c r="L5223" i="2"/>
  <c r="L5197" i="5" s="1"/>
  <c r="L7250" i="2"/>
  <c r="L7224" i="5" s="1"/>
  <c r="L3874" i="2"/>
  <c r="L3848" i="5" s="1"/>
  <c r="L6567" i="2"/>
  <c r="L6541" i="5" s="1"/>
  <c r="L5549" i="2"/>
  <c r="L5523" i="5" s="1"/>
  <c r="L4217" i="2"/>
  <c r="L4191" i="5" s="1"/>
  <c r="L1707" i="2"/>
  <c r="L1681" i="5" s="1"/>
  <c r="L3695" i="2"/>
  <c r="L3669" i="5" s="1"/>
  <c r="L5409" i="2"/>
  <c r="L5383" i="5" s="1"/>
  <c r="L6551" i="2"/>
  <c r="L6525" i="5" s="1"/>
  <c r="L5052" i="2"/>
  <c r="L5026" i="5" s="1"/>
  <c r="L6390" i="2"/>
  <c r="L6364" i="5" s="1"/>
  <c r="L7070" i="2"/>
  <c r="L7044" i="5" s="1"/>
  <c r="L8601" i="2"/>
  <c r="L8575" i="5" s="1"/>
  <c r="L7920" i="2"/>
  <c r="L7894" i="5" s="1"/>
  <c r="L4398" i="2"/>
  <c r="L4372" i="5" s="1"/>
  <c r="L4366" i="2"/>
  <c r="L4340" i="5" s="1"/>
  <c r="L2699" i="2"/>
  <c r="L2673" i="5" s="1"/>
  <c r="L5064" i="2"/>
  <c r="L5038" i="5" s="1"/>
  <c r="L1368" i="2"/>
  <c r="L1342" i="5" s="1"/>
  <c r="L1518" i="2"/>
  <c r="L1492" i="5" s="1"/>
  <c r="L2350" i="2"/>
  <c r="L2324" i="5" s="1"/>
  <c r="L1869" i="2"/>
  <c r="L1843" i="5" s="1"/>
  <c r="L1667" i="2"/>
  <c r="L1641" i="5" s="1"/>
  <c r="L1861" i="2"/>
  <c r="L1835" i="5" s="1"/>
  <c r="L2864" i="2"/>
  <c r="L2838" i="5" s="1"/>
  <c r="L853" i="2"/>
  <c r="L827" i="5" s="1"/>
  <c r="L7750" i="2"/>
  <c r="L7724" i="5" s="1"/>
  <c r="L3851" i="2"/>
  <c r="L3825" i="5" s="1"/>
  <c r="L6902" i="2"/>
  <c r="L6876" i="5" s="1"/>
  <c r="L8730" i="2"/>
  <c r="L8704" i="5" s="1"/>
  <c r="L6709" i="2"/>
  <c r="L6683" i="5" s="1"/>
  <c r="L6889" i="2"/>
  <c r="L6863" i="5" s="1"/>
  <c r="L6242" i="2"/>
  <c r="L6216" i="5" s="1"/>
  <c r="L3521" i="2"/>
  <c r="L3495" i="5" s="1"/>
  <c r="L5866" i="2"/>
  <c r="L5840" i="5" s="1"/>
  <c r="L7385" i="2"/>
  <c r="L7359" i="5" s="1"/>
  <c r="L3689" i="2"/>
  <c r="L3663" i="5" s="1"/>
  <c r="L8220" i="2"/>
  <c r="L8194" i="5" s="1"/>
  <c r="L1840" i="2"/>
  <c r="L1814" i="5" s="1"/>
  <c r="L6244" i="2"/>
  <c r="L6218" i="5" s="1"/>
  <c r="L827" i="2"/>
  <c r="L801" i="5" s="1"/>
  <c r="L3363" i="2"/>
  <c r="L3337" i="5" s="1"/>
  <c r="L4901" i="2"/>
  <c r="L4875" i="5" s="1"/>
  <c r="L4864" i="2"/>
  <c r="L4838" i="5" s="1"/>
  <c r="L7424" i="2"/>
  <c r="L7398" i="5" s="1"/>
  <c r="L4214" i="2"/>
  <c r="L4188" i="5" s="1"/>
  <c r="L7578" i="2"/>
  <c r="L7552" i="5" s="1"/>
  <c r="L4365" i="2"/>
  <c r="L4339" i="5" s="1"/>
  <c r="L8261" i="2"/>
  <c r="L8235" i="5" s="1"/>
  <c r="L7580" i="2"/>
  <c r="L7554" i="5" s="1"/>
  <c r="L4690" i="2"/>
  <c r="L4664" i="5" s="1"/>
  <c r="L6076" i="2"/>
  <c r="L6050" i="5" s="1"/>
  <c r="L5391" i="2"/>
  <c r="L5365" i="5" s="1"/>
  <c r="L1366" i="2"/>
  <c r="L1340" i="5" s="1"/>
  <c r="L2019" i="2"/>
  <c r="L1993" i="5" s="1"/>
  <c r="L1522" i="2"/>
  <c r="L1496" i="5" s="1"/>
  <c r="L4026" i="2"/>
  <c r="L4000" i="5" s="1"/>
  <c r="L7898" i="2"/>
  <c r="L7872" i="5" s="1"/>
  <c r="L689" i="2"/>
  <c r="L663" i="5" s="1"/>
  <c r="L4720" i="2"/>
  <c r="L4694" i="5" s="1"/>
  <c r="L6406" i="2"/>
  <c r="L6380" i="5" s="1"/>
  <c r="L8729" i="2"/>
  <c r="L8703" i="5" s="1"/>
  <c r="L2884" i="2"/>
  <c r="L2858" i="5" s="1"/>
  <c r="L1353" i="2"/>
  <c r="L1327" i="5" s="1"/>
  <c r="L511" i="2"/>
  <c r="L485" i="5" s="1"/>
  <c r="L4387" i="2"/>
  <c r="L4361" i="5" s="1"/>
  <c r="L4524" i="2"/>
  <c r="L4498" i="5" s="1"/>
  <c r="L3697" i="2"/>
  <c r="L3671" i="5" s="1"/>
  <c r="L4376" i="2"/>
  <c r="L4350" i="5" s="1"/>
  <c r="L3022" i="2"/>
  <c r="L2996" i="5" s="1"/>
  <c r="L7574" i="2"/>
  <c r="L7548" i="5" s="1"/>
  <c r="L5733" i="2"/>
  <c r="L5707" i="5" s="1"/>
  <c r="L8415" i="2"/>
  <c r="L8389" i="5" s="1"/>
  <c r="L8563" i="2"/>
  <c r="L8537" i="5" s="1"/>
  <c r="L8735" i="2"/>
  <c r="L8709" i="5" s="1"/>
  <c r="L6893" i="2"/>
  <c r="L6867" i="5" s="1"/>
  <c r="L1186" i="2"/>
  <c r="L1160" i="5" s="1"/>
  <c r="L1879" i="2"/>
  <c r="L1853" i="5" s="1"/>
  <c r="L2044" i="2"/>
  <c r="L2018" i="5" s="1"/>
  <c r="L8231" i="2"/>
  <c r="L8205" i="5" s="1"/>
  <c r="L872" i="2"/>
  <c r="L846" i="5" s="1"/>
  <c r="L528" i="2"/>
  <c r="L502" i="5" s="1"/>
  <c r="L2710" i="2"/>
  <c r="L2684" i="5" s="1"/>
  <c r="L3863" i="2"/>
  <c r="L3837" i="5" s="1"/>
  <c r="L4522" i="2"/>
  <c r="L4496" i="5" s="1"/>
  <c r="L3539" i="2"/>
  <c r="L3513" i="5" s="1"/>
  <c r="L2514" i="2"/>
  <c r="L2488" i="5" s="1"/>
  <c r="L5560" i="2"/>
  <c r="L5534" i="5" s="1"/>
  <c r="L7210" i="2"/>
  <c r="L7184" i="5" s="1"/>
  <c r="L356" i="2"/>
  <c r="L330" i="5" s="1"/>
  <c r="L7072" i="2"/>
  <c r="L7046" i="5" s="1"/>
  <c r="L1013" i="2"/>
  <c r="L987" i="5" s="1"/>
  <c r="L7397" i="2"/>
  <c r="L7371" i="5" s="1"/>
  <c r="L6720" i="2"/>
  <c r="L6694" i="5" s="1"/>
  <c r="L1166" i="2"/>
  <c r="L1140" i="5" s="1"/>
  <c r="L4546" i="2"/>
  <c r="L4520" i="5" s="1"/>
  <c r="L3726" i="2"/>
  <c r="L3700" i="5" s="1"/>
  <c r="L7222" i="2"/>
  <c r="L7196" i="5" s="1"/>
  <c r="L1534" i="2"/>
  <c r="L1508" i="5" s="1"/>
  <c r="L1875" i="2"/>
  <c r="L1849" i="5" s="1"/>
  <c r="L4223" i="2"/>
  <c r="L4197" i="5" s="1"/>
  <c r="L531" i="2"/>
  <c r="L505" i="5" s="1"/>
  <c r="L2020" i="2"/>
  <c r="L1994" i="5" s="1"/>
  <c r="L5715" i="2"/>
  <c r="L5689" i="5" s="1"/>
  <c r="L3207" i="2"/>
  <c r="L3181" i="5" s="1"/>
  <c r="L7558" i="2"/>
  <c r="L7532" i="5" s="1"/>
  <c r="L7895" i="2"/>
  <c r="L7869" i="5" s="1"/>
  <c r="L3192" i="2"/>
  <c r="L3166" i="5" s="1"/>
  <c r="L2025" i="2"/>
  <c r="L1999" i="5" s="1"/>
  <c r="L7589" i="2"/>
  <c r="L7563" i="5" s="1"/>
  <c r="L342" i="2"/>
  <c r="L316" i="5" s="1"/>
  <c r="L5385" i="2"/>
  <c r="L5359" i="5" s="1"/>
  <c r="L6743" i="2"/>
  <c r="L6717" i="5" s="1"/>
  <c r="L7053" i="2"/>
  <c r="L7027" i="5" s="1"/>
  <c r="L844" i="2"/>
  <c r="L818" i="5" s="1"/>
  <c r="L5891" i="2"/>
  <c r="L5865" i="5" s="1"/>
  <c r="L6219" i="2"/>
  <c r="L6193" i="5" s="1"/>
  <c r="L5545" i="2"/>
  <c r="L5519" i="5" s="1"/>
  <c r="L2211" i="2"/>
  <c r="L2185" i="5" s="1"/>
  <c r="L2542" i="2"/>
  <c r="L2516" i="5" s="1"/>
  <c r="L189" i="2"/>
  <c r="L163" i="5" s="1"/>
  <c r="L3348" i="2"/>
  <c r="L3322" i="5" s="1"/>
  <c r="L7244" i="2"/>
  <c r="L7218" i="5" s="1"/>
  <c r="L6910" i="2"/>
  <c r="L6884" i="5" s="1"/>
  <c r="L3050" i="2"/>
  <c r="L3024" i="5" s="1"/>
  <c r="L7241" i="2"/>
  <c r="L7215" i="5" s="1"/>
  <c r="L7929" i="2"/>
  <c r="L7903" i="5" s="1"/>
  <c r="L3686" i="2"/>
  <c r="L3660" i="5" s="1"/>
  <c r="L7557" i="2"/>
  <c r="L7531" i="5" s="1"/>
  <c r="L3198" i="2"/>
  <c r="L3172" i="5" s="1"/>
  <c r="L3541" i="2"/>
  <c r="L3515" i="5" s="1"/>
  <c r="L326" i="2"/>
  <c r="L300" i="5" s="1"/>
  <c r="L5405" i="2"/>
  <c r="L5379" i="5" s="1"/>
  <c r="L4536" i="2"/>
  <c r="L4510" i="5" s="1"/>
  <c r="L7085" i="2"/>
  <c r="L7059" i="5" s="1"/>
  <c r="L849" i="2"/>
  <c r="L823" i="5" s="1"/>
  <c r="L3882" i="2"/>
  <c r="L3856" i="5" s="1"/>
  <c r="L2176" i="2"/>
  <c r="L2150" i="5" s="1"/>
  <c r="L6045" i="2"/>
  <c r="L6019" i="5" s="1"/>
  <c r="L5218" i="2"/>
  <c r="L5192" i="5" s="1"/>
  <c r="L330" i="2"/>
  <c r="L304" i="5" s="1"/>
  <c r="L3367" i="2"/>
  <c r="L3341" i="5" s="1"/>
  <c r="L7384" i="2"/>
  <c r="L7358" i="5" s="1"/>
  <c r="L1015" i="2"/>
  <c r="L989" i="5" s="1"/>
  <c r="L865" i="2"/>
  <c r="L839" i="5" s="1"/>
  <c r="L8582" i="2"/>
  <c r="L8556" i="5" s="1"/>
  <c r="L5894" i="2"/>
  <c r="L5868" i="5" s="1"/>
  <c r="L4399" i="2"/>
  <c r="L4373" i="5" s="1"/>
  <c r="L4698" i="2"/>
  <c r="L4672" i="5" s="1"/>
  <c r="L6041" i="2"/>
  <c r="L6015" i="5" s="1"/>
  <c r="L1339" i="2"/>
  <c r="L1313" i="5" s="1"/>
  <c r="L1174" i="2"/>
  <c r="L1148" i="5" s="1"/>
  <c r="L509" i="2"/>
  <c r="L483" i="5" s="1"/>
  <c r="L8091" i="2"/>
  <c r="L8065" i="5" s="1"/>
  <c r="L4065" i="2"/>
  <c r="L4039" i="5" s="1"/>
  <c r="L3225" i="2"/>
  <c r="L3199" i="5" s="1"/>
  <c r="L5206" i="2"/>
  <c r="L5180" i="5" s="1"/>
  <c r="L6730" i="2"/>
  <c r="L6704" i="5" s="1"/>
  <c r="L5374" i="2"/>
  <c r="L5348" i="5" s="1"/>
  <c r="L6371" i="2"/>
  <c r="L6345" i="5" s="1"/>
  <c r="L4019" i="2"/>
  <c r="L3993" i="5" s="1"/>
  <c r="L8071" i="2"/>
  <c r="L8045" i="5" s="1"/>
  <c r="L4021" i="2"/>
  <c r="L3995" i="5" s="1"/>
  <c r="L6538" i="2"/>
  <c r="L6512" i="5" s="1"/>
  <c r="L2014" i="2"/>
  <c r="L1988" i="5" s="1"/>
  <c r="L3042" i="2"/>
  <c r="L3016" i="5" s="1"/>
  <c r="L6229" i="2"/>
  <c r="L6203" i="5" s="1"/>
  <c r="L836" i="2"/>
  <c r="L810" i="5" s="1"/>
  <c r="L8746" i="2"/>
  <c r="L8720" i="5" s="1"/>
  <c r="L7076" i="2"/>
  <c r="L7050" i="5" s="1"/>
  <c r="L8737" i="2"/>
  <c r="L8711" i="5" s="1"/>
  <c r="L4731" i="2"/>
  <c r="L4705" i="5" s="1"/>
  <c r="L4876" i="2"/>
  <c r="L4850" i="5" s="1"/>
  <c r="L7247" i="2"/>
  <c r="L7221" i="5" s="1"/>
  <c r="L3871" i="2"/>
  <c r="L3845" i="5" s="1"/>
  <c r="L5540" i="2"/>
  <c r="L5514" i="5" s="1"/>
  <c r="L2889" i="2"/>
  <c r="L2863" i="5" s="1"/>
  <c r="L4719" i="2"/>
  <c r="L4693" i="5" s="1"/>
  <c r="L1040" i="2"/>
  <c r="L1014" i="5" s="1"/>
  <c r="L4561" i="2"/>
  <c r="L4535" i="5" s="1"/>
  <c r="L3854" i="2"/>
  <c r="L3828" i="5" s="1"/>
  <c r="L2859" i="2"/>
  <c r="L2833" i="5" s="1"/>
  <c r="L2377" i="2"/>
  <c r="L2351" i="5" s="1"/>
  <c r="L2881" i="2"/>
  <c r="L2855" i="5" s="1"/>
  <c r="L3381" i="2"/>
  <c r="L3355" i="5" s="1"/>
  <c r="L5874" i="2"/>
  <c r="L5848" i="5" s="1"/>
  <c r="L8390" i="2"/>
  <c r="L8364" i="5" s="1"/>
  <c r="L501" i="2"/>
  <c r="L475" i="5" s="1"/>
  <c r="L3041" i="2"/>
  <c r="L3015" i="5" s="1"/>
  <c r="L3020" i="2"/>
  <c r="L2994" i="5" s="1"/>
  <c r="L8402" i="2"/>
  <c r="L8376" i="5" s="1"/>
  <c r="L8094" i="2"/>
  <c r="L8068" i="5" s="1"/>
  <c r="L6707" i="2"/>
  <c r="L6681" i="5" s="1"/>
  <c r="L4873" i="2"/>
  <c r="L4847" i="5" s="1"/>
  <c r="L7239" i="2"/>
  <c r="L7213" i="5" s="1"/>
  <c r="L3888" i="2"/>
  <c r="L3862" i="5" s="1"/>
  <c r="L3043" i="2"/>
  <c r="L3017" i="5" s="1"/>
  <c r="L5408" i="2"/>
  <c r="L5382" i="5" s="1"/>
  <c r="L4891" i="2"/>
  <c r="L4865" i="5" s="1"/>
  <c r="L4879" i="2"/>
  <c r="L4853" i="5" s="1"/>
  <c r="L5541" i="2"/>
  <c r="L5515" i="5" s="1"/>
  <c r="L5051" i="2"/>
  <c r="L5025" i="5" s="1"/>
  <c r="L3691" i="2"/>
  <c r="L3665" i="5" s="1"/>
  <c r="L1201" i="2"/>
  <c r="L1175" i="5" s="1"/>
  <c r="L3710" i="2"/>
  <c r="L3684" i="5" s="1"/>
  <c r="L2688" i="2"/>
  <c r="L2662" i="5" s="1"/>
  <c r="L505" i="2"/>
  <c r="L479" i="5" s="1"/>
  <c r="L4396" i="2"/>
  <c r="L4370" i="5" s="1"/>
  <c r="L5031" i="2"/>
  <c r="L5005" i="5" s="1"/>
  <c r="L3199" i="2"/>
  <c r="L3173" i="5" s="1"/>
  <c r="L5883" i="2"/>
  <c r="L5857" i="5" s="1"/>
  <c r="L7412" i="2"/>
  <c r="L7386" i="5" s="1"/>
  <c r="L2541" i="2"/>
  <c r="L2515" i="5" s="1"/>
  <c r="L2046" i="2"/>
  <c r="L2020" i="5" s="1"/>
  <c r="L4543" i="2"/>
  <c r="L4517" i="5" s="1"/>
  <c r="L5212" i="2"/>
  <c r="L5186" i="5" s="1"/>
  <c r="L6726" i="2"/>
  <c r="L6700" i="5" s="1"/>
  <c r="L3389" i="2"/>
  <c r="L3363" i="5" s="1"/>
  <c r="L7738" i="2"/>
  <c r="L7712" i="5" s="1"/>
  <c r="L8766" i="2"/>
  <c r="L8740" i="5" s="1"/>
  <c r="L3354" i="2"/>
  <c r="L3328" i="5" s="1"/>
  <c r="L197" i="2"/>
  <c r="L171" i="5" s="1"/>
  <c r="L8073" i="2"/>
  <c r="L8047" i="5" s="1"/>
  <c r="L4880" i="2"/>
  <c r="L4854" i="5" s="1"/>
  <c r="L7252" i="2"/>
  <c r="L7226" i="5" s="1"/>
  <c r="L5720" i="2"/>
  <c r="L5694" i="5" s="1"/>
  <c r="L492" i="2"/>
  <c r="L466" i="5" s="1"/>
  <c r="L5878" i="2"/>
  <c r="L5852" i="5" s="1"/>
  <c r="L8723" i="2"/>
  <c r="L8697" i="5" s="1"/>
  <c r="L4369" i="2"/>
  <c r="L4343" i="5" s="1"/>
  <c r="L7081" i="2"/>
  <c r="L7055" i="5" s="1"/>
  <c r="L4727" i="2"/>
  <c r="L4701" i="5" s="1"/>
  <c r="L6885" i="2"/>
  <c r="L6859" i="5" s="1"/>
  <c r="L3194" i="2"/>
  <c r="L3168" i="5" s="1"/>
  <c r="L2007" i="2"/>
  <c r="L1981" i="5" s="1"/>
  <c r="L6901" i="2"/>
  <c r="L6875" i="5" s="1"/>
  <c r="L1699" i="2"/>
  <c r="L1673" i="5" s="1"/>
  <c r="L4232" i="2"/>
  <c r="L4206" i="5" s="1"/>
  <c r="L8725" i="2"/>
  <c r="L8699" i="5" s="1"/>
  <c r="L3868" i="2"/>
  <c r="L3842" i="5" s="1"/>
  <c r="L5055" i="2"/>
  <c r="L5029" i="5" s="1"/>
  <c r="L2188" i="2"/>
  <c r="L2162" i="5" s="1"/>
  <c r="L1001" i="2"/>
  <c r="L975" i="5" s="1"/>
  <c r="L1698" i="2"/>
  <c r="L1672" i="5" s="1"/>
  <c r="L1340" i="2"/>
  <c r="L1314" i="5" s="1"/>
  <c r="L8739" i="2"/>
  <c r="L8713" i="5" s="1"/>
  <c r="L7551" i="2"/>
  <c r="L7525" i="5" s="1"/>
  <c r="L7380" i="2"/>
  <c r="L7354" i="5" s="1"/>
  <c r="L2687" i="2"/>
  <c r="L2661" i="5" s="1"/>
  <c r="L6042" i="2"/>
  <c r="L6016" i="5" s="1"/>
  <c r="L6073" i="2"/>
  <c r="L6047" i="5" s="1"/>
  <c r="L2702" i="2"/>
  <c r="L2676" i="5" s="1"/>
  <c r="L7739" i="2"/>
  <c r="L7713" i="5" s="1"/>
  <c r="L4693" i="2"/>
  <c r="L4667" i="5" s="1"/>
  <c r="L7579" i="2"/>
  <c r="L7553" i="5" s="1"/>
  <c r="L6069" i="2"/>
  <c r="L6043" i="5" s="1"/>
  <c r="L173" i="2"/>
  <c r="L147" i="5" s="1"/>
  <c r="L4048" i="2"/>
  <c r="L4022" i="5" s="1"/>
  <c r="L702" i="2"/>
  <c r="L676" i="5" s="1"/>
  <c r="L837" i="2"/>
  <c r="L811" i="5" s="1"/>
  <c r="L2706" i="2"/>
  <c r="L2680" i="5" s="1"/>
  <c r="L6234" i="2"/>
  <c r="L6208" i="5" s="1"/>
  <c r="L2693" i="2"/>
  <c r="L2667" i="5" s="1"/>
  <c r="L5036" i="2"/>
  <c r="L5010" i="5" s="1"/>
  <c r="L507" i="2"/>
  <c r="L481" i="5" s="1"/>
  <c r="L2009" i="2"/>
  <c r="L1983" i="5" s="1"/>
  <c r="L199" i="2"/>
  <c r="L173" i="5" s="1"/>
  <c r="L6074" i="2"/>
  <c r="L6048" i="5" s="1"/>
  <c r="L8592" i="2"/>
  <c r="L8566" i="5" s="1"/>
  <c r="L345" i="2"/>
  <c r="L319" i="5" s="1"/>
  <c r="L6736" i="2"/>
  <c r="L6710" i="5" s="1"/>
  <c r="L4362" i="2"/>
  <c r="L4336" i="5" s="1"/>
  <c r="L8741" i="2"/>
  <c r="L8715" i="5" s="1"/>
  <c r="L3358" i="2"/>
  <c r="L3332" i="5" s="1"/>
  <c r="L6414" i="2"/>
  <c r="L6388" i="5" s="1"/>
  <c r="L3870" i="2"/>
  <c r="L3844" i="5" s="1"/>
  <c r="L7584" i="2"/>
  <c r="L7558" i="5" s="1"/>
  <c r="L8243" i="2"/>
  <c r="L8217" i="5" s="1"/>
  <c r="L7593" i="2"/>
  <c r="L7567" i="5" s="1"/>
  <c r="L2375" i="2"/>
  <c r="L2349" i="5" s="1"/>
  <c r="L7066" i="2"/>
  <c r="L7040" i="5" s="1"/>
  <c r="L4695" i="2"/>
  <c r="L4669" i="5" s="1"/>
  <c r="L2359" i="2"/>
  <c r="L2333" i="5" s="1"/>
  <c r="L4030" i="2"/>
  <c r="L4004" i="5" s="1"/>
  <c r="L2856" i="2"/>
  <c r="L2830" i="5" s="1"/>
  <c r="L6906" i="2"/>
  <c r="L6880" i="5" s="1"/>
  <c r="L1844" i="2"/>
  <c r="L1818" i="5" s="1"/>
  <c r="L3542" i="2"/>
  <c r="L3516" i="5" s="1"/>
  <c r="L1011" i="2"/>
  <c r="L985" i="5" s="1"/>
  <c r="L3517" i="2"/>
  <c r="L3491" i="5" s="1"/>
  <c r="L6582" i="2"/>
  <c r="L6556" i="5" s="1"/>
  <c r="L7928" i="2"/>
  <c r="L7902" i="5" s="1"/>
  <c r="L8733" i="2"/>
  <c r="L8707" i="5" s="1"/>
  <c r="L6566" i="2"/>
  <c r="L6540" i="5" s="1"/>
  <c r="L2338" i="2"/>
  <c r="L2312" i="5" s="1"/>
  <c r="L2525" i="2"/>
  <c r="L2499" i="5" s="1"/>
  <c r="L7405" i="2"/>
  <c r="L7379" i="5" s="1"/>
  <c r="L5373" i="2"/>
  <c r="L5347" i="5" s="1"/>
  <c r="L4390" i="2"/>
  <c r="L4364" i="5" s="1"/>
  <c r="L4063" i="2"/>
  <c r="L4037" i="5" s="1"/>
  <c r="L4537" i="2"/>
  <c r="L4511" i="5" s="1"/>
  <c r="L3550" i="2"/>
  <c r="L3524" i="5" s="1"/>
  <c r="L2351" i="2"/>
  <c r="L2325" i="5" s="1"/>
  <c r="L2697" i="2"/>
  <c r="L2671" i="5" s="1"/>
  <c r="L5548" i="2"/>
  <c r="L5522" i="5" s="1"/>
  <c r="L3728" i="2"/>
  <c r="L3702" i="5" s="1"/>
  <c r="L8388" i="2"/>
  <c r="L8362" i="5" s="1"/>
  <c r="L6905" i="2"/>
  <c r="L6879" i="5" s="1"/>
  <c r="L2678" i="2"/>
  <c r="L2652" i="5" s="1"/>
  <c r="L8416" i="2"/>
  <c r="L8390" i="5" s="1"/>
  <c r="L6892" i="2"/>
  <c r="L6866" i="5" s="1"/>
  <c r="L6413" i="2"/>
  <c r="L6387" i="5" s="1"/>
  <c r="L8588" i="2"/>
  <c r="L8562" i="5" s="1"/>
  <c r="L8086" i="2"/>
  <c r="L8060" i="5" s="1"/>
  <c r="L4903" i="2"/>
  <c r="L4877" i="5" s="1"/>
  <c r="L8724" i="2"/>
  <c r="L8698" i="5" s="1"/>
  <c r="L2173" i="2"/>
  <c r="L2147" i="5" s="1"/>
  <c r="L7582" i="2"/>
  <c r="L7556" i="5" s="1"/>
  <c r="L1029" i="2"/>
  <c r="L1003" i="5" s="1"/>
  <c r="L2006" i="2"/>
  <c r="L1980" i="5" s="1"/>
  <c r="L5542" i="2"/>
  <c r="L5516" i="5" s="1"/>
  <c r="L3181" i="2"/>
  <c r="L3155" i="5" s="1"/>
  <c r="L2692" i="2"/>
  <c r="L2666" i="5" s="1"/>
  <c r="L861" i="2"/>
  <c r="L835" i="5" s="1"/>
  <c r="L516" i="2"/>
  <c r="L490" i="5" s="1"/>
  <c r="L522" i="2"/>
  <c r="L496" i="5" s="1"/>
  <c r="L6748" i="2"/>
  <c r="L6722" i="5" s="1"/>
  <c r="L4367" i="2"/>
  <c r="L4341" i="5" s="1"/>
  <c r="L3709" i="2"/>
  <c r="L3683" i="5" s="1"/>
  <c r="L7381" i="2"/>
  <c r="L7355" i="5" s="1"/>
  <c r="L4859" i="2"/>
  <c r="L4833" i="5" s="1"/>
  <c r="L1206" i="2"/>
  <c r="L1180" i="5" s="1"/>
  <c r="L6247" i="2"/>
  <c r="L6221" i="5" s="1"/>
  <c r="L6386" i="2"/>
  <c r="L6360" i="5" s="1"/>
  <c r="L4531" i="2"/>
  <c r="L4505" i="5" s="1"/>
  <c r="L7899" i="2"/>
  <c r="L7873" i="5" s="1"/>
  <c r="L3211" i="2"/>
  <c r="L3185" i="5" s="1"/>
  <c r="L4359" i="2"/>
  <c r="L4333" i="5" s="1"/>
  <c r="L5544" i="2"/>
  <c r="L5518" i="5" s="1"/>
  <c r="L7564" i="2"/>
  <c r="L7538" i="5" s="1"/>
  <c r="L7243" i="2"/>
  <c r="L7217" i="5" s="1"/>
  <c r="L4360" i="2"/>
  <c r="L4334" i="5" s="1"/>
  <c r="L679" i="2"/>
  <c r="L653" i="5" s="1"/>
  <c r="L5032" i="2"/>
  <c r="L5006" i="5" s="1"/>
  <c r="L6915" i="2"/>
  <c r="L6889" i="5" s="1"/>
  <c r="L8090" i="2"/>
  <c r="L8064" i="5" s="1"/>
  <c r="L3193" i="2"/>
  <c r="L3167" i="5" s="1"/>
  <c r="L7573" i="2"/>
  <c r="L7547" i="5" s="1"/>
  <c r="L5706" i="2"/>
  <c r="L5680" i="5" s="1"/>
  <c r="L177" i="2"/>
  <c r="L151" i="5" s="1"/>
  <c r="L1858" i="2"/>
  <c r="L1832" i="5" s="1"/>
  <c r="L6404" i="2"/>
  <c r="L6378" i="5" s="1"/>
  <c r="L5718" i="2"/>
  <c r="L5692" i="5" s="1"/>
  <c r="L7590" i="2"/>
  <c r="L7564" i="5" s="1"/>
  <c r="L2196" i="2"/>
  <c r="L2170" i="5" s="1"/>
  <c r="L1834" i="2"/>
  <c r="L1808" i="5" s="1"/>
  <c r="L1544" i="2"/>
  <c r="L1518" i="5" s="1"/>
  <c r="L3182" i="2"/>
  <c r="L3156" i="5" s="1"/>
  <c r="L6407" i="2"/>
  <c r="L6381" i="5" s="1"/>
  <c r="L1693" i="2"/>
  <c r="L1667" i="5" s="1"/>
  <c r="L6243" i="2"/>
  <c r="L6217" i="5" s="1"/>
  <c r="L5372" i="2"/>
  <c r="L5346" i="5" s="1"/>
  <c r="L7414" i="2"/>
  <c r="L7388" i="5" s="1"/>
  <c r="L7211" i="2"/>
  <c r="L7185" i="5" s="1"/>
  <c r="L6579" i="2"/>
  <c r="L6553" i="5" s="1"/>
  <c r="L2552" i="2"/>
  <c r="L2526" i="5" s="1"/>
  <c r="L2348" i="2"/>
  <c r="L2322" i="5" s="1"/>
  <c r="L367" i="2"/>
  <c r="L341" i="5" s="1"/>
  <c r="L3036" i="2"/>
  <c r="L3010" i="5" s="1"/>
  <c r="L5537" i="2"/>
  <c r="L5511" i="5" s="1"/>
  <c r="L5235" i="2"/>
  <c r="L5209" i="5" s="1"/>
  <c r="L6921" i="2"/>
  <c r="L6895" i="5" s="1"/>
  <c r="L6710" i="2"/>
  <c r="L6684" i="5" s="1"/>
  <c r="L2513" i="2"/>
  <c r="L2487" i="5" s="1"/>
  <c r="L1524" i="2"/>
  <c r="L1498" i="5" s="1"/>
  <c r="L6410" i="2"/>
  <c r="L6384" i="5" s="1"/>
  <c r="L2027" i="2"/>
  <c r="L2001" i="5" s="1"/>
  <c r="L6708" i="2"/>
  <c r="L6682" i="5" s="1"/>
  <c r="L502" i="2"/>
  <c r="L476" i="5" s="1"/>
  <c r="L826" i="2"/>
  <c r="L800" i="5" s="1"/>
  <c r="L6711" i="2"/>
  <c r="L6685" i="5" s="1"/>
  <c r="L1171" i="2"/>
  <c r="L1145" i="5" s="1"/>
  <c r="L8762" i="2"/>
  <c r="L8736" i="5" s="1"/>
  <c r="L1014" i="2"/>
  <c r="L988" i="5" s="1"/>
  <c r="L3714" i="2"/>
  <c r="L3688" i="5" s="1"/>
  <c r="L7553" i="2"/>
  <c r="L7527" i="5" s="1"/>
  <c r="L5724" i="2"/>
  <c r="L5698" i="5" s="1"/>
  <c r="L5572" i="2"/>
  <c r="L5546" i="5" s="1"/>
  <c r="L5231" i="2"/>
  <c r="L5205" i="5" s="1"/>
  <c r="L5699" i="2"/>
  <c r="L5673" i="5" s="1"/>
  <c r="L5389" i="2"/>
  <c r="L5363" i="5" s="1"/>
  <c r="L2186" i="2"/>
  <c r="L2160" i="5" s="1"/>
  <c r="L2179" i="2"/>
  <c r="L2153" i="5" s="1"/>
  <c r="L154" i="2"/>
  <c r="L128" i="5" s="1"/>
  <c r="L1037" i="2"/>
  <c r="L1011" i="5" s="1"/>
  <c r="L4568" i="2"/>
  <c r="L4542" i="5" s="1"/>
  <c r="L6227" i="2"/>
  <c r="L6201" i="5" s="1"/>
  <c r="L5232" i="2"/>
  <c r="L5206" i="5" s="1"/>
  <c r="L3017" i="2"/>
  <c r="L2991" i="5" s="1"/>
  <c r="L1177" i="2"/>
  <c r="L1151" i="5" s="1"/>
  <c r="L6716" i="2"/>
  <c r="L6690" i="5" s="1"/>
  <c r="L4569" i="2"/>
  <c r="L4543" i="5" s="1"/>
  <c r="L6075" i="2"/>
  <c r="L6049" i="5" s="1"/>
  <c r="L2873" i="2"/>
  <c r="L2847" i="5" s="1"/>
  <c r="L8396" i="2"/>
  <c r="L8370" i="5" s="1"/>
  <c r="L331" i="2"/>
  <c r="L305" i="5" s="1"/>
  <c r="L6745" i="2"/>
  <c r="L6719" i="5" s="1"/>
  <c r="L322" i="2"/>
  <c r="L296" i="5" s="1"/>
  <c r="L4229" i="2"/>
  <c r="L4203" i="5" s="1"/>
  <c r="L193" i="2"/>
  <c r="L167" i="5" s="1"/>
  <c r="L2529" i="2"/>
  <c r="L2503" i="5" s="1"/>
  <c r="L503" i="2"/>
  <c r="L477" i="5" s="1"/>
  <c r="L2383" i="2"/>
  <c r="L2357" i="5" s="1"/>
  <c r="L6220" i="2"/>
  <c r="L6194" i="5" s="1"/>
  <c r="L3034" i="2"/>
  <c r="L3008" i="5" s="1"/>
  <c r="L4044" i="2"/>
  <c r="L4018" i="5" s="1"/>
  <c r="L164" i="2"/>
  <c r="L138" i="5" s="1"/>
  <c r="L6899" i="2"/>
  <c r="L6873" i="5" s="1"/>
  <c r="L8581" i="2"/>
  <c r="L8555" i="5" s="1"/>
  <c r="L196" i="2"/>
  <c r="L170" i="5" s="1"/>
  <c r="L4544" i="2"/>
  <c r="L4518" i="5" s="1"/>
  <c r="L998" i="2"/>
  <c r="L972" i="5" s="1"/>
  <c r="L3864" i="2"/>
  <c r="L3838" i="5" s="1"/>
  <c r="L8576" i="2"/>
  <c r="L8550" i="5" s="1"/>
  <c r="L5365" i="2"/>
  <c r="L5339" i="5" s="1"/>
  <c r="L5879" i="2"/>
  <c r="L5853" i="5" s="1"/>
  <c r="L8223" i="2"/>
  <c r="L8197" i="5" s="1"/>
  <c r="L327" i="2"/>
  <c r="L301" i="5" s="1"/>
  <c r="L6053" i="2"/>
  <c r="L6027" i="5" s="1"/>
  <c r="L6546" i="2"/>
  <c r="L6520" i="5" s="1"/>
  <c r="L2041" i="2"/>
  <c r="L2015" i="5" s="1"/>
  <c r="L6222" i="2"/>
  <c r="L6196" i="5" s="1"/>
  <c r="L7741" i="2"/>
  <c r="L7715" i="5" s="1"/>
  <c r="L2512" i="2"/>
  <c r="L2486" i="5" s="1"/>
  <c r="L2200" i="2"/>
  <c r="L2174" i="5" s="1"/>
  <c r="L7062" i="2"/>
  <c r="L7036" i="5" s="1"/>
  <c r="L533" i="2"/>
  <c r="L507" i="5" s="1"/>
  <c r="L7735" i="2"/>
  <c r="L7709" i="5" s="1"/>
  <c r="L3702" i="2"/>
  <c r="L3676" i="5" s="1"/>
  <c r="L1668" i="2"/>
  <c r="L1642" i="5" s="1"/>
  <c r="L2874" i="2"/>
  <c r="L2848" i="5" s="1"/>
  <c r="L4735" i="2"/>
  <c r="L4709" i="5" s="1"/>
  <c r="L179" i="2"/>
  <c r="L153" i="5" s="1"/>
  <c r="L8052" i="2"/>
  <c r="L8026" i="5" s="1"/>
  <c r="L1172" i="2"/>
  <c r="L1146" i="5" s="1"/>
  <c r="L4728" i="2"/>
  <c r="L4702" i="5" s="1"/>
  <c r="L6239" i="2"/>
  <c r="L6213" i="5" s="1"/>
  <c r="L5716" i="2"/>
  <c r="L5690" i="5" s="1"/>
  <c r="L8593" i="2"/>
  <c r="L8567" i="5" s="1"/>
  <c r="L2691" i="2"/>
  <c r="L2665" i="5" s="1"/>
  <c r="L693" i="2"/>
  <c r="L667" i="5" s="1"/>
  <c r="L6895" i="2"/>
  <c r="L6869" i="5" s="1"/>
  <c r="L2520" i="2"/>
  <c r="L2494" i="5" s="1"/>
  <c r="L663" i="2"/>
  <c r="L637" i="5" s="1"/>
  <c r="L187" i="2"/>
  <c r="L161" i="5" s="1"/>
  <c r="L1675" i="2"/>
  <c r="L1649" i="5" s="1"/>
  <c r="L1000" i="2"/>
  <c r="L974" i="5" s="1"/>
  <c r="L194" i="2"/>
  <c r="L168" i="5" s="1"/>
  <c r="L8074" i="2"/>
  <c r="L8048" i="5" s="1"/>
  <c r="L3722" i="2"/>
  <c r="L3696" i="5" s="1"/>
  <c r="L5215" i="2"/>
  <c r="L5189" i="5" s="1"/>
  <c r="L4371" i="2"/>
  <c r="L4345" i="5" s="1"/>
  <c r="L2540" i="2"/>
  <c r="L2514" i="5" s="1"/>
  <c r="L3347" i="2"/>
  <c r="L3321" i="5" s="1"/>
  <c r="L3557" i="2"/>
  <c r="L3531" i="5" s="1"/>
  <c r="L8259" i="2"/>
  <c r="L8233" i="5" s="1"/>
  <c r="L1694" i="2"/>
  <c r="L1668" i="5" s="1"/>
  <c r="L4023" i="2"/>
  <c r="L3997" i="5" s="1"/>
  <c r="L8750" i="2"/>
  <c r="L8724" i="5" s="1"/>
  <c r="L7745" i="2"/>
  <c r="L7719" i="5" s="1"/>
  <c r="L3524" i="2"/>
  <c r="L3498" i="5" s="1"/>
  <c r="L5376" i="2"/>
  <c r="L5350" i="5" s="1"/>
  <c r="L333" i="2"/>
  <c r="L307" i="5" s="1"/>
  <c r="L5707" i="2"/>
  <c r="L5681" i="5" s="1"/>
  <c r="L8265" i="2"/>
  <c r="L8239" i="5" s="1"/>
  <c r="L2676" i="2"/>
  <c r="L2650" i="5" s="1"/>
  <c r="L5053" i="2"/>
  <c r="L5027" i="5" s="1"/>
  <c r="L6047" i="2"/>
  <c r="L6021" i="5" s="1"/>
  <c r="L200" i="2"/>
  <c r="L174" i="5" s="1"/>
  <c r="L8097" i="2"/>
  <c r="L8071" i="5" s="1"/>
  <c r="L7740" i="2"/>
  <c r="L7714" i="5" s="1"/>
  <c r="L190" i="2"/>
  <c r="L164" i="5" s="1"/>
  <c r="L5368" i="2"/>
  <c r="L5342" i="5" s="1"/>
  <c r="L8398" i="2"/>
  <c r="L8372" i="5" s="1"/>
  <c r="L8411" i="2"/>
  <c r="L8385" i="5" s="1"/>
  <c r="L2048" i="2"/>
  <c r="L2022" i="5" s="1"/>
  <c r="L1010" i="2"/>
  <c r="L984" i="5" s="1"/>
  <c r="L1351" i="2"/>
  <c r="L1325" i="5" s="1"/>
  <c r="L2675" i="2"/>
  <c r="L2649" i="5" s="1"/>
  <c r="L2356" i="2"/>
  <c r="L2330" i="5" s="1"/>
  <c r="L4706" i="2"/>
  <c r="L4680" i="5" s="1"/>
  <c r="L3180" i="2"/>
  <c r="L3154" i="5" s="1"/>
  <c r="L5573" i="2"/>
  <c r="L5547" i="5" s="1"/>
  <c r="L1202" i="2"/>
  <c r="L1176" i="5" s="1"/>
  <c r="L8064" i="2"/>
  <c r="L8038" i="5" s="1"/>
  <c r="L7228" i="2"/>
  <c r="L7202" i="5" s="1"/>
  <c r="L5035" i="2"/>
  <c r="L5009" i="5" s="1"/>
  <c r="L6248" i="2"/>
  <c r="L6222" i="5" s="1"/>
  <c r="L347" i="2"/>
  <c r="L321" i="5" s="1"/>
  <c r="L5202" i="2"/>
  <c r="L5176" i="5" s="1"/>
  <c r="L6370" i="2"/>
  <c r="L6344" i="5" s="1"/>
  <c r="L678" i="2"/>
  <c r="L652" i="5" s="1"/>
  <c r="L704" i="2"/>
  <c r="L678" i="5" s="1"/>
  <c r="L6232" i="2"/>
  <c r="L6206" i="5" s="1"/>
  <c r="L8403" i="2"/>
  <c r="L8377" i="5" s="1"/>
  <c r="L5743" i="2"/>
  <c r="L5717" i="5" s="1"/>
  <c r="L4032" i="2"/>
  <c r="L4006" i="5" s="1"/>
  <c r="L6071" i="2"/>
  <c r="L6045" i="5" s="1"/>
  <c r="L185" i="2"/>
  <c r="L159" i="5" s="1"/>
  <c r="L3684" i="2"/>
  <c r="L3658" i="5" s="1"/>
  <c r="L1682" i="2"/>
  <c r="L1656" i="5" s="1"/>
  <c r="L8242" i="2"/>
  <c r="L8216" i="5" s="1"/>
  <c r="L4556" i="2"/>
  <c r="L4530" i="5" s="1"/>
  <c r="L1845" i="2"/>
  <c r="L1819" i="5" s="1"/>
  <c r="L6402" i="2"/>
  <c r="L6376" i="5" s="1"/>
  <c r="L8076" i="2"/>
  <c r="L8050" i="5" s="1"/>
  <c r="L519" i="2"/>
  <c r="L493" i="5" s="1"/>
  <c r="L8056" i="2"/>
  <c r="L8030" i="5" s="1"/>
  <c r="L5868" i="2"/>
  <c r="L5842" i="5" s="1"/>
  <c r="L5714" i="2"/>
  <c r="L5688" i="5" s="1"/>
  <c r="L5048" i="2"/>
  <c r="L5022" i="5" s="1"/>
  <c r="L2022" i="2"/>
  <c r="L1996" i="5" s="1"/>
  <c r="L508" i="2"/>
  <c r="L482" i="5" s="1"/>
  <c r="L7732" i="2"/>
  <c r="L7706" i="5" s="1"/>
  <c r="L1190" i="2"/>
  <c r="L1164" i="5" s="1"/>
  <c r="L5908" i="2"/>
  <c r="L5882" i="5" s="1"/>
  <c r="L5033" i="2"/>
  <c r="L5007" i="5" s="1"/>
  <c r="L3196" i="2"/>
  <c r="L3170" i="5" s="1"/>
  <c r="L1853" i="2"/>
  <c r="L1827" i="5" s="1"/>
  <c r="L8059" i="2"/>
  <c r="L8033" i="5" s="1"/>
  <c r="L8095" i="2"/>
  <c r="L8069" i="5" s="1"/>
  <c r="L2701" i="2"/>
  <c r="L2675" i="5" s="1"/>
  <c r="L1348" i="2"/>
  <c r="L1322" i="5" s="1"/>
  <c r="L2876" i="2"/>
  <c r="L2850" i="5" s="1"/>
  <c r="L8566" i="2"/>
  <c r="L8540" i="5" s="1"/>
  <c r="L5739" i="2"/>
  <c r="L5713" i="5" s="1"/>
  <c r="L3860" i="2"/>
  <c r="L3834" i="5" s="1"/>
  <c r="L7046" i="2"/>
  <c r="L7020" i="5" s="1"/>
  <c r="L7390" i="2"/>
  <c r="L7364" i="5" s="1"/>
  <c r="L4022" i="2"/>
  <c r="L3996" i="5" s="1"/>
  <c r="L2708" i="2"/>
  <c r="L2682" i="5" s="1"/>
  <c r="L5382" i="2"/>
  <c r="L5356" i="5" s="1"/>
  <c r="L7591" i="2"/>
  <c r="L7565" i="5" s="1"/>
  <c r="L829" i="2"/>
  <c r="L803" i="5" s="1"/>
  <c r="L3369" i="2"/>
  <c r="L3343" i="5" s="1"/>
  <c r="L5562" i="2"/>
  <c r="L5536" i="5" s="1"/>
  <c r="L5066" i="2"/>
  <c r="L5040" i="5" s="1"/>
  <c r="L4361" i="2"/>
  <c r="L4335" i="5" s="1"/>
  <c r="L2379" i="2"/>
  <c r="L2353" i="5" s="1"/>
  <c r="L831" i="2"/>
  <c r="L805" i="5" s="1"/>
  <c r="L158" i="2"/>
  <c r="L132" i="5" s="1"/>
  <c r="L2867" i="2"/>
  <c r="L2841" i="5" s="1"/>
  <c r="L2207" i="2"/>
  <c r="L2181" i="5" s="1"/>
  <c r="L1192" i="2"/>
  <c r="L1166" i="5" s="1"/>
  <c r="L1026" i="2"/>
  <c r="L1000" i="5" s="1"/>
  <c r="L672" i="2"/>
  <c r="L646" i="5" s="1"/>
  <c r="L7387" i="2"/>
  <c r="L7361" i="5" s="1"/>
  <c r="L1876" i="2"/>
  <c r="L1850" i="5" s="1"/>
  <c r="L7408" i="2"/>
  <c r="L7382" i="5" s="1"/>
  <c r="L3185" i="2"/>
  <c r="L3159" i="5" s="1"/>
  <c r="L6408" i="2"/>
  <c r="L6382" i="5" s="1"/>
  <c r="L6077" i="2"/>
  <c r="L6051" i="5" s="1"/>
  <c r="L8587" i="2"/>
  <c r="L8561" i="5" s="1"/>
  <c r="L7079" i="2"/>
  <c r="L7053" i="5" s="1"/>
  <c r="L5700" i="2"/>
  <c r="L5674" i="5" s="1"/>
  <c r="L7042" i="2"/>
  <c r="L7016" i="5" s="1"/>
  <c r="L4041" i="2"/>
  <c r="L4015" i="5" s="1"/>
  <c r="L6063" i="2"/>
  <c r="L6037" i="5" s="1"/>
  <c r="L7240" i="2"/>
  <c r="L7214" i="5" s="1"/>
  <c r="L3214" i="2"/>
  <c r="L3188" i="5" s="1"/>
  <c r="L5577" i="2"/>
  <c r="L5551" i="5" s="1"/>
  <c r="L4382" i="2"/>
  <c r="L4356" i="5" s="1"/>
  <c r="L4893" i="2"/>
  <c r="L4867" i="5" s="1"/>
  <c r="L1175" i="2"/>
  <c r="L1149" i="5" s="1"/>
  <c r="L7761" i="2"/>
  <c r="L7735" i="5" s="1"/>
  <c r="L8401" i="2"/>
  <c r="L8375" i="5" s="1"/>
  <c r="L7884" i="2"/>
  <c r="L7858" i="5" s="1"/>
  <c r="L8557" i="2"/>
  <c r="L8531" i="5" s="1"/>
  <c r="L2533" i="2"/>
  <c r="L2507" i="5" s="1"/>
  <c r="L8412" i="2"/>
  <c r="L8386" i="5" s="1"/>
  <c r="L7748" i="2"/>
  <c r="L7722" i="5" s="1"/>
  <c r="L2721" i="2"/>
  <c r="L2695" i="5" s="1"/>
  <c r="L7587" i="2"/>
  <c r="L7561" i="5" s="1"/>
  <c r="L2685" i="2"/>
  <c r="L2659" i="5" s="1"/>
  <c r="L5556" i="2"/>
  <c r="L5530" i="5" s="1"/>
  <c r="L188" i="2"/>
  <c r="L162" i="5" s="1"/>
  <c r="L3893" i="2"/>
  <c r="L3867" i="5" s="1"/>
  <c r="L2871" i="2"/>
  <c r="L2845" i="5" s="1"/>
  <c r="L2704" i="2"/>
  <c r="L2678" i="5" s="1"/>
  <c r="L5201" i="2"/>
  <c r="L5175" i="5" s="1"/>
  <c r="L4867" i="2"/>
  <c r="L4841" i="5" s="1"/>
  <c r="L6388" i="2"/>
  <c r="L6362" i="5" s="1"/>
  <c r="L7917" i="2"/>
  <c r="L7891" i="5" s="1"/>
  <c r="L4195" i="2"/>
  <c r="L4169" i="5" s="1"/>
  <c r="L3032" i="2"/>
  <c r="L3006" i="5" s="1"/>
  <c r="L3705" i="2"/>
  <c r="L3679" i="5" s="1"/>
  <c r="L2190" i="2"/>
  <c r="L2164" i="5" s="1"/>
  <c r="L5234" i="2"/>
  <c r="L5208" i="5" s="1"/>
  <c r="L5710" i="2"/>
  <c r="L5684" i="5" s="1"/>
  <c r="L3560" i="2"/>
  <c r="L3534" i="5" s="1"/>
  <c r="L1506" i="2"/>
  <c r="L1480" i="5" s="1"/>
  <c r="L6209" i="2"/>
  <c r="L6183" i="5" s="1"/>
  <c r="L157" i="2"/>
  <c r="L131" i="5" s="1"/>
  <c r="L8597" i="2"/>
  <c r="L8571" i="5" s="1"/>
  <c r="L4545" i="2"/>
  <c r="L4519" i="5" s="1"/>
  <c r="L3537" i="2"/>
  <c r="L3511" i="5" s="1"/>
  <c r="L5565" i="2"/>
  <c r="L5539" i="5" s="1"/>
  <c r="L3544" i="2"/>
  <c r="L3518" i="5" s="1"/>
  <c r="L5536" i="2"/>
  <c r="L5510" i="5" s="1"/>
  <c r="L2197" i="2"/>
  <c r="L2171" i="5" s="1"/>
  <c r="L7747" i="2"/>
  <c r="L7721" i="5" s="1"/>
  <c r="L5882" i="2"/>
  <c r="L5856" i="5" s="1"/>
  <c r="L2029" i="2"/>
  <c r="L2003" i="5" s="1"/>
  <c r="L7067" i="2"/>
  <c r="L7041" i="5" s="1"/>
  <c r="L3547" i="2"/>
  <c r="L3521" i="5" s="1"/>
  <c r="L1528" i="2"/>
  <c r="L1502" i="5" s="1"/>
  <c r="L2362" i="2"/>
  <c r="L2336" i="5" s="1"/>
  <c r="L8727" i="2"/>
  <c r="L8701" i="5" s="1"/>
  <c r="L8264" i="2"/>
  <c r="L8238" i="5" s="1"/>
  <c r="L1683" i="2"/>
  <c r="L1657" i="5" s="1"/>
  <c r="L3376" i="2"/>
  <c r="L3350" i="5" s="1"/>
  <c r="L7918" i="2"/>
  <c r="L7892" i="5" s="1"/>
  <c r="L2016" i="2"/>
  <c r="L1990" i="5" s="1"/>
  <c r="L2548" i="2"/>
  <c r="L2522" i="5" s="1"/>
  <c r="L2849" i="2"/>
  <c r="L2823" i="5" s="1"/>
  <c r="L1373" i="2"/>
  <c r="L1347" i="5" s="1"/>
  <c r="L5912" i="2"/>
  <c r="L5886" i="5" s="1"/>
  <c r="L6233" i="2"/>
  <c r="L6207" i="5" s="1"/>
  <c r="L3706" i="2"/>
  <c r="L3680" i="5" s="1"/>
  <c r="L4039" i="2"/>
  <c r="L4013" i="5" s="1"/>
  <c r="L5056" i="2"/>
  <c r="L5030" i="5" s="1"/>
  <c r="L4528" i="2"/>
  <c r="L4502" i="5" s="1"/>
  <c r="L1500" i="2"/>
  <c r="L1474" i="5" s="1"/>
  <c r="L3530" i="2"/>
  <c r="L3504" i="5" s="1"/>
  <c r="L368" i="2"/>
  <c r="L342" i="5" s="1"/>
  <c r="L7905" i="2"/>
  <c r="L7879" i="5" s="1"/>
  <c r="L1848" i="2"/>
  <c r="L1822" i="5" s="1"/>
  <c r="L2195" i="2"/>
  <c r="L2169" i="5" s="1"/>
  <c r="L3704" i="2"/>
  <c r="L3678" i="5" s="1"/>
  <c r="L8085" i="2"/>
  <c r="L8059" i="5" s="1"/>
  <c r="L2369" i="2"/>
  <c r="L2343" i="5" s="1"/>
  <c r="L530" i="2"/>
  <c r="L504" i="5" s="1"/>
  <c r="L186" i="2"/>
  <c r="L160" i="5" s="1"/>
  <c r="L5887" i="2"/>
  <c r="L5861" i="5" s="1"/>
  <c r="L7403" i="2"/>
  <c r="L7377" i="5" s="1"/>
  <c r="L7563" i="2"/>
  <c r="L7537" i="5" s="1"/>
  <c r="L5888" i="2"/>
  <c r="L5862" i="5" s="1"/>
  <c r="L6715" i="2"/>
  <c r="L6689" i="5" s="1"/>
  <c r="L5730" i="2"/>
  <c r="L5704" i="5" s="1"/>
  <c r="L3033" i="2"/>
  <c r="L3007" i="5" s="1"/>
  <c r="L2365" i="2"/>
  <c r="L2339" i="5" s="1"/>
  <c r="L4035" i="2"/>
  <c r="L4009" i="5" s="1"/>
  <c r="L4225" i="2"/>
  <c r="L4199" i="5" s="1"/>
  <c r="L8234" i="2"/>
  <c r="L8208" i="5" s="1"/>
  <c r="L2015" i="2"/>
  <c r="L1989" i="5" s="1"/>
  <c r="L659" i="2"/>
  <c r="L633" i="5" s="1"/>
  <c r="L5530" i="2"/>
  <c r="L5504" i="5" s="1"/>
  <c r="L6888" i="2"/>
  <c r="L6862" i="5" s="1"/>
  <c r="L6400" i="2"/>
  <c r="L6374" i="5" s="1"/>
  <c r="L4373" i="2"/>
  <c r="L4347" i="5" s="1"/>
  <c r="L7049" i="2"/>
  <c r="L7023" i="5" s="1"/>
  <c r="L2213" i="2"/>
  <c r="L2187" i="5" s="1"/>
  <c r="L5741" i="2"/>
  <c r="L5715" i="5" s="1"/>
  <c r="L8070" i="2"/>
  <c r="L8044" i="5" s="1"/>
  <c r="L5727" i="2"/>
  <c r="L5701" i="5" s="1"/>
  <c r="L4189" i="2"/>
  <c r="L4163" i="5" s="1"/>
  <c r="L363" i="2"/>
  <c r="L337" i="5" s="1"/>
  <c r="L493" i="2"/>
  <c r="L467" i="5" s="1"/>
  <c r="L2204" i="2"/>
  <c r="L2178" i="5" s="1"/>
  <c r="L8400" i="2"/>
  <c r="L8374" i="5" s="1"/>
  <c r="L6919" i="2"/>
  <c r="L6893" i="5" s="1"/>
  <c r="L7229" i="2"/>
  <c r="L7203" i="5" s="1"/>
  <c r="L6573" i="2"/>
  <c r="L6547" i="5" s="1"/>
  <c r="L4714" i="2"/>
  <c r="L4688" i="5" s="1"/>
  <c r="L4395" i="2"/>
  <c r="L4369" i="5" s="1"/>
  <c r="L7759" i="2"/>
  <c r="L7733" i="5" s="1"/>
  <c r="L4860" i="2"/>
  <c r="L4834" i="5" s="1"/>
  <c r="L5576" i="2"/>
  <c r="L5550" i="5" s="1"/>
  <c r="L5731" i="2"/>
  <c r="L5705" i="5" s="1"/>
  <c r="L343" i="2"/>
  <c r="L317" i="5" s="1"/>
  <c r="L3880" i="2"/>
  <c r="L3854" i="5" s="1"/>
  <c r="L6914" i="2"/>
  <c r="L6888" i="5" s="1"/>
  <c r="L4045" i="2"/>
  <c r="L4019" i="5" s="1"/>
  <c r="L1703" i="2"/>
  <c r="L1677" i="5" s="1"/>
  <c r="L3712" i="2"/>
  <c r="L3686" i="5" s="1"/>
  <c r="L4384" i="2"/>
  <c r="L4358" i="5" s="1"/>
  <c r="L3220" i="2"/>
  <c r="L3194" i="5" s="1"/>
  <c r="L8241" i="2"/>
  <c r="L8215" i="5" s="1"/>
  <c r="L7736" i="2"/>
  <c r="L7710" i="5" s="1"/>
  <c r="L5701" i="2"/>
  <c r="L5675" i="5" s="1"/>
  <c r="L5227" i="2"/>
  <c r="L5201" i="5" s="1"/>
  <c r="L7725" i="2"/>
  <c r="L7699" i="5" s="1"/>
  <c r="L5379" i="2"/>
  <c r="L5353" i="5" s="1"/>
  <c r="L5728" i="2"/>
  <c r="L5702" i="5" s="1"/>
  <c r="L7592" i="2"/>
  <c r="L7566" i="5" s="1"/>
  <c r="L3191" i="2"/>
  <c r="L3165" i="5" s="1"/>
  <c r="L5214" i="2"/>
  <c r="L5188" i="5" s="1"/>
  <c r="L2170" i="2"/>
  <c r="L2144" i="5" s="1"/>
  <c r="L705" i="2"/>
  <c r="L679" i="5" s="1"/>
  <c r="L4020" i="2"/>
  <c r="L3994" i="5" s="1"/>
  <c r="L3692" i="2"/>
  <c r="L3666" i="5" s="1"/>
  <c r="L1670" i="2"/>
  <c r="L1644" i="5" s="1"/>
  <c r="L3368" i="2"/>
  <c r="L3342" i="5" s="1"/>
  <c r="L5200" i="2"/>
  <c r="L5174" i="5" s="1"/>
  <c r="L1023" i="2"/>
  <c r="L997" i="5" s="1"/>
  <c r="L4889" i="2"/>
  <c r="L4863" i="5" s="1"/>
  <c r="L2373" i="2"/>
  <c r="L2347" i="5" s="1"/>
  <c r="L3523" i="2"/>
  <c r="L3497" i="5" s="1"/>
  <c r="L6718" i="2"/>
  <c r="L6692" i="5" s="1"/>
  <c r="L4201" i="2"/>
  <c r="L4175" i="5" s="1"/>
  <c r="L3897" i="2"/>
  <c r="L3871" i="5" s="1"/>
  <c r="L8570" i="2"/>
  <c r="L8544" i="5" s="1"/>
  <c r="L4388" i="2"/>
  <c r="L4362" i="5" s="1"/>
  <c r="L7069" i="2"/>
  <c r="L7043" i="5" s="1"/>
  <c r="L3867" i="2"/>
  <c r="L3841" i="5" s="1"/>
  <c r="L8748" i="2"/>
  <c r="L8722" i="5" s="1"/>
  <c r="L2344" i="2"/>
  <c r="L2318" i="5" s="1"/>
  <c r="L8752" i="2"/>
  <c r="L8726" i="5" s="1"/>
  <c r="L8594" i="2"/>
  <c r="L8568" i="5" s="1"/>
  <c r="L5233" i="2"/>
  <c r="L5207" i="5" s="1"/>
  <c r="L2201" i="2"/>
  <c r="L2175" i="5" s="1"/>
  <c r="L6064" i="2"/>
  <c r="L6038" i="5" s="1"/>
  <c r="L3892" i="2"/>
  <c r="L3866" i="5" s="1"/>
  <c r="L8058" i="2"/>
  <c r="L8032" i="5" s="1"/>
  <c r="L5867" i="2"/>
  <c r="L5841" i="5" s="1"/>
  <c r="L1018" i="2"/>
  <c r="L992" i="5" s="1"/>
  <c r="L851" i="2"/>
  <c r="L825" i="5" s="1"/>
  <c r="L6886" i="2"/>
  <c r="L6860" i="5" s="1"/>
  <c r="L2879" i="2"/>
  <c r="L2853" i="5" s="1"/>
  <c r="L7723" i="2"/>
  <c r="L7697" i="5" s="1"/>
  <c r="L3027" i="2"/>
  <c r="L3001" i="5" s="1"/>
  <c r="L5062" i="2"/>
  <c r="L5036" i="5" s="1"/>
  <c r="L5531" i="2"/>
  <c r="L5505" i="5" s="1"/>
  <c r="L3531" i="2"/>
  <c r="L3505" i="5" s="1"/>
  <c r="L5371" i="2"/>
  <c r="L5345" i="5" s="1"/>
  <c r="L2717" i="2"/>
  <c r="L2691" i="5" s="1"/>
  <c r="L8218" i="2"/>
  <c r="L8192" i="5" s="1"/>
  <c r="L4863" i="2"/>
  <c r="L4837" i="5" s="1"/>
  <c r="L7065" i="2"/>
  <c r="L7039" i="5" s="1"/>
  <c r="L4730" i="2"/>
  <c r="L4704" i="5" s="1"/>
  <c r="L1016" i="2"/>
  <c r="L990" i="5" s="1"/>
  <c r="L7714" i="2"/>
  <c r="L7688" i="5" s="1"/>
  <c r="L6415" i="2"/>
  <c r="L6389" i="5" s="1"/>
  <c r="L5029" i="2"/>
  <c r="L5003" i="5" s="1"/>
  <c r="L2371" i="2"/>
  <c r="L2345" i="5" s="1"/>
  <c r="L6553" i="2"/>
  <c r="L6527" i="5" s="1"/>
  <c r="L4230" i="2"/>
  <c r="L4204" i="5" s="1"/>
  <c r="L1022" i="2"/>
  <c r="L996" i="5" s="1"/>
  <c r="L4699" i="2"/>
  <c r="L4673" i="5" s="1"/>
  <c r="L8078" i="2"/>
  <c r="L8052" i="5" s="1"/>
  <c r="L834" i="2"/>
  <c r="L808" i="5" s="1"/>
  <c r="L5042" i="2"/>
  <c r="L5016" i="5" s="1"/>
  <c r="L7893" i="2"/>
  <c r="L7867" i="5" s="1"/>
  <c r="L3184" i="2"/>
  <c r="L3158" i="5" s="1"/>
  <c r="L3729" i="2"/>
  <c r="L3703" i="5" s="1"/>
  <c r="L6719" i="2"/>
  <c r="L6693" i="5" s="1"/>
  <c r="L1182" i="2"/>
  <c r="L1156" i="5" s="1"/>
  <c r="L1702" i="2"/>
  <c r="L1676" i="5" s="1"/>
  <c r="L1207" i="2"/>
  <c r="L1181" i="5" s="1"/>
  <c r="L1336" i="2"/>
  <c r="L1310" i="5" s="1"/>
  <c r="L3526" i="2"/>
  <c r="L3500" i="5" s="1"/>
  <c r="L4704" i="2"/>
  <c r="L4678" i="5" s="1"/>
  <c r="L6401" i="2"/>
  <c r="L6375" i="5" s="1"/>
  <c r="L5210" i="2"/>
  <c r="L5184" i="5" s="1"/>
  <c r="L2340" i="2"/>
  <c r="L2314" i="5" s="1"/>
  <c r="L517" i="2"/>
  <c r="L491" i="5" s="1"/>
  <c r="L7550" i="2"/>
  <c r="L7524" i="5" s="1"/>
  <c r="L7214" i="2"/>
  <c r="L7188" i="5" s="1"/>
  <c r="L1847" i="2"/>
  <c r="L1821" i="5" s="1"/>
  <c r="L703" i="2"/>
  <c r="L677" i="5" s="1"/>
  <c r="L2869" i="2"/>
  <c r="L2843" i="5" s="1"/>
  <c r="L6714" i="2"/>
  <c r="L6688" i="5" s="1"/>
  <c r="L1713" i="2"/>
  <c r="L1687" i="5" s="1"/>
  <c r="L6214" i="2"/>
  <c r="L6188" i="5" s="1"/>
  <c r="L4029" i="2"/>
  <c r="L4003" i="5" s="1"/>
  <c r="L6048" i="2"/>
  <c r="L6022" i="5" s="1"/>
  <c r="L1692" i="2"/>
  <c r="L1666" i="5" s="1"/>
  <c r="L2683" i="2"/>
  <c r="L2657" i="5" s="1"/>
  <c r="L3890" i="2"/>
  <c r="L3864" i="5" s="1"/>
  <c r="L7588" i="2"/>
  <c r="L7562" i="5" s="1"/>
  <c r="L1540" i="2"/>
  <c r="L1514" i="5" s="1"/>
  <c r="L4400" i="2"/>
  <c r="L4374" i="5" s="1"/>
  <c r="L496" i="2"/>
  <c r="L470" i="5" s="1"/>
  <c r="L8584" i="2"/>
  <c r="L8558" i="5" s="1"/>
  <c r="L3543" i="2"/>
  <c r="L3517" i="5" s="1"/>
  <c r="L692" i="2"/>
  <c r="L666" i="5" s="1"/>
  <c r="L3019" i="2"/>
  <c r="L2993" i="5" s="1"/>
  <c r="L7571" i="2"/>
  <c r="L7545" i="5" s="1"/>
  <c r="L1859" i="2"/>
  <c r="L1833" i="5" s="1"/>
  <c r="L5040" i="2"/>
  <c r="L5014" i="5" s="1"/>
  <c r="L3035" i="2"/>
  <c r="L3009" i="5" s="1"/>
  <c r="L4047" i="2"/>
  <c r="L4021" i="5" s="1"/>
  <c r="L5550" i="2"/>
  <c r="L5524" i="5" s="1"/>
  <c r="L7254" i="2"/>
  <c r="L7228" i="5" s="1"/>
  <c r="L7227" i="2"/>
  <c r="L7201" i="5" s="1"/>
  <c r="L1342" i="2"/>
  <c r="L1316" i="5" s="1"/>
  <c r="L3865" i="2"/>
  <c r="L3839" i="5" s="1"/>
  <c r="L4027" i="2"/>
  <c r="L4001" i="5" s="1"/>
  <c r="L4050" i="2"/>
  <c r="L4024" i="5" s="1"/>
  <c r="L1180" i="2"/>
  <c r="L1154" i="5" s="1"/>
  <c r="L2870" i="2"/>
  <c r="L2844" i="5" s="1"/>
  <c r="L5034" i="2"/>
  <c r="L5008" i="5" s="1"/>
  <c r="L8747" i="2"/>
  <c r="L8721" i="5" s="1"/>
  <c r="L2681" i="2"/>
  <c r="L2655" i="5" s="1"/>
  <c r="L8088" i="2"/>
  <c r="L8062" i="5" s="1"/>
  <c r="L3711" i="2"/>
  <c r="L3685" i="5" s="1"/>
  <c r="L1676" i="2"/>
  <c r="L1650" i="5" s="1"/>
  <c r="L4211" i="2"/>
  <c r="L4185" i="5" s="1"/>
  <c r="L3204" i="2"/>
  <c r="L3178" i="5" s="1"/>
  <c r="L6416" i="2"/>
  <c r="L6390" i="5" s="1"/>
  <c r="L2358" i="2"/>
  <c r="L2332" i="5" s="1"/>
  <c r="L1531" i="2"/>
  <c r="L1505" i="5" s="1"/>
  <c r="L7043" i="2"/>
  <c r="L7017" i="5" s="1"/>
  <c r="L7903" i="2"/>
  <c r="L7877" i="5" s="1"/>
  <c r="L4703" i="2"/>
  <c r="L4677" i="5" s="1"/>
  <c r="L2845" i="2"/>
  <c r="L2819" i="5" s="1"/>
  <c r="L8249" i="2"/>
  <c r="L8223" i="5" s="1"/>
  <c r="L1532" i="2"/>
  <c r="L1506" i="5" s="1"/>
  <c r="L4215" i="2"/>
  <c r="L4189" i="5" s="1"/>
  <c r="L3514" i="2"/>
  <c r="L3488" i="5" s="1"/>
  <c r="L5905" i="2"/>
  <c r="L5879" i="5" s="1"/>
  <c r="L6916" i="2"/>
  <c r="L6890" i="5" s="1"/>
  <c r="L5571" i="2"/>
  <c r="L5545" i="5" s="1"/>
  <c r="L2857" i="2"/>
  <c r="L2831" i="5" s="1"/>
  <c r="L338" i="2"/>
  <c r="L312" i="5" s="1"/>
  <c r="L1521" i="2"/>
  <c r="L1495" i="5" s="1"/>
  <c r="L8760" i="2"/>
  <c r="L8734" i="5" s="1"/>
  <c r="L7401" i="2"/>
  <c r="L7375" i="5" s="1"/>
  <c r="L3029" i="2"/>
  <c r="L3003" i="5" s="1"/>
  <c r="L5401" i="2"/>
  <c r="L5375" i="5" s="1"/>
  <c r="L1501" i="2"/>
  <c r="L1475" i="5" s="1"/>
  <c r="L5069" i="2"/>
  <c r="L5043" i="5" s="1"/>
  <c r="L7730" i="2"/>
  <c r="L7704" i="5" s="1"/>
  <c r="L8421" i="2"/>
  <c r="L8395" i="5" s="1"/>
  <c r="L6228" i="2"/>
  <c r="L6202" i="5" s="1"/>
  <c r="L8222" i="2"/>
  <c r="L8196" i="5" s="1"/>
  <c r="L8092" i="2"/>
  <c r="L8066" i="5" s="1"/>
  <c r="L1198" i="2"/>
  <c r="L1172" i="5" s="1"/>
  <c r="L8585" i="2"/>
  <c r="L8559" i="5" s="1"/>
  <c r="L1843" i="2"/>
  <c r="L1817" i="5" s="1"/>
  <c r="L6876" i="2"/>
  <c r="L6850" i="5" s="1"/>
  <c r="L8393" i="2"/>
  <c r="L8367" i="5" s="1"/>
  <c r="L5072" i="2"/>
  <c r="L5046" i="5" s="1"/>
  <c r="L3552" i="2"/>
  <c r="L3526" i="5" s="1"/>
  <c r="L6072" i="2"/>
  <c r="L6046" i="5" s="1"/>
  <c r="L1194" i="2"/>
  <c r="L1168" i="5" s="1"/>
  <c r="L354" i="2"/>
  <c r="L328" i="5" s="1"/>
  <c r="L4861" i="2"/>
  <c r="L4835" i="5" s="1"/>
  <c r="L1341" i="2"/>
  <c r="L1315" i="5" s="1"/>
  <c r="L7576" i="2"/>
  <c r="L7550" i="5" s="1"/>
  <c r="L1333" i="2"/>
  <c r="L1307" i="5" s="1"/>
  <c r="L996" i="2"/>
  <c r="L970" i="5" s="1"/>
  <c r="L364" i="2"/>
  <c r="L338" i="5" s="1"/>
  <c r="L4710" i="2"/>
  <c r="L4684" i="5" s="1"/>
  <c r="L5896" i="2"/>
  <c r="L5870" i="5" s="1"/>
  <c r="L694" i="2"/>
  <c r="L668" i="5" s="1"/>
  <c r="L1708" i="2"/>
  <c r="L1682" i="5" s="1"/>
  <c r="L2536" i="2"/>
  <c r="L2510" i="5" s="1"/>
  <c r="L4715" i="2"/>
  <c r="L4689" i="5" s="1"/>
  <c r="L845" i="2"/>
  <c r="L819" i="5" s="1"/>
  <c r="L7890" i="2"/>
  <c r="L7864" i="5" s="1"/>
  <c r="L5870" i="2"/>
  <c r="L5844" i="5" s="1"/>
  <c r="L8410" i="2"/>
  <c r="L8384" i="5" s="1"/>
  <c r="L2209" i="2"/>
  <c r="L2183" i="5" s="1"/>
  <c r="L3013" i="2"/>
  <c r="L2987" i="5" s="1"/>
  <c r="L1705" i="2"/>
  <c r="L1679" i="5" s="1"/>
  <c r="L359" i="2"/>
  <c r="L333" i="5" s="1"/>
  <c r="L350" i="2"/>
  <c r="L324" i="5" s="1"/>
  <c r="L2878" i="2"/>
  <c r="L2852" i="5" s="1"/>
  <c r="L2203" i="2"/>
  <c r="L2177" i="5" s="1"/>
  <c r="L5239" i="2"/>
  <c r="L5213" i="5" s="1"/>
  <c r="L994" i="2"/>
  <c r="L968" i="5" s="1"/>
  <c r="L5395" i="2"/>
  <c r="L5369" i="5" s="1"/>
  <c r="L3375" i="2"/>
  <c r="L3349" i="5" s="1"/>
  <c r="L3682" i="2"/>
  <c r="L3656" i="5" s="1"/>
  <c r="L2183" i="2"/>
  <c r="L2157" i="5" s="1"/>
  <c r="L7220" i="2"/>
  <c r="L7194" i="5" s="1"/>
  <c r="L4711" i="2"/>
  <c r="L4685" i="5" s="1"/>
  <c r="L854" i="2"/>
  <c r="L828" i="5" s="1"/>
  <c r="L1039" i="2"/>
  <c r="L1013" i="5" s="1"/>
  <c r="L8740" i="2"/>
  <c r="L8714" i="5" s="1"/>
  <c r="L5362" i="2"/>
  <c r="L5336" i="5" s="1"/>
  <c r="L1187" i="2"/>
  <c r="L1161" i="5" s="1"/>
  <c r="L7718" i="2"/>
  <c r="L7692" i="5" s="1"/>
  <c r="L7233" i="2"/>
  <c r="L7207" i="5" s="1"/>
  <c r="L4231" i="2"/>
  <c r="L4205" i="5" s="1"/>
  <c r="L1690" i="2"/>
  <c r="L1664" i="5" s="1"/>
  <c r="L4401" i="2"/>
  <c r="L4375" i="5" s="1"/>
  <c r="L8755" i="2"/>
  <c r="L8729" i="5" s="1"/>
  <c r="L4547" i="2"/>
  <c r="L4521" i="5" s="1"/>
  <c r="L6554" i="2"/>
  <c r="L6528" i="5" s="1"/>
  <c r="L178" i="2"/>
  <c r="L152" i="5" s="1"/>
  <c r="L4733" i="2"/>
  <c r="L4707" i="5" s="1"/>
  <c r="L847" i="2"/>
  <c r="L821" i="5" s="1"/>
  <c r="L7922" i="2"/>
  <c r="L7896" i="5" s="1"/>
  <c r="L1514" i="2"/>
  <c r="L1488" i="5" s="1"/>
  <c r="L2004" i="2"/>
  <c r="L1978" i="5" s="1"/>
  <c r="L667" i="2"/>
  <c r="L641" i="5" s="1"/>
  <c r="L680" i="2"/>
  <c r="L654" i="5" s="1"/>
  <c r="L4523" i="2"/>
  <c r="L4497" i="5" s="1"/>
  <c r="L7410" i="2"/>
  <c r="L7384" i="5" s="1"/>
  <c r="L5205" i="2"/>
  <c r="L5179" i="5" s="1"/>
  <c r="L6725" i="2"/>
  <c r="L6699" i="5" s="1"/>
  <c r="L3520" i="2"/>
  <c r="L3494" i="5" s="1"/>
  <c r="L7562" i="2"/>
  <c r="L7536" i="5" s="1"/>
  <c r="L1498" i="2"/>
  <c r="L1472" i="5" s="1"/>
  <c r="L5384" i="2"/>
  <c r="L5358" i="5" s="1"/>
  <c r="L3051" i="2"/>
  <c r="L3025" i="5" s="1"/>
  <c r="L830" i="2"/>
  <c r="L804" i="5" s="1"/>
  <c r="L8417" i="2"/>
  <c r="L8391" i="5" s="1"/>
  <c r="L2038" i="2"/>
  <c r="L2012" i="5" s="1"/>
  <c r="L8399" i="2"/>
  <c r="L8373" i="5" s="1"/>
  <c r="L4192" i="2"/>
  <c r="L4166" i="5" s="1"/>
  <c r="L2858" i="2"/>
  <c r="L2832" i="5" s="1"/>
  <c r="L7071" i="2"/>
  <c r="L7045" i="5" s="1"/>
  <c r="L5738" i="2"/>
  <c r="L5712" i="5" s="1"/>
  <c r="L2524" i="2"/>
  <c r="L2498" i="5" s="1"/>
  <c r="L4697" i="2"/>
  <c r="L4671" i="5" s="1"/>
  <c r="L3518" i="2"/>
  <c r="L3492" i="5" s="1"/>
  <c r="L8232" i="2"/>
  <c r="L8206" i="5" s="1"/>
  <c r="L5380" i="2"/>
  <c r="L5354" i="5" s="1"/>
  <c r="L2506" i="2"/>
  <c r="L2480" i="5" s="1"/>
  <c r="L8761" i="2"/>
  <c r="L8735" i="5" s="1"/>
  <c r="L7415" i="2"/>
  <c r="L7389" i="5" s="1"/>
  <c r="L4871" i="2"/>
  <c r="L4845" i="5" s="1"/>
  <c r="L7728" i="2"/>
  <c r="L7702" i="5" s="1"/>
  <c r="L6918" i="2"/>
  <c r="L6892" i="5" s="1"/>
  <c r="L3371" i="2"/>
  <c r="L3345" i="5" s="1"/>
  <c r="L3856" i="2"/>
  <c r="L3830" i="5" s="1"/>
  <c r="L7231" i="2"/>
  <c r="L7205" i="5" s="1"/>
  <c r="L8425" i="2"/>
  <c r="L8399" i="5" s="1"/>
  <c r="L5872" i="2"/>
  <c r="L5846" i="5" s="1"/>
  <c r="L5892" i="2"/>
  <c r="L5866" i="5" s="1"/>
  <c r="L8054" i="2"/>
  <c r="L8028" i="5" s="1"/>
  <c r="L662" i="2"/>
  <c r="L636" i="5" s="1"/>
  <c r="L6751" i="2"/>
  <c r="L6725" i="5" s="1"/>
  <c r="L5557" i="2"/>
  <c r="L5531" i="5" s="1"/>
  <c r="L8558" i="2"/>
  <c r="L8532" i="5" s="1"/>
  <c r="L5213" i="2"/>
  <c r="L5187" i="5" s="1"/>
  <c r="L1526" i="2"/>
  <c r="L1500" i="5" s="1"/>
  <c r="L2682" i="2"/>
  <c r="L2656" i="5" s="1"/>
  <c r="L1363" i="2"/>
  <c r="L1337" i="5" s="1"/>
  <c r="L681" i="2"/>
  <c r="L655" i="5" s="1"/>
  <c r="L2214" i="2"/>
  <c r="L2188" i="5" s="1"/>
  <c r="L8258" i="2"/>
  <c r="L8232" i="5" s="1"/>
  <c r="L3213" i="2"/>
  <c r="L3187" i="5" s="1"/>
  <c r="L666" i="2"/>
  <c r="L640" i="5" s="1"/>
  <c r="L5383" i="2"/>
  <c r="L5357" i="5" s="1"/>
  <c r="L176" i="2"/>
  <c r="L150" i="5" s="1"/>
  <c r="L512" i="2"/>
  <c r="L486" i="5" s="1"/>
  <c r="L5897" i="2"/>
  <c r="L5871" i="5" s="1"/>
  <c r="L7075" i="2"/>
  <c r="L7049" i="5" s="1"/>
  <c r="L4056" i="2"/>
  <c r="L4030" i="5" s="1"/>
  <c r="L1041" i="2"/>
  <c r="L1015" i="5" s="1"/>
  <c r="L8247" i="2"/>
  <c r="L8221" i="5" s="1"/>
  <c r="L7382" i="2"/>
  <c r="L7356" i="5" s="1"/>
  <c r="L2372" i="2"/>
  <c r="L2346" i="5" s="1"/>
  <c r="L2215" i="2"/>
  <c r="L2189" i="5" s="1"/>
  <c r="L3535" i="2"/>
  <c r="L3509" i="5" s="1"/>
  <c r="L4024" i="2"/>
  <c r="L3998" i="5" s="1"/>
  <c r="L999" i="2"/>
  <c r="L973" i="5" s="1"/>
  <c r="L2181" i="2"/>
  <c r="L2155" i="5" s="1"/>
  <c r="L4899" i="2"/>
  <c r="L4873" i="5" s="1"/>
  <c r="L8745" i="2"/>
  <c r="L8719" i="5" s="1"/>
  <c r="L8084" i="2"/>
  <c r="L8058" i="5" s="1"/>
  <c r="L4233" i="2"/>
  <c r="L4207" i="5" s="1"/>
  <c r="L6038" i="2"/>
  <c r="L6012" i="5" s="1"/>
  <c r="L4553" i="2"/>
  <c r="L4527" i="5" s="1"/>
  <c r="L5535" i="2"/>
  <c r="L5509" i="5" s="1"/>
  <c r="L7395" i="2"/>
  <c r="L7369" i="5" s="1"/>
  <c r="L8068" i="2"/>
  <c r="L8042" i="5" s="1"/>
  <c r="L6894" i="2"/>
  <c r="L6868" i="5" s="1"/>
  <c r="L4191" i="2"/>
  <c r="L4165" i="5" s="1"/>
  <c r="L2509" i="2"/>
  <c r="L2483" i="5" s="1"/>
  <c r="L2538" i="2"/>
  <c r="L2512" i="5" s="1"/>
  <c r="L7889" i="2"/>
  <c r="L7863" i="5" s="1"/>
  <c r="L2177" i="2"/>
  <c r="L2151" i="5" s="1"/>
  <c r="L3046" i="2"/>
  <c r="L3020" i="5" s="1"/>
  <c r="L2549" i="2"/>
  <c r="L2523" i="5" s="1"/>
  <c r="L5552" i="2"/>
  <c r="L5526" i="5" s="1"/>
  <c r="L7733" i="2"/>
  <c r="L7707" i="5" s="1"/>
  <c r="L2847" i="2"/>
  <c r="L2821" i="5" s="1"/>
  <c r="L1164" i="2"/>
  <c r="L1138" i="5" s="1"/>
  <c r="L3351" i="2"/>
  <c r="L3325" i="5" s="1"/>
  <c r="L5880" i="2"/>
  <c r="L5854" i="5" s="1"/>
  <c r="L8079" i="2"/>
  <c r="L8053" i="5" s="1"/>
  <c r="L7882" i="2"/>
  <c r="L7856" i="5" s="1"/>
  <c r="L6550" i="2"/>
  <c r="L6524" i="5" s="1"/>
  <c r="L5889" i="2"/>
  <c r="L5863" i="5" s="1"/>
  <c r="L4212" i="2"/>
  <c r="L4186" i="5" s="1"/>
  <c r="L7552" i="2"/>
  <c r="L7526" i="5" s="1"/>
  <c r="L4882" i="2"/>
  <c r="L4856" i="5" s="1"/>
  <c r="L1849" i="2"/>
  <c r="L1823" i="5" s="1"/>
  <c r="L4881" i="2"/>
  <c r="L4855" i="5" s="1"/>
  <c r="L687" i="2"/>
  <c r="L661" i="5" s="1"/>
  <c r="L3853" i="2"/>
  <c r="L3827" i="5" s="1"/>
  <c r="L2547" i="2"/>
  <c r="L2521" i="5" s="1"/>
  <c r="L6571" i="2"/>
  <c r="L6545" i="5" s="1"/>
  <c r="L838" i="2"/>
  <c r="L812" i="5" s="1"/>
  <c r="L4374" i="2"/>
  <c r="L4348" i="5" s="1"/>
  <c r="L6907" i="2"/>
  <c r="L6881" i="5" s="1"/>
  <c r="L8060" i="2"/>
  <c r="L8034" i="5" s="1"/>
  <c r="L6058" i="2"/>
  <c r="L6032" i="5" s="1"/>
  <c r="L699" i="2"/>
  <c r="L673" i="5" s="1"/>
  <c r="L156" i="2"/>
  <c r="L130" i="5" s="1"/>
  <c r="L6203" i="2"/>
  <c r="L6177" i="5" s="1"/>
  <c r="L5551" i="2"/>
  <c r="L5525" i="5" s="1"/>
  <c r="L8405" i="2"/>
  <c r="L8379" i="5" s="1"/>
  <c r="L6572" i="2"/>
  <c r="L6546" i="5" s="1"/>
  <c r="L3699" i="2"/>
  <c r="L3673" i="5" s="1"/>
  <c r="L8238" i="2"/>
  <c r="L8212" i="5" s="1"/>
  <c r="L6379" i="2"/>
  <c r="L6353" i="5" s="1"/>
  <c r="L525" i="2"/>
  <c r="L499" i="5" s="1"/>
  <c r="L4718" i="2"/>
  <c r="L4692" i="5" s="1"/>
  <c r="L1185" i="2"/>
  <c r="L1159" i="5" s="1"/>
  <c r="L329" i="2"/>
  <c r="L303" i="5" s="1"/>
  <c r="L526" i="2"/>
  <c r="L500" i="5" s="1"/>
  <c r="L7059" i="2"/>
  <c r="L7033" i="5" s="1"/>
  <c r="L3016" i="2"/>
  <c r="L2990" i="5" s="1"/>
  <c r="L1367" i="2"/>
  <c r="L1341" i="5" s="1"/>
  <c r="L6549" i="2"/>
  <c r="L6523" i="5" s="1"/>
  <c r="L8240" i="2"/>
  <c r="L8214" i="5" s="1"/>
  <c r="L8732" i="2"/>
  <c r="L8706" i="5" s="1"/>
  <c r="L340" i="2"/>
  <c r="L314" i="5" s="1"/>
  <c r="L4196" i="2"/>
  <c r="L4170" i="5" s="1"/>
  <c r="L7404" i="2"/>
  <c r="L7378" i="5" s="1"/>
  <c r="L2507" i="2"/>
  <c r="L2481" i="5" s="1"/>
  <c r="L3366" i="2"/>
  <c r="L3340" i="5" s="1"/>
  <c r="L6875" i="2"/>
  <c r="L6849" i="5" s="1"/>
  <c r="L7927" i="2"/>
  <c r="L7901" i="5" s="1"/>
  <c r="L7902" i="2"/>
  <c r="L7876" i="5" s="1"/>
  <c r="L1704" i="2"/>
  <c r="L1678" i="5" s="1"/>
  <c r="L3885" i="2"/>
  <c r="L3859" i="5" s="1"/>
  <c r="L1352" i="2"/>
  <c r="L1326" i="5" s="1"/>
  <c r="L4721" i="2"/>
  <c r="L4695" i="5" s="1"/>
  <c r="L7731" i="2"/>
  <c r="L7705" i="5" s="1"/>
  <c r="L3377" i="2"/>
  <c r="L3351" i="5" s="1"/>
  <c r="L1678" i="2"/>
  <c r="L1652" i="5" s="1"/>
  <c r="L4709" i="2"/>
  <c r="L4683" i="5" s="1"/>
  <c r="L5071" i="2"/>
  <c r="L5045" i="5" s="1"/>
  <c r="L2546" i="2"/>
  <c r="L2520" i="5" s="1"/>
  <c r="L2192" i="2"/>
  <c r="L2166" i="5" s="1"/>
  <c r="L497" i="2"/>
  <c r="L471" i="5" s="1"/>
  <c r="L7568" i="2"/>
  <c r="L7542" i="5" s="1"/>
  <c r="L5387" i="2"/>
  <c r="L5361" i="5" s="1"/>
  <c r="L7257" i="2"/>
  <c r="L7231" i="5" s="1"/>
  <c r="L5909" i="2"/>
  <c r="L5883" i="5" s="1"/>
  <c r="L3391" i="2"/>
  <c r="L3365" i="5" s="1"/>
  <c r="L5533" i="2"/>
  <c r="L5507" i="5" s="1"/>
  <c r="L5039" i="2"/>
  <c r="L5013" i="5" s="1"/>
  <c r="L4538" i="2"/>
  <c r="L4512" i="5" s="1"/>
  <c r="L6223" i="2"/>
  <c r="L6197" i="5" s="1"/>
  <c r="L5237" i="2"/>
  <c r="L5211" i="5" s="1"/>
  <c r="L7716" i="2"/>
  <c r="L7690" i="5" s="1"/>
  <c r="L4397" i="2"/>
  <c r="L4371" i="5" s="1"/>
  <c r="L7212" i="2"/>
  <c r="L7186" i="5" s="1"/>
  <c r="L167" i="2"/>
  <c r="L141" i="5" s="1"/>
  <c r="L5711" i="2"/>
  <c r="L5685" i="5" s="1"/>
  <c r="L6750" i="2"/>
  <c r="L6724" i="5" s="1"/>
  <c r="L5065" i="2"/>
  <c r="L5039" i="5" s="1"/>
  <c r="L1200" i="2"/>
  <c r="L1174" i="5" s="1"/>
  <c r="L1710" i="2"/>
  <c r="L1684" i="5" s="1"/>
  <c r="L6569" i="2"/>
  <c r="L6543" i="5" s="1"/>
  <c r="L5050" i="2"/>
  <c r="L5024" i="5" s="1"/>
  <c r="L1021" i="2"/>
  <c r="L995" i="5" s="1"/>
  <c r="L4208" i="2"/>
  <c r="L4182" i="5" s="1"/>
  <c r="L4885" i="2"/>
  <c r="L4859" i="5" s="1"/>
  <c r="L2714" i="2"/>
  <c r="L2688" i="5" s="1"/>
  <c r="L4381" i="2"/>
  <c r="L4355" i="5" s="1"/>
  <c r="L8063" i="2"/>
  <c r="L8037" i="5" s="1"/>
  <c r="L4892" i="2"/>
  <c r="L4866" i="5" s="1"/>
  <c r="L4197" i="2"/>
  <c r="L4171" i="5" s="1"/>
  <c r="L8394" i="2"/>
  <c r="L8368" i="5" s="1"/>
  <c r="L6411" i="2"/>
  <c r="L6385" i="5" s="1"/>
  <c r="L3895" i="2"/>
  <c r="L3869" i="5" s="1"/>
  <c r="L7219" i="2"/>
  <c r="L7193" i="5" s="1"/>
  <c r="L4031" i="2"/>
  <c r="L4005" i="5" s="1"/>
  <c r="L523" i="2"/>
  <c r="L497" i="5" s="1"/>
  <c r="L5402" i="2"/>
  <c r="L5376" i="5" s="1"/>
  <c r="L499" i="2"/>
  <c r="L473" i="5" s="1"/>
  <c r="L1671" i="2"/>
  <c r="L1645" i="5" s="1"/>
  <c r="L6231" i="2"/>
  <c r="L6205" i="5" s="1"/>
  <c r="L3219" i="2"/>
  <c r="L3193" i="5" s="1"/>
  <c r="L8578" i="2"/>
  <c r="L8552" i="5" s="1"/>
  <c r="L8087" i="2"/>
  <c r="L8061" i="5" s="1"/>
  <c r="L2346" i="2"/>
  <c r="L2320" i="5" s="1"/>
  <c r="L871" i="2"/>
  <c r="L845" i="5" s="1"/>
  <c r="L6734" i="2"/>
  <c r="L6708" i="5" s="1"/>
  <c r="L2532" i="2"/>
  <c r="L2506" i="5" s="1"/>
  <c r="L995" i="2"/>
  <c r="L969" i="5" s="1"/>
  <c r="L3886" i="2"/>
  <c r="L3860" i="5" s="1"/>
  <c r="L2026" i="2"/>
  <c r="L2000" i="5" s="1"/>
  <c r="L2705" i="2"/>
  <c r="L2679" i="5" s="1"/>
  <c r="L1850" i="2"/>
  <c r="L1824" i="5" s="1"/>
  <c r="L1209" i="2"/>
  <c r="L1183" i="5" s="1"/>
  <c r="L8744" i="2"/>
  <c r="L8718" i="5" s="1"/>
  <c r="L2852" i="2"/>
  <c r="L2826" i="5" s="1"/>
  <c r="L165" i="2"/>
  <c r="L139" i="5" s="1"/>
  <c r="L2028" i="2"/>
  <c r="L2002" i="5" s="1"/>
  <c r="L4218" i="2"/>
  <c r="L4192" i="5" s="1"/>
  <c r="L7407" i="2"/>
  <c r="L7381" i="5" s="1"/>
  <c r="L5199" i="2"/>
  <c r="L5173" i="5" s="1"/>
  <c r="L2689" i="2"/>
  <c r="L2663" i="5" s="1"/>
  <c r="L6544" i="2"/>
  <c r="L6518" i="5" s="1"/>
  <c r="L3532" i="2"/>
  <c r="L3506" i="5" s="1"/>
  <c r="L661" i="2"/>
  <c r="L635" i="5" s="1"/>
  <c r="L3687" i="2"/>
  <c r="L3661" i="5" s="1"/>
  <c r="L8065" i="2"/>
  <c r="L8039" i="5" s="1"/>
  <c r="L8413" i="2"/>
  <c r="L8387" i="5" s="1"/>
  <c r="L665" i="2"/>
  <c r="L639" i="5" s="1"/>
  <c r="L1343" i="2"/>
  <c r="L1317" i="5" s="1"/>
  <c r="L7089" i="2"/>
  <c r="L7063" i="5" s="1"/>
  <c r="L4542" i="2"/>
  <c r="L4516" i="5" s="1"/>
  <c r="L7068" i="2"/>
  <c r="L7042" i="5" s="1"/>
  <c r="L5899" i="2"/>
  <c r="L5873" i="5" s="1"/>
  <c r="L3217" i="2"/>
  <c r="L3191" i="5" s="1"/>
  <c r="L7392" i="2"/>
  <c r="L7366" i="5" s="1"/>
  <c r="L1509" i="2"/>
  <c r="L1483" i="5" s="1"/>
  <c r="L7886" i="2"/>
  <c r="L7860" i="5" s="1"/>
  <c r="L3197" i="2"/>
  <c r="L3171" i="5" s="1"/>
  <c r="L3386" i="2"/>
  <c r="L3360" i="5" s="1"/>
  <c r="L6900" i="2"/>
  <c r="L6874" i="5" s="1"/>
  <c r="L6562" i="2"/>
  <c r="L6536" i="5" s="1"/>
  <c r="L7912" i="2"/>
  <c r="L7886" i="5" s="1"/>
  <c r="L1199" i="2"/>
  <c r="L1173" i="5" s="1"/>
  <c r="L8432" i="2"/>
  <c r="L8406" i="5" s="1"/>
  <c r="L2848" i="2"/>
  <c r="L2822" i="5" s="1"/>
  <c r="L1691" i="2"/>
  <c r="L1665" i="5" s="1"/>
  <c r="L2551" i="2"/>
  <c r="L2525" i="5" s="1"/>
  <c r="L369" i="2"/>
  <c r="L343" i="5" s="1"/>
  <c r="L677" i="2"/>
  <c r="L651" i="5" s="1"/>
  <c r="L1539" i="2"/>
  <c r="L1513" i="5" s="1"/>
  <c r="L3028" i="2"/>
  <c r="L3002" i="5" s="1"/>
  <c r="L2030" i="2"/>
  <c r="L2004" i="5" s="1"/>
  <c r="L3014" i="2"/>
  <c r="L2988" i="5" s="1"/>
  <c r="L1520" i="2"/>
  <c r="L1494" i="5" s="1"/>
  <c r="L5539" i="2"/>
  <c r="L5513" i="5" s="1"/>
  <c r="L3031" i="2"/>
  <c r="L3005" i="5" s="1"/>
  <c r="L676" i="2"/>
  <c r="L650" i="5" s="1"/>
  <c r="L8254" i="2"/>
  <c r="L8228" i="5" s="1"/>
  <c r="L2694" i="2"/>
  <c r="L2668" i="5" s="1"/>
  <c r="L8057" i="2"/>
  <c r="L8031" i="5" s="1"/>
  <c r="L5211" i="2"/>
  <c r="L5185" i="5" s="1"/>
  <c r="L6417" i="2"/>
  <c r="L6391" i="5" s="1"/>
  <c r="L3852" i="2"/>
  <c r="L3826" i="5" s="1"/>
  <c r="L1349" i="2"/>
  <c r="L1323" i="5" s="1"/>
  <c r="L8431" i="2"/>
  <c r="L8405" i="5" s="1"/>
  <c r="L674" i="2"/>
  <c r="L648" i="5" s="1"/>
  <c r="L4186" i="2"/>
  <c r="L4160" i="5" s="1"/>
  <c r="L1196" i="2"/>
  <c r="L1170" i="5" s="1"/>
  <c r="L8235" i="2"/>
  <c r="L8209" i="5" s="1"/>
  <c r="L6039" i="2"/>
  <c r="L6013" i="5" s="1"/>
  <c r="L3555" i="2"/>
  <c r="L3529" i="5" s="1"/>
  <c r="L2526" i="2"/>
  <c r="L2500" i="5" s="1"/>
  <c r="L6380" i="2"/>
  <c r="L6354" i="5" s="1"/>
  <c r="L366" i="2"/>
  <c r="L340" i="5" s="1"/>
  <c r="L1868" i="2"/>
  <c r="L1842" i="5" s="1"/>
  <c r="L2049" i="2"/>
  <c r="L2023" i="5" s="1"/>
  <c r="L4038" i="2"/>
  <c r="L4012" i="5" s="1"/>
  <c r="L2384" i="2"/>
  <c r="L2358" i="5" s="1"/>
  <c r="L6399" i="2"/>
  <c r="L6373" i="5" s="1"/>
  <c r="L155" i="2"/>
  <c r="L129" i="5" s="1"/>
  <c r="L1680" i="2"/>
  <c r="L1654" i="5" s="1"/>
  <c r="L3717" i="2"/>
  <c r="L3691" i="5" s="1"/>
  <c r="L7418" i="2"/>
  <c r="L7392" i="5" s="1"/>
  <c r="L8599" i="2"/>
  <c r="L8573" i="5" s="1"/>
  <c r="L4043" i="2"/>
  <c r="L4017" i="5" s="1"/>
  <c r="L1377" i="2"/>
  <c r="L1351" i="5" s="1"/>
  <c r="L5366" i="2"/>
  <c r="L5340" i="5" s="1"/>
  <c r="L8754" i="2"/>
  <c r="L8728" i="5" s="1"/>
  <c r="L867" i="2"/>
  <c r="L841" i="5" s="1"/>
  <c r="L159" i="2"/>
  <c r="L133" i="5" s="1"/>
  <c r="L6737" i="2"/>
  <c r="L6711" i="5" s="1"/>
  <c r="L1688" i="2"/>
  <c r="L1662" i="5" s="1"/>
  <c r="L4904" i="2"/>
  <c r="L4878" i="5" s="1"/>
  <c r="L6385" i="2"/>
  <c r="L6359" i="5" s="1"/>
  <c r="L6221" i="2"/>
  <c r="L6195" i="5" s="1"/>
  <c r="L4368" i="2"/>
  <c r="L4342" i="5" s="1"/>
  <c r="L4055" i="2"/>
  <c r="L4029" i="5" s="1"/>
  <c r="L1511" i="2"/>
  <c r="L1485" i="5" s="1"/>
  <c r="L7885" i="2"/>
  <c r="L7859" i="5" s="1"/>
  <c r="L3857" i="2"/>
  <c r="L3831" i="5" s="1"/>
  <c r="L6896" i="2"/>
  <c r="L6870" i="5" s="1"/>
  <c r="L6581" i="2"/>
  <c r="L6555" i="5" s="1"/>
  <c r="L4379" i="2"/>
  <c r="L4353" i="5" s="1"/>
  <c r="L6706" i="2"/>
  <c r="L6680" i="5" s="1"/>
  <c r="L4028" i="2"/>
  <c r="L4002" i="5" s="1"/>
  <c r="L6204" i="2"/>
  <c r="L6178" i="5" s="1"/>
  <c r="L7245" i="2"/>
  <c r="L7219" i="5" s="1"/>
  <c r="L1857" i="2"/>
  <c r="L1831" i="5" s="1"/>
  <c r="L2172" i="2"/>
  <c r="L2146" i="5" s="1"/>
  <c r="L8579" i="2"/>
  <c r="L8553" i="5" s="1"/>
  <c r="L6230" i="2"/>
  <c r="L6204" i="5" s="1"/>
  <c r="L6558" i="2"/>
  <c r="L6532" i="5" s="1"/>
  <c r="L6381" i="2"/>
  <c r="L6355" i="5" s="1"/>
  <c r="L1669" i="2"/>
  <c r="L1643" i="5" s="1"/>
  <c r="L1364" i="2"/>
  <c r="L1338" i="5" s="1"/>
  <c r="L3725" i="2"/>
  <c r="L3699" i="5" s="1"/>
  <c r="L4188" i="2"/>
  <c r="L4162" i="5" s="1"/>
  <c r="L1513" i="2"/>
  <c r="L1487" i="5" s="1"/>
  <c r="L2182" i="2"/>
  <c r="L2156" i="5" s="1"/>
  <c r="L843" i="2"/>
  <c r="L817" i="5" s="1"/>
  <c r="L8768" i="2"/>
  <c r="L8742" i="5" s="1"/>
  <c r="L361" i="2"/>
  <c r="L335" i="5" s="1"/>
  <c r="L4540" i="2"/>
  <c r="L4514" i="5" s="1"/>
  <c r="L2385" i="2"/>
  <c r="L2359" i="5" s="1"/>
  <c r="L8598" i="2"/>
  <c r="L8572" i="5" s="1"/>
  <c r="L2370" i="2"/>
  <c r="L2344" i="5" s="1"/>
  <c r="L6556" i="2"/>
  <c r="L6530" i="5" s="1"/>
  <c r="L6405" i="2"/>
  <c r="L6379" i="5" s="1"/>
  <c r="L4394" i="2"/>
  <c r="L4368" i="5" s="1"/>
  <c r="L8096" i="2"/>
  <c r="L8070" i="5" s="1"/>
  <c r="L7082" i="2"/>
  <c r="L7056" i="5" s="1"/>
  <c r="L5563" i="2"/>
  <c r="L5537" i="5" s="1"/>
  <c r="L7754" i="2"/>
  <c r="L7728" i="5" s="1"/>
  <c r="L6216" i="2"/>
  <c r="L6190" i="5" s="1"/>
  <c r="L2013" i="2"/>
  <c r="L1987" i="5" s="1"/>
  <c r="L1537" i="2"/>
  <c r="L1511" i="5" s="1"/>
  <c r="L4694" i="2"/>
  <c r="L4668" i="5" s="1"/>
  <c r="L4391" i="2"/>
  <c r="L4365" i="5" s="1"/>
  <c r="L1006" i="2"/>
  <c r="L980" i="5" s="1"/>
  <c r="L2342" i="2"/>
  <c r="L2316" i="5" s="1"/>
  <c r="L8250" i="2"/>
  <c r="L8224" i="5" s="1"/>
  <c r="L7235" i="2"/>
  <c r="L7209" i="5" s="1"/>
  <c r="L7760" i="2"/>
  <c r="L7734" i="5" s="1"/>
  <c r="L3053" i="2"/>
  <c r="L3027" i="5" s="1"/>
  <c r="L5398" i="2"/>
  <c r="L5372" i="5" s="1"/>
  <c r="L664" i="2"/>
  <c r="L638" i="5" s="1"/>
  <c r="L2345" i="2"/>
  <c r="L2319" i="5" s="1"/>
  <c r="L5364" i="2"/>
  <c r="L5338" i="5" s="1"/>
  <c r="L7758" i="2"/>
  <c r="L7732" i="5" s="1"/>
  <c r="L4227" i="2"/>
  <c r="L4201" i="5" s="1"/>
  <c r="L6392" i="2"/>
  <c r="L6366" i="5" s="1"/>
  <c r="L2017" i="2"/>
  <c r="L1991" i="5" s="1"/>
  <c r="L4550" i="2"/>
  <c r="L4524" i="5" s="1"/>
  <c r="L840" i="2"/>
  <c r="L814" i="5" s="1"/>
  <c r="L7242" i="2"/>
  <c r="L7216" i="5" s="1"/>
  <c r="L2355" i="2"/>
  <c r="L2329" i="5" s="1"/>
  <c r="L698" i="2"/>
  <c r="L672" i="5" s="1"/>
  <c r="L5367" i="2"/>
  <c r="L5341" i="5" s="1"/>
  <c r="L1846" i="2"/>
  <c r="L1820" i="5" s="1"/>
  <c r="L8596" i="2"/>
  <c r="L8570" i="5" s="1"/>
  <c r="L8561" i="2"/>
  <c r="L8535" i="5" s="1"/>
  <c r="L8583" i="2"/>
  <c r="L8557" i="5" s="1"/>
  <c r="L2523" i="2"/>
  <c r="L2497" i="5" s="1"/>
  <c r="L1005" i="2"/>
  <c r="L979" i="5" s="1"/>
  <c r="L2844" i="2"/>
  <c r="L2818" i="5" s="1"/>
  <c r="L2719" i="2"/>
  <c r="L2693" i="5" s="1"/>
  <c r="L7901" i="2"/>
  <c r="L7875" i="5" s="1"/>
  <c r="L3873" i="2"/>
  <c r="L3847" i="5" s="1"/>
  <c r="L5558" i="2"/>
  <c r="L5532" i="5" s="1"/>
  <c r="L4357" i="2"/>
  <c r="L4331" i="5" s="1"/>
  <c r="L6559" i="2"/>
  <c r="L6533" i="5" s="1"/>
  <c r="L8066" i="2"/>
  <c r="L8040" i="5" s="1"/>
  <c r="L6035" i="2"/>
  <c r="L6009" i="5" s="1"/>
  <c r="L5236" i="2"/>
  <c r="L5210" i="5" s="1"/>
  <c r="L3516" i="2"/>
  <c r="L3490" i="5" s="1"/>
  <c r="L7570" i="2"/>
  <c r="L7544" i="5" s="1"/>
  <c r="L3047" i="2"/>
  <c r="L3021" i="5" s="1"/>
  <c r="L3379" i="2"/>
  <c r="L3353" i="5" s="1"/>
  <c r="L8726" i="2"/>
  <c r="L8700" i="5" s="1"/>
  <c r="L3858" i="2"/>
  <c r="L3832" i="5" s="1"/>
  <c r="L1712" i="2"/>
  <c r="L1686" i="5" s="1"/>
  <c r="L5068" i="2"/>
  <c r="L5042" i="5" s="1"/>
  <c r="L348" i="2"/>
  <c r="L322" i="5" s="1"/>
  <c r="L2217" i="2"/>
  <c r="L2191" i="5" s="1"/>
  <c r="L3054" i="2"/>
  <c r="L3028" i="5" s="1"/>
  <c r="L8263" i="2"/>
  <c r="L8237" i="5" s="1"/>
  <c r="L8406" i="2"/>
  <c r="L8380" i="5" s="1"/>
  <c r="L3549" i="2"/>
  <c r="L3523" i="5" s="1"/>
  <c r="L3554" i="2"/>
  <c r="L3528" i="5" s="1"/>
  <c r="L3357" i="2"/>
  <c r="L3331" i="5" s="1"/>
  <c r="L3723" i="2"/>
  <c r="L3697" i="5" s="1"/>
  <c r="L7421" i="2"/>
  <c r="L7395" i="5" s="1"/>
  <c r="L2883" i="2"/>
  <c r="L2857" i="5" s="1"/>
  <c r="L2339" i="2"/>
  <c r="L2313" i="5" s="1"/>
  <c r="L6066" i="2"/>
  <c r="L6040" i="5" s="1"/>
  <c r="L1179" i="2"/>
  <c r="L1153" i="5" s="1"/>
  <c r="L7896" i="2"/>
  <c r="L7870" i="5" s="1"/>
  <c r="L7238" i="2"/>
  <c r="L7212" i="5" s="1"/>
  <c r="L3850" i="2"/>
  <c r="L3824" i="5" s="1"/>
  <c r="L4358" i="2"/>
  <c r="L4332" i="5" s="1"/>
  <c r="L5875" i="2"/>
  <c r="L5849" i="5" s="1"/>
  <c r="L5745" i="2"/>
  <c r="L5719" i="5" s="1"/>
  <c r="L5397" i="2"/>
  <c r="L5371" i="5" s="1"/>
  <c r="L341" i="2"/>
  <c r="L315" i="5" s="1"/>
  <c r="L2535" i="2"/>
  <c r="L2509" i="5" s="1"/>
  <c r="L1880" i="2"/>
  <c r="L1854" i="5" s="1"/>
  <c r="L2519" i="2"/>
  <c r="L2493" i="5" s="1"/>
  <c r="L1197" i="2"/>
  <c r="L1171" i="5" s="1"/>
  <c r="L3561" i="2"/>
  <c r="L3535" i="5" s="1"/>
  <c r="L7383" i="2"/>
  <c r="L7357" i="5" s="1"/>
  <c r="L1374" i="2"/>
  <c r="L1348" i="5" s="1"/>
  <c r="L7057" i="2"/>
  <c r="L7031" i="5" s="1"/>
  <c r="L1346" i="2"/>
  <c r="L1320" i="5" s="1"/>
  <c r="L3540" i="2"/>
  <c r="L3514" i="5" s="1"/>
  <c r="L1542" i="2"/>
  <c r="L1516" i="5" s="1"/>
  <c r="L7391" i="2"/>
  <c r="L7365" i="5" s="1"/>
  <c r="L8061" i="2"/>
  <c r="L8035" i="5" s="1"/>
  <c r="L1679" i="2"/>
  <c r="L1653" i="5" s="1"/>
  <c r="L5903" i="2"/>
  <c r="L5877" i="5" s="1"/>
  <c r="L8767" i="2"/>
  <c r="L8741" i="5" s="1"/>
  <c r="L7911" i="2"/>
  <c r="L7885" i="5" s="1"/>
  <c r="L5884" i="2"/>
  <c r="L5858" i="5" s="1"/>
  <c r="L3380" i="2"/>
  <c r="L3354" i="5" s="1"/>
  <c r="L4054" i="2"/>
  <c r="L4028" i="5" s="1"/>
  <c r="L3202" i="2"/>
  <c r="L3176" i="5" s="1"/>
  <c r="L3685" i="2"/>
  <c r="L3659" i="5" s="1"/>
  <c r="L3205" i="2"/>
  <c r="L3179" i="5" s="1"/>
  <c r="L8595" i="2"/>
  <c r="L8569" i="5" s="1"/>
  <c r="L7724" i="2"/>
  <c r="L7698" i="5" s="1"/>
  <c r="L6878" i="2"/>
  <c r="L6852" i="5" s="1"/>
  <c r="L337" i="2"/>
  <c r="L311" i="5" s="1"/>
  <c r="L4209" i="2"/>
  <c r="L4183" i="5" s="1"/>
  <c r="L5895" i="2"/>
  <c r="L5869" i="5" s="1"/>
  <c r="L201" i="2"/>
  <c r="L175" i="5" s="1"/>
  <c r="L5904" i="2"/>
  <c r="L5878" i="5" s="1"/>
  <c r="L2349" i="2"/>
  <c r="L2323" i="5" s="1"/>
  <c r="L4216" i="2"/>
  <c r="L4190" i="5" s="1"/>
  <c r="L6052" i="2"/>
  <c r="L6026" i="5" s="1"/>
  <c r="L7907" i="2"/>
  <c r="L7881" i="5" s="1"/>
  <c r="L6055" i="2"/>
  <c r="L6029" i="5" s="1"/>
  <c r="L4722" i="2"/>
  <c r="L4696" i="5" s="1"/>
  <c r="L7234" i="2"/>
  <c r="L7208" i="5" s="1"/>
  <c r="L4057" i="2"/>
  <c r="L4031" i="5" s="1"/>
  <c r="L4866" i="2"/>
  <c r="L4840" i="5" s="1"/>
  <c r="L6739" i="2"/>
  <c r="L6713" i="5" s="1"/>
  <c r="L8397" i="2"/>
  <c r="L8371" i="5" s="1"/>
  <c r="L6552" i="2"/>
  <c r="L6526" i="5" s="1"/>
  <c r="L2851" i="2"/>
  <c r="L2825" i="5" s="1"/>
  <c r="L3701" i="2"/>
  <c r="L3675" i="5" s="1"/>
  <c r="L6568" i="2"/>
  <c r="L6542" i="5" s="1"/>
  <c r="L7413" i="2"/>
  <c r="L7387" i="5" s="1"/>
  <c r="L1036" i="2"/>
  <c r="L1010" i="5" s="1"/>
  <c r="L2695" i="2"/>
  <c r="L2669" i="5" s="1"/>
  <c r="L4529" i="2"/>
  <c r="L4503" i="5" s="1"/>
  <c r="L2034" i="2"/>
  <c r="L2008" i="5" s="1"/>
  <c r="L5238" i="2"/>
  <c r="L5212" i="5" s="1"/>
  <c r="L5570" i="2"/>
  <c r="L5544" i="5" s="1"/>
  <c r="L1701" i="2"/>
  <c r="L1675" i="5" s="1"/>
  <c r="L8731" i="2"/>
  <c r="L8705" i="5" s="1"/>
  <c r="L7394" i="2"/>
  <c r="L7368" i="5" s="1"/>
  <c r="L510" i="2"/>
  <c r="L484" i="5" s="1"/>
  <c r="L500" i="2"/>
  <c r="L474" i="5" s="1"/>
  <c r="L1499" i="2"/>
  <c r="L1473" i="5" s="1"/>
  <c r="L4878" i="2"/>
  <c r="L4852" i="5" s="1"/>
  <c r="L3200" i="2"/>
  <c r="L3174" i="5" s="1"/>
  <c r="L3190" i="2"/>
  <c r="L3164" i="5" s="1"/>
  <c r="L4034" i="2"/>
  <c r="L4008" i="5" s="1"/>
  <c r="L4194" i="2"/>
  <c r="L4168" i="5" s="1"/>
  <c r="L7217" i="2"/>
  <c r="L7191" i="5" s="1"/>
  <c r="L1376" i="2"/>
  <c r="L1350" i="5" s="1"/>
  <c r="L8565" i="2"/>
  <c r="L8539" i="5" s="1"/>
  <c r="L846" i="2"/>
  <c r="L820" i="5" s="1"/>
  <c r="L6213" i="2"/>
  <c r="L6187" i="5" s="1"/>
  <c r="L4548" i="2"/>
  <c r="L4522" i="5" s="1"/>
  <c r="L2679" i="2"/>
  <c r="L2653" i="5" s="1"/>
  <c r="L6240" i="2"/>
  <c r="L6214" i="5" s="1"/>
  <c r="L4228" i="2"/>
  <c r="L4202" i="5" s="1"/>
  <c r="L5555" i="2"/>
  <c r="L5529" i="5" s="1"/>
  <c r="L5736" i="2"/>
  <c r="L5710" i="5" s="1"/>
  <c r="L1204" i="2"/>
  <c r="L1178" i="5" s="1"/>
  <c r="L358" i="2"/>
  <c r="L332" i="5" s="1"/>
  <c r="L7913" i="2"/>
  <c r="L7887" i="5" s="1"/>
  <c r="L4049" i="2"/>
  <c r="L4023" i="5" s="1"/>
  <c r="L7577" i="2"/>
  <c r="L7551" i="5" s="1"/>
  <c r="L7721" i="2"/>
  <c r="L7695" i="5" s="1"/>
  <c r="L1330" i="2"/>
  <c r="L1304" i="5" s="1"/>
  <c r="L3346" i="2"/>
  <c r="L3320" i="5" s="1"/>
  <c r="L5224" i="2"/>
  <c r="L5198" i="5" s="1"/>
  <c r="L6563" i="2"/>
  <c r="L6537" i="5" s="1"/>
  <c r="L5392" i="2"/>
  <c r="L5366" i="5" s="1"/>
  <c r="L2842" i="2"/>
  <c r="L2816" i="5" s="1"/>
  <c r="L5704" i="2"/>
  <c r="L5678" i="5" s="1"/>
  <c r="L1837" i="2"/>
  <c r="L1811" i="5" s="1"/>
  <c r="L5564" i="2"/>
  <c r="L5538" i="5" s="1"/>
  <c r="L8226" i="2"/>
  <c r="L8200" i="5" s="1"/>
  <c r="L2707" i="2"/>
  <c r="L2681" i="5" s="1"/>
  <c r="L8763" i="2"/>
  <c r="L8737" i="5" s="1"/>
  <c r="L2550" i="2"/>
  <c r="L2524" i="5" s="1"/>
  <c r="L4875" i="2"/>
  <c r="L4849" i="5" s="1"/>
  <c r="L7565" i="2"/>
  <c r="L7539" i="5" s="1"/>
  <c r="L7561" i="2"/>
  <c r="L7535" i="5" s="1"/>
  <c r="L1873" i="2"/>
  <c r="L1847" i="5" s="1"/>
  <c r="L3203" i="2"/>
  <c r="L3177" i="5" s="1"/>
  <c r="L8433" i="2"/>
  <c r="L8407" i="5" s="1"/>
  <c r="L1358" i="2"/>
  <c r="L1332" i="5" s="1"/>
  <c r="L6393" i="2"/>
  <c r="L6367" i="5" s="1"/>
  <c r="L2012" i="2"/>
  <c r="L1986" i="5" s="1"/>
  <c r="L3708" i="2"/>
  <c r="L3682" i="5" s="1"/>
  <c r="L8093" i="2"/>
  <c r="L8067" i="5" s="1"/>
  <c r="L8589" i="2"/>
  <c r="L8563" i="5" s="1"/>
  <c r="L4564" i="2"/>
  <c r="L4538" i="5" s="1"/>
  <c r="L6078" i="2"/>
  <c r="L6052" i="5" s="1"/>
  <c r="L2718" i="2"/>
  <c r="L2692" i="5" s="1"/>
  <c r="L8728" i="2"/>
  <c r="L8702" i="5" s="1"/>
  <c r="L4203" i="2"/>
  <c r="L4177" i="5" s="1"/>
  <c r="L1356" i="2"/>
  <c r="L1330" i="5" s="1"/>
  <c r="L7547" i="2"/>
  <c r="L7521" i="5" s="1"/>
  <c r="L7567" i="2"/>
  <c r="L7541" i="5" s="1"/>
  <c r="L2199" i="2"/>
  <c r="L2173" i="5" s="1"/>
  <c r="L5705" i="2"/>
  <c r="L5679" i="5" s="1"/>
  <c r="L4725" i="2"/>
  <c r="L4699" i="5" s="1"/>
  <c r="L2193" i="2"/>
  <c r="L2167" i="5" s="1"/>
  <c r="L170" i="2"/>
  <c r="L144" i="5" s="1"/>
  <c r="L8590" i="2"/>
  <c r="L8564" i="5" s="1"/>
  <c r="L515" i="2"/>
  <c r="L489" i="5" s="1"/>
  <c r="L2367" i="2"/>
  <c r="L2341" i="5" s="1"/>
  <c r="L1345" i="2"/>
  <c r="L1319" i="5" s="1"/>
  <c r="L7549" i="2"/>
  <c r="L7523" i="5" s="1"/>
  <c r="L6543" i="2"/>
  <c r="L6517" i="5" s="1"/>
  <c r="L3718" i="2"/>
  <c r="L3692" i="5" s="1"/>
  <c r="L673" i="2"/>
  <c r="L647" i="5" s="1"/>
  <c r="L2045" i="2"/>
  <c r="L2019" i="5" s="1"/>
  <c r="L2378" i="2"/>
  <c r="L2352" i="5" s="1"/>
  <c r="L3024" i="2"/>
  <c r="L2998" i="5" s="1"/>
  <c r="L7396" i="2"/>
  <c r="L7370" i="5" s="1"/>
  <c r="L5229" i="2"/>
  <c r="L5203" i="5" s="1"/>
  <c r="L7223" i="2"/>
  <c r="L7197" i="5" s="1"/>
  <c r="L5220" i="2"/>
  <c r="L5194" i="5" s="1"/>
  <c r="L4705" i="2"/>
  <c r="L4679" i="5" s="1"/>
  <c r="L3878" i="2"/>
  <c r="L3852" i="5" s="1"/>
  <c r="L1685" i="2"/>
  <c r="L1659" i="5" s="1"/>
  <c r="L5910" i="2"/>
  <c r="L5884" i="5" s="1"/>
  <c r="L4392" i="2"/>
  <c r="L4366" i="5" s="1"/>
  <c r="L6903" i="2"/>
  <c r="L6877" i="5" s="1"/>
  <c r="L685" i="2"/>
  <c r="L659" i="5" s="1"/>
  <c r="L6898" i="2"/>
  <c r="L6872" i="5" s="1"/>
  <c r="L160" i="2"/>
  <c r="L134" i="5" s="1"/>
  <c r="L4058" i="2"/>
  <c r="L4032" i="5" s="1"/>
  <c r="L6394" i="2"/>
  <c r="L6368" i="5" s="1"/>
  <c r="L162" i="2"/>
  <c r="L136" i="5" s="1"/>
  <c r="L3694" i="2"/>
  <c r="L3668" i="5" s="1"/>
  <c r="L5561" i="2"/>
  <c r="L5535" i="5" s="1"/>
  <c r="L1842" i="2"/>
  <c r="L1816" i="5" s="1"/>
  <c r="L8572" i="2"/>
  <c r="L8546" i="5" s="1"/>
  <c r="L537" i="2"/>
  <c r="L511" i="5" s="1"/>
  <c r="L3553" i="2"/>
  <c r="L3527" i="5" s="1"/>
  <c r="L8228" i="2"/>
  <c r="L8202" i="5" s="1"/>
  <c r="L7734" i="2"/>
  <c r="L7708" i="5" s="1"/>
  <c r="L5363" i="2"/>
  <c r="L5337" i="5" s="1"/>
  <c r="L864" i="2"/>
  <c r="L838" i="5" s="1"/>
  <c r="L700" i="2"/>
  <c r="L674" i="5" s="1"/>
  <c r="L2185" i="2"/>
  <c r="L2159" i="5" s="1"/>
  <c r="L2210" i="2"/>
  <c r="L2184" i="5" s="1"/>
  <c r="L8072" i="2"/>
  <c r="L8046" i="5" s="1"/>
  <c r="L3385" i="2"/>
  <c r="L3359" i="5" s="1"/>
  <c r="L6575" i="2"/>
  <c r="L6549" i="5" s="1"/>
  <c r="L4530" i="2"/>
  <c r="L4504" i="5" s="1"/>
  <c r="L2712" i="2"/>
  <c r="L2686" i="5" s="1"/>
  <c r="L1331" i="2"/>
  <c r="L1305" i="5" s="1"/>
  <c r="L1515" i="2"/>
  <c r="L1489" i="5" s="1"/>
  <c r="L997" i="2"/>
  <c r="L971" i="5" s="1"/>
  <c r="L7060" i="2"/>
  <c r="L7034" i="5" s="1"/>
  <c r="L7388" i="2"/>
  <c r="L7362" i="5" s="1"/>
  <c r="L671" i="2"/>
  <c r="L645" i="5" s="1"/>
  <c r="L7399" i="2"/>
  <c r="L7373" i="5" s="1"/>
  <c r="L2347" i="2"/>
  <c r="L2321" i="5" s="1"/>
  <c r="L4226" i="2"/>
  <c r="L4200" i="5" s="1"/>
  <c r="L5046" i="2"/>
  <c r="L5020" i="5" s="1"/>
  <c r="L2357" i="2"/>
  <c r="L2331" i="5" s="1"/>
  <c r="L1871" i="2"/>
  <c r="L1845" i="5" s="1"/>
  <c r="L6742" i="2"/>
  <c r="L6716" i="5" s="1"/>
  <c r="L7419" i="2"/>
  <c r="L7393" i="5" s="1"/>
  <c r="L6583" i="2"/>
  <c r="L6557" i="5" s="1"/>
  <c r="L2042" i="2"/>
  <c r="L2016" i="5" s="1"/>
  <c r="L8255" i="2"/>
  <c r="L8229" i="5" s="1"/>
  <c r="L2010" i="2"/>
  <c r="L1984" i="5" s="1"/>
  <c r="L6378" i="2"/>
  <c r="L6352" i="5" s="1"/>
  <c r="L2537" i="2"/>
  <c r="L2511" i="5" s="1"/>
  <c r="L3209" i="2"/>
  <c r="L3183" i="5" s="1"/>
  <c r="L7246" i="2"/>
  <c r="L7220" i="5" s="1"/>
  <c r="L5030" i="2"/>
  <c r="L5004" i="5" s="1"/>
  <c r="L6738" i="2"/>
  <c r="L6712" i="5" s="1"/>
  <c r="L6382" i="2"/>
  <c r="L6356" i="5" s="1"/>
  <c r="L5911" i="2"/>
  <c r="L5885" i="5" s="1"/>
  <c r="L859" i="2"/>
  <c r="L833" i="5" s="1"/>
  <c r="L8408" i="2"/>
  <c r="L8382" i="5" s="1"/>
  <c r="L6372" i="2"/>
  <c r="L6346" i="5" s="1"/>
  <c r="L3201" i="2"/>
  <c r="L3175" i="5" s="1"/>
  <c r="L2208" i="2"/>
  <c r="L2182" i="5" s="1"/>
  <c r="L3212" i="2"/>
  <c r="L3186" i="5" s="1"/>
  <c r="L7248" i="2"/>
  <c r="L7222" i="5" s="1"/>
  <c r="L8251" i="2"/>
  <c r="L8225" i="5" s="1"/>
  <c r="L862" i="2"/>
  <c r="L836" i="5" s="1"/>
  <c r="L1854" i="2"/>
  <c r="L1828" i="5" s="1"/>
  <c r="L6061" i="2"/>
  <c r="L6035" i="5" s="1"/>
  <c r="L1867" i="2"/>
  <c r="L1841" i="5" s="1"/>
  <c r="L7752" i="2"/>
  <c r="L7726" i="5" s="1"/>
  <c r="L3529" i="2"/>
  <c r="L3503" i="5" s="1"/>
  <c r="L2680" i="2"/>
  <c r="L2654" i="5" s="1"/>
  <c r="L4539" i="2"/>
  <c r="L4513" i="5" s="1"/>
  <c r="L3887" i="2"/>
  <c r="L3861" i="5" s="1"/>
  <c r="L6246" i="2"/>
  <c r="L6220" i="5" s="1"/>
  <c r="L4549" i="2"/>
  <c r="L4523" i="5" s="1"/>
  <c r="L536" i="2"/>
  <c r="L510" i="5" s="1"/>
  <c r="L7251" i="2"/>
  <c r="L7225" i="5" s="1"/>
  <c r="L7425" i="2"/>
  <c r="L7399" i="5" s="1"/>
  <c r="L5028" i="2"/>
  <c r="L5002" i="5" s="1"/>
  <c r="L2517" i="2"/>
  <c r="L2491" i="5" s="1"/>
  <c r="L4190" i="2"/>
  <c r="L4164" i="5" s="1"/>
  <c r="L4868" i="2"/>
  <c r="L4842" i="5" s="1"/>
  <c r="L2527" i="2"/>
  <c r="L2501" i="5" s="1"/>
  <c r="L8722" i="2"/>
  <c r="L8696" i="5" s="1"/>
  <c r="L2715" i="2"/>
  <c r="L2689" i="5" s="1"/>
  <c r="L349" i="2"/>
  <c r="L323" i="5" s="1"/>
  <c r="L4900" i="2"/>
  <c r="L4874" i="5" s="1"/>
  <c r="L2174" i="2"/>
  <c r="L2148" i="5" s="1"/>
  <c r="L8219" i="2"/>
  <c r="L8193" i="5" s="1"/>
  <c r="L4037" i="2"/>
  <c r="L4011" i="5" s="1"/>
  <c r="L4734" i="2"/>
  <c r="L4708" i="5" s="1"/>
  <c r="L3057" i="2"/>
  <c r="L3031" i="5" s="1"/>
  <c r="L3195" i="2"/>
  <c r="L3169" i="5" s="1"/>
  <c r="L174" i="2"/>
  <c r="L148" i="5" s="1"/>
  <c r="L3023" i="2"/>
  <c r="L2997" i="5" s="1"/>
  <c r="L3877" i="2"/>
  <c r="L3851" i="5" s="1"/>
  <c r="L3548" i="2"/>
  <c r="L3522" i="5" s="1"/>
  <c r="L7719" i="2"/>
  <c r="L7693" i="5" s="1"/>
  <c r="L198" i="2"/>
  <c r="L172" i="5" s="1"/>
  <c r="L2171" i="2"/>
  <c r="L2145" i="5" s="1"/>
  <c r="L5547" i="2"/>
  <c r="L5521" i="5" s="1"/>
  <c r="L5902" i="2"/>
  <c r="L5876" i="5" s="1"/>
  <c r="L828" i="2"/>
  <c r="L802" i="5" s="1"/>
  <c r="L2039" i="2"/>
  <c r="L2013" i="5" s="1"/>
  <c r="L2360" i="2"/>
  <c r="L2334" i="5" s="1"/>
  <c r="L668" i="2"/>
  <c r="L642" i="5" s="1"/>
  <c r="L6218" i="2"/>
  <c r="L6192" i="5" s="1"/>
  <c r="L6409" i="2"/>
  <c r="L6383" i="5" s="1"/>
  <c r="L3210" i="2"/>
  <c r="L3184" i="5" s="1"/>
  <c r="L8246" i="2"/>
  <c r="L8220" i="5" s="1"/>
  <c r="L2206" i="2"/>
  <c r="L2180" i="5" s="1"/>
  <c r="L3519" i="2"/>
  <c r="L3493" i="5" s="1"/>
  <c r="L5221" i="2"/>
  <c r="L5195" i="5" s="1"/>
  <c r="L4533" i="2"/>
  <c r="L4507" i="5" s="1"/>
  <c r="L1189" i="2"/>
  <c r="L1163" i="5" s="1"/>
  <c r="L6403" i="2"/>
  <c r="L6377" i="5" s="1"/>
  <c r="L7908" i="2"/>
  <c r="L7882" i="5" s="1"/>
  <c r="L3039" i="2"/>
  <c r="L3013" i="5" s="1"/>
  <c r="L1545" i="2"/>
  <c r="L1519" i="5" s="1"/>
  <c r="L181" i="2"/>
  <c r="L155" i="5" s="1"/>
  <c r="L1355" i="2"/>
  <c r="L1329" i="5" s="1"/>
  <c r="L3879" i="2"/>
  <c r="L3853" i="5" s="1"/>
  <c r="L2023" i="2"/>
  <c r="L1997" i="5" s="1"/>
  <c r="L7722" i="2"/>
  <c r="L7696" i="5" s="1"/>
  <c r="L7048" i="2"/>
  <c r="L7022" i="5" s="1"/>
  <c r="L7411" i="2"/>
  <c r="L7385" i="5" s="1"/>
  <c r="L3187" i="2"/>
  <c r="L3161" i="5" s="1"/>
  <c r="L8600" i="2"/>
  <c r="L8574" i="5" s="1"/>
  <c r="L7546" i="2"/>
  <c r="L7520" i="5" s="1"/>
  <c r="L2037" i="2"/>
  <c r="L2011" i="5" s="1"/>
  <c r="L6584" i="2"/>
  <c r="L6558" i="5" s="1"/>
  <c r="L7064" i="2"/>
  <c r="L7038" i="5" s="1"/>
  <c r="L7230" i="2"/>
  <c r="L7204" i="5" s="1"/>
  <c r="L3866" i="2"/>
  <c r="L3840" i="5" s="1"/>
  <c r="L7393" i="2"/>
  <c r="L7367" i="5" s="1"/>
  <c r="L535" i="2"/>
  <c r="L509" i="5" s="1"/>
  <c r="L7225" i="2"/>
  <c r="L7199" i="5" s="1"/>
  <c r="L3044" i="2"/>
  <c r="L3018" i="5" s="1"/>
  <c r="L6065" i="2"/>
  <c r="L6039" i="5" s="1"/>
  <c r="L3040" i="2"/>
  <c r="L3014" i="5" s="1"/>
  <c r="L6208" i="2"/>
  <c r="L6182" i="5" s="1"/>
  <c r="L7045" i="2"/>
  <c r="L7019" i="5" s="1"/>
  <c r="L4532" i="2"/>
  <c r="L4506" i="5" s="1"/>
  <c r="L2531" i="2"/>
  <c r="L2505" i="5" s="1"/>
  <c r="L7914" i="2"/>
  <c r="L7888" i="5" s="1"/>
  <c r="L3536" i="2"/>
  <c r="L3510" i="5" s="1"/>
  <c r="L8083" i="2"/>
  <c r="L8057" i="5" s="1"/>
  <c r="L5890" i="2"/>
  <c r="L5864" i="5" s="1"/>
  <c r="L357" i="2"/>
  <c r="L331" i="5" s="1"/>
  <c r="L6911" i="2"/>
  <c r="L6885" i="5" s="1"/>
  <c r="L6741" i="2"/>
  <c r="L6715" i="5" s="1"/>
  <c r="L4207" i="2"/>
  <c r="L4181" i="5" s="1"/>
  <c r="L4883" i="2"/>
  <c r="L4857" i="5" s="1"/>
  <c r="L5732" i="2"/>
  <c r="L5706" i="5" s="1"/>
  <c r="L4364" i="2"/>
  <c r="L4338" i="5" s="1"/>
  <c r="L8089" i="2"/>
  <c r="L8063" i="5" s="1"/>
  <c r="L6377" i="2"/>
  <c r="L6351" i="5" s="1"/>
  <c r="L4036" i="2"/>
  <c r="L4010" i="5" s="1"/>
  <c r="L5869" i="2"/>
  <c r="L5843" i="5" s="1"/>
  <c r="L4559" i="2"/>
  <c r="L4533" i="5" s="1"/>
  <c r="L7054" i="2"/>
  <c r="L7028" i="5" s="1"/>
  <c r="L6395" i="2"/>
  <c r="L6369" i="5" s="1"/>
  <c r="L2872" i="2"/>
  <c r="L2846" i="5" s="1"/>
  <c r="L4025" i="2"/>
  <c r="L3999" i="5" s="1"/>
  <c r="L4884" i="2"/>
  <c r="L4858" i="5" s="1"/>
  <c r="L1870" i="2"/>
  <c r="L1844" i="5" s="1"/>
  <c r="L7555" i="2"/>
  <c r="L7529" i="5" s="1"/>
  <c r="L686" i="2"/>
  <c r="L660" i="5" s="1"/>
  <c r="L7077" i="2"/>
  <c r="L7051" i="5" s="1"/>
  <c r="L5026" i="2"/>
  <c r="L5000" i="5" s="1"/>
  <c r="L2047" i="2"/>
  <c r="L2021" i="5" s="1"/>
  <c r="L4046" i="2"/>
  <c r="L4020" i="5" s="1"/>
  <c r="L8756" i="2"/>
  <c r="L8730" i="5" s="1"/>
  <c r="L335" i="2"/>
  <c r="L309" i="5" s="1"/>
  <c r="L7215" i="2"/>
  <c r="L7189" i="5" s="1"/>
  <c r="L4890" i="2"/>
  <c r="L4864" i="5" s="1"/>
  <c r="L6539" i="2"/>
  <c r="L6513" i="5" s="1"/>
  <c r="L5073" i="2"/>
  <c r="L5047" i="5" s="1"/>
  <c r="L8568" i="2"/>
  <c r="L8542" i="5" s="1"/>
  <c r="L3721" i="2"/>
  <c r="L3695" i="5" s="1"/>
  <c r="L6206" i="2"/>
  <c r="L6180" i="5" s="1"/>
  <c r="L3388" i="2"/>
  <c r="L3362" i="5" s="1"/>
  <c r="L6210" i="2"/>
  <c r="L6184" i="5" s="1"/>
  <c r="L4708" i="2"/>
  <c r="L4682" i="5" s="1"/>
  <c r="L1008" i="2"/>
  <c r="L982" i="5" s="1"/>
  <c r="L2543" i="2"/>
  <c r="L2517" i="5" s="1"/>
  <c r="L1856" i="2"/>
  <c r="L1830" i="5" s="1"/>
  <c r="L7256" i="2"/>
  <c r="L7230" i="5" s="1"/>
  <c r="L2868" i="2"/>
  <c r="L2842" i="5" s="1"/>
  <c r="L6396" i="2"/>
  <c r="L6370" i="5" s="1"/>
  <c r="L1344" i="2"/>
  <c r="L1318" i="5" s="1"/>
  <c r="L683" i="2"/>
  <c r="L657" i="5" s="1"/>
  <c r="L4378" i="2"/>
  <c r="L4352" i="5" s="1"/>
  <c r="L8734" i="2"/>
  <c r="L8708" i="5" s="1"/>
  <c r="L5396" i="2"/>
  <c r="L5370" i="5" s="1"/>
  <c r="L7753" i="2"/>
  <c r="L7727" i="5" s="1"/>
  <c r="L4713" i="2"/>
  <c r="L4687" i="5" s="1"/>
  <c r="L5898" i="2"/>
  <c r="L5872" i="5" s="1"/>
  <c r="L3360" i="2"/>
  <c r="L3334" i="5" s="1"/>
  <c r="L5719" i="2"/>
  <c r="L5693" i="5" s="1"/>
  <c r="L3384" i="2"/>
  <c r="L3358" i="5" s="1"/>
  <c r="L4061" i="2"/>
  <c r="L4035" i="5" s="1"/>
  <c r="L3546" i="2"/>
  <c r="L3520" i="5" s="1"/>
  <c r="L5058" i="2"/>
  <c r="L5032" i="5" s="1"/>
  <c r="L2698" i="2"/>
  <c r="L2672" i="5" s="1"/>
  <c r="L1533" i="2"/>
  <c r="L1507" i="5" s="1"/>
  <c r="L7743" i="2"/>
  <c r="L7717" i="5" s="1"/>
  <c r="L6561" i="2"/>
  <c r="L6535" i="5" s="1"/>
  <c r="L660" i="2"/>
  <c r="L634" i="5" s="1"/>
  <c r="L8758" i="2"/>
  <c r="L8732" i="5" s="1"/>
  <c r="L2216" i="2"/>
  <c r="L2190" i="5" s="1"/>
  <c r="L5057" i="2"/>
  <c r="L5031" i="5" s="1"/>
  <c r="L6879" i="2"/>
  <c r="L6853" i="5" s="1"/>
  <c r="L6375" i="2"/>
  <c r="L6349" i="5" s="1"/>
  <c r="L3861" i="2"/>
  <c r="L3835" i="5" s="1"/>
  <c r="L6389" i="2"/>
  <c r="L6363" i="5" s="1"/>
  <c r="L1003" i="2"/>
  <c r="L977" i="5" s="1"/>
  <c r="L2189" i="2"/>
  <c r="L2163" i="5" s="1"/>
  <c r="L7919" i="2"/>
  <c r="L7893" i="5" s="1"/>
  <c r="L3189" i="2"/>
  <c r="L3163" i="5" s="1"/>
  <c r="L3218" i="2"/>
  <c r="L3192" i="5" s="1"/>
  <c r="L6387" i="2"/>
  <c r="L6361" i="5" s="1"/>
  <c r="L5198" i="2"/>
  <c r="L5172" i="5" s="1"/>
  <c r="L7051" i="2"/>
  <c r="L7025" i="5" s="1"/>
  <c r="L3349" i="2"/>
  <c r="L3323" i="5" s="1"/>
  <c r="L7074" i="2"/>
  <c r="L7048" i="5" s="1"/>
  <c r="L5061" i="2"/>
  <c r="L5035" i="5" s="1"/>
  <c r="L3558" i="2"/>
  <c r="L3532" i="5" s="1"/>
  <c r="L7891" i="2"/>
  <c r="L7865" i="5" s="1"/>
  <c r="L7086" i="2"/>
  <c r="L7060" i="5" s="1"/>
  <c r="L5207" i="2"/>
  <c r="L5181" i="5" s="1"/>
  <c r="L5726" i="2"/>
  <c r="L5700" i="5" s="1"/>
  <c r="L4372" i="2"/>
  <c r="L4346" i="5" s="1"/>
  <c r="L4205" i="2"/>
  <c r="L4179" i="5" s="1"/>
  <c r="L7910" i="2"/>
  <c r="L7884" i="5" s="1"/>
  <c r="L3361" i="2"/>
  <c r="L3335" i="5" s="1"/>
  <c r="L8574" i="2"/>
  <c r="L8548" i="5" s="1"/>
  <c r="L498" i="2"/>
  <c r="L472" i="5" s="1"/>
  <c r="L5194" i="2"/>
  <c r="L5168" i="5" s="1"/>
  <c r="L1205" i="2"/>
  <c r="L1179" i="5" s="1"/>
  <c r="L3869" i="2"/>
  <c r="L3843" i="5" s="1"/>
  <c r="L7726" i="2"/>
  <c r="L7700" i="5" s="1"/>
  <c r="L3875" i="2"/>
  <c r="L3849" i="5" s="1"/>
  <c r="L6043" i="2"/>
  <c r="L6017" i="5" s="1"/>
  <c r="L5721" i="2"/>
  <c r="L5695" i="5" s="1"/>
  <c r="L2539" i="2"/>
  <c r="L2513" i="5" s="1"/>
  <c r="L7056" i="2"/>
  <c r="L7030" i="5" s="1"/>
  <c r="L5886" i="2"/>
  <c r="L5860" i="5" s="1"/>
  <c r="L1167" i="2"/>
  <c r="L1141" i="5" s="1"/>
  <c r="L4386" i="2"/>
  <c r="L4360" i="5" s="1"/>
  <c r="L4898" i="2"/>
  <c r="L4872" i="5" s="1"/>
  <c r="L1516" i="2"/>
  <c r="L1490" i="5" s="1"/>
  <c r="L2709" i="2"/>
  <c r="L2683" i="5" s="1"/>
  <c r="L5060" i="2"/>
  <c r="L5034" i="5" s="1"/>
  <c r="L172" i="2"/>
  <c r="L146" i="5" s="1"/>
  <c r="L2887" i="2"/>
  <c r="L2861" i="5" s="1"/>
  <c r="L1170" i="2"/>
  <c r="L1144" i="5" s="1"/>
  <c r="L7916" i="2"/>
  <c r="L7890" i="5" s="1"/>
  <c r="L6917" i="2"/>
  <c r="L6891" i="5" s="1"/>
  <c r="L2002" i="2"/>
  <c r="L1976" i="5" s="1"/>
  <c r="L701" i="2"/>
  <c r="L675" i="5" s="1"/>
  <c r="L4895" i="2"/>
  <c r="L4869" i="5" s="1"/>
  <c r="L2866" i="2"/>
  <c r="L2840" i="5" s="1"/>
  <c r="L520" i="2"/>
  <c r="L494" i="5" s="1"/>
  <c r="L1195" i="2"/>
  <c r="L1169" i="5" s="1"/>
  <c r="L6717" i="2"/>
  <c r="L6691" i="5" s="1"/>
  <c r="L5906" i="2"/>
  <c r="L5880" i="5" s="1"/>
  <c r="L4052" i="2"/>
  <c r="L4026" i="5" s="1"/>
  <c r="L5406" i="2"/>
  <c r="L5380" i="5" s="1"/>
  <c r="L8420" i="2"/>
  <c r="L8394" i="5" s="1"/>
  <c r="L1684" i="2"/>
  <c r="L1658" i="5" s="1"/>
  <c r="L5226" i="2"/>
  <c r="L5200" i="5" s="1"/>
  <c r="L532" i="2"/>
  <c r="L506" i="5" s="1"/>
  <c r="L6555" i="2"/>
  <c r="L6529" i="5" s="1"/>
  <c r="L6735" i="2"/>
  <c r="L6709" i="5" s="1"/>
  <c r="L7715" i="2"/>
  <c r="L7689" i="5" s="1"/>
  <c r="L2528" i="2"/>
  <c r="L2502" i="5" s="1"/>
  <c r="L3021" i="2"/>
  <c r="L2995" i="5" s="1"/>
  <c r="L7400" i="2"/>
  <c r="L7374" i="5" s="1"/>
  <c r="L1543" i="2"/>
  <c r="L1517" i="5" s="1"/>
  <c r="L3716" i="2"/>
  <c r="L3690" i="5" s="1"/>
  <c r="L3693" i="2"/>
  <c r="L3667" i="5" s="1"/>
  <c r="L3551" i="2"/>
  <c r="L3525" i="5" s="1"/>
  <c r="L1165" i="2"/>
  <c r="L1139" i="5" s="1"/>
  <c r="L3698" i="2"/>
  <c r="L3672" i="5" s="1"/>
  <c r="L1035" i="2"/>
  <c r="L1009" i="5" s="1"/>
  <c r="L7221" i="2"/>
  <c r="L7195" i="5" s="1"/>
  <c r="L168" i="2"/>
  <c r="L142" i="5" s="1"/>
  <c r="L3056" i="2"/>
  <c r="L3030" i="5" s="1"/>
  <c r="L5740" i="2"/>
  <c r="L5714" i="5" s="1"/>
  <c r="L7409" i="2"/>
  <c r="L7383" i="5" s="1"/>
  <c r="L1538" i="2"/>
  <c r="L1512" i="5" s="1"/>
  <c r="L3387" i="2"/>
  <c r="L3361" i="5" s="1"/>
  <c r="L5208" i="2"/>
  <c r="L5182" i="5" s="1"/>
  <c r="L5394" i="2"/>
  <c r="L5368" i="5" s="1"/>
  <c r="L5907" i="2"/>
  <c r="L5881" i="5" s="1"/>
  <c r="L8569" i="2"/>
  <c r="L8543" i="5" s="1"/>
  <c r="L506" i="2"/>
  <c r="L480" i="5" s="1"/>
  <c r="L1203" i="2"/>
  <c r="L1177" i="5" s="1"/>
  <c r="L495" i="2"/>
  <c r="L469" i="5" s="1"/>
  <c r="L7055" i="2"/>
  <c r="L7029" i="5" s="1"/>
  <c r="L325" i="2"/>
  <c r="L299" i="5" s="1"/>
  <c r="L8055" i="2"/>
  <c r="L8029" i="5" s="1"/>
  <c r="L8427" i="2"/>
  <c r="L8401" i="5" s="1"/>
  <c r="L5546" i="2"/>
  <c r="L5520" i="5" s="1"/>
  <c r="L2875" i="2"/>
  <c r="L2849" i="5" s="1"/>
  <c r="L5209" i="2"/>
  <c r="L5183" i="5" s="1"/>
  <c r="L1851" i="2"/>
  <c r="L1825" i="5" s="1"/>
  <c r="L7892" i="2"/>
  <c r="L7866" i="5" s="1"/>
  <c r="L2850" i="2"/>
  <c r="L2824" i="5" s="1"/>
  <c r="L5717" i="2"/>
  <c r="L5691" i="5" s="1"/>
  <c r="L351" i="2"/>
  <c r="L325" i="5" s="1"/>
  <c r="L7548" i="2"/>
  <c r="L7522" i="5" s="1"/>
  <c r="L7756" i="2"/>
  <c r="L7730" i="5" s="1"/>
  <c r="L3364" i="2"/>
  <c r="L3338" i="5" s="1"/>
  <c r="L669" i="2"/>
  <c r="L643" i="5" s="1"/>
  <c r="L5559" i="2"/>
  <c r="L5533" i="5" s="1"/>
  <c r="L6887" i="2"/>
  <c r="L6861" i="5" s="1"/>
  <c r="L8736" i="2"/>
  <c r="L8710" i="5" s="1"/>
  <c r="L514" i="2"/>
  <c r="L488" i="5" s="1"/>
  <c r="L7897" i="2"/>
  <c r="L7871" i="5" s="1"/>
  <c r="L4723" i="2"/>
  <c r="L4697" i="5" s="1"/>
  <c r="L6202" i="2"/>
  <c r="L6176" i="5" s="1"/>
  <c r="L1188" i="2"/>
  <c r="L1162" i="5" s="1"/>
  <c r="L1369" i="2"/>
  <c r="L1343" i="5" s="1"/>
  <c r="L534" i="2"/>
  <c r="L508" i="5" s="1"/>
  <c r="L1354" i="2"/>
  <c r="L1328" i="5" s="1"/>
  <c r="L4380" i="2"/>
  <c r="L4354" i="5" s="1"/>
  <c r="L696" i="2"/>
  <c r="L670" i="5" s="1"/>
  <c r="L6547" i="2"/>
  <c r="L6521" i="5" s="1"/>
  <c r="L6560" i="2"/>
  <c r="L6534" i="5" s="1"/>
  <c r="L5569" i="2"/>
  <c r="L5543" i="5" s="1"/>
  <c r="L8575" i="2"/>
  <c r="L8549" i="5" s="1"/>
  <c r="L1365" i="2"/>
  <c r="L1339" i="5" s="1"/>
  <c r="L2853" i="2"/>
  <c r="L2827" i="5" s="1"/>
  <c r="L4552" i="2"/>
  <c r="L4526" i="5" s="1"/>
  <c r="L7379" i="2"/>
  <c r="L7353" i="5" s="1"/>
  <c r="L4534" i="2"/>
  <c r="L4508" i="5" s="1"/>
  <c r="L8556" i="2"/>
  <c r="L8530" i="5" s="1"/>
  <c r="L191" i="2"/>
  <c r="L165" i="5" s="1"/>
  <c r="L4888" i="2"/>
  <c r="L4862" i="5" s="1"/>
  <c r="L1841" i="2"/>
  <c r="L1815" i="5" s="1"/>
  <c r="L6570" i="2"/>
  <c r="L6544" i="5" s="1"/>
  <c r="L1163" i="2"/>
  <c r="L1137" i="5" s="1"/>
  <c r="L6564" i="2"/>
  <c r="L6538" i="5" s="1"/>
  <c r="L2180" i="2"/>
  <c r="L2154" i="5" s="1"/>
  <c r="L2018" i="2"/>
  <c r="L1992" i="5" s="1"/>
  <c r="L7586" i="2"/>
  <c r="L7560" i="5" s="1"/>
  <c r="L1695" i="2"/>
  <c r="L1669" i="5" s="1"/>
  <c r="L4551" i="2"/>
  <c r="L4525" i="5" s="1"/>
  <c r="L1864" i="2"/>
  <c r="L1838" i="5" s="1"/>
  <c r="L5574" i="2"/>
  <c r="L5548" i="5" s="1"/>
  <c r="L5538" i="2"/>
  <c r="L5512" i="5" s="1"/>
  <c r="L7216" i="2"/>
  <c r="L7190" i="5" s="1"/>
  <c r="L4062" i="2"/>
  <c r="L4036" i="5" s="1"/>
  <c r="L183" i="2"/>
  <c r="L157" i="5" s="1"/>
  <c r="L6215" i="2"/>
  <c r="L6189" i="5" s="1"/>
  <c r="L8051" i="2"/>
  <c r="L8025" i="5" s="1"/>
  <c r="L1370" i="2"/>
  <c r="L1344" i="5" s="1"/>
  <c r="L7083" i="2"/>
  <c r="L7057" i="5" s="1"/>
  <c r="L1673" i="2"/>
  <c r="L1647" i="5" s="1"/>
  <c r="L6056" i="2"/>
  <c r="L6030" i="5" s="1"/>
  <c r="L5027" i="2"/>
  <c r="L5001" i="5" s="1"/>
  <c r="L1862" i="2"/>
  <c r="L1836" i="5" s="1"/>
  <c r="L2198" i="2"/>
  <c r="L2172" i="5" s="1"/>
  <c r="L491" i="2"/>
  <c r="L465" i="5" s="1"/>
  <c r="L4877" i="2"/>
  <c r="L4851" i="5" s="1"/>
  <c r="L5225" i="2"/>
  <c r="L5199" i="5" s="1"/>
  <c r="L8062" i="2"/>
  <c r="L8036" i="5" s="1"/>
  <c r="L4558" i="2"/>
  <c r="L4532" i="5" s="1"/>
  <c r="L691" i="2"/>
  <c r="L665" i="5" s="1"/>
  <c r="L1877" i="2"/>
  <c r="L1851" i="5" s="1"/>
  <c r="L6383" i="2"/>
  <c r="L6357" i="5" s="1"/>
  <c r="L1372" i="2"/>
  <c r="L1346" i="5" s="1"/>
  <c r="L5698" i="2"/>
  <c r="L5672" i="5" s="1"/>
  <c r="L1541" i="2"/>
  <c r="L1515" i="5" s="1"/>
  <c r="L1535" i="2"/>
  <c r="L1509" i="5" s="1"/>
  <c r="L4712" i="2"/>
  <c r="L4686" i="5" s="1"/>
  <c r="L5369" i="2"/>
  <c r="L5343" i="5" s="1"/>
  <c r="L1852" i="2"/>
  <c r="L1826" i="5" s="1"/>
  <c r="L2880" i="2"/>
  <c r="L2854" i="5" s="1"/>
  <c r="L3011" i="2"/>
  <c r="L2985" i="5" s="1"/>
  <c r="L5877" i="2"/>
  <c r="L5851" i="5" s="1"/>
  <c r="L852" i="2"/>
  <c r="L826" i="5" s="1"/>
  <c r="L5567" i="2"/>
  <c r="L5541" i="5" s="1"/>
  <c r="L524" i="2"/>
  <c r="L498" i="5" s="1"/>
  <c r="L6740" i="2"/>
  <c r="L6714" i="5" s="1"/>
  <c r="L3690" i="2"/>
  <c r="L3664" i="5" s="1"/>
  <c r="L4224" i="2"/>
  <c r="L4198" i="5" s="1"/>
  <c r="L870" i="2"/>
  <c r="L844" i="5" s="1"/>
  <c r="L7915" i="2"/>
  <c r="L7889" i="5" s="1"/>
  <c r="L3719" i="2"/>
  <c r="L3693" i="5" s="1"/>
  <c r="L527" i="2"/>
  <c r="L501" i="5" s="1"/>
  <c r="L1696" i="2"/>
  <c r="L1670" i="5" s="1"/>
  <c r="L6046" i="2"/>
  <c r="L6020" i="5" s="1"/>
  <c r="L841" i="2"/>
  <c r="L815" i="5" s="1"/>
  <c r="L4200" i="2"/>
  <c r="L4174" i="5" s="1"/>
  <c r="L8764" i="2"/>
  <c r="L8738" i="5" s="1"/>
  <c r="L4033" i="2"/>
  <c r="L4007" i="5" s="1"/>
  <c r="L328" i="2"/>
  <c r="L302" i="5" s="1"/>
  <c r="L3683" i="2"/>
  <c r="L3657" i="5" s="1"/>
  <c r="L1031" i="2"/>
  <c r="L1005" i="5" s="1"/>
  <c r="L1860" i="2"/>
  <c r="L1834" i="5" s="1"/>
  <c r="L4199" i="2"/>
  <c r="L4173" i="5" s="1"/>
  <c r="L6397" i="2"/>
  <c r="L6371" i="5" s="1"/>
  <c r="L7044" i="2"/>
  <c r="L7018" i="5" s="1"/>
  <c r="L4051" i="2"/>
  <c r="L4025" i="5" s="1"/>
  <c r="L6753" i="2"/>
  <c r="L6727" i="5" s="1"/>
  <c r="L1838" i="2"/>
  <c r="L1812" i="5" s="1"/>
  <c r="L7581" i="2"/>
  <c r="L7555" i="5" s="1"/>
  <c r="L5219" i="2"/>
  <c r="L5193" i="5" s="1"/>
  <c r="L7088" i="2"/>
  <c r="L7062" i="5" s="1"/>
  <c r="L5216" i="2"/>
  <c r="L5190" i="5" s="1"/>
  <c r="L6578" i="2"/>
  <c r="L6552" i="5" s="1"/>
  <c r="L2040" i="2"/>
  <c r="L2014" i="5" s="1"/>
  <c r="L1019" i="2"/>
  <c r="L993" i="5" s="1"/>
  <c r="L3045" i="2"/>
  <c r="L3019" i="5" s="1"/>
  <c r="L6727" i="2"/>
  <c r="L6701" i="5" s="1"/>
  <c r="L8591" i="2"/>
  <c r="L8565" i="5" s="1"/>
  <c r="L8260" i="2"/>
  <c r="L8234" i="5" s="1"/>
  <c r="L5230" i="2"/>
  <c r="L5204" i="5" s="1"/>
  <c r="L4902" i="2"/>
  <c r="L4876" i="5" s="1"/>
  <c r="L1517" i="2"/>
  <c r="L1491" i="5" s="1"/>
  <c r="L7213" i="2"/>
  <c r="L7187" i="5" s="1"/>
  <c r="L8050" i="2"/>
  <c r="L8024" i="5" s="1"/>
  <c r="L3724" i="2"/>
  <c r="L3698" i="5" s="1"/>
  <c r="L8386" i="2"/>
  <c r="L2366" i="2"/>
  <c r="L2340" i="5" s="1"/>
  <c r="L6881" i="2"/>
  <c r="L6855" i="5" s="1"/>
  <c r="L8560" i="2"/>
  <c r="L8534" i="5" s="1"/>
  <c r="L7084" i="2"/>
  <c r="L7058" i="5" s="1"/>
  <c r="L5403" i="2"/>
  <c r="L5377" i="5" s="1"/>
  <c r="L8419" i="2"/>
  <c r="L8393" i="5" s="1"/>
  <c r="L2043" i="2"/>
  <c r="L2017" i="5" s="1"/>
  <c r="L3224" i="2"/>
  <c r="L3198" i="5" s="1"/>
  <c r="L2003" i="2"/>
  <c r="L1977" i="5" s="1"/>
  <c r="L1530" i="2"/>
  <c r="L1504" i="5" s="1"/>
  <c r="L6752" i="2"/>
  <c r="L6726" i="5" s="1"/>
  <c r="L1030" i="2"/>
  <c r="L1004" i="5" s="1"/>
  <c r="L1357" i="2"/>
  <c r="L1331" i="5" s="1"/>
  <c r="L1697" i="2"/>
  <c r="L1671" i="5" s="1"/>
  <c r="L4210" i="2"/>
  <c r="L4184" i="5" s="1"/>
  <c r="L3352" i="2"/>
  <c r="L3326" i="5" s="1"/>
  <c r="L2515" i="2"/>
  <c r="L2489" i="5" s="1"/>
  <c r="L6577" i="2"/>
  <c r="L6551" i="5" s="1"/>
  <c r="L4729" i="2"/>
  <c r="L4703" i="5" s="1"/>
  <c r="L1677" i="2"/>
  <c r="L1651" i="5" s="1"/>
  <c r="L3556" i="2"/>
  <c r="L3530" i="5" s="1"/>
  <c r="L7727" i="2"/>
  <c r="L7701" i="5" s="1"/>
  <c r="L2863" i="2"/>
  <c r="L2837" i="5" s="1"/>
  <c r="L6890" i="2"/>
  <c r="L6864" i="5" s="1"/>
  <c r="L3378" i="2"/>
  <c r="L3352" i="5" s="1"/>
  <c r="L7236" i="2"/>
  <c r="L7210" i="5" s="1"/>
  <c r="L5037" i="2"/>
  <c r="L5011" i="5" s="1"/>
  <c r="L8229" i="2"/>
  <c r="L8203" i="5" s="1"/>
  <c r="L2212" i="2"/>
  <c r="L2186" i="5" s="1"/>
  <c r="L6049" i="2"/>
  <c r="L6023" i="5" s="1"/>
  <c r="L3186" i="2"/>
  <c r="L3160" i="5" s="1"/>
  <c r="L5240" i="2"/>
  <c r="L5214" i="5" s="1"/>
  <c r="L8580" i="2"/>
  <c r="L8554" i="5" s="1"/>
  <c r="L4897" i="2"/>
  <c r="L4871" i="5" s="1"/>
  <c r="L2855" i="2"/>
  <c r="L2829" i="5" s="1"/>
  <c r="L5370" i="2"/>
  <c r="L5344" i="5" s="1"/>
  <c r="L7560" i="2"/>
  <c r="L7534" i="5" s="1"/>
  <c r="L5049" i="2"/>
  <c r="L5023" i="5" s="1"/>
  <c r="L7883" i="2"/>
  <c r="L7857" i="5" s="1"/>
  <c r="L4383" i="2"/>
  <c r="L4357" i="5" s="1"/>
  <c r="L1361" i="2"/>
  <c r="L1335" i="5" s="1"/>
  <c r="L1505" i="2"/>
  <c r="L1479" i="5" s="1"/>
  <c r="L3528" i="2"/>
  <c r="L3502" i="5" s="1"/>
  <c r="L5532" i="2"/>
  <c r="L5506" i="5" s="1"/>
  <c r="L4042" i="2"/>
  <c r="L4016" i="5" s="1"/>
  <c r="L3515" i="2"/>
  <c r="L3489" i="5" s="1"/>
  <c r="L6245" i="2"/>
  <c r="L6219" i="5" s="1"/>
  <c r="L352" i="2"/>
  <c r="L326" i="5" s="1"/>
  <c r="L4862" i="2"/>
  <c r="L4836" i="5" s="1"/>
  <c r="L3700" i="2"/>
  <c r="L3674" i="5" s="1"/>
  <c r="L334" i="2"/>
  <c r="L308" i="5" s="1"/>
  <c r="L4354" i="2"/>
  <c r="L4328" i="5" s="1"/>
  <c r="L1510" i="2"/>
  <c r="L1484" i="5" s="1"/>
  <c r="L1347" i="2"/>
  <c r="L1321" i="5" s="1"/>
  <c r="L4370" i="2"/>
  <c r="L4344" i="5" s="1"/>
  <c r="L1839" i="2"/>
  <c r="L1813" i="5" s="1"/>
  <c r="L8407" i="2"/>
  <c r="L8381" i="5" s="1"/>
  <c r="L7751" i="2"/>
  <c r="L7725" i="5" s="1"/>
  <c r="L2511" i="2"/>
  <c r="L2485" i="5" s="1"/>
  <c r="L1032" i="2"/>
  <c r="L1006" i="5" s="1"/>
  <c r="L4535" i="2"/>
  <c r="L4509" i="5" s="1"/>
  <c r="L5712" i="2"/>
  <c r="L5686" i="5" s="1"/>
  <c r="L2690" i="2"/>
  <c r="L2664" i="5" s="1"/>
  <c r="L5568" i="2"/>
  <c r="L5542" i="5" s="1"/>
  <c r="L6037" i="2"/>
  <c r="L6011" i="5" s="1"/>
  <c r="L6226" i="2"/>
  <c r="L6200" i="5" s="1"/>
  <c r="L5204" i="2"/>
  <c r="L5178" i="5" s="1"/>
  <c r="L848" i="2"/>
  <c r="L822" i="5" s="1"/>
  <c r="L6057" i="2"/>
  <c r="L6031" i="5" s="1"/>
  <c r="L7909" i="2"/>
  <c r="L7883" i="5" s="1"/>
  <c r="L6574" i="2"/>
  <c r="L6548" i="5" s="1"/>
  <c r="L2530" i="2"/>
  <c r="L2504" i="5" s="1"/>
  <c r="L2854" i="2"/>
  <c r="L2828" i="5" s="1"/>
  <c r="L2352" i="2"/>
  <c r="L2326" i="5" s="1"/>
  <c r="L2521" i="2"/>
  <c r="L2495" i="5" s="1"/>
  <c r="L4554" i="2"/>
  <c r="L4528" i="5" s="1"/>
  <c r="L7420" i="2"/>
  <c r="L7394" i="5" s="1"/>
  <c r="L1176" i="2"/>
  <c r="L1150" i="5" s="1"/>
  <c r="L2175" i="2"/>
  <c r="L2149" i="5" s="1"/>
  <c r="L7423" i="2"/>
  <c r="L7397" i="5" s="1"/>
  <c r="L4737" i="2"/>
  <c r="L4711" i="5" s="1"/>
  <c r="L2178" i="2"/>
  <c r="L2152" i="5" s="1"/>
  <c r="L5038" i="2"/>
  <c r="L5012" i="5" s="1"/>
  <c r="L6217" i="2"/>
  <c r="L6191" i="5" s="1"/>
  <c r="L7904" i="2"/>
  <c r="L7878" i="5" s="1"/>
  <c r="L1004" i="2"/>
  <c r="L978" i="5" s="1"/>
  <c r="L7218" i="2"/>
  <c r="L7192" i="5" s="1"/>
  <c r="L6391" i="2"/>
  <c r="L6365" i="5" s="1"/>
  <c r="L8757" i="2"/>
  <c r="L8731" i="5" s="1"/>
  <c r="L3538" i="2"/>
  <c r="L3512" i="5" s="1"/>
  <c r="L8586" i="2"/>
  <c r="L8560" i="5" s="1"/>
  <c r="L1181" i="2"/>
  <c r="L1155" i="5" s="1"/>
  <c r="L3374" i="2"/>
  <c r="L3348" i="5" s="1"/>
  <c r="L7729" i="2"/>
  <c r="L7703" i="5" s="1"/>
  <c r="L4702" i="2"/>
  <c r="L4676" i="5" s="1"/>
  <c r="L8429" i="2"/>
  <c r="L8403" i="5" s="1"/>
  <c r="L8077" i="2"/>
  <c r="L8051" i="5" s="1"/>
  <c r="L1028" i="2"/>
  <c r="L1002" i="5" s="1"/>
  <c r="L8423" i="2"/>
  <c r="L8397" i="5" s="1"/>
  <c r="L7566" i="2"/>
  <c r="L7540" i="5" s="1"/>
  <c r="L3559" i="2"/>
  <c r="L3533" i="5" s="1"/>
  <c r="L7253" i="2"/>
  <c r="L7227" i="5" s="1"/>
  <c r="L3179" i="2"/>
  <c r="L3153" i="5" s="1"/>
  <c r="L3370" i="2"/>
  <c r="L3344" i="5" s="1"/>
  <c r="L5725" i="2"/>
  <c r="L5699" i="5" s="1"/>
  <c r="L8391" i="2"/>
  <c r="L8365" i="5" s="1"/>
  <c r="L2382" i="2"/>
  <c r="L2356" i="5" s="1"/>
  <c r="L8749" i="2"/>
  <c r="L8723" i="5" s="1"/>
  <c r="L1672" i="2"/>
  <c r="L1646" i="5" s="1"/>
  <c r="L3350" i="2"/>
  <c r="L3324" i="5" s="1"/>
  <c r="L2882" i="2"/>
  <c r="L2856" i="5" s="1"/>
  <c r="L1338" i="2"/>
  <c r="L1312" i="5" s="1"/>
  <c r="L1334" i="2"/>
  <c r="L1308" i="5" s="1"/>
  <c r="L2184" i="2"/>
  <c r="L2158" i="5" s="1"/>
  <c r="L4193" i="2"/>
  <c r="L4167" i="5" s="1"/>
  <c r="L1169" i="2"/>
  <c r="L1143" i="5" s="1"/>
  <c r="L7554" i="2"/>
  <c r="L7528" i="5" s="1"/>
  <c r="L5737" i="2"/>
  <c r="L5711" i="5" s="1"/>
  <c r="L7047" i="2"/>
  <c r="L7021" i="5" s="1"/>
  <c r="L4198" i="2"/>
  <c r="L4172" i="5" s="1"/>
  <c r="L5067" i="2"/>
  <c r="L5041" i="5" s="1"/>
  <c r="L3055" i="2"/>
  <c r="L3029" i="5" s="1"/>
  <c r="L6241" i="2"/>
  <c r="L6215" i="5" s="1"/>
  <c r="L6912" i="2"/>
  <c r="L6886" i="5" s="1"/>
  <c r="L4555" i="2"/>
  <c r="L4529" i="5" s="1"/>
  <c r="L7406" i="2"/>
  <c r="L7380" i="5" s="1"/>
  <c r="L8571" i="2"/>
  <c r="L8545" i="5" s="1"/>
  <c r="L6079" i="2"/>
  <c r="L6053" i="5" s="1"/>
  <c r="L8567" i="2"/>
  <c r="L8541" i="5" s="1"/>
  <c r="L2368" i="2"/>
  <c r="L2342" i="5" s="1"/>
  <c r="L5702" i="2"/>
  <c r="L5676" i="5" s="1"/>
  <c r="L8564" i="2"/>
  <c r="L8538" i="5" s="1"/>
  <c r="L4040" i="2"/>
  <c r="L4014" i="5" s="1"/>
  <c r="L1024" i="2"/>
  <c r="L998" i="5" s="1"/>
  <c r="L2194" i="2"/>
  <c r="L2168" i="5" s="1"/>
  <c r="L8239" i="2"/>
  <c r="L8213" i="5" s="1"/>
  <c r="L7422" i="2"/>
  <c r="L7396" i="5" s="1"/>
  <c r="L1866" i="2"/>
  <c r="L1840" i="5" s="1"/>
  <c r="L6731" i="2"/>
  <c r="L6705" i="5" s="1"/>
  <c r="L866" i="2"/>
  <c r="L840" i="5" s="1"/>
  <c r="L684" i="2"/>
  <c r="L658" i="5" s="1"/>
  <c r="L5386" i="2"/>
  <c r="L5360" i="5" s="1"/>
  <c r="L6874" i="2"/>
  <c r="L6848" i="5" s="1"/>
  <c r="L8555" i="2"/>
  <c r="L8529" i="5" s="1"/>
  <c r="L6883" i="2"/>
  <c r="L6857" i="5" s="1"/>
  <c r="L1689" i="2"/>
  <c r="L1663" i="5" s="1"/>
  <c r="L6237" i="2"/>
  <c r="L6211" i="5" s="1"/>
  <c r="L3727" i="2"/>
  <c r="L3701" i="5" s="1"/>
  <c r="L1863" i="2"/>
  <c r="L1837" i="5" s="1"/>
  <c r="L6205" i="2"/>
  <c r="L6179" i="5" s="1"/>
  <c r="L855" i="2"/>
  <c r="L829" i="5" s="1"/>
  <c r="L2518" i="2"/>
  <c r="L2492" i="5" s="1"/>
  <c r="L856" i="2"/>
  <c r="L830" i="5" s="1"/>
  <c r="L5228" i="2"/>
  <c r="L5202" i="5" s="1"/>
  <c r="L6744" i="2"/>
  <c r="L6718" i="5" s="1"/>
  <c r="L1872" i="2"/>
  <c r="L1846" i="5" s="1"/>
  <c r="L6081" i="2"/>
  <c r="L6055" i="5" s="1"/>
  <c r="L6070" i="2"/>
  <c r="L6044" i="5" s="1"/>
  <c r="L5901" i="2"/>
  <c r="L5875" i="5" s="1"/>
  <c r="L5195" i="2"/>
  <c r="L5169" i="5" s="1"/>
  <c r="L1371" i="2"/>
  <c r="L1345" i="5" s="1"/>
  <c r="L1173" i="2"/>
  <c r="L1147" i="5" s="1"/>
  <c r="L7073" i="2"/>
  <c r="L7047" i="5" s="1"/>
  <c r="L7078" i="2"/>
  <c r="L7052" i="5" s="1"/>
  <c r="L6067" i="2"/>
  <c r="L6041" i="5" s="1"/>
  <c r="L504" i="2"/>
  <c r="L478" i="5" s="1"/>
  <c r="L7583" i="2"/>
  <c r="L7557" i="5" s="1"/>
  <c r="L2885" i="2"/>
  <c r="L2859" i="5" s="1"/>
  <c r="L3178" i="2"/>
  <c r="L3152" i="5" s="1"/>
  <c r="L1359" i="2"/>
  <c r="L1333" i="5" s="1"/>
  <c r="L8554" i="2"/>
  <c r="L8528" i="5" s="1"/>
  <c r="L8225" i="2"/>
  <c r="L8199" i="5" s="1"/>
  <c r="L2024" i="2"/>
  <c r="L1998" i="5" s="1"/>
  <c r="L6541" i="2"/>
  <c r="L6515" i="5" s="1"/>
  <c r="L7058" i="2"/>
  <c r="L7032" i="5" s="1"/>
  <c r="L6034" i="2"/>
  <c r="L6008" i="5" s="1"/>
  <c r="L690" i="2"/>
  <c r="L664" i="5" s="1"/>
  <c r="L1025" i="2"/>
  <c r="L999" i="5" s="1"/>
  <c r="L1033" i="2"/>
  <c r="L1007" i="5" s="1"/>
  <c r="L4872" i="2"/>
  <c r="L4846" i="5" s="1"/>
  <c r="L7923" i="2"/>
  <c r="L7897" i="5" s="1"/>
  <c r="L670" i="2"/>
  <c r="L644" i="5" s="1"/>
  <c r="L184" i="2"/>
  <c r="L158" i="5" s="1"/>
  <c r="L4560" i="2"/>
  <c r="L4534" i="5" s="1"/>
  <c r="L3026" i="2"/>
  <c r="L3000" i="5" s="1"/>
  <c r="L4221" i="2"/>
  <c r="L4195" i="5" s="1"/>
  <c r="L3216" i="2"/>
  <c r="L3190" i="5" s="1"/>
  <c r="L2510" i="2"/>
  <c r="L2484" i="5" s="1"/>
  <c r="L1332" i="2"/>
  <c r="L1306" i="5" s="1"/>
  <c r="L2508" i="2"/>
  <c r="L2482" i="5" s="1"/>
  <c r="L4726" i="2"/>
  <c r="L4700" i="5" s="1"/>
  <c r="L4736" i="2"/>
  <c r="L4710" i="5" s="1"/>
  <c r="L513" i="2"/>
  <c r="L487" i="5" s="1"/>
  <c r="L6913" i="2"/>
  <c r="L6887" i="5" s="1"/>
  <c r="L1350" i="2"/>
  <c r="L1324" i="5" s="1"/>
  <c r="L6373" i="2"/>
  <c r="L6347" i="5" s="1"/>
  <c r="L3713" i="2"/>
  <c r="L3687" i="5" s="1"/>
  <c r="L7926" i="2"/>
  <c r="L7900" i="5" s="1"/>
  <c r="L8245" i="2"/>
  <c r="L8219" i="5" s="1"/>
  <c r="L3884" i="2"/>
  <c r="L3858" i="5" s="1"/>
  <c r="L7906" i="2"/>
  <c r="L7880" i="5" s="1"/>
  <c r="L8743" i="2"/>
  <c r="L8717" i="5" s="1"/>
  <c r="L336" i="2"/>
  <c r="L310" i="5" s="1"/>
  <c r="L360" i="2"/>
  <c r="L334" i="5" s="1"/>
  <c r="L842" i="2"/>
  <c r="L816" i="5" s="1"/>
  <c r="L2677" i="2"/>
  <c r="L2651" i="5" s="1"/>
  <c r="L1709" i="2"/>
  <c r="L1683" i="5" s="1"/>
  <c r="L6212" i="2"/>
  <c r="L6186" i="5" s="1"/>
  <c r="L6238" i="2"/>
  <c r="L6212" i="5" s="1"/>
  <c r="L3221" i="2"/>
  <c r="L3195" i="5" s="1"/>
  <c r="L2545" i="2"/>
  <c r="L2519" i="5" s="1"/>
  <c r="L4187" i="2"/>
  <c r="L4161" i="5" s="1"/>
  <c r="L3392" i="2"/>
  <c r="L3366" i="5" s="1"/>
  <c r="L6909" i="2"/>
  <c r="L6883" i="5" s="1"/>
  <c r="L5723" i="2"/>
  <c r="L5697" i="5" s="1"/>
  <c r="L6249" i="2"/>
  <c r="L6223" i="5" s="1"/>
  <c r="L1002" i="2"/>
  <c r="L976" i="5" s="1"/>
  <c r="L2361" i="2"/>
  <c r="L2335" i="5" s="1"/>
  <c r="L2888" i="2"/>
  <c r="L2862" i="5" s="1"/>
  <c r="L8080" i="2"/>
  <c r="L8054" i="5" s="1"/>
  <c r="L6224" i="2"/>
  <c r="L6198" i="5" s="1"/>
  <c r="L4375" i="2"/>
  <c r="L4349" i="5" s="1"/>
  <c r="L7921" i="2"/>
  <c r="L7895" i="5" s="1"/>
  <c r="L2031" i="2"/>
  <c r="L2005" i="5" s="1"/>
  <c r="L7887" i="2"/>
  <c r="L7861" i="5" s="1"/>
  <c r="L4356" i="2"/>
  <c r="L4330" i="5" s="1"/>
  <c r="L2380" i="2"/>
  <c r="L2354" i="5" s="1"/>
  <c r="L3876" i="2"/>
  <c r="L3850" i="5" s="1"/>
  <c r="L1681" i="2"/>
  <c r="L1655" i="5" s="1"/>
  <c r="L5729" i="2"/>
  <c r="L5703" i="5" s="1"/>
  <c r="L2846" i="2"/>
  <c r="L2820" i="5" s="1"/>
  <c r="L5713" i="2"/>
  <c r="L5687" i="5" s="1"/>
  <c r="L1881" i="2"/>
  <c r="L1855" i="5" s="1"/>
  <c r="L4717" i="2"/>
  <c r="L4691" i="5" s="1"/>
  <c r="L4732" i="2"/>
  <c r="L4706" i="5" s="1"/>
  <c r="L4525" i="2"/>
  <c r="L4499" i="5" s="1"/>
  <c r="L1178" i="2"/>
  <c r="L1152" i="5" s="1"/>
  <c r="L6557" i="2"/>
  <c r="L6531" i="5" s="1"/>
  <c r="L2703" i="2"/>
  <c r="L2677" i="5" s="1"/>
  <c r="L2008" i="2"/>
  <c r="L1982" i="5" s="1"/>
  <c r="L4220" i="2"/>
  <c r="L4194" i="5" s="1"/>
  <c r="L8244" i="2"/>
  <c r="L8218" i="5" s="1"/>
  <c r="L4870" i="2"/>
  <c r="L4844" i="5" s="1"/>
  <c r="L5375" i="2"/>
  <c r="L5349" i="5" s="1"/>
  <c r="L3365" i="2"/>
  <c r="L3339" i="5" s="1"/>
  <c r="L7742" i="2"/>
  <c r="L7716" i="5" s="1"/>
  <c r="L3356" i="2"/>
  <c r="L3330" i="5" s="1"/>
  <c r="L339" i="2"/>
  <c r="L313" i="5" s="1"/>
  <c r="L2021" i="2"/>
  <c r="L1995" i="5" s="1"/>
  <c r="L4389" i="2"/>
  <c r="L4363" i="5" s="1"/>
  <c r="L1362" i="2"/>
  <c r="L1336" i="5" s="1"/>
  <c r="L5203" i="2"/>
  <c r="L5177" i="5" s="1"/>
  <c r="L5404" i="2"/>
  <c r="L5378" i="5" s="1"/>
  <c r="L6882" i="2"/>
  <c r="L6856" i="5" s="1"/>
  <c r="L5045" i="2"/>
  <c r="L5019" i="5" s="1"/>
  <c r="L7900" i="2"/>
  <c r="L7874" i="5" s="1"/>
  <c r="L7417" i="2"/>
  <c r="L7391" i="5" s="1"/>
  <c r="L2522" i="2"/>
  <c r="L2496" i="5" s="1"/>
  <c r="L3707" i="2"/>
  <c r="L3681" i="5" s="1"/>
  <c r="L1184" i="2"/>
  <c r="L1158" i="5" s="1"/>
  <c r="L2011" i="2"/>
  <c r="L1985" i="5" s="1"/>
  <c r="L8221" i="2"/>
  <c r="L8195" i="5" s="1"/>
  <c r="L6080" i="2"/>
  <c r="L6054" i="5" s="1"/>
  <c r="L7746" i="2"/>
  <c r="L7720" i="5" s="1"/>
  <c r="L324" i="2"/>
  <c r="L298" i="5" s="1"/>
  <c r="L7378" i="2"/>
  <c r="L7352" i="5" s="1"/>
  <c r="L4696" i="2"/>
  <c r="L4670" i="5" s="1"/>
  <c r="L4385" i="2"/>
  <c r="L4359" i="5" s="1"/>
  <c r="L5543" i="2"/>
  <c r="L5517" i="5" s="1"/>
  <c r="L2343" i="2"/>
  <c r="L2317" i="5" s="1"/>
  <c r="L3383" i="2"/>
  <c r="L3357" i="5" s="1"/>
  <c r="L3052" i="2"/>
  <c r="L3026" i="5" s="1"/>
  <c r="L5708" i="2"/>
  <c r="L5682" i="5" s="1"/>
  <c r="L6728" i="2"/>
  <c r="L6702" i="5" s="1"/>
  <c r="L8769" i="2"/>
  <c r="L8743" i="5" s="1"/>
  <c r="L835" i="2"/>
  <c r="L809" i="5" s="1"/>
  <c r="L6540" i="2"/>
  <c r="L6514" i="5" s="1"/>
  <c r="L7386" i="2"/>
  <c r="L7360" i="5" s="1"/>
  <c r="L3382" i="2"/>
  <c r="L3356" i="5" s="1"/>
  <c r="L839" i="2"/>
  <c r="L813" i="5" s="1"/>
  <c r="L1508" i="2"/>
  <c r="L1482" i="5" s="1"/>
  <c r="L857" i="2"/>
  <c r="L831" i="5" s="1"/>
  <c r="L8577" i="2"/>
  <c r="L8551" i="5" s="1"/>
  <c r="L6712" i="2"/>
  <c r="L6686" i="5" s="1"/>
  <c r="L7924" i="2"/>
  <c r="L7898" i="5" s="1"/>
  <c r="L8765" i="2"/>
  <c r="L8739" i="5" s="1"/>
  <c r="L2205" i="2"/>
  <c r="L2179" i="5" s="1"/>
  <c r="L2202" i="2"/>
  <c r="L2176" i="5" s="1"/>
  <c r="L163" i="2"/>
  <c r="L137" i="5" s="1"/>
  <c r="L6723" i="2"/>
  <c r="L6697" i="5" s="1"/>
  <c r="L4204" i="2"/>
  <c r="L4178" i="5" s="1"/>
  <c r="L6235" i="2"/>
  <c r="L6209" i="5" s="1"/>
  <c r="L2716" i="2"/>
  <c r="L2690" i="5" s="1"/>
  <c r="L6211" i="2"/>
  <c r="L6185" i="5" s="1"/>
  <c r="L8428" i="2"/>
  <c r="L8402" i="5" s="1"/>
  <c r="L4377" i="2"/>
  <c r="L4351" i="5" s="1"/>
  <c r="L8067" i="2"/>
  <c r="L8041" i="5" s="1"/>
  <c r="L8418" i="2"/>
  <c r="L8392" i="5" s="1"/>
  <c r="L5722" i="2"/>
  <c r="L5696" i="5" s="1"/>
  <c r="L3533" i="2"/>
  <c r="L3507" i="5" s="1"/>
  <c r="L5871" i="2"/>
  <c r="L5845" i="5" s="1"/>
  <c r="L1193" i="2"/>
  <c r="L1167" i="5" s="1"/>
  <c r="L5197" i="2"/>
  <c r="L5171" i="5" s="1"/>
  <c r="L5390" i="2"/>
  <c r="L5364" i="5" s="1"/>
  <c r="L6542" i="2"/>
  <c r="L6516" i="5" s="1"/>
  <c r="L4692" i="2"/>
  <c r="L4666" i="5" s="1"/>
  <c r="L4691" i="2"/>
  <c r="L4665" i="5" s="1"/>
  <c r="L5044" i="2"/>
  <c r="L5018" i="5" s="1"/>
  <c r="L4886" i="2"/>
  <c r="L4860" i="5" s="1"/>
  <c r="L8253" i="2"/>
  <c r="L8227" i="5" s="1"/>
  <c r="L6585" i="2"/>
  <c r="L6559" i="5" s="1"/>
  <c r="L7572" i="2"/>
  <c r="L7546" i="5" s="1"/>
  <c r="L1536" i="2"/>
  <c r="L1510" i="5" s="1"/>
  <c r="L3025" i="2"/>
  <c r="L2999" i="5" s="1"/>
  <c r="L8430" i="2"/>
  <c r="L8404" i="5" s="1"/>
  <c r="L7559" i="2"/>
  <c r="L7533" i="5" s="1"/>
  <c r="L3896" i="2"/>
  <c r="L3870" i="5" s="1"/>
  <c r="L1360" i="2"/>
  <c r="L1334" i="5" s="1"/>
  <c r="L355" i="2"/>
  <c r="L329" i="5" s="1"/>
  <c r="L3030" i="2"/>
  <c r="L3004" i="5" s="1"/>
  <c r="L4896" i="2"/>
  <c r="L4870" i="5" s="1"/>
  <c r="L5377" i="2"/>
  <c r="L5351" i="5" s="1"/>
  <c r="L3208" i="2"/>
  <c r="L3182" i="5" s="1"/>
  <c r="L1007" i="2"/>
  <c r="L981" i="5" s="1"/>
  <c r="L4566" i="2"/>
  <c r="L4540" i="5" s="1"/>
  <c r="L3891" i="2"/>
  <c r="L3865" i="5" s="1"/>
  <c r="L6732" i="2"/>
  <c r="L6706" i="5" s="1"/>
  <c r="L1700" i="2"/>
  <c r="L1674" i="5" s="1"/>
  <c r="L6236" i="2"/>
  <c r="L6210" i="5" s="1"/>
  <c r="L4064" i="2"/>
  <c r="L4038" i="5" s="1"/>
  <c r="L869" i="2"/>
  <c r="L843" i="5" s="1"/>
  <c r="L2713" i="2"/>
  <c r="L2687" i="5" s="1"/>
  <c r="L1706" i="2"/>
  <c r="L1680" i="5" s="1"/>
  <c r="L6050" i="2"/>
  <c r="L6024" i="5" s="1"/>
  <c r="L3894" i="2"/>
  <c r="L3868" i="5" s="1"/>
  <c r="L7575" i="2"/>
  <c r="L7549" i="5" s="1"/>
  <c r="L7585" i="2"/>
  <c r="L7559" i="5" s="1"/>
  <c r="L8236" i="2"/>
  <c r="L8210" i="5" s="1"/>
  <c r="L3010" i="2"/>
  <c r="L2984" i="5" s="1"/>
  <c r="L8422" i="2"/>
  <c r="L8396" i="5" s="1"/>
  <c r="L2843" i="2"/>
  <c r="L2817" i="5" s="1"/>
  <c r="L4858" i="2"/>
  <c r="L4832" i="5" s="1"/>
  <c r="L2534" i="2"/>
  <c r="L2508" i="5" s="1"/>
  <c r="L1020" i="2"/>
  <c r="L994" i="5" s="1"/>
  <c r="L8759" i="2"/>
  <c r="L8733" i="5" s="1"/>
  <c r="L1523" i="2"/>
  <c r="L1497" i="5" s="1"/>
  <c r="L2684" i="2"/>
  <c r="L2658" i="5" s="1"/>
  <c r="L858" i="2"/>
  <c r="L832" i="5" s="1"/>
  <c r="L1034" i="2"/>
  <c r="L1008" i="5" s="1"/>
  <c r="L2381" i="2"/>
  <c r="L2355" i="5" s="1"/>
  <c r="L2363" i="2"/>
  <c r="L2337" i="5" s="1"/>
  <c r="L1529" i="2"/>
  <c r="L1503" i="5" s="1"/>
  <c r="L850" i="2"/>
  <c r="L824" i="5" s="1"/>
  <c r="L3359" i="2"/>
  <c r="L3333" i="5" s="1"/>
  <c r="L175" i="2"/>
  <c r="L149" i="5" s="1"/>
  <c r="L6722" i="2"/>
  <c r="L6696" i="5" s="1"/>
  <c r="L1855" i="2"/>
  <c r="L1829" i="5" s="1"/>
  <c r="L3889" i="2"/>
  <c r="L3863" i="5" s="1"/>
  <c r="L6729" i="2"/>
  <c r="L6703" i="5" s="1"/>
  <c r="L8227" i="2"/>
  <c r="L8201" i="5" s="1"/>
  <c r="L323" i="2"/>
  <c r="L297" i="5" s="1"/>
  <c r="L362" i="2"/>
  <c r="L336" i="5" s="1"/>
  <c r="L5553" i="2"/>
  <c r="L5527" i="5" s="1"/>
  <c r="L1512" i="2"/>
  <c r="L1486" i="5" s="1"/>
  <c r="L182" i="2"/>
  <c r="L156" i="5" s="1"/>
  <c r="L5407" i="2"/>
  <c r="L5381" i="5" s="1"/>
  <c r="L3223" i="2"/>
  <c r="L3197" i="5" s="1"/>
  <c r="L4363" i="2"/>
  <c r="L4337" i="5" s="1"/>
  <c r="L521" i="2"/>
  <c r="L495" i="5" s="1"/>
  <c r="L3720" i="2"/>
  <c r="L3694" i="5" s="1"/>
  <c r="L7720" i="2"/>
  <c r="L7694" i="5" s="1"/>
  <c r="L4060" i="2"/>
  <c r="L4034" i="5" s="1"/>
  <c r="L832" i="2"/>
  <c r="L806" i="5" s="1"/>
  <c r="L4707" i="2"/>
  <c r="L4681" i="5" s="1"/>
  <c r="L8082" i="2"/>
  <c r="L8056" i="5" s="1"/>
  <c r="L2553" i="2"/>
  <c r="L2527" i="5" s="1"/>
  <c r="L1687" i="2"/>
  <c r="L1661" i="5" s="1"/>
  <c r="L195" i="2"/>
  <c r="L169" i="5" s="1"/>
  <c r="L3373" i="2"/>
  <c r="L3347" i="5" s="1"/>
  <c r="L695" i="2"/>
  <c r="L669" i="5" s="1"/>
  <c r="L3881" i="2"/>
  <c r="L3855" i="5" s="1"/>
  <c r="L7080" i="2"/>
  <c r="L7054" i="5" s="1"/>
  <c r="L6054" i="2"/>
  <c r="L6028" i="5" s="1"/>
  <c r="L8256" i="2"/>
  <c r="L8230" i="5" s="1"/>
  <c r="L8252" i="2"/>
  <c r="L8226" i="5" s="1"/>
  <c r="L4567" i="2"/>
  <c r="L4541" i="5" s="1"/>
  <c r="L5734" i="2"/>
  <c r="L5708" i="5" s="1"/>
  <c r="L3183" i="2"/>
  <c r="L3157" i="5" s="1"/>
  <c r="L5043" i="2"/>
  <c r="L5017" i="5" s="1"/>
  <c r="L4557" i="2"/>
  <c r="L4531" i="5" s="1"/>
  <c r="L180" i="2"/>
  <c r="L154" i="5" s="1"/>
  <c r="L2376" i="2"/>
  <c r="L2350" i="5" s="1"/>
  <c r="L7226" i="2"/>
  <c r="L7200" i="5" s="1"/>
  <c r="L4393" i="2"/>
  <c r="L4367" i="5" s="1"/>
  <c r="L2711" i="2"/>
  <c r="L2685" i="5" s="1"/>
  <c r="L3715" i="2"/>
  <c r="L3689" i="5" s="1"/>
  <c r="L6897" i="2"/>
  <c r="L6871" i="5" s="1"/>
  <c r="L7569" i="2"/>
  <c r="L7543" i="5" s="1"/>
  <c r="L8224" i="2"/>
  <c r="L8198" i="5" s="1"/>
  <c r="L6908" i="2"/>
  <c r="L6882" i="5" s="1"/>
  <c r="L6721" i="2"/>
  <c r="L6695" i="5" s="1"/>
  <c r="L8409" i="2"/>
  <c r="L8383" i="5" s="1"/>
  <c r="L8414" i="2"/>
  <c r="L8388" i="5" s="1"/>
  <c r="L6884" i="2"/>
  <c r="L6858" i="5" s="1"/>
  <c r="L5222" i="2"/>
  <c r="L5196" i="5" s="1"/>
  <c r="L5399" i="2"/>
  <c r="L5373" i="5" s="1"/>
  <c r="L171" i="2"/>
  <c r="L145" i="5" s="1"/>
  <c r="L5876" i="2"/>
  <c r="L5850" i="5" s="1"/>
  <c r="L332" i="2"/>
  <c r="L306" i="5" s="1"/>
  <c r="L1208" i="2"/>
  <c r="L1182" i="5" s="1"/>
  <c r="L3012" i="2"/>
  <c r="L2986" i="5" s="1"/>
  <c r="L1527" i="2"/>
  <c r="L1501" i="5" s="1"/>
  <c r="L4905" i="2"/>
  <c r="L4879" i="5" s="1"/>
  <c r="L8069" i="2"/>
  <c r="L8043" i="5" s="1"/>
  <c r="L6891" i="2"/>
  <c r="L6865" i="5" s="1"/>
  <c r="L5378" i="2"/>
  <c r="L5352" i="5" s="1"/>
  <c r="L7925" i="2"/>
  <c r="L7899" i="5" s="1"/>
  <c r="L3859" i="2"/>
  <c r="L3833" i="5" s="1"/>
  <c r="L860" i="2"/>
  <c r="L834" i="5" s="1"/>
  <c r="L8559" i="2"/>
  <c r="L8533" i="5" s="1"/>
  <c r="L2032" i="2"/>
  <c r="L2006" i="5" s="1"/>
  <c r="L3015" i="2"/>
  <c r="L2989" i="5" s="1"/>
  <c r="L2191" i="2"/>
  <c r="L2165" i="5" s="1"/>
  <c r="L682" i="2"/>
  <c r="L656" i="5" s="1"/>
  <c r="L4053" i="2"/>
  <c r="L4027" i="5" s="1"/>
  <c r="L8248" i="2"/>
  <c r="L8222" i="5" s="1"/>
  <c r="L1012" i="2"/>
  <c r="L986" i="5" s="1"/>
  <c r="L3037" i="2"/>
  <c r="L3011" i="5" s="1"/>
  <c r="L1335" i="2"/>
  <c r="L1309" i="5" s="1"/>
  <c r="L3525" i="2"/>
  <c r="L3499" i="5" s="1"/>
  <c r="L5742" i="2"/>
  <c r="L5716" i="5" s="1"/>
  <c r="L3883" i="2"/>
  <c r="L3857" i="5" s="1"/>
  <c r="L6733" i="2"/>
  <c r="L6707" i="5" s="1"/>
  <c r="L3855" i="2"/>
  <c r="L3829" i="5" s="1"/>
  <c r="L344" i="2"/>
  <c r="L318" i="5" s="1"/>
  <c r="L5703" i="2"/>
  <c r="L5677" i="5" s="1"/>
  <c r="L5913" i="2"/>
  <c r="L5887" i="5" s="1"/>
  <c r="L8426" i="2"/>
  <c r="L8400" i="5" s="1"/>
  <c r="L7052" i="2"/>
  <c r="L7026" i="5" s="1"/>
  <c r="L7402" i="2"/>
  <c r="L7376" i="5" s="1"/>
  <c r="L8395" i="2"/>
  <c r="L8369" i="5" s="1"/>
  <c r="L1878" i="2"/>
  <c r="L1852" i="5" s="1"/>
  <c r="L8392" i="2"/>
  <c r="L8366" i="5" s="1"/>
  <c r="L8751" i="2"/>
  <c r="L8725" i="5" s="1"/>
  <c r="L8389" i="2"/>
  <c r="L8363" i="5" s="1"/>
  <c r="L8753" i="2"/>
  <c r="L8727" i="5" s="1"/>
  <c r="L6062" i="2"/>
  <c r="L6036" i="5" s="1"/>
  <c r="L1038" i="2"/>
  <c r="L1012" i="5" s="1"/>
  <c r="L7237" i="2"/>
  <c r="L7211" i="5" s="1"/>
  <c r="L863" i="2"/>
  <c r="L837" i="5" s="1"/>
  <c r="L4018" i="2"/>
  <c r="L3992" i="5" s="1"/>
  <c r="L353" i="2"/>
  <c r="L327" i="5" s="1"/>
  <c r="L3049" i="2"/>
  <c r="L3023" i="5" s="1"/>
  <c r="L5196" i="2"/>
  <c r="L5170" i="5" s="1"/>
  <c r="L6580" i="2"/>
  <c r="L6554" i="5" s="1"/>
  <c r="L6040" i="2"/>
  <c r="L6014" i="5" s="1"/>
  <c r="L1375" i="2"/>
  <c r="L1349" i="5" s="1"/>
  <c r="L5400" i="2"/>
  <c r="L5374" i="5" s="1"/>
  <c r="L1674" i="2"/>
  <c r="L1648" i="5" s="1"/>
  <c r="L8562" i="2"/>
  <c r="L8536" i="5" s="1"/>
  <c r="L6060" i="2"/>
  <c r="L6034" i="5" s="1"/>
  <c r="L6059" i="2"/>
  <c r="L6033" i="5" s="1"/>
  <c r="L8237" i="2"/>
  <c r="L8211" i="5" s="1"/>
  <c r="L4213" i="2"/>
  <c r="L4187" i="5" s="1"/>
  <c r="L3372" i="2"/>
  <c r="L3346" i="5" s="1"/>
  <c r="L6713" i="2"/>
  <c r="L6687" i="5" s="1"/>
  <c r="L494" i="2"/>
  <c r="L468" i="5" s="1"/>
  <c r="L1027" i="2"/>
  <c r="L1001" i="5" s="1"/>
  <c r="L490" i="2"/>
  <c r="L464" i="5" s="1"/>
  <c r="L4059" i="2"/>
  <c r="L4033" i="5" s="1"/>
  <c r="L8424" i="2"/>
  <c r="L8398" i="5" s="1"/>
  <c r="L1836" i="2"/>
  <c r="L1810" i="5" s="1"/>
  <c r="L3862" i="2"/>
  <c r="L3836" i="5" s="1"/>
  <c r="L2877" i="2"/>
  <c r="L2851" i="5" s="1"/>
  <c r="L6920" i="2"/>
  <c r="L6894" i="5" s="1"/>
  <c r="L4206" i="2"/>
  <c r="L4180" i="5" s="1"/>
  <c r="L2036" i="2"/>
  <c r="L2010" i="5" s="1"/>
  <c r="L8230" i="2"/>
  <c r="L8204" i="5" s="1"/>
  <c r="L6051" i="2"/>
  <c r="L6025" i="5" s="1"/>
  <c r="L3696" i="2"/>
  <c r="L3670" i="5" s="1"/>
  <c r="L5534" i="2"/>
  <c r="L5508" i="5" s="1"/>
  <c r="L8262" i="2"/>
  <c r="L8236" i="5" s="1"/>
  <c r="L5217" i="2"/>
  <c r="L5191" i="5" s="1"/>
  <c r="L2860" i="2"/>
  <c r="L2834" i="5" s="1"/>
  <c r="L6374" i="2"/>
  <c r="L6348" i="5" s="1"/>
  <c r="L1519" i="2"/>
  <c r="L1493" i="5" s="1"/>
  <c r="L7717" i="2"/>
  <c r="L7691" i="5" s="1"/>
  <c r="L8387" i="2"/>
  <c r="L8361" i="5" s="1"/>
  <c r="L2353" i="2"/>
  <c r="L2327" i="5" s="1"/>
  <c r="L8081" i="2"/>
  <c r="L8055" i="5" s="1"/>
  <c r="L1162" i="2"/>
  <c r="L1136" i="5" s="1"/>
  <c r="L4202" i="2"/>
  <c r="L4176" i="5" s="1"/>
  <c r="L166" i="2"/>
  <c r="L140" i="5" s="1"/>
  <c r="L6545" i="2"/>
  <c r="L6519" i="5" s="1"/>
  <c r="L3545" i="2"/>
  <c r="L3519" i="5" s="1"/>
  <c r="L7050" i="2"/>
  <c r="L7024" i="5" s="1"/>
  <c r="L4701" i="2"/>
  <c r="L4675" i="5" s="1"/>
  <c r="L5893" i="2"/>
  <c r="L5867" i="5" s="1"/>
  <c r="C315" i="5"/>
  <c r="AR309" i="1"/>
  <c r="D265" i="5"/>
  <c r="AR259" i="1"/>
  <c r="D181" i="5"/>
  <c r="AR175" i="1"/>
  <c r="I8360" i="5"/>
  <c r="I6561" i="2"/>
  <c r="I6535" i="5" s="1"/>
  <c r="I2524" i="2"/>
  <c r="I2498" i="5" s="1"/>
  <c r="I7061" i="2"/>
  <c r="I7035" i="5" s="1"/>
  <c r="I5210" i="2"/>
  <c r="I5184" i="5" s="1"/>
  <c r="I180" i="2"/>
  <c r="I154" i="5" s="1"/>
  <c r="I833" i="2"/>
  <c r="I807" i="5" s="1"/>
  <c r="I5699" i="2"/>
  <c r="I5673" i="5" s="1"/>
  <c r="I853" i="2"/>
  <c r="I827" i="5" s="1"/>
  <c r="I2375" i="2"/>
  <c r="I2349" i="5" s="1"/>
  <c r="I6417" i="2"/>
  <c r="I6391" i="5" s="1"/>
  <c r="I5714" i="2"/>
  <c r="I5688" i="5" s="1"/>
  <c r="I8260" i="2"/>
  <c r="I8234" i="5" s="1"/>
  <c r="I4550" i="2"/>
  <c r="I4524" i="5" s="1"/>
  <c r="I353" i="2"/>
  <c r="I327" i="5" s="1"/>
  <c r="I4042" i="2"/>
  <c r="I4016" i="5" s="1"/>
  <c r="I7211" i="2"/>
  <c r="I7185" i="5" s="1"/>
  <c r="I7066" i="2"/>
  <c r="I7040" i="5" s="1"/>
  <c r="I3875" i="2"/>
  <c r="I3849" i="5" s="1"/>
  <c r="I4055" i="2"/>
  <c r="I4029" i="5" s="1"/>
  <c r="I5235" i="2"/>
  <c r="I5209" i="5" s="1"/>
  <c r="I2201" i="2"/>
  <c r="I2175" i="5" s="1"/>
  <c r="I4864" i="2"/>
  <c r="I4838" i="5" s="1"/>
  <c r="I4390" i="2"/>
  <c r="I4364" i="5" s="1"/>
  <c r="I3547" i="2"/>
  <c r="I3521" i="5" s="1"/>
  <c r="I694" i="2"/>
  <c r="I668" i="5" s="1"/>
  <c r="C160" i="5"/>
  <c r="AR154" i="1"/>
  <c r="C343" i="5"/>
  <c r="AR337" i="1"/>
  <c r="C336" i="5"/>
  <c r="AR330" i="1"/>
  <c r="C20" i="5"/>
  <c r="AR14" i="1"/>
  <c r="D329" i="5"/>
  <c r="AR323" i="1"/>
  <c r="C167" i="5"/>
  <c r="AR161" i="1"/>
  <c r="C280" i="5"/>
  <c r="AR274" i="1"/>
  <c r="C13" i="5"/>
  <c r="AR7" i="1"/>
  <c r="C203" i="5"/>
  <c r="AR197" i="1"/>
  <c r="C322" i="5"/>
  <c r="AR316" i="1"/>
  <c r="K8095" i="2"/>
  <c r="K8069" i="5" s="1"/>
  <c r="O8069" i="5" s="1"/>
  <c r="K6226" i="2"/>
  <c r="K6200" i="5" s="1"/>
  <c r="O6200" i="5" s="1"/>
  <c r="K1035" i="2"/>
  <c r="K1009" i="5" s="1"/>
  <c r="O1009" i="5" s="1"/>
  <c r="K4883" i="2"/>
  <c r="K4857" i="5" s="1"/>
  <c r="O4857" i="5" s="1"/>
  <c r="K8587" i="2"/>
  <c r="K8561" i="5" s="1"/>
  <c r="O8561" i="5" s="1"/>
  <c r="K5375" i="2"/>
  <c r="K5349" i="5" s="1"/>
  <c r="O5349" i="5" s="1"/>
  <c r="K6405" i="2"/>
  <c r="K6379" i="5" s="1"/>
  <c r="O6379" i="5" s="1"/>
  <c r="K3021" i="2"/>
  <c r="K2995" i="5" s="1"/>
  <c r="O2995" i="5" s="1"/>
  <c r="K5384" i="2"/>
  <c r="K5358" i="5" s="1"/>
  <c r="O5358" i="5" s="1"/>
  <c r="K6562" i="2"/>
  <c r="K6536" i="5" s="1"/>
  <c r="O6536" i="5" s="1"/>
  <c r="K8067" i="2"/>
  <c r="K8041" i="5" s="1"/>
  <c r="O8041" i="5" s="1"/>
  <c r="K2351" i="2"/>
  <c r="K2325" i="5" s="1"/>
  <c r="O2325" i="5" s="1"/>
  <c r="K5031" i="2"/>
  <c r="K5005" i="5" s="1"/>
  <c r="O5005" i="5" s="1"/>
  <c r="K2042" i="2"/>
  <c r="K2016" i="5" s="1"/>
  <c r="O2016" i="5" s="1"/>
  <c r="K1512" i="2"/>
  <c r="K1486" i="5" s="1"/>
  <c r="O1486" i="5" s="1"/>
  <c r="K167" i="2"/>
  <c r="K141" i="5" s="1"/>
  <c r="O141" i="5" s="1"/>
  <c r="K8081" i="2"/>
  <c r="K8055" i="5" s="1"/>
  <c r="O8055" i="5" s="1"/>
  <c r="K8421" i="2"/>
  <c r="K8395" i="5" s="1"/>
  <c r="O8395" i="5" s="1"/>
  <c r="K6399" i="2"/>
  <c r="K6373" i="5" s="1"/>
  <c r="O6373" i="5" s="1"/>
  <c r="K5386" i="2"/>
  <c r="K5360" i="5" s="1"/>
  <c r="O5360" i="5" s="1"/>
  <c r="K7236" i="2"/>
  <c r="K7210" i="5" s="1"/>
  <c r="O7210" i="5" s="1"/>
  <c r="K6902" i="2"/>
  <c r="K6876" i="5" s="1"/>
  <c r="O6876" i="5" s="1"/>
  <c r="K6249" i="2"/>
  <c r="K6223" i="5" s="1"/>
  <c r="O6223" i="5" s="1"/>
  <c r="K4209" i="2"/>
  <c r="K4183" i="5" s="1"/>
  <c r="O4183" i="5" s="1"/>
  <c r="K8256" i="2"/>
  <c r="K8230" i="5" s="1"/>
  <c r="O8230" i="5" s="1"/>
  <c r="K8723" i="2"/>
  <c r="K8697" i="5" s="1"/>
  <c r="O8697" i="5" s="1"/>
  <c r="K5549" i="2"/>
  <c r="K5523" i="5" s="1"/>
  <c r="O5523" i="5" s="1"/>
  <c r="K2188" i="2"/>
  <c r="K2162" i="5" s="1"/>
  <c r="O2162" i="5" s="1"/>
  <c r="K4057" i="2"/>
  <c r="K4031" i="5" s="1"/>
  <c r="O4031" i="5" s="1"/>
  <c r="K7742" i="2"/>
  <c r="K7716" i="5" s="1"/>
  <c r="O7716" i="5" s="1"/>
  <c r="K5236" i="2"/>
  <c r="K5210" i="5" s="1"/>
  <c r="O5210" i="5" s="1"/>
  <c r="K6575" i="2"/>
  <c r="K6549" i="5" s="1"/>
  <c r="O6549" i="5" s="1"/>
  <c r="K6208" i="2"/>
  <c r="K6182" i="5" s="1"/>
  <c r="O6182" i="5" s="1"/>
  <c r="K4694" i="2"/>
  <c r="K4668" i="5" s="1"/>
  <c r="O4668" i="5" s="1"/>
  <c r="K4896" i="2"/>
  <c r="K4870" i="5" s="1"/>
  <c r="O4870" i="5" s="1"/>
  <c r="K4895" i="2"/>
  <c r="K4869" i="5" s="1"/>
  <c r="O4869" i="5" s="1"/>
  <c r="K2348" i="2"/>
  <c r="K2322" i="5" s="1"/>
  <c r="O2322" i="5" s="1"/>
  <c r="K2854" i="2"/>
  <c r="K2828" i="5" s="1"/>
  <c r="O2828" i="5" s="1"/>
  <c r="K1172" i="2"/>
  <c r="K1146" i="5" s="1"/>
  <c r="O1146" i="5" s="1"/>
  <c r="K2544" i="2"/>
  <c r="K2518" i="5" s="1"/>
  <c r="O2518" i="5" s="1"/>
  <c r="K8092" i="2"/>
  <c r="K8066" i="5" s="1"/>
  <c r="O8066" i="5" s="1"/>
  <c r="K6906" i="2"/>
  <c r="K6880" i="5" s="1"/>
  <c r="O6880" i="5" s="1"/>
  <c r="K6546" i="2"/>
  <c r="K6520" i="5" s="1"/>
  <c r="O6520" i="5" s="1"/>
  <c r="K2685" i="2"/>
  <c r="K2659" i="5" s="1"/>
  <c r="O2659" i="5" s="1"/>
  <c r="K4368" i="2"/>
  <c r="K4342" i="5" s="1"/>
  <c r="O4342" i="5" s="1"/>
  <c r="K369" i="2"/>
  <c r="K343" i="5" s="1"/>
  <c r="O343" i="5" s="1"/>
  <c r="K659" i="2"/>
  <c r="K633" i="5" s="1"/>
  <c r="O633" i="5" s="1"/>
  <c r="K2520" i="2"/>
  <c r="K2494" i="5" s="1"/>
  <c r="O2494" i="5" s="1"/>
  <c r="K1375" i="2"/>
  <c r="K1349" i="5" s="1"/>
  <c r="O1349" i="5" s="1"/>
  <c r="K8251" i="2"/>
  <c r="K8225" i="5" s="1"/>
  <c r="O8225" i="5" s="1"/>
  <c r="K6890" i="2"/>
  <c r="K6864" i="5" s="1"/>
  <c r="O6864" i="5" s="1"/>
  <c r="K6547" i="2"/>
  <c r="K6521" i="5" s="1"/>
  <c r="O6521" i="5" s="1"/>
  <c r="K1545" i="2"/>
  <c r="K1519" i="5" s="1"/>
  <c r="O1519" i="5" s="1"/>
  <c r="K8734" i="2"/>
  <c r="K8708" i="5" s="1"/>
  <c r="O8708" i="5" s="1"/>
  <c r="K4390" i="2"/>
  <c r="K4364" i="5" s="1"/>
  <c r="O4364" i="5" s="1"/>
  <c r="K3348" i="2"/>
  <c r="K3322" i="5" s="1"/>
  <c r="O3322" i="5" s="1"/>
  <c r="K4058" i="2"/>
  <c r="K4032" i="5" s="1"/>
  <c r="O4032" i="5" s="1"/>
  <c r="K2856" i="2"/>
  <c r="K2830" i="5" s="1"/>
  <c r="O2830" i="5" s="1"/>
  <c r="K6577" i="2"/>
  <c r="K6551" i="5" s="1"/>
  <c r="O6551" i="5" s="1"/>
  <c r="K2190" i="2"/>
  <c r="K2164" i="5" s="1"/>
  <c r="O2164" i="5" s="1"/>
  <c r="K7724" i="2"/>
  <c r="K7698" i="5" s="1"/>
  <c r="O7698" i="5" s="1"/>
  <c r="K1875" i="2"/>
  <c r="K1849" i="5" s="1"/>
  <c r="O1849" i="5" s="1"/>
  <c r="K2040" i="2"/>
  <c r="K2014" i="5" s="1"/>
  <c r="O2014" i="5" s="1"/>
  <c r="K5872" i="2"/>
  <c r="K5846" i="5" s="1"/>
  <c r="O5846" i="5" s="1"/>
  <c r="K3024" i="2"/>
  <c r="K2998" i="5" s="1"/>
  <c r="O2998" i="5" s="1"/>
  <c r="K4715" i="2"/>
  <c r="K4689" i="5" s="1"/>
  <c r="O4689" i="5" s="1"/>
  <c r="K6913" i="2"/>
  <c r="K6887" i="5" s="1"/>
  <c r="O6887" i="5" s="1"/>
  <c r="K8730" i="2"/>
  <c r="K8704" i="5" s="1"/>
  <c r="O8704" i="5" s="1"/>
  <c r="K1006" i="2"/>
  <c r="K980" i="5" s="1"/>
  <c r="O980" i="5" s="1"/>
  <c r="K2680" i="2"/>
  <c r="K2654" i="5" s="1"/>
  <c r="O2654" i="5" s="1"/>
  <c r="K4210" i="2"/>
  <c r="K4184" i="5" s="1"/>
  <c r="O4184" i="5" s="1"/>
  <c r="K6568" i="2"/>
  <c r="K6542" i="5" s="1"/>
  <c r="O6542" i="5" s="1"/>
  <c r="K1033" i="2"/>
  <c r="K1007" i="5" s="1"/>
  <c r="O1007" i="5" s="1"/>
  <c r="K7755" i="2"/>
  <c r="K7729" i="5" s="1"/>
  <c r="O7729" i="5" s="1"/>
  <c r="K1174" i="2"/>
  <c r="K1148" i="5" s="1"/>
  <c r="O1148" i="5" s="1"/>
  <c r="K2513" i="2"/>
  <c r="K2487" i="5" s="1"/>
  <c r="O2487" i="5" s="1"/>
  <c r="K5057" i="2"/>
  <c r="K5031" i="5" s="1"/>
  <c r="O5031" i="5" s="1"/>
  <c r="K8402" i="2"/>
  <c r="K8376" i="5" s="1"/>
  <c r="O8376" i="5" s="1"/>
  <c r="K8066" i="2"/>
  <c r="K8040" i="5" s="1"/>
  <c r="O8040" i="5" s="1"/>
  <c r="K1037" i="2"/>
  <c r="K1011" i="5" s="1"/>
  <c r="O1011" i="5" s="1"/>
  <c r="K8427" i="2"/>
  <c r="K8401" i="5" s="1"/>
  <c r="O8401" i="5" s="1"/>
  <c r="K3897" i="2"/>
  <c r="K3871" i="5" s="1"/>
  <c r="O3871" i="5" s="1"/>
  <c r="K3014" i="2"/>
  <c r="K2988" i="5" s="1"/>
  <c r="O2988" i="5" s="1"/>
  <c r="K508" i="2"/>
  <c r="K482" i="5" s="1"/>
  <c r="O482" i="5" s="1"/>
  <c r="K862" i="2"/>
  <c r="K836" i="5" s="1"/>
  <c r="O836" i="5" s="1"/>
  <c r="K4364" i="2"/>
  <c r="K4338" i="5" s="1"/>
  <c r="O4338" i="5" s="1"/>
  <c r="K527" i="2"/>
  <c r="K501" i="5" s="1"/>
  <c r="O501" i="5" s="1"/>
  <c r="K3205" i="2"/>
  <c r="K3179" i="5" s="1"/>
  <c r="O3179" i="5" s="1"/>
  <c r="K3698" i="2"/>
  <c r="K3672" i="5" s="1"/>
  <c r="O3672" i="5" s="1"/>
  <c r="K2359" i="2"/>
  <c r="K2333" i="5" s="1"/>
  <c r="O2333" i="5" s="1"/>
  <c r="K6370" i="2"/>
  <c r="K6344" i="5" s="1"/>
  <c r="O6344" i="5" s="1"/>
  <c r="K1005" i="2"/>
  <c r="K979" i="5" s="1"/>
  <c r="O979" i="5" s="1"/>
  <c r="K6397" i="2"/>
  <c r="K6371" i="5" s="1"/>
  <c r="O6371" i="5" s="1"/>
  <c r="K7561" i="2"/>
  <c r="K7535" i="5" s="1"/>
  <c r="O7535" i="5" s="1"/>
  <c r="K5741" i="2"/>
  <c r="K5715" i="5" s="1"/>
  <c r="O5715" i="5" s="1"/>
  <c r="K1374" i="2"/>
  <c r="K1348" i="5" s="1"/>
  <c r="O1348" i="5" s="1"/>
  <c r="K6712" i="2"/>
  <c r="K6686" i="5" s="1"/>
  <c r="O6686" i="5" s="1"/>
  <c r="K8223" i="2"/>
  <c r="K8197" i="5" s="1"/>
  <c r="O8197" i="5" s="1"/>
  <c r="K1877" i="2"/>
  <c r="K1851" i="5" s="1"/>
  <c r="O1851" i="5" s="1"/>
  <c r="K1871" i="2"/>
  <c r="K1845" i="5" s="1"/>
  <c r="O1845" i="5" s="1"/>
  <c r="K5406" i="2"/>
  <c r="K5380" i="5" s="1"/>
  <c r="O5380" i="5" s="1"/>
  <c r="K198" i="2"/>
  <c r="K172" i="5" s="1"/>
  <c r="O172" i="5" s="1"/>
  <c r="K5377" i="2"/>
  <c r="K5351" i="5" s="1"/>
  <c r="O5351" i="5" s="1"/>
  <c r="K6228" i="2"/>
  <c r="K6202" i="5" s="1"/>
  <c r="O6202" i="5" s="1"/>
  <c r="K4562" i="2"/>
  <c r="K4536" i="5" s="1"/>
  <c r="O4536" i="5" s="1"/>
  <c r="K8396" i="2"/>
  <c r="K8370" i="5" s="1"/>
  <c r="O8370" i="5" s="1"/>
  <c r="K1688" i="2"/>
  <c r="K1662" i="5" s="1"/>
  <c r="O1662" i="5" s="1"/>
  <c r="K2684" i="2"/>
  <c r="K2658" i="5" s="1"/>
  <c r="O2658" i="5" s="1"/>
  <c r="K3389" i="2"/>
  <c r="K3363" i="5" s="1"/>
  <c r="O3363" i="5" s="1"/>
  <c r="K4716" i="2"/>
  <c r="K4690" i="5" s="1"/>
  <c r="O4690" i="5" s="1"/>
  <c r="K2693" i="2"/>
  <c r="K2667" i="5" s="1"/>
  <c r="O2667" i="5" s="1"/>
  <c r="K5874" i="2"/>
  <c r="K5848" i="5" s="1"/>
  <c r="O5848" i="5" s="1"/>
  <c r="K3364" i="2"/>
  <c r="K3338" i="5" s="1"/>
  <c r="O3338" i="5" s="1"/>
  <c r="K3858" i="2"/>
  <c r="K3832" i="5" s="1"/>
  <c r="O3832" i="5" s="1"/>
  <c r="K6875" i="2"/>
  <c r="K6849" i="5" s="1"/>
  <c r="O6849" i="5" s="1"/>
  <c r="K1031" i="2"/>
  <c r="K1005" i="5" s="1"/>
  <c r="O1005" i="5" s="1"/>
  <c r="K3728" i="2"/>
  <c r="K3702" i="5" s="1"/>
  <c r="O3702" i="5" s="1"/>
  <c r="K8226" i="2"/>
  <c r="K8200" i="5" s="1"/>
  <c r="O8200" i="5" s="1"/>
  <c r="K6905" i="2"/>
  <c r="K6879" i="5" s="1"/>
  <c r="O6879" i="5" s="1"/>
  <c r="K7891" i="2"/>
  <c r="K7865" i="5" s="1"/>
  <c r="O7865" i="5" s="1"/>
  <c r="K1700" i="2"/>
  <c r="K1674" i="5" s="1"/>
  <c r="O1674" i="5" s="1"/>
  <c r="K1199" i="2"/>
  <c r="K1173" i="5" s="1"/>
  <c r="O1173" i="5" s="1"/>
  <c r="K845" i="2"/>
  <c r="K819" i="5" s="1"/>
  <c r="O819" i="5" s="1"/>
  <c r="K4203" i="2"/>
  <c r="K4177" i="5" s="1"/>
  <c r="O4177" i="5" s="1"/>
  <c r="K7885" i="2"/>
  <c r="K7859" i="5" s="1"/>
  <c r="O7859" i="5" s="1"/>
  <c r="K1838" i="2"/>
  <c r="K1812" i="5" s="1"/>
  <c r="O1812" i="5" s="1"/>
  <c r="K3039" i="2"/>
  <c r="K3013" i="5" s="1"/>
  <c r="O3013" i="5" s="1"/>
  <c r="K5556" i="2"/>
  <c r="K5530" i="5" s="1"/>
  <c r="O5530" i="5" s="1"/>
  <c r="K8080" i="2"/>
  <c r="K8054" i="5" s="1"/>
  <c r="O8054" i="5" s="1"/>
  <c r="K2715" i="2"/>
  <c r="K2689" i="5" s="1"/>
  <c r="O2689" i="5" s="1"/>
  <c r="K8393" i="2"/>
  <c r="K8367" i="5" s="1"/>
  <c r="O8367" i="5" s="1"/>
  <c r="K2204" i="2"/>
  <c r="K2178" i="5" s="1"/>
  <c r="O2178" i="5" s="1"/>
  <c r="K498" i="2"/>
  <c r="K472" i="5" s="1"/>
  <c r="O472" i="5" s="1"/>
  <c r="K692" i="2"/>
  <c r="K666" i="5" s="1"/>
  <c r="O666" i="5" s="1"/>
  <c r="K4876" i="2"/>
  <c r="K4850" i="5" s="1"/>
  <c r="O4850" i="5" s="1"/>
  <c r="K4372" i="2"/>
  <c r="K4346" i="5" s="1"/>
  <c r="O4346" i="5" s="1"/>
  <c r="K5711" i="2"/>
  <c r="K5685" i="5" s="1"/>
  <c r="O5685" i="5" s="1"/>
  <c r="K5400" i="2"/>
  <c r="K5374" i="5" s="1"/>
  <c r="O5374" i="5" s="1"/>
  <c r="K7761" i="2"/>
  <c r="K7735" i="5" s="1"/>
  <c r="O7735" i="5" s="1"/>
  <c r="K664" i="2"/>
  <c r="K638" i="5" s="1"/>
  <c r="O638" i="5" s="1"/>
  <c r="K6710" i="2"/>
  <c r="K6684" i="5" s="1"/>
  <c r="O6684" i="5" s="1"/>
  <c r="K7900" i="2"/>
  <c r="K7874" i="5" s="1"/>
  <c r="O7874" i="5" s="1"/>
  <c r="K1503" i="2"/>
  <c r="K1477" i="5" s="1"/>
  <c r="O1477" i="5" s="1"/>
  <c r="K6377" i="2"/>
  <c r="K6351" i="5" s="1"/>
  <c r="O6351" i="5" s="1"/>
  <c r="K6898" i="2"/>
  <c r="K6872" i="5" s="1"/>
  <c r="O6872" i="5" s="1"/>
  <c r="K1542" i="2"/>
  <c r="K1516" i="5" s="1"/>
  <c r="O1516" i="5" s="1"/>
  <c r="K4534" i="2"/>
  <c r="K4508" i="5" s="1"/>
  <c r="O4508" i="5" s="1"/>
  <c r="K7583" i="2"/>
  <c r="K7557" i="5" s="1"/>
  <c r="O7557" i="5" s="1"/>
  <c r="K1198" i="2"/>
  <c r="K1172" i="5" s="1"/>
  <c r="O1172" i="5" s="1"/>
  <c r="K3703" i="2"/>
  <c r="K3677" i="5" s="1"/>
  <c r="O3677" i="5" s="1"/>
  <c r="K6231" i="2"/>
  <c r="K6205" i="5" s="1"/>
  <c r="O6205" i="5" s="1"/>
  <c r="K5216" i="2"/>
  <c r="K5190" i="5" s="1"/>
  <c r="O5190" i="5" s="1"/>
  <c r="K7410" i="2"/>
  <c r="K7384" i="5" s="1"/>
  <c r="O7384" i="5" s="1"/>
  <c r="K1676" i="2"/>
  <c r="K1650" i="5" s="1"/>
  <c r="O1650" i="5" s="1"/>
  <c r="K4360" i="2"/>
  <c r="K4334" i="5" s="1"/>
  <c r="O4334" i="5" s="1"/>
  <c r="K683" i="2"/>
  <c r="K657" i="5" s="1"/>
  <c r="O657" i="5" s="1"/>
  <c r="K7051" i="2"/>
  <c r="K7025" i="5" s="1"/>
  <c r="O7025" i="5" s="1"/>
  <c r="K2552" i="2"/>
  <c r="K2526" i="5" s="1"/>
  <c r="O2526" i="5" s="1"/>
  <c r="K7550" i="2"/>
  <c r="K7524" i="5" s="1"/>
  <c r="O7524" i="5" s="1"/>
  <c r="K3020" i="2"/>
  <c r="K2994" i="5" s="1"/>
  <c r="O2994" i="5" s="1"/>
  <c r="K3215" i="2"/>
  <c r="K3189" i="5" s="1"/>
  <c r="O3189" i="5" s="1"/>
  <c r="K6715" i="2"/>
  <c r="K6689" i="5" s="1"/>
  <c r="O6689" i="5" s="1"/>
  <c r="K6072" i="2"/>
  <c r="K6046" i="5" s="1"/>
  <c r="O6046" i="5" s="1"/>
  <c r="K4529" i="2"/>
  <c r="K4503" i="5" s="1"/>
  <c r="O4503" i="5" s="1"/>
  <c r="K364" i="2"/>
  <c r="K338" i="5" s="1"/>
  <c r="O338" i="5" s="1"/>
  <c r="K4711" i="2"/>
  <c r="K4685" i="5" s="1"/>
  <c r="O4685" i="5" s="1"/>
  <c r="K6215" i="2"/>
  <c r="K6189" i="5" s="1"/>
  <c r="O6189" i="5" s="1"/>
  <c r="K329" i="2"/>
  <c r="K303" i="5" s="1"/>
  <c r="O303" i="5" s="1"/>
  <c r="K5537" i="2"/>
  <c r="K5511" i="5" s="1"/>
  <c r="O5511" i="5" s="1"/>
  <c r="K6080" i="2"/>
  <c r="K6054" i="5" s="1"/>
  <c r="O6054" i="5" s="1"/>
  <c r="K5900" i="2"/>
  <c r="K5874" i="5" s="1"/>
  <c r="O5874" i="5" s="1"/>
  <c r="K1193" i="2"/>
  <c r="K1167" i="5" s="1"/>
  <c r="O1167" i="5" s="1"/>
  <c r="K2719" i="2"/>
  <c r="K2693" i="5" s="1"/>
  <c r="O2693" i="5" s="1"/>
  <c r="K4229" i="2"/>
  <c r="K4203" i="5" s="1"/>
  <c r="O4203" i="5" s="1"/>
  <c r="K1349" i="2"/>
  <c r="K1323" i="5" s="1"/>
  <c r="O1323" i="5" s="1"/>
  <c r="K3027" i="2"/>
  <c r="K3001" i="5" s="1"/>
  <c r="O3001" i="5" s="1"/>
  <c r="K3045" i="2"/>
  <c r="K3019" i="5" s="1"/>
  <c r="O3019" i="5" s="1"/>
  <c r="K3519" i="2"/>
  <c r="K3493" i="5" s="1"/>
  <c r="O3493" i="5" s="1"/>
  <c r="K5892" i="2"/>
  <c r="K5866" i="5" s="1"/>
  <c r="O5866" i="5" s="1"/>
  <c r="K2876" i="2"/>
  <c r="K2850" i="5" s="1"/>
  <c r="O2850" i="5" s="1"/>
  <c r="K3710" i="2"/>
  <c r="K3684" i="5" s="1"/>
  <c r="O3684" i="5" s="1"/>
  <c r="K3684" i="2"/>
  <c r="K3658" i="5" s="1"/>
  <c r="O3658" i="5" s="1"/>
  <c r="K5234" i="2"/>
  <c r="K5208" i="5" s="1"/>
  <c r="O5208" i="5" s="1"/>
  <c r="K8757" i="2"/>
  <c r="K8731" i="5" s="1"/>
  <c r="O8731" i="5" s="1"/>
  <c r="K870" i="2"/>
  <c r="K844" i="5" s="1"/>
  <c r="O844" i="5" s="1"/>
  <c r="K7895" i="2"/>
  <c r="K7869" i="5" s="1"/>
  <c r="O7869" i="5" s="1"/>
  <c r="K8086" i="2"/>
  <c r="K8060" i="5" s="1"/>
  <c r="O8060" i="5" s="1"/>
  <c r="K1333" i="2"/>
  <c r="K1307" i="5" s="1"/>
  <c r="O1307" i="5" s="1"/>
  <c r="K3028" i="2"/>
  <c r="K3002" i="5" s="1"/>
  <c r="O3002" i="5" s="1"/>
  <c r="K348" i="2"/>
  <c r="K322" i="5" s="1"/>
  <c r="O322" i="5" s="1"/>
  <c r="K3015" i="2"/>
  <c r="K2989" i="5" s="1"/>
  <c r="O2989" i="5" s="1"/>
  <c r="K3889" i="2"/>
  <c r="K3863" i="5" s="1"/>
  <c r="O3863" i="5" s="1"/>
  <c r="K1506" i="2"/>
  <c r="K1480" i="5" s="1"/>
  <c r="O1480" i="5" s="1"/>
  <c r="K850" i="2"/>
  <c r="K824" i="5" s="1"/>
  <c r="O824" i="5" s="1"/>
  <c r="K1840" i="2"/>
  <c r="K1814" i="5" s="1"/>
  <c r="O1814" i="5" s="1"/>
  <c r="K7558" i="2"/>
  <c r="K7532" i="5" s="1"/>
  <c r="O7532" i="5" s="1"/>
  <c r="K7217" i="2"/>
  <c r="K7191" i="5" s="1"/>
  <c r="O7191" i="5" s="1"/>
  <c r="K5572" i="2"/>
  <c r="K5546" i="5" s="1"/>
  <c r="O5546" i="5" s="1"/>
  <c r="K7244" i="2"/>
  <c r="K7218" i="5" s="1"/>
  <c r="O7218" i="5" s="1"/>
  <c r="K187" i="2"/>
  <c r="K161" i="5" s="1"/>
  <c r="O161" i="5" s="1"/>
  <c r="K7901" i="2"/>
  <c r="K7875" i="5" s="1"/>
  <c r="O7875" i="5" s="1"/>
  <c r="K2039" i="2"/>
  <c r="K2013" i="5" s="1"/>
  <c r="O2013" i="5" s="1"/>
  <c r="K3208" i="2"/>
  <c r="K3182" i="5" s="1"/>
  <c r="O3182" i="5" s="1"/>
  <c r="K5705" i="2"/>
  <c r="K5679" i="5" s="1"/>
  <c r="O5679" i="5" s="1"/>
  <c r="K7565" i="2"/>
  <c r="K7539" i="5" s="1"/>
  <c r="O7539" i="5" s="1"/>
  <c r="K1675" i="2"/>
  <c r="K1649" i="5" s="1"/>
  <c r="O1649" i="5" s="1"/>
  <c r="K6209" i="2"/>
  <c r="K6183" i="5" s="1"/>
  <c r="O6183" i="5" s="1"/>
  <c r="K8399" i="2"/>
  <c r="K8373" i="5" s="1"/>
  <c r="O8373" i="5" s="1"/>
  <c r="K1849" i="2"/>
  <c r="K1823" i="5" s="1"/>
  <c r="O1823" i="5" s="1"/>
  <c r="K4710" i="2"/>
  <c r="K4684" i="5" s="1"/>
  <c r="O4684" i="5" s="1"/>
  <c r="K5557" i="2"/>
  <c r="K5531" i="5" s="1"/>
  <c r="O5531" i="5" s="1"/>
  <c r="K8600" i="2"/>
  <c r="K8574" i="5" s="1"/>
  <c r="O8574" i="5" s="1"/>
  <c r="K7913" i="2"/>
  <c r="K7887" i="5" s="1"/>
  <c r="O7887" i="5" s="1"/>
  <c r="K175" i="2"/>
  <c r="K149" i="5" s="1"/>
  <c r="O149" i="5" s="1"/>
  <c r="K2209" i="2"/>
  <c r="K2183" i="5" s="1"/>
  <c r="O2183" i="5" s="1"/>
  <c r="K8246" i="2"/>
  <c r="K8220" i="5" s="1"/>
  <c r="O8220" i="5" s="1"/>
  <c r="K7425" i="2"/>
  <c r="K7399" i="5" s="1"/>
  <c r="O7399" i="5" s="1"/>
  <c r="K687" i="2"/>
  <c r="K661" i="5" s="1"/>
  <c r="O661" i="5" s="1"/>
  <c r="K2874" i="2"/>
  <c r="K2848" i="5" s="1"/>
  <c r="O2848" i="5" s="1"/>
  <c r="K4204" i="2"/>
  <c r="K4178" i="5" s="1"/>
  <c r="O4178" i="5" s="1"/>
  <c r="K4018" i="2"/>
  <c r="K3992" i="5" s="1"/>
  <c r="O3992" i="5" s="1"/>
  <c r="K5573" i="2"/>
  <c r="K5547" i="5" s="1"/>
  <c r="O5547" i="5" s="1"/>
  <c r="K7750" i="2"/>
  <c r="K7724" i="5" s="1"/>
  <c r="O7724" i="5" s="1"/>
  <c r="K3535" i="2"/>
  <c r="K3509" i="5" s="1"/>
  <c r="O3509" i="5" s="1"/>
  <c r="K3520" i="2"/>
  <c r="K3494" i="5" s="1"/>
  <c r="O3494" i="5" s="1"/>
  <c r="K5878" i="2"/>
  <c r="K5852" i="5" s="1"/>
  <c r="O5852" i="5" s="1"/>
  <c r="K3363" i="2"/>
  <c r="K3337" i="5" s="1"/>
  <c r="O3337" i="5" s="1"/>
  <c r="K8229" i="2"/>
  <c r="K8203" i="5" s="1"/>
  <c r="O8203" i="5" s="1"/>
  <c r="K2189" i="2"/>
  <c r="K2163" i="5" s="1"/>
  <c r="O2163" i="5" s="1"/>
  <c r="K5215" i="2"/>
  <c r="K5189" i="5" s="1"/>
  <c r="O5189" i="5" s="1"/>
  <c r="K5871" i="2"/>
  <c r="K5845" i="5" s="1"/>
  <c r="O5845" i="5" s="1"/>
  <c r="K4880" i="2"/>
  <c r="K4854" i="5" s="1"/>
  <c r="O4854" i="5" s="1"/>
  <c r="K6407" i="2"/>
  <c r="K6381" i="5" s="1"/>
  <c r="O6381" i="5" s="1"/>
  <c r="K704" i="2"/>
  <c r="K678" i="5" s="1"/>
  <c r="O678" i="5" s="1"/>
  <c r="K1183" i="2"/>
  <c r="K1157" i="5" s="1"/>
  <c r="O1157" i="5" s="1"/>
  <c r="K3210" i="2"/>
  <c r="K3184" i="5" s="1"/>
  <c r="O3184" i="5" s="1"/>
  <c r="K5194" i="2"/>
  <c r="K5168" i="5" s="1"/>
  <c r="O5168" i="5" s="1"/>
  <c r="K4045" i="2"/>
  <c r="K4019" i="5" s="1"/>
  <c r="O4019" i="5" s="1"/>
  <c r="K6708" i="2"/>
  <c r="K6682" i="5" s="1"/>
  <c r="O6682" i="5" s="1"/>
  <c r="K201" i="2"/>
  <c r="K175" i="5" s="1"/>
  <c r="O175" i="5" s="1"/>
  <c r="K2013" i="2"/>
  <c r="K1987" i="5" s="1"/>
  <c r="O1987" i="5" s="1"/>
  <c r="K5396" i="2"/>
  <c r="K5370" i="5" s="1"/>
  <c r="O5370" i="5" s="1"/>
  <c r="K5062" i="2"/>
  <c r="K5036" i="5" s="1"/>
  <c r="O5036" i="5" s="1"/>
  <c r="K6887" i="2"/>
  <c r="K6861" i="5" s="1"/>
  <c r="O6861" i="5" s="1"/>
  <c r="K5883" i="2"/>
  <c r="K5857" i="5" s="1"/>
  <c r="O5857" i="5" s="1"/>
  <c r="K4527" i="2"/>
  <c r="K4501" i="5" s="1"/>
  <c r="O4501" i="5" s="1"/>
  <c r="K7896" i="2"/>
  <c r="K7870" i="5" s="1"/>
  <c r="O7870" i="5" s="1"/>
  <c r="K3855" i="2"/>
  <c r="K3829" i="5" s="1"/>
  <c r="O3829" i="5" s="1"/>
  <c r="K4524" i="2"/>
  <c r="K4498" i="5" s="1"/>
  <c r="O4498" i="5" s="1"/>
  <c r="K3693" i="2"/>
  <c r="K3667" i="5" s="1"/>
  <c r="O3667" i="5" s="1"/>
  <c r="K1517" i="2"/>
  <c r="K1491" i="5" s="1"/>
  <c r="O1491" i="5" s="1"/>
  <c r="K2865" i="2"/>
  <c r="K2839" i="5" s="1"/>
  <c r="O2839" i="5" s="1"/>
  <c r="K1332" i="2"/>
  <c r="K1306" i="5" s="1"/>
  <c r="O1306" i="5" s="1"/>
  <c r="K2368" i="2"/>
  <c r="K2342" i="5" s="1"/>
  <c r="O2342" i="5" s="1"/>
  <c r="K2381" i="2"/>
  <c r="K2355" i="5" s="1"/>
  <c r="O2355" i="5" s="1"/>
  <c r="K6752" i="2"/>
  <c r="K6726" i="5" s="1"/>
  <c r="O6726" i="5" s="1"/>
  <c r="K6046" i="2"/>
  <c r="K6020" i="5" s="1"/>
  <c r="O6020" i="5" s="1"/>
  <c r="K516" i="2"/>
  <c r="K490" i="5" s="1"/>
  <c r="O490" i="5" s="1"/>
  <c r="K1874" i="2"/>
  <c r="K1848" i="5" s="1"/>
  <c r="O1848" i="5" s="1"/>
  <c r="K1024" i="2"/>
  <c r="K998" i="5" s="1"/>
  <c r="O998" i="5" s="1"/>
  <c r="K3893" i="2"/>
  <c r="K3867" i="5" s="1"/>
  <c r="O3867" i="5" s="1"/>
  <c r="K6417" i="2"/>
  <c r="K6391" i="5" s="1"/>
  <c r="O6391" i="5" s="1"/>
  <c r="K8567" i="2"/>
  <c r="K8541" i="5" s="1"/>
  <c r="O8541" i="5" s="1"/>
  <c r="K354" i="2"/>
  <c r="K328" i="5" s="1"/>
  <c r="O328" i="5" s="1"/>
  <c r="K4533" i="2"/>
  <c r="K4507" i="5" s="1"/>
  <c r="O4507" i="5" s="1"/>
  <c r="K5882" i="2"/>
  <c r="K5856" i="5" s="1"/>
  <c r="O5856" i="5" s="1"/>
  <c r="K1167" i="2"/>
  <c r="K1141" i="5" s="1"/>
  <c r="O1141" i="5" s="1"/>
  <c r="K6741" i="2"/>
  <c r="K6715" i="5" s="1"/>
  <c r="O6715" i="5" s="1"/>
  <c r="K5730" i="2"/>
  <c r="K5704" i="5" s="1"/>
  <c r="O5704" i="5" s="1"/>
  <c r="K4393" i="2"/>
  <c r="K4367" i="5" s="1"/>
  <c r="O4367" i="5" s="1"/>
  <c r="K5897" i="2"/>
  <c r="K5871" i="5" s="1"/>
  <c r="O5871" i="5" s="1"/>
  <c r="K658" i="2"/>
  <c r="K632" i="5" s="1"/>
  <c r="O632" i="5" s="1"/>
  <c r="K8079" i="2"/>
  <c r="K8053" i="5" s="1"/>
  <c r="O8053" i="5" s="1"/>
  <c r="K2714" i="2"/>
  <c r="K2688" i="5" s="1"/>
  <c r="O2688" i="5" s="1"/>
  <c r="K3868" i="2"/>
  <c r="K3842" i="5" s="1"/>
  <c r="O3842" i="5" s="1"/>
  <c r="K6563" i="2"/>
  <c r="K6537" i="5" s="1"/>
  <c r="O6537" i="5" s="1"/>
  <c r="K8258" i="2"/>
  <c r="K8232" i="5" s="1"/>
  <c r="O8232" i="5" s="1"/>
  <c r="K8570" i="2"/>
  <c r="K8544" i="5" s="1"/>
  <c r="O8544" i="5" s="1"/>
  <c r="K3551" i="2"/>
  <c r="K3525" i="5" s="1"/>
  <c r="O3525" i="5" s="1"/>
  <c r="K5376" i="2"/>
  <c r="K5350" i="5" s="1"/>
  <c r="O5350" i="5" s="1"/>
  <c r="K7749" i="2"/>
  <c r="K7723" i="5" s="1"/>
  <c r="O7723" i="5" s="1"/>
  <c r="K6553" i="2"/>
  <c r="K6527" i="5" s="1"/>
  <c r="O6527" i="5" s="1"/>
  <c r="K695" i="2"/>
  <c r="K669" i="5" s="1"/>
  <c r="O669" i="5" s="1"/>
  <c r="K2539" i="2"/>
  <c r="K2513" i="5" s="1"/>
  <c r="O2513" i="5" s="1"/>
  <c r="K4566" i="2"/>
  <c r="K4540" i="5" s="1"/>
  <c r="O4540" i="5" s="1"/>
  <c r="K8221" i="2"/>
  <c r="K8195" i="5" s="1"/>
  <c r="O8195" i="5" s="1"/>
  <c r="K5563" i="2"/>
  <c r="K5537" i="5" s="1"/>
  <c r="O5537" i="5" s="1"/>
  <c r="K3040" i="2"/>
  <c r="K3014" i="5" s="1"/>
  <c r="O3014" i="5" s="1"/>
  <c r="K8073" i="2"/>
  <c r="K8047" i="5" s="1"/>
  <c r="O8047" i="5" s="1"/>
  <c r="K6216" i="2"/>
  <c r="K6190" i="5" s="1"/>
  <c r="O6190" i="5" s="1"/>
  <c r="K6238" i="2"/>
  <c r="K6212" i="5" s="1"/>
  <c r="O6212" i="5" s="1"/>
  <c r="K5073" i="2"/>
  <c r="K5047" i="5" s="1"/>
  <c r="O5047" i="5" s="1"/>
  <c r="K5059" i="2"/>
  <c r="K5033" i="5" s="1"/>
  <c r="O5033" i="5" s="1"/>
  <c r="K4355" i="2"/>
  <c r="K4329" i="5" s="1"/>
  <c r="O4329" i="5" s="1"/>
  <c r="K1192" i="2"/>
  <c r="K1166" i="5" s="1"/>
  <c r="O1166" i="5" s="1"/>
  <c r="K1525" i="2"/>
  <c r="K1499" i="5" s="1"/>
  <c r="O1499" i="5" s="1"/>
  <c r="K4545" i="2"/>
  <c r="K4519" i="5" s="1"/>
  <c r="O4519" i="5" s="1"/>
  <c r="K2521" i="2"/>
  <c r="K2495" i="5" s="1"/>
  <c r="O2495" i="5" s="1"/>
  <c r="K7381" i="2"/>
  <c r="K7355" i="5" s="1"/>
  <c r="O7355" i="5" s="1"/>
  <c r="K7084" i="2"/>
  <c r="K7058" i="5" s="1"/>
  <c r="O7058" i="5" s="1"/>
  <c r="K1032" i="2"/>
  <c r="K1006" i="5" s="1"/>
  <c r="O1006" i="5" s="1"/>
  <c r="K5532" i="2"/>
  <c r="K5506" i="5" s="1"/>
  <c r="O5506" i="5" s="1"/>
  <c r="K7245" i="2"/>
  <c r="K7219" i="5" s="1"/>
  <c r="O7219" i="5" s="1"/>
  <c r="K2011" i="2"/>
  <c r="K1985" i="5" s="1"/>
  <c r="O1985" i="5" s="1"/>
  <c r="K4535" i="2"/>
  <c r="K4509" i="5" s="1"/>
  <c r="O4509" i="5" s="1"/>
  <c r="K4227" i="2"/>
  <c r="K4201" i="5" s="1"/>
  <c r="O4201" i="5" s="1"/>
  <c r="K5700" i="2"/>
  <c r="K5674" i="5" s="1"/>
  <c r="O5674" i="5" s="1"/>
  <c r="K8051" i="2"/>
  <c r="K8025" i="5" s="1"/>
  <c r="O8025" i="5" s="1"/>
  <c r="K705" i="2"/>
  <c r="K679" i="5" s="1"/>
  <c r="O679" i="5" s="1"/>
  <c r="K1689" i="2"/>
  <c r="K1663" i="5" s="1"/>
  <c r="O1663" i="5" s="1"/>
  <c r="K2850" i="2"/>
  <c r="K2824" i="5" s="1"/>
  <c r="O2824" i="5" s="1"/>
  <c r="K4897" i="2"/>
  <c r="K4871" i="5" s="1"/>
  <c r="O4871" i="5" s="1"/>
  <c r="K7392" i="2"/>
  <c r="K7366" i="5" s="1"/>
  <c r="O7366" i="5" s="1"/>
  <c r="K4044" i="2"/>
  <c r="K4018" i="5" s="1"/>
  <c r="O4018" i="5" s="1"/>
  <c r="K6221" i="2"/>
  <c r="K6195" i="5" s="1"/>
  <c r="O6195" i="5" s="1"/>
  <c r="K8050" i="2"/>
  <c r="K8024" i="5" s="1"/>
  <c r="O8024" i="5" s="1"/>
  <c r="K2534" i="2"/>
  <c r="K2508" i="5" s="1"/>
  <c r="O2508" i="5" s="1"/>
  <c r="K2377" i="2"/>
  <c r="K2351" i="5" s="1"/>
  <c r="O2351" i="5" s="1"/>
  <c r="K4388" i="2"/>
  <c r="K4362" i="5" s="1"/>
  <c r="O4362" i="5" s="1"/>
  <c r="K6920" i="2"/>
  <c r="K6894" i="5" s="1"/>
  <c r="O6894" i="5" s="1"/>
  <c r="K8588" i="2"/>
  <c r="K8562" i="5" s="1"/>
  <c r="O8562" i="5" s="1"/>
  <c r="K2881" i="2"/>
  <c r="K2855" i="5" s="1"/>
  <c r="O2855" i="5" s="1"/>
  <c r="K2553" i="2"/>
  <c r="K2527" i="5" s="1"/>
  <c r="O2527" i="5" s="1"/>
  <c r="K4724" i="2"/>
  <c r="K4698" i="5" s="1"/>
  <c r="O4698" i="5" s="1"/>
  <c r="K520" i="2"/>
  <c r="K494" i="5" s="1"/>
  <c r="O494" i="5" s="1"/>
  <c r="K5742" i="2"/>
  <c r="K5716" i="5" s="1"/>
  <c r="O5716" i="5" s="1"/>
  <c r="K159" i="2"/>
  <c r="K133" i="5" s="1"/>
  <c r="O133" i="5" s="1"/>
  <c r="K1505" i="2"/>
  <c r="K1479" i="5" s="1"/>
  <c r="O1479" i="5" s="1"/>
  <c r="K6729" i="2"/>
  <c r="K6703" i="5" s="1"/>
  <c r="O6703" i="5" s="1"/>
  <c r="K866" i="2"/>
  <c r="K840" i="5" s="1"/>
  <c r="O840" i="5" s="1"/>
  <c r="K8569" i="2"/>
  <c r="K8543" i="5" s="1"/>
  <c r="O8543" i="5" s="1"/>
  <c r="K6742" i="2"/>
  <c r="K6716" i="5" s="1"/>
  <c r="O6716" i="5" s="1"/>
  <c r="K158" i="2"/>
  <c r="K132" i="5" s="1"/>
  <c r="O132" i="5" s="1"/>
  <c r="K6214" i="2"/>
  <c r="K6188" i="5" s="1"/>
  <c r="O6188" i="5" s="1"/>
  <c r="K8584" i="2"/>
  <c r="K8558" i="5" s="1"/>
  <c r="O8558" i="5" s="1"/>
  <c r="K496" i="2"/>
  <c r="K470" i="5" s="1"/>
  <c r="O470" i="5" s="1"/>
  <c r="K4026" i="2"/>
  <c r="K4000" i="5" s="1"/>
  <c r="O4000" i="5" s="1"/>
  <c r="K4024" i="2"/>
  <c r="K3998" i="5" s="1"/>
  <c r="O3998" i="5" s="1"/>
  <c r="K843" i="2"/>
  <c r="K817" i="5" s="1"/>
  <c r="O817" i="5" s="1"/>
  <c r="K2012" i="2"/>
  <c r="K1986" i="5" s="1"/>
  <c r="O1986" i="5" s="1"/>
  <c r="K5381" i="2"/>
  <c r="K5355" i="5" s="1"/>
  <c r="O5355" i="5" s="1"/>
  <c r="K4547" i="2"/>
  <c r="K4521" i="5" s="1"/>
  <c r="O4521" i="5" s="1"/>
  <c r="K2691" i="2"/>
  <c r="K2665" i="5" s="1"/>
  <c r="O2665" i="5" s="1"/>
  <c r="K6051" i="2"/>
  <c r="K6025" i="5" s="1"/>
  <c r="O6025" i="5" s="1"/>
  <c r="K8597" i="2"/>
  <c r="K8571" i="5" s="1"/>
  <c r="O8571" i="5" s="1"/>
  <c r="K997" i="2"/>
  <c r="K971" i="5" s="1"/>
  <c r="O971" i="5" s="1"/>
  <c r="K7252" i="2"/>
  <c r="K7226" i="5" s="1"/>
  <c r="O7226" i="5" s="1"/>
  <c r="K1162" i="2"/>
  <c r="K1136" i="5" s="1"/>
  <c r="O1136" i="5" s="1"/>
  <c r="K1713" i="2"/>
  <c r="K1687" i="5" s="1"/>
  <c r="O1687" i="5" s="1"/>
  <c r="K3862" i="2"/>
  <c r="K3836" i="5" s="1"/>
  <c r="O3836" i="5" s="1"/>
  <c r="K1163" i="2"/>
  <c r="K1137" i="5" s="1"/>
  <c r="O1137" i="5" s="1"/>
  <c r="K8405" i="2"/>
  <c r="K8379" i="5" s="1"/>
  <c r="O8379" i="5" s="1"/>
  <c r="K6749" i="2"/>
  <c r="K6723" i="5" s="1"/>
  <c r="O6723" i="5" s="1"/>
  <c r="K5026" i="2"/>
  <c r="K5000" i="5" s="1"/>
  <c r="O5000" i="5" s="1"/>
  <c r="K7234" i="2"/>
  <c r="K7208" i="5" s="1"/>
  <c r="O7208" i="5" s="1"/>
  <c r="K4731" i="2"/>
  <c r="K4705" i="5" s="1"/>
  <c r="O4705" i="5" s="1"/>
  <c r="K6730" i="2"/>
  <c r="K6704" i="5" s="1"/>
  <c r="O6704" i="5" s="1"/>
  <c r="K5028" i="2"/>
  <c r="K5002" i="5" s="1"/>
  <c r="O5002" i="5" s="1"/>
  <c r="K6561" i="2"/>
  <c r="K6535" i="5" s="1"/>
  <c r="O6535" i="5" s="1"/>
  <c r="K4215" i="2"/>
  <c r="K4189" i="5" s="1"/>
  <c r="O4189" i="5" s="1"/>
  <c r="K667" i="2"/>
  <c r="K641" i="5" s="1"/>
  <c r="O641" i="5" s="1"/>
  <c r="K4190" i="2"/>
  <c r="K4164" i="5" s="1"/>
  <c r="O4164" i="5" s="1"/>
  <c r="K7563" i="2"/>
  <c r="K7537" i="5" s="1"/>
  <c r="O7537" i="5" s="1"/>
  <c r="K157" i="2"/>
  <c r="K131" i="5" s="1"/>
  <c r="O131" i="5" s="1"/>
  <c r="K7729" i="2"/>
  <c r="K7703" i="5" s="1"/>
  <c r="O7703" i="5" s="1"/>
  <c r="K860" i="2"/>
  <c r="K834" i="5" s="1"/>
  <c r="O834" i="5" s="1"/>
  <c r="K7548" i="2"/>
  <c r="K7522" i="5" s="1"/>
  <c r="O7522" i="5" s="1"/>
  <c r="K6202" i="2"/>
  <c r="K6176" i="5" s="1"/>
  <c r="O6176" i="5" s="1"/>
  <c r="K3025" i="2"/>
  <c r="K2999" i="5" s="1"/>
  <c r="O2999" i="5" s="1"/>
  <c r="K3853" i="2"/>
  <c r="K3827" i="5" s="1"/>
  <c r="O3827" i="5" s="1"/>
  <c r="K6728" i="2"/>
  <c r="K6702" i="5" s="1"/>
  <c r="O6702" i="5" s="1"/>
  <c r="K1205" i="2"/>
  <c r="K1179" i="5" s="1"/>
  <c r="O1179" i="5" s="1"/>
  <c r="K8726" i="2"/>
  <c r="K8700" i="5" s="1"/>
  <c r="O8700" i="5" s="1"/>
  <c r="K8400" i="2"/>
  <c r="K8374" i="5" s="1"/>
  <c r="O8374" i="5" s="1"/>
  <c r="K7566" i="2"/>
  <c r="K7540" i="5" s="1"/>
  <c r="O7540" i="5" s="1"/>
  <c r="K1834" i="2"/>
  <c r="K1808" i="5" s="1"/>
  <c r="O1808" i="5" s="1"/>
  <c r="K1377" i="2"/>
  <c r="K1351" i="5" s="1"/>
  <c r="O1351" i="5" s="1"/>
  <c r="K8238" i="2"/>
  <c r="K8212" i="5" s="1"/>
  <c r="O8212" i="5" s="1"/>
  <c r="K2170" i="2"/>
  <c r="K2144" i="5" s="1"/>
  <c r="O2144" i="5" s="1"/>
  <c r="K669" i="2"/>
  <c r="K643" i="5" s="1"/>
  <c r="O643" i="5" s="1"/>
  <c r="K3713" i="2"/>
  <c r="K3687" i="5" s="1"/>
  <c r="O3687" i="5" s="1"/>
  <c r="K7414" i="2"/>
  <c r="K7388" i="5" s="1"/>
  <c r="O7388" i="5" s="1"/>
  <c r="K2713" i="2"/>
  <c r="K2687" i="5" s="1"/>
  <c r="O2687" i="5" s="1"/>
  <c r="K532" i="2"/>
  <c r="K506" i="5" s="1"/>
  <c r="O506" i="5" s="1"/>
  <c r="K8578" i="2"/>
  <c r="K8552" i="5" s="1"/>
  <c r="O8552" i="5" s="1"/>
  <c r="K3179" i="2"/>
  <c r="K3153" i="5" s="1"/>
  <c r="O3153" i="5" s="1"/>
  <c r="K3041" i="2"/>
  <c r="K3015" i="5" s="1"/>
  <c r="O3015" i="5" s="1"/>
  <c r="K4541" i="2"/>
  <c r="K4515" i="5" s="1"/>
  <c r="O4515" i="5" s="1"/>
  <c r="K848" i="2"/>
  <c r="K822" i="5" s="1"/>
  <c r="O822" i="5" s="1"/>
  <c r="K4064" i="2"/>
  <c r="K4038" i="5" s="1"/>
  <c r="O4038" i="5" s="1"/>
  <c r="K1861" i="2"/>
  <c r="K1835" i="5" s="1"/>
  <c r="O1835" i="5" s="1"/>
  <c r="K1514" i="2"/>
  <c r="K1488" i="5" s="1"/>
  <c r="O1488" i="5" s="1"/>
  <c r="K6232" i="2"/>
  <c r="K6206" i="5" s="1"/>
  <c r="O6206" i="5" s="1"/>
  <c r="K8070" i="2"/>
  <c r="K8044" i="5" s="1"/>
  <c r="O8044" i="5" s="1"/>
  <c r="K5909" i="2"/>
  <c r="K5883" i="5" s="1"/>
  <c r="O5883" i="5" s="1"/>
  <c r="K4053" i="2"/>
  <c r="K4027" i="5" s="1"/>
  <c r="O4027" i="5" s="1"/>
  <c r="K7248" i="2"/>
  <c r="K7222" i="5" s="1"/>
  <c r="O7222" i="5" s="1"/>
  <c r="K4730" i="2"/>
  <c r="K4704" i="5" s="1"/>
  <c r="O4704" i="5" s="1"/>
  <c r="K3712" i="2"/>
  <c r="K3686" i="5" s="1"/>
  <c r="O3686" i="5" s="1"/>
  <c r="K4721" i="2"/>
  <c r="K4695" i="5" s="1"/>
  <c r="O4695" i="5" s="1"/>
  <c r="K7066" i="2"/>
  <c r="K7040" i="5" s="1"/>
  <c r="O7040" i="5" s="1"/>
  <c r="K7736" i="2"/>
  <c r="K7710" i="5" s="1"/>
  <c r="O7710" i="5" s="1"/>
  <c r="K1012" i="2"/>
  <c r="K986" i="5" s="1"/>
  <c r="O986" i="5" s="1"/>
  <c r="K5565" i="2"/>
  <c r="K5539" i="5" s="1"/>
  <c r="O5539" i="5" s="1"/>
  <c r="K3877" i="2"/>
  <c r="K3851" i="5" s="1"/>
  <c r="O3851" i="5" s="1"/>
  <c r="K8428" i="2"/>
  <c r="K8402" i="5" s="1"/>
  <c r="O8402" i="5" s="1"/>
  <c r="K8071" i="2"/>
  <c r="K8045" i="5" s="1"/>
  <c r="O8045" i="5" s="1"/>
  <c r="K3180" i="2"/>
  <c r="K3154" i="5" s="1"/>
  <c r="O3154" i="5" s="1"/>
  <c r="K1876" i="2"/>
  <c r="K1850" i="5" s="1"/>
  <c r="O1850" i="5" s="1"/>
  <c r="K2687" i="2"/>
  <c r="K2661" i="5" s="1"/>
  <c r="O2661" i="5" s="1"/>
  <c r="K3381" i="2"/>
  <c r="K3355" i="5" s="1"/>
  <c r="O3355" i="5" s="1"/>
  <c r="K6711" i="2"/>
  <c r="K6685" i="5" s="1"/>
  <c r="O6685" i="5" s="1"/>
  <c r="K3686" i="2"/>
  <c r="K3660" i="5" s="1"/>
  <c r="O3660" i="5" s="1"/>
  <c r="K661" i="2"/>
  <c r="K635" i="5" s="1"/>
  <c r="O635" i="5" s="1"/>
  <c r="K1366" i="2"/>
  <c r="K1340" i="5" s="1"/>
  <c r="O1340" i="5" s="1"/>
  <c r="K5889" i="2"/>
  <c r="K5863" i="5" s="1"/>
  <c r="O5863" i="5" s="1"/>
  <c r="K8230" i="2"/>
  <c r="K8204" i="5" s="1"/>
  <c r="O8204" i="5" s="1"/>
  <c r="K6234" i="2"/>
  <c r="K6208" i="5" s="1"/>
  <c r="O6208" i="5" s="1"/>
  <c r="K4528" i="2"/>
  <c r="K4502" i="5" s="1"/>
  <c r="O4502" i="5" s="1"/>
  <c r="K3373" i="2"/>
  <c r="K3347" i="5" s="1"/>
  <c r="O3347" i="5" s="1"/>
  <c r="K839" i="2"/>
  <c r="K813" i="5" s="1"/>
  <c r="O813" i="5" s="1"/>
  <c r="K8744" i="2"/>
  <c r="K8718" i="5" s="1"/>
  <c r="O8718" i="5" s="1"/>
  <c r="K2375" i="2"/>
  <c r="K2349" i="5" s="1"/>
  <c r="O2349" i="5" s="1"/>
  <c r="K180" i="2"/>
  <c r="K154" i="5" s="1"/>
  <c r="O154" i="5" s="1"/>
  <c r="K3706" i="2"/>
  <c r="K3680" i="5" s="1"/>
  <c r="O3680" i="5" s="1"/>
  <c r="K4039" i="2"/>
  <c r="K4013" i="5" s="1"/>
  <c r="O4013" i="5" s="1"/>
  <c r="K1182" i="2"/>
  <c r="K1156" i="5" s="1"/>
  <c r="O1156" i="5" s="1"/>
  <c r="K2018" i="2"/>
  <c r="K1992" i="5" s="1"/>
  <c r="O1992" i="5" s="1"/>
  <c r="K7058" i="2"/>
  <c r="K7032" i="5" s="1"/>
  <c r="O7032" i="5" s="1"/>
  <c r="K5709" i="2"/>
  <c r="K5683" i="5" s="1"/>
  <c r="O5683" i="5" s="1"/>
  <c r="K6230" i="2"/>
  <c r="K6204" i="5" s="1"/>
  <c r="O6204" i="5" s="1"/>
  <c r="K3362" i="2"/>
  <c r="K3336" i="5" s="1"/>
  <c r="O3336" i="5" s="1"/>
  <c r="K1539" i="2"/>
  <c r="K1513" i="5" s="1"/>
  <c r="O1513" i="5" s="1"/>
  <c r="K4713" i="2"/>
  <c r="K4687" i="5" s="1"/>
  <c r="O4687" i="5" s="1"/>
  <c r="K8601" i="2"/>
  <c r="K8575" i="5" s="1"/>
  <c r="O8575" i="5" s="1"/>
  <c r="K7223" i="2"/>
  <c r="K7197" i="5" s="1"/>
  <c r="O7197" i="5" s="1"/>
  <c r="K2197" i="2"/>
  <c r="K2171" i="5" s="1"/>
  <c r="O2171" i="5" s="1"/>
  <c r="K7255" i="2"/>
  <c r="K7229" i="5" s="1"/>
  <c r="O7229" i="5" s="1"/>
  <c r="K7422" i="2"/>
  <c r="K7396" i="5" s="1"/>
  <c r="O7396" i="5" s="1"/>
  <c r="K161" i="2"/>
  <c r="K135" i="5" s="1"/>
  <c r="O135" i="5" s="1"/>
  <c r="K6041" i="2"/>
  <c r="K6015" i="5" s="1"/>
  <c r="O6015" i="5" s="1"/>
  <c r="K7220" i="2"/>
  <c r="K7194" i="5" s="1"/>
  <c r="O7194" i="5" s="1"/>
  <c r="K2689" i="2"/>
  <c r="K2663" i="5" s="1"/>
  <c r="O2663" i="5" s="1"/>
  <c r="K3375" i="2"/>
  <c r="K3349" i="5" s="1"/>
  <c r="O3349" i="5" s="1"/>
  <c r="K4052" i="2"/>
  <c r="K4026" i="5" s="1"/>
  <c r="O4026" i="5" s="1"/>
  <c r="K3555" i="2"/>
  <c r="K3529" i="5" s="1"/>
  <c r="O3529" i="5" s="1"/>
  <c r="K5715" i="2"/>
  <c r="K5689" i="5" s="1"/>
  <c r="O5689" i="5" s="1"/>
  <c r="K7730" i="2"/>
  <c r="K7704" i="5" s="1"/>
  <c r="O7704" i="5" s="1"/>
  <c r="K2207" i="2"/>
  <c r="K2181" i="5" s="1"/>
  <c r="O2181" i="5" s="1"/>
  <c r="K2007" i="2"/>
  <c r="K1981" i="5" s="1"/>
  <c r="O1981" i="5" s="1"/>
  <c r="K515" i="2"/>
  <c r="K489" i="5" s="1"/>
  <c r="O489" i="5" s="1"/>
  <c r="K3539" i="2"/>
  <c r="K3513" i="5" s="1"/>
  <c r="O3513" i="5" s="1"/>
  <c r="K3861" i="2"/>
  <c r="K3835" i="5" s="1"/>
  <c r="O3835" i="5" s="1"/>
  <c r="K5407" i="2"/>
  <c r="K5381" i="5" s="1"/>
  <c r="O5381" i="5" s="1"/>
  <c r="K5403" i="2"/>
  <c r="K5377" i="5" s="1"/>
  <c r="O5377" i="5" s="1"/>
  <c r="K2692" i="2"/>
  <c r="K2666" i="5" s="1"/>
  <c r="O2666" i="5" s="1"/>
  <c r="K2380" i="2"/>
  <c r="K2354" i="5" s="1"/>
  <c r="O2354" i="5" s="1"/>
  <c r="K3886" i="2"/>
  <c r="K3860" i="5" s="1"/>
  <c r="O3860" i="5" s="1"/>
  <c r="K5881" i="2"/>
  <c r="K5855" i="5" s="1"/>
  <c r="O5855" i="5" s="1"/>
  <c r="K1522" i="2"/>
  <c r="K1496" i="5" s="1"/>
  <c r="O1496" i="5" s="1"/>
  <c r="K8265" i="2"/>
  <c r="K8239" i="5" s="1"/>
  <c r="O8239" i="5" s="1"/>
  <c r="K5745" i="2"/>
  <c r="K5719" i="5" s="1"/>
  <c r="O5719" i="5" s="1"/>
  <c r="K8432" i="2"/>
  <c r="K8406" i="5" s="1"/>
  <c r="O8406" i="5" s="1"/>
  <c r="K4555" i="2"/>
  <c r="K4529" i="5" s="1"/>
  <c r="O4529" i="5" s="1"/>
  <c r="K4862" i="2"/>
  <c r="K4836" i="5" s="1"/>
  <c r="O4836" i="5" s="1"/>
  <c r="K1880" i="2"/>
  <c r="K1854" i="5" s="1"/>
  <c r="O1854" i="5" s="1"/>
  <c r="K6574" i="2"/>
  <c r="K6548" i="5" s="1"/>
  <c r="O6548" i="5" s="1"/>
  <c r="K365" i="2"/>
  <c r="K339" i="5" s="1"/>
  <c r="O339" i="5" s="1"/>
  <c r="K691" i="2"/>
  <c r="K665" i="5" s="1"/>
  <c r="O665" i="5" s="1"/>
  <c r="K7222" i="2"/>
  <c r="K7196" i="5" s="1"/>
  <c r="O7196" i="5" s="1"/>
  <c r="K4059" i="2"/>
  <c r="K4033" i="5" s="1"/>
  <c r="O4033" i="5" s="1"/>
  <c r="K1531" i="2"/>
  <c r="K1505" i="5" s="1"/>
  <c r="O1505" i="5" s="1"/>
  <c r="K5065" i="2"/>
  <c r="K5039" i="5" s="1"/>
  <c r="O5039" i="5" s="1"/>
  <c r="K6210" i="2"/>
  <c r="K6184" i="5" s="1"/>
  <c r="O6184" i="5" s="1"/>
  <c r="K8738" i="2"/>
  <c r="K8712" i="5" s="1"/>
  <c r="O8712" i="5" s="1"/>
  <c r="K2030" i="2"/>
  <c r="K2004" i="5" s="1"/>
  <c r="O2004" i="5" s="1"/>
  <c r="K1526" i="2"/>
  <c r="K1500" i="5" s="1"/>
  <c r="O1500" i="5" s="1"/>
  <c r="K2535" i="2"/>
  <c r="K2509" i="5" s="1"/>
  <c r="O2509" i="5" s="1"/>
  <c r="K1040" i="2"/>
  <c r="K1014" i="5" s="1"/>
  <c r="O1014" i="5" s="1"/>
  <c r="K3864" i="2"/>
  <c r="K3838" i="5" s="1"/>
  <c r="O3838" i="5" s="1"/>
  <c r="K5562" i="2"/>
  <c r="K5536" i="5" s="1"/>
  <c r="O5536" i="5" s="1"/>
  <c r="K509" i="2"/>
  <c r="K483" i="5" s="1"/>
  <c r="O483" i="5" s="1"/>
  <c r="K7225" i="2"/>
  <c r="K7199" i="5" s="1"/>
  <c r="O7199" i="5" s="1"/>
  <c r="K1534" i="2"/>
  <c r="K1508" i="5" s="1"/>
  <c r="O1508" i="5" s="1"/>
  <c r="K2371" i="2"/>
  <c r="K2345" i="5" s="1"/>
  <c r="O2345" i="5" s="1"/>
  <c r="K534" i="2"/>
  <c r="K508" i="5" s="1"/>
  <c r="O508" i="5" s="1"/>
  <c r="K674" i="2"/>
  <c r="K648" i="5" s="1"/>
  <c r="O648" i="5" s="1"/>
  <c r="K506" i="2"/>
  <c r="K480" i="5" s="1"/>
  <c r="O480" i="5" s="1"/>
  <c r="K4567" i="2"/>
  <c r="K4541" i="5" s="1"/>
  <c r="O4541" i="5" s="1"/>
  <c r="K164" i="2"/>
  <c r="K138" i="5" s="1"/>
  <c r="O138" i="5" s="1"/>
  <c r="K6054" i="2"/>
  <c r="K6028" i="5" s="1"/>
  <c r="O6028" i="5" s="1"/>
  <c r="K5548" i="2"/>
  <c r="K5522" i="5" s="1"/>
  <c r="O5522" i="5" s="1"/>
  <c r="K4875" i="2"/>
  <c r="K4849" i="5" s="1"/>
  <c r="O4849" i="5" s="1"/>
  <c r="K6736" i="2"/>
  <c r="K6710" i="5" s="1"/>
  <c r="O6710" i="5" s="1"/>
  <c r="K4698" i="2"/>
  <c r="K4672" i="5" s="1"/>
  <c r="O4672" i="5" s="1"/>
  <c r="K2674" i="2"/>
  <c r="K2648" i="5" s="1"/>
  <c r="O2648" i="5" s="1"/>
  <c r="K5202" i="2"/>
  <c r="K5176" i="5" s="1"/>
  <c r="O5176" i="5" s="1"/>
  <c r="K8058" i="2"/>
  <c r="K8032" i="5" s="1"/>
  <c r="O8032" i="5" s="1"/>
  <c r="K4703" i="2"/>
  <c r="K4677" i="5" s="1"/>
  <c r="O4677" i="5" s="1"/>
  <c r="K170" i="2"/>
  <c r="K144" i="5" s="1"/>
  <c r="O144" i="5" s="1"/>
  <c r="K8064" i="2"/>
  <c r="K8038" i="5" s="1"/>
  <c r="O8038" i="5" s="1"/>
  <c r="K3876" i="2"/>
  <c r="K3850" i="5" s="1"/>
  <c r="O3850" i="5" s="1"/>
  <c r="K6040" i="2"/>
  <c r="K6014" i="5" s="1"/>
  <c r="O6014" i="5" s="1"/>
  <c r="K1017" i="2"/>
  <c r="K991" i="5" s="1"/>
  <c r="O991" i="5" s="1"/>
  <c r="K1206" i="2"/>
  <c r="K1180" i="5" s="1"/>
  <c r="O1180" i="5" s="1"/>
  <c r="K1025" i="2"/>
  <c r="K999" i="5" s="1"/>
  <c r="O999" i="5" s="1"/>
  <c r="K2526" i="2"/>
  <c r="K2500" i="5" s="1"/>
  <c r="O2500" i="5" s="1"/>
  <c r="K7757" i="2"/>
  <c r="K7731" i="5" s="1"/>
  <c r="O7731" i="5" s="1"/>
  <c r="K8262" i="2"/>
  <c r="K8236" i="5" s="1"/>
  <c r="O8236" i="5" s="1"/>
  <c r="K500" i="2"/>
  <c r="K474" i="5" s="1"/>
  <c r="O474" i="5" s="1"/>
  <c r="K689" i="2"/>
  <c r="K663" i="5" s="1"/>
  <c r="O663" i="5" s="1"/>
  <c r="K8263" i="2"/>
  <c r="K8237" i="5" s="1"/>
  <c r="O8237" i="5" s="1"/>
  <c r="K1701" i="2"/>
  <c r="K1675" i="5" s="1"/>
  <c r="O1675" i="5" s="1"/>
  <c r="K3378" i="2"/>
  <c r="K3352" i="5" s="1"/>
  <c r="O3352" i="5" s="1"/>
  <c r="K3536" i="2"/>
  <c r="K3510" i="5" s="1"/>
  <c r="O3510" i="5" s="1"/>
  <c r="K5545" i="2"/>
  <c r="K5519" i="5" s="1"/>
  <c r="O5519" i="5" s="1"/>
  <c r="K5066" i="2"/>
  <c r="K5040" i="5" s="1"/>
  <c r="O5040" i="5" s="1"/>
  <c r="K8758" i="2"/>
  <c r="K8732" i="5" s="1"/>
  <c r="O8732" i="5" s="1"/>
  <c r="K2043" i="2"/>
  <c r="K2017" i="5" s="1"/>
  <c r="O2017" i="5" s="1"/>
  <c r="K6919" i="2"/>
  <c r="K6893" i="5" s="1"/>
  <c r="O6893" i="5" s="1"/>
  <c r="K7072" i="2"/>
  <c r="K7046" i="5" s="1"/>
  <c r="O7046" i="5" s="1"/>
  <c r="K6034" i="2"/>
  <c r="K6008" i="5" s="1"/>
  <c r="O6008" i="5" s="1"/>
  <c r="K2523" i="2"/>
  <c r="K2497" i="5" s="1"/>
  <c r="O2497" i="5" s="1"/>
  <c r="K5044" i="2"/>
  <c r="K5018" i="5" s="1"/>
  <c r="O5018" i="5" s="1"/>
  <c r="K2862" i="2"/>
  <c r="K2836" i="5" s="1"/>
  <c r="O2836" i="5" s="1"/>
  <c r="K8222" i="2"/>
  <c r="K8196" i="5" s="1"/>
  <c r="O8196" i="5" s="1"/>
  <c r="K8260" i="2"/>
  <c r="K8234" i="5" s="1"/>
  <c r="O8234" i="5" s="1"/>
  <c r="K5743" i="2"/>
  <c r="K5717" i="5" s="1"/>
  <c r="O5717" i="5" s="1"/>
  <c r="K2172" i="2"/>
  <c r="K2146" i="5" s="1"/>
  <c r="O2146" i="5" s="1"/>
  <c r="K7903" i="2"/>
  <c r="K7877" i="5" s="1"/>
  <c r="O7877" i="5" s="1"/>
  <c r="K1879" i="2"/>
  <c r="K1853" i="5" s="1"/>
  <c r="O1853" i="5" s="1"/>
  <c r="K6408" i="2"/>
  <c r="K6382" i="5" s="1"/>
  <c r="O6382" i="5" s="1"/>
  <c r="K6220" i="2"/>
  <c r="K6194" i="5" s="1"/>
  <c r="O6194" i="5" s="1"/>
  <c r="K5388" i="2"/>
  <c r="K5362" i="5" s="1"/>
  <c r="O5362" i="5" s="1"/>
  <c r="K5239" i="2"/>
  <c r="K5213" i="5" s="1"/>
  <c r="O5213" i="5" s="1"/>
  <c r="K4031" i="2"/>
  <c r="K4005" i="5" s="1"/>
  <c r="O4005" i="5" s="1"/>
  <c r="K1357" i="2"/>
  <c r="K1331" i="5" s="1"/>
  <c r="O1331" i="5" s="1"/>
  <c r="K3031" i="2"/>
  <c r="K3005" i="5" s="1"/>
  <c r="O3005" i="5" s="1"/>
  <c r="K8593" i="2"/>
  <c r="K8567" i="5" s="1"/>
  <c r="O8567" i="5" s="1"/>
  <c r="K2885" i="2"/>
  <c r="K2859" i="5" s="1"/>
  <c r="O2859" i="5" s="1"/>
  <c r="K8392" i="2"/>
  <c r="K8366" i="5" s="1"/>
  <c r="O8366" i="5" s="1"/>
  <c r="K4399" i="2"/>
  <c r="K4373" i="5" s="1"/>
  <c r="O4373" i="5" s="1"/>
  <c r="K7380" i="2"/>
  <c r="K7354" i="5" s="1"/>
  <c r="O7354" i="5" s="1"/>
  <c r="K362" i="2"/>
  <c r="K336" i="5" s="1"/>
  <c r="O336" i="5" s="1"/>
  <c r="K3540" i="2"/>
  <c r="K3514" i="5" s="1"/>
  <c r="O3514" i="5" s="1"/>
  <c r="K6881" i="2"/>
  <c r="K6855" i="5" s="1"/>
  <c r="O6855" i="5" s="1"/>
  <c r="K4371" i="2"/>
  <c r="K4345" i="5" s="1"/>
  <c r="O4345" i="5" s="1"/>
  <c r="K5211" i="2"/>
  <c r="K5185" i="5" s="1"/>
  <c r="O5185" i="5" s="1"/>
  <c r="K8398" i="2"/>
  <c r="K8372" i="5" s="1"/>
  <c r="O8372" i="5" s="1"/>
  <c r="K4216" i="2"/>
  <c r="K4190" i="5" s="1"/>
  <c r="O4190" i="5" s="1"/>
  <c r="K1176" i="2"/>
  <c r="K1150" i="5" s="1"/>
  <c r="O1150" i="5" s="1"/>
  <c r="K3860" i="2"/>
  <c r="K3834" i="5" s="1"/>
  <c r="O3834" i="5" s="1"/>
  <c r="K4889" i="2"/>
  <c r="K4863" i="5" s="1"/>
  <c r="O4863" i="5" s="1"/>
  <c r="K8059" i="2"/>
  <c r="K8033" i="5" s="1"/>
  <c r="O8033" i="5" s="1"/>
  <c r="K3884" i="2"/>
  <c r="K3858" i="5" s="1"/>
  <c r="O3858" i="5" s="1"/>
  <c r="K5530" i="2"/>
  <c r="K5504" i="5" s="1"/>
  <c r="O5504" i="5" s="1"/>
  <c r="K7074" i="2"/>
  <c r="K7048" i="5" s="1"/>
  <c r="O7048" i="5" s="1"/>
  <c r="K7914" i="2"/>
  <c r="K7888" i="5" s="1"/>
  <c r="O7888" i="5" s="1"/>
  <c r="K7077" i="2"/>
  <c r="K7051" i="5" s="1"/>
  <c r="O7051" i="5" s="1"/>
  <c r="K8760" i="2"/>
  <c r="K8734" i="5" s="1"/>
  <c r="O8734" i="5" s="1"/>
  <c r="K6379" i="2"/>
  <c r="K6353" i="5" s="1"/>
  <c r="O6353" i="5" s="1"/>
  <c r="K6047" i="2"/>
  <c r="K6021" i="5" s="1"/>
  <c r="O6021" i="5" s="1"/>
  <c r="K1013" i="2"/>
  <c r="K987" i="5" s="1"/>
  <c r="O987" i="5" s="1"/>
  <c r="K524" i="2"/>
  <c r="K498" i="5" s="1"/>
  <c r="O498" i="5" s="1"/>
  <c r="K1881" i="2"/>
  <c r="K1855" i="5" s="1"/>
  <c r="O1855" i="5" s="1"/>
  <c r="K4223" i="2"/>
  <c r="K4197" i="5" s="1"/>
  <c r="O4197" i="5" s="1"/>
  <c r="K3016" i="2"/>
  <c r="K2990" i="5" s="1"/>
  <c r="O2990" i="5" s="1"/>
  <c r="K2869" i="2"/>
  <c r="K2843" i="5" s="1"/>
  <c r="O2843" i="5" s="1"/>
  <c r="K7407" i="2"/>
  <c r="K7381" i="5" s="1"/>
  <c r="O7381" i="5" s="1"/>
  <c r="K7406" i="2"/>
  <c r="K7380" i="5" s="1"/>
  <c r="O7380" i="5" s="1"/>
  <c r="K6713" i="2"/>
  <c r="K6687" i="5" s="1"/>
  <c r="O6687" i="5" s="1"/>
  <c r="K8254" i="2"/>
  <c r="K8228" i="5" s="1"/>
  <c r="O8228" i="5" s="1"/>
  <c r="K366" i="2"/>
  <c r="K340" i="5" s="1"/>
  <c r="O340" i="5" s="1"/>
  <c r="K6241" i="2"/>
  <c r="K6215" i="5" s="1"/>
  <c r="O6215" i="5" s="1"/>
  <c r="K5409" i="2"/>
  <c r="K5383" i="5" s="1"/>
  <c r="O5383" i="5" s="1"/>
  <c r="K7044" i="2"/>
  <c r="K7018" i="5" s="1"/>
  <c r="O7018" i="5" s="1"/>
  <c r="K6539" i="2"/>
  <c r="K6513" i="5" s="1"/>
  <c r="O6513" i="5" s="1"/>
  <c r="K6565" i="2"/>
  <c r="K6539" i="5" s="1"/>
  <c r="O6539" i="5" s="1"/>
  <c r="K6246" i="2"/>
  <c r="K6220" i="5" s="1"/>
  <c r="O6220" i="5" s="1"/>
  <c r="K5195" i="2"/>
  <c r="K5169" i="5" s="1"/>
  <c r="O5169" i="5" s="1"/>
  <c r="K2208" i="2"/>
  <c r="K2182" i="5" s="1"/>
  <c r="O2182" i="5" s="1"/>
  <c r="K7079" i="2"/>
  <c r="K7053" i="5" s="1"/>
  <c r="O7053" i="5" s="1"/>
  <c r="K1853" i="2"/>
  <c r="K1827" i="5" s="1"/>
  <c r="O1827" i="5" s="1"/>
  <c r="K1543" i="2"/>
  <c r="K1517" i="5" s="1"/>
  <c r="O1517" i="5" s="1"/>
  <c r="K8055" i="2"/>
  <c r="K8029" i="5" s="1"/>
  <c r="O8029" i="5" s="1"/>
  <c r="K8766" i="2"/>
  <c r="K8740" i="5" s="1"/>
  <c r="O8740" i="5" s="1"/>
  <c r="K156" i="2"/>
  <c r="K130" i="5" s="1"/>
  <c r="O130" i="5" s="1"/>
  <c r="K6714" i="2"/>
  <c r="K6688" i="5" s="1"/>
  <c r="O6688" i="5" s="1"/>
  <c r="K5404" i="2"/>
  <c r="K5378" i="5" s="1"/>
  <c r="O5378" i="5" s="1"/>
  <c r="K7232" i="2"/>
  <c r="K7206" i="5" s="1"/>
  <c r="O7206" i="5" s="1"/>
  <c r="K4548" i="2"/>
  <c r="K4522" i="5" s="1"/>
  <c r="O4522" i="5" s="1"/>
  <c r="K5722" i="2"/>
  <c r="K5696" i="5" s="1"/>
  <c r="O5696" i="5" s="1"/>
  <c r="K8596" i="2"/>
  <c r="K8570" i="5" s="1"/>
  <c r="O8570" i="5" s="1"/>
  <c r="K5055" i="2"/>
  <c r="K5029" i="5" s="1"/>
  <c r="O5029" i="5" s="1"/>
  <c r="K4373" i="2"/>
  <c r="K4347" i="5" s="1"/>
  <c r="O4347" i="5" s="1"/>
  <c r="K8568" i="2"/>
  <c r="K8542" i="5" s="1"/>
  <c r="O8542" i="5" s="1"/>
  <c r="K3186" i="2"/>
  <c r="K3160" i="5" s="1"/>
  <c r="O3160" i="5" s="1"/>
  <c r="K4525" i="2"/>
  <c r="K4499" i="5" s="1"/>
  <c r="O4499" i="5" s="1"/>
  <c r="K6237" i="2"/>
  <c r="K6211" i="5" s="1"/>
  <c r="O6211" i="5" s="1"/>
  <c r="K1510" i="2"/>
  <c r="K1484" i="5" s="1"/>
  <c r="O1484" i="5" s="1"/>
  <c r="K6570" i="2"/>
  <c r="K6544" i="5" s="1"/>
  <c r="O6544" i="5" s="1"/>
  <c r="K5060" i="2"/>
  <c r="K5034" i="5" s="1"/>
  <c r="O5034" i="5" s="1"/>
  <c r="K3725" i="2"/>
  <c r="K3699" i="5" s="1"/>
  <c r="O3699" i="5" s="1"/>
  <c r="K1697" i="2"/>
  <c r="K1671" i="5" s="1"/>
  <c r="O1671" i="5" s="1"/>
  <c r="K3367" i="2"/>
  <c r="K3341" i="5" s="1"/>
  <c r="O3341" i="5" s="1"/>
  <c r="K3896" i="2"/>
  <c r="K3870" i="5" s="1"/>
  <c r="O3870" i="5" s="1"/>
  <c r="K5876" i="2"/>
  <c r="K5850" i="5" s="1"/>
  <c r="O5850" i="5" s="1"/>
  <c r="K852" i="2"/>
  <c r="K826" i="5" s="1"/>
  <c r="O826" i="5" s="1"/>
  <c r="K5703" i="2"/>
  <c r="K5677" i="5" s="1"/>
  <c r="O5677" i="5" s="1"/>
  <c r="K2374" i="2"/>
  <c r="K2348" i="5" s="1"/>
  <c r="O2348" i="5" s="1"/>
  <c r="K4878" i="2"/>
  <c r="K4852" i="5" s="1"/>
  <c r="O4852" i="5" s="1"/>
  <c r="K2203" i="2"/>
  <c r="K2177" i="5" s="1"/>
  <c r="O2177" i="5" s="1"/>
  <c r="K1685" i="2"/>
  <c r="K1659" i="5" s="1"/>
  <c r="O1659" i="5" s="1"/>
  <c r="K4400" i="2"/>
  <c r="K4374" i="5" s="1"/>
  <c r="O4374" i="5" s="1"/>
  <c r="K5049" i="2"/>
  <c r="K5023" i="5" s="1"/>
  <c r="O5023" i="5" s="1"/>
  <c r="K2021" i="2"/>
  <c r="K1995" i="5" s="1"/>
  <c r="O1995" i="5" s="1"/>
  <c r="K7396" i="2"/>
  <c r="K7370" i="5" s="1"/>
  <c r="O7370" i="5" s="1"/>
  <c r="K2870" i="2"/>
  <c r="K2844" i="5" s="1"/>
  <c r="O2844" i="5" s="1"/>
  <c r="K6721" i="2"/>
  <c r="K6695" i="5" s="1"/>
  <c r="O6695" i="5" s="1"/>
  <c r="K7067" i="2"/>
  <c r="K7041" i="5" s="1"/>
  <c r="O7041" i="5" s="1"/>
  <c r="K7042" i="2"/>
  <c r="K7016" i="5" s="1"/>
  <c r="O7016" i="5" s="1"/>
  <c r="K2700" i="2"/>
  <c r="K2674" i="5" s="1"/>
  <c r="O2674" i="5" s="1"/>
  <c r="K3528" i="2"/>
  <c r="K3502" i="5" s="1"/>
  <c r="O3502" i="5" s="1"/>
  <c r="K7211" i="2"/>
  <c r="K7185" i="5" s="1"/>
  <c r="O7185" i="5" s="1"/>
  <c r="K1376" i="2"/>
  <c r="K1350" i="5" s="1"/>
  <c r="O1350" i="5" s="1"/>
  <c r="K7239" i="2"/>
  <c r="K7213" i="5" s="1"/>
  <c r="O7213" i="5" s="1"/>
  <c r="K3692" i="2"/>
  <c r="K3666" i="5" s="1"/>
  <c r="O3666" i="5" s="1"/>
  <c r="K4543" i="2"/>
  <c r="K4517" i="5" s="1"/>
  <c r="O4517" i="5" s="1"/>
  <c r="K4523" i="2"/>
  <c r="K4497" i="5" s="1"/>
  <c r="O4497" i="5" s="1"/>
  <c r="K6059" i="2"/>
  <c r="K6033" i="5" s="1"/>
  <c r="O6033" i="5" s="1"/>
  <c r="K4211" i="2"/>
  <c r="K4185" i="5" s="1"/>
  <c r="O4185" i="5" s="1"/>
  <c r="K3717" i="2"/>
  <c r="K3691" i="5" s="1"/>
  <c r="O3691" i="5" s="1"/>
  <c r="K5210" i="2"/>
  <c r="K5184" i="5" s="1"/>
  <c r="O5184" i="5" s="1"/>
  <c r="K8408" i="2"/>
  <c r="K8382" i="5" s="1"/>
  <c r="O8382" i="5" s="1"/>
  <c r="K3047" i="2"/>
  <c r="K3021" i="5" s="1"/>
  <c r="O3021" i="5" s="1"/>
  <c r="K2194" i="2"/>
  <c r="K2168" i="5" s="1"/>
  <c r="O2168" i="5" s="1"/>
  <c r="K700" i="2"/>
  <c r="K674" i="5" s="1"/>
  <c r="O674" i="5" s="1"/>
  <c r="K6038" i="2"/>
  <c r="K6012" i="5" s="1"/>
  <c r="O6012" i="5" s="1"/>
  <c r="K6545" i="2"/>
  <c r="K6519" i="5" s="1"/>
  <c r="O6519" i="5" s="1"/>
  <c r="K2696" i="2"/>
  <c r="K2670" i="5" s="1"/>
  <c r="O2670" i="5" s="1"/>
  <c r="K3387" i="2"/>
  <c r="K3361" i="5" s="1"/>
  <c r="O3361" i="5" s="1"/>
  <c r="K3721" i="2"/>
  <c r="K3695" i="5" s="1"/>
  <c r="O3695" i="5" s="1"/>
  <c r="K872" i="2"/>
  <c r="K846" i="5" s="1"/>
  <c r="O846" i="5" s="1"/>
  <c r="K8737" i="2"/>
  <c r="K8711" i="5" s="1"/>
  <c r="O8711" i="5" s="1"/>
  <c r="K501" i="2"/>
  <c r="K475" i="5" s="1"/>
  <c r="O475" i="5" s="1"/>
  <c r="K4036" i="2"/>
  <c r="K4010" i="5" s="1"/>
  <c r="O4010" i="5" s="1"/>
  <c r="K8076" i="2"/>
  <c r="K8050" i="5" s="1"/>
  <c r="O8050" i="5" s="1"/>
  <c r="K2184" i="2"/>
  <c r="K2158" i="5" s="1"/>
  <c r="O2158" i="5" s="1"/>
  <c r="K2379" i="2"/>
  <c r="K2353" i="5" s="1"/>
  <c r="O2353" i="5" s="1"/>
  <c r="K6909" i="2"/>
  <c r="K6883" i="5" s="1"/>
  <c r="O6883" i="5" s="1"/>
  <c r="K5395" i="2"/>
  <c r="K5369" i="5" s="1"/>
  <c r="O5369" i="5" s="1"/>
  <c r="K6724" i="2"/>
  <c r="K6698" i="5" s="1"/>
  <c r="O6698" i="5" s="1"/>
  <c r="K1540" i="2"/>
  <c r="K1514" i="5" s="1"/>
  <c r="O1514" i="5" s="1"/>
  <c r="K6044" i="2"/>
  <c r="K6018" i="5" s="1"/>
  <c r="O6018" i="5" s="1"/>
  <c r="K8722" i="2"/>
  <c r="K8696" i="5" s="1"/>
  <c r="O8696" i="5" s="1"/>
  <c r="K8082" i="2"/>
  <c r="K8056" i="5" s="1"/>
  <c r="O8056" i="5" s="1"/>
  <c r="K199" i="2"/>
  <c r="K173" i="5" s="1"/>
  <c r="O173" i="5" s="1"/>
  <c r="K2522" i="2"/>
  <c r="K2496" i="5" s="1"/>
  <c r="O2496" i="5" s="1"/>
  <c r="K1014" i="2"/>
  <c r="K988" i="5" s="1"/>
  <c r="O988" i="5" s="1"/>
  <c r="K8401" i="2"/>
  <c r="K8375" i="5" s="1"/>
  <c r="O8375" i="5" s="1"/>
  <c r="K2346" i="2"/>
  <c r="K2320" i="5" s="1"/>
  <c r="O2320" i="5" s="1"/>
  <c r="K8404" i="2"/>
  <c r="K8378" i="5" s="1"/>
  <c r="O8378" i="5" s="1"/>
  <c r="K2679" i="2"/>
  <c r="K2653" i="5" s="1"/>
  <c r="O2653" i="5" s="1"/>
  <c r="K8747" i="2"/>
  <c r="K8721" i="5" s="1"/>
  <c r="O8721" i="5" s="1"/>
  <c r="K1194" i="2"/>
  <c r="K1168" i="5" s="1"/>
  <c r="O1168" i="5" s="1"/>
  <c r="K4885" i="2"/>
  <c r="K4859" i="5" s="1"/>
  <c r="O4859" i="5" s="1"/>
  <c r="K4217" i="2"/>
  <c r="K4191" i="5" s="1"/>
  <c r="O4191" i="5" s="1"/>
  <c r="K8053" i="2"/>
  <c r="K8027" i="5" s="1"/>
  <c r="O8027" i="5" s="1"/>
  <c r="K2171" i="2"/>
  <c r="K2145" i="5" s="1"/>
  <c r="O2145" i="5" s="1"/>
  <c r="K1034" i="2"/>
  <c r="K1008" i="5" s="1"/>
  <c r="O1008" i="5" s="1"/>
  <c r="K1361" i="2"/>
  <c r="K1335" i="5" s="1"/>
  <c r="O1335" i="5" s="1"/>
  <c r="K5385" i="2"/>
  <c r="K5359" i="5" s="1"/>
  <c r="O5359" i="5" s="1"/>
  <c r="K355" i="2"/>
  <c r="K329" i="5" s="1"/>
  <c r="O329" i="5" s="1"/>
  <c r="K4221" i="2"/>
  <c r="K4195" i="5" s="1"/>
  <c r="O4195" i="5" s="1"/>
  <c r="K5908" i="2"/>
  <c r="K5882" i="5" s="1"/>
  <c r="O5882" i="5" s="1"/>
  <c r="K2372" i="2"/>
  <c r="K2346" i="5" s="1"/>
  <c r="O2346" i="5" s="1"/>
  <c r="K6707" i="2"/>
  <c r="K6681" i="5" s="1"/>
  <c r="O6681" i="5" s="1"/>
  <c r="K3895" i="2"/>
  <c r="K3869" i="5" s="1"/>
  <c r="O3869" i="5" s="1"/>
  <c r="K1842" i="2"/>
  <c r="K1816" i="5" s="1"/>
  <c r="O1816" i="5" s="1"/>
  <c r="K185" i="2"/>
  <c r="K159" i="5" s="1"/>
  <c r="O159" i="5" s="1"/>
  <c r="K3033" i="2"/>
  <c r="K3007" i="5" s="1"/>
  <c r="O3007" i="5" s="1"/>
  <c r="K7251" i="2"/>
  <c r="K7225" i="5" s="1"/>
  <c r="O7225" i="5" s="1"/>
  <c r="K7912" i="2"/>
  <c r="K7886" i="5" s="1"/>
  <c r="O7886" i="5" s="1"/>
  <c r="K5723" i="2"/>
  <c r="K5697" i="5" s="1"/>
  <c r="O5697" i="5" s="1"/>
  <c r="K7389" i="2"/>
  <c r="K7363" i="5" s="1"/>
  <c r="O7363" i="5" s="1"/>
  <c r="K4187" i="2"/>
  <c r="K4161" i="5" s="1"/>
  <c r="O4161" i="5" s="1"/>
  <c r="K7734" i="2"/>
  <c r="K7708" i="5" s="1"/>
  <c r="O7708" i="5" s="1"/>
  <c r="K4544" i="2"/>
  <c r="K4518" i="5" s="1"/>
  <c r="O4518" i="5" s="1"/>
  <c r="K677" i="2"/>
  <c r="K651" i="5" s="1"/>
  <c r="O651" i="5" s="1"/>
  <c r="K3702" i="2"/>
  <c r="K3676" i="5" s="1"/>
  <c r="O3676" i="5" s="1"/>
  <c r="K2506" i="2"/>
  <c r="K2480" i="5" s="1"/>
  <c r="O2480" i="5" s="1"/>
  <c r="K7069" i="2"/>
  <c r="K7043" i="5" s="1"/>
  <c r="O7043" i="5" s="1"/>
  <c r="K8386" i="2"/>
  <c r="K5714" i="2"/>
  <c r="K5688" i="5" s="1"/>
  <c r="O5688" i="5" s="1"/>
  <c r="K2199" i="2"/>
  <c r="K2173" i="5" s="1"/>
  <c r="O2173" i="5" s="1"/>
  <c r="K335" i="2"/>
  <c r="K309" i="5" s="1"/>
  <c r="O309" i="5" s="1"/>
  <c r="K3863" i="2"/>
  <c r="K3837" i="5" s="1"/>
  <c r="O3837" i="5" s="1"/>
  <c r="K3865" i="2"/>
  <c r="K3839" i="5" s="1"/>
  <c r="O3839" i="5" s="1"/>
  <c r="K6392" i="2"/>
  <c r="K6366" i="5" s="1"/>
  <c r="O6366" i="5" s="1"/>
  <c r="K8424" i="2"/>
  <c r="K8398" i="5" s="1"/>
  <c r="O8398" i="5" s="1"/>
  <c r="K2211" i="2"/>
  <c r="K2185" i="5" s="1"/>
  <c r="O2185" i="5" s="1"/>
  <c r="K5708" i="2"/>
  <c r="K5682" i="5" s="1"/>
  <c r="O5682" i="5" s="1"/>
  <c r="K5052" i="2"/>
  <c r="K5026" i="5" s="1"/>
  <c r="O5026" i="5" s="1"/>
  <c r="K8558" i="2"/>
  <c r="K8532" i="5" s="1"/>
  <c r="O8532" i="5" s="1"/>
  <c r="K3538" i="2"/>
  <c r="K3512" i="5" s="1"/>
  <c r="O3512" i="5" s="1"/>
  <c r="K6386" i="2"/>
  <c r="K6360" i="5" s="1"/>
  <c r="O6360" i="5" s="1"/>
  <c r="K2026" i="2"/>
  <c r="K2000" i="5" s="1"/>
  <c r="O2000" i="5" s="1"/>
  <c r="K8577" i="2"/>
  <c r="K8551" i="5" s="1"/>
  <c r="O8551" i="5" s="1"/>
  <c r="K6244" i="2"/>
  <c r="K6218" i="5" s="1"/>
  <c r="O6218" i="5" s="1"/>
  <c r="K8564" i="2"/>
  <c r="K8538" i="5" s="1"/>
  <c r="O8538" i="5" s="1"/>
  <c r="K2845" i="2"/>
  <c r="K2819" i="5" s="1"/>
  <c r="O2819" i="5" s="1"/>
  <c r="K6723" i="2"/>
  <c r="K6697" i="5" s="1"/>
  <c r="O6697" i="5" s="1"/>
  <c r="K3542" i="2"/>
  <c r="K3516" i="5" s="1"/>
  <c r="O3516" i="5" s="1"/>
  <c r="K4385" i="2"/>
  <c r="K4359" i="5" s="1"/>
  <c r="O4359" i="5" s="1"/>
  <c r="K7586" i="2"/>
  <c r="K7560" i="5" s="1"/>
  <c r="O7560" i="5" s="1"/>
  <c r="K1201" i="2"/>
  <c r="K1175" i="5" s="1"/>
  <c r="O1175" i="5" s="1"/>
  <c r="K3714" i="2"/>
  <c r="K3688" i="5" s="1"/>
  <c r="O3688" i="5" s="1"/>
  <c r="K6735" i="2"/>
  <c r="K6709" i="5" s="1"/>
  <c r="O6709" i="5" s="1"/>
  <c r="K6070" i="2"/>
  <c r="K6044" i="5" s="1"/>
  <c r="O6044" i="5" s="1"/>
  <c r="K3042" i="2"/>
  <c r="K3016" i="5" s="1"/>
  <c r="O3016" i="5" s="1"/>
  <c r="K7210" i="2"/>
  <c r="K7184" i="5" s="1"/>
  <c r="O7184" i="5" s="1"/>
  <c r="K4037" i="2"/>
  <c r="K4011" i="5" s="1"/>
  <c r="O4011" i="5" s="1"/>
  <c r="K4226" i="2"/>
  <c r="K4200" i="5" s="1"/>
  <c r="O4200" i="5" s="1"/>
  <c r="K3688" i="2"/>
  <c r="K3662" i="5" s="1"/>
  <c r="O3662" i="5" s="1"/>
  <c r="K5913" i="2"/>
  <c r="K5887" i="5" s="1"/>
  <c r="O5887" i="5" s="1"/>
  <c r="K2205" i="2"/>
  <c r="K2179" i="5" s="1"/>
  <c r="O2179" i="5" s="1"/>
  <c r="K673" i="2"/>
  <c r="K647" i="5" s="1"/>
  <c r="O647" i="5" s="1"/>
  <c r="K177" i="2"/>
  <c r="K151" i="5" s="1"/>
  <c r="O151" i="5" s="1"/>
  <c r="K4538" i="2"/>
  <c r="K4512" i="5" s="1"/>
  <c r="O4512" i="5" s="1"/>
  <c r="K1521" i="2"/>
  <c r="K1495" i="5" s="1"/>
  <c r="O1495" i="5" s="1"/>
  <c r="K3892" i="2"/>
  <c r="K3866" i="5" s="1"/>
  <c r="O3866" i="5" s="1"/>
  <c r="K5896" i="2"/>
  <c r="K5870" i="5" s="1"/>
  <c r="O5870" i="5" s="1"/>
  <c r="K3388" i="2"/>
  <c r="K3362" i="5" s="1"/>
  <c r="O3362" i="5" s="1"/>
  <c r="K5221" i="2"/>
  <c r="K5195" i="5" s="1"/>
  <c r="O5195" i="5" s="1"/>
  <c r="K514" i="2"/>
  <c r="K488" i="5" s="1"/>
  <c r="O488" i="5" s="1"/>
  <c r="K7214" i="2"/>
  <c r="K7188" i="5" s="1"/>
  <c r="O7188" i="5" s="1"/>
  <c r="K326" i="2"/>
  <c r="K300" i="5" s="1"/>
  <c r="O300" i="5" s="1"/>
  <c r="K3377" i="2"/>
  <c r="K3351" i="5" s="1"/>
  <c r="O3351" i="5" s="1"/>
  <c r="K7560" i="2"/>
  <c r="K7534" i="5" s="1"/>
  <c r="O7534" i="5" s="1"/>
  <c r="K3189" i="2"/>
  <c r="K3163" i="5" s="1"/>
  <c r="O3163" i="5" s="1"/>
  <c r="K8054" i="2"/>
  <c r="K8028" i="5" s="1"/>
  <c r="O8028" i="5" s="1"/>
  <c r="K5029" i="2"/>
  <c r="K5003" i="5" s="1"/>
  <c r="O5003" i="5" s="1"/>
  <c r="K7908" i="2"/>
  <c r="K7882" i="5" s="1"/>
  <c r="O7882" i="5" s="1"/>
  <c r="K3361" i="2"/>
  <c r="K3335" i="5" s="1"/>
  <c r="O3335" i="5" s="1"/>
  <c r="K8423" i="2"/>
  <c r="K8397" i="5" s="1"/>
  <c r="O8397" i="5" s="1"/>
  <c r="K7415" i="2"/>
  <c r="K7389" i="5" s="1"/>
  <c r="O7389" i="5" s="1"/>
  <c r="K4065" i="2"/>
  <c r="K4039" i="5" s="1"/>
  <c r="O4039" i="5" s="1"/>
  <c r="K1330" i="2"/>
  <c r="K1304" i="5" s="1"/>
  <c r="O1304" i="5" s="1"/>
  <c r="K490" i="2"/>
  <c r="K464" i="5" s="1"/>
  <c r="O464" i="5" s="1"/>
  <c r="K5879" i="2"/>
  <c r="K5853" i="5" s="1"/>
  <c r="O5853" i="5" s="1"/>
  <c r="K1501" i="2"/>
  <c r="K1475" i="5" s="1"/>
  <c r="O1475" i="5" s="1"/>
  <c r="K1681" i="2"/>
  <c r="K1655" i="5" s="1"/>
  <c r="O1655" i="5" s="1"/>
  <c r="K5235" i="2"/>
  <c r="K5209" i="5" s="1"/>
  <c r="O5209" i="5" s="1"/>
  <c r="K6883" i="2"/>
  <c r="K6857" i="5" s="1"/>
  <c r="O6857" i="5" s="1"/>
  <c r="K3365" i="2"/>
  <c r="K3339" i="5" s="1"/>
  <c r="O3339" i="5" s="1"/>
  <c r="K327" i="2"/>
  <c r="K301" i="5" s="1"/>
  <c r="O301" i="5" s="1"/>
  <c r="K2517" i="2"/>
  <c r="K2491" i="5" s="1"/>
  <c r="O2491" i="5" s="1"/>
  <c r="K4361" i="2"/>
  <c r="K4335" i="5" s="1"/>
  <c r="O4335" i="5" s="1"/>
  <c r="K3559" i="2"/>
  <c r="K3533" i="5" s="1"/>
  <c r="O3533" i="5" s="1"/>
  <c r="K5561" i="2"/>
  <c r="K5535" i="5" s="1"/>
  <c r="O5535" i="5" s="1"/>
  <c r="K5214" i="2"/>
  <c r="K5188" i="5" s="1"/>
  <c r="O5188" i="5" s="1"/>
  <c r="K7593" i="2"/>
  <c r="K7567" i="5" s="1"/>
  <c r="O7567" i="5" s="1"/>
  <c r="K7215" i="2"/>
  <c r="K7189" i="5" s="1"/>
  <c r="O7189" i="5" s="1"/>
  <c r="K3722" i="2"/>
  <c r="K3696" i="5" s="1"/>
  <c r="O3696" i="5" s="1"/>
  <c r="K833" i="2"/>
  <c r="K807" i="5" s="1"/>
  <c r="O807" i="5" s="1"/>
  <c r="K3358" i="2"/>
  <c r="K3332" i="5" s="1"/>
  <c r="O3332" i="5" s="1"/>
  <c r="K3183" i="2"/>
  <c r="K3157" i="5" s="1"/>
  <c r="O3157" i="5" s="1"/>
  <c r="K7587" i="2"/>
  <c r="K7561" i="5" s="1"/>
  <c r="O7561" i="5" s="1"/>
  <c r="K3871" i="2"/>
  <c r="K3845" i="5" s="1"/>
  <c r="O3845" i="5" s="1"/>
  <c r="K1339" i="2"/>
  <c r="K1313" i="5" s="1"/>
  <c r="O1313" i="5" s="1"/>
  <c r="K6416" i="2"/>
  <c r="K6390" i="5" s="1"/>
  <c r="O6390" i="5" s="1"/>
  <c r="K5371" i="2"/>
  <c r="K5345" i="5" s="1"/>
  <c r="O5345" i="5" s="1"/>
  <c r="K7212" i="2"/>
  <c r="K7186" i="5" s="1"/>
  <c r="O7186" i="5" s="1"/>
  <c r="K189" i="2"/>
  <c r="K163" i="5" s="1"/>
  <c r="O163" i="5" s="1"/>
  <c r="K6075" i="2"/>
  <c r="K6049" i="5" s="1"/>
  <c r="O6049" i="5" s="1"/>
  <c r="K4191" i="2"/>
  <c r="K4165" i="5" s="1"/>
  <c r="O4165" i="5" s="1"/>
  <c r="K497" i="2"/>
  <c r="K471" i="5" s="1"/>
  <c r="O471" i="5" s="1"/>
  <c r="K2029" i="2"/>
  <c r="K2003" i="5" s="1"/>
  <c r="O2003" i="5" s="1"/>
  <c r="K7243" i="2"/>
  <c r="K7217" i="5" s="1"/>
  <c r="O7217" i="5" s="1"/>
  <c r="K8595" i="2"/>
  <c r="K8569" i="5" s="1"/>
  <c r="O8569" i="5" s="1"/>
  <c r="K5552" i="2"/>
  <c r="K5526" i="5" s="1"/>
  <c r="O5526" i="5" s="1"/>
  <c r="K1673" i="2"/>
  <c r="K1647" i="5" s="1"/>
  <c r="O1647" i="5" s="1"/>
  <c r="K1878" i="2"/>
  <c r="K1852" i="5" s="1"/>
  <c r="O1852" i="5" s="1"/>
  <c r="K2023" i="2"/>
  <c r="K1997" i="5" s="1"/>
  <c r="O1997" i="5" s="1"/>
  <c r="K5539" i="2"/>
  <c r="K5513" i="5" s="1"/>
  <c r="O5513" i="5" s="1"/>
  <c r="K4200" i="2"/>
  <c r="K4174" i="5" s="1"/>
  <c r="O4174" i="5" s="1"/>
  <c r="K7918" i="2"/>
  <c r="K7892" i="5" s="1"/>
  <c r="O7892" i="5" s="1"/>
  <c r="K1845" i="2"/>
  <c r="K1819" i="5" s="1"/>
  <c r="O1819" i="5" s="1"/>
  <c r="K6037" i="2"/>
  <c r="K6011" i="5" s="1"/>
  <c r="O6011" i="5" s="1"/>
  <c r="K2527" i="2"/>
  <c r="K2501" i="5" s="1"/>
  <c r="O2501" i="5" s="1"/>
  <c r="K7230" i="2"/>
  <c r="K7204" i="5" s="1"/>
  <c r="O7204" i="5" s="1"/>
  <c r="K4732" i="2"/>
  <c r="K4706" i="5" s="1"/>
  <c r="O4706" i="5" s="1"/>
  <c r="K8756" i="2"/>
  <c r="K8730" i="5" s="1"/>
  <c r="O8730" i="5" s="1"/>
  <c r="K873" i="2"/>
  <c r="K847" i="5" s="1"/>
  <c r="O847" i="5" s="1"/>
  <c r="K5043" i="2"/>
  <c r="K5017" i="5" s="1"/>
  <c r="O5017" i="5" s="1"/>
  <c r="K2701" i="2"/>
  <c r="K2675" i="5" s="1"/>
  <c r="O2675" i="5" s="1"/>
  <c r="K8743" i="2"/>
  <c r="K8717" i="5" s="1"/>
  <c r="O8717" i="5" s="1"/>
  <c r="K3531" i="2"/>
  <c r="K3505" i="5" s="1"/>
  <c r="O3505" i="5" s="1"/>
  <c r="K5719" i="2"/>
  <c r="K5693" i="5" s="1"/>
  <c r="O5693" i="5" s="1"/>
  <c r="K7062" i="2"/>
  <c r="K7036" i="5" s="1"/>
  <c r="O7036" i="5" s="1"/>
  <c r="K8724" i="2"/>
  <c r="K8698" i="5" s="1"/>
  <c r="O8698" i="5" s="1"/>
  <c r="K6557" i="2"/>
  <c r="K6531" i="5" s="1"/>
  <c r="O6531" i="5" s="1"/>
  <c r="K6572" i="2"/>
  <c r="K6546" i="5" s="1"/>
  <c r="O6546" i="5" s="1"/>
  <c r="K4213" i="2"/>
  <c r="K4187" i="5" s="1"/>
  <c r="O4187" i="5" s="1"/>
  <c r="K6394" i="2"/>
  <c r="K6368" i="5" s="1"/>
  <c r="O6368" i="5" s="1"/>
  <c r="K2366" i="2"/>
  <c r="K2340" i="5" s="1"/>
  <c r="O2340" i="5" s="1"/>
  <c r="K4894" i="2"/>
  <c r="K4868" i="5" s="1"/>
  <c r="O4868" i="5" s="1"/>
  <c r="K7229" i="2"/>
  <c r="K7203" i="5" s="1"/>
  <c r="O7203" i="5" s="1"/>
  <c r="K5731" i="2"/>
  <c r="K5705" i="5" s="1"/>
  <c r="O5705" i="5" s="1"/>
  <c r="K996" i="2"/>
  <c r="K970" i="5" s="1"/>
  <c r="O970" i="5" s="1"/>
  <c r="K7216" i="2"/>
  <c r="K7190" i="5" s="1"/>
  <c r="O7190" i="5" s="1"/>
  <c r="K5225" i="2"/>
  <c r="K5199" i="5" s="1"/>
  <c r="O5199" i="5" s="1"/>
  <c r="K6915" i="2"/>
  <c r="K6889" i="5" s="1"/>
  <c r="O6889" i="5" s="1"/>
  <c r="K2880" i="2"/>
  <c r="K2854" i="5" s="1"/>
  <c r="O2854" i="5" s="1"/>
  <c r="K341" i="2"/>
  <c r="K315" i="5" s="1"/>
  <c r="O315" i="5" s="1"/>
  <c r="K4199" i="2"/>
  <c r="K4173" i="5" s="1"/>
  <c r="O4173" i="5" s="1"/>
  <c r="K2352" i="2"/>
  <c r="K2326" i="5" s="1"/>
  <c r="O2326" i="5" s="1"/>
  <c r="K5728" i="2"/>
  <c r="K5702" i="5" s="1"/>
  <c r="O5702" i="5" s="1"/>
  <c r="K8065" i="2"/>
  <c r="K8039" i="5" s="1"/>
  <c r="O8039" i="5" s="1"/>
  <c r="K5394" i="2"/>
  <c r="K5368" i="5" s="1"/>
  <c r="O5368" i="5" s="1"/>
  <c r="K8574" i="2"/>
  <c r="K8548" i="5" s="1"/>
  <c r="O8548" i="5" s="1"/>
  <c r="K3382" i="2"/>
  <c r="K3356" i="5" s="1"/>
  <c r="O3356" i="5" s="1"/>
  <c r="K2875" i="2"/>
  <c r="K2849" i="5" s="1"/>
  <c r="O2849" i="5" s="1"/>
  <c r="K2214" i="2"/>
  <c r="K2188" i="5" s="1"/>
  <c r="O2188" i="5" s="1"/>
  <c r="K1363" i="2"/>
  <c r="K1337" i="5" s="1"/>
  <c r="O1337" i="5" s="1"/>
  <c r="K4376" i="2"/>
  <c r="K4350" i="5" s="1"/>
  <c r="O4350" i="5" s="1"/>
  <c r="K3390" i="2"/>
  <c r="K3364" i="5" s="1"/>
  <c r="O3364" i="5" s="1"/>
  <c r="K5208" i="2"/>
  <c r="K5182" i="5" s="1"/>
  <c r="O5182" i="5" s="1"/>
  <c r="K1184" i="2"/>
  <c r="K1158" i="5" s="1"/>
  <c r="O1158" i="5" s="1"/>
  <c r="K7723" i="2"/>
  <c r="K7697" i="5" s="1"/>
  <c r="O7697" i="5" s="1"/>
  <c r="K7886" i="2"/>
  <c r="K7860" i="5" s="1"/>
  <c r="O7860" i="5" s="1"/>
  <c r="K2215" i="2"/>
  <c r="K2189" i="5" s="1"/>
  <c r="O2189" i="5" s="1"/>
  <c r="K6400" i="2"/>
  <c r="K6374" i="5" s="1"/>
  <c r="O6374" i="5" s="1"/>
  <c r="K8557" i="2"/>
  <c r="K8531" i="5" s="1"/>
  <c r="O8531" i="5" s="1"/>
  <c r="K3372" i="2"/>
  <c r="K3346" i="5" s="1"/>
  <c r="O3346" i="5" s="1"/>
  <c r="K5710" i="2"/>
  <c r="K5684" i="5" s="1"/>
  <c r="O5684" i="5" s="1"/>
  <c r="K2848" i="2"/>
  <c r="K2822" i="5" s="1"/>
  <c r="O2822" i="5" s="1"/>
  <c r="K4032" i="2"/>
  <c r="K4006" i="5" s="1"/>
  <c r="O4006" i="5" s="1"/>
  <c r="K4367" i="2"/>
  <c r="K4341" i="5" s="1"/>
  <c r="O4341" i="5" s="1"/>
  <c r="K4530" i="2"/>
  <c r="K4504" i="5" s="1"/>
  <c r="O4504" i="5" s="1"/>
  <c r="K2179" i="2"/>
  <c r="K2153" i="5" s="1"/>
  <c r="O2153" i="5" s="1"/>
  <c r="K1346" i="2"/>
  <c r="K1320" i="5" s="1"/>
  <c r="O1320" i="5" s="1"/>
  <c r="K2006" i="2"/>
  <c r="K1980" i="5" s="1"/>
  <c r="O1980" i="5" s="1"/>
  <c r="K1705" i="2"/>
  <c r="K1679" i="5" s="1"/>
  <c r="O1679" i="5" s="1"/>
  <c r="K2518" i="2"/>
  <c r="K2492" i="5" s="1"/>
  <c r="O2492" i="5" s="1"/>
  <c r="K5559" i="2"/>
  <c r="K5533" i="5" s="1"/>
  <c r="O5533" i="5" s="1"/>
  <c r="K3036" i="2"/>
  <c r="K3010" i="5" s="1"/>
  <c r="O3010" i="5" s="1"/>
  <c r="K4401" i="2"/>
  <c r="K4375" i="5" s="1"/>
  <c r="O4375" i="5" s="1"/>
  <c r="K3697" i="2"/>
  <c r="K3671" i="5" s="1"/>
  <c r="O3671" i="5" s="1"/>
  <c r="K7218" i="2"/>
  <c r="K7192" i="5" s="1"/>
  <c r="O7192" i="5" s="1"/>
  <c r="K8088" i="2"/>
  <c r="K8062" i="5" s="1"/>
  <c r="O8062" i="5" s="1"/>
  <c r="K517" i="2"/>
  <c r="K491" i="5" s="1"/>
  <c r="O491" i="5" s="1"/>
  <c r="K4729" i="2"/>
  <c r="K4703" i="5" s="1"/>
  <c r="O4703" i="5" s="1"/>
  <c r="K847" i="2"/>
  <c r="K821" i="5" s="1"/>
  <c r="O821" i="5" s="1"/>
  <c r="K4188" i="2"/>
  <c r="K4162" i="5" s="1"/>
  <c r="O4162" i="5" s="1"/>
  <c r="K7089" i="2"/>
  <c r="K7063" i="5" s="1"/>
  <c r="O7063" i="5" s="1"/>
  <c r="K7718" i="2"/>
  <c r="K7692" i="5" s="1"/>
  <c r="O7692" i="5" s="1"/>
  <c r="K7905" i="2"/>
  <c r="K7879" i="5" s="1"/>
  <c r="O7879" i="5" s="1"/>
  <c r="K2177" i="2"/>
  <c r="K2151" i="5" s="1"/>
  <c r="O2151" i="5" s="1"/>
  <c r="K869" i="2"/>
  <c r="K843" i="5" s="1"/>
  <c r="O843" i="5" s="1"/>
  <c r="K5886" i="2"/>
  <c r="K5860" i="5" s="1"/>
  <c r="O5860" i="5" s="1"/>
  <c r="K2872" i="2"/>
  <c r="K2846" i="5" s="1"/>
  <c r="O2846" i="5" s="1"/>
  <c r="K2721" i="2"/>
  <c r="K2695" i="5" s="1"/>
  <c r="O2695" i="5" s="1"/>
  <c r="K2014" i="2"/>
  <c r="K1988" i="5" s="1"/>
  <c r="O1988" i="5" s="1"/>
  <c r="K3044" i="2"/>
  <c r="K3018" i="5" s="1"/>
  <c r="O3018" i="5" s="1"/>
  <c r="K1536" i="2"/>
  <c r="K1510" i="5" s="1"/>
  <c r="O1510" i="5" s="1"/>
  <c r="K2682" i="2"/>
  <c r="K2656" i="5" s="1"/>
  <c r="O2656" i="5" s="1"/>
  <c r="K7899" i="2"/>
  <c r="K7873" i="5" s="1"/>
  <c r="O7873" i="5" s="1"/>
  <c r="K3561" i="2"/>
  <c r="K3535" i="5" s="1"/>
  <c r="O3535" i="5" s="1"/>
  <c r="K194" i="2"/>
  <c r="K168" i="5" s="1"/>
  <c r="O168" i="5" s="1"/>
  <c r="K1360" i="2"/>
  <c r="K1334" i="5" s="1"/>
  <c r="O1334" i="5" s="1"/>
  <c r="K493" i="2"/>
  <c r="K467" i="5" s="1"/>
  <c r="O467" i="5" s="1"/>
  <c r="K7088" i="2"/>
  <c r="K7062" i="5" s="1"/>
  <c r="O7062" i="5" s="1"/>
  <c r="K7226" i="2"/>
  <c r="K7200" i="5" s="1"/>
  <c r="O7200" i="5" s="1"/>
  <c r="K165" i="2"/>
  <c r="K139" i="5" s="1"/>
  <c r="O139" i="5" s="1"/>
  <c r="K4363" i="2"/>
  <c r="K4337" i="5" s="1"/>
  <c r="O4337" i="5" s="1"/>
  <c r="K4193" i="2"/>
  <c r="K4167" i="5" s="1"/>
  <c r="O4167" i="5" s="1"/>
  <c r="K331" i="2"/>
  <c r="K305" i="5" s="1"/>
  <c r="O305" i="5" s="1"/>
  <c r="K7398" i="2"/>
  <c r="K7372" i="5" s="1"/>
  <c r="O7372" i="5" s="1"/>
  <c r="K3374" i="2"/>
  <c r="K3348" i="5" s="1"/>
  <c r="O3348" i="5" s="1"/>
  <c r="K6039" i="2"/>
  <c r="K6013" i="5" s="1"/>
  <c r="O6013" i="5" s="1"/>
  <c r="K3529" i="2"/>
  <c r="K3503" i="5" s="1"/>
  <c r="O3503" i="5" s="1"/>
  <c r="K3887" i="2"/>
  <c r="K3861" i="5" s="1"/>
  <c r="O3861" i="5" s="1"/>
  <c r="K2866" i="2"/>
  <c r="K2840" i="5" s="1"/>
  <c r="O2840" i="5" s="1"/>
  <c r="K3222" i="2"/>
  <c r="K3196" i="5" s="1"/>
  <c r="O3196" i="5" s="1"/>
  <c r="K5209" i="2"/>
  <c r="K5183" i="5" s="1"/>
  <c r="O5183" i="5" s="1"/>
  <c r="K1509" i="2"/>
  <c r="K1483" i="5" s="1"/>
  <c r="O1483" i="5" s="1"/>
  <c r="K7403" i="2"/>
  <c r="K7377" i="5" s="1"/>
  <c r="O7377" i="5" s="1"/>
  <c r="K7893" i="2"/>
  <c r="K7867" i="5" s="1"/>
  <c r="O7867" i="5" s="1"/>
  <c r="K3870" i="2"/>
  <c r="K3844" i="5" s="1"/>
  <c r="O3844" i="5" s="1"/>
  <c r="K1704" i="2"/>
  <c r="K1678" i="5" s="1"/>
  <c r="O1678" i="5" s="1"/>
  <c r="K7573" i="2"/>
  <c r="K7547" i="5" s="1"/>
  <c r="O7547" i="5" s="1"/>
  <c r="K323" i="2"/>
  <c r="K297" i="5" s="1"/>
  <c r="O297" i="5" s="1"/>
  <c r="K7390" i="2"/>
  <c r="K7364" i="5" s="1"/>
  <c r="O7364" i="5" s="1"/>
  <c r="K2032" i="2"/>
  <c r="K2006" i="5" s="1"/>
  <c r="O2006" i="5" s="1"/>
  <c r="K3043" i="2"/>
  <c r="K3017" i="5" s="1"/>
  <c r="O3017" i="5" s="1"/>
  <c r="K1180" i="2"/>
  <c r="K1154" i="5" s="1"/>
  <c r="O1154" i="5" s="1"/>
  <c r="K5233" i="2"/>
  <c r="K5207" i="5" s="1"/>
  <c r="O5207" i="5" s="1"/>
  <c r="K7889" i="2"/>
  <c r="K7863" i="5" s="1"/>
  <c r="O7863" i="5" s="1"/>
  <c r="K7758" i="2"/>
  <c r="K7732" i="5" s="1"/>
  <c r="O7732" i="5" s="1"/>
  <c r="K3057" i="2"/>
  <c r="K3031" i="5" s="1"/>
  <c r="O3031" i="5" s="1"/>
  <c r="K1856" i="2"/>
  <c r="K1830" i="5" s="1"/>
  <c r="O1830" i="5" s="1"/>
  <c r="K7387" i="2"/>
  <c r="K7361" i="5" s="1"/>
  <c r="O7361" i="5" s="1"/>
  <c r="K6227" i="2"/>
  <c r="K6201" i="5" s="1"/>
  <c r="O6201" i="5" s="1"/>
  <c r="K1341" i="2"/>
  <c r="K1315" i="5" s="1"/>
  <c r="O1315" i="5" s="1"/>
  <c r="K844" i="2"/>
  <c r="K818" i="5" s="1"/>
  <c r="O818" i="5" s="1"/>
  <c r="K2879" i="2"/>
  <c r="K2853" i="5" s="1"/>
  <c r="O2853" i="5" s="1"/>
  <c r="K2355" i="2"/>
  <c r="K2329" i="5" s="1"/>
  <c r="O2329" i="5" s="1"/>
  <c r="K837" i="2"/>
  <c r="K811" i="5" s="1"/>
  <c r="O811" i="5" s="1"/>
  <c r="K337" i="2"/>
  <c r="K311" i="5" s="1"/>
  <c r="O311" i="5" s="1"/>
  <c r="K1345" i="2"/>
  <c r="K1319" i="5" s="1"/>
  <c r="O1319" i="5" s="1"/>
  <c r="K8078" i="2"/>
  <c r="K8052" i="5" s="1"/>
  <c r="O8052" i="5" s="1"/>
  <c r="K4233" i="2"/>
  <c r="K4207" i="5" s="1"/>
  <c r="O4207" i="5" s="1"/>
  <c r="K8433" i="2"/>
  <c r="K8407" i="5" s="1"/>
  <c r="O8407" i="5" s="1"/>
  <c r="K7580" i="2"/>
  <c r="K7554" i="5" s="1"/>
  <c r="O7554" i="5" s="1"/>
  <c r="K2548" i="2"/>
  <c r="K2522" i="5" s="1"/>
  <c r="O2522" i="5" s="1"/>
  <c r="K1690" i="2"/>
  <c r="K1664" i="5" s="1"/>
  <c r="O1664" i="5" s="1"/>
  <c r="K868" i="2"/>
  <c r="K842" i="5" s="1"/>
  <c r="O842" i="5" s="1"/>
  <c r="K162" i="2"/>
  <c r="K136" i="5" s="1"/>
  <c r="O136" i="5" s="1"/>
  <c r="K4382" i="2"/>
  <c r="K4356" i="5" s="1"/>
  <c r="O4356" i="5" s="1"/>
  <c r="K6892" i="2"/>
  <c r="K6866" i="5" s="1"/>
  <c r="O6866" i="5" s="1"/>
  <c r="K6722" i="2"/>
  <c r="K6696" i="5" s="1"/>
  <c r="O6696" i="5" s="1"/>
  <c r="K8563" i="2"/>
  <c r="K8537" i="5" s="1"/>
  <c r="O8537" i="5" s="1"/>
  <c r="K3214" i="2"/>
  <c r="K3188" i="5" s="1"/>
  <c r="O3188" i="5" s="1"/>
  <c r="K6205" i="2"/>
  <c r="K6179" i="5" s="1"/>
  <c r="O6179" i="5" s="1"/>
  <c r="K8249" i="2"/>
  <c r="K8223" i="5" s="1"/>
  <c r="O8223" i="5" s="1"/>
  <c r="K3882" i="2"/>
  <c r="K3856" i="5" s="1"/>
  <c r="O3856" i="5" s="1"/>
  <c r="K6073" i="2"/>
  <c r="K6047" i="5" s="1"/>
  <c r="O6047" i="5" s="1"/>
  <c r="K2010" i="2"/>
  <c r="K1984" i="5" s="1"/>
  <c r="O1984" i="5" s="1"/>
  <c r="K5199" i="2"/>
  <c r="K5173" i="5" s="1"/>
  <c r="O5173" i="5" s="1"/>
  <c r="K998" i="2"/>
  <c r="K972" i="5" s="1"/>
  <c r="O972" i="5" s="1"/>
  <c r="K4735" i="2"/>
  <c r="K4709" i="5" s="1"/>
  <c r="O4709" i="5" s="1"/>
  <c r="K4726" i="2"/>
  <c r="K4700" i="5" s="1"/>
  <c r="O4700" i="5" s="1"/>
  <c r="K5895" i="2"/>
  <c r="K5869" i="5" s="1"/>
  <c r="O5869" i="5" s="1"/>
  <c r="K7224" i="2"/>
  <c r="K7198" i="5" s="1"/>
  <c r="O7198" i="5" s="1"/>
  <c r="K2877" i="2"/>
  <c r="K2851" i="5" s="1"/>
  <c r="O2851" i="5" s="1"/>
  <c r="K3694" i="2"/>
  <c r="K3668" i="5" s="1"/>
  <c r="O3668" i="5" s="1"/>
  <c r="K3711" i="2"/>
  <c r="K3685" i="5" s="1"/>
  <c r="O3685" i="5" s="1"/>
  <c r="K4038" i="2"/>
  <c r="K4012" i="5" s="1"/>
  <c r="O4012" i="5" s="1"/>
  <c r="K2675" i="2"/>
  <c r="K2649" i="5" s="1"/>
  <c r="O2649" i="5" s="1"/>
  <c r="K188" i="2"/>
  <c r="K162" i="5" s="1"/>
  <c r="O162" i="5" s="1"/>
  <c r="K8253" i="2"/>
  <c r="K8227" i="5" s="1"/>
  <c r="O8227" i="5" s="1"/>
  <c r="K5575" i="2"/>
  <c r="K5549" i="5" s="1"/>
  <c r="O5549" i="5" s="1"/>
  <c r="K1004" i="2"/>
  <c r="K978" i="5" s="1"/>
  <c r="O978" i="5" s="1"/>
  <c r="K859" i="2"/>
  <c r="K833" i="5" s="1"/>
  <c r="O833" i="5" s="1"/>
  <c r="K2019" i="2"/>
  <c r="K1993" i="5" s="1"/>
  <c r="O1993" i="5" s="1"/>
  <c r="K8426" i="2"/>
  <c r="K8400" i="5" s="1"/>
  <c r="O8400" i="5" s="1"/>
  <c r="K6035" i="2"/>
  <c r="K6009" i="5" s="1"/>
  <c r="O6009" i="5" s="1"/>
  <c r="K5230" i="2"/>
  <c r="K5204" i="5" s="1"/>
  <c r="O5204" i="5" s="1"/>
  <c r="K2695" i="2"/>
  <c r="K2669" i="5" s="1"/>
  <c r="O2669" i="5" s="1"/>
  <c r="K7591" i="2"/>
  <c r="K7565" i="5" s="1"/>
  <c r="O7565" i="5" s="1"/>
  <c r="K2889" i="2"/>
  <c r="K2863" i="5" s="1"/>
  <c r="O2863" i="5" s="1"/>
  <c r="K8592" i="2"/>
  <c r="K8566" i="5" s="1"/>
  <c r="O8566" i="5" s="1"/>
  <c r="K3200" i="2"/>
  <c r="K3174" i="5" s="1"/>
  <c r="O3174" i="5" s="1"/>
  <c r="K1177" i="2"/>
  <c r="K1151" i="5" s="1"/>
  <c r="O1151" i="5" s="1"/>
  <c r="K2046" i="2"/>
  <c r="K2020" i="5" s="1"/>
  <c r="O2020" i="5" s="1"/>
  <c r="K183" i="2"/>
  <c r="K157" i="5" s="1"/>
  <c r="O157" i="5" s="1"/>
  <c r="K1672" i="2"/>
  <c r="K1646" i="5" s="1"/>
  <c r="O1646" i="5" s="1"/>
  <c r="K7401" i="2"/>
  <c r="K7375" i="5" s="1"/>
  <c r="O7375" i="5" s="1"/>
  <c r="K2217" i="2"/>
  <c r="K2191" i="5" s="1"/>
  <c r="O2191" i="5" s="1"/>
  <c r="K3548" i="2"/>
  <c r="K3522" i="5" s="1"/>
  <c r="O3522" i="5" s="1"/>
  <c r="K6211" i="2"/>
  <c r="K6185" i="5" s="1"/>
  <c r="O6185" i="5" s="1"/>
  <c r="K4863" i="2"/>
  <c r="K4837" i="5" s="1"/>
  <c r="O4837" i="5" s="1"/>
  <c r="K8255" i="2"/>
  <c r="K8229" i="5" s="1"/>
  <c r="O8229" i="5" s="1"/>
  <c r="K1335" i="2"/>
  <c r="K1309" i="5" s="1"/>
  <c r="O1309" i="5" s="1"/>
  <c r="K1164" i="2"/>
  <c r="K1138" i="5" s="1"/>
  <c r="O1138" i="5" s="1"/>
  <c r="K6878" i="2"/>
  <c r="K6852" i="5" s="1"/>
  <c r="O6852" i="5" s="1"/>
  <c r="K6916" i="2"/>
  <c r="K6890" i="5" s="1"/>
  <c r="O6890" i="5" s="1"/>
  <c r="K5398" i="2"/>
  <c r="K5372" i="5" s="1"/>
  <c r="O5372" i="5" s="1"/>
  <c r="K3522" i="2"/>
  <c r="K3496" i="5" s="1"/>
  <c r="O3496" i="5" s="1"/>
  <c r="K7559" i="2"/>
  <c r="K7533" i="5" s="1"/>
  <c r="O7533" i="5" s="1"/>
  <c r="K5027" i="2"/>
  <c r="K5001" i="5" s="1"/>
  <c r="O5001" i="5" s="1"/>
  <c r="K4882" i="2"/>
  <c r="K4856" i="5" s="1"/>
  <c r="O4856" i="5" s="1"/>
  <c r="K4522" i="2"/>
  <c r="K4496" i="5" s="1"/>
  <c r="O4496" i="5" s="1"/>
  <c r="K7924" i="2"/>
  <c r="K7898" i="5" s="1"/>
  <c r="O7898" i="5" s="1"/>
  <c r="K7717" i="2"/>
  <c r="K7691" i="5" s="1"/>
  <c r="O7691" i="5" s="1"/>
  <c r="K3356" i="2"/>
  <c r="K3330" i="5" s="1"/>
  <c r="O3330" i="5" s="1"/>
  <c r="K7571" i="2"/>
  <c r="K7545" i="5" s="1"/>
  <c r="O7545" i="5" s="1"/>
  <c r="K2694" i="2"/>
  <c r="K2668" i="5" s="1"/>
  <c r="O2668" i="5" s="1"/>
  <c r="K2703" i="2"/>
  <c r="K2677" i="5" s="1"/>
  <c r="O2677" i="5" s="1"/>
  <c r="K1671" i="2"/>
  <c r="K1645" i="5" s="1"/>
  <c r="O1645" i="5" s="1"/>
  <c r="K4903" i="2"/>
  <c r="K4877" i="5" s="1"/>
  <c r="O4877" i="5" s="1"/>
  <c r="K5383" i="2"/>
  <c r="K5357" i="5" s="1"/>
  <c r="O5357" i="5" s="1"/>
  <c r="K3709" i="2"/>
  <c r="K3683" i="5" s="1"/>
  <c r="O3683" i="5" s="1"/>
  <c r="K4046" i="2"/>
  <c r="K4020" i="5" s="1"/>
  <c r="O4020" i="5" s="1"/>
  <c r="K1347" i="2"/>
  <c r="K1321" i="5" s="1"/>
  <c r="O1321" i="5" s="1"/>
  <c r="K1364" i="2"/>
  <c r="K1338" i="5" s="1"/>
  <c r="O1338" i="5" s="1"/>
  <c r="K2843" i="2"/>
  <c r="K2817" i="5" s="1"/>
  <c r="O2817" i="5" s="1"/>
  <c r="K4228" i="2"/>
  <c r="K4202" i="5" s="1"/>
  <c r="O4202" i="5" s="1"/>
  <c r="K2683" i="2"/>
  <c r="K2657" i="5" s="1"/>
  <c r="O2657" i="5" s="1"/>
  <c r="K6918" i="2"/>
  <c r="K6892" i="5" s="1"/>
  <c r="O6892" i="5" s="1"/>
  <c r="K4553" i="2"/>
  <c r="K4527" i="5" s="1"/>
  <c r="O4527" i="5" s="1"/>
  <c r="K6235" i="2"/>
  <c r="K6209" i="5" s="1"/>
  <c r="O6209" i="5" s="1"/>
  <c r="K338" i="2"/>
  <c r="K312" i="5" s="1"/>
  <c r="O312" i="5" s="1"/>
  <c r="K511" i="2"/>
  <c r="K485" i="5" s="1"/>
  <c r="O485" i="5" s="1"/>
  <c r="K2031" i="2"/>
  <c r="K2005" i="5" s="1"/>
  <c r="O2005" i="5" s="1"/>
  <c r="K8598" i="2"/>
  <c r="K8572" i="5" s="1"/>
  <c r="O8572" i="5" s="1"/>
  <c r="K4899" i="2"/>
  <c r="K4873" i="5" s="1"/>
  <c r="O4873" i="5" s="1"/>
  <c r="K3212" i="2"/>
  <c r="K3186" i="5" s="1"/>
  <c r="O3186" i="5" s="1"/>
  <c r="K7716" i="2"/>
  <c r="K7690" i="5" s="1"/>
  <c r="O7690" i="5" s="1"/>
  <c r="K1683" i="2"/>
  <c r="K1657" i="5" s="1"/>
  <c r="O1657" i="5" s="1"/>
  <c r="K3851" i="2"/>
  <c r="K3825" i="5" s="1"/>
  <c r="O3825" i="5" s="1"/>
  <c r="K4383" i="2"/>
  <c r="K4357" i="5" s="1"/>
  <c r="O4357" i="5" s="1"/>
  <c r="K2847" i="2"/>
  <c r="K2821" i="5" s="1"/>
  <c r="O2821" i="5" s="1"/>
  <c r="K3515" i="2"/>
  <c r="K3489" i="5" s="1"/>
  <c r="O3489" i="5" s="1"/>
  <c r="K8235" i="2"/>
  <c r="K8209" i="5" s="1"/>
  <c r="O8209" i="5" s="1"/>
  <c r="K5555" i="2"/>
  <c r="K5529" i="5" s="1"/>
  <c r="O5529" i="5" s="1"/>
  <c r="K7760" i="2"/>
  <c r="K7734" i="5" s="1"/>
  <c r="O7734" i="5" s="1"/>
  <c r="K5718" i="2"/>
  <c r="K5692" i="5" s="1"/>
  <c r="O5692" i="5" s="1"/>
  <c r="K3051" i="2"/>
  <c r="K3025" i="5" s="1"/>
  <c r="O3025" i="5" s="1"/>
  <c r="K4736" i="2"/>
  <c r="K4710" i="5" s="1"/>
  <c r="O4710" i="5" s="1"/>
  <c r="K1018" i="2"/>
  <c r="K992" i="5" s="1"/>
  <c r="O992" i="5" s="1"/>
  <c r="K1857" i="2"/>
  <c r="K1831" i="5" s="1"/>
  <c r="O1831" i="5" s="1"/>
  <c r="K5032" i="2"/>
  <c r="K5006" i="5" s="1"/>
  <c r="O5006" i="5" s="1"/>
  <c r="K6060" i="2"/>
  <c r="K6034" i="5" s="1"/>
  <c r="O6034" i="5" s="1"/>
  <c r="K8410" i="2"/>
  <c r="K8384" i="5" s="1"/>
  <c r="O8384" i="5" s="1"/>
  <c r="K2037" i="2"/>
  <c r="K2011" i="5" s="1"/>
  <c r="O2011" i="5" s="1"/>
  <c r="K1852" i="2"/>
  <c r="K1826" i="5" s="1"/>
  <c r="O1826" i="5" s="1"/>
  <c r="K8755" i="2"/>
  <c r="K8729" i="5" s="1"/>
  <c r="O8729" i="5" s="1"/>
  <c r="K353" i="2"/>
  <c r="K327" i="5" s="1"/>
  <c r="O327" i="5" s="1"/>
  <c r="K829" i="2"/>
  <c r="K803" i="5" s="1"/>
  <c r="O803" i="5" s="1"/>
  <c r="K3185" i="2"/>
  <c r="K3159" i="5" s="1"/>
  <c r="O3159" i="5" s="1"/>
  <c r="K2025" i="2"/>
  <c r="K1999" i="5" s="1"/>
  <c r="O1999" i="5" s="1"/>
  <c r="K5054" i="2"/>
  <c r="K5028" i="5" s="1"/>
  <c r="O5028" i="5" s="1"/>
  <c r="K1165" i="2"/>
  <c r="K1139" i="5" s="1"/>
  <c r="O1139" i="5" s="1"/>
  <c r="K528" i="2"/>
  <c r="K502" i="5" s="1"/>
  <c r="O502" i="5" s="1"/>
  <c r="K7383" i="2"/>
  <c r="K7357" i="5" s="1"/>
  <c r="O7357" i="5" s="1"/>
  <c r="K2017" i="2"/>
  <c r="K1991" i="5" s="1"/>
  <c r="O1991" i="5" s="1"/>
  <c r="K494" i="2"/>
  <c r="K468" i="5" s="1"/>
  <c r="O468" i="5" s="1"/>
  <c r="K6716" i="2"/>
  <c r="K6690" i="5" s="1"/>
  <c r="O6690" i="5" s="1"/>
  <c r="K6556" i="2"/>
  <c r="K6530" i="5" s="1"/>
  <c r="O6530" i="5" s="1"/>
  <c r="K2365" i="2"/>
  <c r="K2339" i="5" s="1"/>
  <c r="O2339" i="5" s="1"/>
  <c r="K7738" i="2"/>
  <c r="K7712" i="5" s="1"/>
  <c r="O7712" i="5" s="1"/>
  <c r="K8248" i="2"/>
  <c r="K8222" i="5" s="1"/>
  <c r="O8222" i="5" s="1"/>
  <c r="K5050" i="2"/>
  <c r="K5024" i="5" s="1"/>
  <c r="O5024" i="5" s="1"/>
  <c r="K2364" i="2"/>
  <c r="K2338" i="5" s="1"/>
  <c r="O2338" i="5" s="1"/>
  <c r="K347" i="2"/>
  <c r="K321" i="5" s="1"/>
  <c r="O321" i="5" s="1"/>
  <c r="K7897" i="2"/>
  <c r="K7871" i="5" s="1"/>
  <c r="O7871" i="5" s="1"/>
  <c r="K3026" i="2"/>
  <c r="K3000" i="5" s="1"/>
  <c r="O3000" i="5" s="1"/>
  <c r="K3049" i="2"/>
  <c r="K3023" i="5" s="1"/>
  <c r="O3023" i="5" s="1"/>
  <c r="K6567" i="2"/>
  <c r="K6541" i="5" s="1"/>
  <c r="O6541" i="5" s="1"/>
  <c r="K7045" i="2"/>
  <c r="K7019" i="5" s="1"/>
  <c r="O7019" i="5" s="1"/>
  <c r="K3549" i="2"/>
  <c r="K3523" i="5" s="1"/>
  <c r="O3523" i="5" s="1"/>
  <c r="K5223" i="2"/>
  <c r="K5197" i="5" s="1"/>
  <c r="O5197" i="5" s="1"/>
  <c r="K6886" i="2"/>
  <c r="K6860" i="5" s="1"/>
  <c r="O6860" i="5" s="1"/>
  <c r="K6055" i="2"/>
  <c r="K6029" i="5" s="1"/>
  <c r="O6029" i="5" s="1"/>
  <c r="K7378" i="2"/>
  <c r="K7352" i="5" s="1"/>
  <c r="O7352" i="5" s="1"/>
  <c r="K7576" i="2"/>
  <c r="K7550" i="5" s="1"/>
  <c r="O7550" i="5" s="1"/>
  <c r="K6727" i="2"/>
  <c r="K6701" i="5" s="1"/>
  <c r="O6701" i="5" s="1"/>
  <c r="K1015" i="2"/>
  <c r="K989" i="5" s="1"/>
  <c r="O989" i="5" s="1"/>
  <c r="K346" i="2"/>
  <c r="K320" i="5" s="1"/>
  <c r="O320" i="5" s="1"/>
  <c r="K696" i="2"/>
  <c r="K670" i="5" s="1"/>
  <c r="O670" i="5" s="1"/>
  <c r="K1696" i="2"/>
  <c r="K1670" i="5" s="1"/>
  <c r="O1670" i="5" s="1"/>
  <c r="K2849" i="2"/>
  <c r="K2823" i="5" s="1"/>
  <c r="O2823" i="5" s="1"/>
  <c r="K6045" i="2"/>
  <c r="K6019" i="5" s="1"/>
  <c r="O6019" i="5" s="1"/>
  <c r="K5546" i="2"/>
  <c r="K5520" i="5" s="1"/>
  <c r="O5520" i="5" s="1"/>
  <c r="K2525" i="2"/>
  <c r="K2499" i="5" s="1"/>
  <c r="O2499" i="5" s="1"/>
  <c r="K1348" i="2"/>
  <c r="K1322" i="5" s="1"/>
  <c r="O1322" i="5" s="1"/>
  <c r="K2358" i="2"/>
  <c r="K2332" i="5" s="1"/>
  <c r="O2332" i="5" s="1"/>
  <c r="K4691" i="2"/>
  <c r="K4665" i="5" s="1"/>
  <c r="O4665" i="5" s="1"/>
  <c r="K6396" i="2"/>
  <c r="K6370" i="5" s="1"/>
  <c r="O6370" i="5" s="1"/>
  <c r="K8085" i="2"/>
  <c r="K8059" i="5" s="1"/>
  <c r="O8059" i="5" s="1"/>
  <c r="K4389" i="2"/>
  <c r="K4363" i="5" s="1"/>
  <c r="O4363" i="5" s="1"/>
  <c r="K7569" i="2"/>
  <c r="K7543" i="5" s="1"/>
  <c r="O7543" i="5" s="1"/>
  <c r="K7911" i="2"/>
  <c r="K7885" i="5" s="1"/>
  <c r="O7885" i="5" s="1"/>
  <c r="K8225" i="2"/>
  <c r="K8199" i="5" s="1"/>
  <c r="O8199" i="5" s="1"/>
  <c r="K3718" i="2"/>
  <c r="K3692" i="5" s="1"/>
  <c r="O3692" i="5" s="1"/>
  <c r="K5535" i="2"/>
  <c r="K5509" i="5" s="1"/>
  <c r="O5509" i="5" s="1"/>
  <c r="K4884" i="2"/>
  <c r="K4858" i="5" s="1"/>
  <c r="O4858" i="5" s="1"/>
  <c r="K6401" i="2"/>
  <c r="K6375" i="5" s="1"/>
  <c r="O6375" i="5" s="1"/>
  <c r="K3716" i="2"/>
  <c r="K3690" i="5" s="1"/>
  <c r="O3690" i="5" s="1"/>
  <c r="K5390" i="2"/>
  <c r="K5364" i="5" s="1"/>
  <c r="O5364" i="5" s="1"/>
  <c r="K2016" i="2"/>
  <c r="K1990" i="5" s="1"/>
  <c r="O1990" i="5" s="1"/>
  <c r="K8414" i="2"/>
  <c r="K8388" i="5" s="1"/>
  <c r="O8388" i="5" s="1"/>
  <c r="K6371" i="2"/>
  <c r="K6345" i="5" s="1"/>
  <c r="O6345" i="5" s="1"/>
  <c r="K5866" i="2"/>
  <c r="K5840" i="5" s="1"/>
  <c r="O5840" i="5" s="1"/>
  <c r="K6372" i="2"/>
  <c r="K6346" i="5" s="1"/>
  <c r="O6346" i="5" s="1"/>
  <c r="K856" i="2"/>
  <c r="K830" i="5" s="1"/>
  <c r="O830" i="5" s="1"/>
  <c r="K168" i="2"/>
  <c r="K142" i="5" s="1"/>
  <c r="O142" i="5" s="1"/>
  <c r="K686" i="2"/>
  <c r="K660" i="5" s="1"/>
  <c r="O660" i="5" s="1"/>
  <c r="K1354" i="2"/>
  <c r="K1328" i="5" s="1"/>
  <c r="O1328" i="5" s="1"/>
  <c r="K4222" i="2"/>
  <c r="K4196" i="5" s="1"/>
  <c r="O4196" i="5" s="1"/>
  <c r="K360" i="2"/>
  <c r="K334" i="5" s="1"/>
  <c r="O334" i="5" s="1"/>
  <c r="K7082" i="2"/>
  <c r="K7056" i="5" s="1"/>
  <c r="O7056" i="5" s="1"/>
  <c r="K7554" i="2"/>
  <c r="K7528" i="5" s="1"/>
  <c r="O7528" i="5" s="1"/>
  <c r="K6049" i="2"/>
  <c r="K6023" i="5" s="1"/>
  <c r="O6023" i="5" s="1"/>
  <c r="K8754" i="2"/>
  <c r="K8728" i="5" s="1"/>
  <c r="O8728" i="5" s="1"/>
  <c r="K7213" i="2"/>
  <c r="K7187" i="5" s="1"/>
  <c r="O7187" i="5" s="1"/>
  <c r="K4860" i="2"/>
  <c r="K4834" i="5" s="1"/>
  <c r="O4834" i="5" s="1"/>
  <c r="K5744" i="2"/>
  <c r="K5718" i="5" s="1"/>
  <c r="O5718" i="5" s="1"/>
  <c r="K7418" i="2"/>
  <c r="K7392" i="5" s="1"/>
  <c r="O7392" i="5" s="1"/>
  <c r="K7083" i="2"/>
  <c r="K7057" i="5" s="1"/>
  <c r="O7057" i="5" s="1"/>
  <c r="K4890" i="2"/>
  <c r="K4864" i="5" s="1"/>
  <c r="O4864" i="5" s="1"/>
  <c r="K7555" i="2"/>
  <c r="K7529" i="5" s="1"/>
  <c r="O7529" i="5" s="1"/>
  <c r="K8077" i="2"/>
  <c r="K8051" i="5" s="1"/>
  <c r="O8051" i="5" s="1"/>
  <c r="K7424" i="2"/>
  <c r="K7398" i="5" s="1"/>
  <c r="O7398" i="5" s="1"/>
  <c r="K3885" i="2"/>
  <c r="K3859" i="5" s="1"/>
  <c r="O3859" i="5" s="1"/>
  <c r="K2005" i="2"/>
  <c r="K1979" i="5" s="1"/>
  <c r="O1979" i="5" s="1"/>
  <c r="K4868" i="2"/>
  <c r="K4842" i="5" s="1"/>
  <c r="O4842" i="5" s="1"/>
  <c r="K840" i="2"/>
  <c r="K814" i="5" s="1"/>
  <c r="O814" i="5" s="1"/>
  <c r="K4557" i="2"/>
  <c r="K4531" i="5" s="1"/>
  <c r="O4531" i="5" s="1"/>
  <c r="K6564" i="2"/>
  <c r="K6538" i="5" s="1"/>
  <c r="O6538" i="5" s="1"/>
  <c r="K523" i="2"/>
  <c r="K497" i="5" s="1"/>
  <c r="O497" i="5" s="1"/>
  <c r="K5538" i="2"/>
  <c r="K5512" i="5" s="1"/>
  <c r="O5512" i="5" s="1"/>
  <c r="K5736" i="2"/>
  <c r="K5710" i="5" s="1"/>
  <c r="O5710" i="5" s="1"/>
  <c r="K4695" i="2"/>
  <c r="K4669" i="5" s="1"/>
  <c r="O4669" i="5" s="1"/>
  <c r="K7073" i="2"/>
  <c r="K7047" i="5" s="1"/>
  <c r="O7047" i="5" s="1"/>
  <c r="K2678" i="2"/>
  <c r="K2652" i="5" s="1"/>
  <c r="O2652" i="5" s="1"/>
  <c r="K3879" i="2"/>
  <c r="K3853" i="5" s="1"/>
  <c r="O3853" i="5" s="1"/>
  <c r="K3351" i="2"/>
  <c r="K3325" i="5" s="1"/>
  <c r="O3325" i="5" s="1"/>
  <c r="K3543" i="2"/>
  <c r="K3517" i="5" s="1"/>
  <c r="O3517" i="5" s="1"/>
  <c r="K2383" i="2"/>
  <c r="K2357" i="5" s="1"/>
  <c r="O2357" i="5" s="1"/>
  <c r="K510" i="2"/>
  <c r="K484" i="5" s="1"/>
  <c r="O484" i="5" s="1"/>
  <c r="K3556" i="2"/>
  <c r="K3530" i="5" s="1"/>
  <c r="O3530" i="5" s="1"/>
  <c r="K5222" i="2"/>
  <c r="K5196" i="5" s="1"/>
  <c r="O5196" i="5" s="1"/>
  <c r="K2044" i="2"/>
  <c r="K2018" i="5" s="1"/>
  <c r="O2018" i="5" s="1"/>
  <c r="K7402" i="2"/>
  <c r="K7376" i="5" s="1"/>
  <c r="O7376" i="5" s="1"/>
  <c r="K368" i="2"/>
  <c r="K342" i="5" s="1"/>
  <c r="O342" i="5" s="1"/>
  <c r="K3188" i="2"/>
  <c r="K3162" i="5" s="1"/>
  <c r="O3162" i="5" s="1"/>
  <c r="K1171" i="2"/>
  <c r="K1145" i="5" s="1"/>
  <c r="O1145" i="5" s="1"/>
  <c r="K6414" i="2"/>
  <c r="K6388" i="5" s="1"/>
  <c r="O6388" i="5" s="1"/>
  <c r="K2860" i="2"/>
  <c r="K2834" i="5" s="1"/>
  <c r="O2834" i="5" s="1"/>
  <c r="K3050" i="2"/>
  <c r="K3024" i="5" s="1"/>
  <c r="O3024" i="5" s="1"/>
  <c r="K3366" i="2"/>
  <c r="K3340" i="5" s="1"/>
  <c r="O3340" i="5" s="1"/>
  <c r="K5542" i="2"/>
  <c r="K5516" i="5" s="1"/>
  <c r="O5516" i="5" s="1"/>
  <c r="K8220" i="2"/>
  <c r="K8194" i="5" s="1"/>
  <c r="O8194" i="5" s="1"/>
  <c r="K5203" i="2"/>
  <c r="K5177" i="5" s="1"/>
  <c r="O5177" i="5" s="1"/>
  <c r="K1677" i="2"/>
  <c r="K1651" i="5" s="1"/>
  <c r="O1651" i="5" s="1"/>
  <c r="K8411" i="2"/>
  <c r="K8385" i="5" s="1"/>
  <c r="O8385" i="5" s="1"/>
  <c r="K7745" i="2"/>
  <c r="K7719" i="5" s="1"/>
  <c r="O7719" i="5" s="1"/>
  <c r="K2697" i="2"/>
  <c r="K2671" i="5" s="1"/>
  <c r="O2671" i="5" s="1"/>
  <c r="K6901" i="2"/>
  <c r="K6875" i="5" s="1"/>
  <c r="O6875" i="5" s="1"/>
  <c r="K7898" i="2"/>
  <c r="K7872" i="5" s="1"/>
  <c r="O7872" i="5" s="1"/>
  <c r="K7235" i="2"/>
  <c r="K7209" i="5" s="1"/>
  <c r="O7209" i="5" s="1"/>
  <c r="K5726" i="2"/>
  <c r="K5700" i="5" s="1"/>
  <c r="O5700" i="5" s="1"/>
  <c r="K5039" i="2"/>
  <c r="K5013" i="5" s="1"/>
  <c r="O5013" i="5" s="1"/>
  <c r="K857" i="2"/>
  <c r="K831" i="5" s="1"/>
  <c r="O831" i="5" s="1"/>
  <c r="K2022" i="2"/>
  <c r="K1996" i="5" s="1"/>
  <c r="O1996" i="5" s="1"/>
  <c r="K8234" i="2"/>
  <c r="K8208" i="5" s="1"/>
  <c r="O8208" i="5" s="1"/>
  <c r="K5201" i="2"/>
  <c r="K5175" i="5" s="1"/>
  <c r="O5175" i="5" s="1"/>
  <c r="K6912" i="2"/>
  <c r="K6886" i="5" s="1"/>
  <c r="O6886" i="5" s="1"/>
  <c r="K8232" i="2"/>
  <c r="K8206" i="5" s="1"/>
  <c r="O8206" i="5" s="1"/>
  <c r="K4693" i="2"/>
  <c r="K4667" i="5" s="1"/>
  <c r="O4667" i="5" s="1"/>
  <c r="K178" i="2"/>
  <c r="K152" i="5" s="1"/>
  <c r="O152" i="5" s="1"/>
  <c r="K6899" i="2"/>
  <c r="K6873" i="5" s="1"/>
  <c r="O6873" i="5" s="1"/>
  <c r="K4027" i="2"/>
  <c r="K4001" i="5" s="1"/>
  <c r="O4001" i="5" s="1"/>
  <c r="K4055" i="2"/>
  <c r="K4029" i="5" s="1"/>
  <c r="O4029" i="5" s="1"/>
  <c r="K3724" i="2"/>
  <c r="K3698" i="5" s="1"/>
  <c r="O3698" i="5" s="1"/>
  <c r="K3517" i="2"/>
  <c r="K3491" i="5" s="1"/>
  <c r="O3491" i="5" s="1"/>
  <c r="K1039" i="2"/>
  <c r="K1013" i="5" s="1"/>
  <c r="O1013" i="5" s="1"/>
  <c r="K5389" i="2"/>
  <c r="K5363" i="5" s="1"/>
  <c r="O5363" i="5" s="1"/>
  <c r="K5740" i="2"/>
  <c r="K5714" i="5" s="1"/>
  <c r="O5714" i="5" s="1"/>
  <c r="K1020" i="2"/>
  <c r="K994" i="5" s="1"/>
  <c r="O994" i="5" s="1"/>
  <c r="K3207" i="2"/>
  <c r="K3181" i="5" s="1"/>
  <c r="O3181" i="5" s="1"/>
  <c r="K3557" i="2"/>
  <c r="K3531" i="5" s="1"/>
  <c r="O3531" i="5" s="1"/>
  <c r="K6726" i="2"/>
  <c r="K6700" i="5" s="1"/>
  <c r="O6700" i="5" s="1"/>
  <c r="K2185" i="2"/>
  <c r="K2159" i="5" s="1"/>
  <c r="O2159" i="5" s="1"/>
  <c r="K8731" i="2"/>
  <c r="K8705" i="5" s="1"/>
  <c r="O8705" i="5" s="1"/>
  <c r="K3699" i="2"/>
  <c r="K3673" i="5" s="1"/>
  <c r="O3673" i="5" s="1"/>
  <c r="K5551" i="2"/>
  <c r="K5525" i="5" s="1"/>
  <c r="O5525" i="5" s="1"/>
  <c r="K7238" i="2"/>
  <c r="K7212" i="5" s="1"/>
  <c r="O7212" i="5" s="1"/>
  <c r="K7909" i="2"/>
  <c r="K7883" i="5" s="1"/>
  <c r="O7883" i="5" s="1"/>
  <c r="K8594" i="2"/>
  <c r="K8568" i="5" s="1"/>
  <c r="O8568" i="5" s="1"/>
  <c r="K1356" i="2"/>
  <c r="K1330" i="5" s="1"/>
  <c r="O1330" i="5" s="1"/>
  <c r="K4381" i="2"/>
  <c r="K4355" i="5" s="1"/>
  <c r="O4355" i="5" s="1"/>
  <c r="K4551" i="2"/>
  <c r="K4525" i="5" s="1"/>
  <c r="O4525" i="5" s="1"/>
  <c r="K2702" i="2"/>
  <c r="K2676" i="5" s="1"/>
  <c r="O2676" i="5" s="1"/>
  <c r="K1372" i="2"/>
  <c r="K1346" i="5" s="1"/>
  <c r="O1346" i="5" s="1"/>
  <c r="K3199" i="2"/>
  <c r="K3173" i="5" s="1"/>
  <c r="O3173" i="5" s="1"/>
  <c r="K1030" i="2"/>
  <c r="K1004" i="5" s="1"/>
  <c r="O1004" i="5" s="1"/>
  <c r="K4898" i="2"/>
  <c r="K4872" i="5" s="1"/>
  <c r="O4872" i="5" s="1"/>
  <c r="K3385" i="2"/>
  <c r="K3359" i="5" s="1"/>
  <c r="O3359" i="5" s="1"/>
  <c r="K5061" i="2"/>
  <c r="K5035" i="5" s="1"/>
  <c r="O5035" i="5" s="1"/>
  <c r="K2048" i="2"/>
  <c r="K2022" i="5" s="1"/>
  <c r="O2022" i="5" s="1"/>
  <c r="K8243" i="2"/>
  <c r="K8217" i="5" s="1"/>
  <c r="O8217" i="5" s="1"/>
  <c r="K4207" i="2"/>
  <c r="K4181" i="5" s="1"/>
  <c r="O4181" i="5" s="1"/>
  <c r="K4042" i="2"/>
  <c r="K4016" i="5" s="1"/>
  <c r="O4016" i="5" s="1"/>
  <c r="K522" i="2"/>
  <c r="K496" i="5" s="1"/>
  <c r="O496" i="5" s="1"/>
  <c r="K5064" i="2"/>
  <c r="K5038" i="5" s="1"/>
  <c r="O5038" i="5" s="1"/>
  <c r="K8056" i="2"/>
  <c r="K8030" i="5" s="1"/>
  <c r="O8030" i="5" s="1"/>
  <c r="K6236" i="2"/>
  <c r="K6210" i="5" s="1"/>
  <c r="O6210" i="5" s="1"/>
  <c r="K1839" i="2"/>
  <c r="K1813" i="5" s="1"/>
  <c r="O1813" i="5" s="1"/>
  <c r="K7927" i="2"/>
  <c r="K7901" i="5" s="1"/>
  <c r="O7901" i="5" s="1"/>
  <c r="K4047" i="2"/>
  <c r="K4021" i="5" s="1"/>
  <c r="O4021" i="5" s="1"/>
  <c r="K8742" i="2"/>
  <c r="K8716" i="5" s="1"/>
  <c r="O8716" i="5" s="1"/>
  <c r="K1693" i="2"/>
  <c r="K1667" i="5" s="1"/>
  <c r="O1667" i="5" s="1"/>
  <c r="K1202" i="2"/>
  <c r="K1176" i="5" s="1"/>
  <c r="O1176" i="5" s="1"/>
  <c r="K6738" i="2"/>
  <c r="K6712" i="5" s="1"/>
  <c r="O6712" i="5" s="1"/>
  <c r="K1703" i="2"/>
  <c r="K1677" i="5" s="1"/>
  <c r="O1677" i="5" s="1"/>
  <c r="K2176" i="2"/>
  <c r="K2150" i="5" s="1"/>
  <c r="O2150" i="5" s="1"/>
  <c r="K5712" i="2"/>
  <c r="K5686" i="5" s="1"/>
  <c r="O5686" i="5" s="1"/>
  <c r="K8586" i="2"/>
  <c r="K8560" i="5" s="1"/>
  <c r="O8560" i="5" s="1"/>
  <c r="K3720" i="2"/>
  <c r="K3694" i="5" s="1"/>
  <c r="O3694" i="5" s="1"/>
  <c r="K1340" i="2"/>
  <c r="K1314" i="5" s="1"/>
  <c r="O1314" i="5" s="1"/>
  <c r="K7395" i="2"/>
  <c r="K7369" i="5" s="1"/>
  <c r="O7369" i="5" s="1"/>
  <c r="K6743" i="2"/>
  <c r="K6717" i="5" s="1"/>
  <c r="O6717" i="5" s="1"/>
  <c r="K2551" i="2"/>
  <c r="K2525" i="5" s="1"/>
  <c r="O2525" i="5" s="1"/>
  <c r="K6374" i="2"/>
  <c r="K6348" i="5" s="1"/>
  <c r="O6348" i="5" s="1"/>
  <c r="K367" i="2"/>
  <c r="K341" i="5" s="1"/>
  <c r="O341" i="5" s="1"/>
  <c r="K1520" i="2"/>
  <c r="K1494" i="5" s="1"/>
  <c r="O1494" i="5" s="1"/>
  <c r="K2878" i="2"/>
  <c r="K2852" i="5" s="1"/>
  <c r="O2852" i="5" s="1"/>
  <c r="K499" i="2"/>
  <c r="K473" i="5" s="1"/>
  <c r="O473" i="5" s="1"/>
  <c r="K830" i="2"/>
  <c r="K804" i="5" s="1"/>
  <c r="O804" i="5" s="1"/>
  <c r="K1692" i="2"/>
  <c r="K1666" i="5" s="1"/>
  <c r="O1666" i="5" s="1"/>
  <c r="K8057" i="2"/>
  <c r="K8031" i="5" s="1"/>
  <c r="O8031" i="5" s="1"/>
  <c r="K3869" i="2"/>
  <c r="K3843" i="5" s="1"/>
  <c r="O3843" i="5" s="1"/>
  <c r="K4214" i="2"/>
  <c r="K4188" i="5" s="1"/>
  <c r="O4188" i="5" s="1"/>
  <c r="K1872" i="2"/>
  <c r="K1846" i="5" s="1"/>
  <c r="O1846" i="5" s="1"/>
  <c r="K7256" i="2"/>
  <c r="K7230" i="5" s="1"/>
  <c r="O7230" i="5" s="1"/>
  <c r="K6540" i="2"/>
  <c r="K6514" i="5" s="1"/>
  <c r="O6514" i="5" s="1"/>
  <c r="K8759" i="2"/>
  <c r="K8733" i="5" s="1"/>
  <c r="O8733" i="5" s="1"/>
  <c r="K7568" i="2"/>
  <c r="K7542" i="5" s="1"/>
  <c r="O7542" i="5" s="1"/>
  <c r="K5366" i="2"/>
  <c r="K5340" i="5" s="1"/>
  <c r="O5340" i="5" s="1"/>
  <c r="K529" i="2"/>
  <c r="K503" i="5" s="1"/>
  <c r="O503" i="5" s="1"/>
  <c r="K1850" i="2"/>
  <c r="K1824" i="5" s="1"/>
  <c r="O1824" i="5" s="1"/>
  <c r="K7756" i="2"/>
  <c r="K7730" i="5" s="1"/>
  <c r="O7730" i="5" s="1"/>
  <c r="K3019" i="2"/>
  <c r="K2993" i="5" s="1"/>
  <c r="O2993" i="5" s="1"/>
  <c r="K7739" i="2"/>
  <c r="K7713" i="5" s="1"/>
  <c r="O7713" i="5" s="1"/>
  <c r="K505" i="2"/>
  <c r="K479" i="5" s="1"/>
  <c r="O479" i="5" s="1"/>
  <c r="K3223" i="2"/>
  <c r="K3197" i="5" s="1"/>
  <c r="O3197" i="5" s="1"/>
  <c r="K4549" i="2"/>
  <c r="K4523" i="5" s="1"/>
  <c r="O4523" i="5" s="1"/>
  <c r="K5877" i="2"/>
  <c r="K5851" i="5" s="1"/>
  <c r="O5851" i="5" s="1"/>
  <c r="K3872" i="2"/>
  <c r="K3846" i="5" s="1"/>
  <c r="O3846" i="5" s="1"/>
  <c r="K4396" i="2"/>
  <c r="K4370" i="5" s="1"/>
  <c r="O4370" i="5" s="1"/>
  <c r="K4558" i="2"/>
  <c r="K4532" i="5" s="1"/>
  <c r="O4532" i="5" s="1"/>
  <c r="K2350" i="2"/>
  <c r="K2324" i="5" s="1"/>
  <c r="O2324" i="5" s="1"/>
  <c r="K5205" i="2"/>
  <c r="K5179" i="5" s="1"/>
  <c r="O5179" i="5" s="1"/>
  <c r="K358" i="2"/>
  <c r="K332" i="5" s="1"/>
  <c r="O332" i="5" s="1"/>
  <c r="K6739" i="2"/>
  <c r="K6713" i="5" s="1"/>
  <c r="O6713" i="5" s="1"/>
  <c r="K4386" i="2"/>
  <c r="K4360" i="5" s="1"/>
  <c r="O4360" i="5" s="1"/>
  <c r="K6062" i="2"/>
  <c r="K6036" i="5" s="1"/>
  <c r="O6036" i="5" s="1"/>
  <c r="K5374" i="2"/>
  <c r="K5348" i="5" s="1"/>
  <c r="O5348" i="5" s="1"/>
  <c r="K5903" i="2"/>
  <c r="K5877" i="5" s="1"/>
  <c r="O5877" i="5" s="1"/>
  <c r="K339" i="2"/>
  <c r="K313" i="5" s="1"/>
  <c r="O313" i="5" s="1"/>
  <c r="K359" i="2"/>
  <c r="K333" i="5" s="1"/>
  <c r="O333" i="5" s="1"/>
  <c r="K3011" i="2"/>
  <c r="K2985" i="5" s="1"/>
  <c r="O2985" i="5" s="1"/>
  <c r="K182" i="2"/>
  <c r="K156" i="5" s="1"/>
  <c r="O156" i="5" s="1"/>
  <c r="K5226" i="2"/>
  <c r="K5200" i="5" s="1"/>
  <c r="O5200" i="5" s="1"/>
  <c r="K8089" i="2"/>
  <c r="K8063" i="5" s="1"/>
  <c r="O8063" i="5" s="1"/>
  <c r="K8729" i="2"/>
  <c r="K8703" i="5" s="1"/>
  <c r="O8703" i="5" s="1"/>
  <c r="K4357" i="2"/>
  <c r="K4331" i="5" s="1"/>
  <c r="O4331" i="5" s="1"/>
  <c r="K7557" i="2"/>
  <c r="K7531" i="5" s="1"/>
  <c r="O7531" i="5" s="1"/>
  <c r="K2201" i="2"/>
  <c r="K2175" i="5" s="1"/>
  <c r="O2175" i="5" s="1"/>
  <c r="K7720" i="2"/>
  <c r="K7694" i="5" s="1"/>
  <c r="O7694" i="5" s="1"/>
  <c r="K1189" i="2"/>
  <c r="K1163" i="5" s="1"/>
  <c r="O1163" i="5" s="1"/>
  <c r="K7883" i="2"/>
  <c r="K7857" i="5" s="1"/>
  <c r="O7857" i="5" s="1"/>
  <c r="K349" i="2"/>
  <c r="K323" i="5" s="1"/>
  <c r="O323" i="5" s="1"/>
  <c r="K5564" i="2"/>
  <c r="K5538" i="5" s="1"/>
  <c r="O5538" i="5" s="1"/>
  <c r="K333" i="2"/>
  <c r="K307" i="5" s="1"/>
  <c r="O307" i="5" s="1"/>
  <c r="K8093" i="2"/>
  <c r="K8067" i="5" s="1"/>
  <c r="O8067" i="5" s="1"/>
  <c r="K2844" i="2"/>
  <c r="K2818" i="5" s="1"/>
  <c r="O2818" i="5" s="1"/>
  <c r="K1711" i="2"/>
  <c r="K1685" i="5" s="1"/>
  <c r="O1685" i="5" s="1"/>
  <c r="K521" i="2"/>
  <c r="K495" i="5" s="1"/>
  <c r="O495" i="5" s="1"/>
  <c r="K7241" i="2"/>
  <c r="K7215" i="5" s="1"/>
  <c r="O7215" i="5" s="1"/>
  <c r="K7922" i="2"/>
  <c r="K7896" i="5" s="1"/>
  <c r="O7896" i="5" s="1"/>
  <c r="K4708" i="2"/>
  <c r="K4682" i="5" s="1"/>
  <c r="O4682" i="5" s="1"/>
  <c r="K697" i="2"/>
  <c r="K671" i="5" s="1"/>
  <c r="O671" i="5" s="1"/>
  <c r="K842" i="2"/>
  <c r="K816" i="5" s="1"/>
  <c r="O816" i="5" s="1"/>
  <c r="K5901" i="2"/>
  <c r="K5875" i="5" s="1"/>
  <c r="O5875" i="5" s="1"/>
  <c r="K6239" i="2"/>
  <c r="K6213" i="5" s="1"/>
  <c r="O6213" i="5" s="1"/>
  <c r="K6734" i="2"/>
  <c r="K6708" i="5" s="1"/>
  <c r="O6708" i="5" s="1"/>
  <c r="K6224" i="2"/>
  <c r="K6198" i="5" s="1"/>
  <c r="O6198" i="5" s="1"/>
  <c r="K8074" i="2"/>
  <c r="K8048" i="5" s="1"/>
  <c r="O8048" i="5" s="1"/>
  <c r="K6076" i="2"/>
  <c r="K6050" i="5" s="1"/>
  <c r="O6050" i="5" s="1"/>
  <c r="K5037" i="2"/>
  <c r="K5011" i="5" s="1"/>
  <c r="O5011" i="5" s="1"/>
  <c r="K7063" i="2"/>
  <c r="K7037" i="5" s="1"/>
  <c r="O7037" i="5" s="1"/>
  <c r="K6225" i="2"/>
  <c r="K6199" i="5" s="1"/>
  <c r="O6199" i="5" s="1"/>
  <c r="K8420" i="2"/>
  <c r="K8394" i="5" s="1"/>
  <c r="O8394" i="5" s="1"/>
  <c r="K3037" i="2"/>
  <c r="K3011" i="5" s="1"/>
  <c r="O3011" i="5" s="1"/>
  <c r="K1203" i="2"/>
  <c r="K1177" i="5" s="1"/>
  <c r="O1177" i="5" s="1"/>
  <c r="K2514" i="2"/>
  <c r="K2488" i="5" s="1"/>
  <c r="O2488" i="5" s="1"/>
  <c r="K7751" i="2"/>
  <c r="K7725" i="5" s="1"/>
  <c r="O7725" i="5" s="1"/>
  <c r="K4861" i="2"/>
  <c r="K4835" i="5" s="1"/>
  <c r="O4835" i="5" s="1"/>
  <c r="K2369" i="2"/>
  <c r="K2343" i="5" s="1"/>
  <c r="O2343" i="5" s="1"/>
  <c r="K1687" i="2"/>
  <c r="K1661" i="5" s="1"/>
  <c r="O1661" i="5" s="1"/>
  <c r="K4727" i="2"/>
  <c r="K4701" i="5" s="1"/>
  <c r="O4701" i="5" s="1"/>
  <c r="K2027" i="2"/>
  <c r="K2001" i="5" s="1"/>
  <c r="O2001" i="5" s="1"/>
  <c r="K8582" i="2"/>
  <c r="K8556" i="5" s="1"/>
  <c r="O8556" i="5" s="1"/>
  <c r="K1667" i="2"/>
  <c r="K1641" i="5" s="1"/>
  <c r="O1641" i="5" s="1"/>
  <c r="K6884" i="2"/>
  <c r="K6858" i="5" s="1"/>
  <c r="O6858" i="5" s="1"/>
  <c r="K2210" i="2"/>
  <c r="K2184" i="5" s="1"/>
  <c r="O2184" i="5" s="1"/>
  <c r="K7404" i="2"/>
  <c r="K7378" i="5" s="1"/>
  <c r="O7378" i="5" s="1"/>
  <c r="K2511" i="2"/>
  <c r="K2485" i="5" s="1"/>
  <c r="O2485" i="5" s="1"/>
  <c r="K7412" i="2"/>
  <c r="K7386" i="5" s="1"/>
  <c r="O7386" i="5" s="1"/>
  <c r="K8556" i="2"/>
  <c r="K8530" i="5" s="1"/>
  <c r="O8530" i="5" s="1"/>
  <c r="K3690" i="2"/>
  <c r="K3664" i="5" s="1"/>
  <c r="O3664" i="5" s="1"/>
  <c r="K3360" i="2"/>
  <c r="K3334" i="5" s="1"/>
  <c r="O3334" i="5" s="1"/>
  <c r="K7592" i="2"/>
  <c r="K7566" i="5" s="1"/>
  <c r="O7566" i="5" s="1"/>
  <c r="K864" i="2"/>
  <c r="K838" i="5" s="1"/>
  <c r="O838" i="5" s="1"/>
  <c r="K4737" i="2"/>
  <c r="K4711" i="5" s="1"/>
  <c r="O4711" i="5" s="1"/>
  <c r="K5875" i="2"/>
  <c r="K5849" i="5" s="1"/>
  <c r="O5849" i="5" s="1"/>
  <c r="K3203" i="2"/>
  <c r="K3177" i="5" s="1"/>
  <c r="O3177" i="5" s="1"/>
  <c r="K7047" i="2"/>
  <c r="K7021" i="5" s="1"/>
  <c r="O7021" i="5" s="1"/>
  <c r="K1707" i="2"/>
  <c r="K1681" i="5" s="1"/>
  <c r="O1681" i="5" s="1"/>
  <c r="K4022" i="2"/>
  <c r="K3996" i="5" s="1"/>
  <c r="O3996" i="5" s="1"/>
  <c r="K7722" i="2"/>
  <c r="K7696" i="5" s="1"/>
  <c r="O7696" i="5" s="1"/>
  <c r="K7421" i="2"/>
  <c r="K7395" i="5" s="1"/>
  <c r="O7395" i="5" s="1"/>
  <c r="K5732" i="2"/>
  <c r="K5706" i="5" s="1"/>
  <c r="O5706" i="5" s="1"/>
  <c r="K176" i="2"/>
  <c r="K150" i="5" s="1"/>
  <c r="O150" i="5" s="1"/>
  <c r="K2508" i="2"/>
  <c r="K2482" i="5" s="1"/>
  <c r="O2482" i="5" s="1"/>
  <c r="K8559" i="2"/>
  <c r="K8533" i="5" s="1"/>
  <c r="O8533" i="5" s="1"/>
  <c r="K8419" i="2"/>
  <c r="K8393" i="5" s="1"/>
  <c r="O8393" i="5" s="1"/>
  <c r="K8241" i="2"/>
  <c r="K8215" i="5" s="1"/>
  <c r="O8215" i="5" s="1"/>
  <c r="K2852" i="2"/>
  <c r="K2826" i="5" s="1"/>
  <c r="O2826" i="5" s="1"/>
  <c r="K3392" i="2"/>
  <c r="K3366" i="5" s="1"/>
  <c r="O3366" i="5" s="1"/>
  <c r="K7246" i="2"/>
  <c r="K7220" i="5" s="1"/>
  <c r="O7220" i="5" s="1"/>
  <c r="K8224" i="2"/>
  <c r="K8198" i="5" s="1"/>
  <c r="O8198" i="5" s="1"/>
  <c r="K7578" i="2"/>
  <c r="K7552" i="5" s="1"/>
  <c r="O7552" i="5" s="1"/>
  <c r="K7589" i="2"/>
  <c r="K7563" i="5" s="1"/>
  <c r="O7563" i="5" s="1"/>
  <c r="K1859" i="2"/>
  <c r="K1833" i="5" s="1"/>
  <c r="O1833" i="5" s="1"/>
  <c r="K3201" i="2"/>
  <c r="K3175" i="5" s="1"/>
  <c r="O3175" i="5" s="1"/>
  <c r="K4700" i="2"/>
  <c r="K4674" i="5" s="1"/>
  <c r="O4674" i="5" s="1"/>
  <c r="K6559" i="2"/>
  <c r="K6533" i="5" s="1"/>
  <c r="O6533" i="5" s="1"/>
  <c r="K2370" i="2"/>
  <c r="K2344" i="5" s="1"/>
  <c r="O2344" i="5" s="1"/>
  <c r="K858" i="2"/>
  <c r="K832" i="5" s="1"/>
  <c r="O832" i="5" s="1"/>
  <c r="K8084" i="2"/>
  <c r="K8058" i="5" s="1"/>
  <c r="O8058" i="5" s="1"/>
  <c r="K6413" i="2"/>
  <c r="K6387" i="5" s="1"/>
  <c r="O6387" i="5" s="1"/>
  <c r="K2385" i="2"/>
  <c r="K2359" i="5" s="1"/>
  <c r="O2359" i="5" s="1"/>
  <c r="K7894" i="2"/>
  <c r="K7868" i="5" s="1"/>
  <c r="O7868" i="5" s="1"/>
  <c r="K7231" i="2"/>
  <c r="K7205" i="5" s="1"/>
  <c r="O7205" i="5" s="1"/>
  <c r="K6874" i="2"/>
  <c r="K6848" i="5" s="1"/>
  <c r="O6848" i="5" s="1"/>
  <c r="K8554" i="2"/>
  <c r="K8528" i="5" s="1"/>
  <c r="O8528" i="5" s="1"/>
  <c r="K1528" i="2"/>
  <c r="K1502" i="5" s="1"/>
  <c r="O1502" i="5" s="1"/>
  <c r="K2038" i="2"/>
  <c r="K2012" i="5" s="1"/>
  <c r="O2012" i="5" s="1"/>
  <c r="K7257" i="2"/>
  <c r="K7231" i="5" s="1"/>
  <c r="O7231" i="5" s="1"/>
  <c r="K8572" i="2"/>
  <c r="K8546" i="5" s="1"/>
  <c r="O8546" i="5" s="1"/>
  <c r="K1837" i="2"/>
  <c r="K1811" i="5" s="1"/>
  <c r="O1811" i="5" s="1"/>
  <c r="K1207" i="2"/>
  <c r="K1181" i="5" s="1"/>
  <c r="O1181" i="5" s="1"/>
  <c r="K173" i="2"/>
  <c r="K147" i="5" s="1"/>
  <c r="O147" i="5" s="1"/>
  <c r="K827" i="2"/>
  <c r="K801" i="5" s="1"/>
  <c r="O801" i="5" s="1"/>
  <c r="K2004" i="2"/>
  <c r="K1978" i="5" s="1"/>
  <c r="O1978" i="5" s="1"/>
  <c r="K6584" i="2"/>
  <c r="K6558" i="5" s="1"/>
  <c r="O6558" i="5" s="1"/>
  <c r="K1026" i="2"/>
  <c r="K1000" i="5" s="1"/>
  <c r="O1000" i="5" s="1"/>
  <c r="K2543" i="2"/>
  <c r="K2517" i="5" s="1"/>
  <c r="O2517" i="5" s="1"/>
  <c r="K5707" i="2"/>
  <c r="K5681" i="5" s="1"/>
  <c r="O5681" i="5" s="1"/>
  <c r="K1008" i="2"/>
  <c r="K982" i="5" s="1"/>
  <c r="O982" i="5" s="1"/>
  <c r="K7719" i="2"/>
  <c r="K7693" i="5" s="1"/>
  <c r="O7693" i="5" s="1"/>
  <c r="K5738" i="2"/>
  <c r="K5712" i="5" s="1"/>
  <c r="O5712" i="5" s="1"/>
  <c r="K3371" i="2"/>
  <c r="K3345" i="5" s="1"/>
  <c r="O3345" i="5" s="1"/>
  <c r="K8725" i="2"/>
  <c r="K8699" i="5" s="1"/>
  <c r="O8699" i="5" s="1"/>
  <c r="K682" i="2"/>
  <c r="K656" i="5" s="1"/>
  <c r="O656" i="5" s="1"/>
  <c r="K688" i="2"/>
  <c r="K662" i="5" s="1"/>
  <c r="O662" i="5" s="1"/>
  <c r="K3530" i="2"/>
  <c r="K3504" i="5" s="1"/>
  <c r="O3504" i="5" s="1"/>
  <c r="K5408" i="2"/>
  <c r="K5382" i="5" s="1"/>
  <c r="O5382" i="5" s="1"/>
  <c r="K668" i="2"/>
  <c r="K642" i="5" s="1"/>
  <c r="O642" i="5" s="1"/>
  <c r="K4354" i="2"/>
  <c r="K4328" i="5" s="1"/>
  <c r="O4328" i="5" s="1"/>
  <c r="K3379" i="2"/>
  <c r="K3353" i="5" s="1"/>
  <c r="O3353" i="5" s="1"/>
  <c r="K2533" i="2"/>
  <c r="K2507" i="5" s="1"/>
  <c r="O2507" i="5" s="1"/>
  <c r="K1041" i="2"/>
  <c r="K1015" i="5" s="1"/>
  <c r="O1015" i="5" s="1"/>
  <c r="K8565" i="2"/>
  <c r="K8539" i="5" s="1"/>
  <c r="O8539" i="5" s="1"/>
  <c r="K4362" i="2"/>
  <c r="K4336" i="5" s="1"/>
  <c r="O4336" i="5" s="1"/>
  <c r="K854" i="2"/>
  <c r="K828" i="5" s="1"/>
  <c r="O828" i="5" s="1"/>
  <c r="K660" i="2"/>
  <c r="K634" i="5" s="1"/>
  <c r="O634" i="5" s="1"/>
  <c r="K1168" i="2"/>
  <c r="K1142" i="5" s="1"/>
  <c r="O1142" i="5" s="1"/>
  <c r="K3055" i="2"/>
  <c r="K3029" i="5" s="1"/>
  <c r="O3029" i="5" s="1"/>
  <c r="K4048" i="2"/>
  <c r="K4022" i="5" s="1"/>
  <c r="O4022" i="5" s="1"/>
  <c r="K4398" i="2"/>
  <c r="K4372" i="5" s="1"/>
  <c r="O4372" i="5" s="1"/>
  <c r="K5070" i="2"/>
  <c r="K5044" i="5" s="1"/>
  <c r="O5044" i="5" s="1"/>
  <c r="K2507" i="2"/>
  <c r="K2481" i="5" s="1"/>
  <c r="O2481" i="5" s="1"/>
  <c r="K7221" i="2"/>
  <c r="K7195" i="5" s="1"/>
  <c r="O7195" i="5" s="1"/>
  <c r="K6064" i="2"/>
  <c r="K6038" i="5" s="1"/>
  <c r="O6038" i="5" s="1"/>
  <c r="K834" i="2"/>
  <c r="K808" i="5" s="1"/>
  <c r="O808" i="5" s="1"/>
  <c r="K5232" i="2"/>
  <c r="K5206" i="5" s="1"/>
  <c r="O5206" i="5" s="1"/>
  <c r="K1836" i="2"/>
  <c r="K1810" i="5" s="1"/>
  <c r="O1810" i="5" s="1"/>
  <c r="K6388" i="2"/>
  <c r="K6362" i="5" s="1"/>
  <c r="O6362" i="5" s="1"/>
  <c r="K179" i="2"/>
  <c r="K153" i="5" s="1"/>
  <c r="O153" i="5" s="1"/>
  <c r="K4387" i="2"/>
  <c r="K4361" i="5" s="1"/>
  <c r="O4361" i="5" s="1"/>
  <c r="K6213" i="2"/>
  <c r="K6187" i="5" s="1"/>
  <c r="O6187" i="5" s="1"/>
  <c r="K6876" i="2"/>
  <c r="K6850" i="5" s="1"/>
  <c r="O6850" i="5" s="1"/>
  <c r="K1518" i="2"/>
  <c r="K1492" i="5" s="1"/>
  <c r="O1492" i="5" s="1"/>
  <c r="K5380" i="2"/>
  <c r="K5354" i="5" s="1"/>
  <c r="O5354" i="5" s="1"/>
  <c r="K2202" i="2"/>
  <c r="K2176" i="5" s="1"/>
  <c r="O2176" i="5" s="1"/>
  <c r="K5213" i="2"/>
  <c r="K5187" i="5" s="1"/>
  <c r="O5187" i="5" s="1"/>
  <c r="K6583" i="2"/>
  <c r="K6557" i="5" s="1"/>
  <c r="O6557" i="5" s="1"/>
  <c r="K2705" i="2"/>
  <c r="K2679" i="5" s="1"/>
  <c r="O2679" i="5" s="1"/>
  <c r="K5891" i="2"/>
  <c r="K5865" i="5" s="1"/>
  <c r="O5865" i="5" s="1"/>
  <c r="K4561" i="2"/>
  <c r="K4535" i="5" s="1"/>
  <c r="O4535" i="5" s="1"/>
  <c r="K3553" i="2"/>
  <c r="K3527" i="5" s="1"/>
  <c r="O3527" i="5" s="1"/>
  <c r="K2193" i="2"/>
  <c r="K2167" i="5" s="1"/>
  <c r="O2167" i="5" s="1"/>
  <c r="K1371" i="2"/>
  <c r="K1345" i="5" s="1"/>
  <c r="O1345" i="5" s="1"/>
  <c r="K6036" i="2"/>
  <c r="K6010" i="5" s="1"/>
  <c r="O6010" i="5" s="1"/>
  <c r="K2512" i="2"/>
  <c r="K2486" i="5" s="1"/>
  <c r="O2486" i="5" s="1"/>
  <c r="K2353" i="2"/>
  <c r="K2327" i="5" s="1"/>
  <c r="O2327" i="5" s="1"/>
  <c r="K2677" i="2"/>
  <c r="K2651" i="5" s="1"/>
  <c r="O2651" i="5" s="1"/>
  <c r="K518" i="2"/>
  <c r="K492" i="5" s="1"/>
  <c r="O492" i="5" s="1"/>
  <c r="K3225" i="2"/>
  <c r="K3199" i="5" s="1"/>
  <c r="O3199" i="5" s="1"/>
  <c r="K8589" i="2"/>
  <c r="K8563" i="5" s="1"/>
  <c r="O8563" i="5" s="1"/>
  <c r="K1541" i="2"/>
  <c r="K1515" i="5" s="1"/>
  <c r="O1515" i="5" s="1"/>
  <c r="K8422" i="2"/>
  <c r="K8396" i="5" s="1"/>
  <c r="O8396" i="5" s="1"/>
  <c r="K4891" i="2"/>
  <c r="K4865" i="5" s="1"/>
  <c r="O4865" i="5" s="1"/>
  <c r="K8736" i="2"/>
  <c r="K8710" i="5" s="1"/>
  <c r="O8710" i="5" s="1"/>
  <c r="K5869" i="2"/>
  <c r="K5843" i="5" s="1"/>
  <c r="O5843" i="5" s="1"/>
  <c r="K4378" i="2"/>
  <c r="K4352" i="5" s="1"/>
  <c r="O4352" i="5" s="1"/>
  <c r="K2198" i="2"/>
  <c r="K2172" i="5" s="1"/>
  <c r="O2172" i="5" s="1"/>
  <c r="K7552" i="2"/>
  <c r="K7526" i="5" s="1"/>
  <c r="O7526" i="5" s="1"/>
  <c r="K1847" i="2"/>
  <c r="K1821" i="5" s="1"/>
  <c r="O1821" i="5" s="1"/>
  <c r="K8391" i="2"/>
  <c r="K8365" i="5" s="1"/>
  <c r="O8365" i="5" s="1"/>
  <c r="K1523" i="2"/>
  <c r="K1497" i="5" s="1"/>
  <c r="O1497" i="5" s="1"/>
  <c r="K2213" i="2"/>
  <c r="K2187" i="5" s="1"/>
  <c r="O2187" i="5" s="1"/>
  <c r="K8068" i="2"/>
  <c r="K8042" i="5" s="1"/>
  <c r="O8042" i="5" s="1"/>
  <c r="K7590" i="2"/>
  <c r="K7564" i="5" s="1"/>
  <c r="O7564" i="5" s="1"/>
  <c r="K1694" i="2"/>
  <c r="K1668" i="5" s="1"/>
  <c r="O1668" i="5" s="1"/>
  <c r="K5033" i="2"/>
  <c r="K5007" i="5" s="1"/>
  <c r="O5007" i="5" s="1"/>
  <c r="K3873" i="2"/>
  <c r="K3847" i="5" s="1"/>
  <c r="O3847" i="5" s="1"/>
  <c r="K8097" i="2"/>
  <c r="K8071" i="5" s="1"/>
  <c r="O8071" i="5" s="1"/>
  <c r="K2509" i="2"/>
  <c r="K2483" i="5" s="1"/>
  <c r="O2483" i="5" s="1"/>
  <c r="K4021" i="2"/>
  <c r="K3995" i="5" s="1"/>
  <c r="O3995" i="5" s="1"/>
  <c r="K7219" i="2"/>
  <c r="K7193" i="5" s="1"/>
  <c r="O7193" i="5" s="1"/>
  <c r="K8060" i="2"/>
  <c r="K8034" i="5" s="1"/>
  <c r="O8034" i="5" s="1"/>
  <c r="K4563" i="2"/>
  <c r="K4537" i="5" s="1"/>
  <c r="O4537" i="5" s="1"/>
  <c r="K4033" i="2"/>
  <c r="K4007" i="5" s="1"/>
  <c r="O4007" i="5" s="1"/>
  <c r="K7556" i="2"/>
  <c r="K7530" i="5" s="1"/>
  <c r="O7530" i="5" s="1"/>
  <c r="K6911" i="2"/>
  <c r="K6885" i="5" s="1"/>
  <c r="O6885" i="5" s="1"/>
  <c r="K6212" i="2"/>
  <c r="K6186" i="5" s="1"/>
  <c r="O6186" i="5" s="1"/>
  <c r="K4220" i="2"/>
  <c r="K4194" i="5" s="1"/>
  <c r="O4194" i="5" s="1"/>
  <c r="K7553" i="2"/>
  <c r="K7527" i="5" s="1"/>
  <c r="O7527" i="5" s="1"/>
  <c r="K5219" i="2"/>
  <c r="K5193" i="5" s="1"/>
  <c r="O5193" i="5" s="1"/>
  <c r="K5379" i="2"/>
  <c r="K5353" i="5" s="1"/>
  <c r="O5353" i="5" s="1"/>
  <c r="K4043" i="2"/>
  <c r="K4017" i="5" s="1"/>
  <c r="O4017" i="5" s="1"/>
  <c r="K4230" i="2"/>
  <c r="K4204" i="5" s="1"/>
  <c r="O4204" i="5" s="1"/>
  <c r="K2709" i="2"/>
  <c r="K2683" i="5" s="1"/>
  <c r="O2683" i="5" s="1"/>
  <c r="K5067" i="2"/>
  <c r="K5041" i="5" s="1"/>
  <c r="O5041" i="5" s="1"/>
  <c r="K8746" i="2"/>
  <c r="K8720" i="5" s="1"/>
  <c r="O8720" i="5" s="1"/>
  <c r="K1208" i="2"/>
  <c r="K1182" i="5" s="1"/>
  <c r="O1182" i="5" s="1"/>
  <c r="K7759" i="2"/>
  <c r="K7733" i="5" s="1"/>
  <c r="O7733" i="5" s="1"/>
  <c r="K7247" i="2"/>
  <c r="K7221" i="5" s="1"/>
  <c r="O7221" i="5" s="1"/>
  <c r="K5701" i="2"/>
  <c r="K5675" i="5" s="1"/>
  <c r="O5675" i="5" s="1"/>
  <c r="K676" i="2"/>
  <c r="K650" i="5" s="1"/>
  <c r="O650" i="5" s="1"/>
  <c r="K7902" i="2"/>
  <c r="K7876" i="5" s="1"/>
  <c r="O7876" i="5" s="1"/>
  <c r="K2888" i="2"/>
  <c r="K2862" i="5" s="1"/>
  <c r="O2862" i="5" s="1"/>
  <c r="K865" i="2"/>
  <c r="K839" i="5" s="1"/>
  <c r="O839" i="5" s="1"/>
  <c r="K2884" i="2"/>
  <c r="K2858" i="5" s="1"/>
  <c r="O2858" i="5" s="1"/>
  <c r="K3867" i="2"/>
  <c r="K3841" i="5" s="1"/>
  <c r="O3841" i="5" s="1"/>
  <c r="K2200" i="2"/>
  <c r="K2174" i="5" s="1"/>
  <c r="O2174" i="5" s="1"/>
  <c r="K2342" i="2"/>
  <c r="K2316" i="5" s="1"/>
  <c r="O2316" i="5" s="1"/>
  <c r="K7923" i="2"/>
  <c r="K7897" i="5" s="1"/>
  <c r="O7897" i="5" s="1"/>
  <c r="K6391" i="2"/>
  <c r="K6365" i="5" s="1"/>
  <c r="O6365" i="5" s="1"/>
  <c r="K6204" i="2"/>
  <c r="K6178" i="5" s="1"/>
  <c r="O6178" i="5" s="1"/>
  <c r="K1698" i="2"/>
  <c r="K1672" i="5" s="1"/>
  <c r="O1672" i="5" s="1"/>
  <c r="K3544" i="2"/>
  <c r="K3518" i="5" s="1"/>
  <c r="O3518" i="5" s="1"/>
  <c r="K356" i="2"/>
  <c r="K330" i="5" s="1"/>
  <c r="O330" i="5" s="1"/>
  <c r="K1173" i="2"/>
  <c r="K1147" i="5" s="1"/>
  <c r="O1147" i="5" s="1"/>
  <c r="K6737" i="2"/>
  <c r="K6711" i="5" s="1"/>
  <c r="O6711" i="5" s="1"/>
  <c r="K6569" i="2"/>
  <c r="K6543" i="5" s="1"/>
  <c r="O6543" i="5" s="1"/>
  <c r="K4892" i="2"/>
  <c r="K4866" i="5" s="1"/>
  <c r="O4866" i="5" s="1"/>
  <c r="K2698" i="2"/>
  <c r="K2672" i="5" s="1"/>
  <c r="O2672" i="5" s="1"/>
  <c r="K4858" i="2"/>
  <c r="K4832" i="5" s="1"/>
  <c r="O4832" i="5" s="1"/>
  <c r="K5038" i="2"/>
  <c r="K5012" i="5" s="1"/>
  <c r="O5012" i="5" s="1"/>
  <c r="K8407" i="2"/>
  <c r="K8381" i="5" s="1"/>
  <c r="O8381" i="5" s="1"/>
  <c r="K2531" i="2"/>
  <c r="K2505" i="5" s="1"/>
  <c r="O2505" i="5" s="1"/>
  <c r="K6894" i="2"/>
  <c r="K6868" i="5" s="1"/>
  <c r="O6868" i="5" s="1"/>
  <c r="K2541" i="2"/>
  <c r="K2515" i="5" s="1"/>
  <c r="O2515" i="5" s="1"/>
  <c r="K4526" i="2"/>
  <c r="K4500" i="5" s="1"/>
  <c r="O4500" i="5" s="1"/>
  <c r="K6223" i="2"/>
  <c r="K6197" i="5" s="1"/>
  <c r="O6197" i="5" s="1"/>
  <c r="K1181" i="2"/>
  <c r="K1155" i="5" s="1"/>
  <c r="O1155" i="5" s="1"/>
  <c r="K1844" i="2"/>
  <c r="K1818" i="5" s="1"/>
  <c r="O1818" i="5" s="1"/>
  <c r="K6580" i="2"/>
  <c r="K6554" i="5" s="1"/>
  <c r="O6554" i="5" s="1"/>
  <c r="K6895" i="2"/>
  <c r="K6869" i="5" s="1"/>
  <c r="O6869" i="5" s="1"/>
  <c r="K7391" i="2"/>
  <c r="K7365" i="5" s="1"/>
  <c r="O7365" i="5" s="1"/>
  <c r="K1709" i="2"/>
  <c r="K1683" i="5" s="1"/>
  <c r="O1683" i="5" s="1"/>
  <c r="K1021" i="2"/>
  <c r="K995" i="5" s="1"/>
  <c r="O995" i="5" s="1"/>
  <c r="K3221" i="2"/>
  <c r="K3195" i="5" s="1"/>
  <c r="O3195" i="5" s="1"/>
  <c r="K7925" i="2"/>
  <c r="K7899" i="5" s="1"/>
  <c r="O7899" i="5" s="1"/>
  <c r="K7240" i="2"/>
  <c r="K7214" i="5" s="1"/>
  <c r="O7214" i="5" s="1"/>
  <c r="K7746" i="2"/>
  <c r="K7720" i="5" s="1"/>
  <c r="O7720" i="5" s="1"/>
  <c r="K5739" i="2"/>
  <c r="K5713" i="5" s="1"/>
  <c r="O5713" i="5" s="1"/>
  <c r="K8083" i="2"/>
  <c r="K8057" i="5" s="1"/>
  <c r="O8057" i="5" s="1"/>
  <c r="K5699" i="2"/>
  <c r="K5673" i="5" s="1"/>
  <c r="O5673" i="5" s="1"/>
  <c r="K4881" i="2"/>
  <c r="K4855" i="5" s="1"/>
  <c r="O4855" i="5" s="1"/>
  <c r="K5204" i="2"/>
  <c r="K5178" i="5" s="1"/>
  <c r="O5178" i="5" s="1"/>
  <c r="K6065" i="2"/>
  <c r="K6039" i="5" s="1"/>
  <c r="O6039" i="5" s="1"/>
  <c r="K6888" i="2"/>
  <c r="K6862" i="5" s="1"/>
  <c r="O6862" i="5" s="1"/>
  <c r="K5063" i="2"/>
  <c r="K5037" i="5" s="1"/>
  <c r="O5037" i="5" s="1"/>
  <c r="K4859" i="2"/>
  <c r="K4833" i="5" s="1"/>
  <c r="O4833" i="5" s="1"/>
  <c r="K849" i="2"/>
  <c r="K823" i="5" s="1"/>
  <c r="O823" i="5" s="1"/>
  <c r="K7413" i="2"/>
  <c r="K7387" i="5" s="1"/>
  <c r="O7387" i="5" s="1"/>
  <c r="K2532" i="2"/>
  <c r="K2506" i="5" s="1"/>
  <c r="O2506" i="5" s="1"/>
  <c r="K1502" i="2"/>
  <c r="K1476" i="5" s="1"/>
  <c r="O1476" i="5" s="1"/>
  <c r="K2529" i="2"/>
  <c r="K2503" i="5" s="1"/>
  <c r="O2503" i="5" s="1"/>
  <c r="K7920" i="2"/>
  <c r="K7894" i="5" s="1"/>
  <c r="O7894" i="5" s="1"/>
  <c r="K1535" i="2"/>
  <c r="K1509" i="5" s="1"/>
  <c r="O1509" i="5" s="1"/>
  <c r="K693" i="2"/>
  <c r="K667" i="5" s="1"/>
  <c r="O667" i="5" s="1"/>
  <c r="K1367" i="2"/>
  <c r="K1341" i="5" s="1"/>
  <c r="O1341" i="5" s="1"/>
  <c r="K3195" i="2"/>
  <c r="K3169" i="5" s="1"/>
  <c r="O3169" i="5" s="1"/>
  <c r="K2708" i="2"/>
  <c r="K2682" i="5" s="1"/>
  <c r="O2682" i="5" s="1"/>
  <c r="K3683" i="2"/>
  <c r="K3657" i="5" s="1"/>
  <c r="O3657" i="5" s="1"/>
  <c r="K3881" i="2"/>
  <c r="K3855" i="5" s="1"/>
  <c r="O3855" i="5" s="1"/>
  <c r="K8075" i="2"/>
  <c r="K8049" i="5" s="1"/>
  <c r="O8049" i="5" s="1"/>
  <c r="K2864" i="2"/>
  <c r="K2838" i="5" s="1"/>
  <c r="O2838" i="5" s="1"/>
  <c r="K4205" i="2"/>
  <c r="K4179" i="5" s="1"/>
  <c r="O4179" i="5" s="1"/>
  <c r="K7043" i="2"/>
  <c r="K7017" i="5" s="1"/>
  <c r="O7017" i="5" s="1"/>
  <c r="K2686" i="2"/>
  <c r="K2660" i="5" s="1"/>
  <c r="O2660" i="5" s="1"/>
  <c r="K5910" i="2"/>
  <c r="K5884" i="5" s="1"/>
  <c r="O5884" i="5" s="1"/>
  <c r="K3874" i="2"/>
  <c r="K3848" i="5" s="1"/>
  <c r="O3848" i="5" s="1"/>
  <c r="K1036" i="2"/>
  <c r="K1010" i="5" s="1"/>
  <c r="O1010" i="5" s="1"/>
  <c r="K526" i="2"/>
  <c r="K500" i="5" s="1"/>
  <c r="O500" i="5" s="1"/>
  <c r="K5387" i="2"/>
  <c r="K5361" i="5" s="1"/>
  <c r="O5361" i="5" s="1"/>
  <c r="K8749" i="2"/>
  <c r="K8723" i="5" s="1"/>
  <c r="O8723" i="5" s="1"/>
  <c r="K6576" i="2"/>
  <c r="K6550" i="5" s="1"/>
  <c r="O6550" i="5" s="1"/>
  <c r="K5392" i="2"/>
  <c r="K5366" i="5" s="1"/>
  <c r="O5366" i="5" s="1"/>
  <c r="K3204" i="2"/>
  <c r="K3178" i="5" s="1"/>
  <c r="O3178" i="5" s="1"/>
  <c r="K3383" i="2"/>
  <c r="K3357" i="5" s="1"/>
  <c r="O3357" i="5" s="1"/>
  <c r="K5867" i="2"/>
  <c r="K5841" i="5" s="1"/>
  <c r="O5841" i="5" s="1"/>
  <c r="K3550" i="2"/>
  <c r="K3524" i="5" s="1"/>
  <c r="O3524" i="5" s="1"/>
  <c r="K8768" i="2"/>
  <c r="K8742" i="5" s="1"/>
  <c r="O8742" i="5" s="1"/>
  <c r="K8431" i="2"/>
  <c r="K8405" i="5" s="1"/>
  <c r="O8405" i="5" s="1"/>
  <c r="K1835" i="2"/>
  <c r="K1809" i="5" s="1"/>
  <c r="O1809" i="5" s="1"/>
  <c r="K2516" i="2"/>
  <c r="K2490" i="5" s="1"/>
  <c r="O2490" i="5" s="1"/>
  <c r="K4030" i="2"/>
  <c r="K4004" i="5" s="1"/>
  <c r="O4004" i="5" s="1"/>
  <c r="K6731" i="2"/>
  <c r="K6705" i="5" s="1"/>
  <c r="O6705" i="5" s="1"/>
  <c r="K3220" i="2"/>
  <c r="K3194" i="5" s="1"/>
  <c r="O3194" i="5" s="1"/>
  <c r="K4394" i="2"/>
  <c r="K4368" i="5" s="1"/>
  <c r="O4368" i="5" s="1"/>
  <c r="K1504" i="2"/>
  <c r="K1478" i="5" s="1"/>
  <c r="O1478" i="5" s="1"/>
  <c r="K4375" i="2"/>
  <c r="K4349" i="5" s="1"/>
  <c r="O4349" i="5" s="1"/>
  <c r="K5735" i="2"/>
  <c r="K5709" i="5" s="1"/>
  <c r="O5709" i="5" s="1"/>
  <c r="K4532" i="2"/>
  <c r="K4506" i="5" s="1"/>
  <c r="O4506" i="5" s="1"/>
  <c r="K665" i="2"/>
  <c r="K639" i="5" s="1"/>
  <c r="O639" i="5" s="1"/>
  <c r="K675" i="2"/>
  <c r="K649" i="5" s="1"/>
  <c r="O649" i="5" s="1"/>
  <c r="K195" i="2"/>
  <c r="K169" i="5" s="1"/>
  <c r="O169" i="5" s="1"/>
  <c r="K4560" i="2"/>
  <c r="K4534" i="5" s="1"/>
  <c r="O4534" i="5" s="1"/>
  <c r="K6398" i="2"/>
  <c r="K6372" i="5" s="1"/>
  <c r="O6372" i="5" s="1"/>
  <c r="K1511" i="2"/>
  <c r="K1485" i="5" s="1"/>
  <c r="O1485" i="5" s="1"/>
  <c r="K3386" i="2"/>
  <c r="K3360" i="5" s="1"/>
  <c r="O3360" i="5" s="1"/>
  <c r="K5402" i="2"/>
  <c r="K5376" i="5" s="1"/>
  <c r="O5376" i="5" s="1"/>
  <c r="K1196" i="2"/>
  <c r="K1170" i="5" s="1"/>
  <c r="O1170" i="5" s="1"/>
  <c r="K6052" i="2"/>
  <c r="K6026" i="5" s="1"/>
  <c r="O6026" i="5" s="1"/>
  <c r="K6067" i="2"/>
  <c r="K6041" i="5" s="1"/>
  <c r="O6041" i="5" s="1"/>
  <c r="K1175" i="2"/>
  <c r="K1149" i="5" s="1"/>
  <c r="O1149" i="5" s="1"/>
  <c r="K4051" i="2"/>
  <c r="K4025" i="5" s="1"/>
  <c r="O4025" i="5" s="1"/>
  <c r="K5880" i="2"/>
  <c r="K5854" i="5" s="1"/>
  <c r="O5854" i="5" s="1"/>
  <c r="K6395" i="2"/>
  <c r="K6369" i="5" s="1"/>
  <c r="O6369" i="5" s="1"/>
  <c r="K7892" i="2"/>
  <c r="K7866" i="5" s="1"/>
  <c r="O7866" i="5" s="1"/>
  <c r="K5574" i="2"/>
  <c r="K5548" i="5" s="1"/>
  <c r="O5548" i="5" s="1"/>
  <c r="K7397" i="2"/>
  <c r="K7371" i="5" s="1"/>
  <c r="O7371" i="5" s="1"/>
  <c r="K7714" i="2"/>
  <c r="K7688" i="5" s="1"/>
  <c r="O7688" i="5" s="1"/>
  <c r="K1682" i="2"/>
  <c r="K1656" i="5" s="1"/>
  <c r="O1656" i="5" s="1"/>
  <c r="K2174" i="2"/>
  <c r="K2148" i="5" s="1"/>
  <c r="O2148" i="5" s="1"/>
  <c r="K5397" i="2"/>
  <c r="K5371" i="5" s="1"/>
  <c r="O5371" i="5" s="1"/>
  <c r="K6746" i="2"/>
  <c r="K6720" i="5" s="1"/>
  <c r="O6720" i="5" s="1"/>
  <c r="K7585" i="2"/>
  <c r="K7559" i="5" s="1"/>
  <c r="O7559" i="5" s="1"/>
  <c r="K5911" i="2"/>
  <c r="K5885" i="5" s="1"/>
  <c r="O5885" i="5" s="1"/>
  <c r="K6375" i="2"/>
  <c r="K6349" i="5" s="1"/>
  <c r="O6349" i="5" s="1"/>
  <c r="K1191" i="2"/>
  <c r="K1165" i="5" s="1"/>
  <c r="O1165" i="5" s="1"/>
  <c r="K8413" i="2"/>
  <c r="K8387" i="5" s="1"/>
  <c r="O8387" i="5" s="1"/>
  <c r="K4904" i="2"/>
  <c r="K4878" i="5" s="1"/>
  <c r="O4878" i="5" s="1"/>
  <c r="K1337" i="2"/>
  <c r="K1311" i="5" s="1"/>
  <c r="O1311" i="5" s="1"/>
  <c r="K1515" i="2"/>
  <c r="K1489" i="5" s="1"/>
  <c r="O1489" i="5" s="1"/>
  <c r="K1499" i="2"/>
  <c r="K1473" i="5" s="1"/>
  <c r="O1473" i="5" s="1"/>
  <c r="K5566" i="2"/>
  <c r="K5540" i="5" s="1"/>
  <c r="O5540" i="5" s="1"/>
  <c r="K196" i="2"/>
  <c r="K170" i="5" s="1"/>
  <c r="O170" i="5" s="1"/>
  <c r="K6077" i="2"/>
  <c r="K6051" i="5" s="1"/>
  <c r="O6051" i="5" s="1"/>
  <c r="K7420" i="2"/>
  <c r="K7394" i="5" s="1"/>
  <c r="O7394" i="5" s="1"/>
  <c r="K6554" i="2"/>
  <c r="K6528" i="5" s="1"/>
  <c r="O6528" i="5" s="1"/>
  <c r="K2550" i="2"/>
  <c r="K2524" i="5" s="1"/>
  <c r="O2524" i="5" s="1"/>
  <c r="K4232" i="2"/>
  <c r="K4206" i="5" s="1"/>
  <c r="O4206" i="5" s="1"/>
  <c r="K6053" i="2"/>
  <c r="K6027" i="5" s="1"/>
  <c r="O6027" i="5" s="1"/>
  <c r="K8416" i="2"/>
  <c r="K8390" i="5" s="1"/>
  <c r="O8390" i="5" s="1"/>
  <c r="K3022" i="2"/>
  <c r="K2996" i="5" s="1"/>
  <c r="O2996" i="5" s="1"/>
  <c r="K5229" i="2"/>
  <c r="K5203" i="5" s="1"/>
  <c r="O5203" i="5" s="1"/>
  <c r="K7747" i="2"/>
  <c r="K7721" i="5" s="1"/>
  <c r="O7721" i="5" s="1"/>
  <c r="K3516" i="2"/>
  <c r="K3490" i="5" s="1"/>
  <c r="O3490" i="5" s="1"/>
  <c r="K7572" i="2"/>
  <c r="K7546" i="5" s="1"/>
  <c r="O7546" i="5" s="1"/>
  <c r="K7581" i="2"/>
  <c r="K7555" i="5" s="1"/>
  <c r="O7555" i="5" s="1"/>
  <c r="K3034" i="2"/>
  <c r="K3008" i="5" s="1"/>
  <c r="O3008" i="5" s="1"/>
  <c r="K4397" i="2"/>
  <c r="K4371" i="5" s="1"/>
  <c r="O4371" i="5" s="1"/>
  <c r="K5372" i="2"/>
  <c r="K5346" i="5" s="1"/>
  <c r="O5346" i="5" s="1"/>
  <c r="K8063" i="2"/>
  <c r="K8037" i="5" s="1"/>
  <c r="O8037" i="5" s="1"/>
  <c r="K1858" i="2"/>
  <c r="K1832" i="5" s="1"/>
  <c r="O1832" i="5" s="1"/>
  <c r="K8764" i="2"/>
  <c r="K8738" i="5" s="1"/>
  <c r="O8738" i="5" s="1"/>
  <c r="K519" i="2"/>
  <c r="K493" i="5" s="1"/>
  <c r="O493" i="5" s="1"/>
  <c r="K3727" i="2"/>
  <c r="K3701" i="5" s="1"/>
  <c r="O3701" i="5" s="1"/>
  <c r="K4196" i="2"/>
  <c r="K4170" i="5" s="1"/>
  <c r="O4170" i="5" s="1"/>
  <c r="K7744" i="2"/>
  <c r="K7718" i="5" s="1"/>
  <c r="O7718" i="5" s="1"/>
  <c r="K8429" i="2"/>
  <c r="K8403" i="5" s="1"/>
  <c r="O8403" i="5" s="1"/>
  <c r="K7064" i="2"/>
  <c r="K7038" i="5" s="1"/>
  <c r="O7038" i="5" s="1"/>
  <c r="K8061" i="2"/>
  <c r="K8035" i="5" s="1"/>
  <c r="O8035" i="5" s="1"/>
  <c r="K3052" i="2"/>
  <c r="K3026" i="5" s="1"/>
  <c r="O3026" i="5" s="1"/>
  <c r="K1358" i="2"/>
  <c r="K1332" i="5" s="1"/>
  <c r="O1332" i="5" s="1"/>
  <c r="K6542" i="2"/>
  <c r="K6516" i="5" s="1"/>
  <c r="O6516" i="5" s="1"/>
  <c r="K2339" i="2"/>
  <c r="K2313" i="5" s="1"/>
  <c r="O2313" i="5" s="1"/>
  <c r="K3384" i="2"/>
  <c r="K3358" i="5" s="1"/>
  <c r="O3358" i="5" s="1"/>
  <c r="K4871" i="2"/>
  <c r="K4845" i="5" s="1"/>
  <c r="O4845" i="5" s="1"/>
  <c r="K6748" i="2"/>
  <c r="K6722" i="5" s="1"/>
  <c r="O6722" i="5" s="1"/>
  <c r="K6896" i="2"/>
  <c r="K6870" i="5" s="1"/>
  <c r="O6870" i="5" s="1"/>
  <c r="K7053" i="2"/>
  <c r="K7027" i="5" s="1"/>
  <c r="O7027" i="5" s="1"/>
  <c r="K3533" i="2"/>
  <c r="K3507" i="5" s="1"/>
  <c r="O3507" i="5" s="1"/>
  <c r="K2528" i="2"/>
  <c r="K2502" i="5" s="1"/>
  <c r="O2502" i="5" s="1"/>
  <c r="K7721" i="2"/>
  <c r="K7695" i="5" s="1"/>
  <c r="O7695" i="5" s="1"/>
  <c r="K8403" i="2"/>
  <c r="K8377" i="5" s="1"/>
  <c r="O8377" i="5" s="1"/>
  <c r="K3355" i="2"/>
  <c r="K3329" i="5" s="1"/>
  <c r="O3329" i="5" s="1"/>
  <c r="K3883" i="2"/>
  <c r="K3857" i="5" s="1"/>
  <c r="O3857" i="5" s="1"/>
  <c r="K6219" i="2"/>
  <c r="K6193" i="5" s="1"/>
  <c r="O6193" i="5" s="1"/>
  <c r="K7382" i="2"/>
  <c r="K7356" i="5" s="1"/>
  <c r="O7356" i="5" s="1"/>
  <c r="K3350" i="2"/>
  <c r="K3324" i="5" s="1"/>
  <c r="O3324" i="5" s="1"/>
  <c r="K4864" i="2"/>
  <c r="K4838" i="5" s="1"/>
  <c r="O4838" i="5" s="1"/>
  <c r="K6917" i="2"/>
  <c r="K6891" i="5" s="1"/>
  <c r="O6891" i="5" s="1"/>
  <c r="K685" i="2"/>
  <c r="K659" i="5" s="1"/>
  <c r="O659" i="5" s="1"/>
  <c r="K6079" i="2"/>
  <c r="K6053" i="5" s="1"/>
  <c r="O6053" i="5" s="1"/>
  <c r="K680" i="2"/>
  <c r="K654" i="5" s="1"/>
  <c r="O654" i="5" s="1"/>
  <c r="K2536" i="2"/>
  <c r="K2510" i="5" s="1"/>
  <c r="O2510" i="5" s="1"/>
  <c r="K3523" i="2"/>
  <c r="K3497" i="5" s="1"/>
  <c r="O3497" i="5" s="1"/>
  <c r="K5902" i="2"/>
  <c r="K5876" i="5" s="1"/>
  <c r="O5876" i="5" s="1"/>
  <c r="K7547" i="2"/>
  <c r="K7521" i="5" s="1"/>
  <c r="O7521" i="5" s="1"/>
  <c r="K1336" i="2"/>
  <c r="K1310" i="5" s="1"/>
  <c r="O1310" i="5" s="1"/>
  <c r="K2859" i="2"/>
  <c r="K2833" i="5" s="1"/>
  <c r="O2833" i="5" s="1"/>
  <c r="K678" i="2"/>
  <c r="K652" i="5" s="1"/>
  <c r="O652" i="5" s="1"/>
  <c r="K2519" i="2"/>
  <c r="K2493" i="5" s="1"/>
  <c r="O2493" i="5" s="1"/>
  <c r="K5536" i="2"/>
  <c r="K5510" i="5" s="1"/>
  <c r="O5510" i="5" s="1"/>
  <c r="K6245" i="2"/>
  <c r="K6219" i="5" s="1"/>
  <c r="O6219" i="5" s="1"/>
  <c r="K160" i="2"/>
  <c r="K134" i="5" s="1"/>
  <c r="O134" i="5" s="1"/>
  <c r="K1355" i="2"/>
  <c r="K1329" i="5" s="1"/>
  <c r="O1329" i="5" s="1"/>
  <c r="K5567" i="2"/>
  <c r="K5541" i="5" s="1"/>
  <c r="O5541" i="5" s="1"/>
  <c r="K334" i="2"/>
  <c r="K308" i="5" s="1"/>
  <c r="O308" i="5" s="1"/>
  <c r="K1532" i="2"/>
  <c r="K1506" i="5" s="1"/>
  <c r="O1506" i="5" s="1"/>
  <c r="K4025" i="2"/>
  <c r="K3999" i="5" s="1"/>
  <c r="O3999" i="5" s="1"/>
  <c r="K5364" i="2"/>
  <c r="K5338" i="5" s="1"/>
  <c r="O5338" i="5" s="1"/>
  <c r="K3560" i="2"/>
  <c r="K3534" i="5" s="1"/>
  <c r="O3534" i="5" s="1"/>
  <c r="K4049" i="2"/>
  <c r="K4023" i="5" s="1"/>
  <c r="O4023" i="5" s="1"/>
  <c r="K1188" i="2"/>
  <c r="K1162" i="5" s="1"/>
  <c r="O1162" i="5" s="1"/>
  <c r="K4873" i="2"/>
  <c r="K4847" i="5" s="1"/>
  <c r="O4847" i="5" s="1"/>
  <c r="K6550" i="2"/>
  <c r="K6524" i="5" s="1"/>
  <c r="O6524" i="5" s="1"/>
  <c r="K512" i="2"/>
  <c r="K486" i="5" s="1"/>
  <c r="O486" i="5" s="1"/>
  <c r="K502" i="2"/>
  <c r="K476" i="5" s="1"/>
  <c r="O476" i="5" s="1"/>
  <c r="K8732" i="2"/>
  <c r="K8706" i="5" s="1"/>
  <c r="O8706" i="5" s="1"/>
  <c r="K8252" i="2"/>
  <c r="K8226" i="5" s="1"/>
  <c r="O8226" i="5" s="1"/>
  <c r="K324" i="2"/>
  <c r="K298" i="5" s="1"/>
  <c r="O298" i="5" s="1"/>
  <c r="K2510" i="2"/>
  <c r="K2484" i="5" s="1"/>
  <c r="O2484" i="5" s="1"/>
  <c r="K8218" i="2"/>
  <c r="K8192" i="5" s="1"/>
  <c r="O8192" i="5" s="1"/>
  <c r="K4197" i="2"/>
  <c r="K4171" i="5" s="1"/>
  <c r="O4171" i="5" s="1"/>
  <c r="K6541" i="2"/>
  <c r="K6515" i="5" s="1"/>
  <c r="O6515" i="5" s="1"/>
  <c r="K7048" i="2"/>
  <c r="K7022" i="5" s="1"/>
  <c r="O7022" i="5" s="1"/>
  <c r="K851" i="2"/>
  <c r="K825" i="5" s="1"/>
  <c r="O825" i="5" s="1"/>
  <c r="K3219" i="2"/>
  <c r="K3193" i="5" s="1"/>
  <c r="O3193" i="5" s="1"/>
  <c r="K4866" i="2"/>
  <c r="K4840" i="5" s="1"/>
  <c r="O4840" i="5" s="1"/>
  <c r="K2349" i="2"/>
  <c r="K2323" i="5" s="1"/>
  <c r="O2323" i="5" s="1"/>
  <c r="K2206" i="2"/>
  <c r="K2180" i="5" s="1"/>
  <c r="O2180" i="5" s="1"/>
  <c r="K5051" i="2"/>
  <c r="K5025" i="5" s="1"/>
  <c r="O5025" i="5" s="1"/>
  <c r="K3376" i="2"/>
  <c r="K3350" i="5" s="1"/>
  <c r="O3350" i="5" s="1"/>
  <c r="K4552" i="2"/>
  <c r="K4526" i="5" s="1"/>
  <c r="O4526" i="5" s="1"/>
  <c r="K1699" i="2"/>
  <c r="K1673" i="5" s="1"/>
  <c r="O1673" i="5" s="1"/>
  <c r="K1870" i="2"/>
  <c r="K1844" i="5" s="1"/>
  <c r="O1844" i="5" s="1"/>
  <c r="K1365" i="2"/>
  <c r="K1339" i="5" s="1"/>
  <c r="O1339" i="5" s="1"/>
  <c r="K3852" i="2"/>
  <c r="K3826" i="5" s="1"/>
  <c r="O3826" i="5" s="1"/>
  <c r="K4208" i="2"/>
  <c r="K4182" i="5" s="1"/>
  <c r="O4182" i="5" s="1"/>
  <c r="K1197" i="2"/>
  <c r="K1171" i="5" s="1"/>
  <c r="O1171" i="5" s="1"/>
  <c r="K537" i="2"/>
  <c r="K511" i="5" s="1"/>
  <c r="O511" i="5" s="1"/>
  <c r="K679" i="2"/>
  <c r="K653" i="5" s="1"/>
  <c r="O653" i="5" s="1"/>
  <c r="K1538" i="2"/>
  <c r="K1512" i="5" s="1"/>
  <c r="O1512" i="5" s="1"/>
  <c r="K2183" i="2"/>
  <c r="K2157" i="5" s="1"/>
  <c r="O2157" i="5" s="1"/>
  <c r="K1331" i="2"/>
  <c r="K1305" i="5" s="1"/>
  <c r="O1305" i="5" s="1"/>
  <c r="K6750" i="2"/>
  <c r="K6724" i="5" s="1"/>
  <c r="O6724" i="5" s="1"/>
  <c r="K193" i="2"/>
  <c r="K167" i="5" s="1"/>
  <c r="O167" i="5" s="1"/>
  <c r="K5405" i="2"/>
  <c r="K5379" i="5" s="1"/>
  <c r="O5379" i="5" s="1"/>
  <c r="K1684" i="2"/>
  <c r="K1658" i="5" s="1"/>
  <c r="O1658" i="5" s="1"/>
  <c r="K3715" i="2"/>
  <c r="K3689" i="5" s="1"/>
  <c r="O3689" i="5" s="1"/>
  <c r="K5030" i="2"/>
  <c r="K5004" i="5" s="1"/>
  <c r="O5004" i="5" s="1"/>
  <c r="K3032" i="2"/>
  <c r="K3006" i="5" s="1"/>
  <c r="O3006" i="5" s="1"/>
  <c r="K2710" i="2"/>
  <c r="K2684" i="5" s="1"/>
  <c r="O2684" i="5" s="1"/>
  <c r="K5533" i="2"/>
  <c r="K5507" i="5" s="1"/>
  <c r="O5507" i="5" s="1"/>
  <c r="K5540" i="2"/>
  <c r="K5514" i="5" s="1"/>
  <c r="O5514" i="5" s="1"/>
  <c r="K2047" i="2"/>
  <c r="K2021" i="5" s="1"/>
  <c r="O2021" i="5" s="1"/>
  <c r="K5034" i="2"/>
  <c r="K5008" i="5" s="1"/>
  <c r="O5008" i="5" s="1"/>
  <c r="K2846" i="2"/>
  <c r="K2820" i="5" s="1"/>
  <c r="O2820" i="5" s="1"/>
  <c r="K2549" i="2"/>
  <c r="K2523" i="5" s="1"/>
  <c r="O2523" i="5" s="1"/>
  <c r="K3182" i="2"/>
  <c r="K3156" i="5" s="1"/>
  <c r="O3156" i="5" s="1"/>
  <c r="K3029" i="2"/>
  <c r="K3003" i="5" s="1"/>
  <c r="O3003" i="5" s="1"/>
  <c r="K8769" i="2"/>
  <c r="K8743" i="5" s="1"/>
  <c r="O8743" i="5" s="1"/>
  <c r="K5571" i="2"/>
  <c r="K5545" i="5" s="1"/>
  <c r="O5545" i="5" s="1"/>
  <c r="K7577" i="2"/>
  <c r="K7551" i="5" s="1"/>
  <c r="O7551" i="5" s="1"/>
  <c r="K6229" i="2"/>
  <c r="K6203" i="5" s="1"/>
  <c r="O6203" i="5" s="1"/>
  <c r="K345" i="2"/>
  <c r="K319" i="5" s="1"/>
  <c r="O319" i="5" s="1"/>
  <c r="K174" i="2"/>
  <c r="K148" i="5" s="1"/>
  <c r="O148" i="5" s="1"/>
  <c r="K4550" i="2"/>
  <c r="K4524" i="5" s="1"/>
  <c r="O4524" i="5" s="1"/>
  <c r="K4697" i="2"/>
  <c r="K4671" i="5" s="1"/>
  <c r="O4671" i="5" s="1"/>
  <c r="K6725" i="2"/>
  <c r="K6699" i="5" s="1"/>
  <c r="O6699" i="5" s="1"/>
  <c r="K6384" i="2"/>
  <c r="K6358" i="5" s="1"/>
  <c r="O6358" i="5" s="1"/>
  <c r="K7567" i="2"/>
  <c r="K7541" i="5" s="1"/>
  <c r="O7541" i="5" s="1"/>
  <c r="K8581" i="2"/>
  <c r="K8555" i="5" s="1"/>
  <c r="O8555" i="5" s="1"/>
  <c r="K2688" i="2"/>
  <c r="K2662" i="5" s="1"/>
  <c r="O2662" i="5" s="1"/>
  <c r="K4717" i="2"/>
  <c r="K4691" i="5" s="1"/>
  <c r="O4691" i="5" s="1"/>
  <c r="K6885" i="2"/>
  <c r="K6859" i="5" s="1"/>
  <c r="O6859" i="5" s="1"/>
  <c r="K3708" i="2"/>
  <c r="K3682" i="5" s="1"/>
  <c r="O3682" i="5" s="1"/>
  <c r="K4392" i="2"/>
  <c r="K4366" i="5" s="1"/>
  <c r="O4366" i="5" s="1"/>
  <c r="K5206" i="2"/>
  <c r="K5180" i="5" s="1"/>
  <c r="O5180" i="5" s="1"/>
  <c r="K6753" i="2"/>
  <c r="K6727" i="5" s="1"/>
  <c r="O6727" i="5" s="1"/>
  <c r="K3695" i="2"/>
  <c r="K3669" i="5" s="1"/>
  <c r="O3669" i="5" s="1"/>
  <c r="K2681" i="2"/>
  <c r="K2655" i="5" s="1"/>
  <c r="O2655" i="5" s="1"/>
  <c r="K2537" i="2"/>
  <c r="K2511" i="5" s="1"/>
  <c r="O2511" i="5" s="1"/>
  <c r="K6706" i="2"/>
  <c r="K6680" i="5" s="1"/>
  <c r="O6680" i="5" s="1"/>
  <c r="K7904" i="2"/>
  <c r="K7878" i="5" s="1"/>
  <c r="O7878" i="5" s="1"/>
  <c r="K1507" i="2"/>
  <c r="K1481" i="5" s="1"/>
  <c r="O1481" i="5" s="1"/>
  <c r="K7748" i="2"/>
  <c r="K7722" i="5" s="1"/>
  <c r="O7722" i="5" s="1"/>
  <c r="K184" i="2"/>
  <c r="K158" i="5" s="1"/>
  <c r="O158" i="5" s="1"/>
  <c r="K3850" i="2"/>
  <c r="K3824" i="5" s="1"/>
  <c r="O3824" i="5" s="1"/>
  <c r="K6880" i="2"/>
  <c r="K6854" i="5" s="1"/>
  <c r="O6854" i="5" s="1"/>
  <c r="K4536" i="2"/>
  <c r="K4510" i="5" s="1"/>
  <c r="O4510" i="5" s="1"/>
  <c r="K1190" i="2"/>
  <c r="K1164" i="5" s="1"/>
  <c r="O1164" i="5" s="1"/>
  <c r="K5884" i="2"/>
  <c r="K5858" i="5" s="1"/>
  <c r="O5858" i="5" s="1"/>
  <c r="K5399" i="2"/>
  <c r="K5373" i="5" s="1"/>
  <c r="O5373" i="5" s="1"/>
  <c r="K7075" i="2"/>
  <c r="K7049" i="5" s="1"/>
  <c r="O7049" i="5" s="1"/>
  <c r="K5231" i="2"/>
  <c r="K5205" i="5" s="1"/>
  <c r="O5205" i="5" s="1"/>
  <c r="K8741" i="2"/>
  <c r="K8715" i="5" s="1"/>
  <c r="O8715" i="5" s="1"/>
  <c r="K6048" i="2"/>
  <c r="K6022" i="5" s="1"/>
  <c r="O6022" i="5" s="1"/>
  <c r="K5907" i="2"/>
  <c r="K5881" i="5" s="1"/>
  <c r="O5881" i="5" s="1"/>
  <c r="K7056" i="2"/>
  <c r="K7030" i="5" s="1"/>
  <c r="O7030" i="5" s="1"/>
  <c r="K7743" i="2"/>
  <c r="K7717" i="5" s="1"/>
  <c r="O7717" i="5" s="1"/>
  <c r="K3537" i="2"/>
  <c r="K3511" i="5" s="1"/>
  <c r="O3511" i="5" s="1"/>
  <c r="K5056" i="2"/>
  <c r="K5030" i="5" s="1"/>
  <c r="O5030" i="5" s="1"/>
  <c r="K7546" i="2"/>
  <c r="K7520" i="5" s="1"/>
  <c r="O7520" i="5" s="1"/>
  <c r="K531" i="2"/>
  <c r="K505" i="5" s="1"/>
  <c r="O505" i="5" s="1"/>
  <c r="K5560" i="2"/>
  <c r="K5534" i="5" s="1"/>
  <c r="O5534" i="5" s="1"/>
  <c r="K8069" i="2"/>
  <c r="K8043" i="5" s="1"/>
  <c r="O8043" i="5" s="1"/>
  <c r="K1351" i="2"/>
  <c r="K1325" i="5" s="1"/>
  <c r="O1325" i="5" s="1"/>
  <c r="K3352" i="2"/>
  <c r="K3326" i="5" s="1"/>
  <c r="O3326" i="5" s="1"/>
  <c r="K7399" i="2"/>
  <c r="K7373" i="5" s="1"/>
  <c r="O7373" i="5" s="1"/>
  <c r="K3880" i="2"/>
  <c r="K3854" i="5" s="1"/>
  <c r="O3854" i="5" s="1"/>
  <c r="K7888" i="2"/>
  <c r="K7862" i="5" s="1"/>
  <c r="O7862" i="5" s="1"/>
  <c r="K4537" i="2"/>
  <c r="K4511" i="5" s="1"/>
  <c r="O4511" i="5" s="1"/>
  <c r="K5544" i="2"/>
  <c r="K5518" i="5" s="1"/>
  <c r="O5518" i="5" s="1"/>
  <c r="K4569" i="2"/>
  <c r="K4543" i="5" s="1"/>
  <c r="O4543" i="5" s="1"/>
  <c r="K1498" i="2"/>
  <c r="K1472" i="5" s="1"/>
  <c r="O1472" i="5" s="1"/>
  <c r="K5368" i="2"/>
  <c r="K5342" i="5" s="1"/>
  <c r="O5342" i="5" s="1"/>
  <c r="K6882" i="2"/>
  <c r="K6856" i="5" s="1"/>
  <c r="O6856" i="5" s="1"/>
  <c r="K1019" i="2"/>
  <c r="K993" i="5" s="1"/>
  <c r="O993" i="5" s="1"/>
  <c r="K350" i="2"/>
  <c r="K324" i="5" s="1"/>
  <c r="O324" i="5" s="1"/>
  <c r="K2540" i="2"/>
  <c r="K2514" i="5" s="1"/>
  <c r="O2514" i="5" s="1"/>
  <c r="K2002" i="2"/>
  <c r="K1976" i="5" s="1"/>
  <c r="O1976" i="5" s="1"/>
  <c r="K8751" i="2"/>
  <c r="K8725" i="5" s="1"/>
  <c r="O8725" i="5" s="1"/>
  <c r="K8250" i="2"/>
  <c r="K8224" i="5" s="1"/>
  <c r="O8224" i="5" s="1"/>
  <c r="K3527" i="2"/>
  <c r="K3501" i="5" s="1"/>
  <c r="O3501" i="5" s="1"/>
  <c r="K4702" i="2"/>
  <c r="K4676" i="5" s="1"/>
  <c r="O4676" i="5" s="1"/>
  <c r="K672" i="2"/>
  <c r="K646" i="5" s="1"/>
  <c r="O646" i="5" s="1"/>
  <c r="K2036" i="2"/>
  <c r="K2010" i="5" s="1"/>
  <c r="O2010" i="5" s="1"/>
  <c r="K1544" i="2"/>
  <c r="K1518" i="5" s="1"/>
  <c r="O1518" i="5" s="1"/>
  <c r="K4554" i="2"/>
  <c r="K4528" i="5" s="1"/>
  <c r="O4528" i="5" s="1"/>
  <c r="K3518" i="2"/>
  <c r="K3492" i="5" s="1"/>
  <c r="O3492" i="5" s="1"/>
  <c r="K3217" i="2"/>
  <c r="K3191" i="5" s="1"/>
  <c r="O3191" i="5" s="1"/>
  <c r="K4201" i="2"/>
  <c r="K4175" i="5" s="1"/>
  <c r="O4175" i="5" s="1"/>
  <c r="K8418" i="2"/>
  <c r="K8392" i="5" s="1"/>
  <c r="O8392" i="5" s="1"/>
  <c r="K4568" i="2"/>
  <c r="K4542" i="5" s="1"/>
  <c r="O4542" i="5" s="1"/>
  <c r="K4054" i="2"/>
  <c r="K4028" i="5" s="1"/>
  <c r="O4028" i="5" s="1"/>
  <c r="K1186" i="2"/>
  <c r="K1160" i="5" s="1"/>
  <c r="O1160" i="5" s="1"/>
  <c r="K1666" i="2"/>
  <c r="K1640" i="5" s="1"/>
  <c r="O1640" i="5" s="1"/>
  <c r="K5729" i="2"/>
  <c r="K5703" i="5" s="1"/>
  <c r="O5703" i="5" s="1"/>
  <c r="K4902" i="2"/>
  <c r="K4876" i="5" s="1"/>
  <c r="O4876" i="5" s="1"/>
  <c r="K4542" i="2"/>
  <c r="K4516" i="5" s="1"/>
  <c r="O4516" i="5" s="1"/>
  <c r="K6718" i="2"/>
  <c r="K6692" i="5" s="1"/>
  <c r="O6692" i="5" s="1"/>
  <c r="K6233" i="2"/>
  <c r="K6207" i="5" s="1"/>
  <c r="O6207" i="5" s="1"/>
  <c r="K7070" i="2"/>
  <c r="K7044" i="5" s="1"/>
  <c r="O7044" i="5" s="1"/>
  <c r="K1204" i="2"/>
  <c r="K1178" i="5" s="1"/>
  <c r="O1178" i="5" s="1"/>
  <c r="K6247" i="2"/>
  <c r="K6221" i="5" s="1"/>
  <c r="O6221" i="5" s="1"/>
  <c r="K6740" i="2"/>
  <c r="K6714" i="5" s="1"/>
  <c r="O6714" i="5" s="1"/>
  <c r="K4380" i="2"/>
  <c r="K4354" i="5" s="1"/>
  <c r="O4354" i="5" s="1"/>
  <c r="K1706" i="2"/>
  <c r="K1680" i="5" s="1"/>
  <c r="O1680" i="5" s="1"/>
  <c r="K2546" i="2"/>
  <c r="K2520" i="5" s="1"/>
  <c r="O2520" i="5" s="1"/>
  <c r="K4365" i="2"/>
  <c r="K4339" i="5" s="1"/>
  <c r="O4339" i="5" s="1"/>
  <c r="K3524" i="2"/>
  <c r="K3498" i="5" s="1"/>
  <c r="O3498" i="5" s="1"/>
  <c r="K3888" i="2"/>
  <c r="K3862" i="5" s="1"/>
  <c r="O3862" i="5" s="1"/>
  <c r="K1342" i="2"/>
  <c r="K1316" i="5" s="1"/>
  <c r="O1316" i="5" s="1"/>
  <c r="K1001" i="2"/>
  <c r="K975" i="5" s="1"/>
  <c r="O975" i="5" s="1"/>
  <c r="K330" i="2"/>
  <c r="K304" i="5" s="1"/>
  <c r="O304" i="5" s="1"/>
  <c r="K5218" i="2"/>
  <c r="K5192" i="5" s="1"/>
  <c r="O5192" i="5" s="1"/>
  <c r="K6403" i="2"/>
  <c r="K6377" i="5" s="1"/>
  <c r="O6377" i="5" s="1"/>
  <c r="K5898" i="2"/>
  <c r="K5872" i="5" s="1"/>
  <c r="O5872" i="5" s="1"/>
  <c r="K2858" i="2"/>
  <c r="K2832" i="5" s="1"/>
  <c r="O2832" i="5" s="1"/>
  <c r="K6543" i="2"/>
  <c r="K6517" i="5" s="1"/>
  <c r="O6517" i="5" s="1"/>
  <c r="K4718" i="2"/>
  <c r="K4692" i="5" s="1"/>
  <c r="O4692" i="5" s="1"/>
  <c r="K8247" i="2"/>
  <c r="K8221" i="5" s="1"/>
  <c r="O8221" i="5" s="1"/>
  <c r="K3704" i="2"/>
  <c r="K3678" i="5" s="1"/>
  <c r="O3678" i="5" s="1"/>
  <c r="K5238" i="2"/>
  <c r="K5212" i="5" s="1"/>
  <c r="O5212" i="5" s="1"/>
  <c r="K5071" i="2"/>
  <c r="K5045" i="5" s="1"/>
  <c r="O5045" i="5" s="1"/>
  <c r="K8573" i="2"/>
  <c r="K8547" i="5" s="1"/>
  <c r="O8547" i="5" s="1"/>
  <c r="K4531" i="2"/>
  <c r="K4505" i="5" s="1"/>
  <c r="O4505" i="5" s="1"/>
  <c r="K8087" i="2"/>
  <c r="K8061" i="5" s="1"/>
  <c r="O8061" i="5" s="1"/>
  <c r="K2886" i="2"/>
  <c r="K2860" i="5" s="1"/>
  <c r="O2860" i="5" s="1"/>
  <c r="K2035" i="2"/>
  <c r="K2009" i="5" s="1"/>
  <c r="O2009" i="5" s="1"/>
  <c r="K2853" i="2"/>
  <c r="K2827" i="5" s="1"/>
  <c r="O2827" i="5" s="1"/>
  <c r="K2195" i="2"/>
  <c r="K2169" i="5" s="1"/>
  <c r="O2169" i="5" s="1"/>
  <c r="K5868" i="2"/>
  <c r="K5842" i="5" s="1"/>
  <c r="O5842" i="5" s="1"/>
  <c r="K4218" i="2"/>
  <c r="K4192" i="5" s="1"/>
  <c r="O4192" i="5" s="1"/>
  <c r="K3380" i="2"/>
  <c r="K3354" i="5" s="1"/>
  <c r="O3354" i="5" s="1"/>
  <c r="K5046" i="2"/>
  <c r="K5020" i="5" s="1"/>
  <c r="O5020" i="5" s="1"/>
  <c r="K6217" i="2"/>
  <c r="K6191" i="5" s="1"/>
  <c r="O6191" i="5" s="1"/>
  <c r="K6393" i="2"/>
  <c r="K6367" i="5" s="1"/>
  <c r="O6367" i="5" s="1"/>
  <c r="K2861" i="2"/>
  <c r="K2835" i="5" s="1"/>
  <c r="O2835" i="5" s="1"/>
  <c r="K2538" i="2"/>
  <c r="K2512" i="5" s="1"/>
  <c r="O2512" i="5" s="1"/>
  <c r="K2020" i="2"/>
  <c r="K1994" i="5" s="1"/>
  <c r="O1994" i="5" s="1"/>
  <c r="K7250" i="2"/>
  <c r="K7224" i="5" s="1"/>
  <c r="O7224" i="5" s="1"/>
  <c r="K8091" i="2"/>
  <c r="K8065" i="5" s="1"/>
  <c r="O8065" i="5" s="1"/>
  <c r="K5698" i="2"/>
  <c r="K5672" i="5" s="1"/>
  <c r="O5672" i="5" s="1"/>
  <c r="K6733" i="2"/>
  <c r="K6707" i="5" s="1"/>
  <c r="O6707" i="5" s="1"/>
  <c r="K3890" i="2"/>
  <c r="K3864" i="5" s="1"/>
  <c r="O3864" i="5" s="1"/>
  <c r="K4198" i="2"/>
  <c r="K4172" i="5" s="1"/>
  <c r="O4172" i="5" s="1"/>
  <c r="K1865" i="2"/>
  <c r="K1839" i="5" s="1"/>
  <c r="O1839" i="5" s="1"/>
  <c r="K163" i="2"/>
  <c r="K137" i="5" s="1"/>
  <c r="O137" i="5" s="1"/>
  <c r="K6240" i="2"/>
  <c r="K6214" i="5" s="1"/>
  <c r="O6214" i="5" s="1"/>
  <c r="K1334" i="2"/>
  <c r="K1308" i="5" s="1"/>
  <c r="O1308" i="5" s="1"/>
  <c r="K6551" i="2"/>
  <c r="K6525" i="5" s="1"/>
  <c r="O6525" i="5" s="1"/>
  <c r="K6579" i="2"/>
  <c r="K6553" i="5" s="1"/>
  <c r="O6553" i="5" s="1"/>
  <c r="K6404" i="2"/>
  <c r="K6378" i="5" s="1"/>
  <c r="O6378" i="5" s="1"/>
  <c r="K7884" i="2"/>
  <c r="K7858" i="5" s="1"/>
  <c r="O7858" i="5" s="1"/>
  <c r="K4231" i="2"/>
  <c r="K4205" i="5" s="1"/>
  <c r="O4205" i="5" s="1"/>
  <c r="K4865" i="2"/>
  <c r="K4839" i="5" s="1"/>
  <c r="O4839" i="5" s="1"/>
  <c r="K3854" i="2"/>
  <c r="K3828" i="5" s="1"/>
  <c r="O3828" i="5" s="1"/>
  <c r="K863" i="2"/>
  <c r="K837" i="5" s="1"/>
  <c r="O837" i="5" s="1"/>
  <c r="K7732" i="2"/>
  <c r="K7706" i="5" s="1"/>
  <c r="O7706" i="5" s="1"/>
  <c r="K2033" i="2"/>
  <c r="K2007" i="5" s="1"/>
  <c r="O2007" i="5" s="1"/>
  <c r="K1866" i="2"/>
  <c r="K1840" i="5" s="1"/>
  <c r="O1840" i="5" s="1"/>
  <c r="K8231" i="2"/>
  <c r="K8205" i="5" s="1"/>
  <c r="O8205" i="5" s="1"/>
  <c r="K3525" i="2"/>
  <c r="K3499" i="5" s="1"/>
  <c r="O3499" i="5" s="1"/>
  <c r="K2851" i="2"/>
  <c r="K2825" i="5" s="1"/>
  <c r="O2825" i="5" s="1"/>
  <c r="K7753" i="2"/>
  <c r="K7727" i="5" s="1"/>
  <c r="O7727" i="5" s="1"/>
  <c r="K8387" i="2"/>
  <c r="K8361" i="5" s="1"/>
  <c r="O8361" i="5" s="1"/>
  <c r="K6903" i="2"/>
  <c r="K6877" i="5" s="1"/>
  <c r="O6877" i="5" s="1"/>
  <c r="K835" i="2"/>
  <c r="K809" i="5" s="1"/>
  <c r="O809" i="5" s="1"/>
  <c r="K5393" i="2"/>
  <c r="K5367" i="5" s="1"/>
  <c r="O5367" i="5" s="1"/>
  <c r="K8233" i="2"/>
  <c r="K8207" i="5" s="1"/>
  <c r="O8207" i="5" s="1"/>
  <c r="K6560" i="2"/>
  <c r="K6534" i="5" s="1"/>
  <c r="O6534" i="5" s="1"/>
  <c r="K699" i="2"/>
  <c r="K673" i="5" s="1"/>
  <c r="O673" i="5" s="1"/>
  <c r="K7916" i="2"/>
  <c r="K7890" i="5" s="1"/>
  <c r="O7890" i="5" s="1"/>
  <c r="K1843" i="2"/>
  <c r="K1817" i="5" s="1"/>
  <c r="O1817" i="5" s="1"/>
  <c r="K7087" i="2"/>
  <c r="K7061" i="5" s="1"/>
  <c r="O7061" i="5" s="1"/>
  <c r="K3046" i="2"/>
  <c r="K3020" i="5" s="1"/>
  <c r="O3020" i="5" s="1"/>
  <c r="K1011" i="2"/>
  <c r="K985" i="5" s="1"/>
  <c r="O985" i="5" s="1"/>
  <c r="K8244" i="2"/>
  <c r="K8218" i="5" s="1"/>
  <c r="O8218" i="5" s="1"/>
  <c r="K8397" i="2"/>
  <c r="K8371" i="5" s="1"/>
  <c r="O8371" i="5" s="1"/>
  <c r="K200" i="2"/>
  <c r="K174" i="5" s="1"/>
  <c r="O174" i="5" s="1"/>
  <c r="K4035" i="2"/>
  <c r="K4009" i="5" s="1"/>
  <c r="O4009" i="5" s="1"/>
  <c r="K1855" i="2"/>
  <c r="K1829" i="5" s="1"/>
  <c r="O1829" i="5" s="1"/>
  <c r="K4019" i="2"/>
  <c r="K3993" i="5" s="1"/>
  <c r="O3993" i="5" s="1"/>
  <c r="K4722" i="2"/>
  <c r="K4696" i="5" s="1"/>
  <c r="O4696" i="5" s="1"/>
  <c r="K1028" i="2"/>
  <c r="K1002" i="5" s="1"/>
  <c r="O1002" i="5" s="1"/>
  <c r="K1023" i="2"/>
  <c r="K997" i="5" s="1"/>
  <c r="O997" i="5" s="1"/>
  <c r="K1868" i="2"/>
  <c r="K1842" i="5" s="1"/>
  <c r="O1842" i="5" s="1"/>
  <c r="K4359" i="2"/>
  <c r="K4333" i="5" s="1"/>
  <c r="O4333" i="5" s="1"/>
  <c r="K1200" i="2"/>
  <c r="K1174" i="5" s="1"/>
  <c r="O1174" i="5" s="1"/>
  <c r="K8585" i="2"/>
  <c r="K8559" i="5" s="1"/>
  <c r="O8559" i="5" s="1"/>
  <c r="K3729" i="2"/>
  <c r="K3703" i="5" s="1"/>
  <c r="O3703" i="5" s="1"/>
  <c r="K7737" i="2"/>
  <c r="K7711" i="5" s="1"/>
  <c r="O7711" i="5" s="1"/>
  <c r="K2212" i="2"/>
  <c r="K2186" i="5" s="1"/>
  <c r="O2186" i="5" s="1"/>
  <c r="K6207" i="2"/>
  <c r="K6181" i="5" s="1"/>
  <c r="O6181" i="5" s="1"/>
  <c r="K5534" i="2"/>
  <c r="K5508" i="5" s="1"/>
  <c r="O5508" i="5" s="1"/>
  <c r="K4900" i="2"/>
  <c r="K4874" i="5" s="1"/>
  <c r="O4874" i="5" s="1"/>
  <c r="K3184" i="2"/>
  <c r="K3158" i="5" s="1"/>
  <c r="O3158" i="5" s="1"/>
  <c r="K6378" i="2"/>
  <c r="K6352" i="5" s="1"/>
  <c r="O6352" i="5" s="1"/>
  <c r="K6747" i="2"/>
  <c r="K6721" i="5" s="1"/>
  <c r="O6721" i="5" s="1"/>
  <c r="K2707" i="2"/>
  <c r="K2681" i="5" s="1"/>
  <c r="O2681" i="5" s="1"/>
  <c r="K3035" i="2"/>
  <c r="K3009" i="5" s="1"/>
  <c r="O3009" i="5" s="1"/>
  <c r="K1007" i="2"/>
  <c r="K981" i="5" s="1"/>
  <c r="O981" i="5" s="1"/>
  <c r="K166" i="2"/>
  <c r="K140" i="5" s="1"/>
  <c r="O140" i="5" s="1"/>
  <c r="K3013" i="2"/>
  <c r="K2987" i="5" s="1"/>
  <c r="O2987" i="5" s="1"/>
  <c r="K3190" i="2"/>
  <c r="K3164" i="5" s="1"/>
  <c r="O3164" i="5" s="1"/>
  <c r="K8228" i="2"/>
  <c r="K8202" i="5" s="1"/>
  <c r="O8202" i="5" s="1"/>
  <c r="K6068" i="2"/>
  <c r="K6042" i="5" s="1"/>
  <c r="O6042" i="5" s="1"/>
  <c r="K1686" i="2"/>
  <c r="K1660" i="5" s="1"/>
  <c r="O1660" i="5" s="1"/>
  <c r="K7727" i="2"/>
  <c r="K7701" i="5" s="1"/>
  <c r="O7701" i="5" s="1"/>
  <c r="K3558" i="2"/>
  <c r="K3532" i="5" s="1"/>
  <c r="O3532" i="5" s="1"/>
  <c r="K6056" i="2"/>
  <c r="K6030" i="5" s="1"/>
  <c r="O6030" i="5" s="1"/>
  <c r="K332" i="2"/>
  <c r="K306" i="5" s="1"/>
  <c r="O306" i="5" s="1"/>
  <c r="K8752" i="2"/>
  <c r="K8726" i="5" s="1"/>
  <c r="O8726" i="5" s="1"/>
  <c r="K2347" i="2"/>
  <c r="K2321" i="5" s="1"/>
  <c r="O2321" i="5" s="1"/>
  <c r="K3545" i="2"/>
  <c r="K3519" i="5" s="1"/>
  <c r="O3519" i="5" s="1"/>
  <c r="K3196" i="2"/>
  <c r="K3170" i="5" s="1"/>
  <c r="O3170" i="5" s="1"/>
  <c r="K6057" i="2"/>
  <c r="K6031" i="5" s="1"/>
  <c r="O6031" i="5" s="1"/>
  <c r="K2887" i="2"/>
  <c r="K2861" i="5" s="1"/>
  <c r="O2861" i="5" s="1"/>
  <c r="K4370" i="2"/>
  <c r="K4344" i="5" s="1"/>
  <c r="O4344" i="5" s="1"/>
  <c r="K504" i="2"/>
  <c r="K478" i="5" s="1"/>
  <c r="O478" i="5" s="1"/>
  <c r="K5042" i="2"/>
  <c r="K5016" i="5" s="1"/>
  <c r="O5016" i="5" s="1"/>
  <c r="K3891" i="2"/>
  <c r="K3865" i="5" s="1"/>
  <c r="O3865" i="5" s="1"/>
  <c r="K7417" i="2"/>
  <c r="K7391" i="5" s="1"/>
  <c r="O7391" i="5" s="1"/>
  <c r="K7549" i="2"/>
  <c r="K7523" i="5" s="1"/>
  <c r="O7523" i="5" s="1"/>
  <c r="K7054" i="2"/>
  <c r="K7028" i="5" s="1"/>
  <c r="O7028" i="5" s="1"/>
  <c r="K5212" i="2"/>
  <c r="K5186" i="5" s="1"/>
  <c r="O5186" i="5" s="1"/>
  <c r="K7907" i="2"/>
  <c r="K7881" i="5" s="1"/>
  <c r="O7881" i="5" s="1"/>
  <c r="K7906" i="2"/>
  <c r="K7880" i="5" s="1"/>
  <c r="O7880" i="5" s="1"/>
  <c r="K4056" i="2"/>
  <c r="K4030" i="5" s="1"/>
  <c r="O4030" i="5" s="1"/>
  <c r="K7726" i="2"/>
  <c r="K7700" i="5" s="1"/>
  <c r="O7700" i="5" s="1"/>
  <c r="K2711" i="2"/>
  <c r="K2685" i="5" s="1"/>
  <c r="O2685" i="5" s="1"/>
  <c r="K1679" i="2"/>
  <c r="K1653" i="5" s="1"/>
  <c r="O1653" i="5" s="1"/>
  <c r="K4565" i="2"/>
  <c r="K4539" i="5" s="1"/>
  <c r="O4539" i="5" s="1"/>
  <c r="K3707" i="2"/>
  <c r="K3681" i="5" s="1"/>
  <c r="O3681" i="5" s="1"/>
  <c r="K6074" i="2"/>
  <c r="K6048" i="5" s="1"/>
  <c r="O6048" i="5" s="1"/>
  <c r="K6406" i="2"/>
  <c r="K6380" i="5" s="1"/>
  <c r="O6380" i="5" s="1"/>
  <c r="K2882" i="2"/>
  <c r="K2856" i="5" s="1"/>
  <c r="O2856" i="5" s="1"/>
  <c r="K5369" i="2"/>
  <c r="K5343" i="5" s="1"/>
  <c r="O5343" i="5" s="1"/>
  <c r="K8576" i="2"/>
  <c r="K8550" i="5" s="1"/>
  <c r="O8550" i="5" s="1"/>
  <c r="K2524" i="2"/>
  <c r="K2498" i="5" s="1"/>
  <c r="O2498" i="5" s="1"/>
  <c r="K3705" i="2"/>
  <c r="K3679" i="5" s="1"/>
  <c r="O3679" i="5" s="1"/>
  <c r="K4887" i="2"/>
  <c r="K4861" i="5" s="1"/>
  <c r="O4861" i="5" s="1"/>
  <c r="K4888" i="2"/>
  <c r="K4862" i="5" s="1"/>
  <c r="O4862" i="5" s="1"/>
  <c r="K6908" i="2"/>
  <c r="K6882" i="5" s="1"/>
  <c r="O6882" i="5" s="1"/>
  <c r="K7562" i="2"/>
  <c r="K7536" i="5" s="1"/>
  <c r="O7536" i="5" s="1"/>
  <c r="K4734" i="2"/>
  <c r="K4708" i="5" s="1"/>
  <c r="O4708" i="5" s="1"/>
  <c r="K6383" i="2"/>
  <c r="K6357" i="5" s="1"/>
  <c r="O6357" i="5" s="1"/>
  <c r="K6893" i="2"/>
  <c r="K6867" i="5" s="1"/>
  <c r="O6867" i="5" s="1"/>
  <c r="K5362" i="2"/>
  <c r="K5336" i="5" s="1"/>
  <c r="O5336" i="5" s="1"/>
  <c r="K357" i="2"/>
  <c r="K331" i="5" s="1"/>
  <c r="O331" i="5" s="1"/>
  <c r="K154" i="2"/>
  <c r="K128" i="5" s="1"/>
  <c r="O128" i="5" s="1"/>
  <c r="K7049" i="2"/>
  <c r="K7023" i="5" s="1"/>
  <c r="O7023" i="5" s="1"/>
  <c r="K1710" i="2"/>
  <c r="K1684" i="5" s="1"/>
  <c r="O1684" i="5" s="1"/>
  <c r="K5725" i="2"/>
  <c r="K5699" i="5" s="1"/>
  <c r="O5699" i="5" s="1"/>
  <c r="K701" i="2"/>
  <c r="K675" i="5" s="1"/>
  <c r="O675" i="5" s="1"/>
  <c r="K4720" i="2"/>
  <c r="K4694" i="5" s="1"/>
  <c r="O4694" i="5" s="1"/>
  <c r="K3719" i="2"/>
  <c r="K3693" i="5" s="1"/>
  <c r="O3693" i="5" s="1"/>
  <c r="K841" i="2"/>
  <c r="K815" i="5" s="1"/>
  <c r="O815" i="5" s="1"/>
  <c r="K6720" i="2"/>
  <c r="K6694" i="5" s="1"/>
  <c r="O6694" i="5" s="1"/>
  <c r="K6042" i="2"/>
  <c r="K6016" i="5" s="1"/>
  <c r="O6016" i="5" s="1"/>
  <c r="K4719" i="2"/>
  <c r="K4693" i="5" s="1"/>
  <c r="O4693" i="5" s="1"/>
  <c r="K5716" i="2"/>
  <c r="K5690" i="5" s="1"/>
  <c r="O5690" i="5" s="1"/>
  <c r="K3685" i="2"/>
  <c r="K3659" i="5" s="1"/>
  <c r="O3659" i="5" s="1"/>
  <c r="K2340" i="2"/>
  <c r="K2314" i="5" s="1"/>
  <c r="O2314" i="5" s="1"/>
  <c r="K491" i="2"/>
  <c r="K465" i="5" s="1"/>
  <c r="O465" i="5" s="1"/>
  <c r="K3554" i="2"/>
  <c r="K3528" i="5" s="1"/>
  <c r="O3528" i="5" s="1"/>
  <c r="K5717" i="2"/>
  <c r="K5691" i="5" s="1"/>
  <c r="O5691" i="5" s="1"/>
  <c r="K7055" i="2"/>
  <c r="K7029" i="5" s="1"/>
  <c r="O7029" i="5" s="1"/>
  <c r="K8245" i="2"/>
  <c r="K8219" i="5" s="1"/>
  <c r="O8219" i="5" s="1"/>
  <c r="K3521" i="2"/>
  <c r="K3495" i="5" s="1"/>
  <c r="O3495" i="5" s="1"/>
  <c r="K4377" i="2"/>
  <c r="K4351" i="5" s="1"/>
  <c r="O4351" i="5" s="1"/>
  <c r="K5241" i="2"/>
  <c r="K5215" i="5" s="1"/>
  <c r="O5215" i="5" s="1"/>
  <c r="K1873" i="2"/>
  <c r="K1847" i="5" s="1"/>
  <c r="O1847" i="5" s="1"/>
  <c r="K3369" i="2"/>
  <c r="K3343" i="5" s="1"/>
  <c r="O3343" i="5" s="1"/>
  <c r="K5391" i="2"/>
  <c r="K5365" i="5" s="1"/>
  <c r="O5365" i="5" s="1"/>
  <c r="K5227" i="2"/>
  <c r="K5201" i="5" s="1"/>
  <c r="O5201" i="5" s="1"/>
  <c r="K513" i="2"/>
  <c r="K487" i="5" s="1"/>
  <c r="O487" i="5" s="1"/>
  <c r="K7061" i="2"/>
  <c r="K7035" i="5" s="1"/>
  <c r="O7035" i="5" s="1"/>
  <c r="K6078" i="2"/>
  <c r="K6052" i="5" s="1"/>
  <c r="O6052" i="5" s="1"/>
  <c r="K172" i="2"/>
  <c r="K146" i="5" s="1"/>
  <c r="O146" i="5" s="1"/>
  <c r="K6571" i="2"/>
  <c r="K6545" i="5" s="1"/>
  <c r="O6545" i="5" s="1"/>
  <c r="K8728" i="2"/>
  <c r="K8702" i="5" s="1"/>
  <c r="O8702" i="5" s="1"/>
  <c r="K7416" i="2"/>
  <c r="K7390" i="5" s="1"/>
  <c r="O7390" i="5" s="1"/>
  <c r="K7405" i="2"/>
  <c r="K7379" i="5" s="1"/>
  <c r="O7379" i="5" s="1"/>
  <c r="K1867" i="2"/>
  <c r="K1841" i="5" s="1"/>
  <c r="O1841" i="5" s="1"/>
  <c r="K1670" i="2"/>
  <c r="K1644" i="5" s="1"/>
  <c r="O1644" i="5" s="1"/>
  <c r="K2360" i="2"/>
  <c r="K2334" i="5" s="1"/>
  <c r="O2334" i="5" s="1"/>
  <c r="K5541" i="2"/>
  <c r="K5515" i="5" s="1"/>
  <c r="O5515" i="5" s="1"/>
  <c r="K3202" i="2"/>
  <c r="K3176" i="5" s="1"/>
  <c r="O3176" i="5" s="1"/>
  <c r="K1529" i="2"/>
  <c r="K1503" i="5" s="1"/>
  <c r="O1503" i="5" s="1"/>
  <c r="K2338" i="2"/>
  <c r="K2312" i="5" s="1"/>
  <c r="O2312" i="5" s="1"/>
  <c r="K5873" i="2"/>
  <c r="K5847" i="5" s="1"/>
  <c r="O5847" i="5" s="1"/>
  <c r="K3010" i="2"/>
  <c r="K2984" i="5" s="1"/>
  <c r="O2984" i="5" s="1"/>
  <c r="K8261" i="2"/>
  <c r="K8235" i="5" s="1"/>
  <c r="O8235" i="5" s="1"/>
  <c r="K7080" i="2"/>
  <c r="K7054" i="5" s="1"/>
  <c r="O7054" i="5" s="1"/>
  <c r="K4358" i="2"/>
  <c r="K4332" i="5" s="1"/>
  <c r="O4332" i="5" s="1"/>
  <c r="K6538" i="2"/>
  <c r="K6512" i="5" s="1"/>
  <c r="O6512" i="5" s="1"/>
  <c r="K7388" i="2"/>
  <c r="K7362" i="5" s="1"/>
  <c r="O7362" i="5" s="1"/>
  <c r="K4870" i="2"/>
  <c r="K4844" i="5" s="1"/>
  <c r="O4844" i="5" s="1"/>
  <c r="K3894" i="2"/>
  <c r="K3868" i="5" s="1"/>
  <c r="O3868" i="5" s="1"/>
  <c r="K2376" i="2"/>
  <c r="K2350" i="5" s="1"/>
  <c r="O2350" i="5" s="1"/>
  <c r="K6581" i="2"/>
  <c r="K6555" i="5" s="1"/>
  <c r="O6555" i="5" s="1"/>
  <c r="K8562" i="2"/>
  <c r="K8536" i="5" s="1"/>
  <c r="O8536" i="5" s="1"/>
  <c r="K7564" i="2"/>
  <c r="K7538" i="5" s="1"/>
  <c r="O7538" i="5" s="1"/>
  <c r="K8591" i="2"/>
  <c r="K8565" i="5" s="1"/>
  <c r="O8565" i="5" s="1"/>
  <c r="K1027" i="2"/>
  <c r="K1001" i="5" s="1"/>
  <c r="O1001" i="5" s="1"/>
  <c r="K7078" i="2"/>
  <c r="K7052" i="5" s="1"/>
  <c r="O7052" i="5" s="1"/>
  <c r="K7059" i="2"/>
  <c r="K7033" i="5" s="1"/>
  <c r="O7033" i="5" s="1"/>
  <c r="K5543" i="2"/>
  <c r="K5517" i="5" s="1"/>
  <c r="O5517" i="5" s="1"/>
  <c r="K2363" i="2"/>
  <c r="K2337" i="5" s="1"/>
  <c r="O2337" i="5" s="1"/>
  <c r="K6732" i="2"/>
  <c r="K6706" i="5" s="1"/>
  <c r="O6706" i="5" s="1"/>
  <c r="K7046" i="2"/>
  <c r="K7020" i="5" s="1"/>
  <c r="O7020" i="5" s="1"/>
  <c r="K7887" i="2"/>
  <c r="K7861" i="5" s="1"/>
  <c r="O7861" i="5" s="1"/>
  <c r="K4699" i="2"/>
  <c r="K4673" i="5" s="1"/>
  <c r="O4673" i="5" s="1"/>
  <c r="K363" i="2"/>
  <c r="K337" i="5" s="1"/>
  <c r="O337" i="5" s="1"/>
  <c r="K1338" i="2"/>
  <c r="K1312" i="5" s="1"/>
  <c r="O1312" i="5" s="1"/>
  <c r="K5531" i="2"/>
  <c r="K5505" i="5" s="1"/>
  <c r="O5505" i="5" s="1"/>
  <c r="K4690" i="2"/>
  <c r="K4664" i="5" s="1"/>
  <c r="O4664" i="5" s="1"/>
  <c r="K2842" i="2"/>
  <c r="K2816" i="5" s="1"/>
  <c r="O2816" i="5" s="1"/>
  <c r="K828" i="2"/>
  <c r="K802" i="5" s="1"/>
  <c r="O802" i="5" s="1"/>
  <c r="K2173" i="2"/>
  <c r="K2147" i="5" s="1"/>
  <c r="O2147" i="5" s="1"/>
  <c r="K8579" i="2"/>
  <c r="K8553" i="5" s="1"/>
  <c r="O8553" i="5" s="1"/>
  <c r="K5547" i="2"/>
  <c r="K5521" i="5" s="1"/>
  <c r="O5521" i="5" s="1"/>
  <c r="K5196" i="2"/>
  <c r="K5170" i="5" s="1"/>
  <c r="O5170" i="5" s="1"/>
  <c r="K4034" i="2"/>
  <c r="K4008" i="5" s="1"/>
  <c r="O4008" i="5" s="1"/>
  <c r="K171" i="2"/>
  <c r="K145" i="5" s="1"/>
  <c r="O145" i="5" s="1"/>
  <c r="K5237" i="2"/>
  <c r="K5211" i="5" s="1"/>
  <c r="O5211" i="5" s="1"/>
  <c r="K2868" i="2"/>
  <c r="K2842" i="5" s="1"/>
  <c r="O2842" i="5" s="1"/>
  <c r="K4194" i="2"/>
  <c r="K4168" i="5" s="1"/>
  <c r="O4168" i="5" s="1"/>
  <c r="K5382" i="2"/>
  <c r="K5356" i="5" s="1"/>
  <c r="O5356" i="5" s="1"/>
  <c r="K3526" i="2"/>
  <c r="K3500" i="5" s="1"/>
  <c r="O3500" i="5" s="1"/>
  <c r="K6385" i="2"/>
  <c r="K6359" i="5" s="1"/>
  <c r="O6359" i="5" s="1"/>
  <c r="K4379" i="2"/>
  <c r="K4353" i="5" s="1"/>
  <c r="O4353" i="5" s="1"/>
  <c r="K3193" i="2"/>
  <c r="K3167" i="5" s="1"/>
  <c r="O3167" i="5" s="1"/>
  <c r="K1016" i="2"/>
  <c r="K990" i="5" s="1"/>
  <c r="O990" i="5" s="1"/>
  <c r="K3856" i="2"/>
  <c r="K3830" i="5" s="1"/>
  <c r="O3830" i="5" s="1"/>
  <c r="K4189" i="2"/>
  <c r="K4163" i="5" s="1"/>
  <c r="O4163" i="5" s="1"/>
  <c r="K2863" i="2"/>
  <c r="K2837" i="5" s="1"/>
  <c r="O2837" i="5" s="1"/>
  <c r="K4559" i="2"/>
  <c r="K4533" i="5" s="1"/>
  <c r="O4533" i="5" s="1"/>
  <c r="K3726" i="2"/>
  <c r="K3700" i="5" s="1"/>
  <c r="O3700" i="5" s="1"/>
  <c r="K4867" i="2"/>
  <c r="K4841" i="5" s="1"/>
  <c r="O4841" i="5" s="1"/>
  <c r="K6380" i="2"/>
  <c r="K6354" i="5" s="1"/>
  <c r="O6354" i="5" s="1"/>
  <c r="K7740" i="2"/>
  <c r="K7714" i="5" s="1"/>
  <c r="O7714" i="5" s="1"/>
  <c r="K6381" i="2"/>
  <c r="K6355" i="5" s="1"/>
  <c r="O6355" i="5" s="1"/>
  <c r="K2362" i="2"/>
  <c r="K2336" i="5" s="1"/>
  <c r="O2336" i="5" s="1"/>
  <c r="K7584" i="2"/>
  <c r="K7558" i="5" s="1"/>
  <c r="O7558" i="5" s="1"/>
  <c r="K2373" i="2"/>
  <c r="K2347" i="5" s="1"/>
  <c r="O2347" i="5" s="1"/>
  <c r="K838" i="2"/>
  <c r="K812" i="5" s="1"/>
  <c r="O812" i="5" s="1"/>
  <c r="K4706" i="2"/>
  <c r="K4680" i="5" s="1"/>
  <c r="O4680" i="5" s="1"/>
  <c r="K2186" i="2"/>
  <c r="K2160" i="5" s="1"/>
  <c r="O2160" i="5" s="1"/>
  <c r="K5568" i="2"/>
  <c r="K5542" i="5" s="1"/>
  <c r="O5542" i="5" s="1"/>
  <c r="K4692" i="2"/>
  <c r="K4666" i="5" s="1"/>
  <c r="O4666" i="5" s="1"/>
  <c r="K6585" i="2"/>
  <c r="K6559" i="5" s="1"/>
  <c r="O6559" i="5" s="1"/>
  <c r="K8052" i="2"/>
  <c r="K8026" i="5" s="1"/>
  <c r="O8026" i="5" s="1"/>
  <c r="K8748" i="2"/>
  <c r="K8722" i="5" s="1"/>
  <c r="O8722" i="5" s="1"/>
  <c r="K5220" i="2"/>
  <c r="K5194" i="5" s="1"/>
  <c r="O5194" i="5" s="1"/>
  <c r="K7715" i="2"/>
  <c r="K7689" i="5" s="1"/>
  <c r="O7689" i="5" s="1"/>
  <c r="K8430" i="2"/>
  <c r="K8404" i="5" s="1"/>
  <c r="O8404" i="5" s="1"/>
  <c r="K5047" i="2"/>
  <c r="K5021" i="5" s="1"/>
  <c r="O5021" i="5" s="1"/>
  <c r="K995" i="2"/>
  <c r="K969" i="5" s="1"/>
  <c r="O969" i="5" s="1"/>
  <c r="K343" i="2"/>
  <c r="K317" i="5" s="1"/>
  <c r="O317" i="5" s="1"/>
  <c r="K3700" i="2"/>
  <c r="K3674" i="5" s="1"/>
  <c r="O3674" i="5" s="1"/>
  <c r="K4733" i="2"/>
  <c r="K4707" i="5" s="1"/>
  <c r="O4707" i="5" s="1"/>
  <c r="K8735" i="2"/>
  <c r="K8709" i="5" s="1"/>
  <c r="O8709" i="5" s="1"/>
  <c r="K4395" i="2"/>
  <c r="K4369" i="5" s="1"/>
  <c r="O4369" i="5" s="1"/>
  <c r="K7574" i="2"/>
  <c r="K7548" i="5" s="1"/>
  <c r="O7548" i="5" s="1"/>
  <c r="K6719" i="2"/>
  <c r="K6693" i="5" s="1"/>
  <c r="O6693" i="5" s="1"/>
  <c r="K1668" i="2"/>
  <c r="K1642" i="5" s="1"/>
  <c r="O1642" i="5" s="1"/>
  <c r="K7910" i="2"/>
  <c r="K7884" i="5" s="1"/>
  <c r="O7884" i="5" s="1"/>
  <c r="K340" i="2"/>
  <c r="K314" i="5" s="1"/>
  <c r="O314" i="5" s="1"/>
  <c r="K3216" i="2"/>
  <c r="K3190" i="5" s="1"/>
  <c r="O3190" i="5" s="1"/>
  <c r="K684" i="2"/>
  <c r="K658" i="5" s="1"/>
  <c r="O658" i="5" s="1"/>
  <c r="K3018" i="2"/>
  <c r="K2992" i="5" s="1"/>
  <c r="O2992" i="5" s="1"/>
  <c r="K670" i="2"/>
  <c r="K644" i="5" s="1"/>
  <c r="O644" i="5" s="1"/>
  <c r="K8765" i="2"/>
  <c r="K8739" i="5" s="1"/>
  <c r="O8739" i="5" s="1"/>
  <c r="K994" i="2"/>
  <c r="K968" i="5" s="1"/>
  <c r="O968" i="5" s="1"/>
  <c r="K694" i="2"/>
  <c r="K668" i="5" s="1"/>
  <c r="O668" i="5" s="1"/>
  <c r="K6218" i="2"/>
  <c r="K6192" i="5" s="1"/>
  <c r="O6192" i="5" s="1"/>
  <c r="K3181" i="2"/>
  <c r="K3155" i="5" s="1"/>
  <c r="O3155" i="5" s="1"/>
  <c r="K7728" i="2"/>
  <c r="K7702" i="5" s="1"/>
  <c r="O7702" i="5" s="1"/>
  <c r="K1841" i="2"/>
  <c r="K1815" i="5" s="1"/>
  <c r="O1815" i="5" s="1"/>
  <c r="K2718" i="2"/>
  <c r="K2692" i="5" s="1"/>
  <c r="O2692" i="5" s="1"/>
  <c r="K1702" i="2"/>
  <c r="K1676" i="5" s="1"/>
  <c r="O1676" i="5" s="1"/>
  <c r="K3218" i="2"/>
  <c r="K3192" i="5" s="1"/>
  <c r="O3192" i="5" s="1"/>
  <c r="K2341" i="2"/>
  <c r="K2315" i="5" s="1"/>
  <c r="O2315" i="5" s="1"/>
  <c r="K8750" i="2"/>
  <c r="K8724" i="5" s="1"/>
  <c r="O8724" i="5" s="1"/>
  <c r="K5053" i="2"/>
  <c r="K5027" i="5" s="1"/>
  <c r="O5027" i="5" s="1"/>
  <c r="K1524" i="2"/>
  <c r="K1498" i="5" s="1"/>
  <c r="O1498" i="5" s="1"/>
  <c r="K7915" i="2"/>
  <c r="K7889" i="5" s="1"/>
  <c r="O7889" i="5" s="1"/>
  <c r="K6063" i="2"/>
  <c r="K6037" i="5" s="1"/>
  <c r="O6037" i="5" s="1"/>
  <c r="K7052" i="2"/>
  <c r="K7026" i="5" s="1"/>
  <c r="O7026" i="5" s="1"/>
  <c r="K5720" i="2"/>
  <c r="K5694" i="5" s="1"/>
  <c r="O5694" i="5" s="1"/>
  <c r="K5072" i="2"/>
  <c r="K5046" i="5" s="1"/>
  <c r="O5046" i="5" s="1"/>
  <c r="K3546" i="2"/>
  <c r="K3520" i="5" s="1"/>
  <c r="O3520" i="5" s="1"/>
  <c r="K351" i="2"/>
  <c r="K325" i="5" s="1"/>
  <c r="O325" i="5" s="1"/>
  <c r="K6914" i="2"/>
  <c r="K6888" i="5" s="1"/>
  <c r="O6888" i="5" s="1"/>
  <c r="K8560" i="2"/>
  <c r="K8534" i="5" s="1"/>
  <c r="O8534" i="5" s="1"/>
  <c r="K5240" i="2"/>
  <c r="K5214" i="5" s="1"/>
  <c r="O5214" i="5" s="1"/>
  <c r="K7919" i="2"/>
  <c r="K7893" i="5" s="1"/>
  <c r="O7893" i="5" s="1"/>
  <c r="K8409" i="2"/>
  <c r="K8383" i="5" s="1"/>
  <c r="O8383" i="5" s="1"/>
  <c r="K6904" i="2"/>
  <c r="K6878" i="5" s="1"/>
  <c r="O6878" i="5" s="1"/>
  <c r="K4874" i="2"/>
  <c r="K4848" i="5" s="1"/>
  <c r="O4848" i="5" s="1"/>
  <c r="K2009" i="2"/>
  <c r="K1983" i="5" s="1"/>
  <c r="O1983" i="5" s="1"/>
  <c r="K5036" i="2"/>
  <c r="K5010" i="5" s="1"/>
  <c r="O5010" i="5" s="1"/>
  <c r="K666" i="2"/>
  <c r="K640" i="5" s="1"/>
  <c r="O640" i="5" s="1"/>
  <c r="K191" i="2"/>
  <c r="K165" i="5" s="1"/>
  <c r="O165" i="5" s="1"/>
  <c r="K6376" i="2"/>
  <c r="K6350" i="5" s="1"/>
  <c r="O6350" i="5" s="1"/>
  <c r="K1166" i="2"/>
  <c r="K1140" i="5" s="1"/>
  <c r="O1140" i="5" s="1"/>
  <c r="K4224" i="2"/>
  <c r="K4198" i="5" s="1"/>
  <c r="O4198" i="5" s="1"/>
  <c r="K6879" i="2"/>
  <c r="K6853" i="5" s="1"/>
  <c r="O6853" i="5" s="1"/>
  <c r="K7423" i="2"/>
  <c r="K7397" i="5" s="1"/>
  <c r="O7397" i="5" s="1"/>
  <c r="K1369" i="2"/>
  <c r="K1343" i="5" s="1"/>
  <c r="O1343" i="5" s="1"/>
  <c r="K5737" i="2"/>
  <c r="K5711" i="5" s="1"/>
  <c r="O5711" i="5" s="1"/>
  <c r="K5888" i="2"/>
  <c r="K5862" i="5" s="1"/>
  <c r="O5862" i="5" s="1"/>
  <c r="K5885" i="2"/>
  <c r="K5859" i="5" s="1"/>
  <c r="O5859" i="5" s="1"/>
  <c r="K8762" i="2"/>
  <c r="K8736" i="5" s="1"/>
  <c r="O8736" i="5" s="1"/>
  <c r="K1508" i="2"/>
  <c r="K1482" i="5" s="1"/>
  <c r="O1482" i="5" s="1"/>
  <c r="K7741" i="2"/>
  <c r="K7715" i="5" s="1"/>
  <c r="O7715" i="5" s="1"/>
  <c r="K3357" i="2"/>
  <c r="K3331" i="5" s="1"/>
  <c r="O3331" i="5" s="1"/>
  <c r="K4704" i="2"/>
  <c r="K4678" i="5" s="1"/>
  <c r="O4678" i="5" s="1"/>
  <c r="K3370" i="2"/>
  <c r="K3344" i="5" s="1"/>
  <c r="O3344" i="5" s="1"/>
  <c r="K1537" i="2"/>
  <c r="K1511" i="5" s="1"/>
  <c r="O1511" i="5" s="1"/>
  <c r="K2690" i="2"/>
  <c r="K2664" i="5" s="1"/>
  <c r="O2664" i="5" s="1"/>
  <c r="K2343" i="2"/>
  <c r="K2317" i="5" s="1"/>
  <c r="O2317" i="5" s="1"/>
  <c r="K4901" i="2"/>
  <c r="K4875" i="5" s="1"/>
  <c r="O4875" i="5" s="1"/>
  <c r="K361" i="2"/>
  <c r="K335" i="5" s="1"/>
  <c r="O335" i="5" s="1"/>
  <c r="K826" i="2"/>
  <c r="K800" i="5" s="1"/>
  <c r="O800" i="5" s="1"/>
  <c r="K2699" i="2"/>
  <c r="K2673" i="5" s="1"/>
  <c r="O2673" i="5" s="1"/>
  <c r="K7076" i="2"/>
  <c r="K7050" i="5" s="1"/>
  <c r="O7050" i="5" s="1"/>
  <c r="K3368" i="2"/>
  <c r="K3342" i="5" s="1"/>
  <c r="O3342" i="5" s="1"/>
  <c r="K3012" i="2"/>
  <c r="K2986" i="5" s="1"/>
  <c r="O2986" i="5" s="1"/>
  <c r="K871" i="2"/>
  <c r="K845" i="5" s="1"/>
  <c r="O845" i="5" s="1"/>
  <c r="K5373" i="2"/>
  <c r="K5347" i="5" s="1"/>
  <c r="O5347" i="5" s="1"/>
  <c r="K7411" i="2"/>
  <c r="K7385" i="5" s="1"/>
  <c r="O7385" i="5" s="1"/>
  <c r="K4879" i="2"/>
  <c r="K4853" i="5" s="1"/>
  <c r="O4853" i="5" s="1"/>
  <c r="K2883" i="2"/>
  <c r="K2857" i="5" s="1"/>
  <c r="O2857" i="5" s="1"/>
  <c r="K4725" i="2"/>
  <c r="K4699" i="5" s="1"/>
  <c r="O4699" i="5" s="1"/>
  <c r="K2049" i="2"/>
  <c r="K2023" i="5" s="1"/>
  <c r="O2023" i="5" s="1"/>
  <c r="K5554" i="2"/>
  <c r="K5528" i="5" s="1"/>
  <c r="O5528" i="5" s="1"/>
  <c r="K8394" i="2"/>
  <c r="K8368" i="5" s="1"/>
  <c r="O8368" i="5" s="1"/>
  <c r="K3857" i="2"/>
  <c r="K3831" i="5" s="1"/>
  <c r="O3831" i="5" s="1"/>
  <c r="K325" i="2"/>
  <c r="K299" i="5" s="1"/>
  <c r="O299" i="5" s="1"/>
  <c r="K2345" i="2"/>
  <c r="K2319" i="5" s="1"/>
  <c r="O2319" i="5" s="1"/>
  <c r="K1862" i="2"/>
  <c r="K1836" i="5" s="1"/>
  <c r="O1836" i="5" s="1"/>
  <c r="K7754" i="2"/>
  <c r="K7728" i="5" s="1"/>
  <c r="O7728" i="5" s="1"/>
  <c r="K7394" i="2"/>
  <c r="K7368" i="5" s="1"/>
  <c r="O7368" i="5" s="1"/>
  <c r="K8388" i="2"/>
  <c r="K8362" i="5" s="1"/>
  <c r="O8362" i="5" s="1"/>
  <c r="K6745" i="2"/>
  <c r="K6719" i="5" s="1"/>
  <c r="O6719" i="5" s="1"/>
  <c r="K4709" i="2"/>
  <c r="K4683" i="5" s="1"/>
  <c r="O4683" i="5" s="1"/>
  <c r="K5721" i="2"/>
  <c r="K5695" i="5" s="1"/>
  <c r="O5695" i="5" s="1"/>
  <c r="K832" i="2"/>
  <c r="K806" i="5" s="1"/>
  <c r="O806" i="5" s="1"/>
  <c r="K6043" i="2"/>
  <c r="K6017" i="5" s="1"/>
  <c r="O6017" i="5" s="1"/>
  <c r="K6248" i="2"/>
  <c r="K6222" i="5" s="1"/>
  <c r="O6222" i="5" s="1"/>
  <c r="K2720" i="2"/>
  <c r="K2694" i="5" s="1"/>
  <c r="O2694" i="5" s="1"/>
  <c r="K2867" i="2"/>
  <c r="K2841" i="5" s="1"/>
  <c r="O2841" i="5" s="1"/>
  <c r="K2180" i="2"/>
  <c r="K2154" i="5" s="1"/>
  <c r="O2154" i="5" s="1"/>
  <c r="K6411" i="2"/>
  <c r="K6385" i="5" s="1"/>
  <c r="O6385" i="5" s="1"/>
  <c r="K6582" i="2"/>
  <c r="K6556" i="5" s="1"/>
  <c r="O6556" i="5" s="1"/>
  <c r="K5570" i="2"/>
  <c r="K5544" i="5" s="1"/>
  <c r="O5544" i="5" s="1"/>
  <c r="K702" i="2"/>
  <c r="K676" i="5" s="1"/>
  <c r="O676" i="5" s="1"/>
  <c r="K2716" i="2"/>
  <c r="K2690" i="5" s="1"/>
  <c r="O2690" i="5" s="1"/>
  <c r="K8390" i="2"/>
  <c r="K8364" i="5" s="1"/>
  <c r="O8364" i="5" s="1"/>
  <c r="K7582" i="2"/>
  <c r="K7556" i="5" s="1"/>
  <c r="O7556" i="5" s="1"/>
  <c r="K4539" i="2"/>
  <c r="K4513" i="5" s="1"/>
  <c r="O4513" i="5" s="1"/>
  <c r="K3178" i="2"/>
  <c r="K3152" i="5" s="1"/>
  <c r="O3152" i="5" s="1"/>
  <c r="K155" i="2"/>
  <c r="K129" i="5" s="1"/>
  <c r="O129" i="5" s="1"/>
  <c r="K6751" i="2"/>
  <c r="K6725" i="5" s="1"/>
  <c r="O6725" i="5" s="1"/>
  <c r="K8739" i="2"/>
  <c r="K8713" i="5" s="1"/>
  <c r="O8713" i="5" s="1"/>
  <c r="K6877" i="2"/>
  <c r="K6851" i="5" s="1"/>
  <c r="O6851" i="5" s="1"/>
  <c r="K8236" i="2"/>
  <c r="K8210" i="5" s="1"/>
  <c r="O8210" i="5" s="1"/>
  <c r="K2356" i="2"/>
  <c r="K2330" i="5" s="1"/>
  <c r="O2330" i="5" s="1"/>
  <c r="K2041" i="2"/>
  <c r="K2015" i="5" s="1"/>
  <c r="O2015" i="5" s="1"/>
  <c r="K3191" i="2"/>
  <c r="K3165" i="5" s="1"/>
  <c r="O3165" i="5" s="1"/>
  <c r="K1022" i="2"/>
  <c r="K996" i="5" s="1"/>
  <c r="O996" i="5" s="1"/>
  <c r="K492" i="2"/>
  <c r="K466" i="5" s="1"/>
  <c r="O466" i="5" s="1"/>
  <c r="K5904" i="2"/>
  <c r="K5878" i="5" s="1"/>
  <c r="O5878" i="5" s="1"/>
  <c r="K2028" i="2"/>
  <c r="K2002" i="5" s="1"/>
  <c r="O2002" i="5" s="1"/>
  <c r="K3211" i="2"/>
  <c r="K3185" i="5" s="1"/>
  <c r="O3185" i="5" s="1"/>
  <c r="K7890" i="2"/>
  <c r="K7864" i="5" s="1"/>
  <c r="O7864" i="5" s="1"/>
  <c r="K3878" i="2"/>
  <c r="K3852" i="5" s="1"/>
  <c r="O3852" i="5" s="1"/>
  <c r="K1038" i="2"/>
  <c r="K1012" i="5" s="1"/>
  <c r="O1012" i="5" s="1"/>
  <c r="K1178" i="2"/>
  <c r="K1152" i="5" s="1"/>
  <c r="O1152" i="5" s="1"/>
  <c r="K3056" i="2"/>
  <c r="K3030" i="5" s="1"/>
  <c r="O3030" i="5" s="1"/>
  <c r="K4062" i="2"/>
  <c r="K4036" i="5" s="1"/>
  <c r="O4036" i="5" s="1"/>
  <c r="K7928" i="2"/>
  <c r="K7902" i="5" s="1"/>
  <c r="O7902" i="5" s="1"/>
  <c r="K5224" i="2"/>
  <c r="K5198" i="5" s="1"/>
  <c r="O5198" i="5" s="1"/>
  <c r="K8412" i="2"/>
  <c r="K8386" i="5" s="1"/>
  <c r="O8386" i="5" s="1"/>
  <c r="K3689" i="2"/>
  <c r="K3663" i="5" s="1"/>
  <c r="O3663" i="5" s="1"/>
  <c r="K6744" i="2"/>
  <c r="K6718" i="5" s="1"/>
  <c r="O6718" i="5" s="1"/>
  <c r="K4041" i="2"/>
  <c r="K4015" i="5" s="1"/>
  <c r="O4015" i="5" s="1"/>
  <c r="K5207" i="2"/>
  <c r="K5181" i="5" s="1"/>
  <c r="O5181" i="5" s="1"/>
  <c r="K8415" i="2"/>
  <c r="K8389" i="5" s="1"/>
  <c r="O8389" i="5" s="1"/>
  <c r="K6373" i="2"/>
  <c r="K6347" i="5" s="1"/>
  <c r="O6347" i="5" s="1"/>
  <c r="K8062" i="2"/>
  <c r="K8036" i="5" s="1"/>
  <c r="O8036" i="5" s="1"/>
  <c r="K7379" i="2"/>
  <c r="K7353" i="5" s="1"/>
  <c r="O7353" i="5" s="1"/>
  <c r="K495" i="2"/>
  <c r="K469" i="5" s="1"/>
  <c r="O469" i="5" s="1"/>
  <c r="K698" i="2"/>
  <c r="K672" i="5" s="1"/>
  <c r="O672" i="5" s="1"/>
  <c r="K2712" i="2"/>
  <c r="K2686" i="5" s="1"/>
  <c r="O2686" i="5" s="1"/>
  <c r="K6897" i="2"/>
  <c r="K6871" i="5" s="1"/>
  <c r="O6871" i="5" s="1"/>
  <c r="K2367" i="2"/>
  <c r="K2341" i="5" s="1"/>
  <c r="O2341" i="5" s="1"/>
  <c r="K5905" i="2"/>
  <c r="K5879" i="5" s="1"/>
  <c r="O5879" i="5" s="1"/>
  <c r="K7752" i="2"/>
  <c r="K7726" i="5" s="1"/>
  <c r="O7726" i="5" s="1"/>
  <c r="K6389" i="2"/>
  <c r="K6363" i="5" s="1"/>
  <c r="O6363" i="5" s="1"/>
  <c r="K8219" i="2"/>
  <c r="K8193" i="5" s="1"/>
  <c r="O8193" i="5" s="1"/>
  <c r="K7409" i="2"/>
  <c r="K7383" i="5" s="1"/>
  <c r="O7383" i="5" s="1"/>
  <c r="K3541" i="2"/>
  <c r="K3515" i="5" s="1"/>
  <c r="O3515" i="5" s="1"/>
  <c r="K7227" i="2"/>
  <c r="K7201" i="5" s="1"/>
  <c r="O7201" i="5" s="1"/>
  <c r="K6558" i="2"/>
  <c r="K6532" i="5" s="1"/>
  <c r="O6532" i="5" s="1"/>
  <c r="K4374" i="2"/>
  <c r="K4348" i="5" s="1"/>
  <c r="O4348" i="5" s="1"/>
  <c r="K4028" i="2"/>
  <c r="K4002" i="5" s="1"/>
  <c r="O4002" i="5" s="1"/>
  <c r="K5197" i="2"/>
  <c r="K5171" i="5" s="1"/>
  <c r="O5171" i="5" s="1"/>
  <c r="K2547" i="2"/>
  <c r="K2521" i="5" s="1"/>
  <c r="O2521" i="5" s="1"/>
  <c r="K8239" i="2"/>
  <c r="K8213" i="5" s="1"/>
  <c r="O8213" i="5" s="1"/>
  <c r="K4369" i="2"/>
  <c r="K4343" i="5" s="1"/>
  <c r="O4343" i="5" s="1"/>
  <c r="K8417" i="2"/>
  <c r="K8391" i="5" s="1"/>
  <c r="O8391" i="5" s="1"/>
  <c r="K336" i="2"/>
  <c r="K310" i="5" s="1"/>
  <c r="O310" i="5" s="1"/>
  <c r="K7882" i="2"/>
  <c r="K7856" i="5" s="1"/>
  <c r="O7856" i="5" s="1"/>
  <c r="K1353" i="2"/>
  <c r="K1327" i="5" s="1"/>
  <c r="O1327" i="5" s="1"/>
  <c r="K322" i="2"/>
  <c r="K296" i="5" s="1"/>
  <c r="O296" i="5" s="1"/>
  <c r="K5899" i="2"/>
  <c r="K5873" i="5" s="1"/>
  <c r="O5873" i="5" s="1"/>
  <c r="K690" i="2"/>
  <c r="K664" i="5" s="1"/>
  <c r="O664" i="5" s="1"/>
  <c r="K8237" i="2"/>
  <c r="K8211" i="5" s="1"/>
  <c r="O8211" i="5" s="1"/>
  <c r="K5890" i="2"/>
  <c r="K5864" i="5" s="1"/>
  <c r="O5864" i="5" s="1"/>
  <c r="K6066" i="2"/>
  <c r="K6040" i="5" s="1"/>
  <c r="O6040" i="5" s="1"/>
  <c r="K4225" i="2"/>
  <c r="K4199" i="5" s="1"/>
  <c r="O4199" i="5" s="1"/>
  <c r="K1170" i="2"/>
  <c r="K1144" i="5" s="1"/>
  <c r="O1144" i="5" s="1"/>
  <c r="K8767" i="2"/>
  <c r="K8741" i="5" s="1"/>
  <c r="O8741" i="5" s="1"/>
  <c r="K4391" i="2"/>
  <c r="K4365" i="5" s="1"/>
  <c r="O4365" i="5" s="1"/>
  <c r="K3353" i="2"/>
  <c r="K3327" i="5" s="1"/>
  <c r="O3327" i="5" s="1"/>
  <c r="K1209" i="2"/>
  <c r="K1183" i="5" s="1"/>
  <c r="O1183" i="5" s="1"/>
  <c r="K3723" i="2"/>
  <c r="K3697" i="5" s="1"/>
  <c r="O3697" i="5" s="1"/>
  <c r="K530" i="2"/>
  <c r="K504" i="5" s="1"/>
  <c r="O504" i="5" s="1"/>
  <c r="K2855" i="2"/>
  <c r="K2829" i="5" s="1"/>
  <c r="O2829" i="5" s="1"/>
  <c r="K1352" i="2"/>
  <c r="K1326" i="5" s="1"/>
  <c r="O1326" i="5" s="1"/>
  <c r="K2034" i="2"/>
  <c r="K2008" i="5" s="1"/>
  <c r="O2008" i="5" s="1"/>
  <c r="K5894" i="2"/>
  <c r="K5868" i="5" s="1"/>
  <c r="O5868" i="5" s="1"/>
  <c r="K1343" i="2"/>
  <c r="K1317" i="5" s="1"/>
  <c r="O1317" i="5" s="1"/>
  <c r="K3192" i="2"/>
  <c r="K3166" i="5" s="1"/>
  <c r="O3166" i="5" s="1"/>
  <c r="K5713" i="2"/>
  <c r="K5687" i="5" s="1"/>
  <c r="O5687" i="5" s="1"/>
  <c r="K2361" i="2"/>
  <c r="K2335" i="5" s="1"/>
  <c r="O2335" i="5" s="1"/>
  <c r="K5068" i="2"/>
  <c r="K5042" i="5" s="1"/>
  <c r="O5042" i="5" s="1"/>
  <c r="K2354" i="2"/>
  <c r="K2328" i="5" s="1"/>
  <c r="O2328" i="5" s="1"/>
  <c r="K6222" i="2"/>
  <c r="K6196" i="5" s="1"/>
  <c r="O6196" i="5" s="1"/>
  <c r="K7551" i="2"/>
  <c r="K7525" i="5" s="1"/>
  <c r="O7525" i="5" s="1"/>
  <c r="K8571" i="2"/>
  <c r="K8545" i="5" s="1"/>
  <c r="O8545" i="5" s="1"/>
  <c r="K703" i="2"/>
  <c r="K677" i="5" s="1"/>
  <c r="O677" i="5" s="1"/>
  <c r="K6566" i="2"/>
  <c r="K6540" i="5" s="1"/>
  <c r="O6540" i="5" s="1"/>
  <c r="K7921" i="2"/>
  <c r="K7895" i="5" s="1"/>
  <c r="O7895" i="5" s="1"/>
  <c r="K3213" i="2"/>
  <c r="K3187" i="5" s="1"/>
  <c r="O3187" i="5" s="1"/>
  <c r="K5401" i="2"/>
  <c r="K5375" i="5" s="1"/>
  <c r="O5375" i="5" s="1"/>
  <c r="K7242" i="2"/>
  <c r="K7216" i="5" s="1"/>
  <c r="O7216" i="5" s="1"/>
  <c r="K4356" i="2"/>
  <c r="K4330" i="5" s="1"/>
  <c r="O4330" i="5" s="1"/>
  <c r="K5040" i="2"/>
  <c r="K5014" i="5" s="1"/>
  <c r="O5014" i="5" s="1"/>
  <c r="K8555" i="2"/>
  <c r="K8529" i="5" s="1"/>
  <c r="O8529" i="5" s="1"/>
  <c r="K7068" i="2"/>
  <c r="K7042" i="5" s="1"/>
  <c r="O7042" i="5" s="1"/>
  <c r="K7400" i="2"/>
  <c r="K7374" i="5" s="1"/>
  <c r="O7374" i="5" s="1"/>
  <c r="K1002" i="2"/>
  <c r="K976" i="5" s="1"/>
  <c r="O976" i="5" s="1"/>
  <c r="K999" i="2"/>
  <c r="K973" i="5" s="1"/>
  <c r="O973" i="5" s="1"/>
  <c r="K3038" i="2"/>
  <c r="K3012" i="5" s="1"/>
  <c r="O3012" i="5" s="1"/>
  <c r="K6548" i="2"/>
  <c r="K6522" i="5" s="1"/>
  <c r="O6522" i="5" s="1"/>
  <c r="K1350" i="2"/>
  <c r="K1324" i="5" s="1"/>
  <c r="O1324" i="5" s="1"/>
  <c r="K3359" i="2"/>
  <c r="K3333" i="5" s="1"/>
  <c r="O3333" i="5" s="1"/>
  <c r="K4905" i="2"/>
  <c r="K4879" i="5" s="1"/>
  <c r="O4879" i="5" s="1"/>
  <c r="K3349" i="2"/>
  <c r="K3323" i="5" s="1"/>
  <c r="O3323" i="5" s="1"/>
  <c r="K6050" i="2"/>
  <c r="K6024" i="5" s="1"/>
  <c r="O6024" i="5" s="1"/>
  <c r="K5048" i="2"/>
  <c r="K5022" i="5" s="1"/>
  <c r="O5022" i="5" s="1"/>
  <c r="K5569" i="2"/>
  <c r="K5543" i="5" s="1"/>
  <c r="O5543" i="5" s="1"/>
  <c r="K8406" i="2"/>
  <c r="K8380" i="5" s="1"/>
  <c r="O8380" i="5" s="1"/>
  <c r="K3206" i="2"/>
  <c r="K3180" i="5" s="1"/>
  <c r="O3180" i="5" s="1"/>
  <c r="K6243" i="2"/>
  <c r="K6217" i="5" s="1"/>
  <c r="O6217" i="5" s="1"/>
  <c r="K8425" i="2"/>
  <c r="K8399" i="5" s="1"/>
  <c r="O8399" i="5" s="1"/>
  <c r="K6410" i="2"/>
  <c r="K6384" i="5" s="1"/>
  <c r="O6384" i="5" s="1"/>
  <c r="K8561" i="2"/>
  <c r="K8535" i="5" s="1"/>
  <c r="O8535" i="5" s="1"/>
  <c r="K8753" i="2"/>
  <c r="K8727" i="5" s="1"/>
  <c r="O8727" i="5" s="1"/>
  <c r="K5370" i="2"/>
  <c r="K5344" i="5" s="1"/>
  <c r="O5344" i="5" s="1"/>
  <c r="K5870" i="2"/>
  <c r="K5844" i="5" s="1"/>
  <c r="O5844" i="5" s="1"/>
  <c r="K169" i="2"/>
  <c r="K143" i="5" s="1"/>
  <c r="O143" i="5" s="1"/>
  <c r="K1519" i="2"/>
  <c r="K1493" i="5" s="1"/>
  <c r="O1493" i="5" s="1"/>
  <c r="K2015" i="2"/>
  <c r="K1989" i="5" s="1"/>
  <c r="O1989" i="5" s="1"/>
  <c r="K2182" i="2"/>
  <c r="K2156" i="5" s="1"/>
  <c r="O2156" i="5" s="1"/>
  <c r="K7237" i="2"/>
  <c r="K7211" i="5" s="1"/>
  <c r="O7211" i="5" s="1"/>
  <c r="K8096" i="2"/>
  <c r="K8070" i="5" s="1"/>
  <c r="O8070" i="5" s="1"/>
  <c r="K1851" i="2"/>
  <c r="K1825" i="5" s="1"/>
  <c r="O1825" i="5" s="1"/>
  <c r="K5198" i="2"/>
  <c r="K5172" i="5" s="1"/>
  <c r="O5172" i="5" s="1"/>
  <c r="K192" i="2"/>
  <c r="K166" i="5" s="1"/>
  <c r="O166" i="5" s="1"/>
  <c r="K1009" i="2"/>
  <c r="K983" i="5" s="1"/>
  <c r="O983" i="5" s="1"/>
  <c r="K3054" i="2"/>
  <c r="K3028" i="5" s="1"/>
  <c r="O3028" i="5" s="1"/>
  <c r="K6578" i="2"/>
  <c r="K6552" i="5" s="1"/>
  <c r="O6552" i="5" s="1"/>
  <c r="K7065" i="2"/>
  <c r="K7039" i="5" s="1"/>
  <c r="O7039" i="5" s="1"/>
  <c r="K6549" i="2"/>
  <c r="K6523" i="5" s="1"/>
  <c r="O6523" i="5" s="1"/>
  <c r="K4366" i="2"/>
  <c r="K4340" i="5" s="1"/>
  <c r="O4340" i="5" s="1"/>
  <c r="K5887" i="2"/>
  <c r="K5861" i="5" s="1"/>
  <c r="O5861" i="5" s="1"/>
  <c r="K5893" i="2"/>
  <c r="K5867" i="5" s="1"/>
  <c r="O5867" i="5" s="1"/>
  <c r="K6907" i="2"/>
  <c r="K6881" i="5" s="1"/>
  <c r="O6881" i="5" s="1"/>
  <c r="K2857" i="2"/>
  <c r="K2831" i="5" s="1"/>
  <c r="O2831" i="5" s="1"/>
  <c r="K671" i="2"/>
  <c r="K645" i="5" s="1"/>
  <c r="O645" i="5" s="1"/>
  <c r="K3875" i="2"/>
  <c r="K3849" i="5" s="1"/>
  <c r="O3849" i="5" s="1"/>
  <c r="K6058" i="2"/>
  <c r="K6032" i="5" s="1"/>
  <c r="O6032" i="5" s="1"/>
  <c r="K4195" i="2"/>
  <c r="K4169" i="5" s="1"/>
  <c r="O4169" i="5" s="1"/>
  <c r="K7419" i="2"/>
  <c r="K7393" i="5" s="1"/>
  <c r="O7393" i="5" s="1"/>
  <c r="K8257" i="2"/>
  <c r="K8231" i="5" s="1"/>
  <c r="O8231" i="5" s="1"/>
  <c r="K5363" i="2"/>
  <c r="K5337" i="5" s="1"/>
  <c r="O5337" i="5" s="1"/>
  <c r="K1368" i="2"/>
  <c r="K1342" i="5" s="1"/>
  <c r="O1342" i="5" s="1"/>
  <c r="K1678" i="2"/>
  <c r="K1652" i="5" s="1"/>
  <c r="O1652" i="5" s="1"/>
  <c r="K2873" i="2"/>
  <c r="K2847" i="5" s="1"/>
  <c r="O2847" i="5" s="1"/>
  <c r="K8761" i="2"/>
  <c r="K8735" i="5" s="1"/>
  <c r="O8735" i="5" s="1"/>
  <c r="K2191" i="2"/>
  <c r="K2165" i="5" s="1"/>
  <c r="O2165" i="5" s="1"/>
  <c r="K855" i="2"/>
  <c r="K829" i="5" s="1"/>
  <c r="O829" i="5" s="1"/>
  <c r="K4020" i="2"/>
  <c r="K3994" i="5" s="1"/>
  <c r="O3994" i="5" s="1"/>
  <c r="K352" i="2"/>
  <c r="K326" i="5" s="1"/>
  <c r="O326" i="5" s="1"/>
  <c r="K3859" i="2"/>
  <c r="K3833" i="5" s="1"/>
  <c r="O3833" i="5" s="1"/>
  <c r="K8227" i="2"/>
  <c r="K8201" i="5" s="1"/>
  <c r="O8201" i="5" s="1"/>
  <c r="K5553" i="2"/>
  <c r="K5527" i="5" s="1"/>
  <c r="O5527" i="5" s="1"/>
  <c r="K1362" i="2"/>
  <c r="K1336" i="5" s="1"/>
  <c r="O1336" i="5" s="1"/>
  <c r="K1010" i="2"/>
  <c r="K984" i="5" s="1"/>
  <c r="O984" i="5" s="1"/>
  <c r="K3866" i="2"/>
  <c r="K3840" i="5" s="1"/>
  <c r="O3840" i="5" s="1"/>
  <c r="K6071" i="2"/>
  <c r="K6045" i="5" s="1"/>
  <c r="O6045" i="5" s="1"/>
  <c r="K344" i="2"/>
  <c r="K318" i="5" s="1"/>
  <c r="O318" i="5" s="1"/>
  <c r="K4886" i="2"/>
  <c r="K4860" i="5" s="1"/>
  <c r="O4860" i="5" s="1"/>
  <c r="K8727" i="2"/>
  <c r="K8701" i="5" s="1"/>
  <c r="O8701" i="5" s="1"/>
  <c r="K1674" i="2"/>
  <c r="K1648" i="5" s="1"/>
  <c r="O1648" i="5" s="1"/>
  <c r="K1669" i="2"/>
  <c r="K1643" i="5" s="1"/>
  <c r="O1643" i="5" s="1"/>
  <c r="K1169" i="2"/>
  <c r="K1143" i="5" s="1"/>
  <c r="O1143" i="5" s="1"/>
  <c r="K1533" i="2"/>
  <c r="K1507" i="5" s="1"/>
  <c r="O1507" i="5" s="1"/>
  <c r="K6206" i="2"/>
  <c r="K6180" i="5" s="1"/>
  <c r="O6180" i="5" s="1"/>
  <c r="K5706" i="2"/>
  <c r="K5680" i="5" s="1"/>
  <c r="O5680" i="5" s="1"/>
  <c r="K8242" i="2"/>
  <c r="K8216" i="5" s="1"/>
  <c r="O8216" i="5" s="1"/>
  <c r="K3682" i="2"/>
  <c r="K3656" i="5" s="1"/>
  <c r="O3656" i="5" s="1"/>
  <c r="K4061" i="2"/>
  <c r="K4035" i="5" s="1"/>
  <c r="O4035" i="5" s="1"/>
  <c r="K4872" i="2"/>
  <c r="K4846" i="5" s="1"/>
  <c r="O4846" i="5" s="1"/>
  <c r="K5035" i="2"/>
  <c r="K5009" i="5" s="1"/>
  <c r="O5009" i="5" s="1"/>
  <c r="K7384" i="2"/>
  <c r="K7358" i="5" s="1"/>
  <c r="O7358" i="5" s="1"/>
  <c r="K5041" i="2"/>
  <c r="K5015" i="5" s="1"/>
  <c r="O5015" i="5" s="1"/>
  <c r="K503" i="2"/>
  <c r="K477" i="5" s="1"/>
  <c r="O477" i="5" s="1"/>
  <c r="K836" i="2"/>
  <c r="K810" i="5" s="1"/>
  <c r="O810" i="5" s="1"/>
  <c r="K2545" i="2"/>
  <c r="K2519" i="5" s="1"/>
  <c r="O2519" i="5" s="1"/>
  <c r="K1527" i="2"/>
  <c r="K1501" i="5" s="1"/>
  <c r="O1501" i="5" s="1"/>
  <c r="K1187" i="2"/>
  <c r="K1161" i="5" s="1"/>
  <c r="O1161" i="5" s="1"/>
  <c r="K4063" i="2"/>
  <c r="K4037" i="5" s="1"/>
  <c r="O4037" i="5" s="1"/>
  <c r="K3023" i="2"/>
  <c r="K2997" i="5" s="1"/>
  <c r="O2997" i="5" s="1"/>
  <c r="K3053" i="2"/>
  <c r="K3027" i="5" s="1"/>
  <c r="O3027" i="5" s="1"/>
  <c r="K3696" i="2"/>
  <c r="K3670" i="5" s="1"/>
  <c r="O3670" i="5" s="1"/>
  <c r="K8590" i="2"/>
  <c r="K8564" i="5" s="1"/>
  <c r="O8564" i="5" s="1"/>
  <c r="K7253" i="2"/>
  <c r="K7227" i="5" s="1"/>
  <c r="O7227" i="5" s="1"/>
  <c r="K1860" i="2"/>
  <c r="K1834" i="5" s="1"/>
  <c r="O1834" i="5" s="1"/>
  <c r="K5058" i="2"/>
  <c r="K5032" i="5" s="1"/>
  <c r="O5032" i="5" s="1"/>
  <c r="K5724" i="2"/>
  <c r="K5698" i="5" s="1"/>
  <c r="O5698" i="5" s="1"/>
  <c r="K2187" i="2"/>
  <c r="K2161" i="5" s="1"/>
  <c r="O2161" i="5" s="1"/>
  <c r="K1691" i="2"/>
  <c r="K1665" i="5" s="1"/>
  <c r="O1665" i="5" s="1"/>
  <c r="K5734" i="2"/>
  <c r="K5708" i="5" s="1"/>
  <c r="O5708" i="5" s="1"/>
  <c r="K4701" i="2"/>
  <c r="K4675" i="5" s="1"/>
  <c r="O4675" i="5" s="1"/>
  <c r="K3187" i="2"/>
  <c r="K3161" i="5" s="1"/>
  <c r="O3161" i="5" s="1"/>
  <c r="K7588" i="2"/>
  <c r="K7562" i="5" s="1"/>
  <c r="O7562" i="5" s="1"/>
  <c r="K1195" i="2"/>
  <c r="K1169" i="5" s="1"/>
  <c r="O1169" i="5" s="1"/>
  <c r="K8395" i="2"/>
  <c r="K8369" i="5" s="1"/>
  <c r="O8369" i="5" s="1"/>
  <c r="K6382" i="2"/>
  <c r="K6356" i="5" s="1"/>
  <c r="O6356" i="5" s="1"/>
  <c r="K5912" i="2"/>
  <c r="K5886" i="5" s="1"/>
  <c r="O5886" i="5" s="1"/>
  <c r="K4040" i="2"/>
  <c r="K4014" i="5" s="1"/>
  <c r="O4014" i="5" s="1"/>
  <c r="K7725" i="2"/>
  <c r="K7699" i="5" s="1"/>
  <c r="O7699" i="5" s="1"/>
  <c r="K4712" i="2"/>
  <c r="K4686" i="5" s="1"/>
  <c r="O4686" i="5" s="1"/>
  <c r="K5550" i="2"/>
  <c r="K5524" i="5" s="1"/>
  <c r="O5524" i="5" s="1"/>
  <c r="K8599" i="2"/>
  <c r="K8573" i="5" s="1"/>
  <c r="O8573" i="5" s="1"/>
  <c r="K197" i="2"/>
  <c r="K171" i="5" s="1"/>
  <c r="O171" i="5" s="1"/>
  <c r="K3209" i="2"/>
  <c r="K3183" i="5" s="1"/>
  <c r="O3183" i="5" s="1"/>
  <c r="K4540" i="2"/>
  <c r="K4514" i="5" s="1"/>
  <c r="O4514" i="5" s="1"/>
  <c r="K7570" i="2"/>
  <c r="K7544" i="5" s="1"/>
  <c r="O7544" i="5" s="1"/>
  <c r="K6552" i="2"/>
  <c r="K6526" i="5" s="1"/>
  <c r="O6526" i="5" s="1"/>
  <c r="K7385" i="2"/>
  <c r="K7359" i="5" s="1"/>
  <c r="O7359" i="5" s="1"/>
  <c r="K1029" i="2"/>
  <c r="K1003" i="5" s="1"/>
  <c r="O1003" i="5" s="1"/>
  <c r="K7579" i="2"/>
  <c r="K7553" i="5" s="1"/>
  <c r="O7553" i="5" s="1"/>
  <c r="K2178" i="2"/>
  <c r="K2152" i="5" s="1"/>
  <c r="O2152" i="5" s="1"/>
  <c r="K5045" i="2"/>
  <c r="K5019" i="5" s="1"/>
  <c r="O5019" i="5" s="1"/>
  <c r="K5577" i="2"/>
  <c r="K5551" i="5" s="1"/>
  <c r="O5551" i="5" s="1"/>
  <c r="K7071" i="2"/>
  <c r="K7045" i="5" s="1"/>
  <c r="O7045" i="5" s="1"/>
  <c r="K8583" i="2"/>
  <c r="K8557" i="5" s="1"/>
  <c r="O8557" i="5" s="1"/>
  <c r="K6910" i="2"/>
  <c r="K6884" i="5" s="1"/>
  <c r="O6884" i="5" s="1"/>
  <c r="K2676" i="2"/>
  <c r="K2650" i="5" s="1"/>
  <c r="O2650" i="5" s="1"/>
  <c r="K1516" i="2"/>
  <c r="K1490" i="5" s="1"/>
  <c r="O1490" i="5" s="1"/>
  <c r="K2717" i="2"/>
  <c r="K2691" i="5" s="1"/>
  <c r="O2691" i="5" s="1"/>
  <c r="K3017" i="2"/>
  <c r="K2991" i="5" s="1"/>
  <c r="O2991" i="5" s="1"/>
  <c r="K1712" i="2"/>
  <c r="K1686" i="5" s="1"/>
  <c r="O1686" i="5" s="1"/>
  <c r="K663" i="2"/>
  <c r="K637" i="5" s="1"/>
  <c r="O637" i="5" s="1"/>
  <c r="K4023" i="2"/>
  <c r="K3997" i="5" s="1"/>
  <c r="O3997" i="5" s="1"/>
  <c r="K6717" i="2"/>
  <c r="K6691" i="5" s="1"/>
  <c r="O6691" i="5" s="1"/>
  <c r="K533" i="2"/>
  <c r="K507" i="5" s="1"/>
  <c r="O507" i="5" s="1"/>
  <c r="K7085" i="2"/>
  <c r="K7059" i="5" s="1"/>
  <c r="O7059" i="5" s="1"/>
  <c r="K1848" i="2"/>
  <c r="K1822" i="5" s="1"/>
  <c r="O1822" i="5" s="1"/>
  <c r="K1500" i="2"/>
  <c r="K1474" i="5" s="1"/>
  <c r="O1474" i="5" s="1"/>
  <c r="K8763" i="2"/>
  <c r="K8737" i="5" s="1"/>
  <c r="O8737" i="5" s="1"/>
  <c r="K2196" i="2"/>
  <c r="K2170" i="5" s="1"/>
  <c r="O2170" i="5" s="1"/>
  <c r="K5576" i="2"/>
  <c r="K5550" i="5" s="1"/>
  <c r="O5550" i="5" s="1"/>
  <c r="K7917" i="2"/>
  <c r="K7891" i="5" s="1"/>
  <c r="O7891" i="5" s="1"/>
  <c r="K342" i="2"/>
  <c r="K316" i="5" s="1"/>
  <c r="O316" i="5" s="1"/>
  <c r="K6544" i="2"/>
  <c r="K6518" i="5" s="1"/>
  <c r="O6518" i="5" s="1"/>
  <c r="K831" i="2"/>
  <c r="K805" i="5" s="1"/>
  <c r="O805" i="5" s="1"/>
  <c r="K5367" i="2"/>
  <c r="K5341" i="5" s="1"/>
  <c r="O5341" i="5" s="1"/>
  <c r="K3534" i="2"/>
  <c r="K3508" i="5" s="1"/>
  <c r="O3508" i="5" s="1"/>
  <c r="K6573" i="2"/>
  <c r="K6547" i="5" s="1"/>
  <c r="O6547" i="5" s="1"/>
  <c r="K846" i="2"/>
  <c r="K820" i="5" s="1"/>
  <c r="O820" i="5" s="1"/>
  <c r="K6390" i="2"/>
  <c r="K6364" i="5" s="1"/>
  <c r="O6364" i="5" s="1"/>
  <c r="K536" i="2"/>
  <c r="K510" i="5" s="1"/>
  <c r="O510" i="5" s="1"/>
  <c r="K4212" i="2"/>
  <c r="K4186" i="5" s="1"/>
  <c r="O4186" i="5" s="1"/>
  <c r="K6402" i="2"/>
  <c r="K6376" i="5" s="1"/>
  <c r="O6376" i="5" s="1"/>
  <c r="K1000" i="2"/>
  <c r="K974" i="5" s="1"/>
  <c r="O974" i="5" s="1"/>
  <c r="K5228" i="2"/>
  <c r="K5202" i="5" s="1"/>
  <c r="O5202" i="5" s="1"/>
  <c r="K3552" i="2"/>
  <c r="K3526" i="5" s="1"/>
  <c r="O3526" i="5" s="1"/>
  <c r="K7929" i="2"/>
  <c r="K7903" i="5" s="1"/>
  <c r="O7903" i="5" s="1"/>
  <c r="K853" i="2"/>
  <c r="K827" i="5" s="1"/>
  <c r="O827" i="5" s="1"/>
  <c r="K2382" i="2"/>
  <c r="K2356" i="5" s="1"/>
  <c r="O2356" i="5" s="1"/>
  <c r="K2192" i="2"/>
  <c r="K2166" i="5" s="1"/>
  <c r="O2166" i="5" s="1"/>
  <c r="K5217" i="2"/>
  <c r="K5191" i="5" s="1"/>
  <c r="O5191" i="5" s="1"/>
  <c r="K3354" i="2"/>
  <c r="K3328" i="5" s="1"/>
  <c r="O3328" i="5" s="1"/>
  <c r="K7408" i="2"/>
  <c r="K7382" i="5" s="1"/>
  <c r="O7382" i="5" s="1"/>
  <c r="K5365" i="2"/>
  <c r="K5339" i="5" s="1"/>
  <c r="O5339" i="5" s="1"/>
  <c r="K867" i="2"/>
  <c r="K841" i="5" s="1"/>
  <c r="O841" i="5" s="1"/>
  <c r="K3701" i="2"/>
  <c r="K3675" i="5" s="1"/>
  <c r="O3675" i="5" s="1"/>
  <c r="K8389" i="2"/>
  <c r="K8363" i="5" s="1"/>
  <c r="O8363" i="5" s="1"/>
  <c r="K7926" i="2"/>
  <c r="K7900" i="5" s="1"/>
  <c r="O7900" i="5" s="1"/>
  <c r="K6242" i="2"/>
  <c r="K6216" i="5" s="1"/>
  <c r="O6216" i="5" s="1"/>
  <c r="K1513" i="2"/>
  <c r="K1487" i="5" s="1"/>
  <c r="O1487" i="5" s="1"/>
  <c r="K2024" i="2"/>
  <c r="K1998" i="5" s="1"/>
  <c r="O1998" i="5" s="1"/>
  <c r="K4546" i="2"/>
  <c r="K4520" i="5" s="1"/>
  <c r="O4520" i="5" s="1"/>
  <c r="K5702" i="2"/>
  <c r="K5676" i="5" s="1"/>
  <c r="O5676" i="5" s="1"/>
  <c r="K3532" i="2"/>
  <c r="K3506" i="5" s="1"/>
  <c r="O3506" i="5" s="1"/>
  <c r="K2357" i="2"/>
  <c r="K2331" i="5" s="1"/>
  <c r="O2331" i="5" s="1"/>
  <c r="K7735" i="2"/>
  <c r="K7709" i="5" s="1"/>
  <c r="O7709" i="5" s="1"/>
  <c r="K7057" i="2"/>
  <c r="K7031" i="5" s="1"/>
  <c r="O7031" i="5" s="1"/>
  <c r="K4728" i="2"/>
  <c r="K4702" i="5" s="1"/>
  <c r="O4702" i="5" s="1"/>
  <c r="K861" i="2"/>
  <c r="K835" i="5" s="1"/>
  <c r="O835" i="5" s="1"/>
  <c r="K8745" i="2"/>
  <c r="K8719" i="5" s="1"/>
  <c r="O8719" i="5" s="1"/>
  <c r="K1344" i="2"/>
  <c r="K1318" i="5" s="1"/>
  <c r="O1318" i="5" s="1"/>
  <c r="K1185" i="2"/>
  <c r="K1159" i="5" s="1"/>
  <c r="O1159" i="5" s="1"/>
  <c r="K8072" i="2"/>
  <c r="K8046" i="5" s="1"/>
  <c r="O8046" i="5" s="1"/>
  <c r="K6081" i="2"/>
  <c r="K6055" i="5" s="1"/>
  <c r="O6055" i="5" s="1"/>
  <c r="K4564" i="2"/>
  <c r="K4538" i="5" s="1"/>
  <c r="O4538" i="5" s="1"/>
  <c r="K7254" i="2"/>
  <c r="K7228" i="5" s="1"/>
  <c r="O7228" i="5" s="1"/>
  <c r="K6415" i="2"/>
  <c r="K6389" i="5" s="1"/>
  <c r="O6389" i="5" s="1"/>
  <c r="K1854" i="2"/>
  <c r="K1828" i="5" s="1"/>
  <c r="O1828" i="5" s="1"/>
  <c r="K3048" i="2"/>
  <c r="K3022" i="5" s="1"/>
  <c r="O3022" i="5" s="1"/>
  <c r="K3687" i="2"/>
  <c r="K3661" i="5" s="1"/>
  <c r="O3661" i="5" s="1"/>
  <c r="K186" i="2"/>
  <c r="K160" i="5" s="1"/>
  <c r="O160" i="5" s="1"/>
  <c r="K8264" i="2"/>
  <c r="K8238" i="5" s="1"/>
  <c r="O8238" i="5" s="1"/>
  <c r="K6061" i="2"/>
  <c r="K6035" i="5" s="1"/>
  <c r="O6035" i="5" s="1"/>
  <c r="K6900" i="2"/>
  <c r="K6874" i="5" s="1"/>
  <c r="O6874" i="5" s="1"/>
  <c r="K525" i="2"/>
  <c r="K499" i="5" s="1"/>
  <c r="O499" i="5" s="1"/>
  <c r="K7731" i="2"/>
  <c r="K7705" i="5" s="1"/>
  <c r="O7705" i="5" s="1"/>
  <c r="K1708" i="2"/>
  <c r="K1682" i="5" s="1"/>
  <c r="O1682" i="5" s="1"/>
  <c r="K3198" i="2"/>
  <c r="K3172" i="5" s="1"/>
  <c r="O3172" i="5" s="1"/>
  <c r="K2003" i="2"/>
  <c r="K1977" i="5" s="1"/>
  <c r="O1977" i="5" s="1"/>
  <c r="K4869" i="2"/>
  <c r="K4843" i="5" s="1"/>
  <c r="O4843" i="5" s="1"/>
  <c r="K3346" i="2"/>
  <c r="K3320" i="5" s="1"/>
  <c r="O3320" i="5" s="1"/>
  <c r="K2181" i="2"/>
  <c r="K2155" i="5" s="1"/>
  <c r="O2155" i="5" s="1"/>
  <c r="K1003" i="2"/>
  <c r="K977" i="5" s="1"/>
  <c r="O977" i="5" s="1"/>
  <c r="K7060" i="2"/>
  <c r="K7034" i="5" s="1"/>
  <c r="O7034" i="5" s="1"/>
  <c r="K5906" i="2"/>
  <c r="K5880" i="5" s="1"/>
  <c r="O5880" i="5" s="1"/>
  <c r="K3514" i="2"/>
  <c r="K3488" i="5" s="1"/>
  <c r="O3488" i="5" s="1"/>
  <c r="K4556" i="2"/>
  <c r="K4530" i="5" s="1"/>
  <c r="O4530" i="5" s="1"/>
  <c r="K1370" i="2"/>
  <c r="K1344" i="5" s="1"/>
  <c r="O1344" i="5" s="1"/>
  <c r="K8259" i="2"/>
  <c r="K8233" i="5" s="1"/>
  <c r="O8233" i="5" s="1"/>
  <c r="K2378" i="2"/>
  <c r="K2352" i="5" s="1"/>
  <c r="O2352" i="5" s="1"/>
  <c r="K1179" i="2"/>
  <c r="K1153" i="5" s="1"/>
  <c r="O1153" i="5" s="1"/>
  <c r="K5558" i="2"/>
  <c r="K5532" i="5" s="1"/>
  <c r="O5532" i="5" s="1"/>
  <c r="K6409" i="2"/>
  <c r="K6383" i="5" s="1"/>
  <c r="O6383" i="5" s="1"/>
  <c r="K4893" i="2"/>
  <c r="K4867" i="5" s="1"/>
  <c r="O4867" i="5" s="1"/>
  <c r="K3224" i="2"/>
  <c r="K3198" i="5" s="1"/>
  <c r="O3198" i="5" s="1"/>
  <c r="K2530" i="2"/>
  <c r="K2504" i="5" s="1"/>
  <c r="O2504" i="5" s="1"/>
  <c r="K4192" i="2"/>
  <c r="K4166" i="5" s="1"/>
  <c r="O4166" i="5" s="1"/>
  <c r="K2871" i="2"/>
  <c r="K2845" i="5" s="1"/>
  <c r="O2845" i="5" s="1"/>
  <c r="K6387" i="2"/>
  <c r="K6361" i="5" s="1"/>
  <c r="O6361" i="5" s="1"/>
  <c r="K8090" i="2"/>
  <c r="K8064" i="5" s="1"/>
  <c r="O8064" i="5" s="1"/>
  <c r="K5069" i="2"/>
  <c r="K5043" i="5" s="1"/>
  <c r="O5043" i="5" s="1"/>
  <c r="K4029" i="2"/>
  <c r="K4003" i="5" s="1"/>
  <c r="O4003" i="5" s="1"/>
  <c r="K4877" i="2"/>
  <c r="K4851" i="5" s="1"/>
  <c r="O4851" i="5" s="1"/>
  <c r="K8733" i="2"/>
  <c r="K8707" i="5" s="1"/>
  <c r="O8707" i="5" s="1"/>
  <c r="K2175" i="2"/>
  <c r="K2149" i="5" s="1"/>
  <c r="O2149" i="5" s="1"/>
  <c r="K2008" i="2"/>
  <c r="K1982" i="5" s="1"/>
  <c r="O1982" i="5" s="1"/>
  <c r="K4707" i="2"/>
  <c r="K4681" i="5" s="1"/>
  <c r="O4681" i="5" s="1"/>
  <c r="K7228" i="2"/>
  <c r="K7202" i="5" s="1"/>
  <c r="O7202" i="5" s="1"/>
  <c r="K5704" i="2"/>
  <c r="K5678" i="5" s="1"/>
  <c r="O5678" i="5" s="1"/>
  <c r="K1530" i="2"/>
  <c r="K1504" i="5" s="1"/>
  <c r="O1504" i="5" s="1"/>
  <c r="K6069" i="2"/>
  <c r="K6043" i="5" s="1"/>
  <c r="O6043" i="5" s="1"/>
  <c r="K4202" i="2"/>
  <c r="K4176" i="5" s="1"/>
  <c r="O4176" i="5" s="1"/>
  <c r="K3391" i="2"/>
  <c r="K3365" i="5" s="1"/>
  <c r="O3365" i="5" s="1"/>
  <c r="K4050" i="2"/>
  <c r="K4024" i="5" s="1"/>
  <c r="O4024" i="5" s="1"/>
  <c r="K181" i="2"/>
  <c r="K155" i="5" s="1"/>
  <c r="O155" i="5" s="1"/>
  <c r="K6555" i="2"/>
  <c r="K6529" i="5" s="1"/>
  <c r="O6529" i="5" s="1"/>
  <c r="K8740" i="2"/>
  <c r="K8714" i="5" s="1"/>
  <c r="O8714" i="5" s="1"/>
  <c r="K5378" i="2"/>
  <c r="K5352" i="5" s="1"/>
  <c r="O5352" i="5" s="1"/>
  <c r="K3691" i="2"/>
  <c r="K3665" i="5" s="1"/>
  <c r="O3665" i="5" s="1"/>
  <c r="K3030" i="2"/>
  <c r="K3004" i="5" s="1"/>
  <c r="O3004" i="5" s="1"/>
  <c r="K6203" i="2"/>
  <c r="K6177" i="5" s="1"/>
  <c r="O6177" i="5" s="1"/>
  <c r="K5200" i="2"/>
  <c r="K5174" i="5" s="1"/>
  <c r="O5174" i="5" s="1"/>
  <c r="K1680" i="2"/>
  <c r="K1654" i="5" s="1"/>
  <c r="O1654" i="5" s="1"/>
  <c r="K1846" i="2"/>
  <c r="K1820" i="5" s="1"/>
  <c r="O1820" i="5" s="1"/>
  <c r="K8580" i="2"/>
  <c r="K8554" i="5" s="1"/>
  <c r="O8554" i="5" s="1"/>
  <c r="K7733" i="2"/>
  <c r="K7707" i="5" s="1"/>
  <c r="O7707" i="5" s="1"/>
  <c r="K2344" i="2"/>
  <c r="K2318" i="5" s="1"/>
  <c r="O2318" i="5" s="1"/>
  <c r="K7233" i="2"/>
  <c r="K7207" i="5" s="1"/>
  <c r="O7207" i="5" s="1"/>
  <c r="K3393" i="2"/>
  <c r="K3367" i="5" s="1"/>
  <c r="O3367" i="5" s="1"/>
  <c r="K5727" i="2"/>
  <c r="K5701" i="5" s="1"/>
  <c r="O5701" i="5" s="1"/>
  <c r="K1869" i="2"/>
  <c r="K1843" i="5" s="1"/>
  <c r="O1843" i="5" s="1"/>
  <c r="K8575" i="2"/>
  <c r="K8549" i="5" s="1"/>
  <c r="O8549" i="5" s="1"/>
  <c r="K6412" i="2"/>
  <c r="K6386" i="5" s="1"/>
  <c r="O6386" i="5" s="1"/>
  <c r="K7393" i="2"/>
  <c r="K7367" i="5" s="1"/>
  <c r="O7367" i="5" s="1"/>
  <c r="K1359" i="2"/>
  <c r="K1333" i="5" s="1"/>
  <c r="O1333" i="5" s="1"/>
  <c r="K190" i="2"/>
  <c r="K164" i="5" s="1"/>
  <c r="O164" i="5" s="1"/>
  <c r="K7081" i="2"/>
  <c r="K7055" i="5" s="1"/>
  <c r="O7055" i="5" s="1"/>
  <c r="K3347" i="2"/>
  <c r="K3321" i="5" s="1"/>
  <c r="O3321" i="5" s="1"/>
  <c r="K6709" i="2"/>
  <c r="K6683" i="5" s="1"/>
  <c r="O6683" i="5" s="1"/>
  <c r="K1863" i="2"/>
  <c r="K1837" i="5" s="1"/>
  <c r="O1837" i="5" s="1"/>
  <c r="K2045" i="2"/>
  <c r="K2019" i="5" s="1"/>
  <c r="O2019" i="5" s="1"/>
  <c r="K6889" i="2"/>
  <c r="K6863" i="5" s="1"/>
  <c r="O6863" i="5" s="1"/>
  <c r="K8566" i="2"/>
  <c r="K8540" i="5" s="1"/>
  <c r="O8540" i="5" s="1"/>
  <c r="K8240" i="2"/>
  <c r="K8214" i="5" s="1"/>
  <c r="O8214" i="5" s="1"/>
  <c r="K7050" i="2"/>
  <c r="K7024" i="5" s="1"/>
  <c r="O7024" i="5" s="1"/>
  <c r="K535" i="2"/>
  <c r="K509" i="5" s="1"/>
  <c r="O509" i="5" s="1"/>
  <c r="K5733" i="2"/>
  <c r="K5707" i="5" s="1"/>
  <c r="O5707" i="5" s="1"/>
  <c r="K3194" i="2"/>
  <c r="K3168" i="5" s="1"/>
  <c r="O3168" i="5" s="1"/>
  <c r="K4696" i="2"/>
  <c r="K4670" i="5" s="1"/>
  <c r="O4670" i="5" s="1"/>
  <c r="K1373" i="2"/>
  <c r="K1347" i="5" s="1"/>
  <c r="O1347" i="5" s="1"/>
  <c r="K3197" i="2"/>
  <c r="K3171" i="5" s="1"/>
  <c r="O3171" i="5" s="1"/>
  <c r="K4723" i="2"/>
  <c r="K4697" i="5" s="1"/>
  <c r="O4697" i="5" s="1"/>
  <c r="K662" i="2"/>
  <c r="K636" i="5" s="1"/>
  <c r="O636" i="5" s="1"/>
  <c r="K2515" i="2"/>
  <c r="K2489" i="5" s="1"/>
  <c r="O2489" i="5" s="1"/>
  <c r="K4705" i="2"/>
  <c r="K4679" i="5" s="1"/>
  <c r="O4679" i="5" s="1"/>
  <c r="K4060" i="2"/>
  <c r="K4034" i="5" s="1"/>
  <c r="O4034" i="5" s="1"/>
  <c r="K2706" i="2"/>
  <c r="K2680" i="5" s="1"/>
  <c r="O2680" i="5" s="1"/>
  <c r="K4714" i="2"/>
  <c r="K4688" i="5" s="1"/>
  <c r="O4688" i="5" s="1"/>
  <c r="K1695" i="2"/>
  <c r="K1669" i="5" s="1"/>
  <c r="O1669" i="5" s="1"/>
  <c r="K681" i="2"/>
  <c r="K655" i="5" s="1"/>
  <c r="O655" i="5" s="1"/>
  <c r="K507" i="2"/>
  <c r="K481" i="5" s="1"/>
  <c r="O481" i="5" s="1"/>
  <c r="K2704" i="2"/>
  <c r="K2678" i="5" s="1"/>
  <c r="O2678" i="5" s="1"/>
  <c r="K7575" i="2"/>
  <c r="K7549" i="5" s="1"/>
  <c r="O7549" i="5" s="1"/>
  <c r="K6891" i="2"/>
  <c r="K6865" i="5" s="1"/>
  <c r="O6865" i="5" s="1"/>
  <c r="K2542" i="2"/>
  <c r="K2516" i="5" s="1"/>
  <c r="O2516" i="5" s="1"/>
  <c r="K4219" i="2"/>
  <c r="K4193" i="5" s="1"/>
  <c r="O4193" i="5" s="1"/>
  <c r="K7086" i="2"/>
  <c r="K7060" i="5" s="1"/>
  <c r="O7060" i="5" s="1"/>
  <c r="K4206" i="2"/>
  <c r="K4180" i="5" s="1"/>
  <c r="O4180" i="5" s="1"/>
  <c r="K4186" i="2"/>
  <c r="K4160" i="5" s="1"/>
  <c r="O4160" i="5" s="1"/>
  <c r="K7249" i="2"/>
  <c r="K7223" i="5" s="1"/>
  <c r="O7223" i="5" s="1"/>
  <c r="K3547" i="2"/>
  <c r="K3521" i="5" s="1"/>
  <c r="O3521" i="5" s="1"/>
  <c r="K2384" i="2"/>
  <c r="K2358" i="5" s="1"/>
  <c r="O2358" i="5" s="1"/>
  <c r="K1864" i="2"/>
  <c r="K1838" i="5" s="1"/>
  <c r="O1838" i="5" s="1"/>
  <c r="K8094" i="2"/>
  <c r="K8068" i="5" s="1"/>
  <c r="O8068" i="5" s="1"/>
  <c r="K4384" i="2"/>
  <c r="K4358" i="5" s="1"/>
  <c r="O4358" i="5" s="1"/>
  <c r="K7386" i="2"/>
  <c r="K7360" i="5" s="1"/>
  <c r="O7360" i="5" s="1"/>
  <c r="K2216" i="2"/>
  <c r="K2190" i="5" s="1"/>
  <c r="O2190" i="5" s="1"/>
  <c r="K6921" i="2"/>
  <c r="K6895" i="5" s="1"/>
  <c r="O6895" i="5" s="1"/>
  <c r="K328" i="2"/>
  <c r="K302" i="5" s="1"/>
  <c r="O302" i="5" s="1"/>
  <c r="C174" i="5"/>
  <c r="AR168" i="1"/>
  <c r="C104" i="5"/>
  <c r="AR98" i="1"/>
  <c r="C182" i="5"/>
  <c r="AR176" i="1"/>
  <c r="D139" i="5"/>
  <c r="AR133" i="1"/>
  <c r="D189" i="5"/>
  <c r="AR183" i="1"/>
  <c r="I658" i="2"/>
  <c r="I632" i="5" s="1"/>
  <c r="I5533" i="2"/>
  <c r="I5507" i="5" s="1"/>
  <c r="I1201" i="2"/>
  <c r="I1175" i="5" s="1"/>
  <c r="I7572" i="2"/>
  <c r="I7546" i="5" s="1"/>
  <c r="I6707" i="2"/>
  <c r="I6681" i="5" s="1"/>
  <c r="I7255" i="2"/>
  <c r="I7229" i="5" s="1"/>
  <c r="I6914" i="2"/>
  <c r="I6888" i="5" s="1"/>
  <c r="I4356" i="2"/>
  <c r="I4330" i="5" s="1"/>
  <c r="I525" i="2"/>
  <c r="I499" i="5" s="1"/>
  <c r="I1524" i="2"/>
  <c r="I1498" i="5" s="1"/>
  <c r="I8251" i="2"/>
  <c r="I8225" i="5" s="1"/>
  <c r="I3558" i="2"/>
  <c r="I3532" i="5" s="1"/>
  <c r="I1199" i="2"/>
  <c r="I1173" i="5" s="1"/>
  <c r="I6732" i="2"/>
  <c r="I6706" i="5" s="1"/>
  <c r="I3378" i="2"/>
  <c r="I3352" i="5" s="1"/>
  <c r="I2865" i="2"/>
  <c r="I2839" i="5" s="1"/>
  <c r="I848" i="2"/>
  <c r="I822" i="5" s="1"/>
  <c r="I196" i="2"/>
  <c r="I170" i="5" s="1"/>
  <c r="I4196" i="2"/>
  <c r="I4170" i="5" s="1"/>
  <c r="I1525" i="2"/>
  <c r="I1499" i="5" s="1"/>
  <c r="I491" i="2"/>
  <c r="I465" i="5" s="1"/>
  <c r="I1682" i="2"/>
  <c r="I1656" i="5" s="1"/>
  <c r="I2015" i="2"/>
  <c r="I1989" i="5" s="1"/>
  <c r="I6226" i="2"/>
  <c r="I6200" i="5" s="1"/>
  <c r="I4033" i="2"/>
  <c r="I4007" i="5" s="1"/>
  <c r="C112" i="5"/>
  <c r="AR106" i="1"/>
  <c r="C266" i="5"/>
  <c r="AR260" i="1"/>
  <c r="C349" i="5"/>
  <c r="AR343" i="1"/>
  <c r="I2518" i="2"/>
  <c r="I2492" i="5" s="1"/>
  <c r="I2049" i="2"/>
  <c r="I2023" i="5" s="1"/>
  <c r="I175" i="2"/>
  <c r="I149" i="5" s="1"/>
  <c r="I4540" i="2"/>
  <c r="I4514" i="5" s="1"/>
  <c r="I8096" i="2"/>
  <c r="I8070" i="5" s="1"/>
  <c r="I6577" i="2"/>
  <c r="I6551" i="5" s="1"/>
  <c r="I6724" i="2"/>
  <c r="I6698" i="5" s="1"/>
  <c r="I1851" i="2"/>
  <c r="I1825" i="5" s="1"/>
  <c r="I4874" i="2"/>
  <c r="I4848" i="5" s="1"/>
  <c r="I2525" i="2"/>
  <c r="I2499" i="5" s="1"/>
  <c r="I6232" i="2"/>
  <c r="I6206" i="5" s="1"/>
  <c r="I6234" i="2"/>
  <c r="I6208" i="5" s="1"/>
  <c r="I2709" i="2"/>
  <c r="I2683" i="5" s="1"/>
  <c r="I4726" i="2"/>
  <c r="I4700" i="5" s="1"/>
  <c r="I361" i="2"/>
  <c r="I335" i="5" s="1"/>
  <c r="I1207" i="2"/>
  <c r="I1181" i="5" s="1"/>
  <c r="I2194" i="2"/>
  <c r="I2168" i="5" s="1"/>
  <c r="I6061" i="2"/>
  <c r="I6035" i="5" s="1"/>
  <c r="I6388" i="2"/>
  <c r="I6362" i="5" s="1"/>
  <c r="I3895" i="2"/>
  <c r="I3869" i="5" s="1"/>
  <c r="I1701" i="2"/>
  <c r="I1675" i="5" s="1"/>
  <c r="I362" i="2"/>
  <c r="I336" i="5" s="1"/>
  <c r="I5900" i="2"/>
  <c r="I5874" i="5" s="1"/>
  <c r="I8246" i="2"/>
  <c r="I8220" i="5" s="1"/>
  <c r="I507" i="2"/>
  <c r="I481" i="5" s="1"/>
  <c r="I4199" i="2"/>
  <c r="I4173" i="5" s="1"/>
  <c r="I197" i="2"/>
  <c r="I171" i="5" s="1"/>
  <c r="C28" i="5"/>
  <c r="AR22" i="1"/>
  <c r="C62" i="5"/>
  <c r="AR56" i="1"/>
  <c r="C231" i="5"/>
  <c r="AR225" i="1"/>
  <c r="I6051" i="2"/>
  <c r="I6025" i="5" s="1"/>
  <c r="I1852" i="2"/>
  <c r="I1826" i="5" s="1"/>
  <c r="I3852" i="2"/>
  <c r="I3826" i="5" s="1"/>
  <c r="I340" i="2"/>
  <c r="I314" i="5" s="1"/>
  <c r="I7075" i="2"/>
  <c r="I7049" i="5" s="1"/>
  <c r="I6904" i="2"/>
  <c r="I6878" i="5" s="1"/>
  <c r="I1181" i="2"/>
  <c r="I1155" i="5" s="1"/>
  <c r="I3393" i="2"/>
  <c r="I3367" i="5" s="1"/>
  <c r="I1696" i="2"/>
  <c r="I1670" i="5" s="1"/>
  <c r="I3353" i="2"/>
  <c r="I3327" i="5" s="1"/>
  <c r="I5060" i="2"/>
  <c r="I5034" i="5" s="1"/>
  <c r="I7742" i="2"/>
  <c r="I7716" i="5" s="1"/>
  <c r="I2540" i="2"/>
  <c r="I2514" i="5" s="1"/>
  <c r="I3200" i="2"/>
  <c r="I3174" i="5" s="1"/>
  <c r="I1370" i="2"/>
  <c r="I1344" i="5" s="1"/>
  <c r="I2012" i="2"/>
  <c r="I1986" i="5" s="1"/>
  <c r="I6915" i="2"/>
  <c r="I6889" i="5" s="1"/>
  <c r="I2341" i="2"/>
  <c r="I2315" i="5" s="1"/>
  <c r="I4187" i="2"/>
  <c r="I4161" i="5" s="1"/>
  <c r="I5538" i="2"/>
  <c r="I5512" i="5" s="1"/>
  <c r="I4025" i="2"/>
  <c r="I3999" i="5" s="1"/>
  <c r="I3683" i="2"/>
  <c r="I3657" i="5" s="1"/>
  <c r="I7257" i="2"/>
  <c r="I7231" i="5" s="1"/>
  <c r="I2537" i="2"/>
  <c r="I2511" i="5" s="1"/>
  <c r="I5534" i="2"/>
  <c r="I5508" i="5" s="1"/>
  <c r="I4223" i="2"/>
  <c r="I4197" i="5" s="1"/>
  <c r="I3015" i="2"/>
  <c r="I2989" i="5" s="1"/>
  <c r="I5395" i="2"/>
  <c r="I5369" i="5" s="1"/>
  <c r="I2339" i="2"/>
  <c r="I2313" i="5" s="1"/>
  <c r="I512" i="2"/>
  <c r="I486" i="5" s="1"/>
  <c r="I7068" i="2"/>
  <c r="I7042" i="5" s="1"/>
  <c r="I668" i="2"/>
  <c r="I642" i="5" s="1"/>
  <c r="I8432" i="2"/>
  <c r="I8406" i="5" s="1"/>
  <c r="I4225" i="2"/>
  <c r="I4199" i="5" s="1"/>
  <c r="I1507" i="2"/>
  <c r="I1481" i="5" s="1"/>
  <c r="I849" i="2"/>
  <c r="I823" i="5" s="1"/>
  <c r="I2716" i="2"/>
  <c r="I2690" i="5" s="1"/>
  <c r="I8060" i="2"/>
  <c r="I8034" i="5" s="1"/>
  <c r="I2513" i="2"/>
  <c r="I2487" i="5" s="1"/>
  <c r="I6066" i="2"/>
  <c r="I6040" i="5" s="1"/>
  <c r="I191" i="2"/>
  <c r="I165" i="5" s="1"/>
  <c r="I5731" i="2"/>
  <c r="I5705" i="5" s="1"/>
  <c r="I2016" i="2"/>
  <c r="I1990" i="5" s="1"/>
  <c r="C356" i="5"/>
  <c r="AR350" i="1"/>
  <c r="C251" i="5"/>
  <c r="AR245" i="1"/>
  <c r="C286" i="5"/>
  <c r="AR280" i="1"/>
  <c r="D301" i="5"/>
  <c r="AR295" i="1"/>
  <c r="C188" i="5"/>
  <c r="AR182" i="1"/>
  <c r="C244" i="5"/>
  <c r="AR238" i="1"/>
  <c r="I8595" i="2"/>
  <c r="I8569" i="5" s="1"/>
  <c r="I6753" i="2"/>
  <c r="I6727" i="5" s="1"/>
  <c r="I2717" i="2"/>
  <c r="I2691" i="5" s="1"/>
  <c r="I661" i="2"/>
  <c r="I635" i="5" s="1"/>
  <c r="I3042" i="2"/>
  <c r="I3016" i="5" s="1"/>
  <c r="I7912" i="2"/>
  <c r="I7886" i="5" s="1"/>
  <c r="I6570" i="2"/>
  <c r="I6544" i="5" s="1"/>
  <c r="I8587" i="2"/>
  <c r="I8561" i="5" s="1"/>
  <c r="I3684" i="2"/>
  <c r="I3658" i="5" s="1"/>
  <c r="I5909" i="2"/>
  <c r="I5883" i="5" s="1"/>
  <c r="I4885" i="2"/>
  <c r="I4859" i="5" s="1"/>
  <c r="I1372" i="2"/>
  <c r="I1346" i="5" s="1"/>
  <c r="I2855" i="2"/>
  <c r="I2829" i="5" s="1"/>
  <c r="I7417" i="2"/>
  <c r="I7391" i="5" s="1"/>
  <c r="I1544" i="2"/>
  <c r="I1518" i="5" s="1"/>
  <c r="I1686" i="2"/>
  <c r="I1660" i="5" s="1"/>
  <c r="I5537" i="2"/>
  <c r="I5511" i="5" s="1"/>
  <c r="I8738" i="2"/>
  <c r="I8712" i="5" s="1"/>
  <c r="I5375" i="2"/>
  <c r="I5349" i="5" s="1"/>
  <c r="I527" i="2"/>
  <c r="I501" i="5" s="1"/>
  <c r="I5576" i="2"/>
  <c r="I5550" i="5" s="1"/>
  <c r="I2868" i="2"/>
  <c r="I2842" i="5" s="1"/>
  <c r="I8395" i="2"/>
  <c r="I8369" i="5" s="1"/>
  <c r="I498" i="2"/>
  <c r="I472" i="5" s="1"/>
  <c r="I5202" i="2"/>
  <c r="I5176" i="5" s="1"/>
  <c r="I8417" i="2"/>
  <c r="I8391" i="5" s="1"/>
  <c r="I6415" i="2"/>
  <c r="I6389" i="5" s="1"/>
  <c r="I7578" i="2"/>
  <c r="I7552" i="5" s="1"/>
  <c r="I8074" i="2"/>
  <c r="I8048" i="5" s="1"/>
  <c r="I8433" i="2"/>
  <c r="I8407" i="5" s="1"/>
  <c r="I6072" i="2"/>
  <c r="I6046" i="5" s="1"/>
  <c r="I3046" i="2"/>
  <c r="I3020" i="5" s="1"/>
  <c r="I1202" i="2"/>
  <c r="I1176" i="5" s="1"/>
  <c r="I7914" i="2"/>
  <c r="I7888" i="5" s="1"/>
  <c r="I7740" i="2"/>
  <c r="I7714" i="5" s="1"/>
  <c r="I7928" i="2"/>
  <c r="I7902" i="5" s="1"/>
  <c r="I532" i="2"/>
  <c r="I506" i="5" s="1"/>
  <c r="I2507" i="2"/>
  <c r="I2481" i="5" s="1"/>
  <c r="I3038" i="2"/>
  <c r="I3012" i="5" s="1"/>
  <c r="I2699" i="2"/>
  <c r="I2673" i="5" s="1"/>
  <c r="I1208" i="2"/>
  <c r="I1182" i="5" s="1"/>
  <c r="I2191" i="2"/>
  <c r="I2165" i="5" s="1"/>
  <c r="I8061" i="2"/>
  <c r="I8035" i="5" s="1"/>
  <c r="I341" i="2"/>
  <c r="I315" i="5" s="1"/>
  <c r="I3373" i="2"/>
  <c r="I3347" i="5" s="1"/>
  <c r="I1163" i="2"/>
  <c r="I1137" i="5" s="1"/>
  <c r="I1006" i="2"/>
  <c r="I980" i="5" s="1"/>
  <c r="I7587" i="2"/>
  <c r="I7561" i="5" s="1"/>
  <c r="I3028" i="2"/>
  <c r="I3002" i="5" s="1"/>
  <c r="I689" i="2"/>
  <c r="I663" i="5" s="1"/>
  <c r="I7745" i="2"/>
  <c r="I7719" i="5" s="1"/>
  <c r="I6068" i="2"/>
  <c r="I6042" i="5" s="1"/>
  <c r="I3896" i="2"/>
  <c r="I3870" i="5" s="1"/>
  <c r="I2188" i="2"/>
  <c r="I2162" i="5" s="1"/>
  <c r="I1673" i="2"/>
  <c r="I1647" i="5" s="1"/>
  <c r="I8582" i="2"/>
  <c r="I8556" i="5" s="1"/>
  <c r="I5207" i="2"/>
  <c r="I5181" i="5" s="1"/>
  <c r="I6244" i="2"/>
  <c r="I6218" i="5" s="1"/>
  <c r="I6749" i="2"/>
  <c r="I6723" i="5" s="1"/>
  <c r="I1881" i="2"/>
  <c r="I1855" i="5" s="1"/>
  <c r="I1011" i="2"/>
  <c r="I985" i="5" s="1"/>
  <c r="I7079" i="2"/>
  <c r="I7053" i="5" s="1"/>
  <c r="I3024" i="2"/>
  <c r="I2998" i="5" s="1"/>
  <c r="I7747" i="2"/>
  <c r="I7721" i="5" s="1"/>
  <c r="I2374" i="2"/>
  <c r="I2348" i="5" s="1"/>
  <c r="I1336" i="2"/>
  <c r="I1310" i="5" s="1"/>
  <c r="I8233" i="2"/>
  <c r="I8207" i="5" s="1"/>
  <c r="I1713" i="2"/>
  <c r="I1687" i="5" s="1"/>
  <c r="I2861" i="2"/>
  <c r="I2835" i="5" s="1"/>
  <c r="I1863" i="2"/>
  <c r="I1837" i="5" s="1"/>
  <c r="I3357" i="2"/>
  <c r="I3331" i="5" s="1"/>
  <c r="I3874" i="2"/>
  <c r="I3848" i="5" s="1"/>
  <c r="I3551" i="2"/>
  <c r="I3525" i="5" s="1"/>
  <c r="I6222" i="2"/>
  <c r="I6196" i="5" s="1"/>
  <c r="I8062" i="2"/>
  <c r="I8036" i="5" s="1"/>
  <c r="I2541" i="2"/>
  <c r="I2515" i="5" s="1"/>
  <c r="I2032" i="2"/>
  <c r="I2006" i="5" s="1"/>
  <c r="I3225" i="2"/>
  <c r="I3199" i="5" s="1"/>
  <c r="I7046" i="2"/>
  <c r="I7020" i="5" s="1"/>
  <c r="I5543" i="2"/>
  <c r="I5517" i="5" s="1"/>
  <c r="I8401" i="2"/>
  <c r="I8375" i="5" s="1"/>
  <c r="I8584" i="2"/>
  <c r="I8558" i="5" s="1"/>
  <c r="I1015" i="2"/>
  <c r="I989" i="5" s="1"/>
  <c r="I3534" i="2"/>
  <c r="I3508" i="5" s="1"/>
  <c r="I6381" i="2"/>
  <c r="I6355" i="5" s="1"/>
  <c r="I2362" i="2"/>
  <c r="I2336" i="5" s="1"/>
  <c r="I6080" i="2"/>
  <c r="I6054" i="5" s="1"/>
  <c r="I339" i="2"/>
  <c r="I313" i="5" s="1"/>
  <c r="I1361" i="2"/>
  <c r="I1335" i="5" s="1"/>
  <c r="I5213" i="2"/>
  <c r="I5187" i="5" s="1"/>
  <c r="I8244" i="2"/>
  <c r="I8218" i="5" s="1"/>
  <c r="I7240" i="2"/>
  <c r="I7214" i="5" s="1"/>
  <c r="I8076" i="2"/>
  <c r="I8050" i="5" s="1"/>
  <c r="I3201" i="2"/>
  <c r="I3175" i="5" s="1"/>
  <c r="I4064" i="2"/>
  <c r="I4038" i="5" s="1"/>
  <c r="I8253" i="2"/>
  <c r="I8227" i="5" s="1"/>
  <c r="I2381" i="2"/>
  <c r="I2355" i="5" s="1"/>
  <c r="I6708" i="2"/>
  <c r="I6682" i="5" s="1"/>
  <c r="I2031" i="2"/>
  <c r="I2005" i="5" s="1"/>
  <c r="I1021" i="2"/>
  <c r="I995" i="5" s="1"/>
  <c r="I3193" i="2"/>
  <c r="I3167" i="5" s="1"/>
  <c r="I4049" i="2"/>
  <c r="I4023" i="5" s="1"/>
  <c r="I494" i="2"/>
  <c r="I468" i="5" s="1"/>
  <c r="I183" i="2"/>
  <c r="I157" i="5" s="1"/>
  <c r="I847" i="2"/>
  <c r="I821" i="5" s="1"/>
  <c r="I2344" i="2"/>
  <c r="I2318" i="5" s="1"/>
  <c r="I3553" i="2"/>
  <c r="I3527" i="5" s="1"/>
  <c r="I497" i="2"/>
  <c r="I471" i="5" s="1"/>
  <c r="I1519" i="2"/>
  <c r="I1493" i="5" s="1"/>
  <c r="I3851" i="2"/>
  <c r="I3825" i="5" s="1"/>
  <c r="I7902" i="2"/>
  <c r="I7876" i="5" s="1"/>
  <c r="I2718" i="2"/>
  <c r="I2692" i="5" s="1"/>
  <c r="I8430" i="2"/>
  <c r="I8404" i="5" s="1"/>
  <c r="I200" i="2"/>
  <c r="I174" i="5" s="1"/>
  <c r="I8238" i="2"/>
  <c r="I8212" i="5" s="1"/>
  <c r="I500" i="2"/>
  <c r="I474" i="5" s="1"/>
  <c r="I4039" i="2"/>
  <c r="I4013" i="5" s="1"/>
  <c r="I4386" i="2"/>
  <c r="I4360" i="5" s="1"/>
  <c r="I1332" i="2"/>
  <c r="I1306" i="5" s="1"/>
  <c r="I3542" i="2"/>
  <c r="I3516" i="5" s="1"/>
  <c r="I5209" i="2"/>
  <c r="I5183" i="5" s="1"/>
  <c r="I671" i="2"/>
  <c r="I645" i="5" s="1"/>
  <c r="I2038" i="2"/>
  <c r="I2012" i="5" s="1"/>
  <c r="I6372" i="2"/>
  <c r="I6346" i="5" s="1"/>
  <c r="I3382" i="2"/>
  <c r="I3356" i="5" s="1"/>
  <c r="C140" i="5"/>
  <c r="AR134" i="1"/>
  <c r="C14" i="5"/>
  <c r="AR8" i="1"/>
  <c r="C245" i="5"/>
  <c r="AR239" i="1"/>
  <c r="J7757" i="2"/>
  <c r="J7731" i="5" s="1"/>
  <c r="N7731" i="5" s="1"/>
  <c r="J1704" i="2"/>
  <c r="J1678" i="5" s="1"/>
  <c r="N1678" i="5" s="1"/>
  <c r="J6735" i="2"/>
  <c r="J6709" i="5" s="1"/>
  <c r="N6709" i="5" s="1"/>
  <c r="J3722" i="2"/>
  <c r="J3696" i="5" s="1"/>
  <c r="N3696" i="5" s="1"/>
  <c r="J2345" i="2"/>
  <c r="J2319" i="5" s="1"/>
  <c r="N2319" i="5" s="1"/>
  <c r="J193" i="2"/>
  <c r="J167" i="5" s="1"/>
  <c r="N167" i="5" s="1"/>
  <c r="J8767" i="2"/>
  <c r="J8741" i="5" s="1"/>
  <c r="N8741" i="5" s="1"/>
  <c r="J4037" i="2"/>
  <c r="J4011" i="5" s="1"/>
  <c r="N4011" i="5" s="1"/>
  <c r="J1858" i="2"/>
  <c r="J1832" i="5" s="1"/>
  <c r="N1832" i="5" s="1"/>
  <c r="J3183" i="2"/>
  <c r="J3157" i="5" s="1"/>
  <c r="N3157" i="5" s="1"/>
  <c r="J8087" i="2"/>
  <c r="J8061" i="5" s="1"/>
  <c r="N8061" i="5" s="1"/>
  <c r="J5535" i="2"/>
  <c r="J5509" i="5" s="1"/>
  <c r="N5509" i="5" s="1"/>
  <c r="J4055" i="2"/>
  <c r="J4029" i="5" s="1"/>
  <c r="N4029" i="5" s="1"/>
  <c r="J1192" i="2"/>
  <c r="J1166" i="5" s="1"/>
  <c r="N1166" i="5" s="1"/>
  <c r="J4192" i="2"/>
  <c r="J4166" i="5" s="1"/>
  <c r="N4166" i="5" s="1"/>
  <c r="J7248" i="2"/>
  <c r="J7222" i="5" s="1"/>
  <c r="N7222" i="5" s="1"/>
  <c r="J6075" i="2"/>
  <c r="J6049" i="5" s="1"/>
  <c r="N6049" i="5" s="1"/>
  <c r="J3520" i="2"/>
  <c r="J3494" i="5" s="1"/>
  <c r="N3494" i="5" s="1"/>
  <c r="J1670" i="2"/>
  <c r="J1644" i="5" s="1"/>
  <c r="N1644" i="5" s="1"/>
  <c r="J7750" i="2"/>
  <c r="J7724" i="5" s="1"/>
  <c r="N7724" i="5" s="1"/>
  <c r="J6064" i="2"/>
  <c r="J6038" i="5" s="1"/>
  <c r="N6038" i="5" s="1"/>
  <c r="J3389" i="2"/>
  <c r="J3363" i="5" s="1"/>
  <c r="N3363" i="5" s="1"/>
  <c r="J1680" i="2"/>
  <c r="J1654" i="5" s="1"/>
  <c r="N1654" i="5" s="1"/>
  <c r="J5389" i="2"/>
  <c r="J5363" i="5" s="1"/>
  <c r="N5363" i="5" s="1"/>
  <c r="J7884" i="2"/>
  <c r="J7858" i="5" s="1"/>
  <c r="N7858" i="5" s="1"/>
  <c r="J5723" i="2"/>
  <c r="J5697" i="5" s="1"/>
  <c r="N5697" i="5" s="1"/>
  <c r="J3027" i="2"/>
  <c r="J3001" i="5" s="1"/>
  <c r="N3001" i="5" s="1"/>
  <c r="J1028" i="2"/>
  <c r="J1002" i="5" s="1"/>
  <c r="N1002" i="5" s="1"/>
  <c r="J4222" i="2"/>
  <c r="J4196" i="5" s="1"/>
  <c r="N4196" i="5" s="1"/>
  <c r="J7748" i="2"/>
  <c r="J7722" i="5" s="1"/>
  <c r="N7722" i="5" s="1"/>
  <c r="J4879" i="2"/>
  <c r="J4853" i="5" s="1"/>
  <c r="N4853" i="5" s="1"/>
  <c r="J2354" i="2"/>
  <c r="J2328" i="5" s="1"/>
  <c r="N2328" i="5" s="1"/>
  <c r="J7548" i="2"/>
  <c r="J7522" i="5" s="1"/>
  <c r="N7522" i="5" s="1"/>
  <c r="J4727" i="2"/>
  <c r="J4701" i="5" s="1"/>
  <c r="N4701" i="5" s="1"/>
  <c r="J2698" i="2"/>
  <c r="J2672" i="5" s="1"/>
  <c r="N2672" i="5" s="1"/>
  <c r="J1040" i="2"/>
  <c r="J1014" i="5" s="1"/>
  <c r="N1014" i="5" s="1"/>
  <c r="J5718" i="2"/>
  <c r="J5692" i="5" s="1"/>
  <c r="N5692" i="5" s="1"/>
  <c r="J7381" i="2"/>
  <c r="J7355" i="5" s="1"/>
  <c r="N7355" i="5" s="1"/>
  <c r="J2179" i="2"/>
  <c r="J2153" i="5" s="1"/>
  <c r="N2153" i="5" s="1"/>
  <c r="J160" i="2"/>
  <c r="J134" i="5" s="1"/>
  <c r="N134" i="5" s="1"/>
  <c r="J8413" i="2"/>
  <c r="J8387" i="5" s="1"/>
  <c r="N8387" i="5" s="1"/>
  <c r="J6563" i="2"/>
  <c r="J6537" i="5" s="1"/>
  <c r="N6537" i="5" s="1"/>
  <c r="J3855" i="2"/>
  <c r="J3829" i="5" s="1"/>
  <c r="N3829" i="5" s="1"/>
  <c r="J2385" i="2"/>
  <c r="J2359" i="5" s="1"/>
  <c r="N2359" i="5" s="1"/>
  <c r="J6894" i="2"/>
  <c r="J6868" i="5" s="1"/>
  <c r="N6868" i="5" s="1"/>
  <c r="J8224" i="2"/>
  <c r="J8198" i="5" s="1"/>
  <c r="N8198" i="5" s="1"/>
  <c r="J6405" i="2"/>
  <c r="J6379" i="5" s="1"/>
  <c r="N6379" i="5" s="1"/>
  <c r="J3896" i="2"/>
  <c r="J3870" i="5" s="1"/>
  <c r="N3870" i="5" s="1"/>
  <c r="J2196" i="2"/>
  <c r="J2170" i="5" s="1"/>
  <c r="N2170" i="5" s="1"/>
  <c r="J5201" i="2"/>
  <c r="J5175" i="5" s="1"/>
  <c r="N5175" i="5" s="1"/>
  <c r="J4189" i="2"/>
  <c r="J4163" i="5" s="1"/>
  <c r="N4163" i="5" s="1"/>
  <c r="J1853" i="2"/>
  <c r="J1827" i="5" s="1"/>
  <c r="N1827" i="5" s="1"/>
  <c r="J848" i="2"/>
  <c r="J822" i="5" s="1"/>
  <c r="N822" i="5" s="1"/>
  <c r="J8419" i="2"/>
  <c r="J8393" i="5" s="1"/>
  <c r="N8393" i="5" s="1"/>
  <c r="J6073" i="2"/>
  <c r="J6047" i="5" s="1"/>
  <c r="N6047" i="5" s="1"/>
  <c r="J4527" i="2"/>
  <c r="J4501" i="5" s="1"/>
  <c r="N4501" i="5" s="1"/>
  <c r="J1510" i="2"/>
  <c r="J1484" i="5" s="1"/>
  <c r="N1484" i="5" s="1"/>
  <c r="J7074" i="2"/>
  <c r="J7048" i="5" s="1"/>
  <c r="N7048" i="5" s="1"/>
  <c r="J7581" i="2"/>
  <c r="J7555" i="5" s="1"/>
  <c r="N7555" i="5" s="1"/>
  <c r="J6212" i="2"/>
  <c r="J6186" i="5" s="1"/>
  <c r="N6186" i="5" s="1"/>
  <c r="J3225" i="2"/>
  <c r="J3199" i="5" s="1"/>
  <c r="N3199" i="5" s="1"/>
  <c r="J1008" i="2"/>
  <c r="J982" i="5" s="1"/>
  <c r="N982" i="5" s="1"/>
  <c r="J4875" i="2"/>
  <c r="J4849" i="5" s="1"/>
  <c r="N4849" i="5" s="1"/>
  <c r="J3557" i="2"/>
  <c r="J3531" i="5" s="1"/>
  <c r="N3531" i="5" s="1"/>
  <c r="J5730" i="2"/>
  <c r="J5704" i="5" s="1"/>
  <c r="N5704" i="5" s="1"/>
  <c r="J3181" i="2"/>
  <c r="J3155" i="5" s="1"/>
  <c r="N3155" i="5" s="1"/>
  <c r="J994" i="2"/>
  <c r="J968" i="5" s="1"/>
  <c r="N968" i="5" s="1"/>
  <c r="J1544" i="2"/>
  <c r="J1518" i="5" s="1"/>
  <c r="N1518" i="5" s="1"/>
  <c r="J7914" i="2"/>
  <c r="J7888" i="5" s="1"/>
  <c r="N7888" i="5" s="1"/>
  <c r="J4719" i="2"/>
  <c r="J4693" i="5" s="1"/>
  <c r="N4693" i="5" s="1"/>
  <c r="J1207" i="2"/>
  <c r="J1181" i="5" s="1"/>
  <c r="N1181" i="5" s="1"/>
  <c r="J523" i="2"/>
  <c r="J497" i="5" s="1"/>
  <c r="N497" i="5" s="1"/>
  <c r="J6713" i="2"/>
  <c r="J6687" i="5" s="1"/>
  <c r="N6687" i="5" s="1"/>
  <c r="J5040" i="2"/>
  <c r="J5014" i="5" s="1"/>
  <c r="N5014" i="5" s="1"/>
  <c r="J2518" i="2"/>
  <c r="J2492" i="5" s="1"/>
  <c r="N2492" i="5" s="1"/>
  <c r="J525" i="2"/>
  <c r="J499" i="5" s="1"/>
  <c r="N499" i="5" s="1"/>
  <c r="J2027" i="2"/>
  <c r="J2001" i="5" s="1"/>
  <c r="N2001" i="5" s="1"/>
  <c r="J6241" i="2"/>
  <c r="J6215" i="5" s="1"/>
  <c r="N6215" i="5" s="1"/>
  <c r="J4376" i="2"/>
  <c r="J4350" i="5" s="1"/>
  <c r="N4350" i="5" s="1"/>
  <c r="J2206" i="2"/>
  <c r="J2180" i="5" s="1"/>
  <c r="N2180" i="5" s="1"/>
  <c r="J194" i="2"/>
  <c r="J168" i="5" s="1"/>
  <c r="N168" i="5" s="1"/>
  <c r="J8591" i="2"/>
  <c r="J8565" i="5" s="1"/>
  <c r="N8565" i="5" s="1"/>
  <c r="J2355" i="2"/>
  <c r="J2329" i="5" s="1"/>
  <c r="N2329" i="5" s="1"/>
  <c r="J360" i="2"/>
  <c r="J334" i="5" s="1"/>
  <c r="N334" i="5" s="1"/>
  <c r="J8410" i="2"/>
  <c r="J8384" i="5" s="1"/>
  <c r="N8384" i="5" s="1"/>
  <c r="J6541" i="2"/>
  <c r="J6515" i="5" s="1"/>
  <c r="N6515" i="5" s="1"/>
  <c r="J4564" i="2"/>
  <c r="J4538" i="5" s="1"/>
  <c r="N4538" i="5" s="1"/>
  <c r="J1848" i="2"/>
  <c r="J1822" i="5" s="1"/>
  <c r="N1822" i="5" s="1"/>
  <c r="J4231" i="2"/>
  <c r="J4205" i="5" s="1"/>
  <c r="N4205" i="5" s="1"/>
  <c r="J7890" i="2"/>
  <c r="J7864" i="5" s="1"/>
  <c r="N7864" i="5" s="1"/>
  <c r="J5744" i="2"/>
  <c r="J5718" i="5" s="1"/>
  <c r="N5718" i="5" s="1"/>
  <c r="J3556" i="2"/>
  <c r="J3530" i="5" s="1"/>
  <c r="N3530" i="5" s="1"/>
  <c r="J3693" i="2"/>
  <c r="J3667" i="5" s="1"/>
  <c r="N3667" i="5" s="1"/>
  <c r="J2002" i="2"/>
  <c r="J1976" i="5" s="1"/>
  <c r="N1976" i="5" s="1"/>
  <c r="J5709" i="2"/>
  <c r="J5683" i="5" s="1"/>
  <c r="N5683" i="5" s="1"/>
  <c r="J8055" i="2"/>
  <c r="J8029" i="5" s="1"/>
  <c r="N8029" i="5" s="1"/>
  <c r="J6210" i="2"/>
  <c r="J6184" i="5" s="1"/>
  <c r="N6184" i="5" s="1"/>
  <c r="J2879" i="2"/>
  <c r="J2853" i="5" s="1"/>
  <c r="N2853" i="5" s="1"/>
  <c r="J6907" i="2"/>
  <c r="J6881" i="5" s="1"/>
  <c r="N6881" i="5" s="1"/>
  <c r="J7250" i="2"/>
  <c r="J7224" i="5" s="1"/>
  <c r="N7224" i="5" s="1"/>
  <c r="J4567" i="2"/>
  <c r="J4541" i="5" s="1"/>
  <c r="N4541" i="5" s="1"/>
  <c r="J3536" i="2"/>
  <c r="J3510" i="5" s="1"/>
  <c r="N3510" i="5" s="1"/>
  <c r="J1332" i="2"/>
  <c r="J1306" i="5" s="1"/>
  <c r="N1306" i="5" s="1"/>
  <c r="J3016" i="2"/>
  <c r="J2990" i="5" s="1"/>
  <c r="N2990" i="5" s="1"/>
  <c r="J7573" i="2"/>
  <c r="J7547" i="5" s="1"/>
  <c r="N7547" i="5" s="1"/>
  <c r="J4882" i="2"/>
  <c r="J4856" i="5" s="1"/>
  <c r="N4856" i="5" s="1"/>
  <c r="J2710" i="2"/>
  <c r="J2684" i="5" s="1"/>
  <c r="N2684" i="5" s="1"/>
  <c r="J703" i="2"/>
  <c r="J677" i="5" s="1"/>
  <c r="N677" i="5" s="1"/>
  <c r="J3863" i="2"/>
  <c r="J3837" i="5" s="1"/>
  <c r="N3837" i="5" s="1"/>
  <c r="J7045" i="2"/>
  <c r="J7019" i="5" s="1"/>
  <c r="N7019" i="5" s="1"/>
  <c r="J517" i="2"/>
  <c r="J491" i="5" s="1"/>
  <c r="N491" i="5" s="1"/>
  <c r="J4858" i="2"/>
  <c r="J4832" i="5" s="1"/>
  <c r="N4832" i="5" s="1"/>
  <c r="J6884" i="2"/>
  <c r="J6858" i="5" s="1"/>
  <c r="N6858" i="5" s="1"/>
  <c r="J4872" i="2"/>
  <c r="J4846" i="5" s="1"/>
  <c r="N4846" i="5" s="1"/>
  <c r="J2679" i="2"/>
  <c r="J2653" i="5" s="1"/>
  <c r="N2653" i="5" s="1"/>
  <c r="J352" i="2"/>
  <c r="J326" i="5" s="1"/>
  <c r="N326" i="5" s="1"/>
  <c r="J8578" i="2"/>
  <c r="J8552" i="5" s="1"/>
  <c r="N8552" i="5" s="1"/>
  <c r="J6548" i="2"/>
  <c r="J6522" i="5" s="1"/>
  <c r="N6522" i="5" s="1"/>
  <c r="J3875" i="2"/>
  <c r="J3849" i="5" s="1"/>
  <c r="N3849" i="5" s="1"/>
  <c r="J1854" i="2"/>
  <c r="J1828" i="5" s="1"/>
  <c r="N1828" i="5" s="1"/>
  <c r="J5203" i="2"/>
  <c r="J5177" i="5" s="1"/>
  <c r="N5177" i="5" s="1"/>
  <c r="J8091" i="2"/>
  <c r="J8065" i="5" s="1"/>
  <c r="N8065" i="5" s="1"/>
  <c r="J2178" i="2"/>
  <c r="J2152" i="5" s="1"/>
  <c r="N2152" i="5" s="1"/>
  <c r="J534" i="2"/>
  <c r="J508" i="5" s="1"/>
  <c r="N508" i="5" s="1"/>
  <c r="J8393" i="2"/>
  <c r="J8367" i="5" s="1"/>
  <c r="N8367" i="5" s="1"/>
  <c r="J5870" i="2"/>
  <c r="J5844" i="5" s="1"/>
  <c r="N5844" i="5" s="1"/>
  <c r="J4053" i="2"/>
  <c r="J4027" i="5" s="1"/>
  <c r="N4027" i="5" s="1"/>
  <c r="J1867" i="2"/>
  <c r="J1841" i="5" s="1"/>
  <c r="N1841" i="5" s="1"/>
  <c r="J8411" i="2"/>
  <c r="J8385" i="5" s="1"/>
  <c r="N8385" i="5" s="1"/>
  <c r="J5869" i="2"/>
  <c r="J5843" i="5" s="1"/>
  <c r="N5843" i="5" s="1"/>
  <c r="J3197" i="2"/>
  <c r="J3171" i="5" s="1"/>
  <c r="N3171" i="5" s="1"/>
  <c r="J1689" i="2"/>
  <c r="J1663" i="5" s="1"/>
  <c r="N1663" i="5" s="1"/>
  <c r="J5228" i="2"/>
  <c r="J5202" i="5" s="1"/>
  <c r="N5202" i="5" s="1"/>
  <c r="J7903" i="2"/>
  <c r="J7877" i="5" s="1"/>
  <c r="N7877" i="5" s="1"/>
  <c r="J5555" i="2"/>
  <c r="J5529" i="5" s="1"/>
  <c r="N5529" i="5" s="1"/>
  <c r="J2882" i="2"/>
  <c r="J2856" i="5" s="1"/>
  <c r="N2856" i="5" s="1"/>
  <c r="J1038" i="2"/>
  <c r="J1012" i="5" s="1"/>
  <c r="N1012" i="5" s="1"/>
  <c r="J5705" i="2"/>
  <c r="J5679" i="5" s="1"/>
  <c r="N5679" i="5" s="1"/>
  <c r="J7241" i="2"/>
  <c r="J7215" i="5" s="1"/>
  <c r="N7215" i="5" s="1"/>
  <c r="J4531" i="2"/>
  <c r="J4505" i="5" s="1"/>
  <c r="N4505" i="5" s="1"/>
  <c r="J4399" i="2"/>
  <c r="J4373" i="5" s="1"/>
  <c r="N4373" i="5" s="1"/>
  <c r="J7058" i="2"/>
  <c r="J7032" i="5" s="1"/>
  <c r="N7032" i="5" s="1"/>
  <c r="J5205" i="2"/>
  <c r="J5179" i="5" s="1"/>
  <c r="N5179" i="5" s="1"/>
  <c r="J3393" i="2"/>
  <c r="J3367" i="5" s="1"/>
  <c r="N3367" i="5" s="1"/>
  <c r="J1032" i="2"/>
  <c r="J1006" i="5" s="1"/>
  <c r="N1006" i="5" s="1"/>
  <c r="J5899" i="2"/>
  <c r="J5873" i="5" s="1"/>
  <c r="N5873" i="5" s="1"/>
  <c r="J4196" i="2"/>
  <c r="J4170" i="5" s="1"/>
  <c r="N4170" i="5" s="1"/>
  <c r="J1694" i="2"/>
  <c r="J1668" i="5" s="1"/>
  <c r="N1668" i="5" s="1"/>
  <c r="J5390" i="2"/>
  <c r="J5364" i="5" s="1"/>
  <c r="N5364" i="5" s="1"/>
  <c r="J7896" i="2"/>
  <c r="J7870" i="5" s="1"/>
  <c r="N7870" i="5" s="1"/>
  <c r="J5911" i="2"/>
  <c r="J5885" i="5" s="1"/>
  <c r="N5885" i="5" s="1"/>
  <c r="J3377" i="2"/>
  <c r="J3351" i="5" s="1"/>
  <c r="N3351" i="5" s="1"/>
  <c r="J1834" i="2"/>
  <c r="J1808" i="5" s="1"/>
  <c r="N1808" i="5" s="1"/>
  <c r="J4187" i="2"/>
  <c r="J4161" i="5" s="1"/>
  <c r="N4161" i="5" s="1"/>
  <c r="J7235" i="2"/>
  <c r="J7209" i="5" s="1"/>
  <c r="N7209" i="5" s="1"/>
  <c r="J5056" i="2"/>
  <c r="J5030" i="5" s="1"/>
  <c r="N5030" i="5" s="1"/>
  <c r="J3186" i="2"/>
  <c r="J3160" i="5" s="1"/>
  <c r="N3160" i="5" s="1"/>
  <c r="J1170" i="2"/>
  <c r="J1144" i="5" s="1"/>
  <c r="N1144" i="5" s="1"/>
  <c r="J6398" i="2"/>
  <c r="J6372" i="5" s="1"/>
  <c r="N6372" i="5" s="1"/>
  <c r="J7228" i="2"/>
  <c r="J7202" i="5" s="1"/>
  <c r="N7202" i="5" s="1"/>
  <c r="J4904" i="2"/>
  <c r="J4878" i="5" s="1"/>
  <c r="N4878" i="5" s="1"/>
  <c r="J2361" i="2"/>
  <c r="J2335" i="5" s="1"/>
  <c r="N2335" i="5" s="1"/>
  <c r="J851" i="2"/>
  <c r="J825" i="5" s="1"/>
  <c r="N825" i="5" s="1"/>
  <c r="J3205" i="2"/>
  <c r="J3179" i="5" s="1"/>
  <c r="N3179" i="5" s="1"/>
  <c r="J4400" i="2"/>
  <c r="J4374" i="5" s="1"/>
  <c r="N4374" i="5" s="1"/>
  <c r="J7591" i="2"/>
  <c r="J7565" i="5" s="1"/>
  <c r="N7565" i="5" s="1"/>
  <c r="J5400" i="2"/>
  <c r="J5374" i="5" s="1"/>
  <c r="N5374" i="5" s="1"/>
  <c r="J3385" i="2"/>
  <c r="J3359" i="5" s="1"/>
  <c r="N3359" i="5" s="1"/>
  <c r="J832" i="2"/>
  <c r="J806" i="5" s="1"/>
  <c r="N806" i="5" s="1"/>
  <c r="J7213" i="2"/>
  <c r="J7187" i="5" s="1"/>
  <c r="N7187" i="5" s="1"/>
  <c r="J7403" i="2"/>
  <c r="J7377" i="5" s="1"/>
  <c r="N7377" i="5" s="1"/>
  <c r="J4718" i="2"/>
  <c r="J4692" i="5" s="1"/>
  <c r="N4692" i="5" s="1"/>
  <c r="J3025" i="2"/>
  <c r="J2999" i="5" s="1"/>
  <c r="N2999" i="5" s="1"/>
  <c r="J696" i="2"/>
  <c r="J670" i="5" s="1"/>
  <c r="N670" i="5" s="1"/>
  <c r="J498" i="2"/>
  <c r="J472" i="5" s="1"/>
  <c r="N472" i="5" s="1"/>
  <c r="J6408" i="2"/>
  <c r="J6382" i="5" s="1"/>
  <c r="N6382" i="5" s="1"/>
  <c r="J2215" i="2"/>
  <c r="J2189" i="5" s="1"/>
  <c r="N2189" i="5" s="1"/>
  <c r="J167" i="2"/>
  <c r="J141" i="5" s="1"/>
  <c r="N141" i="5" s="1"/>
  <c r="J8399" i="2"/>
  <c r="J8373" i="5" s="1"/>
  <c r="N8373" i="5" s="1"/>
  <c r="J6380" i="2"/>
  <c r="J6354" i="5" s="1"/>
  <c r="N6354" i="5" s="1"/>
  <c r="J3541" i="2"/>
  <c r="J3515" i="5" s="1"/>
  <c r="N3515" i="5" s="1"/>
  <c r="J2217" i="2"/>
  <c r="J2191" i="5" s="1"/>
  <c r="N2191" i="5" s="1"/>
  <c r="J8768" i="2"/>
  <c r="J8742" i="5" s="1"/>
  <c r="N8742" i="5" s="1"/>
  <c r="J6407" i="2"/>
  <c r="J6381" i="5" s="1"/>
  <c r="N6381" i="5" s="1"/>
  <c r="J3852" i="2"/>
  <c r="J3826" i="5" s="1"/>
  <c r="N3826" i="5" s="1"/>
  <c r="J2701" i="2"/>
  <c r="J2675" i="5" s="1"/>
  <c r="N2675" i="5" s="1"/>
  <c r="J199" i="2"/>
  <c r="J173" i="5" s="1"/>
  <c r="N173" i="5" s="1"/>
  <c r="J7891" i="2"/>
  <c r="J7865" i="5" s="1"/>
  <c r="N7865" i="5" s="1"/>
  <c r="J3862" i="2"/>
  <c r="J3836" i="5" s="1"/>
  <c r="N3836" i="5" s="1"/>
  <c r="J8599" i="2"/>
  <c r="J8573" i="5" s="1"/>
  <c r="N8573" i="5" s="1"/>
  <c r="J5874" i="2"/>
  <c r="J5848" i="5" s="1"/>
  <c r="N5848" i="5" s="1"/>
  <c r="J3366" i="2"/>
  <c r="J3340" i="5" s="1"/>
  <c r="N3340" i="5" s="1"/>
  <c r="J1353" i="2"/>
  <c r="J1327" i="5" s="1"/>
  <c r="N1327" i="5" s="1"/>
  <c r="J1852" i="2"/>
  <c r="J1826" i="5" s="1"/>
  <c r="N1826" i="5" s="1"/>
  <c r="J8397" i="2"/>
  <c r="J8371" i="5" s="1"/>
  <c r="N8371" i="5" s="1"/>
  <c r="J5868" i="2"/>
  <c r="J5842" i="5" s="1"/>
  <c r="N5842" i="5" s="1"/>
  <c r="J3193" i="2"/>
  <c r="J3167" i="5" s="1"/>
  <c r="N3167" i="5" s="1"/>
  <c r="J1205" i="2"/>
  <c r="J1179" i="5" s="1"/>
  <c r="N1179" i="5" s="1"/>
  <c r="J8256" i="2"/>
  <c r="J8230" i="5" s="1"/>
  <c r="N8230" i="5" s="1"/>
  <c r="J7740" i="2"/>
  <c r="J7714" i="5" s="1"/>
  <c r="N7714" i="5" s="1"/>
  <c r="J4706" i="2"/>
  <c r="J4680" i="5" s="1"/>
  <c r="N4680" i="5" s="1"/>
  <c r="J846" i="2"/>
  <c r="J820" i="5" s="1"/>
  <c r="N820" i="5" s="1"/>
  <c r="J349" i="2"/>
  <c r="J323" i="5" s="1"/>
  <c r="N323" i="5" s="1"/>
  <c r="J6555" i="2"/>
  <c r="J6529" i="5" s="1"/>
  <c r="N6529" i="5" s="1"/>
  <c r="J4691" i="2"/>
  <c r="J4665" i="5" s="1"/>
  <c r="N4665" i="5" s="1"/>
  <c r="J2852" i="2"/>
  <c r="J2826" i="5" s="1"/>
  <c r="N2826" i="5" s="1"/>
  <c r="J695" i="2"/>
  <c r="J669" i="5" s="1"/>
  <c r="N669" i="5" s="1"/>
  <c r="J7547" i="2"/>
  <c r="J7521" i="5" s="1"/>
  <c r="N7521" i="5" s="1"/>
  <c r="J4868" i="2"/>
  <c r="J4842" i="5" s="1"/>
  <c r="N4842" i="5" s="1"/>
  <c r="J2371" i="2"/>
  <c r="J2345" i="5" s="1"/>
  <c r="N2345" i="5" s="1"/>
  <c r="J8254" i="2"/>
  <c r="J8228" i="5" s="1"/>
  <c r="N8228" i="5" s="1"/>
  <c r="J6551" i="2"/>
  <c r="J6525" i="5" s="1"/>
  <c r="N6525" i="5" s="1"/>
  <c r="J3878" i="2"/>
  <c r="J3852" i="5" s="1"/>
  <c r="N3852" i="5" s="1"/>
  <c r="J1850" i="2"/>
  <c r="J1824" i="5" s="1"/>
  <c r="N1824" i="5" s="1"/>
  <c r="J8227" i="2"/>
  <c r="J8201" i="5" s="1"/>
  <c r="N8201" i="5" s="1"/>
  <c r="J7910" i="2"/>
  <c r="J7884" i="5" s="1"/>
  <c r="N7884" i="5" s="1"/>
  <c r="J6203" i="2"/>
  <c r="J6177" i="5" s="1"/>
  <c r="N6177" i="5" s="1"/>
  <c r="J3719" i="2"/>
  <c r="J3693" i="5" s="1"/>
  <c r="N3693" i="5" s="1"/>
  <c r="J1683" i="2"/>
  <c r="J1657" i="5" s="1"/>
  <c r="N1657" i="5" s="1"/>
  <c r="J1372" i="2"/>
  <c r="J1346" i="5" s="1"/>
  <c r="N1346" i="5" s="1"/>
  <c r="J7569" i="2"/>
  <c r="J7543" i="5" s="1"/>
  <c r="N7543" i="5" s="1"/>
  <c r="J5534" i="2"/>
  <c r="J5508" i="5" s="1"/>
  <c r="N5508" i="5" s="1"/>
  <c r="J3220" i="2"/>
  <c r="J3194" i="5" s="1"/>
  <c r="N3194" i="5" s="1"/>
  <c r="J2193" i="2"/>
  <c r="J2167" i="5" s="1"/>
  <c r="N2167" i="5" s="1"/>
  <c r="J7414" i="2"/>
  <c r="J7388" i="5" s="1"/>
  <c r="N7388" i="5" s="1"/>
  <c r="J4861" i="2"/>
  <c r="J4835" i="5" s="1"/>
  <c r="N4835" i="5" s="1"/>
  <c r="J3390" i="2"/>
  <c r="J3364" i="5" s="1"/>
  <c r="N3364" i="5" s="1"/>
  <c r="J1009" i="2"/>
  <c r="J983" i="5" s="1"/>
  <c r="N983" i="5" s="1"/>
  <c r="J5208" i="2"/>
  <c r="J5182" i="5" s="1"/>
  <c r="N5182" i="5" s="1"/>
  <c r="J4859" i="2"/>
  <c r="J4833" i="5" s="1"/>
  <c r="N4833" i="5" s="1"/>
  <c r="J3361" i="2"/>
  <c r="J3335" i="5" s="1"/>
  <c r="N3335" i="5" s="1"/>
  <c r="J687" i="2"/>
  <c r="J661" i="5" s="1"/>
  <c r="N661" i="5" s="1"/>
  <c r="J1004" i="2"/>
  <c r="J978" i="5" s="1"/>
  <c r="N978" i="5" s="1"/>
  <c r="J7216" i="2"/>
  <c r="J7190" i="5" s="1"/>
  <c r="N7190" i="5" s="1"/>
  <c r="J5394" i="2"/>
  <c r="J5368" i="5" s="1"/>
  <c r="N5368" i="5" s="1"/>
  <c r="J844" i="2"/>
  <c r="J818" i="5" s="1"/>
  <c r="N818" i="5" s="1"/>
  <c r="J7585" i="2"/>
  <c r="J7559" i="5" s="1"/>
  <c r="N7559" i="5" s="1"/>
  <c r="J6571" i="2"/>
  <c r="J6545" i="5" s="1"/>
  <c r="N6545" i="5" s="1"/>
  <c r="J4050" i="2"/>
  <c r="J4024" i="5" s="1"/>
  <c r="N4024" i="5" s="1"/>
  <c r="J6228" i="2"/>
  <c r="J6202" i="5" s="1"/>
  <c r="N6202" i="5" s="1"/>
  <c r="J4696" i="2"/>
  <c r="J4670" i="5" s="1"/>
  <c r="N4670" i="5" s="1"/>
  <c r="J2844" i="2"/>
  <c r="J2818" i="5" s="1"/>
  <c r="N2818" i="5" s="1"/>
  <c r="J363" i="2"/>
  <c r="J337" i="5" s="1"/>
  <c r="N337" i="5" s="1"/>
  <c r="J8747" i="2"/>
  <c r="J8721" i="5" s="1"/>
  <c r="N8721" i="5" s="1"/>
  <c r="J6731" i="2"/>
  <c r="J6705" i="5" s="1"/>
  <c r="N6705" i="5" s="1"/>
  <c r="J4214" i="2"/>
  <c r="J4188" i="5" s="1"/>
  <c r="N4188" i="5" s="1"/>
  <c r="J2711" i="2"/>
  <c r="J2685" i="5" s="1"/>
  <c r="N2685" i="5" s="1"/>
  <c r="J339" i="2"/>
  <c r="J313" i="5" s="1"/>
  <c r="N313" i="5" s="1"/>
  <c r="J8244" i="2"/>
  <c r="J8218" i="5" s="1"/>
  <c r="N8218" i="5" s="1"/>
  <c r="J6068" i="2"/>
  <c r="J6042" i="5" s="1"/>
  <c r="N6042" i="5" s="1"/>
  <c r="J4391" i="2"/>
  <c r="J4365" i="5" s="1"/>
  <c r="N4365" i="5" s="1"/>
  <c r="J2010" i="2"/>
  <c r="J1984" i="5" s="1"/>
  <c r="N1984" i="5" s="1"/>
  <c r="J8415" i="2"/>
  <c r="J8389" i="5" s="1"/>
  <c r="N8389" i="5" s="1"/>
  <c r="J5886" i="2"/>
  <c r="J5860" i="5" s="1"/>
  <c r="N5860" i="5" s="1"/>
  <c r="J2855" i="2"/>
  <c r="J2829" i="5" s="1"/>
  <c r="N2829" i="5" s="1"/>
  <c r="J1536" i="2"/>
  <c r="J1510" i="5" s="1"/>
  <c r="N1510" i="5" s="1"/>
  <c r="J679" i="2"/>
  <c r="J653" i="5" s="1"/>
  <c r="N653" i="5" s="1"/>
  <c r="J7069" i="2"/>
  <c r="J7043" i="5" s="1"/>
  <c r="N7043" i="5" s="1"/>
  <c r="J3553" i="2"/>
  <c r="J3527" i="5" s="1"/>
  <c r="N3527" i="5" s="1"/>
  <c r="J1869" i="2"/>
  <c r="J1843" i="5" s="1"/>
  <c r="N1843" i="5" s="1"/>
  <c r="J5708" i="2"/>
  <c r="J5682" i="5" s="1"/>
  <c r="N5682" i="5" s="1"/>
  <c r="J7073" i="2"/>
  <c r="J7047" i="5" s="1"/>
  <c r="N7047" i="5" s="1"/>
  <c r="J5036" i="2"/>
  <c r="J5010" i="5" s="1"/>
  <c r="N5010" i="5" s="1"/>
  <c r="J3349" i="2"/>
  <c r="J3323" i="5" s="1"/>
  <c r="N3323" i="5" s="1"/>
  <c r="J1166" i="2"/>
  <c r="J1140" i="5" s="1"/>
  <c r="N1140" i="5" s="1"/>
  <c r="J7223" i="2"/>
  <c r="J7197" i="5" s="1"/>
  <c r="N7197" i="5" s="1"/>
  <c r="J7553" i="2"/>
  <c r="J7527" i="5" s="1"/>
  <c r="N7527" i="5" s="1"/>
  <c r="J4865" i="2"/>
  <c r="J4839" i="5" s="1"/>
  <c r="N4839" i="5" s="1"/>
  <c r="J2543" i="2"/>
  <c r="J2517" i="5" s="1"/>
  <c r="N2517" i="5" s="1"/>
  <c r="J507" i="2"/>
  <c r="J481" i="5" s="1"/>
  <c r="N481" i="5" s="1"/>
  <c r="J667" i="2"/>
  <c r="J641" i="5" s="1"/>
  <c r="N641" i="5" s="1"/>
  <c r="J6374" i="2"/>
  <c r="J6348" i="5" s="1"/>
  <c r="N6348" i="5" s="1"/>
  <c r="J3897" i="2"/>
  <c r="J3871" i="5" s="1"/>
  <c r="N3871" i="5" s="1"/>
  <c r="J2536" i="2"/>
  <c r="J2510" i="5" s="1"/>
  <c r="N2510" i="5" s="1"/>
  <c r="J364" i="2"/>
  <c r="J338" i="5" s="1"/>
  <c r="N338" i="5" s="1"/>
  <c r="J8430" i="2"/>
  <c r="J8404" i="5" s="1"/>
  <c r="N8404" i="5" s="1"/>
  <c r="J6538" i="2"/>
  <c r="J6512" i="5" s="1"/>
  <c r="N6512" i="5" s="1"/>
  <c r="J4224" i="2"/>
  <c r="J4198" i="5" s="1"/>
  <c r="N4198" i="5" s="1"/>
  <c r="J1879" i="2"/>
  <c r="J1853" i="5" s="1"/>
  <c r="N1853" i="5" s="1"/>
  <c r="J5379" i="2"/>
  <c r="J5353" i="5" s="1"/>
  <c r="N5353" i="5" s="1"/>
  <c r="J7720" i="2"/>
  <c r="J7694" i="5" s="1"/>
  <c r="N7694" i="5" s="1"/>
  <c r="J5737" i="2"/>
  <c r="J5711" i="5" s="1"/>
  <c r="N5711" i="5" s="1"/>
  <c r="J2192" i="2"/>
  <c r="J2166" i="5" s="1"/>
  <c r="N2166" i="5" s="1"/>
  <c r="J8388" i="2"/>
  <c r="J8362" i="5" s="1"/>
  <c r="N8362" i="5" s="1"/>
  <c r="J7893" i="2"/>
  <c r="J7867" i="5" s="1"/>
  <c r="N7867" i="5" s="1"/>
  <c r="J5879" i="2"/>
  <c r="J5853" i="5" s="1"/>
  <c r="N5853" i="5" s="1"/>
  <c r="J3850" i="2"/>
  <c r="J3824" i="5" s="1"/>
  <c r="N3824" i="5" s="1"/>
  <c r="J1525" i="2"/>
  <c r="J1499" i="5" s="1"/>
  <c r="N1499" i="5" s="1"/>
  <c r="J3041" i="2"/>
  <c r="J3015" i="5" s="1"/>
  <c r="N3015" i="5" s="1"/>
  <c r="J1376" i="2"/>
  <c r="J1350" i="5" s="1"/>
  <c r="N1350" i="5" s="1"/>
  <c r="J8584" i="2"/>
  <c r="J8558" i="5" s="1"/>
  <c r="N8558" i="5" s="1"/>
  <c r="J7055" i="2"/>
  <c r="J7029" i="5" s="1"/>
  <c r="N7029" i="5" s="1"/>
  <c r="J5045" i="2"/>
  <c r="J5019" i="5" s="1"/>
  <c r="N5019" i="5" s="1"/>
  <c r="J3201" i="2"/>
  <c r="J3175" i="5" s="1"/>
  <c r="N3175" i="5" s="1"/>
  <c r="J1187" i="2"/>
  <c r="J1161" i="5" s="1"/>
  <c r="N1161" i="5" s="1"/>
  <c r="J4873" i="2"/>
  <c r="J4847" i="5" s="1"/>
  <c r="N4847" i="5" s="1"/>
  <c r="J7089" i="2"/>
  <c r="J7063" i="5" s="1"/>
  <c r="N7063" i="5" s="1"/>
  <c r="J4559" i="2"/>
  <c r="J4533" i="5" s="1"/>
  <c r="N4533" i="5" s="1"/>
  <c r="J2685" i="2"/>
  <c r="J2659" i="5" s="1"/>
  <c r="N2659" i="5" s="1"/>
  <c r="J504" i="2"/>
  <c r="J478" i="5" s="1"/>
  <c r="N478" i="5" s="1"/>
  <c r="J7392" i="2"/>
  <c r="J7366" i="5" s="1"/>
  <c r="N7366" i="5" s="1"/>
  <c r="J6564" i="2"/>
  <c r="J6538" i="5" s="1"/>
  <c r="N6538" i="5" s="1"/>
  <c r="J4725" i="2"/>
  <c r="J4699" i="5" s="1"/>
  <c r="N4699" i="5" s="1"/>
  <c r="J2881" i="2"/>
  <c r="J2855" i="5" s="1"/>
  <c r="N2855" i="5" s="1"/>
  <c r="J329" i="2"/>
  <c r="J303" i="5" s="1"/>
  <c r="N303" i="5" s="1"/>
  <c r="J8057" i="2"/>
  <c r="J8031" i="5" s="1"/>
  <c r="N8031" i="5" s="1"/>
  <c r="J6207" i="2"/>
  <c r="J6181" i="5" s="1"/>
  <c r="N6181" i="5" s="1"/>
  <c r="J4373" i="2"/>
  <c r="J4347" i="5" s="1"/>
  <c r="N4347" i="5" s="1"/>
  <c r="J175" i="2"/>
  <c r="J149" i="5" s="1"/>
  <c r="N149" i="5" s="1"/>
  <c r="J8225" i="2"/>
  <c r="J8199" i="5" s="1"/>
  <c r="N8199" i="5" s="1"/>
  <c r="J6730" i="2"/>
  <c r="J6704" i="5" s="1"/>
  <c r="N6704" i="5" s="1"/>
  <c r="J4216" i="2"/>
  <c r="J4190" i="5" s="1"/>
  <c r="N4190" i="5" s="1"/>
  <c r="J2367" i="2"/>
  <c r="J2341" i="5" s="1"/>
  <c r="N2341" i="5" s="1"/>
  <c r="J7415" i="2"/>
  <c r="J7389" i="5" s="1"/>
  <c r="N7389" i="5" s="1"/>
  <c r="J8565" i="2"/>
  <c r="J8539" i="5" s="1"/>
  <c r="N8539" i="5" s="1"/>
  <c r="J5912" i="2"/>
  <c r="J5886" i="5" s="1"/>
  <c r="N5886" i="5" s="1"/>
  <c r="J4063" i="2"/>
  <c r="J4037" i="5" s="1"/>
  <c r="N4037" i="5" s="1"/>
  <c r="J1358" i="2"/>
  <c r="J1332" i="5" s="1"/>
  <c r="N1332" i="5" s="1"/>
  <c r="J2207" i="2"/>
  <c r="J2181" i="5" s="1"/>
  <c r="N2181" i="5" s="1"/>
  <c r="J2015" i="2"/>
  <c r="J1989" i="5" s="1"/>
  <c r="N1989" i="5" s="1"/>
  <c r="J6886" i="2"/>
  <c r="J6860" i="5" s="1"/>
  <c r="N6860" i="5" s="1"/>
  <c r="J8097" i="2"/>
  <c r="J8071" i="5" s="1"/>
  <c r="N8071" i="5" s="1"/>
  <c r="J5570" i="2"/>
  <c r="J5544" i="5" s="1"/>
  <c r="N5544" i="5" s="1"/>
  <c r="J3200" i="2"/>
  <c r="J3174" i="5" s="1"/>
  <c r="N3174" i="5" s="1"/>
  <c r="J1532" i="2"/>
  <c r="J1506" i="5" s="1"/>
  <c r="N1506" i="5" s="1"/>
  <c r="J8741" i="2"/>
  <c r="J8715" i="5" s="1"/>
  <c r="N8715" i="5" s="1"/>
  <c r="J7756" i="2"/>
  <c r="J7730" i="5" s="1"/>
  <c r="N7730" i="5" s="1"/>
  <c r="J5374" i="2"/>
  <c r="J5348" i="5" s="1"/>
  <c r="N5348" i="5" s="1"/>
  <c r="J3030" i="2"/>
  <c r="J3004" i="5" s="1"/>
  <c r="N3004" i="5" s="1"/>
  <c r="J1164" i="2"/>
  <c r="J1138" i="5" s="1"/>
  <c r="N1138" i="5" s="1"/>
  <c r="J3710" i="2"/>
  <c r="J3684" i="5" s="1"/>
  <c r="N3684" i="5" s="1"/>
  <c r="J7420" i="2"/>
  <c r="J7394" i="5" s="1"/>
  <c r="N7394" i="5" s="1"/>
  <c r="J5064" i="2"/>
  <c r="J5038" i="5" s="1"/>
  <c r="N5038" i="5" s="1"/>
  <c r="J2875" i="2"/>
  <c r="J2849" i="5" s="1"/>
  <c r="N2849" i="5" s="1"/>
  <c r="J674" i="2"/>
  <c r="J648" i="5" s="1"/>
  <c r="N648" i="5" s="1"/>
  <c r="J4232" i="2"/>
  <c r="J4206" i="5" s="1"/>
  <c r="N4206" i="5" s="1"/>
  <c r="J6379" i="2"/>
  <c r="J6353" i="5" s="1"/>
  <c r="N6353" i="5" s="1"/>
  <c r="J5230" i="2"/>
  <c r="J5204" i="5" s="1"/>
  <c r="N5204" i="5" s="1"/>
  <c r="J2366" i="2"/>
  <c r="J2340" i="5" s="1"/>
  <c r="N2340" i="5" s="1"/>
  <c r="J1872" i="2"/>
  <c r="J1846" i="5" s="1"/>
  <c r="N1846" i="5" s="1"/>
  <c r="J6376" i="2"/>
  <c r="J6350" i="5" s="1"/>
  <c r="N6350" i="5" s="1"/>
  <c r="J5063" i="2"/>
  <c r="J5037" i="5" s="1"/>
  <c r="N5037" i="5" s="1"/>
  <c r="J2356" i="2"/>
  <c r="J2330" i="5" s="1"/>
  <c r="N2330" i="5" s="1"/>
  <c r="J7886" i="2"/>
  <c r="J7860" i="5" s="1"/>
  <c r="N7860" i="5" s="1"/>
  <c r="J2512" i="2"/>
  <c r="J2486" i="5" s="1"/>
  <c r="N2486" i="5" s="1"/>
  <c r="J8241" i="2"/>
  <c r="J8215" i="5" s="1"/>
  <c r="N8215" i="5" s="1"/>
  <c r="J3187" i="2"/>
  <c r="J3161" i="5" s="1"/>
  <c r="N3161" i="5" s="1"/>
  <c r="J5575" i="2"/>
  <c r="J5549" i="5" s="1"/>
  <c r="N5549" i="5" s="1"/>
  <c r="J6053" i="2"/>
  <c r="J6027" i="5" s="1"/>
  <c r="N6027" i="5" s="1"/>
  <c r="J3883" i="2"/>
  <c r="J3857" i="5" s="1"/>
  <c r="N3857" i="5" s="1"/>
  <c r="J3867" i="2"/>
  <c r="J3841" i="5" s="1"/>
  <c r="N3841" i="5" s="1"/>
  <c r="J1037" i="2"/>
  <c r="J1011" i="5" s="1"/>
  <c r="N1011" i="5" s="1"/>
  <c r="J5736" i="2"/>
  <c r="J5710" i="5" s="1"/>
  <c r="N5710" i="5" s="1"/>
  <c r="J8061" i="2"/>
  <c r="J8035" i="5" s="1"/>
  <c r="N8035" i="5" s="1"/>
  <c r="J8387" i="2"/>
  <c r="J8361" i="5" s="1"/>
  <c r="N8361" i="5" s="1"/>
  <c r="J8077" i="2"/>
  <c r="J8051" i="5" s="1"/>
  <c r="N8051" i="5" s="1"/>
  <c r="J686" i="2"/>
  <c r="J660" i="5" s="1"/>
  <c r="N660" i="5" s="1"/>
  <c r="J2007" i="2"/>
  <c r="J1981" i="5" s="1"/>
  <c r="N1981" i="5" s="1"/>
  <c r="J7053" i="2"/>
  <c r="J7027" i="5" s="1"/>
  <c r="N7027" i="5" s="1"/>
  <c r="J5385" i="2"/>
  <c r="J5359" i="5" s="1"/>
  <c r="N5359" i="5" s="1"/>
  <c r="J2177" i="2"/>
  <c r="J2151" i="5" s="1"/>
  <c r="N2151" i="5" s="1"/>
  <c r="J526" i="2"/>
  <c r="J500" i="5" s="1"/>
  <c r="N500" i="5" s="1"/>
  <c r="J5381" i="2"/>
  <c r="J5355" i="5" s="1"/>
  <c r="N5355" i="5" s="1"/>
  <c r="J3368" i="2"/>
  <c r="J3342" i="5" s="1"/>
  <c r="N3342" i="5" s="1"/>
  <c r="J1691" i="2"/>
  <c r="J1665" i="5" s="1"/>
  <c r="N1665" i="5" s="1"/>
  <c r="J1007" i="2"/>
  <c r="J981" i="5" s="1"/>
  <c r="N981" i="5" s="1"/>
  <c r="J7067" i="2"/>
  <c r="J7041" i="5" s="1"/>
  <c r="N7041" i="5" s="1"/>
  <c r="J5039" i="2"/>
  <c r="J5013" i="5" s="1"/>
  <c r="N5013" i="5" s="1"/>
  <c r="J3046" i="2"/>
  <c r="J3020" i="5" s="1"/>
  <c r="N3020" i="5" s="1"/>
  <c r="J5034" i="2"/>
  <c r="J5008" i="5" s="1"/>
  <c r="N5008" i="5" s="1"/>
  <c r="J2185" i="2"/>
  <c r="J2159" i="5" s="1"/>
  <c r="N2159" i="5" s="1"/>
  <c r="J155" i="2"/>
  <c r="J129" i="5" s="1"/>
  <c r="N129" i="5" s="1"/>
  <c r="J8242" i="2"/>
  <c r="J8216" i="5" s="1"/>
  <c r="N8216" i="5" s="1"/>
  <c r="J6377" i="2"/>
  <c r="J6351" i="5" s="1"/>
  <c r="N6351" i="5" s="1"/>
  <c r="J3532" i="2"/>
  <c r="J3506" i="5" s="1"/>
  <c r="N3506" i="5" s="1"/>
  <c r="J2864" i="2"/>
  <c r="J2838" i="5" s="1"/>
  <c r="N2838" i="5" s="1"/>
  <c r="J2184" i="2"/>
  <c r="J2158" i="5" s="1"/>
  <c r="N2158" i="5" s="1"/>
  <c r="J3701" i="2"/>
  <c r="J3675" i="5" s="1"/>
  <c r="N3675" i="5" s="1"/>
  <c r="J8592" i="2"/>
  <c r="J8566" i="5" s="1"/>
  <c r="N8566" i="5" s="1"/>
  <c r="J5872" i="2"/>
  <c r="J5846" i="5" s="1"/>
  <c r="N5846" i="5" s="1"/>
  <c r="J3525" i="2"/>
  <c r="J3499" i="5" s="1"/>
  <c r="N3499" i="5" s="1"/>
  <c r="J1354" i="2"/>
  <c r="J1328" i="5" s="1"/>
  <c r="N1328" i="5" s="1"/>
  <c r="J1015" i="2"/>
  <c r="J989" i="5" s="1"/>
  <c r="N989" i="5" s="1"/>
  <c r="J6414" i="2"/>
  <c r="J6388" i="5" s="1"/>
  <c r="N6388" i="5" s="1"/>
  <c r="J494" i="2"/>
  <c r="J468" i="5" s="1"/>
  <c r="N468" i="5" s="1"/>
  <c r="J6392" i="2"/>
  <c r="J6366" i="5" s="1"/>
  <c r="N6366" i="5" s="1"/>
  <c r="J4052" i="2"/>
  <c r="J4026" i="5" s="1"/>
  <c r="N4026" i="5" s="1"/>
  <c r="J7564" i="2"/>
  <c r="J7538" i="5" s="1"/>
  <c r="N7538" i="5" s="1"/>
  <c r="J4361" i="2"/>
  <c r="J4335" i="5" s="1"/>
  <c r="N4335" i="5" s="1"/>
  <c r="J2374" i="2"/>
  <c r="J2348" i="5" s="1"/>
  <c r="N2348" i="5" s="1"/>
  <c r="J495" i="2"/>
  <c r="J469" i="5" s="1"/>
  <c r="N469" i="5" s="1"/>
  <c r="J4884" i="2"/>
  <c r="J4858" i="5" s="1"/>
  <c r="N4858" i="5" s="1"/>
  <c r="J8228" i="2"/>
  <c r="J8202" i="5" s="1"/>
  <c r="N8202" i="5" s="1"/>
  <c r="J8570" i="2"/>
  <c r="J8544" i="5" s="1"/>
  <c r="N8544" i="5" s="1"/>
  <c r="J6572" i="2"/>
  <c r="J6546" i="5" s="1"/>
  <c r="N6546" i="5" s="1"/>
  <c r="J6391" i="2"/>
  <c r="J6365" i="5" s="1"/>
  <c r="N6365" i="5" s="1"/>
  <c r="J7556" i="2"/>
  <c r="J7530" i="5" s="1"/>
  <c r="N7530" i="5" s="1"/>
  <c r="J6248" i="2"/>
  <c r="J6222" i="5" s="1"/>
  <c r="N6222" i="5" s="1"/>
  <c r="J3024" i="2"/>
  <c r="J2998" i="5" s="1"/>
  <c r="N2998" i="5" s="1"/>
  <c r="J1013" i="2"/>
  <c r="J987" i="5" s="1"/>
  <c r="N987" i="5" s="1"/>
  <c r="J8404" i="2"/>
  <c r="J8378" i="5" s="1"/>
  <c r="N8378" i="5" s="1"/>
  <c r="J7558" i="2"/>
  <c r="J7532" i="5" s="1"/>
  <c r="N7532" i="5" s="1"/>
  <c r="J1849" i="2"/>
  <c r="J1823" i="5" s="1"/>
  <c r="N1823" i="5" s="1"/>
  <c r="J7731" i="2"/>
  <c r="J7705" i="5" s="1"/>
  <c r="N7705" i="5" s="1"/>
  <c r="J7906" i="2"/>
  <c r="J7880" i="5" s="1"/>
  <c r="N7880" i="5" s="1"/>
  <c r="J5547" i="2"/>
  <c r="J5521" i="5" s="1"/>
  <c r="N5521" i="5" s="1"/>
  <c r="J3518" i="2"/>
  <c r="J3492" i="5" s="1"/>
  <c r="N3492" i="5" s="1"/>
  <c r="J1368" i="2"/>
  <c r="J1342" i="5" s="1"/>
  <c r="N1342" i="5" s="1"/>
  <c r="J2856" i="2"/>
  <c r="J2830" i="5" s="1"/>
  <c r="N2830" i="5" s="1"/>
  <c r="J1367" i="2"/>
  <c r="J1341" i="5" s="1"/>
  <c r="N1341" i="5" s="1"/>
  <c r="J4555" i="2"/>
  <c r="J4529" i="5" s="1"/>
  <c r="N4529" i="5" s="1"/>
  <c r="J6415" i="2"/>
  <c r="J6389" i="5" s="1"/>
  <c r="N6389" i="5" s="1"/>
  <c r="J4542" i="2"/>
  <c r="J4516" i="5" s="1"/>
  <c r="N4516" i="5" s="1"/>
  <c r="J2692" i="2"/>
  <c r="J2666" i="5" s="1"/>
  <c r="N2666" i="5" s="1"/>
  <c r="J661" i="2"/>
  <c r="J635" i="5" s="1"/>
  <c r="N635" i="5" s="1"/>
  <c r="J322" i="2"/>
  <c r="J296" i="5" s="1"/>
  <c r="N296" i="5" s="1"/>
  <c r="J8594" i="2"/>
  <c r="J8568" i="5" s="1"/>
  <c r="N8568" i="5" s="1"/>
  <c r="J6579" i="2"/>
  <c r="J6553" i="5" s="1"/>
  <c r="N6553" i="5" s="1"/>
  <c r="J4043" i="2"/>
  <c r="J4017" i="5" s="1"/>
  <c r="N4017" i="5" s="1"/>
  <c r="J2352" i="2"/>
  <c r="J2326" i="5" s="1"/>
  <c r="N2326" i="5" s="1"/>
  <c r="J7222" i="2"/>
  <c r="J7196" i="5" s="1"/>
  <c r="N7196" i="5" s="1"/>
  <c r="J1505" i="2"/>
  <c r="J1479" i="5" s="1"/>
  <c r="N1479" i="5" s="1"/>
  <c r="J2538" i="2"/>
  <c r="J2512" i="5" s="1"/>
  <c r="N2512" i="5" s="1"/>
  <c r="J7562" i="2"/>
  <c r="J7536" i="5" s="1"/>
  <c r="N7536" i="5" s="1"/>
  <c r="J6081" i="2"/>
  <c r="J6055" i="5" s="1"/>
  <c r="N6055" i="5" s="1"/>
  <c r="J3199" i="2"/>
  <c r="J3173" i="5" s="1"/>
  <c r="N3173" i="5" s="1"/>
  <c r="J1005" i="2"/>
  <c r="J979" i="5" s="1"/>
  <c r="N979" i="5" s="1"/>
  <c r="J7210" i="2"/>
  <c r="J7184" i="5" s="1"/>
  <c r="N7184" i="5" s="1"/>
  <c r="J4729" i="2"/>
  <c r="J4703" i="5" s="1"/>
  <c r="N4703" i="5" s="1"/>
  <c r="J2523" i="2"/>
  <c r="J2497" i="5" s="1"/>
  <c r="N2497" i="5" s="1"/>
  <c r="J683" i="2"/>
  <c r="J657" i="5" s="1"/>
  <c r="N657" i="5" s="1"/>
  <c r="J5568" i="2"/>
  <c r="J5542" i="5" s="1"/>
  <c r="N5542" i="5" s="1"/>
  <c r="J7251" i="2"/>
  <c r="J7225" i="5" s="1"/>
  <c r="N7225" i="5" s="1"/>
  <c r="J8239" i="2"/>
  <c r="J8213" i="5" s="1"/>
  <c r="N8213" i="5" s="1"/>
  <c r="J6383" i="2"/>
  <c r="J6357" i="5" s="1"/>
  <c r="N6357" i="5" s="1"/>
  <c r="J4058" i="2"/>
  <c r="J4032" i="5" s="1"/>
  <c r="N4032" i="5" s="1"/>
  <c r="J2005" i="2"/>
  <c r="J1979" i="5" s="1"/>
  <c r="N1979" i="5" s="1"/>
  <c r="J870" i="2"/>
  <c r="J844" i="5" s="1"/>
  <c r="N844" i="5" s="1"/>
  <c r="J8223" i="2"/>
  <c r="J8197" i="5" s="1"/>
  <c r="N8197" i="5" s="1"/>
  <c r="J6404" i="2"/>
  <c r="J6378" i="5" s="1"/>
  <c r="N6378" i="5" s="1"/>
  <c r="J3861" i="2"/>
  <c r="J3835" i="5" s="1"/>
  <c r="N3835" i="5" s="1"/>
  <c r="J2526" i="2"/>
  <c r="J2500" i="5" s="1"/>
  <c r="N2500" i="5" s="1"/>
  <c r="J346" i="2"/>
  <c r="J320" i="5" s="1"/>
  <c r="N320" i="5" s="1"/>
  <c r="J8763" i="2"/>
  <c r="J8737" i="5" s="1"/>
  <c r="N8737" i="5" s="1"/>
  <c r="J6906" i="2"/>
  <c r="J6880" i="5" s="1"/>
  <c r="N6880" i="5" s="1"/>
  <c r="J4560" i="2"/>
  <c r="J4534" i="5" s="1"/>
  <c r="N4534" i="5" s="1"/>
  <c r="J7398" i="2"/>
  <c r="J7372" i="5" s="1"/>
  <c r="N7372" i="5" s="1"/>
  <c r="J4523" i="2"/>
  <c r="J4497" i="5" s="1"/>
  <c r="N4497" i="5" s="1"/>
  <c r="J3700" i="2"/>
  <c r="J3674" i="5" s="1"/>
  <c r="N3674" i="5" s="1"/>
  <c r="J1186" i="2"/>
  <c r="J1160" i="5" s="1"/>
  <c r="N1160" i="5" s="1"/>
  <c r="J7741" i="2"/>
  <c r="J7715" i="5" s="1"/>
  <c r="N7715" i="5" s="1"/>
  <c r="J7907" i="2"/>
  <c r="J7881" i="5" s="1"/>
  <c r="N7881" i="5" s="1"/>
  <c r="J5194" i="2"/>
  <c r="J5168" i="5" s="1"/>
  <c r="N5168" i="5" s="1"/>
  <c r="J7900" i="2"/>
  <c r="J7874" i="5" s="1"/>
  <c r="N7874" i="5" s="1"/>
  <c r="J4548" i="2"/>
  <c r="J4522" i="5" s="1"/>
  <c r="N4522" i="5" s="1"/>
  <c r="J1844" i="2"/>
  <c r="J1818" i="5" s="1"/>
  <c r="N1818" i="5" s="1"/>
  <c r="J7218" i="2"/>
  <c r="J7192" i="5" s="1"/>
  <c r="N7192" i="5" s="1"/>
  <c r="J1375" i="2"/>
  <c r="J1349" i="5" s="1"/>
  <c r="N1349" i="5" s="1"/>
  <c r="J1195" i="2"/>
  <c r="J1169" i="5" s="1"/>
  <c r="N1169" i="5" s="1"/>
  <c r="J2019" i="2"/>
  <c r="J1993" i="5" s="1"/>
  <c r="N1993" i="5" s="1"/>
  <c r="J6202" i="2"/>
  <c r="J6176" i="5" s="1"/>
  <c r="N6176" i="5" s="1"/>
  <c r="J3686" i="2"/>
  <c r="J3660" i="5" s="1"/>
  <c r="N3660" i="5" s="1"/>
  <c r="J6888" i="2"/>
  <c r="J6862" i="5" s="1"/>
  <c r="N6862" i="5" s="1"/>
  <c r="J2025" i="2"/>
  <c r="J1999" i="5" s="1"/>
  <c r="N1999" i="5" s="1"/>
  <c r="J4538" i="2"/>
  <c r="J4512" i="5" s="1"/>
  <c r="N4512" i="5" s="1"/>
  <c r="J5877" i="2"/>
  <c r="J5851" i="5" s="1"/>
  <c r="N5851" i="5" s="1"/>
  <c r="J3706" i="2"/>
  <c r="J3680" i="5" s="1"/>
  <c r="N3680" i="5" s="1"/>
  <c r="J1687" i="2"/>
  <c r="J1661" i="5" s="1"/>
  <c r="N1661" i="5" s="1"/>
  <c r="J5378" i="2"/>
  <c r="J5352" i="5" s="1"/>
  <c r="N5352" i="5" s="1"/>
  <c r="J8598" i="2"/>
  <c r="J8572" i="5" s="1"/>
  <c r="N8572" i="5" s="1"/>
  <c r="J5866" i="2"/>
  <c r="J5840" i="5" s="1"/>
  <c r="N5840" i="5" s="1"/>
  <c r="J327" i="2"/>
  <c r="J301" i="5" s="1"/>
  <c r="N301" i="5" s="1"/>
  <c r="J8085" i="2"/>
  <c r="J8059" i="5" s="1"/>
  <c r="N8059" i="5" s="1"/>
  <c r="J5720" i="2"/>
  <c r="J5694" i="5" s="1"/>
  <c r="N5694" i="5" s="1"/>
  <c r="J4563" i="2"/>
  <c r="J4537" i="5" s="1"/>
  <c r="N4537" i="5" s="1"/>
  <c r="J1696" i="2"/>
  <c r="J1670" i="5" s="1"/>
  <c r="N1670" i="5" s="1"/>
  <c r="J8769" i="2"/>
  <c r="J8743" i="5" s="1"/>
  <c r="N8743" i="5" s="1"/>
  <c r="J1011" i="2"/>
  <c r="J985" i="5" s="1"/>
  <c r="N985" i="5" s="1"/>
  <c r="J2012" i="2"/>
  <c r="J1986" i="5" s="1"/>
  <c r="N1986" i="5" s="1"/>
  <c r="J6904" i="2"/>
  <c r="J6878" i="5" s="1"/>
  <c r="N6878" i="5" s="1"/>
  <c r="J4700" i="2"/>
  <c r="J4674" i="5" s="1"/>
  <c r="N4674" i="5" s="1"/>
  <c r="J3346" i="2"/>
  <c r="J3320" i="5" s="1"/>
  <c r="N3320" i="5" s="1"/>
  <c r="J998" i="2"/>
  <c r="J972" i="5" s="1"/>
  <c r="N972" i="5" s="1"/>
  <c r="J5062" i="2"/>
  <c r="J5036" i="5" s="1"/>
  <c r="N5036" i="5" s="1"/>
  <c r="J1003" i="2"/>
  <c r="J977" i="5" s="1"/>
  <c r="N977" i="5" s="1"/>
  <c r="J6706" i="2"/>
  <c r="J6680" i="5" s="1"/>
  <c r="N6680" i="5" s="1"/>
  <c r="J5054" i="2"/>
  <c r="J5028" i="5" s="1"/>
  <c r="N5028" i="5" s="1"/>
  <c r="J2717" i="2"/>
  <c r="J2691" i="5" s="1"/>
  <c r="N2691" i="5" s="1"/>
  <c r="J330" i="2"/>
  <c r="J304" i="5" s="1"/>
  <c r="N304" i="5" s="1"/>
  <c r="J3526" i="2"/>
  <c r="J3500" i="5" s="1"/>
  <c r="N3500" i="5" s="1"/>
  <c r="J4217" i="2"/>
  <c r="J4191" i="5" s="1"/>
  <c r="N4191" i="5" s="1"/>
  <c r="J8264" i="2"/>
  <c r="J8238" i="5" s="1"/>
  <c r="N8238" i="5" s="1"/>
  <c r="J6249" i="2"/>
  <c r="J6223" i="5" s="1"/>
  <c r="N6223" i="5" s="1"/>
  <c r="J3372" i="2"/>
  <c r="J3346" i="5" s="1"/>
  <c r="N3346" i="5" s="1"/>
  <c r="J1707" i="2"/>
  <c r="J1681" i="5" s="1"/>
  <c r="N1681" i="5" s="1"/>
  <c r="J8764" i="2"/>
  <c r="J8738" i="5" s="1"/>
  <c r="N8738" i="5" s="1"/>
  <c r="J7894" i="2"/>
  <c r="J7868" i="5" s="1"/>
  <c r="N7868" i="5" s="1"/>
  <c r="J5405" i="2"/>
  <c r="J5379" i="5" s="1"/>
  <c r="N5379" i="5" s="1"/>
  <c r="J3040" i="2"/>
  <c r="J3014" i="5" s="1"/>
  <c r="N3014" i="5" s="1"/>
  <c r="J1025" i="2"/>
  <c r="J999" i="5" s="1"/>
  <c r="N999" i="5" s="1"/>
  <c r="J829" i="2"/>
  <c r="J803" i="5" s="1"/>
  <c r="N803" i="5" s="1"/>
  <c r="J7728" i="2"/>
  <c r="J7702" i="5" s="1"/>
  <c r="N7702" i="5" s="1"/>
  <c r="J4378" i="2"/>
  <c r="J4352" i="5" s="1"/>
  <c r="N4352" i="5" s="1"/>
  <c r="J6748" i="2"/>
  <c r="J6722" i="5" s="1"/>
  <c r="N6722" i="5" s="1"/>
  <c r="J4693" i="2"/>
  <c r="J4667" i="5" s="1"/>
  <c r="N4667" i="5" s="1"/>
  <c r="J2857" i="2"/>
  <c r="J2831" i="5" s="1"/>
  <c r="N2831" i="5" s="1"/>
  <c r="J356" i="2"/>
  <c r="J330" i="5" s="1"/>
  <c r="N330" i="5" s="1"/>
  <c r="J7904" i="2"/>
  <c r="J7878" i="5" s="1"/>
  <c r="N7878" i="5" s="1"/>
  <c r="J7070" i="2"/>
  <c r="J7044" i="5" s="1"/>
  <c r="N7044" i="5" s="1"/>
  <c r="J5030" i="2"/>
  <c r="J5004" i="5" s="1"/>
  <c r="N5004" i="5" s="1"/>
  <c r="J2344" i="2"/>
  <c r="J2318" i="5" s="1"/>
  <c r="N2318" i="5" s="1"/>
  <c r="J865" i="2"/>
  <c r="J839" i="5" s="1"/>
  <c r="N839" i="5" s="1"/>
  <c r="J4204" i="2"/>
  <c r="J4178" i="5" s="1"/>
  <c r="N4178" i="5" s="1"/>
  <c r="J7080" i="2"/>
  <c r="J7054" i="5" s="1"/>
  <c r="N7054" i="5" s="1"/>
  <c r="J5066" i="2"/>
  <c r="J5040" i="5" s="1"/>
  <c r="N5040" i="5" s="1"/>
  <c r="J8601" i="2"/>
  <c r="J8575" i="5" s="1"/>
  <c r="N8575" i="5" s="1"/>
  <c r="J6036" i="2"/>
  <c r="J6010" i="5" s="1"/>
  <c r="N6010" i="5" s="1"/>
  <c r="J3018" i="2"/>
  <c r="J2992" i="5" s="1"/>
  <c r="N2992" i="5" s="1"/>
  <c r="J8240" i="2"/>
  <c r="J8214" i="5" s="1"/>
  <c r="N8214" i="5" s="1"/>
  <c r="J2047" i="2"/>
  <c r="J2021" i="5" s="1"/>
  <c r="N2021" i="5" s="1"/>
  <c r="J5729" i="2"/>
  <c r="J5703" i="5" s="1"/>
  <c r="N5703" i="5" s="1"/>
  <c r="J1507" i="2"/>
  <c r="J1481" i="5" s="1"/>
  <c r="N1481" i="5" s="1"/>
  <c r="J531" i="2"/>
  <c r="J505" i="5" s="1"/>
  <c r="N505" i="5" s="1"/>
  <c r="J6220" i="2"/>
  <c r="J6194" i="5" s="1"/>
  <c r="N6194" i="5" s="1"/>
  <c r="J6882" i="2"/>
  <c r="J6856" i="5" s="1"/>
  <c r="N6856" i="5" s="1"/>
  <c r="J1172" i="2"/>
  <c r="J1146" i="5" s="1"/>
  <c r="N1146" i="5" s="1"/>
  <c r="J3528" i="2"/>
  <c r="J3502" i="5" s="1"/>
  <c r="N3502" i="5" s="1"/>
  <c r="J2369" i="2"/>
  <c r="J2343" i="5" s="1"/>
  <c r="N2343" i="5" s="1"/>
  <c r="J4393" i="2"/>
  <c r="J4367" i="5" s="1"/>
  <c r="N4367" i="5" s="1"/>
  <c r="J1168" i="2"/>
  <c r="J1142" i="5" s="1"/>
  <c r="N1142" i="5" s="1"/>
  <c r="J513" i="2"/>
  <c r="J487" i="5" s="1"/>
  <c r="N487" i="5" s="1"/>
  <c r="J8075" i="2"/>
  <c r="J8049" i="5" s="1"/>
  <c r="N8049" i="5" s="1"/>
  <c r="J4024" i="2"/>
  <c r="J3998" i="5" s="1"/>
  <c r="N3998" i="5" s="1"/>
  <c r="J1851" i="2"/>
  <c r="J1825" i="5" s="1"/>
  <c r="N1825" i="5" s="1"/>
  <c r="J849" i="2"/>
  <c r="J823" i="5" s="1"/>
  <c r="N823" i="5" s="1"/>
  <c r="J8259" i="2"/>
  <c r="J8233" i="5" s="1"/>
  <c r="N8233" i="5" s="1"/>
  <c r="J5546" i="2"/>
  <c r="J5520" i="5" s="1"/>
  <c r="N5520" i="5" s="1"/>
  <c r="J3881" i="2"/>
  <c r="J3855" i="5" s="1"/>
  <c r="N3855" i="5" s="1"/>
  <c r="J2037" i="2"/>
  <c r="J2011" i="5" s="1"/>
  <c r="N2011" i="5" s="1"/>
  <c r="J6740" i="2"/>
  <c r="J6714" i="5" s="1"/>
  <c r="N6714" i="5" s="1"/>
  <c r="J4062" i="2"/>
  <c r="J4036" i="5" s="1"/>
  <c r="N4036" i="5" s="1"/>
  <c r="J2681" i="2"/>
  <c r="J2655" i="5" s="1"/>
  <c r="N2655" i="5" s="1"/>
  <c r="J527" i="2"/>
  <c r="J501" i="5" s="1"/>
  <c r="N501" i="5" s="1"/>
  <c r="J8386" i="2"/>
  <c r="J4377" i="2"/>
  <c r="J4351" i="5" s="1"/>
  <c r="N4351" i="5" s="1"/>
  <c r="J8409" i="2"/>
  <c r="J8383" i="5" s="1"/>
  <c r="N8383" i="5" s="1"/>
  <c r="J5727" i="2"/>
  <c r="J5701" i="5" s="1"/>
  <c r="N5701" i="5" s="1"/>
  <c r="J3713" i="2"/>
  <c r="J3687" i="5" s="1"/>
  <c r="N3687" i="5" s="1"/>
  <c r="J1512" i="2"/>
  <c r="J1486" i="5" s="1"/>
  <c r="N1486" i="5" s="1"/>
  <c r="J511" i="2"/>
  <c r="J485" i="5" s="1"/>
  <c r="N485" i="5" s="1"/>
  <c r="J7584" i="2"/>
  <c r="J7558" i="5" s="1"/>
  <c r="N7558" i="5" s="1"/>
  <c r="J7736" i="2"/>
  <c r="J7710" i="5" s="1"/>
  <c r="N7710" i="5" s="1"/>
  <c r="J2714" i="2"/>
  <c r="J2688" i="5" s="1"/>
  <c r="N2688" i="5" s="1"/>
  <c r="J4211" i="2"/>
  <c r="J4185" i="5" s="1"/>
  <c r="N4185" i="5" s="1"/>
  <c r="J496" i="2"/>
  <c r="J470" i="5" s="1"/>
  <c r="N470" i="5" s="1"/>
  <c r="J7233" i="2"/>
  <c r="J7207" i="5" s="1"/>
  <c r="N7207" i="5" s="1"/>
  <c r="J4064" i="2"/>
  <c r="J4038" i="5" s="1"/>
  <c r="N4038" i="5" s="1"/>
  <c r="J8428" i="2"/>
  <c r="J8402" i="5" s="1"/>
  <c r="N8402" i="5" s="1"/>
  <c r="J1330" i="2"/>
  <c r="J1304" i="5" s="1"/>
  <c r="N1304" i="5" s="1"/>
  <c r="J3873" i="2"/>
  <c r="J3847" i="5" s="1"/>
  <c r="N3847" i="5" s="1"/>
  <c r="J4733" i="2"/>
  <c r="J4707" i="5" s="1"/>
  <c r="N4707" i="5" s="1"/>
  <c r="J2553" i="2"/>
  <c r="J2527" i="5" s="1"/>
  <c r="N2527" i="5" s="1"/>
  <c r="J8416" i="2"/>
  <c r="J8390" i="5" s="1"/>
  <c r="N8390" i="5" s="1"/>
  <c r="J7050" i="2"/>
  <c r="J7024" i="5" s="1"/>
  <c r="N7024" i="5" s="1"/>
  <c r="J6747" i="2"/>
  <c r="J6721" i="5" s="1"/>
  <c r="N6721" i="5" s="1"/>
  <c r="J2341" i="2"/>
  <c r="J2315" i="5" s="1"/>
  <c r="N2315" i="5" s="1"/>
  <c r="J191" i="2"/>
  <c r="J165" i="5" s="1"/>
  <c r="N165" i="5" s="1"/>
  <c r="J8589" i="2"/>
  <c r="J8563" i="5" s="1"/>
  <c r="N8563" i="5" s="1"/>
  <c r="J6389" i="2"/>
  <c r="J6363" i="5" s="1"/>
  <c r="N6363" i="5" s="1"/>
  <c r="J3726" i="2"/>
  <c r="J3700" i="5" s="1"/>
  <c r="N3700" i="5" s="1"/>
  <c r="J2524" i="2"/>
  <c r="J2498" i="5" s="1"/>
  <c r="N2498" i="5" s="1"/>
  <c r="J7394" i="2"/>
  <c r="J7368" i="5" s="1"/>
  <c r="N7368" i="5" s="1"/>
  <c r="J4736" i="2"/>
  <c r="J4710" i="5" s="1"/>
  <c r="N4710" i="5" s="1"/>
  <c r="J2877" i="2"/>
  <c r="J2851" i="5" s="1"/>
  <c r="N2851" i="5" s="1"/>
  <c r="J680" i="2"/>
  <c r="J654" i="5" s="1"/>
  <c r="N654" i="5" s="1"/>
  <c r="J8749" i="2"/>
  <c r="J8723" i="5" s="1"/>
  <c r="N8723" i="5" s="1"/>
  <c r="J6397" i="2"/>
  <c r="J6371" i="5" s="1"/>
  <c r="N6371" i="5" s="1"/>
  <c r="J8400" i="2"/>
  <c r="J8374" i="5" s="1"/>
  <c r="N8374" i="5" s="1"/>
  <c r="J6416" i="2"/>
  <c r="J6390" i="5" s="1"/>
  <c r="N6390" i="5" s="1"/>
  <c r="J4201" i="2"/>
  <c r="J4175" i="5" s="1"/>
  <c r="N4175" i="5" s="1"/>
  <c r="J1855" i="2"/>
  <c r="J1829" i="5" s="1"/>
  <c r="N1829" i="5" s="1"/>
  <c r="J5366" i="2"/>
  <c r="J5340" i="5" s="1"/>
  <c r="N5340" i="5" s="1"/>
  <c r="J8729" i="2"/>
  <c r="J8703" i="5" s="1"/>
  <c r="N8703" i="5" s="1"/>
  <c r="J8723" i="2"/>
  <c r="J8697" i="5" s="1"/>
  <c r="N8697" i="5" s="1"/>
  <c r="J6054" i="2"/>
  <c r="J6028" i="5" s="1"/>
  <c r="N6028" i="5" s="1"/>
  <c r="J3044" i="2"/>
  <c r="J3018" i="5" s="1"/>
  <c r="N3018" i="5" s="1"/>
  <c r="J1528" i="2"/>
  <c r="J1502" i="5" s="1"/>
  <c r="N1502" i="5" s="1"/>
  <c r="J1847" i="2"/>
  <c r="J1821" i="5" s="1"/>
  <c r="N1821" i="5" s="1"/>
  <c r="J7753" i="2"/>
  <c r="J7727" i="5" s="1"/>
  <c r="N7727" i="5" s="1"/>
  <c r="J5565" i="2"/>
  <c r="J5539" i="5" s="1"/>
  <c r="N5539" i="5" s="1"/>
  <c r="J6565" i="2"/>
  <c r="J6539" i="5" s="1"/>
  <c r="N6539" i="5" s="1"/>
  <c r="J5382" i="2"/>
  <c r="J5356" i="5" s="1"/>
  <c r="N5356" i="5" s="1"/>
  <c r="J2676" i="2"/>
  <c r="J2650" i="5" s="1"/>
  <c r="N2650" i="5" s="1"/>
  <c r="J367" i="2"/>
  <c r="J341" i="5" s="1"/>
  <c r="N341" i="5" s="1"/>
  <c r="J8752" i="2"/>
  <c r="J8726" i="5" s="1"/>
  <c r="N8726" i="5" s="1"/>
  <c r="J6875" i="2"/>
  <c r="J6849" i="5" s="1"/>
  <c r="N6849" i="5" s="1"/>
  <c r="J4208" i="2"/>
  <c r="J4182" i="5" s="1"/>
  <c r="N4182" i="5" s="1"/>
  <c r="J2878" i="2"/>
  <c r="J2852" i="5" s="1"/>
  <c r="N2852" i="5" s="1"/>
  <c r="J5564" i="2"/>
  <c r="J5538" i="5" s="1"/>
  <c r="N5538" i="5" s="1"/>
  <c r="J8253" i="2"/>
  <c r="J8227" i="5" s="1"/>
  <c r="N8227" i="5" s="1"/>
  <c r="J5715" i="2"/>
  <c r="J5689" i="5" s="1"/>
  <c r="N5689" i="5" s="1"/>
  <c r="J3890" i="2"/>
  <c r="J3864" i="5" s="1"/>
  <c r="N3864" i="5" s="1"/>
  <c r="J1667" i="2"/>
  <c r="J1641" i="5" s="1"/>
  <c r="N1641" i="5" s="1"/>
  <c r="J3359" i="2"/>
  <c r="J3333" i="5" s="1"/>
  <c r="N3333" i="5" s="1"/>
  <c r="J1509" i="2"/>
  <c r="J1483" i="5" s="1"/>
  <c r="N1483" i="5" s="1"/>
  <c r="J529" i="2"/>
  <c r="J503" i="5" s="1"/>
  <c r="N503" i="5" s="1"/>
  <c r="J7758" i="2"/>
  <c r="J7732" i="5" s="1"/>
  <c r="N7732" i="5" s="1"/>
  <c r="J5031" i="2"/>
  <c r="J5005" i="5" s="1"/>
  <c r="N5005" i="5" s="1"/>
  <c r="J2876" i="2"/>
  <c r="J2850" i="5" s="1"/>
  <c r="N2850" i="5" s="1"/>
  <c r="J1674" i="2"/>
  <c r="J1648" i="5" s="1"/>
  <c r="N1648" i="5" s="1"/>
  <c r="J5897" i="2"/>
  <c r="J5871" i="5" s="1"/>
  <c r="N5871" i="5" s="1"/>
  <c r="J7240" i="2"/>
  <c r="J7214" i="5" s="1"/>
  <c r="N7214" i="5" s="1"/>
  <c r="J5878" i="2"/>
  <c r="J5852" i="5" s="1"/>
  <c r="N5852" i="5" s="1"/>
  <c r="J3362" i="2"/>
  <c r="J3336" i="5" s="1"/>
  <c r="N3336" i="5" s="1"/>
  <c r="J1371" i="2"/>
  <c r="J1345" i="5" s="1"/>
  <c r="N1345" i="5" s="1"/>
  <c r="J4203" i="2"/>
  <c r="J4177" i="5" s="1"/>
  <c r="N4177" i="5" s="1"/>
  <c r="J2340" i="2"/>
  <c r="J2314" i="5" s="1"/>
  <c r="N2314" i="5" s="1"/>
  <c r="J190" i="2"/>
  <c r="J164" i="5" s="1"/>
  <c r="N164" i="5" s="1"/>
  <c r="J8236" i="2"/>
  <c r="J8210" i="5" s="1"/>
  <c r="N8210" i="5" s="1"/>
  <c r="J6918" i="2"/>
  <c r="J6892" i="5" s="1"/>
  <c r="N6892" i="5" s="1"/>
  <c r="J4056" i="2"/>
  <c r="J4030" i="5" s="1"/>
  <c r="N4030" i="5" s="1"/>
  <c r="J3868" i="2"/>
  <c r="J3842" i="5" s="1"/>
  <c r="N3842" i="5" s="1"/>
  <c r="J1877" i="2"/>
  <c r="J1851" i="5" s="1"/>
  <c r="N1851" i="5" s="1"/>
  <c r="J7082" i="2"/>
  <c r="J7056" i="5" s="1"/>
  <c r="N7056" i="5" s="1"/>
  <c r="J8429" i="2"/>
  <c r="J8403" i="5" s="1"/>
  <c r="N8403" i="5" s="1"/>
  <c r="J6076" i="2"/>
  <c r="J6050" i="5" s="1"/>
  <c r="N6050" i="5" s="1"/>
  <c r="J3052" i="2"/>
  <c r="J3026" i="5" s="1"/>
  <c r="N3026" i="5" s="1"/>
  <c r="J1697" i="2"/>
  <c r="J1671" i="5" s="1"/>
  <c r="N1671" i="5" s="1"/>
  <c r="J509" i="2"/>
  <c r="J483" i="5" s="1"/>
  <c r="N483" i="5" s="1"/>
  <c r="J8724" i="2"/>
  <c r="J8698" i="5" s="1"/>
  <c r="N8698" i="5" s="1"/>
  <c r="J6734" i="2"/>
  <c r="J6708" i="5" s="1"/>
  <c r="N6708" i="5" s="1"/>
  <c r="J4387" i="2"/>
  <c r="J4361" i="5" s="1"/>
  <c r="N4361" i="5" s="1"/>
  <c r="J2188" i="2"/>
  <c r="J2162" i="5" s="1"/>
  <c r="N2162" i="5" s="1"/>
  <c r="J328" i="2"/>
  <c r="J302" i="5" s="1"/>
  <c r="N302" i="5" s="1"/>
  <c r="J6069" i="2"/>
  <c r="J6043" i="5" s="1"/>
  <c r="N6043" i="5" s="1"/>
  <c r="J672" i="2"/>
  <c r="J646" i="5" s="1"/>
  <c r="N646" i="5" s="1"/>
  <c r="J8403" i="2"/>
  <c r="J8377" i="5" s="1"/>
  <c r="N8377" i="5" s="1"/>
  <c r="J1713" i="2"/>
  <c r="J1687" i="5" s="1"/>
  <c r="N1687" i="5" s="1"/>
  <c r="J8422" i="2"/>
  <c r="J8396" i="5" s="1"/>
  <c r="N8396" i="5" s="1"/>
  <c r="J5362" i="2"/>
  <c r="J5336" i="5" s="1"/>
  <c r="N5336" i="5" s="1"/>
  <c r="J854" i="2"/>
  <c r="J828" i="5" s="1"/>
  <c r="N828" i="5" s="1"/>
  <c r="J4732" i="2"/>
  <c r="J4706" i="5" s="1"/>
  <c r="N4706" i="5" s="1"/>
  <c r="J7231" i="2"/>
  <c r="J7205" i="5" s="1"/>
  <c r="N7205" i="5" s="1"/>
  <c r="J7760" i="2"/>
  <c r="J7734" i="5" s="1"/>
  <c r="N7734" i="5" s="1"/>
  <c r="J3355" i="2"/>
  <c r="J3329" i="5" s="1"/>
  <c r="N3329" i="5" s="1"/>
  <c r="J1162" i="2"/>
  <c r="J1136" i="5" s="1"/>
  <c r="N1136" i="5" s="1"/>
  <c r="J6218" i="2"/>
  <c r="J6192" i="5" s="1"/>
  <c r="N6192" i="5" s="1"/>
  <c r="J5231" i="2"/>
  <c r="J5205" i="5" s="1"/>
  <c r="N5205" i="5" s="1"/>
  <c r="J4881" i="2"/>
  <c r="J4855" i="5" s="1"/>
  <c r="N4855" i="5" s="1"/>
  <c r="J1012" i="2"/>
  <c r="J986" i="5" s="1"/>
  <c r="N986" i="5" s="1"/>
  <c r="J8245" i="2"/>
  <c r="J8219" i="5" s="1"/>
  <c r="N8219" i="5" s="1"/>
  <c r="J7742" i="2"/>
  <c r="J7716" i="5" s="1"/>
  <c r="N7716" i="5" s="1"/>
  <c r="J5072" i="2"/>
  <c r="J5046" i="5" s="1"/>
  <c r="N5046" i="5" s="1"/>
  <c r="J2703" i="2"/>
  <c r="J2677" i="5" s="1"/>
  <c r="N2677" i="5" s="1"/>
  <c r="J660" i="2"/>
  <c r="J634" i="5" s="1"/>
  <c r="N634" i="5" s="1"/>
  <c r="J2194" i="2"/>
  <c r="J2168" i="5" s="1"/>
  <c r="N2168" i="5" s="1"/>
  <c r="J8754" i="2"/>
  <c r="J8728" i="5" s="1"/>
  <c r="N8728" i="5" s="1"/>
  <c r="J6887" i="2"/>
  <c r="J6861" i="5" s="1"/>
  <c r="N6861" i="5" s="1"/>
  <c r="J2021" i="2"/>
  <c r="J1995" i="5" s="1"/>
  <c r="N1995" i="5" s="1"/>
  <c r="J5906" i="2"/>
  <c r="J5880" i="5" s="1"/>
  <c r="N5880" i="5" s="1"/>
  <c r="J4357" i="2"/>
  <c r="J4331" i="5" s="1"/>
  <c r="N4331" i="5" s="1"/>
  <c r="J3363" i="2"/>
  <c r="J3337" i="5" s="1"/>
  <c r="N3337" i="5" s="1"/>
  <c r="J5743" i="2"/>
  <c r="J5717" i="5" s="1"/>
  <c r="N5717" i="5" s="1"/>
  <c r="J8079" i="2"/>
  <c r="J8053" i="5" s="1"/>
  <c r="N8053" i="5" s="1"/>
  <c r="J7212" i="2"/>
  <c r="J7186" i="5" s="1"/>
  <c r="N7186" i="5" s="1"/>
  <c r="J1701" i="2"/>
  <c r="J1675" i="5" s="1"/>
  <c r="N1675" i="5" s="1"/>
  <c r="J3373" i="2"/>
  <c r="J3347" i="5" s="1"/>
  <c r="N3347" i="5" s="1"/>
  <c r="J1543" i="2"/>
  <c r="J1517" i="5" s="1"/>
  <c r="N1517" i="5" s="1"/>
  <c r="J3043" i="2"/>
  <c r="J3017" i="5" s="1"/>
  <c r="N3017" i="5" s="1"/>
  <c r="J3682" i="2"/>
  <c r="J3656" i="5" s="1"/>
  <c r="N3656" i="5" s="1"/>
  <c r="J4375" i="2"/>
  <c r="J4349" i="5" s="1"/>
  <c r="N4349" i="5" s="1"/>
  <c r="J7230" i="2"/>
  <c r="J7204" i="5" s="1"/>
  <c r="N7204" i="5" s="1"/>
  <c r="J5384" i="2"/>
  <c r="J5358" i="5" s="1"/>
  <c r="N5358" i="5" s="1"/>
  <c r="J3376" i="2"/>
  <c r="J3350" i="5" s="1"/>
  <c r="N3350" i="5" s="1"/>
  <c r="J855" i="2"/>
  <c r="J829" i="5" s="1"/>
  <c r="N829" i="5" s="1"/>
  <c r="J6902" i="2"/>
  <c r="J6876" i="5" s="1"/>
  <c r="N6876" i="5" s="1"/>
  <c r="J3702" i="2"/>
  <c r="J3676" i="5" s="1"/>
  <c r="N3676" i="5" s="1"/>
  <c r="J1511" i="2"/>
  <c r="J1485" i="5" s="1"/>
  <c r="N1485" i="5" s="1"/>
  <c r="J843" i="2"/>
  <c r="J817" i="5" s="1"/>
  <c r="N817" i="5" s="1"/>
  <c r="J7550" i="2"/>
  <c r="J7524" i="5" s="1"/>
  <c r="N7524" i="5" s="1"/>
  <c r="J6240" i="2"/>
  <c r="J6214" i="5" s="1"/>
  <c r="N6214" i="5" s="1"/>
  <c r="J3202" i="2"/>
  <c r="J3176" i="5" s="1"/>
  <c r="N3176" i="5" s="1"/>
  <c r="J5047" i="2"/>
  <c r="J5021" i="5" s="1"/>
  <c r="N5021" i="5" s="1"/>
  <c r="J2859" i="2"/>
  <c r="J2833" i="5" s="1"/>
  <c r="N2833" i="5" s="1"/>
  <c r="J682" i="2"/>
  <c r="J656" i="5" s="1"/>
  <c r="N656" i="5" s="1"/>
  <c r="J4219" i="2"/>
  <c r="J4193" i="5" s="1"/>
  <c r="N4193" i="5" s="1"/>
  <c r="J6243" i="2"/>
  <c r="J6217" i="5" s="1"/>
  <c r="N6217" i="5" s="1"/>
  <c r="J5204" i="2"/>
  <c r="J5178" i="5" s="1"/>
  <c r="N5178" i="5" s="1"/>
  <c r="J830" i="2"/>
  <c r="J804" i="5" s="1"/>
  <c r="N804" i="5" s="1"/>
  <c r="J5557" i="2"/>
  <c r="J5531" i="5" s="1"/>
  <c r="N5531" i="5" s="1"/>
  <c r="J5217" i="2"/>
  <c r="J5191" i="5" s="1"/>
  <c r="N5191" i="5" s="1"/>
  <c r="J347" i="2"/>
  <c r="J321" i="5" s="1"/>
  <c r="N321" i="5" s="1"/>
  <c r="J6055" i="2"/>
  <c r="J6029" i="5" s="1"/>
  <c r="N6029" i="5" s="1"/>
  <c r="J1174" i="2"/>
  <c r="J1148" i="5" s="1"/>
  <c r="N1148" i="5" s="1"/>
  <c r="J7928" i="2"/>
  <c r="J7902" i="5" s="1"/>
  <c r="N7902" i="5" s="1"/>
  <c r="J4226" i="2"/>
  <c r="J4200" i="5" s="1"/>
  <c r="N4200" i="5" s="1"/>
  <c r="J6549" i="2"/>
  <c r="J6523" i="5" s="1"/>
  <c r="N6523" i="5" s="1"/>
  <c r="J7546" i="2"/>
  <c r="J7520" i="5" s="1"/>
  <c r="N7520" i="5" s="1"/>
  <c r="J3723" i="2"/>
  <c r="J3697" i="5" s="1"/>
  <c r="N3697" i="5" s="1"/>
  <c r="J8557" i="2"/>
  <c r="J8531" i="5" s="1"/>
  <c r="N8531" i="5" s="1"/>
  <c r="J8593" i="2"/>
  <c r="J8567" i="5" s="1"/>
  <c r="N8567" i="5" s="1"/>
  <c r="J1517" i="2"/>
  <c r="J1491" i="5" s="1"/>
  <c r="N1491" i="5" s="1"/>
  <c r="J1700" i="2"/>
  <c r="J1674" i="5" s="1"/>
  <c r="N1674" i="5" s="1"/>
  <c r="J8556" i="2"/>
  <c r="J8530" i="5" s="1"/>
  <c r="N8530" i="5" s="1"/>
  <c r="J5714" i="2"/>
  <c r="J5688" i="5" s="1"/>
  <c r="N5688" i="5" s="1"/>
  <c r="J3348" i="2"/>
  <c r="J3322" i="5" s="1"/>
  <c r="N3322" i="5" s="1"/>
  <c r="J1699" i="2"/>
  <c r="J1673" i="5" s="1"/>
  <c r="N1673" i="5" s="1"/>
  <c r="J1165" i="2"/>
  <c r="J1139" i="5" s="1"/>
  <c r="N1139" i="5" s="1"/>
  <c r="J2696" i="2"/>
  <c r="J2670" i="5" s="1"/>
  <c r="N2670" i="5" s="1"/>
  <c r="J5701" i="2"/>
  <c r="J5675" i="5" s="1"/>
  <c r="N5675" i="5" s="1"/>
  <c r="J8235" i="2"/>
  <c r="J8209" i="5" s="1"/>
  <c r="N8209" i="5" s="1"/>
  <c r="J5887" i="2"/>
  <c r="J5861" i="5" s="1"/>
  <c r="N5861" i="5" s="1"/>
  <c r="J4383" i="2"/>
  <c r="J4357" i="5" s="1"/>
  <c r="N4357" i="5" s="1"/>
  <c r="J1859" i="2"/>
  <c r="J1833" i="5" s="1"/>
  <c r="N1833" i="5" s="1"/>
  <c r="J3047" i="2"/>
  <c r="J3021" i="5" s="1"/>
  <c r="N3021" i="5" s="1"/>
  <c r="J839" i="2"/>
  <c r="J813" i="5" s="1"/>
  <c r="N813" i="5" s="1"/>
  <c r="J7422" i="2"/>
  <c r="J7396" i="5" s="1"/>
  <c r="N7396" i="5" s="1"/>
  <c r="J7554" i="2"/>
  <c r="J7528" i="5" s="1"/>
  <c r="N7528" i="5" s="1"/>
  <c r="J4866" i="2"/>
  <c r="J4840" i="5" s="1"/>
  <c r="N4840" i="5" s="1"/>
  <c r="J3020" i="2"/>
  <c r="J2994" i="5" s="1"/>
  <c r="N2994" i="5" s="1"/>
  <c r="J2693" i="2"/>
  <c r="J2667" i="5" s="1"/>
  <c r="N2667" i="5" s="1"/>
  <c r="J842" i="2"/>
  <c r="J816" i="5" s="1"/>
  <c r="N816" i="5" s="1"/>
  <c r="J7238" i="2"/>
  <c r="J7212" i="5" s="1"/>
  <c r="N7212" i="5" s="1"/>
  <c r="J6719" i="2"/>
  <c r="J6693" i="5" s="1"/>
  <c r="N6693" i="5" s="1"/>
  <c r="J4712" i="2"/>
  <c r="J4686" i="5" s="1"/>
  <c r="N4686" i="5" s="1"/>
  <c r="J2549" i="2"/>
  <c r="J2523" i="5" s="1"/>
  <c r="N2523" i="5" s="1"/>
  <c r="J355" i="2"/>
  <c r="J329" i="5" s="1"/>
  <c r="N329" i="5" s="1"/>
  <c r="J2034" i="2"/>
  <c r="J2008" i="5" s="1"/>
  <c r="N2008" i="5" s="1"/>
  <c r="J5904" i="2"/>
  <c r="J5878" i="5" s="1"/>
  <c r="N5878" i="5" s="1"/>
  <c r="J8561" i="2"/>
  <c r="J8535" i="5" s="1"/>
  <c r="N8535" i="5" s="1"/>
  <c r="J6217" i="2"/>
  <c r="J6191" i="5" s="1"/>
  <c r="N6191" i="5" s="1"/>
  <c r="J3179" i="2"/>
  <c r="J3153" i="5" s="1"/>
  <c r="N3153" i="5" s="1"/>
  <c r="J1369" i="2"/>
  <c r="J1343" i="5" s="1"/>
  <c r="N1343" i="5" s="1"/>
  <c r="J4565" i="2"/>
  <c r="J4539" i="5" s="1"/>
  <c r="N4539" i="5" s="1"/>
  <c r="J7424" i="2"/>
  <c r="J7398" i="5" s="1"/>
  <c r="N7398" i="5" s="1"/>
  <c r="J4533" i="2"/>
  <c r="J4507" i="5" s="1"/>
  <c r="N4507" i="5" s="1"/>
  <c r="J2872" i="2"/>
  <c r="J2846" i="5" s="1"/>
  <c r="N2846" i="5" s="1"/>
  <c r="J1010" i="2"/>
  <c r="J984" i="5" s="1"/>
  <c r="N984" i="5" s="1"/>
  <c r="J7747" i="2"/>
  <c r="J7721" i="5" s="1"/>
  <c r="N7721" i="5" s="1"/>
  <c r="J4360" i="2"/>
  <c r="J4334" i="5" s="1"/>
  <c r="N4334" i="5" s="1"/>
  <c r="J3889" i="2"/>
  <c r="J3863" i="5" s="1"/>
  <c r="N3863" i="5" s="1"/>
  <c r="J1518" i="2"/>
  <c r="J1492" i="5" s="1"/>
  <c r="N1492" i="5" s="1"/>
  <c r="J4355" i="2"/>
  <c r="J4329" i="5" s="1"/>
  <c r="N4329" i="5" s="1"/>
  <c r="J4225" i="2"/>
  <c r="J4199" i="5" s="1"/>
  <c r="N4199" i="5" s="1"/>
  <c r="J1514" i="2"/>
  <c r="J1488" i="5" s="1"/>
  <c r="N1488" i="5" s="1"/>
  <c r="J4900" i="2"/>
  <c r="J4874" i="5" s="1"/>
  <c r="N4874" i="5" s="1"/>
  <c r="J2686" i="2"/>
  <c r="J2660" i="5" s="1"/>
  <c r="N2660" i="5" s="1"/>
  <c r="J5033" i="2"/>
  <c r="J5007" i="5" s="1"/>
  <c r="N5007" i="5" s="1"/>
  <c r="J5722" i="2"/>
  <c r="J5696" i="5" s="1"/>
  <c r="N5696" i="5" s="1"/>
  <c r="J7892" i="2"/>
  <c r="J7866" i="5" s="1"/>
  <c r="N7866" i="5" s="1"/>
  <c r="J5035" i="2"/>
  <c r="J5009" i="5" s="1"/>
  <c r="N5009" i="5" s="1"/>
  <c r="J7589" i="2"/>
  <c r="J7563" i="5" s="1"/>
  <c r="N7563" i="5" s="1"/>
  <c r="J4551" i="2"/>
  <c r="J4525" i="5" s="1"/>
  <c r="N4525" i="5" s="1"/>
  <c r="J7412" i="2"/>
  <c r="J7386" i="5" s="1"/>
  <c r="N7386" i="5" s="1"/>
  <c r="J6399" i="2"/>
  <c r="J6373" i="5" s="1"/>
  <c r="N6373" i="5" s="1"/>
  <c r="J3854" i="2"/>
  <c r="J3828" i="5" s="1"/>
  <c r="N3828" i="5" s="1"/>
  <c r="J1871" i="2"/>
  <c r="J1845" i="5" s="1"/>
  <c r="N1845" i="5" s="1"/>
  <c r="J7575" i="2"/>
  <c r="J7549" i="5" s="1"/>
  <c r="N7549" i="5" s="1"/>
  <c r="J7902" i="2"/>
  <c r="J7876" i="5" s="1"/>
  <c r="N7876" i="5" s="1"/>
  <c r="J490" i="2"/>
  <c r="J464" i="5" s="1"/>
  <c r="N464" i="5" s="1"/>
  <c r="J8559" i="2"/>
  <c r="J8533" i="5" s="1"/>
  <c r="N8533" i="5" s="1"/>
  <c r="J6370" i="2"/>
  <c r="J6344" i="5" s="1"/>
  <c r="N6344" i="5" s="1"/>
  <c r="J3879" i="2"/>
  <c r="J3853" i="5" s="1"/>
  <c r="N3853" i="5" s="1"/>
  <c r="J2529" i="2"/>
  <c r="J2503" i="5" s="1"/>
  <c r="N2503" i="5" s="1"/>
  <c r="J172" i="2"/>
  <c r="J146" i="5" s="1"/>
  <c r="N146" i="5" s="1"/>
  <c r="J1682" i="2"/>
  <c r="J1656" i="5" s="1"/>
  <c r="N1656" i="5" s="1"/>
  <c r="J3894" i="2"/>
  <c r="J3868" i="5" s="1"/>
  <c r="N3868" i="5" s="1"/>
  <c r="J7245" i="2"/>
  <c r="J7219" i="5" s="1"/>
  <c r="N7219" i="5" s="1"/>
  <c r="J5908" i="2"/>
  <c r="J5882" i="5" s="1"/>
  <c r="N5882" i="5" s="1"/>
  <c r="J3371" i="2"/>
  <c r="J3345" i="5" s="1"/>
  <c r="N3345" i="5" s="1"/>
  <c r="J1526" i="2"/>
  <c r="J1500" i="5" s="1"/>
  <c r="N1500" i="5" s="1"/>
  <c r="J1198" i="2"/>
  <c r="J1172" i="5" s="1"/>
  <c r="N1172" i="5" s="1"/>
  <c r="J4365" i="2"/>
  <c r="J4339" i="5" s="1"/>
  <c r="N4339" i="5" s="1"/>
  <c r="J7719" i="2"/>
  <c r="J7693" i="5" s="1"/>
  <c r="N7693" i="5" s="1"/>
  <c r="J5067" i="2"/>
  <c r="J5041" i="5" s="1"/>
  <c r="N5041" i="5" s="1"/>
  <c r="J3384" i="2"/>
  <c r="J3358" i="5" s="1"/>
  <c r="N3358" i="5" s="1"/>
  <c r="J1023" i="2"/>
  <c r="J997" i="5" s="1"/>
  <c r="N997" i="5" s="1"/>
  <c r="J6901" i="2"/>
  <c r="J6875" i="5" s="1"/>
  <c r="N6875" i="5" s="1"/>
  <c r="J6206" i="2"/>
  <c r="J6180" i="5" s="1"/>
  <c r="N6180" i="5" s="1"/>
  <c r="J2718" i="2"/>
  <c r="J2692" i="5" s="1"/>
  <c r="N2692" i="5" s="1"/>
  <c r="J353" i="2"/>
  <c r="J327" i="5" s="1"/>
  <c r="N327" i="5" s="1"/>
  <c r="J5563" i="2"/>
  <c r="J5537" i="5" s="1"/>
  <c r="N5537" i="5" s="1"/>
  <c r="J2515" i="2"/>
  <c r="J2489" i="5" s="1"/>
  <c r="N2489" i="5" s="1"/>
  <c r="J5713" i="2"/>
  <c r="J5687" i="5" s="1"/>
  <c r="N5687" i="5" s="1"/>
  <c r="J5572" i="2"/>
  <c r="J5546" i="5" s="1"/>
  <c r="N5546" i="5" s="1"/>
  <c r="J690" i="2"/>
  <c r="J664" i="5" s="1"/>
  <c r="N664" i="5" s="1"/>
  <c r="J3034" i="2"/>
  <c r="J3008" i="5" s="1"/>
  <c r="N3008" i="5" s="1"/>
  <c r="J4537" i="2"/>
  <c r="J4511" i="5" s="1"/>
  <c r="N4511" i="5" s="1"/>
  <c r="J6410" i="2"/>
  <c r="J6384" i="5" s="1"/>
  <c r="N6384" i="5" s="1"/>
  <c r="J6716" i="2"/>
  <c r="J6690" i="5" s="1"/>
  <c r="N6690" i="5" s="1"/>
  <c r="J3540" i="2"/>
  <c r="J3514" i="5" s="1"/>
  <c r="N3514" i="5" s="1"/>
  <c r="J5404" i="2"/>
  <c r="J5378" i="5" s="1"/>
  <c r="N5378" i="5" s="1"/>
  <c r="J8753" i="2"/>
  <c r="J8727" i="5" s="1"/>
  <c r="N8727" i="5" s="1"/>
  <c r="J8219" i="2"/>
  <c r="J8193" i="5" s="1"/>
  <c r="N8193" i="5" s="1"/>
  <c r="J4553" i="2"/>
  <c r="J4527" i="5" s="1"/>
  <c r="N4527" i="5" s="1"/>
  <c r="J2383" i="2"/>
  <c r="J2357" i="5" s="1"/>
  <c r="N2357" i="5" s="1"/>
  <c r="J333" i="2"/>
  <c r="J307" i="5" s="1"/>
  <c r="N307" i="5" s="1"/>
  <c r="J8765" i="2"/>
  <c r="J8739" i="5" s="1"/>
  <c r="N8739" i="5" s="1"/>
  <c r="J6580" i="2"/>
  <c r="J6554" i="5" s="1"/>
  <c r="N6554" i="5" s="1"/>
  <c r="J6715" i="2"/>
  <c r="J6689" i="5" s="1"/>
  <c r="N6689" i="5" s="1"/>
  <c r="J4697" i="2"/>
  <c r="J4671" i="5" s="1"/>
  <c r="N4671" i="5" s="1"/>
  <c r="J2347" i="2"/>
  <c r="J2321" i="5" s="1"/>
  <c r="N2321" i="5" s="1"/>
  <c r="J4032" i="2"/>
  <c r="J4006" i="5" s="1"/>
  <c r="N4006" i="5" s="1"/>
  <c r="J4883" i="2"/>
  <c r="J4857" i="5" s="1"/>
  <c r="N4857" i="5" s="1"/>
  <c r="J8575" i="2"/>
  <c r="J8549" i="5" s="1"/>
  <c r="N8549" i="5" s="1"/>
  <c r="J3683" i="2"/>
  <c r="J3657" i="5" s="1"/>
  <c r="N3657" i="5" s="1"/>
  <c r="J8058" i="2"/>
  <c r="J8032" i="5" s="1"/>
  <c r="N8032" i="5" s="1"/>
  <c r="J1366" i="2"/>
  <c r="J1340" i="5" s="1"/>
  <c r="N1340" i="5" s="1"/>
  <c r="J2368" i="2"/>
  <c r="J2342" i="5" s="1"/>
  <c r="N2342" i="5" s="1"/>
  <c r="J5069" i="2"/>
  <c r="J5043" i="5" s="1"/>
  <c r="N5043" i="5" s="1"/>
  <c r="J4703" i="2"/>
  <c r="J4677" i="5" s="1"/>
  <c r="N4677" i="5" s="1"/>
  <c r="J5380" i="2"/>
  <c r="J5354" i="5" s="1"/>
  <c r="N5354" i="5" s="1"/>
  <c r="J3188" i="2"/>
  <c r="J3162" i="5" s="1"/>
  <c r="N3162" i="5" s="1"/>
  <c r="J7754" i="2"/>
  <c r="J7728" i="5" s="1"/>
  <c r="N7728" i="5" s="1"/>
  <c r="J6908" i="2"/>
  <c r="J6882" i="5" s="1"/>
  <c r="N6882" i="5" s="1"/>
  <c r="J3218" i="2"/>
  <c r="J3192" i="5" s="1"/>
  <c r="N3192" i="5" s="1"/>
  <c r="J702" i="2"/>
  <c r="J676" i="5" s="1"/>
  <c r="N676" i="5" s="1"/>
  <c r="J6921" i="2"/>
  <c r="J6895" i="5" s="1"/>
  <c r="N6895" i="5" s="1"/>
  <c r="J7413" i="2"/>
  <c r="J7387" i="5" s="1"/>
  <c r="N7387" i="5" s="1"/>
  <c r="J4720" i="2"/>
  <c r="J4694" i="5" s="1"/>
  <c r="N4694" i="5" s="1"/>
  <c r="J7738" i="2"/>
  <c r="J7712" i="5" s="1"/>
  <c r="N7712" i="5" s="1"/>
  <c r="J4698" i="2"/>
  <c r="J4672" i="5" s="1"/>
  <c r="N4672" i="5" s="1"/>
  <c r="J2867" i="2"/>
  <c r="J2841" i="5" s="1"/>
  <c r="N2841" i="5" s="1"/>
  <c r="J1370" i="2"/>
  <c r="J1344" i="5" s="1"/>
  <c r="N1344" i="5" s="1"/>
  <c r="J3691" i="2"/>
  <c r="J3665" i="5" s="1"/>
  <c r="N3665" i="5" s="1"/>
  <c r="J6913" i="2"/>
  <c r="J6887" i="5" s="1"/>
  <c r="N6887" i="5" s="1"/>
  <c r="J1500" i="2"/>
  <c r="J1474" i="5" s="1"/>
  <c r="N1474" i="5" s="1"/>
  <c r="J6209" i="2"/>
  <c r="J6183" i="5" s="1"/>
  <c r="N6183" i="5" s="1"/>
  <c r="J4368" i="2"/>
  <c r="J4342" i="5" s="1"/>
  <c r="N4342" i="5" s="1"/>
  <c r="J2048" i="2"/>
  <c r="J2022" i="5" s="1"/>
  <c r="N2022" i="5" s="1"/>
  <c r="J187" i="2"/>
  <c r="J161" i="5" s="1"/>
  <c r="N161" i="5" s="1"/>
  <c r="J8583" i="2"/>
  <c r="J8557" i="5" s="1"/>
  <c r="N8557" i="5" s="1"/>
  <c r="J7925" i="2"/>
  <c r="J7899" i="5" s="1"/>
  <c r="N7899" i="5" s="1"/>
  <c r="J6242" i="2"/>
  <c r="J6216" i="5" s="1"/>
  <c r="N6216" i="5" s="1"/>
  <c r="J4038" i="2"/>
  <c r="J4012" i="5" s="1"/>
  <c r="N4012" i="5" s="1"/>
  <c r="J1681" i="2"/>
  <c r="J1655" i="5" s="1"/>
  <c r="N1655" i="5" s="1"/>
  <c r="J7057" i="2"/>
  <c r="J7031" i="5" s="1"/>
  <c r="N7031" i="5" s="1"/>
  <c r="J7889" i="2"/>
  <c r="J7863" i="5" s="1"/>
  <c r="N7863" i="5" s="1"/>
  <c r="J7743" i="2"/>
  <c r="J7717" i="5" s="1"/>
  <c r="N7717" i="5" s="1"/>
  <c r="J4550" i="2"/>
  <c r="J4524" i="5" s="1"/>
  <c r="N4524" i="5" s="1"/>
  <c r="J2531" i="2"/>
  <c r="J2505" i="5" s="1"/>
  <c r="N2505" i="5" s="1"/>
  <c r="J1188" i="2"/>
  <c r="J1162" i="5" s="1"/>
  <c r="N1162" i="5" s="1"/>
  <c r="J3383" i="2"/>
  <c r="J3357" i="5" s="1"/>
  <c r="N3357" i="5" s="1"/>
  <c r="J7576" i="2"/>
  <c r="J7550" i="5" s="1"/>
  <c r="N7550" i="5" s="1"/>
  <c r="J4735" i="2"/>
  <c r="J4709" i="5" s="1"/>
  <c r="N4709" i="5" s="1"/>
  <c r="J2216" i="2"/>
  <c r="J2190" i="5" s="1"/>
  <c r="N2190" i="5" s="1"/>
  <c r="J342" i="2"/>
  <c r="J316" i="5" s="1"/>
  <c r="N316" i="5" s="1"/>
  <c r="J8738" i="2"/>
  <c r="J8712" i="5" s="1"/>
  <c r="N8712" i="5" s="1"/>
  <c r="J6385" i="2"/>
  <c r="J6359" i="5" s="1"/>
  <c r="N6359" i="5" s="1"/>
  <c r="J3692" i="2"/>
  <c r="J3666" i="5" s="1"/>
  <c r="N3666" i="5" s="1"/>
  <c r="J5702" i="2"/>
  <c r="J5676" i="5" s="1"/>
  <c r="N5676" i="5" s="1"/>
  <c r="J3514" i="2"/>
  <c r="J3488" i="5" s="1"/>
  <c r="N3488" i="5" s="1"/>
  <c r="J1838" i="2"/>
  <c r="J1812" i="5" s="1"/>
  <c r="N1812" i="5" s="1"/>
  <c r="J8596" i="2"/>
  <c r="J8570" i="5" s="1"/>
  <c r="N8570" i="5" s="1"/>
  <c r="J7419" i="2"/>
  <c r="J7393" i="5" s="1"/>
  <c r="N7393" i="5" s="1"/>
  <c r="J6222" i="2"/>
  <c r="J6196" i="5" s="1"/>
  <c r="N6196" i="5" s="1"/>
  <c r="J3051" i="2"/>
  <c r="J3025" i="5" s="1"/>
  <c r="N3025" i="5" s="1"/>
  <c r="J4528" i="2"/>
  <c r="J4502" i="5" s="1"/>
  <c r="N4502" i="5" s="1"/>
  <c r="J2004" i="2"/>
  <c r="J1978" i="5" s="1"/>
  <c r="N1978" i="5" s="1"/>
  <c r="J3545" i="2"/>
  <c r="J3519" i="5" s="1"/>
  <c r="N3519" i="5" s="1"/>
  <c r="J8053" i="2"/>
  <c r="J8027" i="5" s="1"/>
  <c r="N8027" i="5" s="1"/>
  <c r="J6080" i="2"/>
  <c r="J6054" i="5" s="1"/>
  <c r="N6054" i="5" s="1"/>
  <c r="J4532" i="2"/>
  <c r="J4506" i="5" s="1"/>
  <c r="N4506" i="5" s="1"/>
  <c r="J1533" i="2"/>
  <c r="J1507" i="5" s="1"/>
  <c r="N1507" i="5" s="1"/>
  <c r="J4885" i="2"/>
  <c r="J4859" i="5" s="1"/>
  <c r="N4859" i="5" s="1"/>
  <c r="J5401" i="2"/>
  <c r="J5375" i="5" s="1"/>
  <c r="N5375" i="5" s="1"/>
  <c r="J200" i="2"/>
  <c r="J174" i="5" s="1"/>
  <c r="N174" i="5" s="1"/>
  <c r="J6402" i="2"/>
  <c r="J6376" i="5" s="1"/>
  <c r="N6376" i="5" s="1"/>
  <c r="J2704" i="2"/>
  <c r="J2678" i="5" s="1"/>
  <c r="N2678" i="5" s="1"/>
  <c r="J4714" i="2"/>
  <c r="J4688" i="5" s="1"/>
  <c r="N4688" i="5" s="1"/>
  <c r="J2516" i="2"/>
  <c r="J2490" i="5" s="1"/>
  <c r="N2490" i="5" s="1"/>
  <c r="J8051" i="2"/>
  <c r="J8025" i="5" s="1"/>
  <c r="N8025" i="5" s="1"/>
  <c r="J7559" i="2"/>
  <c r="J7533" i="5" s="1"/>
  <c r="N7533" i="5" s="1"/>
  <c r="J5213" i="2"/>
  <c r="J5187" i="5" s="1"/>
  <c r="N5187" i="5" s="1"/>
  <c r="J1006" i="2"/>
  <c r="J980" i="5" s="1"/>
  <c r="N980" i="5" s="1"/>
  <c r="J6726" i="2"/>
  <c r="J6700" i="5" s="1"/>
  <c r="N6700" i="5" s="1"/>
  <c r="J3054" i="2"/>
  <c r="J3028" i="5" s="1"/>
  <c r="N3028" i="5" s="1"/>
  <c r="J8766" i="2"/>
  <c r="J8740" i="5" s="1"/>
  <c r="N8740" i="5" s="1"/>
  <c r="J2014" i="2"/>
  <c r="J1988" i="5" s="1"/>
  <c r="N1988" i="5" s="1"/>
  <c r="J5048" i="2"/>
  <c r="J5022" i="5" s="1"/>
  <c r="N5022" i="5" s="1"/>
  <c r="J5028" i="2"/>
  <c r="J5002" i="5" s="1"/>
  <c r="N5002" i="5" s="1"/>
  <c r="J1842" i="2"/>
  <c r="J1816" i="5" s="1"/>
  <c r="N1816" i="5" s="1"/>
  <c r="J3885" i="2"/>
  <c r="J3859" i="5" s="1"/>
  <c r="N3859" i="5" s="1"/>
  <c r="J7722" i="2"/>
  <c r="J7696" i="5" s="1"/>
  <c r="N7696" i="5" s="1"/>
  <c r="J4898" i="2"/>
  <c r="J4872" i="5" s="1"/>
  <c r="N4872" i="5" s="1"/>
  <c r="J3192" i="2"/>
  <c r="J3166" i="5" s="1"/>
  <c r="N3166" i="5" s="1"/>
  <c r="J8587" i="2"/>
  <c r="J8561" i="5" s="1"/>
  <c r="N8561" i="5" s="1"/>
  <c r="J6375" i="2"/>
  <c r="J6349" i="5" s="1"/>
  <c r="N6349" i="5" s="1"/>
  <c r="J3185" i="2"/>
  <c r="J3159" i="5" s="1"/>
  <c r="N3159" i="5" s="1"/>
  <c r="J1698" i="2"/>
  <c r="J1672" i="5" s="1"/>
  <c r="N1672" i="5" s="1"/>
  <c r="J7229" i="2"/>
  <c r="J7203" i="5" s="1"/>
  <c r="N7203" i="5" s="1"/>
  <c r="J6909" i="2"/>
  <c r="J6883" i="5" s="1"/>
  <c r="N6883" i="5" s="1"/>
  <c r="J5898" i="2"/>
  <c r="J5872" i="5" s="1"/>
  <c r="N5872" i="5" s="1"/>
  <c r="J7257" i="2"/>
  <c r="J7231" i="5" s="1"/>
  <c r="N7231" i="5" s="1"/>
  <c r="J4860" i="2"/>
  <c r="J4834" i="5" s="1"/>
  <c r="N4834" i="5" s="1"/>
  <c r="J2695" i="2"/>
  <c r="J2669" i="5" s="1"/>
  <c r="N2669" i="5" s="1"/>
  <c r="J671" i="2"/>
  <c r="J645" i="5" s="1"/>
  <c r="N645" i="5" s="1"/>
  <c r="J3703" i="2"/>
  <c r="J3677" i="5" s="1"/>
  <c r="N3677" i="5" s="1"/>
  <c r="J6905" i="2"/>
  <c r="J6879" i="5" s="1"/>
  <c r="N6879" i="5" s="1"/>
  <c r="J6728" i="2"/>
  <c r="J6702" i="5" s="1"/>
  <c r="N6702" i="5" s="1"/>
  <c r="J3870" i="2"/>
  <c r="J3844" i="5" s="1"/>
  <c r="N3844" i="5" s="1"/>
  <c r="J2011" i="2"/>
  <c r="J1985" i="5" s="1"/>
  <c r="N1985" i="5" s="1"/>
  <c r="J332" i="2"/>
  <c r="J306" i="5" s="1"/>
  <c r="N306" i="5" s="1"/>
  <c r="J8060" i="2"/>
  <c r="J8034" i="5" s="1"/>
  <c r="N8034" i="5" s="1"/>
  <c r="J6744" i="2"/>
  <c r="J6718" i="5" s="1"/>
  <c r="N6718" i="5" s="1"/>
  <c r="J8391" i="2"/>
  <c r="J8365" i="5" s="1"/>
  <c r="N8365" i="5" s="1"/>
  <c r="J6039" i="2"/>
  <c r="J6013" i="5" s="1"/>
  <c r="N6013" i="5" s="1"/>
  <c r="J3031" i="2"/>
  <c r="J3005" i="5" s="1"/>
  <c r="N3005" i="5" s="1"/>
  <c r="J857" i="2"/>
  <c r="J831" i="5" s="1"/>
  <c r="N831" i="5" s="1"/>
  <c r="J5388" i="2"/>
  <c r="J5362" i="5" s="1"/>
  <c r="N5362" i="5" s="1"/>
  <c r="J7568" i="2"/>
  <c r="J7542" i="5" s="1"/>
  <c r="N7542" i="5" s="1"/>
  <c r="J4901" i="2"/>
  <c r="J4875" i="5" s="1"/>
  <c r="N4875" i="5" s="1"/>
  <c r="J3560" i="2"/>
  <c r="J3534" i="5" s="1"/>
  <c r="N3534" i="5" s="1"/>
  <c r="J1001" i="2"/>
  <c r="J975" i="5" s="1"/>
  <c r="N975" i="5" s="1"/>
  <c r="J7918" i="2"/>
  <c r="J7892" i="5" s="1"/>
  <c r="N7892" i="5" s="1"/>
  <c r="J7582" i="2"/>
  <c r="J7556" i="5" s="1"/>
  <c r="N7556" i="5" s="1"/>
  <c r="J5038" i="2"/>
  <c r="J5012" i="5" s="1"/>
  <c r="N5012" i="5" s="1"/>
  <c r="J2680" i="2"/>
  <c r="J2654" i="5" s="1"/>
  <c r="N2654" i="5" s="1"/>
  <c r="J4195" i="2"/>
  <c r="J4169" i="5" s="1"/>
  <c r="N4169" i="5" s="1"/>
  <c r="J2521" i="2"/>
  <c r="J2495" i="5" s="1"/>
  <c r="N2495" i="5" s="1"/>
  <c r="J7387" i="2"/>
  <c r="J7361" i="5" s="1"/>
  <c r="N7361" i="5" s="1"/>
  <c r="J8226" i="2"/>
  <c r="J8200" i="5" s="1"/>
  <c r="N8200" i="5" s="1"/>
  <c r="J5742" i="2"/>
  <c r="J5716" i="5" s="1"/>
  <c r="N5716" i="5" s="1"/>
  <c r="J4367" i="2"/>
  <c r="J4341" i="5" s="1"/>
  <c r="N4341" i="5" s="1"/>
  <c r="J2031" i="2"/>
  <c r="J2005" i="5" s="1"/>
  <c r="N2005" i="5" s="1"/>
  <c r="J3033" i="2"/>
  <c r="J3007" i="5" s="1"/>
  <c r="N3007" i="5" s="1"/>
  <c r="J5408" i="2"/>
  <c r="J5382" i="5" s="1"/>
  <c r="N5382" i="5" s="1"/>
  <c r="J6413" i="2"/>
  <c r="J6387" i="5" s="1"/>
  <c r="N6387" i="5" s="1"/>
  <c r="J7557" i="2"/>
  <c r="J7531" i="5" s="1"/>
  <c r="N7531" i="5" s="1"/>
  <c r="J3194" i="2"/>
  <c r="J3168" i="5" s="1"/>
  <c r="N3168" i="5" s="1"/>
  <c r="J5383" i="2"/>
  <c r="J5357" i="5" s="1"/>
  <c r="N5357" i="5" s="1"/>
  <c r="J6737" i="2"/>
  <c r="J6711" i="5" s="1"/>
  <c r="N6711" i="5" s="1"/>
  <c r="J6040" i="2"/>
  <c r="J6014" i="5" s="1"/>
  <c r="N6014" i="5" s="1"/>
  <c r="J6038" i="2"/>
  <c r="J6012" i="5" s="1"/>
  <c r="N6012" i="5" s="1"/>
  <c r="J3035" i="2"/>
  <c r="J3009" i="5" s="1"/>
  <c r="N3009" i="5" s="1"/>
  <c r="J5068" i="2"/>
  <c r="J5042" i="5" s="1"/>
  <c r="N5042" i="5" s="1"/>
  <c r="J1866" i="2"/>
  <c r="J1840" i="5" s="1"/>
  <c r="N1840" i="5" s="1"/>
  <c r="J192" i="2"/>
  <c r="J166" i="5" s="1"/>
  <c r="N166" i="5" s="1"/>
  <c r="J323" i="2"/>
  <c r="J297" i="5" s="1"/>
  <c r="N297" i="5" s="1"/>
  <c r="J3029" i="2"/>
  <c r="J3003" i="5" s="1"/>
  <c r="N3003" i="5" s="1"/>
  <c r="J2705" i="2"/>
  <c r="J2679" i="5" s="1"/>
  <c r="N2679" i="5" s="1"/>
  <c r="J6718" i="2"/>
  <c r="J6692" i="5" s="1"/>
  <c r="N6692" i="5" s="1"/>
  <c r="J8083" i="2"/>
  <c r="J8057" i="5" s="1"/>
  <c r="N8057" i="5" s="1"/>
  <c r="J5566" i="2"/>
  <c r="J5540" i="5" s="1"/>
  <c r="N5540" i="5" s="1"/>
  <c r="J3022" i="2"/>
  <c r="J2996" i="5" s="1"/>
  <c r="N2996" i="5" s="1"/>
  <c r="J1357" i="2"/>
  <c r="J1331" i="5" s="1"/>
  <c r="N1331" i="5" s="1"/>
  <c r="J6733" i="2"/>
  <c r="J6707" i="5" s="1"/>
  <c r="N6707" i="5" s="1"/>
  <c r="J4018" i="2"/>
  <c r="J3992" i="5" s="1"/>
  <c r="N3992" i="5" s="1"/>
  <c r="J2189" i="2"/>
  <c r="J2163" i="5" s="1"/>
  <c r="N2163" i="5" s="1"/>
  <c r="J2883" i="2"/>
  <c r="J2857" i="5" s="1"/>
  <c r="N2857" i="5" s="1"/>
  <c r="J8059" i="2"/>
  <c r="J8033" i="5" s="1"/>
  <c r="N8033" i="5" s="1"/>
  <c r="J6372" i="2"/>
  <c r="J6346" i="5" s="1"/>
  <c r="N6346" i="5" s="1"/>
  <c r="J3856" i="2"/>
  <c r="J3830" i="5" s="1"/>
  <c r="N3830" i="5" s="1"/>
  <c r="J5552" i="2"/>
  <c r="J5526" i="5" s="1"/>
  <c r="N5526" i="5" s="1"/>
  <c r="J3222" i="2"/>
  <c r="J3196" i="5" s="1"/>
  <c r="N3196" i="5" s="1"/>
  <c r="J1033" i="2"/>
  <c r="J1007" i="5" s="1"/>
  <c r="N1007" i="5" s="1"/>
  <c r="J5569" i="2"/>
  <c r="J5543" i="5" s="1"/>
  <c r="N5543" i="5" s="1"/>
  <c r="J7086" i="2"/>
  <c r="J7060" i="5" s="1"/>
  <c r="N7060" i="5" s="1"/>
  <c r="J4524" i="2"/>
  <c r="J4498" i="5" s="1"/>
  <c r="N4498" i="5" s="1"/>
  <c r="J4902" i="2"/>
  <c r="J4876" i="5" s="1"/>
  <c r="N4876" i="5" s="1"/>
  <c r="J2359" i="2"/>
  <c r="J2333" i="5" s="1"/>
  <c r="N2333" i="5" s="1"/>
  <c r="J675" i="2"/>
  <c r="J649" i="5" s="1"/>
  <c r="N649" i="5" s="1"/>
  <c r="J5719" i="2"/>
  <c r="J5693" i="5" s="1"/>
  <c r="N5693" i="5" s="1"/>
  <c r="J6393" i="2"/>
  <c r="J6367" i="5" s="1"/>
  <c r="N6367" i="5" s="1"/>
  <c r="J5373" i="2"/>
  <c r="J5347" i="5" s="1"/>
  <c r="N5347" i="5" s="1"/>
  <c r="J6071" i="2"/>
  <c r="J6045" i="5" s="1"/>
  <c r="N6045" i="5" s="1"/>
  <c r="J3699" i="2"/>
  <c r="J3673" i="5" s="1"/>
  <c r="N3673" i="5" s="1"/>
  <c r="J1523" i="2"/>
  <c r="J1497" i="5" s="1"/>
  <c r="N1497" i="5" s="1"/>
  <c r="J3180" i="2"/>
  <c r="J3154" i="5" s="1"/>
  <c r="N3154" i="5" s="1"/>
  <c r="J8252" i="2"/>
  <c r="J8226" i="5" s="1"/>
  <c r="N8226" i="5" s="1"/>
  <c r="J5556" i="2"/>
  <c r="J5530" i="5" s="1"/>
  <c r="N5530" i="5" s="1"/>
  <c r="J2865" i="2"/>
  <c r="J2839" i="5" s="1"/>
  <c r="N2839" i="5" s="1"/>
  <c r="J1678" i="2"/>
  <c r="J1652" i="5" s="1"/>
  <c r="N1652" i="5" s="1"/>
  <c r="J4227" i="2"/>
  <c r="J4201" i="5" s="1"/>
  <c r="N4201" i="5" s="1"/>
  <c r="J7214" i="2"/>
  <c r="J7188" i="5" s="1"/>
  <c r="N7188" i="5" s="1"/>
  <c r="J5375" i="2"/>
  <c r="J5349" i="5" s="1"/>
  <c r="N5349" i="5" s="1"/>
  <c r="J3367" i="2"/>
  <c r="J3341" i="5" s="1"/>
  <c r="N3341" i="5" s="1"/>
  <c r="J826" i="2"/>
  <c r="J800" i="5" s="1"/>
  <c r="N800" i="5" s="1"/>
  <c r="J2351" i="2"/>
  <c r="J2325" i="5" s="1"/>
  <c r="N2325" i="5" s="1"/>
  <c r="J845" i="2"/>
  <c r="J819" i="5" s="1"/>
  <c r="N819" i="5" s="1"/>
  <c r="J8566" i="2"/>
  <c r="J8540" i="5" s="1"/>
  <c r="N8540" i="5" s="1"/>
  <c r="J6225" i="2"/>
  <c r="J6199" i="5" s="1"/>
  <c r="N6199" i="5" s="1"/>
  <c r="J3876" i="2"/>
  <c r="J3850" i="5" s="1"/>
  <c r="N3850" i="5" s="1"/>
  <c r="J2514" i="2"/>
  <c r="J2488" i="5" s="1"/>
  <c r="N2488" i="5" s="1"/>
  <c r="J165" i="2"/>
  <c r="J139" i="5" s="1"/>
  <c r="N139" i="5" s="1"/>
  <c r="J1000" i="2"/>
  <c r="J974" i="5" s="1"/>
  <c r="N974" i="5" s="1"/>
  <c r="J1712" i="2"/>
  <c r="J1686" i="5" s="1"/>
  <c r="N1686" i="5" s="1"/>
  <c r="J6584" i="2"/>
  <c r="J6558" i="5" s="1"/>
  <c r="N6558" i="5" s="1"/>
  <c r="J4862" i="2"/>
  <c r="J4836" i="5" s="1"/>
  <c r="N4836" i="5" s="1"/>
  <c r="J2003" i="2"/>
  <c r="J1977" i="5" s="1"/>
  <c r="N1977" i="5" s="1"/>
  <c r="J827" i="2"/>
  <c r="J801" i="5" s="1"/>
  <c r="N801" i="5" s="1"/>
  <c r="J2849" i="2"/>
  <c r="J2823" i="5" s="1"/>
  <c r="N2823" i="5" s="1"/>
  <c r="J1176" i="2"/>
  <c r="J1150" i="5" s="1"/>
  <c r="N1150" i="5" s="1"/>
  <c r="J2197" i="2"/>
  <c r="J2171" i="5" s="1"/>
  <c r="N2171" i="5" s="1"/>
  <c r="J7393" i="2"/>
  <c r="J7367" i="5" s="1"/>
  <c r="N7367" i="5" s="1"/>
  <c r="J6066" i="2"/>
  <c r="J6040" i="5" s="1"/>
  <c r="N6040" i="5" s="1"/>
  <c r="J3546" i="2"/>
  <c r="J3520" i="5" s="1"/>
  <c r="N3520" i="5" s="1"/>
  <c r="J1026" i="2"/>
  <c r="J1000" i="5" s="1"/>
  <c r="N1000" i="5" s="1"/>
  <c r="J861" i="2"/>
  <c r="J835" i="5" s="1"/>
  <c r="N835" i="5" s="1"/>
  <c r="J5706" i="2"/>
  <c r="J5680" i="5" s="1"/>
  <c r="N5680" i="5" s="1"/>
  <c r="J7929" i="2"/>
  <c r="J7903" i="5" s="1"/>
  <c r="N7903" i="5" s="1"/>
  <c r="J4897" i="2"/>
  <c r="J4871" i="5" s="1"/>
  <c r="N4871" i="5" s="1"/>
  <c r="J2506" i="2"/>
  <c r="J2480" i="5" s="1"/>
  <c r="N2480" i="5" s="1"/>
  <c r="J532" i="2"/>
  <c r="J506" i="5" s="1"/>
  <c r="N506" i="5" s="1"/>
  <c r="J8762" i="2"/>
  <c r="J8736" i="5" s="1"/>
  <c r="N8736" i="5" s="1"/>
  <c r="J6058" i="2"/>
  <c r="J6032" i="5" s="1"/>
  <c r="N6032" i="5" s="1"/>
  <c r="J3019" i="2"/>
  <c r="J2993" i="5" s="1"/>
  <c r="N2993" i="5" s="1"/>
  <c r="J1520" i="2"/>
  <c r="J1494" i="5" s="1"/>
  <c r="N1494" i="5" s="1"/>
  <c r="J5229" i="2"/>
  <c r="J5203" i="5" s="1"/>
  <c r="N5203" i="5" s="1"/>
  <c r="J8427" i="2"/>
  <c r="J8401" i="5" s="1"/>
  <c r="N8401" i="5" s="1"/>
  <c r="J1499" i="2"/>
  <c r="J1473" i="5" s="1"/>
  <c r="N1473" i="5" s="1"/>
  <c r="J7577" i="2"/>
  <c r="J7551" i="5" s="1"/>
  <c r="N7551" i="5" s="1"/>
  <c r="J5561" i="2"/>
  <c r="J5535" i="5" s="1"/>
  <c r="N5535" i="5" s="1"/>
  <c r="J2032" i="2"/>
  <c r="J2006" i="5" s="1"/>
  <c r="N2006" i="5" s="1"/>
  <c r="J2205" i="2"/>
  <c r="J2179" i="5" s="1"/>
  <c r="N2179" i="5" s="1"/>
  <c r="J7732" i="2"/>
  <c r="J7706" i="5" s="1"/>
  <c r="N7706" i="5" s="1"/>
  <c r="J5058" i="2"/>
  <c r="J5032" i="5" s="1"/>
  <c r="N5032" i="5" s="1"/>
  <c r="J3729" i="2"/>
  <c r="J3703" i="5" s="1"/>
  <c r="N3703" i="5" s="1"/>
  <c r="J337" i="2"/>
  <c r="J311" i="5" s="1"/>
  <c r="N311" i="5" s="1"/>
  <c r="J3561" i="2"/>
  <c r="J3535" i="5" s="1"/>
  <c r="N3535" i="5" s="1"/>
  <c r="J183" i="2"/>
  <c r="J157" i="5" s="1"/>
  <c r="N157" i="5" s="1"/>
  <c r="J4206" i="2"/>
  <c r="J4180" i="5" s="1"/>
  <c r="N4180" i="5" s="1"/>
  <c r="J3690" i="2"/>
  <c r="J3664" i="5" s="1"/>
  <c r="N3664" i="5" s="1"/>
  <c r="J1836" i="2"/>
  <c r="J1810" i="5" s="1"/>
  <c r="N1810" i="5" s="1"/>
  <c r="J2036" i="2"/>
  <c r="J2010" i="5" s="1"/>
  <c r="N2010" i="5" s="1"/>
  <c r="J7922" i="2"/>
  <c r="J7896" i="5" s="1"/>
  <c r="N7896" i="5" s="1"/>
  <c r="J6074" i="2"/>
  <c r="J6048" i="5" s="1"/>
  <c r="N6048" i="5" s="1"/>
  <c r="J4372" i="2"/>
  <c r="J4346" i="5" s="1"/>
  <c r="N4346" i="5" s="1"/>
  <c r="J2024" i="2"/>
  <c r="J1998" i="5" s="1"/>
  <c r="N1998" i="5" s="1"/>
  <c r="J4545" i="2"/>
  <c r="J4519" i="5" s="1"/>
  <c r="N4519" i="5" s="1"/>
  <c r="J4893" i="2"/>
  <c r="J4867" i="5" s="1"/>
  <c r="N4867" i="5" s="1"/>
  <c r="J2033" i="2"/>
  <c r="J2007" i="5" s="1"/>
  <c r="N2007" i="5" s="1"/>
  <c r="J170" i="2"/>
  <c r="J144" i="5" s="1"/>
  <c r="N144" i="5" s="1"/>
  <c r="J8408" i="2"/>
  <c r="J8382" i="5" s="1"/>
  <c r="N8382" i="5" s="1"/>
  <c r="J6554" i="2"/>
  <c r="J6528" i="5" s="1"/>
  <c r="N6528" i="5" s="1"/>
  <c r="J4543" i="2"/>
  <c r="J4517" i="5" s="1"/>
  <c r="N4517" i="5" s="1"/>
  <c r="J2370" i="2"/>
  <c r="J2344" i="5" s="1"/>
  <c r="N2344" i="5" s="1"/>
  <c r="J4044" i="2"/>
  <c r="J4018" i="5" s="1"/>
  <c r="N4018" i="5" s="1"/>
  <c r="J1861" i="2"/>
  <c r="J1835" i="5" s="1"/>
  <c r="N1835" i="5" s="1"/>
  <c r="J3716" i="2"/>
  <c r="J3690" i="5" s="1"/>
  <c r="N3690" i="5" s="1"/>
  <c r="J7065" i="2"/>
  <c r="J7039" i="5" s="1"/>
  <c r="N7039" i="5" s="1"/>
  <c r="J6204" i="2"/>
  <c r="J6178" i="5" s="1"/>
  <c r="N6178" i="5" s="1"/>
  <c r="J3552" i="2"/>
  <c r="J3526" i="5" s="1"/>
  <c r="N3526" i="5" s="1"/>
  <c r="J2843" i="2"/>
  <c r="J2817" i="5" s="1"/>
  <c r="N2817" i="5" s="1"/>
  <c r="J1179" i="2"/>
  <c r="J1153" i="5" s="1"/>
  <c r="N1153" i="5" s="1"/>
  <c r="J4209" i="2"/>
  <c r="J4183" i="5" s="1"/>
  <c r="N4183" i="5" s="1"/>
  <c r="J7384" i="2"/>
  <c r="J7358" i="5" s="1"/>
  <c r="N7358" i="5" s="1"/>
  <c r="J4708" i="2"/>
  <c r="J4682" i="5" s="1"/>
  <c r="N4682" i="5" s="1"/>
  <c r="J3049" i="2"/>
  <c r="J3023" i="5" s="1"/>
  <c r="N3023" i="5" s="1"/>
  <c r="J4057" i="2"/>
  <c r="J4031" i="5" s="1"/>
  <c r="N4031" i="5" s="1"/>
  <c r="J2049" i="2"/>
  <c r="J2023" i="5" s="1"/>
  <c r="N2023" i="5" s="1"/>
  <c r="J341" i="2"/>
  <c r="J315" i="5" s="1"/>
  <c r="N315" i="5" s="1"/>
  <c r="J8432" i="2"/>
  <c r="J8406" i="5" s="1"/>
  <c r="N8406" i="5" s="1"/>
  <c r="J6562" i="2"/>
  <c r="J6536" i="5" s="1"/>
  <c r="N6536" i="5" s="1"/>
  <c r="J4023" i="2"/>
  <c r="J3997" i="5" s="1"/>
  <c r="N3997" i="5" s="1"/>
  <c r="J2208" i="2"/>
  <c r="J2182" i="5" s="1"/>
  <c r="N2182" i="5" s="1"/>
  <c r="J7220" i="2"/>
  <c r="J7194" i="5" s="1"/>
  <c r="N7194" i="5" s="1"/>
  <c r="J8096" i="2"/>
  <c r="J8070" i="5" s="1"/>
  <c r="N8070" i="5" s="1"/>
  <c r="J5704" i="2"/>
  <c r="J5678" i="5" s="1"/>
  <c r="N5678" i="5" s="1"/>
  <c r="J3217" i="2"/>
  <c r="J3191" i="5" s="1"/>
  <c r="N3191" i="5" s="1"/>
  <c r="J1684" i="2"/>
  <c r="J1658" i="5" s="1"/>
  <c r="N1658" i="5" s="1"/>
  <c r="J685" i="2"/>
  <c r="J659" i="5" s="1"/>
  <c r="N659" i="5" s="1"/>
  <c r="J1352" i="2"/>
  <c r="J1326" i="5" s="1"/>
  <c r="N1326" i="5" s="1"/>
  <c r="J4534" i="2"/>
  <c r="J4508" i="5" s="1"/>
  <c r="N4508" i="5" s="1"/>
  <c r="J6914" i="2"/>
  <c r="J6888" i="5" s="1"/>
  <c r="N6888" i="5" s="1"/>
  <c r="J5222" i="2"/>
  <c r="J5196" i="5" s="1"/>
  <c r="N5196" i="5" s="1"/>
  <c r="J2540" i="2"/>
  <c r="J2514" i="5" s="1"/>
  <c r="N2514" i="5" s="1"/>
  <c r="J860" i="2"/>
  <c r="J834" i="5" s="1"/>
  <c r="N834" i="5" s="1"/>
  <c r="J6897" i="2"/>
  <c r="J6871" i="5" s="1"/>
  <c r="N6871" i="5" s="1"/>
  <c r="J2866" i="2"/>
  <c r="J2840" i="5" s="1"/>
  <c r="N2840" i="5" s="1"/>
  <c r="J7088" i="2"/>
  <c r="J7062" i="5" s="1"/>
  <c r="N7062" i="5" s="1"/>
  <c r="J5059" i="2"/>
  <c r="J5033" i="5" s="1"/>
  <c r="N5033" i="5" s="1"/>
  <c r="J3530" i="2"/>
  <c r="J3504" i="5" s="1"/>
  <c r="N3504" i="5" s="1"/>
  <c r="J866" i="2"/>
  <c r="J840" i="5" s="1"/>
  <c r="N840" i="5" s="1"/>
  <c r="J5238" i="2"/>
  <c r="J5212" i="5" s="1"/>
  <c r="N5212" i="5" s="1"/>
  <c r="J368" i="2"/>
  <c r="J342" i="5" s="1"/>
  <c r="N342" i="5" s="1"/>
  <c r="J8727" i="2"/>
  <c r="J8701" i="5" s="1"/>
  <c r="N8701" i="5" s="1"/>
  <c r="J3884" i="2"/>
  <c r="J3858" i="5" s="1"/>
  <c r="N3858" i="5" s="1"/>
  <c r="J3221" i="2"/>
  <c r="J3195" i="5" s="1"/>
  <c r="N3195" i="5" s="1"/>
  <c r="J8092" i="2"/>
  <c r="J8066" i="5" s="1"/>
  <c r="N8066" i="5" s="1"/>
  <c r="J1837" i="2"/>
  <c r="J1811" i="5" s="1"/>
  <c r="N1811" i="5" s="1"/>
  <c r="J6043" i="2"/>
  <c r="J6017" i="5" s="1"/>
  <c r="N6017" i="5" s="1"/>
  <c r="J2853" i="2"/>
  <c r="J2827" i="5" s="1"/>
  <c r="N2827" i="5" s="1"/>
  <c r="J3365" i="2"/>
  <c r="J3339" i="5" s="1"/>
  <c r="N3339" i="5" s="1"/>
  <c r="J8751" i="2"/>
  <c r="J8725" i="5" s="1"/>
  <c r="N8725" i="5" s="1"/>
  <c r="J1710" i="2"/>
  <c r="J1684" i="5" s="1"/>
  <c r="N1684" i="5" s="1"/>
  <c r="J7727" i="2"/>
  <c r="J7701" i="5" s="1"/>
  <c r="N7701" i="5" s="1"/>
  <c r="J7404" i="2"/>
  <c r="J7378" i="5" s="1"/>
  <c r="N7378" i="5" s="1"/>
  <c r="J7593" i="2"/>
  <c r="J7567" i="5" s="1"/>
  <c r="N7567" i="5" s="1"/>
  <c r="J180" i="2"/>
  <c r="J154" i="5" s="1"/>
  <c r="N154" i="5" s="1"/>
  <c r="J344" i="2"/>
  <c r="J318" i="5" s="1"/>
  <c r="N318" i="5" s="1"/>
  <c r="J6561" i="2"/>
  <c r="J6535" i="5" s="1"/>
  <c r="N6535" i="5" s="1"/>
  <c r="J3523" i="2"/>
  <c r="J3497" i="5" s="1"/>
  <c r="N3497" i="5" s="1"/>
  <c r="J2198" i="2"/>
  <c r="J2172" i="5" s="1"/>
  <c r="N2172" i="5" s="1"/>
  <c r="J156" i="2"/>
  <c r="J130" i="5" s="1"/>
  <c r="N130" i="5" s="1"/>
  <c r="J8733" i="2"/>
  <c r="J8707" i="5" s="1"/>
  <c r="N8707" i="5" s="1"/>
  <c r="J3527" i="2"/>
  <c r="J3501" i="5" s="1"/>
  <c r="N3501" i="5" s="1"/>
  <c r="J1199" i="2"/>
  <c r="J1173" i="5" s="1"/>
  <c r="N1173" i="5" s="1"/>
  <c r="J8563" i="2"/>
  <c r="J8537" i="5" s="1"/>
  <c r="N8537" i="5" s="1"/>
  <c r="J6412" i="2"/>
  <c r="J6386" i="5" s="1"/>
  <c r="N6386" i="5" s="1"/>
  <c r="J5032" i="2"/>
  <c r="J5006" i="5" s="1"/>
  <c r="N5006" i="5" s="1"/>
  <c r="J2210" i="2"/>
  <c r="J2184" i="5" s="1"/>
  <c r="N2184" i="5" s="1"/>
  <c r="J514" i="2"/>
  <c r="J488" i="5" s="1"/>
  <c r="N488" i="5" s="1"/>
  <c r="J2035" i="2"/>
  <c r="J2009" i="5" s="1"/>
  <c r="N2009" i="5" s="1"/>
  <c r="J7735" i="2"/>
  <c r="J7709" i="5" s="1"/>
  <c r="N7709" i="5" s="1"/>
  <c r="J8062" i="2"/>
  <c r="J8036" i="5" s="1"/>
  <c r="N8036" i="5" s="1"/>
  <c r="J6211" i="2"/>
  <c r="J6185" i="5" s="1"/>
  <c r="N6185" i="5" s="1"/>
  <c r="J4557" i="2"/>
  <c r="J4531" i="5" s="1"/>
  <c r="N4531" i="5" s="1"/>
  <c r="J1541" i="2"/>
  <c r="J1515" i="5" s="1"/>
  <c r="N1515" i="5" s="1"/>
  <c r="J1503" i="2"/>
  <c r="J1477" i="5" s="1"/>
  <c r="N1477" i="5" s="1"/>
  <c r="J6578" i="2"/>
  <c r="J6552" i="5" s="1"/>
  <c r="N6552" i="5" s="1"/>
  <c r="J7410" i="2"/>
  <c r="J7384" i="5" s="1"/>
  <c r="N7384" i="5" s="1"/>
  <c r="J5365" i="2"/>
  <c r="J5339" i="5" s="1"/>
  <c r="N5339" i="5" s="1"/>
  <c r="J3011" i="2"/>
  <c r="J2985" i="5" s="1"/>
  <c r="N2985" i="5" s="1"/>
  <c r="J1029" i="2"/>
  <c r="J1003" i="5" s="1"/>
  <c r="N1003" i="5" s="1"/>
  <c r="J2535" i="2"/>
  <c r="J2509" i="5" s="1"/>
  <c r="N2509" i="5" s="1"/>
  <c r="J836" i="2"/>
  <c r="J810" i="5" s="1"/>
  <c r="N810" i="5" s="1"/>
  <c r="J1334" i="2"/>
  <c r="J1308" i="5" s="1"/>
  <c r="N1308" i="5" s="1"/>
  <c r="J6552" i="2"/>
  <c r="J6526" i="5" s="1"/>
  <c r="N6526" i="5" s="1"/>
  <c r="J4031" i="2"/>
  <c r="J4005" i="5" s="1"/>
  <c r="N4005" i="5" s="1"/>
  <c r="J2712" i="2"/>
  <c r="J2686" i="5" s="1"/>
  <c r="N2686" i="5" s="1"/>
  <c r="J198" i="2"/>
  <c r="J172" i="5" s="1"/>
  <c r="N172" i="5" s="1"/>
  <c r="J8070" i="2"/>
  <c r="J8044" i="5" s="1"/>
  <c r="N8044" i="5" s="1"/>
  <c r="J6245" i="2"/>
  <c r="J6219" i="5" s="1"/>
  <c r="N6219" i="5" s="1"/>
  <c r="J3851" i="2"/>
  <c r="J3825" i="5" s="1"/>
  <c r="N3825" i="5" s="1"/>
  <c r="J1864" i="2"/>
  <c r="J1838" i="5" s="1"/>
  <c r="N1838" i="5" s="1"/>
  <c r="J7237" i="2"/>
  <c r="J7211" i="5" s="1"/>
  <c r="N7211" i="5" s="1"/>
  <c r="J8737" i="2"/>
  <c r="J8711" i="5" s="1"/>
  <c r="N8711" i="5" s="1"/>
  <c r="J7407" i="2"/>
  <c r="J7381" i="5" s="1"/>
  <c r="N7381" i="5" s="1"/>
  <c r="J7729" i="2"/>
  <c r="J7703" i="5" s="1"/>
  <c r="N7703" i="5" s="1"/>
  <c r="J4709" i="2"/>
  <c r="J4683" i="5" s="1"/>
  <c r="N4683" i="5" s="1"/>
  <c r="J2682" i="2"/>
  <c r="J2656" i="5" s="1"/>
  <c r="N2656" i="5" s="1"/>
  <c r="J1355" i="2"/>
  <c r="J1329" i="5" s="1"/>
  <c r="N1329" i="5" s="1"/>
  <c r="J3516" i="2"/>
  <c r="J3490" i="5" s="1"/>
  <c r="N3490" i="5" s="1"/>
  <c r="J8573" i="2"/>
  <c r="J8547" i="5" s="1"/>
  <c r="N8547" i="5" s="1"/>
  <c r="J6061" i="2"/>
  <c r="J6035" i="5" s="1"/>
  <c r="N6035" i="5" s="1"/>
  <c r="J2887" i="2"/>
  <c r="J2861" i="5" s="1"/>
  <c r="N2861" i="5" s="1"/>
  <c r="J1347" i="2"/>
  <c r="J1321" i="5" s="1"/>
  <c r="N1321" i="5" s="1"/>
  <c r="J1677" i="2"/>
  <c r="J1651" i="5" s="1"/>
  <c r="N1651" i="5" s="1"/>
  <c r="J7714" i="2"/>
  <c r="J7688" i="5" s="1"/>
  <c r="N7688" i="5" s="1"/>
  <c r="J365" i="2"/>
  <c r="J339" i="5" s="1"/>
  <c r="N339" i="5" s="1"/>
  <c r="J7751" i="2"/>
  <c r="J7725" i="5" s="1"/>
  <c r="N7725" i="5" s="1"/>
  <c r="J2539" i="2"/>
  <c r="J2513" i="5" s="1"/>
  <c r="N2513" i="5" s="1"/>
  <c r="J8263" i="2"/>
  <c r="J8237" i="5" s="1"/>
  <c r="N8237" i="5" s="1"/>
  <c r="J6729" i="2"/>
  <c r="J6703" i="5" s="1"/>
  <c r="N6703" i="5" s="1"/>
  <c r="J3888" i="2"/>
  <c r="J3862" i="5" s="1"/>
  <c r="N3862" i="5" s="1"/>
  <c r="J3198" i="2"/>
  <c r="J3172" i="5" s="1"/>
  <c r="N3172" i="5" s="1"/>
  <c r="J1675" i="2"/>
  <c r="J1649" i="5" s="1"/>
  <c r="N1649" i="5" s="1"/>
  <c r="J1167" i="2"/>
  <c r="J1141" i="5" s="1"/>
  <c r="N1141" i="5" s="1"/>
  <c r="J7717" i="2"/>
  <c r="J7691" i="5" s="1"/>
  <c r="N7691" i="5" s="1"/>
  <c r="J369" i="2"/>
  <c r="J343" i="5" s="1"/>
  <c r="N343" i="5" s="1"/>
  <c r="J6050" i="2"/>
  <c r="J6024" i="5" s="1"/>
  <c r="N6024" i="5" s="1"/>
  <c r="J6226" i="2"/>
  <c r="J6200" i="5" s="1"/>
  <c r="N6200" i="5" s="1"/>
  <c r="J5741" i="2"/>
  <c r="J5715" i="5" s="1"/>
  <c r="N5715" i="5" s="1"/>
  <c r="J2850" i="2"/>
  <c r="J2824" i="5" s="1"/>
  <c r="N2824" i="5" s="1"/>
  <c r="J853" i="2"/>
  <c r="J827" i="5" s="1"/>
  <c r="N827" i="5" s="1"/>
  <c r="J4711" i="2"/>
  <c r="J4685" i="5" s="1"/>
  <c r="N4685" i="5" s="1"/>
  <c r="J2690" i="2"/>
  <c r="J2664" i="5" s="1"/>
  <c r="N2664" i="5" s="1"/>
  <c r="J1024" i="2"/>
  <c r="J998" i="5" s="1"/>
  <c r="N998" i="5" s="1"/>
  <c r="J5703" i="2"/>
  <c r="J5677" i="5" s="1"/>
  <c r="N5677" i="5" s="1"/>
  <c r="J7254" i="2"/>
  <c r="J7228" i="5" s="1"/>
  <c r="N7228" i="5" s="1"/>
  <c r="J1880" i="2"/>
  <c r="J1854" i="5" s="1"/>
  <c r="N1854" i="5" s="1"/>
  <c r="J6881" i="2"/>
  <c r="J6855" i="5" s="1"/>
  <c r="N6855" i="5" s="1"/>
  <c r="J7406" i="2"/>
  <c r="J7380" i="5" s="1"/>
  <c r="N7380" i="5" s="1"/>
  <c r="J5402" i="2"/>
  <c r="J5376" i="5" s="1"/>
  <c r="N5376" i="5" s="1"/>
  <c r="J3519" i="2"/>
  <c r="J3493" i="5" s="1"/>
  <c r="N3493" i="5" s="1"/>
  <c r="J1202" i="2"/>
  <c r="J1176" i="5" s="1"/>
  <c r="N1176" i="5" s="1"/>
  <c r="J2854" i="2"/>
  <c r="J2828" i="5" s="1"/>
  <c r="N2828" i="5" s="1"/>
  <c r="J506" i="2"/>
  <c r="J480" i="5" s="1"/>
  <c r="N480" i="5" s="1"/>
  <c r="J8067" i="2"/>
  <c r="J8041" i="5" s="1"/>
  <c r="N8041" i="5" s="1"/>
  <c r="J6566" i="2"/>
  <c r="J6540" i="5" s="1"/>
  <c r="N6540" i="5" s="1"/>
  <c r="J4040" i="2"/>
  <c r="J4014" i="5" s="1"/>
  <c r="N4014" i="5" s="1"/>
  <c r="J2509" i="2"/>
  <c r="J2483" i="5" s="1"/>
  <c r="N2483" i="5" s="1"/>
  <c r="J340" i="2"/>
  <c r="J314" i="5" s="1"/>
  <c r="N314" i="5" s="1"/>
  <c r="J497" i="2"/>
  <c r="J471" i="5" s="1"/>
  <c r="N471" i="5" s="1"/>
  <c r="J8562" i="2"/>
  <c r="J8536" i="5" s="1"/>
  <c r="N8536" i="5" s="1"/>
  <c r="J5909" i="2"/>
  <c r="J5883" i="5" s="1"/>
  <c r="N5883" i="5" s="1"/>
  <c r="J3864" i="2"/>
  <c r="J3838" i="5" s="1"/>
  <c r="N3838" i="5" s="1"/>
  <c r="J1341" i="2"/>
  <c r="J1315" i="5" s="1"/>
  <c r="N1315" i="5" s="1"/>
  <c r="J4566" i="2"/>
  <c r="J4540" i="5" s="1"/>
  <c r="N4540" i="5" s="1"/>
  <c r="J996" i="2"/>
  <c r="J970" i="5" s="1"/>
  <c r="N970" i="5" s="1"/>
  <c r="J5724" i="2"/>
  <c r="J5698" i="5" s="1"/>
  <c r="N5698" i="5" s="1"/>
  <c r="J7049" i="2"/>
  <c r="J7023" i="5" s="1"/>
  <c r="N7023" i="5" s="1"/>
  <c r="J5027" i="2"/>
  <c r="J5001" i="5" s="1"/>
  <c r="N5001" i="5" s="1"/>
  <c r="J2688" i="2"/>
  <c r="J2662" i="5" s="1"/>
  <c r="N2662" i="5" s="1"/>
  <c r="J664" i="2"/>
  <c r="J638" i="5" s="1"/>
  <c r="N638" i="5" s="1"/>
  <c r="J2357" i="2"/>
  <c r="J2331" i="5" s="1"/>
  <c r="N2331" i="5" s="1"/>
  <c r="J6751" i="2"/>
  <c r="J6725" i="5" s="1"/>
  <c r="N6725" i="5" s="1"/>
  <c r="J5393" i="2"/>
  <c r="J5367" i="5" s="1"/>
  <c r="N5367" i="5" s="1"/>
  <c r="J2375" i="2"/>
  <c r="J2349" i="5" s="1"/>
  <c r="N2349" i="5" s="1"/>
  <c r="J178" i="2"/>
  <c r="J152" i="5" s="1"/>
  <c r="N152" i="5" s="1"/>
  <c r="J8730" i="2"/>
  <c r="J8704" i="5" s="1"/>
  <c r="N8704" i="5" s="1"/>
  <c r="J6570" i="2"/>
  <c r="J6544" i="5" s="1"/>
  <c r="N6544" i="5" s="1"/>
  <c r="J8579" i="2"/>
  <c r="J8553" i="5" s="1"/>
  <c r="N8553" i="5" s="1"/>
  <c r="J6208" i="2"/>
  <c r="J6182" i="5" s="1"/>
  <c r="N6182" i="5" s="1"/>
  <c r="J3223" i="2"/>
  <c r="J3197" i="5" s="1"/>
  <c r="N3197" i="5" s="1"/>
  <c r="J1516" i="2"/>
  <c r="J1490" i="5" s="1"/>
  <c r="N1490" i="5" s="1"/>
  <c r="J7051" i="2"/>
  <c r="J7025" i="5" s="1"/>
  <c r="N7025" i="5" s="1"/>
  <c r="J7921" i="2"/>
  <c r="J7895" i="5" s="1"/>
  <c r="N7895" i="5" s="1"/>
  <c r="J6575" i="2"/>
  <c r="J6549" i="5" s="1"/>
  <c r="N6549" i="5" s="1"/>
  <c r="J4036" i="2"/>
  <c r="J4010" i="5" s="1"/>
  <c r="N4010" i="5" s="1"/>
  <c r="J2046" i="2"/>
  <c r="J2020" i="5" s="1"/>
  <c r="N2020" i="5" s="1"/>
  <c r="J5540" i="2"/>
  <c r="J5514" i="5" s="1"/>
  <c r="N5514" i="5" s="1"/>
  <c r="J7905" i="2"/>
  <c r="J7879" i="5" s="1"/>
  <c r="N7879" i="5" s="1"/>
  <c r="J5882" i="2"/>
  <c r="J5856" i="5" s="1"/>
  <c r="N5856" i="5" s="1"/>
  <c r="J7391" i="2"/>
  <c r="J7365" i="5" s="1"/>
  <c r="N7365" i="5" s="1"/>
  <c r="J5364" i="2"/>
  <c r="J5338" i="5" s="1"/>
  <c r="N5338" i="5" s="1"/>
  <c r="J2176" i="2"/>
  <c r="J2150" i="5" s="1"/>
  <c r="N2150" i="5" s="1"/>
  <c r="J161" i="2"/>
  <c r="J135" i="5" s="1"/>
  <c r="N135" i="5" s="1"/>
  <c r="J4526" i="2"/>
  <c r="J4500" i="5" s="1"/>
  <c r="N4500" i="5" s="1"/>
  <c r="J6725" i="2"/>
  <c r="J6699" i="5" s="1"/>
  <c r="N6699" i="5" s="1"/>
  <c r="J6708" i="2"/>
  <c r="J6682" i="5" s="1"/>
  <c r="N6682" i="5" s="1"/>
  <c r="J4392" i="2"/>
  <c r="J4366" i="5" s="1"/>
  <c r="N4366" i="5" s="1"/>
  <c r="J2017" i="2"/>
  <c r="J1991" i="5" s="1"/>
  <c r="N1991" i="5" s="1"/>
  <c r="J5234" i="2"/>
  <c r="J5208" i="5" s="1"/>
  <c r="N5208" i="5" s="1"/>
  <c r="J8230" i="2"/>
  <c r="J8204" i="5" s="1"/>
  <c r="N8204" i="5" s="1"/>
  <c r="J6893" i="2"/>
  <c r="J6867" i="5" s="1"/>
  <c r="N6867" i="5" s="1"/>
  <c r="J662" i="2"/>
  <c r="J636" i="5" s="1"/>
  <c r="N636" i="5" s="1"/>
  <c r="J3720" i="2"/>
  <c r="J3694" i="5" s="1"/>
  <c r="N3694" i="5" s="1"/>
  <c r="J669" i="2"/>
  <c r="J643" i="5" s="1"/>
  <c r="N643" i="5" s="1"/>
  <c r="J8073" i="2"/>
  <c r="J8047" i="5" s="1"/>
  <c r="N8047" i="5" s="1"/>
  <c r="J2845" i="2"/>
  <c r="J2819" i="5" s="1"/>
  <c r="N2819" i="5" s="1"/>
  <c r="J8090" i="2"/>
  <c r="J8064" i="5" s="1"/>
  <c r="N8064" i="5" s="1"/>
  <c r="J3178" i="2"/>
  <c r="J3152" i="5" s="1"/>
  <c r="N3152" i="5" s="1"/>
  <c r="J689" i="2"/>
  <c r="J663" i="5" s="1"/>
  <c r="N663" i="5" s="1"/>
  <c r="J176" i="2"/>
  <c r="J150" i="5" s="1"/>
  <c r="N150" i="5" s="1"/>
  <c r="J7913" i="2"/>
  <c r="J7887" i="5" s="1"/>
  <c r="N7887" i="5" s="1"/>
  <c r="J5221" i="2"/>
  <c r="J5195" i="5" s="1"/>
  <c r="N5195" i="5" s="1"/>
  <c r="J2039" i="2"/>
  <c r="J2013" i="5" s="1"/>
  <c r="N2013" i="5" s="1"/>
  <c r="J3704" i="2"/>
  <c r="J3678" i="5" s="1"/>
  <c r="N3678" i="5" s="1"/>
  <c r="J4051" i="2"/>
  <c r="J4025" i="5" s="1"/>
  <c r="N4025" i="5" s="1"/>
  <c r="J7060" i="2"/>
  <c r="J7034" i="5" s="1"/>
  <c r="N7034" i="5" s="1"/>
  <c r="J7219" i="2"/>
  <c r="J7193" i="5" s="1"/>
  <c r="N7193" i="5" s="1"/>
  <c r="J3184" i="2"/>
  <c r="J3158" i="5" s="1"/>
  <c r="N3158" i="5" s="1"/>
  <c r="J1039" i="2"/>
  <c r="J1013" i="5" s="1"/>
  <c r="N1013" i="5" s="1"/>
  <c r="J863" i="2"/>
  <c r="J837" i="5" s="1"/>
  <c r="N837" i="5" s="1"/>
  <c r="J7746" i="2"/>
  <c r="J7720" i="5" s="1"/>
  <c r="N7720" i="5" s="1"/>
  <c r="J4695" i="2"/>
  <c r="J4669" i="5" s="1"/>
  <c r="N4669" i="5" s="1"/>
  <c r="J688" i="2"/>
  <c r="J662" i="5" s="1"/>
  <c r="N662" i="5" s="1"/>
  <c r="J8405" i="2"/>
  <c r="J8379" i="5" s="1"/>
  <c r="N8379" i="5" s="1"/>
  <c r="J5871" i="2"/>
  <c r="J5845" i="5" s="1"/>
  <c r="N5845" i="5" s="1"/>
  <c r="J3048" i="2"/>
  <c r="J3022" i="5" s="1"/>
  <c r="N3022" i="5" s="1"/>
  <c r="J1666" i="2"/>
  <c r="J1640" i="5" s="1"/>
  <c r="N1640" i="5" s="1"/>
  <c r="J5211" i="2"/>
  <c r="J5185" i="5" s="1"/>
  <c r="N5185" i="5" s="1"/>
  <c r="J5734" i="2"/>
  <c r="J5708" i="5" s="1"/>
  <c r="N5708" i="5" s="1"/>
  <c r="J7054" i="2"/>
  <c r="J7028" i="5" s="1"/>
  <c r="N7028" i="5" s="1"/>
  <c r="J4878" i="2"/>
  <c r="J4852" i="5" s="1"/>
  <c r="N4852" i="5" s="1"/>
  <c r="J2346" i="2"/>
  <c r="J2320" i="5" s="1"/>
  <c r="N2320" i="5" s="1"/>
  <c r="J835" i="2"/>
  <c r="J809" i="5" s="1"/>
  <c r="N809" i="5" s="1"/>
  <c r="J2888" i="2"/>
  <c r="J2862" i="5" s="1"/>
  <c r="N2862" i="5" s="1"/>
  <c r="J8757" i="2"/>
  <c r="J8731" i="5" s="1"/>
  <c r="N8731" i="5" s="1"/>
  <c r="J6539" i="2"/>
  <c r="J6513" i="5" s="1"/>
  <c r="N6513" i="5" s="1"/>
  <c r="J3695" i="2"/>
  <c r="J3669" i="5" s="1"/>
  <c r="N3669" i="5" s="1"/>
  <c r="J2678" i="2"/>
  <c r="J2652" i="5" s="1"/>
  <c r="N2652" i="5" s="1"/>
  <c r="J174" i="2"/>
  <c r="J148" i="5" s="1"/>
  <c r="N148" i="5" s="1"/>
  <c r="J8725" i="2"/>
  <c r="J8699" i="5" s="1"/>
  <c r="N8699" i="5" s="1"/>
  <c r="J8262" i="2"/>
  <c r="J8236" i="5" s="1"/>
  <c r="N8236" i="5" s="1"/>
  <c r="J8089" i="2"/>
  <c r="J8063" i="5" s="1"/>
  <c r="N8063" i="5" s="1"/>
  <c r="J6239" i="2"/>
  <c r="J6213" i="5" s="1"/>
  <c r="N6213" i="5" s="1"/>
  <c r="J3522" i="2"/>
  <c r="J3496" i="5" s="1"/>
  <c r="N3496" i="5" s="1"/>
  <c r="J1034" i="2"/>
  <c r="J1008" i="5" s="1"/>
  <c r="N1008" i="5" s="1"/>
  <c r="J5209" i="2"/>
  <c r="J5183" i="5" s="1"/>
  <c r="N5183" i="5" s="1"/>
  <c r="J4889" i="2"/>
  <c r="J4863" i="5" s="1"/>
  <c r="N4863" i="5" s="1"/>
  <c r="J3042" i="2"/>
  <c r="J3016" i="5" s="1"/>
  <c r="N3016" i="5" s="1"/>
  <c r="J694" i="2"/>
  <c r="J668" i="5" s="1"/>
  <c r="N668" i="5" s="1"/>
  <c r="J6213" i="2"/>
  <c r="J6187" i="5" s="1"/>
  <c r="N6187" i="5" s="1"/>
  <c r="J7405" i="2"/>
  <c r="J7379" i="5" s="1"/>
  <c r="N7379" i="5" s="1"/>
  <c r="J5225" i="2"/>
  <c r="J5199" i="5" s="1"/>
  <c r="N5199" i="5" s="1"/>
  <c r="J6724" i="2"/>
  <c r="J6698" i="5" s="1"/>
  <c r="N6698" i="5" s="1"/>
  <c r="J3891" i="2"/>
  <c r="J3865" i="5" s="1"/>
  <c r="N3865" i="5" s="1"/>
  <c r="J2008" i="2"/>
  <c r="J1982" i="5" s="1"/>
  <c r="N1982" i="5" s="1"/>
  <c r="J2700" i="2"/>
  <c r="J2674" i="5" s="1"/>
  <c r="N2674" i="5" s="1"/>
  <c r="J2187" i="2"/>
  <c r="J2161" i="5" s="1"/>
  <c r="N2161" i="5" s="1"/>
  <c r="J4371" i="2"/>
  <c r="J4345" i="5" s="1"/>
  <c r="N4345" i="5" s="1"/>
  <c r="J6581" i="2"/>
  <c r="J6555" i="5" s="1"/>
  <c r="N6555" i="5" s="1"/>
  <c r="J1856" i="2"/>
  <c r="J1830" i="5" s="1"/>
  <c r="N1830" i="5" s="1"/>
  <c r="J6736" i="2"/>
  <c r="J6710" i="5" s="1"/>
  <c r="N6710" i="5" s="1"/>
  <c r="J1876" i="2"/>
  <c r="J1850" i="5" s="1"/>
  <c r="N1850" i="5" s="1"/>
  <c r="J7734" i="2"/>
  <c r="J7708" i="5" s="1"/>
  <c r="N7708" i="5" s="1"/>
  <c r="J6738" i="2"/>
  <c r="J6712" i="5" s="1"/>
  <c r="N6712" i="5" s="1"/>
  <c r="J6752" i="2"/>
  <c r="J6726" i="5" s="1"/>
  <c r="N6726" i="5" s="1"/>
  <c r="J7046" i="2"/>
  <c r="J7020" i="5" s="1"/>
  <c r="N7020" i="5" s="1"/>
  <c r="J692" i="2"/>
  <c r="J666" i="5" s="1"/>
  <c r="N666" i="5" s="1"/>
  <c r="J2381" i="2"/>
  <c r="J2355" i="5" s="1"/>
  <c r="N2355" i="5" s="1"/>
  <c r="J2195" i="2"/>
  <c r="J2169" i="5" s="1"/>
  <c r="N2169" i="5" s="1"/>
  <c r="J5537" i="2"/>
  <c r="J5511" i="5" s="1"/>
  <c r="N5511" i="5" s="1"/>
  <c r="J5721" i="2"/>
  <c r="J5695" i="5" s="1"/>
  <c r="N5695" i="5" s="1"/>
  <c r="J1538" i="2"/>
  <c r="J1512" i="5" s="1"/>
  <c r="N1512" i="5" s="1"/>
  <c r="J5574" i="2"/>
  <c r="J5548" i="5" s="1"/>
  <c r="N5548" i="5" s="1"/>
  <c r="J7927" i="2"/>
  <c r="J7901" i="5" s="1"/>
  <c r="N7901" i="5" s="1"/>
  <c r="J6079" i="2"/>
  <c r="J6053" i="5" s="1"/>
  <c r="N6053" i="5" s="1"/>
  <c r="J2674" i="2"/>
  <c r="J2648" i="5" s="1"/>
  <c r="N2648" i="5" s="1"/>
  <c r="J8248" i="2"/>
  <c r="J8222" i="5" s="1"/>
  <c r="N8222" i="5" s="1"/>
  <c r="J6388" i="2"/>
  <c r="J6362" i="5" s="1"/>
  <c r="N6362" i="5" s="1"/>
  <c r="J4215" i="2"/>
  <c r="J4189" i="5" s="1"/>
  <c r="N4189" i="5" s="1"/>
  <c r="J2013" i="2"/>
  <c r="J1987" i="5" s="1"/>
  <c r="N1987" i="5" s="1"/>
  <c r="J1688" i="2"/>
  <c r="J1662" i="5" s="1"/>
  <c r="N1662" i="5" s="1"/>
  <c r="J8232" i="2"/>
  <c r="J8206" i="5" s="1"/>
  <c r="N8206" i="5" s="1"/>
  <c r="J7224" i="2"/>
  <c r="J7198" i="5" s="1"/>
  <c r="N7198" i="5" s="1"/>
  <c r="J4716" i="2"/>
  <c r="J4690" i="5" s="1"/>
  <c r="N4690" i="5" s="1"/>
  <c r="J3539" i="2"/>
  <c r="J3513" i="5" s="1"/>
  <c r="N3513" i="5" s="1"/>
  <c r="J1189" i="2"/>
  <c r="J1163" i="5" s="1"/>
  <c r="N1163" i="5" s="1"/>
  <c r="J5369" i="2"/>
  <c r="J5343" i="5" s="1"/>
  <c r="N5343" i="5" s="1"/>
  <c r="J7551" i="2"/>
  <c r="J7525" i="5" s="1"/>
  <c r="N7525" i="5" s="1"/>
  <c r="J7416" i="2"/>
  <c r="J7390" i="5" s="1"/>
  <c r="N7390" i="5" s="1"/>
  <c r="J4726" i="2"/>
  <c r="J4700" i="5" s="1"/>
  <c r="N4700" i="5" s="1"/>
  <c r="J2204" i="2"/>
  <c r="J2178" i="5" s="1"/>
  <c r="N2178" i="5" s="1"/>
  <c r="J157" i="2"/>
  <c r="J131" i="5" s="1"/>
  <c r="N131" i="5" s="1"/>
  <c r="J4887" i="2"/>
  <c r="J4861" i="5" s="1"/>
  <c r="N4861" i="5" s="1"/>
  <c r="J6898" i="2"/>
  <c r="J6872" i="5" s="1"/>
  <c r="N6872" i="5" s="1"/>
  <c r="J8247" i="2"/>
  <c r="J8221" i="5" s="1"/>
  <c r="N8221" i="5" s="1"/>
  <c r="J5905" i="2"/>
  <c r="J5879" i="5" s="1"/>
  <c r="N5879" i="5" s="1"/>
  <c r="J3535" i="2"/>
  <c r="J3509" i="5" s="1"/>
  <c r="N3509" i="5" s="1"/>
  <c r="J1709" i="2"/>
  <c r="J1683" i="5" s="1"/>
  <c r="N1683" i="5" s="1"/>
  <c r="J1679" i="2"/>
  <c r="J1653" i="5" s="1"/>
  <c r="N1653" i="5" s="1"/>
  <c r="J7908" i="2"/>
  <c r="J7882" i="5" s="1"/>
  <c r="N7882" i="5" s="1"/>
  <c r="J7718" i="2"/>
  <c r="J7692" i="5" s="1"/>
  <c r="N7692" i="5" s="1"/>
  <c r="J2349" i="2"/>
  <c r="J2323" i="5" s="1"/>
  <c r="N2323" i="5" s="1"/>
  <c r="J3880" i="2"/>
  <c r="J3854" i="5" s="1"/>
  <c r="N3854" i="5" s="1"/>
  <c r="J8726" i="2"/>
  <c r="J8700" i="5" s="1"/>
  <c r="N8700" i="5" s="1"/>
  <c r="J3688" i="2"/>
  <c r="J3662" i="5" s="1"/>
  <c r="N3662" i="5" s="1"/>
  <c r="J348" i="2"/>
  <c r="J322" i="5" s="1"/>
  <c r="N322" i="5" s="1"/>
  <c r="J8395" i="2"/>
  <c r="J8369" i="5" s="1"/>
  <c r="N8369" i="5" s="1"/>
  <c r="J7400" i="2"/>
  <c r="J7374" i="5" s="1"/>
  <c r="N7374" i="5" s="1"/>
  <c r="J5398" i="2"/>
  <c r="J5372" i="5" s="1"/>
  <c r="N5372" i="5" s="1"/>
  <c r="J6048" i="2"/>
  <c r="J6022" i="5" s="1"/>
  <c r="N6022" i="5" s="1"/>
  <c r="J2684" i="2"/>
  <c r="J2658" i="5" s="1"/>
  <c r="N2658" i="5" s="1"/>
  <c r="J1196" i="2"/>
  <c r="J1170" i="5" s="1"/>
  <c r="N1170" i="5" s="1"/>
  <c r="J673" i="2"/>
  <c r="J647" i="5" s="1"/>
  <c r="N647" i="5" s="1"/>
  <c r="J3549" i="2"/>
  <c r="J3523" i="5" s="1"/>
  <c r="N3523" i="5" s="1"/>
  <c r="J2175" i="2"/>
  <c r="J2149" i="5" s="1"/>
  <c r="N2149" i="5" s="1"/>
  <c r="J524" i="2"/>
  <c r="J498" i="5" s="1"/>
  <c r="N498" i="5" s="1"/>
  <c r="J8392" i="2"/>
  <c r="J8366" i="5" s="1"/>
  <c r="N8366" i="5" s="1"/>
  <c r="J5732" i="2"/>
  <c r="J5706" i="5" s="1"/>
  <c r="N5706" i="5" s="1"/>
  <c r="J4045" i="2"/>
  <c r="J4019" i="5" s="1"/>
  <c r="N4019" i="5" s="1"/>
  <c r="J1711" i="2"/>
  <c r="J1685" i="5" s="1"/>
  <c r="N1685" i="5" s="1"/>
  <c r="J6753" i="2"/>
  <c r="J6727" i="5" s="1"/>
  <c r="N6727" i="5" s="1"/>
  <c r="J5538" i="2"/>
  <c r="J5512" i="5" s="1"/>
  <c r="N5512" i="5" s="1"/>
  <c r="J2873" i="2"/>
  <c r="J2847" i="5" s="1"/>
  <c r="N2847" i="5" s="1"/>
  <c r="J338" i="2"/>
  <c r="J312" i="5" s="1"/>
  <c r="N312" i="5" s="1"/>
  <c r="J8052" i="2"/>
  <c r="J8026" i="5" s="1"/>
  <c r="N8026" i="5" s="1"/>
  <c r="J6231" i="2"/>
  <c r="J6205" i="5" s="1"/>
  <c r="N6205" i="5" s="1"/>
  <c r="J8581" i="2"/>
  <c r="J8555" i="5" s="1"/>
  <c r="N8555" i="5" s="1"/>
  <c r="J6070" i="2"/>
  <c r="J6044" i="5" s="1"/>
  <c r="N6044" i="5" s="1"/>
  <c r="J3380" i="2"/>
  <c r="J3354" i="5" s="1"/>
  <c r="N3354" i="5" s="1"/>
  <c r="J1356" i="2"/>
  <c r="J1330" i="5" s="1"/>
  <c r="N1330" i="5" s="1"/>
  <c r="J3055" i="2"/>
  <c r="J3029" i="5" s="1"/>
  <c r="N3029" i="5" s="1"/>
  <c r="J7723" i="2"/>
  <c r="J7697" i="5" s="1"/>
  <c r="N7697" i="5" s="1"/>
  <c r="J6035" i="2"/>
  <c r="J6009" i="5" s="1"/>
  <c r="N6009" i="5" s="1"/>
  <c r="J4737" i="2"/>
  <c r="J4711" i="5" s="1"/>
  <c r="N4711" i="5" s="1"/>
  <c r="J3207" i="2"/>
  <c r="J3181" i="5" s="1"/>
  <c r="N3181" i="5" s="1"/>
  <c r="J1342" i="2"/>
  <c r="J1316" i="5" s="1"/>
  <c r="N1316" i="5" s="1"/>
  <c r="J828" i="2"/>
  <c r="J802" i="5" s="1"/>
  <c r="N802" i="5" s="1"/>
  <c r="J7075" i="2"/>
  <c r="J7049" i="5" s="1"/>
  <c r="N7049" i="5" s="1"/>
  <c r="J5377" i="2"/>
  <c r="J5351" i="5" s="1"/>
  <c r="N5351" i="5" s="1"/>
  <c r="J6247" i="2"/>
  <c r="J6221" i="5" s="1"/>
  <c r="N6221" i="5" s="1"/>
  <c r="J4059" i="2"/>
  <c r="J4033" i="5" s="1"/>
  <c r="N4033" i="5" s="1"/>
  <c r="J1016" i="2"/>
  <c r="J990" i="5" s="1"/>
  <c r="N990" i="5" s="1"/>
  <c r="J4020" i="2"/>
  <c r="J3994" i="5" s="1"/>
  <c r="N3994" i="5" s="1"/>
  <c r="J7044" i="2"/>
  <c r="J7018" i="5" s="1"/>
  <c r="N7018" i="5" s="1"/>
  <c r="J1524" i="2"/>
  <c r="J1498" i="5" s="1"/>
  <c r="N1498" i="5" s="1"/>
  <c r="J7570" i="2"/>
  <c r="J7544" i="5" s="1"/>
  <c r="N7544" i="5" s="1"/>
  <c r="J6229" i="2"/>
  <c r="J6203" i="5" s="1"/>
  <c r="N6203" i="5" s="1"/>
  <c r="J5700" i="2"/>
  <c r="J5674" i="5" s="1"/>
  <c r="N5674" i="5" s="1"/>
  <c r="J3182" i="2"/>
  <c r="J3156" i="5" s="1"/>
  <c r="N3156" i="5" s="1"/>
  <c r="J2209" i="2"/>
  <c r="J2183" i="5" s="1"/>
  <c r="N2183" i="5" s="1"/>
  <c r="J864" i="2"/>
  <c r="J838" i="5" s="1"/>
  <c r="N838" i="5" s="1"/>
  <c r="J5531" i="2"/>
  <c r="J5505" i="5" s="1"/>
  <c r="N5505" i="5" s="1"/>
  <c r="J5224" i="2"/>
  <c r="J5198" i="5" s="1"/>
  <c r="N5198" i="5" s="1"/>
  <c r="J4556" i="2"/>
  <c r="J4530" i="5" s="1"/>
  <c r="N4530" i="5" s="1"/>
  <c r="J6546" i="2"/>
  <c r="J6520" i="5" s="1"/>
  <c r="N6520" i="5" s="1"/>
  <c r="J8401" i="2"/>
  <c r="J8375" i="5" s="1"/>
  <c r="N8375" i="5" s="1"/>
  <c r="J8433" i="2"/>
  <c r="J8407" i="5" s="1"/>
  <c r="N8407" i="5" s="1"/>
  <c r="J4198" i="2"/>
  <c r="J4172" i="5" s="1"/>
  <c r="N4172" i="5" s="1"/>
  <c r="J8063" i="2"/>
  <c r="J8037" i="5" s="1"/>
  <c r="N8037" i="5" s="1"/>
  <c r="J8065" i="2"/>
  <c r="J8039" i="5" s="1"/>
  <c r="N8039" i="5" s="1"/>
  <c r="J3712" i="2"/>
  <c r="J3686" i="5" s="1"/>
  <c r="N3686" i="5" s="1"/>
  <c r="J2016" i="2"/>
  <c r="J1990" i="5" s="1"/>
  <c r="N1990" i="5" s="1"/>
  <c r="J5070" i="2"/>
  <c r="J5044" i="5" s="1"/>
  <c r="N5044" i="5" s="1"/>
  <c r="J499" i="2"/>
  <c r="J473" i="5" s="1"/>
  <c r="N473" i="5" s="1"/>
  <c r="J1529" i="2"/>
  <c r="J1503" i="5" s="1"/>
  <c r="N1503" i="5" s="1"/>
  <c r="J5559" i="2"/>
  <c r="J5533" i="5" s="1"/>
  <c r="N5533" i="5" s="1"/>
  <c r="J8426" i="2"/>
  <c r="J8400" i="5" s="1"/>
  <c r="N8400" i="5" s="1"/>
  <c r="J5212" i="2"/>
  <c r="J5186" i="5" s="1"/>
  <c r="N5186" i="5" s="1"/>
  <c r="J6072" i="2"/>
  <c r="J6046" i="5" s="1"/>
  <c r="N6046" i="5" s="1"/>
  <c r="J5406" i="2"/>
  <c r="J5380" i="5" s="1"/>
  <c r="N5380" i="5" s="1"/>
  <c r="J8080" i="2"/>
  <c r="J8054" i="5" s="1"/>
  <c r="N8054" i="5" s="1"/>
  <c r="J5902" i="2"/>
  <c r="J5876" i="5" s="1"/>
  <c r="N5876" i="5" s="1"/>
  <c r="J5699" i="2"/>
  <c r="J5673" i="5" s="1"/>
  <c r="N5673" i="5" s="1"/>
  <c r="J5884" i="2"/>
  <c r="J5858" i="5" s="1"/>
  <c r="N5858" i="5" s="1"/>
  <c r="J5052" i="2"/>
  <c r="J5026" i="5" s="1"/>
  <c r="N5026" i="5" s="1"/>
  <c r="J8068" i="2"/>
  <c r="J8042" i="5" s="1"/>
  <c r="N8042" i="5" s="1"/>
  <c r="J1364" i="2"/>
  <c r="J1338" i="5" s="1"/>
  <c r="N1338" i="5" s="1"/>
  <c r="J2358" i="2"/>
  <c r="J2332" i="5" s="1"/>
  <c r="N2332" i="5" s="1"/>
  <c r="J5550" i="2"/>
  <c r="J5524" i="5" s="1"/>
  <c r="N5524" i="5" s="1"/>
  <c r="J4734" i="2"/>
  <c r="J4708" i="5" s="1"/>
  <c r="N4708" i="5" s="1"/>
  <c r="J3698" i="2"/>
  <c r="J3672" i="5" s="1"/>
  <c r="N3672" i="5" s="1"/>
  <c r="J2364" i="2"/>
  <c r="J2338" i="5" s="1"/>
  <c r="N2338" i="5" s="1"/>
  <c r="J7916" i="2"/>
  <c r="J7890" i="5" s="1"/>
  <c r="N7890" i="5" s="1"/>
  <c r="J2691" i="2"/>
  <c r="J2665" i="5" s="1"/>
  <c r="N2665" i="5" s="1"/>
  <c r="J6714" i="2"/>
  <c r="J6688" i="5" s="1"/>
  <c r="N6688" i="5" s="1"/>
  <c r="J4026" i="2"/>
  <c r="J4000" i="5" s="1"/>
  <c r="N4000" i="5" s="1"/>
  <c r="J2044" i="2"/>
  <c r="J2018" i="5" s="1"/>
  <c r="N2018" i="5" s="1"/>
  <c r="J2212" i="2"/>
  <c r="J2186" i="5" s="1"/>
  <c r="N2186" i="5" s="1"/>
  <c r="J8250" i="2"/>
  <c r="J8224" i="5" s="1"/>
  <c r="N8224" i="5" s="1"/>
  <c r="J6065" i="2"/>
  <c r="J6039" i="5" s="1"/>
  <c r="N6039" i="5" s="1"/>
  <c r="J8564" i="2"/>
  <c r="J8538" i="5" s="1"/>
  <c r="N8538" i="5" s="1"/>
  <c r="J5891" i="2"/>
  <c r="J5865" i="5" s="1"/>
  <c r="N5865" i="5" s="1"/>
  <c r="J2869" i="2"/>
  <c r="J2843" i="5" s="1"/>
  <c r="N2843" i="5" s="1"/>
  <c r="J1703" i="2"/>
  <c r="J1677" i="5" s="1"/>
  <c r="N1677" i="5" s="1"/>
  <c r="J867" i="2"/>
  <c r="J841" i="5" s="1"/>
  <c r="N841" i="5" s="1"/>
  <c r="J7388" i="2"/>
  <c r="J7362" i="5" s="1"/>
  <c r="N7362" i="5" s="1"/>
  <c r="J3203" i="2"/>
  <c r="J3177" i="5" s="1"/>
  <c r="N3177" i="5" s="1"/>
  <c r="J6720" i="2"/>
  <c r="J6694" i="5" s="1"/>
  <c r="N6694" i="5" s="1"/>
  <c r="J6746" i="2"/>
  <c r="J6720" i="5" s="1"/>
  <c r="N6720" i="5" s="1"/>
  <c r="J6214" i="2"/>
  <c r="J6188" i="5" s="1"/>
  <c r="N6188" i="5" s="1"/>
  <c r="J5051" i="2"/>
  <c r="J5025" i="5" s="1"/>
  <c r="N5025" i="5" s="1"/>
  <c r="J5367" i="2"/>
  <c r="J5341" i="5" s="1"/>
  <c r="N5341" i="5" s="1"/>
  <c r="J5214" i="2"/>
  <c r="J5188" i="5" s="1"/>
  <c r="N5188" i="5" s="1"/>
  <c r="J6721" i="2"/>
  <c r="J6695" i="5" s="1"/>
  <c r="N6695" i="5" s="1"/>
  <c r="J8074" i="2"/>
  <c r="J8048" i="5" s="1"/>
  <c r="N8048" i="5" s="1"/>
  <c r="J334" i="2"/>
  <c r="J308" i="5" s="1"/>
  <c r="N308" i="5" s="1"/>
  <c r="J1705" i="2"/>
  <c r="J1679" i="5" s="1"/>
  <c r="N1679" i="5" s="1"/>
  <c r="J7897" i="2"/>
  <c r="J7871" i="5" s="1"/>
  <c r="N7871" i="5" s="1"/>
  <c r="J6558" i="2"/>
  <c r="J6532" i="5" s="1"/>
  <c r="N6532" i="5" s="1"/>
  <c r="J2353" i="2"/>
  <c r="J2327" i="5" s="1"/>
  <c r="N2327" i="5" s="1"/>
  <c r="J6395" i="2"/>
  <c r="J6369" i="5" s="1"/>
  <c r="N6369" i="5" s="1"/>
  <c r="J3705" i="2"/>
  <c r="J3679" i="5" s="1"/>
  <c r="N3679" i="5" s="1"/>
  <c r="J2380" i="2"/>
  <c r="J2354" i="5" s="1"/>
  <c r="N2354" i="5" s="1"/>
  <c r="J4359" i="2"/>
  <c r="J4333" i="5" s="1"/>
  <c r="N4333" i="5" s="1"/>
  <c r="J5875" i="2"/>
  <c r="J5849" i="5" s="1"/>
  <c r="N5849" i="5" s="1"/>
  <c r="J4370" i="2"/>
  <c r="J4344" i="5" s="1"/>
  <c r="N4344" i="5" s="1"/>
  <c r="J3685" i="2"/>
  <c r="J3659" i="5" s="1"/>
  <c r="N3659" i="5" s="1"/>
  <c r="J2542" i="2"/>
  <c r="J2516" i="5" s="1"/>
  <c r="N2516" i="5" s="1"/>
  <c r="J3391" i="2"/>
  <c r="J3365" i="5" s="1"/>
  <c r="N3365" i="5" s="1"/>
  <c r="J6903" i="2"/>
  <c r="J6877" i="5" s="1"/>
  <c r="N6877" i="5" s="1"/>
  <c r="J7227" i="2"/>
  <c r="J7201" i="5" s="1"/>
  <c r="N7201" i="5" s="1"/>
  <c r="J859" i="2"/>
  <c r="J833" i="5" s="1"/>
  <c r="N833" i="5" s="1"/>
  <c r="J3728" i="2"/>
  <c r="J3702" i="5" s="1"/>
  <c r="N3702" i="5" s="1"/>
  <c r="J3356" i="2"/>
  <c r="J3330" i="5" s="1"/>
  <c r="N3330" i="5" s="1"/>
  <c r="J8398" i="2"/>
  <c r="J8372" i="5" s="1"/>
  <c r="N8372" i="5" s="1"/>
  <c r="J1019" i="2"/>
  <c r="J993" i="5" s="1"/>
  <c r="N993" i="5" s="1"/>
  <c r="J5562" i="2"/>
  <c r="J5536" i="5" s="1"/>
  <c r="N5536" i="5" s="1"/>
  <c r="J677" i="2"/>
  <c r="J651" i="5" s="1"/>
  <c r="N651" i="5" s="1"/>
  <c r="J4558" i="2"/>
  <c r="J4532" i="5" s="1"/>
  <c r="N4532" i="5" s="1"/>
  <c r="J2860" i="2"/>
  <c r="J2834" i="5" s="1"/>
  <c r="N2834" i="5" s="1"/>
  <c r="J8739" i="2"/>
  <c r="J8713" i="5" s="1"/>
  <c r="N8713" i="5" s="1"/>
  <c r="J8231" i="2"/>
  <c r="J8205" i="5" s="1"/>
  <c r="N8205" i="5" s="1"/>
  <c r="J6403" i="2"/>
  <c r="J6377" i="5" s="1"/>
  <c r="N6377" i="5" s="1"/>
  <c r="J4363" i="2"/>
  <c r="J4337" i="5" s="1"/>
  <c r="N4337" i="5" s="1"/>
  <c r="J6556" i="2"/>
  <c r="J6530" i="5" s="1"/>
  <c r="N6530" i="5" s="1"/>
  <c r="J4029" i="2"/>
  <c r="J4003" i="5" s="1"/>
  <c r="N4003" i="5" s="1"/>
  <c r="J2023" i="2"/>
  <c r="J1997" i="5" s="1"/>
  <c r="N1997" i="5" s="1"/>
  <c r="J5391" i="2"/>
  <c r="J5365" i="5" s="1"/>
  <c r="N5365" i="5" s="1"/>
  <c r="J7885" i="2"/>
  <c r="J7859" i="5" s="1"/>
  <c r="N7859" i="5" s="1"/>
  <c r="J5867" i="2"/>
  <c r="J5841" i="5" s="1"/>
  <c r="N5841" i="5" s="1"/>
  <c r="J8728" i="2"/>
  <c r="J8702" i="5" s="1"/>
  <c r="N8702" i="5" s="1"/>
  <c r="J6557" i="2"/>
  <c r="J6531" i="5" s="1"/>
  <c r="N6531" i="5" s="1"/>
  <c r="J4384" i="2"/>
  <c r="J4358" i="5" s="1"/>
  <c r="N4358" i="5" s="1"/>
  <c r="J2709" i="2"/>
  <c r="J2683" i="5" s="1"/>
  <c r="N2683" i="5" s="1"/>
  <c r="J362" i="2"/>
  <c r="J336" i="5" s="1"/>
  <c r="N336" i="5" s="1"/>
  <c r="J7899" i="2"/>
  <c r="J7873" i="5" s="1"/>
  <c r="N7873" i="5" s="1"/>
  <c r="J6717" i="2"/>
  <c r="J6691" i="5" s="1"/>
  <c r="N6691" i="5" s="1"/>
  <c r="J3219" i="2"/>
  <c r="J3193" i="5" s="1"/>
  <c r="N3193" i="5" s="1"/>
  <c r="J4061" i="2"/>
  <c r="J4035" i="5" s="1"/>
  <c r="N4035" i="5" s="1"/>
  <c r="J4228" i="2"/>
  <c r="J4202" i="5" s="1"/>
  <c r="N4202" i="5" s="1"/>
  <c r="J1208" i="2"/>
  <c r="J1182" i="5" s="1"/>
  <c r="N1182" i="5" s="1"/>
  <c r="J3547" i="2"/>
  <c r="J3521" i="5" s="1"/>
  <c r="N3521" i="5" s="1"/>
  <c r="J8750" i="2"/>
  <c r="J8724" i="5" s="1"/>
  <c r="N8724" i="5" s="1"/>
  <c r="J3021" i="2"/>
  <c r="J2995" i="5" s="1"/>
  <c r="N2995" i="5" s="1"/>
  <c r="J3392" i="2"/>
  <c r="J3366" i="5" s="1"/>
  <c r="N3366" i="5" s="1"/>
  <c r="J6047" i="2"/>
  <c r="J6021" i="5" s="1"/>
  <c r="N6021" i="5" s="1"/>
  <c r="J6051" i="2"/>
  <c r="J6025" i="5" s="1"/>
  <c r="N6025" i="5" s="1"/>
  <c r="J357" i="2"/>
  <c r="J331" i="5" s="1"/>
  <c r="N331" i="5" s="1"/>
  <c r="J5712" i="2"/>
  <c r="J5686" i="5" s="1"/>
  <c r="N5686" i="5" s="1"/>
  <c r="J3386" i="2"/>
  <c r="J3360" i="5" s="1"/>
  <c r="N3360" i="5" s="1"/>
  <c r="J5026" i="2"/>
  <c r="J5000" i="5" s="1"/>
  <c r="N5000" i="5" s="1"/>
  <c r="J4710" i="2"/>
  <c r="J4684" i="5" s="1"/>
  <c r="N4684" i="5" s="1"/>
  <c r="J1841" i="2"/>
  <c r="J1815" i="5" s="1"/>
  <c r="N1815" i="5" s="1"/>
  <c r="J4397" i="2"/>
  <c r="J4371" i="5" s="1"/>
  <c r="N4371" i="5" s="1"/>
  <c r="J2378" i="2"/>
  <c r="J2352" i="5" s="1"/>
  <c r="N2352" i="5" s="1"/>
  <c r="J4382" i="2"/>
  <c r="J4356" i="5" s="1"/>
  <c r="N4356" i="5" s="1"/>
  <c r="J1204" i="2"/>
  <c r="J1178" i="5" s="1"/>
  <c r="N1178" i="5" s="1"/>
  <c r="J2702" i="2"/>
  <c r="J2676" i="5" s="1"/>
  <c r="N2676" i="5" s="1"/>
  <c r="J1020" i="2"/>
  <c r="J994" i="5" s="1"/>
  <c r="N994" i="5" s="1"/>
  <c r="J1361" i="2"/>
  <c r="J1335" i="5" s="1"/>
  <c r="N1335" i="5" s="1"/>
  <c r="J5227" i="2"/>
  <c r="J5201" i="5" s="1"/>
  <c r="N5201" i="5" s="1"/>
  <c r="J6741" i="2"/>
  <c r="J6715" i="5" s="1"/>
  <c r="N6715" i="5" s="1"/>
  <c r="J5371" i="2"/>
  <c r="J5345" i="5" s="1"/>
  <c r="N5345" i="5" s="1"/>
  <c r="J2697" i="2"/>
  <c r="J2671" i="5" s="1"/>
  <c r="N2671" i="5" s="1"/>
  <c r="J7567" i="2"/>
  <c r="J7541" i="5" s="1"/>
  <c r="N7541" i="5" s="1"/>
  <c r="J2041" i="2"/>
  <c r="J2015" i="5" s="1"/>
  <c r="N2015" i="5" s="1"/>
  <c r="J4715" i="2"/>
  <c r="J4689" i="5" s="1"/>
  <c r="N4689" i="5" s="1"/>
  <c r="J5536" i="2"/>
  <c r="J5510" i="5" s="1"/>
  <c r="N5510" i="5" s="1"/>
  <c r="J3892" i="2"/>
  <c r="J3866" i="5" s="1"/>
  <c r="N3866" i="5" s="1"/>
  <c r="J7402" i="2"/>
  <c r="J7376" i="5" s="1"/>
  <c r="N7376" i="5" s="1"/>
  <c r="J3378" i="2"/>
  <c r="J3352" i="5" s="1"/>
  <c r="N3352" i="5" s="1"/>
  <c r="J1183" i="2"/>
  <c r="J1157" i="5" s="1"/>
  <c r="N1157" i="5" s="1"/>
  <c r="J4390" i="2"/>
  <c r="J4364" i="5" s="1"/>
  <c r="N4364" i="5" s="1"/>
  <c r="J6235" i="2"/>
  <c r="J6209" i="5" s="1"/>
  <c r="N6209" i="5" s="1"/>
  <c r="J4699" i="2"/>
  <c r="J4673" i="5" s="1"/>
  <c r="N4673" i="5" s="1"/>
  <c r="J2545" i="2"/>
  <c r="J2519" i="5" s="1"/>
  <c r="N2519" i="5" s="1"/>
  <c r="J4896" i="2"/>
  <c r="J4870" i="5" s="1"/>
  <c r="N4870" i="5" s="1"/>
  <c r="J2534" i="2"/>
  <c r="J2508" i="5" s="1"/>
  <c r="N2508" i="5" s="1"/>
  <c r="J325" i="2"/>
  <c r="J299" i="5" s="1"/>
  <c r="N299" i="5" s="1"/>
  <c r="J8076" i="2"/>
  <c r="J8050" i="5" s="1"/>
  <c r="N8050" i="5" s="1"/>
  <c r="J6223" i="2"/>
  <c r="J6197" i="5" s="1"/>
  <c r="N6197" i="5" s="1"/>
  <c r="J4389" i="2"/>
  <c r="J4363" i="5" s="1"/>
  <c r="N4363" i="5" s="1"/>
  <c r="J7085" i="2"/>
  <c r="J7059" i="5" s="1"/>
  <c r="N7059" i="5" s="1"/>
  <c r="J4701" i="2"/>
  <c r="J4675" i="5" s="1"/>
  <c r="N4675" i="5" s="1"/>
  <c r="J7408" i="2"/>
  <c r="J7382" i="5" s="1"/>
  <c r="N7382" i="5" s="1"/>
  <c r="J5900" i="2"/>
  <c r="J5874" i="5" s="1"/>
  <c r="N5874" i="5" s="1"/>
  <c r="J182" i="2"/>
  <c r="J156" i="5" s="1"/>
  <c r="N156" i="5" s="1"/>
  <c r="J7739" i="2"/>
  <c r="J7713" i="5" s="1"/>
  <c r="N7713" i="5" s="1"/>
  <c r="J1702" i="2"/>
  <c r="J1676" i="5" s="1"/>
  <c r="N1676" i="5" s="1"/>
  <c r="J1706" i="2"/>
  <c r="J1680" i="5" s="1"/>
  <c r="N1680" i="5" s="1"/>
  <c r="J4395" i="2"/>
  <c r="J4369" i="5" s="1"/>
  <c r="N4369" i="5" s="1"/>
  <c r="J2699" i="2"/>
  <c r="J2673" i="5" s="1"/>
  <c r="N2673" i="5" s="1"/>
  <c r="J1862" i="2"/>
  <c r="J1836" i="5" s="1"/>
  <c r="N1836" i="5" s="1"/>
  <c r="J4054" i="2"/>
  <c r="J4028" i="5" s="1"/>
  <c r="N4028" i="5" s="1"/>
  <c r="J2026" i="2"/>
  <c r="J2000" i="5" s="1"/>
  <c r="N2000" i="5" s="1"/>
  <c r="J2846" i="2"/>
  <c r="J2820" i="5" s="1"/>
  <c r="N2820" i="5" s="1"/>
  <c r="J3189" i="2"/>
  <c r="J3163" i="5" s="1"/>
  <c r="N3163" i="5" s="1"/>
  <c r="J7389" i="2"/>
  <c r="J7363" i="5" s="1"/>
  <c r="N7363" i="5" s="1"/>
  <c r="J2547" i="2"/>
  <c r="J2521" i="5" s="1"/>
  <c r="N2521" i="5" s="1"/>
  <c r="J501" i="2"/>
  <c r="J475" i="5" s="1"/>
  <c r="N475" i="5" s="1"/>
  <c r="J2186" i="2"/>
  <c r="J2160" i="5" s="1"/>
  <c r="N2160" i="5" s="1"/>
  <c r="J5553" i="2"/>
  <c r="J5527" i="5" s="1"/>
  <c r="N5527" i="5" s="1"/>
  <c r="J1163" i="2"/>
  <c r="J1137" i="5" s="1"/>
  <c r="N1137" i="5" s="1"/>
  <c r="J7072" i="2"/>
  <c r="J7046" i="5" s="1"/>
  <c r="N7046" i="5" s="1"/>
  <c r="J4202" i="2"/>
  <c r="J4176" i="5" s="1"/>
  <c r="N4176" i="5" s="1"/>
  <c r="J3023" i="2"/>
  <c r="J2997" i="5" s="1"/>
  <c r="N2997" i="5" s="1"/>
  <c r="J4191" i="2"/>
  <c r="J4165" i="5" s="1"/>
  <c r="N4165" i="5" s="1"/>
  <c r="J8243" i="2"/>
  <c r="J8217" i="5" s="1"/>
  <c r="N8217" i="5" s="1"/>
  <c r="J5065" i="2"/>
  <c r="J5039" i="5" s="1"/>
  <c r="N5039" i="5" s="1"/>
  <c r="J5876" i="2"/>
  <c r="J5850" i="5" s="1"/>
  <c r="N5850" i="5" s="1"/>
  <c r="J189" i="2"/>
  <c r="J163" i="5" s="1"/>
  <c r="N163" i="5" s="1"/>
  <c r="J3204" i="2"/>
  <c r="J3178" i="5" s="1"/>
  <c r="N3178" i="5" s="1"/>
  <c r="J8069" i="2"/>
  <c r="J8043" i="5" s="1"/>
  <c r="N8043" i="5" s="1"/>
  <c r="J2880" i="2"/>
  <c r="J2854" i="5" s="1"/>
  <c r="N2854" i="5" s="1"/>
  <c r="J6396" i="2"/>
  <c r="J6370" i="5" s="1"/>
  <c r="N6370" i="5" s="1"/>
  <c r="J1865" i="2"/>
  <c r="J1839" i="5" s="1"/>
  <c r="N1839" i="5" s="1"/>
  <c r="J678" i="2"/>
  <c r="J652" i="5" s="1"/>
  <c r="N652" i="5" s="1"/>
  <c r="J7244" i="2"/>
  <c r="J7218" i="5" s="1"/>
  <c r="N7218" i="5" s="1"/>
  <c r="J5386" i="2"/>
  <c r="J5360" i="5" s="1"/>
  <c r="N5360" i="5" s="1"/>
  <c r="J3195" i="2"/>
  <c r="J3169" i="5" s="1"/>
  <c r="N3169" i="5" s="1"/>
  <c r="J1178" i="2"/>
  <c r="J1152" i="5" s="1"/>
  <c r="N1152" i="5" s="1"/>
  <c r="J2720" i="2"/>
  <c r="J2694" i="5" s="1"/>
  <c r="N2694" i="5" s="1"/>
  <c r="J522" i="2"/>
  <c r="J496" i="5" s="1"/>
  <c r="N496" i="5" s="1"/>
  <c r="J4385" i="2"/>
  <c r="J4359" i="5" s="1"/>
  <c r="N4359" i="5" s="1"/>
  <c r="J6386" i="2"/>
  <c r="J6360" i="5" s="1"/>
  <c r="N6360" i="5" s="1"/>
  <c r="J5239" i="2"/>
  <c r="J5213" i="5" s="1"/>
  <c r="N5213" i="5" s="1"/>
  <c r="J2510" i="2"/>
  <c r="J2484" i="5" s="1"/>
  <c r="N2484" i="5" s="1"/>
  <c r="J4867" i="2"/>
  <c r="J4841" i="5" s="1"/>
  <c r="N4841" i="5" s="1"/>
  <c r="J3370" i="2"/>
  <c r="J3344" i="5" s="1"/>
  <c r="N3344" i="5" s="1"/>
  <c r="J1041" i="2"/>
  <c r="J1015" i="5" s="1"/>
  <c r="N1015" i="5" s="1"/>
  <c r="J1537" i="2"/>
  <c r="J1511" i="5" s="1"/>
  <c r="N1511" i="5" s="1"/>
  <c r="J7225" i="2"/>
  <c r="J7199" i="5" s="1"/>
  <c r="N7199" i="5" s="1"/>
  <c r="J5409" i="2"/>
  <c r="J5383" i="5" s="1"/>
  <c r="N5383" i="5" s="1"/>
  <c r="J3026" i="2"/>
  <c r="J3000" i="5" s="1"/>
  <c r="N3000" i="5" s="1"/>
  <c r="J530" i="2"/>
  <c r="J504" i="5" s="1"/>
  <c r="N504" i="5" s="1"/>
  <c r="J8407" i="2"/>
  <c r="J8381" i="5" s="1"/>
  <c r="N8381" i="5" s="1"/>
  <c r="J3544" i="2"/>
  <c r="J3518" i="5" s="1"/>
  <c r="N3518" i="5" s="1"/>
  <c r="J8394" i="2"/>
  <c r="J8368" i="5" s="1"/>
  <c r="N8368" i="5" s="1"/>
  <c r="J5207" i="2"/>
  <c r="J5181" i="5" s="1"/>
  <c r="N5181" i="5" s="1"/>
  <c r="J1840" i="2"/>
  <c r="J1814" i="5" s="1"/>
  <c r="N1814" i="5" s="1"/>
  <c r="J8740" i="2"/>
  <c r="J8714" i="5" s="1"/>
  <c r="N8714" i="5" s="1"/>
  <c r="J324" i="2"/>
  <c r="J298" i="5" s="1"/>
  <c r="N298" i="5" s="1"/>
  <c r="J5554" i="2"/>
  <c r="J5528" i="5" s="1"/>
  <c r="N5528" i="5" s="1"/>
  <c r="J516" i="2"/>
  <c r="J490" i="5" s="1"/>
  <c r="N490" i="5" s="1"/>
  <c r="J7379" i="2"/>
  <c r="J7353" i="5" s="1"/>
  <c r="N7353" i="5" s="1"/>
  <c r="J2715" i="2"/>
  <c r="J2689" i="5" s="1"/>
  <c r="N2689" i="5" s="1"/>
  <c r="J502" i="2"/>
  <c r="J476" i="5" s="1"/>
  <c r="N476" i="5" s="1"/>
  <c r="J997" i="2"/>
  <c r="J971" i="5" s="1"/>
  <c r="N971" i="5" s="1"/>
  <c r="J1534" i="2"/>
  <c r="J1508" i="5" s="1"/>
  <c r="N1508" i="5" s="1"/>
  <c r="J3871" i="2"/>
  <c r="J3845" i="5" s="1"/>
  <c r="N3845" i="5" s="1"/>
  <c r="J847" i="2"/>
  <c r="J821" i="5" s="1"/>
  <c r="N821" i="5" s="1"/>
  <c r="J6710" i="2"/>
  <c r="J6684" i="5" s="1"/>
  <c r="N6684" i="5" s="1"/>
  <c r="J1365" i="2"/>
  <c r="J1339" i="5" s="1"/>
  <c r="N1339" i="5" s="1"/>
  <c r="J8567" i="2"/>
  <c r="J8541" i="5" s="1"/>
  <c r="N8541" i="5" s="1"/>
  <c r="J8258" i="2"/>
  <c r="J8232" i="5" s="1"/>
  <c r="N8232" i="5" s="1"/>
  <c r="J7761" i="2"/>
  <c r="J7735" i="5" s="1"/>
  <c r="N7735" i="5" s="1"/>
  <c r="J8260" i="2"/>
  <c r="J8234" i="5" s="1"/>
  <c r="N8234" i="5" s="1"/>
  <c r="J1515" i="2"/>
  <c r="J1489" i="5" s="1"/>
  <c r="N1489" i="5" s="1"/>
  <c r="J2372" i="2"/>
  <c r="J2346" i="5" s="1"/>
  <c r="N2346" i="5" s="1"/>
  <c r="J6553" i="2"/>
  <c r="J6527" i="5" s="1"/>
  <c r="N6527" i="5" s="1"/>
  <c r="J8756" i="2"/>
  <c r="J8730" i="5" s="1"/>
  <c r="N8730" i="5" s="1"/>
  <c r="J3715" i="2"/>
  <c r="J3689" i="5" s="1"/>
  <c r="N3689" i="5" s="1"/>
  <c r="J7079" i="2"/>
  <c r="J7053" i="5" s="1"/>
  <c r="N7053" i="5" s="1"/>
  <c r="J1708" i="2"/>
  <c r="J1682" i="5" s="1"/>
  <c r="N1682" i="5" s="1"/>
  <c r="J6417" i="2"/>
  <c r="J6391" i="5" s="1"/>
  <c r="N6391" i="5" s="1"/>
  <c r="J850" i="2"/>
  <c r="J824" i="5" s="1"/>
  <c r="N824" i="5" s="1"/>
  <c r="J3534" i="2"/>
  <c r="J3508" i="5" s="1"/>
  <c r="N3508" i="5" s="1"/>
  <c r="J1197" i="2"/>
  <c r="J1171" i="5" s="1"/>
  <c r="N1171" i="5" s="1"/>
  <c r="J1846" i="2"/>
  <c r="J1820" i="5" s="1"/>
  <c r="N1820" i="5" s="1"/>
  <c r="J4048" i="2"/>
  <c r="J4022" i="5" s="1"/>
  <c r="N4022" i="5" s="1"/>
  <c r="J6046" i="2"/>
  <c r="J6020" i="5" s="1"/>
  <c r="N6020" i="5" s="1"/>
  <c r="J4562" i="2"/>
  <c r="J4536" i="5" s="1"/>
  <c r="N4536" i="5" s="1"/>
  <c r="J4035" i="2"/>
  <c r="J4009" i="5" s="1"/>
  <c r="N4009" i="5" s="1"/>
  <c r="J519" i="2"/>
  <c r="J493" i="5" s="1"/>
  <c r="N493" i="5" s="1"/>
  <c r="J6573" i="2"/>
  <c r="J6547" i="5" s="1"/>
  <c r="N6547" i="5" s="1"/>
  <c r="J8555" i="2"/>
  <c r="J8529" i="5" s="1"/>
  <c r="N8529" i="5" s="1"/>
  <c r="J6236" i="2"/>
  <c r="J6210" i="5" s="1"/>
  <c r="N6210" i="5" s="1"/>
  <c r="J1181" i="2"/>
  <c r="J1155" i="5" s="1"/>
  <c r="N1155" i="5" s="1"/>
  <c r="J8390" i="2"/>
  <c r="J8364" i="5" s="1"/>
  <c r="N8364" i="5" s="1"/>
  <c r="J4230" i="2"/>
  <c r="J4204" i="5" s="1"/>
  <c r="N4204" i="5" s="1"/>
  <c r="J8586" i="2"/>
  <c r="J8560" i="5" s="1"/>
  <c r="N8560" i="5" s="1"/>
  <c r="J2721" i="2"/>
  <c r="J2695" i="5" s="1"/>
  <c r="N2695" i="5" s="1"/>
  <c r="J8759" i="2"/>
  <c r="J8733" i="5" s="1"/>
  <c r="N8733" i="5" s="1"/>
  <c r="J2533" i="2"/>
  <c r="J2507" i="5" s="1"/>
  <c r="N2507" i="5" s="1"/>
  <c r="J8255" i="2"/>
  <c r="J8229" i="5" s="1"/>
  <c r="N8229" i="5" s="1"/>
  <c r="J6569" i="2"/>
  <c r="J6543" i="5" s="1"/>
  <c r="N6543" i="5" s="1"/>
  <c r="J4704" i="2"/>
  <c r="J4678" i="5" s="1"/>
  <c r="N4678" i="5" s="1"/>
  <c r="J6727" i="2"/>
  <c r="J6701" i="5" s="1"/>
  <c r="N6701" i="5" s="1"/>
  <c r="J6547" i="2"/>
  <c r="J6521" i="5" s="1"/>
  <c r="N6521" i="5" s="1"/>
  <c r="J7895" i="2"/>
  <c r="J7869" i="5" s="1"/>
  <c r="N7869" i="5" s="1"/>
  <c r="J1346" i="2"/>
  <c r="J1320" i="5" s="1"/>
  <c r="N1320" i="5" s="1"/>
  <c r="J3350" i="2"/>
  <c r="J3324" i="5" s="1"/>
  <c r="N3324" i="5" s="1"/>
  <c r="J4374" i="2"/>
  <c r="J4348" i="5" s="1"/>
  <c r="N4348" i="5" s="1"/>
  <c r="J2181" i="2"/>
  <c r="J2155" i="5" s="1"/>
  <c r="N2155" i="5" s="1"/>
  <c r="J5888" i="2"/>
  <c r="J5862" i="5" s="1"/>
  <c r="N5862" i="5" s="1"/>
  <c r="J7084" i="2"/>
  <c r="J7058" i="5" s="1"/>
  <c r="N7058" i="5" s="1"/>
  <c r="J5202" i="2"/>
  <c r="J5176" i="5" s="1"/>
  <c r="N5176" i="5" s="1"/>
  <c r="J8056" i="2"/>
  <c r="J8030" i="5" s="1"/>
  <c r="N8030" i="5" s="1"/>
  <c r="J2550" i="2"/>
  <c r="J2524" i="5" s="1"/>
  <c r="N2524" i="5" s="1"/>
  <c r="J8082" i="2"/>
  <c r="J8056" i="5" s="1"/>
  <c r="N8056" i="5" s="1"/>
  <c r="J6215" i="2"/>
  <c r="J6189" i="5" s="1"/>
  <c r="N6189" i="5" s="1"/>
  <c r="J4042" i="2"/>
  <c r="J4016" i="5" s="1"/>
  <c r="N4016" i="5" s="1"/>
  <c r="J1863" i="2"/>
  <c r="J1837" i="5" s="1"/>
  <c r="N1837" i="5" s="1"/>
  <c r="J666" i="2"/>
  <c r="J640" i="5" s="1"/>
  <c r="N640" i="5" s="1"/>
  <c r="J8084" i="2"/>
  <c r="J8058" i="5" s="1"/>
  <c r="N8058" i="5" s="1"/>
  <c r="J4213" i="2"/>
  <c r="J4187" i="5" s="1"/>
  <c r="N4187" i="5" s="1"/>
  <c r="J7923" i="2"/>
  <c r="J7897" i="5" s="1"/>
  <c r="N7897" i="5" s="1"/>
  <c r="J5396" i="2"/>
  <c r="J5370" i="5" s="1"/>
  <c r="N5370" i="5" s="1"/>
  <c r="J3555" i="2"/>
  <c r="J3529" i="5" s="1"/>
  <c r="N3529" i="5" s="1"/>
  <c r="J1184" i="2"/>
  <c r="J1158" i="5" s="1"/>
  <c r="N1158" i="5" s="1"/>
  <c r="J8414" i="2"/>
  <c r="J8388" i="5" s="1"/>
  <c r="N8388" i="5" s="1"/>
  <c r="J2200" i="2"/>
  <c r="J2174" i="5" s="1"/>
  <c r="N2174" i="5" s="1"/>
  <c r="J8746" i="2"/>
  <c r="J8720" i="5" s="1"/>
  <c r="N8720" i="5" s="1"/>
  <c r="J7909" i="2"/>
  <c r="J7883" i="5" s="1"/>
  <c r="N7883" i="5" s="1"/>
  <c r="J5894" i="2"/>
  <c r="J5868" i="5" s="1"/>
  <c r="N5868" i="5" s="1"/>
  <c r="J3853" i="2"/>
  <c r="J3827" i="5" s="1"/>
  <c r="N3827" i="5" s="1"/>
  <c r="J1545" i="2"/>
  <c r="J1519" i="5" s="1"/>
  <c r="N1519" i="5" s="1"/>
  <c r="J4522" i="2"/>
  <c r="J4496" i="5" s="1"/>
  <c r="N4496" i="5" s="1"/>
  <c r="J4396" i="2"/>
  <c r="J4370" i="5" s="1"/>
  <c r="N4370" i="5" s="1"/>
  <c r="J2541" i="2"/>
  <c r="J2515" i="5" s="1"/>
  <c r="N2515" i="5" s="1"/>
  <c r="J2348" i="2"/>
  <c r="J2322" i="5" s="1"/>
  <c r="N2322" i="5" s="1"/>
  <c r="J4197" i="2"/>
  <c r="J4171" i="5" s="1"/>
  <c r="N4171" i="5" s="1"/>
  <c r="J2199" i="2"/>
  <c r="J2173" i="5" s="1"/>
  <c r="N2173" i="5" s="1"/>
  <c r="J7395" i="2"/>
  <c r="J7369" i="5" s="1"/>
  <c r="N7369" i="5" s="1"/>
  <c r="J3515" i="2"/>
  <c r="J3489" i="5" s="1"/>
  <c r="N3489" i="5" s="1"/>
  <c r="J5237" i="2"/>
  <c r="J5211" i="5" s="1"/>
  <c r="N5211" i="5" s="1"/>
  <c r="J5399" i="2"/>
  <c r="J5373" i="5" s="1"/>
  <c r="N5373" i="5" s="1"/>
  <c r="J2552" i="2"/>
  <c r="J2526" i="5" s="1"/>
  <c r="N2526" i="5" s="1"/>
  <c r="J8257" i="2"/>
  <c r="J8231" i="5" s="1"/>
  <c r="N8231" i="5" s="1"/>
  <c r="J7580" i="2"/>
  <c r="J7554" i="5" s="1"/>
  <c r="N7554" i="5" s="1"/>
  <c r="J8251" i="2"/>
  <c r="J8225" i="5" s="1"/>
  <c r="N8225" i="5" s="1"/>
  <c r="J8261" i="2"/>
  <c r="J8235" i="5" s="1"/>
  <c r="N8235" i="5" s="1"/>
  <c r="J871" i="2"/>
  <c r="J845" i="5" s="1"/>
  <c r="N845" i="5" s="1"/>
  <c r="J8590" i="2"/>
  <c r="J8564" i="5" s="1"/>
  <c r="N8564" i="5" s="1"/>
  <c r="J1190" i="2"/>
  <c r="J1164" i="5" s="1"/>
  <c r="N1164" i="5" s="1"/>
  <c r="J6216" i="2"/>
  <c r="J6190" i="5" s="1"/>
  <c r="N6190" i="5" s="1"/>
  <c r="J5037" i="2"/>
  <c r="J5011" i="5" s="1"/>
  <c r="N5011" i="5" s="1"/>
  <c r="J3357" i="2"/>
  <c r="J3331" i="5" s="1"/>
  <c r="N3331" i="5" s="1"/>
  <c r="J5206" i="2"/>
  <c r="J5180" i="5" s="1"/>
  <c r="N5180" i="5" s="1"/>
  <c r="J4877" i="2"/>
  <c r="J4851" i="5" s="1"/>
  <c r="N4851" i="5" s="1"/>
  <c r="J6712" i="2"/>
  <c r="J6686" i="5" s="1"/>
  <c r="N6686" i="5" s="1"/>
  <c r="J2870" i="2"/>
  <c r="J2844" i="5" s="1"/>
  <c r="N2844" i="5" s="1"/>
  <c r="J1031" i="2"/>
  <c r="J1005" i="5" s="1"/>
  <c r="N1005" i="5" s="1"/>
  <c r="J2211" i="2"/>
  <c r="J2185" i="5" s="1"/>
  <c r="N2185" i="5" s="1"/>
  <c r="J2362" i="2"/>
  <c r="J2336" i="5" s="1"/>
  <c r="N2336" i="5" s="1"/>
  <c r="J4544" i="2"/>
  <c r="J4518" i="5" s="1"/>
  <c r="N4518" i="5" s="1"/>
  <c r="J8743" i="2"/>
  <c r="J8717" i="5" s="1"/>
  <c r="N8717" i="5" s="1"/>
  <c r="J3551" i="2"/>
  <c r="J3525" i="5" s="1"/>
  <c r="N3525" i="5" s="1"/>
  <c r="J6878" i="2"/>
  <c r="J6852" i="5" s="1"/>
  <c r="N6852" i="5" s="1"/>
  <c r="J1363" i="2"/>
  <c r="J1337" i="5" s="1"/>
  <c r="N1337" i="5" s="1"/>
  <c r="J6732" i="2"/>
  <c r="J6706" i="5" s="1"/>
  <c r="N6706" i="5" s="1"/>
  <c r="J3858" i="2"/>
  <c r="J3832" i="5" s="1"/>
  <c r="N3832" i="5" s="1"/>
  <c r="J2719" i="2"/>
  <c r="J2693" i="5" s="1"/>
  <c r="N2693" i="5" s="1"/>
  <c r="J162" i="2"/>
  <c r="J136" i="5" s="1"/>
  <c r="N136" i="5" s="1"/>
  <c r="J7883" i="2"/>
  <c r="J7857" i="5" s="1"/>
  <c r="N7857" i="5" s="1"/>
  <c r="J7052" i="2"/>
  <c r="J7026" i="5" s="1"/>
  <c r="N7026" i="5" s="1"/>
  <c r="J1519" i="2"/>
  <c r="J1493" i="5" s="1"/>
  <c r="N1493" i="5" s="1"/>
  <c r="J6387" i="2"/>
  <c r="J6361" i="5" s="1"/>
  <c r="N6361" i="5" s="1"/>
  <c r="J8389" i="2"/>
  <c r="J8363" i="5" s="1"/>
  <c r="N8363" i="5" s="1"/>
  <c r="J7247" i="2"/>
  <c r="J7221" i="5" s="1"/>
  <c r="N7221" i="5" s="1"/>
  <c r="J1373" i="2"/>
  <c r="J1347" i="5" s="1"/>
  <c r="N1347" i="5" s="1"/>
  <c r="J3559" i="2"/>
  <c r="J3533" i="5" s="1"/>
  <c r="N3533" i="5" s="1"/>
  <c r="J701" i="2"/>
  <c r="J675" i="5" s="1"/>
  <c r="N675" i="5" s="1"/>
  <c r="J1527" i="2"/>
  <c r="J1501" i="5" s="1"/>
  <c r="N1501" i="5" s="1"/>
  <c r="J3050" i="2"/>
  <c r="J3024" i="5" s="1"/>
  <c r="N3024" i="5" s="1"/>
  <c r="J1191" i="2"/>
  <c r="J1165" i="5" s="1"/>
  <c r="N1165" i="5" s="1"/>
  <c r="J6401" i="2"/>
  <c r="J6375" i="5" s="1"/>
  <c r="N6375" i="5" s="1"/>
  <c r="J6232" i="2"/>
  <c r="J6206" i="5" s="1"/>
  <c r="N6206" i="5" s="1"/>
  <c r="J3037" i="2"/>
  <c r="J3011" i="5" s="1"/>
  <c r="N3011" i="5" s="1"/>
  <c r="J7061" i="2"/>
  <c r="J7035" i="5" s="1"/>
  <c r="N7035" i="5" s="1"/>
  <c r="J5548" i="2"/>
  <c r="J5522" i="5" s="1"/>
  <c r="N5522" i="5" s="1"/>
  <c r="J3727" i="2"/>
  <c r="J3701" i="5" s="1"/>
  <c r="N3701" i="5" s="1"/>
  <c r="J7217" i="2"/>
  <c r="J7191" i="5" s="1"/>
  <c r="N7191" i="5" s="1"/>
  <c r="J2522" i="2"/>
  <c r="J2496" i="5" s="1"/>
  <c r="N2496" i="5" s="1"/>
  <c r="J7716" i="2"/>
  <c r="J7690" i="5" s="1"/>
  <c r="N7690" i="5" s="1"/>
  <c r="J5558" i="2"/>
  <c r="J5532" i="5" s="1"/>
  <c r="N5532" i="5" s="1"/>
  <c r="J1686" i="2"/>
  <c r="J1660" i="5" s="1"/>
  <c r="N1660" i="5" s="1"/>
  <c r="J3388" i="2"/>
  <c r="J3362" i="5" s="1"/>
  <c r="N3362" i="5" s="1"/>
  <c r="J6246" i="2"/>
  <c r="J6220" i="5" s="1"/>
  <c r="N6220" i="5" s="1"/>
  <c r="J2373" i="2"/>
  <c r="J2347" i="5" s="1"/>
  <c r="N2347" i="5" s="1"/>
  <c r="J1339" i="2"/>
  <c r="J1313" i="5" s="1"/>
  <c r="N1313" i="5" s="1"/>
  <c r="J518" i="2"/>
  <c r="J492" i="5" s="1"/>
  <c r="N492" i="5" s="1"/>
  <c r="J1348" i="2"/>
  <c r="J1322" i="5" s="1"/>
  <c r="N1322" i="5" s="1"/>
  <c r="J6560" i="2"/>
  <c r="J6534" i="5" s="1"/>
  <c r="N6534" i="5" s="1"/>
  <c r="J5395" i="2"/>
  <c r="J5369" i="5" s="1"/>
  <c r="N5369" i="5" s="1"/>
  <c r="J4379" i="2"/>
  <c r="J4353" i="5" s="1"/>
  <c r="N4353" i="5" s="1"/>
  <c r="J6060" i="2"/>
  <c r="J6034" i="5" s="1"/>
  <c r="N6034" i="5" s="1"/>
  <c r="J6876" i="2"/>
  <c r="J6850" i="5" s="1"/>
  <c r="N6850" i="5" s="1"/>
  <c r="J7048" i="2"/>
  <c r="J7022" i="5" s="1"/>
  <c r="N7022" i="5" s="1"/>
  <c r="J1857" i="2"/>
  <c r="J1831" i="5" s="1"/>
  <c r="N1831" i="5" s="1"/>
  <c r="J8588" i="2"/>
  <c r="J8562" i="5" s="1"/>
  <c r="N8562" i="5" s="1"/>
  <c r="J1539" i="2"/>
  <c r="J1513" i="5" s="1"/>
  <c r="N1513" i="5" s="1"/>
  <c r="J8081" i="2"/>
  <c r="J8055" i="5" s="1"/>
  <c r="N8055" i="5" s="1"/>
  <c r="J5198" i="2"/>
  <c r="J5172" i="5" s="1"/>
  <c r="N5172" i="5" s="1"/>
  <c r="J4540" i="2"/>
  <c r="J4514" i="5" s="1"/>
  <c r="N4514" i="5" s="1"/>
  <c r="J186" i="2"/>
  <c r="J160" i="5" s="1"/>
  <c r="N160" i="5" s="1"/>
  <c r="J2677" i="2"/>
  <c r="J2651" i="5" s="1"/>
  <c r="N2651" i="5" s="1"/>
  <c r="J336" i="2"/>
  <c r="J310" i="5" s="1"/>
  <c r="N310" i="5" s="1"/>
  <c r="J5232" i="2"/>
  <c r="J5206" i="5" s="1"/>
  <c r="N5206" i="5" s="1"/>
  <c r="J7724" i="2"/>
  <c r="J7698" i="5" s="1"/>
  <c r="N7698" i="5" s="1"/>
  <c r="J3013" i="2"/>
  <c r="J2987" i="5" s="1"/>
  <c r="N2987" i="5" s="1"/>
  <c r="J8412" i="2"/>
  <c r="J8386" i="5" s="1"/>
  <c r="N8386" i="5" s="1"/>
  <c r="J5577" i="2"/>
  <c r="J5551" i="5" s="1"/>
  <c r="N5551" i="5" s="1"/>
  <c r="J7571" i="2"/>
  <c r="J7545" i="5" s="1"/>
  <c r="N7545" i="5" s="1"/>
  <c r="J4525" i="2"/>
  <c r="J4499" i="5" s="1"/>
  <c r="N4499" i="5" s="1"/>
  <c r="J8220" i="2"/>
  <c r="J8194" i="5" s="1"/>
  <c r="N8194" i="5" s="1"/>
  <c r="J3015" i="2"/>
  <c r="J2989" i="5" s="1"/>
  <c r="N2989" i="5" s="1"/>
  <c r="J2202" i="2"/>
  <c r="J2176" i="5" s="1"/>
  <c r="N2176" i="5" s="1"/>
  <c r="J862" i="2"/>
  <c r="J836" i="5" s="1"/>
  <c r="N836" i="5" s="1"/>
  <c r="J5710" i="2"/>
  <c r="J5684" i="5" s="1"/>
  <c r="N5684" i="5" s="1"/>
  <c r="J4030" i="2"/>
  <c r="J4004" i="5" s="1"/>
  <c r="N4004" i="5" s="1"/>
  <c r="J8420" i="2"/>
  <c r="J8394" i="5" s="1"/>
  <c r="N8394" i="5" s="1"/>
  <c r="J6567" i="2"/>
  <c r="J6541" i="5" s="1"/>
  <c r="N6541" i="5" s="1"/>
  <c r="J5728" i="2"/>
  <c r="J5702" i="5" s="1"/>
  <c r="N5702" i="5" s="1"/>
  <c r="J6709" i="2"/>
  <c r="J6683" i="5" s="1"/>
  <c r="N6683" i="5" s="1"/>
  <c r="J7915" i="2"/>
  <c r="J7889" i="5" s="1"/>
  <c r="N7889" i="5" s="1"/>
  <c r="J8577" i="2"/>
  <c r="J8551" i="5" s="1"/>
  <c r="N8551" i="5" s="1"/>
  <c r="J7409" i="2"/>
  <c r="J7383" i="5" s="1"/>
  <c r="N7383" i="5" s="1"/>
  <c r="J5055" i="2"/>
  <c r="J5029" i="5" s="1"/>
  <c r="N5029" i="5" s="1"/>
  <c r="J1501" i="2"/>
  <c r="J1475" i="5" s="1"/>
  <c r="N1475" i="5" s="1"/>
  <c r="J3382" i="2"/>
  <c r="J3356" i="5" s="1"/>
  <c r="N3356" i="5" s="1"/>
  <c r="J4694" i="2"/>
  <c r="J4668" i="5" s="1"/>
  <c r="N4668" i="5" s="1"/>
  <c r="J8054" i="2"/>
  <c r="J8028" i="5" s="1"/>
  <c r="N8028" i="5" s="1"/>
  <c r="J705" i="2"/>
  <c r="J679" i="5" s="1"/>
  <c r="N679" i="5" s="1"/>
  <c r="J6568" i="2"/>
  <c r="J6542" i="5" s="1"/>
  <c r="N6542" i="5" s="1"/>
  <c r="J3893" i="2"/>
  <c r="J3867" i="5" s="1"/>
  <c r="N3867" i="5" s="1"/>
  <c r="J1693" i="2"/>
  <c r="J1667" i="5" s="1"/>
  <c r="N1667" i="5" s="1"/>
  <c r="J4364" i="2"/>
  <c r="J4338" i="5" s="1"/>
  <c r="N4338" i="5" s="1"/>
  <c r="J1669" i="2"/>
  <c r="J1643" i="5" s="1"/>
  <c r="N1643" i="5" s="1"/>
  <c r="J7243" i="2"/>
  <c r="J7217" i="5" s="1"/>
  <c r="N7217" i="5" s="1"/>
  <c r="J3709" i="2"/>
  <c r="J3683" i="5" s="1"/>
  <c r="N3683" i="5" s="1"/>
  <c r="J5397" i="2"/>
  <c r="J5371" i="5" s="1"/>
  <c r="N5371" i="5" s="1"/>
  <c r="J8585" i="2"/>
  <c r="J8559" i="5" s="1"/>
  <c r="N8559" i="5" s="1"/>
  <c r="J2706" i="2"/>
  <c r="J2680" i="5" s="1"/>
  <c r="N2680" i="5" s="1"/>
  <c r="J1203" i="2"/>
  <c r="J1177" i="5" s="1"/>
  <c r="N1177" i="5" s="1"/>
  <c r="J1194" i="2"/>
  <c r="J1168" i="5" s="1"/>
  <c r="N1168" i="5" s="1"/>
  <c r="J7249" i="2"/>
  <c r="J7223" i="5" s="1"/>
  <c r="N7223" i="5" s="1"/>
  <c r="J4194" i="2"/>
  <c r="J4168" i="5" s="1"/>
  <c r="N4168" i="5" s="1"/>
  <c r="J6373" i="2"/>
  <c r="J6347" i="5" s="1"/>
  <c r="N6347" i="5" s="1"/>
  <c r="J6895" i="2"/>
  <c r="J6869" i="5" s="1"/>
  <c r="N6869" i="5" s="1"/>
  <c r="J1860" i="2"/>
  <c r="J1834" i="5" s="1"/>
  <c r="N1834" i="5" s="1"/>
  <c r="J7590" i="2"/>
  <c r="J7564" i="5" s="1"/>
  <c r="N7564" i="5" s="1"/>
  <c r="J7917" i="2"/>
  <c r="J7891" i="5" s="1"/>
  <c r="N7891" i="5" s="1"/>
  <c r="J188" i="2"/>
  <c r="J162" i="5" s="1"/>
  <c r="N162" i="5" s="1"/>
  <c r="J2038" i="2"/>
  <c r="J2012" i="5" s="1"/>
  <c r="N2012" i="5" s="1"/>
  <c r="J7919" i="2"/>
  <c r="J7893" i="5" s="1"/>
  <c r="N7893" i="5" s="1"/>
  <c r="J4863" i="2"/>
  <c r="J4837" i="5" s="1"/>
  <c r="N4837" i="5" s="1"/>
  <c r="J1668" i="2"/>
  <c r="J1642" i="5" s="1"/>
  <c r="N1642" i="5" s="1"/>
  <c r="J4218" i="2"/>
  <c r="J4192" i="5" s="1"/>
  <c r="N4192" i="5" s="1"/>
  <c r="J3721" i="2"/>
  <c r="J3695" i="5" s="1"/>
  <c r="N3695" i="5" s="1"/>
  <c r="J3718" i="2"/>
  <c r="J3692" i="5" s="1"/>
  <c r="N3692" i="5" s="1"/>
  <c r="J5542" i="2"/>
  <c r="J5516" i="5" s="1"/>
  <c r="N5516" i="5" s="1"/>
  <c r="J5073" i="2"/>
  <c r="J5047" i="5" s="1"/>
  <c r="N5047" i="5" s="1"/>
  <c r="J5549" i="2"/>
  <c r="J5523" i="5" s="1"/>
  <c r="N5523" i="5" s="1"/>
  <c r="J7226" i="2"/>
  <c r="J7200" i="5" s="1"/>
  <c r="N7200" i="5" s="1"/>
  <c r="J5387" i="2"/>
  <c r="J5361" i="5" s="1"/>
  <c r="N5361" i="5" s="1"/>
  <c r="J5235" i="2"/>
  <c r="J5209" i="5" s="1"/>
  <c r="N5209" i="5" s="1"/>
  <c r="J8576" i="2"/>
  <c r="J8550" i="5" s="1"/>
  <c r="N8550" i="5" s="1"/>
  <c r="J6041" i="2"/>
  <c r="J6015" i="5" s="1"/>
  <c r="N6015" i="5" s="1"/>
  <c r="J3190" i="2"/>
  <c r="J3164" i="5" s="1"/>
  <c r="N3164" i="5" s="1"/>
  <c r="J4692" i="2"/>
  <c r="J4666" i="5" s="1"/>
  <c r="N4666" i="5" s="1"/>
  <c r="J3196" i="2"/>
  <c r="J3170" i="5" s="1"/>
  <c r="N3170" i="5" s="1"/>
  <c r="J2365" i="2"/>
  <c r="J2339" i="5" s="1"/>
  <c r="N2339" i="5" s="1"/>
  <c r="J6583" i="2"/>
  <c r="J6557" i="5" s="1"/>
  <c r="N6557" i="5" s="1"/>
  <c r="J869" i="2"/>
  <c r="J843" i="5" s="1"/>
  <c r="N843" i="5" s="1"/>
  <c r="J7887" i="2"/>
  <c r="J7861" i="5" s="1"/>
  <c r="N7861" i="5" s="1"/>
  <c r="J5903" i="2"/>
  <c r="J5877" i="5" s="1"/>
  <c r="N5877" i="5" s="1"/>
  <c r="J6543" i="2"/>
  <c r="J6517" i="5" s="1"/>
  <c r="N6517" i="5" s="1"/>
  <c r="J5044" i="2"/>
  <c r="J5018" i="5" s="1"/>
  <c r="N5018" i="5" s="1"/>
  <c r="J7253" i="2"/>
  <c r="J7227" i="5" s="1"/>
  <c r="N7227" i="5" s="1"/>
  <c r="J2191" i="2"/>
  <c r="J2165" i="5" s="1"/>
  <c r="N2165" i="5" s="1"/>
  <c r="J535" i="2"/>
  <c r="J509" i="5" s="1"/>
  <c r="N509" i="5" s="1"/>
  <c r="J8402" i="2"/>
  <c r="J8376" i="5" s="1"/>
  <c r="N8376" i="5" s="1"/>
  <c r="J4547" i="2"/>
  <c r="J4521" i="5" s="1"/>
  <c r="N4521" i="5" s="1"/>
  <c r="J5046" i="2"/>
  <c r="J5020" i="5" s="1"/>
  <c r="N5020" i="5" s="1"/>
  <c r="J4025" i="2"/>
  <c r="J3999" i="5" s="1"/>
  <c r="N3999" i="5" s="1"/>
  <c r="J6378" i="2"/>
  <c r="J6352" i="5" s="1"/>
  <c r="N6352" i="5" s="1"/>
  <c r="J3224" i="2"/>
  <c r="J3198" i="5" s="1"/>
  <c r="N3198" i="5" s="1"/>
  <c r="J3543" i="2"/>
  <c r="J3517" i="5" s="1"/>
  <c r="N3517" i="5" s="1"/>
  <c r="J4730" i="2"/>
  <c r="J4704" i="5" s="1"/>
  <c r="N4704" i="5" s="1"/>
  <c r="J1506" i="2"/>
  <c r="J1480" i="5" s="1"/>
  <c r="N1480" i="5" s="1"/>
  <c r="J1672" i="2"/>
  <c r="J1646" i="5" s="1"/>
  <c r="N1646" i="5" s="1"/>
  <c r="J1335" i="2"/>
  <c r="J1309" i="5" s="1"/>
  <c r="N1309" i="5" s="1"/>
  <c r="J1345" i="2"/>
  <c r="J1319" i="5" s="1"/>
  <c r="N1319" i="5" s="1"/>
  <c r="J335" i="2"/>
  <c r="J309" i="5" s="1"/>
  <c r="N309" i="5" s="1"/>
  <c r="J3548" i="2"/>
  <c r="J3522" i="5" s="1"/>
  <c r="N3522" i="5" s="1"/>
  <c r="J6230" i="2"/>
  <c r="J6204" i="5" s="1"/>
  <c r="N6204" i="5" s="1"/>
  <c r="J7730" i="2"/>
  <c r="J7704" i="5" s="1"/>
  <c r="N7704" i="5" s="1"/>
  <c r="J4892" i="2"/>
  <c r="J4866" i="5" s="1"/>
  <c r="N4866" i="5" s="1"/>
  <c r="J2858" i="2"/>
  <c r="J2832" i="5" s="1"/>
  <c r="N2832" i="5" s="1"/>
  <c r="J4536" i="2"/>
  <c r="J4510" i="5" s="1"/>
  <c r="N4510" i="5" s="1"/>
  <c r="J2537" i="2"/>
  <c r="J2511" i="5" s="1"/>
  <c r="N2511" i="5" s="1"/>
  <c r="J7211" i="2"/>
  <c r="J7185" i="5" s="1"/>
  <c r="N7185" i="5" s="1"/>
  <c r="J1839" i="2"/>
  <c r="J1813" i="5" s="1"/>
  <c r="N1813" i="5" s="1"/>
  <c r="J7396" i="2"/>
  <c r="J7370" i="5" s="1"/>
  <c r="N7370" i="5" s="1"/>
  <c r="J1513" i="2"/>
  <c r="J1487" i="5" s="1"/>
  <c r="N1487" i="5" s="1"/>
  <c r="J4895" i="2"/>
  <c r="J4869" i="5" s="1"/>
  <c r="N4869" i="5" s="1"/>
  <c r="J7745" i="2"/>
  <c r="J7719" i="5" s="1"/>
  <c r="N7719" i="5" s="1"/>
  <c r="J4702" i="2"/>
  <c r="J4676" i="5" s="1"/>
  <c r="N4676" i="5" s="1"/>
  <c r="J2708" i="2"/>
  <c r="J2682" i="5" s="1"/>
  <c r="N2682" i="5" s="1"/>
  <c r="J520" i="2"/>
  <c r="J494" i="5" s="1"/>
  <c r="N494" i="5" s="1"/>
  <c r="J7737" i="2"/>
  <c r="J7711" i="5" s="1"/>
  <c r="N7711" i="5" s="1"/>
  <c r="J171" i="2"/>
  <c r="J145" i="5" s="1"/>
  <c r="N145" i="5" s="1"/>
  <c r="J658" i="2"/>
  <c r="J632" i="5" s="1"/>
  <c r="N632" i="5" s="1"/>
  <c r="J6883" i="2"/>
  <c r="J6857" i="5" s="1"/>
  <c r="N6857" i="5" s="1"/>
  <c r="J4190" i="2"/>
  <c r="J4164" i="5" s="1"/>
  <c r="N4164" i="5" s="1"/>
  <c r="J2546" i="2"/>
  <c r="J2520" i="5" s="1"/>
  <c r="N2520" i="5" s="1"/>
  <c r="J351" i="2"/>
  <c r="J325" i="5" s="1"/>
  <c r="N325" i="5" s="1"/>
  <c r="J700" i="2"/>
  <c r="J674" i="5" s="1"/>
  <c r="N674" i="5" s="1"/>
  <c r="J4200" i="2"/>
  <c r="J4174" i="5" s="1"/>
  <c r="N4174" i="5" s="1"/>
  <c r="J4394" i="2"/>
  <c r="J4368" i="5" s="1"/>
  <c r="N4368" i="5" s="1"/>
  <c r="J2043" i="2"/>
  <c r="J2017" i="5" s="1"/>
  <c r="N2017" i="5" s="1"/>
  <c r="J5573" i="2"/>
  <c r="J5547" i="5" s="1"/>
  <c r="N5547" i="5" s="1"/>
  <c r="J2040" i="2"/>
  <c r="J2014" i="5" s="1"/>
  <c r="N2014" i="5" s="1"/>
  <c r="J7579" i="2"/>
  <c r="J7553" i="5" s="1"/>
  <c r="N7553" i="5" s="1"/>
  <c r="J8066" i="2"/>
  <c r="J8040" i="5" s="1"/>
  <c r="N8040" i="5" s="1"/>
  <c r="J7920" i="2"/>
  <c r="J7894" i="5" s="1"/>
  <c r="N7894" i="5" s="1"/>
  <c r="J5368" i="2"/>
  <c r="J5342" i="5" s="1"/>
  <c r="N5342" i="5" s="1"/>
  <c r="J6750" i="2"/>
  <c r="J6724" i="5" s="1"/>
  <c r="N6724" i="5" s="1"/>
  <c r="J2551" i="2"/>
  <c r="J2525" i="5" s="1"/>
  <c r="N2525" i="5" s="1"/>
  <c r="J1360" i="2"/>
  <c r="J1334" i="5" s="1"/>
  <c r="N1334" i="5" s="1"/>
  <c r="J366" i="2"/>
  <c r="J340" i="5" s="1"/>
  <c r="N340" i="5" s="1"/>
  <c r="J4205" i="2"/>
  <c r="J4179" i="5" s="1"/>
  <c r="N4179" i="5" s="1"/>
  <c r="J1331" i="2"/>
  <c r="J1305" i="5" s="1"/>
  <c r="N1305" i="5" s="1"/>
  <c r="J359" i="2"/>
  <c r="J333" i="5" s="1"/>
  <c r="N333" i="5" s="1"/>
  <c r="J3369" i="2"/>
  <c r="J3343" i="5" s="1"/>
  <c r="N3343" i="5" s="1"/>
  <c r="J833" i="2"/>
  <c r="J807" i="5" s="1"/>
  <c r="N807" i="5" s="1"/>
  <c r="J168" i="2"/>
  <c r="J142" i="5" s="1"/>
  <c r="N142" i="5" s="1"/>
  <c r="J8560" i="2"/>
  <c r="J8534" i="5" s="1"/>
  <c r="N8534" i="5" s="1"/>
  <c r="J6917" i="2"/>
  <c r="J6891" i="5" s="1"/>
  <c r="N6891" i="5" s="1"/>
  <c r="J6879" i="2"/>
  <c r="J6853" i="5" s="1"/>
  <c r="N6853" i="5" s="1"/>
  <c r="J2029" i="2"/>
  <c r="J2003" i="5" s="1"/>
  <c r="N2003" i="5" s="1"/>
  <c r="J3895" i="2"/>
  <c r="J3869" i="5" s="1"/>
  <c r="N3869" i="5" s="1"/>
  <c r="J6044" i="2"/>
  <c r="J6018" i="5" s="1"/>
  <c r="N6018" i="5" s="1"/>
  <c r="J8758" i="2"/>
  <c r="J8732" i="5" s="1"/>
  <c r="N8732" i="5" s="1"/>
  <c r="J1193" i="2"/>
  <c r="J1167" i="5" s="1"/>
  <c r="N1167" i="5" s="1"/>
  <c r="J6711" i="2"/>
  <c r="J6685" i="5" s="1"/>
  <c r="N6685" i="5" s="1"/>
  <c r="J1175" i="2"/>
  <c r="J1149" i="5" s="1"/>
  <c r="N1149" i="5" s="1"/>
  <c r="J5576" i="2"/>
  <c r="J5550" i="5" s="1"/>
  <c r="N5550" i="5" s="1"/>
  <c r="J195" i="2"/>
  <c r="J169" i="5" s="1"/>
  <c r="N169" i="5" s="1"/>
  <c r="J4864" i="2"/>
  <c r="J4838" i="5" s="1"/>
  <c r="N4838" i="5" s="1"/>
  <c r="J4380" i="2"/>
  <c r="J4354" i="5" s="1"/>
  <c r="N4354" i="5" s="1"/>
  <c r="J6891" i="2"/>
  <c r="J6865" i="5" s="1"/>
  <c r="N6865" i="5" s="1"/>
  <c r="J6078" i="2"/>
  <c r="J6052" i="5" s="1"/>
  <c r="N6052" i="5" s="1"/>
  <c r="J3039" i="2"/>
  <c r="J3013" i="5" s="1"/>
  <c r="N3013" i="5" s="1"/>
  <c r="J1173" i="2"/>
  <c r="J1147" i="5" s="1"/>
  <c r="N1147" i="5" s="1"/>
  <c r="J7066" i="2"/>
  <c r="J7040" i="5" s="1"/>
  <c r="N7040" i="5" s="1"/>
  <c r="J7561" i="2"/>
  <c r="J7535" i="5" s="1"/>
  <c r="N7535" i="5" s="1"/>
  <c r="J6877" i="2"/>
  <c r="J6851" i="5" s="1"/>
  <c r="N6851" i="5" s="1"/>
  <c r="J7246" i="2"/>
  <c r="J7220" i="5" s="1"/>
  <c r="N7220" i="5" s="1"/>
  <c r="J5199" i="2"/>
  <c r="J5173" i="5" s="1"/>
  <c r="N5173" i="5" s="1"/>
  <c r="J2376" i="2"/>
  <c r="J2350" i="5" s="1"/>
  <c r="N2350" i="5" s="1"/>
  <c r="J684" i="2"/>
  <c r="J658" i="5" s="1"/>
  <c r="N658" i="5" s="1"/>
  <c r="J3381" i="2"/>
  <c r="J3355" i="5" s="1"/>
  <c r="N3355" i="5" s="1"/>
  <c r="J2707" i="2"/>
  <c r="J2681" i="5" s="1"/>
  <c r="N2681" i="5" s="1"/>
  <c r="J5226" i="2"/>
  <c r="J5200" i="5" s="1"/>
  <c r="N5200" i="5" s="1"/>
  <c r="J5889" i="2"/>
  <c r="J5863" i="5" s="1"/>
  <c r="N5863" i="5" s="1"/>
  <c r="J3708" i="2"/>
  <c r="J3682" i="5" s="1"/>
  <c r="N3682" i="5" s="1"/>
  <c r="J343" i="2"/>
  <c r="J317" i="5" s="1"/>
  <c r="N317" i="5" s="1"/>
  <c r="J5910" i="2"/>
  <c r="J5884" i="5" s="1"/>
  <c r="N5884" i="5" s="1"/>
  <c r="J6722" i="2"/>
  <c r="J6696" i="5" s="1"/>
  <c r="N6696" i="5" s="1"/>
  <c r="J4034" i="2"/>
  <c r="J4008" i="5" s="1"/>
  <c r="N4008" i="5" s="1"/>
  <c r="J4731" i="2"/>
  <c r="J4705" i="5" s="1"/>
  <c r="N4705" i="5" s="1"/>
  <c r="J693" i="2"/>
  <c r="J667" i="5" s="1"/>
  <c r="N667" i="5" s="1"/>
  <c r="J8554" i="2"/>
  <c r="J8528" i="5" s="1"/>
  <c r="N8528" i="5" s="1"/>
  <c r="J2042" i="2"/>
  <c r="J2016" i="5" s="1"/>
  <c r="N2016" i="5" s="1"/>
  <c r="J2520" i="2"/>
  <c r="J2494" i="5" s="1"/>
  <c r="N2494" i="5" s="1"/>
  <c r="J5233" i="2"/>
  <c r="J5207" i="5" s="1"/>
  <c r="N5207" i="5" s="1"/>
  <c r="J1843" i="2"/>
  <c r="J1817" i="5" s="1"/>
  <c r="N1817" i="5" s="1"/>
  <c r="J7586" i="2"/>
  <c r="J7560" i="5" s="1"/>
  <c r="N7560" i="5" s="1"/>
  <c r="J5551" i="2"/>
  <c r="J5525" i="5" s="1"/>
  <c r="N5525" i="5" s="1"/>
  <c r="J6911" i="2"/>
  <c r="J6885" i="5" s="1"/>
  <c r="N6885" i="5" s="1"/>
  <c r="J2868" i="2"/>
  <c r="J2842" i="5" s="1"/>
  <c r="N2842" i="5" s="1"/>
  <c r="J8246" i="2"/>
  <c r="J8220" i="5" s="1"/>
  <c r="N8220" i="5" s="1"/>
  <c r="J699" i="2"/>
  <c r="J673" i="5" s="1"/>
  <c r="N673" i="5" s="1"/>
  <c r="J197" i="2"/>
  <c r="J171" i="5" s="1"/>
  <c r="N171" i="5" s="1"/>
  <c r="J3354" i="2"/>
  <c r="J3328" i="5" s="1"/>
  <c r="N3328" i="5" s="1"/>
  <c r="J7560" i="2"/>
  <c r="J7534" i="5" s="1"/>
  <c r="N7534" i="5" s="1"/>
  <c r="J4728" i="2"/>
  <c r="J4702" i="5" s="1"/>
  <c r="N4702" i="5" s="1"/>
  <c r="J179" i="2"/>
  <c r="J153" i="5" s="1"/>
  <c r="N153" i="5" s="1"/>
  <c r="J7087" i="2"/>
  <c r="J7061" i="5" s="1"/>
  <c r="N7061" i="5" s="1"/>
  <c r="J6915" i="2"/>
  <c r="J6889" i="5" s="1"/>
  <c r="N6889" i="5" s="1"/>
  <c r="J8597" i="2"/>
  <c r="J8571" i="5" s="1"/>
  <c r="N8571" i="5" s="1"/>
  <c r="J7592" i="2"/>
  <c r="J7566" i="5" s="1"/>
  <c r="N7566" i="5" s="1"/>
  <c r="J1868" i="2"/>
  <c r="J1842" i="5" s="1"/>
  <c r="N1842" i="5" s="1"/>
  <c r="J1508" i="2"/>
  <c r="J1482" i="5" s="1"/>
  <c r="N1482" i="5" s="1"/>
  <c r="J3028" i="2"/>
  <c r="J3002" i="5" s="1"/>
  <c r="N3002" i="5" s="1"/>
  <c r="J6899" i="2"/>
  <c r="J6873" i="5" s="1"/>
  <c r="N6873" i="5" s="1"/>
  <c r="J3213" i="2"/>
  <c r="J3187" i="5" s="1"/>
  <c r="N3187" i="5" s="1"/>
  <c r="J7242" i="2"/>
  <c r="J7216" i="5" s="1"/>
  <c r="N7216" i="5" s="1"/>
  <c r="J8265" i="2"/>
  <c r="J8239" i="5" s="1"/>
  <c r="N8239" i="5" s="1"/>
  <c r="J1344" i="2"/>
  <c r="J1318" i="5" s="1"/>
  <c r="N1318" i="5" s="1"/>
  <c r="J1030" i="2"/>
  <c r="J1004" i="5" s="1"/>
  <c r="N1004" i="5" s="1"/>
  <c r="J4721" i="2"/>
  <c r="J4695" i="5" s="1"/>
  <c r="N4695" i="5" s="1"/>
  <c r="J345" i="2"/>
  <c r="J319" i="5" s="1"/>
  <c r="N319" i="5" s="1"/>
  <c r="J5895" i="2"/>
  <c r="J5869" i="5" s="1"/>
  <c r="N5869" i="5" s="1"/>
  <c r="J7232" i="2"/>
  <c r="J7206" i="5" s="1"/>
  <c r="N7206" i="5" s="1"/>
  <c r="J5885" i="2"/>
  <c r="J5859" i="5" s="1"/>
  <c r="N5859" i="5" s="1"/>
  <c r="J6062" i="2"/>
  <c r="J6036" i="5" s="1"/>
  <c r="N6036" i="5" s="1"/>
  <c r="J7399" i="2"/>
  <c r="J7373" i="5" s="1"/>
  <c r="N7373" i="5" s="1"/>
  <c r="J7239" i="2"/>
  <c r="J7213" i="5" s="1"/>
  <c r="N7213" i="5" s="1"/>
  <c r="J2182" i="2"/>
  <c r="J2156" i="5" s="1"/>
  <c r="N2156" i="5" s="1"/>
  <c r="J5735" i="2"/>
  <c r="J5709" i="5" s="1"/>
  <c r="N5709" i="5" s="1"/>
  <c r="J3542" i="2"/>
  <c r="J3516" i="5" s="1"/>
  <c r="N3516" i="5" s="1"/>
  <c r="J8071" i="2"/>
  <c r="J8045" i="5" s="1"/>
  <c r="N8045" i="5" s="1"/>
  <c r="J2360" i="2"/>
  <c r="J2334" i="5" s="1"/>
  <c r="N2334" i="5" s="1"/>
  <c r="J7083" i="2"/>
  <c r="J7057" i="5" s="1"/>
  <c r="N7057" i="5" s="1"/>
  <c r="J1874" i="2"/>
  <c r="J1848" i="5" s="1"/>
  <c r="N1848" i="5" s="1"/>
  <c r="J4046" i="2"/>
  <c r="J4020" i="5" s="1"/>
  <c r="N4020" i="5" s="1"/>
  <c r="J2203" i="2"/>
  <c r="J2177" i="5" s="1"/>
  <c r="N2177" i="5" s="1"/>
  <c r="J3375" i="2"/>
  <c r="J3349" i="5" s="1"/>
  <c r="N3349" i="5" s="1"/>
  <c r="J8218" i="2"/>
  <c r="J8192" i="5" s="1"/>
  <c r="N8192" i="5" s="1"/>
  <c r="J5717" i="2"/>
  <c r="J5691" i="5" s="1"/>
  <c r="N5691" i="5" s="1"/>
  <c r="J4229" i="2"/>
  <c r="J4203" i="5" s="1"/>
  <c r="N4203" i="5" s="1"/>
  <c r="J5392" i="2"/>
  <c r="J5366" i="5" s="1"/>
  <c r="N5366" i="5" s="1"/>
  <c r="J3886" i="2"/>
  <c r="J3860" i="5" s="1"/>
  <c r="N3860" i="5" s="1"/>
  <c r="J1531" i="2"/>
  <c r="J1505" i="5" s="1"/>
  <c r="N1505" i="5" s="1"/>
  <c r="J5043" i="2"/>
  <c r="J5017" i="5" s="1"/>
  <c r="N5017" i="5" s="1"/>
  <c r="J8406" i="2"/>
  <c r="J8380" i="5" s="1"/>
  <c r="N8380" i="5" s="1"/>
  <c r="J3872" i="2"/>
  <c r="J3846" i="5" s="1"/>
  <c r="N3846" i="5" s="1"/>
  <c r="J354" i="2"/>
  <c r="J328" i="5" s="1"/>
  <c r="N328" i="5" s="1"/>
  <c r="J8748" i="2"/>
  <c r="J8722" i="5" s="1"/>
  <c r="N8722" i="5" s="1"/>
  <c r="J5363" i="2"/>
  <c r="J5337" i="5" s="1"/>
  <c r="N5337" i="5" s="1"/>
  <c r="J4707" i="2"/>
  <c r="J4681" i="5" s="1"/>
  <c r="N4681" i="5" s="1"/>
  <c r="J166" i="2"/>
  <c r="J140" i="5" s="1"/>
  <c r="N140" i="5" s="1"/>
  <c r="J7752" i="2"/>
  <c r="J7726" i="5" s="1"/>
  <c r="N7726" i="5" s="1"/>
  <c r="J6371" i="2"/>
  <c r="J6345" i="5" s="1"/>
  <c r="N6345" i="5" s="1"/>
  <c r="J1359" i="2"/>
  <c r="J1333" i="5" s="1"/>
  <c r="N1333" i="5" s="1"/>
  <c r="J3697" i="2"/>
  <c r="J3671" i="5" s="1"/>
  <c r="N3671" i="5" s="1"/>
  <c r="J2028" i="2"/>
  <c r="J2002" i="5" s="1"/>
  <c r="N2002" i="5" s="1"/>
  <c r="J668" i="2"/>
  <c r="J642" i="5" s="1"/>
  <c r="N642" i="5" s="1"/>
  <c r="J4028" i="2"/>
  <c r="J4002" i="5" s="1"/>
  <c r="N4002" i="5" s="1"/>
  <c r="J3859" i="2"/>
  <c r="J3833" i="5" s="1"/>
  <c r="N3833" i="5" s="1"/>
  <c r="J4568" i="2"/>
  <c r="J4542" i="5" s="1"/>
  <c r="N4542" i="5" s="1"/>
  <c r="J4354" i="2"/>
  <c r="J4328" i="5" s="1"/>
  <c r="N4328" i="5" s="1"/>
  <c r="J3216" i="2"/>
  <c r="J3190" i="5" s="1"/>
  <c r="N3190" i="5" s="1"/>
  <c r="J1377" i="2"/>
  <c r="J1351" i="5" s="1"/>
  <c r="N1351" i="5" s="1"/>
  <c r="J6059" i="2"/>
  <c r="J6033" i="5" s="1"/>
  <c r="N6033" i="5" s="1"/>
  <c r="J6037" i="2"/>
  <c r="J6011" i="5" s="1"/>
  <c r="N6011" i="5" s="1"/>
  <c r="J7081" i="2"/>
  <c r="J7055" i="5" s="1"/>
  <c r="N7055" i="5" s="1"/>
  <c r="J8094" i="2"/>
  <c r="J8068" i="5" s="1"/>
  <c r="N8068" i="5" s="1"/>
  <c r="J3387" i="2"/>
  <c r="J3361" i="5" s="1"/>
  <c r="N3361" i="5" s="1"/>
  <c r="J4530" i="2"/>
  <c r="J4504" i="5" s="1"/>
  <c r="N4504" i="5" s="1"/>
  <c r="J6545" i="2"/>
  <c r="J6519" i="5" s="1"/>
  <c r="N6519" i="5" s="1"/>
  <c r="J5053" i="2"/>
  <c r="J5027" i="5" s="1"/>
  <c r="N5027" i="5" s="1"/>
  <c r="J8249" i="2"/>
  <c r="J8223" i="5" s="1"/>
  <c r="N8223" i="5" s="1"/>
  <c r="J6406" i="2"/>
  <c r="J6380" i="5" s="1"/>
  <c r="N6380" i="5" s="1"/>
  <c r="J201" i="2"/>
  <c r="J175" i="5" s="1"/>
  <c r="N175" i="5" s="1"/>
  <c r="J4039" i="2"/>
  <c r="J4013" i="5" s="1"/>
  <c r="N4013" i="5" s="1"/>
  <c r="J2886" i="2"/>
  <c r="J2860" i="5" s="1"/>
  <c r="N2860" i="5" s="1"/>
  <c r="J2548" i="2"/>
  <c r="J2522" i="5" s="1"/>
  <c r="N2522" i="5" s="1"/>
  <c r="J2214" i="2"/>
  <c r="J2188" i="5" s="1"/>
  <c r="N2188" i="5" s="1"/>
  <c r="J2513" i="2"/>
  <c r="J2487" i="5" s="1"/>
  <c r="N2487" i="5" s="1"/>
  <c r="J2170" i="2"/>
  <c r="J2144" i="5" s="1"/>
  <c r="N2144" i="5" s="1"/>
  <c r="J6244" i="2"/>
  <c r="J6218" i="5" s="1"/>
  <c r="N6218" i="5" s="1"/>
  <c r="J3869" i="2"/>
  <c r="J3843" i="5" s="1"/>
  <c r="N3843" i="5" s="1"/>
  <c r="J533" i="2"/>
  <c r="J507" i="5" s="1"/>
  <c r="N507" i="5" s="1"/>
  <c r="J6912" i="2"/>
  <c r="J6886" i="5" s="1"/>
  <c r="N6886" i="5" s="1"/>
  <c r="J4541" i="2"/>
  <c r="J4515" i="5" s="1"/>
  <c r="N4515" i="5" s="1"/>
  <c r="J3696" i="2"/>
  <c r="J3670" i="5" s="1"/>
  <c r="N3670" i="5" s="1"/>
  <c r="J4186" i="2"/>
  <c r="J4160" i="5" s="1"/>
  <c r="J7587" i="2"/>
  <c r="J7561" i="5" s="1"/>
  <c r="N7561" i="5" s="1"/>
  <c r="J1337" i="2"/>
  <c r="J1311" i="5" s="1"/>
  <c r="N1311" i="5" s="1"/>
  <c r="J4398" i="2"/>
  <c r="J4372" i="5" s="1"/>
  <c r="N4372" i="5" s="1"/>
  <c r="J6723" i="2"/>
  <c r="J6697" i="5" s="1"/>
  <c r="N6697" i="5" s="1"/>
  <c r="J5049" i="2"/>
  <c r="J5023" i="5" s="1"/>
  <c r="N5023" i="5" s="1"/>
  <c r="J5200" i="2"/>
  <c r="J5174" i="5" s="1"/>
  <c r="N5174" i="5" s="1"/>
  <c r="J7056" i="2"/>
  <c r="J7030" i="5" s="1"/>
  <c r="N7030" i="5" s="1"/>
  <c r="J5061" i="2"/>
  <c r="J5035" i="5" s="1"/>
  <c r="N5035" i="5" s="1"/>
  <c r="J7555" i="2"/>
  <c r="J7529" i="5" s="1"/>
  <c r="N7529" i="5" s="1"/>
  <c r="J4529" i="2"/>
  <c r="J4503" i="5" s="1"/>
  <c r="N4503" i="5" s="1"/>
  <c r="J2508" i="2"/>
  <c r="J2482" i="5" s="1"/>
  <c r="N2482" i="5" s="1"/>
  <c r="J3032" i="2"/>
  <c r="J3006" i="5" s="1"/>
  <c r="N3006" i="5" s="1"/>
  <c r="J4880" i="2"/>
  <c r="J4854" i="5" s="1"/>
  <c r="N4854" i="5" s="1"/>
  <c r="J1873" i="2"/>
  <c r="J1847" i="5" s="1"/>
  <c r="N1847" i="5" s="1"/>
  <c r="J7382" i="2"/>
  <c r="J7356" i="5" s="1"/>
  <c r="N7356" i="5" s="1"/>
  <c r="J4723" i="2"/>
  <c r="J4697" i="5" s="1"/>
  <c r="N4697" i="5" s="1"/>
  <c r="J6224" i="2"/>
  <c r="J6198" i="5" s="1"/>
  <c r="N6198" i="5" s="1"/>
  <c r="J8095" i="2"/>
  <c r="J8069" i="5" s="1"/>
  <c r="N8069" i="5" s="1"/>
  <c r="J3558" i="2"/>
  <c r="J3532" i="5" s="1"/>
  <c r="N3532" i="5" s="1"/>
  <c r="J697" i="2"/>
  <c r="J671" i="5" s="1"/>
  <c r="N671" i="5" s="1"/>
  <c r="J512" i="2"/>
  <c r="J486" i="5" s="1"/>
  <c r="N486" i="5" s="1"/>
  <c r="J503" i="2"/>
  <c r="J477" i="5" s="1"/>
  <c r="N477" i="5" s="1"/>
  <c r="J154" i="2"/>
  <c r="J128" i="5" s="1"/>
  <c r="N128" i="5" s="1"/>
  <c r="J7725" i="2"/>
  <c r="J7699" i="5" s="1"/>
  <c r="N7699" i="5" s="1"/>
  <c r="J831" i="2"/>
  <c r="J805" i="5" s="1"/>
  <c r="N805" i="5" s="1"/>
  <c r="J3857" i="2"/>
  <c r="J3831" i="5" s="1"/>
  <c r="N3831" i="5" s="1"/>
  <c r="J7380" i="2"/>
  <c r="J7354" i="5" s="1"/>
  <c r="N7354" i="5" s="1"/>
  <c r="J3208" i="2"/>
  <c r="J3182" i="5" s="1"/>
  <c r="N3182" i="5" s="1"/>
  <c r="J7926" i="2"/>
  <c r="J7900" i="5" s="1"/>
  <c r="N7900" i="5" s="1"/>
  <c r="J2683" i="2"/>
  <c r="J2657" i="5" s="1"/>
  <c r="N2657" i="5" s="1"/>
  <c r="J8064" i="2"/>
  <c r="J8038" i="5" s="1"/>
  <c r="N8038" i="5" s="1"/>
  <c r="J505" i="2"/>
  <c r="J479" i="5" s="1"/>
  <c r="N479" i="5" s="1"/>
  <c r="J6042" i="2"/>
  <c r="J6016" i="5" s="1"/>
  <c r="N6016" i="5" s="1"/>
  <c r="J7215" i="2"/>
  <c r="J7189" i="5" s="1"/>
  <c r="N7189" i="5" s="1"/>
  <c r="J5738" i="2"/>
  <c r="J5712" i="5" s="1"/>
  <c r="N5712" i="5" s="1"/>
  <c r="J6707" i="2"/>
  <c r="J6681" i="5" s="1"/>
  <c r="N6681" i="5" s="1"/>
  <c r="J1201" i="2"/>
  <c r="J1175" i="5" s="1"/>
  <c r="N1175" i="5" s="1"/>
  <c r="J3017" i="2"/>
  <c r="J2991" i="5" s="1"/>
  <c r="N2991" i="5" s="1"/>
  <c r="J6749" i="2"/>
  <c r="J6723" i="5" s="1"/>
  <c r="N6723" i="5" s="1"/>
  <c r="J2339" i="2"/>
  <c r="J2313" i="5" s="1"/>
  <c r="N2313" i="5" s="1"/>
  <c r="J1021" i="2"/>
  <c r="J995" i="5" s="1"/>
  <c r="N995" i="5" s="1"/>
  <c r="J2174" i="2"/>
  <c r="J2148" i="5" s="1"/>
  <c r="N2148" i="5" s="1"/>
  <c r="J3012" i="2"/>
  <c r="J2986" i="5" s="1"/>
  <c r="N2986" i="5" s="1"/>
  <c r="J493" i="2"/>
  <c r="J467" i="5" s="1"/>
  <c r="N467" i="5" s="1"/>
  <c r="J5716" i="2"/>
  <c r="J5690" i="5" s="1"/>
  <c r="N5690" i="5" s="1"/>
  <c r="J3352" i="2"/>
  <c r="J3326" i="5" s="1"/>
  <c r="N3326" i="5" s="1"/>
  <c r="J7256" i="2"/>
  <c r="J7230" i="5" s="1"/>
  <c r="N7230" i="5" s="1"/>
  <c r="J1171" i="2"/>
  <c r="J1145" i="5" s="1"/>
  <c r="N1145" i="5" s="1"/>
  <c r="J6390" i="2"/>
  <c r="J6364" i="5" s="1"/>
  <c r="N6364" i="5" s="1"/>
  <c r="J7076" i="2"/>
  <c r="J7050" i="5" s="1"/>
  <c r="N7050" i="5" s="1"/>
  <c r="J7043" i="2"/>
  <c r="J7017" i="5" s="1"/>
  <c r="N7017" i="5" s="1"/>
  <c r="J4223" i="2"/>
  <c r="J4197" i="5" s="1"/>
  <c r="N4197" i="5" s="1"/>
  <c r="J4041" i="2"/>
  <c r="J4015" i="5" s="1"/>
  <c r="N4015" i="5" s="1"/>
  <c r="J6916" i="2"/>
  <c r="J6890" i="5" s="1"/>
  <c r="N6890" i="5" s="1"/>
  <c r="J7744" i="2"/>
  <c r="J7718" i="5" s="1"/>
  <c r="N7718" i="5" s="1"/>
  <c r="J8238" i="2"/>
  <c r="J8212" i="5" s="1"/>
  <c r="N8212" i="5" s="1"/>
  <c r="J4212" i="2"/>
  <c r="J4186" i="5" s="1"/>
  <c r="N4186" i="5" s="1"/>
  <c r="J2532" i="2"/>
  <c r="J2506" i="5" s="1"/>
  <c r="N2506" i="5" s="1"/>
  <c r="J4207" i="2"/>
  <c r="J4181" i="5" s="1"/>
  <c r="N4181" i="5" s="1"/>
  <c r="J7549" i="2"/>
  <c r="J7523" i="5" s="1"/>
  <c r="N7523" i="5" s="1"/>
  <c r="J6743" i="2"/>
  <c r="J6717" i="5" s="1"/>
  <c r="N6717" i="5" s="1"/>
  <c r="J1502" i="2"/>
  <c r="J1476" i="5" s="1"/>
  <c r="N1476" i="5" s="1"/>
  <c r="J5892" i="2"/>
  <c r="J5866" i="5" s="1"/>
  <c r="N5866" i="5" s="1"/>
  <c r="J508" i="2"/>
  <c r="J482" i="5" s="1"/>
  <c r="N482" i="5" s="1"/>
  <c r="J3887" i="2"/>
  <c r="J3861" i="5" s="1"/>
  <c r="N3861" i="5" s="1"/>
  <c r="J1685" i="2"/>
  <c r="J1659" i="5" s="1"/>
  <c r="N1659" i="5" s="1"/>
  <c r="J4193" i="2"/>
  <c r="J4167" i="5" s="1"/>
  <c r="N4167" i="5" s="1"/>
  <c r="J7563" i="2"/>
  <c r="J7537" i="5" s="1"/>
  <c r="N7537" i="5" s="1"/>
  <c r="J8222" i="2"/>
  <c r="J8196" i="5" s="1"/>
  <c r="N8196" i="5" s="1"/>
  <c r="J2874" i="2"/>
  <c r="J2848" i="5" s="1"/>
  <c r="N2848" i="5" s="1"/>
  <c r="J3358" i="2"/>
  <c r="J3332" i="5" s="1"/>
  <c r="N3332" i="5" s="1"/>
  <c r="J5544" i="2"/>
  <c r="J5518" i="5" s="1"/>
  <c r="N5518" i="5" s="1"/>
  <c r="J840" i="2"/>
  <c r="J814" i="5" s="1"/>
  <c r="N814" i="5" s="1"/>
  <c r="J3717" i="2"/>
  <c r="J3691" i="5" s="1"/>
  <c r="N3691" i="5" s="1"/>
  <c r="J3694" i="2"/>
  <c r="J3668" i="5" s="1"/>
  <c r="N3668" i="5" s="1"/>
  <c r="J4535" i="2"/>
  <c r="J4509" i="5" s="1"/>
  <c r="N4509" i="5" s="1"/>
  <c r="J2889" i="2"/>
  <c r="J2863" i="5" s="1"/>
  <c r="N2863" i="5" s="1"/>
  <c r="J5873" i="2"/>
  <c r="J5847" i="5" s="1"/>
  <c r="N5847" i="5" s="1"/>
  <c r="J6056" i="2"/>
  <c r="J6030" i="5" s="1"/>
  <c r="N6030" i="5" s="1"/>
  <c r="J7882" i="2"/>
  <c r="J7856" i="5" s="1"/>
  <c r="N7856" i="5" s="1"/>
  <c r="J1036" i="2"/>
  <c r="J1010" i="5" s="1"/>
  <c r="N1010" i="5" s="1"/>
  <c r="J8582" i="2"/>
  <c r="J8556" i="5" s="1"/>
  <c r="N8556" i="5" s="1"/>
  <c r="J7924" i="2"/>
  <c r="J7898" i="5" s="1"/>
  <c r="N7898" i="5" s="1"/>
  <c r="J4888" i="2"/>
  <c r="J4862" i="5" s="1"/>
  <c r="N4862" i="5" s="1"/>
  <c r="J2377" i="2"/>
  <c r="J2351" i="5" s="1"/>
  <c r="N2351" i="5" s="1"/>
  <c r="J158" i="2"/>
  <c r="J132" i="5" s="1"/>
  <c r="N132" i="5" s="1"/>
  <c r="J7252" i="2"/>
  <c r="J7226" i="5" s="1"/>
  <c r="N7226" i="5" s="1"/>
  <c r="J7578" i="2"/>
  <c r="J7552" i="5" s="1"/>
  <c r="N7552" i="5" s="1"/>
  <c r="J6221" i="2"/>
  <c r="J6195" i="5" s="1"/>
  <c r="N6195" i="5" s="1"/>
  <c r="J3347" i="2"/>
  <c r="J3321" i="5" s="1"/>
  <c r="N3321" i="5" s="1"/>
  <c r="J1022" i="2"/>
  <c r="J996" i="5" s="1"/>
  <c r="N996" i="5" s="1"/>
  <c r="J4903" i="2"/>
  <c r="J4877" i="5" s="1"/>
  <c r="N4877" i="5" s="1"/>
  <c r="J4552" i="2"/>
  <c r="J4526" i="5" s="1"/>
  <c r="N4526" i="5" s="1"/>
  <c r="J8072" i="2"/>
  <c r="J8046" i="5" s="1"/>
  <c r="N8046" i="5" s="1"/>
  <c r="J3877" i="2"/>
  <c r="J3851" i="5" s="1"/>
  <c r="N3851" i="5" s="1"/>
  <c r="J663" i="2"/>
  <c r="J637" i="5" s="1"/>
  <c r="N637" i="5" s="1"/>
  <c r="J6238" i="2"/>
  <c r="J6212" i="5" s="1"/>
  <c r="N6212" i="5" s="1"/>
  <c r="J6067" i="2"/>
  <c r="J6041" i="5" s="1"/>
  <c r="N6041" i="5" s="1"/>
  <c r="J1671" i="2"/>
  <c r="J1645" i="5" s="1"/>
  <c r="N1645" i="5" s="1"/>
  <c r="J2379" i="2"/>
  <c r="J2353" i="5" s="1"/>
  <c r="N2353" i="5" s="1"/>
  <c r="J5071" i="2"/>
  <c r="J5045" i="5" s="1"/>
  <c r="N5045" i="5" s="1"/>
  <c r="J2713" i="2"/>
  <c r="J2687" i="5" s="1"/>
  <c r="N2687" i="5" s="1"/>
  <c r="J698" i="2"/>
  <c r="J672" i="5" s="1"/>
  <c r="N672" i="5" s="1"/>
  <c r="J7912" i="2"/>
  <c r="J7886" i="5" s="1"/>
  <c r="N7886" i="5" s="1"/>
  <c r="J1875" i="2"/>
  <c r="J1849" i="5" s="1"/>
  <c r="N1849" i="5" s="1"/>
  <c r="J7042" i="2"/>
  <c r="J7016" i="5" s="1"/>
  <c r="N7016" i="5" s="1"/>
  <c r="J2885" i="2"/>
  <c r="J2859" i="5" s="1"/>
  <c r="N2859" i="5" s="1"/>
  <c r="J1351" i="2"/>
  <c r="J1325" i="5" s="1"/>
  <c r="N1325" i="5" s="1"/>
  <c r="J8425" i="2"/>
  <c r="J8399" i="5" s="1"/>
  <c r="N8399" i="5" s="1"/>
  <c r="J691" i="2"/>
  <c r="J665" i="5" s="1"/>
  <c r="N665" i="5" s="1"/>
  <c r="J3874" i="2"/>
  <c r="J3848" i="5" s="1"/>
  <c r="N3848" i="5" s="1"/>
  <c r="J2511" i="2"/>
  <c r="J2485" i="5" s="1"/>
  <c r="N2485" i="5" s="1"/>
  <c r="J5740" i="2"/>
  <c r="J5714" i="5" s="1"/>
  <c r="N5714" i="5" s="1"/>
  <c r="J6049" i="2"/>
  <c r="J6023" i="5" s="1"/>
  <c r="N6023" i="5" s="1"/>
  <c r="J8731" i="2"/>
  <c r="J8705" i="5" s="1"/>
  <c r="N8705" i="5" s="1"/>
  <c r="J3215" i="2"/>
  <c r="J3189" i="5" s="1"/>
  <c r="N3189" i="5" s="1"/>
  <c r="J8755" i="2"/>
  <c r="J8729" i="5" s="1"/>
  <c r="N8729" i="5" s="1"/>
  <c r="J4049" i="2"/>
  <c r="J4023" i="5" s="1"/>
  <c r="N4023" i="5" s="1"/>
  <c r="J1002" i="2"/>
  <c r="J976" i="5" s="1"/>
  <c r="N976" i="5" s="1"/>
  <c r="J1018" i="2"/>
  <c r="J992" i="5" s="1"/>
  <c r="N992" i="5" s="1"/>
  <c r="J3209" i="2"/>
  <c r="J3183" i="5" s="1"/>
  <c r="N3183" i="5" s="1"/>
  <c r="J7411" i="2"/>
  <c r="J7385" i="5" s="1"/>
  <c r="N7385" i="5" s="1"/>
  <c r="J999" i="2"/>
  <c r="J973" i="5" s="1"/>
  <c r="N973" i="5" s="1"/>
  <c r="J7749" i="2"/>
  <c r="J7723" i="5" s="1"/>
  <c r="N7723" i="5" s="1"/>
  <c r="J4905" i="2"/>
  <c r="J4879" i="5" s="1"/>
  <c r="N4879" i="5" s="1"/>
  <c r="J177" i="2"/>
  <c r="J151" i="5" s="1"/>
  <c r="N151" i="5" s="1"/>
  <c r="J7221" i="2"/>
  <c r="J7195" i="5" s="1"/>
  <c r="N7195" i="5" s="1"/>
  <c r="J1027" i="2"/>
  <c r="J1001" i="5" s="1"/>
  <c r="N1001" i="5" s="1"/>
  <c r="J1182" i="2"/>
  <c r="J1156" i="5" s="1"/>
  <c r="N1156" i="5" s="1"/>
  <c r="J6409" i="2"/>
  <c r="J6383" i="5" s="1"/>
  <c r="N6383" i="5" s="1"/>
  <c r="J5571" i="2"/>
  <c r="J5545" i="5" s="1"/>
  <c r="N5545" i="5" s="1"/>
  <c r="J521" i="2"/>
  <c r="J495" i="5" s="1"/>
  <c r="N495" i="5" s="1"/>
  <c r="J164" i="2"/>
  <c r="J138" i="5" s="1"/>
  <c r="N138" i="5" s="1"/>
  <c r="J1673" i="2"/>
  <c r="J1647" i="5" s="1"/>
  <c r="N1647" i="5" s="1"/>
  <c r="J2190" i="2"/>
  <c r="J2164" i="5" s="1"/>
  <c r="N2164" i="5" s="1"/>
  <c r="J5219" i="2"/>
  <c r="J5193" i="5" s="1"/>
  <c r="N5193" i="5" s="1"/>
  <c r="J3538" i="2"/>
  <c r="J3512" i="5" s="1"/>
  <c r="N3512" i="5" s="1"/>
  <c r="J8424" i="2"/>
  <c r="J8398" i="5" s="1"/>
  <c r="N8398" i="5" s="1"/>
  <c r="J1542" i="2"/>
  <c r="J1516" i="5" s="1"/>
  <c r="N1516" i="5" s="1"/>
  <c r="J5733" i="2"/>
  <c r="J5707" i="5" s="1"/>
  <c r="N5707" i="5" s="1"/>
  <c r="J5883" i="2"/>
  <c r="J5857" i="5" s="1"/>
  <c r="N5857" i="5" s="1"/>
  <c r="J5726" i="2"/>
  <c r="J5700" i="5" s="1"/>
  <c r="N5700" i="5" s="1"/>
  <c r="J5539" i="2"/>
  <c r="J5513" i="5" s="1"/>
  <c r="N5513" i="5" s="1"/>
  <c r="J4890" i="2"/>
  <c r="J4864" i="5" s="1"/>
  <c r="N4864" i="5" s="1"/>
  <c r="J858" i="2"/>
  <c r="J832" i="5" s="1"/>
  <c r="N832" i="5" s="1"/>
  <c r="J7385" i="2"/>
  <c r="J7359" i="5" s="1"/>
  <c r="N7359" i="5" s="1"/>
  <c r="J8221" i="2"/>
  <c r="J8195" i="5" s="1"/>
  <c r="N8195" i="5" s="1"/>
  <c r="J7574" i="2"/>
  <c r="J7548" i="5" s="1"/>
  <c r="N7548" i="5" s="1"/>
  <c r="J6745" i="2"/>
  <c r="J6719" i="5" s="1"/>
  <c r="N6719" i="5" s="1"/>
  <c r="J2862" i="2"/>
  <c r="J2836" i="5" s="1"/>
  <c r="N2836" i="5" s="1"/>
  <c r="J6237" i="2"/>
  <c r="J6211" i="5" s="1"/>
  <c r="N6211" i="5" s="1"/>
  <c r="J4022" i="2"/>
  <c r="J3996" i="5" s="1"/>
  <c r="N3996" i="5" s="1"/>
  <c r="J8396" i="2"/>
  <c r="J8370" i="5" s="1"/>
  <c r="N8370" i="5" s="1"/>
  <c r="J4539" i="2"/>
  <c r="J4513" i="5" s="1"/>
  <c r="N4513" i="5" s="1"/>
  <c r="J2842" i="2"/>
  <c r="J2816" i="5" s="1"/>
  <c r="N2816" i="5" s="1"/>
  <c r="J7715" i="2"/>
  <c r="J7689" i="5" s="1"/>
  <c r="N7689" i="5" s="1"/>
  <c r="J7390" i="2"/>
  <c r="J7364" i="5" s="1"/>
  <c r="N7364" i="5" s="1"/>
  <c r="J872" i="2"/>
  <c r="J846" i="5" s="1"/>
  <c r="N846" i="5" s="1"/>
  <c r="J5218" i="2"/>
  <c r="J5192" i="5" s="1"/>
  <c r="N5192" i="5" s="1"/>
  <c r="J2382" i="2"/>
  <c r="J2356" i="5" s="1"/>
  <c r="N2356" i="5" s="1"/>
  <c r="J5372" i="2"/>
  <c r="J5346" i="5" s="1"/>
  <c r="N5346" i="5" s="1"/>
  <c r="J4233" i="2"/>
  <c r="J4207" i="5" s="1"/>
  <c r="N4207" i="5" s="1"/>
  <c r="J6890" i="2"/>
  <c r="J6864" i="5" s="1"/>
  <c r="N6864" i="5" s="1"/>
  <c r="J163" i="2"/>
  <c r="J137" i="5" s="1"/>
  <c r="N137" i="5" s="1"/>
  <c r="J7078" i="2"/>
  <c r="J7052" i="5" s="1"/>
  <c r="N7052" i="5" s="1"/>
  <c r="J4870" i="2"/>
  <c r="J4844" i="5" s="1"/>
  <c r="N4844" i="5" s="1"/>
  <c r="J2530" i="2"/>
  <c r="J2504" i="5" s="1"/>
  <c r="N2504" i="5" s="1"/>
  <c r="J528" i="2"/>
  <c r="J502" i="5" s="1"/>
  <c r="N502" i="5" s="1"/>
  <c r="J8732" i="2"/>
  <c r="J8706" i="5" s="1"/>
  <c r="N8706" i="5" s="1"/>
  <c r="J7068" i="2"/>
  <c r="J7042" i="5" s="1"/>
  <c r="N7042" i="5" s="1"/>
  <c r="J4358" i="2"/>
  <c r="J4332" i="5" s="1"/>
  <c r="N4332" i="5" s="1"/>
  <c r="J5901" i="2"/>
  <c r="J5875" i="5" s="1"/>
  <c r="N5875" i="5" s="1"/>
  <c r="J5197" i="2"/>
  <c r="J5171" i="5" s="1"/>
  <c r="N5171" i="5" s="1"/>
  <c r="J676" i="2"/>
  <c r="J650" i="5" s="1"/>
  <c r="N650" i="5" s="1"/>
  <c r="J4899" i="2"/>
  <c r="J4873" i="5" s="1"/>
  <c r="N4873" i="5" s="1"/>
  <c r="J2848" i="2"/>
  <c r="J2822" i="5" s="1"/>
  <c r="N2822" i="5" s="1"/>
  <c r="J6381" i="2"/>
  <c r="J6355" i="5" s="1"/>
  <c r="N6355" i="5" s="1"/>
  <c r="J2544" i="2"/>
  <c r="J2518" i="5" s="1"/>
  <c r="N2518" i="5" s="1"/>
  <c r="J1343" i="2"/>
  <c r="J1317" i="5" s="1"/>
  <c r="N1317" i="5" s="1"/>
  <c r="J5560" i="2"/>
  <c r="J5534" i="5" s="1"/>
  <c r="N5534" i="5" s="1"/>
  <c r="J4210" i="2"/>
  <c r="J4184" i="5" s="1"/>
  <c r="N4184" i="5" s="1"/>
  <c r="J3531" i="2"/>
  <c r="J3505" i="5" s="1"/>
  <c r="N3505" i="5" s="1"/>
  <c r="J8722" i="2"/>
  <c r="J8696" i="5" s="1"/>
  <c r="N8696" i="5" s="1"/>
  <c r="J838" i="2"/>
  <c r="J812" i="5" s="1"/>
  <c r="N812" i="5" s="1"/>
  <c r="J2847" i="2"/>
  <c r="J2821" i="5" s="1"/>
  <c r="N2821" i="5" s="1"/>
  <c r="J2173" i="2"/>
  <c r="J2147" i="5" s="1"/>
  <c r="N2147" i="5" s="1"/>
  <c r="J5532" i="2"/>
  <c r="J5506" i="5" s="1"/>
  <c r="N5506" i="5" s="1"/>
  <c r="J7397" i="2"/>
  <c r="J7371" i="5" s="1"/>
  <c r="N7371" i="5" s="1"/>
  <c r="J5215" i="2"/>
  <c r="J5189" i="5" s="1"/>
  <c r="N5189" i="5" s="1"/>
  <c r="J3364" i="2"/>
  <c r="J3338" i="5" s="1"/>
  <c r="N3338" i="5" s="1"/>
  <c r="J1035" i="2"/>
  <c r="J1009" i="5" s="1"/>
  <c r="N1009" i="5" s="1"/>
  <c r="J7062" i="2"/>
  <c r="J7036" i="5" s="1"/>
  <c r="N7036" i="5" s="1"/>
  <c r="J7721" i="2"/>
  <c r="J7695" i="5" s="1"/>
  <c r="N7695" i="5" s="1"/>
  <c r="J4549" i="2"/>
  <c r="J4523" i="5" s="1"/>
  <c r="N4523" i="5" s="1"/>
  <c r="J2180" i="2"/>
  <c r="J2154" i="5" s="1"/>
  <c r="N2154" i="5" s="1"/>
  <c r="J2350" i="2"/>
  <c r="J2324" i="5" s="1"/>
  <c r="N2324" i="5" s="1"/>
  <c r="J173" i="2"/>
  <c r="J147" i="5" s="1"/>
  <c r="N147" i="5" s="1"/>
  <c r="J7755" i="2"/>
  <c r="J7729" i="5" s="1"/>
  <c r="N7729" i="5" s="1"/>
  <c r="J1878" i="2"/>
  <c r="J1852" i="5" s="1"/>
  <c r="N1852" i="5" s="1"/>
  <c r="J3057" i="2"/>
  <c r="J3031" i="5" s="1"/>
  <c r="N3031" i="5" s="1"/>
  <c r="J4388" i="2"/>
  <c r="J4362" i="5" s="1"/>
  <c r="N4362" i="5" s="1"/>
  <c r="J5567" i="2"/>
  <c r="J5541" i="5" s="1"/>
  <c r="N5541" i="5" s="1"/>
  <c r="J670" i="2"/>
  <c r="J644" i="5" s="1"/>
  <c r="N644" i="5" s="1"/>
  <c r="J3210" i="2"/>
  <c r="J3184" i="5" s="1"/>
  <c r="N3184" i="5" s="1"/>
  <c r="J537" i="2"/>
  <c r="J511" i="5" s="1"/>
  <c r="N511" i="5" s="1"/>
  <c r="J1200" i="2"/>
  <c r="J1174" i="5" s="1"/>
  <c r="N1174" i="5" s="1"/>
  <c r="J7378" i="2"/>
  <c r="J7352" i="5" s="1"/>
  <c r="N7352" i="5" s="1"/>
  <c r="J7898" i="2"/>
  <c r="J7872" i="5" s="1"/>
  <c r="N7872" i="5" s="1"/>
  <c r="J4356" i="2"/>
  <c r="J4330" i="5" s="1"/>
  <c r="N4330" i="5" s="1"/>
  <c r="J5745" i="2"/>
  <c r="J5719" i="5" s="1"/>
  <c r="N5719" i="5" s="1"/>
  <c r="J8050" i="2"/>
  <c r="J8024" i="5" s="1"/>
  <c r="N8024" i="5" s="1"/>
  <c r="J7063" i="2"/>
  <c r="J7037" i="5" s="1"/>
  <c r="N7037" i="5" s="1"/>
  <c r="J6910" i="2"/>
  <c r="J6884" i="5" s="1"/>
  <c r="N6884" i="5" s="1"/>
  <c r="J4188" i="2"/>
  <c r="J4162" i="5" s="1"/>
  <c r="N4162" i="5" s="1"/>
  <c r="J1180" i="2"/>
  <c r="J1154" i="5" s="1"/>
  <c r="N1154" i="5" s="1"/>
  <c r="J3550" i="2"/>
  <c r="J3524" i="5" s="1"/>
  <c r="N3524" i="5" s="1"/>
  <c r="J7565" i="2"/>
  <c r="J7539" i="5" s="1"/>
  <c r="N7539" i="5" s="1"/>
  <c r="J3687" i="2"/>
  <c r="J3661" i="5" s="1"/>
  <c r="N3661" i="5" s="1"/>
  <c r="J1845" i="2"/>
  <c r="J1819" i="5" s="1"/>
  <c r="N1819" i="5" s="1"/>
  <c r="J5725" i="2"/>
  <c r="J5699" i="5" s="1"/>
  <c r="N5699" i="5" s="1"/>
  <c r="J7421" i="2"/>
  <c r="J7395" i="5" s="1"/>
  <c r="N7395" i="5" s="1"/>
  <c r="J5890" i="2"/>
  <c r="J5864" i="5" s="1"/>
  <c r="N5864" i="5" s="1"/>
  <c r="J3053" i="2"/>
  <c r="J3027" i="5" s="1"/>
  <c r="N3027" i="5" s="1"/>
  <c r="J1206" i="2"/>
  <c r="J1180" i="5" s="1"/>
  <c r="N1180" i="5" s="1"/>
  <c r="J510" i="2"/>
  <c r="J484" i="5" s="1"/>
  <c r="N484" i="5" s="1"/>
  <c r="J6896" i="2"/>
  <c r="J6870" i="5" s="1"/>
  <c r="N6870" i="5" s="1"/>
  <c r="J4724" i="2"/>
  <c r="J4698" i="5" s="1"/>
  <c r="N4698" i="5" s="1"/>
  <c r="J3191" i="2"/>
  <c r="J3165" i="5" s="1"/>
  <c r="N3165" i="5" s="1"/>
  <c r="J1362" i="2"/>
  <c r="J1336" i="5" s="1"/>
  <c r="N1336" i="5" s="1"/>
  <c r="J331" i="2"/>
  <c r="J305" i="5" s="1"/>
  <c r="N305" i="5" s="1"/>
  <c r="J4713" i="2"/>
  <c r="J4687" i="5" s="1"/>
  <c r="N4687" i="5" s="1"/>
  <c r="J7588" i="2"/>
  <c r="J7562" i="5" s="1"/>
  <c r="N7562" i="5" s="1"/>
  <c r="J1676" i="2"/>
  <c r="J1650" i="5" s="1"/>
  <c r="N1650" i="5" s="1"/>
  <c r="J6411" i="2"/>
  <c r="J6385" i="5" s="1"/>
  <c r="N6385" i="5" s="1"/>
  <c r="J8558" i="2"/>
  <c r="J8532" i="5" s="1"/>
  <c r="N8532" i="5" s="1"/>
  <c r="J3866" i="2"/>
  <c r="J3840" i="5" s="1"/>
  <c r="N3840" i="5" s="1"/>
  <c r="J2030" i="2"/>
  <c r="J2004" i="5" s="1"/>
  <c r="N2004" i="5" s="1"/>
  <c r="J4366" i="2"/>
  <c r="J4340" i="5" s="1"/>
  <c r="N4340" i="5" s="1"/>
  <c r="J6384" i="2"/>
  <c r="J6358" i="5" s="1"/>
  <c r="N6358" i="5" s="1"/>
  <c r="J4569" i="2"/>
  <c r="J4543" i="5" s="1"/>
  <c r="N4543" i="5" s="1"/>
  <c r="J8571" i="2"/>
  <c r="J8545" i="5" s="1"/>
  <c r="N8545" i="5" s="1"/>
  <c r="J6739" i="2"/>
  <c r="J6713" i="5" s="1"/>
  <c r="N6713" i="5" s="1"/>
  <c r="J5533" i="2"/>
  <c r="J5507" i="5" s="1"/>
  <c r="N5507" i="5" s="1"/>
  <c r="J2687" i="2"/>
  <c r="J2661" i="5" s="1"/>
  <c r="N2661" i="5" s="1"/>
  <c r="J5739" i="2"/>
  <c r="J5713" i="5" s="1"/>
  <c r="N5713" i="5" s="1"/>
  <c r="J1835" i="2"/>
  <c r="J1809" i="5" s="1"/>
  <c r="N1809" i="5" s="1"/>
  <c r="J4019" i="2"/>
  <c r="J3993" i="5" s="1"/>
  <c r="N3993" i="5" s="1"/>
  <c r="J8595" i="2"/>
  <c r="J8569" i="5" s="1"/>
  <c r="N8569" i="5" s="1"/>
  <c r="J6234" i="2"/>
  <c r="J6208" i="5" s="1"/>
  <c r="N6208" i="5" s="1"/>
  <c r="J3206" i="2"/>
  <c r="J3180" i="5" s="1"/>
  <c r="N3180" i="5" s="1"/>
  <c r="J1540" i="2"/>
  <c r="J1514" i="5" s="1"/>
  <c r="N1514" i="5" s="1"/>
  <c r="J8234" i="2"/>
  <c r="J8208" i="5" s="1"/>
  <c r="N8208" i="5" s="1"/>
  <c r="J2045" i="2"/>
  <c r="J2019" i="5" s="1"/>
  <c r="N2019" i="5" s="1"/>
  <c r="J6892" i="2"/>
  <c r="J6866" i="5" s="1"/>
  <c r="N6866" i="5" s="1"/>
  <c r="J3379" i="2"/>
  <c r="J3353" i="5" s="1"/>
  <c r="N3353" i="5" s="1"/>
  <c r="J2863" i="2"/>
  <c r="J2837" i="5" s="1"/>
  <c r="N2837" i="5" s="1"/>
  <c r="J3882" i="2"/>
  <c r="J3856" i="5" s="1"/>
  <c r="N3856" i="5" s="1"/>
  <c r="J7059" i="2"/>
  <c r="J7033" i="5" s="1"/>
  <c r="N7033" i="5" s="1"/>
  <c r="J2343" i="2"/>
  <c r="J2317" i="5" s="1"/>
  <c r="N2317" i="5" s="1"/>
  <c r="J4690" i="2"/>
  <c r="J4664" i="5" s="1"/>
  <c r="N4664" i="5" s="1"/>
  <c r="J2525" i="2"/>
  <c r="J2499" i="5" s="1"/>
  <c r="N2499" i="5" s="1"/>
  <c r="J7236" i="2"/>
  <c r="J7210" i="5" s="1"/>
  <c r="N7210" i="5" s="1"/>
  <c r="J2183" i="2"/>
  <c r="J2157" i="5" s="1"/>
  <c r="N2157" i="5" s="1"/>
  <c r="J4717" i="2"/>
  <c r="J4691" i="5" s="1"/>
  <c r="N4691" i="5" s="1"/>
  <c r="J3353" i="2"/>
  <c r="J3327" i="5" s="1"/>
  <c r="N3327" i="5" s="1"/>
  <c r="J4876" i="2"/>
  <c r="J4850" i="5" s="1"/>
  <c r="N4850" i="5" s="1"/>
  <c r="J5210" i="2"/>
  <c r="J5184" i="5" s="1"/>
  <c r="N5184" i="5" s="1"/>
  <c r="J8431" i="2"/>
  <c r="J8405" i="5" s="1"/>
  <c r="N8405" i="5" s="1"/>
  <c r="J1169" i="2"/>
  <c r="J1143" i="5" s="1"/>
  <c r="N1143" i="5" s="1"/>
  <c r="J4561" i="2"/>
  <c r="J4535" i="5" s="1"/>
  <c r="N4535" i="5" s="1"/>
  <c r="J3725" i="2"/>
  <c r="J3699" i="5" s="1"/>
  <c r="N3699" i="5" s="1"/>
  <c r="J3212" i="2"/>
  <c r="J3186" i="5" s="1"/>
  <c r="N3186" i="5" s="1"/>
  <c r="J2871" i="2"/>
  <c r="J2845" i="5" s="1"/>
  <c r="N2845" i="5" s="1"/>
  <c r="J5541" i="2"/>
  <c r="J5515" i="5" s="1"/>
  <c r="N5515" i="5" s="1"/>
  <c r="J5880" i="2"/>
  <c r="J5854" i="5" s="1"/>
  <c r="N5854" i="5" s="1"/>
  <c r="J8572" i="2"/>
  <c r="J8546" i="5" s="1"/>
  <c r="N8546" i="5" s="1"/>
  <c r="J8417" i="2"/>
  <c r="J8391" i="5" s="1"/>
  <c r="N8391" i="5" s="1"/>
  <c r="J3214" i="2"/>
  <c r="J3188" i="5" s="1"/>
  <c r="N3188" i="5" s="1"/>
  <c r="J1340" i="2"/>
  <c r="J1314" i="5" s="1"/>
  <c r="N1314" i="5" s="1"/>
  <c r="J4381" i="2"/>
  <c r="J4355" i="5" s="1"/>
  <c r="N4355" i="5" s="1"/>
  <c r="J1350" i="2"/>
  <c r="J1324" i="5" s="1"/>
  <c r="N1324" i="5" s="1"/>
  <c r="J3521" i="2"/>
  <c r="J3495" i="5" s="1"/>
  <c r="N3495" i="5" s="1"/>
  <c r="J2020" i="2"/>
  <c r="J1994" i="5" s="1"/>
  <c r="N1994" i="5" s="1"/>
  <c r="J1881" i="2"/>
  <c r="J1855" i="5" s="1"/>
  <c r="N1855" i="5" s="1"/>
  <c r="J2861" i="2"/>
  <c r="J2835" i="5" s="1"/>
  <c r="N2835" i="5" s="1"/>
  <c r="J6559" i="2"/>
  <c r="J6533" i="5" s="1"/>
  <c r="N6533" i="5" s="1"/>
  <c r="J536" i="2"/>
  <c r="J510" i="5" s="1"/>
  <c r="N510" i="5" s="1"/>
  <c r="J2527" i="2"/>
  <c r="J2501" i="5" s="1"/>
  <c r="N2501" i="5" s="1"/>
  <c r="J5236" i="2"/>
  <c r="J5210" i="5" s="1"/>
  <c r="N5210" i="5" s="1"/>
  <c r="J6394" i="2"/>
  <c r="J6368" i="5" s="1"/>
  <c r="N6368" i="5" s="1"/>
  <c r="J4401" i="2"/>
  <c r="J4375" i="5" s="1"/>
  <c r="N4375" i="5" s="1"/>
  <c r="J2517" i="2"/>
  <c r="J2491" i="5" s="1"/>
  <c r="N2491" i="5" s="1"/>
  <c r="J169" i="2"/>
  <c r="J143" i="5" s="1"/>
  <c r="N143" i="5" s="1"/>
  <c r="J8745" i="2"/>
  <c r="J8719" i="5" s="1"/>
  <c r="N8719" i="5" s="1"/>
  <c r="J5060" i="2"/>
  <c r="J5034" i="5" s="1"/>
  <c r="N5034" i="5" s="1"/>
  <c r="J7911" i="2"/>
  <c r="J7885" i="5" s="1"/>
  <c r="N7885" i="5" s="1"/>
  <c r="J8761" i="2"/>
  <c r="J8735" i="5" s="1"/>
  <c r="N8735" i="5" s="1"/>
  <c r="J6205" i="2"/>
  <c r="J6179" i="5" s="1"/>
  <c r="N6179" i="5" s="1"/>
  <c r="J2884" i="2"/>
  <c r="J2858" i="5" s="1"/>
  <c r="N2858" i="5" s="1"/>
  <c r="J8744" i="2"/>
  <c r="J8718" i="5" s="1"/>
  <c r="N8718" i="5" s="1"/>
  <c r="J5707" i="2"/>
  <c r="J5681" i="5" s="1"/>
  <c r="N5681" i="5" s="1"/>
  <c r="J5241" i="2"/>
  <c r="J5215" i="5" s="1"/>
  <c r="N5215" i="5" s="1"/>
  <c r="J2338" i="2"/>
  <c r="J2312" i="5" s="1"/>
  <c r="N2312" i="5" s="1"/>
  <c r="J2022" i="2"/>
  <c r="J1996" i="5" s="1"/>
  <c r="N1996" i="5" s="1"/>
  <c r="J5195" i="2"/>
  <c r="J5169" i="5" s="1"/>
  <c r="N5169" i="5" s="1"/>
  <c r="J6920" i="2"/>
  <c r="J6894" i="5" s="1"/>
  <c r="N6894" i="5" s="1"/>
  <c r="J8735" i="2"/>
  <c r="J8709" i="5" s="1"/>
  <c r="N8709" i="5" s="1"/>
  <c r="J1504" i="2"/>
  <c r="J1478" i="5" s="1"/>
  <c r="N1478" i="5" s="1"/>
  <c r="J5029" i="2"/>
  <c r="J5003" i="5" s="1"/>
  <c r="N5003" i="5" s="1"/>
  <c r="J8093" i="2"/>
  <c r="J8067" i="5" s="1"/>
  <c r="N8067" i="5" s="1"/>
  <c r="J1014" i="2"/>
  <c r="J988" i="5" s="1"/>
  <c r="N988" i="5" s="1"/>
  <c r="J7401" i="2"/>
  <c r="J7375" i="5" s="1"/>
  <c r="N7375" i="5" s="1"/>
  <c r="J4869" i="2"/>
  <c r="J4843" i="5" s="1"/>
  <c r="N4843" i="5" s="1"/>
  <c r="J2675" i="2"/>
  <c r="J2649" i="5" s="1"/>
  <c r="N2649" i="5" s="1"/>
  <c r="J1349" i="2"/>
  <c r="J1323" i="5" s="1"/>
  <c r="N1323" i="5" s="1"/>
  <c r="J3707" i="2"/>
  <c r="J3681" i="5" s="1"/>
  <c r="N3681" i="5" s="1"/>
  <c r="J7386" i="2"/>
  <c r="J7360" i="5" s="1"/>
  <c r="N7360" i="5" s="1"/>
  <c r="J4199" i="2"/>
  <c r="J4173" i="5" s="1"/>
  <c r="N4173" i="5" s="1"/>
  <c r="J196" i="2"/>
  <c r="J170" i="5" s="1"/>
  <c r="N170" i="5" s="1"/>
  <c r="J2694" i="2"/>
  <c r="J2668" i="5" s="1"/>
  <c r="N2668" i="5" s="1"/>
  <c r="J1521" i="2"/>
  <c r="J1495" i="5" s="1"/>
  <c r="N1495" i="5" s="1"/>
  <c r="J7552" i="2"/>
  <c r="J7526" i="5" s="1"/>
  <c r="N7526" i="5" s="1"/>
  <c r="J6919" i="2"/>
  <c r="J6893" i="5" s="1"/>
  <c r="N6893" i="5" s="1"/>
  <c r="J5543" i="2"/>
  <c r="J5517" i="5" s="1"/>
  <c r="N5517" i="5" s="1"/>
  <c r="J4871" i="2"/>
  <c r="J4845" i="5" s="1"/>
  <c r="N4845" i="5" s="1"/>
  <c r="J704" i="2"/>
  <c r="J678" i="5" s="1"/>
  <c r="N678" i="5" s="1"/>
  <c r="J1522" i="2"/>
  <c r="J1496" i="5" s="1"/>
  <c r="N1496" i="5" s="1"/>
  <c r="J995" i="2"/>
  <c r="J969" i="5" s="1"/>
  <c r="N969" i="5" s="1"/>
  <c r="J8229" i="2"/>
  <c r="J8203" i="5" s="1"/>
  <c r="N8203" i="5" s="1"/>
  <c r="J1692" i="2"/>
  <c r="J1666" i="5" s="1"/>
  <c r="N1666" i="5" s="1"/>
  <c r="J6063" i="2"/>
  <c r="J6037" i="5" s="1"/>
  <c r="N6037" i="5" s="1"/>
  <c r="J7234" i="2"/>
  <c r="J7208" i="5" s="1"/>
  <c r="N7208" i="5" s="1"/>
  <c r="J1374" i="2"/>
  <c r="J1348" i="5" s="1"/>
  <c r="N1348" i="5" s="1"/>
  <c r="J3524" i="2"/>
  <c r="J3498" i="5" s="1"/>
  <c r="N3498" i="5" s="1"/>
  <c r="J6874" i="2"/>
  <c r="J6848" i="5" s="1"/>
  <c r="N6848" i="5" s="1"/>
  <c r="J3360" i="2"/>
  <c r="J3334" i="5" s="1"/>
  <c r="N3334" i="5" s="1"/>
  <c r="J6057" i="2"/>
  <c r="J6031" i="5" s="1"/>
  <c r="N6031" i="5" s="1"/>
  <c r="J3529" i="2"/>
  <c r="J3503" i="5" s="1"/>
  <c r="N3503" i="5" s="1"/>
  <c r="J1333" i="2"/>
  <c r="J1307" i="5" s="1"/>
  <c r="N1307" i="5" s="1"/>
  <c r="J7047" i="2"/>
  <c r="J7021" i="5" s="1"/>
  <c r="N7021" i="5" s="1"/>
  <c r="J7064" i="2"/>
  <c r="J7038" i="5" s="1"/>
  <c r="N7038" i="5" s="1"/>
  <c r="J5196" i="2"/>
  <c r="J5170" i="5" s="1"/>
  <c r="N5170" i="5" s="1"/>
  <c r="J6582" i="2"/>
  <c r="J6556" i="5" s="1"/>
  <c r="N6556" i="5" s="1"/>
  <c r="J3537" i="2"/>
  <c r="J3511" i="5" s="1"/>
  <c r="N3511" i="5" s="1"/>
  <c r="J6034" i="2"/>
  <c r="J6008" i="5" s="1"/>
  <c r="N6008" i="5" s="1"/>
  <c r="J3860" i="2"/>
  <c r="J3834" i="5" s="1"/>
  <c r="N3834" i="5" s="1"/>
  <c r="J5050" i="2"/>
  <c r="J5024" i="5" s="1"/>
  <c r="N5024" i="5" s="1"/>
  <c r="J8421" i="2"/>
  <c r="J8395" i="5" s="1"/>
  <c r="N8395" i="5" s="1"/>
  <c r="J5407" i="2"/>
  <c r="J5381" i="5" s="1"/>
  <c r="N5381" i="5" s="1"/>
  <c r="J492" i="2"/>
  <c r="J466" i="5" s="1"/>
  <c r="N466" i="5" s="1"/>
  <c r="J3211" i="2"/>
  <c r="J3185" i="5" s="1"/>
  <c r="N3185" i="5" s="1"/>
  <c r="J8734" i="2"/>
  <c r="J8708" i="5" s="1"/>
  <c r="N8708" i="5" s="1"/>
  <c r="J6540" i="2"/>
  <c r="J6514" i="5" s="1"/>
  <c r="N6514" i="5" s="1"/>
  <c r="J2528" i="2"/>
  <c r="J2502" i="5" s="1"/>
  <c r="N2502" i="5" s="1"/>
  <c r="J3714" i="2"/>
  <c r="J3688" i="5" s="1"/>
  <c r="N3688" i="5" s="1"/>
  <c r="J184" i="2"/>
  <c r="J158" i="5" s="1"/>
  <c r="N158" i="5" s="1"/>
  <c r="J4369" i="2"/>
  <c r="J4343" i="5" s="1"/>
  <c r="N4343" i="5" s="1"/>
  <c r="J7566" i="2"/>
  <c r="J7540" i="5" s="1"/>
  <c r="N7540" i="5" s="1"/>
  <c r="J4722" i="2"/>
  <c r="J4696" i="5" s="1"/>
  <c r="N4696" i="5" s="1"/>
  <c r="J8580" i="2"/>
  <c r="J8554" i="5" s="1"/>
  <c r="N8554" i="5" s="1"/>
  <c r="J1336" i="2"/>
  <c r="J1310" i="5" s="1"/>
  <c r="N1310" i="5" s="1"/>
  <c r="J4386" i="2"/>
  <c r="J4360" i="5" s="1"/>
  <c r="N4360" i="5" s="1"/>
  <c r="J7733" i="2"/>
  <c r="J7707" i="5" s="1"/>
  <c r="N7707" i="5" s="1"/>
  <c r="J3865" i="2"/>
  <c r="J3839" i="5" s="1"/>
  <c r="N3839" i="5" s="1"/>
  <c r="J1870" i="2"/>
  <c r="J1844" i="5" s="1"/>
  <c r="N1844" i="5" s="1"/>
  <c r="J3533" i="2"/>
  <c r="J3507" i="5" s="1"/>
  <c r="N3507" i="5" s="1"/>
  <c r="J8423" i="2"/>
  <c r="J8397" i="5" s="1"/>
  <c r="N8397" i="5" s="1"/>
  <c r="J5913" i="2"/>
  <c r="J5887" i="5" s="1"/>
  <c r="N5887" i="5" s="1"/>
  <c r="J3038" i="2"/>
  <c r="J3012" i="5" s="1"/>
  <c r="N3012" i="5" s="1"/>
  <c r="J7572" i="2"/>
  <c r="J7546" i="5" s="1"/>
  <c r="N7546" i="5" s="1"/>
  <c r="J5545" i="2"/>
  <c r="J5519" i="5" s="1"/>
  <c r="N5519" i="5" s="1"/>
  <c r="J1209" i="2"/>
  <c r="J1183" i="5" s="1"/>
  <c r="N1183" i="5" s="1"/>
  <c r="J6400" i="2"/>
  <c r="J6374" i="5" s="1"/>
  <c r="N6374" i="5" s="1"/>
  <c r="J2006" i="2"/>
  <c r="J1980" i="5" s="1"/>
  <c r="N1980" i="5" s="1"/>
  <c r="J8574" i="2"/>
  <c r="J8548" i="5" s="1"/>
  <c r="N8548" i="5" s="1"/>
  <c r="J1690" i="2"/>
  <c r="J1664" i="5" s="1"/>
  <c r="N1664" i="5" s="1"/>
  <c r="J7888" i="2"/>
  <c r="J7862" i="5" s="1"/>
  <c r="N7862" i="5" s="1"/>
  <c r="J4874" i="2"/>
  <c r="J4848" i="5" s="1"/>
  <c r="N4848" i="5" s="1"/>
  <c r="J834" i="2"/>
  <c r="J808" i="5" s="1"/>
  <c r="N808" i="5" s="1"/>
  <c r="J5711" i="2"/>
  <c r="J5685" i="5" s="1"/>
  <c r="N5685" i="5" s="1"/>
  <c r="J4033" i="2"/>
  <c r="J4007" i="5" s="1"/>
  <c r="N4007" i="5" s="1"/>
  <c r="J2342" i="2"/>
  <c r="J2316" i="5" s="1"/>
  <c r="N2316" i="5" s="1"/>
  <c r="J2851" i="2"/>
  <c r="J2825" i="5" s="1"/>
  <c r="N2825" i="5" s="1"/>
  <c r="J6227" i="2"/>
  <c r="J6201" i="5" s="1"/>
  <c r="N6201" i="5" s="1"/>
  <c r="J1695" i="2"/>
  <c r="J1669" i="5" s="1"/>
  <c r="N1669" i="5" s="1"/>
  <c r="J350" i="2"/>
  <c r="J324" i="5" s="1"/>
  <c r="N324" i="5" s="1"/>
  <c r="J6542" i="2"/>
  <c r="J6516" i="5" s="1"/>
  <c r="N6516" i="5" s="1"/>
  <c r="J358" i="2"/>
  <c r="J332" i="5" s="1"/>
  <c r="N332" i="5" s="1"/>
  <c r="J6077" i="2"/>
  <c r="J6051" i="5" s="1"/>
  <c r="N6051" i="5" s="1"/>
  <c r="J3351" i="2"/>
  <c r="J3325" i="5" s="1"/>
  <c r="N3325" i="5" s="1"/>
  <c r="J8233" i="2"/>
  <c r="J8207" i="5" s="1"/>
  <c r="N8207" i="5" s="1"/>
  <c r="J8569" i="2"/>
  <c r="J8543" i="5" s="1"/>
  <c r="N8543" i="5" s="1"/>
  <c r="J7255" i="2"/>
  <c r="J7229" i="5" s="1"/>
  <c r="N7229" i="5" s="1"/>
  <c r="J856" i="2"/>
  <c r="J830" i="5" s="1"/>
  <c r="N830" i="5" s="1"/>
  <c r="J181" i="2"/>
  <c r="J155" i="5" s="1"/>
  <c r="N155" i="5" s="1"/>
  <c r="J2213" i="2"/>
  <c r="J2187" i="5" s="1"/>
  <c r="N2187" i="5" s="1"/>
  <c r="J4362" i="2"/>
  <c r="J4336" i="5" s="1"/>
  <c r="N4336" i="5" s="1"/>
  <c r="J8088" i="2"/>
  <c r="J8062" i="5" s="1"/>
  <c r="N8062" i="5" s="1"/>
  <c r="J1177" i="2"/>
  <c r="J1151" i="5" s="1"/>
  <c r="N1151" i="5" s="1"/>
  <c r="J1017" i="2"/>
  <c r="J991" i="5" s="1"/>
  <c r="N991" i="5" s="1"/>
  <c r="J852" i="2"/>
  <c r="J826" i="5" s="1"/>
  <c r="N826" i="5" s="1"/>
  <c r="J4894" i="2"/>
  <c r="J4868" i="5" s="1"/>
  <c r="N4868" i="5" s="1"/>
  <c r="J6585" i="2"/>
  <c r="J6559" i="5" s="1"/>
  <c r="N6559" i="5" s="1"/>
  <c r="J4065" i="2"/>
  <c r="J4039" i="5" s="1"/>
  <c r="N4039" i="5" s="1"/>
  <c r="J2201" i="2"/>
  <c r="J2175" i="5" s="1"/>
  <c r="N2175" i="5" s="1"/>
  <c r="J491" i="2"/>
  <c r="J465" i="5" s="1"/>
  <c r="N465" i="5" s="1"/>
  <c r="J5370" i="2"/>
  <c r="J5344" i="5" s="1"/>
  <c r="N5344" i="5" s="1"/>
  <c r="J4047" i="2"/>
  <c r="J4021" i="5" s="1"/>
  <c r="N4021" i="5" s="1"/>
  <c r="J2009" i="2"/>
  <c r="J1983" i="5" s="1"/>
  <c r="N1983" i="5" s="1"/>
  <c r="J3045" i="2"/>
  <c r="J3019" i="5" s="1"/>
  <c r="N3019" i="5" s="1"/>
  <c r="J8736" i="2"/>
  <c r="J8710" i="5" s="1"/>
  <c r="N8710" i="5" s="1"/>
  <c r="J7417" i="2"/>
  <c r="J7391" i="5" s="1"/>
  <c r="N7391" i="5" s="1"/>
  <c r="J5216" i="2"/>
  <c r="J5190" i="5" s="1"/>
  <c r="N5190" i="5" s="1"/>
  <c r="J873" i="2"/>
  <c r="J847" i="5" s="1"/>
  <c r="N847" i="5" s="1"/>
  <c r="J4027" i="2"/>
  <c r="J4001" i="5" s="1"/>
  <c r="N4001" i="5" s="1"/>
  <c r="J2018" i="2"/>
  <c r="J1992" i="5" s="1"/>
  <c r="N1992" i="5" s="1"/>
  <c r="J6382" i="2"/>
  <c r="J6356" i="5" s="1"/>
  <c r="N6356" i="5" s="1"/>
  <c r="J6574" i="2"/>
  <c r="J6548" i="5" s="1"/>
  <c r="N6548" i="5" s="1"/>
  <c r="J5698" i="2"/>
  <c r="J5672" i="5" s="1"/>
  <c r="N5672" i="5" s="1"/>
  <c r="J5223" i="2"/>
  <c r="J5197" i="5" s="1"/>
  <c r="N5197" i="5" s="1"/>
  <c r="J2172" i="2"/>
  <c r="J2146" i="5" s="1"/>
  <c r="N2146" i="5" s="1"/>
  <c r="J326" i="2"/>
  <c r="J300" i="5" s="1"/>
  <c r="N300" i="5" s="1"/>
  <c r="J3374" i="2"/>
  <c r="J3348" i="5" s="1"/>
  <c r="N3348" i="5" s="1"/>
  <c r="J6577" i="2"/>
  <c r="J6551" i="5" s="1"/>
  <c r="N6551" i="5" s="1"/>
  <c r="J5042" i="2"/>
  <c r="J5016" i="5" s="1"/>
  <c r="N5016" i="5" s="1"/>
  <c r="J6550" i="2"/>
  <c r="J6524" i="5" s="1"/>
  <c r="N6524" i="5" s="1"/>
  <c r="J7071" i="2"/>
  <c r="J7045" i="5" s="1"/>
  <c r="N7045" i="5" s="1"/>
  <c r="J4705" i="2"/>
  <c r="J4679" i="5" s="1"/>
  <c r="N4679" i="5" s="1"/>
  <c r="J2171" i="2"/>
  <c r="J2145" i="5" s="1"/>
  <c r="N2145" i="5" s="1"/>
  <c r="J681" i="2"/>
  <c r="J655" i="5" s="1"/>
  <c r="N655" i="5" s="1"/>
  <c r="J3010" i="2"/>
  <c r="J2984" i="5" s="1"/>
  <c r="N2984" i="5" s="1"/>
  <c r="J8237" i="2"/>
  <c r="J8211" i="5" s="1"/>
  <c r="N8211" i="5" s="1"/>
  <c r="J5881" i="2"/>
  <c r="J5855" i="5" s="1"/>
  <c r="N5855" i="5" s="1"/>
  <c r="J3689" i="2"/>
  <c r="J3663" i="5" s="1"/>
  <c r="N3663" i="5" s="1"/>
  <c r="J1185" i="2"/>
  <c r="J1159" i="5" s="1"/>
  <c r="N1159" i="5" s="1"/>
  <c r="J5240" i="2"/>
  <c r="J5214" i="5" s="1"/>
  <c r="N5214" i="5" s="1"/>
  <c r="J7418" i="2"/>
  <c r="J7392" i="5" s="1"/>
  <c r="N7392" i="5" s="1"/>
  <c r="J7383" i="2"/>
  <c r="J7357" i="5" s="1"/>
  <c r="N7357" i="5" s="1"/>
  <c r="J6576" i="2"/>
  <c r="J6550" i="5" s="1"/>
  <c r="N6550" i="5" s="1"/>
  <c r="J5220" i="2"/>
  <c r="J5194" i="5" s="1"/>
  <c r="N5194" i="5" s="1"/>
  <c r="J185" i="2"/>
  <c r="J159" i="5" s="1"/>
  <c r="N159" i="5" s="1"/>
  <c r="J3724" i="2"/>
  <c r="J3698" i="5" s="1"/>
  <c r="N3698" i="5" s="1"/>
  <c r="J3036" i="2"/>
  <c r="J3010" i="5" s="1"/>
  <c r="N3010" i="5" s="1"/>
  <c r="J4554" i="2"/>
  <c r="J4528" i="5" s="1"/>
  <c r="N4528" i="5" s="1"/>
  <c r="J8078" i="2"/>
  <c r="J8052" i="5" s="1"/>
  <c r="N8052" i="5" s="1"/>
  <c r="J361" i="2"/>
  <c r="J335" i="5" s="1"/>
  <c r="N335" i="5" s="1"/>
  <c r="J4891" i="2"/>
  <c r="J4865" i="5" s="1"/>
  <c r="N4865" i="5" s="1"/>
  <c r="J4886" i="2"/>
  <c r="J4860" i="5" s="1"/>
  <c r="N4860" i="5" s="1"/>
  <c r="J3711" i="2"/>
  <c r="J3685" i="5" s="1"/>
  <c r="N3685" i="5" s="1"/>
  <c r="J841" i="2"/>
  <c r="J815" i="5" s="1"/>
  <c r="N815" i="5" s="1"/>
  <c r="J6889" i="2"/>
  <c r="J6863" i="5" s="1"/>
  <c r="N6863" i="5" s="1"/>
  <c r="J159" i="2"/>
  <c r="J133" i="5" s="1"/>
  <c r="N133" i="5" s="1"/>
  <c r="J1498" i="2"/>
  <c r="J1472" i="5" s="1"/>
  <c r="N1472" i="5" s="1"/>
  <c r="J5041" i="2"/>
  <c r="J5015" i="5" s="1"/>
  <c r="N5015" i="5" s="1"/>
  <c r="J6219" i="2"/>
  <c r="J6193" i="5" s="1"/>
  <c r="N6193" i="5" s="1"/>
  <c r="J7423" i="2"/>
  <c r="J7397" i="5" s="1"/>
  <c r="N7397" i="5" s="1"/>
  <c r="J8086" i="2"/>
  <c r="J8060" i="5" s="1"/>
  <c r="N8060" i="5" s="1"/>
  <c r="J868" i="2"/>
  <c r="J842" i="5" s="1"/>
  <c r="N842" i="5" s="1"/>
  <c r="J500" i="2"/>
  <c r="J474" i="5" s="1"/>
  <c r="N474" i="5" s="1"/>
  <c r="J837" i="2"/>
  <c r="J811" i="5" s="1"/>
  <c r="N811" i="5" s="1"/>
  <c r="J6742" i="2"/>
  <c r="J6716" i="5" s="1"/>
  <c r="N6716" i="5" s="1"/>
  <c r="J6045" i="2"/>
  <c r="J6019" i="5" s="1"/>
  <c r="N6019" i="5" s="1"/>
  <c r="J3014" i="2"/>
  <c r="J2988" i="5" s="1"/>
  <c r="N2988" i="5" s="1"/>
  <c r="J7583" i="2"/>
  <c r="J7557" i="5" s="1"/>
  <c r="N7557" i="5" s="1"/>
  <c r="J5530" i="2"/>
  <c r="J5504" i="5" s="1"/>
  <c r="N5504" i="5" s="1"/>
  <c r="J8742" i="2"/>
  <c r="J8716" i="5" s="1"/>
  <c r="N8716" i="5" s="1"/>
  <c r="J7077" i="2"/>
  <c r="J7051" i="5" s="1"/>
  <c r="N7051" i="5" s="1"/>
  <c r="J7726" i="2"/>
  <c r="J7700" i="5" s="1"/>
  <c r="N7700" i="5" s="1"/>
  <c r="J8600" i="2"/>
  <c r="J8574" i="5" s="1"/>
  <c r="N8574" i="5" s="1"/>
  <c r="J7759" i="2"/>
  <c r="J7733" i="5" s="1"/>
  <c r="N7733" i="5" s="1"/>
  <c r="J3554" i="2"/>
  <c r="J3528" i="5" s="1"/>
  <c r="N3528" i="5" s="1"/>
  <c r="J2507" i="2"/>
  <c r="J2481" i="5" s="1"/>
  <c r="N2481" i="5" s="1"/>
  <c r="J1530" i="2"/>
  <c r="J1504" i="5" s="1"/>
  <c r="N1504" i="5" s="1"/>
  <c r="J4060" i="2"/>
  <c r="J4034" i="5" s="1"/>
  <c r="N4034" i="5" s="1"/>
  <c r="J6900" i="2"/>
  <c r="J6874" i="5" s="1"/>
  <c r="N6874" i="5" s="1"/>
  <c r="J6880" i="2"/>
  <c r="J6854" i="5" s="1"/>
  <c r="N6854" i="5" s="1"/>
  <c r="J4221" i="2"/>
  <c r="J4195" i="5" s="1"/>
  <c r="N4195" i="5" s="1"/>
  <c r="J5893" i="2"/>
  <c r="J5867" i="5" s="1"/>
  <c r="N5867" i="5" s="1"/>
  <c r="J515" i="2"/>
  <c r="J489" i="5" s="1"/>
  <c r="N489" i="5" s="1"/>
  <c r="J1535" i="2"/>
  <c r="J1509" i="5" s="1"/>
  <c r="N1509" i="5" s="1"/>
  <c r="J7901" i="2"/>
  <c r="J7875" i="5" s="1"/>
  <c r="N7875" i="5" s="1"/>
  <c r="J4021" i="2"/>
  <c r="J3995" i="5" s="1"/>
  <c r="N3995" i="5" s="1"/>
  <c r="J2716" i="2"/>
  <c r="J2690" i="5" s="1"/>
  <c r="N2690" i="5" s="1"/>
  <c r="J5403" i="2"/>
  <c r="J5377" i="5" s="1"/>
  <c r="N5377" i="5" s="1"/>
  <c r="J8418" i="2"/>
  <c r="J8392" i="5" s="1"/>
  <c r="N8392" i="5" s="1"/>
  <c r="J6544" i="2"/>
  <c r="J6518" i="5" s="1"/>
  <c r="N6518" i="5" s="1"/>
  <c r="J3684" i="2"/>
  <c r="J3658" i="5" s="1"/>
  <c r="N3658" i="5" s="1"/>
  <c r="J6885" i="2"/>
  <c r="J6859" i="5" s="1"/>
  <c r="N6859" i="5" s="1"/>
  <c r="J3056" i="2"/>
  <c r="J3030" i="5" s="1"/>
  <c r="N3030" i="5" s="1"/>
  <c r="J5907" i="2"/>
  <c r="J5881" i="5" s="1"/>
  <c r="N5881" i="5" s="1"/>
  <c r="J8760" i="2"/>
  <c r="J8734" i="5" s="1"/>
  <c r="N8734" i="5" s="1"/>
  <c r="J5896" i="2"/>
  <c r="J5870" i="5" s="1"/>
  <c r="N5870" i="5" s="1"/>
  <c r="J1338" i="2"/>
  <c r="J1312" i="5" s="1"/>
  <c r="N1312" i="5" s="1"/>
  <c r="J665" i="2"/>
  <c r="J639" i="5" s="1"/>
  <c r="N639" i="5" s="1"/>
  <c r="J5731" i="2"/>
  <c r="J5705" i="5" s="1"/>
  <c r="N5705" i="5" s="1"/>
  <c r="J2519" i="2"/>
  <c r="J2493" i="5" s="1"/>
  <c r="N2493" i="5" s="1"/>
  <c r="J6052" i="2"/>
  <c r="J6026" i="5" s="1"/>
  <c r="N6026" i="5" s="1"/>
  <c r="J5057" i="2"/>
  <c r="J5031" i="5" s="1"/>
  <c r="N5031" i="5" s="1"/>
  <c r="J2363" i="2"/>
  <c r="J2337" i="5" s="1"/>
  <c r="N2337" i="5" s="1"/>
  <c r="J3517" i="2"/>
  <c r="J3491" i="5" s="1"/>
  <c r="N3491" i="5" s="1"/>
  <c r="J7425" i="2"/>
  <c r="J7399" i="5" s="1"/>
  <c r="N7399" i="5" s="1"/>
  <c r="J5376" i="2"/>
  <c r="J5350" i="5" s="1"/>
  <c r="N5350" i="5" s="1"/>
  <c r="J4220" i="2"/>
  <c r="J4194" i="5" s="1"/>
  <c r="N4194" i="5" s="1"/>
  <c r="J2384" i="2"/>
  <c r="J2358" i="5" s="1"/>
  <c r="N2358" i="5" s="1"/>
  <c r="J659" i="2"/>
  <c r="J633" i="5" s="1"/>
  <c r="N633" i="5" s="1"/>
  <c r="J8568" i="2"/>
  <c r="J8542" i="5" s="1"/>
  <c r="N8542" i="5" s="1"/>
  <c r="J6233" i="2"/>
  <c r="J6207" i="5" s="1"/>
  <c r="N6207" i="5" s="1"/>
  <c r="J4546" i="2"/>
  <c r="J4520" i="5" s="1"/>
  <c r="N4520" i="5" s="1"/>
  <c r="J2689" i="2"/>
  <c r="J2663" i="5" s="1"/>
  <c r="N2663" i="5" s="1"/>
  <c r="S139" i="5"/>
  <c r="S3690" i="5"/>
  <c r="S8562" i="5"/>
  <c r="S7522" i="5"/>
  <c r="S6726" i="5"/>
  <c r="S1336" i="5"/>
  <c r="S497" i="5"/>
  <c r="S1665" i="5"/>
  <c r="S677" i="5"/>
  <c r="S5532" i="5"/>
  <c r="S2996" i="5"/>
  <c r="S6529" i="5"/>
  <c r="S7377" i="5"/>
  <c r="S2679" i="5"/>
  <c r="S8230" i="5"/>
  <c r="S7363" i="5"/>
  <c r="S4024" i="5"/>
  <c r="S7884" i="5"/>
  <c r="S5033" i="5"/>
  <c r="S5004" i="5"/>
  <c r="S8395" i="5"/>
  <c r="S2161" i="5"/>
  <c r="S7034" i="5"/>
  <c r="S7026" i="5"/>
  <c r="S7385" i="5"/>
  <c r="S478" i="5"/>
  <c r="S7037" i="5"/>
  <c r="S3330" i="5"/>
  <c r="S2666" i="5"/>
  <c r="S4534" i="5"/>
  <c r="C76" i="5"/>
  <c r="AR70" i="1"/>
  <c r="C77" i="5"/>
  <c r="AR71" i="1"/>
  <c r="D314" i="5"/>
  <c r="AR308" i="1"/>
  <c r="AR302" i="1"/>
  <c r="S3157" i="5"/>
  <c r="S8393" i="5"/>
  <c r="S7543" i="5"/>
  <c r="S6365" i="5"/>
  <c r="S8374" i="5"/>
  <c r="S6371" i="5"/>
  <c r="S6029" i="5"/>
  <c r="S7870" i="5"/>
  <c r="S4195" i="5"/>
  <c r="S2650" i="5"/>
  <c r="S6705" i="5"/>
  <c r="S7863" i="5"/>
  <c r="S7193" i="5"/>
  <c r="S2357" i="5"/>
  <c r="S818" i="5"/>
  <c r="S4525" i="5"/>
  <c r="S8226" i="5"/>
  <c r="S8567" i="5"/>
  <c r="S166" i="5"/>
  <c r="S8200" i="5"/>
  <c r="S7550" i="5"/>
  <c r="S8697" i="5"/>
  <c r="S4834" i="5"/>
  <c r="S6353" i="5"/>
  <c r="S5717" i="5"/>
  <c r="S972" i="5"/>
  <c r="S998" i="5"/>
  <c r="S6690" i="5"/>
  <c r="S470" i="5"/>
  <c r="S4356" i="5"/>
  <c r="S8213" i="5"/>
  <c r="I2171" i="2"/>
  <c r="I2145" i="5" s="1"/>
  <c r="I1339" i="2"/>
  <c r="I1313" i="5" s="1"/>
  <c r="I8056" i="2"/>
  <c r="I8030" i="5" s="1"/>
  <c r="S8030" i="5" s="1"/>
  <c r="I6053" i="2"/>
  <c r="I6027" i="5" s="1"/>
  <c r="S6027" i="5" s="1"/>
  <c r="C70" i="5"/>
  <c r="AR64" i="1"/>
  <c r="C287" i="5"/>
  <c r="AR281" i="1"/>
  <c r="S8065" i="5"/>
  <c r="S4011" i="5"/>
  <c r="S5886" i="5"/>
  <c r="S8721" i="5"/>
  <c r="S806" i="5"/>
  <c r="S2994" i="5"/>
  <c r="S6687" i="5"/>
  <c r="S8215" i="5"/>
  <c r="S7209" i="5"/>
  <c r="S973" i="5"/>
  <c r="S2512" i="5"/>
  <c r="S2817" i="5"/>
  <c r="S5027" i="5"/>
  <c r="S5549" i="5"/>
  <c r="S4692" i="5"/>
  <c r="S4201" i="5"/>
  <c r="I4370" i="2"/>
  <c r="I4344" i="5" s="1"/>
  <c r="I695" i="2"/>
  <c r="I669" i="5" s="1"/>
  <c r="S669" i="5" s="1"/>
  <c r="I2384" i="2"/>
  <c r="I2358" i="5" s="1"/>
  <c r="I7212" i="2"/>
  <c r="I7186" i="5" s="1"/>
  <c r="S7186" i="5" s="1"/>
  <c r="I5226" i="2"/>
  <c r="I5200" i="5" s="1"/>
  <c r="I3192" i="2"/>
  <c r="I3166" i="5" s="1"/>
  <c r="S3166" i="5" s="1"/>
  <c r="I5363" i="2"/>
  <c r="I5337" i="5" s="1"/>
  <c r="I5236" i="2"/>
  <c r="I5210" i="5" s="1"/>
  <c r="S5210" i="5" s="1"/>
  <c r="I2376" i="2"/>
  <c r="I2350" i="5" s="1"/>
  <c r="S2350" i="5" s="1"/>
  <c r="I1844" i="2"/>
  <c r="I1818" i="5" s="1"/>
  <c r="S1818" i="5" s="1"/>
  <c r="I2522" i="2"/>
  <c r="I2496" i="5" s="1"/>
  <c r="I4393" i="2"/>
  <c r="I4367" i="5" s="1"/>
  <c r="S4367" i="5" s="1"/>
  <c r="I8394" i="2"/>
  <c r="I8368" i="5" s="1"/>
  <c r="S8368" i="5" s="1"/>
  <c r="I333" i="2"/>
  <c r="I307" i="5" s="1"/>
  <c r="S307" i="5" s="1"/>
  <c r="I2002" i="2"/>
  <c r="I1976" i="5" s="1"/>
  <c r="S1976" i="5" s="1"/>
  <c r="I3222" i="2"/>
  <c r="I3196" i="5" s="1"/>
  <c r="S3196" i="5" s="1"/>
  <c r="I8242" i="2"/>
  <c r="I8216" i="5" s="1"/>
  <c r="S8216" i="5" s="1"/>
  <c r="I6073" i="2"/>
  <c r="I6047" i="5" s="1"/>
  <c r="S6047" i="5" s="1"/>
  <c r="I3041" i="2"/>
  <c r="I3015" i="5" s="1"/>
  <c r="S3015" i="5" s="1"/>
  <c r="I7245" i="2"/>
  <c r="I7219" i="5" s="1"/>
  <c r="S7219" i="5" s="1"/>
  <c r="I5888" i="2"/>
  <c r="I5862" i="5" s="1"/>
  <c r="S5862" i="5" s="1"/>
  <c r="I2882" i="2"/>
  <c r="I2856" i="5" s="1"/>
  <c r="S2856" i="5" s="1"/>
  <c r="I2018" i="2"/>
  <c r="I1992" i="5" s="1"/>
  <c r="I7393" i="2"/>
  <c r="I7367" i="5" s="1"/>
  <c r="S7367" i="5" s="1"/>
  <c r="I2041" i="2"/>
  <c r="I2015" i="5" s="1"/>
  <c r="I1025" i="2"/>
  <c r="I999" i="5" s="1"/>
  <c r="I7218" i="2"/>
  <c r="I7192" i="5" s="1"/>
  <c r="S7192" i="5" s="1"/>
  <c r="I1023" i="2"/>
  <c r="I997" i="5" s="1"/>
  <c r="S997" i="5" s="1"/>
  <c r="I4872" i="2"/>
  <c r="I4846" i="5" s="1"/>
  <c r="S4846" i="5" s="1"/>
  <c r="I3054" i="2"/>
  <c r="I3028" i="5" s="1"/>
  <c r="S3028" i="5" s="1"/>
  <c r="I7213" i="2"/>
  <c r="I7187" i="5" s="1"/>
  <c r="I2022" i="2"/>
  <c r="I1996" i="5" s="1"/>
  <c r="I5049" i="2"/>
  <c r="I5023" i="5" s="1"/>
  <c r="I369" i="2"/>
  <c r="I343" i="5" s="1"/>
  <c r="S343" i="5" s="1"/>
  <c r="I173" i="2"/>
  <c r="I147" i="5" s="1"/>
  <c r="I5038" i="2"/>
  <c r="I5012" i="5" s="1"/>
  <c r="S5012" i="5" s="1"/>
  <c r="I7719" i="2"/>
  <c r="I7693" i="5" s="1"/>
  <c r="S7693" i="5" s="1"/>
  <c r="I2715" i="2"/>
  <c r="I2689" i="5" s="1"/>
  <c r="I8585" i="2"/>
  <c r="I8559" i="5" s="1"/>
  <c r="I6370" i="2"/>
  <c r="I6344" i="5" s="1"/>
  <c r="S6344" i="5" s="1"/>
  <c r="I1869" i="2"/>
  <c r="I1843" i="5" s="1"/>
  <c r="S1843" i="5" s="1"/>
  <c r="I4735" i="2"/>
  <c r="I4709" i="5" s="1"/>
  <c r="S4709" i="5" s="1"/>
  <c r="I2174" i="2"/>
  <c r="I2148" i="5" s="1"/>
  <c r="S2148" i="5" s="1"/>
  <c r="I5381" i="2"/>
  <c r="I5355" i="5" s="1"/>
  <c r="S5355" i="5" s="1"/>
  <c r="I6380" i="2"/>
  <c r="I6354" i="5" s="1"/>
  <c r="S6354" i="5" s="1"/>
  <c r="I2529" i="2"/>
  <c r="I2503" i="5" s="1"/>
  <c r="S2503" i="5" s="1"/>
  <c r="I8727" i="2"/>
  <c r="I8701" i="5" s="1"/>
  <c r="S8701" i="5" s="1"/>
  <c r="I1517" i="2"/>
  <c r="I1491" i="5" s="1"/>
  <c r="S1491" i="5" s="1"/>
  <c r="I6556" i="2"/>
  <c r="I6530" i="5" s="1"/>
  <c r="S6530" i="5" s="1"/>
  <c r="I515" i="2"/>
  <c r="I489" i="5" s="1"/>
  <c r="I7574" i="2"/>
  <c r="I7548" i="5" s="1"/>
  <c r="I3187" i="2"/>
  <c r="I3161" i="5" s="1"/>
  <c r="S3161" i="5" s="1"/>
  <c r="I4387" i="2"/>
  <c r="I4361" i="5" s="1"/>
  <c r="S4361" i="5" s="1"/>
  <c r="I6886" i="2"/>
  <c r="I6860" i="5" s="1"/>
  <c r="S6860" i="5" s="1"/>
  <c r="I854" i="2"/>
  <c r="I828" i="5" s="1"/>
  <c r="S828" i="5" s="1"/>
  <c r="I3368" i="2"/>
  <c r="I3342" i="5" s="1"/>
  <c r="S3342" i="5" s="1"/>
  <c r="I2685" i="2"/>
  <c r="I2659" i="5" s="1"/>
  <c r="S2659" i="5" s="1"/>
  <c r="I675" i="2"/>
  <c r="I649" i="5" s="1"/>
  <c r="S649" i="5" s="1"/>
  <c r="I4373" i="2"/>
  <c r="I4347" i="5" s="1"/>
  <c r="S4347" i="5" s="1"/>
  <c r="I1499" i="2"/>
  <c r="I1473" i="5" s="1"/>
  <c r="S1473" i="5" s="1"/>
  <c r="C216" i="5"/>
  <c r="AR210" i="1"/>
  <c r="M2193" i="2"/>
  <c r="M2167" i="5" s="1"/>
  <c r="M4065" i="2"/>
  <c r="M4039" i="5" s="1"/>
  <c r="M4861" i="2"/>
  <c r="M4835" i="5" s="1"/>
  <c r="M5541" i="2"/>
  <c r="M5515" i="5" s="1"/>
  <c r="M520" i="2"/>
  <c r="M494" i="5" s="1"/>
  <c r="M1352" i="2"/>
  <c r="M1326" i="5" s="1"/>
  <c r="M3882" i="2"/>
  <c r="M3856" i="5" s="1"/>
  <c r="M8255" i="2"/>
  <c r="M8229" i="5" s="1"/>
  <c r="M5211" i="2"/>
  <c r="M5185" i="5" s="1"/>
  <c r="M2188" i="2"/>
  <c r="M2162" i="5" s="1"/>
  <c r="M5363" i="2"/>
  <c r="M5337" i="5" s="1"/>
  <c r="M494" i="2"/>
  <c r="M468" i="5" s="1"/>
  <c r="M7084" i="2"/>
  <c r="M7058" i="5" s="1"/>
  <c r="M998" i="2"/>
  <c r="M972" i="5" s="1"/>
  <c r="M1694" i="2"/>
  <c r="M1668" i="5" s="1"/>
  <c r="M8061" i="2"/>
  <c r="M8035" i="5" s="1"/>
  <c r="M4025" i="2"/>
  <c r="M3999" i="5" s="1"/>
  <c r="M1038" i="2"/>
  <c r="M1012" i="5" s="1"/>
  <c r="M5029" i="2"/>
  <c r="M5003" i="5" s="1"/>
  <c r="M674" i="2"/>
  <c r="M648" i="5" s="1"/>
  <c r="M8243" i="2"/>
  <c r="M8217" i="5" s="1"/>
  <c r="M5044" i="2"/>
  <c r="M5018" i="5" s="1"/>
  <c r="M7759" i="2"/>
  <c r="M7733" i="5" s="1"/>
  <c r="M3357" i="2"/>
  <c r="M3331" i="5" s="1"/>
  <c r="M8079" i="2"/>
  <c r="M8053" i="5" s="1"/>
  <c r="M1370" i="2"/>
  <c r="M1344" i="5" s="1"/>
  <c r="M7903" i="2"/>
  <c r="M7877" i="5" s="1"/>
  <c r="M3046" i="2"/>
  <c r="M3020" i="5" s="1"/>
  <c r="M7577" i="2"/>
  <c r="M7551" i="5" s="1"/>
  <c r="M2879" i="2"/>
  <c r="M2853" i="5" s="1"/>
  <c r="M3866" i="2"/>
  <c r="M3840" i="5" s="1"/>
  <c r="M6719" i="2"/>
  <c r="M6693" i="5" s="1"/>
  <c r="M2019" i="2"/>
  <c r="M1993" i="5" s="1"/>
  <c r="M7257" i="2"/>
  <c r="M7231" i="5" s="1"/>
  <c r="M5362" i="2"/>
  <c r="M5336" i="5" s="1"/>
  <c r="M6036" i="2"/>
  <c r="M6010" i="5" s="1"/>
  <c r="M2717" i="2"/>
  <c r="M2691" i="5" s="1"/>
  <c r="M3519" i="2"/>
  <c r="M3493" i="5" s="1"/>
  <c r="M8262" i="2"/>
  <c r="M8236" i="5" s="1"/>
  <c r="M4400" i="2"/>
  <c r="M4374" i="5" s="1"/>
  <c r="M7215" i="2"/>
  <c r="M7189" i="5" s="1"/>
  <c r="M6376" i="2"/>
  <c r="M6350" i="5" s="1"/>
  <c r="M5219" i="2"/>
  <c r="M5193" i="5" s="1"/>
  <c r="M4200" i="2"/>
  <c r="M4174" i="5" s="1"/>
  <c r="M7379" i="2"/>
  <c r="M7353" i="5" s="1"/>
  <c r="M5364" i="2"/>
  <c r="M5338" i="5" s="1"/>
  <c r="M1511" i="2"/>
  <c r="M1485" i="5" s="1"/>
  <c r="M7567" i="2"/>
  <c r="M7541" i="5" s="1"/>
  <c r="M2382" i="2"/>
  <c r="M2356" i="5" s="1"/>
  <c r="M5053" i="2"/>
  <c r="M5027" i="5" s="1"/>
  <c r="M188" i="2"/>
  <c r="M162" i="5" s="1"/>
  <c r="M4563" i="2"/>
  <c r="M4537" i="5" s="1"/>
  <c r="M6068" i="2"/>
  <c r="M6042" i="5" s="1"/>
  <c r="M199" i="2"/>
  <c r="M173" i="5" s="1"/>
  <c r="M7726" i="2"/>
  <c r="M7700" i="5" s="1"/>
  <c r="M327" i="2"/>
  <c r="M301" i="5" s="1"/>
  <c r="M7412" i="2"/>
  <c r="M7386" i="5" s="1"/>
  <c r="M158" i="2"/>
  <c r="M132" i="5" s="1"/>
  <c r="M7585" i="2"/>
  <c r="M7559" i="5" s="1"/>
  <c r="M1163" i="2"/>
  <c r="M1137" i="5" s="1"/>
  <c r="M7743" i="2"/>
  <c r="M7717" i="5" s="1"/>
  <c r="M8222" i="2"/>
  <c r="M8196" i="5" s="1"/>
  <c r="M4705" i="2"/>
  <c r="M4679" i="5" s="1"/>
  <c r="M7399" i="2"/>
  <c r="M7373" i="5" s="1"/>
  <c r="M8429" i="2"/>
  <c r="M8403" i="5" s="1"/>
  <c r="M4207" i="2"/>
  <c r="M4181" i="5" s="1"/>
  <c r="M4395" i="2"/>
  <c r="M4369" i="5" s="1"/>
  <c r="M1881" i="2"/>
  <c r="M1855" i="5" s="1"/>
  <c r="M6572" i="2"/>
  <c r="M6546" i="5" s="1"/>
  <c r="M7403" i="2"/>
  <c r="M7377" i="5" s="1"/>
  <c r="M2708" i="2"/>
  <c r="M2682" i="5" s="1"/>
  <c r="M1199" i="2"/>
  <c r="M1173" i="5" s="1"/>
  <c r="M8388" i="2"/>
  <c r="M8362" i="5" s="1"/>
  <c r="M6383" i="2"/>
  <c r="M6357" i="5" s="1"/>
  <c r="M3035" i="2"/>
  <c r="M3009" i="5" s="1"/>
  <c r="M5724" i="2"/>
  <c r="M5698" i="5" s="1"/>
  <c r="M8095" i="2"/>
  <c r="M8069" i="5" s="1"/>
  <c r="M2363" i="2"/>
  <c r="M2337" i="5" s="1"/>
  <c r="M7210" i="2"/>
  <c r="M7184" i="5" s="1"/>
  <c r="M699" i="2"/>
  <c r="M673" i="5" s="1"/>
  <c r="M6207" i="2"/>
  <c r="M6181" i="5" s="1"/>
  <c r="M8577" i="2"/>
  <c r="M8551" i="5" s="1"/>
  <c r="M2368" i="2"/>
  <c r="M2342" i="5" s="1"/>
  <c r="M501" i="2"/>
  <c r="M475" i="5" s="1"/>
  <c r="M7250" i="2"/>
  <c r="M7224" i="5" s="1"/>
  <c r="M3358" i="2"/>
  <c r="M3332" i="5" s="1"/>
  <c r="M7920" i="2"/>
  <c r="M7894" i="5" s="1"/>
  <c r="M3368" i="2"/>
  <c r="M3342" i="5" s="1"/>
  <c r="M4216" i="2"/>
  <c r="M4190" i="5" s="1"/>
  <c r="M8084" i="2"/>
  <c r="M8058" i="5" s="1"/>
  <c r="M2357" i="2"/>
  <c r="M2331" i="5" s="1"/>
  <c r="M4206" i="2"/>
  <c r="M4180" i="5" s="1"/>
  <c r="M4396" i="2"/>
  <c r="M4370" i="5" s="1"/>
  <c r="M6229" i="2"/>
  <c r="M6203" i="5" s="1"/>
  <c r="M5382" i="2"/>
  <c r="M5356" i="5" s="1"/>
  <c r="M1369" i="2"/>
  <c r="M1343" i="5" s="1"/>
  <c r="M2026" i="2"/>
  <c r="M2000" i="5" s="1"/>
  <c r="M6549" i="2"/>
  <c r="M6523" i="5" s="1"/>
  <c r="M5726" i="2"/>
  <c r="M5700" i="5" s="1"/>
  <c r="M6896" i="2"/>
  <c r="M6870" i="5" s="1"/>
  <c r="M7402" i="2"/>
  <c r="M7376" i="5" s="1"/>
  <c r="M6047" i="2"/>
  <c r="M6021" i="5" s="1"/>
  <c r="M2712" i="2"/>
  <c r="M2686" i="5" s="1"/>
  <c r="M7581" i="2"/>
  <c r="M7555" i="5" s="1"/>
  <c r="M4528" i="2"/>
  <c r="M4502" i="5" s="1"/>
  <c r="M3382" i="2"/>
  <c r="M3356" i="5" s="1"/>
  <c r="M2539" i="2"/>
  <c r="M2513" i="5" s="1"/>
  <c r="M2866" i="2"/>
  <c r="M2840" i="5" s="1"/>
  <c r="M6059" i="2"/>
  <c r="M6033" i="5" s="1"/>
  <c r="M1682" i="2"/>
  <c r="M1656" i="5" s="1"/>
  <c r="M4881" i="2"/>
  <c r="M4855" i="5" s="1"/>
  <c r="M3690" i="2"/>
  <c r="M3664" i="5" s="1"/>
  <c r="M5574" i="2"/>
  <c r="M5548" i="5" s="1"/>
  <c r="M1865" i="2"/>
  <c r="M1839" i="5" s="1"/>
  <c r="M1189" i="2"/>
  <c r="M1163" i="5" s="1"/>
  <c r="M2215" i="2"/>
  <c r="M2189" i="5" s="1"/>
  <c r="M1355" i="2"/>
  <c r="M1329" i="5" s="1"/>
  <c r="M6582" i="2"/>
  <c r="M6556" i="5" s="1"/>
  <c r="M4886" i="2"/>
  <c r="M4860" i="5" s="1"/>
  <c r="M5884" i="2"/>
  <c r="M5858" i="5" s="1"/>
  <c r="M5698" i="2"/>
  <c r="M5672" i="5" s="1"/>
  <c r="M3041" i="2"/>
  <c r="M3015" i="5" s="1"/>
  <c r="M6724" i="2"/>
  <c r="M6698" i="5" s="1"/>
  <c r="M7400" i="2"/>
  <c r="M7374" i="5" s="1"/>
  <c r="M5060" i="2"/>
  <c r="M5034" i="5" s="1"/>
  <c r="M5054" i="2"/>
  <c r="M5028" i="5" s="1"/>
  <c r="M2041" i="2"/>
  <c r="M2015" i="5" s="1"/>
  <c r="M1204" i="2"/>
  <c r="M1178" i="5" s="1"/>
  <c r="M4545" i="2"/>
  <c r="M4519" i="5" s="1"/>
  <c r="M3691" i="2"/>
  <c r="M3665" i="5" s="1"/>
  <c r="M7741" i="2"/>
  <c r="M7715" i="5" s="1"/>
  <c r="M6054" i="2"/>
  <c r="M6028" i="5" s="1"/>
  <c r="M3200" i="2"/>
  <c r="M3174" i="5" s="1"/>
  <c r="M353" i="2"/>
  <c r="M327" i="5" s="1"/>
  <c r="M491" i="2"/>
  <c r="M465" i="5" s="1"/>
  <c r="M4056" i="2"/>
  <c r="M4030" i="5" s="1"/>
  <c r="M5568" i="2"/>
  <c r="M5542" i="5" s="1"/>
  <c r="M8226" i="2"/>
  <c r="M8200" i="5" s="1"/>
  <c r="M2860" i="2"/>
  <c r="M2834" i="5" s="1"/>
  <c r="M2883" i="2"/>
  <c r="M2857" i="5" s="1"/>
  <c r="M3896" i="2"/>
  <c r="M3870" i="5" s="1"/>
  <c r="M844" i="2"/>
  <c r="M818" i="5" s="1"/>
  <c r="M5729" i="2"/>
  <c r="M5703" i="5" s="1"/>
  <c r="M2212" i="2"/>
  <c r="M2186" i="5" s="1"/>
  <c r="M4390" i="2"/>
  <c r="M4364" i="5" s="1"/>
  <c r="M5195" i="2"/>
  <c r="M5169" i="5" s="1"/>
  <c r="M704" i="2"/>
  <c r="M678" i="5" s="1"/>
  <c r="M5066" i="2"/>
  <c r="M5040" i="5" s="1"/>
  <c r="M173" i="2"/>
  <c r="M147" i="5" s="1"/>
  <c r="M6414" i="2"/>
  <c r="M6388" i="5" s="1"/>
  <c r="M5703" i="2"/>
  <c r="M5677" i="5" s="1"/>
  <c r="M3716" i="2"/>
  <c r="M3690" i="5" s="1"/>
  <c r="M6716" i="2"/>
  <c r="M6690" i="5" s="1"/>
  <c r="M5037" i="2"/>
  <c r="M5011" i="5" s="1"/>
  <c r="M2384" i="2"/>
  <c r="M2358" i="5" s="1"/>
  <c r="M8055" i="2"/>
  <c r="M8029" i="5" s="1"/>
  <c r="M3705" i="2"/>
  <c r="M3679" i="5" s="1"/>
  <c r="M4898" i="2"/>
  <c r="M4872" i="5" s="1"/>
  <c r="M2864" i="2"/>
  <c r="M2838" i="5" s="1"/>
  <c r="M1371" i="2"/>
  <c r="M1345" i="5" s="1"/>
  <c r="M7392" i="2"/>
  <c r="M7366" i="5" s="1"/>
  <c r="M171" i="2"/>
  <c r="M145" i="5" s="1"/>
  <c r="M5225" i="2"/>
  <c r="M5199" i="5" s="1"/>
  <c r="M4869" i="2"/>
  <c r="M4843" i="5" s="1"/>
  <c r="M6571" i="2"/>
  <c r="M6545" i="5" s="1"/>
  <c r="M4051" i="2"/>
  <c r="M4025" i="5" s="1"/>
  <c r="M5200" i="2"/>
  <c r="M5174" i="5" s="1"/>
  <c r="M4712" i="2"/>
  <c r="M4686" i="5" s="1"/>
  <c r="M1165" i="2"/>
  <c r="M1139" i="5" s="1"/>
  <c r="M6417" i="2"/>
  <c r="M6391" i="5" s="1"/>
  <c r="M834" i="2"/>
  <c r="M808" i="5" s="1"/>
  <c r="M8565" i="2"/>
  <c r="M8539" i="5" s="1"/>
  <c r="M2552" i="2"/>
  <c r="M2526" i="5" s="1"/>
  <c r="M2537" i="2"/>
  <c r="M2511" i="5" s="1"/>
  <c r="M5407" i="2"/>
  <c r="M5381" i="5" s="1"/>
  <c r="M4218" i="2"/>
  <c r="M4192" i="5" s="1"/>
  <c r="M3891" i="2"/>
  <c r="M3865" i="5" s="1"/>
  <c r="M1709" i="2"/>
  <c r="M1683" i="5" s="1"/>
  <c r="M7749" i="2"/>
  <c r="M7723" i="5" s="1"/>
  <c r="M6397" i="2"/>
  <c r="M6371" i="5" s="1"/>
  <c r="M4867" i="2"/>
  <c r="M4841" i="5" s="1"/>
  <c r="M2875" i="2"/>
  <c r="M2849" i="5" s="1"/>
  <c r="M5727" i="2"/>
  <c r="M5701" i="5" s="1"/>
  <c r="M3375" i="2"/>
  <c r="M3349" i="5" s="1"/>
  <c r="M2686" i="2"/>
  <c r="M2660" i="5" s="1"/>
  <c r="M3205" i="2"/>
  <c r="M3179" i="5" s="1"/>
  <c r="M3195" i="2"/>
  <c r="M3169" i="5" s="1"/>
  <c r="M1693" i="2"/>
  <c r="M1667" i="5" s="1"/>
  <c r="M182" i="2"/>
  <c r="M156" i="5" s="1"/>
  <c r="M3724" i="2"/>
  <c r="M3698" i="5" s="1"/>
  <c r="M7068" i="2"/>
  <c r="M7042" i="5" s="1"/>
  <c r="M2550" i="2"/>
  <c r="M2524" i="5" s="1"/>
  <c r="M837" i="2"/>
  <c r="M811" i="5" s="1"/>
  <c r="M7240" i="2"/>
  <c r="M7214" i="5" s="1"/>
  <c r="M1877" i="2"/>
  <c r="M1851" i="5" s="1"/>
  <c r="M6404" i="2"/>
  <c r="M6378" i="5" s="1"/>
  <c r="M5392" i="2"/>
  <c r="M5366" i="5" s="1"/>
  <c r="M3543" i="2"/>
  <c r="M3517" i="5" s="1"/>
  <c r="M2346" i="2"/>
  <c r="M2320" i="5" s="1"/>
  <c r="M5566" i="2"/>
  <c r="M5540" i="5" s="1"/>
  <c r="M8093" i="2"/>
  <c r="M8067" i="5" s="1"/>
  <c r="M5367" i="2"/>
  <c r="M5341" i="5" s="1"/>
  <c r="M4691" i="2"/>
  <c r="M4665" i="5" s="1"/>
  <c r="M7232" i="2"/>
  <c r="M7206" i="5" s="1"/>
  <c r="M6545" i="2"/>
  <c r="M6519" i="5" s="1"/>
  <c r="M688" i="2"/>
  <c r="M662" i="5" s="1"/>
  <c r="M6753" i="2"/>
  <c r="M6727" i="5" s="1"/>
  <c r="M3877" i="2"/>
  <c r="M3851" i="5" s="1"/>
  <c r="M1357" i="2"/>
  <c r="M1331" i="5" s="1"/>
  <c r="M8241" i="2"/>
  <c r="M8215" i="5" s="1"/>
  <c r="M6918" i="2"/>
  <c r="M6892" i="5" s="1"/>
  <c r="M8083" i="2"/>
  <c r="M8057" i="5" s="1"/>
  <c r="M535" i="2"/>
  <c r="M509" i="5" s="1"/>
  <c r="M8080" i="2"/>
  <c r="M8054" i="5" s="1"/>
  <c r="M1182" i="2"/>
  <c r="M1156" i="5" s="1"/>
  <c r="M7065" i="2"/>
  <c r="M7039" i="5" s="1"/>
  <c r="M3883" i="2"/>
  <c r="M3857" i="5" s="1"/>
  <c r="M529" i="2"/>
  <c r="M503" i="5" s="1"/>
  <c r="M3389" i="2"/>
  <c r="M3363" i="5" s="1"/>
  <c r="M186" i="2"/>
  <c r="M160" i="5" s="1"/>
  <c r="M5899" i="2"/>
  <c r="M5873" i="5" s="1"/>
  <c r="M6044" i="2"/>
  <c r="M6018" i="5" s="1"/>
  <c r="M3536" i="2"/>
  <c r="M3510" i="5" s="1"/>
  <c r="M1516" i="2"/>
  <c r="M1490" i="5" s="1"/>
  <c r="M8560" i="2"/>
  <c r="M8534" i="5" s="1"/>
  <c r="M2536" i="2"/>
  <c r="M2510" i="5" s="1"/>
  <c r="M6722" i="2"/>
  <c r="M6696" i="5" s="1"/>
  <c r="M6385" i="2"/>
  <c r="M6359" i="5" s="1"/>
  <c r="M1177" i="2"/>
  <c r="M1151" i="5" s="1"/>
  <c r="M3869" i="2"/>
  <c r="M3843" i="5" s="1"/>
  <c r="M4880" i="2"/>
  <c r="M4854" i="5" s="1"/>
  <c r="M6043" i="2"/>
  <c r="M6017" i="5" s="1"/>
  <c r="M1173" i="2"/>
  <c r="M1147" i="5" s="1"/>
  <c r="M5385" i="2"/>
  <c r="M5359" i="5" s="1"/>
  <c r="M3892" i="2"/>
  <c r="M3866" i="5" s="1"/>
  <c r="M4198" i="2"/>
  <c r="M4172" i="5" s="1"/>
  <c r="M7077" i="2"/>
  <c r="M7051" i="5" s="1"/>
  <c r="M2197" i="2"/>
  <c r="M2171" i="5" s="1"/>
  <c r="M5576" i="2"/>
  <c r="M5550" i="5" s="1"/>
  <c r="M700" i="2"/>
  <c r="M674" i="5" s="1"/>
  <c r="M6221" i="2"/>
  <c r="M6195" i="5" s="1"/>
  <c r="M4380" i="2"/>
  <c r="M4354" i="5" s="1"/>
  <c r="M8762" i="2"/>
  <c r="M8736" i="5" s="1"/>
  <c r="M5869" i="2"/>
  <c r="M5843" i="5" s="1"/>
  <c r="M2339" i="2"/>
  <c r="M2313" i="5" s="1"/>
  <c r="M5734" i="2"/>
  <c r="M5708" i="5" s="1"/>
  <c r="M2034" i="2"/>
  <c r="M2008" i="5" s="1"/>
  <c r="M8431" i="2"/>
  <c r="M8405" i="5" s="1"/>
  <c r="M4360" i="2"/>
  <c r="M4334" i="5" s="1"/>
  <c r="M1168" i="2"/>
  <c r="M1142" i="5" s="1"/>
  <c r="M183" i="2"/>
  <c r="M157" i="5" s="1"/>
  <c r="M8051" i="2"/>
  <c r="M8025" i="5" s="1"/>
  <c r="M6042" i="2"/>
  <c r="M6016" i="5" s="1"/>
  <c r="M2533" i="2"/>
  <c r="M2507" i="5" s="1"/>
  <c r="M1840" i="2"/>
  <c r="M1814" i="5" s="1"/>
  <c r="M1377" i="2"/>
  <c r="M1351" i="5" s="1"/>
  <c r="M7211" i="2"/>
  <c r="M7185" i="5" s="1"/>
  <c r="M7422" i="2"/>
  <c r="M7396" i="5" s="1"/>
  <c r="M1697" i="2"/>
  <c r="M1671" i="5" s="1"/>
  <c r="M6378" i="2"/>
  <c r="M6352" i="5" s="1"/>
  <c r="M2518" i="2"/>
  <c r="M2492" i="5" s="1"/>
  <c r="M1871" i="2"/>
  <c r="M1845" i="5" s="1"/>
  <c r="M8727" i="2"/>
  <c r="M8701" i="5" s="1"/>
  <c r="M5708" i="2"/>
  <c r="M5682" i="5" s="1"/>
  <c r="M7924" i="2"/>
  <c r="M7898" i="5" s="1"/>
  <c r="M1873" i="2"/>
  <c r="M1847" i="5" s="1"/>
  <c r="M850" i="2"/>
  <c r="M824" i="5" s="1"/>
  <c r="M2381" i="2"/>
  <c r="M2355" i="5" s="1"/>
  <c r="M5236" i="2"/>
  <c r="M5210" i="5" s="1"/>
  <c r="M2857" i="2"/>
  <c r="M2831" i="5" s="1"/>
  <c r="M2697" i="2"/>
  <c r="M2671" i="5" s="1"/>
  <c r="M4355" i="2"/>
  <c r="M4329" i="5" s="1"/>
  <c r="M3182" i="2"/>
  <c r="M3156" i="5" s="1"/>
  <c r="M8722" i="2"/>
  <c r="M8696" i="5" s="1"/>
  <c r="M856" i="2"/>
  <c r="M830" i="5" s="1"/>
  <c r="M6238" i="2"/>
  <c r="M6212" i="5" s="1"/>
  <c r="M1029" i="2"/>
  <c r="M1003" i="5" s="1"/>
  <c r="M7559" i="2"/>
  <c r="M7533" i="5" s="1"/>
  <c r="M6908" i="2"/>
  <c r="M6882" i="5" s="1"/>
  <c r="M6712" i="2"/>
  <c r="M6686" i="5" s="1"/>
  <c r="M3514" i="2"/>
  <c r="M3488" i="5" s="1"/>
  <c r="M2545" i="2"/>
  <c r="M2519" i="5" s="1"/>
  <c r="M5890" i="2"/>
  <c r="M5864" i="5" s="1"/>
  <c r="M1192" i="2"/>
  <c r="M1166" i="5" s="1"/>
  <c r="M3181" i="2"/>
  <c r="M3155" i="5" s="1"/>
  <c r="M359" i="2"/>
  <c r="M333" i="5" s="1"/>
  <c r="M5378" i="2"/>
  <c r="M5352" i="5" s="1"/>
  <c r="M4223" i="2"/>
  <c r="M4197" i="5" s="1"/>
  <c r="M3865" i="2"/>
  <c r="M3839" i="5" s="1"/>
  <c r="M326" i="2"/>
  <c r="M300" i="5" s="1"/>
  <c r="M698" i="2"/>
  <c r="M672" i="5" s="1"/>
  <c r="M2370" i="2"/>
  <c r="M2344" i="5" s="1"/>
  <c r="M198" i="2"/>
  <c r="M172" i="5" s="1"/>
  <c r="M5047" i="2"/>
  <c r="M5021" i="5" s="1"/>
  <c r="M4534" i="2"/>
  <c r="M4508" i="5" s="1"/>
  <c r="M6388" i="2"/>
  <c r="M6362" i="5" s="1"/>
  <c r="M1880" i="2"/>
  <c r="M1854" i="5" s="1"/>
  <c r="M4724" i="2"/>
  <c r="M4698" i="5" s="1"/>
  <c r="M6902" i="2"/>
  <c r="M6876" i="5" s="1"/>
  <c r="M7563" i="2"/>
  <c r="M7537" i="5" s="1"/>
  <c r="M4208" i="2"/>
  <c r="M4182" i="5" s="1"/>
  <c r="M3552" i="2"/>
  <c r="M3526" i="5" s="1"/>
  <c r="M7218" i="2"/>
  <c r="M7192" i="5" s="1"/>
  <c r="M1178" i="2"/>
  <c r="M1152" i="5" s="1"/>
  <c r="M8057" i="2"/>
  <c r="M8031" i="5" s="1"/>
  <c r="M4032" i="2"/>
  <c r="M4006" i="5" s="1"/>
  <c r="M6542" i="2"/>
  <c r="M6516" i="5" s="1"/>
  <c r="M1540" i="2"/>
  <c r="M1514" i="5" s="1"/>
  <c r="M4228" i="2"/>
  <c r="M4202" i="5" s="1"/>
  <c r="M340" i="2"/>
  <c r="M314" i="5" s="1"/>
  <c r="M5239" i="2"/>
  <c r="M5213" i="5" s="1"/>
  <c r="M1666" i="2"/>
  <c r="M1640" i="5" s="1"/>
  <c r="M6560" i="2"/>
  <c r="M6534" i="5" s="1"/>
  <c r="M3707" i="2"/>
  <c r="M3681" i="5" s="1"/>
  <c r="M2029" i="2"/>
  <c r="M2003" i="5" s="1"/>
  <c r="M2517" i="2"/>
  <c r="M2491" i="5" s="1"/>
  <c r="M5909" i="2"/>
  <c r="M5883" i="5" s="1"/>
  <c r="M1842" i="2"/>
  <c r="M1816" i="5" s="1"/>
  <c r="M7897" i="2"/>
  <c r="M7871" i="5" s="1"/>
  <c r="M4721" i="2"/>
  <c r="M4695" i="5" s="1"/>
  <c r="M5204" i="2"/>
  <c r="M5178" i="5" s="1"/>
  <c r="M1190" i="2"/>
  <c r="M1164" i="5" s="1"/>
  <c r="M2038" i="2"/>
  <c r="M2012" i="5" s="1"/>
  <c r="M7255" i="2"/>
  <c r="M7229" i="5" s="1"/>
  <c r="M3876" i="2"/>
  <c r="M3850" i="5" s="1"/>
  <c r="M4865" i="2"/>
  <c r="M4839" i="5" s="1"/>
  <c r="M843" i="2"/>
  <c r="M817" i="5" s="1"/>
  <c r="M7415" i="2"/>
  <c r="M7389" i="5" s="1"/>
  <c r="M6081" i="2"/>
  <c r="M6055" i="5" s="1"/>
  <c r="M4562" i="2"/>
  <c r="M4536" i="5" s="1"/>
  <c r="M8066" i="2"/>
  <c r="M8040" i="5" s="1"/>
  <c r="M4044" i="2"/>
  <c r="M4018" i="5" s="1"/>
  <c r="M5906" i="2"/>
  <c r="M5880" i="5" s="1"/>
  <c r="M8763" i="2"/>
  <c r="M8737" i="5" s="1"/>
  <c r="M4187" i="2"/>
  <c r="M4161" i="5" s="1"/>
  <c r="M160" i="2"/>
  <c r="M134" i="5" s="1"/>
  <c r="M4054" i="2"/>
  <c r="M4028" i="5" s="1"/>
  <c r="M6216" i="2"/>
  <c r="M6190" i="5" s="1"/>
  <c r="M8734" i="2"/>
  <c r="M8708" i="5" s="1"/>
  <c r="M3714" i="2"/>
  <c r="M3688" i="5" s="1"/>
  <c r="M1680" i="2"/>
  <c r="M1654" i="5" s="1"/>
  <c r="M5545" i="2"/>
  <c r="M5519" i="5" s="1"/>
  <c r="M1198" i="2"/>
  <c r="M1172" i="5" s="1"/>
  <c r="M6723" i="2"/>
  <c r="M6697" i="5" s="1"/>
  <c r="M8413" i="2"/>
  <c r="M8387" i="5" s="1"/>
  <c r="M8588" i="2"/>
  <c r="M8562" i="5" s="1"/>
  <c r="M4706" i="2"/>
  <c r="M4680" i="5" s="1"/>
  <c r="M859" i="2"/>
  <c r="M833" i="5" s="1"/>
  <c r="M4530" i="2"/>
  <c r="M4504" i="5" s="1"/>
  <c r="M2529" i="2"/>
  <c r="M2503" i="5" s="1"/>
  <c r="M3544" i="2"/>
  <c r="M3518" i="5" s="1"/>
  <c r="M1839" i="2"/>
  <c r="M1813" i="5" s="1"/>
  <c r="M2682" i="2"/>
  <c r="M2656" i="5" s="1"/>
  <c r="M1010" i="2"/>
  <c r="M984" i="5" s="1"/>
  <c r="M3862" i="2"/>
  <c r="M3836" i="5" s="1"/>
  <c r="M4022" i="2"/>
  <c r="M3996" i="5" s="1"/>
  <c r="M2886" i="2"/>
  <c r="M2860" i="5" s="1"/>
  <c r="M161" i="2"/>
  <c r="M135" i="5" s="1"/>
  <c r="M1342" i="2"/>
  <c r="M1316" i="5" s="1"/>
  <c r="M8410" i="2"/>
  <c r="M8384" i="5" s="1"/>
  <c r="M513" i="2"/>
  <c r="M487" i="5" s="1"/>
  <c r="M3873" i="2"/>
  <c r="M3847" i="5" s="1"/>
  <c r="M6246" i="2"/>
  <c r="M6220" i="5" s="1"/>
  <c r="M8059" i="2"/>
  <c r="M8033" i="5" s="1"/>
  <c r="M3533" i="2"/>
  <c r="M3507" i="5" s="1"/>
  <c r="M2025" i="2"/>
  <c r="M1999" i="5" s="1"/>
  <c r="M6894" i="2"/>
  <c r="M6868" i="5" s="1"/>
  <c r="M4366" i="2"/>
  <c r="M4340" i="5" s="1"/>
  <c r="M7575" i="2"/>
  <c r="M7549" i="5" s="1"/>
  <c r="M1012" i="2"/>
  <c r="M986" i="5" s="1"/>
  <c r="M686" i="2"/>
  <c r="M660" i="5" s="1"/>
  <c r="M2008" i="2"/>
  <c r="M1982" i="5" s="1"/>
  <c r="M7582" i="2"/>
  <c r="M7556" i="5" s="1"/>
  <c r="M851" i="2"/>
  <c r="M825" i="5" s="1"/>
  <c r="M5065" i="2"/>
  <c r="M5039" i="5" s="1"/>
  <c r="M7753" i="2"/>
  <c r="M7727" i="5" s="1"/>
  <c r="M7898" i="2"/>
  <c r="M7872" i="5" s="1"/>
  <c r="M4189" i="2"/>
  <c r="M4163" i="5" s="1"/>
  <c r="M4531" i="2"/>
  <c r="M4505" i="5" s="1"/>
  <c r="M8755" i="2"/>
  <c r="M8729" i="5" s="1"/>
  <c r="M7718" i="2"/>
  <c r="M7692" i="5" s="1"/>
  <c r="M6706" i="2"/>
  <c r="M6680" i="5" s="1"/>
  <c r="M1844" i="2"/>
  <c r="M1818" i="5" s="1"/>
  <c r="M6407" i="2"/>
  <c r="M6381" i="5" s="1"/>
  <c r="M8747" i="2"/>
  <c r="M8721" i="5" s="1"/>
  <c r="M3186" i="2"/>
  <c r="M3160" i="5" s="1"/>
  <c r="M7217" i="2"/>
  <c r="M7191" i="5" s="1"/>
  <c r="M4363" i="2"/>
  <c r="M4337" i="5" s="1"/>
  <c r="M4212" i="2"/>
  <c r="M4186" i="5" s="1"/>
  <c r="M4698" i="2"/>
  <c r="M4672" i="5" s="1"/>
  <c r="M7576" i="2"/>
  <c r="M7550" i="5" s="1"/>
  <c r="M4567" i="2"/>
  <c r="M4541" i="5" s="1"/>
  <c r="M1506" i="2"/>
  <c r="M1480" i="5" s="1"/>
  <c r="M1879" i="2"/>
  <c r="M1853" i="5" s="1"/>
  <c r="M2546" i="2"/>
  <c r="M2520" i="5" s="1"/>
  <c r="M5720" i="2"/>
  <c r="M5694" i="5" s="1"/>
  <c r="M3524" i="2"/>
  <c r="M3498" i="5" s="1"/>
  <c r="M7418" i="2"/>
  <c r="M7392" i="5" s="1"/>
  <c r="M5573" i="2"/>
  <c r="M5547" i="5" s="1"/>
  <c r="M2204" i="2"/>
  <c r="M2178" i="5" s="1"/>
  <c r="M1847" i="2"/>
  <c r="M1821" i="5" s="1"/>
  <c r="M7720" i="2"/>
  <c r="M7694" i="5" s="1"/>
  <c r="M1513" i="2"/>
  <c r="M1487" i="5" s="1"/>
  <c r="M5543" i="2"/>
  <c r="M5517" i="5" s="1"/>
  <c r="M2015" i="2"/>
  <c r="M1989" i="5" s="1"/>
  <c r="M5072" i="2"/>
  <c r="M5046" i="5" s="1"/>
  <c r="M8248" i="2"/>
  <c r="M8222" i="5" s="1"/>
  <c r="M1376" i="2"/>
  <c r="M1350" i="5" s="1"/>
  <c r="M8265" i="2"/>
  <c r="M8239" i="5" s="1"/>
  <c r="M4902" i="2"/>
  <c r="M4876" i="5" s="1"/>
  <c r="M5386" i="2"/>
  <c r="M5360" i="5" s="1"/>
  <c r="M3020" i="2"/>
  <c r="M2994" i="5" s="1"/>
  <c r="M5040" i="2"/>
  <c r="M5014" i="5" s="1"/>
  <c r="M7589" i="2"/>
  <c r="M7563" i="5" s="1"/>
  <c r="M8590" i="2"/>
  <c r="M8564" i="5" s="1"/>
  <c r="M2191" i="2"/>
  <c r="M2165" i="5" s="1"/>
  <c r="M8581" i="2"/>
  <c r="M8555" i="5" s="1"/>
  <c r="M6884" i="2"/>
  <c r="M6858" i="5" s="1"/>
  <c r="M5536" i="2"/>
  <c r="M5510" i="5" s="1"/>
  <c r="M2849" i="2"/>
  <c r="M2823" i="5" s="1"/>
  <c r="M8764" i="2"/>
  <c r="M8738" i="5" s="1"/>
  <c r="M343" i="2"/>
  <c r="M317" i="5" s="1"/>
  <c r="M4035" i="2"/>
  <c r="M4009" i="5" s="1"/>
  <c r="M2185" i="2"/>
  <c r="M2159" i="5" s="1"/>
  <c r="M3871" i="2"/>
  <c r="M3845" i="5" s="1"/>
  <c r="M7909" i="2"/>
  <c r="M7883" i="5" s="1"/>
  <c r="M7252" i="2"/>
  <c r="M7226" i="5" s="1"/>
  <c r="M4858" i="2"/>
  <c r="M4832" i="5" s="1"/>
  <c r="M5539" i="2"/>
  <c r="M5513" i="5" s="1"/>
  <c r="M2842" i="2"/>
  <c r="M2816" i="5" s="1"/>
  <c r="M8430" i="2"/>
  <c r="M8404" i="5" s="1"/>
  <c r="M1191" i="2"/>
  <c r="M1165" i="5" s="1"/>
  <c r="M868" i="2"/>
  <c r="M842" i="5" s="1"/>
  <c r="M680" i="2"/>
  <c r="M654" i="5" s="1"/>
  <c r="M5551" i="2"/>
  <c r="M5525" i="5" s="1"/>
  <c r="M6035" i="2"/>
  <c r="M6009" i="5" s="1"/>
  <c r="M865" i="2"/>
  <c r="M839" i="5" s="1"/>
  <c r="M6736" i="2"/>
  <c r="M6710" i="5" s="1"/>
  <c r="M2872" i="2"/>
  <c r="M2846" i="5" s="1"/>
  <c r="M3025" i="2"/>
  <c r="M2999" i="5" s="1"/>
  <c r="M6568" i="2"/>
  <c r="M6542" i="5" s="1"/>
  <c r="M498" i="2"/>
  <c r="M472" i="5" s="1"/>
  <c r="M5867" i="2"/>
  <c r="M5841" i="5" s="1"/>
  <c r="M662" i="2"/>
  <c r="M636" i="5" s="1"/>
  <c r="M6232" i="2"/>
  <c r="M6206" i="5" s="1"/>
  <c r="M3699" i="2"/>
  <c r="M3673" i="5" s="1"/>
  <c r="M8247" i="2"/>
  <c r="M8221" i="5" s="1"/>
  <c r="M2853" i="2"/>
  <c r="M2827" i="5" s="1"/>
  <c r="M1537" i="2"/>
  <c r="M1511" i="5" s="1"/>
  <c r="M3717" i="2"/>
  <c r="M3691" i="5" s="1"/>
  <c r="M8562" i="2"/>
  <c r="M8536" i="5" s="1"/>
  <c r="M6248" i="2"/>
  <c r="M6222" i="5" s="1"/>
  <c r="M2523" i="2"/>
  <c r="M2497" i="5" s="1"/>
  <c r="M1861" i="2"/>
  <c r="M1835" i="5" s="1"/>
  <c r="M7734" i="2"/>
  <c r="M7708" i="5" s="1"/>
  <c r="M8554" i="2"/>
  <c r="M8528" i="5" s="1"/>
  <c r="M3875" i="2"/>
  <c r="M3849" i="5" s="1"/>
  <c r="M839" i="2"/>
  <c r="M813" i="5" s="1"/>
  <c r="M329" i="2"/>
  <c r="M303" i="5" s="1"/>
  <c r="M7089" i="2"/>
  <c r="M7063" i="5" s="1"/>
  <c r="M365" i="2"/>
  <c r="M339" i="5" s="1"/>
  <c r="M5876" i="2"/>
  <c r="M5850" i="5" s="1"/>
  <c r="M3013" i="2"/>
  <c r="M2987" i="5" s="1"/>
  <c r="M2175" i="2"/>
  <c r="M2149" i="5" s="1"/>
  <c r="M7243" i="2"/>
  <c r="M7217" i="5" s="1"/>
  <c r="M3889" i="2"/>
  <c r="M3863" i="5" s="1"/>
  <c r="M530" i="2"/>
  <c r="M504" i="5" s="1"/>
  <c r="M2209" i="2"/>
  <c r="M2183" i="5" s="1"/>
  <c r="M8091" i="2"/>
  <c r="M8065" i="5" s="1"/>
  <c r="M7905" i="2"/>
  <c r="M7879" i="5" s="1"/>
  <c r="M4063" i="2"/>
  <c r="M4037" i="5" s="1"/>
  <c r="M1201" i="2"/>
  <c r="M1175" i="5" s="1"/>
  <c r="M5398" i="2"/>
  <c r="M5372" i="5" s="1"/>
  <c r="M7397" i="2"/>
  <c r="M7371" i="5" s="1"/>
  <c r="M6905" i="2"/>
  <c r="M6879" i="5" s="1"/>
  <c r="M4696" i="2"/>
  <c r="M4670" i="5" s="1"/>
  <c r="M8071" i="2"/>
  <c r="M8045" i="5" s="1"/>
  <c r="M3713" i="2"/>
  <c r="M3687" i="5" s="1"/>
  <c r="M4890" i="2"/>
  <c r="M4864" i="5" s="1"/>
  <c r="M6898" i="2"/>
  <c r="M6872" i="5" s="1"/>
  <c r="M2698" i="2"/>
  <c r="M2672" i="5" s="1"/>
  <c r="M7086" i="2"/>
  <c r="M7060" i="5" s="1"/>
  <c r="M3027" i="2"/>
  <c r="M3001" i="5" s="1"/>
  <c r="M5870" i="2"/>
  <c r="M5844" i="5" s="1"/>
  <c r="M1368" i="2"/>
  <c r="M1342" i="5" s="1"/>
  <c r="M4385" i="2"/>
  <c r="M4359" i="5" s="1"/>
  <c r="M7748" i="2"/>
  <c r="M7722" i="5" s="1"/>
  <c r="M4382" i="2"/>
  <c r="M4356" i="5" s="1"/>
  <c r="M7890" i="2"/>
  <c r="M7864" i="5" s="1"/>
  <c r="M6570" i="2"/>
  <c r="M6544" i="5" s="1"/>
  <c r="M4551" i="2"/>
  <c r="M4525" i="5" s="1"/>
  <c r="M4026" i="2"/>
  <c r="M4000" i="5" s="1"/>
  <c r="M1531" i="2"/>
  <c r="M1505" i="5" s="1"/>
  <c r="M6406" i="2"/>
  <c r="M6380" i="5" s="1"/>
  <c r="M5723" i="2"/>
  <c r="M5697" i="5" s="1"/>
  <c r="M2674" i="2"/>
  <c r="M2648" i="5" s="1"/>
  <c r="M6738" i="2"/>
  <c r="M6712" i="5" s="1"/>
  <c r="M3522" i="2"/>
  <c r="M3496" i="5" s="1"/>
  <c r="M5547" i="2"/>
  <c r="M5521" i="5" s="1"/>
  <c r="M2049" i="2"/>
  <c r="M2023" i="5" s="1"/>
  <c r="M6390" i="2"/>
  <c r="M6364" i="5" s="1"/>
  <c r="M3183" i="2"/>
  <c r="M3157" i="5" s="1"/>
  <c r="M3039" i="2"/>
  <c r="M3013" i="5" s="1"/>
  <c r="M7385" i="2"/>
  <c r="M7359" i="5" s="1"/>
  <c r="M4875" i="2"/>
  <c r="M4849" i="5" s="1"/>
  <c r="M7900" i="2"/>
  <c r="M7874" i="5" s="1"/>
  <c r="M7571" i="2"/>
  <c r="M7545" i="5" s="1"/>
  <c r="M3894" i="2"/>
  <c r="M3868" i="5" s="1"/>
  <c r="M676" i="2"/>
  <c r="M650" i="5" s="1"/>
  <c r="M7555" i="2"/>
  <c r="M7529" i="5" s="1"/>
  <c r="M5203" i="2"/>
  <c r="M5177" i="5" s="1"/>
  <c r="M6874" i="2"/>
  <c r="M6848" i="5" s="1"/>
  <c r="M3886" i="2"/>
  <c r="M3860" i="5" s="1"/>
  <c r="M3878" i="2"/>
  <c r="M3852" i="5" s="1"/>
  <c r="M2374" i="2"/>
  <c r="M2348" i="5" s="1"/>
  <c r="M3525" i="2"/>
  <c r="M3499" i="5" s="1"/>
  <c r="M8263" i="2"/>
  <c r="M8237" i="5" s="1"/>
  <c r="M7054" i="2"/>
  <c r="M7028" i="5" s="1"/>
  <c r="M4879" i="2"/>
  <c r="M4853" i="5" s="1"/>
  <c r="M6218" i="2"/>
  <c r="M6192" i="5" s="1"/>
  <c r="M8257" i="2"/>
  <c r="M8231" i="5" s="1"/>
  <c r="M1703" i="2"/>
  <c r="M1677" i="5" s="1"/>
  <c r="M1673" i="2"/>
  <c r="M1647" i="5" s="1"/>
  <c r="M1180" i="2"/>
  <c r="M1154" i="5" s="1"/>
  <c r="M2551" i="2"/>
  <c r="M2525" i="5" s="1"/>
  <c r="M1372" i="2"/>
  <c r="M1346" i="5" s="1"/>
  <c r="M7728" i="2"/>
  <c r="M7702" i="5" s="1"/>
  <c r="M8567" i="2"/>
  <c r="M8541" i="5" s="1"/>
  <c r="M6731" i="2"/>
  <c r="M6705" i="5" s="1"/>
  <c r="M3391" i="2"/>
  <c r="M3365" i="5" s="1"/>
  <c r="M5560" i="2"/>
  <c r="M5534" i="5" s="1"/>
  <c r="M2030" i="2"/>
  <c r="M2004" i="5" s="1"/>
  <c r="M1512" i="2"/>
  <c r="M1486" i="5" s="1"/>
  <c r="M1837" i="2"/>
  <c r="M1811" i="5" s="1"/>
  <c r="M2353" i="2"/>
  <c r="M2327" i="5" s="1"/>
  <c r="M5538" i="2"/>
  <c r="M5512" i="5" s="1"/>
  <c r="M5570" i="2"/>
  <c r="M5544" i="5" s="1"/>
  <c r="M4397" i="2"/>
  <c r="M4371" i="5" s="1"/>
  <c r="M3687" i="2"/>
  <c r="M3661" i="5" s="1"/>
  <c r="M4059" i="2"/>
  <c r="M4033" i="5" s="1"/>
  <c r="M5371" i="2"/>
  <c r="M5345" i="5" s="1"/>
  <c r="M3858" i="2"/>
  <c r="M3832" i="5" s="1"/>
  <c r="M1508" i="2"/>
  <c r="M1482" i="5" s="1"/>
  <c r="M5721" i="2"/>
  <c r="M5695" i="5" s="1"/>
  <c r="M5731" i="2"/>
  <c r="M5705" i="5" s="1"/>
  <c r="M7222" i="2"/>
  <c r="M7196" i="5" s="1"/>
  <c r="M4694" i="2"/>
  <c r="M4668" i="5" s="1"/>
  <c r="M5716" i="2"/>
  <c r="M5690" i="5" s="1"/>
  <c r="M1541" i="2"/>
  <c r="M1515" i="5" s="1"/>
  <c r="M7895" i="2"/>
  <c r="M7869" i="5" s="1"/>
  <c r="M4374" i="2"/>
  <c r="M4348" i="5" s="1"/>
  <c r="M1031" i="2"/>
  <c r="M1005" i="5" s="1"/>
  <c r="M3033" i="2"/>
  <c r="M3007" i="5" s="1"/>
  <c r="M2005" i="2"/>
  <c r="M1979" i="5" s="1"/>
  <c r="M194" i="2"/>
  <c r="M168" i="5" s="1"/>
  <c r="M2354" i="2"/>
  <c r="M2328" i="5" s="1"/>
  <c r="M5404" i="2"/>
  <c r="M5378" i="5" s="1"/>
  <c r="M8573" i="2"/>
  <c r="M8547" i="5" s="1"/>
  <c r="M344" i="2"/>
  <c r="M318" i="5" s="1"/>
  <c r="M531" i="2"/>
  <c r="M505" i="5" s="1"/>
  <c r="M827" i="2"/>
  <c r="M801" i="5" s="1"/>
  <c r="M2873" i="2"/>
  <c r="M2847" i="5" s="1"/>
  <c r="M8087" i="2"/>
  <c r="M8061" i="5" s="1"/>
  <c r="M6917" i="2"/>
  <c r="M6891" i="5" s="1"/>
  <c r="M3697" i="2"/>
  <c r="M3671" i="5" s="1"/>
  <c r="M5872" i="2"/>
  <c r="M5846" i="5" s="1"/>
  <c r="M6409" i="2"/>
  <c r="M6383" i="5" s="1"/>
  <c r="M6078" i="2"/>
  <c r="M6052" i="5" s="1"/>
  <c r="M7254" i="2"/>
  <c r="M7228" i="5" s="1"/>
  <c r="M1686" i="2"/>
  <c r="M1660" i="5" s="1"/>
  <c r="M3360" i="2"/>
  <c r="M3334" i="5" s="1"/>
  <c r="M5567" i="2"/>
  <c r="M5541" i="5" s="1"/>
  <c r="M7075" i="2"/>
  <c r="M7049" i="5" s="1"/>
  <c r="M5036" i="2"/>
  <c r="M5010" i="5" s="1"/>
  <c r="M4523" i="2"/>
  <c r="M4497" i="5" s="1"/>
  <c r="M2024" i="2"/>
  <c r="M1998" i="5" s="1"/>
  <c r="M5237" i="2"/>
  <c r="M5211" i="5" s="1"/>
  <c r="M5374" i="2"/>
  <c r="M5348" i="5" s="1"/>
  <c r="M1704" i="2"/>
  <c r="M1678" i="5" s="1"/>
  <c r="M5709" i="2"/>
  <c r="M5683" i="5" s="1"/>
  <c r="M4727" i="2"/>
  <c r="M4701" i="5" s="1"/>
  <c r="M7087" i="2"/>
  <c r="M7061" i="5" s="1"/>
  <c r="M8232" i="2"/>
  <c r="M8206" i="5" s="1"/>
  <c r="M5549" i="2"/>
  <c r="M5523" i="5" s="1"/>
  <c r="M1705" i="2"/>
  <c r="M1679" i="5" s="1"/>
  <c r="M829" i="2"/>
  <c r="M803" i="5" s="1"/>
  <c r="M8082" i="2"/>
  <c r="M8056" i="5" s="1"/>
  <c r="M8574" i="2"/>
  <c r="M8548" i="5" s="1"/>
  <c r="M6574" i="2"/>
  <c r="M6548" i="5" s="1"/>
  <c r="M4542" i="2"/>
  <c r="M4516" i="5" s="1"/>
  <c r="M7727" i="2"/>
  <c r="M7701" i="5" s="1"/>
  <c r="M6584" i="2"/>
  <c r="M6558" i="5" s="1"/>
  <c r="M3551" i="2"/>
  <c r="M3525" i="5" s="1"/>
  <c r="M7574" i="2"/>
  <c r="M7548" i="5" s="1"/>
  <c r="M4214" i="2"/>
  <c r="M4188" i="5" s="1"/>
  <c r="M4522" i="2"/>
  <c r="M4496" i="5" s="1"/>
  <c r="M6540" i="2"/>
  <c r="M6514" i="5" s="1"/>
  <c r="M8584" i="2"/>
  <c r="M8558" i="5" s="1"/>
  <c r="M334" i="2"/>
  <c r="M308" i="5" s="1"/>
  <c r="M1175" i="2"/>
  <c r="M1149" i="5" s="1"/>
  <c r="M3057" i="2"/>
  <c r="M3031" i="5" s="1"/>
  <c r="M192" i="2"/>
  <c r="M166" i="5" s="1"/>
  <c r="M2171" i="2"/>
  <c r="M2145" i="5" s="1"/>
  <c r="M5222" i="2"/>
  <c r="M5196" i="5" s="1"/>
  <c r="M687" i="2"/>
  <c r="M661" i="5" s="1"/>
  <c r="M864" i="2"/>
  <c r="M838" i="5" s="1"/>
  <c r="M681" i="2"/>
  <c r="M655" i="5" s="1"/>
  <c r="M4704" i="2"/>
  <c r="M4678" i="5" s="1"/>
  <c r="M5888" i="2"/>
  <c r="M5862" i="5" s="1"/>
  <c r="M3044" i="2"/>
  <c r="M3018" i="5" s="1"/>
  <c r="M4546" i="2"/>
  <c r="M4520" i="5" s="1"/>
  <c r="M3021" i="2"/>
  <c r="M2995" i="5" s="1"/>
  <c r="M159" i="2"/>
  <c r="M133" i="5" s="1"/>
  <c r="M193" i="2"/>
  <c r="M167" i="5" s="1"/>
  <c r="M6056" i="2"/>
  <c r="M6030" i="5" s="1"/>
  <c r="M3854" i="2"/>
  <c r="M3828" i="5" s="1"/>
  <c r="M1194" i="2"/>
  <c r="M1168" i="5" s="1"/>
  <c r="M527" i="2"/>
  <c r="M501" i="5" s="1"/>
  <c r="M6240" i="2"/>
  <c r="M6214" i="5" s="1"/>
  <c r="M4361" i="2"/>
  <c r="M4335" i="5" s="1"/>
  <c r="M2508" i="2"/>
  <c r="M2482" i="5" s="1"/>
  <c r="M2338" i="2"/>
  <c r="M2312" i="5" s="1"/>
  <c r="M2693" i="2"/>
  <c r="M2667" i="5" s="1"/>
  <c r="M7587" i="2"/>
  <c r="M7561" i="5" s="1"/>
  <c r="M4692" i="2"/>
  <c r="M4666" i="5" s="1"/>
  <c r="M3192" i="2"/>
  <c r="M3166" i="5" s="1"/>
  <c r="M5214" i="2"/>
  <c r="M5188" i="5" s="1"/>
  <c r="M7251" i="2"/>
  <c r="M7225" i="5" s="1"/>
  <c r="M3548" i="2"/>
  <c r="M3522" i="5" s="1"/>
  <c r="M6227" i="2"/>
  <c r="M6201" i="5" s="1"/>
  <c r="M4199" i="2"/>
  <c r="M4173" i="5" s="1"/>
  <c r="M5379" i="2"/>
  <c r="M5353" i="5" s="1"/>
  <c r="M366" i="2"/>
  <c r="M340" i="5" s="1"/>
  <c r="M4568" i="2"/>
  <c r="M4542" i="5" s="1"/>
  <c r="M6247" i="2"/>
  <c r="M6221" i="5" s="1"/>
  <c r="M2684" i="2"/>
  <c r="M2658" i="5" s="1"/>
  <c r="M8244" i="2"/>
  <c r="M8218" i="5" s="1"/>
  <c r="M2205" i="2"/>
  <c r="M2179" i="5" s="1"/>
  <c r="M4702" i="2"/>
  <c r="M4676" i="5" s="1"/>
  <c r="M5880" i="2"/>
  <c r="M5854" i="5" s="1"/>
  <c r="M7236" i="2"/>
  <c r="M7210" i="5" s="1"/>
  <c r="M5070" i="2"/>
  <c r="M5044" i="5" s="1"/>
  <c r="M8218" i="2"/>
  <c r="M8192" i="5" s="1"/>
  <c r="M3715" i="2"/>
  <c r="M3689" i="5" s="1"/>
  <c r="M5212" i="2"/>
  <c r="M5186" i="5" s="1"/>
  <c r="M7069" i="2"/>
  <c r="M7043" i="5" s="1"/>
  <c r="M4058" i="2"/>
  <c r="M4032" i="5" s="1"/>
  <c r="M6063" i="2"/>
  <c r="M6037" i="5" s="1"/>
  <c r="M7738" i="2"/>
  <c r="M7712" i="5" s="1"/>
  <c r="M1166" i="2"/>
  <c r="M1140" i="5" s="1"/>
  <c r="M8065" i="2"/>
  <c r="M8039" i="5" s="1"/>
  <c r="M8254" i="2"/>
  <c r="M8228" i="5" s="1"/>
  <c r="M854" i="2"/>
  <c r="M828" i="5" s="1"/>
  <c r="M7423" i="2"/>
  <c r="M7397" i="5" s="1"/>
  <c r="M7894" i="2"/>
  <c r="M7868" i="5" s="1"/>
  <c r="M668" i="2"/>
  <c r="M642" i="5" s="1"/>
  <c r="M2876" i="2"/>
  <c r="M2850" i="5" s="1"/>
  <c r="M5057" i="2"/>
  <c r="M5031" i="5" s="1"/>
  <c r="M7396" i="2"/>
  <c r="M7370" i="5" s="1"/>
  <c r="M2854" i="2"/>
  <c r="M2828" i="5" s="1"/>
  <c r="M7891" i="2"/>
  <c r="M7865" i="5" s="1"/>
  <c r="M4549" i="2"/>
  <c r="M4523" i="5" s="1"/>
  <c r="M6887" i="2"/>
  <c r="M6861" i="5" s="1"/>
  <c r="M1169" i="2"/>
  <c r="M1143" i="5" s="1"/>
  <c r="M1836" i="2"/>
  <c r="M1810" i="5" s="1"/>
  <c r="M368" i="2"/>
  <c r="M342" i="5" s="1"/>
  <c r="M3364" i="2"/>
  <c r="M3338" i="5" s="1"/>
  <c r="M6411" i="2"/>
  <c r="M6385" i="5" s="1"/>
  <c r="M4557" i="2"/>
  <c r="M4531" i="5" s="1"/>
  <c r="M2190" i="2"/>
  <c r="M2164" i="5" s="1"/>
  <c r="M8414" i="2"/>
  <c r="M8388" i="5" s="1"/>
  <c r="M3379" i="2"/>
  <c r="M3353" i="5" s="1"/>
  <c r="M1515" i="2"/>
  <c r="M1489" i="5" s="1"/>
  <c r="M8598" i="2"/>
  <c r="M8572" i="5" s="1"/>
  <c r="M8223" i="2"/>
  <c r="M8197" i="5" s="1"/>
  <c r="M8591" i="2"/>
  <c r="M8565" i="5" s="1"/>
  <c r="M4718" i="2"/>
  <c r="M4692" i="5" s="1"/>
  <c r="M2014" i="2"/>
  <c r="M1988" i="5" s="1"/>
  <c r="M6037" i="2"/>
  <c r="M6011" i="5" s="1"/>
  <c r="M1179" i="2"/>
  <c r="M1153" i="5" s="1"/>
  <c r="M7561" i="2"/>
  <c r="M7535" i="5" s="1"/>
  <c r="M1359" i="2"/>
  <c r="M1333" i="5" s="1"/>
  <c r="M1687" i="2"/>
  <c r="M1661" i="5" s="1"/>
  <c r="M849" i="2"/>
  <c r="M823" i="5" s="1"/>
  <c r="M4555" i="2"/>
  <c r="M4529" i="5" s="1"/>
  <c r="M4713" i="2"/>
  <c r="M4687" i="5" s="1"/>
  <c r="M2719" i="2"/>
  <c r="M2693" i="5" s="1"/>
  <c r="M8569" i="2"/>
  <c r="M8543" i="5" s="1"/>
  <c r="M6058" i="2"/>
  <c r="M6032" i="5" s="1"/>
  <c r="M6709" i="2"/>
  <c r="M6683" i="5" s="1"/>
  <c r="M324" i="2"/>
  <c r="M298" i="5" s="1"/>
  <c r="M6585" i="2"/>
  <c r="M6559" i="5" s="1"/>
  <c r="M5700" i="2"/>
  <c r="M5674" i="5" s="1"/>
  <c r="M510" i="2"/>
  <c r="M484" i="5" s="1"/>
  <c r="M2688" i="2"/>
  <c r="M2662" i="5" s="1"/>
  <c r="M1851" i="2"/>
  <c r="M1825" i="5" s="1"/>
  <c r="M8724" i="2"/>
  <c r="M8698" i="5" s="1"/>
  <c r="M5372" i="2"/>
  <c r="M5346" i="5" s="1"/>
  <c r="M5710" i="2"/>
  <c r="M5684" i="5" s="1"/>
  <c r="M8225" i="2"/>
  <c r="M8199" i="5" s="1"/>
  <c r="M1373" i="2"/>
  <c r="M1347" i="5" s="1"/>
  <c r="M7745" i="2"/>
  <c r="M7719" i="5" s="1"/>
  <c r="M670" i="2"/>
  <c r="M644" i="5" s="1"/>
  <c r="M5041" i="2"/>
  <c r="M5015" i="5" s="1"/>
  <c r="M6899" i="2"/>
  <c r="M6873" i="5" s="1"/>
  <c r="M6564" i="2"/>
  <c r="M6538" i="5" s="1"/>
  <c r="M8758" i="2"/>
  <c r="M8732" i="5" s="1"/>
  <c r="M1362" i="2"/>
  <c r="M1336" i="5" s="1"/>
  <c r="M2358" i="2"/>
  <c r="M2332" i="5" s="1"/>
  <c r="M6752" i="2"/>
  <c r="M6726" i="5" s="1"/>
  <c r="M5210" i="2"/>
  <c r="M5184" i="5" s="1"/>
  <c r="M4524" i="2"/>
  <c r="M4498" i="5" s="1"/>
  <c r="M1014" i="2"/>
  <c r="M988" i="5" s="1"/>
  <c r="M7910" i="2"/>
  <c r="M7884" i="5" s="1"/>
  <c r="M4356" i="2"/>
  <c r="M4330" i="5" s="1"/>
  <c r="M6717" i="2"/>
  <c r="M6691" i="5" s="1"/>
  <c r="M2528" i="2"/>
  <c r="M2502" i="5" s="1"/>
  <c r="M3366" i="2"/>
  <c r="M3340" i="5" s="1"/>
  <c r="M2002" i="2"/>
  <c r="M1976" i="5" s="1"/>
  <c r="M495" i="2"/>
  <c r="M469" i="5" s="1"/>
  <c r="M5742" i="2"/>
  <c r="M5716" i="5" s="1"/>
  <c r="M3852" i="2"/>
  <c r="M3826" i="5" s="1"/>
  <c r="M1527" i="2"/>
  <c r="M1501" i="5" s="1"/>
  <c r="M6370" i="2"/>
  <c r="M6344" i="5" s="1"/>
  <c r="M7416" i="2"/>
  <c r="M7390" i="5" s="1"/>
  <c r="M2017" i="2"/>
  <c r="M1991" i="5" s="1"/>
  <c r="M522" i="2"/>
  <c r="M496" i="5" s="1"/>
  <c r="M7756" i="2"/>
  <c r="M7730" i="5" s="1"/>
  <c r="M515" i="2"/>
  <c r="M489" i="5" s="1"/>
  <c r="M7081" i="2"/>
  <c r="M7055" i="5" s="1"/>
  <c r="M7546" i="2"/>
  <c r="M7520" i="5" s="1"/>
  <c r="M6875" i="2"/>
  <c r="M6849" i="5" s="1"/>
  <c r="M1683" i="2"/>
  <c r="M1657" i="5" s="1"/>
  <c r="M4393" i="2"/>
  <c r="M4367" i="5" s="1"/>
  <c r="M8391" i="2"/>
  <c r="M8365" i="5" s="1"/>
  <c r="M4373" i="2"/>
  <c r="M4347" i="5" s="1"/>
  <c r="M7229" i="2"/>
  <c r="M7203" i="5" s="1"/>
  <c r="M5877" i="2"/>
  <c r="M5851" i="5" s="1"/>
  <c r="M671" i="2"/>
  <c r="M645" i="5" s="1"/>
  <c r="M4210" i="2"/>
  <c r="M4184" i="5" s="1"/>
  <c r="M4371" i="2"/>
  <c r="M4345" i="5" s="1"/>
  <c r="M5891" i="2"/>
  <c r="M5865" i="5" s="1"/>
  <c r="M4556" i="2"/>
  <c r="M4530" i="5" s="1"/>
  <c r="M3710" i="2"/>
  <c r="M3684" i="5" s="1"/>
  <c r="M2194" i="2"/>
  <c r="M2168" i="5" s="1"/>
  <c r="M496" i="2"/>
  <c r="M470" i="5" s="1"/>
  <c r="M8251" i="2"/>
  <c r="M8225" i="5" s="1"/>
  <c r="M8054" i="2"/>
  <c r="M8028" i="5" s="1"/>
  <c r="M7083" i="2"/>
  <c r="M7057" i="5" s="1"/>
  <c r="M855" i="2"/>
  <c r="M829" i="5" s="1"/>
  <c r="M2678" i="2"/>
  <c r="M2652" i="5" s="1"/>
  <c r="M3393" i="2"/>
  <c r="M3367" i="5" s="1"/>
  <c r="M1522" i="2"/>
  <c r="M1496" i="5" s="1"/>
  <c r="M3381" i="2"/>
  <c r="M3355" i="5" s="1"/>
  <c r="M2535" i="2"/>
  <c r="M2509" i="5" s="1"/>
  <c r="M2511" i="2"/>
  <c r="M2485" i="5" s="1"/>
  <c r="M7579" i="2"/>
  <c r="M7553" i="5" s="1"/>
  <c r="M7922" i="2"/>
  <c r="M7896" i="5" s="1"/>
  <c r="M3211" i="2"/>
  <c r="M3185" i="5" s="1"/>
  <c r="M8261" i="2"/>
  <c r="M8235" i="5" s="1"/>
  <c r="M369" i="2"/>
  <c r="M343" i="5" s="1"/>
  <c r="M5043" i="2"/>
  <c r="M5017" i="5" s="1"/>
  <c r="M4038" i="2"/>
  <c r="M4012" i="5" s="1"/>
  <c r="M4734" i="2"/>
  <c r="M4708" i="5" s="1"/>
  <c r="M3864" i="2"/>
  <c r="M3838" i="5" s="1"/>
  <c r="M4362" i="2"/>
  <c r="M4336" i="5" s="1"/>
  <c r="M6909" i="2"/>
  <c r="M6883" i="5" s="1"/>
  <c r="M176" i="2"/>
  <c r="M150" i="5" s="1"/>
  <c r="M1345" i="2"/>
  <c r="M1319" i="5" s="1"/>
  <c r="M3541" i="2"/>
  <c r="M3515" i="5" s="1"/>
  <c r="M6384" i="2"/>
  <c r="M6358" i="5" s="1"/>
  <c r="M8594" i="2"/>
  <c r="M8568" i="5" s="1"/>
  <c r="M6039" i="2"/>
  <c r="M6013" i="5" s="1"/>
  <c r="M5717" i="2"/>
  <c r="M5691" i="5" s="1"/>
  <c r="M6881" i="2"/>
  <c r="M6855" i="5" s="1"/>
  <c r="M5558" i="2"/>
  <c r="M5532" i="5" s="1"/>
  <c r="M2216" i="2"/>
  <c r="M2190" i="5" s="1"/>
  <c r="M7883" i="2"/>
  <c r="M7857" i="5" s="1"/>
  <c r="M5051" i="2"/>
  <c r="M5025" i="5" s="1"/>
  <c r="M3887" i="2"/>
  <c r="M3861" i="5" s="1"/>
  <c r="M6066" i="2"/>
  <c r="M6040" i="5" s="1"/>
  <c r="M4708" i="2"/>
  <c r="M4682" i="5" s="1"/>
  <c r="M7225" i="2"/>
  <c r="M7199" i="5" s="1"/>
  <c r="M4369" i="2"/>
  <c r="M4343" i="5" s="1"/>
  <c r="M1186" i="2"/>
  <c r="M1160" i="5" s="1"/>
  <c r="M1510" i="2"/>
  <c r="M1484" i="5" s="1"/>
  <c r="M4389" i="2"/>
  <c r="M4363" i="5" s="1"/>
  <c r="M1544" i="2"/>
  <c r="M1518" i="5" s="1"/>
  <c r="M6051" i="2"/>
  <c r="M6025" i="5" s="1"/>
  <c r="M364" i="2"/>
  <c r="M338" i="5" s="1"/>
  <c r="M1167" i="2"/>
  <c r="M1141" i="5" s="1"/>
  <c r="M1678" i="2"/>
  <c r="M1652" i="5" s="1"/>
  <c r="M8258" i="2"/>
  <c r="M8232" i="5" s="1"/>
  <c r="M2012" i="2"/>
  <c r="M1986" i="5" s="1"/>
  <c r="M7050" i="2"/>
  <c r="M7024" i="5" s="1"/>
  <c r="M4033" i="2"/>
  <c r="M4007" i="5" s="1"/>
  <c r="M6552" i="2"/>
  <c r="M6526" i="5" s="1"/>
  <c r="M3384" i="2"/>
  <c r="M3358" i="5" s="1"/>
  <c r="M7902" i="2"/>
  <c r="M7876" i="5" s="1"/>
  <c r="M7047" i="2"/>
  <c r="M7021" i="5" s="1"/>
  <c r="M6208" i="2"/>
  <c r="M6182" i="5" s="1"/>
  <c r="M3728" i="2"/>
  <c r="M3702" i="5" s="1"/>
  <c r="M4197" i="2"/>
  <c r="M4171" i="5" s="1"/>
  <c r="M1690" i="2"/>
  <c r="M1664" i="5" s="1"/>
  <c r="M1019" i="2"/>
  <c r="M993" i="5" s="1"/>
  <c r="M4201" i="2"/>
  <c r="M4175" i="5" s="1"/>
  <c r="M3721" i="2"/>
  <c r="M3695" i="5" s="1"/>
  <c r="M521" i="2"/>
  <c r="M495" i="5" s="1"/>
  <c r="M524" i="2"/>
  <c r="M498" i="5" s="1"/>
  <c r="M3350" i="2"/>
  <c r="M3324" i="5" s="1"/>
  <c r="M664" i="2"/>
  <c r="M638" i="5" s="1"/>
  <c r="M7386" i="2"/>
  <c r="M7360" i="5" s="1"/>
  <c r="M3702" i="2"/>
  <c r="M3676" i="5" s="1"/>
  <c r="M8426" i="2"/>
  <c r="M8400" i="5" s="1"/>
  <c r="M7214" i="2"/>
  <c r="M7188" i="5" s="1"/>
  <c r="M6389" i="2"/>
  <c r="M6363" i="5" s="1"/>
  <c r="M858" i="2"/>
  <c r="M832" i="5" s="1"/>
  <c r="M1711" i="2"/>
  <c r="M1685" i="5" s="1"/>
  <c r="M7063" i="2"/>
  <c r="M7037" i="5" s="1"/>
  <c r="M866" i="2"/>
  <c r="M840" i="5" s="1"/>
  <c r="M4903" i="2"/>
  <c r="M4877" i="5" s="1"/>
  <c r="M3032" i="2"/>
  <c r="M3006" i="5" s="1"/>
  <c r="M2703" i="2"/>
  <c r="M2677" i="5" s="1"/>
  <c r="M4859" i="2"/>
  <c r="M4833" i="5" s="1"/>
  <c r="M4863" i="2"/>
  <c r="M4837" i="5" s="1"/>
  <c r="M7552" i="2"/>
  <c r="M7526" i="5" s="1"/>
  <c r="M6711" i="2"/>
  <c r="M6685" i="5" s="1"/>
  <c r="M7382" i="2"/>
  <c r="M7356" i="5" s="1"/>
  <c r="M6745" i="2"/>
  <c r="M6719" i="5" s="1"/>
  <c r="M5911" i="2"/>
  <c r="M5885" i="5" s="1"/>
  <c r="M4715" i="2"/>
  <c r="M4689" i="5" s="1"/>
  <c r="M5196" i="2"/>
  <c r="M5170" i="5" s="1"/>
  <c r="M2685" i="2"/>
  <c r="M2659" i="5" s="1"/>
  <c r="M1021" i="2"/>
  <c r="M995" i="5" s="1"/>
  <c r="M7893" i="2"/>
  <c r="M7867" i="5" s="1"/>
  <c r="M200" i="2"/>
  <c r="M174" i="5" s="1"/>
  <c r="M1501" i="2"/>
  <c r="M1475" i="5" s="1"/>
  <c r="M7080" i="2"/>
  <c r="M7054" i="5" s="1"/>
  <c r="M1696" i="2"/>
  <c r="M1670" i="5" s="1"/>
  <c r="M361" i="2"/>
  <c r="M335" i="5" s="1"/>
  <c r="M8072" i="2"/>
  <c r="M8046" i="5" s="1"/>
  <c r="M5046" i="2"/>
  <c r="M5020" i="5" s="1"/>
  <c r="M2519" i="2"/>
  <c r="M2493" i="5" s="1"/>
  <c r="M6062" i="2"/>
  <c r="M6036" i="5" s="1"/>
  <c r="M695" i="2"/>
  <c r="M669" i="5" s="1"/>
  <c r="M3051" i="2"/>
  <c r="M3025" i="5" s="1"/>
  <c r="M1668" i="2"/>
  <c r="M1642" i="5" s="1"/>
  <c r="M5030" i="2"/>
  <c r="M5004" i="5" s="1"/>
  <c r="M8597" i="2"/>
  <c r="M8571" i="5" s="1"/>
  <c r="M6214" i="2"/>
  <c r="M6188" i="5" s="1"/>
  <c r="M5905" i="2"/>
  <c r="M5879" i="5" s="1"/>
  <c r="M4230" i="2"/>
  <c r="M4204" i="5" s="1"/>
  <c r="M6891" i="2"/>
  <c r="M6865" i="5" s="1"/>
  <c r="M8228" i="2"/>
  <c r="M8202" i="5" s="1"/>
  <c r="M8726" i="2"/>
  <c r="M8700" i="5" s="1"/>
  <c r="M3723" i="2"/>
  <c r="M3697" i="5" s="1"/>
  <c r="M4564" i="2"/>
  <c r="M4538" i="5" s="1"/>
  <c r="M3022" i="2"/>
  <c r="M2996" i="5" s="1"/>
  <c r="M3026" i="2"/>
  <c r="M3000" i="5" s="1"/>
  <c r="M8390" i="2"/>
  <c r="M8364" i="5" s="1"/>
  <c r="M6550" i="2"/>
  <c r="M6524" i="5" s="1"/>
  <c r="M331" i="2"/>
  <c r="M305" i="5" s="1"/>
  <c r="M6065" i="2"/>
  <c r="M6039" i="5" s="1"/>
  <c r="M3023" i="2"/>
  <c r="M2997" i="5" s="1"/>
  <c r="M8599" i="2"/>
  <c r="M8573" i="5" s="1"/>
  <c r="M5069" i="2"/>
  <c r="M5043" i="5" s="1"/>
  <c r="M5733" i="2"/>
  <c r="M5707" i="5" s="1"/>
  <c r="M8392" i="2"/>
  <c r="M8366" i="5" s="1"/>
  <c r="M8050" i="2"/>
  <c r="M8024" i="5" s="1"/>
  <c r="M4392" i="2"/>
  <c r="M4366" i="5" s="1"/>
  <c r="M3555" i="2"/>
  <c r="M3529" i="5" s="1"/>
  <c r="M6237" i="2"/>
  <c r="M6211" i="5" s="1"/>
  <c r="M7548" i="2"/>
  <c r="M7522" i="5" s="1"/>
  <c r="M8769" i="2"/>
  <c r="M8743" i="5" s="1"/>
  <c r="M3218" i="2"/>
  <c r="M3192" i="5" s="1"/>
  <c r="M1005" i="2"/>
  <c r="M979" i="5" s="1"/>
  <c r="M168" i="2"/>
  <c r="M142" i="5" s="1"/>
  <c r="M5740" i="2"/>
  <c r="M5714" i="5" s="1"/>
  <c r="M841" i="2"/>
  <c r="M815" i="5" s="1"/>
  <c r="M8765" i="2"/>
  <c r="M8739" i="5" s="1"/>
  <c r="M4532" i="2"/>
  <c r="M4506" i="5" s="1"/>
  <c r="M8399" i="2"/>
  <c r="M8373" i="5" s="1"/>
  <c r="M8759" i="2"/>
  <c r="M8733" i="5" s="1"/>
  <c r="M6401" i="2"/>
  <c r="M6375" i="5" s="1"/>
  <c r="M2011" i="2"/>
  <c r="M1985" i="5" s="1"/>
  <c r="M5062" i="2"/>
  <c r="M5036" i="5" s="1"/>
  <c r="M2705" i="2"/>
  <c r="M2679" i="5" s="1"/>
  <c r="M4195" i="2"/>
  <c r="M4169" i="5" s="1"/>
  <c r="M7230" i="2"/>
  <c r="M7204" i="5" s="1"/>
  <c r="M5882" i="2"/>
  <c r="M5856" i="5" s="1"/>
  <c r="M7407" i="2"/>
  <c r="M7381" i="5" s="1"/>
  <c r="M6907" i="2"/>
  <c r="M6881" i="5" s="1"/>
  <c r="M2360" i="2"/>
  <c r="M2334" i="5" s="1"/>
  <c r="M2715" i="2"/>
  <c r="M2689" i="5" s="1"/>
  <c r="M861" i="2"/>
  <c r="M835" i="5" s="1"/>
  <c r="M5390" i="2"/>
  <c r="M5364" i="5" s="1"/>
  <c r="M3185" i="2"/>
  <c r="M3159" i="5" s="1"/>
  <c r="M8580" i="2"/>
  <c r="M8554" i="5" s="1"/>
  <c r="M685" i="2"/>
  <c r="M659" i="5" s="1"/>
  <c r="M8557" i="2"/>
  <c r="M8531" i="5" s="1"/>
  <c r="M2506" i="2"/>
  <c r="M2480" i="5" s="1"/>
  <c r="M7889" i="2"/>
  <c r="M7863" i="5" s="1"/>
  <c r="M8587" i="2"/>
  <c r="M8561" i="5" s="1"/>
  <c r="M3706" i="2"/>
  <c r="M3680" i="5" s="1"/>
  <c r="M2859" i="2"/>
  <c r="M2833" i="5" s="1"/>
  <c r="M705" i="2"/>
  <c r="M679" i="5" s="1"/>
  <c r="M8572" i="2"/>
  <c r="M8546" i="5" s="1"/>
  <c r="M7220" i="2"/>
  <c r="M7194" i="5" s="1"/>
  <c r="M525" i="2"/>
  <c r="M499" i="5" s="1"/>
  <c r="M701" i="2"/>
  <c r="M675" i="5" s="1"/>
  <c r="M1367" i="2"/>
  <c r="M1341" i="5" s="1"/>
  <c r="M503" i="2"/>
  <c r="M477" i="5" s="1"/>
  <c r="M5745" i="2"/>
  <c r="M5719" i="5" s="1"/>
  <c r="M7736" i="2"/>
  <c r="M7710" i="5" s="1"/>
  <c r="M1000" i="2"/>
  <c r="M974" i="5" s="1"/>
  <c r="M2027" i="2"/>
  <c r="M2001" i="5" s="1"/>
  <c r="M2028" i="2"/>
  <c r="M2002" i="5" s="1"/>
  <c r="M7048" i="2"/>
  <c r="M7022" i="5" s="1"/>
  <c r="M6746" i="2"/>
  <c r="M6720" i="5" s="1"/>
  <c r="M2542" i="2"/>
  <c r="M2516" i="5" s="1"/>
  <c r="M5892" i="2"/>
  <c r="M5866" i="5" s="1"/>
  <c r="M8092" i="2"/>
  <c r="M8066" i="5" s="1"/>
  <c r="M7887" i="2"/>
  <c r="M7861" i="5" s="1"/>
  <c r="M5572" i="2"/>
  <c r="M5546" i="5" s="1"/>
  <c r="M7916" i="2"/>
  <c r="M7890" i="5" s="1"/>
  <c r="M3523" i="2"/>
  <c r="M3497" i="5" s="1"/>
  <c r="M5208" i="2"/>
  <c r="M5182" i="5" s="1"/>
  <c r="M1343" i="2"/>
  <c r="M1317" i="5" s="1"/>
  <c r="M6727" i="2"/>
  <c r="M6701" i="5" s="1"/>
  <c r="M3529" i="2"/>
  <c r="M3503" i="5" s="1"/>
  <c r="M8062" i="2"/>
  <c r="M8036" i="5" s="1"/>
  <c r="M6556" i="2"/>
  <c r="M6530" i="5" s="1"/>
  <c r="M1863" i="2"/>
  <c r="M1837" i="5" s="1"/>
  <c r="M2044" i="2"/>
  <c r="M2018" i="5" s="1"/>
  <c r="M7564" i="2"/>
  <c r="M7538" i="5" s="1"/>
  <c r="M4539" i="2"/>
  <c r="M4513" i="5" s="1"/>
  <c r="M3220" i="2"/>
  <c r="M3194" i="5" s="1"/>
  <c r="M4703" i="2"/>
  <c r="M4677" i="5" s="1"/>
  <c r="M6211" i="2"/>
  <c r="M6185" i="5" s="1"/>
  <c r="M8387" i="2"/>
  <c r="M8361" i="5" s="1"/>
  <c r="M8069" i="2"/>
  <c r="M8043" i="5" s="1"/>
  <c r="M5229" i="2"/>
  <c r="M5203" i="5" s="1"/>
  <c r="M8076" i="2"/>
  <c r="M8050" i="5" s="1"/>
  <c r="M862" i="2"/>
  <c r="M836" i="5" s="1"/>
  <c r="M5531" i="2"/>
  <c r="M5505" i="5" s="1"/>
  <c r="M1670" i="2"/>
  <c r="M1644" i="5" s="1"/>
  <c r="M2509" i="2"/>
  <c r="M2483" i="5" s="1"/>
  <c r="M1333" i="2"/>
  <c r="M1307" i="5" s="1"/>
  <c r="M1025" i="2"/>
  <c r="M999" i="5" s="1"/>
  <c r="M2524" i="2"/>
  <c r="M2498" i="5" s="1"/>
  <c r="M3052" i="2"/>
  <c r="M3026" i="5" s="1"/>
  <c r="M5231" i="2"/>
  <c r="M5205" i="5" s="1"/>
  <c r="M1009" i="2"/>
  <c r="M983" i="5" s="1"/>
  <c r="M7425" i="2"/>
  <c r="M7399" i="5" s="1"/>
  <c r="M3353" i="2"/>
  <c r="M3327" i="5" s="1"/>
  <c r="M3190" i="2"/>
  <c r="M3164" i="5" s="1"/>
  <c r="M2178" i="2"/>
  <c r="M2152" i="5" s="1"/>
  <c r="M1203" i="2"/>
  <c r="M1177" i="5" s="1"/>
  <c r="M7393" i="2"/>
  <c r="M7367" i="5" s="1"/>
  <c r="M7237" i="2"/>
  <c r="M7211" i="5" s="1"/>
  <c r="M8407" i="2"/>
  <c r="M8381" i="5" s="1"/>
  <c r="M8593" i="2"/>
  <c r="M8567" i="5" s="1"/>
  <c r="M5197" i="2"/>
  <c r="M5171" i="5" s="1"/>
  <c r="M7384" i="2"/>
  <c r="M7358" i="5" s="1"/>
  <c r="M6396" i="2"/>
  <c r="M6370" i="5" s="1"/>
  <c r="M3700" i="2"/>
  <c r="M3674" i="5" s="1"/>
  <c r="M4372" i="2"/>
  <c r="M4346" i="5" s="1"/>
  <c r="M3516" i="2"/>
  <c r="M3490" i="5" s="1"/>
  <c r="M322" i="2"/>
  <c r="M296" i="5" s="1"/>
  <c r="M3856" i="2"/>
  <c r="M3830" i="5" s="1"/>
  <c r="M4888" i="2"/>
  <c r="M4862" i="5" s="1"/>
  <c r="M337" i="2"/>
  <c r="M311" i="5" s="1"/>
  <c r="M4045" i="2"/>
  <c r="M4019" i="5" s="1"/>
  <c r="M6565" i="2"/>
  <c r="M6539" i="5" s="1"/>
  <c r="M4729" i="2"/>
  <c r="M4703" i="5" s="1"/>
  <c r="M2208" i="2"/>
  <c r="M2182" i="5" s="1"/>
  <c r="M5232" i="2"/>
  <c r="M5206" i="5" s="1"/>
  <c r="M7046" i="2"/>
  <c r="M7020" i="5" s="1"/>
  <c r="M6072" i="2"/>
  <c r="M6046" i="5" s="1"/>
  <c r="M5241" i="2"/>
  <c r="M5215" i="5" s="1"/>
  <c r="M3372" i="2"/>
  <c r="M3346" i="5" s="1"/>
  <c r="M3383" i="2"/>
  <c r="M3357" i="5" s="1"/>
  <c r="M8749" i="2"/>
  <c r="M8723" i="5" s="1"/>
  <c r="M7918" i="2"/>
  <c r="M7892" i="5" s="1"/>
  <c r="M3388" i="2"/>
  <c r="M3362" i="5" s="1"/>
  <c r="M184" i="2"/>
  <c r="M158" i="5" s="1"/>
  <c r="M5055" i="2"/>
  <c r="M5029" i="5" s="1"/>
  <c r="M6055" i="2"/>
  <c r="M6029" i="5" s="1"/>
  <c r="M155" i="2"/>
  <c r="M129" i="5" s="1"/>
  <c r="M4037" i="2"/>
  <c r="M4011" i="5" s="1"/>
  <c r="M1539" i="2"/>
  <c r="M1513" i="5" s="1"/>
  <c r="M2677" i="2"/>
  <c r="M2651" i="5" s="1"/>
  <c r="M3888" i="2"/>
  <c r="M3862" i="5" s="1"/>
  <c r="M6877" i="2"/>
  <c r="M6851" i="5" s="1"/>
  <c r="M8221" i="2"/>
  <c r="M8195" i="5" s="1"/>
  <c r="M2547" i="2"/>
  <c r="M2521" i="5" s="1"/>
  <c r="M6049" i="2"/>
  <c r="M6023" i="5" s="1"/>
  <c r="M4384" i="2"/>
  <c r="M4358" i="5" s="1"/>
  <c r="M694" i="2"/>
  <c r="M668" i="5" s="1"/>
  <c r="M3351" i="2"/>
  <c r="M3325" i="5" s="1"/>
  <c r="M8744" i="2"/>
  <c r="M8718" i="5" s="1"/>
  <c r="M7742" i="2"/>
  <c r="M7716" i="5" s="1"/>
  <c r="M847" i="2"/>
  <c r="M821" i="5" s="1"/>
  <c r="M4203" i="2"/>
  <c r="M4177" i="5" s="1"/>
  <c r="M174" i="2"/>
  <c r="M148" i="5" s="1"/>
  <c r="M3209" i="2"/>
  <c r="M3183" i="5" s="1"/>
  <c r="M1001" i="2"/>
  <c r="M975" i="5" s="1"/>
  <c r="M4527" i="2"/>
  <c r="M4501" i="5" s="1"/>
  <c r="M5230" i="2"/>
  <c r="M5204" i="5" s="1"/>
  <c r="M7569" i="2"/>
  <c r="M7543" i="5" s="1"/>
  <c r="M1341" i="2"/>
  <c r="M1315" i="5" s="1"/>
  <c r="M4229" i="2"/>
  <c r="M4203" i="5" s="1"/>
  <c r="M8428" i="2"/>
  <c r="M8402" i="5" s="1"/>
  <c r="M2709" i="2"/>
  <c r="M2683" i="5" s="1"/>
  <c r="M3518" i="2"/>
  <c r="M3492" i="5" s="1"/>
  <c r="M4048" i="2"/>
  <c r="M4022" i="5" s="1"/>
  <c r="M1172" i="2"/>
  <c r="M1146" i="5" s="1"/>
  <c r="M6225" i="2"/>
  <c r="M6199" i="5" s="1"/>
  <c r="M6403" i="2"/>
  <c r="M6377" i="5" s="1"/>
  <c r="M1514" i="2"/>
  <c r="M1488" i="5" s="1"/>
  <c r="M1181" i="2"/>
  <c r="M1155" i="5" s="1"/>
  <c r="M4052" i="2"/>
  <c r="M4026" i="5" s="1"/>
  <c r="M1518" i="2"/>
  <c r="M1492" i="5" s="1"/>
  <c r="M4023" i="2"/>
  <c r="M3997" i="5" s="1"/>
  <c r="M7886" i="2"/>
  <c r="M7860" i="5" s="1"/>
  <c r="M8096" i="2"/>
  <c r="M8070" i="5" s="1"/>
  <c r="M8052" i="2"/>
  <c r="M8026" i="5" s="1"/>
  <c r="M3221" i="2"/>
  <c r="M3195" i="5" s="1"/>
  <c r="M5902" i="2"/>
  <c r="M5876" i="5" s="1"/>
  <c r="M2710" i="2"/>
  <c r="M2684" i="5" s="1"/>
  <c r="M4544" i="2"/>
  <c r="M4518" i="5" s="1"/>
  <c r="M5534" i="2"/>
  <c r="M5508" i="5" s="1"/>
  <c r="M7760" i="2"/>
  <c r="M7734" i="5" s="1"/>
  <c r="M1698" i="2"/>
  <c r="M1672" i="5" s="1"/>
  <c r="M8729" i="2"/>
  <c r="M8703" i="5" s="1"/>
  <c r="M5883" i="2"/>
  <c r="M5857" i="5" s="1"/>
  <c r="M4029" i="2"/>
  <c r="M4003" i="5" s="1"/>
  <c r="M857" i="2"/>
  <c r="M831" i="5" s="1"/>
  <c r="M1032" i="2"/>
  <c r="M1006" i="5" s="1"/>
  <c r="M860" i="2"/>
  <c r="M834" i="5" s="1"/>
  <c r="M8748" i="2"/>
  <c r="M8722" i="5" s="1"/>
  <c r="M4895" i="2"/>
  <c r="M4869" i="5" s="1"/>
  <c r="M4897" i="2"/>
  <c r="M4871" i="5" s="1"/>
  <c r="M5562" i="2"/>
  <c r="M5536" i="5" s="1"/>
  <c r="M7549" i="2"/>
  <c r="M7523" i="5" s="1"/>
  <c r="M3376" i="2"/>
  <c r="M3350" i="5" s="1"/>
  <c r="M5705" i="2"/>
  <c r="M5679" i="5" s="1"/>
  <c r="M5706" i="2"/>
  <c r="M5680" i="5" s="1"/>
  <c r="M669" i="2"/>
  <c r="M643" i="5" s="1"/>
  <c r="M4394" i="2"/>
  <c r="M4368" i="5" s="1"/>
  <c r="M4866" i="2"/>
  <c r="M4840" i="5" s="1"/>
  <c r="M7246" i="2"/>
  <c r="M7220" i="5" s="1"/>
  <c r="M6579" i="2"/>
  <c r="M6553" i="5" s="1"/>
  <c r="M2714" i="2"/>
  <c r="M2688" i="5" s="1"/>
  <c r="M8768" i="2"/>
  <c r="M8742" i="5" s="1"/>
  <c r="M3860" i="2"/>
  <c r="M3834" i="5" s="1"/>
  <c r="M7390" i="2"/>
  <c r="M7364" i="5" s="1"/>
  <c r="M1523" i="2"/>
  <c r="M1497" i="5" s="1"/>
  <c r="M7558" i="2"/>
  <c r="M7532" i="5" s="1"/>
  <c r="M7253" i="2"/>
  <c r="M7227" i="5" s="1"/>
  <c r="M8578" i="2"/>
  <c r="M8552" i="5" s="1"/>
  <c r="M3720" i="2"/>
  <c r="M3694" i="5" s="1"/>
  <c r="M4213" i="2"/>
  <c r="M4187" i="5" s="1"/>
  <c r="M2850" i="2"/>
  <c r="M2824" i="5" s="1"/>
  <c r="M8068" i="2"/>
  <c r="M8042" i="5" s="1"/>
  <c r="M3857" i="2"/>
  <c r="M3831" i="5" s="1"/>
  <c r="M3040" i="2"/>
  <c r="M3014" i="5" s="1"/>
  <c r="M2199" i="2"/>
  <c r="M2173" i="5" s="1"/>
  <c r="M6382" i="2"/>
  <c r="M6356" i="5" s="1"/>
  <c r="M8728" i="2"/>
  <c r="M8702" i="5" s="1"/>
  <c r="M6886" i="2"/>
  <c r="M6860" i="5" s="1"/>
  <c r="M3378" i="2"/>
  <c r="M3352" i="5" s="1"/>
  <c r="M165" i="2"/>
  <c r="M139" i="5" s="1"/>
  <c r="M2352" i="2"/>
  <c r="M2326" i="5" s="1"/>
  <c r="M999" i="2"/>
  <c r="M973" i="5" s="1"/>
  <c r="M4882" i="2"/>
  <c r="M4856" i="5" s="1"/>
  <c r="M1878" i="2"/>
  <c r="M1852" i="5" s="1"/>
  <c r="M3520" i="2"/>
  <c r="M3494" i="5" s="1"/>
  <c r="M7389" i="2"/>
  <c r="M7363" i="5" s="1"/>
  <c r="M6395" i="2"/>
  <c r="M6369" i="5" s="1"/>
  <c r="M534" i="2"/>
  <c r="M508" i="5" s="1"/>
  <c r="M1860" i="2"/>
  <c r="M1834" i="5" s="1"/>
  <c r="M7554" i="2"/>
  <c r="M7528" i="5" s="1"/>
  <c r="M6889" i="2"/>
  <c r="M6863" i="5" s="1"/>
  <c r="M3352" i="2"/>
  <c r="M3326" i="5" s="1"/>
  <c r="M6205" i="2"/>
  <c r="M6179" i="5" s="1"/>
  <c r="M4873" i="2"/>
  <c r="M4847" i="5" s="1"/>
  <c r="M3386" i="2"/>
  <c r="M3360" i="5" s="1"/>
  <c r="M6920" i="2"/>
  <c r="M6894" i="5" s="1"/>
  <c r="M6713" i="2"/>
  <c r="M6687" i="5" s="1"/>
  <c r="M6219" i="2"/>
  <c r="M6193" i="5" s="1"/>
  <c r="M5388" i="2"/>
  <c r="M5362" i="5" s="1"/>
  <c r="M5056" i="2"/>
  <c r="M5030" i="5" s="1"/>
  <c r="M4019" i="2"/>
  <c r="M3993" i="5" s="1"/>
  <c r="M4899" i="2"/>
  <c r="M4873" i="5" s="1"/>
  <c r="M2009" i="2"/>
  <c r="M1983" i="5" s="1"/>
  <c r="M1691" i="2"/>
  <c r="M1665" i="5" s="1"/>
  <c r="M3180" i="2"/>
  <c r="M3154" i="5" s="1"/>
  <c r="M4536" i="2"/>
  <c r="M4510" i="5" s="1"/>
  <c r="M4717" i="2"/>
  <c r="M4691" i="5" s="1"/>
  <c r="M345" i="2"/>
  <c r="M319" i="5" s="1"/>
  <c r="M1340" i="2"/>
  <c r="M1314" i="5" s="1"/>
  <c r="M356" i="2"/>
  <c r="M330" i="5" s="1"/>
  <c r="M2881" i="2"/>
  <c r="M2855" i="5" s="1"/>
  <c r="M7413" i="2"/>
  <c r="M7387" i="5" s="1"/>
  <c r="M8237" i="2"/>
  <c r="M8211" i="5" s="1"/>
  <c r="M6726" i="2"/>
  <c r="M6700" i="5" s="1"/>
  <c r="M4690" i="2"/>
  <c r="M4664" i="5" s="1"/>
  <c r="M2691" i="2"/>
  <c r="M2665" i="5" s="1"/>
  <c r="M4224" i="2"/>
  <c r="M4198" i="5" s="1"/>
  <c r="M4725" i="2"/>
  <c r="M4699" i="5" s="1"/>
  <c r="M7387" i="2"/>
  <c r="M7361" i="5" s="1"/>
  <c r="M1027" i="2"/>
  <c r="M1001" i="5" s="1"/>
  <c r="M4047" i="2"/>
  <c r="M4021" i="5" s="1"/>
  <c r="M3178" i="2"/>
  <c r="M3152" i="5" s="1"/>
  <c r="M7060" i="2"/>
  <c r="M7034" i="5" s="1"/>
  <c r="M1208" i="2"/>
  <c r="M1182" i="5" s="1"/>
  <c r="M1040" i="2"/>
  <c r="M1014" i="5" s="1"/>
  <c r="M5224" i="2"/>
  <c r="M5198" i="5" s="1"/>
  <c r="M3560" i="2"/>
  <c r="M3534" i="5" s="1"/>
  <c r="M8412" i="2"/>
  <c r="M8386" i="5" s="1"/>
  <c r="M4040" i="2"/>
  <c r="M4014" i="5" s="1"/>
  <c r="M5540" i="2"/>
  <c r="M5514" i="5" s="1"/>
  <c r="M7739" i="2"/>
  <c r="M7713" i="5" s="1"/>
  <c r="M2364" i="2"/>
  <c r="M2338" i="5" s="1"/>
  <c r="M6241" i="2"/>
  <c r="M6215" i="5" s="1"/>
  <c r="M7560" i="2"/>
  <c r="M7534" i="5" s="1"/>
  <c r="M8405" i="2"/>
  <c r="M8379" i="5" s="1"/>
  <c r="M667" i="2"/>
  <c r="M641" i="5" s="1"/>
  <c r="M2711" i="2"/>
  <c r="M2685" i="5" s="1"/>
  <c r="M3704" i="2"/>
  <c r="M3678" i="5" s="1"/>
  <c r="M2874" i="2"/>
  <c r="M2848" i="5" s="1"/>
  <c r="M5049" i="2"/>
  <c r="M5023" i="5" s="1"/>
  <c r="M8233" i="2"/>
  <c r="M8207" i="5" s="1"/>
  <c r="M2373" i="2"/>
  <c r="M2347" i="5" s="1"/>
  <c r="M6041" i="2"/>
  <c r="M6015" i="5" s="1"/>
  <c r="M5904" i="2"/>
  <c r="M5878" i="5" s="1"/>
  <c r="M6052" i="2"/>
  <c r="M6026" i="5" s="1"/>
  <c r="M4220" i="2"/>
  <c r="M4194" i="5" s="1"/>
  <c r="M3048" i="2"/>
  <c r="M3022" i="5" s="1"/>
  <c r="M8077" i="2"/>
  <c r="M8051" i="5" s="1"/>
  <c r="M1209" i="2"/>
  <c r="M1183" i="5" s="1"/>
  <c r="M6553" i="2"/>
  <c r="M6527" i="5" s="1"/>
  <c r="M8088" i="2"/>
  <c r="M8062" i="5" s="1"/>
  <c r="M8073" i="2"/>
  <c r="M8047" i="5" s="1"/>
  <c r="M2880" i="2"/>
  <c r="M2854" i="5" s="1"/>
  <c r="M8224" i="2"/>
  <c r="M8198" i="5" s="1"/>
  <c r="M4877" i="2"/>
  <c r="M4851" i="5" s="1"/>
  <c r="M4726" i="2"/>
  <c r="M4700" i="5" s="1"/>
  <c r="M661" i="2"/>
  <c r="M635" i="5" s="1"/>
  <c r="M3532" i="2"/>
  <c r="M3506" i="5" s="1"/>
  <c r="M6878" i="2"/>
  <c r="M6852" i="5" s="1"/>
  <c r="M528" i="2"/>
  <c r="M502" i="5" s="1"/>
  <c r="M846" i="2"/>
  <c r="M820" i="5" s="1"/>
  <c r="M517" i="2"/>
  <c r="M491" i="5" s="1"/>
  <c r="M3380" i="2"/>
  <c r="M3354" i="5" s="1"/>
  <c r="M2868" i="2"/>
  <c r="M2842" i="5" s="1"/>
  <c r="M4697" i="2"/>
  <c r="M4671" i="5" s="1"/>
  <c r="M8064" i="2"/>
  <c r="M8038" i="5" s="1"/>
  <c r="M5383" i="2"/>
  <c r="M5357" i="5" s="1"/>
  <c r="M8743" i="2"/>
  <c r="M8717" i="5" s="1"/>
  <c r="M5393" i="2"/>
  <c r="M5367" i="5" s="1"/>
  <c r="M8433" i="2"/>
  <c r="M8407" i="5" s="1"/>
  <c r="M6915" i="2"/>
  <c r="M6889" i="5" s="1"/>
  <c r="M7578" i="2"/>
  <c r="M7552" i="5" s="1"/>
  <c r="M8595" i="2"/>
  <c r="M8569" i="5" s="1"/>
  <c r="M6075" i="2"/>
  <c r="M6049" i="5" s="1"/>
  <c r="M5557" i="2"/>
  <c r="M5531" i="5" s="1"/>
  <c r="M6073" i="2"/>
  <c r="M6047" i="5" s="1"/>
  <c r="M1700" i="2"/>
  <c r="M1674" i="5" s="1"/>
  <c r="M2181" i="2"/>
  <c r="M2155" i="5" s="1"/>
  <c r="M8094" i="2"/>
  <c r="M8068" i="5" s="1"/>
  <c r="M4232" i="2"/>
  <c r="M4206" i="5" s="1"/>
  <c r="M6715" i="2"/>
  <c r="M6689" i="5" s="1"/>
  <c r="M5699" i="2"/>
  <c r="M5673" i="5" s="1"/>
  <c r="M2047" i="2"/>
  <c r="M2021" i="5" s="1"/>
  <c r="M2211" i="2"/>
  <c r="M2185" i="5" s="1"/>
  <c r="M6911" i="2"/>
  <c r="M6885" i="5" s="1"/>
  <c r="M1867" i="2"/>
  <c r="M1841" i="5" s="1"/>
  <c r="M3559" i="2"/>
  <c r="M3533" i="5" s="1"/>
  <c r="M5042" i="2"/>
  <c r="M5016" i="5" s="1"/>
  <c r="M1702" i="2"/>
  <c r="M1676" i="5" s="1"/>
  <c r="M1689" i="2"/>
  <c r="M1663" i="5" s="1"/>
  <c r="M2344" i="2"/>
  <c r="M2318" i="5" s="1"/>
  <c r="M5376" i="2"/>
  <c r="M5350" i="5" s="1"/>
  <c r="M5233" i="2"/>
  <c r="M5207" i="5" s="1"/>
  <c r="M505" i="2"/>
  <c r="M479" i="5" s="1"/>
  <c r="M4211" i="2"/>
  <c r="M4185" i="5" s="1"/>
  <c r="M1364" i="2"/>
  <c r="M1338" i="5" s="1"/>
  <c r="M8566" i="2"/>
  <c r="M8540" i="5" s="1"/>
  <c r="M8416" i="2"/>
  <c r="M8390" i="5" s="1"/>
  <c r="M1003" i="2"/>
  <c r="M977" i="5" s="1"/>
  <c r="M6226" i="2"/>
  <c r="M6200" i="5" s="1"/>
  <c r="M3054" i="2"/>
  <c r="M3028" i="5" s="1"/>
  <c r="M6249" i="2"/>
  <c r="M6223" i="5" s="1"/>
  <c r="M4020" i="2"/>
  <c r="M3994" i="5" s="1"/>
  <c r="M2013" i="2"/>
  <c r="M1987" i="5" s="1"/>
  <c r="M870" i="2"/>
  <c r="M844" i="5" s="1"/>
  <c r="M5894" i="2"/>
  <c r="M5868" i="5" s="1"/>
  <c r="M7761" i="2"/>
  <c r="M7735" i="5" s="1"/>
  <c r="M994" i="2"/>
  <c r="M968" i="5" s="1"/>
  <c r="M2379" i="2"/>
  <c r="M2353" i="5" s="1"/>
  <c r="M1335" i="2"/>
  <c r="M1309" i="5" s="1"/>
  <c r="M2888" i="2"/>
  <c r="M2862" i="5" s="1"/>
  <c r="M3881" i="2"/>
  <c r="M3855" i="5" s="1"/>
  <c r="M7056" i="2"/>
  <c r="M7030" i="5" s="1"/>
  <c r="M4887" i="2"/>
  <c r="M4861" i="5" s="1"/>
  <c r="M6743" i="2"/>
  <c r="M6717" i="5" s="1"/>
  <c r="M5739" i="2"/>
  <c r="M5713" i="5" s="1"/>
  <c r="M4222" i="2"/>
  <c r="M4196" i="5" s="1"/>
  <c r="M2385" i="2"/>
  <c r="M2359" i="5" s="1"/>
  <c r="M2716" i="2"/>
  <c r="M2690" i="5" s="1"/>
  <c r="M5377" i="2"/>
  <c r="M5351" i="5" s="1"/>
  <c r="M1374" i="2"/>
  <c r="M1348" i="5" s="1"/>
  <c r="M4864" i="2"/>
  <c r="M4838" i="5" s="1"/>
  <c r="M4021" i="2"/>
  <c r="M3995" i="5" s="1"/>
  <c r="M2541" i="2"/>
  <c r="M2515" i="5" s="1"/>
  <c r="M6707" i="2"/>
  <c r="M6681" i="5" s="1"/>
  <c r="M6539" i="2"/>
  <c r="M6513" i="5" s="1"/>
  <c r="M2863" i="2"/>
  <c r="M2837" i="5" s="1"/>
  <c r="M5569" i="2"/>
  <c r="M5543" i="5" s="1"/>
  <c r="M5575" i="2"/>
  <c r="M5549" i="5" s="1"/>
  <c r="M7058" i="2"/>
  <c r="M7032" i="5" s="1"/>
  <c r="M7242" i="2"/>
  <c r="M7216" i="5" s="1"/>
  <c r="M1499" i="2"/>
  <c r="M1473" i="5" s="1"/>
  <c r="M7391" i="2"/>
  <c r="M7365" i="5" s="1"/>
  <c r="M6742" i="2"/>
  <c r="M6716" i="5" s="1"/>
  <c r="M8256" i="2"/>
  <c r="M8230" i="5" s="1"/>
  <c r="M2206" i="2"/>
  <c r="M2180" i="5" s="1"/>
  <c r="M8738" i="2"/>
  <c r="M8712" i="5" s="1"/>
  <c r="M2702" i="2"/>
  <c r="M2676" i="5" s="1"/>
  <c r="M7592" i="2"/>
  <c r="M7566" i="5" s="1"/>
  <c r="M1692" i="2"/>
  <c r="M1666" i="5" s="1"/>
  <c r="M8564" i="2"/>
  <c r="M8538" i="5" s="1"/>
  <c r="M3556" i="2"/>
  <c r="M3530" i="5" s="1"/>
  <c r="M690" i="2"/>
  <c r="M664" i="5" s="1"/>
  <c r="M1843" i="2"/>
  <c r="M1817" i="5" s="1"/>
  <c r="M7570" i="2"/>
  <c r="M7544" i="5" s="1"/>
  <c r="M5910" i="2"/>
  <c r="M5884" i="5" s="1"/>
  <c r="M6070" i="2"/>
  <c r="M6044" i="5" s="1"/>
  <c r="M6732" i="2"/>
  <c r="M6706" i="5" s="1"/>
  <c r="M8601" i="2"/>
  <c r="M8575" i="5" s="1"/>
  <c r="M7244" i="2"/>
  <c r="M7218" i="5" s="1"/>
  <c r="M6400" i="2"/>
  <c r="M6374" i="5" s="1"/>
  <c r="M177" i="2"/>
  <c r="M151" i="5" s="1"/>
  <c r="M4367" i="2"/>
  <c r="M4341" i="5" s="1"/>
  <c r="M2040" i="2"/>
  <c r="M2014" i="5" s="1"/>
  <c r="M180" i="2"/>
  <c r="M154" i="5" s="1"/>
  <c r="M8409" i="2"/>
  <c r="M8383" i="5" s="1"/>
  <c r="M7383" i="2"/>
  <c r="M7357" i="5" s="1"/>
  <c r="M5217" i="2"/>
  <c r="M5191" i="5" s="1"/>
  <c r="M6575" i="2"/>
  <c r="M6549" i="5" s="1"/>
  <c r="M6057" i="2"/>
  <c r="M6031" i="5" s="1"/>
  <c r="M1375" i="2"/>
  <c r="M1349" i="5" s="1"/>
  <c r="M3879" i="2"/>
  <c r="M3853" i="5" s="1"/>
  <c r="M6224" i="2"/>
  <c r="M6198" i="5" s="1"/>
  <c r="M6913" i="2"/>
  <c r="M6887" i="5" s="1"/>
  <c r="M5207" i="2"/>
  <c r="M5181" i="5" s="1"/>
  <c r="M7381" i="2"/>
  <c r="M7355" i="5" s="1"/>
  <c r="M4191" i="2"/>
  <c r="M4165" i="5" s="1"/>
  <c r="M5218" i="2"/>
  <c r="M5192" i="5" s="1"/>
  <c r="M6910" i="2"/>
  <c r="M6884" i="5" s="1"/>
  <c r="M6741" i="2"/>
  <c r="M6715" i="5" s="1"/>
  <c r="M3374" i="2"/>
  <c r="M3348" i="5" s="1"/>
  <c r="M4028" i="2"/>
  <c r="M4002" i="5" s="1"/>
  <c r="M4728" i="2"/>
  <c r="M4702" i="5" s="1"/>
  <c r="M2348" i="2"/>
  <c r="M2322" i="5" s="1"/>
  <c r="M4736" i="2"/>
  <c r="M4710" i="5" s="1"/>
  <c r="M5235" i="2"/>
  <c r="M5209" i="5" s="1"/>
  <c r="M4018" i="2"/>
  <c r="M3992" i="5" s="1"/>
  <c r="M2383" i="2"/>
  <c r="M2357" i="5" s="1"/>
  <c r="M5384" i="2"/>
  <c r="M5358" i="5" s="1"/>
  <c r="M1874" i="2"/>
  <c r="M1848" i="5" s="1"/>
  <c r="M4868" i="2"/>
  <c r="M4842" i="5" s="1"/>
  <c r="M1202" i="2"/>
  <c r="M1176" i="5" s="1"/>
  <c r="M7044" i="2"/>
  <c r="M7018" i="5" s="1"/>
  <c r="M7219" i="2"/>
  <c r="M7193" i="5" s="1"/>
  <c r="M5732" i="2"/>
  <c r="M5706" i="5" s="1"/>
  <c r="M4560" i="2"/>
  <c r="M4534" i="5" s="1"/>
  <c r="M2867" i="2"/>
  <c r="M2841" i="5" s="1"/>
  <c r="M8745" i="2"/>
  <c r="M8719" i="5" s="1"/>
  <c r="M1023" i="2"/>
  <c r="M997" i="5" s="1"/>
  <c r="M2010" i="2"/>
  <c r="M1984" i="5" s="1"/>
  <c r="M507" i="2"/>
  <c r="M481" i="5" s="1"/>
  <c r="M5395" i="2"/>
  <c r="M5369" i="5" s="1"/>
  <c r="M1174" i="2"/>
  <c r="M1148" i="5" s="1"/>
  <c r="M1015" i="2"/>
  <c r="M989" i="5" s="1"/>
  <c r="M3207" i="2"/>
  <c r="M3181" i="5" s="1"/>
  <c r="M3694" i="2"/>
  <c r="M3668" i="5" s="1"/>
  <c r="M8733" i="2"/>
  <c r="M8707" i="5" s="1"/>
  <c r="M7715" i="2"/>
  <c r="M7689" i="5" s="1"/>
  <c r="M532" i="2"/>
  <c r="M506" i="5" s="1"/>
  <c r="M2355" i="2"/>
  <c r="M2329" i="5" s="1"/>
  <c r="M7917" i="2"/>
  <c r="M7891" i="5" s="1"/>
  <c r="M1543" i="2"/>
  <c r="M1517" i="5" s="1"/>
  <c r="M5370" i="2"/>
  <c r="M5344" i="5" s="1"/>
  <c r="M4537" i="2"/>
  <c r="M4511" i="5" s="1"/>
  <c r="M504" i="2"/>
  <c r="M478" i="5" s="1"/>
  <c r="M4041" i="2"/>
  <c r="M4015" i="5" s="1"/>
  <c r="M7750" i="2"/>
  <c r="M7724" i="5" s="1"/>
  <c r="M2042" i="2"/>
  <c r="M2016" i="5" s="1"/>
  <c r="M6242" i="2"/>
  <c r="M6216" i="5" s="1"/>
  <c r="M8229" i="2"/>
  <c r="M8203" i="5" s="1"/>
  <c r="M2183" i="2"/>
  <c r="M2157" i="5" s="1"/>
  <c r="M4871" i="2"/>
  <c r="M4845" i="5" s="1"/>
  <c r="M3890" i="2"/>
  <c r="M3864" i="5" s="1"/>
  <c r="M7394" i="2"/>
  <c r="M7368" i="5" s="1"/>
  <c r="M8417" i="2"/>
  <c r="M8391" i="5" s="1"/>
  <c r="M842" i="2"/>
  <c r="M816" i="5" s="1"/>
  <c r="M852" i="2"/>
  <c r="M826" i="5" s="1"/>
  <c r="M2340" i="2"/>
  <c r="M2314" i="5" s="1"/>
  <c r="M4233" i="2"/>
  <c r="M4207" i="5" s="1"/>
  <c r="M1500" i="2"/>
  <c r="M1474" i="5" s="1"/>
  <c r="M4034" i="2"/>
  <c r="M4008" i="5" s="1"/>
  <c r="M4043" i="2"/>
  <c r="M4017" i="5" s="1"/>
  <c r="M4731" i="2"/>
  <c r="M4705" i="5" s="1"/>
  <c r="M1026" i="2"/>
  <c r="M1000" i="5" s="1"/>
  <c r="M7408" i="2"/>
  <c r="M7382" i="5" s="1"/>
  <c r="M7908" i="2"/>
  <c r="M7882" i="5" s="1"/>
  <c r="M6720" i="2"/>
  <c r="M6694" i="5" s="1"/>
  <c r="M6069" i="2"/>
  <c r="M6043" i="5" s="1"/>
  <c r="M3884" i="2"/>
  <c r="M3858" i="5" s="1"/>
  <c r="M5707" i="2"/>
  <c r="M5681" i="5" s="1"/>
  <c r="M4719" i="2"/>
  <c r="M4693" i="5" s="1"/>
  <c r="M8558" i="2"/>
  <c r="M8532" i="5" s="1"/>
  <c r="M4365" i="2"/>
  <c r="M4339" i="5" s="1"/>
  <c r="M5577" i="2"/>
  <c r="M5551" i="5" s="1"/>
  <c r="M8249" i="2"/>
  <c r="M8223" i="5" s="1"/>
  <c r="M2362" i="2"/>
  <c r="M2336" i="5" s="1"/>
  <c r="M1184" i="2"/>
  <c r="M1158" i="5" s="1"/>
  <c r="M4889" i="2"/>
  <c r="M4863" i="5" s="1"/>
  <c r="M6236" i="2"/>
  <c r="M6210" i="5" s="1"/>
  <c r="M3855" i="2"/>
  <c r="M3829" i="5" s="1"/>
  <c r="M167" i="2"/>
  <c r="M141" i="5" s="1"/>
  <c r="M7590" i="2"/>
  <c r="M7564" i="5" s="1"/>
  <c r="M1708" i="2"/>
  <c r="M1682" i="5" s="1"/>
  <c r="M514" i="2"/>
  <c r="M488" i="5" s="1"/>
  <c r="M8063" i="2"/>
  <c r="M8037" i="5" s="1"/>
  <c r="M697" i="2"/>
  <c r="M671" i="5" s="1"/>
  <c r="M6739" i="2"/>
  <c r="M6713" i="5" s="1"/>
  <c r="M1030" i="2"/>
  <c r="M1004" i="5" s="1"/>
  <c r="M8389" i="2"/>
  <c r="M8363" i="5" s="1"/>
  <c r="M3194" i="2"/>
  <c r="M3168" i="5" s="1"/>
  <c r="M1363" i="2"/>
  <c r="M1337" i="5" s="1"/>
  <c r="M175" i="2"/>
  <c r="M149" i="5" s="1"/>
  <c r="M836" i="2"/>
  <c r="M810" i="5" s="1"/>
  <c r="M500" i="2"/>
  <c r="M474" i="5" s="1"/>
  <c r="M1852" i="2"/>
  <c r="M1826" i="5" s="1"/>
  <c r="M6883" i="2"/>
  <c r="M6857" i="5" s="1"/>
  <c r="M8252" i="2"/>
  <c r="M8226" i="5" s="1"/>
  <c r="M7221" i="2"/>
  <c r="M7195" i="5" s="1"/>
  <c r="M3695" i="2"/>
  <c r="M3669" i="5" s="1"/>
  <c r="M679" i="2"/>
  <c r="M653" i="5" s="1"/>
  <c r="M1834" i="2"/>
  <c r="M1808" i="5" s="1"/>
  <c r="M1193" i="2"/>
  <c r="M1167" i="5" s="1"/>
  <c r="M5399" i="2"/>
  <c r="M5373" i="5" s="1"/>
  <c r="M7757" i="2"/>
  <c r="M7731" i="5" s="1"/>
  <c r="M5878" i="2"/>
  <c r="M5852" i="5" s="1"/>
  <c r="M1857" i="2"/>
  <c r="M1831" i="5" s="1"/>
  <c r="M4730" i="2"/>
  <c r="M4704" i="5" s="1"/>
  <c r="M1498" i="2"/>
  <c r="M1472" i="5" s="1"/>
  <c r="M178" i="2"/>
  <c r="M152" i="5" s="1"/>
  <c r="M4226" i="2"/>
  <c r="M4200" i="5" s="1"/>
  <c r="M3367" i="2"/>
  <c r="M3341" i="5" s="1"/>
  <c r="M675" i="2"/>
  <c r="M649" i="5" s="1"/>
  <c r="M693" i="2"/>
  <c r="M667" i="5" s="1"/>
  <c r="M2203" i="2"/>
  <c r="M2177" i="5" s="1"/>
  <c r="M8234" i="2"/>
  <c r="M8208" i="5" s="1"/>
  <c r="M3215" i="2"/>
  <c r="M3189" i="5" s="1"/>
  <c r="M5050" i="2"/>
  <c r="M5024" i="5" s="1"/>
  <c r="M3853" i="2"/>
  <c r="M3827" i="5" s="1"/>
  <c r="M696" i="2"/>
  <c r="M670" i="5" s="1"/>
  <c r="M2513" i="2"/>
  <c r="M2487" i="5" s="1"/>
  <c r="M172" i="2"/>
  <c r="M146" i="5" s="1"/>
  <c r="M3547" i="2"/>
  <c r="M3521" i="5" s="1"/>
  <c r="M1846" i="2"/>
  <c r="M1820" i="5" s="1"/>
  <c r="M5537" i="2"/>
  <c r="M5511" i="5" s="1"/>
  <c r="M6228" i="2"/>
  <c r="M6202" i="5" s="1"/>
  <c r="M7730" i="2"/>
  <c r="M7704" i="5" s="1"/>
  <c r="M6372" i="2"/>
  <c r="M6346" i="5" s="1"/>
  <c r="M2004" i="2"/>
  <c r="M1978" i="5" s="1"/>
  <c r="M2707" i="2"/>
  <c r="M2681" i="5" s="1"/>
  <c r="M6914" i="2"/>
  <c r="M6888" i="5" s="1"/>
  <c r="M5714" i="2"/>
  <c r="M5688" i="5" s="1"/>
  <c r="M3371" i="2"/>
  <c r="M3345" i="5" s="1"/>
  <c r="M8766" i="2"/>
  <c r="M8740" i="5" s="1"/>
  <c r="M1360" i="2"/>
  <c r="M1334" i="5" s="1"/>
  <c r="M3031" i="2"/>
  <c r="M3005" i="5" s="1"/>
  <c r="M5226" i="2"/>
  <c r="M5200" i="5" s="1"/>
  <c r="M1339" i="2"/>
  <c r="M1313" i="5" s="1"/>
  <c r="M4707" i="2"/>
  <c r="M4681" i="5" s="1"/>
  <c r="M2696" i="2"/>
  <c r="M2670" i="5" s="1"/>
  <c r="M190" i="2"/>
  <c r="M164" i="5" s="1"/>
  <c r="M7216" i="2"/>
  <c r="M7190" i="5" s="1"/>
  <c r="M8756" i="2"/>
  <c r="M8730" i="5" s="1"/>
  <c r="M4231" i="2"/>
  <c r="M4205" i="5" s="1"/>
  <c r="M341" i="2"/>
  <c r="M315" i="5" s="1"/>
  <c r="M4375" i="2"/>
  <c r="M4349" i="5" s="1"/>
  <c r="M3874" i="2"/>
  <c r="M3848" i="5" s="1"/>
  <c r="M7735" i="2"/>
  <c r="M7709" i="5" s="1"/>
  <c r="M4878" i="2"/>
  <c r="M4852" i="5" s="1"/>
  <c r="M3538" i="2"/>
  <c r="M3512" i="5" s="1"/>
  <c r="M2048" i="2"/>
  <c r="M2022" i="5" s="1"/>
  <c r="M7904" i="2"/>
  <c r="M7878" i="5" s="1"/>
  <c r="M2683" i="2"/>
  <c r="M2657" i="5" s="1"/>
  <c r="M3880" i="2"/>
  <c r="M3854" i="5" s="1"/>
  <c r="M1838" i="2"/>
  <c r="M1812" i="5" s="1"/>
  <c r="M8396" i="2"/>
  <c r="M8370" i="5" s="1"/>
  <c r="M5068" i="2"/>
  <c r="M5042" i="5" s="1"/>
  <c r="M6234" i="2"/>
  <c r="M6208" i="5" s="1"/>
  <c r="M5403" i="2"/>
  <c r="M5377" i="5" s="1"/>
  <c r="M4876" i="2"/>
  <c r="M4850" i="5" s="1"/>
  <c r="M7723" i="2"/>
  <c r="M7697" i="5" s="1"/>
  <c r="M2843" i="2"/>
  <c r="M2817" i="5" s="1"/>
  <c r="M6387" i="2"/>
  <c r="M6361" i="5" s="1"/>
  <c r="M7547" i="2"/>
  <c r="M7521" i="5" s="1"/>
  <c r="M7227" i="2"/>
  <c r="M7201" i="5" s="1"/>
  <c r="M5743" i="2"/>
  <c r="M5717" i="5" s="1"/>
  <c r="M5533" i="2"/>
  <c r="M5507" i="5" s="1"/>
  <c r="M3179" i="2"/>
  <c r="M3153" i="5" s="1"/>
  <c r="M1688" i="2"/>
  <c r="M1662" i="5" s="1"/>
  <c r="M5561" i="2"/>
  <c r="M5535" i="5" s="1"/>
  <c r="M6729" i="2"/>
  <c r="M6703" i="5" s="1"/>
  <c r="M164" i="2"/>
  <c r="M138" i="5" s="1"/>
  <c r="M3515" i="2"/>
  <c r="M3489" i="5" s="1"/>
  <c r="M4186" i="2"/>
  <c r="M4160" i="5" s="1"/>
  <c r="M3722" i="2"/>
  <c r="M3696" i="5" s="1"/>
  <c r="M5045" i="2"/>
  <c r="M5019" i="5" s="1"/>
  <c r="M5216" i="2"/>
  <c r="M5190" i="5" s="1"/>
  <c r="M5227" i="2"/>
  <c r="M5201" i="5" s="1"/>
  <c r="M4188" i="2"/>
  <c r="M4162" i="5" s="1"/>
  <c r="M5201" i="2"/>
  <c r="M5175" i="5" s="1"/>
  <c r="M678" i="2"/>
  <c r="M652" i="5" s="1"/>
  <c r="M4548" i="2"/>
  <c r="M4522" i="5" s="1"/>
  <c r="M3684" i="2"/>
  <c r="M3658" i="5" s="1"/>
  <c r="M8058" i="2"/>
  <c r="M8032" i="5" s="1"/>
  <c r="M3539" i="2"/>
  <c r="M3513" i="5" s="1"/>
  <c r="M4192" i="2"/>
  <c r="M4166" i="5" s="1"/>
  <c r="M2173" i="2"/>
  <c r="M2147" i="5" s="1"/>
  <c r="M5375" i="2"/>
  <c r="M5349" i="5" s="1"/>
  <c r="M3034" i="2"/>
  <c r="M3008" i="5" s="1"/>
  <c r="M4060" i="2"/>
  <c r="M4034" i="5" s="1"/>
  <c r="M5873" i="2"/>
  <c r="M5847" i="5" s="1"/>
  <c r="M6412" i="2"/>
  <c r="M6386" i="5" s="1"/>
  <c r="M181" i="2"/>
  <c r="M155" i="5" s="1"/>
  <c r="M3347" i="2"/>
  <c r="M3321" i="5" s="1"/>
  <c r="M8086" i="2"/>
  <c r="M8060" i="5" s="1"/>
  <c r="M2345" i="2"/>
  <c r="M2319" i="5" s="1"/>
  <c r="M7896" i="2"/>
  <c r="M7870" i="5" s="1"/>
  <c r="M5234" i="2"/>
  <c r="M5208" i="5" s="1"/>
  <c r="M5073" i="2"/>
  <c r="M5047" i="5" s="1"/>
  <c r="M1185" i="2"/>
  <c r="M1159" i="5" s="1"/>
  <c r="M3726" i="2"/>
  <c r="M3700" i="5" s="1"/>
  <c r="M8725" i="2"/>
  <c r="M8699" i="5" s="1"/>
  <c r="M2198" i="2"/>
  <c r="M2172" i="5" s="1"/>
  <c r="M7744" i="2"/>
  <c r="M7718" i="5" s="1"/>
  <c r="M2704" i="2"/>
  <c r="M2678" i="5" s="1"/>
  <c r="M7078" i="2"/>
  <c r="M7052" i="5" s="1"/>
  <c r="M8736" i="2"/>
  <c r="M8710" i="5" s="1"/>
  <c r="M1207" i="2"/>
  <c r="M1181" i="5" s="1"/>
  <c r="M8425" i="2"/>
  <c r="M8399" i="5" s="1"/>
  <c r="M2706" i="2"/>
  <c r="M2680" i="5" s="1"/>
  <c r="M1037" i="2"/>
  <c r="M1011" i="5" s="1"/>
  <c r="M4364" i="2"/>
  <c r="M4338" i="5" s="1"/>
  <c r="M1841" i="2"/>
  <c r="M1815" i="5" s="1"/>
  <c r="M8260" i="2"/>
  <c r="M8234" i="5" s="1"/>
  <c r="M7410" i="2"/>
  <c r="M7384" i="5" s="1"/>
  <c r="M6034" i="2"/>
  <c r="M6008" i="5" s="1"/>
  <c r="M7076" i="2"/>
  <c r="M7050" i="5" s="1"/>
  <c r="M3392" i="2"/>
  <c r="M3366" i="5" s="1"/>
  <c r="M3688" i="2"/>
  <c r="M3662" i="5" s="1"/>
  <c r="M4550" i="2"/>
  <c r="M4524" i="5" s="1"/>
  <c r="M4538" i="2"/>
  <c r="M4512" i="5" s="1"/>
  <c r="M3692" i="2"/>
  <c r="M3666" i="5" s="1"/>
  <c r="M7420" i="2"/>
  <c r="M7394" i="5" s="1"/>
  <c r="M6581" i="2"/>
  <c r="M6555" i="5" s="1"/>
  <c r="M5712" i="2"/>
  <c r="M5686" i="5" s="1"/>
  <c r="M8250" i="2"/>
  <c r="M8224" i="5" s="1"/>
  <c r="M3549" i="2"/>
  <c r="M3523" i="5" s="1"/>
  <c r="M7055" i="2"/>
  <c r="M7029" i="5" s="1"/>
  <c r="M2514" i="2"/>
  <c r="M2488" i="5" s="1"/>
  <c r="M3861" i="2"/>
  <c r="M3835" i="5" s="1"/>
  <c r="M5896" i="2"/>
  <c r="M5870" i="5" s="1"/>
  <c r="M8231" i="2"/>
  <c r="M8205" i="5" s="1"/>
  <c r="M2043" i="2"/>
  <c r="M2017" i="5" s="1"/>
  <c r="M3198" i="2"/>
  <c r="M3172" i="5" s="1"/>
  <c r="M8394" i="2"/>
  <c r="M8368" i="5" s="1"/>
  <c r="M5223" i="2"/>
  <c r="M5197" i="5" s="1"/>
  <c r="M7228" i="2"/>
  <c r="M7202" i="5" s="1"/>
  <c r="M5406" i="2"/>
  <c r="M5380" i="5" s="1"/>
  <c r="M2366" i="2"/>
  <c r="M2340" i="5" s="1"/>
  <c r="M5199" i="2"/>
  <c r="M5173" i="5" s="1"/>
  <c r="M6557" i="2"/>
  <c r="M6531" i="5" s="1"/>
  <c r="M8236" i="2"/>
  <c r="M8210" i="5" s="1"/>
  <c r="M1004" i="2"/>
  <c r="M978" i="5" s="1"/>
  <c r="M7213" i="2"/>
  <c r="M7187" i="5" s="1"/>
  <c r="M5565" i="2"/>
  <c r="M5539" i="5" s="1"/>
  <c r="M5907" i="2"/>
  <c r="M5881" i="5" s="1"/>
  <c r="M6892" i="2"/>
  <c r="M6866" i="5" s="1"/>
  <c r="M7912" i="2"/>
  <c r="M7886" i="5" s="1"/>
  <c r="M6538" i="2"/>
  <c r="M6512" i="5" s="1"/>
  <c r="M5887" i="2"/>
  <c r="M5861" i="5" s="1"/>
  <c r="M3863" i="2"/>
  <c r="M3837" i="5" s="1"/>
  <c r="M6890" i="2"/>
  <c r="M6864" i="5" s="1"/>
  <c r="M7245" i="2"/>
  <c r="M7219" i="5" s="1"/>
  <c r="M833" i="2"/>
  <c r="M807" i="5" s="1"/>
  <c r="M5881" i="2"/>
  <c r="M5855" i="5" s="1"/>
  <c r="M2372" i="2"/>
  <c r="M2346" i="5" s="1"/>
  <c r="M6223" i="2"/>
  <c r="M6197" i="5" s="1"/>
  <c r="M3537" i="2"/>
  <c r="M3511" i="5" s="1"/>
  <c r="M166" i="2"/>
  <c r="M140" i="5" s="1"/>
  <c r="M7061" i="2"/>
  <c r="M7035" i="5" s="1"/>
  <c r="M493" i="2"/>
  <c r="M467" i="5" s="1"/>
  <c r="M3696" i="2"/>
  <c r="M3670" i="5" s="1"/>
  <c r="M677" i="2"/>
  <c r="M651" i="5" s="1"/>
  <c r="M8592" i="2"/>
  <c r="M8566" i="5" s="1"/>
  <c r="M2887" i="2"/>
  <c r="M2861" i="5" s="1"/>
  <c r="M5052" i="2"/>
  <c r="M5026" i="5" s="1"/>
  <c r="M5544" i="2"/>
  <c r="M5518" i="5" s="1"/>
  <c r="M511" i="2"/>
  <c r="M485" i="5" s="1"/>
  <c r="M4061" i="2"/>
  <c r="M4035" i="5" s="1"/>
  <c r="M1713" i="2"/>
  <c r="M1687" i="5" s="1"/>
  <c r="M7583" i="2"/>
  <c r="M7557" i="5" s="1"/>
  <c r="M6076" i="2"/>
  <c r="M6050" i="5" s="1"/>
  <c r="M8245" i="2"/>
  <c r="M8219" i="5" s="1"/>
  <c r="M6750" i="2"/>
  <c r="M6724" i="5" s="1"/>
  <c r="M869" i="2"/>
  <c r="M843" i="5" s="1"/>
  <c r="M6060" i="2"/>
  <c r="M6034" i="5" s="1"/>
  <c r="M6710" i="2"/>
  <c r="M6684" i="5" s="1"/>
  <c r="M2871" i="2"/>
  <c r="M2845" i="5" s="1"/>
  <c r="M2020" i="2"/>
  <c r="M1994" i="5" s="1"/>
  <c r="M3711" i="2"/>
  <c r="M3685" i="5" s="1"/>
  <c r="M2700" i="2"/>
  <c r="M2674" i="5" s="1"/>
  <c r="M6893" i="2"/>
  <c r="M6867" i="5" s="1"/>
  <c r="M5552" i="2"/>
  <c r="M5526" i="5" s="1"/>
  <c r="M5722" i="2"/>
  <c r="M5696" i="5" s="1"/>
  <c r="M2351" i="2"/>
  <c r="M2325" i="5" s="1"/>
  <c r="M6399" i="2"/>
  <c r="M6373" i="5" s="1"/>
  <c r="M2549" i="2"/>
  <c r="M2523" i="5" s="1"/>
  <c r="M7915" i="2"/>
  <c r="M7889" i="5" s="1"/>
  <c r="M2018" i="2"/>
  <c r="M1992" i="5" s="1"/>
  <c r="M4862" i="2"/>
  <c r="M4836" i="5" s="1"/>
  <c r="M3377" i="2"/>
  <c r="M3351" i="5" s="1"/>
  <c r="M6888" i="2"/>
  <c r="M6862" i="5" s="1"/>
  <c r="M4904" i="2"/>
  <c r="M4878" i="5" s="1"/>
  <c r="M4202" i="2"/>
  <c r="M4176" i="5" s="1"/>
  <c r="M2217" i="2"/>
  <c r="M2191" i="5" s="1"/>
  <c r="M4225" i="2"/>
  <c r="M4199" i="5" s="1"/>
  <c r="M2375" i="2"/>
  <c r="M2349" i="5" s="1"/>
  <c r="M4714" i="2"/>
  <c r="M4688" i="5" s="1"/>
  <c r="M1701" i="2"/>
  <c r="M1675" i="5" s="1"/>
  <c r="M2681" i="2"/>
  <c r="M2655" i="5" s="1"/>
  <c r="M2510" i="2"/>
  <c r="M2484" i="5" s="1"/>
  <c r="M4716" i="2"/>
  <c r="M4690" i="5" s="1"/>
  <c r="M2174" i="2"/>
  <c r="M2148" i="5" s="1"/>
  <c r="M4541" i="2"/>
  <c r="M4515" i="5" s="1"/>
  <c r="M2196" i="2"/>
  <c r="M2170" i="5" s="1"/>
  <c r="M3191" i="2"/>
  <c r="M3165" i="5" s="1"/>
  <c r="M2884" i="2"/>
  <c r="M2858" i="5" s="1"/>
  <c r="M2689" i="2"/>
  <c r="M2663" i="5" s="1"/>
  <c r="M8408" i="2"/>
  <c r="M8382" i="5" s="1"/>
  <c r="M5405" i="2"/>
  <c r="M5379" i="5" s="1"/>
  <c r="M2713" i="2"/>
  <c r="M2687" i="5" s="1"/>
  <c r="M3014" i="2"/>
  <c r="M2988" i="5" s="1"/>
  <c r="M2845" i="2"/>
  <c r="M2819" i="5" s="1"/>
  <c r="M4024" i="2"/>
  <c r="M3998" i="5" s="1"/>
  <c r="M2201" i="2"/>
  <c r="M2175" i="5" s="1"/>
  <c r="M8761" i="2"/>
  <c r="M8735" i="5" s="1"/>
  <c r="M7223" i="2"/>
  <c r="M7197" i="5" s="1"/>
  <c r="M4379" i="2"/>
  <c r="M4353" i="5" s="1"/>
  <c r="M4046" i="2"/>
  <c r="M4020" i="5" s="1"/>
  <c r="M1188" i="2"/>
  <c r="M1162" i="5" s="1"/>
  <c r="M1712" i="2"/>
  <c r="M1686" i="5" s="1"/>
  <c r="M1854" i="2"/>
  <c r="M1828" i="5" s="1"/>
  <c r="M2521" i="2"/>
  <c r="M2495" i="5" s="1"/>
  <c r="M8081" i="2"/>
  <c r="M8055" i="5" s="1"/>
  <c r="M523" i="2"/>
  <c r="M497" i="5" s="1"/>
  <c r="M197" i="2"/>
  <c r="M171" i="5" s="1"/>
  <c r="M3693" i="2"/>
  <c r="M3667" i="5" s="1"/>
  <c r="M7421" i="2"/>
  <c r="M7395" i="5" s="1"/>
  <c r="M6220" i="2"/>
  <c r="M6194" i="5" s="1"/>
  <c r="M7928" i="2"/>
  <c r="M7902" i="5" s="1"/>
  <c r="M335" i="2"/>
  <c r="M309" i="5" s="1"/>
  <c r="M1856" i="2"/>
  <c r="M1830" i="5" s="1"/>
  <c r="M2037" i="2"/>
  <c r="M2011" i="5" s="1"/>
  <c r="M5725" i="2"/>
  <c r="M5699" i="5" s="1"/>
  <c r="M2507" i="2"/>
  <c r="M2481" i="5" s="1"/>
  <c r="M6213" i="2"/>
  <c r="M6187" i="5" s="1"/>
  <c r="M8757" i="2"/>
  <c r="M8731" i="5" s="1"/>
  <c r="M8074" i="2"/>
  <c r="M8048" i="5" s="1"/>
  <c r="M4030" i="2"/>
  <c r="M4004" i="5" s="1"/>
  <c r="M1162" i="2"/>
  <c r="M1136" i="5" s="1"/>
  <c r="M6551" i="2"/>
  <c r="M6525" i="5" s="1"/>
  <c r="M2865" i="2"/>
  <c r="M2839" i="5" s="1"/>
  <c r="M8067" i="2"/>
  <c r="M8041" i="5" s="1"/>
  <c r="M3703" i="2"/>
  <c r="M3677" i="5" s="1"/>
  <c r="M6243" i="2"/>
  <c r="M6217" i="5" s="1"/>
  <c r="M6546" i="2"/>
  <c r="M6520" i="5" s="1"/>
  <c r="M7067" i="2"/>
  <c r="M7041" i="5" s="1"/>
  <c r="M1875" i="2"/>
  <c r="M1849" i="5" s="1"/>
  <c r="M5391" i="2"/>
  <c r="M5365" i="5" s="1"/>
  <c r="M325" i="2"/>
  <c r="M299" i="5" s="1"/>
  <c r="M828" i="2"/>
  <c r="M802" i="5" s="1"/>
  <c r="M2699" i="2"/>
  <c r="M2673" i="5" s="1"/>
  <c r="M3359" i="2"/>
  <c r="M3333" i="5" s="1"/>
  <c r="M1542" i="2"/>
  <c r="M1516" i="5" s="1"/>
  <c r="M339" i="2"/>
  <c r="M313" i="5" s="1"/>
  <c r="M1036" i="2"/>
  <c r="M1010" i="5" s="1"/>
  <c r="M6583" i="2"/>
  <c r="M6557" i="5" s="1"/>
  <c r="M4399" i="2"/>
  <c r="M4373" i="5" s="1"/>
  <c r="M5032" i="2"/>
  <c r="M5006" i="5" s="1"/>
  <c r="M3709" i="2"/>
  <c r="M3683" i="5" s="1"/>
  <c r="M6239" i="2"/>
  <c r="M6213" i="5" s="1"/>
  <c r="M5365" i="2"/>
  <c r="M5339" i="5" s="1"/>
  <c r="M7079" i="2"/>
  <c r="M7053" i="5" s="1"/>
  <c r="M1669" i="2"/>
  <c r="M1643" i="5" s="1"/>
  <c r="M8386" i="2"/>
  <c r="M8395" i="2"/>
  <c r="M8369" i="5" s="1"/>
  <c r="M6381" i="2"/>
  <c r="M6355" i="5" s="1"/>
  <c r="M2202" i="2"/>
  <c r="M2176" i="5" s="1"/>
  <c r="M4559" i="2"/>
  <c r="M4533" i="5" s="1"/>
  <c r="M6416" i="2"/>
  <c r="M6390" i="5" s="1"/>
  <c r="M5031" i="2"/>
  <c r="M5005" i="5" s="1"/>
  <c r="M1337" i="2"/>
  <c r="M1311" i="5" s="1"/>
  <c r="M1020" i="2"/>
  <c r="M994" i="5" s="1"/>
  <c r="M2526" i="2"/>
  <c r="M2500" i="5" s="1"/>
  <c r="M6048" i="2"/>
  <c r="M6022" i="5" s="1"/>
  <c r="M5215" i="2"/>
  <c r="M5189" i="5" s="1"/>
  <c r="M1850" i="2"/>
  <c r="M1824" i="5" s="1"/>
  <c r="M1013" i="2"/>
  <c r="M987" i="5" s="1"/>
  <c r="M4217" i="2"/>
  <c r="M4191" i="5" s="1"/>
  <c r="M7731" i="2"/>
  <c r="M7705" i="5" s="1"/>
  <c r="M2520" i="2"/>
  <c r="M2494" i="5" s="1"/>
  <c r="M6744" i="2"/>
  <c r="M6718" i="5" s="1"/>
  <c r="M2878" i="2"/>
  <c r="M2852" i="5" s="1"/>
  <c r="M1330" i="2"/>
  <c r="M1304" i="5" s="1"/>
  <c r="M338" i="2"/>
  <c r="M312" i="5" s="1"/>
  <c r="M3196" i="2"/>
  <c r="M3170" i="5" s="1"/>
  <c r="M1350" i="2"/>
  <c r="M1324" i="5" s="1"/>
  <c r="M5912" i="2"/>
  <c r="M5886" i="5" s="1"/>
  <c r="M157" i="2"/>
  <c r="M131" i="5" s="1"/>
  <c r="M4358" i="2"/>
  <c r="M4332" i="5" s="1"/>
  <c r="M7406" i="2"/>
  <c r="M7380" i="5" s="1"/>
  <c r="M4368" i="2"/>
  <c r="M4342" i="5" s="1"/>
  <c r="M7045" i="2"/>
  <c r="M7019" i="5" s="1"/>
  <c r="M7724" i="2"/>
  <c r="M7698" i="5" s="1"/>
  <c r="M6204" i="2"/>
  <c r="M6178" i="5" s="1"/>
  <c r="M3708" i="2"/>
  <c r="M3682" i="5" s="1"/>
  <c r="M1859" i="2"/>
  <c r="M1833" i="5" s="1"/>
  <c r="M367" i="2"/>
  <c r="M341" i="5" s="1"/>
  <c r="M6904" i="2"/>
  <c r="M6878" i="5" s="1"/>
  <c r="M1866" i="2"/>
  <c r="M1840" i="5" s="1"/>
  <c r="M4381" i="2"/>
  <c r="M4355" i="5" s="1"/>
  <c r="M191" i="2"/>
  <c r="M165" i="5" s="1"/>
  <c r="M4892" i="2"/>
  <c r="M4866" i="5" s="1"/>
  <c r="M4884" i="2"/>
  <c r="M4858" i="5" s="1"/>
  <c r="M5542" i="2"/>
  <c r="M5516" i="5" s="1"/>
  <c r="M7053" i="2"/>
  <c r="M7027" i="5" s="1"/>
  <c r="M6718" i="2"/>
  <c r="M6692" i="5" s="1"/>
  <c r="M5900" i="2"/>
  <c r="M5874" i="5" s="1"/>
  <c r="M1864" i="2"/>
  <c r="M1838" i="5" s="1"/>
  <c r="M1520" i="2"/>
  <c r="M1494" i="5" s="1"/>
  <c r="M3197" i="2"/>
  <c r="M3171" i="5" s="1"/>
  <c r="M8570" i="2"/>
  <c r="M8544" i="5" s="1"/>
  <c r="M7059" i="2"/>
  <c r="M7033" i="5" s="1"/>
  <c r="M4693" i="2"/>
  <c r="M4667" i="5" s="1"/>
  <c r="M7401" i="2"/>
  <c r="M7375" i="5" s="1"/>
  <c r="M845" i="2"/>
  <c r="M819" i="5" s="1"/>
  <c r="M4062" i="2"/>
  <c r="M4036" i="5" s="1"/>
  <c r="M5913" i="2"/>
  <c r="M5887" i="5" s="1"/>
  <c r="M6912" i="2"/>
  <c r="M6886" i="5" s="1"/>
  <c r="M2376" i="2"/>
  <c r="M2350" i="5" s="1"/>
  <c r="M3225" i="2"/>
  <c r="M3199" i="5" s="1"/>
  <c r="M8402" i="2"/>
  <c r="M8376" i="5" s="1"/>
  <c r="M4209" i="2"/>
  <c r="M4183" i="5" s="1"/>
  <c r="M8767" i="2"/>
  <c r="M8741" i="5" s="1"/>
  <c r="M3213" i="2"/>
  <c r="M3187" i="5" s="1"/>
  <c r="M7758" i="2"/>
  <c r="M7732" i="5" s="1"/>
  <c r="M3685" i="2"/>
  <c r="M3659" i="5" s="1"/>
  <c r="M2179" i="2"/>
  <c r="M2153" i="5" s="1"/>
  <c r="M1171" i="2"/>
  <c r="M1145" i="5" s="1"/>
  <c r="M4227" i="2"/>
  <c r="M4201" i="5" s="1"/>
  <c r="M8555" i="2"/>
  <c r="M8529" i="5" s="1"/>
  <c r="M7052" i="2"/>
  <c r="M7026" i="5" s="1"/>
  <c r="M8419" i="2"/>
  <c r="M8393" i="5" s="1"/>
  <c r="M5206" i="2"/>
  <c r="M5180" i="5" s="1"/>
  <c r="M7586" i="2"/>
  <c r="M7560" i="5" s="1"/>
  <c r="M8423" i="2"/>
  <c r="M8397" i="5" s="1"/>
  <c r="M2548" i="2"/>
  <c r="M2522" i="5" s="1"/>
  <c r="M8731" i="2"/>
  <c r="M8705" i="5" s="1"/>
  <c r="M7395" i="2"/>
  <c r="M7369" i="5" s="1"/>
  <c r="M830" i="2"/>
  <c r="M804" i="5" s="1"/>
  <c r="M8561" i="2"/>
  <c r="M8535" i="5" s="1"/>
  <c r="M6393" i="2"/>
  <c r="M6367" i="5" s="1"/>
  <c r="M6734" i="2"/>
  <c r="M6708" i="5" s="1"/>
  <c r="M2532" i="2"/>
  <c r="M2506" i="5" s="1"/>
  <c r="M2035" i="2"/>
  <c r="M2009" i="5" s="1"/>
  <c r="M3047" i="2"/>
  <c r="M3021" i="5" s="1"/>
  <c r="M4031" i="2"/>
  <c r="M4005" i="5" s="1"/>
  <c r="M8418" i="2"/>
  <c r="M8392" i="5" s="1"/>
  <c r="M7755" i="2"/>
  <c r="M7729" i="5" s="1"/>
  <c r="M1858" i="2"/>
  <c r="M1832" i="5" s="1"/>
  <c r="M8246" i="2"/>
  <c r="M8220" i="5" s="1"/>
  <c r="M7235" i="2"/>
  <c r="M7209" i="5" s="1"/>
  <c r="M8078" i="2"/>
  <c r="M8052" i="5" s="1"/>
  <c r="M5879" i="2"/>
  <c r="M5853" i="5" s="1"/>
  <c r="M672" i="2"/>
  <c r="M646" i="5" s="1"/>
  <c r="M2039" i="2"/>
  <c r="M2013" i="5" s="1"/>
  <c r="M7062" i="2"/>
  <c r="M7036" i="5" s="1"/>
  <c r="M8404" i="2"/>
  <c r="M8378" i="5" s="1"/>
  <c r="M4695" i="2"/>
  <c r="M4669" i="5" s="1"/>
  <c r="M848" i="2"/>
  <c r="M822" i="5" s="1"/>
  <c r="M871" i="2"/>
  <c r="M845" i="5" s="1"/>
  <c r="M2530" i="2"/>
  <c r="M2504" i="5" s="1"/>
  <c r="M5220" i="2"/>
  <c r="M5194" i="5" s="1"/>
  <c r="M526" i="2"/>
  <c r="M500" i="5" s="1"/>
  <c r="M2006" i="2"/>
  <c r="M1980" i="5" s="1"/>
  <c r="M6064" i="2"/>
  <c r="M6038" i="5" s="1"/>
  <c r="M1505" i="2"/>
  <c r="M1479" i="5" s="1"/>
  <c r="M5738" i="2"/>
  <c r="M5712" i="5" s="1"/>
  <c r="M1534" i="2"/>
  <c r="M1508" i="5" s="1"/>
  <c r="M6558" i="2"/>
  <c r="M6532" i="5" s="1"/>
  <c r="M185" i="2"/>
  <c r="M159" i="5" s="1"/>
  <c r="M536" i="2"/>
  <c r="M510" i="5" s="1"/>
  <c r="M4049" i="2"/>
  <c r="M4023" i="5" s="1"/>
  <c r="M7716" i="2"/>
  <c r="M7690" i="5" s="1"/>
  <c r="M4735" i="2"/>
  <c r="M4709" i="5" s="1"/>
  <c r="M5715" i="2"/>
  <c r="M5689" i="5" s="1"/>
  <c r="M4219" i="2"/>
  <c r="M4193" i="5" s="1"/>
  <c r="M1853" i="2"/>
  <c r="M1827" i="5" s="1"/>
  <c r="M4547" i="2"/>
  <c r="M4521" i="5" s="1"/>
  <c r="M7740" i="2"/>
  <c r="M7714" i="5" s="1"/>
  <c r="M4354" i="2"/>
  <c r="M4328" i="5" s="1"/>
  <c r="M3012" i="2"/>
  <c r="M2986" i="5" s="1"/>
  <c r="M2889" i="2"/>
  <c r="M2863" i="5" s="1"/>
  <c r="M8585" i="2"/>
  <c r="M8559" i="5" s="1"/>
  <c r="M6563" i="2"/>
  <c r="M6537" i="5" s="1"/>
  <c r="M5908" i="2"/>
  <c r="M5882" i="5" s="1"/>
  <c r="M1356" i="2"/>
  <c r="M1330" i="5" s="1"/>
  <c r="M3354" i="2"/>
  <c r="M3328" i="5" s="1"/>
  <c r="M3553" i="2"/>
  <c r="M3527" i="5" s="1"/>
  <c r="M6562" i="2"/>
  <c r="M6536" i="5" s="1"/>
  <c r="M7249" i="2"/>
  <c r="M7223" i="5" s="1"/>
  <c r="M7231" i="2"/>
  <c r="M7205" i="5" s="1"/>
  <c r="M3867" i="2"/>
  <c r="M3841" i="5" s="1"/>
  <c r="M4357" i="2"/>
  <c r="M4331" i="5" s="1"/>
  <c r="M4558" i="2"/>
  <c r="M4532" i="5" s="1"/>
  <c r="M5048" i="2"/>
  <c r="M5022" i="5" s="1"/>
  <c r="M5061" i="2"/>
  <c r="M5035" i="5" s="1"/>
  <c r="M6233" i="2"/>
  <c r="M6207" i="5" s="1"/>
  <c r="M6053" i="2"/>
  <c r="M6027" i="5" s="1"/>
  <c r="M8259" i="2"/>
  <c r="M8233" i="5" s="1"/>
  <c r="M3712" i="2"/>
  <c r="M3686" i="5" s="1"/>
  <c r="M6708" i="2"/>
  <c r="M6682" i="5" s="1"/>
  <c r="M3214" i="2"/>
  <c r="M3188" i="5" s="1"/>
  <c r="M7921" i="2"/>
  <c r="M7895" i="5" s="1"/>
  <c r="M7885" i="2"/>
  <c r="M7859" i="5" s="1"/>
  <c r="M323" i="2"/>
  <c r="M297" i="5" s="1"/>
  <c r="M6876" i="2"/>
  <c r="M6850" i="5" s="1"/>
  <c r="M3361" i="2"/>
  <c r="M3335" i="5" s="1"/>
  <c r="M5194" i="2"/>
  <c r="M5168" i="5" s="1"/>
  <c r="M673" i="2"/>
  <c r="M647" i="5" s="1"/>
  <c r="M3526" i="2"/>
  <c r="M3500" i="5" s="1"/>
  <c r="M6900" i="2"/>
  <c r="M6874" i="5" s="1"/>
  <c r="M6541" i="2"/>
  <c r="M6515" i="5" s="1"/>
  <c r="M8432" i="2"/>
  <c r="M8406" i="5" s="1"/>
  <c r="M3349" i="2"/>
  <c r="M3323" i="5" s="1"/>
  <c r="M3686" i="2"/>
  <c r="M3660" i="5" s="1"/>
  <c r="M1528" i="2"/>
  <c r="M1502" i="5" s="1"/>
  <c r="M1035" i="2"/>
  <c r="M1009" i="5" s="1"/>
  <c r="M3184" i="2"/>
  <c r="M3158" i="5" s="1"/>
  <c r="M3540" i="2"/>
  <c r="M3514" i="5" s="1"/>
  <c r="M6548" i="2"/>
  <c r="M6522" i="5" s="1"/>
  <c r="M8090" i="2"/>
  <c r="M8064" i="5" s="1"/>
  <c r="M2858" i="2"/>
  <c r="M2832" i="5" s="1"/>
  <c r="M1849" i="2"/>
  <c r="M1823" i="5" s="1"/>
  <c r="M1524" i="2"/>
  <c r="M1498" i="5" s="1"/>
  <c r="M2046" i="2"/>
  <c r="M2020" i="5" s="1"/>
  <c r="M6882" i="2"/>
  <c r="M6856" i="5" s="1"/>
  <c r="M2851" i="2"/>
  <c r="M2825" i="5" s="1"/>
  <c r="M8746" i="2"/>
  <c r="M8720" i="5" s="1"/>
  <c r="M2214" i="2"/>
  <c r="M2188" i="5" s="1"/>
  <c r="M5221" i="2"/>
  <c r="M5195" i="5" s="1"/>
  <c r="M4870" i="2"/>
  <c r="M4844" i="5" s="1"/>
  <c r="M2525" i="2"/>
  <c r="M2499" i="5" s="1"/>
  <c r="M2515" i="2"/>
  <c r="M2489" i="5" s="1"/>
  <c r="M831" i="2"/>
  <c r="M805" i="5" s="1"/>
  <c r="M8219" i="2"/>
  <c r="M8193" i="5" s="1"/>
  <c r="M6567" i="2"/>
  <c r="M6541" i="5" s="1"/>
  <c r="M6735" i="2"/>
  <c r="M6709" i="5" s="1"/>
  <c r="M4526" i="2"/>
  <c r="M4500" i="5" s="1"/>
  <c r="M1695" i="2"/>
  <c r="M1669" i="5" s="1"/>
  <c r="M5564" i="2"/>
  <c r="M5538" i="5" s="1"/>
  <c r="M332" i="2"/>
  <c r="M306" i="5" s="1"/>
  <c r="M7066" i="2"/>
  <c r="M7040" i="5" s="1"/>
  <c r="M1183" i="2"/>
  <c r="M1157" i="5" s="1"/>
  <c r="M4900" i="2"/>
  <c r="M4874" i="5" s="1"/>
  <c r="M3729" i="2"/>
  <c r="M3703" i="5" s="1"/>
  <c r="M4391" i="2"/>
  <c r="M4365" i="5" s="1"/>
  <c r="M3188" i="2"/>
  <c r="M3162" i="5" s="1"/>
  <c r="M2359" i="2"/>
  <c r="M2333" i="5" s="1"/>
  <c r="M8060" i="2"/>
  <c r="M8034" i="5" s="1"/>
  <c r="M7737" i="2"/>
  <c r="M7711" i="5" s="1"/>
  <c r="M3056" i="2"/>
  <c r="M3030" i="5" s="1"/>
  <c r="M3037" i="2"/>
  <c r="M3011" i="5" s="1"/>
  <c r="M2721" i="2"/>
  <c r="M2695" i="5" s="1"/>
  <c r="M7914" i="2"/>
  <c r="M7888" i="5" s="1"/>
  <c r="M4039" i="2"/>
  <c r="M4013" i="5" s="1"/>
  <c r="M5701" i="2"/>
  <c r="M5675" i="5" s="1"/>
  <c r="M6895" i="2"/>
  <c r="M6869" i="5" s="1"/>
  <c r="M8568" i="2"/>
  <c r="M8542" i="5" s="1"/>
  <c r="M2848" i="2"/>
  <c r="M2822" i="5" s="1"/>
  <c r="M2031" i="2"/>
  <c r="M2005" i="5" s="1"/>
  <c r="M835" i="2"/>
  <c r="M809" i="5" s="1"/>
  <c r="M6203" i="2"/>
  <c r="M6177" i="5" s="1"/>
  <c r="M7566" i="2"/>
  <c r="M7540" i="5" s="1"/>
  <c r="M2192" i="2"/>
  <c r="M2166" i="5" s="1"/>
  <c r="M1354" i="2"/>
  <c r="M1328" i="5" s="1"/>
  <c r="M6392" i="2"/>
  <c r="M6366" i="5" s="1"/>
  <c r="M355" i="2"/>
  <c r="M329" i="5" s="1"/>
  <c r="M519" i="2"/>
  <c r="M493" i="5" s="1"/>
  <c r="M7064" i="2"/>
  <c r="M7038" i="5" s="1"/>
  <c r="M508" i="2"/>
  <c r="M482" i="5" s="1"/>
  <c r="M1365" i="2"/>
  <c r="M1339" i="5" s="1"/>
  <c r="M8579" i="2"/>
  <c r="M8553" i="5" s="1"/>
  <c r="M8751" i="2"/>
  <c r="M8725" i="5" s="1"/>
  <c r="M3212" i="2"/>
  <c r="M3186" i="5" s="1"/>
  <c r="M2538" i="2"/>
  <c r="M2512" i="5" s="1"/>
  <c r="M4885" i="2"/>
  <c r="M4859" i="5" s="1"/>
  <c r="M8742" i="2"/>
  <c r="M8716" i="5" s="1"/>
  <c r="M1526" i="2"/>
  <c r="M1500" i="5" s="1"/>
  <c r="M8576" i="2"/>
  <c r="M8550" i="5" s="1"/>
  <c r="M3683" i="2"/>
  <c r="M3657" i="5" s="1"/>
  <c r="M8563" i="2"/>
  <c r="M8537" i="5" s="1"/>
  <c r="M4872" i="2"/>
  <c r="M4846" i="5" s="1"/>
  <c r="M1033" i="2"/>
  <c r="M1007" i="5" s="1"/>
  <c r="M4042" i="2"/>
  <c r="M4016" i="5" s="1"/>
  <c r="M1022" i="2"/>
  <c r="M996" i="5" s="1"/>
  <c r="M3355" i="2"/>
  <c r="M3329" i="5" s="1"/>
  <c r="M2182" i="2"/>
  <c r="M2156" i="5" s="1"/>
  <c r="M7551" i="2"/>
  <c r="M7525" i="5" s="1"/>
  <c r="M6061" i="2"/>
  <c r="M6035" i="5" s="1"/>
  <c r="M2213" i="2"/>
  <c r="M2187" i="5" s="1"/>
  <c r="M6080" i="2"/>
  <c r="M6054" i="5" s="1"/>
  <c r="M2695" i="2"/>
  <c r="M2669" i="5" s="1"/>
  <c r="M7901" i="2"/>
  <c r="M7875" i="5" s="1"/>
  <c r="M6885" i="2"/>
  <c r="M6859" i="5" s="1"/>
  <c r="M5563" i="2"/>
  <c r="M5537" i="5" s="1"/>
  <c r="M3701" i="2"/>
  <c r="M3675" i="5" s="1"/>
  <c r="M6410" i="2"/>
  <c r="M6384" i="5" s="1"/>
  <c r="M3210" i="2"/>
  <c r="M3184" i="5" s="1"/>
  <c r="M5866" i="2"/>
  <c r="M5840" i="5" s="1"/>
  <c r="M1028" i="2"/>
  <c r="M1002" i="5" s="1"/>
  <c r="M6046" i="2"/>
  <c r="M6020" i="5" s="1"/>
  <c r="M5058" i="2"/>
  <c r="M5032" i="5" s="1"/>
  <c r="M8403" i="2"/>
  <c r="M8377" i="5" s="1"/>
  <c r="M7572" i="2"/>
  <c r="M7546" i="5" s="1"/>
  <c r="M8739" i="2"/>
  <c r="M8713" i="5" s="1"/>
  <c r="M7593" i="2"/>
  <c r="M7567" i="5" s="1"/>
  <c r="M2869" i="2"/>
  <c r="M2843" i="5" s="1"/>
  <c r="M4553" i="2"/>
  <c r="M4527" i="5" s="1"/>
  <c r="M7926" i="2"/>
  <c r="M7900" i="5" s="1"/>
  <c r="M5198" i="2"/>
  <c r="M5172" i="5" s="1"/>
  <c r="M7884" i="2"/>
  <c r="M7858" i="5" s="1"/>
  <c r="M5559" i="2"/>
  <c r="M5533" i="5" s="1"/>
  <c r="M5874" i="2"/>
  <c r="M5848" i="5" s="1"/>
  <c r="M4401" i="2"/>
  <c r="M4375" i="5" s="1"/>
  <c r="M7082" i="2"/>
  <c r="M7056" i="5" s="1"/>
  <c r="M3546" i="2"/>
  <c r="M3520" i="5" s="1"/>
  <c r="M6377" i="2"/>
  <c r="M6351" i="5" s="1"/>
  <c r="M4893" i="2"/>
  <c r="M4867" i="5" s="1"/>
  <c r="M3346" i="2"/>
  <c r="M3320" i="5" s="1"/>
  <c r="M6235" i="2"/>
  <c r="M6209" i="5" s="1"/>
  <c r="M3208" i="2"/>
  <c r="M3182" i="5" s="1"/>
  <c r="M1517" i="2"/>
  <c r="M1491" i="5" s="1"/>
  <c r="M336" i="2"/>
  <c r="M310" i="5" s="1"/>
  <c r="M2512" i="2"/>
  <c r="M2486" i="5" s="1"/>
  <c r="M684" i="2"/>
  <c r="M658" i="5" s="1"/>
  <c r="M7925" i="2"/>
  <c r="M7899" i="5" s="1"/>
  <c r="M5368" i="2"/>
  <c r="M5342" i="5" s="1"/>
  <c r="M4543" i="2"/>
  <c r="M4517" i="5" s="1"/>
  <c r="M7378" i="2"/>
  <c r="M7352" i="5" s="1"/>
  <c r="M6721" i="2"/>
  <c r="M6695" i="5" s="1"/>
  <c r="M7417" i="2"/>
  <c r="M7391" i="5" s="1"/>
  <c r="M5396" i="2"/>
  <c r="M5370" i="5" s="1"/>
  <c r="M1195" i="2"/>
  <c r="M1169" i="5" s="1"/>
  <c r="M6040" i="2"/>
  <c r="M6014" i="5" s="1"/>
  <c r="M2341" i="2"/>
  <c r="M2315" i="5" s="1"/>
  <c r="M8075" i="2"/>
  <c r="M8049" i="5" s="1"/>
  <c r="M1507" i="2"/>
  <c r="M1481" i="5" s="1"/>
  <c r="M5735" i="2"/>
  <c r="M5709" i="5" s="1"/>
  <c r="M6374" i="2"/>
  <c r="M6348" i="5" s="1"/>
  <c r="M8740" i="2"/>
  <c r="M8714" i="5" s="1"/>
  <c r="M1862" i="2"/>
  <c r="M1836" i="5" s="1"/>
  <c r="M163" i="2"/>
  <c r="M137" i="5" s="1"/>
  <c r="M7212" i="2"/>
  <c r="M7186" i="5" s="1"/>
  <c r="M1017" i="2"/>
  <c r="M991" i="5" s="1"/>
  <c r="M8723" i="2"/>
  <c r="M8697" i="5" s="1"/>
  <c r="M2207" i="2"/>
  <c r="M2181" i="5" s="1"/>
  <c r="M537" i="2"/>
  <c r="M511" i="5" s="1"/>
  <c r="M3010" i="2"/>
  <c r="M2984" i="5" s="1"/>
  <c r="M333" i="2"/>
  <c r="M307" i="5" s="1"/>
  <c r="M8732" i="2"/>
  <c r="M8706" i="5" s="1"/>
  <c r="M8741" i="2"/>
  <c r="M8715" i="5" s="1"/>
  <c r="M5875" i="2"/>
  <c r="M5849" i="5" s="1"/>
  <c r="M4525" i="2"/>
  <c r="M4499" i="5" s="1"/>
  <c r="M8575" i="2"/>
  <c r="M8549" i="5" s="1"/>
  <c r="M6879" i="2"/>
  <c r="M6853" i="5" s="1"/>
  <c r="M196" i="2"/>
  <c r="M170" i="5" s="1"/>
  <c r="M2553" i="2"/>
  <c r="M2527" i="5" s="1"/>
  <c r="M3016" i="2"/>
  <c r="M2990" i="5" s="1"/>
  <c r="M863" i="2"/>
  <c r="M837" i="5" s="1"/>
  <c r="M7405" i="2"/>
  <c r="M7379" i="5" s="1"/>
  <c r="M8230" i="2"/>
  <c r="M8204" i="5" s="1"/>
  <c r="M6371" i="2"/>
  <c r="M6345" i="5" s="1"/>
  <c r="M1706" i="2"/>
  <c r="M1680" i="5" s="1"/>
  <c r="M1502" i="2"/>
  <c r="M1476" i="5" s="1"/>
  <c r="M5039" i="2"/>
  <c r="M5013" i="5" s="1"/>
  <c r="M997" i="2"/>
  <c r="M971" i="5" s="1"/>
  <c r="M2356" i="2"/>
  <c r="M2330" i="5" s="1"/>
  <c r="M6212" i="2"/>
  <c r="M6186" i="5" s="1"/>
  <c r="M7888" i="2"/>
  <c r="M7862" i="5" s="1"/>
  <c r="M7588" i="2"/>
  <c r="M7562" i="5" s="1"/>
  <c r="M6379" i="2"/>
  <c r="M6353" i="5" s="1"/>
  <c r="M2692" i="2"/>
  <c r="M2666" i="5" s="1"/>
  <c r="M7747" i="2"/>
  <c r="M7721" i="5" s="1"/>
  <c r="M4860" i="2"/>
  <c r="M4834" i="5" s="1"/>
  <c r="M7752" i="2"/>
  <c r="M7726" i="5" s="1"/>
  <c r="M6231" i="2"/>
  <c r="M6205" i="5" s="1"/>
  <c r="M6544" i="2"/>
  <c r="M6518" i="5" s="1"/>
  <c r="M7238" i="2"/>
  <c r="M7212" i="5" s="1"/>
  <c r="M1334" i="2"/>
  <c r="M1308" i="5" s="1"/>
  <c r="M3201" i="2"/>
  <c r="M3175" i="5" s="1"/>
  <c r="M7719" i="2"/>
  <c r="M7693" i="5" s="1"/>
  <c r="M5202" i="2"/>
  <c r="M5176" i="5" s="1"/>
  <c r="M5744" i="2"/>
  <c r="M5718" i="5" s="1"/>
  <c r="M5402" i="2"/>
  <c r="M5376" i="5" s="1"/>
  <c r="M4057" i="2"/>
  <c r="M4031" i="5" s="1"/>
  <c r="M5719" i="2"/>
  <c r="M5693" i="5" s="1"/>
  <c r="M5702" i="2"/>
  <c r="M5676" i="5" s="1"/>
  <c r="M6576" i="2"/>
  <c r="M6550" i="5" s="1"/>
  <c r="M3895" i="2"/>
  <c r="M3869" i="5" s="1"/>
  <c r="M1536" i="2"/>
  <c r="M1510" i="5" s="1"/>
  <c r="M8556" i="2"/>
  <c r="M8530" i="5" s="1"/>
  <c r="M1164" i="2"/>
  <c r="M1138" i="5" s="1"/>
  <c r="M6725" i="2"/>
  <c r="M6699" i="5" s="1"/>
  <c r="M4540" i="2"/>
  <c r="M4514" i="5" s="1"/>
  <c r="M352" i="2"/>
  <c r="M326" i="5" s="1"/>
  <c r="M6038" i="2"/>
  <c r="M6012" i="5" s="1"/>
  <c r="M5885" i="2"/>
  <c r="M5859" i="5" s="1"/>
  <c r="M8422" i="2"/>
  <c r="M8396" i="5" s="1"/>
  <c r="M347" i="2"/>
  <c r="M321" i="5" s="1"/>
  <c r="M2032" i="2"/>
  <c r="M2006" i="5" s="1"/>
  <c r="M6577" i="2"/>
  <c r="M6551" i="5" s="1"/>
  <c r="M7049" i="2"/>
  <c r="M7023" i="5" s="1"/>
  <c r="M8600" i="2"/>
  <c r="M8574" i="5" s="1"/>
  <c r="M1018" i="2"/>
  <c r="M992" i="5" s="1"/>
  <c r="M5033" i="2"/>
  <c r="M5007" i="5" s="1"/>
  <c r="M2534" i="2"/>
  <c r="M2508" i="5" s="1"/>
  <c r="M4190" i="2"/>
  <c r="M4164" i="5" s="1"/>
  <c r="M6394" i="2"/>
  <c r="M6368" i="5" s="1"/>
  <c r="M5228" i="2"/>
  <c r="M5202" i="5" s="1"/>
  <c r="M8737" i="2"/>
  <c r="M8711" i="5" s="1"/>
  <c r="M2885" i="2"/>
  <c r="M2859" i="5" s="1"/>
  <c r="M2844" i="2"/>
  <c r="M2818" i="5" s="1"/>
  <c r="M4383" i="2"/>
  <c r="M4357" i="5" s="1"/>
  <c r="M2033" i="2"/>
  <c r="M2007" i="5" s="1"/>
  <c r="M2361" i="2"/>
  <c r="M2335" i="5" s="1"/>
  <c r="M3204" i="2"/>
  <c r="M3178" i="5" s="1"/>
  <c r="M3530" i="2"/>
  <c r="M3504" i="5" s="1"/>
  <c r="M7226" i="2"/>
  <c r="M7200" i="5" s="1"/>
  <c r="M330" i="2"/>
  <c r="M304" i="5" s="1"/>
  <c r="M873" i="2"/>
  <c r="M847" i="5" s="1"/>
  <c r="M2676" i="2"/>
  <c r="M2650" i="5" s="1"/>
  <c r="M663" i="2"/>
  <c r="M637" i="5" s="1"/>
  <c r="M4370" i="2"/>
  <c r="M4344" i="5" s="1"/>
  <c r="M3718" i="2"/>
  <c r="M3692" i="5" s="1"/>
  <c r="M4193" i="2"/>
  <c r="M4167" i="5" s="1"/>
  <c r="M4215" i="2"/>
  <c r="M4189" i="5" s="1"/>
  <c r="M3850" i="2"/>
  <c r="M3824" i="5" s="1"/>
  <c r="M5035" i="2"/>
  <c r="M5009" i="5" s="1"/>
  <c r="M3893" i="2"/>
  <c r="M3867" i="5" s="1"/>
  <c r="M5868" i="2"/>
  <c r="M5842" i="5" s="1"/>
  <c r="M1667" i="2"/>
  <c r="M1641" i="5" s="1"/>
  <c r="M7729" i="2"/>
  <c r="M7703" i="5" s="1"/>
  <c r="M5401" i="2"/>
  <c r="M5375" i="5" s="1"/>
  <c r="M1366" i="2"/>
  <c r="M1340" i="5" s="1"/>
  <c r="M358" i="2"/>
  <c r="M332" i="5" s="1"/>
  <c r="M7919" i="2"/>
  <c r="M7893" i="5" s="1"/>
  <c r="M4709" i="2"/>
  <c r="M4683" i="5" s="1"/>
  <c r="M2531" i="2"/>
  <c r="M2505" i="5" s="1"/>
  <c r="M2200" i="2"/>
  <c r="M2174" i="5" s="1"/>
  <c r="M7074" i="2"/>
  <c r="M7048" i="5" s="1"/>
  <c r="M2846" i="2"/>
  <c r="M2820" i="5" s="1"/>
  <c r="M8730" i="2"/>
  <c r="M8704" i="5" s="1"/>
  <c r="M350" i="2"/>
  <c r="M324" i="5" s="1"/>
  <c r="M6573" i="2"/>
  <c r="M6547" i="5" s="1"/>
  <c r="M4894" i="2"/>
  <c r="M4868" i="5" s="1"/>
  <c r="M3868" i="2"/>
  <c r="M3842" i="5" s="1"/>
  <c r="M7380" i="2"/>
  <c r="M7354" i="5" s="1"/>
  <c r="M2679" i="2"/>
  <c r="M2653" i="5" s="1"/>
  <c r="M2350" i="2"/>
  <c r="M2324" i="5" s="1"/>
  <c r="M7398" i="2"/>
  <c r="M7372" i="5" s="1"/>
  <c r="M1672" i="2"/>
  <c r="M1646" i="5" s="1"/>
  <c r="M4398" i="2"/>
  <c r="M4372" i="5" s="1"/>
  <c r="M1545" i="2"/>
  <c r="M1519" i="5" s="1"/>
  <c r="M6737" i="2"/>
  <c r="M6711" i="5" s="1"/>
  <c r="M5213" i="2"/>
  <c r="M5187" i="5" s="1"/>
  <c r="M4723" i="2"/>
  <c r="M4697" i="5" s="1"/>
  <c r="M6733" i="2"/>
  <c r="M6707" i="5" s="1"/>
  <c r="M6215" i="2"/>
  <c r="M6189" i="5" s="1"/>
  <c r="M6077" i="2"/>
  <c r="M6051" i="5" s="1"/>
  <c r="M5555" i="2"/>
  <c r="M5529" i="5" s="1"/>
  <c r="M7233" i="2"/>
  <c r="M7207" i="5" s="1"/>
  <c r="M5381" i="2"/>
  <c r="M5355" i="5" s="1"/>
  <c r="M7051" i="2"/>
  <c r="M7025" i="5" s="1"/>
  <c r="M4036" i="2"/>
  <c r="M4010" i="5" s="1"/>
  <c r="M7584" i="2"/>
  <c r="M7558" i="5" s="1"/>
  <c r="M7565" i="2"/>
  <c r="M7539" i="5" s="1"/>
  <c r="M346" i="2"/>
  <c r="M320" i="5" s="1"/>
  <c r="M1684" i="2"/>
  <c r="M1658" i="5" s="1"/>
  <c r="M8754" i="2"/>
  <c r="M8728" i="5" s="1"/>
  <c r="M3365" i="2"/>
  <c r="M3339" i="5" s="1"/>
  <c r="M4566" i="2"/>
  <c r="M4540" i="5" s="1"/>
  <c r="M348" i="2"/>
  <c r="M322" i="5" s="1"/>
  <c r="M5400" i="2"/>
  <c r="M5374" i="5" s="1"/>
  <c r="M2718" i="2"/>
  <c r="M2692" i="5" s="1"/>
  <c r="M3362" i="2"/>
  <c r="M3336" i="5" s="1"/>
  <c r="M5064" i="2"/>
  <c r="M5038" i="5" s="1"/>
  <c r="M363" i="2"/>
  <c r="M337" i="5" s="1"/>
  <c r="M1176" i="2"/>
  <c r="M1150" i="5" s="1"/>
  <c r="M4737" i="2"/>
  <c r="M4711" i="5" s="1"/>
  <c r="M1503" i="2"/>
  <c r="M1477" i="5" s="1"/>
  <c r="M3202" i="2"/>
  <c r="M3176" i="5" s="1"/>
  <c r="M7419" i="2"/>
  <c r="M7393" i="5" s="1"/>
  <c r="M6245" i="2"/>
  <c r="M6219" i="5" s="1"/>
  <c r="M872" i="2"/>
  <c r="M846" i="5" s="1"/>
  <c r="M7241" i="2"/>
  <c r="M7215" i="5" s="1"/>
  <c r="M8760" i="2"/>
  <c r="M8734" i="5" s="1"/>
  <c r="M492" i="2"/>
  <c r="M466" i="5" s="1"/>
  <c r="M7248" i="2"/>
  <c r="M7222" i="5" s="1"/>
  <c r="M7409" i="2"/>
  <c r="M7383" i="5" s="1"/>
  <c r="M5546" i="2"/>
  <c r="M5520" i="5" s="1"/>
  <c r="M2036" i="2"/>
  <c r="M2010" i="5" s="1"/>
  <c r="M3521" i="2"/>
  <c r="M3495" i="5" s="1"/>
  <c r="M6749" i="2"/>
  <c r="M6723" i="5" s="1"/>
  <c r="M3029" i="2"/>
  <c r="M3003" i="5" s="1"/>
  <c r="M3725" i="2"/>
  <c r="M3699" i="5" s="1"/>
  <c r="M826" i="2"/>
  <c r="M800" i="5" s="1"/>
  <c r="M6578" i="2"/>
  <c r="M6552" i="5" s="1"/>
  <c r="M6569" i="2"/>
  <c r="M6543" i="5" s="1"/>
  <c r="M6244" i="2"/>
  <c r="M6218" i="5" s="1"/>
  <c r="M5369" i="2"/>
  <c r="M5343" i="5" s="1"/>
  <c r="M1521" i="2"/>
  <c r="M1495" i="5" s="1"/>
  <c r="M2720" i="2"/>
  <c r="M2694" i="5" s="1"/>
  <c r="M7070" i="2"/>
  <c r="M7044" i="5" s="1"/>
  <c r="M2210" i="2"/>
  <c r="M2184" i="5" s="1"/>
  <c r="M8220" i="2"/>
  <c r="M8194" i="5" s="1"/>
  <c r="M996" i="2"/>
  <c r="M970" i="5" s="1"/>
  <c r="M4529" i="2"/>
  <c r="M4503" i="5" s="1"/>
  <c r="M3028" i="2"/>
  <c r="M3002" i="5" s="1"/>
  <c r="M1504" i="2"/>
  <c r="M1478" i="5" s="1"/>
  <c r="M1845" i="2"/>
  <c r="M1819" i="5" s="1"/>
  <c r="M3193" i="2"/>
  <c r="M3167" i="5" s="1"/>
  <c r="M6375" i="2"/>
  <c r="M6349" i="5" s="1"/>
  <c r="M2170" i="2"/>
  <c r="M2144" i="5" s="1"/>
  <c r="M4561" i="2"/>
  <c r="M4535" i="5" s="1"/>
  <c r="M6373" i="2"/>
  <c r="M6347" i="5" s="1"/>
  <c r="M3698" i="2"/>
  <c r="M3672" i="5" s="1"/>
  <c r="M5553" i="2"/>
  <c r="M5527" i="5" s="1"/>
  <c r="M5034" i="2"/>
  <c r="M5008" i="5" s="1"/>
  <c r="M349" i="2"/>
  <c r="M323" i="5" s="1"/>
  <c r="M2342" i="2"/>
  <c r="M2316" i="5" s="1"/>
  <c r="M2380" i="2"/>
  <c r="M2354" i="5" s="1"/>
  <c r="M4053" i="2"/>
  <c r="M4027" i="5" s="1"/>
  <c r="M502" i="2"/>
  <c r="M476" i="5" s="1"/>
  <c r="M2690" i="2"/>
  <c r="M2664" i="5" s="1"/>
  <c r="M3049" i="2"/>
  <c r="M3023" i="5" s="1"/>
  <c r="M5067" i="2"/>
  <c r="M5041" i="5" s="1"/>
  <c r="M4387" i="2"/>
  <c r="M4361" i="5" s="1"/>
  <c r="M6202" i="2"/>
  <c r="M6176" i="5" s="1"/>
  <c r="M6230" i="2"/>
  <c r="M6204" i="5" s="1"/>
  <c r="M2378" i="2"/>
  <c r="M2352" i="5" s="1"/>
  <c r="M840" i="2"/>
  <c r="M814" i="5" s="1"/>
  <c r="M3203" i="2"/>
  <c r="M3177" i="5" s="1"/>
  <c r="M4194" i="2"/>
  <c r="M4168" i="5" s="1"/>
  <c r="M2701" i="2"/>
  <c r="M2675" i="5" s="1"/>
  <c r="M5889" i="2"/>
  <c r="M5863" i="5" s="1"/>
  <c r="M702" i="2"/>
  <c r="M676" i="5" s="1"/>
  <c r="M2847" i="2"/>
  <c r="M2821" i="5" s="1"/>
  <c r="M7580" i="2"/>
  <c r="M7554" i="5" s="1"/>
  <c r="M1024" i="2"/>
  <c r="M998" i="5" s="1"/>
  <c r="M8427" i="2"/>
  <c r="M8401" i="5" s="1"/>
  <c r="M7721" i="2"/>
  <c r="M7695" i="5" s="1"/>
  <c r="M6730" i="2"/>
  <c r="M6704" i="5" s="1"/>
  <c r="M8398" i="2"/>
  <c r="M8372" i="5" s="1"/>
  <c r="M8559" i="2"/>
  <c r="M8533" i="5" s="1"/>
  <c r="M5408" i="2"/>
  <c r="M5382" i="5" s="1"/>
  <c r="M1170" i="2"/>
  <c r="M1144" i="5" s="1"/>
  <c r="M3043" i="2"/>
  <c r="M3017" i="5" s="1"/>
  <c r="M4376" i="2"/>
  <c r="M4350" i="5" s="1"/>
  <c r="M6747" i="2"/>
  <c r="M6721" i="5" s="1"/>
  <c r="M2516" i="2"/>
  <c r="M2490" i="5" s="1"/>
  <c r="M509" i="2"/>
  <c r="M483" i="5" s="1"/>
  <c r="M5071" i="2"/>
  <c r="M5045" i="5" s="1"/>
  <c r="M4874" i="2"/>
  <c r="M4848" i="5" s="1"/>
  <c r="M8053" i="2"/>
  <c r="M8027" i="5" s="1"/>
  <c r="M8753" i="2"/>
  <c r="M8727" i="5" s="1"/>
  <c r="M691" i="2"/>
  <c r="M665" i="5" s="1"/>
  <c r="M3885" i="2"/>
  <c r="M3859" i="5" s="1"/>
  <c r="M4221" i="2"/>
  <c r="M4195" i="5" s="1"/>
  <c r="M8239" i="2"/>
  <c r="M8213" i="5" s="1"/>
  <c r="M2365" i="2"/>
  <c r="M2339" i="5" s="1"/>
  <c r="M6380" i="2"/>
  <c r="M6354" i="5" s="1"/>
  <c r="M7927" i="2"/>
  <c r="M7901" i="5" s="1"/>
  <c r="M1509" i="2"/>
  <c r="M1483" i="5" s="1"/>
  <c r="M7899" i="2"/>
  <c r="M7873" i="5" s="1"/>
  <c r="M6398" i="2"/>
  <c r="M6372" i="5" s="1"/>
  <c r="M6209" i="2"/>
  <c r="M6183" i="5" s="1"/>
  <c r="M2003" i="2"/>
  <c r="M1977" i="5" s="1"/>
  <c r="M4722" i="2"/>
  <c r="M4696" i="5" s="1"/>
  <c r="M1331" i="2"/>
  <c r="M1305" i="5" s="1"/>
  <c r="M3689" i="2"/>
  <c r="M3663" i="5" s="1"/>
  <c r="M2694" i="2"/>
  <c r="M2668" i="5" s="1"/>
  <c r="M1002" i="2"/>
  <c r="M976" i="5" s="1"/>
  <c r="M3050" i="2"/>
  <c r="M3024" i="5" s="1"/>
  <c r="M5532" i="2"/>
  <c r="M5506" i="5" s="1"/>
  <c r="M1677" i="2"/>
  <c r="M1651" i="5" s="1"/>
  <c r="M7714" i="2"/>
  <c r="M7688" i="5" s="1"/>
  <c r="M4896" i="2"/>
  <c r="M4870" i="5" s="1"/>
  <c r="M2856" i="2"/>
  <c r="M2830" i="5" s="1"/>
  <c r="M7424" i="2"/>
  <c r="M7398" i="5" s="1"/>
  <c r="M867" i="2"/>
  <c r="M841" i="5" s="1"/>
  <c r="M8420" i="2"/>
  <c r="M8394" i="5" s="1"/>
  <c r="M6413" i="2"/>
  <c r="M6387" i="5" s="1"/>
  <c r="M5059" i="2"/>
  <c r="M5033" i="5" s="1"/>
  <c r="M3558" i="2"/>
  <c r="M3532" i="5" s="1"/>
  <c r="M2862" i="2"/>
  <c r="M2836" i="5" s="1"/>
  <c r="M8589" i="2"/>
  <c r="M8563" i="5" s="1"/>
  <c r="M1538" i="2"/>
  <c r="M1512" i="5" s="1"/>
  <c r="M3363" i="2"/>
  <c r="M3337" i="5" s="1"/>
  <c r="M7907" i="2"/>
  <c r="M7881" i="5" s="1"/>
  <c r="M2177" i="2"/>
  <c r="M2151" i="5" s="1"/>
  <c r="M3216" i="2"/>
  <c r="M3190" i="5" s="1"/>
  <c r="M2852" i="2"/>
  <c r="M2826" i="5" s="1"/>
  <c r="M3011" i="2"/>
  <c r="M2985" i="5" s="1"/>
  <c r="M7913" i="2"/>
  <c r="M7887" i="5" s="1"/>
  <c r="M6210" i="2"/>
  <c r="M6184" i="5" s="1"/>
  <c r="M3870" i="2"/>
  <c r="M3844" i="5" s="1"/>
  <c r="M1870" i="2"/>
  <c r="M1844" i="5" s="1"/>
  <c r="M666" i="2"/>
  <c r="M640" i="5" s="1"/>
  <c r="M4710" i="2"/>
  <c r="M4684" i="5" s="1"/>
  <c r="M1361" i="2"/>
  <c r="M1335" i="5" s="1"/>
  <c r="M4204" i="2"/>
  <c r="M4178" i="5" s="1"/>
  <c r="M1007" i="2"/>
  <c r="M981" i="5" s="1"/>
  <c r="M3036" i="2"/>
  <c r="M3010" i="5" s="1"/>
  <c r="M3219" i="2"/>
  <c r="M3193" i="5" s="1"/>
  <c r="M6714" i="2"/>
  <c r="M6688" i="5" s="1"/>
  <c r="M8411" i="2"/>
  <c r="M8385" i="5" s="1"/>
  <c r="M5871" i="2"/>
  <c r="M5845" i="5" s="1"/>
  <c r="M1679" i="2"/>
  <c r="M1653" i="5" s="1"/>
  <c r="M6903" i="2"/>
  <c r="M6877" i="5" s="1"/>
  <c r="M3727" i="2"/>
  <c r="M3701" i="5" s="1"/>
  <c r="M7746" i="2"/>
  <c r="M7720" i="5" s="1"/>
  <c r="M8750" i="2"/>
  <c r="M8724" i="5" s="1"/>
  <c r="M2180" i="2"/>
  <c r="M2154" i="5" s="1"/>
  <c r="M6751" i="2"/>
  <c r="M6725" i="5" s="1"/>
  <c r="M6580" i="2"/>
  <c r="M6554" i="5" s="1"/>
  <c r="M3030" i="2"/>
  <c r="M3004" i="5" s="1"/>
  <c r="M5373" i="2"/>
  <c r="M5347" i="5" s="1"/>
  <c r="M692" i="2"/>
  <c r="M666" i="5" s="1"/>
  <c r="M497" i="2"/>
  <c r="M471" i="5" s="1"/>
  <c r="M3542" i="2"/>
  <c r="M3516" i="5" s="1"/>
  <c r="M3528" i="2"/>
  <c r="M3502" i="5" s="1"/>
  <c r="M2522" i="2"/>
  <c r="M2496" i="5" s="1"/>
  <c r="M8056" i="2"/>
  <c r="M8030" i="5" s="1"/>
  <c r="M2186" i="2"/>
  <c r="M2160" i="5" s="1"/>
  <c r="M187" i="2"/>
  <c r="M161" i="5" s="1"/>
  <c r="M6740" i="2"/>
  <c r="M6714" i="5" s="1"/>
  <c r="M4377" i="2"/>
  <c r="M4351" i="5" s="1"/>
  <c r="M7923" i="2"/>
  <c r="M7897" i="5" s="1"/>
  <c r="M8596" i="2"/>
  <c r="M8570" i="5" s="1"/>
  <c r="M5704" i="2"/>
  <c r="M5678" i="5" s="1"/>
  <c r="M3348" i="2"/>
  <c r="M3322" i="5" s="1"/>
  <c r="M8735" i="2"/>
  <c r="M8709" i="5" s="1"/>
  <c r="M1206" i="2"/>
  <c r="M1180" i="5" s="1"/>
  <c r="M4386" i="2"/>
  <c r="M4360" i="5" s="1"/>
  <c r="M3373" i="2"/>
  <c r="M3347" i="5" s="1"/>
  <c r="M5548" i="2"/>
  <c r="M5522" i="5" s="1"/>
  <c r="M5394" i="2"/>
  <c r="M5368" i="5" s="1"/>
  <c r="M3187" i="2"/>
  <c r="M3161" i="5" s="1"/>
  <c r="M8242" i="2"/>
  <c r="M8216" i="5" s="1"/>
  <c r="M362" i="2"/>
  <c r="M336" i="5" s="1"/>
  <c r="M5026" i="2"/>
  <c r="M5000" i="5" s="1"/>
  <c r="M2023" i="2"/>
  <c r="M1997" i="5" s="1"/>
  <c r="M1351" i="2"/>
  <c r="M1325" i="5" s="1"/>
  <c r="M1346" i="2"/>
  <c r="M1320" i="5" s="1"/>
  <c r="M3550" i="2"/>
  <c r="M3524" i="5" s="1"/>
  <c r="M357" i="2"/>
  <c r="M331" i="5" s="1"/>
  <c r="M5737" i="2"/>
  <c r="M5711" i="5" s="1"/>
  <c r="M154" i="2"/>
  <c r="M128" i="5" s="1"/>
  <c r="M7411" i="2"/>
  <c r="M7385" i="5" s="1"/>
  <c r="M6206" i="2"/>
  <c r="M6180" i="5" s="1"/>
  <c r="M1707" i="2"/>
  <c r="M1681" i="5" s="1"/>
  <c r="M7717" i="2"/>
  <c r="M7691" i="5" s="1"/>
  <c r="M1868" i="2"/>
  <c r="M1842" i="5" s="1"/>
  <c r="M8393" i="2"/>
  <c r="M8367" i="5" s="1"/>
  <c r="M7072" i="2"/>
  <c r="M7046" i="5" s="1"/>
  <c r="M7751" i="2"/>
  <c r="M7725" i="5" s="1"/>
  <c r="M2861" i="2"/>
  <c r="M2835" i="5" s="1"/>
  <c r="M1187" i="2"/>
  <c r="M1161" i="5" s="1"/>
  <c r="M3223" i="2"/>
  <c r="M3197" i="5" s="1"/>
  <c r="M328" i="2"/>
  <c r="M302" i="5" s="1"/>
  <c r="M4050" i="2"/>
  <c r="M4024" i="5" s="1"/>
  <c r="M3189" i="2"/>
  <c r="M3163" i="5" s="1"/>
  <c r="M7088" i="2"/>
  <c r="M7062" i="5" s="1"/>
  <c r="M5736" i="2"/>
  <c r="M5710" i="5" s="1"/>
  <c r="M7573" i="2"/>
  <c r="M7547" i="5" s="1"/>
  <c r="M5713" i="2"/>
  <c r="M5687" i="5" s="1"/>
  <c r="M8583" i="2"/>
  <c r="M8557" i="5" s="1"/>
  <c r="M7553" i="2"/>
  <c r="M7527" i="5" s="1"/>
  <c r="M2870" i="2"/>
  <c r="M2844" i="5" s="1"/>
  <c r="M6566" i="2"/>
  <c r="M6540" i="5" s="1"/>
  <c r="M7732" i="2"/>
  <c r="M7706" i="5" s="1"/>
  <c r="M170" i="2"/>
  <c r="M144" i="5" s="1"/>
  <c r="M683" i="2"/>
  <c r="M657" i="5" s="1"/>
  <c r="M3385" i="2"/>
  <c r="M3359" i="5" s="1"/>
  <c r="M1525" i="2"/>
  <c r="M1499" i="5" s="1"/>
  <c r="M3053" i="2"/>
  <c r="M3027" i="5" s="1"/>
  <c r="M1681" i="2"/>
  <c r="M1655" i="5" s="1"/>
  <c r="M1533" i="2"/>
  <c r="M1507" i="5" s="1"/>
  <c r="M3038" i="2"/>
  <c r="M3012" i="5" s="1"/>
  <c r="M1530" i="2"/>
  <c r="M1504" i="5" s="1"/>
  <c r="M8421" i="2"/>
  <c r="M8395" i="5" s="1"/>
  <c r="M8406" i="2"/>
  <c r="M8380" i="5" s="1"/>
  <c r="M1196" i="2"/>
  <c r="M1170" i="5" s="1"/>
  <c r="M5718" i="2"/>
  <c r="M5692" i="5" s="1"/>
  <c r="M4359" i="2"/>
  <c r="M4333" i="5" s="1"/>
  <c r="M516" i="2"/>
  <c r="M490" i="5" s="1"/>
  <c r="M1671" i="2"/>
  <c r="M1645" i="5" s="1"/>
  <c r="M1872" i="2"/>
  <c r="M1846" i="5" s="1"/>
  <c r="M156" i="2"/>
  <c r="M130" i="5" s="1"/>
  <c r="M8400" i="2"/>
  <c r="M8374" i="5" s="1"/>
  <c r="M660" i="2"/>
  <c r="M634" i="5" s="1"/>
  <c r="M5893" i="2"/>
  <c r="M5867" i="5" s="1"/>
  <c r="M1529" i="2"/>
  <c r="M1503" i="5" s="1"/>
  <c r="M7085" i="2"/>
  <c r="M7059" i="5" s="1"/>
  <c r="M1699" i="2"/>
  <c r="M1673" i="5" s="1"/>
  <c r="M1675" i="2"/>
  <c r="M1649" i="5" s="1"/>
  <c r="M3045" i="2"/>
  <c r="M3019" i="5" s="1"/>
  <c r="M6561" i="2"/>
  <c r="M6535" i="5" s="1"/>
  <c r="M1855" i="2"/>
  <c r="M1829" i="5" s="1"/>
  <c r="M1676" i="2"/>
  <c r="M1650" i="5" s="1"/>
  <c r="M195" i="2"/>
  <c r="M169" i="5" s="1"/>
  <c r="M4905" i="2"/>
  <c r="M4879" i="5" s="1"/>
  <c r="M5898" i="2"/>
  <c r="M5872" i="5" s="1"/>
  <c r="M1197" i="2"/>
  <c r="M1171" i="5" s="1"/>
  <c r="M8582" i="2"/>
  <c r="M8556" i="5" s="1"/>
  <c r="M8264" i="2"/>
  <c r="M8238" i="5" s="1"/>
  <c r="M8424" i="2"/>
  <c r="M8398" i="5" s="1"/>
  <c r="M3545" i="2"/>
  <c r="M3519" i="5" s="1"/>
  <c r="M2543" i="2"/>
  <c r="M2517" i="5" s="1"/>
  <c r="M2675" i="2"/>
  <c r="M2649" i="5" s="1"/>
  <c r="M5550" i="2"/>
  <c r="M5524" i="5" s="1"/>
  <c r="M3517" i="2"/>
  <c r="M3491" i="5" s="1"/>
  <c r="M7725" i="2"/>
  <c r="M7699" i="5" s="1"/>
  <c r="M3872" i="2"/>
  <c r="M3846" i="5" s="1"/>
  <c r="M5397" i="2"/>
  <c r="M5371" i="5" s="1"/>
  <c r="M1016" i="2"/>
  <c r="M990" i="5" s="1"/>
  <c r="M1338" i="2"/>
  <c r="M1312" i="5" s="1"/>
  <c r="M518" i="2"/>
  <c r="M492" i="5" s="1"/>
  <c r="M6554" i="2"/>
  <c r="M6528" i="5" s="1"/>
  <c r="M3719" i="2"/>
  <c r="M3693" i="5" s="1"/>
  <c r="M189" i="2"/>
  <c r="M163" i="5" s="1"/>
  <c r="M8070" i="2"/>
  <c r="M8044" i="5" s="1"/>
  <c r="M3206" i="2"/>
  <c r="M3180" i="5" s="1"/>
  <c r="M169" i="2"/>
  <c r="M143" i="5" s="1"/>
  <c r="M1336" i="2"/>
  <c r="M1310" i="5" s="1"/>
  <c r="M5711" i="2"/>
  <c r="M5685" i="5" s="1"/>
  <c r="M4883" i="2"/>
  <c r="M4857" i="5" s="1"/>
  <c r="M5901" i="2"/>
  <c r="M5875" i="5" s="1"/>
  <c r="M5038" i="2"/>
  <c r="M5012" i="5" s="1"/>
  <c r="M7224" i="2"/>
  <c r="M7198" i="5" s="1"/>
  <c r="M8752" i="2"/>
  <c r="M8726" i="5" s="1"/>
  <c r="M5205" i="2"/>
  <c r="M5179" i="5" s="1"/>
  <c r="M342" i="2"/>
  <c r="M316" i="5" s="1"/>
  <c r="M4720" i="2"/>
  <c r="M4694" i="5" s="1"/>
  <c r="M7557" i="2"/>
  <c r="M7531" i="5" s="1"/>
  <c r="M4701" i="2"/>
  <c r="M4675" i="5" s="1"/>
  <c r="M3019" i="2"/>
  <c r="M2993" i="5" s="1"/>
  <c r="M659" i="2"/>
  <c r="M633" i="5" s="1"/>
  <c r="M6919" i="2"/>
  <c r="M6893" i="5" s="1"/>
  <c r="M1685" i="2"/>
  <c r="M1659" i="5" s="1"/>
  <c r="M5027" i="2"/>
  <c r="M5001" i="5" s="1"/>
  <c r="M6880" i="2"/>
  <c r="M6854" i="5" s="1"/>
  <c r="M354" i="2"/>
  <c r="M328" i="5" s="1"/>
  <c r="M7722" i="2"/>
  <c r="M7696" i="5" s="1"/>
  <c r="M4569" i="2"/>
  <c r="M4543" i="5" s="1"/>
  <c r="M5209" i="2"/>
  <c r="M5183" i="5" s="1"/>
  <c r="M3042" i="2"/>
  <c r="M3016" i="5" s="1"/>
  <c r="M2347" i="2"/>
  <c r="M2321" i="5" s="1"/>
  <c r="M2343" i="2"/>
  <c r="M2317" i="5" s="1"/>
  <c r="M6402" i="2"/>
  <c r="M6376" i="5" s="1"/>
  <c r="M689" i="2"/>
  <c r="M663" i="5" s="1"/>
  <c r="M7929" i="2"/>
  <c r="M7903" i="5" s="1"/>
  <c r="M5895" i="2"/>
  <c r="M5869" i="5" s="1"/>
  <c r="M2195" i="2"/>
  <c r="M2169" i="5" s="1"/>
  <c r="M6415" i="2"/>
  <c r="M6389" i="5" s="1"/>
  <c r="M4711" i="2"/>
  <c r="M4685" i="5" s="1"/>
  <c r="M4533" i="2"/>
  <c r="M4507" i="5" s="1"/>
  <c r="M7404" i="2"/>
  <c r="M7378" i="5" s="1"/>
  <c r="M2544" i="2"/>
  <c r="M2518" i="5" s="1"/>
  <c r="M1344" i="2"/>
  <c r="M1318" i="5" s="1"/>
  <c r="M8089" i="2"/>
  <c r="M8063" i="5" s="1"/>
  <c r="M8227" i="2"/>
  <c r="M8201" i="5" s="1"/>
  <c r="M7388" i="2"/>
  <c r="M7362" i="5" s="1"/>
  <c r="M6391" i="2"/>
  <c r="M6365" i="5" s="1"/>
  <c r="M6071" i="2"/>
  <c r="M6045" i="5" s="1"/>
  <c r="M2877" i="2"/>
  <c r="M2851" i="5" s="1"/>
  <c r="M499" i="2"/>
  <c r="M473" i="5" s="1"/>
  <c r="M6559" i="2"/>
  <c r="M6533" i="5" s="1"/>
  <c r="M3527" i="2"/>
  <c r="M3501" i="5" s="1"/>
  <c r="M7234" i="2"/>
  <c r="M7208" i="5" s="1"/>
  <c r="M2882" i="2"/>
  <c r="M2856" i="5" s="1"/>
  <c r="M1008" i="2"/>
  <c r="M982" i="5" s="1"/>
  <c r="M3535" i="2"/>
  <c r="M3509" i="5" s="1"/>
  <c r="M7911" i="2"/>
  <c r="M7885" i="5" s="1"/>
  <c r="M7550" i="2"/>
  <c r="M7524" i="5" s="1"/>
  <c r="M1006" i="2"/>
  <c r="M980" i="5" s="1"/>
  <c r="M658" i="2"/>
  <c r="M632" i="5" s="1"/>
  <c r="M4891" i="2"/>
  <c r="M4865" i="5" s="1"/>
  <c r="M5728" i="2"/>
  <c r="M5702" i="5" s="1"/>
  <c r="M3055" i="2"/>
  <c r="M3029" i="5" s="1"/>
  <c r="M5554" i="2"/>
  <c r="M5528" i="5" s="1"/>
  <c r="M853" i="2"/>
  <c r="M827" i="5" s="1"/>
  <c r="M7562" i="2"/>
  <c r="M7536" i="5" s="1"/>
  <c r="M1353" i="2"/>
  <c r="M1327" i="5" s="1"/>
  <c r="M6916" i="2"/>
  <c r="M6890" i="5" s="1"/>
  <c r="M2367" i="2"/>
  <c r="M2341" i="5" s="1"/>
  <c r="M1347" i="2"/>
  <c r="M1321" i="5" s="1"/>
  <c r="M682" i="2"/>
  <c r="M656" i="5" s="1"/>
  <c r="M1200" i="2"/>
  <c r="M1174" i="5" s="1"/>
  <c r="M6222" i="2"/>
  <c r="M6196" i="5" s="1"/>
  <c r="M3561" i="2"/>
  <c r="M3535" i="5" s="1"/>
  <c r="M2184" i="2"/>
  <c r="M2158" i="5" s="1"/>
  <c r="M4700" i="2"/>
  <c r="M4674" i="5" s="1"/>
  <c r="M3557" i="2"/>
  <c r="M3531" i="5" s="1"/>
  <c r="M7882" i="2"/>
  <c r="M7856" i="5" s="1"/>
  <c r="M4378" i="2"/>
  <c r="M4352" i="5" s="1"/>
  <c r="M3859" i="2"/>
  <c r="M3833" i="5" s="1"/>
  <c r="M1848" i="2"/>
  <c r="M1822" i="5" s="1"/>
  <c r="M8415" i="2"/>
  <c r="M8389" i="5" s="1"/>
  <c r="M8240" i="2"/>
  <c r="M8214" i="5" s="1"/>
  <c r="M4027" i="2"/>
  <c r="M4001" i="5" s="1"/>
  <c r="M1876" i="2"/>
  <c r="M1850" i="5" s="1"/>
  <c r="M5063" i="2"/>
  <c r="M5037" i="5" s="1"/>
  <c r="M3851" i="2"/>
  <c r="M3825" i="5" s="1"/>
  <c r="M1348" i="2"/>
  <c r="M1322" i="5" s="1"/>
  <c r="M2016" i="2"/>
  <c r="M1990" i="5" s="1"/>
  <c r="M4196" i="2"/>
  <c r="M4170" i="5" s="1"/>
  <c r="M5903" i="2"/>
  <c r="M5877" i="5" s="1"/>
  <c r="M3217" i="2"/>
  <c r="M3191" i="5" s="1"/>
  <c r="M3017" i="2"/>
  <c r="M2991" i="5" s="1"/>
  <c r="M3222" i="2"/>
  <c r="M3196" i="5" s="1"/>
  <c r="M7556" i="2"/>
  <c r="M7530" i="5" s="1"/>
  <c r="M8571" i="2"/>
  <c r="M8545" i="5" s="1"/>
  <c r="M6543" i="2"/>
  <c r="M6517" i="5" s="1"/>
  <c r="M3554" i="2"/>
  <c r="M3528" i="5" s="1"/>
  <c r="M5366" i="2"/>
  <c r="M5340" i="5" s="1"/>
  <c r="M5387" i="2"/>
  <c r="M5361" i="5" s="1"/>
  <c r="M4055" i="2"/>
  <c r="M4029" i="5" s="1"/>
  <c r="M2855" i="2"/>
  <c r="M2829" i="5" s="1"/>
  <c r="M3015" i="2"/>
  <c r="M2989" i="5" s="1"/>
  <c r="M2371" i="2"/>
  <c r="M2345" i="5" s="1"/>
  <c r="M201" i="2"/>
  <c r="M175" i="5" s="1"/>
  <c r="M8097" i="2"/>
  <c r="M8071" i="5" s="1"/>
  <c r="M838" i="2"/>
  <c r="M812" i="5" s="1"/>
  <c r="M995" i="2"/>
  <c r="M969" i="5" s="1"/>
  <c r="M1519" i="2"/>
  <c r="M1493" i="5" s="1"/>
  <c r="M5238" i="2"/>
  <c r="M5212" i="5" s="1"/>
  <c r="M1535" i="2"/>
  <c r="M1509" i="5" s="1"/>
  <c r="M4064" i="2"/>
  <c r="M4038" i="5" s="1"/>
  <c r="M8401" i="2"/>
  <c r="M8375" i="5" s="1"/>
  <c r="M7906" i="2"/>
  <c r="M7880" i="5" s="1"/>
  <c r="M1205" i="2"/>
  <c r="M1179" i="5" s="1"/>
  <c r="M7892" i="2"/>
  <c r="M7866" i="5" s="1"/>
  <c r="M6050" i="2"/>
  <c r="M6024" i="5" s="1"/>
  <c r="M6748" i="2"/>
  <c r="M6722" i="5" s="1"/>
  <c r="M6555" i="2"/>
  <c r="M6529" i="5" s="1"/>
  <c r="M2189" i="2"/>
  <c r="M2163" i="5" s="1"/>
  <c r="M7247" i="2"/>
  <c r="M7221" i="5" s="1"/>
  <c r="M3199" i="2"/>
  <c r="M3173" i="5" s="1"/>
  <c r="M490" i="2"/>
  <c r="M464" i="5" s="1"/>
  <c r="M1835" i="2"/>
  <c r="M1809" i="5" s="1"/>
  <c r="M1710" i="2"/>
  <c r="M1684" i="5" s="1"/>
  <c r="M5897" i="2"/>
  <c r="M5871" i="5" s="1"/>
  <c r="M4901" i="2"/>
  <c r="M4875" i="5" s="1"/>
  <c r="M4699" i="2"/>
  <c r="M4673" i="5" s="1"/>
  <c r="M3897" i="2"/>
  <c r="M3871" i="5" s="1"/>
  <c r="M1034" i="2"/>
  <c r="M1008" i="5" s="1"/>
  <c r="M7042" i="2"/>
  <c r="M7016" i="5" s="1"/>
  <c r="M7591" i="2"/>
  <c r="M7565" i="5" s="1"/>
  <c r="M3682" i="2"/>
  <c r="M3656" i="5" s="1"/>
  <c r="M1039" i="2"/>
  <c r="M1013" i="5" s="1"/>
  <c r="M6901" i="2"/>
  <c r="M6875" i="5" s="1"/>
  <c r="M3387" i="2"/>
  <c r="M3361" i="5" s="1"/>
  <c r="M6728" i="2"/>
  <c r="M6702" i="5" s="1"/>
  <c r="M506" i="2"/>
  <c r="M480" i="5" s="1"/>
  <c r="M832" i="2"/>
  <c r="M806" i="5" s="1"/>
  <c r="M6906" i="2"/>
  <c r="M6880" i="5" s="1"/>
  <c r="M5240" i="2"/>
  <c r="M5214" i="5" s="1"/>
  <c r="M2369" i="2"/>
  <c r="M2343" i="5" s="1"/>
  <c r="M3356" i="2"/>
  <c r="M3330" i="5" s="1"/>
  <c r="M6067" i="2"/>
  <c r="M6041" i="5" s="1"/>
  <c r="M1349" i="2"/>
  <c r="M1323" i="5" s="1"/>
  <c r="M4552" i="2"/>
  <c r="M4526" i="5" s="1"/>
  <c r="M2045" i="2"/>
  <c r="M2019" i="5" s="1"/>
  <c r="M1011" i="2"/>
  <c r="M985" i="5" s="1"/>
  <c r="M2176" i="2"/>
  <c r="M2150" i="5" s="1"/>
  <c r="M162" i="2"/>
  <c r="M136" i="5" s="1"/>
  <c r="M7073" i="2"/>
  <c r="M7047" i="5" s="1"/>
  <c r="M703" i="2"/>
  <c r="M677" i="5" s="1"/>
  <c r="M1532" i="2"/>
  <c r="M1506" i="5" s="1"/>
  <c r="M1358" i="2"/>
  <c r="M1332" i="5" s="1"/>
  <c r="M2022" i="2"/>
  <c r="M1996" i="5" s="1"/>
  <c r="M8586" i="2"/>
  <c r="M8560" i="5" s="1"/>
  <c r="M8238" i="2"/>
  <c r="M8212" i="5" s="1"/>
  <c r="M4554" i="2"/>
  <c r="M4528" i="5" s="1"/>
  <c r="M2172" i="2"/>
  <c r="M2146" i="5" s="1"/>
  <c r="M6074" i="2"/>
  <c r="M6048" i="5" s="1"/>
  <c r="M5535" i="2"/>
  <c r="M5509" i="5" s="1"/>
  <c r="M5028" i="2"/>
  <c r="M5002" i="5" s="1"/>
  <c r="M7256" i="2"/>
  <c r="M7230" i="5" s="1"/>
  <c r="M6547" i="2"/>
  <c r="M6521" i="5" s="1"/>
  <c r="M533" i="2"/>
  <c r="M507" i="5" s="1"/>
  <c r="M179" i="2"/>
  <c r="M153" i="5" s="1"/>
  <c r="M8253" i="2"/>
  <c r="M8227" i="5" s="1"/>
  <c r="M5741" i="2"/>
  <c r="M5715" i="5" s="1"/>
  <c r="M4733" i="2"/>
  <c r="M4707" i="5" s="1"/>
  <c r="M1674" i="2"/>
  <c r="M1648" i="5" s="1"/>
  <c r="M7057" i="2"/>
  <c r="M7031" i="5" s="1"/>
  <c r="M5409" i="2"/>
  <c r="M5383" i="5" s="1"/>
  <c r="M6045" i="2"/>
  <c r="M6019" i="5" s="1"/>
  <c r="M5571" i="2"/>
  <c r="M5545" i="5" s="1"/>
  <c r="M1869" i="2"/>
  <c r="M1843" i="5" s="1"/>
  <c r="M2021" i="2"/>
  <c r="M1995" i="5" s="1"/>
  <c r="M8235" i="2"/>
  <c r="M8209" i="5" s="1"/>
  <c r="M4535" i="2"/>
  <c r="M4509" i="5" s="1"/>
  <c r="M4565" i="2"/>
  <c r="M4539" i="5" s="1"/>
  <c r="M3390" i="2"/>
  <c r="M3364" i="5" s="1"/>
  <c r="M2007" i="2"/>
  <c r="M1981" i="5" s="1"/>
  <c r="M3018" i="2"/>
  <c r="M2992" i="5" s="1"/>
  <c r="M2687" i="2"/>
  <c r="M2661" i="5" s="1"/>
  <c r="M7754" i="2"/>
  <c r="M7728" i="5" s="1"/>
  <c r="M7239" i="2"/>
  <c r="M7213" i="5" s="1"/>
  <c r="M8397" i="2"/>
  <c r="M8371" i="5" s="1"/>
  <c r="M4732" i="2"/>
  <c r="M4706" i="5" s="1"/>
  <c r="M7568" i="2"/>
  <c r="M7542" i="5" s="1"/>
  <c r="M1332" i="2"/>
  <c r="M1306" i="5" s="1"/>
  <c r="M5380" i="2"/>
  <c r="M5354" i="5" s="1"/>
  <c r="M6897" i="2"/>
  <c r="M6871" i="5" s="1"/>
  <c r="M3224" i="2"/>
  <c r="M3198" i="5" s="1"/>
  <c r="M3369" i="2"/>
  <c r="M3343" i="5" s="1"/>
  <c r="M3534" i="2"/>
  <c r="M3508" i="5" s="1"/>
  <c r="M3531" i="2"/>
  <c r="M3505" i="5" s="1"/>
  <c r="M2377" i="2"/>
  <c r="M2351" i="5" s="1"/>
  <c r="M2680" i="2"/>
  <c r="M2654" i="5" s="1"/>
  <c r="M6079" i="2"/>
  <c r="M6053" i="5" s="1"/>
  <c r="M7414" i="2"/>
  <c r="M7388" i="5" s="1"/>
  <c r="M6217" i="2"/>
  <c r="M6191" i="5" s="1"/>
  <c r="M360" i="2"/>
  <c r="M334" i="5" s="1"/>
  <c r="M7733" i="2"/>
  <c r="M7707" i="5" s="1"/>
  <c r="M5530" i="2"/>
  <c r="M5504" i="5" s="1"/>
  <c r="M8085" i="2"/>
  <c r="M8059" i="5" s="1"/>
  <c r="M6921" i="2"/>
  <c r="M6895" i="5" s="1"/>
  <c r="M5556" i="2"/>
  <c r="M5530" i="5" s="1"/>
  <c r="M2349" i="2"/>
  <c r="M2323" i="5" s="1"/>
  <c r="M665" i="2"/>
  <c r="M639" i="5" s="1"/>
  <c r="M2187" i="2"/>
  <c r="M2161" i="5" s="1"/>
  <c r="M351" i="2"/>
  <c r="M325" i="5" s="1"/>
  <c r="M2540" i="2"/>
  <c r="M2514" i="5" s="1"/>
  <c r="M7071" i="2"/>
  <c r="M7045" i="5" s="1"/>
  <c r="M1041" i="2"/>
  <c r="M1015" i="5" s="1"/>
  <c r="M5730" i="2"/>
  <c r="M5704" i="5" s="1"/>
  <c r="M6405" i="2"/>
  <c r="M6379" i="5" s="1"/>
  <c r="M7043" i="2"/>
  <c r="M7017" i="5" s="1"/>
  <c r="M3370" i="2"/>
  <c r="M3344" i="5" s="1"/>
  <c r="M512" i="2"/>
  <c r="M486" i="5" s="1"/>
  <c r="M5389" i="2"/>
  <c r="M5363" i="5" s="1"/>
  <c r="M3024" i="2"/>
  <c r="M2998" i="5" s="1"/>
  <c r="M4205" i="2"/>
  <c r="M4179" i="5" s="1"/>
  <c r="M6386" i="2"/>
  <c r="M6360" i="5" s="1"/>
  <c r="M4388" i="2"/>
  <c r="M4362" i="5" s="1"/>
  <c r="M5886" i="2"/>
  <c r="M5860" i="5" s="1"/>
  <c r="M2527" i="2"/>
  <c r="M2501" i="5" s="1"/>
  <c r="M6408" i="2"/>
  <c r="M6382" i="5" s="1"/>
  <c r="D154" i="5"/>
  <c r="AR148" i="1"/>
  <c r="AR357" i="1"/>
  <c r="S2853" i="5"/>
  <c r="S639" i="5"/>
  <c r="S172" i="5"/>
  <c r="S1674" i="5"/>
  <c r="S4682" i="5"/>
  <c r="S7206" i="5"/>
  <c r="S5025" i="5"/>
  <c r="S3358" i="5"/>
  <c r="S3335" i="5"/>
  <c r="S4166" i="5"/>
  <c r="S1177" i="5"/>
  <c r="S2002" i="5"/>
  <c r="S6534" i="5"/>
  <c r="S6722" i="5"/>
  <c r="S7378" i="5"/>
  <c r="S3839" i="5"/>
  <c r="S1835" i="5"/>
  <c r="S6195" i="5"/>
  <c r="S6386" i="5"/>
  <c r="S2327" i="5"/>
  <c r="S2822" i="5"/>
  <c r="S7542" i="5"/>
  <c r="S3698" i="5"/>
  <c r="S7549" i="5"/>
  <c r="S4198" i="5"/>
  <c r="S2852" i="5"/>
  <c r="S3338" i="5"/>
  <c r="S3699" i="5"/>
  <c r="S4874" i="5"/>
  <c r="S3511" i="5"/>
  <c r="S1680" i="5"/>
  <c r="S647" i="5"/>
  <c r="S8236" i="5"/>
  <c r="S4351" i="5"/>
  <c r="S5377" i="5"/>
  <c r="S7224" i="5"/>
  <c r="S7202" i="5"/>
  <c r="S8197" i="5"/>
  <c r="S5174" i="5"/>
  <c r="S5540" i="5"/>
  <c r="S2987" i="5"/>
  <c r="S317" i="5"/>
  <c r="S8533" i="5"/>
  <c r="S5185" i="5"/>
  <c r="S4177" i="5"/>
  <c r="S498" i="5"/>
  <c r="S659" i="5"/>
  <c r="S1516" i="5"/>
  <c r="S3680" i="5"/>
  <c r="S2495" i="5"/>
  <c r="S5536" i="5"/>
  <c r="S6348" i="5"/>
  <c r="S6871" i="5"/>
  <c r="I1019" i="2"/>
  <c r="I993" i="5" s="1"/>
  <c r="S993" i="5" s="1"/>
  <c r="I2193" i="2"/>
  <c r="I2167" i="5" s="1"/>
  <c r="S2167" i="5" s="1"/>
  <c r="I2044" i="2"/>
  <c r="I2018" i="5" s="1"/>
  <c r="S2018" i="5" s="1"/>
  <c r="I7056" i="2"/>
  <c r="I7030" i="5" s="1"/>
  <c r="S7030" i="5" s="1"/>
  <c r="I7573" i="2"/>
  <c r="I7547" i="5" s="1"/>
  <c r="S7547" i="5" s="1"/>
  <c r="I505" i="2"/>
  <c r="I479" i="5" s="1"/>
  <c r="S479" i="5" s="1"/>
  <c r="I3552" i="2"/>
  <c r="I3526" i="5" s="1"/>
  <c r="S3526" i="5" s="1"/>
  <c r="I2552" i="2"/>
  <c r="I2526" i="5" s="1"/>
  <c r="S2526" i="5" s="1"/>
  <c r="I4542" i="2"/>
  <c r="I4516" i="5" s="1"/>
  <c r="S4516" i="5" s="1"/>
  <c r="I3548" i="2"/>
  <c r="I3522" i="5" s="1"/>
  <c r="S3522" i="5" s="1"/>
  <c r="I3377" i="2"/>
  <c r="I3351" i="5" s="1"/>
  <c r="S3351" i="5" s="1"/>
  <c r="I2514" i="2"/>
  <c r="I2488" i="5" s="1"/>
  <c r="S2488" i="5" s="1"/>
  <c r="I7407" i="2"/>
  <c r="I7381" i="5" s="1"/>
  <c r="S7381" i="5" s="1"/>
  <c r="I1368" i="2"/>
  <c r="I1342" i="5" s="1"/>
  <c r="S1342" i="5" s="1"/>
  <c r="I995" i="2"/>
  <c r="I969" i="5" s="1"/>
  <c r="S969" i="5" s="1"/>
  <c r="I3209" i="2"/>
  <c r="I3183" i="5" s="1"/>
  <c r="S3183" i="5" s="1"/>
  <c r="I5394" i="2"/>
  <c r="I5368" i="5" s="1"/>
  <c r="S5368" i="5" s="1"/>
  <c r="I4557" i="2"/>
  <c r="I4531" i="5" s="1"/>
  <c r="S4531" i="5" s="1"/>
  <c r="I3695" i="2"/>
  <c r="I3669" i="5" s="1"/>
  <c r="S3669" i="5" s="1"/>
  <c r="I8428" i="2"/>
  <c r="I8402" i="5" s="1"/>
  <c r="S8402" i="5" s="1"/>
  <c r="I6720" i="2"/>
  <c r="I6694" i="5" s="1"/>
  <c r="S6694" i="5" s="1"/>
  <c r="I3878" i="2"/>
  <c r="I3852" i="5" s="1"/>
  <c r="S3852" i="5" s="1"/>
  <c r="I2871" i="2"/>
  <c r="I2845" i="5" s="1"/>
  <c r="S2845" i="5" s="1"/>
  <c r="I2713" i="2"/>
  <c r="I2687" i="5" s="1"/>
  <c r="S2687" i="5" s="1"/>
  <c r="I6215" i="2"/>
  <c r="I6189" i="5" s="1"/>
  <c r="S6189" i="5" s="1"/>
  <c r="I7418" i="2"/>
  <c r="I7392" i="5" s="1"/>
  <c r="S7392" i="5" s="1"/>
  <c r="I1351" i="2"/>
  <c r="I1325" i="5" s="1"/>
  <c r="S1325" i="5" s="1"/>
  <c r="I1689" i="2"/>
  <c r="I1663" i="5" s="1"/>
  <c r="S1663" i="5" s="1"/>
  <c r="I1188" i="2"/>
  <c r="I1162" i="5" s="1"/>
  <c r="S1162" i="5" s="1"/>
  <c r="I4898" i="2"/>
  <c r="I4872" i="5" s="1"/>
  <c r="S4872" i="5" s="1"/>
  <c r="I4365" i="2"/>
  <c r="I4339" i="5" s="1"/>
  <c r="S4339" i="5" s="1"/>
  <c r="I1536" i="2"/>
  <c r="I1510" i="5" s="1"/>
  <c r="S1510" i="5" s="1"/>
  <c r="I3182" i="2"/>
  <c r="I3156" i="5" s="1"/>
  <c r="S3156" i="5" s="1"/>
  <c r="I3348" i="2"/>
  <c r="I3322" i="5" s="1"/>
  <c r="S3322" i="5" s="1"/>
  <c r="I7050" i="2"/>
  <c r="I7024" i="5" s="1"/>
  <c r="S7024" i="5" s="1"/>
  <c r="I864" i="2"/>
  <c r="I838" i="5" s="1"/>
  <c r="S838" i="5" s="1"/>
  <c r="I6549" i="2"/>
  <c r="I6523" i="5" s="1"/>
  <c r="S6523" i="5" s="1"/>
  <c r="I8581" i="2"/>
  <c r="I8555" i="5" s="1"/>
  <c r="S8555" i="5" s="1"/>
  <c r="I7394" i="2"/>
  <c r="I7368" i="5" s="1"/>
  <c r="S7368" i="5" s="1"/>
  <c r="I674" i="2"/>
  <c r="I648" i="5" s="1"/>
  <c r="S648" i="5" s="1"/>
  <c r="I8070" i="2"/>
  <c r="I8044" i="5" s="1"/>
  <c r="S8044" i="5" s="1"/>
  <c r="I994" i="2"/>
  <c r="I968" i="5" s="1"/>
  <c r="S968" i="5" s="1"/>
  <c r="I682" i="2"/>
  <c r="I656" i="5" s="1"/>
  <c r="S656" i="5" s="1"/>
  <c r="I3366" i="2"/>
  <c r="I3340" i="5" s="1"/>
  <c r="S3340" i="5" s="1"/>
  <c r="I3531" i="2"/>
  <c r="I3505" i="5" s="1"/>
  <c r="S3505" i="5" s="1"/>
  <c r="I6734" i="2"/>
  <c r="I6708" i="5" s="1"/>
  <c r="S6708" i="5" s="1"/>
  <c r="I7387" i="2"/>
  <c r="I7361" i="5" s="1"/>
  <c r="S7361" i="5" s="1"/>
  <c r="I6741" i="2"/>
  <c r="I6715" i="5" s="1"/>
  <c r="S6715" i="5" s="1"/>
  <c r="I6544" i="2"/>
  <c r="I6518" i="5" s="1"/>
  <c r="S6518" i="5" s="1"/>
  <c r="I683" i="2"/>
  <c r="I657" i="5" s="1"/>
  <c r="S657" i="5" s="1"/>
  <c r="C238" i="5"/>
  <c r="AR232" i="1"/>
  <c r="D27" i="5"/>
  <c r="AR21" i="1"/>
  <c r="S147" i="5" l="1"/>
  <c r="S7380" i="5"/>
  <c r="S7548" i="5"/>
  <c r="S7187" i="5"/>
  <c r="S5047" i="5"/>
  <c r="S5863" i="5"/>
  <c r="S2010" i="5"/>
  <c r="S6385" i="5"/>
  <c r="S1682" i="5"/>
  <c r="S4194" i="5"/>
  <c r="S6028" i="5"/>
  <c r="S1501" i="5"/>
  <c r="S3199" i="5"/>
  <c r="S6038" i="5"/>
  <c r="S2494" i="5"/>
  <c r="S168" i="5"/>
  <c r="S7888" i="5"/>
  <c r="S5703" i="5"/>
  <c r="S2176" i="5"/>
  <c r="S1348" i="5"/>
  <c r="S2649" i="5"/>
  <c r="S508" i="5"/>
  <c r="S2145" i="5"/>
  <c r="S134" i="5"/>
  <c r="S1996" i="5"/>
  <c r="S5689" i="5"/>
  <c r="S977" i="5"/>
  <c r="S2496" i="5"/>
  <c r="S468" i="5"/>
  <c r="S3826" i="5"/>
  <c r="S999" i="5"/>
  <c r="S2188" i="5"/>
  <c r="S4009" i="5"/>
  <c r="S7537" i="5"/>
  <c r="S985" i="5"/>
  <c r="S7217" i="5"/>
  <c r="S5187" i="5"/>
  <c r="S8407" i="5"/>
  <c r="S4206" i="5"/>
  <c r="S7032" i="5"/>
  <c r="S4497" i="5"/>
  <c r="S467" i="5"/>
  <c r="S4174" i="5"/>
  <c r="S313" i="5"/>
  <c r="S1687" i="5"/>
  <c r="S823" i="5"/>
  <c r="S5529" i="5"/>
  <c r="S5350" i="5"/>
  <c r="S7352" i="5"/>
  <c r="S3174" i="5"/>
  <c r="S5038" i="5"/>
  <c r="S491" i="5"/>
  <c r="S8035" i="5"/>
  <c r="S2691" i="5"/>
  <c r="S5876" i="5"/>
  <c r="S1670" i="5"/>
  <c r="S481" i="5"/>
  <c r="S8070" i="5"/>
  <c r="S5005" i="5"/>
  <c r="S1499" i="5"/>
  <c r="S1008" i="5"/>
  <c r="S983" i="5"/>
  <c r="S8712" i="5"/>
  <c r="S5882" i="5"/>
  <c r="S5337" i="5"/>
  <c r="S7057" i="5"/>
  <c r="S2006" i="5"/>
  <c r="S2492" i="5"/>
  <c r="S822" i="5"/>
  <c r="S3533" i="5"/>
  <c r="S2654" i="5"/>
  <c r="S1174" i="5"/>
  <c r="S3192" i="5"/>
  <c r="S6018" i="5"/>
  <c r="S978" i="5"/>
  <c r="S5199" i="5"/>
  <c r="S2015" i="5"/>
  <c r="S5200" i="5"/>
  <c r="S7195" i="5"/>
  <c r="S2146" i="5"/>
  <c r="S1518" i="5"/>
  <c r="S141" i="5"/>
  <c r="S7231" i="5"/>
  <c r="S8740" i="5"/>
  <c r="S324" i="5"/>
  <c r="S3175" i="5"/>
  <c r="S6196" i="5"/>
  <c r="S2162" i="5"/>
  <c r="S5358" i="5"/>
  <c r="S300" i="5"/>
  <c r="S8404" i="5"/>
  <c r="S3870" i="5"/>
  <c r="S2829" i="5"/>
  <c r="S2168" i="5"/>
  <c r="S1173" i="5"/>
  <c r="S3835" i="5"/>
  <c r="S6040" i="5"/>
  <c r="S4853" i="5"/>
  <c r="S7366" i="5"/>
  <c r="S6725" i="5"/>
  <c r="S8739" i="5"/>
  <c r="S471" i="5"/>
  <c r="S7561" i="5"/>
  <c r="S7552" i="5"/>
  <c r="S8561" i="5"/>
  <c r="S7397" i="5"/>
  <c r="S3838" i="5"/>
  <c r="S6379" i="5"/>
  <c r="S1477" i="5"/>
  <c r="S5522" i="5"/>
  <c r="S4199" i="5"/>
  <c r="S6030" i="5"/>
  <c r="S831" i="5"/>
  <c r="S335" i="5"/>
  <c r="S4684" i="5"/>
  <c r="S5365" i="5"/>
  <c r="S8225" i="5"/>
  <c r="S1979" i="5"/>
  <c r="S129" i="5"/>
  <c r="S6688" i="5"/>
  <c r="S8705" i="5"/>
  <c r="S4006" i="5"/>
  <c r="S994" i="5"/>
  <c r="S3030" i="5"/>
  <c r="S6221" i="5"/>
  <c r="S7040" i="5"/>
  <c r="S2013" i="5"/>
  <c r="S1673" i="5"/>
  <c r="S4363" i="5"/>
  <c r="S3365" i="5"/>
  <c r="S3671" i="5"/>
  <c r="S1003" i="5"/>
  <c r="S3847" i="5"/>
  <c r="S4205" i="5"/>
  <c r="S1819" i="5"/>
  <c r="S6558" i="5"/>
  <c r="S660" i="5"/>
  <c r="S7873" i="5"/>
  <c r="S3858" i="5"/>
  <c r="S7031" i="5"/>
  <c r="S1158" i="5"/>
  <c r="S3490" i="5"/>
  <c r="S671" i="5"/>
  <c r="S3840" i="5"/>
  <c r="S1669" i="5"/>
  <c r="S8219" i="5"/>
  <c r="S306" i="5"/>
  <c r="S341" i="5"/>
  <c r="S4510" i="5"/>
  <c r="S988" i="5"/>
  <c r="S817" i="5"/>
  <c r="S5542" i="5"/>
  <c r="S1480" i="5"/>
  <c r="S337" i="5"/>
  <c r="S4000" i="5"/>
  <c r="S1151" i="5"/>
  <c r="S6216" i="5"/>
  <c r="S4348" i="5"/>
  <c r="S2501" i="5"/>
  <c r="S7540" i="5"/>
  <c r="S7198" i="5"/>
  <c r="S1166" i="5"/>
  <c r="S4871" i="5"/>
  <c r="S1987" i="5"/>
  <c r="S2837" i="5"/>
  <c r="S5035" i="5"/>
  <c r="S8049" i="5"/>
  <c r="S5505" i="5"/>
  <c r="S3024" i="5"/>
  <c r="S2009" i="5"/>
  <c r="S3014" i="5"/>
  <c r="S8703" i="5"/>
  <c r="S2522" i="5"/>
  <c r="S4869" i="5"/>
  <c r="S4673" i="5"/>
  <c r="S975" i="5"/>
  <c r="S4343" i="5"/>
  <c r="S7061" i="5"/>
  <c r="S4204" i="5"/>
  <c r="S5037" i="5"/>
  <c r="S7017" i="5"/>
  <c r="S2523" i="5"/>
  <c r="S6851" i="5"/>
  <c r="S652" i="5"/>
  <c r="S3512" i="5"/>
  <c r="S4868" i="5"/>
  <c r="S8206" i="5"/>
  <c r="S6220" i="5"/>
  <c r="S3666" i="5"/>
  <c r="S7194" i="5"/>
  <c r="S304" i="5"/>
  <c r="S7557" i="5"/>
  <c r="S8574" i="5"/>
  <c r="S1667" i="5"/>
  <c r="S5514" i="5"/>
  <c r="S2855" i="5"/>
  <c r="S7055" i="5"/>
  <c r="S473" i="5"/>
  <c r="S2984" i="5"/>
  <c r="S3678" i="5"/>
  <c r="S1147" i="5"/>
  <c r="S7887" i="5"/>
  <c r="S4344" i="5"/>
  <c r="S5854" i="5"/>
  <c r="S6198" i="5"/>
  <c r="S3527" i="5"/>
  <c r="S6054" i="5"/>
  <c r="S8207" i="5"/>
  <c r="S980" i="5"/>
  <c r="S6389" i="5"/>
  <c r="S6544" i="5"/>
  <c r="S3326" i="5"/>
  <c r="S844" i="5"/>
  <c r="S6055" i="5"/>
  <c r="S3520" i="5"/>
  <c r="S8387" i="5"/>
  <c r="S8406" i="5"/>
  <c r="S2514" i="5"/>
  <c r="S6515" i="5"/>
  <c r="S2174" i="5"/>
  <c r="S3022" i="5"/>
  <c r="S4700" i="5"/>
  <c r="S5008" i="5"/>
  <c r="S1839" i="5"/>
  <c r="S1498" i="5"/>
  <c r="S6689" i="5"/>
  <c r="S6890" i="5"/>
  <c r="S2655" i="5"/>
  <c r="S6880" i="5"/>
  <c r="S633" i="5"/>
  <c r="S7023" i="5"/>
  <c r="S3529" i="5"/>
  <c r="S3868" i="5"/>
  <c r="S6181" i="5"/>
  <c r="S3493" i="5"/>
  <c r="S8543" i="5"/>
  <c r="S7185" i="5"/>
  <c r="S2160" i="5"/>
  <c r="S5188" i="5"/>
  <c r="S6179" i="5"/>
  <c r="S6204" i="5"/>
  <c r="S5881" i="5"/>
  <c r="S6382" i="5"/>
  <c r="S5513" i="5"/>
  <c r="S7875" i="5"/>
  <c r="S6043" i="5"/>
  <c r="S3011" i="5"/>
  <c r="S8201" i="5"/>
  <c r="S4167" i="5"/>
  <c r="S3851" i="5"/>
  <c r="S4192" i="5"/>
  <c r="S3871" i="5"/>
  <c r="S7387" i="5"/>
  <c r="S6714" i="5"/>
  <c r="S5698" i="5"/>
  <c r="S148" i="5"/>
  <c r="S3007" i="5"/>
  <c r="S2337" i="5"/>
  <c r="S5865" i="5"/>
  <c r="S4358" i="5"/>
  <c r="S986" i="5"/>
  <c r="S1159" i="5"/>
  <c r="S4668" i="5"/>
  <c r="S4517" i="5"/>
  <c r="S8041" i="5"/>
  <c r="S5173" i="5"/>
  <c r="S5016" i="5"/>
  <c r="S4506" i="5"/>
  <c r="S8221" i="5"/>
  <c r="S7521" i="5"/>
  <c r="S328" i="5"/>
  <c r="S6349" i="5"/>
  <c r="S4331" i="5"/>
  <c r="S670" i="5"/>
  <c r="S4702" i="5"/>
  <c r="S3159" i="5"/>
  <c r="S3679" i="5"/>
  <c r="S7882" i="5"/>
  <c r="S5020" i="5"/>
  <c r="S7046" i="5"/>
  <c r="S7018" i="5"/>
  <c r="S1490" i="5"/>
  <c r="S6713" i="5"/>
  <c r="S1998" i="5"/>
  <c r="S6194" i="5"/>
  <c r="S5695" i="5"/>
  <c r="S1482" i="5"/>
  <c r="S5372" i="5"/>
  <c r="S6680" i="5"/>
  <c r="S7883" i="5"/>
  <c r="S4674" i="5"/>
  <c r="S5692" i="5"/>
  <c r="S2352" i="5"/>
  <c r="S3857" i="5"/>
  <c r="S4162" i="5"/>
  <c r="S1681" i="5"/>
  <c r="S5879" i="5"/>
  <c r="S1506" i="5"/>
  <c r="S8026" i="5"/>
  <c r="S1316" i="5"/>
  <c r="S8698" i="5"/>
  <c r="S1827" i="5"/>
  <c r="S1014" i="5"/>
  <c r="S4034" i="5"/>
  <c r="S4022" i="5"/>
  <c r="S3850" i="5"/>
  <c r="S7204" i="5"/>
  <c r="S6215" i="5"/>
  <c r="S3177" i="5"/>
  <c r="S3163" i="5"/>
  <c r="S318" i="5"/>
  <c r="S6707" i="5"/>
  <c r="S4039" i="5"/>
  <c r="S6203" i="5"/>
  <c r="S6205" i="5"/>
  <c r="S4520" i="5"/>
  <c r="S5353" i="5"/>
  <c r="S7856" i="5"/>
  <c r="S2318" i="5"/>
  <c r="S2336" i="5"/>
  <c r="S1310" i="5"/>
  <c r="S1137" i="5"/>
  <c r="S8391" i="5"/>
  <c r="S7886" i="5"/>
  <c r="S4512" i="5"/>
  <c r="S163" i="5"/>
  <c r="S4372" i="5"/>
  <c r="S6010" i="5"/>
  <c r="S4373" i="5"/>
  <c r="S642" i="5"/>
  <c r="S7716" i="5"/>
  <c r="S1664" i="5"/>
  <c r="S1160" i="5"/>
  <c r="S2683" i="5"/>
  <c r="S3162" i="5"/>
  <c r="S5551" i="5"/>
  <c r="S499" i="5"/>
  <c r="S6364" i="5"/>
  <c r="S2170" i="5"/>
  <c r="S7553" i="5"/>
  <c r="S7019" i="5"/>
  <c r="F20" i="3"/>
  <c r="S2354" i="5"/>
  <c r="S2147" i="5"/>
  <c r="S5206" i="5"/>
  <c r="S8565" i="5"/>
  <c r="S8042" i="5"/>
  <c r="S4016" i="5"/>
  <c r="S5541" i="5"/>
  <c r="S4027" i="5"/>
  <c r="S3362" i="5"/>
  <c r="S7527" i="5"/>
  <c r="S3339" i="5"/>
  <c r="S7877" i="5"/>
  <c r="S7567" i="5"/>
  <c r="S6373" i="5"/>
  <c r="S6199" i="5"/>
  <c r="S5212" i="5"/>
  <c r="S6874" i="5"/>
  <c r="S2676" i="5"/>
  <c r="S3332" i="5"/>
  <c r="S5878" i="5"/>
  <c r="S7369" i="5"/>
  <c r="S8373" i="5"/>
  <c r="S1678" i="5"/>
  <c r="S2000" i="5"/>
  <c r="S3701" i="5"/>
  <c r="S643" i="5"/>
  <c r="S7038" i="5"/>
  <c r="S1676" i="5"/>
  <c r="S8056" i="5"/>
  <c r="S3496" i="5"/>
  <c r="S672" i="5"/>
  <c r="S7560" i="5"/>
  <c r="S3834" i="5"/>
  <c r="S1161" i="5"/>
  <c r="S3859" i="5"/>
  <c r="S6849" i="5"/>
  <c r="S3696" i="5"/>
  <c r="S8536" i="5"/>
  <c r="S8400" i="5"/>
  <c r="S1684" i="5"/>
  <c r="S325" i="5"/>
  <c r="S7723" i="5"/>
  <c r="S7210" i="5"/>
  <c r="S6366" i="5"/>
  <c r="S1838" i="5"/>
  <c r="S5709" i="5"/>
  <c r="S7727" i="5"/>
  <c r="S503" i="5"/>
  <c r="S5840" i="5"/>
  <c r="S4677" i="5"/>
  <c r="S5194" i="5"/>
  <c r="S7708" i="5"/>
  <c r="S6703" i="5"/>
  <c r="S2021" i="5"/>
  <c r="S5704" i="5"/>
  <c r="S5711" i="5"/>
  <c r="S7694" i="5"/>
  <c r="S2686" i="5"/>
  <c r="S1995" i="5"/>
  <c r="S8208" i="5"/>
  <c r="S150" i="5"/>
  <c r="S8025" i="5"/>
  <c r="S6858" i="5"/>
  <c r="S8039" i="5"/>
  <c r="S5339" i="5"/>
  <c r="S3349" i="5"/>
  <c r="S3013" i="5"/>
  <c r="S1659" i="5"/>
  <c r="S4025" i="5"/>
  <c r="S8372" i="5"/>
  <c r="S1492" i="5"/>
  <c r="S3855" i="5"/>
  <c r="S3017" i="5"/>
  <c r="S6376" i="5"/>
  <c r="S2166" i="5"/>
  <c r="S5694" i="5"/>
  <c r="S3195" i="5"/>
  <c r="S3682" i="5"/>
  <c r="S330" i="5"/>
  <c r="S5691" i="5"/>
  <c r="S4014" i="5"/>
  <c r="S3659" i="5"/>
  <c r="S1846" i="5"/>
  <c r="S6013" i="5"/>
  <c r="S3854" i="5"/>
  <c r="S143" i="5"/>
  <c r="S8696" i="5"/>
  <c r="M8360" i="5"/>
  <c r="S34" i="2" a="1"/>
  <c r="S34" i="2" s="1"/>
  <c r="S8559" i="5"/>
  <c r="S2004" i="5"/>
  <c r="S3356" i="5"/>
  <c r="S821" i="5"/>
  <c r="S6355" i="5"/>
  <c r="S2348" i="5"/>
  <c r="S3347" i="5"/>
  <c r="S5176" i="5"/>
  <c r="S3016" i="5"/>
  <c r="S4181" i="5"/>
  <c r="S6023" i="5"/>
  <c r="S676" i="5"/>
  <c r="S1009" i="5"/>
  <c r="S8534" i="5"/>
  <c r="S7042" i="5"/>
  <c r="S5034" i="5"/>
  <c r="S1640" i="5"/>
  <c r="S3334" i="5"/>
  <c r="S6208" i="5"/>
  <c r="S2330" i="5"/>
  <c r="S5201" i="5"/>
  <c r="S4330" i="5"/>
  <c r="S1322" i="5"/>
  <c r="S6719" i="5"/>
  <c r="S2480" i="5"/>
  <c r="S7709" i="5"/>
  <c r="S4695" i="5"/>
  <c r="S6866" i="5"/>
  <c r="S8224" i="5"/>
  <c r="S3329" i="5"/>
  <c r="S327" i="5"/>
  <c r="S4336" i="5"/>
  <c r="S152" i="5"/>
  <c r="S2332" i="5"/>
  <c r="L8360" i="5"/>
  <c r="R34" i="2" a="1"/>
  <c r="R34" i="2" s="1"/>
  <c r="S4529" i="5"/>
  <c r="S2314" i="5"/>
  <c r="S4033" i="5"/>
  <c r="S3519" i="5"/>
  <c r="S8729" i="5"/>
  <c r="S5707" i="5"/>
  <c r="S5534" i="5"/>
  <c r="S5189" i="5"/>
  <c r="S1512" i="5"/>
  <c r="S4036" i="5"/>
  <c r="S6536" i="5"/>
  <c r="S8566" i="5"/>
  <c r="S7699" i="5"/>
  <c r="S301" i="5"/>
  <c r="S6891" i="5"/>
  <c r="S302" i="5"/>
  <c r="S4527" i="5"/>
  <c r="S7384" i="5"/>
  <c r="S3018" i="5"/>
  <c r="S4338" i="5"/>
  <c r="S3692" i="5"/>
  <c r="S1519" i="5"/>
  <c r="S1000" i="5"/>
  <c r="S1496" i="5"/>
  <c r="S5701" i="5"/>
  <c r="S7703" i="5"/>
  <c r="S3489" i="5"/>
  <c r="S2321" i="5"/>
  <c r="S3856" i="5"/>
  <c r="S2671" i="5"/>
  <c r="S7354" i="5"/>
  <c r="S4002" i="5"/>
  <c r="S7880" i="5"/>
  <c r="S1142" i="5"/>
  <c r="S3019" i="5"/>
  <c r="S6724" i="5"/>
  <c r="S4191" i="5"/>
  <c r="S309" i="5"/>
  <c r="S2014" i="5"/>
  <c r="S3193" i="5"/>
  <c r="S6856" i="5"/>
  <c r="S8552" i="5"/>
  <c r="S6857" i="5"/>
  <c r="S7365" i="5"/>
  <c r="S7879" i="5"/>
  <c r="S8031" i="5"/>
  <c r="S4697" i="5"/>
  <c r="S1653" i="5"/>
  <c r="S8028" i="5"/>
  <c r="S3191" i="5"/>
  <c r="S7050" i="5"/>
  <c r="S6223" i="5"/>
  <c r="S8716" i="5"/>
  <c r="S4171" i="5"/>
  <c r="S5853" i="5"/>
  <c r="S675" i="5"/>
  <c r="S7036" i="5"/>
  <c r="S1156" i="5"/>
  <c r="S7562" i="5"/>
  <c r="S8045" i="5"/>
  <c r="S8052" i="5"/>
  <c r="S6854" i="5"/>
  <c r="S8699" i="5"/>
  <c r="S6358" i="5"/>
  <c r="S5018" i="5"/>
  <c r="S2509" i="5"/>
  <c r="S2823" i="5"/>
  <c r="S2345" i="5"/>
  <c r="S7891" i="5"/>
  <c r="S3676" i="5"/>
  <c r="S6886" i="5"/>
  <c r="S845" i="5"/>
  <c r="S2163" i="5"/>
  <c r="S6034" i="5"/>
  <c r="S5366" i="5"/>
  <c r="S153" i="5"/>
  <c r="S464" i="5"/>
  <c r="S8027" i="5"/>
  <c r="S2689" i="5"/>
  <c r="S3164" i="5"/>
  <c r="S6347" i="5"/>
  <c r="S6008" i="5"/>
  <c r="S6346" i="5"/>
  <c r="S157" i="5"/>
  <c r="S3508" i="5"/>
  <c r="S7721" i="5"/>
  <c r="S315" i="5"/>
  <c r="S472" i="5"/>
  <c r="S635" i="5"/>
  <c r="S5538" i="5"/>
  <c r="S833" i="5"/>
  <c r="S3497" i="5"/>
  <c r="S5343" i="5"/>
  <c r="S1178" i="5"/>
  <c r="S486" i="5"/>
  <c r="S3327" i="5"/>
  <c r="S1828" i="5"/>
  <c r="S640" i="5"/>
  <c r="S6206" i="5"/>
  <c r="S6381" i="5"/>
  <c r="S3153" i="5"/>
  <c r="S6888" i="5"/>
  <c r="S3197" i="5"/>
  <c r="S6209" i="5"/>
  <c r="S1817" i="5"/>
  <c r="S3531" i="5"/>
  <c r="S4346" i="5"/>
  <c r="S4536" i="5"/>
  <c r="S3321" i="5"/>
  <c r="S5190" i="5"/>
  <c r="E12" i="3"/>
  <c r="S824" i="5"/>
  <c r="S4524" i="5"/>
  <c r="S1167" i="5"/>
  <c r="S8384" i="5"/>
  <c r="S7901" i="5"/>
  <c r="S6533" i="5"/>
  <c r="S4689" i="5"/>
  <c r="S8700" i="5"/>
  <c r="S1141" i="5"/>
  <c r="S8385" i="5"/>
  <c r="S5171" i="5"/>
  <c r="S8057" i="5"/>
  <c r="S2818" i="5"/>
  <c r="S5170" i="5"/>
  <c r="S1015" i="5"/>
  <c r="S320" i="5"/>
  <c r="S1474" i="5"/>
  <c r="S2483" i="5"/>
  <c r="S6374" i="5"/>
  <c r="S3169" i="5"/>
  <c r="S4875" i="5"/>
  <c r="S4855" i="5"/>
  <c r="S7903" i="5"/>
  <c r="S6352" i="5"/>
  <c r="S679" i="5"/>
  <c r="S7725" i="5"/>
  <c r="S5680" i="5"/>
  <c r="S2326" i="5"/>
  <c r="S1478" i="5"/>
  <c r="S3172" i="5"/>
  <c r="S5044" i="5"/>
  <c r="S2830" i="5"/>
  <c r="S3683" i="5"/>
  <c r="S2333" i="5"/>
  <c r="S5849" i="5"/>
  <c r="S7197" i="5"/>
  <c r="S5687" i="5"/>
  <c r="S4691" i="5"/>
  <c r="S5516" i="5"/>
  <c r="S2017" i="5"/>
  <c r="S644" i="5"/>
  <c r="S7544" i="5"/>
  <c r="S3998" i="5"/>
  <c r="S3186" i="5"/>
  <c r="S2816" i="5"/>
  <c r="S2187" i="5"/>
  <c r="S1814" i="5"/>
  <c r="S3836" i="5"/>
  <c r="S2505" i="5"/>
  <c r="S2482" i="5"/>
  <c r="S2151" i="5"/>
  <c r="S5024" i="5"/>
  <c r="S809" i="5"/>
  <c r="S8715" i="5"/>
  <c r="S1153" i="5"/>
  <c r="S7900" i="5"/>
  <c r="S8376" i="5"/>
  <c r="S1138" i="5"/>
  <c r="S7524" i="5"/>
  <c r="S3693" i="5"/>
  <c r="S8547" i="5"/>
  <c r="S4670" i="5"/>
  <c r="S5015" i="5"/>
  <c r="S4858" i="5"/>
  <c r="S146" i="5"/>
  <c r="S6555" i="5"/>
  <c r="S5196" i="5"/>
  <c r="S492" i="5"/>
  <c r="S7868" i="5"/>
  <c r="S4698" i="5"/>
  <c r="S316" i="5"/>
  <c r="S7393" i="5"/>
  <c r="S338" i="5"/>
  <c r="S3187" i="5"/>
  <c r="S825" i="5"/>
  <c r="S4711" i="5"/>
  <c r="S5872" i="5"/>
  <c r="S7874" i="5"/>
  <c r="S5014" i="5"/>
  <c r="S2020" i="5"/>
  <c r="S2012" i="5"/>
  <c r="S989" i="5"/>
  <c r="S2998" i="5"/>
  <c r="S8369" i="5"/>
  <c r="S8736" i="5"/>
  <c r="S1984" i="5"/>
  <c r="S2656" i="5"/>
  <c r="S2313" i="5"/>
  <c r="S5684" i="5"/>
  <c r="S4675" i="5"/>
  <c r="S2499" i="5"/>
  <c r="S2521" i="5"/>
  <c r="S7229" i="5"/>
  <c r="S6539" i="5"/>
  <c r="S2991" i="5"/>
  <c r="S2506" i="5"/>
  <c r="S2520" i="5"/>
  <c r="S6517" i="5"/>
  <c r="S6696" i="5"/>
  <c r="S1304" i="5"/>
  <c r="S5545" i="5"/>
  <c r="S6556" i="5"/>
  <c r="S8234" i="5"/>
  <c r="S161" i="5"/>
  <c r="S6852" i="5"/>
  <c r="S6176" i="5"/>
  <c r="S8381" i="5"/>
  <c r="S1829" i="5"/>
  <c r="S1165" i="5"/>
  <c r="S6201" i="5"/>
  <c r="S1148" i="5"/>
  <c r="S8067" i="5"/>
  <c r="S466" i="5"/>
  <c r="S7221" i="5"/>
  <c r="S4017" i="5"/>
  <c r="S6876" i="5"/>
  <c r="S8539" i="5"/>
  <c r="S5179" i="5"/>
  <c r="S487" i="5"/>
  <c r="S7529" i="5"/>
  <c r="S8529" i="5"/>
  <c r="S1146" i="5"/>
  <c r="S4003" i="5"/>
  <c r="S3003" i="5"/>
  <c r="S4523" i="5"/>
  <c r="S841" i="5"/>
  <c r="S1139" i="5"/>
  <c r="S2840" i="5"/>
  <c r="S1170" i="5"/>
  <c r="S2836" i="5"/>
  <c r="S2857" i="5"/>
  <c r="S8238" i="5"/>
  <c r="S3673" i="5"/>
  <c r="S8742" i="5"/>
  <c r="S4502" i="5"/>
  <c r="S7715" i="5"/>
  <c r="S6380" i="5"/>
  <c r="S2159" i="5"/>
  <c r="S5690" i="5"/>
  <c r="S1154" i="5"/>
  <c r="S8364" i="5"/>
  <c r="S3841" i="5"/>
  <c r="S5045" i="5"/>
  <c r="S6017" i="5"/>
  <c r="S5519" i="5"/>
  <c r="S1476" i="5"/>
  <c r="S5685" i="5"/>
  <c r="S8058" i="5"/>
  <c r="S3535" i="5"/>
  <c r="S4504" i="5"/>
  <c r="S1351" i="5"/>
  <c r="S7726" i="5"/>
  <c r="S3344" i="5"/>
  <c r="S1652" i="5"/>
  <c r="S7226" i="5"/>
  <c r="S167" i="5"/>
  <c r="S7371" i="5"/>
  <c r="S4342" i="5"/>
  <c r="S3001" i="5"/>
  <c r="S5017" i="5"/>
  <c r="S8399" i="5"/>
  <c r="S2652" i="5"/>
  <c r="S5871" i="5"/>
  <c r="S1172" i="5"/>
  <c r="S5351" i="5"/>
  <c r="S7701" i="5"/>
  <c r="S8568" i="5"/>
  <c r="S1988" i="5"/>
  <c r="S6697" i="5"/>
  <c r="S990" i="5"/>
  <c r="S7359" i="5"/>
  <c r="S2986" i="5"/>
  <c r="S1808" i="5"/>
  <c r="S8047" i="5"/>
  <c r="S6015" i="5"/>
  <c r="S8203" i="5"/>
  <c r="S8720" i="5"/>
  <c r="S3514" i="5"/>
  <c r="S5682" i="5"/>
  <c r="S2678" i="5"/>
  <c r="S495" i="5"/>
  <c r="S7213" i="5"/>
  <c r="S645" i="5"/>
  <c r="S4023" i="5"/>
  <c r="S8558" i="5"/>
  <c r="S7053" i="5"/>
  <c r="S2165" i="5"/>
  <c r="S2842" i="5"/>
  <c r="S6727" i="5"/>
  <c r="S7897" i="5"/>
  <c r="S1305" i="5"/>
  <c r="S3513" i="5"/>
  <c r="S5708" i="5"/>
  <c r="S8037" i="5"/>
  <c r="S5369" i="5"/>
  <c r="S3367" i="5"/>
  <c r="S3198" i="5"/>
  <c r="S8553" i="5"/>
  <c r="S4848" i="5"/>
  <c r="S1662" i="5"/>
  <c r="S3661" i="5"/>
  <c r="S4007" i="5"/>
  <c r="S6681" i="5"/>
  <c r="S7203" i="5"/>
  <c r="S2325" i="5"/>
  <c r="S2851" i="5"/>
  <c r="S2658" i="5"/>
  <c r="S5543" i="5"/>
  <c r="S4371" i="5"/>
  <c r="S1324" i="5"/>
  <c r="S8068" i="5"/>
  <c r="S2152" i="5"/>
  <c r="S5688" i="5"/>
  <c r="S8709" i="5"/>
  <c r="S4182" i="5"/>
  <c r="S979" i="5"/>
  <c r="S3510" i="5"/>
  <c r="S135" i="5"/>
  <c r="S971" i="5"/>
  <c r="S2340" i="5"/>
  <c r="S2334" i="5"/>
  <c r="S3023" i="5"/>
  <c r="S2342" i="5"/>
  <c r="S1488" i="5"/>
  <c r="S1982" i="5"/>
  <c r="S7016" i="5"/>
  <c r="S8546" i="5"/>
  <c r="S6884" i="5"/>
  <c r="S159" i="5"/>
  <c r="S2019" i="5"/>
  <c r="S5702" i="5"/>
  <c r="S3861" i="5"/>
  <c r="S5686" i="5"/>
  <c r="S2849" i="5"/>
  <c r="S7222" i="5"/>
  <c r="S6011" i="5"/>
  <c r="S2508" i="5"/>
  <c r="S299" i="5"/>
  <c r="S3004" i="5"/>
  <c r="S3502" i="5"/>
  <c r="S664" i="5"/>
  <c r="S1993" i="5"/>
  <c r="S7021" i="5"/>
  <c r="S2502" i="5"/>
  <c r="S2343" i="5"/>
  <c r="S4334" i="5"/>
  <c r="S331" i="5"/>
  <c r="S2489" i="5"/>
  <c r="S4341" i="5"/>
  <c r="S2525" i="5"/>
  <c r="S3025" i="5"/>
  <c r="S490" i="5"/>
  <c r="S7532" i="5"/>
  <c r="S7564" i="5"/>
  <c r="S7382" i="5"/>
  <c r="S8401" i="5"/>
  <c r="S5193" i="5"/>
  <c r="S4847" i="5"/>
  <c r="S2665" i="5"/>
  <c r="S8379" i="5"/>
  <c r="S6514" i="5"/>
  <c r="S6704" i="5"/>
  <c r="S4540" i="5"/>
  <c r="S7215" i="5"/>
  <c r="S6357" i="5"/>
  <c r="S6188" i="5"/>
  <c r="S4866" i="5"/>
  <c r="S991" i="5"/>
  <c r="S1844" i="5"/>
  <c r="S8239" i="5"/>
  <c r="S3515" i="5"/>
  <c r="S312" i="5"/>
  <c r="S6684" i="5"/>
  <c r="S4515" i="5"/>
  <c r="S8059" i="5"/>
  <c r="S8195" i="5"/>
  <c r="S816" i="5"/>
  <c r="S7225" i="5"/>
  <c r="S6542" i="5"/>
  <c r="S6692" i="5"/>
  <c r="S8575" i="5"/>
  <c r="S334" i="5"/>
  <c r="S5000" i="5"/>
  <c r="S1318" i="5"/>
  <c r="S4369" i="5"/>
  <c r="S7364" i="5"/>
  <c r="S5215" i="5"/>
  <c r="S4501" i="5"/>
  <c r="S5877" i="5"/>
  <c r="S8737" i="5"/>
  <c r="S3530" i="5"/>
  <c r="S5850" i="5"/>
  <c r="S2179" i="5"/>
  <c r="S3524" i="5"/>
  <c r="S5183" i="5"/>
  <c r="S3167" i="5"/>
  <c r="S8375" i="5"/>
  <c r="S1182" i="5"/>
  <c r="S5550" i="5"/>
  <c r="S8569" i="5"/>
  <c r="S3180" i="5"/>
  <c r="S666" i="5"/>
  <c r="S3528" i="5"/>
  <c r="S2989" i="5"/>
  <c r="S1155" i="5"/>
  <c r="S2677" i="5"/>
  <c r="S4010" i="5"/>
  <c r="S1825" i="5"/>
  <c r="S4667" i="5"/>
  <c r="S2320" i="5"/>
  <c r="S6200" i="5"/>
  <c r="S7546" i="5"/>
  <c r="S2527" i="5"/>
  <c r="S8710" i="5"/>
  <c r="S6202" i="5"/>
  <c r="S8572" i="5"/>
  <c r="K8360" i="5"/>
  <c r="O8360" i="5" s="1"/>
  <c r="Q34" i="2" a="1"/>
  <c r="Q34" i="2" s="1"/>
  <c r="S8210" i="5"/>
  <c r="S7189" i="5"/>
  <c r="S7871" i="5"/>
  <c r="S3333" i="5"/>
  <c r="S5186" i="5"/>
  <c r="S6391" i="5"/>
  <c r="S4196" i="5"/>
  <c r="S1328" i="5"/>
  <c r="S7566" i="5"/>
  <c r="S475" i="5"/>
  <c r="S650" i="5"/>
  <c r="S1311" i="5"/>
  <c r="S6211" i="5"/>
  <c r="S4374" i="5"/>
  <c r="S5046" i="5"/>
  <c r="S2016" i="5"/>
  <c r="S3860" i="5"/>
  <c r="S2850" i="5"/>
  <c r="S4180" i="5"/>
  <c r="S3173" i="5"/>
  <c r="S1479" i="5"/>
  <c r="S8199" i="5"/>
  <c r="S5844" i="5"/>
  <c r="S3350" i="5"/>
  <c r="S4705" i="5"/>
  <c r="S1339" i="5"/>
  <c r="S7062" i="5"/>
  <c r="S843" i="5"/>
  <c r="S5547" i="5"/>
  <c r="S4845" i="5"/>
  <c r="S2001" i="5"/>
  <c r="S4535" i="5"/>
  <c r="S2353" i="5"/>
  <c r="S8038" i="5"/>
  <c r="S3000" i="5"/>
  <c r="S1144" i="5"/>
  <c r="S7869" i="5"/>
  <c r="S6378" i="5"/>
  <c r="S2651" i="5"/>
  <c r="S2486" i="5"/>
  <c r="S7022" i="5"/>
  <c r="S1834" i="5"/>
  <c r="S665" i="5"/>
  <c r="S8237" i="5"/>
  <c r="S6026" i="5"/>
  <c r="S7531" i="5"/>
  <c r="S1140" i="5"/>
  <c r="S2011" i="5"/>
  <c r="S4375" i="5"/>
  <c r="S1502" i="5"/>
  <c r="S1323" i="5"/>
  <c r="S2993" i="5"/>
  <c r="S2171" i="5"/>
  <c r="S1347" i="5"/>
  <c r="S2184" i="5"/>
  <c r="S1157" i="5"/>
  <c r="S4843" i="5"/>
  <c r="S6850" i="5"/>
  <c r="S835" i="5"/>
  <c r="S803" i="5"/>
  <c r="S3165" i="5"/>
  <c r="S6552" i="5"/>
  <c r="S6718" i="5"/>
  <c r="S4680" i="5"/>
  <c r="S7056" i="5"/>
  <c r="S5544" i="5"/>
  <c r="S6178" i="5"/>
  <c r="S5031" i="5"/>
  <c r="S6014" i="5"/>
  <c r="S4184" i="5"/>
  <c r="S7052" i="5"/>
  <c r="S5028" i="5"/>
  <c r="S653" i="5"/>
  <c r="S140" i="5"/>
  <c r="S4840" i="5"/>
  <c r="S1815" i="5"/>
  <c r="S8040" i="5"/>
  <c r="S5845" i="5"/>
  <c r="S7536" i="5"/>
  <c r="S4001" i="5"/>
  <c r="S2347" i="5"/>
  <c r="S5533" i="5"/>
  <c r="S173" i="5"/>
  <c r="S5043" i="5"/>
  <c r="S5010" i="5"/>
  <c r="S7199" i="5"/>
  <c r="S4833" i="5"/>
  <c r="S8223" i="5"/>
  <c r="S3516" i="5"/>
  <c r="S995" i="5"/>
  <c r="S5517" i="5"/>
  <c r="S1855" i="5"/>
  <c r="S2673" i="5"/>
  <c r="S501" i="5"/>
  <c r="S8549" i="5"/>
  <c r="S5715" i="5"/>
  <c r="S6345" i="5"/>
  <c r="S3029" i="5"/>
  <c r="S4197" i="5"/>
  <c r="S6878" i="5"/>
  <c r="S4368" i="5"/>
  <c r="S996" i="5"/>
  <c r="S171" i="5"/>
  <c r="S6698" i="5"/>
  <c r="S3361" i="5"/>
  <c r="S323" i="5"/>
  <c r="S1989" i="5"/>
  <c r="S1175" i="5"/>
  <c r="S5021" i="5"/>
  <c r="S4521" i="5"/>
  <c r="S2500" i="5"/>
  <c r="S6222" i="5"/>
  <c r="S7394" i="5"/>
  <c r="S3182" i="5"/>
  <c r="S8029" i="5"/>
  <c r="S8734" i="5"/>
  <c r="S484" i="5"/>
  <c r="S2349" i="5"/>
  <c r="S5719" i="5"/>
  <c r="S3837" i="5"/>
  <c r="S7692" i="5"/>
  <c r="S5040" i="5"/>
  <c r="S333" i="5"/>
  <c r="S2862" i="5"/>
  <c r="S4207" i="5"/>
  <c r="S2990" i="5"/>
  <c r="S5367" i="5"/>
  <c r="S2341" i="5"/>
  <c r="S5855" i="5"/>
  <c r="S5013" i="5"/>
  <c r="S7698" i="5"/>
  <c r="S1816" i="5"/>
  <c r="S4703" i="5"/>
  <c r="S321" i="5"/>
  <c r="S7196" i="5"/>
  <c r="S6512" i="5"/>
  <c r="S8396" i="5"/>
  <c r="S4337" i="5"/>
  <c r="S4537" i="5"/>
  <c r="S4671" i="5"/>
  <c r="S8046" i="5"/>
  <c r="S3158" i="5"/>
  <c r="S5535" i="5"/>
  <c r="S7538" i="5"/>
  <c r="S2157" i="5"/>
  <c r="S1842" i="5"/>
  <c r="S5007" i="5"/>
  <c r="S4686" i="5"/>
  <c r="S2660" i="5"/>
  <c r="S1655" i="5"/>
  <c r="S2997" i="5"/>
  <c r="S5842" i="5"/>
  <c r="S1658" i="5"/>
  <c r="S1505" i="5"/>
  <c r="S5870" i="5"/>
  <c r="S5510" i="5"/>
  <c r="S3160" i="5"/>
  <c r="S162" i="5"/>
  <c r="S3506" i="5"/>
  <c r="S8051" i="5"/>
  <c r="S6192" i="5"/>
  <c r="S6039" i="5"/>
  <c r="S1809" i="5"/>
  <c r="S3993" i="5"/>
  <c r="S8540" i="5"/>
  <c r="S8064" i="5"/>
  <c r="S4203" i="5"/>
  <c r="S5515" i="5"/>
  <c r="S1340" i="5"/>
  <c r="S1646" i="5"/>
  <c r="S6547" i="5"/>
  <c r="S8717" i="5"/>
  <c r="S5676" i="5"/>
  <c r="S7866" i="5"/>
  <c r="S3357" i="5"/>
  <c r="S4019" i="5"/>
  <c r="S4528" i="5"/>
  <c r="S4359" i="5"/>
  <c r="S7051" i="5"/>
  <c r="S5345" i="5"/>
  <c r="S7027" i="5"/>
  <c r="S7554" i="5"/>
  <c r="S3668" i="5"/>
  <c r="S1180" i="5"/>
  <c r="S814" i="5"/>
  <c r="S3534" i="5"/>
  <c r="S6531" i="5"/>
  <c r="S6361" i="5"/>
  <c r="S5693" i="5"/>
  <c r="S4332" i="5"/>
  <c r="S2003" i="5"/>
  <c r="S6691" i="5"/>
  <c r="S5841" i="5"/>
  <c r="S7028" i="5"/>
  <c r="S1013" i="5"/>
  <c r="S638" i="5"/>
  <c r="S8535" i="5"/>
  <c r="S5023" i="5"/>
  <c r="S2144" i="5"/>
  <c r="S1306" i="5"/>
  <c r="S2005" i="5"/>
  <c r="S7020" i="5"/>
  <c r="S6723" i="5"/>
  <c r="S3012" i="5"/>
  <c r="S5349" i="5"/>
  <c r="S6709" i="5"/>
  <c r="S1845" i="5"/>
  <c r="S6369" i="5"/>
  <c r="S5848" i="5"/>
  <c r="S5508" i="5"/>
  <c r="S7049" i="5"/>
  <c r="S3354" i="5"/>
  <c r="S5716" i="5"/>
  <c r="S4173" i="5"/>
  <c r="S6551" i="5"/>
  <c r="S4176" i="5"/>
  <c r="S8707" i="5"/>
  <c r="S1656" i="5"/>
  <c r="S5507" i="5"/>
  <c r="S8726" i="5"/>
  <c r="S144" i="5"/>
  <c r="S1847" i="5"/>
  <c r="S6359" i="5"/>
  <c r="S4856" i="5"/>
  <c r="S1497" i="5"/>
  <c r="S7896" i="5"/>
  <c r="S6881" i="5"/>
  <c r="S5528" i="5"/>
  <c r="S7860" i="5"/>
  <c r="S827" i="5"/>
  <c r="S2497" i="5"/>
  <c r="S7565" i="5"/>
  <c r="S6351" i="5"/>
  <c r="S6895" i="5"/>
  <c r="S1517" i="5"/>
  <c r="S2843" i="5"/>
  <c r="S2191" i="5"/>
  <c r="S3677" i="5"/>
  <c r="S8383" i="5"/>
  <c r="S674" i="5"/>
  <c r="S982" i="5"/>
  <c r="S2858" i="5"/>
  <c r="S7048" i="5"/>
  <c r="S8738" i="5"/>
  <c r="S7227" i="5"/>
  <c r="S2324" i="5"/>
  <c r="S1001" i="5"/>
  <c r="S7718" i="5"/>
  <c r="S1334" i="5"/>
  <c r="S8733" i="5"/>
  <c r="S155" i="5"/>
  <c r="S2185" i="5"/>
  <c r="S4879" i="5"/>
  <c r="S7551" i="5"/>
  <c r="S2181" i="5"/>
  <c r="S1485" i="5"/>
  <c r="S322" i="5"/>
  <c r="S6191" i="5"/>
  <c r="S8214" i="5"/>
  <c r="S1504" i="5"/>
  <c r="S7864" i="5"/>
  <c r="S326" i="5"/>
  <c r="S4518" i="5"/>
  <c r="S2359" i="5"/>
  <c r="S1136" i="5"/>
  <c r="S4873" i="5"/>
  <c r="S3695" i="5"/>
  <c r="S5880" i="5"/>
  <c r="S1004" i="5"/>
  <c r="S7889" i="5"/>
  <c r="S4704" i="5"/>
  <c r="S2154" i="5"/>
  <c r="S2513" i="5"/>
  <c r="S4175" i="5"/>
  <c r="S6885" i="5"/>
  <c r="S6699" i="5"/>
  <c r="S8394" i="5"/>
  <c r="S1980" i="5"/>
  <c r="S1329" i="5"/>
  <c r="S7220" i="5"/>
  <c r="S8704" i="5"/>
  <c r="S5172" i="5"/>
  <c r="S7707" i="5"/>
  <c r="S3670" i="5"/>
  <c r="S6557" i="5"/>
  <c r="S3336" i="5"/>
  <c r="S8741" i="5"/>
  <c r="S4710" i="5"/>
  <c r="S1822" i="5"/>
  <c r="S6037" i="5"/>
  <c r="S4169" i="5"/>
  <c r="S5348" i="5"/>
  <c r="S6020" i="5"/>
  <c r="S6182" i="5"/>
  <c r="S3176" i="5"/>
  <c r="S340" i="5"/>
  <c r="S339" i="5"/>
  <c r="S1643" i="5"/>
  <c r="S6049" i="5"/>
  <c r="S332" i="5"/>
  <c r="S8732" i="5"/>
  <c r="S7358" i="5"/>
  <c r="S4498" i="5"/>
  <c r="S2007" i="5"/>
  <c r="S6865" i="5"/>
  <c r="S502" i="5"/>
  <c r="S6528" i="5"/>
  <c r="S493" i="5"/>
  <c r="S4878" i="5"/>
  <c r="S7375" i="5"/>
  <c r="N4160" i="5"/>
  <c r="F19" i="3" s="1"/>
  <c r="S4160" i="5"/>
  <c r="S4360" i="5"/>
  <c r="S6682" i="5"/>
  <c r="S6218" i="5"/>
  <c r="S2481" i="5"/>
  <c r="S5548" i="5"/>
  <c r="S1005" i="5"/>
  <c r="S2511" i="5"/>
  <c r="S314" i="5"/>
  <c r="S1330" i="5"/>
  <c r="S4860" i="5"/>
  <c r="S8390" i="5"/>
  <c r="S465" i="5"/>
  <c r="S632" i="5"/>
  <c r="S6390" i="5"/>
  <c r="S4678" i="5"/>
  <c r="S1686" i="5"/>
  <c r="S8053" i="5"/>
  <c r="S1991" i="5"/>
  <c r="S8735" i="5"/>
  <c r="S7878" i="5"/>
  <c r="S7691" i="5"/>
  <c r="S297" i="5"/>
  <c r="S5673" i="5"/>
  <c r="S1853" i="5"/>
  <c r="S2173" i="5"/>
  <c r="S329" i="5"/>
  <c r="S5867" i="5"/>
  <c r="S6537" i="5"/>
  <c r="S7357" i="5"/>
  <c r="S7894" i="5"/>
  <c r="S6214" i="5"/>
  <c r="S5381" i="5"/>
  <c r="S7857" i="5"/>
  <c r="S8192" i="5"/>
  <c r="S6875" i="5"/>
  <c r="S834" i="5"/>
  <c r="S4541" i="5"/>
  <c r="S3499" i="5"/>
  <c r="S6549" i="5"/>
  <c r="S5527" i="5"/>
  <c r="S1509" i="5"/>
  <c r="S839" i="5"/>
  <c r="S1983" i="5"/>
  <c r="S4877" i="5"/>
  <c r="S7541" i="5"/>
  <c r="S7895" i="5"/>
  <c r="S970" i="5"/>
  <c r="S4532" i="5"/>
  <c r="S5182" i="5"/>
  <c r="S5191" i="5"/>
  <c r="S4835" i="5"/>
  <c r="S3010" i="5"/>
  <c r="S7535" i="5"/>
  <c r="S4676" i="5"/>
  <c r="S511" i="5"/>
  <c r="S1820" i="5"/>
  <c r="S3687" i="5"/>
  <c r="S8228" i="5"/>
  <c r="S131" i="5"/>
  <c r="S3006" i="5"/>
  <c r="S6184" i="5"/>
  <c r="S1832" i="5"/>
  <c r="S1849" i="5"/>
  <c r="S4850" i="5"/>
  <c r="S673" i="5"/>
  <c r="S6212" i="5"/>
  <c r="S2158" i="5"/>
  <c r="S7047" i="5"/>
  <c r="S3494" i="5"/>
  <c r="S6021" i="5"/>
  <c r="S5197" i="5"/>
  <c r="S6387" i="5"/>
  <c r="S1500" i="5"/>
  <c r="S3343" i="5"/>
  <c r="S7205" i="5"/>
  <c r="S6219" i="5"/>
  <c r="S6370" i="5"/>
  <c r="S4509" i="5"/>
  <c r="S6193" i="5"/>
  <c r="S6527" i="5"/>
  <c r="S4499" i="5"/>
  <c r="S3864" i="5"/>
  <c r="S811" i="5"/>
  <c r="S813" i="5"/>
  <c r="S6372" i="5"/>
  <c r="S1168" i="5"/>
  <c r="S3178" i="5"/>
  <c r="S1833" i="5"/>
  <c r="S2339" i="5"/>
  <c r="S5374" i="5"/>
  <c r="S4507" i="5"/>
  <c r="S2164" i="5"/>
  <c r="S815" i="5"/>
  <c r="S5539" i="5"/>
  <c r="S4841" i="5"/>
  <c r="S4669" i="5"/>
  <c r="S5860" i="5"/>
  <c r="S7545" i="5"/>
  <c r="S3863" i="5"/>
  <c r="S319" i="5"/>
  <c r="S8205" i="5"/>
  <c r="S4013" i="5"/>
  <c r="S2355" i="5"/>
  <c r="S5181" i="5"/>
  <c r="S506" i="5"/>
  <c r="S5511" i="5"/>
  <c r="S2328" i="5"/>
  <c r="S1990" i="5"/>
  <c r="S476" i="5"/>
  <c r="S4340" i="5"/>
  <c r="S8220" i="5"/>
  <c r="S4514" i="5"/>
  <c r="S3853" i="5"/>
  <c r="S6520" i="5"/>
  <c r="S2317" i="5"/>
  <c r="S8405" i="5"/>
  <c r="S3672" i="5"/>
  <c r="S7216" i="5"/>
  <c r="S1150" i="5"/>
  <c r="S7525" i="5"/>
  <c r="S7858" i="5"/>
  <c r="S2156" i="5"/>
  <c r="S8389" i="5"/>
  <c r="S8711" i="5"/>
  <c r="S807" i="5"/>
  <c r="S6031" i="5"/>
  <c r="S2008" i="5"/>
  <c r="S5518" i="5"/>
  <c r="S3194" i="5"/>
  <c r="S8217" i="5"/>
  <c r="S2323" i="5"/>
  <c r="S6022" i="5"/>
  <c r="S6717" i="5"/>
  <c r="S1810" i="5"/>
  <c r="S6183" i="5"/>
  <c r="S1327" i="5"/>
  <c r="S8718" i="5"/>
  <c r="S2022" i="5"/>
  <c r="S4018" i="5"/>
  <c r="S1164" i="5"/>
  <c r="S2178" i="5"/>
  <c r="S4505" i="5"/>
  <c r="S5195" i="5"/>
  <c r="S3703" i="5"/>
  <c r="S2682" i="5"/>
  <c r="S1840" i="5"/>
  <c r="S3665" i="5"/>
  <c r="S2826" i="5"/>
  <c r="S5009" i="5"/>
  <c r="S8377" i="5"/>
  <c r="S2155" i="5"/>
  <c r="S7563" i="5"/>
  <c r="S6368" i="5"/>
  <c r="S138" i="5"/>
  <c r="S992" i="5"/>
  <c r="S3360" i="5"/>
  <c r="S1824" i="5"/>
  <c r="S3832" i="5"/>
  <c r="S1503" i="5"/>
  <c r="S2663" i="5"/>
  <c r="S8528" i="5"/>
  <c r="S8193" i="5"/>
  <c r="S2681" i="5"/>
  <c r="S5202" i="5"/>
  <c r="S4870" i="5"/>
  <c r="S3663" i="5"/>
  <c r="S8061" i="5"/>
  <c r="S7191" i="5"/>
  <c r="S8033" i="5"/>
  <c r="S4008" i="5"/>
  <c r="S2507" i="5"/>
  <c r="S1668" i="5"/>
  <c r="S1515" i="5"/>
  <c r="S7530" i="5"/>
  <c r="S2844" i="5"/>
  <c r="S8063" i="5"/>
  <c r="S482" i="5"/>
  <c r="S5214" i="5"/>
  <c r="S480" i="5"/>
  <c r="S8560" i="5"/>
  <c r="S7710" i="5"/>
  <c r="S1685" i="5"/>
  <c r="S658" i="5"/>
  <c r="S5683" i="5"/>
  <c r="S2504" i="5"/>
  <c r="S5857" i="5"/>
  <c r="S160" i="5"/>
  <c r="S4030" i="5"/>
  <c r="S4693" i="5"/>
  <c r="S2670" i="5"/>
  <c r="S1657" i="5"/>
  <c r="S6538" i="5"/>
  <c r="S1349" i="5"/>
  <c r="S4696" i="5"/>
  <c r="S8365" i="5"/>
  <c r="S3660" i="5"/>
  <c r="S678" i="5"/>
  <c r="S5885" i="5"/>
  <c r="S2827" i="5"/>
  <c r="S7700" i="5"/>
  <c r="S3866" i="5"/>
  <c r="S8554" i="5"/>
  <c r="S3843" i="5"/>
  <c r="S489" i="5"/>
  <c r="S474" i="5"/>
  <c r="S8227" i="5"/>
  <c r="S2515" i="5"/>
  <c r="S8556" i="5"/>
  <c r="S7902" i="5"/>
  <c r="S1660" i="5"/>
  <c r="S8229" i="5"/>
  <c r="S6190" i="5"/>
  <c r="S8233" i="5"/>
  <c r="S5705" i="5"/>
  <c r="S3657" i="5"/>
  <c r="S1826" i="5"/>
  <c r="S6024" i="5"/>
  <c r="S4519" i="5"/>
  <c r="S5874" i="5"/>
  <c r="S149" i="5"/>
  <c r="S1649" i="5"/>
  <c r="S2860" i="5"/>
  <c r="S4170" i="5"/>
  <c r="S2821" i="5"/>
  <c r="S6207" i="5"/>
  <c r="S6516" i="5"/>
  <c r="S6859" i="5"/>
  <c r="S7395" i="5"/>
  <c r="S5858" i="5"/>
  <c r="S6541" i="5"/>
  <c r="S6213" i="5"/>
  <c r="S3170" i="5"/>
  <c r="S2331" i="5"/>
  <c r="S1314" i="5"/>
  <c r="S668" i="5"/>
  <c r="S154" i="5"/>
  <c r="S6185" i="5"/>
  <c r="S4037" i="5"/>
  <c r="S4508" i="5"/>
  <c r="S308" i="5"/>
  <c r="S2485" i="5"/>
  <c r="S5192" i="5"/>
  <c r="S2316" i="5"/>
  <c r="S8378" i="5"/>
  <c r="S1326" i="5"/>
  <c r="S2695" i="5"/>
  <c r="S1338" i="5"/>
  <c r="S1666" i="5"/>
  <c r="S3348" i="5"/>
  <c r="S3152" i="5"/>
  <c r="S7690" i="5"/>
  <c r="S8551" i="5"/>
  <c r="S7892" i="5"/>
  <c r="S5346" i="5"/>
  <c r="S7376" i="5"/>
  <c r="S3997" i="5"/>
  <c r="S5030" i="5"/>
  <c r="S2356" i="5"/>
  <c r="S3498" i="5"/>
  <c r="S7054" i="5"/>
  <c r="S4837" i="5"/>
  <c r="S2490" i="5"/>
  <c r="S3662" i="5"/>
  <c r="S7372" i="5"/>
  <c r="S7386" i="5"/>
  <c r="S4188" i="5"/>
  <c r="S2819" i="5"/>
  <c r="S2346" i="5"/>
  <c r="S8725" i="5"/>
  <c r="S1331" i="5"/>
  <c r="S5712" i="5"/>
  <c r="S3181" i="5"/>
  <c r="S5875" i="5"/>
  <c r="S5856" i="5"/>
  <c r="S1321" i="5"/>
  <c r="S1312" i="5"/>
  <c r="S847" i="5"/>
  <c r="S4706" i="5"/>
  <c r="S829" i="5"/>
  <c r="S6524" i="5"/>
  <c r="S7223" i="5"/>
  <c r="S4832" i="5"/>
  <c r="S4836" i="5"/>
  <c r="S2985" i="5"/>
  <c r="S8222" i="5"/>
  <c r="S3830" i="5"/>
  <c r="S1854" i="5"/>
  <c r="S4365" i="5"/>
  <c r="S634" i="5"/>
  <c r="S5347" i="5"/>
  <c r="S4513" i="5"/>
  <c r="S3353" i="5"/>
  <c r="S7043" i="5"/>
  <c r="S4665" i="5"/>
  <c r="S485" i="5"/>
  <c r="S3355" i="5"/>
  <c r="S1487" i="5"/>
  <c r="S1978" i="5"/>
  <c r="S4687" i="5"/>
  <c r="S6686" i="5"/>
  <c r="S7390" i="5"/>
  <c r="S5678" i="5"/>
  <c r="S7696" i="5"/>
  <c r="S4193" i="5"/>
  <c r="S4165" i="5"/>
  <c r="S7697" i="5"/>
  <c r="S1343" i="5"/>
  <c r="S7730" i="5"/>
  <c r="S4526" i="5"/>
  <c r="S5341" i="5"/>
  <c r="S494" i="5"/>
  <c r="S2668" i="5"/>
  <c r="S2351" i="5"/>
  <c r="S136" i="5"/>
  <c r="J8360" i="5"/>
  <c r="N8360" i="5" s="1"/>
  <c r="P34" i="2" a="1"/>
  <c r="P34" i="2" s="1"/>
  <c r="S8212" i="5"/>
  <c r="S4038" i="5"/>
  <c r="S8036" i="5"/>
  <c r="S1647" i="5"/>
  <c r="S7714" i="5"/>
  <c r="S8043" i="5"/>
  <c r="S3867" i="5"/>
  <c r="S808" i="5"/>
  <c r="S6050" i="5"/>
  <c r="S2518" i="5"/>
  <c r="S165" i="5"/>
  <c r="S3999" i="5"/>
  <c r="S6025" i="5"/>
  <c r="S2667" i="5"/>
  <c r="S336" i="5"/>
  <c r="S2023" i="5"/>
  <c r="S1813" i="5"/>
  <c r="S6540" i="5"/>
  <c r="S170" i="5"/>
  <c r="S1831" i="5"/>
  <c r="S7885" i="5"/>
  <c r="S8548" i="5"/>
  <c r="S3005" i="5"/>
  <c r="S5357" i="5"/>
  <c r="S7881" i="5"/>
  <c r="S1841" i="5"/>
  <c r="S5675" i="5"/>
  <c r="S6525" i="5"/>
  <c r="S8719" i="5"/>
  <c r="S3521" i="5"/>
  <c r="S5184" i="5"/>
  <c r="S4187" i="5"/>
  <c r="O34" i="2" a="1"/>
  <c r="O34" i="2" s="1"/>
  <c r="S5537" i="5"/>
  <c r="S5383" i="5"/>
  <c r="S4854" i="5"/>
  <c r="S836" i="5"/>
  <c r="S4672" i="5"/>
  <c r="S4694" i="5"/>
  <c r="S1171" i="5"/>
  <c r="S6863" i="5"/>
  <c r="S1508" i="5"/>
  <c r="S5003" i="5"/>
  <c r="S7218" i="5"/>
  <c r="S8531" i="5"/>
  <c r="S5029" i="5"/>
  <c r="S3495" i="5"/>
  <c r="S8398" i="5"/>
  <c r="S1852" i="5"/>
  <c r="S5382" i="5"/>
  <c r="S5525" i="5"/>
  <c r="S7190" i="5"/>
  <c r="S4189" i="5"/>
  <c r="S5354" i="5"/>
  <c r="S7059" i="5"/>
  <c r="S1007" i="5"/>
  <c r="S1650" i="5"/>
  <c r="S1645" i="5"/>
  <c r="S2661" i="5"/>
  <c r="S4849" i="5"/>
  <c r="S8403" i="5"/>
  <c r="S6521" i="5"/>
  <c r="S4031" i="5"/>
  <c r="S1006" i="5"/>
  <c r="S7735" i="5"/>
  <c r="S6894" i="5"/>
  <c r="S984" i="5"/>
  <c r="S7396" i="5"/>
  <c r="S8366" i="5"/>
  <c r="S3862" i="5"/>
  <c r="S5380" i="5"/>
  <c r="S7029" i="5"/>
  <c r="S1350" i="5"/>
  <c r="S3188" i="5"/>
  <c r="S3833" i="5"/>
  <c r="S5887" i="5"/>
  <c r="S6051" i="5"/>
  <c r="S3829" i="5"/>
  <c r="S2854" i="5"/>
  <c r="S6052" i="5"/>
  <c r="S1345" i="5"/>
  <c r="S4032" i="5"/>
  <c r="S3675" i="5"/>
  <c r="S812" i="5"/>
  <c r="S8055" i="5"/>
  <c r="S2344" i="5"/>
  <c r="S156" i="5"/>
  <c r="S4679" i="5"/>
  <c r="S4683" i="5"/>
  <c r="S8708" i="5"/>
  <c r="S1308" i="5"/>
  <c r="S3827" i="5"/>
  <c r="S6041" i="5"/>
  <c r="S5207" i="5"/>
  <c r="S8728" i="5"/>
  <c r="S1475" i="5"/>
  <c r="S1152" i="5"/>
  <c r="S846" i="5"/>
  <c r="S1648" i="5"/>
  <c r="S2988" i="5"/>
  <c r="S175" i="5"/>
  <c r="S3518" i="5"/>
  <c r="S7025" i="5"/>
  <c r="S5371" i="5"/>
  <c r="S5861" i="5"/>
  <c r="S8371" i="5"/>
  <c r="S3694" i="5"/>
  <c r="S1830" i="5"/>
  <c r="S5022" i="5"/>
  <c r="S5373" i="5"/>
  <c r="S305" i="5"/>
  <c r="S1313" i="5"/>
  <c r="S7523" i="5"/>
  <c r="S174" i="5"/>
  <c r="S7391" i="5"/>
  <c r="S4183" i="5"/>
  <c r="S6848" i="5"/>
  <c r="S5362" i="5"/>
  <c r="S8714" i="5"/>
  <c r="S5512" i="5"/>
  <c r="S8062" i="5"/>
  <c r="S5208" i="5"/>
  <c r="S1675" i="5"/>
  <c r="S6887" i="5"/>
  <c r="S6377" i="5"/>
  <c r="S842" i="5"/>
  <c r="S1977" i="5"/>
  <c r="S3689" i="5"/>
  <c r="S4699" i="5"/>
  <c r="S6522" i="5"/>
  <c r="S6053" i="5"/>
  <c r="S3681" i="5"/>
  <c r="S1163" i="5"/>
  <c r="S4168" i="5"/>
  <c r="S4364" i="5"/>
  <c r="S7035" i="5"/>
  <c r="S5531" i="5"/>
  <c r="S6186" i="5"/>
  <c r="S4026" i="5"/>
  <c r="S3501" i="5"/>
  <c r="S1145" i="5"/>
  <c r="S5864" i="5"/>
  <c r="S3027" i="5"/>
  <c r="S7732" i="5"/>
  <c r="S3865" i="5"/>
  <c r="S5336" i="5"/>
  <c r="S2834" i="5"/>
  <c r="S7731" i="5"/>
  <c r="S6554" i="5"/>
  <c r="S3325" i="5"/>
  <c r="S5521" i="5"/>
  <c r="S5032" i="5"/>
  <c r="S5342" i="5"/>
  <c r="S3346" i="5"/>
  <c r="S7539" i="5"/>
  <c r="S132" i="5"/>
  <c r="S8231" i="5"/>
  <c r="S8071" i="5"/>
  <c r="S5180" i="5"/>
  <c r="S5713" i="5"/>
  <c r="S311" i="5"/>
  <c r="S8069" i="5"/>
  <c r="S7033" i="5"/>
  <c r="S7207" i="5"/>
  <c r="S5378" i="5"/>
  <c r="S7859" i="5"/>
  <c r="S2847" i="5"/>
  <c r="S667" i="5"/>
  <c r="S7208" i="5"/>
  <c r="S4851" i="5"/>
  <c r="S128" i="5"/>
  <c r="S4861" i="5"/>
  <c r="S7373" i="5"/>
  <c r="S5714" i="5"/>
  <c r="S4005" i="5"/>
  <c r="S8397" i="5"/>
  <c r="S7060" i="5"/>
  <c r="S7689" i="5"/>
  <c r="S6548" i="5"/>
  <c r="S2519" i="5"/>
  <c r="S1320" i="5"/>
  <c r="S6177" i="5"/>
  <c r="S3155" i="5"/>
  <c r="S3702" i="5"/>
  <c r="S5681" i="5"/>
  <c r="S5198" i="5"/>
  <c r="S1169" i="5"/>
  <c r="S3844" i="5"/>
  <c r="S8573" i="5"/>
  <c r="S1307" i="5"/>
  <c r="S1489" i="5"/>
  <c r="S504" i="5"/>
  <c r="S133" i="5"/>
  <c r="S1333" i="5"/>
  <c r="S3517" i="5"/>
  <c r="S2848" i="5"/>
  <c r="S8202" i="5"/>
  <c r="S5364" i="5"/>
  <c r="S1997" i="5"/>
  <c r="S3359" i="5"/>
  <c r="S7356" i="5"/>
  <c r="S7717" i="5"/>
  <c r="S2153" i="5"/>
  <c r="S3697" i="5"/>
  <c r="S5530" i="5"/>
  <c r="S6683" i="5"/>
  <c r="S4708" i="5"/>
  <c r="S6550" i="5"/>
  <c r="S6716" i="5"/>
  <c r="S509" i="5"/>
  <c r="S8209" i="5"/>
  <c r="S1183" i="5"/>
  <c r="S1981" i="5"/>
  <c r="S8702" i="5"/>
  <c r="S8050" i="5"/>
  <c r="S3525" i="5"/>
  <c r="S1176" i="5"/>
  <c r="S6210" i="5"/>
  <c r="S3031" i="5"/>
  <c r="S7695" i="5"/>
  <c r="S2487" i="5"/>
  <c r="S4161" i="5"/>
  <c r="S1848" i="5"/>
  <c r="S8713" i="5"/>
  <c r="S651" i="5"/>
  <c r="S3869" i="5"/>
  <c r="S5869" i="5"/>
  <c r="S6009" i="5"/>
  <c r="S987" i="5"/>
  <c r="S2839" i="5"/>
  <c r="S6367" i="5"/>
  <c r="S8727" i="5"/>
  <c r="S7728" i="5"/>
  <c r="S2669" i="5"/>
  <c r="S6032" i="5"/>
  <c r="S8542" i="5"/>
  <c r="S4867" i="5"/>
  <c r="S5370" i="5"/>
  <c r="S1679" i="5"/>
  <c r="S3190" i="5"/>
  <c r="S4838" i="5"/>
  <c r="S2498" i="5"/>
  <c r="S6685" i="5"/>
  <c r="S826" i="5"/>
  <c r="S296" i="5"/>
  <c r="S510" i="5"/>
  <c r="S8382" i="5"/>
  <c r="S1149" i="5"/>
  <c r="S4355" i="5"/>
  <c r="S342" i="5"/>
  <c r="S4503" i="5"/>
  <c r="S1836" i="5"/>
  <c r="S4500" i="5"/>
  <c r="S661" i="5"/>
  <c r="S6545" i="5"/>
  <c r="S7867" i="5"/>
  <c r="S6879" i="5"/>
  <c r="S8724" i="5"/>
  <c r="S2186" i="5"/>
  <c r="S4020" i="5"/>
  <c r="S7045" i="5"/>
  <c r="S303" i="5"/>
  <c r="S145" i="5"/>
  <c r="S4666" i="5"/>
  <c r="S819" i="5"/>
  <c r="S655" i="5"/>
  <c r="S3154" i="5"/>
  <c r="S7228" i="5"/>
  <c r="S981" i="5"/>
  <c r="S2680" i="5"/>
  <c r="S169" i="5"/>
  <c r="S5352" i="5"/>
  <c r="S3324" i="5"/>
  <c r="S4329" i="5"/>
  <c r="S4690" i="5"/>
  <c r="S7722" i="5"/>
  <c r="S3700" i="5"/>
  <c r="S3171" i="5"/>
  <c r="S3523" i="5"/>
  <c r="S7362" i="5"/>
  <c r="S7200" i="5"/>
  <c r="S1821" i="5"/>
  <c r="S507" i="5"/>
  <c r="S6873" i="5"/>
  <c r="S7526" i="5"/>
  <c r="S8235" i="5"/>
  <c r="S2999" i="5"/>
  <c r="S4021" i="5"/>
  <c r="S6350" i="5"/>
  <c r="S7712" i="5"/>
  <c r="S2824" i="5"/>
  <c r="S5846" i="5"/>
  <c r="S6553" i="5"/>
  <c r="S6048" i="5"/>
  <c r="S2322" i="5"/>
  <c r="S1495" i="5"/>
  <c r="S2861" i="5"/>
  <c r="S6864" i="5"/>
  <c r="S7534" i="5"/>
  <c r="S1337" i="5"/>
  <c r="S7041" i="5"/>
  <c r="S8367" i="5"/>
  <c r="S5360" i="5"/>
  <c r="S7872" i="5"/>
  <c r="S800" i="5"/>
  <c r="S7201" i="5"/>
  <c r="S5042" i="5"/>
  <c r="S4353" i="5"/>
  <c r="S5338" i="5"/>
  <c r="S8380" i="5"/>
  <c r="S1332" i="5"/>
  <c r="S2672" i="5"/>
  <c r="S6693" i="5"/>
  <c r="S4333" i="5"/>
  <c r="S1641" i="5"/>
  <c r="S6882" i="5"/>
  <c r="S4522" i="5"/>
  <c r="S974" i="5"/>
  <c r="S8706" i="5"/>
  <c r="S4685" i="5"/>
  <c r="S8557" i="5"/>
  <c r="S2692" i="5"/>
  <c r="S7214" i="5"/>
  <c r="S3848" i="5"/>
  <c r="S6042" i="5"/>
  <c r="S3020" i="5"/>
  <c r="S1346" i="5"/>
  <c r="S5356" i="5"/>
  <c r="S6526" i="5"/>
  <c r="S6721" i="5"/>
  <c r="S3026" i="5"/>
  <c r="S8034" i="5"/>
  <c r="S2315" i="5"/>
  <c r="S8722" i="5"/>
  <c r="S7212" i="5"/>
  <c r="S7704" i="5"/>
  <c r="S6362" i="5"/>
  <c r="S7733" i="5"/>
  <c r="S6519" i="5"/>
  <c r="S8060" i="5"/>
  <c r="S3352" i="5"/>
  <c r="S8370" i="5"/>
  <c r="S469" i="5"/>
  <c r="S2510" i="5"/>
  <c r="S4178" i="5"/>
  <c r="S646" i="5"/>
  <c r="S1672" i="5"/>
  <c r="S3363" i="5"/>
  <c r="S1851" i="5"/>
  <c r="S1677" i="5"/>
  <c r="S3337" i="5"/>
  <c r="S2175" i="5"/>
  <c r="S6535" i="5"/>
  <c r="S7058" i="5"/>
  <c r="S8538" i="5"/>
  <c r="S5011" i="5"/>
  <c r="S5359" i="5"/>
  <c r="S5526" i="5"/>
  <c r="S1642" i="5"/>
  <c r="S5006" i="5"/>
  <c r="S8571" i="5"/>
  <c r="S6033" i="5"/>
  <c r="S6532" i="5"/>
  <c r="S810" i="5"/>
  <c r="S2833" i="5"/>
  <c r="S2684" i="5"/>
  <c r="S8232" i="5"/>
  <c r="S1002" i="5"/>
  <c r="S8194" i="5"/>
  <c r="S3667" i="5"/>
  <c r="S5036" i="5"/>
  <c r="S2841" i="5"/>
  <c r="S830" i="5"/>
  <c r="S6044" i="5"/>
  <c r="S4362" i="5"/>
  <c r="S1654" i="5"/>
  <c r="S6019" i="5"/>
  <c r="S8032" i="5"/>
  <c r="S3341" i="5"/>
  <c r="S4370" i="5"/>
  <c r="S4862" i="5"/>
  <c r="S310" i="5"/>
  <c r="S7898" i="5"/>
  <c r="S4335" i="5"/>
  <c r="S5169" i="5"/>
  <c r="S2172" i="5"/>
  <c r="S3846" i="5"/>
  <c r="S8544" i="5"/>
  <c r="S6187" i="5"/>
  <c r="S2312" i="5"/>
  <c r="S2517" i="5"/>
  <c r="S976" i="5"/>
  <c r="S8196" i="5"/>
  <c r="S8537" i="5"/>
  <c r="S7865" i="5"/>
  <c r="S5672" i="5"/>
  <c r="S5884" i="5"/>
  <c r="S7353" i="5"/>
  <c r="S5866" i="5"/>
  <c r="S5002" i="5"/>
  <c r="S151" i="5"/>
  <c r="S4511" i="5"/>
  <c r="S8570" i="5"/>
  <c r="S5203" i="5"/>
  <c r="S5524" i="5"/>
  <c r="S4202" i="5"/>
  <c r="S2664" i="5"/>
  <c r="S7383" i="5"/>
  <c r="S2329" i="5"/>
  <c r="S4538" i="5"/>
  <c r="S6870" i="5"/>
  <c r="S3992" i="5"/>
  <c r="S5379" i="5"/>
  <c r="S5852" i="5"/>
  <c r="S7556" i="5"/>
  <c r="S1319" i="5"/>
  <c r="S2859" i="5"/>
  <c r="S6695" i="5"/>
  <c r="S1513" i="5"/>
  <c r="S636" i="5"/>
  <c r="S7890" i="5"/>
  <c r="S496" i="5"/>
  <c r="S8392" i="5"/>
  <c r="S7558" i="5"/>
  <c r="S2190" i="5"/>
  <c r="S4164" i="5"/>
  <c r="S1511" i="5"/>
  <c r="S5340" i="5"/>
  <c r="S8564" i="5"/>
  <c r="S4349" i="5"/>
  <c r="S7379" i="5"/>
  <c r="S5213" i="5"/>
  <c r="S7230" i="5"/>
  <c r="S2820" i="5"/>
  <c r="S3686" i="5"/>
  <c r="S7876" i="5"/>
  <c r="S8218" i="5"/>
  <c r="S3331" i="5"/>
  <c r="S7719" i="5"/>
  <c r="S6046" i="5"/>
  <c r="S4859" i="5"/>
  <c r="S5851" i="5"/>
  <c r="S5523" i="5"/>
  <c r="S4542" i="5"/>
  <c r="S5001" i="5"/>
  <c r="S2690" i="5"/>
  <c r="S6889" i="5"/>
  <c r="S7705" i="5"/>
  <c r="S6012" i="5"/>
  <c r="S298" i="5"/>
  <c r="S6035" i="5"/>
  <c r="S5504" i="5"/>
  <c r="S6384" i="5"/>
  <c r="S5361" i="5"/>
  <c r="S6706" i="5"/>
  <c r="S6217" i="5"/>
  <c r="S6180" i="5"/>
  <c r="S7039" i="5"/>
  <c r="S3185" i="5"/>
  <c r="S4876" i="5"/>
  <c r="S7555" i="5"/>
  <c r="S3504" i="5"/>
  <c r="S3996" i="5"/>
  <c r="S5706" i="5"/>
  <c r="S5209" i="5"/>
  <c r="S4179" i="5"/>
  <c r="S5697" i="5"/>
  <c r="S6877" i="5"/>
  <c r="S505" i="5"/>
  <c r="S6712" i="5"/>
  <c r="S5718" i="5"/>
  <c r="S8530" i="5"/>
  <c r="S6388" i="5"/>
  <c r="S6853" i="5"/>
  <c r="S130" i="5"/>
  <c r="S7374" i="5"/>
  <c r="S2825" i="5"/>
  <c r="S7388" i="5"/>
  <c r="S4200" i="5"/>
  <c r="S4012" i="5"/>
  <c r="S3995" i="5"/>
  <c r="S4345" i="5"/>
  <c r="S6869" i="5"/>
  <c r="S3009" i="5"/>
  <c r="S4186" i="5"/>
  <c r="S5699" i="5"/>
  <c r="S1317" i="5"/>
  <c r="S5847" i="5"/>
  <c r="S1010" i="5"/>
  <c r="S8054" i="5"/>
  <c r="S802" i="5"/>
  <c r="S4185" i="5"/>
  <c r="S8743" i="5"/>
  <c r="S3500" i="5"/>
  <c r="S1850" i="5"/>
  <c r="S3491" i="5"/>
  <c r="S5375" i="5"/>
  <c r="S1683" i="5"/>
  <c r="S837" i="5"/>
  <c r="S840" i="5"/>
  <c r="S1486" i="5"/>
  <c r="S6720" i="5"/>
  <c r="S477" i="5"/>
  <c r="S4844" i="5"/>
  <c r="S1472" i="5"/>
  <c r="S4172" i="5"/>
  <c r="S7360" i="5"/>
  <c r="S5041" i="5"/>
  <c r="S7389" i="5"/>
  <c r="S6701" i="5"/>
  <c r="S7729" i="5"/>
  <c r="S3684" i="5"/>
  <c r="S7398" i="5"/>
  <c r="S4028" i="5"/>
  <c r="S3509" i="5"/>
  <c r="S8386" i="5"/>
  <c r="S5175" i="5"/>
  <c r="S7044" i="5"/>
  <c r="S1143" i="5"/>
  <c r="S7533" i="5"/>
  <c r="S2838" i="5"/>
  <c r="S2484" i="5"/>
  <c r="S3328" i="5"/>
  <c r="S4701" i="5"/>
  <c r="S1999" i="5"/>
  <c r="S4543" i="5"/>
  <c r="S1011" i="5"/>
  <c r="S1994" i="5"/>
  <c r="S4035" i="5"/>
  <c r="S2150" i="5"/>
  <c r="S3189" i="5"/>
  <c r="S2182" i="5"/>
  <c r="S6036" i="5"/>
  <c r="S3845" i="5"/>
  <c r="S5696" i="5"/>
  <c r="S6700" i="5"/>
  <c r="S1651" i="5"/>
  <c r="S4328" i="5"/>
  <c r="S3320" i="5"/>
  <c r="S4842" i="5"/>
  <c r="S801" i="5"/>
  <c r="S1811" i="5"/>
  <c r="S4864" i="5"/>
  <c r="S5211" i="5"/>
  <c r="S3825" i="5"/>
  <c r="S1837" i="5"/>
  <c r="S663" i="5"/>
  <c r="S5883" i="5"/>
  <c r="S8198" i="5"/>
  <c r="S3688" i="5"/>
  <c r="S3994" i="5"/>
  <c r="S1986" i="5"/>
  <c r="S6356" i="5"/>
  <c r="S4857" i="5"/>
  <c r="S7688" i="5"/>
  <c r="S5344" i="5"/>
  <c r="S5546" i="5"/>
  <c r="S2169" i="5"/>
  <c r="S8363" i="5"/>
  <c r="S8730" i="5"/>
  <c r="S8211" i="5"/>
  <c r="S5843" i="5"/>
  <c r="S6862" i="5"/>
  <c r="S1341" i="5"/>
  <c r="S4029" i="5"/>
  <c r="S3184" i="5"/>
  <c r="S2149" i="5"/>
  <c r="S3168" i="5"/>
  <c r="S500" i="5"/>
  <c r="S1812" i="5"/>
  <c r="S7702" i="5"/>
  <c r="S2653" i="5"/>
  <c r="S641" i="5"/>
  <c r="S7063" i="5"/>
  <c r="S2831" i="5"/>
  <c r="S2180" i="5"/>
  <c r="S5509" i="5"/>
  <c r="S8545" i="5"/>
  <c r="S3674" i="5"/>
  <c r="S7399" i="5"/>
  <c r="S1985" i="5"/>
  <c r="S5019" i="5"/>
  <c r="S4354" i="5"/>
  <c r="S4496" i="5"/>
  <c r="S3364" i="5"/>
  <c r="S3323" i="5"/>
  <c r="S3366" i="5"/>
  <c r="S2992" i="5"/>
  <c r="S8066" i="5"/>
  <c r="S5026" i="5"/>
  <c r="S3842" i="5"/>
  <c r="S804" i="5"/>
  <c r="S7893" i="5"/>
  <c r="S5679" i="5"/>
  <c r="S158" i="5"/>
  <c r="S2319" i="5"/>
  <c r="S1012" i="5"/>
  <c r="S4357" i="5"/>
  <c r="S1483" i="5"/>
  <c r="S5506" i="5"/>
  <c r="S8361" i="5"/>
  <c r="S662" i="5"/>
  <c r="S4863" i="5"/>
  <c r="S2183" i="5"/>
  <c r="S8362" i="5"/>
  <c r="S2995" i="5"/>
  <c r="S2516" i="5"/>
  <c r="S4865" i="5"/>
  <c r="S6710" i="5"/>
  <c r="S6360" i="5"/>
  <c r="S5204" i="5"/>
  <c r="S1179" i="5"/>
  <c r="S7724" i="5"/>
  <c r="S2685" i="5"/>
  <c r="S4015" i="5"/>
  <c r="S637" i="5"/>
  <c r="S1494" i="5"/>
  <c r="S6375" i="5"/>
  <c r="S164" i="5"/>
  <c r="S2675" i="5"/>
  <c r="S8563" i="5"/>
  <c r="S488" i="5"/>
  <c r="S2832" i="5"/>
  <c r="S2524" i="5"/>
  <c r="S6883" i="5"/>
  <c r="S3345" i="5"/>
  <c r="S7861" i="5"/>
  <c r="S6872" i="5"/>
  <c r="S3507" i="5"/>
  <c r="S4366" i="5"/>
  <c r="S3691" i="5"/>
  <c r="S2189" i="5"/>
  <c r="S3831" i="5"/>
  <c r="S6861" i="5"/>
  <c r="S6702" i="5"/>
  <c r="S2828" i="5"/>
  <c r="S6363" i="5"/>
  <c r="S1507" i="5"/>
  <c r="S8024" i="5"/>
  <c r="S5363" i="5"/>
  <c r="S4190" i="5"/>
  <c r="S1484" i="5"/>
  <c r="S6016" i="5"/>
  <c r="S2688" i="5"/>
  <c r="S5168" i="5"/>
  <c r="S1992" i="5"/>
  <c r="S2358" i="5"/>
  <c r="S6559" i="5"/>
  <c r="S1493" i="5"/>
  <c r="S1335" i="5"/>
  <c r="S2835" i="5"/>
  <c r="S3002" i="5"/>
  <c r="S8048" i="5"/>
  <c r="S3658" i="5"/>
  <c r="S3008" i="5"/>
  <c r="S3685" i="5"/>
  <c r="S6197" i="5"/>
  <c r="S2493" i="5"/>
  <c r="S5674" i="5"/>
  <c r="S1481" i="5"/>
  <c r="S1344" i="5"/>
  <c r="S5868" i="5"/>
  <c r="S5178" i="5"/>
  <c r="S1514" i="5"/>
  <c r="S1181" i="5"/>
  <c r="S3503" i="5"/>
  <c r="S6546" i="5"/>
  <c r="S7528" i="5"/>
  <c r="S3532" i="5"/>
  <c r="S4163" i="5"/>
  <c r="S4688" i="5"/>
  <c r="S2863" i="5"/>
  <c r="S142" i="5"/>
  <c r="S137" i="5"/>
  <c r="S1661" i="5"/>
  <c r="S6383" i="5"/>
  <c r="S6867" i="5"/>
  <c r="S5859" i="5"/>
  <c r="S7184" i="5"/>
  <c r="S3849" i="5"/>
  <c r="S2662" i="5"/>
  <c r="S8204" i="5"/>
  <c r="S7706" i="5"/>
  <c r="S5710" i="5"/>
  <c r="S4530" i="5"/>
  <c r="S7355" i="5"/>
  <c r="S8731" i="5"/>
  <c r="S7188" i="5"/>
  <c r="S6045" i="5"/>
  <c r="S654" i="5"/>
  <c r="S2177" i="5"/>
  <c r="S8550" i="5"/>
  <c r="S5376" i="5"/>
  <c r="S7370" i="5"/>
  <c r="S7734" i="5"/>
  <c r="S4839" i="5"/>
  <c r="S6868" i="5"/>
  <c r="S4352" i="5"/>
  <c r="S2693" i="5"/>
  <c r="S3664" i="5"/>
  <c r="S6855" i="5"/>
  <c r="S7520" i="5"/>
  <c r="S8388" i="5"/>
  <c r="S2846" i="5"/>
  <c r="S3828" i="5"/>
  <c r="S832" i="5"/>
  <c r="S4681" i="5"/>
  <c r="S8541" i="5"/>
  <c r="S6711" i="5"/>
  <c r="S4664" i="5"/>
  <c r="S6543" i="5"/>
  <c r="S5700" i="5"/>
  <c r="S3021" i="5"/>
  <c r="S7559" i="5"/>
  <c r="S3824" i="5"/>
  <c r="S2491" i="5"/>
  <c r="S3488" i="5"/>
  <c r="S7711" i="5"/>
  <c r="S4539" i="5"/>
  <c r="S1309" i="5"/>
  <c r="S1644" i="5"/>
  <c r="S5205" i="5"/>
  <c r="S483" i="5"/>
  <c r="S5039" i="5"/>
  <c r="S1315" i="5"/>
  <c r="S2694" i="5"/>
  <c r="S1671" i="5"/>
  <c r="S2674" i="5"/>
  <c r="S5677" i="5"/>
  <c r="S4707" i="5"/>
  <c r="S5177" i="5"/>
  <c r="S3492" i="5"/>
  <c r="S805" i="5"/>
  <c r="S3179" i="5"/>
  <c r="S1823" i="5"/>
  <c r="S5873" i="5"/>
  <c r="S7862" i="5"/>
  <c r="S2335" i="5"/>
  <c r="S4852" i="5"/>
  <c r="S7899" i="5"/>
  <c r="S5520" i="5"/>
  <c r="S6892" i="5"/>
  <c r="S8532" i="5"/>
  <c r="S4350" i="5"/>
  <c r="S2657" i="5"/>
  <c r="S7713" i="5"/>
  <c r="S4533" i="5"/>
  <c r="S820" i="5"/>
  <c r="S8723" i="5"/>
  <c r="S6513" i="5"/>
  <c r="S7211" i="5"/>
  <c r="S2338" i="5"/>
  <c r="S6893" i="5"/>
  <c r="S4004" i="5"/>
  <c r="S2648" i="5"/>
  <c r="S3656" i="5"/>
  <c r="S7720" i="5"/>
  <c r="S8360" i="5" l="1"/>
</calcChain>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429E436C-E507-41AC-BAB4-C053AA474E48}" keepAlive="1" name="Query - Madrid" description="Connection to the 'Madrid' query in the workbook." type="5" refreshedVersion="0" background="1" saveData="1">
    <dbPr connection="Provider=Microsoft.Mashup.OleDb.1;Data Source=$Workbook$;Location=Madrid;Extended Properties=&quot;&quot;" command="SELECT * FROM [Madrid]"/>
  </connection>
  <connection id="2" xr16:uid="{6BFADFFB-80F6-4E4C-B74E-D89380CACF51}" keepAlive="1" name="Query - TG_SOUID100138" description="Connection to the 'TG_SOUID100138' query in the workbook." type="5" refreshedVersion="0" background="1" saveData="1">
    <dbPr connection="Provider=Microsoft.Mashup.OleDb.1;Data Source=$Workbook$;Location=TG_SOUID100138;Extended Properties=&quot;&quot;" command="SELECT * FROM [TG_SOUID100138]"/>
  </connection>
  <connection id="3" xr16:uid="{E85619BC-8832-4A1E-8123-ED68D962C180}" keepAlive="1" name="Query - TG_SOUID102222" description="Connection to the 'TG_SOUID102222' query in the workbook." type="5" refreshedVersion="0" background="1" saveData="1">
    <dbPr connection="Provider=Microsoft.Mashup.OleDb.1;Data Source=$Workbook$;Location=TG_SOUID102222;Extended Properties=&quot;&quot;" command="SELECT * FROM [TG_SOUID102222]"/>
  </connection>
  <connection id="4" xr16:uid="{3FDDB0E4-1FD6-4B37-9498-39FC4015C031}" keepAlive="1" name="Query - TG_SOUID111417" description="Connection to the 'TG_SOUID111417' query in the workbook." type="5" refreshedVersion="0" background="1" saveData="1">
    <dbPr connection="Provider=Microsoft.Mashup.OleDb.1;Data Source=$Workbook$;Location=TG_SOUID111417;Extended Properties=&quot;&quot;" command="SELECT * FROM [TG_SOUID111417]"/>
  </connection>
  <connection id="5" xr16:uid="{17F0C5D3-2A28-4E8D-8879-0214349060CE}" keepAlive="1" name="Query - Trondheim" description="Connection to the 'Trondheim' query in the workbook." type="5" refreshedVersion="0" background="1" saveData="1">
    <dbPr connection="Provider=Microsoft.Mashup.OleDb.1;Data Source=$Workbook$;Location=Trondheim;Extended Properties=&quot;&quot;" command="SELECT * FROM [Trondheim]"/>
  </connection>
  <connection id="6" xr16:uid="{7A205447-D90F-45EE-BC64-778498EF6547}" keepAlive="1" name="Query - Vienna" description="Connection to the 'Vienna' query in the workbook." type="5" refreshedVersion="0" background="1" saveData="1">
    <dbPr connection="Provider=Microsoft.Mashup.OleDb.1;Data Source=$Workbook$;Location=Vienna;Extended Properties=&quot;&quot;" command="SELECT * FROM [Vienna]"/>
  </connection>
</connections>
</file>

<file path=xl/metadata.xml><?xml version="1.0" encoding="utf-8"?>
<metadata xmlns="http://schemas.openxmlformats.org/spreadsheetml/2006/main" xmlns:xlrd="http://schemas.microsoft.com/office/spreadsheetml/2017/richdata"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303" uniqueCount="156">
  <si>
    <t>Linear regregression paramaters for weekends and holidays:</t>
  </si>
  <si>
    <t>b_h</t>
  </si>
  <si>
    <t>m_h</t>
  </si>
  <si>
    <t>b_w</t>
  </si>
  <si>
    <t>m_w</t>
  </si>
  <si>
    <t>t_hl</t>
  </si>
  <si>
    <t>Linear regregression paramaters for working days:</t>
  </si>
  <si>
    <t>Date</t>
  </si>
  <si>
    <t>Mean daily ambient Temperature in °C</t>
  </si>
  <si>
    <t>Weekday</t>
  </si>
  <si>
    <t>1-shift</t>
  </si>
  <si>
    <t>Cluster</t>
  </si>
  <si>
    <t>working days</t>
  </si>
  <si>
    <t>weekends</t>
  </si>
  <si>
    <r>
      <t>b</t>
    </r>
    <r>
      <rPr>
        <vertAlign val="subscript"/>
        <sz val="11"/>
        <color theme="1"/>
        <rFont val="Calibri"/>
        <family val="2"/>
        <scheme val="minor"/>
      </rPr>
      <t>0</t>
    </r>
  </si>
  <si>
    <r>
      <t>b</t>
    </r>
    <r>
      <rPr>
        <vertAlign val="subscript"/>
        <sz val="11"/>
        <color theme="1"/>
        <rFont val="Calibri"/>
        <family val="2"/>
        <scheme val="minor"/>
      </rPr>
      <t>1</t>
    </r>
  </si>
  <si>
    <r>
      <t>b</t>
    </r>
    <r>
      <rPr>
        <vertAlign val="subscript"/>
        <sz val="11"/>
        <color theme="1"/>
        <rFont val="Calibri"/>
        <family val="2"/>
        <scheme val="minor"/>
      </rPr>
      <t>2</t>
    </r>
  </si>
  <si>
    <r>
      <t>b</t>
    </r>
    <r>
      <rPr>
        <vertAlign val="subscript"/>
        <sz val="11"/>
        <color theme="1"/>
        <rFont val="Calibri"/>
        <family val="2"/>
        <scheme val="minor"/>
      </rPr>
      <t>3</t>
    </r>
  </si>
  <si>
    <r>
      <t>b</t>
    </r>
    <r>
      <rPr>
        <vertAlign val="subscript"/>
        <sz val="11"/>
        <color theme="1"/>
        <rFont val="Calibri"/>
        <family val="2"/>
        <scheme val="minor"/>
      </rPr>
      <t>4</t>
    </r>
  </si>
  <si>
    <t>blend</t>
  </si>
  <si>
    <r>
      <t>m</t>
    </r>
    <r>
      <rPr>
        <vertAlign val="subscript"/>
        <sz val="11"/>
        <color theme="1"/>
        <rFont val="Calibri"/>
        <family val="2"/>
        <scheme val="minor"/>
      </rPr>
      <t>0</t>
    </r>
  </si>
  <si>
    <r>
      <t>m</t>
    </r>
    <r>
      <rPr>
        <vertAlign val="subscript"/>
        <sz val="11"/>
        <color theme="1"/>
        <rFont val="Calibri"/>
        <family val="2"/>
        <scheme val="minor"/>
      </rPr>
      <t>1</t>
    </r>
  </si>
  <si>
    <r>
      <t>m</t>
    </r>
    <r>
      <rPr>
        <vertAlign val="subscript"/>
        <sz val="11"/>
        <color theme="1"/>
        <rFont val="Calibri"/>
        <family val="2"/>
        <scheme val="minor"/>
      </rPr>
      <t>2</t>
    </r>
  </si>
  <si>
    <r>
      <t>m</t>
    </r>
    <r>
      <rPr>
        <vertAlign val="subscript"/>
        <sz val="11"/>
        <color theme="1"/>
        <rFont val="Calibri"/>
        <family val="2"/>
        <scheme val="minor"/>
      </rPr>
      <t>3</t>
    </r>
  </si>
  <si>
    <r>
      <t>m</t>
    </r>
    <r>
      <rPr>
        <vertAlign val="subscript"/>
        <sz val="11"/>
        <color theme="1"/>
        <rFont val="Calibri"/>
        <family val="2"/>
        <scheme val="minor"/>
      </rPr>
      <t>4</t>
    </r>
  </si>
  <si>
    <r>
      <t>Q</t>
    </r>
    <r>
      <rPr>
        <b/>
        <vertAlign val="subscript"/>
        <sz val="11"/>
        <color theme="1"/>
        <rFont val="Calibri"/>
        <family val="2"/>
        <scheme val="minor"/>
      </rPr>
      <t>norm,day1</t>
    </r>
  </si>
  <si>
    <r>
      <t>Q</t>
    </r>
    <r>
      <rPr>
        <b/>
        <vertAlign val="subscript"/>
        <sz val="11"/>
        <color theme="1"/>
        <rFont val="Calibri"/>
        <family val="2"/>
        <scheme val="minor"/>
      </rPr>
      <t>norm,day2</t>
    </r>
  </si>
  <si>
    <r>
      <t>Q</t>
    </r>
    <r>
      <rPr>
        <b/>
        <vertAlign val="subscript"/>
        <sz val="11"/>
        <color theme="1"/>
        <rFont val="Calibri"/>
        <family val="2"/>
        <scheme val="minor"/>
      </rPr>
      <t>norm,day3</t>
    </r>
  </si>
  <si>
    <r>
      <t>Q</t>
    </r>
    <r>
      <rPr>
        <b/>
        <vertAlign val="subscript"/>
        <sz val="11"/>
        <color theme="1"/>
        <rFont val="Calibri"/>
        <family val="2"/>
        <scheme val="minor"/>
      </rPr>
      <t>norm,day4</t>
    </r>
  </si>
  <si>
    <r>
      <t>Q</t>
    </r>
    <r>
      <rPr>
        <b/>
        <vertAlign val="subscript"/>
        <sz val="11"/>
        <color theme="1"/>
        <rFont val="Calibri"/>
        <family val="2"/>
        <scheme val="minor"/>
      </rPr>
      <t>day,0</t>
    </r>
  </si>
  <si>
    <r>
      <t>Q</t>
    </r>
    <r>
      <rPr>
        <b/>
        <vertAlign val="subscript"/>
        <sz val="11"/>
        <color theme="1"/>
        <rFont val="Calibri"/>
        <family val="2"/>
        <scheme val="minor"/>
      </rPr>
      <t>norm,day,0</t>
    </r>
  </si>
  <si>
    <r>
      <t>Q</t>
    </r>
    <r>
      <rPr>
        <b/>
        <vertAlign val="subscript"/>
        <sz val="11"/>
        <color theme="1"/>
        <rFont val="Calibri"/>
        <family val="2"/>
        <scheme val="minor"/>
      </rPr>
      <t>day,tot</t>
    </r>
    <r>
      <rPr>
        <b/>
        <sz val="11"/>
        <color theme="1"/>
        <rFont val="Calibri"/>
        <family val="2"/>
        <scheme val="minor"/>
      </rPr>
      <t xml:space="preserve"> [Q/d]</t>
    </r>
  </si>
  <si>
    <t>T1</t>
  </si>
  <si>
    <t>T2</t>
  </si>
  <si>
    <t>T3</t>
  </si>
  <si>
    <t>T4</t>
  </si>
  <si>
    <t>T5</t>
  </si>
  <si>
    <r>
      <t>Q</t>
    </r>
    <r>
      <rPr>
        <b/>
        <vertAlign val="subscript"/>
        <sz val="11"/>
        <color theme="1"/>
        <rFont val="Calibri"/>
        <family val="2"/>
        <scheme val="minor"/>
      </rPr>
      <t>day,1</t>
    </r>
  </si>
  <si>
    <r>
      <t>Q</t>
    </r>
    <r>
      <rPr>
        <b/>
        <vertAlign val="subscript"/>
        <sz val="11"/>
        <color theme="1"/>
        <rFont val="Calibri"/>
        <family val="2"/>
        <scheme val="minor"/>
      </rPr>
      <t>day,2</t>
    </r>
  </si>
  <si>
    <r>
      <t>Q</t>
    </r>
    <r>
      <rPr>
        <b/>
        <vertAlign val="subscript"/>
        <sz val="11"/>
        <color theme="1"/>
        <rFont val="Calibri"/>
        <family val="2"/>
        <scheme val="minor"/>
      </rPr>
      <t>day,3</t>
    </r>
  </si>
  <si>
    <r>
      <t>Q</t>
    </r>
    <r>
      <rPr>
        <b/>
        <vertAlign val="subscript"/>
        <sz val="11"/>
        <color theme="1"/>
        <rFont val="Calibri"/>
        <family val="2"/>
        <scheme val="minor"/>
      </rPr>
      <t>day,4</t>
    </r>
  </si>
  <si>
    <t>2-shift</t>
  </si>
  <si>
    <t>3-shift</t>
  </si>
  <si>
    <t>1-shift 
base</t>
  </si>
  <si>
    <t>Hours</t>
  </si>
  <si>
    <t>Days</t>
  </si>
  <si>
    <t>Q1</t>
  </si>
  <si>
    <t>Q2</t>
  </si>
  <si>
    <t>Q3</t>
  </si>
  <si>
    <t>Q4</t>
  </si>
  <si>
    <t>Q0</t>
  </si>
  <si>
    <t>Reference Year:</t>
  </si>
  <si>
    <t>Time and Date</t>
  </si>
  <si>
    <t xml:space="preserve">Heat Demand Profiles for export: </t>
  </si>
  <si>
    <t>Daily Resolution</t>
  </si>
  <si>
    <t>-</t>
  </si>
  <si>
    <t>shifts</t>
  </si>
  <si>
    <t>Hourly Resolution</t>
  </si>
  <si>
    <t>Hour</t>
  </si>
  <si>
    <t>Day</t>
  </si>
  <si>
    <t>Trondheim 2023</t>
  </si>
  <si>
    <t>Trondheim 2022</t>
  </si>
  <si>
    <t>Madrid 2023</t>
  </si>
  <si>
    <t>Temperature Profile:</t>
  </si>
  <si>
    <t>Temperature Profiles</t>
  </si>
  <si>
    <t>Vienna 2023</t>
  </si>
  <si>
    <t>Yearly Demand:</t>
  </si>
  <si>
    <t>Time</t>
  </si>
  <si>
    <t>Electricity</t>
  </si>
  <si>
    <t>Electricity Profile</t>
  </si>
  <si>
    <t xml:space="preserve">Yearly Demand: </t>
  </si>
  <si>
    <t>weekend scaling factor</t>
  </si>
  <si>
    <t>Excess Heat</t>
  </si>
  <si>
    <t>Demand</t>
  </si>
  <si>
    <t>selected profile</t>
  </si>
  <si>
    <t>ORINIGAL SET</t>
  </si>
  <si>
    <t>Time Heat Profile</t>
  </si>
  <si>
    <t>NEWLY ARRANGED PROFILES</t>
  </si>
  <si>
    <t>Differnece in hours depending on starting day of the week</t>
  </si>
  <si>
    <t>Temperature Level</t>
  </si>
  <si>
    <t>Total Excess Heat</t>
  </si>
  <si>
    <r>
      <t xml:space="preserve">ELMAS dataset for industrial electricity load profiles:
</t>
    </r>
    <r>
      <rPr>
        <b/>
        <sz val="11"/>
        <color theme="1"/>
        <rFont val="Calibri"/>
        <family val="2"/>
        <scheme val="minor"/>
      </rPr>
      <t xml:space="preserve">BELLINGUER, Kevin; Girard, Robin; Bocquet, Alexis; Chevalier, Antoine (2023). ELMAS dataset. figshare. Dataset. https://doi.org/10.6084/m9.figshare.23889780.v1
</t>
    </r>
    <r>
      <rPr>
        <sz val="11"/>
        <color theme="1"/>
        <rFont val="Calibri"/>
        <family val="2"/>
        <scheme val="minor"/>
      </rPr>
      <t xml:space="preserve">"This dataset provides a set of 18 load profiles with an hourly temporal resolution that represent main industrial and tertiary sectors in France for the year 2018."
Further information on the dataset can be found here: 
</t>
    </r>
    <r>
      <rPr>
        <b/>
        <sz val="11"/>
        <color theme="1"/>
        <rFont val="Calibri"/>
        <family val="2"/>
        <scheme val="minor"/>
      </rPr>
      <t>Bellinguer, K., Girard, R., Bocquet, A. et al. ELMAS: a one-year dataset of hourly electrical load profiles from 424 French industrial and tertiary sectors. 
Sci Data 10, 686 (2023). https://doi.org/10.1038/s41597-023-02542-z</t>
    </r>
  </si>
  <si>
    <r>
      <t xml:space="preserve">This tool is based on two publications: 
</t>
    </r>
    <r>
      <rPr>
        <b/>
        <sz val="11"/>
        <color theme="1"/>
        <rFont val="Calibri"/>
        <family val="2"/>
        <scheme val="minor"/>
      </rPr>
      <t>Mateo Jesper</t>
    </r>
    <r>
      <rPr>
        <sz val="11"/>
        <color theme="1"/>
        <rFont val="Calibri"/>
        <family val="2"/>
        <scheme val="minor"/>
      </rPr>
      <t xml:space="preserve">, Felix Pag, Klaus Vajen, Ulrike Jordan,
Annual Industrial and Commercial Heat Load Profiles: Modeling Based on k-Means Clustering and Regression Analysis,
Energy Conversion and Management: X, Volume 10, 2021, 100085, ISSN 2590-1745,
https://doi.org/10.1016/j.ecmx.2021.100085.
</t>
    </r>
    <r>
      <rPr>
        <b/>
        <sz val="11"/>
        <color theme="1"/>
        <rFont val="Calibri"/>
        <family val="2"/>
        <scheme val="minor"/>
      </rPr>
      <t>Fabian Bühler</t>
    </r>
    <r>
      <rPr>
        <sz val="11"/>
        <color theme="1"/>
        <rFont val="Calibri"/>
        <family val="2"/>
        <scheme val="minor"/>
      </rPr>
      <t xml:space="preserve">, Stefan Petrović, Fridolin Müller Holm, Kenneth Karlsson, Brian Elmegaard,
Spatiotemporal and economic analysis of industrial excess heat as a resource for district heating, 
Energy, Volume 151, 2018, Pages 715-728, ISSN 0360-5442,
https://doi.org/10.1016/j.energy.2018.03.059
On the "Input"-tab you can enter the information necessary to generate heat demand profiles. Some general information about the use of this tool: 
- Clusters 0 to 4 are based on linear regressions that are to a varying degree dependent on ambient temperature (see Figure 2). They can be used to represent various temperature levels in the heat demand; cluster 0 representing higher temperature heat demand than cluster 4 (for more information on these clusters see Jesper et al. (2021)). The tables to the right stem from Jesper et al. (2021) and can give an indication as to which cluster-blends may represent a specific type of industry. The clusters are separated into workday- and weekend-clusters.
- When combining multiple clusters in the input-tab, the user can enter percentages to indicate the relative contribution of one cluster to the overall heat demand. As these numbers are relative to the overall heat demand, </t>
    </r>
    <r>
      <rPr>
        <b/>
        <sz val="11"/>
        <color theme="1"/>
        <rFont val="Calibri"/>
        <family val="2"/>
        <scheme val="minor"/>
      </rPr>
      <t>it is not necessary to provide percentages that add up to 100 %</t>
    </r>
    <r>
      <rPr>
        <sz val="11"/>
        <color theme="1"/>
        <rFont val="Calibri"/>
        <family val="2"/>
        <scheme val="minor"/>
      </rPr>
      <t xml:space="preserve">. 
- The weekly demand profiles are based on Bühler et al. (2018) and represent the hourly variation of heat demand in the course of one week, depending on the operation of the industrial site. </t>
    </r>
    <r>
      <rPr>
        <b/>
        <sz val="11"/>
        <color theme="1"/>
        <rFont val="Calibri"/>
        <family val="2"/>
        <scheme val="minor"/>
      </rPr>
      <t xml:space="preserve">The profile "1-shift" is not recommended for use in combination with weekend-clusters. </t>
    </r>
    <r>
      <rPr>
        <sz val="11"/>
        <color theme="1"/>
        <rFont val="Calibri"/>
        <family val="2"/>
        <scheme val="minor"/>
      </rPr>
      <t xml:space="preserve">This is due to the fact that this profile does not include heat demand on the weekends, which can lead to discrepancies in the specified and output total consumption. 
</t>
    </r>
  </si>
  <si>
    <t>Representative week number (see figure to the right):</t>
  </si>
  <si>
    <t>Representative Week</t>
  </si>
  <si>
    <t>to</t>
  </si>
  <si>
    <t>Ambient Temperature</t>
  </si>
  <si>
    <t>Heat Demand wd (normalized)</t>
  </si>
  <si>
    <t>Cluster 0</t>
  </si>
  <si>
    <t>Cluster 1</t>
  </si>
  <si>
    <t>Cluster 2</t>
  </si>
  <si>
    <t>Cluster 3</t>
  </si>
  <si>
    <t>Røros 2024</t>
  </si>
  <si>
    <t>Temperature Distribution</t>
  </si>
  <si>
    <t>C</t>
  </si>
  <si>
    <t>T</t>
  </si>
  <si>
    <t>Temperature-Cluster Distribution - working days</t>
  </si>
  <si>
    <t>Temperature-Cluster Distribution - weekends days</t>
  </si>
  <si>
    <t>Weekend</t>
  </si>
  <si>
    <t>RELATIVE</t>
  </si>
  <si>
    <t>ABSOLUTE</t>
  </si>
  <si>
    <t>Relative Excess 
Heat production</t>
  </si>
  <si>
    <t>Excess Heat 
Temperature Level</t>
  </si>
  <si>
    <t>T1, C3</t>
  </si>
  <si>
    <t>T2, C3</t>
  </si>
  <si>
    <t>T2, C2</t>
  </si>
  <si>
    <t>T3, C1</t>
  </si>
  <si>
    <t>T4, C1</t>
  </si>
  <si>
    <t>T5, C0</t>
  </si>
  <si>
    <t>T4, C0</t>
  </si>
  <si>
    <t>T1, C0</t>
  </si>
  <si>
    <t>T1, C1</t>
  </si>
  <si>
    <t>T1, C2</t>
  </si>
  <si>
    <t>T2, C0</t>
  </si>
  <si>
    <t>T2, C1</t>
  </si>
  <si>
    <t>T3, C0</t>
  </si>
  <si>
    <t>T3, C2</t>
  </si>
  <si>
    <t>T3, C3</t>
  </si>
  <si>
    <t>T4, C2</t>
  </si>
  <si>
    <t>T4, C3</t>
  </si>
  <si>
    <t>T5, C1</t>
  </si>
  <si>
    <t>T5, C2</t>
  </si>
  <si>
    <t>T5, C3</t>
  </si>
  <si>
    <t>weekends and holidays</t>
  </si>
  <si>
    <t>T1, C4</t>
  </si>
  <si>
    <t>T2, C4</t>
  </si>
  <si>
    <t>T3, C4</t>
  </si>
  <si>
    <t>T4, C4</t>
  </si>
  <si>
    <t>T5, C4</t>
  </si>
  <si>
    <t>Default Settings</t>
  </si>
  <si>
    <t>Food, Beverages and Tobacco</t>
  </si>
  <si>
    <t>Machinery and transport</t>
  </si>
  <si>
    <t>Non-ferrous metals</t>
  </si>
  <si>
    <t>Other Industry</t>
  </si>
  <si>
    <t>Basic Chemicals</t>
  </si>
  <si>
    <t>Non-metallic minerals</t>
  </si>
  <si>
    <t>Pulp and Paper</t>
  </si>
  <si>
    <t>Iron and Steel</t>
  </si>
  <si>
    <t>&lt; 100</t>
  </si>
  <si>
    <t>100 - 200</t>
  </si>
  <si>
    <t>200 - 500</t>
  </si>
  <si>
    <t>&gt; 500</t>
  </si>
  <si>
    <t>Industry Sector</t>
  </si>
  <si>
    <t>Manufacture of food products</t>
  </si>
  <si>
    <t>Manufacture of paper and paper products</t>
  </si>
  <si>
    <t>Manufacture of chemicals and chemical products</t>
  </si>
  <si>
    <t>Manufacture of non-metallic mineral products</t>
  </si>
  <si>
    <t>Manufacture of basic metals</t>
  </si>
  <si>
    <t>Manufacture of machinery and equipment</t>
  </si>
  <si>
    <t>Rehfeldt</t>
  </si>
  <si>
    <t>Jesper</t>
  </si>
  <si>
    <t>Bühler</t>
  </si>
  <si>
    <t>scaled</t>
  </si>
  <si>
    <t>Weekend scaling factor</t>
  </si>
  <si>
    <t>Custom</t>
  </si>
  <si>
    <t>select "Custom" to use the values in this box
Otherwise, standard load profiles will be used</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5">
    <numFmt numFmtId="43" formatCode="_-* #,##0.00_-;\-* #,##0.00_-;_-* &quot;-&quot;??_-;_-@_-"/>
    <numFmt numFmtId="164" formatCode="_-* #,##0.000_-;\-* #,##0.000_-;_-* &quot;-&quot;??_-;_-@_-"/>
    <numFmt numFmtId="165" formatCode="_-* #,##0_-;\-* #,##0_-;_-* &quot;-&quot;??_-;_-@_-"/>
    <numFmt numFmtId="166" formatCode="[$-F800]dddd\,\ mmmm\ dd\,\ yyyy"/>
    <numFmt numFmtId="167" formatCode="0.0\ %"/>
  </numFmts>
  <fonts count="19" x14ac:knownFonts="1">
    <font>
      <sz val="11"/>
      <color theme="1"/>
      <name val="Calibri"/>
      <family val="2"/>
      <scheme val="minor"/>
    </font>
    <font>
      <sz val="12"/>
      <color theme="1"/>
      <name val="Calibri"/>
      <family val="2"/>
      <scheme val="minor"/>
    </font>
    <font>
      <sz val="11"/>
      <color theme="1"/>
      <name val="Calibri"/>
      <family val="2"/>
      <scheme val="minor"/>
    </font>
    <font>
      <b/>
      <sz val="11"/>
      <color theme="1"/>
      <name val="Calibri"/>
      <family val="2"/>
      <scheme val="minor"/>
    </font>
    <font>
      <sz val="11"/>
      <color theme="1"/>
      <name val="Calibri"/>
      <family val="2"/>
    </font>
    <font>
      <b/>
      <sz val="11"/>
      <color rgb="FF000000"/>
      <name val="Calibri"/>
      <family val="2"/>
    </font>
    <font>
      <b/>
      <vertAlign val="subscript"/>
      <sz val="11"/>
      <color theme="1"/>
      <name val="Calibri"/>
      <family val="2"/>
      <scheme val="minor"/>
    </font>
    <font>
      <vertAlign val="subscript"/>
      <sz val="11"/>
      <color theme="1"/>
      <name val="Calibri"/>
      <family val="2"/>
      <scheme val="minor"/>
    </font>
    <font>
      <i/>
      <sz val="11"/>
      <color theme="1"/>
      <name val="Calibri"/>
      <family val="2"/>
      <scheme val="minor"/>
    </font>
    <font>
      <b/>
      <sz val="14"/>
      <color theme="1"/>
      <name val="Calibri"/>
      <family val="2"/>
      <scheme val="minor"/>
    </font>
    <font>
      <sz val="8"/>
      <name val="Calibri"/>
      <family val="2"/>
      <scheme val="minor"/>
    </font>
    <font>
      <i/>
      <u/>
      <sz val="11"/>
      <color theme="8"/>
      <name val="Calibri"/>
      <family val="2"/>
      <scheme val="minor"/>
    </font>
    <font>
      <sz val="9"/>
      <color theme="1"/>
      <name val="Calibri"/>
      <family val="2"/>
      <scheme val="minor"/>
    </font>
    <font>
      <b/>
      <u/>
      <sz val="11"/>
      <color theme="1"/>
      <name val="Calibri"/>
      <family val="2"/>
      <scheme val="minor"/>
    </font>
    <font>
      <b/>
      <u/>
      <sz val="12"/>
      <color theme="1"/>
      <name val="Calibri"/>
      <family val="2"/>
      <scheme val="minor"/>
    </font>
    <font>
      <i/>
      <u/>
      <sz val="12"/>
      <color theme="8"/>
      <name val="Calibri"/>
      <family val="2"/>
      <scheme val="minor"/>
    </font>
    <font>
      <u/>
      <sz val="11"/>
      <color theme="1"/>
      <name val="Calibri"/>
      <family val="2"/>
      <scheme val="minor"/>
    </font>
    <font>
      <b/>
      <sz val="12"/>
      <color theme="1"/>
      <name val="Calibri"/>
      <family val="2"/>
      <scheme val="minor"/>
    </font>
    <font>
      <u val="double"/>
      <sz val="11"/>
      <color theme="1"/>
      <name val="Calibri"/>
      <family val="2"/>
      <scheme val="minor"/>
    </font>
  </fonts>
  <fills count="5">
    <fill>
      <patternFill patternType="none"/>
    </fill>
    <fill>
      <patternFill patternType="gray125"/>
    </fill>
    <fill>
      <patternFill patternType="solid">
        <fgColor theme="0"/>
        <bgColor indexed="64"/>
      </patternFill>
    </fill>
    <fill>
      <patternFill patternType="solid">
        <fgColor theme="7" tint="0.79998168889431442"/>
        <bgColor indexed="64"/>
      </patternFill>
    </fill>
    <fill>
      <patternFill patternType="solid">
        <fgColor theme="4"/>
        <bgColor indexed="64"/>
      </patternFill>
    </fill>
  </fills>
  <borders count="51">
    <border>
      <left/>
      <right/>
      <top/>
      <bottom/>
      <diagonal/>
    </border>
    <border>
      <left style="thin">
        <color auto="1"/>
      </left>
      <right style="thin">
        <color auto="1"/>
      </right>
      <top style="thin">
        <color auto="1"/>
      </top>
      <bottom style="thin">
        <color auto="1"/>
      </bottom>
      <diagonal/>
    </border>
    <border>
      <left style="thin">
        <color auto="1"/>
      </left>
      <right/>
      <top style="thin">
        <color auto="1"/>
      </top>
      <bottom style="thin">
        <color auto="1"/>
      </bottom>
      <diagonal/>
    </border>
    <border>
      <left/>
      <right/>
      <top style="thin">
        <color auto="1"/>
      </top>
      <bottom style="thin">
        <color auto="1"/>
      </bottom>
      <diagonal/>
    </border>
    <border>
      <left/>
      <right style="thin">
        <color auto="1"/>
      </right>
      <top style="thin">
        <color auto="1"/>
      </top>
      <bottom style="thin">
        <color auto="1"/>
      </bottom>
      <diagonal/>
    </border>
    <border>
      <left style="medium">
        <color indexed="64"/>
      </left>
      <right style="medium">
        <color indexed="64"/>
      </right>
      <top style="medium">
        <color indexed="64"/>
      </top>
      <bottom/>
      <diagonal/>
    </border>
    <border>
      <left style="medium">
        <color indexed="64"/>
      </left>
      <right style="medium">
        <color indexed="64"/>
      </right>
      <top style="medium">
        <color indexed="64"/>
      </top>
      <bottom style="medium">
        <color indexed="64"/>
      </bottom>
      <diagonal/>
    </border>
    <border>
      <left style="medium">
        <color indexed="64"/>
      </left>
      <right/>
      <top style="medium">
        <color indexed="64"/>
      </top>
      <bottom/>
      <diagonal/>
    </border>
    <border>
      <left style="medium">
        <color indexed="64"/>
      </left>
      <right style="medium">
        <color indexed="64"/>
      </right>
      <top style="medium">
        <color indexed="64"/>
      </top>
      <bottom style="thin">
        <color auto="1"/>
      </bottom>
      <diagonal/>
    </border>
    <border>
      <left style="medium">
        <color indexed="64"/>
      </left>
      <right style="medium">
        <color indexed="64"/>
      </right>
      <top style="thin">
        <color auto="1"/>
      </top>
      <bottom style="thin">
        <color auto="1"/>
      </bottom>
      <diagonal/>
    </border>
    <border>
      <left style="medium">
        <color indexed="64"/>
      </left>
      <right style="medium">
        <color indexed="64"/>
      </right>
      <top/>
      <bottom/>
      <diagonal/>
    </border>
    <border>
      <left style="medium">
        <color indexed="64"/>
      </left>
      <right/>
      <top/>
      <bottom/>
      <diagonal/>
    </border>
    <border>
      <left style="medium">
        <color indexed="64"/>
      </left>
      <right style="medium">
        <color indexed="64"/>
      </right>
      <top style="thin">
        <color auto="1"/>
      </top>
      <bottom style="medium">
        <color indexed="64"/>
      </bottom>
      <diagonal/>
    </border>
    <border>
      <left style="medium">
        <color indexed="64"/>
      </left>
      <right style="medium">
        <color indexed="64"/>
      </right>
      <top/>
      <bottom style="medium">
        <color indexed="64"/>
      </bottom>
      <diagonal/>
    </border>
    <border>
      <left style="medium">
        <color indexed="64"/>
      </left>
      <right/>
      <top/>
      <bottom style="medium">
        <color indexed="64"/>
      </bottom>
      <diagonal/>
    </border>
    <border>
      <left/>
      <right/>
      <top style="medium">
        <color indexed="64"/>
      </top>
      <bottom style="medium">
        <color indexed="64"/>
      </bottom>
      <diagonal/>
    </border>
    <border>
      <left/>
      <right/>
      <top style="medium">
        <color indexed="64"/>
      </top>
      <bottom/>
      <diagonal/>
    </border>
    <border>
      <left/>
      <right/>
      <top/>
      <bottom style="medium">
        <color indexed="64"/>
      </bottom>
      <diagonal/>
    </border>
    <border>
      <left style="medium">
        <color indexed="64"/>
      </left>
      <right/>
      <top style="medium">
        <color indexed="64"/>
      </top>
      <bottom style="medium">
        <color indexed="64"/>
      </bottom>
      <diagonal/>
    </border>
    <border>
      <left/>
      <right style="medium">
        <color indexed="64"/>
      </right>
      <top style="medium">
        <color indexed="64"/>
      </top>
      <bottom/>
      <diagonal/>
    </border>
    <border>
      <left/>
      <right style="medium">
        <color indexed="64"/>
      </right>
      <top/>
      <bottom/>
      <diagonal/>
    </border>
    <border>
      <left/>
      <right style="medium">
        <color indexed="64"/>
      </right>
      <top/>
      <bottom style="medium">
        <color indexed="64"/>
      </bottom>
      <diagonal/>
    </border>
    <border>
      <left style="thin">
        <color indexed="64"/>
      </left>
      <right/>
      <top/>
      <bottom/>
      <diagonal/>
    </border>
    <border>
      <left/>
      <right style="thin">
        <color indexed="64"/>
      </right>
      <top/>
      <bottom/>
      <diagonal/>
    </border>
    <border>
      <left style="thin">
        <color indexed="64"/>
      </left>
      <right style="thin">
        <color indexed="64"/>
      </right>
      <top/>
      <bottom/>
      <diagonal/>
    </border>
    <border>
      <left style="medium">
        <color indexed="64"/>
      </left>
      <right style="thin">
        <color indexed="64"/>
      </right>
      <top style="medium">
        <color indexed="64"/>
      </top>
      <bottom/>
      <diagonal/>
    </border>
    <border>
      <left style="thin">
        <color indexed="64"/>
      </left>
      <right/>
      <top style="medium">
        <color indexed="64"/>
      </top>
      <bottom/>
      <diagonal/>
    </border>
    <border>
      <left/>
      <right style="thin">
        <color indexed="64"/>
      </right>
      <top style="medium">
        <color indexed="64"/>
      </top>
      <bottom/>
      <diagonal/>
    </border>
    <border>
      <left style="thin">
        <color indexed="64"/>
      </left>
      <right style="thin">
        <color indexed="64"/>
      </right>
      <top style="medium">
        <color indexed="64"/>
      </top>
      <bottom/>
      <diagonal/>
    </border>
    <border>
      <left style="thin">
        <color indexed="64"/>
      </left>
      <right style="medium">
        <color indexed="64"/>
      </right>
      <top style="medium">
        <color indexed="64"/>
      </top>
      <bottom/>
      <diagonal/>
    </border>
    <border>
      <left style="medium">
        <color indexed="64"/>
      </left>
      <right style="thin">
        <color indexed="64"/>
      </right>
      <top/>
      <bottom/>
      <diagonal/>
    </border>
    <border>
      <left style="thin">
        <color indexed="64"/>
      </left>
      <right style="medium">
        <color indexed="64"/>
      </right>
      <top/>
      <bottom/>
      <diagonal/>
    </border>
    <border>
      <left style="medium">
        <color indexed="64"/>
      </left>
      <right style="thin">
        <color indexed="64"/>
      </right>
      <top/>
      <bottom style="medium">
        <color indexed="64"/>
      </bottom>
      <diagonal/>
    </border>
    <border>
      <left style="thin">
        <color indexed="64"/>
      </left>
      <right/>
      <top/>
      <bottom style="medium">
        <color indexed="64"/>
      </bottom>
      <diagonal/>
    </border>
    <border>
      <left/>
      <right style="thin">
        <color indexed="64"/>
      </right>
      <top/>
      <bottom style="medium">
        <color indexed="64"/>
      </bottom>
      <diagonal/>
    </border>
    <border>
      <left style="thin">
        <color indexed="64"/>
      </left>
      <right style="thin">
        <color indexed="64"/>
      </right>
      <top/>
      <bottom style="medium">
        <color indexed="64"/>
      </bottom>
      <diagonal/>
    </border>
    <border>
      <left style="thin">
        <color indexed="64"/>
      </left>
      <right style="medium">
        <color indexed="64"/>
      </right>
      <top/>
      <bottom style="medium">
        <color indexed="64"/>
      </bottom>
      <diagonal/>
    </border>
    <border>
      <left/>
      <right style="medium">
        <color indexed="64"/>
      </right>
      <top style="medium">
        <color indexed="64"/>
      </top>
      <bottom style="medium">
        <color indexed="64"/>
      </bottom>
      <diagonal/>
    </border>
    <border>
      <left/>
      <right/>
      <top/>
      <bottom style="double">
        <color indexed="64"/>
      </bottom>
      <diagonal/>
    </border>
    <border>
      <left/>
      <right style="thin">
        <color indexed="64"/>
      </right>
      <top style="double">
        <color indexed="64"/>
      </top>
      <bottom/>
      <diagonal/>
    </border>
    <border>
      <left style="medium">
        <color indexed="64"/>
      </left>
      <right style="thin">
        <color auto="1"/>
      </right>
      <top style="thin">
        <color auto="1"/>
      </top>
      <bottom style="thin">
        <color auto="1"/>
      </bottom>
      <diagonal/>
    </border>
    <border>
      <left style="thin">
        <color auto="1"/>
      </left>
      <right style="medium">
        <color indexed="64"/>
      </right>
      <top style="thin">
        <color auto="1"/>
      </top>
      <bottom style="thin">
        <color auto="1"/>
      </bottom>
      <diagonal/>
    </border>
    <border>
      <left style="medium">
        <color indexed="64"/>
      </left>
      <right style="thin">
        <color auto="1"/>
      </right>
      <top style="thin">
        <color auto="1"/>
      </top>
      <bottom style="medium">
        <color indexed="64"/>
      </bottom>
      <diagonal/>
    </border>
    <border>
      <left style="thin">
        <color auto="1"/>
      </left>
      <right style="thin">
        <color auto="1"/>
      </right>
      <top style="thin">
        <color auto="1"/>
      </top>
      <bottom style="medium">
        <color indexed="64"/>
      </bottom>
      <diagonal/>
    </border>
    <border>
      <left style="thin">
        <color auto="1"/>
      </left>
      <right style="medium">
        <color indexed="64"/>
      </right>
      <top style="thin">
        <color auto="1"/>
      </top>
      <bottom style="medium">
        <color indexed="64"/>
      </bottom>
      <diagonal/>
    </border>
    <border>
      <left style="medium">
        <color indexed="64"/>
      </left>
      <right style="thin">
        <color auto="1"/>
      </right>
      <top/>
      <bottom style="thin">
        <color auto="1"/>
      </bottom>
      <diagonal/>
    </border>
    <border>
      <left style="thin">
        <color auto="1"/>
      </left>
      <right style="thin">
        <color auto="1"/>
      </right>
      <top/>
      <bottom style="thin">
        <color auto="1"/>
      </bottom>
      <diagonal/>
    </border>
    <border>
      <left style="thin">
        <color auto="1"/>
      </left>
      <right style="medium">
        <color indexed="64"/>
      </right>
      <top/>
      <bottom style="thin">
        <color auto="1"/>
      </bottom>
      <diagonal/>
    </border>
    <border>
      <left style="thin">
        <color indexed="64"/>
      </left>
      <right/>
      <top/>
      <bottom style="thin">
        <color indexed="64"/>
      </bottom>
      <diagonal/>
    </border>
    <border>
      <left/>
      <right/>
      <top/>
      <bottom style="thin">
        <color indexed="64"/>
      </bottom>
      <diagonal/>
    </border>
    <border>
      <left/>
      <right style="medium">
        <color indexed="64"/>
      </right>
      <top/>
      <bottom style="thin">
        <color indexed="64"/>
      </bottom>
      <diagonal/>
    </border>
  </borders>
  <cellStyleXfs count="3">
    <xf numFmtId="0" fontId="0" fillId="0" borderId="0"/>
    <xf numFmtId="43" fontId="2" fillId="0" borderId="0" applyFont="0" applyFill="0" applyBorder="0" applyAlignment="0" applyProtection="0"/>
    <xf numFmtId="9" fontId="2" fillId="0" borderId="0" applyFont="0" applyFill="0" applyBorder="0" applyAlignment="0" applyProtection="0"/>
  </cellStyleXfs>
  <cellXfs count="238">
    <xf numFmtId="0" fontId="0" fillId="0" borderId="0" xfId="0"/>
    <xf numFmtId="0" fontId="1" fillId="0" borderId="0" xfId="0" applyFont="1"/>
    <xf numFmtId="0" fontId="0" fillId="0" borderId="1" xfId="0" applyBorder="1"/>
    <xf numFmtId="0" fontId="3" fillId="0" borderId="1" xfId="0" applyFont="1" applyBorder="1" applyAlignment="1">
      <alignment horizontal="center" vertical="top"/>
    </xf>
    <xf numFmtId="0" fontId="4" fillId="0" borderId="1" xfId="0" applyFont="1" applyBorder="1"/>
    <xf numFmtId="0" fontId="5" fillId="0" borderId="1" xfId="0" applyFont="1" applyBorder="1" applyAlignment="1">
      <alignment horizontal="center" vertical="top"/>
    </xf>
    <xf numFmtId="0" fontId="0" fillId="0" borderId="5" xfId="0" applyBorder="1" applyAlignment="1">
      <alignment wrapText="1"/>
    </xf>
    <xf numFmtId="14" fontId="0" fillId="2" borderId="8" xfId="0" applyNumberFormat="1" applyFill="1" applyBorder="1"/>
    <xf numFmtId="0" fontId="0" fillId="0" borderId="5" xfId="0" applyBorder="1"/>
    <xf numFmtId="0" fontId="0" fillId="0" borderId="7" xfId="0" applyBorder="1"/>
    <xf numFmtId="14" fontId="0" fillId="2" borderId="9" xfId="0" applyNumberFormat="1" applyFill="1" applyBorder="1"/>
    <xf numFmtId="0" fontId="0" fillId="0" borderId="10" xfId="0" applyBorder="1"/>
    <xf numFmtId="0" fontId="0" fillId="0" borderId="11" xfId="0" applyBorder="1"/>
    <xf numFmtId="14" fontId="0" fillId="2" borderId="12" xfId="0" applyNumberFormat="1" applyFill="1" applyBorder="1"/>
    <xf numFmtId="0" fontId="0" fillId="0" borderId="13" xfId="0" applyBorder="1"/>
    <xf numFmtId="0" fontId="0" fillId="0" borderId="14" xfId="0" applyBorder="1"/>
    <xf numFmtId="0" fontId="0" fillId="0" borderId="0" xfId="0" applyAlignment="1">
      <alignment horizontal="center"/>
    </xf>
    <xf numFmtId="0" fontId="3" fillId="0" borderId="0" xfId="0" applyFont="1" applyAlignment="1">
      <alignment horizontal="center"/>
    </xf>
    <xf numFmtId="0" fontId="5" fillId="0" borderId="0" xfId="0" applyFont="1" applyAlignment="1">
      <alignment horizontal="center"/>
    </xf>
    <xf numFmtId="0" fontId="5" fillId="0" borderId="0" xfId="0" applyFont="1" applyAlignment="1">
      <alignment horizontal="center" vertical="top"/>
    </xf>
    <xf numFmtId="0" fontId="4" fillId="0" borderId="0" xfId="0" applyFont="1"/>
    <xf numFmtId="0" fontId="3" fillId="0" borderId="0" xfId="0" applyFont="1" applyAlignment="1">
      <alignment horizontal="center" vertical="top"/>
    </xf>
    <xf numFmtId="9" fontId="3" fillId="0" borderId="1" xfId="0" applyNumberFormat="1" applyFont="1" applyBorder="1" applyAlignment="1">
      <alignment horizontal="center" vertical="top"/>
    </xf>
    <xf numFmtId="0" fontId="3" fillId="0" borderId="5" xfId="0" applyFont="1" applyBorder="1" applyAlignment="1">
      <alignment horizontal="center" vertical="center" wrapText="1"/>
    </xf>
    <xf numFmtId="0" fontId="0" fillId="0" borderId="1" xfId="0" applyBorder="1" applyAlignment="1">
      <alignment horizontal="center"/>
    </xf>
    <xf numFmtId="0" fontId="4" fillId="0" borderId="1" xfId="0" applyFont="1" applyBorder="1" applyAlignment="1">
      <alignment horizontal="center"/>
    </xf>
    <xf numFmtId="0" fontId="0" fillId="0" borderId="18" xfId="0" applyBorder="1" applyAlignment="1">
      <alignment horizontal="center" vertical="center" wrapText="1"/>
    </xf>
    <xf numFmtId="0" fontId="0" fillId="0" borderId="6" xfId="0" applyBorder="1" applyAlignment="1">
      <alignment horizontal="center" wrapText="1"/>
    </xf>
    <xf numFmtId="0" fontId="0" fillId="0" borderId="5" xfId="0" applyBorder="1" applyAlignment="1">
      <alignment horizontal="center"/>
    </xf>
    <xf numFmtId="0" fontId="0" fillId="0" borderId="10" xfId="0" applyBorder="1" applyAlignment="1">
      <alignment horizontal="center"/>
    </xf>
    <xf numFmtId="0" fontId="0" fillId="0" borderId="13" xfId="0" applyBorder="1" applyAlignment="1">
      <alignment horizontal="center"/>
    </xf>
    <xf numFmtId="0" fontId="0" fillId="0" borderId="6" xfId="0" applyBorder="1" applyAlignment="1">
      <alignment horizontal="center" vertical="center" wrapText="1"/>
    </xf>
    <xf numFmtId="0" fontId="0" fillId="0" borderId="7" xfId="0" applyBorder="1" applyAlignment="1">
      <alignment horizontal="center"/>
    </xf>
    <xf numFmtId="0" fontId="0" fillId="0" borderId="16" xfId="0" applyBorder="1" applyAlignment="1">
      <alignment horizontal="center"/>
    </xf>
    <xf numFmtId="0" fontId="0" fillId="0" borderId="19" xfId="0" applyBorder="1" applyAlignment="1">
      <alignment horizontal="center"/>
    </xf>
    <xf numFmtId="0" fontId="0" fillId="0" borderId="11" xfId="0" applyBorder="1" applyAlignment="1">
      <alignment horizontal="center"/>
    </xf>
    <xf numFmtId="0" fontId="0" fillId="0" borderId="20" xfId="0" applyBorder="1" applyAlignment="1">
      <alignment horizontal="center"/>
    </xf>
    <xf numFmtId="0" fontId="0" fillId="0" borderId="14" xfId="0" applyBorder="1" applyAlignment="1">
      <alignment horizontal="center"/>
    </xf>
    <xf numFmtId="0" fontId="0" fillId="0" borderId="17" xfId="0" applyBorder="1" applyAlignment="1">
      <alignment horizontal="center"/>
    </xf>
    <xf numFmtId="0" fontId="0" fillId="0" borderId="21" xfId="0" applyBorder="1" applyAlignment="1">
      <alignment horizontal="center"/>
    </xf>
    <xf numFmtId="0" fontId="9" fillId="0" borderId="0" xfId="0" applyFont="1" applyAlignment="1">
      <alignment horizontal="center"/>
    </xf>
    <xf numFmtId="0" fontId="3" fillId="2" borderId="0" xfId="0" applyFont="1" applyFill="1"/>
    <xf numFmtId="0" fontId="3" fillId="2" borderId="0" xfId="0" applyFont="1" applyFill="1" applyAlignment="1">
      <alignment horizontal="center"/>
    </xf>
    <xf numFmtId="0" fontId="0" fillId="2" borderId="0" xfId="0" applyFill="1"/>
    <xf numFmtId="0" fontId="0" fillId="2" borderId="0" xfId="0" applyFill="1" applyAlignment="1">
      <alignment horizontal="center"/>
    </xf>
    <xf numFmtId="0" fontId="9" fillId="0" borderId="0" xfId="0" applyFont="1" applyAlignment="1">
      <alignment horizontal="left"/>
    </xf>
    <xf numFmtId="22" fontId="0" fillId="0" borderId="0" xfId="0" applyNumberFormat="1"/>
    <xf numFmtId="0" fontId="3" fillId="2" borderId="0" xfId="0" applyFont="1" applyFill="1" applyAlignment="1">
      <alignment horizontal="center" vertical="top"/>
    </xf>
    <xf numFmtId="0" fontId="3" fillId="2" borderId="25" xfId="0" applyFont="1" applyFill="1" applyBorder="1" applyAlignment="1">
      <alignment horizontal="center" vertical="center"/>
    </xf>
    <xf numFmtId="0" fontId="3" fillId="2" borderId="30" xfId="0" applyFont="1" applyFill="1" applyBorder="1" applyAlignment="1">
      <alignment horizontal="center" vertical="center"/>
    </xf>
    <xf numFmtId="0" fontId="3" fillId="2" borderId="32" xfId="0" applyFont="1" applyFill="1" applyBorder="1" applyAlignment="1">
      <alignment horizontal="center" vertical="center"/>
    </xf>
    <xf numFmtId="43" fontId="2" fillId="2" borderId="33" xfId="1" applyFont="1" applyFill="1" applyBorder="1" applyAlignment="1">
      <alignment horizontal="center" vertical="center"/>
    </xf>
    <xf numFmtId="0" fontId="14" fillId="2" borderId="0" xfId="0" applyFont="1" applyFill="1"/>
    <xf numFmtId="0" fontId="3" fillId="2" borderId="18" xfId="0" applyFont="1" applyFill="1" applyBorder="1" applyAlignment="1">
      <alignment horizontal="center"/>
    </xf>
    <xf numFmtId="0" fontId="3" fillId="2" borderId="15" xfId="0" applyFont="1" applyFill="1" applyBorder="1" applyAlignment="1">
      <alignment horizontal="center"/>
    </xf>
    <xf numFmtId="0" fontId="3" fillId="2" borderId="37" xfId="0" applyFont="1" applyFill="1" applyBorder="1" applyAlignment="1">
      <alignment horizontal="center"/>
    </xf>
    <xf numFmtId="43" fontId="0" fillId="2" borderId="11" xfId="1" applyFont="1" applyFill="1" applyBorder="1"/>
    <xf numFmtId="43" fontId="0" fillId="2" borderId="28" xfId="1" applyFont="1" applyFill="1" applyBorder="1"/>
    <xf numFmtId="43" fontId="0" fillId="2" borderId="20" xfId="1" applyFont="1" applyFill="1" applyBorder="1"/>
    <xf numFmtId="43" fontId="0" fillId="2" borderId="24" xfId="1" applyFont="1" applyFill="1" applyBorder="1"/>
    <xf numFmtId="43" fontId="0" fillId="2" borderId="14" xfId="1" applyFont="1" applyFill="1" applyBorder="1"/>
    <xf numFmtId="43" fontId="0" fillId="2" borderId="21" xfId="1" applyFont="1" applyFill="1" applyBorder="1"/>
    <xf numFmtId="43" fontId="0" fillId="2" borderId="35" xfId="1" applyFont="1" applyFill="1" applyBorder="1"/>
    <xf numFmtId="0" fontId="0" fillId="2" borderId="7" xfId="0" applyFill="1" applyBorder="1" applyAlignment="1">
      <alignment horizontal="center"/>
    </xf>
    <xf numFmtId="0" fontId="0" fillId="2" borderId="16" xfId="0" applyFill="1" applyBorder="1" applyAlignment="1">
      <alignment horizontal="center"/>
    </xf>
    <xf numFmtId="0" fontId="0" fillId="2" borderId="19" xfId="0" applyFill="1" applyBorder="1" applyAlignment="1">
      <alignment horizontal="center"/>
    </xf>
    <xf numFmtId="0" fontId="0" fillId="2" borderId="11" xfId="0" applyFill="1" applyBorder="1" applyAlignment="1">
      <alignment horizontal="center"/>
    </xf>
    <xf numFmtId="0" fontId="0" fillId="3" borderId="20" xfId="0" applyFill="1" applyBorder="1" applyAlignment="1">
      <alignment horizontal="center"/>
    </xf>
    <xf numFmtId="0" fontId="0" fillId="2" borderId="14" xfId="0" applyFill="1" applyBorder="1" applyAlignment="1">
      <alignment horizontal="center"/>
    </xf>
    <xf numFmtId="0" fontId="0" fillId="2" borderId="17" xfId="0" applyFill="1" applyBorder="1" applyAlignment="1">
      <alignment horizontal="center"/>
    </xf>
    <xf numFmtId="0" fontId="0" fillId="3" borderId="21" xfId="0" applyFill="1" applyBorder="1" applyAlignment="1">
      <alignment horizontal="center"/>
    </xf>
    <xf numFmtId="14" fontId="0" fillId="0" borderId="9" xfId="0" applyNumberFormat="1" applyBorder="1"/>
    <xf numFmtId="164" fontId="0" fillId="2" borderId="0" xfId="1" applyNumberFormat="1" applyFont="1" applyFill="1"/>
    <xf numFmtId="165" fontId="0" fillId="2" borderId="0" xfId="1" applyNumberFormat="1" applyFont="1" applyFill="1"/>
    <xf numFmtId="43" fontId="0" fillId="2" borderId="29" xfId="1" applyFont="1" applyFill="1" applyBorder="1"/>
    <xf numFmtId="43" fontId="0" fillId="2" borderId="31" xfId="1" applyFont="1" applyFill="1" applyBorder="1"/>
    <xf numFmtId="43" fontId="0" fillId="2" borderId="36" xfId="1" applyFont="1" applyFill="1" applyBorder="1"/>
    <xf numFmtId="0" fontId="0" fillId="2" borderId="38" xfId="0" applyFill="1" applyBorder="1"/>
    <xf numFmtId="0" fontId="0" fillId="2" borderId="39" xfId="0" applyFill="1" applyBorder="1" applyAlignment="1">
      <alignment horizontal="center"/>
    </xf>
    <xf numFmtId="0" fontId="0" fillId="2" borderId="23" xfId="0" applyFill="1" applyBorder="1" applyAlignment="1">
      <alignment horizontal="center"/>
    </xf>
    <xf numFmtId="0" fontId="3" fillId="2" borderId="6" xfId="0" applyFont="1" applyFill="1" applyBorder="1" applyAlignment="1">
      <alignment horizontal="center"/>
    </xf>
    <xf numFmtId="43" fontId="0" fillId="2" borderId="7" xfId="1" applyFont="1" applyFill="1" applyBorder="1"/>
    <xf numFmtId="43" fontId="0" fillId="2" borderId="19" xfId="1" applyFont="1" applyFill="1" applyBorder="1"/>
    <xf numFmtId="166" fontId="0" fillId="0" borderId="0" xfId="0" applyNumberFormat="1"/>
    <xf numFmtId="166" fontId="17" fillId="0" borderId="0" xfId="0" applyNumberFormat="1" applyFont="1" applyAlignment="1">
      <alignment horizontal="center"/>
    </xf>
    <xf numFmtId="0" fontId="0" fillId="3" borderId="0" xfId="0" applyFill="1" applyAlignment="1">
      <alignment horizontal="center"/>
    </xf>
    <xf numFmtId="0" fontId="0" fillId="2" borderId="11" xfId="0" applyFill="1" applyBorder="1"/>
    <xf numFmtId="0" fontId="0" fillId="2" borderId="20" xfId="0" applyFill="1" applyBorder="1"/>
    <xf numFmtId="0" fontId="0" fillId="2" borderId="14" xfId="0" applyFill="1" applyBorder="1"/>
    <xf numFmtId="0" fontId="0" fillId="2" borderId="17" xfId="0" applyFill="1" applyBorder="1"/>
    <xf numFmtId="0" fontId="0" fillId="2" borderId="21" xfId="0" applyFill="1" applyBorder="1"/>
    <xf numFmtId="0" fontId="1" fillId="0" borderId="0" xfId="0" applyFont="1" applyAlignment="1">
      <alignment horizontal="center"/>
    </xf>
    <xf numFmtId="14" fontId="8" fillId="2" borderId="0" xfId="0" applyNumberFormat="1" applyFont="1" applyFill="1"/>
    <xf numFmtId="0" fontId="8" fillId="2" borderId="0" xfId="0" applyFont="1" applyFill="1" applyAlignment="1">
      <alignment horizontal="center"/>
    </xf>
    <xf numFmtId="14" fontId="8" fillId="2" borderId="0" xfId="0" applyNumberFormat="1" applyFont="1" applyFill="1" applyAlignment="1">
      <alignment horizontal="left"/>
    </xf>
    <xf numFmtId="0" fontId="0" fillId="2" borderId="7" xfId="0" applyFill="1" applyBorder="1"/>
    <xf numFmtId="0" fontId="0" fillId="2" borderId="16" xfId="0" applyFill="1" applyBorder="1"/>
    <xf numFmtId="0" fontId="0" fillId="2" borderId="19" xfId="0" applyFill="1" applyBorder="1"/>
    <xf numFmtId="0" fontId="0" fillId="2" borderId="20" xfId="0" applyFill="1" applyBorder="1" applyAlignment="1">
      <alignment horizontal="center"/>
    </xf>
    <xf numFmtId="0" fontId="5" fillId="0" borderId="1" xfId="0" applyFont="1" applyBorder="1" applyAlignment="1">
      <alignment horizontal="center" vertical="center"/>
    </xf>
    <xf numFmtId="0" fontId="4" fillId="0" borderId="1" xfId="0" applyFont="1" applyBorder="1" applyAlignment="1">
      <alignment horizontal="center" vertical="center"/>
    </xf>
    <xf numFmtId="9" fontId="5" fillId="0" borderId="1" xfId="0" applyNumberFormat="1" applyFont="1" applyBorder="1" applyAlignment="1">
      <alignment horizontal="center" vertical="center"/>
    </xf>
    <xf numFmtId="9" fontId="1" fillId="0" borderId="1" xfId="2" applyFont="1" applyBorder="1" applyAlignment="1">
      <alignment horizontal="center" vertical="center"/>
    </xf>
    <xf numFmtId="10" fontId="1" fillId="0" borderId="0" xfId="0" applyNumberFormat="1" applyFont="1"/>
    <xf numFmtId="0" fontId="1" fillId="0" borderId="11" xfId="0" applyFont="1" applyBorder="1"/>
    <xf numFmtId="0" fontId="1" fillId="0" borderId="20" xfId="0" applyFont="1" applyBorder="1"/>
    <xf numFmtId="0" fontId="1" fillId="0" borderId="11" xfId="0" applyFont="1" applyBorder="1" applyAlignment="1">
      <alignment horizontal="center"/>
    </xf>
    <xf numFmtId="9" fontId="1" fillId="0" borderId="20" xfId="0" applyNumberFormat="1" applyFont="1" applyBorder="1"/>
    <xf numFmtId="9" fontId="1" fillId="0" borderId="0" xfId="0" applyNumberFormat="1" applyFont="1"/>
    <xf numFmtId="0" fontId="1" fillId="0" borderId="14" xfId="0" applyFont="1" applyBorder="1"/>
    <xf numFmtId="9" fontId="1" fillId="0" borderId="17" xfId="0" applyNumberFormat="1" applyFont="1" applyBorder="1"/>
    <xf numFmtId="0" fontId="1" fillId="0" borderId="21" xfId="0" applyFont="1" applyBorder="1"/>
    <xf numFmtId="0" fontId="3" fillId="0" borderId="11" xfId="0" applyFont="1" applyBorder="1" applyAlignment="1">
      <alignment horizontal="center" vertical="center" wrapText="1"/>
    </xf>
    <xf numFmtId="9" fontId="1" fillId="0" borderId="40" xfId="2" applyFont="1" applyBorder="1" applyAlignment="1">
      <alignment horizontal="center" vertical="center"/>
    </xf>
    <xf numFmtId="9" fontId="1" fillId="0" borderId="41" xfId="2" applyFont="1" applyBorder="1" applyAlignment="1">
      <alignment horizontal="center" vertical="center"/>
    </xf>
    <xf numFmtId="9" fontId="1" fillId="0" borderId="42" xfId="2" applyFont="1" applyBorder="1" applyAlignment="1">
      <alignment horizontal="center" vertical="center"/>
    </xf>
    <xf numFmtId="9" fontId="1" fillId="0" borderId="43" xfId="2" applyFont="1" applyBorder="1" applyAlignment="1">
      <alignment horizontal="center" vertical="center"/>
    </xf>
    <xf numFmtId="9" fontId="1" fillId="0" borderId="44" xfId="2" applyFont="1" applyBorder="1" applyAlignment="1">
      <alignment horizontal="center" vertical="center"/>
    </xf>
    <xf numFmtId="9" fontId="1" fillId="0" borderId="45" xfId="2" applyFont="1" applyBorder="1" applyAlignment="1">
      <alignment horizontal="center" vertical="center"/>
    </xf>
    <xf numFmtId="9" fontId="1" fillId="0" borderId="46" xfId="2" applyFont="1" applyBorder="1" applyAlignment="1">
      <alignment horizontal="center" vertical="center"/>
    </xf>
    <xf numFmtId="9" fontId="1" fillId="0" borderId="47" xfId="2" applyFont="1" applyBorder="1" applyAlignment="1">
      <alignment horizontal="center" vertical="center"/>
    </xf>
    <xf numFmtId="0" fontId="3" fillId="0" borderId="6" xfId="0" applyFont="1" applyBorder="1" applyAlignment="1">
      <alignment horizontal="center" vertical="center" wrapText="1"/>
    </xf>
    <xf numFmtId="0" fontId="0" fillId="2" borderId="38" xfId="0" applyFill="1" applyBorder="1" applyAlignment="1">
      <alignment horizontal="center" wrapText="1"/>
    </xf>
    <xf numFmtId="9" fontId="0" fillId="2" borderId="0" xfId="0" applyNumberFormat="1" applyFill="1"/>
    <xf numFmtId="43" fontId="0" fillId="2" borderId="0" xfId="0" applyNumberFormat="1" applyFill="1"/>
    <xf numFmtId="3" fontId="0" fillId="2" borderId="0" xfId="0" applyNumberFormat="1" applyFill="1"/>
    <xf numFmtId="165" fontId="0" fillId="2" borderId="0" xfId="0" applyNumberFormat="1" applyFill="1"/>
    <xf numFmtId="9" fontId="1" fillId="0" borderId="0" xfId="2" applyFont="1"/>
    <xf numFmtId="9" fontId="0" fillId="0" borderId="0" xfId="2" applyFont="1"/>
    <xf numFmtId="9" fontId="0" fillId="0" borderId="0" xfId="2" applyFont="1" applyAlignment="1">
      <alignment horizontal="center"/>
    </xf>
    <xf numFmtId="9" fontId="0" fillId="0" borderId="0" xfId="0" applyNumberFormat="1" applyAlignment="1">
      <alignment horizontal="center"/>
    </xf>
    <xf numFmtId="2" fontId="0" fillId="0" borderId="0" xfId="2" applyNumberFormat="1" applyFont="1" applyAlignment="1">
      <alignment horizontal="center"/>
    </xf>
    <xf numFmtId="43" fontId="0" fillId="0" borderId="0" xfId="1" applyFont="1"/>
    <xf numFmtId="0" fontId="13" fillId="0" borderId="0" xfId="0" applyFont="1"/>
    <xf numFmtId="0" fontId="13" fillId="0" borderId="0" xfId="0" applyFont="1" applyAlignment="1">
      <alignment horizontal="center"/>
    </xf>
    <xf numFmtId="9" fontId="4" fillId="0" borderId="0" xfId="0" applyNumberFormat="1" applyFont="1"/>
    <xf numFmtId="167" fontId="4" fillId="0" borderId="0" xfId="0" applyNumberFormat="1" applyFont="1"/>
    <xf numFmtId="9" fontId="5" fillId="0" borderId="0" xfId="0" applyNumberFormat="1" applyFont="1" applyAlignment="1">
      <alignment horizontal="center" vertical="top"/>
    </xf>
    <xf numFmtId="9" fontId="1" fillId="0" borderId="0" xfId="2" applyFont="1" applyAlignment="1">
      <alignment horizontal="center"/>
    </xf>
    <xf numFmtId="0" fontId="3" fillId="2" borderId="0" xfId="0" applyFont="1" applyFill="1" applyAlignment="1">
      <alignment horizontal="center" vertical="center"/>
    </xf>
    <xf numFmtId="9" fontId="2" fillId="2" borderId="26" xfId="2" applyFont="1" applyFill="1" applyBorder="1" applyAlignment="1">
      <alignment horizontal="center" vertical="center"/>
    </xf>
    <xf numFmtId="9" fontId="2" fillId="2" borderId="27" xfId="2" applyFont="1" applyFill="1" applyBorder="1" applyAlignment="1">
      <alignment horizontal="center" vertical="center"/>
    </xf>
    <xf numFmtId="0" fontId="0" fillId="2" borderId="29" xfId="0" applyFill="1" applyBorder="1" applyAlignment="1">
      <alignment horizontal="center" vertical="center"/>
    </xf>
    <xf numFmtId="9" fontId="0" fillId="2" borderId="29" xfId="2" applyFont="1" applyFill="1" applyBorder="1" applyAlignment="1">
      <alignment horizontal="center" vertical="center"/>
    </xf>
    <xf numFmtId="9" fontId="2" fillId="2" borderId="22" xfId="2" applyFont="1" applyFill="1" applyBorder="1" applyAlignment="1">
      <alignment horizontal="center" vertical="center"/>
    </xf>
    <xf numFmtId="9" fontId="2" fillId="2" borderId="23" xfId="2" applyFont="1" applyFill="1" applyBorder="1" applyAlignment="1">
      <alignment horizontal="center" vertical="center"/>
    </xf>
    <xf numFmtId="0" fontId="0" fillId="2" borderId="31" xfId="0" applyFill="1" applyBorder="1" applyAlignment="1">
      <alignment horizontal="center" vertical="center"/>
    </xf>
    <xf numFmtId="9" fontId="0" fillId="2" borderId="31" xfId="2" applyFont="1" applyFill="1" applyBorder="1" applyAlignment="1">
      <alignment horizontal="center" vertical="center"/>
    </xf>
    <xf numFmtId="9" fontId="2" fillId="2" borderId="34" xfId="2" applyFont="1" applyFill="1" applyBorder="1" applyAlignment="1">
      <alignment horizontal="center" vertical="center"/>
    </xf>
    <xf numFmtId="0" fontId="0" fillId="2" borderId="36" xfId="0" applyFill="1" applyBorder="1" applyAlignment="1">
      <alignment horizontal="center" vertical="center"/>
    </xf>
    <xf numFmtId="9" fontId="0" fillId="2" borderId="36" xfId="2" applyFont="1" applyFill="1" applyBorder="1" applyAlignment="1">
      <alignment horizontal="center" vertical="center"/>
    </xf>
    <xf numFmtId="0" fontId="0" fillId="0" borderId="7" xfId="0" applyBorder="1" applyAlignment="1">
      <alignment horizontal="left" vertical="top" wrapText="1"/>
    </xf>
    <xf numFmtId="0" fontId="0" fillId="0" borderId="16" xfId="0" applyBorder="1" applyAlignment="1">
      <alignment horizontal="left" vertical="top"/>
    </xf>
    <xf numFmtId="0" fontId="0" fillId="0" borderId="19" xfId="0" applyBorder="1" applyAlignment="1">
      <alignment horizontal="left" vertical="top"/>
    </xf>
    <xf numFmtId="0" fontId="0" fillId="0" borderId="11" xfId="0" applyBorder="1" applyAlignment="1">
      <alignment horizontal="left" vertical="top"/>
    </xf>
    <xf numFmtId="0" fontId="0" fillId="0" borderId="0" xfId="0" applyAlignment="1">
      <alignment horizontal="left" vertical="top"/>
    </xf>
    <xf numFmtId="0" fontId="0" fillId="0" borderId="20" xfId="0" applyBorder="1" applyAlignment="1">
      <alignment horizontal="left" vertical="top"/>
    </xf>
    <xf numFmtId="0" fontId="0" fillId="2" borderId="0" xfId="0" applyFill="1" applyAlignment="1">
      <alignment horizontal="left" vertical="top" wrapText="1"/>
    </xf>
    <xf numFmtId="0" fontId="0" fillId="2" borderId="0" xfId="0" applyFill="1" applyAlignment="1">
      <alignment horizontal="left" vertical="top"/>
    </xf>
    <xf numFmtId="0" fontId="0" fillId="2" borderId="20" xfId="0" applyFill="1" applyBorder="1" applyAlignment="1">
      <alignment horizontal="left" vertical="top"/>
    </xf>
    <xf numFmtId="0" fontId="0" fillId="0" borderId="0" xfId="0" applyAlignment="1">
      <alignment horizontal="left" wrapText="1"/>
    </xf>
    <xf numFmtId="0" fontId="0" fillId="0" borderId="0" xfId="0" applyAlignment="1">
      <alignment horizontal="left"/>
    </xf>
    <xf numFmtId="0" fontId="0" fillId="2" borderId="7" xfId="0" applyFill="1" applyBorder="1" applyAlignment="1">
      <alignment horizontal="left" vertical="top" wrapText="1"/>
    </xf>
    <xf numFmtId="0" fontId="0" fillId="2" borderId="16" xfId="0" applyFill="1" applyBorder="1" applyAlignment="1">
      <alignment horizontal="left" vertical="top" wrapText="1"/>
    </xf>
    <xf numFmtId="0" fontId="0" fillId="2" borderId="19" xfId="0" applyFill="1" applyBorder="1" applyAlignment="1">
      <alignment horizontal="left" vertical="top" wrapText="1"/>
    </xf>
    <xf numFmtId="0" fontId="0" fillId="2" borderId="11" xfId="0" applyFill="1" applyBorder="1" applyAlignment="1">
      <alignment horizontal="left" vertical="top" wrapText="1"/>
    </xf>
    <xf numFmtId="0" fontId="0" fillId="2" borderId="20" xfId="0" applyFill="1" applyBorder="1" applyAlignment="1">
      <alignment horizontal="left" vertical="top" wrapText="1"/>
    </xf>
    <xf numFmtId="0" fontId="16" fillId="2" borderId="17" xfId="0" applyFont="1" applyFill="1" applyBorder="1" applyAlignment="1">
      <alignment horizontal="center"/>
    </xf>
    <xf numFmtId="0" fontId="13" fillId="2" borderId="0" xfId="0" applyFont="1" applyFill="1" applyAlignment="1">
      <alignment horizontal="center"/>
    </xf>
    <xf numFmtId="0" fontId="0" fillId="2" borderId="0" xfId="0" applyFill="1" applyAlignment="1">
      <alignment horizontal="center"/>
    </xf>
    <xf numFmtId="0" fontId="3" fillId="2" borderId="17" xfId="0" applyFont="1" applyFill="1" applyBorder="1" applyAlignment="1">
      <alignment horizontal="center" vertical="top" wrapText="1"/>
    </xf>
    <xf numFmtId="0" fontId="0" fillId="0" borderId="0" xfId="0" applyAlignment="1">
      <alignment horizontal="center"/>
    </xf>
    <xf numFmtId="0" fontId="8" fillId="0" borderId="0" xfId="0" applyFont="1" applyAlignment="1">
      <alignment horizontal="center" vertical="center"/>
    </xf>
    <xf numFmtId="0" fontId="8" fillId="0" borderId="0" xfId="0" applyFont="1" applyAlignment="1">
      <alignment horizontal="center" vertical="center" wrapText="1"/>
    </xf>
    <xf numFmtId="0" fontId="1" fillId="0" borderId="7" xfId="0" applyFont="1" applyBorder="1" applyAlignment="1">
      <alignment horizontal="center"/>
    </xf>
    <xf numFmtId="0" fontId="1" fillId="0" borderId="16" xfId="0" applyFont="1" applyBorder="1" applyAlignment="1">
      <alignment horizontal="center"/>
    </xf>
    <xf numFmtId="0" fontId="1" fillId="0" borderId="19" xfId="0" applyFont="1" applyBorder="1" applyAlignment="1">
      <alignment horizontal="center"/>
    </xf>
    <xf numFmtId="0" fontId="1" fillId="0" borderId="11" xfId="0" applyFont="1" applyBorder="1" applyAlignment="1">
      <alignment horizontal="center"/>
    </xf>
    <xf numFmtId="0" fontId="1" fillId="0" borderId="0" xfId="0" applyFont="1" applyAlignment="1">
      <alignment horizontal="center"/>
    </xf>
    <xf numFmtId="0" fontId="1" fillId="0" borderId="20" xfId="0" applyFont="1" applyBorder="1" applyAlignment="1">
      <alignment horizontal="center"/>
    </xf>
    <xf numFmtId="0" fontId="1" fillId="0" borderId="11" xfId="0" applyFont="1" applyBorder="1" applyAlignment="1">
      <alignment horizontal="center" vertical="center" textRotation="90"/>
    </xf>
    <xf numFmtId="0" fontId="3" fillId="0" borderId="2" xfId="0" applyFont="1" applyBorder="1" applyAlignment="1">
      <alignment horizontal="center"/>
    </xf>
    <xf numFmtId="0" fontId="3" fillId="0" borderId="3" xfId="0" applyFont="1" applyBorder="1" applyAlignment="1">
      <alignment horizontal="center"/>
    </xf>
    <xf numFmtId="0" fontId="3" fillId="0" borderId="4" xfId="0" applyFont="1" applyBorder="1" applyAlignment="1">
      <alignment horizontal="center"/>
    </xf>
    <xf numFmtId="0" fontId="5" fillId="0" borderId="1" xfId="0" applyFont="1" applyBorder="1" applyAlignment="1">
      <alignment horizontal="center" vertical="center"/>
    </xf>
    <xf numFmtId="0" fontId="0" fillId="2" borderId="0" xfId="0" applyFill="1" applyBorder="1"/>
    <xf numFmtId="0" fontId="0" fillId="2" borderId="0" xfId="0" applyFill="1" applyBorder="1" applyAlignment="1">
      <alignment horizontal="center"/>
    </xf>
    <xf numFmtId="0" fontId="3" fillId="2" borderId="16" xfId="0" applyFont="1" applyFill="1" applyBorder="1" applyAlignment="1">
      <alignment horizontal="center"/>
    </xf>
    <xf numFmtId="9" fontId="0" fillId="2" borderId="0" xfId="2" applyFont="1" applyFill="1" applyBorder="1" applyAlignment="1">
      <alignment horizontal="center"/>
    </xf>
    <xf numFmtId="0" fontId="3" fillId="2" borderId="0" xfId="0" applyFont="1" applyFill="1" applyBorder="1" applyAlignment="1">
      <alignment horizontal="center" vertical="top"/>
    </xf>
    <xf numFmtId="0" fontId="3" fillId="2" borderId="0" xfId="0" applyFont="1" applyFill="1" applyBorder="1" applyAlignment="1">
      <alignment horizontal="center" vertical="top" wrapText="1"/>
    </xf>
    <xf numFmtId="0" fontId="11" fillId="2" borderId="20" xfId="0" applyFont="1" applyFill="1" applyBorder="1" applyAlignment="1">
      <alignment wrapText="1"/>
    </xf>
    <xf numFmtId="0" fontId="12" fillId="2" borderId="17" xfId="0" applyFont="1" applyFill="1" applyBorder="1" applyAlignment="1">
      <alignment horizontal="center" vertical="top"/>
    </xf>
    <xf numFmtId="9" fontId="12" fillId="2" borderId="17" xfId="0" applyNumberFormat="1" applyFont="1" applyFill="1" applyBorder="1" applyAlignment="1">
      <alignment horizontal="center" vertical="top"/>
    </xf>
    <xf numFmtId="0" fontId="8" fillId="2" borderId="48" xfId="0" applyFont="1" applyFill="1" applyBorder="1" applyAlignment="1">
      <alignment horizontal="center" wrapText="1"/>
    </xf>
    <xf numFmtId="0" fontId="8" fillId="2" borderId="49" xfId="0" applyFont="1" applyFill="1" applyBorder="1" applyAlignment="1">
      <alignment horizontal="center" wrapText="1"/>
    </xf>
    <xf numFmtId="0" fontId="8" fillId="2" borderId="26" xfId="0" applyFont="1" applyFill="1" applyBorder="1" applyAlignment="1">
      <alignment horizontal="center" wrapText="1"/>
    </xf>
    <xf numFmtId="0" fontId="8" fillId="2" borderId="16" xfId="0" applyFont="1" applyFill="1" applyBorder="1" applyAlignment="1">
      <alignment horizontal="center" wrapText="1"/>
    </xf>
    <xf numFmtId="0" fontId="8" fillId="2" borderId="19" xfId="0" applyFont="1" applyFill="1" applyBorder="1" applyAlignment="1">
      <alignment horizontal="center" wrapText="1"/>
    </xf>
    <xf numFmtId="0" fontId="8" fillId="2" borderId="50" xfId="0" applyFont="1" applyFill="1" applyBorder="1" applyAlignment="1">
      <alignment horizontal="center" wrapText="1"/>
    </xf>
    <xf numFmtId="9" fontId="0" fillId="2" borderId="0" xfId="2" applyFont="1" applyFill="1" applyBorder="1"/>
    <xf numFmtId="0" fontId="1" fillId="2" borderId="0" xfId="0" applyFont="1" applyFill="1" applyBorder="1"/>
    <xf numFmtId="0" fontId="1" fillId="2" borderId="0" xfId="0" applyFont="1" applyFill="1" applyBorder="1" applyAlignment="1">
      <alignment horizontal="right"/>
    </xf>
    <xf numFmtId="3" fontId="1" fillId="3" borderId="0" xfId="1" applyNumberFormat="1" applyFont="1" applyFill="1" applyBorder="1" applyAlignment="1">
      <alignment horizontal="center"/>
    </xf>
    <xf numFmtId="0" fontId="15" fillId="2" borderId="0" xfId="0" applyFont="1" applyFill="1" applyBorder="1"/>
    <xf numFmtId="0" fontId="1" fillId="3" borderId="0" xfId="0" applyFont="1" applyFill="1" applyBorder="1" applyAlignment="1">
      <alignment horizontal="center"/>
    </xf>
    <xf numFmtId="0" fontId="3" fillId="2" borderId="0" xfId="0" applyFont="1" applyFill="1" applyBorder="1"/>
    <xf numFmtId="0" fontId="18" fillId="2" borderId="0" xfId="0" applyFont="1" applyFill="1" applyBorder="1" applyAlignment="1">
      <alignment horizontal="right"/>
    </xf>
    <xf numFmtId="9" fontId="0" fillId="3" borderId="0" xfId="2" applyFont="1" applyFill="1" applyBorder="1" applyAlignment="1">
      <alignment horizontal="center"/>
    </xf>
    <xf numFmtId="0" fontId="0" fillId="3" borderId="0" xfId="0" applyFill="1" applyBorder="1" applyAlignment="1">
      <alignment horizontal="center"/>
    </xf>
    <xf numFmtId="0" fontId="0" fillId="2" borderId="0" xfId="0" applyFill="1" applyBorder="1" applyAlignment="1">
      <alignment horizontal="right"/>
    </xf>
    <xf numFmtId="165" fontId="0" fillId="2" borderId="0" xfId="0" applyNumberFormat="1" applyFill="1" applyBorder="1" applyAlignment="1">
      <alignment horizontal="left"/>
    </xf>
    <xf numFmtId="0" fontId="0" fillId="2" borderId="11" xfId="0" applyFill="1" applyBorder="1" applyAlignment="1">
      <alignment vertical="center"/>
    </xf>
    <xf numFmtId="0" fontId="0" fillId="2" borderId="0" xfId="0" applyFill="1" applyBorder="1" applyAlignment="1">
      <alignment vertical="center"/>
    </xf>
    <xf numFmtId="0" fontId="13" fillId="3" borderId="5" xfId="0" applyFont="1" applyFill="1" applyBorder="1" applyAlignment="1">
      <alignment horizontal="center" vertical="center"/>
    </xf>
    <xf numFmtId="0" fontId="13" fillId="3" borderId="10" xfId="0" applyFont="1" applyFill="1" applyBorder="1" applyAlignment="1">
      <alignment horizontal="center" vertical="center"/>
    </xf>
    <xf numFmtId="0" fontId="13" fillId="3" borderId="13" xfId="0" applyFont="1" applyFill="1" applyBorder="1" applyAlignment="1">
      <alignment horizontal="center" vertical="center"/>
    </xf>
    <xf numFmtId="9" fontId="2" fillId="4" borderId="19" xfId="2" applyFont="1" applyFill="1" applyBorder="1" applyAlignment="1">
      <alignment horizontal="center" vertical="center"/>
    </xf>
    <xf numFmtId="9" fontId="2" fillId="3" borderId="20" xfId="2" applyFont="1" applyFill="1" applyBorder="1" applyAlignment="1">
      <alignment horizontal="center" vertical="center"/>
    </xf>
    <xf numFmtId="9" fontId="2" fillId="3" borderId="21" xfId="2" applyFont="1" applyFill="1" applyBorder="1" applyAlignment="1">
      <alignment horizontal="center" vertical="center"/>
    </xf>
    <xf numFmtId="0" fontId="3" fillId="2" borderId="7" xfId="0" applyFont="1" applyFill="1" applyBorder="1" applyAlignment="1">
      <alignment horizontal="center" vertical="center"/>
    </xf>
    <xf numFmtId="0" fontId="3" fillId="2" borderId="11" xfId="0" applyFont="1" applyFill="1" applyBorder="1" applyAlignment="1">
      <alignment horizontal="center" vertical="center"/>
    </xf>
    <xf numFmtId="0" fontId="3" fillId="2" borderId="14" xfId="0" applyFont="1" applyFill="1" applyBorder="1" applyAlignment="1">
      <alignment horizontal="center" vertical="center"/>
    </xf>
    <xf numFmtId="9" fontId="2" fillId="3" borderId="0" xfId="2" applyFont="1" applyFill="1" applyBorder="1" applyAlignment="1">
      <alignment horizontal="center" vertical="center"/>
    </xf>
    <xf numFmtId="0" fontId="0" fillId="3" borderId="0" xfId="0" applyFill="1" applyBorder="1" applyAlignment="1">
      <alignment horizontal="center" vertical="center"/>
    </xf>
    <xf numFmtId="0" fontId="3" fillId="2" borderId="0" xfId="0" applyFont="1" applyFill="1" applyBorder="1" applyAlignment="1">
      <alignment horizontal="center" vertical="top" wrapText="1"/>
    </xf>
    <xf numFmtId="9" fontId="2" fillId="3" borderId="16" xfId="2" applyFont="1" applyFill="1" applyBorder="1" applyAlignment="1">
      <alignment horizontal="center" vertical="center"/>
    </xf>
    <xf numFmtId="9" fontId="2" fillId="4" borderId="16" xfId="2" applyFont="1" applyFill="1" applyBorder="1" applyAlignment="1">
      <alignment horizontal="center" vertical="center"/>
    </xf>
    <xf numFmtId="0" fontId="0" fillId="3" borderId="16" xfId="0" applyFill="1" applyBorder="1" applyAlignment="1">
      <alignment horizontal="center" vertical="center"/>
    </xf>
    <xf numFmtId="43" fontId="2" fillId="3" borderId="17" xfId="1" applyFont="1" applyFill="1" applyBorder="1" applyAlignment="1">
      <alignment horizontal="center" vertical="center"/>
    </xf>
    <xf numFmtId="9" fontId="2" fillId="3" borderId="17" xfId="2" applyFont="1" applyFill="1" applyBorder="1" applyAlignment="1">
      <alignment horizontal="center" vertical="center"/>
    </xf>
    <xf numFmtId="0" fontId="0" fillId="3" borderId="17" xfId="0" applyFill="1" applyBorder="1" applyAlignment="1">
      <alignment horizontal="center" vertical="center"/>
    </xf>
    <xf numFmtId="0" fontId="3" fillId="2" borderId="11" xfId="0" applyFont="1" applyFill="1" applyBorder="1" applyAlignment="1">
      <alignment horizontal="center" vertical="top"/>
    </xf>
    <xf numFmtId="0" fontId="3" fillId="2" borderId="21" xfId="0" applyFont="1" applyFill="1" applyBorder="1" applyAlignment="1">
      <alignment horizontal="center" vertical="top" wrapText="1"/>
    </xf>
    <xf numFmtId="9" fontId="0" fillId="0" borderId="1" xfId="2" applyFont="1" applyBorder="1"/>
    <xf numFmtId="0" fontId="0" fillId="0" borderId="1" xfId="0" applyBorder="1" applyAlignment="1">
      <alignment horizontal="center" wrapText="1"/>
    </xf>
    <xf numFmtId="9" fontId="0" fillId="0" borderId="1" xfId="0" applyNumberFormat="1" applyBorder="1"/>
    <xf numFmtId="0" fontId="1" fillId="0" borderId="1" xfId="0" applyFont="1" applyBorder="1" applyAlignment="1">
      <alignment horizontal="center"/>
    </xf>
  </cellXfs>
  <cellStyles count="3">
    <cellStyle name="Comma" xfId="1" builtinId="3"/>
    <cellStyle name="Normal" xfId="0" builtinId="0"/>
    <cellStyle name="Percent" xfId="2" builtinId="5"/>
  </cellStyles>
  <dxfs count="11">
    <dxf>
      <fill>
        <patternFill>
          <bgColor theme="7" tint="0.79998168889431442"/>
        </patternFill>
      </fill>
    </dxf>
    <dxf>
      <fill>
        <patternFill>
          <bgColor theme="0"/>
        </patternFill>
      </fill>
    </dxf>
    <dxf>
      <fill>
        <patternFill>
          <bgColor theme="7" tint="0.79998168889431442"/>
        </patternFill>
      </fill>
    </dxf>
    <dxf>
      <fill>
        <patternFill>
          <bgColor theme="0"/>
        </patternFill>
      </fill>
    </dxf>
    <dxf>
      <fill>
        <patternFill patternType="solid">
          <fgColor theme="0" tint="-0.14999847407452621"/>
          <bgColor theme="0" tint="-0.14999847407452621"/>
        </patternFill>
      </fill>
    </dxf>
    <dxf>
      <fill>
        <patternFill patternType="solid">
          <fgColor theme="0" tint="-0.14999847407452621"/>
          <bgColor theme="0" tint="-0.14999847407452621"/>
        </patternFill>
      </fill>
    </dxf>
    <dxf>
      <font>
        <b/>
        <color theme="1"/>
      </font>
    </dxf>
    <dxf>
      <font>
        <b/>
        <color theme="1"/>
      </font>
    </dxf>
    <dxf>
      <font>
        <b/>
        <color theme="1"/>
      </font>
      <border>
        <top style="double">
          <color theme="1"/>
        </top>
      </border>
    </dxf>
    <dxf>
      <font>
        <b/>
        <color theme="0"/>
      </font>
      <fill>
        <patternFill patternType="solid">
          <fgColor auto="1"/>
          <bgColor theme="3"/>
        </patternFill>
      </fill>
    </dxf>
    <dxf>
      <font>
        <color theme="1"/>
      </font>
      <border diagonalUp="0" diagonalDown="0">
        <left style="thin">
          <color theme="3"/>
        </left>
        <right style="thin">
          <color theme="3"/>
        </right>
        <top style="thin">
          <color theme="3"/>
        </top>
        <bottom style="thin">
          <color theme="3"/>
        </bottom>
        <vertical style="thin">
          <color theme="3"/>
        </vertical>
        <horizontal style="thin">
          <color theme="3"/>
        </horizontal>
      </border>
    </dxf>
  </dxfs>
  <tableStyles count="1" defaultTableStyle="Sintef" defaultPivotStyle="PivotStyleLight16">
    <tableStyle name="Sintef" pivot="0" count="7" xr9:uid="{2F7DDD9D-D07E-454C-B368-8079547A2C39}">
      <tableStyleElement type="wholeTable" dxfId="10"/>
      <tableStyleElement type="headerRow" dxfId="9"/>
      <tableStyleElement type="totalRow" dxfId="8"/>
      <tableStyleElement type="firstColumn" dxfId="7"/>
      <tableStyleElement type="lastColumn" dxfId="6"/>
      <tableStyleElement type="firstRowStripe" dxfId="5"/>
      <tableStyleElement type="firstColumnStripe" dxfId="4"/>
    </tableStyle>
  </tableStyles>
  <colors>
    <mruColors>
      <color rgb="FF9E332E"/>
      <color rgb="FFFF9900"/>
      <color rgb="FF996633"/>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sheetMetadata" Target="metadata.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haredStrings" Target="sharedStrings.xml"/><Relationship Id="rId17" Type="http://schemas.openxmlformats.org/officeDocument/2006/relationships/customXml" Target="../customXml/item3.xml"/><Relationship Id="rId2" Type="http://schemas.openxmlformats.org/officeDocument/2006/relationships/worksheet" Target="worksheets/sheet2.xml"/><Relationship Id="rId16"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tyles" Target="styles.xml"/><Relationship Id="rId5" Type="http://schemas.openxmlformats.org/officeDocument/2006/relationships/worksheet" Target="worksheets/sheet5.xml"/><Relationship Id="rId15" Type="http://schemas.openxmlformats.org/officeDocument/2006/relationships/customXml" Target="../customXml/item1.xml"/><Relationship Id="rId10" Type="http://schemas.openxmlformats.org/officeDocument/2006/relationships/connections" Target="connections.xml"/><Relationship Id="rId4" Type="http://schemas.openxmlformats.org/officeDocument/2006/relationships/worksheet" Target="worksheets/sheet4.xml"/><Relationship Id="rId9" Type="http://schemas.openxmlformats.org/officeDocument/2006/relationships/theme" Target="theme/theme1.xml"/><Relationship Id="rId14" Type="http://schemas.openxmlformats.org/officeDocument/2006/relationships/calcChain" Target="calcChain.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_rels/chart9.xml.rels><?xml version="1.0" encoding="UTF-8" standalone="yes"?>
<Relationships xmlns="http://schemas.openxmlformats.org/package/2006/relationships"><Relationship Id="rId2" Type="http://schemas.microsoft.com/office/2011/relationships/chartColorStyle" Target="colors9.xml"/><Relationship Id="rId1" Type="http://schemas.microsoft.com/office/2011/relationships/chartStyle" Target="style9.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r>
              <a:rPr lang="nb-NO" b="1"/>
              <a:t>Yearly Demand Profile </a:t>
            </a:r>
          </a:p>
          <a:p>
            <a:pPr>
              <a:defRPr b="1"/>
            </a:pPr>
            <a:r>
              <a:rPr lang="nb-NO" b="1" baseline="0"/>
              <a:t>(Hourly Basis) </a:t>
            </a:r>
            <a:endParaRPr lang="nb-NO" b="1"/>
          </a:p>
        </c:rich>
      </c:tx>
      <c:layout>
        <c:manualLayout>
          <c:xMode val="edge"/>
          <c:yMode val="edge"/>
          <c:x val="0.40206253955158733"/>
          <c:y val="5.7765214884059168E-2"/>
        </c:manualLayout>
      </c:layout>
      <c:overlay val="0"/>
      <c:spPr>
        <a:solidFill>
          <a:schemeClr val="bg1"/>
        </a:solidFill>
        <a:ln>
          <a:solidFill>
            <a:schemeClr val="tx1"/>
          </a:solid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5.03537601278101E-2"/>
          <c:y val="3.6813922356091031E-2"/>
          <c:w val="0.94332448405708369"/>
          <c:h val="0.87906287978594122"/>
        </c:manualLayout>
      </c:layout>
      <c:areaChart>
        <c:grouping val="stacked"/>
        <c:varyColors val="0"/>
        <c:ser>
          <c:idx val="6"/>
          <c:order val="0"/>
          <c:tx>
            <c:strRef>
              <c:f>Bühler!$M$33</c:f>
              <c:strCache>
                <c:ptCount val="1"/>
                <c:pt idx="0">
                  <c:v>T5</c:v>
                </c:pt>
              </c:strCache>
            </c:strRef>
          </c:tx>
          <c:spPr>
            <a:solidFill>
              <a:schemeClr val="accent5">
                <a:lumMod val="75000"/>
              </a:schemeClr>
            </a:solidFill>
            <a:ln w="6350">
              <a:no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M$34:$M$8793</c:f>
              <c:numCache>
                <c:formatCode>General</c:formatCode>
                <c:ptCount val="8760"/>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pt idx="365">
                  <c:v>0</c:v>
                </c:pt>
                <c:pt idx="366">
                  <c:v>0</c:v>
                </c:pt>
                <c:pt idx="367">
                  <c:v>0</c:v>
                </c:pt>
                <c:pt idx="368">
                  <c:v>0</c:v>
                </c:pt>
                <c:pt idx="369">
                  <c:v>0</c:v>
                </c:pt>
                <c:pt idx="370">
                  <c:v>0</c:v>
                </c:pt>
                <c:pt idx="371">
                  <c:v>0</c:v>
                </c:pt>
                <c:pt idx="372">
                  <c:v>0</c:v>
                </c:pt>
                <c:pt idx="373">
                  <c:v>0</c:v>
                </c:pt>
                <c:pt idx="374">
                  <c:v>0</c:v>
                </c:pt>
                <c:pt idx="375">
                  <c:v>0</c:v>
                </c:pt>
                <c:pt idx="376">
                  <c:v>0</c:v>
                </c:pt>
                <c:pt idx="377">
                  <c:v>0</c:v>
                </c:pt>
                <c:pt idx="378">
                  <c:v>0</c:v>
                </c:pt>
                <c:pt idx="379">
                  <c:v>0</c:v>
                </c:pt>
                <c:pt idx="380">
                  <c:v>0</c:v>
                </c:pt>
                <c:pt idx="381">
                  <c:v>0</c:v>
                </c:pt>
                <c:pt idx="382">
                  <c:v>0</c:v>
                </c:pt>
                <c:pt idx="383">
                  <c:v>0</c:v>
                </c:pt>
                <c:pt idx="384">
                  <c:v>0</c:v>
                </c:pt>
                <c:pt idx="385">
                  <c:v>0</c:v>
                </c:pt>
                <c:pt idx="386">
                  <c:v>0</c:v>
                </c:pt>
                <c:pt idx="387">
                  <c:v>0</c:v>
                </c:pt>
                <c:pt idx="388">
                  <c:v>0</c:v>
                </c:pt>
                <c:pt idx="389">
                  <c:v>0</c:v>
                </c:pt>
                <c:pt idx="390">
                  <c:v>0</c:v>
                </c:pt>
                <c:pt idx="391">
                  <c:v>0</c:v>
                </c:pt>
                <c:pt idx="392">
                  <c:v>0</c:v>
                </c:pt>
                <c:pt idx="393">
                  <c:v>0</c:v>
                </c:pt>
                <c:pt idx="394">
                  <c:v>0</c:v>
                </c:pt>
                <c:pt idx="395">
                  <c:v>0</c:v>
                </c:pt>
                <c:pt idx="396">
                  <c:v>0</c:v>
                </c:pt>
                <c:pt idx="397">
                  <c:v>0</c:v>
                </c:pt>
                <c:pt idx="398">
                  <c:v>0</c:v>
                </c:pt>
                <c:pt idx="399">
                  <c:v>0</c:v>
                </c:pt>
                <c:pt idx="400">
                  <c:v>0</c:v>
                </c:pt>
                <c:pt idx="401">
                  <c:v>0</c:v>
                </c:pt>
                <c:pt idx="402">
                  <c:v>0</c:v>
                </c:pt>
                <c:pt idx="403">
                  <c:v>0</c:v>
                </c:pt>
                <c:pt idx="404">
                  <c:v>0</c:v>
                </c:pt>
                <c:pt idx="405">
                  <c:v>0</c:v>
                </c:pt>
                <c:pt idx="406">
                  <c:v>0</c:v>
                </c:pt>
                <c:pt idx="407">
                  <c:v>0</c:v>
                </c:pt>
                <c:pt idx="408">
                  <c:v>0</c:v>
                </c:pt>
                <c:pt idx="409">
                  <c:v>0</c:v>
                </c:pt>
                <c:pt idx="410">
                  <c:v>0</c:v>
                </c:pt>
                <c:pt idx="411">
                  <c:v>0</c:v>
                </c:pt>
                <c:pt idx="412">
                  <c:v>0</c:v>
                </c:pt>
                <c:pt idx="413">
                  <c:v>0</c:v>
                </c:pt>
                <c:pt idx="414">
                  <c:v>0</c:v>
                </c:pt>
                <c:pt idx="415">
                  <c:v>0</c:v>
                </c:pt>
                <c:pt idx="416">
                  <c:v>0</c:v>
                </c:pt>
                <c:pt idx="417">
                  <c:v>0</c:v>
                </c:pt>
                <c:pt idx="418">
                  <c:v>0</c:v>
                </c:pt>
                <c:pt idx="419">
                  <c:v>0</c:v>
                </c:pt>
                <c:pt idx="420">
                  <c:v>0</c:v>
                </c:pt>
                <c:pt idx="421">
                  <c:v>0</c:v>
                </c:pt>
                <c:pt idx="422">
                  <c:v>0</c:v>
                </c:pt>
                <c:pt idx="423">
                  <c:v>0</c:v>
                </c:pt>
                <c:pt idx="424">
                  <c:v>0</c:v>
                </c:pt>
                <c:pt idx="425">
                  <c:v>0</c:v>
                </c:pt>
                <c:pt idx="426">
                  <c:v>0</c:v>
                </c:pt>
                <c:pt idx="427">
                  <c:v>0</c:v>
                </c:pt>
                <c:pt idx="428">
                  <c:v>0</c:v>
                </c:pt>
                <c:pt idx="429">
                  <c:v>0</c:v>
                </c:pt>
                <c:pt idx="430">
                  <c:v>0</c:v>
                </c:pt>
                <c:pt idx="431">
                  <c:v>0</c:v>
                </c:pt>
                <c:pt idx="432">
                  <c:v>0</c:v>
                </c:pt>
                <c:pt idx="433">
                  <c:v>0</c:v>
                </c:pt>
                <c:pt idx="434">
                  <c:v>0</c:v>
                </c:pt>
                <c:pt idx="435">
                  <c:v>0</c:v>
                </c:pt>
                <c:pt idx="436">
                  <c:v>0</c:v>
                </c:pt>
                <c:pt idx="437">
                  <c:v>0</c:v>
                </c:pt>
                <c:pt idx="438">
                  <c:v>0</c:v>
                </c:pt>
                <c:pt idx="439">
                  <c:v>0</c:v>
                </c:pt>
                <c:pt idx="440">
                  <c:v>0</c:v>
                </c:pt>
                <c:pt idx="441">
                  <c:v>0</c:v>
                </c:pt>
                <c:pt idx="442">
                  <c:v>0</c:v>
                </c:pt>
                <c:pt idx="443">
                  <c:v>0</c:v>
                </c:pt>
                <c:pt idx="444">
                  <c:v>0</c:v>
                </c:pt>
                <c:pt idx="445">
                  <c:v>0</c:v>
                </c:pt>
                <c:pt idx="446">
                  <c:v>0</c:v>
                </c:pt>
                <c:pt idx="447">
                  <c:v>0</c:v>
                </c:pt>
                <c:pt idx="448">
                  <c:v>0</c:v>
                </c:pt>
                <c:pt idx="449">
                  <c:v>0</c:v>
                </c:pt>
                <c:pt idx="450">
                  <c:v>0</c:v>
                </c:pt>
                <c:pt idx="451">
                  <c:v>0</c:v>
                </c:pt>
                <c:pt idx="452">
                  <c:v>0</c:v>
                </c:pt>
                <c:pt idx="453">
                  <c:v>0</c:v>
                </c:pt>
                <c:pt idx="454">
                  <c:v>0</c:v>
                </c:pt>
                <c:pt idx="455">
                  <c:v>0</c:v>
                </c:pt>
                <c:pt idx="456">
                  <c:v>0</c:v>
                </c:pt>
                <c:pt idx="457">
                  <c:v>0</c:v>
                </c:pt>
                <c:pt idx="458">
                  <c:v>0</c:v>
                </c:pt>
                <c:pt idx="459">
                  <c:v>0</c:v>
                </c:pt>
                <c:pt idx="460">
                  <c:v>0</c:v>
                </c:pt>
                <c:pt idx="461">
                  <c:v>0</c:v>
                </c:pt>
                <c:pt idx="462">
                  <c:v>0</c:v>
                </c:pt>
                <c:pt idx="463">
                  <c:v>0</c:v>
                </c:pt>
                <c:pt idx="464">
                  <c:v>0</c:v>
                </c:pt>
                <c:pt idx="465">
                  <c:v>0</c:v>
                </c:pt>
                <c:pt idx="466">
                  <c:v>0</c:v>
                </c:pt>
                <c:pt idx="467">
                  <c:v>0</c:v>
                </c:pt>
                <c:pt idx="468">
                  <c:v>0</c:v>
                </c:pt>
                <c:pt idx="469">
                  <c:v>0</c:v>
                </c:pt>
                <c:pt idx="470">
                  <c:v>0</c:v>
                </c:pt>
                <c:pt idx="471">
                  <c:v>0</c:v>
                </c:pt>
                <c:pt idx="472">
                  <c:v>0</c:v>
                </c:pt>
                <c:pt idx="473">
                  <c:v>0</c:v>
                </c:pt>
                <c:pt idx="474">
                  <c:v>0</c:v>
                </c:pt>
                <c:pt idx="475">
                  <c:v>0</c:v>
                </c:pt>
                <c:pt idx="476">
                  <c:v>0</c:v>
                </c:pt>
                <c:pt idx="477">
                  <c:v>0</c:v>
                </c:pt>
                <c:pt idx="478">
                  <c:v>0</c:v>
                </c:pt>
                <c:pt idx="479">
                  <c:v>0</c:v>
                </c:pt>
                <c:pt idx="480">
                  <c:v>0</c:v>
                </c:pt>
                <c:pt idx="481">
                  <c:v>0</c:v>
                </c:pt>
                <c:pt idx="482">
                  <c:v>0</c:v>
                </c:pt>
                <c:pt idx="483">
                  <c:v>0</c:v>
                </c:pt>
                <c:pt idx="484">
                  <c:v>0</c:v>
                </c:pt>
                <c:pt idx="485">
                  <c:v>0</c:v>
                </c:pt>
                <c:pt idx="486">
                  <c:v>0</c:v>
                </c:pt>
                <c:pt idx="487">
                  <c:v>0</c:v>
                </c:pt>
                <c:pt idx="488">
                  <c:v>0</c:v>
                </c:pt>
                <c:pt idx="489">
                  <c:v>0</c:v>
                </c:pt>
                <c:pt idx="490">
                  <c:v>0</c:v>
                </c:pt>
                <c:pt idx="491">
                  <c:v>0</c:v>
                </c:pt>
                <c:pt idx="492">
                  <c:v>0</c:v>
                </c:pt>
                <c:pt idx="493">
                  <c:v>0</c:v>
                </c:pt>
                <c:pt idx="494">
                  <c:v>0</c:v>
                </c:pt>
                <c:pt idx="495">
                  <c:v>0</c:v>
                </c:pt>
                <c:pt idx="496">
                  <c:v>0</c:v>
                </c:pt>
                <c:pt idx="497">
                  <c:v>0</c:v>
                </c:pt>
                <c:pt idx="498">
                  <c:v>0</c:v>
                </c:pt>
                <c:pt idx="499">
                  <c:v>0</c:v>
                </c:pt>
                <c:pt idx="500">
                  <c:v>0</c:v>
                </c:pt>
                <c:pt idx="501">
                  <c:v>0</c:v>
                </c:pt>
                <c:pt idx="502">
                  <c:v>0</c:v>
                </c:pt>
                <c:pt idx="503">
                  <c:v>0</c:v>
                </c:pt>
                <c:pt idx="504">
                  <c:v>0</c:v>
                </c:pt>
                <c:pt idx="505">
                  <c:v>0</c:v>
                </c:pt>
                <c:pt idx="506">
                  <c:v>0</c:v>
                </c:pt>
                <c:pt idx="507">
                  <c:v>0</c:v>
                </c:pt>
                <c:pt idx="508">
                  <c:v>0</c:v>
                </c:pt>
                <c:pt idx="509">
                  <c:v>0</c:v>
                </c:pt>
                <c:pt idx="510">
                  <c:v>0</c:v>
                </c:pt>
                <c:pt idx="511">
                  <c:v>0</c:v>
                </c:pt>
                <c:pt idx="512">
                  <c:v>0</c:v>
                </c:pt>
                <c:pt idx="513">
                  <c:v>0</c:v>
                </c:pt>
                <c:pt idx="514">
                  <c:v>0</c:v>
                </c:pt>
                <c:pt idx="515">
                  <c:v>0</c:v>
                </c:pt>
                <c:pt idx="516">
                  <c:v>0</c:v>
                </c:pt>
                <c:pt idx="517">
                  <c:v>0</c:v>
                </c:pt>
                <c:pt idx="518">
                  <c:v>0</c:v>
                </c:pt>
                <c:pt idx="519">
                  <c:v>0</c:v>
                </c:pt>
                <c:pt idx="520">
                  <c:v>0</c:v>
                </c:pt>
                <c:pt idx="521">
                  <c:v>0</c:v>
                </c:pt>
                <c:pt idx="522">
                  <c:v>0</c:v>
                </c:pt>
                <c:pt idx="523">
                  <c:v>0</c:v>
                </c:pt>
                <c:pt idx="524">
                  <c:v>0</c:v>
                </c:pt>
                <c:pt idx="525">
                  <c:v>0</c:v>
                </c:pt>
                <c:pt idx="526">
                  <c:v>0</c:v>
                </c:pt>
                <c:pt idx="527">
                  <c:v>0</c:v>
                </c:pt>
                <c:pt idx="528">
                  <c:v>0</c:v>
                </c:pt>
                <c:pt idx="529">
                  <c:v>0</c:v>
                </c:pt>
                <c:pt idx="530">
                  <c:v>0</c:v>
                </c:pt>
                <c:pt idx="531">
                  <c:v>0</c:v>
                </c:pt>
                <c:pt idx="532">
                  <c:v>0</c:v>
                </c:pt>
                <c:pt idx="533">
                  <c:v>0</c:v>
                </c:pt>
                <c:pt idx="534">
                  <c:v>0</c:v>
                </c:pt>
                <c:pt idx="535">
                  <c:v>0</c:v>
                </c:pt>
                <c:pt idx="536">
                  <c:v>0</c:v>
                </c:pt>
                <c:pt idx="537">
                  <c:v>0</c:v>
                </c:pt>
                <c:pt idx="538">
                  <c:v>0</c:v>
                </c:pt>
                <c:pt idx="539">
                  <c:v>0</c:v>
                </c:pt>
                <c:pt idx="540">
                  <c:v>0</c:v>
                </c:pt>
                <c:pt idx="541">
                  <c:v>0</c:v>
                </c:pt>
                <c:pt idx="542">
                  <c:v>0</c:v>
                </c:pt>
                <c:pt idx="543">
                  <c:v>0</c:v>
                </c:pt>
                <c:pt idx="544">
                  <c:v>0</c:v>
                </c:pt>
                <c:pt idx="545">
                  <c:v>0</c:v>
                </c:pt>
                <c:pt idx="546">
                  <c:v>0</c:v>
                </c:pt>
                <c:pt idx="547">
                  <c:v>0</c:v>
                </c:pt>
                <c:pt idx="548">
                  <c:v>0</c:v>
                </c:pt>
                <c:pt idx="549">
                  <c:v>0</c:v>
                </c:pt>
                <c:pt idx="550">
                  <c:v>0</c:v>
                </c:pt>
                <c:pt idx="551">
                  <c:v>0</c:v>
                </c:pt>
                <c:pt idx="552">
                  <c:v>0</c:v>
                </c:pt>
                <c:pt idx="553">
                  <c:v>0</c:v>
                </c:pt>
                <c:pt idx="554">
                  <c:v>0</c:v>
                </c:pt>
                <c:pt idx="555">
                  <c:v>0</c:v>
                </c:pt>
                <c:pt idx="556">
                  <c:v>0</c:v>
                </c:pt>
                <c:pt idx="557">
                  <c:v>0</c:v>
                </c:pt>
                <c:pt idx="558">
                  <c:v>0</c:v>
                </c:pt>
                <c:pt idx="559">
                  <c:v>0</c:v>
                </c:pt>
                <c:pt idx="560">
                  <c:v>0</c:v>
                </c:pt>
                <c:pt idx="561">
                  <c:v>0</c:v>
                </c:pt>
                <c:pt idx="562">
                  <c:v>0</c:v>
                </c:pt>
                <c:pt idx="563">
                  <c:v>0</c:v>
                </c:pt>
                <c:pt idx="564">
                  <c:v>0</c:v>
                </c:pt>
                <c:pt idx="565">
                  <c:v>0</c:v>
                </c:pt>
                <c:pt idx="566">
                  <c:v>0</c:v>
                </c:pt>
                <c:pt idx="567">
                  <c:v>0</c:v>
                </c:pt>
                <c:pt idx="568">
                  <c:v>0</c:v>
                </c:pt>
                <c:pt idx="569">
                  <c:v>0</c:v>
                </c:pt>
                <c:pt idx="570">
                  <c:v>0</c:v>
                </c:pt>
                <c:pt idx="571">
                  <c:v>0</c:v>
                </c:pt>
                <c:pt idx="572">
                  <c:v>0</c:v>
                </c:pt>
                <c:pt idx="573">
                  <c:v>0</c:v>
                </c:pt>
                <c:pt idx="574">
                  <c:v>0</c:v>
                </c:pt>
                <c:pt idx="575">
                  <c:v>0</c:v>
                </c:pt>
                <c:pt idx="576">
                  <c:v>0</c:v>
                </c:pt>
                <c:pt idx="577">
                  <c:v>0</c:v>
                </c:pt>
                <c:pt idx="578">
                  <c:v>0</c:v>
                </c:pt>
                <c:pt idx="579">
                  <c:v>0</c:v>
                </c:pt>
                <c:pt idx="580">
                  <c:v>0</c:v>
                </c:pt>
                <c:pt idx="581">
                  <c:v>0</c:v>
                </c:pt>
                <c:pt idx="582">
                  <c:v>0</c:v>
                </c:pt>
                <c:pt idx="583">
                  <c:v>0</c:v>
                </c:pt>
                <c:pt idx="584">
                  <c:v>0</c:v>
                </c:pt>
                <c:pt idx="585">
                  <c:v>0</c:v>
                </c:pt>
                <c:pt idx="586">
                  <c:v>0</c:v>
                </c:pt>
                <c:pt idx="587">
                  <c:v>0</c:v>
                </c:pt>
                <c:pt idx="588">
                  <c:v>0</c:v>
                </c:pt>
                <c:pt idx="589">
                  <c:v>0</c:v>
                </c:pt>
                <c:pt idx="590">
                  <c:v>0</c:v>
                </c:pt>
                <c:pt idx="591">
                  <c:v>0</c:v>
                </c:pt>
                <c:pt idx="592">
                  <c:v>0</c:v>
                </c:pt>
                <c:pt idx="593">
                  <c:v>0</c:v>
                </c:pt>
                <c:pt idx="594">
                  <c:v>0</c:v>
                </c:pt>
                <c:pt idx="595">
                  <c:v>0</c:v>
                </c:pt>
                <c:pt idx="596">
                  <c:v>0</c:v>
                </c:pt>
                <c:pt idx="597">
                  <c:v>0</c:v>
                </c:pt>
                <c:pt idx="598">
                  <c:v>0</c:v>
                </c:pt>
                <c:pt idx="599">
                  <c:v>0</c:v>
                </c:pt>
                <c:pt idx="600">
                  <c:v>0</c:v>
                </c:pt>
                <c:pt idx="601">
                  <c:v>0</c:v>
                </c:pt>
                <c:pt idx="602">
                  <c:v>0</c:v>
                </c:pt>
                <c:pt idx="603">
                  <c:v>0</c:v>
                </c:pt>
                <c:pt idx="604">
                  <c:v>0</c:v>
                </c:pt>
                <c:pt idx="605">
                  <c:v>0</c:v>
                </c:pt>
                <c:pt idx="606">
                  <c:v>0</c:v>
                </c:pt>
                <c:pt idx="607">
                  <c:v>0</c:v>
                </c:pt>
                <c:pt idx="608">
                  <c:v>0</c:v>
                </c:pt>
                <c:pt idx="609">
                  <c:v>0</c:v>
                </c:pt>
                <c:pt idx="610">
                  <c:v>0</c:v>
                </c:pt>
                <c:pt idx="611">
                  <c:v>0</c:v>
                </c:pt>
                <c:pt idx="612">
                  <c:v>0</c:v>
                </c:pt>
                <c:pt idx="613">
                  <c:v>0</c:v>
                </c:pt>
                <c:pt idx="614">
                  <c:v>0</c:v>
                </c:pt>
                <c:pt idx="615">
                  <c:v>0</c:v>
                </c:pt>
                <c:pt idx="616">
                  <c:v>0</c:v>
                </c:pt>
                <c:pt idx="617">
                  <c:v>0</c:v>
                </c:pt>
                <c:pt idx="618">
                  <c:v>0</c:v>
                </c:pt>
                <c:pt idx="619">
                  <c:v>0</c:v>
                </c:pt>
                <c:pt idx="620">
                  <c:v>0</c:v>
                </c:pt>
                <c:pt idx="621">
                  <c:v>0</c:v>
                </c:pt>
                <c:pt idx="622">
                  <c:v>0</c:v>
                </c:pt>
                <c:pt idx="623">
                  <c:v>0</c:v>
                </c:pt>
                <c:pt idx="624">
                  <c:v>0</c:v>
                </c:pt>
                <c:pt idx="625">
                  <c:v>0</c:v>
                </c:pt>
                <c:pt idx="626">
                  <c:v>0</c:v>
                </c:pt>
                <c:pt idx="627">
                  <c:v>0</c:v>
                </c:pt>
                <c:pt idx="628">
                  <c:v>0</c:v>
                </c:pt>
                <c:pt idx="629">
                  <c:v>0</c:v>
                </c:pt>
                <c:pt idx="630">
                  <c:v>0</c:v>
                </c:pt>
                <c:pt idx="631">
                  <c:v>0</c:v>
                </c:pt>
                <c:pt idx="632">
                  <c:v>0</c:v>
                </c:pt>
                <c:pt idx="633">
                  <c:v>0</c:v>
                </c:pt>
                <c:pt idx="634">
                  <c:v>0</c:v>
                </c:pt>
                <c:pt idx="635">
                  <c:v>0</c:v>
                </c:pt>
                <c:pt idx="636">
                  <c:v>0</c:v>
                </c:pt>
                <c:pt idx="637">
                  <c:v>0</c:v>
                </c:pt>
                <c:pt idx="638">
                  <c:v>0</c:v>
                </c:pt>
                <c:pt idx="639">
                  <c:v>0</c:v>
                </c:pt>
                <c:pt idx="640">
                  <c:v>0</c:v>
                </c:pt>
                <c:pt idx="641">
                  <c:v>0</c:v>
                </c:pt>
                <c:pt idx="642">
                  <c:v>0</c:v>
                </c:pt>
                <c:pt idx="643">
                  <c:v>0</c:v>
                </c:pt>
                <c:pt idx="644">
                  <c:v>0</c:v>
                </c:pt>
                <c:pt idx="645">
                  <c:v>0</c:v>
                </c:pt>
                <c:pt idx="646">
                  <c:v>0</c:v>
                </c:pt>
                <c:pt idx="647">
                  <c:v>0</c:v>
                </c:pt>
                <c:pt idx="648">
                  <c:v>0</c:v>
                </c:pt>
                <c:pt idx="649">
                  <c:v>0</c:v>
                </c:pt>
                <c:pt idx="650">
                  <c:v>0</c:v>
                </c:pt>
                <c:pt idx="651">
                  <c:v>0</c:v>
                </c:pt>
                <c:pt idx="652">
                  <c:v>0</c:v>
                </c:pt>
                <c:pt idx="653">
                  <c:v>0</c:v>
                </c:pt>
                <c:pt idx="654">
                  <c:v>0</c:v>
                </c:pt>
                <c:pt idx="655">
                  <c:v>0</c:v>
                </c:pt>
                <c:pt idx="656">
                  <c:v>0</c:v>
                </c:pt>
                <c:pt idx="657">
                  <c:v>0</c:v>
                </c:pt>
                <c:pt idx="658">
                  <c:v>0</c:v>
                </c:pt>
                <c:pt idx="659">
                  <c:v>0</c:v>
                </c:pt>
                <c:pt idx="660">
                  <c:v>0</c:v>
                </c:pt>
                <c:pt idx="661">
                  <c:v>0</c:v>
                </c:pt>
                <c:pt idx="662">
                  <c:v>0</c:v>
                </c:pt>
                <c:pt idx="663">
                  <c:v>0</c:v>
                </c:pt>
                <c:pt idx="664">
                  <c:v>0</c:v>
                </c:pt>
                <c:pt idx="665">
                  <c:v>0</c:v>
                </c:pt>
                <c:pt idx="666">
                  <c:v>0</c:v>
                </c:pt>
                <c:pt idx="667">
                  <c:v>0</c:v>
                </c:pt>
                <c:pt idx="668">
                  <c:v>0</c:v>
                </c:pt>
                <c:pt idx="669">
                  <c:v>0</c:v>
                </c:pt>
                <c:pt idx="670">
                  <c:v>0</c:v>
                </c:pt>
                <c:pt idx="671">
                  <c:v>0</c:v>
                </c:pt>
                <c:pt idx="672">
                  <c:v>0</c:v>
                </c:pt>
                <c:pt idx="673">
                  <c:v>0</c:v>
                </c:pt>
                <c:pt idx="674">
                  <c:v>0</c:v>
                </c:pt>
                <c:pt idx="675">
                  <c:v>0</c:v>
                </c:pt>
                <c:pt idx="676">
                  <c:v>0</c:v>
                </c:pt>
                <c:pt idx="677">
                  <c:v>0</c:v>
                </c:pt>
                <c:pt idx="678">
                  <c:v>0</c:v>
                </c:pt>
                <c:pt idx="679">
                  <c:v>0</c:v>
                </c:pt>
                <c:pt idx="680">
                  <c:v>0</c:v>
                </c:pt>
                <c:pt idx="681">
                  <c:v>0</c:v>
                </c:pt>
                <c:pt idx="682">
                  <c:v>0</c:v>
                </c:pt>
                <c:pt idx="683">
                  <c:v>0</c:v>
                </c:pt>
                <c:pt idx="684">
                  <c:v>0</c:v>
                </c:pt>
                <c:pt idx="685">
                  <c:v>0</c:v>
                </c:pt>
                <c:pt idx="686">
                  <c:v>0</c:v>
                </c:pt>
                <c:pt idx="687">
                  <c:v>0</c:v>
                </c:pt>
                <c:pt idx="688">
                  <c:v>0</c:v>
                </c:pt>
                <c:pt idx="689">
                  <c:v>0</c:v>
                </c:pt>
                <c:pt idx="690">
                  <c:v>0</c:v>
                </c:pt>
                <c:pt idx="691">
                  <c:v>0</c:v>
                </c:pt>
                <c:pt idx="692">
                  <c:v>0</c:v>
                </c:pt>
                <c:pt idx="693">
                  <c:v>0</c:v>
                </c:pt>
                <c:pt idx="694">
                  <c:v>0</c:v>
                </c:pt>
                <c:pt idx="695">
                  <c:v>0</c:v>
                </c:pt>
                <c:pt idx="696">
                  <c:v>0</c:v>
                </c:pt>
                <c:pt idx="697">
                  <c:v>0</c:v>
                </c:pt>
                <c:pt idx="698">
                  <c:v>0</c:v>
                </c:pt>
                <c:pt idx="699">
                  <c:v>0</c:v>
                </c:pt>
                <c:pt idx="700">
                  <c:v>0</c:v>
                </c:pt>
                <c:pt idx="701">
                  <c:v>0</c:v>
                </c:pt>
                <c:pt idx="702">
                  <c:v>0</c:v>
                </c:pt>
                <c:pt idx="703">
                  <c:v>0</c:v>
                </c:pt>
                <c:pt idx="704">
                  <c:v>0</c:v>
                </c:pt>
                <c:pt idx="705">
                  <c:v>0</c:v>
                </c:pt>
                <c:pt idx="706">
                  <c:v>0</c:v>
                </c:pt>
                <c:pt idx="707">
                  <c:v>0</c:v>
                </c:pt>
                <c:pt idx="708">
                  <c:v>0</c:v>
                </c:pt>
                <c:pt idx="709">
                  <c:v>0</c:v>
                </c:pt>
                <c:pt idx="710">
                  <c:v>0</c:v>
                </c:pt>
                <c:pt idx="711">
                  <c:v>0</c:v>
                </c:pt>
                <c:pt idx="712">
                  <c:v>0</c:v>
                </c:pt>
                <c:pt idx="713">
                  <c:v>0</c:v>
                </c:pt>
                <c:pt idx="714">
                  <c:v>0</c:v>
                </c:pt>
                <c:pt idx="715">
                  <c:v>0</c:v>
                </c:pt>
                <c:pt idx="716">
                  <c:v>0</c:v>
                </c:pt>
                <c:pt idx="717">
                  <c:v>0</c:v>
                </c:pt>
                <c:pt idx="718">
                  <c:v>0</c:v>
                </c:pt>
                <c:pt idx="719">
                  <c:v>0</c:v>
                </c:pt>
                <c:pt idx="720">
                  <c:v>0</c:v>
                </c:pt>
                <c:pt idx="721">
                  <c:v>0</c:v>
                </c:pt>
                <c:pt idx="722">
                  <c:v>0</c:v>
                </c:pt>
                <c:pt idx="723">
                  <c:v>0</c:v>
                </c:pt>
                <c:pt idx="724">
                  <c:v>0</c:v>
                </c:pt>
                <c:pt idx="725">
                  <c:v>0</c:v>
                </c:pt>
                <c:pt idx="726">
                  <c:v>0</c:v>
                </c:pt>
                <c:pt idx="727">
                  <c:v>0</c:v>
                </c:pt>
                <c:pt idx="728">
                  <c:v>0</c:v>
                </c:pt>
                <c:pt idx="729">
                  <c:v>0</c:v>
                </c:pt>
                <c:pt idx="730">
                  <c:v>0</c:v>
                </c:pt>
                <c:pt idx="731">
                  <c:v>0</c:v>
                </c:pt>
                <c:pt idx="732">
                  <c:v>0</c:v>
                </c:pt>
                <c:pt idx="733">
                  <c:v>0</c:v>
                </c:pt>
                <c:pt idx="734">
                  <c:v>0</c:v>
                </c:pt>
                <c:pt idx="735">
                  <c:v>0</c:v>
                </c:pt>
                <c:pt idx="736">
                  <c:v>0</c:v>
                </c:pt>
                <c:pt idx="737">
                  <c:v>0</c:v>
                </c:pt>
                <c:pt idx="738">
                  <c:v>0</c:v>
                </c:pt>
                <c:pt idx="739">
                  <c:v>0</c:v>
                </c:pt>
                <c:pt idx="740">
                  <c:v>0</c:v>
                </c:pt>
                <c:pt idx="741">
                  <c:v>0</c:v>
                </c:pt>
                <c:pt idx="742">
                  <c:v>0</c:v>
                </c:pt>
                <c:pt idx="743">
                  <c:v>0</c:v>
                </c:pt>
                <c:pt idx="744">
                  <c:v>0</c:v>
                </c:pt>
                <c:pt idx="745">
                  <c:v>0</c:v>
                </c:pt>
                <c:pt idx="746">
                  <c:v>0</c:v>
                </c:pt>
                <c:pt idx="747">
                  <c:v>0</c:v>
                </c:pt>
                <c:pt idx="748">
                  <c:v>0</c:v>
                </c:pt>
                <c:pt idx="749">
                  <c:v>0</c:v>
                </c:pt>
                <c:pt idx="750">
                  <c:v>0</c:v>
                </c:pt>
                <c:pt idx="751">
                  <c:v>0</c:v>
                </c:pt>
                <c:pt idx="752">
                  <c:v>0</c:v>
                </c:pt>
                <c:pt idx="753">
                  <c:v>0</c:v>
                </c:pt>
                <c:pt idx="754">
                  <c:v>0</c:v>
                </c:pt>
                <c:pt idx="755">
                  <c:v>0</c:v>
                </c:pt>
                <c:pt idx="756">
                  <c:v>0</c:v>
                </c:pt>
                <c:pt idx="757">
                  <c:v>0</c:v>
                </c:pt>
                <c:pt idx="758">
                  <c:v>0</c:v>
                </c:pt>
                <c:pt idx="759">
                  <c:v>0</c:v>
                </c:pt>
                <c:pt idx="760">
                  <c:v>0</c:v>
                </c:pt>
                <c:pt idx="761">
                  <c:v>0</c:v>
                </c:pt>
                <c:pt idx="762">
                  <c:v>0</c:v>
                </c:pt>
                <c:pt idx="763">
                  <c:v>0</c:v>
                </c:pt>
                <c:pt idx="764">
                  <c:v>0</c:v>
                </c:pt>
                <c:pt idx="765">
                  <c:v>0</c:v>
                </c:pt>
                <c:pt idx="766">
                  <c:v>0</c:v>
                </c:pt>
                <c:pt idx="767">
                  <c:v>0</c:v>
                </c:pt>
                <c:pt idx="768">
                  <c:v>0</c:v>
                </c:pt>
                <c:pt idx="769">
                  <c:v>0</c:v>
                </c:pt>
                <c:pt idx="770">
                  <c:v>0</c:v>
                </c:pt>
                <c:pt idx="771">
                  <c:v>0</c:v>
                </c:pt>
                <c:pt idx="772">
                  <c:v>0</c:v>
                </c:pt>
                <c:pt idx="773">
                  <c:v>0</c:v>
                </c:pt>
                <c:pt idx="774">
                  <c:v>0</c:v>
                </c:pt>
                <c:pt idx="775">
                  <c:v>0</c:v>
                </c:pt>
                <c:pt idx="776">
                  <c:v>0</c:v>
                </c:pt>
                <c:pt idx="777">
                  <c:v>0</c:v>
                </c:pt>
                <c:pt idx="778">
                  <c:v>0</c:v>
                </c:pt>
                <c:pt idx="779">
                  <c:v>0</c:v>
                </c:pt>
                <c:pt idx="780">
                  <c:v>0</c:v>
                </c:pt>
                <c:pt idx="781">
                  <c:v>0</c:v>
                </c:pt>
                <c:pt idx="782">
                  <c:v>0</c:v>
                </c:pt>
                <c:pt idx="783">
                  <c:v>0</c:v>
                </c:pt>
                <c:pt idx="784">
                  <c:v>0</c:v>
                </c:pt>
                <c:pt idx="785">
                  <c:v>0</c:v>
                </c:pt>
                <c:pt idx="786">
                  <c:v>0</c:v>
                </c:pt>
                <c:pt idx="787">
                  <c:v>0</c:v>
                </c:pt>
                <c:pt idx="788">
                  <c:v>0</c:v>
                </c:pt>
                <c:pt idx="789">
                  <c:v>0</c:v>
                </c:pt>
                <c:pt idx="790">
                  <c:v>0</c:v>
                </c:pt>
                <c:pt idx="791">
                  <c:v>0</c:v>
                </c:pt>
                <c:pt idx="792">
                  <c:v>0</c:v>
                </c:pt>
                <c:pt idx="793">
                  <c:v>0</c:v>
                </c:pt>
                <c:pt idx="794">
                  <c:v>0</c:v>
                </c:pt>
                <c:pt idx="795">
                  <c:v>0</c:v>
                </c:pt>
                <c:pt idx="796">
                  <c:v>0</c:v>
                </c:pt>
                <c:pt idx="797">
                  <c:v>0</c:v>
                </c:pt>
                <c:pt idx="798">
                  <c:v>0</c:v>
                </c:pt>
                <c:pt idx="799">
                  <c:v>0</c:v>
                </c:pt>
                <c:pt idx="800">
                  <c:v>0</c:v>
                </c:pt>
                <c:pt idx="801">
                  <c:v>0</c:v>
                </c:pt>
                <c:pt idx="802">
                  <c:v>0</c:v>
                </c:pt>
                <c:pt idx="803">
                  <c:v>0</c:v>
                </c:pt>
                <c:pt idx="804">
                  <c:v>0</c:v>
                </c:pt>
                <c:pt idx="805">
                  <c:v>0</c:v>
                </c:pt>
                <c:pt idx="806">
                  <c:v>0</c:v>
                </c:pt>
                <c:pt idx="807">
                  <c:v>0</c:v>
                </c:pt>
                <c:pt idx="808">
                  <c:v>0</c:v>
                </c:pt>
                <c:pt idx="809">
                  <c:v>0</c:v>
                </c:pt>
                <c:pt idx="810">
                  <c:v>0</c:v>
                </c:pt>
                <c:pt idx="811">
                  <c:v>0</c:v>
                </c:pt>
                <c:pt idx="812">
                  <c:v>0</c:v>
                </c:pt>
                <c:pt idx="813">
                  <c:v>0</c:v>
                </c:pt>
                <c:pt idx="814">
                  <c:v>0</c:v>
                </c:pt>
                <c:pt idx="815">
                  <c:v>0</c:v>
                </c:pt>
                <c:pt idx="816">
                  <c:v>0</c:v>
                </c:pt>
                <c:pt idx="817">
                  <c:v>0</c:v>
                </c:pt>
                <c:pt idx="818">
                  <c:v>0</c:v>
                </c:pt>
                <c:pt idx="819">
                  <c:v>0</c:v>
                </c:pt>
                <c:pt idx="820">
                  <c:v>0</c:v>
                </c:pt>
                <c:pt idx="821">
                  <c:v>0</c:v>
                </c:pt>
                <c:pt idx="822">
                  <c:v>0</c:v>
                </c:pt>
                <c:pt idx="823">
                  <c:v>0</c:v>
                </c:pt>
                <c:pt idx="824">
                  <c:v>0</c:v>
                </c:pt>
                <c:pt idx="825">
                  <c:v>0</c:v>
                </c:pt>
                <c:pt idx="826">
                  <c:v>0</c:v>
                </c:pt>
                <c:pt idx="827">
                  <c:v>0</c:v>
                </c:pt>
                <c:pt idx="828">
                  <c:v>0</c:v>
                </c:pt>
                <c:pt idx="829">
                  <c:v>0</c:v>
                </c:pt>
                <c:pt idx="830">
                  <c:v>0</c:v>
                </c:pt>
                <c:pt idx="831">
                  <c:v>0</c:v>
                </c:pt>
                <c:pt idx="832">
                  <c:v>0</c:v>
                </c:pt>
                <c:pt idx="833">
                  <c:v>0</c:v>
                </c:pt>
                <c:pt idx="834">
                  <c:v>0</c:v>
                </c:pt>
                <c:pt idx="835">
                  <c:v>0</c:v>
                </c:pt>
                <c:pt idx="836">
                  <c:v>0</c:v>
                </c:pt>
                <c:pt idx="837">
                  <c:v>0</c:v>
                </c:pt>
                <c:pt idx="838">
                  <c:v>0</c:v>
                </c:pt>
                <c:pt idx="839">
                  <c:v>0</c:v>
                </c:pt>
                <c:pt idx="840">
                  <c:v>0</c:v>
                </c:pt>
                <c:pt idx="841">
                  <c:v>0</c:v>
                </c:pt>
                <c:pt idx="842">
                  <c:v>0</c:v>
                </c:pt>
                <c:pt idx="843">
                  <c:v>0</c:v>
                </c:pt>
                <c:pt idx="844">
                  <c:v>0</c:v>
                </c:pt>
                <c:pt idx="845">
                  <c:v>0</c:v>
                </c:pt>
                <c:pt idx="846">
                  <c:v>0</c:v>
                </c:pt>
                <c:pt idx="847">
                  <c:v>0</c:v>
                </c:pt>
                <c:pt idx="848">
                  <c:v>0</c:v>
                </c:pt>
                <c:pt idx="849">
                  <c:v>0</c:v>
                </c:pt>
                <c:pt idx="850">
                  <c:v>0</c:v>
                </c:pt>
                <c:pt idx="851">
                  <c:v>0</c:v>
                </c:pt>
                <c:pt idx="852">
                  <c:v>0</c:v>
                </c:pt>
                <c:pt idx="853">
                  <c:v>0</c:v>
                </c:pt>
                <c:pt idx="854">
                  <c:v>0</c:v>
                </c:pt>
                <c:pt idx="855">
                  <c:v>0</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pt idx="1050">
                  <c:v>0</c:v>
                </c:pt>
                <c:pt idx="1051">
                  <c:v>0</c:v>
                </c:pt>
                <c:pt idx="1052">
                  <c:v>0</c:v>
                </c:pt>
                <c:pt idx="1053">
                  <c:v>0</c:v>
                </c:pt>
                <c:pt idx="1054">
                  <c:v>0</c:v>
                </c:pt>
                <c:pt idx="1055">
                  <c:v>0</c:v>
                </c:pt>
                <c:pt idx="1056">
                  <c:v>0</c:v>
                </c:pt>
                <c:pt idx="1057">
                  <c:v>0</c:v>
                </c:pt>
                <c:pt idx="1058">
                  <c:v>0</c:v>
                </c:pt>
                <c:pt idx="1059">
                  <c:v>0</c:v>
                </c:pt>
                <c:pt idx="1060">
                  <c:v>0</c:v>
                </c:pt>
                <c:pt idx="1061">
                  <c:v>0</c:v>
                </c:pt>
                <c:pt idx="1062">
                  <c:v>0</c:v>
                </c:pt>
                <c:pt idx="1063">
                  <c:v>0</c:v>
                </c:pt>
                <c:pt idx="1064">
                  <c:v>0</c:v>
                </c:pt>
                <c:pt idx="1065">
                  <c:v>0</c:v>
                </c:pt>
                <c:pt idx="1066">
                  <c:v>0</c:v>
                </c:pt>
                <c:pt idx="1067">
                  <c:v>0</c:v>
                </c:pt>
                <c:pt idx="1068">
                  <c:v>0</c:v>
                </c:pt>
                <c:pt idx="1069">
                  <c:v>0</c:v>
                </c:pt>
                <c:pt idx="1070">
                  <c:v>0</c:v>
                </c:pt>
                <c:pt idx="1071">
                  <c:v>0</c:v>
                </c:pt>
                <c:pt idx="1072">
                  <c:v>0</c:v>
                </c:pt>
                <c:pt idx="1073">
                  <c:v>0</c:v>
                </c:pt>
                <c:pt idx="1074">
                  <c:v>0</c:v>
                </c:pt>
                <c:pt idx="1075">
                  <c:v>0</c:v>
                </c:pt>
                <c:pt idx="1076">
                  <c:v>0</c:v>
                </c:pt>
                <c:pt idx="1077">
                  <c:v>0</c:v>
                </c:pt>
                <c:pt idx="1078">
                  <c:v>0</c:v>
                </c:pt>
                <c:pt idx="1079">
                  <c:v>0</c:v>
                </c:pt>
                <c:pt idx="1080">
                  <c:v>0</c:v>
                </c:pt>
                <c:pt idx="1081">
                  <c:v>0</c:v>
                </c:pt>
                <c:pt idx="1082">
                  <c:v>0</c:v>
                </c:pt>
                <c:pt idx="1083">
                  <c:v>0</c:v>
                </c:pt>
                <c:pt idx="1084">
                  <c:v>0</c:v>
                </c:pt>
                <c:pt idx="1085">
                  <c:v>0</c:v>
                </c:pt>
                <c:pt idx="1086">
                  <c:v>0</c:v>
                </c:pt>
                <c:pt idx="1087">
                  <c:v>0</c:v>
                </c:pt>
                <c:pt idx="1088">
                  <c:v>0</c:v>
                </c:pt>
                <c:pt idx="1089">
                  <c:v>0</c:v>
                </c:pt>
                <c:pt idx="1090">
                  <c:v>0</c:v>
                </c:pt>
                <c:pt idx="1091">
                  <c:v>0</c:v>
                </c:pt>
                <c:pt idx="1092">
                  <c:v>0</c:v>
                </c:pt>
                <c:pt idx="1093">
                  <c:v>0</c:v>
                </c:pt>
                <c:pt idx="1094">
                  <c:v>0</c:v>
                </c:pt>
                <c:pt idx="1095">
                  <c:v>0</c:v>
                </c:pt>
                <c:pt idx="1096">
                  <c:v>0</c:v>
                </c:pt>
                <c:pt idx="1097">
                  <c:v>0</c:v>
                </c:pt>
                <c:pt idx="1098">
                  <c:v>0</c:v>
                </c:pt>
                <c:pt idx="1099">
                  <c:v>0</c:v>
                </c:pt>
                <c:pt idx="1100">
                  <c:v>0</c:v>
                </c:pt>
                <c:pt idx="1101">
                  <c:v>0</c:v>
                </c:pt>
                <c:pt idx="1102">
                  <c:v>0</c:v>
                </c:pt>
                <c:pt idx="1103">
                  <c:v>0</c:v>
                </c:pt>
                <c:pt idx="1104">
                  <c:v>0</c:v>
                </c:pt>
                <c:pt idx="1105">
                  <c:v>0</c:v>
                </c:pt>
                <c:pt idx="1106">
                  <c:v>0</c:v>
                </c:pt>
                <c:pt idx="1107">
                  <c:v>0</c:v>
                </c:pt>
                <c:pt idx="1108">
                  <c:v>0</c:v>
                </c:pt>
                <c:pt idx="1109">
                  <c:v>0</c:v>
                </c:pt>
                <c:pt idx="1110">
                  <c:v>0</c:v>
                </c:pt>
                <c:pt idx="1111">
                  <c:v>0</c:v>
                </c:pt>
                <c:pt idx="1112">
                  <c:v>0</c:v>
                </c:pt>
                <c:pt idx="1113">
                  <c:v>0</c:v>
                </c:pt>
                <c:pt idx="1114">
                  <c:v>0</c:v>
                </c:pt>
                <c:pt idx="1115">
                  <c:v>0</c:v>
                </c:pt>
                <c:pt idx="1116">
                  <c:v>0</c:v>
                </c:pt>
                <c:pt idx="1117">
                  <c:v>0</c:v>
                </c:pt>
                <c:pt idx="1118">
                  <c:v>0</c:v>
                </c:pt>
                <c:pt idx="1119">
                  <c:v>0</c:v>
                </c:pt>
                <c:pt idx="1120">
                  <c:v>0</c:v>
                </c:pt>
                <c:pt idx="1121">
                  <c:v>0</c:v>
                </c:pt>
                <c:pt idx="1122">
                  <c:v>0</c:v>
                </c:pt>
                <c:pt idx="1123">
                  <c:v>0</c:v>
                </c:pt>
                <c:pt idx="1124">
                  <c:v>0</c:v>
                </c:pt>
                <c:pt idx="1125">
                  <c:v>0</c:v>
                </c:pt>
                <c:pt idx="1126">
                  <c:v>0</c:v>
                </c:pt>
                <c:pt idx="1127">
                  <c:v>0</c:v>
                </c:pt>
                <c:pt idx="1128">
                  <c:v>0</c:v>
                </c:pt>
                <c:pt idx="1129">
                  <c:v>0</c:v>
                </c:pt>
                <c:pt idx="1130">
                  <c:v>0</c:v>
                </c:pt>
                <c:pt idx="1131">
                  <c:v>0</c:v>
                </c:pt>
                <c:pt idx="1132">
                  <c:v>0</c:v>
                </c:pt>
                <c:pt idx="1133">
                  <c:v>0</c:v>
                </c:pt>
                <c:pt idx="1134">
                  <c:v>0</c:v>
                </c:pt>
                <c:pt idx="1135">
                  <c:v>0</c:v>
                </c:pt>
                <c:pt idx="1136">
                  <c:v>0</c:v>
                </c:pt>
                <c:pt idx="1137">
                  <c:v>0</c:v>
                </c:pt>
                <c:pt idx="1138">
                  <c:v>0</c:v>
                </c:pt>
                <c:pt idx="1139">
                  <c:v>0</c:v>
                </c:pt>
                <c:pt idx="1140">
                  <c:v>0</c:v>
                </c:pt>
                <c:pt idx="1141">
                  <c:v>0</c:v>
                </c:pt>
                <c:pt idx="1142">
                  <c:v>0</c:v>
                </c:pt>
                <c:pt idx="1143">
                  <c:v>0</c:v>
                </c:pt>
                <c:pt idx="1144">
                  <c:v>0</c:v>
                </c:pt>
                <c:pt idx="1145">
                  <c:v>0</c:v>
                </c:pt>
                <c:pt idx="1146">
                  <c:v>0</c:v>
                </c:pt>
                <c:pt idx="1147">
                  <c:v>0</c:v>
                </c:pt>
                <c:pt idx="1148">
                  <c:v>0</c:v>
                </c:pt>
                <c:pt idx="1149">
                  <c:v>0</c:v>
                </c:pt>
                <c:pt idx="1150">
                  <c:v>0</c:v>
                </c:pt>
                <c:pt idx="1151">
                  <c:v>0</c:v>
                </c:pt>
                <c:pt idx="1152">
                  <c:v>0</c:v>
                </c:pt>
                <c:pt idx="1153">
                  <c:v>0</c:v>
                </c:pt>
                <c:pt idx="1154">
                  <c:v>0</c:v>
                </c:pt>
                <c:pt idx="1155">
                  <c:v>0</c:v>
                </c:pt>
                <c:pt idx="1156">
                  <c:v>0</c:v>
                </c:pt>
                <c:pt idx="1157">
                  <c:v>0</c:v>
                </c:pt>
                <c:pt idx="1158">
                  <c:v>0</c:v>
                </c:pt>
                <c:pt idx="1159">
                  <c:v>0</c:v>
                </c:pt>
                <c:pt idx="1160">
                  <c:v>0</c:v>
                </c:pt>
                <c:pt idx="1161">
                  <c:v>0</c:v>
                </c:pt>
                <c:pt idx="1162">
                  <c:v>0</c:v>
                </c:pt>
                <c:pt idx="1163">
                  <c:v>0</c:v>
                </c:pt>
                <c:pt idx="1164">
                  <c:v>0</c:v>
                </c:pt>
                <c:pt idx="1165">
                  <c:v>0</c:v>
                </c:pt>
                <c:pt idx="1166">
                  <c:v>0</c:v>
                </c:pt>
                <c:pt idx="1167">
                  <c:v>0</c:v>
                </c:pt>
                <c:pt idx="1168">
                  <c:v>0</c:v>
                </c:pt>
                <c:pt idx="1169">
                  <c:v>0</c:v>
                </c:pt>
                <c:pt idx="1170">
                  <c:v>0</c:v>
                </c:pt>
                <c:pt idx="1171">
                  <c:v>0</c:v>
                </c:pt>
                <c:pt idx="1172">
                  <c:v>0</c:v>
                </c:pt>
                <c:pt idx="1173">
                  <c:v>0</c:v>
                </c:pt>
                <c:pt idx="1174">
                  <c:v>0</c:v>
                </c:pt>
                <c:pt idx="1175">
                  <c:v>0</c:v>
                </c:pt>
                <c:pt idx="1176">
                  <c:v>0</c:v>
                </c:pt>
                <c:pt idx="1177">
                  <c:v>0</c:v>
                </c:pt>
                <c:pt idx="1178">
                  <c:v>0</c:v>
                </c:pt>
                <c:pt idx="1179">
                  <c:v>0</c:v>
                </c:pt>
                <c:pt idx="1180">
                  <c:v>0</c:v>
                </c:pt>
                <c:pt idx="1181">
                  <c:v>0</c:v>
                </c:pt>
                <c:pt idx="1182">
                  <c:v>0</c:v>
                </c:pt>
                <c:pt idx="1183">
                  <c:v>0</c:v>
                </c:pt>
                <c:pt idx="1184">
                  <c:v>0</c:v>
                </c:pt>
                <c:pt idx="1185">
                  <c:v>0</c:v>
                </c:pt>
                <c:pt idx="1186">
                  <c:v>0</c:v>
                </c:pt>
                <c:pt idx="1187">
                  <c:v>0</c:v>
                </c:pt>
                <c:pt idx="1188">
                  <c:v>0</c:v>
                </c:pt>
                <c:pt idx="1189">
                  <c:v>0</c:v>
                </c:pt>
                <c:pt idx="1190">
                  <c:v>0</c:v>
                </c:pt>
                <c:pt idx="1191">
                  <c:v>0</c:v>
                </c:pt>
                <c:pt idx="1192">
                  <c:v>0</c:v>
                </c:pt>
                <c:pt idx="1193">
                  <c:v>0</c:v>
                </c:pt>
                <c:pt idx="1194">
                  <c:v>0</c:v>
                </c:pt>
                <c:pt idx="1195">
                  <c:v>0</c:v>
                </c:pt>
                <c:pt idx="1196">
                  <c:v>0</c:v>
                </c:pt>
                <c:pt idx="1197">
                  <c:v>0</c:v>
                </c:pt>
                <c:pt idx="1198">
                  <c:v>0</c:v>
                </c:pt>
                <c:pt idx="1199">
                  <c:v>0</c:v>
                </c:pt>
                <c:pt idx="1200">
                  <c:v>0</c:v>
                </c:pt>
                <c:pt idx="1201">
                  <c:v>0</c:v>
                </c:pt>
                <c:pt idx="1202">
                  <c:v>0</c:v>
                </c:pt>
                <c:pt idx="1203">
                  <c:v>0</c:v>
                </c:pt>
                <c:pt idx="1204">
                  <c:v>0</c:v>
                </c:pt>
                <c:pt idx="1205">
                  <c:v>0</c:v>
                </c:pt>
                <c:pt idx="1206">
                  <c:v>0</c:v>
                </c:pt>
                <c:pt idx="1207">
                  <c:v>0</c:v>
                </c:pt>
                <c:pt idx="1208">
                  <c:v>0</c:v>
                </c:pt>
                <c:pt idx="1209">
                  <c:v>0</c:v>
                </c:pt>
                <c:pt idx="1210">
                  <c:v>0</c:v>
                </c:pt>
                <c:pt idx="1211">
                  <c:v>0</c:v>
                </c:pt>
                <c:pt idx="1212">
                  <c:v>0</c:v>
                </c:pt>
                <c:pt idx="1213">
                  <c:v>0</c:v>
                </c:pt>
                <c:pt idx="1214">
                  <c:v>0</c:v>
                </c:pt>
                <c:pt idx="1215">
                  <c:v>0</c:v>
                </c:pt>
                <c:pt idx="1216">
                  <c:v>0</c:v>
                </c:pt>
                <c:pt idx="1217">
                  <c:v>0</c:v>
                </c:pt>
                <c:pt idx="1218">
                  <c:v>0</c:v>
                </c:pt>
                <c:pt idx="1219">
                  <c:v>0</c:v>
                </c:pt>
                <c:pt idx="1220">
                  <c:v>0</c:v>
                </c:pt>
                <c:pt idx="1221">
                  <c:v>0</c:v>
                </c:pt>
                <c:pt idx="1222">
                  <c:v>0</c:v>
                </c:pt>
                <c:pt idx="1223">
                  <c:v>0</c:v>
                </c:pt>
                <c:pt idx="1224">
                  <c:v>0</c:v>
                </c:pt>
                <c:pt idx="1225">
                  <c:v>0</c:v>
                </c:pt>
                <c:pt idx="1226">
                  <c:v>0</c:v>
                </c:pt>
                <c:pt idx="1227">
                  <c:v>0</c:v>
                </c:pt>
                <c:pt idx="1228">
                  <c:v>0</c:v>
                </c:pt>
                <c:pt idx="1229">
                  <c:v>0</c:v>
                </c:pt>
                <c:pt idx="1230">
                  <c:v>0</c:v>
                </c:pt>
                <c:pt idx="1231">
                  <c:v>0</c:v>
                </c:pt>
                <c:pt idx="1232">
                  <c:v>0</c:v>
                </c:pt>
                <c:pt idx="1233">
                  <c:v>0</c:v>
                </c:pt>
                <c:pt idx="1234">
                  <c:v>0</c:v>
                </c:pt>
                <c:pt idx="1235">
                  <c:v>0</c:v>
                </c:pt>
                <c:pt idx="1236">
                  <c:v>0</c:v>
                </c:pt>
                <c:pt idx="1237">
                  <c:v>0</c:v>
                </c:pt>
                <c:pt idx="1238">
                  <c:v>0</c:v>
                </c:pt>
                <c:pt idx="1239">
                  <c:v>0</c:v>
                </c:pt>
                <c:pt idx="1240">
                  <c:v>0</c:v>
                </c:pt>
                <c:pt idx="1241">
                  <c:v>0</c:v>
                </c:pt>
                <c:pt idx="1242">
                  <c:v>0</c:v>
                </c:pt>
                <c:pt idx="1243">
                  <c:v>0</c:v>
                </c:pt>
                <c:pt idx="1244">
                  <c:v>0</c:v>
                </c:pt>
                <c:pt idx="1245">
                  <c:v>0</c:v>
                </c:pt>
                <c:pt idx="1246">
                  <c:v>0</c:v>
                </c:pt>
                <c:pt idx="1247">
                  <c:v>0</c:v>
                </c:pt>
                <c:pt idx="1248">
                  <c:v>0</c:v>
                </c:pt>
                <c:pt idx="1249">
                  <c:v>0</c:v>
                </c:pt>
                <c:pt idx="1250">
                  <c:v>0</c:v>
                </c:pt>
                <c:pt idx="1251">
                  <c:v>0</c:v>
                </c:pt>
                <c:pt idx="1252">
                  <c:v>0</c:v>
                </c:pt>
                <c:pt idx="1253">
                  <c:v>0</c:v>
                </c:pt>
                <c:pt idx="1254">
                  <c:v>0</c:v>
                </c:pt>
                <c:pt idx="1255">
                  <c:v>0</c:v>
                </c:pt>
                <c:pt idx="1256">
                  <c:v>0</c:v>
                </c:pt>
                <c:pt idx="1257">
                  <c:v>0</c:v>
                </c:pt>
                <c:pt idx="1258">
                  <c:v>0</c:v>
                </c:pt>
                <c:pt idx="1259">
                  <c:v>0</c:v>
                </c:pt>
                <c:pt idx="1260">
                  <c:v>0</c:v>
                </c:pt>
                <c:pt idx="1261">
                  <c:v>0</c:v>
                </c:pt>
                <c:pt idx="1262">
                  <c:v>0</c:v>
                </c:pt>
                <c:pt idx="1263">
                  <c:v>0</c:v>
                </c:pt>
                <c:pt idx="1264">
                  <c:v>0</c:v>
                </c:pt>
                <c:pt idx="1265">
                  <c:v>0</c:v>
                </c:pt>
                <c:pt idx="1266">
                  <c:v>0</c:v>
                </c:pt>
                <c:pt idx="1267">
                  <c:v>0</c:v>
                </c:pt>
                <c:pt idx="1268">
                  <c:v>0</c:v>
                </c:pt>
                <c:pt idx="1269">
                  <c:v>0</c:v>
                </c:pt>
                <c:pt idx="1270">
                  <c:v>0</c:v>
                </c:pt>
                <c:pt idx="1271">
                  <c:v>0</c:v>
                </c:pt>
                <c:pt idx="1272">
                  <c:v>0</c:v>
                </c:pt>
                <c:pt idx="1273">
                  <c:v>0</c:v>
                </c:pt>
                <c:pt idx="1274">
                  <c:v>0</c:v>
                </c:pt>
                <c:pt idx="1275">
                  <c:v>0</c:v>
                </c:pt>
                <c:pt idx="1276">
                  <c:v>0</c:v>
                </c:pt>
                <c:pt idx="1277">
                  <c:v>0</c:v>
                </c:pt>
                <c:pt idx="1278">
                  <c:v>0</c:v>
                </c:pt>
                <c:pt idx="1279">
                  <c:v>0</c:v>
                </c:pt>
                <c:pt idx="1280">
                  <c:v>0</c:v>
                </c:pt>
                <c:pt idx="1281">
                  <c:v>0</c:v>
                </c:pt>
                <c:pt idx="1282">
                  <c:v>0</c:v>
                </c:pt>
                <c:pt idx="1283">
                  <c:v>0</c:v>
                </c:pt>
                <c:pt idx="1284">
                  <c:v>0</c:v>
                </c:pt>
                <c:pt idx="1285">
                  <c:v>0</c:v>
                </c:pt>
                <c:pt idx="1286">
                  <c:v>0</c:v>
                </c:pt>
                <c:pt idx="1287">
                  <c:v>0</c:v>
                </c:pt>
                <c:pt idx="1288">
                  <c:v>0</c:v>
                </c:pt>
                <c:pt idx="1289">
                  <c:v>0</c:v>
                </c:pt>
                <c:pt idx="1290">
                  <c:v>0</c:v>
                </c:pt>
                <c:pt idx="1291">
                  <c:v>0</c:v>
                </c:pt>
                <c:pt idx="1292">
                  <c:v>0</c:v>
                </c:pt>
                <c:pt idx="1293">
                  <c:v>0</c:v>
                </c:pt>
                <c:pt idx="1294">
                  <c:v>0</c:v>
                </c:pt>
                <c:pt idx="1295">
                  <c:v>0</c:v>
                </c:pt>
                <c:pt idx="1296">
                  <c:v>0</c:v>
                </c:pt>
                <c:pt idx="1297">
                  <c:v>0</c:v>
                </c:pt>
                <c:pt idx="1298">
                  <c:v>0</c:v>
                </c:pt>
                <c:pt idx="1299">
                  <c:v>0</c:v>
                </c:pt>
                <c:pt idx="1300">
                  <c:v>0</c:v>
                </c:pt>
                <c:pt idx="1301">
                  <c:v>0</c:v>
                </c:pt>
                <c:pt idx="1302">
                  <c:v>0</c:v>
                </c:pt>
                <c:pt idx="1303">
                  <c:v>0</c:v>
                </c:pt>
                <c:pt idx="1304">
                  <c:v>0</c:v>
                </c:pt>
                <c:pt idx="1305">
                  <c:v>0</c:v>
                </c:pt>
                <c:pt idx="1306">
                  <c:v>0</c:v>
                </c:pt>
                <c:pt idx="1307">
                  <c:v>0</c:v>
                </c:pt>
                <c:pt idx="1308">
                  <c:v>0</c:v>
                </c:pt>
                <c:pt idx="1309">
                  <c:v>0</c:v>
                </c:pt>
                <c:pt idx="1310">
                  <c:v>0</c:v>
                </c:pt>
                <c:pt idx="1311">
                  <c:v>0</c:v>
                </c:pt>
                <c:pt idx="1312">
                  <c:v>0</c:v>
                </c:pt>
                <c:pt idx="1313">
                  <c:v>0</c:v>
                </c:pt>
                <c:pt idx="1314">
                  <c:v>0</c:v>
                </c:pt>
                <c:pt idx="1315">
                  <c:v>0</c:v>
                </c:pt>
                <c:pt idx="1316">
                  <c:v>0</c:v>
                </c:pt>
                <c:pt idx="1317">
                  <c:v>0</c:v>
                </c:pt>
                <c:pt idx="1318">
                  <c:v>0</c:v>
                </c:pt>
                <c:pt idx="1319">
                  <c:v>0</c:v>
                </c:pt>
                <c:pt idx="1320">
                  <c:v>0</c:v>
                </c:pt>
                <c:pt idx="1321">
                  <c:v>0</c:v>
                </c:pt>
                <c:pt idx="1322">
                  <c:v>0</c:v>
                </c:pt>
                <c:pt idx="1323">
                  <c:v>0</c:v>
                </c:pt>
                <c:pt idx="1324">
                  <c:v>0</c:v>
                </c:pt>
                <c:pt idx="1325">
                  <c:v>0</c:v>
                </c:pt>
                <c:pt idx="1326">
                  <c:v>0</c:v>
                </c:pt>
                <c:pt idx="1327">
                  <c:v>0</c:v>
                </c:pt>
                <c:pt idx="1328">
                  <c:v>0</c:v>
                </c:pt>
                <c:pt idx="1329">
                  <c:v>0</c:v>
                </c:pt>
                <c:pt idx="1330">
                  <c:v>0</c:v>
                </c:pt>
                <c:pt idx="1331">
                  <c:v>0</c:v>
                </c:pt>
                <c:pt idx="1332">
                  <c:v>0</c:v>
                </c:pt>
                <c:pt idx="1333">
                  <c:v>0</c:v>
                </c:pt>
                <c:pt idx="1334">
                  <c:v>0</c:v>
                </c:pt>
                <c:pt idx="1335">
                  <c:v>0</c:v>
                </c:pt>
                <c:pt idx="1336">
                  <c:v>0</c:v>
                </c:pt>
                <c:pt idx="1337">
                  <c:v>0</c:v>
                </c:pt>
                <c:pt idx="1338">
                  <c:v>0</c:v>
                </c:pt>
                <c:pt idx="1339">
                  <c:v>0</c:v>
                </c:pt>
                <c:pt idx="1340">
                  <c:v>0</c:v>
                </c:pt>
                <c:pt idx="1341">
                  <c:v>0</c:v>
                </c:pt>
                <c:pt idx="1342">
                  <c:v>0</c:v>
                </c:pt>
                <c:pt idx="1343">
                  <c:v>0</c:v>
                </c:pt>
                <c:pt idx="1344">
                  <c:v>0</c:v>
                </c:pt>
                <c:pt idx="1345">
                  <c:v>0</c:v>
                </c:pt>
                <c:pt idx="1346">
                  <c:v>0</c:v>
                </c:pt>
                <c:pt idx="1347">
                  <c:v>0</c:v>
                </c:pt>
                <c:pt idx="1348">
                  <c:v>0</c:v>
                </c:pt>
                <c:pt idx="1349">
                  <c:v>0</c:v>
                </c:pt>
                <c:pt idx="1350">
                  <c:v>0</c:v>
                </c:pt>
                <c:pt idx="1351">
                  <c:v>0</c:v>
                </c:pt>
                <c:pt idx="1352">
                  <c:v>0</c:v>
                </c:pt>
                <c:pt idx="1353">
                  <c:v>0</c:v>
                </c:pt>
                <c:pt idx="1354">
                  <c:v>0</c:v>
                </c:pt>
                <c:pt idx="1355">
                  <c:v>0</c:v>
                </c:pt>
                <c:pt idx="1356">
                  <c:v>0</c:v>
                </c:pt>
                <c:pt idx="1357">
                  <c:v>0</c:v>
                </c:pt>
                <c:pt idx="1358">
                  <c:v>0</c:v>
                </c:pt>
                <c:pt idx="1359">
                  <c:v>0</c:v>
                </c:pt>
                <c:pt idx="1360">
                  <c:v>0</c:v>
                </c:pt>
                <c:pt idx="1361">
                  <c:v>0</c:v>
                </c:pt>
                <c:pt idx="1362">
                  <c:v>0</c:v>
                </c:pt>
                <c:pt idx="1363">
                  <c:v>0</c:v>
                </c:pt>
                <c:pt idx="1364">
                  <c:v>0</c:v>
                </c:pt>
                <c:pt idx="1365">
                  <c:v>0</c:v>
                </c:pt>
                <c:pt idx="1366">
                  <c:v>0</c:v>
                </c:pt>
                <c:pt idx="1367">
                  <c:v>0</c:v>
                </c:pt>
                <c:pt idx="1368">
                  <c:v>0</c:v>
                </c:pt>
                <c:pt idx="1369">
                  <c:v>0</c:v>
                </c:pt>
                <c:pt idx="1370">
                  <c:v>0</c:v>
                </c:pt>
                <c:pt idx="1371">
                  <c:v>0</c:v>
                </c:pt>
                <c:pt idx="1372">
                  <c:v>0</c:v>
                </c:pt>
                <c:pt idx="1373">
                  <c:v>0</c:v>
                </c:pt>
                <c:pt idx="1374">
                  <c:v>0</c:v>
                </c:pt>
                <c:pt idx="1375">
                  <c:v>0</c:v>
                </c:pt>
                <c:pt idx="1376">
                  <c:v>0</c:v>
                </c:pt>
                <c:pt idx="1377">
                  <c:v>0</c:v>
                </c:pt>
                <c:pt idx="1378">
                  <c:v>0</c:v>
                </c:pt>
                <c:pt idx="1379">
                  <c:v>0</c:v>
                </c:pt>
                <c:pt idx="1380">
                  <c:v>0</c:v>
                </c:pt>
                <c:pt idx="1381">
                  <c:v>0</c:v>
                </c:pt>
                <c:pt idx="1382">
                  <c:v>0</c:v>
                </c:pt>
                <c:pt idx="1383">
                  <c:v>0</c:v>
                </c:pt>
                <c:pt idx="1384">
                  <c:v>0</c:v>
                </c:pt>
                <c:pt idx="1385">
                  <c:v>0</c:v>
                </c:pt>
                <c:pt idx="1386">
                  <c:v>0</c:v>
                </c:pt>
                <c:pt idx="1387">
                  <c:v>0</c:v>
                </c:pt>
                <c:pt idx="1388">
                  <c:v>0</c:v>
                </c:pt>
                <c:pt idx="1389">
                  <c:v>0</c:v>
                </c:pt>
                <c:pt idx="1390">
                  <c:v>0</c:v>
                </c:pt>
                <c:pt idx="1391">
                  <c:v>0</c:v>
                </c:pt>
                <c:pt idx="1392">
                  <c:v>0</c:v>
                </c:pt>
                <c:pt idx="1393">
                  <c:v>0</c:v>
                </c:pt>
                <c:pt idx="1394">
                  <c:v>0</c:v>
                </c:pt>
                <c:pt idx="1395">
                  <c:v>0</c:v>
                </c:pt>
                <c:pt idx="1396">
                  <c:v>0</c:v>
                </c:pt>
                <c:pt idx="1397">
                  <c:v>0</c:v>
                </c:pt>
                <c:pt idx="1398">
                  <c:v>0</c:v>
                </c:pt>
                <c:pt idx="1399">
                  <c:v>0</c:v>
                </c:pt>
                <c:pt idx="1400">
                  <c:v>0</c:v>
                </c:pt>
                <c:pt idx="1401">
                  <c:v>0</c:v>
                </c:pt>
                <c:pt idx="1402">
                  <c:v>0</c:v>
                </c:pt>
                <c:pt idx="1403">
                  <c:v>0</c:v>
                </c:pt>
                <c:pt idx="1404">
                  <c:v>0</c:v>
                </c:pt>
                <c:pt idx="1405">
                  <c:v>0</c:v>
                </c:pt>
                <c:pt idx="1406">
                  <c:v>0</c:v>
                </c:pt>
                <c:pt idx="1407">
                  <c:v>0</c:v>
                </c:pt>
                <c:pt idx="1408">
                  <c:v>0</c:v>
                </c:pt>
                <c:pt idx="1409">
                  <c:v>0</c:v>
                </c:pt>
                <c:pt idx="1410">
                  <c:v>0</c:v>
                </c:pt>
                <c:pt idx="1411">
                  <c:v>0</c:v>
                </c:pt>
                <c:pt idx="1412">
                  <c:v>0</c:v>
                </c:pt>
                <c:pt idx="1413">
                  <c:v>0</c:v>
                </c:pt>
                <c:pt idx="1414">
                  <c:v>0</c:v>
                </c:pt>
                <c:pt idx="1415">
                  <c:v>0</c:v>
                </c:pt>
                <c:pt idx="1416">
                  <c:v>0</c:v>
                </c:pt>
                <c:pt idx="1417">
                  <c:v>0</c:v>
                </c:pt>
                <c:pt idx="1418">
                  <c:v>0</c:v>
                </c:pt>
                <c:pt idx="1419">
                  <c:v>0</c:v>
                </c:pt>
                <c:pt idx="1420">
                  <c:v>0</c:v>
                </c:pt>
                <c:pt idx="1421">
                  <c:v>0</c:v>
                </c:pt>
                <c:pt idx="1422">
                  <c:v>0</c:v>
                </c:pt>
                <c:pt idx="1423">
                  <c:v>0</c:v>
                </c:pt>
                <c:pt idx="1424">
                  <c:v>0</c:v>
                </c:pt>
                <c:pt idx="1425">
                  <c:v>0</c:v>
                </c:pt>
                <c:pt idx="1426">
                  <c:v>0</c:v>
                </c:pt>
                <c:pt idx="1427">
                  <c:v>0</c:v>
                </c:pt>
                <c:pt idx="1428">
                  <c:v>0</c:v>
                </c:pt>
                <c:pt idx="1429">
                  <c:v>0</c:v>
                </c:pt>
                <c:pt idx="1430">
                  <c:v>0</c:v>
                </c:pt>
                <c:pt idx="1431">
                  <c:v>0</c:v>
                </c:pt>
                <c:pt idx="1432">
                  <c:v>0</c:v>
                </c:pt>
                <c:pt idx="1433">
                  <c:v>0</c:v>
                </c:pt>
                <c:pt idx="1434">
                  <c:v>0</c:v>
                </c:pt>
                <c:pt idx="1435">
                  <c:v>0</c:v>
                </c:pt>
                <c:pt idx="1436">
                  <c:v>0</c:v>
                </c:pt>
                <c:pt idx="1437">
                  <c:v>0</c:v>
                </c:pt>
                <c:pt idx="1438">
                  <c:v>0</c:v>
                </c:pt>
                <c:pt idx="1439">
                  <c:v>0</c:v>
                </c:pt>
                <c:pt idx="1440">
                  <c:v>0</c:v>
                </c:pt>
                <c:pt idx="1441">
                  <c:v>0</c:v>
                </c:pt>
                <c:pt idx="1442">
                  <c:v>0</c:v>
                </c:pt>
                <c:pt idx="1443">
                  <c:v>0</c:v>
                </c:pt>
                <c:pt idx="1444">
                  <c:v>0</c:v>
                </c:pt>
                <c:pt idx="1445">
                  <c:v>0</c:v>
                </c:pt>
                <c:pt idx="1446">
                  <c:v>0</c:v>
                </c:pt>
                <c:pt idx="1447">
                  <c:v>0</c:v>
                </c:pt>
                <c:pt idx="1448">
                  <c:v>0</c:v>
                </c:pt>
                <c:pt idx="1449">
                  <c:v>0</c:v>
                </c:pt>
                <c:pt idx="1450">
                  <c:v>0</c:v>
                </c:pt>
                <c:pt idx="1451">
                  <c:v>0</c:v>
                </c:pt>
                <c:pt idx="1452">
                  <c:v>0</c:v>
                </c:pt>
                <c:pt idx="1453">
                  <c:v>0</c:v>
                </c:pt>
                <c:pt idx="1454">
                  <c:v>0</c:v>
                </c:pt>
                <c:pt idx="1455">
                  <c:v>0</c:v>
                </c:pt>
                <c:pt idx="1456">
                  <c:v>0</c:v>
                </c:pt>
                <c:pt idx="1457">
                  <c:v>0</c:v>
                </c:pt>
                <c:pt idx="1458">
                  <c:v>0</c:v>
                </c:pt>
                <c:pt idx="1459">
                  <c:v>0</c:v>
                </c:pt>
                <c:pt idx="1460">
                  <c:v>0</c:v>
                </c:pt>
                <c:pt idx="1461">
                  <c:v>0</c:v>
                </c:pt>
                <c:pt idx="1462">
                  <c:v>0</c:v>
                </c:pt>
                <c:pt idx="1463">
                  <c:v>0</c:v>
                </c:pt>
                <c:pt idx="1464">
                  <c:v>0</c:v>
                </c:pt>
                <c:pt idx="1465">
                  <c:v>0</c:v>
                </c:pt>
                <c:pt idx="1466">
                  <c:v>0</c:v>
                </c:pt>
                <c:pt idx="1467">
                  <c:v>0</c:v>
                </c:pt>
                <c:pt idx="1468">
                  <c:v>0</c:v>
                </c:pt>
                <c:pt idx="1469">
                  <c:v>0</c:v>
                </c:pt>
                <c:pt idx="1470">
                  <c:v>0</c:v>
                </c:pt>
                <c:pt idx="1471">
                  <c:v>0</c:v>
                </c:pt>
                <c:pt idx="1472">
                  <c:v>0</c:v>
                </c:pt>
                <c:pt idx="1473">
                  <c:v>0</c:v>
                </c:pt>
                <c:pt idx="1474">
                  <c:v>0</c:v>
                </c:pt>
                <c:pt idx="1475">
                  <c:v>0</c:v>
                </c:pt>
                <c:pt idx="1476">
                  <c:v>0</c:v>
                </c:pt>
                <c:pt idx="1477">
                  <c:v>0</c:v>
                </c:pt>
                <c:pt idx="1478">
                  <c:v>0</c:v>
                </c:pt>
                <c:pt idx="1479">
                  <c:v>0</c:v>
                </c:pt>
                <c:pt idx="1480">
                  <c:v>0</c:v>
                </c:pt>
                <c:pt idx="1481">
                  <c:v>0</c:v>
                </c:pt>
                <c:pt idx="1482">
                  <c:v>0</c:v>
                </c:pt>
                <c:pt idx="1483">
                  <c:v>0</c:v>
                </c:pt>
                <c:pt idx="1484">
                  <c:v>0</c:v>
                </c:pt>
                <c:pt idx="1485">
                  <c:v>0</c:v>
                </c:pt>
                <c:pt idx="1486">
                  <c:v>0</c:v>
                </c:pt>
                <c:pt idx="1487">
                  <c:v>0</c:v>
                </c:pt>
                <c:pt idx="1488">
                  <c:v>0</c:v>
                </c:pt>
                <c:pt idx="1489">
                  <c:v>0</c:v>
                </c:pt>
                <c:pt idx="1490">
                  <c:v>0</c:v>
                </c:pt>
                <c:pt idx="1491">
                  <c:v>0</c:v>
                </c:pt>
                <c:pt idx="1492">
                  <c:v>0</c:v>
                </c:pt>
                <c:pt idx="1493">
                  <c:v>0</c:v>
                </c:pt>
                <c:pt idx="1494">
                  <c:v>0</c:v>
                </c:pt>
                <c:pt idx="1495">
                  <c:v>0</c:v>
                </c:pt>
                <c:pt idx="1496">
                  <c:v>0</c:v>
                </c:pt>
                <c:pt idx="1497">
                  <c:v>0</c:v>
                </c:pt>
                <c:pt idx="1498">
                  <c:v>0</c:v>
                </c:pt>
                <c:pt idx="1499">
                  <c:v>0</c:v>
                </c:pt>
                <c:pt idx="1500">
                  <c:v>0</c:v>
                </c:pt>
                <c:pt idx="1501">
                  <c:v>0</c:v>
                </c:pt>
                <c:pt idx="1502">
                  <c:v>0</c:v>
                </c:pt>
                <c:pt idx="1503">
                  <c:v>0</c:v>
                </c:pt>
                <c:pt idx="1504">
                  <c:v>0</c:v>
                </c:pt>
                <c:pt idx="1505">
                  <c:v>0</c:v>
                </c:pt>
                <c:pt idx="1506">
                  <c:v>0</c:v>
                </c:pt>
                <c:pt idx="1507">
                  <c:v>0</c:v>
                </c:pt>
                <c:pt idx="1508">
                  <c:v>0</c:v>
                </c:pt>
                <c:pt idx="1509">
                  <c:v>0</c:v>
                </c:pt>
                <c:pt idx="1510">
                  <c:v>0</c:v>
                </c:pt>
                <c:pt idx="1511">
                  <c:v>0</c:v>
                </c:pt>
                <c:pt idx="1512">
                  <c:v>0</c:v>
                </c:pt>
                <c:pt idx="1513">
                  <c:v>0</c:v>
                </c:pt>
                <c:pt idx="1514">
                  <c:v>0</c:v>
                </c:pt>
                <c:pt idx="1515">
                  <c:v>0</c:v>
                </c:pt>
                <c:pt idx="1516">
                  <c:v>0</c:v>
                </c:pt>
                <c:pt idx="1517">
                  <c:v>0</c:v>
                </c:pt>
                <c:pt idx="1518">
                  <c:v>0</c:v>
                </c:pt>
                <c:pt idx="1519">
                  <c:v>0</c:v>
                </c:pt>
                <c:pt idx="1520">
                  <c:v>0</c:v>
                </c:pt>
                <c:pt idx="1521">
                  <c:v>0</c:v>
                </c:pt>
                <c:pt idx="1522">
                  <c:v>0</c:v>
                </c:pt>
                <c:pt idx="1523">
                  <c:v>0</c:v>
                </c:pt>
                <c:pt idx="1524">
                  <c:v>0</c:v>
                </c:pt>
                <c:pt idx="1525">
                  <c:v>0</c:v>
                </c:pt>
                <c:pt idx="1526">
                  <c:v>0</c:v>
                </c:pt>
                <c:pt idx="1527">
                  <c:v>0</c:v>
                </c:pt>
                <c:pt idx="1528">
                  <c:v>0</c:v>
                </c:pt>
                <c:pt idx="1529">
                  <c:v>0</c:v>
                </c:pt>
                <c:pt idx="1530">
                  <c:v>0</c:v>
                </c:pt>
                <c:pt idx="1531">
                  <c:v>0</c:v>
                </c:pt>
                <c:pt idx="1532">
                  <c:v>0</c:v>
                </c:pt>
                <c:pt idx="1533">
                  <c:v>0</c:v>
                </c:pt>
                <c:pt idx="1534">
                  <c:v>0</c:v>
                </c:pt>
                <c:pt idx="1535">
                  <c:v>0</c:v>
                </c:pt>
                <c:pt idx="1536">
                  <c:v>0</c:v>
                </c:pt>
                <c:pt idx="1537">
                  <c:v>0</c:v>
                </c:pt>
                <c:pt idx="1538">
                  <c:v>0</c:v>
                </c:pt>
                <c:pt idx="1539">
                  <c:v>0</c:v>
                </c:pt>
                <c:pt idx="1540">
                  <c:v>0</c:v>
                </c:pt>
                <c:pt idx="1541">
                  <c:v>0</c:v>
                </c:pt>
                <c:pt idx="1542">
                  <c:v>0</c:v>
                </c:pt>
                <c:pt idx="1543">
                  <c:v>0</c:v>
                </c:pt>
                <c:pt idx="1544">
                  <c:v>0</c:v>
                </c:pt>
                <c:pt idx="1545">
                  <c:v>0</c:v>
                </c:pt>
                <c:pt idx="1546">
                  <c:v>0</c:v>
                </c:pt>
                <c:pt idx="1547">
                  <c:v>0</c:v>
                </c:pt>
                <c:pt idx="1548">
                  <c:v>0</c:v>
                </c:pt>
                <c:pt idx="1549">
                  <c:v>0</c:v>
                </c:pt>
                <c:pt idx="1550">
                  <c:v>0</c:v>
                </c:pt>
                <c:pt idx="1551">
                  <c:v>0</c:v>
                </c:pt>
                <c:pt idx="1552">
                  <c:v>0</c:v>
                </c:pt>
                <c:pt idx="1553">
                  <c:v>0</c:v>
                </c:pt>
                <c:pt idx="1554">
                  <c:v>0</c:v>
                </c:pt>
                <c:pt idx="1555">
                  <c:v>0</c:v>
                </c:pt>
                <c:pt idx="1556">
                  <c:v>0</c:v>
                </c:pt>
                <c:pt idx="1557">
                  <c:v>0</c:v>
                </c:pt>
                <c:pt idx="1558">
                  <c:v>0</c:v>
                </c:pt>
                <c:pt idx="1559">
                  <c:v>0</c:v>
                </c:pt>
                <c:pt idx="1560">
                  <c:v>0</c:v>
                </c:pt>
                <c:pt idx="1561">
                  <c:v>0</c:v>
                </c:pt>
                <c:pt idx="1562">
                  <c:v>0</c:v>
                </c:pt>
                <c:pt idx="1563">
                  <c:v>0</c:v>
                </c:pt>
                <c:pt idx="1564">
                  <c:v>0</c:v>
                </c:pt>
                <c:pt idx="1565">
                  <c:v>0</c:v>
                </c:pt>
                <c:pt idx="1566">
                  <c:v>0</c:v>
                </c:pt>
                <c:pt idx="1567">
                  <c:v>0</c:v>
                </c:pt>
                <c:pt idx="1568">
                  <c:v>0</c:v>
                </c:pt>
                <c:pt idx="1569">
                  <c:v>0</c:v>
                </c:pt>
                <c:pt idx="1570">
                  <c:v>0</c:v>
                </c:pt>
                <c:pt idx="1571">
                  <c:v>0</c:v>
                </c:pt>
                <c:pt idx="1572">
                  <c:v>0</c:v>
                </c:pt>
                <c:pt idx="1573">
                  <c:v>0</c:v>
                </c:pt>
                <c:pt idx="1574">
                  <c:v>0</c:v>
                </c:pt>
                <c:pt idx="1575">
                  <c:v>0</c:v>
                </c:pt>
                <c:pt idx="1576">
                  <c:v>0</c:v>
                </c:pt>
                <c:pt idx="1577">
                  <c:v>0</c:v>
                </c:pt>
                <c:pt idx="1578">
                  <c:v>0</c:v>
                </c:pt>
                <c:pt idx="1579">
                  <c:v>0</c:v>
                </c:pt>
                <c:pt idx="1580">
                  <c:v>0</c:v>
                </c:pt>
                <c:pt idx="1581">
                  <c:v>0</c:v>
                </c:pt>
                <c:pt idx="1582">
                  <c:v>0</c:v>
                </c:pt>
                <c:pt idx="1583">
                  <c:v>0</c:v>
                </c:pt>
                <c:pt idx="1584">
                  <c:v>0</c:v>
                </c:pt>
                <c:pt idx="1585">
                  <c:v>0</c:v>
                </c:pt>
                <c:pt idx="1586">
                  <c:v>0</c:v>
                </c:pt>
                <c:pt idx="1587">
                  <c:v>0</c:v>
                </c:pt>
                <c:pt idx="1588">
                  <c:v>0</c:v>
                </c:pt>
                <c:pt idx="1589">
                  <c:v>0</c:v>
                </c:pt>
                <c:pt idx="1590">
                  <c:v>0</c:v>
                </c:pt>
                <c:pt idx="1591">
                  <c:v>0</c:v>
                </c:pt>
                <c:pt idx="1592">
                  <c:v>0</c:v>
                </c:pt>
                <c:pt idx="1593">
                  <c:v>0</c:v>
                </c:pt>
                <c:pt idx="1594">
                  <c:v>0</c:v>
                </c:pt>
                <c:pt idx="1595">
                  <c:v>0</c:v>
                </c:pt>
                <c:pt idx="1596">
                  <c:v>0</c:v>
                </c:pt>
                <c:pt idx="1597">
                  <c:v>0</c:v>
                </c:pt>
                <c:pt idx="1598">
                  <c:v>0</c:v>
                </c:pt>
                <c:pt idx="1599">
                  <c:v>0</c:v>
                </c:pt>
                <c:pt idx="1600">
                  <c:v>0</c:v>
                </c:pt>
                <c:pt idx="1601">
                  <c:v>0</c:v>
                </c:pt>
                <c:pt idx="1602">
                  <c:v>0</c:v>
                </c:pt>
                <c:pt idx="1603">
                  <c:v>0</c:v>
                </c:pt>
                <c:pt idx="1604">
                  <c:v>0</c:v>
                </c:pt>
                <c:pt idx="1605">
                  <c:v>0</c:v>
                </c:pt>
                <c:pt idx="1606">
                  <c:v>0</c:v>
                </c:pt>
                <c:pt idx="1607">
                  <c:v>0</c:v>
                </c:pt>
                <c:pt idx="1608">
                  <c:v>0</c:v>
                </c:pt>
                <c:pt idx="1609">
                  <c:v>0</c:v>
                </c:pt>
                <c:pt idx="1610">
                  <c:v>0</c:v>
                </c:pt>
                <c:pt idx="1611">
                  <c:v>0</c:v>
                </c:pt>
                <c:pt idx="1612">
                  <c:v>0</c:v>
                </c:pt>
                <c:pt idx="1613">
                  <c:v>0</c:v>
                </c:pt>
                <c:pt idx="1614">
                  <c:v>0</c:v>
                </c:pt>
                <c:pt idx="1615">
                  <c:v>0</c:v>
                </c:pt>
                <c:pt idx="1616">
                  <c:v>0</c:v>
                </c:pt>
                <c:pt idx="1617">
                  <c:v>0</c:v>
                </c:pt>
                <c:pt idx="1618">
                  <c:v>0</c:v>
                </c:pt>
                <c:pt idx="1619">
                  <c:v>0</c:v>
                </c:pt>
                <c:pt idx="1620">
                  <c:v>0</c:v>
                </c:pt>
                <c:pt idx="1621">
                  <c:v>0</c:v>
                </c:pt>
                <c:pt idx="1622">
                  <c:v>0</c:v>
                </c:pt>
                <c:pt idx="1623">
                  <c:v>0</c:v>
                </c:pt>
                <c:pt idx="1624">
                  <c:v>0</c:v>
                </c:pt>
                <c:pt idx="1625">
                  <c:v>0</c:v>
                </c:pt>
                <c:pt idx="1626">
                  <c:v>0</c:v>
                </c:pt>
                <c:pt idx="1627">
                  <c:v>0</c:v>
                </c:pt>
                <c:pt idx="1628">
                  <c:v>0</c:v>
                </c:pt>
                <c:pt idx="1629">
                  <c:v>0</c:v>
                </c:pt>
                <c:pt idx="1630">
                  <c:v>0</c:v>
                </c:pt>
                <c:pt idx="1631">
                  <c:v>0</c:v>
                </c:pt>
                <c:pt idx="1632">
                  <c:v>0</c:v>
                </c:pt>
                <c:pt idx="1633">
                  <c:v>0</c:v>
                </c:pt>
                <c:pt idx="1634">
                  <c:v>0</c:v>
                </c:pt>
                <c:pt idx="1635">
                  <c:v>0</c:v>
                </c:pt>
                <c:pt idx="1636">
                  <c:v>0</c:v>
                </c:pt>
                <c:pt idx="1637">
                  <c:v>0</c:v>
                </c:pt>
                <c:pt idx="1638">
                  <c:v>0</c:v>
                </c:pt>
                <c:pt idx="1639">
                  <c:v>0</c:v>
                </c:pt>
                <c:pt idx="1640">
                  <c:v>0</c:v>
                </c:pt>
                <c:pt idx="1641">
                  <c:v>0</c:v>
                </c:pt>
                <c:pt idx="1642">
                  <c:v>0</c:v>
                </c:pt>
                <c:pt idx="1643">
                  <c:v>0</c:v>
                </c:pt>
                <c:pt idx="1644">
                  <c:v>0</c:v>
                </c:pt>
                <c:pt idx="1645">
                  <c:v>0</c:v>
                </c:pt>
                <c:pt idx="1646">
                  <c:v>0</c:v>
                </c:pt>
                <c:pt idx="1647">
                  <c:v>0</c:v>
                </c:pt>
                <c:pt idx="1648">
                  <c:v>0</c:v>
                </c:pt>
                <c:pt idx="1649">
                  <c:v>0</c:v>
                </c:pt>
                <c:pt idx="1650">
                  <c:v>0</c:v>
                </c:pt>
                <c:pt idx="1651">
                  <c:v>0</c:v>
                </c:pt>
                <c:pt idx="1652">
                  <c:v>0</c:v>
                </c:pt>
                <c:pt idx="1653">
                  <c:v>0</c:v>
                </c:pt>
                <c:pt idx="1654">
                  <c:v>0</c:v>
                </c:pt>
                <c:pt idx="1655">
                  <c:v>0</c:v>
                </c:pt>
                <c:pt idx="1656">
                  <c:v>0</c:v>
                </c:pt>
                <c:pt idx="1657">
                  <c:v>0</c:v>
                </c:pt>
                <c:pt idx="1658">
                  <c:v>0</c:v>
                </c:pt>
                <c:pt idx="1659">
                  <c:v>0</c:v>
                </c:pt>
                <c:pt idx="1660">
                  <c:v>0</c:v>
                </c:pt>
                <c:pt idx="1661">
                  <c:v>0</c:v>
                </c:pt>
                <c:pt idx="1662">
                  <c:v>0</c:v>
                </c:pt>
                <c:pt idx="1663">
                  <c:v>0</c:v>
                </c:pt>
                <c:pt idx="1664">
                  <c:v>0</c:v>
                </c:pt>
                <c:pt idx="1665">
                  <c:v>0</c:v>
                </c:pt>
                <c:pt idx="1666">
                  <c:v>0</c:v>
                </c:pt>
                <c:pt idx="1667">
                  <c:v>0</c:v>
                </c:pt>
                <c:pt idx="1668">
                  <c:v>0</c:v>
                </c:pt>
                <c:pt idx="1669">
                  <c:v>0</c:v>
                </c:pt>
                <c:pt idx="1670">
                  <c:v>0</c:v>
                </c:pt>
                <c:pt idx="1671">
                  <c:v>0</c:v>
                </c:pt>
                <c:pt idx="1672">
                  <c:v>0</c:v>
                </c:pt>
                <c:pt idx="1673">
                  <c:v>0</c:v>
                </c:pt>
                <c:pt idx="1674">
                  <c:v>0</c:v>
                </c:pt>
                <c:pt idx="1675">
                  <c:v>0</c:v>
                </c:pt>
                <c:pt idx="1676">
                  <c:v>0</c:v>
                </c:pt>
                <c:pt idx="1677">
                  <c:v>0</c:v>
                </c:pt>
                <c:pt idx="1678">
                  <c:v>0</c:v>
                </c:pt>
                <c:pt idx="1679">
                  <c:v>0</c:v>
                </c:pt>
                <c:pt idx="1680">
                  <c:v>0</c:v>
                </c:pt>
                <c:pt idx="1681">
                  <c:v>0</c:v>
                </c:pt>
                <c:pt idx="1682">
                  <c:v>0</c:v>
                </c:pt>
                <c:pt idx="1683">
                  <c:v>0</c:v>
                </c:pt>
                <c:pt idx="1684">
                  <c:v>0</c:v>
                </c:pt>
                <c:pt idx="1685">
                  <c:v>0</c:v>
                </c:pt>
                <c:pt idx="1686">
                  <c:v>0</c:v>
                </c:pt>
                <c:pt idx="1687">
                  <c:v>0</c:v>
                </c:pt>
                <c:pt idx="1688">
                  <c:v>0</c:v>
                </c:pt>
                <c:pt idx="1689">
                  <c:v>0</c:v>
                </c:pt>
                <c:pt idx="1690">
                  <c:v>0</c:v>
                </c:pt>
                <c:pt idx="1691">
                  <c:v>0</c:v>
                </c:pt>
                <c:pt idx="1692">
                  <c:v>0</c:v>
                </c:pt>
                <c:pt idx="1693">
                  <c:v>0</c:v>
                </c:pt>
                <c:pt idx="1694">
                  <c:v>0</c:v>
                </c:pt>
                <c:pt idx="1695">
                  <c:v>0</c:v>
                </c:pt>
                <c:pt idx="1696">
                  <c:v>0</c:v>
                </c:pt>
                <c:pt idx="1697">
                  <c:v>0</c:v>
                </c:pt>
                <c:pt idx="1698">
                  <c:v>0</c:v>
                </c:pt>
                <c:pt idx="1699">
                  <c:v>0</c:v>
                </c:pt>
                <c:pt idx="1700">
                  <c:v>0</c:v>
                </c:pt>
                <c:pt idx="1701">
                  <c:v>0</c:v>
                </c:pt>
                <c:pt idx="1702">
                  <c:v>0</c:v>
                </c:pt>
                <c:pt idx="1703">
                  <c:v>0</c:v>
                </c:pt>
                <c:pt idx="1704">
                  <c:v>0</c:v>
                </c:pt>
                <c:pt idx="1705">
                  <c:v>0</c:v>
                </c:pt>
                <c:pt idx="1706">
                  <c:v>0</c:v>
                </c:pt>
                <c:pt idx="1707">
                  <c:v>0</c:v>
                </c:pt>
                <c:pt idx="1708">
                  <c:v>0</c:v>
                </c:pt>
                <c:pt idx="1709">
                  <c:v>0</c:v>
                </c:pt>
                <c:pt idx="1710">
                  <c:v>0</c:v>
                </c:pt>
                <c:pt idx="1711">
                  <c:v>0</c:v>
                </c:pt>
                <c:pt idx="1712">
                  <c:v>0</c:v>
                </c:pt>
                <c:pt idx="1713">
                  <c:v>0</c:v>
                </c:pt>
                <c:pt idx="1714">
                  <c:v>0</c:v>
                </c:pt>
                <c:pt idx="1715">
                  <c:v>0</c:v>
                </c:pt>
                <c:pt idx="1716">
                  <c:v>0</c:v>
                </c:pt>
                <c:pt idx="1717">
                  <c:v>0</c:v>
                </c:pt>
                <c:pt idx="1718">
                  <c:v>0</c:v>
                </c:pt>
                <c:pt idx="1719">
                  <c:v>0</c:v>
                </c:pt>
                <c:pt idx="1720">
                  <c:v>0</c:v>
                </c:pt>
                <c:pt idx="1721">
                  <c:v>0</c:v>
                </c:pt>
                <c:pt idx="1722">
                  <c:v>0</c:v>
                </c:pt>
                <c:pt idx="1723">
                  <c:v>0</c:v>
                </c:pt>
                <c:pt idx="1724">
                  <c:v>0</c:v>
                </c:pt>
                <c:pt idx="1725">
                  <c:v>0</c:v>
                </c:pt>
                <c:pt idx="1726">
                  <c:v>0</c:v>
                </c:pt>
                <c:pt idx="1727">
                  <c:v>0</c:v>
                </c:pt>
                <c:pt idx="1728">
                  <c:v>0</c:v>
                </c:pt>
                <c:pt idx="1729">
                  <c:v>0</c:v>
                </c:pt>
                <c:pt idx="1730">
                  <c:v>0</c:v>
                </c:pt>
                <c:pt idx="1731">
                  <c:v>0</c:v>
                </c:pt>
                <c:pt idx="1732">
                  <c:v>0</c:v>
                </c:pt>
                <c:pt idx="1733">
                  <c:v>0</c:v>
                </c:pt>
                <c:pt idx="1734">
                  <c:v>0</c:v>
                </c:pt>
                <c:pt idx="1735">
                  <c:v>0</c:v>
                </c:pt>
                <c:pt idx="1736">
                  <c:v>0</c:v>
                </c:pt>
                <c:pt idx="1737">
                  <c:v>0</c:v>
                </c:pt>
                <c:pt idx="1738">
                  <c:v>0</c:v>
                </c:pt>
                <c:pt idx="1739">
                  <c:v>0</c:v>
                </c:pt>
                <c:pt idx="1740">
                  <c:v>0</c:v>
                </c:pt>
                <c:pt idx="1741">
                  <c:v>0</c:v>
                </c:pt>
                <c:pt idx="1742">
                  <c:v>0</c:v>
                </c:pt>
                <c:pt idx="1743">
                  <c:v>0</c:v>
                </c:pt>
                <c:pt idx="1744">
                  <c:v>0</c:v>
                </c:pt>
                <c:pt idx="1745">
                  <c:v>0</c:v>
                </c:pt>
                <c:pt idx="1746">
                  <c:v>0</c:v>
                </c:pt>
                <c:pt idx="1747">
                  <c:v>0</c:v>
                </c:pt>
                <c:pt idx="1748">
                  <c:v>0</c:v>
                </c:pt>
                <c:pt idx="1749">
                  <c:v>0</c:v>
                </c:pt>
                <c:pt idx="1750">
                  <c:v>0</c:v>
                </c:pt>
                <c:pt idx="1751">
                  <c:v>0</c:v>
                </c:pt>
                <c:pt idx="1752">
                  <c:v>0</c:v>
                </c:pt>
                <c:pt idx="1753">
                  <c:v>0</c:v>
                </c:pt>
                <c:pt idx="1754">
                  <c:v>0</c:v>
                </c:pt>
                <c:pt idx="1755">
                  <c:v>0</c:v>
                </c:pt>
                <c:pt idx="1756">
                  <c:v>0</c:v>
                </c:pt>
                <c:pt idx="1757">
                  <c:v>0</c:v>
                </c:pt>
                <c:pt idx="1758">
                  <c:v>0</c:v>
                </c:pt>
                <c:pt idx="1759">
                  <c:v>0</c:v>
                </c:pt>
                <c:pt idx="1760">
                  <c:v>0</c:v>
                </c:pt>
                <c:pt idx="1761">
                  <c:v>0</c:v>
                </c:pt>
                <c:pt idx="1762">
                  <c:v>0</c:v>
                </c:pt>
                <c:pt idx="1763">
                  <c:v>0</c:v>
                </c:pt>
                <c:pt idx="1764">
                  <c:v>0</c:v>
                </c:pt>
                <c:pt idx="1765">
                  <c:v>0</c:v>
                </c:pt>
                <c:pt idx="1766">
                  <c:v>0</c:v>
                </c:pt>
                <c:pt idx="1767">
                  <c:v>0</c:v>
                </c:pt>
                <c:pt idx="1768">
                  <c:v>0</c:v>
                </c:pt>
                <c:pt idx="1769">
                  <c:v>0</c:v>
                </c:pt>
                <c:pt idx="1770">
                  <c:v>0</c:v>
                </c:pt>
                <c:pt idx="1771">
                  <c:v>0</c:v>
                </c:pt>
                <c:pt idx="1772">
                  <c:v>0</c:v>
                </c:pt>
                <c:pt idx="1773">
                  <c:v>0</c:v>
                </c:pt>
                <c:pt idx="1774">
                  <c:v>0</c:v>
                </c:pt>
                <c:pt idx="1775">
                  <c:v>0</c:v>
                </c:pt>
                <c:pt idx="1776">
                  <c:v>0</c:v>
                </c:pt>
                <c:pt idx="1777">
                  <c:v>0</c:v>
                </c:pt>
                <c:pt idx="1778">
                  <c:v>0</c:v>
                </c:pt>
                <c:pt idx="1779">
                  <c:v>0</c:v>
                </c:pt>
                <c:pt idx="1780">
                  <c:v>0</c:v>
                </c:pt>
                <c:pt idx="1781">
                  <c:v>0</c:v>
                </c:pt>
                <c:pt idx="1782">
                  <c:v>0</c:v>
                </c:pt>
                <c:pt idx="1783">
                  <c:v>0</c:v>
                </c:pt>
                <c:pt idx="1784">
                  <c:v>0</c:v>
                </c:pt>
                <c:pt idx="1785">
                  <c:v>0</c:v>
                </c:pt>
                <c:pt idx="1786">
                  <c:v>0</c:v>
                </c:pt>
                <c:pt idx="1787">
                  <c:v>0</c:v>
                </c:pt>
                <c:pt idx="1788">
                  <c:v>0</c:v>
                </c:pt>
                <c:pt idx="1789">
                  <c:v>0</c:v>
                </c:pt>
                <c:pt idx="1790">
                  <c:v>0</c:v>
                </c:pt>
                <c:pt idx="1791">
                  <c:v>0</c:v>
                </c:pt>
                <c:pt idx="1792">
                  <c:v>0</c:v>
                </c:pt>
                <c:pt idx="1793">
                  <c:v>0</c:v>
                </c:pt>
                <c:pt idx="1794">
                  <c:v>0</c:v>
                </c:pt>
                <c:pt idx="1795">
                  <c:v>0</c:v>
                </c:pt>
                <c:pt idx="1796">
                  <c:v>0</c:v>
                </c:pt>
                <c:pt idx="1797">
                  <c:v>0</c:v>
                </c:pt>
                <c:pt idx="1798">
                  <c:v>0</c:v>
                </c:pt>
                <c:pt idx="1799">
                  <c:v>0</c:v>
                </c:pt>
                <c:pt idx="1800">
                  <c:v>0</c:v>
                </c:pt>
                <c:pt idx="1801">
                  <c:v>0</c:v>
                </c:pt>
                <c:pt idx="1802">
                  <c:v>0</c:v>
                </c:pt>
                <c:pt idx="1803">
                  <c:v>0</c:v>
                </c:pt>
                <c:pt idx="1804">
                  <c:v>0</c:v>
                </c:pt>
                <c:pt idx="1805">
                  <c:v>0</c:v>
                </c:pt>
                <c:pt idx="1806">
                  <c:v>0</c:v>
                </c:pt>
                <c:pt idx="1807">
                  <c:v>0</c:v>
                </c:pt>
                <c:pt idx="1808">
                  <c:v>0</c:v>
                </c:pt>
                <c:pt idx="1809">
                  <c:v>0</c:v>
                </c:pt>
                <c:pt idx="1810">
                  <c:v>0</c:v>
                </c:pt>
                <c:pt idx="1811">
                  <c:v>0</c:v>
                </c:pt>
                <c:pt idx="1812">
                  <c:v>0</c:v>
                </c:pt>
                <c:pt idx="1813">
                  <c:v>0</c:v>
                </c:pt>
                <c:pt idx="1814">
                  <c:v>0</c:v>
                </c:pt>
                <c:pt idx="1815">
                  <c:v>0</c:v>
                </c:pt>
                <c:pt idx="1816">
                  <c:v>0</c:v>
                </c:pt>
                <c:pt idx="1817">
                  <c:v>0</c:v>
                </c:pt>
                <c:pt idx="1818">
                  <c:v>0</c:v>
                </c:pt>
                <c:pt idx="1819">
                  <c:v>0</c:v>
                </c:pt>
                <c:pt idx="1820">
                  <c:v>0</c:v>
                </c:pt>
                <c:pt idx="1821">
                  <c:v>0</c:v>
                </c:pt>
                <c:pt idx="1822">
                  <c:v>0</c:v>
                </c:pt>
                <c:pt idx="1823">
                  <c:v>0</c:v>
                </c:pt>
                <c:pt idx="1824">
                  <c:v>0</c:v>
                </c:pt>
                <c:pt idx="1825">
                  <c:v>0</c:v>
                </c:pt>
                <c:pt idx="1826">
                  <c:v>0</c:v>
                </c:pt>
                <c:pt idx="1827">
                  <c:v>0</c:v>
                </c:pt>
                <c:pt idx="1828">
                  <c:v>0</c:v>
                </c:pt>
                <c:pt idx="1829">
                  <c:v>0</c:v>
                </c:pt>
                <c:pt idx="1830">
                  <c:v>0</c:v>
                </c:pt>
                <c:pt idx="1831">
                  <c:v>0</c:v>
                </c:pt>
                <c:pt idx="1832">
                  <c:v>0</c:v>
                </c:pt>
                <c:pt idx="1833">
                  <c:v>0</c:v>
                </c:pt>
                <c:pt idx="1834">
                  <c:v>0</c:v>
                </c:pt>
                <c:pt idx="1835">
                  <c:v>0</c:v>
                </c:pt>
                <c:pt idx="1836">
                  <c:v>0</c:v>
                </c:pt>
                <c:pt idx="1837">
                  <c:v>0</c:v>
                </c:pt>
                <c:pt idx="1838">
                  <c:v>0</c:v>
                </c:pt>
                <c:pt idx="1839">
                  <c:v>0</c:v>
                </c:pt>
                <c:pt idx="1840">
                  <c:v>0</c:v>
                </c:pt>
                <c:pt idx="1841">
                  <c:v>0</c:v>
                </c:pt>
                <c:pt idx="1842">
                  <c:v>0</c:v>
                </c:pt>
                <c:pt idx="1843">
                  <c:v>0</c:v>
                </c:pt>
                <c:pt idx="1844">
                  <c:v>0</c:v>
                </c:pt>
                <c:pt idx="1845">
                  <c:v>0</c:v>
                </c:pt>
                <c:pt idx="1846">
                  <c:v>0</c:v>
                </c:pt>
                <c:pt idx="1847">
                  <c:v>0</c:v>
                </c:pt>
                <c:pt idx="1848">
                  <c:v>0</c:v>
                </c:pt>
                <c:pt idx="1849">
                  <c:v>0</c:v>
                </c:pt>
                <c:pt idx="1850">
                  <c:v>0</c:v>
                </c:pt>
                <c:pt idx="1851">
                  <c:v>0</c:v>
                </c:pt>
                <c:pt idx="1852">
                  <c:v>0</c:v>
                </c:pt>
                <c:pt idx="1853">
                  <c:v>0</c:v>
                </c:pt>
                <c:pt idx="1854">
                  <c:v>0</c:v>
                </c:pt>
                <c:pt idx="1855">
                  <c:v>0</c:v>
                </c:pt>
                <c:pt idx="1856">
                  <c:v>0</c:v>
                </c:pt>
                <c:pt idx="1857">
                  <c:v>0</c:v>
                </c:pt>
                <c:pt idx="1858">
                  <c:v>0</c:v>
                </c:pt>
                <c:pt idx="1859">
                  <c:v>0</c:v>
                </c:pt>
                <c:pt idx="1860">
                  <c:v>0</c:v>
                </c:pt>
                <c:pt idx="1861">
                  <c:v>0</c:v>
                </c:pt>
                <c:pt idx="1862">
                  <c:v>0</c:v>
                </c:pt>
                <c:pt idx="1863">
                  <c:v>0</c:v>
                </c:pt>
                <c:pt idx="1864">
                  <c:v>0</c:v>
                </c:pt>
                <c:pt idx="1865">
                  <c:v>0</c:v>
                </c:pt>
                <c:pt idx="1866">
                  <c:v>0</c:v>
                </c:pt>
                <c:pt idx="1867">
                  <c:v>0</c:v>
                </c:pt>
                <c:pt idx="1868">
                  <c:v>0</c:v>
                </c:pt>
                <c:pt idx="1869">
                  <c:v>0</c:v>
                </c:pt>
                <c:pt idx="1870">
                  <c:v>0</c:v>
                </c:pt>
                <c:pt idx="1871">
                  <c:v>0</c:v>
                </c:pt>
                <c:pt idx="1872">
                  <c:v>0</c:v>
                </c:pt>
                <c:pt idx="1873">
                  <c:v>0</c:v>
                </c:pt>
                <c:pt idx="1874">
                  <c:v>0</c:v>
                </c:pt>
                <c:pt idx="1875">
                  <c:v>0</c:v>
                </c:pt>
                <c:pt idx="1876">
                  <c:v>0</c:v>
                </c:pt>
                <c:pt idx="1877">
                  <c:v>0</c:v>
                </c:pt>
                <c:pt idx="1878">
                  <c:v>0</c:v>
                </c:pt>
                <c:pt idx="1879">
                  <c:v>0</c:v>
                </c:pt>
                <c:pt idx="1880">
                  <c:v>0</c:v>
                </c:pt>
                <c:pt idx="1881">
                  <c:v>0</c:v>
                </c:pt>
                <c:pt idx="1882">
                  <c:v>0</c:v>
                </c:pt>
                <c:pt idx="1883">
                  <c:v>0</c:v>
                </c:pt>
                <c:pt idx="1884">
                  <c:v>0</c:v>
                </c:pt>
                <c:pt idx="1885">
                  <c:v>0</c:v>
                </c:pt>
                <c:pt idx="1886">
                  <c:v>0</c:v>
                </c:pt>
                <c:pt idx="1887">
                  <c:v>0</c:v>
                </c:pt>
                <c:pt idx="1888">
                  <c:v>0</c:v>
                </c:pt>
                <c:pt idx="1889">
                  <c:v>0</c:v>
                </c:pt>
                <c:pt idx="1890">
                  <c:v>0</c:v>
                </c:pt>
                <c:pt idx="1891">
                  <c:v>0</c:v>
                </c:pt>
                <c:pt idx="1892">
                  <c:v>0</c:v>
                </c:pt>
                <c:pt idx="1893">
                  <c:v>0</c:v>
                </c:pt>
                <c:pt idx="1894">
                  <c:v>0</c:v>
                </c:pt>
                <c:pt idx="1895">
                  <c:v>0</c:v>
                </c:pt>
                <c:pt idx="1896">
                  <c:v>0</c:v>
                </c:pt>
                <c:pt idx="1897">
                  <c:v>0</c:v>
                </c:pt>
                <c:pt idx="1898">
                  <c:v>0</c:v>
                </c:pt>
                <c:pt idx="1899">
                  <c:v>0</c:v>
                </c:pt>
                <c:pt idx="1900">
                  <c:v>0</c:v>
                </c:pt>
                <c:pt idx="1901">
                  <c:v>0</c:v>
                </c:pt>
                <c:pt idx="1902">
                  <c:v>0</c:v>
                </c:pt>
                <c:pt idx="1903">
                  <c:v>0</c:v>
                </c:pt>
                <c:pt idx="1904">
                  <c:v>0</c:v>
                </c:pt>
                <c:pt idx="1905">
                  <c:v>0</c:v>
                </c:pt>
                <c:pt idx="1906">
                  <c:v>0</c:v>
                </c:pt>
                <c:pt idx="1907">
                  <c:v>0</c:v>
                </c:pt>
                <c:pt idx="1908">
                  <c:v>0</c:v>
                </c:pt>
                <c:pt idx="1909">
                  <c:v>0</c:v>
                </c:pt>
                <c:pt idx="1910">
                  <c:v>0</c:v>
                </c:pt>
                <c:pt idx="1911">
                  <c:v>0</c:v>
                </c:pt>
                <c:pt idx="1912">
                  <c:v>0</c:v>
                </c:pt>
                <c:pt idx="1913">
                  <c:v>0</c:v>
                </c:pt>
                <c:pt idx="1914">
                  <c:v>0</c:v>
                </c:pt>
                <c:pt idx="1915">
                  <c:v>0</c:v>
                </c:pt>
                <c:pt idx="1916">
                  <c:v>0</c:v>
                </c:pt>
                <c:pt idx="1917">
                  <c:v>0</c:v>
                </c:pt>
                <c:pt idx="1918">
                  <c:v>0</c:v>
                </c:pt>
                <c:pt idx="1919">
                  <c:v>0</c:v>
                </c:pt>
                <c:pt idx="1920">
                  <c:v>0</c:v>
                </c:pt>
                <c:pt idx="1921">
                  <c:v>0</c:v>
                </c:pt>
                <c:pt idx="1922">
                  <c:v>0</c:v>
                </c:pt>
                <c:pt idx="1923">
                  <c:v>0</c:v>
                </c:pt>
                <c:pt idx="1924">
                  <c:v>0</c:v>
                </c:pt>
                <c:pt idx="1925">
                  <c:v>0</c:v>
                </c:pt>
                <c:pt idx="1926">
                  <c:v>0</c:v>
                </c:pt>
                <c:pt idx="1927">
                  <c:v>0</c:v>
                </c:pt>
                <c:pt idx="1928">
                  <c:v>0</c:v>
                </c:pt>
                <c:pt idx="1929">
                  <c:v>0</c:v>
                </c:pt>
                <c:pt idx="1930">
                  <c:v>0</c:v>
                </c:pt>
                <c:pt idx="1931">
                  <c:v>0</c:v>
                </c:pt>
                <c:pt idx="1932">
                  <c:v>0</c:v>
                </c:pt>
                <c:pt idx="1933">
                  <c:v>0</c:v>
                </c:pt>
                <c:pt idx="1934">
                  <c:v>0</c:v>
                </c:pt>
                <c:pt idx="1935">
                  <c:v>0</c:v>
                </c:pt>
                <c:pt idx="1936">
                  <c:v>0</c:v>
                </c:pt>
                <c:pt idx="1937">
                  <c:v>0</c:v>
                </c:pt>
                <c:pt idx="1938">
                  <c:v>0</c:v>
                </c:pt>
                <c:pt idx="1939">
                  <c:v>0</c:v>
                </c:pt>
                <c:pt idx="1940">
                  <c:v>0</c:v>
                </c:pt>
                <c:pt idx="1941">
                  <c:v>0</c:v>
                </c:pt>
                <c:pt idx="1942">
                  <c:v>0</c:v>
                </c:pt>
                <c:pt idx="1943">
                  <c:v>0</c:v>
                </c:pt>
                <c:pt idx="1944">
                  <c:v>0</c:v>
                </c:pt>
                <c:pt idx="1945">
                  <c:v>0</c:v>
                </c:pt>
                <c:pt idx="1946">
                  <c:v>0</c:v>
                </c:pt>
                <c:pt idx="1947">
                  <c:v>0</c:v>
                </c:pt>
                <c:pt idx="1948">
                  <c:v>0</c:v>
                </c:pt>
                <c:pt idx="1949">
                  <c:v>0</c:v>
                </c:pt>
                <c:pt idx="1950">
                  <c:v>0</c:v>
                </c:pt>
                <c:pt idx="1951">
                  <c:v>0</c:v>
                </c:pt>
                <c:pt idx="1952">
                  <c:v>0</c:v>
                </c:pt>
                <c:pt idx="1953">
                  <c:v>0</c:v>
                </c:pt>
                <c:pt idx="1954">
                  <c:v>0</c:v>
                </c:pt>
                <c:pt idx="1955">
                  <c:v>0</c:v>
                </c:pt>
                <c:pt idx="1956">
                  <c:v>0</c:v>
                </c:pt>
                <c:pt idx="1957">
                  <c:v>0</c:v>
                </c:pt>
                <c:pt idx="1958">
                  <c:v>0</c:v>
                </c:pt>
                <c:pt idx="1959">
                  <c:v>0</c:v>
                </c:pt>
                <c:pt idx="1960">
                  <c:v>0</c:v>
                </c:pt>
                <c:pt idx="1961">
                  <c:v>0</c:v>
                </c:pt>
                <c:pt idx="1962">
                  <c:v>0</c:v>
                </c:pt>
                <c:pt idx="1963">
                  <c:v>0</c:v>
                </c:pt>
                <c:pt idx="1964">
                  <c:v>0</c:v>
                </c:pt>
                <c:pt idx="1965">
                  <c:v>0</c:v>
                </c:pt>
                <c:pt idx="1966">
                  <c:v>0</c:v>
                </c:pt>
                <c:pt idx="1967">
                  <c:v>0</c:v>
                </c:pt>
                <c:pt idx="1968">
                  <c:v>0</c:v>
                </c:pt>
                <c:pt idx="1969">
                  <c:v>0</c:v>
                </c:pt>
                <c:pt idx="1970">
                  <c:v>0</c:v>
                </c:pt>
                <c:pt idx="1971">
                  <c:v>0</c:v>
                </c:pt>
                <c:pt idx="1972">
                  <c:v>0</c:v>
                </c:pt>
                <c:pt idx="1973">
                  <c:v>0</c:v>
                </c:pt>
                <c:pt idx="1974">
                  <c:v>0</c:v>
                </c:pt>
                <c:pt idx="1975">
                  <c:v>0</c:v>
                </c:pt>
                <c:pt idx="1976">
                  <c:v>0</c:v>
                </c:pt>
                <c:pt idx="1977">
                  <c:v>0</c:v>
                </c:pt>
                <c:pt idx="1978">
                  <c:v>0</c:v>
                </c:pt>
                <c:pt idx="1979">
                  <c:v>0</c:v>
                </c:pt>
                <c:pt idx="1980">
                  <c:v>0</c:v>
                </c:pt>
                <c:pt idx="1981">
                  <c:v>0</c:v>
                </c:pt>
                <c:pt idx="1982">
                  <c:v>0</c:v>
                </c:pt>
                <c:pt idx="1983">
                  <c:v>0</c:v>
                </c:pt>
                <c:pt idx="1984">
                  <c:v>0</c:v>
                </c:pt>
                <c:pt idx="1985">
                  <c:v>0</c:v>
                </c:pt>
                <c:pt idx="1986">
                  <c:v>0</c:v>
                </c:pt>
                <c:pt idx="1987">
                  <c:v>0</c:v>
                </c:pt>
                <c:pt idx="1988">
                  <c:v>0</c:v>
                </c:pt>
                <c:pt idx="1989">
                  <c:v>0</c:v>
                </c:pt>
                <c:pt idx="1990">
                  <c:v>0</c:v>
                </c:pt>
                <c:pt idx="1991">
                  <c:v>0</c:v>
                </c:pt>
                <c:pt idx="1992">
                  <c:v>0</c:v>
                </c:pt>
                <c:pt idx="1993">
                  <c:v>0</c:v>
                </c:pt>
                <c:pt idx="1994">
                  <c:v>0</c:v>
                </c:pt>
                <c:pt idx="1995">
                  <c:v>0</c:v>
                </c:pt>
                <c:pt idx="1996">
                  <c:v>0</c:v>
                </c:pt>
                <c:pt idx="1997">
                  <c:v>0</c:v>
                </c:pt>
                <c:pt idx="1998">
                  <c:v>0</c:v>
                </c:pt>
                <c:pt idx="1999">
                  <c:v>0</c:v>
                </c:pt>
                <c:pt idx="2000">
                  <c:v>0</c:v>
                </c:pt>
                <c:pt idx="2001">
                  <c:v>0</c:v>
                </c:pt>
                <c:pt idx="2002">
                  <c:v>0</c:v>
                </c:pt>
                <c:pt idx="2003">
                  <c:v>0</c:v>
                </c:pt>
                <c:pt idx="2004">
                  <c:v>0</c:v>
                </c:pt>
                <c:pt idx="2005">
                  <c:v>0</c:v>
                </c:pt>
                <c:pt idx="2006">
                  <c:v>0</c:v>
                </c:pt>
                <c:pt idx="2007">
                  <c:v>0</c:v>
                </c:pt>
                <c:pt idx="2008">
                  <c:v>0</c:v>
                </c:pt>
                <c:pt idx="2009">
                  <c:v>0</c:v>
                </c:pt>
                <c:pt idx="2010">
                  <c:v>0</c:v>
                </c:pt>
                <c:pt idx="2011">
                  <c:v>0</c:v>
                </c:pt>
                <c:pt idx="2012">
                  <c:v>0</c:v>
                </c:pt>
                <c:pt idx="2013">
                  <c:v>0</c:v>
                </c:pt>
                <c:pt idx="2014">
                  <c:v>0</c:v>
                </c:pt>
                <c:pt idx="2015">
                  <c:v>0</c:v>
                </c:pt>
                <c:pt idx="2016">
                  <c:v>0</c:v>
                </c:pt>
                <c:pt idx="2017">
                  <c:v>0</c:v>
                </c:pt>
                <c:pt idx="2018">
                  <c:v>0</c:v>
                </c:pt>
                <c:pt idx="2019">
                  <c:v>0</c:v>
                </c:pt>
                <c:pt idx="2020">
                  <c:v>0</c:v>
                </c:pt>
                <c:pt idx="2021">
                  <c:v>0</c:v>
                </c:pt>
                <c:pt idx="2022">
                  <c:v>0</c:v>
                </c:pt>
                <c:pt idx="2023">
                  <c:v>0</c:v>
                </c:pt>
                <c:pt idx="2024">
                  <c:v>0</c:v>
                </c:pt>
                <c:pt idx="2025">
                  <c:v>0</c:v>
                </c:pt>
                <c:pt idx="2026">
                  <c:v>0</c:v>
                </c:pt>
                <c:pt idx="2027">
                  <c:v>0</c:v>
                </c:pt>
                <c:pt idx="2028">
                  <c:v>0</c:v>
                </c:pt>
                <c:pt idx="2029">
                  <c:v>0</c:v>
                </c:pt>
                <c:pt idx="2030">
                  <c:v>0</c:v>
                </c:pt>
                <c:pt idx="2031">
                  <c:v>0</c:v>
                </c:pt>
                <c:pt idx="2032">
                  <c:v>0</c:v>
                </c:pt>
                <c:pt idx="2033">
                  <c:v>0</c:v>
                </c:pt>
                <c:pt idx="2034">
                  <c:v>0</c:v>
                </c:pt>
                <c:pt idx="2035">
                  <c:v>0</c:v>
                </c:pt>
                <c:pt idx="2036">
                  <c:v>0</c:v>
                </c:pt>
                <c:pt idx="2037">
                  <c:v>0</c:v>
                </c:pt>
                <c:pt idx="2038">
                  <c:v>0</c:v>
                </c:pt>
                <c:pt idx="2039">
                  <c:v>0</c:v>
                </c:pt>
                <c:pt idx="2040">
                  <c:v>0</c:v>
                </c:pt>
                <c:pt idx="2041">
                  <c:v>0</c:v>
                </c:pt>
                <c:pt idx="2042">
                  <c:v>0</c:v>
                </c:pt>
                <c:pt idx="2043">
                  <c:v>0</c:v>
                </c:pt>
                <c:pt idx="2044">
                  <c:v>0</c:v>
                </c:pt>
                <c:pt idx="2045">
                  <c:v>0</c:v>
                </c:pt>
                <c:pt idx="2046">
                  <c:v>0</c:v>
                </c:pt>
                <c:pt idx="2047">
                  <c:v>0</c:v>
                </c:pt>
                <c:pt idx="2048">
                  <c:v>0</c:v>
                </c:pt>
                <c:pt idx="2049">
                  <c:v>0</c:v>
                </c:pt>
                <c:pt idx="2050">
                  <c:v>0</c:v>
                </c:pt>
                <c:pt idx="2051">
                  <c:v>0</c:v>
                </c:pt>
                <c:pt idx="2052">
                  <c:v>0</c:v>
                </c:pt>
                <c:pt idx="2053">
                  <c:v>0</c:v>
                </c:pt>
                <c:pt idx="2054">
                  <c:v>0</c:v>
                </c:pt>
                <c:pt idx="2055">
                  <c:v>0</c:v>
                </c:pt>
                <c:pt idx="2056">
                  <c:v>0</c:v>
                </c:pt>
                <c:pt idx="2057">
                  <c:v>0</c:v>
                </c:pt>
                <c:pt idx="2058">
                  <c:v>0</c:v>
                </c:pt>
                <c:pt idx="2059">
                  <c:v>0</c:v>
                </c:pt>
                <c:pt idx="2060">
                  <c:v>0</c:v>
                </c:pt>
                <c:pt idx="2061">
                  <c:v>0</c:v>
                </c:pt>
                <c:pt idx="2062">
                  <c:v>0</c:v>
                </c:pt>
                <c:pt idx="2063">
                  <c:v>0</c:v>
                </c:pt>
                <c:pt idx="2064">
                  <c:v>0</c:v>
                </c:pt>
                <c:pt idx="2065">
                  <c:v>0</c:v>
                </c:pt>
                <c:pt idx="2066">
                  <c:v>0</c:v>
                </c:pt>
                <c:pt idx="2067">
                  <c:v>0</c:v>
                </c:pt>
                <c:pt idx="2068">
                  <c:v>0</c:v>
                </c:pt>
                <c:pt idx="2069">
                  <c:v>0</c:v>
                </c:pt>
                <c:pt idx="2070">
                  <c:v>0</c:v>
                </c:pt>
                <c:pt idx="2071">
                  <c:v>0</c:v>
                </c:pt>
                <c:pt idx="2072">
                  <c:v>0</c:v>
                </c:pt>
                <c:pt idx="2073">
                  <c:v>0</c:v>
                </c:pt>
                <c:pt idx="2074">
                  <c:v>0</c:v>
                </c:pt>
                <c:pt idx="2075">
                  <c:v>0</c:v>
                </c:pt>
                <c:pt idx="2076">
                  <c:v>0</c:v>
                </c:pt>
                <c:pt idx="2077">
                  <c:v>0</c:v>
                </c:pt>
                <c:pt idx="2078">
                  <c:v>0</c:v>
                </c:pt>
                <c:pt idx="2079">
                  <c:v>0</c:v>
                </c:pt>
                <c:pt idx="2080">
                  <c:v>0</c:v>
                </c:pt>
                <c:pt idx="2081">
                  <c:v>0</c:v>
                </c:pt>
                <c:pt idx="2082">
                  <c:v>0</c:v>
                </c:pt>
                <c:pt idx="2083">
                  <c:v>0</c:v>
                </c:pt>
                <c:pt idx="2084">
                  <c:v>0</c:v>
                </c:pt>
                <c:pt idx="2085">
                  <c:v>0</c:v>
                </c:pt>
                <c:pt idx="2086">
                  <c:v>0</c:v>
                </c:pt>
                <c:pt idx="2087">
                  <c:v>0</c:v>
                </c:pt>
                <c:pt idx="2088">
                  <c:v>0</c:v>
                </c:pt>
                <c:pt idx="2089">
                  <c:v>0</c:v>
                </c:pt>
                <c:pt idx="2090">
                  <c:v>0</c:v>
                </c:pt>
                <c:pt idx="2091">
                  <c:v>0</c:v>
                </c:pt>
                <c:pt idx="2092">
                  <c:v>0</c:v>
                </c:pt>
                <c:pt idx="2093">
                  <c:v>0</c:v>
                </c:pt>
                <c:pt idx="2094">
                  <c:v>0</c:v>
                </c:pt>
                <c:pt idx="2095">
                  <c:v>0</c:v>
                </c:pt>
                <c:pt idx="2096">
                  <c:v>0</c:v>
                </c:pt>
                <c:pt idx="2097">
                  <c:v>0</c:v>
                </c:pt>
                <c:pt idx="2098">
                  <c:v>0</c:v>
                </c:pt>
                <c:pt idx="2099">
                  <c:v>0</c:v>
                </c:pt>
                <c:pt idx="2100">
                  <c:v>0</c:v>
                </c:pt>
                <c:pt idx="2101">
                  <c:v>0</c:v>
                </c:pt>
                <c:pt idx="2102">
                  <c:v>0</c:v>
                </c:pt>
                <c:pt idx="2103">
                  <c:v>0</c:v>
                </c:pt>
                <c:pt idx="2104">
                  <c:v>0</c:v>
                </c:pt>
                <c:pt idx="2105">
                  <c:v>0</c:v>
                </c:pt>
                <c:pt idx="2106">
                  <c:v>0</c:v>
                </c:pt>
                <c:pt idx="2107">
                  <c:v>0</c:v>
                </c:pt>
                <c:pt idx="2108">
                  <c:v>0</c:v>
                </c:pt>
                <c:pt idx="2109">
                  <c:v>0</c:v>
                </c:pt>
                <c:pt idx="2110">
                  <c:v>0</c:v>
                </c:pt>
                <c:pt idx="2111">
                  <c:v>0</c:v>
                </c:pt>
                <c:pt idx="2112">
                  <c:v>0</c:v>
                </c:pt>
                <c:pt idx="2113">
                  <c:v>0</c:v>
                </c:pt>
                <c:pt idx="2114">
                  <c:v>0</c:v>
                </c:pt>
                <c:pt idx="2115">
                  <c:v>0</c:v>
                </c:pt>
                <c:pt idx="2116">
                  <c:v>0</c:v>
                </c:pt>
                <c:pt idx="2117">
                  <c:v>0</c:v>
                </c:pt>
                <c:pt idx="2118">
                  <c:v>0</c:v>
                </c:pt>
                <c:pt idx="2119">
                  <c:v>0</c:v>
                </c:pt>
                <c:pt idx="2120">
                  <c:v>0</c:v>
                </c:pt>
                <c:pt idx="2121">
                  <c:v>0</c:v>
                </c:pt>
                <c:pt idx="2122">
                  <c:v>0</c:v>
                </c:pt>
                <c:pt idx="2123">
                  <c:v>0</c:v>
                </c:pt>
                <c:pt idx="2124">
                  <c:v>0</c:v>
                </c:pt>
                <c:pt idx="2125">
                  <c:v>0</c:v>
                </c:pt>
                <c:pt idx="2126">
                  <c:v>0</c:v>
                </c:pt>
                <c:pt idx="2127">
                  <c:v>0</c:v>
                </c:pt>
                <c:pt idx="2128">
                  <c:v>0</c:v>
                </c:pt>
                <c:pt idx="2129">
                  <c:v>0</c:v>
                </c:pt>
                <c:pt idx="2130">
                  <c:v>0</c:v>
                </c:pt>
                <c:pt idx="2131">
                  <c:v>0</c:v>
                </c:pt>
                <c:pt idx="2132">
                  <c:v>0</c:v>
                </c:pt>
                <c:pt idx="2133">
                  <c:v>0</c:v>
                </c:pt>
                <c:pt idx="2134">
                  <c:v>0</c:v>
                </c:pt>
                <c:pt idx="2135">
                  <c:v>0</c:v>
                </c:pt>
                <c:pt idx="2136">
                  <c:v>0</c:v>
                </c:pt>
                <c:pt idx="2137">
                  <c:v>0</c:v>
                </c:pt>
                <c:pt idx="2138">
                  <c:v>0</c:v>
                </c:pt>
                <c:pt idx="2139">
                  <c:v>0</c:v>
                </c:pt>
                <c:pt idx="2140">
                  <c:v>0</c:v>
                </c:pt>
                <c:pt idx="2141">
                  <c:v>0</c:v>
                </c:pt>
                <c:pt idx="2142">
                  <c:v>0</c:v>
                </c:pt>
                <c:pt idx="2143">
                  <c:v>0</c:v>
                </c:pt>
                <c:pt idx="2144">
                  <c:v>0</c:v>
                </c:pt>
                <c:pt idx="2145">
                  <c:v>0</c:v>
                </c:pt>
                <c:pt idx="2146">
                  <c:v>0</c:v>
                </c:pt>
                <c:pt idx="2147">
                  <c:v>0</c:v>
                </c:pt>
                <c:pt idx="2148">
                  <c:v>0</c:v>
                </c:pt>
                <c:pt idx="2149">
                  <c:v>0</c:v>
                </c:pt>
                <c:pt idx="2150">
                  <c:v>0</c:v>
                </c:pt>
                <c:pt idx="2151">
                  <c:v>0</c:v>
                </c:pt>
                <c:pt idx="2152">
                  <c:v>0</c:v>
                </c:pt>
                <c:pt idx="2153">
                  <c:v>0</c:v>
                </c:pt>
                <c:pt idx="2154">
                  <c:v>0</c:v>
                </c:pt>
                <c:pt idx="2155">
                  <c:v>0</c:v>
                </c:pt>
                <c:pt idx="2156">
                  <c:v>0</c:v>
                </c:pt>
                <c:pt idx="2157">
                  <c:v>0</c:v>
                </c:pt>
                <c:pt idx="2158">
                  <c:v>0</c:v>
                </c:pt>
                <c:pt idx="2159">
                  <c:v>0</c:v>
                </c:pt>
                <c:pt idx="2160">
                  <c:v>0</c:v>
                </c:pt>
                <c:pt idx="2161">
                  <c:v>0</c:v>
                </c:pt>
                <c:pt idx="2162">
                  <c:v>0</c:v>
                </c:pt>
                <c:pt idx="2163">
                  <c:v>0</c:v>
                </c:pt>
                <c:pt idx="2164">
                  <c:v>0</c:v>
                </c:pt>
                <c:pt idx="2165">
                  <c:v>0</c:v>
                </c:pt>
                <c:pt idx="2166">
                  <c:v>0</c:v>
                </c:pt>
                <c:pt idx="2167">
                  <c:v>0</c:v>
                </c:pt>
                <c:pt idx="2168">
                  <c:v>0</c:v>
                </c:pt>
                <c:pt idx="2169">
                  <c:v>0</c:v>
                </c:pt>
                <c:pt idx="2170">
                  <c:v>0</c:v>
                </c:pt>
                <c:pt idx="2171">
                  <c:v>0</c:v>
                </c:pt>
                <c:pt idx="2172">
                  <c:v>0</c:v>
                </c:pt>
                <c:pt idx="2173">
                  <c:v>0</c:v>
                </c:pt>
                <c:pt idx="2174">
                  <c:v>0</c:v>
                </c:pt>
                <c:pt idx="2175">
                  <c:v>0</c:v>
                </c:pt>
                <c:pt idx="2176">
                  <c:v>0</c:v>
                </c:pt>
                <c:pt idx="2177">
                  <c:v>0</c:v>
                </c:pt>
                <c:pt idx="2178">
                  <c:v>0</c:v>
                </c:pt>
                <c:pt idx="2179">
                  <c:v>0</c:v>
                </c:pt>
                <c:pt idx="2180">
                  <c:v>0</c:v>
                </c:pt>
                <c:pt idx="2181">
                  <c:v>0</c:v>
                </c:pt>
                <c:pt idx="2182">
                  <c:v>0</c:v>
                </c:pt>
                <c:pt idx="2183">
                  <c:v>0</c:v>
                </c:pt>
                <c:pt idx="2184">
                  <c:v>0</c:v>
                </c:pt>
                <c:pt idx="2185">
                  <c:v>0</c:v>
                </c:pt>
                <c:pt idx="2186">
                  <c:v>0</c:v>
                </c:pt>
                <c:pt idx="2187">
                  <c:v>0</c:v>
                </c:pt>
                <c:pt idx="2188">
                  <c:v>0</c:v>
                </c:pt>
                <c:pt idx="2189">
                  <c:v>0</c:v>
                </c:pt>
                <c:pt idx="2190">
                  <c:v>0</c:v>
                </c:pt>
                <c:pt idx="2191">
                  <c:v>0</c:v>
                </c:pt>
                <c:pt idx="2192">
                  <c:v>0</c:v>
                </c:pt>
                <c:pt idx="2193">
                  <c:v>0</c:v>
                </c:pt>
                <c:pt idx="2194">
                  <c:v>0</c:v>
                </c:pt>
                <c:pt idx="2195">
                  <c:v>0</c:v>
                </c:pt>
                <c:pt idx="2196">
                  <c:v>0</c:v>
                </c:pt>
                <c:pt idx="2197">
                  <c:v>0</c:v>
                </c:pt>
                <c:pt idx="2198">
                  <c:v>0</c:v>
                </c:pt>
                <c:pt idx="2199">
                  <c:v>0</c:v>
                </c:pt>
                <c:pt idx="2200">
                  <c:v>0</c:v>
                </c:pt>
                <c:pt idx="2201">
                  <c:v>0</c:v>
                </c:pt>
                <c:pt idx="2202">
                  <c:v>0</c:v>
                </c:pt>
                <c:pt idx="2203">
                  <c:v>0</c:v>
                </c:pt>
                <c:pt idx="2204">
                  <c:v>0</c:v>
                </c:pt>
                <c:pt idx="2205">
                  <c:v>0</c:v>
                </c:pt>
                <c:pt idx="2206">
                  <c:v>0</c:v>
                </c:pt>
                <c:pt idx="2207">
                  <c:v>0</c:v>
                </c:pt>
                <c:pt idx="2208">
                  <c:v>0</c:v>
                </c:pt>
                <c:pt idx="2209">
                  <c:v>0</c:v>
                </c:pt>
                <c:pt idx="2210">
                  <c:v>0</c:v>
                </c:pt>
                <c:pt idx="2211">
                  <c:v>0</c:v>
                </c:pt>
                <c:pt idx="2212">
                  <c:v>0</c:v>
                </c:pt>
                <c:pt idx="2213">
                  <c:v>0</c:v>
                </c:pt>
                <c:pt idx="2214">
                  <c:v>0</c:v>
                </c:pt>
                <c:pt idx="2215">
                  <c:v>0</c:v>
                </c:pt>
                <c:pt idx="2216">
                  <c:v>0</c:v>
                </c:pt>
                <c:pt idx="2217">
                  <c:v>0</c:v>
                </c:pt>
                <c:pt idx="2218">
                  <c:v>0</c:v>
                </c:pt>
                <c:pt idx="2219">
                  <c:v>0</c:v>
                </c:pt>
                <c:pt idx="2220">
                  <c:v>0</c:v>
                </c:pt>
                <c:pt idx="2221">
                  <c:v>0</c:v>
                </c:pt>
                <c:pt idx="2222">
                  <c:v>0</c:v>
                </c:pt>
                <c:pt idx="2223">
                  <c:v>0</c:v>
                </c:pt>
                <c:pt idx="2224">
                  <c:v>0</c:v>
                </c:pt>
                <c:pt idx="2225">
                  <c:v>0</c:v>
                </c:pt>
                <c:pt idx="2226">
                  <c:v>0</c:v>
                </c:pt>
                <c:pt idx="2227">
                  <c:v>0</c:v>
                </c:pt>
                <c:pt idx="2228">
                  <c:v>0</c:v>
                </c:pt>
                <c:pt idx="2229">
                  <c:v>0</c:v>
                </c:pt>
                <c:pt idx="2230">
                  <c:v>0</c:v>
                </c:pt>
                <c:pt idx="2231">
                  <c:v>0</c:v>
                </c:pt>
                <c:pt idx="2232">
                  <c:v>0</c:v>
                </c:pt>
                <c:pt idx="2233">
                  <c:v>0</c:v>
                </c:pt>
                <c:pt idx="2234">
                  <c:v>0</c:v>
                </c:pt>
                <c:pt idx="2235">
                  <c:v>0</c:v>
                </c:pt>
                <c:pt idx="2236">
                  <c:v>0</c:v>
                </c:pt>
                <c:pt idx="2237">
                  <c:v>0</c:v>
                </c:pt>
                <c:pt idx="2238">
                  <c:v>0</c:v>
                </c:pt>
                <c:pt idx="2239">
                  <c:v>0</c:v>
                </c:pt>
                <c:pt idx="2240">
                  <c:v>0</c:v>
                </c:pt>
                <c:pt idx="2241">
                  <c:v>0</c:v>
                </c:pt>
                <c:pt idx="2242">
                  <c:v>0</c:v>
                </c:pt>
                <c:pt idx="2243">
                  <c:v>0</c:v>
                </c:pt>
                <c:pt idx="2244">
                  <c:v>0</c:v>
                </c:pt>
                <c:pt idx="2245">
                  <c:v>0</c:v>
                </c:pt>
                <c:pt idx="2246">
                  <c:v>0</c:v>
                </c:pt>
                <c:pt idx="2247">
                  <c:v>0</c:v>
                </c:pt>
                <c:pt idx="2248">
                  <c:v>0</c:v>
                </c:pt>
                <c:pt idx="2249">
                  <c:v>0</c:v>
                </c:pt>
                <c:pt idx="2250">
                  <c:v>0</c:v>
                </c:pt>
                <c:pt idx="2251">
                  <c:v>0</c:v>
                </c:pt>
                <c:pt idx="2252">
                  <c:v>0</c:v>
                </c:pt>
                <c:pt idx="2253">
                  <c:v>0</c:v>
                </c:pt>
                <c:pt idx="2254">
                  <c:v>0</c:v>
                </c:pt>
                <c:pt idx="2255">
                  <c:v>0</c:v>
                </c:pt>
                <c:pt idx="2256">
                  <c:v>0</c:v>
                </c:pt>
                <c:pt idx="2257">
                  <c:v>0</c:v>
                </c:pt>
                <c:pt idx="2258">
                  <c:v>0</c:v>
                </c:pt>
                <c:pt idx="2259">
                  <c:v>0</c:v>
                </c:pt>
                <c:pt idx="2260">
                  <c:v>0</c:v>
                </c:pt>
                <c:pt idx="2261">
                  <c:v>0</c:v>
                </c:pt>
                <c:pt idx="2262">
                  <c:v>0</c:v>
                </c:pt>
                <c:pt idx="2263">
                  <c:v>0</c:v>
                </c:pt>
                <c:pt idx="2264">
                  <c:v>0</c:v>
                </c:pt>
                <c:pt idx="2265">
                  <c:v>0</c:v>
                </c:pt>
                <c:pt idx="2266">
                  <c:v>0</c:v>
                </c:pt>
                <c:pt idx="2267">
                  <c:v>0</c:v>
                </c:pt>
                <c:pt idx="2268">
                  <c:v>0</c:v>
                </c:pt>
                <c:pt idx="2269">
                  <c:v>0</c:v>
                </c:pt>
                <c:pt idx="2270">
                  <c:v>0</c:v>
                </c:pt>
                <c:pt idx="2271">
                  <c:v>0</c:v>
                </c:pt>
                <c:pt idx="2272">
                  <c:v>0</c:v>
                </c:pt>
                <c:pt idx="2273">
                  <c:v>0</c:v>
                </c:pt>
                <c:pt idx="2274">
                  <c:v>0</c:v>
                </c:pt>
                <c:pt idx="2275">
                  <c:v>0</c:v>
                </c:pt>
                <c:pt idx="2276">
                  <c:v>0</c:v>
                </c:pt>
                <c:pt idx="2277">
                  <c:v>0</c:v>
                </c:pt>
                <c:pt idx="2278">
                  <c:v>0</c:v>
                </c:pt>
                <c:pt idx="2279">
                  <c:v>0</c:v>
                </c:pt>
                <c:pt idx="2280">
                  <c:v>0</c:v>
                </c:pt>
                <c:pt idx="2281">
                  <c:v>0</c:v>
                </c:pt>
                <c:pt idx="2282">
                  <c:v>0</c:v>
                </c:pt>
                <c:pt idx="2283">
                  <c:v>0</c:v>
                </c:pt>
                <c:pt idx="2284">
                  <c:v>0</c:v>
                </c:pt>
                <c:pt idx="2285">
                  <c:v>0</c:v>
                </c:pt>
                <c:pt idx="2286">
                  <c:v>0</c:v>
                </c:pt>
                <c:pt idx="2287">
                  <c:v>0</c:v>
                </c:pt>
                <c:pt idx="2288">
                  <c:v>0</c:v>
                </c:pt>
                <c:pt idx="2289">
                  <c:v>0</c:v>
                </c:pt>
                <c:pt idx="2290">
                  <c:v>0</c:v>
                </c:pt>
                <c:pt idx="2291">
                  <c:v>0</c:v>
                </c:pt>
                <c:pt idx="2292">
                  <c:v>0</c:v>
                </c:pt>
                <c:pt idx="2293">
                  <c:v>0</c:v>
                </c:pt>
                <c:pt idx="2294">
                  <c:v>0</c:v>
                </c:pt>
                <c:pt idx="2295">
                  <c:v>0</c:v>
                </c:pt>
                <c:pt idx="2296">
                  <c:v>0</c:v>
                </c:pt>
                <c:pt idx="2297">
                  <c:v>0</c:v>
                </c:pt>
                <c:pt idx="2298">
                  <c:v>0</c:v>
                </c:pt>
                <c:pt idx="2299">
                  <c:v>0</c:v>
                </c:pt>
                <c:pt idx="2300">
                  <c:v>0</c:v>
                </c:pt>
                <c:pt idx="2301">
                  <c:v>0</c:v>
                </c:pt>
                <c:pt idx="2302">
                  <c:v>0</c:v>
                </c:pt>
                <c:pt idx="2303">
                  <c:v>0</c:v>
                </c:pt>
                <c:pt idx="2304">
                  <c:v>0</c:v>
                </c:pt>
                <c:pt idx="2305">
                  <c:v>0</c:v>
                </c:pt>
                <c:pt idx="2306">
                  <c:v>0</c:v>
                </c:pt>
                <c:pt idx="2307">
                  <c:v>0</c:v>
                </c:pt>
                <c:pt idx="2308">
                  <c:v>0</c:v>
                </c:pt>
                <c:pt idx="2309">
                  <c:v>0</c:v>
                </c:pt>
                <c:pt idx="2310">
                  <c:v>0</c:v>
                </c:pt>
                <c:pt idx="2311">
                  <c:v>0</c:v>
                </c:pt>
                <c:pt idx="2312">
                  <c:v>0</c:v>
                </c:pt>
                <c:pt idx="2313">
                  <c:v>0</c:v>
                </c:pt>
                <c:pt idx="2314">
                  <c:v>0</c:v>
                </c:pt>
                <c:pt idx="2315">
                  <c:v>0</c:v>
                </c:pt>
                <c:pt idx="2316">
                  <c:v>0</c:v>
                </c:pt>
                <c:pt idx="2317">
                  <c:v>0</c:v>
                </c:pt>
                <c:pt idx="2318">
                  <c:v>0</c:v>
                </c:pt>
                <c:pt idx="2319">
                  <c:v>0</c:v>
                </c:pt>
                <c:pt idx="2320">
                  <c:v>0</c:v>
                </c:pt>
                <c:pt idx="2321">
                  <c:v>0</c:v>
                </c:pt>
                <c:pt idx="2322">
                  <c:v>0</c:v>
                </c:pt>
                <c:pt idx="2323">
                  <c:v>0</c:v>
                </c:pt>
                <c:pt idx="2324">
                  <c:v>0</c:v>
                </c:pt>
                <c:pt idx="2325">
                  <c:v>0</c:v>
                </c:pt>
                <c:pt idx="2326">
                  <c:v>0</c:v>
                </c:pt>
                <c:pt idx="2327">
                  <c:v>0</c:v>
                </c:pt>
                <c:pt idx="2328">
                  <c:v>0</c:v>
                </c:pt>
                <c:pt idx="2329">
                  <c:v>0</c:v>
                </c:pt>
                <c:pt idx="2330">
                  <c:v>0</c:v>
                </c:pt>
                <c:pt idx="2331">
                  <c:v>0</c:v>
                </c:pt>
                <c:pt idx="2332">
                  <c:v>0</c:v>
                </c:pt>
                <c:pt idx="2333">
                  <c:v>0</c:v>
                </c:pt>
                <c:pt idx="2334">
                  <c:v>0</c:v>
                </c:pt>
                <c:pt idx="2335">
                  <c:v>0</c:v>
                </c:pt>
                <c:pt idx="2336">
                  <c:v>0</c:v>
                </c:pt>
                <c:pt idx="2337">
                  <c:v>0</c:v>
                </c:pt>
                <c:pt idx="2338">
                  <c:v>0</c:v>
                </c:pt>
                <c:pt idx="2339">
                  <c:v>0</c:v>
                </c:pt>
                <c:pt idx="2340">
                  <c:v>0</c:v>
                </c:pt>
                <c:pt idx="2341">
                  <c:v>0</c:v>
                </c:pt>
                <c:pt idx="2342">
                  <c:v>0</c:v>
                </c:pt>
                <c:pt idx="2343">
                  <c:v>0</c:v>
                </c:pt>
                <c:pt idx="2344">
                  <c:v>0</c:v>
                </c:pt>
                <c:pt idx="2345">
                  <c:v>0</c:v>
                </c:pt>
                <c:pt idx="2346">
                  <c:v>0</c:v>
                </c:pt>
                <c:pt idx="2347">
                  <c:v>0</c:v>
                </c:pt>
                <c:pt idx="2348">
                  <c:v>0</c:v>
                </c:pt>
                <c:pt idx="2349">
                  <c:v>0</c:v>
                </c:pt>
                <c:pt idx="2350">
                  <c:v>0</c:v>
                </c:pt>
                <c:pt idx="2351">
                  <c:v>0</c:v>
                </c:pt>
                <c:pt idx="2352">
                  <c:v>0</c:v>
                </c:pt>
                <c:pt idx="2353">
                  <c:v>0</c:v>
                </c:pt>
                <c:pt idx="2354">
                  <c:v>0</c:v>
                </c:pt>
                <c:pt idx="2355">
                  <c:v>0</c:v>
                </c:pt>
                <c:pt idx="2356">
                  <c:v>0</c:v>
                </c:pt>
                <c:pt idx="2357">
                  <c:v>0</c:v>
                </c:pt>
                <c:pt idx="2358">
                  <c:v>0</c:v>
                </c:pt>
                <c:pt idx="2359">
                  <c:v>0</c:v>
                </c:pt>
                <c:pt idx="2360">
                  <c:v>0</c:v>
                </c:pt>
                <c:pt idx="2361">
                  <c:v>0</c:v>
                </c:pt>
                <c:pt idx="2362">
                  <c:v>0</c:v>
                </c:pt>
                <c:pt idx="2363">
                  <c:v>0</c:v>
                </c:pt>
                <c:pt idx="2364">
                  <c:v>0</c:v>
                </c:pt>
                <c:pt idx="2365">
                  <c:v>0</c:v>
                </c:pt>
                <c:pt idx="2366">
                  <c:v>0</c:v>
                </c:pt>
                <c:pt idx="2367">
                  <c:v>0</c:v>
                </c:pt>
                <c:pt idx="2368">
                  <c:v>0</c:v>
                </c:pt>
                <c:pt idx="2369">
                  <c:v>0</c:v>
                </c:pt>
                <c:pt idx="2370">
                  <c:v>0</c:v>
                </c:pt>
                <c:pt idx="2371">
                  <c:v>0</c:v>
                </c:pt>
                <c:pt idx="2372">
                  <c:v>0</c:v>
                </c:pt>
                <c:pt idx="2373">
                  <c:v>0</c:v>
                </c:pt>
                <c:pt idx="2374">
                  <c:v>0</c:v>
                </c:pt>
                <c:pt idx="2375">
                  <c:v>0</c:v>
                </c:pt>
                <c:pt idx="2376">
                  <c:v>0</c:v>
                </c:pt>
                <c:pt idx="2377">
                  <c:v>0</c:v>
                </c:pt>
                <c:pt idx="2378">
                  <c:v>0</c:v>
                </c:pt>
                <c:pt idx="2379">
                  <c:v>0</c:v>
                </c:pt>
                <c:pt idx="2380">
                  <c:v>0</c:v>
                </c:pt>
                <c:pt idx="2381">
                  <c:v>0</c:v>
                </c:pt>
                <c:pt idx="2382">
                  <c:v>0</c:v>
                </c:pt>
                <c:pt idx="2383">
                  <c:v>0</c:v>
                </c:pt>
                <c:pt idx="2384">
                  <c:v>0</c:v>
                </c:pt>
                <c:pt idx="2385">
                  <c:v>0</c:v>
                </c:pt>
                <c:pt idx="2386">
                  <c:v>0</c:v>
                </c:pt>
                <c:pt idx="2387">
                  <c:v>0</c:v>
                </c:pt>
                <c:pt idx="2388">
                  <c:v>0</c:v>
                </c:pt>
                <c:pt idx="2389">
                  <c:v>0</c:v>
                </c:pt>
                <c:pt idx="2390">
                  <c:v>0</c:v>
                </c:pt>
                <c:pt idx="2391">
                  <c:v>0</c:v>
                </c:pt>
                <c:pt idx="2392">
                  <c:v>0</c:v>
                </c:pt>
                <c:pt idx="2393">
                  <c:v>0</c:v>
                </c:pt>
                <c:pt idx="2394">
                  <c:v>0</c:v>
                </c:pt>
                <c:pt idx="2395">
                  <c:v>0</c:v>
                </c:pt>
                <c:pt idx="2396">
                  <c:v>0</c:v>
                </c:pt>
                <c:pt idx="2397">
                  <c:v>0</c:v>
                </c:pt>
                <c:pt idx="2398">
                  <c:v>0</c:v>
                </c:pt>
                <c:pt idx="2399">
                  <c:v>0</c:v>
                </c:pt>
                <c:pt idx="2400">
                  <c:v>0</c:v>
                </c:pt>
                <c:pt idx="2401">
                  <c:v>0</c:v>
                </c:pt>
                <c:pt idx="2402">
                  <c:v>0</c:v>
                </c:pt>
                <c:pt idx="2403">
                  <c:v>0</c:v>
                </c:pt>
                <c:pt idx="2404">
                  <c:v>0</c:v>
                </c:pt>
                <c:pt idx="2405">
                  <c:v>0</c:v>
                </c:pt>
                <c:pt idx="2406">
                  <c:v>0</c:v>
                </c:pt>
                <c:pt idx="2407">
                  <c:v>0</c:v>
                </c:pt>
                <c:pt idx="2408">
                  <c:v>0</c:v>
                </c:pt>
                <c:pt idx="2409">
                  <c:v>0</c:v>
                </c:pt>
                <c:pt idx="2410">
                  <c:v>0</c:v>
                </c:pt>
                <c:pt idx="2411">
                  <c:v>0</c:v>
                </c:pt>
                <c:pt idx="2412">
                  <c:v>0</c:v>
                </c:pt>
                <c:pt idx="2413">
                  <c:v>0</c:v>
                </c:pt>
                <c:pt idx="2414">
                  <c:v>0</c:v>
                </c:pt>
                <c:pt idx="2415">
                  <c:v>0</c:v>
                </c:pt>
                <c:pt idx="2416">
                  <c:v>0</c:v>
                </c:pt>
                <c:pt idx="2417">
                  <c:v>0</c:v>
                </c:pt>
                <c:pt idx="2418">
                  <c:v>0</c:v>
                </c:pt>
                <c:pt idx="2419">
                  <c:v>0</c:v>
                </c:pt>
                <c:pt idx="2420">
                  <c:v>0</c:v>
                </c:pt>
                <c:pt idx="2421">
                  <c:v>0</c:v>
                </c:pt>
                <c:pt idx="2422">
                  <c:v>0</c:v>
                </c:pt>
                <c:pt idx="2423">
                  <c:v>0</c:v>
                </c:pt>
                <c:pt idx="2424">
                  <c:v>0</c:v>
                </c:pt>
                <c:pt idx="2425">
                  <c:v>0</c:v>
                </c:pt>
                <c:pt idx="2426">
                  <c:v>0</c:v>
                </c:pt>
                <c:pt idx="2427">
                  <c:v>0</c:v>
                </c:pt>
                <c:pt idx="2428">
                  <c:v>0</c:v>
                </c:pt>
                <c:pt idx="2429">
                  <c:v>0</c:v>
                </c:pt>
                <c:pt idx="2430">
                  <c:v>0</c:v>
                </c:pt>
                <c:pt idx="2431">
                  <c:v>0</c:v>
                </c:pt>
                <c:pt idx="2432">
                  <c:v>0</c:v>
                </c:pt>
                <c:pt idx="2433">
                  <c:v>0</c:v>
                </c:pt>
                <c:pt idx="2434">
                  <c:v>0</c:v>
                </c:pt>
                <c:pt idx="2435">
                  <c:v>0</c:v>
                </c:pt>
                <c:pt idx="2436">
                  <c:v>0</c:v>
                </c:pt>
                <c:pt idx="2437">
                  <c:v>0</c:v>
                </c:pt>
                <c:pt idx="2438">
                  <c:v>0</c:v>
                </c:pt>
                <c:pt idx="2439">
                  <c:v>0</c:v>
                </c:pt>
                <c:pt idx="2440">
                  <c:v>0</c:v>
                </c:pt>
                <c:pt idx="2441">
                  <c:v>0</c:v>
                </c:pt>
                <c:pt idx="2442">
                  <c:v>0</c:v>
                </c:pt>
                <c:pt idx="2443">
                  <c:v>0</c:v>
                </c:pt>
                <c:pt idx="2444">
                  <c:v>0</c:v>
                </c:pt>
                <c:pt idx="2445">
                  <c:v>0</c:v>
                </c:pt>
                <c:pt idx="2446">
                  <c:v>0</c:v>
                </c:pt>
                <c:pt idx="2447">
                  <c:v>0</c:v>
                </c:pt>
                <c:pt idx="2448">
                  <c:v>0</c:v>
                </c:pt>
                <c:pt idx="2449">
                  <c:v>0</c:v>
                </c:pt>
                <c:pt idx="2450">
                  <c:v>0</c:v>
                </c:pt>
                <c:pt idx="2451">
                  <c:v>0</c:v>
                </c:pt>
                <c:pt idx="2452">
                  <c:v>0</c:v>
                </c:pt>
                <c:pt idx="2453">
                  <c:v>0</c:v>
                </c:pt>
                <c:pt idx="2454">
                  <c:v>0</c:v>
                </c:pt>
                <c:pt idx="2455">
                  <c:v>0</c:v>
                </c:pt>
                <c:pt idx="2456">
                  <c:v>0</c:v>
                </c:pt>
                <c:pt idx="2457">
                  <c:v>0</c:v>
                </c:pt>
                <c:pt idx="2458">
                  <c:v>0</c:v>
                </c:pt>
                <c:pt idx="2459">
                  <c:v>0</c:v>
                </c:pt>
                <c:pt idx="2460">
                  <c:v>0</c:v>
                </c:pt>
                <c:pt idx="2461">
                  <c:v>0</c:v>
                </c:pt>
                <c:pt idx="2462">
                  <c:v>0</c:v>
                </c:pt>
                <c:pt idx="2463">
                  <c:v>0</c:v>
                </c:pt>
                <c:pt idx="2464">
                  <c:v>0</c:v>
                </c:pt>
                <c:pt idx="2465">
                  <c:v>0</c:v>
                </c:pt>
                <c:pt idx="2466">
                  <c:v>0</c:v>
                </c:pt>
                <c:pt idx="2467">
                  <c:v>0</c:v>
                </c:pt>
                <c:pt idx="2468">
                  <c:v>0</c:v>
                </c:pt>
                <c:pt idx="2469">
                  <c:v>0</c:v>
                </c:pt>
                <c:pt idx="2470">
                  <c:v>0</c:v>
                </c:pt>
                <c:pt idx="2471">
                  <c:v>0</c:v>
                </c:pt>
                <c:pt idx="2472">
                  <c:v>0</c:v>
                </c:pt>
                <c:pt idx="2473">
                  <c:v>0</c:v>
                </c:pt>
                <c:pt idx="2474">
                  <c:v>0</c:v>
                </c:pt>
                <c:pt idx="2475">
                  <c:v>0</c:v>
                </c:pt>
                <c:pt idx="2476">
                  <c:v>0</c:v>
                </c:pt>
                <c:pt idx="2477">
                  <c:v>0</c:v>
                </c:pt>
                <c:pt idx="2478">
                  <c:v>0</c:v>
                </c:pt>
                <c:pt idx="2479">
                  <c:v>0</c:v>
                </c:pt>
                <c:pt idx="2480">
                  <c:v>0</c:v>
                </c:pt>
                <c:pt idx="2481">
                  <c:v>0</c:v>
                </c:pt>
                <c:pt idx="2482">
                  <c:v>0</c:v>
                </c:pt>
                <c:pt idx="2483">
                  <c:v>0</c:v>
                </c:pt>
                <c:pt idx="2484">
                  <c:v>0</c:v>
                </c:pt>
                <c:pt idx="2485">
                  <c:v>0</c:v>
                </c:pt>
                <c:pt idx="2486">
                  <c:v>0</c:v>
                </c:pt>
                <c:pt idx="2487">
                  <c:v>0</c:v>
                </c:pt>
                <c:pt idx="2488">
                  <c:v>0</c:v>
                </c:pt>
                <c:pt idx="2489">
                  <c:v>0</c:v>
                </c:pt>
                <c:pt idx="2490">
                  <c:v>0</c:v>
                </c:pt>
                <c:pt idx="2491">
                  <c:v>0</c:v>
                </c:pt>
                <c:pt idx="2492">
                  <c:v>0</c:v>
                </c:pt>
                <c:pt idx="2493">
                  <c:v>0</c:v>
                </c:pt>
                <c:pt idx="2494">
                  <c:v>0</c:v>
                </c:pt>
                <c:pt idx="2495">
                  <c:v>0</c:v>
                </c:pt>
                <c:pt idx="2496">
                  <c:v>0</c:v>
                </c:pt>
                <c:pt idx="2497">
                  <c:v>0</c:v>
                </c:pt>
                <c:pt idx="2498">
                  <c:v>0</c:v>
                </c:pt>
                <c:pt idx="2499">
                  <c:v>0</c:v>
                </c:pt>
                <c:pt idx="2500">
                  <c:v>0</c:v>
                </c:pt>
                <c:pt idx="2501">
                  <c:v>0</c:v>
                </c:pt>
                <c:pt idx="2502">
                  <c:v>0</c:v>
                </c:pt>
                <c:pt idx="2503">
                  <c:v>0</c:v>
                </c:pt>
                <c:pt idx="2504">
                  <c:v>0</c:v>
                </c:pt>
                <c:pt idx="2505">
                  <c:v>0</c:v>
                </c:pt>
                <c:pt idx="2506">
                  <c:v>0</c:v>
                </c:pt>
                <c:pt idx="2507">
                  <c:v>0</c:v>
                </c:pt>
                <c:pt idx="2508">
                  <c:v>0</c:v>
                </c:pt>
                <c:pt idx="2509">
                  <c:v>0</c:v>
                </c:pt>
                <c:pt idx="2510">
                  <c:v>0</c:v>
                </c:pt>
                <c:pt idx="2511">
                  <c:v>0</c:v>
                </c:pt>
                <c:pt idx="2512">
                  <c:v>0</c:v>
                </c:pt>
                <c:pt idx="2513">
                  <c:v>0</c:v>
                </c:pt>
                <c:pt idx="2514">
                  <c:v>0</c:v>
                </c:pt>
                <c:pt idx="2515">
                  <c:v>0</c:v>
                </c:pt>
                <c:pt idx="2516">
                  <c:v>0</c:v>
                </c:pt>
                <c:pt idx="2517">
                  <c:v>0</c:v>
                </c:pt>
                <c:pt idx="2518">
                  <c:v>0</c:v>
                </c:pt>
                <c:pt idx="2519">
                  <c:v>0</c:v>
                </c:pt>
                <c:pt idx="2520">
                  <c:v>0</c:v>
                </c:pt>
                <c:pt idx="2521">
                  <c:v>0</c:v>
                </c:pt>
                <c:pt idx="2522">
                  <c:v>0</c:v>
                </c:pt>
                <c:pt idx="2523">
                  <c:v>0</c:v>
                </c:pt>
                <c:pt idx="2524">
                  <c:v>0</c:v>
                </c:pt>
                <c:pt idx="2525">
                  <c:v>0</c:v>
                </c:pt>
                <c:pt idx="2526">
                  <c:v>0</c:v>
                </c:pt>
                <c:pt idx="2527">
                  <c:v>0</c:v>
                </c:pt>
                <c:pt idx="2528">
                  <c:v>0</c:v>
                </c:pt>
                <c:pt idx="2529">
                  <c:v>0</c:v>
                </c:pt>
                <c:pt idx="2530">
                  <c:v>0</c:v>
                </c:pt>
                <c:pt idx="2531">
                  <c:v>0</c:v>
                </c:pt>
                <c:pt idx="2532">
                  <c:v>0</c:v>
                </c:pt>
                <c:pt idx="2533">
                  <c:v>0</c:v>
                </c:pt>
                <c:pt idx="2534">
                  <c:v>0</c:v>
                </c:pt>
                <c:pt idx="2535">
                  <c:v>0</c:v>
                </c:pt>
                <c:pt idx="2536">
                  <c:v>0</c:v>
                </c:pt>
                <c:pt idx="2537">
                  <c:v>0</c:v>
                </c:pt>
                <c:pt idx="2538">
                  <c:v>0</c:v>
                </c:pt>
                <c:pt idx="2539">
                  <c:v>0</c:v>
                </c:pt>
                <c:pt idx="2540">
                  <c:v>0</c:v>
                </c:pt>
                <c:pt idx="2541">
                  <c:v>0</c:v>
                </c:pt>
                <c:pt idx="2542">
                  <c:v>0</c:v>
                </c:pt>
                <c:pt idx="2543">
                  <c:v>0</c:v>
                </c:pt>
                <c:pt idx="2544">
                  <c:v>0</c:v>
                </c:pt>
                <c:pt idx="2545">
                  <c:v>0</c:v>
                </c:pt>
                <c:pt idx="2546">
                  <c:v>0</c:v>
                </c:pt>
                <c:pt idx="2547">
                  <c:v>0</c:v>
                </c:pt>
                <c:pt idx="2548">
                  <c:v>0</c:v>
                </c:pt>
                <c:pt idx="2549">
                  <c:v>0</c:v>
                </c:pt>
                <c:pt idx="2550">
                  <c:v>0</c:v>
                </c:pt>
                <c:pt idx="2551">
                  <c:v>0</c:v>
                </c:pt>
                <c:pt idx="2552">
                  <c:v>0</c:v>
                </c:pt>
                <c:pt idx="2553">
                  <c:v>0</c:v>
                </c:pt>
                <c:pt idx="2554">
                  <c:v>0</c:v>
                </c:pt>
                <c:pt idx="2555">
                  <c:v>0</c:v>
                </c:pt>
                <c:pt idx="2556">
                  <c:v>0</c:v>
                </c:pt>
                <c:pt idx="2557">
                  <c:v>0</c:v>
                </c:pt>
                <c:pt idx="2558">
                  <c:v>0</c:v>
                </c:pt>
                <c:pt idx="2559">
                  <c:v>0</c:v>
                </c:pt>
                <c:pt idx="2560">
                  <c:v>0</c:v>
                </c:pt>
                <c:pt idx="2561">
                  <c:v>0</c:v>
                </c:pt>
                <c:pt idx="2562">
                  <c:v>0</c:v>
                </c:pt>
                <c:pt idx="2563">
                  <c:v>0</c:v>
                </c:pt>
                <c:pt idx="2564">
                  <c:v>0</c:v>
                </c:pt>
                <c:pt idx="2565">
                  <c:v>0</c:v>
                </c:pt>
                <c:pt idx="2566">
                  <c:v>0</c:v>
                </c:pt>
                <c:pt idx="2567">
                  <c:v>0</c:v>
                </c:pt>
                <c:pt idx="2568">
                  <c:v>0</c:v>
                </c:pt>
                <c:pt idx="2569">
                  <c:v>0</c:v>
                </c:pt>
                <c:pt idx="2570">
                  <c:v>0</c:v>
                </c:pt>
                <c:pt idx="2571">
                  <c:v>0</c:v>
                </c:pt>
                <c:pt idx="2572">
                  <c:v>0</c:v>
                </c:pt>
                <c:pt idx="2573">
                  <c:v>0</c:v>
                </c:pt>
                <c:pt idx="2574">
                  <c:v>0</c:v>
                </c:pt>
                <c:pt idx="2575">
                  <c:v>0</c:v>
                </c:pt>
                <c:pt idx="2576">
                  <c:v>0</c:v>
                </c:pt>
                <c:pt idx="2577">
                  <c:v>0</c:v>
                </c:pt>
                <c:pt idx="2578">
                  <c:v>0</c:v>
                </c:pt>
                <c:pt idx="2579">
                  <c:v>0</c:v>
                </c:pt>
                <c:pt idx="2580">
                  <c:v>0</c:v>
                </c:pt>
                <c:pt idx="2581">
                  <c:v>0</c:v>
                </c:pt>
                <c:pt idx="2582">
                  <c:v>0</c:v>
                </c:pt>
                <c:pt idx="2583">
                  <c:v>0</c:v>
                </c:pt>
                <c:pt idx="2584">
                  <c:v>0</c:v>
                </c:pt>
                <c:pt idx="2585">
                  <c:v>0</c:v>
                </c:pt>
                <c:pt idx="2586">
                  <c:v>0</c:v>
                </c:pt>
                <c:pt idx="2587">
                  <c:v>0</c:v>
                </c:pt>
                <c:pt idx="2588">
                  <c:v>0</c:v>
                </c:pt>
                <c:pt idx="2589">
                  <c:v>0</c:v>
                </c:pt>
                <c:pt idx="2590">
                  <c:v>0</c:v>
                </c:pt>
                <c:pt idx="2591">
                  <c:v>0</c:v>
                </c:pt>
                <c:pt idx="2592">
                  <c:v>0</c:v>
                </c:pt>
                <c:pt idx="2593">
                  <c:v>0</c:v>
                </c:pt>
                <c:pt idx="2594">
                  <c:v>0</c:v>
                </c:pt>
                <c:pt idx="2595">
                  <c:v>0</c:v>
                </c:pt>
                <c:pt idx="2596">
                  <c:v>0</c:v>
                </c:pt>
                <c:pt idx="2597">
                  <c:v>0</c:v>
                </c:pt>
                <c:pt idx="2598">
                  <c:v>0</c:v>
                </c:pt>
                <c:pt idx="2599">
                  <c:v>0</c:v>
                </c:pt>
                <c:pt idx="2600">
                  <c:v>0</c:v>
                </c:pt>
                <c:pt idx="2601">
                  <c:v>0</c:v>
                </c:pt>
                <c:pt idx="2602">
                  <c:v>0</c:v>
                </c:pt>
                <c:pt idx="2603">
                  <c:v>0</c:v>
                </c:pt>
                <c:pt idx="2604">
                  <c:v>0</c:v>
                </c:pt>
                <c:pt idx="2605">
                  <c:v>0</c:v>
                </c:pt>
                <c:pt idx="2606">
                  <c:v>0</c:v>
                </c:pt>
                <c:pt idx="2607">
                  <c:v>0</c:v>
                </c:pt>
                <c:pt idx="2608">
                  <c:v>0</c:v>
                </c:pt>
                <c:pt idx="2609">
                  <c:v>0</c:v>
                </c:pt>
                <c:pt idx="2610">
                  <c:v>0</c:v>
                </c:pt>
                <c:pt idx="2611">
                  <c:v>0</c:v>
                </c:pt>
                <c:pt idx="2612">
                  <c:v>0</c:v>
                </c:pt>
                <c:pt idx="2613">
                  <c:v>0</c:v>
                </c:pt>
                <c:pt idx="2614">
                  <c:v>0</c:v>
                </c:pt>
                <c:pt idx="2615">
                  <c:v>0</c:v>
                </c:pt>
                <c:pt idx="2616">
                  <c:v>0</c:v>
                </c:pt>
                <c:pt idx="2617">
                  <c:v>0</c:v>
                </c:pt>
                <c:pt idx="2618">
                  <c:v>0</c:v>
                </c:pt>
                <c:pt idx="2619">
                  <c:v>0</c:v>
                </c:pt>
                <c:pt idx="2620">
                  <c:v>0</c:v>
                </c:pt>
                <c:pt idx="2621">
                  <c:v>0</c:v>
                </c:pt>
                <c:pt idx="2622">
                  <c:v>0</c:v>
                </c:pt>
                <c:pt idx="2623">
                  <c:v>0</c:v>
                </c:pt>
                <c:pt idx="2624">
                  <c:v>0</c:v>
                </c:pt>
                <c:pt idx="2625">
                  <c:v>0</c:v>
                </c:pt>
                <c:pt idx="2626">
                  <c:v>0</c:v>
                </c:pt>
                <c:pt idx="2627">
                  <c:v>0</c:v>
                </c:pt>
                <c:pt idx="2628">
                  <c:v>0</c:v>
                </c:pt>
                <c:pt idx="2629">
                  <c:v>0</c:v>
                </c:pt>
                <c:pt idx="2630">
                  <c:v>0</c:v>
                </c:pt>
                <c:pt idx="2631">
                  <c:v>0</c:v>
                </c:pt>
                <c:pt idx="2632">
                  <c:v>0</c:v>
                </c:pt>
                <c:pt idx="2633">
                  <c:v>0</c:v>
                </c:pt>
                <c:pt idx="2634">
                  <c:v>0</c:v>
                </c:pt>
                <c:pt idx="2635">
                  <c:v>0</c:v>
                </c:pt>
                <c:pt idx="2636">
                  <c:v>0</c:v>
                </c:pt>
                <c:pt idx="2637">
                  <c:v>0</c:v>
                </c:pt>
                <c:pt idx="2638">
                  <c:v>0</c:v>
                </c:pt>
                <c:pt idx="2639">
                  <c:v>0</c:v>
                </c:pt>
                <c:pt idx="2640">
                  <c:v>0</c:v>
                </c:pt>
                <c:pt idx="2641">
                  <c:v>0</c:v>
                </c:pt>
                <c:pt idx="2642">
                  <c:v>0</c:v>
                </c:pt>
                <c:pt idx="2643">
                  <c:v>0</c:v>
                </c:pt>
                <c:pt idx="2644">
                  <c:v>0</c:v>
                </c:pt>
                <c:pt idx="2645">
                  <c:v>0</c:v>
                </c:pt>
                <c:pt idx="2646">
                  <c:v>0</c:v>
                </c:pt>
                <c:pt idx="2647">
                  <c:v>0</c:v>
                </c:pt>
                <c:pt idx="2648">
                  <c:v>0</c:v>
                </c:pt>
                <c:pt idx="2649">
                  <c:v>0</c:v>
                </c:pt>
                <c:pt idx="2650">
                  <c:v>0</c:v>
                </c:pt>
                <c:pt idx="2651">
                  <c:v>0</c:v>
                </c:pt>
                <c:pt idx="2652">
                  <c:v>0</c:v>
                </c:pt>
                <c:pt idx="2653">
                  <c:v>0</c:v>
                </c:pt>
                <c:pt idx="2654">
                  <c:v>0</c:v>
                </c:pt>
                <c:pt idx="2655">
                  <c:v>0</c:v>
                </c:pt>
                <c:pt idx="2656">
                  <c:v>0</c:v>
                </c:pt>
                <c:pt idx="2657">
                  <c:v>0</c:v>
                </c:pt>
                <c:pt idx="2658">
                  <c:v>0</c:v>
                </c:pt>
                <c:pt idx="2659">
                  <c:v>0</c:v>
                </c:pt>
                <c:pt idx="2660">
                  <c:v>0</c:v>
                </c:pt>
                <c:pt idx="2661">
                  <c:v>0</c:v>
                </c:pt>
                <c:pt idx="2662">
                  <c:v>0</c:v>
                </c:pt>
                <c:pt idx="2663">
                  <c:v>0</c:v>
                </c:pt>
                <c:pt idx="2664">
                  <c:v>0</c:v>
                </c:pt>
                <c:pt idx="2665">
                  <c:v>0</c:v>
                </c:pt>
                <c:pt idx="2666">
                  <c:v>0</c:v>
                </c:pt>
                <c:pt idx="2667">
                  <c:v>0</c:v>
                </c:pt>
                <c:pt idx="2668">
                  <c:v>0</c:v>
                </c:pt>
                <c:pt idx="2669">
                  <c:v>0</c:v>
                </c:pt>
                <c:pt idx="2670">
                  <c:v>0</c:v>
                </c:pt>
                <c:pt idx="2671">
                  <c:v>0</c:v>
                </c:pt>
                <c:pt idx="2672">
                  <c:v>0</c:v>
                </c:pt>
                <c:pt idx="2673">
                  <c:v>0</c:v>
                </c:pt>
                <c:pt idx="2674">
                  <c:v>0</c:v>
                </c:pt>
                <c:pt idx="2675">
                  <c:v>0</c:v>
                </c:pt>
                <c:pt idx="2676">
                  <c:v>0</c:v>
                </c:pt>
                <c:pt idx="2677">
                  <c:v>0</c:v>
                </c:pt>
                <c:pt idx="2678">
                  <c:v>0</c:v>
                </c:pt>
                <c:pt idx="2679">
                  <c:v>0</c:v>
                </c:pt>
                <c:pt idx="2680">
                  <c:v>0</c:v>
                </c:pt>
                <c:pt idx="2681">
                  <c:v>0</c:v>
                </c:pt>
                <c:pt idx="2682">
                  <c:v>0</c:v>
                </c:pt>
                <c:pt idx="2683">
                  <c:v>0</c:v>
                </c:pt>
                <c:pt idx="2684">
                  <c:v>0</c:v>
                </c:pt>
                <c:pt idx="2685">
                  <c:v>0</c:v>
                </c:pt>
                <c:pt idx="2686">
                  <c:v>0</c:v>
                </c:pt>
                <c:pt idx="2687">
                  <c:v>0</c:v>
                </c:pt>
                <c:pt idx="2688">
                  <c:v>0</c:v>
                </c:pt>
                <c:pt idx="2689">
                  <c:v>0</c:v>
                </c:pt>
                <c:pt idx="2690">
                  <c:v>0</c:v>
                </c:pt>
                <c:pt idx="2691">
                  <c:v>0</c:v>
                </c:pt>
                <c:pt idx="2692">
                  <c:v>0</c:v>
                </c:pt>
                <c:pt idx="2693">
                  <c:v>0</c:v>
                </c:pt>
                <c:pt idx="2694">
                  <c:v>0</c:v>
                </c:pt>
                <c:pt idx="2695">
                  <c:v>0</c:v>
                </c:pt>
                <c:pt idx="2696">
                  <c:v>0</c:v>
                </c:pt>
                <c:pt idx="2697">
                  <c:v>0</c:v>
                </c:pt>
                <c:pt idx="2698">
                  <c:v>0</c:v>
                </c:pt>
                <c:pt idx="2699">
                  <c:v>0</c:v>
                </c:pt>
                <c:pt idx="2700">
                  <c:v>0</c:v>
                </c:pt>
                <c:pt idx="2701">
                  <c:v>0</c:v>
                </c:pt>
                <c:pt idx="2702">
                  <c:v>0</c:v>
                </c:pt>
                <c:pt idx="2703">
                  <c:v>0</c:v>
                </c:pt>
                <c:pt idx="2704">
                  <c:v>0</c:v>
                </c:pt>
                <c:pt idx="2705">
                  <c:v>0</c:v>
                </c:pt>
                <c:pt idx="2706">
                  <c:v>0</c:v>
                </c:pt>
                <c:pt idx="2707">
                  <c:v>0</c:v>
                </c:pt>
                <c:pt idx="2708">
                  <c:v>0</c:v>
                </c:pt>
                <c:pt idx="2709">
                  <c:v>0</c:v>
                </c:pt>
                <c:pt idx="2710">
                  <c:v>0</c:v>
                </c:pt>
                <c:pt idx="2711">
                  <c:v>0</c:v>
                </c:pt>
                <c:pt idx="2712">
                  <c:v>0</c:v>
                </c:pt>
                <c:pt idx="2713">
                  <c:v>0</c:v>
                </c:pt>
                <c:pt idx="2714">
                  <c:v>0</c:v>
                </c:pt>
                <c:pt idx="2715">
                  <c:v>0</c:v>
                </c:pt>
                <c:pt idx="2716">
                  <c:v>0</c:v>
                </c:pt>
                <c:pt idx="2717">
                  <c:v>0</c:v>
                </c:pt>
                <c:pt idx="2718">
                  <c:v>0</c:v>
                </c:pt>
                <c:pt idx="2719">
                  <c:v>0</c:v>
                </c:pt>
                <c:pt idx="2720">
                  <c:v>0</c:v>
                </c:pt>
                <c:pt idx="2721">
                  <c:v>0</c:v>
                </c:pt>
                <c:pt idx="2722">
                  <c:v>0</c:v>
                </c:pt>
                <c:pt idx="2723">
                  <c:v>0</c:v>
                </c:pt>
                <c:pt idx="2724">
                  <c:v>0</c:v>
                </c:pt>
                <c:pt idx="2725">
                  <c:v>0</c:v>
                </c:pt>
                <c:pt idx="2726">
                  <c:v>0</c:v>
                </c:pt>
                <c:pt idx="2727">
                  <c:v>0</c:v>
                </c:pt>
                <c:pt idx="2728">
                  <c:v>0</c:v>
                </c:pt>
                <c:pt idx="2729">
                  <c:v>0</c:v>
                </c:pt>
                <c:pt idx="2730">
                  <c:v>0</c:v>
                </c:pt>
                <c:pt idx="2731">
                  <c:v>0</c:v>
                </c:pt>
                <c:pt idx="2732">
                  <c:v>0</c:v>
                </c:pt>
                <c:pt idx="2733">
                  <c:v>0</c:v>
                </c:pt>
                <c:pt idx="2734">
                  <c:v>0</c:v>
                </c:pt>
                <c:pt idx="2735">
                  <c:v>0</c:v>
                </c:pt>
                <c:pt idx="2736">
                  <c:v>0</c:v>
                </c:pt>
                <c:pt idx="2737">
                  <c:v>0</c:v>
                </c:pt>
                <c:pt idx="2738">
                  <c:v>0</c:v>
                </c:pt>
                <c:pt idx="2739">
                  <c:v>0</c:v>
                </c:pt>
                <c:pt idx="2740">
                  <c:v>0</c:v>
                </c:pt>
                <c:pt idx="2741">
                  <c:v>0</c:v>
                </c:pt>
                <c:pt idx="2742">
                  <c:v>0</c:v>
                </c:pt>
                <c:pt idx="2743">
                  <c:v>0</c:v>
                </c:pt>
                <c:pt idx="2744">
                  <c:v>0</c:v>
                </c:pt>
                <c:pt idx="2745">
                  <c:v>0</c:v>
                </c:pt>
                <c:pt idx="2746">
                  <c:v>0</c:v>
                </c:pt>
                <c:pt idx="2747">
                  <c:v>0</c:v>
                </c:pt>
                <c:pt idx="2748">
                  <c:v>0</c:v>
                </c:pt>
                <c:pt idx="2749">
                  <c:v>0</c:v>
                </c:pt>
                <c:pt idx="2750">
                  <c:v>0</c:v>
                </c:pt>
                <c:pt idx="2751">
                  <c:v>0</c:v>
                </c:pt>
                <c:pt idx="2752">
                  <c:v>0</c:v>
                </c:pt>
                <c:pt idx="2753">
                  <c:v>0</c:v>
                </c:pt>
                <c:pt idx="2754">
                  <c:v>0</c:v>
                </c:pt>
                <c:pt idx="2755">
                  <c:v>0</c:v>
                </c:pt>
                <c:pt idx="2756">
                  <c:v>0</c:v>
                </c:pt>
                <c:pt idx="2757">
                  <c:v>0</c:v>
                </c:pt>
                <c:pt idx="2758">
                  <c:v>0</c:v>
                </c:pt>
                <c:pt idx="2759">
                  <c:v>0</c:v>
                </c:pt>
                <c:pt idx="2760">
                  <c:v>0</c:v>
                </c:pt>
                <c:pt idx="2761">
                  <c:v>0</c:v>
                </c:pt>
                <c:pt idx="2762">
                  <c:v>0</c:v>
                </c:pt>
                <c:pt idx="2763">
                  <c:v>0</c:v>
                </c:pt>
                <c:pt idx="2764">
                  <c:v>0</c:v>
                </c:pt>
                <c:pt idx="2765">
                  <c:v>0</c:v>
                </c:pt>
                <c:pt idx="2766">
                  <c:v>0</c:v>
                </c:pt>
                <c:pt idx="2767">
                  <c:v>0</c:v>
                </c:pt>
                <c:pt idx="2768">
                  <c:v>0</c:v>
                </c:pt>
                <c:pt idx="2769">
                  <c:v>0</c:v>
                </c:pt>
                <c:pt idx="2770">
                  <c:v>0</c:v>
                </c:pt>
                <c:pt idx="2771">
                  <c:v>0</c:v>
                </c:pt>
                <c:pt idx="2772">
                  <c:v>0</c:v>
                </c:pt>
                <c:pt idx="2773">
                  <c:v>0</c:v>
                </c:pt>
                <c:pt idx="2774">
                  <c:v>0</c:v>
                </c:pt>
                <c:pt idx="2775">
                  <c:v>0</c:v>
                </c:pt>
                <c:pt idx="2776">
                  <c:v>0</c:v>
                </c:pt>
                <c:pt idx="2777">
                  <c:v>0</c:v>
                </c:pt>
                <c:pt idx="2778">
                  <c:v>0</c:v>
                </c:pt>
                <c:pt idx="2779">
                  <c:v>0</c:v>
                </c:pt>
                <c:pt idx="2780">
                  <c:v>0</c:v>
                </c:pt>
                <c:pt idx="2781">
                  <c:v>0</c:v>
                </c:pt>
                <c:pt idx="2782">
                  <c:v>0</c:v>
                </c:pt>
                <c:pt idx="2783">
                  <c:v>0</c:v>
                </c:pt>
                <c:pt idx="2784">
                  <c:v>0</c:v>
                </c:pt>
                <c:pt idx="2785">
                  <c:v>0</c:v>
                </c:pt>
                <c:pt idx="2786">
                  <c:v>0</c:v>
                </c:pt>
                <c:pt idx="2787">
                  <c:v>0</c:v>
                </c:pt>
                <c:pt idx="2788">
                  <c:v>0</c:v>
                </c:pt>
                <c:pt idx="2789">
                  <c:v>0</c:v>
                </c:pt>
                <c:pt idx="2790">
                  <c:v>0</c:v>
                </c:pt>
                <c:pt idx="2791">
                  <c:v>0</c:v>
                </c:pt>
                <c:pt idx="2792">
                  <c:v>0</c:v>
                </c:pt>
                <c:pt idx="2793">
                  <c:v>0</c:v>
                </c:pt>
                <c:pt idx="2794">
                  <c:v>0</c:v>
                </c:pt>
                <c:pt idx="2795">
                  <c:v>0</c:v>
                </c:pt>
                <c:pt idx="2796">
                  <c:v>0</c:v>
                </c:pt>
                <c:pt idx="2797">
                  <c:v>0</c:v>
                </c:pt>
                <c:pt idx="2798">
                  <c:v>0</c:v>
                </c:pt>
                <c:pt idx="2799">
                  <c:v>0</c:v>
                </c:pt>
                <c:pt idx="2800">
                  <c:v>0</c:v>
                </c:pt>
                <c:pt idx="2801">
                  <c:v>0</c:v>
                </c:pt>
                <c:pt idx="2802">
                  <c:v>0</c:v>
                </c:pt>
                <c:pt idx="2803">
                  <c:v>0</c:v>
                </c:pt>
                <c:pt idx="2804">
                  <c:v>0</c:v>
                </c:pt>
                <c:pt idx="2805">
                  <c:v>0</c:v>
                </c:pt>
                <c:pt idx="2806">
                  <c:v>0</c:v>
                </c:pt>
                <c:pt idx="2807">
                  <c:v>0</c:v>
                </c:pt>
                <c:pt idx="2808">
                  <c:v>0</c:v>
                </c:pt>
                <c:pt idx="2809">
                  <c:v>0</c:v>
                </c:pt>
                <c:pt idx="2810">
                  <c:v>0</c:v>
                </c:pt>
                <c:pt idx="2811">
                  <c:v>0</c:v>
                </c:pt>
                <c:pt idx="2812">
                  <c:v>0</c:v>
                </c:pt>
                <c:pt idx="2813">
                  <c:v>0</c:v>
                </c:pt>
                <c:pt idx="2814">
                  <c:v>0</c:v>
                </c:pt>
                <c:pt idx="2815">
                  <c:v>0</c:v>
                </c:pt>
                <c:pt idx="2816">
                  <c:v>0</c:v>
                </c:pt>
                <c:pt idx="2817">
                  <c:v>0</c:v>
                </c:pt>
                <c:pt idx="2818">
                  <c:v>0</c:v>
                </c:pt>
                <c:pt idx="2819">
                  <c:v>0</c:v>
                </c:pt>
                <c:pt idx="2820">
                  <c:v>0</c:v>
                </c:pt>
                <c:pt idx="2821">
                  <c:v>0</c:v>
                </c:pt>
                <c:pt idx="2822">
                  <c:v>0</c:v>
                </c:pt>
                <c:pt idx="2823">
                  <c:v>0</c:v>
                </c:pt>
                <c:pt idx="2824">
                  <c:v>0</c:v>
                </c:pt>
                <c:pt idx="2825">
                  <c:v>0</c:v>
                </c:pt>
                <c:pt idx="2826">
                  <c:v>0</c:v>
                </c:pt>
                <c:pt idx="2827">
                  <c:v>0</c:v>
                </c:pt>
                <c:pt idx="2828">
                  <c:v>0</c:v>
                </c:pt>
                <c:pt idx="2829">
                  <c:v>0</c:v>
                </c:pt>
                <c:pt idx="2830">
                  <c:v>0</c:v>
                </c:pt>
                <c:pt idx="2831">
                  <c:v>0</c:v>
                </c:pt>
                <c:pt idx="2832">
                  <c:v>0</c:v>
                </c:pt>
                <c:pt idx="2833">
                  <c:v>0</c:v>
                </c:pt>
                <c:pt idx="2834">
                  <c:v>0</c:v>
                </c:pt>
                <c:pt idx="2835">
                  <c:v>0</c:v>
                </c:pt>
                <c:pt idx="2836">
                  <c:v>0</c:v>
                </c:pt>
                <c:pt idx="2837">
                  <c:v>0</c:v>
                </c:pt>
                <c:pt idx="2838">
                  <c:v>0</c:v>
                </c:pt>
                <c:pt idx="2839">
                  <c:v>0</c:v>
                </c:pt>
                <c:pt idx="2840">
                  <c:v>0</c:v>
                </c:pt>
                <c:pt idx="2841">
                  <c:v>0</c:v>
                </c:pt>
                <c:pt idx="2842">
                  <c:v>0</c:v>
                </c:pt>
                <c:pt idx="2843">
                  <c:v>0</c:v>
                </c:pt>
                <c:pt idx="2844">
                  <c:v>0</c:v>
                </c:pt>
                <c:pt idx="2845">
                  <c:v>0</c:v>
                </c:pt>
                <c:pt idx="2846">
                  <c:v>0</c:v>
                </c:pt>
                <c:pt idx="2847">
                  <c:v>0</c:v>
                </c:pt>
                <c:pt idx="2848">
                  <c:v>0</c:v>
                </c:pt>
                <c:pt idx="2849">
                  <c:v>0</c:v>
                </c:pt>
                <c:pt idx="2850">
                  <c:v>0</c:v>
                </c:pt>
                <c:pt idx="2851">
                  <c:v>0</c:v>
                </c:pt>
                <c:pt idx="2852">
                  <c:v>0</c:v>
                </c:pt>
                <c:pt idx="2853">
                  <c:v>0</c:v>
                </c:pt>
                <c:pt idx="2854">
                  <c:v>0</c:v>
                </c:pt>
                <c:pt idx="2855">
                  <c:v>0</c:v>
                </c:pt>
                <c:pt idx="2856">
                  <c:v>0</c:v>
                </c:pt>
                <c:pt idx="2857">
                  <c:v>0</c:v>
                </c:pt>
                <c:pt idx="2858">
                  <c:v>0</c:v>
                </c:pt>
                <c:pt idx="2859">
                  <c:v>0</c:v>
                </c:pt>
                <c:pt idx="2860">
                  <c:v>0</c:v>
                </c:pt>
                <c:pt idx="2861">
                  <c:v>0</c:v>
                </c:pt>
                <c:pt idx="2862">
                  <c:v>0</c:v>
                </c:pt>
                <c:pt idx="2863">
                  <c:v>0</c:v>
                </c:pt>
                <c:pt idx="2864">
                  <c:v>0</c:v>
                </c:pt>
                <c:pt idx="2865">
                  <c:v>0</c:v>
                </c:pt>
                <c:pt idx="2866">
                  <c:v>0</c:v>
                </c:pt>
                <c:pt idx="2867">
                  <c:v>0</c:v>
                </c:pt>
                <c:pt idx="2868">
                  <c:v>0</c:v>
                </c:pt>
                <c:pt idx="2869">
                  <c:v>0</c:v>
                </c:pt>
                <c:pt idx="2870">
                  <c:v>0</c:v>
                </c:pt>
                <c:pt idx="2871">
                  <c:v>0</c:v>
                </c:pt>
                <c:pt idx="2872">
                  <c:v>0</c:v>
                </c:pt>
                <c:pt idx="2873">
                  <c:v>0</c:v>
                </c:pt>
                <c:pt idx="2874">
                  <c:v>0</c:v>
                </c:pt>
                <c:pt idx="2875">
                  <c:v>0</c:v>
                </c:pt>
                <c:pt idx="2876">
                  <c:v>0</c:v>
                </c:pt>
                <c:pt idx="2877">
                  <c:v>0</c:v>
                </c:pt>
                <c:pt idx="2878">
                  <c:v>0</c:v>
                </c:pt>
                <c:pt idx="2879">
                  <c:v>0</c:v>
                </c:pt>
                <c:pt idx="2880">
                  <c:v>0</c:v>
                </c:pt>
                <c:pt idx="2881">
                  <c:v>0</c:v>
                </c:pt>
                <c:pt idx="2882">
                  <c:v>0</c:v>
                </c:pt>
                <c:pt idx="2883">
                  <c:v>0</c:v>
                </c:pt>
                <c:pt idx="2884">
                  <c:v>0</c:v>
                </c:pt>
                <c:pt idx="2885">
                  <c:v>0</c:v>
                </c:pt>
                <c:pt idx="2886">
                  <c:v>0</c:v>
                </c:pt>
                <c:pt idx="2887">
                  <c:v>0</c:v>
                </c:pt>
                <c:pt idx="2888">
                  <c:v>0</c:v>
                </c:pt>
                <c:pt idx="2889">
                  <c:v>0</c:v>
                </c:pt>
                <c:pt idx="2890">
                  <c:v>0</c:v>
                </c:pt>
                <c:pt idx="2891">
                  <c:v>0</c:v>
                </c:pt>
                <c:pt idx="2892">
                  <c:v>0</c:v>
                </c:pt>
                <c:pt idx="2893">
                  <c:v>0</c:v>
                </c:pt>
                <c:pt idx="2894">
                  <c:v>0</c:v>
                </c:pt>
                <c:pt idx="2895">
                  <c:v>0</c:v>
                </c:pt>
                <c:pt idx="2896">
                  <c:v>0</c:v>
                </c:pt>
                <c:pt idx="2897">
                  <c:v>0</c:v>
                </c:pt>
                <c:pt idx="2898">
                  <c:v>0</c:v>
                </c:pt>
                <c:pt idx="2899">
                  <c:v>0</c:v>
                </c:pt>
                <c:pt idx="2900">
                  <c:v>0</c:v>
                </c:pt>
                <c:pt idx="2901">
                  <c:v>0</c:v>
                </c:pt>
                <c:pt idx="2902">
                  <c:v>0</c:v>
                </c:pt>
                <c:pt idx="2903">
                  <c:v>0</c:v>
                </c:pt>
                <c:pt idx="2904">
                  <c:v>0</c:v>
                </c:pt>
                <c:pt idx="2905">
                  <c:v>0</c:v>
                </c:pt>
                <c:pt idx="2906">
                  <c:v>0</c:v>
                </c:pt>
                <c:pt idx="2907">
                  <c:v>0</c:v>
                </c:pt>
                <c:pt idx="2908">
                  <c:v>0</c:v>
                </c:pt>
                <c:pt idx="2909">
                  <c:v>0</c:v>
                </c:pt>
                <c:pt idx="2910">
                  <c:v>0</c:v>
                </c:pt>
                <c:pt idx="2911">
                  <c:v>0</c:v>
                </c:pt>
                <c:pt idx="2912">
                  <c:v>0</c:v>
                </c:pt>
                <c:pt idx="2913">
                  <c:v>0</c:v>
                </c:pt>
                <c:pt idx="2914">
                  <c:v>0</c:v>
                </c:pt>
                <c:pt idx="2915">
                  <c:v>0</c:v>
                </c:pt>
                <c:pt idx="2916">
                  <c:v>0</c:v>
                </c:pt>
                <c:pt idx="2917">
                  <c:v>0</c:v>
                </c:pt>
                <c:pt idx="2918">
                  <c:v>0</c:v>
                </c:pt>
                <c:pt idx="2919">
                  <c:v>0</c:v>
                </c:pt>
                <c:pt idx="2920">
                  <c:v>0</c:v>
                </c:pt>
                <c:pt idx="2921">
                  <c:v>0</c:v>
                </c:pt>
                <c:pt idx="2922">
                  <c:v>0</c:v>
                </c:pt>
                <c:pt idx="2923">
                  <c:v>0</c:v>
                </c:pt>
                <c:pt idx="2924">
                  <c:v>0</c:v>
                </c:pt>
                <c:pt idx="2925">
                  <c:v>0</c:v>
                </c:pt>
                <c:pt idx="2926">
                  <c:v>0</c:v>
                </c:pt>
                <c:pt idx="2927">
                  <c:v>0</c:v>
                </c:pt>
                <c:pt idx="2928">
                  <c:v>0</c:v>
                </c:pt>
                <c:pt idx="2929">
                  <c:v>0</c:v>
                </c:pt>
                <c:pt idx="2930">
                  <c:v>0</c:v>
                </c:pt>
                <c:pt idx="2931">
                  <c:v>0</c:v>
                </c:pt>
                <c:pt idx="2932">
                  <c:v>0</c:v>
                </c:pt>
                <c:pt idx="2933">
                  <c:v>0</c:v>
                </c:pt>
                <c:pt idx="2934">
                  <c:v>0</c:v>
                </c:pt>
                <c:pt idx="2935">
                  <c:v>0</c:v>
                </c:pt>
                <c:pt idx="2936">
                  <c:v>0</c:v>
                </c:pt>
                <c:pt idx="2937">
                  <c:v>0</c:v>
                </c:pt>
                <c:pt idx="2938">
                  <c:v>0</c:v>
                </c:pt>
                <c:pt idx="2939">
                  <c:v>0</c:v>
                </c:pt>
                <c:pt idx="2940">
                  <c:v>0</c:v>
                </c:pt>
                <c:pt idx="2941">
                  <c:v>0</c:v>
                </c:pt>
                <c:pt idx="2942">
                  <c:v>0</c:v>
                </c:pt>
                <c:pt idx="2943">
                  <c:v>0</c:v>
                </c:pt>
                <c:pt idx="2944">
                  <c:v>0</c:v>
                </c:pt>
                <c:pt idx="2945">
                  <c:v>0</c:v>
                </c:pt>
                <c:pt idx="2946">
                  <c:v>0</c:v>
                </c:pt>
                <c:pt idx="2947">
                  <c:v>0</c:v>
                </c:pt>
                <c:pt idx="2948">
                  <c:v>0</c:v>
                </c:pt>
                <c:pt idx="2949">
                  <c:v>0</c:v>
                </c:pt>
                <c:pt idx="2950">
                  <c:v>0</c:v>
                </c:pt>
                <c:pt idx="2951">
                  <c:v>0</c:v>
                </c:pt>
                <c:pt idx="2952">
                  <c:v>0</c:v>
                </c:pt>
                <c:pt idx="2953">
                  <c:v>0</c:v>
                </c:pt>
                <c:pt idx="2954">
                  <c:v>0</c:v>
                </c:pt>
                <c:pt idx="2955">
                  <c:v>0</c:v>
                </c:pt>
                <c:pt idx="2956">
                  <c:v>0</c:v>
                </c:pt>
                <c:pt idx="2957">
                  <c:v>0</c:v>
                </c:pt>
                <c:pt idx="2958">
                  <c:v>0</c:v>
                </c:pt>
                <c:pt idx="2959">
                  <c:v>0</c:v>
                </c:pt>
                <c:pt idx="2960">
                  <c:v>0</c:v>
                </c:pt>
                <c:pt idx="2961">
                  <c:v>0</c:v>
                </c:pt>
                <c:pt idx="2962">
                  <c:v>0</c:v>
                </c:pt>
                <c:pt idx="2963">
                  <c:v>0</c:v>
                </c:pt>
                <c:pt idx="2964">
                  <c:v>0</c:v>
                </c:pt>
                <c:pt idx="2965">
                  <c:v>0</c:v>
                </c:pt>
                <c:pt idx="2966">
                  <c:v>0</c:v>
                </c:pt>
                <c:pt idx="2967">
                  <c:v>0</c:v>
                </c:pt>
                <c:pt idx="2968">
                  <c:v>0</c:v>
                </c:pt>
                <c:pt idx="2969">
                  <c:v>0</c:v>
                </c:pt>
                <c:pt idx="2970">
                  <c:v>0</c:v>
                </c:pt>
                <c:pt idx="2971">
                  <c:v>0</c:v>
                </c:pt>
                <c:pt idx="2972">
                  <c:v>0</c:v>
                </c:pt>
                <c:pt idx="2973">
                  <c:v>0</c:v>
                </c:pt>
                <c:pt idx="2974">
                  <c:v>0</c:v>
                </c:pt>
                <c:pt idx="2975">
                  <c:v>0</c:v>
                </c:pt>
                <c:pt idx="2976">
                  <c:v>0</c:v>
                </c:pt>
                <c:pt idx="2977">
                  <c:v>0</c:v>
                </c:pt>
                <c:pt idx="2978">
                  <c:v>0</c:v>
                </c:pt>
                <c:pt idx="2979">
                  <c:v>0</c:v>
                </c:pt>
                <c:pt idx="2980">
                  <c:v>0</c:v>
                </c:pt>
                <c:pt idx="2981">
                  <c:v>0</c:v>
                </c:pt>
                <c:pt idx="2982">
                  <c:v>0</c:v>
                </c:pt>
                <c:pt idx="2983">
                  <c:v>0</c:v>
                </c:pt>
                <c:pt idx="2984">
                  <c:v>0</c:v>
                </c:pt>
                <c:pt idx="2985">
                  <c:v>0</c:v>
                </c:pt>
                <c:pt idx="2986">
                  <c:v>0</c:v>
                </c:pt>
                <c:pt idx="2987">
                  <c:v>0</c:v>
                </c:pt>
                <c:pt idx="2988">
                  <c:v>0</c:v>
                </c:pt>
                <c:pt idx="2989">
                  <c:v>0</c:v>
                </c:pt>
                <c:pt idx="2990">
                  <c:v>0</c:v>
                </c:pt>
                <c:pt idx="2991">
                  <c:v>0</c:v>
                </c:pt>
                <c:pt idx="2992">
                  <c:v>0</c:v>
                </c:pt>
                <c:pt idx="2993">
                  <c:v>0</c:v>
                </c:pt>
                <c:pt idx="2994">
                  <c:v>0</c:v>
                </c:pt>
                <c:pt idx="2995">
                  <c:v>0</c:v>
                </c:pt>
                <c:pt idx="2996">
                  <c:v>0</c:v>
                </c:pt>
                <c:pt idx="2997">
                  <c:v>0</c:v>
                </c:pt>
                <c:pt idx="2998">
                  <c:v>0</c:v>
                </c:pt>
                <c:pt idx="2999">
                  <c:v>0</c:v>
                </c:pt>
                <c:pt idx="3000">
                  <c:v>0</c:v>
                </c:pt>
                <c:pt idx="3001">
                  <c:v>0</c:v>
                </c:pt>
                <c:pt idx="3002">
                  <c:v>0</c:v>
                </c:pt>
                <c:pt idx="3003">
                  <c:v>0</c:v>
                </c:pt>
                <c:pt idx="3004">
                  <c:v>0</c:v>
                </c:pt>
                <c:pt idx="3005">
                  <c:v>0</c:v>
                </c:pt>
                <c:pt idx="3006">
                  <c:v>0</c:v>
                </c:pt>
                <c:pt idx="3007">
                  <c:v>0</c:v>
                </c:pt>
                <c:pt idx="3008">
                  <c:v>0</c:v>
                </c:pt>
                <c:pt idx="3009">
                  <c:v>0</c:v>
                </c:pt>
                <c:pt idx="3010">
                  <c:v>0</c:v>
                </c:pt>
                <c:pt idx="3011">
                  <c:v>0</c:v>
                </c:pt>
                <c:pt idx="3012">
                  <c:v>0</c:v>
                </c:pt>
                <c:pt idx="3013">
                  <c:v>0</c:v>
                </c:pt>
                <c:pt idx="3014">
                  <c:v>0</c:v>
                </c:pt>
                <c:pt idx="3015">
                  <c:v>0</c:v>
                </c:pt>
                <c:pt idx="3016">
                  <c:v>0</c:v>
                </c:pt>
                <c:pt idx="3017">
                  <c:v>0</c:v>
                </c:pt>
                <c:pt idx="3018">
                  <c:v>0</c:v>
                </c:pt>
                <c:pt idx="3019">
                  <c:v>0</c:v>
                </c:pt>
                <c:pt idx="3020">
                  <c:v>0</c:v>
                </c:pt>
                <c:pt idx="3021">
                  <c:v>0</c:v>
                </c:pt>
                <c:pt idx="3022">
                  <c:v>0</c:v>
                </c:pt>
                <c:pt idx="3023">
                  <c:v>0</c:v>
                </c:pt>
                <c:pt idx="3024">
                  <c:v>0</c:v>
                </c:pt>
                <c:pt idx="3025">
                  <c:v>0</c:v>
                </c:pt>
                <c:pt idx="3026">
                  <c:v>0</c:v>
                </c:pt>
                <c:pt idx="3027">
                  <c:v>0</c:v>
                </c:pt>
                <c:pt idx="3028">
                  <c:v>0</c:v>
                </c:pt>
                <c:pt idx="3029">
                  <c:v>0</c:v>
                </c:pt>
                <c:pt idx="3030">
                  <c:v>0</c:v>
                </c:pt>
                <c:pt idx="3031">
                  <c:v>0</c:v>
                </c:pt>
                <c:pt idx="3032">
                  <c:v>0</c:v>
                </c:pt>
                <c:pt idx="3033">
                  <c:v>0</c:v>
                </c:pt>
                <c:pt idx="3034">
                  <c:v>0</c:v>
                </c:pt>
                <c:pt idx="3035">
                  <c:v>0</c:v>
                </c:pt>
                <c:pt idx="3036">
                  <c:v>0</c:v>
                </c:pt>
                <c:pt idx="3037">
                  <c:v>0</c:v>
                </c:pt>
                <c:pt idx="3038">
                  <c:v>0</c:v>
                </c:pt>
                <c:pt idx="3039">
                  <c:v>0</c:v>
                </c:pt>
                <c:pt idx="3040">
                  <c:v>0</c:v>
                </c:pt>
                <c:pt idx="3041">
                  <c:v>0</c:v>
                </c:pt>
                <c:pt idx="3042">
                  <c:v>0</c:v>
                </c:pt>
                <c:pt idx="3043">
                  <c:v>0</c:v>
                </c:pt>
                <c:pt idx="3044">
                  <c:v>0</c:v>
                </c:pt>
                <c:pt idx="3045">
                  <c:v>0</c:v>
                </c:pt>
                <c:pt idx="3046">
                  <c:v>0</c:v>
                </c:pt>
                <c:pt idx="3047">
                  <c:v>0</c:v>
                </c:pt>
                <c:pt idx="3048">
                  <c:v>0</c:v>
                </c:pt>
                <c:pt idx="3049">
                  <c:v>0</c:v>
                </c:pt>
                <c:pt idx="3050">
                  <c:v>0</c:v>
                </c:pt>
                <c:pt idx="3051">
                  <c:v>0</c:v>
                </c:pt>
                <c:pt idx="3052">
                  <c:v>0</c:v>
                </c:pt>
                <c:pt idx="3053">
                  <c:v>0</c:v>
                </c:pt>
                <c:pt idx="3054">
                  <c:v>0</c:v>
                </c:pt>
                <c:pt idx="3055">
                  <c:v>0</c:v>
                </c:pt>
                <c:pt idx="3056">
                  <c:v>0</c:v>
                </c:pt>
                <c:pt idx="3057">
                  <c:v>0</c:v>
                </c:pt>
                <c:pt idx="3058">
                  <c:v>0</c:v>
                </c:pt>
                <c:pt idx="3059">
                  <c:v>0</c:v>
                </c:pt>
                <c:pt idx="3060">
                  <c:v>0</c:v>
                </c:pt>
                <c:pt idx="3061">
                  <c:v>0</c:v>
                </c:pt>
                <c:pt idx="3062">
                  <c:v>0</c:v>
                </c:pt>
                <c:pt idx="3063">
                  <c:v>0</c:v>
                </c:pt>
                <c:pt idx="3064">
                  <c:v>0</c:v>
                </c:pt>
                <c:pt idx="3065">
                  <c:v>0</c:v>
                </c:pt>
                <c:pt idx="3066">
                  <c:v>0</c:v>
                </c:pt>
                <c:pt idx="3067">
                  <c:v>0</c:v>
                </c:pt>
                <c:pt idx="3068">
                  <c:v>0</c:v>
                </c:pt>
                <c:pt idx="3069">
                  <c:v>0</c:v>
                </c:pt>
                <c:pt idx="3070">
                  <c:v>0</c:v>
                </c:pt>
                <c:pt idx="3071">
                  <c:v>0</c:v>
                </c:pt>
                <c:pt idx="3072">
                  <c:v>0</c:v>
                </c:pt>
                <c:pt idx="3073">
                  <c:v>0</c:v>
                </c:pt>
                <c:pt idx="3074">
                  <c:v>0</c:v>
                </c:pt>
                <c:pt idx="3075">
                  <c:v>0</c:v>
                </c:pt>
                <c:pt idx="3076">
                  <c:v>0</c:v>
                </c:pt>
                <c:pt idx="3077">
                  <c:v>0</c:v>
                </c:pt>
                <c:pt idx="3078">
                  <c:v>0</c:v>
                </c:pt>
                <c:pt idx="3079">
                  <c:v>0</c:v>
                </c:pt>
                <c:pt idx="3080">
                  <c:v>0</c:v>
                </c:pt>
                <c:pt idx="3081">
                  <c:v>0</c:v>
                </c:pt>
                <c:pt idx="3082">
                  <c:v>0</c:v>
                </c:pt>
                <c:pt idx="3083">
                  <c:v>0</c:v>
                </c:pt>
                <c:pt idx="3084">
                  <c:v>0</c:v>
                </c:pt>
                <c:pt idx="3085">
                  <c:v>0</c:v>
                </c:pt>
                <c:pt idx="3086">
                  <c:v>0</c:v>
                </c:pt>
                <c:pt idx="3087">
                  <c:v>0</c:v>
                </c:pt>
                <c:pt idx="3088">
                  <c:v>0</c:v>
                </c:pt>
                <c:pt idx="3089">
                  <c:v>0</c:v>
                </c:pt>
                <c:pt idx="3090">
                  <c:v>0</c:v>
                </c:pt>
                <c:pt idx="3091">
                  <c:v>0</c:v>
                </c:pt>
                <c:pt idx="3092">
                  <c:v>0</c:v>
                </c:pt>
                <c:pt idx="3093">
                  <c:v>0</c:v>
                </c:pt>
                <c:pt idx="3094">
                  <c:v>0</c:v>
                </c:pt>
                <c:pt idx="3095">
                  <c:v>0</c:v>
                </c:pt>
                <c:pt idx="3096">
                  <c:v>0</c:v>
                </c:pt>
                <c:pt idx="3097">
                  <c:v>0</c:v>
                </c:pt>
                <c:pt idx="3098">
                  <c:v>0</c:v>
                </c:pt>
                <c:pt idx="3099">
                  <c:v>0</c:v>
                </c:pt>
                <c:pt idx="3100">
                  <c:v>0</c:v>
                </c:pt>
                <c:pt idx="3101">
                  <c:v>0</c:v>
                </c:pt>
                <c:pt idx="3102">
                  <c:v>0</c:v>
                </c:pt>
                <c:pt idx="3103">
                  <c:v>0</c:v>
                </c:pt>
                <c:pt idx="3104">
                  <c:v>0</c:v>
                </c:pt>
                <c:pt idx="3105">
                  <c:v>0</c:v>
                </c:pt>
                <c:pt idx="3106">
                  <c:v>0</c:v>
                </c:pt>
                <c:pt idx="3107">
                  <c:v>0</c:v>
                </c:pt>
                <c:pt idx="3108">
                  <c:v>0</c:v>
                </c:pt>
                <c:pt idx="3109">
                  <c:v>0</c:v>
                </c:pt>
                <c:pt idx="3110">
                  <c:v>0</c:v>
                </c:pt>
                <c:pt idx="3111">
                  <c:v>0</c:v>
                </c:pt>
                <c:pt idx="3112">
                  <c:v>0</c:v>
                </c:pt>
                <c:pt idx="3113">
                  <c:v>0</c:v>
                </c:pt>
                <c:pt idx="3114">
                  <c:v>0</c:v>
                </c:pt>
                <c:pt idx="3115">
                  <c:v>0</c:v>
                </c:pt>
                <c:pt idx="3116">
                  <c:v>0</c:v>
                </c:pt>
                <c:pt idx="3117">
                  <c:v>0</c:v>
                </c:pt>
                <c:pt idx="3118">
                  <c:v>0</c:v>
                </c:pt>
                <c:pt idx="3119">
                  <c:v>0</c:v>
                </c:pt>
                <c:pt idx="3120">
                  <c:v>0</c:v>
                </c:pt>
                <c:pt idx="3121">
                  <c:v>0</c:v>
                </c:pt>
                <c:pt idx="3122">
                  <c:v>0</c:v>
                </c:pt>
                <c:pt idx="3123">
                  <c:v>0</c:v>
                </c:pt>
                <c:pt idx="3124">
                  <c:v>0</c:v>
                </c:pt>
                <c:pt idx="3125">
                  <c:v>0</c:v>
                </c:pt>
                <c:pt idx="3126">
                  <c:v>0</c:v>
                </c:pt>
                <c:pt idx="3127">
                  <c:v>0</c:v>
                </c:pt>
                <c:pt idx="3128">
                  <c:v>0</c:v>
                </c:pt>
                <c:pt idx="3129">
                  <c:v>0</c:v>
                </c:pt>
                <c:pt idx="3130">
                  <c:v>0</c:v>
                </c:pt>
                <c:pt idx="3131">
                  <c:v>0</c:v>
                </c:pt>
                <c:pt idx="3132">
                  <c:v>0</c:v>
                </c:pt>
                <c:pt idx="3133">
                  <c:v>0</c:v>
                </c:pt>
                <c:pt idx="3134">
                  <c:v>0</c:v>
                </c:pt>
                <c:pt idx="3135">
                  <c:v>0</c:v>
                </c:pt>
                <c:pt idx="3136">
                  <c:v>0</c:v>
                </c:pt>
                <c:pt idx="3137">
                  <c:v>0</c:v>
                </c:pt>
                <c:pt idx="3138">
                  <c:v>0</c:v>
                </c:pt>
                <c:pt idx="3139">
                  <c:v>0</c:v>
                </c:pt>
                <c:pt idx="3140">
                  <c:v>0</c:v>
                </c:pt>
                <c:pt idx="3141">
                  <c:v>0</c:v>
                </c:pt>
                <c:pt idx="3142">
                  <c:v>0</c:v>
                </c:pt>
                <c:pt idx="3143">
                  <c:v>0</c:v>
                </c:pt>
                <c:pt idx="3144">
                  <c:v>0</c:v>
                </c:pt>
                <c:pt idx="3145">
                  <c:v>0</c:v>
                </c:pt>
                <c:pt idx="3146">
                  <c:v>0</c:v>
                </c:pt>
                <c:pt idx="3147">
                  <c:v>0</c:v>
                </c:pt>
                <c:pt idx="3148">
                  <c:v>0</c:v>
                </c:pt>
                <c:pt idx="3149">
                  <c:v>0</c:v>
                </c:pt>
                <c:pt idx="3150">
                  <c:v>0</c:v>
                </c:pt>
                <c:pt idx="3151">
                  <c:v>0</c:v>
                </c:pt>
                <c:pt idx="3152">
                  <c:v>0</c:v>
                </c:pt>
                <c:pt idx="3153">
                  <c:v>0</c:v>
                </c:pt>
                <c:pt idx="3154">
                  <c:v>0</c:v>
                </c:pt>
                <c:pt idx="3155">
                  <c:v>0</c:v>
                </c:pt>
                <c:pt idx="3156">
                  <c:v>0</c:v>
                </c:pt>
                <c:pt idx="3157">
                  <c:v>0</c:v>
                </c:pt>
                <c:pt idx="3158">
                  <c:v>0</c:v>
                </c:pt>
                <c:pt idx="3159">
                  <c:v>0</c:v>
                </c:pt>
                <c:pt idx="3160">
                  <c:v>0</c:v>
                </c:pt>
                <c:pt idx="3161">
                  <c:v>0</c:v>
                </c:pt>
                <c:pt idx="3162">
                  <c:v>0</c:v>
                </c:pt>
                <c:pt idx="3163">
                  <c:v>0</c:v>
                </c:pt>
                <c:pt idx="3164">
                  <c:v>0</c:v>
                </c:pt>
                <c:pt idx="3165">
                  <c:v>0</c:v>
                </c:pt>
                <c:pt idx="3166">
                  <c:v>0</c:v>
                </c:pt>
                <c:pt idx="3167">
                  <c:v>0</c:v>
                </c:pt>
                <c:pt idx="3168">
                  <c:v>0</c:v>
                </c:pt>
                <c:pt idx="3169">
                  <c:v>0</c:v>
                </c:pt>
                <c:pt idx="3170">
                  <c:v>0</c:v>
                </c:pt>
                <c:pt idx="3171">
                  <c:v>0</c:v>
                </c:pt>
                <c:pt idx="3172">
                  <c:v>0</c:v>
                </c:pt>
                <c:pt idx="3173">
                  <c:v>0</c:v>
                </c:pt>
                <c:pt idx="3174">
                  <c:v>0</c:v>
                </c:pt>
                <c:pt idx="3175">
                  <c:v>0</c:v>
                </c:pt>
                <c:pt idx="3176">
                  <c:v>0</c:v>
                </c:pt>
                <c:pt idx="3177">
                  <c:v>0</c:v>
                </c:pt>
                <c:pt idx="3178">
                  <c:v>0</c:v>
                </c:pt>
                <c:pt idx="3179">
                  <c:v>0</c:v>
                </c:pt>
                <c:pt idx="3180">
                  <c:v>0</c:v>
                </c:pt>
                <c:pt idx="3181">
                  <c:v>0</c:v>
                </c:pt>
                <c:pt idx="3182">
                  <c:v>0</c:v>
                </c:pt>
                <c:pt idx="3183">
                  <c:v>0</c:v>
                </c:pt>
                <c:pt idx="3184">
                  <c:v>0</c:v>
                </c:pt>
                <c:pt idx="3185">
                  <c:v>0</c:v>
                </c:pt>
                <c:pt idx="3186">
                  <c:v>0</c:v>
                </c:pt>
                <c:pt idx="3187">
                  <c:v>0</c:v>
                </c:pt>
                <c:pt idx="3188">
                  <c:v>0</c:v>
                </c:pt>
                <c:pt idx="3189">
                  <c:v>0</c:v>
                </c:pt>
                <c:pt idx="3190">
                  <c:v>0</c:v>
                </c:pt>
                <c:pt idx="3191">
                  <c:v>0</c:v>
                </c:pt>
                <c:pt idx="3192">
                  <c:v>0</c:v>
                </c:pt>
                <c:pt idx="3193">
                  <c:v>0</c:v>
                </c:pt>
                <c:pt idx="3194">
                  <c:v>0</c:v>
                </c:pt>
                <c:pt idx="3195">
                  <c:v>0</c:v>
                </c:pt>
                <c:pt idx="3196">
                  <c:v>0</c:v>
                </c:pt>
                <c:pt idx="3197">
                  <c:v>0</c:v>
                </c:pt>
                <c:pt idx="3198">
                  <c:v>0</c:v>
                </c:pt>
                <c:pt idx="3199">
                  <c:v>0</c:v>
                </c:pt>
                <c:pt idx="3200">
                  <c:v>0</c:v>
                </c:pt>
                <c:pt idx="3201">
                  <c:v>0</c:v>
                </c:pt>
                <c:pt idx="3202">
                  <c:v>0</c:v>
                </c:pt>
                <c:pt idx="3203">
                  <c:v>0</c:v>
                </c:pt>
                <c:pt idx="3204">
                  <c:v>0</c:v>
                </c:pt>
                <c:pt idx="3205">
                  <c:v>0</c:v>
                </c:pt>
                <c:pt idx="3206">
                  <c:v>0</c:v>
                </c:pt>
                <c:pt idx="3207">
                  <c:v>0</c:v>
                </c:pt>
                <c:pt idx="3208">
                  <c:v>0</c:v>
                </c:pt>
                <c:pt idx="3209">
                  <c:v>0</c:v>
                </c:pt>
                <c:pt idx="3210">
                  <c:v>0</c:v>
                </c:pt>
                <c:pt idx="3211">
                  <c:v>0</c:v>
                </c:pt>
                <c:pt idx="3212">
                  <c:v>0</c:v>
                </c:pt>
                <c:pt idx="3213">
                  <c:v>0</c:v>
                </c:pt>
                <c:pt idx="3214">
                  <c:v>0</c:v>
                </c:pt>
                <c:pt idx="3215">
                  <c:v>0</c:v>
                </c:pt>
                <c:pt idx="3216">
                  <c:v>0</c:v>
                </c:pt>
                <c:pt idx="3217">
                  <c:v>0</c:v>
                </c:pt>
                <c:pt idx="3218">
                  <c:v>0</c:v>
                </c:pt>
                <c:pt idx="3219">
                  <c:v>0</c:v>
                </c:pt>
                <c:pt idx="3220">
                  <c:v>0</c:v>
                </c:pt>
                <c:pt idx="3221">
                  <c:v>0</c:v>
                </c:pt>
                <c:pt idx="3222">
                  <c:v>0</c:v>
                </c:pt>
                <c:pt idx="3223">
                  <c:v>0</c:v>
                </c:pt>
                <c:pt idx="3224">
                  <c:v>0</c:v>
                </c:pt>
                <c:pt idx="3225">
                  <c:v>0</c:v>
                </c:pt>
                <c:pt idx="3226">
                  <c:v>0</c:v>
                </c:pt>
                <c:pt idx="3227">
                  <c:v>0</c:v>
                </c:pt>
                <c:pt idx="3228">
                  <c:v>0</c:v>
                </c:pt>
                <c:pt idx="3229">
                  <c:v>0</c:v>
                </c:pt>
                <c:pt idx="3230">
                  <c:v>0</c:v>
                </c:pt>
                <c:pt idx="3231">
                  <c:v>0</c:v>
                </c:pt>
                <c:pt idx="3232">
                  <c:v>0</c:v>
                </c:pt>
                <c:pt idx="3233">
                  <c:v>0</c:v>
                </c:pt>
                <c:pt idx="3234">
                  <c:v>0</c:v>
                </c:pt>
                <c:pt idx="3235">
                  <c:v>0</c:v>
                </c:pt>
                <c:pt idx="3236">
                  <c:v>0</c:v>
                </c:pt>
                <c:pt idx="3237">
                  <c:v>0</c:v>
                </c:pt>
                <c:pt idx="3238">
                  <c:v>0</c:v>
                </c:pt>
                <c:pt idx="3239">
                  <c:v>0</c:v>
                </c:pt>
                <c:pt idx="3240">
                  <c:v>0</c:v>
                </c:pt>
                <c:pt idx="3241">
                  <c:v>0</c:v>
                </c:pt>
                <c:pt idx="3242">
                  <c:v>0</c:v>
                </c:pt>
                <c:pt idx="3243">
                  <c:v>0</c:v>
                </c:pt>
                <c:pt idx="3244">
                  <c:v>0</c:v>
                </c:pt>
                <c:pt idx="3245">
                  <c:v>0</c:v>
                </c:pt>
                <c:pt idx="3246">
                  <c:v>0</c:v>
                </c:pt>
                <c:pt idx="3247">
                  <c:v>0</c:v>
                </c:pt>
                <c:pt idx="3248">
                  <c:v>0</c:v>
                </c:pt>
                <c:pt idx="3249">
                  <c:v>0</c:v>
                </c:pt>
                <c:pt idx="3250">
                  <c:v>0</c:v>
                </c:pt>
                <c:pt idx="3251">
                  <c:v>0</c:v>
                </c:pt>
                <c:pt idx="3252">
                  <c:v>0</c:v>
                </c:pt>
                <c:pt idx="3253">
                  <c:v>0</c:v>
                </c:pt>
                <c:pt idx="3254">
                  <c:v>0</c:v>
                </c:pt>
                <c:pt idx="3255">
                  <c:v>0</c:v>
                </c:pt>
                <c:pt idx="3256">
                  <c:v>0</c:v>
                </c:pt>
                <c:pt idx="3257">
                  <c:v>0</c:v>
                </c:pt>
                <c:pt idx="3258">
                  <c:v>0</c:v>
                </c:pt>
                <c:pt idx="3259">
                  <c:v>0</c:v>
                </c:pt>
                <c:pt idx="3260">
                  <c:v>0</c:v>
                </c:pt>
                <c:pt idx="3261">
                  <c:v>0</c:v>
                </c:pt>
                <c:pt idx="3262">
                  <c:v>0</c:v>
                </c:pt>
                <c:pt idx="3263">
                  <c:v>0</c:v>
                </c:pt>
                <c:pt idx="3264">
                  <c:v>0</c:v>
                </c:pt>
                <c:pt idx="3265">
                  <c:v>0</c:v>
                </c:pt>
                <c:pt idx="3266">
                  <c:v>0</c:v>
                </c:pt>
                <c:pt idx="3267">
                  <c:v>0</c:v>
                </c:pt>
                <c:pt idx="3268">
                  <c:v>0</c:v>
                </c:pt>
                <c:pt idx="3269">
                  <c:v>0</c:v>
                </c:pt>
                <c:pt idx="3270">
                  <c:v>0</c:v>
                </c:pt>
                <c:pt idx="3271">
                  <c:v>0</c:v>
                </c:pt>
                <c:pt idx="3272">
                  <c:v>0</c:v>
                </c:pt>
                <c:pt idx="3273">
                  <c:v>0</c:v>
                </c:pt>
                <c:pt idx="3274">
                  <c:v>0</c:v>
                </c:pt>
                <c:pt idx="3275">
                  <c:v>0</c:v>
                </c:pt>
                <c:pt idx="3276">
                  <c:v>0</c:v>
                </c:pt>
                <c:pt idx="3277">
                  <c:v>0</c:v>
                </c:pt>
                <c:pt idx="3278">
                  <c:v>0</c:v>
                </c:pt>
                <c:pt idx="3279">
                  <c:v>0</c:v>
                </c:pt>
                <c:pt idx="3280">
                  <c:v>0</c:v>
                </c:pt>
                <c:pt idx="3281">
                  <c:v>0</c:v>
                </c:pt>
                <c:pt idx="3282">
                  <c:v>0</c:v>
                </c:pt>
                <c:pt idx="3283">
                  <c:v>0</c:v>
                </c:pt>
                <c:pt idx="3284">
                  <c:v>0</c:v>
                </c:pt>
                <c:pt idx="3285">
                  <c:v>0</c:v>
                </c:pt>
                <c:pt idx="3286">
                  <c:v>0</c:v>
                </c:pt>
                <c:pt idx="3287">
                  <c:v>0</c:v>
                </c:pt>
                <c:pt idx="3288">
                  <c:v>0</c:v>
                </c:pt>
                <c:pt idx="3289">
                  <c:v>0</c:v>
                </c:pt>
                <c:pt idx="3290">
                  <c:v>0</c:v>
                </c:pt>
                <c:pt idx="3291">
                  <c:v>0</c:v>
                </c:pt>
                <c:pt idx="3292">
                  <c:v>0</c:v>
                </c:pt>
                <c:pt idx="3293">
                  <c:v>0</c:v>
                </c:pt>
                <c:pt idx="3294">
                  <c:v>0</c:v>
                </c:pt>
                <c:pt idx="3295">
                  <c:v>0</c:v>
                </c:pt>
                <c:pt idx="3296">
                  <c:v>0</c:v>
                </c:pt>
                <c:pt idx="3297">
                  <c:v>0</c:v>
                </c:pt>
                <c:pt idx="3298">
                  <c:v>0</c:v>
                </c:pt>
                <c:pt idx="3299">
                  <c:v>0</c:v>
                </c:pt>
                <c:pt idx="3300">
                  <c:v>0</c:v>
                </c:pt>
                <c:pt idx="3301">
                  <c:v>0</c:v>
                </c:pt>
                <c:pt idx="3302">
                  <c:v>0</c:v>
                </c:pt>
                <c:pt idx="3303">
                  <c:v>0</c:v>
                </c:pt>
                <c:pt idx="3304">
                  <c:v>0</c:v>
                </c:pt>
                <c:pt idx="3305">
                  <c:v>0</c:v>
                </c:pt>
                <c:pt idx="3306">
                  <c:v>0</c:v>
                </c:pt>
                <c:pt idx="3307">
                  <c:v>0</c:v>
                </c:pt>
                <c:pt idx="3308">
                  <c:v>0</c:v>
                </c:pt>
                <c:pt idx="3309">
                  <c:v>0</c:v>
                </c:pt>
                <c:pt idx="3310">
                  <c:v>0</c:v>
                </c:pt>
                <c:pt idx="3311">
                  <c:v>0</c:v>
                </c:pt>
                <c:pt idx="3312">
                  <c:v>0</c:v>
                </c:pt>
                <c:pt idx="3313">
                  <c:v>0</c:v>
                </c:pt>
                <c:pt idx="3314">
                  <c:v>0</c:v>
                </c:pt>
                <c:pt idx="3315">
                  <c:v>0</c:v>
                </c:pt>
                <c:pt idx="3316">
                  <c:v>0</c:v>
                </c:pt>
                <c:pt idx="3317">
                  <c:v>0</c:v>
                </c:pt>
                <c:pt idx="3318">
                  <c:v>0</c:v>
                </c:pt>
                <c:pt idx="3319">
                  <c:v>0</c:v>
                </c:pt>
                <c:pt idx="3320">
                  <c:v>0</c:v>
                </c:pt>
                <c:pt idx="3321">
                  <c:v>0</c:v>
                </c:pt>
                <c:pt idx="3322">
                  <c:v>0</c:v>
                </c:pt>
                <c:pt idx="3323">
                  <c:v>0</c:v>
                </c:pt>
                <c:pt idx="3324">
                  <c:v>0</c:v>
                </c:pt>
                <c:pt idx="3325">
                  <c:v>0</c:v>
                </c:pt>
                <c:pt idx="3326">
                  <c:v>0</c:v>
                </c:pt>
                <c:pt idx="3327">
                  <c:v>0</c:v>
                </c:pt>
                <c:pt idx="3328">
                  <c:v>0</c:v>
                </c:pt>
                <c:pt idx="3329">
                  <c:v>0</c:v>
                </c:pt>
                <c:pt idx="3330">
                  <c:v>0</c:v>
                </c:pt>
                <c:pt idx="3331">
                  <c:v>0</c:v>
                </c:pt>
                <c:pt idx="3332">
                  <c:v>0</c:v>
                </c:pt>
                <c:pt idx="3333">
                  <c:v>0</c:v>
                </c:pt>
                <c:pt idx="3334">
                  <c:v>0</c:v>
                </c:pt>
                <c:pt idx="3335">
                  <c:v>0</c:v>
                </c:pt>
                <c:pt idx="3336">
                  <c:v>0</c:v>
                </c:pt>
                <c:pt idx="3337">
                  <c:v>0</c:v>
                </c:pt>
                <c:pt idx="3338">
                  <c:v>0</c:v>
                </c:pt>
                <c:pt idx="3339">
                  <c:v>0</c:v>
                </c:pt>
                <c:pt idx="3340">
                  <c:v>0</c:v>
                </c:pt>
                <c:pt idx="3341">
                  <c:v>0</c:v>
                </c:pt>
                <c:pt idx="3342">
                  <c:v>0</c:v>
                </c:pt>
                <c:pt idx="3343">
                  <c:v>0</c:v>
                </c:pt>
                <c:pt idx="3344">
                  <c:v>0</c:v>
                </c:pt>
                <c:pt idx="3345">
                  <c:v>0</c:v>
                </c:pt>
                <c:pt idx="3346">
                  <c:v>0</c:v>
                </c:pt>
                <c:pt idx="3347">
                  <c:v>0</c:v>
                </c:pt>
                <c:pt idx="3348">
                  <c:v>0</c:v>
                </c:pt>
                <c:pt idx="3349">
                  <c:v>0</c:v>
                </c:pt>
                <c:pt idx="3350">
                  <c:v>0</c:v>
                </c:pt>
                <c:pt idx="3351">
                  <c:v>0</c:v>
                </c:pt>
                <c:pt idx="3352">
                  <c:v>0</c:v>
                </c:pt>
                <c:pt idx="3353">
                  <c:v>0</c:v>
                </c:pt>
                <c:pt idx="3354">
                  <c:v>0</c:v>
                </c:pt>
                <c:pt idx="3355">
                  <c:v>0</c:v>
                </c:pt>
                <c:pt idx="3356">
                  <c:v>0</c:v>
                </c:pt>
                <c:pt idx="3357">
                  <c:v>0</c:v>
                </c:pt>
                <c:pt idx="3358">
                  <c:v>0</c:v>
                </c:pt>
                <c:pt idx="3359">
                  <c:v>0</c:v>
                </c:pt>
                <c:pt idx="3360">
                  <c:v>0</c:v>
                </c:pt>
                <c:pt idx="3361">
                  <c:v>0</c:v>
                </c:pt>
                <c:pt idx="3362">
                  <c:v>0</c:v>
                </c:pt>
                <c:pt idx="3363">
                  <c:v>0</c:v>
                </c:pt>
                <c:pt idx="3364">
                  <c:v>0</c:v>
                </c:pt>
                <c:pt idx="3365">
                  <c:v>0</c:v>
                </c:pt>
                <c:pt idx="3366">
                  <c:v>0</c:v>
                </c:pt>
                <c:pt idx="3367">
                  <c:v>0</c:v>
                </c:pt>
                <c:pt idx="3368">
                  <c:v>0</c:v>
                </c:pt>
                <c:pt idx="3369">
                  <c:v>0</c:v>
                </c:pt>
                <c:pt idx="3370">
                  <c:v>0</c:v>
                </c:pt>
                <c:pt idx="3371">
                  <c:v>0</c:v>
                </c:pt>
                <c:pt idx="3372">
                  <c:v>0</c:v>
                </c:pt>
                <c:pt idx="3373">
                  <c:v>0</c:v>
                </c:pt>
                <c:pt idx="3374">
                  <c:v>0</c:v>
                </c:pt>
                <c:pt idx="3375">
                  <c:v>0</c:v>
                </c:pt>
                <c:pt idx="3376">
                  <c:v>0</c:v>
                </c:pt>
                <c:pt idx="3377">
                  <c:v>0</c:v>
                </c:pt>
                <c:pt idx="3378">
                  <c:v>0</c:v>
                </c:pt>
                <c:pt idx="3379">
                  <c:v>0</c:v>
                </c:pt>
                <c:pt idx="3380">
                  <c:v>0</c:v>
                </c:pt>
                <c:pt idx="3381">
                  <c:v>0</c:v>
                </c:pt>
                <c:pt idx="3382">
                  <c:v>0</c:v>
                </c:pt>
                <c:pt idx="3383">
                  <c:v>0</c:v>
                </c:pt>
                <c:pt idx="3384">
                  <c:v>0</c:v>
                </c:pt>
                <c:pt idx="3385">
                  <c:v>0</c:v>
                </c:pt>
                <c:pt idx="3386">
                  <c:v>0</c:v>
                </c:pt>
                <c:pt idx="3387">
                  <c:v>0</c:v>
                </c:pt>
                <c:pt idx="3388">
                  <c:v>0</c:v>
                </c:pt>
                <c:pt idx="3389">
                  <c:v>0</c:v>
                </c:pt>
                <c:pt idx="3390">
                  <c:v>0</c:v>
                </c:pt>
                <c:pt idx="3391">
                  <c:v>0</c:v>
                </c:pt>
                <c:pt idx="3392">
                  <c:v>0</c:v>
                </c:pt>
                <c:pt idx="3393">
                  <c:v>0</c:v>
                </c:pt>
                <c:pt idx="3394">
                  <c:v>0</c:v>
                </c:pt>
                <c:pt idx="3395">
                  <c:v>0</c:v>
                </c:pt>
                <c:pt idx="3396">
                  <c:v>0</c:v>
                </c:pt>
                <c:pt idx="3397">
                  <c:v>0</c:v>
                </c:pt>
                <c:pt idx="3398">
                  <c:v>0</c:v>
                </c:pt>
                <c:pt idx="3399">
                  <c:v>0</c:v>
                </c:pt>
                <c:pt idx="3400">
                  <c:v>0</c:v>
                </c:pt>
                <c:pt idx="3401">
                  <c:v>0</c:v>
                </c:pt>
                <c:pt idx="3402">
                  <c:v>0</c:v>
                </c:pt>
                <c:pt idx="3403">
                  <c:v>0</c:v>
                </c:pt>
                <c:pt idx="3404">
                  <c:v>0</c:v>
                </c:pt>
                <c:pt idx="3405">
                  <c:v>0</c:v>
                </c:pt>
                <c:pt idx="3406">
                  <c:v>0</c:v>
                </c:pt>
                <c:pt idx="3407">
                  <c:v>0</c:v>
                </c:pt>
                <c:pt idx="3408">
                  <c:v>0</c:v>
                </c:pt>
                <c:pt idx="3409">
                  <c:v>0</c:v>
                </c:pt>
                <c:pt idx="3410">
                  <c:v>0</c:v>
                </c:pt>
                <c:pt idx="3411">
                  <c:v>0</c:v>
                </c:pt>
                <c:pt idx="3412">
                  <c:v>0</c:v>
                </c:pt>
                <c:pt idx="3413">
                  <c:v>0</c:v>
                </c:pt>
                <c:pt idx="3414">
                  <c:v>0</c:v>
                </c:pt>
                <c:pt idx="3415">
                  <c:v>0</c:v>
                </c:pt>
                <c:pt idx="3416">
                  <c:v>0</c:v>
                </c:pt>
                <c:pt idx="3417">
                  <c:v>0</c:v>
                </c:pt>
                <c:pt idx="3418">
                  <c:v>0</c:v>
                </c:pt>
                <c:pt idx="3419">
                  <c:v>0</c:v>
                </c:pt>
                <c:pt idx="3420">
                  <c:v>0</c:v>
                </c:pt>
                <c:pt idx="3421">
                  <c:v>0</c:v>
                </c:pt>
                <c:pt idx="3422">
                  <c:v>0</c:v>
                </c:pt>
                <c:pt idx="3423">
                  <c:v>0</c:v>
                </c:pt>
                <c:pt idx="3424">
                  <c:v>0</c:v>
                </c:pt>
                <c:pt idx="3425">
                  <c:v>0</c:v>
                </c:pt>
                <c:pt idx="3426">
                  <c:v>0</c:v>
                </c:pt>
                <c:pt idx="3427">
                  <c:v>0</c:v>
                </c:pt>
                <c:pt idx="3428">
                  <c:v>0</c:v>
                </c:pt>
                <c:pt idx="3429">
                  <c:v>0</c:v>
                </c:pt>
                <c:pt idx="3430">
                  <c:v>0</c:v>
                </c:pt>
                <c:pt idx="3431">
                  <c:v>0</c:v>
                </c:pt>
                <c:pt idx="3432">
                  <c:v>0</c:v>
                </c:pt>
                <c:pt idx="3433">
                  <c:v>0</c:v>
                </c:pt>
                <c:pt idx="3434">
                  <c:v>0</c:v>
                </c:pt>
                <c:pt idx="3435">
                  <c:v>0</c:v>
                </c:pt>
                <c:pt idx="3436">
                  <c:v>0</c:v>
                </c:pt>
                <c:pt idx="3437">
                  <c:v>0</c:v>
                </c:pt>
                <c:pt idx="3438">
                  <c:v>0</c:v>
                </c:pt>
                <c:pt idx="3439">
                  <c:v>0</c:v>
                </c:pt>
                <c:pt idx="3440">
                  <c:v>0</c:v>
                </c:pt>
                <c:pt idx="3441">
                  <c:v>0</c:v>
                </c:pt>
                <c:pt idx="3442">
                  <c:v>0</c:v>
                </c:pt>
                <c:pt idx="3443">
                  <c:v>0</c:v>
                </c:pt>
                <c:pt idx="3444">
                  <c:v>0</c:v>
                </c:pt>
                <c:pt idx="3445">
                  <c:v>0</c:v>
                </c:pt>
                <c:pt idx="3446">
                  <c:v>0</c:v>
                </c:pt>
                <c:pt idx="3447">
                  <c:v>0</c:v>
                </c:pt>
                <c:pt idx="3448">
                  <c:v>0</c:v>
                </c:pt>
                <c:pt idx="3449">
                  <c:v>0</c:v>
                </c:pt>
                <c:pt idx="3450">
                  <c:v>0</c:v>
                </c:pt>
                <c:pt idx="3451">
                  <c:v>0</c:v>
                </c:pt>
                <c:pt idx="3452">
                  <c:v>0</c:v>
                </c:pt>
                <c:pt idx="3453">
                  <c:v>0</c:v>
                </c:pt>
                <c:pt idx="3454">
                  <c:v>0</c:v>
                </c:pt>
                <c:pt idx="3455">
                  <c:v>0</c:v>
                </c:pt>
                <c:pt idx="3456">
                  <c:v>0</c:v>
                </c:pt>
                <c:pt idx="3457">
                  <c:v>0</c:v>
                </c:pt>
                <c:pt idx="3458">
                  <c:v>0</c:v>
                </c:pt>
                <c:pt idx="3459">
                  <c:v>0</c:v>
                </c:pt>
                <c:pt idx="3460">
                  <c:v>0</c:v>
                </c:pt>
                <c:pt idx="3461">
                  <c:v>0</c:v>
                </c:pt>
                <c:pt idx="3462">
                  <c:v>0</c:v>
                </c:pt>
                <c:pt idx="3463">
                  <c:v>0</c:v>
                </c:pt>
                <c:pt idx="3464">
                  <c:v>0</c:v>
                </c:pt>
                <c:pt idx="3465">
                  <c:v>0</c:v>
                </c:pt>
                <c:pt idx="3466">
                  <c:v>0</c:v>
                </c:pt>
                <c:pt idx="3467">
                  <c:v>0</c:v>
                </c:pt>
                <c:pt idx="3468">
                  <c:v>0</c:v>
                </c:pt>
                <c:pt idx="3469">
                  <c:v>0</c:v>
                </c:pt>
                <c:pt idx="3470">
                  <c:v>0</c:v>
                </c:pt>
                <c:pt idx="3471">
                  <c:v>0</c:v>
                </c:pt>
                <c:pt idx="3472">
                  <c:v>0</c:v>
                </c:pt>
                <c:pt idx="3473">
                  <c:v>0</c:v>
                </c:pt>
                <c:pt idx="3474">
                  <c:v>0</c:v>
                </c:pt>
                <c:pt idx="3475">
                  <c:v>0</c:v>
                </c:pt>
                <c:pt idx="3476">
                  <c:v>0</c:v>
                </c:pt>
                <c:pt idx="3477">
                  <c:v>0</c:v>
                </c:pt>
                <c:pt idx="3478">
                  <c:v>0</c:v>
                </c:pt>
                <c:pt idx="3479">
                  <c:v>0</c:v>
                </c:pt>
                <c:pt idx="3480">
                  <c:v>0</c:v>
                </c:pt>
                <c:pt idx="3481">
                  <c:v>0</c:v>
                </c:pt>
                <c:pt idx="3482">
                  <c:v>0</c:v>
                </c:pt>
                <c:pt idx="3483">
                  <c:v>0</c:v>
                </c:pt>
                <c:pt idx="3484">
                  <c:v>0</c:v>
                </c:pt>
                <c:pt idx="3485">
                  <c:v>0</c:v>
                </c:pt>
                <c:pt idx="3486">
                  <c:v>0</c:v>
                </c:pt>
                <c:pt idx="3487">
                  <c:v>0</c:v>
                </c:pt>
                <c:pt idx="3488">
                  <c:v>0</c:v>
                </c:pt>
                <c:pt idx="3489">
                  <c:v>0</c:v>
                </c:pt>
                <c:pt idx="3490">
                  <c:v>0</c:v>
                </c:pt>
                <c:pt idx="3491">
                  <c:v>0</c:v>
                </c:pt>
                <c:pt idx="3492">
                  <c:v>0</c:v>
                </c:pt>
                <c:pt idx="3493">
                  <c:v>0</c:v>
                </c:pt>
                <c:pt idx="3494">
                  <c:v>0</c:v>
                </c:pt>
                <c:pt idx="3495">
                  <c:v>0</c:v>
                </c:pt>
                <c:pt idx="3496">
                  <c:v>0</c:v>
                </c:pt>
                <c:pt idx="3497">
                  <c:v>0</c:v>
                </c:pt>
                <c:pt idx="3498">
                  <c:v>0</c:v>
                </c:pt>
                <c:pt idx="3499">
                  <c:v>0</c:v>
                </c:pt>
                <c:pt idx="3500">
                  <c:v>0</c:v>
                </c:pt>
                <c:pt idx="3501">
                  <c:v>0</c:v>
                </c:pt>
                <c:pt idx="3502">
                  <c:v>0</c:v>
                </c:pt>
                <c:pt idx="3503">
                  <c:v>0</c:v>
                </c:pt>
                <c:pt idx="3504">
                  <c:v>0</c:v>
                </c:pt>
                <c:pt idx="3505">
                  <c:v>0</c:v>
                </c:pt>
                <c:pt idx="3506">
                  <c:v>0</c:v>
                </c:pt>
                <c:pt idx="3507">
                  <c:v>0</c:v>
                </c:pt>
                <c:pt idx="3508">
                  <c:v>0</c:v>
                </c:pt>
                <c:pt idx="3509">
                  <c:v>0</c:v>
                </c:pt>
                <c:pt idx="3510">
                  <c:v>0</c:v>
                </c:pt>
                <c:pt idx="3511">
                  <c:v>0</c:v>
                </c:pt>
                <c:pt idx="3512">
                  <c:v>0</c:v>
                </c:pt>
                <c:pt idx="3513">
                  <c:v>0</c:v>
                </c:pt>
                <c:pt idx="3514">
                  <c:v>0</c:v>
                </c:pt>
                <c:pt idx="3515">
                  <c:v>0</c:v>
                </c:pt>
                <c:pt idx="3516">
                  <c:v>0</c:v>
                </c:pt>
                <c:pt idx="3517">
                  <c:v>0</c:v>
                </c:pt>
                <c:pt idx="3518">
                  <c:v>0</c:v>
                </c:pt>
                <c:pt idx="3519">
                  <c:v>0</c:v>
                </c:pt>
                <c:pt idx="3520">
                  <c:v>0</c:v>
                </c:pt>
                <c:pt idx="3521">
                  <c:v>0</c:v>
                </c:pt>
                <c:pt idx="3522">
                  <c:v>0</c:v>
                </c:pt>
                <c:pt idx="3523">
                  <c:v>0</c:v>
                </c:pt>
                <c:pt idx="3524">
                  <c:v>0</c:v>
                </c:pt>
                <c:pt idx="3525">
                  <c:v>0</c:v>
                </c:pt>
                <c:pt idx="3526">
                  <c:v>0</c:v>
                </c:pt>
                <c:pt idx="3527">
                  <c:v>0</c:v>
                </c:pt>
                <c:pt idx="3528">
                  <c:v>0</c:v>
                </c:pt>
                <c:pt idx="3529">
                  <c:v>0</c:v>
                </c:pt>
                <c:pt idx="3530">
                  <c:v>0</c:v>
                </c:pt>
                <c:pt idx="3531">
                  <c:v>0</c:v>
                </c:pt>
                <c:pt idx="3532">
                  <c:v>0</c:v>
                </c:pt>
                <c:pt idx="3533">
                  <c:v>0</c:v>
                </c:pt>
                <c:pt idx="3534">
                  <c:v>0</c:v>
                </c:pt>
                <c:pt idx="3535">
                  <c:v>0</c:v>
                </c:pt>
                <c:pt idx="3536">
                  <c:v>0</c:v>
                </c:pt>
                <c:pt idx="3537">
                  <c:v>0</c:v>
                </c:pt>
                <c:pt idx="3538">
                  <c:v>0</c:v>
                </c:pt>
                <c:pt idx="3539">
                  <c:v>0</c:v>
                </c:pt>
                <c:pt idx="3540">
                  <c:v>0</c:v>
                </c:pt>
                <c:pt idx="3541">
                  <c:v>0</c:v>
                </c:pt>
                <c:pt idx="3542">
                  <c:v>0</c:v>
                </c:pt>
                <c:pt idx="3543">
                  <c:v>0</c:v>
                </c:pt>
                <c:pt idx="3544">
                  <c:v>0</c:v>
                </c:pt>
                <c:pt idx="3545">
                  <c:v>0</c:v>
                </c:pt>
                <c:pt idx="3546">
                  <c:v>0</c:v>
                </c:pt>
                <c:pt idx="3547">
                  <c:v>0</c:v>
                </c:pt>
                <c:pt idx="3548">
                  <c:v>0</c:v>
                </c:pt>
                <c:pt idx="3549">
                  <c:v>0</c:v>
                </c:pt>
                <c:pt idx="3550">
                  <c:v>0</c:v>
                </c:pt>
                <c:pt idx="3551">
                  <c:v>0</c:v>
                </c:pt>
                <c:pt idx="3552">
                  <c:v>0</c:v>
                </c:pt>
                <c:pt idx="3553">
                  <c:v>0</c:v>
                </c:pt>
                <c:pt idx="3554">
                  <c:v>0</c:v>
                </c:pt>
                <c:pt idx="3555">
                  <c:v>0</c:v>
                </c:pt>
                <c:pt idx="3556">
                  <c:v>0</c:v>
                </c:pt>
                <c:pt idx="3557">
                  <c:v>0</c:v>
                </c:pt>
                <c:pt idx="3558">
                  <c:v>0</c:v>
                </c:pt>
                <c:pt idx="3559">
                  <c:v>0</c:v>
                </c:pt>
                <c:pt idx="3560">
                  <c:v>0</c:v>
                </c:pt>
                <c:pt idx="3561">
                  <c:v>0</c:v>
                </c:pt>
                <c:pt idx="3562">
                  <c:v>0</c:v>
                </c:pt>
                <c:pt idx="3563">
                  <c:v>0</c:v>
                </c:pt>
                <c:pt idx="3564">
                  <c:v>0</c:v>
                </c:pt>
                <c:pt idx="3565">
                  <c:v>0</c:v>
                </c:pt>
                <c:pt idx="3566">
                  <c:v>0</c:v>
                </c:pt>
                <c:pt idx="3567">
                  <c:v>0</c:v>
                </c:pt>
                <c:pt idx="3568">
                  <c:v>0</c:v>
                </c:pt>
                <c:pt idx="3569">
                  <c:v>0</c:v>
                </c:pt>
                <c:pt idx="3570">
                  <c:v>0</c:v>
                </c:pt>
                <c:pt idx="3571">
                  <c:v>0</c:v>
                </c:pt>
                <c:pt idx="3572">
                  <c:v>0</c:v>
                </c:pt>
                <c:pt idx="3573">
                  <c:v>0</c:v>
                </c:pt>
                <c:pt idx="3574">
                  <c:v>0</c:v>
                </c:pt>
                <c:pt idx="3575">
                  <c:v>0</c:v>
                </c:pt>
                <c:pt idx="3576">
                  <c:v>0</c:v>
                </c:pt>
                <c:pt idx="3577">
                  <c:v>0</c:v>
                </c:pt>
                <c:pt idx="3578">
                  <c:v>0</c:v>
                </c:pt>
                <c:pt idx="3579">
                  <c:v>0</c:v>
                </c:pt>
                <c:pt idx="3580">
                  <c:v>0</c:v>
                </c:pt>
                <c:pt idx="3581">
                  <c:v>0</c:v>
                </c:pt>
                <c:pt idx="3582">
                  <c:v>0</c:v>
                </c:pt>
                <c:pt idx="3583">
                  <c:v>0</c:v>
                </c:pt>
                <c:pt idx="3584">
                  <c:v>0</c:v>
                </c:pt>
                <c:pt idx="3585">
                  <c:v>0</c:v>
                </c:pt>
                <c:pt idx="3586">
                  <c:v>0</c:v>
                </c:pt>
                <c:pt idx="3587">
                  <c:v>0</c:v>
                </c:pt>
                <c:pt idx="3588">
                  <c:v>0</c:v>
                </c:pt>
                <c:pt idx="3589">
                  <c:v>0</c:v>
                </c:pt>
                <c:pt idx="3590">
                  <c:v>0</c:v>
                </c:pt>
                <c:pt idx="3591">
                  <c:v>0</c:v>
                </c:pt>
                <c:pt idx="3592">
                  <c:v>0</c:v>
                </c:pt>
                <c:pt idx="3593">
                  <c:v>0</c:v>
                </c:pt>
                <c:pt idx="3594">
                  <c:v>0</c:v>
                </c:pt>
                <c:pt idx="3595">
                  <c:v>0</c:v>
                </c:pt>
                <c:pt idx="3596">
                  <c:v>0</c:v>
                </c:pt>
                <c:pt idx="3597">
                  <c:v>0</c:v>
                </c:pt>
                <c:pt idx="3598">
                  <c:v>0</c:v>
                </c:pt>
                <c:pt idx="3599">
                  <c:v>0</c:v>
                </c:pt>
                <c:pt idx="3600">
                  <c:v>0</c:v>
                </c:pt>
                <c:pt idx="3601">
                  <c:v>0</c:v>
                </c:pt>
                <c:pt idx="3602">
                  <c:v>0</c:v>
                </c:pt>
                <c:pt idx="3603">
                  <c:v>0</c:v>
                </c:pt>
                <c:pt idx="3604">
                  <c:v>0</c:v>
                </c:pt>
                <c:pt idx="3605">
                  <c:v>0</c:v>
                </c:pt>
                <c:pt idx="3606">
                  <c:v>0</c:v>
                </c:pt>
                <c:pt idx="3607">
                  <c:v>0</c:v>
                </c:pt>
                <c:pt idx="3608">
                  <c:v>0</c:v>
                </c:pt>
                <c:pt idx="3609">
                  <c:v>0</c:v>
                </c:pt>
                <c:pt idx="3610">
                  <c:v>0</c:v>
                </c:pt>
                <c:pt idx="3611">
                  <c:v>0</c:v>
                </c:pt>
                <c:pt idx="3612">
                  <c:v>0</c:v>
                </c:pt>
                <c:pt idx="3613">
                  <c:v>0</c:v>
                </c:pt>
                <c:pt idx="3614">
                  <c:v>0</c:v>
                </c:pt>
                <c:pt idx="3615">
                  <c:v>0</c:v>
                </c:pt>
                <c:pt idx="3616">
                  <c:v>0</c:v>
                </c:pt>
                <c:pt idx="3617">
                  <c:v>0</c:v>
                </c:pt>
                <c:pt idx="3618">
                  <c:v>0</c:v>
                </c:pt>
                <c:pt idx="3619">
                  <c:v>0</c:v>
                </c:pt>
                <c:pt idx="3620">
                  <c:v>0</c:v>
                </c:pt>
                <c:pt idx="3621">
                  <c:v>0</c:v>
                </c:pt>
                <c:pt idx="3622">
                  <c:v>0</c:v>
                </c:pt>
                <c:pt idx="3623">
                  <c:v>0</c:v>
                </c:pt>
                <c:pt idx="3624">
                  <c:v>0</c:v>
                </c:pt>
                <c:pt idx="3625">
                  <c:v>0</c:v>
                </c:pt>
                <c:pt idx="3626">
                  <c:v>0</c:v>
                </c:pt>
                <c:pt idx="3627">
                  <c:v>0</c:v>
                </c:pt>
                <c:pt idx="3628">
                  <c:v>0</c:v>
                </c:pt>
                <c:pt idx="3629">
                  <c:v>0</c:v>
                </c:pt>
                <c:pt idx="3630">
                  <c:v>0</c:v>
                </c:pt>
                <c:pt idx="3631">
                  <c:v>0</c:v>
                </c:pt>
                <c:pt idx="3632">
                  <c:v>0</c:v>
                </c:pt>
                <c:pt idx="3633">
                  <c:v>0</c:v>
                </c:pt>
                <c:pt idx="3634">
                  <c:v>0</c:v>
                </c:pt>
                <c:pt idx="3635">
                  <c:v>0</c:v>
                </c:pt>
                <c:pt idx="3636">
                  <c:v>0</c:v>
                </c:pt>
                <c:pt idx="3637">
                  <c:v>0</c:v>
                </c:pt>
                <c:pt idx="3638">
                  <c:v>0</c:v>
                </c:pt>
                <c:pt idx="3639">
                  <c:v>0</c:v>
                </c:pt>
                <c:pt idx="3640">
                  <c:v>0</c:v>
                </c:pt>
                <c:pt idx="3641">
                  <c:v>0</c:v>
                </c:pt>
                <c:pt idx="3642">
                  <c:v>0</c:v>
                </c:pt>
                <c:pt idx="3643">
                  <c:v>0</c:v>
                </c:pt>
                <c:pt idx="3644">
                  <c:v>0</c:v>
                </c:pt>
                <c:pt idx="3645">
                  <c:v>0</c:v>
                </c:pt>
                <c:pt idx="3646">
                  <c:v>0</c:v>
                </c:pt>
                <c:pt idx="3647">
                  <c:v>0</c:v>
                </c:pt>
                <c:pt idx="3648">
                  <c:v>0</c:v>
                </c:pt>
                <c:pt idx="3649">
                  <c:v>0</c:v>
                </c:pt>
                <c:pt idx="3650">
                  <c:v>0</c:v>
                </c:pt>
                <c:pt idx="3651">
                  <c:v>0</c:v>
                </c:pt>
                <c:pt idx="3652">
                  <c:v>0</c:v>
                </c:pt>
                <c:pt idx="3653">
                  <c:v>0</c:v>
                </c:pt>
                <c:pt idx="3654">
                  <c:v>0</c:v>
                </c:pt>
                <c:pt idx="3655">
                  <c:v>0</c:v>
                </c:pt>
                <c:pt idx="3656">
                  <c:v>0</c:v>
                </c:pt>
                <c:pt idx="3657">
                  <c:v>0</c:v>
                </c:pt>
                <c:pt idx="3658">
                  <c:v>0</c:v>
                </c:pt>
                <c:pt idx="3659">
                  <c:v>0</c:v>
                </c:pt>
                <c:pt idx="3660">
                  <c:v>0</c:v>
                </c:pt>
                <c:pt idx="3661">
                  <c:v>0</c:v>
                </c:pt>
                <c:pt idx="3662">
                  <c:v>0</c:v>
                </c:pt>
                <c:pt idx="3663">
                  <c:v>0</c:v>
                </c:pt>
                <c:pt idx="3664">
                  <c:v>0</c:v>
                </c:pt>
                <c:pt idx="3665">
                  <c:v>0</c:v>
                </c:pt>
                <c:pt idx="3666">
                  <c:v>0</c:v>
                </c:pt>
                <c:pt idx="3667">
                  <c:v>0</c:v>
                </c:pt>
                <c:pt idx="3668">
                  <c:v>0</c:v>
                </c:pt>
                <c:pt idx="3669">
                  <c:v>0</c:v>
                </c:pt>
                <c:pt idx="3670">
                  <c:v>0</c:v>
                </c:pt>
                <c:pt idx="3671">
                  <c:v>0</c:v>
                </c:pt>
                <c:pt idx="3672">
                  <c:v>0</c:v>
                </c:pt>
                <c:pt idx="3673">
                  <c:v>0</c:v>
                </c:pt>
                <c:pt idx="3674">
                  <c:v>0</c:v>
                </c:pt>
                <c:pt idx="3675">
                  <c:v>0</c:v>
                </c:pt>
                <c:pt idx="3676">
                  <c:v>0</c:v>
                </c:pt>
                <c:pt idx="3677">
                  <c:v>0</c:v>
                </c:pt>
                <c:pt idx="3678">
                  <c:v>0</c:v>
                </c:pt>
                <c:pt idx="3679">
                  <c:v>0</c:v>
                </c:pt>
                <c:pt idx="3680">
                  <c:v>0</c:v>
                </c:pt>
                <c:pt idx="3681">
                  <c:v>0</c:v>
                </c:pt>
                <c:pt idx="3682">
                  <c:v>0</c:v>
                </c:pt>
                <c:pt idx="3683">
                  <c:v>0</c:v>
                </c:pt>
                <c:pt idx="3684">
                  <c:v>0</c:v>
                </c:pt>
                <c:pt idx="3685">
                  <c:v>0</c:v>
                </c:pt>
                <c:pt idx="3686">
                  <c:v>0</c:v>
                </c:pt>
                <c:pt idx="3687">
                  <c:v>0</c:v>
                </c:pt>
                <c:pt idx="3688">
                  <c:v>0</c:v>
                </c:pt>
                <c:pt idx="3689">
                  <c:v>0</c:v>
                </c:pt>
                <c:pt idx="3690">
                  <c:v>0</c:v>
                </c:pt>
                <c:pt idx="3691">
                  <c:v>0</c:v>
                </c:pt>
                <c:pt idx="3692">
                  <c:v>0</c:v>
                </c:pt>
                <c:pt idx="3693">
                  <c:v>0</c:v>
                </c:pt>
                <c:pt idx="3694">
                  <c:v>0</c:v>
                </c:pt>
                <c:pt idx="3695">
                  <c:v>0</c:v>
                </c:pt>
                <c:pt idx="3696">
                  <c:v>0</c:v>
                </c:pt>
                <c:pt idx="3697">
                  <c:v>0</c:v>
                </c:pt>
                <c:pt idx="3698">
                  <c:v>0</c:v>
                </c:pt>
                <c:pt idx="3699">
                  <c:v>0</c:v>
                </c:pt>
                <c:pt idx="3700">
                  <c:v>0</c:v>
                </c:pt>
                <c:pt idx="3701">
                  <c:v>0</c:v>
                </c:pt>
                <c:pt idx="3702">
                  <c:v>0</c:v>
                </c:pt>
                <c:pt idx="3703">
                  <c:v>0</c:v>
                </c:pt>
                <c:pt idx="3704">
                  <c:v>0</c:v>
                </c:pt>
                <c:pt idx="3705">
                  <c:v>0</c:v>
                </c:pt>
                <c:pt idx="3706">
                  <c:v>0</c:v>
                </c:pt>
                <c:pt idx="3707">
                  <c:v>0</c:v>
                </c:pt>
                <c:pt idx="3708">
                  <c:v>0</c:v>
                </c:pt>
                <c:pt idx="3709">
                  <c:v>0</c:v>
                </c:pt>
                <c:pt idx="3710">
                  <c:v>0</c:v>
                </c:pt>
                <c:pt idx="3711">
                  <c:v>0</c:v>
                </c:pt>
                <c:pt idx="3712">
                  <c:v>0</c:v>
                </c:pt>
                <c:pt idx="3713">
                  <c:v>0</c:v>
                </c:pt>
                <c:pt idx="3714">
                  <c:v>0</c:v>
                </c:pt>
                <c:pt idx="3715">
                  <c:v>0</c:v>
                </c:pt>
                <c:pt idx="3716">
                  <c:v>0</c:v>
                </c:pt>
                <c:pt idx="3717">
                  <c:v>0</c:v>
                </c:pt>
                <c:pt idx="3718">
                  <c:v>0</c:v>
                </c:pt>
                <c:pt idx="3719">
                  <c:v>0</c:v>
                </c:pt>
                <c:pt idx="3720">
                  <c:v>0</c:v>
                </c:pt>
                <c:pt idx="3721">
                  <c:v>0</c:v>
                </c:pt>
                <c:pt idx="3722">
                  <c:v>0</c:v>
                </c:pt>
                <c:pt idx="3723">
                  <c:v>0</c:v>
                </c:pt>
                <c:pt idx="3724">
                  <c:v>0</c:v>
                </c:pt>
                <c:pt idx="3725">
                  <c:v>0</c:v>
                </c:pt>
                <c:pt idx="3726">
                  <c:v>0</c:v>
                </c:pt>
                <c:pt idx="3727">
                  <c:v>0</c:v>
                </c:pt>
                <c:pt idx="3728">
                  <c:v>0</c:v>
                </c:pt>
                <c:pt idx="3729">
                  <c:v>0</c:v>
                </c:pt>
                <c:pt idx="3730">
                  <c:v>0</c:v>
                </c:pt>
                <c:pt idx="3731">
                  <c:v>0</c:v>
                </c:pt>
                <c:pt idx="3732">
                  <c:v>0</c:v>
                </c:pt>
                <c:pt idx="3733">
                  <c:v>0</c:v>
                </c:pt>
                <c:pt idx="3734">
                  <c:v>0</c:v>
                </c:pt>
                <c:pt idx="3735">
                  <c:v>0</c:v>
                </c:pt>
                <c:pt idx="3736">
                  <c:v>0</c:v>
                </c:pt>
                <c:pt idx="3737">
                  <c:v>0</c:v>
                </c:pt>
                <c:pt idx="3738">
                  <c:v>0</c:v>
                </c:pt>
                <c:pt idx="3739">
                  <c:v>0</c:v>
                </c:pt>
                <c:pt idx="3740">
                  <c:v>0</c:v>
                </c:pt>
                <c:pt idx="3741">
                  <c:v>0</c:v>
                </c:pt>
                <c:pt idx="3742">
                  <c:v>0</c:v>
                </c:pt>
                <c:pt idx="3743">
                  <c:v>0</c:v>
                </c:pt>
                <c:pt idx="3744">
                  <c:v>0</c:v>
                </c:pt>
                <c:pt idx="3745">
                  <c:v>0</c:v>
                </c:pt>
                <c:pt idx="3746">
                  <c:v>0</c:v>
                </c:pt>
                <c:pt idx="3747">
                  <c:v>0</c:v>
                </c:pt>
                <c:pt idx="3748">
                  <c:v>0</c:v>
                </c:pt>
                <c:pt idx="3749">
                  <c:v>0</c:v>
                </c:pt>
                <c:pt idx="3750">
                  <c:v>0</c:v>
                </c:pt>
                <c:pt idx="3751">
                  <c:v>0</c:v>
                </c:pt>
                <c:pt idx="3752">
                  <c:v>0</c:v>
                </c:pt>
                <c:pt idx="3753">
                  <c:v>0</c:v>
                </c:pt>
                <c:pt idx="3754">
                  <c:v>0</c:v>
                </c:pt>
                <c:pt idx="3755">
                  <c:v>0</c:v>
                </c:pt>
                <c:pt idx="3756">
                  <c:v>0</c:v>
                </c:pt>
                <c:pt idx="3757">
                  <c:v>0</c:v>
                </c:pt>
                <c:pt idx="3758">
                  <c:v>0</c:v>
                </c:pt>
                <c:pt idx="3759">
                  <c:v>0</c:v>
                </c:pt>
                <c:pt idx="3760">
                  <c:v>0</c:v>
                </c:pt>
                <c:pt idx="3761">
                  <c:v>0</c:v>
                </c:pt>
                <c:pt idx="3762">
                  <c:v>0</c:v>
                </c:pt>
                <c:pt idx="3763">
                  <c:v>0</c:v>
                </c:pt>
                <c:pt idx="3764">
                  <c:v>0</c:v>
                </c:pt>
                <c:pt idx="3765">
                  <c:v>0</c:v>
                </c:pt>
                <c:pt idx="3766">
                  <c:v>0</c:v>
                </c:pt>
                <c:pt idx="3767">
                  <c:v>0</c:v>
                </c:pt>
                <c:pt idx="3768">
                  <c:v>0</c:v>
                </c:pt>
                <c:pt idx="3769">
                  <c:v>0</c:v>
                </c:pt>
                <c:pt idx="3770">
                  <c:v>0</c:v>
                </c:pt>
                <c:pt idx="3771">
                  <c:v>0</c:v>
                </c:pt>
                <c:pt idx="3772">
                  <c:v>0</c:v>
                </c:pt>
                <c:pt idx="3773">
                  <c:v>0</c:v>
                </c:pt>
                <c:pt idx="3774">
                  <c:v>0</c:v>
                </c:pt>
                <c:pt idx="3775">
                  <c:v>0</c:v>
                </c:pt>
                <c:pt idx="3776">
                  <c:v>0</c:v>
                </c:pt>
                <c:pt idx="3777">
                  <c:v>0</c:v>
                </c:pt>
                <c:pt idx="3778">
                  <c:v>0</c:v>
                </c:pt>
                <c:pt idx="3779">
                  <c:v>0</c:v>
                </c:pt>
                <c:pt idx="3780">
                  <c:v>0</c:v>
                </c:pt>
                <c:pt idx="3781">
                  <c:v>0</c:v>
                </c:pt>
                <c:pt idx="3782">
                  <c:v>0</c:v>
                </c:pt>
                <c:pt idx="3783">
                  <c:v>0</c:v>
                </c:pt>
                <c:pt idx="3784">
                  <c:v>0</c:v>
                </c:pt>
                <c:pt idx="3785">
                  <c:v>0</c:v>
                </c:pt>
                <c:pt idx="3786">
                  <c:v>0</c:v>
                </c:pt>
                <c:pt idx="3787">
                  <c:v>0</c:v>
                </c:pt>
                <c:pt idx="3788">
                  <c:v>0</c:v>
                </c:pt>
                <c:pt idx="3789">
                  <c:v>0</c:v>
                </c:pt>
                <c:pt idx="3790">
                  <c:v>0</c:v>
                </c:pt>
                <c:pt idx="3791">
                  <c:v>0</c:v>
                </c:pt>
                <c:pt idx="3792">
                  <c:v>0</c:v>
                </c:pt>
                <c:pt idx="3793">
                  <c:v>0</c:v>
                </c:pt>
                <c:pt idx="3794">
                  <c:v>0</c:v>
                </c:pt>
                <c:pt idx="3795">
                  <c:v>0</c:v>
                </c:pt>
                <c:pt idx="3796">
                  <c:v>0</c:v>
                </c:pt>
                <c:pt idx="3797">
                  <c:v>0</c:v>
                </c:pt>
                <c:pt idx="3798">
                  <c:v>0</c:v>
                </c:pt>
                <c:pt idx="3799">
                  <c:v>0</c:v>
                </c:pt>
                <c:pt idx="3800">
                  <c:v>0</c:v>
                </c:pt>
                <c:pt idx="3801">
                  <c:v>0</c:v>
                </c:pt>
                <c:pt idx="3802">
                  <c:v>0</c:v>
                </c:pt>
                <c:pt idx="3803">
                  <c:v>0</c:v>
                </c:pt>
                <c:pt idx="3804">
                  <c:v>0</c:v>
                </c:pt>
                <c:pt idx="3805">
                  <c:v>0</c:v>
                </c:pt>
                <c:pt idx="3806">
                  <c:v>0</c:v>
                </c:pt>
                <c:pt idx="3807">
                  <c:v>0</c:v>
                </c:pt>
                <c:pt idx="3808">
                  <c:v>0</c:v>
                </c:pt>
                <c:pt idx="3809">
                  <c:v>0</c:v>
                </c:pt>
                <c:pt idx="3810">
                  <c:v>0</c:v>
                </c:pt>
                <c:pt idx="3811">
                  <c:v>0</c:v>
                </c:pt>
                <c:pt idx="3812">
                  <c:v>0</c:v>
                </c:pt>
                <c:pt idx="3813">
                  <c:v>0</c:v>
                </c:pt>
                <c:pt idx="3814">
                  <c:v>0</c:v>
                </c:pt>
                <c:pt idx="3815">
                  <c:v>0</c:v>
                </c:pt>
                <c:pt idx="3816">
                  <c:v>0</c:v>
                </c:pt>
                <c:pt idx="3817">
                  <c:v>0</c:v>
                </c:pt>
                <c:pt idx="3818">
                  <c:v>0</c:v>
                </c:pt>
                <c:pt idx="3819">
                  <c:v>0</c:v>
                </c:pt>
                <c:pt idx="3820">
                  <c:v>0</c:v>
                </c:pt>
                <c:pt idx="3821">
                  <c:v>0</c:v>
                </c:pt>
                <c:pt idx="3822">
                  <c:v>0</c:v>
                </c:pt>
                <c:pt idx="3823">
                  <c:v>0</c:v>
                </c:pt>
                <c:pt idx="3824">
                  <c:v>0</c:v>
                </c:pt>
                <c:pt idx="3825">
                  <c:v>0</c:v>
                </c:pt>
                <c:pt idx="3826">
                  <c:v>0</c:v>
                </c:pt>
                <c:pt idx="3827">
                  <c:v>0</c:v>
                </c:pt>
                <c:pt idx="3828">
                  <c:v>0</c:v>
                </c:pt>
                <c:pt idx="3829">
                  <c:v>0</c:v>
                </c:pt>
                <c:pt idx="3830">
                  <c:v>0</c:v>
                </c:pt>
                <c:pt idx="3831">
                  <c:v>0</c:v>
                </c:pt>
                <c:pt idx="3832">
                  <c:v>0</c:v>
                </c:pt>
                <c:pt idx="3833">
                  <c:v>0</c:v>
                </c:pt>
                <c:pt idx="3834">
                  <c:v>0</c:v>
                </c:pt>
                <c:pt idx="3835">
                  <c:v>0</c:v>
                </c:pt>
                <c:pt idx="3836">
                  <c:v>0</c:v>
                </c:pt>
                <c:pt idx="3837">
                  <c:v>0</c:v>
                </c:pt>
                <c:pt idx="3838">
                  <c:v>0</c:v>
                </c:pt>
                <c:pt idx="3839">
                  <c:v>0</c:v>
                </c:pt>
                <c:pt idx="3840">
                  <c:v>0</c:v>
                </c:pt>
                <c:pt idx="3841">
                  <c:v>0</c:v>
                </c:pt>
                <c:pt idx="3842">
                  <c:v>0</c:v>
                </c:pt>
                <c:pt idx="3843">
                  <c:v>0</c:v>
                </c:pt>
                <c:pt idx="3844">
                  <c:v>0</c:v>
                </c:pt>
                <c:pt idx="3845">
                  <c:v>0</c:v>
                </c:pt>
                <c:pt idx="3846">
                  <c:v>0</c:v>
                </c:pt>
                <c:pt idx="3847">
                  <c:v>0</c:v>
                </c:pt>
                <c:pt idx="3848">
                  <c:v>0</c:v>
                </c:pt>
                <c:pt idx="3849">
                  <c:v>0</c:v>
                </c:pt>
                <c:pt idx="3850">
                  <c:v>0</c:v>
                </c:pt>
                <c:pt idx="3851">
                  <c:v>0</c:v>
                </c:pt>
                <c:pt idx="3852">
                  <c:v>0</c:v>
                </c:pt>
                <c:pt idx="3853">
                  <c:v>0</c:v>
                </c:pt>
                <c:pt idx="3854">
                  <c:v>0</c:v>
                </c:pt>
                <c:pt idx="3855">
                  <c:v>0</c:v>
                </c:pt>
                <c:pt idx="3856">
                  <c:v>0</c:v>
                </c:pt>
                <c:pt idx="3857">
                  <c:v>0</c:v>
                </c:pt>
                <c:pt idx="3858">
                  <c:v>0</c:v>
                </c:pt>
                <c:pt idx="3859">
                  <c:v>0</c:v>
                </c:pt>
                <c:pt idx="3860">
                  <c:v>0</c:v>
                </c:pt>
                <c:pt idx="3861">
                  <c:v>0</c:v>
                </c:pt>
                <c:pt idx="3862">
                  <c:v>0</c:v>
                </c:pt>
                <c:pt idx="3863">
                  <c:v>0</c:v>
                </c:pt>
                <c:pt idx="3864">
                  <c:v>0</c:v>
                </c:pt>
                <c:pt idx="3865">
                  <c:v>0</c:v>
                </c:pt>
                <c:pt idx="3866">
                  <c:v>0</c:v>
                </c:pt>
                <c:pt idx="3867">
                  <c:v>0</c:v>
                </c:pt>
                <c:pt idx="3868">
                  <c:v>0</c:v>
                </c:pt>
                <c:pt idx="3869">
                  <c:v>0</c:v>
                </c:pt>
                <c:pt idx="3870">
                  <c:v>0</c:v>
                </c:pt>
                <c:pt idx="3871">
                  <c:v>0</c:v>
                </c:pt>
                <c:pt idx="3872">
                  <c:v>0</c:v>
                </c:pt>
                <c:pt idx="3873">
                  <c:v>0</c:v>
                </c:pt>
                <c:pt idx="3874">
                  <c:v>0</c:v>
                </c:pt>
                <c:pt idx="3875">
                  <c:v>0</c:v>
                </c:pt>
                <c:pt idx="3876">
                  <c:v>0</c:v>
                </c:pt>
                <c:pt idx="3877">
                  <c:v>0</c:v>
                </c:pt>
                <c:pt idx="3878">
                  <c:v>0</c:v>
                </c:pt>
                <c:pt idx="3879">
                  <c:v>0</c:v>
                </c:pt>
                <c:pt idx="3880">
                  <c:v>0</c:v>
                </c:pt>
                <c:pt idx="3881">
                  <c:v>0</c:v>
                </c:pt>
                <c:pt idx="3882">
                  <c:v>0</c:v>
                </c:pt>
                <c:pt idx="3883">
                  <c:v>0</c:v>
                </c:pt>
                <c:pt idx="3884">
                  <c:v>0</c:v>
                </c:pt>
                <c:pt idx="3885">
                  <c:v>0</c:v>
                </c:pt>
                <c:pt idx="3886">
                  <c:v>0</c:v>
                </c:pt>
                <c:pt idx="3887">
                  <c:v>0</c:v>
                </c:pt>
                <c:pt idx="3888">
                  <c:v>0</c:v>
                </c:pt>
                <c:pt idx="3889">
                  <c:v>0</c:v>
                </c:pt>
                <c:pt idx="3890">
                  <c:v>0</c:v>
                </c:pt>
                <c:pt idx="3891">
                  <c:v>0</c:v>
                </c:pt>
                <c:pt idx="3892">
                  <c:v>0</c:v>
                </c:pt>
                <c:pt idx="3893">
                  <c:v>0</c:v>
                </c:pt>
                <c:pt idx="3894">
                  <c:v>0</c:v>
                </c:pt>
                <c:pt idx="3895">
                  <c:v>0</c:v>
                </c:pt>
                <c:pt idx="3896">
                  <c:v>0</c:v>
                </c:pt>
                <c:pt idx="3897">
                  <c:v>0</c:v>
                </c:pt>
                <c:pt idx="3898">
                  <c:v>0</c:v>
                </c:pt>
                <c:pt idx="3899">
                  <c:v>0</c:v>
                </c:pt>
                <c:pt idx="3900">
                  <c:v>0</c:v>
                </c:pt>
                <c:pt idx="3901">
                  <c:v>0</c:v>
                </c:pt>
                <c:pt idx="3902">
                  <c:v>0</c:v>
                </c:pt>
                <c:pt idx="3903">
                  <c:v>0</c:v>
                </c:pt>
                <c:pt idx="3904">
                  <c:v>0</c:v>
                </c:pt>
                <c:pt idx="3905">
                  <c:v>0</c:v>
                </c:pt>
                <c:pt idx="3906">
                  <c:v>0</c:v>
                </c:pt>
                <c:pt idx="3907">
                  <c:v>0</c:v>
                </c:pt>
                <c:pt idx="3908">
                  <c:v>0</c:v>
                </c:pt>
                <c:pt idx="3909">
                  <c:v>0</c:v>
                </c:pt>
                <c:pt idx="3910">
                  <c:v>0</c:v>
                </c:pt>
                <c:pt idx="3911">
                  <c:v>0</c:v>
                </c:pt>
                <c:pt idx="3912">
                  <c:v>0</c:v>
                </c:pt>
                <c:pt idx="3913">
                  <c:v>0</c:v>
                </c:pt>
                <c:pt idx="3914">
                  <c:v>0</c:v>
                </c:pt>
                <c:pt idx="3915">
                  <c:v>0</c:v>
                </c:pt>
                <c:pt idx="3916">
                  <c:v>0</c:v>
                </c:pt>
                <c:pt idx="3917">
                  <c:v>0</c:v>
                </c:pt>
                <c:pt idx="3918">
                  <c:v>0</c:v>
                </c:pt>
                <c:pt idx="3919">
                  <c:v>0</c:v>
                </c:pt>
                <c:pt idx="3920">
                  <c:v>0</c:v>
                </c:pt>
                <c:pt idx="3921">
                  <c:v>0</c:v>
                </c:pt>
                <c:pt idx="3922">
                  <c:v>0</c:v>
                </c:pt>
                <c:pt idx="3923">
                  <c:v>0</c:v>
                </c:pt>
                <c:pt idx="3924">
                  <c:v>0</c:v>
                </c:pt>
                <c:pt idx="3925">
                  <c:v>0</c:v>
                </c:pt>
                <c:pt idx="3926">
                  <c:v>0</c:v>
                </c:pt>
                <c:pt idx="3927">
                  <c:v>0</c:v>
                </c:pt>
                <c:pt idx="3928">
                  <c:v>0</c:v>
                </c:pt>
                <c:pt idx="3929">
                  <c:v>0</c:v>
                </c:pt>
                <c:pt idx="3930">
                  <c:v>0</c:v>
                </c:pt>
                <c:pt idx="3931">
                  <c:v>0</c:v>
                </c:pt>
                <c:pt idx="3932">
                  <c:v>0</c:v>
                </c:pt>
                <c:pt idx="3933">
                  <c:v>0</c:v>
                </c:pt>
                <c:pt idx="3934">
                  <c:v>0</c:v>
                </c:pt>
                <c:pt idx="3935">
                  <c:v>0</c:v>
                </c:pt>
                <c:pt idx="3936">
                  <c:v>0</c:v>
                </c:pt>
                <c:pt idx="3937">
                  <c:v>0</c:v>
                </c:pt>
                <c:pt idx="3938">
                  <c:v>0</c:v>
                </c:pt>
                <c:pt idx="3939">
                  <c:v>0</c:v>
                </c:pt>
                <c:pt idx="3940">
                  <c:v>0</c:v>
                </c:pt>
                <c:pt idx="3941">
                  <c:v>0</c:v>
                </c:pt>
                <c:pt idx="3942">
                  <c:v>0</c:v>
                </c:pt>
                <c:pt idx="3943">
                  <c:v>0</c:v>
                </c:pt>
                <c:pt idx="3944">
                  <c:v>0</c:v>
                </c:pt>
                <c:pt idx="3945">
                  <c:v>0</c:v>
                </c:pt>
                <c:pt idx="3946">
                  <c:v>0</c:v>
                </c:pt>
                <c:pt idx="3947">
                  <c:v>0</c:v>
                </c:pt>
                <c:pt idx="3948">
                  <c:v>0</c:v>
                </c:pt>
                <c:pt idx="3949">
                  <c:v>0</c:v>
                </c:pt>
                <c:pt idx="3950">
                  <c:v>0</c:v>
                </c:pt>
                <c:pt idx="3951">
                  <c:v>0</c:v>
                </c:pt>
                <c:pt idx="3952">
                  <c:v>0</c:v>
                </c:pt>
                <c:pt idx="3953">
                  <c:v>0</c:v>
                </c:pt>
                <c:pt idx="3954">
                  <c:v>0</c:v>
                </c:pt>
                <c:pt idx="3955">
                  <c:v>0</c:v>
                </c:pt>
                <c:pt idx="3956">
                  <c:v>0</c:v>
                </c:pt>
                <c:pt idx="3957">
                  <c:v>0</c:v>
                </c:pt>
                <c:pt idx="3958">
                  <c:v>0</c:v>
                </c:pt>
                <c:pt idx="3959">
                  <c:v>0</c:v>
                </c:pt>
                <c:pt idx="3960">
                  <c:v>0</c:v>
                </c:pt>
                <c:pt idx="3961">
                  <c:v>0</c:v>
                </c:pt>
                <c:pt idx="3962">
                  <c:v>0</c:v>
                </c:pt>
                <c:pt idx="3963">
                  <c:v>0</c:v>
                </c:pt>
                <c:pt idx="3964">
                  <c:v>0</c:v>
                </c:pt>
                <c:pt idx="3965">
                  <c:v>0</c:v>
                </c:pt>
                <c:pt idx="3966">
                  <c:v>0</c:v>
                </c:pt>
                <c:pt idx="3967">
                  <c:v>0</c:v>
                </c:pt>
                <c:pt idx="3968">
                  <c:v>0</c:v>
                </c:pt>
                <c:pt idx="3969">
                  <c:v>0</c:v>
                </c:pt>
                <c:pt idx="3970">
                  <c:v>0</c:v>
                </c:pt>
                <c:pt idx="3971">
                  <c:v>0</c:v>
                </c:pt>
                <c:pt idx="3972">
                  <c:v>0</c:v>
                </c:pt>
                <c:pt idx="3973">
                  <c:v>0</c:v>
                </c:pt>
                <c:pt idx="3974">
                  <c:v>0</c:v>
                </c:pt>
                <c:pt idx="3975">
                  <c:v>0</c:v>
                </c:pt>
                <c:pt idx="3976">
                  <c:v>0</c:v>
                </c:pt>
                <c:pt idx="3977">
                  <c:v>0</c:v>
                </c:pt>
                <c:pt idx="3978">
                  <c:v>0</c:v>
                </c:pt>
                <c:pt idx="3979">
                  <c:v>0</c:v>
                </c:pt>
                <c:pt idx="3980">
                  <c:v>0</c:v>
                </c:pt>
                <c:pt idx="3981">
                  <c:v>0</c:v>
                </c:pt>
                <c:pt idx="3982">
                  <c:v>0</c:v>
                </c:pt>
                <c:pt idx="3983">
                  <c:v>0</c:v>
                </c:pt>
                <c:pt idx="3984">
                  <c:v>0</c:v>
                </c:pt>
                <c:pt idx="3985">
                  <c:v>0</c:v>
                </c:pt>
                <c:pt idx="3986">
                  <c:v>0</c:v>
                </c:pt>
                <c:pt idx="3987">
                  <c:v>0</c:v>
                </c:pt>
                <c:pt idx="3988">
                  <c:v>0</c:v>
                </c:pt>
                <c:pt idx="3989">
                  <c:v>0</c:v>
                </c:pt>
                <c:pt idx="3990">
                  <c:v>0</c:v>
                </c:pt>
                <c:pt idx="3991">
                  <c:v>0</c:v>
                </c:pt>
                <c:pt idx="3992">
                  <c:v>0</c:v>
                </c:pt>
                <c:pt idx="3993">
                  <c:v>0</c:v>
                </c:pt>
                <c:pt idx="3994">
                  <c:v>0</c:v>
                </c:pt>
                <c:pt idx="3995">
                  <c:v>0</c:v>
                </c:pt>
                <c:pt idx="3996">
                  <c:v>0</c:v>
                </c:pt>
                <c:pt idx="3997">
                  <c:v>0</c:v>
                </c:pt>
                <c:pt idx="3998">
                  <c:v>0</c:v>
                </c:pt>
                <c:pt idx="3999">
                  <c:v>0</c:v>
                </c:pt>
                <c:pt idx="4000">
                  <c:v>0</c:v>
                </c:pt>
                <c:pt idx="4001">
                  <c:v>0</c:v>
                </c:pt>
                <c:pt idx="4002">
                  <c:v>0</c:v>
                </c:pt>
                <c:pt idx="4003">
                  <c:v>0</c:v>
                </c:pt>
                <c:pt idx="4004">
                  <c:v>0</c:v>
                </c:pt>
                <c:pt idx="4005">
                  <c:v>0</c:v>
                </c:pt>
                <c:pt idx="4006">
                  <c:v>0</c:v>
                </c:pt>
                <c:pt idx="4007">
                  <c:v>0</c:v>
                </c:pt>
                <c:pt idx="4008">
                  <c:v>0</c:v>
                </c:pt>
                <c:pt idx="4009">
                  <c:v>0</c:v>
                </c:pt>
                <c:pt idx="4010">
                  <c:v>0</c:v>
                </c:pt>
                <c:pt idx="4011">
                  <c:v>0</c:v>
                </c:pt>
                <c:pt idx="4012">
                  <c:v>0</c:v>
                </c:pt>
                <c:pt idx="4013">
                  <c:v>0</c:v>
                </c:pt>
                <c:pt idx="4014">
                  <c:v>0</c:v>
                </c:pt>
                <c:pt idx="4015">
                  <c:v>0</c:v>
                </c:pt>
                <c:pt idx="4016">
                  <c:v>0</c:v>
                </c:pt>
                <c:pt idx="4017">
                  <c:v>0</c:v>
                </c:pt>
                <c:pt idx="4018">
                  <c:v>0</c:v>
                </c:pt>
                <c:pt idx="4019">
                  <c:v>0</c:v>
                </c:pt>
                <c:pt idx="4020">
                  <c:v>0</c:v>
                </c:pt>
                <c:pt idx="4021">
                  <c:v>0</c:v>
                </c:pt>
                <c:pt idx="4022">
                  <c:v>0</c:v>
                </c:pt>
                <c:pt idx="4023">
                  <c:v>0</c:v>
                </c:pt>
                <c:pt idx="4024">
                  <c:v>0</c:v>
                </c:pt>
                <c:pt idx="4025">
                  <c:v>0</c:v>
                </c:pt>
                <c:pt idx="4026">
                  <c:v>0</c:v>
                </c:pt>
                <c:pt idx="4027">
                  <c:v>0</c:v>
                </c:pt>
                <c:pt idx="4028">
                  <c:v>0</c:v>
                </c:pt>
                <c:pt idx="4029">
                  <c:v>0</c:v>
                </c:pt>
                <c:pt idx="4030">
                  <c:v>0</c:v>
                </c:pt>
                <c:pt idx="4031">
                  <c:v>0</c:v>
                </c:pt>
                <c:pt idx="4032">
                  <c:v>0</c:v>
                </c:pt>
                <c:pt idx="4033">
                  <c:v>0</c:v>
                </c:pt>
                <c:pt idx="4034">
                  <c:v>0</c:v>
                </c:pt>
                <c:pt idx="4035">
                  <c:v>0</c:v>
                </c:pt>
                <c:pt idx="4036">
                  <c:v>0</c:v>
                </c:pt>
                <c:pt idx="4037">
                  <c:v>0</c:v>
                </c:pt>
                <c:pt idx="4038">
                  <c:v>0</c:v>
                </c:pt>
                <c:pt idx="4039">
                  <c:v>0</c:v>
                </c:pt>
                <c:pt idx="4040">
                  <c:v>0</c:v>
                </c:pt>
                <c:pt idx="4041">
                  <c:v>0</c:v>
                </c:pt>
                <c:pt idx="4042">
                  <c:v>0</c:v>
                </c:pt>
                <c:pt idx="4043">
                  <c:v>0</c:v>
                </c:pt>
                <c:pt idx="4044">
                  <c:v>0</c:v>
                </c:pt>
                <c:pt idx="4045">
                  <c:v>0</c:v>
                </c:pt>
                <c:pt idx="4046">
                  <c:v>0</c:v>
                </c:pt>
                <c:pt idx="4047">
                  <c:v>0</c:v>
                </c:pt>
                <c:pt idx="4048">
                  <c:v>0</c:v>
                </c:pt>
                <c:pt idx="4049">
                  <c:v>0</c:v>
                </c:pt>
                <c:pt idx="4050">
                  <c:v>0</c:v>
                </c:pt>
                <c:pt idx="4051">
                  <c:v>0</c:v>
                </c:pt>
                <c:pt idx="4052">
                  <c:v>0</c:v>
                </c:pt>
                <c:pt idx="4053">
                  <c:v>0</c:v>
                </c:pt>
                <c:pt idx="4054">
                  <c:v>0</c:v>
                </c:pt>
                <c:pt idx="4055">
                  <c:v>0</c:v>
                </c:pt>
                <c:pt idx="4056">
                  <c:v>0</c:v>
                </c:pt>
                <c:pt idx="4057">
                  <c:v>0</c:v>
                </c:pt>
                <c:pt idx="4058">
                  <c:v>0</c:v>
                </c:pt>
                <c:pt idx="4059">
                  <c:v>0</c:v>
                </c:pt>
                <c:pt idx="4060">
                  <c:v>0</c:v>
                </c:pt>
                <c:pt idx="4061">
                  <c:v>0</c:v>
                </c:pt>
                <c:pt idx="4062">
                  <c:v>0</c:v>
                </c:pt>
                <c:pt idx="4063">
                  <c:v>0</c:v>
                </c:pt>
                <c:pt idx="4064">
                  <c:v>0</c:v>
                </c:pt>
                <c:pt idx="4065">
                  <c:v>0</c:v>
                </c:pt>
                <c:pt idx="4066">
                  <c:v>0</c:v>
                </c:pt>
                <c:pt idx="4067">
                  <c:v>0</c:v>
                </c:pt>
                <c:pt idx="4068">
                  <c:v>0</c:v>
                </c:pt>
                <c:pt idx="4069">
                  <c:v>0</c:v>
                </c:pt>
                <c:pt idx="4070">
                  <c:v>0</c:v>
                </c:pt>
                <c:pt idx="4071">
                  <c:v>0</c:v>
                </c:pt>
                <c:pt idx="4072">
                  <c:v>0</c:v>
                </c:pt>
                <c:pt idx="4073">
                  <c:v>0</c:v>
                </c:pt>
                <c:pt idx="4074">
                  <c:v>0</c:v>
                </c:pt>
                <c:pt idx="4075">
                  <c:v>0</c:v>
                </c:pt>
                <c:pt idx="4076">
                  <c:v>0</c:v>
                </c:pt>
                <c:pt idx="4077">
                  <c:v>0</c:v>
                </c:pt>
                <c:pt idx="4078">
                  <c:v>0</c:v>
                </c:pt>
                <c:pt idx="4079">
                  <c:v>0</c:v>
                </c:pt>
                <c:pt idx="4080">
                  <c:v>0</c:v>
                </c:pt>
                <c:pt idx="4081">
                  <c:v>0</c:v>
                </c:pt>
                <c:pt idx="4082">
                  <c:v>0</c:v>
                </c:pt>
                <c:pt idx="4083">
                  <c:v>0</c:v>
                </c:pt>
                <c:pt idx="4084">
                  <c:v>0</c:v>
                </c:pt>
                <c:pt idx="4085">
                  <c:v>0</c:v>
                </c:pt>
                <c:pt idx="4086">
                  <c:v>0</c:v>
                </c:pt>
                <c:pt idx="4087">
                  <c:v>0</c:v>
                </c:pt>
                <c:pt idx="4088">
                  <c:v>0</c:v>
                </c:pt>
                <c:pt idx="4089">
                  <c:v>0</c:v>
                </c:pt>
                <c:pt idx="4090">
                  <c:v>0</c:v>
                </c:pt>
                <c:pt idx="4091">
                  <c:v>0</c:v>
                </c:pt>
                <c:pt idx="4092">
                  <c:v>0</c:v>
                </c:pt>
                <c:pt idx="4093">
                  <c:v>0</c:v>
                </c:pt>
                <c:pt idx="4094">
                  <c:v>0</c:v>
                </c:pt>
                <c:pt idx="4095">
                  <c:v>0</c:v>
                </c:pt>
                <c:pt idx="4096">
                  <c:v>0</c:v>
                </c:pt>
                <c:pt idx="4097">
                  <c:v>0</c:v>
                </c:pt>
                <c:pt idx="4098">
                  <c:v>0</c:v>
                </c:pt>
                <c:pt idx="4099">
                  <c:v>0</c:v>
                </c:pt>
                <c:pt idx="4100">
                  <c:v>0</c:v>
                </c:pt>
                <c:pt idx="4101">
                  <c:v>0</c:v>
                </c:pt>
                <c:pt idx="4102">
                  <c:v>0</c:v>
                </c:pt>
                <c:pt idx="4103">
                  <c:v>0</c:v>
                </c:pt>
                <c:pt idx="4104">
                  <c:v>0</c:v>
                </c:pt>
                <c:pt idx="4105">
                  <c:v>0</c:v>
                </c:pt>
                <c:pt idx="4106">
                  <c:v>0</c:v>
                </c:pt>
                <c:pt idx="4107">
                  <c:v>0</c:v>
                </c:pt>
                <c:pt idx="4108">
                  <c:v>0</c:v>
                </c:pt>
                <c:pt idx="4109">
                  <c:v>0</c:v>
                </c:pt>
                <c:pt idx="4110">
                  <c:v>0</c:v>
                </c:pt>
                <c:pt idx="4111">
                  <c:v>0</c:v>
                </c:pt>
                <c:pt idx="4112">
                  <c:v>0</c:v>
                </c:pt>
                <c:pt idx="4113">
                  <c:v>0</c:v>
                </c:pt>
                <c:pt idx="4114">
                  <c:v>0</c:v>
                </c:pt>
                <c:pt idx="4115">
                  <c:v>0</c:v>
                </c:pt>
                <c:pt idx="4116">
                  <c:v>0</c:v>
                </c:pt>
                <c:pt idx="4117">
                  <c:v>0</c:v>
                </c:pt>
                <c:pt idx="4118">
                  <c:v>0</c:v>
                </c:pt>
                <c:pt idx="4119">
                  <c:v>0</c:v>
                </c:pt>
                <c:pt idx="4120">
                  <c:v>0</c:v>
                </c:pt>
                <c:pt idx="4121">
                  <c:v>0</c:v>
                </c:pt>
                <c:pt idx="4122">
                  <c:v>0</c:v>
                </c:pt>
                <c:pt idx="4123">
                  <c:v>0</c:v>
                </c:pt>
                <c:pt idx="4124">
                  <c:v>0</c:v>
                </c:pt>
                <c:pt idx="4125">
                  <c:v>0</c:v>
                </c:pt>
                <c:pt idx="4126">
                  <c:v>0</c:v>
                </c:pt>
                <c:pt idx="4127">
                  <c:v>0</c:v>
                </c:pt>
                <c:pt idx="4128">
                  <c:v>0</c:v>
                </c:pt>
                <c:pt idx="4129">
                  <c:v>0</c:v>
                </c:pt>
                <c:pt idx="4130">
                  <c:v>0</c:v>
                </c:pt>
                <c:pt idx="4131">
                  <c:v>0</c:v>
                </c:pt>
                <c:pt idx="4132">
                  <c:v>0</c:v>
                </c:pt>
                <c:pt idx="4133">
                  <c:v>0</c:v>
                </c:pt>
                <c:pt idx="4134">
                  <c:v>0</c:v>
                </c:pt>
                <c:pt idx="4135">
                  <c:v>0</c:v>
                </c:pt>
                <c:pt idx="4136">
                  <c:v>0</c:v>
                </c:pt>
                <c:pt idx="4137">
                  <c:v>0</c:v>
                </c:pt>
                <c:pt idx="4138">
                  <c:v>0</c:v>
                </c:pt>
                <c:pt idx="4139">
                  <c:v>0</c:v>
                </c:pt>
                <c:pt idx="4140">
                  <c:v>0</c:v>
                </c:pt>
                <c:pt idx="4141">
                  <c:v>0</c:v>
                </c:pt>
                <c:pt idx="4142">
                  <c:v>0</c:v>
                </c:pt>
                <c:pt idx="4143">
                  <c:v>0</c:v>
                </c:pt>
                <c:pt idx="4144">
                  <c:v>0</c:v>
                </c:pt>
                <c:pt idx="4145">
                  <c:v>0</c:v>
                </c:pt>
                <c:pt idx="4146">
                  <c:v>0</c:v>
                </c:pt>
                <c:pt idx="4147">
                  <c:v>0</c:v>
                </c:pt>
                <c:pt idx="4148">
                  <c:v>0</c:v>
                </c:pt>
                <c:pt idx="4149">
                  <c:v>0</c:v>
                </c:pt>
                <c:pt idx="4150">
                  <c:v>0</c:v>
                </c:pt>
                <c:pt idx="4151">
                  <c:v>0</c:v>
                </c:pt>
                <c:pt idx="4152">
                  <c:v>0</c:v>
                </c:pt>
                <c:pt idx="4153">
                  <c:v>0</c:v>
                </c:pt>
                <c:pt idx="4154">
                  <c:v>0</c:v>
                </c:pt>
                <c:pt idx="4155">
                  <c:v>0</c:v>
                </c:pt>
                <c:pt idx="4156">
                  <c:v>0</c:v>
                </c:pt>
                <c:pt idx="4157">
                  <c:v>0</c:v>
                </c:pt>
                <c:pt idx="4158">
                  <c:v>0</c:v>
                </c:pt>
                <c:pt idx="4159">
                  <c:v>0</c:v>
                </c:pt>
                <c:pt idx="4160">
                  <c:v>0</c:v>
                </c:pt>
                <c:pt idx="4161">
                  <c:v>0</c:v>
                </c:pt>
                <c:pt idx="4162">
                  <c:v>0</c:v>
                </c:pt>
                <c:pt idx="4163">
                  <c:v>0</c:v>
                </c:pt>
                <c:pt idx="4164">
                  <c:v>0</c:v>
                </c:pt>
                <c:pt idx="4165">
                  <c:v>0</c:v>
                </c:pt>
                <c:pt idx="4166">
                  <c:v>0</c:v>
                </c:pt>
                <c:pt idx="4167">
                  <c:v>0</c:v>
                </c:pt>
                <c:pt idx="4168">
                  <c:v>0</c:v>
                </c:pt>
                <c:pt idx="4169">
                  <c:v>0</c:v>
                </c:pt>
                <c:pt idx="4170">
                  <c:v>0</c:v>
                </c:pt>
                <c:pt idx="4171">
                  <c:v>0</c:v>
                </c:pt>
                <c:pt idx="4172">
                  <c:v>0</c:v>
                </c:pt>
                <c:pt idx="4173">
                  <c:v>0</c:v>
                </c:pt>
                <c:pt idx="4174">
                  <c:v>0</c:v>
                </c:pt>
                <c:pt idx="4175">
                  <c:v>0</c:v>
                </c:pt>
                <c:pt idx="4176">
                  <c:v>0</c:v>
                </c:pt>
                <c:pt idx="4177">
                  <c:v>0</c:v>
                </c:pt>
                <c:pt idx="4178">
                  <c:v>0</c:v>
                </c:pt>
                <c:pt idx="4179">
                  <c:v>0</c:v>
                </c:pt>
                <c:pt idx="4180">
                  <c:v>0</c:v>
                </c:pt>
                <c:pt idx="4181">
                  <c:v>0</c:v>
                </c:pt>
                <c:pt idx="4182">
                  <c:v>0</c:v>
                </c:pt>
                <c:pt idx="4183">
                  <c:v>0</c:v>
                </c:pt>
                <c:pt idx="4184">
                  <c:v>0</c:v>
                </c:pt>
                <c:pt idx="4185">
                  <c:v>0</c:v>
                </c:pt>
                <c:pt idx="4186">
                  <c:v>0</c:v>
                </c:pt>
                <c:pt idx="4187">
                  <c:v>0</c:v>
                </c:pt>
                <c:pt idx="4188">
                  <c:v>0</c:v>
                </c:pt>
                <c:pt idx="4189">
                  <c:v>0</c:v>
                </c:pt>
                <c:pt idx="4190">
                  <c:v>0</c:v>
                </c:pt>
                <c:pt idx="4191">
                  <c:v>0</c:v>
                </c:pt>
                <c:pt idx="4192">
                  <c:v>0</c:v>
                </c:pt>
                <c:pt idx="4193">
                  <c:v>0</c:v>
                </c:pt>
                <c:pt idx="4194">
                  <c:v>0</c:v>
                </c:pt>
                <c:pt idx="4195">
                  <c:v>0</c:v>
                </c:pt>
                <c:pt idx="4196">
                  <c:v>0</c:v>
                </c:pt>
                <c:pt idx="4197">
                  <c:v>0</c:v>
                </c:pt>
                <c:pt idx="4198">
                  <c:v>0</c:v>
                </c:pt>
                <c:pt idx="4199">
                  <c:v>0</c:v>
                </c:pt>
                <c:pt idx="4200">
                  <c:v>0</c:v>
                </c:pt>
                <c:pt idx="4201">
                  <c:v>0</c:v>
                </c:pt>
                <c:pt idx="4202">
                  <c:v>0</c:v>
                </c:pt>
                <c:pt idx="4203">
                  <c:v>0</c:v>
                </c:pt>
                <c:pt idx="4204">
                  <c:v>0</c:v>
                </c:pt>
                <c:pt idx="4205">
                  <c:v>0</c:v>
                </c:pt>
                <c:pt idx="4206">
                  <c:v>0</c:v>
                </c:pt>
                <c:pt idx="4207">
                  <c:v>0</c:v>
                </c:pt>
                <c:pt idx="4208">
                  <c:v>0</c:v>
                </c:pt>
                <c:pt idx="4209">
                  <c:v>0</c:v>
                </c:pt>
                <c:pt idx="4210">
                  <c:v>0</c:v>
                </c:pt>
                <c:pt idx="4211">
                  <c:v>0</c:v>
                </c:pt>
                <c:pt idx="4212">
                  <c:v>0</c:v>
                </c:pt>
                <c:pt idx="4213">
                  <c:v>0</c:v>
                </c:pt>
                <c:pt idx="4214">
                  <c:v>0</c:v>
                </c:pt>
                <c:pt idx="4215">
                  <c:v>0</c:v>
                </c:pt>
                <c:pt idx="4216">
                  <c:v>0</c:v>
                </c:pt>
                <c:pt idx="4217">
                  <c:v>0</c:v>
                </c:pt>
                <c:pt idx="4218">
                  <c:v>0</c:v>
                </c:pt>
                <c:pt idx="4219">
                  <c:v>0</c:v>
                </c:pt>
                <c:pt idx="4220">
                  <c:v>0</c:v>
                </c:pt>
                <c:pt idx="4221">
                  <c:v>0</c:v>
                </c:pt>
                <c:pt idx="4222">
                  <c:v>0</c:v>
                </c:pt>
                <c:pt idx="4223">
                  <c:v>0</c:v>
                </c:pt>
                <c:pt idx="4224">
                  <c:v>0</c:v>
                </c:pt>
                <c:pt idx="4225">
                  <c:v>0</c:v>
                </c:pt>
                <c:pt idx="4226">
                  <c:v>0</c:v>
                </c:pt>
                <c:pt idx="4227">
                  <c:v>0</c:v>
                </c:pt>
                <c:pt idx="4228">
                  <c:v>0</c:v>
                </c:pt>
                <c:pt idx="4229">
                  <c:v>0</c:v>
                </c:pt>
                <c:pt idx="4230">
                  <c:v>0</c:v>
                </c:pt>
                <c:pt idx="4231">
                  <c:v>0</c:v>
                </c:pt>
                <c:pt idx="4232">
                  <c:v>0</c:v>
                </c:pt>
                <c:pt idx="4233">
                  <c:v>0</c:v>
                </c:pt>
                <c:pt idx="4234">
                  <c:v>0</c:v>
                </c:pt>
                <c:pt idx="4235">
                  <c:v>0</c:v>
                </c:pt>
                <c:pt idx="4236">
                  <c:v>0</c:v>
                </c:pt>
                <c:pt idx="4237">
                  <c:v>0</c:v>
                </c:pt>
                <c:pt idx="4238">
                  <c:v>0</c:v>
                </c:pt>
                <c:pt idx="4239">
                  <c:v>0</c:v>
                </c:pt>
                <c:pt idx="4240">
                  <c:v>0</c:v>
                </c:pt>
                <c:pt idx="4241">
                  <c:v>0</c:v>
                </c:pt>
                <c:pt idx="4242">
                  <c:v>0</c:v>
                </c:pt>
                <c:pt idx="4243">
                  <c:v>0</c:v>
                </c:pt>
                <c:pt idx="4244">
                  <c:v>0</c:v>
                </c:pt>
                <c:pt idx="4245">
                  <c:v>0</c:v>
                </c:pt>
                <c:pt idx="4246">
                  <c:v>0</c:v>
                </c:pt>
                <c:pt idx="4247">
                  <c:v>0</c:v>
                </c:pt>
                <c:pt idx="4248">
                  <c:v>0</c:v>
                </c:pt>
                <c:pt idx="4249">
                  <c:v>0</c:v>
                </c:pt>
                <c:pt idx="4250">
                  <c:v>0</c:v>
                </c:pt>
                <c:pt idx="4251">
                  <c:v>0</c:v>
                </c:pt>
                <c:pt idx="4252">
                  <c:v>0</c:v>
                </c:pt>
                <c:pt idx="4253">
                  <c:v>0</c:v>
                </c:pt>
                <c:pt idx="4254">
                  <c:v>0</c:v>
                </c:pt>
                <c:pt idx="4255">
                  <c:v>0</c:v>
                </c:pt>
                <c:pt idx="4256">
                  <c:v>0</c:v>
                </c:pt>
                <c:pt idx="4257">
                  <c:v>0</c:v>
                </c:pt>
                <c:pt idx="4258">
                  <c:v>0</c:v>
                </c:pt>
                <c:pt idx="4259">
                  <c:v>0</c:v>
                </c:pt>
                <c:pt idx="4260">
                  <c:v>0</c:v>
                </c:pt>
                <c:pt idx="4261">
                  <c:v>0</c:v>
                </c:pt>
                <c:pt idx="4262">
                  <c:v>0</c:v>
                </c:pt>
                <c:pt idx="4263">
                  <c:v>0</c:v>
                </c:pt>
                <c:pt idx="4264">
                  <c:v>0</c:v>
                </c:pt>
                <c:pt idx="4265">
                  <c:v>0</c:v>
                </c:pt>
                <c:pt idx="4266">
                  <c:v>0</c:v>
                </c:pt>
                <c:pt idx="4267">
                  <c:v>0</c:v>
                </c:pt>
                <c:pt idx="4268">
                  <c:v>0</c:v>
                </c:pt>
                <c:pt idx="4269">
                  <c:v>0</c:v>
                </c:pt>
                <c:pt idx="4270">
                  <c:v>0</c:v>
                </c:pt>
                <c:pt idx="4271">
                  <c:v>0</c:v>
                </c:pt>
                <c:pt idx="4272">
                  <c:v>0</c:v>
                </c:pt>
                <c:pt idx="4273">
                  <c:v>0</c:v>
                </c:pt>
                <c:pt idx="4274">
                  <c:v>0</c:v>
                </c:pt>
                <c:pt idx="4275">
                  <c:v>0</c:v>
                </c:pt>
                <c:pt idx="4276">
                  <c:v>0</c:v>
                </c:pt>
                <c:pt idx="4277">
                  <c:v>0</c:v>
                </c:pt>
                <c:pt idx="4278">
                  <c:v>0</c:v>
                </c:pt>
                <c:pt idx="4279">
                  <c:v>0</c:v>
                </c:pt>
                <c:pt idx="4280">
                  <c:v>0</c:v>
                </c:pt>
                <c:pt idx="4281">
                  <c:v>0</c:v>
                </c:pt>
                <c:pt idx="4282">
                  <c:v>0</c:v>
                </c:pt>
                <c:pt idx="4283">
                  <c:v>0</c:v>
                </c:pt>
                <c:pt idx="4284">
                  <c:v>0</c:v>
                </c:pt>
                <c:pt idx="4285">
                  <c:v>0</c:v>
                </c:pt>
                <c:pt idx="4286">
                  <c:v>0</c:v>
                </c:pt>
                <c:pt idx="4287">
                  <c:v>0</c:v>
                </c:pt>
                <c:pt idx="4288">
                  <c:v>0</c:v>
                </c:pt>
                <c:pt idx="4289">
                  <c:v>0</c:v>
                </c:pt>
                <c:pt idx="4290">
                  <c:v>0</c:v>
                </c:pt>
                <c:pt idx="4291">
                  <c:v>0</c:v>
                </c:pt>
                <c:pt idx="4292">
                  <c:v>0</c:v>
                </c:pt>
                <c:pt idx="4293">
                  <c:v>0</c:v>
                </c:pt>
                <c:pt idx="4294">
                  <c:v>0</c:v>
                </c:pt>
                <c:pt idx="4295">
                  <c:v>0</c:v>
                </c:pt>
                <c:pt idx="4296">
                  <c:v>0</c:v>
                </c:pt>
                <c:pt idx="4297">
                  <c:v>0</c:v>
                </c:pt>
                <c:pt idx="4298">
                  <c:v>0</c:v>
                </c:pt>
                <c:pt idx="4299">
                  <c:v>0</c:v>
                </c:pt>
                <c:pt idx="4300">
                  <c:v>0</c:v>
                </c:pt>
                <c:pt idx="4301">
                  <c:v>0</c:v>
                </c:pt>
                <c:pt idx="4302">
                  <c:v>0</c:v>
                </c:pt>
                <c:pt idx="4303">
                  <c:v>0</c:v>
                </c:pt>
                <c:pt idx="4304">
                  <c:v>0</c:v>
                </c:pt>
                <c:pt idx="4305">
                  <c:v>0</c:v>
                </c:pt>
                <c:pt idx="4306">
                  <c:v>0</c:v>
                </c:pt>
                <c:pt idx="4307">
                  <c:v>0</c:v>
                </c:pt>
                <c:pt idx="4308">
                  <c:v>0</c:v>
                </c:pt>
                <c:pt idx="4309">
                  <c:v>0</c:v>
                </c:pt>
                <c:pt idx="4310">
                  <c:v>0</c:v>
                </c:pt>
                <c:pt idx="4311">
                  <c:v>0</c:v>
                </c:pt>
                <c:pt idx="4312">
                  <c:v>0</c:v>
                </c:pt>
                <c:pt idx="4313">
                  <c:v>0</c:v>
                </c:pt>
                <c:pt idx="4314">
                  <c:v>0</c:v>
                </c:pt>
                <c:pt idx="4315">
                  <c:v>0</c:v>
                </c:pt>
                <c:pt idx="4316">
                  <c:v>0</c:v>
                </c:pt>
                <c:pt idx="4317">
                  <c:v>0</c:v>
                </c:pt>
                <c:pt idx="4318">
                  <c:v>0</c:v>
                </c:pt>
                <c:pt idx="4319">
                  <c:v>0</c:v>
                </c:pt>
                <c:pt idx="4320">
                  <c:v>0</c:v>
                </c:pt>
                <c:pt idx="4321">
                  <c:v>0</c:v>
                </c:pt>
                <c:pt idx="4322">
                  <c:v>0</c:v>
                </c:pt>
                <c:pt idx="4323">
                  <c:v>0</c:v>
                </c:pt>
                <c:pt idx="4324">
                  <c:v>0</c:v>
                </c:pt>
                <c:pt idx="4325">
                  <c:v>0</c:v>
                </c:pt>
                <c:pt idx="4326">
                  <c:v>0</c:v>
                </c:pt>
                <c:pt idx="4327">
                  <c:v>0</c:v>
                </c:pt>
                <c:pt idx="4328">
                  <c:v>0</c:v>
                </c:pt>
                <c:pt idx="4329">
                  <c:v>0</c:v>
                </c:pt>
                <c:pt idx="4330">
                  <c:v>0</c:v>
                </c:pt>
                <c:pt idx="4331">
                  <c:v>0</c:v>
                </c:pt>
                <c:pt idx="4332">
                  <c:v>0</c:v>
                </c:pt>
                <c:pt idx="4333">
                  <c:v>0</c:v>
                </c:pt>
                <c:pt idx="4334">
                  <c:v>0</c:v>
                </c:pt>
                <c:pt idx="4335">
                  <c:v>0</c:v>
                </c:pt>
                <c:pt idx="4336">
                  <c:v>0</c:v>
                </c:pt>
                <c:pt idx="4337">
                  <c:v>0</c:v>
                </c:pt>
                <c:pt idx="4338">
                  <c:v>0</c:v>
                </c:pt>
                <c:pt idx="4339">
                  <c:v>0</c:v>
                </c:pt>
                <c:pt idx="4340">
                  <c:v>0</c:v>
                </c:pt>
                <c:pt idx="4341">
                  <c:v>0</c:v>
                </c:pt>
                <c:pt idx="4342">
                  <c:v>0</c:v>
                </c:pt>
                <c:pt idx="4343">
                  <c:v>0</c:v>
                </c:pt>
                <c:pt idx="4344">
                  <c:v>0</c:v>
                </c:pt>
                <c:pt idx="4345">
                  <c:v>0</c:v>
                </c:pt>
                <c:pt idx="4346">
                  <c:v>0</c:v>
                </c:pt>
                <c:pt idx="4347">
                  <c:v>0</c:v>
                </c:pt>
                <c:pt idx="4348">
                  <c:v>0</c:v>
                </c:pt>
                <c:pt idx="4349">
                  <c:v>0</c:v>
                </c:pt>
                <c:pt idx="4350">
                  <c:v>0</c:v>
                </c:pt>
                <c:pt idx="4351">
                  <c:v>0</c:v>
                </c:pt>
                <c:pt idx="4352">
                  <c:v>0</c:v>
                </c:pt>
                <c:pt idx="4353">
                  <c:v>0</c:v>
                </c:pt>
                <c:pt idx="4354">
                  <c:v>0</c:v>
                </c:pt>
                <c:pt idx="4355">
                  <c:v>0</c:v>
                </c:pt>
                <c:pt idx="4356">
                  <c:v>0</c:v>
                </c:pt>
                <c:pt idx="4357">
                  <c:v>0</c:v>
                </c:pt>
                <c:pt idx="4358">
                  <c:v>0</c:v>
                </c:pt>
                <c:pt idx="4359">
                  <c:v>0</c:v>
                </c:pt>
                <c:pt idx="4360">
                  <c:v>0</c:v>
                </c:pt>
                <c:pt idx="4361">
                  <c:v>0</c:v>
                </c:pt>
                <c:pt idx="4362">
                  <c:v>0</c:v>
                </c:pt>
                <c:pt idx="4363">
                  <c:v>0</c:v>
                </c:pt>
                <c:pt idx="4364">
                  <c:v>0</c:v>
                </c:pt>
                <c:pt idx="4365">
                  <c:v>0</c:v>
                </c:pt>
                <c:pt idx="4366">
                  <c:v>0</c:v>
                </c:pt>
                <c:pt idx="4367">
                  <c:v>0</c:v>
                </c:pt>
                <c:pt idx="4368">
                  <c:v>0</c:v>
                </c:pt>
                <c:pt idx="4369">
                  <c:v>0</c:v>
                </c:pt>
                <c:pt idx="4370">
                  <c:v>0</c:v>
                </c:pt>
                <c:pt idx="4371">
                  <c:v>0</c:v>
                </c:pt>
                <c:pt idx="4372">
                  <c:v>0</c:v>
                </c:pt>
                <c:pt idx="4373">
                  <c:v>0</c:v>
                </c:pt>
                <c:pt idx="4374">
                  <c:v>0</c:v>
                </c:pt>
                <c:pt idx="4375">
                  <c:v>0</c:v>
                </c:pt>
                <c:pt idx="4376">
                  <c:v>0</c:v>
                </c:pt>
                <c:pt idx="4377">
                  <c:v>0</c:v>
                </c:pt>
                <c:pt idx="4378">
                  <c:v>0</c:v>
                </c:pt>
                <c:pt idx="4379">
                  <c:v>0</c:v>
                </c:pt>
                <c:pt idx="4380">
                  <c:v>0</c:v>
                </c:pt>
                <c:pt idx="4381">
                  <c:v>0</c:v>
                </c:pt>
                <c:pt idx="4382">
                  <c:v>0</c:v>
                </c:pt>
                <c:pt idx="4383">
                  <c:v>0</c:v>
                </c:pt>
                <c:pt idx="4384">
                  <c:v>0</c:v>
                </c:pt>
                <c:pt idx="4385">
                  <c:v>0</c:v>
                </c:pt>
                <c:pt idx="4386">
                  <c:v>0</c:v>
                </c:pt>
                <c:pt idx="4387">
                  <c:v>0</c:v>
                </c:pt>
                <c:pt idx="4388">
                  <c:v>0</c:v>
                </c:pt>
                <c:pt idx="4389">
                  <c:v>0</c:v>
                </c:pt>
                <c:pt idx="4390">
                  <c:v>0</c:v>
                </c:pt>
                <c:pt idx="4391">
                  <c:v>0</c:v>
                </c:pt>
                <c:pt idx="4392">
                  <c:v>0</c:v>
                </c:pt>
                <c:pt idx="4393">
                  <c:v>0</c:v>
                </c:pt>
                <c:pt idx="4394">
                  <c:v>0</c:v>
                </c:pt>
                <c:pt idx="4395">
                  <c:v>0</c:v>
                </c:pt>
                <c:pt idx="4396">
                  <c:v>0</c:v>
                </c:pt>
                <c:pt idx="4397">
                  <c:v>0</c:v>
                </c:pt>
                <c:pt idx="4398">
                  <c:v>0</c:v>
                </c:pt>
                <c:pt idx="4399">
                  <c:v>0</c:v>
                </c:pt>
                <c:pt idx="4400">
                  <c:v>0</c:v>
                </c:pt>
                <c:pt idx="4401">
                  <c:v>0</c:v>
                </c:pt>
                <c:pt idx="4402">
                  <c:v>0</c:v>
                </c:pt>
                <c:pt idx="4403">
                  <c:v>0</c:v>
                </c:pt>
                <c:pt idx="4404">
                  <c:v>0</c:v>
                </c:pt>
                <c:pt idx="4405">
                  <c:v>0</c:v>
                </c:pt>
                <c:pt idx="4406">
                  <c:v>0</c:v>
                </c:pt>
                <c:pt idx="4407">
                  <c:v>0</c:v>
                </c:pt>
                <c:pt idx="4408">
                  <c:v>0</c:v>
                </c:pt>
                <c:pt idx="4409">
                  <c:v>0</c:v>
                </c:pt>
                <c:pt idx="4410">
                  <c:v>0</c:v>
                </c:pt>
                <c:pt idx="4411">
                  <c:v>0</c:v>
                </c:pt>
                <c:pt idx="4412">
                  <c:v>0</c:v>
                </c:pt>
                <c:pt idx="4413">
                  <c:v>0</c:v>
                </c:pt>
                <c:pt idx="4414">
                  <c:v>0</c:v>
                </c:pt>
                <c:pt idx="4415">
                  <c:v>0</c:v>
                </c:pt>
                <c:pt idx="4416">
                  <c:v>0</c:v>
                </c:pt>
                <c:pt idx="4417">
                  <c:v>0</c:v>
                </c:pt>
                <c:pt idx="4418">
                  <c:v>0</c:v>
                </c:pt>
                <c:pt idx="4419">
                  <c:v>0</c:v>
                </c:pt>
                <c:pt idx="4420">
                  <c:v>0</c:v>
                </c:pt>
                <c:pt idx="4421">
                  <c:v>0</c:v>
                </c:pt>
                <c:pt idx="4422">
                  <c:v>0</c:v>
                </c:pt>
                <c:pt idx="4423">
                  <c:v>0</c:v>
                </c:pt>
                <c:pt idx="4424">
                  <c:v>0</c:v>
                </c:pt>
                <c:pt idx="4425">
                  <c:v>0</c:v>
                </c:pt>
                <c:pt idx="4426">
                  <c:v>0</c:v>
                </c:pt>
                <c:pt idx="4427">
                  <c:v>0</c:v>
                </c:pt>
                <c:pt idx="4428">
                  <c:v>0</c:v>
                </c:pt>
                <c:pt idx="4429">
                  <c:v>0</c:v>
                </c:pt>
                <c:pt idx="4430">
                  <c:v>0</c:v>
                </c:pt>
                <c:pt idx="4431">
                  <c:v>0</c:v>
                </c:pt>
                <c:pt idx="4432">
                  <c:v>0</c:v>
                </c:pt>
                <c:pt idx="4433">
                  <c:v>0</c:v>
                </c:pt>
                <c:pt idx="4434">
                  <c:v>0</c:v>
                </c:pt>
                <c:pt idx="4435">
                  <c:v>0</c:v>
                </c:pt>
                <c:pt idx="4436">
                  <c:v>0</c:v>
                </c:pt>
                <c:pt idx="4437">
                  <c:v>0</c:v>
                </c:pt>
                <c:pt idx="4438">
                  <c:v>0</c:v>
                </c:pt>
                <c:pt idx="4439">
                  <c:v>0</c:v>
                </c:pt>
                <c:pt idx="4440">
                  <c:v>0</c:v>
                </c:pt>
                <c:pt idx="4441">
                  <c:v>0</c:v>
                </c:pt>
                <c:pt idx="4442">
                  <c:v>0</c:v>
                </c:pt>
                <c:pt idx="4443">
                  <c:v>0</c:v>
                </c:pt>
                <c:pt idx="4444">
                  <c:v>0</c:v>
                </c:pt>
                <c:pt idx="4445">
                  <c:v>0</c:v>
                </c:pt>
                <c:pt idx="4446">
                  <c:v>0</c:v>
                </c:pt>
                <c:pt idx="4447">
                  <c:v>0</c:v>
                </c:pt>
                <c:pt idx="4448">
                  <c:v>0</c:v>
                </c:pt>
                <c:pt idx="4449">
                  <c:v>0</c:v>
                </c:pt>
                <c:pt idx="4450">
                  <c:v>0</c:v>
                </c:pt>
                <c:pt idx="4451">
                  <c:v>0</c:v>
                </c:pt>
                <c:pt idx="4452">
                  <c:v>0</c:v>
                </c:pt>
                <c:pt idx="4453">
                  <c:v>0</c:v>
                </c:pt>
                <c:pt idx="4454">
                  <c:v>0</c:v>
                </c:pt>
                <c:pt idx="4455">
                  <c:v>0</c:v>
                </c:pt>
                <c:pt idx="4456">
                  <c:v>0</c:v>
                </c:pt>
                <c:pt idx="4457">
                  <c:v>0</c:v>
                </c:pt>
                <c:pt idx="4458">
                  <c:v>0</c:v>
                </c:pt>
                <c:pt idx="4459">
                  <c:v>0</c:v>
                </c:pt>
                <c:pt idx="4460">
                  <c:v>0</c:v>
                </c:pt>
                <c:pt idx="4461">
                  <c:v>0</c:v>
                </c:pt>
                <c:pt idx="4462">
                  <c:v>0</c:v>
                </c:pt>
                <c:pt idx="4463">
                  <c:v>0</c:v>
                </c:pt>
                <c:pt idx="4464">
                  <c:v>0</c:v>
                </c:pt>
                <c:pt idx="4465">
                  <c:v>0</c:v>
                </c:pt>
                <c:pt idx="4466">
                  <c:v>0</c:v>
                </c:pt>
                <c:pt idx="4467">
                  <c:v>0</c:v>
                </c:pt>
                <c:pt idx="4468">
                  <c:v>0</c:v>
                </c:pt>
                <c:pt idx="4469">
                  <c:v>0</c:v>
                </c:pt>
                <c:pt idx="4470">
                  <c:v>0</c:v>
                </c:pt>
                <c:pt idx="4471">
                  <c:v>0</c:v>
                </c:pt>
                <c:pt idx="4472">
                  <c:v>0</c:v>
                </c:pt>
                <c:pt idx="4473">
                  <c:v>0</c:v>
                </c:pt>
                <c:pt idx="4474">
                  <c:v>0</c:v>
                </c:pt>
                <c:pt idx="4475">
                  <c:v>0</c:v>
                </c:pt>
                <c:pt idx="4476">
                  <c:v>0</c:v>
                </c:pt>
                <c:pt idx="4477">
                  <c:v>0</c:v>
                </c:pt>
                <c:pt idx="4478">
                  <c:v>0</c:v>
                </c:pt>
                <c:pt idx="4479">
                  <c:v>0</c:v>
                </c:pt>
                <c:pt idx="4480">
                  <c:v>0</c:v>
                </c:pt>
                <c:pt idx="4481">
                  <c:v>0</c:v>
                </c:pt>
                <c:pt idx="4482">
                  <c:v>0</c:v>
                </c:pt>
                <c:pt idx="4483">
                  <c:v>0</c:v>
                </c:pt>
                <c:pt idx="4484">
                  <c:v>0</c:v>
                </c:pt>
                <c:pt idx="4485">
                  <c:v>0</c:v>
                </c:pt>
                <c:pt idx="4486">
                  <c:v>0</c:v>
                </c:pt>
                <c:pt idx="4487">
                  <c:v>0</c:v>
                </c:pt>
                <c:pt idx="4488">
                  <c:v>0</c:v>
                </c:pt>
                <c:pt idx="4489">
                  <c:v>0</c:v>
                </c:pt>
                <c:pt idx="4490">
                  <c:v>0</c:v>
                </c:pt>
                <c:pt idx="4491">
                  <c:v>0</c:v>
                </c:pt>
                <c:pt idx="4492">
                  <c:v>0</c:v>
                </c:pt>
                <c:pt idx="4493">
                  <c:v>0</c:v>
                </c:pt>
                <c:pt idx="4494">
                  <c:v>0</c:v>
                </c:pt>
                <c:pt idx="4495">
                  <c:v>0</c:v>
                </c:pt>
                <c:pt idx="4496">
                  <c:v>0</c:v>
                </c:pt>
                <c:pt idx="4497">
                  <c:v>0</c:v>
                </c:pt>
                <c:pt idx="4498">
                  <c:v>0</c:v>
                </c:pt>
                <c:pt idx="4499">
                  <c:v>0</c:v>
                </c:pt>
                <c:pt idx="4500">
                  <c:v>0</c:v>
                </c:pt>
                <c:pt idx="4501">
                  <c:v>0</c:v>
                </c:pt>
                <c:pt idx="4502">
                  <c:v>0</c:v>
                </c:pt>
                <c:pt idx="4503">
                  <c:v>0</c:v>
                </c:pt>
                <c:pt idx="4504">
                  <c:v>0</c:v>
                </c:pt>
                <c:pt idx="4505">
                  <c:v>0</c:v>
                </c:pt>
                <c:pt idx="4506">
                  <c:v>0</c:v>
                </c:pt>
                <c:pt idx="4507">
                  <c:v>0</c:v>
                </c:pt>
                <c:pt idx="4508">
                  <c:v>0</c:v>
                </c:pt>
                <c:pt idx="4509">
                  <c:v>0</c:v>
                </c:pt>
                <c:pt idx="4510">
                  <c:v>0</c:v>
                </c:pt>
                <c:pt idx="4511">
                  <c:v>0</c:v>
                </c:pt>
                <c:pt idx="4512">
                  <c:v>0</c:v>
                </c:pt>
                <c:pt idx="4513">
                  <c:v>0</c:v>
                </c:pt>
                <c:pt idx="4514">
                  <c:v>0</c:v>
                </c:pt>
                <c:pt idx="4515">
                  <c:v>0</c:v>
                </c:pt>
                <c:pt idx="4516">
                  <c:v>0</c:v>
                </c:pt>
                <c:pt idx="4517">
                  <c:v>0</c:v>
                </c:pt>
                <c:pt idx="4518">
                  <c:v>0</c:v>
                </c:pt>
                <c:pt idx="4519">
                  <c:v>0</c:v>
                </c:pt>
                <c:pt idx="4520">
                  <c:v>0</c:v>
                </c:pt>
                <c:pt idx="4521">
                  <c:v>0</c:v>
                </c:pt>
                <c:pt idx="4522">
                  <c:v>0</c:v>
                </c:pt>
                <c:pt idx="4523">
                  <c:v>0</c:v>
                </c:pt>
                <c:pt idx="4524">
                  <c:v>0</c:v>
                </c:pt>
                <c:pt idx="4525">
                  <c:v>0</c:v>
                </c:pt>
                <c:pt idx="4526">
                  <c:v>0</c:v>
                </c:pt>
                <c:pt idx="4527">
                  <c:v>0</c:v>
                </c:pt>
                <c:pt idx="4528">
                  <c:v>0</c:v>
                </c:pt>
                <c:pt idx="4529">
                  <c:v>0</c:v>
                </c:pt>
                <c:pt idx="4530">
                  <c:v>0</c:v>
                </c:pt>
                <c:pt idx="4531">
                  <c:v>0</c:v>
                </c:pt>
                <c:pt idx="4532">
                  <c:v>0</c:v>
                </c:pt>
                <c:pt idx="4533">
                  <c:v>0</c:v>
                </c:pt>
                <c:pt idx="4534">
                  <c:v>0</c:v>
                </c:pt>
                <c:pt idx="4535">
                  <c:v>0</c:v>
                </c:pt>
                <c:pt idx="4536">
                  <c:v>0</c:v>
                </c:pt>
                <c:pt idx="4537">
                  <c:v>0</c:v>
                </c:pt>
                <c:pt idx="4538">
                  <c:v>0</c:v>
                </c:pt>
                <c:pt idx="4539">
                  <c:v>0</c:v>
                </c:pt>
                <c:pt idx="4540">
                  <c:v>0</c:v>
                </c:pt>
                <c:pt idx="4541">
                  <c:v>0</c:v>
                </c:pt>
                <c:pt idx="4542">
                  <c:v>0</c:v>
                </c:pt>
                <c:pt idx="4543">
                  <c:v>0</c:v>
                </c:pt>
                <c:pt idx="4544">
                  <c:v>0</c:v>
                </c:pt>
                <c:pt idx="4545">
                  <c:v>0</c:v>
                </c:pt>
                <c:pt idx="4546">
                  <c:v>0</c:v>
                </c:pt>
                <c:pt idx="4547">
                  <c:v>0</c:v>
                </c:pt>
                <c:pt idx="4548">
                  <c:v>0</c:v>
                </c:pt>
                <c:pt idx="4549">
                  <c:v>0</c:v>
                </c:pt>
                <c:pt idx="4550">
                  <c:v>0</c:v>
                </c:pt>
                <c:pt idx="4551">
                  <c:v>0</c:v>
                </c:pt>
                <c:pt idx="4552">
                  <c:v>0</c:v>
                </c:pt>
                <c:pt idx="4553">
                  <c:v>0</c:v>
                </c:pt>
                <c:pt idx="4554">
                  <c:v>0</c:v>
                </c:pt>
                <c:pt idx="4555">
                  <c:v>0</c:v>
                </c:pt>
                <c:pt idx="4556">
                  <c:v>0</c:v>
                </c:pt>
                <c:pt idx="4557">
                  <c:v>0</c:v>
                </c:pt>
                <c:pt idx="4558">
                  <c:v>0</c:v>
                </c:pt>
                <c:pt idx="4559">
                  <c:v>0</c:v>
                </c:pt>
                <c:pt idx="4560">
                  <c:v>0</c:v>
                </c:pt>
                <c:pt idx="4561">
                  <c:v>0</c:v>
                </c:pt>
                <c:pt idx="4562">
                  <c:v>0</c:v>
                </c:pt>
                <c:pt idx="4563">
                  <c:v>0</c:v>
                </c:pt>
                <c:pt idx="4564">
                  <c:v>0</c:v>
                </c:pt>
                <c:pt idx="4565">
                  <c:v>0</c:v>
                </c:pt>
                <c:pt idx="4566">
                  <c:v>0</c:v>
                </c:pt>
                <c:pt idx="4567">
                  <c:v>0</c:v>
                </c:pt>
                <c:pt idx="4568">
                  <c:v>0</c:v>
                </c:pt>
                <c:pt idx="4569">
                  <c:v>0</c:v>
                </c:pt>
                <c:pt idx="4570">
                  <c:v>0</c:v>
                </c:pt>
                <c:pt idx="4571">
                  <c:v>0</c:v>
                </c:pt>
                <c:pt idx="4572">
                  <c:v>0</c:v>
                </c:pt>
                <c:pt idx="4573">
                  <c:v>0</c:v>
                </c:pt>
                <c:pt idx="4574">
                  <c:v>0</c:v>
                </c:pt>
                <c:pt idx="4575">
                  <c:v>0</c:v>
                </c:pt>
                <c:pt idx="4576">
                  <c:v>0</c:v>
                </c:pt>
                <c:pt idx="4577">
                  <c:v>0</c:v>
                </c:pt>
                <c:pt idx="4578">
                  <c:v>0</c:v>
                </c:pt>
                <c:pt idx="4579">
                  <c:v>0</c:v>
                </c:pt>
                <c:pt idx="4580">
                  <c:v>0</c:v>
                </c:pt>
                <c:pt idx="4581">
                  <c:v>0</c:v>
                </c:pt>
                <c:pt idx="4582">
                  <c:v>0</c:v>
                </c:pt>
                <c:pt idx="4583">
                  <c:v>0</c:v>
                </c:pt>
                <c:pt idx="4584">
                  <c:v>0</c:v>
                </c:pt>
                <c:pt idx="4585">
                  <c:v>0</c:v>
                </c:pt>
                <c:pt idx="4586">
                  <c:v>0</c:v>
                </c:pt>
                <c:pt idx="4587">
                  <c:v>0</c:v>
                </c:pt>
                <c:pt idx="4588">
                  <c:v>0</c:v>
                </c:pt>
                <c:pt idx="4589">
                  <c:v>0</c:v>
                </c:pt>
                <c:pt idx="4590">
                  <c:v>0</c:v>
                </c:pt>
                <c:pt idx="4591">
                  <c:v>0</c:v>
                </c:pt>
                <c:pt idx="4592">
                  <c:v>0</c:v>
                </c:pt>
                <c:pt idx="4593">
                  <c:v>0</c:v>
                </c:pt>
                <c:pt idx="4594">
                  <c:v>0</c:v>
                </c:pt>
                <c:pt idx="4595">
                  <c:v>0</c:v>
                </c:pt>
                <c:pt idx="4596">
                  <c:v>0</c:v>
                </c:pt>
                <c:pt idx="4597">
                  <c:v>0</c:v>
                </c:pt>
                <c:pt idx="4598">
                  <c:v>0</c:v>
                </c:pt>
                <c:pt idx="4599">
                  <c:v>0</c:v>
                </c:pt>
                <c:pt idx="4600">
                  <c:v>0</c:v>
                </c:pt>
                <c:pt idx="4601">
                  <c:v>0</c:v>
                </c:pt>
                <c:pt idx="4602">
                  <c:v>0</c:v>
                </c:pt>
                <c:pt idx="4603">
                  <c:v>0</c:v>
                </c:pt>
                <c:pt idx="4604">
                  <c:v>0</c:v>
                </c:pt>
                <c:pt idx="4605">
                  <c:v>0</c:v>
                </c:pt>
                <c:pt idx="4606">
                  <c:v>0</c:v>
                </c:pt>
                <c:pt idx="4607">
                  <c:v>0</c:v>
                </c:pt>
                <c:pt idx="4608">
                  <c:v>0</c:v>
                </c:pt>
                <c:pt idx="4609">
                  <c:v>0</c:v>
                </c:pt>
                <c:pt idx="4610">
                  <c:v>0</c:v>
                </c:pt>
                <c:pt idx="4611">
                  <c:v>0</c:v>
                </c:pt>
                <c:pt idx="4612">
                  <c:v>0</c:v>
                </c:pt>
                <c:pt idx="4613">
                  <c:v>0</c:v>
                </c:pt>
                <c:pt idx="4614">
                  <c:v>0</c:v>
                </c:pt>
                <c:pt idx="4615">
                  <c:v>0</c:v>
                </c:pt>
                <c:pt idx="4616">
                  <c:v>0</c:v>
                </c:pt>
                <c:pt idx="4617">
                  <c:v>0</c:v>
                </c:pt>
                <c:pt idx="4618">
                  <c:v>0</c:v>
                </c:pt>
                <c:pt idx="4619">
                  <c:v>0</c:v>
                </c:pt>
                <c:pt idx="4620">
                  <c:v>0</c:v>
                </c:pt>
                <c:pt idx="4621">
                  <c:v>0</c:v>
                </c:pt>
                <c:pt idx="4622">
                  <c:v>0</c:v>
                </c:pt>
                <c:pt idx="4623">
                  <c:v>0</c:v>
                </c:pt>
                <c:pt idx="4624">
                  <c:v>0</c:v>
                </c:pt>
                <c:pt idx="4625">
                  <c:v>0</c:v>
                </c:pt>
                <c:pt idx="4626">
                  <c:v>0</c:v>
                </c:pt>
                <c:pt idx="4627">
                  <c:v>0</c:v>
                </c:pt>
                <c:pt idx="4628">
                  <c:v>0</c:v>
                </c:pt>
                <c:pt idx="4629">
                  <c:v>0</c:v>
                </c:pt>
                <c:pt idx="4630">
                  <c:v>0</c:v>
                </c:pt>
                <c:pt idx="4631">
                  <c:v>0</c:v>
                </c:pt>
                <c:pt idx="4632">
                  <c:v>0</c:v>
                </c:pt>
                <c:pt idx="4633">
                  <c:v>0</c:v>
                </c:pt>
                <c:pt idx="4634">
                  <c:v>0</c:v>
                </c:pt>
                <c:pt idx="4635">
                  <c:v>0</c:v>
                </c:pt>
                <c:pt idx="4636">
                  <c:v>0</c:v>
                </c:pt>
                <c:pt idx="4637">
                  <c:v>0</c:v>
                </c:pt>
                <c:pt idx="4638">
                  <c:v>0</c:v>
                </c:pt>
                <c:pt idx="4639">
                  <c:v>0</c:v>
                </c:pt>
                <c:pt idx="4640">
                  <c:v>0</c:v>
                </c:pt>
                <c:pt idx="4641">
                  <c:v>0</c:v>
                </c:pt>
                <c:pt idx="4642">
                  <c:v>0</c:v>
                </c:pt>
                <c:pt idx="4643">
                  <c:v>0</c:v>
                </c:pt>
                <c:pt idx="4644">
                  <c:v>0</c:v>
                </c:pt>
                <c:pt idx="4645">
                  <c:v>0</c:v>
                </c:pt>
                <c:pt idx="4646">
                  <c:v>0</c:v>
                </c:pt>
                <c:pt idx="4647">
                  <c:v>0</c:v>
                </c:pt>
                <c:pt idx="4648">
                  <c:v>0</c:v>
                </c:pt>
                <c:pt idx="4649">
                  <c:v>0</c:v>
                </c:pt>
                <c:pt idx="4650">
                  <c:v>0</c:v>
                </c:pt>
                <c:pt idx="4651">
                  <c:v>0</c:v>
                </c:pt>
                <c:pt idx="4652">
                  <c:v>0</c:v>
                </c:pt>
                <c:pt idx="4653">
                  <c:v>0</c:v>
                </c:pt>
                <c:pt idx="4654">
                  <c:v>0</c:v>
                </c:pt>
                <c:pt idx="4655">
                  <c:v>0</c:v>
                </c:pt>
                <c:pt idx="4656">
                  <c:v>0</c:v>
                </c:pt>
                <c:pt idx="4657">
                  <c:v>0</c:v>
                </c:pt>
                <c:pt idx="4658">
                  <c:v>0</c:v>
                </c:pt>
                <c:pt idx="4659">
                  <c:v>0</c:v>
                </c:pt>
                <c:pt idx="4660">
                  <c:v>0</c:v>
                </c:pt>
                <c:pt idx="4661">
                  <c:v>0</c:v>
                </c:pt>
                <c:pt idx="4662">
                  <c:v>0</c:v>
                </c:pt>
                <c:pt idx="4663">
                  <c:v>0</c:v>
                </c:pt>
                <c:pt idx="4664">
                  <c:v>0</c:v>
                </c:pt>
                <c:pt idx="4665">
                  <c:v>0</c:v>
                </c:pt>
                <c:pt idx="4666">
                  <c:v>0</c:v>
                </c:pt>
                <c:pt idx="4667">
                  <c:v>0</c:v>
                </c:pt>
                <c:pt idx="4668">
                  <c:v>0</c:v>
                </c:pt>
                <c:pt idx="4669">
                  <c:v>0</c:v>
                </c:pt>
                <c:pt idx="4670">
                  <c:v>0</c:v>
                </c:pt>
                <c:pt idx="4671">
                  <c:v>0</c:v>
                </c:pt>
                <c:pt idx="4672">
                  <c:v>0</c:v>
                </c:pt>
                <c:pt idx="4673">
                  <c:v>0</c:v>
                </c:pt>
                <c:pt idx="4674">
                  <c:v>0</c:v>
                </c:pt>
                <c:pt idx="4675">
                  <c:v>0</c:v>
                </c:pt>
                <c:pt idx="4676">
                  <c:v>0</c:v>
                </c:pt>
                <c:pt idx="4677">
                  <c:v>0</c:v>
                </c:pt>
                <c:pt idx="4678">
                  <c:v>0</c:v>
                </c:pt>
                <c:pt idx="4679">
                  <c:v>0</c:v>
                </c:pt>
                <c:pt idx="4680">
                  <c:v>0</c:v>
                </c:pt>
                <c:pt idx="4681">
                  <c:v>0</c:v>
                </c:pt>
                <c:pt idx="4682">
                  <c:v>0</c:v>
                </c:pt>
                <c:pt idx="4683">
                  <c:v>0</c:v>
                </c:pt>
                <c:pt idx="4684">
                  <c:v>0</c:v>
                </c:pt>
                <c:pt idx="4685">
                  <c:v>0</c:v>
                </c:pt>
                <c:pt idx="4686">
                  <c:v>0</c:v>
                </c:pt>
                <c:pt idx="4687">
                  <c:v>0</c:v>
                </c:pt>
                <c:pt idx="4688">
                  <c:v>0</c:v>
                </c:pt>
                <c:pt idx="4689">
                  <c:v>0</c:v>
                </c:pt>
                <c:pt idx="4690">
                  <c:v>0</c:v>
                </c:pt>
                <c:pt idx="4691">
                  <c:v>0</c:v>
                </c:pt>
                <c:pt idx="4692">
                  <c:v>0</c:v>
                </c:pt>
                <c:pt idx="4693">
                  <c:v>0</c:v>
                </c:pt>
                <c:pt idx="4694">
                  <c:v>0</c:v>
                </c:pt>
                <c:pt idx="4695">
                  <c:v>0</c:v>
                </c:pt>
                <c:pt idx="4696">
                  <c:v>0</c:v>
                </c:pt>
                <c:pt idx="4697">
                  <c:v>0</c:v>
                </c:pt>
                <c:pt idx="4698">
                  <c:v>0</c:v>
                </c:pt>
                <c:pt idx="4699">
                  <c:v>0</c:v>
                </c:pt>
                <c:pt idx="4700">
                  <c:v>0</c:v>
                </c:pt>
                <c:pt idx="4701">
                  <c:v>0</c:v>
                </c:pt>
                <c:pt idx="4702">
                  <c:v>0</c:v>
                </c:pt>
                <c:pt idx="4703">
                  <c:v>0</c:v>
                </c:pt>
                <c:pt idx="4704">
                  <c:v>0</c:v>
                </c:pt>
                <c:pt idx="4705">
                  <c:v>0</c:v>
                </c:pt>
                <c:pt idx="4706">
                  <c:v>0</c:v>
                </c:pt>
                <c:pt idx="4707">
                  <c:v>0</c:v>
                </c:pt>
                <c:pt idx="4708">
                  <c:v>0</c:v>
                </c:pt>
                <c:pt idx="4709">
                  <c:v>0</c:v>
                </c:pt>
                <c:pt idx="4710">
                  <c:v>0</c:v>
                </c:pt>
                <c:pt idx="4711">
                  <c:v>0</c:v>
                </c:pt>
                <c:pt idx="4712">
                  <c:v>0</c:v>
                </c:pt>
                <c:pt idx="4713">
                  <c:v>0</c:v>
                </c:pt>
                <c:pt idx="4714">
                  <c:v>0</c:v>
                </c:pt>
                <c:pt idx="4715">
                  <c:v>0</c:v>
                </c:pt>
                <c:pt idx="4716">
                  <c:v>0</c:v>
                </c:pt>
                <c:pt idx="4717">
                  <c:v>0</c:v>
                </c:pt>
                <c:pt idx="4718">
                  <c:v>0</c:v>
                </c:pt>
                <c:pt idx="4719">
                  <c:v>0</c:v>
                </c:pt>
                <c:pt idx="4720">
                  <c:v>0</c:v>
                </c:pt>
                <c:pt idx="4721">
                  <c:v>0</c:v>
                </c:pt>
                <c:pt idx="4722">
                  <c:v>0</c:v>
                </c:pt>
                <c:pt idx="4723">
                  <c:v>0</c:v>
                </c:pt>
                <c:pt idx="4724">
                  <c:v>0</c:v>
                </c:pt>
                <c:pt idx="4725">
                  <c:v>0</c:v>
                </c:pt>
                <c:pt idx="4726">
                  <c:v>0</c:v>
                </c:pt>
                <c:pt idx="4727">
                  <c:v>0</c:v>
                </c:pt>
                <c:pt idx="4728">
                  <c:v>0</c:v>
                </c:pt>
                <c:pt idx="4729">
                  <c:v>0</c:v>
                </c:pt>
                <c:pt idx="4730">
                  <c:v>0</c:v>
                </c:pt>
                <c:pt idx="4731">
                  <c:v>0</c:v>
                </c:pt>
                <c:pt idx="4732">
                  <c:v>0</c:v>
                </c:pt>
                <c:pt idx="4733">
                  <c:v>0</c:v>
                </c:pt>
                <c:pt idx="4734">
                  <c:v>0</c:v>
                </c:pt>
                <c:pt idx="4735">
                  <c:v>0</c:v>
                </c:pt>
                <c:pt idx="4736">
                  <c:v>0</c:v>
                </c:pt>
                <c:pt idx="4737">
                  <c:v>0</c:v>
                </c:pt>
                <c:pt idx="4738">
                  <c:v>0</c:v>
                </c:pt>
                <c:pt idx="4739">
                  <c:v>0</c:v>
                </c:pt>
                <c:pt idx="4740">
                  <c:v>0</c:v>
                </c:pt>
                <c:pt idx="4741">
                  <c:v>0</c:v>
                </c:pt>
                <c:pt idx="4742">
                  <c:v>0</c:v>
                </c:pt>
                <c:pt idx="4743">
                  <c:v>0</c:v>
                </c:pt>
                <c:pt idx="4744">
                  <c:v>0</c:v>
                </c:pt>
                <c:pt idx="4745">
                  <c:v>0</c:v>
                </c:pt>
                <c:pt idx="4746">
                  <c:v>0</c:v>
                </c:pt>
                <c:pt idx="4747">
                  <c:v>0</c:v>
                </c:pt>
                <c:pt idx="4748">
                  <c:v>0</c:v>
                </c:pt>
                <c:pt idx="4749">
                  <c:v>0</c:v>
                </c:pt>
                <c:pt idx="4750">
                  <c:v>0</c:v>
                </c:pt>
                <c:pt idx="4751">
                  <c:v>0</c:v>
                </c:pt>
                <c:pt idx="4752">
                  <c:v>0</c:v>
                </c:pt>
                <c:pt idx="4753">
                  <c:v>0</c:v>
                </c:pt>
                <c:pt idx="4754">
                  <c:v>0</c:v>
                </c:pt>
                <c:pt idx="4755">
                  <c:v>0</c:v>
                </c:pt>
                <c:pt idx="4756">
                  <c:v>0</c:v>
                </c:pt>
                <c:pt idx="4757">
                  <c:v>0</c:v>
                </c:pt>
                <c:pt idx="4758">
                  <c:v>0</c:v>
                </c:pt>
                <c:pt idx="4759">
                  <c:v>0</c:v>
                </c:pt>
                <c:pt idx="4760">
                  <c:v>0</c:v>
                </c:pt>
                <c:pt idx="4761">
                  <c:v>0</c:v>
                </c:pt>
                <c:pt idx="4762">
                  <c:v>0</c:v>
                </c:pt>
                <c:pt idx="4763">
                  <c:v>0</c:v>
                </c:pt>
                <c:pt idx="4764">
                  <c:v>0</c:v>
                </c:pt>
                <c:pt idx="4765">
                  <c:v>0</c:v>
                </c:pt>
                <c:pt idx="4766">
                  <c:v>0</c:v>
                </c:pt>
                <c:pt idx="4767">
                  <c:v>0</c:v>
                </c:pt>
                <c:pt idx="4768">
                  <c:v>0</c:v>
                </c:pt>
                <c:pt idx="4769">
                  <c:v>0</c:v>
                </c:pt>
                <c:pt idx="4770">
                  <c:v>0</c:v>
                </c:pt>
                <c:pt idx="4771">
                  <c:v>0</c:v>
                </c:pt>
                <c:pt idx="4772">
                  <c:v>0</c:v>
                </c:pt>
                <c:pt idx="4773">
                  <c:v>0</c:v>
                </c:pt>
                <c:pt idx="4774">
                  <c:v>0</c:v>
                </c:pt>
                <c:pt idx="4775">
                  <c:v>0</c:v>
                </c:pt>
                <c:pt idx="4776">
                  <c:v>0</c:v>
                </c:pt>
                <c:pt idx="4777">
                  <c:v>0</c:v>
                </c:pt>
                <c:pt idx="4778">
                  <c:v>0</c:v>
                </c:pt>
                <c:pt idx="4779">
                  <c:v>0</c:v>
                </c:pt>
                <c:pt idx="4780">
                  <c:v>0</c:v>
                </c:pt>
                <c:pt idx="4781">
                  <c:v>0</c:v>
                </c:pt>
                <c:pt idx="4782">
                  <c:v>0</c:v>
                </c:pt>
                <c:pt idx="4783">
                  <c:v>0</c:v>
                </c:pt>
                <c:pt idx="4784">
                  <c:v>0</c:v>
                </c:pt>
                <c:pt idx="4785">
                  <c:v>0</c:v>
                </c:pt>
                <c:pt idx="4786">
                  <c:v>0</c:v>
                </c:pt>
                <c:pt idx="4787">
                  <c:v>0</c:v>
                </c:pt>
                <c:pt idx="4788">
                  <c:v>0</c:v>
                </c:pt>
                <c:pt idx="4789">
                  <c:v>0</c:v>
                </c:pt>
                <c:pt idx="4790">
                  <c:v>0</c:v>
                </c:pt>
                <c:pt idx="4791">
                  <c:v>0</c:v>
                </c:pt>
                <c:pt idx="4792">
                  <c:v>0</c:v>
                </c:pt>
                <c:pt idx="4793">
                  <c:v>0</c:v>
                </c:pt>
                <c:pt idx="4794">
                  <c:v>0</c:v>
                </c:pt>
                <c:pt idx="4795">
                  <c:v>0</c:v>
                </c:pt>
                <c:pt idx="4796">
                  <c:v>0</c:v>
                </c:pt>
                <c:pt idx="4797">
                  <c:v>0</c:v>
                </c:pt>
                <c:pt idx="4798">
                  <c:v>0</c:v>
                </c:pt>
                <c:pt idx="4799">
                  <c:v>0</c:v>
                </c:pt>
                <c:pt idx="4800">
                  <c:v>0</c:v>
                </c:pt>
                <c:pt idx="4801">
                  <c:v>0</c:v>
                </c:pt>
                <c:pt idx="4802">
                  <c:v>0</c:v>
                </c:pt>
                <c:pt idx="4803">
                  <c:v>0</c:v>
                </c:pt>
                <c:pt idx="4804">
                  <c:v>0</c:v>
                </c:pt>
                <c:pt idx="4805">
                  <c:v>0</c:v>
                </c:pt>
                <c:pt idx="4806">
                  <c:v>0</c:v>
                </c:pt>
                <c:pt idx="4807">
                  <c:v>0</c:v>
                </c:pt>
                <c:pt idx="4808">
                  <c:v>0</c:v>
                </c:pt>
                <c:pt idx="4809">
                  <c:v>0</c:v>
                </c:pt>
                <c:pt idx="4810">
                  <c:v>0</c:v>
                </c:pt>
                <c:pt idx="4811">
                  <c:v>0</c:v>
                </c:pt>
                <c:pt idx="4812">
                  <c:v>0</c:v>
                </c:pt>
                <c:pt idx="4813">
                  <c:v>0</c:v>
                </c:pt>
                <c:pt idx="4814">
                  <c:v>0</c:v>
                </c:pt>
                <c:pt idx="4815">
                  <c:v>0</c:v>
                </c:pt>
                <c:pt idx="4816">
                  <c:v>0</c:v>
                </c:pt>
                <c:pt idx="4817">
                  <c:v>0</c:v>
                </c:pt>
                <c:pt idx="4818">
                  <c:v>0</c:v>
                </c:pt>
                <c:pt idx="4819">
                  <c:v>0</c:v>
                </c:pt>
                <c:pt idx="4820">
                  <c:v>0</c:v>
                </c:pt>
                <c:pt idx="4821">
                  <c:v>0</c:v>
                </c:pt>
                <c:pt idx="4822">
                  <c:v>0</c:v>
                </c:pt>
                <c:pt idx="4823">
                  <c:v>0</c:v>
                </c:pt>
                <c:pt idx="4824">
                  <c:v>0</c:v>
                </c:pt>
                <c:pt idx="4825">
                  <c:v>0</c:v>
                </c:pt>
                <c:pt idx="4826">
                  <c:v>0</c:v>
                </c:pt>
                <c:pt idx="4827">
                  <c:v>0</c:v>
                </c:pt>
                <c:pt idx="4828">
                  <c:v>0</c:v>
                </c:pt>
                <c:pt idx="4829">
                  <c:v>0</c:v>
                </c:pt>
                <c:pt idx="4830">
                  <c:v>0</c:v>
                </c:pt>
                <c:pt idx="4831">
                  <c:v>0</c:v>
                </c:pt>
                <c:pt idx="4832">
                  <c:v>0</c:v>
                </c:pt>
                <c:pt idx="4833">
                  <c:v>0</c:v>
                </c:pt>
                <c:pt idx="4834">
                  <c:v>0</c:v>
                </c:pt>
                <c:pt idx="4835">
                  <c:v>0</c:v>
                </c:pt>
                <c:pt idx="4836">
                  <c:v>0</c:v>
                </c:pt>
                <c:pt idx="4837">
                  <c:v>0</c:v>
                </c:pt>
                <c:pt idx="4838">
                  <c:v>0</c:v>
                </c:pt>
                <c:pt idx="4839">
                  <c:v>0</c:v>
                </c:pt>
                <c:pt idx="4840">
                  <c:v>0</c:v>
                </c:pt>
                <c:pt idx="4841">
                  <c:v>0</c:v>
                </c:pt>
                <c:pt idx="4842">
                  <c:v>0</c:v>
                </c:pt>
                <c:pt idx="4843">
                  <c:v>0</c:v>
                </c:pt>
                <c:pt idx="4844">
                  <c:v>0</c:v>
                </c:pt>
                <c:pt idx="4845">
                  <c:v>0</c:v>
                </c:pt>
                <c:pt idx="4846">
                  <c:v>0</c:v>
                </c:pt>
                <c:pt idx="4847">
                  <c:v>0</c:v>
                </c:pt>
                <c:pt idx="4848">
                  <c:v>0</c:v>
                </c:pt>
                <c:pt idx="4849">
                  <c:v>0</c:v>
                </c:pt>
                <c:pt idx="4850">
                  <c:v>0</c:v>
                </c:pt>
                <c:pt idx="4851">
                  <c:v>0</c:v>
                </c:pt>
                <c:pt idx="4852">
                  <c:v>0</c:v>
                </c:pt>
                <c:pt idx="4853">
                  <c:v>0</c:v>
                </c:pt>
                <c:pt idx="4854">
                  <c:v>0</c:v>
                </c:pt>
                <c:pt idx="4855">
                  <c:v>0</c:v>
                </c:pt>
                <c:pt idx="4856">
                  <c:v>0</c:v>
                </c:pt>
                <c:pt idx="4857">
                  <c:v>0</c:v>
                </c:pt>
                <c:pt idx="4858">
                  <c:v>0</c:v>
                </c:pt>
                <c:pt idx="4859">
                  <c:v>0</c:v>
                </c:pt>
                <c:pt idx="4860">
                  <c:v>0</c:v>
                </c:pt>
                <c:pt idx="4861">
                  <c:v>0</c:v>
                </c:pt>
                <c:pt idx="4862">
                  <c:v>0</c:v>
                </c:pt>
                <c:pt idx="4863">
                  <c:v>0</c:v>
                </c:pt>
                <c:pt idx="4864">
                  <c:v>0</c:v>
                </c:pt>
                <c:pt idx="4865">
                  <c:v>0</c:v>
                </c:pt>
                <c:pt idx="4866">
                  <c:v>0</c:v>
                </c:pt>
                <c:pt idx="4867">
                  <c:v>0</c:v>
                </c:pt>
                <c:pt idx="4868">
                  <c:v>0</c:v>
                </c:pt>
                <c:pt idx="4869">
                  <c:v>0</c:v>
                </c:pt>
                <c:pt idx="4870">
                  <c:v>0</c:v>
                </c:pt>
                <c:pt idx="4871">
                  <c:v>0</c:v>
                </c:pt>
                <c:pt idx="4872">
                  <c:v>0</c:v>
                </c:pt>
                <c:pt idx="4873">
                  <c:v>0</c:v>
                </c:pt>
                <c:pt idx="4874">
                  <c:v>0</c:v>
                </c:pt>
                <c:pt idx="4875">
                  <c:v>0</c:v>
                </c:pt>
                <c:pt idx="4876">
                  <c:v>0</c:v>
                </c:pt>
                <c:pt idx="4877">
                  <c:v>0</c:v>
                </c:pt>
                <c:pt idx="4878">
                  <c:v>0</c:v>
                </c:pt>
                <c:pt idx="4879">
                  <c:v>0</c:v>
                </c:pt>
                <c:pt idx="4880">
                  <c:v>0</c:v>
                </c:pt>
                <c:pt idx="4881">
                  <c:v>0</c:v>
                </c:pt>
                <c:pt idx="4882">
                  <c:v>0</c:v>
                </c:pt>
                <c:pt idx="4883">
                  <c:v>0</c:v>
                </c:pt>
                <c:pt idx="4884">
                  <c:v>0</c:v>
                </c:pt>
                <c:pt idx="4885">
                  <c:v>0</c:v>
                </c:pt>
                <c:pt idx="4886">
                  <c:v>0</c:v>
                </c:pt>
                <c:pt idx="4887">
                  <c:v>0</c:v>
                </c:pt>
                <c:pt idx="4888">
                  <c:v>0</c:v>
                </c:pt>
                <c:pt idx="4889">
                  <c:v>0</c:v>
                </c:pt>
                <c:pt idx="4890">
                  <c:v>0</c:v>
                </c:pt>
                <c:pt idx="4891">
                  <c:v>0</c:v>
                </c:pt>
                <c:pt idx="4892">
                  <c:v>0</c:v>
                </c:pt>
                <c:pt idx="4893">
                  <c:v>0</c:v>
                </c:pt>
                <c:pt idx="4894">
                  <c:v>0</c:v>
                </c:pt>
                <c:pt idx="4895">
                  <c:v>0</c:v>
                </c:pt>
                <c:pt idx="4896">
                  <c:v>0</c:v>
                </c:pt>
                <c:pt idx="4897">
                  <c:v>0</c:v>
                </c:pt>
                <c:pt idx="4898">
                  <c:v>0</c:v>
                </c:pt>
                <c:pt idx="4899">
                  <c:v>0</c:v>
                </c:pt>
                <c:pt idx="4900">
                  <c:v>0</c:v>
                </c:pt>
                <c:pt idx="4901">
                  <c:v>0</c:v>
                </c:pt>
                <c:pt idx="4902">
                  <c:v>0</c:v>
                </c:pt>
                <c:pt idx="4903">
                  <c:v>0</c:v>
                </c:pt>
                <c:pt idx="4904">
                  <c:v>0</c:v>
                </c:pt>
                <c:pt idx="4905">
                  <c:v>0</c:v>
                </c:pt>
                <c:pt idx="4906">
                  <c:v>0</c:v>
                </c:pt>
                <c:pt idx="4907">
                  <c:v>0</c:v>
                </c:pt>
                <c:pt idx="4908">
                  <c:v>0</c:v>
                </c:pt>
                <c:pt idx="4909">
                  <c:v>0</c:v>
                </c:pt>
                <c:pt idx="4910">
                  <c:v>0</c:v>
                </c:pt>
                <c:pt idx="4911">
                  <c:v>0</c:v>
                </c:pt>
                <c:pt idx="4912">
                  <c:v>0</c:v>
                </c:pt>
                <c:pt idx="4913">
                  <c:v>0</c:v>
                </c:pt>
                <c:pt idx="4914">
                  <c:v>0</c:v>
                </c:pt>
                <c:pt idx="4915">
                  <c:v>0</c:v>
                </c:pt>
                <c:pt idx="4916">
                  <c:v>0</c:v>
                </c:pt>
                <c:pt idx="4917">
                  <c:v>0</c:v>
                </c:pt>
                <c:pt idx="4918">
                  <c:v>0</c:v>
                </c:pt>
                <c:pt idx="4919">
                  <c:v>0</c:v>
                </c:pt>
                <c:pt idx="4920">
                  <c:v>0</c:v>
                </c:pt>
                <c:pt idx="4921">
                  <c:v>0</c:v>
                </c:pt>
                <c:pt idx="4922">
                  <c:v>0</c:v>
                </c:pt>
                <c:pt idx="4923">
                  <c:v>0</c:v>
                </c:pt>
                <c:pt idx="4924">
                  <c:v>0</c:v>
                </c:pt>
                <c:pt idx="4925">
                  <c:v>0</c:v>
                </c:pt>
                <c:pt idx="4926">
                  <c:v>0</c:v>
                </c:pt>
                <c:pt idx="4927">
                  <c:v>0</c:v>
                </c:pt>
                <c:pt idx="4928">
                  <c:v>0</c:v>
                </c:pt>
                <c:pt idx="4929">
                  <c:v>0</c:v>
                </c:pt>
                <c:pt idx="4930">
                  <c:v>0</c:v>
                </c:pt>
                <c:pt idx="4931">
                  <c:v>0</c:v>
                </c:pt>
                <c:pt idx="4932">
                  <c:v>0</c:v>
                </c:pt>
                <c:pt idx="4933">
                  <c:v>0</c:v>
                </c:pt>
                <c:pt idx="4934">
                  <c:v>0</c:v>
                </c:pt>
                <c:pt idx="4935">
                  <c:v>0</c:v>
                </c:pt>
                <c:pt idx="4936">
                  <c:v>0</c:v>
                </c:pt>
                <c:pt idx="4937">
                  <c:v>0</c:v>
                </c:pt>
                <c:pt idx="4938">
                  <c:v>0</c:v>
                </c:pt>
                <c:pt idx="4939">
                  <c:v>0</c:v>
                </c:pt>
                <c:pt idx="4940">
                  <c:v>0</c:v>
                </c:pt>
                <c:pt idx="4941">
                  <c:v>0</c:v>
                </c:pt>
                <c:pt idx="4942">
                  <c:v>0</c:v>
                </c:pt>
                <c:pt idx="4943">
                  <c:v>0</c:v>
                </c:pt>
                <c:pt idx="4944">
                  <c:v>0</c:v>
                </c:pt>
                <c:pt idx="4945">
                  <c:v>0</c:v>
                </c:pt>
                <c:pt idx="4946">
                  <c:v>0</c:v>
                </c:pt>
                <c:pt idx="4947">
                  <c:v>0</c:v>
                </c:pt>
                <c:pt idx="4948">
                  <c:v>0</c:v>
                </c:pt>
                <c:pt idx="4949">
                  <c:v>0</c:v>
                </c:pt>
                <c:pt idx="4950">
                  <c:v>0</c:v>
                </c:pt>
                <c:pt idx="4951">
                  <c:v>0</c:v>
                </c:pt>
                <c:pt idx="4952">
                  <c:v>0</c:v>
                </c:pt>
                <c:pt idx="4953">
                  <c:v>0</c:v>
                </c:pt>
                <c:pt idx="4954">
                  <c:v>0</c:v>
                </c:pt>
                <c:pt idx="4955">
                  <c:v>0</c:v>
                </c:pt>
                <c:pt idx="4956">
                  <c:v>0</c:v>
                </c:pt>
                <c:pt idx="4957">
                  <c:v>0</c:v>
                </c:pt>
                <c:pt idx="4958">
                  <c:v>0</c:v>
                </c:pt>
                <c:pt idx="4959">
                  <c:v>0</c:v>
                </c:pt>
                <c:pt idx="4960">
                  <c:v>0</c:v>
                </c:pt>
                <c:pt idx="4961">
                  <c:v>0</c:v>
                </c:pt>
                <c:pt idx="4962">
                  <c:v>0</c:v>
                </c:pt>
                <c:pt idx="4963">
                  <c:v>0</c:v>
                </c:pt>
                <c:pt idx="4964">
                  <c:v>0</c:v>
                </c:pt>
                <c:pt idx="4965">
                  <c:v>0</c:v>
                </c:pt>
                <c:pt idx="4966">
                  <c:v>0</c:v>
                </c:pt>
                <c:pt idx="4967">
                  <c:v>0</c:v>
                </c:pt>
                <c:pt idx="4968">
                  <c:v>0</c:v>
                </c:pt>
                <c:pt idx="4969">
                  <c:v>0</c:v>
                </c:pt>
                <c:pt idx="4970">
                  <c:v>0</c:v>
                </c:pt>
                <c:pt idx="4971">
                  <c:v>0</c:v>
                </c:pt>
                <c:pt idx="4972">
                  <c:v>0</c:v>
                </c:pt>
                <c:pt idx="4973">
                  <c:v>0</c:v>
                </c:pt>
                <c:pt idx="4974">
                  <c:v>0</c:v>
                </c:pt>
                <c:pt idx="4975">
                  <c:v>0</c:v>
                </c:pt>
                <c:pt idx="4976">
                  <c:v>0</c:v>
                </c:pt>
                <c:pt idx="4977">
                  <c:v>0</c:v>
                </c:pt>
                <c:pt idx="4978">
                  <c:v>0</c:v>
                </c:pt>
                <c:pt idx="4979">
                  <c:v>0</c:v>
                </c:pt>
                <c:pt idx="4980">
                  <c:v>0</c:v>
                </c:pt>
                <c:pt idx="4981">
                  <c:v>0</c:v>
                </c:pt>
                <c:pt idx="4982">
                  <c:v>0</c:v>
                </c:pt>
                <c:pt idx="4983">
                  <c:v>0</c:v>
                </c:pt>
                <c:pt idx="4984">
                  <c:v>0</c:v>
                </c:pt>
                <c:pt idx="4985">
                  <c:v>0</c:v>
                </c:pt>
                <c:pt idx="4986">
                  <c:v>0</c:v>
                </c:pt>
                <c:pt idx="4987">
                  <c:v>0</c:v>
                </c:pt>
                <c:pt idx="4988">
                  <c:v>0</c:v>
                </c:pt>
                <c:pt idx="4989">
                  <c:v>0</c:v>
                </c:pt>
                <c:pt idx="4990">
                  <c:v>0</c:v>
                </c:pt>
                <c:pt idx="4991">
                  <c:v>0</c:v>
                </c:pt>
                <c:pt idx="4992">
                  <c:v>0</c:v>
                </c:pt>
                <c:pt idx="4993">
                  <c:v>0</c:v>
                </c:pt>
                <c:pt idx="4994">
                  <c:v>0</c:v>
                </c:pt>
                <c:pt idx="4995">
                  <c:v>0</c:v>
                </c:pt>
                <c:pt idx="4996">
                  <c:v>0</c:v>
                </c:pt>
                <c:pt idx="4997">
                  <c:v>0</c:v>
                </c:pt>
                <c:pt idx="4998">
                  <c:v>0</c:v>
                </c:pt>
                <c:pt idx="4999">
                  <c:v>0</c:v>
                </c:pt>
                <c:pt idx="5000">
                  <c:v>0</c:v>
                </c:pt>
                <c:pt idx="5001">
                  <c:v>0</c:v>
                </c:pt>
                <c:pt idx="5002">
                  <c:v>0</c:v>
                </c:pt>
                <c:pt idx="5003">
                  <c:v>0</c:v>
                </c:pt>
                <c:pt idx="5004">
                  <c:v>0</c:v>
                </c:pt>
                <c:pt idx="5005">
                  <c:v>0</c:v>
                </c:pt>
                <c:pt idx="5006">
                  <c:v>0</c:v>
                </c:pt>
                <c:pt idx="5007">
                  <c:v>0</c:v>
                </c:pt>
                <c:pt idx="5008">
                  <c:v>0</c:v>
                </c:pt>
                <c:pt idx="5009">
                  <c:v>0</c:v>
                </c:pt>
                <c:pt idx="5010">
                  <c:v>0</c:v>
                </c:pt>
                <c:pt idx="5011">
                  <c:v>0</c:v>
                </c:pt>
                <c:pt idx="5012">
                  <c:v>0</c:v>
                </c:pt>
                <c:pt idx="5013">
                  <c:v>0</c:v>
                </c:pt>
                <c:pt idx="5014">
                  <c:v>0</c:v>
                </c:pt>
                <c:pt idx="5015">
                  <c:v>0</c:v>
                </c:pt>
                <c:pt idx="5016">
                  <c:v>0</c:v>
                </c:pt>
                <c:pt idx="5017">
                  <c:v>0</c:v>
                </c:pt>
                <c:pt idx="5018">
                  <c:v>0</c:v>
                </c:pt>
                <c:pt idx="5019">
                  <c:v>0</c:v>
                </c:pt>
                <c:pt idx="5020">
                  <c:v>0</c:v>
                </c:pt>
                <c:pt idx="5021">
                  <c:v>0</c:v>
                </c:pt>
                <c:pt idx="5022">
                  <c:v>0</c:v>
                </c:pt>
                <c:pt idx="5023">
                  <c:v>0</c:v>
                </c:pt>
                <c:pt idx="5024">
                  <c:v>0</c:v>
                </c:pt>
                <c:pt idx="5025">
                  <c:v>0</c:v>
                </c:pt>
                <c:pt idx="5026">
                  <c:v>0</c:v>
                </c:pt>
                <c:pt idx="5027">
                  <c:v>0</c:v>
                </c:pt>
                <c:pt idx="5028">
                  <c:v>0</c:v>
                </c:pt>
                <c:pt idx="5029">
                  <c:v>0</c:v>
                </c:pt>
                <c:pt idx="5030">
                  <c:v>0</c:v>
                </c:pt>
                <c:pt idx="5031">
                  <c:v>0</c:v>
                </c:pt>
                <c:pt idx="5032">
                  <c:v>0</c:v>
                </c:pt>
                <c:pt idx="5033">
                  <c:v>0</c:v>
                </c:pt>
                <c:pt idx="5034">
                  <c:v>0</c:v>
                </c:pt>
                <c:pt idx="5035">
                  <c:v>0</c:v>
                </c:pt>
                <c:pt idx="5036">
                  <c:v>0</c:v>
                </c:pt>
                <c:pt idx="5037">
                  <c:v>0</c:v>
                </c:pt>
                <c:pt idx="5038">
                  <c:v>0</c:v>
                </c:pt>
                <c:pt idx="5039">
                  <c:v>0</c:v>
                </c:pt>
                <c:pt idx="5040">
                  <c:v>0</c:v>
                </c:pt>
                <c:pt idx="5041">
                  <c:v>0</c:v>
                </c:pt>
                <c:pt idx="5042">
                  <c:v>0</c:v>
                </c:pt>
                <c:pt idx="5043">
                  <c:v>0</c:v>
                </c:pt>
                <c:pt idx="5044">
                  <c:v>0</c:v>
                </c:pt>
                <c:pt idx="5045">
                  <c:v>0</c:v>
                </c:pt>
                <c:pt idx="5046">
                  <c:v>0</c:v>
                </c:pt>
                <c:pt idx="5047">
                  <c:v>0</c:v>
                </c:pt>
                <c:pt idx="5048">
                  <c:v>0</c:v>
                </c:pt>
                <c:pt idx="5049">
                  <c:v>0</c:v>
                </c:pt>
                <c:pt idx="5050">
                  <c:v>0</c:v>
                </c:pt>
                <c:pt idx="5051">
                  <c:v>0</c:v>
                </c:pt>
                <c:pt idx="5052">
                  <c:v>0</c:v>
                </c:pt>
                <c:pt idx="5053">
                  <c:v>0</c:v>
                </c:pt>
                <c:pt idx="5054">
                  <c:v>0</c:v>
                </c:pt>
                <c:pt idx="5055">
                  <c:v>0</c:v>
                </c:pt>
                <c:pt idx="5056">
                  <c:v>0</c:v>
                </c:pt>
                <c:pt idx="5057">
                  <c:v>0</c:v>
                </c:pt>
                <c:pt idx="5058">
                  <c:v>0</c:v>
                </c:pt>
                <c:pt idx="5059">
                  <c:v>0</c:v>
                </c:pt>
                <c:pt idx="5060">
                  <c:v>0</c:v>
                </c:pt>
                <c:pt idx="5061">
                  <c:v>0</c:v>
                </c:pt>
                <c:pt idx="5062">
                  <c:v>0</c:v>
                </c:pt>
                <c:pt idx="5063">
                  <c:v>0</c:v>
                </c:pt>
                <c:pt idx="5064">
                  <c:v>0</c:v>
                </c:pt>
                <c:pt idx="5065">
                  <c:v>0</c:v>
                </c:pt>
                <c:pt idx="5066">
                  <c:v>0</c:v>
                </c:pt>
                <c:pt idx="5067">
                  <c:v>0</c:v>
                </c:pt>
                <c:pt idx="5068">
                  <c:v>0</c:v>
                </c:pt>
                <c:pt idx="5069">
                  <c:v>0</c:v>
                </c:pt>
                <c:pt idx="5070">
                  <c:v>0</c:v>
                </c:pt>
                <c:pt idx="5071">
                  <c:v>0</c:v>
                </c:pt>
                <c:pt idx="5072">
                  <c:v>0</c:v>
                </c:pt>
                <c:pt idx="5073">
                  <c:v>0</c:v>
                </c:pt>
                <c:pt idx="5074">
                  <c:v>0</c:v>
                </c:pt>
                <c:pt idx="5075">
                  <c:v>0</c:v>
                </c:pt>
                <c:pt idx="5076">
                  <c:v>0</c:v>
                </c:pt>
                <c:pt idx="5077">
                  <c:v>0</c:v>
                </c:pt>
                <c:pt idx="5078">
                  <c:v>0</c:v>
                </c:pt>
                <c:pt idx="5079">
                  <c:v>0</c:v>
                </c:pt>
                <c:pt idx="5080">
                  <c:v>0</c:v>
                </c:pt>
                <c:pt idx="5081">
                  <c:v>0</c:v>
                </c:pt>
                <c:pt idx="5082">
                  <c:v>0</c:v>
                </c:pt>
                <c:pt idx="5083">
                  <c:v>0</c:v>
                </c:pt>
                <c:pt idx="5084">
                  <c:v>0</c:v>
                </c:pt>
                <c:pt idx="5085">
                  <c:v>0</c:v>
                </c:pt>
                <c:pt idx="5086">
                  <c:v>0</c:v>
                </c:pt>
                <c:pt idx="5087">
                  <c:v>0</c:v>
                </c:pt>
                <c:pt idx="5088">
                  <c:v>0</c:v>
                </c:pt>
                <c:pt idx="5089">
                  <c:v>0</c:v>
                </c:pt>
                <c:pt idx="5090">
                  <c:v>0</c:v>
                </c:pt>
                <c:pt idx="5091">
                  <c:v>0</c:v>
                </c:pt>
                <c:pt idx="5092">
                  <c:v>0</c:v>
                </c:pt>
                <c:pt idx="5093">
                  <c:v>0</c:v>
                </c:pt>
                <c:pt idx="5094">
                  <c:v>0</c:v>
                </c:pt>
                <c:pt idx="5095">
                  <c:v>0</c:v>
                </c:pt>
                <c:pt idx="5096">
                  <c:v>0</c:v>
                </c:pt>
                <c:pt idx="5097">
                  <c:v>0</c:v>
                </c:pt>
                <c:pt idx="5098">
                  <c:v>0</c:v>
                </c:pt>
                <c:pt idx="5099">
                  <c:v>0</c:v>
                </c:pt>
                <c:pt idx="5100">
                  <c:v>0</c:v>
                </c:pt>
                <c:pt idx="5101">
                  <c:v>0</c:v>
                </c:pt>
                <c:pt idx="5102">
                  <c:v>0</c:v>
                </c:pt>
                <c:pt idx="5103">
                  <c:v>0</c:v>
                </c:pt>
                <c:pt idx="5104">
                  <c:v>0</c:v>
                </c:pt>
                <c:pt idx="5105">
                  <c:v>0</c:v>
                </c:pt>
                <c:pt idx="5106">
                  <c:v>0</c:v>
                </c:pt>
                <c:pt idx="5107">
                  <c:v>0</c:v>
                </c:pt>
                <c:pt idx="5108">
                  <c:v>0</c:v>
                </c:pt>
                <c:pt idx="5109">
                  <c:v>0</c:v>
                </c:pt>
                <c:pt idx="5110">
                  <c:v>0</c:v>
                </c:pt>
                <c:pt idx="5111">
                  <c:v>0</c:v>
                </c:pt>
                <c:pt idx="5112">
                  <c:v>0</c:v>
                </c:pt>
                <c:pt idx="5113">
                  <c:v>0</c:v>
                </c:pt>
                <c:pt idx="5114">
                  <c:v>0</c:v>
                </c:pt>
                <c:pt idx="5115">
                  <c:v>0</c:v>
                </c:pt>
                <c:pt idx="5116">
                  <c:v>0</c:v>
                </c:pt>
                <c:pt idx="5117">
                  <c:v>0</c:v>
                </c:pt>
                <c:pt idx="5118">
                  <c:v>0</c:v>
                </c:pt>
                <c:pt idx="5119">
                  <c:v>0</c:v>
                </c:pt>
                <c:pt idx="5120">
                  <c:v>0</c:v>
                </c:pt>
                <c:pt idx="5121">
                  <c:v>0</c:v>
                </c:pt>
                <c:pt idx="5122">
                  <c:v>0</c:v>
                </c:pt>
                <c:pt idx="5123">
                  <c:v>0</c:v>
                </c:pt>
                <c:pt idx="5124">
                  <c:v>0</c:v>
                </c:pt>
                <c:pt idx="5125">
                  <c:v>0</c:v>
                </c:pt>
                <c:pt idx="5126">
                  <c:v>0</c:v>
                </c:pt>
                <c:pt idx="5127">
                  <c:v>0</c:v>
                </c:pt>
                <c:pt idx="5128">
                  <c:v>0</c:v>
                </c:pt>
                <c:pt idx="5129">
                  <c:v>0</c:v>
                </c:pt>
                <c:pt idx="5130">
                  <c:v>0</c:v>
                </c:pt>
                <c:pt idx="5131">
                  <c:v>0</c:v>
                </c:pt>
                <c:pt idx="5132">
                  <c:v>0</c:v>
                </c:pt>
                <c:pt idx="5133">
                  <c:v>0</c:v>
                </c:pt>
                <c:pt idx="5134">
                  <c:v>0</c:v>
                </c:pt>
                <c:pt idx="5135">
                  <c:v>0</c:v>
                </c:pt>
                <c:pt idx="5136">
                  <c:v>0</c:v>
                </c:pt>
                <c:pt idx="5137">
                  <c:v>0</c:v>
                </c:pt>
                <c:pt idx="5138">
                  <c:v>0</c:v>
                </c:pt>
                <c:pt idx="5139">
                  <c:v>0</c:v>
                </c:pt>
                <c:pt idx="5140">
                  <c:v>0</c:v>
                </c:pt>
                <c:pt idx="5141">
                  <c:v>0</c:v>
                </c:pt>
                <c:pt idx="5142">
                  <c:v>0</c:v>
                </c:pt>
                <c:pt idx="5143">
                  <c:v>0</c:v>
                </c:pt>
                <c:pt idx="5144">
                  <c:v>0</c:v>
                </c:pt>
                <c:pt idx="5145">
                  <c:v>0</c:v>
                </c:pt>
                <c:pt idx="5146">
                  <c:v>0</c:v>
                </c:pt>
                <c:pt idx="5147">
                  <c:v>0</c:v>
                </c:pt>
                <c:pt idx="5148">
                  <c:v>0</c:v>
                </c:pt>
                <c:pt idx="5149">
                  <c:v>0</c:v>
                </c:pt>
                <c:pt idx="5150">
                  <c:v>0</c:v>
                </c:pt>
                <c:pt idx="5151">
                  <c:v>0</c:v>
                </c:pt>
                <c:pt idx="5152">
                  <c:v>0</c:v>
                </c:pt>
                <c:pt idx="5153">
                  <c:v>0</c:v>
                </c:pt>
                <c:pt idx="5154">
                  <c:v>0</c:v>
                </c:pt>
                <c:pt idx="5155">
                  <c:v>0</c:v>
                </c:pt>
                <c:pt idx="5156">
                  <c:v>0</c:v>
                </c:pt>
                <c:pt idx="5157">
                  <c:v>0</c:v>
                </c:pt>
                <c:pt idx="5158">
                  <c:v>0</c:v>
                </c:pt>
                <c:pt idx="5159">
                  <c:v>0</c:v>
                </c:pt>
                <c:pt idx="5160">
                  <c:v>0</c:v>
                </c:pt>
                <c:pt idx="5161">
                  <c:v>0</c:v>
                </c:pt>
                <c:pt idx="5162">
                  <c:v>0</c:v>
                </c:pt>
                <c:pt idx="5163">
                  <c:v>0</c:v>
                </c:pt>
                <c:pt idx="5164">
                  <c:v>0</c:v>
                </c:pt>
                <c:pt idx="5165">
                  <c:v>0</c:v>
                </c:pt>
                <c:pt idx="5166">
                  <c:v>0</c:v>
                </c:pt>
                <c:pt idx="5167">
                  <c:v>0</c:v>
                </c:pt>
                <c:pt idx="5168">
                  <c:v>0</c:v>
                </c:pt>
                <c:pt idx="5169">
                  <c:v>0</c:v>
                </c:pt>
                <c:pt idx="5170">
                  <c:v>0</c:v>
                </c:pt>
                <c:pt idx="5171">
                  <c:v>0</c:v>
                </c:pt>
                <c:pt idx="5172">
                  <c:v>0</c:v>
                </c:pt>
                <c:pt idx="5173">
                  <c:v>0</c:v>
                </c:pt>
                <c:pt idx="5174">
                  <c:v>0</c:v>
                </c:pt>
                <c:pt idx="5175">
                  <c:v>0</c:v>
                </c:pt>
                <c:pt idx="5176">
                  <c:v>0</c:v>
                </c:pt>
                <c:pt idx="5177">
                  <c:v>0</c:v>
                </c:pt>
                <c:pt idx="5178">
                  <c:v>0</c:v>
                </c:pt>
                <c:pt idx="5179">
                  <c:v>0</c:v>
                </c:pt>
                <c:pt idx="5180">
                  <c:v>0</c:v>
                </c:pt>
                <c:pt idx="5181">
                  <c:v>0</c:v>
                </c:pt>
                <c:pt idx="5182">
                  <c:v>0</c:v>
                </c:pt>
                <c:pt idx="5183">
                  <c:v>0</c:v>
                </c:pt>
                <c:pt idx="5184">
                  <c:v>0</c:v>
                </c:pt>
                <c:pt idx="5185">
                  <c:v>0</c:v>
                </c:pt>
                <c:pt idx="5186">
                  <c:v>0</c:v>
                </c:pt>
                <c:pt idx="5187">
                  <c:v>0</c:v>
                </c:pt>
                <c:pt idx="5188">
                  <c:v>0</c:v>
                </c:pt>
                <c:pt idx="5189">
                  <c:v>0</c:v>
                </c:pt>
                <c:pt idx="5190">
                  <c:v>0</c:v>
                </c:pt>
                <c:pt idx="5191">
                  <c:v>0</c:v>
                </c:pt>
                <c:pt idx="5192">
                  <c:v>0</c:v>
                </c:pt>
                <c:pt idx="5193">
                  <c:v>0</c:v>
                </c:pt>
                <c:pt idx="5194">
                  <c:v>0</c:v>
                </c:pt>
                <c:pt idx="5195">
                  <c:v>0</c:v>
                </c:pt>
                <c:pt idx="5196">
                  <c:v>0</c:v>
                </c:pt>
                <c:pt idx="5197">
                  <c:v>0</c:v>
                </c:pt>
                <c:pt idx="5198">
                  <c:v>0</c:v>
                </c:pt>
                <c:pt idx="5199">
                  <c:v>0</c:v>
                </c:pt>
                <c:pt idx="5200">
                  <c:v>0</c:v>
                </c:pt>
                <c:pt idx="5201">
                  <c:v>0</c:v>
                </c:pt>
                <c:pt idx="5202">
                  <c:v>0</c:v>
                </c:pt>
                <c:pt idx="5203">
                  <c:v>0</c:v>
                </c:pt>
                <c:pt idx="5204">
                  <c:v>0</c:v>
                </c:pt>
                <c:pt idx="5205">
                  <c:v>0</c:v>
                </c:pt>
                <c:pt idx="5206">
                  <c:v>0</c:v>
                </c:pt>
                <c:pt idx="5207">
                  <c:v>0</c:v>
                </c:pt>
                <c:pt idx="5208">
                  <c:v>0</c:v>
                </c:pt>
                <c:pt idx="5209">
                  <c:v>0</c:v>
                </c:pt>
                <c:pt idx="5210">
                  <c:v>0</c:v>
                </c:pt>
                <c:pt idx="5211">
                  <c:v>0</c:v>
                </c:pt>
                <c:pt idx="5212">
                  <c:v>0</c:v>
                </c:pt>
                <c:pt idx="5213">
                  <c:v>0</c:v>
                </c:pt>
                <c:pt idx="5214">
                  <c:v>0</c:v>
                </c:pt>
                <c:pt idx="5215">
                  <c:v>0</c:v>
                </c:pt>
                <c:pt idx="5216">
                  <c:v>0</c:v>
                </c:pt>
                <c:pt idx="5217">
                  <c:v>0</c:v>
                </c:pt>
                <c:pt idx="5218">
                  <c:v>0</c:v>
                </c:pt>
                <c:pt idx="5219">
                  <c:v>0</c:v>
                </c:pt>
                <c:pt idx="5220">
                  <c:v>0</c:v>
                </c:pt>
                <c:pt idx="5221">
                  <c:v>0</c:v>
                </c:pt>
                <c:pt idx="5222">
                  <c:v>0</c:v>
                </c:pt>
                <c:pt idx="5223">
                  <c:v>0</c:v>
                </c:pt>
                <c:pt idx="5224">
                  <c:v>0</c:v>
                </c:pt>
                <c:pt idx="5225">
                  <c:v>0</c:v>
                </c:pt>
                <c:pt idx="5226">
                  <c:v>0</c:v>
                </c:pt>
                <c:pt idx="5227">
                  <c:v>0</c:v>
                </c:pt>
                <c:pt idx="5228">
                  <c:v>0</c:v>
                </c:pt>
                <c:pt idx="5229">
                  <c:v>0</c:v>
                </c:pt>
                <c:pt idx="5230">
                  <c:v>0</c:v>
                </c:pt>
                <c:pt idx="5231">
                  <c:v>0</c:v>
                </c:pt>
                <c:pt idx="5232">
                  <c:v>0</c:v>
                </c:pt>
                <c:pt idx="5233">
                  <c:v>0</c:v>
                </c:pt>
                <c:pt idx="5234">
                  <c:v>0</c:v>
                </c:pt>
                <c:pt idx="5235">
                  <c:v>0</c:v>
                </c:pt>
                <c:pt idx="5236">
                  <c:v>0</c:v>
                </c:pt>
                <c:pt idx="5237">
                  <c:v>0</c:v>
                </c:pt>
                <c:pt idx="5238">
                  <c:v>0</c:v>
                </c:pt>
                <c:pt idx="5239">
                  <c:v>0</c:v>
                </c:pt>
                <c:pt idx="5240">
                  <c:v>0</c:v>
                </c:pt>
                <c:pt idx="5241">
                  <c:v>0</c:v>
                </c:pt>
                <c:pt idx="5242">
                  <c:v>0</c:v>
                </c:pt>
                <c:pt idx="5243">
                  <c:v>0</c:v>
                </c:pt>
                <c:pt idx="5244">
                  <c:v>0</c:v>
                </c:pt>
                <c:pt idx="5245">
                  <c:v>0</c:v>
                </c:pt>
                <c:pt idx="5246">
                  <c:v>0</c:v>
                </c:pt>
                <c:pt idx="5247">
                  <c:v>0</c:v>
                </c:pt>
                <c:pt idx="5248">
                  <c:v>0</c:v>
                </c:pt>
                <c:pt idx="5249">
                  <c:v>0</c:v>
                </c:pt>
                <c:pt idx="5250">
                  <c:v>0</c:v>
                </c:pt>
                <c:pt idx="5251">
                  <c:v>0</c:v>
                </c:pt>
                <c:pt idx="5252">
                  <c:v>0</c:v>
                </c:pt>
                <c:pt idx="5253">
                  <c:v>0</c:v>
                </c:pt>
                <c:pt idx="5254">
                  <c:v>0</c:v>
                </c:pt>
                <c:pt idx="5255">
                  <c:v>0</c:v>
                </c:pt>
                <c:pt idx="5256">
                  <c:v>0</c:v>
                </c:pt>
                <c:pt idx="5257">
                  <c:v>0</c:v>
                </c:pt>
                <c:pt idx="5258">
                  <c:v>0</c:v>
                </c:pt>
                <c:pt idx="5259">
                  <c:v>0</c:v>
                </c:pt>
                <c:pt idx="5260">
                  <c:v>0</c:v>
                </c:pt>
                <c:pt idx="5261">
                  <c:v>0</c:v>
                </c:pt>
                <c:pt idx="5262">
                  <c:v>0</c:v>
                </c:pt>
                <c:pt idx="5263">
                  <c:v>0</c:v>
                </c:pt>
                <c:pt idx="5264">
                  <c:v>0</c:v>
                </c:pt>
                <c:pt idx="5265">
                  <c:v>0</c:v>
                </c:pt>
                <c:pt idx="5266">
                  <c:v>0</c:v>
                </c:pt>
                <c:pt idx="5267">
                  <c:v>0</c:v>
                </c:pt>
                <c:pt idx="5268">
                  <c:v>0</c:v>
                </c:pt>
                <c:pt idx="5269">
                  <c:v>0</c:v>
                </c:pt>
                <c:pt idx="5270">
                  <c:v>0</c:v>
                </c:pt>
                <c:pt idx="5271">
                  <c:v>0</c:v>
                </c:pt>
                <c:pt idx="5272">
                  <c:v>0</c:v>
                </c:pt>
                <c:pt idx="5273">
                  <c:v>0</c:v>
                </c:pt>
                <c:pt idx="5274">
                  <c:v>0</c:v>
                </c:pt>
                <c:pt idx="5275">
                  <c:v>0</c:v>
                </c:pt>
                <c:pt idx="5276">
                  <c:v>0</c:v>
                </c:pt>
                <c:pt idx="5277">
                  <c:v>0</c:v>
                </c:pt>
                <c:pt idx="5278">
                  <c:v>0</c:v>
                </c:pt>
                <c:pt idx="5279">
                  <c:v>0</c:v>
                </c:pt>
                <c:pt idx="5280">
                  <c:v>0</c:v>
                </c:pt>
                <c:pt idx="5281">
                  <c:v>0</c:v>
                </c:pt>
                <c:pt idx="5282">
                  <c:v>0</c:v>
                </c:pt>
                <c:pt idx="5283">
                  <c:v>0</c:v>
                </c:pt>
                <c:pt idx="5284">
                  <c:v>0</c:v>
                </c:pt>
                <c:pt idx="5285">
                  <c:v>0</c:v>
                </c:pt>
                <c:pt idx="5286">
                  <c:v>0</c:v>
                </c:pt>
                <c:pt idx="5287">
                  <c:v>0</c:v>
                </c:pt>
                <c:pt idx="5288">
                  <c:v>0</c:v>
                </c:pt>
                <c:pt idx="5289">
                  <c:v>0</c:v>
                </c:pt>
                <c:pt idx="5290">
                  <c:v>0</c:v>
                </c:pt>
                <c:pt idx="5291">
                  <c:v>0</c:v>
                </c:pt>
                <c:pt idx="5292">
                  <c:v>0</c:v>
                </c:pt>
                <c:pt idx="5293">
                  <c:v>0</c:v>
                </c:pt>
                <c:pt idx="5294">
                  <c:v>0</c:v>
                </c:pt>
                <c:pt idx="5295">
                  <c:v>0</c:v>
                </c:pt>
                <c:pt idx="5296">
                  <c:v>0</c:v>
                </c:pt>
                <c:pt idx="5297">
                  <c:v>0</c:v>
                </c:pt>
                <c:pt idx="5298">
                  <c:v>0</c:v>
                </c:pt>
                <c:pt idx="5299">
                  <c:v>0</c:v>
                </c:pt>
                <c:pt idx="5300">
                  <c:v>0</c:v>
                </c:pt>
                <c:pt idx="5301">
                  <c:v>0</c:v>
                </c:pt>
                <c:pt idx="5302">
                  <c:v>0</c:v>
                </c:pt>
                <c:pt idx="5303">
                  <c:v>0</c:v>
                </c:pt>
                <c:pt idx="5304">
                  <c:v>0</c:v>
                </c:pt>
                <c:pt idx="5305">
                  <c:v>0</c:v>
                </c:pt>
                <c:pt idx="5306">
                  <c:v>0</c:v>
                </c:pt>
                <c:pt idx="5307">
                  <c:v>0</c:v>
                </c:pt>
                <c:pt idx="5308">
                  <c:v>0</c:v>
                </c:pt>
                <c:pt idx="5309">
                  <c:v>0</c:v>
                </c:pt>
                <c:pt idx="5310">
                  <c:v>0</c:v>
                </c:pt>
                <c:pt idx="5311">
                  <c:v>0</c:v>
                </c:pt>
                <c:pt idx="5312">
                  <c:v>0</c:v>
                </c:pt>
                <c:pt idx="5313">
                  <c:v>0</c:v>
                </c:pt>
                <c:pt idx="5314">
                  <c:v>0</c:v>
                </c:pt>
                <c:pt idx="5315">
                  <c:v>0</c:v>
                </c:pt>
                <c:pt idx="5316">
                  <c:v>0</c:v>
                </c:pt>
                <c:pt idx="5317">
                  <c:v>0</c:v>
                </c:pt>
                <c:pt idx="5318">
                  <c:v>0</c:v>
                </c:pt>
                <c:pt idx="5319">
                  <c:v>0</c:v>
                </c:pt>
                <c:pt idx="5320">
                  <c:v>0</c:v>
                </c:pt>
                <c:pt idx="5321">
                  <c:v>0</c:v>
                </c:pt>
                <c:pt idx="5322">
                  <c:v>0</c:v>
                </c:pt>
                <c:pt idx="5323">
                  <c:v>0</c:v>
                </c:pt>
                <c:pt idx="5324">
                  <c:v>0</c:v>
                </c:pt>
                <c:pt idx="5325">
                  <c:v>0</c:v>
                </c:pt>
                <c:pt idx="5326">
                  <c:v>0</c:v>
                </c:pt>
                <c:pt idx="5327">
                  <c:v>0</c:v>
                </c:pt>
                <c:pt idx="5328">
                  <c:v>0</c:v>
                </c:pt>
                <c:pt idx="5329">
                  <c:v>0</c:v>
                </c:pt>
                <c:pt idx="5330">
                  <c:v>0</c:v>
                </c:pt>
                <c:pt idx="5331">
                  <c:v>0</c:v>
                </c:pt>
                <c:pt idx="5332">
                  <c:v>0</c:v>
                </c:pt>
                <c:pt idx="5333">
                  <c:v>0</c:v>
                </c:pt>
                <c:pt idx="5334">
                  <c:v>0</c:v>
                </c:pt>
                <c:pt idx="5335">
                  <c:v>0</c:v>
                </c:pt>
                <c:pt idx="5336">
                  <c:v>0</c:v>
                </c:pt>
                <c:pt idx="5337">
                  <c:v>0</c:v>
                </c:pt>
                <c:pt idx="5338">
                  <c:v>0</c:v>
                </c:pt>
                <c:pt idx="5339">
                  <c:v>0</c:v>
                </c:pt>
                <c:pt idx="5340">
                  <c:v>0</c:v>
                </c:pt>
                <c:pt idx="5341">
                  <c:v>0</c:v>
                </c:pt>
                <c:pt idx="5342">
                  <c:v>0</c:v>
                </c:pt>
                <c:pt idx="5343">
                  <c:v>0</c:v>
                </c:pt>
                <c:pt idx="5344">
                  <c:v>0</c:v>
                </c:pt>
                <c:pt idx="5345">
                  <c:v>0</c:v>
                </c:pt>
                <c:pt idx="5346">
                  <c:v>0</c:v>
                </c:pt>
                <c:pt idx="5347">
                  <c:v>0</c:v>
                </c:pt>
                <c:pt idx="5348">
                  <c:v>0</c:v>
                </c:pt>
                <c:pt idx="5349">
                  <c:v>0</c:v>
                </c:pt>
                <c:pt idx="5350">
                  <c:v>0</c:v>
                </c:pt>
                <c:pt idx="5351">
                  <c:v>0</c:v>
                </c:pt>
                <c:pt idx="5352">
                  <c:v>0</c:v>
                </c:pt>
                <c:pt idx="5353">
                  <c:v>0</c:v>
                </c:pt>
                <c:pt idx="5354">
                  <c:v>0</c:v>
                </c:pt>
                <c:pt idx="5355">
                  <c:v>0</c:v>
                </c:pt>
                <c:pt idx="5356">
                  <c:v>0</c:v>
                </c:pt>
                <c:pt idx="5357">
                  <c:v>0</c:v>
                </c:pt>
                <c:pt idx="5358">
                  <c:v>0</c:v>
                </c:pt>
                <c:pt idx="5359">
                  <c:v>0</c:v>
                </c:pt>
                <c:pt idx="5360">
                  <c:v>0</c:v>
                </c:pt>
                <c:pt idx="5361">
                  <c:v>0</c:v>
                </c:pt>
                <c:pt idx="5362">
                  <c:v>0</c:v>
                </c:pt>
                <c:pt idx="5363">
                  <c:v>0</c:v>
                </c:pt>
                <c:pt idx="5364">
                  <c:v>0</c:v>
                </c:pt>
                <c:pt idx="5365">
                  <c:v>0</c:v>
                </c:pt>
                <c:pt idx="5366">
                  <c:v>0</c:v>
                </c:pt>
                <c:pt idx="5367">
                  <c:v>0</c:v>
                </c:pt>
                <c:pt idx="5368">
                  <c:v>0</c:v>
                </c:pt>
                <c:pt idx="5369">
                  <c:v>0</c:v>
                </c:pt>
                <c:pt idx="5370">
                  <c:v>0</c:v>
                </c:pt>
                <c:pt idx="5371">
                  <c:v>0</c:v>
                </c:pt>
                <c:pt idx="5372">
                  <c:v>0</c:v>
                </c:pt>
                <c:pt idx="5373">
                  <c:v>0</c:v>
                </c:pt>
                <c:pt idx="5374">
                  <c:v>0</c:v>
                </c:pt>
                <c:pt idx="5375">
                  <c:v>0</c:v>
                </c:pt>
                <c:pt idx="5376">
                  <c:v>0</c:v>
                </c:pt>
                <c:pt idx="5377">
                  <c:v>0</c:v>
                </c:pt>
                <c:pt idx="5378">
                  <c:v>0</c:v>
                </c:pt>
                <c:pt idx="5379">
                  <c:v>0</c:v>
                </c:pt>
                <c:pt idx="5380">
                  <c:v>0</c:v>
                </c:pt>
                <c:pt idx="5381">
                  <c:v>0</c:v>
                </c:pt>
                <c:pt idx="5382">
                  <c:v>0</c:v>
                </c:pt>
                <c:pt idx="5383">
                  <c:v>0</c:v>
                </c:pt>
                <c:pt idx="5384">
                  <c:v>0</c:v>
                </c:pt>
                <c:pt idx="5385">
                  <c:v>0</c:v>
                </c:pt>
                <c:pt idx="5386">
                  <c:v>0</c:v>
                </c:pt>
                <c:pt idx="5387">
                  <c:v>0</c:v>
                </c:pt>
                <c:pt idx="5388">
                  <c:v>0</c:v>
                </c:pt>
                <c:pt idx="5389">
                  <c:v>0</c:v>
                </c:pt>
                <c:pt idx="5390">
                  <c:v>0</c:v>
                </c:pt>
                <c:pt idx="5391">
                  <c:v>0</c:v>
                </c:pt>
                <c:pt idx="5392">
                  <c:v>0</c:v>
                </c:pt>
                <c:pt idx="5393">
                  <c:v>0</c:v>
                </c:pt>
                <c:pt idx="5394">
                  <c:v>0</c:v>
                </c:pt>
                <c:pt idx="5395">
                  <c:v>0</c:v>
                </c:pt>
                <c:pt idx="5396">
                  <c:v>0</c:v>
                </c:pt>
                <c:pt idx="5397">
                  <c:v>0</c:v>
                </c:pt>
                <c:pt idx="5398">
                  <c:v>0</c:v>
                </c:pt>
                <c:pt idx="5399">
                  <c:v>0</c:v>
                </c:pt>
                <c:pt idx="5400">
                  <c:v>0</c:v>
                </c:pt>
                <c:pt idx="5401">
                  <c:v>0</c:v>
                </c:pt>
                <c:pt idx="5402">
                  <c:v>0</c:v>
                </c:pt>
                <c:pt idx="5403">
                  <c:v>0</c:v>
                </c:pt>
                <c:pt idx="5404">
                  <c:v>0</c:v>
                </c:pt>
                <c:pt idx="5405">
                  <c:v>0</c:v>
                </c:pt>
                <c:pt idx="5406">
                  <c:v>0</c:v>
                </c:pt>
                <c:pt idx="5407">
                  <c:v>0</c:v>
                </c:pt>
                <c:pt idx="5408">
                  <c:v>0</c:v>
                </c:pt>
                <c:pt idx="5409">
                  <c:v>0</c:v>
                </c:pt>
                <c:pt idx="5410">
                  <c:v>0</c:v>
                </c:pt>
                <c:pt idx="5411">
                  <c:v>0</c:v>
                </c:pt>
                <c:pt idx="5412">
                  <c:v>0</c:v>
                </c:pt>
                <c:pt idx="5413">
                  <c:v>0</c:v>
                </c:pt>
                <c:pt idx="5414">
                  <c:v>0</c:v>
                </c:pt>
                <c:pt idx="5415">
                  <c:v>0</c:v>
                </c:pt>
                <c:pt idx="5416">
                  <c:v>0</c:v>
                </c:pt>
                <c:pt idx="5417">
                  <c:v>0</c:v>
                </c:pt>
                <c:pt idx="5418">
                  <c:v>0</c:v>
                </c:pt>
                <c:pt idx="5419">
                  <c:v>0</c:v>
                </c:pt>
                <c:pt idx="5420">
                  <c:v>0</c:v>
                </c:pt>
                <c:pt idx="5421">
                  <c:v>0</c:v>
                </c:pt>
                <c:pt idx="5422">
                  <c:v>0</c:v>
                </c:pt>
                <c:pt idx="5423">
                  <c:v>0</c:v>
                </c:pt>
                <c:pt idx="5424">
                  <c:v>0</c:v>
                </c:pt>
                <c:pt idx="5425">
                  <c:v>0</c:v>
                </c:pt>
                <c:pt idx="5426">
                  <c:v>0</c:v>
                </c:pt>
                <c:pt idx="5427">
                  <c:v>0</c:v>
                </c:pt>
                <c:pt idx="5428">
                  <c:v>0</c:v>
                </c:pt>
                <c:pt idx="5429">
                  <c:v>0</c:v>
                </c:pt>
                <c:pt idx="5430">
                  <c:v>0</c:v>
                </c:pt>
                <c:pt idx="5431">
                  <c:v>0</c:v>
                </c:pt>
                <c:pt idx="5432">
                  <c:v>0</c:v>
                </c:pt>
                <c:pt idx="5433">
                  <c:v>0</c:v>
                </c:pt>
                <c:pt idx="5434">
                  <c:v>0</c:v>
                </c:pt>
                <c:pt idx="5435">
                  <c:v>0</c:v>
                </c:pt>
                <c:pt idx="5436">
                  <c:v>0</c:v>
                </c:pt>
                <c:pt idx="5437">
                  <c:v>0</c:v>
                </c:pt>
                <c:pt idx="5438">
                  <c:v>0</c:v>
                </c:pt>
                <c:pt idx="5439">
                  <c:v>0</c:v>
                </c:pt>
                <c:pt idx="5440">
                  <c:v>0</c:v>
                </c:pt>
                <c:pt idx="5441">
                  <c:v>0</c:v>
                </c:pt>
                <c:pt idx="5442">
                  <c:v>0</c:v>
                </c:pt>
                <c:pt idx="5443">
                  <c:v>0</c:v>
                </c:pt>
                <c:pt idx="5444">
                  <c:v>0</c:v>
                </c:pt>
                <c:pt idx="5445">
                  <c:v>0</c:v>
                </c:pt>
                <c:pt idx="5446">
                  <c:v>0</c:v>
                </c:pt>
                <c:pt idx="5447">
                  <c:v>0</c:v>
                </c:pt>
                <c:pt idx="5448">
                  <c:v>0</c:v>
                </c:pt>
                <c:pt idx="5449">
                  <c:v>0</c:v>
                </c:pt>
                <c:pt idx="5450">
                  <c:v>0</c:v>
                </c:pt>
                <c:pt idx="5451">
                  <c:v>0</c:v>
                </c:pt>
                <c:pt idx="5452">
                  <c:v>0</c:v>
                </c:pt>
                <c:pt idx="5453">
                  <c:v>0</c:v>
                </c:pt>
                <c:pt idx="5454">
                  <c:v>0</c:v>
                </c:pt>
                <c:pt idx="5455">
                  <c:v>0</c:v>
                </c:pt>
                <c:pt idx="5456">
                  <c:v>0</c:v>
                </c:pt>
                <c:pt idx="5457">
                  <c:v>0</c:v>
                </c:pt>
                <c:pt idx="5458">
                  <c:v>0</c:v>
                </c:pt>
                <c:pt idx="5459">
                  <c:v>0</c:v>
                </c:pt>
                <c:pt idx="5460">
                  <c:v>0</c:v>
                </c:pt>
                <c:pt idx="5461">
                  <c:v>0</c:v>
                </c:pt>
                <c:pt idx="5462">
                  <c:v>0</c:v>
                </c:pt>
                <c:pt idx="5463">
                  <c:v>0</c:v>
                </c:pt>
                <c:pt idx="5464">
                  <c:v>0</c:v>
                </c:pt>
                <c:pt idx="5465">
                  <c:v>0</c:v>
                </c:pt>
                <c:pt idx="5466">
                  <c:v>0</c:v>
                </c:pt>
                <c:pt idx="5467">
                  <c:v>0</c:v>
                </c:pt>
                <c:pt idx="5468">
                  <c:v>0</c:v>
                </c:pt>
                <c:pt idx="5469">
                  <c:v>0</c:v>
                </c:pt>
                <c:pt idx="5470">
                  <c:v>0</c:v>
                </c:pt>
                <c:pt idx="5471">
                  <c:v>0</c:v>
                </c:pt>
                <c:pt idx="5472">
                  <c:v>0</c:v>
                </c:pt>
                <c:pt idx="5473">
                  <c:v>0</c:v>
                </c:pt>
                <c:pt idx="5474">
                  <c:v>0</c:v>
                </c:pt>
                <c:pt idx="5475">
                  <c:v>0</c:v>
                </c:pt>
                <c:pt idx="5476">
                  <c:v>0</c:v>
                </c:pt>
                <c:pt idx="5477">
                  <c:v>0</c:v>
                </c:pt>
                <c:pt idx="5478">
                  <c:v>0</c:v>
                </c:pt>
                <c:pt idx="5479">
                  <c:v>0</c:v>
                </c:pt>
                <c:pt idx="5480">
                  <c:v>0</c:v>
                </c:pt>
                <c:pt idx="5481">
                  <c:v>0</c:v>
                </c:pt>
                <c:pt idx="5482">
                  <c:v>0</c:v>
                </c:pt>
                <c:pt idx="5483">
                  <c:v>0</c:v>
                </c:pt>
                <c:pt idx="5484">
                  <c:v>0</c:v>
                </c:pt>
                <c:pt idx="5485">
                  <c:v>0</c:v>
                </c:pt>
                <c:pt idx="5486">
                  <c:v>0</c:v>
                </c:pt>
                <c:pt idx="5487">
                  <c:v>0</c:v>
                </c:pt>
                <c:pt idx="5488">
                  <c:v>0</c:v>
                </c:pt>
                <c:pt idx="5489">
                  <c:v>0</c:v>
                </c:pt>
                <c:pt idx="5490">
                  <c:v>0</c:v>
                </c:pt>
                <c:pt idx="5491">
                  <c:v>0</c:v>
                </c:pt>
                <c:pt idx="5492">
                  <c:v>0</c:v>
                </c:pt>
                <c:pt idx="5493">
                  <c:v>0</c:v>
                </c:pt>
                <c:pt idx="5494">
                  <c:v>0</c:v>
                </c:pt>
                <c:pt idx="5495">
                  <c:v>0</c:v>
                </c:pt>
                <c:pt idx="5496">
                  <c:v>0</c:v>
                </c:pt>
                <c:pt idx="5497">
                  <c:v>0</c:v>
                </c:pt>
                <c:pt idx="5498">
                  <c:v>0</c:v>
                </c:pt>
                <c:pt idx="5499">
                  <c:v>0</c:v>
                </c:pt>
                <c:pt idx="5500">
                  <c:v>0</c:v>
                </c:pt>
                <c:pt idx="5501">
                  <c:v>0</c:v>
                </c:pt>
                <c:pt idx="5502">
                  <c:v>0</c:v>
                </c:pt>
                <c:pt idx="5503">
                  <c:v>0</c:v>
                </c:pt>
                <c:pt idx="5504">
                  <c:v>0</c:v>
                </c:pt>
                <c:pt idx="5505">
                  <c:v>0</c:v>
                </c:pt>
                <c:pt idx="5506">
                  <c:v>0</c:v>
                </c:pt>
                <c:pt idx="5507">
                  <c:v>0</c:v>
                </c:pt>
                <c:pt idx="5508">
                  <c:v>0</c:v>
                </c:pt>
                <c:pt idx="5509">
                  <c:v>0</c:v>
                </c:pt>
                <c:pt idx="5510">
                  <c:v>0</c:v>
                </c:pt>
                <c:pt idx="5511">
                  <c:v>0</c:v>
                </c:pt>
                <c:pt idx="5512">
                  <c:v>0</c:v>
                </c:pt>
                <c:pt idx="5513">
                  <c:v>0</c:v>
                </c:pt>
                <c:pt idx="5514">
                  <c:v>0</c:v>
                </c:pt>
                <c:pt idx="5515">
                  <c:v>0</c:v>
                </c:pt>
                <c:pt idx="5516">
                  <c:v>0</c:v>
                </c:pt>
                <c:pt idx="5517">
                  <c:v>0</c:v>
                </c:pt>
                <c:pt idx="5518">
                  <c:v>0</c:v>
                </c:pt>
                <c:pt idx="5519">
                  <c:v>0</c:v>
                </c:pt>
                <c:pt idx="5520">
                  <c:v>0</c:v>
                </c:pt>
                <c:pt idx="5521">
                  <c:v>0</c:v>
                </c:pt>
                <c:pt idx="5522">
                  <c:v>0</c:v>
                </c:pt>
                <c:pt idx="5523">
                  <c:v>0</c:v>
                </c:pt>
                <c:pt idx="5524">
                  <c:v>0</c:v>
                </c:pt>
                <c:pt idx="5525">
                  <c:v>0</c:v>
                </c:pt>
                <c:pt idx="5526">
                  <c:v>0</c:v>
                </c:pt>
                <c:pt idx="5527">
                  <c:v>0</c:v>
                </c:pt>
                <c:pt idx="5528">
                  <c:v>0</c:v>
                </c:pt>
                <c:pt idx="5529">
                  <c:v>0</c:v>
                </c:pt>
                <c:pt idx="5530">
                  <c:v>0</c:v>
                </c:pt>
                <c:pt idx="5531">
                  <c:v>0</c:v>
                </c:pt>
                <c:pt idx="5532">
                  <c:v>0</c:v>
                </c:pt>
                <c:pt idx="5533">
                  <c:v>0</c:v>
                </c:pt>
                <c:pt idx="5534">
                  <c:v>0</c:v>
                </c:pt>
                <c:pt idx="5535">
                  <c:v>0</c:v>
                </c:pt>
                <c:pt idx="5536">
                  <c:v>0</c:v>
                </c:pt>
                <c:pt idx="5537">
                  <c:v>0</c:v>
                </c:pt>
                <c:pt idx="5538">
                  <c:v>0</c:v>
                </c:pt>
                <c:pt idx="5539">
                  <c:v>0</c:v>
                </c:pt>
                <c:pt idx="5540">
                  <c:v>0</c:v>
                </c:pt>
                <c:pt idx="5541">
                  <c:v>0</c:v>
                </c:pt>
                <c:pt idx="5542">
                  <c:v>0</c:v>
                </c:pt>
                <c:pt idx="5543">
                  <c:v>0</c:v>
                </c:pt>
                <c:pt idx="5544">
                  <c:v>0</c:v>
                </c:pt>
                <c:pt idx="5545">
                  <c:v>0</c:v>
                </c:pt>
                <c:pt idx="5546">
                  <c:v>0</c:v>
                </c:pt>
                <c:pt idx="5547">
                  <c:v>0</c:v>
                </c:pt>
                <c:pt idx="5548">
                  <c:v>0</c:v>
                </c:pt>
                <c:pt idx="5549">
                  <c:v>0</c:v>
                </c:pt>
                <c:pt idx="5550">
                  <c:v>0</c:v>
                </c:pt>
                <c:pt idx="5551">
                  <c:v>0</c:v>
                </c:pt>
                <c:pt idx="5552">
                  <c:v>0</c:v>
                </c:pt>
                <c:pt idx="5553">
                  <c:v>0</c:v>
                </c:pt>
                <c:pt idx="5554">
                  <c:v>0</c:v>
                </c:pt>
                <c:pt idx="5555">
                  <c:v>0</c:v>
                </c:pt>
                <c:pt idx="5556">
                  <c:v>0</c:v>
                </c:pt>
                <c:pt idx="5557">
                  <c:v>0</c:v>
                </c:pt>
                <c:pt idx="5558">
                  <c:v>0</c:v>
                </c:pt>
                <c:pt idx="5559">
                  <c:v>0</c:v>
                </c:pt>
                <c:pt idx="5560">
                  <c:v>0</c:v>
                </c:pt>
                <c:pt idx="5561">
                  <c:v>0</c:v>
                </c:pt>
                <c:pt idx="5562">
                  <c:v>0</c:v>
                </c:pt>
                <c:pt idx="5563">
                  <c:v>0</c:v>
                </c:pt>
                <c:pt idx="5564">
                  <c:v>0</c:v>
                </c:pt>
                <c:pt idx="5565">
                  <c:v>0</c:v>
                </c:pt>
                <c:pt idx="5566">
                  <c:v>0</c:v>
                </c:pt>
                <c:pt idx="5567">
                  <c:v>0</c:v>
                </c:pt>
                <c:pt idx="5568">
                  <c:v>0</c:v>
                </c:pt>
                <c:pt idx="5569">
                  <c:v>0</c:v>
                </c:pt>
                <c:pt idx="5570">
                  <c:v>0</c:v>
                </c:pt>
                <c:pt idx="5571">
                  <c:v>0</c:v>
                </c:pt>
                <c:pt idx="5572">
                  <c:v>0</c:v>
                </c:pt>
                <c:pt idx="5573">
                  <c:v>0</c:v>
                </c:pt>
                <c:pt idx="5574">
                  <c:v>0</c:v>
                </c:pt>
                <c:pt idx="5575">
                  <c:v>0</c:v>
                </c:pt>
                <c:pt idx="5576">
                  <c:v>0</c:v>
                </c:pt>
                <c:pt idx="5577">
                  <c:v>0</c:v>
                </c:pt>
                <c:pt idx="5578">
                  <c:v>0</c:v>
                </c:pt>
                <c:pt idx="5579">
                  <c:v>0</c:v>
                </c:pt>
                <c:pt idx="5580">
                  <c:v>0</c:v>
                </c:pt>
                <c:pt idx="5581">
                  <c:v>0</c:v>
                </c:pt>
                <c:pt idx="5582">
                  <c:v>0</c:v>
                </c:pt>
                <c:pt idx="5583">
                  <c:v>0</c:v>
                </c:pt>
                <c:pt idx="5584">
                  <c:v>0</c:v>
                </c:pt>
                <c:pt idx="5585">
                  <c:v>0</c:v>
                </c:pt>
                <c:pt idx="5586">
                  <c:v>0</c:v>
                </c:pt>
                <c:pt idx="5587">
                  <c:v>0</c:v>
                </c:pt>
                <c:pt idx="5588">
                  <c:v>0</c:v>
                </c:pt>
                <c:pt idx="5589">
                  <c:v>0</c:v>
                </c:pt>
                <c:pt idx="5590">
                  <c:v>0</c:v>
                </c:pt>
                <c:pt idx="5591">
                  <c:v>0</c:v>
                </c:pt>
                <c:pt idx="5592">
                  <c:v>0</c:v>
                </c:pt>
                <c:pt idx="5593">
                  <c:v>0</c:v>
                </c:pt>
                <c:pt idx="5594">
                  <c:v>0</c:v>
                </c:pt>
                <c:pt idx="5595">
                  <c:v>0</c:v>
                </c:pt>
                <c:pt idx="5596">
                  <c:v>0</c:v>
                </c:pt>
                <c:pt idx="5597">
                  <c:v>0</c:v>
                </c:pt>
                <c:pt idx="5598">
                  <c:v>0</c:v>
                </c:pt>
                <c:pt idx="5599">
                  <c:v>0</c:v>
                </c:pt>
                <c:pt idx="5600">
                  <c:v>0</c:v>
                </c:pt>
                <c:pt idx="5601">
                  <c:v>0</c:v>
                </c:pt>
                <c:pt idx="5602">
                  <c:v>0</c:v>
                </c:pt>
                <c:pt idx="5603">
                  <c:v>0</c:v>
                </c:pt>
                <c:pt idx="5604">
                  <c:v>0</c:v>
                </c:pt>
                <c:pt idx="5605">
                  <c:v>0</c:v>
                </c:pt>
                <c:pt idx="5606">
                  <c:v>0</c:v>
                </c:pt>
                <c:pt idx="5607">
                  <c:v>0</c:v>
                </c:pt>
                <c:pt idx="5608">
                  <c:v>0</c:v>
                </c:pt>
                <c:pt idx="5609">
                  <c:v>0</c:v>
                </c:pt>
                <c:pt idx="5610">
                  <c:v>0</c:v>
                </c:pt>
                <c:pt idx="5611">
                  <c:v>0</c:v>
                </c:pt>
                <c:pt idx="5612">
                  <c:v>0</c:v>
                </c:pt>
                <c:pt idx="5613">
                  <c:v>0</c:v>
                </c:pt>
                <c:pt idx="5614">
                  <c:v>0</c:v>
                </c:pt>
                <c:pt idx="5615">
                  <c:v>0</c:v>
                </c:pt>
                <c:pt idx="5616">
                  <c:v>0</c:v>
                </c:pt>
                <c:pt idx="5617">
                  <c:v>0</c:v>
                </c:pt>
                <c:pt idx="5618">
                  <c:v>0</c:v>
                </c:pt>
                <c:pt idx="5619">
                  <c:v>0</c:v>
                </c:pt>
                <c:pt idx="5620">
                  <c:v>0</c:v>
                </c:pt>
                <c:pt idx="5621">
                  <c:v>0</c:v>
                </c:pt>
                <c:pt idx="5622">
                  <c:v>0</c:v>
                </c:pt>
                <c:pt idx="5623">
                  <c:v>0</c:v>
                </c:pt>
                <c:pt idx="5624">
                  <c:v>0</c:v>
                </c:pt>
                <c:pt idx="5625">
                  <c:v>0</c:v>
                </c:pt>
                <c:pt idx="5626">
                  <c:v>0</c:v>
                </c:pt>
                <c:pt idx="5627">
                  <c:v>0</c:v>
                </c:pt>
                <c:pt idx="5628">
                  <c:v>0</c:v>
                </c:pt>
                <c:pt idx="5629">
                  <c:v>0</c:v>
                </c:pt>
                <c:pt idx="5630">
                  <c:v>0</c:v>
                </c:pt>
                <c:pt idx="5631">
                  <c:v>0</c:v>
                </c:pt>
                <c:pt idx="5632">
                  <c:v>0</c:v>
                </c:pt>
                <c:pt idx="5633">
                  <c:v>0</c:v>
                </c:pt>
                <c:pt idx="5634">
                  <c:v>0</c:v>
                </c:pt>
                <c:pt idx="5635">
                  <c:v>0</c:v>
                </c:pt>
                <c:pt idx="5636">
                  <c:v>0</c:v>
                </c:pt>
                <c:pt idx="5637">
                  <c:v>0</c:v>
                </c:pt>
                <c:pt idx="5638">
                  <c:v>0</c:v>
                </c:pt>
                <c:pt idx="5639">
                  <c:v>0</c:v>
                </c:pt>
                <c:pt idx="5640">
                  <c:v>0</c:v>
                </c:pt>
                <c:pt idx="5641">
                  <c:v>0</c:v>
                </c:pt>
                <c:pt idx="5642">
                  <c:v>0</c:v>
                </c:pt>
                <c:pt idx="5643">
                  <c:v>0</c:v>
                </c:pt>
                <c:pt idx="5644">
                  <c:v>0</c:v>
                </c:pt>
                <c:pt idx="5645">
                  <c:v>0</c:v>
                </c:pt>
                <c:pt idx="5646">
                  <c:v>0</c:v>
                </c:pt>
                <c:pt idx="5647">
                  <c:v>0</c:v>
                </c:pt>
                <c:pt idx="5648">
                  <c:v>0</c:v>
                </c:pt>
                <c:pt idx="5649">
                  <c:v>0</c:v>
                </c:pt>
                <c:pt idx="5650">
                  <c:v>0</c:v>
                </c:pt>
                <c:pt idx="5651">
                  <c:v>0</c:v>
                </c:pt>
                <c:pt idx="5652">
                  <c:v>0</c:v>
                </c:pt>
                <c:pt idx="5653">
                  <c:v>0</c:v>
                </c:pt>
                <c:pt idx="5654">
                  <c:v>0</c:v>
                </c:pt>
                <c:pt idx="5655">
                  <c:v>0</c:v>
                </c:pt>
                <c:pt idx="5656">
                  <c:v>0</c:v>
                </c:pt>
                <c:pt idx="5657">
                  <c:v>0</c:v>
                </c:pt>
                <c:pt idx="5658">
                  <c:v>0</c:v>
                </c:pt>
                <c:pt idx="5659">
                  <c:v>0</c:v>
                </c:pt>
                <c:pt idx="5660">
                  <c:v>0</c:v>
                </c:pt>
                <c:pt idx="5661">
                  <c:v>0</c:v>
                </c:pt>
                <c:pt idx="5662">
                  <c:v>0</c:v>
                </c:pt>
                <c:pt idx="5663">
                  <c:v>0</c:v>
                </c:pt>
                <c:pt idx="5664">
                  <c:v>0</c:v>
                </c:pt>
                <c:pt idx="5665">
                  <c:v>0</c:v>
                </c:pt>
                <c:pt idx="5666">
                  <c:v>0</c:v>
                </c:pt>
                <c:pt idx="5667">
                  <c:v>0</c:v>
                </c:pt>
                <c:pt idx="5668">
                  <c:v>0</c:v>
                </c:pt>
                <c:pt idx="5669">
                  <c:v>0</c:v>
                </c:pt>
                <c:pt idx="5670">
                  <c:v>0</c:v>
                </c:pt>
                <c:pt idx="5671">
                  <c:v>0</c:v>
                </c:pt>
                <c:pt idx="5672">
                  <c:v>0</c:v>
                </c:pt>
                <c:pt idx="5673">
                  <c:v>0</c:v>
                </c:pt>
                <c:pt idx="5674">
                  <c:v>0</c:v>
                </c:pt>
                <c:pt idx="5675">
                  <c:v>0</c:v>
                </c:pt>
                <c:pt idx="5676">
                  <c:v>0</c:v>
                </c:pt>
                <c:pt idx="5677">
                  <c:v>0</c:v>
                </c:pt>
                <c:pt idx="5678">
                  <c:v>0</c:v>
                </c:pt>
                <c:pt idx="5679">
                  <c:v>0</c:v>
                </c:pt>
                <c:pt idx="5680">
                  <c:v>0</c:v>
                </c:pt>
                <c:pt idx="5681">
                  <c:v>0</c:v>
                </c:pt>
                <c:pt idx="5682">
                  <c:v>0</c:v>
                </c:pt>
                <c:pt idx="5683">
                  <c:v>0</c:v>
                </c:pt>
                <c:pt idx="5684">
                  <c:v>0</c:v>
                </c:pt>
                <c:pt idx="5685">
                  <c:v>0</c:v>
                </c:pt>
                <c:pt idx="5686">
                  <c:v>0</c:v>
                </c:pt>
                <c:pt idx="5687">
                  <c:v>0</c:v>
                </c:pt>
                <c:pt idx="5688">
                  <c:v>0</c:v>
                </c:pt>
                <c:pt idx="5689">
                  <c:v>0</c:v>
                </c:pt>
                <c:pt idx="5690">
                  <c:v>0</c:v>
                </c:pt>
                <c:pt idx="5691">
                  <c:v>0</c:v>
                </c:pt>
                <c:pt idx="5692">
                  <c:v>0</c:v>
                </c:pt>
                <c:pt idx="5693">
                  <c:v>0</c:v>
                </c:pt>
                <c:pt idx="5694">
                  <c:v>0</c:v>
                </c:pt>
                <c:pt idx="5695">
                  <c:v>0</c:v>
                </c:pt>
                <c:pt idx="5696">
                  <c:v>0</c:v>
                </c:pt>
                <c:pt idx="5697">
                  <c:v>0</c:v>
                </c:pt>
                <c:pt idx="5698">
                  <c:v>0</c:v>
                </c:pt>
                <c:pt idx="5699">
                  <c:v>0</c:v>
                </c:pt>
                <c:pt idx="5700">
                  <c:v>0</c:v>
                </c:pt>
                <c:pt idx="5701">
                  <c:v>0</c:v>
                </c:pt>
                <c:pt idx="5702">
                  <c:v>0</c:v>
                </c:pt>
                <c:pt idx="5703">
                  <c:v>0</c:v>
                </c:pt>
                <c:pt idx="5704">
                  <c:v>0</c:v>
                </c:pt>
                <c:pt idx="5705">
                  <c:v>0</c:v>
                </c:pt>
                <c:pt idx="5706">
                  <c:v>0</c:v>
                </c:pt>
                <c:pt idx="5707">
                  <c:v>0</c:v>
                </c:pt>
                <c:pt idx="5708">
                  <c:v>0</c:v>
                </c:pt>
                <c:pt idx="5709">
                  <c:v>0</c:v>
                </c:pt>
                <c:pt idx="5710">
                  <c:v>0</c:v>
                </c:pt>
                <c:pt idx="5711">
                  <c:v>0</c:v>
                </c:pt>
                <c:pt idx="5712">
                  <c:v>0</c:v>
                </c:pt>
                <c:pt idx="5713">
                  <c:v>0</c:v>
                </c:pt>
                <c:pt idx="5714">
                  <c:v>0</c:v>
                </c:pt>
                <c:pt idx="5715">
                  <c:v>0</c:v>
                </c:pt>
                <c:pt idx="5716">
                  <c:v>0</c:v>
                </c:pt>
                <c:pt idx="5717">
                  <c:v>0</c:v>
                </c:pt>
                <c:pt idx="5718">
                  <c:v>0</c:v>
                </c:pt>
                <c:pt idx="5719">
                  <c:v>0</c:v>
                </c:pt>
                <c:pt idx="5720">
                  <c:v>0</c:v>
                </c:pt>
                <c:pt idx="5721">
                  <c:v>0</c:v>
                </c:pt>
                <c:pt idx="5722">
                  <c:v>0</c:v>
                </c:pt>
                <c:pt idx="5723">
                  <c:v>0</c:v>
                </c:pt>
                <c:pt idx="5724">
                  <c:v>0</c:v>
                </c:pt>
                <c:pt idx="5725">
                  <c:v>0</c:v>
                </c:pt>
                <c:pt idx="5726">
                  <c:v>0</c:v>
                </c:pt>
                <c:pt idx="5727">
                  <c:v>0</c:v>
                </c:pt>
                <c:pt idx="5728">
                  <c:v>0</c:v>
                </c:pt>
                <c:pt idx="5729">
                  <c:v>0</c:v>
                </c:pt>
                <c:pt idx="5730">
                  <c:v>0</c:v>
                </c:pt>
                <c:pt idx="5731">
                  <c:v>0</c:v>
                </c:pt>
                <c:pt idx="5732">
                  <c:v>0</c:v>
                </c:pt>
                <c:pt idx="5733">
                  <c:v>0</c:v>
                </c:pt>
                <c:pt idx="5734">
                  <c:v>0</c:v>
                </c:pt>
                <c:pt idx="5735">
                  <c:v>0</c:v>
                </c:pt>
                <c:pt idx="5736">
                  <c:v>0</c:v>
                </c:pt>
                <c:pt idx="5737">
                  <c:v>0</c:v>
                </c:pt>
                <c:pt idx="5738">
                  <c:v>0</c:v>
                </c:pt>
                <c:pt idx="5739">
                  <c:v>0</c:v>
                </c:pt>
                <c:pt idx="5740">
                  <c:v>0</c:v>
                </c:pt>
                <c:pt idx="5741">
                  <c:v>0</c:v>
                </c:pt>
                <c:pt idx="5742">
                  <c:v>0</c:v>
                </c:pt>
                <c:pt idx="5743">
                  <c:v>0</c:v>
                </c:pt>
                <c:pt idx="5744">
                  <c:v>0</c:v>
                </c:pt>
                <c:pt idx="5745">
                  <c:v>0</c:v>
                </c:pt>
                <c:pt idx="5746">
                  <c:v>0</c:v>
                </c:pt>
                <c:pt idx="5747">
                  <c:v>0</c:v>
                </c:pt>
                <c:pt idx="5748">
                  <c:v>0</c:v>
                </c:pt>
                <c:pt idx="5749">
                  <c:v>0</c:v>
                </c:pt>
                <c:pt idx="5750">
                  <c:v>0</c:v>
                </c:pt>
                <c:pt idx="5751">
                  <c:v>0</c:v>
                </c:pt>
                <c:pt idx="5752">
                  <c:v>0</c:v>
                </c:pt>
                <c:pt idx="5753">
                  <c:v>0</c:v>
                </c:pt>
                <c:pt idx="5754">
                  <c:v>0</c:v>
                </c:pt>
                <c:pt idx="5755">
                  <c:v>0</c:v>
                </c:pt>
                <c:pt idx="5756">
                  <c:v>0</c:v>
                </c:pt>
                <c:pt idx="5757">
                  <c:v>0</c:v>
                </c:pt>
                <c:pt idx="5758">
                  <c:v>0</c:v>
                </c:pt>
                <c:pt idx="5759">
                  <c:v>0</c:v>
                </c:pt>
                <c:pt idx="5760">
                  <c:v>0</c:v>
                </c:pt>
                <c:pt idx="5761">
                  <c:v>0</c:v>
                </c:pt>
                <c:pt idx="5762">
                  <c:v>0</c:v>
                </c:pt>
                <c:pt idx="5763">
                  <c:v>0</c:v>
                </c:pt>
                <c:pt idx="5764">
                  <c:v>0</c:v>
                </c:pt>
                <c:pt idx="5765">
                  <c:v>0</c:v>
                </c:pt>
                <c:pt idx="5766">
                  <c:v>0</c:v>
                </c:pt>
                <c:pt idx="5767">
                  <c:v>0</c:v>
                </c:pt>
                <c:pt idx="5768">
                  <c:v>0</c:v>
                </c:pt>
                <c:pt idx="5769">
                  <c:v>0</c:v>
                </c:pt>
                <c:pt idx="5770">
                  <c:v>0</c:v>
                </c:pt>
                <c:pt idx="5771">
                  <c:v>0</c:v>
                </c:pt>
                <c:pt idx="5772">
                  <c:v>0</c:v>
                </c:pt>
                <c:pt idx="5773">
                  <c:v>0</c:v>
                </c:pt>
                <c:pt idx="5774">
                  <c:v>0</c:v>
                </c:pt>
                <c:pt idx="5775">
                  <c:v>0</c:v>
                </c:pt>
                <c:pt idx="5776">
                  <c:v>0</c:v>
                </c:pt>
                <c:pt idx="5777">
                  <c:v>0</c:v>
                </c:pt>
                <c:pt idx="5778">
                  <c:v>0</c:v>
                </c:pt>
                <c:pt idx="5779">
                  <c:v>0</c:v>
                </c:pt>
                <c:pt idx="5780">
                  <c:v>0</c:v>
                </c:pt>
                <c:pt idx="5781">
                  <c:v>0</c:v>
                </c:pt>
                <c:pt idx="5782">
                  <c:v>0</c:v>
                </c:pt>
                <c:pt idx="5783">
                  <c:v>0</c:v>
                </c:pt>
                <c:pt idx="5784">
                  <c:v>0</c:v>
                </c:pt>
                <c:pt idx="5785">
                  <c:v>0</c:v>
                </c:pt>
                <c:pt idx="5786">
                  <c:v>0</c:v>
                </c:pt>
                <c:pt idx="5787">
                  <c:v>0</c:v>
                </c:pt>
                <c:pt idx="5788">
                  <c:v>0</c:v>
                </c:pt>
                <c:pt idx="5789">
                  <c:v>0</c:v>
                </c:pt>
                <c:pt idx="5790">
                  <c:v>0</c:v>
                </c:pt>
                <c:pt idx="5791">
                  <c:v>0</c:v>
                </c:pt>
                <c:pt idx="5792">
                  <c:v>0</c:v>
                </c:pt>
                <c:pt idx="5793">
                  <c:v>0</c:v>
                </c:pt>
                <c:pt idx="5794">
                  <c:v>0</c:v>
                </c:pt>
                <c:pt idx="5795">
                  <c:v>0</c:v>
                </c:pt>
                <c:pt idx="5796">
                  <c:v>0</c:v>
                </c:pt>
                <c:pt idx="5797">
                  <c:v>0</c:v>
                </c:pt>
                <c:pt idx="5798">
                  <c:v>0</c:v>
                </c:pt>
                <c:pt idx="5799">
                  <c:v>0</c:v>
                </c:pt>
                <c:pt idx="5800">
                  <c:v>0</c:v>
                </c:pt>
                <c:pt idx="5801">
                  <c:v>0</c:v>
                </c:pt>
                <c:pt idx="5802">
                  <c:v>0</c:v>
                </c:pt>
                <c:pt idx="5803">
                  <c:v>0</c:v>
                </c:pt>
                <c:pt idx="5804">
                  <c:v>0</c:v>
                </c:pt>
                <c:pt idx="5805">
                  <c:v>0</c:v>
                </c:pt>
                <c:pt idx="5806">
                  <c:v>0</c:v>
                </c:pt>
                <c:pt idx="5807">
                  <c:v>0</c:v>
                </c:pt>
                <c:pt idx="5808">
                  <c:v>0</c:v>
                </c:pt>
                <c:pt idx="5809">
                  <c:v>0</c:v>
                </c:pt>
                <c:pt idx="5810">
                  <c:v>0</c:v>
                </c:pt>
                <c:pt idx="5811">
                  <c:v>0</c:v>
                </c:pt>
                <c:pt idx="5812">
                  <c:v>0</c:v>
                </c:pt>
                <c:pt idx="5813">
                  <c:v>0</c:v>
                </c:pt>
                <c:pt idx="5814">
                  <c:v>0</c:v>
                </c:pt>
                <c:pt idx="5815">
                  <c:v>0</c:v>
                </c:pt>
                <c:pt idx="5816">
                  <c:v>0</c:v>
                </c:pt>
                <c:pt idx="5817">
                  <c:v>0</c:v>
                </c:pt>
                <c:pt idx="5818">
                  <c:v>0</c:v>
                </c:pt>
                <c:pt idx="5819">
                  <c:v>0</c:v>
                </c:pt>
                <c:pt idx="5820">
                  <c:v>0</c:v>
                </c:pt>
                <c:pt idx="5821">
                  <c:v>0</c:v>
                </c:pt>
                <c:pt idx="5822">
                  <c:v>0</c:v>
                </c:pt>
                <c:pt idx="5823">
                  <c:v>0</c:v>
                </c:pt>
                <c:pt idx="5824">
                  <c:v>0</c:v>
                </c:pt>
                <c:pt idx="5825">
                  <c:v>0</c:v>
                </c:pt>
                <c:pt idx="5826">
                  <c:v>0</c:v>
                </c:pt>
                <c:pt idx="5827">
                  <c:v>0</c:v>
                </c:pt>
                <c:pt idx="5828">
                  <c:v>0</c:v>
                </c:pt>
                <c:pt idx="5829">
                  <c:v>0</c:v>
                </c:pt>
                <c:pt idx="5830">
                  <c:v>0</c:v>
                </c:pt>
                <c:pt idx="5831">
                  <c:v>0</c:v>
                </c:pt>
                <c:pt idx="5832">
                  <c:v>0</c:v>
                </c:pt>
                <c:pt idx="5833">
                  <c:v>0</c:v>
                </c:pt>
                <c:pt idx="5834">
                  <c:v>0</c:v>
                </c:pt>
                <c:pt idx="5835">
                  <c:v>0</c:v>
                </c:pt>
                <c:pt idx="5836">
                  <c:v>0</c:v>
                </c:pt>
                <c:pt idx="5837">
                  <c:v>0</c:v>
                </c:pt>
                <c:pt idx="5838">
                  <c:v>0</c:v>
                </c:pt>
                <c:pt idx="5839">
                  <c:v>0</c:v>
                </c:pt>
                <c:pt idx="5840">
                  <c:v>0</c:v>
                </c:pt>
                <c:pt idx="5841">
                  <c:v>0</c:v>
                </c:pt>
                <c:pt idx="5842">
                  <c:v>0</c:v>
                </c:pt>
                <c:pt idx="5843">
                  <c:v>0</c:v>
                </c:pt>
                <c:pt idx="5844">
                  <c:v>0</c:v>
                </c:pt>
                <c:pt idx="5845">
                  <c:v>0</c:v>
                </c:pt>
                <c:pt idx="5846">
                  <c:v>0</c:v>
                </c:pt>
                <c:pt idx="5847">
                  <c:v>0</c:v>
                </c:pt>
                <c:pt idx="5848">
                  <c:v>0</c:v>
                </c:pt>
                <c:pt idx="5849">
                  <c:v>0</c:v>
                </c:pt>
                <c:pt idx="5850">
                  <c:v>0</c:v>
                </c:pt>
                <c:pt idx="5851">
                  <c:v>0</c:v>
                </c:pt>
                <c:pt idx="5852">
                  <c:v>0</c:v>
                </c:pt>
                <c:pt idx="5853">
                  <c:v>0</c:v>
                </c:pt>
                <c:pt idx="5854">
                  <c:v>0</c:v>
                </c:pt>
                <c:pt idx="5855">
                  <c:v>0</c:v>
                </c:pt>
                <c:pt idx="5856">
                  <c:v>0</c:v>
                </c:pt>
                <c:pt idx="5857">
                  <c:v>0</c:v>
                </c:pt>
                <c:pt idx="5858">
                  <c:v>0</c:v>
                </c:pt>
                <c:pt idx="5859">
                  <c:v>0</c:v>
                </c:pt>
                <c:pt idx="5860">
                  <c:v>0</c:v>
                </c:pt>
                <c:pt idx="5861">
                  <c:v>0</c:v>
                </c:pt>
                <c:pt idx="5862">
                  <c:v>0</c:v>
                </c:pt>
                <c:pt idx="5863">
                  <c:v>0</c:v>
                </c:pt>
                <c:pt idx="5864">
                  <c:v>0</c:v>
                </c:pt>
                <c:pt idx="5865">
                  <c:v>0</c:v>
                </c:pt>
                <c:pt idx="5866">
                  <c:v>0</c:v>
                </c:pt>
                <c:pt idx="5867">
                  <c:v>0</c:v>
                </c:pt>
                <c:pt idx="5868">
                  <c:v>0</c:v>
                </c:pt>
                <c:pt idx="5869">
                  <c:v>0</c:v>
                </c:pt>
                <c:pt idx="5870">
                  <c:v>0</c:v>
                </c:pt>
                <c:pt idx="5871">
                  <c:v>0</c:v>
                </c:pt>
                <c:pt idx="5872">
                  <c:v>0</c:v>
                </c:pt>
                <c:pt idx="5873">
                  <c:v>0</c:v>
                </c:pt>
                <c:pt idx="5874">
                  <c:v>0</c:v>
                </c:pt>
                <c:pt idx="5875">
                  <c:v>0</c:v>
                </c:pt>
                <c:pt idx="5876">
                  <c:v>0</c:v>
                </c:pt>
                <c:pt idx="5877">
                  <c:v>0</c:v>
                </c:pt>
                <c:pt idx="5878">
                  <c:v>0</c:v>
                </c:pt>
                <c:pt idx="5879">
                  <c:v>0</c:v>
                </c:pt>
                <c:pt idx="5880">
                  <c:v>0</c:v>
                </c:pt>
                <c:pt idx="5881">
                  <c:v>0</c:v>
                </c:pt>
                <c:pt idx="5882">
                  <c:v>0</c:v>
                </c:pt>
                <c:pt idx="5883">
                  <c:v>0</c:v>
                </c:pt>
                <c:pt idx="5884">
                  <c:v>0</c:v>
                </c:pt>
                <c:pt idx="5885">
                  <c:v>0</c:v>
                </c:pt>
                <c:pt idx="5886">
                  <c:v>0</c:v>
                </c:pt>
                <c:pt idx="5887">
                  <c:v>0</c:v>
                </c:pt>
                <c:pt idx="5888">
                  <c:v>0</c:v>
                </c:pt>
                <c:pt idx="5889">
                  <c:v>0</c:v>
                </c:pt>
                <c:pt idx="5890">
                  <c:v>0</c:v>
                </c:pt>
                <c:pt idx="5891">
                  <c:v>0</c:v>
                </c:pt>
                <c:pt idx="5892">
                  <c:v>0</c:v>
                </c:pt>
                <c:pt idx="5893">
                  <c:v>0</c:v>
                </c:pt>
                <c:pt idx="5894">
                  <c:v>0</c:v>
                </c:pt>
                <c:pt idx="5895">
                  <c:v>0</c:v>
                </c:pt>
                <c:pt idx="5896">
                  <c:v>0</c:v>
                </c:pt>
                <c:pt idx="5897">
                  <c:v>0</c:v>
                </c:pt>
                <c:pt idx="5898">
                  <c:v>0</c:v>
                </c:pt>
                <c:pt idx="5899">
                  <c:v>0</c:v>
                </c:pt>
                <c:pt idx="5900">
                  <c:v>0</c:v>
                </c:pt>
                <c:pt idx="5901">
                  <c:v>0</c:v>
                </c:pt>
                <c:pt idx="5902">
                  <c:v>0</c:v>
                </c:pt>
                <c:pt idx="5903">
                  <c:v>0</c:v>
                </c:pt>
                <c:pt idx="5904">
                  <c:v>0</c:v>
                </c:pt>
                <c:pt idx="5905">
                  <c:v>0</c:v>
                </c:pt>
                <c:pt idx="5906">
                  <c:v>0</c:v>
                </c:pt>
                <c:pt idx="5907">
                  <c:v>0</c:v>
                </c:pt>
                <c:pt idx="5908">
                  <c:v>0</c:v>
                </c:pt>
                <c:pt idx="5909">
                  <c:v>0</c:v>
                </c:pt>
                <c:pt idx="5910">
                  <c:v>0</c:v>
                </c:pt>
                <c:pt idx="5911">
                  <c:v>0</c:v>
                </c:pt>
                <c:pt idx="5912">
                  <c:v>0</c:v>
                </c:pt>
                <c:pt idx="5913">
                  <c:v>0</c:v>
                </c:pt>
                <c:pt idx="5914">
                  <c:v>0</c:v>
                </c:pt>
                <c:pt idx="5915">
                  <c:v>0</c:v>
                </c:pt>
                <c:pt idx="5916">
                  <c:v>0</c:v>
                </c:pt>
                <c:pt idx="5917">
                  <c:v>0</c:v>
                </c:pt>
                <c:pt idx="5918">
                  <c:v>0</c:v>
                </c:pt>
                <c:pt idx="5919">
                  <c:v>0</c:v>
                </c:pt>
                <c:pt idx="5920">
                  <c:v>0</c:v>
                </c:pt>
                <c:pt idx="5921">
                  <c:v>0</c:v>
                </c:pt>
                <c:pt idx="5922">
                  <c:v>0</c:v>
                </c:pt>
                <c:pt idx="5923">
                  <c:v>0</c:v>
                </c:pt>
                <c:pt idx="5924">
                  <c:v>0</c:v>
                </c:pt>
                <c:pt idx="5925">
                  <c:v>0</c:v>
                </c:pt>
                <c:pt idx="5926">
                  <c:v>0</c:v>
                </c:pt>
                <c:pt idx="5927">
                  <c:v>0</c:v>
                </c:pt>
                <c:pt idx="5928">
                  <c:v>0</c:v>
                </c:pt>
                <c:pt idx="5929">
                  <c:v>0</c:v>
                </c:pt>
                <c:pt idx="5930">
                  <c:v>0</c:v>
                </c:pt>
                <c:pt idx="5931">
                  <c:v>0</c:v>
                </c:pt>
                <c:pt idx="5932">
                  <c:v>0</c:v>
                </c:pt>
                <c:pt idx="5933">
                  <c:v>0</c:v>
                </c:pt>
                <c:pt idx="5934">
                  <c:v>0</c:v>
                </c:pt>
                <c:pt idx="5935">
                  <c:v>0</c:v>
                </c:pt>
                <c:pt idx="5936">
                  <c:v>0</c:v>
                </c:pt>
                <c:pt idx="5937">
                  <c:v>0</c:v>
                </c:pt>
                <c:pt idx="5938">
                  <c:v>0</c:v>
                </c:pt>
                <c:pt idx="5939">
                  <c:v>0</c:v>
                </c:pt>
                <c:pt idx="5940">
                  <c:v>0</c:v>
                </c:pt>
                <c:pt idx="5941">
                  <c:v>0</c:v>
                </c:pt>
                <c:pt idx="5942">
                  <c:v>0</c:v>
                </c:pt>
                <c:pt idx="5943">
                  <c:v>0</c:v>
                </c:pt>
                <c:pt idx="5944">
                  <c:v>0</c:v>
                </c:pt>
                <c:pt idx="5945">
                  <c:v>0</c:v>
                </c:pt>
                <c:pt idx="5946">
                  <c:v>0</c:v>
                </c:pt>
                <c:pt idx="5947">
                  <c:v>0</c:v>
                </c:pt>
                <c:pt idx="5948">
                  <c:v>0</c:v>
                </c:pt>
                <c:pt idx="5949">
                  <c:v>0</c:v>
                </c:pt>
                <c:pt idx="5950">
                  <c:v>0</c:v>
                </c:pt>
                <c:pt idx="5951">
                  <c:v>0</c:v>
                </c:pt>
                <c:pt idx="5952">
                  <c:v>0</c:v>
                </c:pt>
                <c:pt idx="5953">
                  <c:v>0</c:v>
                </c:pt>
                <c:pt idx="5954">
                  <c:v>0</c:v>
                </c:pt>
                <c:pt idx="5955">
                  <c:v>0</c:v>
                </c:pt>
                <c:pt idx="5956">
                  <c:v>0</c:v>
                </c:pt>
                <c:pt idx="5957">
                  <c:v>0</c:v>
                </c:pt>
                <c:pt idx="5958">
                  <c:v>0</c:v>
                </c:pt>
                <c:pt idx="5959">
                  <c:v>0</c:v>
                </c:pt>
                <c:pt idx="5960">
                  <c:v>0</c:v>
                </c:pt>
                <c:pt idx="5961">
                  <c:v>0</c:v>
                </c:pt>
                <c:pt idx="5962">
                  <c:v>0</c:v>
                </c:pt>
                <c:pt idx="5963">
                  <c:v>0</c:v>
                </c:pt>
                <c:pt idx="5964">
                  <c:v>0</c:v>
                </c:pt>
                <c:pt idx="5965">
                  <c:v>0</c:v>
                </c:pt>
                <c:pt idx="5966">
                  <c:v>0</c:v>
                </c:pt>
                <c:pt idx="5967">
                  <c:v>0</c:v>
                </c:pt>
                <c:pt idx="5968">
                  <c:v>0</c:v>
                </c:pt>
                <c:pt idx="5969">
                  <c:v>0</c:v>
                </c:pt>
                <c:pt idx="5970">
                  <c:v>0</c:v>
                </c:pt>
                <c:pt idx="5971">
                  <c:v>0</c:v>
                </c:pt>
                <c:pt idx="5972">
                  <c:v>0</c:v>
                </c:pt>
                <c:pt idx="5973">
                  <c:v>0</c:v>
                </c:pt>
                <c:pt idx="5974">
                  <c:v>0</c:v>
                </c:pt>
                <c:pt idx="5975">
                  <c:v>0</c:v>
                </c:pt>
                <c:pt idx="5976">
                  <c:v>0</c:v>
                </c:pt>
                <c:pt idx="5977">
                  <c:v>0</c:v>
                </c:pt>
                <c:pt idx="5978">
                  <c:v>0</c:v>
                </c:pt>
                <c:pt idx="5979">
                  <c:v>0</c:v>
                </c:pt>
                <c:pt idx="5980">
                  <c:v>0</c:v>
                </c:pt>
                <c:pt idx="5981">
                  <c:v>0</c:v>
                </c:pt>
                <c:pt idx="5982">
                  <c:v>0</c:v>
                </c:pt>
                <c:pt idx="5983">
                  <c:v>0</c:v>
                </c:pt>
                <c:pt idx="5984">
                  <c:v>0</c:v>
                </c:pt>
                <c:pt idx="5985">
                  <c:v>0</c:v>
                </c:pt>
                <c:pt idx="5986">
                  <c:v>0</c:v>
                </c:pt>
                <c:pt idx="5987">
                  <c:v>0</c:v>
                </c:pt>
                <c:pt idx="5988">
                  <c:v>0</c:v>
                </c:pt>
                <c:pt idx="5989">
                  <c:v>0</c:v>
                </c:pt>
                <c:pt idx="5990">
                  <c:v>0</c:v>
                </c:pt>
                <c:pt idx="5991">
                  <c:v>0</c:v>
                </c:pt>
                <c:pt idx="5992">
                  <c:v>0</c:v>
                </c:pt>
                <c:pt idx="5993">
                  <c:v>0</c:v>
                </c:pt>
                <c:pt idx="5994">
                  <c:v>0</c:v>
                </c:pt>
                <c:pt idx="5995">
                  <c:v>0</c:v>
                </c:pt>
                <c:pt idx="5996">
                  <c:v>0</c:v>
                </c:pt>
                <c:pt idx="5997">
                  <c:v>0</c:v>
                </c:pt>
                <c:pt idx="5998">
                  <c:v>0</c:v>
                </c:pt>
                <c:pt idx="5999">
                  <c:v>0</c:v>
                </c:pt>
                <c:pt idx="6000">
                  <c:v>0</c:v>
                </c:pt>
                <c:pt idx="6001">
                  <c:v>0</c:v>
                </c:pt>
                <c:pt idx="6002">
                  <c:v>0</c:v>
                </c:pt>
                <c:pt idx="6003">
                  <c:v>0</c:v>
                </c:pt>
                <c:pt idx="6004">
                  <c:v>0</c:v>
                </c:pt>
                <c:pt idx="6005">
                  <c:v>0</c:v>
                </c:pt>
                <c:pt idx="6006">
                  <c:v>0</c:v>
                </c:pt>
                <c:pt idx="6007">
                  <c:v>0</c:v>
                </c:pt>
                <c:pt idx="6008">
                  <c:v>0</c:v>
                </c:pt>
                <c:pt idx="6009">
                  <c:v>0</c:v>
                </c:pt>
                <c:pt idx="6010">
                  <c:v>0</c:v>
                </c:pt>
                <c:pt idx="6011">
                  <c:v>0</c:v>
                </c:pt>
                <c:pt idx="6012">
                  <c:v>0</c:v>
                </c:pt>
                <c:pt idx="6013">
                  <c:v>0</c:v>
                </c:pt>
                <c:pt idx="6014">
                  <c:v>0</c:v>
                </c:pt>
                <c:pt idx="6015">
                  <c:v>0</c:v>
                </c:pt>
                <c:pt idx="6016">
                  <c:v>0</c:v>
                </c:pt>
                <c:pt idx="6017">
                  <c:v>0</c:v>
                </c:pt>
                <c:pt idx="6018">
                  <c:v>0</c:v>
                </c:pt>
                <c:pt idx="6019">
                  <c:v>0</c:v>
                </c:pt>
                <c:pt idx="6020">
                  <c:v>0</c:v>
                </c:pt>
                <c:pt idx="6021">
                  <c:v>0</c:v>
                </c:pt>
                <c:pt idx="6022">
                  <c:v>0</c:v>
                </c:pt>
                <c:pt idx="6023">
                  <c:v>0</c:v>
                </c:pt>
                <c:pt idx="6024">
                  <c:v>0</c:v>
                </c:pt>
                <c:pt idx="6025">
                  <c:v>0</c:v>
                </c:pt>
                <c:pt idx="6026">
                  <c:v>0</c:v>
                </c:pt>
                <c:pt idx="6027">
                  <c:v>0</c:v>
                </c:pt>
                <c:pt idx="6028">
                  <c:v>0</c:v>
                </c:pt>
                <c:pt idx="6029">
                  <c:v>0</c:v>
                </c:pt>
                <c:pt idx="6030">
                  <c:v>0</c:v>
                </c:pt>
                <c:pt idx="6031">
                  <c:v>0</c:v>
                </c:pt>
                <c:pt idx="6032">
                  <c:v>0</c:v>
                </c:pt>
                <c:pt idx="6033">
                  <c:v>0</c:v>
                </c:pt>
                <c:pt idx="6034">
                  <c:v>0</c:v>
                </c:pt>
                <c:pt idx="6035">
                  <c:v>0</c:v>
                </c:pt>
                <c:pt idx="6036">
                  <c:v>0</c:v>
                </c:pt>
                <c:pt idx="6037">
                  <c:v>0</c:v>
                </c:pt>
                <c:pt idx="6038">
                  <c:v>0</c:v>
                </c:pt>
                <c:pt idx="6039">
                  <c:v>0</c:v>
                </c:pt>
                <c:pt idx="6040">
                  <c:v>0</c:v>
                </c:pt>
                <c:pt idx="6041">
                  <c:v>0</c:v>
                </c:pt>
                <c:pt idx="6042">
                  <c:v>0</c:v>
                </c:pt>
                <c:pt idx="6043">
                  <c:v>0</c:v>
                </c:pt>
                <c:pt idx="6044">
                  <c:v>0</c:v>
                </c:pt>
                <c:pt idx="6045">
                  <c:v>0</c:v>
                </c:pt>
                <c:pt idx="6046">
                  <c:v>0</c:v>
                </c:pt>
                <c:pt idx="6047">
                  <c:v>0</c:v>
                </c:pt>
                <c:pt idx="6048">
                  <c:v>0</c:v>
                </c:pt>
                <c:pt idx="6049">
                  <c:v>0</c:v>
                </c:pt>
                <c:pt idx="6050">
                  <c:v>0</c:v>
                </c:pt>
                <c:pt idx="6051">
                  <c:v>0</c:v>
                </c:pt>
                <c:pt idx="6052">
                  <c:v>0</c:v>
                </c:pt>
                <c:pt idx="6053">
                  <c:v>0</c:v>
                </c:pt>
                <c:pt idx="6054">
                  <c:v>0</c:v>
                </c:pt>
                <c:pt idx="6055">
                  <c:v>0</c:v>
                </c:pt>
                <c:pt idx="6056">
                  <c:v>0</c:v>
                </c:pt>
                <c:pt idx="6057">
                  <c:v>0</c:v>
                </c:pt>
                <c:pt idx="6058">
                  <c:v>0</c:v>
                </c:pt>
                <c:pt idx="6059">
                  <c:v>0</c:v>
                </c:pt>
                <c:pt idx="6060">
                  <c:v>0</c:v>
                </c:pt>
                <c:pt idx="6061">
                  <c:v>0</c:v>
                </c:pt>
                <c:pt idx="6062">
                  <c:v>0</c:v>
                </c:pt>
                <c:pt idx="6063">
                  <c:v>0</c:v>
                </c:pt>
                <c:pt idx="6064">
                  <c:v>0</c:v>
                </c:pt>
                <c:pt idx="6065">
                  <c:v>0</c:v>
                </c:pt>
                <c:pt idx="6066">
                  <c:v>0</c:v>
                </c:pt>
                <c:pt idx="6067">
                  <c:v>0</c:v>
                </c:pt>
                <c:pt idx="6068">
                  <c:v>0</c:v>
                </c:pt>
                <c:pt idx="6069">
                  <c:v>0</c:v>
                </c:pt>
                <c:pt idx="6070">
                  <c:v>0</c:v>
                </c:pt>
                <c:pt idx="6071">
                  <c:v>0</c:v>
                </c:pt>
                <c:pt idx="6072">
                  <c:v>0</c:v>
                </c:pt>
                <c:pt idx="6073">
                  <c:v>0</c:v>
                </c:pt>
                <c:pt idx="6074">
                  <c:v>0</c:v>
                </c:pt>
                <c:pt idx="6075">
                  <c:v>0</c:v>
                </c:pt>
                <c:pt idx="6076">
                  <c:v>0</c:v>
                </c:pt>
                <c:pt idx="6077">
                  <c:v>0</c:v>
                </c:pt>
                <c:pt idx="6078">
                  <c:v>0</c:v>
                </c:pt>
                <c:pt idx="6079">
                  <c:v>0</c:v>
                </c:pt>
                <c:pt idx="6080">
                  <c:v>0</c:v>
                </c:pt>
                <c:pt idx="6081">
                  <c:v>0</c:v>
                </c:pt>
                <c:pt idx="6082">
                  <c:v>0</c:v>
                </c:pt>
                <c:pt idx="6083">
                  <c:v>0</c:v>
                </c:pt>
                <c:pt idx="6084">
                  <c:v>0</c:v>
                </c:pt>
                <c:pt idx="6085">
                  <c:v>0</c:v>
                </c:pt>
                <c:pt idx="6086">
                  <c:v>0</c:v>
                </c:pt>
                <c:pt idx="6087">
                  <c:v>0</c:v>
                </c:pt>
                <c:pt idx="6088">
                  <c:v>0</c:v>
                </c:pt>
                <c:pt idx="6089">
                  <c:v>0</c:v>
                </c:pt>
                <c:pt idx="6090">
                  <c:v>0</c:v>
                </c:pt>
                <c:pt idx="6091">
                  <c:v>0</c:v>
                </c:pt>
                <c:pt idx="6092">
                  <c:v>0</c:v>
                </c:pt>
                <c:pt idx="6093">
                  <c:v>0</c:v>
                </c:pt>
                <c:pt idx="6094">
                  <c:v>0</c:v>
                </c:pt>
                <c:pt idx="6095">
                  <c:v>0</c:v>
                </c:pt>
                <c:pt idx="6096">
                  <c:v>0</c:v>
                </c:pt>
                <c:pt idx="6097">
                  <c:v>0</c:v>
                </c:pt>
                <c:pt idx="6098">
                  <c:v>0</c:v>
                </c:pt>
                <c:pt idx="6099">
                  <c:v>0</c:v>
                </c:pt>
                <c:pt idx="6100">
                  <c:v>0</c:v>
                </c:pt>
                <c:pt idx="6101">
                  <c:v>0</c:v>
                </c:pt>
                <c:pt idx="6102">
                  <c:v>0</c:v>
                </c:pt>
                <c:pt idx="6103">
                  <c:v>0</c:v>
                </c:pt>
                <c:pt idx="6104">
                  <c:v>0</c:v>
                </c:pt>
                <c:pt idx="6105">
                  <c:v>0</c:v>
                </c:pt>
                <c:pt idx="6106">
                  <c:v>0</c:v>
                </c:pt>
                <c:pt idx="6107">
                  <c:v>0</c:v>
                </c:pt>
                <c:pt idx="6108">
                  <c:v>0</c:v>
                </c:pt>
                <c:pt idx="6109">
                  <c:v>0</c:v>
                </c:pt>
                <c:pt idx="6110">
                  <c:v>0</c:v>
                </c:pt>
                <c:pt idx="6111">
                  <c:v>0</c:v>
                </c:pt>
                <c:pt idx="6112">
                  <c:v>0</c:v>
                </c:pt>
                <c:pt idx="6113">
                  <c:v>0</c:v>
                </c:pt>
                <c:pt idx="6114">
                  <c:v>0</c:v>
                </c:pt>
                <c:pt idx="6115">
                  <c:v>0</c:v>
                </c:pt>
                <c:pt idx="6116">
                  <c:v>0</c:v>
                </c:pt>
                <c:pt idx="6117">
                  <c:v>0</c:v>
                </c:pt>
                <c:pt idx="6118">
                  <c:v>0</c:v>
                </c:pt>
                <c:pt idx="6119">
                  <c:v>0</c:v>
                </c:pt>
                <c:pt idx="6120">
                  <c:v>0</c:v>
                </c:pt>
                <c:pt idx="6121">
                  <c:v>0</c:v>
                </c:pt>
                <c:pt idx="6122">
                  <c:v>0</c:v>
                </c:pt>
                <c:pt idx="6123">
                  <c:v>0</c:v>
                </c:pt>
                <c:pt idx="6124">
                  <c:v>0</c:v>
                </c:pt>
                <c:pt idx="6125">
                  <c:v>0</c:v>
                </c:pt>
                <c:pt idx="6126">
                  <c:v>0</c:v>
                </c:pt>
                <c:pt idx="6127">
                  <c:v>0</c:v>
                </c:pt>
                <c:pt idx="6128">
                  <c:v>0</c:v>
                </c:pt>
                <c:pt idx="6129">
                  <c:v>0</c:v>
                </c:pt>
                <c:pt idx="6130">
                  <c:v>0</c:v>
                </c:pt>
                <c:pt idx="6131">
                  <c:v>0</c:v>
                </c:pt>
                <c:pt idx="6132">
                  <c:v>0</c:v>
                </c:pt>
                <c:pt idx="6133">
                  <c:v>0</c:v>
                </c:pt>
                <c:pt idx="6134">
                  <c:v>0</c:v>
                </c:pt>
                <c:pt idx="6135">
                  <c:v>0</c:v>
                </c:pt>
                <c:pt idx="6136">
                  <c:v>0</c:v>
                </c:pt>
                <c:pt idx="6137">
                  <c:v>0</c:v>
                </c:pt>
                <c:pt idx="6138">
                  <c:v>0</c:v>
                </c:pt>
                <c:pt idx="6139">
                  <c:v>0</c:v>
                </c:pt>
                <c:pt idx="6140">
                  <c:v>0</c:v>
                </c:pt>
                <c:pt idx="6141">
                  <c:v>0</c:v>
                </c:pt>
                <c:pt idx="6142">
                  <c:v>0</c:v>
                </c:pt>
                <c:pt idx="6143">
                  <c:v>0</c:v>
                </c:pt>
                <c:pt idx="6144">
                  <c:v>0</c:v>
                </c:pt>
                <c:pt idx="6145">
                  <c:v>0</c:v>
                </c:pt>
                <c:pt idx="6146">
                  <c:v>0</c:v>
                </c:pt>
                <c:pt idx="6147">
                  <c:v>0</c:v>
                </c:pt>
                <c:pt idx="6148">
                  <c:v>0</c:v>
                </c:pt>
                <c:pt idx="6149">
                  <c:v>0</c:v>
                </c:pt>
                <c:pt idx="6150">
                  <c:v>0</c:v>
                </c:pt>
                <c:pt idx="6151">
                  <c:v>0</c:v>
                </c:pt>
                <c:pt idx="6152">
                  <c:v>0</c:v>
                </c:pt>
                <c:pt idx="6153">
                  <c:v>0</c:v>
                </c:pt>
                <c:pt idx="6154">
                  <c:v>0</c:v>
                </c:pt>
                <c:pt idx="6155">
                  <c:v>0</c:v>
                </c:pt>
                <c:pt idx="6156">
                  <c:v>0</c:v>
                </c:pt>
                <c:pt idx="6157">
                  <c:v>0</c:v>
                </c:pt>
                <c:pt idx="6158">
                  <c:v>0</c:v>
                </c:pt>
                <c:pt idx="6159">
                  <c:v>0</c:v>
                </c:pt>
                <c:pt idx="6160">
                  <c:v>0</c:v>
                </c:pt>
                <c:pt idx="6161">
                  <c:v>0</c:v>
                </c:pt>
                <c:pt idx="6162">
                  <c:v>0</c:v>
                </c:pt>
                <c:pt idx="6163">
                  <c:v>0</c:v>
                </c:pt>
                <c:pt idx="6164">
                  <c:v>0</c:v>
                </c:pt>
                <c:pt idx="6165">
                  <c:v>0</c:v>
                </c:pt>
                <c:pt idx="6166">
                  <c:v>0</c:v>
                </c:pt>
                <c:pt idx="6167">
                  <c:v>0</c:v>
                </c:pt>
                <c:pt idx="6168">
                  <c:v>0</c:v>
                </c:pt>
                <c:pt idx="6169">
                  <c:v>0</c:v>
                </c:pt>
                <c:pt idx="6170">
                  <c:v>0</c:v>
                </c:pt>
                <c:pt idx="6171">
                  <c:v>0</c:v>
                </c:pt>
                <c:pt idx="6172">
                  <c:v>0</c:v>
                </c:pt>
                <c:pt idx="6173">
                  <c:v>0</c:v>
                </c:pt>
                <c:pt idx="6174">
                  <c:v>0</c:v>
                </c:pt>
                <c:pt idx="6175">
                  <c:v>0</c:v>
                </c:pt>
                <c:pt idx="6176">
                  <c:v>0</c:v>
                </c:pt>
                <c:pt idx="6177">
                  <c:v>0</c:v>
                </c:pt>
                <c:pt idx="6178">
                  <c:v>0</c:v>
                </c:pt>
                <c:pt idx="6179">
                  <c:v>0</c:v>
                </c:pt>
                <c:pt idx="6180">
                  <c:v>0</c:v>
                </c:pt>
                <c:pt idx="6181">
                  <c:v>0</c:v>
                </c:pt>
                <c:pt idx="6182">
                  <c:v>0</c:v>
                </c:pt>
                <c:pt idx="6183">
                  <c:v>0</c:v>
                </c:pt>
                <c:pt idx="6184">
                  <c:v>0</c:v>
                </c:pt>
                <c:pt idx="6185">
                  <c:v>0</c:v>
                </c:pt>
                <c:pt idx="6186">
                  <c:v>0</c:v>
                </c:pt>
                <c:pt idx="6187">
                  <c:v>0</c:v>
                </c:pt>
                <c:pt idx="6188">
                  <c:v>0</c:v>
                </c:pt>
                <c:pt idx="6189">
                  <c:v>0</c:v>
                </c:pt>
                <c:pt idx="6190">
                  <c:v>0</c:v>
                </c:pt>
                <c:pt idx="6191">
                  <c:v>0</c:v>
                </c:pt>
                <c:pt idx="6192">
                  <c:v>0</c:v>
                </c:pt>
                <c:pt idx="6193">
                  <c:v>0</c:v>
                </c:pt>
                <c:pt idx="6194">
                  <c:v>0</c:v>
                </c:pt>
                <c:pt idx="6195">
                  <c:v>0</c:v>
                </c:pt>
                <c:pt idx="6196">
                  <c:v>0</c:v>
                </c:pt>
                <c:pt idx="6197">
                  <c:v>0</c:v>
                </c:pt>
                <c:pt idx="6198">
                  <c:v>0</c:v>
                </c:pt>
                <c:pt idx="6199">
                  <c:v>0</c:v>
                </c:pt>
                <c:pt idx="6200">
                  <c:v>0</c:v>
                </c:pt>
                <c:pt idx="6201">
                  <c:v>0</c:v>
                </c:pt>
                <c:pt idx="6202">
                  <c:v>0</c:v>
                </c:pt>
                <c:pt idx="6203">
                  <c:v>0</c:v>
                </c:pt>
                <c:pt idx="6204">
                  <c:v>0</c:v>
                </c:pt>
                <c:pt idx="6205">
                  <c:v>0</c:v>
                </c:pt>
                <c:pt idx="6206">
                  <c:v>0</c:v>
                </c:pt>
                <c:pt idx="6207">
                  <c:v>0</c:v>
                </c:pt>
                <c:pt idx="6208">
                  <c:v>0</c:v>
                </c:pt>
                <c:pt idx="6209">
                  <c:v>0</c:v>
                </c:pt>
                <c:pt idx="6210">
                  <c:v>0</c:v>
                </c:pt>
                <c:pt idx="6211">
                  <c:v>0</c:v>
                </c:pt>
                <c:pt idx="6212">
                  <c:v>0</c:v>
                </c:pt>
                <c:pt idx="6213">
                  <c:v>0</c:v>
                </c:pt>
                <c:pt idx="6214">
                  <c:v>0</c:v>
                </c:pt>
                <c:pt idx="6215">
                  <c:v>0</c:v>
                </c:pt>
                <c:pt idx="6216">
                  <c:v>0</c:v>
                </c:pt>
                <c:pt idx="6217">
                  <c:v>0</c:v>
                </c:pt>
                <c:pt idx="6218">
                  <c:v>0</c:v>
                </c:pt>
                <c:pt idx="6219">
                  <c:v>0</c:v>
                </c:pt>
                <c:pt idx="6220">
                  <c:v>0</c:v>
                </c:pt>
                <c:pt idx="6221">
                  <c:v>0</c:v>
                </c:pt>
                <c:pt idx="6222">
                  <c:v>0</c:v>
                </c:pt>
                <c:pt idx="6223">
                  <c:v>0</c:v>
                </c:pt>
                <c:pt idx="6224">
                  <c:v>0</c:v>
                </c:pt>
                <c:pt idx="6225">
                  <c:v>0</c:v>
                </c:pt>
                <c:pt idx="6226">
                  <c:v>0</c:v>
                </c:pt>
                <c:pt idx="6227">
                  <c:v>0</c:v>
                </c:pt>
                <c:pt idx="6228">
                  <c:v>0</c:v>
                </c:pt>
                <c:pt idx="6229">
                  <c:v>0</c:v>
                </c:pt>
                <c:pt idx="6230">
                  <c:v>0</c:v>
                </c:pt>
                <c:pt idx="6231">
                  <c:v>0</c:v>
                </c:pt>
                <c:pt idx="6232">
                  <c:v>0</c:v>
                </c:pt>
                <c:pt idx="6233">
                  <c:v>0</c:v>
                </c:pt>
                <c:pt idx="6234">
                  <c:v>0</c:v>
                </c:pt>
                <c:pt idx="6235">
                  <c:v>0</c:v>
                </c:pt>
                <c:pt idx="6236">
                  <c:v>0</c:v>
                </c:pt>
                <c:pt idx="6237">
                  <c:v>0</c:v>
                </c:pt>
                <c:pt idx="6238">
                  <c:v>0</c:v>
                </c:pt>
                <c:pt idx="6239">
                  <c:v>0</c:v>
                </c:pt>
                <c:pt idx="6240">
                  <c:v>0</c:v>
                </c:pt>
                <c:pt idx="6241">
                  <c:v>0</c:v>
                </c:pt>
                <c:pt idx="6242">
                  <c:v>0</c:v>
                </c:pt>
                <c:pt idx="6243">
                  <c:v>0</c:v>
                </c:pt>
                <c:pt idx="6244">
                  <c:v>0</c:v>
                </c:pt>
                <c:pt idx="6245">
                  <c:v>0</c:v>
                </c:pt>
                <c:pt idx="6246">
                  <c:v>0</c:v>
                </c:pt>
                <c:pt idx="6247">
                  <c:v>0</c:v>
                </c:pt>
                <c:pt idx="6248">
                  <c:v>0</c:v>
                </c:pt>
                <c:pt idx="6249">
                  <c:v>0</c:v>
                </c:pt>
                <c:pt idx="6250">
                  <c:v>0</c:v>
                </c:pt>
                <c:pt idx="6251">
                  <c:v>0</c:v>
                </c:pt>
                <c:pt idx="6252">
                  <c:v>0</c:v>
                </c:pt>
                <c:pt idx="6253">
                  <c:v>0</c:v>
                </c:pt>
                <c:pt idx="6254">
                  <c:v>0</c:v>
                </c:pt>
                <c:pt idx="6255">
                  <c:v>0</c:v>
                </c:pt>
                <c:pt idx="6256">
                  <c:v>0</c:v>
                </c:pt>
                <c:pt idx="6257">
                  <c:v>0</c:v>
                </c:pt>
                <c:pt idx="6258">
                  <c:v>0</c:v>
                </c:pt>
                <c:pt idx="6259">
                  <c:v>0</c:v>
                </c:pt>
                <c:pt idx="6260">
                  <c:v>0</c:v>
                </c:pt>
                <c:pt idx="6261">
                  <c:v>0</c:v>
                </c:pt>
                <c:pt idx="6262">
                  <c:v>0</c:v>
                </c:pt>
                <c:pt idx="6263">
                  <c:v>0</c:v>
                </c:pt>
                <c:pt idx="6264">
                  <c:v>0</c:v>
                </c:pt>
                <c:pt idx="6265">
                  <c:v>0</c:v>
                </c:pt>
                <c:pt idx="6266">
                  <c:v>0</c:v>
                </c:pt>
                <c:pt idx="6267">
                  <c:v>0</c:v>
                </c:pt>
                <c:pt idx="6268">
                  <c:v>0</c:v>
                </c:pt>
                <c:pt idx="6269">
                  <c:v>0</c:v>
                </c:pt>
                <c:pt idx="6270">
                  <c:v>0</c:v>
                </c:pt>
                <c:pt idx="6271">
                  <c:v>0</c:v>
                </c:pt>
                <c:pt idx="6272">
                  <c:v>0</c:v>
                </c:pt>
                <c:pt idx="6273">
                  <c:v>0</c:v>
                </c:pt>
                <c:pt idx="6274">
                  <c:v>0</c:v>
                </c:pt>
                <c:pt idx="6275">
                  <c:v>0</c:v>
                </c:pt>
                <c:pt idx="6276">
                  <c:v>0</c:v>
                </c:pt>
                <c:pt idx="6277">
                  <c:v>0</c:v>
                </c:pt>
                <c:pt idx="6278">
                  <c:v>0</c:v>
                </c:pt>
                <c:pt idx="6279">
                  <c:v>0</c:v>
                </c:pt>
                <c:pt idx="6280">
                  <c:v>0</c:v>
                </c:pt>
                <c:pt idx="6281">
                  <c:v>0</c:v>
                </c:pt>
                <c:pt idx="6282">
                  <c:v>0</c:v>
                </c:pt>
                <c:pt idx="6283">
                  <c:v>0</c:v>
                </c:pt>
                <c:pt idx="6284">
                  <c:v>0</c:v>
                </c:pt>
                <c:pt idx="6285">
                  <c:v>0</c:v>
                </c:pt>
                <c:pt idx="6286">
                  <c:v>0</c:v>
                </c:pt>
                <c:pt idx="6287">
                  <c:v>0</c:v>
                </c:pt>
                <c:pt idx="6288">
                  <c:v>0</c:v>
                </c:pt>
                <c:pt idx="6289">
                  <c:v>0</c:v>
                </c:pt>
                <c:pt idx="6290">
                  <c:v>0</c:v>
                </c:pt>
                <c:pt idx="6291">
                  <c:v>0</c:v>
                </c:pt>
                <c:pt idx="6292">
                  <c:v>0</c:v>
                </c:pt>
                <c:pt idx="6293">
                  <c:v>0</c:v>
                </c:pt>
                <c:pt idx="6294">
                  <c:v>0</c:v>
                </c:pt>
                <c:pt idx="6295">
                  <c:v>0</c:v>
                </c:pt>
                <c:pt idx="6296">
                  <c:v>0</c:v>
                </c:pt>
                <c:pt idx="6297">
                  <c:v>0</c:v>
                </c:pt>
                <c:pt idx="6298">
                  <c:v>0</c:v>
                </c:pt>
                <c:pt idx="6299">
                  <c:v>0</c:v>
                </c:pt>
                <c:pt idx="6300">
                  <c:v>0</c:v>
                </c:pt>
                <c:pt idx="6301">
                  <c:v>0</c:v>
                </c:pt>
                <c:pt idx="6302">
                  <c:v>0</c:v>
                </c:pt>
                <c:pt idx="6303">
                  <c:v>0</c:v>
                </c:pt>
                <c:pt idx="6304">
                  <c:v>0</c:v>
                </c:pt>
                <c:pt idx="6305">
                  <c:v>0</c:v>
                </c:pt>
                <c:pt idx="6306">
                  <c:v>0</c:v>
                </c:pt>
                <c:pt idx="6307">
                  <c:v>0</c:v>
                </c:pt>
                <c:pt idx="6308">
                  <c:v>0</c:v>
                </c:pt>
                <c:pt idx="6309">
                  <c:v>0</c:v>
                </c:pt>
                <c:pt idx="6310">
                  <c:v>0</c:v>
                </c:pt>
                <c:pt idx="6311">
                  <c:v>0</c:v>
                </c:pt>
                <c:pt idx="6312">
                  <c:v>0</c:v>
                </c:pt>
                <c:pt idx="6313">
                  <c:v>0</c:v>
                </c:pt>
                <c:pt idx="6314">
                  <c:v>0</c:v>
                </c:pt>
                <c:pt idx="6315">
                  <c:v>0</c:v>
                </c:pt>
                <c:pt idx="6316">
                  <c:v>0</c:v>
                </c:pt>
                <c:pt idx="6317">
                  <c:v>0</c:v>
                </c:pt>
                <c:pt idx="6318">
                  <c:v>0</c:v>
                </c:pt>
                <c:pt idx="6319">
                  <c:v>0</c:v>
                </c:pt>
                <c:pt idx="6320">
                  <c:v>0</c:v>
                </c:pt>
                <c:pt idx="6321">
                  <c:v>0</c:v>
                </c:pt>
                <c:pt idx="6322">
                  <c:v>0</c:v>
                </c:pt>
                <c:pt idx="6323">
                  <c:v>0</c:v>
                </c:pt>
                <c:pt idx="6324">
                  <c:v>0</c:v>
                </c:pt>
                <c:pt idx="6325">
                  <c:v>0</c:v>
                </c:pt>
                <c:pt idx="6326">
                  <c:v>0</c:v>
                </c:pt>
                <c:pt idx="6327">
                  <c:v>0</c:v>
                </c:pt>
                <c:pt idx="6328">
                  <c:v>0</c:v>
                </c:pt>
                <c:pt idx="6329">
                  <c:v>0</c:v>
                </c:pt>
                <c:pt idx="6330">
                  <c:v>0</c:v>
                </c:pt>
                <c:pt idx="6331">
                  <c:v>0</c:v>
                </c:pt>
                <c:pt idx="6332">
                  <c:v>0</c:v>
                </c:pt>
                <c:pt idx="6333">
                  <c:v>0</c:v>
                </c:pt>
                <c:pt idx="6334">
                  <c:v>0</c:v>
                </c:pt>
                <c:pt idx="6335">
                  <c:v>0</c:v>
                </c:pt>
                <c:pt idx="6336">
                  <c:v>0</c:v>
                </c:pt>
                <c:pt idx="6337">
                  <c:v>0</c:v>
                </c:pt>
                <c:pt idx="6338">
                  <c:v>0</c:v>
                </c:pt>
                <c:pt idx="6339">
                  <c:v>0</c:v>
                </c:pt>
                <c:pt idx="6340">
                  <c:v>0</c:v>
                </c:pt>
                <c:pt idx="6341">
                  <c:v>0</c:v>
                </c:pt>
                <c:pt idx="6342">
                  <c:v>0</c:v>
                </c:pt>
                <c:pt idx="6343">
                  <c:v>0</c:v>
                </c:pt>
                <c:pt idx="6344">
                  <c:v>0</c:v>
                </c:pt>
                <c:pt idx="6345">
                  <c:v>0</c:v>
                </c:pt>
                <c:pt idx="6346">
                  <c:v>0</c:v>
                </c:pt>
                <c:pt idx="6347">
                  <c:v>0</c:v>
                </c:pt>
                <c:pt idx="6348">
                  <c:v>0</c:v>
                </c:pt>
                <c:pt idx="6349">
                  <c:v>0</c:v>
                </c:pt>
                <c:pt idx="6350">
                  <c:v>0</c:v>
                </c:pt>
                <c:pt idx="6351">
                  <c:v>0</c:v>
                </c:pt>
                <c:pt idx="6352">
                  <c:v>0</c:v>
                </c:pt>
                <c:pt idx="6353">
                  <c:v>0</c:v>
                </c:pt>
                <c:pt idx="6354">
                  <c:v>0</c:v>
                </c:pt>
                <c:pt idx="6355">
                  <c:v>0</c:v>
                </c:pt>
                <c:pt idx="6356">
                  <c:v>0</c:v>
                </c:pt>
                <c:pt idx="6357">
                  <c:v>0</c:v>
                </c:pt>
                <c:pt idx="6358">
                  <c:v>0</c:v>
                </c:pt>
                <c:pt idx="6359">
                  <c:v>0</c:v>
                </c:pt>
                <c:pt idx="6360">
                  <c:v>0</c:v>
                </c:pt>
                <c:pt idx="6361">
                  <c:v>0</c:v>
                </c:pt>
                <c:pt idx="6362">
                  <c:v>0</c:v>
                </c:pt>
                <c:pt idx="6363">
                  <c:v>0</c:v>
                </c:pt>
                <c:pt idx="6364">
                  <c:v>0</c:v>
                </c:pt>
                <c:pt idx="6365">
                  <c:v>0</c:v>
                </c:pt>
                <c:pt idx="6366">
                  <c:v>0</c:v>
                </c:pt>
                <c:pt idx="6367">
                  <c:v>0</c:v>
                </c:pt>
                <c:pt idx="6368">
                  <c:v>0</c:v>
                </c:pt>
                <c:pt idx="6369">
                  <c:v>0</c:v>
                </c:pt>
                <c:pt idx="6370">
                  <c:v>0</c:v>
                </c:pt>
                <c:pt idx="6371">
                  <c:v>0</c:v>
                </c:pt>
                <c:pt idx="6372">
                  <c:v>0</c:v>
                </c:pt>
                <c:pt idx="6373">
                  <c:v>0</c:v>
                </c:pt>
                <c:pt idx="6374">
                  <c:v>0</c:v>
                </c:pt>
                <c:pt idx="6375">
                  <c:v>0</c:v>
                </c:pt>
                <c:pt idx="6376">
                  <c:v>0</c:v>
                </c:pt>
                <c:pt idx="6377">
                  <c:v>0</c:v>
                </c:pt>
                <c:pt idx="6378">
                  <c:v>0</c:v>
                </c:pt>
                <c:pt idx="6379">
                  <c:v>0</c:v>
                </c:pt>
                <c:pt idx="6380">
                  <c:v>0</c:v>
                </c:pt>
                <c:pt idx="6381">
                  <c:v>0</c:v>
                </c:pt>
                <c:pt idx="6382">
                  <c:v>0</c:v>
                </c:pt>
                <c:pt idx="6383">
                  <c:v>0</c:v>
                </c:pt>
                <c:pt idx="6384">
                  <c:v>0</c:v>
                </c:pt>
                <c:pt idx="6385">
                  <c:v>0</c:v>
                </c:pt>
                <c:pt idx="6386">
                  <c:v>0</c:v>
                </c:pt>
                <c:pt idx="6387">
                  <c:v>0</c:v>
                </c:pt>
                <c:pt idx="6388">
                  <c:v>0</c:v>
                </c:pt>
                <c:pt idx="6389">
                  <c:v>0</c:v>
                </c:pt>
                <c:pt idx="6390">
                  <c:v>0</c:v>
                </c:pt>
                <c:pt idx="6391">
                  <c:v>0</c:v>
                </c:pt>
                <c:pt idx="6392">
                  <c:v>0</c:v>
                </c:pt>
                <c:pt idx="6393">
                  <c:v>0</c:v>
                </c:pt>
                <c:pt idx="6394">
                  <c:v>0</c:v>
                </c:pt>
                <c:pt idx="6395">
                  <c:v>0</c:v>
                </c:pt>
                <c:pt idx="6396">
                  <c:v>0</c:v>
                </c:pt>
                <c:pt idx="6397">
                  <c:v>0</c:v>
                </c:pt>
                <c:pt idx="6398">
                  <c:v>0</c:v>
                </c:pt>
                <c:pt idx="6399">
                  <c:v>0</c:v>
                </c:pt>
                <c:pt idx="6400">
                  <c:v>0</c:v>
                </c:pt>
                <c:pt idx="6401">
                  <c:v>0</c:v>
                </c:pt>
                <c:pt idx="6402">
                  <c:v>0</c:v>
                </c:pt>
                <c:pt idx="6403">
                  <c:v>0</c:v>
                </c:pt>
                <c:pt idx="6404">
                  <c:v>0</c:v>
                </c:pt>
                <c:pt idx="6405">
                  <c:v>0</c:v>
                </c:pt>
                <c:pt idx="6406">
                  <c:v>0</c:v>
                </c:pt>
                <c:pt idx="6407">
                  <c:v>0</c:v>
                </c:pt>
                <c:pt idx="6408">
                  <c:v>0</c:v>
                </c:pt>
                <c:pt idx="6409">
                  <c:v>0</c:v>
                </c:pt>
                <c:pt idx="6410">
                  <c:v>0</c:v>
                </c:pt>
                <c:pt idx="6411">
                  <c:v>0</c:v>
                </c:pt>
                <c:pt idx="6412">
                  <c:v>0</c:v>
                </c:pt>
                <c:pt idx="6413">
                  <c:v>0</c:v>
                </c:pt>
                <c:pt idx="6414">
                  <c:v>0</c:v>
                </c:pt>
                <c:pt idx="6415">
                  <c:v>0</c:v>
                </c:pt>
                <c:pt idx="6416">
                  <c:v>0</c:v>
                </c:pt>
                <c:pt idx="6417">
                  <c:v>0</c:v>
                </c:pt>
                <c:pt idx="6418">
                  <c:v>0</c:v>
                </c:pt>
                <c:pt idx="6419">
                  <c:v>0</c:v>
                </c:pt>
                <c:pt idx="6420">
                  <c:v>0</c:v>
                </c:pt>
                <c:pt idx="6421">
                  <c:v>0</c:v>
                </c:pt>
                <c:pt idx="6422">
                  <c:v>0</c:v>
                </c:pt>
                <c:pt idx="6423">
                  <c:v>0</c:v>
                </c:pt>
                <c:pt idx="6424">
                  <c:v>0</c:v>
                </c:pt>
                <c:pt idx="6425">
                  <c:v>0</c:v>
                </c:pt>
                <c:pt idx="6426">
                  <c:v>0</c:v>
                </c:pt>
                <c:pt idx="6427">
                  <c:v>0</c:v>
                </c:pt>
                <c:pt idx="6428">
                  <c:v>0</c:v>
                </c:pt>
                <c:pt idx="6429">
                  <c:v>0</c:v>
                </c:pt>
                <c:pt idx="6430">
                  <c:v>0</c:v>
                </c:pt>
                <c:pt idx="6431">
                  <c:v>0</c:v>
                </c:pt>
                <c:pt idx="6432">
                  <c:v>0</c:v>
                </c:pt>
                <c:pt idx="6433">
                  <c:v>0</c:v>
                </c:pt>
                <c:pt idx="6434">
                  <c:v>0</c:v>
                </c:pt>
                <c:pt idx="6435">
                  <c:v>0</c:v>
                </c:pt>
                <c:pt idx="6436">
                  <c:v>0</c:v>
                </c:pt>
                <c:pt idx="6437">
                  <c:v>0</c:v>
                </c:pt>
                <c:pt idx="6438">
                  <c:v>0</c:v>
                </c:pt>
                <c:pt idx="6439">
                  <c:v>0</c:v>
                </c:pt>
                <c:pt idx="6440">
                  <c:v>0</c:v>
                </c:pt>
                <c:pt idx="6441">
                  <c:v>0</c:v>
                </c:pt>
                <c:pt idx="6442">
                  <c:v>0</c:v>
                </c:pt>
                <c:pt idx="6443">
                  <c:v>0</c:v>
                </c:pt>
                <c:pt idx="6444">
                  <c:v>0</c:v>
                </c:pt>
                <c:pt idx="6445">
                  <c:v>0</c:v>
                </c:pt>
                <c:pt idx="6446">
                  <c:v>0</c:v>
                </c:pt>
                <c:pt idx="6447">
                  <c:v>0</c:v>
                </c:pt>
                <c:pt idx="6448">
                  <c:v>0</c:v>
                </c:pt>
                <c:pt idx="6449">
                  <c:v>0</c:v>
                </c:pt>
                <c:pt idx="6450">
                  <c:v>0</c:v>
                </c:pt>
                <c:pt idx="6451">
                  <c:v>0</c:v>
                </c:pt>
                <c:pt idx="6452">
                  <c:v>0</c:v>
                </c:pt>
                <c:pt idx="6453">
                  <c:v>0</c:v>
                </c:pt>
                <c:pt idx="6454">
                  <c:v>0</c:v>
                </c:pt>
                <c:pt idx="6455">
                  <c:v>0</c:v>
                </c:pt>
                <c:pt idx="6456">
                  <c:v>0</c:v>
                </c:pt>
                <c:pt idx="6457">
                  <c:v>0</c:v>
                </c:pt>
                <c:pt idx="6458">
                  <c:v>0</c:v>
                </c:pt>
                <c:pt idx="6459">
                  <c:v>0</c:v>
                </c:pt>
                <c:pt idx="6460">
                  <c:v>0</c:v>
                </c:pt>
                <c:pt idx="6461">
                  <c:v>0</c:v>
                </c:pt>
                <c:pt idx="6462">
                  <c:v>0</c:v>
                </c:pt>
                <c:pt idx="6463">
                  <c:v>0</c:v>
                </c:pt>
                <c:pt idx="6464">
                  <c:v>0</c:v>
                </c:pt>
                <c:pt idx="6465">
                  <c:v>0</c:v>
                </c:pt>
                <c:pt idx="6466">
                  <c:v>0</c:v>
                </c:pt>
                <c:pt idx="6467">
                  <c:v>0</c:v>
                </c:pt>
                <c:pt idx="6468">
                  <c:v>0</c:v>
                </c:pt>
                <c:pt idx="6469">
                  <c:v>0</c:v>
                </c:pt>
                <c:pt idx="6470">
                  <c:v>0</c:v>
                </c:pt>
                <c:pt idx="6471">
                  <c:v>0</c:v>
                </c:pt>
                <c:pt idx="6472">
                  <c:v>0</c:v>
                </c:pt>
                <c:pt idx="6473">
                  <c:v>0</c:v>
                </c:pt>
                <c:pt idx="6474">
                  <c:v>0</c:v>
                </c:pt>
                <c:pt idx="6475">
                  <c:v>0</c:v>
                </c:pt>
                <c:pt idx="6476">
                  <c:v>0</c:v>
                </c:pt>
                <c:pt idx="6477">
                  <c:v>0</c:v>
                </c:pt>
                <c:pt idx="6478">
                  <c:v>0</c:v>
                </c:pt>
                <c:pt idx="6479">
                  <c:v>0</c:v>
                </c:pt>
                <c:pt idx="6480">
                  <c:v>0</c:v>
                </c:pt>
                <c:pt idx="6481">
                  <c:v>0</c:v>
                </c:pt>
                <c:pt idx="6482">
                  <c:v>0</c:v>
                </c:pt>
                <c:pt idx="6483">
                  <c:v>0</c:v>
                </c:pt>
                <c:pt idx="6484">
                  <c:v>0</c:v>
                </c:pt>
                <c:pt idx="6485">
                  <c:v>0</c:v>
                </c:pt>
                <c:pt idx="6486">
                  <c:v>0</c:v>
                </c:pt>
                <c:pt idx="6487">
                  <c:v>0</c:v>
                </c:pt>
                <c:pt idx="6488">
                  <c:v>0</c:v>
                </c:pt>
                <c:pt idx="6489">
                  <c:v>0</c:v>
                </c:pt>
                <c:pt idx="6490">
                  <c:v>0</c:v>
                </c:pt>
                <c:pt idx="6491">
                  <c:v>0</c:v>
                </c:pt>
                <c:pt idx="6492">
                  <c:v>0</c:v>
                </c:pt>
                <c:pt idx="6493">
                  <c:v>0</c:v>
                </c:pt>
                <c:pt idx="6494">
                  <c:v>0</c:v>
                </c:pt>
                <c:pt idx="6495">
                  <c:v>0</c:v>
                </c:pt>
                <c:pt idx="6496">
                  <c:v>0</c:v>
                </c:pt>
                <c:pt idx="6497">
                  <c:v>0</c:v>
                </c:pt>
                <c:pt idx="6498">
                  <c:v>0</c:v>
                </c:pt>
                <c:pt idx="6499">
                  <c:v>0</c:v>
                </c:pt>
                <c:pt idx="6500">
                  <c:v>0</c:v>
                </c:pt>
                <c:pt idx="6501">
                  <c:v>0</c:v>
                </c:pt>
                <c:pt idx="6502">
                  <c:v>0</c:v>
                </c:pt>
                <c:pt idx="6503">
                  <c:v>0</c:v>
                </c:pt>
                <c:pt idx="6504">
                  <c:v>0</c:v>
                </c:pt>
                <c:pt idx="6505">
                  <c:v>0</c:v>
                </c:pt>
                <c:pt idx="6506">
                  <c:v>0</c:v>
                </c:pt>
                <c:pt idx="6507">
                  <c:v>0</c:v>
                </c:pt>
                <c:pt idx="6508">
                  <c:v>0</c:v>
                </c:pt>
                <c:pt idx="6509">
                  <c:v>0</c:v>
                </c:pt>
                <c:pt idx="6510">
                  <c:v>0</c:v>
                </c:pt>
                <c:pt idx="6511">
                  <c:v>0</c:v>
                </c:pt>
                <c:pt idx="6512">
                  <c:v>0</c:v>
                </c:pt>
                <c:pt idx="6513">
                  <c:v>0</c:v>
                </c:pt>
                <c:pt idx="6514">
                  <c:v>0</c:v>
                </c:pt>
                <c:pt idx="6515">
                  <c:v>0</c:v>
                </c:pt>
                <c:pt idx="6516">
                  <c:v>0</c:v>
                </c:pt>
                <c:pt idx="6517">
                  <c:v>0</c:v>
                </c:pt>
                <c:pt idx="6518">
                  <c:v>0</c:v>
                </c:pt>
                <c:pt idx="6519">
                  <c:v>0</c:v>
                </c:pt>
                <c:pt idx="6520">
                  <c:v>0</c:v>
                </c:pt>
                <c:pt idx="6521">
                  <c:v>0</c:v>
                </c:pt>
                <c:pt idx="6522">
                  <c:v>0</c:v>
                </c:pt>
                <c:pt idx="6523">
                  <c:v>0</c:v>
                </c:pt>
                <c:pt idx="6524">
                  <c:v>0</c:v>
                </c:pt>
                <c:pt idx="6525">
                  <c:v>0</c:v>
                </c:pt>
                <c:pt idx="6526">
                  <c:v>0</c:v>
                </c:pt>
                <c:pt idx="6527">
                  <c:v>0</c:v>
                </c:pt>
                <c:pt idx="6528">
                  <c:v>0</c:v>
                </c:pt>
                <c:pt idx="6529">
                  <c:v>0</c:v>
                </c:pt>
                <c:pt idx="6530">
                  <c:v>0</c:v>
                </c:pt>
                <c:pt idx="6531">
                  <c:v>0</c:v>
                </c:pt>
                <c:pt idx="6532">
                  <c:v>0</c:v>
                </c:pt>
                <c:pt idx="6533">
                  <c:v>0</c:v>
                </c:pt>
                <c:pt idx="6534">
                  <c:v>0</c:v>
                </c:pt>
                <c:pt idx="6535">
                  <c:v>0</c:v>
                </c:pt>
                <c:pt idx="6536">
                  <c:v>0</c:v>
                </c:pt>
                <c:pt idx="6537">
                  <c:v>0</c:v>
                </c:pt>
                <c:pt idx="6538">
                  <c:v>0</c:v>
                </c:pt>
                <c:pt idx="6539">
                  <c:v>0</c:v>
                </c:pt>
                <c:pt idx="6540">
                  <c:v>0</c:v>
                </c:pt>
                <c:pt idx="6541">
                  <c:v>0</c:v>
                </c:pt>
                <c:pt idx="6542">
                  <c:v>0</c:v>
                </c:pt>
                <c:pt idx="6543">
                  <c:v>0</c:v>
                </c:pt>
                <c:pt idx="6544">
                  <c:v>0</c:v>
                </c:pt>
                <c:pt idx="6545">
                  <c:v>0</c:v>
                </c:pt>
                <c:pt idx="6546">
                  <c:v>0</c:v>
                </c:pt>
                <c:pt idx="6547">
                  <c:v>0</c:v>
                </c:pt>
                <c:pt idx="6548">
                  <c:v>0</c:v>
                </c:pt>
                <c:pt idx="6549">
                  <c:v>0</c:v>
                </c:pt>
                <c:pt idx="6550">
                  <c:v>0</c:v>
                </c:pt>
                <c:pt idx="6551">
                  <c:v>0</c:v>
                </c:pt>
                <c:pt idx="6552">
                  <c:v>0</c:v>
                </c:pt>
                <c:pt idx="6553">
                  <c:v>0</c:v>
                </c:pt>
                <c:pt idx="6554">
                  <c:v>0</c:v>
                </c:pt>
                <c:pt idx="6555">
                  <c:v>0</c:v>
                </c:pt>
                <c:pt idx="6556">
                  <c:v>0</c:v>
                </c:pt>
                <c:pt idx="6557">
                  <c:v>0</c:v>
                </c:pt>
                <c:pt idx="6558">
                  <c:v>0</c:v>
                </c:pt>
                <c:pt idx="6559">
                  <c:v>0</c:v>
                </c:pt>
                <c:pt idx="6560">
                  <c:v>0</c:v>
                </c:pt>
                <c:pt idx="6561">
                  <c:v>0</c:v>
                </c:pt>
                <c:pt idx="6562">
                  <c:v>0</c:v>
                </c:pt>
                <c:pt idx="6563">
                  <c:v>0</c:v>
                </c:pt>
                <c:pt idx="6564">
                  <c:v>0</c:v>
                </c:pt>
                <c:pt idx="6565">
                  <c:v>0</c:v>
                </c:pt>
                <c:pt idx="6566">
                  <c:v>0</c:v>
                </c:pt>
                <c:pt idx="6567">
                  <c:v>0</c:v>
                </c:pt>
                <c:pt idx="6568">
                  <c:v>0</c:v>
                </c:pt>
                <c:pt idx="6569">
                  <c:v>0</c:v>
                </c:pt>
                <c:pt idx="6570">
                  <c:v>0</c:v>
                </c:pt>
                <c:pt idx="6571">
                  <c:v>0</c:v>
                </c:pt>
                <c:pt idx="6572">
                  <c:v>0</c:v>
                </c:pt>
                <c:pt idx="6573">
                  <c:v>0</c:v>
                </c:pt>
                <c:pt idx="6574">
                  <c:v>0</c:v>
                </c:pt>
                <c:pt idx="6575">
                  <c:v>0</c:v>
                </c:pt>
                <c:pt idx="6576">
                  <c:v>0</c:v>
                </c:pt>
                <c:pt idx="6577">
                  <c:v>0</c:v>
                </c:pt>
                <c:pt idx="6578">
                  <c:v>0</c:v>
                </c:pt>
                <c:pt idx="6579">
                  <c:v>0</c:v>
                </c:pt>
                <c:pt idx="6580">
                  <c:v>0</c:v>
                </c:pt>
                <c:pt idx="6581">
                  <c:v>0</c:v>
                </c:pt>
                <c:pt idx="6582">
                  <c:v>0</c:v>
                </c:pt>
                <c:pt idx="6583">
                  <c:v>0</c:v>
                </c:pt>
                <c:pt idx="6584">
                  <c:v>0</c:v>
                </c:pt>
                <c:pt idx="6585">
                  <c:v>0</c:v>
                </c:pt>
                <c:pt idx="6586">
                  <c:v>0</c:v>
                </c:pt>
                <c:pt idx="6587">
                  <c:v>0</c:v>
                </c:pt>
                <c:pt idx="6588">
                  <c:v>0</c:v>
                </c:pt>
                <c:pt idx="6589">
                  <c:v>0</c:v>
                </c:pt>
                <c:pt idx="6590">
                  <c:v>0</c:v>
                </c:pt>
                <c:pt idx="6591">
                  <c:v>0</c:v>
                </c:pt>
                <c:pt idx="6592">
                  <c:v>0</c:v>
                </c:pt>
                <c:pt idx="6593">
                  <c:v>0</c:v>
                </c:pt>
                <c:pt idx="6594">
                  <c:v>0</c:v>
                </c:pt>
                <c:pt idx="6595">
                  <c:v>0</c:v>
                </c:pt>
                <c:pt idx="6596">
                  <c:v>0</c:v>
                </c:pt>
                <c:pt idx="6597">
                  <c:v>0</c:v>
                </c:pt>
                <c:pt idx="6598">
                  <c:v>0</c:v>
                </c:pt>
                <c:pt idx="6599">
                  <c:v>0</c:v>
                </c:pt>
                <c:pt idx="6600">
                  <c:v>0</c:v>
                </c:pt>
                <c:pt idx="6601">
                  <c:v>0</c:v>
                </c:pt>
                <c:pt idx="6602">
                  <c:v>0</c:v>
                </c:pt>
                <c:pt idx="6603">
                  <c:v>0</c:v>
                </c:pt>
                <c:pt idx="6604">
                  <c:v>0</c:v>
                </c:pt>
                <c:pt idx="6605">
                  <c:v>0</c:v>
                </c:pt>
                <c:pt idx="6606">
                  <c:v>0</c:v>
                </c:pt>
                <c:pt idx="6607">
                  <c:v>0</c:v>
                </c:pt>
                <c:pt idx="6608">
                  <c:v>0</c:v>
                </c:pt>
                <c:pt idx="6609">
                  <c:v>0</c:v>
                </c:pt>
                <c:pt idx="6610">
                  <c:v>0</c:v>
                </c:pt>
                <c:pt idx="6611">
                  <c:v>0</c:v>
                </c:pt>
                <c:pt idx="6612">
                  <c:v>0</c:v>
                </c:pt>
                <c:pt idx="6613">
                  <c:v>0</c:v>
                </c:pt>
                <c:pt idx="6614">
                  <c:v>0</c:v>
                </c:pt>
                <c:pt idx="6615">
                  <c:v>0</c:v>
                </c:pt>
                <c:pt idx="6616">
                  <c:v>0</c:v>
                </c:pt>
                <c:pt idx="6617">
                  <c:v>0</c:v>
                </c:pt>
                <c:pt idx="6618">
                  <c:v>0</c:v>
                </c:pt>
                <c:pt idx="6619">
                  <c:v>0</c:v>
                </c:pt>
                <c:pt idx="6620">
                  <c:v>0</c:v>
                </c:pt>
                <c:pt idx="6621">
                  <c:v>0</c:v>
                </c:pt>
                <c:pt idx="6622">
                  <c:v>0</c:v>
                </c:pt>
                <c:pt idx="6623">
                  <c:v>0</c:v>
                </c:pt>
                <c:pt idx="6624">
                  <c:v>0</c:v>
                </c:pt>
                <c:pt idx="6625">
                  <c:v>0</c:v>
                </c:pt>
                <c:pt idx="6626">
                  <c:v>0</c:v>
                </c:pt>
                <c:pt idx="6627">
                  <c:v>0</c:v>
                </c:pt>
                <c:pt idx="6628">
                  <c:v>0</c:v>
                </c:pt>
                <c:pt idx="6629">
                  <c:v>0</c:v>
                </c:pt>
                <c:pt idx="6630">
                  <c:v>0</c:v>
                </c:pt>
                <c:pt idx="6631">
                  <c:v>0</c:v>
                </c:pt>
                <c:pt idx="6632">
                  <c:v>0</c:v>
                </c:pt>
                <c:pt idx="6633">
                  <c:v>0</c:v>
                </c:pt>
                <c:pt idx="6634">
                  <c:v>0</c:v>
                </c:pt>
                <c:pt idx="6635">
                  <c:v>0</c:v>
                </c:pt>
                <c:pt idx="6636">
                  <c:v>0</c:v>
                </c:pt>
                <c:pt idx="6637">
                  <c:v>0</c:v>
                </c:pt>
                <c:pt idx="6638">
                  <c:v>0</c:v>
                </c:pt>
                <c:pt idx="6639">
                  <c:v>0</c:v>
                </c:pt>
                <c:pt idx="6640">
                  <c:v>0</c:v>
                </c:pt>
                <c:pt idx="6641">
                  <c:v>0</c:v>
                </c:pt>
                <c:pt idx="6642">
                  <c:v>0</c:v>
                </c:pt>
                <c:pt idx="6643">
                  <c:v>0</c:v>
                </c:pt>
                <c:pt idx="6644">
                  <c:v>0</c:v>
                </c:pt>
                <c:pt idx="6645">
                  <c:v>0</c:v>
                </c:pt>
                <c:pt idx="6646">
                  <c:v>0</c:v>
                </c:pt>
                <c:pt idx="6647">
                  <c:v>0</c:v>
                </c:pt>
                <c:pt idx="6648">
                  <c:v>0</c:v>
                </c:pt>
                <c:pt idx="6649">
                  <c:v>0</c:v>
                </c:pt>
                <c:pt idx="6650">
                  <c:v>0</c:v>
                </c:pt>
                <c:pt idx="6651">
                  <c:v>0</c:v>
                </c:pt>
                <c:pt idx="6652">
                  <c:v>0</c:v>
                </c:pt>
                <c:pt idx="6653">
                  <c:v>0</c:v>
                </c:pt>
                <c:pt idx="6654">
                  <c:v>0</c:v>
                </c:pt>
                <c:pt idx="6655">
                  <c:v>0</c:v>
                </c:pt>
                <c:pt idx="6656">
                  <c:v>0</c:v>
                </c:pt>
                <c:pt idx="6657">
                  <c:v>0</c:v>
                </c:pt>
                <c:pt idx="6658">
                  <c:v>0</c:v>
                </c:pt>
                <c:pt idx="6659">
                  <c:v>0</c:v>
                </c:pt>
                <c:pt idx="6660">
                  <c:v>0</c:v>
                </c:pt>
                <c:pt idx="6661">
                  <c:v>0</c:v>
                </c:pt>
                <c:pt idx="6662">
                  <c:v>0</c:v>
                </c:pt>
                <c:pt idx="6663">
                  <c:v>0</c:v>
                </c:pt>
                <c:pt idx="6664">
                  <c:v>0</c:v>
                </c:pt>
                <c:pt idx="6665">
                  <c:v>0</c:v>
                </c:pt>
                <c:pt idx="6666">
                  <c:v>0</c:v>
                </c:pt>
                <c:pt idx="6667">
                  <c:v>0</c:v>
                </c:pt>
                <c:pt idx="6668">
                  <c:v>0</c:v>
                </c:pt>
                <c:pt idx="6669">
                  <c:v>0</c:v>
                </c:pt>
                <c:pt idx="6670">
                  <c:v>0</c:v>
                </c:pt>
                <c:pt idx="6671">
                  <c:v>0</c:v>
                </c:pt>
                <c:pt idx="6672">
                  <c:v>0</c:v>
                </c:pt>
                <c:pt idx="6673">
                  <c:v>0</c:v>
                </c:pt>
                <c:pt idx="6674">
                  <c:v>0</c:v>
                </c:pt>
                <c:pt idx="6675">
                  <c:v>0</c:v>
                </c:pt>
                <c:pt idx="6676">
                  <c:v>0</c:v>
                </c:pt>
                <c:pt idx="6677">
                  <c:v>0</c:v>
                </c:pt>
                <c:pt idx="6678">
                  <c:v>0</c:v>
                </c:pt>
                <c:pt idx="6679">
                  <c:v>0</c:v>
                </c:pt>
                <c:pt idx="6680">
                  <c:v>0</c:v>
                </c:pt>
                <c:pt idx="6681">
                  <c:v>0</c:v>
                </c:pt>
                <c:pt idx="6682">
                  <c:v>0</c:v>
                </c:pt>
                <c:pt idx="6683">
                  <c:v>0</c:v>
                </c:pt>
                <c:pt idx="6684">
                  <c:v>0</c:v>
                </c:pt>
                <c:pt idx="6685">
                  <c:v>0</c:v>
                </c:pt>
                <c:pt idx="6686">
                  <c:v>0</c:v>
                </c:pt>
                <c:pt idx="6687">
                  <c:v>0</c:v>
                </c:pt>
                <c:pt idx="6688">
                  <c:v>0</c:v>
                </c:pt>
                <c:pt idx="6689">
                  <c:v>0</c:v>
                </c:pt>
                <c:pt idx="6690">
                  <c:v>0</c:v>
                </c:pt>
                <c:pt idx="6691">
                  <c:v>0</c:v>
                </c:pt>
                <c:pt idx="6692">
                  <c:v>0</c:v>
                </c:pt>
                <c:pt idx="6693">
                  <c:v>0</c:v>
                </c:pt>
                <c:pt idx="6694">
                  <c:v>0</c:v>
                </c:pt>
                <c:pt idx="6695">
                  <c:v>0</c:v>
                </c:pt>
                <c:pt idx="6696">
                  <c:v>0</c:v>
                </c:pt>
                <c:pt idx="6697">
                  <c:v>0</c:v>
                </c:pt>
                <c:pt idx="6698">
                  <c:v>0</c:v>
                </c:pt>
                <c:pt idx="6699">
                  <c:v>0</c:v>
                </c:pt>
                <c:pt idx="6700">
                  <c:v>0</c:v>
                </c:pt>
                <c:pt idx="6701">
                  <c:v>0</c:v>
                </c:pt>
                <c:pt idx="6702">
                  <c:v>0</c:v>
                </c:pt>
                <c:pt idx="6703">
                  <c:v>0</c:v>
                </c:pt>
                <c:pt idx="6704">
                  <c:v>0</c:v>
                </c:pt>
                <c:pt idx="6705">
                  <c:v>0</c:v>
                </c:pt>
                <c:pt idx="6706">
                  <c:v>0</c:v>
                </c:pt>
                <c:pt idx="6707">
                  <c:v>0</c:v>
                </c:pt>
                <c:pt idx="6708">
                  <c:v>0</c:v>
                </c:pt>
                <c:pt idx="6709">
                  <c:v>0</c:v>
                </c:pt>
                <c:pt idx="6710">
                  <c:v>0</c:v>
                </c:pt>
                <c:pt idx="6711">
                  <c:v>0</c:v>
                </c:pt>
                <c:pt idx="6712">
                  <c:v>0</c:v>
                </c:pt>
                <c:pt idx="6713">
                  <c:v>0</c:v>
                </c:pt>
                <c:pt idx="6714">
                  <c:v>0</c:v>
                </c:pt>
                <c:pt idx="6715">
                  <c:v>0</c:v>
                </c:pt>
                <c:pt idx="6716">
                  <c:v>0</c:v>
                </c:pt>
                <c:pt idx="6717">
                  <c:v>0</c:v>
                </c:pt>
                <c:pt idx="6718">
                  <c:v>0</c:v>
                </c:pt>
                <c:pt idx="6719">
                  <c:v>0</c:v>
                </c:pt>
                <c:pt idx="6720">
                  <c:v>0</c:v>
                </c:pt>
                <c:pt idx="6721">
                  <c:v>0</c:v>
                </c:pt>
                <c:pt idx="6722">
                  <c:v>0</c:v>
                </c:pt>
                <c:pt idx="6723">
                  <c:v>0</c:v>
                </c:pt>
                <c:pt idx="6724">
                  <c:v>0</c:v>
                </c:pt>
                <c:pt idx="6725">
                  <c:v>0</c:v>
                </c:pt>
                <c:pt idx="6726">
                  <c:v>0</c:v>
                </c:pt>
                <c:pt idx="6727">
                  <c:v>0</c:v>
                </c:pt>
                <c:pt idx="6728">
                  <c:v>0</c:v>
                </c:pt>
                <c:pt idx="6729">
                  <c:v>0</c:v>
                </c:pt>
                <c:pt idx="6730">
                  <c:v>0</c:v>
                </c:pt>
                <c:pt idx="6731">
                  <c:v>0</c:v>
                </c:pt>
                <c:pt idx="6732">
                  <c:v>0</c:v>
                </c:pt>
                <c:pt idx="6733">
                  <c:v>0</c:v>
                </c:pt>
                <c:pt idx="6734">
                  <c:v>0</c:v>
                </c:pt>
                <c:pt idx="6735">
                  <c:v>0</c:v>
                </c:pt>
                <c:pt idx="6736">
                  <c:v>0</c:v>
                </c:pt>
                <c:pt idx="6737">
                  <c:v>0</c:v>
                </c:pt>
                <c:pt idx="6738">
                  <c:v>0</c:v>
                </c:pt>
                <c:pt idx="6739">
                  <c:v>0</c:v>
                </c:pt>
                <c:pt idx="6740">
                  <c:v>0</c:v>
                </c:pt>
                <c:pt idx="6741">
                  <c:v>0</c:v>
                </c:pt>
                <c:pt idx="6742">
                  <c:v>0</c:v>
                </c:pt>
                <c:pt idx="6743">
                  <c:v>0</c:v>
                </c:pt>
                <c:pt idx="6744">
                  <c:v>0</c:v>
                </c:pt>
                <c:pt idx="6745">
                  <c:v>0</c:v>
                </c:pt>
                <c:pt idx="6746">
                  <c:v>0</c:v>
                </c:pt>
                <c:pt idx="6747">
                  <c:v>0</c:v>
                </c:pt>
                <c:pt idx="6748">
                  <c:v>0</c:v>
                </c:pt>
                <c:pt idx="6749">
                  <c:v>0</c:v>
                </c:pt>
                <c:pt idx="6750">
                  <c:v>0</c:v>
                </c:pt>
                <c:pt idx="6751">
                  <c:v>0</c:v>
                </c:pt>
                <c:pt idx="6752">
                  <c:v>0</c:v>
                </c:pt>
                <c:pt idx="6753">
                  <c:v>0</c:v>
                </c:pt>
                <c:pt idx="6754">
                  <c:v>0</c:v>
                </c:pt>
                <c:pt idx="6755">
                  <c:v>0</c:v>
                </c:pt>
                <c:pt idx="6756">
                  <c:v>0</c:v>
                </c:pt>
                <c:pt idx="6757">
                  <c:v>0</c:v>
                </c:pt>
                <c:pt idx="6758">
                  <c:v>0</c:v>
                </c:pt>
                <c:pt idx="6759">
                  <c:v>0</c:v>
                </c:pt>
                <c:pt idx="6760">
                  <c:v>0</c:v>
                </c:pt>
                <c:pt idx="6761">
                  <c:v>0</c:v>
                </c:pt>
                <c:pt idx="6762">
                  <c:v>0</c:v>
                </c:pt>
                <c:pt idx="6763">
                  <c:v>0</c:v>
                </c:pt>
                <c:pt idx="6764">
                  <c:v>0</c:v>
                </c:pt>
                <c:pt idx="6765">
                  <c:v>0</c:v>
                </c:pt>
                <c:pt idx="6766">
                  <c:v>0</c:v>
                </c:pt>
                <c:pt idx="6767">
                  <c:v>0</c:v>
                </c:pt>
                <c:pt idx="6768">
                  <c:v>0</c:v>
                </c:pt>
                <c:pt idx="6769">
                  <c:v>0</c:v>
                </c:pt>
                <c:pt idx="6770">
                  <c:v>0</c:v>
                </c:pt>
                <c:pt idx="6771">
                  <c:v>0</c:v>
                </c:pt>
                <c:pt idx="6772">
                  <c:v>0</c:v>
                </c:pt>
                <c:pt idx="6773">
                  <c:v>0</c:v>
                </c:pt>
                <c:pt idx="6774">
                  <c:v>0</c:v>
                </c:pt>
                <c:pt idx="6775">
                  <c:v>0</c:v>
                </c:pt>
                <c:pt idx="6776">
                  <c:v>0</c:v>
                </c:pt>
                <c:pt idx="6777">
                  <c:v>0</c:v>
                </c:pt>
                <c:pt idx="6778">
                  <c:v>0</c:v>
                </c:pt>
                <c:pt idx="6779">
                  <c:v>0</c:v>
                </c:pt>
                <c:pt idx="6780">
                  <c:v>0</c:v>
                </c:pt>
                <c:pt idx="6781">
                  <c:v>0</c:v>
                </c:pt>
                <c:pt idx="6782">
                  <c:v>0</c:v>
                </c:pt>
                <c:pt idx="6783">
                  <c:v>0</c:v>
                </c:pt>
                <c:pt idx="6784">
                  <c:v>0</c:v>
                </c:pt>
                <c:pt idx="6785">
                  <c:v>0</c:v>
                </c:pt>
                <c:pt idx="6786">
                  <c:v>0</c:v>
                </c:pt>
                <c:pt idx="6787">
                  <c:v>0</c:v>
                </c:pt>
                <c:pt idx="6788">
                  <c:v>0</c:v>
                </c:pt>
                <c:pt idx="6789">
                  <c:v>0</c:v>
                </c:pt>
                <c:pt idx="6790">
                  <c:v>0</c:v>
                </c:pt>
                <c:pt idx="6791">
                  <c:v>0</c:v>
                </c:pt>
                <c:pt idx="6792">
                  <c:v>0</c:v>
                </c:pt>
                <c:pt idx="6793">
                  <c:v>0</c:v>
                </c:pt>
                <c:pt idx="6794">
                  <c:v>0</c:v>
                </c:pt>
                <c:pt idx="6795">
                  <c:v>0</c:v>
                </c:pt>
                <c:pt idx="6796">
                  <c:v>0</c:v>
                </c:pt>
                <c:pt idx="6797">
                  <c:v>0</c:v>
                </c:pt>
                <c:pt idx="6798">
                  <c:v>0</c:v>
                </c:pt>
                <c:pt idx="6799">
                  <c:v>0</c:v>
                </c:pt>
                <c:pt idx="6800">
                  <c:v>0</c:v>
                </c:pt>
                <c:pt idx="6801">
                  <c:v>0</c:v>
                </c:pt>
                <c:pt idx="6802">
                  <c:v>0</c:v>
                </c:pt>
                <c:pt idx="6803">
                  <c:v>0</c:v>
                </c:pt>
                <c:pt idx="6804">
                  <c:v>0</c:v>
                </c:pt>
                <c:pt idx="6805">
                  <c:v>0</c:v>
                </c:pt>
                <c:pt idx="6806">
                  <c:v>0</c:v>
                </c:pt>
                <c:pt idx="6807">
                  <c:v>0</c:v>
                </c:pt>
                <c:pt idx="6808">
                  <c:v>0</c:v>
                </c:pt>
                <c:pt idx="6809">
                  <c:v>0</c:v>
                </c:pt>
                <c:pt idx="6810">
                  <c:v>0</c:v>
                </c:pt>
                <c:pt idx="6811">
                  <c:v>0</c:v>
                </c:pt>
                <c:pt idx="6812">
                  <c:v>0</c:v>
                </c:pt>
                <c:pt idx="6813">
                  <c:v>0</c:v>
                </c:pt>
                <c:pt idx="6814">
                  <c:v>0</c:v>
                </c:pt>
                <c:pt idx="6815">
                  <c:v>0</c:v>
                </c:pt>
                <c:pt idx="6816">
                  <c:v>0</c:v>
                </c:pt>
                <c:pt idx="6817">
                  <c:v>0</c:v>
                </c:pt>
                <c:pt idx="6818">
                  <c:v>0</c:v>
                </c:pt>
                <c:pt idx="6819">
                  <c:v>0</c:v>
                </c:pt>
                <c:pt idx="6820">
                  <c:v>0</c:v>
                </c:pt>
                <c:pt idx="6821">
                  <c:v>0</c:v>
                </c:pt>
                <c:pt idx="6822">
                  <c:v>0</c:v>
                </c:pt>
                <c:pt idx="6823">
                  <c:v>0</c:v>
                </c:pt>
                <c:pt idx="6824">
                  <c:v>0</c:v>
                </c:pt>
                <c:pt idx="6825">
                  <c:v>0</c:v>
                </c:pt>
                <c:pt idx="6826">
                  <c:v>0</c:v>
                </c:pt>
                <c:pt idx="6827">
                  <c:v>0</c:v>
                </c:pt>
                <c:pt idx="6828">
                  <c:v>0</c:v>
                </c:pt>
                <c:pt idx="6829">
                  <c:v>0</c:v>
                </c:pt>
                <c:pt idx="6830">
                  <c:v>0</c:v>
                </c:pt>
                <c:pt idx="6831">
                  <c:v>0</c:v>
                </c:pt>
                <c:pt idx="6832">
                  <c:v>0</c:v>
                </c:pt>
                <c:pt idx="6833">
                  <c:v>0</c:v>
                </c:pt>
                <c:pt idx="6834">
                  <c:v>0</c:v>
                </c:pt>
                <c:pt idx="6835">
                  <c:v>0</c:v>
                </c:pt>
                <c:pt idx="6836">
                  <c:v>0</c:v>
                </c:pt>
                <c:pt idx="6837">
                  <c:v>0</c:v>
                </c:pt>
                <c:pt idx="6838">
                  <c:v>0</c:v>
                </c:pt>
                <c:pt idx="6839">
                  <c:v>0</c:v>
                </c:pt>
                <c:pt idx="6840">
                  <c:v>0</c:v>
                </c:pt>
                <c:pt idx="6841">
                  <c:v>0</c:v>
                </c:pt>
                <c:pt idx="6842">
                  <c:v>0</c:v>
                </c:pt>
                <c:pt idx="6843">
                  <c:v>0</c:v>
                </c:pt>
                <c:pt idx="6844">
                  <c:v>0</c:v>
                </c:pt>
                <c:pt idx="6845">
                  <c:v>0</c:v>
                </c:pt>
                <c:pt idx="6846">
                  <c:v>0</c:v>
                </c:pt>
                <c:pt idx="6847">
                  <c:v>0</c:v>
                </c:pt>
                <c:pt idx="6848">
                  <c:v>0</c:v>
                </c:pt>
                <c:pt idx="6849">
                  <c:v>0</c:v>
                </c:pt>
                <c:pt idx="6850">
                  <c:v>0</c:v>
                </c:pt>
                <c:pt idx="6851">
                  <c:v>0</c:v>
                </c:pt>
                <c:pt idx="6852">
                  <c:v>0</c:v>
                </c:pt>
                <c:pt idx="6853">
                  <c:v>0</c:v>
                </c:pt>
                <c:pt idx="6854">
                  <c:v>0</c:v>
                </c:pt>
                <c:pt idx="6855">
                  <c:v>0</c:v>
                </c:pt>
                <c:pt idx="6856">
                  <c:v>0</c:v>
                </c:pt>
                <c:pt idx="6857">
                  <c:v>0</c:v>
                </c:pt>
                <c:pt idx="6858">
                  <c:v>0</c:v>
                </c:pt>
                <c:pt idx="6859">
                  <c:v>0</c:v>
                </c:pt>
                <c:pt idx="6860">
                  <c:v>0</c:v>
                </c:pt>
                <c:pt idx="6861">
                  <c:v>0</c:v>
                </c:pt>
                <c:pt idx="6862">
                  <c:v>0</c:v>
                </c:pt>
                <c:pt idx="6863">
                  <c:v>0</c:v>
                </c:pt>
                <c:pt idx="6864">
                  <c:v>0</c:v>
                </c:pt>
                <c:pt idx="6865">
                  <c:v>0</c:v>
                </c:pt>
                <c:pt idx="6866">
                  <c:v>0</c:v>
                </c:pt>
                <c:pt idx="6867">
                  <c:v>0</c:v>
                </c:pt>
                <c:pt idx="6868">
                  <c:v>0</c:v>
                </c:pt>
                <c:pt idx="6869">
                  <c:v>0</c:v>
                </c:pt>
                <c:pt idx="6870">
                  <c:v>0</c:v>
                </c:pt>
                <c:pt idx="6871">
                  <c:v>0</c:v>
                </c:pt>
                <c:pt idx="6872">
                  <c:v>0</c:v>
                </c:pt>
                <c:pt idx="6873">
                  <c:v>0</c:v>
                </c:pt>
                <c:pt idx="6874">
                  <c:v>0</c:v>
                </c:pt>
                <c:pt idx="6875">
                  <c:v>0</c:v>
                </c:pt>
                <c:pt idx="6876">
                  <c:v>0</c:v>
                </c:pt>
                <c:pt idx="6877">
                  <c:v>0</c:v>
                </c:pt>
                <c:pt idx="6878">
                  <c:v>0</c:v>
                </c:pt>
                <c:pt idx="6879">
                  <c:v>0</c:v>
                </c:pt>
                <c:pt idx="6880">
                  <c:v>0</c:v>
                </c:pt>
                <c:pt idx="6881">
                  <c:v>0</c:v>
                </c:pt>
                <c:pt idx="6882">
                  <c:v>0</c:v>
                </c:pt>
                <c:pt idx="6883">
                  <c:v>0</c:v>
                </c:pt>
                <c:pt idx="6884">
                  <c:v>0</c:v>
                </c:pt>
                <c:pt idx="6885">
                  <c:v>0</c:v>
                </c:pt>
                <c:pt idx="6886">
                  <c:v>0</c:v>
                </c:pt>
                <c:pt idx="6887">
                  <c:v>0</c:v>
                </c:pt>
                <c:pt idx="6888">
                  <c:v>0</c:v>
                </c:pt>
                <c:pt idx="6889">
                  <c:v>0</c:v>
                </c:pt>
                <c:pt idx="6890">
                  <c:v>0</c:v>
                </c:pt>
                <c:pt idx="6891">
                  <c:v>0</c:v>
                </c:pt>
                <c:pt idx="6892">
                  <c:v>0</c:v>
                </c:pt>
                <c:pt idx="6893">
                  <c:v>0</c:v>
                </c:pt>
                <c:pt idx="6894">
                  <c:v>0</c:v>
                </c:pt>
                <c:pt idx="6895">
                  <c:v>0</c:v>
                </c:pt>
                <c:pt idx="6896">
                  <c:v>0</c:v>
                </c:pt>
                <c:pt idx="6897">
                  <c:v>0</c:v>
                </c:pt>
                <c:pt idx="6898">
                  <c:v>0</c:v>
                </c:pt>
                <c:pt idx="6899">
                  <c:v>0</c:v>
                </c:pt>
                <c:pt idx="6900">
                  <c:v>0</c:v>
                </c:pt>
                <c:pt idx="6901">
                  <c:v>0</c:v>
                </c:pt>
                <c:pt idx="6902">
                  <c:v>0</c:v>
                </c:pt>
                <c:pt idx="6903">
                  <c:v>0</c:v>
                </c:pt>
                <c:pt idx="6904">
                  <c:v>0</c:v>
                </c:pt>
                <c:pt idx="6905">
                  <c:v>0</c:v>
                </c:pt>
                <c:pt idx="6906">
                  <c:v>0</c:v>
                </c:pt>
                <c:pt idx="6907">
                  <c:v>0</c:v>
                </c:pt>
                <c:pt idx="6908">
                  <c:v>0</c:v>
                </c:pt>
                <c:pt idx="6909">
                  <c:v>0</c:v>
                </c:pt>
                <c:pt idx="6910">
                  <c:v>0</c:v>
                </c:pt>
                <c:pt idx="6911">
                  <c:v>0</c:v>
                </c:pt>
                <c:pt idx="6912">
                  <c:v>0</c:v>
                </c:pt>
                <c:pt idx="6913">
                  <c:v>0</c:v>
                </c:pt>
                <c:pt idx="6914">
                  <c:v>0</c:v>
                </c:pt>
                <c:pt idx="6915">
                  <c:v>0</c:v>
                </c:pt>
                <c:pt idx="6916">
                  <c:v>0</c:v>
                </c:pt>
                <c:pt idx="6917">
                  <c:v>0</c:v>
                </c:pt>
                <c:pt idx="6918">
                  <c:v>0</c:v>
                </c:pt>
                <c:pt idx="6919">
                  <c:v>0</c:v>
                </c:pt>
                <c:pt idx="6920">
                  <c:v>0</c:v>
                </c:pt>
                <c:pt idx="6921">
                  <c:v>0</c:v>
                </c:pt>
                <c:pt idx="6922">
                  <c:v>0</c:v>
                </c:pt>
                <c:pt idx="6923">
                  <c:v>0</c:v>
                </c:pt>
                <c:pt idx="6924">
                  <c:v>0</c:v>
                </c:pt>
                <c:pt idx="6925">
                  <c:v>0</c:v>
                </c:pt>
                <c:pt idx="6926">
                  <c:v>0</c:v>
                </c:pt>
                <c:pt idx="6927">
                  <c:v>0</c:v>
                </c:pt>
                <c:pt idx="6928">
                  <c:v>0</c:v>
                </c:pt>
                <c:pt idx="6929">
                  <c:v>0</c:v>
                </c:pt>
                <c:pt idx="6930">
                  <c:v>0</c:v>
                </c:pt>
                <c:pt idx="6931">
                  <c:v>0</c:v>
                </c:pt>
                <c:pt idx="6932">
                  <c:v>0</c:v>
                </c:pt>
                <c:pt idx="6933">
                  <c:v>0</c:v>
                </c:pt>
                <c:pt idx="6934">
                  <c:v>0</c:v>
                </c:pt>
                <c:pt idx="6935">
                  <c:v>0</c:v>
                </c:pt>
                <c:pt idx="6936">
                  <c:v>0</c:v>
                </c:pt>
                <c:pt idx="6937">
                  <c:v>0</c:v>
                </c:pt>
                <c:pt idx="6938">
                  <c:v>0</c:v>
                </c:pt>
                <c:pt idx="6939">
                  <c:v>0</c:v>
                </c:pt>
                <c:pt idx="6940">
                  <c:v>0</c:v>
                </c:pt>
                <c:pt idx="6941">
                  <c:v>0</c:v>
                </c:pt>
                <c:pt idx="6942">
                  <c:v>0</c:v>
                </c:pt>
                <c:pt idx="6943">
                  <c:v>0</c:v>
                </c:pt>
                <c:pt idx="6944">
                  <c:v>0</c:v>
                </c:pt>
                <c:pt idx="6945">
                  <c:v>0</c:v>
                </c:pt>
                <c:pt idx="6946">
                  <c:v>0</c:v>
                </c:pt>
                <c:pt idx="6947">
                  <c:v>0</c:v>
                </c:pt>
                <c:pt idx="6948">
                  <c:v>0</c:v>
                </c:pt>
                <c:pt idx="6949">
                  <c:v>0</c:v>
                </c:pt>
                <c:pt idx="6950">
                  <c:v>0</c:v>
                </c:pt>
                <c:pt idx="6951">
                  <c:v>0</c:v>
                </c:pt>
                <c:pt idx="6952">
                  <c:v>0</c:v>
                </c:pt>
                <c:pt idx="6953">
                  <c:v>0</c:v>
                </c:pt>
                <c:pt idx="6954">
                  <c:v>0</c:v>
                </c:pt>
                <c:pt idx="6955">
                  <c:v>0</c:v>
                </c:pt>
                <c:pt idx="6956">
                  <c:v>0</c:v>
                </c:pt>
                <c:pt idx="6957">
                  <c:v>0</c:v>
                </c:pt>
                <c:pt idx="6958">
                  <c:v>0</c:v>
                </c:pt>
                <c:pt idx="6959">
                  <c:v>0</c:v>
                </c:pt>
                <c:pt idx="6960">
                  <c:v>0</c:v>
                </c:pt>
                <c:pt idx="6961">
                  <c:v>0</c:v>
                </c:pt>
                <c:pt idx="6962">
                  <c:v>0</c:v>
                </c:pt>
                <c:pt idx="6963">
                  <c:v>0</c:v>
                </c:pt>
                <c:pt idx="6964">
                  <c:v>0</c:v>
                </c:pt>
                <c:pt idx="6965">
                  <c:v>0</c:v>
                </c:pt>
                <c:pt idx="6966">
                  <c:v>0</c:v>
                </c:pt>
                <c:pt idx="6967">
                  <c:v>0</c:v>
                </c:pt>
                <c:pt idx="6968">
                  <c:v>0</c:v>
                </c:pt>
                <c:pt idx="6969">
                  <c:v>0</c:v>
                </c:pt>
                <c:pt idx="6970">
                  <c:v>0</c:v>
                </c:pt>
                <c:pt idx="6971">
                  <c:v>0</c:v>
                </c:pt>
                <c:pt idx="6972">
                  <c:v>0</c:v>
                </c:pt>
                <c:pt idx="6973">
                  <c:v>0</c:v>
                </c:pt>
                <c:pt idx="6974">
                  <c:v>0</c:v>
                </c:pt>
                <c:pt idx="6975">
                  <c:v>0</c:v>
                </c:pt>
                <c:pt idx="6976">
                  <c:v>0</c:v>
                </c:pt>
                <c:pt idx="6977">
                  <c:v>0</c:v>
                </c:pt>
                <c:pt idx="6978">
                  <c:v>0</c:v>
                </c:pt>
                <c:pt idx="6979">
                  <c:v>0</c:v>
                </c:pt>
                <c:pt idx="6980">
                  <c:v>0</c:v>
                </c:pt>
                <c:pt idx="6981">
                  <c:v>0</c:v>
                </c:pt>
                <c:pt idx="6982">
                  <c:v>0</c:v>
                </c:pt>
                <c:pt idx="6983">
                  <c:v>0</c:v>
                </c:pt>
                <c:pt idx="6984">
                  <c:v>0</c:v>
                </c:pt>
                <c:pt idx="6985">
                  <c:v>0</c:v>
                </c:pt>
                <c:pt idx="6986">
                  <c:v>0</c:v>
                </c:pt>
                <c:pt idx="6987">
                  <c:v>0</c:v>
                </c:pt>
                <c:pt idx="6988">
                  <c:v>0</c:v>
                </c:pt>
                <c:pt idx="6989">
                  <c:v>0</c:v>
                </c:pt>
                <c:pt idx="6990">
                  <c:v>0</c:v>
                </c:pt>
                <c:pt idx="6991">
                  <c:v>0</c:v>
                </c:pt>
                <c:pt idx="6992">
                  <c:v>0</c:v>
                </c:pt>
                <c:pt idx="6993">
                  <c:v>0</c:v>
                </c:pt>
                <c:pt idx="6994">
                  <c:v>0</c:v>
                </c:pt>
                <c:pt idx="6995">
                  <c:v>0</c:v>
                </c:pt>
                <c:pt idx="6996">
                  <c:v>0</c:v>
                </c:pt>
                <c:pt idx="6997">
                  <c:v>0</c:v>
                </c:pt>
                <c:pt idx="6998">
                  <c:v>0</c:v>
                </c:pt>
                <c:pt idx="6999">
                  <c:v>0</c:v>
                </c:pt>
                <c:pt idx="7000">
                  <c:v>0</c:v>
                </c:pt>
                <c:pt idx="7001">
                  <c:v>0</c:v>
                </c:pt>
                <c:pt idx="7002">
                  <c:v>0</c:v>
                </c:pt>
                <c:pt idx="7003">
                  <c:v>0</c:v>
                </c:pt>
                <c:pt idx="7004">
                  <c:v>0</c:v>
                </c:pt>
                <c:pt idx="7005">
                  <c:v>0</c:v>
                </c:pt>
                <c:pt idx="7006">
                  <c:v>0</c:v>
                </c:pt>
                <c:pt idx="7007">
                  <c:v>0</c:v>
                </c:pt>
                <c:pt idx="7008">
                  <c:v>0</c:v>
                </c:pt>
                <c:pt idx="7009">
                  <c:v>0</c:v>
                </c:pt>
                <c:pt idx="7010">
                  <c:v>0</c:v>
                </c:pt>
                <c:pt idx="7011">
                  <c:v>0</c:v>
                </c:pt>
                <c:pt idx="7012">
                  <c:v>0</c:v>
                </c:pt>
                <c:pt idx="7013">
                  <c:v>0</c:v>
                </c:pt>
                <c:pt idx="7014">
                  <c:v>0</c:v>
                </c:pt>
                <c:pt idx="7015">
                  <c:v>0</c:v>
                </c:pt>
                <c:pt idx="7016">
                  <c:v>0</c:v>
                </c:pt>
                <c:pt idx="7017">
                  <c:v>0</c:v>
                </c:pt>
                <c:pt idx="7018">
                  <c:v>0</c:v>
                </c:pt>
                <c:pt idx="7019">
                  <c:v>0</c:v>
                </c:pt>
                <c:pt idx="7020">
                  <c:v>0</c:v>
                </c:pt>
                <c:pt idx="7021">
                  <c:v>0</c:v>
                </c:pt>
                <c:pt idx="7022">
                  <c:v>0</c:v>
                </c:pt>
                <c:pt idx="7023">
                  <c:v>0</c:v>
                </c:pt>
                <c:pt idx="7024">
                  <c:v>0</c:v>
                </c:pt>
                <c:pt idx="7025">
                  <c:v>0</c:v>
                </c:pt>
                <c:pt idx="7026">
                  <c:v>0</c:v>
                </c:pt>
                <c:pt idx="7027">
                  <c:v>0</c:v>
                </c:pt>
                <c:pt idx="7028">
                  <c:v>0</c:v>
                </c:pt>
                <c:pt idx="7029">
                  <c:v>0</c:v>
                </c:pt>
                <c:pt idx="7030">
                  <c:v>0</c:v>
                </c:pt>
                <c:pt idx="7031">
                  <c:v>0</c:v>
                </c:pt>
                <c:pt idx="7032">
                  <c:v>0</c:v>
                </c:pt>
                <c:pt idx="7033">
                  <c:v>0</c:v>
                </c:pt>
                <c:pt idx="7034">
                  <c:v>0</c:v>
                </c:pt>
                <c:pt idx="7035">
                  <c:v>0</c:v>
                </c:pt>
                <c:pt idx="7036">
                  <c:v>0</c:v>
                </c:pt>
                <c:pt idx="7037">
                  <c:v>0</c:v>
                </c:pt>
                <c:pt idx="7038">
                  <c:v>0</c:v>
                </c:pt>
                <c:pt idx="7039">
                  <c:v>0</c:v>
                </c:pt>
                <c:pt idx="7040">
                  <c:v>0</c:v>
                </c:pt>
                <c:pt idx="7041">
                  <c:v>0</c:v>
                </c:pt>
                <c:pt idx="7042">
                  <c:v>0</c:v>
                </c:pt>
                <c:pt idx="7043">
                  <c:v>0</c:v>
                </c:pt>
                <c:pt idx="7044">
                  <c:v>0</c:v>
                </c:pt>
                <c:pt idx="7045">
                  <c:v>0</c:v>
                </c:pt>
                <c:pt idx="7046">
                  <c:v>0</c:v>
                </c:pt>
                <c:pt idx="7047">
                  <c:v>0</c:v>
                </c:pt>
                <c:pt idx="7048">
                  <c:v>0</c:v>
                </c:pt>
                <c:pt idx="7049">
                  <c:v>0</c:v>
                </c:pt>
                <c:pt idx="7050">
                  <c:v>0</c:v>
                </c:pt>
                <c:pt idx="7051">
                  <c:v>0</c:v>
                </c:pt>
                <c:pt idx="7052">
                  <c:v>0</c:v>
                </c:pt>
                <c:pt idx="7053">
                  <c:v>0</c:v>
                </c:pt>
                <c:pt idx="7054">
                  <c:v>0</c:v>
                </c:pt>
                <c:pt idx="7055">
                  <c:v>0</c:v>
                </c:pt>
                <c:pt idx="7056">
                  <c:v>0</c:v>
                </c:pt>
                <c:pt idx="7057">
                  <c:v>0</c:v>
                </c:pt>
                <c:pt idx="7058">
                  <c:v>0</c:v>
                </c:pt>
                <c:pt idx="7059">
                  <c:v>0</c:v>
                </c:pt>
                <c:pt idx="7060">
                  <c:v>0</c:v>
                </c:pt>
                <c:pt idx="7061">
                  <c:v>0</c:v>
                </c:pt>
                <c:pt idx="7062">
                  <c:v>0</c:v>
                </c:pt>
                <c:pt idx="7063">
                  <c:v>0</c:v>
                </c:pt>
                <c:pt idx="7064">
                  <c:v>0</c:v>
                </c:pt>
                <c:pt idx="7065">
                  <c:v>0</c:v>
                </c:pt>
                <c:pt idx="7066">
                  <c:v>0</c:v>
                </c:pt>
                <c:pt idx="7067">
                  <c:v>0</c:v>
                </c:pt>
                <c:pt idx="7068">
                  <c:v>0</c:v>
                </c:pt>
                <c:pt idx="7069">
                  <c:v>0</c:v>
                </c:pt>
                <c:pt idx="7070">
                  <c:v>0</c:v>
                </c:pt>
                <c:pt idx="7071">
                  <c:v>0</c:v>
                </c:pt>
                <c:pt idx="7072">
                  <c:v>0</c:v>
                </c:pt>
                <c:pt idx="7073">
                  <c:v>0</c:v>
                </c:pt>
                <c:pt idx="7074">
                  <c:v>0</c:v>
                </c:pt>
                <c:pt idx="7075">
                  <c:v>0</c:v>
                </c:pt>
                <c:pt idx="7076">
                  <c:v>0</c:v>
                </c:pt>
                <c:pt idx="7077">
                  <c:v>0</c:v>
                </c:pt>
                <c:pt idx="7078">
                  <c:v>0</c:v>
                </c:pt>
                <c:pt idx="7079">
                  <c:v>0</c:v>
                </c:pt>
                <c:pt idx="7080">
                  <c:v>0</c:v>
                </c:pt>
                <c:pt idx="7081">
                  <c:v>0</c:v>
                </c:pt>
                <c:pt idx="7082">
                  <c:v>0</c:v>
                </c:pt>
                <c:pt idx="7083">
                  <c:v>0</c:v>
                </c:pt>
                <c:pt idx="7084">
                  <c:v>0</c:v>
                </c:pt>
                <c:pt idx="7085">
                  <c:v>0</c:v>
                </c:pt>
                <c:pt idx="7086">
                  <c:v>0</c:v>
                </c:pt>
                <c:pt idx="7087">
                  <c:v>0</c:v>
                </c:pt>
                <c:pt idx="7088">
                  <c:v>0</c:v>
                </c:pt>
                <c:pt idx="7089">
                  <c:v>0</c:v>
                </c:pt>
                <c:pt idx="7090">
                  <c:v>0</c:v>
                </c:pt>
                <c:pt idx="7091">
                  <c:v>0</c:v>
                </c:pt>
                <c:pt idx="7092">
                  <c:v>0</c:v>
                </c:pt>
                <c:pt idx="7093">
                  <c:v>0</c:v>
                </c:pt>
                <c:pt idx="7094">
                  <c:v>0</c:v>
                </c:pt>
                <c:pt idx="7095">
                  <c:v>0</c:v>
                </c:pt>
                <c:pt idx="7096">
                  <c:v>0</c:v>
                </c:pt>
                <c:pt idx="7097">
                  <c:v>0</c:v>
                </c:pt>
                <c:pt idx="7098">
                  <c:v>0</c:v>
                </c:pt>
                <c:pt idx="7099">
                  <c:v>0</c:v>
                </c:pt>
                <c:pt idx="7100">
                  <c:v>0</c:v>
                </c:pt>
                <c:pt idx="7101">
                  <c:v>0</c:v>
                </c:pt>
                <c:pt idx="7102">
                  <c:v>0</c:v>
                </c:pt>
                <c:pt idx="7103">
                  <c:v>0</c:v>
                </c:pt>
                <c:pt idx="7104">
                  <c:v>0</c:v>
                </c:pt>
                <c:pt idx="7105">
                  <c:v>0</c:v>
                </c:pt>
                <c:pt idx="7106">
                  <c:v>0</c:v>
                </c:pt>
                <c:pt idx="7107">
                  <c:v>0</c:v>
                </c:pt>
                <c:pt idx="7108">
                  <c:v>0</c:v>
                </c:pt>
                <c:pt idx="7109">
                  <c:v>0</c:v>
                </c:pt>
                <c:pt idx="7110">
                  <c:v>0</c:v>
                </c:pt>
                <c:pt idx="7111">
                  <c:v>0</c:v>
                </c:pt>
                <c:pt idx="7112">
                  <c:v>0</c:v>
                </c:pt>
                <c:pt idx="7113">
                  <c:v>0</c:v>
                </c:pt>
                <c:pt idx="7114">
                  <c:v>0</c:v>
                </c:pt>
                <c:pt idx="7115">
                  <c:v>0</c:v>
                </c:pt>
                <c:pt idx="7116">
                  <c:v>0</c:v>
                </c:pt>
                <c:pt idx="7117">
                  <c:v>0</c:v>
                </c:pt>
                <c:pt idx="7118">
                  <c:v>0</c:v>
                </c:pt>
                <c:pt idx="7119">
                  <c:v>0</c:v>
                </c:pt>
                <c:pt idx="7120">
                  <c:v>0</c:v>
                </c:pt>
                <c:pt idx="7121">
                  <c:v>0</c:v>
                </c:pt>
                <c:pt idx="7122">
                  <c:v>0</c:v>
                </c:pt>
                <c:pt idx="7123">
                  <c:v>0</c:v>
                </c:pt>
                <c:pt idx="7124">
                  <c:v>0</c:v>
                </c:pt>
                <c:pt idx="7125">
                  <c:v>0</c:v>
                </c:pt>
                <c:pt idx="7126">
                  <c:v>0</c:v>
                </c:pt>
                <c:pt idx="7127">
                  <c:v>0</c:v>
                </c:pt>
                <c:pt idx="7128">
                  <c:v>0</c:v>
                </c:pt>
                <c:pt idx="7129">
                  <c:v>0</c:v>
                </c:pt>
                <c:pt idx="7130">
                  <c:v>0</c:v>
                </c:pt>
                <c:pt idx="7131">
                  <c:v>0</c:v>
                </c:pt>
                <c:pt idx="7132">
                  <c:v>0</c:v>
                </c:pt>
                <c:pt idx="7133">
                  <c:v>0</c:v>
                </c:pt>
                <c:pt idx="7134">
                  <c:v>0</c:v>
                </c:pt>
                <c:pt idx="7135">
                  <c:v>0</c:v>
                </c:pt>
                <c:pt idx="7136">
                  <c:v>0</c:v>
                </c:pt>
                <c:pt idx="7137">
                  <c:v>0</c:v>
                </c:pt>
                <c:pt idx="7138">
                  <c:v>0</c:v>
                </c:pt>
                <c:pt idx="7139">
                  <c:v>0</c:v>
                </c:pt>
                <c:pt idx="7140">
                  <c:v>0</c:v>
                </c:pt>
                <c:pt idx="7141">
                  <c:v>0</c:v>
                </c:pt>
                <c:pt idx="7142">
                  <c:v>0</c:v>
                </c:pt>
                <c:pt idx="7143">
                  <c:v>0</c:v>
                </c:pt>
                <c:pt idx="7144">
                  <c:v>0</c:v>
                </c:pt>
                <c:pt idx="7145">
                  <c:v>0</c:v>
                </c:pt>
                <c:pt idx="7146">
                  <c:v>0</c:v>
                </c:pt>
                <c:pt idx="7147">
                  <c:v>0</c:v>
                </c:pt>
                <c:pt idx="7148">
                  <c:v>0</c:v>
                </c:pt>
                <c:pt idx="7149">
                  <c:v>0</c:v>
                </c:pt>
                <c:pt idx="7150">
                  <c:v>0</c:v>
                </c:pt>
                <c:pt idx="7151">
                  <c:v>0</c:v>
                </c:pt>
                <c:pt idx="7152">
                  <c:v>0</c:v>
                </c:pt>
                <c:pt idx="7153">
                  <c:v>0</c:v>
                </c:pt>
                <c:pt idx="7154">
                  <c:v>0</c:v>
                </c:pt>
                <c:pt idx="7155">
                  <c:v>0</c:v>
                </c:pt>
                <c:pt idx="7156">
                  <c:v>0</c:v>
                </c:pt>
                <c:pt idx="7157">
                  <c:v>0</c:v>
                </c:pt>
                <c:pt idx="7158">
                  <c:v>0</c:v>
                </c:pt>
                <c:pt idx="7159">
                  <c:v>0</c:v>
                </c:pt>
                <c:pt idx="7160">
                  <c:v>0</c:v>
                </c:pt>
                <c:pt idx="7161">
                  <c:v>0</c:v>
                </c:pt>
                <c:pt idx="7162">
                  <c:v>0</c:v>
                </c:pt>
                <c:pt idx="7163">
                  <c:v>0</c:v>
                </c:pt>
                <c:pt idx="7164">
                  <c:v>0</c:v>
                </c:pt>
                <c:pt idx="7165">
                  <c:v>0</c:v>
                </c:pt>
                <c:pt idx="7166">
                  <c:v>0</c:v>
                </c:pt>
                <c:pt idx="7167">
                  <c:v>0</c:v>
                </c:pt>
                <c:pt idx="7168">
                  <c:v>0</c:v>
                </c:pt>
                <c:pt idx="7169">
                  <c:v>0</c:v>
                </c:pt>
                <c:pt idx="7170">
                  <c:v>0</c:v>
                </c:pt>
                <c:pt idx="7171">
                  <c:v>0</c:v>
                </c:pt>
                <c:pt idx="7172">
                  <c:v>0</c:v>
                </c:pt>
                <c:pt idx="7173">
                  <c:v>0</c:v>
                </c:pt>
                <c:pt idx="7174">
                  <c:v>0</c:v>
                </c:pt>
                <c:pt idx="7175">
                  <c:v>0</c:v>
                </c:pt>
                <c:pt idx="7176">
                  <c:v>0</c:v>
                </c:pt>
                <c:pt idx="7177">
                  <c:v>0</c:v>
                </c:pt>
                <c:pt idx="7178">
                  <c:v>0</c:v>
                </c:pt>
                <c:pt idx="7179">
                  <c:v>0</c:v>
                </c:pt>
                <c:pt idx="7180">
                  <c:v>0</c:v>
                </c:pt>
                <c:pt idx="7181">
                  <c:v>0</c:v>
                </c:pt>
                <c:pt idx="7182">
                  <c:v>0</c:v>
                </c:pt>
                <c:pt idx="7183">
                  <c:v>0</c:v>
                </c:pt>
                <c:pt idx="7184">
                  <c:v>0</c:v>
                </c:pt>
                <c:pt idx="7185">
                  <c:v>0</c:v>
                </c:pt>
                <c:pt idx="7186">
                  <c:v>0</c:v>
                </c:pt>
                <c:pt idx="7187">
                  <c:v>0</c:v>
                </c:pt>
                <c:pt idx="7188">
                  <c:v>0</c:v>
                </c:pt>
                <c:pt idx="7189">
                  <c:v>0</c:v>
                </c:pt>
                <c:pt idx="7190">
                  <c:v>0</c:v>
                </c:pt>
                <c:pt idx="7191">
                  <c:v>0</c:v>
                </c:pt>
                <c:pt idx="7192">
                  <c:v>0</c:v>
                </c:pt>
                <c:pt idx="7193">
                  <c:v>0</c:v>
                </c:pt>
                <c:pt idx="7194">
                  <c:v>0</c:v>
                </c:pt>
                <c:pt idx="7195">
                  <c:v>0</c:v>
                </c:pt>
                <c:pt idx="7196">
                  <c:v>0</c:v>
                </c:pt>
                <c:pt idx="7197">
                  <c:v>0</c:v>
                </c:pt>
                <c:pt idx="7198">
                  <c:v>0</c:v>
                </c:pt>
                <c:pt idx="7199">
                  <c:v>0</c:v>
                </c:pt>
                <c:pt idx="7200">
                  <c:v>0</c:v>
                </c:pt>
                <c:pt idx="7201">
                  <c:v>0</c:v>
                </c:pt>
                <c:pt idx="7202">
                  <c:v>0</c:v>
                </c:pt>
                <c:pt idx="7203">
                  <c:v>0</c:v>
                </c:pt>
                <c:pt idx="7204">
                  <c:v>0</c:v>
                </c:pt>
                <c:pt idx="7205">
                  <c:v>0</c:v>
                </c:pt>
                <c:pt idx="7206">
                  <c:v>0</c:v>
                </c:pt>
                <c:pt idx="7207">
                  <c:v>0</c:v>
                </c:pt>
                <c:pt idx="7208">
                  <c:v>0</c:v>
                </c:pt>
                <c:pt idx="7209">
                  <c:v>0</c:v>
                </c:pt>
                <c:pt idx="7210">
                  <c:v>0</c:v>
                </c:pt>
                <c:pt idx="7211">
                  <c:v>0</c:v>
                </c:pt>
                <c:pt idx="7212">
                  <c:v>0</c:v>
                </c:pt>
                <c:pt idx="7213">
                  <c:v>0</c:v>
                </c:pt>
                <c:pt idx="7214">
                  <c:v>0</c:v>
                </c:pt>
                <c:pt idx="7215">
                  <c:v>0</c:v>
                </c:pt>
                <c:pt idx="7216">
                  <c:v>0</c:v>
                </c:pt>
                <c:pt idx="7217">
                  <c:v>0</c:v>
                </c:pt>
                <c:pt idx="7218">
                  <c:v>0</c:v>
                </c:pt>
                <c:pt idx="7219">
                  <c:v>0</c:v>
                </c:pt>
                <c:pt idx="7220">
                  <c:v>0</c:v>
                </c:pt>
                <c:pt idx="7221">
                  <c:v>0</c:v>
                </c:pt>
                <c:pt idx="7222">
                  <c:v>0</c:v>
                </c:pt>
                <c:pt idx="7223">
                  <c:v>0</c:v>
                </c:pt>
                <c:pt idx="7224">
                  <c:v>0</c:v>
                </c:pt>
                <c:pt idx="7225">
                  <c:v>0</c:v>
                </c:pt>
                <c:pt idx="7226">
                  <c:v>0</c:v>
                </c:pt>
                <c:pt idx="7227">
                  <c:v>0</c:v>
                </c:pt>
                <c:pt idx="7228">
                  <c:v>0</c:v>
                </c:pt>
                <c:pt idx="7229">
                  <c:v>0</c:v>
                </c:pt>
                <c:pt idx="7230">
                  <c:v>0</c:v>
                </c:pt>
                <c:pt idx="7231">
                  <c:v>0</c:v>
                </c:pt>
                <c:pt idx="7232">
                  <c:v>0</c:v>
                </c:pt>
                <c:pt idx="7233">
                  <c:v>0</c:v>
                </c:pt>
                <c:pt idx="7234">
                  <c:v>0</c:v>
                </c:pt>
                <c:pt idx="7235">
                  <c:v>0</c:v>
                </c:pt>
                <c:pt idx="7236">
                  <c:v>0</c:v>
                </c:pt>
                <c:pt idx="7237">
                  <c:v>0</c:v>
                </c:pt>
                <c:pt idx="7238">
                  <c:v>0</c:v>
                </c:pt>
                <c:pt idx="7239">
                  <c:v>0</c:v>
                </c:pt>
                <c:pt idx="7240">
                  <c:v>0</c:v>
                </c:pt>
                <c:pt idx="7241">
                  <c:v>0</c:v>
                </c:pt>
                <c:pt idx="7242">
                  <c:v>0</c:v>
                </c:pt>
                <c:pt idx="7243">
                  <c:v>0</c:v>
                </c:pt>
                <c:pt idx="7244">
                  <c:v>0</c:v>
                </c:pt>
                <c:pt idx="7245">
                  <c:v>0</c:v>
                </c:pt>
                <c:pt idx="7246">
                  <c:v>0</c:v>
                </c:pt>
                <c:pt idx="7247">
                  <c:v>0</c:v>
                </c:pt>
                <c:pt idx="7248">
                  <c:v>0</c:v>
                </c:pt>
                <c:pt idx="7249">
                  <c:v>0</c:v>
                </c:pt>
                <c:pt idx="7250">
                  <c:v>0</c:v>
                </c:pt>
                <c:pt idx="7251">
                  <c:v>0</c:v>
                </c:pt>
                <c:pt idx="7252">
                  <c:v>0</c:v>
                </c:pt>
                <c:pt idx="7253">
                  <c:v>0</c:v>
                </c:pt>
                <c:pt idx="7254">
                  <c:v>0</c:v>
                </c:pt>
                <c:pt idx="7255">
                  <c:v>0</c:v>
                </c:pt>
                <c:pt idx="7256">
                  <c:v>0</c:v>
                </c:pt>
                <c:pt idx="7257">
                  <c:v>0</c:v>
                </c:pt>
                <c:pt idx="7258">
                  <c:v>0</c:v>
                </c:pt>
                <c:pt idx="7259">
                  <c:v>0</c:v>
                </c:pt>
                <c:pt idx="7260">
                  <c:v>0</c:v>
                </c:pt>
                <c:pt idx="7261">
                  <c:v>0</c:v>
                </c:pt>
                <c:pt idx="7262">
                  <c:v>0</c:v>
                </c:pt>
                <c:pt idx="7263">
                  <c:v>0</c:v>
                </c:pt>
                <c:pt idx="7264">
                  <c:v>0</c:v>
                </c:pt>
                <c:pt idx="7265">
                  <c:v>0</c:v>
                </c:pt>
                <c:pt idx="7266">
                  <c:v>0</c:v>
                </c:pt>
                <c:pt idx="7267">
                  <c:v>0</c:v>
                </c:pt>
                <c:pt idx="7268">
                  <c:v>0</c:v>
                </c:pt>
                <c:pt idx="7269">
                  <c:v>0</c:v>
                </c:pt>
                <c:pt idx="7270">
                  <c:v>0</c:v>
                </c:pt>
                <c:pt idx="7271">
                  <c:v>0</c:v>
                </c:pt>
                <c:pt idx="7272">
                  <c:v>0</c:v>
                </c:pt>
                <c:pt idx="7273">
                  <c:v>0</c:v>
                </c:pt>
                <c:pt idx="7274">
                  <c:v>0</c:v>
                </c:pt>
                <c:pt idx="7275">
                  <c:v>0</c:v>
                </c:pt>
                <c:pt idx="7276">
                  <c:v>0</c:v>
                </c:pt>
                <c:pt idx="7277">
                  <c:v>0</c:v>
                </c:pt>
                <c:pt idx="7278">
                  <c:v>0</c:v>
                </c:pt>
                <c:pt idx="7279">
                  <c:v>0</c:v>
                </c:pt>
                <c:pt idx="7280">
                  <c:v>0</c:v>
                </c:pt>
                <c:pt idx="7281">
                  <c:v>0</c:v>
                </c:pt>
                <c:pt idx="7282">
                  <c:v>0</c:v>
                </c:pt>
                <c:pt idx="7283">
                  <c:v>0</c:v>
                </c:pt>
                <c:pt idx="7284">
                  <c:v>0</c:v>
                </c:pt>
                <c:pt idx="7285">
                  <c:v>0</c:v>
                </c:pt>
                <c:pt idx="7286">
                  <c:v>0</c:v>
                </c:pt>
                <c:pt idx="7287">
                  <c:v>0</c:v>
                </c:pt>
                <c:pt idx="7288">
                  <c:v>0</c:v>
                </c:pt>
                <c:pt idx="7289">
                  <c:v>0</c:v>
                </c:pt>
                <c:pt idx="7290">
                  <c:v>0</c:v>
                </c:pt>
                <c:pt idx="7291">
                  <c:v>0</c:v>
                </c:pt>
                <c:pt idx="7292">
                  <c:v>0</c:v>
                </c:pt>
                <c:pt idx="7293">
                  <c:v>0</c:v>
                </c:pt>
                <c:pt idx="7294">
                  <c:v>0</c:v>
                </c:pt>
                <c:pt idx="7295">
                  <c:v>0</c:v>
                </c:pt>
                <c:pt idx="7296">
                  <c:v>0</c:v>
                </c:pt>
                <c:pt idx="7297">
                  <c:v>0</c:v>
                </c:pt>
                <c:pt idx="7298">
                  <c:v>0</c:v>
                </c:pt>
                <c:pt idx="7299">
                  <c:v>0</c:v>
                </c:pt>
                <c:pt idx="7300">
                  <c:v>0</c:v>
                </c:pt>
                <c:pt idx="7301">
                  <c:v>0</c:v>
                </c:pt>
                <c:pt idx="7302">
                  <c:v>0</c:v>
                </c:pt>
                <c:pt idx="7303">
                  <c:v>0</c:v>
                </c:pt>
                <c:pt idx="7304">
                  <c:v>0</c:v>
                </c:pt>
                <c:pt idx="7305">
                  <c:v>0</c:v>
                </c:pt>
                <c:pt idx="7306">
                  <c:v>0</c:v>
                </c:pt>
                <c:pt idx="7307">
                  <c:v>0</c:v>
                </c:pt>
                <c:pt idx="7308">
                  <c:v>0</c:v>
                </c:pt>
                <c:pt idx="7309">
                  <c:v>0</c:v>
                </c:pt>
                <c:pt idx="7310">
                  <c:v>0</c:v>
                </c:pt>
                <c:pt idx="7311">
                  <c:v>0</c:v>
                </c:pt>
                <c:pt idx="7312">
                  <c:v>0</c:v>
                </c:pt>
                <c:pt idx="7313">
                  <c:v>0</c:v>
                </c:pt>
                <c:pt idx="7314">
                  <c:v>0</c:v>
                </c:pt>
                <c:pt idx="7315">
                  <c:v>0</c:v>
                </c:pt>
                <c:pt idx="7316">
                  <c:v>0</c:v>
                </c:pt>
                <c:pt idx="7317">
                  <c:v>0</c:v>
                </c:pt>
                <c:pt idx="7318">
                  <c:v>0</c:v>
                </c:pt>
                <c:pt idx="7319">
                  <c:v>0</c:v>
                </c:pt>
                <c:pt idx="7320">
                  <c:v>0</c:v>
                </c:pt>
                <c:pt idx="7321">
                  <c:v>0</c:v>
                </c:pt>
                <c:pt idx="7322">
                  <c:v>0</c:v>
                </c:pt>
                <c:pt idx="7323">
                  <c:v>0</c:v>
                </c:pt>
                <c:pt idx="7324">
                  <c:v>0</c:v>
                </c:pt>
                <c:pt idx="7325">
                  <c:v>0</c:v>
                </c:pt>
                <c:pt idx="7326">
                  <c:v>0</c:v>
                </c:pt>
                <c:pt idx="7327">
                  <c:v>0</c:v>
                </c:pt>
                <c:pt idx="7328">
                  <c:v>0</c:v>
                </c:pt>
                <c:pt idx="7329">
                  <c:v>0</c:v>
                </c:pt>
                <c:pt idx="7330">
                  <c:v>0</c:v>
                </c:pt>
                <c:pt idx="7331">
                  <c:v>0</c:v>
                </c:pt>
                <c:pt idx="7332">
                  <c:v>0</c:v>
                </c:pt>
                <c:pt idx="7333">
                  <c:v>0</c:v>
                </c:pt>
                <c:pt idx="7334">
                  <c:v>0</c:v>
                </c:pt>
                <c:pt idx="7335">
                  <c:v>0</c:v>
                </c:pt>
                <c:pt idx="7336">
                  <c:v>0</c:v>
                </c:pt>
                <c:pt idx="7337">
                  <c:v>0</c:v>
                </c:pt>
                <c:pt idx="7338">
                  <c:v>0</c:v>
                </c:pt>
                <c:pt idx="7339">
                  <c:v>0</c:v>
                </c:pt>
                <c:pt idx="7340">
                  <c:v>0</c:v>
                </c:pt>
                <c:pt idx="7341">
                  <c:v>0</c:v>
                </c:pt>
                <c:pt idx="7342">
                  <c:v>0</c:v>
                </c:pt>
                <c:pt idx="7343">
                  <c:v>0</c:v>
                </c:pt>
                <c:pt idx="7344">
                  <c:v>0</c:v>
                </c:pt>
                <c:pt idx="7345">
                  <c:v>0</c:v>
                </c:pt>
                <c:pt idx="7346">
                  <c:v>0</c:v>
                </c:pt>
                <c:pt idx="7347">
                  <c:v>0</c:v>
                </c:pt>
                <c:pt idx="7348">
                  <c:v>0</c:v>
                </c:pt>
                <c:pt idx="7349">
                  <c:v>0</c:v>
                </c:pt>
                <c:pt idx="7350">
                  <c:v>0</c:v>
                </c:pt>
                <c:pt idx="7351">
                  <c:v>0</c:v>
                </c:pt>
                <c:pt idx="7352">
                  <c:v>0</c:v>
                </c:pt>
                <c:pt idx="7353">
                  <c:v>0</c:v>
                </c:pt>
                <c:pt idx="7354">
                  <c:v>0</c:v>
                </c:pt>
                <c:pt idx="7355">
                  <c:v>0</c:v>
                </c:pt>
                <c:pt idx="7356">
                  <c:v>0</c:v>
                </c:pt>
                <c:pt idx="7357">
                  <c:v>0</c:v>
                </c:pt>
                <c:pt idx="7358">
                  <c:v>0</c:v>
                </c:pt>
                <c:pt idx="7359">
                  <c:v>0</c:v>
                </c:pt>
                <c:pt idx="7360">
                  <c:v>0</c:v>
                </c:pt>
                <c:pt idx="7361">
                  <c:v>0</c:v>
                </c:pt>
                <c:pt idx="7362">
                  <c:v>0</c:v>
                </c:pt>
                <c:pt idx="7363">
                  <c:v>0</c:v>
                </c:pt>
                <c:pt idx="7364">
                  <c:v>0</c:v>
                </c:pt>
                <c:pt idx="7365">
                  <c:v>0</c:v>
                </c:pt>
                <c:pt idx="7366">
                  <c:v>0</c:v>
                </c:pt>
                <c:pt idx="7367">
                  <c:v>0</c:v>
                </c:pt>
                <c:pt idx="7368">
                  <c:v>0</c:v>
                </c:pt>
                <c:pt idx="7369">
                  <c:v>0</c:v>
                </c:pt>
                <c:pt idx="7370">
                  <c:v>0</c:v>
                </c:pt>
                <c:pt idx="7371">
                  <c:v>0</c:v>
                </c:pt>
                <c:pt idx="7372">
                  <c:v>0</c:v>
                </c:pt>
                <c:pt idx="7373">
                  <c:v>0</c:v>
                </c:pt>
                <c:pt idx="7374">
                  <c:v>0</c:v>
                </c:pt>
                <c:pt idx="7375">
                  <c:v>0</c:v>
                </c:pt>
                <c:pt idx="7376">
                  <c:v>0</c:v>
                </c:pt>
                <c:pt idx="7377">
                  <c:v>0</c:v>
                </c:pt>
                <c:pt idx="7378">
                  <c:v>0</c:v>
                </c:pt>
                <c:pt idx="7379">
                  <c:v>0</c:v>
                </c:pt>
                <c:pt idx="7380">
                  <c:v>0</c:v>
                </c:pt>
                <c:pt idx="7381">
                  <c:v>0</c:v>
                </c:pt>
                <c:pt idx="7382">
                  <c:v>0</c:v>
                </c:pt>
                <c:pt idx="7383">
                  <c:v>0</c:v>
                </c:pt>
                <c:pt idx="7384">
                  <c:v>0</c:v>
                </c:pt>
                <c:pt idx="7385">
                  <c:v>0</c:v>
                </c:pt>
                <c:pt idx="7386">
                  <c:v>0</c:v>
                </c:pt>
                <c:pt idx="7387">
                  <c:v>0</c:v>
                </c:pt>
                <c:pt idx="7388">
                  <c:v>0</c:v>
                </c:pt>
                <c:pt idx="7389">
                  <c:v>0</c:v>
                </c:pt>
                <c:pt idx="7390">
                  <c:v>0</c:v>
                </c:pt>
                <c:pt idx="7391">
                  <c:v>0</c:v>
                </c:pt>
                <c:pt idx="7392">
                  <c:v>0</c:v>
                </c:pt>
                <c:pt idx="7393">
                  <c:v>0</c:v>
                </c:pt>
                <c:pt idx="7394">
                  <c:v>0</c:v>
                </c:pt>
                <c:pt idx="7395">
                  <c:v>0</c:v>
                </c:pt>
                <c:pt idx="7396">
                  <c:v>0</c:v>
                </c:pt>
                <c:pt idx="7397">
                  <c:v>0</c:v>
                </c:pt>
                <c:pt idx="7398">
                  <c:v>0</c:v>
                </c:pt>
                <c:pt idx="7399">
                  <c:v>0</c:v>
                </c:pt>
                <c:pt idx="7400">
                  <c:v>0</c:v>
                </c:pt>
                <c:pt idx="7401">
                  <c:v>0</c:v>
                </c:pt>
                <c:pt idx="7402">
                  <c:v>0</c:v>
                </c:pt>
                <c:pt idx="7403">
                  <c:v>0</c:v>
                </c:pt>
                <c:pt idx="7404">
                  <c:v>0</c:v>
                </c:pt>
                <c:pt idx="7405">
                  <c:v>0</c:v>
                </c:pt>
                <c:pt idx="7406">
                  <c:v>0</c:v>
                </c:pt>
                <c:pt idx="7407">
                  <c:v>0</c:v>
                </c:pt>
                <c:pt idx="7408">
                  <c:v>0</c:v>
                </c:pt>
                <c:pt idx="7409">
                  <c:v>0</c:v>
                </c:pt>
                <c:pt idx="7410">
                  <c:v>0</c:v>
                </c:pt>
                <c:pt idx="7411">
                  <c:v>0</c:v>
                </c:pt>
                <c:pt idx="7412">
                  <c:v>0</c:v>
                </c:pt>
                <c:pt idx="7413">
                  <c:v>0</c:v>
                </c:pt>
                <c:pt idx="7414">
                  <c:v>0</c:v>
                </c:pt>
                <c:pt idx="7415">
                  <c:v>0</c:v>
                </c:pt>
                <c:pt idx="7416">
                  <c:v>0</c:v>
                </c:pt>
                <c:pt idx="7417">
                  <c:v>0</c:v>
                </c:pt>
                <c:pt idx="7418">
                  <c:v>0</c:v>
                </c:pt>
                <c:pt idx="7419">
                  <c:v>0</c:v>
                </c:pt>
                <c:pt idx="7420">
                  <c:v>0</c:v>
                </c:pt>
                <c:pt idx="7421">
                  <c:v>0</c:v>
                </c:pt>
                <c:pt idx="7422">
                  <c:v>0</c:v>
                </c:pt>
                <c:pt idx="7423">
                  <c:v>0</c:v>
                </c:pt>
                <c:pt idx="7424">
                  <c:v>0</c:v>
                </c:pt>
                <c:pt idx="7425">
                  <c:v>0</c:v>
                </c:pt>
                <c:pt idx="7426">
                  <c:v>0</c:v>
                </c:pt>
                <c:pt idx="7427">
                  <c:v>0</c:v>
                </c:pt>
                <c:pt idx="7428">
                  <c:v>0</c:v>
                </c:pt>
                <c:pt idx="7429">
                  <c:v>0</c:v>
                </c:pt>
                <c:pt idx="7430">
                  <c:v>0</c:v>
                </c:pt>
                <c:pt idx="7431">
                  <c:v>0</c:v>
                </c:pt>
                <c:pt idx="7432">
                  <c:v>0</c:v>
                </c:pt>
                <c:pt idx="7433">
                  <c:v>0</c:v>
                </c:pt>
                <c:pt idx="7434">
                  <c:v>0</c:v>
                </c:pt>
                <c:pt idx="7435">
                  <c:v>0</c:v>
                </c:pt>
                <c:pt idx="7436">
                  <c:v>0</c:v>
                </c:pt>
                <c:pt idx="7437">
                  <c:v>0</c:v>
                </c:pt>
                <c:pt idx="7438">
                  <c:v>0</c:v>
                </c:pt>
                <c:pt idx="7439">
                  <c:v>0</c:v>
                </c:pt>
                <c:pt idx="7440">
                  <c:v>0</c:v>
                </c:pt>
                <c:pt idx="7441">
                  <c:v>0</c:v>
                </c:pt>
                <c:pt idx="7442">
                  <c:v>0</c:v>
                </c:pt>
                <c:pt idx="7443">
                  <c:v>0</c:v>
                </c:pt>
                <c:pt idx="7444">
                  <c:v>0</c:v>
                </c:pt>
                <c:pt idx="7445">
                  <c:v>0</c:v>
                </c:pt>
                <c:pt idx="7446">
                  <c:v>0</c:v>
                </c:pt>
                <c:pt idx="7447">
                  <c:v>0</c:v>
                </c:pt>
                <c:pt idx="7448">
                  <c:v>0</c:v>
                </c:pt>
                <c:pt idx="7449">
                  <c:v>0</c:v>
                </c:pt>
                <c:pt idx="7450">
                  <c:v>0</c:v>
                </c:pt>
                <c:pt idx="7451">
                  <c:v>0</c:v>
                </c:pt>
                <c:pt idx="7452">
                  <c:v>0</c:v>
                </c:pt>
                <c:pt idx="7453">
                  <c:v>0</c:v>
                </c:pt>
                <c:pt idx="7454">
                  <c:v>0</c:v>
                </c:pt>
                <c:pt idx="7455">
                  <c:v>0</c:v>
                </c:pt>
                <c:pt idx="7456">
                  <c:v>0</c:v>
                </c:pt>
                <c:pt idx="7457">
                  <c:v>0</c:v>
                </c:pt>
                <c:pt idx="7458">
                  <c:v>0</c:v>
                </c:pt>
                <c:pt idx="7459">
                  <c:v>0</c:v>
                </c:pt>
                <c:pt idx="7460">
                  <c:v>0</c:v>
                </c:pt>
                <c:pt idx="7461">
                  <c:v>0</c:v>
                </c:pt>
                <c:pt idx="7462">
                  <c:v>0</c:v>
                </c:pt>
                <c:pt idx="7463">
                  <c:v>0</c:v>
                </c:pt>
                <c:pt idx="7464">
                  <c:v>0</c:v>
                </c:pt>
                <c:pt idx="7465">
                  <c:v>0</c:v>
                </c:pt>
                <c:pt idx="7466">
                  <c:v>0</c:v>
                </c:pt>
                <c:pt idx="7467">
                  <c:v>0</c:v>
                </c:pt>
                <c:pt idx="7468">
                  <c:v>0</c:v>
                </c:pt>
                <c:pt idx="7469">
                  <c:v>0</c:v>
                </c:pt>
                <c:pt idx="7470">
                  <c:v>0</c:v>
                </c:pt>
                <c:pt idx="7471">
                  <c:v>0</c:v>
                </c:pt>
                <c:pt idx="7472">
                  <c:v>0</c:v>
                </c:pt>
                <c:pt idx="7473">
                  <c:v>0</c:v>
                </c:pt>
                <c:pt idx="7474">
                  <c:v>0</c:v>
                </c:pt>
                <c:pt idx="7475">
                  <c:v>0</c:v>
                </c:pt>
                <c:pt idx="7476">
                  <c:v>0</c:v>
                </c:pt>
                <c:pt idx="7477">
                  <c:v>0</c:v>
                </c:pt>
                <c:pt idx="7478">
                  <c:v>0</c:v>
                </c:pt>
                <c:pt idx="7479">
                  <c:v>0</c:v>
                </c:pt>
                <c:pt idx="7480">
                  <c:v>0</c:v>
                </c:pt>
                <c:pt idx="7481">
                  <c:v>0</c:v>
                </c:pt>
                <c:pt idx="7482">
                  <c:v>0</c:v>
                </c:pt>
                <c:pt idx="7483">
                  <c:v>0</c:v>
                </c:pt>
                <c:pt idx="7484">
                  <c:v>0</c:v>
                </c:pt>
                <c:pt idx="7485">
                  <c:v>0</c:v>
                </c:pt>
                <c:pt idx="7486">
                  <c:v>0</c:v>
                </c:pt>
                <c:pt idx="7487">
                  <c:v>0</c:v>
                </c:pt>
                <c:pt idx="7488">
                  <c:v>0</c:v>
                </c:pt>
                <c:pt idx="7489">
                  <c:v>0</c:v>
                </c:pt>
                <c:pt idx="7490">
                  <c:v>0</c:v>
                </c:pt>
                <c:pt idx="7491">
                  <c:v>0</c:v>
                </c:pt>
                <c:pt idx="7492">
                  <c:v>0</c:v>
                </c:pt>
                <c:pt idx="7493">
                  <c:v>0</c:v>
                </c:pt>
                <c:pt idx="7494">
                  <c:v>0</c:v>
                </c:pt>
                <c:pt idx="7495">
                  <c:v>0</c:v>
                </c:pt>
                <c:pt idx="7496">
                  <c:v>0</c:v>
                </c:pt>
                <c:pt idx="7497">
                  <c:v>0</c:v>
                </c:pt>
                <c:pt idx="7498">
                  <c:v>0</c:v>
                </c:pt>
                <c:pt idx="7499">
                  <c:v>0</c:v>
                </c:pt>
                <c:pt idx="7500">
                  <c:v>0</c:v>
                </c:pt>
                <c:pt idx="7501">
                  <c:v>0</c:v>
                </c:pt>
                <c:pt idx="7502">
                  <c:v>0</c:v>
                </c:pt>
                <c:pt idx="7503">
                  <c:v>0</c:v>
                </c:pt>
                <c:pt idx="7504">
                  <c:v>0</c:v>
                </c:pt>
                <c:pt idx="7505">
                  <c:v>0</c:v>
                </c:pt>
                <c:pt idx="7506">
                  <c:v>0</c:v>
                </c:pt>
                <c:pt idx="7507">
                  <c:v>0</c:v>
                </c:pt>
                <c:pt idx="7508">
                  <c:v>0</c:v>
                </c:pt>
                <c:pt idx="7509">
                  <c:v>0</c:v>
                </c:pt>
                <c:pt idx="7510">
                  <c:v>0</c:v>
                </c:pt>
                <c:pt idx="7511">
                  <c:v>0</c:v>
                </c:pt>
                <c:pt idx="7512">
                  <c:v>0</c:v>
                </c:pt>
                <c:pt idx="7513">
                  <c:v>0</c:v>
                </c:pt>
                <c:pt idx="7514">
                  <c:v>0</c:v>
                </c:pt>
                <c:pt idx="7515">
                  <c:v>0</c:v>
                </c:pt>
                <c:pt idx="7516">
                  <c:v>0</c:v>
                </c:pt>
                <c:pt idx="7517">
                  <c:v>0</c:v>
                </c:pt>
                <c:pt idx="7518">
                  <c:v>0</c:v>
                </c:pt>
                <c:pt idx="7519">
                  <c:v>0</c:v>
                </c:pt>
                <c:pt idx="7520">
                  <c:v>0</c:v>
                </c:pt>
                <c:pt idx="7521">
                  <c:v>0</c:v>
                </c:pt>
                <c:pt idx="7522">
                  <c:v>0</c:v>
                </c:pt>
                <c:pt idx="7523">
                  <c:v>0</c:v>
                </c:pt>
                <c:pt idx="7524">
                  <c:v>0</c:v>
                </c:pt>
                <c:pt idx="7525">
                  <c:v>0</c:v>
                </c:pt>
                <c:pt idx="7526">
                  <c:v>0</c:v>
                </c:pt>
                <c:pt idx="7527">
                  <c:v>0</c:v>
                </c:pt>
                <c:pt idx="7528">
                  <c:v>0</c:v>
                </c:pt>
                <c:pt idx="7529">
                  <c:v>0</c:v>
                </c:pt>
                <c:pt idx="7530">
                  <c:v>0</c:v>
                </c:pt>
                <c:pt idx="7531">
                  <c:v>0</c:v>
                </c:pt>
                <c:pt idx="7532">
                  <c:v>0</c:v>
                </c:pt>
                <c:pt idx="7533">
                  <c:v>0</c:v>
                </c:pt>
                <c:pt idx="7534">
                  <c:v>0</c:v>
                </c:pt>
                <c:pt idx="7535">
                  <c:v>0</c:v>
                </c:pt>
                <c:pt idx="7536">
                  <c:v>0</c:v>
                </c:pt>
                <c:pt idx="7537">
                  <c:v>0</c:v>
                </c:pt>
                <c:pt idx="7538">
                  <c:v>0</c:v>
                </c:pt>
                <c:pt idx="7539">
                  <c:v>0</c:v>
                </c:pt>
                <c:pt idx="7540">
                  <c:v>0</c:v>
                </c:pt>
                <c:pt idx="7541">
                  <c:v>0</c:v>
                </c:pt>
                <c:pt idx="7542">
                  <c:v>0</c:v>
                </c:pt>
                <c:pt idx="7543">
                  <c:v>0</c:v>
                </c:pt>
                <c:pt idx="7544">
                  <c:v>0</c:v>
                </c:pt>
                <c:pt idx="7545">
                  <c:v>0</c:v>
                </c:pt>
                <c:pt idx="7546">
                  <c:v>0</c:v>
                </c:pt>
                <c:pt idx="7547">
                  <c:v>0</c:v>
                </c:pt>
                <c:pt idx="7548">
                  <c:v>0</c:v>
                </c:pt>
                <c:pt idx="7549">
                  <c:v>0</c:v>
                </c:pt>
                <c:pt idx="7550">
                  <c:v>0</c:v>
                </c:pt>
                <c:pt idx="7551">
                  <c:v>0</c:v>
                </c:pt>
                <c:pt idx="7552">
                  <c:v>0</c:v>
                </c:pt>
                <c:pt idx="7553">
                  <c:v>0</c:v>
                </c:pt>
                <c:pt idx="7554">
                  <c:v>0</c:v>
                </c:pt>
                <c:pt idx="7555">
                  <c:v>0</c:v>
                </c:pt>
                <c:pt idx="7556">
                  <c:v>0</c:v>
                </c:pt>
                <c:pt idx="7557">
                  <c:v>0</c:v>
                </c:pt>
                <c:pt idx="7558">
                  <c:v>0</c:v>
                </c:pt>
                <c:pt idx="7559">
                  <c:v>0</c:v>
                </c:pt>
                <c:pt idx="7560">
                  <c:v>0</c:v>
                </c:pt>
                <c:pt idx="7561">
                  <c:v>0</c:v>
                </c:pt>
                <c:pt idx="7562">
                  <c:v>0</c:v>
                </c:pt>
                <c:pt idx="7563">
                  <c:v>0</c:v>
                </c:pt>
                <c:pt idx="7564">
                  <c:v>0</c:v>
                </c:pt>
                <c:pt idx="7565">
                  <c:v>0</c:v>
                </c:pt>
                <c:pt idx="7566">
                  <c:v>0</c:v>
                </c:pt>
                <c:pt idx="7567">
                  <c:v>0</c:v>
                </c:pt>
                <c:pt idx="7568">
                  <c:v>0</c:v>
                </c:pt>
                <c:pt idx="7569">
                  <c:v>0</c:v>
                </c:pt>
                <c:pt idx="7570">
                  <c:v>0</c:v>
                </c:pt>
                <c:pt idx="7571">
                  <c:v>0</c:v>
                </c:pt>
                <c:pt idx="7572">
                  <c:v>0</c:v>
                </c:pt>
                <c:pt idx="7573">
                  <c:v>0</c:v>
                </c:pt>
                <c:pt idx="7574">
                  <c:v>0</c:v>
                </c:pt>
                <c:pt idx="7575">
                  <c:v>0</c:v>
                </c:pt>
                <c:pt idx="7576">
                  <c:v>0</c:v>
                </c:pt>
                <c:pt idx="7577">
                  <c:v>0</c:v>
                </c:pt>
                <c:pt idx="7578">
                  <c:v>0</c:v>
                </c:pt>
                <c:pt idx="7579">
                  <c:v>0</c:v>
                </c:pt>
                <c:pt idx="7580">
                  <c:v>0</c:v>
                </c:pt>
                <c:pt idx="7581">
                  <c:v>0</c:v>
                </c:pt>
                <c:pt idx="7582">
                  <c:v>0</c:v>
                </c:pt>
                <c:pt idx="7583">
                  <c:v>0</c:v>
                </c:pt>
                <c:pt idx="7584">
                  <c:v>0</c:v>
                </c:pt>
                <c:pt idx="7585">
                  <c:v>0</c:v>
                </c:pt>
                <c:pt idx="7586">
                  <c:v>0</c:v>
                </c:pt>
                <c:pt idx="7587">
                  <c:v>0</c:v>
                </c:pt>
                <c:pt idx="7588">
                  <c:v>0</c:v>
                </c:pt>
                <c:pt idx="7589">
                  <c:v>0</c:v>
                </c:pt>
                <c:pt idx="7590">
                  <c:v>0</c:v>
                </c:pt>
                <c:pt idx="7591">
                  <c:v>0</c:v>
                </c:pt>
                <c:pt idx="7592">
                  <c:v>0</c:v>
                </c:pt>
                <c:pt idx="7593">
                  <c:v>0</c:v>
                </c:pt>
                <c:pt idx="7594">
                  <c:v>0</c:v>
                </c:pt>
                <c:pt idx="7595">
                  <c:v>0</c:v>
                </c:pt>
                <c:pt idx="7596">
                  <c:v>0</c:v>
                </c:pt>
                <c:pt idx="7597">
                  <c:v>0</c:v>
                </c:pt>
                <c:pt idx="7598">
                  <c:v>0</c:v>
                </c:pt>
                <c:pt idx="7599">
                  <c:v>0</c:v>
                </c:pt>
                <c:pt idx="7600">
                  <c:v>0</c:v>
                </c:pt>
                <c:pt idx="7601">
                  <c:v>0</c:v>
                </c:pt>
                <c:pt idx="7602">
                  <c:v>0</c:v>
                </c:pt>
                <c:pt idx="7603">
                  <c:v>0</c:v>
                </c:pt>
                <c:pt idx="7604">
                  <c:v>0</c:v>
                </c:pt>
                <c:pt idx="7605">
                  <c:v>0</c:v>
                </c:pt>
                <c:pt idx="7606">
                  <c:v>0</c:v>
                </c:pt>
                <c:pt idx="7607">
                  <c:v>0</c:v>
                </c:pt>
                <c:pt idx="7608">
                  <c:v>0</c:v>
                </c:pt>
                <c:pt idx="7609">
                  <c:v>0</c:v>
                </c:pt>
                <c:pt idx="7610">
                  <c:v>0</c:v>
                </c:pt>
                <c:pt idx="7611">
                  <c:v>0</c:v>
                </c:pt>
                <c:pt idx="7612">
                  <c:v>0</c:v>
                </c:pt>
                <c:pt idx="7613">
                  <c:v>0</c:v>
                </c:pt>
                <c:pt idx="7614">
                  <c:v>0</c:v>
                </c:pt>
                <c:pt idx="7615">
                  <c:v>0</c:v>
                </c:pt>
                <c:pt idx="7616">
                  <c:v>0</c:v>
                </c:pt>
                <c:pt idx="7617">
                  <c:v>0</c:v>
                </c:pt>
                <c:pt idx="7618">
                  <c:v>0</c:v>
                </c:pt>
                <c:pt idx="7619">
                  <c:v>0</c:v>
                </c:pt>
                <c:pt idx="7620">
                  <c:v>0</c:v>
                </c:pt>
                <c:pt idx="7621">
                  <c:v>0</c:v>
                </c:pt>
                <c:pt idx="7622">
                  <c:v>0</c:v>
                </c:pt>
                <c:pt idx="7623">
                  <c:v>0</c:v>
                </c:pt>
                <c:pt idx="7624">
                  <c:v>0</c:v>
                </c:pt>
                <c:pt idx="7625">
                  <c:v>0</c:v>
                </c:pt>
                <c:pt idx="7626">
                  <c:v>0</c:v>
                </c:pt>
                <c:pt idx="7627">
                  <c:v>0</c:v>
                </c:pt>
                <c:pt idx="7628">
                  <c:v>0</c:v>
                </c:pt>
                <c:pt idx="7629">
                  <c:v>0</c:v>
                </c:pt>
                <c:pt idx="7630">
                  <c:v>0</c:v>
                </c:pt>
                <c:pt idx="7631">
                  <c:v>0</c:v>
                </c:pt>
                <c:pt idx="7632">
                  <c:v>0</c:v>
                </c:pt>
                <c:pt idx="7633">
                  <c:v>0</c:v>
                </c:pt>
                <c:pt idx="7634">
                  <c:v>0</c:v>
                </c:pt>
                <c:pt idx="7635">
                  <c:v>0</c:v>
                </c:pt>
                <c:pt idx="7636">
                  <c:v>0</c:v>
                </c:pt>
                <c:pt idx="7637">
                  <c:v>0</c:v>
                </c:pt>
                <c:pt idx="7638">
                  <c:v>0</c:v>
                </c:pt>
                <c:pt idx="7639">
                  <c:v>0</c:v>
                </c:pt>
                <c:pt idx="7640">
                  <c:v>0</c:v>
                </c:pt>
                <c:pt idx="7641">
                  <c:v>0</c:v>
                </c:pt>
                <c:pt idx="7642">
                  <c:v>0</c:v>
                </c:pt>
                <c:pt idx="7643">
                  <c:v>0</c:v>
                </c:pt>
                <c:pt idx="7644">
                  <c:v>0</c:v>
                </c:pt>
                <c:pt idx="7645">
                  <c:v>0</c:v>
                </c:pt>
                <c:pt idx="7646">
                  <c:v>0</c:v>
                </c:pt>
                <c:pt idx="7647">
                  <c:v>0</c:v>
                </c:pt>
                <c:pt idx="7648">
                  <c:v>0</c:v>
                </c:pt>
                <c:pt idx="7649">
                  <c:v>0</c:v>
                </c:pt>
                <c:pt idx="7650">
                  <c:v>0</c:v>
                </c:pt>
                <c:pt idx="7651">
                  <c:v>0</c:v>
                </c:pt>
                <c:pt idx="7652">
                  <c:v>0</c:v>
                </c:pt>
                <c:pt idx="7653">
                  <c:v>0</c:v>
                </c:pt>
                <c:pt idx="7654">
                  <c:v>0</c:v>
                </c:pt>
                <c:pt idx="7655">
                  <c:v>0</c:v>
                </c:pt>
                <c:pt idx="7656">
                  <c:v>0</c:v>
                </c:pt>
                <c:pt idx="7657">
                  <c:v>0</c:v>
                </c:pt>
                <c:pt idx="7658">
                  <c:v>0</c:v>
                </c:pt>
                <c:pt idx="7659">
                  <c:v>0</c:v>
                </c:pt>
                <c:pt idx="7660">
                  <c:v>0</c:v>
                </c:pt>
                <c:pt idx="7661">
                  <c:v>0</c:v>
                </c:pt>
                <c:pt idx="7662">
                  <c:v>0</c:v>
                </c:pt>
                <c:pt idx="7663">
                  <c:v>0</c:v>
                </c:pt>
                <c:pt idx="7664">
                  <c:v>0</c:v>
                </c:pt>
                <c:pt idx="7665">
                  <c:v>0</c:v>
                </c:pt>
                <c:pt idx="7666">
                  <c:v>0</c:v>
                </c:pt>
                <c:pt idx="7667">
                  <c:v>0</c:v>
                </c:pt>
                <c:pt idx="7668">
                  <c:v>0</c:v>
                </c:pt>
                <c:pt idx="7669">
                  <c:v>0</c:v>
                </c:pt>
                <c:pt idx="7670">
                  <c:v>0</c:v>
                </c:pt>
                <c:pt idx="7671">
                  <c:v>0</c:v>
                </c:pt>
                <c:pt idx="7672">
                  <c:v>0</c:v>
                </c:pt>
                <c:pt idx="7673">
                  <c:v>0</c:v>
                </c:pt>
                <c:pt idx="7674">
                  <c:v>0</c:v>
                </c:pt>
                <c:pt idx="7675">
                  <c:v>0</c:v>
                </c:pt>
                <c:pt idx="7676">
                  <c:v>0</c:v>
                </c:pt>
                <c:pt idx="7677">
                  <c:v>0</c:v>
                </c:pt>
                <c:pt idx="7678">
                  <c:v>0</c:v>
                </c:pt>
                <c:pt idx="7679">
                  <c:v>0</c:v>
                </c:pt>
                <c:pt idx="7680">
                  <c:v>0</c:v>
                </c:pt>
                <c:pt idx="7681">
                  <c:v>0</c:v>
                </c:pt>
                <c:pt idx="7682">
                  <c:v>0</c:v>
                </c:pt>
                <c:pt idx="7683">
                  <c:v>0</c:v>
                </c:pt>
                <c:pt idx="7684">
                  <c:v>0</c:v>
                </c:pt>
                <c:pt idx="7685">
                  <c:v>0</c:v>
                </c:pt>
                <c:pt idx="7686">
                  <c:v>0</c:v>
                </c:pt>
                <c:pt idx="7687">
                  <c:v>0</c:v>
                </c:pt>
                <c:pt idx="7688">
                  <c:v>0</c:v>
                </c:pt>
                <c:pt idx="7689">
                  <c:v>0</c:v>
                </c:pt>
                <c:pt idx="7690">
                  <c:v>0</c:v>
                </c:pt>
                <c:pt idx="7691">
                  <c:v>0</c:v>
                </c:pt>
                <c:pt idx="7692">
                  <c:v>0</c:v>
                </c:pt>
                <c:pt idx="7693">
                  <c:v>0</c:v>
                </c:pt>
                <c:pt idx="7694">
                  <c:v>0</c:v>
                </c:pt>
                <c:pt idx="7695">
                  <c:v>0</c:v>
                </c:pt>
                <c:pt idx="7696">
                  <c:v>0</c:v>
                </c:pt>
                <c:pt idx="7697">
                  <c:v>0</c:v>
                </c:pt>
                <c:pt idx="7698">
                  <c:v>0</c:v>
                </c:pt>
                <c:pt idx="7699">
                  <c:v>0</c:v>
                </c:pt>
                <c:pt idx="7700">
                  <c:v>0</c:v>
                </c:pt>
                <c:pt idx="7701">
                  <c:v>0</c:v>
                </c:pt>
                <c:pt idx="7702">
                  <c:v>0</c:v>
                </c:pt>
                <c:pt idx="7703">
                  <c:v>0</c:v>
                </c:pt>
                <c:pt idx="7704">
                  <c:v>0</c:v>
                </c:pt>
                <c:pt idx="7705">
                  <c:v>0</c:v>
                </c:pt>
                <c:pt idx="7706">
                  <c:v>0</c:v>
                </c:pt>
                <c:pt idx="7707">
                  <c:v>0</c:v>
                </c:pt>
                <c:pt idx="7708">
                  <c:v>0</c:v>
                </c:pt>
                <c:pt idx="7709">
                  <c:v>0</c:v>
                </c:pt>
                <c:pt idx="7710">
                  <c:v>0</c:v>
                </c:pt>
                <c:pt idx="7711">
                  <c:v>0</c:v>
                </c:pt>
                <c:pt idx="7712">
                  <c:v>0</c:v>
                </c:pt>
                <c:pt idx="7713">
                  <c:v>0</c:v>
                </c:pt>
                <c:pt idx="7714">
                  <c:v>0</c:v>
                </c:pt>
                <c:pt idx="7715">
                  <c:v>0</c:v>
                </c:pt>
                <c:pt idx="7716">
                  <c:v>0</c:v>
                </c:pt>
                <c:pt idx="7717">
                  <c:v>0</c:v>
                </c:pt>
                <c:pt idx="7718">
                  <c:v>0</c:v>
                </c:pt>
                <c:pt idx="7719">
                  <c:v>0</c:v>
                </c:pt>
                <c:pt idx="7720">
                  <c:v>0</c:v>
                </c:pt>
                <c:pt idx="7721">
                  <c:v>0</c:v>
                </c:pt>
                <c:pt idx="7722">
                  <c:v>0</c:v>
                </c:pt>
                <c:pt idx="7723">
                  <c:v>0</c:v>
                </c:pt>
                <c:pt idx="7724">
                  <c:v>0</c:v>
                </c:pt>
                <c:pt idx="7725">
                  <c:v>0</c:v>
                </c:pt>
                <c:pt idx="7726">
                  <c:v>0</c:v>
                </c:pt>
                <c:pt idx="7727">
                  <c:v>0</c:v>
                </c:pt>
                <c:pt idx="7728">
                  <c:v>0</c:v>
                </c:pt>
                <c:pt idx="7729">
                  <c:v>0</c:v>
                </c:pt>
                <c:pt idx="7730">
                  <c:v>0</c:v>
                </c:pt>
                <c:pt idx="7731">
                  <c:v>0</c:v>
                </c:pt>
                <c:pt idx="7732">
                  <c:v>0</c:v>
                </c:pt>
                <c:pt idx="7733">
                  <c:v>0</c:v>
                </c:pt>
                <c:pt idx="7734">
                  <c:v>0</c:v>
                </c:pt>
                <c:pt idx="7735">
                  <c:v>0</c:v>
                </c:pt>
                <c:pt idx="7736">
                  <c:v>0</c:v>
                </c:pt>
                <c:pt idx="7737">
                  <c:v>0</c:v>
                </c:pt>
                <c:pt idx="7738">
                  <c:v>0</c:v>
                </c:pt>
                <c:pt idx="7739">
                  <c:v>0</c:v>
                </c:pt>
                <c:pt idx="7740">
                  <c:v>0</c:v>
                </c:pt>
                <c:pt idx="7741">
                  <c:v>0</c:v>
                </c:pt>
                <c:pt idx="7742">
                  <c:v>0</c:v>
                </c:pt>
                <c:pt idx="7743">
                  <c:v>0</c:v>
                </c:pt>
                <c:pt idx="7744">
                  <c:v>0</c:v>
                </c:pt>
                <c:pt idx="7745">
                  <c:v>0</c:v>
                </c:pt>
                <c:pt idx="7746">
                  <c:v>0</c:v>
                </c:pt>
                <c:pt idx="7747">
                  <c:v>0</c:v>
                </c:pt>
                <c:pt idx="7748">
                  <c:v>0</c:v>
                </c:pt>
                <c:pt idx="7749">
                  <c:v>0</c:v>
                </c:pt>
                <c:pt idx="7750">
                  <c:v>0</c:v>
                </c:pt>
                <c:pt idx="7751">
                  <c:v>0</c:v>
                </c:pt>
                <c:pt idx="7752">
                  <c:v>0</c:v>
                </c:pt>
                <c:pt idx="7753">
                  <c:v>0</c:v>
                </c:pt>
                <c:pt idx="7754">
                  <c:v>0</c:v>
                </c:pt>
                <c:pt idx="7755">
                  <c:v>0</c:v>
                </c:pt>
                <c:pt idx="7756">
                  <c:v>0</c:v>
                </c:pt>
                <c:pt idx="7757">
                  <c:v>0</c:v>
                </c:pt>
                <c:pt idx="7758">
                  <c:v>0</c:v>
                </c:pt>
                <c:pt idx="7759">
                  <c:v>0</c:v>
                </c:pt>
                <c:pt idx="7760">
                  <c:v>0</c:v>
                </c:pt>
                <c:pt idx="7761">
                  <c:v>0</c:v>
                </c:pt>
                <c:pt idx="7762">
                  <c:v>0</c:v>
                </c:pt>
                <c:pt idx="7763">
                  <c:v>0</c:v>
                </c:pt>
                <c:pt idx="7764">
                  <c:v>0</c:v>
                </c:pt>
                <c:pt idx="7765">
                  <c:v>0</c:v>
                </c:pt>
                <c:pt idx="7766">
                  <c:v>0</c:v>
                </c:pt>
                <c:pt idx="7767">
                  <c:v>0</c:v>
                </c:pt>
                <c:pt idx="7768">
                  <c:v>0</c:v>
                </c:pt>
                <c:pt idx="7769">
                  <c:v>0</c:v>
                </c:pt>
                <c:pt idx="7770">
                  <c:v>0</c:v>
                </c:pt>
                <c:pt idx="7771">
                  <c:v>0</c:v>
                </c:pt>
                <c:pt idx="7772">
                  <c:v>0</c:v>
                </c:pt>
                <c:pt idx="7773">
                  <c:v>0</c:v>
                </c:pt>
                <c:pt idx="7774">
                  <c:v>0</c:v>
                </c:pt>
                <c:pt idx="7775">
                  <c:v>0</c:v>
                </c:pt>
                <c:pt idx="7776">
                  <c:v>0</c:v>
                </c:pt>
                <c:pt idx="7777">
                  <c:v>0</c:v>
                </c:pt>
                <c:pt idx="7778">
                  <c:v>0</c:v>
                </c:pt>
                <c:pt idx="7779">
                  <c:v>0</c:v>
                </c:pt>
                <c:pt idx="7780">
                  <c:v>0</c:v>
                </c:pt>
                <c:pt idx="7781">
                  <c:v>0</c:v>
                </c:pt>
                <c:pt idx="7782">
                  <c:v>0</c:v>
                </c:pt>
                <c:pt idx="7783">
                  <c:v>0</c:v>
                </c:pt>
                <c:pt idx="7784">
                  <c:v>0</c:v>
                </c:pt>
                <c:pt idx="7785">
                  <c:v>0</c:v>
                </c:pt>
                <c:pt idx="7786">
                  <c:v>0</c:v>
                </c:pt>
                <c:pt idx="7787">
                  <c:v>0</c:v>
                </c:pt>
                <c:pt idx="7788">
                  <c:v>0</c:v>
                </c:pt>
                <c:pt idx="7789">
                  <c:v>0</c:v>
                </c:pt>
                <c:pt idx="7790">
                  <c:v>0</c:v>
                </c:pt>
                <c:pt idx="7791">
                  <c:v>0</c:v>
                </c:pt>
                <c:pt idx="7792">
                  <c:v>0</c:v>
                </c:pt>
                <c:pt idx="7793">
                  <c:v>0</c:v>
                </c:pt>
                <c:pt idx="7794">
                  <c:v>0</c:v>
                </c:pt>
                <c:pt idx="7795">
                  <c:v>0</c:v>
                </c:pt>
                <c:pt idx="7796">
                  <c:v>0</c:v>
                </c:pt>
                <c:pt idx="7797">
                  <c:v>0</c:v>
                </c:pt>
                <c:pt idx="7798">
                  <c:v>0</c:v>
                </c:pt>
                <c:pt idx="7799">
                  <c:v>0</c:v>
                </c:pt>
                <c:pt idx="7800">
                  <c:v>0</c:v>
                </c:pt>
                <c:pt idx="7801">
                  <c:v>0</c:v>
                </c:pt>
                <c:pt idx="7802">
                  <c:v>0</c:v>
                </c:pt>
                <c:pt idx="7803">
                  <c:v>0</c:v>
                </c:pt>
                <c:pt idx="7804">
                  <c:v>0</c:v>
                </c:pt>
                <c:pt idx="7805">
                  <c:v>0</c:v>
                </c:pt>
                <c:pt idx="7806">
                  <c:v>0</c:v>
                </c:pt>
                <c:pt idx="7807">
                  <c:v>0</c:v>
                </c:pt>
                <c:pt idx="7808">
                  <c:v>0</c:v>
                </c:pt>
                <c:pt idx="7809">
                  <c:v>0</c:v>
                </c:pt>
                <c:pt idx="7810">
                  <c:v>0</c:v>
                </c:pt>
                <c:pt idx="7811">
                  <c:v>0</c:v>
                </c:pt>
                <c:pt idx="7812">
                  <c:v>0</c:v>
                </c:pt>
                <c:pt idx="7813">
                  <c:v>0</c:v>
                </c:pt>
                <c:pt idx="7814">
                  <c:v>0</c:v>
                </c:pt>
                <c:pt idx="7815">
                  <c:v>0</c:v>
                </c:pt>
                <c:pt idx="7816">
                  <c:v>0</c:v>
                </c:pt>
                <c:pt idx="7817">
                  <c:v>0</c:v>
                </c:pt>
                <c:pt idx="7818">
                  <c:v>0</c:v>
                </c:pt>
                <c:pt idx="7819">
                  <c:v>0</c:v>
                </c:pt>
                <c:pt idx="7820">
                  <c:v>0</c:v>
                </c:pt>
                <c:pt idx="7821">
                  <c:v>0</c:v>
                </c:pt>
                <c:pt idx="7822">
                  <c:v>0</c:v>
                </c:pt>
                <c:pt idx="7823">
                  <c:v>0</c:v>
                </c:pt>
                <c:pt idx="7824">
                  <c:v>0</c:v>
                </c:pt>
                <c:pt idx="7825">
                  <c:v>0</c:v>
                </c:pt>
                <c:pt idx="7826">
                  <c:v>0</c:v>
                </c:pt>
                <c:pt idx="7827">
                  <c:v>0</c:v>
                </c:pt>
                <c:pt idx="7828">
                  <c:v>0</c:v>
                </c:pt>
                <c:pt idx="7829">
                  <c:v>0</c:v>
                </c:pt>
                <c:pt idx="7830">
                  <c:v>0</c:v>
                </c:pt>
                <c:pt idx="7831">
                  <c:v>0</c:v>
                </c:pt>
                <c:pt idx="7832">
                  <c:v>0</c:v>
                </c:pt>
                <c:pt idx="7833">
                  <c:v>0</c:v>
                </c:pt>
                <c:pt idx="7834">
                  <c:v>0</c:v>
                </c:pt>
                <c:pt idx="7835">
                  <c:v>0</c:v>
                </c:pt>
                <c:pt idx="7836">
                  <c:v>0</c:v>
                </c:pt>
                <c:pt idx="7837">
                  <c:v>0</c:v>
                </c:pt>
                <c:pt idx="7838">
                  <c:v>0</c:v>
                </c:pt>
                <c:pt idx="7839">
                  <c:v>0</c:v>
                </c:pt>
                <c:pt idx="7840">
                  <c:v>0</c:v>
                </c:pt>
                <c:pt idx="7841">
                  <c:v>0</c:v>
                </c:pt>
                <c:pt idx="7842">
                  <c:v>0</c:v>
                </c:pt>
                <c:pt idx="7843">
                  <c:v>0</c:v>
                </c:pt>
                <c:pt idx="7844">
                  <c:v>0</c:v>
                </c:pt>
                <c:pt idx="7845">
                  <c:v>0</c:v>
                </c:pt>
                <c:pt idx="7846">
                  <c:v>0</c:v>
                </c:pt>
                <c:pt idx="7847">
                  <c:v>0</c:v>
                </c:pt>
                <c:pt idx="7848">
                  <c:v>0</c:v>
                </c:pt>
                <c:pt idx="7849">
                  <c:v>0</c:v>
                </c:pt>
                <c:pt idx="7850">
                  <c:v>0</c:v>
                </c:pt>
                <c:pt idx="7851">
                  <c:v>0</c:v>
                </c:pt>
                <c:pt idx="7852">
                  <c:v>0</c:v>
                </c:pt>
                <c:pt idx="7853">
                  <c:v>0</c:v>
                </c:pt>
                <c:pt idx="7854">
                  <c:v>0</c:v>
                </c:pt>
                <c:pt idx="7855">
                  <c:v>0</c:v>
                </c:pt>
                <c:pt idx="7856">
                  <c:v>0</c:v>
                </c:pt>
                <c:pt idx="7857">
                  <c:v>0</c:v>
                </c:pt>
                <c:pt idx="7858">
                  <c:v>0</c:v>
                </c:pt>
                <c:pt idx="7859">
                  <c:v>0</c:v>
                </c:pt>
                <c:pt idx="7860">
                  <c:v>0</c:v>
                </c:pt>
                <c:pt idx="7861">
                  <c:v>0</c:v>
                </c:pt>
                <c:pt idx="7862">
                  <c:v>0</c:v>
                </c:pt>
                <c:pt idx="7863">
                  <c:v>0</c:v>
                </c:pt>
                <c:pt idx="7864">
                  <c:v>0</c:v>
                </c:pt>
                <c:pt idx="7865">
                  <c:v>0</c:v>
                </c:pt>
                <c:pt idx="7866">
                  <c:v>0</c:v>
                </c:pt>
                <c:pt idx="7867">
                  <c:v>0</c:v>
                </c:pt>
                <c:pt idx="7868">
                  <c:v>0</c:v>
                </c:pt>
                <c:pt idx="7869">
                  <c:v>0</c:v>
                </c:pt>
                <c:pt idx="7870">
                  <c:v>0</c:v>
                </c:pt>
                <c:pt idx="7871">
                  <c:v>0</c:v>
                </c:pt>
                <c:pt idx="7872">
                  <c:v>0</c:v>
                </c:pt>
                <c:pt idx="7873">
                  <c:v>0</c:v>
                </c:pt>
                <c:pt idx="7874">
                  <c:v>0</c:v>
                </c:pt>
                <c:pt idx="7875">
                  <c:v>0</c:v>
                </c:pt>
                <c:pt idx="7876">
                  <c:v>0</c:v>
                </c:pt>
                <c:pt idx="7877">
                  <c:v>0</c:v>
                </c:pt>
                <c:pt idx="7878">
                  <c:v>0</c:v>
                </c:pt>
                <c:pt idx="7879">
                  <c:v>0</c:v>
                </c:pt>
                <c:pt idx="7880">
                  <c:v>0</c:v>
                </c:pt>
                <c:pt idx="7881">
                  <c:v>0</c:v>
                </c:pt>
                <c:pt idx="7882">
                  <c:v>0</c:v>
                </c:pt>
                <c:pt idx="7883">
                  <c:v>0</c:v>
                </c:pt>
                <c:pt idx="7884">
                  <c:v>0</c:v>
                </c:pt>
                <c:pt idx="7885">
                  <c:v>0</c:v>
                </c:pt>
                <c:pt idx="7886">
                  <c:v>0</c:v>
                </c:pt>
                <c:pt idx="7887">
                  <c:v>0</c:v>
                </c:pt>
                <c:pt idx="7888">
                  <c:v>0</c:v>
                </c:pt>
                <c:pt idx="7889">
                  <c:v>0</c:v>
                </c:pt>
                <c:pt idx="7890">
                  <c:v>0</c:v>
                </c:pt>
                <c:pt idx="7891">
                  <c:v>0</c:v>
                </c:pt>
                <c:pt idx="7892">
                  <c:v>0</c:v>
                </c:pt>
                <c:pt idx="7893">
                  <c:v>0</c:v>
                </c:pt>
                <c:pt idx="7894">
                  <c:v>0</c:v>
                </c:pt>
                <c:pt idx="7895">
                  <c:v>0</c:v>
                </c:pt>
                <c:pt idx="7896">
                  <c:v>0</c:v>
                </c:pt>
                <c:pt idx="7897">
                  <c:v>0</c:v>
                </c:pt>
                <c:pt idx="7898">
                  <c:v>0</c:v>
                </c:pt>
                <c:pt idx="7899">
                  <c:v>0</c:v>
                </c:pt>
                <c:pt idx="7900">
                  <c:v>0</c:v>
                </c:pt>
                <c:pt idx="7901">
                  <c:v>0</c:v>
                </c:pt>
                <c:pt idx="7902">
                  <c:v>0</c:v>
                </c:pt>
                <c:pt idx="7903">
                  <c:v>0</c:v>
                </c:pt>
                <c:pt idx="7904">
                  <c:v>0</c:v>
                </c:pt>
                <c:pt idx="7905">
                  <c:v>0</c:v>
                </c:pt>
                <c:pt idx="7906">
                  <c:v>0</c:v>
                </c:pt>
                <c:pt idx="7907">
                  <c:v>0</c:v>
                </c:pt>
                <c:pt idx="7908">
                  <c:v>0</c:v>
                </c:pt>
                <c:pt idx="7909">
                  <c:v>0</c:v>
                </c:pt>
                <c:pt idx="7910">
                  <c:v>0</c:v>
                </c:pt>
                <c:pt idx="7911">
                  <c:v>0</c:v>
                </c:pt>
                <c:pt idx="7912">
                  <c:v>0</c:v>
                </c:pt>
                <c:pt idx="7913">
                  <c:v>0</c:v>
                </c:pt>
                <c:pt idx="7914">
                  <c:v>0</c:v>
                </c:pt>
                <c:pt idx="7915">
                  <c:v>0</c:v>
                </c:pt>
                <c:pt idx="7916">
                  <c:v>0</c:v>
                </c:pt>
                <c:pt idx="7917">
                  <c:v>0</c:v>
                </c:pt>
                <c:pt idx="7918">
                  <c:v>0</c:v>
                </c:pt>
                <c:pt idx="7919">
                  <c:v>0</c:v>
                </c:pt>
                <c:pt idx="7920">
                  <c:v>0</c:v>
                </c:pt>
                <c:pt idx="7921">
                  <c:v>0</c:v>
                </c:pt>
                <c:pt idx="7922">
                  <c:v>0</c:v>
                </c:pt>
                <c:pt idx="7923">
                  <c:v>0</c:v>
                </c:pt>
                <c:pt idx="7924">
                  <c:v>0</c:v>
                </c:pt>
                <c:pt idx="7925">
                  <c:v>0</c:v>
                </c:pt>
                <c:pt idx="7926">
                  <c:v>0</c:v>
                </c:pt>
                <c:pt idx="7927">
                  <c:v>0</c:v>
                </c:pt>
                <c:pt idx="7928">
                  <c:v>0</c:v>
                </c:pt>
                <c:pt idx="7929">
                  <c:v>0</c:v>
                </c:pt>
                <c:pt idx="7930">
                  <c:v>0</c:v>
                </c:pt>
                <c:pt idx="7931">
                  <c:v>0</c:v>
                </c:pt>
                <c:pt idx="7932">
                  <c:v>0</c:v>
                </c:pt>
                <c:pt idx="7933">
                  <c:v>0</c:v>
                </c:pt>
                <c:pt idx="7934">
                  <c:v>0</c:v>
                </c:pt>
                <c:pt idx="7935">
                  <c:v>0</c:v>
                </c:pt>
                <c:pt idx="7936">
                  <c:v>0</c:v>
                </c:pt>
                <c:pt idx="7937">
                  <c:v>0</c:v>
                </c:pt>
                <c:pt idx="7938">
                  <c:v>0</c:v>
                </c:pt>
                <c:pt idx="7939">
                  <c:v>0</c:v>
                </c:pt>
                <c:pt idx="7940">
                  <c:v>0</c:v>
                </c:pt>
                <c:pt idx="7941">
                  <c:v>0</c:v>
                </c:pt>
                <c:pt idx="7942">
                  <c:v>0</c:v>
                </c:pt>
                <c:pt idx="7943">
                  <c:v>0</c:v>
                </c:pt>
                <c:pt idx="7944">
                  <c:v>0</c:v>
                </c:pt>
                <c:pt idx="7945">
                  <c:v>0</c:v>
                </c:pt>
                <c:pt idx="7946">
                  <c:v>0</c:v>
                </c:pt>
                <c:pt idx="7947">
                  <c:v>0</c:v>
                </c:pt>
                <c:pt idx="7948">
                  <c:v>0</c:v>
                </c:pt>
                <c:pt idx="7949">
                  <c:v>0</c:v>
                </c:pt>
                <c:pt idx="7950">
                  <c:v>0</c:v>
                </c:pt>
                <c:pt idx="7951">
                  <c:v>0</c:v>
                </c:pt>
                <c:pt idx="7952">
                  <c:v>0</c:v>
                </c:pt>
                <c:pt idx="7953">
                  <c:v>0</c:v>
                </c:pt>
                <c:pt idx="7954">
                  <c:v>0</c:v>
                </c:pt>
                <c:pt idx="7955">
                  <c:v>0</c:v>
                </c:pt>
                <c:pt idx="7956">
                  <c:v>0</c:v>
                </c:pt>
                <c:pt idx="7957">
                  <c:v>0</c:v>
                </c:pt>
                <c:pt idx="7958">
                  <c:v>0</c:v>
                </c:pt>
                <c:pt idx="7959">
                  <c:v>0</c:v>
                </c:pt>
                <c:pt idx="7960">
                  <c:v>0</c:v>
                </c:pt>
                <c:pt idx="7961">
                  <c:v>0</c:v>
                </c:pt>
                <c:pt idx="7962">
                  <c:v>0</c:v>
                </c:pt>
                <c:pt idx="7963">
                  <c:v>0</c:v>
                </c:pt>
                <c:pt idx="7964">
                  <c:v>0</c:v>
                </c:pt>
                <c:pt idx="7965">
                  <c:v>0</c:v>
                </c:pt>
                <c:pt idx="7966">
                  <c:v>0</c:v>
                </c:pt>
                <c:pt idx="7967">
                  <c:v>0</c:v>
                </c:pt>
                <c:pt idx="7968">
                  <c:v>0</c:v>
                </c:pt>
                <c:pt idx="7969">
                  <c:v>0</c:v>
                </c:pt>
                <c:pt idx="7970">
                  <c:v>0</c:v>
                </c:pt>
                <c:pt idx="7971">
                  <c:v>0</c:v>
                </c:pt>
                <c:pt idx="7972">
                  <c:v>0</c:v>
                </c:pt>
                <c:pt idx="7973">
                  <c:v>0</c:v>
                </c:pt>
                <c:pt idx="7974">
                  <c:v>0</c:v>
                </c:pt>
                <c:pt idx="7975">
                  <c:v>0</c:v>
                </c:pt>
                <c:pt idx="7976">
                  <c:v>0</c:v>
                </c:pt>
                <c:pt idx="7977">
                  <c:v>0</c:v>
                </c:pt>
                <c:pt idx="7978">
                  <c:v>0</c:v>
                </c:pt>
                <c:pt idx="7979">
                  <c:v>0</c:v>
                </c:pt>
                <c:pt idx="7980">
                  <c:v>0</c:v>
                </c:pt>
                <c:pt idx="7981">
                  <c:v>0</c:v>
                </c:pt>
                <c:pt idx="7982">
                  <c:v>0</c:v>
                </c:pt>
                <c:pt idx="7983">
                  <c:v>0</c:v>
                </c:pt>
                <c:pt idx="7984">
                  <c:v>0</c:v>
                </c:pt>
                <c:pt idx="7985">
                  <c:v>0</c:v>
                </c:pt>
                <c:pt idx="7986">
                  <c:v>0</c:v>
                </c:pt>
                <c:pt idx="7987">
                  <c:v>0</c:v>
                </c:pt>
                <c:pt idx="7988">
                  <c:v>0</c:v>
                </c:pt>
                <c:pt idx="7989">
                  <c:v>0</c:v>
                </c:pt>
                <c:pt idx="7990">
                  <c:v>0</c:v>
                </c:pt>
                <c:pt idx="7991">
                  <c:v>0</c:v>
                </c:pt>
                <c:pt idx="7992">
                  <c:v>0</c:v>
                </c:pt>
                <c:pt idx="7993">
                  <c:v>0</c:v>
                </c:pt>
                <c:pt idx="7994">
                  <c:v>0</c:v>
                </c:pt>
                <c:pt idx="7995">
                  <c:v>0</c:v>
                </c:pt>
                <c:pt idx="7996">
                  <c:v>0</c:v>
                </c:pt>
                <c:pt idx="7997">
                  <c:v>0</c:v>
                </c:pt>
                <c:pt idx="7998">
                  <c:v>0</c:v>
                </c:pt>
                <c:pt idx="7999">
                  <c:v>0</c:v>
                </c:pt>
                <c:pt idx="8000">
                  <c:v>0</c:v>
                </c:pt>
                <c:pt idx="8001">
                  <c:v>0</c:v>
                </c:pt>
                <c:pt idx="8002">
                  <c:v>0</c:v>
                </c:pt>
                <c:pt idx="8003">
                  <c:v>0</c:v>
                </c:pt>
                <c:pt idx="8004">
                  <c:v>0</c:v>
                </c:pt>
                <c:pt idx="8005">
                  <c:v>0</c:v>
                </c:pt>
                <c:pt idx="8006">
                  <c:v>0</c:v>
                </c:pt>
                <c:pt idx="8007">
                  <c:v>0</c:v>
                </c:pt>
                <c:pt idx="8008">
                  <c:v>0</c:v>
                </c:pt>
                <c:pt idx="8009">
                  <c:v>0</c:v>
                </c:pt>
                <c:pt idx="8010">
                  <c:v>0</c:v>
                </c:pt>
                <c:pt idx="8011">
                  <c:v>0</c:v>
                </c:pt>
                <c:pt idx="8012">
                  <c:v>0</c:v>
                </c:pt>
                <c:pt idx="8013">
                  <c:v>0</c:v>
                </c:pt>
                <c:pt idx="8014">
                  <c:v>0</c:v>
                </c:pt>
                <c:pt idx="8015">
                  <c:v>0</c:v>
                </c:pt>
                <c:pt idx="8016">
                  <c:v>0</c:v>
                </c:pt>
                <c:pt idx="8017">
                  <c:v>0</c:v>
                </c:pt>
                <c:pt idx="8018">
                  <c:v>0</c:v>
                </c:pt>
                <c:pt idx="8019">
                  <c:v>0</c:v>
                </c:pt>
                <c:pt idx="8020">
                  <c:v>0</c:v>
                </c:pt>
                <c:pt idx="8021">
                  <c:v>0</c:v>
                </c:pt>
                <c:pt idx="8022">
                  <c:v>0</c:v>
                </c:pt>
                <c:pt idx="8023">
                  <c:v>0</c:v>
                </c:pt>
                <c:pt idx="8024">
                  <c:v>0</c:v>
                </c:pt>
                <c:pt idx="8025">
                  <c:v>0</c:v>
                </c:pt>
                <c:pt idx="8026">
                  <c:v>0</c:v>
                </c:pt>
                <c:pt idx="8027">
                  <c:v>0</c:v>
                </c:pt>
                <c:pt idx="8028">
                  <c:v>0</c:v>
                </c:pt>
                <c:pt idx="8029">
                  <c:v>0</c:v>
                </c:pt>
                <c:pt idx="8030">
                  <c:v>0</c:v>
                </c:pt>
                <c:pt idx="8031">
                  <c:v>0</c:v>
                </c:pt>
                <c:pt idx="8032">
                  <c:v>0</c:v>
                </c:pt>
                <c:pt idx="8033">
                  <c:v>0</c:v>
                </c:pt>
                <c:pt idx="8034">
                  <c:v>0</c:v>
                </c:pt>
                <c:pt idx="8035">
                  <c:v>0</c:v>
                </c:pt>
                <c:pt idx="8036">
                  <c:v>0</c:v>
                </c:pt>
                <c:pt idx="8037">
                  <c:v>0</c:v>
                </c:pt>
                <c:pt idx="8038">
                  <c:v>0</c:v>
                </c:pt>
                <c:pt idx="8039">
                  <c:v>0</c:v>
                </c:pt>
                <c:pt idx="8040">
                  <c:v>0</c:v>
                </c:pt>
                <c:pt idx="8041">
                  <c:v>0</c:v>
                </c:pt>
                <c:pt idx="8042">
                  <c:v>0</c:v>
                </c:pt>
                <c:pt idx="8043">
                  <c:v>0</c:v>
                </c:pt>
                <c:pt idx="8044">
                  <c:v>0</c:v>
                </c:pt>
                <c:pt idx="8045">
                  <c:v>0</c:v>
                </c:pt>
                <c:pt idx="8046">
                  <c:v>0</c:v>
                </c:pt>
                <c:pt idx="8047">
                  <c:v>0</c:v>
                </c:pt>
                <c:pt idx="8048">
                  <c:v>0</c:v>
                </c:pt>
                <c:pt idx="8049">
                  <c:v>0</c:v>
                </c:pt>
                <c:pt idx="8050">
                  <c:v>0</c:v>
                </c:pt>
                <c:pt idx="8051">
                  <c:v>0</c:v>
                </c:pt>
                <c:pt idx="8052">
                  <c:v>0</c:v>
                </c:pt>
                <c:pt idx="8053">
                  <c:v>0</c:v>
                </c:pt>
                <c:pt idx="8054">
                  <c:v>0</c:v>
                </c:pt>
                <c:pt idx="8055">
                  <c:v>0</c:v>
                </c:pt>
                <c:pt idx="8056">
                  <c:v>0</c:v>
                </c:pt>
                <c:pt idx="8057">
                  <c:v>0</c:v>
                </c:pt>
                <c:pt idx="8058">
                  <c:v>0</c:v>
                </c:pt>
                <c:pt idx="8059">
                  <c:v>0</c:v>
                </c:pt>
                <c:pt idx="8060">
                  <c:v>0</c:v>
                </c:pt>
                <c:pt idx="8061">
                  <c:v>0</c:v>
                </c:pt>
                <c:pt idx="8062">
                  <c:v>0</c:v>
                </c:pt>
                <c:pt idx="8063">
                  <c:v>0</c:v>
                </c:pt>
                <c:pt idx="8064">
                  <c:v>0</c:v>
                </c:pt>
                <c:pt idx="8065">
                  <c:v>0</c:v>
                </c:pt>
                <c:pt idx="8066">
                  <c:v>0</c:v>
                </c:pt>
                <c:pt idx="8067">
                  <c:v>0</c:v>
                </c:pt>
                <c:pt idx="8068">
                  <c:v>0</c:v>
                </c:pt>
                <c:pt idx="8069">
                  <c:v>0</c:v>
                </c:pt>
                <c:pt idx="8070">
                  <c:v>0</c:v>
                </c:pt>
                <c:pt idx="8071">
                  <c:v>0</c:v>
                </c:pt>
                <c:pt idx="8072">
                  <c:v>0</c:v>
                </c:pt>
                <c:pt idx="8073">
                  <c:v>0</c:v>
                </c:pt>
                <c:pt idx="8074">
                  <c:v>0</c:v>
                </c:pt>
                <c:pt idx="8075">
                  <c:v>0</c:v>
                </c:pt>
                <c:pt idx="8076">
                  <c:v>0</c:v>
                </c:pt>
                <c:pt idx="8077">
                  <c:v>0</c:v>
                </c:pt>
                <c:pt idx="8078">
                  <c:v>0</c:v>
                </c:pt>
                <c:pt idx="8079">
                  <c:v>0</c:v>
                </c:pt>
                <c:pt idx="8080">
                  <c:v>0</c:v>
                </c:pt>
                <c:pt idx="8081">
                  <c:v>0</c:v>
                </c:pt>
                <c:pt idx="8082">
                  <c:v>0</c:v>
                </c:pt>
                <c:pt idx="8083">
                  <c:v>0</c:v>
                </c:pt>
                <c:pt idx="8084">
                  <c:v>0</c:v>
                </c:pt>
                <c:pt idx="8085">
                  <c:v>0</c:v>
                </c:pt>
                <c:pt idx="8086">
                  <c:v>0</c:v>
                </c:pt>
                <c:pt idx="8087">
                  <c:v>0</c:v>
                </c:pt>
                <c:pt idx="8088">
                  <c:v>0</c:v>
                </c:pt>
                <c:pt idx="8089">
                  <c:v>0</c:v>
                </c:pt>
                <c:pt idx="8090">
                  <c:v>0</c:v>
                </c:pt>
                <c:pt idx="8091">
                  <c:v>0</c:v>
                </c:pt>
                <c:pt idx="8092">
                  <c:v>0</c:v>
                </c:pt>
                <c:pt idx="8093">
                  <c:v>0</c:v>
                </c:pt>
                <c:pt idx="8094">
                  <c:v>0</c:v>
                </c:pt>
                <c:pt idx="8095">
                  <c:v>0</c:v>
                </c:pt>
                <c:pt idx="8096">
                  <c:v>0</c:v>
                </c:pt>
                <c:pt idx="8097">
                  <c:v>0</c:v>
                </c:pt>
                <c:pt idx="8098">
                  <c:v>0</c:v>
                </c:pt>
                <c:pt idx="8099">
                  <c:v>0</c:v>
                </c:pt>
                <c:pt idx="8100">
                  <c:v>0</c:v>
                </c:pt>
                <c:pt idx="8101">
                  <c:v>0</c:v>
                </c:pt>
                <c:pt idx="8102">
                  <c:v>0</c:v>
                </c:pt>
                <c:pt idx="8103">
                  <c:v>0</c:v>
                </c:pt>
                <c:pt idx="8104">
                  <c:v>0</c:v>
                </c:pt>
                <c:pt idx="8105">
                  <c:v>0</c:v>
                </c:pt>
                <c:pt idx="8106">
                  <c:v>0</c:v>
                </c:pt>
                <c:pt idx="8107">
                  <c:v>0</c:v>
                </c:pt>
                <c:pt idx="8108">
                  <c:v>0</c:v>
                </c:pt>
                <c:pt idx="8109">
                  <c:v>0</c:v>
                </c:pt>
                <c:pt idx="8110">
                  <c:v>0</c:v>
                </c:pt>
                <c:pt idx="8111">
                  <c:v>0</c:v>
                </c:pt>
                <c:pt idx="8112">
                  <c:v>0</c:v>
                </c:pt>
                <c:pt idx="8113">
                  <c:v>0</c:v>
                </c:pt>
                <c:pt idx="8114">
                  <c:v>0</c:v>
                </c:pt>
                <c:pt idx="8115">
                  <c:v>0</c:v>
                </c:pt>
                <c:pt idx="8116">
                  <c:v>0</c:v>
                </c:pt>
                <c:pt idx="8117">
                  <c:v>0</c:v>
                </c:pt>
                <c:pt idx="8118">
                  <c:v>0</c:v>
                </c:pt>
                <c:pt idx="8119">
                  <c:v>0</c:v>
                </c:pt>
                <c:pt idx="8120">
                  <c:v>0</c:v>
                </c:pt>
                <c:pt idx="8121">
                  <c:v>0</c:v>
                </c:pt>
                <c:pt idx="8122">
                  <c:v>0</c:v>
                </c:pt>
                <c:pt idx="8123">
                  <c:v>0</c:v>
                </c:pt>
                <c:pt idx="8124">
                  <c:v>0</c:v>
                </c:pt>
                <c:pt idx="8125">
                  <c:v>0</c:v>
                </c:pt>
                <c:pt idx="8126">
                  <c:v>0</c:v>
                </c:pt>
                <c:pt idx="8127">
                  <c:v>0</c:v>
                </c:pt>
                <c:pt idx="8128">
                  <c:v>0</c:v>
                </c:pt>
                <c:pt idx="8129">
                  <c:v>0</c:v>
                </c:pt>
                <c:pt idx="8130">
                  <c:v>0</c:v>
                </c:pt>
                <c:pt idx="8131">
                  <c:v>0</c:v>
                </c:pt>
                <c:pt idx="8132">
                  <c:v>0</c:v>
                </c:pt>
                <c:pt idx="8133">
                  <c:v>0</c:v>
                </c:pt>
                <c:pt idx="8134">
                  <c:v>0</c:v>
                </c:pt>
                <c:pt idx="8135">
                  <c:v>0</c:v>
                </c:pt>
                <c:pt idx="8136">
                  <c:v>0</c:v>
                </c:pt>
                <c:pt idx="8137">
                  <c:v>0</c:v>
                </c:pt>
                <c:pt idx="8138">
                  <c:v>0</c:v>
                </c:pt>
                <c:pt idx="8139">
                  <c:v>0</c:v>
                </c:pt>
                <c:pt idx="8140">
                  <c:v>0</c:v>
                </c:pt>
                <c:pt idx="8141">
                  <c:v>0</c:v>
                </c:pt>
                <c:pt idx="8142">
                  <c:v>0</c:v>
                </c:pt>
                <c:pt idx="8143">
                  <c:v>0</c:v>
                </c:pt>
                <c:pt idx="8144">
                  <c:v>0</c:v>
                </c:pt>
                <c:pt idx="8145">
                  <c:v>0</c:v>
                </c:pt>
                <c:pt idx="8146">
                  <c:v>0</c:v>
                </c:pt>
                <c:pt idx="8147">
                  <c:v>0</c:v>
                </c:pt>
                <c:pt idx="8148">
                  <c:v>0</c:v>
                </c:pt>
                <c:pt idx="8149">
                  <c:v>0</c:v>
                </c:pt>
                <c:pt idx="8150">
                  <c:v>0</c:v>
                </c:pt>
                <c:pt idx="8151">
                  <c:v>0</c:v>
                </c:pt>
                <c:pt idx="8152">
                  <c:v>0</c:v>
                </c:pt>
                <c:pt idx="8153">
                  <c:v>0</c:v>
                </c:pt>
                <c:pt idx="8154">
                  <c:v>0</c:v>
                </c:pt>
                <c:pt idx="8155">
                  <c:v>0</c:v>
                </c:pt>
                <c:pt idx="8156">
                  <c:v>0</c:v>
                </c:pt>
                <c:pt idx="8157">
                  <c:v>0</c:v>
                </c:pt>
                <c:pt idx="8158">
                  <c:v>0</c:v>
                </c:pt>
                <c:pt idx="8159">
                  <c:v>0</c:v>
                </c:pt>
                <c:pt idx="8160">
                  <c:v>0</c:v>
                </c:pt>
                <c:pt idx="8161">
                  <c:v>0</c:v>
                </c:pt>
                <c:pt idx="8162">
                  <c:v>0</c:v>
                </c:pt>
                <c:pt idx="8163">
                  <c:v>0</c:v>
                </c:pt>
                <c:pt idx="8164">
                  <c:v>0</c:v>
                </c:pt>
                <c:pt idx="8165">
                  <c:v>0</c:v>
                </c:pt>
                <c:pt idx="8166">
                  <c:v>0</c:v>
                </c:pt>
                <c:pt idx="8167">
                  <c:v>0</c:v>
                </c:pt>
                <c:pt idx="8168">
                  <c:v>0</c:v>
                </c:pt>
                <c:pt idx="8169">
                  <c:v>0</c:v>
                </c:pt>
                <c:pt idx="8170">
                  <c:v>0</c:v>
                </c:pt>
                <c:pt idx="8171">
                  <c:v>0</c:v>
                </c:pt>
                <c:pt idx="8172">
                  <c:v>0</c:v>
                </c:pt>
                <c:pt idx="8173">
                  <c:v>0</c:v>
                </c:pt>
                <c:pt idx="8174">
                  <c:v>0</c:v>
                </c:pt>
                <c:pt idx="8175">
                  <c:v>0</c:v>
                </c:pt>
                <c:pt idx="8176">
                  <c:v>0</c:v>
                </c:pt>
                <c:pt idx="8177">
                  <c:v>0</c:v>
                </c:pt>
                <c:pt idx="8178">
                  <c:v>0</c:v>
                </c:pt>
                <c:pt idx="8179">
                  <c:v>0</c:v>
                </c:pt>
                <c:pt idx="8180">
                  <c:v>0</c:v>
                </c:pt>
                <c:pt idx="8181">
                  <c:v>0</c:v>
                </c:pt>
                <c:pt idx="8182">
                  <c:v>0</c:v>
                </c:pt>
                <c:pt idx="8183">
                  <c:v>0</c:v>
                </c:pt>
                <c:pt idx="8184">
                  <c:v>0</c:v>
                </c:pt>
                <c:pt idx="8185">
                  <c:v>0</c:v>
                </c:pt>
                <c:pt idx="8186">
                  <c:v>0</c:v>
                </c:pt>
                <c:pt idx="8187">
                  <c:v>0</c:v>
                </c:pt>
                <c:pt idx="8188">
                  <c:v>0</c:v>
                </c:pt>
                <c:pt idx="8189">
                  <c:v>0</c:v>
                </c:pt>
                <c:pt idx="8190">
                  <c:v>0</c:v>
                </c:pt>
                <c:pt idx="8191">
                  <c:v>0</c:v>
                </c:pt>
                <c:pt idx="8192">
                  <c:v>0</c:v>
                </c:pt>
                <c:pt idx="8193">
                  <c:v>0</c:v>
                </c:pt>
                <c:pt idx="8194">
                  <c:v>0</c:v>
                </c:pt>
                <c:pt idx="8195">
                  <c:v>0</c:v>
                </c:pt>
                <c:pt idx="8196">
                  <c:v>0</c:v>
                </c:pt>
                <c:pt idx="8197">
                  <c:v>0</c:v>
                </c:pt>
                <c:pt idx="8198">
                  <c:v>0</c:v>
                </c:pt>
                <c:pt idx="8199">
                  <c:v>0</c:v>
                </c:pt>
                <c:pt idx="8200">
                  <c:v>0</c:v>
                </c:pt>
                <c:pt idx="8201">
                  <c:v>0</c:v>
                </c:pt>
                <c:pt idx="8202">
                  <c:v>0</c:v>
                </c:pt>
                <c:pt idx="8203">
                  <c:v>0</c:v>
                </c:pt>
                <c:pt idx="8204">
                  <c:v>0</c:v>
                </c:pt>
                <c:pt idx="8205">
                  <c:v>0</c:v>
                </c:pt>
                <c:pt idx="8206">
                  <c:v>0</c:v>
                </c:pt>
                <c:pt idx="8207">
                  <c:v>0</c:v>
                </c:pt>
                <c:pt idx="8208">
                  <c:v>0</c:v>
                </c:pt>
                <c:pt idx="8209">
                  <c:v>0</c:v>
                </c:pt>
                <c:pt idx="8210">
                  <c:v>0</c:v>
                </c:pt>
                <c:pt idx="8211">
                  <c:v>0</c:v>
                </c:pt>
                <c:pt idx="8212">
                  <c:v>0</c:v>
                </c:pt>
                <c:pt idx="8213">
                  <c:v>0</c:v>
                </c:pt>
                <c:pt idx="8214">
                  <c:v>0</c:v>
                </c:pt>
                <c:pt idx="8215">
                  <c:v>0</c:v>
                </c:pt>
                <c:pt idx="8216">
                  <c:v>0</c:v>
                </c:pt>
                <c:pt idx="8217">
                  <c:v>0</c:v>
                </c:pt>
                <c:pt idx="8218">
                  <c:v>0</c:v>
                </c:pt>
                <c:pt idx="8219">
                  <c:v>0</c:v>
                </c:pt>
                <c:pt idx="8220">
                  <c:v>0</c:v>
                </c:pt>
                <c:pt idx="8221">
                  <c:v>0</c:v>
                </c:pt>
                <c:pt idx="8222">
                  <c:v>0</c:v>
                </c:pt>
                <c:pt idx="8223">
                  <c:v>0</c:v>
                </c:pt>
                <c:pt idx="8224">
                  <c:v>0</c:v>
                </c:pt>
                <c:pt idx="8225">
                  <c:v>0</c:v>
                </c:pt>
                <c:pt idx="8226">
                  <c:v>0</c:v>
                </c:pt>
                <c:pt idx="8227">
                  <c:v>0</c:v>
                </c:pt>
                <c:pt idx="8228">
                  <c:v>0</c:v>
                </c:pt>
                <c:pt idx="8229">
                  <c:v>0</c:v>
                </c:pt>
                <c:pt idx="8230">
                  <c:v>0</c:v>
                </c:pt>
                <c:pt idx="8231">
                  <c:v>0</c:v>
                </c:pt>
                <c:pt idx="8232">
                  <c:v>0</c:v>
                </c:pt>
                <c:pt idx="8233">
                  <c:v>0</c:v>
                </c:pt>
                <c:pt idx="8234">
                  <c:v>0</c:v>
                </c:pt>
                <c:pt idx="8235">
                  <c:v>0</c:v>
                </c:pt>
                <c:pt idx="8236">
                  <c:v>0</c:v>
                </c:pt>
                <c:pt idx="8237">
                  <c:v>0</c:v>
                </c:pt>
                <c:pt idx="8238">
                  <c:v>0</c:v>
                </c:pt>
                <c:pt idx="8239">
                  <c:v>0</c:v>
                </c:pt>
                <c:pt idx="8240">
                  <c:v>0</c:v>
                </c:pt>
                <c:pt idx="8241">
                  <c:v>0</c:v>
                </c:pt>
                <c:pt idx="8242">
                  <c:v>0</c:v>
                </c:pt>
                <c:pt idx="8243">
                  <c:v>0</c:v>
                </c:pt>
                <c:pt idx="8244">
                  <c:v>0</c:v>
                </c:pt>
                <c:pt idx="8245">
                  <c:v>0</c:v>
                </c:pt>
                <c:pt idx="8246">
                  <c:v>0</c:v>
                </c:pt>
                <c:pt idx="8247">
                  <c:v>0</c:v>
                </c:pt>
                <c:pt idx="8248">
                  <c:v>0</c:v>
                </c:pt>
                <c:pt idx="8249">
                  <c:v>0</c:v>
                </c:pt>
                <c:pt idx="8250">
                  <c:v>0</c:v>
                </c:pt>
                <c:pt idx="8251">
                  <c:v>0</c:v>
                </c:pt>
                <c:pt idx="8252">
                  <c:v>0</c:v>
                </c:pt>
                <c:pt idx="8253">
                  <c:v>0</c:v>
                </c:pt>
                <c:pt idx="8254">
                  <c:v>0</c:v>
                </c:pt>
                <c:pt idx="8255">
                  <c:v>0</c:v>
                </c:pt>
                <c:pt idx="8256">
                  <c:v>0</c:v>
                </c:pt>
                <c:pt idx="8257">
                  <c:v>0</c:v>
                </c:pt>
                <c:pt idx="8258">
                  <c:v>0</c:v>
                </c:pt>
                <c:pt idx="8259">
                  <c:v>0</c:v>
                </c:pt>
                <c:pt idx="8260">
                  <c:v>0</c:v>
                </c:pt>
                <c:pt idx="8261">
                  <c:v>0</c:v>
                </c:pt>
                <c:pt idx="8262">
                  <c:v>0</c:v>
                </c:pt>
                <c:pt idx="8263">
                  <c:v>0</c:v>
                </c:pt>
                <c:pt idx="8264">
                  <c:v>0</c:v>
                </c:pt>
                <c:pt idx="8265">
                  <c:v>0</c:v>
                </c:pt>
                <c:pt idx="8266">
                  <c:v>0</c:v>
                </c:pt>
                <c:pt idx="8267">
                  <c:v>0</c:v>
                </c:pt>
                <c:pt idx="8268">
                  <c:v>0</c:v>
                </c:pt>
                <c:pt idx="8269">
                  <c:v>0</c:v>
                </c:pt>
                <c:pt idx="8270">
                  <c:v>0</c:v>
                </c:pt>
                <c:pt idx="8271">
                  <c:v>0</c:v>
                </c:pt>
                <c:pt idx="8272">
                  <c:v>0</c:v>
                </c:pt>
                <c:pt idx="8273">
                  <c:v>0</c:v>
                </c:pt>
                <c:pt idx="8274">
                  <c:v>0</c:v>
                </c:pt>
                <c:pt idx="8275">
                  <c:v>0</c:v>
                </c:pt>
                <c:pt idx="8276">
                  <c:v>0</c:v>
                </c:pt>
                <c:pt idx="8277">
                  <c:v>0</c:v>
                </c:pt>
                <c:pt idx="8278">
                  <c:v>0</c:v>
                </c:pt>
                <c:pt idx="8279">
                  <c:v>0</c:v>
                </c:pt>
                <c:pt idx="8280">
                  <c:v>0</c:v>
                </c:pt>
                <c:pt idx="8281">
                  <c:v>0</c:v>
                </c:pt>
                <c:pt idx="8282">
                  <c:v>0</c:v>
                </c:pt>
                <c:pt idx="8283">
                  <c:v>0</c:v>
                </c:pt>
                <c:pt idx="8284">
                  <c:v>0</c:v>
                </c:pt>
                <c:pt idx="8285">
                  <c:v>0</c:v>
                </c:pt>
                <c:pt idx="8286">
                  <c:v>0</c:v>
                </c:pt>
                <c:pt idx="8287">
                  <c:v>0</c:v>
                </c:pt>
                <c:pt idx="8288">
                  <c:v>0</c:v>
                </c:pt>
                <c:pt idx="8289">
                  <c:v>0</c:v>
                </c:pt>
                <c:pt idx="8290">
                  <c:v>0</c:v>
                </c:pt>
                <c:pt idx="8291">
                  <c:v>0</c:v>
                </c:pt>
                <c:pt idx="8292">
                  <c:v>0</c:v>
                </c:pt>
                <c:pt idx="8293">
                  <c:v>0</c:v>
                </c:pt>
                <c:pt idx="8294">
                  <c:v>0</c:v>
                </c:pt>
                <c:pt idx="8295">
                  <c:v>0</c:v>
                </c:pt>
                <c:pt idx="8296">
                  <c:v>0</c:v>
                </c:pt>
                <c:pt idx="8297">
                  <c:v>0</c:v>
                </c:pt>
                <c:pt idx="8298">
                  <c:v>0</c:v>
                </c:pt>
                <c:pt idx="8299">
                  <c:v>0</c:v>
                </c:pt>
                <c:pt idx="8300">
                  <c:v>0</c:v>
                </c:pt>
                <c:pt idx="8301">
                  <c:v>0</c:v>
                </c:pt>
                <c:pt idx="8302">
                  <c:v>0</c:v>
                </c:pt>
                <c:pt idx="8303">
                  <c:v>0</c:v>
                </c:pt>
                <c:pt idx="8304">
                  <c:v>0</c:v>
                </c:pt>
                <c:pt idx="8305">
                  <c:v>0</c:v>
                </c:pt>
                <c:pt idx="8306">
                  <c:v>0</c:v>
                </c:pt>
                <c:pt idx="8307">
                  <c:v>0</c:v>
                </c:pt>
                <c:pt idx="8308">
                  <c:v>0</c:v>
                </c:pt>
                <c:pt idx="8309">
                  <c:v>0</c:v>
                </c:pt>
                <c:pt idx="8310">
                  <c:v>0</c:v>
                </c:pt>
                <c:pt idx="8311">
                  <c:v>0</c:v>
                </c:pt>
                <c:pt idx="8312">
                  <c:v>0</c:v>
                </c:pt>
                <c:pt idx="8313">
                  <c:v>0</c:v>
                </c:pt>
                <c:pt idx="8314">
                  <c:v>0</c:v>
                </c:pt>
                <c:pt idx="8315">
                  <c:v>0</c:v>
                </c:pt>
                <c:pt idx="8316">
                  <c:v>0</c:v>
                </c:pt>
                <c:pt idx="8317">
                  <c:v>0</c:v>
                </c:pt>
                <c:pt idx="8318">
                  <c:v>0</c:v>
                </c:pt>
                <c:pt idx="8319">
                  <c:v>0</c:v>
                </c:pt>
                <c:pt idx="8320">
                  <c:v>0</c:v>
                </c:pt>
                <c:pt idx="8321">
                  <c:v>0</c:v>
                </c:pt>
                <c:pt idx="8322">
                  <c:v>0</c:v>
                </c:pt>
                <c:pt idx="8323">
                  <c:v>0</c:v>
                </c:pt>
                <c:pt idx="8324">
                  <c:v>0</c:v>
                </c:pt>
                <c:pt idx="8325">
                  <c:v>0</c:v>
                </c:pt>
                <c:pt idx="8326">
                  <c:v>0</c:v>
                </c:pt>
                <c:pt idx="8327">
                  <c:v>0</c:v>
                </c:pt>
                <c:pt idx="8328">
                  <c:v>0</c:v>
                </c:pt>
                <c:pt idx="8329">
                  <c:v>0</c:v>
                </c:pt>
                <c:pt idx="8330">
                  <c:v>0</c:v>
                </c:pt>
                <c:pt idx="8331">
                  <c:v>0</c:v>
                </c:pt>
                <c:pt idx="8332">
                  <c:v>0</c:v>
                </c:pt>
                <c:pt idx="8333">
                  <c:v>0</c:v>
                </c:pt>
                <c:pt idx="8334">
                  <c:v>0</c:v>
                </c:pt>
                <c:pt idx="8335">
                  <c:v>0</c:v>
                </c:pt>
                <c:pt idx="8336">
                  <c:v>0</c:v>
                </c:pt>
                <c:pt idx="8337">
                  <c:v>0</c:v>
                </c:pt>
                <c:pt idx="8338">
                  <c:v>0</c:v>
                </c:pt>
                <c:pt idx="8339">
                  <c:v>0</c:v>
                </c:pt>
                <c:pt idx="8340">
                  <c:v>0</c:v>
                </c:pt>
                <c:pt idx="8341">
                  <c:v>0</c:v>
                </c:pt>
                <c:pt idx="8342">
                  <c:v>0</c:v>
                </c:pt>
                <c:pt idx="8343">
                  <c:v>0</c:v>
                </c:pt>
                <c:pt idx="8344">
                  <c:v>0</c:v>
                </c:pt>
                <c:pt idx="8345">
                  <c:v>0</c:v>
                </c:pt>
                <c:pt idx="8346">
                  <c:v>0</c:v>
                </c:pt>
                <c:pt idx="8347">
                  <c:v>0</c:v>
                </c:pt>
                <c:pt idx="8348">
                  <c:v>0</c:v>
                </c:pt>
                <c:pt idx="8349">
                  <c:v>0</c:v>
                </c:pt>
                <c:pt idx="8350">
                  <c:v>0</c:v>
                </c:pt>
                <c:pt idx="8351">
                  <c:v>0</c:v>
                </c:pt>
                <c:pt idx="8352">
                  <c:v>0</c:v>
                </c:pt>
                <c:pt idx="8353">
                  <c:v>0</c:v>
                </c:pt>
                <c:pt idx="8354">
                  <c:v>0</c:v>
                </c:pt>
                <c:pt idx="8355">
                  <c:v>0</c:v>
                </c:pt>
                <c:pt idx="8356">
                  <c:v>0</c:v>
                </c:pt>
                <c:pt idx="8357">
                  <c:v>0</c:v>
                </c:pt>
                <c:pt idx="8358">
                  <c:v>0</c:v>
                </c:pt>
                <c:pt idx="8359">
                  <c:v>0</c:v>
                </c:pt>
                <c:pt idx="8360">
                  <c:v>0</c:v>
                </c:pt>
                <c:pt idx="8361">
                  <c:v>0</c:v>
                </c:pt>
                <c:pt idx="8362">
                  <c:v>0</c:v>
                </c:pt>
                <c:pt idx="8363">
                  <c:v>0</c:v>
                </c:pt>
                <c:pt idx="8364">
                  <c:v>0</c:v>
                </c:pt>
                <c:pt idx="8365">
                  <c:v>0</c:v>
                </c:pt>
                <c:pt idx="8366">
                  <c:v>0</c:v>
                </c:pt>
                <c:pt idx="8367">
                  <c:v>0</c:v>
                </c:pt>
                <c:pt idx="8368">
                  <c:v>0</c:v>
                </c:pt>
                <c:pt idx="8369">
                  <c:v>0</c:v>
                </c:pt>
                <c:pt idx="8370">
                  <c:v>0</c:v>
                </c:pt>
                <c:pt idx="8371">
                  <c:v>0</c:v>
                </c:pt>
                <c:pt idx="8372">
                  <c:v>0</c:v>
                </c:pt>
                <c:pt idx="8373">
                  <c:v>0</c:v>
                </c:pt>
                <c:pt idx="8374">
                  <c:v>0</c:v>
                </c:pt>
                <c:pt idx="8375">
                  <c:v>0</c:v>
                </c:pt>
                <c:pt idx="8376">
                  <c:v>0</c:v>
                </c:pt>
                <c:pt idx="8377">
                  <c:v>0</c:v>
                </c:pt>
                <c:pt idx="8378">
                  <c:v>0</c:v>
                </c:pt>
                <c:pt idx="8379">
                  <c:v>0</c:v>
                </c:pt>
                <c:pt idx="8380">
                  <c:v>0</c:v>
                </c:pt>
                <c:pt idx="8381">
                  <c:v>0</c:v>
                </c:pt>
                <c:pt idx="8382">
                  <c:v>0</c:v>
                </c:pt>
                <c:pt idx="8383">
                  <c:v>0</c:v>
                </c:pt>
                <c:pt idx="8384">
                  <c:v>0</c:v>
                </c:pt>
                <c:pt idx="8385">
                  <c:v>0</c:v>
                </c:pt>
                <c:pt idx="8386">
                  <c:v>0</c:v>
                </c:pt>
                <c:pt idx="8387">
                  <c:v>0</c:v>
                </c:pt>
                <c:pt idx="8388">
                  <c:v>0</c:v>
                </c:pt>
                <c:pt idx="8389">
                  <c:v>0</c:v>
                </c:pt>
                <c:pt idx="8390">
                  <c:v>0</c:v>
                </c:pt>
                <c:pt idx="8391">
                  <c:v>0</c:v>
                </c:pt>
                <c:pt idx="8392">
                  <c:v>0</c:v>
                </c:pt>
                <c:pt idx="8393">
                  <c:v>0</c:v>
                </c:pt>
                <c:pt idx="8394">
                  <c:v>0</c:v>
                </c:pt>
                <c:pt idx="8395">
                  <c:v>0</c:v>
                </c:pt>
                <c:pt idx="8396">
                  <c:v>0</c:v>
                </c:pt>
                <c:pt idx="8397">
                  <c:v>0</c:v>
                </c:pt>
                <c:pt idx="8398">
                  <c:v>0</c:v>
                </c:pt>
                <c:pt idx="8399">
                  <c:v>0</c:v>
                </c:pt>
                <c:pt idx="8400">
                  <c:v>0</c:v>
                </c:pt>
                <c:pt idx="8401">
                  <c:v>0</c:v>
                </c:pt>
                <c:pt idx="8402">
                  <c:v>0</c:v>
                </c:pt>
                <c:pt idx="8403">
                  <c:v>0</c:v>
                </c:pt>
                <c:pt idx="8404">
                  <c:v>0</c:v>
                </c:pt>
                <c:pt idx="8405">
                  <c:v>0</c:v>
                </c:pt>
                <c:pt idx="8406">
                  <c:v>0</c:v>
                </c:pt>
                <c:pt idx="8407">
                  <c:v>0</c:v>
                </c:pt>
                <c:pt idx="8408">
                  <c:v>0</c:v>
                </c:pt>
                <c:pt idx="8409">
                  <c:v>0</c:v>
                </c:pt>
                <c:pt idx="8410">
                  <c:v>0</c:v>
                </c:pt>
                <c:pt idx="8411">
                  <c:v>0</c:v>
                </c:pt>
                <c:pt idx="8412">
                  <c:v>0</c:v>
                </c:pt>
                <c:pt idx="8413">
                  <c:v>0</c:v>
                </c:pt>
                <c:pt idx="8414">
                  <c:v>0</c:v>
                </c:pt>
                <c:pt idx="8415">
                  <c:v>0</c:v>
                </c:pt>
                <c:pt idx="8416">
                  <c:v>0</c:v>
                </c:pt>
                <c:pt idx="8417">
                  <c:v>0</c:v>
                </c:pt>
                <c:pt idx="8418">
                  <c:v>0</c:v>
                </c:pt>
                <c:pt idx="8419">
                  <c:v>0</c:v>
                </c:pt>
                <c:pt idx="8420">
                  <c:v>0</c:v>
                </c:pt>
                <c:pt idx="8421">
                  <c:v>0</c:v>
                </c:pt>
                <c:pt idx="8422">
                  <c:v>0</c:v>
                </c:pt>
                <c:pt idx="8423">
                  <c:v>0</c:v>
                </c:pt>
                <c:pt idx="8424">
                  <c:v>0</c:v>
                </c:pt>
                <c:pt idx="8425">
                  <c:v>0</c:v>
                </c:pt>
                <c:pt idx="8426">
                  <c:v>0</c:v>
                </c:pt>
                <c:pt idx="8427">
                  <c:v>0</c:v>
                </c:pt>
                <c:pt idx="8428">
                  <c:v>0</c:v>
                </c:pt>
                <c:pt idx="8429">
                  <c:v>0</c:v>
                </c:pt>
                <c:pt idx="8430">
                  <c:v>0</c:v>
                </c:pt>
                <c:pt idx="8431">
                  <c:v>0</c:v>
                </c:pt>
                <c:pt idx="8432">
                  <c:v>0</c:v>
                </c:pt>
                <c:pt idx="8433">
                  <c:v>0</c:v>
                </c:pt>
                <c:pt idx="8434">
                  <c:v>0</c:v>
                </c:pt>
                <c:pt idx="8435">
                  <c:v>0</c:v>
                </c:pt>
                <c:pt idx="8436">
                  <c:v>0</c:v>
                </c:pt>
                <c:pt idx="8437">
                  <c:v>0</c:v>
                </c:pt>
                <c:pt idx="8438">
                  <c:v>0</c:v>
                </c:pt>
                <c:pt idx="8439">
                  <c:v>0</c:v>
                </c:pt>
                <c:pt idx="8440">
                  <c:v>0</c:v>
                </c:pt>
                <c:pt idx="8441">
                  <c:v>0</c:v>
                </c:pt>
                <c:pt idx="8442">
                  <c:v>0</c:v>
                </c:pt>
                <c:pt idx="8443">
                  <c:v>0</c:v>
                </c:pt>
                <c:pt idx="8444">
                  <c:v>0</c:v>
                </c:pt>
                <c:pt idx="8445">
                  <c:v>0</c:v>
                </c:pt>
                <c:pt idx="8446">
                  <c:v>0</c:v>
                </c:pt>
                <c:pt idx="8447">
                  <c:v>0</c:v>
                </c:pt>
                <c:pt idx="8448">
                  <c:v>0</c:v>
                </c:pt>
                <c:pt idx="8449">
                  <c:v>0</c:v>
                </c:pt>
                <c:pt idx="8450">
                  <c:v>0</c:v>
                </c:pt>
                <c:pt idx="8451">
                  <c:v>0</c:v>
                </c:pt>
                <c:pt idx="8452">
                  <c:v>0</c:v>
                </c:pt>
                <c:pt idx="8453">
                  <c:v>0</c:v>
                </c:pt>
                <c:pt idx="8454">
                  <c:v>0</c:v>
                </c:pt>
                <c:pt idx="8455">
                  <c:v>0</c:v>
                </c:pt>
                <c:pt idx="8456">
                  <c:v>0</c:v>
                </c:pt>
                <c:pt idx="8457">
                  <c:v>0</c:v>
                </c:pt>
                <c:pt idx="8458">
                  <c:v>0</c:v>
                </c:pt>
                <c:pt idx="8459">
                  <c:v>0</c:v>
                </c:pt>
                <c:pt idx="8460">
                  <c:v>0</c:v>
                </c:pt>
                <c:pt idx="8461">
                  <c:v>0</c:v>
                </c:pt>
                <c:pt idx="8462">
                  <c:v>0</c:v>
                </c:pt>
                <c:pt idx="8463">
                  <c:v>0</c:v>
                </c:pt>
                <c:pt idx="8464">
                  <c:v>0</c:v>
                </c:pt>
                <c:pt idx="8465">
                  <c:v>0</c:v>
                </c:pt>
                <c:pt idx="8466">
                  <c:v>0</c:v>
                </c:pt>
                <c:pt idx="8467">
                  <c:v>0</c:v>
                </c:pt>
                <c:pt idx="8468">
                  <c:v>0</c:v>
                </c:pt>
                <c:pt idx="8469">
                  <c:v>0</c:v>
                </c:pt>
                <c:pt idx="8470">
                  <c:v>0</c:v>
                </c:pt>
                <c:pt idx="8471">
                  <c:v>0</c:v>
                </c:pt>
                <c:pt idx="8472">
                  <c:v>0</c:v>
                </c:pt>
                <c:pt idx="8473">
                  <c:v>0</c:v>
                </c:pt>
                <c:pt idx="8474">
                  <c:v>0</c:v>
                </c:pt>
                <c:pt idx="8475">
                  <c:v>0</c:v>
                </c:pt>
                <c:pt idx="8476">
                  <c:v>0</c:v>
                </c:pt>
                <c:pt idx="8477">
                  <c:v>0</c:v>
                </c:pt>
                <c:pt idx="8478">
                  <c:v>0</c:v>
                </c:pt>
                <c:pt idx="8479">
                  <c:v>0</c:v>
                </c:pt>
                <c:pt idx="8480">
                  <c:v>0</c:v>
                </c:pt>
                <c:pt idx="8481">
                  <c:v>0</c:v>
                </c:pt>
                <c:pt idx="8482">
                  <c:v>0</c:v>
                </c:pt>
                <c:pt idx="8483">
                  <c:v>0</c:v>
                </c:pt>
                <c:pt idx="8484">
                  <c:v>0</c:v>
                </c:pt>
                <c:pt idx="8485">
                  <c:v>0</c:v>
                </c:pt>
                <c:pt idx="8486">
                  <c:v>0</c:v>
                </c:pt>
                <c:pt idx="8487">
                  <c:v>0</c:v>
                </c:pt>
                <c:pt idx="8488">
                  <c:v>0</c:v>
                </c:pt>
                <c:pt idx="8489">
                  <c:v>0</c:v>
                </c:pt>
                <c:pt idx="8490">
                  <c:v>0</c:v>
                </c:pt>
                <c:pt idx="8491">
                  <c:v>0</c:v>
                </c:pt>
                <c:pt idx="8492">
                  <c:v>0</c:v>
                </c:pt>
                <c:pt idx="8493">
                  <c:v>0</c:v>
                </c:pt>
                <c:pt idx="8494">
                  <c:v>0</c:v>
                </c:pt>
                <c:pt idx="8495">
                  <c:v>0</c:v>
                </c:pt>
                <c:pt idx="8496">
                  <c:v>0</c:v>
                </c:pt>
                <c:pt idx="8497">
                  <c:v>0</c:v>
                </c:pt>
                <c:pt idx="8498">
                  <c:v>0</c:v>
                </c:pt>
                <c:pt idx="8499">
                  <c:v>0</c:v>
                </c:pt>
                <c:pt idx="8500">
                  <c:v>0</c:v>
                </c:pt>
                <c:pt idx="8501">
                  <c:v>0</c:v>
                </c:pt>
                <c:pt idx="8502">
                  <c:v>0</c:v>
                </c:pt>
                <c:pt idx="8503">
                  <c:v>0</c:v>
                </c:pt>
                <c:pt idx="8504">
                  <c:v>0</c:v>
                </c:pt>
                <c:pt idx="8505">
                  <c:v>0</c:v>
                </c:pt>
                <c:pt idx="8506">
                  <c:v>0</c:v>
                </c:pt>
                <c:pt idx="8507">
                  <c:v>0</c:v>
                </c:pt>
                <c:pt idx="8508">
                  <c:v>0</c:v>
                </c:pt>
                <c:pt idx="8509">
                  <c:v>0</c:v>
                </c:pt>
                <c:pt idx="8510">
                  <c:v>0</c:v>
                </c:pt>
                <c:pt idx="8511">
                  <c:v>0</c:v>
                </c:pt>
                <c:pt idx="8512">
                  <c:v>0</c:v>
                </c:pt>
                <c:pt idx="8513">
                  <c:v>0</c:v>
                </c:pt>
                <c:pt idx="8514">
                  <c:v>0</c:v>
                </c:pt>
                <c:pt idx="8515">
                  <c:v>0</c:v>
                </c:pt>
                <c:pt idx="8516">
                  <c:v>0</c:v>
                </c:pt>
                <c:pt idx="8517">
                  <c:v>0</c:v>
                </c:pt>
                <c:pt idx="8518">
                  <c:v>0</c:v>
                </c:pt>
                <c:pt idx="8519">
                  <c:v>0</c:v>
                </c:pt>
                <c:pt idx="8520">
                  <c:v>0</c:v>
                </c:pt>
                <c:pt idx="8521">
                  <c:v>0</c:v>
                </c:pt>
                <c:pt idx="8522">
                  <c:v>0</c:v>
                </c:pt>
                <c:pt idx="8523">
                  <c:v>0</c:v>
                </c:pt>
                <c:pt idx="8524">
                  <c:v>0</c:v>
                </c:pt>
                <c:pt idx="8525">
                  <c:v>0</c:v>
                </c:pt>
                <c:pt idx="8526">
                  <c:v>0</c:v>
                </c:pt>
                <c:pt idx="8527">
                  <c:v>0</c:v>
                </c:pt>
                <c:pt idx="8528">
                  <c:v>0</c:v>
                </c:pt>
                <c:pt idx="8529">
                  <c:v>0</c:v>
                </c:pt>
                <c:pt idx="8530">
                  <c:v>0</c:v>
                </c:pt>
                <c:pt idx="8531">
                  <c:v>0</c:v>
                </c:pt>
                <c:pt idx="8532">
                  <c:v>0</c:v>
                </c:pt>
                <c:pt idx="8533">
                  <c:v>0</c:v>
                </c:pt>
                <c:pt idx="8534">
                  <c:v>0</c:v>
                </c:pt>
                <c:pt idx="8535">
                  <c:v>0</c:v>
                </c:pt>
                <c:pt idx="8536">
                  <c:v>0</c:v>
                </c:pt>
                <c:pt idx="8537">
                  <c:v>0</c:v>
                </c:pt>
                <c:pt idx="8538">
                  <c:v>0</c:v>
                </c:pt>
                <c:pt idx="8539">
                  <c:v>0</c:v>
                </c:pt>
                <c:pt idx="8540">
                  <c:v>0</c:v>
                </c:pt>
                <c:pt idx="8541">
                  <c:v>0</c:v>
                </c:pt>
                <c:pt idx="8542">
                  <c:v>0</c:v>
                </c:pt>
                <c:pt idx="8543">
                  <c:v>0</c:v>
                </c:pt>
                <c:pt idx="8544">
                  <c:v>0</c:v>
                </c:pt>
                <c:pt idx="8545">
                  <c:v>0</c:v>
                </c:pt>
                <c:pt idx="8546">
                  <c:v>0</c:v>
                </c:pt>
                <c:pt idx="8547">
                  <c:v>0</c:v>
                </c:pt>
                <c:pt idx="8548">
                  <c:v>0</c:v>
                </c:pt>
                <c:pt idx="8549">
                  <c:v>0</c:v>
                </c:pt>
                <c:pt idx="8550">
                  <c:v>0</c:v>
                </c:pt>
                <c:pt idx="8551">
                  <c:v>0</c:v>
                </c:pt>
                <c:pt idx="8552">
                  <c:v>0</c:v>
                </c:pt>
                <c:pt idx="8553">
                  <c:v>0</c:v>
                </c:pt>
                <c:pt idx="8554">
                  <c:v>0</c:v>
                </c:pt>
                <c:pt idx="8555">
                  <c:v>0</c:v>
                </c:pt>
                <c:pt idx="8556">
                  <c:v>0</c:v>
                </c:pt>
                <c:pt idx="8557">
                  <c:v>0</c:v>
                </c:pt>
                <c:pt idx="8558">
                  <c:v>0</c:v>
                </c:pt>
                <c:pt idx="8559">
                  <c:v>0</c:v>
                </c:pt>
                <c:pt idx="8560">
                  <c:v>0</c:v>
                </c:pt>
                <c:pt idx="8561">
                  <c:v>0</c:v>
                </c:pt>
                <c:pt idx="8562">
                  <c:v>0</c:v>
                </c:pt>
                <c:pt idx="8563">
                  <c:v>0</c:v>
                </c:pt>
                <c:pt idx="8564">
                  <c:v>0</c:v>
                </c:pt>
                <c:pt idx="8565">
                  <c:v>0</c:v>
                </c:pt>
                <c:pt idx="8566">
                  <c:v>0</c:v>
                </c:pt>
                <c:pt idx="8567">
                  <c:v>0</c:v>
                </c:pt>
                <c:pt idx="8568">
                  <c:v>0</c:v>
                </c:pt>
                <c:pt idx="8569">
                  <c:v>0</c:v>
                </c:pt>
                <c:pt idx="8570">
                  <c:v>0</c:v>
                </c:pt>
                <c:pt idx="8571">
                  <c:v>0</c:v>
                </c:pt>
                <c:pt idx="8572">
                  <c:v>0</c:v>
                </c:pt>
                <c:pt idx="8573">
                  <c:v>0</c:v>
                </c:pt>
                <c:pt idx="8574">
                  <c:v>0</c:v>
                </c:pt>
                <c:pt idx="8575">
                  <c:v>0</c:v>
                </c:pt>
                <c:pt idx="8576">
                  <c:v>0</c:v>
                </c:pt>
                <c:pt idx="8577">
                  <c:v>0</c:v>
                </c:pt>
                <c:pt idx="8578">
                  <c:v>0</c:v>
                </c:pt>
                <c:pt idx="8579">
                  <c:v>0</c:v>
                </c:pt>
                <c:pt idx="8580">
                  <c:v>0</c:v>
                </c:pt>
                <c:pt idx="8581">
                  <c:v>0</c:v>
                </c:pt>
                <c:pt idx="8582">
                  <c:v>0</c:v>
                </c:pt>
                <c:pt idx="8583">
                  <c:v>0</c:v>
                </c:pt>
                <c:pt idx="8584">
                  <c:v>0</c:v>
                </c:pt>
                <c:pt idx="8585">
                  <c:v>0</c:v>
                </c:pt>
                <c:pt idx="8586">
                  <c:v>0</c:v>
                </c:pt>
                <c:pt idx="8587">
                  <c:v>0</c:v>
                </c:pt>
                <c:pt idx="8588">
                  <c:v>0</c:v>
                </c:pt>
                <c:pt idx="8589">
                  <c:v>0</c:v>
                </c:pt>
                <c:pt idx="8590">
                  <c:v>0</c:v>
                </c:pt>
                <c:pt idx="8591">
                  <c:v>0</c:v>
                </c:pt>
                <c:pt idx="8592">
                  <c:v>0</c:v>
                </c:pt>
                <c:pt idx="8593">
                  <c:v>0</c:v>
                </c:pt>
                <c:pt idx="8594">
                  <c:v>0</c:v>
                </c:pt>
                <c:pt idx="8595">
                  <c:v>0</c:v>
                </c:pt>
                <c:pt idx="8596">
                  <c:v>0</c:v>
                </c:pt>
                <c:pt idx="8597">
                  <c:v>0</c:v>
                </c:pt>
                <c:pt idx="8598">
                  <c:v>0</c:v>
                </c:pt>
                <c:pt idx="8599">
                  <c:v>0</c:v>
                </c:pt>
                <c:pt idx="8600">
                  <c:v>0</c:v>
                </c:pt>
                <c:pt idx="8601">
                  <c:v>0</c:v>
                </c:pt>
                <c:pt idx="8602">
                  <c:v>0</c:v>
                </c:pt>
                <c:pt idx="8603">
                  <c:v>0</c:v>
                </c:pt>
                <c:pt idx="8604">
                  <c:v>0</c:v>
                </c:pt>
                <c:pt idx="8605">
                  <c:v>0</c:v>
                </c:pt>
                <c:pt idx="8606">
                  <c:v>0</c:v>
                </c:pt>
                <c:pt idx="8607">
                  <c:v>0</c:v>
                </c:pt>
                <c:pt idx="8608">
                  <c:v>0</c:v>
                </c:pt>
                <c:pt idx="8609">
                  <c:v>0</c:v>
                </c:pt>
                <c:pt idx="8610">
                  <c:v>0</c:v>
                </c:pt>
                <c:pt idx="8611">
                  <c:v>0</c:v>
                </c:pt>
                <c:pt idx="8612">
                  <c:v>0</c:v>
                </c:pt>
                <c:pt idx="8613">
                  <c:v>0</c:v>
                </c:pt>
                <c:pt idx="8614">
                  <c:v>0</c:v>
                </c:pt>
                <c:pt idx="8615">
                  <c:v>0</c:v>
                </c:pt>
                <c:pt idx="8616">
                  <c:v>0</c:v>
                </c:pt>
                <c:pt idx="8617">
                  <c:v>0</c:v>
                </c:pt>
                <c:pt idx="8618">
                  <c:v>0</c:v>
                </c:pt>
                <c:pt idx="8619">
                  <c:v>0</c:v>
                </c:pt>
                <c:pt idx="8620">
                  <c:v>0</c:v>
                </c:pt>
                <c:pt idx="8621">
                  <c:v>0</c:v>
                </c:pt>
                <c:pt idx="8622">
                  <c:v>0</c:v>
                </c:pt>
                <c:pt idx="8623">
                  <c:v>0</c:v>
                </c:pt>
                <c:pt idx="8624">
                  <c:v>0</c:v>
                </c:pt>
                <c:pt idx="8625">
                  <c:v>0</c:v>
                </c:pt>
                <c:pt idx="8626">
                  <c:v>0</c:v>
                </c:pt>
                <c:pt idx="8627">
                  <c:v>0</c:v>
                </c:pt>
                <c:pt idx="8628">
                  <c:v>0</c:v>
                </c:pt>
                <c:pt idx="8629">
                  <c:v>0</c:v>
                </c:pt>
                <c:pt idx="8630">
                  <c:v>0</c:v>
                </c:pt>
                <c:pt idx="8631">
                  <c:v>0</c:v>
                </c:pt>
                <c:pt idx="8632">
                  <c:v>0</c:v>
                </c:pt>
                <c:pt idx="8633">
                  <c:v>0</c:v>
                </c:pt>
                <c:pt idx="8634">
                  <c:v>0</c:v>
                </c:pt>
                <c:pt idx="8635">
                  <c:v>0</c:v>
                </c:pt>
                <c:pt idx="8636">
                  <c:v>0</c:v>
                </c:pt>
                <c:pt idx="8637">
                  <c:v>0</c:v>
                </c:pt>
                <c:pt idx="8638">
                  <c:v>0</c:v>
                </c:pt>
                <c:pt idx="8639">
                  <c:v>0</c:v>
                </c:pt>
                <c:pt idx="8640">
                  <c:v>0</c:v>
                </c:pt>
                <c:pt idx="8641">
                  <c:v>0</c:v>
                </c:pt>
                <c:pt idx="8642">
                  <c:v>0</c:v>
                </c:pt>
                <c:pt idx="8643">
                  <c:v>0</c:v>
                </c:pt>
                <c:pt idx="8644">
                  <c:v>0</c:v>
                </c:pt>
                <c:pt idx="8645">
                  <c:v>0</c:v>
                </c:pt>
                <c:pt idx="8646">
                  <c:v>0</c:v>
                </c:pt>
                <c:pt idx="8647">
                  <c:v>0</c:v>
                </c:pt>
                <c:pt idx="8648">
                  <c:v>0</c:v>
                </c:pt>
                <c:pt idx="8649">
                  <c:v>0</c:v>
                </c:pt>
                <c:pt idx="8650">
                  <c:v>0</c:v>
                </c:pt>
                <c:pt idx="8651">
                  <c:v>0</c:v>
                </c:pt>
                <c:pt idx="8652">
                  <c:v>0</c:v>
                </c:pt>
                <c:pt idx="8653">
                  <c:v>0</c:v>
                </c:pt>
                <c:pt idx="8654">
                  <c:v>0</c:v>
                </c:pt>
                <c:pt idx="8655">
                  <c:v>0</c:v>
                </c:pt>
                <c:pt idx="8656">
                  <c:v>0</c:v>
                </c:pt>
                <c:pt idx="8657">
                  <c:v>0</c:v>
                </c:pt>
                <c:pt idx="8658">
                  <c:v>0</c:v>
                </c:pt>
                <c:pt idx="8659">
                  <c:v>0</c:v>
                </c:pt>
                <c:pt idx="8660">
                  <c:v>0</c:v>
                </c:pt>
                <c:pt idx="8661">
                  <c:v>0</c:v>
                </c:pt>
                <c:pt idx="8662">
                  <c:v>0</c:v>
                </c:pt>
                <c:pt idx="8663">
                  <c:v>0</c:v>
                </c:pt>
                <c:pt idx="8664">
                  <c:v>0</c:v>
                </c:pt>
                <c:pt idx="8665">
                  <c:v>0</c:v>
                </c:pt>
                <c:pt idx="8666">
                  <c:v>0</c:v>
                </c:pt>
                <c:pt idx="8667">
                  <c:v>0</c:v>
                </c:pt>
                <c:pt idx="8668">
                  <c:v>0</c:v>
                </c:pt>
                <c:pt idx="8669">
                  <c:v>0</c:v>
                </c:pt>
                <c:pt idx="8670">
                  <c:v>0</c:v>
                </c:pt>
                <c:pt idx="8671">
                  <c:v>0</c:v>
                </c:pt>
                <c:pt idx="8672">
                  <c:v>0</c:v>
                </c:pt>
                <c:pt idx="8673">
                  <c:v>0</c:v>
                </c:pt>
                <c:pt idx="8674">
                  <c:v>0</c:v>
                </c:pt>
                <c:pt idx="8675">
                  <c:v>0</c:v>
                </c:pt>
                <c:pt idx="8676">
                  <c:v>0</c:v>
                </c:pt>
                <c:pt idx="8677">
                  <c:v>0</c:v>
                </c:pt>
                <c:pt idx="8678">
                  <c:v>0</c:v>
                </c:pt>
                <c:pt idx="8679">
                  <c:v>0</c:v>
                </c:pt>
                <c:pt idx="8680">
                  <c:v>0</c:v>
                </c:pt>
                <c:pt idx="8681">
                  <c:v>0</c:v>
                </c:pt>
                <c:pt idx="8682">
                  <c:v>0</c:v>
                </c:pt>
                <c:pt idx="8683">
                  <c:v>0</c:v>
                </c:pt>
                <c:pt idx="8684">
                  <c:v>0</c:v>
                </c:pt>
                <c:pt idx="8685">
                  <c:v>0</c:v>
                </c:pt>
                <c:pt idx="8686">
                  <c:v>0</c:v>
                </c:pt>
                <c:pt idx="8687">
                  <c:v>0</c:v>
                </c:pt>
                <c:pt idx="8688">
                  <c:v>0</c:v>
                </c:pt>
                <c:pt idx="8689">
                  <c:v>0</c:v>
                </c:pt>
                <c:pt idx="8690">
                  <c:v>0</c:v>
                </c:pt>
                <c:pt idx="8691">
                  <c:v>0</c:v>
                </c:pt>
                <c:pt idx="8692">
                  <c:v>0</c:v>
                </c:pt>
                <c:pt idx="8693">
                  <c:v>0</c:v>
                </c:pt>
                <c:pt idx="8694">
                  <c:v>0</c:v>
                </c:pt>
                <c:pt idx="8695">
                  <c:v>0</c:v>
                </c:pt>
                <c:pt idx="8696">
                  <c:v>0</c:v>
                </c:pt>
                <c:pt idx="8697">
                  <c:v>0</c:v>
                </c:pt>
                <c:pt idx="8698">
                  <c:v>0</c:v>
                </c:pt>
                <c:pt idx="8699">
                  <c:v>0</c:v>
                </c:pt>
                <c:pt idx="8700">
                  <c:v>0</c:v>
                </c:pt>
                <c:pt idx="8701">
                  <c:v>0</c:v>
                </c:pt>
                <c:pt idx="8702">
                  <c:v>0</c:v>
                </c:pt>
                <c:pt idx="8703">
                  <c:v>0</c:v>
                </c:pt>
                <c:pt idx="8704">
                  <c:v>0</c:v>
                </c:pt>
                <c:pt idx="8705">
                  <c:v>0</c:v>
                </c:pt>
                <c:pt idx="8706">
                  <c:v>0</c:v>
                </c:pt>
                <c:pt idx="8707">
                  <c:v>0</c:v>
                </c:pt>
                <c:pt idx="8708">
                  <c:v>0</c:v>
                </c:pt>
                <c:pt idx="8709">
                  <c:v>0</c:v>
                </c:pt>
                <c:pt idx="8710">
                  <c:v>0</c:v>
                </c:pt>
                <c:pt idx="8711">
                  <c:v>0</c:v>
                </c:pt>
                <c:pt idx="8712">
                  <c:v>0</c:v>
                </c:pt>
                <c:pt idx="8713">
                  <c:v>0</c:v>
                </c:pt>
                <c:pt idx="8714">
                  <c:v>0</c:v>
                </c:pt>
                <c:pt idx="8715">
                  <c:v>0</c:v>
                </c:pt>
                <c:pt idx="8716">
                  <c:v>0</c:v>
                </c:pt>
                <c:pt idx="8717">
                  <c:v>0</c:v>
                </c:pt>
                <c:pt idx="8718">
                  <c:v>0</c:v>
                </c:pt>
                <c:pt idx="8719">
                  <c:v>0</c:v>
                </c:pt>
                <c:pt idx="8720">
                  <c:v>0</c:v>
                </c:pt>
                <c:pt idx="8721">
                  <c:v>0</c:v>
                </c:pt>
                <c:pt idx="8722">
                  <c:v>0</c:v>
                </c:pt>
                <c:pt idx="8723">
                  <c:v>0</c:v>
                </c:pt>
                <c:pt idx="8724">
                  <c:v>0</c:v>
                </c:pt>
                <c:pt idx="8725">
                  <c:v>0</c:v>
                </c:pt>
                <c:pt idx="8726">
                  <c:v>0</c:v>
                </c:pt>
                <c:pt idx="8727">
                  <c:v>0</c:v>
                </c:pt>
                <c:pt idx="8728">
                  <c:v>0</c:v>
                </c:pt>
                <c:pt idx="8729">
                  <c:v>0</c:v>
                </c:pt>
                <c:pt idx="8730">
                  <c:v>0</c:v>
                </c:pt>
                <c:pt idx="8731">
                  <c:v>0</c:v>
                </c:pt>
                <c:pt idx="8732">
                  <c:v>0</c:v>
                </c:pt>
                <c:pt idx="8733">
                  <c:v>0</c:v>
                </c:pt>
                <c:pt idx="8734">
                  <c:v>0</c:v>
                </c:pt>
                <c:pt idx="8735">
                  <c:v>0</c:v>
                </c:pt>
                <c:pt idx="8736">
                  <c:v>0</c:v>
                </c:pt>
                <c:pt idx="8737">
                  <c:v>0</c:v>
                </c:pt>
                <c:pt idx="8738">
                  <c:v>0</c:v>
                </c:pt>
                <c:pt idx="8739">
                  <c:v>0</c:v>
                </c:pt>
                <c:pt idx="8740">
                  <c:v>0</c:v>
                </c:pt>
                <c:pt idx="8741">
                  <c:v>0</c:v>
                </c:pt>
                <c:pt idx="8742">
                  <c:v>0</c:v>
                </c:pt>
                <c:pt idx="8743">
                  <c:v>0</c:v>
                </c:pt>
                <c:pt idx="8744">
                  <c:v>0</c:v>
                </c:pt>
                <c:pt idx="8745">
                  <c:v>0</c:v>
                </c:pt>
                <c:pt idx="8746">
                  <c:v>0</c:v>
                </c:pt>
                <c:pt idx="8747">
                  <c:v>0</c:v>
                </c:pt>
                <c:pt idx="8748">
                  <c:v>0</c:v>
                </c:pt>
                <c:pt idx="8749">
                  <c:v>0</c:v>
                </c:pt>
                <c:pt idx="8750">
                  <c:v>0</c:v>
                </c:pt>
                <c:pt idx="8751">
                  <c:v>0</c:v>
                </c:pt>
                <c:pt idx="8752">
                  <c:v>0</c:v>
                </c:pt>
                <c:pt idx="8753">
                  <c:v>0</c:v>
                </c:pt>
                <c:pt idx="8754">
                  <c:v>0</c:v>
                </c:pt>
                <c:pt idx="8755">
                  <c:v>0</c:v>
                </c:pt>
                <c:pt idx="8756">
                  <c:v>0</c:v>
                </c:pt>
                <c:pt idx="8757">
                  <c:v>0</c:v>
                </c:pt>
                <c:pt idx="8758">
                  <c:v>0</c:v>
                </c:pt>
                <c:pt idx="8759">
                  <c:v>0</c:v>
                </c:pt>
              </c:numCache>
            </c:numRef>
          </c:val>
          <c:extLst>
            <c:ext xmlns:c16="http://schemas.microsoft.com/office/drawing/2014/chart" uri="{C3380CC4-5D6E-409C-BE32-E72D297353CC}">
              <c16:uniqueId val="{00000004-2C0B-4701-B4D5-C67566BB76AF}"/>
            </c:ext>
          </c:extLst>
        </c:ser>
        <c:ser>
          <c:idx val="4"/>
          <c:order val="1"/>
          <c:tx>
            <c:strRef>
              <c:f>Bühler!$L$33</c:f>
              <c:strCache>
                <c:ptCount val="1"/>
                <c:pt idx="0">
                  <c:v>T4</c:v>
                </c:pt>
              </c:strCache>
            </c:strRef>
          </c:tx>
          <c:spPr>
            <a:solidFill>
              <a:schemeClr val="accent5"/>
            </a:solidFill>
            <a:ln w="9525">
              <a:no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L$34:$L$8793</c:f>
              <c:numCache>
                <c:formatCode>General</c:formatCode>
                <c:ptCount val="8760"/>
                <c:pt idx="0">
                  <c:v>1.9975578396164484</c:v>
                </c:pt>
                <c:pt idx="1">
                  <c:v>1.9975578396164484</c:v>
                </c:pt>
                <c:pt idx="2">
                  <c:v>1.9975578396164484</c:v>
                </c:pt>
                <c:pt idx="3">
                  <c:v>1.9975578396164484</c:v>
                </c:pt>
                <c:pt idx="4">
                  <c:v>1.9975578396164484</c:v>
                </c:pt>
                <c:pt idx="5">
                  <c:v>8.6560839716712774</c:v>
                </c:pt>
                <c:pt idx="6">
                  <c:v>9.8213260447808732</c:v>
                </c:pt>
                <c:pt idx="7">
                  <c:v>9.8213260447808732</c:v>
                </c:pt>
                <c:pt idx="8">
                  <c:v>9.8213260447808732</c:v>
                </c:pt>
                <c:pt idx="9">
                  <c:v>10.487178657986355</c:v>
                </c:pt>
                <c:pt idx="10">
                  <c:v>10.487178657986355</c:v>
                </c:pt>
                <c:pt idx="11">
                  <c:v>13.317052264109661</c:v>
                </c:pt>
                <c:pt idx="12">
                  <c:v>13.317052264109661</c:v>
                </c:pt>
                <c:pt idx="13">
                  <c:v>8.8225471249726493</c:v>
                </c:pt>
                <c:pt idx="14">
                  <c:v>13.317052264109661</c:v>
                </c:pt>
                <c:pt idx="15">
                  <c:v>13.317052264109661</c:v>
                </c:pt>
                <c:pt idx="16">
                  <c:v>13.317052264109661</c:v>
                </c:pt>
                <c:pt idx="17">
                  <c:v>13.317052264109661</c:v>
                </c:pt>
                <c:pt idx="18">
                  <c:v>13.317052264109661</c:v>
                </c:pt>
                <c:pt idx="19">
                  <c:v>11.153031271191839</c:v>
                </c:pt>
                <c:pt idx="20">
                  <c:v>9.1554734315753894</c:v>
                </c:pt>
                <c:pt idx="21">
                  <c:v>6.6585261320548303</c:v>
                </c:pt>
                <c:pt idx="22">
                  <c:v>6.3255998254520875</c:v>
                </c:pt>
                <c:pt idx="23">
                  <c:v>6.3255998254520875</c:v>
                </c:pt>
                <c:pt idx="24">
                  <c:v>5.9547721146318393</c:v>
                </c:pt>
                <c:pt idx="25">
                  <c:v>5.9547721146318393</c:v>
                </c:pt>
                <c:pt idx="26">
                  <c:v>5.9547721146318393</c:v>
                </c:pt>
                <c:pt idx="27">
                  <c:v>5.9547721146318393</c:v>
                </c:pt>
                <c:pt idx="28">
                  <c:v>5.9547721146318393</c:v>
                </c:pt>
                <c:pt idx="29">
                  <c:v>7.7412037490213912</c:v>
                </c:pt>
                <c:pt idx="30">
                  <c:v>8.6344195662161667</c:v>
                </c:pt>
                <c:pt idx="31">
                  <c:v>8.9321581719477603</c:v>
                </c:pt>
                <c:pt idx="32">
                  <c:v>8.9321581719477603</c:v>
                </c:pt>
                <c:pt idx="33">
                  <c:v>9.6765046862767399</c:v>
                </c:pt>
                <c:pt idx="34">
                  <c:v>10.123112594874128</c:v>
                </c:pt>
                <c:pt idx="35">
                  <c:v>11.909544229263679</c:v>
                </c:pt>
                <c:pt idx="36">
                  <c:v>11.909544229263679</c:v>
                </c:pt>
                <c:pt idx="37">
                  <c:v>11.909544229263679</c:v>
                </c:pt>
                <c:pt idx="38">
                  <c:v>11.909544229263679</c:v>
                </c:pt>
                <c:pt idx="39">
                  <c:v>11.909544229263679</c:v>
                </c:pt>
                <c:pt idx="40">
                  <c:v>11.909544229263679</c:v>
                </c:pt>
                <c:pt idx="41">
                  <c:v>11.909544229263679</c:v>
                </c:pt>
                <c:pt idx="42">
                  <c:v>11.909544229263679</c:v>
                </c:pt>
                <c:pt idx="43">
                  <c:v>9.9742432920083317</c:v>
                </c:pt>
                <c:pt idx="44">
                  <c:v>8.1878116576187789</c:v>
                </c:pt>
                <c:pt idx="45">
                  <c:v>5.9547721146318393</c:v>
                </c:pt>
                <c:pt idx="46">
                  <c:v>5.9547721146318393</c:v>
                </c:pt>
                <c:pt idx="47">
                  <c:v>5.9547721146318393</c:v>
                </c:pt>
                <c:pt idx="48">
                  <c:v>5.2643617141204038</c:v>
                </c:pt>
                <c:pt idx="49">
                  <c:v>5.9224069283854543</c:v>
                </c:pt>
                <c:pt idx="50">
                  <c:v>5.9224069283854543</c:v>
                </c:pt>
                <c:pt idx="51">
                  <c:v>5.9224069283854543</c:v>
                </c:pt>
                <c:pt idx="52">
                  <c:v>5.9224069283854543</c:v>
                </c:pt>
                <c:pt idx="53">
                  <c:v>7.633324485474585</c:v>
                </c:pt>
                <c:pt idx="54">
                  <c:v>8.8178058711516769</c:v>
                </c:pt>
                <c:pt idx="55">
                  <c:v>8.8178058711516769</c:v>
                </c:pt>
                <c:pt idx="56">
                  <c:v>8.8178058711516769</c:v>
                </c:pt>
                <c:pt idx="57">
                  <c:v>9.4758510854167284</c:v>
                </c:pt>
                <c:pt idx="58">
                  <c:v>10.265505342534787</c:v>
                </c:pt>
                <c:pt idx="59">
                  <c:v>11.844813856770909</c:v>
                </c:pt>
                <c:pt idx="60">
                  <c:v>11.844813856770909</c:v>
                </c:pt>
                <c:pt idx="61">
                  <c:v>11.844813856770909</c:v>
                </c:pt>
                <c:pt idx="62">
                  <c:v>11.844813856770909</c:v>
                </c:pt>
                <c:pt idx="63">
                  <c:v>11.844813856770909</c:v>
                </c:pt>
                <c:pt idx="64">
                  <c:v>11.844813856770909</c:v>
                </c:pt>
                <c:pt idx="65">
                  <c:v>11.844813856770909</c:v>
                </c:pt>
                <c:pt idx="66">
                  <c:v>11.844813856770909</c:v>
                </c:pt>
                <c:pt idx="67">
                  <c:v>9.8706782139757596</c:v>
                </c:pt>
                <c:pt idx="68">
                  <c:v>7.8965425711806061</c:v>
                </c:pt>
                <c:pt idx="69">
                  <c:v>5.9224069283854543</c:v>
                </c:pt>
                <c:pt idx="70">
                  <c:v>5.9224069283854543</c:v>
                </c:pt>
                <c:pt idx="71">
                  <c:v>5.9224069283854543</c:v>
                </c:pt>
                <c:pt idx="72">
                  <c:v>5.8960932545390596</c:v>
                </c:pt>
                <c:pt idx="73">
                  <c:v>5.8960932545390596</c:v>
                </c:pt>
                <c:pt idx="74">
                  <c:v>5.8960932545390596</c:v>
                </c:pt>
                <c:pt idx="75">
                  <c:v>5.8960932545390596</c:v>
                </c:pt>
                <c:pt idx="76">
                  <c:v>5.8960932545390596</c:v>
                </c:pt>
                <c:pt idx="77">
                  <c:v>7.599409083628121</c:v>
                </c:pt>
                <c:pt idx="78">
                  <c:v>8.7786277345359345</c:v>
                </c:pt>
                <c:pt idx="79">
                  <c:v>8.7786277345359345</c:v>
                </c:pt>
                <c:pt idx="80">
                  <c:v>8.7786277345359345</c:v>
                </c:pt>
                <c:pt idx="81">
                  <c:v>9.4337492072624958</c:v>
                </c:pt>
                <c:pt idx="82">
                  <c:v>10.21989497453437</c:v>
                </c:pt>
                <c:pt idx="83">
                  <c:v>11.792186509078119</c:v>
                </c:pt>
                <c:pt idx="84">
                  <c:v>11.792186509078119</c:v>
                </c:pt>
                <c:pt idx="85">
                  <c:v>11.792186509078119</c:v>
                </c:pt>
                <c:pt idx="86">
                  <c:v>11.792186509078119</c:v>
                </c:pt>
                <c:pt idx="87">
                  <c:v>11.792186509078119</c:v>
                </c:pt>
                <c:pt idx="88">
                  <c:v>11.792186509078119</c:v>
                </c:pt>
                <c:pt idx="89">
                  <c:v>11.792186509078119</c:v>
                </c:pt>
                <c:pt idx="90">
                  <c:v>11.792186509078119</c:v>
                </c:pt>
                <c:pt idx="91">
                  <c:v>9.8268220908984336</c:v>
                </c:pt>
                <c:pt idx="92">
                  <c:v>7.8614576727187471</c:v>
                </c:pt>
                <c:pt idx="93">
                  <c:v>5.8960932545390596</c:v>
                </c:pt>
                <c:pt idx="94">
                  <c:v>5.8960932545390596</c:v>
                </c:pt>
                <c:pt idx="95">
                  <c:v>5.8960932545390596</c:v>
                </c:pt>
                <c:pt idx="96">
                  <c:v>6.4212879019777196</c:v>
                </c:pt>
                <c:pt idx="97">
                  <c:v>6.4212879019777196</c:v>
                </c:pt>
                <c:pt idx="98">
                  <c:v>6.4212879019777196</c:v>
                </c:pt>
                <c:pt idx="99">
                  <c:v>6.4212879019777196</c:v>
                </c:pt>
                <c:pt idx="100">
                  <c:v>6.4212879019777196</c:v>
                </c:pt>
                <c:pt idx="101">
                  <c:v>8.2763266292157276</c:v>
                </c:pt>
                <c:pt idx="102">
                  <c:v>9.9886700697431205</c:v>
                </c:pt>
                <c:pt idx="103">
                  <c:v>9.9886700697431205</c:v>
                </c:pt>
                <c:pt idx="104">
                  <c:v>9.9886700697431205</c:v>
                </c:pt>
                <c:pt idx="105">
                  <c:v>10.7021465032962</c:v>
                </c:pt>
                <c:pt idx="106">
                  <c:v>11.130232363428048</c:v>
                </c:pt>
                <c:pt idx="107">
                  <c:v>12.842575803955439</c:v>
                </c:pt>
                <c:pt idx="108">
                  <c:v>12.842575803955439</c:v>
                </c:pt>
                <c:pt idx="109">
                  <c:v>12.842575803955439</c:v>
                </c:pt>
                <c:pt idx="110">
                  <c:v>12.842575803955439</c:v>
                </c:pt>
                <c:pt idx="111">
                  <c:v>10.7021465032962</c:v>
                </c:pt>
                <c:pt idx="112">
                  <c:v>10.131365356453736</c:v>
                </c:pt>
                <c:pt idx="113">
                  <c:v>10.131365356453736</c:v>
                </c:pt>
                <c:pt idx="114">
                  <c:v>10.131365356453736</c:v>
                </c:pt>
                <c:pt idx="115">
                  <c:v>10.131365356453736</c:v>
                </c:pt>
                <c:pt idx="116">
                  <c:v>7.8482407690838807</c:v>
                </c:pt>
                <c:pt idx="117">
                  <c:v>2.9966010209229363</c:v>
                </c:pt>
                <c:pt idx="118">
                  <c:v>2.9966010209229363</c:v>
                </c:pt>
                <c:pt idx="119">
                  <c:v>2.9966010209229363</c:v>
                </c:pt>
                <c:pt idx="120">
                  <c:v>4.5547227217418831</c:v>
                </c:pt>
                <c:pt idx="121">
                  <c:v>8.892553885305583</c:v>
                </c:pt>
                <c:pt idx="122">
                  <c:v>8.892553885305583</c:v>
                </c:pt>
                <c:pt idx="123">
                  <c:v>8.892553885305583</c:v>
                </c:pt>
                <c:pt idx="124">
                  <c:v>8.892553885305583</c:v>
                </c:pt>
                <c:pt idx="125">
                  <c:v>11.061469467087431</c:v>
                </c:pt>
                <c:pt idx="126">
                  <c:v>13.881059723403835</c:v>
                </c:pt>
                <c:pt idx="127">
                  <c:v>15.8330837470075</c:v>
                </c:pt>
                <c:pt idx="128">
                  <c:v>15.8330837470075</c:v>
                </c:pt>
                <c:pt idx="129">
                  <c:v>15.8330837470075</c:v>
                </c:pt>
                <c:pt idx="130">
                  <c:v>15.8330837470075</c:v>
                </c:pt>
                <c:pt idx="131">
                  <c:v>15.8330837470075</c:v>
                </c:pt>
                <c:pt idx="132">
                  <c:v>15.8330837470075</c:v>
                </c:pt>
                <c:pt idx="133">
                  <c:v>15.8330837470075</c:v>
                </c:pt>
                <c:pt idx="134">
                  <c:v>15.8330837470075</c:v>
                </c:pt>
                <c:pt idx="135">
                  <c:v>14.314842839760205</c:v>
                </c:pt>
                <c:pt idx="136">
                  <c:v>13.013493490691095</c:v>
                </c:pt>
                <c:pt idx="137">
                  <c:v>11.712144141621987</c:v>
                </c:pt>
                <c:pt idx="138">
                  <c:v>11.278361025265616</c:v>
                </c:pt>
                <c:pt idx="139">
                  <c:v>9.1094454434837662</c:v>
                </c:pt>
                <c:pt idx="140">
                  <c:v>6.7236383035237326</c:v>
                </c:pt>
                <c:pt idx="141">
                  <c:v>6.7236383035237326</c:v>
                </c:pt>
                <c:pt idx="142">
                  <c:v>6.7236383035237326</c:v>
                </c:pt>
                <c:pt idx="143">
                  <c:v>6.7236383035237326</c:v>
                </c:pt>
                <c:pt idx="144">
                  <c:v>7.4332252329775814</c:v>
                </c:pt>
                <c:pt idx="145">
                  <c:v>8.6321325286191257</c:v>
                </c:pt>
                <c:pt idx="146">
                  <c:v>8.6321325286191257</c:v>
                </c:pt>
                <c:pt idx="147">
                  <c:v>8.6321325286191257</c:v>
                </c:pt>
                <c:pt idx="148">
                  <c:v>8.6321325286191257</c:v>
                </c:pt>
                <c:pt idx="149">
                  <c:v>10.790165660773908</c:v>
                </c:pt>
                <c:pt idx="150">
                  <c:v>12.708417333800382</c:v>
                </c:pt>
                <c:pt idx="151">
                  <c:v>15.10623192508347</c:v>
                </c:pt>
                <c:pt idx="152">
                  <c:v>15.10623192508347</c:v>
                </c:pt>
                <c:pt idx="153">
                  <c:v>15.10623192508347</c:v>
                </c:pt>
                <c:pt idx="154">
                  <c:v>15.10623192508347</c:v>
                </c:pt>
                <c:pt idx="155">
                  <c:v>15.10623192508347</c:v>
                </c:pt>
                <c:pt idx="156">
                  <c:v>15.10623192508347</c:v>
                </c:pt>
                <c:pt idx="157">
                  <c:v>15.10623192508347</c:v>
                </c:pt>
                <c:pt idx="158">
                  <c:v>15.10623192508347</c:v>
                </c:pt>
                <c:pt idx="159">
                  <c:v>13.427761711185308</c:v>
                </c:pt>
                <c:pt idx="160">
                  <c:v>13.187980252056997</c:v>
                </c:pt>
                <c:pt idx="161">
                  <c:v>11.269728579030527</c:v>
                </c:pt>
                <c:pt idx="162">
                  <c:v>10.550384201645599</c:v>
                </c:pt>
                <c:pt idx="163">
                  <c:v>8.8719139877474351</c:v>
                </c:pt>
                <c:pt idx="164">
                  <c:v>7.4332252329775814</c:v>
                </c:pt>
                <c:pt idx="165">
                  <c:v>6.4740993964643447</c:v>
                </c:pt>
                <c:pt idx="166">
                  <c:v>6.4740993964643447</c:v>
                </c:pt>
                <c:pt idx="167">
                  <c:v>6.4740993964643447</c:v>
                </c:pt>
                <c:pt idx="168">
                  <c:v>1.8138721028567686</c:v>
                </c:pt>
                <c:pt idx="169">
                  <c:v>1.8138721028567686</c:v>
                </c:pt>
                <c:pt idx="170">
                  <c:v>1.8138721028567686</c:v>
                </c:pt>
                <c:pt idx="171">
                  <c:v>1.8138721028567686</c:v>
                </c:pt>
                <c:pt idx="172">
                  <c:v>1.8138721028567686</c:v>
                </c:pt>
                <c:pt idx="173">
                  <c:v>7.8601124457126632</c:v>
                </c:pt>
                <c:pt idx="174">
                  <c:v>8.9182045057124455</c:v>
                </c:pt>
                <c:pt idx="175">
                  <c:v>8.9182045057124455</c:v>
                </c:pt>
                <c:pt idx="176">
                  <c:v>8.9182045057124455</c:v>
                </c:pt>
                <c:pt idx="177">
                  <c:v>9.5228285399980361</c:v>
                </c:pt>
                <c:pt idx="178">
                  <c:v>9.5228285399980361</c:v>
                </c:pt>
                <c:pt idx="179">
                  <c:v>12.092480685711791</c:v>
                </c:pt>
                <c:pt idx="180">
                  <c:v>12.092480685711791</c:v>
                </c:pt>
                <c:pt idx="181">
                  <c:v>8.0112684542840604</c:v>
                </c:pt>
                <c:pt idx="182">
                  <c:v>12.092480685711791</c:v>
                </c:pt>
                <c:pt idx="183">
                  <c:v>12.092480685711791</c:v>
                </c:pt>
                <c:pt idx="184">
                  <c:v>12.092480685711791</c:v>
                </c:pt>
                <c:pt idx="185">
                  <c:v>12.092480685711791</c:v>
                </c:pt>
                <c:pt idx="186">
                  <c:v>12.092480685711791</c:v>
                </c:pt>
                <c:pt idx="187">
                  <c:v>10.127452574283625</c:v>
                </c:pt>
                <c:pt idx="188">
                  <c:v>8.3135804714268549</c:v>
                </c:pt>
                <c:pt idx="189">
                  <c:v>6.0462403428558957</c:v>
                </c:pt>
                <c:pt idx="190">
                  <c:v>5.7439283257131013</c:v>
                </c:pt>
                <c:pt idx="191">
                  <c:v>5.7439283257131013</c:v>
                </c:pt>
                <c:pt idx="192">
                  <c:v>5.3158032470017833</c:v>
                </c:pt>
                <c:pt idx="193">
                  <c:v>5.3158032470017833</c:v>
                </c:pt>
                <c:pt idx="194">
                  <c:v>5.3158032470017833</c:v>
                </c:pt>
                <c:pt idx="195">
                  <c:v>5.3158032470017833</c:v>
                </c:pt>
                <c:pt idx="196">
                  <c:v>5.3158032470017833</c:v>
                </c:pt>
                <c:pt idx="197">
                  <c:v>6.9105442211023185</c:v>
                </c:pt>
                <c:pt idx="198">
                  <c:v>7.7079147081525861</c:v>
                </c:pt>
                <c:pt idx="199">
                  <c:v>7.9737048705026758</c:v>
                </c:pt>
                <c:pt idx="200">
                  <c:v>7.9737048705026758</c:v>
                </c:pt>
                <c:pt idx="201">
                  <c:v>8.6381802763778985</c:v>
                </c:pt>
                <c:pt idx="202">
                  <c:v>9.0368655199030314</c:v>
                </c:pt>
                <c:pt idx="203">
                  <c:v>10.631606494003567</c:v>
                </c:pt>
                <c:pt idx="204">
                  <c:v>10.631606494003567</c:v>
                </c:pt>
                <c:pt idx="205">
                  <c:v>10.631606494003567</c:v>
                </c:pt>
                <c:pt idx="206">
                  <c:v>10.631606494003567</c:v>
                </c:pt>
                <c:pt idx="207">
                  <c:v>10.631606494003567</c:v>
                </c:pt>
                <c:pt idx="208">
                  <c:v>10.631606494003567</c:v>
                </c:pt>
                <c:pt idx="209">
                  <c:v>10.631606494003567</c:v>
                </c:pt>
                <c:pt idx="210">
                  <c:v>10.631606494003567</c:v>
                </c:pt>
                <c:pt idx="211">
                  <c:v>8.9039704387279883</c:v>
                </c:pt>
                <c:pt idx="212">
                  <c:v>7.3092294646274523</c:v>
                </c:pt>
                <c:pt idx="213">
                  <c:v>5.3158032470017833</c:v>
                </c:pt>
                <c:pt idx="214">
                  <c:v>5.3158032470017833</c:v>
                </c:pt>
                <c:pt idx="215">
                  <c:v>5.3158032470017833</c:v>
                </c:pt>
                <c:pt idx="216">
                  <c:v>4.8338671700879896</c:v>
                </c:pt>
                <c:pt idx="217">
                  <c:v>5.4381005663489876</c:v>
                </c:pt>
                <c:pt idx="218">
                  <c:v>5.4381005663489876</c:v>
                </c:pt>
                <c:pt idx="219">
                  <c:v>5.4381005663489876</c:v>
                </c:pt>
                <c:pt idx="220">
                  <c:v>5.4381005663489876</c:v>
                </c:pt>
                <c:pt idx="221">
                  <c:v>7.0091073966275843</c:v>
                </c:pt>
                <c:pt idx="222">
                  <c:v>8.0967275098973843</c:v>
                </c:pt>
                <c:pt idx="223">
                  <c:v>8.0967275098973843</c:v>
                </c:pt>
                <c:pt idx="224">
                  <c:v>8.0967275098973843</c:v>
                </c:pt>
                <c:pt idx="225">
                  <c:v>8.7009609061583806</c:v>
                </c:pt>
                <c:pt idx="226">
                  <c:v>9.4260409816715782</c:v>
                </c:pt>
                <c:pt idx="227">
                  <c:v>10.876201132697975</c:v>
                </c:pt>
                <c:pt idx="228">
                  <c:v>10.876201132697975</c:v>
                </c:pt>
                <c:pt idx="229">
                  <c:v>10.876201132697975</c:v>
                </c:pt>
                <c:pt idx="230">
                  <c:v>10.876201132697975</c:v>
                </c:pt>
                <c:pt idx="231">
                  <c:v>10.876201132697975</c:v>
                </c:pt>
                <c:pt idx="232">
                  <c:v>10.876201132697975</c:v>
                </c:pt>
                <c:pt idx="233">
                  <c:v>10.876201132697975</c:v>
                </c:pt>
                <c:pt idx="234">
                  <c:v>10.876201132697975</c:v>
                </c:pt>
                <c:pt idx="235">
                  <c:v>9.0635009439149812</c:v>
                </c:pt>
                <c:pt idx="236">
                  <c:v>7.2508007551319853</c:v>
                </c:pt>
                <c:pt idx="237">
                  <c:v>5.4381005663489876</c:v>
                </c:pt>
                <c:pt idx="238">
                  <c:v>5.4381005663489876</c:v>
                </c:pt>
                <c:pt idx="239">
                  <c:v>5.4381005663489876</c:v>
                </c:pt>
                <c:pt idx="240">
                  <c:v>5.3545340976464608</c:v>
                </c:pt>
                <c:pt idx="241">
                  <c:v>5.3545340976464608</c:v>
                </c:pt>
                <c:pt idx="242">
                  <c:v>5.3545340976464608</c:v>
                </c:pt>
                <c:pt idx="243">
                  <c:v>5.3545340976464608</c:v>
                </c:pt>
                <c:pt idx="244">
                  <c:v>5.3545340976464608</c:v>
                </c:pt>
                <c:pt idx="245">
                  <c:v>6.9013995036332174</c:v>
                </c:pt>
                <c:pt idx="246">
                  <c:v>7.9723063231625098</c:v>
                </c:pt>
                <c:pt idx="247">
                  <c:v>7.9723063231625098</c:v>
                </c:pt>
                <c:pt idx="248">
                  <c:v>7.9723063231625098</c:v>
                </c:pt>
                <c:pt idx="249">
                  <c:v>8.5672545562343387</c:v>
                </c:pt>
                <c:pt idx="250">
                  <c:v>9.2811924359205342</c:v>
                </c:pt>
                <c:pt idx="251">
                  <c:v>10.709068195292922</c:v>
                </c:pt>
                <c:pt idx="252">
                  <c:v>10.709068195292922</c:v>
                </c:pt>
                <c:pt idx="253">
                  <c:v>10.709068195292922</c:v>
                </c:pt>
                <c:pt idx="254">
                  <c:v>10.709068195292922</c:v>
                </c:pt>
                <c:pt idx="255">
                  <c:v>10.709068195292922</c:v>
                </c:pt>
                <c:pt idx="256">
                  <c:v>10.709068195292922</c:v>
                </c:pt>
                <c:pt idx="257">
                  <c:v>10.709068195292922</c:v>
                </c:pt>
                <c:pt idx="258">
                  <c:v>10.709068195292922</c:v>
                </c:pt>
                <c:pt idx="259">
                  <c:v>8.9242234960774365</c:v>
                </c:pt>
                <c:pt idx="260">
                  <c:v>7.1393787968619487</c:v>
                </c:pt>
                <c:pt idx="261">
                  <c:v>5.3545340976464608</c:v>
                </c:pt>
                <c:pt idx="262">
                  <c:v>5.3545340976464608</c:v>
                </c:pt>
                <c:pt idx="263">
                  <c:v>5.3545340976464608</c:v>
                </c:pt>
                <c:pt idx="264">
                  <c:v>5.8920877664939511</c:v>
                </c:pt>
                <c:pt idx="265">
                  <c:v>5.8920877664939511</c:v>
                </c:pt>
                <c:pt idx="266">
                  <c:v>5.8920877664939511</c:v>
                </c:pt>
                <c:pt idx="267">
                  <c:v>5.8920877664939511</c:v>
                </c:pt>
                <c:pt idx="268">
                  <c:v>5.8920877664939511</c:v>
                </c:pt>
                <c:pt idx="269">
                  <c:v>7.5942464545922039</c:v>
                </c:pt>
                <c:pt idx="270">
                  <c:v>9.1654698589905923</c:v>
                </c:pt>
                <c:pt idx="271">
                  <c:v>9.1654698589905923</c:v>
                </c:pt>
                <c:pt idx="272">
                  <c:v>9.1654698589905923</c:v>
                </c:pt>
                <c:pt idx="273">
                  <c:v>9.8201462774899202</c:v>
                </c:pt>
                <c:pt idx="274">
                  <c:v>10.212952128589516</c:v>
                </c:pt>
                <c:pt idx="275">
                  <c:v>11.784175532987902</c:v>
                </c:pt>
                <c:pt idx="276">
                  <c:v>11.784175532987902</c:v>
                </c:pt>
                <c:pt idx="277">
                  <c:v>11.784175532987902</c:v>
                </c:pt>
                <c:pt idx="278">
                  <c:v>11.784175532987902</c:v>
                </c:pt>
                <c:pt idx="279">
                  <c:v>9.8201462774899202</c:v>
                </c:pt>
                <c:pt idx="280">
                  <c:v>9.2964051426904586</c:v>
                </c:pt>
                <c:pt idx="281">
                  <c:v>9.2964051426904586</c:v>
                </c:pt>
                <c:pt idx="282">
                  <c:v>9.2964051426904586</c:v>
                </c:pt>
                <c:pt idx="283">
                  <c:v>9.2964051426904586</c:v>
                </c:pt>
                <c:pt idx="284">
                  <c:v>7.2014406034926068</c:v>
                </c:pt>
                <c:pt idx="285">
                  <c:v>2.749640957697177</c:v>
                </c:pt>
                <c:pt idx="286">
                  <c:v>2.749640957697177</c:v>
                </c:pt>
                <c:pt idx="287">
                  <c:v>2.749640957697177</c:v>
                </c:pt>
                <c:pt idx="288">
                  <c:v>4.4370692256440591</c:v>
                </c:pt>
                <c:pt idx="289">
                  <c:v>8.6628494405431642</c:v>
                </c:pt>
                <c:pt idx="290">
                  <c:v>8.6628494405431642</c:v>
                </c:pt>
                <c:pt idx="291">
                  <c:v>8.6628494405431642</c:v>
                </c:pt>
                <c:pt idx="292">
                  <c:v>8.6628494405431642</c:v>
                </c:pt>
                <c:pt idx="293">
                  <c:v>10.775739547992714</c:v>
                </c:pt>
                <c:pt idx="294">
                  <c:v>13.522496687677133</c:v>
                </c:pt>
                <c:pt idx="295">
                  <c:v>15.424097784381729</c:v>
                </c:pt>
                <c:pt idx="296">
                  <c:v>15.424097784381729</c:v>
                </c:pt>
                <c:pt idx="297">
                  <c:v>15.424097784381729</c:v>
                </c:pt>
                <c:pt idx="298">
                  <c:v>15.424097784381729</c:v>
                </c:pt>
                <c:pt idx="299">
                  <c:v>15.424097784381729</c:v>
                </c:pt>
                <c:pt idx="300">
                  <c:v>15.424097784381729</c:v>
                </c:pt>
                <c:pt idx="301">
                  <c:v>15.424097784381729</c:v>
                </c:pt>
                <c:pt idx="302">
                  <c:v>15.424097784381729</c:v>
                </c:pt>
                <c:pt idx="303">
                  <c:v>13.945074709167043</c:v>
                </c:pt>
                <c:pt idx="304">
                  <c:v>12.677340644697312</c:v>
                </c:pt>
                <c:pt idx="305">
                  <c:v>11.40960658022758</c:v>
                </c:pt>
                <c:pt idx="306">
                  <c:v>10.987028558737668</c:v>
                </c:pt>
                <c:pt idx="307">
                  <c:v>8.8741384512881183</c:v>
                </c:pt>
                <c:pt idx="308">
                  <c:v>6.5499593330936108</c:v>
                </c:pt>
                <c:pt idx="309">
                  <c:v>6.5499593330936108</c:v>
                </c:pt>
                <c:pt idx="310">
                  <c:v>6.5499593330936108</c:v>
                </c:pt>
                <c:pt idx="311">
                  <c:v>6.5499593330936108</c:v>
                </c:pt>
                <c:pt idx="312">
                  <c:v>7.488055916609234</c:v>
                </c:pt>
                <c:pt idx="313">
                  <c:v>8.6958068709010483</c:v>
                </c:pt>
                <c:pt idx="314">
                  <c:v>8.6958068709010483</c:v>
                </c:pt>
                <c:pt idx="315">
                  <c:v>8.6958068709010483</c:v>
                </c:pt>
                <c:pt idx="316">
                  <c:v>8.6958068709010483</c:v>
                </c:pt>
                <c:pt idx="317">
                  <c:v>10.869758588626308</c:v>
                </c:pt>
                <c:pt idx="318">
                  <c:v>12.802160115493209</c:v>
                </c:pt>
                <c:pt idx="319">
                  <c:v>15.217662024076832</c:v>
                </c:pt>
                <c:pt idx="320">
                  <c:v>15.217662024076832</c:v>
                </c:pt>
                <c:pt idx="321">
                  <c:v>15.217662024076832</c:v>
                </c:pt>
                <c:pt idx="322">
                  <c:v>15.217662024076832</c:v>
                </c:pt>
                <c:pt idx="323">
                  <c:v>15.217662024076832</c:v>
                </c:pt>
                <c:pt idx="324">
                  <c:v>15.217662024076832</c:v>
                </c:pt>
                <c:pt idx="325">
                  <c:v>15.217662024076832</c:v>
                </c:pt>
                <c:pt idx="326">
                  <c:v>15.217662024076832</c:v>
                </c:pt>
                <c:pt idx="327">
                  <c:v>13.526810688068293</c:v>
                </c:pt>
                <c:pt idx="328">
                  <c:v>13.285260497209931</c:v>
                </c:pt>
                <c:pt idx="329">
                  <c:v>11.352858970343034</c:v>
                </c:pt>
                <c:pt idx="330">
                  <c:v>10.628208397767947</c:v>
                </c:pt>
                <c:pt idx="331">
                  <c:v>8.9373570617594105</c:v>
                </c:pt>
                <c:pt idx="332">
                  <c:v>7.488055916609234</c:v>
                </c:pt>
                <c:pt idx="333">
                  <c:v>6.5218551531757853</c:v>
                </c:pt>
                <c:pt idx="334">
                  <c:v>6.5218551531757853</c:v>
                </c:pt>
                <c:pt idx="335">
                  <c:v>6.5218551531757853</c:v>
                </c:pt>
                <c:pt idx="336">
                  <c:v>1.9367531683027814</c:v>
                </c:pt>
                <c:pt idx="337">
                  <c:v>1.9367531683027814</c:v>
                </c:pt>
                <c:pt idx="338">
                  <c:v>1.9367531683027814</c:v>
                </c:pt>
                <c:pt idx="339">
                  <c:v>1.9367531683027814</c:v>
                </c:pt>
                <c:pt idx="340">
                  <c:v>1.9367531683027814</c:v>
                </c:pt>
                <c:pt idx="341">
                  <c:v>8.3925970626453879</c:v>
                </c:pt>
                <c:pt idx="342">
                  <c:v>9.522369744155343</c:v>
                </c:pt>
                <c:pt idx="343">
                  <c:v>9.522369744155343</c:v>
                </c:pt>
                <c:pt idx="344">
                  <c:v>9.522369744155343</c:v>
                </c:pt>
                <c:pt idx="345">
                  <c:v>10.167954133589603</c:v>
                </c:pt>
                <c:pt idx="346">
                  <c:v>10.167954133589603</c:v>
                </c:pt>
                <c:pt idx="347">
                  <c:v>12.911687788685208</c:v>
                </c:pt>
                <c:pt idx="348">
                  <c:v>12.911687788685208</c:v>
                </c:pt>
                <c:pt idx="349">
                  <c:v>8.5539931600039516</c:v>
                </c:pt>
                <c:pt idx="350">
                  <c:v>12.911687788685208</c:v>
                </c:pt>
                <c:pt idx="351">
                  <c:v>12.911687788685208</c:v>
                </c:pt>
                <c:pt idx="352">
                  <c:v>12.911687788685208</c:v>
                </c:pt>
                <c:pt idx="353">
                  <c:v>12.911687788685208</c:v>
                </c:pt>
                <c:pt idx="354">
                  <c:v>12.911687788685208</c:v>
                </c:pt>
                <c:pt idx="355">
                  <c:v>10.813538523023865</c:v>
                </c:pt>
                <c:pt idx="356">
                  <c:v>8.8767853547210827</c:v>
                </c:pt>
                <c:pt idx="357">
                  <c:v>6.4558438943426042</c:v>
                </c:pt>
                <c:pt idx="358">
                  <c:v>6.1330516996254749</c:v>
                </c:pt>
                <c:pt idx="359">
                  <c:v>6.1330516996254749</c:v>
                </c:pt>
                <c:pt idx="360">
                  <c:v>5.6884097828563993</c:v>
                </c:pt>
                <c:pt idx="361">
                  <c:v>5.6884097828563993</c:v>
                </c:pt>
                <c:pt idx="362">
                  <c:v>5.6884097828563993</c:v>
                </c:pt>
                <c:pt idx="363">
                  <c:v>5.6884097828563993</c:v>
                </c:pt>
                <c:pt idx="364">
                  <c:v>5.6884097828563993</c:v>
                </c:pt>
                <c:pt idx="365">
                  <c:v>7.3949327177133179</c:v>
                </c:pt>
                <c:pt idx="366">
                  <c:v>8.2481941851417773</c:v>
                </c:pt>
                <c:pt idx="367">
                  <c:v>8.5326146742845985</c:v>
                </c:pt>
                <c:pt idx="368">
                  <c:v>8.5326146742845985</c:v>
                </c:pt>
                <c:pt idx="369">
                  <c:v>9.2436658971416481</c:v>
                </c:pt>
                <c:pt idx="370">
                  <c:v>9.6702966308558764</c:v>
                </c:pt>
                <c:pt idx="371">
                  <c:v>11.376819565712799</c:v>
                </c:pt>
                <c:pt idx="372">
                  <c:v>11.376819565712799</c:v>
                </c:pt>
                <c:pt idx="373">
                  <c:v>11.376819565712799</c:v>
                </c:pt>
                <c:pt idx="374">
                  <c:v>11.376819565712799</c:v>
                </c:pt>
                <c:pt idx="375">
                  <c:v>11.376819565712799</c:v>
                </c:pt>
                <c:pt idx="376">
                  <c:v>11.376819565712799</c:v>
                </c:pt>
                <c:pt idx="377">
                  <c:v>11.376819565712799</c:v>
                </c:pt>
                <c:pt idx="378">
                  <c:v>11.376819565712799</c:v>
                </c:pt>
                <c:pt idx="379">
                  <c:v>9.5280863862844694</c:v>
                </c:pt>
                <c:pt idx="380">
                  <c:v>7.8215634514275472</c:v>
                </c:pt>
                <c:pt idx="381">
                  <c:v>5.6884097828563993</c:v>
                </c:pt>
                <c:pt idx="382">
                  <c:v>5.6884097828563993</c:v>
                </c:pt>
                <c:pt idx="383">
                  <c:v>5.6884097828563993</c:v>
                </c:pt>
                <c:pt idx="384">
                  <c:v>4.947381216351812</c:v>
                </c:pt>
                <c:pt idx="385">
                  <c:v>5.565803868395788</c:v>
                </c:pt>
                <c:pt idx="386">
                  <c:v>5.565803868395788</c:v>
                </c:pt>
                <c:pt idx="387">
                  <c:v>5.565803868395788</c:v>
                </c:pt>
                <c:pt idx="388">
                  <c:v>5.565803868395788</c:v>
                </c:pt>
                <c:pt idx="389">
                  <c:v>7.1737027637101267</c:v>
                </c:pt>
                <c:pt idx="390">
                  <c:v>8.2868635373892854</c:v>
                </c:pt>
                <c:pt idx="391">
                  <c:v>8.2868635373892854</c:v>
                </c:pt>
                <c:pt idx="392">
                  <c:v>8.2868635373892854</c:v>
                </c:pt>
                <c:pt idx="393">
                  <c:v>8.9052861894332604</c:v>
                </c:pt>
                <c:pt idx="394">
                  <c:v>9.6473933718860323</c:v>
                </c:pt>
                <c:pt idx="395">
                  <c:v>11.131607736791576</c:v>
                </c:pt>
                <c:pt idx="396">
                  <c:v>11.131607736791576</c:v>
                </c:pt>
                <c:pt idx="397">
                  <c:v>11.131607736791576</c:v>
                </c:pt>
                <c:pt idx="398">
                  <c:v>11.131607736791576</c:v>
                </c:pt>
                <c:pt idx="399">
                  <c:v>11.131607736791576</c:v>
                </c:pt>
                <c:pt idx="400">
                  <c:v>11.131607736791576</c:v>
                </c:pt>
                <c:pt idx="401">
                  <c:v>11.131607736791576</c:v>
                </c:pt>
                <c:pt idx="402">
                  <c:v>11.131607736791576</c:v>
                </c:pt>
                <c:pt idx="403">
                  <c:v>9.276339780659649</c:v>
                </c:pt>
                <c:pt idx="404">
                  <c:v>7.4210718245277185</c:v>
                </c:pt>
                <c:pt idx="405">
                  <c:v>5.565803868395788</c:v>
                </c:pt>
                <c:pt idx="406">
                  <c:v>5.565803868395788</c:v>
                </c:pt>
                <c:pt idx="407">
                  <c:v>5.565803868395788</c:v>
                </c:pt>
                <c:pt idx="408">
                  <c:v>5.6456237211503826</c:v>
                </c:pt>
                <c:pt idx="409">
                  <c:v>5.6456237211503826</c:v>
                </c:pt>
                <c:pt idx="410">
                  <c:v>5.6456237211503826</c:v>
                </c:pt>
                <c:pt idx="411">
                  <c:v>5.6456237211503826</c:v>
                </c:pt>
                <c:pt idx="412">
                  <c:v>5.6456237211503826</c:v>
                </c:pt>
                <c:pt idx="413">
                  <c:v>7.2765816850382707</c:v>
                </c:pt>
                <c:pt idx="414">
                  <c:v>8.4057064292683492</c:v>
                </c:pt>
                <c:pt idx="415">
                  <c:v>8.4057064292683492</c:v>
                </c:pt>
                <c:pt idx="416">
                  <c:v>8.4057064292683492</c:v>
                </c:pt>
                <c:pt idx="417">
                  <c:v>9.0329979538406135</c:v>
                </c:pt>
                <c:pt idx="418">
                  <c:v>9.7857477833273308</c:v>
                </c:pt>
                <c:pt idx="419">
                  <c:v>11.291247442300765</c:v>
                </c:pt>
                <c:pt idx="420">
                  <c:v>11.291247442300765</c:v>
                </c:pt>
                <c:pt idx="421">
                  <c:v>11.291247442300765</c:v>
                </c:pt>
                <c:pt idx="422">
                  <c:v>11.291247442300765</c:v>
                </c:pt>
                <c:pt idx="423">
                  <c:v>11.291247442300765</c:v>
                </c:pt>
                <c:pt idx="424">
                  <c:v>11.291247442300765</c:v>
                </c:pt>
                <c:pt idx="425">
                  <c:v>11.291247442300765</c:v>
                </c:pt>
                <c:pt idx="426">
                  <c:v>11.291247442300765</c:v>
                </c:pt>
                <c:pt idx="427">
                  <c:v>9.4093728685839721</c:v>
                </c:pt>
                <c:pt idx="428">
                  <c:v>7.5274982948671783</c:v>
                </c:pt>
                <c:pt idx="429">
                  <c:v>5.6456237211503826</c:v>
                </c:pt>
                <c:pt idx="430">
                  <c:v>5.6456237211503826</c:v>
                </c:pt>
                <c:pt idx="431">
                  <c:v>5.6456237211503826</c:v>
                </c:pt>
                <c:pt idx="432">
                  <c:v>6.2266350516327185</c:v>
                </c:pt>
                <c:pt idx="433">
                  <c:v>6.2266350516327185</c:v>
                </c:pt>
                <c:pt idx="434">
                  <c:v>6.2266350516327185</c:v>
                </c:pt>
                <c:pt idx="435">
                  <c:v>6.2266350516327185</c:v>
                </c:pt>
                <c:pt idx="436">
                  <c:v>6.2266350516327185</c:v>
                </c:pt>
                <c:pt idx="437">
                  <c:v>8.025440733215504</c:v>
                </c:pt>
                <c:pt idx="438">
                  <c:v>9.6858767469842295</c:v>
                </c:pt>
                <c:pt idx="439">
                  <c:v>9.6858767469842295</c:v>
                </c:pt>
                <c:pt idx="440">
                  <c:v>9.6858767469842295</c:v>
                </c:pt>
                <c:pt idx="441">
                  <c:v>10.377725086054532</c:v>
                </c:pt>
                <c:pt idx="442">
                  <c:v>10.792834089496713</c:v>
                </c:pt>
                <c:pt idx="443">
                  <c:v>12.453270103265437</c:v>
                </c:pt>
                <c:pt idx="444">
                  <c:v>12.453270103265437</c:v>
                </c:pt>
                <c:pt idx="445">
                  <c:v>12.453270103265437</c:v>
                </c:pt>
                <c:pt idx="446">
                  <c:v>12.453270103265437</c:v>
                </c:pt>
                <c:pt idx="447">
                  <c:v>10.377725086054532</c:v>
                </c:pt>
                <c:pt idx="448">
                  <c:v>9.8242464147982904</c:v>
                </c:pt>
                <c:pt idx="449">
                  <c:v>9.8242464147982904</c:v>
                </c:pt>
                <c:pt idx="450">
                  <c:v>9.8242464147982904</c:v>
                </c:pt>
                <c:pt idx="451">
                  <c:v>9.8242464147982904</c:v>
                </c:pt>
                <c:pt idx="452">
                  <c:v>7.6103317297733222</c:v>
                </c:pt>
                <c:pt idx="453">
                  <c:v>2.9057630240952683</c:v>
                </c:pt>
                <c:pt idx="454">
                  <c:v>2.9057630240952683</c:v>
                </c:pt>
                <c:pt idx="455">
                  <c:v>2.9057630240952683</c:v>
                </c:pt>
                <c:pt idx="456">
                  <c:v>4.391315088272683</c:v>
                </c:pt>
                <c:pt idx="457">
                  <c:v>8.5735199342466668</c:v>
                </c:pt>
                <c:pt idx="458">
                  <c:v>8.5735199342466668</c:v>
                </c:pt>
                <c:pt idx="459">
                  <c:v>8.5735199342466668</c:v>
                </c:pt>
                <c:pt idx="460">
                  <c:v>8.5735199342466668</c:v>
                </c:pt>
                <c:pt idx="461">
                  <c:v>10.664622357233659</c:v>
                </c:pt>
                <c:pt idx="462">
                  <c:v>13.383055507116749</c:v>
                </c:pt>
                <c:pt idx="463">
                  <c:v>15.265047687805041</c:v>
                </c:pt>
                <c:pt idx="464">
                  <c:v>15.265047687805041</c:v>
                </c:pt>
                <c:pt idx="465">
                  <c:v>15.265047687805041</c:v>
                </c:pt>
                <c:pt idx="466">
                  <c:v>15.265047687805041</c:v>
                </c:pt>
                <c:pt idx="467">
                  <c:v>15.265047687805041</c:v>
                </c:pt>
                <c:pt idx="468">
                  <c:v>15.265047687805041</c:v>
                </c:pt>
                <c:pt idx="469">
                  <c:v>15.265047687805041</c:v>
                </c:pt>
                <c:pt idx="470">
                  <c:v>15.265047687805041</c:v>
                </c:pt>
                <c:pt idx="471">
                  <c:v>13.801275991714148</c:v>
                </c:pt>
                <c:pt idx="472">
                  <c:v>12.546614537921954</c:v>
                </c:pt>
                <c:pt idx="473">
                  <c:v>11.291953084129755</c:v>
                </c:pt>
                <c:pt idx="474">
                  <c:v>10.873732599532358</c:v>
                </c:pt>
                <c:pt idx="475">
                  <c:v>8.782630176545366</c:v>
                </c:pt>
                <c:pt idx="476">
                  <c:v>6.4824175112596745</c:v>
                </c:pt>
                <c:pt idx="477">
                  <c:v>6.4824175112596745</c:v>
                </c:pt>
                <c:pt idx="478">
                  <c:v>6.4824175112596745</c:v>
                </c:pt>
                <c:pt idx="479">
                  <c:v>6.4824175112596745</c:v>
                </c:pt>
                <c:pt idx="480">
                  <c:v>7.4003268227985899</c:v>
                </c:pt>
                <c:pt idx="481">
                  <c:v>8.593927923249975</c:v>
                </c:pt>
                <c:pt idx="482">
                  <c:v>8.593927923249975</c:v>
                </c:pt>
                <c:pt idx="483">
                  <c:v>8.593927923249975</c:v>
                </c:pt>
                <c:pt idx="484">
                  <c:v>8.593927923249975</c:v>
                </c:pt>
                <c:pt idx="485">
                  <c:v>10.74240990406247</c:v>
                </c:pt>
                <c:pt idx="486">
                  <c:v>12.652171664784685</c:v>
                </c:pt>
                <c:pt idx="487">
                  <c:v>15.039373865687455</c:v>
                </c:pt>
                <c:pt idx="488">
                  <c:v>15.039373865687455</c:v>
                </c:pt>
                <c:pt idx="489">
                  <c:v>15.039373865687455</c:v>
                </c:pt>
                <c:pt idx="490">
                  <c:v>15.039373865687455</c:v>
                </c:pt>
                <c:pt idx="491">
                  <c:v>15.039373865687455</c:v>
                </c:pt>
                <c:pt idx="492">
                  <c:v>15.039373865687455</c:v>
                </c:pt>
                <c:pt idx="493">
                  <c:v>15.039373865687455</c:v>
                </c:pt>
                <c:pt idx="494">
                  <c:v>15.039373865687455</c:v>
                </c:pt>
                <c:pt idx="495">
                  <c:v>13.368332325055515</c:v>
                </c:pt>
                <c:pt idx="496">
                  <c:v>13.12961210496524</c:v>
                </c:pt>
                <c:pt idx="497">
                  <c:v>11.219850344243023</c:v>
                </c:pt>
                <c:pt idx="498">
                  <c:v>10.503689683972192</c:v>
                </c:pt>
                <c:pt idx="499">
                  <c:v>8.8326481433402524</c:v>
                </c:pt>
                <c:pt idx="500">
                  <c:v>7.4003268227985899</c:v>
                </c:pt>
                <c:pt idx="501">
                  <c:v>6.4454459424374813</c:v>
                </c:pt>
                <c:pt idx="502">
                  <c:v>6.4454459424374813</c:v>
                </c:pt>
                <c:pt idx="503">
                  <c:v>6.4454459424374813</c:v>
                </c:pt>
                <c:pt idx="504">
                  <c:v>1.9201700761263272</c:v>
                </c:pt>
                <c:pt idx="505">
                  <c:v>1.9201700761263272</c:v>
                </c:pt>
                <c:pt idx="506">
                  <c:v>1.9201700761263272</c:v>
                </c:pt>
                <c:pt idx="507">
                  <c:v>1.9201700761263272</c:v>
                </c:pt>
                <c:pt idx="508">
                  <c:v>1.9201700761263272</c:v>
                </c:pt>
                <c:pt idx="509">
                  <c:v>8.3207369965474172</c:v>
                </c:pt>
                <c:pt idx="510">
                  <c:v>9.4408362076211088</c:v>
                </c:pt>
                <c:pt idx="511">
                  <c:v>9.4408362076211088</c:v>
                </c:pt>
                <c:pt idx="512">
                  <c:v>9.4408362076211088</c:v>
                </c:pt>
                <c:pt idx="513">
                  <c:v>10.080892899663219</c:v>
                </c:pt>
                <c:pt idx="514">
                  <c:v>10.080892899663219</c:v>
                </c:pt>
                <c:pt idx="515">
                  <c:v>12.801133840842182</c:v>
                </c:pt>
                <c:pt idx="516">
                  <c:v>12.801133840842182</c:v>
                </c:pt>
                <c:pt idx="517">
                  <c:v>8.4807511695579443</c:v>
                </c:pt>
                <c:pt idx="518">
                  <c:v>12.801133840842182</c:v>
                </c:pt>
                <c:pt idx="519">
                  <c:v>12.801133840842182</c:v>
                </c:pt>
                <c:pt idx="520">
                  <c:v>12.801133840842182</c:v>
                </c:pt>
                <c:pt idx="521">
                  <c:v>12.801133840842182</c:v>
                </c:pt>
                <c:pt idx="522">
                  <c:v>12.801133840842182</c:v>
                </c:pt>
                <c:pt idx="523">
                  <c:v>10.720949591705327</c:v>
                </c:pt>
                <c:pt idx="524">
                  <c:v>8.8007795155789985</c:v>
                </c:pt>
                <c:pt idx="525">
                  <c:v>6.4005669204210909</c:v>
                </c:pt>
                <c:pt idx="526">
                  <c:v>6.0805385744000358</c:v>
                </c:pt>
                <c:pt idx="527">
                  <c:v>6.0805385744000358</c:v>
                </c:pt>
                <c:pt idx="528">
                  <c:v>5.4307732059945062</c:v>
                </c:pt>
                <c:pt idx="529">
                  <c:v>5.4307732059945062</c:v>
                </c:pt>
                <c:pt idx="530">
                  <c:v>5.4307732059945062</c:v>
                </c:pt>
                <c:pt idx="531">
                  <c:v>5.4307732059945062</c:v>
                </c:pt>
                <c:pt idx="532">
                  <c:v>5.4307732059945062</c:v>
                </c:pt>
                <c:pt idx="533">
                  <c:v>7.0600051677928573</c:v>
                </c:pt>
                <c:pt idx="534">
                  <c:v>7.8746211486920323</c:v>
                </c:pt>
                <c:pt idx="535">
                  <c:v>8.146159808991758</c:v>
                </c:pt>
                <c:pt idx="536">
                  <c:v>8.146159808991758</c:v>
                </c:pt>
                <c:pt idx="537">
                  <c:v>8.8250064597410702</c:v>
                </c:pt>
                <c:pt idx="538">
                  <c:v>9.2323144501906587</c:v>
                </c:pt>
                <c:pt idx="539">
                  <c:v>10.861546411989012</c:v>
                </c:pt>
                <c:pt idx="540">
                  <c:v>10.861546411989012</c:v>
                </c:pt>
                <c:pt idx="541">
                  <c:v>10.861546411989012</c:v>
                </c:pt>
                <c:pt idx="542">
                  <c:v>10.861546411989012</c:v>
                </c:pt>
                <c:pt idx="543">
                  <c:v>10.861546411989012</c:v>
                </c:pt>
                <c:pt idx="544">
                  <c:v>10.861546411989012</c:v>
                </c:pt>
                <c:pt idx="545">
                  <c:v>10.861546411989012</c:v>
                </c:pt>
                <c:pt idx="546">
                  <c:v>10.861546411989012</c:v>
                </c:pt>
                <c:pt idx="547">
                  <c:v>9.0965451200407959</c:v>
                </c:pt>
                <c:pt idx="548">
                  <c:v>7.4673131582424457</c:v>
                </c:pt>
                <c:pt idx="549">
                  <c:v>5.4307732059945062</c:v>
                </c:pt>
                <c:pt idx="550">
                  <c:v>5.4307732059945062</c:v>
                </c:pt>
                <c:pt idx="551">
                  <c:v>5.4307732059945062</c:v>
                </c:pt>
                <c:pt idx="552">
                  <c:v>4.7742850179550365</c:v>
                </c:pt>
                <c:pt idx="553">
                  <c:v>5.3710706451994152</c:v>
                </c:pt>
                <c:pt idx="554">
                  <c:v>5.3710706451994152</c:v>
                </c:pt>
                <c:pt idx="555">
                  <c:v>5.3710706451994152</c:v>
                </c:pt>
                <c:pt idx="556">
                  <c:v>5.3710706451994152</c:v>
                </c:pt>
                <c:pt idx="557">
                  <c:v>6.922713276034802</c:v>
                </c:pt>
                <c:pt idx="558">
                  <c:v>7.9969274050746852</c:v>
                </c:pt>
                <c:pt idx="559">
                  <c:v>7.9969274050746852</c:v>
                </c:pt>
                <c:pt idx="560">
                  <c:v>7.9969274050746852</c:v>
                </c:pt>
                <c:pt idx="561">
                  <c:v>8.593713032319064</c:v>
                </c:pt>
                <c:pt idx="562">
                  <c:v>9.3098557850123207</c:v>
                </c:pt>
                <c:pt idx="563">
                  <c:v>10.74214129039883</c:v>
                </c:pt>
                <c:pt idx="564">
                  <c:v>10.74214129039883</c:v>
                </c:pt>
                <c:pt idx="565">
                  <c:v>10.74214129039883</c:v>
                </c:pt>
                <c:pt idx="566">
                  <c:v>10.74214129039883</c:v>
                </c:pt>
                <c:pt idx="567">
                  <c:v>10.74214129039883</c:v>
                </c:pt>
                <c:pt idx="568">
                  <c:v>10.74214129039883</c:v>
                </c:pt>
                <c:pt idx="569">
                  <c:v>10.74214129039883</c:v>
                </c:pt>
                <c:pt idx="570">
                  <c:v>10.74214129039883</c:v>
                </c:pt>
                <c:pt idx="571">
                  <c:v>8.9517844086656915</c:v>
                </c:pt>
                <c:pt idx="572">
                  <c:v>7.1614275269325534</c:v>
                </c:pt>
                <c:pt idx="573">
                  <c:v>5.3710706451994152</c:v>
                </c:pt>
                <c:pt idx="574">
                  <c:v>5.3710706451994152</c:v>
                </c:pt>
                <c:pt idx="575">
                  <c:v>5.3710706451994152</c:v>
                </c:pt>
                <c:pt idx="576">
                  <c:v>5.3025602267934193</c:v>
                </c:pt>
                <c:pt idx="577">
                  <c:v>5.3025602267934193</c:v>
                </c:pt>
                <c:pt idx="578">
                  <c:v>5.3025602267934193</c:v>
                </c:pt>
                <c:pt idx="579">
                  <c:v>5.3025602267934193</c:v>
                </c:pt>
                <c:pt idx="580">
                  <c:v>5.3025602267934193</c:v>
                </c:pt>
                <c:pt idx="581">
                  <c:v>6.834410958978185</c:v>
                </c:pt>
                <c:pt idx="582">
                  <c:v>7.894923004336869</c:v>
                </c:pt>
                <c:pt idx="583">
                  <c:v>7.894923004336869</c:v>
                </c:pt>
                <c:pt idx="584">
                  <c:v>7.894923004336869</c:v>
                </c:pt>
                <c:pt idx="585">
                  <c:v>8.4840963628694706</c:v>
                </c:pt>
                <c:pt idx="586">
                  <c:v>9.1911043931085938</c:v>
                </c:pt>
                <c:pt idx="587">
                  <c:v>10.605120453586839</c:v>
                </c:pt>
                <c:pt idx="588">
                  <c:v>10.605120453586839</c:v>
                </c:pt>
                <c:pt idx="589">
                  <c:v>10.605120453586839</c:v>
                </c:pt>
                <c:pt idx="590">
                  <c:v>10.605120453586839</c:v>
                </c:pt>
                <c:pt idx="591">
                  <c:v>10.605120453586839</c:v>
                </c:pt>
                <c:pt idx="592">
                  <c:v>10.605120453586839</c:v>
                </c:pt>
                <c:pt idx="593">
                  <c:v>10.605120453586839</c:v>
                </c:pt>
                <c:pt idx="594">
                  <c:v>10.605120453586839</c:v>
                </c:pt>
                <c:pt idx="595">
                  <c:v>8.8376003779890322</c:v>
                </c:pt>
                <c:pt idx="596">
                  <c:v>7.0700803023912258</c:v>
                </c:pt>
                <c:pt idx="597">
                  <c:v>5.3025602267934193</c:v>
                </c:pt>
                <c:pt idx="598">
                  <c:v>5.3025602267934193</c:v>
                </c:pt>
                <c:pt idx="599">
                  <c:v>5.3025602267934193</c:v>
                </c:pt>
                <c:pt idx="600">
                  <c:v>6.0408300581215828</c:v>
                </c:pt>
                <c:pt idx="601">
                  <c:v>6.0408300581215828</c:v>
                </c:pt>
                <c:pt idx="602">
                  <c:v>6.0408300581215828</c:v>
                </c:pt>
                <c:pt idx="603">
                  <c:v>6.0408300581215828</c:v>
                </c:pt>
                <c:pt idx="604">
                  <c:v>6.0408300581215828</c:v>
                </c:pt>
                <c:pt idx="605">
                  <c:v>7.7859587415789306</c:v>
                </c:pt>
                <c:pt idx="606">
                  <c:v>9.3968467570780199</c:v>
                </c:pt>
                <c:pt idx="607">
                  <c:v>9.3968467570780199</c:v>
                </c:pt>
                <c:pt idx="608">
                  <c:v>9.3968467570780199</c:v>
                </c:pt>
                <c:pt idx="609">
                  <c:v>10.068050096869307</c:v>
                </c:pt>
                <c:pt idx="610">
                  <c:v>10.470772100744078</c:v>
                </c:pt>
                <c:pt idx="611">
                  <c:v>12.081660116243166</c:v>
                </c:pt>
                <c:pt idx="612">
                  <c:v>12.081660116243166</c:v>
                </c:pt>
                <c:pt idx="613">
                  <c:v>12.081660116243166</c:v>
                </c:pt>
                <c:pt idx="614">
                  <c:v>12.081660116243166</c:v>
                </c:pt>
                <c:pt idx="615">
                  <c:v>10.068050096869307</c:v>
                </c:pt>
                <c:pt idx="616">
                  <c:v>9.5310874250362776</c:v>
                </c:pt>
                <c:pt idx="617">
                  <c:v>9.5310874250362776</c:v>
                </c:pt>
                <c:pt idx="618">
                  <c:v>9.5310874250362776</c:v>
                </c:pt>
                <c:pt idx="619">
                  <c:v>9.5310874250362776</c:v>
                </c:pt>
                <c:pt idx="620">
                  <c:v>7.3832367377041583</c:v>
                </c:pt>
                <c:pt idx="621">
                  <c:v>2.8190540271234057</c:v>
                </c:pt>
                <c:pt idx="622">
                  <c:v>2.8190540271234057</c:v>
                </c:pt>
                <c:pt idx="623">
                  <c:v>2.8190540271234057</c:v>
                </c:pt>
                <c:pt idx="624">
                  <c:v>4.3194157295462343</c:v>
                </c:pt>
                <c:pt idx="625">
                  <c:v>8.4331449957807436</c:v>
                </c:pt>
                <c:pt idx="626">
                  <c:v>8.4331449957807436</c:v>
                </c:pt>
                <c:pt idx="627">
                  <c:v>8.4331449957807436</c:v>
                </c:pt>
                <c:pt idx="628">
                  <c:v>8.4331449957807436</c:v>
                </c:pt>
                <c:pt idx="629">
                  <c:v>10.490009628897999</c:v>
                </c:pt>
                <c:pt idx="630">
                  <c:v>13.16393365195043</c:v>
                </c:pt>
                <c:pt idx="631">
                  <c:v>15.01511182175596</c:v>
                </c:pt>
                <c:pt idx="632">
                  <c:v>15.01511182175596</c:v>
                </c:pt>
                <c:pt idx="633">
                  <c:v>15.01511182175596</c:v>
                </c:pt>
                <c:pt idx="634">
                  <c:v>15.01511182175596</c:v>
                </c:pt>
                <c:pt idx="635">
                  <c:v>15.01511182175596</c:v>
                </c:pt>
                <c:pt idx="636">
                  <c:v>15.01511182175596</c:v>
                </c:pt>
                <c:pt idx="637">
                  <c:v>15.01511182175596</c:v>
                </c:pt>
                <c:pt idx="638">
                  <c:v>15.01511182175596</c:v>
                </c:pt>
                <c:pt idx="639">
                  <c:v>13.575306578573882</c:v>
                </c:pt>
                <c:pt idx="640">
                  <c:v>12.34118779870353</c:v>
                </c:pt>
                <c:pt idx="641">
                  <c:v>11.107069018833176</c:v>
                </c:pt>
                <c:pt idx="642">
                  <c:v>10.695696092209724</c:v>
                </c:pt>
                <c:pt idx="643">
                  <c:v>8.6388314590924686</c:v>
                </c:pt>
                <c:pt idx="644">
                  <c:v>6.3762803626634899</c:v>
                </c:pt>
                <c:pt idx="645">
                  <c:v>6.3762803626634899</c:v>
                </c:pt>
                <c:pt idx="646">
                  <c:v>6.3762803626634899</c:v>
                </c:pt>
                <c:pt idx="647">
                  <c:v>6.3762803626634899</c:v>
                </c:pt>
                <c:pt idx="648">
                  <c:v>7.2029363617246389</c:v>
                </c:pt>
                <c:pt idx="649">
                  <c:v>8.3647002910350654</c:v>
                </c:pt>
                <c:pt idx="650">
                  <c:v>8.3647002910350654</c:v>
                </c:pt>
                <c:pt idx="651">
                  <c:v>8.3647002910350654</c:v>
                </c:pt>
                <c:pt idx="652">
                  <c:v>8.3647002910350654</c:v>
                </c:pt>
                <c:pt idx="653">
                  <c:v>10.455875363793831</c:v>
                </c:pt>
                <c:pt idx="654">
                  <c:v>12.314697650690512</c:v>
                </c:pt>
                <c:pt idx="655">
                  <c:v>14.638225509311363</c:v>
                </c:pt>
                <c:pt idx="656">
                  <c:v>14.638225509311363</c:v>
                </c:pt>
                <c:pt idx="657">
                  <c:v>14.638225509311363</c:v>
                </c:pt>
                <c:pt idx="658">
                  <c:v>14.638225509311363</c:v>
                </c:pt>
                <c:pt idx="659">
                  <c:v>14.638225509311363</c:v>
                </c:pt>
                <c:pt idx="660">
                  <c:v>14.638225509311363</c:v>
                </c:pt>
                <c:pt idx="661">
                  <c:v>14.638225509311363</c:v>
                </c:pt>
                <c:pt idx="662">
                  <c:v>14.638225509311363</c:v>
                </c:pt>
                <c:pt idx="663">
                  <c:v>13.011756008276766</c:v>
                </c:pt>
                <c:pt idx="664">
                  <c:v>12.779403222414683</c:v>
                </c:pt>
                <c:pt idx="665">
                  <c:v>10.920580935518002</c:v>
                </c:pt>
                <c:pt idx="666">
                  <c:v>10.223522577931748</c:v>
                </c:pt>
                <c:pt idx="667">
                  <c:v>8.5970530768971507</c:v>
                </c:pt>
                <c:pt idx="668">
                  <c:v>7.2029363617246389</c:v>
                </c:pt>
                <c:pt idx="669">
                  <c:v>6.2735252182762986</c:v>
                </c:pt>
                <c:pt idx="670">
                  <c:v>6.2735252182762986</c:v>
                </c:pt>
                <c:pt idx="671">
                  <c:v>6.2735252182762986</c:v>
                </c:pt>
                <c:pt idx="672">
                  <c:v>1.8583194784572652</c:v>
                </c:pt>
                <c:pt idx="673">
                  <c:v>1.8583194784572652</c:v>
                </c:pt>
                <c:pt idx="674">
                  <c:v>1.8583194784572652</c:v>
                </c:pt>
                <c:pt idx="675">
                  <c:v>1.8583194784572652</c:v>
                </c:pt>
                <c:pt idx="676">
                  <c:v>1.8583194784572652</c:v>
                </c:pt>
                <c:pt idx="677">
                  <c:v>8.0527177399814835</c:v>
                </c:pt>
                <c:pt idx="678">
                  <c:v>9.1367374357482216</c:v>
                </c:pt>
                <c:pt idx="679">
                  <c:v>9.1367374357482216</c:v>
                </c:pt>
                <c:pt idx="680">
                  <c:v>9.1367374357482216</c:v>
                </c:pt>
                <c:pt idx="681">
                  <c:v>9.7561772619006444</c:v>
                </c:pt>
                <c:pt idx="682">
                  <c:v>9.7561772619006444</c:v>
                </c:pt>
                <c:pt idx="683">
                  <c:v>12.388796523048438</c:v>
                </c:pt>
                <c:pt idx="684">
                  <c:v>12.388796523048438</c:v>
                </c:pt>
                <c:pt idx="685">
                  <c:v>8.2075776965195892</c:v>
                </c:pt>
                <c:pt idx="686">
                  <c:v>12.388796523048438</c:v>
                </c:pt>
                <c:pt idx="687">
                  <c:v>12.388796523048438</c:v>
                </c:pt>
                <c:pt idx="688">
                  <c:v>12.388796523048438</c:v>
                </c:pt>
                <c:pt idx="689">
                  <c:v>12.388796523048438</c:v>
                </c:pt>
                <c:pt idx="690">
                  <c:v>12.388796523048438</c:v>
                </c:pt>
                <c:pt idx="691">
                  <c:v>10.375617088053065</c:v>
                </c:pt>
                <c:pt idx="692">
                  <c:v>8.5172976095958006</c:v>
                </c:pt>
                <c:pt idx="693">
                  <c:v>6.1943982615242188</c:v>
                </c:pt>
                <c:pt idx="694">
                  <c:v>5.8846783484480065</c:v>
                </c:pt>
                <c:pt idx="695">
                  <c:v>5.8846783484480065</c:v>
                </c:pt>
                <c:pt idx="696">
                  <c:v>5.454333794326466</c:v>
                </c:pt>
                <c:pt idx="697">
                  <c:v>5.454333794326466</c:v>
                </c:pt>
                <c:pt idx="698">
                  <c:v>5.454333794326466</c:v>
                </c:pt>
                <c:pt idx="699">
                  <c:v>5.454333794326466</c:v>
                </c:pt>
                <c:pt idx="700">
                  <c:v>5.454333794326466</c:v>
                </c:pt>
                <c:pt idx="701">
                  <c:v>7.0906339326244057</c:v>
                </c:pt>
                <c:pt idx="702">
                  <c:v>7.9087840017733759</c:v>
                </c:pt>
                <c:pt idx="703">
                  <c:v>8.1815006914896991</c:v>
                </c:pt>
                <c:pt idx="704">
                  <c:v>8.1815006914896991</c:v>
                </c:pt>
                <c:pt idx="705">
                  <c:v>8.8632924157805064</c:v>
                </c:pt>
                <c:pt idx="706">
                  <c:v>9.2723674503549915</c:v>
                </c:pt>
                <c:pt idx="707">
                  <c:v>10.908667588652932</c:v>
                </c:pt>
                <c:pt idx="708">
                  <c:v>10.908667588652932</c:v>
                </c:pt>
                <c:pt idx="709">
                  <c:v>10.908667588652932</c:v>
                </c:pt>
                <c:pt idx="710">
                  <c:v>10.908667588652932</c:v>
                </c:pt>
                <c:pt idx="711">
                  <c:v>10.908667588652932</c:v>
                </c:pt>
                <c:pt idx="712">
                  <c:v>10.908667588652932</c:v>
                </c:pt>
                <c:pt idx="713">
                  <c:v>10.908667588652932</c:v>
                </c:pt>
                <c:pt idx="714">
                  <c:v>10.908667588652932</c:v>
                </c:pt>
                <c:pt idx="715">
                  <c:v>9.1360091054968304</c:v>
                </c:pt>
                <c:pt idx="716">
                  <c:v>7.4997089671988908</c:v>
                </c:pt>
                <c:pt idx="717">
                  <c:v>5.454333794326466</c:v>
                </c:pt>
                <c:pt idx="718">
                  <c:v>5.454333794326466</c:v>
                </c:pt>
                <c:pt idx="719">
                  <c:v>5.454333794326466</c:v>
                </c:pt>
                <c:pt idx="720">
                  <c:v>5.1202796696801363</c:v>
                </c:pt>
                <c:pt idx="721">
                  <c:v>5.7603146283901534</c:v>
                </c:pt>
                <c:pt idx="722">
                  <c:v>5.7603146283901534</c:v>
                </c:pt>
                <c:pt idx="723">
                  <c:v>5.7603146283901534</c:v>
                </c:pt>
                <c:pt idx="724">
                  <c:v>5.7603146283901534</c:v>
                </c:pt>
                <c:pt idx="725">
                  <c:v>7.4244055210361966</c:v>
                </c:pt>
                <c:pt idx="726">
                  <c:v>8.5764684467142285</c:v>
                </c:pt>
                <c:pt idx="727">
                  <c:v>8.5764684467142285</c:v>
                </c:pt>
                <c:pt idx="728">
                  <c:v>8.5764684467142285</c:v>
                </c:pt>
                <c:pt idx="729">
                  <c:v>9.2165034054242447</c:v>
                </c:pt>
                <c:pt idx="730">
                  <c:v>9.9845453558762642</c:v>
                </c:pt>
                <c:pt idx="731">
                  <c:v>11.520629256780307</c:v>
                </c:pt>
                <c:pt idx="732">
                  <c:v>11.520629256780307</c:v>
                </c:pt>
                <c:pt idx="733">
                  <c:v>11.520629256780307</c:v>
                </c:pt>
                <c:pt idx="734">
                  <c:v>11.520629256780307</c:v>
                </c:pt>
                <c:pt idx="735">
                  <c:v>11.520629256780307</c:v>
                </c:pt>
                <c:pt idx="736">
                  <c:v>11.520629256780307</c:v>
                </c:pt>
                <c:pt idx="737">
                  <c:v>11.520629256780307</c:v>
                </c:pt>
                <c:pt idx="738">
                  <c:v>11.520629256780307</c:v>
                </c:pt>
                <c:pt idx="739">
                  <c:v>9.6005243806502563</c:v>
                </c:pt>
                <c:pt idx="740">
                  <c:v>7.6804195045202048</c:v>
                </c:pt>
                <c:pt idx="741">
                  <c:v>5.7603146283901534</c:v>
                </c:pt>
                <c:pt idx="742">
                  <c:v>5.7603146283901534</c:v>
                </c:pt>
                <c:pt idx="743">
                  <c:v>5.7603146283901534</c:v>
                </c:pt>
                <c:pt idx="744">
                  <c:v>6.0172881900497108</c:v>
                </c:pt>
                <c:pt idx="745">
                  <c:v>6.0172881900497108</c:v>
                </c:pt>
                <c:pt idx="746">
                  <c:v>6.0172881900497108</c:v>
                </c:pt>
                <c:pt idx="747">
                  <c:v>6.0172881900497108</c:v>
                </c:pt>
                <c:pt idx="748">
                  <c:v>6.0172881900497108</c:v>
                </c:pt>
                <c:pt idx="749">
                  <c:v>7.7556158893974034</c:v>
                </c:pt>
                <c:pt idx="750">
                  <c:v>8.9590735274073445</c:v>
                </c:pt>
                <c:pt idx="751">
                  <c:v>8.9590735274073445</c:v>
                </c:pt>
                <c:pt idx="752">
                  <c:v>8.9590735274073445</c:v>
                </c:pt>
                <c:pt idx="753">
                  <c:v>9.6276611040795341</c:v>
                </c:pt>
                <c:pt idx="754">
                  <c:v>10.429966196086164</c:v>
                </c:pt>
                <c:pt idx="755">
                  <c:v>12.034576380099422</c:v>
                </c:pt>
                <c:pt idx="756">
                  <c:v>12.034576380099422</c:v>
                </c:pt>
                <c:pt idx="757">
                  <c:v>12.034576380099422</c:v>
                </c:pt>
                <c:pt idx="758">
                  <c:v>12.034576380099422</c:v>
                </c:pt>
                <c:pt idx="759">
                  <c:v>12.034576380099422</c:v>
                </c:pt>
                <c:pt idx="760">
                  <c:v>12.034576380099422</c:v>
                </c:pt>
                <c:pt idx="761">
                  <c:v>12.034576380099422</c:v>
                </c:pt>
                <c:pt idx="762">
                  <c:v>12.034576380099422</c:v>
                </c:pt>
                <c:pt idx="763">
                  <c:v>10.028813650082849</c:v>
                </c:pt>
                <c:pt idx="764">
                  <c:v>8.0230509200662805</c:v>
                </c:pt>
                <c:pt idx="765">
                  <c:v>6.0172881900497108</c:v>
                </c:pt>
                <c:pt idx="766">
                  <c:v>6.0172881900497108</c:v>
                </c:pt>
                <c:pt idx="767">
                  <c:v>6.0172881900497108</c:v>
                </c:pt>
                <c:pt idx="768">
                  <c:v>6.3151136199713545</c:v>
                </c:pt>
                <c:pt idx="769">
                  <c:v>6.3151136199713545</c:v>
                </c:pt>
                <c:pt idx="770">
                  <c:v>6.3151136199713545</c:v>
                </c:pt>
                <c:pt idx="771">
                  <c:v>6.3151136199713545</c:v>
                </c:pt>
                <c:pt idx="772">
                  <c:v>6.3151136199713545</c:v>
                </c:pt>
                <c:pt idx="773">
                  <c:v>8.1394797768519691</c:v>
                </c:pt>
                <c:pt idx="774">
                  <c:v>9.823510075510999</c:v>
                </c:pt>
                <c:pt idx="775">
                  <c:v>9.823510075510999</c:v>
                </c:pt>
                <c:pt idx="776">
                  <c:v>9.823510075510999</c:v>
                </c:pt>
                <c:pt idx="777">
                  <c:v>10.525189366618926</c:v>
                </c:pt>
                <c:pt idx="778">
                  <c:v>10.946196941283683</c:v>
                </c:pt>
                <c:pt idx="779">
                  <c:v>12.630227239942709</c:v>
                </c:pt>
                <c:pt idx="780">
                  <c:v>12.630227239942709</c:v>
                </c:pt>
                <c:pt idx="781">
                  <c:v>12.630227239942709</c:v>
                </c:pt>
                <c:pt idx="782">
                  <c:v>12.630227239942709</c:v>
                </c:pt>
                <c:pt idx="783">
                  <c:v>10.525189366618926</c:v>
                </c:pt>
                <c:pt idx="784">
                  <c:v>9.9638459337325838</c:v>
                </c:pt>
                <c:pt idx="785">
                  <c:v>9.9638459337325838</c:v>
                </c:pt>
                <c:pt idx="786">
                  <c:v>9.9638459337325838</c:v>
                </c:pt>
                <c:pt idx="787">
                  <c:v>9.9638459337325838</c:v>
                </c:pt>
                <c:pt idx="788">
                  <c:v>7.7184722021872112</c:v>
                </c:pt>
                <c:pt idx="789">
                  <c:v>2.9470530226532992</c:v>
                </c:pt>
                <c:pt idx="790">
                  <c:v>2.9470530226532992</c:v>
                </c:pt>
                <c:pt idx="791">
                  <c:v>2.9470530226532992</c:v>
                </c:pt>
                <c:pt idx="792">
                  <c:v>4.6200857751295645</c:v>
                </c:pt>
                <c:pt idx="793">
                  <c:v>9.0201674657291502</c:v>
                </c:pt>
                <c:pt idx="794">
                  <c:v>9.0201674657291502</c:v>
                </c:pt>
                <c:pt idx="795">
                  <c:v>9.0201674657291502</c:v>
                </c:pt>
                <c:pt idx="796">
                  <c:v>9.0201674657291502</c:v>
                </c:pt>
                <c:pt idx="797">
                  <c:v>11.220208311028944</c:v>
                </c:pt>
                <c:pt idx="798">
                  <c:v>14.080261409918673</c:v>
                </c:pt>
                <c:pt idx="799">
                  <c:v>16.060298170688487</c:v>
                </c:pt>
                <c:pt idx="800">
                  <c:v>16.060298170688487</c:v>
                </c:pt>
                <c:pt idx="801">
                  <c:v>16.060298170688487</c:v>
                </c:pt>
                <c:pt idx="802">
                  <c:v>16.060298170688487</c:v>
                </c:pt>
                <c:pt idx="803">
                  <c:v>16.060298170688487</c:v>
                </c:pt>
                <c:pt idx="804">
                  <c:v>16.060298170688487</c:v>
                </c:pt>
                <c:pt idx="805">
                  <c:v>16.060298170688487</c:v>
                </c:pt>
                <c:pt idx="806">
                  <c:v>16.060298170688487</c:v>
                </c:pt>
                <c:pt idx="807">
                  <c:v>14.520269578978631</c:v>
                </c:pt>
                <c:pt idx="808">
                  <c:v>13.200245071798758</c:v>
                </c:pt>
                <c:pt idx="809">
                  <c:v>11.880220564618883</c:v>
                </c:pt>
                <c:pt idx="810">
                  <c:v>11.44021239555892</c:v>
                </c:pt>
                <c:pt idx="811">
                  <c:v>9.2401715502591291</c:v>
                </c:pt>
                <c:pt idx="812">
                  <c:v>6.8201266204293569</c:v>
                </c:pt>
                <c:pt idx="813">
                  <c:v>6.8201266204293569</c:v>
                </c:pt>
                <c:pt idx="814">
                  <c:v>6.8201266204293569</c:v>
                </c:pt>
                <c:pt idx="815">
                  <c:v>6.8201266204293569</c:v>
                </c:pt>
                <c:pt idx="816">
                  <c:v>7.7731754714938299</c:v>
                </c:pt>
                <c:pt idx="817">
                  <c:v>9.0269134507670277</c:v>
                </c:pt>
                <c:pt idx="818">
                  <c:v>9.0269134507670277</c:v>
                </c:pt>
                <c:pt idx="819">
                  <c:v>9.0269134507670277</c:v>
                </c:pt>
                <c:pt idx="820">
                  <c:v>9.0269134507670277</c:v>
                </c:pt>
                <c:pt idx="821">
                  <c:v>11.283641813458784</c:v>
                </c:pt>
                <c:pt idx="822">
                  <c:v>13.289622580295902</c:v>
                </c:pt>
                <c:pt idx="823">
                  <c:v>15.797098538842299</c:v>
                </c:pt>
                <c:pt idx="824">
                  <c:v>15.797098538842299</c:v>
                </c:pt>
                <c:pt idx="825">
                  <c:v>15.797098538842299</c:v>
                </c:pt>
                <c:pt idx="826">
                  <c:v>15.797098538842299</c:v>
                </c:pt>
                <c:pt idx="827">
                  <c:v>15.797098538842299</c:v>
                </c:pt>
                <c:pt idx="828">
                  <c:v>15.797098538842299</c:v>
                </c:pt>
                <c:pt idx="829">
                  <c:v>15.797098538842299</c:v>
                </c:pt>
                <c:pt idx="830">
                  <c:v>15.797098538842299</c:v>
                </c:pt>
                <c:pt idx="831">
                  <c:v>14.04186536785982</c:v>
                </c:pt>
                <c:pt idx="832">
                  <c:v>13.791117772005181</c:v>
                </c:pt>
                <c:pt idx="833">
                  <c:v>11.785137005168064</c:v>
                </c:pt>
                <c:pt idx="834">
                  <c:v>11.032894217604145</c:v>
                </c:pt>
                <c:pt idx="835">
                  <c:v>9.2776610466216685</c:v>
                </c:pt>
                <c:pt idx="836">
                  <c:v>7.7731754714938299</c:v>
                </c:pt>
                <c:pt idx="837">
                  <c:v>6.7701850880752712</c:v>
                </c:pt>
                <c:pt idx="838">
                  <c:v>6.7701850880752712</c:v>
                </c:pt>
                <c:pt idx="839">
                  <c:v>6.7701850880752712</c:v>
                </c:pt>
                <c:pt idx="840">
                  <c:v>1.8731846482930388</c:v>
                </c:pt>
                <c:pt idx="841">
                  <c:v>1.8731846482930388</c:v>
                </c:pt>
                <c:pt idx="842">
                  <c:v>1.8731846482930388</c:v>
                </c:pt>
                <c:pt idx="843">
                  <c:v>1.8731846482930388</c:v>
                </c:pt>
                <c:pt idx="844">
                  <c:v>1.8731846482930388</c:v>
                </c:pt>
                <c:pt idx="845">
                  <c:v>8.1171334759365017</c:v>
                </c:pt>
                <c:pt idx="846">
                  <c:v>9.2098245207741076</c:v>
                </c:pt>
                <c:pt idx="847">
                  <c:v>9.2098245207741076</c:v>
                </c:pt>
                <c:pt idx="848">
                  <c:v>9.2098245207741076</c:v>
                </c:pt>
                <c:pt idx="849">
                  <c:v>9.8342194035384534</c:v>
                </c:pt>
                <c:pt idx="850">
                  <c:v>9.8342194035384534</c:v>
                </c:pt>
                <c:pt idx="851">
                  <c:v>12.487897655286925</c:v>
                </c:pt>
                <c:pt idx="852">
                  <c:v>12.487897655286925</c:v>
                </c:pt>
                <c:pt idx="853">
                  <c:v>8.2732321966275872</c:v>
                </c:pt>
                <c:pt idx="854">
                  <c:v>12.487897655286925</c:v>
                </c:pt>
                <c:pt idx="855">
                  <c:v>12.487897655286925</c:v>
                </c:pt>
                <c:pt idx="856">
                  <c:v>12.487897655286925</c:v>
                </c:pt>
                <c:pt idx="857">
                  <c:v>12.487897655286925</c:v>
                </c:pt>
                <c:pt idx="858">
                  <c:v>12.487897655286925</c:v>
                </c:pt>
                <c:pt idx="859">
                  <c:v>10.458614286302799</c:v>
                </c:pt>
                <c:pt idx="860">
                  <c:v>8.5854296380097601</c:v>
                </c:pt>
                <c:pt idx="861">
                  <c:v>6.2439488276434627</c:v>
                </c:pt>
                <c:pt idx="862">
                  <c:v>5.9317513862612889</c:v>
                </c:pt>
                <c:pt idx="863">
                  <c:v>5.9317513862612889</c:v>
                </c:pt>
                <c:pt idx="864">
                  <c:v>5.404812247512278</c:v>
                </c:pt>
                <c:pt idx="865">
                  <c:v>5.404812247512278</c:v>
                </c:pt>
                <c:pt idx="866">
                  <c:v>5.404812247512278</c:v>
                </c:pt>
                <c:pt idx="867">
                  <c:v>5.404812247512278</c:v>
                </c:pt>
                <c:pt idx="868">
                  <c:v>5.404812247512278</c:v>
                </c:pt>
                <c:pt idx="869">
                  <c:v>7.0262559217659613</c:v>
                </c:pt>
                <c:pt idx="870">
                  <c:v>7.836977758892802</c:v>
                </c:pt>
                <c:pt idx="871">
                  <c:v>8.1072183712684165</c:v>
                </c:pt>
                <c:pt idx="872">
                  <c:v>8.1072183712684165</c:v>
                </c:pt>
                <c:pt idx="873">
                  <c:v>8.78281990220745</c:v>
                </c:pt>
                <c:pt idx="874">
                  <c:v>9.1881808207708708</c:v>
                </c:pt>
                <c:pt idx="875">
                  <c:v>10.809624495024556</c:v>
                </c:pt>
                <c:pt idx="876">
                  <c:v>10.809624495024556</c:v>
                </c:pt>
                <c:pt idx="877">
                  <c:v>10.809624495024556</c:v>
                </c:pt>
                <c:pt idx="878">
                  <c:v>10.809624495024556</c:v>
                </c:pt>
                <c:pt idx="879">
                  <c:v>10.809624495024556</c:v>
                </c:pt>
                <c:pt idx="880">
                  <c:v>10.809624495024556</c:v>
                </c:pt>
                <c:pt idx="881">
                  <c:v>10.809624495024556</c:v>
                </c:pt>
                <c:pt idx="882">
                  <c:v>10.809624495024556</c:v>
                </c:pt>
                <c:pt idx="883">
                  <c:v>9.0530605145830645</c:v>
                </c:pt>
                <c:pt idx="884">
                  <c:v>7.4316168403293803</c:v>
                </c:pt>
                <c:pt idx="885">
                  <c:v>5.404812247512278</c:v>
                </c:pt>
                <c:pt idx="886">
                  <c:v>5.404812247512278</c:v>
                </c:pt>
                <c:pt idx="887">
                  <c:v>5.404812247512278</c:v>
                </c:pt>
                <c:pt idx="888">
                  <c:v>4.8272469309621062</c:v>
                </c:pt>
                <c:pt idx="889">
                  <c:v>5.4306527973323693</c:v>
                </c:pt>
                <c:pt idx="890">
                  <c:v>5.4306527973323693</c:v>
                </c:pt>
                <c:pt idx="891">
                  <c:v>5.4306527973323693</c:v>
                </c:pt>
                <c:pt idx="892">
                  <c:v>5.4306527973323693</c:v>
                </c:pt>
                <c:pt idx="893">
                  <c:v>6.9995080498950548</c:v>
                </c:pt>
                <c:pt idx="894">
                  <c:v>8.0856386093615278</c:v>
                </c:pt>
                <c:pt idx="895">
                  <c:v>8.0856386093615278</c:v>
                </c:pt>
                <c:pt idx="896">
                  <c:v>8.0856386093615278</c:v>
                </c:pt>
                <c:pt idx="897">
                  <c:v>8.6890444757317908</c:v>
                </c:pt>
                <c:pt idx="898">
                  <c:v>9.4131315153761079</c:v>
                </c:pt>
                <c:pt idx="899">
                  <c:v>10.861305594664739</c:v>
                </c:pt>
                <c:pt idx="900">
                  <c:v>10.861305594664739</c:v>
                </c:pt>
                <c:pt idx="901">
                  <c:v>10.861305594664739</c:v>
                </c:pt>
                <c:pt idx="902">
                  <c:v>10.861305594664739</c:v>
                </c:pt>
                <c:pt idx="903">
                  <c:v>10.861305594664739</c:v>
                </c:pt>
                <c:pt idx="904">
                  <c:v>10.861305594664739</c:v>
                </c:pt>
                <c:pt idx="905">
                  <c:v>10.861305594664739</c:v>
                </c:pt>
                <c:pt idx="906">
                  <c:v>10.861305594664739</c:v>
                </c:pt>
                <c:pt idx="907">
                  <c:v>9.0510879955539476</c:v>
                </c:pt>
                <c:pt idx="908">
                  <c:v>7.2408703964431602</c:v>
                </c:pt>
                <c:pt idx="909">
                  <c:v>5.4306527973323693</c:v>
                </c:pt>
                <c:pt idx="910">
                  <c:v>5.4306527973323693</c:v>
                </c:pt>
                <c:pt idx="911">
                  <c:v>5.4306527973323693</c:v>
                </c:pt>
                <c:pt idx="912">
                  <c:v>5.3248347428732945</c:v>
                </c:pt>
                <c:pt idx="913">
                  <c:v>5.3248347428732945</c:v>
                </c:pt>
                <c:pt idx="914">
                  <c:v>5.3248347428732945</c:v>
                </c:pt>
                <c:pt idx="915">
                  <c:v>5.3248347428732945</c:v>
                </c:pt>
                <c:pt idx="916">
                  <c:v>5.3248347428732945</c:v>
                </c:pt>
                <c:pt idx="917">
                  <c:v>6.8631203352589134</c:v>
                </c:pt>
                <c:pt idx="918">
                  <c:v>7.9280872838335732</c:v>
                </c:pt>
                <c:pt idx="919">
                  <c:v>7.9280872838335732</c:v>
                </c:pt>
                <c:pt idx="920">
                  <c:v>7.9280872838335732</c:v>
                </c:pt>
                <c:pt idx="921">
                  <c:v>8.519735588597273</c:v>
                </c:pt>
                <c:pt idx="922">
                  <c:v>9.2297135543137117</c:v>
                </c:pt>
                <c:pt idx="923">
                  <c:v>10.649669485746589</c:v>
                </c:pt>
                <c:pt idx="924">
                  <c:v>10.649669485746589</c:v>
                </c:pt>
                <c:pt idx="925">
                  <c:v>10.649669485746589</c:v>
                </c:pt>
                <c:pt idx="926">
                  <c:v>10.649669485746589</c:v>
                </c:pt>
                <c:pt idx="927">
                  <c:v>10.649669485746589</c:v>
                </c:pt>
                <c:pt idx="928">
                  <c:v>10.649669485746589</c:v>
                </c:pt>
                <c:pt idx="929">
                  <c:v>10.649669485746589</c:v>
                </c:pt>
                <c:pt idx="930">
                  <c:v>10.649669485746589</c:v>
                </c:pt>
                <c:pt idx="931">
                  <c:v>8.8747245714554914</c:v>
                </c:pt>
                <c:pt idx="932">
                  <c:v>7.099779657164393</c:v>
                </c:pt>
                <c:pt idx="933">
                  <c:v>5.3248347428732945</c:v>
                </c:pt>
                <c:pt idx="934">
                  <c:v>5.3248347428732945</c:v>
                </c:pt>
                <c:pt idx="935">
                  <c:v>5.3248347428732945</c:v>
                </c:pt>
                <c:pt idx="936">
                  <c:v>6.0762214854570358</c:v>
                </c:pt>
                <c:pt idx="937">
                  <c:v>6.0762214854570358</c:v>
                </c:pt>
                <c:pt idx="938">
                  <c:v>6.0762214854570358</c:v>
                </c:pt>
                <c:pt idx="939">
                  <c:v>6.0762214854570358</c:v>
                </c:pt>
                <c:pt idx="940">
                  <c:v>6.0762214854570358</c:v>
                </c:pt>
                <c:pt idx="941">
                  <c:v>7.831574359033513</c:v>
                </c:pt>
                <c:pt idx="942">
                  <c:v>9.4519000884887223</c:v>
                </c:pt>
                <c:pt idx="943">
                  <c:v>9.4519000884887223</c:v>
                </c:pt>
                <c:pt idx="944">
                  <c:v>9.4519000884887223</c:v>
                </c:pt>
                <c:pt idx="945">
                  <c:v>10.127035809095062</c:v>
                </c:pt>
                <c:pt idx="946">
                  <c:v>10.532117241458861</c:v>
                </c:pt>
                <c:pt idx="947">
                  <c:v>12.152442970914072</c:v>
                </c:pt>
                <c:pt idx="948">
                  <c:v>12.152442970914072</c:v>
                </c:pt>
                <c:pt idx="949">
                  <c:v>12.152442970914072</c:v>
                </c:pt>
                <c:pt idx="950">
                  <c:v>12.152442970914072</c:v>
                </c:pt>
                <c:pt idx="951">
                  <c:v>10.127035809095062</c:v>
                </c:pt>
                <c:pt idx="952">
                  <c:v>9.5869272326099928</c:v>
                </c:pt>
                <c:pt idx="953">
                  <c:v>9.5869272326099928</c:v>
                </c:pt>
                <c:pt idx="954">
                  <c:v>9.5869272326099928</c:v>
                </c:pt>
                <c:pt idx="955">
                  <c:v>9.5869272326099928</c:v>
                </c:pt>
                <c:pt idx="956">
                  <c:v>7.4264929266697104</c:v>
                </c:pt>
                <c:pt idx="957">
                  <c:v>2.8355700265466171</c:v>
                </c:pt>
                <c:pt idx="958">
                  <c:v>2.8355700265466171</c:v>
                </c:pt>
                <c:pt idx="959">
                  <c:v>2.8355700265466171</c:v>
                </c:pt>
                <c:pt idx="960">
                  <c:v>4.4893596683542043</c:v>
                </c:pt>
                <c:pt idx="961">
                  <c:v>8.7649403048820211</c:v>
                </c:pt>
                <c:pt idx="962">
                  <c:v>8.7649403048820211</c:v>
                </c:pt>
                <c:pt idx="963">
                  <c:v>8.7649403048820211</c:v>
                </c:pt>
                <c:pt idx="964">
                  <c:v>8.7649403048820211</c:v>
                </c:pt>
                <c:pt idx="965">
                  <c:v>10.902730623145926</c:v>
                </c:pt>
                <c:pt idx="966">
                  <c:v>13.681858036889006</c:v>
                </c:pt>
                <c:pt idx="967">
                  <c:v>15.605869323326521</c:v>
                </c:pt>
                <c:pt idx="968">
                  <c:v>15.605869323326521</c:v>
                </c:pt>
                <c:pt idx="969">
                  <c:v>15.605869323326521</c:v>
                </c:pt>
                <c:pt idx="970">
                  <c:v>15.605869323326521</c:v>
                </c:pt>
                <c:pt idx="971">
                  <c:v>15.605869323326521</c:v>
                </c:pt>
                <c:pt idx="972">
                  <c:v>15.605869323326521</c:v>
                </c:pt>
                <c:pt idx="973">
                  <c:v>15.605869323326521</c:v>
                </c:pt>
                <c:pt idx="974">
                  <c:v>15.605869323326521</c:v>
                </c:pt>
                <c:pt idx="975">
                  <c:v>14.109416100541784</c:v>
                </c:pt>
                <c:pt idx="976">
                  <c:v>12.826741909583442</c:v>
                </c:pt>
                <c:pt idx="977">
                  <c:v>11.544067718625099</c:v>
                </c:pt>
                <c:pt idx="978">
                  <c:v>11.116509654972315</c:v>
                </c:pt>
                <c:pt idx="979">
                  <c:v>8.9787193367084086</c:v>
                </c:pt>
                <c:pt idx="980">
                  <c:v>6.6271499866181109</c:v>
                </c:pt>
                <c:pt idx="981">
                  <c:v>6.6271499866181109</c:v>
                </c:pt>
                <c:pt idx="982">
                  <c:v>6.6271499866181109</c:v>
                </c:pt>
                <c:pt idx="983">
                  <c:v>6.6271499866181109</c:v>
                </c:pt>
                <c:pt idx="984">
                  <c:v>7.466123643156573</c:v>
                </c:pt>
                <c:pt idx="985">
                  <c:v>8.6703371339882782</c:v>
                </c:pt>
                <c:pt idx="986">
                  <c:v>8.6703371339882782</c:v>
                </c:pt>
                <c:pt idx="987">
                  <c:v>8.6703371339882782</c:v>
                </c:pt>
                <c:pt idx="988">
                  <c:v>8.6703371339882782</c:v>
                </c:pt>
                <c:pt idx="989">
                  <c:v>10.837921417485349</c:v>
                </c:pt>
                <c:pt idx="990">
                  <c:v>12.764663002816077</c:v>
                </c:pt>
                <c:pt idx="991">
                  <c:v>15.173089984479486</c:v>
                </c:pt>
                <c:pt idx="992">
                  <c:v>15.173089984479486</c:v>
                </c:pt>
                <c:pt idx="993">
                  <c:v>15.173089984479486</c:v>
                </c:pt>
                <c:pt idx="994">
                  <c:v>15.173089984479486</c:v>
                </c:pt>
                <c:pt idx="995">
                  <c:v>15.173089984479486</c:v>
                </c:pt>
                <c:pt idx="996">
                  <c:v>15.173089984479486</c:v>
                </c:pt>
                <c:pt idx="997">
                  <c:v>15.173089984479486</c:v>
                </c:pt>
                <c:pt idx="998">
                  <c:v>15.173089984479486</c:v>
                </c:pt>
                <c:pt idx="999">
                  <c:v>13.487191097315099</c:v>
                </c:pt>
                <c:pt idx="1000">
                  <c:v>13.246348399148758</c:v>
                </c:pt>
                <c:pt idx="1001">
                  <c:v>11.319606813818032</c:v>
                </c:pt>
                <c:pt idx="1002">
                  <c:v>10.597078719319008</c:v>
                </c:pt>
                <c:pt idx="1003">
                  <c:v>8.9111798321546196</c:v>
                </c:pt>
                <c:pt idx="1004">
                  <c:v>7.466123643156573</c:v>
                </c:pt>
                <c:pt idx="1005">
                  <c:v>6.5027528504912091</c:v>
                </c:pt>
                <c:pt idx="1006">
                  <c:v>6.5027528504912091</c:v>
                </c:pt>
                <c:pt idx="1007">
                  <c:v>6.5027528504912091</c:v>
                </c:pt>
                <c:pt idx="1008">
                  <c:v>1.8151420278739254</c:v>
                </c:pt>
                <c:pt idx="1009">
                  <c:v>1.8151420278739254</c:v>
                </c:pt>
                <c:pt idx="1010">
                  <c:v>1.8151420278739254</c:v>
                </c:pt>
                <c:pt idx="1011">
                  <c:v>1.8151420278739254</c:v>
                </c:pt>
                <c:pt idx="1012">
                  <c:v>1.8151420278739254</c:v>
                </c:pt>
                <c:pt idx="1013">
                  <c:v>7.8656154541203449</c:v>
                </c:pt>
                <c:pt idx="1014">
                  <c:v>8.9244483037134668</c:v>
                </c:pt>
                <c:pt idx="1015">
                  <c:v>8.9244483037134668</c:v>
                </c:pt>
                <c:pt idx="1016">
                  <c:v>8.9244483037134668</c:v>
                </c:pt>
                <c:pt idx="1017">
                  <c:v>9.5294956463381109</c:v>
                </c:pt>
                <c:pt idx="1018">
                  <c:v>9.5294956463381109</c:v>
                </c:pt>
                <c:pt idx="1019">
                  <c:v>12.100946852492839</c:v>
                </c:pt>
                <c:pt idx="1020">
                  <c:v>12.100946852492839</c:v>
                </c:pt>
                <c:pt idx="1021">
                  <c:v>8.0168772897765042</c:v>
                </c:pt>
                <c:pt idx="1022">
                  <c:v>12.100946852492839</c:v>
                </c:pt>
                <c:pt idx="1023">
                  <c:v>12.100946852492839</c:v>
                </c:pt>
                <c:pt idx="1024">
                  <c:v>12.100946852492839</c:v>
                </c:pt>
                <c:pt idx="1025">
                  <c:v>12.100946852492839</c:v>
                </c:pt>
                <c:pt idx="1026">
                  <c:v>12.100946852492839</c:v>
                </c:pt>
                <c:pt idx="1027">
                  <c:v>10.134542988962753</c:v>
                </c:pt>
                <c:pt idx="1028">
                  <c:v>8.3194009610888262</c:v>
                </c:pt>
                <c:pt idx="1029">
                  <c:v>6.0504734262464197</c:v>
                </c:pt>
                <c:pt idx="1030">
                  <c:v>5.7479497549340977</c:v>
                </c:pt>
                <c:pt idx="1031">
                  <c:v>5.7479497549340977</c:v>
                </c:pt>
                <c:pt idx="1032">
                  <c:v>5.2453377882643073</c:v>
                </c:pt>
                <c:pt idx="1033">
                  <c:v>5.2453377882643073</c:v>
                </c:pt>
                <c:pt idx="1034">
                  <c:v>5.2453377882643073</c:v>
                </c:pt>
                <c:pt idx="1035">
                  <c:v>5.2453377882643073</c:v>
                </c:pt>
                <c:pt idx="1036">
                  <c:v>5.2453377882643073</c:v>
                </c:pt>
                <c:pt idx="1037">
                  <c:v>6.8189391247435989</c:v>
                </c:pt>
                <c:pt idx="1038">
                  <c:v>7.6057397929832451</c:v>
                </c:pt>
                <c:pt idx="1039">
                  <c:v>7.8680066823964605</c:v>
                </c:pt>
                <c:pt idx="1040">
                  <c:v>7.8680066823964605</c:v>
                </c:pt>
                <c:pt idx="1041">
                  <c:v>8.523673905929499</c:v>
                </c:pt>
                <c:pt idx="1042">
                  <c:v>8.9170742400493221</c:v>
                </c:pt>
                <c:pt idx="1043">
                  <c:v>10.490675576528615</c:v>
                </c:pt>
                <c:pt idx="1044">
                  <c:v>10.490675576528615</c:v>
                </c:pt>
                <c:pt idx="1045">
                  <c:v>10.490675576528615</c:v>
                </c:pt>
                <c:pt idx="1046">
                  <c:v>10.490675576528615</c:v>
                </c:pt>
                <c:pt idx="1047">
                  <c:v>10.490675576528615</c:v>
                </c:pt>
                <c:pt idx="1048">
                  <c:v>10.490675576528615</c:v>
                </c:pt>
                <c:pt idx="1049">
                  <c:v>10.490675576528615</c:v>
                </c:pt>
                <c:pt idx="1050">
                  <c:v>10.490675576528615</c:v>
                </c:pt>
                <c:pt idx="1051">
                  <c:v>8.7859407953427144</c:v>
                </c:pt>
                <c:pt idx="1052">
                  <c:v>7.2123394588634229</c:v>
                </c:pt>
                <c:pt idx="1053">
                  <c:v>5.2453377882643073</c:v>
                </c:pt>
                <c:pt idx="1054">
                  <c:v>5.2453377882643073</c:v>
                </c:pt>
                <c:pt idx="1055">
                  <c:v>5.2453377882643073</c:v>
                </c:pt>
                <c:pt idx="1056">
                  <c:v>4.8504177679026981</c:v>
                </c:pt>
                <c:pt idx="1057">
                  <c:v>5.4567199888905344</c:v>
                </c:pt>
                <c:pt idx="1058">
                  <c:v>5.4567199888905344</c:v>
                </c:pt>
                <c:pt idx="1059">
                  <c:v>5.4567199888905344</c:v>
                </c:pt>
                <c:pt idx="1060">
                  <c:v>5.4567199888905344</c:v>
                </c:pt>
                <c:pt idx="1061">
                  <c:v>7.033105763458912</c:v>
                </c:pt>
                <c:pt idx="1062">
                  <c:v>8.1244497612370203</c:v>
                </c:pt>
                <c:pt idx="1063">
                  <c:v>8.1244497612370203</c:v>
                </c:pt>
                <c:pt idx="1064">
                  <c:v>8.1244497612370203</c:v>
                </c:pt>
                <c:pt idx="1065">
                  <c:v>8.7307519822248558</c:v>
                </c:pt>
                <c:pt idx="1066">
                  <c:v>9.458314647410262</c:v>
                </c:pt>
                <c:pt idx="1067">
                  <c:v>10.913439977781069</c:v>
                </c:pt>
                <c:pt idx="1068">
                  <c:v>10.913439977781069</c:v>
                </c:pt>
                <c:pt idx="1069">
                  <c:v>10.913439977781069</c:v>
                </c:pt>
                <c:pt idx="1070">
                  <c:v>10.913439977781069</c:v>
                </c:pt>
                <c:pt idx="1071">
                  <c:v>10.913439977781069</c:v>
                </c:pt>
                <c:pt idx="1072">
                  <c:v>10.913439977781069</c:v>
                </c:pt>
                <c:pt idx="1073">
                  <c:v>10.913439977781069</c:v>
                </c:pt>
                <c:pt idx="1074">
                  <c:v>10.913439977781069</c:v>
                </c:pt>
                <c:pt idx="1075">
                  <c:v>9.0945333148175589</c:v>
                </c:pt>
                <c:pt idx="1076">
                  <c:v>7.2756266518540489</c:v>
                </c:pt>
                <c:pt idx="1077">
                  <c:v>5.4567199888905344</c:v>
                </c:pt>
                <c:pt idx="1078">
                  <c:v>5.4567199888905344</c:v>
                </c:pt>
                <c:pt idx="1079">
                  <c:v>5.4567199888905344</c:v>
                </c:pt>
                <c:pt idx="1080">
                  <c:v>5.6213847340482515</c:v>
                </c:pt>
                <c:pt idx="1081">
                  <c:v>5.6213847340482515</c:v>
                </c:pt>
                <c:pt idx="1082">
                  <c:v>5.6213847340482515</c:v>
                </c:pt>
                <c:pt idx="1083">
                  <c:v>5.6213847340482515</c:v>
                </c:pt>
                <c:pt idx="1084">
                  <c:v>5.6213847340482515</c:v>
                </c:pt>
                <c:pt idx="1085">
                  <c:v>7.2453403238844132</c:v>
                </c:pt>
                <c:pt idx="1086">
                  <c:v>8.3696172706940644</c:v>
                </c:pt>
                <c:pt idx="1087">
                  <c:v>8.3696172706940644</c:v>
                </c:pt>
                <c:pt idx="1088">
                  <c:v>8.3696172706940644</c:v>
                </c:pt>
                <c:pt idx="1089">
                  <c:v>8.9942155744772023</c:v>
                </c:pt>
                <c:pt idx="1090">
                  <c:v>9.7437335390169686</c:v>
                </c:pt>
                <c:pt idx="1091">
                  <c:v>11.242769468096503</c:v>
                </c:pt>
                <c:pt idx="1092">
                  <c:v>11.242769468096503</c:v>
                </c:pt>
                <c:pt idx="1093">
                  <c:v>11.242769468096503</c:v>
                </c:pt>
                <c:pt idx="1094">
                  <c:v>11.242769468096503</c:v>
                </c:pt>
                <c:pt idx="1095">
                  <c:v>11.242769468096503</c:v>
                </c:pt>
                <c:pt idx="1096">
                  <c:v>11.242769468096503</c:v>
                </c:pt>
                <c:pt idx="1097">
                  <c:v>11.242769468096503</c:v>
                </c:pt>
                <c:pt idx="1098">
                  <c:v>11.242769468096503</c:v>
                </c:pt>
                <c:pt idx="1099">
                  <c:v>9.3689745567470855</c:v>
                </c:pt>
                <c:pt idx="1100">
                  <c:v>7.4951796453976689</c:v>
                </c:pt>
                <c:pt idx="1101">
                  <c:v>5.6213847340482515</c:v>
                </c:pt>
                <c:pt idx="1102">
                  <c:v>5.6213847340482515</c:v>
                </c:pt>
                <c:pt idx="1103">
                  <c:v>5.6213847340482515</c:v>
                </c:pt>
                <c:pt idx="1104">
                  <c:v>5.8961531535600029</c:v>
                </c:pt>
                <c:pt idx="1105">
                  <c:v>5.8961531535600029</c:v>
                </c:pt>
                <c:pt idx="1106">
                  <c:v>5.8961531535600029</c:v>
                </c:pt>
                <c:pt idx="1107">
                  <c:v>5.8961531535600029</c:v>
                </c:pt>
                <c:pt idx="1108">
                  <c:v>5.8961531535600029</c:v>
                </c:pt>
                <c:pt idx="1109">
                  <c:v>7.5994862868106692</c:v>
                </c:pt>
                <c:pt idx="1110">
                  <c:v>9.1717937944266694</c:v>
                </c:pt>
                <c:pt idx="1111">
                  <c:v>9.1717937944266694</c:v>
                </c:pt>
                <c:pt idx="1112">
                  <c:v>9.1717937944266694</c:v>
                </c:pt>
                <c:pt idx="1113">
                  <c:v>9.8269219226000022</c:v>
                </c:pt>
                <c:pt idx="1114">
                  <c:v>10.219998799504005</c:v>
                </c:pt>
                <c:pt idx="1115">
                  <c:v>11.792306307120006</c:v>
                </c:pt>
                <c:pt idx="1116">
                  <c:v>11.792306307120006</c:v>
                </c:pt>
                <c:pt idx="1117">
                  <c:v>11.792306307120006</c:v>
                </c:pt>
                <c:pt idx="1118">
                  <c:v>11.792306307120006</c:v>
                </c:pt>
                <c:pt idx="1119">
                  <c:v>9.8269219226000022</c:v>
                </c:pt>
                <c:pt idx="1120">
                  <c:v>9.3028194200613381</c:v>
                </c:pt>
                <c:pt idx="1121">
                  <c:v>9.3028194200613381</c:v>
                </c:pt>
                <c:pt idx="1122">
                  <c:v>9.3028194200613381</c:v>
                </c:pt>
                <c:pt idx="1123">
                  <c:v>9.3028194200613381</c:v>
                </c:pt>
                <c:pt idx="1124">
                  <c:v>7.2064094099066693</c:v>
                </c:pt>
                <c:pt idx="1125">
                  <c:v>2.7515381383280011</c:v>
                </c:pt>
                <c:pt idx="1126">
                  <c:v>2.7515381383280011</c:v>
                </c:pt>
                <c:pt idx="1127">
                  <c:v>2.7515381383280011</c:v>
                </c:pt>
                <c:pt idx="1128">
                  <c:v>4.2605889814973228</c:v>
                </c:pt>
                <c:pt idx="1129">
                  <c:v>8.318292773399536</c:v>
                </c:pt>
                <c:pt idx="1130">
                  <c:v>8.318292773399536</c:v>
                </c:pt>
                <c:pt idx="1131">
                  <c:v>8.318292773399536</c:v>
                </c:pt>
                <c:pt idx="1132">
                  <c:v>8.318292773399536</c:v>
                </c:pt>
                <c:pt idx="1133">
                  <c:v>10.347144669350643</c:v>
                </c:pt>
                <c:pt idx="1134">
                  <c:v>12.984652134087082</c:v>
                </c:pt>
                <c:pt idx="1135">
                  <c:v>14.810618840443075</c:v>
                </c:pt>
                <c:pt idx="1136">
                  <c:v>14.810618840443075</c:v>
                </c:pt>
                <c:pt idx="1137">
                  <c:v>14.810618840443075</c:v>
                </c:pt>
                <c:pt idx="1138">
                  <c:v>14.810618840443075</c:v>
                </c:pt>
                <c:pt idx="1139">
                  <c:v>14.810618840443075</c:v>
                </c:pt>
                <c:pt idx="1140">
                  <c:v>14.810618840443075</c:v>
                </c:pt>
                <c:pt idx="1141">
                  <c:v>14.810618840443075</c:v>
                </c:pt>
                <c:pt idx="1142">
                  <c:v>14.810618840443075</c:v>
                </c:pt>
                <c:pt idx="1143">
                  <c:v>13.390422513277301</c:v>
                </c:pt>
                <c:pt idx="1144">
                  <c:v>12.173111375706638</c:v>
                </c:pt>
                <c:pt idx="1145">
                  <c:v>10.955800238135973</c:v>
                </c:pt>
                <c:pt idx="1146">
                  <c:v>10.550029858945752</c:v>
                </c:pt>
                <c:pt idx="1147">
                  <c:v>8.5211779629946456</c:v>
                </c:pt>
                <c:pt idx="1148">
                  <c:v>6.2894408774484285</c:v>
                </c:pt>
                <c:pt idx="1149">
                  <c:v>6.2894408774484285</c:v>
                </c:pt>
                <c:pt idx="1150">
                  <c:v>6.2894408774484285</c:v>
                </c:pt>
                <c:pt idx="1151">
                  <c:v>6.2894408774484285</c:v>
                </c:pt>
                <c:pt idx="1152">
                  <c:v>7.3125977289879449</c:v>
                </c:pt>
                <c:pt idx="1153">
                  <c:v>8.4920489755989053</c:v>
                </c:pt>
                <c:pt idx="1154">
                  <c:v>8.4920489755989053</c:v>
                </c:pt>
                <c:pt idx="1155">
                  <c:v>8.4920489755989053</c:v>
                </c:pt>
                <c:pt idx="1156">
                  <c:v>8.4920489755989053</c:v>
                </c:pt>
                <c:pt idx="1157">
                  <c:v>10.61506121949863</c:v>
                </c:pt>
                <c:pt idx="1158">
                  <c:v>12.502183214076165</c:v>
                </c:pt>
                <c:pt idx="1159">
                  <c:v>14.861085707298082</c:v>
                </c:pt>
                <c:pt idx="1160">
                  <c:v>14.861085707298082</c:v>
                </c:pt>
                <c:pt idx="1161">
                  <c:v>14.861085707298082</c:v>
                </c:pt>
                <c:pt idx="1162">
                  <c:v>14.861085707298082</c:v>
                </c:pt>
                <c:pt idx="1163">
                  <c:v>14.861085707298082</c:v>
                </c:pt>
                <c:pt idx="1164">
                  <c:v>14.861085707298082</c:v>
                </c:pt>
                <c:pt idx="1165">
                  <c:v>14.861085707298082</c:v>
                </c:pt>
                <c:pt idx="1166">
                  <c:v>14.861085707298082</c:v>
                </c:pt>
                <c:pt idx="1167">
                  <c:v>13.209853962042741</c:v>
                </c:pt>
                <c:pt idx="1168">
                  <c:v>12.973963712720547</c:v>
                </c:pt>
                <c:pt idx="1169">
                  <c:v>11.086841718143013</c:v>
                </c:pt>
                <c:pt idx="1170">
                  <c:v>10.379170970176441</c:v>
                </c:pt>
                <c:pt idx="1171">
                  <c:v>8.7279392249210961</c:v>
                </c:pt>
                <c:pt idx="1172">
                  <c:v>7.3125977289879449</c:v>
                </c:pt>
                <c:pt idx="1173">
                  <c:v>6.3690367316991781</c:v>
                </c:pt>
                <c:pt idx="1174">
                  <c:v>6.3690367316991781</c:v>
                </c:pt>
                <c:pt idx="1175">
                  <c:v>6.3690367316991781</c:v>
                </c:pt>
                <c:pt idx="1176">
                  <c:v>1.9422808656949331</c:v>
                </c:pt>
                <c:pt idx="1177">
                  <c:v>1.9422808656949331</c:v>
                </c:pt>
                <c:pt idx="1178">
                  <c:v>1.9422808656949331</c:v>
                </c:pt>
                <c:pt idx="1179">
                  <c:v>1.9422808656949331</c:v>
                </c:pt>
                <c:pt idx="1180">
                  <c:v>1.9422808656949331</c:v>
                </c:pt>
                <c:pt idx="1181">
                  <c:v>8.4165504180113757</c:v>
                </c:pt>
                <c:pt idx="1182">
                  <c:v>9.5495475896667532</c:v>
                </c:pt>
                <c:pt idx="1183">
                  <c:v>9.5495475896667532</c:v>
                </c:pt>
                <c:pt idx="1184">
                  <c:v>9.5495475896667532</c:v>
                </c:pt>
                <c:pt idx="1185">
                  <c:v>10.196974544898399</c:v>
                </c:pt>
                <c:pt idx="1186">
                  <c:v>10.196974544898399</c:v>
                </c:pt>
                <c:pt idx="1187">
                  <c:v>12.948539104632889</c:v>
                </c:pt>
                <c:pt idx="1188">
                  <c:v>12.948539104632889</c:v>
                </c:pt>
                <c:pt idx="1189">
                  <c:v>8.5784071568192886</c:v>
                </c:pt>
                <c:pt idx="1190">
                  <c:v>12.948539104632889</c:v>
                </c:pt>
                <c:pt idx="1191">
                  <c:v>12.948539104632889</c:v>
                </c:pt>
                <c:pt idx="1192">
                  <c:v>12.948539104632889</c:v>
                </c:pt>
                <c:pt idx="1193">
                  <c:v>12.948539104632889</c:v>
                </c:pt>
                <c:pt idx="1194">
                  <c:v>12.948539104632889</c:v>
                </c:pt>
                <c:pt idx="1195">
                  <c:v>10.844401500130044</c:v>
                </c:pt>
                <c:pt idx="1196">
                  <c:v>8.9021206344351089</c:v>
                </c:pt>
                <c:pt idx="1197">
                  <c:v>6.4742695523164446</c:v>
                </c:pt>
                <c:pt idx="1198">
                  <c:v>6.1505560747006216</c:v>
                </c:pt>
                <c:pt idx="1199">
                  <c:v>6.1505560747006216</c:v>
                </c:pt>
                <c:pt idx="1200">
                  <c:v>5.5996223389312521</c:v>
                </c:pt>
                <c:pt idx="1201">
                  <c:v>5.5996223389312521</c:v>
                </c:pt>
                <c:pt idx="1202">
                  <c:v>5.5996223389312521</c:v>
                </c:pt>
                <c:pt idx="1203">
                  <c:v>5.5996223389312521</c:v>
                </c:pt>
                <c:pt idx="1204">
                  <c:v>5.5996223389312521</c:v>
                </c:pt>
                <c:pt idx="1205">
                  <c:v>7.279509040610626</c:v>
                </c:pt>
                <c:pt idx="1206">
                  <c:v>8.1194523914503147</c:v>
                </c:pt>
                <c:pt idx="1207">
                  <c:v>8.3994335083968767</c:v>
                </c:pt>
                <c:pt idx="1208">
                  <c:v>8.3994335083968767</c:v>
                </c:pt>
                <c:pt idx="1209">
                  <c:v>9.0993863007632836</c:v>
                </c:pt>
                <c:pt idx="1210">
                  <c:v>9.5193579761831266</c:v>
                </c:pt>
                <c:pt idx="1211">
                  <c:v>11.199244677862504</c:v>
                </c:pt>
                <c:pt idx="1212">
                  <c:v>11.199244677862504</c:v>
                </c:pt>
                <c:pt idx="1213">
                  <c:v>11.199244677862504</c:v>
                </c:pt>
                <c:pt idx="1214">
                  <c:v>11.199244677862504</c:v>
                </c:pt>
                <c:pt idx="1215">
                  <c:v>11.199244677862504</c:v>
                </c:pt>
                <c:pt idx="1216">
                  <c:v>11.199244677862504</c:v>
                </c:pt>
                <c:pt idx="1217">
                  <c:v>11.199244677862504</c:v>
                </c:pt>
                <c:pt idx="1218">
                  <c:v>11.199244677862504</c:v>
                </c:pt>
                <c:pt idx="1219">
                  <c:v>9.3793674177098474</c:v>
                </c:pt>
                <c:pt idx="1220">
                  <c:v>7.6994807160304708</c:v>
                </c:pt>
                <c:pt idx="1221">
                  <c:v>5.5996223389312521</c:v>
                </c:pt>
                <c:pt idx="1222">
                  <c:v>5.5996223389312521</c:v>
                </c:pt>
                <c:pt idx="1223">
                  <c:v>5.5996223389312521</c:v>
                </c:pt>
                <c:pt idx="1224">
                  <c:v>5.1490960785681894</c:v>
                </c:pt>
                <c:pt idx="1225">
                  <c:v>5.7927330883892116</c:v>
                </c:pt>
                <c:pt idx="1226">
                  <c:v>5.7927330883892116</c:v>
                </c:pt>
                <c:pt idx="1227">
                  <c:v>5.7927330883892116</c:v>
                </c:pt>
                <c:pt idx="1228">
                  <c:v>5.7927330883892116</c:v>
                </c:pt>
                <c:pt idx="1229">
                  <c:v>7.4661893139238735</c:v>
                </c:pt>
                <c:pt idx="1230">
                  <c:v>8.624735931601716</c:v>
                </c:pt>
                <c:pt idx="1231">
                  <c:v>8.624735931601716</c:v>
                </c:pt>
                <c:pt idx="1232">
                  <c:v>8.624735931601716</c:v>
                </c:pt>
                <c:pt idx="1233">
                  <c:v>9.26837294142274</c:v>
                </c:pt>
                <c:pt idx="1234">
                  <c:v>10.04073735320797</c:v>
                </c:pt>
                <c:pt idx="1235">
                  <c:v>11.585466176778423</c:v>
                </c:pt>
                <c:pt idx="1236">
                  <c:v>11.585466176778423</c:v>
                </c:pt>
                <c:pt idx="1237">
                  <c:v>11.585466176778423</c:v>
                </c:pt>
                <c:pt idx="1238">
                  <c:v>11.585466176778423</c:v>
                </c:pt>
                <c:pt idx="1239">
                  <c:v>11.585466176778423</c:v>
                </c:pt>
                <c:pt idx="1240">
                  <c:v>11.585466176778423</c:v>
                </c:pt>
                <c:pt idx="1241">
                  <c:v>11.585466176778423</c:v>
                </c:pt>
                <c:pt idx="1242">
                  <c:v>11.585466176778423</c:v>
                </c:pt>
                <c:pt idx="1243">
                  <c:v>9.6545551473153548</c:v>
                </c:pt>
                <c:pt idx="1244">
                  <c:v>7.7236441178522846</c:v>
                </c:pt>
                <c:pt idx="1245">
                  <c:v>5.7927330883892116</c:v>
                </c:pt>
                <c:pt idx="1246">
                  <c:v>5.7927330883892116</c:v>
                </c:pt>
                <c:pt idx="1247">
                  <c:v>5.7927330883892116</c:v>
                </c:pt>
                <c:pt idx="1248">
                  <c:v>5.6941016953546413</c:v>
                </c:pt>
                <c:pt idx="1249">
                  <c:v>5.6941016953546413</c:v>
                </c:pt>
                <c:pt idx="1250">
                  <c:v>5.6941016953546413</c:v>
                </c:pt>
                <c:pt idx="1251">
                  <c:v>5.6941016953546413</c:v>
                </c:pt>
                <c:pt idx="1252">
                  <c:v>5.6941016953546413</c:v>
                </c:pt>
                <c:pt idx="1253">
                  <c:v>7.3390644073459823</c:v>
                </c:pt>
                <c:pt idx="1254">
                  <c:v>8.4778847464169118</c:v>
                </c:pt>
                <c:pt idx="1255">
                  <c:v>8.4778847464169118</c:v>
                </c:pt>
                <c:pt idx="1256">
                  <c:v>8.4778847464169118</c:v>
                </c:pt>
                <c:pt idx="1257">
                  <c:v>9.1105627125674271</c:v>
                </c:pt>
                <c:pt idx="1258">
                  <c:v>9.8697762719480444</c:v>
                </c:pt>
                <c:pt idx="1259">
                  <c:v>11.388203390709283</c:v>
                </c:pt>
                <c:pt idx="1260">
                  <c:v>11.388203390709283</c:v>
                </c:pt>
                <c:pt idx="1261">
                  <c:v>11.388203390709283</c:v>
                </c:pt>
                <c:pt idx="1262">
                  <c:v>11.388203390709283</c:v>
                </c:pt>
                <c:pt idx="1263">
                  <c:v>11.388203390709283</c:v>
                </c:pt>
                <c:pt idx="1264">
                  <c:v>11.388203390709283</c:v>
                </c:pt>
                <c:pt idx="1265">
                  <c:v>11.388203390709283</c:v>
                </c:pt>
                <c:pt idx="1266">
                  <c:v>11.388203390709283</c:v>
                </c:pt>
                <c:pt idx="1267">
                  <c:v>9.4901694922577366</c:v>
                </c:pt>
                <c:pt idx="1268">
                  <c:v>7.5921355938061899</c:v>
                </c:pt>
                <c:pt idx="1269">
                  <c:v>5.6941016953546413</c:v>
                </c:pt>
                <c:pt idx="1270">
                  <c:v>5.6941016953546413</c:v>
                </c:pt>
                <c:pt idx="1271">
                  <c:v>5.6941016953546413</c:v>
                </c:pt>
                <c:pt idx="1272">
                  <c:v>6.1470043401279471</c:v>
                </c:pt>
                <c:pt idx="1273">
                  <c:v>6.1470043401279471</c:v>
                </c:pt>
                <c:pt idx="1274">
                  <c:v>6.1470043401279471</c:v>
                </c:pt>
                <c:pt idx="1275">
                  <c:v>6.1470043401279471</c:v>
                </c:pt>
                <c:pt idx="1276">
                  <c:v>6.1470043401279471</c:v>
                </c:pt>
                <c:pt idx="1277">
                  <c:v>7.9228055939426874</c:v>
                </c:pt>
                <c:pt idx="1278">
                  <c:v>9.5620067513101414</c:v>
                </c:pt>
                <c:pt idx="1279">
                  <c:v>9.5620067513101414</c:v>
                </c:pt>
                <c:pt idx="1280">
                  <c:v>9.5620067513101414</c:v>
                </c:pt>
                <c:pt idx="1281">
                  <c:v>10.245007233546579</c:v>
                </c:pt>
                <c:pt idx="1282">
                  <c:v>10.654807522888442</c:v>
                </c:pt>
                <c:pt idx="1283">
                  <c:v>12.294008680255894</c:v>
                </c:pt>
                <c:pt idx="1284">
                  <c:v>12.294008680255894</c:v>
                </c:pt>
                <c:pt idx="1285">
                  <c:v>12.294008680255894</c:v>
                </c:pt>
                <c:pt idx="1286">
                  <c:v>12.294008680255894</c:v>
                </c:pt>
                <c:pt idx="1287">
                  <c:v>10.245007233546579</c:v>
                </c:pt>
                <c:pt idx="1288">
                  <c:v>9.6986068477574285</c:v>
                </c:pt>
                <c:pt idx="1289">
                  <c:v>9.6986068477574285</c:v>
                </c:pt>
                <c:pt idx="1290">
                  <c:v>9.6986068477574285</c:v>
                </c:pt>
                <c:pt idx="1291">
                  <c:v>9.6986068477574285</c:v>
                </c:pt>
                <c:pt idx="1292">
                  <c:v>7.5130053046008234</c:v>
                </c:pt>
                <c:pt idx="1293">
                  <c:v>2.868602025393042</c:v>
                </c:pt>
                <c:pt idx="1294">
                  <c:v>2.868602025393042</c:v>
                </c:pt>
                <c:pt idx="1295">
                  <c:v>2.868602025393042</c:v>
                </c:pt>
                <c:pt idx="1296">
                  <c:v>4.4043876989502184</c:v>
                </c:pt>
                <c:pt idx="1297">
                  <c:v>8.5990426503313806</c:v>
                </c:pt>
                <c:pt idx="1298">
                  <c:v>8.5990426503313806</c:v>
                </c:pt>
                <c:pt idx="1299">
                  <c:v>8.5990426503313806</c:v>
                </c:pt>
                <c:pt idx="1300">
                  <c:v>8.5990426503313806</c:v>
                </c:pt>
                <c:pt idx="1301">
                  <c:v>10.696370126021961</c:v>
                </c:pt>
                <c:pt idx="1302">
                  <c:v>13.422895844419717</c:v>
                </c:pt>
                <c:pt idx="1303">
                  <c:v>15.310490572541241</c:v>
                </c:pt>
                <c:pt idx="1304">
                  <c:v>15.310490572541241</c:v>
                </c:pt>
                <c:pt idx="1305">
                  <c:v>15.310490572541241</c:v>
                </c:pt>
                <c:pt idx="1306">
                  <c:v>15.310490572541241</c:v>
                </c:pt>
                <c:pt idx="1307">
                  <c:v>15.310490572541241</c:v>
                </c:pt>
                <c:pt idx="1308">
                  <c:v>15.310490572541241</c:v>
                </c:pt>
                <c:pt idx="1309">
                  <c:v>15.310490572541241</c:v>
                </c:pt>
                <c:pt idx="1310">
                  <c:v>15.310490572541241</c:v>
                </c:pt>
                <c:pt idx="1311">
                  <c:v>13.842361339557833</c:v>
                </c:pt>
                <c:pt idx="1312">
                  <c:v>12.583964854143483</c:v>
                </c:pt>
                <c:pt idx="1313">
                  <c:v>11.325568368729137</c:v>
                </c:pt>
                <c:pt idx="1314">
                  <c:v>10.906102873591019</c:v>
                </c:pt>
                <c:pt idx="1315">
                  <c:v>8.8087753979004368</c:v>
                </c:pt>
                <c:pt idx="1316">
                  <c:v>6.5017151746407995</c:v>
                </c:pt>
                <c:pt idx="1317">
                  <c:v>6.5017151746407995</c:v>
                </c:pt>
                <c:pt idx="1318">
                  <c:v>6.5017151746407995</c:v>
                </c:pt>
                <c:pt idx="1319">
                  <c:v>6.5017151746407995</c:v>
                </c:pt>
                <c:pt idx="1320">
                  <c:v>7.3783945493459289</c:v>
                </c:pt>
                <c:pt idx="1321">
                  <c:v>8.5684581863372085</c:v>
                </c:pt>
                <c:pt idx="1322">
                  <c:v>8.5684581863372085</c:v>
                </c:pt>
                <c:pt idx="1323">
                  <c:v>8.5684581863372085</c:v>
                </c:pt>
                <c:pt idx="1324">
                  <c:v>8.5684581863372085</c:v>
                </c:pt>
                <c:pt idx="1325">
                  <c:v>10.710572732921509</c:v>
                </c:pt>
                <c:pt idx="1326">
                  <c:v>12.614674552107555</c:v>
                </c:pt>
                <c:pt idx="1327">
                  <c:v>14.994801826090113</c:v>
                </c:pt>
                <c:pt idx="1328">
                  <c:v>14.994801826090113</c:v>
                </c:pt>
                <c:pt idx="1329">
                  <c:v>14.994801826090113</c:v>
                </c:pt>
                <c:pt idx="1330">
                  <c:v>14.994801826090113</c:v>
                </c:pt>
                <c:pt idx="1331">
                  <c:v>14.994801826090113</c:v>
                </c:pt>
                <c:pt idx="1332">
                  <c:v>14.994801826090113</c:v>
                </c:pt>
                <c:pt idx="1333">
                  <c:v>14.994801826090113</c:v>
                </c:pt>
                <c:pt idx="1334">
                  <c:v>14.994801826090113</c:v>
                </c:pt>
                <c:pt idx="1335">
                  <c:v>13.328712734302323</c:v>
                </c:pt>
                <c:pt idx="1336">
                  <c:v>13.090700006904067</c:v>
                </c:pt>
                <c:pt idx="1337">
                  <c:v>11.186598187718023</c:v>
                </c:pt>
                <c:pt idx="1338">
                  <c:v>10.472560005523256</c:v>
                </c:pt>
                <c:pt idx="1339">
                  <c:v>8.8064709137354651</c:v>
                </c:pt>
                <c:pt idx="1340">
                  <c:v>7.3783945493459289</c:v>
                </c:pt>
                <c:pt idx="1341">
                  <c:v>6.4263436397529059</c:v>
                </c:pt>
                <c:pt idx="1342">
                  <c:v>6.4263436397529059</c:v>
                </c:pt>
                <c:pt idx="1343">
                  <c:v>6.4263436397529059</c:v>
                </c:pt>
                <c:pt idx="1344">
                  <c:v>1.853239778388637</c:v>
                </c:pt>
                <c:pt idx="1345">
                  <c:v>1.853239778388637</c:v>
                </c:pt>
                <c:pt idx="1346">
                  <c:v>1.853239778388637</c:v>
                </c:pt>
                <c:pt idx="1347">
                  <c:v>1.853239778388637</c:v>
                </c:pt>
                <c:pt idx="1348">
                  <c:v>1.853239778388637</c:v>
                </c:pt>
                <c:pt idx="1349">
                  <c:v>8.0307057063507603</c:v>
                </c:pt>
                <c:pt idx="1350">
                  <c:v>9.111762243744133</c:v>
                </c:pt>
                <c:pt idx="1351">
                  <c:v>9.111762243744133</c:v>
                </c:pt>
                <c:pt idx="1352">
                  <c:v>9.111762243744133</c:v>
                </c:pt>
                <c:pt idx="1353">
                  <c:v>9.7295088365403455</c:v>
                </c:pt>
                <c:pt idx="1354">
                  <c:v>9.7295088365403455</c:v>
                </c:pt>
                <c:pt idx="1355">
                  <c:v>12.354931855924248</c:v>
                </c:pt>
                <c:pt idx="1356">
                  <c:v>12.354931855924248</c:v>
                </c:pt>
                <c:pt idx="1357">
                  <c:v>8.1851423545498143</c:v>
                </c:pt>
                <c:pt idx="1358">
                  <c:v>12.354931855924248</c:v>
                </c:pt>
                <c:pt idx="1359">
                  <c:v>12.354931855924248</c:v>
                </c:pt>
                <c:pt idx="1360">
                  <c:v>12.354931855924248</c:v>
                </c:pt>
                <c:pt idx="1361">
                  <c:v>12.354931855924248</c:v>
                </c:pt>
                <c:pt idx="1362">
                  <c:v>12.354931855924248</c:v>
                </c:pt>
                <c:pt idx="1363">
                  <c:v>10.347255429336558</c:v>
                </c:pt>
                <c:pt idx="1364">
                  <c:v>8.4940156509479205</c:v>
                </c:pt>
                <c:pt idx="1365">
                  <c:v>6.1774659279621238</c:v>
                </c:pt>
                <c:pt idx="1366">
                  <c:v>5.8685926315640176</c:v>
                </c:pt>
                <c:pt idx="1367">
                  <c:v>5.8685926315640176</c:v>
                </c:pt>
                <c:pt idx="1368">
                  <c:v>5.3565990389024272</c:v>
                </c:pt>
                <c:pt idx="1369">
                  <c:v>5.3565990389024272</c:v>
                </c:pt>
                <c:pt idx="1370">
                  <c:v>5.3565990389024272</c:v>
                </c:pt>
                <c:pt idx="1371">
                  <c:v>5.3565990389024272</c:v>
                </c:pt>
                <c:pt idx="1372">
                  <c:v>5.3565990389024272</c:v>
                </c:pt>
                <c:pt idx="1373">
                  <c:v>6.9635787505731548</c:v>
                </c:pt>
                <c:pt idx="1374">
                  <c:v>7.767068606408519</c:v>
                </c:pt>
                <c:pt idx="1375">
                  <c:v>8.0348985583536408</c:v>
                </c:pt>
                <c:pt idx="1376">
                  <c:v>8.0348985583536408</c:v>
                </c:pt>
                <c:pt idx="1377">
                  <c:v>8.7044734382164446</c:v>
                </c:pt>
                <c:pt idx="1378">
                  <c:v>9.1062183661341276</c:v>
                </c:pt>
                <c:pt idx="1379">
                  <c:v>10.713198077804854</c:v>
                </c:pt>
                <c:pt idx="1380">
                  <c:v>10.713198077804854</c:v>
                </c:pt>
                <c:pt idx="1381">
                  <c:v>10.713198077804854</c:v>
                </c:pt>
                <c:pt idx="1382">
                  <c:v>10.713198077804854</c:v>
                </c:pt>
                <c:pt idx="1383">
                  <c:v>10.713198077804854</c:v>
                </c:pt>
                <c:pt idx="1384">
                  <c:v>10.713198077804854</c:v>
                </c:pt>
                <c:pt idx="1385">
                  <c:v>10.713198077804854</c:v>
                </c:pt>
                <c:pt idx="1386">
                  <c:v>10.713198077804854</c:v>
                </c:pt>
                <c:pt idx="1387">
                  <c:v>8.9723033901615654</c:v>
                </c:pt>
                <c:pt idx="1388">
                  <c:v>7.3653236784908369</c:v>
                </c:pt>
                <c:pt idx="1389">
                  <c:v>5.3565990389024272</c:v>
                </c:pt>
                <c:pt idx="1390">
                  <c:v>5.3565990389024272</c:v>
                </c:pt>
                <c:pt idx="1391">
                  <c:v>5.3565990389024272</c:v>
                </c:pt>
                <c:pt idx="1392">
                  <c:v>4.7709748983920957</c:v>
                </c:pt>
                <c:pt idx="1393">
                  <c:v>5.3673467606911069</c:v>
                </c:pt>
                <c:pt idx="1394">
                  <c:v>5.3673467606911069</c:v>
                </c:pt>
                <c:pt idx="1395">
                  <c:v>5.3673467606911069</c:v>
                </c:pt>
                <c:pt idx="1396">
                  <c:v>5.3673467606911069</c:v>
                </c:pt>
                <c:pt idx="1397">
                  <c:v>6.9179136026685377</c:v>
                </c:pt>
                <c:pt idx="1398">
                  <c:v>7.9913829548067596</c:v>
                </c:pt>
                <c:pt idx="1399">
                  <c:v>7.9913829548067596</c:v>
                </c:pt>
                <c:pt idx="1400">
                  <c:v>7.9913829548067596</c:v>
                </c:pt>
                <c:pt idx="1401">
                  <c:v>8.5877548171057718</c:v>
                </c:pt>
                <c:pt idx="1402">
                  <c:v>9.3034010518645864</c:v>
                </c:pt>
                <c:pt idx="1403">
                  <c:v>10.734693521382214</c:v>
                </c:pt>
                <c:pt idx="1404">
                  <c:v>10.734693521382214</c:v>
                </c:pt>
                <c:pt idx="1405">
                  <c:v>10.734693521382214</c:v>
                </c:pt>
                <c:pt idx="1406">
                  <c:v>10.734693521382214</c:v>
                </c:pt>
                <c:pt idx="1407">
                  <c:v>10.734693521382214</c:v>
                </c:pt>
                <c:pt idx="1408">
                  <c:v>10.734693521382214</c:v>
                </c:pt>
                <c:pt idx="1409">
                  <c:v>10.734693521382214</c:v>
                </c:pt>
                <c:pt idx="1410">
                  <c:v>10.734693521382214</c:v>
                </c:pt>
                <c:pt idx="1411">
                  <c:v>8.9455779344851774</c:v>
                </c:pt>
                <c:pt idx="1412">
                  <c:v>7.1564623475881426</c:v>
                </c:pt>
                <c:pt idx="1413">
                  <c:v>5.3673467606911069</c:v>
                </c:pt>
                <c:pt idx="1414">
                  <c:v>5.3673467606911069</c:v>
                </c:pt>
                <c:pt idx="1415">
                  <c:v>5.3673467606911069</c:v>
                </c:pt>
                <c:pt idx="1416">
                  <c:v>5.3545340976464608</c:v>
                </c:pt>
                <c:pt idx="1417">
                  <c:v>5.3545340976464608</c:v>
                </c:pt>
                <c:pt idx="1418">
                  <c:v>5.3545340976464608</c:v>
                </c:pt>
                <c:pt idx="1419">
                  <c:v>5.3545340976464608</c:v>
                </c:pt>
                <c:pt idx="1420">
                  <c:v>5.3545340976464608</c:v>
                </c:pt>
                <c:pt idx="1421">
                  <c:v>6.9013995036332174</c:v>
                </c:pt>
                <c:pt idx="1422">
                  <c:v>7.9723063231625098</c:v>
                </c:pt>
                <c:pt idx="1423">
                  <c:v>7.9723063231625098</c:v>
                </c:pt>
                <c:pt idx="1424">
                  <c:v>7.9723063231625098</c:v>
                </c:pt>
                <c:pt idx="1425">
                  <c:v>8.5672545562343387</c:v>
                </c:pt>
                <c:pt idx="1426">
                  <c:v>9.2811924359205342</c:v>
                </c:pt>
                <c:pt idx="1427">
                  <c:v>10.709068195292922</c:v>
                </c:pt>
                <c:pt idx="1428">
                  <c:v>10.709068195292922</c:v>
                </c:pt>
                <c:pt idx="1429">
                  <c:v>10.709068195292922</c:v>
                </c:pt>
                <c:pt idx="1430">
                  <c:v>10.709068195292922</c:v>
                </c:pt>
                <c:pt idx="1431">
                  <c:v>10.709068195292922</c:v>
                </c:pt>
                <c:pt idx="1432">
                  <c:v>10.709068195292922</c:v>
                </c:pt>
                <c:pt idx="1433">
                  <c:v>10.709068195292922</c:v>
                </c:pt>
                <c:pt idx="1434">
                  <c:v>10.709068195292922</c:v>
                </c:pt>
                <c:pt idx="1435">
                  <c:v>8.9242234960774365</c:v>
                </c:pt>
                <c:pt idx="1436">
                  <c:v>7.1393787968619487</c:v>
                </c:pt>
                <c:pt idx="1437">
                  <c:v>5.3545340976464608</c:v>
                </c:pt>
                <c:pt idx="1438">
                  <c:v>5.3545340976464608</c:v>
                </c:pt>
                <c:pt idx="1439">
                  <c:v>5.3545340976464608</c:v>
                </c:pt>
                <c:pt idx="1440">
                  <c:v>5.888022379427901</c:v>
                </c:pt>
                <c:pt idx="1441">
                  <c:v>5.888022379427901</c:v>
                </c:pt>
                <c:pt idx="1442">
                  <c:v>5.888022379427901</c:v>
                </c:pt>
                <c:pt idx="1443">
                  <c:v>5.888022379427901</c:v>
                </c:pt>
                <c:pt idx="1444">
                  <c:v>5.888022379427901</c:v>
                </c:pt>
                <c:pt idx="1445">
                  <c:v>7.5890066223737387</c:v>
                </c:pt>
                <c:pt idx="1446">
                  <c:v>9.1591459235545134</c:v>
                </c:pt>
                <c:pt idx="1447">
                  <c:v>9.1591459235545134</c:v>
                </c:pt>
                <c:pt idx="1448">
                  <c:v>9.1591459235545134</c:v>
                </c:pt>
                <c:pt idx="1449">
                  <c:v>9.8133706323798364</c:v>
                </c:pt>
                <c:pt idx="1450">
                  <c:v>10.20590545767503</c:v>
                </c:pt>
                <c:pt idx="1451">
                  <c:v>11.776044758855802</c:v>
                </c:pt>
                <c:pt idx="1452">
                  <c:v>11.776044758855802</c:v>
                </c:pt>
                <c:pt idx="1453">
                  <c:v>11.776044758855802</c:v>
                </c:pt>
                <c:pt idx="1454">
                  <c:v>11.776044758855802</c:v>
                </c:pt>
                <c:pt idx="1455">
                  <c:v>9.8133706323798364</c:v>
                </c:pt>
                <c:pt idx="1456">
                  <c:v>9.2899908653195791</c:v>
                </c:pt>
                <c:pt idx="1457">
                  <c:v>9.2899908653195791</c:v>
                </c:pt>
                <c:pt idx="1458">
                  <c:v>9.2899908653195791</c:v>
                </c:pt>
                <c:pt idx="1459">
                  <c:v>9.2899908653195791</c:v>
                </c:pt>
                <c:pt idx="1460">
                  <c:v>7.1964717970785461</c:v>
                </c:pt>
                <c:pt idx="1461">
                  <c:v>2.7477437770663538</c:v>
                </c:pt>
                <c:pt idx="1462">
                  <c:v>2.7477437770663538</c:v>
                </c:pt>
                <c:pt idx="1463">
                  <c:v>2.7477437770663538</c:v>
                </c:pt>
                <c:pt idx="1464">
                  <c:v>4.3324883402237706</c:v>
                </c:pt>
                <c:pt idx="1465">
                  <c:v>8.4586677118654592</c:v>
                </c:pt>
                <c:pt idx="1466">
                  <c:v>8.4586677118654592</c:v>
                </c:pt>
                <c:pt idx="1467">
                  <c:v>8.4586677118654592</c:v>
                </c:pt>
                <c:pt idx="1468">
                  <c:v>8.4586677118654592</c:v>
                </c:pt>
                <c:pt idx="1469">
                  <c:v>10.521757397686301</c:v>
                </c:pt>
                <c:pt idx="1470">
                  <c:v>13.203773989253399</c:v>
                </c:pt>
                <c:pt idx="1471">
                  <c:v>15.060554706492155</c:v>
                </c:pt>
                <c:pt idx="1472">
                  <c:v>15.060554706492155</c:v>
                </c:pt>
                <c:pt idx="1473">
                  <c:v>15.060554706492155</c:v>
                </c:pt>
                <c:pt idx="1474">
                  <c:v>15.060554706492155</c:v>
                </c:pt>
                <c:pt idx="1475">
                  <c:v>15.060554706492155</c:v>
                </c:pt>
                <c:pt idx="1476">
                  <c:v>15.060554706492155</c:v>
                </c:pt>
                <c:pt idx="1477">
                  <c:v>15.060554706492155</c:v>
                </c:pt>
                <c:pt idx="1478">
                  <c:v>15.060554706492155</c:v>
                </c:pt>
                <c:pt idx="1479">
                  <c:v>13.616391926417565</c:v>
                </c:pt>
                <c:pt idx="1480">
                  <c:v>12.37853811492506</c:v>
                </c:pt>
                <c:pt idx="1481">
                  <c:v>11.140684303432554</c:v>
                </c:pt>
                <c:pt idx="1482">
                  <c:v>10.728066366268385</c:v>
                </c:pt>
                <c:pt idx="1483">
                  <c:v>8.6649766804475412</c:v>
                </c:pt>
                <c:pt idx="1484">
                  <c:v>6.395578026044614</c:v>
                </c:pt>
                <c:pt idx="1485">
                  <c:v>6.395578026044614</c:v>
                </c:pt>
                <c:pt idx="1486">
                  <c:v>6.395578026044614</c:v>
                </c:pt>
                <c:pt idx="1487">
                  <c:v>6.395578026044614</c:v>
                </c:pt>
                <c:pt idx="1488">
                  <c:v>7.5867511471462095</c:v>
                </c:pt>
                <c:pt idx="1489">
                  <c:v>8.8104206870085022</c:v>
                </c:pt>
                <c:pt idx="1490">
                  <c:v>8.8104206870085022</c:v>
                </c:pt>
                <c:pt idx="1491">
                  <c:v>8.8104206870085022</c:v>
                </c:pt>
                <c:pt idx="1492">
                  <c:v>8.8104206870085022</c:v>
                </c:pt>
                <c:pt idx="1493">
                  <c:v>11.013025858760628</c:v>
                </c:pt>
                <c:pt idx="1494">
                  <c:v>12.970897122540295</c:v>
                </c:pt>
                <c:pt idx="1495">
                  <c:v>15.418236202264881</c:v>
                </c:pt>
                <c:pt idx="1496">
                  <c:v>15.418236202264881</c:v>
                </c:pt>
                <c:pt idx="1497">
                  <c:v>15.418236202264881</c:v>
                </c:pt>
                <c:pt idx="1498">
                  <c:v>15.418236202264881</c:v>
                </c:pt>
                <c:pt idx="1499">
                  <c:v>15.418236202264881</c:v>
                </c:pt>
                <c:pt idx="1500">
                  <c:v>15.418236202264881</c:v>
                </c:pt>
                <c:pt idx="1501">
                  <c:v>15.418236202264881</c:v>
                </c:pt>
                <c:pt idx="1502">
                  <c:v>15.418236202264881</c:v>
                </c:pt>
                <c:pt idx="1503">
                  <c:v>13.70509884645767</c:v>
                </c:pt>
                <c:pt idx="1504">
                  <c:v>13.46036493848521</c:v>
                </c:pt>
                <c:pt idx="1505">
                  <c:v>11.502493674705544</c:v>
                </c:pt>
                <c:pt idx="1506">
                  <c:v>10.768291950788171</c:v>
                </c:pt>
                <c:pt idx="1507">
                  <c:v>9.0551545949809604</c:v>
                </c:pt>
                <c:pt idx="1508">
                  <c:v>7.5867511471462095</c:v>
                </c:pt>
                <c:pt idx="1509">
                  <c:v>6.6078155152563767</c:v>
                </c:pt>
                <c:pt idx="1510">
                  <c:v>6.6078155152563767</c:v>
                </c:pt>
                <c:pt idx="1511">
                  <c:v>6.6078155152563767</c:v>
                </c:pt>
                <c:pt idx="1512">
                  <c:v>1.9505724117831602</c:v>
                </c:pt>
                <c:pt idx="1513">
                  <c:v>1.9505724117831602</c:v>
                </c:pt>
                <c:pt idx="1514">
                  <c:v>1.9505724117831602</c:v>
                </c:pt>
                <c:pt idx="1515">
                  <c:v>1.9505724117831602</c:v>
                </c:pt>
                <c:pt idx="1516">
                  <c:v>1.9505724117831602</c:v>
                </c:pt>
                <c:pt idx="1517">
                  <c:v>8.4524804510603602</c:v>
                </c:pt>
                <c:pt idx="1518">
                  <c:v>9.5903143579338703</c:v>
                </c:pt>
                <c:pt idx="1519">
                  <c:v>9.5903143579338703</c:v>
                </c:pt>
                <c:pt idx="1520">
                  <c:v>9.5903143579338703</c:v>
                </c:pt>
                <c:pt idx="1521">
                  <c:v>10.240505161861593</c:v>
                </c:pt>
                <c:pt idx="1522">
                  <c:v>10.240505161861593</c:v>
                </c:pt>
                <c:pt idx="1523">
                  <c:v>13.003816078554401</c:v>
                </c:pt>
                <c:pt idx="1524">
                  <c:v>13.003816078554401</c:v>
                </c:pt>
                <c:pt idx="1525">
                  <c:v>8.6150281520422904</c:v>
                </c:pt>
                <c:pt idx="1526">
                  <c:v>13.003816078554401</c:v>
                </c:pt>
                <c:pt idx="1527">
                  <c:v>13.003816078554401</c:v>
                </c:pt>
                <c:pt idx="1528">
                  <c:v>13.003816078554401</c:v>
                </c:pt>
                <c:pt idx="1529">
                  <c:v>13.003816078554401</c:v>
                </c:pt>
                <c:pt idx="1530">
                  <c:v>13.003816078554401</c:v>
                </c:pt>
                <c:pt idx="1531">
                  <c:v>10.890695965789313</c:v>
                </c:pt>
                <c:pt idx="1532">
                  <c:v>8.940123554006151</c:v>
                </c:pt>
                <c:pt idx="1533">
                  <c:v>6.5019080392772004</c:v>
                </c:pt>
                <c:pt idx="1534">
                  <c:v>6.1768126373133407</c:v>
                </c:pt>
                <c:pt idx="1535">
                  <c:v>6.1768126373133407</c:v>
                </c:pt>
                <c:pt idx="1536">
                  <c:v>5.9467005288204646</c:v>
                </c:pt>
                <c:pt idx="1537">
                  <c:v>5.9467005288204646</c:v>
                </c:pt>
                <c:pt idx="1538">
                  <c:v>5.9467005288204646</c:v>
                </c:pt>
                <c:pt idx="1539">
                  <c:v>5.9467005288204646</c:v>
                </c:pt>
                <c:pt idx="1540">
                  <c:v>5.9467005288204646</c:v>
                </c:pt>
                <c:pt idx="1541">
                  <c:v>7.7307106874666038</c:v>
                </c:pt>
                <c:pt idx="1542">
                  <c:v>8.6227157667896712</c:v>
                </c:pt>
                <c:pt idx="1543">
                  <c:v>8.9200507932306969</c:v>
                </c:pt>
                <c:pt idx="1544">
                  <c:v>8.9200507932306969</c:v>
                </c:pt>
                <c:pt idx="1545">
                  <c:v>9.6633883593332541</c:v>
                </c:pt>
                <c:pt idx="1546">
                  <c:v>10.109390898994787</c:v>
                </c:pt>
                <c:pt idx="1547">
                  <c:v>11.893401057640929</c:v>
                </c:pt>
                <c:pt idx="1548">
                  <c:v>11.893401057640929</c:v>
                </c:pt>
                <c:pt idx="1549">
                  <c:v>11.893401057640929</c:v>
                </c:pt>
                <c:pt idx="1550">
                  <c:v>11.893401057640929</c:v>
                </c:pt>
                <c:pt idx="1551">
                  <c:v>11.893401057640929</c:v>
                </c:pt>
                <c:pt idx="1552">
                  <c:v>11.893401057640929</c:v>
                </c:pt>
                <c:pt idx="1553">
                  <c:v>11.893401057640929</c:v>
                </c:pt>
                <c:pt idx="1554">
                  <c:v>11.893401057640929</c:v>
                </c:pt>
                <c:pt idx="1555">
                  <c:v>9.9607233857742763</c:v>
                </c:pt>
                <c:pt idx="1556">
                  <c:v>8.176713227128138</c:v>
                </c:pt>
                <c:pt idx="1557">
                  <c:v>5.9467005288204646</c:v>
                </c:pt>
                <c:pt idx="1558">
                  <c:v>5.9467005288204646</c:v>
                </c:pt>
                <c:pt idx="1559">
                  <c:v>5.9467005288204646</c:v>
                </c:pt>
                <c:pt idx="1560">
                  <c:v>5.4084437585606748</c:v>
                </c:pt>
                <c:pt idx="1561">
                  <c:v>6.0844992283807589</c:v>
                </c:pt>
                <c:pt idx="1562">
                  <c:v>6.0844992283807589</c:v>
                </c:pt>
                <c:pt idx="1563">
                  <c:v>6.0844992283807589</c:v>
                </c:pt>
                <c:pt idx="1564">
                  <c:v>6.0844992283807589</c:v>
                </c:pt>
                <c:pt idx="1565">
                  <c:v>7.8422434499129778</c:v>
                </c:pt>
                <c:pt idx="1566">
                  <c:v>9.0591432955891307</c:v>
                </c:pt>
                <c:pt idx="1567">
                  <c:v>9.0591432955891307</c:v>
                </c:pt>
                <c:pt idx="1568">
                  <c:v>9.0591432955891307</c:v>
                </c:pt>
                <c:pt idx="1569">
                  <c:v>9.7351987654092138</c:v>
                </c:pt>
                <c:pt idx="1570">
                  <c:v>10.546465329193316</c:v>
                </c:pt>
                <c:pt idx="1571">
                  <c:v>12.168998456761518</c:v>
                </c:pt>
                <c:pt idx="1572">
                  <c:v>12.168998456761518</c:v>
                </c:pt>
                <c:pt idx="1573">
                  <c:v>12.168998456761518</c:v>
                </c:pt>
                <c:pt idx="1574">
                  <c:v>12.168998456761518</c:v>
                </c:pt>
                <c:pt idx="1575">
                  <c:v>12.168998456761518</c:v>
                </c:pt>
                <c:pt idx="1576">
                  <c:v>12.168998456761518</c:v>
                </c:pt>
                <c:pt idx="1577">
                  <c:v>12.168998456761518</c:v>
                </c:pt>
                <c:pt idx="1578">
                  <c:v>12.168998456761518</c:v>
                </c:pt>
                <c:pt idx="1579">
                  <c:v>10.140832047301263</c:v>
                </c:pt>
                <c:pt idx="1580">
                  <c:v>8.1126656378410118</c:v>
                </c:pt>
                <c:pt idx="1581">
                  <c:v>6.0844992283807589</c:v>
                </c:pt>
                <c:pt idx="1582">
                  <c:v>6.0844992283807589</c:v>
                </c:pt>
                <c:pt idx="1583">
                  <c:v>6.0844992283807589</c:v>
                </c:pt>
                <c:pt idx="1584">
                  <c:v>6.211200086866751</c:v>
                </c:pt>
                <c:pt idx="1585">
                  <c:v>6.211200086866751</c:v>
                </c:pt>
                <c:pt idx="1586">
                  <c:v>6.211200086866751</c:v>
                </c:pt>
                <c:pt idx="1587">
                  <c:v>6.211200086866751</c:v>
                </c:pt>
                <c:pt idx="1588">
                  <c:v>6.211200086866751</c:v>
                </c:pt>
                <c:pt idx="1589">
                  <c:v>8.0055467786282559</c:v>
                </c:pt>
                <c:pt idx="1590">
                  <c:v>9.2477867960016074</c:v>
                </c:pt>
                <c:pt idx="1591">
                  <c:v>9.2477867960016074</c:v>
                </c:pt>
                <c:pt idx="1592">
                  <c:v>9.2477867960016074</c:v>
                </c:pt>
                <c:pt idx="1593">
                  <c:v>9.937920138986799</c:v>
                </c:pt>
                <c:pt idx="1594">
                  <c:v>10.766080150569035</c:v>
                </c:pt>
                <c:pt idx="1595">
                  <c:v>12.422400173733502</c:v>
                </c:pt>
                <c:pt idx="1596">
                  <c:v>12.422400173733502</c:v>
                </c:pt>
                <c:pt idx="1597">
                  <c:v>12.422400173733502</c:v>
                </c:pt>
                <c:pt idx="1598">
                  <c:v>12.422400173733502</c:v>
                </c:pt>
                <c:pt idx="1599">
                  <c:v>12.422400173733502</c:v>
                </c:pt>
                <c:pt idx="1600">
                  <c:v>12.422400173733502</c:v>
                </c:pt>
                <c:pt idx="1601">
                  <c:v>12.422400173733502</c:v>
                </c:pt>
                <c:pt idx="1602">
                  <c:v>12.422400173733502</c:v>
                </c:pt>
                <c:pt idx="1603">
                  <c:v>10.352000144777916</c:v>
                </c:pt>
                <c:pt idx="1604">
                  <c:v>8.2816001158223358</c:v>
                </c:pt>
                <c:pt idx="1605">
                  <c:v>6.211200086866751</c:v>
                </c:pt>
                <c:pt idx="1606">
                  <c:v>6.211200086866751</c:v>
                </c:pt>
                <c:pt idx="1607">
                  <c:v>6.211200086866751</c:v>
                </c:pt>
                <c:pt idx="1608">
                  <c:v>6.9079200278402197</c:v>
                </c:pt>
                <c:pt idx="1609">
                  <c:v>6.9079200278402197</c:v>
                </c:pt>
                <c:pt idx="1610">
                  <c:v>6.9079200278402197</c:v>
                </c:pt>
                <c:pt idx="1611">
                  <c:v>6.9079200278402197</c:v>
                </c:pt>
                <c:pt idx="1612">
                  <c:v>6.9079200278402197</c:v>
                </c:pt>
                <c:pt idx="1613">
                  <c:v>8.903541369216283</c:v>
                </c:pt>
                <c:pt idx="1614">
                  <c:v>10.745653376640343</c:v>
                </c:pt>
                <c:pt idx="1615">
                  <c:v>10.745653376640343</c:v>
                </c:pt>
                <c:pt idx="1616">
                  <c:v>10.745653376640343</c:v>
                </c:pt>
                <c:pt idx="1617">
                  <c:v>11.513200046400366</c:v>
                </c:pt>
                <c:pt idx="1618">
                  <c:v>11.97372804825638</c:v>
                </c:pt>
                <c:pt idx="1619">
                  <c:v>13.815840055680439</c:v>
                </c:pt>
                <c:pt idx="1620">
                  <c:v>13.815840055680439</c:v>
                </c:pt>
                <c:pt idx="1621">
                  <c:v>13.815840055680439</c:v>
                </c:pt>
                <c:pt idx="1622">
                  <c:v>13.815840055680439</c:v>
                </c:pt>
                <c:pt idx="1623">
                  <c:v>11.513200046400366</c:v>
                </c:pt>
                <c:pt idx="1624">
                  <c:v>10.899162710592346</c:v>
                </c:pt>
                <c:pt idx="1625">
                  <c:v>10.899162710592346</c:v>
                </c:pt>
                <c:pt idx="1626">
                  <c:v>10.899162710592346</c:v>
                </c:pt>
                <c:pt idx="1627">
                  <c:v>10.899162710592346</c:v>
                </c:pt>
                <c:pt idx="1628">
                  <c:v>8.443013367360269</c:v>
                </c:pt>
                <c:pt idx="1629">
                  <c:v>3.2236960129921024</c:v>
                </c:pt>
                <c:pt idx="1630">
                  <c:v>3.2236960129921024</c:v>
                </c:pt>
                <c:pt idx="1631">
                  <c:v>3.2236960129921024</c:v>
                </c:pt>
                <c:pt idx="1632">
                  <c:v>4.7312029658886212</c:v>
                </c:pt>
                <c:pt idx="1633">
                  <c:v>9.2371105524492148</c:v>
                </c:pt>
                <c:pt idx="1634">
                  <c:v>9.2371105524492148</c:v>
                </c:pt>
                <c:pt idx="1635">
                  <c:v>9.2371105524492148</c:v>
                </c:pt>
                <c:pt idx="1636">
                  <c:v>9.2371105524492148</c:v>
                </c:pt>
                <c:pt idx="1637">
                  <c:v>11.490064345729511</c:v>
                </c:pt>
                <c:pt idx="1638">
                  <c:v>14.418904276993896</c:v>
                </c:pt>
                <c:pt idx="1639">
                  <c:v>16.446562690946163</c:v>
                </c:pt>
                <c:pt idx="1640">
                  <c:v>16.446562690946163</c:v>
                </c:pt>
                <c:pt idx="1641">
                  <c:v>16.446562690946163</c:v>
                </c:pt>
                <c:pt idx="1642">
                  <c:v>16.446562690946163</c:v>
                </c:pt>
                <c:pt idx="1643">
                  <c:v>16.446562690946163</c:v>
                </c:pt>
                <c:pt idx="1644">
                  <c:v>16.446562690946163</c:v>
                </c:pt>
                <c:pt idx="1645">
                  <c:v>16.446562690946163</c:v>
                </c:pt>
                <c:pt idx="1646">
                  <c:v>16.446562690946163</c:v>
                </c:pt>
                <c:pt idx="1647">
                  <c:v>14.869495035649953</c:v>
                </c:pt>
                <c:pt idx="1648">
                  <c:v>13.517722759681778</c:v>
                </c:pt>
                <c:pt idx="1649">
                  <c:v>12.165950483713599</c:v>
                </c:pt>
                <c:pt idx="1650">
                  <c:v>11.715359725057539</c:v>
                </c:pt>
                <c:pt idx="1651">
                  <c:v>9.4624059317772424</c:v>
                </c:pt>
                <c:pt idx="1652">
                  <c:v>6.9841567591689175</c:v>
                </c:pt>
                <c:pt idx="1653">
                  <c:v>6.9841567591689175</c:v>
                </c:pt>
                <c:pt idx="1654">
                  <c:v>6.9841567591689175</c:v>
                </c:pt>
                <c:pt idx="1655">
                  <c:v>6.9841567591689175</c:v>
                </c:pt>
                <c:pt idx="1656">
                  <c:v>7.8060738816728215</c:v>
                </c:pt>
                <c:pt idx="1657">
                  <c:v>9.0651180561361802</c:v>
                </c:pt>
                <c:pt idx="1658">
                  <c:v>9.0651180561361802</c:v>
                </c:pt>
                <c:pt idx="1659">
                  <c:v>9.0651180561361802</c:v>
                </c:pt>
                <c:pt idx="1660">
                  <c:v>9.0651180561361802</c:v>
                </c:pt>
                <c:pt idx="1661">
                  <c:v>11.331397570170225</c:v>
                </c:pt>
                <c:pt idx="1662">
                  <c:v>13.345868249311598</c:v>
                </c:pt>
                <c:pt idx="1663">
                  <c:v>15.863956598238314</c:v>
                </c:pt>
                <c:pt idx="1664">
                  <c:v>15.863956598238314</c:v>
                </c:pt>
                <c:pt idx="1665">
                  <c:v>15.863956598238314</c:v>
                </c:pt>
                <c:pt idx="1666">
                  <c:v>15.863956598238314</c:v>
                </c:pt>
                <c:pt idx="1667">
                  <c:v>15.863956598238314</c:v>
                </c:pt>
                <c:pt idx="1668">
                  <c:v>15.863956598238314</c:v>
                </c:pt>
                <c:pt idx="1669">
                  <c:v>15.863956598238314</c:v>
                </c:pt>
                <c:pt idx="1670">
                  <c:v>15.863956598238314</c:v>
                </c:pt>
                <c:pt idx="1671">
                  <c:v>14.101294753989615</c:v>
                </c:pt>
                <c:pt idx="1672">
                  <c:v>13.84948591909694</c:v>
                </c:pt>
                <c:pt idx="1673">
                  <c:v>11.835015239955569</c:v>
                </c:pt>
                <c:pt idx="1674">
                  <c:v>11.079588735277552</c:v>
                </c:pt>
                <c:pt idx="1675">
                  <c:v>9.316926891028853</c:v>
                </c:pt>
                <c:pt idx="1676">
                  <c:v>7.8060738816728215</c:v>
                </c:pt>
                <c:pt idx="1677">
                  <c:v>6.7988385421021356</c:v>
                </c:pt>
                <c:pt idx="1678">
                  <c:v>6.7988385421021356</c:v>
                </c:pt>
                <c:pt idx="1679">
                  <c:v>6.7988385421021356</c:v>
                </c:pt>
                <c:pt idx="1680">
                  <c:v>2.0086132344007517</c:v>
                </c:pt>
                <c:pt idx="1681">
                  <c:v>2.0086132344007517</c:v>
                </c:pt>
                <c:pt idx="1682">
                  <c:v>2.0086132344007517</c:v>
                </c:pt>
                <c:pt idx="1683">
                  <c:v>2.0086132344007517</c:v>
                </c:pt>
                <c:pt idx="1684">
                  <c:v>2.0086132344007517</c:v>
                </c:pt>
                <c:pt idx="1685">
                  <c:v>8.7039906824032567</c:v>
                </c:pt>
                <c:pt idx="1686">
                  <c:v>9.8756817358036955</c:v>
                </c:pt>
                <c:pt idx="1687">
                  <c:v>9.8756817358036955</c:v>
                </c:pt>
                <c:pt idx="1688">
                  <c:v>9.8756817358036955</c:v>
                </c:pt>
                <c:pt idx="1689">
                  <c:v>10.545219480603947</c:v>
                </c:pt>
                <c:pt idx="1690">
                  <c:v>10.545219480603947</c:v>
                </c:pt>
                <c:pt idx="1691">
                  <c:v>13.390754896005014</c:v>
                </c:pt>
                <c:pt idx="1692">
                  <c:v>13.390754896005014</c:v>
                </c:pt>
                <c:pt idx="1693">
                  <c:v>8.8713751186033196</c:v>
                </c:pt>
                <c:pt idx="1694">
                  <c:v>13.390754896005014</c:v>
                </c:pt>
                <c:pt idx="1695">
                  <c:v>13.390754896005014</c:v>
                </c:pt>
                <c:pt idx="1696">
                  <c:v>13.390754896005014</c:v>
                </c:pt>
                <c:pt idx="1697">
                  <c:v>13.390754896005014</c:v>
                </c:pt>
                <c:pt idx="1698">
                  <c:v>13.390754896005014</c:v>
                </c:pt>
                <c:pt idx="1699">
                  <c:v>11.214757225404197</c:v>
                </c:pt>
                <c:pt idx="1700">
                  <c:v>9.2061439910034455</c:v>
                </c:pt>
                <c:pt idx="1701">
                  <c:v>6.6953774480025068</c:v>
                </c:pt>
                <c:pt idx="1702">
                  <c:v>6.3606085756023791</c:v>
                </c:pt>
                <c:pt idx="1703">
                  <c:v>6.3606085756023791</c:v>
                </c:pt>
                <c:pt idx="1704">
                  <c:v>5.7045529544791531</c:v>
                </c:pt>
                <c:pt idx="1705">
                  <c:v>5.7045529544791531</c:v>
                </c:pt>
                <c:pt idx="1706">
                  <c:v>5.7045529544791531</c:v>
                </c:pt>
                <c:pt idx="1707">
                  <c:v>5.7045529544791531</c:v>
                </c:pt>
                <c:pt idx="1708">
                  <c:v>5.7045529544791531</c:v>
                </c:pt>
                <c:pt idx="1709">
                  <c:v>7.4159188408228971</c:v>
                </c:pt>
                <c:pt idx="1710">
                  <c:v>8.27160178399477</c:v>
                </c:pt>
                <c:pt idx="1711">
                  <c:v>8.5568294317187288</c:v>
                </c:pt>
                <c:pt idx="1712">
                  <c:v>8.5568294317187288</c:v>
                </c:pt>
                <c:pt idx="1713">
                  <c:v>9.2698985510286214</c:v>
                </c:pt>
                <c:pt idx="1714">
                  <c:v>9.6977400226145587</c:v>
                </c:pt>
                <c:pt idx="1715">
                  <c:v>11.409105908958306</c:v>
                </c:pt>
                <c:pt idx="1716">
                  <c:v>11.409105908958306</c:v>
                </c:pt>
                <c:pt idx="1717">
                  <c:v>11.409105908958306</c:v>
                </c:pt>
                <c:pt idx="1718">
                  <c:v>11.409105908958306</c:v>
                </c:pt>
                <c:pt idx="1719">
                  <c:v>11.409105908958306</c:v>
                </c:pt>
                <c:pt idx="1720">
                  <c:v>11.409105908958306</c:v>
                </c:pt>
                <c:pt idx="1721">
                  <c:v>11.409105908958306</c:v>
                </c:pt>
                <c:pt idx="1722">
                  <c:v>11.409105908958306</c:v>
                </c:pt>
                <c:pt idx="1723">
                  <c:v>9.5551261987525802</c:v>
                </c:pt>
                <c:pt idx="1724">
                  <c:v>7.8437603124088344</c:v>
                </c:pt>
                <c:pt idx="1725">
                  <c:v>5.7045529544791531</c:v>
                </c:pt>
                <c:pt idx="1726">
                  <c:v>5.7045529544791531</c:v>
                </c:pt>
                <c:pt idx="1727">
                  <c:v>5.7045529544791531</c:v>
                </c:pt>
                <c:pt idx="1728">
                  <c:v>5.0626468519040282</c:v>
                </c:pt>
                <c:pt idx="1729">
                  <c:v>5.6954777083920307</c:v>
                </c:pt>
                <c:pt idx="1730">
                  <c:v>5.6954777083920307</c:v>
                </c:pt>
                <c:pt idx="1731">
                  <c:v>5.6954777083920307</c:v>
                </c:pt>
                <c:pt idx="1732">
                  <c:v>5.6954777083920307</c:v>
                </c:pt>
                <c:pt idx="1733">
                  <c:v>7.3408379352608399</c:v>
                </c:pt>
                <c:pt idx="1734">
                  <c:v>8.4799334769392463</c:v>
                </c:pt>
                <c:pt idx="1735">
                  <c:v>8.4799334769392463</c:v>
                </c:pt>
                <c:pt idx="1736">
                  <c:v>8.4799334769392463</c:v>
                </c:pt>
                <c:pt idx="1737">
                  <c:v>9.1127643334272506</c:v>
                </c:pt>
                <c:pt idx="1738">
                  <c:v>9.8721613612128536</c:v>
                </c:pt>
                <c:pt idx="1739">
                  <c:v>11.390955416784061</c:v>
                </c:pt>
                <c:pt idx="1740">
                  <c:v>11.390955416784061</c:v>
                </c:pt>
                <c:pt idx="1741">
                  <c:v>11.390955416784061</c:v>
                </c:pt>
                <c:pt idx="1742">
                  <c:v>11.390955416784061</c:v>
                </c:pt>
                <c:pt idx="1743">
                  <c:v>11.390955416784061</c:v>
                </c:pt>
                <c:pt idx="1744">
                  <c:v>11.390955416784061</c:v>
                </c:pt>
                <c:pt idx="1745">
                  <c:v>11.390955416784061</c:v>
                </c:pt>
                <c:pt idx="1746">
                  <c:v>11.390955416784061</c:v>
                </c:pt>
                <c:pt idx="1747">
                  <c:v>9.4924628473200539</c:v>
                </c:pt>
                <c:pt idx="1748">
                  <c:v>7.5939702778560427</c:v>
                </c:pt>
                <c:pt idx="1749">
                  <c:v>5.6954777083920307</c:v>
                </c:pt>
                <c:pt idx="1750">
                  <c:v>5.6954777083920307</c:v>
                </c:pt>
                <c:pt idx="1751">
                  <c:v>5.6954777083920307</c:v>
                </c:pt>
                <c:pt idx="1752">
                  <c:v>5.6052254093134977</c:v>
                </c:pt>
                <c:pt idx="1753">
                  <c:v>5.6052254093134977</c:v>
                </c:pt>
                <c:pt idx="1754">
                  <c:v>5.6052254093134977</c:v>
                </c:pt>
                <c:pt idx="1755">
                  <c:v>5.6052254093134977</c:v>
                </c:pt>
                <c:pt idx="1756">
                  <c:v>5.6052254093134977</c:v>
                </c:pt>
                <c:pt idx="1757">
                  <c:v>7.2245127497818418</c:v>
                </c:pt>
                <c:pt idx="1758">
                  <c:v>8.3455578316445411</c:v>
                </c:pt>
                <c:pt idx="1759">
                  <c:v>8.3455578316445411</c:v>
                </c:pt>
                <c:pt idx="1760">
                  <c:v>8.3455578316445411</c:v>
                </c:pt>
                <c:pt idx="1761">
                  <c:v>8.9683606549015966</c:v>
                </c:pt>
                <c:pt idx="1762">
                  <c:v>9.7157240428100646</c:v>
                </c:pt>
                <c:pt idx="1763">
                  <c:v>11.210450818626995</c:v>
                </c:pt>
                <c:pt idx="1764">
                  <c:v>11.210450818626995</c:v>
                </c:pt>
                <c:pt idx="1765">
                  <c:v>11.210450818626995</c:v>
                </c:pt>
                <c:pt idx="1766">
                  <c:v>11.210450818626995</c:v>
                </c:pt>
                <c:pt idx="1767">
                  <c:v>11.210450818626995</c:v>
                </c:pt>
                <c:pt idx="1768">
                  <c:v>11.210450818626995</c:v>
                </c:pt>
                <c:pt idx="1769">
                  <c:v>11.210450818626995</c:v>
                </c:pt>
                <c:pt idx="1770">
                  <c:v>11.210450818626995</c:v>
                </c:pt>
                <c:pt idx="1771">
                  <c:v>9.3420423488558306</c:v>
                </c:pt>
                <c:pt idx="1772">
                  <c:v>7.4736338790846641</c:v>
                </c:pt>
                <c:pt idx="1773">
                  <c:v>5.6052254093134977</c:v>
                </c:pt>
                <c:pt idx="1774">
                  <c:v>5.6052254093134977</c:v>
                </c:pt>
                <c:pt idx="1775">
                  <c:v>5.6052254093134977</c:v>
                </c:pt>
                <c:pt idx="1776">
                  <c:v>6.1470043401279471</c:v>
                </c:pt>
                <c:pt idx="1777">
                  <c:v>6.1470043401279471</c:v>
                </c:pt>
                <c:pt idx="1778">
                  <c:v>6.1470043401279471</c:v>
                </c:pt>
                <c:pt idx="1779">
                  <c:v>6.1470043401279471</c:v>
                </c:pt>
                <c:pt idx="1780">
                  <c:v>6.1470043401279471</c:v>
                </c:pt>
                <c:pt idx="1781">
                  <c:v>7.9228055939426874</c:v>
                </c:pt>
                <c:pt idx="1782">
                  <c:v>9.5620067513101414</c:v>
                </c:pt>
                <c:pt idx="1783">
                  <c:v>9.5620067513101414</c:v>
                </c:pt>
                <c:pt idx="1784">
                  <c:v>9.5620067513101414</c:v>
                </c:pt>
                <c:pt idx="1785">
                  <c:v>10.245007233546579</c:v>
                </c:pt>
                <c:pt idx="1786">
                  <c:v>10.654807522888442</c:v>
                </c:pt>
                <c:pt idx="1787">
                  <c:v>12.294008680255894</c:v>
                </c:pt>
                <c:pt idx="1788">
                  <c:v>12.294008680255894</c:v>
                </c:pt>
                <c:pt idx="1789">
                  <c:v>12.294008680255894</c:v>
                </c:pt>
                <c:pt idx="1790">
                  <c:v>12.294008680255894</c:v>
                </c:pt>
                <c:pt idx="1791">
                  <c:v>10.245007233546579</c:v>
                </c:pt>
                <c:pt idx="1792">
                  <c:v>9.6986068477574285</c:v>
                </c:pt>
                <c:pt idx="1793">
                  <c:v>9.6986068477574285</c:v>
                </c:pt>
                <c:pt idx="1794">
                  <c:v>9.6986068477574285</c:v>
                </c:pt>
                <c:pt idx="1795">
                  <c:v>9.6986068477574285</c:v>
                </c:pt>
                <c:pt idx="1796">
                  <c:v>7.5130053046008234</c:v>
                </c:pt>
                <c:pt idx="1797">
                  <c:v>2.868602025393042</c:v>
                </c:pt>
                <c:pt idx="1798">
                  <c:v>2.868602025393042</c:v>
                </c:pt>
                <c:pt idx="1799">
                  <c:v>2.868602025393042</c:v>
                </c:pt>
                <c:pt idx="1800">
                  <c:v>4.2082985387871776</c:v>
                </c:pt>
                <c:pt idx="1801">
                  <c:v>8.2162019090606826</c:v>
                </c:pt>
                <c:pt idx="1802">
                  <c:v>8.2162019090606826</c:v>
                </c:pt>
                <c:pt idx="1803">
                  <c:v>8.2162019090606826</c:v>
                </c:pt>
                <c:pt idx="1804">
                  <c:v>8.2162019090606826</c:v>
                </c:pt>
                <c:pt idx="1805">
                  <c:v>10.220153594197434</c:v>
                </c:pt>
                <c:pt idx="1806">
                  <c:v>12.825290784875211</c:v>
                </c:pt>
                <c:pt idx="1807">
                  <c:v>14.628847301498288</c:v>
                </c:pt>
                <c:pt idx="1808">
                  <c:v>14.628847301498288</c:v>
                </c:pt>
                <c:pt idx="1809">
                  <c:v>14.628847301498288</c:v>
                </c:pt>
                <c:pt idx="1810">
                  <c:v>14.628847301498288</c:v>
                </c:pt>
                <c:pt idx="1811">
                  <c:v>14.628847301498288</c:v>
                </c:pt>
                <c:pt idx="1812">
                  <c:v>14.628847301498288</c:v>
                </c:pt>
                <c:pt idx="1813">
                  <c:v>14.628847301498288</c:v>
                </c:pt>
                <c:pt idx="1814">
                  <c:v>14.628847301498288</c:v>
                </c:pt>
                <c:pt idx="1815">
                  <c:v>13.22608112190256</c:v>
                </c:pt>
                <c:pt idx="1816">
                  <c:v>12.02371011082051</c:v>
                </c:pt>
                <c:pt idx="1817">
                  <c:v>10.821339099738459</c:v>
                </c:pt>
                <c:pt idx="1818">
                  <c:v>10.420548762711107</c:v>
                </c:pt>
                <c:pt idx="1819">
                  <c:v>8.4165970775743553</c:v>
                </c:pt>
                <c:pt idx="1820">
                  <c:v>6.2122502239239301</c:v>
                </c:pt>
                <c:pt idx="1821">
                  <c:v>6.2122502239239301</c:v>
                </c:pt>
                <c:pt idx="1822">
                  <c:v>6.2122502239239301</c:v>
                </c:pt>
                <c:pt idx="1823">
                  <c:v>6.2122502239239301</c:v>
                </c:pt>
                <c:pt idx="1824">
                  <c:v>7.2029363617246389</c:v>
                </c:pt>
                <c:pt idx="1825">
                  <c:v>8.3647002910350654</c:v>
                </c:pt>
                <c:pt idx="1826">
                  <c:v>8.3647002910350654</c:v>
                </c:pt>
                <c:pt idx="1827">
                  <c:v>8.3647002910350654</c:v>
                </c:pt>
                <c:pt idx="1828">
                  <c:v>8.3647002910350654</c:v>
                </c:pt>
                <c:pt idx="1829">
                  <c:v>10.455875363793831</c:v>
                </c:pt>
                <c:pt idx="1830">
                  <c:v>12.314697650690512</c:v>
                </c:pt>
                <c:pt idx="1831">
                  <c:v>14.638225509311363</c:v>
                </c:pt>
                <c:pt idx="1832">
                  <c:v>14.638225509311363</c:v>
                </c:pt>
                <c:pt idx="1833">
                  <c:v>14.638225509311363</c:v>
                </c:pt>
                <c:pt idx="1834">
                  <c:v>14.638225509311363</c:v>
                </c:pt>
                <c:pt idx="1835">
                  <c:v>14.638225509311363</c:v>
                </c:pt>
                <c:pt idx="1836">
                  <c:v>14.638225509311363</c:v>
                </c:pt>
                <c:pt idx="1837">
                  <c:v>14.638225509311363</c:v>
                </c:pt>
                <c:pt idx="1838">
                  <c:v>14.638225509311363</c:v>
                </c:pt>
                <c:pt idx="1839">
                  <c:v>13.011756008276766</c:v>
                </c:pt>
                <c:pt idx="1840">
                  <c:v>12.779403222414683</c:v>
                </c:pt>
                <c:pt idx="1841">
                  <c:v>10.920580935518002</c:v>
                </c:pt>
                <c:pt idx="1842">
                  <c:v>10.223522577931748</c:v>
                </c:pt>
                <c:pt idx="1843">
                  <c:v>8.5970530768971507</c:v>
                </c:pt>
                <c:pt idx="1844">
                  <c:v>7.2029363617246389</c:v>
                </c:pt>
                <c:pt idx="1845">
                  <c:v>6.2735252182762986</c:v>
                </c:pt>
                <c:pt idx="1846">
                  <c:v>6.2735252182762986</c:v>
                </c:pt>
                <c:pt idx="1847">
                  <c:v>6.2735252182762986</c:v>
                </c:pt>
                <c:pt idx="1848">
                  <c:v>1.8814761943812659</c:v>
                </c:pt>
                <c:pt idx="1849">
                  <c:v>1.8814761943812659</c:v>
                </c:pt>
                <c:pt idx="1850">
                  <c:v>1.8814761943812659</c:v>
                </c:pt>
                <c:pt idx="1851">
                  <c:v>1.8814761943812659</c:v>
                </c:pt>
                <c:pt idx="1852">
                  <c:v>1.8814761943812659</c:v>
                </c:pt>
                <c:pt idx="1853">
                  <c:v>8.1530635089854862</c:v>
                </c:pt>
                <c:pt idx="1854">
                  <c:v>9.2505912890412247</c:v>
                </c:pt>
                <c:pt idx="1855">
                  <c:v>9.2505912890412247</c:v>
                </c:pt>
                <c:pt idx="1856">
                  <c:v>9.2505912890412247</c:v>
                </c:pt>
                <c:pt idx="1857">
                  <c:v>9.8777500205016473</c:v>
                </c:pt>
                <c:pt idx="1858">
                  <c:v>9.8777500205016473</c:v>
                </c:pt>
                <c:pt idx="1859">
                  <c:v>12.543174629208441</c:v>
                </c:pt>
                <c:pt idx="1860">
                  <c:v>12.543174629208441</c:v>
                </c:pt>
                <c:pt idx="1861">
                  <c:v>8.3098531918505909</c:v>
                </c:pt>
                <c:pt idx="1862">
                  <c:v>12.543174629208441</c:v>
                </c:pt>
                <c:pt idx="1863">
                  <c:v>12.543174629208441</c:v>
                </c:pt>
                <c:pt idx="1864">
                  <c:v>12.543174629208441</c:v>
                </c:pt>
                <c:pt idx="1865">
                  <c:v>12.543174629208441</c:v>
                </c:pt>
                <c:pt idx="1866">
                  <c:v>12.543174629208441</c:v>
                </c:pt>
                <c:pt idx="1867">
                  <c:v>10.50490875196207</c:v>
                </c:pt>
                <c:pt idx="1868">
                  <c:v>8.6234325575808022</c:v>
                </c:pt>
                <c:pt idx="1869">
                  <c:v>6.2715873146042203</c:v>
                </c:pt>
                <c:pt idx="1870">
                  <c:v>5.9580079488740081</c:v>
                </c:pt>
                <c:pt idx="1871">
                  <c:v>5.9580079488740081</c:v>
                </c:pt>
                <c:pt idx="1872">
                  <c:v>5.4344819143491101</c:v>
                </c:pt>
                <c:pt idx="1873">
                  <c:v>5.4344819143491101</c:v>
                </c:pt>
                <c:pt idx="1874">
                  <c:v>5.4344819143491101</c:v>
                </c:pt>
                <c:pt idx="1875">
                  <c:v>5.4344819143491101</c:v>
                </c:pt>
                <c:pt idx="1876">
                  <c:v>5.4344819143491101</c:v>
                </c:pt>
                <c:pt idx="1877">
                  <c:v>7.0648264886538419</c:v>
                </c:pt>
                <c:pt idx="1878">
                  <c:v>7.8799987758062091</c:v>
                </c:pt>
                <c:pt idx="1879">
                  <c:v>8.1517228715236651</c:v>
                </c:pt>
                <c:pt idx="1880">
                  <c:v>8.1517228715236651</c:v>
                </c:pt>
                <c:pt idx="1881">
                  <c:v>8.8310331108173035</c:v>
                </c:pt>
                <c:pt idx="1882">
                  <c:v>9.2386192543934857</c:v>
                </c:pt>
                <c:pt idx="1883">
                  <c:v>10.86896382869822</c:v>
                </c:pt>
                <c:pt idx="1884">
                  <c:v>10.86896382869822</c:v>
                </c:pt>
                <c:pt idx="1885">
                  <c:v>10.86896382869822</c:v>
                </c:pt>
                <c:pt idx="1886">
                  <c:v>10.86896382869822</c:v>
                </c:pt>
                <c:pt idx="1887">
                  <c:v>10.86896382869822</c:v>
                </c:pt>
                <c:pt idx="1888">
                  <c:v>10.86896382869822</c:v>
                </c:pt>
                <c:pt idx="1889">
                  <c:v>10.86896382869822</c:v>
                </c:pt>
                <c:pt idx="1890">
                  <c:v>10.86896382869822</c:v>
                </c:pt>
                <c:pt idx="1891">
                  <c:v>9.1027572065347595</c:v>
                </c:pt>
                <c:pt idx="1892">
                  <c:v>7.4724126322300268</c:v>
                </c:pt>
                <c:pt idx="1893">
                  <c:v>5.4344819143491101</c:v>
                </c:pt>
                <c:pt idx="1894">
                  <c:v>5.4344819143491101</c:v>
                </c:pt>
                <c:pt idx="1895">
                  <c:v>5.4344819143491101</c:v>
                </c:pt>
                <c:pt idx="1896">
                  <c:v>4.9689935230178532</c:v>
                </c:pt>
                <c:pt idx="1897">
                  <c:v>5.5901177133950846</c:v>
                </c:pt>
                <c:pt idx="1898">
                  <c:v>5.5901177133950846</c:v>
                </c:pt>
                <c:pt idx="1899">
                  <c:v>5.5901177133950846</c:v>
                </c:pt>
                <c:pt idx="1900">
                  <c:v>5.5901177133950846</c:v>
                </c:pt>
                <c:pt idx="1901">
                  <c:v>7.205040608375886</c:v>
                </c:pt>
                <c:pt idx="1902">
                  <c:v>8.3230641510549042</c:v>
                </c:pt>
                <c:pt idx="1903">
                  <c:v>8.3230641510549042</c:v>
                </c:pt>
                <c:pt idx="1904">
                  <c:v>8.3230641510549042</c:v>
                </c:pt>
                <c:pt idx="1905">
                  <c:v>8.9441883414321346</c:v>
                </c:pt>
                <c:pt idx="1906">
                  <c:v>9.689537369884814</c:v>
                </c:pt>
                <c:pt idx="1907">
                  <c:v>11.180235426790169</c:v>
                </c:pt>
                <c:pt idx="1908">
                  <c:v>11.180235426790169</c:v>
                </c:pt>
                <c:pt idx="1909">
                  <c:v>11.180235426790169</c:v>
                </c:pt>
                <c:pt idx="1910">
                  <c:v>11.180235426790169</c:v>
                </c:pt>
                <c:pt idx="1911">
                  <c:v>11.180235426790169</c:v>
                </c:pt>
                <c:pt idx="1912">
                  <c:v>11.180235426790169</c:v>
                </c:pt>
                <c:pt idx="1913">
                  <c:v>11.180235426790169</c:v>
                </c:pt>
                <c:pt idx="1914">
                  <c:v>11.180235426790169</c:v>
                </c:pt>
                <c:pt idx="1915">
                  <c:v>9.3168628556584743</c:v>
                </c:pt>
                <c:pt idx="1916">
                  <c:v>7.4534902845267794</c:v>
                </c:pt>
                <c:pt idx="1917">
                  <c:v>5.5901177133950846</c:v>
                </c:pt>
                <c:pt idx="1918">
                  <c:v>5.5901177133950846</c:v>
                </c:pt>
                <c:pt idx="1919">
                  <c:v>5.5901177133950846</c:v>
                </c:pt>
                <c:pt idx="1920">
                  <c:v>5.6456237211503826</c:v>
                </c:pt>
                <c:pt idx="1921">
                  <c:v>5.6456237211503826</c:v>
                </c:pt>
                <c:pt idx="1922">
                  <c:v>5.6456237211503826</c:v>
                </c:pt>
                <c:pt idx="1923">
                  <c:v>5.6456237211503826</c:v>
                </c:pt>
                <c:pt idx="1924">
                  <c:v>5.6456237211503826</c:v>
                </c:pt>
                <c:pt idx="1925">
                  <c:v>7.2765816850382707</c:v>
                </c:pt>
                <c:pt idx="1926">
                  <c:v>8.4057064292683492</c:v>
                </c:pt>
                <c:pt idx="1927">
                  <c:v>8.4057064292683492</c:v>
                </c:pt>
                <c:pt idx="1928">
                  <c:v>8.4057064292683492</c:v>
                </c:pt>
                <c:pt idx="1929">
                  <c:v>9.0329979538406135</c:v>
                </c:pt>
                <c:pt idx="1930">
                  <c:v>9.7857477833273308</c:v>
                </c:pt>
                <c:pt idx="1931">
                  <c:v>11.291247442300765</c:v>
                </c:pt>
                <c:pt idx="1932">
                  <c:v>11.291247442300765</c:v>
                </c:pt>
                <c:pt idx="1933">
                  <c:v>11.291247442300765</c:v>
                </c:pt>
                <c:pt idx="1934">
                  <c:v>11.291247442300765</c:v>
                </c:pt>
                <c:pt idx="1935">
                  <c:v>11.291247442300765</c:v>
                </c:pt>
                <c:pt idx="1936">
                  <c:v>11.291247442300765</c:v>
                </c:pt>
                <c:pt idx="1937">
                  <c:v>11.291247442300765</c:v>
                </c:pt>
                <c:pt idx="1938">
                  <c:v>11.291247442300765</c:v>
                </c:pt>
                <c:pt idx="1939">
                  <c:v>9.4093728685839721</c:v>
                </c:pt>
                <c:pt idx="1940">
                  <c:v>7.5274982948671783</c:v>
                </c:pt>
                <c:pt idx="1941">
                  <c:v>5.6456237211503826</c:v>
                </c:pt>
                <c:pt idx="1942">
                  <c:v>5.6456237211503826</c:v>
                </c:pt>
                <c:pt idx="1943">
                  <c:v>5.6456237211503826</c:v>
                </c:pt>
                <c:pt idx="1944">
                  <c:v>6.0939171991247632</c:v>
                </c:pt>
                <c:pt idx="1945">
                  <c:v>6.0939171991247632</c:v>
                </c:pt>
                <c:pt idx="1946">
                  <c:v>6.0939171991247632</c:v>
                </c:pt>
                <c:pt idx="1947">
                  <c:v>6.0939171991247632</c:v>
                </c:pt>
                <c:pt idx="1948">
                  <c:v>6.0939171991247632</c:v>
                </c:pt>
                <c:pt idx="1949">
                  <c:v>7.8543821677608063</c:v>
                </c:pt>
                <c:pt idx="1950">
                  <c:v>9.479426754194078</c:v>
                </c:pt>
                <c:pt idx="1951">
                  <c:v>9.479426754194078</c:v>
                </c:pt>
                <c:pt idx="1952">
                  <c:v>9.479426754194078</c:v>
                </c:pt>
                <c:pt idx="1953">
                  <c:v>10.15652866520794</c:v>
                </c:pt>
                <c:pt idx="1954">
                  <c:v>10.562789811816257</c:v>
                </c:pt>
                <c:pt idx="1955">
                  <c:v>12.187834398249526</c:v>
                </c:pt>
                <c:pt idx="1956">
                  <c:v>12.187834398249526</c:v>
                </c:pt>
                <c:pt idx="1957">
                  <c:v>12.187834398249526</c:v>
                </c:pt>
                <c:pt idx="1958">
                  <c:v>12.187834398249526</c:v>
                </c:pt>
                <c:pt idx="1959">
                  <c:v>10.15652866520794</c:v>
                </c:pt>
                <c:pt idx="1960">
                  <c:v>9.6148471363968504</c:v>
                </c:pt>
                <c:pt idx="1961">
                  <c:v>9.6148471363968504</c:v>
                </c:pt>
                <c:pt idx="1962">
                  <c:v>9.6148471363968504</c:v>
                </c:pt>
                <c:pt idx="1963">
                  <c:v>9.6148471363968504</c:v>
                </c:pt>
                <c:pt idx="1964">
                  <c:v>7.4481210211524873</c:v>
                </c:pt>
                <c:pt idx="1965">
                  <c:v>2.843828026258223</c:v>
                </c:pt>
                <c:pt idx="1966">
                  <c:v>2.843828026258223</c:v>
                </c:pt>
                <c:pt idx="1967">
                  <c:v>2.843828026258223</c:v>
                </c:pt>
                <c:pt idx="1968">
                  <c:v>4.3717061722563786</c:v>
                </c:pt>
                <c:pt idx="1969">
                  <c:v>8.5352358601195988</c:v>
                </c:pt>
                <c:pt idx="1970">
                  <c:v>8.5352358601195988</c:v>
                </c:pt>
                <c:pt idx="1971">
                  <c:v>8.5352358601195988</c:v>
                </c:pt>
                <c:pt idx="1972">
                  <c:v>8.5352358601195988</c:v>
                </c:pt>
                <c:pt idx="1973">
                  <c:v>10.617000704051208</c:v>
                </c:pt>
                <c:pt idx="1974">
                  <c:v>13.323295001162299</c:v>
                </c:pt>
                <c:pt idx="1975">
                  <c:v>15.196883360700745</c:v>
                </c:pt>
                <c:pt idx="1976">
                  <c:v>15.196883360700745</c:v>
                </c:pt>
                <c:pt idx="1977">
                  <c:v>15.196883360700745</c:v>
                </c:pt>
                <c:pt idx="1978">
                  <c:v>15.196883360700745</c:v>
                </c:pt>
                <c:pt idx="1979">
                  <c:v>15.196883360700745</c:v>
                </c:pt>
                <c:pt idx="1980">
                  <c:v>15.196883360700745</c:v>
                </c:pt>
                <c:pt idx="1981">
                  <c:v>15.196883360700745</c:v>
                </c:pt>
                <c:pt idx="1982">
                  <c:v>15.196883360700745</c:v>
                </c:pt>
                <c:pt idx="1983">
                  <c:v>13.739647969948621</c:v>
                </c:pt>
                <c:pt idx="1984">
                  <c:v>12.490589063589656</c:v>
                </c:pt>
                <c:pt idx="1985">
                  <c:v>11.241530157230688</c:v>
                </c:pt>
                <c:pt idx="1986">
                  <c:v>10.825177188444366</c:v>
                </c:pt>
                <c:pt idx="1987">
                  <c:v>8.7434123445127572</c:v>
                </c:pt>
                <c:pt idx="1988">
                  <c:v>6.4534710161879882</c:v>
                </c:pt>
                <c:pt idx="1989">
                  <c:v>6.4534710161879882</c:v>
                </c:pt>
                <c:pt idx="1990">
                  <c:v>6.4534710161879882</c:v>
                </c:pt>
                <c:pt idx="1991">
                  <c:v>6.4534710161879882</c:v>
                </c:pt>
                <c:pt idx="1992">
                  <c:v>7.6086834205988705</c:v>
                </c:pt>
                <c:pt idx="1993">
                  <c:v>8.8358904239212688</c:v>
                </c:pt>
                <c:pt idx="1994">
                  <c:v>8.8358904239212688</c:v>
                </c:pt>
                <c:pt idx="1995">
                  <c:v>8.8358904239212688</c:v>
                </c:pt>
                <c:pt idx="1996">
                  <c:v>8.8358904239212688</c:v>
                </c:pt>
                <c:pt idx="1997">
                  <c:v>11.044863029901586</c:v>
                </c:pt>
                <c:pt idx="1998">
                  <c:v>13.008394235217423</c:v>
                </c:pt>
                <c:pt idx="1999">
                  <c:v>15.462808241862222</c:v>
                </c:pt>
                <c:pt idx="2000">
                  <c:v>15.462808241862222</c:v>
                </c:pt>
                <c:pt idx="2001">
                  <c:v>15.462808241862222</c:v>
                </c:pt>
                <c:pt idx="2002">
                  <c:v>15.462808241862222</c:v>
                </c:pt>
                <c:pt idx="2003">
                  <c:v>15.462808241862222</c:v>
                </c:pt>
                <c:pt idx="2004">
                  <c:v>15.462808241862222</c:v>
                </c:pt>
                <c:pt idx="2005">
                  <c:v>15.462808241862222</c:v>
                </c:pt>
                <c:pt idx="2006">
                  <c:v>15.462808241862222</c:v>
                </c:pt>
                <c:pt idx="2007">
                  <c:v>13.744718437210864</c:v>
                </c:pt>
                <c:pt idx="2008">
                  <c:v>13.499277036546383</c:v>
                </c:pt>
                <c:pt idx="2009">
                  <c:v>11.535745831230546</c:v>
                </c:pt>
                <c:pt idx="2010">
                  <c:v>10.799421629237106</c:v>
                </c:pt>
                <c:pt idx="2011">
                  <c:v>9.0813318245857495</c:v>
                </c:pt>
                <c:pt idx="2012">
                  <c:v>7.6086834205988705</c:v>
                </c:pt>
                <c:pt idx="2013">
                  <c:v>6.626917817940952</c:v>
                </c:pt>
                <c:pt idx="2014">
                  <c:v>6.626917817940952</c:v>
                </c:pt>
                <c:pt idx="2015">
                  <c:v>6.626917817940952</c:v>
                </c:pt>
                <c:pt idx="2016">
                  <c:v>1.9865024448321453</c:v>
                </c:pt>
                <c:pt idx="2017">
                  <c:v>1.9865024448321453</c:v>
                </c:pt>
                <c:pt idx="2018">
                  <c:v>1.9865024448321453</c:v>
                </c:pt>
                <c:pt idx="2019">
                  <c:v>1.9865024448321453</c:v>
                </c:pt>
                <c:pt idx="2020">
                  <c:v>1.9865024448321453</c:v>
                </c:pt>
                <c:pt idx="2021">
                  <c:v>8.6081772609392981</c:v>
                </c:pt>
                <c:pt idx="2022">
                  <c:v>9.7669703537580492</c:v>
                </c:pt>
                <c:pt idx="2023">
                  <c:v>9.7669703537580492</c:v>
                </c:pt>
                <c:pt idx="2024">
                  <c:v>9.7669703537580492</c:v>
                </c:pt>
                <c:pt idx="2025">
                  <c:v>10.429137835368765</c:v>
                </c:pt>
                <c:pt idx="2026">
                  <c:v>10.429137835368765</c:v>
                </c:pt>
                <c:pt idx="2027">
                  <c:v>13.243349632214306</c:v>
                </c:pt>
                <c:pt idx="2028">
                  <c:v>13.243349632214306</c:v>
                </c:pt>
                <c:pt idx="2029">
                  <c:v>8.7737191313419771</c:v>
                </c:pt>
                <c:pt idx="2030">
                  <c:v>13.243349632214306</c:v>
                </c:pt>
                <c:pt idx="2031">
                  <c:v>13.243349632214306</c:v>
                </c:pt>
                <c:pt idx="2032">
                  <c:v>13.243349632214306</c:v>
                </c:pt>
                <c:pt idx="2033">
                  <c:v>13.243349632214306</c:v>
                </c:pt>
                <c:pt idx="2034">
                  <c:v>13.243349632214306</c:v>
                </c:pt>
                <c:pt idx="2035">
                  <c:v>11.091305316979481</c:v>
                </c:pt>
                <c:pt idx="2036">
                  <c:v>9.1048028721473351</c:v>
                </c:pt>
                <c:pt idx="2037">
                  <c:v>6.621674816107153</c:v>
                </c:pt>
                <c:pt idx="2038">
                  <c:v>6.2905910753017951</c:v>
                </c:pt>
                <c:pt idx="2039">
                  <c:v>6.2905910753017951</c:v>
                </c:pt>
                <c:pt idx="2040">
                  <c:v>5.8498414990839391</c:v>
                </c:pt>
                <c:pt idx="2041">
                  <c:v>5.8498414990839391</c:v>
                </c:pt>
                <c:pt idx="2042">
                  <c:v>5.8498414990839391</c:v>
                </c:pt>
                <c:pt idx="2043">
                  <c:v>5.8498414990839391</c:v>
                </c:pt>
                <c:pt idx="2044">
                  <c:v>5.8498414990839391</c:v>
                </c:pt>
                <c:pt idx="2045">
                  <c:v>7.6047939488091201</c:v>
                </c:pt>
                <c:pt idx="2046">
                  <c:v>8.4822701736717114</c:v>
                </c:pt>
                <c:pt idx="2047">
                  <c:v>8.7747622486259083</c:v>
                </c:pt>
                <c:pt idx="2048">
                  <c:v>8.7747622486259083</c:v>
                </c:pt>
                <c:pt idx="2049">
                  <c:v>9.5059924360114003</c:v>
                </c:pt>
                <c:pt idx="2050">
                  <c:v>9.9447305484426956</c:v>
                </c:pt>
                <c:pt idx="2051">
                  <c:v>11.699682998167878</c:v>
                </c:pt>
                <c:pt idx="2052">
                  <c:v>11.699682998167878</c:v>
                </c:pt>
                <c:pt idx="2053">
                  <c:v>11.699682998167878</c:v>
                </c:pt>
                <c:pt idx="2054">
                  <c:v>11.699682998167878</c:v>
                </c:pt>
                <c:pt idx="2055">
                  <c:v>11.699682998167878</c:v>
                </c:pt>
                <c:pt idx="2056">
                  <c:v>11.699682998167878</c:v>
                </c:pt>
                <c:pt idx="2057">
                  <c:v>11.699682998167878</c:v>
                </c:pt>
                <c:pt idx="2058">
                  <c:v>11.699682998167878</c:v>
                </c:pt>
                <c:pt idx="2059">
                  <c:v>9.7984845109655989</c:v>
                </c:pt>
                <c:pt idx="2060">
                  <c:v>8.0435320612404162</c:v>
                </c:pt>
                <c:pt idx="2061">
                  <c:v>5.8498414990839391</c:v>
                </c:pt>
                <c:pt idx="2062">
                  <c:v>5.8498414990839391</c:v>
                </c:pt>
                <c:pt idx="2063">
                  <c:v>5.8498414990839391</c:v>
                </c:pt>
                <c:pt idx="2064">
                  <c:v>5.3003822252304715</c:v>
                </c:pt>
                <c:pt idx="2065">
                  <c:v>5.9629300033842796</c:v>
                </c:pt>
                <c:pt idx="2066">
                  <c:v>5.9629300033842796</c:v>
                </c:pt>
                <c:pt idx="2067">
                  <c:v>5.9629300033842796</c:v>
                </c:pt>
                <c:pt idx="2068">
                  <c:v>5.9629300033842796</c:v>
                </c:pt>
                <c:pt idx="2069">
                  <c:v>7.6855542265841841</c:v>
                </c:pt>
                <c:pt idx="2070">
                  <c:v>8.8781402272610404</c:v>
                </c:pt>
                <c:pt idx="2071">
                  <c:v>8.8781402272610404</c:v>
                </c:pt>
                <c:pt idx="2072">
                  <c:v>8.8781402272610404</c:v>
                </c:pt>
                <c:pt idx="2073">
                  <c:v>9.5406880054148502</c:v>
                </c:pt>
                <c:pt idx="2074">
                  <c:v>10.33574533919942</c:v>
                </c:pt>
                <c:pt idx="2075">
                  <c:v>11.925860006768559</c:v>
                </c:pt>
                <c:pt idx="2076">
                  <c:v>11.925860006768559</c:v>
                </c:pt>
                <c:pt idx="2077">
                  <c:v>11.925860006768559</c:v>
                </c:pt>
                <c:pt idx="2078">
                  <c:v>11.925860006768559</c:v>
                </c:pt>
                <c:pt idx="2079">
                  <c:v>11.925860006768559</c:v>
                </c:pt>
                <c:pt idx="2080">
                  <c:v>11.925860006768559</c:v>
                </c:pt>
                <c:pt idx="2081">
                  <c:v>11.925860006768559</c:v>
                </c:pt>
                <c:pt idx="2082">
                  <c:v>11.925860006768559</c:v>
                </c:pt>
                <c:pt idx="2083">
                  <c:v>9.938216672307135</c:v>
                </c:pt>
                <c:pt idx="2084">
                  <c:v>7.9505733378457082</c:v>
                </c:pt>
                <c:pt idx="2085">
                  <c:v>5.9629300033842796</c:v>
                </c:pt>
                <c:pt idx="2086">
                  <c:v>5.9629300033842796</c:v>
                </c:pt>
                <c:pt idx="2087">
                  <c:v>5.9629300033842796</c:v>
                </c:pt>
                <c:pt idx="2088">
                  <c:v>5.9122525792738125</c:v>
                </c:pt>
                <c:pt idx="2089">
                  <c:v>5.9122525792738125</c:v>
                </c:pt>
                <c:pt idx="2090">
                  <c:v>5.9122525792738125</c:v>
                </c:pt>
                <c:pt idx="2091">
                  <c:v>5.9122525792738125</c:v>
                </c:pt>
                <c:pt idx="2092">
                  <c:v>5.9122525792738125</c:v>
                </c:pt>
                <c:pt idx="2093">
                  <c:v>7.6202366577306924</c:v>
                </c:pt>
                <c:pt idx="2094">
                  <c:v>8.8026871735854542</c:v>
                </c:pt>
                <c:pt idx="2095">
                  <c:v>8.8026871735854542</c:v>
                </c:pt>
                <c:pt idx="2096">
                  <c:v>8.8026871735854542</c:v>
                </c:pt>
                <c:pt idx="2097">
                  <c:v>9.4596041268380997</c:v>
                </c:pt>
                <c:pt idx="2098">
                  <c:v>10.247904470741275</c:v>
                </c:pt>
                <c:pt idx="2099">
                  <c:v>11.824505158547625</c:v>
                </c:pt>
                <c:pt idx="2100">
                  <c:v>11.824505158547625</c:v>
                </c:pt>
                <c:pt idx="2101">
                  <c:v>11.824505158547625</c:v>
                </c:pt>
                <c:pt idx="2102">
                  <c:v>11.824505158547625</c:v>
                </c:pt>
                <c:pt idx="2103">
                  <c:v>11.824505158547625</c:v>
                </c:pt>
                <c:pt idx="2104">
                  <c:v>11.824505158547625</c:v>
                </c:pt>
                <c:pt idx="2105">
                  <c:v>11.824505158547625</c:v>
                </c:pt>
                <c:pt idx="2106">
                  <c:v>11.824505158547625</c:v>
                </c:pt>
                <c:pt idx="2107">
                  <c:v>9.8537542987896884</c:v>
                </c:pt>
                <c:pt idx="2108">
                  <c:v>7.8830034390317509</c:v>
                </c:pt>
                <c:pt idx="2109">
                  <c:v>5.9122525792738125</c:v>
                </c:pt>
                <c:pt idx="2110">
                  <c:v>5.9122525792738125</c:v>
                </c:pt>
                <c:pt idx="2111">
                  <c:v>5.9122525792738125</c:v>
                </c:pt>
                <c:pt idx="2112">
                  <c:v>6.4212879019777196</c:v>
                </c:pt>
                <c:pt idx="2113">
                  <c:v>6.4212879019777196</c:v>
                </c:pt>
                <c:pt idx="2114">
                  <c:v>6.4212879019777196</c:v>
                </c:pt>
                <c:pt idx="2115">
                  <c:v>6.4212879019777196</c:v>
                </c:pt>
                <c:pt idx="2116">
                  <c:v>6.4212879019777196</c:v>
                </c:pt>
                <c:pt idx="2117">
                  <c:v>8.2763266292157276</c:v>
                </c:pt>
                <c:pt idx="2118">
                  <c:v>9.9886700697431205</c:v>
                </c:pt>
                <c:pt idx="2119">
                  <c:v>9.9886700697431205</c:v>
                </c:pt>
                <c:pt idx="2120">
                  <c:v>9.9886700697431205</c:v>
                </c:pt>
                <c:pt idx="2121">
                  <c:v>10.7021465032962</c:v>
                </c:pt>
                <c:pt idx="2122">
                  <c:v>11.130232363428048</c:v>
                </c:pt>
                <c:pt idx="2123">
                  <c:v>12.842575803955439</c:v>
                </c:pt>
                <c:pt idx="2124">
                  <c:v>12.842575803955439</c:v>
                </c:pt>
                <c:pt idx="2125">
                  <c:v>12.842575803955439</c:v>
                </c:pt>
                <c:pt idx="2126">
                  <c:v>12.842575803955439</c:v>
                </c:pt>
                <c:pt idx="2127">
                  <c:v>10.7021465032962</c:v>
                </c:pt>
                <c:pt idx="2128">
                  <c:v>10.131365356453736</c:v>
                </c:pt>
                <c:pt idx="2129">
                  <c:v>10.131365356453736</c:v>
                </c:pt>
                <c:pt idx="2130">
                  <c:v>10.131365356453736</c:v>
                </c:pt>
                <c:pt idx="2131">
                  <c:v>10.131365356453736</c:v>
                </c:pt>
                <c:pt idx="2132">
                  <c:v>7.8482407690838807</c:v>
                </c:pt>
                <c:pt idx="2133">
                  <c:v>2.9966010209229363</c:v>
                </c:pt>
                <c:pt idx="2134">
                  <c:v>2.9966010209229363</c:v>
                </c:pt>
                <c:pt idx="2135">
                  <c:v>2.9966010209229363</c:v>
                </c:pt>
                <c:pt idx="2136">
                  <c:v>4.469750752337899</c:v>
                </c:pt>
                <c:pt idx="2137">
                  <c:v>8.7266562307549478</c:v>
                </c:pt>
                <c:pt idx="2138">
                  <c:v>8.7266562307549478</c:v>
                </c:pt>
                <c:pt idx="2139">
                  <c:v>8.7266562307549478</c:v>
                </c:pt>
                <c:pt idx="2140">
                  <c:v>8.7266562307549478</c:v>
                </c:pt>
                <c:pt idx="2141">
                  <c:v>10.855108969963473</c:v>
                </c:pt>
                <c:pt idx="2142">
                  <c:v>13.622097530934552</c:v>
                </c:pt>
                <c:pt idx="2143">
                  <c:v>15.537704996222221</c:v>
                </c:pt>
                <c:pt idx="2144">
                  <c:v>15.537704996222221</c:v>
                </c:pt>
                <c:pt idx="2145">
                  <c:v>15.537704996222221</c:v>
                </c:pt>
                <c:pt idx="2146">
                  <c:v>15.537704996222221</c:v>
                </c:pt>
                <c:pt idx="2147">
                  <c:v>15.537704996222221</c:v>
                </c:pt>
                <c:pt idx="2148">
                  <c:v>15.537704996222221</c:v>
                </c:pt>
                <c:pt idx="2149">
                  <c:v>15.537704996222221</c:v>
                </c:pt>
                <c:pt idx="2150">
                  <c:v>15.537704996222221</c:v>
                </c:pt>
                <c:pt idx="2151">
                  <c:v>14.047788078776255</c:v>
                </c:pt>
                <c:pt idx="2152">
                  <c:v>12.770716435251142</c:v>
                </c:pt>
                <c:pt idx="2153">
                  <c:v>11.493644791726027</c:v>
                </c:pt>
                <c:pt idx="2154">
                  <c:v>11.067954243884321</c:v>
                </c:pt>
                <c:pt idx="2155">
                  <c:v>8.939501504675798</c:v>
                </c:pt>
                <c:pt idx="2156">
                  <c:v>6.5982034915464229</c:v>
                </c:pt>
                <c:pt idx="2157">
                  <c:v>6.5982034915464229</c:v>
                </c:pt>
                <c:pt idx="2158">
                  <c:v>6.5982034915464229</c:v>
                </c:pt>
                <c:pt idx="2159">
                  <c:v>6.5982034915464229</c:v>
                </c:pt>
                <c:pt idx="2160">
                  <c:v>7.3674284126195975</c:v>
                </c:pt>
                <c:pt idx="2161">
                  <c:v>8.5557233178808225</c:v>
                </c:pt>
                <c:pt idx="2162">
                  <c:v>8.5557233178808225</c:v>
                </c:pt>
                <c:pt idx="2163">
                  <c:v>8.5557233178808225</c:v>
                </c:pt>
                <c:pt idx="2164">
                  <c:v>8.5557233178808225</c:v>
                </c:pt>
                <c:pt idx="2165">
                  <c:v>10.694654147351029</c:v>
                </c:pt>
                <c:pt idx="2166">
                  <c:v>12.59592599576899</c:v>
                </c:pt>
                <c:pt idx="2167">
                  <c:v>14.97251580629144</c:v>
                </c:pt>
                <c:pt idx="2168">
                  <c:v>14.97251580629144</c:v>
                </c:pt>
                <c:pt idx="2169">
                  <c:v>14.97251580629144</c:v>
                </c:pt>
                <c:pt idx="2170">
                  <c:v>14.97251580629144</c:v>
                </c:pt>
                <c:pt idx="2171">
                  <c:v>14.97251580629144</c:v>
                </c:pt>
                <c:pt idx="2172">
                  <c:v>14.97251580629144</c:v>
                </c:pt>
                <c:pt idx="2173">
                  <c:v>14.97251580629144</c:v>
                </c:pt>
                <c:pt idx="2174">
                  <c:v>14.97251580629144</c:v>
                </c:pt>
                <c:pt idx="2175">
                  <c:v>13.308902938925725</c:v>
                </c:pt>
                <c:pt idx="2176">
                  <c:v>13.071243957873479</c:v>
                </c:pt>
                <c:pt idx="2177">
                  <c:v>11.16997210945552</c:v>
                </c:pt>
                <c:pt idx="2178">
                  <c:v>10.456995166298785</c:v>
                </c:pt>
                <c:pt idx="2179">
                  <c:v>8.7933822989330697</c:v>
                </c:pt>
                <c:pt idx="2180">
                  <c:v>7.3674284126195975</c:v>
                </c:pt>
                <c:pt idx="2181">
                  <c:v>6.4167924884106169</c:v>
                </c:pt>
                <c:pt idx="2182">
                  <c:v>6.4167924884106169</c:v>
                </c:pt>
                <c:pt idx="2183">
                  <c:v>6.4167924884106169</c:v>
                </c:pt>
                <c:pt idx="2184">
                  <c:v>1.8925315891655694</c:v>
                </c:pt>
                <c:pt idx="2185">
                  <c:v>1.8925315891655694</c:v>
                </c:pt>
                <c:pt idx="2186">
                  <c:v>1.8925315891655694</c:v>
                </c:pt>
                <c:pt idx="2187">
                  <c:v>1.8925315891655694</c:v>
                </c:pt>
                <c:pt idx="2188">
                  <c:v>1.8925315891655694</c:v>
                </c:pt>
                <c:pt idx="2189">
                  <c:v>8.2009702197174672</c:v>
                </c:pt>
                <c:pt idx="2190">
                  <c:v>9.3049469800640487</c:v>
                </c:pt>
                <c:pt idx="2191">
                  <c:v>9.3049469800640487</c:v>
                </c:pt>
                <c:pt idx="2192">
                  <c:v>9.3049469800640487</c:v>
                </c:pt>
                <c:pt idx="2193">
                  <c:v>9.9357908431192392</c:v>
                </c:pt>
                <c:pt idx="2194">
                  <c:v>9.9357908431192392</c:v>
                </c:pt>
                <c:pt idx="2195">
                  <c:v>12.616877261103797</c:v>
                </c:pt>
                <c:pt idx="2196">
                  <c:v>12.616877261103797</c:v>
                </c:pt>
                <c:pt idx="2197">
                  <c:v>8.3586811854812648</c:v>
                </c:pt>
                <c:pt idx="2198">
                  <c:v>12.616877261103797</c:v>
                </c:pt>
                <c:pt idx="2199">
                  <c:v>12.616877261103797</c:v>
                </c:pt>
                <c:pt idx="2200">
                  <c:v>12.616877261103797</c:v>
                </c:pt>
                <c:pt idx="2201">
                  <c:v>12.616877261103797</c:v>
                </c:pt>
                <c:pt idx="2202">
                  <c:v>12.616877261103797</c:v>
                </c:pt>
                <c:pt idx="2203">
                  <c:v>10.56663470617443</c:v>
                </c:pt>
                <c:pt idx="2204">
                  <c:v>8.6741031170088601</c:v>
                </c:pt>
                <c:pt idx="2205">
                  <c:v>6.3084386305518985</c:v>
                </c:pt>
                <c:pt idx="2206">
                  <c:v>5.9930166990243032</c:v>
                </c:pt>
                <c:pt idx="2207">
                  <c:v>5.9930166990243032</c:v>
                </c:pt>
                <c:pt idx="2208">
                  <c:v>5.3973948308030693</c:v>
                </c:pt>
                <c:pt idx="2209">
                  <c:v>5.3973948308030693</c:v>
                </c:pt>
                <c:pt idx="2210">
                  <c:v>5.3973948308030693</c:v>
                </c:pt>
                <c:pt idx="2211">
                  <c:v>5.3973948308030693</c:v>
                </c:pt>
                <c:pt idx="2212">
                  <c:v>5.3973948308030693</c:v>
                </c:pt>
                <c:pt idx="2213">
                  <c:v>7.0166132800439902</c:v>
                </c:pt>
                <c:pt idx="2214">
                  <c:v>7.8262225046644502</c:v>
                </c:pt>
                <c:pt idx="2215">
                  <c:v>8.0960922462046039</c:v>
                </c:pt>
                <c:pt idx="2216">
                  <c:v>8.0960922462046039</c:v>
                </c:pt>
                <c:pt idx="2217">
                  <c:v>8.7707666000549889</c:v>
                </c:pt>
                <c:pt idx="2218">
                  <c:v>9.1755712123652184</c:v>
                </c:pt>
                <c:pt idx="2219">
                  <c:v>10.794789661606139</c:v>
                </c:pt>
                <c:pt idx="2220">
                  <c:v>10.794789661606139</c:v>
                </c:pt>
                <c:pt idx="2221">
                  <c:v>10.794789661606139</c:v>
                </c:pt>
                <c:pt idx="2222">
                  <c:v>10.794789661606139</c:v>
                </c:pt>
                <c:pt idx="2223">
                  <c:v>10.794789661606139</c:v>
                </c:pt>
                <c:pt idx="2224">
                  <c:v>10.794789661606139</c:v>
                </c:pt>
                <c:pt idx="2225">
                  <c:v>10.794789661606139</c:v>
                </c:pt>
                <c:pt idx="2226">
                  <c:v>10.794789661606139</c:v>
                </c:pt>
                <c:pt idx="2227">
                  <c:v>9.0406363415951425</c:v>
                </c:pt>
                <c:pt idx="2228">
                  <c:v>7.4214178923542198</c:v>
                </c:pt>
                <c:pt idx="2229">
                  <c:v>5.3973948308030693</c:v>
                </c:pt>
                <c:pt idx="2230">
                  <c:v>5.3973948308030693</c:v>
                </c:pt>
                <c:pt idx="2231">
                  <c:v>5.3973948308030693</c:v>
                </c:pt>
                <c:pt idx="2232">
                  <c:v>4.767664778829154</c:v>
                </c:pt>
                <c:pt idx="2233">
                  <c:v>5.3636228761827978</c:v>
                </c:pt>
                <c:pt idx="2234">
                  <c:v>5.3636228761827978</c:v>
                </c:pt>
                <c:pt idx="2235">
                  <c:v>5.3636228761827978</c:v>
                </c:pt>
                <c:pt idx="2236">
                  <c:v>5.3636228761827978</c:v>
                </c:pt>
                <c:pt idx="2237">
                  <c:v>6.9131139293022725</c:v>
                </c:pt>
                <c:pt idx="2238">
                  <c:v>7.9858385045388331</c:v>
                </c:pt>
                <c:pt idx="2239">
                  <c:v>7.9858385045388331</c:v>
                </c:pt>
                <c:pt idx="2240">
                  <c:v>7.9858385045388331</c:v>
                </c:pt>
                <c:pt idx="2241">
                  <c:v>8.5817966018924761</c:v>
                </c:pt>
                <c:pt idx="2242">
                  <c:v>9.2969463187168486</c:v>
                </c:pt>
                <c:pt idx="2243">
                  <c:v>10.727245752365596</c:v>
                </c:pt>
                <c:pt idx="2244">
                  <c:v>10.727245752365596</c:v>
                </c:pt>
                <c:pt idx="2245">
                  <c:v>10.727245752365596</c:v>
                </c:pt>
                <c:pt idx="2246">
                  <c:v>10.727245752365596</c:v>
                </c:pt>
                <c:pt idx="2247">
                  <c:v>10.727245752365596</c:v>
                </c:pt>
                <c:pt idx="2248">
                  <c:v>10.727245752365596</c:v>
                </c:pt>
                <c:pt idx="2249">
                  <c:v>10.727245752365596</c:v>
                </c:pt>
                <c:pt idx="2250">
                  <c:v>10.727245752365596</c:v>
                </c:pt>
                <c:pt idx="2251">
                  <c:v>8.939371460304665</c:v>
                </c:pt>
                <c:pt idx="2252">
                  <c:v>7.1514971682437309</c:v>
                </c:pt>
                <c:pt idx="2253">
                  <c:v>5.3636228761827978</c:v>
                </c:pt>
                <c:pt idx="2254">
                  <c:v>5.3636228761827978</c:v>
                </c:pt>
                <c:pt idx="2255">
                  <c:v>5.3636228761827978</c:v>
                </c:pt>
                <c:pt idx="2256">
                  <c:v>5.298847807446772</c:v>
                </c:pt>
                <c:pt idx="2257">
                  <c:v>5.298847807446772</c:v>
                </c:pt>
                <c:pt idx="2258">
                  <c:v>5.298847807446772</c:v>
                </c:pt>
                <c:pt idx="2259">
                  <c:v>5.298847807446772</c:v>
                </c:pt>
                <c:pt idx="2260">
                  <c:v>5.298847807446772</c:v>
                </c:pt>
                <c:pt idx="2261">
                  <c:v>6.8296260629313954</c:v>
                </c:pt>
                <c:pt idx="2262">
                  <c:v>7.889395624420751</c:v>
                </c:pt>
                <c:pt idx="2263">
                  <c:v>7.889395624420751</c:v>
                </c:pt>
                <c:pt idx="2264">
                  <c:v>7.889395624420751</c:v>
                </c:pt>
                <c:pt idx="2265">
                  <c:v>8.4781564919148362</c:v>
                </c:pt>
                <c:pt idx="2266">
                  <c:v>9.1846695329077388</c:v>
                </c:pt>
                <c:pt idx="2267">
                  <c:v>10.597695614893544</c:v>
                </c:pt>
                <c:pt idx="2268">
                  <c:v>10.597695614893544</c:v>
                </c:pt>
                <c:pt idx="2269">
                  <c:v>10.597695614893544</c:v>
                </c:pt>
                <c:pt idx="2270">
                  <c:v>10.597695614893544</c:v>
                </c:pt>
                <c:pt idx="2271">
                  <c:v>10.597695614893544</c:v>
                </c:pt>
                <c:pt idx="2272">
                  <c:v>10.597695614893544</c:v>
                </c:pt>
                <c:pt idx="2273">
                  <c:v>10.597695614893544</c:v>
                </c:pt>
                <c:pt idx="2274">
                  <c:v>10.597695614893544</c:v>
                </c:pt>
                <c:pt idx="2275">
                  <c:v>8.8314130124112875</c:v>
                </c:pt>
                <c:pt idx="2276">
                  <c:v>7.0651304099290302</c:v>
                </c:pt>
                <c:pt idx="2277">
                  <c:v>5.298847807446772</c:v>
                </c:pt>
                <c:pt idx="2278">
                  <c:v>5.298847807446772</c:v>
                </c:pt>
                <c:pt idx="2279">
                  <c:v>5.298847807446772</c:v>
                </c:pt>
                <c:pt idx="2280">
                  <c:v>5.888022379427901</c:v>
                </c:pt>
                <c:pt idx="2281">
                  <c:v>5.888022379427901</c:v>
                </c:pt>
                <c:pt idx="2282">
                  <c:v>5.888022379427901</c:v>
                </c:pt>
                <c:pt idx="2283">
                  <c:v>5.888022379427901</c:v>
                </c:pt>
                <c:pt idx="2284">
                  <c:v>5.888022379427901</c:v>
                </c:pt>
                <c:pt idx="2285">
                  <c:v>7.5890066223737387</c:v>
                </c:pt>
                <c:pt idx="2286">
                  <c:v>9.1591459235545134</c:v>
                </c:pt>
                <c:pt idx="2287">
                  <c:v>9.1591459235545134</c:v>
                </c:pt>
                <c:pt idx="2288">
                  <c:v>9.1591459235545134</c:v>
                </c:pt>
                <c:pt idx="2289">
                  <c:v>9.8133706323798364</c:v>
                </c:pt>
                <c:pt idx="2290">
                  <c:v>10.20590545767503</c:v>
                </c:pt>
                <c:pt idx="2291">
                  <c:v>11.776044758855802</c:v>
                </c:pt>
                <c:pt idx="2292">
                  <c:v>11.776044758855802</c:v>
                </c:pt>
                <c:pt idx="2293">
                  <c:v>11.776044758855802</c:v>
                </c:pt>
                <c:pt idx="2294">
                  <c:v>11.776044758855802</c:v>
                </c:pt>
                <c:pt idx="2295">
                  <c:v>9.8133706323798364</c:v>
                </c:pt>
                <c:pt idx="2296">
                  <c:v>9.2899908653195791</c:v>
                </c:pt>
                <c:pt idx="2297">
                  <c:v>9.2899908653195791</c:v>
                </c:pt>
                <c:pt idx="2298">
                  <c:v>9.2899908653195791</c:v>
                </c:pt>
                <c:pt idx="2299">
                  <c:v>9.2899908653195791</c:v>
                </c:pt>
                <c:pt idx="2300">
                  <c:v>7.1964717970785461</c:v>
                </c:pt>
                <c:pt idx="2301">
                  <c:v>2.7477437770663538</c:v>
                </c:pt>
                <c:pt idx="2302">
                  <c:v>2.7477437770663538</c:v>
                </c:pt>
                <c:pt idx="2303">
                  <c:v>2.7477437770663538</c:v>
                </c:pt>
                <c:pt idx="2304">
                  <c:v>4.1625444014158024</c:v>
                </c:pt>
                <c:pt idx="2305">
                  <c:v>8.126872402764187</c:v>
                </c:pt>
                <c:pt idx="2306">
                  <c:v>8.126872402764187</c:v>
                </c:pt>
                <c:pt idx="2307">
                  <c:v>8.126872402764187</c:v>
                </c:pt>
                <c:pt idx="2308">
                  <c:v>8.126872402764187</c:v>
                </c:pt>
                <c:pt idx="2309">
                  <c:v>10.109036403438379</c:v>
                </c:pt>
                <c:pt idx="2310">
                  <c:v>12.685849604314827</c:v>
                </c:pt>
                <c:pt idx="2311">
                  <c:v>14.469797204921599</c:v>
                </c:pt>
                <c:pt idx="2312">
                  <c:v>14.469797204921599</c:v>
                </c:pt>
                <c:pt idx="2313">
                  <c:v>14.469797204921599</c:v>
                </c:pt>
                <c:pt idx="2314">
                  <c:v>14.469797204921599</c:v>
                </c:pt>
                <c:pt idx="2315">
                  <c:v>14.469797204921599</c:v>
                </c:pt>
                <c:pt idx="2316">
                  <c:v>14.469797204921599</c:v>
                </c:pt>
                <c:pt idx="2317">
                  <c:v>14.469797204921599</c:v>
                </c:pt>
                <c:pt idx="2318">
                  <c:v>14.469797204921599</c:v>
                </c:pt>
                <c:pt idx="2319">
                  <c:v>13.082282404449664</c:v>
                </c:pt>
                <c:pt idx="2320">
                  <c:v>11.892984004045152</c:v>
                </c:pt>
                <c:pt idx="2321">
                  <c:v>10.703685603640634</c:v>
                </c:pt>
                <c:pt idx="2322">
                  <c:v>10.307252803505797</c:v>
                </c:pt>
                <c:pt idx="2323">
                  <c:v>8.3250888028316048</c:v>
                </c:pt>
                <c:pt idx="2324">
                  <c:v>6.1447084020899938</c:v>
                </c:pt>
                <c:pt idx="2325">
                  <c:v>6.1447084020899938</c:v>
                </c:pt>
                <c:pt idx="2326">
                  <c:v>6.1447084020899938</c:v>
                </c:pt>
                <c:pt idx="2327">
                  <c:v>6.1447084020899938</c:v>
                </c:pt>
                <c:pt idx="2328">
                  <c:v>6.7752570293977445</c:v>
                </c:pt>
                <c:pt idx="2329">
                  <c:v>7.868040421236091</c:v>
                </c:pt>
                <c:pt idx="2330">
                  <c:v>7.868040421236091</c:v>
                </c:pt>
                <c:pt idx="2331">
                  <c:v>7.868040421236091</c:v>
                </c:pt>
                <c:pt idx="2332">
                  <c:v>7.868040421236091</c:v>
                </c:pt>
                <c:pt idx="2333">
                  <c:v>9.835050526545114</c:v>
                </c:pt>
                <c:pt idx="2334">
                  <c:v>11.583503953486467</c:v>
                </c:pt>
                <c:pt idx="2335">
                  <c:v>13.769070737163158</c:v>
                </c:pt>
                <c:pt idx="2336">
                  <c:v>13.769070737163158</c:v>
                </c:pt>
                <c:pt idx="2337">
                  <c:v>13.769070737163158</c:v>
                </c:pt>
                <c:pt idx="2338">
                  <c:v>13.769070737163158</c:v>
                </c:pt>
                <c:pt idx="2339">
                  <c:v>13.769070737163158</c:v>
                </c:pt>
                <c:pt idx="2340">
                  <c:v>13.769070737163158</c:v>
                </c:pt>
                <c:pt idx="2341">
                  <c:v>13.769070737163158</c:v>
                </c:pt>
                <c:pt idx="2342">
                  <c:v>13.769070737163158</c:v>
                </c:pt>
                <c:pt idx="2343">
                  <c:v>12.239173988589474</c:v>
                </c:pt>
                <c:pt idx="2344">
                  <c:v>12.020617310221805</c:v>
                </c:pt>
                <c:pt idx="2345">
                  <c:v>10.272163883280454</c:v>
                </c:pt>
                <c:pt idx="2346">
                  <c:v>9.6164938481774449</c:v>
                </c:pt>
                <c:pt idx="2347">
                  <c:v>8.0865970996037611</c:v>
                </c:pt>
                <c:pt idx="2348">
                  <c:v>6.7752570293977445</c:v>
                </c:pt>
                <c:pt idx="2349">
                  <c:v>5.9010303159270681</c:v>
                </c:pt>
                <c:pt idx="2350">
                  <c:v>5.9010303159270681</c:v>
                </c:pt>
                <c:pt idx="2351">
                  <c:v>5.9010303159270681</c:v>
                </c:pt>
                <c:pt idx="2352">
                  <c:v>1.8253014280111819</c:v>
                </c:pt>
                <c:pt idx="2353">
                  <c:v>1.8253014280111819</c:v>
                </c:pt>
                <c:pt idx="2354">
                  <c:v>1.8253014280111819</c:v>
                </c:pt>
                <c:pt idx="2355">
                  <c:v>1.8253014280111819</c:v>
                </c:pt>
                <c:pt idx="2356">
                  <c:v>1.8253014280111819</c:v>
                </c:pt>
                <c:pt idx="2357">
                  <c:v>7.9096395213817887</c:v>
                </c:pt>
                <c:pt idx="2358">
                  <c:v>8.9743986877216457</c:v>
                </c:pt>
                <c:pt idx="2359">
                  <c:v>8.9743986877216457</c:v>
                </c:pt>
                <c:pt idx="2360">
                  <c:v>8.9743986877216457</c:v>
                </c:pt>
                <c:pt idx="2361">
                  <c:v>9.5828324970587051</c:v>
                </c:pt>
                <c:pt idx="2362">
                  <c:v>9.5828324970587051</c:v>
                </c:pt>
                <c:pt idx="2363">
                  <c:v>12.168676186741214</c:v>
                </c:pt>
                <c:pt idx="2364">
                  <c:v>12.168676186741214</c:v>
                </c:pt>
                <c:pt idx="2365">
                  <c:v>8.061747973716054</c:v>
                </c:pt>
                <c:pt idx="2366">
                  <c:v>12.168676186741214</c:v>
                </c:pt>
                <c:pt idx="2367">
                  <c:v>12.168676186741214</c:v>
                </c:pt>
                <c:pt idx="2368">
                  <c:v>12.168676186741214</c:v>
                </c:pt>
                <c:pt idx="2369">
                  <c:v>12.168676186741214</c:v>
                </c:pt>
                <c:pt idx="2370">
                  <c:v>12.168676186741214</c:v>
                </c:pt>
                <c:pt idx="2371">
                  <c:v>10.191266306395768</c:v>
                </c:pt>
                <c:pt idx="2372">
                  <c:v>8.3659648783845846</c:v>
                </c:pt>
                <c:pt idx="2373">
                  <c:v>6.084338093370607</c:v>
                </c:pt>
                <c:pt idx="2374">
                  <c:v>5.7801211887020765</c:v>
                </c:pt>
                <c:pt idx="2375">
                  <c:v>5.7801211887020765</c:v>
                </c:pt>
                <c:pt idx="2376">
                  <c:v>5.2564639133281181</c:v>
                </c:pt>
                <c:pt idx="2377">
                  <c:v>5.2564639133281181</c:v>
                </c:pt>
                <c:pt idx="2378">
                  <c:v>5.2564639133281181</c:v>
                </c:pt>
                <c:pt idx="2379">
                  <c:v>5.2564639133281181</c:v>
                </c:pt>
                <c:pt idx="2380">
                  <c:v>5.2564639133281181</c:v>
                </c:pt>
                <c:pt idx="2381">
                  <c:v>6.8334030873265537</c:v>
                </c:pt>
                <c:pt idx="2382">
                  <c:v>7.6218726743257701</c:v>
                </c:pt>
                <c:pt idx="2383">
                  <c:v>7.8846958699921776</c:v>
                </c:pt>
                <c:pt idx="2384">
                  <c:v>7.8846958699921776</c:v>
                </c:pt>
                <c:pt idx="2385">
                  <c:v>8.5417538591581916</c:v>
                </c:pt>
                <c:pt idx="2386">
                  <c:v>8.9359886526577998</c:v>
                </c:pt>
                <c:pt idx="2387">
                  <c:v>10.512927826656236</c:v>
                </c:pt>
                <c:pt idx="2388">
                  <c:v>10.512927826656236</c:v>
                </c:pt>
                <c:pt idx="2389">
                  <c:v>10.512927826656236</c:v>
                </c:pt>
                <c:pt idx="2390">
                  <c:v>10.512927826656236</c:v>
                </c:pt>
                <c:pt idx="2391">
                  <c:v>10.512927826656236</c:v>
                </c:pt>
                <c:pt idx="2392">
                  <c:v>10.512927826656236</c:v>
                </c:pt>
                <c:pt idx="2393">
                  <c:v>10.512927826656236</c:v>
                </c:pt>
                <c:pt idx="2394">
                  <c:v>10.512927826656236</c:v>
                </c:pt>
                <c:pt idx="2395">
                  <c:v>8.8045770548245983</c:v>
                </c:pt>
                <c:pt idx="2396">
                  <c:v>7.2276378808261628</c:v>
                </c:pt>
                <c:pt idx="2397">
                  <c:v>5.2564639133281181</c:v>
                </c:pt>
                <c:pt idx="2398">
                  <c:v>5.2564639133281181</c:v>
                </c:pt>
                <c:pt idx="2399">
                  <c:v>5.2564639133281181</c:v>
                </c:pt>
                <c:pt idx="2400">
                  <c:v>4.6617409528150171</c:v>
                </c:pt>
                <c:pt idx="2401">
                  <c:v>5.2444585719168932</c:v>
                </c:pt>
                <c:pt idx="2402">
                  <c:v>5.2444585719168932</c:v>
                </c:pt>
                <c:pt idx="2403">
                  <c:v>5.2444585719168932</c:v>
                </c:pt>
                <c:pt idx="2404">
                  <c:v>5.2444585719168932</c:v>
                </c:pt>
                <c:pt idx="2405">
                  <c:v>6.7595243815817732</c:v>
                </c:pt>
                <c:pt idx="2406">
                  <c:v>7.8084160959651534</c:v>
                </c:pt>
                <c:pt idx="2407">
                  <c:v>7.8084160959651534</c:v>
                </c:pt>
                <c:pt idx="2408">
                  <c:v>7.8084160959651534</c:v>
                </c:pt>
                <c:pt idx="2409">
                  <c:v>8.3911337150670295</c:v>
                </c:pt>
                <c:pt idx="2410">
                  <c:v>9.090394857989283</c:v>
                </c:pt>
                <c:pt idx="2411">
                  <c:v>10.488917143833786</c:v>
                </c:pt>
                <c:pt idx="2412">
                  <c:v>10.488917143833786</c:v>
                </c:pt>
                <c:pt idx="2413">
                  <c:v>10.488917143833786</c:v>
                </c:pt>
                <c:pt idx="2414">
                  <c:v>10.488917143833786</c:v>
                </c:pt>
                <c:pt idx="2415">
                  <c:v>10.488917143833786</c:v>
                </c:pt>
                <c:pt idx="2416">
                  <c:v>10.488917143833786</c:v>
                </c:pt>
                <c:pt idx="2417">
                  <c:v>10.488917143833786</c:v>
                </c:pt>
                <c:pt idx="2418">
                  <c:v>10.488917143833786</c:v>
                </c:pt>
                <c:pt idx="2419">
                  <c:v>8.7407642865281563</c:v>
                </c:pt>
                <c:pt idx="2420">
                  <c:v>6.9926114292225243</c:v>
                </c:pt>
                <c:pt idx="2421">
                  <c:v>5.2444585719168932</c:v>
                </c:pt>
                <c:pt idx="2422">
                  <c:v>5.2444585719168932</c:v>
                </c:pt>
                <c:pt idx="2423">
                  <c:v>5.2444585719168932</c:v>
                </c:pt>
                <c:pt idx="2424">
                  <c:v>5.2023249044339765</c:v>
                </c:pt>
                <c:pt idx="2425">
                  <c:v>5.2023249044339765</c:v>
                </c:pt>
                <c:pt idx="2426">
                  <c:v>5.2023249044339765</c:v>
                </c:pt>
                <c:pt idx="2427">
                  <c:v>5.2023249044339765</c:v>
                </c:pt>
                <c:pt idx="2428">
                  <c:v>5.2023249044339765</c:v>
                </c:pt>
                <c:pt idx="2429">
                  <c:v>6.7052187657149025</c:v>
                </c:pt>
                <c:pt idx="2430">
                  <c:v>7.7456837466017001</c:v>
                </c:pt>
                <c:pt idx="2431">
                  <c:v>7.7456837466017001</c:v>
                </c:pt>
                <c:pt idx="2432">
                  <c:v>7.7456837466017001</c:v>
                </c:pt>
                <c:pt idx="2433">
                  <c:v>8.3237198470943614</c:v>
                </c:pt>
                <c:pt idx="2434">
                  <c:v>9.017363167685561</c:v>
                </c:pt>
                <c:pt idx="2435">
                  <c:v>10.404649808867953</c:v>
                </c:pt>
                <c:pt idx="2436">
                  <c:v>10.404649808867953</c:v>
                </c:pt>
                <c:pt idx="2437">
                  <c:v>10.404649808867953</c:v>
                </c:pt>
                <c:pt idx="2438">
                  <c:v>10.404649808867953</c:v>
                </c:pt>
                <c:pt idx="2439">
                  <c:v>10.404649808867953</c:v>
                </c:pt>
                <c:pt idx="2440">
                  <c:v>10.404649808867953</c:v>
                </c:pt>
                <c:pt idx="2441">
                  <c:v>10.404649808867953</c:v>
                </c:pt>
                <c:pt idx="2442">
                  <c:v>10.404649808867953</c:v>
                </c:pt>
                <c:pt idx="2443">
                  <c:v>8.6705415073899612</c:v>
                </c:pt>
                <c:pt idx="2444">
                  <c:v>6.9364332059119693</c:v>
                </c:pt>
                <c:pt idx="2445">
                  <c:v>5.2023249044339765</c:v>
                </c:pt>
                <c:pt idx="2446">
                  <c:v>5.2023249044339765</c:v>
                </c:pt>
                <c:pt idx="2447">
                  <c:v>5.2023249044339765</c:v>
                </c:pt>
                <c:pt idx="2448">
                  <c:v>5.7172761226537743</c:v>
                </c:pt>
                <c:pt idx="2449">
                  <c:v>5.7172761226537743</c:v>
                </c:pt>
                <c:pt idx="2450">
                  <c:v>5.7172761226537743</c:v>
                </c:pt>
                <c:pt idx="2451">
                  <c:v>5.7172761226537743</c:v>
                </c:pt>
                <c:pt idx="2452">
                  <c:v>5.7172761226537743</c:v>
                </c:pt>
                <c:pt idx="2453">
                  <c:v>7.3689336691981975</c:v>
                </c:pt>
                <c:pt idx="2454">
                  <c:v>8.8935406352392032</c:v>
                </c:pt>
                <c:pt idx="2455">
                  <c:v>8.8935406352392032</c:v>
                </c:pt>
                <c:pt idx="2456">
                  <c:v>8.8935406352392032</c:v>
                </c:pt>
                <c:pt idx="2457">
                  <c:v>9.5287935377562896</c:v>
                </c:pt>
                <c:pt idx="2458">
                  <c:v>9.9099452792665392</c:v>
                </c:pt>
                <c:pt idx="2459">
                  <c:v>11.434552245307549</c:v>
                </c:pt>
                <c:pt idx="2460">
                  <c:v>11.434552245307549</c:v>
                </c:pt>
                <c:pt idx="2461">
                  <c:v>11.434552245307549</c:v>
                </c:pt>
                <c:pt idx="2462">
                  <c:v>11.434552245307549</c:v>
                </c:pt>
                <c:pt idx="2463">
                  <c:v>9.5287935377562896</c:v>
                </c:pt>
                <c:pt idx="2464">
                  <c:v>9.0205912157426216</c:v>
                </c:pt>
                <c:pt idx="2465">
                  <c:v>9.0205912157426216</c:v>
                </c:pt>
                <c:pt idx="2466">
                  <c:v>9.0205912157426216</c:v>
                </c:pt>
                <c:pt idx="2467">
                  <c:v>9.0205912157426216</c:v>
                </c:pt>
                <c:pt idx="2468">
                  <c:v>6.9877819276879469</c:v>
                </c:pt>
                <c:pt idx="2469">
                  <c:v>2.668062190571761</c:v>
                </c:pt>
                <c:pt idx="2470">
                  <c:v>2.668062190571761</c:v>
                </c:pt>
                <c:pt idx="2471">
                  <c:v>2.668062190571761</c:v>
                </c:pt>
                <c:pt idx="2472">
                  <c:v>3.9860641572690652</c:v>
                </c:pt>
                <c:pt idx="2473">
                  <c:v>7.7823157356205561</c:v>
                </c:pt>
                <c:pt idx="2474">
                  <c:v>7.7823157356205561</c:v>
                </c:pt>
                <c:pt idx="2475">
                  <c:v>7.7823157356205561</c:v>
                </c:pt>
                <c:pt idx="2476">
                  <c:v>7.7823157356205561</c:v>
                </c:pt>
                <c:pt idx="2477">
                  <c:v>9.6804415247963007</c:v>
                </c:pt>
                <c:pt idx="2478">
                  <c:v>12.14800505072477</c:v>
                </c:pt>
                <c:pt idx="2479">
                  <c:v>13.85631826098294</c:v>
                </c:pt>
                <c:pt idx="2480">
                  <c:v>13.85631826098294</c:v>
                </c:pt>
                <c:pt idx="2481">
                  <c:v>13.85631826098294</c:v>
                </c:pt>
                <c:pt idx="2482">
                  <c:v>13.85631826098294</c:v>
                </c:pt>
                <c:pt idx="2483">
                  <c:v>13.85631826098294</c:v>
                </c:pt>
                <c:pt idx="2484">
                  <c:v>13.85631826098294</c:v>
                </c:pt>
                <c:pt idx="2485">
                  <c:v>13.85631826098294</c:v>
                </c:pt>
                <c:pt idx="2486">
                  <c:v>13.85631826098294</c:v>
                </c:pt>
                <c:pt idx="2487">
                  <c:v>12.527630208559918</c:v>
                </c:pt>
                <c:pt idx="2488">
                  <c:v>11.388754735054471</c:v>
                </c:pt>
                <c:pt idx="2489">
                  <c:v>10.249879261549026</c:v>
                </c:pt>
                <c:pt idx="2490">
                  <c:v>9.870254103713874</c:v>
                </c:pt>
                <c:pt idx="2491">
                  <c:v>7.9721283145381303</c:v>
                </c:pt>
                <c:pt idx="2492">
                  <c:v>5.8841899464448097</c:v>
                </c:pt>
                <c:pt idx="2493">
                  <c:v>5.8841899464448097</c:v>
                </c:pt>
                <c:pt idx="2494">
                  <c:v>5.8841899464448097</c:v>
                </c:pt>
                <c:pt idx="2495">
                  <c:v>5.8841899464448097</c:v>
                </c:pt>
                <c:pt idx="2496">
                  <c:v>6.698494072313431</c:v>
                </c:pt>
                <c:pt idx="2497">
                  <c:v>7.7788963420414046</c:v>
                </c:pt>
                <c:pt idx="2498">
                  <c:v>7.7788963420414046</c:v>
                </c:pt>
                <c:pt idx="2499">
                  <c:v>7.7788963420414046</c:v>
                </c:pt>
                <c:pt idx="2500">
                  <c:v>7.7788963420414046</c:v>
                </c:pt>
                <c:pt idx="2501">
                  <c:v>9.7236204275517544</c:v>
                </c:pt>
                <c:pt idx="2502">
                  <c:v>11.452264059116512</c:v>
                </c:pt>
                <c:pt idx="2503">
                  <c:v>13.613068598572458</c:v>
                </c:pt>
                <c:pt idx="2504">
                  <c:v>13.613068598572458</c:v>
                </c:pt>
                <c:pt idx="2505">
                  <c:v>13.613068598572458</c:v>
                </c:pt>
                <c:pt idx="2506">
                  <c:v>13.613068598572458</c:v>
                </c:pt>
                <c:pt idx="2507">
                  <c:v>13.613068598572458</c:v>
                </c:pt>
                <c:pt idx="2508">
                  <c:v>13.613068598572458</c:v>
                </c:pt>
                <c:pt idx="2509">
                  <c:v>13.613068598572458</c:v>
                </c:pt>
                <c:pt idx="2510">
                  <c:v>13.613068598572458</c:v>
                </c:pt>
                <c:pt idx="2511">
                  <c:v>12.100505420953294</c:v>
                </c:pt>
                <c:pt idx="2512">
                  <c:v>11.8844249670077</c:v>
                </c:pt>
                <c:pt idx="2513">
                  <c:v>10.155781335442944</c:v>
                </c:pt>
                <c:pt idx="2514">
                  <c:v>9.5075399736061605</c:v>
                </c:pt>
                <c:pt idx="2515">
                  <c:v>7.9949767959869993</c:v>
                </c:pt>
                <c:pt idx="2516">
                  <c:v>6.698494072313431</c:v>
                </c:pt>
                <c:pt idx="2517">
                  <c:v>5.8341722565310539</c:v>
                </c:pt>
                <c:pt idx="2518">
                  <c:v>5.8341722565310539</c:v>
                </c:pt>
                <c:pt idx="2519">
                  <c:v>5.8341722565310539</c:v>
                </c:pt>
                <c:pt idx="2520">
                  <c:v>1.806252552753826</c:v>
                </c:pt>
                <c:pt idx="2521">
                  <c:v>1.806252552753826</c:v>
                </c:pt>
                <c:pt idx="2522">
                  <c:v>1.806252552753826</c:v>
                </c:pt>
                <c:pt idx="2523">
                  <c:v>1.806252552753826</c:v>
                </c:pt>
                <c:pt idx="2524">
                  <c:v>1.806252552753826</c:v>
                </c:pt>
                <c:pt idx="2525">
                  <c:v>7.8270943952665801</c:v>
                </c:pt>
                <c:pt idx="2526">
                  <c:v>8.8807417177063126</c:v>
                </c:pt>
                <c:pt idx="2527">
                  <c:v>8.8807417177063126</c:v>
                </c:pt>
                <c:pt idx="2528">
                  <c:v>8.8807417177063126</c:v>
                </c:pt>
                <c:pt idx="2529">
                  <c:v>9.4828259019575878</c:v>
                </c:pt>
                <c:pt idx="2530">
                  <c:v>9.4828259019575878</c:v>
                </c:pt>
                <c:pt idx="2531">
                  <c:v>12.041683685025507</c:v>
                </c:pt>
                <c:pt idx="2532">
                  <c:v>12.041683685025507</c:v>
                </c:pt>
                <c:pt idx="2533">
                  <c:v>7.9776154413293998</c:v>
                </c:pt>
                <c:pt idx="2534">
                  <c:v>12.041683685025507</c:v>
                </c:pt>
                <c:pt idx="2535">
                  <c:v>12.041683685025507</c:v>
                </c:pt>
                <c:pt idx="2536">
                  <c:v>12.041683685025507</c:v>
                </c:pt>
                <c:pt idx="2537">
                  <c:v>12.041683685025507</c:v>
                </c:pt>
                <c:pt idx="2538">
                  <c:v>12.041683685025507</c:v>
                </c:pt>
                <c:pt idx="2539">
                  <c:v>10.084910086208865</c:v>
                </c:pt>
                <c:pt idx="2540">
                  <c:v>8.2786575334550374</c:v>
                </c:pt>
                <c:pt idx="2541">
                  <c:v>6.0208418425127537</c:v>
                </c:pt>
                <c:pt idx="2542">
                  <c:v>5.719799750387117</c:v>
                </c:pt>
                <c:pt idx="2543">
                  <c:v>5.719799750387117</c:v>
                </c:pt>
                <c:pt idx="2544">
                  <c:v>5.2601726216827238</c:v>
                </c:pt>
                <c:pt idx="2545">
                  <c:v>5.2601726216827238</c:v>
                </c:pt>
                <c:pt idx="2546">
                  <c:v>5.2601726216827238</c:v>
                </c:pt>
                <c:pt idx="2547">
                  <c:v>5.2601726216827238</c:v>
                </c:pt>
                <c:pt idx="2548">
                  <c:v>5.2601726216827238</c:v>
                </c:pt>
                <c:pt idx="2549">
                  <c:v>6.8382244081875401</c:v>
                </c:pt>
                <c:pt idx="2550">
                  <c:v>7.6272503014399486</c:v>
                </c:pt>
                <c:pt idx="2551">
                  <c:v>7.8902589325240866</c:v>
                </c:pt>
                <c:pt idx="2552">
                  <c:v>7.8902589325240866</c:v>
                </c:pt>
                <c:pt idx="2553">
                  <c:v>8.5477805102344266</c:v>
                </c:pt>
                <c:pt idx="2554">
                  <c:v>8.9422934568606305</c:v>
                </c:pt>
                <c:pt idx="2555">
                  <c:v>10.520345243365448</c:v>
                </c:pt>
                <c:pt idx="2556">
                  <c:v>10.520345243365448</c:v>
                </c:pt>
                <c:pt idx="2557">
                  <c:v>10.520345243365448</c:v>
                </c:pt>
                <c:pt idx="2558">
                  <c:v>10.520345243365448</c:v>
                </c:pt>
                <c:pt idx="2559">
                  <c:v>10.520345243365448</c:v>
                </c:pt>
                <c:pt idx="2560">
                  <c:v>10.520345243365448</c:v>
                </c:pt>
                <c:pt idx="2561">
                  <c:v>10.520345243365448</c:v>
                </c:pt>
                <c:pt idx="2562">
                  <c:v>10.520345243365448</c:v>
                </c:pt>
                <c:pt idx="2563">
                  <c:v>8.8107891413185619</c:v>
                </c:pt>
                <c:pt idx="2564">
                  <c:v>7.2327373548137439</c:v>
                </c:pt>
                <c:pt idx="2565">
                  <c:v>5.2601726216827238</c:v>
                </c:pt>
                <c:pt idx="2566">
                  <c:v>5.2601726216827238</c:v>
                </c:pt>
                <c:pt idx="2567">
                  <c:v>5.2601726216827238</c:v>
                </c:pt>
                <c:pt idx="2568">
                  <c:v>4.6418802354373661</c:v>
                </c:pt>
                <c:pt idx="2569">
                  <c:v>5.2221152648670364</c:v>
                </c:pt>
                <c:pt idx="2570">
                  <c:v>5.2221152648670364</c:v>
                </c:pt>
                <c:pt idx="2571">
                  <c:v>5.2221152648670364</c:v>
                </c:pt>
                <c:pt idx="2572">
                  <c:v>5.2221152648670364</c:v>
                </c:pt>
                <c:pt idx="2573">
                  <c:v>6.7307263413841794</c:v>
                </c:pt>
                <c:pt idx="2574">
                  <c:v>7.7751493943575882</c:v>
                </c:pt>
                <c:pt idx="2575">
                  <c:v>7.7751493943575882</c:v>
                </c:pt>
                <c:pt idx="2576">
                  <c:v>7.7751493943575882</c:v>
                </c:pt>
                <c:pt idx="2577">
                  <c:v>8.3553844237872585</c:v>
                </c:pt>
                <c:pt idx="2578">
                  <c:v>9.0516664591028633</c:v>
                </c:pt>
                <c:pt idx="2579">
                  <c:v>10.444230529734073</c:v>
                </c:pt>
                <c:pt idx="2580">
                  <c:v>10.444230529734073</c:v>
                </c:pt>
                <c:pt idx="2581">
                  <c:v>10.444230529734073</c:v>
                </c:pt>
                <c:pt idx="2582">
                  <c:v>10.444230529734073</c:v>
                </c:pt>
                <c:pt idx="2583">
                  <c:v>10.444230529734073</c:v>
                </c:pt>
                <c:pt idx="2584">
                  <c:v>10.444230529734073</c:v>
                </c:pt>
                <c:pt idx="2585">
                  <c:v>10.444230529734073</c:v>
                </c:pt>
                <c:pt idx="2586">
                  <c:v>10.444230529734073</c:v>
                </c:pt>
                <c:pt idx="2587">
                  <c:v>8.7035254414450591</c:v>
                </c:pt>
                <c:pt idx="2588">
                  <c:v>6.9628203531560482</c:v>
                </c:pt>
                <c:pt idx="2589">
                  <c:v>5.2221152648670364</c:v>
                </c:pt>
                <c:pt idx="2590">
                  <c:v>5.2221152648670364</c:v>
                </c:pt>
                <c:pt idx="2591">
                  <c:v>5.2221152648670364</c:v>
                </c:pt>
                <c:pt idx="2592">
                  <c:v>5.1949000657406845</c:v>
                </c:pt>
                <c:pt idx="2593">
                  <c:v>5.1949000657406845</c:v>
                </c:pt>
                <c:pt idx="2594">
                  <c:v>5.1949000657406845</c:v>
                </c:pt>
                <c:pt idx="2595">
                  <c:v>5.1949000657406845</c:v>
                </c:pt>
                <c:pt idx="2596">
                  <c:v>5.1949000657406845</c:v>
                </c:pt>
                <c:pt idx="2597">
                  <c:v>6.6956489736213278</c:v>
                </c:pt>
                <c:pt idx="2598">
                  <c:v>7.7346289867694651</c:v>
                </c:pt>
                <c:pt idx="2599">
                  <c:v>7.7346289867694651</c:v>
                </c:pt>
                <c:pt idx="2600">
                  <c:v>7.7346289867694651</c:v>
                </c:pt>
                <c:pt idx="2601">
                  <c:v>8.3118401051850963</c:v>
                </c:pt>
                <c:pt idx="2602">
                  <c:v>9.0044934472838527</c:v>
                </c:pt>
                <c:pt idx="2603">
                  <c:v>10.389800131481369</c:v>
                </c:pt>
                <c:pt idx="2604">
                  <c:v>10.389800131481369</c:v>
                </c:pt>
                <c:pt idx="2605">
                  <c:v>10.389800131481369</c:v>
                </c:pt>
                <c:pt idx="2606">
                  <c:v>10.389800131481369</c:v>
                </c:pt>
                <c:pt idx="2607">
                  <c:v>10.389800131481369</c:v>
                </c:pt>
                <c:pt idx="2608">
                  <c:v>10.389800131481369</c:v>
                </c:pt>
                <c:pt idx="2609">
                  <c:v>10.389800131481369</c:v>
                </c:pt>
                <c:pt idx="2610">
                  <c:v>10.389800131481369</c:v>
                </c:pt>
                <c:pt idx="2611">
                  <c:v>8.6581667762344754</c:v>
                </c:pt>
                <c:pt idx="2612">
                  <c:v>6.9265334209875791</c:v>
                </c:pt>
                <c:pt idx="2613">
                  <c:v>5.1949000657406845</c:v>
                </c:pt>
                <c:pt idx="2614">
                  <c:v>5.1949000657406845</c:v>
                </c:pt>
                <c:pt idx="2615">
                  <c:v>5.1949000657406845</c:v>
                </c:pt>
                <c:pt idx="2616">
                  <c:v>5.6806876390593191</c:v>
                </c:pt>
                <c:pt idx="2617">
                  <c:v>5.6806876390593191</c:v>
                </c:pt>
                <c:pt idx="2618">
                  <c:v>5.6806876390593191</c:v>
                </c:pt>
                <c:pt idx="2619">
                  <c:v>5.6806876390593191</c:v>
                </c:pt>
                <c:pt idx="2620">
                  <c:v>5.6806876390593191</c:v>
                </c:pt>
                <c:pt idx="2621">
                  <c:v>7.3217751792320112</c:v>
                </c:pt>
                <c:pt idx="2622">
                  <c:v>8.8366252163144967</c:v>
                </c:pt>
                <c:pt idx="2623">
                  <c:v>8.8366252163144967</c:v>
                </c:pt>
                <c:pt idx="2624">
                  <c:v>8.8366252163144967</c:v>
                </c:pt>
                <c:pt idx="2625">
                  <c:v>9.4678127317655321</c:v>
                </c:pt>
                <c:pt idx="2626">
                  <c:v>9.8465252410361526</c:v>
                </c:pt>
                <c:pt idx="2627">
                  <c:v>11.361375278118638</c:v>
                </c:pt>
                <c:pt idx="2628">
                  <c:v>11.361375278118638</c:v>
                </c:pt>
                <c:pt idx="2629">
                  <c:v>11.361375278118638</c:v>
                </c:pt>
                <c:pt idx="2630">
                  <c:v>11.361375278118638</c:v>
                </c:pt>
                <c:pt idx="2631">
                  <c:v>9.4678127317655321</c:v>
                </c:pt>
                <c:pt idx="2632">
                  <c:v>8.9628627194047041</c:v>
                </c:pt>
                <c:pt idx="2633">
                  <c:v>8.9628627194047041</c:v>
                </c:pt>
                <c:pt idx="2634">
                  <c:v>8.9628627194047041</c:v>
                </c:pt>
                <c:pt idx="2635">
                  <c:v>8.9628627194047041</c:v>
                </c:pt>
                <c:pt idx="2636">
                  <c:v>6.9430626699613889</c:v>
                </c:pt>
                <c:pt idx="2637">
                  <c:v>2.6509875648943484</c:v>
                </c:pt>
                <c:pt idx="2638">
                  <c:v>2.6509875648943484</c:v>
                </c:pt>
                <c:pt idx="2639">
                  <c:v>2.6509875648943484</c:v>
                </c:pt>
                <c:pt idx="2640">
                  <c:v>3.8422654398161682</c:v>
                </c:pt>
                <c:pt idx="2641">
                  <c:v>7.5015658586887097</c:v>
                </c:pt>
                <c:pt idx="2642">
                  <c:v>7.5015658586887097</c:v>
                </c:pt>
                <c:pt idx="2643">
                  <c:v>7.5015658586887097</c:v>
                </c:pt>
                <c:pt idx="2644">
                  <c:v>7.5015658586887097</c:v>
                </c:pt>
                <c:pt idx="2645">
                  <c:v>9.3312160681249807</c:v>
                </c:pt>
                <c:pt idx="2646">
                  <c:v>11.709761340392133</c:v>
                </c:pt>
                <c:pt idx="2647">
                  <c:v>13.356446528884776</c:v>
                </c:pt>
                <c:pt idx="2648">
                  <c:v>13.356446528884776</c:v>
                </c:pt>
                <c:pt idx="2649">
                  <c:v>13.356446528884776</c:v>
                </c:pt>
                <c:pt idx="2650">
                  <c:v>13.356446528884776</c:v>
                </c:pt>
                <c:pt idx="2651">
                  <c:v>13.356446528884776</c:v>
                </c:pt>
                <c:pt idx="2652">
                  <c:v>13.356446528884776</c:v>
                </c:pt>
                <c:pt idx="2653">
                  <c:v>13.356446528884776</c:v>
                </c:pt>
                <c:pt idx="2654">
                  <c:v>13.356446528884776</c:v>
                </c:pt>
                <c:pt idx="2655">
                  <c:v>12.075691382279388</c:v>
                </c:pt>
                <c:pt idx="2656">
                  <c:v>10.977901256617624</c:v>
                </c:pt>
                <c:pt idx="2657">
                  <c:v>9.8801111309558625</c:v>
                </c:pt>
                <c:pt idx="2658">
                  <c:v>9.5141810890686056</c:v>
                </c:pt>
                <c:pt idx="2659">
                  <c:v>7.6845308796323364</c:v>
                </c:pt>
                <c:pt idx="2660">
                  <c:v>5.6719156492524379</c:v>
                </c:pt>
                <c:pt idx="2661">
                  <c:v>5.6719156492524379</c:v>
                </c:pt>
                <c:pt idx="2662">
                  <c:v>5.6719156492524379</c:v>
                </c:pt>
                <c:pt idx="2663">
                  <c:v>5.6719156492524379</c:v>
                </c:pt>
                <c:pt idx="2664">
                  <c:v>6.830087713029398</c:v>
                </c:pt>
                <c:pt idx="2665">
                  <c:v>7.9317147635180119</c:v>
                </c:pt>
                <c:pt idx="2666">
                  <c:v>7.9317147635180119</c:v>
                </c:pt>
                <c:pt idx="2667">
                  <c:v>7.9317147635180119</c:v>
                </c:pt>
                <c:pt idx="2668">
                  <c:v>7.9317147635180119</c:v>
                </c:pt>
                <c:pt idx="2669">
                  <c:v>9.9146434543975133</c:v>
                </c:pt>
                <c:pt idx="2670">
                  <c:v>11.677246735179294</c:v>
                </c:pt>
                <c:pt idx="2671">
                  <c:v>13.88050083615652</c:v>
                </c:pt>
                <c:pt idx="2672">
                  <c:v>13.88050083615652</c:v>
                </c:pt>
                <c:pt idx="2673">
                  <c:v>13.88050083615652</c:v>
                </c:pt>
                <c:pt idx="2674">
                  <c:v>13.88050083615652</c:v>
                </c:pt>
                <c:pt idx="2675">
                  <c:v>13.88050083615652</c:v>
                </c:pt>
                <c:pt idx="2676">
                  <c:v>13.88050083615652</c:v>
                </c:pt>
                <c:pt idx="2677">
                  <c:v>13.88050083615652</c:v>
                </c:pt>
                <c:pt idx="2678">
                  <c:v>13.88050083615652</c:v>
                </c:pt>
                <c:pt idx="2679">
                  <c:v>12.338222965472461</c:v>
                </c:pt>
                <c:pt idx="2680">
                  <c:v>12.117897555374739</c:v>
                </c:pt>
                <c:pt idx="2681">
                  <c:v>10.355294274592959</c:v>
                </c:pt>
                <c:pt idx="2682">
                  <c:v>9.6943180442997932</c:v>
                </c:pt>
                <c:pt idx="2683">
                  <c:v>8.1520401736157346</c:v>
                </c:pt>
                <c:pt idx="2684">
                  <c:v>6.830087713029398</c:v>
                </c:pt>
                <c:pt idx="2685">
                  <c:v>5.9487860726385087</c:v>
                </c:pt>
                <c:pt idx="2686">
                  <c:v>5.9487860726385087</c:v>
                </c:pt>
                <c:pt idx="2687">
                  <c:v>5.9487860726385087</c:v>
                </c:pt>
                <c:pt idx="2688">
                  <c:v>1.8870038917734175</c:v>
                </c:pt>
                <c:pt idx="2689">
                  <c:v>1.8870038917734175</c:v>
                </c:pt>
                <c:pt idx="2690">
                  <c:v>1.8870038917734175</c:v>
                </c:pt>
                <c:pt idx="2691">
                  <c:v>1.8870038917734175</c:v>
                </c:pt>
                <c:pt idx="2692">
                  <c:v>1.8870038917734175</c:v>
                </c:pt>
                <c:pt idx="2693">
                  <c:v>8.1770168643514758</c:v>
                </c:pt>
                <c:pt idx="2694">
                  <c:v>9.2777691345526385</c:v>
                </c:pt>
                <c:pt idx="2695">
                  <c:v>9.2777691345526385</c:v>
                </c:pt>
                <c:pt idx="2696">
                  <c:v>9.2777691345526385</c:v>
                </c:pt>
                <c:pt idx="2697">
                  <c:v>9.906770431810445</c:v>
                </c:pt>
                <c:pt idx="2698">
                  <c:v>9.906770431810445</c:v>
                </c:pt>
                <c:pt idx="2699">
                  <c:v>12.58002594515612</c:v>
                </c:pt>
                <c:pt idx="2700">
                  <c:v>12.58002594515612</c:v>
                </c:pt>
                <c:pt idx="2701">
                  <c:v>8.3342671886659296</c:v>
                </c:pt>
                <c:pt idx="2702">
                  <c:v>12.58002594515612</c:v>
                </c:pt>
                <c:pt idx="2703">
                  <c:v>12.58002594515612</c:v>
                </c:pt>
                <c:pt idx="2704">
                  <c:v>12.58002594515612</c:v>
                </c:pt>
                <c:pt idx="2705">
                  <c:v>12.58002594515612</c:v>
                </c:pt>
                <c:pt idx="2706">
                  <c:v>12.58002594515612</c:v>
                </c:pt>
                <c:pt idx="2707">
                  <c:v>10.535771729068252</c:v>
                </c:pt>
                <c:pt idx="2708">
                  <c:v>8.648767837294832</c:v>
                </c:pt>
                <c:pt idx="2709">
                  <c:v>6.2900129725780598</c:v>
                </c:pt>
                <c:pt idx="2710">
                  <c:v>5.9755123239491574</c:v>
                </c:pt>
                <c:pt idx="2711">
                  <c:v>5.9755123239491574</c:v>
                </c:pt>
                <c:pt idx="2712">
                  <c:v>5.454333794326466</c:v>
                </c:pt>
                <c:pt idx="2713">
                  <c:v>5.454333794326466</c:v>
                </c:pt>
                <c:pt idx="2714">
                  <c:v>5.454333794326466</c:v>
                </c:pt>
                <c:pt idx="2715">
                  <c:v>5.454333794326466</c:v>
                </c:pt>
                <c:pt idx="2716">
                  <c:v>5.454333794326466</c:v>
                </c:pt>
                <c:pt idx="2717">
                  <c:v>7.0906339326244057</c:v>
                </c:pt>
                <c:pt idx="2718">
                  <c:v>7.9087840017733759</c:v>
                </c:pt>
                <c:pt idx="2719">
                  <c:v>8.1815006914896991</c:v>
                </c:pt>
                <c:pt idx="2720">
                  <c:v>8.1815006914896991</c:v>
                </c:pt>
                <c:pt idx="2721">
                  <c:v>8.8632924157805064</c:v>
                </c:pt>
                <c:pt idx="2722">
                  <c:v>9.2723674503549915</c:v>
                </c:pt>
                <c:pt idx="2723">
                  <c:v>10.908667588652932</c:v>
                </c:pt>
                <c:pt idx="2724">
                  <c:v>10.908667588652932</c:v>
                </c:pt>
                <c:pt idx="2725">
                  <c:v>10.908667588652932</c:v>
                </c:pt>
                <c:pt idx="2726">
                  <c:v>10.908667588652932</c:v>
                </c:pt>
                <c:pt idx="2727">
                  <c:v>10.908667588652932</c:v>
                </c:pt>
                <c:pt idx="2728">
                  <c:v>10.908667588652932</c:v>
                </c:pt>
                <c:pt idx="2729">
                  <c:v>10.908667588652932</c:v>
                </c:pt>
                <c:pt idx="2730">
                  <c:v>10.908667588652932</c:v>
                </c:pt>
                <c:pt idx="2731">
                  <c:v>9.1360091054968304</c:v>
                </c:pt>
                <c:pt idx="2732">
                  <c:v>7.4997089671988908</c:v>
                </c:pt>
                <c:pt idx="2733">
                  <c:v>5.454333794326466</c:v>
                </c:pt>
                <c:pt idx="2734">
                  <c:v>5.454333794326466</c:v>
                </c:pt>
                <c:pt idx="2735">
                  <c:v>5.454333794326466</c:v>
                </c:pt>
                <c:pt idx="2736">
                  <c:v>4.9761976252398679</c:v>
                </c:pt>
                <c:pt idx="2737">
                  <c:v>5.5982223283948507</c:v>
                </c:pt>
                <c:pt idx="2738">
                  <c:v>5.5982223283948507</c:v>
                </c:pt>
                <c:pt idx="2739">
                  <c:v>5.5982223283948507</c:v>
                </c:pt>
                <c:pt idx="2740">
                  <c:v>5.5982223283948507</c:v>
                </c:pt>
                <c:pt idx="2741">
                  <c:v>7.2154865565978072</c:v>
                </c:pt>
                <c:pt idx="2742">
                  <c:v>8.3351310222767783</c:v>
                </c:pt>
                <c:pt idx="2743">
                  <c:v>8.3351310222767783</c:v>
                </c:pt>
                <c:pt idx="2744">
                  <c:v>8.3351310222767783</c:v>
                </c:pt>
                <c:pt idx="2745">
                  <c:v>8.9571557254317611</c:v>
                </c:pt>
                <c:pt idx="2746">
                  <c:v>9.7035853692177412</c:v>
                </c:pt>
                <c:pt idx="2747">
                  <c:v>11.196444656789701</c:v>
                </c:pt>
                <c:pt idx="2748">
                  <c:v>11.196444656789701</c:v>
                </c:pt>
                <c:pt idx="2749">
                  <c:v>11.196444656789701</c:v>
                </c:pt>
                <c:pt idx="2750">
                  <c:v>11.196444656789701</c:v>
                </c:pt>
                <c:pt idx="2751">
                  <c:v>11.196444656789701</c:v>
                </c:pt>
                <c:pt idx="2752">
                  <c:v>11.196444656789701</c:v>
                </c:pt>
                <c:pt idx="2753">
                  <c:v>11.196444656789701</c:v>
                </c:pt>
                <c:pt idx="2754">
                  <c:v>11.196444656789701</c:v>
                </c:pt>
                <c:pt idx="2755">
                  <c:v>9.3303705473247529</c:v>
                </c:pt>
                <c:pt idx="2756">
                  <c:v>7.4642964378598018</c:v>
                </c:pt>
                <c:pt idx="2757">
                  <c:v>5.5982223283948507</c:v>
                </c:pt>
                <c:pt idx="2758">
                  <c:v>5.5982223283948507</c:v>
                </c:pt>
                <c:pt idx="2759">
                  <c:v>5.5982223283948507</c:v>
                </c:pt>
                <c:pt idx="2760">
                  <c:v>5.4840304738028474</c:v>
                </c:pt>
                <c:pt idx="2761">
                  <c:v>5.4840304738028474</c:v>
                </c:pt>
                <c:pt idx="2762">
                  <c:v>5.4840304738028474</c:v>
                </c:pt>
                <c:pt idx="2763">
                  <c:v>5.4840304738028474</c:v>
                </c:pt>
                <c:pt idx="2764">
                  <c:v>5.4840304738028474</c:v>
                </c:pt>
                <c:pt idx="2765">
                  <c:v>7.0683059440125593</c:v>
                </c:pt>
                <c:pt idx="2766">
                  <c:v>8.1651120387731293</c:v>
                </c:pt>
                <c:pt idx="2767">
                  <c:v>8.1651120387731293</c:v>
                </c:pt>
                <c:pt idx="2768">
                  <c:v>8.1651120387731293</c:v>
                </c:pt>
                <c:pt idx="2769">
                  <c:v>8.7744487580845565</c:v>
                </c:pt>
                <c:pt idx="2770">
                  <c:v>9.505652821258268</c:v>
                </c:pt>
                <c:pt idx="2771">
                  <c:v>10.968060947605695</c:v>
                </c:pt>
                <c:pt idx="2772">
                  <c:v>10.968060947605695</c:v>
                </c:pt>
                <c:pt idx="2773">
                  <c:v>10.968060947605695</c:v>
                </c:pt>
                <c:pt idx="2774">
                  <c:v>10.968060947605695</c:v>
                </c:pt>
                <c:pt idx="2775">
                  <c:v>10.968060947605695</c:v>
                </c:pt>
                <c:pt idx="2776">
                  <c:v>10.968060947605695</c:v>
                </c:pt>
                <c:pt idx="2777">
                  <c:v>10.968060947605695</c:v>
                </c:pt>
                <c:pt idx="2778">
                  <c:v>10.968060947605695</c:v>
                </c:pt>
                <c:pt idx="2779">
                  <c:v>9.1400507896714132</c:v>
                </c:pt>
                <c:pt idx="2780">
                  <c:v>7.3120406317371307</c:v>
                </c:pt>
                <c:pt idx="2781">
                  <c:v>5.4840304738028474</c:v>
                </c:pt>
                <c:pt idx="2782">
                  <c:v>5.4840304738028474</c:v>
                </c:pt>
                <c:pt idx="2783">
                  <c:v>5.4840304738028474</c:v>
                </c:pt>
                <c:pt idx="2784">
                  <c:v>5.978895060284537</c:v>
                </c:pt>
                <c:pt idx="2785">
                  <c:v>5.978895060284537</c:v>
                </c:pt>
                <c:pt idx="2786">
                  <c:v>5.978895060284537</c:v>
                </c:pt>
                <c:pt idx="2787">
                  <c:v>5.978895060284537</c:v>
                </c:pt>
                <c:pt idx="2788">
                  <c:v>5.978895060284537</c:v>
                </c:pt>
                <c:pt idx="2789">
                  <c:v>7.7061314110334038</c:v>
                </c:pt>
                <c:pt idx="2790">
                  <c:v>9.3005034271092821</c:v>
                </c:pt>
                <c:pt idx="2791">
                  <c:v>9.3005034271092821</c:v>
                </c:pt>
                <c:pt idx="2792">
                  <c:v>9.3005034271092821</c:v>
                </c:pt>
                <c:pt idx="2793">
                  <c:v>9.9648251004742292</c:v>
                </c:pt>
                <c:pt idx="2794">
                  <c:v>10.363418104493199</c:v>
                </c:pt>
                <c:pt idx="2795">
                  <c:v>11.957790120569074</c:v>
                </c:pt>
                <c:pt idx="2796">
                  <c:v>11.957790120569074</c:v>
                </c:pt>
                <c:pt idx="2797">
                  <c:v>11.957790120569074</c:v>
                </c:pt>
                <c:pt idx="2798">
                  <c:v>11.957790120569074</c:v>
                </c:pt>
                <c:pt idx="2799">
                  <c:v>9.9648251004742292</c:v>
                </c:pt>
                <c:pt idx="2800">
                  <c:v>9.4333677617822715</c:v>
                </c:pt>
                <c:pt idx="2801">
                  <c:v>9.4333677617822715</c:v>
                </c:pt>
                <c:pt idx="2802">
                  <c:v>9.4333677617822715</c:v>
                </c:pt>
                <c:pt idx="2803">
                  <c:v>9.4333677617822715</c:v>
                </c:pt>
                <c:pt idx="2804">
                  <c:v>7.3075384070144347</c:v>
                </c:pt>
                <c:pt idx="2805">
                  <c:v>2.7901510281327844</c:v>
                </c:pt>
                <c:pt idx="2806">
                  <c:v>2.7901510281327844</c:v>
                </c:pt>
                <c:pt idx="2807">
                  <c:v>2.7901510281327844</c:v>
                </c:pt>
                <c:pt idx="2808">
                  <c:v>4.1037176533668891</c:v>
                </c:pt>
                <c:pt idx="2809">
                  <c:v>8.0120201803829758</c:v>
                </c:pt>
                <c:pt idx="2810">
                  <c:v>8.0120201803829758</c:v>
                </c:pt>
                <c:pt idx="2811">
                  <c:v>8.0120201803829758</c:v>
                </c:pt>
                <c:pt idx="2812">
                  <c:v>8.0120201803829758</c:v>
                </c:pt>
                <c:pt idx="2813">
                  <c:v>9.9661714438910192</c:v>
                </c:pt>
                <c:pt idx="2814">
                  <c:v>12.506568086451473</c:v>
                </c:pt>
                <c:pt idx="2815">
                  <c:v>14.265304223608711</c:v>
                </c:pt>
                <c:pt idx="2816">
                  <c:v>14.265304223608711</c:v>
                </c:pt>
                <c:pt idx="2817">
                  <c:v>14.265304223608711</c:v>
                </c:pt>
                <c:pt idx="2818">
                  <c:v>14.265304223608711</c:v>
                </c:pt>
                <c:pt idx="2819">
                  <c:v>14.265304223608711</c:v>
                </c:pt>
                <c:pt idx="2820">
                  <c:v>14.265304223608711</c:v>
                </c:pt>
                <c:pt idx="2821">
                  <c:v>14.265304223608711</c:v>
                </c:pt>
                <c:pt idx="2822">
                  <c:v>14.265304223608711</c:v>
                </c:pt>
                <c:pt idx="2823">
                  <c:v>12.897398339153082</c:v>
                </c:pt>
                <c:pt idx="2824">
                  <c:v>11.724907581048257</c:v>
                </c:pt>
                <c:pt idx="2825">
                  <c:v>10.552416822943432</c:v>
                </c:pt>
                <c:pt idx="2826">
                  <c:v>10.161586570241822</c:v>
                </c:pt>
                <c:pt idx="2827">
                  <c:v>8.2074353067337782</c:v>
                </c:pt>
                <c:pt idx="2828">
                  <c:v>6.0578689168749325</c:v>
                </c:pt>
                <c:pt idx="2829">
                  <c:v>6.0578689168749325</c:v>
                </c:pt>
                <c:pt idx="2830">
                  <c:v>6.0578689168749325</c:v>
                </c:pt>
                <c:pt idx="2831">
                  <c:v>6.0578689168749325</c:v>
                </c:pt>
                <c:pt idx="2832">
                  <c:v>7.246800908629961</c:v>
                </c:pt>
                <c:pt idx="2833">
                  <c:v>8.4156397648605985</c:v>
                </c:pt>
                <c:pt idx="2834">
                  <c:v>8.4156397648605985</c:v>
                </c:pt>
                <c:pt idx="2835">
                  <c:v>8.4156397648605985</c:v>
                </c:pt>
                <c:pt idx="2836">
                  <c:v>8.4156397648605985</c:v>
                </c:pt>
                <c:pt idx="2837">
                  <c:v>10.51954970607575</c:v>
                </c:pt>
                <c:pt idx="2838">
                  <c:v>12.389691876044772</c:v>
                </c:pt>
                <c:pt idx="2839">
                  <c:v>14.727369588506049</c:v>
                </c:pt>
                <c:pt idx="2840">
                  <c:v>14.727369588506049</c:v>
                </c:pt>
                <c:pt idx="2841">
                  <c:v>14.727369588506049</c:v>
                </c:pt>
                <c:pt idx="2842">
                  <c:v>14.727369588506049</c:v>
                </c:pt>
                <c:pt idx="2843">
                  <c:v>14.727369588506049</c:v>
                </c:pt>
                <c:pt idx="2844">
                  <c:v>14.727369588506049</c:v>
                </c:pt>
                <c:pt idx="2845">
                  <c:v>14.727369588506049</c:v>
                </c:pt>
                <c:pt idx="2846">
                  <c:v>14.727369588506049</c:v>
                </c:pt>
                <c:pt idx="2847">
                  <c:v>13.090995189783156</c:v>
                </c:pt>
                <c:pt idx="2848">
                  <c:v>12.857227418537029</c:v>
                </c:pt>
                <c:pt idx="2849">
                  <c:v>10.987085248568008</c:v>
                </c:pt>
                <c:pt idx="2850">
                  <c:v>10.285781934829624</c:v>
                </c:pt>
                <c:pt idx="2851">
                  <c:v>8.6494075361067271</c:v>
                </c:pt>
                <c:pt idx="2852">
                  <c:v>7.246800908629961</c:v>
                </c:pt>
                <c:pt idx="2853">
                  <c:v>6.3117298236454511</c:v>
                </c:pt>
                <c:pt idx="2854">
                  <c:v>6.3117298236454511</c:v>
                </c:pt>
                <c:pt idx="2855">
                  <c:v>6.3117298236454511</c:v>
                </c:pt>
                <c:pt idx="2856">
                  <c:v>1.87871234568519</c:v>
                </c:pt>
                <c:pt idx="2857">
                  <c:v>1.87871234568519</c:v>
                </c:pt>
                <c:pt idx="2858">
                  <c:v>1.87871234568519</c:v>
                </c:pt>
                <c:pt idx="2859">
                  <c:v>1.87871234568519</c:v>
                </c:pt>
                <c:pt idx="2860">
                  <c:v>1.87871234568519</c:v>
                </c:pt>
                <c:pt idx="2861">
                  <c:v>8.1410868313024896</c:v>
                </c:pt>
                <c:pt idx="2862">
                  <c:v>9.2370023662855179</c:v>
                </c:pt>
                <c:pt idx="2863">
                  <c:v>9.2370023662855179</c:v>
                </c:pt>
                <c:pt idx="2864">
                  <c:v>9.2370023662855179</c:v>
                </c:pt>
                <c:pt idx="2865">
                  <c:v>9.8632398148472493</c:v>
                </c:pt>
                <c:pt idx="2866">
                  <c:v>9.8632398148472493</c:v>
                </c:pt>
                <c:pt idx="2867">
                  <c:v>12.524748971234603</c:v>
                </c:pt>
                <c:pt idx="2868">
                  <c:v>12.524748971234603</c:v>
                </c:pt>
                <c:pt idx="2869">
                  <c:v>8.2976461934429242</c:v>
                </c:pt>
                <c:pt idx="2870">
                  <c:v>12.524748971234603</c:v>
                </c:pt>
                <c:pt idx="2871">
                  <c:v>12.524748971234603</c:v>
                </c:pt>
                <c:pt idx="2872">
                  <c:v>12.524748971234603</c:v>
                </c:pt>
                <c:pt idx="2873">
                  <c:v>12.524748971234603</c:v>
                </c:pt>
                <c:pt idx="2874">
                  <c:v>12.524748971234603</c:v>
                </c:pt>
                <c:pt idx="2875">
                  <c:v>10.489477263408979</c:v>
                </c:pt>
                <c:pt idx="2876">
                  <c:v>8.6107649177237899</c:v>
                </c:pt>
                <c:pt idx="2877">
                  <c:v>6.2623744856173014</c:v>
                </c:pt>
                <c:pt idx="2878">
                  <c:v>5.9492557613364356</c:v>
                </c:pt>
                <c:pt idx="2879">
                  <c:v>5.9492557613364356</c:v>
                </c:pt>
                <c:pt idx="2880">
                  <c:v>5.4159383725760906</c:v>
                </c:pt>
                <c:pt idx="2881">
                  <c:v>5.4159383725760906</c:v>
                </c:pt>
                <c:pt idx="2882">
                  <c:v>5.4159383725760906</c:v>
                </c:pt>
                <c:pt idx="2883">
                  <c:v>5.4159383725760906</c:v>
                </c:pt>
                <c:pt idx="2884">
                  <c:v>5.4159383725760906</c:v>
                </c:pt>
                <c:pt idx="2885">
                  <c:v>7.0407198843489169</c:v>
                </c:pt>
                <c:pt idx="2886">
                  <c:v>7.8531106402353297</c:v>
                </c:pt>
                <c:pt idx="2887">
                  <c:v>8.1239075588641363</c:v>
                </c:pt>
                <c:pt idx="2888">
                  <c:v>8.1239075588641363</c:v>
                </c:pt>
                <c:pt idx="2889">
                  <c:v>8.8008998554361462</c:v>
                </c:pt>
                <c:pt idx="2890">
                  <c:v>9.2070952333793521</c:v>
                </c:pt>
                <c:pt idx="2891">
                  <c:v>10.831876745152181</c:v>
                </c:pt>
                <c:pt idx="2892">
                  <c:v>10.831876745152181</c:v>
                </c:pt>
                <c:pt idx="2893">
                  <c:v>10.831876745152181</c:v>
                </c:pt>
                <c:pt idx="2894">
                  <c:v>10.831876745152181</c:v>
                </c:pt>
                <c:pt idx="2895">
                  <c:v>10.831876745152181</c:v>
                </c:pt>
                <c:pt idx="2896">
                  <c:v>10.831876745152181</c:v>
                </c:pt>
                <c:pt idx="2897">
                  <c:v>10.831876745152181</c:v>
                </c:pt>
                <c:pt idx="2898">
                  <c:v>10.831876745152181</c:v>
                </c:pt>
                <c:pt idx="2899">
                  <c:v>9.0716967740649519</c:v>
                </c:pt>
                <c:pt idx="2900">
                  <c:v>7.4469152622921237</c:v>
                </c:pt>
                <c:pt idx="2901">
                  <c:v>5.4159383725760906</c:v>
                </c:pt>
                <c:pt idx="2902">
                  <c:v>5.4159383725760906</c:v>
                </c:pt>
                <c:pt idx="2903">
                  <c:v>5.4159383725760906</c:v>
                </c:pt>
                <c:pt idx="2904">
                  <c:v>4.777595137517979</c:v>
                </c:pt>
                <c:pt idx="2905">
                  <c:v>5.3747945297077262</c:v>
                </c:pt>
                <c:pt idx="2906">
                  <c:v>5.3747945297077262</c:v>
                </c:pt>
                <c:pt idx="2907">
                  <c:v>5.3747945297077262</c:v>
                </c:pt>
                <c:pt idx="2908">
                  <c:v>5.3747945297077262</c:v>
                </c:pt>
                <c:pt idx="2909">
                  <c:v>6.9275129494010708</c:v>
                </c:pt>
                <c:pt idx="2910">
                  <c:v>8.0024718553426162</c:v>
                </c:pt>
                <c:pt idx="2911">
                  <c:v>8.0024718553426162</c:v>
                </c:pt>
                <c:pt idx="2912">
                  <c:v>8.0024718553426162</c:v>
                </c:pt>
                <c:pt idx="2913">
                  <c:v>8.5996712475323633</c:v>
                </c:pt>
                <c:pt idx="2914">
                  <c:v>9.3163105181600603</c:v>
                </c:pt>
                <c:pt idx="2915">
                  <c:v>10.749589059415452</c:v>
                </c:pt>
                <c:pt idx="2916">
                  <c:v>10.749589059415452</c:v>
                </c:pt>
                <c:pt idx="2917">
                  <c:v>10.749589059415452</c:v>
                </c:pt>
                <c:pt idx="2918">
                  <c:v>10.749589059415452</c:v>
                </c:pt>
                <c:pt idx="2919">
                  <c:v>10.749589059415452</c:v>
                </c:pt>
                <c:pt idx="2920">
                  <c:v>10.749589059415452</c:v>
                </c:pt>
                <c:pt idx="2921">
                  <c:v>10.749589059415452</c:v>
                </c:pt>
                <c:pt idx="2922">
                  <c:v>10.749589059415452</c:v>
                </c:pt>
                <c:pt idx="2923">
                  <c:v>8.9579908828462109</c:v>
                </c:pt>
                <c:pt idx="2924">
                  <c:v>7.1663927062769686</c:v>
                </c:pt>
                <c:pt idx="2925">
                  <c:v>5.3747945297077262</c:v>
                </c:pt>
                <c:pt idx="2926">
                  <c:v>5.3747945297077262</c:v>
                </c:pt>
                <c:pt idx="2927">
                  <c:v>5.3747945297077262</c:v>
                </c:pt>
                <c:pt idx="2928">
                  <c:v>5.4065079684995068</c:v>
                </c:pt>
                <c:pt idx="2929">
                  <c:v>5.4065079684995068</c:v>
                </c:pt>
                <c:pt idx="2930">
                  <c:v>5.4065079684995068</c:v>
                </c:pt>
                <c:pt idx="2931">
                  <c:v>5.4065079684995068</c:v>
                </c:pt>
                <c:pt idx="2932">
                  <c:v>5.4065079684995068</c:v>
                </c:pt>
                <c:pt idx="2933">
                  <c:v>6.9683880482882525</c:v>
                </c:pt>
                <c:pt idx="2934">
                  <c:v>8.0496896419881541</c:v>
                </c:pt>
                <c:pt idx="2935">
                  <c:v>8.0496896419881541</c:v>
                </c:pt>
                <c:pt idx="2936">
                  <c:v>8.0496896419881541</c:v>
                </c:pt>
                <c:pt idx="2937">
                  <c:v>8.6504127495992105</c:v>
                </c:pt>
                <c:pt idx="2938">
                  <c:v>9.3712804787324782</c:v>
                </c:pt>
                <c:pt idx="2939">
                  <c:v>10.813015936999014</c:v>
                </c:pt>
                <c:pt idx="2940">
                  <c:v>10.813015936999014</c:v>
                </c:pt>
                <c:pt idx="2941">
                  <c:v>10.813015936999014</c:v>
                </c:pt>
                <c:pt idx="2942">
                  <c:v>10.813015936999014</c:v>
                </c:pt>
                <c:pt idx="2943">
                  <c:v>10.813015936999014</c:v>
                </c:pt>
                <c:pt idx="2944">
                  <c:v>10.813015936999014</c:v>
                </c:pt>
                <c:pt idx="2945">
                  <c:v>10.813015936999014</c:v>
                </c:pt>
                <c:pt idx="2946">
                  <c:v>10.813015936999014</c:v>
                </c:pt>
                <c:pt idx="2947">
                  <c:v>9.0108466141658443</c:v>
                </c:pt>
                <c:pt idx="2948">
                  <c:v>7.2086772913326769</c:v>
                </c:pt>
                <c:pt idx="2949">
                  <c:v>5.4065079684995068</c:v>
                </c:pt>
                <c:pt idx="2950">
                  <c:v>5.4065079684995068</c:v>
                </c:pt>
                <c:pt idx="2951">
                  <c:v>5.4065079684995068</c:v>
                </c:pt>
                <c:pt idx="2952">
                  <c:v>5.88395699236185</c:v>
                </c:pt>
                <c:pt idx="2953">
                  <c:v>5.88395699236185</c:v>
                </c:pt>
                <c:pt idx="2954">
                  <c:v>5.88395699236185</c:v>
                </c:pt>
                <c:pt idx="2955">
                  <c:v>5.88395699236185</c:v>
                </c:pt>
                <c:pt idx="2956">
                  <c:v>5.88395699236185</c:v>
                </c:pt>
                <c:pt idx="2957">
                  <c:v>7.5837667901552726</c:v>
                </c:pt>
                <c:pt idx="2958">
                  <c:v>9.1528219881184345</c:v>
                </c:pt>
                <c:pt idx="2959">
                  <c:v>9.1528219881184345</c:v>
                </c:pt>
                <c:pt idx="2960">
                  <c:v>9.1528219881184345</c:v>
                </c:pt>
                <c:pt idx="2961">
                  <c:v>9.8065949872697509</c:v>
                </c:pt>
                <c:pt idx="2962">
                  <c:v>10.198858786760541</c:v>
                </c:pt>
                <c:pt idx="2963">
                  <c:v>11.7679139847237</c:v>
                </c:pt>
                <c:pt idx="2964">
                  <c:v>11.7679139847237</c:v>
                </c:pt>
                <c:pt idx="2965">
                  <c:v>11.7679139847237</c:v>
                </c:pt>
                <c:pt idx="2966">
                  <c:v>11.7679139847237</c:v>
                </c:pt>
                <c:pt idx="2967">
                  <c:v>9.8065949872697509</c:v>
                </c:pt>
                <c:pt idx="2968">
                  <c:v>9.2835765879486978</c:v>
                </c:pt>
                <c:pt idx="2969">
                  <c:v>9.2835765879486978</c:v>
                </c:pt>
                <c:pt idx="2970">
                  <c:v>9.2835765879486978</c:v>
                </c:pt>
                <c:pt idx="2971">
                  <c:v>9.2835765879486978</c:v>
                </c:pt>
                <c:pt idx="2972">
                  <c:v>7.1915029906644836</c:v>
                </c:pt>
                <c:pt idx="2973">
                  <c:v>2.7458465964355301</c:v>
                </c:pt>
                <c:pt idx="2974">
                  <c:v>2.7458465964355301</c:v>
                </c:pt>
                <c:pt idx="2975">
                  <c:v>2.7458465964355301</c:v>
                </c:pt>
                <c:pt idx="2976">
                  <c:v>3.9991367679466014</c:v>
                </c:pt>
                <c:pt idx="2977">
                  <c:v>7.8078384517052708</c:v>
                </c:pt>
                <c:pt idx="2978">
                  <c:v>7.8078384517052708</c:v>
                </c:pt>
                <c:pt idx="2979">
                  <c:v>7.8078384517052708</c:v>
                </c:pt>
                <c:pt idx="2980">
                  <c:v>7.8078384517052708</c:v>
                </c:pt>
                <c:pt idx="2981">
                  <c:v>9.7121892935846059</c:v>
                </c:pt>
                <c:pt idx="2982">
                  <c:v>12.187845388027739</c:v>
                </c:pt>
                <c:pt idx="2983">
                  <c:v>13.901761145719139</c:v>
                </c:pt>
                <c:pt idx="2984">
                  <c:v>13.901761145719139</c:v>
                </c:pt>
                <c:pt idx="2985">
                  <c:v>13.901761145719139</c:v>
                </c:pt>
                <c:pt idx="2986">
                  <c:v>13.901761145719139</c:v>
                </c:pt>
                <c:pt idx="2987">
                  <c:v>13.901761145719139</c:v>
                </c:pt>
                <c:pt idx="2988">
                  <c:v>13.901761145719139</c:v>
                </c:pt>
                <c:pt idx="2989">
                  <c:v>13.901761145719139</c:v>
                </c:pt>
                <c:pt idx="2990">
                  <c:v>13.901761145719139</c:v>
                </c:pt>
                <c:pt idx="2991">
                  <c:v>12.568715556403605</c:v>
                </c:pt>
                <c:pt idx="2992">
                  <c:v>11.426105051276005</c:v>
                </c:pt>
                <c:pt idx="2993">
                  <c:v>10.283494546148406</c:v>
                </c:pt>
                <c:pt idx="2994">
                  <c:v>9.902624377772538</c:v>
                </c:pt>
                <c:pt idx="2995">
                  <c:v>7.9982735358932029</c:v>
                </c:pt>
                <c:pt idx="2996">
                  <c:v>5.9034876098259357</c:v>
                </c:pt>
                <c:pt idx="2997">
                  <c:v>5.9034876098259357</c:v>
                </c:pt>
                <c:pt idx="2998">
                  <c:v>5.9034876098259357</c:v>
                </c:pt>
                <c:pt idx="2999">
                  <c:v>5.9034876098259357</c:v>
                </c:pt>
                <c:pt idx="3000">
                  <c:v>6.5230358846921419</c:v>
                </c:pt>
                <c:pt idx="3001">
                  <c:v>7.5751384467392624</c:v>
                </c:pt>
                <c:pt idx="3002">
                  <c:v>7.5751384467392624</c:v>
                </c:pt>
                <c:pt idx="3003">
                  <c:v>7.5751384467392624</c:v>
                </c:pt>
                <c:pt idx="3004">
                  <c:v>7.5751384467392624</c:v>
                </c:pt>
                <c:pt idx="3005">
                  <c:v>9.4689230584240782</c:v>
                </c:pt>
                <c:pt idx="3006">
                  <c:v>11.152287157699471</c:v>
                </c:pt>
                <c:pt idx="3007">
                  <c:v>13.256492281793708</c:v>
                </c:pt>
                <c:pt idx="3008">
                  <c:v>13.256492281793708</c:v>
                </c:pt>
                <c:pt idx="3009">
                  <c:v>13.256492281793708</c:v>
                </c:pt>
                <c:pt idx="3010">
                  <c:v>13.256492281793708</c:v>
                </c:pt>
                <c:pt idx="3011">
                  <c:v>13.256492281793708</c:v>
                </c:pt>
                <c:pt idx="3012">
                  <c:v>13.256492281793708</c:v>
                </c:pt>
                <c:pt idx="3013">
                  <c:v>13.256492281793708</c:v>
                </c:pt>
                <c:pt idx="3014">
                  <c:v>13.256492281793708</c:v>
                </c:pt>
                <c:pt idx="3015">
                  <c:v>11.783548694927743</c:v>
                </c:pt>
                <c:pt idx="3016">
                  <c:v>11.573128182518317</c:v>
                </c:pt>
                <c:pt idx="3017">
                  <c:v>9.8897640832429268</c:v>
                </c:pt>
                <c:pt idx="3018">
                  <c:v>9.2585025460146539</c:v>
                </c:pt>
                <c:pt idx="3019">
                  <c:v>7.7855589591486867</c:v>
                </c:pt>
                <c:pt idx="3020">
                  <c:v>6.5230358846921419</c:v>
                </c:pt>
                <c:pt idx="3021">
                  <c:v>5.6813538350544475</c:v>
                </c:pt>
                <c:pt idx="3022">
                  <c:v>5.6813538350544475</c:v>
                </c:pt>
                <c:pt idx="3023">
                  <c:v>5.6813538350544475</c:v>
                </c:pt>
                <c:pt idx="3024">
                  <c:v>1.7783142023763709</c:v>
                </c:pt>
                <c:pt idx="3025">
                  <c:v>1.7783142023763709</c:v>
                </c:pt>
                <c:pt idx="3026">
                  <c:v>1.7783142023763709</c:v>
                </c:pt>
                <c:pt idx="3027">
                  <c:v>1.7783142023763709</c:v>
                </c:pt>
                <c:pt idx="3028">
                  <c:v>1.7783142023763709</c:v>
                </c:pt>
                <c:pt idx="3029">
                  <c:v>7.7060282102976085</c:v>
                </c:pt>
                <c:pt idx="3030">
                  <c:v>8.7433781616838253</c:v>
                </c:pt>
                <c:pt idx="3031">
                  <c:v>8.7433781616838253</c:v>
                </c:pt>
                <c:pt idx="3032">
                  <c:v>8.7433781616838253</c:v>
                </c:pt>
                <c:pt idx="3033">
                  <c:v>9.3361495624759492</c:v>
                </c:pt>
                <c:pt idx="3034">
                  <c:v>9.3361495624759492</c:v>
                </c:pt>
                <c:pt idx="3035">
                  <c:v>11.855428015842476</c:v>
                </c:pt>
                <c:pt idx="3036">
                  <c:v>11.855428015842476</c:v>
                </c:pt>
                <c:pt idx="3037">
                  <c:v>7.8542210604956386</c:v>
                </c:pt>
                <c:pt idx="3038">
                  <c:v>11.855428015842476</c:v>
                </c:pt>
                <c:pt idx="3039">
                  <c:v>11.855428015842476</c:v>
                </c:pt>
                <c:pt idx="3040">
                  <c:v>11.855428015842476</c:v>
                </c:pt>
                <c:pt idx="3041">
                  <c:v>11.855428015842476</c:v>
                </c:pt>
                <c:pt idx="3042">
                  <c:v>11.855428015842476</c:v>
                </c:pt>
                <c:pt idx="3043">
                  <c:v>9.9289209632680731</c:v>
                </c:pt>
                <c:pt idx="3044">
                  <c:v>8.1506067608917014</c:v>
                </c:pt>
                <c:pt idx="3045">
                  <c:v>5.9277140079212378</c:v>
                </c:pt>
                <c:pt idx="3046">
                  <c:v>5.6313283075251759</c:v>
                </c:pt>
                <c:pt idx="3047">
                  <c:v>5.6313283075251759</c:v>
                </c:pt>
                <c:pt idx="3048">
                  <c:v>5.0969894540801493</c:v>
                </c:pt>
                <c:pt idx="3049">
                  <c:v>5.0969894540801493</c:v>
                </c:pt>
                <c:pt idx="3050">
                  <c:v>5.0969894540801493</c:v>
                </c:pt>
                <c:pt idx="3051">
                  <c:v>5.0969894540801493</c:v>
                </c:pt>
                <c:pt idx="3052">
                  <c:v>5.0969894540801493</c:v>
                </c:pt>
                <c:pt idx="3053">
                  <c:v>6.626086290304193</c:v>
                </c:pt>
                <c:pt idx="3054">
                  <c:v>7.3906347084162149</c:v>
                </c:pt>
                <c:pt idx="3055">
                  <c:v>7.6454841811202234</c:v>
                </c:pt>
                <c:pt idx="3056">
                  <c:v>7.6454841811202234</c:v>
                </c:pt>
                <c:pt idx="3057">
                  <c:v>8.2826078628802424</c:v>
                </c:pt>
                <c:pt idx="3058">
                  <c:v>8.6648820719362529</c:v>
                </c:pt>
                <c:pt idx="3059">
                  <c:v>10.193978908160299</c:v>
                </c:pt>
                <c:pt idx="3060">
                  <c:v>10.193978908160299</c:v>
                </c:pt>
                <c:pt idx="3061">
                  <c:v>10.193978908160299</c:v>
                </c:pt>
                <c:pt idx="3062">
                  <c:v>10.193978908160299</c:v>
                </c:pt>
                <c:pt idx="3063">
                  <c:v>10.193978908160299</c:v>
                </c:pt>
                <c:pt idx="3064">
                  <c:v>10.193978908160299</c:v>
                </c:pt>
                <c:pt idx="3065">
                  <c:v>10.193978908160299</c:v>
                </c:pt>
                <c:pt idx="3066">
                  <c:v>10.193978908160299</c:v>
                </c:pt>
                <c:pt idx="3067">
                  <c:v>8.53745733558425</c:v>
                </c:pt>
                <c:pt idx="3068">
                  <c:v>7.0083604993602036</c:v>
                </c:pt>
                <c:pt idx="3069">
                  <c:v>5.0969894540801493</c:v>
                </c:pt>
                <c:pt idx="3070">
                  <c:v>5.0969894540801493</c:v>
                </c:pt>
                <c:pt idx="3071">
                  <c:v>5.0969894540801493</c:v>
                </c:pt>
                <c:pt idx="3072">
                  <c:v>4.496234974667928</c:v>
                </c:pt>
                <c:pt idx="3073">
                  <c:v>5.0582643465014181</c:v>
                </c:pt>
                <c:pt idx="3074">
                  <c:v>5.0582643465014181</c:v>
                </c:pt>
                <c:pt idx="3075">
                  <c:v>5.0582643465014181</c:v>
                </c:pt>
                <c:pt idx="3076">
                  <c:v>5.0582643465014181</c:v>
                </c:pt>
                <c:pt idx="3077">
                  <c:v>6.519540713268495</c:v>
                </c:pt>
                <c:pt idx="3078">
                  <c:v>7.531193582568779</c:v>
                </c:pt>
                <c:pt idx="3079">
                  <c:v>7.531193582568779</c:v>
                </c:pt>
                <c:pt idx="3080">
                  <c:v>7.531193582568779</c:v>
                </c:pt>
                <c:pt idx="3081">
                  <c:v>8.09322295440227</c:v>
                </c:pt>
                <c:pt idx="3082">
                  <c:v>8.7676582006024582</c:v>
                </c:pt>
                <c:pt idx="3083">
                  <c:v>10.116528693002836</c:v>
                </c:pt>
                <c:pt idx="3084">
                  <c:v>10.116528693002836</c:v>
                </c:pt>
                <c:pt idx="3085">
                  <c:v>10.116528693002836</c:v>
                </c:pt>
                <c:pt idx="3086">
                  <c:v>10.116528693002836</c:v>
                </c:pt>
                <c:pt idx="3087">
                  <c:v>10.116528693002836</c:v>
                </c:pt>
                <c:pt idx="3088">
                  <c:v>10.116528693002836</c:v>
                </c:pt>
                <c:pt idx="3089">
                  <c:v>10.116528693002836</c:v>
                </c:pt>
                <c:pt idx="3090">
                  <c:v>10.116528693002836</c:v>
                </c:pt>
                <c:pt idx="3091">
                  <c:v>8.430440577502365</c:v>
                </c:pt>
                <c:pt idx="3092">
                  <c:v>6.7443524620018911</c:v>
                </c:pt>
                <c:pt idx="3093">
                  <c:v>5.0582643465014181</c:v>
                </c:pt>
                <c:pt idx="3094">
                  <c:v>5.0582643465014181</c:v>
                </c:pt>
                <c:pt idx="3095">
                  <c:v>5.0582643465014181</c:v>
                </c:pt>
                <c:pt idx="3096">
                  <c:v>5.0167039371016777</c:v>
                </c:pt>
                <c:pt idx="3097">
                  <c:v>5.0167039371016777</c:v>
                </c:pt>
                <c:pt idx="3098">
                  <c:v>5.0167039371016777</c:v>
                </c:pt>
                <c:pt idx="3099">
                  <c:v>5.0167039371016777</c:v>
                </c:pt>
                <c:pt idx="3100">
                  <c:v>5.0167039371016777</c:v>
                </c:pt>
                <c:pt idx="3101">
                  <c:v>6.4659739633754967</c:v>
                </c:pt>
                <c:pt idx="3102">
                  <c:v>7.4693147507958324</c:v>
                </c:pt>
                <c:pt idx="3103">
                  <c:v>7.4693147507958324</c:v>
                </c:pt>
                <c:pt idx="3104">
                  <c:v>7.4693147507958324</c:v>
                </c:pt>
                <c:pt idx="3105">
                  <c:v>8.0267262993626858</c:v>
                </c:pt>
                <c:pt idx="3106">
                  <c:v>8.6956201576429084</c:v>
                </c:pt>
                <c:pt idx="3107">
                  <c:v>10.033407874203355</c:v>
                </c:pt>
                <c:pt idx="3108">
                  <c:v>10.033407874203355</c:v>
                </c:pt>
                <c:pt idx="3109">
                  <c:v>10.033407874203355</c:v>
                </c:pt>
                <c:pt idx="3110">
                  <c:v>10.033407874203355</c:v>
                </c:pt>
                <c:pt idx="3111">
                  <c:v>10.033407874203355</c:v>
                </c:pt>
                <c:pt idx="3112">
                  <c:v>10.033407874203355</c:v>
                </c:pt>
                <c:pt idx="3113">
                  <c:v>10.033407874203355</c:v>
                </c:pt>
                <c:pt idx="3114">
                  <c:v>10.033407874203355</c:v>
                </c:pt>
                <c:pt idx="3115">
                  <c:v>8.3611732285027962</c:v>
                </c:pt>
                <c:pt idx="3116">
                  <c:v>6.6889385828022379</c:v>
                </c:pt>
                <c:pt idx="3117">
                  <c:v>5.0167039371016777</c:v>
                </c:pt>
                <c:pt idx="3118">
                  <c:v>5.0167039371016777</c:v>
                </c:pt>
                <c:pt idx="3119">
                  <c:v>5.0167039371016777</c:v>
                </c:pt>
                <c:pt idx="3120">
                  <c:v>5.5790529624080527</c:v>
                </c:pt>
                <c:pt idx="3121">
                  <c:v>5.5790529624080527</c:v>
                </c:pt>
                <c:pt idx="3122">
                  <c:v>5.5790529624080527</c:v>
                </c:pt>
                <c:pt idx="3123">
                  <c:v>5.5790529624080527</c:v>
                </c:pt>
                <c:pt idx="3124">
                  <c:v>5.5790529624080527</c:v>
                </c:pt>
                <c:pt idx="3125">
                  <c:v>7.1907793737703791</c:v>
                </c:pt>
                <c:pt idx="3126">
                  <c:v>8.6785268304125278</c:v>
                </c:pt>
                <c:pt idx="3127">
                  <c:v>8.6785268304125278</c:v>
                </c:pt>
                <c:pt idx="3128">
                  <c:v>8.6785268304125278</c:v>
                </c:pt>
                <c:pt idx="3129">
                  <c:v>9.2984216040134218</c:v>
                </c:pt>
                <c:pt idx="3130">
                  <c:v>9.6703584681739585</c:v>
                </c:pt>
                <c:pt idx="3131">
                  <c:v>11.158105924816105</c:v>
                </c:pt>
                <c:pt idx="3132">
                  <c:v>11.158105924816105</c:v>
                </c:pt>
                <c:pt idx="3133">
                  <c:v>11.158105924816105</c:v>
                </c:pt>
                <c:pt idx="3134">
                  <c:v>11.158105924816105</c:v>
                </c:pt>
                <c:pt idx="3135">
                  <c:v>9.2984216040134218</c:v>
                </c:pt>
                <c:pt idx="3136">
                  <c:v>8.8025057851327073</c:v>
                </c:pt>
                <c:pt idx="3137">
                  <c:v>8.8025057851327073</c:v>
                </c:pt>
                <c:pt idx="3138">
                  <c:v>8.8025057851327073</c:v>
                </c:pt>
                <c:pt idx="3139">
                  <c:v>8.8025057851327073</c:v>
                </c:pt>
                <c:pt idx="3140">
                  <c:v>6.8188425096098433</c:v>
                </c:pt>
                <c:pt idx="3141">
                  <c:v>2.6035580491237584</c:v>
                </c:pt>
                <c:pt idx="3142">
                  <c:v>2.6035580491237584</c:v>
                </c:pt>
                <c:pt idx="3143">
                  <c:v>2.6035580491237584</c:v>
                </c:pt>
                <c:pt idx="3144">
                  <c:v>3.6853941116857349</c:v>
                </c:pt>
                <c:pt idx="3145">
                  <c:v>7.1952932656721513</c:v>
                </c:pt>
                <c:pt idx="3146">
                  <c:v>7.1952932656721513</c:v>
                </c:pt>
                <c:pt idx="3147">
                  <c:v>7.1952932656721513</c:v>
                </c:pt>
                <c:pt idx="3148">
                  <c:v>7.1952932656721513</c:v>
                </c:pt>
                <c:pt idx="3149">
                  <c:v>8.9502428426653573</c:v>
                </c:pt>
                <c:pt idx="3150">
                  <c:v>11.231677292756528</c:v>
                </c:pt>
                <c:pt idx="3151">
                  <c:v>12.811131912050413</c:v>
                </c:pt>
                <c:pt idx="3152">
                  <c:v>12.811131912050413</c:v>
                </c:pt>
                <c:pt idx="3153">
                  <c:v>12.811131912050413</c:v>
                </c:pt>
                <c:pt idx="3154">
                  <c:v>12.811131912050413</c:v>
                </c:pt>
                <c:pt idx="3155">
                  <c:v>12.811131912050413</c:v>
                </c:pt>
                <c:pt idx="3156">
                  <c:v>12.811131912050413</c:v>
                </c:pt>
                <c:pt idx="3157">
                  <c:v>12.811131912050413</c:v>
                </c:pt>
                <c:pt idx="3158">
                  <c:v>12.811131912050413</c:v>
                </c:pt>
                <c:pt idx="3159">
                  <c:v>11.58266720815517</c:v>
                </c:pt>
                <c:pt idx="3160">
                  <c:v>10.529697461959245</c:v>
                </c:pt>
                <c:pt idx="3161">
                  <c:v>9.4767277157633192</c:v>
                </c:pt>
                <c:pt idx="3162">
                  <c:v>9.1257378003646785</c:v>
                </c:pt>
                <c:pt idx="3163">
                  <c:v>7.3707882233714699</c:v>
                </c:pt>
                <c:pt idx="3164">
                  <c:v>5.4403436886789427</c:v>
                </c:pt>
                <c:pt idx="3165">
                  <c:v>5.4403436886789427</c:v>
                </c:pt>
                <c:pt idx="3166">
                  <c:v>5.4403436886789427</c:v>
                </c:pt>
                <c:pt idx="3167">
                  <c:v>5.4403436886789427</c:v>
                </c:pt>
                <c:pt idx="3168">
                  <c:v>6.040525868733595</c:v>
                </c:pt>
                <c:pt idx="3169">
                  <c:v>7.0148042346583681</c:v>
                </c:pt>
                <c:pt idx="3170">
                  <c:v>7.0148042346583681</c:v>
                </c:pt>
                <c:pt idx="3171">
                  <c:v>7.0148042346583681</c:v>
                </c:pt>
                <c:pt idx="3172">
                  <c:v>7.0148042346583681</c:v>
                </c:pt>
                <c:pt idx="3173">
                  <c:v>8.7685052933229599</c:v>
                </c:pt>
                <c:pt idx="3174">
                  <c:v>10.327350678802597</c:v>
                </c:pt>
                <c:pt idx="3175">
                  <c:v>12.275907410652145</c:v>
                </c:pt>
                <c:pt idx="3176">
                  <c:v>12.275907410652145</c:v>
                </c:pt>
                <c:pt idx="3177">
                  <c:v>12.275907410652145</c:v>
                </c:pt>
                <c:pt idx="3178">
                  <c:v>12.275907410652145</c:v>
                </c:pt>
                <c:pt idx="3179">
                  <c:v>12.275907410652145</c:v>
                </c:pt>
                <c:pt idx="3180">
                  <c:v>12.275907410652145</c:v>
                </c:pt>
                <c:pt idx="3181">
                  <c:v>12.275907410652145</c:v>
                </c:pt>
                <c:pt idx="3182">
                  <c:v>12.275907410652145</c:v>
                </c:pt>
                <c:pt idx="3183">
                  <c:v>10.911917698357462</c:v>
                </c:pt>
                <c:pt idx="3184">
                  <c:v>10.717062025172508</c:v>
                </c:pt>
                <c:pt idx="3185">
                  <c:v>9.1582166396928706</c:v>
                </c:pt>
                <c:pt idx="3186">
                  <c:v>8.5736496201380064</c:v>
                </c:pt>
                <c:pt idx="3187">
                  <c:v>7.2096599078433243</c:v>
                </c:pt>
                <c:pt idx="3188">
                  <c:v>6.040525868733595</c:v>
                </c:pt>
                <c:pt idx="3189">
                  <c:v>5.2611031759937772</c:v>
                </c:pt>
                <c:pt idx="3190">
                  <c:v>5.2611031759937772</c:v>
                </c:pt>
                <c:pt idx="3191">
                  <c:v>5.2611031759937772</c:v>
                </c:pt>
                <c:pt idx="3192">
                  <c:v>1.6995788513126344</c:v>
                </c:pt>
                <c:pt idx="3193">
                  <c:v>1.6995788513126344</c:v>
                </c:pt>
                <c:pt idx="3194">
                  <c:v>1.6995788513126344</c:v>
                </c:pt>
                <c:pt idx="3195">
                  <c:v>1.6995788513126344</c:v>
                </c:pt>
                <c:pt idx="3196">
                  <c:v>1.6995788513126344</c:v>
                </c:pt>
                <c:pt idx="3197">
                  <c:v>7.3648416890214152</c:v>
                </c:pt>
                <c:pt idx="3198">
                  <c:v>8.356262685620452</c:v>
                </c:pt>
                <c:pt idx="3199">
                  <c:v>8.356262685620452</c:v>
                </c:pt>
                <c:pt idx="3200">
                  <c:v>8.356262685620452</c:v>
                </c:pt>
                <c:pt idx="3201">
                  <c:v>8.9227889693913305</c:v>
                </c:pt>
                <c:pt idx="3202">
                  <c:v>8.9227889693913305</c:v>
                </c:pt>
                <c:pt idx="3203">
                  <c:v>11.330525675417563</c:v>
                </c:pt>
                <c:pt idx="3204">
                  <c:v>11.330525675417563</c:v>
                </c:pt>
                <c:pt idx="3205">
                  <c:v>7.5064732599641353</c:v>
                </c:pt>
                <c:pt idx="3206">
                  <c:v>11.330525675417563</c:v>
                </c:pt>
                <c:pt idx="3207">
                  <c:v>11.330525675417563</c:v>
                </c:pt>
                <c:pt idx="3208">
                  <c:v>11.330525675417563</c:v>
                </c:pt>
                <c:pt idx="3209">
                  <c:v>11.330525675417563</c:v>
                </c:pt>
                <c:pt idx="3210">
                  <c:v>11.330525675417563</c:v>
                </c:pt>
                <c:pt idx="3211">
                  <c:v>9.4893152531622089</c:v>
                </c:pt>
                <c:pt idx="3212">
                  <c:v>7.7897364018495745</c:v>
                </c:pt>
                <c:pt idx="3213">
                  <c:v>5.6652628377087817</c:v>
                </c:pt>
                <c:pt idx="3214">
                  <c:v>5.3819996958233425</c:v>
                </c:pt>
                <c:pt idx="3215">
                  <c:v>5.3819996958233425</c:v>
                </c:pt>
                <c:pt idx="3216">
                  <c:v>5.0858633290163366</c:v>
                </c:pt>
                <c:pt idx="3217">
                  <c:v>5.0858633290163366</c:v>
                </c:pt>
                <c:pt idx="3218">
                  <c:v>5.0858633290163366</c:v>
                </c:pt>
                <c:pt idx="3219">
                  <c:v>5.0858633290163366</c:v>
                </c:pt>
                <c:pt idx="3220">
                  <c:v>5.0858633290163366</c:v>
                </c:pt>
                <c:pt idx="3221">
                  <c:v>6.6116223277212374</c:v>
                </c:pt>
                <c:pt idx="3222">
                  <c:v>7.3745018270736873</c:v>
                </c:pt>
                <c:pt idx="3223">
                  <c:v>7.6287949935245045</c:v>
                </c:pt>
                <c:pt idx="3224">
                  <c:v>7.6287949935245045</c:v>
                </c:pt>
                <c:pt idx="3225">
                  <c:v>8.264527909651548</c:v>
                </c:pt>
                <c:pt idx="3226">
                  <c:v>8.6459676593277717</c:v>
                </c:pt>
                <c:pt idx="3227">
                  <c:v>10.171726658032673</c:v>
                </c:pt>
                <c:pt idx="3228">
                  <c:v>10.171726658032673</c:v>
                </c:pt>
                <c:pt idx="3229">
                  <c:v>10.171726658032673</c:v>
                </c:pt>
                <c:pt idx="3230">
                  <c:v>10.171726658032673</c:v>
                </c:pt>
                <c:pt idx="3231">
                  <c:v>10.171726658032673</c:v>
                </c:pt>
                <c:pt idx="3232">
                  <c:v>10.171726658032673</c:v>
                </c:pt>
                <c:pt idx="3233">
                  <c:v>10.171726658032673</c:v>
                </c:pt>
                <c:pt idx="3234">
                  <c:v>10.171726658032673</c:v>
                </c:pt>
                <c:pt idx="3235">
                  <c:v>8.5188210761023644</c:v>
                </c:pt>
                <c:pt idx="3236">
                  <c:v>6.9930620773974628</c:v>
                </c:pt>
                <c:pt idx="3237">
                  <c:v>5.0858633290163366</c:v>
                </c:pt>
                <c:pt idx="3238">
                  <c:v>5.0858633290163366</c:v>
                </c:pt>
                <c:pt idx="3239">
                  <c:v>5.0858633290163366</c:v>
                </c:pt>
                <c:pt idx="3240">
                  <c:v>4.7047725071332591</c:v>
                </c:pt>
                <c:pt idx="3241">
                  <c:v>5.2928690705249162</c:v>
                </c:pt>
                <c:pt idx="3242">
                  <c:v>5.2928690705249162</c:v>
                </c:pt>
                <c:pt idx="3243">
                  <c:v>5.2928690705249162</c:v>
                </c:pt>
                <c:pt idx="3244">
                  <c:v>5.2928690705249162</c:v>
                </c:pt>
                <c:pt idx="3245">
                  <c:v>6.8219201353432259</c:v>
                </c:pt>
                <c:pt idx="3246">
                  <c:v>7.8804939494482094</c:v>
                </c:pt>
                <c:pt idx="3247">
                  <c:v>7.8804939494482094</c:v>
                </c:pt>
                <c:pt idx="3248">
                  <c:v>7.8804939494482094</c:v>
                </c:pt>
                <c:pt idx="3249">
                  <c:v>8.4685905128398673</c:v>
                </c:pt>
                <c:pt idx="3250">
                  <c:v>9.1743063889098568</c:v>
                </c:pt>
                <c:pt idx="3251">
                  <c:v>10.585738141049832</c:v>
                </c:pt>
                <c:pt idx="3252">
                  <c:v>10.585738141049832</c:v>
                </c:pt>
                <c:pt idx="3253">
                  <c:v>10.585738141049832</c:v>
                </c:pt>
                <c:pt idx="3254">
                  <c:v>10.585738141049832</c:v>
                </c:pt>
                <c:pt idx="3255">
                  <c:v>10.585738141049832</c:v>
                </c:pt>
                <c:pt idx="3256">
                  <c:v>10.585738141049832</c:v>
                </c:pt>
                <c:pt idx="3257">
                  <c:v>10.585738141049832</c:v>
                </c:pt>
                <c:pt idx="3258">
                  <c:v>10.585738141049832</c:v>
                </c:pt>
                <c:pt idx="3259">
                  <c:v>8.8214484508748612</c:v>
                </c:pt>
                <c:pt idx="3260">
                  <c:v>7.05715876069989</c:v>
                </c:pt>
                <c:pt idx="3261">
                  <c:v>5.2928690705249162</c:v>
                </c:pt>
                <c:pt idx="3262">
                  <c:v>5.2928690705249162</c:v>
                </c:pt>
                <c:pt idx="3263">
                  <c:v>5.2928690705249162</c:v>
                </c:pt>
                <c:pt idx="3264">
                  <c:v>5.3545340976464608</c:v>
                </c:pt>
                <c:pt idx="3265">
                  <c:v>5.3545340976464608</c:v>
                </c:pt>
                <c:pt idx="3266">
                  <c:v>5.3545340976464608</c:v>
                </c:pt>
                <c:pt idx="3267">
                  <c:v>5.3545340976464608</c:v>
                </c:pt>
                <c:pt idx="3268">
                  <c:v>5.3545340976464608</c:v>
                </c:pt>
                <c:pt idx="3269">
                  <c:v>6.9013995036332174</c:v>
                </c:pt>
                <c:pt idx="3270">
                  <c:v>7.9723063231625098</c:v>
                </c:pt>
                <c:pt idx="3271">
                  <c:v>7.9723063231625098</c:v>
                </c:pt>
                <c:pt idx="3272">
                  <c:v>7.9723063231625098</c:v>
                </c:pt>
                <c:pt idx="3273">
                  <c:v>8.5672545562343387</c:v>
                </c:pt>
                <c:pt idx="3274">
                  <c:v>9.2811924359205342</c:v>
                </c:pt>
                <c:pt idx="3275">
                  <c:v>10.709068195292922</c:v>
                </c:pt>
                <c:pt idx="3276">
                  <c:v>10.709068195292922</c:v>
                </c:pt>
                <c:pt idx="3277">
                  <c:v>10.709068195292922</c:v>
                </c:pt>
                <c:pt idx="3278">
                  <c:v>10.709068195292922</c:v>
                </c:pt>
                <c:pt idx="3279">
                  <c:v>10.709068195292922</c:v>
                </c:pt>
                <c:pt idx="3280">
                  <c:v>10.709068195292922</c:v>
                </c:pt>
                <c:pt idx="3281">
                  <c:v>10.709068195292922</c:v>
                </c:pt>
                <c:pt idx="3282">
                  <c:v>10.709068195292922</c:v>
                </c:pt>
                <c:pt idx="3283">
                  <c:v>8.9242234960774365</c:v>
                </c:pt>
                <c:pt idx="3284">
                  <c:v>7.1393787968619487</c:v>
                </c:pt>
                <c:pt idx="3285">
                  <c:v>5.3545340976464608</c:v>
                </c:pt>
                <c:pt idx="3286">
                  <c:v>5.3545340976464608</c:v>
                </c:pt>
                <c:pt idx="3287">
                  <c:v>5.3545340976464608</c:v>
                </c:pt>
                <c:pt idx="3288">
                  <c:v>5.656295316663015</c:v>
                </c:pt>
                <c:pt idx="3289">
                  <c:v>5.656295316663015</c:v>
                </c:pt>
                <c:pt idx="3290">
                  <c:v>5.656295316663015</c:v>
                </c:pt>
                <c:pt idx="3291">
                  <c:v>5.656295316663015</c:v>
                </c:pt>
                <c:pt idx="3292">
                  <c:v>5.656295316663015</c:v>
                </c:pt>
                <c:pt idx="3293">
                  <c:v>7.2903361859212197</c:v>
                </c:pt>
                <c:pt idx="3294">
                  <c:v>8.7986816036980251</c:v>
                </c:pt>
                <c:pt idx="3295">
                  <c:v>8.7986816036980251</c:v>
                </c:pt>
                <c:pt idx="3296">
                  <c:v>8.7986816036980251</c:v>
                </c:pt>
                <c:pt idx="3297">
                  <c:v>9.4271588611050259</c:v>
                </c:pt>
                <c:pt idx="3298">
                  <c:v>9.8042452155492246</c:v>
                </c:pt>
                <c:pt idx="3299">
                  <c:v>11.31259063332603</c:v>
                </c:pt>
                <c:pt idx="3300">
                  <c:v>11.31259063332603</c:v>
                </c:pt>
                <c:pt idx="3301">
                  <c:v>11.31259063332603</c:v>
                </c:pt>
                <c:pt idx="3302">
                  <c:v>11.31259063332603</c:v>
                </c:pt>
                <c:pt idx="3303">
                  <c:v>9.4271588611050259</c:v>
                </c:pt>
                <c:pt idx="3304">
                  <c:v>8.9243770551794235</c:v>
                </c:pt>
                <c:pt idx="3305">
                  <c:v>8.9243770551794235</c:v>
                </c:pt>
                <c:pt idx="3306">
                  <c:v>8.9243770551794235</c:v>
                </c:pt>
                <c:pt idx="3307">
                  <c:v>8.9243770551794235</c:v>
                </c:pt>
                <c:pt idx="3308">
                  <c:v>6.9132498314770183</c:v>
                </c:pt>
                <c:pt idx="3309">
                  <c:v>2.6396044811094073</c:v>
                </c:pt>
                <c:pt idx="3310">
                  <c:v>2.6396044811094073</c:v>
                </c:pt>
                <c:pt idx="3311">
                  <c:v>2.6396044811094073</c:v>
                </c:pt>
                <c:pt idx="3312">
                  <c:v>3.6396399743143584</c:v>
                </c:pt>
                <c:pt idx="3313">
                  <c:v>7.1059637593756531</c:v>
                </c:pt>
                <c:pt idx="3314">
                  <c:v>7.1059637593756531</c:v>
                </c:pt>
                <c:pt idx="3315">
                  <c:v>7.1059637593756531</c:v>
                </c:pt>
                <c:pt idx="3316">
                  <c:v>7.1059637593756531</c:v>
                </c:pt>
                <c:pt idx="3317">
                  <c:v>8.8391256519063006</c:v>
                </c:pt>
                <c:pt idx="3318">
                  <c:v>11.09223611219614</c:v>
                </c:pt>
                <c:pt idx="3319">
                  <c:v>12.652081815473723</c:v>
                </c:pt>
                <c:pt idx="3320">
                  <c:v>12.652081815473723</c:v>
                </c:pt>
                <c:pt idx="3321">
                  <c:v>12.652081815473723</c:v>
                </c:pt>
                <c:pt idx="3322">
                  <c:v>12.652081815473723</c:v>
                </c:pt>
                <c:pt idx="3323">
                  <c:v>12.652081815473723</c:v>
                </c:pt>
                <c:pt idx="3324">
                  <c:v>12.652081815473723</c:v>
                </c:pt>
                <c:pt idx="3325">
                  <c:v>12.652081815473723</c:v>
                </c:pt>
                <c:pt idx="3326">
                  <c:v>12.652081815473723</c:v>
                </c:pt>
                <c:pt idx="3327">
                  <c:v>11.438868490702269</c:v>
                </c:pt>
                <c:pt idx="3328">
                  <c:v>10.398971355183882</c:v>
                </c:pt>
                <c:pt idx="3329">
                  <c:v>9.3590742196654926</c:v>
                </c:pt>
                <c:pt idx="3330">
                  <c:v>9.0124418411593652</c:v>
                </c:pt>
                <c:pt idx="3331">
                  <c:v>7.2792799486287167</c:v>
                </c:pt>
                <c:pt idx="3332">
                  <c:v>5.3728018668450055</c:v>
                </c:pt>
                <c:pt idx="3333">
                  <c:v>5.3728018668450055</c:v>
                </c:pt>
                <c:pt idx="3334">
                  <c:v>5.3728018668450055</c:v>
                </c:pt>
                <c:pt idx="3335">
                  <c:v>5.3728018668450055</c:v>
                </c:pt>
                <c:pt idx="3336">
                  <c:v>5.8979660912912966</c:v>
                </c:pt>
                <c:pt idx="3337">
                  <c:v>6.8492509447253758</c:v>
                </c:pt>
                <c:pt idx="3338">
                  <c:v>6.8492509447253758</c:v>
                </c:pt>
                <c:pt idx="3339">
                  <c:v>6.8492509447253758</c:v>
                </c:pt>
                <c:pt idx="3340">
                  <c:v>6.8492509447253758</c:v>
                </c:pt>
                <c:pt idx="3341">
                  <c:v>8.561563680906719</c:v>
                </c:pt>
                <c:pt idx="3342">
                  <c:v>10.083619446401249</c:v>
                </c:pt>
                <c:pt idx="3343">
                  <c:v>11.986189153269409</c:v>
                </c:pt>
                <c:pt idx="3344">
                  <c:v>11.986189153269409</c:v>
                </c:pt>
                <c:pt idx="3345">
                  <c:v>11.986189153269409</c:v>
                </c:pt>
                <c:pt idx="3346">
                  <c:v>11.986189153269409</c:v>
                </c:pt>
                <c:pt idx="3347">
                  <c:v>11.986189153269409</c:v>
                </c:pt>
                <c:pt idx="3348">
                  <c:v>11.986189153269409</c:v>
                </c:pt>
                <c:pt idx="3349">
                  <c:v>11.986189153269409</c:v>
                </c:pt>
                <c:pt idx="3350">
                  <c:v>11.986189153269409</c:v>
                </c:pt>
                <c:pt idx="3351">
                  <c:v>10.654390358461697</c:v>
                </c:pt>
                <c:pt idx="3352">
                  <c:v>10.464133387774881</c:v>
                </c:pt>
                <c:pt idx="3353">
                  <c:v>8.9420776222803529</c:v>
                </c:pt>
                <c:pt idx="3354">
                  <c:v>8.3713067102199048</c:v>
                </c:pt>
                <c:pt idx="3355">
                  <c:v>7.0395079154121927</c:v>
                </c:pt>
                <c:pt idx="3356">
                  <c:v>5.8979660912912966</c:v>
                </c:pt>
                <c:pt idx="3357">
                  <c:v>5.1369382085440334</c:v>
                </c:pt>
                <c:pt idx="3358">
                  <c:v>5.1369382085440334</c:v>
                </c:pt>
                <c:pt idx="3359">
                  <c:v>5.1369382085440334</c:v>
                </c:pt>
                <c:pt idx="3360">
                  <c:v>1.7351367517930314</c:v>
                </c:pt>
                <c:pt idx="3361">
                  <c:v>1.7351367517930314</c:v>
                </c:pt>
                <c:pt idx="3362">
                  <c:v>1.7351367517930314</c:v>
                </c:pt>
                <c:pt idx="3363">
                  <c:v>1.7351367517930314</c:v>
                </c:pt>
                <c:pt idx="3364">
                  <c:v>1.7351367517930314</c:v>
                </c:pt>
                <c:pt idx="3365">
                  <c:v>7.5189259244364699</c:v>
                </c:pt>
                <c:pt idx="3366">
                  <c:v>8.5310890296490722</c:v>
                </c:pt>
                <c:pt idx="3367">
                  <c:v>8.5310890296490722</c:v>
                </c:pt>
                <c:pt idx="3368">
                  <c:v>8.5310890296490722</c:v>
                </c:pt>
                <c:pt idx="3369">
                  <c:v>9.1094679469134157</c:v>
                </c:pt>
                <c:pt idx="3370">
                  <c:v>9.1094679469134157</c:v>
                </c:pt>
                <c:pt idx="3371">
                  <c:v>11.567578345286877</c:v>
                </c:pt>
                <c:pt idx="3372">
                  <c:v>11.567578345286877</c:v>
                </c:pt>
                <c:pt idx="3373">
                  <c:v>7.6635206537525571</c:v>
                </c:pt>
                <c:pt idx="3374">
                  <c:v>11.567578345286877</c:v>
                </c:pt>
                <c:pt idx="3375">
                  <c:v>11.567578345286877</c:v>
                </c:pt>
                <c:pt idx="3376">
                  <c:v>11.567578345286877</c:v>
                </c:pt>
                <c:pt idx="3377">
                  <c:v>11.567578345286877</c:v>
                </c:pt>
                <c:pt idx="3378">
                  <c:v>11.567578345286877</c:v>
                </c:pt>
                <c:pt idx="3379">
                  <c:v>9.6878468641777609</c:v>
                </c:pt>
                <c:pt idx="3380">
                  <c:v>7.9527101123847288</c:v>
                </c:pt>
                <c:pt idx="3381">
                  <c:v>5.7837891726434387</c:v>
                </c:pt>
                <c:pt idx="3382">
                  <c:v>5.494599714011267</c:v>
                </c:pt>
                <c:pt idx="3383">
                  <c:v>5.494599714011267</c:v>
                </c:pt>
                <c:pt idx="3384">
                  <c:v>5.0376501204064859</c:v>
                </c:pt>
                <c:pt idx="3385">
                  <c:v>5.0376501204064859</c:v>
                </c:pt>
                <c:pt idx="3386">
                  <c:v>5.0376501204064859</c:v>
                </c:pt>
                <c:pt idx="3387">
                  <c:v>5.0376501204064859</c:v>
                </c:pt>
                <c:pt idx="3388">
                  <c:v>5.0376501204064859</c:v>
                </c:pt>
                <c:pt idx="3389">
                  <c:v>6.5489451565284309</c:v>
                </c:pt>
                <c:pt idx="3390">
                  <c:v>7.3045926745894025</c:v>
                </c:pt>
                <c:pt idx="3391">
                  <c:v>7.5564751806097279</c:v>
                </c:pt>
                <c:pt idx="3392">
                  <c:v>7.5564751806097279</c:v>
                </c:pt>
                <c:pt idx="3393">
                  <c:v>8.1861814456605373</c:v>
                </c:pt>
                <c:pt idx="3394">
                  <c:v>8.5640052046910231</c:v>
                </c:pt>
                <c:pt idx="3395">
                  <c:v>10.075300240812972</c:v>
                </c:pt>
                <c:pt idx="3396">
                  <c:v>10.075300240812972</c:v>
                </c:pt>
                <c:pt idx="3397">
                  <c:v>10.075300240812972</c:v>
                </c:pt>
                <c:pt idx="3398">
                  <c:v>10.075300240812972</c:v>
                </c:pt>
                <c:pt idx="3399">
                  <c:v>10.075300240812972</c:v>
                </c:pt>
                <c:pt idx="3400">
                  <c:v>10.075300240812972</c:v>
                </c:pt>
                <c:pt idx="3401">
                  <c:v>10.075300240812972</c:v>
                </c:pt>
                <c:pt idx="3402">
                  <c:v>10.075300240812972</c:v>
                </c:pt>
                <c:pt idx="3403">
                  <c:v>8.4380639516808618</c:v>
                </c:pt>
                <c:pt idx="3404">
                  <c:v>6.9267689155589176</c:v>
                </c:pt>
                <c:pt idx="3405">
                  <c:v>5.0376501204064859</c:v>
                </c:pt>
                <c:pt idx="3406">
                  <c:v>5.0376501204064859</c:v>
                </c:pt>
                <c:pt idx="3407">
                  <c:v>5.0376501204064859</c:v>
                </c:pt>
                <c:pt idx="3408">
                  <c:v>4.6385701158744235</c:v>
                </c:pt>
                <c:pt idx="3409">
                  <c:v>5.2183913803587263</c:v>
                </c:pt>
                <c:pt idx="3410">
                  <c:v>5.2183913803587263</c:v>
                </c:pt>
                <c:pt idx="3411">
                  <c:v>5.2183913803587263</c:v>
                </c:pt>
                <c:pt idx="3412">
                  <c:v>5.2183913803587263</c:v>
                </c:pt>
                <c:pt idx="3413">
                  <c:v>6.7259266680179133</c:v>
                </c:pt>
                <c:pt idx="3414">
                  <c:v>7.7696049440896608</c:v>
                </c:pt>
                <c:pt idx="3415">
                  <c:v>7.7696049440896608</c:v>
                </c:pt>
                <c:pt idx="3416">
                  <c:v>7.7696049440896608</c:v>
                </c:pt>
                <c:pt idx="3417">
                  <c:v>8.349426208573961</c:v>
                </c:pt>
                <c:pt idx="3418">
                  <c:v>9.0452117259551272</c:v>
                </c:pt>
                <c:pt idx="3419">
                  <c:v>10.436782760717453</c:v>
                </c:pt>
                <c:pt idx="3420">
                  <c:v>10.436782760717453</c:v>
                </c:pt>
                <c:pt idx="3421">
                  <c:v>10.436782760717453</c:v>
                </c:pt>
                <c:pt idx="3422">
                  <c:v>10.436782760717453</c:v>
                </c:pt>
                <c:pt idx="3423">
                  <c:v>10.436782760717453</c:v>
                </c:pt>
                <c:pt idx="3424">
                  <c:v>10.436782760717453</c:v>
                </c:pt>
                <c:pt idx="3425">
                  <c:v>10.436782760717453</c:v>
                </c:pt>
                <c:pt idx="3426">
                  <c:v>10.436782760717453</c:v>
                </c:pt>
                <c:pt idx="3427">
                  <c:v>8.6973189672645432</c:v>
                </c:pt>
                <c:pt idx="3428">
                  <c:v>6.9578551738116365</c:v>
                </c:pt>
                <c:pt idx="3429">
                  <c:v>5.2183913803587263</c:v>
                </c:pt>
                <c:pt idx="3430">
                  <c:v>5.2183913803587263</c:v>
                </c:pt>
                <c:pt idx="3431">
                  <c:v>5.2183913803587263</c:v>
                </c:pt>
                <c:pt idx="3432">
                  <c:v>5.2208870011672071</c:v>
                </c:pt>
                <c:pt idx="3433">
                  <c:v>5.2208870011672071</c:v>
                </c:pt>
                <c:pt idx="3434">
                  <c:v>5.2208870011672071</c:v>
                </c:pt>
                <c:pt idx="3435">
                  <c:v>5.2208870011672071</c:v>
                </c:pt>
                <c:pt idx="3436">
                  <c:v>5.2208870011672071</c:v>
                </c:pt>
                <c:pt idx="3437">
                  <c:v>6.7291432459488441</c:v>
                </c:pt>
                <c:pt idx="3438">
                  <c:v>7.7733206461822855</c:v>
                </c:pt>
                <c:pt idx="3439">
                  <c:v>7.7733206461822855</c:v>
                </c:pt>
                <c:pt idx="3440">
                  <c:v>7.7733206461822855</c:v>
                </c:pt>
                <c:pt idx="3441">
                  <c:v>8.3534192018675295</c:v>
                </c:pt>
                <c:pt idx="3442">
                  <c:v>9.0495374686898238</c:v>
                </c:pt>
                <c:pt idx="3443">
                  <c:v>10.441774002334414</c:v>
                </c:pt>
                <c:pt idx="3444">
                  <c:v>10.441774002334414</c:v>
                </c:pt>
                <c:pt idx="3445">
                  <c:v>10.441774002334414</c:v>
                </c:pt>
                <c:pt idx="3446">
                  <c:v>10.441774002334414</c:v>
                </c:pt>
                <c:pt idx="3447">
                  <c:v>10.441774002334414</c:v>
                </c:pt>
                <c:pt idx="3448">
                  <c:v>10.441774002334414</c:v>
                </c:pt>
                <c:pt idx="3449">
                  <c:v>10.441774002334414</c:v>
                </c:pt>
                <c:pt idx="3450">
                  <c:v>10.441774002334414</c:v>
                </c:pt>
                <c:pt idx="3451">
                  <c:v>8.7014783352786775</c:v>
                </c:pt>
                <c:pt idx="3452">
                  <c:v>6.9611826682229418</c:v>
                </c:pt>
                <c:pt idx="3453">
                  <c:v>5.2208870011672071</c:v>
                </c:pt>
                <c:pt idx="3454">
                  <c:v>5.2208870011672071</c:v>
                </c:pt>
                <c:pt idx="3455">
                  <c:v>5.2208870011672071</c:v>
                </c:pt>
                <c:pt idx="3456">
                  <c:v>5.8189107993050397</c:v>
                </c:pt>
                <c:pt idx="3457">
                  <c:v>5.8189107993050397</c:v>
                </c:pt>
                <c:pt idx="3458">
                  <c:v>5.8189107993050397</c:v>
                </c:pt>
                <c:pt idx="3459">
                  <c:v>5.8189107993050397</c:v>
                </c:pt>
                <c:pt idx="3460">
                  <c:v>5.8189107993050397</c:v>
                </c:pt>
                <c:pt idx="3461">
                  <c:v>7.4999294746598295</c:v>
                </c:pt>
                <c:pt idx="3462">
                  <c:v>9.0516390211411757</c:v>
                </c:pt>
                <c:pt idx="3463">
                  <c:v>9.0516390211411757</c:v>
                </c:pt>
                <c:pt idx="3464">
                  <c:v>9.0516390211411757</c:v>
                </c:pt>
                <c:pt idx="3465">
                  <c:v>9.6981846655083999</c:v>
                </c:pt>
                <c:pt idx="3466">
                  <c:v>10.086112052128737</c:v>
                </c:pt>
                <c:pt idx="3467">
                  <c:v>11.637821598610079</c:v>
                </c:pt>
                <c:pt idx="3468">
                  <c:v>11.637821598610079</c:v>
                </c:pt>
                <c:pt idx="3469">
                  <c:v>11.637821598610079</c:v>
                </c:pt>
                <c:pt idx="3470">
                  <c:v>11.637821598610079</c:v>
                </c:pt>
                <c:pt idx="3471">
                  <c:v>9.6981846655083999</c:v>
                </c:pt>
                <c:pt idx="3472">
                  <c:v>9.1809481500146202</c:v>
                </c:pt>
                <c:pt idx="3473">
                  <c:v>9.1809481500146202</c:v>
                </c:pt>
                <c:pt idx="3474">
                  <c:v>9.1809481500146202</c:v>
                </c:pt>
                <c:pt idx="3475">
                  <c:v>9.1809481500146202</c:v>
                </c:pt>
                <c:pt idx="3476">
                  <c:v>7.1120020880394934</c:v>
                </c:pt>
                <c:pt idx="3477">
                  <c:v>2.7154917063423523</c:v>
                </c:pt>
                <c:pt idx="3478">
                  <c:v>2.7154917063423523</c:v>
                </c:pt>
                <c:pt idx="3479">
                  <c:v>2.7154917063423523</c:v>
                </c:pt>
                <c:pt idx="3480">
                  <c:v>4.0318182946404413</c:v>
                </c:pt>
                <c:pt idx="3481">
                  <c:v>7.8716452419170544</c:v>
                </c:pt>
                <c:pt idx="3482">
                  <c:v>7.8716452419170544</c:v>
                </c:pt>
                <c:pt idx="3483">
                  <c:v>7.8716452419170544</c:v>
                </c:pt>
                <c:pt idx="3484">
                  <c:v>7.8716452419170544</c:v>
                </c:pt>
                <c:pt idx="3485">
                  <c:v>9.7915587155553592</c:v>
                </c:pt>
                <c:pt idx="3486">
                  <c:v>12.287446231285157</c:v>
                </c:pt>
                <c:pt idx="3487">
                  <c:v>14.015368357559632</c:v>
                </c:pt>
                <c:pt idx="3488">
                  <c:v>14.015368357559632</c:v>
                </c:pt>
                <c:pt idx="3489">
                  <c:v>14.015368357559632</c:v>
                </c:pt>
                <c:pt idx="3490">
                  <c:v>14.015368357559632</c:v>
                </c:pt>
                <c:pt idx="3491">
                  <c:v>14.015368357559632</c:v>
                </c:pt>
                <c:pt idx="3492">
                  <c:v>14.015368357559632</c:v>
                </c:pt>
                <c:pt idx="3493">
                  <c:v>14.015368357559632</c:v>
                </c:pt>
                <c:pt idx="3494">
                  <c:v>14.015368357559632</c:v>
                </c:pt>
                <c:pt idx="3495">
                  <c:v>12.671428926012817</c:v>
                </c:pt>
                <c:pt idx="3496">
                  <c:v>11.519480841829834</c:v>
                </c:pt>
                <c:pt idx="3497">
                  <c:v>10.367532757646853</c:v>
                </c:pt>
                <c:pt idx="3498">
                  <c:v>9.9835500629191891</c:v>
                </c:pt>
                <c:pt idx="3499">
                  <c:v>8.0636365892808826</c:v>
                </c:pt>
                <c:pt idx="3500">
                  <c:v>5.9517317682787469</c:v>
                </c:pt>
                <c:pt idx="3501">
                  <c:v>5.9517317682787469</c:v>
                </c:pt>
                <c:pt idx="3502">
                  <c:v>5.9517317682787469</c:v>
                </c:pt>
                <c:pt idx="3503">
                  <c:v>5.9517317682787469</c:v>
                </c:pt>
                <c:pt idx="3504">
                  <c:v>6.457239064334158</c:v>
                </c:pt>
                <c:pt idx="3505">
                  <c:v>7.4987292360009583</c:v>
                </c:pt>
                <c:pt idx="3506">
                  <c:v>7.4987292360009583</c:v>
                </c:pt>
                <c:pt idx="3507">
                  <c:v>7.4987292360009583</c:v>
                </c:pt>
                <c:pt idx="3508">
                  <c:v>7.4987292360009583</c:v>
                </c:pt>
                <c:pt idx="3509">
                  <c:v>9.3734115450011952</c:v>
                </c:pt>
                <c:pt idx="3510">
                  <c:v>11.039795819668077</c:v>
                </c:pt>
                <c:pt idx="3511">
                  <c:v>13.122776163001676</c:v>
                </c:pt>
                <c:pt idx="3512">
                  <c:v>13.122776163001676</c:v>
                </c:pt>
                <c:pt idx="3513">
                  <c:v>13.122776163001676</c:v>
                </c:pt>
                <c:pt idx="3514">
                  <c:v>13.122776163001676</c:v>
                </c:pt>
                <c:pt idx="3515">
                  <c:v>13.122776163001676</c:v>
                </c:pt>
                <c:pt idx="3516">
                  <c:v>13.122776163001676</c:v>
                </c:pt>
                <c:pt idx="3517">
                  <c:v>13.122776163001676</c:v>
                </c:pt>
                <c:pt idx="3518">
                  <c:v>13.122776163001676</c:v>
                </c:pt>
                <c:pt idx="3519">
                  <c:v>11.664689922668158</c:v>
                </c:pt>
                <c:pt idx="3520">
                  <c:v>11.456391888334796</c:v>
                </c:pt>
                <c:pt idx="3521">
                  <c:v>9.7900076136679175</c:v>
                </c:pt>
                <c:pt idx="3522">
                  <c:v>9.1651135106678403</c:v>
                </c:pt>
                <c:pt idx="3523">
                  <c:v>7.7070272703343186</c:v>
                </c:pt>
                <c:pt idx="3524">
                  <c:v>6.457239064334158</c:v>
                </c:pt>
                <c:pt idx="3525">
                  <c:v>5.6240469270007187</c:v>
                </c:pt>
                <c:pt idx="3526">
                  <c:v>5.6240469270007187</c:v>
                </c:pt>
                <c:pt idx="3527">
                  <c:v>5.6240469270007187</c:v>
                </c:pt>
                <c:pt idx="3528">
                  <c:v>1.8176818779082395</c:v>
                </c:pt>
                <c:pt idx="3529">
                  <c:v>1.8176818779082395</c:v>
                </c:pt>
                <c:pt idx="3530">
                  <c:v>1.8176818779082395</c:v>
                </c:pt>
                <c:pt idx="3531">
                  <c:v>1.8176818779082395</c:v>
                </c:pt>
                <c:pt idx="3532">
                  <c:v>1.8176818779082395</c:v>
                </c:pt>
                <c:pt idx="3533">
                  <c:v>7.8766214709357047</c:v>
                </c:pt>
                <c:pt idx="3534">
                  <c:v>8.9369358997155111</c:v>
                </c:pt>
                <c:pt idx="3535">
                  <c:v>8.9369358997155111</c:v>
                </c:pt>
                <c:pt idx="3536">
                  <c:v>8.9369358997155111</c:v>
                </c:pt>
                <c:pt idx="3537">
                  <c:v>9.5428298590182585</c:v>
                </c:pt>
                <c:pt idx="3538">
                  <c:v>9.5428298590182585</c:v>
                </c:pt>
                <c:pt idx="3539">
                  <c:v>12.117879186054932</c:v>
                </c:pt>
                <c:pt idx="3540">
                  <c:v>12.117879186054932</c:v>
                </c:pt>
                <c:pt idx="3541">
                  <c:v>8.0280949607613934</c:v>
                </c:pt>
                <c:pt idx="3542">
                  <c:v>12.117879186054932</c:v>
                </c:pt>
                <c:pt idx="3543">
                  <c:v>12.117879186054932</c:v>
                </c:pt>
                <c:pt idx="3544">
                  <c:v>12.117879186054932</c:v>
                </c:pt>
                <c:pt idx="3545">
                  <c:v>12.117879186054932</c:v>
                </c:pt>
                <c:pt idx="3546">
                  <c:v>12.117879186054932</c:v>
                </c:pt>
                <c:pt idx="3547">
                  <c:v>10.148723818321006</c:v>
                </c:pt>
                <c:pt idx="3548">
                  <c:v>8.3310419404127654</c:v>
                </c:pt>
                <c:pt idx="3549">
                  <c:v>6.0589395930274659</c:v>
                </c:pt>
                <c:pt idx="3550">
                  <c:v>5.7559926133760921</c:v>
                </c:pt>
                <c:pt idx="3551">
                  <c:v>5.7559926133760921</c:v>
                </c:pt>
                <c:pt idx="3552">
                  <c:v>5.2712987467465346</c:v>
                </c:pt>
                <c:pt idx="3553">
                  <c:v>5.2712987467465346</c:v>
                </c:pt>
                <c:pt idx="3554">
                  <c:v>5.2712987467465346</c:v>
                </c:pt>
                <c:pt idx="3555">
                  <c:v>5.2712987467465346</c:v>
                </c:pt>
                <c:pt idx="3556">
                  <c:v>5.2712987467465346</c:v>
                </c:pt>
                <c:pt idx="3557">
                  <c:v>6.8526883707704949</c:v>
                </c:pt>
                <c:pt idx="3558">
                  <c:v>7.6433831827824745</c:v>
                </c:pt>
                <c:pt idx="3559">
                  <c:v>7.906948120119802</c:v>
                </c:pt>
                <c:pt idx="3560">
                  <c:v>7.906948120119802</c:v>
                </c:pt>
                <c:pt idx="3561">
                  <c:v>8.5658604634631192</c:v>
                </c:pt>
                <c:pt idx="3562">
                  <c:v>8.9612078694691082</c:v>
                </c:pt>
                <c:pt idx="3563">
                  <c:v>10.542597493493069</c:v>
                </c:pt>
                <c:pt idx="3564">
                  <c:v>10.542597493493069</c:v>
                </c:pt>
                <c:pt idx="3565">
                  <c:v>10.542597493493069</c:v>
                </c:pt>
                <c:pt idx="3566">
                  <c:v>10.542597493493069</c:v>
                </c:pt>
                <c:pt idx="3567">
                  <c:v>10.542597493493069</c:v>
                </c:pt>
                <c:pt idx="3568">
                  <c:v>10.542597493493069</c:v>
                </c:pt>
                <c:pt idx="3569">
                  <c:v>10.542597493493069</c:v>
                </c:pt>
                <c:pt idx="3570">
                  <c:v>10.542597493493069</c:v>
                </c:pt>
                <c:pt idx="3571">
                  <c:v>8.8294254008004458</c:v>
                </c:pt>
                <c:pt idx="3572">
                  <c:v>7.2480357767764847</c:v>
                </c:pt>
                <c:pt idx="3573">
                  <c:v>5.2712987467465346</c:v>
                </c:pt>
                <c:pt idx="3574">
                  <c:v>5.2712987467465346</c:v>
                </c:pt>
                <c:pt idx="3575">
                  <c:v>5.2712987467465346</c:v>
                </c:pt>
                <c:pt idx="3576">
                  <c:v>4.5988486811191231</c:v>
                </c:pt>
                <c:pt idx="3577">
                  <c:v>5.1737047662590125</c:v>
                </c:pt>
                <c:pt idx="3578">
                  <c:v>5.1737047662590125</c:v>
                </c:pt>
                <c:pt idx="3579">
                  <c:v>5.1737047662590125</c:v>
                </c:pt>
                <c:pt idx="3580">
                  <c:v>5.1737047662590125</c:v>
                </c:pt>
                <c:pt idx="3581">
                  <c:v>6.6683305876227275</c:v>
                </c:pt>
                <c:pt idx="3582">
                  <c:v>7.7030715408745314</c:v>
                </c:pt>
                <c:pt idx="3583">
                  <c:v>7.7030715408745314</c:v>
                </c:pt>
                <c:pt idx="3584">
                  <c:v>7.7030715408745314</c:v>
                </c:pt>
                <c:pt idx="3585">
                  <c:v>8.2779276260144208</c:v>
                </c:pt>
                <c:pt idx="3586">
                  <c:v>8.9677549281822895</c:v>
                </c:pt>
                <c:pt idx="3587">
                  <c:v>10.347409532518025</c:v>
                </c:pt>
                <c:pt idx="3588">
                  <c:v>10.347409532518025</c:v>
                </c:pt>
                <c:pt idx="3589">
                  <c:v>10.347409532518025</c:v>
                </c:pt>
                <c:pt idx="3590">
                  <c:v>10.347409532518025</c:v>
                </c:pt>
                <c:pt idx="3591">
                  <c:v>10.347409532518025</c:v>
                </c:pt>
                <c:pt idx="3592">
                  <c:v>10.347409532518025</c:v>
                </c:pt>
                <c:pt idx="3593">
                  <c:v>10.347409532518025</c:v>
                </c:pt>
                <c:pt idx="3594">
                  <c:v>10.347409532518025</c:v>
                </c:pt>
                <c:pt idx="3595">
                  <c:v>8.6228412770983542</c:v>
                </c:pt>
                <c:pt idx="3596">
                  <c:v>6.8982730216786843</c:v>
                </c:pt>
                <c:pt idx="3597">
                  <c:v>5.1737047662590125</c:v>
                </c:pt>
                <c:pt idx="3598">
                  <c:v>5.1737047662590125</c:v>
                </c:pt>
                <c:pt idx="3599">
                  <c:v>5.1737047662590125</c:v>
                </c:pt>
                <c:pt idx="3600">
                  <c:v>5.2951353881001264</c:v>
                </c:pt>
                <c:pt idx="3601">
                  <c:v>5.2951353881001264</c:v>
                </c:pt>
                <c:pt idx="3602">
                  <c:v>5.2951353881001264</c:v>
                </c:pt>
                <c:pt idx="3603">
                  <c:v>5.2951353881001264</c:v>
                </c:pt>
                <c:pt idx="3604">
                  <c:v>5.2951353881001264</c:v>
                </c:pt>
                <c:pt idx="3605">
                  <c:v>6.8248411668846067</c:v>
                </c:pt>
                <c:pt idx="3606">
                  <c:v>7.8838682445046331</c:v>
                </c:pt>
                <c:pt idx="3607">
                  <c:v>7.8838682445046331</c:v>
                </c:pt>
                <c:pt idx="3608">
                  <c:v>7.8838682445046331</c:v>
                </c:pt>
                <c:pt idx="3609">
                  <c:v>8.4722166209602019</c:v>
                </c:pt>
                <c:pt idx="3610">
                  <c:v>9.1782346727068838</c:v>
                </c:pt>
                <c:pt idx="3611">
                  <c:v>10.590270776200253</c:v>
                </c:pt>
                <c:pt idx="3612">
                  <c:v>10.590270776200253</c:v>
                </c:pt>
                <c:pt idx="3613">
                  <c:v>10.590270776200253</c:v>
                </c:pt>
                <c:pt idx="3614">
                  <c:v>10.590270776200253</c:v>
                </c:pt>
                <c:pt idx="3615">
                  <c:v>10.590270776200253</c:v>
                </c:pt>
                <c:pt idx="3616">
                  <c:v>10.590270776200253</c:v>
                </c:pt>
                <c:pt idx="3617">
                  <c:v>10.590270776200253</c:v>
                </c:pt>
                <c:pt idx="3618">
                  <c:v>10.590270776200253</c:v>
                </c:pt>
                <c:pt idx="3619">
                  <c:v>8.8252256468335446</c:v>
                </c:pt>
                <c:pt idx="3620">
                  <c:v>7.0601805174668355</c:v>
                </c:pt>
                <c:pt idx="3621">
                  <c:v>5.2951353881001264</c:v>
                </c:pt>
                <c:pt idx="3622">
                  <c:v>5.2951353881001264</c:v>
                </c:pt>
                <c:pt idx="3623">
                  <c:v>5.2951353881001264</c:v>
                </c:pt>
                <c:pt idx="3624">
                  <c:v>5.8392377346352928</c:v>
                </c:pt>
                <c:pt idx="3625">
                  <c:v>5.8392377346352928</c:v>
                </c:pt>
                <c:pt idx="3626">
                  <c:v>5.8392377346352928</c:v>
                </c:pt>
                <c:pt idx="3627">
                  <c:v>5.8392377346352928</c:v>
                </c:pt>
                <c:pt idx="3628">
                  <c:v>5.8392377346352928</c:v>
                </c:pt>
                <c:pt idx="3629">
                  <c:v>7.5261286357521566</c:v>
                </c:pt>
                <c:pt idx="3630">
                  <c:v>9.0832586983215684</c:v>
                </c:pt>
                <c:pt idx="3631">
                  <c:v>9.0832586983215684</c:v>
                </c:pt>
                <c:pt idx="3632">
                  <c:v>9.0832586983215684</c:v>
                </c:pt>
                <c:pt idx="3633">
                  <c:v>9.7320628910588205</c:v>
                </c:pt>
                <c:pt idx="3634">
                  <c:v>10.121345406701176</c:v>
                </c:pt>
                <c:pt idx="3635">
                  <c:v>11.678475469270586</c:v>
                </c:pt>
                <c:pt idx="3636">
                  <c:v>11.678475469270586</c:v>
                </c:pt>
                <c:pt idx="3637">
                  <c:v>11.678475469270586</c:v>
                </c:pt>
                <c:pt idx="3638">
                  <c:v>11.678475469270586</c:v>
                </c:pt>
                <c:pt idx="3639">
                  <c:v>9.7320628910588205</c:v>
                </c:pt>
                <c:pt idx="3640">
                  <c:v>9.2130195368690195</c:v>
                </c:pt>
                <c:pt idx="3641">
                  <c:v>9.2130195368690195</c:v>
                </c:pt>
                <c:pt idx="3642">
                  <c:v>9.2130195368690195</c:v>
                </c:pt>
                <c:pt idx="3643">
                  <c:v>9.2130195368690195</c:v>
                </c:pt>
                <c:pt idx="3644">
                  <c:v>7.1368461201098032</c:v>
                </c:pt>
                <c:pt idx="3645">
                  <c:v>2.7249776094964702</c:v>
                </c:pt>
                <c:pt idx="3646">
                  <c:v>2.7249776094964702</c:v>
                </c:pt>
                <c:pt idx="3647">
                  <c:v>2.7249776094964702</c:v>
                </c:pt>
                <c:pt idx="3648">
                  <c:v>3.9076284932038492</c:v>
                </c:pt>
                <c:pt idx="3649">
                  <c:v>7.6291794391122787</c:v>
                </c:pt>
                <c:pt idx="3650">
                  <c:v>7.6291794391122787</c:v>
                </c:pt>
                <c:pt idx="3651">
                  <c:v>7.6291794391122787</c:v>
                </c:pt>
                <c:pt idx="3652">
                  <c:v>7.6291794391122787</c:v>
                </c:pt>
                <c:pt idx="3653">
                  <c:v>9.4899549120664926</c:v>
                </c:pt>
                <c:pt idx="3654">
                  <c:v>11.908963026906969</c:v>
                </c:pt>
                <c:pt idx="3655">
                  <c:v>13.583660952565763</c:v>
                </c:pt>
                <c:pt idx="3656">
                  <c:v>13.583660952565763</c:v>
                </c:pt>
                <c:pt idx="3657">
                  <c:v>13.583660952565763</c:v>
                </c:pt>
                <c:pt idx="3658">
                  <c:v>13.583660952565763</c:v>
                </c:pt>
                <c:pt idx="3659">
                  <c:v>13.583660952565763</c:v>
                </c:pt>
                <c:pt idx="3660">
                  <c:v>13.583660952565763</c:v>
                </c:pt>
                <c:pt idx="3661">
                  <c:v>13.583660952565763</c:v>
                </c:pt>
                <c:pt idx="3662">
                  <c:v>13.583660952565763</c:v>
                </c:pt>
                <c:pt idx="3663">
                  <c:v>12.281118121497812</c:v>
                </c:pt>
                <c:pt idx="3664">
                  <c:v>11.164652837725283</c:v>
                </c:pt>
                <c:pt idx="3665">
                  <c:v>10.048187553952756</c:v>
                </c:pt>
                <c:pt idx="3666">
                  <c:v>9.6760324593619114</c:v>
                </c:pt>
                <c:pt idx="3667">
                  <c:v>7.8152569864076984</c:v>
                </c:pt>
                <c:pt idx="3668">
                  <c:v>5.7684039661580631</c:v>
                </c:pt>
                <c:pt idx="3669">
                  <c:v>5.7684039661580631</c:v>
                </c:pt>
                <c:pt idx="3670">
                  <c:v>5.7684039661580631</c:v>
                </c:pt>
                <c:pt idx="3671">
                  <c:v>5.7684039661580631</c:v>
                </c:pt>
                <c:pt idx="3672">
                  <c:v>6.5669004315974639</c:v>
                </c:pt>
                <c:pt idx="3673">
                  <c:v>7.6260779205647973</c:v>
                </c:pt>
                <c:pt idx="3674">
                  <c:v>7.6260779205647973</c:v>
                </c:pt>
                <c:pt idx="3675">
                  <c:v>7.6260779205647973</c:v>
                </c:pt>
                <c:pt idx="3676">
                  <c:v>7.6260779205647973</c:v>
                </c:pt>
                <c:pt idx="3677">
                  <c:v>9.5325974007059955</c:v>
                </c:pt>
                <c:pt idx="3678">
                  <c:v>11.227281383053729</c:v>
                </c:pt>
                <c:pt idx="3679">
                  <c:v>13.345636360988395</c:v>
                </c:pt>
                <c:pt idx="3680">
                  <c:v>13.345636360988395</c:v>
                </c:pt>
                <c:pt idx="3681">
                  <c:v>13.345636360988395</c:v>
                </c:pt>
                <c:pt idx="3682">
                  <c:v>13.345636360988395</c:v>
                </c:pt>
                <c:pt idx="3683">
                  <c:v>13.345636360988395</c:v>
                </c:pt>
                <c:pt idx="3684">
                  <c:v>13.345636360988395</c:v>
                </c:pt>
                <c:pt idx="3685">
                  <c:v>13.345636360988395</c:v>
                </c:pt>
                <c:pt idx="3686">
                  <c:v>13.345636360988395</c:v>
                </c:pt>
                <c:pt idx="3687">
                  <c:v>11.862787876434128</c:v>
                </c:pt>
                <c:pt idx="3688">
                  <c:v>11.65095237864066</c:v>
                </c:pt>
                <c:pt idx="3689">
                  <c:v>9.9562683962929288</c:v>
                </c:pt>
                <c:pt idx="3690">
                  <c:v>9.3207619029125297</c:v>
                </c:pt>
                <c:pt idx="3691">
                  <c:v>7.8379134183582639</c:v>
                </c:pt>
                <c:pt idx="3692">
                  <c:v>6.5669004315974639</c:v>
                </c:pt>
                <c:pt idx="3693">
                  <c:v>5.7195584404235982</c:v>
                </c:pt>
                <c:pt idx="3694">
                  <c:v>5.7195584404235982</c:v>
                </c:pt>
                <c:pt idx="3695">
                  <c:v>5.7195584404235982</c:v>
                </c:pt>
                <c:pt idx="3696">
                  <c:v>1.7732345023077429</c:v>
                </c:pt>
                <c:pt idx="3697">
                  <c:v>1.7732345023077429</c:v>
                </c:pt>
                <c:pt idx="3698">
                  <c:v>1.7732345023077429</c:v>
                </c:pt>
                <c:pt idx="3699">
                  <c:v>1.7732345023077429</c:v>
                </c:pt>
                <c:pt idx="3700">
                  <c:v>1.7732345023077429</c:v>
                </c:pt>
                <c:pt idx="3701">
                  <c:v>7.6840161766668862</c:v>
                </c:pt>
                <c:pt idx="3702">
                  <c:v>8.7184029696797349</c:v>
                </c:pt>
                <c:pt idx="3703">
                  <c:v>8.7184029696797349</c:v>
                </c:pt>
                <c:pt idx="3704">
                  <c:v>8.7184029696797349</c:v>
                </c:pt>
                <c:pt idx="3705">
                  <c:v>9.3094811371156521</c:v>
                </c:pt>
                <c:pt idx="3706">
                  <c:v>9.3094811371156521</c:v>
                </c:pt>
                <c:pt idx="3707">
                  <c:v>11.821563348718287</c:v>
                </c:pt>
                <c:pt idx="3708">
                  <c:v>11.821563348718287</c:v>
                </c:pt>
                <c:pt idx="3709">
                  <c:v>7.8317857185258646</c:v>
                </c:pt>
                <c:pt idx="3710">
                  <c:v>11.821563348718287</c:v>
                </c:pt>
                <c:pt idx="3711">
                  <c:v>11.821563348718287</c:v>
                </c:pt>
                <c:pt idx="3712">
                  <c:v>11.821563348718287</c:v>
                </c:pt>
                <c:pt idx="3713">
                  <c:v>11.821563348718287</c:v>
                </c:pt>
                <c:pt idx="3714">
                  <c:v>11.821563348718287</c:v>
                </c:pt>
                <c:pt idx="3715">
                  <c:v>9.9005593045515639</c:v>
                </c:pt>
                <c:pt idx="3716">
                  <c:v>8.1273248022438214</c:v>
                </c:pt>
                <c:pt idx="3717">
                  <c:v>5.9107816743591437</c:v>
                </c:pt>
                <c:pt idx="3718">
                  <c:v>5.615242590641186</c:v>
                </c:pt>
                <c:pt idx="3719">
                  <c:v>5.615242590641186</c:v>
                </c:pt>
                <c:pt idx="3720">
                  <c:v>5.1822897462360391</c:v>
                </c:pt>
                <c:pt idx="3721">
                  <c:v>5.1822897462360391</c:v>
                </c:pt>
                <c:pt idx="3722">
                  <c:v>5.1822897462360391</c:v>
                </c:pt>
                <c:pt idx="3723">
                  <c:v>5.1822897462360391</c:v>
                </c:pt>
                <c:pt idx="3724">
                  <c:v>5.1822897462360391</c:v>
                </c:pt>
                <c:pt idx="3725">
                  <c:v>6.7369766701068512</c:v>
                </c:pt>
                <c:pt idx="3726">
                  <c:v>7.5143201320422577</c:v>
                </c:pt>
                <c:pt idx="3727">
                  <c:v>7.7734346193540604</c:v>
                </c:pt>
                <c:pt idx="3728">
                  <c:v>7.7734346193540604</c:v>
                </c:pt>
                <c:pt idx="3729">
                  <c:v>8.4212208376335642</c:v>
                </c:pt>
                <c:pt idx="3730">
                  <c:v>8.809892568601267</c:v>
                </c:pt>
                <c:pt idx="3731">
                  <c:v>10.364579492472078</c:v>
                </c:pt>
                <c:pt idx="3732">
                  <c:v>10.364579492472078</c:v>
                </c:pt>
                <c:pt idx="3733">
                  <c:v>10.364579492472078</c:v>
                </c:pt>
                <c:pt idx="3734">
                  <c:v>10.364579492472078</c:v>
                </c:pt>
                <c:pt idx="3735">
                  <c:v>10.364579492472078</c:v>
                </c:pt>
                <c:pt idx="3736">
                  <c:v>10.364579492472078</c:v>
                </c:pt>
                <c:pt idx="3737">
                  <c:v>10.364579492472078</c:v>
                </c:pt>
                <c:pt idx="3738">
                  <c:v>10.364579492472078</c:v>
                </c:pt>
                <c:pt idx="3739">
                  <c:v>8.6803353249453661</c:v>
                </c:pt>
                <c:pt idx="3740">
                  <c:v>7.125648401074554</c:v>
                </c:pt>
                <c:pt idx="3741">
                  <c:v>5.1822897462360391</c:v>
                </c:pt>
                <c:pt idx="3742">
                  <c:v>5.1822897462360391</c:v>
                </c:pt>
                <c:pt idx="3743">
                  <c:v>5.1822897462360391</c:v>
                </c:pt>
                <c:pt idx="3744">
                  <c:v>4.6418802354373661</c:v>
                </c:pt>
                <c:pt idx="3745">
                  <c:v>5.2221152648670364</c:v>
                </c:pt>
                <c:pt idx="3746">
                  <c:v>5.2221152648670364</c:v>
                </c:pt>
                <c:pt idx="3747">
                  <c:v>5.2221152648670364</c:v>
                </c:pt>
                <c:pt idx="3748">
                  <c:v>5.2221152648670364</c:v>
                </c:pt>
                <c:pt idx="3749">
                  <c:v>6.7307263413841794</c:v>
                </c:pt>
                <c:pt idx="3750">
                  <c:v>7.7751493943575882</c:v>
                </c:pt>
                <c:pt idx="3751">
                  <c:v>7.7751493943575882</c:v>
                </c:pt>
                <c:pt idx="3752">
                  <c:v>7.7751493943575882</c:v>
                </c:pt>
                <c:pt idx="3753">
                  <c:v>8.3553844237872585</c:v>
                </c:pt>
                <c:pt idx="3754">
                  <c:v>9.0516664591028633</c:v>
                </c:pt>
                <c:pt idx="3755">
                  <c:v>10.444230529734073</c:v>
                </c:pt>
                <c:pt idx="3756">
                  <c:v>10.444230529734073</c:v>
                </c:pt>
                <c:pt idx="3757">
                  <c:v>10.444230529734073</c:v>
                </c:pt>
                <c:pt idx="3758">
                  <c:v>10.444230529734073</c:v>
                </c:pt>
                <c:pt idx="3759">
                  <c:v>10.444230529734073</c:v>
                </c:pt>
                <c:pt idx="3760">
                  <c:v>10.444230529734073</c:v>
                </c:pt>
                <c:pt idx="3761">
                  <c:v>10.444230529734073</c:v>
                </c:pt>
                <c:pt idx="3762">
                  <c:v>10.444230529734073</c:v>
                </c:pt>
                <c:pt idx="3763">
                  <c:v>8.7035254414450591</c:v>
                </c:pt>
                <c:pt idx="3764">
                  <c:v>6.9628203531560482</c:v>
                </c:pt>
                <c:pt idx="3765">
                  <c:v>5.2221152648670364</c:v>
                </c:pt>
                <c:pt idx="3766">
                  <c:v>5.2221152648670364</c:v>
                </c:pt>
                <c:pt idx="3767">
                  <c:v>5.2221152648670364</c:v>
                </c:pt>
                <c:pt idx="3768">
                  <c:v>5.1874752270473934</c:v>
                </c:pt>
                <c:pt idx="3769">
                  <c:v>5.1874752270473934</c:v>
                </c:pt>
                <c:pt idx="3770">
                  <c:v>5.1874752270473934</c:v>
                </c:pt>
                <c:pt idx="3771">
                  <c:v>5.1874752270473934</c:v>
                </c:pt>
                <c:pt idx="3772">
                  <c:v>5.1874752270473934</c:v>
                </c:pt>
                <c:pt idx="3773">
                  <c:v>6.6860791815277514</c:v>
                </c:pt>
                <c:pt idx="3774">
                  <c:v>7.7235742269372309</c:v>
                </c:pt>
                <c:pt idx="3775">
                  <c:v>7.7235742269372309</c:v>
                </c:pt>
                <c:pt idx="3776">
                  <c:v>7.7235742269372309</c:v>
                </c:pt>
                <c:pt idx="3777">
                  <c:v>8.2999603632758294</c:v>
                </c:pt>
                <c:pt idx="3778">
                  <c:v>8.9916237268821479</c:v>
                </c:pt>
                <c:pt idx="3779">
                  <c:v>10.374950454094787</c:v>
                </c:pt>
                <c:pt idx="3780">
                  <c:v>10.374950454094787</c:v>
                </c:pt>
                <c:pt idx="3781">
                  <c:v>10.374950454094787</c:v>
                </c:pt>
                <c:pt idx="3782">
                  <c:v>10.374950454094787</c:v>
                </c:pt>
                <c:pt idx="3783">
                  <c:v>10.374950454094787</c:v>
                </c:pt>
                <c:pt idx="3784">
                  <c:v>10.374950454094787</c:v>
                </c:pt>
                <c:pt idx="3785">
                  <c:v>10.374950454094787</c:v>
                </c:pt>
                <c:pt idx="3786">
                  <c:v>10.374950454094787</c:v>
                </c:pt>
                <c:pt idx="3787">
                  <c:v>8.6457920450789896</c:v>
                </c:pt>
                <c:pt idx="3788">
                  <c:v>6.9166336360631915</c:v>
                </c:pt>
                <c:pt idx="3789">
                  <c:v>5.1874752270473934</c:v>
                </c:pt>
                <c:pt idx="3790">
                  <c:v>5.1874752270473934</c:v>
                </c:pt>
                <c:pt idx="3791">
                  <c:v>5.1874752270473934</c:v>
                </c:pt>
                <c:pt idx="3792">
                  <c:v>5.668491477861167</c:v>
                </c:pt>
                <c:pt idx="3793">
                  <c:v>5.668491477861167</c:v>
                </c:pt>
                <c:pt idx="3794">
                  <c:v>5.668491477861167</c:v>
                </c:pt>
                <c:pt idx="3795">
                  <c:v>5.668491477861167</c:v>
                </c:pt>
                <c:pt idx="3796">
                  <c:v>5.668491477861167</c:v>
                </c:pt>
                <c:pt idx="3797">
                  <c:v>7.3060556825766154</c:v>
                </c:pt>
                <c:pt idx="3798">
                  <c:v>8.81765341000626</c:v>
                </c:pt>
                <c:pt idx="3799">
                  <c:v>8.81765341000626</c:v>
                </c:pt>
                <c:pt idx="3800">
                  <c:v>8.81765341000626</c:v>
                </c:pt>
                <c:pt idx="3801">
                  <c:v>9.447485796435279</c:v>
                </c:pt>
                <c:pt idx="3802">
                  <c:v>9.8253852282926903</c:v>
                </c:pt>
                <c:pt idx="3803">
                  <c:v>11.336982955722334</c:v>
                </c:pt>
                <c:pt idx="3804">
                  <c:v>11.336982955722334</c:v>
                </c:pt>
                <c:pt idx="3805">
                  <c:v>11.336982955722334</c:v>
                </c:pt>
                <c:pt idx="3806">
                  <c:v>11.336982955722334</c:v>
                </c:pt>
                <c:pt idx="3807">
                  <c:v>9.447485796435279</c:v>
                </c:pt>
                <c:pt idx="3808">
                  <c:v>8.9436198872920638</c:v>
                </c:pt>
                <c:pt idx="3809">
                  <c:v>8.9436198872920638</c:v>
                </c:pt>
                <c:pt idx="3810">
                  <c:v>8.9436198872920638</c:v>
                </c:pt>
                <c:pt idx="3811">
                  <c:v>8.9436198872920638</c:v>
                </c:pt>
                <c:pt idx="3812">
                  <c:v>6.928156250719204</c:v>
                </c:pt>
                <c:pt idx="3813">
                  <c:v>2.6452960230018783</c:v>
                </c:pt>
                <c:pt idx="3814">
                  <c:v>2.6452960230018783</c:v>
                </c:pt>
                <c:pt idx="3815">
                  <c:v>2.6452960230018783</c:v>
                </c:pt>
                <c:pt idx="3816">
                  <c:v>3.443550814151318</c:v>
                </c:pt>
                <c:pt idx="3817">
                  <c:v>6.7231230181049559</c:v>
                </c:pt>
                <c:pt idx="3818">
                  <c:v>6.7231230181049559</c:v>
                </c:pt>
                <c:pt idx="3819">
                  <c:v>6.7231230181049559</c:v>
                </c:pt>
                <c:pt idx="3820">
                  <c:v>6.7231230181049559</c:v>
                </c:pt>
                <c:pt idx="3821">
                  <c:v>8.362909120081774</c:v>
                </c:pt>
                <c:pt idx="3822">
                  <c:v>10.494631052651638</c:v>
                </c:pt>
                <c:pt idx="3823">
                  <c:v>11.970438544430774</c:v>
                </c:pt>
                <c:pt idx="3824">
                  <c:v>11.970438544430774</c:v>
                </c:pt>
                <c:pt idx="3825">
                  <c:v>11.970438544430774</c:v>
                </c:pt>
                <c:pt idx="3826">
                  <c:v>11.970438544430774</c:v>
                </c:pt>
                <c:pt idx="3827">
                  <c:v>11.970438544430774</c:v>
                </c:pt>
                <c:pt idx="3828">
                  <c:v>11.970438544430774</c:v>
                </c:pt>
                <c:pt idx="3829">
                  <c:v>11.970438544430774</c:v>
                </c:pt>
                <c:pt idx="3830">
                  <c:v>11.970438544430774</c:v>
                </c:pt>
                <c:pt idx="3831">
                  <c:v>10.822588273047002</c:v>
                </c:pt>
                <c:pt idx="3832">
                  <c:v>9.8387166118609102</c:v>
                </c:pt>
                <c:pt idx="3833">
                  <c:v>8.8548449506748206</c:v>
                </c:pt>
                <c:pt idx="3834">
                  <c:v>8.526887730279455</c:v>
                </c:pt>
                <c:pt idx="3835">
                  <c:v>6.8871016283026361</c:v>
                </c:pt>
                <c:pt idx="3836">
                  <c:v>5.0833369161281361</c:v>
                </c:pt>
                <c:pt idx="3837">
                  <c:v>5.0833369161281361</c:v>
                </c:pt>
                <c:pt idx="3838">
                  <c:v>5.0833369161281361</c:v>
                </c:pt>
                <c:pt idx="3839">
                  <c:v>5.0833369161281361</c:v>
                </c:pt>
                <c:pt idx="3840">
                  <c:v>5.5341204496614189</c:v>
                </c:pt>
                <c:pt idx="3841">
                  <c:v>6.4267205221874546</c:v>
                </c:pt>
                <c:pt idx="3842">
                  <c:v>6.4267205221874546</c:v>
                </c:pt>
                <c:pt idx="3843">
                  <c:v>6.4267205221874546</c:v>
                </c:pt>
                <c:pt idx="3844">
                  <c:v>6.4267205221874546</c:v>
                </c:pt>
                <c:pt idx="3845">
                  <c:v>8.0334006527343185</c:v>
                </c:pt>
                <c:pt idx="3846">
                  <c:v>9.4615607687759766</c:v>
                </c:pt>
                <c:pt idx="3847">
                  <c:v>11.246760913828046</c:v>
                </c:pt>
                <c:pt idx="3848">
                  <c:v>11.246760913828046</c:v>
                </c:pt>
                <c:pt idx="3849">
                  <c:v>11.246760913828046</c:v>
                </c:pt>
                <c:pt idx="3850">
                  <c:v>11.246760913828046</c:v>
                </c:pt>
                <c:pt idx="3851">
                  <c:v>11.246760913828046</c:v>
                </c:pt>
                <c:pt idx="3852">
                  <c:v>11.246760913828046</c:v>
                </c:pt>
                <c:pt idx="3853">
                  <c:v>11.246760913828046</c:v>
                </c:pt>
                <c:pt idx="3854">
                  <c:v>11.246760913828046</c:v>
                </c:pt>
                <c:pt idx="3855">
                  <c:v>9.9971208122915964</c:v>
                </c:pt>
                <c:pt idx="3856">
                  <c:v>9.8186007977863881</c:v>
                </c:pt>
                <c:pt idx="3857">
                  <c:v>8.3904406817447335</c:v>
                </c:pt>
                <c:pt idx="3858">
                  <c:v>7.8548806382291119</c:v>
                </c:pt>
                <c:pt idx="3859">
                  <c:v>6.605240536692663</c:v>
                </c:pt>
                <c:pt idx="3860">
                  <c:v>5.5341204496614189</c:v>
                </c:pt>
                <c:pt idx="3861">
                  <c:v>4.8200403916405916</c:v>
                </c:pt>
                <c:pt idx="3862">
                  <c:v>4.8200403916405916</c:v>
                </c:pt>
                <c:pt idx="3863">
                  <c:v>4.8200403916405916</c:v>
                </c:pt>
                <c:pt idx="3864">
                  <c:v>1.690689376192535</c:v>
                </c:pt>
                <c:pt idx="3865">
                  <c:v>1.690689376192535</c:v>
                </c:pt>
                <c:pt idx="3866">
                  <c:v>1.690689376192535</c:v>
                </c:pt>
                <c:pt idx="3867">
                  <c:v>1.690689376192535</c:v>
                </c:pt>
                <c:pt idx="3868">
                  <c:v>1.690689376192535</c:v>
                </c:pt>
                <c:pt idx="3869">
                  <c:v>7.3263206301676531</c:v>
                </c:pt>
                <c:pt idx="3870">
                  <c:v>8.3125560996132979</c:v>
                </c:pt>
                <c:pt idx="3871">
                  <c:v>8.3125560996132979</c:v>
                </c:pt>
                <c:pt idx="3872">
                  <c:v>8.3125560996132979</c:v>
                </c:pt>
                <c:pt idx="3873">
                  <c:v>8.876119225010811</c:v>
                </c:pt>
                <c:pt idx="3874">
                  <c:v>8.876119225010811</c:v>
                </c:pt>
                <c:pt idx="3875">
                  <c:v>11.271262507950235</c:v>
                </c:pt>
                <c:pt idx="3876">
                  <c:v>11.271262507950235</c:v>
                </c:pt>
                <c:pt idx="3877">
                  <c:v>7.4672114115170309</c:v>
                </c:pt>
                <c:pt idx="3878">
                  <c:v>11.271262507950235</c:v>
                </c:pt>
                <c:pt idx="3879">
                  <c:v>11.271262507950235</c:v>
                </c:pt>
                <c:pt idx="3880">
                  <c:v>11.271262507950235</c:v>
                </c:pt>
                <c:pt idx="3881">
                  <c:v>11.271262507950235</c:v>
                </c:pt>
                <c:pt idx="3882">
                  <c:v>11.271262507950235</c:v>
                </c:pt>
                <c:pt idx="3883">
                  <c:v>9.4396823504083223</c:v>
                </c:pt>
                <c:pt idx="3884">
                  <c:v>7.7489929742157848</c:v>
                </c:pt>
                <c:pt idx="3885">
                  <c:v>5.6356312539751174</c:v>
                </c:pt>
                <c:pt idx="3886">
                  <c:v>5.3538496912763609</c:v>
                </c:pt>
                <c:pt idx="3887">
                  <c:v>5.3538496912763609</c:v>
                </c:pt>
                <c:pt idx="3888">
                  <c:v>4.9338062864775729</c:v>
                </c:pt>
                <c:pt idx="3889">
                  <c:v>4.9338062864775729</c:v>
                </c:pt>
                <c:pt idx="3890">
                  <c:v>4.9338062864775729</c:v>
                </c:pt>
                <c:pt idx="3891">
                  <c:v>4.9338062864775729</c:v>
                </c:pt>
                <c:pt idx="3892">
                  <c:v>4.9338062864775729</c:v>
                </c:pt>
                <c:pt idx="3893">
                  <c:v>6.4139481724208443</c:v>
                </c:pt>
                <c:pt idx="3894">
                  <c:v>7.1540191153924804</c:v>
                </c:pt>
                <c:pt idx="3895">
                  <c:v>7.4007094297163603</c:v>
                </c:pt>
                <c:pt idx="3896">
                  <c:v>7.4007094297163603</c:v>
                </c:pt>
                <c:pt idx="3897">
                  <c:v>8.0174352155260564</c:v>
                </c:pt>
                <c:pt idx="3898">
                  <c:v>8.3874706870118736</c:v>
                </c:pt>
                <c:pt idx="3899">
                  <c:v>9.8676125729551458</c:v>
                </c:pt>
                <c:pt idx="3900">
                  <c:v>9.8676125729551458</c:v>
                </c:pt>
                <c:pt idx="3901">
                  <c:v>9.8676125729551458</c:v>
                </c:pt>
                <c:pt idx="3902">
                  <c:v>9.8676125729551458</c:v>
                </c:pt>
                <c:pt idx="3903">
                  <c:v>9.8676125729551458</c:v>
                </c:pt>
                <c:pt idx="3904">
                  <c:v>9.8676125729551458</c:v>
                </c:pt>
                <c:pt idx="3905">
                  <c:v>9.8676125729551458</c:v>
                </c:pt>
                <c:pt idx="3906">
                  <c:v>9.8676125729551458</c:v>
                </c:pt>
                <c:pt idx="3907">
                  <c:v>8.2641255298499363</c:v>
                </c:pt>
                <c:pt idx="3908">
                  <c:v>6.7839836439066623</c:v>
                </c:pt>
                <c:pt idx="3909">
                  <c:v>4.9338062864775729</c:v>
                </c:pt>
                <c:pt idx="3910">
                  <c:v>4.9338062864775729</c:v>
                </c:pt>
                <c:pt idx="3911">
                  <c:v>4.9338062864775729</c:v>
                </c:pt>
                <c:pt idx="3912">
                  <c:v>4.3704504312761401</c:v>
                </c:pt>
                <c:pt idx="3913">
                  <c:v>4.9167567351856567</c:v>
                </c:pt>
                <c:pt idx="3914">
                  <c:v>4.9167567351856567</c:v>
                </c:pt>
                <c:pt idx="3915">
                  <c:v>4.9167567351856567</c:v>
                </c:pt>
                <c:pt idx="3916">
                  <c:v>4.9167567351856567</c:v>
                </c:pt>
                <c:pt idx="3917">
                  <c:v>6.3371531253504028</c:v>
                </c:pt>
                <c:pt idx="3918">
                  <c:v>7.3205044723875341</c:v>
                </c:pt>
                <c:pt idx="3919">
                  <c:v>7.3205044723875341</c:v>
                </c:pt>
                <c:pt idx="3920">
                  <c:v>7.3205044723875341</c:v>
                </c:pt>
                <c:pt idx="3921">
                  <c:v>7.8668107762970507</c:v>
                </c:pt>
                <c:pt idx="3922">
                  <c:v>8.522378340988471</c:v>
                </c:pt>
                <c:pt idx="3923">
                  <c:v>9.8335134703713134</c:v>
                </c:pt>
                <c:pt idx="3924">
                  <c:v>9.8335134703713134</c:v>
                </c:pt>
                <c:pt idx="3925">
                  <c:v>9.8335134703713134</c:v>
                </c:pt>
                <c:pt idx="3926">
                  <c:v>9.8335134703713134</c:v>
                </c:pt>
                <c:pt idx="3927">
                  <c:v>9.8335134703713134</c:v>
                </c:pt>
                <c:pt idx="3928">
                  <c:v>9.8335134703713134</c:v>
                </c:pt>
                <c:pt idx="3929">
                  <c:v>9.8335134703713134</c:v>
                </c:pt>
                <c:pt idx="3930">
                  <c:v>9.8335134703713134</c:v>
                </c:pt>
                <c:pt idx="3931">
                  <c:v>8.1945945586427609</c:v>
                </c:pt>
                <c:pt idx="3932">
                  <c:v>6.5556756469142101</c:v>
                </c:pt>
                <c:pt idx="3933">
                  <c:v>4.9167567351856567</c:v>
                </c:pt>
                <c:pt idx="3934">
                  <c:v>4.9167567351856567</c:v>
                </c:pt>
                <c:pt idx="3935">
                  <c:v>4.9167567351856567</c:v>
                </c:pt>
                <c:pt idx="3936">
                  <c:v>4.8719195825824846</c:v>
                </c:pt>
                <c:pt idx="3937">
                  <c:v>4.8719195825824846</c:v>
                </c:pt>
                <c:pt idx="3938">
                  <c:v>4.8719195825824846</c:v>
                </c:pt>
                <c:pt idx="3939">
                  <c:v>4.8719195825824846</c:v>
                </c:pt>
                <c:pt idx="3940">
                  <c:v>4.8719195825824846</c:v>
                </c:pt>
                <c:pt idx="3941">
                  <c:v>6.2793630175507573</c:v>
                </c:pt>
                <c:pt idx="3942">
                  <c:v>7.2537469340672551</c:v>
                </c:pt>
                <c:pt idx="3943">
                  <c:v>7.2537469340672551</c:v>
                </c:pt>
                <c:pt idx="3944">
                  <c:v>7.2537469340672551</c:v>
                </c:pt>
                <c:pt idx="3945">
                  <c:v>7.7950713321319745</c:v>
                </c:pt>
                <c:pt idx="3946">
                  <c:v>8.4446606098096382</c:v>
                </c:pt>
                <c:pt idx="3947">
                  <c:v>9.7438391651649692</c:v>
                </c:pt>
                <c:pt idx="3948">
                  <c:v>9.7438391651649692</c:v>
                </c:pt>
                <c:pt idx="3949">
                  <c:v>9.7438391651649692</c:v>
                </c:pt>
                <c:pt idx="3950">
                  <c:v>9.7438391651649692</c:v>
                </c:pt>
                <c:pt idx="3951">
                  <c:v>9.7438391651649692</c:v>
                </c:pt>
                <c:pt idx="3952">
                  <c:v>9.7438391651649692</c:v>
                </c:pt>
                <c:pt idx="3953">
                  <c:v>9.7438391651649692</c:v>
                </c:pt>
                <c:pt idx="3954">
                  <c:v>9.7438391651649692</c:v>
                </c:pt>
                <c:pt idx="3955">
                  <c:v>8.1198659709708068</c:v>
                </c:pt>
                <c:pt idx="3956">
                  <c:v>6.4958927767766452</c:v>
                </c:pt>
                <c:pt idx="3957">
                  <c:v>4.8719195825824846</c:v>
                </c:pt>
                <c:pt idx="3958">
                  <c:v>4.8719195825824846</c:v>
                </c:pt>
                <c:pt idx="3959">
                  <c:v>4.8719195825824846</c:v>
                </c:pt>
                <c:pt idx="3960">
                  <c:v>5.3391951255110666</c:v>
                </c:pt>
                <c:pt idx="3961">
                  <c:v>5.3391951255110666</c:v>
                </c:pt>
                <c:pt idx="3962">
                  <c:v>5.3391951255110666</c:v>
                </c:pt>
                <c:pt idx="3963">
                  <c:v>5.3391951255110666</c:v>
                </c:pt>
                <c:pt idx="3964">
                  <c:v>5.3391951255110666</c:v>
                </c:pt>
                <c:pt idx="3965">
                  <c:v>6.8816292728809305</c:v>
                </c:pt>
                <c:pt idx="3966">
                  <c:v>8.3054146396838817</c:v>
                </c:pt>
                <c:pt idx="3967">
                  <c:v>8.3054146396838817</c:v>
                </c:pt>
                <c:pt idx="3968">
                  <c:v>8.3054146396838817</c:v>
                </c:pt>
                <c:pt idx="3969">
                  <c:v>8.8986585425184437</c:v>
                </c:pt>
                <c:pt idx="3970">
                  <c:v>9.2546048842191819</c:v>
                </c:pt>
                <c:pt idx="3971">
                  <c:v>10.678390251022133</c:v>
                </c:pt>
                <c:pt idx="3972">
                  <c:v>10.678390251022133</c:v>
                </c:pt>
                <c:pt idx="3973">
                  <c:v>10.678390251022133</c:v>
                </c:pt>
                <c:pt idx="3974">
                  <c:v>10.678390251022133</c:v>
                </c:pt>
                <c:pt idx="3975">
                  <c:v>8.8986585425184437</c:v>
                </c:pt>
                <c:pt idx="3976">
                  <c:v>8.4240634202507945</c:v>
                </c:pt>
                <c:pt idx="3977">
                  <c:v>8.4240634202507945</c:v>
                </c:pt>
                <c:pt idx="3978">
                  <c:v>8.4240634202507945</c:v>
                </c:pt>
                <c:pt idx="3979">
                  <c:v>8.4240634202507945</c:v>
                </c:pt>
                <c:pt idx="3980">
                  <c:v>6.5256829311801932</c:v>
                </c:pt>
                <c:pt idx="3981">
                  <c:v>2.4916243919051646</c:v>
                </c:pt>
                <c:pt idx="3982">
                  <c:v>2.4916243919051646</c:v>
                </c:pt>
                <c:pt idx="3983">
                  <c:v>2.4916243919051646</c:v>
                </c:pt>
                <c:pt idx="3984">
                  <c:v>3.3227758626320338</c:v>
                </c:pt>
                <c:pt idx="3985">
                  <c:v>6.4873243032339722</c:v>
                </c:pt>
                <c:pt idx="3986">
                  <c:v>6.4873243032339722</c:v>
                </c:pt>
                <c:pt idx="3987">
                  <c:v>6.4873243032339722</c:v>
                </c:pt>
                <c:pt idx="3988">
                  <c:v>6.4873243032339722</c:v>
                </c:pt>
                <c:pt idx="3989">
                  <c:v>8.0695985235349408</c:v>
                </c:pt>
                <c:pt idx="3990">
                  <c:v>10.1265550099262</c:v>
                </c:pt>
                <c:pt idx="3991">
                  <c:v>11.550601808197072</c:v>
                </c:pt>
                <c:pt idx="3992">
                  <c:v>11.550601808197072</c:v>
                </c:pt>
                <c:pt idx="3993">
                  <c:v>11.550601808197072</c:v>
                </c:pt>
                <c:pt idx="3994">
                  <c:v>11.550601808197072</c:v>
                </c:pt>
                <c:pt idx="3995">
                  <c:v>11.550601808197072</c:v>
                </c:pt>
                <c:pt idx="3996">
                  <c:v>11.550601808197072</c:v>
                </c:pt>
                <c:pt idx="3997">
                  <c:v>11.550601808197072</c:v>
                </c:pt>
                <c:pt idx="3998">
                  <c:v>11.550601808197072</c:v>
                </c:pt>
                <c:pt idx="3999">
                  <c:v>10.443009853986393</c:v>
                </c:pt>
                <c:pt idx="4000">
                  <c:v>9.4936453218058112</c:v>
                </c:pt>
                <c:pt idx="4001">
                  <c:v>8.5442807896252315</c:v>
                </c:pt>
                <c:pt idx="4002">
                  <c:v>8.2278259455650353</c:v>
                </c:pt>
                <c:pt idx="4003">
                  <c:v>6.6455517252640677</c:v>
                </c:pt>
                <c:pt idx="4004">
                  <c:v>4.9050500829330019</c:v>
                </c:pt>
                <c:pt idx="4005">
                  <c:v>4.9050500829330019</c:v>
                </c:pt>
                <c:pt idx="4006">
                  <c:v>4.9050500829330019</c:v>
                </c:pt>
                <c:pt idx="4007">
                  <c:v>4.9050500829330019</c:v>
                </c:pt>
                <c:pt idx="4008">
                  <c:v>5.5135059865036933</c:v>
                </c:pt>
                <c:pt idx="4009">
                  <c:v>6.4027811456171912</c:v>
                </c:pt>
                <c:pt idx="4010">
                  <c:v>6.4027811456171912</c:v>
                </c:pt>
                <c:pt idx="4011">
                  <c:v>6.4027811456171912</c:v>
                </c:pt>
                <c:pt idx="4012">
                  <c:v>6.4027811456171912</c:v>
                </c:pt>
                <c:pt idx="4013">
                  <c:v>8.0034764320214897</c:v>
                </c:pt>
                <c:pt idx="4014">
                  <c:v>9.426316686603089</c:v>
                </c:pt>
                <c:pt idx="4015">
                  <c:v>11.204867004830087</c:v>
                </c:pt>
                <c:pt idx="4016">
                  <c:v>11.204867004830087</c:v>
                </c:pt>
                <c:pt idx="4017">
                  <c:v>11.204867004830087</c:v>
                </c:pt>
                <c:pt idx="4018">
                  <c:v>11.204867004830087</c:v>
                </c:pt>
                <c:pt idx="4019">
                  <c:v>11.204867004830087</c:v>
                </c:pt>
                <c:pt idx="4020">
                  <c:v>11.204867004830087</c:v>
                </c:pt>
                <c:pt idx="4021">
                  <c:v>11.204867004830087</c:v>
                </c:pt>
                <c:pt idx="4022">
                  <c:v>11.204867004830087</c:v>
                </c:pt>
                <c:pt idx="4023">
                  <c:v>9.9598817820711876</c:v>
                </c:pt>
                <c:pt idx="4024">
                  <c:v>9.7820267502484874</c:v>
                </c:pt>
                <c:pt idx="4025">
                  <c:v>8.35918649566689</c:v>
                </c:pt>
                <c:pt idx="4026">
                  <c:v>7.8256214001987914</c:v>
                </c:pt>
                <c:pt idx="4027">
                  <c:v>6.5806361774398923</c:v>
                </c:pt>
                <c:pt idx="4028">
                  <c:v>5.5135059865036933</c:v>
                </c:pt>
                <c:pt idx="4029">
                  <c:v>4.8020858592128937</c:v>
                </c:pt>
                <c:pt idx="4030">
                  <c:v>4.8020858592128937</c:v>
                </c:pt>
                <c:pt idx="4031">
                  <c:v>4.8020858592128937</c:v>
                </c:pt>
                <c:pt idx="4032">
                  <c:v>1.6246532753003686</c:v>
                </c:pt>
                <c:pt idx="4033">
                  <c:v>1.6246532753003686</c:v>
                </c:pt>
                <c:pt idx="4034">
                  <c:v>1.6246532753003686</c:v>
                </c:pt>
                <c:pt idx="4035">
                  <c:v>1.6246532753003686</c:v>
                </c:pt>
                <c:pt idx="4036">
                  <c:v>1.6246532753003686</c:v>
                </c:pt>
                <c:pt idx="4037">
                  <c:v>7.0401641929682635</c:v>
                </c:pt>
                <c:pt idx="4038">
                  <c:v>7.987878603560147</c:v>
                </c:pt>
                <c:pt idx="4039">
                  <c:v>7.987878603560147</c:v>
                </c:pt>
                <c:pt idx="4040">
                  <c:v>7.987878603560147</c:v>
                </c:pt>
                <c:pt idx="4041">
                  <c:v>8.5294296953269377</c:v>
                </c:pt>
                <c:pt idx="4042">
                  <c:v>8.5294296953269377</c:v>
                </c:pt>
                <c:pt idx="4043">
                  <c:v>10.831021835335791</c:v>
                </c:pt>
                <c:pt idx="4044">
                  <c:v>10.831021835335791</c:v>
                </c:pt>
                <c:pt idx="4045">
                  <c:v>7.1755519659099631</c:v>
                </c:pt>
                <c:pt idx="4046">
                  <c:v>10.831021835335791</c:v>
                </c:pt>
                <c:pt idx="4047">
                  <c:v>10.831021835335791</c:v>
                </c:pt>
                <c:pt idx="4048">
                  <c:v>10.831021835335791</c:v>
                </c:pt>
                <c:pt idx="4049">
                  <c:v>10.831021835335791</c:v>
                </c:pt>
                <c:pt idx="4050">
                  <c:v>10.831021835335791</c:v>
                </c:pt>
                <c:pt idx="4051">
                  <c:v>9.0709807870937258</c:v>
                </c:pt>
                <c:pt idx="4052">
                  <c:v>7.4463275117933563</c:v>
                </c:pt>
                <c:pt idx="4053">
                  <c:v>5.4155109176678957</c:v>
                </c:pt>
                <c:pt idx="4054">
                  <c:v>5.1447353717845008</c:v>
                </c:pt>
                <c:pt idx="4055">
                  <c:v>5.1447353717845008</c:v>
                </c:pt>
                <c:pt idx="4056">
                  <c:v>4.7446621603927719</c:v>
                </c:pt>
                <c:pt idx="4057">
                  <c:v>4.7446621603927719</c:v>
                </c:pt>
                <c:pt idx="4058">
                  <c:v>4.7446621603927719</c:v>
                </c:pt>
                <c:pt idx="4059">
                  <c:v>4.7446621603927719</c:v>
                </c:pt>
                <c:pt idx="4060">
                  <c:v>4.7446621603927719</c:v>
                </c:pt>
                <c:pt idx="4061">
                  <c:v>6.168060808510603</c:v>
                </c:pt>
                <c:pt idx="4062">
                  <c:v>6.8797601325695181</c:v>
                </c:pt>
                <c:pt idx="4063">
                  <c:v>7.1169932405891583</c:v>
                </c:pt>
                <c:pt idx="4064">
                  <c:v>7.1169932405891583</c:v>
                </c:pt>
                <c:pt idx="4065">
                  <c:v>7.7100760106382538</c:v>
                </c:pt>
                <c:pt idx="4066">
                  <c:v>8.0659256726677118</c:v>
                </c:pt>
                <c:pt idx="4067">
                  <c:v>9.4893243207855438</c:v>
                </c:pt>
                <c:pt idx="4068">
                  <c:v>9.4893243207855438</c:v>
                </c:pt>
                <c:pt idx="4069">
                  <c:v>9.4893243207855438</c:v>
                </c:pt>
                <c:pt idx="4070">
                  <c:v>9.4893243207855438</c:v>
                </c:pt>
                <c:pt idx="4071">
                  <c:v>9.4893243207855438</c:v>
                </c:pt>
                <c:pt idx="4072">
                  <c:v>9.4893243207855438</c:v>
                </c:pt>
                <c:pt idx="4073">
                  <c:v>9.4893243207855438</c:v>
                </c:pt>
                <c:pt idx="4074">
                  <c:v>9.4893243207855438</c:v>
                </c:pt>
                <c:pt idx="4075">
                  <c:v>7.947309118657893</c:v>
                </c:pt>
                <c:pt idx="4076">
                  <c:v>6.523910470540061</c:v>
                </c:pt>
                <c:pt idx="4077">
                  <c:v>4.7446621603927719</c:v>
                </c:pt>
                <c:pt idx="4078">
                  <c:v>4.7446621603927719</c:v>
                </c:pt>
                <c:pt idx="4079">
                  <c:v>4.7446621603927719</c:v>
                </c:pt>
                <c:pt idx="4080">
                  <c:v>4.2214950509437594</c:v>
                </c:pt>
                <c:pt idx="4081">
                  <c:v>4.7491819323117292</c:v>
                </c:pt>
                <c:pt idx="4082">
                  <c:v>4.7491819323117292</c:v>
                </c:pt>
                <c:pt idx="4083">
                  <c:v>4.7491819323117292</c:v>
                </c:pt>
                <c:pt idx="4084">
                  <c:v>4.7491819323117292</c:v>
                </c:pt>
                <c:pt idx="4085">
                  <c:v>6.1211678238684497</c:v>
                </c:pt>
                <c:pt idx="4086">
                  <c:v>7.0710042103307984</c:v>
                </c:pt>
                <c:pt idx="4087">
                  <c:v>7.0710042103307984</c:v>
                </c:pt>
                <c:pt idx="4088">
                  <c:v>7.0710042103307984</c:v>
                </c:pt>
                <c:pt idx="4089">
                  <c:v>7.5986910916987664</c:v>
                </c:pt>
                <c:pt idx="4090">
                  <c:v>8.2319153493403299</c:v>
                </c:pt>
                <c:pt idx="4091">
                  <c:v>9.4983638646234585</c:v>
                </c:pt>
                <c:pt idx="4092">
                  <c:v>9.4983638646234585</c:v>
                </c:pt>
                <c:pt idx="4093">
                  <c:v>9.4983638646234585</c:v>
                </c:pt>
                <c:pt idx="4094">
                  <c:v>9.4983638646234585</c:v>
                </c:pt>
                <c:pt idx="4095">
                  <c:v>9.4983638646234585</c:v>
                </c:pt>
                <c:pt idx="4096">
                  <c:v>9.4983638646234585</c:v>
                </c:pt>
                <c:pt idx="4097">
                  <c:v>9.4983638646234585</c:v>
                </c:pt>
                <c:pt idx="4098">
                  <c:v>9.4983638646234585</c:v>
                </c:pt>
                <c:pt idx="4099">
                  <c:v>7.9153032205195499</c:v>
                </c:pt>
                <c:pt idx="4100">
                  <c:v>6.3322425764156405</c:v>
                </c:pt>
                <c:pt idx="4101">
                  <c:v>4.7491819323117292</c:v>
                </c:pt>
                <c:pt idx="4102">
                  <c:v>4.7491819323117292</c:v>
                </c:pt>
                <c:pt idx="4103">
                  <c:v>4.7491819323117292</c:v>
                </c:pt>
                <c:pt idx="4104">
                  <c:v>4.7048607119834154</c:v>
                </c:pt>
                <c:pt idx="4105">
                  <c:v>4.7048607119834154</c:v>
                </c:pt>
                <c:pt idx="4106">
                  <c:v>4.7048607119834154</c:v>
                </c:pt>
                <c:pt idx="4107">
                  <c:v>4.7048607119834154</c:v>
                </c:pt>
                <c:pt idx="4108">
                  <c:v>4.7048607119834154</c:v>
                </c:pt>
                <c:pt idx="4109">
                  <c:v>6.0640426954452895</c:v>
                </c:pt>
                <c:pt idx="4110">
                  <c:v>7.0050148378419737</c:v>
                </c:pt>
                <c:pt idx="4111">
                  <c:v>7.0050148378419737</c:v>
                </c:pt>
                <c:pt idx="4112">
                  <c:v>7.0050148378419737</c:v>
                </c:pt>
                <c:pt idx="4113">
                  <c:v>7.5277771391734642</c:v>
                </c:pt>
                <c:pt idx="4114">
                  <c:v>8.1550919007712537</c:v>
                </c:pt>
                <c:pt idx="4115">
                  <c:v>9.4097214239668308</c:v>
                </c:pt>
                <c:pt idx="4116">
                  <c:v>9.4097214239668308</c:v>
                </c:pt>
                <c:pt idx="4117">
                  <c:v>9.4097214239668308</c:v>
                </c:pt>
                <c:pt idx="4118">
                  <c:v>9.4097214239668308</c:v>
                </c:pt>
                <c:pt idx="4119">
                  <c:v>9.4097214239668308</c:v>
                </c:pt>
                <c:pt idx="4120">
                  <c:v>9.4097214239668308</c:v>
                </c:pt>
                <c:pt idx="4121">
                  <c:v>9.4097214239668308</c:v>
                </c:pt>
                <c:pt idx="4122">
                  <c:v>9.4097214239668308</c:v>
                </c:pt>
                <c:pt idx="4123">
                  <c:v>7.841434519972359</c:v>
                </c:pt>
                <c:pt idx="4124">
                  <c:v>6.2731476159778872</c:v>
                </c:pt>
                <c:pt idx="4125">
                  <c:v>4.7048607119834154</c:v>
                </c:pt>
                <c:pt idx="4126">
                  <c:v>4.7048607119834154</c:v>
                </c:pt>
                <c:pt idx="4127">
                  <c:v>4.7048607119834154</c:v>
                </c:pt>
                <c:pt idx="4128">
                  <c:v>5.3676528349734198</c:v>
                </c:pt>
                <c:pt idx="4129">
                  <c:v>5.3676528349734198</c:v>
                </c:pt>
                <c:pt idx="4130">
                  <c:v>5.3676528349734198</c:v>
                </c:pt>
                <c:pt idx="4131">
                  <c:v>5.3676528349734198</c:v>
                </c:pt>
                <c:pt idx="4132">
                  <c:v>5.3676528349734198</c:v>
                </c:pt>
                <c:pt idx="4133">
                  <c:v>6.9183080984101855</c:v>
                </c:pt>
                <c:pt idx="4134">
                  <c:v>8.3496821877364304</c:v>
                </c:pt>
                <c:pt idx="4135">
                  <c:v>8.3496821877364304</c:v>
                </c:pt>
                <c:pt idx="4136">
                  <c:v>8.3496821877364304</c:v>
                </c:pt>
                <c:pt idx="4137">
                  <c:v>8.9460880582890336</c:v>
                </c:pt>
                <c:pt idx="4138">
                  <c:v>9.3039315806205956</c:v>
                </c:pt>
                <c:pt idx="4139">
                  <c:v>10.73530566994684</c:v>
                </c:pt>
                <c:pt idx="4140">
                  <c:v>10.73530566994684</c:v>
                </c:pt>
                <c:pt idx="4141">
                  <c:v>10.73530566994684</c:v>
                </c:pt>
                <c:pt idx="4142">
                  <c:v>10.73530566994684</c:v>
                </c:pt>
                <c:pt idx="4143">
                  <c:v>8.9460880582890336</c:v>
                </c:pt>
                <c:pt idx="4144">
                  <c:v>8.4689633618469529</c:v>
                </c:pt>
                <c:pt idx="4145">
                  <c:v>8.4689633618469529</c:v>
                </c:pt>
                <c:pt idx="4146">
                  <c:v>8.4689633618469529</c:v>
                </c:pt>
                <c:pt idx="4147">
                  <c:v>8.4689633618469529</c:v>
                </c:pt>
                <c:pt idx="4148">
                  <c:v>6.5604645760786244</c:v>
                </c:pt>
                <c:pt idx="4149">
                  <c:v>2.5049046563209294</c:v>
                </c:pt>
                <c:pt idx="4150">
                  <c:v>2.5049046563209294</c:v>
                </c:pt>
                <c:pt idx="4151">
                  <c:v>2.5049046563209294</c:v>
                </c:pt>
                <c:pt idx="4152">
                  <c:v>3.6200310582980553</c:v>
                </c:pt>
                <c:pt idx="4153">
                  <c:v>7.0676796852485841</c:v>
                </c:pt>
                <c:pt idx="4154">
                  <c:v>7.0676796852485841</c:v>
                </c:pt>
                <c:pt idx="4155">
                  <c:v>7.0676796852485841</c:v>
                </c:pt>
                <c:pt idx="4156">
                  <c:v>7.0676796852485841</c:v>
                </c:pt>
                <c:pt idx="4157">
                  <c:v>8.791503998723849</c:v>
                </c:pt>
                <c:pt idx="4158">
                  <c:v>11.032475606241693</c:v>
                </c:pt>
                <c:pt idx="4159">
                  <c:v>12.583917488369432</c:v>
                </c:pt>
                <c:pt idx="4160">
                  <c:v>12.583917488369432</c:v>
                </c:pt>
                <c:pt idx="4161">
                  <c:v>12.583917488369432</c:v>
                </c:pt>
                <c:pt idx="4162">
                  <c:v>12.583917488369432</c:v>
                </c:pt>
                <c:pt idx="4163">
                  <c:v>12.583917488369432</c:v>
                </c:pt>
                <c:pt idx="4164">
                  <c:v>12.583917488369432</c:v>
                </c:pt>
                <c:pt idx="4165">
                  <c:v>12.583917488369432</c:v>
                </c:pt>
                <c:pt idx="4166">
                  <c:v>12.583917488369432</c:v>
                </c:pt>
                <c:pt idx="4167">
                  <c:v>11.377240468936746</c:v>
                </c:pt>
                <c:pt idx="4168">
                  <c:v>10.342945880851588</c:v>
                </c:pt>
                <c:pt idx="4169">
                  <c:v>9.3086512927664291</c:v>
                </c:pt>
                <c:pt idx="4170">
                  <c:v>8.9638864300713745</c:v>
                </c:pt>
                <c:pt idx="4171">
                  <c:v>7.2400621165961105</c:v>
                </c:pt>
                <c:pt idx="4172">
                  <c:v>5.3438553717733202</c:v>
                </c:pt>
                <c:pt idx="4173">
                  <c:v>5.3438553717733202</c:v>
                </c:pt>
                <c:pt idx="4174">
                  <c:v>5.3438553717733202</c:v>
                </c:pt>
                <c:pt idx="4175">
                  <c:v>5.3438553717733202</c:v>
                </c:pt>
                <c:pt idx="4176">
                  <c:v>5.7005756302173465</c:v>
                </c:pt>
                <c:pt idx="4177">
                  <c:v>6.6200233125104671</c:v>
                </c:pt>
                <c:pt idx="4178">
                  <c:v>6.6200233125104671</c:v>
                </c:pt>
                <c:pt idx="4179">
                  <c:v>6.6200233125104671</c:v>
                </c:pt>
                <c:pt idx="4180">
                  <c:v>6.6200233125104671</c:v>
                </c:pt>
                <c:pt idx="4181">
                  <c:v>8.2750291406380825</c:v>
                </c:pt>
                <c:pt idx="4182">
                  <c:v>9.7461454323070775</c:v>
                </c:pt>
                <c:pt idx="4183">
                  <c:v>11.585040796893319</c:v>
                </c:pt>
                <c:pt idx="4184">
                  <c:v>11.585040796893319</c:v>
                </c:pt>
                <c:pt idx="4185">
                  <c:v>11.585040796893319</c:v>
                </c:pt>
                <c:pt idx="4186">
                  <c:v>11.585040796893319</c:v>
                </c:pt>
                <c:pt idx="4187">
                  <c:v>11.585040796893319</c:v>
                </c:pt>
                <c:pt idx="4188">
                  <c:v>11.585040796893319</c:v>
                </c:pt>
                <c:pt idx="4189">
                  <c:v>11.585040796893319</c:v>
                </c:pt>
                <c:pt idx="4190">
                  <c:v>11.585040796893319</c:v>
                </c:pt>
                <c:pt idx="4191">
                  <c:v>10.297814041682949</c:v>
                </c:pt>
                <c:pt idx="4192">
                  <c:v>10.113924505224324</c:v>
                </c:pt>
                <c:pt idx="4193">
                  <c:v>8.6428082135553339</c:v>
                </c:pt>
                <c:pt idx="4194">
                  <c:v>8.0911396041794603</c:v>
                </c:pt>
                <c:pt idx="4195">
                  <c:v>6.8039128489690928</c:v>
                </c:pt>
                <c:pt idx="4196">
                  <c:v>5.7005756302173465</c:v>
                </c:pt>
                <c:pt idx="4197">
                  <c:v>4.9650174843828516</c:v>
                </c:pt>
                <c:pt idx="4198">
                  <c:v>4.9650174843828516</c:v>
                </c:pt>
                <c:pt idx="4199">
                  <c:v>4.9650174843828516</c:v>
                </c:pt>
                <c:pt idx="4200">
                  <c:v>1.6398923755062527</c:v>
                </c:pt>
                <c:pt idx="4201">
                  <c:v>1.6398923755062527</c:v>
                </c:pt>
                <c:pt idx="4202">
                  <c:v>1.6398923755062527</c:v>
                </c:pt>
                <c:pt idx="4203">
                  <c:v>1.6398923755062527</c:v>
                </c:pt>
                <c:pt idx="4204">
                  <c:v>1.6398923755062527</c:v>
                </c:pt>
                <c:pt idx="4205">
                  <c:v>7.1062002938604305</c:v>
                </c:pt>
                <c:pt idx="4206">
                  <c:v>8.0628041795724101</c:v>
                </c:pt>
                <c:pt idx="4207">
                  <c:v>8.0628041795724101</c:v>
                </c:pt>
                <c:pt idx="4208">
                  <c:v>8.0628041795724101</c:v>
                </c:pt>
                <c:pt idx="4209">
                  <c:v>8.6094349714078291</c:v>
                </c:pt>
                <c:pt idx="4210">
                  <c:v>8.6094349714078291</c:v>
                </c:pt>
                <c:pt idx="4211">
                  <c:v>10.932615836708354</c:v>
                </c:pt>
                <c:pt idx="4212">
                  <c:v>10.932615836708354</c:v>
                </c:pt>
                <c:pt idx="4213">
                  <c:v>7.2428579918192844</c:v>
                </c:pt>
                <c:pt idx="4214">
                  <c:v>10.932615836708354</c:v>
                </c:pt>
                <c:pt idx="4215">
                  <c:v>10.932615836708354</c:v>
                </c:pt>
                <c:pt idx="4216">
                  <c:v>10.932615836708354</c:v>
                </c:pt>
                <c:pt idx="4217">
                  <c:v>10.932615836708354</c:v>
                </c:pt>
                <c:pt idx="4218">
                  <c:v>10.932615836708354</c:v>
                </c:pt>
                <c:pt idx="4219">
                  <c:v>9.1560657632432463</c:v>
                </c:pt>
                <c:pt idx="4220">
                  <c:v>7.5161733877369912</c:v>
                </c:pt>
                <c:pt idx="4221">
                  <c:v>5.4663079183541772</c:v>
                </c:pt>
                <c:pt idx="4222">
                  <c:v>5.1929925224364677</c:v>
                </c:pt>
                <c:pt idx="4223">
                  <c:v>5.1929925224364677</c:v>
                </c:pt>
                <c:pt idx="4224">
                  <c:v>4.6259834930454442</c:v>
                </c:pt>
                <c:pt idx="4225">
                  <c:v>4.6259834930454442</c:v>
                </c:pt>
                <c:pt idx="4226">
                  <c:v>4.6259834930454442</c:v>
                </c:pt>
                <c:pt idx="4227">
                  <c:v>4.6259834930454442</c:v>
                </c:pt>
                <c:pt idx="4228">
                  <c:v>4.6259834930454442</c:v>
                </c:pt>
                <c:pt idx="4229">
                  <c:v>6.0137785409590752</c:v>
                </c:pt>
                <c:pt idx="4230">
                  <c:v>6.7076760649158924</c:v>
                </c:pt>
                <c:pt idx="4231">
                  <c:v>6.9389752395681654</c:v>
                </c:pt>
                <c:pt idx="4232">
                  <c:v>6.9389752395681654</c:v>
                </c:pt>
                <c:pt idx="4233">
                  <c:v>7.5172231761988462</c:v>
                </c:pt>
                <c:pt idx="4234">
                  <c:v>7.8641719381772539</c:v>
                </c:pt>
                <c:pt idx="4235">
                  <c:v>9.2519669860908884</c:v>
                </c:pt>
                <c:pt idx="4236">
                  <c:v>9.2519669860908884</c:v>
                </c:pt>
                <c:pt idx="4237">
                  <c:v>9.2519669860908884</c:v>
                </c:pt>
                <c:pt idx="4238">
                  <c:v>9.2519669860908884</c:v>
                </c:pt>
                <c:pt idx="4239">
                  <c:v>9.2519669860908884</c:v>
                </c:pt>
                <c:pt idx="4240">
                  <c:v>9.2519669860908884</c:v>
                </c:pt>
                <c:pt idx="4241">
                  <c:v>9.2519669860908884</c:v>
                </c:pt>
                <c:pt idx="4242">
                  <c:v>9.2519669860908884</c:v>
                </c:pt>
                <c:pt idx="4243">
                  <c:v>7.7485223508511183</c:v>
                </c:pt>
                <c:pt idx="4244">
                  <c:v>6.3607273029374856</c:v>
                </c:pt>
                <c:pt idx="4245">
                  <c:v>4.6259834930454442</c:v>
                </c:pt>
                <c:pt idx="4246">
                  <c:v>4.6259834930454442</c:v>
                </c:pt>
                <c:pt idx="4247">
                  <c:v>4.6259834930454442</c:v>
                </c:pt>
                <c:pt idx="4248">
                  <c:v>4.3340391160837806</c:v>
                </c:pt>
                <c:pt idx="4249">
                  <c:v>4.8757940055942521</c:v>
                </c:pt>
                <c:pt idx="4250">
                  <c:v>4.8757940055942521</c:v>
                </c:pt>
                <c:pt idx="4251">
                  <c:v>4.8757940055942521</c:v>
                </c:pt>
                <c:pt idx="4252">
                  <c:v>4.8757940055942521</c:v>
                </c:pt>
                <c:pt idx="4253">
                  <c:v>6.2843567183214812</c:v>
                </c:pt>
                <c:pt idx="4254">
                  <c:v>7.259515519440332</c:v>
                </c:pt>
                <c:pt idx="4255">
                  <c:v>7.259515519440332</c:v>
                </c:pt>
                <c:pt idx="4256">
                  <c:v>7.259515519440332</c:v>
                </c:pt>
                <c:pt idx="4257">
                  <c:v>7.8012704089508045</c:v>
                </c:pt>
                <c:pt idx="4258">
                  <c:v>8.4513762763633711</c:v>
                </c:pt>
                <c:pt idx="4259">
                  <c:v>9.7515880111885043</c:v>
                </c:pt>
                <c:pt idx="4260">
                  <c:v>9.7515880111885043</c:v>
                </c:pt>
                <c:pt idx="4261">
                  <c:v>9.7515880111885043</c:v>
                </c:pt>
                <c:pt idx="4262">
                  <c:v>9.7515880111885043</c:v>
                </c:pt>
                <c:pt idx="4263">
                  <c:v>9.7515880111885043</c:v>
                </c:pt>
                <c:pt idx="4264">
                  <c:v>9.7515880111885043</c:v>
                </c:pt>
                <c:pt idx="4265">
                  <c:v>9.7515880111885043</c:v>
                </c:pt>
                <c:pt idx="4266">
                  <c:v>9.7515880111885043</c:v>
                </c:pt>
                <c:pt idx="4267">
                  <c:v>8.1263233426570878</c:v>
                </c:pt>
                <c:pt idx="4268">
                  <c:v>6.5010586741256704</c:v>
                </c:pt>
                <c:pt idx="4269">
                  <c:v>4.8757940055942521</c:v>
                </c:pt>
                <c:pt idx="4270">
                  <c:v>4.8757940055942521</c:v>
                </c:pt>
                <c:pt idx="4271">
                  <c:v>4.8757940055942521</c:v>
                </c:pt>
                <c:pt idx="4272">
                  <c:v>4.8310829697693789</c:v>
                </c:pt>
                <c:pt idx="4273">
                  <c:v>4.8310829697693789</c:v>
                </c:pt>
                <c:pt idx="4274">
                  <c:v>4.8310829697693789</c:v>
                </c:pt>
                <c:pt idx="4275">
                  <c:v>4.8310829697693789</c:v>
                </c:pt>
                <c:pt idx="4276">
                  <c:v>4.8310829697693789</c:v>
                </c:pt>
                <c:pt idx="4277">
                  <c:v>6.2267291610360882</c:v>
                </c:pt>
                <c:pt idx="4278">
                  <c:v>7.1929457549899638</c:v>
                </c:pt>
                <c:pt idx="4279">
                  <c:v>7.1929457549899638</c:v>
                </c:pt>
                <c:pt idx="4280">
                  <c:v>7.1929457549899638</c:v>
                </c:pt>
                <c:pt idx="4281">
                  <c:v>7.7297327516310066</c:v>
                </c:pt>
                <c:pt idx="4282">
                  <c:v>8.3738771476002558</c:v>
                </c:pt>
                <c:pt idx="4283">
                  <c:v>9.6621659395387578</c:v>
                </c:pt>
                <c:pt idx="4284">
                  <c:v>9.6621659395387578</c:v>
                </c:pt>
                <c:pt idx="4285">
                  <c:v>9.6621659395387578</c:v>
                </c:pt>
                <c:pt idx="4286">
                  <c:v>9.6621659395387578</c:v>
                </c:pt>
                <c:pt idx="4287">
                  <c:v>9.6621659395387578</c:v>
                </c:pt>
                <c:pt idx="4288">
                  <c:v>9.6621659395387578</c:v>
                </c:pt>
                <c:pt idx="4289">
                  <c:v>9.6621659395387578</c:v>
                </c:pt>
                <c:pt idx="4290">
                  <c:v>9.6621659395387578</c:v>
                </c:pt>
                <c:pt idx="4291">
                  <c:v>8.0518049496156312</c:v>
                </c:pt>
                <c:pt idx="4292">
                  <c:v>6.4414439596925055</c:v>
                </c:pt>
                <c:pt idx="4293">
                  <c:v>4.8310829697693789</c:v>
                </c:pt>
                <c:pt idx="4294">
                  <c:v>4.8310829697693789</c:v>
                </c:pt>
                <c:pt idx="4295">
                  <c:v>4.8310829697693789</c:v>
                </c:pt>
                <c:pt idx="4296">
                  <c:v>5.4936798340209902</c:v>
                </c:pt>
                <c:pt idx="4297">
                  <c:v>5.4936798340209902</c:v>
                </c:pt>
                <c:pt idx="4298">
                  <c:v>5.4936798340209902</c:v>
                </c:pt>
                <c:pt idx="4299">
                  <c:v>5.4936798340209902</c:v>
                </c:pt>
                <c:pt idx="4300">
                  <c:v>5.4936798340209902</c:v>
                </c:pt>
                <c:pt idx="4301">
                  <c:v>7.0807428971826099</c:v>
                </c:pt>
                <c:pt idx="4302">
                  <c:v>8.5457241862548727</c:v>
                </c:pt>
                <c:pt idx="4303">
                  <c:v>8.5457241862548727</c:v>
                </c:pt>
                <c:pt idx="4304">
                  <c:v>8.5457241862548727</c:v>
                </c:pt>
                <c:pt idx="4305">
                  <c:v>9.1561330567016501</c:v>
                </c:pt>
                <c:pt idx="4306">
                  <c:v>9.5223783789697158</c:v>
                </c:pt>
                <c:pt idx="4307">
                  <c:v>10.98735966804198</c:v>
                </c:pt>
                <c:pt idx="4308">
                  <c:v>10.98735966804198</c:v>
                </c:pt>
                <c:pt idx="4309">
                  <c:v>10.98735966804198</c:v>
                </c:pt>
                <c:pt idx="4310">
                  <c:v>10.98735966804198</c:v>
                </c:pt>
                <c:pt idx="4311">
                  <c:v>9.1561330567016501</c:v>
                </c:pt>
                <c:pt idx="4312">
                  <c:v>8.6678059603442286</c:v>
                </c:pt>
                <c:pt idx="4313">
                  <c:v>8.6678059603442286</c:v>
                </c:pt>
                <c:pt idx="4314">
                  <c:v>8.6678059603442286</c:v>
                </c:pt>
                <c:pt idx="4315">
                  <c:v>8.6678059603442286</c:v>
                </c:pt>
                <c:pt idx="4316">
                  <c:v>6.7144975749145432</c:v>
                </c:pt>
                <c:pt idx="4317">
                  <c:v>2.5637172558764618</c:v>
                </c:pt>
                <c:pt idx="4318">
                  <c:v>2.5637172558764618</c:v>
                </c:pt>
                <c:pt idx="4319">
                  <c:v>2.5637172558764618</c:v>
                </c:pt>
                <c:pt idx="4320">
                  <c:v>3.5742769209266791</c:v>
                </c:pt>
                <c:pt idx="4321">
                  <c:v>6.9783501789520885</c:v>
                </c:pt>
                <c:pt idx="4322">
                  <c:v>6.9783501789520885</c:v>
                </c:pt>
                <c:pt idx="4323">
                  <c:v>6.9783501789520885</c:v>
                </c:pt>
                <c:pt idx="4324">
                  <c:v>6.9783501789520885</c:v>
                </c:pt>
                <c:pt idx="4325">
                  <c:v>8.6803868079647941</c:v>
                </c:pt>
                <c:pt idx="4326">
                  <c:v>10.893034425681307</c:v>
                </c:pt>
                <c:pt idx="4327">
                  <c:v>12.424867391792741</c:v>
                </c:pt>
                <c:pt idx="4328">
                  <c:v>12.424867391792741</c:v>
                </c:pt>
                <c:pt idx="4329">
                  <c:v>12.424867391792741</c:v>
                </c:pt>
                <c:pt idx="4330">
                  <c:v>12.424867391792741</c:v>
                </c:pt>
                <c:pt idx="4331">
                  <c:v>12.424867391792741</c:v>
                </c:pt>
                <c:pt idx="4332">
                  <c:v>12.424867391792741</c:v>
                </c:pt>
                <c:pt idx="4333">
                  <c:v>12.424867391792741</c:v>
                </c:pt>
                <c:pt idx="4334">
                  <c:v>12.424867391792741</c:v>
                </c:pt>
                <c:pt idx="4335">
                  <c:v>11.233441751483848</c:v>
                </c:pt>
                <c:pt idx="4336">
                  <c:v>10.212219774076228</c:v>
                </c:pt>
                <c:pt idx="4337">
                  <c:v>9.1909977966686025</c:v>
                </c:pt>
                <c:pt idx="4338">
                  <c:v>8.850590470866063</c:v>
                </c:pt>
                <c:pt idx="4339">
                  <c:v>7.1485538418533583</c:v>
                </c:pt>
                <c:pt idx="4340">
                  <c:v>5.276313549939383</c:v>
                </c:pt>
                <c:pt idx="4341">
                  <c:v>5.276313549939383</c:v>
                </c:pt>
                <c:pt idx="4342">
                  <c:v>5.276313549939383</c:v>
                </c:pt>
                <c:pt idx="4343">
                  <c:v>5.276313549939383</c:v>
                </c:pt>
                <c:pt idx="4344">
                  <c:v>5.95279677492295</c:v>
                </c:pt>
                <c:pt idx="4345">
                  <c:v>6.9129252870072966</c:v>
                </c:pt>
                <c:pt idx="4346">
                  <c:v>6.9129252870072966</c:v>
                </c:pt>
                <c:pt idx="4347">
                  <c:v>6.9129252870072966</c:v>
                </c:pt>
                <c:pt idx="4348">
                  <c:v>6.9129252870072966</c:v>
                </c:pt>
                <c:pt idx="4349">
                  <c:v>8.6411566087591201</c:v>
                </c:pt>
                <c:pt idx="4350">
                  <c:v>10.177362228094076</c:v>
                </c:pt>
                <c:pt idx="4351">
                  <c:v>12.097619252262769</c:v>
                </c:pt>
                <c:pt idx="4352">
                  <c:v>12.097619252262769</c:v>
                </c:pt>
                <c:pt idx="4353">
                  <c:v>12.097619252262769</c:v>
                </c:pt>
                <c:pt idx="4354">
                  <c:v>12.097619252262769</c:v>
                </c:pt>
                <c:pt idx="4355">
                  <c:v>12.097619252262769</c:v>
                </c:pt>
                <c:pt idx="4356">
                  <c:v>12.097619252262769</c:v>
                </c:pt>
                <c:pt idx="4357">
                  <c:v>12.097619252262769</c:v>
                </c:pt>
                <c:pt idx="4358">
                  <c:v>12.097619252262769</c:v>
                </c:pt>
                <c:pt idx="4359">
                  <c:v>10.753439335344682</c:v>
                </c:pt>
                <c:pt idx="4360">
                  <c:v>10.561413632927815</c:v>
                </c:pt>
                <c:pt idx="4361">
                  <c:v>9.0252080135928612</c:v>
                </c:pt>
                <c:pt idx="4362">
                  <c:v>8.4491309063422531</c:v>
                </c:pt>
                <c:pt idx="4363">
                  <c:v>7.1049509894241663</c:v>
                </c:pt>
                <c:pt idx="4364">
                  <c:v>5.95279677492295</c:v>
                </c:pt>
                <c:pt idx="4365">
                  <c:v>5.1846939652554731</c:v>
                </c:pt>
                <c:pt idx="4366">
                  <c:v>5.1846939652554731</c:v>
                </c:pt>
                <c:pt idx="4367">
                  <c:v>5.1846939652554731</c:v>
                </c:pt>
                <c:pt idx="4368">
                  <c:v>1.6716405009351794</c:v>
                </c:pt>
                <c:pt idx="4369">
                  <c:v>1.6716405009351794</c:v>
                </c:pt>
                <c:pt idx="4370">
                  <c:v>1.6716405009351794</c:v>
                </c:pt>
                <c:pt idx="4371">
                  <c:v>1.6716405009351794</c:v>
                </c:pt>
                <c:pt idx="4372">
                  <c:v>1.6716405009351794</c:v>
                </c:pt>
                <c:pt idx="4373">
                  <c:v>7.2437755040524427</c:v>
                </c:pt>
                <c:pt idx="4374">
                  <c:v>8.2188991295979648</c:v>
                </c:pt>
                <c:pt idx="4375">
                  <c:v>8.2188991295979648</c:v>
                </c:pt>
                <c:pt idx="4376">
                  <c:v>8.2188991295979648</c:v>
                </c:pt>
                <c:pt idx="4377">
                  <c:v>8.7761126299096919</c:v>
                </c:pt>
                <c:pt idx="4378">
                  <c:v>8.7761126299096919</c:v>
                </c:pt>
                <c:pt idx="4379">
                  <c:v>11.14427000623453</c:v>
                </c:pt>
                <c:pt idx="4380">
                  <c:v>11.14427000623453</c:v>
                </c:pt>
                <c:pt idx="4381">
                  <c:v>7.3830788791303741</c:v>
                </c:pt>
                <c:pt idx="4382">
                  <c:v>11.14427000623453</c:v>
                </c:pt>
                <c:pt idx="4383">
                  <c:v>11.14427000623453</c:v>
                </c:pt>
                <c:pt idx="4384">
                  <c:v>11.14427000623453</c:v>
                </c:pt>
                <c:pt idx="4385">
                  <c:v>11.14427000623453</c:v>
                </c:pt>
                <c:pt idx="4386">
                  <c:v>11.14427000623453</c:v>
                </c:pt>
                <c:pt idx="4387">
                  <c:v>9.3333261302214172</c:v>
                </c:pt>
                <c:pt idx="4388">
                  <c:v>7.6616856292862385</c:v>
                </c:pt>
                <c:pt idx="4389">
                  <c:v>5.572135003117265</c:v>
                </c:pt>
                <c:pt idx="4390">
                  <c:v>5.2935282529614005</c:v>
                </c:pt>
                <c:pt idx="4391">
                  <c:v>5.2935282529614005</c:v>
                </c:pt>
                <c:pt idx="4392">
                  <c:v>4.9894369117966324</c:v>
                </c:pt>
                <c:pt idx="4393">
                  <c:v>4.9894369117966324</c:v>
                </c:pt>
                <c:pt idx="4394">
                  <c:v>4.9894369117966324</c:v>
                </c:pt>
                <c:pt idx="4395">
                  <c:v>4.9894369117966324</c:v>
                </c:pt>
                <c:pt idx="4396">
                  <c:v>4.9894369117966324</c:v>
                </c:pt>
                <c:pt idx="4397">
                  <c:v>6.4862679853356227</c:v>
                </c:pt>
                <c:pt idx="4398">
                  <c:v>7.234683522105116</c:v>
                </c:pt>
                <c:pt idx="4399">
                  <c:v>7.4841553676949495</c:v>
                </c:pt>
                <c:pt idx="4400">
                  <c:v>7.4841553676949495</c:v>
                </c:pt>
                <c:pt idx="4401">
                  <c:v>8.1078349816695283</c:v>
                </c:pt>
                <c:pt idx="4402">
                  <c:v>8.4820427500542763</c:v>
                </c:pt>
                <c:pt idx="4403">
                  <c:v>9.9788738235932648</c:v>
                </c:pt>
                <c:pt idx="4404">
                  <c:v>9.9788738235932648</c:v>
                </c:pt>
                <c:pt idx="4405">
                  <c:v>9.9788738235932648</c:v>
                </c:pt>
                <c:pt idx="4406">
                  <c:v>9.9788738235932648</c:v>
                </c:pt>
                <c:pt idx="4407">
                  <c:v>9.9788738235932648</c:v>
                </c:pt>
                <c:pt idx="4408">
                  <c:v>9.9788738235932648</c:v>
                </c:pt>
                <c:pt idx="4409">
                  <c:v>9.9788738235932648</c:v>
                </c:pt>
                <c:pt idx="4410">
                  <c:v>9.9788738235932648</c:v>
                </c:pt>
                <c:pt idx="4411">
                  <c:v>8.3573068272593609</c:v>
                </c:pt>
                <c:pt idx="4412">
                  <c:v>6.8604757537203698</c:v>
                </c:pt>
                <c:pt idx="4413">
                  <c:v>4.9894369117966324</c:v>
                </c:pt>
                <c:pt idx="4414">
                  <c:v>4.9894369117966324</c:v>
                </c:pt>
                <c:pt idx="4415">
                  <c:v>4.9894369117966324</c:v>
                </c:pt>
                <c:pt idx="4416">
                  <c:v>4.5194058116085198</c:v>
                </c:pt>
                <c:pt idx="4417">
                  <c:v>5.084331538059585</c:v>
                </c:pt>
                <c:pt idx="4418">
                  <c:v>5.084331538059585</c:v>
                </c:pt>
                <c:pt idx="4419">
                  <c:v>5.084331538059585</c:v>
                </c:pt>
                <c:pt idx="4420">
                  <c:v>5.084331538059585</c:v>
                </c:pt>
                <c:pt idx="4421">
                  <c:v>6.5531384268323531</c:v>
                </c:pt>
                <c:pt idx="4422">
                  <c:v>7.5700047344442725</c:v>
                </c:pt>
                <c:pt idx="4423">
                  <c:v>7.5700047344442725</c:v>
                </c:pt>
                <c:pt idx="4424">
                  <c:v>7.5700047344442725</c:v>
                </c:pt>
                <c:pt idx="4425">
                  <c:v>8.1349304608953368</c:v>
                </c:pt>
                <c:pt idx="4426">
                  <c:v>8.812841332636614</c:v>
                </c:pt>
                <c:pt idx="4427">
                  <c:v>10.16866307611917</c:v>
                </c:pt>
                <c:pt idx="4428">
                  <c:v>10.16866307611917</c:v>
                </c:pt>
                <c:pt idx="4429">
                  <c:v>10.16866307611917</c:v>
                </c:pt>
                <c:pt idx="4430">
                  <c:v>10.16866307611917</c:v>
                </c:pt>
                <c:pt idx="4431">
                  <c:v>10.16866307611917</c:v>
                </c:pt>
                <c:pt idx="4432">
                  <c:v>10.16866307611917</c:v>
                </c:pt>
                <c:pt idx="4433">
                  <c:v>10.16866307611917</c:v>
                </c:pt>
                <c:pt idx="4434">
                  <c:v>10.16866307611917</c:v>
                </c:pt>
                <c:pt idx="4435">
                  <c:v>8.4738858967659745</c:v>
                </c:pt>
                <c:pt idx="4436">
                  <c:v>6.7791087174127806</c:v>
                </c:pt>
                <c:pt idx="4437">
                  <c:v>5.084331538059585</c:v>
                </c:pt>
                <c:pt idx="4438">
                  <c:v>5.084331538059585</c:v>
                </c:pt>
                <c:pt idx="4439">
                  <c:v>5.084331538059585</c:v>
                </c:pt>
                <c:pt idx="4440">
                  <c:v>4.9498803888620504</c:v>
                </c:pt>
                <c:pt idx="4441">
                  <c:v>4.9498803888620504</c:v>
                </c:pt>
                <c:pt idx="4442">
                  <c:v>4.9498803888620504</c:v>
                </c:pt>
                <c:pt idx="4443">
                  <c:v>4.9498803888620504</c:v>
                </c:pt>
                <c:pt idx="4444">
                  <c:v>4.9498803888620504</c:v>
                </c:pt>
                <c:pt idx="4445">
                  <c:v>6.3798458345333096</c:v>
                </c:pt>
                <c:pt idx="4446">
                  <c:v>7.3698219123057198</c:v>
                </c:pt>
                <c:pt idx="4447">
                  <c:v>7.3698219123057198</c:v>
                </c:pt>
                <c:pt idx="4448">
                  <c:v>7.3698219123057198</c:v>
                </c:pt>
                <c:pt idx="4449">
                  <c:v>7.9198086221792803</c:v>
                </c:pt>
                <c:pt idx="4450">
                  <c:v>8.579792674027555</c:v>
                </c:pt>
                <c:pt idx="4451">
                  <c:v>9.8997607777241008</c:v>
                </c:pt>
                <c:pt idx="4452">
                  <c:v>9.8997607777241008</c:v>
                </c:pt>
                <c:pt idx="4453">
                  <c:v>9.8997607777241008</c:v>
                </c:pt>
                <c:pt idx="4454">
                  <c:v>9.8997607777241008</c:v>
                </c:pt>
                <c:pt idx="4455">
                  <c:v>9.8997607777241008</c:v>
                </c:pt>
                <c:pt idx="4456">
                  <c:v>9.8997607777241008</c:v>
                </c:pt>
                <c:pt idx="4457">
                  <c:v>9.8997607777241008</c:v>
                </c:pt>
                <c:pt idx="4458">
                  <c:v>9.8997607777241008</c:v>
                </c:pt>
                <c:pt idx="4459">
                  <c:v>8.2498006481034167</c:v>
                </c:pt>
                <c:pt idx="4460">
                  <c:v>6.5998405184827345</c:v>
                </c:pt>
                <c:pt idx="4461">
                  <c:v>4.9498803888620504</c:v>
                </c:pt>
                <c:pt idx="4462">
                  <c:v>4.9498803888620504</c:v>
                </c:pt>
                <c:pt idx="4463">
                  <c:v>4.9498803888620504</c:v>
                </c:pt>
                <c:pt idx="4464">
                  <c:v>5.396110544435774</c:v>
                </c:pt>
                <c:pt idx="4465">
                  <c:v>5.396110544435774</c:v>
                </c:pt>
                <c:pt idx="4466">
                  <c:v>5.396110544435774</c:v>
                </c:pt>
                <c:pt idx="4467">
                  <c:v>5.396110544435774</c:v>
                </c:pt>
                <c:pt idx="4468">
                  <c:v>5.396110544435774</c:v>
                </c:pt>
                <c:pt idx="4469">
                  <c:v>6.9549869239394422</c:v>
                </c:pt>
                <c:pt idx="4470">
                  <c:v>8.3939497357889827</c:v>
                </c:pt>
                <c:pt idx="4471">
                  <c:v>8.3939497357889827</c:v>
                </c:pt>
                <c:pt idx="4472">
                  <c:v>8.3939497357889827</c:v>
                </c:pt>
                <c:pt idx="4473">
                  <c:v>8.9935175740596236</c:v>
                </c:pt>
                <c:pt idx="4474">
                  <c:v>9.3532582770220092</c:v>
                </c:pt>
                <c:pt idx="4475">
                  <c:v>10.792221088871548</c:v>
                </c:pt>
                <c:pt idx="4476">
                  <c:v>10.792221088871548</c:v>
                </c:pt>
                <c:pt idx="4477">
                  <c:v>10.792221088871548</c:v>
                </c:pt>
                <c:pt idx="4478">
                  <c:v>10.792221088871548</c:v>
                </c:pt>
                <c:pt idx="4479">
                  <c:v>8.9935175740596236</c:v>
                </c:pt>
                <c:pt idx="4480">
                  <c:v>8.5138633034431113</c:v>
                </c:pt>
                <c:pt idx="4481">
                  <c:v>8.5138633034431113</c:v>
                </c:pt>
                <c:pt idx="4482">
                  <c:v>8.5138633034431113</c:v>
                </c:pt>
                <c:pt idx="4483">
                  <c:v>8.5138633034431113</c:v>
                </c:pt>
                <c:pt idx="4484">
                  <c:v>6.5952462209770566</c:v>
                </c:pt>
                <c:pt idx="4485">
                  <c:v>2.5181849207366946</c:v>
                </c:pt>
                <c:pt idx="4486">
                  <c:v>2.5181849207366946</c:v>
                </c:pt>
                <c:pt idx="4487">
                  <c:v>2.5181849207366946</c:v>
                </c:pt>
                <c:pt idx="4488">
                  <c:v>3.3590666804498066</c:v>
                </c:pt>
                <c:pt idx="4489">
                  <c:v>6.5581778046877179</c:v>
                </c:pt>
                <c:pt idx="4490">
                  <c:v>6.5581778046877179</c:v>
                </c:pt>
                <c:pt idx="4491">
                  <c:v>6.5581778046877179</c:v>
                </c:pt>
                <c:pt idx="4492">
                  <c:v>6.5581778046877179</c:v>
                </c:pt>
                <c:pt idx="4493">
                  <c:v>8.1577333668066743</c:v>
                </c:pt>
                <c:pt idx="4494">
                  <c:v>10.237155597561316</c:v>
                </c:pt>
                <c:pt idx="4495">
                  <c:v>11.676755603468376</c:v>
                </c:pt>
                <c:pt idx="4496">
                  <c:v>11.676755603468376</c:v>
                </c:pt>
                <c:pt idx="4497">
                  <c:v>11.676755603468376</c:v>
                </c:pt>
                <c:pt idx="4498">
                  <c:v>11.676755603468376</c:v>
                </c:pt>
                <c:pt idx="4499">
                  <c:v>11.676755603468376</c:v>
                </c:pt>
                <c:pt idx="4500">
                  <c:v>11.676755603468376</c:v>
                </c:pt>
                <c:pt idx="4501">
                  <c:v>11.676755603468376</c:v>
                </c:pt>
                <c:pt idx="4502">
                  <c:v>11.676755603468376</c:v>
                </c:pt>
                <c:pt idx="4503">
                  <c:v>10.557066709985106</c:v>
                </c:pt>
                <c:pt idx="4504">
                  <c:v>9.5973333727137327</c:v>
                </c:pt>
                <c:pt idx="4505">
                  <c:v>8.6376000354423592</c:v>
                </c:pt>
                <c:pt idx="4506">
                  <c:v>8.3176889230185687</c:v>
                </c:pt>
                <c:pt idx="4507">
                  <c:v>6.7181333608996132</c:v>
                </c:pt>
                <c:pt idx="4508">
                  <c:v>4.9586222425687616</c:v>
                </c:pt>
                <c:pt idx="4509">
                  <c:v>4.9586222425687616</c:v>
                </c:pt>
                <c:pt idx="4510">
                  <c:v>4.9586222425687616</c:v>
                </c:pt>
                <c:pt idx="4511">
                  <c:v>4.9586222425687616</c:v>
                </c:pt>
                <c:pt idx="4512">
                  <c:v>5.5138250865842782</c:v>
                </c:pt>
                <c:pt idx="4513">
                  <c:v>6.4031517134527105</c:v>
                </c:pt>
                <c:pt idx="4514">
                  <c:v>6.4031517134527105</c:v>
                </c:pt>
                <c:pt idx="4515">
                  <c:v>6.4031517134527105</c:v>
                </c:pt>
                <c:pt idx="4516">
                  <c:v>6.4031517134527105</c:v>
                </c:pt>
                <c:pt idx="4517">
                  <c:v>8.0039396418158884</c:v>
                </c:pt>
                <c:pt idx="4518">
                  <c:v>9.4268622448053794</c:v>
                </c:pt>
                <c:pt idx="4519">
                  <c:v>11.205515498542244</c:v>
                </c:pt>
                <c:pt idx="4520">
                  <c:v>11.205515498542244</c:v>
                </c:pt>
                <c:pt idx="4521">
                  <c:v>11.205515498542244</c:v>
                </c:pt>
                <c:pt idx="4522">
                  <c:v>11.205515498542244</c:v>
                </c:pt>
                <c:pt idx="4523">
                  <c:v>11.205515498542244</c:v>
                </c:pt>
                <c:pt idx="4524">
                  <c:v>11.205515498542244</c:v>
                </c:pt>
                <c:pt idx="4525">
                  <c:v>11.205515498542244</c:v>
                </c:pt>
                <c:pt idx="4526">
                  <c:v>11.205515498542244</c:v>
                </c:pt>
                <c:pt idx="4527">
                  <c:v>9.960458220926439</c:v>
                </c:pt>
                <c:pt idx="4528">
                  <c:v>9.7825928955527512</c:v>
                </c:pt>
                <c:pt idx="4529">
                  <c:v>8.359670292563262</c:v>
                </c:pt>
                <c:pt idx="4530">
                  <c:v>7.8260743164422033</c:v>
                </c:pt>
                <c:pt idx="4531">
                  <c:v>6.5810170388263973</c:v>
                </c:pt>
                <c:pt idx="4532">
                  <c:v>5.5138250865842782</c:v>
                </c:pt>
                <c:pt idx="4533">
                  <c:v>4.8023637850895335</c:v>
                </c:pt>
                <c:pt idx="4534">
                  <c:v>4.8023637850895335</c:v>
                </c:pt>
                <c:pt idx="4535">
                  <c:v>4.8023637850895335</c:v>
                </c:pt>
                <c:pt idx="4536">
                  <c:v>1.6437021505577243</c:v>
                </c:pt>
                <c:pt idx="4537">
                  <c:v>1.6437021505577243</c:v>
                </c:pt>
                <c:pt idx="4538">
                  <c:v>1.6437021505577243</c:v>
                </c:pt>
                <c:pt idx="4539">
                  <c:v>1.6437021505577243</c:v>
                </c:pt>
                <c:pt idx="4540">
                  <c:v>1.6437021505577243</c:v>
                </c:pt>
                <c:pt idx="4541">
                  <c:v>7.122709319083472</c:v>
                </c:pt>
                <c:pt idx="4542">
                  <c:v>8.0815355735754792</c:v>
                </c:pt>
                <c:pt idx="4543">
                  <c:v>8.0815355735754792</c:v>
                </c:pt>
                <c:pt idx="4544">
                  <c:v>8.0815355735754792</c:v>
                </c:pt>
                <c:pt idx="4545">
                  <c:v>8.6294362904280533</c:v>
                </c:pt>
                <c:pt idx="4546">
                  <c:v>8.6294362904280533</c:v>
                </c:pt>
                <c:pt idx="4547">
                  <c:v>10.958014337051496</c:v>
                </c:pt>
                <c:pt idx="4548">
                  <c:v>10.958014337051496</c:v>
                </c:pt>
                <c:pt idx="4549">
                  <c:v>7.2596844982966156</c:v>
                </c:pt>
                <c:pt idx="4550">
                  <c:v>10.958014337051496</c:v>
                </c:pt>
                <c:pt idx="4551">
                  <c:v>10.958014337051496</c:v>
                </c:pt>
                <c:pt idx="4552">
                  <c:v>10.958014337051496</c:v>
                </c:pt>
                <c:pt idx="4553">
                  <c:v>10.958014337051496</c:v>
                </c:pt>
                <c:pt idx="4554">
                  <c:v>10.958014337051496</c:v>
                </c:pt>
                <c:pt idx="4555">
                  <c:v>9.1773370072806291</c:v>
                </c:pt>
                <c:pt idx="4556">
                  <c:v>7.5336348567229043</c:v>
                </c:pt>
                <c:pt idx="4557">
                  <c:v>5.4790071685257482</c:v>
                </c:pt>
                <c:pt idx="4558">
                  <c:v>5.2050568100994603</c:v>
                </c:pt>
                <c:pt idx="4559">
                  <c:v>5.2050568100994603</c:v>
                </c:pt>
                <c:pt idx="4560">
                  <c:v>4.7706231188749992</c:v>
                </c:pt>
                <c:pt idx="4561">
                  <c:v>4.7706231188749992</c:v>
                </c:pt>
                <c:pt idx="4562">
                  <c:v>4.7706231188749992</c:v>
                </c:pt>
                <c:pt idx="4563">
                  <c:v>4.7706231188749992</c:v>
                </c:pt>
                <c:pt idx="4564">
                  <c:v>4.7706231188749992</c:v>
                </c:pt>
                <c:pt idx="4565">
                  <c:v>6.201810054537499</c:v>
                </c:pt>
                <c:pt idx="4566">
                  <c:v>6.9174035223687476</c:v>
                </c:pt>
                <c:pt idx="4567">
                  <c:v>7.155934678312498</c:v>
                </c:pt>
                <c:pt idx="4568">
                  <c:v>7.155934678312498</c:v>
                </c:pt>
                <c:pt idx="4569">
                  <c:v>7.7522625681718731</c:v>
                </c:pt>
                <c:pt idx="4570">
                  <c:v>8.1100593020874978</c:v>
                </c:pt>
                <c:pt idx="4571">
                  <c:v>9.5412462377499985</c:v>
                </c:pt>
                <c:pt idx="4572">
                  <c:v>9.5412462377499985</c:v>
                </c:pt>
                <c:pt idx="4573">
                  <c:v>9.5412462377499985</c:v>
                </c:pt>
                <c:pt idx="4574">
                  <c:v>9.5412462377499985</c:v>
                </c:pt>
                <c:pt idx="4575">
                  <c:v>9.5412462377499985</c:v>
                </c:pt>
                <c:pt idx="4576">
                  <c:v>9.5412462377499985</c:v>
                </c:pt>
                <c:pt idx="4577">
                  <c:v>9.5412462377499985</c:v>
                </c:pt>
                <c:pt idx="4578">
                  <c:v>9.5412462377499985</c:v>
                </c:pt>
                <c:pt idx="4579">
                  <c:v>7.9907937241156235</c:v>
                </c:pt>
                <c:pt idx="4580">
                  <c:v>6.5596067884531228</c:v>
                </c:pt>
                <c:pt idx="4581">
                  <c:v>4.7706231188749992</c:v>
                </c:pt>
                <c:pt idx="4582">
                  <c:v>4.7706231188749992</c:v>
                </c:pt>
                <c:pt idx="4583">
                  <c:v>4.7706231188749992</c:v>
                </c:pt>
                <c:pt idx="4584">
                  <c:v>4.2810772030767117</c:v>
                </c:pt>
                <c:pt idx="4585">
                  <c:v>4.8162118534613008</c:v>
                </c:pt>
                <c:pt idx="4586">
                  <c:v>4.8162118534613008</c:v>
                </c:pt>
                <c:pt idx="4587">
                  <c:v>4.8162118534613008</c:v>
                </c:pt>
                <c:pt idx="4588">
                  <c:v>4.8162118534613008</c:v>
                </c:pt>
                <c:pt idx="4589">
                  <c:v>6.207561944461232</c:v>
                </c:pt>
                <c:pt idx="4590">
                  <c:v>7.170804315153493</c:v>
                </c:pt>
                <c:pt idx="4591">
                  <c:v>7.170804315153493</c:v>
                </c:pt>
                <c:pt idx="4592">
                  <c:v>7.170804315153493</c:v>
                </c:pt>
                <c:pt idx="4593">
                  <c:v>7.7059389655380821</c:v>
                </c:pt>
                <c:pt idx="4594">
                  <c:v>8.3481005459995892</c:v>
                </c:pt>
                <c:pt idx="4595">
                  <c:v>9.6324237069226015</c:v>
                </c:pt>
                <c:pt idx="4596">
                  <c:v>9.6324237069226015</c:v>
                </c:pt>
                <c:pt idx="4597">
                  <c:v>9.6324237069226015</c:v>
                </c:pt>
                <c:pt idx="4598">
                  <c:v>9.6324237069226015</c:v>
                </c:pt>
                <c:pt idx="4599">
                  <c:v>9.6324237069226015</c:v>
                </c:pt>
                <c:pt idx="4600">
                  <c:v>9.6324237069226015</c:v>
                </c:pt>
                <c:pt idx="4601">
                  <c:v>9.6324237069226015</c:v>
                </c:pt>
                <c:pt idx="4602">
                  <c:v>9.6324237069226015</c:v>
                </c:pt>
                <c:pt idx="4603">
                  <c:v>8.0270197557688352</c:v>
                </c:pt>
                <c:pt idx="4604">
                  <c:v>6.421615804615068</c:v>
                </c:pt>
                <c:pt idx="4605">
                  <c:v>4.8162118534613008</c:v>
                </c:pt>
                <c:pt idx="4606">
                  <c:v>4.8162118534613008</c:v>
                </c:pt>
                <c:pt idx="4607">
                  <c:v>4.8162118534613008</c:v>
                </c:pt>
                <c:pt idx="4608">
                  <c:v>4.823658131076086</c:v>
                </c:pt>
                <c:pt idx="4609">
                  <c:v>4.823658131076086</c:v>
                </c:pt>
                <c:pt idx="4610">
                  <c:v>4.823658131076086</c:v>
                </c:pt>
                <c:pt idx="4611">
                  <c:v>4.823658131076086</c:v>
                </c:pt>
                <c:pt idx="4612">
                  <c:v>4.823658131076086</c:v>
                </c:pt>
                <c:pt idx="4613">
                  <c:v>6.21715936894251</c:v>
                </c:pt>
                <c:pt idx="4614">
                  <c:v>7.1818909951577279</c:v>
                </c:pt>
                <c:pt idx="4615">
                  <c:v>7.1818909951577279</c:v>
                </c:pt>
                <c:pt idx="4616">
                  <c:v>7.1818909951577279</c:v>
                </c:pt>
                <c:pt idx="4617">
                  <c:v>7.7178530097217379</c:v>
                </c:pt>
                <c:pt idx="4618">
                  <c:v>8.3610074271985493</c:v>
                </c:pt>
                <c:pt idx="4619">
                  <c:v>9.647316262152172</c:v>
                </c:pt>
                <c:pt idx="4620">
                  <c:v>9.647316262152172</c:v>
                </c:pt>
                <c:pt idx="4621">
                  <c:v>9.647316262152172</c:v>
                </c:pt>
                <c:pt idx="4622">
                  <c:v>9.647316262152172</c:v>
                </c:pt>
                <c:pt idx="4623">
                  <c:v>9.647316262152172</c:v>
                </c:pt>
                <c:pt idx="4624">
                  <c:v>9.647316262152172</c:v>
                </c:pt>
                <c:pt idx="4625">
                  <c:v>9.647316262152172</c:v>
                </c:pt>
                <c:pt idx="4626">
                  <c:v>9.647316262152172</c:v>
                </c:pt>
                <c:pt idx="4627">
                  <c:v>8.0394302184601436</c:v>
                </c:pt>
                <c:pt idx="4628">
                  <c:v>6.4315441747681144</c:v>
                </c:pt>
                <c:pt idx="4629">
                  <c:v>4.823658131076086</c:v>
                </c:pt>
                <c:pt idx="4630">
                  <c:v>4.823658131076086</c:v>
                </c:pt>
                <c:pt idx="4631">
                  <c:v>4.823658131076086</c:v>
                </c:pt>
                <c:pt idx="4632">
                  <c:v>5.416437479766028</c:v>
                </c:pt>
                <c:pt idx="4633">
                  <c:v>5.416437479766028</c:v>
                </c:pt>
                <c:pt idx="4634">
                  <c:v>5.416437479766028</c:v>
                </c:pt>
                <c:pt idx="4635">
                  <c:v>5.416437479766028</c:v>
                </c:pt>
                <c:pt idx="4636">
                  <c:v>5.416437479766028</c:v>
                </c:pt>
                <c:pt idx="4637">
                  <c:v>6.9811860850317684</c:v>
                </c:pt>
                <c:pt idx="4638">
                  <c:v>8.4255694129693772</c:v>
                </c:pt>
                <c:pt idx="4639">
                  <c:v>8.4255694129693772</c:v>
                </c:pt>
                <c:pt idx="4640">
                  <c:v>8.4255694129693772</c:v>
                </c:pt>
                <c:pt idx="4641">
                  <c:v>9.027395799610046</c:v>
                </c:pt>
                <c:pt idx="4642">
                  <c:v>9.388491631594448</c:v>
                </c:pt>
                <c:pt idx="4643">
                  <c:v>10.832874959532056</c:v>
                </c:pt>
                <c:pt idx="4644">
                  <c:v>10.832874959532056</c:v>
                </c:pt>
                <c:pt idx="4645">
                  <c:v>10.832874959532056</c:v>
                </c:pt>
                <c:pt idx="4646">
                  <c:v>10.832874959532056</c:v>
                </c:pt>
                <c:pt idx="4647">
                  <c:v>9.027395799610046</c:v>
                </c:pt>
                <c:pt idx="4648">
                  <c:v>8.5459346902975106</c:v>
                </c:pt>
                <c:pt idx="4649">
                  <c:v>8.5459346902975106</c:v>
                </c:pt>
                <c:pt idx="4650">
                  <c:v>8.5459346902975106</c:v>
                </c:pt>
                <c:pt idx="4651">
                  <c:v>8.5459346902975106</c:v>
                </c:pt>
                <c:pt idx="4652">
                  <c:v>6.6200902530473673</c:v>
                </c:pt>
                <c:pt idx="4653">
                  <c:v>2.527670823890813</c:v>
                </c:pt>
                <c:pt idx="4654">
                  <c:v>2.527670823890813</c:v>
                </c:pt>
                <c:pt idx="4655">
                  <c:v>2.527670823890813</c:v>
                </c:pt>
                <c:pt idx="4656">
                  <c:v>3.5415953942328389</c:v>
                </c:pt>
                <c:pt idx="4657">
                  <c:v>6.9145433887403049</c:v>
                </c:pt>
                <c:pt idx="4658">
                  <c:v>6.9145433887403049</c:v>
                </c:pt>
                <c:pt idx="4659">
                  <c:v>6.9145433887403049</c:v>
                </c:pt>
                <c:pt idx="4660">
                  <c:v>6.9145433887403049</c:v>
                </c:pt>
                <c:pt idx="4661">
                  <c:v>8.6010173859940391</c:v>
                </c:pt>
                <c:pt idx="4662">
                  <c:v>10.793433582423893</c:v>
                </c:pt>
                <c:pt idx="4663">
                  <c:v>12.311260179952251</c:v>
                </c:pt>
                <c:pt idx="4664">
                  <c:v>12.311260179952251</c:v>
                </c:pt>
                <c:pt idx="4665">
                  <c:v>12.311260179952251</c:v>
                </c:pt>
                <c:pt idx="4666">
                  <c:v>12.311260179952251</c:v>
                </c:pt>
                <c:pt idx="4667">
                  <c:v>12.311260179952251</c:v>
                </c:pt>
                <c:pt idx="4668">
                  <c:v>12.311260179952251</c:v>
                </c:pt>
                <c:pt idx="4669">
                  <c:v>12.311260179952251</c:v>
                </c:pt>
                <c:pt idx="4670">
                  <c:v>12.311260179952251</c:v>
                </c:pt>
                <c:pt idx="4671">
                  <c:v>11.130728381874636</c:v>
                </c:pt>
                <c:pt idx="4672">
                  <c:v>10.118843983522398</c:v>
                </c:pt>
                <c:pt idx="4673">
                  <c:v>9.1069595851701592</c:v>
                </c:pt>
                <c:pt idx="4674">
                  <c:v>8.7696647857194101</c:v>
                </c:pt>
                <c:pt idx="4675">
                  <c:v>7.0831907884656777</c:v>
                </c:pt>
                <c:pt idx="4676">
                  <c:v>5.2280693914865717</c:v>
                </c:pt>
                <c:pt idx="4677">
                  <c:v>5.2280693914865717</c:v>
                </c:pt>
                <c:pt idx="4678">
                  <c:v>5.2280693914865717</c:v>
                </c:pt>
                <c:pt idx="4679">
                  <c:v>5.2280693914865717</c:v>
                </c:pt>
                <c:pt idx="4680">
                  <c:v>5.5544158127385597</c:v>
                </c:pt>
                <c:pt idx="4681">
                  <c:v>6.4502893309221987</c:v>
                </c:pt>
                <c:pt idx="4682">
                  <c:v>6.4502893309221987</c:v>
                </c:pt>
                <c:pt idx="4683">
                  <c:v>6.4502893309221987</c:v>
                </c:pt>
                <c:pt idx="4684">
                  <c:v>6.4502893309221987</c:v>
                </c:pt>
                <c:pt idx="4685">
                  <c:v>8.0628616636527486</c:v>
                </c:pt>
                <c:pt idx="4686">
                  <c:v>9.4962592927465703</c:v>
                </c:pt>
                <c:pt idx="4687">
                  <c:v>11.288006329113848</c:v>
                </c:pt>
                <c:pt idx="4688">
                  <c:v>11.288006329113848</c:v>
                </c:pt>
                <c:pt idx="4689">
                  <c:v>11.288006329113848</c:v>
                </c:pt>
                <c:pt idx="4690">
                  <c:v>11.288006329113848</c:v>
                </c:pt>
                <c:pt idx="4691">
                  <c:v>11.288006329113848</c:v>
                </c:pt>
                <c:pt idx="4692">
                  <c:v>11.288006329113848</c:v>
                </c:pt>
                <c:pt idx="4693">
                  <c:v>11.288006329113848</c:v>
                </c:pt>
                <c:pt idx="4694">
                  <c:v>11.288006329113848</c:v>
                </c:pt>
                <c:pt idx="4695">
                  <c:v>10.033783403656754</c:v>
                </c:pt>
                <c:pt idx="4696">
                  <c:v>9.8546087000200284</c:v>
                </c:pt>
                <c:pt idx="4697">
                  <c:v>8.4212110709262049</c:v>
                </c:pt>
                <c:pt idx="4698">
                  <c:v>7.8836869600160222</c:v>
                </c:pt>
                <c:pt idx="4699">
                  <c:v>6.6294640345589277</c:v>
                </c:pt>
                <c:pt idx="4700">
                  <c:v>5.5544158127385597</c:v>
                </c:pt>
                <c:pt idx="4701">
                  <c:v>4.8377169981916506</c:v>
                </c:pt>
                <c:pt idx="4702">
                  <c:v>4.8377169981916506</c:v>
                </c:pt>
                <c:pt idx="4703">
                  <c:v>4.8377169981916506</c:v>
                </c:pt>
                <c:pt idx="4704">
                  <c:v>1.6652908758493938</c:v>
                </c:pt>
                <c:pt idx="4705">
                  <c:v>1.6652908758493938</c:v>
                </c:pt>
                <c:pt idx="4706">
                  <c:v>1.6652908758493938</c:v>
                </c:pt>
                <c:pt idx="4707">
                  <c:v>1.6652908758493938</c:v>
                </c:pt>
                <c:pt idx="4708">
                  <c:v>1.6652908758493938</c:v>
                </c:pt>
                <c:pt idx="4709">
                  <c:v>7.2162604620140405</c:v>
                </c:pt>
                <c:pt idx="4710">
                  <c:v>8.1876801395928531</c:v>
                </c:pt>
                <c:pt idx="4711">
                  <c:v>8.1876801395928531</c:v>
                </c:pt>
                <c:pt idx="4712">
                  <c:v>8.1876801395928531</c:v>
                </c:pt>
                <c:pt idx="4713">
                  <c:v>8.7427770982093183</c:v>
                </c:pt>
                <c:pt idx="4714">
                  <c:v>8.7427770982093183</c:v>
                </c:pt>
                <c:pt idx="4715">
                  <c:v>11.101939172329294</c:v>
                </c:pt>
                <c:pt idx="4716">
                  <c:v>11.101939172329294</c:v>
                </c:pt>
                <c:pt idx="4717">
                  <c:v>7.3550347016681572</c:v>
                </c:pt>
                <c:pt idx="4718">
                  <c:v>11.101939172329294</c:v>
                </c:pt>
                <c:pt idx="4719">
                  <c:v>11.101939172329294</c:v>
                </c:pt>
                <c:pt idx="4720">
                  <c:v>11.101939172329294</c:v>
                </c:pt>
                <c:pt idx="4721">
                  <c:v>11.101939172329294</c:v>
                </c:pt>
                <c:pt idx="4722">
                  <c:v>11.101939172329294</c:v>
                </c:pt>
                <c:pt idx="4723">
                  <c:v>9.2978740568257834</c:v>
                </c:pt>
                <c:pt idx="4724">
                  <c:v>7.6325831809763889</c:v>
                </c:pt>
                <c:pt idx="4725">
                  <c:v>5.5509695861646469</c:v>
                </c:pt>
                <c:pt idx="4726">
                  <c:v>5.2734211068564152</c:v>
                </c:pt>
                <c:pt idx="4727">
                  <c:v>5.2734211068564152</c:v>
                </c:pt>
                <c:pt idx="4728">
                  <c:v>4.9523498282505933</c:v>
                </c:pt>
                <c:pt idx="4729">
                  <c:v>4.9523498282505933</c:v>
                </c:pt>
                <c:pt idx="4730">
                  <c:v>4.9523498282505933</c:v>
                </c:pt>
                <c:pt idx="4731">
                  <c:v>4.9523498282505933</c:v>
                </c:pt>
                <c:pt idx="4732">
                  <c:v>4.9523498282505933</c:v>
                </c:pt>
                <c:pt idx="4733">
                  <c:v>6.438054776725771</c:v>
                </c:pt>
                <c:pt idx="4734">
                  <c:v>7.1809072509633607</c:v>
                </c:pt>
                <c:pt idx="4735">
                  <c:v>7.4285247423758909</c:v>
                </c:pt>
                <c:pt idx="4736">
                  <c:v>7.4285247423758909</c:v>
                </c:pt>
                <c:pt idx="4737">
                  <c:v>8.0475684709072137</c:v>
                </c:pt>
                <c:pt idx="4738">
                  <c:v>8.4189947080260072</c:v>
                </c:pt>
                <c:pt idx="4739">
                  <c:v>9.9046996565011867</c:v>
                </c:pt>
                <c:pt idx="4740">
                  <c:v>9.9046996565011867</c:v>
                </c:pt>
                <c:pt idx="4741">
                  <c:v>9.9046996565011867</c:v>
                </c:pt>
                <c:pt idx="4742">
                  <c:v>9.9046996565011867</c:v>
                </c:pt>
                <c:pt idx="4743">
                  <c:v>9.9046996565011867</c:v>
                </c:pt>
                <c:pt idx="4744">
                  <c:v>9.9046996565011867</c:v>
                </c:pt>
                <c:pt idx="4745">
                  <c:v>9.9046996565011867</c:v>
                </c:pt>
                <c:pt idx="4746">
                  <c:v>9.9046996565011867</c:v>
                </c:pt>
                <c:pt idx="4747">
                  <c:v>8.2951859623197457</c:v>
                </c:pt>
                <c:pt idx="4748">
                  <c:v>6.8094810138445654</c:v>
                </c:pt>
                <c:pt idx="4749">
                  <c:v>4.9523498282505933</c:v>
                </c:pt>
                <c:pt idx="4750">
                  <c:v>4.9523498282505933</c:v>
                </c:pt>
                <c:pt idx="4751">
                  <c:v>4.9523498282505933</c:v>
                </c:pt>
                <c:pt idx="4752">
                  <c:v>4.4631337790385102</c:v>
                </c:pt>
                <c:pt idx="4753">
                  <c:v>5.0210255014183227</c:v>
                </c:pt>
                <c:pt idx="4754">
                  <c:v>5.0210255014183227</c:v>
                </c:pt>
                <c:pt idx="4755">
                  <c:v>5.0210255014183227</c:v>
                </c:pt>
                <c:pt idx="4756">
                  <c:v>5.0210255014183227</c:v>
                </c:pt>
                <c:pt idx="4757">
                  <c:v>6.4715439796058396</c:v>
                </c:pt>
                <c:pt idx="4758">
                  <c:v>7.4757490798895034</c:v>
                </c:pt>
                <c:pt idx="4759">
                  <c:v>7.4757490798895034</c:v>
                </c:pt>
                <c:pt idx="4760">
                  <c:v>7.4757490798895034</c:v>
                </c:pt>
                <c:pt idx="4761">
                  <c:v>8.0336408022693178</c:v>
                </c:pt>
                <c:pt idx="4762">
                  <c:v>8.7031108691250925</c:v>
                </c:pt>
                <c:pt idx="4763">
                  <c:v>10.042051002836645</c:v>
                </c:pt>
                <c:pt idx="4764">
                  <c:v>10.042051002836645</c:v>
                </c:pt>
                <c:pt idx="4765">
                  <c:v>10.042051002836645</c:v>
                </c:pt>
                <c:pt idx="4766">
                  <c:v>10.042051002836645</c:v>
                </c:pt>
                <c:pt idx="4767">
                  <c:v>10.042051002836645</c:v>
                </c:pt>
                <c:pt idx="4768">
                  <c:v>10.042051002836645</c:v>
                </c:pt>
                <c:pt idx="4769">
                  <c:v>10.042051002836645</c:v>
                </c:pt>
                <c:pt idx="4770">
                  <c:v>10.042051002836645</c:v>
                </c:pt>
                <c:pt idx="4771">
                  <c:v>8.368375835697206</c:v>
                </c:pt>
                <c:pt idx="4772">
                  <c:v>6.6947006685577648</c:v>
                </c:pt>
                <c:pt idx="4773">
                  <c:v>5.0210255014183227</c:v>
                </c:pt>
                <c:pt idx="4774">
                  <c:v>5.0210255014183227</c:v>
                </c:pt>
                <c:pt idx="4775">
                  <c:v>5.0210255014183227</c:v>
                </c:pt>
                <c:pt idx="4776">
                  <c:v>5.0426908725281994</c:v>
                </c:pt>
                <c:pt idx="4777">
                  <c:v>5.0426908725281994</c:v>
                </c:pt>
                <c:pt idx="4778">
                  <c:v>5.0426908725281994</c:v>
                </c:pt>
                <c:pt idx="4779">
                  <c:v>5.0426908725281994</c:v>
                </c:pt>
                <c:pt idx="4780">
                  <c:v>5.0426908725281994</c:v>
                </c:pt>
                <c:pt idx="4781">
                  <c:v>6.4994682357030129</c:v>
                </c:pt>
                <c:pt idx="4782">
                  <c:v>7.5080064102086537</c:v>
                </c:pt>
                <c:pt idx="4783">
                  <c:v>7.5080064102086537</c:v>
                </c:pt>
                <c:pt idx="4784">
                  <c:v>7.5080064102086537</c:v>
                </c:pt>
                <c:pt idx="4785">
                  <c:v>8.068305396045119</c:v>
                </c:pt>
                <c:pt idx="4786">
                  <c:v>8.7406641790488795</c:v>
                </c:pt>
                <c:pt idx="4787">
                  <c:v>10.085381745056399</c:v>
                </c:pt>
                <c:pt idx="4788">
                  <c:v>10.085381745056399</c:v>
                </c:pt>
                <c:pt idx="4789">
                  <c:v>10.085381745056399</c:v>
                </c:pt>
                <c:pt idx="4790">
                  <c:v>10.085381745056399</c:v>
                </c:pt>
                <c:pt idx="4791">
                  <c:v>10.085381745056399</c:v>
                </c:pt>
                <c:pt idx="4792">
                  <c:v>10.085381745056399</c:v>
                </c:pt>
                <c:pt idx="4793">
                  <c:v>10.085381745056399</c:v>
                </c:pt>
                <c:pt idx="4794">
                  <c:v>10.085381745056399</c:v>
                </c:pt>
                <c:pt idx="4795">
                  <c:v>8.4044847875470001</c:v>
                </c:pt>
                <c:pt idx="4796">
                  <c:v>6.7235878300375997</c:v>
                </c:pt>
                <c:pt idx="4797">
                  <c:v>5.0426908725281994</c:v>
                </c:pt>
                <c:pt idx="4798">
                  <c:v>5.0426908725281994</c:v>
                </c:pt>
                <c:pt idx="4799">
                  <c:v>5.0426908725281994</c:v>
                </c:pt>
                <c:pt idx="4800">
                  <c:v>5.4733528986907372</c:v>
                </c:pt>
                <c:pt idx="4801">
                  <c:v>5.4733528986907372</c:v>
                </c:pt>
                <c:pt idx="4802">
                  <c:v>5.4733528986907372</c:v>
                </c:pt>
                <c:pt idx="4803">
                  <c:v>5.4733528986907372</c:v>
                </c:pt>
                <c:pt idx="4804">
                  <c:v>5.4733528986907372</c:v>
                </c:pt>
                <c:pt idx="4805">
                  <c:v>7.0545437360902827</c:v>
                </c:pt>
                <c:pt idx="4806">
                  <c:v>8.51410450907448</c:v>
                </c:pt>
                <c:pt idx="4807">
                  <c:v>8.51410450907448</c:v>
                </c:pt>
                <c:pt idx="4808">
                  <c:v>8.51410450907448</c:v>
                </c:pt>
                <c:pt idx="4809">
                  <c:v>9.1222548311512295</c:v>
                </c:pt>
                <c:pt idx="4810">
                  <c:v>9.4871450243972788</c:v>
                </c:pt>
                <c:pt idx="4811">
                  <c:v>10.946705797381474</c:v>
                </c:pt>
                <c:pt idx="4812">
                  <c:v>10.946705797381474</c:v>
                </c:pt>
                <c:pt idx="4813">
                  <c:v>10.946705797381474</c:v>
                </c:pt>
                <c:pt idx="4814">
                  <c:v>10.946705797381474</c:v>
                </c:pt>
                <c:pt idx="4815">
                  <c:v>9.1222548311512295</c:v>
                </c:pt>
                <c:pt idx="4816">
                  <c:v>8.635734573489831</c:v>
                </c:pt>
                <c:pt idx="4817">
                  <c:v>8.635734573489831</c:v>
                </c:pt>
                <c:pt idx="4818">
                  <c:v>8.635734573489831</c:v>
                </c:pt>
                <c:pt idx="4819">
                  <c:v>8.635734573489831</c:v>
                </c:pt>
                <c:pt idx="4820">
                  <c:v>6.6896535428442334</c:v>
                </c:pt>
                <c:pt idx="4821">
                  <c:v>2.5542313527223444</c:v>
                </c:pt>
                <c:pt idx="4822">
                  <c:v>2.5542313527223444</c:v>
                </c:pt>
                <c:pt idx="4823">
                  <c:v>2.5542313527223444</c:v>
                </c:pt>
                <c:pt idx="4824">
                  <c:v>3.5808132262654477</c:v>
                </c:pt>
                <c:pt idx="4825">
                  <c:v>6.9911115369944454</c:v>
                </c:pt>
                <c:pt idx="4826">
                  <c:v>6.9911115369944454</c:v>
                </c:pt>
                <c:pt idx="4827">
                  <c:v>6.9911115369944454</c:v>
                </c:pt>
                <c:pt idx="4828">
                  <c:v>6.9911115369944454</c:v>
                </c:pt>
                <c:pt idx="4829">
                  <c:v>8.6962606923589458</c:v>
                </c:pt>
                <c:pt idx="4830">
                  <c:v>10.912954594332794</c:v>
                </c:pt>
                <c:pt idx="4831">
                  <c:v>12.447588834160843</c:v>
                </c:pt>
                <c:pt idx="4832">
                  <c:v>12.447588834160843</c:v>
                </c:pt>
                <c:pt idx="4833">
                  <c:v>12.447588834160843</c:v>
                </c:pt>
                <c:pt idx="4834">
                  <c:v>12.447588834160843</c:v>
                </c:pt>
                <c:pt idx="4835">
                  <c:v>12.447588834160843</c:v>
                </c:pt>
                <c:pt idx="4836">
                  <c:v>12.447588834160843</c:v>
                </c:pt>
                <c:pt idx="4837">
                  <c:v>12.447588834160843</c:v>
                </c:pt>
                <c:pt idx="4838">
                  <c:v>12.447588834160843</c:v>
                </c:pt>
                <c:pt idx="4839">
                  <c:v>11.253984425405692</c:v>
                </c:pt>
                <c:pt idx="4840">
                  <c:v>10.230894932186994</c:v>
                </c:pt>
                <c:pt idx="4841">
                  <c:v>9.2078054389682951</c:v>
                </c:pt>
                <c:pt idx="4842">
                  <c:v>8.866775607895395</c:v>
                </c:pt>
                <c:pt idx="4843">
                  <c:v>7.1616264525308955</c:v>
                </c:pt>
                <c:pt idx="4844">
                  <c:v>5.2859623816299468</c:v>
                </c:pt>
                <c:pt idx="4845">
                  <c:v>5.2859623816299468</c:v>
                </c:pt>
                <c:pt idx="4846">
                  <c:v>5.2859623816299468</c:v>
                </c:pt>
                <c:pt idx="4847">
                  <c:v>5.2859623816299468</c:v>
                </c:pt>
                <c:pt idx="4848">
                  <c:v>5.95279677492295</c:v>
                </c:pt>
                <c:pt idx="4849">
                  <c:v>6.9129252870072966</c:v>
                </c:pt>
                <c:pt idx="4850">
                  <c:v>6.9129252870072966</c:v>
                </c:pt>
                <c:pt idx="4851">
                  <c:v>6.9129252870072966</c:v>
                </c:pt>
                <c:pt idx="4852">
                  <c:v>6.9129252870072966</c:v>
                </c:pt>
                <c:pt idx="4853">
                  <c:v>8.6411566087591201</c:v>
                </c:pt>
                <c:pt idx="4854">
                  <c:v>10.177362228094076</c:v>
                </c:pt>
                <c:pt idx="4855">
                  <c:v>12.097619252262769</c:v>
                </c:pt>
                <c:pt idx="4856">
                  <c:v>12.097619252262769</c:v>
                </c:pt>
                <c:pt idx="4857">
                  <c:v>12.097619252262769</c:v>
                </c:pt>
                <c:pt idx="4858">
                  <c:v>12.097619252262769</c:v>
                </c:pt>
                <c:pt idx="4859">
                  <c:v>12.097619252262769</c:v>
                </c:pt>
                <c:pt idx="4860">
                  <c:v>12.097619252262769</c:v>
                </c:pt>
                <c:pt idx="4861">
                  <c:v>12.097619252262769</c:v>
                </c:pt>
                <c:pt idx="4862">
                  <c:v>12.097619252262769</c:v>
                </c:pt>
                <c:pt idx="4863">
                  <c:v>10.753439335344682</c:v>
                </c:pt>
                <c:pt idx="4864">
                  <c:v>10.561413632927815</c:v>
                </c:pt>
                <c:pt idx="4865">
                  <c:v>9.0252080135928612</c:v>
                </c:pt>
                <c:pt idx="4866">
                  <c:v>8.4491309063422531</c:v>
                </c:pt>
                <c:pt idx="4867">
                  <c:v>7.1049509894241663</c:v>
                </c:pt>
                <c:pt idx="4868">
                  <c:v>5.95279677492295</c:v>
                </c:pt>
                <c:pt idx="4869">
                  <c:v>5.1846939652554731</c:v>
                </c:pt>
                <c:pt idx="4870">
                  <c:v>5.1846939652554731</c:v>
                </c:pt>
                <c:pt idx="4871">
                  <c:v>5.1846939652554731</c:v>
                </c:pt>
                <c:pt idx="4872">
                  <c:v>1.6983089262954771</c:v>
                </c:pt>
                <c:pt idx="4873">
                  <c:v>1.6983089262954771</c:v>
                </c:pt>
                <c:pt idx="4874">
                  <c:v>1.6983089262954771</c:v>
                </c:pt>
                <c:pt idx="4875">
                  <c:v>1.6983089262954771</c:v>
                </c:pt>
                <c:pt idx="4876">
                  <c:v>1.6983089262954771</c:v>
                </c:pt>
                <c:pt idx="4877">
                  <c:v>7.3593386806137362</c:v>
                </c:pt>
                <c:pt idx="4878">
                  <c:v>8.350018887619429</c:v>
                </c:pt>
                <c:pt idx="4879">
                  <c:v>8.350018887619429</c:v>
                </c:pt>
                <c:pt idx="4880">
                  <c:v>8.350018887619429</c:v>
                </c:pt>
                <c:pt idx="4881">
                  <c:v>8.9161218630512558</c:v>
                </c:pt>
                <c:pt idx="4882">
                  <c:v>8.9161218630512558</c:v>
                </c:pt>
                <c:pt idx="4883">
                  <c:v>11.322059508636517</c:v>
                </c:pt>
                <c:pt idx="4884">
                  <c:v>11.322059508636517</c:v>
                </c:pt>
                <c:pt idx="4885">
                  <c:v>7.5008644244716924</c:v>
                </c:pt>
                <c:pt idx="4886">
                  <c:v>11.322059508636517</c:v>
                </c:pt>
                <c:pt idx="4887">
                  <c:v>11.322059508636517</c:v>
                </c:pt>
                <c:pt idx="4888">
                  <c:v>11.322059508636517</c:v>
                </c:pt>
                <c:pt idx="4889">
                  <c:v>11.322059508636517</c:v>
                </c:pt>
                <c:pt idx="4890">
                  <c:v>11.322059508636517</c:v>
                </c:pt>
                <c:pt idx="4891">
                  <c:v>9.4822248384830807</c:v>
                </c:pt>
                <c:pt idx="4892">
                  <c:v>7.7839159121876049</c:v>
                </c:pt>
                <c:pt idx="4893">
                  <c:v>5.6610297543182586</c:v>
                </c:pt>
                <c:pt idx="4894">
                  <c:v>5.3779782666023452</c:v>
                </c:pt>
                <c:pt idx="4895">
                  <c:v>5.3779782666023452</c:v>
                </c:pt>
                <c:pt idx="4896">
                  <c:v>4.9226801614137612</c:v>
                </c:pt>
                <c:pt idx="4897">
                  <c:v>4.9226801614137612</c:v>
                </c:pt>
                <c:pt idx="4898">
                  <c:v>4.9226801614137612</c:v>
                </c:pt>
                <c:pt idx="4899">
                  <c:v>4.9226801614137612</c:v>
                </c:pt>
                <c:pt idx="4900">
                  <c:v>4.9226801614137612</c:v>
                </c:pt>
                <c:pt idx="4901">
                  <c:v>6.3994842098378903</c:v>
                </c:pt>
                <c:pt idx="4902">
                  <c:v>7.1378862340499536</c:v>
                </c:pt>
                <c:pt idx="4903">
                  <c:v>7.3840202421206413</c:v>
                </c:pt>
                <c:pt idx="4904">
                  <c:v>7.3840202421206413</c:v>
                </c:pt>
                <c:pt idx="4905">
                  <c:v>7.999355262297362</c:v>
                </c:pt>
                <c:pt idx="4906">
                  <c:v>8.3685562744033941</c:v>
                </c:pt>
                <c:pt idx="4907">
                  <c:v>9.8453603228275224</c:v>
                </c:pt>
                <c:pt idx="4908">
                  <c:v>9.8453603228275224</c:v>
                </c:pt>
                <c:pt idx="4909">
                  <c:v>9.8453603228275224</c:v>
                </c:pt>
                <c:pt idx="4910">
                  <c:v>9.8453603228275224</c:v>
                </c:pt>
                <c:pt idx="4911">
                  <c:v>9.8453603228275224</c:v>
                </c:pt>
                <c:pt idx="4912">
                  <c:v>9.8453603228275224</c:v>
                </c:pt>
                <c:pt idx="4913">
                  <c:v>9.8453603228275224</c:v>
                </c:pt>
                <c:pt idx="4914">
                  <c:v>9.8453603228275224</c:v>
                </c:pt>
                <c:pt idx="4915">
                  <c:v>8.2454892703680507</c:v>
                </c:pt>
                <c:pt idx="4916">
                  <c:v>6.7686852219439206</c:v>
                </c:pt>
                <c:pt idx="4917">
                  <c:v>4.9226801614137612</c:v>
                </c:pt>
                <c:pt idx="4918">
                  <c:v>4.9226801614137612</c:v>
                </c:pt>
                <c:pt idx="4919">
                  <c:v>4.9226801614137612</c:v>
                </c:pt>
                <c:pt idx="4920">
                  <c:v>4.4201022247202673</c:v>
                </c:pt>
                <c:pt idx="4921">
                  <c:v>4.9726150028102998</c:v>
                </c:pt>
                <c:pt idx="4922">
                  <c:v>4.9726150028102998</c:v>
                </c:pt>
                <c:pt idx="4923">
                  <c:v>4.9726150028102998</c:v>
                </c:pt>
                <c:pt idx="4924">
                  <c:v>4.9726150028102998</c:v>
                </c:pt>
                <c:pt idx="4925">
                  <c:v>6.4091482258443868</c:v>
                </c:pt>
                <c:pt idx="4926">
                  <c:v>7.4036712264064466</c:v>
                </c:pt>
                <c:pt idx="4927">
                  <c:v>7.4036712264064466</c:v>
                </c:pt>
                <c:pt idx="4928">
                  <c:v>7.4036712264064466</c:v>
                </c:pt>
                <c:pt idx="4929">
                  <c:v>7.9561840044964791</c:v>
                </c:pt>
                <c:pt idx="4930">
                  <c:v>8.6191993382045187</c:v>
                </c:pt>
                <c:pt idx="4931">
                  <c:v>9.9452300056205996</c:v>
                </c:pt>
                <c:pt idx="4932">
                  <c:v>9.9452300056205996</c:v>
                </c:pt>
                <c:pt idx="4933">
                  <c:v>9.9452300056205996</c:v>
                </c:pt>
                <c:pt idx="4934">
                  <c:v>9.9452300056205996</c:v>
                </c:pt>
                <c:pt idx="4935">
                  <c:v>9.9452300056205996</c:v>
                </c:pt>
                <c:pt idx="4936">
                  <c:v>9.9452300056205996</c:v>
                </c:pt>
                <c:pt idx="4937">
                  <c:v>9.9452300056205996</c:v>
                </c:pt>
                <c:pt idx="4938">
                  <c:v>9.9452300056205996</c:v>
                </c:pt>
                <c:pt idx="4939">
                  <c:v>8.2876916713504993</c:v>
                </c:pt>
                <c:pt idx="4940">
                  <c:v>6.6301533370804</c:v>
                </c:pt>
                <c:pt idx="4941">
                  <c:v>4.9726150028102998</c:v>
                </c:pt>
                <c:pt idx="4942">
                  <c:v>4.9726150028102998</c:v>
                </c:pt>
                <c:pt idx="4943">
                  <c:v>4.9726150028102998</c:v>
                </c:pt>
                <c:pt idx="4944">
                  <c:v>4.8979065180090062</c:v>
                </c:pt>
                <c:pt idx="4945">
                  <c:v>4.8979065180090062</c:v>
                </c:pt>
                <c:pt idx="4946">
                  <c:v>4.8979065180090062</c:v>
                </c:pt>
                <c:pt idx="4947">
                  <c:v>4.8979065180090062</c:v>
                </c:pt>
                <c:pt idx="4948">
                  <c:v>4.8979065180090062</c:v>
                </c:pt>
                <c:pt idx="4949">
                  <c:v>6.3128572898782753</c:v>
                </c:pt>
                <c:pt idx="4950">
                  <c:v>7.2924385934800782</c:v>
                </c:pt>
                <c:pt idx="4951">
                  <c:v>7.2924385934800782</c:v>
                </c:pt>
                <c:pt idx="4952">
                  <c:v>7.2924385934800782</c:v>
                </c:pt>
                <c:pt idx="4953">
                  <c:v>7.8366504288144112</c:v>
                </c:pt>
                <c:pt idx="4954">
                  <c:v>8.489704631215611</c:v>
                </c:pt>
                <c:pt idx="4955">
                  <c:v>9.7958130360180125</c:v>
                </c:pt>
                <c:pt idx="4956">
                  <c:v>9.7958130360180125</c:v>
                </c:pt>
                <c:pt idx="4957">
                  <c:v>9.7958130360180125</c:v>
                </c:pt>
                <c:pt idx="4958">
                  <c:v>9.7958130360180125</c:v>
                </c:pt>
                <c:pt idx="4959">
                  <c:v>9.7958130360180125</c:v>
                </c:pt>
                <c:pt idx="4960">
                  <c:v>9.7958130360180125</c:v>
                </c:pt>
                <c:pt idx="4961">
                  <c:v>9.7958130360180125</c:v>
                </c:pt>
                <c:pt idx="4962">
                  <c:v>9.7958130360180125</c:v>
                </c:pt>
                <c:pt idx="4963">
                  <c:v>8.1631775300150107</c:v>
                </c:pt>
                <c:pt idx="4964">
                  <c:v>6.5305420240120098</c:v>
                </c:pt>
                <c:pt idx="4965">
                  <c:v>4.8979065180090062</c:v>
                </c:pt>
                <c:pt idx="4966">
                  <c:v>4.8979065180090062</c:v>
                </c:pt>
                <c:pt idx="4967">
                  <c:v>4.8979065180090062</c:v>
                </c:pt>
                <c:pt idx="4968">
                  <c:v>5.3717182220394708</c:v>
                </c:pt>
                <c:pt idx="4969">
                  <c:v>5.3717182220394708</c:v>
                </c:pt>
                <c:pt idx="4970">
                  <c:v>5.3717182220394708</c:v>
                </c:pt>
                <c:pt idx="4971">
                  <c:v>5.3717182220394708</c:v>
                </c:pt>
                <c:pt idx="4972">
                  <c:v>5.3717182220394708</c:v>
                </c:pt>
                <c:pt idx="4973">
                  <c:v>6.9235479306286507</c:v>
                </c:pt>
                <c:pt idx="4974">
                  <c:v>8.3560061231725111</c:v>
                </c:pt>
                <c:pt idx="4975">
                  <c:v>8.3560061231725111</c:v>
                </c:pt>
                <c:pt idx="4976">
                  <c:v>8.3560061231725111</c:v>
                </c:pt>
                <c:pt idx="4977">
                  <c:v>8.9528637033991192</c:v>
                </c:pt>
                <c:pt idx="4978">
                  <c:v>9.310978251535083</c:v>
                </c:pt>
                <c:pt idx="4979">
                  <c:v>10.743436444078942</c:v>
                </c:pt>
                <c:pt idx="4980">
                  <c:v>10.743436444078942</c:v>
                </c:pt>
                <c:pt idx="4981">
                  <c:v>10.743436444078942</c:v>
                </c:pt>
                <c:pt idx="4982">
                  <c:v>10.743436444078942</c:v>
                </c:pt>
                <c:pt idx="4983">
                  <c:v>8.9528637033991192</c:v>
                </c:pt>
                <c:pt idx="4984">
                  <c:v>8.4753776392178342</c:v>
                </c:pt>
                <c:pt idx="4985">
                  <c:v>8.4753776392178342</c:v>
                </c:pt>
                <c:pt idx="4986">
                  <c:v>8.4753776392178342</c:v>
                </c:pt>
                <c:pt idx="4987">
                  <c:v>8.4753776392178342</c:v>
                </c:pt>
                <c:pt idx="4988">
                  <c:v>6.5654333824926869</c:v>
                </c:pt>
                <c:pt idx="4989">
                  <c:v>2.5068018369517535</c:v>
                </c:pt>
                <c:pt idx="4990">
                  <c:v>2.5068018369517535</c:v>
                </c:pt>
                <c:pt idx="4991">
                  <c:v>2.5068018369517535</c:v>
                </c:pt>
                <c:pt idx="4992">
                  <c:v>3.3912603714411733</c:v>
                </c:pt>
                <c:pt idx="4993">
                  <c:v>6.6210321537661017</c:v>
                </c:pt>
                <c:pt idx="4994">
                  <c:v>6.6210321537661017</c:v>
                </c:pt>
                <c:pt idx="4995">
                  <c:v>6.6210321537661017</c:v>
                </c:pt>
                <c:pt idx="4996">
                  <c:v>6.6210321537661017</c:v>
                </c:pt>
                <c:pt idx="4997">
                  <c:v>8.2359180449285656</c:v>
                </c:pt>
                <c:pt idx="4998">
                  <c:v>10.335269703439767</c:v>
                </c:pt>
                <c:pt idx="4999">
                  <c:v>11.788667005485985</c:v>
                </c:pt>
                <c:pt idx="5000">
                  <c:v>11.788667005485985</c:v>
                </c:pt>
                <c:pt idx="5001">
                  <c:v>11.788667005485985</c:v>
                </c:pt>
                <c:pt idx="5002">
                  <c:v>11.788667005485985</c:v>
                </c:pt>
                <c:pt idx="5003">
                  <c:v>11.788667005485985</c:v>
                </c:pt>
                <c:pt idx="5004">
                  <c:v>11.788667005485985</c:v>
                </c:pt>
                <c:pt idx="5005">
                  <c:v>11.788667005485985</c:v>
                </c:pt>
                <c:pt idx="5006">
                  <c:v>11.788667005485985</c:v>
                </c:pt>
                <c:pt idx="5007">
                  <c:v>10.658246881672261</c:v>
                </c:pt>
                <c:pt idx="5008">
                  <c:v>9.6893153469747819</c:v>
                </c:pt>
                <c:pt idx="5009">
                  <c:v>8.720383812277305</c:v>
                </c:pt>
                <c:pt idx="5010">
                  <c:v>8.3974066340448115</c:v>
                </c:pt>
                <c:pt idx="5011">
                  <c:v>6.7825207428823466</c:v>
                </c:pt>
                <c:pt idx="5012">
                  <c:v>5.0061462626036368</c:v>
                </c:pt>
                <c:pt idx="5013">
                  <c:v>5.0061462626036368</c:v>
                </c:pt>
                <c:pt idx="5014">
                  <c:v>5.0061462626036368</c:v>
                </c:pt>
                <c:pt idx="5015">
                  <c:v>5.0061462626036368</c:v>
                </c:pt>
                <c:pt idx="5016">
                  <c:v>5.6896094934910151</c:v>
                </c:pt>
                <c:pt idx="5017">
                  <c:v>6.607288444054082</c:v>
                </c:pt>
                <c:pt idx="5018">
                  <c:v>6.607288444054082</c:v>
                </c:pt>
                <c:pt idx="5019">
                  <c:v>6.607288444054082</c:v>
                </c:pt>
                <c:pt idx="5020">
                  <c:v>6.607288444054082</c:v>
                </c:pt>
                <c:pt idx="5021">
                  <c:v>8.2591105550676023</c:v>
                </c:pt>
                <c:pt idx="5022">
                  <c:v>9.7273968759685125</c:v>
                </c:pt>
                <c:pt idx="5023">
                  <c:v>11.562754777094645</c:v>
                </c:pt>
                <c:pt idx="5024">
                  <c:v>11.562754777094645</c:v>
                </c:pt>
                <c:pt idx="5025">
                  <c:v>11.562754777094645</c:v>
                </c:pt>
                <c:pt idx="5026">
                  <c:v>11.562754777094645</c:v>
                </c:pt>
                <c:pt idx="5027">
                  <c:v>11.562754777094645</c:v>
                </c:pt>
                <c:pt idx="5028">
                  <c:v>11.562754777094645</c:v>
                </c:pt>
                <c:pt idx="5029">
                  <c:v>11.562754777094645</c:v>
                </c:pt>
                <c:pt idx="5030">
                  <c:v>11.562754777094645</c:v>
                </c:pt>
                <c:pt idx="5031">
                  <c:v>10.278004246306351</c:v>
                </c:pt>
                <c:pt idx="5032">
                  <c:v>10.094468456193738</c:v>
                </c:pt>
                <c:pt idx="5033">
                  <c:v>8.6261821352928312</c:v>
                </c:pt>
                <c:pt idx="5034">
                  <c:v>8.0755747649549896</c:v>
                </c:pt>
                <c:pt idx="5035">
                  <c:v>6.7908242341666964</c:v>
                </c:pt>
                <c:pt idx="5036">
                  <c:v>5.6896094934910151</c:v>
                </c:pt>
                <c:pt idx="5037">
                  <c:v>4.9554663330405626</c:v>
                </c:pt>
                <c:pt idx="5038">
                  <c:v>4.9554663330405626</c:v>
                </c:pt>
                <c:pt idx="5039">
                  <c:v>4.9554663330405626</c:v>
                </c:pt>
                <c:pt idx="5040">
                  <c:v>1.6767202010038071</c:v>
                </c:pt>
                <c:pt idx="5041">
                  <c:v>1.6767202010038071</c:v>
                </c:pt>
                <c:pt idx="5042">
                  <c:v>1.6767202010038071</c:v>
                </c:pt>
                <c:pt idx="5043">
                  <c:v>1.6767202010038071</c:v>
                </c:pt>
                <c:pt idx="5044">
                  <c:v>1.6767202010038071</c:v>
                </c:pt>
                <c:pt idx="5045">
                  <c:v>7.2657875376831642</c:v>
                </c:pt>
                <c:pt idx="5046">
                  <c:v>8.2438743216020534</c:v>
                </c:pt>
                <c:pt idx="5047">
                  <c:v>8.2438743216020534</c:v>
                </c:pt>
                <c:pt idx="5048">
                  <c:v>8.2438743216020534</c:v>
                </c:pt>
                <c:pt idx="5049">
                  <c:v>8.802781055269989</c:v>
                </c:pt>
                <c:pt idx="5050">
                  <c:v>8.802781055269989</c:v>
                </c:pt>
                <c:pt idx="5051">
                  <c:v>11.178134673358716</c:v>
                </c:pt>
                <c:pt idx="5052">
                  <c:v>11.178134673358716</c:v>
                </c:pt>
                <c:pt idx="5053">
                  <c:v>7.4055142211001499</c:v>
                </c:pt>
                <c:pt idx="5054">
                  <c:v>11.178134673358716</c:v>
                </c:pt>
                <c:pt idx="5055">
                  <c:v>11.178134673358716</c:v>
                </c:pt>
                <c:pt idx="5056">
                  <c:v>11.178134673358716</c:v>
                </c:pt>
                <c:pt idx="5057">
                  <c:v>11.178134673358716</c:v>
                </c:pt>
                <c:pt idx="5058">
                  <c:v>11.178134673358716</c:v>
                </c:pt>
                <c:pt idx="5059">
                  <c:v>9.3616877889379246</c:v>
                </c:pt>
                <c:pt idx="5060">
                  <c:v>7.6849675879341159</c:v>
                </c:pt>
                <c:pt idx="5061">
                  <c:v>5.5890673366793582</c:v>
                </c:pt>
                <c:pt idx="5062">
                  <c:v>5.3096139698453904</c:v>
                </c:pt>
                <c:pt idx="5063">
                  <c:v>5.3096139698453904</c:v>
                </c:pt>
                <c:pt idx="5064">
                  <c:v>4.9078453279953456</c:v>
                </c:pt>
                <c:pt idx="5065">
                  <c:v>4.9078453279953456</c:v>
                </c:pt>
                <c:pt idx="5066">
                  <c:v>4.9078453279953456</c:v>
                </c:pt>
                <c:pt idx="5067">
                  <c:v>4.9078453279953456</c:v>
                </c:pt>
                <c:pt idx="5068">
                  <c:v>4.9078453279953456</c:v>
                </c:pt>
                <c:pt idx="5069">
                  <c:v>6.38019892639395</c:v>
                </c:pt>
                <c:pt idx="5070">
                  <c:v>7.1163757255932509</c:v>
                </c:pt>
                <c:pt idx="5071">
                  <c:v>7.3617679919930197</c:v>
                </c:pt>
                <c:pt idx="5072">
                  <c:v>7.3617679919930197</c:v>
                </c:pt>
                <c:pt idx="5073">
                  <c:v>7.975248657992438</c:v>
                </c:pt>
                <c:pt idx="5074">
                  <c:v>8.3433370575920875</c:v>
                </c:pt>
                <c:pt idx="5075">
                  <c:v>9.8156906559906911</c:v>
                </c:pt>
                <c:pt idx="5076">
                  <c:v>9.8156906559906911</c:v>
                </c:pt>
                <c:pt idx="5077">
                  <c:v>9.8156906559906911</c:v>
                </c:pt>
                <c:pt idx="5078">
                  <c:v>9.8156906559906911</c:v>
                </c:pt>
                <c:pt idx="5079">
                  <c:v>9.8156906559906911</c:v>
                </c:pt>
                <c:pt idx="5080">
                  <c:v>9.8156906559906911</c:v>
                </c:pt>
                <c:pt idx="5081">
                  <c:v>9.8156906559906911</c:v>
                </c:pt>
                <c:pt idx="5082">
                  <c:v>9.8156906559906911</c:v>
                </c:pt>
                <c:pt idx="5083">
                  <c:v>8.220640924392205</c:v>
                </c:pt>
                <c:pt idx="5084">
                  <c:v>6.7482873259936005</c:v>
                </c:pt>
                <c:pt idx="5085">
                  <c:v>4.9078453279953456</c:v>
                </c:pt>
                <c:pt idx="5086">
                  <c:v>4.9078453279953456</c:v>
                </c:pt>
                <c:pt idx="5087">
                  <c:v>4.9078453279953456</c:v>
                </c:pt>
                <c:pt idx="5088">
                  <c:v>4.3207986378320129</c:v>
                </c:pt>
                <c:pt idx="5089">
                  <c:v>4.8608984675610154</c:v>
                </c:pt>
                <c:pt idx="5090">
                  <c:v>4.8608984675610154</c:v>
                </c:pt>
                <c:pt idx="5091">
                  <c:v>4.8608984675610154</c:v>
                </c:pt>
                <c:pt idx="5092">
                  <c:v>4.8608984675610154</c:v>
                </c:pt>
                <c:pt idx="5093">
                  <c:v>6.2651580248564196</c:v>
                </c:pt>
                <c:pt idx="5094">
                  <c:v>7.2373377183686225</c:v>
                </c:pt>
                <c:pt idx="5095">
                  <c:v>7.2373377183686225</c:v>
                </c:pt>
                <c:pt idx="5096">
                  <c:v>7.2373377183686225</c:v>
                </c:pt>
                <c:pt idx="5097">
                  <c:v>7.7774375480976232</c:v>
                </c:pt>
                <c:pt idx="5098">
                  <c:v>8.4255573437724252</c:v>
                </c:pt>
                <c:pt idx="5099">
                  <c:v>9.7217969351220308</c:v>
                </c:pt>
                <c:pt idx="5100">
                  <c:v>9.7217969351220308</c:v>
                </c:pt>
                <c:pt idx="5101">
                  <c:v>9.7217969351220308</c:v>
                </c:pt>
                <c:pt idx="5102">
                  <c:v>9.7217969351220308</c:v>
                </c:pt>
                <c:pt idx="5103">
                  <c:v>9.7217969351220308</c:v>
                </c:pt>
                <c:pt idx="5104">
                  <c:v>9.7217969351220308</c:v>
                </c:pt>
                <c:pt idx="5105">
                  <c:v>9.7217969351220308</c:v>
                </c:pt>
                <c:pt idx="5106">
                  <c:v>9.7217969351220308</c:v>
                </c:pt>
                <c:pt idx="5107">
                  <c:v>8.1014974459350242</c:v>
                </c:pt>
                <c:pt idx="5108">
                  <c:v>6.4811979567480194</c:v>
                </c:pt>
                <c:pt idx="5109">
                  <c:v>4.8608984675610154</c:v>
                </c:pt>
                <c:pt idx="5110">
                  <c:v>4.8608984675610154</c:v>
                </c:pt>
                <c:pt idx="5111">
                  <c:v>4.8608984675610154</c:v>
                </c:pt>
                <c:pt idx="5112">
                  <c:v>4.8904816793157142</c:v>
                </c:pt>
                <c:pt idx="5113">
                  <c:v>4.8904816793157142</c:v>
                </c:pt>
                <c:pt idx="5114">
                  <c:v>4.8904816793157142</c:v>
                </c:pt>
                <c:pt idx="5115">
                  <c:v>4.8904816793157142</c:v>
                </c:pt>
                <c:pt idx="5116">
                  <c:v>4.8904816793157142</c:v>
                </c:pt>
                <c:pt idx="5117">
                  <c:v>6.303287497784698</c:v>
                </c:pt>
                <c:pt idx="5118">
                  <c:v>7.2813838336478423</c:v>
                </c:pt>
                <c:pt idx="5119">
                  <c:v>7.2813838336478423</c:v>
                </c:pt>
                <c:pt idx="5120">
                  <c:v>7.2813838336478423</c:v>
                </c:pt>
                <c:pt idx="5121">
                  <c:v>7.8247706869051434</c:v>
                </c:pt>
                <c:pt idx="5122">
                  <c:v>8.4768349108139063</c:v>
                </c:pt>
                <c:pt idx="5123">
                  <c:v>9.7809633586314284</c:v>
                </c:pt>
                <c:pt idx="5124">
                  <c:v>9.7809633586314284</c:v>
                </c:pt>
                <c:pt idx="5125">
                  <c:v>9.7809633586314284</c:v>
                </c:pt>
                <c:pt idx="5126">
                  <c:v>9.7809633586314284</c:v>
                </c:pt>
                <c:pt idx="5127">
                  <c:v>9.7809633586314284</c:v>
                </c:pt>
                <c:pt idx="5128">
                  <c:v>9.7809633586314284</c:v>
                </c:pt>
                <c:pt idx="5129">
                  <c:v>9.7809633586314284</c:v>
                </c:pt>
                <c:pt idx="5130">
                  <c:v>9.7809633586314284</c:v>
                </c:pt>
                <c:pt idx="5131">
                  <c:v>8.1508027988595231</c:v>
                </c:pt>
                <c:pt idx="5132">
                  <c:v>6.5206422390876195</c:v>
                </c:pt>
                <c:pt idx="5133">
                  <c:v>4.8904816793157142</c:v>
                </c:pt>
                <c:pt idx="5134">
                  <c:v>4.8904816793157142</c:v>
                </c:pt>
                <c:pt idx="5135">
                  <c:v>4.8904816793157142</c:v>
                </c:pt>
                <c:pt idx="5136">
                  <c:v>5.3798489961715728</c:v>
                </c:pt>
                <c:pt idx="5137">
                  <c:v>5.3798489961715728</c:v>
                </c:pt>
                <c:pt idx="5138">
                  <c:v>5.3798489961715728</c:v>
                </c:pt>
                <c:pt idx="5139">
                  <c:v>5.3798489961715728</c:v>
                </c:pt>
                <c:pt idx="5140">
                  <c:v>5.3798489961715728</c:v>
                </c:pt>
                <c:pt idx="5141">
                  <c:v>6.9340275950655812</c:v>
                </c:pt>
                <c:pt idx="5142">
                  <c:v>8.3686539940446689</c:v>
                </c:pt>
                <c:pt idx="5143">
                  <c:v>8.3686539940446689</c:v>
                </c:pt>
                <c:pt idx="5144">
                  <c:v>8.3686539940446689</c:v>
                </c:pt>
                <c:pt idx="5145">
                  <c:v>8.9664149936192885</c:v>
                </c:pt>
                <c:pt idx="5146">
                  <c:v>9.3250715933640596</c:v>
                </c:pt>
                <c:pt idx="5147">
                  <c:v>10.759697992343146</c:v>
                </c:pt>
                <c:pt idx="5148">
                  <c:v>10.759697992343146</c:v>
                </c:pt>
                <c:pt idx="5149">
                  <c:v>10.759697992343146</c:v>
                </c:pt>
                <c:pt idx="5150">
                  <c:v>10.759697992343146</c:v>
                </c:pt>
                <c:pt idx="5151">
                  <c:v>8.9664149936192885</c:v>
                </c:pt>
                <c:pt idx="5152">
                  <c:v>8.4882061939595932</c:v>
                </c:pt>
                <c:pt idx="5153">
                  <c:v>8.4882061939595932</c:v>
                </c:pt>
                <c:pt idx="5154">
                  <c:v>8.4882061939595932</c:v>
                </c:pt>
                <c:pt idx="5155">
                  <c:v>8.4882061939595932</c:v>
                </c:pt>
                <c:pt idx="5156">
                  <c:v>6.5753709953208102</c:v>
                </c:pt>
                <c:pt idx="5157">
                  <c:v>2.5105961982134004</c:v>
                </c:pt>
                <c:pt idx="5158">
                  <c:v>2.5105961982134004</c:v>
                </c:pt>
                <c:pt idx="5159">
                  <c:v>2.5105961982134004</c:v>
                </c:pt>
                <c:pt idx="5160">
                  <c:v>3.5350590888940703</c:v>
                </c:pt>
                <c:pt idx="5161">
                  <c:v>6.901782030697948</c:v>
                </c:pt>
                <c:pt idx="5162">
                  <c:v>6.901782030697948</c:v>
                </c:pt>
                <c:pt idx="5163">
                  <c:v>6.901782030697948</c:v>
                </c:pt>
                <c:pt idx="5164">
                  <c:v>6.901782030697948</c:v>
                </c:pt>
                <c:pt idx="5165">
                  <c:v>8.5851435015998856</c:v>
                </c:pt>
                <c:pt idx="5166">
                  <c:v>10.773513413772404</c:v>
                </c:pt>
                <c:pt idx="5167">
                  <c:v>12.288538737584149</c:v>
                </c:pt>
                <c:pt idx="5168">
                  <c:v>12.288538737584149</c:v>
                </c:pt>
                <c:pt idx="5169">
                  <c:v>12.288538737584149</c:v>
                </c:pt>
                <c:pt idx="5170">
                  <c:v>12.288538737584149</c:v>
                </c:pt>
                <c:pt idx="5171">
                  <c:v>12.288538737584149</c:v>
                </c:pt>
                <c:pt idx="5172">
                  <c:v>12.288538737584149</c:v>
                </c:pt>
                <c:pt idx="5173">
                  <c:v>12.288538737584149</c:v>
                </c:pt>
                <c:pt idx="5174">
                  <c:v>12.288538737584149</c:v>
                </c:pt>
                <c:pt idx="5175">
                  <c:v>11.110185707952791</c:v>
                </c:pt>
                <c:pt idx="5176">
                  <c:v>10.100168825411631</c:v>
                </c:pt>
                <c:pt idx="5177">
                  <c:v>9.0901519428704685</c:v>
                </c:pt>
                <c:pt idx="5178">
                  <c:v>8.7534796486900781</c:v>
                </c:pt>
                <c:pt idx="5179">
                  <c:v>7.0701181777881406</c:v>
                </c:pt>
                <c:pt idx="5180">
                  <c:v>5.2184205597960087</c:v>
                </c:pt>
                <c:pt idx="5181">
                  <c:v>5.2184205597960087</c:v>
                </c:pt>
                <c:pt idx="5182">
                  <c:v>5.2184205597960087</c:v>
                </c:pt>
                <c:pt idx="5183">
                  <c:v>5.2184205597960087</c:v>
                </c:pt>
                <c:pt idx="5184">
                  <c:v>5.9198983647439585</c:v>
                </c:pt>
                <c:pt idx="5185">
                  <c:v>6.8747206816381459</c:v>
                </c:pt>
                <c:pt idx="5186">
                  <c:v>6.8747206816381459</c:v>
                </c:pt>
                <c:pt idx="5187">
                  <c:v>6.8747206816381459</c:v>
                </c:pt>
                <c:pt idx="5188">
                  <c:v>6.8747206816381459</c:v>
                </c:pt>
                <c:pt idx="5189">
                  <c:v>8.5934008520476812</c:v>
                </c:pt>
                <c:pt idx="5190">
                  <c:v>10.121116559078381</c:v>
                </c:pt>
                <c:pt idx="5191">
                  <c:v>12.030761192866755</c:v>
                </c:pt>
                <c:pt idx="5192">
                  <c:v>12.030761192866755</c:v>
                </c:pt>
                <c:pt idx="5193">
                  <c:v>12.030761192866755</c:v>
                </c:pt>
                <c:pt idx="5194">
                  <c:v>12.030761192866755</c:v>
                </c:pt>
                <c:pt idx="5195">
                  <c:v>12.030761192866755</c:v>
                </c:pt>
                <c:pt idx="5196">
                  <c:v>12.030761192866755</c:v>
                </c:pt>
                <c:pt idx="5197">
                  <c:v>12.030761192866755</c:v>
                </c:pt>
                <c:pt idx="5198">
                  <c:v>12.030761192866755</c:v>
                </c:pt>
                <c:pt idx="5199">
                  <c:v>10.694009949214893</c:v>
                </c:pt>
                <c:pt idx="5200">
                  <c:v>10.503045485836054</c:v>
                </c:pt>
                <c:pt idx="5201">
                  <c:v>8.9753297788053583</c:v>
                </c:pt>
                <c:pt idx="5202">
                  <c:v>8.4024363886688462</c:v>
                </c:pt>
                <c:pt idx="5203">
                  <c:v>7.0656851450169844</c:v>
                </c:pt>
                <c:pt idx="5204">
                  <c:v>5.9198983647439585</c:v>
                </c:pt>
                <c:pt idx="5205">
                  <c:v>5.1560405112286105</c:v>
                </c:pt>
                <c:pt idx="5206">
                  <c:v>5.1560405112286105</c:v>
                </c:pt>
                <c:pt idx="5207">
                  <c:v>5.1560405112286105</c:v>
                </c:pt>
                <c:pt idx="5208">
                  <c:v>1.7059284763984195</c:v>
                </c:pt>
                <c:pt idx="5209">
                  <c:v>1.7059284763984195</c:v>
                </c:pt>
                <c:pt idx="5210">
                  <c:v>1.7059284763984195</c:v>
                </c:pt>
                <c:pt idx="5211">
                  <c:v>1.7059284763984195</c:v>
                </c:pt>
                <c:pt idx="5212">
                  <c:v>1.7059284763984195</c:v>
                </c:pt>
                <c:pt idx="5213">
                  <c:v>7.3923567310598166</c:v>
                </c:pt>
                <c:pt idx="5214">
                  <c:v>8.3874816756255637</c:v>
                </c:pt>
                <c:pt idx="5215">
                  <c:v>8.3874816756255637</c:v>
                </c:pt>
                <c:pt idx="5216">
                  <c:v>8.3874816756255637</c:v>
                </c:pt>
                <c:pt idx="5217">
                  <c:v>8.9561245010917023</c:v>
                </c:pt>
                <c:pt idx="5218">
                  <c:v>8.9561245010917023</c:v>
                </c:pt>
                <c:pt idx="5219">
                  <c:v>11.372856509322796</c:v>
                </c:pt>
                <c:pt idx="5220">
                  <c:v>11.372856509322796</c:v>
                </c:pt>
                <c:pt idx="5221">
                  <c:v>7.5345174374263522</c:v>
                </c:pt>
                <c:pt idx="5222">
                  <c:v>11.372856509322796</c:v>
                </c:pt>
                <c:pt idx="5223">
                  <c:v>11.372856509322796</c:v>
                </c:pt>
                <c:pt idx="5224">
                  <c:v>11.372856509322796</c:v>
                </c:pt>
                <c:pt idx="5225">
                  <c:v>11.372856509322796</c:v>
                </c:pt>
                <c:pt idx="5226">
                  <c:v>11.372856509322796</c:v>
                </c:pt>
                <c:pt idx="5227">
                  <c:v>9.5247673265578428</c:v>
                </c:pt>
                <c:pt idx="5228">
                  <c:v>7.8188388501594215</c:v>
                </c:pt>
                <c:pt idx="5229">
                  <c:v>5.686428254661398</c:v>
                </c:pt>
                <c:pt idx="5230">
                  <c:v>5.4021068419283287</c:v>
                </c:pt>
                <c:pt idx="5231">
                  <c:v>5.4021068419283287</c:v>
                </c:pt>
                <c:pt idx="5232">
                  <c:v>5.0673197872433171</c:v>
                </c:pt>
                <c:pt idx="5233">
                  <c:v>5.0673197872433171</c:v>
                </c:pt>
                <c:pt idx="5234">
                  <c:v>5.0673197872433171</c:v>
                </c:pt>
                <c:pt idx="5235">
                  <c:v>5.0673197872433171</c:v>
                </c:pt>
                <c:pt idx="5236">
                  <c:v>5.0673197872433171</c:v>
                </c:pt>
                <c:pt idx="5237">
                  <c:v>6.5875157234163115</c:v>
                </c:pt>
                <c:pt idx="5238">
                  <c:v>7.3476136915028087</c:v>
                </c:pt>
                <c:pt idx="5239">
                  <c:v>7.6009796808649739</c:v>
                </c:pt>
                <c:pt idx="5240">
                  <c:v>7.6009796808649739</c:v>
                </c:pt>
                <c:pt idx="5241">
                  <c:v>8.234394654270389</c:v>
                </c:pt>
                <c:pt idx="5242">
                  <c:v>8.614443638313638</c:v>
                </c:pt>
                <c:pt idx="5243">
                  <c:v>10.134639574486634</c:v>
                </c:pt>
                <c:pt idx="5244">
                  <c:v>10.134639574486634</c:v>
                </c:pt>
                <c:pt idx="5245">
                  <c:v>10.134639574486634</c:v>
                </c:pt>
                <c:pt idx="5246">
                  <c:v>10.134639574486634</c:v>
                </c:pt>
                <c:pt idx="5247">
                  <c:v>10.134639574486634</c:v>
                </c:pt>
                <c:pt idx="5248">
                  <c:v>10.134639574486634</c:v>
                </c:pt>
                <c:pt idx="5249">
                  <c:v>10.134639574486634</c:v>
                </c:pt>
                <c:pt idx="5250">
                  <c:v>10.134639574486634</c:v>
                </c:pt>
                <c:pt idx="5251">
                  <c:v>8.487760643632555</c:v>
                </c:pt>
                <c:pt idx="5252">
                  <c:v>6.9675647074595597</c:v>
                </c:pt>
                <c:pt idx="5253">
                  <c:v>5.0673197872433171</c:v>
                </c:pt>
                <c:pt idx="5254">
                  <c:v>5.0673197872433171</c:v>
                </c:pt>
                <c:pt idx="5255">
                  <c:v>5.0673197872433171</c:v>
                </c:pt>
                <c:pt idx="5256">
                  <c:v>4.4167921051573247</c:v>
                </c:pt>
                <c:pt idx="5257">
                  <c:v>4.9688911183019906</c:v>
                </c:pt>
                <c:pt idx="5258">
                  <c:v>4.9688911183019906</c:v>
                </c:pt>
                <c:pt idx="5259">
                  <c:v>4.9688911183019906</c:v>
                </c:pt>
                <c:pt idx="5260">
                  <c:v>4.9688911183019906</c:v>
                </c:pt>
                <c:pt idx="5261">
                  <c:v>6.4043485524781198</c:v>
                </c:pt>
                <c:pt idx="5262">
                  <c:v>7.3981267761385201</c:v>
                </c:pt>
                <c:pt idx="5263">
                  <c:v>7.3981267761385201</c:v>
                </c:pt>
                <c:pt idx="5264">
                  <c:v>7.3981267761385201</c:v>
                </c:pt>
                <c:pt idx="5265">
                  <c:v>7.9502257892831851</c:v>
                </c:pt>
                <c:pt idx="5266">
                  <c:v>8.6127446050567844</c:v>
                </c:pt>
                <c:pt idx="5267">
                  <c:v>9.9377822366039812</c:v>
                </c:pt>
                <c:pt idx="5268">
                  <c:v>9.9377822366039812</c:v>
                </c:pt>
                <c:pt idx="5269">
                  <c:v>9.9377822366039812</c:v>
                </c:pt>
                <c:pt idx="5270">
                  <c:v>9.9377822366039812</c:v>
                </c:pt>
                <c:pt idx="5271">
                  <c:v>9.9377822366039812</c:v>
                </c:pt>
                <c:pt idx="5272">
                  <c:v>9.9377822366039812</c:v>
                </c:pt>
                <c:pt idx="5273">
                  <c:v>9.9377822366039812</c:v>
                </c:pt>
                <c:pt idx="5274">
                  <c:v>9.9377822366039812</c:v>
                </c:pt>
                <c:pt idx="5275">
                  <c:v>8.2814851971699834</c:v>
                </c:pt>
                <c:pt idx="5276">
                  <c:v>6.6251881577359875</c:v>
                </c:pt>
                <c:pt idx="5277">
                  <c:v>4.9688911183019906</c:v>
                </c:pt>
                <c:pt idx="5278">
                  <c:v>4.9688911183019906</c:v>
                </c:pt>
                <c:pt idx="5279">
                  <c:v>4.9688911183019906</c:v>
                </c:pt>
                <c:pt idx="5280">
                  <c:v>4.916468614742235</c:v>
                </c:pt>
                <c:pt idx="5281">
                  <c:v>4.916468614742235</c:v>
                </c:pt>
                <c:pt idx="5282">
                  <c:v>4.916468614742235</c:v>
                </c:pt>
                <c:pt idx="5283">
                  <c:v>4.916468614742235</c:v>
                </c:pt>
                <c:pt idx="5284">
                  <c:v>4.916468614742235</c:v>
                </c:pt>
                <c:pt idx="5285">
                  <c:v>6.3367817701122151</c:v>
                </c:pt>
                <c:pt idx="5286">
                  <c:v>7.3200754930606626</c:v>
                </c:pt>
                <c:pt idx="5287">
                  <c:v>7.3200754930606626</c:v>
                </c:pt>
                <c:pt idx="5288">
                  <c:v>7.3200754930606626</c:v>
                </c:pt>
                <c:pt idx="5289">
                  <c:v>7.8663497835875766</c:v>
                </c:pt>
                <c:pt idx="5290">
                  <c:v>8.5218789322198756</c:v>
                </c:pt>
                <c:pt idx="5291">
                  <c:v>9.8329372294844699</c:v>
                </c:pt>
                <c:pt idx="5292">
                  <c:v>9.8329372294844699</c:v>
                </c:pt>
                <c:pt idx="5293">
                  <c:v>9.8329372294844699</c:v>
                </c:pt>
                <c:pt idx="5294">
                  <c:v>9.8329372294844699</c:v>
                </c:pt>
                <c:pt idx="5295">
                  <c:v>9.8329372294844699</c:v>
                </c:pt>
                <c:pt idx="5296">
                  <c:v>9.8329372294844699</c:v>
                </c:pt>
                <c:pt idx="5297">
                  <c:v>9.8329372294844699</c:v>
                </c:pt>
                <c:pt idx="5298">
                  <c:v>9.8329372294844699</c:v>
                </c:pt>
                <c:pt idx="5299">
                  <c:v>8.194114357903727</c:v>
                </c:pt>
                <c:pt idx="5300">
                  <c:v>6.5552914863229823</c:v>
                </c:pt>
                <c:pt idx="5301">
                  <c:v>4.916468614742235</c:v>
                </c:pt>
                <c:pt idx="5302">
                  <c:v>4.916468614742235</c:v>
                </c:pt>
                <c:pt idx="5303">
                  <c:v>4.916468614742235</c:v>
                </c:pt>
                <c:pt idx="5304">
                  <c:v>5.4652221245586352</c:v>
                </c:pt>
                <c:pt idx="5305">
                  <c:v>5.4652221245586352</c:v>
                </c:pt>
                <c:pt idx="5306">
                  <c:v>5.4652221245586352</c:v>
                </c:pt>
                <c:pt idx="5307">
                  <c:v>5.4652221245586352</c:v>
                </c:pt>
                <c:pt idx="5308">
                  <c:v>5.4652221245586352</c:v>
                </c:pt>
                <c:pt idx="5309">
                  <c:v>7.0440640716533522</c:v>
                </c:pt>
                <c:pt idx="5310">
                  <c:v>8.501456638202324</c:v>
                </c:pt>
                <c:pt idx="5311">
                  <c:v>8.501456638202324</c:v>
                </c:pt>
                <c:pt idx="5312">
                  <c:v>8.501456638202324</c:v>
                </c:pt>
                <c:pt idx="5313">
                  <c:v>9.1087035409310584</c:v>
                </c:pt>
                <c:pt idx="5314">
                  <c:v>9.4730516825683004</c:v>
                </c:pt>
                <c:pt idx="5315">
                  <c:v>10.93044424911727</c:v>
                </c:pt>
                <c:pt idx="5316">
                  <c:v>10.93044424911727</c:v>
                </c:pt>
                <c:pt idx="5317">
                  <c:v>10.93044424911727</c:v>
                </c:pt>
                <c:pt idx="5318">
                  <c:v>10.93044424911727</c:v>
                </c:pt>
                <c:pt idx="5319">
                  <c:v>9.1087035409310584</c:v>
                </c:pt>
                <c:pt idx="5320">
                  <c:v>8.6229060187480719</c:v>
                </c:pt>
                <c:pt idx="5321">
                  <c:v>8.6229060187480719</c:v>
                </c:pt>
                <c:pt idx="5322">
                  <c:v>8.6229060187480719</c:v>
                </c:pt>
                <c:pt idx="5323">
                  <c:v>8.6229060187480719</c:v>
                </c:pt>
                <c:pt idx="5324">
                  <c:v>6.6797159300161102</c:v>
                </c:pt>
                <c:pt idx="5325">
                  <c:v>2.5504369914606966</c:v>
                </c:pt>
                <c:pt idx="5326">
                  <c:v>2.5504369914606966</c:v>
                </c:pt>
                <c:pt idx="5327">
                  <c:v>2.5504369914606966</c:v>
                </c:pt>
                <c:pt idx="5328">
                  <c:v>3.5154501728777663</c:v>
                </c:pt>
                <c:pt idx="5329">
                  <c:v>6.8634979565708774</c:v>
                </c:pt>
                <c:pt idx="5330">
                  <c:v>6.8634979565708774</c:v>
                </c:pt>
                <c:pt idx="5331">
                  <c:v>6.8634979565708774</c:v>
                </c:pt>
                <c:pt idx="5332">
                  <c:v>6.8634979565708774</c:v>
                </c:pt>
                <c:pt idx="5333">
                  <c:v>8.5375218484174322</c:v>
                </c:pt>
                <c:pt idx="5334">
                  <c:v>10.713752907817954</c:v>
                </c:pt>
                <c:pt idx="5335">
                  <c:v>12.220374410479854</c:v>
                </c:pt>
                <c:pt idx="5336">
                  <c:v>12.220374410479854</c:v>
                </c:pt>
                <c:pt idx="5337">
                  <c:v>12.220374410479854</c:v>
                </c:pt>
                <c:pt idx="5338">
                  <c:v>12.220374410479854</c:v>
                </c:pt>
                <c:pt idx="5339">
                  <c:v>12.220374410479854</c:v>
                </c:pt>
                <c:pt idx="5340">
                  <c:v>12.220374410479854</c:v>
                </c:pt>
                <c:pt idx="5341">
                  <c:v>12.220374410479854</c:v>
                </c:pt>
                <c:pt idx="5342">
                  <c:v>12.220374410479854</c:v>
                </c:pt>
                <c:pt idx="5343">
                  <c:v>11.048557686187266</c:v>
                </c:pt>
                <c:pt idx="5344">
                  <c:v>10.044143351079333</c:v>
                </c:pt>
                <c:pt idx="5345">
                  <c:v>9.0397290159714014</c:v>
                </c:pt>
                <c:pt idx="5346">
                  <c:v>8.7049242376020874</c:v>
                </c:pt>
                <c:pt idx="5347">
                  <c:v>7.0309003457555326</c:v>
                </c:pt>
                <c:pt idx="5348">
                  <c:v>5.1894740647243216</c:v>
                </c:pt>
                <c:pt idx="5349">
                  <c:v>5.1894740647243216</c:v>
                </c:pt>
                <c:pt idx="5350">
                  <c:v>5.1894740647243216</c:v>
                </c:pt>
                <c:pt idx="5351">
                  <c:v>5.1894740647243216</c:v>
                </c:pt>
                <c:pt idx="5352">
                  <c:v>5.7992708607543211</c:v>
                </c:pt>
                <c:pt idx="5353">
                  <c:v>6.7346371286179219</c:v>
                </c:pt>
                <c:pt idx="5354">
                  <c:v>6.7346371286179219</c:v>
                </c:pt>
                <c:pt idx="5355">
                  <c:v>6.7346371286179219</c:v>
                </c:pt>
                <c:pt idx="5356">
                  <c:v>6.7346371286179219</c:v>
                </c:pt>
                <c:pt idx="5357">
                  <c:v>8.4182964107724025</c:v>
                </c:pt>
                <c:pt idx="5358">
                  <c:v>9.9148824393541624</c:v>
                </c:pt>
                <c:pt idx="5359">
                  <c:v>11.785614975081364</c:v>
                </c:pt>
                <c:pt idx="5360">
                  <c:v>11.785614975081364</c:v>
                </c:pt>
                <c:pt idx="5361">
                  <c:v>11.785614975081364</c:v>
                </c:pt>
                <c:pt idx="5362">
                  <c:v>11.785614975081364</c:v>
                </c:pt>
                <c:pt idx="5363">
                  <c:v>11.785614975081364</c:v>
                </c:pt>
                <c:pt idx="5364">
                  <c:v>11.785614975081364</c:v>
                </c:pt>
                <c:pt idx="5365">
                  <c:v>11.785614975081364</c:v>
                </c:pt>
                <c:pt idx="5366">
                  <c:v>11.785614975081364</c:v>
                </c:pt>
                <c:pt idx="5367">
                  <c:v>10.476102200072324</c:v>
                </c:pt>
                <c:pt idx="5368">
                  <c:v>10.289028946499602</c:v>
                </c:pt>
                <c:pt idx="5369">
                  <c:v>8.7924429179178443</c:v>
                </c:pt>
                <c:pt idx="5370">
                  <c:v>8.2312231571996826</c:v>
                </c:pt>
                <c:pt idx="5371">
                  <c:v>6.9217103821906427</c:v>
                </c:pt>
                <c:pt idx="5372">
                  <c:v>5.7992708607543211</c:v>
                </c:pt>
                <c:pt idx="5373">
                  <c:v>5.0509778464634421</c:v>
                </c:pt>
                <c:pt idx="5374">
                  <c:v>5.0509778464634421</c:v>
                </c:pt>
                <c:pt idx="5375">
                  <c:v>5.0509778464634421</c:v>
                </c:pt>
                <c:pt idx="5376">
                  <c:v>1.669100650900865</c:v>
                </c:pt>
                <c:pt idx="5377">
                  <c:v>1.669100650900865</c:v>
                </c:pt>
                <c:pt idx="5378">
                  <c:v>1.669100650900865</c:v>
                </c:pt>
                <c:pt idx="5379">
                  <c:v>1.669100650900865</c:v>
                </c:pt>
                <c:pt idx="5380">
                  <c:v>1.669100650900865</c:v>
                </c:pt>
                <c:pt idx="5381">
                  <c:v>7.232769487237082</c:v>
                </c:pt>
                <c:pt idx="5382">
                  <c:v>8.2064115335959205</c:v>
                </c:pt>
                <c:pt idx="5383">
                  <c:v>8.2064115335959205</c:v>
                </c:pt>
                <c:pt idx="5384">
                  <c:v>8.2064115335959205</c:v>
                </c:pt>
                <c:pt idx="5385">
                  <c:v>8.7627784172295424</c:v>
                </c:pt>
                <c:pt idx="5386">
                  <c:v>8.7627784172295424</c:v>
                </c:pt>
                <c:pt idx="5387">
                  <c:v>11.127337672672436</c:v>
                </c:pt>
                <c:pt idx="5388">
                  <c:v>11.127337672672436</c:v>
                </c:pt>
                <c:pt idx="5389">
                  <c:v>7.3718612081454875</c:v>
                </c:pt>
                <c:pt idx="5390">
                  <c:v>11.127337672672436</c:v>
                </c:pt>
                <c:pt idx="5391">
                  <c:v>11.127337672672436</c:v>
                </c:pt>
                <c:pt idx="5392">
                  <c:v>11.127337672672436</c:v>
                </c:pt>
                <c:pt idx="5393">
                  <c:v>11.127337672672436</c:v>
                </c:pt>
                <c:pt idx="5394">
                  <c:v>11.127337672672436</c:v>
                </c:pt>
                <c:pt idx="5395">
                  <c:v>9.3191453008631644</c:v>
                </c:pt>
                <c:pt idx="5396">
                  <c:v>7.6500446499622985</c:v>
                </c:pt>
                <c:pt idx="5397">
                  <c:v>5.5636688363362179</c:v>
                </c:pt>
                <c:pt idx="5398">
                  <c:v>5.285485394519406</c:v>
                </c:pt>
                <c:pt idx="5399">
                  <c:v>5.285485394519406</c:v>
                </c:pt>
                <c:pt idx="5400">
                  <c:v>4.9004279112861377</c:v>
                </c:pt>
                <c:pt idx="5401">
                  <c:v>4.9004279112861377</c:v>
                </c:pt>
                <c:pt idx="5402">
                  <c:v>4.9004279112861377</c:v>
                </c:pt>
                <c:pt idx="5403">
                  <c:v>4.9004279112861377</c:v>
                </c:pt>
                <c:pt idx="5404">
                  <c:v>4.9004279112861377</c:v>
                </c:pt>
                <c:pt idx="5405">
                  <c:v>6.370556284671979</c:v>
                </c:pt>
                <c:pt idx="5406">
                  <c:v>7.1056204713648992</c:v>
                </c:pt>
                <c:pt idx="5407">
                  <c:v>7.3506418669292062</c:v>
                </c:pt>
                <c:pt idx="5408">
                  <c:v>7.3506418669292062</c:v>
                </c:pt>
                <c:pt idx="5409">
                  <c:v>7.9631953558399742</c:v>
                </c:pt>
                <c:pt idx="5410">
                  <c:v>8.3307274491864352</c:v>
                </c:pt>
                <c:pt idx="5411">
                  <c:v>9.8008558225722755</c:v>
                </c:pt>
                <c:pt idx="5412">
                  <c:v>9.8008558225722755</c:v>
                </c:pt>
                <c:pt idx="5413">
                  <c:v>9.8008558225722755</c:v>
                </c:pt>
                <c:pt idx="5414">
                  <c:v>9.8008558225722755</c:v>
                </c:pt>
                <c:pt idx="5415">
                  <c:v>9.8008558225722755</c:v>
                </c:pt>
                <c:pt idx="5416">
                  <c:v>9.8008558225722755</c:v>
                </c:pt>
                <c:pt idx="5417">
                  <c:v>9.8008558225722755</c:v>
                </c:pt>
                <c:pt idx="5418">
                  <c:v>9.8008558225722755</c:v>
                </c:pt>
                <c:pt idx="5419">
                  <c:v>8.208216751404283</c:v>
                </c:pt>
                <c:pt idx="5420">
                  <c:v>6.7380883780184391</c:v>
                </c:pt>
                <c:pt idx="5421">
                  <c:v>4.9004279112861377</c:v>
                </c:pt>
                <c:pt idx="5422">
                  <c:v>4.9004279112861377</c:v>
                </c:pt>
                <c:pt idx="5423">
                  <c:v>4.9004279112861377</c:v>
                </c:pt>
                <c:pt idx="5424">
                  <c:v>4.380380789964966</c:v>
                </c:pt>
                <c:pt idx="5425">
                  <c:v>4.927928388710586</c:v>
                </c:pt>
                <c:pt idx="5426">
                  <c:v>4.927928388710586</c:v>
                </c:pt>
                <c:pt idx="5427">
                  <c:v>4.927928388710586</c:v>
                </c:pt>
                <c:pt idx="5428">
                  <c:v>4.927928388710586</c:v>
                </c:pt>
                <c:pt idx="5429">
                  <c:v>6.3515521454491983</c:v>
                </c:pt>
                <c:pt idx="5430">
                  <c:v>7.3371378231913171</c:v>
                </c:pt>
                <c:pt idx="5431">
                  <c:v>7.3371378231913171</c:v>
                </c:pt>
                <c:pt idx="5432">
                  <c:v>7.3371378231913171</c:v>
                </c:pt>
                <c:pt idx="5433">
                  <c:v>7.884685421936938</c:v>
                </c:pt>
                <c:pt idx="5434">
                  <c:v>8.5417425404316827</c:v>
                </c:pt>
                <c:pt idx="5435">
                  <c:v>9.8558567774211721</c:v>
                </c:pt>
                <c:pt idx="5436">
                  <c:v>9.8558567774211721</c:v>
                </c:pt>
                <c:pt idx="5437">
                  <c:v>9.8558567774211721</c:v>
                </c:pt>
                <c:pt idx="5438">
                  <c:v>9.8558567774211721</c:v>
                </c:pt>
                <c:pt idx="5439">
                  <c:v>9.8558567774211721</c:v>
                </c:pt>
                <c:pt idx="5440">
                  <c:v>9.8558567774211721</c:v>
                </c:pt>
                <c:pt idx="5441">
                  <c:v>9.8558567774211721</c:v>
                </c:pt>
                <c:pt idx="5442">
                  <c:v>9.8558567774211721</c:v>
                </c:pt>
                <c:pt idx="5443">
                  <c:v>8.2132139811843103</c:v>
                </c:pt>
                <c:pt idx="5444">
                  <c:v>6.5705711849474486</c:v>
                </c:pt>
                <c:pt idx="5445">
                  <c:v>4.927928388710586</c:v>
                </c:pt>
                <c:pt idx="5446">
                  <c:v>4.927928388710586</c:v>
                </c:pt>
                <c:pt idx="5447">
                  <c:v>4.927928388710586</c:v>
                </c:pt>
                <c:pt idx="5448">
                  <c:v>5.0055666790617401</c:v>
                </c:pt>
                <c:pt idx="5449">
                  <c:v>5.0055666790617401</c:v>
                </c:pt>
                <c:pt idx="5450">
                  <c:v>5.0055666790617401</c:v>
                </c:pt>
                <c:pt idx="5451">
                  <c:v>5.0055666790617401</c:v>
                </c:pt>
                <c:pt idx="5452">
                  <c:v>5.0055666790617401</c:v>
                </c:pt>
                <c:pt idx="5453">
                  <c:v>6.4516192752351316</c:v>
                </c:pt>
                <c:pt idx="5454">
                  <c:v>7.4527326110474794</c:v>
                </c:pt>
                <c:pt idx="5455">
                  <c:v>7.4527326110474794</c:v>
                </c:pt>
                <c:pt idx="5456">
                  <c:v>7.4527326110474794</c:v>
                </c:pt>
                <c:pt idx="5457">
                  <c:v>8.0089066864987828</c:v>
                </c:pt>
                <c:pt idx="5458">
                  <c:v>8.6763155770403486</c:v>
                </c:pt>
                <c:pt idx="5459">
                  <c:v>10.01113335812348</c:v>
                </c:pt>
                <c:pt idx="5460">
                  <c:v>10.01113335812348</c:v>
                </c:pt>
                <c:pt idx="5461">
                  <c:v>10.01113335812348</c:v>
                </c:pt>
                <c:pt idx="5462">
                  <c:v>10.01113335812348</c:v>
                </c:pt>
                <c:pt idx="5463">
                  <c:v>10.01113335812348</c:v>
                </c:pt>
                <c:pt idx="5464">
                  <c:v>10.01113335812348</c:v>
                </c:pt>
                <c:pt idx="5465">
                  <c:v>10.01113335812348</c:v>
                </c:pt>
                <c:pt idx="5466">
                  <c:v>10.01113335812348</c:v>
                </c:pt>
                <c:pt idx="5467">
                  <c:v>8.3426111317695675</c:v>
                </c:pt>
                <c:pt idx="5468">
                  <c:v>6.6740889054156538</c:v>
                </c:pt>
                <c:pt idx="5469">
                  <c:v>5.0055666790617401</c:v>
                </c:pt>
                <c:pt idx="5470">
                  <c:v>5.0055666790617401</c:v>
                </c:pt>
                <c:pt idx="5471">
                  <c:v>5.0055666790617401</c:v>
                </c:pt>
                <c:pt idx="5472">
                  <c:v>5.4408298021623329</c:v>
                </c:pt>
                <c:pt idx="5473">
                  <c:v>5.4408298021623329</c:v>
                </c:pt>
                <c:pt idx="5474">
                  <c:v>5.4408298021623329</c:v>
                </c:pt>
                <c:pt idx="5475">
                  <c:v>5.4408298021623329</c:v>
                </c:pt>
                <c:pt idx="5476">
                  <c:v>5.4408298021623329</c:v>
                </c:pt>
                <c:pt idx="5477">
                  <c:v>7.0126250783425608</c:v>
                </c:pt>
                <c:pt idx="5478">
                  <c:v>8.4635130255858506</c:v>
                </c:pt>
                <c:pt idx="5479">
                  <c:v>8.4635130255858506</c:v>
                </c:pt>
                <c:pt idx="5480">
                  <c:v>8.4635130255858506</c:v>
                </c:pt>
                <c:pt idx="5481">
                  <c:v>9.068049670270554</c:v>
                </c:pt>
                <c:pt idx="5482">
                  <c:v>9.430771657081376</c:v>
                </c:pt>
                <c:pt idx="5483">
                  <c:v>10.881659604324666</c:v>
                </c:pt>
                <c:pt idx="5484">
                  <c:v>10.881659604324666</c:v>
                </c:pt>
                <c:pt idx="5485">
                  <c:v>10.881659604324666</c:v>
                </c:pt>
                <c:pt idx="5486">
                  <c:v>10.881659604324666</c:v>
                </c:pt>
                <c:pt idx="5487">
                  <c:v>9.068049670270554</c:v>
                </c:pt>
                <c:pt idx="5488">
                  <c:v>8.5844203545227913</c:v>
                </c:pt>
                <c:pt idx="5489">
                  <c:v>8.5844203545227913</c:v>
                </c:pt>
                <c:pt idx="5490">
                  <c:v>8.5844203545227913</c:v>
                </c:pt>
                <c:pt idx="5491">
                  <c:v>8.5844203545227913</c:v>
                </c:pt>
                <c:pt idx="5492">
                  <c:v>6.6499030915317388</c:v>
                </c:pt>
                <c:pt idx="5493">
                  <c:v>2.5390539076757555</c:v>
                </c:pt>
                <c:pt idx="5494">
                  <c:v>2.5390539076757555</c:v>
                </c:pt>
                <c:pt idx="5495">
                  <c:v>2.5390539076757555</c:v>
                </c:pt>
                <c:pt idx="5496">
                  <c:v>3.3046304537231466</c:v>
                </c:pt>
                <c:pt idx="5497">
                  <c:v>6.4518975525070967</c:v>
                </c:pt>
                <c:pt idx="5498">
                  <c:v>6.4518975525070967</c:v>
                </c:pt>
                <c:pt idx="5499">
                  <c:v>6.4518975525070967</c:v>
                </c:pt>
                <c:pt idx="5500">
                  <c:v>6.4518975525070967</c:v>
                </c:pt>
                <c:pt idx="5501">
                  <c:v>8.0255311018990714</c:v>
                </c:pt>
                <c:pt idx="5502">
                  <c:v>10.071254716108637</c:v>
                </c:pt>
                <c:pt idx="5503">
                  <c:v>11.487524910561415</c:v>
                </c:pt>
                <c:pt idx="5504">
                  <c:v>11.487524910561415</c:v>
                </c:pt>
                <c:pt idx="5505">
                  <c:v>11.487524910561415</c:v>
                </c:pt>
                <c:pt idx="5506">
                  <c:v>11.487524910561415</c:v>
                </c:pt>
                <c:pt idx="5507">
                  <c:v>11.487524910561415</c:v>
                </c:pt>
                <c:pt idx="5508">
                  <c:v>11.487524910561415</c:v>
                </c:pt>
                <c:pt idx="5509">
                  <c:v>11.487524910561415</c:v>
                </c:pt>
                <c:pt idx="5510">
                  <c:v>11.487524910561415</c:v>
                </c:pt>
                <c:pt idx="5511">
                  <c:v>10.385981425987032</c:v>
                </c:pt>
                <c:pt idx="5512">
                  <c:v>9.4418012963518478</c:v>
                </c:pt>
                <c:pt idx="5513">
                  <c:v>8.4976211667166641</c:v>
                </c:pt>
                <c:pt idx="5514">
                  <c:v>8.1828944568382678</c:v>
                </c:pt>
                <c:pt idx="5515">
                  <c:v>6.6092609074462931</c:v>
                </c:pt>
                <c:pt idx="5516">
                  <c:v>4.8782640031151212</c:v>
                </c:pt>
                <c:pt idx="5517">
                  <c:v>4.8782640031151212</c:v>
                </c:pt>
                <c:pt idx="5518">
                  <c:v>4.8782640031151212</c:v>
                </c:pt>
                <c:pt idx="5519">
                  <c:v>4.8782640031151212</c:v>
                </c:pt>
                <c:pt idx="5520">
                  <c:v>5.5058475845696337</c:v>
                </c:pt>
                <c:pt idx="5521">
                  <c:v>6.3938875175647363</c:v>
                </c:pt>
                <c:pt idx="5522">
                  <c:v>6.3938875175647363</c:v>
                </c:pt>
                <c:pt idx="5523">
                  <c:v>6.3938875175647363</c:v>
                </c:pt>
                <c:pt idx="5524">
                  <c:v>6.3938875175647363</c:v>
                </c:pt>
                <c:pt idx="5525">
                  <c:v>7.9923593969559192</c:v>
                </c:pt>
                <c:pt idx="5526">
                  <c:v>9.4132232897480854</c:v>
                </c:pt>
                <c:pt idx="5527">
                  <c:v>11.189303155738289</c:v>
                </c:pt>
                <c:pt idx="5528">
                  <c:v>11.189303155738289</c:v>
                </c:pt>
                <c:pt idx="5529">
                  <c:v>11.189303155738289</c:v>
                </c:pt>
                <c:pt idx="5530">
                  <c:v>11.189303155738289</c:v>
                </c:pt>
                <c:pt idx="5531">
                  <c:v>11.189303155738289</c:v>
                </c:pt>
                <c:pt idx="5532">
                  <c:v>11.189303155738289</c:v>
                </c:pt>
                <c:pt idx="5533">
                  <c:v>11.189303155738289</c:v>
                </c:pt>
                <c:pt idx="5534">
                  <c:v>11.189303155738289</c:v>
                </c:pt>
                <c:pt idx="5535">
                  <c:v>9.9460472495451455</c:v>
                </c:pt>
                <c:pt idx="5536">
                  <c:v>9.7684392629461225</c:v>
                </c:pt>
                <c:pt idx="5537">
                  <c:v>8.3475753701539617</c:v>
                </c:pt>
                <c:pt idx="5538">
                  <c:v>7.8147514103568998</c:v>
                </c:pt>
                <c:pt idx="5539">
                  <c:v>6.5714955041637575</c:v>
                </c:pt>
                <c:pt idx="5540">
                  <c:v>5.5058475845696337</c:v>
                </c:pt>
                <c:pt idx="5541">
                  <c:v>4.7954156381735515</c:v>
                </c:pt>
                <c:pt idx="5542">
                  <c:v>4.7954156381735515</c:v>
                </c:pt>
                <c:pt idx="5543">
                  <c:v>4.7954156381735515</c:v>
                </c:pt>
                <c:pt idx="5544">
                  <c:v>1.6741803509694935</c:v>
                </c:pt>
                <c:pt idx="5545">
                  <c:v>1.6741803509694935</c:v>
                </c:pt>
                <c:pt idx="5546">
                  <c:v>1.6741803509694935</c:v>
                </c:pt>
                <c:pt idx="5547">
                  <c:v>1.6741803509694935</c:v>
                </c:pt>
                <c:pt idx="5548">
                  <c:v>1.6741803509694935</c:v>
                </c:pt>
                <c:pt idx="5549">
                  <c:v>7.2547815208678053</c:v>
                </c:pt>
                <c:pt idx="5550">
                  <c:v>8.2313867256000091</c:v>
                </c:pt>
                <c:pt idx="5551">
                  <c:v>8.2313867256000091</c:v>
                </c:pt>
                <c:pt idx="5552">
                  <c:v>8.2313867256000091</c:v>
                </c:pt>
                <c:pt idx="5553">
                  <c:v>8.7894468425898413</c:v>
                </c:pt>
                <c:pt idx="5554">
                  <c:v>8.7894468425898413</c:v>
                </c:pt>
                <c:pt idx="5555">
                  <c:v>11.161202339796624</c:v>
                </c:pt>
                <c:pt idx="5556">
                  <c:v>11.161202339796624</c:v>
                </c:pt>
                <c:pt idx="5557">
                  <c:v>7.3942965501152624</c:v>
                </c:pt>
                <c:pt idx="5558">
                  <c:v>11.161202339796624</c:v>
                </c:pt>
                <c:pt idx="5559">
                  <c:v>11.161202339796624</c:v>
                </c:pt>
                <c:pt idx="5560">
                  <c:v>11.161202339796624</c:v>
                </c:pt>
                <c:pt idx="5561">
                  <c:v>11.161202339796624</c:v>
                </c:pt>
                <c:pt idx="5562">
                  <c:v>11.161202339796624</c:v>
                </c:pt>
                <c:pt idx="5563">
                  <c:v>9.3475069595796718</c:v>
                </c:pt>
                <c:pt idx="5564">
                  <c:v>7.6733266086101786</c:v>
                </c:pt>
                <c:pt idx="5565">
                  <c:v>5.580601169898312</c:v>
                </c:pt>
                <c:pt idx="5566">
                  <c:v>5.3015711114033959</c:v>
                </c:pt>
                <c:pt idx="5567">
                  <c:v>5.3015711114033959</c:v>
                </c:pt>
                <c:pt idx="5568">
                  <c:v>4.9671846616690098</c:v>
                </c:pt>
                <c:pt idx="5569">
                  <c:v>4.9671846616690098</c:v>
                </c:pt>
                <c:pt idx="5570">
                  <c:v>4.9671846616690098</c:v>
                </c:pt>
                <c:pt idx="5571">
                  <c:v>4.9671846616690098</c:v>
                </c:pt>
                <c:pt idx="5572">
                  <c:v>4.9671846616690098</c:v>
                </c:pt>
                <c:pt idx="5573">
                  <c:v>6.4573400601697122</c:v>
                </c:pt>
                <c:pt idx="5574">
                  <c:v>7.2024177594200633</c:v>
                </c:pt>
                <c:pt idx="5575">
                  <c:v>7.4507769925035143</c:v>
                </c:pt>
                <c:pt idx="5576">
                  <c:v>7.4507769925035143</c:v>
                </c:pt>
                <c:pt idx="5577">
                  <c:v>8.0716750752121396</c:v>
                </c:pt>
                <c:pt idx="5578">
                  <c:v>8.4442139248373156</c:v>
                </c:pt>
                <c:pt idx="5579">
                  <c:v>9.9343693233380197</c:v>
                </c:pt>
                <c:pt idx="5580">
                  <c:v>9.9343693233380197</c:v>
                </c:pt>
                <c:pt idx="5581">
                  <c:v>9.9343693233380197</c:v>
                </c:pt>
                <c:pt idx="5582">
                  <c:v>9.9343693233380197</c:v>
                </c:pt>
                <c:pt idx="5583">
                  <c:v>9.9343693233380197</c:v>
                </c:pt>
                <c:pt idx="5584">
                  <c:v>9.9343693233380197</c:v>
                </c:pt>
                <c:pt idx="5585">
                  <c:v>9.9343693233380197</c:v>
                </c:pt>
                <c:pt idx="5586">
                  <c:v>9.9343693233380197</c:v>
                </c:pt>
                <c:pt idx="5587">
                  <c:v>8.3200343082955914</c:v>
                </c:pt>
                <c:pt idx="5588">
                  <c:v>6.8298789097948882</c:v>
                </c:pt>
                <c:pt idx="5589">
                  <c:v>4.9671846616690098</c:v>
                </c:pt>
                <c:pt idx="5590">
                  <c:v>4.9671846616690098</c:v>
                </c:pt>
                <c:pt idx="5591">
                  <c:v>4.9671846616690098</c:v>
                </c:pt>
                <c:pt idx="5592">
                  <c:v>4.4366528225349757</c:v>
                </c:pt>
                <c:pt idx="5593">
                  <c:v>4.9912344253518475</c:v>
                </c:pt>
                <c:pt idx="5594">
                  <c:v>4.9912344253518475</c:v>
                </c:pt>
                <c:pt idx="5595">
                  <c:v>4.9912344253518475</c:v>
                </c:pt>
                <c:pt idx="5596">
                  <c:v>4.9912344253518475</c:v>
                </c:pt>
                <c:pt idx="5597">
                  <c:v>6.4331465926757145</c:v>
                </c:pt>
                <c:pt idx="5598">
                  <c:v>7.4313934777460844</c:v>
                </c:pt>
                <c:pt idx="5599">
                  <c:v>7.4313934777460844</c:v>
                </c:pt>
                <c:pt idx="5600">
                  <c:v>7.4313934777460844</c:v>
                </c:pt>
                <c:pt idx="5601">
                  <c:v>7.985975080562957</c:v>
                </c:pt>
                <c:pt idx="5602">
                  <c:v>8.6514730039432024</c:v>
                </c:pt>
                <c:pt idx="5603">
                  <c:v>9.9824688507036949</c:v>
                </c:pt>
                <c:pt idx="5604">
                  <c:v>9.9824688507036949</c:v>
                </c:pt>
                <c:pt idx="5605">
                  <c:v>9.9824688507036949</c:v>
                </c:pt>
                <c:pt idx="5606">
                  <c:v>9.9824688507036949</c:v>
                </c:pt>
                <c:pt idx="5607">
                  <c:v>9.9824688507036949</c:v>
                </c:pt>
                <c:pt idx="5608">
                  <c:v>9.9824688507036949</c:v>
                </c:pt>
                <c:pt idx="5609">
                  <c:v>9.9824688507036949</c:v>
                </c:pt>
                <c:pt idx="5610">
                  <c:v>9.9824688507036949</c:v>
                </c:pt>
                <c:pt idx="5611">
                  <c:v>8.3187240422530788</c:v>
                </c:pt>
                <c:pt idx="5612">
                  <c:v>6.6549792338024636</c:v>
                </c:pt>
                <c:pt idx="5613">
                  <c:v>4.9912344253518475</c:v>
                </c:pt>
                <c:pt idx="5614">
                  <c:v>4.9912344253518475</c:v>
                </c:pt>
                <c:pt idx="5615">
                  <c:v>4.9912344253518475</c:v>
                </c:pt>
                <c:pt idx="5616">
                  <c:v>4.9832921629818641</c:v>
                </c:pt>
                <c:pt idx="5617">
                  <c:v>4.9832921629818641</c:v>
                </c:pt>
                <c:pt idx="5618">
                  <c:v>4.9832921629818641</c:v>
                </c:pt>
                <c:pt idx="5619">
                  <c:v>4.9832921629818641</c:v>
                </c:pt>
                <c:pt idx="5620">
                  <c:v>4.9832921629818641</c:v>
                </c:pt>
                <c:pt idx="5621">
                  <c:v>6.4229098989544022</c:v>
                </c:pt>
                <c:pt idx="5622">
                  <c:v>7.4195683315507761</c:v>
                </c:pt>
                <c:pt idx="5623">
                  <c:v>7.4195683315507761</c:v>
                </c:pt>
                <c:pt idx="5624">
                  <c:v>7.4195683315507761</c:v>
                </c:pt>
                <c:pt idx="5625">
                  <c:v>7.9732674607709821</c:v>
                </c:pt>
                <c:pt idx="5626">
                  <c:v>8.6377064158352308</c:v>
                </c:pt>
                <c:pt idx="5627">
                  <c:v>9.9665843259637281</c:v>
                </c:pt>
                <c:pt idx="5628">
                  <c:v>9.9665843259637281</c:v>
                </c:pt>
                <c:pt idx="5629">
                  <c:v>9.9665843259637281</c:v>
                </c:pt>
                <c:pt idx="5630">
                  <c:v>9.9665843259637281</c:v>
                </c:pt>
                <c:pt idx="5631">
                  <c:v>9.9665843259637281</c:v>
                </c:pt>
                <c:pt idx="5632">
                  <c:v>9.9665843259637281</c:v>
                </c:pt>
                <c:pt idx="5633">
                  <c:v>9.9665843259637281</c:v>
                </c:pt>
                <c:pt idx="5634">
                  <c:v>9.9665843259637281</c:v>
                </c:pt>
                <c:pt idx="5635">
                  <c:v>8.3054869383031047</c:v>
                </c:pt>
                <c:pt idx="5636">
                  <c:v>6.6443895506424866</c:v>
                </c:pt>
                <c:pt idx="5637">
                  <c:v>4.9832921629818641</c:v>
                </c:pt>
                <c:pt idx="5638">
                  <c:v>4.9832921629818641</c:v>
                </c:pt>
                <c:pt idx="5639">
                  <c:v>4.9832921629818641</c:v>
                </c:pt>
                <c:pt idx="5640">
                  <c:v>5.5058759952191405</c:v>
                </c:pt>
                <c:pt idx="5641">
                  <c:v>5.5058759952191405</c:v>
                </c:pt>
                <c:pt idx="5642">
                  <c:v>5.5058759952191405</c:v>
                </c:pt>
                <c:pt idx="5643">
                  <c:v>5.5058759952191405</c:v>
                </c:pt>
                <c:pt idx="5644">
                  <c:v>5.5058759952191405</c:v>
                </c:pt>
                <c:pt idx="5645">
                  <c:v>7.0964623938380038</c:v>
                </c:pt>
                <c:pt idx="5646">
                  <c:v>8.5646959925631094</c:v>
                </c:pt>
                <c:pt idx="5647">
                  <c:v>8.5646959925631094</c:v>
                </c:pt>
                <c:pt idx="5648">
                  <c:v>8.5646959925631094</c:v>
                </c:pt>
                <c:pt idx="5649">
                  <c:v>9.1764599920319014</c:v>
                </c:pt>
                <c:pt idx="5650">
                  <c:v>9.5435183917131781</c:v>
                </c:pt>
                <c:pt idx="5651">
                  <c:v>11.011751990438281</c:v>
                </c:pt>
                <c:pt idx="5652">
                  <c:v>11.011751990438281</c:v>
                </c:pt>
                <c:pt idx="5653">
                  <c:v>11.011751990438281</c:v>
                </c:pt>
                <c:pt idx="5654">
                  <c:v>11.011751990438281</c:v>
                </c:pt>
                <c:pt idx="5655">
                  <c:v>9.1764599920319014</c:v>
                </c:pt>
                <c:pt idx="5656">
                  <c:v>8.6870487924568689</c:v>
                </c:pt>
                <c:pt idx="5657">
                  <c:v>8.6870487924568689</c:v>
                </c:pt>
                <c:pt idx="5658">
                  <c:v>8.6870487924568689</c:v>
                </c:pt>
                <c:pt idx="5659">
                  <c:v>8.6870487924568689</c:v>
                </c:pt>
                <c:pt idx="5660">
                  <c:v>6.729403994156729</c:v>
                </c:pt>
                <c:pt idx="5661">
                  <c:v>2.5694087977689324</c:v>
                </c:pt>
                <c:pt idx="5662">
                  <c:v>2.5694087977689324</c:v>
                </c:pt>
                <c:pt idx="5663">
                  <c:v>2.5694087977689324</c:v>
                </c:pt>
                <c:pt idx="5664">
                  <c:v>3.3469697411772161</c:v>
                </c:pt>
                <c:pt idx="5665">
                  <c:v>6.534559970869803</c:v>
                </c:pt>
                <c:pt idx="5666">
                  <c:v>6.534559970869803</c:v>
                </c:pt>
                <c:pt idx="5667">
                  <c:v>6.534559970869803</c:v>
                </c:pt>
                <c:pt idx="5668">
                  <c:v>6.534559970869803</c:v>
                </c:pt>
                <c:pt idx="5669">
                  <c:v>8.1283550857160964</c:v>
                </c:pt>
                <c:pt idx="5670">
                  <c:v>10.200288735016278</c:v>
                </c:pt>
                <c:pt idx="5671">
                  <c:v>11.634704338377944</c:v>
                </c:pt>
                <c:pt idx="5672">
                  <c:v>11.634704338377944</c:v>
                </c:pt>
                <c:pt idx="5673">
                  <c:v>11.634704338377944</c:v>
                </c:pt>
                <c:pt idx="5674">
                  <c:v>11.634704338377944</c:v>
                </c:pt>
                <c:pt idx="5675">
                  <c:v>11.634704338377944</c:v>
                </c:pt>
                <c:pt idx="5676">
                  <c:v>11.634704338377944</c:v>
                </c:pt>
                <c:pt idx="5677">
                  <c:v>11.634704338377944</c:v>
                </c:pt>
                <c:pt idx="5678">
                  <c:v>11.634704338377944</c:v>
                </c:pt>
                <c:pt idx="5679">
                  <c:v>10.519047757985536</c:v>
                </c:pt>
                <c:pt idx="5680">
                  <c:v>9.5627706890777624</c:v>
                </c:pt>
                <c:pt idx="5681">
                  <c:v>8.6064936201699851</c:v>
                </c:pt>
                <c:pt idx="5682">
                  <c:v>8.2877345972007248</c:v>
                </c:pt>
                <c:pt idx="5683">
                  <c:v>6.6939394823544323</c:v>
                </c:pt>
                <c:pt idx="5684">
                  <c:v>4.9407648560235087</c:v>
                </c:pt>
                <c:pt idx="5685">
                  <c:v>4.9407648560235087</c:v>
                </c:pt>
                <c:pt idx="5686">
                  <c:v>4.9407648560235087</c:v>
                </c:pt>
                <c:pt idx="5687">
                  <c:v>4.9407648560235087</c:v>
                </c:pt>
                <c:pt idx="5688">
                  <c:v>5.6786433567646855</c:v>
                </c:pt>
                <c:pt idx="5689">
                  <c:v>6.5945535755976987</c:v>
                </c:pt>
                <c:pt idx="5690">
                  <c:v>6.5945535755976987</c:v>
                </c:pt>
                <c:pt idx="5691">
                  <c:v>6.5945535755976987</c:v>
                </c:pt>
                <c:pt idx="5692">
                  <c:v>6.5945535755976987</c:v>
                </c:pt>
                <c:pt idx="5693">
                  <c:v>8.2431919694971221</c:v>
                </c:pt>
                <c:pt idx="5694">
                  <c:v>9.7086483196299458</c:v>
                </c:pt>
                <c:pt idx="5695">
                  <c:v>11.540468757295972</c:v>
                </c:pt>
                <c:pt idx="5696">
                  <c:v>11.540468757295972</c:v>
                </c:pt>
                <c:pt idx="5697">
                  <c:v>11.540468757295972</c:v>
                </c:pt>
                <c:pt idx="5698">
                  <c:v>11.540468757295972</c:v>
                </c:pt>
                <c:pt idx="5699">
                  <c:v>11.540468757295972</c:v>
                </c:pt>
                <c:pt idx="5700">
                  <c:v>11.540468757295972</c:v>
                </c:pt>
                <c:pt idx="5701">
                  <c:v>11.540468757295972</c:v>
                </c:pt>
                <c:pt idx="5702">
                  <c:v>11.540468757295972</c:v>
                </c:pt>
                <c:pt idx="5703">
                  <c:v>10.258194450929754</c:v>
                </c:pt>
                <c:pt idx="5704">
                  <c:v>10.075012407163149</c:v>
                </c:pt>
                <c:pt idx="5705">
                  <c:v>8.6095560570303284</c:v>
                </c:pt>
                <c:pt idx="5706">
                  <c:v>8.0600099257305207</c:v>
                </c:pt>
                <c:pt idx="5707">
                  <c:v>6.777735619364301</c:v>
                </c:pt>
                <c:pt idx="5708">
                  <c:v>5.6786433567646855</c:v>
                </c:pt>
                <c:pt idx="5709">
                  <c:v>4.9459151816982745</c:v>
                </c:pt>
                <c:pt idx="5710">
                  <c:v>4.9459151816982745</c:v>
                </c:pt>
                <c:pt idx="5711">
                  <c:v>4.9459151816982745</c:v>
                </c:pt>
                <c:pt idx="5712">
                  <c:v>1.6957690762611632</c:v>
                </c:pt>
                <c:pt idx="5713">
                  <c:v>1.6957690762611632</c:v>
                </c:pt>
                <c:pt idx="5714">
                  <c:v>1.6957690762611632</c:v>
                </c:pt>
                <c:pt idx="5715">
                  <c:v>1.6957690762611632</c:v>
                </c:pt>
                <c:pt idx="5716">
                  <c:v>1.6957690762611632</c:v>
                </c:pt>
                <c:pt idx="5717">
                  <c:v>7.3483326637983728</c:v>
                </c:pt>
                <c:pt idx="5718">
                  <c:v>8.3375312916173847</c:v>
                </c:pt>
                <c:pt idx="5719">
                  <c:v>8.3375312916173847</c:v>
                </c:pt>
                <c:pt idx="5720">
                  <c:v>8.3375312916173847</c:v>
                </c:pt>
                <c:pt idx="5721">
                  <c:v>8.9027876503711063</c:v>
                </c:pt>
                <c:pt idx="5722">
                  <c:v>8.9027876503711063</c:v>
                </c:pt>
                <c:pt idx="5723">
                  <c:v>11.305127175074421</c:v>
                </c:pt>
                <c:pt idx="5724">
                  <c:v>11.305127175074421</c:v>
                </c:pt>
                <c:pt idx="5725">
                  <c:v>7.4896467534868041</c:v>
                </c:pt>
                <c:pt idx="5726">
                  <c:v>11.305127175074421</c:v>
                </c:pt>
                <c:pt idx="5727">
                  <c:v>11.305127175074421</c:v>
                </c:pt>
                <c:pt idx="5728">
                  <c:v>11.305127175074421</c:v>
                </c:pt>
                <c:pt idx="5729">
                  <c:v>11.305127175074421</c:v>
                </c:pt>
                <c:pt idx="5730">
                  <c:v>11.305127175074421</c:v>
                </c:pt>
                <c:pt idx="5731">
                  <c:v>9.4680440091248279</c:v>
                </c:pt>
                <c:pt idx="5732">
                  <c:v>7.7722749328636631</c:v>
                </c:pt>
                <c:pt idx="5733">
                  <c:v>5.6525635875372107</c:v>
                </c:pt>
                <c:pt idx="5734">
                  <c:v>5.3699354081603508</c:v>
                </c:pt>
                <c:pt idx="5735">
                  <c:v>5.3699354081603508</c:v>
                </c:pt>
                <c:pt idx="5736">
                  <c:v>4.996854328505842</c:v>
                </c:pt>
                <c:pt idx="5737">
                  <c:v>4.996854328505842</c:v>
                </c:pt>
                <c:pt idx="5738">
                  <c:v>4.996854328505842</c:v>
                </c:pt>
                <c:pt idx="5739">
                  <c:v>4.996854328505842</c:v>
                </c:pt>
                <c:pt idx="5740">
                  <c:v>4.996854328505842</c:v>
                </c:pt>
                <c:pt idx="5741">
                  <c:v>6.4959106270575937</c:v>
                </c:pt>
                <c:pt idx="5742">
                  <c:v>7.2454387763334696</c:v>
                </c:pt>
                <c:pt idx="5743">
                  <c:v>7.4952814927587621</c:v>
                </c:pt>
                <c:pt idx="5744">
                  <c:v>7.4952814927587621</c:v>
                </c:pt>
                <c:pt idx="5745">
                  <c:v>8.1198882838219912</c:v>
                </c:pt>
                <c:pt idx="5746">
                  <c:v>8.4946523584599305</c:v>
                </c:pt>
                <c:pt idx="5747">
                  <c:v>9.993708657011684</c:v>
                </c:pt>
                <c:pt idx="5748">
                  <c:v>9.993708657011684</c:v>
                </c:pt>
                <c:pt idx="5749">
                  <c:v>9.993708657011684</c:v>
                </c:pt>
                <c:pt idx="5750">
                  <c:v>9.993708657011684</c:v>
                </c:pt>
                <c:pt idx="5751">
                  <c:v>9.993708657011684</c:v>
                </c:pt>
                <c:pt idx="5752">
                  <c:v>9.993708657011684</c:v>
                </c:pt>
                <c:pt idx="5753">
                  <c:v>9.993708657011684</c:v>
                </c:pt>
                <c:pt idx="5754">
                  <c:v>9.993708657011684</c:v>
                </c:pt>
                <c:pt idx="5755">
                  <c:v>8.3697310002472847</c:v>
                </c:pt>
                <c:pt idx="5756">
                  <c:v>6.8706747016955312</c:v>
                </c:pt>
                <c:pt idx="5757">
                  <c:v>4.996854328505842</c:v>
                </c:pt>
                <c:pt idx="5758">
                  <c:v>4.996854328505842</c:v>
                </c:pt>
                <c:pt idx="5759">
                  <c:v>4.996854328505842</c:v>
                </c:pt>
                <c:pt idx="5760">
                  <c:v>4.4565135399126268</c:v>
                </c:pt>
                <c:pt idx="5761">
                  <c:v>5.0135777324017052</c:v>
                </c:pt>
                <c:pt idx="5762">
                  <c:v>5.0135777324017052</c:v>
                </c:pt>
                <c:pt idx="5763">
                  <c:v>5.0135777324017052</c:v>
                </c:pt>
                <c:pt idx="5764">
                  <c:v>5.0135777324017052</c:v>
                </c:pt>
                <c:pt idx="5765">
                  <c:v>6.4619446328733083</c:v>
                </c:pt>
                <c:pt idx="5766">
                  <c:v>7.4646601793536496</c:v>
                </c:pt>
                <c:pt idx="5767">
                  <c:v>7.4646601793536496</c:v>
                </c:pt>
                <c:pt idx="5768">
                  <c:v>7.4646601793536496</c:v>
                </c:pt>
                <c:pt idx="5769">
                  <c:v>8.021724371842728</c:v>
                </c:pt>
                <c:pt idx="5770">
                  <c:v>8.6902014028296222</c:v>
                </c:pt>
                <c:pt idx="5771">
                  <c:v>10.02715546480341</c:v>
                </c:pt>
                <c:pt idx="5772">
                  <c:v>10.02715546480341</c:v>
                </c:pt>
                <c:pt idx="5773">
                  <c:v>10.02715546480341</c:v>
                </c:pt>
                <c:pt idx="5774">
                  <c:v>10.02715546480341</c:v>
                </c:pt>
                <c:pt idx="5775">
                  <c:v>10.02715546480341</c:v>
                </c:pt>
                <c:pt idx="5776">
                  <c:v>10.02715546480341</c:v>
                </c:pt>
                <c:pt idx="5777">
                  <c:v>10.02715546480341</c:v>
                </c:pt>
                <c:pt idx="5778">
                  <c:v>10.02715546480341</c:v>
                </c:pt>
                <c:pt idx="5779">
                  <c:v>8.355962887336176</c:v>
                </c:pt>
                <c:pt idx="5780">
                  <c:v>6.6847703098689406</c:v>
                </c:pt>
                <c:pt idx="5781">
                  <c:v>5.0135777324017052</c:v>
                </c:pt>
                <c:pt idx="5782">
                  <c:v>5.0135777324017052</c:v>
                </c:pt>
                <c:pt idx="5783">
                  <c:v>5.0135777324017052</c:v>
                </c:pt>
                <c:pt idx="5784">
                  <c:v>5.0129915177550313</c:v>
                </c:pt>
                <c:pt idx="5785">
                  <c:v>5.0129915177550313</c:v>
                </c:pt>
                <c:pt idx="5786">
                  <c:v>5.0129915177550313</c:v>
                </c:pt>
                <c:pt idx="5787">
                  <c:v>5.0129915177550313</c:v>
                </c:pt>
                <c:pt idx="5788">
                  <c:v>5.0129915177550313</c:v>
                </c:pt>
                <c:pt idx="5789">
                  <c:v>6.461189067328708</c:v>
                </c:pt>
                <c:pt idx="5790">
                  <c:v>7.4637873708797144</c:v>
                </c:pt>
                <c:pt idx="5791">
                  <c:v>7.4637873708797144</c:v>
                </c:pt>
                <c:pt idx="5792">
                  <c:v>7.4637873708797144</c:v>
                </c:pt>
                <c:pt idx="5793">
                  <c:v>8.0207864284080514</c:v>
                </c:pt>
                <c:pt idx="5794">
                  <c:v>8.6891852974420551</c:v>
                </c:pt>
                <c:pt idx="5795">
                  <c:v>10.025983035510063</c:v>
                </c:pt>
                <c:pt idx="5796">
                  <c:v>10.025983035510063</c:v>
                </c:pt>
                <c:pt idx="5797">
                  <c:v>10.025983035510063</c:v>
                </c:pt>
                <c:pt idx="5798">
                  <c:v>10.025983035510063</c:v>
                </c:pt>
                <c:pt idx="5799">
                  <c:v>10.025983035510063</c:v>
                </c:pt>
                <c:pt idx="5800">
                  <c:v>10.025983035510063</c:v>
                </c:pt>
                <c:pt idx="5801">
                  <c:v>10.025983035510063</c:v>
                </c:pt>
                <c:pt idx="5802">
                  <c:v>10.025983035510063</c:v>
                </c:pt>
                <c:pt idx="5803">
                  <c:v>8.3549858629250533</c:v>
                </c:pt>
                <c:pt idx="5804">
                  <c:v>6.6839886903400432</c:v>
                </c:pt>
                <c:pt idx="5805">
                  <c:v>5.0129915177550313</c:v>
                </c:pt>
                <c:pt idx="5806">
                  <c:v>5.0129915177550313</c:v>
                </c:pt>
                <c:pt idx="5807">
                  <c:v>5.0129915177550313</c:v>
                </c:pt>
                <c:pt idx="5808">
                  <c:v>5.5465298658796467</c:v>
                </c:pt>
                <c:pt idx="5809">
                  <c:v>5.5465298658796467</c:v>
                </c:pt>
                <c:pt idx="5810">
                  <c:v>5.5465298658796467</c:v>
                </c:pt>
                <c:pt idx="5811">
                  <c:v>5.5465298658796467</c:v>
                </c:pt>
                <c:pt idx="5812">
                  <c:v>5.5465298658796467</c:v>
                </c:pt>
                <c:pt idx="5813">
                  <c:v>7.148860716022658</c:v>
                </c:pt>
                <c:pt idx="5814">
                  <c:v>8.6279353469238984</c:v>
                </c:pt>
                <c:pt idx="5815">
                  <c:v>8.6279353469238984</c:v>
                </c:pt>
                <c:pt idx="5816">
                  <c:v>8.6279353469238984</c:v>
                </c:pt>
                <c:pt idx="5817">
                  <c:v>9.2442164431327463</c:v>
                </c:pt>
                <c:pt idx="5818">
                  <c:v>9.6139851008580557</c:v>
                </c:pt>
                <c:pt idx="5819">
                  <c:v>11.093059731759293</c:v>
                </c:pt>
                <c:pt idx="5820">
                  <c:v>11.093059731759293</c:v>
                </c:pt>
                <c:pt idx="5821">
                  <c:v>11.093059731759293</c:v>
                </c:pt>
                <c:pt idx="5822">
                  <c:v>11.093059731759293</c:v>
                </c:pt>
                <c:pt idx="5823">
                  <c:v>9.2442164431327463</c:v>
                </c:pt>
                <c:pt idx="5824">
                  <c:v>8.7511915661656676</c:v>
                </c:pt>
                <c:pt idx="5825">
                  <c:v>8.7511915661656676</c:v>
                </c:pt>
                <c:pt idx="5826">
                  <c:v>8.7511915661656676</c:v>
                </c:pt>
                <c:pt idx="5827">
                  <c:v>8.7511915661656676</c:v>
                </c:pt>
                <c:pt idx="5828">
                  <c:v>6.7790920582973468</c:v>
                </c:pt>
                <c:pt idx="5829">
                  <c:v>2.5883806040771691</c:v>
                </c:pt>
                <c:pt idx="5830">
                  <c:v>2.5883806040771691</c:v>
                </c:pt>
                <c:pt idx="5831">
                  <c:v>2.5883806040771691</c:v>
                </c:pt>
                <c:pt idx="5832">
                  <c:v>3.5415953942328389</c:v>
                </c:pt>
                <c:pt idx="5833">
                  <c:v>6.9145433887403049</c:v>
                </c:pt>
                <c:pt idx="5834">
                  <c:v>6.9145433887403049</c:v>
                </c:pt>
                <c:pt idx="5835">
                  <c:v>6.9145433887403049</c:v>
                </c:pt>
                <c:pt idx="5836">
                  <c:v>6.9145433887403049</c:v>
                </c:pt>
                <c:pt idx="5837">
                  <c:v>8.6010173859940391</c:v>
                </c:pt>
                <c:pt idx="5838">
                  <c:v>10.793433582423893</c:v>
                </c:pt>
                <c:pt idx="5839">
                  <c:v>12.311260179952251</c:v>
                </c:pt>
                <c:pt idx="5840">
                  <c:v>12.311260179952251</c:v>
                </c:pt>
                <c:pt idx="5841">
                  <c:v>12.311260179952251</c:v>
                </c:pt>
                <c:pt idx="5842">
                  <c:v>12.311260179952251</c:v>
                </c:pt>
                <c:pt idx="5843">
                  <c:v>12.311260179952251</c:v>
                </c:pt>
                <c:pt idx="5844">
                  <c:v>12.311260179952251</c:v>
                </c:pt>
                <c:pt idx="5845">
                  <c:v>12.311260179952251</c:v>
                </c:pt>
                <c:pt idx="5846">
                  <c:v>12.311260179952251</c:v>
                </c:pt>
                <c:pt idx="5847">
                  <c:v>11.130728381874636</c:v>
                </c:pt>
                <c:pt idx="5848">
                  <c:v>10.118843983522398</c:v>
                </c:pt>
                <c:pt idx="5849">
                  <c:v>9.1069595851701592</c:v>
                </c:pt>
                <c:pt idx="5850">
                  <c:v>8.7696647857194101</c:v>
                </c:pt>
                <c:pt idx="5851">
                  <c:v>7.0831907884656777</c:v>
                </c:pt>
                <c:pt idx="5852">
                  <c:v>5.2280693914865717</c:v>
                </c:pt>
                <c:pt idx="5853">
                  <c:v>5.2280693914865717</c:v>
                </c:pt>
                <c:pt idx="5854">
                  <c:v>5.2280693914865717</c:v>
                </c:pt>
                <c:pt idx="5855">
                  <c:v>5.2280693914865717</c:v>
                </c:pt>
                <c:pt idx="5856">
                  <c:v>6.0514920054599264</c:v>
                </c:pt>
                <c:pt idx="5857">
                  <c:v>7.0275391031147532</c:v>
                </c:pt>
                <c:pt idx="5858">
                  <c:v>7.0275391031147532</c:v>
                </c:pt>
                <c:pt idx="5859">
                  <c:v>7.0275391031147532</c:v>
                </c:pt>
                <c:pt idx="5860">
                  <c:v>7.0275391031147532</c:v>
                </c:pt>
                <c:pt idx="5861">
                  <c:v>8.7844238788934419</c:v>
                </c:pt>
                <c:pt idx="5862">
                  <c:v>10.346099235141164</c:v>
                </c:pt>
                <c:pt idx="5863">
                  <c:v>12.298193430450818</c:v>
                </c:pt>
                <c:pt idx="5864">
                  <c:v>12.298193430450818</c:v>
                </c:pt>
                <c:pt idx="5865">
                  <c:v>12.298193430450818</c:v>
                </c:pt>
                <c:pt idx="5866">
                  <c:v>12.298193430450818</c:v>
                </c:pt>
                <c:pt idx="5867">
                  <c:v>12.298193430450818</c:v>
                </c:pt>
                <c:pt idx="5868">
                  <c:v>12.298193430450818</c:v>
                </c:pt>
                <c:pt idx="5869">
                  <c:v>12.298193430450818</c:v>
                </c:pt>
                <c:pt idx="5870">
                  <c:v>12.298193430450818</c:v>
                </c:pt>
                <c:pt idx="5871">
                  <c:v>10.931727493734062</c:v>
                </c:pt>
                <c:pt idx="5872">
                  <c:v>10.736518074203094</c:v>
                </c:pt>
                <c:pt idx="5873">
                  <c:v>9.1748427179553715</c:v>
                </c:pt>
                <c:pt idx="5874">
                  <c:v>8.5892144593624753</c:v>
                </c:pt>
                <c:pt idx="5875">
                  <c:v>7.2227485226457189</c:v>
                </c:pt>
                <c:pt idx="5876">
                  <c:v>6.0514920054599264</c:v>
                </c:pt>
                <c:pt idx="5877">
                  <c:v>5.2706543273360653</c:v>
                </c:pt>
                <c:pt idx="5878">
                  <c:v>5.2706543273360653</c:v>
                </c:pt>
                <c:pt idx="5879">
                  <c:v>5.2706543273360653</c:v>
                </c:pt>
                <c:pt idx="5880">
                  <c:v>1.744026226913131</c:v>
                </c:pt>
                <c:pt idx="5881">
                  <c:v>1.744026226913131</c:v>
                </c:pt>
                <c:pt idx="5882">
                  <c:v>1.744026226913131</c:v>
                </c:pt>
                <c:pt idx="5883">
                  <c:v>1.744026226913131</c:v>
                </c:pt>
                <c:pt idx="5884">
                  <c:v>1.744026226913131</c:v>
                </c:pt>
                <c:pt idx="5885">
                  <c:v>7.5574469832902338</c:v>
                </c:pt>
                <c:pt idx="5886">
                  <c:v>8.5747956156562264</c:v>
                </c:pt>
                <c:pt idx="5887">
                  <c:v>8.5747956156562264</c:v>
                </c:pt>
                <c:pt idx="5888">
                  <c:v>8.5747956156562264</c:v>
                </c:pt>
                <c:pt idx="5889">
                  <c:v>9.156137691293937</c:v>
                </c:pt>
                <c:pt idx="5890">
                  <c:v>9.156137691293937</c:v>
                </c:pt>
                <c:pt idx="5891">
                  <c:v>11.626841512754206</c:v>
                </c:pt>
                <c:pt idx="5892">
                  <c:v>11.626841512754206</c:v>
                </c:pt>
                <c:pt idx="5893">
                  <c:v>7.7027825021996623</c:v>
                </c:pt>
                <c:pt idx="5894">
                  <c:v>11.626841512754206</c:v>
                </c:pt>
                <c:pt idx="5895">
                  <c:v>11.626841512754206</c:v>
                </c:pt>
                <c:pt idx="5896">
                  <c:v>11.626841512754206</c:v>
                </c:pt>
                <c:pt idx="5897">
                  <c:v>11.626841512754206</c:v>
                </c:pt>
                <c:pt idx="5898">
                  <c:v>11.626841512754206</c:v>
                </c:pt>
                <c:pt idx="5899">
                  <c:v>9.7374797669316493</c:v>
                </c:pt>
                <c:pt idx="5900">
                  <c:v>7.9934535400185167</c:v>
                </c:pt>
                <c:pt idx="5901">
                  <c:v>5.813420756377103</c:v>
                </c:pt>
                <c:pt idx="5902">
                  <c:v>5.5227497185582486</c:v>
                </c:pt>
                <c:pt idx="5903">
                  <c:v>5.5227497185582486</c:v>
                </c:pt>
                <c:pt idx="5904">
                  <c:v>5.0561936621795054</c:v>
                </c:pt>
                <c:pt idx="5905">
                  <c:v>5.0561936621795054</c:v>
                </c:pt>
                <c:pt idx="5906">
                  <c:v>5.0561936621795054</c:v>
                </c:pt>
                <c:pt idx="5907">
                  <c:v>5.0561936621795054</c:v>
                </c:pt>
                <c:pt idx="5908">
                  <c:v>5.0561936621795054</c:v>
                </c:pt>
                <c:pt idx="5909">
                  <c:v>6.5730517608333558</c:v>
                </c:pt>
                <c:pt idx="5910">
                  <c:v>7.3314808101602829</c:v>
                </c:pt>
                <c:pt idx="5911">
                  <c:v>7.5842904932692585</c:v>
                </c:pt>
                <c:pt idx="5912">
                  <c:v>7.5842904932692585</c:v>
                </c:pt>
                <c:pt idx="5913">
                  <c:v>8.2163147010416964</c:v>
                </c:pt>
                <c:pt idx="5914">
                  <c:v>8.5955292257051585</c:v>
                </c:pt>
                <c:pt idx="5915">
                  <c:v>10.112387324359011</c:v>
                </c:pt>
                <c:pt idx="5916">
                  <c:v>10.112387324359011</c:v>
                </c:pt>
                <c:pt idx="5917">
                  <c:v>10.112387324359011</c:v>
                </c:pt>
                <c:pt idx="5918">
                  <c:v>10.112387324359011</c:v>
                </c:pt>
                <c:pt idx="5919">
                  <c:v>10.112387324359011</c:v>
                </c:pt>
                <c:pt idx="5920">
                  <c:v>10.112387324359011</c:v>
                </c:pt>
                <c:pt idx="5921">
                  <c:v>10.112387324359011</c:v>
                </c:pt>
                <c:pt idx="5922">
                  <c:v>10.112387324359011</c:v>
                </c:pt>
                <c:pt idx="5923">
                  <c:v>8.4691243841506711</c:v>
                </c:pt>
                <c:pt idx="5924">
                  <c:v>6.9522662854968189</c:v>
                </c:pt>
                <c:pt idx="5925">
                  <c:v>5.0561936621795054</c:v>
                </c:pt>
                <c:pt idx="5926">
                  <c:v>5.0561936621795054</c:v>
                </c:pt>
                <c:pt idx="5927">
                  <c:v>5.0561936621795054</c:v>
                </c:pt>
                <c:pt idx="5928">
                  <c:v>4.5889183224302972</c:v>
                </c:pt>
                <c:pt idx="5929">
                  <c:v>5.162533112734085</c:v>
                </c:pt>
                <c:pt idx="5930">
                  <c:v>5.162533112734085</c:v>
                </c:pt>
                <c:pt idx="5931">
                  <c:v>5.162533112734085</c:v>
                </c:pt>
                <c:pt idx="5932">
                  <c:v>5.162533112734085</c:v>
                </c:pt>
                <c:pt idx="5933">
                  <c:v>6.6539315675239319</c:v>
                </c:pt>
                <c:pt idx="5934">
                  <c:v>7.6864381900707492</c:v>
                </c:pt>
                <c:pt idx="5935">
                  <c:v>7.6864381900707492</c:v>
                </c:pt>
                <c:pt idx="5936">
                  <c:v>7.6864381900707492</c:v>
                </c:pt>
                <c:pt idx="5937">
                  <c:v>8.2600529803745353</c:v>
                </c:pt>
                <c:pt idx="5938">
                  <c:v>8.9483907287390796</c:v>
                </c:pt>
                <c:pt idx="5939">
                  <c:v>10.32506622546817</c:v>
                </c:pt>
                <c:pt idx="5940">
                  <c:v>10.32506622546817</c:v>
                </c:pt>
                <c:pt idx="5941">
                  <c:v>10.32506622546817</c:v>
                </c:pt>
                <c:pt idx="5942">
                  <c:v>10.32506622546817</c:v>
                </c:pt>
                <c:pt idx="5943">
                  <c:v>10.32506622546817</c:v>
                </c:pt>
                <c:pt idx="5944">
                  <c:v>10.32506622546817</c:v>
                </c:pt>
                <c:pt idx="5945">
                  <c:v>10.32506622546817</c:v>
                </c:pt>
                <c:pt idx="5946">
                  <c:v>10.32506622546817</c:v>
                </c:pt>
                <c:pt idx="5947">
                  <c:v>8.6042218545568083</c:v>
                </c:pt>
                <c:pt idx="5948">
                  <c:v>6.8833774836454475</c:v>
                </c:pt>
                <c:pt idx="5949">
                  <c:v>5.162533112734085</c:v>
                </c:pt>
                <c:pt idx="5950">
                  <c:v>5.162533112734085</c:v>
                </c:pt>
                <c:pt idx="5951">
                  <c:v>5.162533112734085</c:v>
                </c:pt>
                <c:pt idx="5952">
                  <c:v>5.0798150659946604</c:v>
                </c:pt>
                <c:pt idx="5953">
                  <c:v>5.0798150659946604</c:v>
                </c:pt>
                <c:pt idx="5954">
                  <c:v>5.0798150659946604</c:v>
                </c:pt>
                <c:pt idx="5955">
                  <c:v>5.0798150659946604</c:v>
                </c:pt>
                <c:pt idx="5956">
                  <c:v>5.0798150659946604</c:v>
                </c:pt>
                <c:pt idx="5957">
                  <c:v>6.5473171961708951</c:v>
                </c:pt>
                <c:pt idx="5958">
                  <c:v>7.5632802093698279</c:v>
                </c:pt>
                <c:pt idx="5959">
                  <c:v>7.5632802093698279</c:v>
                </c:pt>
                <c:pt idx="5960">
                  <c:v>7.5632802093698279</c:v>
                </c:pt>
                <c:pt idx="5961">
                  <c:v>8.127704105591457</c:v>
                </c:pt>
                <c:pt idx="5962">
                  <c:v>8.8050127810574104</c:v>
                </c:pt>
                <c:pt idx="5963">
                  <c:v>10.159630131989321</c:v>
                </c:pt>
                <c:pt idx="5964">
                  <c:v>10.159630131989321</c:v>
                </c:pt>
                <c:pt idx="5965">
                  <c:v>10.159630131989321</c:v>
                </c:pt>
                <c:pt idx="5966">
                  <c:v>10.159630131989321</c:v>
                </c:pt>
                <c:pt idx="5967">
                  <c:v>10.159630131989321</c:v>
                </c:pt>
                <c:pt idx="5968">
                  <c:v>10.159630131989321</c:v>
                </c:pt>
                <c:pt idx="5969">
                  <c:v>10.159630131989321</c:v>
                </c:pt>
                <c:pt idx="5970">
                  <c:v>10.159630131989321</c:v>
                </c:pt>
                <c:pt idx="5971">
                  <c:v>8.4663584433244345</c:v>
                </c:pt>
                <c:pt idx="5972">
                  <c:v>6.7730867546595483</c:v>
                </c:pt>
                <c:pt idx="5973">
                  <c:v>5.0798150659946604</c:v>
                </c:pt>
                <c:pt idx="5974">
                  <c:v>5.0798150659946604</c:v>
                </c:pt>
                <c:pt idx="5975">
                  <c:v>5.0798150659946604</c:v>
                </c:pt>
                <c:pt idx="5976">
                  <c:v>5.5302683176154446</c:v>
                </c:pt>
                <c:pt idx="5977">
                  <c:v>5.5302683176154446</c:v>
                </c:pt>
                <c:pt idx="5978">
                  <c:v>5.5302683176154446</c:v>
                </c:pt>
                <c:pt idx="5979">
                  <c:v>5.5302683176154446</c:v>
                </c:pt>
                <c:pt idx="5980">
                  <c:v>5.5302683176154446</c:v>
                </c:pt>
                <c:pt idx="5981">
                  <c:v>7.1279013871487953</c:v>
                </c:pt>
                <c:pt idx="5982">
                  <c:v>8.6026396051795828</c:v>
                </c:pt>
                <c:pt idx="5983">
                  <c:v>8.6026396051795828</c:v>
                </c:pt>
                <c:pt idx="5984">
                  <c:v>8.6026396051795828</c:v>
                </c:pt>
                <c:pt idx="5985">
                  <c:v>9.2171138626924076</c:v>
                </c:pt>
                <c:pt idx="5986">
                  <c:v>9.5857984172001061</c:v>
                </c:pt>
                <c:pt idx="5987">
                  <c:v>11.060536635230889</c:v>
                </c:pt>
                <c:pt idx="5988">
                  <c:v>11.060536635230889</c:v>
                </c:pt>
                <c:pt idx="5989">
                  <c:v>11.060536635230889</c:v>
                </c:pt>
                <c:pt idx="5990">
                  <c:v>11.060536635230889</c:v>
                </c:pt>
                <c:pt idx="5991">
                  <c:v>9.2171138626924076</c:v>
                </c:pt>
                <c:pt idx="5992">
                  <c:v>8.7255344566821478</c:v>
                </c:pt>
                <c:pt idx="5993">
                  <c:v>8.7255344566821478</c:v>
                </c:pt>
                <c:pt idx="5994">
                  <c:v>8.7255344566821478</c:v>
                </c:pt>
                <c:pt idx="5995">
                  <c:v>8.7255344566821478</c:v>
                </c:pt>
                <c:pt idx="5996">
                  <c:v>6.7592168326410995</c:v>
                </c:pt>
                <c:pt idx="5997">
                  <c:v>2.5807918815538744</c:v>
                </c:pt>
                <c:pt idx="5998">
                  <c:v>2.5807918815538744</c:v>
                </c:pt>
                <c:pt idx="5999">
                  <c:v>2.5807918815538744</c:v>
                </c:pt>
                <c:pt idx="6000">
                  <c:v>3.4500871194900857</c:v>
                </c:pt>
                <c:pt idx="6001">
                  <c:v>6.7358843761473119</c:v>
                </c:pt>
                <c:pt idx="6002">
                  <c:v>6.7358843761473119</c:v>
                </c:pt>
                <c:pt idx="6003">
                  <c:v>6.7358843761473119</c:v>
                </c:pt>
                <c:pt idx="6004">
                  <c:v>6.7358843761473119</c:v>
                </c:pt>
                <c:pt idx="6005">
                  <c:v>8.3787830044759239</c:v>
                </c:pt>
                <c:pt idx="6006">
                  <c:v>10.514551221303119</c:v>
                </c:pt>
                <c:pt idx="6007">
                  <c:v>11.993159986798871</c:v>
                </c:pt>
                <c:pt idx="6008">
                  <c:v>11.993159986798871</c:v>
                </c:pt>
                <c:pt idx="6009">
                  <c:v>11.993159986798871</c:v>
                </c:pt>
                <c:pt idx="6010">
                  <c:v>11.993159986798871</c:v>
                </c:pt>
                <c:pt idx="6011">
                  <c:v>11.993159986798871</c:v>
                </c:pt>
                <c:pt idx="6012">
                  <c:v>11.993159986798871</c:v>
                </c:pt>
                <c:pt idx="6013">
                  <c:v>11.993159986798871</c:v>
                </c:pt>
                <c:pt idx="6014">
                  <c:v>11.993159986798871</c:v>
                </c:pt>
                <c:pt idx="6015">
                  <c:v>10.843130946968843</c:v>
                </c:pt>
                <c:pt idx="6016">
                  <c:v>9.8573917699716738</c:v>
                </c:pt>
                <c:pt idx="6017">
                  <c:v>8.871652592974506</c:v>
                </c:pt>
                <c:pt idx="6018">
                  <c:v>8.5430728673087852</c:v>
                </c:pt>
                <c:pt idx="6019">
                  <c:v>6.9001742389801715</c:v>
                </c:pt>
                <c:pt idx="6020">
                  <c:v>5.0929857478186982</c:v>
                </c:pt>
                <c:pt idx="6021">
                  <c:v>5.0929857478186982</c:v>
                </c:pt>
                <c:pt idx="6022">
                  <c:v>5.0929857478186982</c:v>
                </c:pt>
                <c:pt idx="6023">
                  <c:v>5.0929857478186982</c:v>
                </c:pt>
                <c:pt idx="6024">
                  <c:v>5.6051542204314115</c:v>
                </c:pt>
                <c:pt idx="6025">
                  <c:v>6.5092113527590589</c:v>
                </c:pt>
                <c:pt idx="6026">
                  <c:v>6.5092113527590589</c:v>
                </c:pt>
                <c:pt idx="6027">
                  <c:v>6.5092113527590589</c:v>
                </c:pt>
                <c:pt idx="6028">
                  <c:v>6.5092113527590589</c:v>
                </c:pt>
                <c:pt idx="6029">
                  <c:v>8.136514190948823</c:v>
                </c:pt>
                <c:pt idx="6030">
                  <c:v>9.5830056026730581</c:v>
                </c:pt>
                <c:pt idx="6031">
                  <c:v>11.391119867328353</c:v>
                </c:pt>
                <c:pt idx="6032">
                  <c:v>11.391119867328353</c:v>
                </c:pt>
                <c:pt idx="6033">
                  <c:v>11.391119867328353</c:v>
                </c:pt>
                <c:pt idx="6034">
                  <c:v>11.391119867328353</c:v>
                </c:pt>
                <c:pt idx="6035">
                  <c:v>11.391119867328353</c:v>
                </c:pt>
                <c:pt idx="6036">
                  <c:v>11.391119867328353</c:v>
                </c:pt>
                <c:pt idx="6037">
                  <c:v>11.391119867328353</c:v>
                </c:pt>
                <c:pt idx="6038">
                  <c:v>11.391119867328353</c:v>
                </c:pt>
                <c:pt idx="6039">
                  <c:v>10.125439882069648</c:v>
                </c:pt>
                <c:pt idx="6040">
                  <c:v>9.944628455604116</c:v>
                </c:pt>
                <c:pt idx="6041">
                  <c:v>8.4981370438798844</c:v>
                </c:pt>
                <c:pt idx="6042">
                  <c:v>7.9557027644832949</c:v>
                </c:pt>
                <c:pt idx="6043">
                  <c:v>6.6900227792245888</c:v>
                </c:pt>
                <c:pt idx="6044">
                  <c:v>5.6051542204314115</c:v>
                </c:pt>
                <c:pt idx="6045">
                  <c:v>4.8819085145692949</c:v>
                </c:pt>
                <c:pt idx="6046">
                  <c:v>4.8819085145692949</c:v>
                </c:pt>
                <c:pt idx="6047">
                  <c:v>4.8819085145692949</c:v>
                </c:pt>
                <c:pt idx="6048">
                  <c:v>1.7186277265699901</c:v>
                </c:pt>
                <c:pt idx="6049">
                  <c:v>1.7186277265699901</c:v>
                </c:pt>
                <c:pt idx="6050">
                  <c:v>1.7186277265699901</c:v>
                </c:pt>
                <c:pt idx="6051">
                  <c:v>1.7186277265699901</c:v>
                </c:pt>
                <c:pt idx="6052">
                  <c:v>1.7186277265699901</c:v>
                </c:pt>
                <c:pt idx="6053">
                  <c:v>7.4473868151366238</c:v>
                </c:pt>
                <c:pt idx="6054">
                  <c:v>8.4499196556357852</c:v>
                </c:pt>
                <c:pt idx="6055">
                  <c:v>8.4499196556357852</c:v>
                </c:pt>
                <c:pt idx="6056">
                  <c:v>8.4499196556357852</c:v>
                </c:pt>
                <c:pt idx="6057">
                  <c:v>9.0227955644924478</c:v>
                </c:pt>
                <c:pt idx="6058">
                  <c:v>9.0227955644924478</c:v>
                </c:pt>
                <c:pt idx="6059">
                  <c:v>11.457518177133268</c:v>
                </c:pt>
                <c:pt idx="6060">
                  <c:v>11.457518177133268</c:v>
                </c:pt>
                <c:pt idx="6061">
                  <c:v>7.5906057923507895</c:v>
                </c:pt>
                <c:pt idx="6062">
                  <c:v>11.457518177133268</c:v>
                </c:pt>
                <c:pt idx="6063">
                  <c:v>11.457518177133268</c:v>
                </c:pt>
                <c:pt idx="6064">
                  <c:v>11.457518177133268</c:v>
                </c:pt>
                <c:pt idx="6065">
                  <c:v>11.457518177133268</c:v>
                </c:pt>
                <c:pt idx="6066">
                  <c:v>11.457518177133268</c:v>
                </c:pt>
                <c:pt idx="6067">
                  <c:v>9.5956714733491104</c:v>
                </c:pt>
                <c:pt idx="6068">
                  <c:v>7.8770437467791208</c:v>
                </c:pt>
                <c:pt idx="6069">
                  <c:v>5.7287590885666342</c:v>
                </c:pt>
                <c:pt idx="6070">
                  <c:v>5.442321134138302</c:v>
                </c:pt>
                <c:pt idx="6071">
                  <c:v>5.442321134138302</c:v>
                </c:pt>
                <c:pt idx="6072">
                  <c:v>5.0191065786334654</c:v>
                </c:pt>
                <c:pt idx="6073">
                  <c:v>5.0191065786334654</c:v>
                </c:pt>
                <c:pt idx="6074">
                  <c:v>5.0191065786334654</c:v>
                </c:pt>
                <c:pt idx="6075">
                  <c:v>5.0191065786334654</c:v>
                </c:pt>
                <c:pt idx="6076">
                  <c:v>5.0191065786334654</c:v>
                </c:pt>
                <c:pt idx="6077">
                  <c:v>6.5248385522235042</c:v>
                </c:pt>
                <c:pt idx="6078">
                  <c:v>7.2777045390185249</c:v>
                </c:pt>
                <c:pt idx="6079">
                  <c:v>7.5286598679501981</c:v>
                </c:pt>
                <c:pt idx="6080">
                  <c:v>7.5286598679501981</c:v>
                </c:pt>
                <c:pt idx="6081">
                  <c:v>8.1560481902793818</c:v>
                </c:pt>
                <c:pt idx="6082">
                  <c:v>8.5324811836768895</c:v>
                </c:pt>
                <c:pt idx="6083">
                  <c:v>10.038213157266931</c:v>
                </c:pt>
                <c:pt idx="6084">
                  <c:v>10.038213157266931</c:v>
                </c:pt>
                <c:pt idx="6085">
                  <c:v>10.038213157266931</c:v>
                </c:pt>
                <c:pt idx="6086">
                  <c:v>10.038213157266931</c:v>
                </c:pt>
                <c:pt idx="6087">
                  <c:v>10.038213157266931</c:v>
                </c:pt>
                <c:pt idx="6088">
                  <c:v>10.038213157266931</c:v>
                </c:pt>
                <c:pt idx="6089">
                  <c:v>10.038213157266931</c:v>
                </c:pt>
                <c:pt idx="6090">
                  <c:v>10.038213157266931</c:v>
                </c:pt>
                <c:pt idx="6091">
                  <c:v>8.4070035192110542</c:v>
                </c:pt>
                <c:pt idx="6092">
                  <c:v>6.9012715456210145</c:v>
                </c:pt>
                <c:pt idx="6093">
                  <c:v>5.0191065786334654</c:v>
                </c:pt>
                <c:pt idx="6094">
                  <c:v>5.0191065786334654</c:v>
                </c:pt>
                <c:pt idx="6095">
                  <c:v>5.0191065786334654</c:v>
                </c:pt>
                <c:pt idx="6096">
                  <c:v>4.5425766485491126</c:v>
                </c:pt>
                <c:pt idx="6097">
                  <c:v>5.1103987296177511</c:v>
                </c:pt>
                <c:pt idx="6098">
                  <c:v>5.1103987296177511</c:v>
                </c:pt>
                <c:pt idx="6099">
                  <c:v>5.1103987296177511</c:v>
                </c:pt>
                <c:pt idx="6100">
                  <c:v>5.1103987296177511</c:v>
                </c:pt>
                <c:pt idx="6101">
                  <c:v>6.5867361403962121</c:v>
                </c:pt>
                <c:pt idx="6102">
                  <c:v>7.6088158863197641</c:v>
                </c:pt>
                <c:pt idx="6103">
                  <c:v>7.6088158863197641</c:v>
                </c:pt>
                <c:pt idx="6104">
                  <c:v>7.6088158863197641</c:v>
                </c:pt>
                <c:pt idx="6105">
                  <c:v>8.1766379673884018</c:v>
                </c:pt>
                <c:pt idx="6106">
                  <c:v>8.858024464670768</c:v>
                </c:pt>
                <c:pt idx="6107">
                  <c:v>10.220797459235502</c:v>
                </c:pt>
                <c:pt idx="6108">
                  <c:v>10.220797459235502</c:v>
                </c:pt>
                <c:pt idx="6109">
                  <c:v>10.220797459235502</c:v>
                </c:pt>
                <c:pt idx="6110">
                  <c:v>10.220797459235502</c:v>
                </c:pt>
                <c:pt idx="6111">
                  <c:v>10.220797459235502</c:v>
                </c:pt>
                <c:pt idx="6112">
                  <c:v>10.220797459235502</c:v>
                </c:pt>
                <c:pt idx="6113">
                  <c:v>10.220797459235502</c:v>
                </c:pt>
                <c:pt idx="6114">
                  <c:v>10.220797459235502</c:v>
                </c:pt>
                <c:pt idx="6115">
                  <c:v>8.5173312160295858</c:v>
                </c:pt>
                <c:pt idx="6116">
                  <c:v>6.8138649728236693</c:v>
                </c:pt>
                <c:pt idx="6117">
                  <c:v>5.1103987296177511</c:v>
                </c:pt>
                <c:pt idx="6118">
                  <c:v>5.1103987296177511</c:v>
                </c:pt>
                <c:pt idx="6119">
                  <c:v>5.1103987296177511</c:v>
                </c:pt>
                <c:pt idx="6120">
                  <c:v>5.2097497431272686</c:v>
                </c:pt>
                <c:pt idx="6121">
                  <c:v>5.2097497431272686</c:v>
                </c:pt>
                <c:pt idx="6122">
                  <c:v>5.2097497431272686</c:v>
                </c:pt>
                <c:pt idx="6123">
                  <c:v>5.2097497431272686</c:v>
                </c:pt>
                <c:pt idx="6124">
                  <c:v>5.2097497431272686</c:v>
                </c:pt>
                <c:pt idx="6125">
                  <c:v>6.7147885578084789</c:v>
                </c:pt>
                <c:pt idx="6126">
                  <c:v>7.7567385064339334</c:v>
                </c:pt>
                <c:pt idx="6127">
                  <c:v>7.7567385064339334</c:v>
                </c:pt>
                <c:pt idx="6128">
                  <c:v>7.7567385064339334</c:v>
                </c:pt>
                <c:pt idx="6129">
                  <c:v>8.3355995890036301</c:v>
                </c:pt>
                <c:pt idx="6130">
                  <c:v>9.0302328880872658</c:v>
                </c:pt>
                <c:pt idx="6131">
                  <c:v>10.419499486254537</c:v>
                </c:pt>
                <c:pt idx="6132">
                  <c:v>10.419499486254537</c:v>
                </c:pt>
                <c:pt idx="6133">
                  <c:v>10.419499486254537</c:v>
                </c:pt>
                <c:pt idx="6134">
                  <c:v>10.419499486254537</c:v>
                </c:pt>
                <c:pt idx="6135">
                  <c:v>10.419499486254537</c:v>
                </c:pt>
                <c:pt idx="6136">
                  <c:v>10.419499486254537</c:v>
                </c:pt>
                <c:pt idx="6137">
                  <c:v>10.419499486254537</c:v>
                </c:pt>
                <c:pt idx="6138">
                  <c:v>10.419499486254537</c:v>
                </c:pt>
                <c:pt idx="6139">
                  <c:v>8.682916238545447</c:v>
                </c:pt>
                <c:pt idx="6140">
                  <c:v>6.9463329908363587</c:v>
                </c:pt>
                <c:pt idx="6141">
                  <c:v>5.2097497431272686</c:v>
                </c:pt>
                <c:pt idx="6142">
                  <c:v>5.2097497431272686</c:v>
                </c:pt>
                <c:pt idx="6143">
                  <c:v>5.2097497431272686</c:v>
                </c:pt>
                <c:pt idx="6144">
                  <c:v>5.6847530261253691</c:v>
                </c:pt>
                <c:pt idx="6145">
                  <c:v>5.6847530261253691</c:v>
                </c:pt>
                <c:pt idx="6146">
                  <c:v>5.6847530261253691</c:v>
                </c:pt>
                <c:pt idx="6147">
                  <c:v>5.6847530261253691</c:v>
                </c:pt>
                <c:pt idx="6148">
                  <c:v>5.6847530261253691</c:v>
                </c:pt>
                <c:pt idx="6149">
                  <c:v>7.3270150114504764</c:v>
                </c:pt>
                <c:pt idx="6150">
                  <c:v>8.8429491517505756</c:v>
                </c:pt>
                <c:pt idx="6151">
                  <c:v>8.8429491517505756</c:v>
                </c:pt>
                <c:pt idx="6152">
                  <c:v>8.8429491517505756</c:v>
                </c:pt>
                <c:pt idx="6153">
                  <c:v>9.4745883768756158</c:v>
                </c:pt>
                <c:pt idx="6154">
                  <c:v>9.8535719119506417</c:v>
                </c:pt>
                <c:pt idx="6155">
                  <c:v>11.369506052250738</c:v>
                </c:pt>
                <c:pt idx="6156">
                  <c:v>11.369506052250738</c:v>
                </c:pt>
                <c:pt idx="6157">
                  <c:v>11.369506052250738</c:v>
                </c:pt>
                <c:pt idx="6158">
                  <c:v>11.369506052250738</c:v>
                </c:pt>
                <c:pt idx="6159">
                  <c:v>9.4745883768756158</c:v>
                </c:pt>
                <c:pt idx="6160">
                  <c:v>8.9692769967755837</c:v>
                </c:pt>
                <c:pt idx="6161">
                  <c:v>8.9692769967755837</c:v>
                </c:pt>
                <c:pt idx="6162">
                  <c:v>8.9692769967755837</c:v>
                </c:pt>
                <c:pt idx="6163">
                  <c:v>8.9692769967755837</c:v>
                </c:pt>
                <c:pt idx="6164">
                  <c:v>6.9480314763754514</c:v>
                </c:pt>
                <c:pt idx="6165">
                  <c:v>2.6528847455251725</c:v>
                </c:pt>
                <c:pt idx="6166">
                  <c:v>2.6528847455251725</c:v>
                </c:pt>
                <c:pt idx="6167">
                  <c:v>2.6528847455251725</c:v>
                </c:pt>
                <c:pt idx="6168">
                  <c:v>3.6134947529592876</c:v>
                </c:pt>
                <c:pt idx="6169">
                  <c:v>7.054918327206229</c:v>
                </c:pt>
                <c:pt idx="6170">
                  <c:v>7.054918327206229</c:v>
                </c:pt>
                <c:pt idx="6171">
                  <c:v>7.054918327206229</c:v>
                </c:pt>
                <c:pt idx="6172">
                  <c:v>7.054918327206229</c:v>
                </c:pt>
                <c:pt idx="6173">
                  <c:v>8.7756301143296991</c:v>
                </c:pt>
                <c:pt idx="6174">
                  <c:v>11.012555437590212</c:v>
                </c:pt>
                <c:pt idx="6175">
                  <c:v>12.561196046001333</c:v>
                </c:pt>
                <c:pt idx="6176">
                  <c:v>12.561196046001333</c:v>
                </c:pt>
                <c:pt idx="6177">
                  <c:v>12.561196046001333</c:v>
                </c:pt>
                <c:pt idx="6178">
                  <c:v>12.561196046001333</c:v>
                </c:pt>
                <c:pt idx="6179">
                  <c:v>12.561196046001333</c:v>
                </c:pt>
                <c:pt idx="6180">
                  <c:v>12.561196046001333</c:v>
                </c:pt>
                <c:pt idx="6181">
                  <c:v>12.561196046001333</c:v>
                </c:pt>
                <c:pt idx="6182">
                  <c:v>12.561196046001333</c:v>
                </c:pt>
                <c:pt idx="6183">
                  <c:v>11.356697795014906</c:v>
                </c:pt>
                <c:pt idx="6184">
                  <c:v>10.324270722740822</c:v>
                </c:pt>
                <c:pt idx="6185">
                  <c:v>9.2918436504667419</c:v>
                </c:pt>
                <c:pt idx="6186">
                  <c:v>8.9477012930420461</c:v>
                </c:pt>
                <c:pt idx="6187">
                  <c:v>7.2269895059185751</c:v>
                </c:pt>
                <c:pt idx="6188">
                  <c:v>5.3342065400827581</c:v>
                </c:pt>
                <c:pt idx="6189">
                  <c:v>5.3342065400827581</c:v>
                </c:pt>
                <c:pt idx="6190">
                  <c:v>5.3342065400827581</c:v>
                </c:pt>
                <c:pt idx="6191">
                  <c:v>5.3342065400827581</c:v>
                </c:pt>
                <c:pt idx="6192">
                  <c:v>6.259848603260207</c:v>
                </c:pt>
                <c:pt idx="6193">
                  <c:v>7.2695016037860469</c:v>
                </c:pt>
                <c:pt idx="6194">
                  <c:v>7.2695016037860469</c:v>
                </c:pt>
                <c:pt idx="6195">
                  <c:v>7.2695016037860469</c:v>
                </c:pt>
                <c:pt idx="6196">
                  <c:v>7.2695016037860469</c:v>
                </c:pt>
                <c:pt idx="6197">
                  <c:v>9.0868770047325587</c:v>
                </c:pt>
                <c:pt idx="6198">
                  <c:v>10.702321805573902</c:v>
                </c:pt>
                <c:pt idx="6199">
                  <c:v>12.721627806625582</c:v>
                </c:pt>
                <c:pt idx="6200">
                  <c:v>12.721627806625582</c:v>
                </c:pt>
                <c:pt idx="6201">
                  <c:v>12.721627806625582</c:v>
                </c:pt>
                <c:pt idx="6202">
                  <c:v>12.721627806625582</c:v>
                </c:pt>
                <c:pt idx="6203">
                  <c:v>12.721627806625582</c:v>
                </c:pt>
                <c:pt idx="6204">
                  <c:v>12.721627806625582</c:v>
                </c:pt>
                <c:pt idx="6205">
                  <c:v>12.721627806625582</c:v>
                </c:pt>
                <c:pt idx="6206">
                  <c:v>12.721627806625582</c:v>
                </c:pt>
                <c:pt idx="6207">
                  <c:v>11.308113605889407</c:v>
                </c:pt>
                <c:pt idx="6208">
                  <c:v>11.106183005784239</c:v>
                </c:pt>
                <c:pt idx="6209">
                  <c:v>9.490738204942895</c:v>
                </c:pt>
                <c:pt idx="6210">
                  <c:v>8.8849464046273905</c:v>
                </c:pt>
                <c:pt idx="6211">
                  <c:v>7.4714322038912151</c:v>
                </c:pt>
                <c:pt idx="6212">
                  <c:v>6.259848603260207</c:v>
                </c:pt>
                <c:pt idx="6213">
                  <c:v>5.4521262028395352</c:v>
                </c:pt>
                <c:pt idx="6214">
                  <c:v>5.4521262028395352</c:v>
                </c:pt>
                <c:pt idx="6215">
                  <c:v>5.4521262028395352</c:v>
                </c:pt>
                <c:pt idx="6216">
                  <c:v>1.7656149522048004</c:v>
                </c:pt>
                <c:pt idx="6217">
                  <c:v>1.7656149522048004</c:v>
                </c:pt>
                <c:pt idx="6218">
                  <c:v>1.7656149522048004</c:v>
                </c:pt>
                <c:pt idx="6219">
                  <c:v>1.7656149522048004</c:v>
                </c:pt>
                <c:pt idx="6220">
                  <c:v>1.7656149522048004</c:v>
                </c:pt>
                <c:pt idx="6221">
                  <c:v>7.6509981262208031</c:v>
                </c:pt>
                <c:pt idx="6222">
                  <c:v>8.6809401816736038</c:v>
                </c:pt>
                <c:pt idx="6223">
                  <c:v>8.6809401816736038</c:v>
                </c:pt>
                <c:pt idx="6224">
                  <c:v>8.6809401816736038</c:v>
                </c:pt>
                <c:pt idx="6225">
                  <c:v>9.2694784990752037</c:v>
                </c:pt>
                <c:pt idx="6226">
                  <c:v>9.2694784990752037</c:v>
                </c:pt>
                <c:pt idx="6227">
                  <c:v>11.770766348032003</c:v>
                </c:pt>
                <c:pt idx="6228">
                  <c:v>11.770766348032003</c:v>
                </c:pt>
                <c:pt idx="6229">
                  <c:v>7.7981327055712022</c:v>
                </c:pt>
                <c:pt idx="6230">
                  <c:v>11.770766348032003</c:v>
                </c:pt>
                <c:pt idx="6231">
                  <c:v>11.770766348032003</c:v>
                </c:pt>
                <c:pt idx="6232">
                  <c:v>11.770766348032003</c:v>
                </c:pt>
                <c:pt idx="6233">
                  <c:v>11.770766348032003</c:v>
                </c:pt>
                <c:pt idx="6234">
                  <c:v>11.770766348032003</c:v>
                </c:pt>
                <c:pt idx="6235">
                  <c:v>9.8580168164768036</c:v>
                </c:pt>
                <c:pt idx="6236">
                  <c:v>8.0924018642720039</c:v>
                </c:pt>
                <c:pt idx="6237">
                  <c:v>5.8853831740160016</c:v>
                </c:pt>
                <c:pt idx="6238">
                  <c:v>5.5911140153152017</c:v>
                </c:pt>
                <c:pt idx="6239">
                  <c:v>5.5911140153152017</c:v>
                </c:pt>
                <c:pt idx="6240">
                  <c:v>5.0858633290163366</c:v>
                </c:pt>
                <c:pt idx="6241">
                  <c:v>5.0858633290163366</c:v>
                </c:pt>
                <c:pt idx="6242">
                  <c:v>5.0858633290163366</c:v>
                </c:pt>
                <c:pt idx="6243">
                  <c:v>5.0858633290163366</c:v>
                </c:pt>
                <c:pt idx="6244">
                  <c:v>5.0858633290163366</c:v>
                </c:pt>
                <c:pt idx="6245">
                  <c:v>6.6116223277212374</c:v>
                </c:pt>
                <c:pt idx="6246">
                  <c:v>7.3745018270736873</c:v>
                </c:pt>
                <c:pt idx="6247">
                  <c:v>7.6287949935245045</c:v>
                </c:pt>
                <c:pt idx="6248">
                  <c:v>7.6287949935245045</c:v>
                </c:pt>
                <c:pt idx="6249">
                  <c:v>8.264527909651548</c:v>
                </c:pt>
                <c:pt idx="6250">
                  <c:v>8.6459676593277717</c:v>
                </c:pt>
                <c:pt idx="6251">
                  <c:v>10.171726658032673</c:v>
                </c:pt>
                <c:pt idx="6252">
                  <c:v>10.171726658032673</c:v>
                </c:pt>
                <c:pt idx="6253">
                  <c:v>10.171726658032673</c:v>
                </c:pt>
                <c:pt idx="6254">
                  <c:v>10.171726658032673</c:v>
                </c:pt>
                <c:pt idx="6255">
                  <c:v>10.171726658032673</c:v>
                </c:pt>
                <c:pt idx="6256">
                  <c:v>10.171726658032673</c:v>
                </c:pt>
                <c:pt idx="6257">
                  <c:v>10.171726658032673</c:v>
                </c:pt>
                <c:pt idx="6258">
                  <c:v>10.171726658032673</c:v>
                </c:pt>
                <c:pt idx="6259">
                  <c:v>8.5188210761023644</c:v>
                </c:pt>
                <c:pt idx="6260">
                  <c:v>6.9930620773974628</c:v>
                </c:pt>
                <c:pt idx="6261">
                  <c:v>5.0858633290163366</c:v>
                </c:pt>
                <c:pt idx="6262">
                  <c:v>5.0858633290163366</c:v>
                </c:pt>
                <c:pt idx="6263">
                  <c:v>5.0858633290163366</c:v>
                </c:pt>
                <c:pt idx="6264">
                  <c:v>4.5293361702973467</c:v>
                </c:pt>
                <c:pt idx="6265">
                  <c:v>5.0955031915845144</c:v>
                </c:pt>
                <c:pt idx="6266">
                  <c:v>5.0955031915845144</c:v>
                </c:pt>
                <c:pt idx="6267">
                  <c:v>5.0955031915845144</c:v>
                </c:pt>
                <c:pt idx="6268">
                  <c:v>5.0955031915845144</c:v>
                </c:pt>
                <c:pt idx="6269">
                  <c:v>6.5675374469311523</c:v>
                </c:pt>
                <c:pt idx="6270">
                  <c:v>7.5866380852480546</c:v>
                </c:pt>
                <c:pt idx="6271">
                  <c:v>7.5866380852480546</c:v>
                </c:pt>
                <c:pt idx="6272">
                  <c:v>7.5866380852480546</c:v>
                </c:pt>
                <c:pt idx="6273">
                  <c:v>8.1528051065352223</c:v>
                </c:pt>
                <c:pt idx="6274">
                  <c:v>8.8322055320798238</c:v>
                </c:pt>
                <c:pt idx="6275">
                  <c:v>10.191006383169029</c:v>
                </c:pt>
                <c:pt idx="6276">
                  <c:v>10.191006383169029</c:v>
                </c:pt>
                <c:pt idx="6277">
                  <c:v>10.191006383169029</c:v>
                </c:pt>
                <c:pt idx="6278">
                  <c:v>10.191006383169029</c:v>
                </c:pt>
                <c:pt idx="6279">
                  <c:v>10.191006383169029</c:v>
                </c:pt>
                <c:pt idx="6280">
                  <c:v>10.191006383169029</c:v>
                </c:pt>
                <c:pt idx="6281">
                  <c:v>10.191006383169029</c:v>
                </c:pt>
                <c:pt idx="6282">
                  <c:v>10.191006383169029</c:v>
                </c:pt>
                <c:pt idx="6283">
                  <c:v>8.4925053193075239</c:v>
                </c:pt>
                <c:pt idx="6284">
                  <c:v>6.7940042554460192</c:v>
                </c:pt>
                <c:pt idx="6285">
                  <c:v>5.0955031915845144</c:v>
                </c:pt>
                <c:pt idx="6286">
                  <c:v>5.0955031915845144</c:v>
                </c:pt>
                <c:pt idx="6287">
                  <c:v>5.0955031915845144</c:v>
                </c:pt>
                <c:pt idx="6288">
                  <c:v>5.1355013561943492</c:v>
                </c:pt>
                <c:pt idx="6289">
                  <c:v>5.1355013561943492</c:v>
                </c:pt>
                <c:pt idx="6290">
                  <c:v>5.1355013561943492</c:v>
                </c:pt>
                <c:pt idx="6291">
                  <c:v>5.1355013561943492</c:v>
                </c:pt>
                <c:pt idx="6292">
                  <c:v>5.1355013561943492</c:v>
                </c:pt>
                <c:pt idx="6293">
                  <c:v>6.6190906368727171</c:v>
                </c:pt>
                <c:pt idx="6294">
                  <c:v>7.6461909081115875</c:v>
                </c:pt>
                <c:pt idx="6295">
                  <c:v>7.6461909081115875</c:v>
                </c:pt>
                <c:pt idx="6296">
                  <c:v>7.6461909081115875</c:v>
                </c:pt>
                <c:pt idx="6297">
                  <c:v>8.2168021699109595</c:v>
                </c:pt>
                <c:pt idx="6298">
                  <c:v>8.9015356840702058</c:v>
                </c:pt>
                <c:pt idx="6299">
                  <c:v>10.271002712388698</c:v>
                </c:pt>
                <c:pt idx="6300">
                  <c:v>10.271002712388698</c:v>
                </c:pt>
                <c:pt idx="6301">
                  <c:v>10.271002712388698</c:v>
                </c:pt>
                <c:pt idx="6302">
                  <c:v>10.271002712388698</c:v>
                </c:pt>
                <c:pt idx="6303">
                  <c:v>10.271002712388698</c:v>
                </c:pt>
                <c:pt idx="6304">
                  <c:v>10.271002712388698</c:v>
                </c:pt>
                <c:pt idx="6305">
                  <c:v>10.271002712388698</c:v>
                </c:pt>
                <c:pt idx="6306">
                  <c:v>10.271002712388698</c:v>
                </c:pt>
                <c:pt idx="6307">
                  <c:v>8.5591689269905817</c:v>
                </c:pt>
                <c:pt idx="6308">
                  <c:v>6.8473351415924677</c:v>
                </c:pt>
                <c:pt idx="6309">
                  <c:v>5.1355013561943492</c:v>
                </c:pt>
                <c:pt idx="6310">
                  <c:v>5.1355013561943492</c:v>
                </c:pt>
                <c:pt idx="6311">
                  <c:v>5.1355013561943492</c:v>
                </c:pt>
                <c:pt idx="6312">
                  <c:v>5.5668568012099007</c:v>
                </c:pt>
                <c:pt idx="6313">
                  <c:v>5.5668568012099007</c:v>
                </c:pt>
                <c:pt idx="6314">
                  <c:v>5.5668568012099007</c:v>
                </c:pt>
                <c:pt idx="6315">
                  <c:v>5.5668568012099007</c:v>
                </c:pt>
                <c:pt idx="6316">
                  <c:v>5.5668568012099007</c:v>
                </c:pt>
                <c:pt idx="6317">
                  <c:v>7.1750598771149834</c:v>
                </c:pt>
                <c:pt idx="6318">
                  <c:v>8.6595550241042929</c:v>
                </c:pt>
                <c:pt idx="6319">
                  <c:v>8.6595550241042929</c:v>
                </c:pt>
                <c:pt idx="6320">
                  <c:v>8.6595550241042929</c:v>
                </c:pt>
                <c:pt idx="6321">
                  <c:v>9.2780946686831687</c:v>
                </c:pt>
                <c:pt idx="6322">
                  <c:v>9.6492184554304945</c:v>
                </c:pt>
                <c:pt idx="6323">
                  <c:v>11.133713602419801</c:v>
                </c:pt>
                <c:pt idx="6324">
                  <c:v>11.133713602419801</c:v>
                </c:pt>
                <c:pt idx="6325">
                  <c:v>11.133713602419801</c:v>
                </c:pt>
                <c:pt idx="6326">
                  <c:v>11.133713602419801</c:v>
                </c:pt>
                <c:pt idx="6327">
                  <c:v>9.2780946686831687</c:v>
                </c:pt>
                <c:pt idx="6328">
                  <c:v>8.783262953020067</c:v>
                </c:pt>
                <c:pt idx="6329">
                  <c:v>8.783262953020067</c:v>
                </c:pt>
                <c:pt idx="6330">
                  <c:v>8.783262953020067</c:v>
                </c:pt>
                <c:pt idx="6331">
                  <c:v>8.783262953020067</c:v>
                </c:pt>
                <c:pt idx="6332">
                  <c:v>6.8039360903676576</c:v>
                </c:pt>
                <c:pt idx="6333">
                  <c:v>2.5978665072312874</c:v>
                </c:pt>
                <c:pt idx="6334">
                  <c:v>2.5978665072312874</c:v>
                </c:pt>
                <c:pt idx="6335">
                  <c:v>2.5978665072312874</c:v>
                </c:pt>
                <c:pt idx="6336">
                  <c:v>3.626567363636823</c:v>
                </c:pt>
                <c:pt idx="6337">
                  <c:v>7.0804410432909419</c:v>
                </c:pt>
                <c:pt idx="6338">
                  <c:v>7.0804410432909419</c:v>
                </c:pt>
                <c:pt idx="6339">
                  <c:v>7.0804410432909419</c:v>
                </c:pt>
                <c:pt idx="6340">
                  <c:v>7.0804410432909419</c:v>
                </c:pt>
                <c:pt idx="6341">
                  <c:v>8.8073778831180007</c:v>
                </c:pt>
                <c:pt idx="6342">
                  <c:v>11.052395774893176</c:v>
                </c:pt>
                <c:pt idx="6343">
                  <c:v>12.60663893073753</c:v>
                </c:pt>
                <c:pt idx="6344">
                  <c:v>12.60663893073753</c:v>
                </c:pt>
                <c:pt idx="6345">
                  <c:v>12.60663893073753</c:v>
                </c:pt>
                <c:pt idx="6346">
                  <c:v>12.60663893073753</c:v>
                </c:pt>
                <c:pt idx="6347">
                  <c:v>12.60663893073753</c:v>
                </c:pt>
                <c:pt idx="6348">
                  <c:v>12.60663893073753</c:v>
                </c:pt>
                <c:pt idx="6349">
                  <c:v>12.60663893073753</c:v>
                </c:pt>
                <c:pt idx="6350">
                  <c:v>12.60663893073753</c:v>
                </c:pt>
                <c:pt idx="6351">
                  <c:v>11.397783142858588</c:v>
                </c:pt>
                <c:pt idx="6352">
                  <c:v>10.361621038962353</c:v>
                </c:pt>
                <c:pt idx="6353">
                  <c:v>9.3254589350661181</c:v>
                </c:pt>
                <c:pt idx="6354">
                  <c:v>8.9800715671007065</c:v>
                </c:pt>
                <c:pt idx="6355">
                  <c:v>7.2531347272736459</c:v>
                </c:pt>
                <c:pt idx="6356">
                  <c:v>5.3535042034638822</c:v>
                </c:pt>
                <c:pt idx="6357">
                  <c:v>5.3535042034638822</c:v>
                </c:pt>
                <c:pt idx="6358">
                  <c:v>5.3535042034638822</c:v>
                </c:pt>
                <c:pt idx="6359">
                  <c:v>5.3535042034638822</c:v>
                </c:pt>
                <c:pt idx="6360">
                  <c:v>6.2269501930812154</c:v>
                </c:pt>
                <c:pt idx="6361">
                  <c:v>7.2312969984168936</c:v>
                </c:pt>
                <c:pt idx="6362">
                  <c:v>7.2312969984168936</c:v>
                </c:pt>
                <c:pt idx="6363">
                  <c:v>7.2312969984168936</c:v>
                </c:pt>
                <c:pt idx="6364">
                  <c:v>7.2312969984168936</c:v>
                </c:pt>
                <c:pt idx="6365">
                  <c:v>9.0391212480211163</c:v>
                </c:pt>
                <c:pt idx="6366">
                  <c:v>10.646076136558207</c:v>
                </c:pt>
                <c:pt idx="6367">
                  <c:v>12.654769747229565</c:v>
                </c:pt>
                <c:pt idx="6368">
                  <c:v>12.654769747229565</c:v>
                </c:pt>
                <c:pt idx="6369">
                  <c:v>12.654769747229565</c:v>
                </c:pt>
                <c:pt idx="6370">
                  <c:v>12.654769747229565</c:v>
                </c:pt>
                <c:pt idx="6371">
                  <c:v>12.654769747229565</c:v>
                </c:pt>
                <c:pt idx="6372">
                  <c:v>12.654769747229565</c:v>
                </c:pt>
                <c:pt idx="6373">
                  <c:v>12.654769747229565</c:v>
                </c:pt>
                <c:pt idx="6374">
                  <c:v>12.654769747229565</c:v>
                </c:pt>
                <c:pt idx="6375">
                  <c:v>11.248684219759612</c:v>
                </c:pt>
                <c:pt idx="6376">
                  <c:v>11.047814858692478</c:v>
                </c:pt>
                <c:pt idx="6377">
                  <c:v>9.4408599701553904</c:v>
                </c:pt>
                <c:pt idx="6378">
                  <c:v>8.8382518869539819</c:v>
                </c:pt>
                <c:pt idx="6379">
                  <c:v>7.4321663594840315</c:v>
                </c:pt>
                <c:pt idx="6380">
                  <c:v>6.2269501930812154</c:v>
                </c:pt>
                <c:pt idx="6381">
                  <c:v>5.4234727488126717</c:v>
                </c:pt>
                <c:pt idx="6382">
                  <c:v>5.4234727488126717</c:v>
                </c:pt>
                <c:pt idx="6383">
                  <c:v>5.4234727488126717</c:v>
                </c:pt>
                <c:pt idx="6384">
                  <c:v>1.7656149522048004</c:v>
                </c:pt>
                <c:pt idx="6385">
                  <c:v>1.7656149522048004</c:v>
                </c:pt>
                <c:pt idx="6386">
                  <c:v>1.7656149522048004</c:v>
                </c:pt>
                <c:pt idx="6387">
                  <c:v>1.7656149522048004</c:v>
                </c:pt>
                <c:pt idx="6388">
                  <c:v>1.7656149522048004</c:v>
                </c:pt>
                <c:pt idx="6389">
                  <c:v>7.6509981262208031</c:v>
                </c:pt>
                <c:pt idx="6390">
                  <c:v>8.6809401816736038</c:v>
                </c:pt>
                <c:pt idx="6391">
                  <c:v>8.6809401816736038</c:v>
                </c:pt>
                <c:pt idx="6392">
                  <c:v>8.6809401816736038</c:v>
                </c:pt>
                <c:pt idx="6393">
                  <c:v>9.2694784990752037</c:v>
                </c:pt>
                <c:pt idx="6394">
                  <c:v>9.2694784990752037</c:v>
                </c:pt>
                <c:pt idx="6395">
                  <c:v>11.770766348032003</c:v>
                </c:pt>
                <c:pt idx="6396">
                  <c:v>11.770766348032003</c:v>
                </c:pt>
                <c:pt idx="6397">
                  <c:v>7.7981327055712022</c:v>
                </c:pt>
                <c:pt idx="6398">
                  <c:v>11.770766348032003</c:v>
                </c:pt>
                <c:pt idx="6399">
                  <c:v>11.770766348032003</c:v>
                </c:pt>
                <c:pt idx="6400">
                  <c:v>11.770766348032003</c:v>
                </c:pt>
                <c:pt idx="6401">
                  <c:v>11.770766348032003</c:v>
                </c:pt>
                <c:pt idx="6402">
                  <c:v>11.770766348032003</c:v>
                </c:pt>
                <c:pt idx="6403">
                  <c:v>9.8580168164768036</c:v>
                </c:pt>
                <c:pt idx="6404">
                  <c:v>8.0924018642720039</c:v>
                </c:pt>
                <c:pt idx="6405">
                  <c:v>5.8853831740160016</c:v>
                </c:pt>
                <c:pt idx="6406">
                  <c:v>5.5911140153152017</c:v>
                </c:pt>
                <c:pt idx="6407">
                  <c:v>5.5911140153152017</c:v>
                </c:pt>
                <c:pt idx="6408">
                  <c:v>5.0116891619242567</c:v>
                </c:pt>
                <c:pt idx="6409">
                  <c:v>5.0116891619242567</c:v>
                </c:pt>
                <c:pt idx="6410">
                  <c:v>5.0116891619242567</c:v>
                </c:pt>
                <c:pt idx="6411">
                  <c:v>5.0116891619242567</c:v>
                </c:pt>
                <c:pt idx="6412">
                  <c:v>5.0116891619242567</c:v>
                </c:pt>
                <c:pt idx="6413">
                  <c:v>6.5151959105015331</c:v>
                </c:pt>
                <c:pt idx="6414">
                  <c:v>7.2669492847901731</c:v>
                </c:pt>
                <c:pt idx="6415">
                  <c:v>7.5175337428863864</c:v>
                </c:pt>
                <c:pt idx="6416">
                  <c:v>7.5175337428863864</c:v>
                </c:pt>
                <c:pt idx="6417">
                  <c:v>8.1439948881269189</c:v>
                </c:pt>
                <c:pt idx="6418">
                  <c:v>8.5198715752712371</c:v>
                </c:pt>
                <c:pt idx="6419">
                  <c:v>10.023378323848513</c:v>
                </c:pt>
                <c:pt idx="6420">
                  <c:v>10.023378323848513</c:v>
                </c:pt>
                <c:pt idx="6421">
                  <c:v>10.023378323848513</c:v>
                </c:pt>
                <c:pt idx="6422">
                  <c:v>10.023378323848513</c:v>
                </c:pt>
                <c:pt idx="6423">
                  <c:v>10.023378323848513</c:v>
                </c:pt>
                <c:pt idx="6424">
                  <c:v>10.023378323848513</c:v>
                </c:pt>
                <c:pt idx="6425">
                  <c:v>10.023378323848513</c:v>
                </c:pt>
                <c:pt idx="6426">
                  <c:v>10.023378323848513</c:v>
                </c:pt>
                <c:pt idx="6427">
                  <c:v>8.3945793462231322</c:v>
                </c:pt>
                <c:pt idx="6428">
                  <c:v>6.891072597645854</c:v>
                </c:pt>
                <c:pt idx="6429">
                  <c:v>5.0116891619242567</c:v>
                </c:pt>
                <c:pt idx="6430">
                  <c:v>5.0116891619242567</c:v>
                </c:pt>
                <c:pt idx="6431">
                  <c:v>5.0116891619242567</c:v>
                </c:pt>
                <c:pt idx="6432">
                  <c:v>4.4896147355420446</c:v>
                </c:pt>
                <c:pt idx="6433">
                  <c:v>5.0508165774847997</c:v>
                </c:pt>
                <c:pt idx="6434">
                  <c:v>5.0508165774847997</c:v>
                </c:pt>
                <c:pt idx="6435">
                  <c:v>5.0508165774847997</c:v>
                </c:pt>
                <c:pt idx="6436">
                  <c:v>5.0508165774847997</c:v>
                </c:pt>
                <c:pt idx="6437">
                  <c:v>6.5099413665359629</c:v>
                </c:pt>
                <c:pt idx="6438">
                  <c:v>7.5201046820329251</c:v>
                </c:pt>
                <c:pt idx="6439">
                  <c:v>7.5201046820329251</c:v>
                </c:pt>
                <c:pt idx="6440">
                  <c:v>7.5201046820329251</c:v>
                </c:pt>
                <c:pt idx="6441">
                  <c:v>8.0813065239756803</c:v>
                </c:pt>
                <c:pt idx="6442">
                  <c:v>8.7547487343069861</c:v>
                </c:pt>
                <c:pt idx="6443">
                  <c:v>10.101633154969599</c:v>
                </c:pt>
                <c:pt idx="6444">
                  <c:v>10.101633154969599</c:v>
                </c:pt>
                <c:pt idx="6445">
                  <c:v>10.101633154969599</c:v>
                </c:pt>
                <c:pt idx="6446">
                  <c:v>10.101633154969599</c:v>
                </c:pt>
                <c:pt idx="6447">
                  <c:v>10.101633154969599</c:v>
                </c:pt>
                <c:pt idx="6448">
                  <c:v>10.101633154969599</c:v>
                </c:pt>
                <c:pt idx="6449">
                  <c:v>10.101633154969599</c:v>
                </c:pt>
                <c:pt idx="6450">
                  <c:v>10.101633154969599</c:v>
                </c:pt>
                <c:pt idx="6451">
                  <c:v>8.4180276291413332</c:v>
                </c:pt>
                <c:pt idx="6452">
                  <c:v>6.734422103313066</c:v>
                </c:pt>
                <c:pt idx="6453">
                  <c:v>5.0508165774847997</c:v>
                </c:pt>
                <c:pt idx="6454">
                  <c:v>5.0508165774847997</c:v>
                </c:pt>
                <c:pt idx="6455">
                  <c:v>5.0508165774847997</c:v>
                </c:pt>
                <c:pt idx="6456">
                  <c:v>5.0761026466480139</c:v>
                </c:pt>
                <c:pt idx="6457">
                  <c:v>5.0761026466480139</c:v>
                </c:pt>
                <c:pt idx="6458">
                  <c:v>5.0761026466480139</c:v>
                </c:pt>
                <c:pt idx="6459">
                  <c:v>5.0761026466480139</c:v>
                </c:pt>
                <c:pt idx="6460">
                  <c:v>5.0761026466480139</c:v>
                </c:pt>
                <c:pt idx="6461">
                  <c:v>6.5425323001241074</c:v>
                </c:pt>
                <c:pt idx="6462">
                  <c:v>7.5577528294537109</c:v>
                </c:pt>
                <c:pt idx="6463">
                  <c:v>7.5577528294537109</c:v>
                </c:pt>
                <c:pt idx="6464">
                  <c:v>7.5577528294537109</c:v>
                </c:pt>
                <c:pt idx="6465">
                  <c:v>8.1217642346368226</c:v>
                </c:pt>
                <c:pt idx="6466">
                  <c:v>8.7985779208565571</c:v>
                </c:pt>
                <c:pt idx="6467">
                  <c:v>10.152205293296028</c:v>
                </c:pt>
                <c:pt idx="6468">
                  <c:v>10.152205293296028</c:v>
                </c:pt>
                <c:pt idx="6469">
                  <c:v>10.152205293296028</c:v>
                </c:pt>
                <c:pt idx="6470">
                  <c:v>10.152205293296028</c:v>
                </c:pt>
                <c:pt idx="6471">
                  <c:v>10.152205293296028</c:v>
                </c:pt>
                <c:pt idx="6472">
                  <c:v>10.152205293296028</c:v>
                </c:pt>
                <c:pt idx="6473">
                  <c:v>10.152205293296028</c:v>
                </c:pt>
                <c:pt idx="6474">
                  <c:v>10.152205293296028</c:v>
                </c:pt>
                <c:pt idx="6475">
                  <c:v>8.4601710777466899</c:v>
                </c:pt>
                <c:pt idx="6476">
                  <c:v>6.7681368621973528</c:v>
                </c:pt>
                <c:pt idx="6477">
                  <c:v>5.0761026466480139</c:v>
                </c:pt>
                <c:pt idx="6478">
                  <c:v>5.0761026466480139</c:v>
                </c:pt>
                <c:pt idx="6479">
                  <c:v>5.0761026466480139</c:v>
                </c:pt>
                <c:pt idx="6480">
                  <c:v>5.5302683176154446</c:v>
                </c:pt>
                <c:pt idx="6481">
                  <c:v>5.5302683176154446</c:v>
                </c:pt>
                <c:pt idx="6482">
                  <c:v>5.5302683176154446</c:v>
                </c:pt>
                <c:pt idx="6483">
                  <c:v>5.5302683176154446</c:v>
                </c:pt>
                <c:pt idx="6484">
                  <c:v>5.5302683176154446</c:v>
                </c:pt>
                <c:pt idx="6485">
                  <c:v>7.1279013871487953</c:v>
                </c:pt>
                <c:pt idx="6486">
                  <c:v>8.6026396051795828</c:v>
                </c:pt>
                <c:pt idx="6487">
                  <c:v>8.6026396051795828</c:v>
                </c:pt>
                <c:pt idx="6488">
                  <c:v>8.6026396051795828</c:v>
                </c:pt>
                <c:pt idx="6489">
                  <c:v>9.2171138626924076</c:v>
                </c:pt>
                <c:pt idx="6490">
                  <c:v>9.5857984172001061</c:v>
                </c:pt>
                <c:pt idx="6491">
                  <c:v>11.060536635230889</c:v>
                </c:pt>
                <c:pt idx="6492">
                  <c:v>11.060536635230889</c:v>
                </c:pt>
                <c:pt idx="6493">
                  <c:v>11.060536635230889</c:v>
                </c:pt>
                <c:pt idx="6494">
                  <c:v>11.060536635230889</c:v>
                </c:pt>
                <c:pt idx="6495">
                  <c:v>9.2171138626924076</c:v>
                </c:pt>
                <c:pt idx="6496">
                  <c:v>8.7255344566821478</c:v>
                </c:pt>
                <c:pt idx="6497">
                  <c:v>8.7255344566821478</c:v>
                </c:pt>
                <c:pt idx="6498">
                  <c:v>8.7255344566821478</c:v>
                </c:pt>
                <c:pt idx="6499">
                  <c:v>8.7255344566821478</c:v>
                </c:pt>
                <c:pt idx="6500">
                  <c:v>6.7592168326410995</c:v>
                </c:pt>
                <c:pt idx="6501">
                  <c:v>2.5807918815538744</c:v>
                </c:pt>
                <c:pt idx="6502">
                  <c:v>2.5807918815538744</c:v>
                </c:pt>
                <c:pt idx="6503">
                  <c:v>2.5807918815538744</c:v>
                </c:pt>
                <c:pt idx="6504">
                  <c:v>3.6134947529592876</c:v>
                </c:pt>
                <c:pt idx="6505">
                  <c:v>7.054918327206229</c:v>
                </c:pt>
                <c:pt idx="6506">
                  <c:v>7.054918327206229</c:v>
                </c:pt>
                <c:pt idx="6507">
                  <c:v>7.054918327206229</c:v>
                </c:pt>
                <c:pt idx="6508">
                  <c:v>7.054918327206229</c:v>
                </c:pt>
                <c:pt idx="6509">
                  <c:v>8.7756301143296991</c:v>
                </c:pt>
                <c:pt idx="6510">
                  <c:v>11.012555437590212</c:v>
                </c:pt>
                <c:pt idx="6511">
                  <c:v>12.561196046001333</c:v>
                </c:pt>
                <c:pt idx="6512">
                  <c:v>12.561196046001333</c:v>
                </c:pt>
                <c:pt idx="6513">
                  <c:v>12.561196046001333</c:v>
                </c:pt>
                <c:pt idx="6514">
                  <c:v>12.561196046001333</c:v>
                </c:pt>
                <c:pt idx="6515">
                  <c:v>12.561196046001333</c:v>
                </c:pt>
                <c:pt idx="6516">
                  <c:v>12.561196046001333</c:v>
                </c:pt>
                <c:pt idx="6517">
                  <c:v>12.561196046001333</c:v>
                </c:pt>
                <c:pt idx="6518">
                  <c:v>12.561196046001333</c:v>
                </c:pt>
                <c:pt idx="6519">
                  <c:v>11.356697795014906</c:v>
                </c:pt>
                <c:pt idx="6520">
                  <c:v>10.324270722740822</c:v>
                </c:pt>
                <c:pt idx="6521">
                  <c:v>9.2918436504667419</c:v>
                </c:pt>
                <c:pt idx="6522">
                  <c:v>8.9477012930420461</c:v>
                </c:pt>
                <c:pt idx="6523">
                  <c:v>7.2269895059185751</c:v>
                </c:pt>
                <c:pt idx="6524">
                  <c:v>5.3342065400827581</c:v>
                </c:pt>
                <c:pt idx="6525">
                  <c:v>5.3342065400827581</c:v>
                </c:pt>
                <c:pt idx="6526">
                  <c:v>5.3342065400827581</c:v>
                </c:pt>
                <c:pt idx="6527">
                  <c:v>5.3342065400827581</c:v>
                </c:pt>
                <c:pt idx="6528">
                  <c:v>6.2269501930812154</c:v>
                </c:pt>
                <c:pt idx="6529">
                  <c:v>7.2312969984168936</c:v>
                </c:pt>
                <c:pt idx="6530">
                  <c:v>7.2312969984168936</c:v>
                </c:pt>
                <c:pt idx="6531">
                  <c:v>7.2312969984168936</c:v>
                </c:pt>
                <c:pt idx="6532">
                  <c:v>7.2312969984168936</c:v>
                </c:pt>
                <c:pt idx="6533">
                  <c:v>9.0391212480211163</c:v>
                </c:pt>
                <c:pt idx="6534">
                  <c:v>10.646076136558207</c:v>
                </c:pt>
                <c:pt idx="6535">
                  <c:v>12.654769747229565</c:v>
                </c:pt>
                <c:pt idx="6536">
                  <c:v>12.654769747229565</c:v>
                </c:pt>
                <c:pt idx="6537">
                  <c:v>12.654769747229565</c:v>
                </c:pt>
                <c:pt idx="6538">
                  <c:v>12.654769747229565</c:v>
                </c:pt>
                <c:pt idx="6539">
                  <c:v>12.654769747229565</c:v>
                </c:pt>
                <c:pt idx="6540">
                  <c:v>12.654769747229565</c:v>
                </c:pt>
                <c:pt idx="6541">
                  <c:v>12.654769747229565</c:v>
                </c:pt>
                <c:pt idx="6542">
                  <c:v>12.654769747229565</c:v>
                </c:pt>
                <c:pt idx="6543">
                  <c:v>11.248684219759612</c:v>
                </c:pt>
                <c:pt idx="6544">
                  <c:v>11.047814858692478</c:v>
                </c:pt>
                <c:pt idx="6545">
                  <c:v>9.4408599701553904</c:v>
                </c:pt>
                <c:pt idx="6546">
                  <c:v>8.8382518869539819</c:v>
                </c:pt>
                <c:pt idx="6547">
                  <c:v>7.4321663594840315</c:v>
                </c:pt>
                <c:pt idx="6548">
                  <c:v>6.2269501930812154</c:v>
                </c:pt>
                <c:pt idx="6549">
                  <c:v>5.4234727488126717</c:v>
                </c:pt>
                <c:pt idx="6550">
                  <c:v>5.4234727488126717</c:v>
                </c:pt>
                <c:pt idx="6551">
                  <c:v>5.4234727488126717</c:v>
                </c:pt>
                <c:pt idx="6552">
                  <c:v>1.7719645772905861</c:v>
                </c:pt>
                <c:pt idx="6553">
                  <c:v>1.7719645772905861</c:v>
                </c:pt>
                <c:pt idx="6554">
                  <c:v>1.7719645772905861</c:v>
                </c:pt>
                <c:pt idx="6555">
                  <c:v>1.7719645772905861</c:v>
                </c:pt>
                <c:pt idx="6556">
                  <c:v>1.7719645772905861</c:v>
                </c:pt>
                <c:pt idx="6557">
                  <c:v>7.6785131682592072</c:v>
                </c:pt>
                <c:pt idx="6558">
                  <c:v>8.7121591716787155</c:v>
                </c:pt>
                <c:pt idx="6559">
                  <c:v>8.7121591716787155</c:v>
                </c:pt>
                <c:pt idx="6560">
                  <c:v>8.7121591716787155</c:v>
                </c:pt>
                <c:pt idx="6561">
                  <c:v>9.3028140307755773</c:v>
                </c:pt>
                <c:pt idx="6562">
                  <c:v>9.3028140307755773</c:v>
                </c:pt>
                <c:pt idx="6563">
                  <c:v>11.813097181937241</c:v>
                </c:pt>
                <c:pt idx="6564">
                  <c:v>11.813097181937241</c:v>
                </c:pt>
                <c:pt idx="6565">
                  <c:v>7.8261768830334226</c:v>
                </c:pt>
                <c:pt idx="6566">
                  <c:v>11.813097181937241</c:v>
                </c:pt>
                <c:pt idx="6567">
                  <c:v>11.813097181937241</c:v>
                </c:pt>
                <c:pt idx="6568">
                  <c:v>11.813097181937241</c:v>
                </c:pt>
                <c:pt idx="6569">
                  <c:v>11.813097181937241</c:v>
                </c:pt>
                <c:pt idx="6570">
                  <c:v>11.813097181937241</c:v>
                </c:pt>
                <c:pt idx="6571">
                  <c:v>9.8934688898724392</c:v>
                </c:pt>
                <c:pt idx="6572">
                  <c:v>8.1215043125818536</c:v>
                </c:pt>
                <c:pt idx="6573">
                  <c:v>5.9065485909686206</c:v>
                </c:pt>
                <c:pt idx="6574">
                  <c:v>5.6112211614201897</c:v>
                </c:pt>
                <c:pt idx="6575">
                  <c:v>5.6112211614201897</c:v>
                </c:pt>
                <c:pt idx="6576">
                  <c:v>5.1637462044630205</c:v>
                </c:pt>
                <c:pt idx="6577">
                  <c:v>5.1637462044630205</c:v>
                </c:pt>
                <c:pt idx="6578">
                  <c:v>5.1637462044630205</c:v>
                </c:pt>
                <c:pt idx="6579">
                  <c:v>5.1637462044630205</c:v>
                </c:pt>
                <c:pt idx="6580">
                  <c:v>5.1637462044630205</c:v>
                </c:pt>
                <c:pt idx="6581">
                  <c:v>6.7128700658019262</c:v>
                </c:pt>
                <c:pt idx="6582">
                  <c:v>7.4874319964713791</c:v>
                </c:pt>
                <c:pt idx="6583">
                  <c:v>7.7456193066945307</c:v>
                </c:pt>
                <c:pt idx="6584">
                  <c:v>7.7456193066945307</c:v>
                </c:pt>
                <c:pt idx="6585">
                  <c:v>8.3910875822524069</c:v>
                </c:pt>
                <c:pt idx="6586">
                  <c:v>8.7783685475871334</c:v>
                </c:pt>
                <c:pt idx="6587">
                  <c:v>10.327492408926041</c:v>
                </c:pt>
                <c:pt idx="6588">
                  <c:v>10.327492408926041</c:v>
                </c:pt>
                <c:pt idx="6589">
                  <c:v>10.327492408926041</c:v>
                </c:pt>
                <c:pt idx="6590">
                  <c:v>10.327492408926041</c:v>
                </c:pt>
                <c:pt idx="6591">
                  <c:v>10.327492408926041</c:v>
                </c:pt>
                <c:pt idx="6592">
                  <c:v>10.327492408926041</c:v>
                </c:pt>
                <c:pt idx="6593">
                  <c:v>10.327492408926041</c:v>
                </c:pt>
                <c:pt idx="6594">
                  <c:v>10.327492408926041</c:v>
                </c:pt>
                <c:pt idx="6595">
                  <c:v>8.6492748924755585</c:v>
                </c:pt>
                <c:pt idx="6596">
                  <c:v>7.1001510311366527</c:v>
                </c:pt>
                <c:pt idx="6597">
                  <c:v>5.1637462044630205</c:v>
                </c:pt>
                <c:pt idx="6598">
                  <c:v>5.1637462044630205</c:v>
                </c:pt>
                <c:pt idx="6599">
                  <c:v>5.1637462044630205</c:v>
                </c:pt>
                <c:pt idx="6600">
                  <c:v>4.6187093984967742</c:v>
                </c:pt>
                <c:pt idx="6601">
                  <c:v>5.1960480733088694</c:v>
                </c:pt>
                <c:pt idx="6602">
                  <c:v>5.1960480733088694</c:v>
                </c:pt>
                <c:pt idx="6603">
                  <c:v>5.1960480733088694</c:v>
                </c:pt>
                <c:pt idx="6604">
                  <c:v>5.1960480733088694</c:v>
                </c:pt>
                <c:pt idx="6605">
                  <c:v>6.6971286278203221</c:v>
                </c:pt>
                <c:pt idx="6606">
                  <c:v>7.7363382424820966</c:v>
                </c:pt>
                <c:pt idx="6607">
                  <c:v>7.7363382424820966</c:v>
                </c:pt>
                <c:pt idx="6608">
                  <c:v>7.7363382424820966</c:v>
                </c:pt>
                <c:pt idx="6609">
                  <c:v>8.3136769172941918</c:v>
                </c:pt>
                <c:pt idx="6610">
                  <c:v>9.0064833270687092</c:v>
                </c:pt>
                <c:pt idx="6611">
                  <c:v>10.392096146617739</c:v>
                </c:pt>
                <c:pt idx="6612">
                  <c:v>10.392096146617739</c:v>
                </c:pt>
                <c:pt idx="6613">
                  <c:v>10.392096146617739</c:v>
                </c:pt>
                <c:pt idx="6614">
                  <c:v>10.392096146617739</c:v>
                </c:pt>
                <c:pt idx="6615">
                  <c:v>10.392096146617739</c:v>
                </c:pt>
                <c:pt idx="6616">
                  <c:v>10.392096146617739</c:v>
                </c:pt>
                <c:pt idx="6617">
                  <c:v>10.392096146617739</c:v>
                </c:pt>
                <c:pt idx="6618">
                  <c:v>10.392096146617739</c:v>
                </c:pt>
                <c:pt idx="6619">
                  <c:v>8.6600801221814496</c:v>
                </c:pt>
                <c:pt idx="6620">
                  <c:v>6.9280640977451613</c:v>
                </c:pt>
                <c:pt idx="6621">
                  <c:v>5.1960480733088694</c:v>
                </c:pt>
                <c:pt idx="6622">
                  <c:v>5.1960480733088694</c:v>
                </c:pt>
                <c:pt idx="6623">
                  <c:v>5.1960480733088694</c:v>
                </c:pt>
                <c:pt idx="6624">
                  <c:v>5.2245994205138535</c:v>
                </c:pt>
                <c:pt idx="6625">
                  <c:v>5.2245994205138535</c:v>
                </c:pt>
                <c:pt idx="6626">
                  <c:v>5.2245994205138535</c:v>
                </c:pt>
                <c:pt idx="6627">
                  <c:v>5.2245994205138535</c:v>
                </c:pt>
                <c:pt idx="6628">
                  <c:v>5.2245994205138535</c:v>
                </c:pt>
                <c:pt idx="6629">
                  <c:v>6.7339281419956336</c:v>
                </c:pt>
                <c:pt idx="6630">
                  <c:v>7.7788480260984052</c:v>
                </c:pt>
                <c:pt idx="6631">
                  <c:v>7.7788480260984052</c:v>
                </c:pt>
                <c:pt idx="6632">
                  <c:v>7.7788480260984052</c:v>
                </c:pt>
                <c:pt idx="6633">
                  <c:v>8.3593590728221656</c:v>
                </c:pt>
                <c:pt idx="6634">
                  <c:v>9.0559723288906788</c:v>
                </c:pt>
                <c:pt idx="6635">
                  <c:v>10.449198841027707</c:v>
                </c:pt>
                <c:pt idx="6636">
                  <c:v>10.449198841027707</c:v>
                </c:pt>
                <c:pt idx="6637">
                  <c:v>10.449198841027707</c:v>
                </c:pt>
                <c:pt idx="6638">
                  <c:v>10.449198841027707</c:v>
                </c:pt>
                <c:pt idx="6639">
                  <c:v>10.449198841027707</c:v>
                </c:pt>
                <c:pt idx="6640">
                  <c:v>10.449198841027707</c:v>
                </c:pt>
                <c:pt idx="6641">
                  <c:v>10.449198841027707</c:v>
                </c:pt>
                <c:pt idx="6642">
                  <c:v>10.449198841027707</c:v>
                </c:pt>
                <c:pt idx="6643">
                  <c:v>8.7076657008564222</c:v>
                </c:pt>
                <c:pt idx="6644">
                  <c:v>6.9661325606851392</c:v>
                </c:pt>
                <c:pt idx="6645">
                  <c:v>5.2245994205138535</c:v>
                </c:pt>
                <c:pt idx="6646">
                  <c:v>5.2245994205138535</c:v>
                </c:pt>
                <c:pt idx="6647">
                  <c:v>5.2245994205138535</c:v>
                </c:pt>
                <c:pt idx="6648">
                  <c:v>5.8026492510408376</c:v>
                </c:pt>
                <c:pt idx="6649">
                  <c:v>5.8026492510408376</c:v>
                </c:pt>
                <c:pt idx="6650">
                  <c:v>5.8026492510408376</c:v>
                </c:pt>
                <c:pt idx="6651">
                  <c:v>5.8026492510408376</c:v>
                </c:pt>
                <c:pt idx="6652">
                  <c:v>5.8026492510408376</c:v>
                </c:pt>
                <c:pt idx="6653">
                  <c:v>7.4789701457859685</c:v>
                </c:pt>
                <c:pt idx="6654">
                  <c:v>9.0263432793968583</c:v>
                </c:pt>
                <c:pt idx="6655">
                  <c:v>9.0263432793968583</c:v>
                </c:pt>
                <c:pt idx="6656">
                  <c:v>9.0263432793968583</c:v>
                </c:pt>
                <c:pt idx="6657">
                  <c:v>9.671082085068063</c:v>
                </c:pt>
                <c:pt idx="6658">
                  <c:v>10.057925368470784</c:v>
                </c:pt>
                <c:pt idx="6659">
                  <c:v>11.605298502081675</c:v>
                </c:pt>
                <c:pt idx="6660">
                  <c:v>11.605298502081675</c:v>
                </c:pt>
                <c:pt idx="6661">
                  <c:v>11.605298502081675</c:v>
                </c:pt>
                <c:pt idx="6662">
                  <c:v>11.605298502081675</c:v>
                </c:pt>
                <c:pt idx="6663">
                  <c:v>9.671082085068063</c:v>
                </c:pt>
                <c:pt idx="6664">
                  <c:v>9.1552910405310985</c:v>
                </c:pt>
                <c:pt idx="6665">
                  <c:v>9.1552910405310985</c:v>
                </c:pt>
                <c:pt idx="6666">
                  <c:v>9.1552910405310985</c:v>
                </c:pt>
                <c:pt idx="6667">
                  <c:v>9.1552910405310985</c:v>
                </c:pt>
                <c:pt idx="6668">
                  <c:v>7.0921268623832452</c:v>
                </c:pt>
                <c:pt idx="6669">
                  <c:v>2.7079029838190571</c:v>
                </c:pt>
                <c:pt idx="6670">
                  <c:v>2.7079029838190571</c:v>
                </c:pt>
                <c:pt idx="6671">
                  <c:v>2.7079029838190571</c:v>
                </c:pt>
                <c:pt idx="6672">
                  <c:v>4.0122093786241368</c:v>
                </c:pt>
                <c:pt idx="6673">
                  <c:v>7.8333611677899828</c:v>
                </c:pt>
                <c:pt idx="6674">
                  <c:v>7.8333611677899828</c:v>
                </c:pt>
                <c:pt idx="6675">
                  <c:v>7.8333611677899828</c:v>
                </c:pt>
                <c:pt idx="6676">
                  <c:v>7.8333611677899828</c:v>
                </c:pt>
                <c:pt idx="6677">
                  <c:v>9.7439370623729058</c:v>
                </c:pt>
                <c:pt idx="6678">
                  <c:v>12.227685725330703</c:v>
                </c:pt>
                <c:pt idx="6679">
                  <c:v>13.947204030455335</c:v>
                </c:pt>
                <c:pt idx="6680">
                  <c:v>13.947204030455335</c:v>
                </c:pt>
                <c:pt idx="6681">
                  <c:v>13.947204030455335</c:v>
                </c:pt>
                <c:pt idx="6682">
                  <c:v>13.947204030455335</c:v>
                </c:pt>
                <c:pt idx="6683">
                  <c:v>13.947204030455335</c:v>
                </c:pt>
                <c:pt idx="6684">
                  <c:v>13.947204030455335</c:v>
                </c:pt>
                <c:pt idx="6685">
                  <c:v>13.947204030455335</c:v>
                </c:pt>
                <c:pt idx="6686">
                  <c:v>13.947204030455335</c:v>
                </c:pt>
                <c:pt idx="6687">
                  <c:v>12.609800904247288</c:v>
                </c:pt>
                <c:pt idx="6688">
                  <c:v>11.463455367497536</c:v>
                </c:pt>
                <c:pt idx="6689">
                  <c:v>10.317109830747784</c:v>
                </c:pt>
                <c:pt idx="6690">
                  <c:v>9.9349946518311967</c:v>
                </c:pt>
                <c:pt idx="6691">
                  <c:v>8.0244187572482737</c:v>
                </c:pt>
                <c:pt idx="6692">
                  <c:v>5.9227852732070598</c:v>
                </c:pt>
                <c:pt idx="6693">
                  <c:v>5.9227852732070598</c:v>
                </c:pt>
                <c:pt idx="6694">
                  <c:v>5.9227852732070598</c:v>
                </c:pt>
                <c:pt idx="6695">
                  <c:v>5.9227852732070598</c:v>
                </c:pt>
                <c:pt idx="6696">
                  <c:v>6.9726474904716955</c:v>
                </c:pt>
                <c:pt idx="6697">
                  <c:v>8.0972680534510033</c:v>
                </c:pt>
                <c:pt idx="6698">
                  <c:v>8.0972680534510033</c:v>
                </c:pt>
                <c:pt idx="6699">
                  <c:v>8.0972680534510033</c:v>
                </c:pt>
                <c:pt idx="6700">
                  <c:v>8.0972680534510033</c:v>
                </c:pt>
                <c:pt idx="6701">
                  <c:v>10.121585066813752</c:v>
                </c:pt>
                <c:pt idx="6702">
                  <c:v>11.920977967580644</c:v>
                </c:pt>
                <c:pt idx="6703">
                  <c:v>14.170219093539254</c:v>
                </c:pt>
                <c:pt idx="6704">
                  <c:v>14.170219093539254</c:v>
                </c:pt>
                <c:pt idx="6705">
                  <c:v>14.170219093539254</c:v>
                </c:pt>
                <c:pt idx="6706">
                  <c:v>14.170219093539254</c:v>
                </c:pt>
                <c:pt idx="6707">
                  <c:v>14.170219093539254</c:v>
                </c:pt>
                <c:pt idx="6708">
                  <c:v>14.170219093539254</c:v>
                </c:pt>
                <c:pt idx="6709">
                  <c:v>14.170219093539254</c:v>
                </c:pt>
                <c:pt idx="6710">
                  <c:v>14.170219093539254</c:v>
                </c:pt>
                <c:pt idx="6711">
                  <c:v>12.595750305368226</c:v>
                </c:pt>
                <c:pt idx="6712">
                  <c:v>12.370826192772364</c:v>
                </c:pt>
                <c:pt idx="6713">
                  <c:v>10.571433292005477</c:v>
                </c:pt>
                <c:pt idx="6714">
                  <c:v>9.8966609542178929</c:v>
                </c:pt>
                <c:pt idx="6715">
                  <c:v>8.3221921660468627</c:v>
                </c:pt>
                <c:pt idx="6716">
                  <c:v>6.9726474904716955</c:v>
                </c:pt>
                <c:pt idx="6717">
                  <c:v>6.0729510400882525</c:v>
                </c:pt>
                <c:pt idx="6718">
                  <c:v>6.0729510400882525</c:v>
                </c:pt>
                <c:pt idx="6719">
                  <c:v>6.0729510400882525</c:v>
                </c:pt>
                <c:pt idx="6720">
                  <c:v>1.8405405282170662</c:v>
                </c:pt>
                <c:pt idx="6721">
                  <c:v>1.8405405282170662</c:v>
                </c:pt>
                <c:pt idx="6722">
                  <c:v>1.8405405282170662</c:v>
                </c:pt>
                <c:pt idx="6723">
                  <c:v>1.8405405282170662</c:v>
                </c:pt>
                <c:pt idx="6724">
                  <c:v>1.8405405282170662</c:v>
                </c:pt>
                <c:pt idx="6725">
                  <c:v>7.975675622273954</c:v>
                </c:pt>
                <c:pt idx="6726">
                  <c:v>9.0493242637339097</c:v>
                </c:pt>
                <c:pt idx="6727">
                  <c:v>9.0493242637339097</c:v>
                </c:pt>
                <c:pt idx="6728">
                  <c:v>9.0493242637339097</c:v>
                </c:pt>
                <c:pt idx="6729">
                  <c:v>9.6628377731395982</c:v>
                </c:pt>
                <c:pt idx="6730">
                  <c:v>9.6628377731395982</c:v>
                </c:pt>
                <c:pt idx="6731">
                  <c:v>12.270270188113777</c:v>
                </c:pt>
                <c:pt idx="6732">
                  <c:v>12.270270188113777</c:v>
                </c:pt>
                <c:pt idx="6733">
                  <c:v>8.129053999625377</c:v>
                </c:pt>
                <c:pt idx="6734">
                  <c:v>12.270270188113777</c:v>
                </c:pt>
                <c:pt idx="6735">
                  <c:v>12.270270188113777</c:v>
                </c:pt>
                <c:pt idx="6736">
                  <c:v>12.270270188113777</c:v>
                </c:pt>
                <c:pt idx="6737">
                  <c:v>12.270270188113777</c:v>
                </c:pt>
                <c:pt idx="6738">
                  <c:v>12.270270188113777</c:v>
                </c:pt>
                <c:pt idx="6739">
                  <c:v>10.276351282545287</c:v>
                </c:pt>
                <c:pt idx="6740">
                  <c:v>8.4358107543282195</c:v>
                </c:pt>
                <c:pt idx="6741">
                  <c:v>6.1351350940568885</c:v>
                </c:pt>
                <c:pt idx="6742">
                  <c:v>5.8283783393540425</c:v>
                </c:pt>
                <c:pt idx="6743">
                  <c:v>5.8283783393540425</c:v>
                </c:pt>
                <c:pt idx="6744">
                  <c:v>5.3046771219379707</c:v>
                </c:pt>
                <c:pt idx="6745">
                  <c:v>5.3046771219379707</c:v>
                </c:pt>
                <c:pt idx="6746">
                  <c:v>5.3046771219379707</c:v>
                </c:pt>
                <c:pt idx="6747">
                  <c:v>5.3046771219379707</c:v>
                </c:pt>
                <c:pt idx="6748">
                  <c:v>5.3046771219379707</c:v>
                </c:pt>
                <c:pt idx="6749">
                  <c:v>6.8960802585193619</c:v>
                </c:pt>
                <c:pt idx="6750">
                  <c:v>7.6917818268100566</c:v>
                </c:pt>
                <c:pt idx="6751">
                  <c:v>7.957015682906956</c:v>
                </c:pt>
                <c:pt idx="6752">
                  <c:v>7.957015682906956</c:v>
                </c:pt>
                <c:pt idx="6753">
                  <c:v>8.6201003231492006</c:v>
                </c:pt>
                <c:pt idx="6754">
                  <c:v>9.0179511072945502</c:v>
                </c:pt>
                <c:pt idx="6755">
                  <c:v>10.609354243875941</c:v>
                </c:pt>
                <c:pt idx="6756">
                  <c:v>10.609354243875941</c:v>
                </c:pt>
                <c:pt idx="6757">
                  <c:v>10.609354243875941</c:v>
                </c:pt>
                <c:pt idx="6758">
                  <c:v>10.609354243875941</c:v>
                </c:pt>
                <c:pt idx="6759">
                  <c:v>10.609354243875941</c:v>
                </c:pt>
                <c:pt idx="6760">
                  <c:v>10.609354243875941</c:v>
                </c:pt>
                <c:pt idx="6761">
                  <c:v>10.609354243875941</c:v>
                </c:pt>
                <c:pt idx="6762">
                  <c:v>10.609354243875941</c:v>
                </c:pt>
                <c:pt idx="6763">
                  <c:v>8.8853341792461009</c:v>
                </c:pt>
                <c:pt idx="6764">
                  <c:v>7.2939310426647088</c:v>
                </c:pt>
                <c:pt idx="6765">
                  <c:v>5.3046771219379707</c:v>
                </c:pt>
                <c:pt idx="6766">
                  <c:v>5.3046771219379707</c:v>
                </c:pt>
                <c:pt idx="6767">
                  <c:v>5.3046771219379707</c:v>
                </c:pt>
                <c:pt idx="6768">
                  <c:v>4.6650510723779588</c:v>
                </c:pt>
                <c:pt idx="6769">
                  <c:v>5.2481824564252033</c:v>
                </c:pt>
                <c:pt idx="6770">
                  <c:v>5.2481824564252033</c:v>
                </c:pt>
                <c:pt idx="6771">
                  <c:v>5.2481824564252033</c:v>
                </c:pt>
                <c:pt idx="6772">
                  <c:v>5.2481824564252033</c:v>
                </c:pt>
                <c:pt idx="6773">
                  <c:v>6.7643240549480392</c:v>
                </c:pt>
                <c:pt idx="6774">
                  <c:v>7.8139605462330817</c:v>
                </c:pt>
                <c:pt idx="6775">
                  <c:v>7.8139605462330817</c:v>
                </c:pt>
                <c:pt idx="6776">
                  <c:v>7.8139605462330817</c:v>
                </c:pt>
                <c:pt idx="6777">
                  <c:v>8.3970919302803253</c:v>
                </c:pt>
                <c:pt idx="6778">
                  <c:v>9.0968495911370191</c:v>
                </c:pt>
                <c:pt idx="6779">
                  <c:v>10.496364912850407</c:v>
                </c:pt>
                <c:pt idx="6780">
                  <c:v>10.496364912850407</c:v>
                </c:pt>
                <c:pt idx="6781">
                  <c:v>10.496364912850407</c:v>
                </c:pt>
                <c:pt idx="6782">
                  <c:v>10.496364912850407</c:v>
                </c:pt>
                <c:pt idx="6783">
                  <c:v>10.496364912850407</c:v>
                </c:pt>
                <c:pt idx="6784">
                  <c:v>10.496364912850407</c:v>
                </c:pt>
                <c:pt idx="6785">
                  <c:v>10.496364912850407</c:v>
                </c:pt>
                <c:pt idx="6786">
                  <c:v>10.496364912850407</c:v>
                </c:pt>
                <c:pt idx="6787">
                  <c:v>8.7469707607086722</c:v>
                </c:pt>
                <c:pt idx="6788">
                  <c:v>6.9975766085669386</c:v>
                </c:pt>
                <c:pt idx="6789">
                  <c:v>5.2481824564252033</c:v>
                </c:pt>
                <c:pt idx="6790">
                  <c:v>5.2481824564252033</c:v>
                </c:pt>
                <c:pt idx="6791">
                  <c:v>5.2481824564252033</c:v>
                </c:pt>
                <c:pt idx="6792">
                  <c:v>5.2691484526736048</c:v>
                </c:pt>
                <c:pt idx="6793">
                  <c:v>5.2691484526736048</c:v>
                </c:pt>
                <c:pt idx="6794">
                  <c:v>5.2691484526736048</c:v>
                </c:pt>
                <c:pt idx="6795">
                  <c:v>5.2691484526736048</c:v>
                </c:pt>
                <c:pt idx="6796">
                  <c:v>5.2691484526736048</c:v>
                </c:pt>
                <c:pt idx="6797">
                  <c:v>6.7913468945570905</c:v>
                </c:pt>
                <c:pt idx="6798">
                  <c:v>7.8451765850918127</c:v>
                </c:pt>
                <c:pt idx="6799">
                  <c:v>7.8451765850918127</c:v>
                </c:pt>
                <c:pt idx="6800">
                  <c:v>7.8451765850918127</c:v>
                </c:pt>
                <c:pt idx="6801">
                  <c:v>8.4306375242777687</c:v>
                </c:pt>
                <c:pt idx="6802">
                  <c:v>9.1331906513009145</c:v>
                </c:pt>
                <c:pt idx="6803">
                  <c:v>10.53829690534721</c:v>
                </c:pt>
                <c:pt idx="6804">
                  <c:v>10.53829690534721</c:v>
                </c:pt>
                <c:pt idx="6805">
                  <c:v>10.53829690534721</c:v>
                </c:pt>
                <c:pt idx="6806">
                  <c:v>10.53829690534721</c:v>
                </c:pt>
                <c:pt idx="6807">
                  <c:v>10.53829690534721</c:v>
                </c:pt>
                <c:pt idx="6808">
                  <c:v>10.53829690534721</c:v>
                </c:pt>
                <c:pt idx="6809">
                  <c:v>10.53829690534721</c:v>
                </c:pt>
                <c:pt idx="6810">
                  <c:v>10.53829690534721</c:v>
                </c:pt>
                <c:pt idx="6811">
                  <c:v>8.7819140877893407</c:v>
                </c:pt>
                <c:pt idx="6812">
                  <c:v>7.0255312702314736</c:v>
                </c:pt>
                <c:pt idx="6813">
                  <c:v>5.2691484526736048</c:v>
                </c:pt>
                <c:pt idx="6814">
                  <c:v>5.2691484526736048</c:v>
                </c:pt>
                <c:pt idx="6815">
                  <c:v>5.2691484526736048</c:v>
                </c:pt>
                <c:pt idx="6816">
                  <c:v>5.8148454122389888</c:v>
                </c:pt>
                <c:pt idx="6817">
                  <c:v>5.8148454122389888</c:v>
                </c:pt>
                <c:pt idx="6818">
                  <c:v>5.8148454122389888</c:v>
                </c:pt>
                <c:pt idx="6819">
                  <c:v>5.8148454122389888</c:v>
                </c:pt>
                <c:pt idx="6820">
                  <c:v>5.8148454122389888</c:v>
                </c:pt>
                <c:pt idx="6821">
                  <c:v>7.4946896424413643</c:v>
                </c:pt>
                <c:pt idx="6822">
                  <c:v>9.045315085705095</c:v>
                </c:pt>
                <c:pt idx="6823">
                  <c:v>9.045315085705095</c:v>
                </c:pt>
                <c:pt idx="6824">
                  <c:v>9.045315085705095</c:v>
                </c:pt>
                <c:pt idx="6825">
                  <c:v>9.6914090203983161</c:v>
                </c:pt>
                <c:pt idx="6826">
                  <c:v>10.079065381214249</c:v>
                </c:pt>
                <c:pt idx="6827">
                  <c:v>11.629690824477978</c:v>
                </c:pt>
                <c:pt idx="6828">
                  <c:v>11.629690824477978</c:v>
                </c:pt>
                <c:pt idx="6829">
                  <c:v>11.629690824477978</c:v>
                </c:pt>
                <c:pt idx="6830">
                  <c:v>11.629690824477978</c:v>
                </c:pt>
                <c:pt idx="6831">
                  <c:v>9.6914090203983161</c:v>
                </c:pt>
                <c:pt idx="6832">
                  <c:v>9.1745338726437407</c:v>
                </c:pt>
                <c:pt idx="6833">
                  <c:v>9.1745338726437407</c:v>
                </c:pt>
                <c:pt idx="6834">
                  <c:v>9.1745338726437407</c:v>
                </c:pt>
                <c:pt idx="6835">
                  <c:v>9.1745338726437407</c:v>
                </c:pt>
                <c:pt idx="6836">
                  <c:v>7.1070332816254309</c:v>
                </c:pt>
                <c:pt idx="6837">
                  <c:v>2.7135945257115281</c:v>
                </c:pt>
                <c:pt idx="6838">
                  <c:v>2.7135945257115281</c:v>
                </c:pt>
                <c:pt idx="6839">
                  <c:v>2.7135945257115281</c:v>
                </c:pt>
                <c:pt idx="6840">
                  <c:v>3.9533826305752249</c:v>
                </c:pt>
                <c:pt idx="6841">
                  <c:v>7.7185089454087743</c:v>
                </c:pt>
                <c:pt idx="6842">
                  <c:v>7.7185089454087743</c:v>
                </c:pt>
                <c:pt idx="6843">
                  <c:v>7.7185089454087743</c:v>
                </c:pt>
                <c:pt idx="6844">
                  <c:v>7.7185089454087743</c:v>
                </c:pt>
                <c:pt idx="6845">
                  <c:v>9.6010721028255492</c:v>
                </c:pt>
                <c:pt idx="6846">
                  <c:v>12.048404207467355</c:v>
                </c:pt>
                <c:pt idx="6847">
                  <c:v>13.742711049142452</c:v>
                </c:pt>
                <c:pt idx="6848">
                  <c:v>13.742711049142452</c:v>
                </c:pt>
                <c:pt idx="6849">
                  <c:v>13.742711049142452</c:v>
                </c:pt>
                <c:pt idx="6850">
                  <c:v>13.742711049142452</c:v>
                </c:pt>
                <c:pt idx="6851">
                  <c:v>13.742711049142452</c:v>
                </c:pt>
                <c:pt idx="6852">
                  <c:v>13.742711049142452</c:v>
                </c:pt>
                <c:pt idx="6853">
                  <c:v>13.742711049142452</c:v>
                </c:pt>
                <c:pt idx="6854">
                  <c:v>13.742711049142452</c:v>
                </c:pt>
                <c:pt idx="6855">
                  <c:v>12.424916838950708</c:v>
                </c:pt>
                <c:pt idx="6856">
                  <c:v>11.295378944500644</c:v>
                </c:pt>
                <c:pt idx="6857">
                  <c:v>10.165841050050581</c:v>
                </c:pt>
                <c:pt idx="6858">
                  <c:v>9.7893284185672229</c:v>
                </c:pt>
                <c:pt idx="6859">
                  <c:v>7.9067652611504498</c:v>
                </c:pt>
                <c:pt idx="6860">
                  <c:v>5.8359457879919985</c:v>
                </c:pt>
                <c:pt idx="6861">
                  <c:v>5.8359457879919985</c:v>
                </c:pt>
                <c:pt idx="6862">
                  <c:v>5.8359457879919985</c:v>
                </c:pt>
                <c:pt idx="6863">
                  <c:v>5.8359457879919985</c:v>
                </c:pt>
                <c:pt idx="6864">
                  <c:v>6.7533247559450835</c:v>
                </c:pt>
                <c:pt idx="6865">
                  <c:v>7.8425706843233245</c:v>
                </c:pt>
                <c:pt idx="6866">
                  <c:v>7.8425706843233245</c:v>
                </c:pt>
                <c:pt idx="6867">
                  <c:v>7.8425706843233245</c:v>
                </c:pt>
                <c:pt idx="6868">
                  <c:v>7.8425706843233245</c:v>
                </c:pt>
                <c:pt idx="6869">
                  <c:v>9.8032133554041536</c:v>
                </c:pt>
                <c:pt idx="6870">
                  <c:v>11.546006840809337</c:v>
                </c:pt>
                <c:pt idx="6871">
                  <c:v>13.724498697565817</c:v>
                </c:pt>
                <c:pt idx="6872">
                  <c:v>13.724498697565817</c:v>
                </c:pt>
                <c:pt idx="6873">
                  <c:v>13.724498697565817</c:v>
                </c:pt>
                <c:pt idx="6874">
                  <c:v>13.724498697565817</c:v>
                </c:pt>
                <c:pt idx="6875">
                  <c:v>13.724498697565817</c:v>
                </c:pt>
                <c:pt idx="6876">
                  <c:v>13.724498697565817</c:v>
                </c:pt>
                <c:pt idx="6877">
                  <c:v>13.724498697565817</c:v>
                </c:pt>
                <c:pt idx="6878">
                  <c:v>13.724498697565817</c:v>
                </c:pt>
                <c:pt idx="6879">
                  <c:v>12.199554397836282</c:v>
                </c:pt>
                <c:pt idx="6880">
                  <c:v>11.981705212160634</c:v>
                </c:pt>
                <c:pt idx="6881">
                  <c:v>10.238911726755452</c:v>
                </c:pt>
                <c:pt idx="6882">
                  <c:v>9.5853641697285088</c:v>
                </c:pt>
                <c:pt idx="6883">
                  <c:v>8.0604198699989738</c:v>
                </c:pt>
                <c:pt idx="6884">
                  <c:v>6.7533247559450835</c:v>
                </c:pt>
                <c:pt idx="6885">
                  <c:v>5.8819280132424927</c:v>
                </c:pt>
                <c:pt idx="6886">
                  <c:v>5.8819280132424927</c:v>
                </c:pt>
                <c:pt idx="6887">
                  <c:v>5.8819280132424927</c:v>
                </c:pt>
                <c:pt idx="6888">
                  <c:v>1.8303811280798099</c:v>
                </c:pt>
                <c:pt idx="6889">
                  <c:v>1.8303811280798099</c:v>
                </c:pt>
                <c:pt idx="6890">
                  <c:v>1.8303811280798099</c:v>
                </c:pt>
                <c:pt idx="6891">
                  <c:v>1.8303811280798099</c:v>
                </c:pt>
                <c:pt idx="6892">
                  <c:v>1.8303811280798099</c:v>
                </c:pt>
                <c:pt idx="6893">
                  <c:v>7.9316515550125102</c:v>
                </c:pt>
                <c:pt idx="6894">
                  <c:v>8.9993738797257326</c:v>
                </c:pt>
                <c:pt idx="6895">
                  <c:v>8.9993738797257326</c:v>
                </c:pt>
                <c:pt idx="6896">
                  <c:v>8.9993738797257326</c:v>
                </c:pt>
                <c:pt idx="6897">
                  <c:v>9.609500922419004</c:v>
                </c:pt>
                <c:pt idx="6898">
                  <c:v>9.609500922419004</c:v>
                </c:pt>
                <c:pt idx="6899">
                  <c:v>12.202540853865402</c:v>
                </c:pt>
                <c:pt idx="6900">
                  <c:v>12.202540853865402</c:v>
                </c:pt>
                <c:pt idx="6901">
                  <c:v>8.0841833156858289</c:v>
                </c:pt>
                <c:pt idx="6902">
                  <c:v>12.202540853865402</c:v>
                </c:pt>
                <c:pt idx="6903">
                  <c:v>12.202540853865402</c:v>
                </c:pt>
                <c:pt idx="6904">
                  <c:v>12.202540853865402</c:v>
                </c:pt>
                <c:pt idx="6905">
                  <c:v>12.202540853865402</c:v>
                </c:pt>
                <c:pt idx="6906">
                  <c:v>12.202540853865402</c:v>
                </c:pt>
                <c:pt idx="6907">
                  <c:v>10.219627965112272</c:v>
                </c:pt>
                <c:pt idx="6908">
                  <c:v>8.3892468370324611</c:v>
                </c:pt>
                <c:pt idx="6909">
                  <c:v>6.1012704269327012</c:v>
                </c:pt>
                <c:pt idx="6910">
                  <c:v>5.7962069055860646</c:v>
                </c:pt>
                <c:pt idx="6911">
                  <c:v>5.7962069055860646</c:v>
                </c:pt>
                <c:pt idx="6912">
                  <c:v>5.4159383725760906</c:v>
                </c:pt>
                <c:pt idx="6913">
                  <c:v>5.4159383725760906</c:v>
                </c:pt>
                <c:pt idx="6914">
                  <c:v>5.4159383725760906</c:v>
                </c:pt>
                <c:pt idx="6915">
                  <c:v>5.4159383725760906</c:v>
                </c:pt>
                <c:pt idx="6916">
                  <c:v>5.4159383725760906</c:v>
                </c:pt>
                <c:pt idx="6917">
                  <c:v>7.0407198843489169</c:v>
                </c:pt>
                <c:pt idx="6918">
                  <c:v>7.8531106402353297</c:v>
                </c:pt>
                <c:pt idx="6919">
                  <c:v>8.1239075588641363</c:v>
                </c:pt>
                <c:pt idx="6920">
                  <c:v>8.1239075588641363</c:v>
                </c:pt>
                <c:pt idx="6921">
                  <c:v>8.8008998554361462</c:v>
                </c:pt>
                <c:pt idx="6922">
                  <c:v>9.2070952333793521</c:v>
                </c:pt>
                <c:pt idx="6923">
                  <c:v>10.831876745152181</c:v>
                </c:pt>
                <c:pt idx="6924">
                  <c:v>10.831876745152181</c:v>
                </c:pt>
                <c:pt idx="6925">
                  <c:v>10.831876745152181</c:v>
                </c:pt>
                <c:pt idx="6926">
                  <c:v>10.831876745152181</c:v>
                </c:pt>
                <c:pt idx="6927">
                  <c:v>10.831876745152181</c:v>
                </c:pt>
                <c:pt idx="6928">
                  <c:v>10.831876745152181</c:v>
                </c:pt>
                <c:pt idx="6929">
                  <c:v>10.831876745152181</c:v>
                </c:pt>
                <c:pt idx="6930">
                  <c:v>10.831876745152181</c:v>
                </c:pt>
                <c:pt idx="6931">
                  <c:v>9.0716967740649519</c:v>
                </c:pt>
                <c:pt idx="6932">
                  <c:v>7.4469152622921237</c:v>
                </c:pt>
                <c:pt idx="6933">
                  <c:v>5.4159383725760906</c:v>
                </c:pt>
                <c:pt idx="6934">
                  <c:v>5.4159383725760906</c:v>
                </c:pt>
                <c:pt idx="6935">
                  <c:v>5.4159383725760906</c:v>
                </c:pt>
                <c:pt idx="6936">
                  <c:v>4.7180129853850268</c:v>
                </c:pt>
                <c:pt idx="6937">
                  <c:v>5.3077646085581547</c:v>
                </c:pt>
                <c:pt idx="6938">
                  <c:v>5.3077646085581547</c:v>
                </c:pt>
                <c:pt idx="6939">
                  <c:v>5.3077646085581547</c:v>
                </c:pt>
                <c:pt idx="6940">
                  <c:v>5.3077646085581547</c:v>
                </c:pt>
                <c:pt idx="6941">
                  <c:v>6.8411188288082885</c:v>
                </c:pt>
                <c:pt idx="6942">
                  <c:v>7.9026717505199207</c:v>
                </c:pt>
                <c:pt idx="6943">
                  <c:v>7.9026717505199207</c:v>
                </c:pt>
                <c:pt idx="6944">
                  <c:v>7.9026717505199207</c:v>
                </c:pt>
                <c:pt idx="6945">
                  <c:v>8.4924233736930486</c:v>
                </c:pt>
                <c:pt idx="6946">
                  <c:v>9.2001253215008028</c:v>
                </c:pt>
                <c:pt idx="6947">
                  <c:v>10.615529217116309</c:v>
                </c:pt>
                <c:pt idx="6948">
                  <c:v>10.615529217116309</c:v>
                </c:pt>
                <c:pt idx="6949">
                  <c:v>10.615529217116309</c:v>
                </c:pt>
                <c:pt idx="6950">
                  <c:v>10.615529217116309</c:v>
                </c:pt>
                <c:pt idx="6951">
                  <c:v>10.615529217116309</c:v>
                </c:pt>
                <c:pt idx="6952">
                  <c:v>10.615529217116309</c:v>
                </c:pt>
                <c:pt idx="6953">
                  <c:v>10.615529217116309</c:v>
                </c:pt>
                <c:pt idx="6954">
                  <c:v>10.615529217116309</c:v>
                </c:pt>
                <c:pt idx="6955">
                  <c:v>8.8462743475969248</c:v>
                </c:pt>
                <c:pt idx="6956">
                  <c:v>7.0770194780775411</c:v>
                </c:pt>
                <c:pt idx="6957">
                  <c:v>5.3077646085581547</c:v>
                </c:pt>
                <c:pt idx="6958">
                  <c:v>5.3077646085581547</c:v>
                </c:pt>
                <c:pt idx="6959">
                  <c:v>5.3077646085581547</c:v>
                </c:pt>
                <c:pt idx="6960">
                  <c:v>5.3656713556864002</c:v>
                </c:pt>
                <c:pt idx="6961">
                  <c:v>5.3656713556864002</c:v>
                </c:pt>
                <c:pt idx="6962">
                  <c:v>5.3656713556864002</c:v>
                </c:pt>
                <c:pt idx="6963">
                  <c:v>5.3656713556864002</c:v>
                </c:pt>
                <c:pt idx="6964">
                  <c:v>5.3656713556864002</c:v>
                </c:pt>
                <c:pt idx="6965">
                  <c:v>6.9157541917735825</c:v>
                </c:pt>
                <c:pt idx="6966">
                  <c:v>7.9888884629108645</c:v>
                </c:pt>
                <c:pt idx="6967">
                  <c:v>7.9888884629108645</c:v>
                </c:pt>
                <c:pt idx="6968">
                  <c:v>7.9888884629108645</c:v>
                </c:pt>
                <c:pt idx="6969">
                  <c:v>8.5850741690982417</c:v>
                </c:pt>
                <c:pt idx="6970">
                  <c:v>9.300497016523094</c:v>
                </c:pt>
                <c:pt idx="6971">
                  <c:v>10.7313427113728</c:v>
                </c:pt>
                <c:pt idx="6972">
                  <c:v>10.7313427113728</c:v>
                </c:pt>
                <c:pt idx="6973">
                  <c:v>10.7313427113728</c:v>
                </c:pt>
                <c:pt idx="6974">
                  <c:v>10.7313427113728</c:v>
                </c:pt>
                <c:pt idx="6975">
                  <c:v>10.7313427113728</c:v>
                </c:pt>
                <c:pt idx="6976">
                  <c:v>10.7313427113728</c:v>
                </c:pt>
                <c:pt idx="6977">
                  <c:v>10.7313427113728</c:v>
                </c:pt>
                <c:pt idx="6978">
                  <c:v>10.7313427113728</c:v>
                </c:pt>
                <c:pt idx="6979">
                  <c:v>8.942785592810667</c:v>
                </c:pt>
                <c:pt idx="6980">
                  <c:v>7.1542284742485345</c:v>
                </c:pt>
                <c:pt idx="6981">
                  <c:v>5.3656713556864002</c:v>
                </c:pt>
                <c:pt idx="6982">
                  <c:v>5.3656713556864002</c:v>
                </c:pt>
                <c:pt idx="6983">
                  <c:v>5.3656713556864002</c:v>
                </c:pt>
                <c:pt idx="6984">
                  <c:v>6.120460769626356</c:v>
                </c:pt>
                <c:pt idx="6985">
                  <c:v>6.120460769626356</c:v>
                </c:pt>
                <c:pt idx="6986">
                  <c:v>6.120460769626356</c:v>
                </c:pt>
                <c:pt idx="6987">
                  <c:v>6.120460769626356</c:v>
                </c:pt>
                <c:pt idx="6988">
                  <c:v>6.120460769626356</c:v>
                </c:pt>
                <c:pt idx="6989">
                  <c:v>7.8885938808517482</c:v>
                </c:pt>
                <c:pt idx="6990">
                  <c:v>9.5207167527521115</c:v>
                </c:pt>
                <c:pt idx="6991">
                  <c:v>9.5207167527521115</c:v>
                </c:pt>
                <c:pt idx="6992">
                  <c:v>9.5207167527521115</c:v>
                </c:pt>
                <c:pt idx="6993">
                  <c:v>10.20076794937726</c:v>
                </c:pt>
                <c:pt idx="6994">
                  <c:v>10.608798667352351</c:v>
                </c:pt>
                <c:pt idx="6995">
                  <c:v>12.240921539252712</c:v>
                </c:pt>
                <c:pt idx="6996">
                  <c:v>12.240921539252712</c:v>
                </c:pt>
                <c:pt idx="6997">
                  <c:v>12.240921539252712</c:v>
                </c:pt>
                <c:pt idx="6998">
                  <c:v>12.240921539252712</c:v>
                </c:pt>
                <c:pt idx="6999">
                  <c:v>10.20076794937726</c:v>
                </c:pt>
                <c:pt idx="7000">
                  <c:v>9.6567269920771412</c:v>
                </c:pt>
                <c:pt idx="7001">
                  <c:v>9.6567269920771412</c:v>
                </c:pt>
                <c:pt idx="7002">
                  <c:v>9.6567269920771412</c:v>
                </c:pt>
                <c:pt idx="7003">
                  <c:v>9.6567269920771412</c:v>
                </c:pt>
                <c:pt idx="7004">
                  <c:v>7.4805631628766571</c:v>
                </c:pt>
                <c:pt idx="7005">
                  <c:v>2.8562150258256329</c:v>
                </c:pt>
                <c:pt idx="7006">
                  <c:v>2.8562150258256329</c:v>
                </c:pt>
                <c:pt idx="7007">
                  <c:v>2.8562150258256329</c:v>
                </c:pt>
                <c:pt idx="7008">
                  <c:v>4.3651698669176096</c:v>
                </c:pt>
                <c:pt idx="7009">
                  <c:v>8.522474502077241</c:v>
                </c:pt>
                <c:pt idx="7010">
                  <c:v>8.522474502077241</c:v>
                </c:pt>
                <c:pt idx="7011">
                  <c:v>8.522474502077241</c:v>
                </c:pt>
                <c:pt idx="7012">
                  <c:v>8.522474502077241</c:v>
                </c:pt>
                <c:pt idx="7013">
                  <c:v>10.601126819657056</c:v>
                </c:pt>
                <c:pt idx="7014">
                  <c:v>13.303374832510814</c:v>
                </c:pt>
                <c:pt idx="7015">
                  <c:v>15.174161918332647</c:v>
                </c:pt>
                <c:pt idx="7016">
                  <c:v>15.174161918332647</c:v>
                </c:pt>
                <c:pt idx="7017">
                  <c:v>15.174161918332647</c:v>
                </c:pt>
                <c:pt idx="7018">
                  <c:v>15.174161918332647</c:v>
                </c:pt>
                <c:pt idx="7019">
                  <c:v>15.174161918332647</c:v>
                </c:pt>
                <c:pt idx="7020">
                  <c:v>15.174161918332647</c:v>
                </c:pt>
                <c:pt idx="7021">
                  <c:v>15.174161918332647</c:v>
                </c:pt>
                <c:pt idx="7022">
                  <c:v>15.174161918332647</c:v>
                </c:pt>
                <c:pt idx="7023">
                  <c:v>13.719105296026775</c:v>
                </c:pt>
                <c:pt idx="7024">
                  <c:v>12.471913905478887</c:v>
                </c:pt>
                <c:pt idx="7025">
                  <c:v>11.224722514930999</c:v>
                </c:pt>
                <c:pt idx="7026">
                  <c:v>10.808992051415036</c:v>
                </c:pt>
                <c:pt idx="7027">
                  <c:v>8.7303397338352191</c:v>
                </c:pt>
                <c:pt idx="7028">
                  <c:v>6.4438221844974253</c:v>
                </c:pt>
                <c:pt idx="7029">
                  <c:v>6.4438221844974253</c:v>
                </c:pt>
                <c:pt idx="7030">
                  <c:v>6.4438221844974253</c:v>
                </c:pt>
                <c:pt idx="7031">
                  <c:v>6.4438221844974253</c:v>
                </c:pt>
                <c:pt idx="7032">
                  <c:v>7.268733182082622</c:v>
                </c:pt>
                <c:pt idx="7033">
                  <c:v>8.4411095017733668</c:v>
                </c:pt>
                <c:pt idx="7034">
                  <c:v>8.4411095017733668</c:v>
                </c:pt>
                <c:pt idx="7035">
                  <c:v>8.4411095017733668</c:v>
                </c:pt>
                <c:pt idx="7036">
                  <c:v>8.4411095017733668</c:v>
                </c:pt>
                <c:pt idx="7037">
                  <c:v>10.551386877216711</c:v>
                </c:pt>
                <c:pt idx="7038">
                  <c:v>12.427188988721904</c:v>
                </c:pt>
                <c:pt idx="7039">
                  <c:v>14.771941628103393</c:v>
                </c:pt>
                <c:pt idx="7040">
                  <c:v>14.771941628103393</c:v>
                </c:pt>
                <c:pt idx="7041">
                  <c:v>14.771941628103393</c:v>
                </c:pt>
                <c:pt idx="7042">
                  <c:v>14.771941628103393</c:v>
                </c:pt>
                <c:pt idx="7043">
                  <c:v>14.771941628103393</c:v>
                </c:pt>
                <c:pt idx="7044">
                  <c:v>14.771941628103393</c:v>
                </c:pt>
                <c:pt idx="7045">
                  <c:v>14.771941628103393</c:v>
                </c:pt>
                <c:pt idx="7046">
                  <c:v>14.771941628103393</c:v>
                </c:pt>
                <c:pt idx="7047">
                  <c:v>13.130614780536348</c:v>
                </c:pt>
                <c:pt idx="7048">
                  <c:v>12.8961395165982</c:v>
                </c:pt>
                <c:pt idx="7049">
                  <c:v>11.020337405093009</c:v>
                </c:pt>
                <c:pt idx="7050">
                  <c:v>10.316911613278561</c:v>
                </c:pt>
                <c:pt idx="7051">
                  <c:v>8.6755847657115179</c:v>
                </c:pt>
                <c:pt idx="7052">
                  <c:v>7.268733182082622</c:v>
                </c:pt>
                <c:pt idx="7053">
                  <c:v>6.3308321263300256</c:v>
                </c:pt>
                <c:pt idx="7054">
                  <c:v>6.3308321263300256</c:v>
                </c:pt>
                <c:pt idx="7055">
                  <c:v>6.3308321263300256</c:v>
                </c:pt>
                <c:pt idx="7056">
                  <c:v>1.8316510530969667</c:v>
                </c:pt>
                <c:pt idx="7057">
                  <c:v>1.8316510530969667</c:v>
                </c:pt>
                <c:pt idx="7058">
                  <c:v>1.8316510530969667</c:v>
                </c:pt>
                <c:pt idx="7059">
                  <c:v>1.8316510530969667</c:v>
                </c:pt>
                <c:pt idx="7060">
                  <c:v>1.8316510530969667</c:v>
                </c:pt>
                <c:pt idx="7061">
                  <c:v>7.9371545634201892</c:v>
                </c:pt>
                <c:pt idx="7062">
                  <c:v>9.0056176777267538</c:v>
                </c:pt>
                <c:pt idx="7063">
                  <c:v>9.0056176777267538</c:v>
                </c:pt>
                <c:pt idx="7064">
                  <c:v>9.0056176777267538</c:v>
                </c:pt>
                <c:pt idx="7065">
                  <c:v>9.6161680287590752</c:v>
                </c:pt>
                <c:pt idx="7066">
                  <c:v>9.6161680287590752</c:v>
                </c:pt>
                <c:pt idx="7067">
                  <c:v>12.211007020646448</c:v>
                </c:pt>
                <c:pt idx="7068">
                  <c:v>12.211007020646448</c:v>
                </c:pt>
                <c:pt idx="7069">
                  <c:v>8.0897921511782709</c:v>
                </c:pt>
                <c:pt idx="7070">
                  <c:v>12.211007020646448</c:v>
                </c:pt>
                <c:pt idx="7071">
                  <c:v>12.211007020646448</c:v>
                </c:pt>
                <c:pt idx="7072">
                  <c:v>12.211007020646448</c:v>
                </c:pt>
                <c:pt idx="7073">
                  <c:v>12.211007020646448</c:v>
                </c:pt>
                <c:pt idx="7074">
                  <c:v>12.211007020646448</c:v>
                </c:pt>
                <c:pt idx="7075">
                  <c:v>10.226718379791398</c:v>
                </c:pt>
                <c:pt idx="7076">
                  <c:v>8.3950673266944325</c:v>
                </c:pt>
                <c:pt idx="7077">
                  <c:v>6.1055035103232242</c:v>
                </c:pt>
                <c:pt idx="7078">
                  <c:v>5.8002283348070627</c:v>
                </c:pt>
                <c:pt idx="7079">
                  <c:v>5.8002283348070627</c:v>
                </c:pt>
                <c:pt idx="7080">
                  <c:v>5.3158032470017833</c:v>
                </c:pt>
                <c:pt idx="7081">
                  <c:v>5.3158032470017833</c:v>
                </c:pt>
                <c:pt idx="7082">
                  <c:v>5.3158032470017833</c:v>
                </c:pt>
                <c:pt idx="7083">
                  <c:v>5.3158032470017833</c:v>
                </c:pt>
                <c:pt idx="7084">
                  <c:v>5.3158032470017833</c:v>
                </c:pt>
                <c:pt idx="7085">
                  <c:v>6.9105442211023185</c:v>
                </c:pt>
                <c:pt idx="7086">
                  <c:v>7.7079147081525861</c:v>
                </c:pt>
                <c:pt idx="7087">
                  <c:v>7.9737048705026758</c:v>
                </c:pt>
                <c:pt idx="7088">
                  <c:v>7.9737048705026758</c:v>
                </c:pt>
                <c:pt idx="7089">
                  <c:v>8.6381802763778985</c:v>
                </c:pt>
                <c:pt idx="7090">
                  <c:v>9.0368655199030314</c:v>
                </c:pt>
                <c:pt idx="7091">
                  <c:v>10.631606494003567</c:v>
                </c:pt>
                <c:pt idx="7092">
                  <c:v>10.631606494003567</c:v>
                </c:pt>
                <c:pt idx="7093">
                  <c:v>10.631606494003567</c:v>
                </c:pt>
                <c:pt idx="7094">
                  <c:v>10.631606494003567</c:v>
                </c:pt>
                <c:pt idx="7095">
                  <c:v>10.631606494003567</c:v>
                </c:pt>
                <c:pt idx="7096">
                  <c:v>10.631606494003567</c:v>
                </c:pt>
                <c:pt idx="7097">
                  <c:v>10.631606494003567</c:v>
                </c:pt>
                <c:pt idx="7098">
                  <c:v>10.631606494003567</c:v>
                </c:pt>
                <c:pt idx="7099">
                  <c:v>8.9039704387279883</c:v>
                </c:pt>
                <c:pt idx="7100">
                  <c:v>7.3092294646274523</c:v>
                </c:pt>
                <c:pt idx="7101">
                  <c:v>5.3158032470017833</c:v>
                </c:pt>
                <c:pt idx="7102">
                  <c:v>5.3158032470017833</c:v>
                </c:pt>
                <c:pt idx="7103">
                  <c:v>5.3158032470017833</c:v>
                </c:pt>
                <c:pt idx="7104">
                  <c:v>4.7511141810144446</c:v>
                </c:pt>
                <c:pt idx="7105">
                  <c:v>5.345003453641251</c:v>
                </c:pt>
                <c:pt idx="7106">
                  <c:v>5.345003453641251</c:v>
                </c:pt>
                <c:pt idx="7107">
                  <c:v>5.345003453641251</c:v>
                </c:pt>
                <c:pt idx="7108">
                  <c:v>5.345003453641251</c:v>
                </c:pt>
                <c:pt idx="7109">
                  <c:v>6.8891155624709457</c:v>
                </c:pt>
                <c:pt idx="7110">
                  <c:v>7.9581162531991954</c:v>
                </c:pt>
                <c:pt idx="7111">
                  <c:v>7.9581162531991954</c:v>
                </c:pt>
                <c:pt idx="7112">
                  <c:v>7.9581162531991954</c:v>
                </c:pt>
                <c:pt idx="7113">
                  <c:v>8.5520055258260008</c:v>
                </c:pt>
                <c:pt idx="7114">
                  <c:v>9.2646726529781684</c:v>
                </c:pt>
                <c:pt idx="7115">
                  <c:v>10.690006907282502</c:v>
                </c:pt>
                <c:pt idx="7116">
                  <c:v>10.690006907282502</c:v>
                </c:pt>
                <c:pt idx="7117">
                  <c:v>10.690006907282502</c:v>
                </c:pt>
                <c:pt idx="7118">
                  <c:v>10.690006907282502</c:v>
                </c:pt>
                <c:pt idx="7119">
                  <c:v>10.690006907282502</c:v>
                </c:pt>
                <c:pt idx="7120">
                  <c:v>10.690006907282502</c:v>
                </c:pt>
                <c:pt idx="7121">
                  <c:v>10.690006907282502</c:v>
                </c:pt>
                <c:pt idx="7122">
                  <c:v>10.690006907282502</c:v>
                </c:pt>
                <c:pt idx="7123">
                  <c:v>8.9083390894020855</c:v>
                </c:pt>
                <c:pt idx="7124">
                  <c:v>7.1266712715216682</c:v>
                </c:pt>
                <c:pt idx="7125">
                  <c:v>5.345003453641251</c:v>
                </c:pt>
                <c:pt idx="7126">
                  <c:v>5.345003453641251</c:v>
                </c:pt>
                <c:pt idx="7127">
                  <c:v>5.345003453641251</c:v>
                </c:pt>
                <c:pt idx="7128">
                  <c:v>5.3619589363397555</c:v>
                </c:pt>
                <c:pt idx="7129">
                  <c:v>5.3619589363397555</c:v>
                </c:pt>
                <c:pt idx="7130">
                  <c:v>5.3619589363397555</c:v>
                </c:pt>
                <c:pt idx="7131">
                  <c:v>5.3619589363397555</c:v>
                </c:pt>
                <c:pt idx="7132">
                  <c:v>5.3619589363397555</c:v>
                </c:pt>
                <c:pt idx="7133">
                  <c:v>6.9109692957267956</c:v>
                </c:pt>
                <c:pt idx="7134">
                  <c:v>7.9833610829947474</c:v>
                </c:pt>
                <c:pt idx="7135">
                  <c:v>7.9833610829947474</c:v>
                </c:pt>
                <c:pt idx="7136">
                  <c:v>7.9833610829947474</c:v>
                </c:pt>
                <c:pt idx="7137">
                  <c:v>8.5791342981436092</c:v>
                </c:pt>
                <c:pt idx="7138">
                  <c:v>9.2940621563222425</c:v>
                </c:pt>
                <c:pt idx="7139">
                  <c:v>10.723917872679511</c:v>
                </c:pt>
                <c:pt idx="7140">
                  <c:v>10.723917872679511</c:v>
                </c:pt>
                <c:pt idx="7141">
                  <c:v>10.723917872679511</c:v>
                </c:pt>
                <c:pt idx="7142">
                  <c:v>10.723917872679511</c:v>
                </c:pt>
                <c:pt idx="7143">
                  <c:v>10.723917872679511</c:v>
                </c:pt>
                <c:pt idx="7144">
                  <c:v>10.723917872679511</c:v>
                </c:pt>
                <c:pt idx="7145">
                  <c:v>10.723917872679511</c:v>
                </c:pt>
                <c:pt idx="7146">
                  <c:v>10.723917872679511</c:v>
                </c:pt>
                <c:pt idx="7147">
                  <c:v>8.9365982272329276</c:v>
                </c:pt>
                <c:pt idx="7148">
                  <c:v>7.1492785817863407</c:v>
                </c:pt>
                <c:pt idx="7149">
                  <c:v>5.3619589363397555</c:v>
                </c:pt>
                <c:pt idx="7150">
                  <c:v>5.3619589363397555</c:v>
                </c:pt>
                <c:pt idx="7151">
                  <c:v>5.3619589363397555</c:v>
                </c:pt>
                <c:pt idx="7152">
                  <c:v>6.0762214854570358</c:v>
                </c:pt>
                <c:pt idx="7153">
                  <c:v>6.0762214854570358</c:v>
                </c:pt>
                <c:pt idx="7154">
                  <c:v>6.0762214854570358</c:v>
                </c:pt>
                <c:pt idx="7155">
                  <c:v>6.0762214854570358</c:v>
                </c:pt>
                <c:pt idx="7156">
                  <c:v>6.0762214854570358</c:v>
                </c:pt>
                <c:pt idx="7157">
                  <c:v>7.831574359033513</c:v>
                </c:pt>
                <c:pt idx="7158">
                  <c:v>9.4519000884887223</c:v>
                </c:pt>
                <c:pt idx="7159">
                  <c:v>9.4519000884887223</c:v>
                </c:pt>
                <c:pt idx="7160">
                  <c:v>9.4519000884887223</c:v>
                </c:pt>
                <c:pt idx="7161">
                  <c:v>10.127035809095062</c:v>
                </c:pt>
                <c:pt idx="7162">
                  <c:v>10.532117241458861</c:v>
                </c:pt>
                <c:pt idx="7163">
                  <c:v>12.152442970914072</c:v>
                </c:pt>
                <c:pt idx="7164">
                  <c:v>12.152442970914072</c:v>
                </c:pt>
                <c:pt idx="7165">
                  <c:v>12.152442970914072</c:v>
                </c:pt>
                <c:pt idx="7166">
                  <c:v>12.152442970914072</c:v>
                </c:pt>
                <c:pt idx="7167">
                  <c:v>10.127035809095062</c:v>
                </c:pt>
                <c:pt idx="7168">
                  <c:v>9.5869272326099928</c:v>
                </c:pt>
                <c:pt idx="7169">
                  <c:v>9.5869272326099928</c:v>
                </c:pt>
                <c:pt idx="7170">
                  <c:v>9.5869272326099928</c:v>
                </c:pt>
                <c:pt idx="7171">
                  <c:v>9.5869272326099928</c:v>
                </c:pt>
                <c:pt idx="7172">
                  <c:v>7.4264929266697104</c:v>
                </c:pt>
                <c:pt idx="7173">
                  <c:v>2.8355700265466171</c:v>
                </c:pt>
                <c:pt idx="7174">
                  <c:v>2.8355700265466171</c:v>
                </c:pt>
                <c:pt idx="7175">
                  <c:v>2.8355700265466171</c:v>
                </c:pt>
                <c:pt idx="7176">
                  <c:v>4.3978513936114512</c:v>
                </c:pt>
                <c:pt idx="7177">
                  <c:v>8.5862812922890264</c:v>
                </c:pt>
                <c:pt idx="7178">
                  <c:v>8.5862812922890264</c:v>
                </c:pt>
                <c:pt idx="7179">
                  <c:v>8.5862812922890264</c:v>
                </c:pt>
                <c:pt idx="7180">
                  <c:v>8.5862812922890264</c:v>
                </c:pt>
                <c:pt idx="7181">
                  <c:v>10.680496241627813</c:v>
                </c:pt>
                <c:pt idx="7182">
                  <c:v>13.402975675768234</c:v>
                </c:pt>
                <c:pt idx="7183">
                  <c:v>15.287769130173142</c:v>
                </c:pt>
                <c:pt idx="7184">
                  <c:v>15.287769130173142</c:v>
                </c:pt>
                <c:pt idx="7185">
                  <c:v>15.287769130173142</c:v>
                </c:pt>
                <c:pt idx="7186">
                  <c:v>15.287769130173142</c:v>
                </c:pt>
                <c:pt idx="7187">
                  <c:v>15.287769130173142</c:v>
                </c:pt>
                <c:pt idx="7188">
                  <c:v>15.287769130173142</c:v>
                </c:pt>
                <c:pt idx="7189">
                  <c:v>15.287769130173142</c:v>
                </c:pt>
                <c:pt idx="7190">
                  <c:v>15.287769130173142</c:v>
                </c:pt>
                <c:pt idx="7191">
                  <c:v>13.821818665635991</c:v>
                </c:pt>
                <c:pt idx="7192">
                  <c:v>12.565289696032719</c:v>
                </c:pt>
                <c:pt idx="7193">
                  <c:v>11.308760726429448</c:v>
                </c:pt>
                <c:pt idx="7194">
                  <c:v>10.88991773656169</c:v>
                </c:pt>
                <c:pt idx="7195">
                  <c:v>8.7957027872229023</c:v>
                </c:pt>
                <c:pt idx="7196">
                  <c:v>6.4920663429502374</c:v>
                </c:pt>
                <c:pt idx="7197">
                  <c:v>6.4920663429502374</c:v>
                </c:pt>
                <c:pt idx="7198">
                  <c:v>6.4920663429502374</c:v>
                </c:pt>
                <c:pt idx="7199">
                  <c:v>6.4920663429502374</c:v>
                </c:pt>
                <c:pt idx="7200">
                  <c:v>7.575785010419879</c:v>
                </c:pt>
                <c:pt idx="7201">
                  <c:v>8.7976858185521163</c:v>
                </c:pt>
                <c:pt idx="7202">
                  <c:v>8.7976858185521163</c:v>
                </c:pt>
                <c:pt idx="7203">
                  <c:v>8.7976858185521163</c:v>
                </c:pt>
                <c:pt idx="7204">
                  <c:v>8.7976858185521163</c:v>
                </c:pt>
                <c:pt idx="7205">
                  <c:v>10.997107273190146</c:v>
                </c:pt>
                <c:pt idx="7206">
                  <c:v>12.952148566201727</c:v>
                </c:pt>
                <c:pt idx="7207">
                  <c:v>15.395950182466205</c:v>
                </c:pt>
                <c:pt idx="7208">
                  <c:v>15.395950182466205</c:v>
                </c:pt>
                <c:pt idx="7209">
                  <c:v>15.395950182466205</c:v>
                </c:pt>
                <c:pt idx="7210">
                  <c:v>15.395950182466205</c:v>
                </c:pt>
                <c:pt idx="7211">
                  <c:v>15.395950182466205</c:v>
                </c:pt>
                <c:pt idx="7212">
                  <c:v>15.395950182466205</c:v>
                </c:pt>
                <c:pt idx="7213">
                  <c:v>15.395950182466205</c:v>
                </c:pt>
                <c:pt idx="7214">
                  <c:v>15.395950182466205</c:v>
                </c:pt>
                <c:pt idx="7215">
                  <c:v>13.685289051081071</c:v>
                </c:pt>
                <c:pt idx="7216">
                  <c:v>13.440908889454624</c:v>
                </c:pt>
                <c:pt idx="7217">
                  <c:v>11.485867596443043</c:v>
                </c:pt>
                <c:pt idx="7218">
                  <c:v>10.752727111563699</c:v>
                </c:pt>
                <c:pt idx="7219">
                  <c:v>9.042065980178565</c:v>
                </c:pt>
                <c:pt idx="7220">
                  <c:v>7.575785010419879</c:v>
                </c:pt>
                <c:pt idx="7221">
                  <c:v>6.5982643639140885</c:v>
                </c:pt>
                <c:pt idx="7222">
                  <c:v>6.5982643639140885</c:v>
                </c:pt>
                <c:pt idx="7223">
                  <c:v>6.5982643639140885</c:v>
                </c:pt>
                <c:pt idx="7224">
                  <c:v>1.9505724117831602</c:v>
                </c:pt>
                <c:pt idx="7225">
                  <c:v>1.9505724117831602</c:v>
                </c:pt>
                <c:pt idx="7226">
                  <c:v>1.9505724117831602</c:v>
                </c:pt>
                <c:pt idx="7227">
                  <c:v>1.9505724117831602</c:v>
                </c:pt>
                <c:pt idx="7228">
                  <c:v>1.9505724117831602</c:v>
                </c:pt>
                <c:pt idx="7229">
                  <c:v>8.4524804510603602</c:v>
                </c:pt>
                <c:pt idx="7230">
                  <c:v>9.5903143579338703</c:v>
                </c:pt>
                <c:pt idx="7231">
                  <c:v>9.5903143579338703</c:v>
                </c:pt>
                <c:pt idx="7232">
                  <c:v>9.5903143579338703</c:v>
                </c:pt>
                <c:pt idx="7233">
                  <c:v>10.240505161861593</c:v>
                </c:pt>
                <c:pt idx="7234">
                  <c:v>10.240505161861593</c:v>
                </c:pt>
                <c:pt idx="7235">
                  <c:v>13.003816078554401</c:v>
                </c:pt>
                <c:pt idx="7236">
                  <c:v>13.003816078554401</c:v>
                </c:pt>
                <c:pt idx="7237">
                  <c:v>8.6150281520422904</c:v>
                </c:pt>
                <c:pt idx="7238">
                  <c:v>13.003816078554401</c:v>
                </c:pt>
                <c:pt idx="7239">
                  <c:v>13.003816078554401</c:v>
                </c:pt>
                <c:pt idx="7240">
                  <c:v>13.003816078554401</c:v>
                </c:pt>
                <c:pt idx="7241">
                  <c:v>13.003816078554401</c:v>
                </c:pt>
                <c:pt idx="7242">
                  <c:v>13.003816078554401</c:v>
                </c:pt>
                <c:pt idx="7243">
                  <c:v>10.890695965789313</c:v>
                </c:pt>
                <c:pt idx="7244">
                  <c:v>8.940123554006151</c:v>
                </c:pt>
                <c:pt idx="7245">
                  <c:v>6.5019080392772004</c:v>
                </c:pt>
                <c:pt idx="7246">
                  <c:v>6.1768126373133407</c:v>
                </c:pt>
                <c:pt idx="7247">
                  <c:v>6.1768126373133407</c:v>
                </c:pt>
                <c:pt idx="7248">
                  <c:v>5.8498414990839391</c:v>
                </c:pt>
                <c:pt idx="7249">
                  <c:v>5.8498414990839391</c:v>
                </c:pt>
                <c:pt idx="7250">
                  <c:v>5.8498414990839391</c:v>
                </c:pt>
                <c:pt idx="7251">
                  <c:v>5.8498414990839391</c:v>
                </c:pt>
                <c:pt idx="7252">
                  <c:v>5.8498414990839391</c:v>
                </c:pt>
                <c:pt idx="7253">
                  <c:v>7.6047939488091201</c:v>
                </c:pt>
                <c:pt idx="7254">
                  <c:v>8.4822701736717114</c:v>
                </c:pt>
                <c:pt idx="7255">
                  <c:v>8.7747622486259083</c:v>
                </c:pt>
                <c:pt idx="7256">
                  <c:v>8.7747622486259083</c:v>
                </c:pt>
                <c:pt idx="7257">
                  <c:v>9.5059924360114003</c:v>
                </c:pt>
                <c:pt idx="7258">
                  <c:v>9.9447305484426956</c:v>
                </c:pt>
                <c:pt idx="7259">
                  <c:v>11.699682998167878</c:v>
                </c:pt>
                <c:pt idx="7260">
                  <c:v>11.699682998167878</c:v>
                </c:pt>
                <c:pt idx="7261">
                  <c:v>11.699682998167878</c:v>
                </c:pt>
                <c:pt idx="7262">
                  <c:v>11.699682998167878</c:v>
                </c:pt>
                <c:pt idx="7263">
                  <c:v>11.699682998167878</c:v>
                </c:pt>
                <c:pt idx="7264">
                  <c:v>11.699682998167878</c:v>
                </c:pt>
                <c:pt idx="7265">
                  <c:v>11.699682998167878</c:v>
                </c:pt>
                <c:pt idx="7266">
                  <c:v>11.699682998167878</c:v>
                </c:pt>
                <c:pt idx="7267">
                  <c:v>9.7984845109655989</c:v>
                </c:pt>
                <c:pt idx="7268">
                  <c:v>8.0435320612404162</c:v>
                </c:pt>
                <c:pt idx="7269">
                  <c:v>5.8498414990839391</c:v>
                </c:pt>
                <c:pt idx="7270">
                  <c:v>5.8498414990839391</c:v>
                </c:pt>
                <c:pt idx="7271">
                  <c:v>5.8498414990839391</c:v>
                </c:pt>
                <c:pt idx="7272">
                  <c:v>5.221137100788324</c:v>
                </c:pt>
                <c:pt idx="7273">
                  <c:v>5.8737792383868639</c:v>
                </c:pt>
                <c:pt idx="7274">
                  <c:v>5.8737792383868639</c:v>
                </c:pt>
                <c:pt idx="7275">
                  <c:v>5.8737792383868639</c:v>
                </c:pt>
                <c:pt idx="7276">
                  <c:v>5.8737792383868639</c:v>
                </c:pt>
                <c:pt idx="7277">
                  <c:v>7.5706487961430691</c:v>
                </c:pt>
                <c:pt idx="7278">
                  <c:v>8.7454046438204429</c:v>
                </c:pt>
                <c:pt idx="7279">
                  <c:v>8.7454046438204429</c:v>
                </c:pt>
                <c:pt idx="7280">
                  <c:v>8.7454046438204429</c:v>
                </c:pt>
                <c:pt idx="7281">
                  <c:v>9.3980467814189836</c:v>
                </c:pt>
                <c:pt idx="7282">
                  <c:v>10.181217346537233</c:v>
                </c:pt>
                <c:pt idx="7283">
                  <c:v>11.747558476773728</c:v>
                </c:pt>
                <c:pt idx="7284">
                  <c:v>11.747558476773728</c:v>
                </c:pt>
                <c:pt idx="7285">
                  <c:v>11.747558476773728</c:v>
                </c:pt>
                <c:pt idx="7286">
                  <c:v>11.747558476773728</c:v>
                </c:pt>
                <c:pt idx="7287">
                  <c:v>11.747558476773728</c:v>
                </c:pt>
                <c:pt idx="7288">
                  <c:v>11.747558476773728</c:v>
                </c:pt>
                <c:pt idx="7289">
                  <c:v>11.747558476773728</c:v>
                </c:pt>
                <c:pt idx="7290">
                  <c:v>11.747558476773728</c:v>
                </c:pt>
                <c:pt idx="7291">
                  <c:v>9.7896320639781091</c:v>
                </c:pt>
                <c:pt idx="7292">
                  <c:v>7.831705651182487</c:v>
                </c:pt>
                <c:pt idx="7293">
                  <c:v>5.8737792383868639</c:v>
                </c:pt>
                <c:pt idx="7294">
                  <c:v>5.8737792383868639</c:v>
                </c:pt>
                <c:pt idx="7295">
                  <c:v>5.8737792383868639</c:v>
                </c:pt>
                <c:pt idx="7296">
                  <c:v>5.7021813577220177</c:v>
                </c:pt>
                <c:pt idx="7297">
                  <c:v>5.7021813577220177</c:v>
                </c:pt>
                <c:pt idx="7298">
                  <c:v>5.7021813577220177</c:v>
                </c:pt>
                <c:pt idx="7299">
                  <c:v>5.7021813577220177</c:v>
                </c:pt>
                <c:pt idx="7300">
                  <c:v>5.7021813577220177</c:v>
                </c:pt>
                <c:pt idx="7301">
                  <c:v>7.3494781943972667</c:v>
                </c:pt>
                <c:pt idx="7302">
                  <c:v>8.4899144659416717</c:v>
                </c:pt>
                <c:pt idx="7303">
                  <c:v>8.4899144659416717</c:v>
                </c:pt>
                <c:pt idx="7304">
                  <c:v>8.4899144659416717</c:v>
                </c:pt>
                <c:pt idx="7305">
                  <c:v>9.1234901723552291</c:v>
                </c:pt>
                <c:pt idx="7306">
                  <c:v>9.8837810200514973</c:v>
                </c:pt>
                <c:pt idx="7307">
                  <c:v>11.404362715444035</c:v>
                </c:pt>
                <c:pt idx="7308">
                  <c:v>11.404362715444035</c:v>
                </c:pt>
                <c:pt idx="7309">
                  <c:v>11.404362715444035</c:v>
                </c:pt>
                <c:pt idx="7310">
                  <c:v>11.404362715444035</c:v>
                </c:pt>
                <c:pt idx="7311">
                  <c:v>11.404362715444035</c:v>
                </c:pt>
                <c:pt idx="7312">
                  <c:v>11.404362715444035</c:v>
                </c:pt>
                <c:pt idx="7313">
                  <c:v>11.404362715444035</c:v>
                </c:pt>
                <c:pt idx="7314">
                  <c:v>11.404362715444035</c:v>
                </c:pt>
                <c:pt idx="7315">
                  <c:v>9.5036355962033632</c:v>
                </c:pt>
                <c:pt idx="7316">
                  <c:v>7.6029084769626909</c:v>
                </c:pt>
                <c:pt idx="7317">
                  <c:v>5.7021813577220177</c:v>
                </c:pt>
                <c:pt idx="7318">
                  <c:v>5.7021813577220177</c:v>
                </c:pt>
                <c:pt idx="7319">
                  <c:v>5.7021813577220177</c:v>
                </c:pt>
                <c:pt idx="7320">
                  <c:v>6.0054386307861289</c:v>
                </c:pt>
                <c:pt idx="7321">
                  <c:v>6.0054386307861289</c:v>
                </c:pt>
                <c:pt idx="7322">
                  <c:v>6.0054386307861289</c:v>
                </c:pt>
                <c:pt idx="7323">
                  <c:v>6.0054386307861289</c:v>
                </c:pt>
                <c:pt idx="7324">
                  <c:v>6.0054386307861289</c:v>
                </c:pt>
                <c:pt idx="7325">
                  <c:v>7.740343124124343</c:v>
                </c:pt>
                <c:pt idx="7326">
                  <c:v>9.3417934256673121</c:v>
                </c:pt>
                <c:pt idx="7327">
                  <c:v>9.3417934256673121</c:v>
                </c:pt>
                <c:pt idx="7328">
                  <c:v>9.3417934256673121</c:v>
                </c:pt>
                <c:pt idx="7329">
                  <c:v>10.009064384643548</c:v>
                </c:pt>
                <c:pt idx="7330">
                  <c:v>10.409426960029288</c:v>
                </c:pt>
                <c:pt idx="7331">
                  <c:v>12.010877261572258</c:v>
                </c:pt>
                <c:pt idx="7332">
                  <c:v>12.010877261572258</c:v>
                </c:pt>
                <c:pt idx="7333">
                  <c:v>12.010877261572258</c:v>
                </c:pt>
                <c:pt idx="7334">
                  <c:v>12.010877261572258</c:v>
                </c:pt>
                <c:pt idx="7335">
                  <c:v>10.009064384643548</c:v>
                </c:pt>
                <c:pt idx="7336">
                  <c:v>9.4752476174625588</c:v>
                </c:pt>
                <c:pt idx="7337">
                  <c:v>9.4752476174625588</c:v>
                </c:pt>
                <c:pt idx="7338">
                  <c:v>9.4752476174625588</c:v>
                </c:pt>
                <c:pt idx="7339">
                  <c:v>9.4752476174625588</c:v>
                </c:pt>
                <c:pt idx="7340">
                  <c:v>7.339980548738601</c:v>
                </c:pt>
                <c:pt idx="7341">
                  <c:v>2.802538027700193</c:v>
                </c:pt>
                <c:pt idx="7342">
                  <c:v>2.802538027700193</c:v>
                </c:pt>
                <c:pt idx="7343">
                  <c:v>2.802538027700193</c:v>
                </c:pt>
                <c:pt idx="7344">
                  <c:v>4.2213711494647139</c:v>
                </c:pt>
                <c:pt idx="7345">
                  <c:v>8.2417246251453946</c:v>
                </c:pt>
                <c:pt idx="7346">
                  <c:v>8.2417246251453946</c:v>
                </c:pt>
                <c:pt idx="7347">
                  <c:v>8.2417246251453946</c:v>
                </c:pt>
                <c:pt idx="7348">
                  <c:v>8.2417246251453946</c:v>
                </c:pt>
                <c:pt idx="7349">
                  <c:v>10.251901362985736</c:v>
                </c:pt>
                <c:pt idx="7350">
                  <c:v>12.865131122178177</c:v>
                </c:pt>
                <c:pt idx="7351">
                  <c:v>14.674290186234483</c:v>
                </c:pt>
                <c:pt idx="7352">
                  <c:v>14.674290186234483</c:v>
                </c:pt>
                <c:pt idx="7353">
                  <c:v>14.674290186234483</c:v>
                </c:pt>
                <c:pt idx="7354">
                  <c:v>14.674290186234483</c:v>
                </c:pt>
                <c:pt idx="7355">
                  <c:v>14.674290186234483</c:v>
                </c:pt>
                <c:pt idx="7356">
                  <c:v>14.674290186234483</c:v>
                </c:pt>
                <c:pt idx="7357">
                  <c:v>14.674290186234483</c:v>
                </c:pt>
                <c:pt idx="7358">
                  <c:v>14.674290186234483</c:v>
                </c:pt>
                <c:pt idx="7359">
                  <c:v>13.267166469746245</c:v>
                </c:pt>
                <c:pt idx="7360">
                  <c:v>12.061060427042042</c:v>
                </c:pt>
                <c:pt idx="7361">
                  <c:v>10.854954384337839</c:v>
                </c:pt>
                <c:pt idx="7362">
                  <c:v>10.452919036769769</c:v>
                </c:pt>
                <c:pt idx="7363">
                  <c:v>8.4427422989294278</c:v>
                </c:pt>
                <c:pt idx="7364">
                  <c:v>6.2315478873050552</c:v>
                </c:pt>
                <c:pt idx="7365">
                  <c:v>6.2315478873050552</c:v>
                </c:pt>
                <c:pt idx="7366">
                  <c:v>6.2315478873050552</c:v>
                </c:pt>
                <c:pt idx="7367">
                  <c:v>6.2315478873050552</c:v>
                </c:pt>
                <c:pt idx="7368">
                  <c:v>7.0274781741033499</c:v>
                </c:pt>
                <c:pt idx="7369">
                  <c:v>8.1609423957329223</c:v>
                </c:pt>
                <c:pt idx="7370">
                  <c:v>8.1609423957329223</c:v>
                </c:pt>
                <c:pt idx="7371">
                  <c:v>8.1609423957329223</c:v>
                </c:pt>
                <c:pt idx="7372">
                  <c:v>8.1609423957329223</c:v>
                </c:pt>
                <c:pt idx="7373">
                  <c:v>10.201177994666152</c:v>
                </c:pt>
                <c:pt idx="7374">
                  <c:v>12.014720749273469</c:v>
                </c:pt>
                <c:pt idx="7375">
                  <c:v>14.281649192532614</c:v>
                </c:pt>
                <c:pt idx="7376">
                  <c:v>14.281649192532614</c:v>
                </c:pt>
                <c:pt idx="7377">
                  <c:v>14.281649192532614</c:v>
                </c:pt>
                <c:pt idx="7378">
                  <c:v>14.281649192532614</c:v>
                </c:pt>
                <c:pt idx="7379">
                  <c:v>14.281649192532614</c:v>
                </c:pt>
                <c:pt idx="7380">
                  <c:v>14.281649192532614</c:v>
                </c:pt>
                <c:pt idx="7381">
                  <c:v>14.281649192532614</c:v>
                </c:pt>
                <c:pt idx="7382">
                  <c:v>14.281649192532614</c:v>
                </c:pt>
                <c:pt idx="7383">
                  <c:v>12.694799282251212</c:v>
                </c:pt>
                <c:pt idx="7384">
                  <c:v>12.468106437925297</c:v>
                </c:pt>
                <c:pt idx="7385">
                  <c:v>10.65456368331798</c:v>
                </c:pt>
                <c:pt idx="7386">
                  <c:v>9.9744851503402394</c:v>
                </c:pt>
                <c:pt idx="7387">
                  <c:v>8.3876352400588381</c:v>
                </c:pt>
                <c:pt idx="7388">
                  <c:v>7.0274781741033499</c:v>
                </c:pt>
                <c:pt idx="7389">
                  <c:v>6.1207067967996922</c:v>
                </c:pt>
                <c:pt idx="7390">
                  <c:v>6.1207067967996922</c:v>
                </c:pt>
                <c:pt idx="7391">
                  <c:v>6.1207067967996922</c:v>
                </c:pt>
                <c:pt idx="7392">
                  <c:v>1.8392706031999095</c:v>
                </c:pt>
                <c:pt idx="7393">
                  <c:v>1.8392706031999095</c:v>
                </c:pt>
                <c:pt idx="7394">
                  <c:v>1.8392706031999095</c:v>
                </c:pt>
                <c:pt idx="7395">
                  <c:v>1.8392706031999095</c:v>
                </c:pt>
                <c:pt idx="7396">
                  <c:v>1.8392706031999095</c:v>
                </c:pt>
                <c:pt idx="7397">
                  <c:v>7.970172613866275</c:v>
                </c:pt>
                <c:pt idx="7398">
                  <c:v>9.0430804657328885</c:v>
                </c:pt>
                <c:pt idx="7399">
                  <c:v>9.0430804657328885</c:v>
                </c:pt>
                <c:pt idx="7400">
                  <c:v>9.0430804657328885</c:v>
                </c:pt>
                <c:pt idx="7401">
                  <c:v>9.6561706667995253</c:v>
                </c:pt>
                <c:pt idx="7402">
                  <c:v>9.6561706667995253</c:v>
                </c:pt>
                <c:pt idx="7403">
                  <c:v>12.261804021332731</c:v>
                </c:pt>
                <c:pt idx="7404">
                  <c:v>12.261804021332731</c:v>
                </c:pt>
                <c:pt idx="7405">
                  <c:v>8.123445164132935</c:v>
                </c:pt>
                <c:pt idx="7406">
                  <c:v>12.261804021332731</c:v>
                </c:pt>
                <c:pt idx="7407">
                  <c:v>12.261804021332731</c:v>
                </c:pt>
                <c:pt idx="7408">
                  <c:v>12.261804021332731</c:v>
                </c:pt>
                <c:pt idx="7409">
                  <c:v>12.261804021332731</c:v>
                </c:pt>
                <c:pt idx="7410">
                  <c:v>12.261804021332731</c:v>
                </c:pt>
                <c:pt idx="7411">
                  <c:v>10.269260867866162</c:v>
                </c:pt>
                <c:pt idx="7412">
                  <c:v>8.4299902646662517</c:v>
                </c:pt>
                <c:pt idx="7413">
                  <c:v>6.1309020106663654</c:v>
                </c:pt>
                <c:pt idx="7414">
                  <c:v>5.824356910133047</c:v>
                </c:pt>
                <c:pt idx="7415">
                  <c:v>5.824356910133047</c:v>
                </c:pt>
                <c:pt idx="7416">
                  <c:v>5.3825599973846536</c:v>
                </c:pt>
                <c:pt idx="7417">
                  <c:v>5.3825599973846536</c:v>
                </c:pt>
                <c:pt idx="7418">
                  <c:v>5.3825599973846536</c:v>
                </c:pt>
                <c:pt idx="7419">
                  <c:v>5.3825599973846536</c:v>
                </c:pt>
                <c:pt idx="7420">
                  <c:v>5.3825599973846536</c:v>
                </c:pt>
                <c:pt idx="7421">
                  <c:v>6.997327996600049</c:v>
                </c:pt>
                <c:pt idx="7422">
                  <c:v>7.8047119962077458</c:v>
                </c:pt>
                <c:pt idx="7423">
                  <c:v>8.0738399960769804</c:v>
                </c:pt>
                <c:pt idx="7424">
                  <c:v>8.0738399960769804</c:v>
                </c:pt>
                <c:pt idx="7425">
                  <c:v>8.7466599957500613</c:v>
                </c:pt>
                <c:pt idx="7426">
                  <c:v>9.1503519955539101</c:v>
                </c:pt>
                <c:pt idx="7427">
                  <c:v>10.765119994769307</c:v>
                </c:pt>
                <c:pt idx="7428">
                  <c:v>10.765119994769307</c:v>
                </c:pt>
                <c:pt idx="7429">
                  <c:v>10.765119994769307</c:v>
                </c:pt>
                <c:pt idx="7430">
                  <c:v>10.765119994769307</c:v>
                </c:pt>
                <c:pt idx="7431">
                  <c:v>10.765119994769307</c:v>
                </c:pt>
                <c:pt idx="7432">
                  <c:v>10.765119994769307</c:v>
                </c:pt>
                <c:pt idx="7433">
                  <c:v>10.765119994769307</c:v>
                </c:pt>
                <c:pt idx="7434">
                  <c:v>10.765119994769307</c:v>
                </c:pt>
                <c:pt idx="7435">
                  <c:v>9.0157879956192932</c:v>
                </c:pt>
                <c:pt idx="7436">
                  <c:v>7.4010199964038978</c:v>
                </c:pt>
                <c:pt idx="7437">
                  <c:v>5.3825599973846536</c:v>
                </c:pt>
                <c:pt idx="7438">
                  <c:v>5.3825599973846536</c:v>
                </c:pt>
                <c:pt idx="7439">
                  <c:v>5.3825599973846536</c:v>
                </c:pt>
                <c:pt idx="7440">
                  <c:v>4.8106963331473978</c:v>
                </c:pt>
                <c:pt idx="7441">
                  <c:v>5.4120333747908225</c:v>
                </c:pt>
                <c:pt idx="7442">
                  <c:v>5.4120333747908225</c:v>
                </c:pt>
                <c:pt idx="7443">
                  <c:v>5.4120333747908225</c:v>
                </c:pt>
                <c:pt idx="7444">
                  <c:v>5.4120333747908225</c:v>
                </c:pt>
                <c:pt idx="7445">
                  <c:v>6.9755096830637271</c:v>
                </c:pt>
                <c:pt idx="7446">
                  <c:v>8.05791635802189</c:v>
                </c:pt>
                <c:pt idx="7447">
                  <c:v>8.05791635802189</c:v>
                </c:pt>
                <c:pt idx="7448">
                  <c:v>8.05791635802189</c:v>
                </c:pt>
                <c:pt idx="7449">
                  <c:v>8.6592533996653156</c:v>
                </c:pt>
                <c:pt idx="7450">
                  <c:v>9.3808578496374242</c:v>
                </c:pt>
                <c:pt idx="7451">
                  <c:v>10.824066749581645</c:v>
                </c:pt>
                <c:pt idx="7452">
                  <c:v>10.824066749581645</c:v>
                </c:pt>
                <c:pt idx="7453">
                  <c:v>10.824066749581645</c:v>
                </c:pt>
                <c:pt idx="7454">
                  <c:v>10.824066749581645</c:v>
                </c:pt>
                <c:pt idx="7455">
                  <c:v>10.824066749581645</c:v>
                </c:pt>
                <c:pt idx="7456">
                  <c:v>10.824066749581645</c:v>
                </c:pt>
                <c:pt idx="7457">
                  <c:v>10.824066749581645</c:v>
                </c:pt>
                <c:pt idx="7458">
                  <c:v>10.824066749581645</c:v>
                </c:pt>
                <c:pt idx="7459">
                  <c:v>9.0200556246513717</c:v>
                </c:pt>
                <c:pt idx="7460">
                  <c:v>7.2160444997210966</c:v>
                </c:pt>
                <c:pt idx="7461">
                  <c:v>5.4120333747908225</c:v>
                </c:pt>
                <c:pt idx="7462">
                  <c:v>5.4120333747908225</c:v>
                </c:pt>
                <c:pt idx="7463">
                  <c:v>5.4120333747908225</c:v>
                </c:pt>
                <c:pt idx="7464">
                  <c:v>5.4287824845793811</c:v>
                </c:pt>
                <c:pt idx="7465">
                  <c:v>5.4287824845793811</c:v>
                </c:pt>
                <c:pt idx="7466">
                  <c:v>5.4287824845793811</c:v>
                </c:pt>
                <c:pt idx="7467">
                  <c:v>5.4287824845793811</c:v>
                </c:pt>
                <c:pt idx="7468">
                  <c:v>5.4287824845793811</c:v>
                </c:pt>
                <c:pt idx="7469">
                  <c:v>6.9970974245689801</c:v>
                </c:pt>
                <c:pt idx="7470">
                  <c:v>8.0828539214848583</c:v>
                </c:pt>
                <c:pt idx="7471">
                  <c:v>8.0828539214848583</c:v>
                </c:pt>
                <c:pt idx="7472">
                  <c:v>8.0828539214848583</c:v>
                </c:pt>
                <c:pt idx="7473">
                  <c:v>8.6860519753270111</c:v>
                </c:pt>
                <c:pt idx="7474">
                  <c:v>9.409889639937596</c:v>
                </c:pt>
                <c:pt idx="7475">
                  <c:v>10.857564969158762</c:v>
                </c:pt>
                <c:pt idx="7476">
                  <c:v>10.857564969158762</c:v>
                </c:pt>
                <c:pt idx="7477">
                  <c:v>10.857564969158762</c:v>
                </c:pt>
                <c:pt idx="7478">
                  <c:v>10.857564969158762</c:v>
                </c:pt>
                <c:pt idx="7479">
                  <c:v>10.857564969158762</c:v>
                </c:pt>
                <c:pt idx="7480">
                  <c:v>10.857564969158762</c:v>
                </c:pt>
                <c:pt idx="7481">
                  <c:v>10.857564969158762</c:v>
                </c:pt>
                <c:pt idx="7482">
                  <c:v>10.857564969158762</c:v>
                </c:pt>
                <c:pt idx="7483">
                  <c:v>9.0479708076323035</c:v>
                </c:pt>
                <c:pt idx="7484">
                  <c:v>7.2383766461058423</c:v>
                </c:pt>
                <c:pt idx="7485">
                  <c:v>5.4287824845793811</c:v>
                </c:pt>
                <c:pt idx="7486">
                  <c:v>5.4287824845793811</c:v>
                </c:pt>
                <c:pt idx="7487">
                  <c:v>5.4287824845793811</c:v>
                </c:pt>
                <c:pt idx="7488">
                  <c:v>5.9164800888902551</c:v>
                </c:pt>
                <c:pt idx="7489">
                  <c:v>5.9164800888902551</c:v>
                </c:pt>
                <c:pt idx="7490">
                  <c:v>5.9164800888902551</c:v>
                </c:pt>
                <c:pt idx="7491">
                  <c:v>5.9164800888902551</c:v>
                </c:pt>
                <c:pt idx="7492">
                  <c:v>5.9164800888902551</c:v>
                </c:pt>
                <c:pt idx="7493">
                  <c:v>7.6256854479029945</c:v>
                </c:pt>
                <c:pt idx="7494">
                  <c:v>9.2034134716070639</c:v>
                </c:pt>
                <c:pt idx="7495">
                  <c:v>9.2034134716070639</c:v>
                </c:pt>
                <c:pt idx="7496">
                  <c:v>9.2034134716070639</c:v>
                </c:pt>
                <c:pt idx="7497">
                  <c:v>9.8608001481504246</c:v>
                </c:pt>
                <c:pt idx="7498">
                  <c:v>10.255232154076442</c:v>
                </c:pt>
                <c:pt idx="7499">
                  <c:v>11.83296017778051</c:v>
                </c:pt>
                <c:pt idx="7500">
                  <c:v>11.83296017778051</c:v>
                </c:pt>
                <c:pt idx="7501">
                  <c:v>11.83296017778051</c:v>
                </c:pt>
                <c:pt idx="7502">
                  <c:v>11.83296017778051</c:v>
                </c:pt>
                <c:pt idx="7503">
                  <c:v>9.8608001481504246</c:v>
                </c:pt>
                <c:pt idx="7504">
                  <c:v>9.3348908069157357</c:v>
                </c:pt>
                <c:pt idx="7505">
                  <c:v>9.3348908069157357</c:v>
                </c:pt>
                <c:pt idx="7506">
                  <c:v>9.3348908069157357</c:v>
                </c:pt>
                <c:pt idx="7507">
                  <c:v>9.3348908069157357</c:v>
                </c:pt>
                <c:pt idx="7508">
                  <c:v>7.2312534419769783</c:v>
                </c:pt>
                <c:pt idx="7509">
                  <c:v>2.761024041482119</c:v>
                </c:pt>
                <c:pt idx="7510">
                  <c:v>2.761024041482119</c:v>
                </c:pt>
                <c:pt idx="7511">
                  <c:v>2.761024041482119</c:v>
                </c:pt>
                <c:pt idx="7512">
                  <c:v>4.2017622334484095</c:v>
                </c:pt>
                <c:pt idx="7513">
                  <c:v>8.2034405510183248</c:v>
                </c:pt>
                <c:pt idx="7514">
                  <c:v>8.2034405510183248</c:v>
                </c:pt>
                <c:pt idx="7515">
                  <c:v>8.2034405510183248</c:v>
                </c:pt>
                <c:pt idx="7516">
                  <c:v>8.2034405510183248</c:v>
                </c:pt>
                <c:pt idx="7517">
                  <c:v>10.204279709803282</c:v>
                </c:pt>
                <c:pt idx="7518">
                  <c:v>12.805370616223726</c:v>
                </c:pt>
                <c:pt idx="7519">
                  <c:v>14.606125859130188</c:v>
                </c:pt>
                <c:pt idx="7520">
                  <c:v>14.606125859130188</c:v>
                </c:pt>
                <c:pt idx="7521">
                  <c:v>14.606125859130188</c:v>
                </c:pt>
                <c:pt idx="7522">
                  <c:v>14.606125859130188</c:v>
                </c:pt>
                <c:pt idx="7523">
                  <c:v>14.606125859130188</c:v>
                </c:pt>
                <c:pt idx="7524">
                  <c:v>14.606125859130188</c:v>
                </c:pt>
                <c:pt idx="7525">
                  <c:v>14.606125859130188</c:v>
                </c:pt>
                <c:pt idx="7526">
                  <c:v>14.606125859130188</c:v>
                </c:pt>
                <c:pt idx="7527">
                  <c:v>13.205538447980718</c:v>
                </c:pt>
                <c:pt idx="7528">
                  <c:v>12.005034952709744</c:v>
                </c:pt>
                <c:pt idx="7529">
                  <c:v>10.80453145743877</c:v>
                </c:pt>
                <c:pt idx="7530">
                  <c:v>10.404363625681778</c:v>
                </c:pt>
                <c:pt idx="7531">
                  <c:v>8.403524466896819</c:v>
                </c:pt>
                <c:pt idx="7532">
                  <c:v>6.202601392233368</c:v>
                </c:pt>
                <c:pt idx="7533">
                  <c:v>6.202601392233368</c:v>
                </c:pt>
                <c:pt idx="7534">
                  <c:v>6.202601392233368</c:v>
                </c:pt>
                <c:pt idx="7535">
                  <c:v>6.202601392233368</c:v>
                </c:pt>
                <c:pt idx="7536">
                  <c:v>7.2358347719036304</c:v>
                </c:pt>
                <c:pt idx="7537">
                  <c:v>8.4029048964042161</c:v>
                </c:pt>
                <c:pt idx="7538">
                  <c:v>8.4029048964042161</c:v>
                </c:pt>
                <c:pt idx="7539">
                  <c:v>8.4029048964042161</c:v>
                </c:pt>
                <c:pt idx="7540">
                  <c:v>8.4029048964042161</c:v>
                </c:pt>
                <c:pt idx="7541">
                  <c:v>10.50363112050527</c:v>
                </c:pt>
                <c:pt idx="7542">
                  <c:v>12.370943319706207</c:v>
                </c:pt>
                <c:pt idx="7543">
                  <c:v>14.705083568707376</c:v>
                </c:pt>
                <c:pt idx="7544">
                  <c:v>14.705083568707376</c:v>
                </c:pt>
                <c:pt idx="7545">
                  <c:v>14.705083568707376</c:v>
                </c:pt>
                <c:pt idx="7546">
                  <c:v>14.705083568707376</c:v>
                </c:pt>
                <c:pt idx="7547">
                  <c:v>14.705083568707376</c:v>
                </c:pt>
                <c:pt idx="7548">
                  <c:v>14.705083568707376</c:v>
                </c:pt>
                <c:pt idx="7549">
                  <c:v>14.705083568707376</c:v>
                </c:pt>
                <c:pt idx="7550">
                  <c:v>14.705083568707376</c:v>
                </c:pt>
                <c:pt idx="7551">
                  <c:v>13.071185394406557</c:v>
                </c:pt>
                <c:pt idx="7552">
                  <c:v>12.83777136950644</c:v>
                </c:pt>
                <c:pt idx="7553">
                  <c:v>10.970459170305505</c:v>
                </c:pt>
                <c:pt idx="7554">
                  <c:v>10.270217095605153</c:v>
                </c:pt>
                <c:pt idx="7555">
                  <c:v>8.6363189213043334</c:v>
                </c:pt>
                <c:pt idx="7556">
                  <c:v>7.2358347719036304</c:v>
                </c:pt>
                <c:pt idx="7557">
                  <c:v>6.3021786723031621</c:v>
                </c:pt>
                <c:pt idx="7558">
                  <c:v>6.3021786723031621</c:v>
                </c:pt>
                <c:pt idx="7559">
                  <c:v>6.3021786723031621</c:v>
                </c:pt>
                <c:pt idx="7560">
                  <c:v>1.9367531683027814</c:v>
                </c:pt>
                <c:pt idx="7561">
                  <c:v>1.9367531683027814</c:v>
                </c:pt>
                <c:pt idx="7562">
                  <c:v>1.9367531683027814</c:v>
                </c:pt>
                <c:pt idx="7563">
                  <c:v>1.9367531683027814</c:v>
                </c:pt>
                <c:pt idx="7564">
                  <c:v>1.9367531683027814</c:v>
                </c:pt>
                <c:pt idx="7565">
                  <c:v>8.3925970626453879</c:v>
                </c:pt>
                <c:pt idx="7566">
                  <c:v>9.522369744155343</c:v>
                </c:pt>
                <c:pt idx="7567">
                  <c:v>9.522369744155343</c:v>
                </c:pt>
                <c:pt idx="7568">
                  <c:v>9.522369744155343</c:v>
                </c:pt>
                <c:pt idx="7569">
                  <c:v>10.167954133589603</c:v>
                </c:pt>
                <c:pt idx="7570">
                  <c:v>10.167954133589603</c:v>
                </c:pt>
                <c:pt idx="7571">
                  <c:v>12.911687788685208</c:v>
                </c:pt>
                <c:pt idx="7572">
                  <c:v>12.911687788685208</c:v>
                </c:pt>
                <c:pt idx="7573">
                  <c:v>8.5539931600039516</c:v>
                </c:pt>
                <c:pt idx="7574">
                  <c:v>12.911687788685208</c:v>
                </c:pt>
                <c:pt idx="7575">
                  <c:v>12.911687788685208</c:v>
                </c:pt>
                <c:pt idx="7576">
                  <c:v>12.911687788685208</c:v>
                </c:pt>
                <c:pt idx="7577">
                  <c:v>12.911687788685208</c:v>
                </c:pt>
                <c:pt idx="7578">
                  <c:v>12.911687788685208</c:v>
                </c:pt>
                <c:pt idx="7579">
                  <c:v>10.813538523023865</c:v>
                </c:pt>
                <c:pt idx="7580">
                  <c:v>8.8767853547210827</c:v>
                </c:pt>
                <c:pt idx="7581">
                  <c:v>6.4558438943426042</c:v>
                </c:pt>
                <c:pt idx="7582">
                  <c:v>6.1330516996254749</c:v>
                </c:pt>
                <c:pt idx="7583">
                  <c:v>6.1330516996254749</c:v>
                </c:pt>
                <c:pt idx="7584">
                  <c:v>5.7852688125929239</c:v>
                </c:pt>
                <c:pt idx="7585">
                  <c:v>5.7852688125929239</c:v>
                </c:pt>
                <c:pt idx="7586">
                  <c:v>5.7852688125929239</c:v>
                </c:pt>
                <c:pt idx="7587">
                  <c:v>5.7852688125929239</c:v>
                </c:pt>
                <c:pt idx="7588">
                  <c:v>5.7852688125929239</c:v>
                </c:pt>
                <c:pt idx="7589">
                  <c:v>7.5208494563707999</c:v>
                </c:pt>
                <c:pt idx="7590">
                  <c:v>8.3886397782597388</c:v>
                </c:pt>
                <c:pt idx="7591">
                  <c:v>8.6779032188893854</c:v>
                </c:pt>
                <c:pt idx="7592">
                  <c:v>8.6779032188893854</c:v>
                </c:pt>
                <c:pt idx="7593">
                  <c:v>9.4010618204635001</c:v>
                </c:pt>
                <c:pt idx="7594">
                  <c:v>9.83495698140797</c:v>
                </c:pt>
                <c:pt idx="7595">
                  <c:v>11.570537625185848</c:v>
                </c:pt>
                <c:pt idx="7596">
                  <c:v>11.570537625185848</c:v>
                </c:pt>
                <c:pt idx="7597">
                  <c:v>11.570537625185848</c:v>
                </c:pt>
                <c:pt idx="7598">
                  <c:v>11.570537625185848</c:v>
                </c:pt>
                <c:pt idx="7599">
                  <c:v>11.570537625185848</c:v>
                </c:pt>
                <c:pt idx="7600">
                  <c:v>11.570537625185848</c:v>
                </c:pt>
                <c:pt idx="7601">
                  <c:v>11.570537625185848</c:v>
                </c:pt>
                <c:pt idx="7602">
                  <c:v>11.570537625185848</c:v>
                </c:pt>
                <c:pt idx="7603">
                  <c:v>9.6903252610931485</c:v>
                </c:pt>
                <c:pt idx="7604">
                  <c:v>7.9547446173152707</c:v>
                </c:pt>
                <c:pt idx="7605">
                  <c:v>5.7852688125929239</c:v>
                </c:pt>
                <c:pt idx="7606">
                  <c:v>5.7852688125929239</c:v>
                </c:pt>
                <c:pt idx="7607">
                  <c:v>5.7852688125929239</c:v>
                </c:pt>
                <c:pt idx="7608">
                  <c:v>5.098667363014096</c:v>
                </c:pt>
                <c:pt idx="7609">
                  <c:v>5.7360007833908577</c:v>
                </c:pt>
                <c:pt idx="7610">
                  <c:v>5.7360007833908577</c:v>
                </c:pt>
                <c:pt idx="7611">
                  <c:v>5.7360007833908577</c:v>
                </c:pt>
                <c:pt idx="7612">
                  <c:v>5.7360007833908577</c:v>
                </c:pt>
                <c:pt idx="7613">
                  <c:v>7.393067676370439</c:v>
                </c:pt>
                <c:pt idx="7614">
                  <c:v>8.5402678330486097</c:v>
                </c:pt>
                <c:pt idx="7615">
                  <c:v>8.5402678330486097</c:v>
                </c:pt>
                <c:pt idx="7616">
                  <c:v>8.5402678330486097</c:v>
                </c:pt>
                <c:pt idx="7617">
                  <c:v>9.1776012534253724</c:v>
                </c:pt>
                <c:pt idx="7618">
                  <c:v>9.9424013578774861</c:v>
                </c:pt>
                <c:pt idx="7619">
                  <c:v>11.472001566781715</c:v>
                </c:pt>
                <c:pt idx="7620">
                  <c:v>11.472001566781715</c:v>
                </c:pt>
                <c:pt idx="7621">
                  <c:v>11.472001566781715</c:v>
                </c:pt>
                <c:pt idx="7622">
                  <c:v>11.472001566781715</c:v>
                </c:pt>
                <c:pt idx="7623">
                  <c:v>11.472001566781715</c:v>
                </c:pt>
                <c:pt idx="7624">
                  <c:v>11.472001566781715</c:v>
                </c:pt>
                <c:pt idx="7625">
                  <c:v>11.472001566781715</c:v>
                </c:pt>
                <c:pt idx="7626">
                  <c:v>11.472001566781715</c:v>
                </c:pt>
                <c:pt idx="7627">
                  <c:v>9.5600013056514292</c:v>
                </c:pt>
                <c:pt idx="7628">
                  <c:v>7.6480010445211439</c:v>
                </c:pt>
                <c:pt idx="7629">
                  <c:v>5.7360007833908577</c:v>
                </c:pt>
                <c:pt idx="7630">
                  <c:v>5.7360007833908577</c:v>
                </c:pt>
                <c:pt idx="7631">
                  <c:v>5.7360007833908577</c:v>
                </c:pt>
                <c:pt idx="7632">
                  <c:v>5.9607305534780721</c:v>
                </c:pt>
                <c:pt idx="7633">
                  <c:v>5.9607305534780721</c:v>
                </c:pt>
                <c:pt idx="7634">
                  <c:v>5.9607305534780721</c:v>
                </c:pt>
                <c:pt idx="7635">
                  <c:v>5.9607305534780721</c:v>
                </c:pt>
                <c:pt idx="7636">
                  <c:v>5.9607305534780721</c:v>
                </c:pt>
                <c:pt idx="7637">
                  <c:v>7.6827193800384039</c:v>
                </c:pt>
                <c:pt idx="7638">
                  <c:v>8.8748654907340203</c:v>
                </c:pt>
                <c:pt idx="7639">
                  <c:v>8.8748654907340203</c:v>
                </c:pt>
                <c:pt idx="7640">
                  <c:v>8.8748654907340203</c:v>
                </c:pt>
                <c:pt idx="7641">
                  <c:v>9.537168885564915</c:v>
                </c:pt>
                <c:pt idx="7642">
                  <c:v>10.331932959361993</c:v>
                </c:pt>
                <c:pt idx="7643">
                  <c:v>11.921461106956144</c:v>
                </c:pt>
                <c:pt idx="7644">
                  <c:v>11.921461106956144</c:v>
                </c:pt>
                <c:pt idx="7645">
                  <c:v>11.921461106956144</c:v>
                </c:pt>
                <c:pt idx="7646">
                  <c:v>11.921461106956144</c:v>
                </c:pt>
                <c:pt idx="7647">
                  <c:v>11.921461106956144</c:v>
                </c:pt>
                <c:pt idx="7648">
                  <c:v>11.921461106956144</c:v>
                </c:pt>
                <c:pt idx="7649">
                  <c:v>11.921461106956144</c:v>
                </c:pt>
                <c:pt idx="7650">
                  <c:v>11.921461106956144</c:v>
                </c:pt>
                <c:pt idx="7651">
                  <c:v>9.9345509224634565</c:v>
                </c:pt>
                <c:pt idx="7652">
                  <c:v>7.9476407379707643</c:v>
                </c:pt>
                <c:pt idx="7653">
                  <c:v>5.9607305534780721</c:v>
                </c:pt>
                <c:pt idx="7654">
                  <c:v>5.9607305534780721</c:v>
                </c:pt>
                <c:pt idx="7655">
                  <c:v>5.9607305534780721</c:v>
                </c:pt>
                <c:pt idx="7656">
                  <c:v>6.6070928954888553</c:v>
                </c:pt>
                <c:pt idx="7657">
                  <c:v>6.6070928954888553</c:v>
                </c:pt>
                <c:pt idx="7658">
                  <c:v>6.6070928954888553</c:v>
                </c:pt>
                <c:pt idx="7659">
                  <c:v>6.6070928954888553</c:v>
                </c:pt>
                <c:pt idx="7660">
                  <c:v>6.6070928954888553</c:v>
                </c:pt>
                <c:pt idx="7661">
                  <c:v>8.5158086208523009</c:v>
                </c:pt>
                <c:pt idx="7662">
                  <c:v>10.277700059649328</c:v>
                </c:pt>
                <c:pt idx="7663">
                  <c:v>10.277700059649328</c:v>
                </c:pt>
                <c:pt idx="7664">
                  <c:v>10.277700059649328</c:v>
                </c:pt>
                <c:pt idx="7665">
                  <c:v>11.011821492481424</c:v>
                </c:pt>
                <c:pt idx="7666">
                  <c:v>11.452294352180681</c:v>
                </c:pt>
                <c:pt idx="7667">
                  <c:v>13.214185790977711</c:v>
                </c:pt>
                <c:pt idx="7668">
                  <c:v>13.214185790977711</c:v>
                </c:pt>
                <c:pt idx="7669">
                  <c:v>13.214185790977711</c:v>
                </c:pt>
                <c:pt idx="7670">
                  <c:v>13.214185790977711</c:v>
                </c:pt>
                <c:pt idx="7671">
                  <c:v>11.011821492481424</c:v>
                </c:pt>
                <c:pt idx="7672">
                  <c:v>10.424524346215751</c:v>
                </c:pt>
                <c:pt idx="7673">
                  <c:v>10.424524346215751</c:v>
                </c:pt>
                <c:pt idx="7674">
                  <c:v>10.424524346215751</c:v>
                </c:pt>
                <c:pt idx="7675">
                  <c:v>10.424524346215751</c:v>
                </c:pt>
                <c:pt idx="7676">
                  <c:v>8.0753357611530436</c:v>
                </c:pt>
                <c:pt idx="7677">
                  <c:v>3.0833100178947985</c:v>
                </c:pt>
                <c:pt idx="7678">
                  <c:v>3.0833100178947985</c:v>
                </c:pt>
                <c:pt idx="7679">
                  <c:v>3.0833100178947985</c:v>
                </c:pt>
                <c:pt idx="7680">
                  <c:v>4.5874042484357238</c:v>
                </c:pt>
                <c:pt idx="7681">
                  <c:v>8.9563606755173684</c:v>
                </c:pt>
                <c:pt idx="7682">
                  <c:v>8.9563606755173684</c:v>
                </c:pt>
                <c:pt idx="7683">
                  <c:v>8.9563606755173684</c:v>
                </c:pt>
                <c:pt idx="7684">
                  <c:v>8.9563606755173684</c:v>
                </c:pt>
                <c:pt idx="7685">
                  <c:v>11.140838889058189</c:v>
                </c:pt>
                <c:pt idx="7686">
                  <c:v>13.980660566661255</c:v>
                </c:pt>
                <c:pt idx="7687">
                  <c:v>15.946690958847993</c:v>
                </c:pt>
                <c:pt idx="7688">
                  <c:v>15.946690958847993</c:v>
                </c:pt>
                <c:pt idx="7689">
                  <c:v>15.946690958847993</c:v>
                </c:pt>
                <c:pt idx="7690">
                  <c:v>15.946690958847993</c:v>
                </c:pt>
                <c:pt idx="7691">
                  <c:v>15.946690958847993</c:v>
                </c:pt>
                <c:pt idx="7692">
                  <c:v>15.946690958847993</c:v>
                </c:pt>
                <c:pt idx="7693">
                  <c:v>15.946690958847993</c:v>
                </c:pt>
                <c:pt idx="7694">
                  <c:v>15.946690958847993</c:v>
                </c:pt>
                <c:pt idx="7695">
                  <c:v>14.417556209369419</c:v>
                </c:pt>
                <c:pt idx="7696">
                  <c:v>13.106869281244927</c:v>
                </c:pt>
                <c:pt idx="7697">
                  <c:v>11.796182353120434</c:v>
                </c:pt>
                <c:pt idx="7698">
                  <c:v>11.359286710412269</c:v>
                </c:pt>
                <c:pt idx="7699">
                  <c:v>9.1748084968714476</c:v>
                </c:pt>
                <c:pt idx="7700">
                  <c:v>6.7718824619765456</c:v>
                </c:pt>
                <c:pt idx="7701">
                  <c:v>6.7718824619765456</c:v>
                </c:pt>
                <c:pt idx="7702">
                  <c:v>6.7718824619765456</c:v>
                </c:pt>
                <c:pt idx="7703">
                  <c:v>6.7718824619765456</c:v>
                </c:pt>
                <c:pt idx="7704">
                  <c:v>7.7402770613148393</c:v>
                </c:pt>
                <c:pt idx="7705">
                  <c:v>8.988708845397877</c:v>
                </c:pt>
                <c:pt idx="7706">
                  <c:v>8.988708845397877</c:v>
                </c:pt>
                <c:pt idx="7707">
                  <c:v>8.988708845397877</c:v>
                </c:pt>
                <c:pt idx="7708">
                  <c:v>8.988708845397877</c:v>
                </c:pt>
                <c:pt idx="7709">
                  <c:v>11.235886056747347</c:v>
                </c:pt>
                <c:pt idx="7710">
                  <c:v>13.233376911280208</c:v>
                </c:pt>
                <c:pt idx="7711">
                  <c:v>15.730240479446287</c:v>
                </c:pt>
                <c:pt idx="7712">
                  <c:v>15.730240479446287</c:v>
                </c:pt>
                <c:pt idx="7713">
                  <c:v>15.730240479446287</c:v>
                </c:pt>
                <c:pt idx="7714">
                  <c:v>15.730240479446287</c:v>
                </c:pt>
                <c:pt idx="7715">
                  <c:v>15.730240479446287</c:v>
                </c:pt>
                <c:pt idx="7716">
                  <c:v>15.730240479446287</c:v>
                </c:pt>
                <c:pt idx="7717">
                  <c:v>15.730240479446287</c:v>
                </c:pt>
                <c:pt idx="7718">
                  <c:v>15.730240479446287</c:v>
                </c:pt>
                <c:pt idx="7719">
                  <c:v>13.982435981730031</c:v>
                </c:pt>
                <c:pt idx="7720">
                  <c:v>13.732749624913424</c:v>
                </c:pt>
                <c:pt idx="7721">
                  <c:v>11.735258770380563</c:v>
                </c:pt>
                <c:pt idx="7722">
                  <c:v>10.986199699930742</c:v>
                </c:pt>
                <c:pt idx="7723">
                  <c:v>9.238395202214484</c:v>
                </c:pt>
                <c:pt idx="7724">
                  <c:v>7.7402770613148393</c:v>
                </c:pt>
                <c:pt idx="7725">
                  <c:v>6.7415316340484086</c:v>
                </c:pt>
                <c:pt idx="7726">
                  <c:v>6.7415316340484086</c:v>
                </c:pt>
                <c:pt idx="7727">
                  <c:v>6.7415316340484086</c:v>
                </c:pt>
                <c:pt idx="7728">
                  <c:v>2.0390155700575852</c:v>
                </c:pt>
                <c:pt idx="7729">
                  <c:v>2.0390155700575852</c:v>
                </c:pt>
                <c:pt idx="7730">
                  <c:v>2.0390155700575852</c:v>
                </c:pt>
                <c:pt idx="7731">
                  <c:v>2.0390155700575852</c:v>
                </c:pt>
                <c:pt idx="7732">
                  <c:v>2.0390155700575852</c:v>
                </c:pt>
                <c:pt idx="7733">
                  <c:v>8.8357341369162015</c:v>
                </c:pt>
                <c:pt idx="7734">
                  <c:v>10.025159886116461</c:v>
                </c:pt>
                <c:pt idx="7735">
                  <c:v>10.025159886116461</c:v>
                </c:pt>
                <c:pt idx="7736">
                  <c:v>10.025159886116461</c:v>
                </c:pt>
                <c:pt idx="7737">
                  <c:v>10.704831742802323</c:v>
                </c:pt>
                <c:pt idx="7738">
                  <c:v>10.704831742802323</c:v>
                </c:pt>
                <c:pt idx="7739">
                  <c:v>13.593437133717238</c:v>
                </c:pt>
                <c:pt idx="7740">
                  <c:v>13.593437133717238</c:v>
                </c:pt>
                <c:pt idx="7741">
                  <c:v>9.0056521010876676</c:v>
                </c:pt>
                <c:pt idx="7742">
                  <c:v>13.593437133717238</c:v>
                </c:pt>
                <c:pt idx="7743">
                  <c:v>13.593437133717238</c:v>
                </c:pt>
                <c:pt idx="7744">
                  <c:v>13.593437133717238</c:v>
                </c:pt>
                <c:pt idx="7745">
                  <c:v>13.593437133717238</c:v>
                </c:pt>
                <c:pt idx="7746">
                  <c:v>13.593437133717238</c:v>
                </c:pt>
                <c:pt idx="7747">
                  <c:v>11.384503599488184</c:v>
                </c:pt>
                <c:pt idx="7748">
                  <c:v>9.345488029430598</c:v>
                </c:pt>
                <c:pt idx="7749">
                  <c:v>6.796718566858619</c:v>
                </c:pt>
                <c:pt idx="7750">
                  <c:v>6.4568826385156859</c:v>
                </c:pt>
                <c:pt idx="7751">
                  <c:v>6.4568826385156859</c:v>
                </c:pt>
                <c:pt idx="7752">
                  <c:v>6.1323470024821356</c:v>
                </c:pt>
                <c:pt idx="7753">
                  <c:v>6.1323470024821356</c:v>
                </c:pt>
                <c:pt idx="7754">
                  <c:v>6.1323470024821356</c:v>
                </c:pt>
                <c:pt idx="7755">
                  <c:v>6.1323470024821356</c:v>
                </c:pt>
                <c:pt idx="7756">
                  <c:v>6.1323470024821356</c:v>
                </c:pt>
                <c:pt idx="7757">
                  <c:v>7.9720511032267742</c:v>
                </c:pt>
                <c:pt idx="7758">
                  <c:v>8.8919031535990953</c:v>
                </c:pt>
                <c:pt idx="7759">
                  <c:v>9.1985205037232038</c:v>
                </c:pt>
                <c:pt idx="7760">
                  <c:v>9.1985205037232038</c:v>
                </c:pt>
                <c:pt idx="7761">
                  <c:v>9.9650638790334689</c:v>
                </c:pt>
                <c:pt idx="7762">
                  <c:v>10.424989904219631</c:v>
                </c:pt>
                <c:pt idx="7763">
                  <c:v>12.264694004964271</c:v>
                </c:pt>
                <c:pt idx="7764">
                  <c:v>12.264694004964271</c:v>
                </c:pt>
                <c:pt idx="7765">
                  <c:v>12.264694004964271</c:v>
                </c:pt>
                <c:pt idx="7766">
                  <c:v>12.264694004964271</c:v>
                </c:pt>
                <c:pt idx="7767">
                  <c:v>12.264694004964271</c:v>
                </c:pt>
                <c:pt idx="7768">
                  <c:v>12.264694004964271</c:v>
                </c:pt>
                <c:pt idx="7769">
                  <c:v>12.264694004964271</c:v>
                </c:pt>
                <c:pt idx="7770">
                  <c:v>12.264694004964271</c:v>
                </c:pt>
                <c:pt idx="7771">
                  <c:v>10.271681229157577</c:v>
                </c:pt>
                <c:pt idx="7772">
                  <c:v>8.4319771284129352</c:v>
                </c:pt>
                <c:pt idx="7773">
                  <c:v>6.1323470024821356</c:v>
                </c:pt>
                <c:pt idx="7774">
                  <c:v>6.1323470024821356</c:v>
                </c:pt>
                <c:pt idx="7775">
                  <c:v>6.1323470024821356</c:v>
                </c:pt>
                <c:pt idx="7776">
                  <c:v>5.5237093941128892</c:v>
                </c:pt>
                <c:pt idx="7777">
                  <c:v>6.2141730683769998</c:v>
                </c:pt>
                <c:pt idx="7778">
                  <c:v>6.2141730683769998</c:v>
                </c:pt>
                <c:pt idx="7779">
                  <c:v>6.2141730683769998</c:v>
                </c:pt>
                <c:pt idx="7780">
                  <c:v>6.2141730683769998</c:v>
                </c:pt>
                <c:pt idx="7781">
                  <c:v>8.0093786214636893</c:v>
                </c:pt>
                <c:pt idx="7782">
                  <c:v>9.2522132351390898</c:v>
                </c:pt>
                <c:pt idx="7783">
                  <c:v>9.2522132351390898</c:v>
                </c:pt>
                <c:pt idx="7784">
                  <c:v>9.2522132351390898</c:v>
                </c:pt>
                <c:pt idx="7785">
                  <c:v>9.9426769094032004</c:v>
                </c:pt>
                <c:pt idx="7786">
                  <c:v>10.771233318520133</c:v>
                </c:pt>
                <c:pt idx="7787">
                  <c:v>12.428346136754</c:v>
                </c:pt>
                <c:pt idx="7788">
                  <c:v>12.428346136754</c:v>
                </c:pt>
                <c:pt idx="7789">
                  <c:v>12.428346136754</c:v>
                </c:pt>
                <c:pt idx="7790">
                  <c:v>12.428346136754</c:v>
                </c:pt>
                <c:pt idx="7791">
                  <c:v>12.428346136754</c:v>
                </c:pt>
                <c:pt idx="7792">
                  <c:v>12.428346136754</c:v>
                </c:pt>
                <c:pt idx="7793">
                  <c:v>12.428346136754</c:v>
                </c:pt>
                <c:pt idx="7794">
                  <c:v>12.428346136754</c:v>
                </c:pt>
                <c:pt idx="7795">
                  <c:v>10.356955113961666</c:v>
                </c:pt>
                <c:pt idx="7796">
                  <c:v>8.2855640911693342</c:v>
                </c:pt>
                <c:pt idx="7797">
                  <c:v>6.2141730683769998</c:v>
                </c:pt>
                <c:pt idx="7798">
                  <c:v>6.2141730683769998</c:v>
                </c:pt>
                <c:pt idx="7799">
                  <c:v>6.2141730683769998</c:v>
                </c:pt>
                <c:pt idx="7800">
                  <c:v>5.6052254093134977</c:v>
                </c:pt>
                <c:pt idx="7801">
                  <c:v>5.6052254093134977</c:v>
                </c:pt>
                <c:pt idx="7802">
                  <c:v>5.6052254093134977</c:v>
                </c:pt>
                <c:pt idx="7803">
                  <c:v>5.6052254093134977</c:v>
                </c:pt>
                <c:pt idx="7804">
                  <c:v>5.6052254093134977</c:v>
                </c:pt>
                <c:pt idx="7805">
                  <c:v>7.2245127497818418</c:v>
                </c:pt>
                <c:pt idx="7806">
                  <c:v>8.3455578316445411</c:v>
                </c:pt>
                <c:pt idx="7807">
                  <c:v>8.3455578316445411</c:v>
                </c:pt>
                <c:pt idx="7808">
                  <c:v>8.3455578316445411</c:v>
                </c:pt>
                <c:pt idx="7809">
                  <c:v>8.9683606549015966</c:v>
                </c:pt>
                <c:pt idx="7810">
                  <c:v>9.7157240428100646</c:v>
                </c:pt>
                <c:pt idx="7811">
                  <c:v>11.210450818626995</c:v>
                </c:pt>
                <c:pt idx="7812">
                  <c:v>11.210450818626995</c:v>
                </c:pt>
                <c:pt idx="7813">
                  <c:v>11.210450818626995</c:v>
                </c:pt>
                <c:pt idx="7814">
                  <c:v>11.210450818626995</c:v>
                </c:pt>
                <c:pt idx="7815">
                  <c:v>11.210450818626995</c:v>
                </c:pt>
                <c:pt idx="7816">
                  <c:v>11.210450818626995</c:v>
                </c:pt>
                <c:pt idx="7817">
                  <c:v>11.210450818626995</c:v>
                </c:pt>
                <c:pt idx="7818">
                  <c:v>11.210450818626995</c:v>
                </c:pt>
                <c:pt idx="7819">
                  <c:v>9.3420423488558306</c:v>
                </c:pt>
                <c:pt idx="7820">
                  <c:v>7.4736338790846641</c:v>
                </c:pt>
                <c:pt idx="7821">
                  <c:v>5.6052254093134977</c:v>
                </c:pt>
                <c:pt idx="7822">
                  <c:v>5.6052254093134977</c:v>
                </c:pt>
                <c:pt idx="7823">
                  <c:v>5.6052254093134977</c:v>
                </c:pt>
                <c:pt idx="7824">
                  <c:v>6.1027650559586277</c:v>
                </c:pt>
                <c:pt idx="7825">
                  <c:v>6.1027650559586277</c:v>
                </c:pt>
                <c:pt idx="7826">
                  <c:v>6.1027650559586277</c:v>
                </c:pt>
                <c:pt idx="7827">
                  <c:v>6.1027650559586277</c:v>
                </c:pt>
                <c:pt idx="7828">
                  <c:v>6.1027650559586277</c:v>
                </c:pt>
                <c:pt idx="7829">
                  <c:v>7.865786072124453</c:v>
                </c:pt>
                <c:pt idx="7830">
                  <c:v>9.4931900870467558</c:v>
                </c:pt>
                <c:pt idx="7831">
                  <c:v>9.4931900870467558</c:v>
                </c:pt>
                <c:pt idx="7832">
                  <c:v>9.4931900870467558</c:v>
                </c:pt>
                <c:pt idx="7833">
                  <c:v>10.171275093264381</c:v>
                </c:pt>
                <c:pt idx="7834">
                  <c:v>10.578126096994955</c:v>
                </c:pt>
                <c:pt idx="7835">
                  <c:v>12.205530111917255</c:v>
                </c:pt>
                <c:pt idx="7836">
                  <c:v>12.205530111917255</c:v>
                </c:pt>
                <c:pt idx="7837">
                  <c:v>12.205530111917255</c:v>
                </c:pt>
                <c:pt idx="7838">
                  <c:v>12.205530111917255</c:v>
                </c:pt>
                <c:pt idx="7839">
                  <c:v>10.171275093264381</c:v>
                </c:pt>
                <c:pt idx="7840">
                  <c:v>9.6288070882902801</c:v>
                </c:pt>
                <c:pt idx="7841">
                  <c:v>9.6288070882902801</c:v>
                </c:pt>
                <c:pt idx="7842">
                  <c:v>9.6288070882902801</c:v>
                </c:pt>
                <c:pt idx="7843">
                  <c:v>9.6288070882902801</c:v>
                </c:pt>
                <c:pt idx="7844">
                  <c:v>7.4589350683938793</c:v>
                </c:pt>
                <c:pt idx="7845">
                  <c:v>2.8479570261140261</c:v>
                </c:pt>
                <c:pt idx="7846">
                  <c:v>2.8479570261140261</c:v>
                </c:pt>
                <c:pt idx="7847">
                  <c:v>2.8479570261140261</c:v>
                </c:pt>
                <c:pt idx="7848">
                  <c:v>4.3782424775951476</c:v>
                </c:pt>
                <c:pt idx="7849">
                  <c:v>8.5479972181619566</c:v>
                </c:pt>
                <c:pt idx="7850">
                  <c:v>8.5479972181619566</c:v>
                </c:pt>
                <c:pt idx="7851">
                  <c:v>8.5479972181619566</c:v>
                </c:pt>
                <c:pt idx="7852">
                  <c:v>8.5479972181619566</c:v>
                </c:pt>
                <c:pt idx="7853">
                  <c:v>10.632874588445359</c:v>
                </c:pt>
                <c:pt idx="7854">
                  <c:v>13.343215169813783</c:v>
                </c:pt>
                <c:pt idx="7855">
                  <c:v>15.219604803068847</c:v>
                </c:pt>
                <c:pt idx="7856">
                  <c:v>15.219604803068847</c:v>
                </c:pt>
                <c:pt idx="7857">
                  <c:v>15.219604803068847</c:v>
                </c:pt>
                <c:pt idx="7858">
                  <c:v>15.219604803068847</c:v>
                </c:pt>
                <c:pt idx="7859">
                  <c:v>15.219604803068847</c:v>
                </c:pt>
                <c:pt idx="7860">
                  <c:v>15.219604803068847</c:v>
                </c:pt>
                <c:pt idx="7861">
                  <c:v>15.219604803068847</c:v>
                </c:pt>
                <c:pt idx="7862">
                  <c:v>15.219604803068847</c:v>
                </c:pt>
                <c:pt idx="7863">
                  <c:v>13.760190643870464</c:v>
                </c:pt>
                <c:pt idx="7864">
                  <c:v>12.509264221700423</c:v>
                </c:pt>
                <c:pt idx="7865">
                  <c:v>11.258337799530381</c:v>
                </c:pt>
                <c:pt idx="7866">
                  <c:v>10.8413623254737</c:v>
                </c:pt>
                <c:pt idx="7867">
                  <c:v>8.7564849551902952</c:v>
                </c:pt>
                <c:pt idx="7868">
                  <c:v>6.4631198478785503</c:v>
                </c:pt>
                <c:pt idx="7869">
                  <c:v>6.4631198478785503</c:v>
                </c:pt>
                <c:pt idx="7870">
                  <c:v>6.4631198478785503</c:v>
                </c:pt>
                <c:pt idx="7871">
                  <c:v>6.4631198478785503</c:v>
                </c:pt>
                <c:pt idx="7872">
                  <c:v>7.6744802409568553</c:v>
                </c:pt>
                <c:pt idx="7873">
                  <c:v>8.9122996346595738</c:v>
                </c:pt>
                <c:pt idx="7874">
                  <c:v>8.9122996346595738</c:v>
                </c:pt>
                <c:pt idx="7875">
                  <c:v>8.9122996346595738</c:v>
                </c:pt>
                <c:pt idx="7876">
                  <c:v>8.9122996346595738</c:v>
                </c:pt>
                <c:pt idx="7877">
                  <c:v>11.140374543324466</c:v>
                </c:pt>
                <c:pt idx="7878">
                  <c:v>13.120885573248819</c:v>
                </c:pt>
                <c:pt idx="7879">
                  <c:v>15.596524360654255</c:v>
                </c:pt>
                <c:pt idx="7880">
                  <c:v>15.596524360654255</c:v>
                </c:pt>
                <c:pt idx="7881">
                  <c:v>15.596524360654255</c:v>
                </c:pt>
                <c:pt idx="7882">
                  <c:v>15.596524360654255</c:v>
                </c:pt>
                <c:pt idx="7883">
                  <c:v>15.596524360654255</c:v>
                </c:pt>
                <c:pt idx="7884">
                  <c:v>15.596524360654255</c:v>
                </c:pt>
                <c:pt idx="7885">
                  <c:v>15.596524360654255</c:v>
                </c:pt>
                <c:pt idx="7886">
                  <c:v>15.596524360654255</c:v>
                </c:pt>
                <c:pt idx="7887">
                  <c:v>13.863577209470447</c:v>
                </c:pt>
                <c:pt idx="7888">
                  <c:v>13.616013330729904</c:v>
                </c:pt>
                <c:pt idx="7889">
                  <c:v>11.635502300805555</c:v>
                </c:pt>
                <c:pt idx="7890">
                  <c:v>10.892810664583925</c:v>
                </c:pt>
                <c:pt idx="7891">
                  <c:v>9.1598635134001185</c:v>
                </c:pt>
                <c:pt idx="7892">
                  <c:v>7.6744802409568553</c:v>
                </c:pt>
                <c:pt idx="7893">
                  <c:v>6.6842247259946808</c:v>
                </c:pt>
                <c:pt idx="7894">
                  <c:v>6.6842247259946808</c:v>
                </c:pt>
                <c:pt idx="7895">
                  <c:v>6.6842247259946808</c:v>
                </c:pt>
                <c:pt idx="7896">
                  <c:v>2.0307240239693582</c:v>
                </c:pt>
                <c:pt idx="7897">
                  <c:v>2.0307240239693582</c:v>
                </c:pt>
                <c:pt idx="7898">
                  <c:v>2.0307240239693582</c:v>
                </c:pt>
                <c:pt idx="7899">
                  <c:v>2.0307240239693582</c:v>
                </c:pt>
                <c:pt idx="7900">
                  <c:v>2.0307240239693582</c:v>
                </c:pt>
                <c:pt idx="7901">
                  <c:v>8.7998041038672188</c:v>
                </c:pt>
                <c:pt idx="7902">
                  <c:v>9.9843931178493452</c:v>
                </c:pt>
                <c:pt idx="7903">
                  <c:v>9.9843931178493452</c:v>
                </c:pt>
                <c:pt idx="7904">
                  <c:v>9.9843931178493452</c:v>
                </c:pt>
                <c:pt idx="7905">
                  <c:v>10.661301125839131</c:v>
                </c:pt>
                <c:pt idx="7906">
                  <c:v>10.661301125839131</c:v>
                </c:pt>
                <c:pt idx="7907">
                  <c:v>13.538160159795723</c:v>
                </c:pt>
                <c:pt idx="7908">
                  <c:v>13.538160159795723</c:v>
                </c:pt>
                <c:pt idx="7909">
                  <c:v>8.9690311058646675</c:v>
                </c:pt>
                <c:pt idx="7910">
                  <c:v>13.538160159795723</c:v>
                </c:pt>
                <c:pt idx="7911">
                  <c:v>13.538160159795723</c:v>
                </c:pt>
                <c:pt idx="7912">
                  <c:v>13.538160159795723</c:v>
                </c:pt>
                <c:pt idx="7913">
                  <c:v>13.538160159795723</c:v>
                </c:pt>
                <c:pt idx="7914">
                  <c:v>13.538160159795723</c:v>
                </c:pt>
                <c:pt idx="7915">
                  <c:v>11.338209133828917</c:v>
                </c:pt>
                <c:pt idx="7916">
                  <c:v>9.3074851098595595</c:v>
                </c:pt>
                <c:pt idx="7917">
                  <c:v>6.7690800798978614</c:v>
                </c:pt>
                <c:pt idx="7918">
                  <c:v>6.4306260759029685</c:v>
                </c:pt>
                <c:pt idx="7919">
                  <c:v>6.4306260759029685</c:v>
                </c:pt>
                <c:pt idx="7920">
                  <c:v>6.1404185882935121</c:v>
                </c:pt>
                <c:pt idx="7921">
                  <c:v>6.1404185882935121</c:v>
                </c:pt>
                <c:pt idx="7922">
                  <c:v>6.1404185882935121</c:v>
                </c:pt>
                <c:pt idx="7923">
                  <c:v>6.1404185882935121</c:v>
                </c:pt>
                <c:pt idx="7924">
                  <c:v>6.1404185882935121</c:v>
                </c:pt>
                <c:pt idx="7925">
                  <c:v>7.9825441647815634</c:v>
                </c:pt>
                <c:pt idx="7926">
                  <c:v>8.903606953025589</c:v>
                </c:pt>
                <c:pt idx="7927">
                  <c:v>9.2106278824402672</c:v>
                </c:pt>
                <c:pt idx="7928">
                  <c:v>9.2106278824402672</c:v>
                </c:pt>
                <c:pt idx="7929">
                  <c:v>9.9781802059769547</c:v>
                </c:pt>
                <c:pt idx="7930">
                  <c:v>10.438711600098967</c:v>
                </c:pt>
                <c:pt idx="7931">
                  <c:v>12.280837176587024</c:v>
                </c:pt>
                <c:pt idx="7932">
                  <c:v>12.280837176587024</c:v>
                </c:pt>
                <c:pt idx="7933">
                  <c:v>12.280837176587024</c:v>
                </c:pt>
                <c:pt idx="7934">
                  <c:v>12.280837176587024</c:v>
                </c:pt>
                <c:pt idx="7935">
                  <c:v>12.280837176587024</c:v>
                </c:pt>
                <c:pt idx="7936">
                  <c:v>12.280837176587024</c:v>
                </c:pt>
                <c:pt idx="7937">
                  <c:v>12.280837176587024</c:v>
                </c:pt>
                <c:pt idx="7938">
                  <c:v>12.280837176587024</c:v>
                </c:pt>
                <c:pt idx="7939">
                  <c:v>10.285201135391631</c:v>
                </c:pt>
                <c:pt idx="7940">
                  <c:v>8.4430755589035762</c:v>
                </c:pt>
                <c:pt idx="7941">
                  <c:v>6.1404185882935121</c:v>
                </c:pt>
                <c:pt idx="7942">
                  <c:v>6.1404185882935121</c:v>
                </c:pt>
                <c:pt idx="7943">
                  <c:v>6.1404185882935121</c:v>
                </c:pt>
                <c:pt idx="7944">
                  <c:v>5.6029545185550376</c:v>
                </c:pt>
                <c:pt idx="7945">
                  <c:v>6.3033238333744155</c:v>
                </c:pt>
                <c:pt idx="7946">
                  <c:v>6.3033238333744155</c:v>
                </c:pt>
                <c:pt idx="7947">
                  <c:v>6.3033238333744155</c:v>
                </c:pt>
                <c:pt idx="7948">
                  <c:v>6.3033238333744155</c:v>
                </c:pt>
                <c:pt idx="7949">
                  <c:v>8.1242840519048034</c:v>
                </c:pt>
                <c:pt idx="7950">
                  <c:v>9.3849488185796872</c:v>
                </c:pt>
                <c:pt idx="7951">
                  <c:v>9.3849488185796872</c:v>
                </c:pt>
                <c:pt idx="7952">
                  <c:v>9.3849488185796872</c:v>
                </c:pt>
                <c:pt idx="7953">
                  <c:v>10.085318133399067</c:v>
                </c:pt>
                <c:pt idx="7954">
                  <c:v>10.925761311182322</c:v>
                </c:pt>
                <c:pt idx="7955">
                  <c:v>12.606647666748831</c:v>
                </c:pt>
                <c:pt idx="7956">
                  <c:v>12.606647666748831</c:v>
                </c:pt>
                <c:pt idx="7957">
                  <c:v>12.606647666748831</c:v>
                </c:pt>
                <c:pt idx="7958">
                  <c:v>12.606647666748831</c:v>
                </c:pt>
                <c:pt idx="7959">
                  <c:v>12.606647666748831</c:v>
                </c:pt>
                <c:pt idx="7960">
                  <c:v>12.606647666748831</c:v>
                </c:pt>
                <c:pt idx="7961">
                  <c:v>12.606647666748831</c:v>
                </c:pt>
                <c:pt idx="7962">
                  <c:v>12.606647666748831</c:v>
                </c:pt>
                <c:pt idx="7963">
                  <c:v>10.505539722290694</c:v>
                </c:pt>
                <c:pt idx="7964">
                  <c:v>8.4044317778325563</c:v>
                </c:pt>
                <c:pt idx="7965">
                  <c:v>6.3033238333744155</c:v>
                </c:pt>
                <c:pt idx="7966">
                  <c:v>6.3033238333744155</c:v>
                </c:pt>
                <c:pt idx="7967">
                  <c:v>6.3033238333744155</c:v>
                </c:pt>
                <c:pt idx="7968">
                  <c:v>6.0253678524170855</c:v>
                </c:pt>
                <c:pt idx="7969">
                  <c:v>6.0253678524170855</c:v>
                </c:pt>
                <c:pt idx="7970">
                  <c:v>6.0253678524170855</c:v>
                </c:pt>
                <c:pt idx="7971">
                  <c:v>6.0253678524170855</c:v>
                </c:pt>
                <c:pt idx="7972">
                  <c:v>6.0253678524170855</c:v>
                </c:pt>
                <c:pt idx="7973">
                  <c:v>7.7660296764486887</c:v>
                </c:pt>
                <c:pt idx="7974">
                  <c:v>8.9711032469321079</c:v>
                </c:pt>
                <c:pt idx="7975">
                  <c:v>8.9711032469321079</c:v>
                </c:pt>
                <c:pt idx="7976">
                  <c:v>8.9711032469321079</c:v>
                </c:pt>
                <c:pt idx="7977">
                  <c:v>9.6405885638673379</c:v>
                </c:pt>
                <c:pt idx="7978">
                  <c:v>10.443970944189617</c:v>
                </c:pt>
                <c:pt idx="7979">
                  <c:v>12.050735704834171</c:v>
                </c:pt>
                <c:pt idx="7980">
                  <c:v>12.050735704834171</c:v>
                </c:pt>
                <c:pt idx="7981">
                  <c:v>12.050735704834171</c:v>
                </c:pt>
                <c:pt idx="7982">
                  <c:v>12.050735704834171</c:v>
                </c:pt>
                <c:pt idx="7983">
                  <c:v>12.050735704834171</c:v>
                </c:pt>
                <c:pt idx="7984">
                  <c:v>12.050735704834171</c:v>
                </c:pt>
                <c:pt idx="7985">
                  <c:v>12.050735704834171</c:v>
                </c:pt>
                <c:pt idx="7986">
                  <c:v>12.050735704834171</c:v>
                </c:pt>
                <c:pt idx="7987">
                  <c:v>10.042279754028476</c:v>
                </c:pt>
                <c:pt idx="7988">
                  <c:v>8.0338238032227824</c:v>
                </c:pt>
                <c:pt idx="7989">
                  <c:v>6.0253678524170855</c:v>
                </c:pt>
                <c:pt idx="7990">
                  <c:v>6.0253678524170855</c:v>
                </c:pt>
                <c:pt idx="7991">
                  <c:v>6.0253678524170855</c:v>
                </c:pt>
                <c:pt idx="7992">
                  <c:v>6.7663543184983999</c:v>
                </c:pt>
                <c:pt idx="7993">
                  <c:v>6.7663543184983999</c:v>
                </c:pt>
                <c:pt idx="7994">
                  <c:v>6.7663543184983999</c:v>
                </c:pt>
                <c:pt idx="7995">
                  <c:v>6.7663543184983999</c:v>
                </c:pt>
                <c:pt idx="7996">
                  <c:v>6.7663543184983999</c:v>
                </c:pt>
                <c:pt idx="7997">
                  <c:v>8.7210788993979396</c:v>
                </c:pt>
                <c:pt idx="7998">
                  <c:v>10.525440050997512</c:v>
                </c:pt>
                <c:pt idx="7999">
                  <c:v>10.525440050997512</c:v>
                </c:pt>
                <c:pt idx="8000">
                  <c:v>10.525440050997512</c:v>
                </c:pt>
                <c:pt idx="8001">
                  <c:v>11.277257197497333</c:v>
                </c:pt>
                <c:pt idx="8002">
                  <c:v>11.728347485397228</c:v>
                </c:pt>
                <c:pt idx="8003">
                  <c:v>13.5327086369968</c:v>
                </c:pt>
                <c:pt idx="8004">
                  <c:v>13.5327086369968</c:v>
                </c:pt>
                <c:pt idx="8005">
                  <c:v>13.5327086369968</c:v>
                </c:pt>
                <c:pt idx="8006">
                  <c:v>13.5327086369968</c:v>
                </c:pt>
                <c:pt idx="8007">
                  <c:v>11.277257197497333</c:v>
                </c:pt>
                <c:pt idx="8008">
                  <c:v>10.675803480297477</c:v>
                </c:pt>
                <c:pt idx="8009">
                  <c:v>10.675803480297477</c:v>
                </c:pt>
                <c:pt idx="8010">
                  <c:v>10.675803480297477</c:v>
                </c:pt>
                <c:pt idx="8011">
                  <c:v>10.675803480297477</c:v>
                </c:pt>
                <c:pt idx="8012">
                  <c:v>8.2699886114980448</c:v>
                </c:pt>
                <c:pt idx="8013">
                  <c:v>3.1576320152992539</c:v>
                </c:pt>
                <c:pt idx="8014">
                  <c:v>3.1576320152992539</c:v>
                </c:pt>
                <c:pt idx="8015">
                  <c:v>3.1576320152992539</c:v>
                </c:pt>
                <c:pt idx="8016">
                  <c:v>4.8946105993578222</c:v>
                </c:pt>
                <c:pt idx="8017">
                  <c:v>9.5561445035081292</c:v>
                </c:pt>
                <c:pt idx="8018">
                  <c:v>9.5561445035081292</c:v>
                </c:pt>
                <c:pt idx="8019">
                  <c:v>9.5561445035081292</c:v>
                </c:pt>
                <c:pt idx="8020">
                  <c:v>9.5561445035081292</c:v>
                </c:pt>
                <c:pt idx="8021">
                  <c:v>11.886911455583283</c:v>
                </c:pt>
                <c:pt idx="8022">
                  <c:v>14.916908493280983</c:v>
                </c:pt>
                <c:pt idx="8023">
                  <c:v>17.014598750148618</c:v>
                </c:pt>
                <c:pt idx="8024">
                  <c:v>17.014598750148618</c:v>
                </c:pt>
                <c:pt idx="8025">
                  <c:v>17.014598750148618</c:v>
                </c:pt>
                <c:pt idx="8026">
                  <c:v>17.014598750148618</c:v>
                </c:pt>
                <c:pt idx="8027">
                  <c:v>17.014598750148618</c:v>
                </c:pt>
                <c:pt idx="8028">
                  <c:v>17.014598750148618</c:v>
                </c:pt>
                <c:pt idx="8029">
                  <c:v>17.014598750148618</c:v>
                </c:pt>
                <c:pt idx="8030">
                  <c:v>17.014598750148618</c:v>
                </c:pt>
                <c:pt idx="8031">
                  <c:v>15.383061883696012</c:v>
                </c:pt>
                <c:pt idx="8032">
                  <c:v>13.984601712450921</c:v>
                </c:pt>
                <c:pt idx="8033">
                  <c:v>12.58614154120583</c:v>
                </c:pt>
                <c:pt idx="8034">
                  <c:v>12.119988150790798</c:v>
                </c:pt>
                <c:pt idx="8035">
                  <c:v>9.7892211987156443</c:v>
                </c:pt>
                <c:pt idx="8036">
                  <c:v>7.2253775514329757</c:v>
                </c:pt>
                <c:pt idx="8037">
                  <c:v>7.2253775514329757</c:v>
                </c:pt>
                <c:pt idx="8038">
                  <c:v>7.2253775514329757</c:v>
                </c:pt>
                <c:pt idx="8039">
                  <c:v>7.2253775514329757</c:v>
                </c:pt>
                <c:pt idx="8040">
                  <c:v>8.365346854715682</c:v>
                </c:pt>
                <c:pt idx="8041">
                  <c:v>9.7145963474117618</c:v>
                </c:pt>
                <c:pt idx="8042">
                  <c:v>9.7145963474117618</c:v>
                </c:pt>
                <c:pt idx="8043">
                  <c:v>9.7145963474117618</c:v>
                </c:pt>
                <c:pt idx="8044">
                  <c:v>9.7145963474117618</c:v>
                </c:pt>
                <c:pt idx="8045">
                  <c:v>12.143245434264699</c:v>
                </c:pt>
                <c:pt idx="8046">
                  <c:v>14.302044622578425</c:v>
                </c:pt>
                <c:pt idx="8047">
                  <c:v>17.000543607970581</c:v>
                </c:pt>
                <c:pt idx="8048">
                  <c:v>17.000543607970581</c:v>
                </c:pt>
                <c:pt idx="8049">
                  <c:v>17.000543607970581</c:v>
                </c:pt>
                <c:pt idx="8050">
                  <c:v>17.000543607970581</c:v>
                </c:pt>
                <c:pt idx="8051">
                  <c:v>17.000543607970581</c:v>
                </c:pt>
                <c:pt idx="8052">
                  <c:v>17.000543607970581</c:v>
                </c:pt>
                <c:pt idx="8053">
                  <c:v>17.000543607970581</c:v>
                </c:pt>
                <c:pt idx="8054">
                  <c:v>17.000543607970581</c:v>
                </c:pt>
                <c:pt idx="8055">
                  <c:v>15.111594318196071</c:v>
                </c:pt>
                <c:pt idx="8056">
                  <c:v>14.841744419656855</c:v>
                </c:pt>
                <c:pt idx="8057">
                  <c:v>12.682945231343131</c:v>
                </c:pt>
                <c:pt idx="8058">
                  <c:v>11.873395535725484</c:v>
                </c:pt>
                <c:pt idx="8059">
                  <c:v>9.9844462459509771</c:v>
                </c:pt>
                <c:pt idx="8060">
                  <c:v>8.365346854715682</c:v>
                </c:pt>
                <c:pt idx="8061">
                  <c:v>7.28594726055882</c:v>
                </c:pt>
                <c:pt idx="8062">
                  <c:v>7.28594726055882</c:v>
                </c:pt>
                <c:pt idx="8063">
                  <c:v>7.28594726055882</c:v>
                </c:pt>
                <c:pt idx="8064">
                  <c:v>2.1523333665966922</c:v>
                </c:pt>
                <c:pt idx="8065">
                  <c:v>2.1523333665966922</c:v>
                </c:pt>
                <c:pt idx="8066">
                  <c:v>2.1523333665966922</c:v>
                </c:pt>
                <c:pt idx="8067">
                  <c:v>2.1523333665966922</c:v>
                </c:pt>
                <c:pt idx="8068">
                  <c:v>2.1523333665966922</c:v>
                </c:pt>
                <c:pt idx="8069">
                  <c:v>9.3267779219189997</c:v>
                </c:pt>
                <c:pt idx="8070">
                  <c:v>10.582305719100404</c:v>
                </c:pt>
                <c:pt idx="8071">
                  <c:v>10.582305719100404</c:v>
                </c:pt>
                <c:pt idx="8072">
                  <c:v>10.582305719100404</c:v>
                </c:pt>
                <c:pt idx="8073">
                  <c:v>11.299750174632635</c:v>
                </c:pt>
                <c:pt idx="8074">
                  <c:v>11.299750174632635</c:v>
                </c:pt>
                <c:pt idx="8075">
                  <c:v>14.348889110644615</c:v>
                </c:pt>
                <c:pt idx="8076">
                  <c:v>14.348889110644615</c:v>
                </c:pt>
                <c:pt idx="8077">
                  <c:v>9.5061390358020574</c:v>
                </c:pt>
                <c:pt idx="8078">
                  <c:v>14.348889110644615</c:v>
                </c:pt>
                <c:pt idx="8079">
                  <c:v>14.348889110644615</c:v>
                </c:pt>
                <c:pt idx="8080">
                  <c:v>14.348889110644615</c:v>
                </c:pt>
                <c:pt idx="8081">
                  <c:v>14.348889110644615</c:v>
                </c:pt>
                <c:pt idx="8082">
                  <c:v>14.348889110644615</c:v>
                </c:pt>
                <c:pt idx="8083">
                  <c:v>12.017194630164866</c:v>
                </c:pt>
                <c:pt idx="8084">
                  <c:v>9.8648612635681729</c:v>
                </c:pt>
                <c:pt idx="8085">
                  <c:v>7.1744445553223075</c:v>
                </c:pt>
                <c:pt idx="8086">
                  <c:v>6.815722327556192</c:v>
                </c:pt>
                <c:pt idx="8087">
                  <c:v>6.815722327556192</c:v>
                </c:pt>
                <c:pt idx="8088">
                  <c:v>6.3018503045210528</c:v>
                </c:pt>
                <c:pt idx="8089">
                  <c:v>6.3018503045210528</c:v>
                </c:pt>
                <c:pt idx="8090">
                  <c:v>6.3018503045210528</c:v>
                </c:pt>
                <c:pt idx="8091">
                  <c:v>6.3018503045210528</c:v>
                </c:pt>
                <c:pt idx="8092">
                  <c:v>6.3018503045210528</c:v>
                </c:pt>
                <c:pt idx="8093">
                  <c:v>8.1924053958773673</c:v>
                </c:pt>
                <c:pt idx="8094">
                  <c:v>9.137682941555525</c:v>
                </c:pt>
                <c:pt idx="8095">
                  <c:v>9.4527754567815787</c:v>
                </c:pt>
                <c:pt idx="8096">
                  <c:v>9.4527754567815787</c:v>
                </c:pt>
                <c:pt idx="8097">
                  <c:v>10.240506744846709</c:v>
                </c:pt>
                <c:pt idx="8098">
                  <c:v>10.713145517685788</c:v>
                </c:pt>
                <c:pt idx="8099">
                  <c:v>12.603700609042106</c:v>
                </c:pt>
                <c:pt idx="8100">
                  <c:v>12.603700609042106</c:v>
                </c:pt>
                <c:pt idx="8101">
                  <c:v>12.603700609042106</c:v>
                </c:pt>
                <c:pt idx="8102">
                  <c:v>12.603700609042106</c:v>
                </c:pt>
                <c:pt idx="8103">
                  <c:v>12.603700609042106</c:v>
                </c:pt>
                <c:pt idx="8104">
                  <c:v>12.603700609042106</c:v>
                </c:pt>
                <c:pt idx="8105">
                  <c:v>12.603700609042106</c:v>
                </c:pt>
                <c:pt idx="8106">
                  <c:v>12.603700609042106</c:v>
                </c:pt>
                <c:pt idx="8107">
                  <c:v>10.555599260072764</c:v>
                </c:pt>
                <c:pt idx="8108">
                  <c:v>8.665044168716447</c:v>
                </c:pt>
                <c:pt idx="8109">
                  <c:v>6.3018503045210528</c:v>
                </c:pt>
                <c:pt idx="8110">
                  <c:v>6.3018503045210528</c:v>
                </c:pt>
                <c:pt idx="8111">
                  <c:v>6.3018503045210528</c:v>
                </c:pt>
                <c:pt idx="8112">
                  <c:v>5.4012396563386611</c:v>
                </c:pt>
                <c:pt idx="8113">
                  <c:v>6.0763946133809927</c:v>
                </c:pt>
                <c:pt idx="8114">
                  <c:v>6.0763946133809927</c:v>
                </c:pt>
                <c:pt idx="8115">
                  <c:v>6.0763946133809927</c:v>
                </c:pt>
                <c:pt idx="8116">
                  <c:v>6.0763946133809927</c:v>
                </c:pt>
                <c:pt idx="8117">
                  <c:v>7.8317975016910593</c:v>
                </c:pt>
                <c:pt idx="8118">
                  <c:v>9.0470764243672583</c:v>
                </c:pt>
                <c:pt idx="8119">
                  <c:v>9.0470764243672583</c:v>
                </c:pt>
                <c:pt idx="8120">
                  <c:v>9.0470764243672583</c:v>
                </c:pt>
                <c:pt idx="8121">
                  <c:v>9.7222313814095891</c:v>
                </c:pt>
                <c:pt idx="8122">
                  <c:v>10.53241732986039</c:v>
                </c:pt>
                <c:pt idx="8123">
                  <c:v>12.152789226761985</c:v>
                </c:pt>
                <c:pt idx="8124">
                  <c:v>12.152789226761985</c:v>
                </c:pt>
                <c:pt idx="8125">
                  <c:v>12.152789226761985</c:v>
                </c:pt>
                <c:pt idx="8126">
                  <c:v>12.152789226761985</c:v>
                </c:pt>
                <c:pt idx="8127">
                  <c:v>12.152789226761985</c:v>
                </c:pt>
                <c:pt idx="8128">
                  <c:v>12.152789226761985</c:v>
                </c:pt>
                <c:pt idx="8129">
                  <c:v>12.152789226761985</c:v>
                </c:pt>
                <c:pt idx="8130">
                  <c:v>12.152789226761985</c:v>
                </c:pt>
                <c:pt idx="8131">
                  <c:v>10.127324355634988</c:v>
                </c:pt>
                <c:pt idx="8132">
                  <c:v>8.1018594845079921</c:v>
                </c:pt>
                <c:pt idx="8133">
                  <c:v>6.0763946133809927</c:v>
                </c:pt>
                <c:pt idx="8134">
                  <c:v>6.0763946133809927</c:v>
                </c:pt>
                <c:pt idx="8135">
                  <c:v>6.0763946133809927</c:v>
                </c:pt>
                <c:pt idx="8136">
                  <c:v>6.0334475147844628</c:v>
                </c:pt>
                <c:pt idx="8137">
                  <c:v>6.0334475147844628</c:v>
                </c:pt>
                <c:pt idx="8138">
                  <c:v>6.0334475147844628</c:v>
                </c:pt>
                <c:pt idx="8139">
                  <c:v>6.0334475147844628</c:v>
                </c:pt>
                <c:pt idx="8140">
                  <c:v>6.0334475147844628</c:v>
                </c:pt>
                <c:pt idx="8141">
                  <c:v>7.776443463499974</c:v>
                </c:pt>
                <c:pt idx="8142">
                  <c:v>8.9831329664568678</c:v>
                </c:pt>
                <c:pt idx="8143">
                  <c:v>8.9831329664568678</c:v>
                </c:pt>
                <c:pt idx="8144">
                  <c:v>8.9831329664568678</c:v>
                </c:pt>
                <c:pt idx="8145">
                  <c:v>9.6535160236551398</c:v>
                </c:pt>
                <c:pt idx="8146">
                  <c:v>10.457975692293068</c:v>
                </c:pt>
                <c:pt idx="8147">
                  <c:v>12.066895029568926</c:v>
                </c:pt>
                <c:pt idx="8148">
                  <c:v>12.066895029568926</c:v>
                </c:pt>
                <c:pt idx="8149">
                  <c:v>12.066895029568926</c:v>
                </c:pt>
                <c:pt idx="8150">
                  <c:v>12.066895029568926</c:v>
                </c:pt>
                <c:pt idx="8151">
                  <c:v>12.066895029568926</c:v>
                </c:pt>
                <c:pt idx="8152">
                  <c:v>12.066895029568926</c:v>
                </c:pt>
                <c:pt idx="8153">
                  <c:v>12.066895029568926</c:v>
                </c:pt>
                <c:pt idx="8154">
                  <c:v>12.066895029568926</c:v>
                </c:pt>
                <c:pt idx="8155">
                  <c:v>10.055745857974104</c:v>
                </c:pt>
                <c:pt idx="8156">
                  <c:v>8.0445966863792844</c:v>
                </c:pt>
                <c:pt idx="8157">
                  <c:v>6.0334475147844628</c:v>
                </c:pt>
                <c:pt idx="8158">
                  <c:v>6.0334475147844628</c:v>
                </c:pt>
                <c:pt idx="8159">
                  <c:v>6.0334475147844628</c:v>
                </c:pt>
                <c:pt idx="8160">
                  <c:v>6.8105936026677174</c:v>
                </c:pt>
                <c:pt idx="8161">
                  <c:v>6.8105936026677174</c:v>
                </c:pt>
                <c:pt idx="8162">
                  <c:v>6.8105936026677174</c:v>
                </c:pt>
                <c:pt idx="8163">
                  <c:v>6.8105936026677174</c:v>
                </c:pt>
                <c:pt idx="8164">
                  <c:v>6.8105936026677174</c:v>
                </c:pt>
                <c:pt idx="8165">
                  <c:v>8.7780984212161695</c:v>
                </c:pt>
                <c:pt idx="8166">
                  <c:v>10.594256715260896</c:v>
                </c:pt>
                <c:pt idx="8167">
                  <c:v>10.594256715260896</c:v>
                </c:pt>
                <c:pt idx="8168">
                  <c:v>10.594256715260896</c:v>
                </c:pt>
                <c:pt idx="8169">
                  <c:v>11.350989337779529</c:v>
                </c:pt>
                <c:pt idx="8170">
                  <c:v>11.805028911290712</c:v>
                </c:pt>
                <c:pt idx="8171">
                  <c:v>13.621187205335435</c:v>
                </c:pt>
                <c:pt idx="8172">
                  <c:v>13.621187205335435</c:v>
                </c:pt>
                <c:pt idx="8173">
                  <c:v>13.621187205335435</c:v>
                </c:pt>
                <c:pt idx="8174">
                  <c:v>13.621187205335435</c:v>
                </c:pt>
                <c:pt idx="8175">
                  <c:v>11.350989337779529</c:v>
                </c:pt>
                <c:pt idx="8176">
                  <c:v>10.745603239764623</c:v>
                </c:pt>
                <c:pt idx="8177">
                  <c:v>10.745603239764623</c:v>
                </c:pt>
                <c:pt idx="8178">
                  <c:v>10.745603239764623</c:v>
                </c:pt>
                <c:pt idx="8179">
                  <c:v>10.745603239764623</c:v>
                </c:pt>
                <c:pt idx="8180">
                  <c:v>8.3240588477049897</c:v>
                </c:pt>
                <c:pt idx="8181">
                  <c:v>3.1782770145782684</c:v>
                </c:pt>
                <c:pt idx="8182">
                  <c:v>3.1782770145782684</c:v>
                </c:pt>
                <c:pt idx="8183">
                  <c:v>3.1782770145782684</c:v>
                </c:pt>
                <c:pt idx="8184">
                  <c:v>4.9469010420679655</c:v>
                </c:pt>
                <c:pt idx="8185">
                  <c:v>9.6582353678469808</c:v>
                </c:pt>
                <c:pt idx="8186">
                  <c:v>9.6582353678469808</c:v>
                </c:pt>
                <c:pt idx="8187">
                  <c:v>9.6582353678469808</c:v>
                </c:pt>
                <c:pt idx="8188">
                  <c:v>9.6582353678469808</c:v>
                </c:pt>
                <c:pt idx="8189">
                  <c:v>12.013902530736488</c:v>
                </c:pt>
                <c:pt idx="8190">
                  <c:v>15.076269842492847</c:v>
                </c:pt>
                <c:pt idx="8191">
                  <c:v>17.196370289093405</c:v>
                </c:pt>
                <c:pt idx="8192">
                  <c:v>17.196370289093405</c:v>
                </c:pt>
                <c:pt idx="8193">
                  <c:v>17.196370289093405</c:v>
                </c:pt>
                <c:pt idx="8194">
                  <c:v>17.196370289093405</c:v>
                </c:pt>
                <c:pt idx="8195">
                  <c:v>17.196370289093405</c:v>
                </c:pt>
                <c:pt idx="8196">
                  <c:v>17.196370289093405</c:v>
                </c:pt>
                <c:pt idx="8197">
                  <c:v>17.196370289093405</c:v>
                </c:pt>
                <c:pt idx="8198">
                  <c:v>17.196370289093405</c:v>
                </c:pt>
                <c:pt idx="8199">
                  <c:v>15.547403275070748</c:v>
                </c:pt>
                <c:pt idx="8200">
                  <c:v>14.134002977337044</c:v>
                </c:pt>
                <c:pt idx="8201">
                  <c:v>12.72060267960334</c:v>
                </c:pt>
                <c:pt idx="8202">
                  <c:v>12.249469247025438</c:v>
                </c:pt>
                <c:pt idx="8203">
                  <c:v>9.8938020841359311</c:v>
                </c:pt>
                <c:pt idx="8204">
                  <c:v>7.3025682049574723</c:v>
                </c:pt>
                <c:pt idx="8205">
                  <c:v>7.3025682049574723</c:v>
                </c:pt>
                <c:pt idx="8206">
                  <c:v>7.3025682049574723</c:v>
                </c:pt>
                <c:pt idx="8207">
                  <c:v>7.3025682049574723</c:v>
                </c:pt>
                <c:pt idx="8208">
                  <c:v>7.6854463776831849</c:v>
                </c:pt>
                <c:pt idx="8209">
                  <c:v>8.9250345031159579</c:v>
                </c:pt>
                <c:pt idx="8210">
                  <c:v>8.9250345031159579</c:v>
                </c:pt>
                <c:pt idx="8211">
                  <c:v>8.9250345031159579</c:v>
                </c:pt>
                <c:pt idx="8212">
                  <c:v>8.9250345031159579</c:v>
                </c:pt>
                <c:pt idx="8213">
                  <c:v>11.156293128894946</c:v>
                </c:pt>
                <c:pt idx="8214">
                  <c:v>13.139634129587384</c:v>
                </c:pt>
                <c:pt idx="8215">
                  <c:v>15.618810380452928</c:v>
                </c:pt>
                <c:pt idx="8216">
                  <c:v>15.618810380452928</c:v>
                </c:pt>
                <c:pt idx="8217">
                  <c:v>15.618810380452928</c:v>
                </c:pt>
                <c:pt idx="8218">
                  <c:v>15.618810380452928</c:v>
                </c:pt>
                <c:pt idx="8219">
                  <c:v>15.618810380452928</c:v>
                </c:pt>
                <c:pt idx="8220">
                  <c:v>15.618810380452928</c:v>
                </c:pt>
                <c:pt idx="8221">
                  <c:v>15.618810380452928</c:v>
                </c:pt>
                <c:pt idx="8222">
                  <c:v>15.618810380452928</c:v>
                </c:pt>
                <c:pt idx="8223">
                  <c:v>13.883387004847044</c:v>
                </c:pt>
                <c:pt idx="8224">
                  <c:v>13.63546937976049</c:v>
                </c:pt>
                <c:pt idx="8225">
                  <c:v>11.652128379068055</c:v>
                </c:pt>
                <c:pt idx="8226">
                  <c:v>10.908375503808394</c:v>
                </c:pt>
                <c:pt idx="8227">
                  <c:v>9.1729521282025122</c:v>
                </c:pt>
                <c:pt idx="8228">
                  <c:v>7.6854463776831849</c:v>
                </c:pt>
                <c:pt idx="8229">
                  <c:v>6.6937758773369689</c:v>
                </c:pt>
                <c:pt idx="8230">
                  <c:v>6.6937758773369689</c:v>
                </c:pt>
                <c:pt idx="8231">
                  <c:v>6.6937758773369689</c:v>
                </c:pt>
                <c:pt idx="8232">
                  <c:v>1.9726832013517666</c:v>
                </c:pt>
                <c:pt idx="8233">
                  <c:v>1.9726832013517666</c:v>
                </c:pt>
                <c:pt idx="8234">
                  <c:v>1.9726832013517666</c:v>
                </c:pt>
                <c:pt idx="8235">
                  <c:v>1.9726832013517666</c:v>
                </c:pt>
                <c:pt idx="8236">
                  <c:v>1.9726832013517666</c:v>
                </c:pt>
                <c:pt idx="8237">
                  <c:v>8.5482938725243223</c:v>
                </c:pt>
                <c:pt idx="8238">
                  <c:v>9.6990257399795183</c:v>
                </c:pt>
                <c:pt idx="8239">
                  <c:v>9.6990257399795183</c:v>
                </c:pt>
                <c:pt idx="8240">
                  <c:v>9.6990257399795183</c:v>
                </c:pt>
                <c:pt idx="8241">
                  <c:v>10.356586807096775</c:v>
                </c:pt>
                <c:pt idx="8242">
                  <c:v>10.356586807096775</c:v>
                </c:pt>
                <c:pt idx="8243">
                  <c:v>13.151221342345112</c:v>
                </c:pt>
                <c:pt idx="8244">
                  <c:v>13.151221342345112</c:v>
                </c:pt>
                <c:pt idx="8245">
                  <c:v>8.7126841393036365</c:v>
                </c:pt>
                <c:pt idx="8246">
                  <c:v>13.151221342345112</c:v>
                </c:pt>
                <c:pt idx="8247">
                  <c:v>13.151221342345112</c:v>
                </c:pt>
                <c:pt idx="8248">
                  <c:v>13.151221342345112</c:v>
                </c:pt>
                <c:pt idx="8249">
                  <c:v>13.151221342345112</c:v>
                </c:pt>
                <c:pt idx="8250">
                  <c:v>13.151221342345112</c:v>
                </c:pt>
                <c:pt idx="8251">
                  <c:v>11.01414787421403</c:v>
                </c:pt>
                <c:pt idx="8252">
                  <c:v>9.0414646728622632</c:v>
                </c:pt>
                <c:pt idx="8253">
                  <c:v>6.5756106711725559</c:v>
                </c:pt>
                <c:pt idx="8254">
                  <c:v>6.2468301376139284</c:v>
                </c:pt>
                <c:pt idx="8255">
                  <c:v>6.2468301376139284</c:v>
                </c:pt>
                <c:pt idx="8256">
                  <c:v>5.9063425997635788</c:v>
                </c:pt>
                <c:pt idx="8257">
                  <c:v>5.9063425997635788</c:v>
                </c:pt>
                <c:pt idx="8258">
                  <c:v>5.9063425997635788</c:v>
                </c:pt>
                <c:pt idx="8259">
                  <c:v>5.9063425997635788</c:v>
                </c:pt>
                <c:pt idx="8260">
                  <c:v>5.9063425997635788</c:v>
                </c:pt>
                <c:pt idx="8261">
                  <c:v>7.678245379692652</c:v>
                </c:pt>
                <c:pt idx="8262">
                  <c:v>8.5641967696571886</c:v>
                </c:pt>
                <c:pt idx="8263">
                  <c:v>8.8595138996453677</c:v>
                </c:pt>
                <c:pt idx="8264">
                  <c:v>8.8595138996453677</c:v>
                </c:pt>
                <c:pt idx="8265">
                  <c:v>9.5978067246158147</c:v>
                </c:pt>
                <c:pt idx="8266">
                  <c:v>10.040782419598083</c:v>
                </c:pt>
                <c:pt idx="8267">
                  <c:v>11.812685199527158</c:v>
                </c:pt>
                <c:pt idx="8268">
                  <c:v>11.812685199527158</c:v>
                </c:pt>
                <c:pt idx="8269">
                  <c:v>11.812685199527158</c:v>
                </c:pt>
                <c:pt idx="8270">
                  <c:v>11.812685199527158</c:v>
                </c:pt>
                <c:pt idx="8271">
                  <c:v>11.812685199527158</c:v>
                </c:pt>
                <c:pt idx="8272">
                  <c:v>11.812685199527158</c:v>
                </c:pt>
                <c:pt idx="8273">
                  <c:v>11.812685199527158</c:v>
                </c:pt>
                <c:pt idx="8274">
                  <c:v>11.812685199527158</c:v>
                </c:pt>
                <c:pt idx="8275">
                  <c:v>9.8931238546039939</c:v>
                </c:pt>
                <c:pt idx="8276">
                  <c:v>8.1212210746749189</c:v>
                </c:pt>
                <c:pt idx="8277">
                  <c:v>5.9063425997635788</c:v>
                </c:pt>
                <c:pt idx="8278">
                  <c:v>5.9063425997635788</c:v>
                </c:pt>
                <c:pt idx="8279">
                  <c:v>5.9063425997635788</c:v>
                </c:pt>
                <c:pt idx="8280">
                  <c:v>5.4660765763367811</c:v>
                </c:pt>
                <c:pt idx="8281">
                  <c:v>6.1493361483788789</c:v>
                </c:pt>
                <c:pt idx="8282">
                  <c:v>6.1493361483788789</c:v>
                </c:pt>
                <c:pt idx="8283">
                  <c:v>6.1493361483788789</c:v>
                </c:pt>
                <c:pt idx="8284">
                  <c:v>6.1493361483788789</c:v>
                </c:pt>
                <c:pt idx="8285">
                  <c:v>7.9258110356883327</c:v>
                </c:pt>
                <c:pt idx="8286">
                  <c:v>9.1556782653641093</c:v>
                </c:pt>
                <c:pt idx="8287">
                  <c:v>9.1556782653641093</c:v>
                </c:pt>
                <c:pt idx="8288">
                  <c:v>9.1556782653641093</c:v>
                </c:pt>
                <c:pt idx="8289">
                  <c:v>9.8389378374062062</c:v>
                </c:pt>
                <c:pt idx="8290">
                  <c:v>10.658849323856723</c:v>
                </c:pt>
                <c:pt idx="8291">
                  <c:v>12.298672296757758</c:v>
                </c:pt>
                <c:pt idx="8292">
                  <c:v>12.298672296757758</c:v>
                </c:pt>
                <c:pt idx="8293">
                  <c:v>12.298672296757758</c:v>
                </c:pt>
                <c:pt idx="8294">
                  <c:v>12.298672296757758</c:v>
                </c:pt>
                <c:pt idx="8295">
                  <c:v>12.298672296757758</c:v>
                </c:pt>
                <c:pt idx="8296">
                  <c:v>12.298672296757758</c:v>
                </c:pt>
                <c:pt idx="8297">
                  <c:v>12.298672296757758</c:v>
                </c:pt>
                <c:pt idx="8298">
                  <c:v>12.298672296757758</c:v>
                </c:pt>
                <c:pt idx="8299">
                  <c:v>10.248893580631465</c:v>
                </c:pt>
                <c:pt idx="8300">
                  <c:v>8.1991148645051712</c:v>
                </c:pt>
                <c:pt idx="8301">
                  <c:v>6.1493361483788789</c:v>
                </c:pt>
                <c:pt idx="8302">
                  <c:v>6.1493361483788789</c:v>
                </c:pt>
                <c:pt idx="8303">
                  <c:v>6.1493361483788789</c:v>
                </c:pt>
                <c:pt idx="8304">
                  <c:v>6.2273594116015039</c:v>
                </c:pt>
                <c:pt idx="8305">
                  <c:v>6.2273594116015039</c:v>
                </c:pt>
                <c:pt idx="8306">
                  <c:v>6.2273594116015039</c:v>
                </c:pt>
                <c:pt idx="8307">
                  <c:v>6.2273594116015039</c:v>
                </c:pt>
                <c:pt idx="8308">
                  <c:v>6.2273594116015039</c:v>
                </c:pt>
                <c:pt idx="8309">
                  <c:v>8.0263743527308264</c:v>
                </c:pt>
                <c:pt idx="8310">
                  <c:v>9.271846235051127</c:v>
                </c:pt>
                <c:pt idx="8311">
                  <c:v>9.271846235051127</c:v>
                </c:pt>
                <c:pt idx="8312">
                  <c:v>9.271846235051127</c:v>
                </c:pt>
                <c:pt idx="8313">
                  <c:v>9.9637750585624065</c:v>
                </c:pt>
                <c:pt idx="8314">
                  <c:v>10.794089646775939</c:v>
                </c:pt>
                <c:pt idx="8315">
                  <c:v>12.454718823203008</c:v>
                </c:pt>
                <c:pt idx="8316">
                  <c:v>12.454718823203008</c:v>
                </c:pt>
                <c:pt idx="8317">
                  <c:v>12.454718823203008</c:v>
                </c:pt>
                <c:pt idx="8318">
                  <c:v>12.454718823203008</c:v>
                </c:pt>
                <c:pt idx="8319">
                  <c:v>12.454718823203008</c:v>
                </c:pt>
                <c:pt idx="8320">
                  <c:v>12.454718823203008</c:v>
                </c:pt>
                <c:pt idx="8321">
                  <c:v>12.454718823203008</c:v>
                </c:pt>
                <c:pt idx="8322">
                  <c:v>12.454718823203008</c:v>
                </c:pt>
                <c:pt idx="8323">
                  <c:v>10.378932352669171</c:v>
                </c:pt>
                <c:pt idx="8324">
                  <c:v>8.3031458821353379</c:v>
                </c:pt>
                <c:pt idx="8325">
                  <c:v>6.2273594116015039</c:v>
                </c:pt>
                <c:pt idx="8326">
                  <c:v>6.2273594116015039</c:v>
                </c:pt>
                <c:pt idx="8327">
                  <c:v>6.2273594116015039</c:v>
                </c:pt>
                <c:pt idx="8328">
                  <c:v>6.8548328868370367</c:v>
                </c:pt>
                <c:pt idx="8329">
                  <c:v>6.8548328868370367</c:v>
                </c:pt>
                <c:pt idx="8330">
                  <c:v>6.8548328868370367</c:v>
                </c:pt>
                <c:pt idx="8331">
                  <c:v>6.8548328868370367</c:v>
                </c:pt>
                <c:pt idx="8332">
                  <c:v>6.8548328868370367</c:v>
                </c:pt>
                <c:pt idx="8333">
                  <c:v>8.8351179430344029</c:v>
                </c:pt>
                <c:pt idx="8334">
                  <c:v>10.663073379524279</c:v>
                </c:pt>
                <c:pt idx="8335">
                  <c:v>10.663073379524279</c:v>
                </c:pt>
                <c:pt idx="8336">
                  <c:v>10.663073379524279</c:v>
                </c:pt>
                <c:pt idx="8337">
                  <c:v>11.424721478061727</c:v>
                </c:pt>
                <c:pt idx="8338">
                  <c:v>11.881710337184197</c:v>
                </c:pt>
                <c:pt idx="8339">
                  <c:v>13.709665773674073</c:v>
                </c:pt>
                <c:pt idx="8340">
                  <c:v>13.709665773674073</c:v>
                </c:pt>
                <c:pt idx="8341">
                  <c:v>13.709665773674073</c:v>
                </c:pt>
                <c:pt idx="8342">
                  <c:v>13.709665773674073</c:v>
                </c:pt>
                <c:pt idx="8343">
                  <c:v>11.424721478061727</c:v>
                </c:pt>
                <c:pt idx="8344">
                  <c:v>10.815402999231772</c:v>
                </c:pt>
                <c:pt idx="8345">
                  <c:v>10.815402999231772</c:v>
                </c:pt>
                <c:pt idx="8346">
                  <c:v>10.815402999231772</c:v>
                </c:pt>
                <c:pt idx="8347">
                  <c:v>10.815402999231772</c:v>
                </c:pt>
                <c:pt idx="8348">
                  <c:v>8.3781290839119347</c:v>
                </c:pt>
                <c:pt idx="8349">
                  <c:v>3.1989220138572838</c:v>
                </c:pt>
                <c:pt idx="8350">
                  <c:v>3.1989220138572838</c:v>
                </c:pt>
                <c:pt idx="8351">
                  <c:v>3.1989220138572838</c:v>
                </c:pt>
                <c:pt idx="8352">
                  <c:v>4.4566781416603636</c:v>
                </c:pt>
                <c:pt idx="8353">
                  <c:v>8.7011335146702358</c:v>
                </c:pt>
                <c:pt idx="8354">
                  <c:v>8.7011335146702358</c:v>
                </c:pt>
                <c:pt idx="8355">
                  <c:v>8.7011335146702358</c:v>
                </c:pt>
                <c:pt idx="8356">
                  <c:v>8.7011335146702358</c:v>
                </c:pt>
                <c:pt idx="8357">
                  <c:v>10.823361201175171</c:v>
                </c:pt>
                <c:pt idx="8358">
                  <c:v>13.582257193631587</c:v>
                </c:pt>
                <c:pt idx="8359">
                  <c:v>15.492262111486028</c:v>
                </c:pt>
                <c:pt idx="8360">
                  <c:v>15.492262111486028</c:v>
                </c:pt>
                <c:pt idx="8361">
                  <c:v>15.492262111486028</c:v>
                </c:pt>
                <c:pt idx="8362">
                  <c:v>15.492262111486028</c:v>
                </c:pt>
                <c:pt idx="8363">
                  <c:v>15.492262111486028</c:v>
                </c:pt>
                <c:pt idx="8364">
                  <c:v>15.492262111486028</c:v>
                </c:pt>
                <c:pt idx="8365">
                  <c:v>15.492262111486028</c:v>
                </c:pt>
                <c:pt idx="8366">
                  <c:v>15.492262111486028</c:v>
                </c:pt>
                <c:pt idx="8367">
                  <c:v>14.006702730932574</c:v>
                </c:pt>
                <c:pt idx="8368">
                  <c:v>12.733366119029613</c:v>
                </c:pt>
                <c:pt idx="8369">
                  <c:v>11.460029507126652</c:v>
                </c:pt>
                <c:pt idx="8370">
                  <c:v>11.035583969825662</c:v>
                </c:pt>
                <c:pt idx="8371">
                  <c:v>8.9133562833207272</c:v>
                </c:pt>
                <c:pt idx="8372">
                  <c:v>6.5789058281652988</c:v>
                </c:pt>
                <c:pt idx="8373">
                  <c:v>6.5789058281652988</c:v>
                </c:pt>
                <c:pt idx="8374">
                  <c:v>6.5789058281652988</c:v>
                </c:pt>
                <c:pt idx="8375">
                  <c:v>6.5789058281652988</c:v>
                </c:pt>
                <c:pt idx="8376">
                  <c:v>7.0165120373770185</c:v>
                </c:pt>
                <c:pt idx="8377">
                  <c:v>8.1482075272765382</c:v>
                </c:pt>
                <c:pt idx="8378">
                  <c:v>8.1482075272765382</c:v>
                </c:pt>
                <c:pt idx="8379">
                  <c:v>8.1482075272765382</c:v>
                </c:pt>
                <c:pt idx="8380">
                  <c:v>8.1482075272765382</c:v>
                </c:pt>
                <c:pt idx="8381">
                  <c:v>10.185259409095671</c:v>
                </c:pt>
                <c:pt idx="8382">
                  <c:v>11.995972192934904</c:v>
                </c:pt>
                <c:pt idx="8383">
                  <c:v>14.25936317273394</c:v>
                </c:pt>
                <c:pt idx="8384">
                  <c:v>14.25936317273394</c:v>
                </c:pt>
                <c:pt idx="8385">
                  <c:v>14.25936317273394</c:v>
                </c:pt>
                <c:pt idx="8386">
                  <c:v>14.25936317273394</c:v>
                </c:pt>
                <c:pt idx="8387">
                  <c:v>14.25936317273394</c:v>
                </c:pt>
                <c:pt idx="8388">
                  <c:v>14.25936317273394</c:v>
                </c:pt>
                <c:pt idx="8389">
                  <c:v>14.25936317273394</c:v>
                </c:pt>
                <c:pt idx="8390">
                  <c:v>14.25936317273394</c:v>
                </c:pt>
                <c:pt idx="8391">
                  <c:v>12.674989486874612</c:v>
                </c:pt>
                <c:pt idx="8392">
                  <c:v>12.448650388894711</c:v>
                </c:pt>
                <c:pt idx="8393">
                  <c:v>10.63793760505548</c:v>
                </c:pt>
                <c:pt idx="8394">
                  <c:v>9.9589203111157687</c:v>
                </c:pt>
                <c:pt idx="8395">
                  <c:v>8.3745466252564427</c:v>
                </c:pt>
                <c:pt idx="8396">
                  <c:v>7.0165120373770185</c:v>
                </c:pt>
                <c:pt idx="8397">
                  <c:v>6.1111556454574041</c:v>
                </c:pt>
                <c:pt idx="8398">
                  <c:v>6.1111556454574041</c:v>
                </c:pt>
                <c:pt idx="8399">
                  <c:v>6.1111556454574041</c:v>
                </c:pt>
                <c:pt idx="8400">
                  <c:v>1.8621292535087361</c:v>
                </c:pt>
                <c:pt idx="8401">
                  <c:v>1.8621292535087361</c:v>
                </c:pt>
                <c:pt idx="8402">
                  <c:v>1.8621292535087361</c:v>
                </c:pt>
                <c:pt idx="8403">
                  <c:v>1.8621292535087361</c:v>
                </c:pt>
                <c:pt idx="8404">
                  <c:v>1.8621292535087361</c:v>
                </c:pt>
                <c:pt idx="8405">
                  <c:v>8.0692267652045242</c:v>
                </c:pt>
                <c:pt idx="8406">
                  <c:v>9.1554688297512872</c:v>
                </c:pt>
                <c:pt idx="8407">
                  <c:v>9.1554688297512872</c:v>
                </c:pt>
                <c:pt idx="8408">
                  <c:v>9.1554688297512872</c:v>
                </c:pt>
                <c:pt idx="8409">
                  <c:v>9.776178580920865</c:v>
                </c:pt>
                <c:pt idx="8410">
                  <c:v>9.776178580920865</c:v>
                </c:pt>
                <c:pt idx="8411">
                  <c:v>12.414195023391574</c:v>
                </c:pt>
                <c:pt idx="8412">
                  <c:v>12.414195023391574</c:v>
                </c:pt>
                <c:pt idx="8413">
                  <c:v>8.2244042029969169</c:v>
                </c:pt>
                <c:pt idx="8414">
                  <c:v>12.414195023391574</c:v>
                </c:pt>
                <c:pt idx="8415">
                  <c:v>12.414195023391574</c:v>
                </c:pt>
                <c:pt idx="8416">
                  <c:v>12.414195023391574</c:v>
                </c:pt>
                <c:pt idx="8417">
                  <c:v>12.414195023391574</c:v>
                </c:pt>
                <c:pt idx="8418">
                  <c:v>12.414195023391574</c:v>
                </c:pt>
                <c:pt idx="8419">
                  <c:v>10.396888332090445</c:v>
                </c:pt>
                <c:pt idx="8420">
                  <c:v>8.5347590785817076</c:v>
                </c:pt>
                <c:pt idx="8421">
                  <c:v>6.2070975116957872</c:v>
                </c:pt>
                <c:pt idx="8422">
                  <c:v>5.8967426361109982</c:v>
                </c:pt>
                <c:pt idx="8423">
                  <c:v>5.8967426361109982</c:v>
                </c:pt>
                <c:pt idx="8424">
                  <c:v>5.3788512890300497</c:v>
                </c:pt>
                <c:pt idx="8425">
                  <c:v>5.3788512890300497</c:v>
                </c:pt>
                <c:pt idx="8426">
                  <c:v>5.3788512890300497</c:v>
                </c:pt>
                <c:pt idx="8427">
                  <c:v>5.3788512890300497</c:v>
                </c:pt>
                <c:pt idx="8428">
                  <c:v>5.3788512890300497</c:v>
                </c:pt>
                <c:pt idx="8429">
                  <c:v>6.9925066757390653</c:v>
                </c:pt>
                <c:pt idx="8430">
                  <c:v>7.7993343690935717</c:v>
                </c:pt>
                <c:pt idx="8431">
                  <c:v>8.068276933545075</c:v>
                </c:pt>
                <c:pt idx="8432">
                  <c:v>8.068276933545075</c:v>
                </c:pt>
                <c:pt idx="8433">
                  <c:v>8.7406333446738316</c:v>
                </c:pt>
                <c:pt idx="8434">
                  <c:v>9.1440471913510848</c:v>
                </c:pt>
                <c:pt idx="8435">
                  <c:v>10.757702578060099</c:v>
                </c:pt>
                <c:pt idx="8436">
                  <c:v>10.757702578060099</c:v>
                </c:pt>
                <c:pt idx="8437">
                  <c:v>10.757702578060099</c:v>
                </c:pt>
                <c:pt idx="8438">
                  <c:v>10.757702578060099</c:v>
                </c:pt>
                <c:pt idx="8439">
                  <c:v>10.757702578060099</c:v>
                </c:pt>
                <c:pt idx="8440">
                  <c:v>10.757702578060099</c:v>
                </c:pt>
                <c:pt idx="8441">
                  <c:v>10.757702578060099</c:v>
                </c:pt>
                <c:pt idx="8442">
                  <c:v>10.757702578060099</c:v>
                </c:pt>
                <c:pt idx="8443">
                  <c:v>9.0095759091253331</c:v>
                </c:pt>
                <c:pt idx="8444">
                  <c:v>7.3959205224163185</c:v>
                </c:pt>
                <c:pt idx="8445">
                  <c:v>5.3788512890300497</c:v>
                </c:pt>
                <c:pt idx="8446">
                  <c:v>5.3788512890300497</c:v>
                </c:pt>
                <c:pt idx="8447">
                  <c:v>5.3788512890300497</c:v>
                </c:pt>
                <c:pt idx="8448">
                  <c:v>4.9257689096857726</c:v>
                </c:pt>
                <c:pt idx="8449">
                  <c:v>5.5414900233964941</c:v>
                </c:pt>
                <c:pt idx="8450">
                  <c:v>5.5414900233964941</c:v>
                </c:pt>
                <c:pt idx="8451">
                  <c:v>5.5414900233964941</c:v>
                </c:pt>
                <c:pt idx="8452">
                  <c:v>5.5414900233964941</c:v>
                </c:pt>
                <c:pt idx="8453">
                  <c:v>7.142364919044371</c:v>
                </c:pt>
                <c:pt idx="8454">
                  <c:v>8.2506629237236702</c:v>
                </c:pt>
                <c:pt idx="8455">
                  <c:v>8.2506629237236702</c:v>
                </c:pt>
                <c:pt idx="8456">
                  <c:v>8.2506629237236702</c:v>
                </c:pt>
                <c:pt idx="8457">
                  <c:v>8.8663840374343916</c:v>
                </c:pt>
                <c:pt idx="8458">
                  <c:v>9.605249373887256</c:v>
                </c:pt>
                <c:pt idx="8459">
                  <c:v>11.082980046792988</c:v>
                </c:pt>
                <c:pt idx="8460">
                  <c:v>11.082980046792988</c:v>
                </c:pt>
                <c:pt idx="8461">
                  <c:v>11.082980046792988</c:v>
                </c:pt>
                <c:pt idx="8462">
                  <c:v>11.082980046792988</c:v>
                </c:pt>
                <c:pt idx="8463">
                  <c:v>11.082980046792988</c:v>
                </c:pt>
                <c:pt idx="8464">
                  <c:v>11.082980046792988</c:v>
                </c:pt>
                <c:pt idx="8465">
                  <c:v>11.082980046792988</c:v>
                </c:pt>
                <c:pt idx="8466">
                  <c:v>11.082980046792988</c:v>
                </c:pt>
                <c:pt idx="8467">
                  <c:v>9.2358167056608256</c:v>
                </c:pt>
                <c:pt idx="8468">
                  <c:v>7.3886533645286594</c:v>
                </c:pt>
                <c:pt idx="8469">
                  <c:v>5.5414900233964941</c:v>
                </c:pt>
                <c:pt idx="8470">
                  <c:v>5.5414900233964941</c:v>
                </c:pt>
                <c:pt idx="8471">
                  <c:v>5.5414900233964941</c:v>
                </c:pt>
                <c:pt idx="8472">
                  <c:v>5.7910576437631631</c:v>
                </c:pt>
                <c:pt idx="8473">
                  <c:v>5.7910576437631631</c:v>
                </c:pt>
                <c:pt idx="8474">
                  <c:v>5.7910576437631631</c:v>
                </c:pt>
                <c:pt idx="8475">
                  <c:v>5.7910576437631631</c:v>
                </c:pt>
                <c:pt idx="8476">
                  <c:v>5.7910576437631631</c:v>
                </c:pt>
                <c:pt idx="8477">
                  <c:v>7.4640298519614099</c:v>
                </c:pt>
                <c:pt idx="8478">
                  <c:v>8.6222413807140423</c:v>
                </c:pt>
                <c:pt idx="8479">
                  <c:v>8.6222413807140423</c:v>
                </c:pt>
                <c:pt idx="8480">
                  <c:v>8.6222413807140423</c:v>
                </c:pt>
                <c:pt idx="8481">
                  <c:v>9.2656922300210613</c:v>
                </c:pt>
                <c:pt idx="8482">
                  <c:v>10.037833249189482</c:v>
                </c:pt>
                <c:pt idx="8483">
                  <c:v>11.582115287526326</c:v>
                </c:pt>
                <c:pt idx="8484">
                  <c:v>11.582115287526326</c:v>
                </c:pt>
                <c:pt idx="8485">
                  <c:v>11.582115287526326</c:v>
                </c:pt>
                <c:pt idx="8486">
                  <c:v>11.582115287526326</c:v>
                </c:pt>
                <c:pt idx="8487">
                  <c:v>11.582115287526326</c:v>
                </c:pt>
                <c:pt idx="8488">
                  <c:v>11.582115287526326</c:v>
                </c:pt>
                <c:pt idx="8489">
                  <c:v>11.582115287526326</c:v>
                </c:pt>
                <c:pt idx="8490">
                  <c:v>11.582115287526326</c:v>
                </c:pt>
                <c:pt idx="8491">
                  <c:v>9.6517627396052728</c:v>
                </c:pt>
                <c:pt idx="8492">
                  <c:v>7.7214101916842184</c:v>
                </c:pt>
                <c:pt idx="8493">
                  <c:v>5.7910576437631631</c:v>
                </c:pt>
                <c:pt idx="8494">
                  <c:v>5.7910576437631631</c:v>
                </c:pt>
                <c:pt idx="8495">
                  <c:v>5.7910576437631631</c:v>
                </c:pt>
                <c:pt idx="8496">
                  <c:v>6.4301357588115815</c:v>
                </c:pt>
                <c:pt idx="8497">
                  <c:v>6.4301357588115815</c:v>
                </c:pt>
                <c:pt idx="8498">
                  <c:v>6.4301357588115815</c:v>
                </c:pt>
                <c:pt idx="8499">
                  <c:v>6.4301357588115815</c:v>
                </c:pt>
                <c:pt idx="8500">
                  <c:v>6.4301357588115815</c:v>
                </c:pt>
                <c:pt idx="8501">
                  <c:v>8.2877305335793725</c:v>
                </c:pt>
                <c:pt idx="8502">
                  <c:v>10.002433402595797</c:v>
                </c:pt>
                <c:pt idx="8503">
                  <c:v>10.002433402595797</c:v>
                </c:pt>
                <c:pt idx="8504">
                  <c:v>10.002433402595797</c:v>
                </c:pt>
                <c:pt idx="8505">
                  <c:v>10.716892931352637</c:v>
                </c:pt>
                <c:pt idx="8506">
                  <c:v>11.145568648606742</c:v>
                </c:pt>
                <c:pt idx="8507">
                  <c:v>12.860271517623163</c:v>
                </c:pt>
                <c:pt idx="8508">
                  <c:v>12.860271517623163</c:v>
                </c:pt>
                <c:pt idx="8509">
                  <c:v>12.860271517623163</c:v>
                </c:pt>
                <c:pt idx="8510">
                  <c:v>12.860271517623163</c:v>
                </c:pt>
                <c:pt idx="8511">
                  <c:v>10.716892931352637</c:v>
                </c:pt>
                <c:pt idx="8512">
                  <c:v>10.145325308347163</c:v>
                </c:pt>
                <c:pt idx="8513">
                  <c:v>10.145325308347163</c:v>
                </c:pt>
                <c:pt idx="8514">
                  <c:v>10.145325308347163</c:v>
                </c:pt>
                <c:pt idx="8515">
                  <c:v>10.145325308347163</c:v>
                </c:pt>
                <c:pt idx="8516">
                  <c:v>7.8590548163252665</c:v>
                </c:pt>
                <c:pt idx="8517">
                  <c:v>3.0007300207787382</c:v>
                </c:pt>
                <c:pt idx="8518">
                  <c:v>3.0007300207787382</c:v>
                </c:pt>
                <c:pt idx="8519">
                  <c:v>3.0007300207787382</c:v>
                </c:pt>
                <c:pt idx="8520">
                  <c:v>4.5416501110643477</c:v>
                </c:pt>
                <c:pt idx="8521">
                  <c:v>8.867031169220871</c:v>
                </c:pt>
                <c:pt idx="8522">
                  <c:v>8.867031169220871</c:v>
                </c:pt>
                <c:pt idx="8523">
                  <c:v>8.867031169220871</c:v>
                </c:pt>
                <c:pt idx="8524">
                  <c:v>8.867031169220871</c:v>
                </c:pt>
                <c:pt idx="8525">
                  <c:v>11.029721698299131</c:v>
                </c:pt>
                <c:pt idx="8526">
                  <c:v>13.841219386100873</c:v>
                </c:pt>
                <c:pt idx="8527">
                  <c:v>15.787640862271306</c:v>
                </c:pt>
                <c:pt idx="8528">
                  <c:v>15.787640862271306</c:v>
                </c:pt>
                <c:pt idx="8529">
                  <c:v>15.787640862271306</c:v>
                </c:pt>
                <c:pt idx="8530">
                  <c:v>15.787640862271306</c:v>
                </c:pt>
                <c:pt idx="8531">
                  <c:v>15.787640862271306</c:v>
                </c:pt>
                <c:pt idx="8532">
                  <c:v>15.787640862271306</c:v>
                </c:pt>
                <c:pt idx="8533">
                  <c:v>15.787640862271306</c:v>
                </c:pt>
                <c:pt idx="8534">
                  <c:v>15.787640862271306</c:v>
                </c:pt>
                <c:pt idx="8535">
                  <c:v>14.273757491916522</c:v>
                </c:pt>
                <c:pt idx="8536">
                  <c:v>12.976143174469568</c:v>
                </c:pt>
                <c:pt idx="8537">
                  <c:v>11.678528857022611</c:v>
                </c:pt>
                <c:pt idx="8538">
                  <c:v>11.245990751206955</c:v>
                </c:pt>
                <c:pt idx="8539">
                  <c:v>9.0833002221286954</c:v>
                </c:pt>
                <c:pt idx="8540">
                  <c:v>6.7043406401426084</c:v>
                </c:pt>
                <c:pt idx="8541">
                  <c:v>6.7043406401426084</c:v>
                </c:pt>
                <c:pt idx="8542">
                  <c:v>6.7043406401426084</c:v>
                </c:pt>
                <c:pt idx="8543">
                  <c:v>6.7043406401426084</c:v>
                </c:pt>
                <c:pt idx="8544">
                  <c:v>7.7402770613148393</c:v>
                </c:pt>
                <c:pt idx="8545">
                  <c:v>8.988708845397877</c:v>
                </c:pt>
                <c:pt idx="8546">
                  <c:v>8.988708845397877</c:v>
                </c:pt>
                <c:pt idx="8547">
                  <c:v>8.988708845397877</c:v>
                </c:pt>
                <c:pt idx="8548">
                  <c:v>8.988708845397877</c:v>
                </c:pt>
                <c:pt idx="8549">
                  <c:v>11.235886056747347</c:v>
                </c:pt>
                <c:pt idx="8550">
                  <c:v>13.233376911280208</c:v>
                </c:pt>
                <c:pt idx="8551">
                  <c:v>15.730240479446287</c:v>
                </c:pt>
                <c:pt idx="8552">
                  <c:v>15.730240479446287</c:v>
                </c:pt>
                <c:pt idx="8553">
                  <c:v>15.730240479446287</c:v>
                </c:pt>
                <c:pt idx="8554">
                  <c:v>15.730240479446287</c:v>
                </c:pt>
                <c:pt idx="8555">
                  <c:v>15.730240479446287</c:v>
                </c:pt>
                <c:pt idx="8556">
                  <c:v>15.730240479446287</c:v>
                </c:pt>
                <c:pt idx="8557">
                  <c:v>15.730240479446287</c:v>
                </c:pt>
                <c:pt idx="8558">
                  <c:v>15.730240479446287</c:v>
                </c:pt>
                <c:pt idx="8559">
                  <c:v>13.982435981730031</c:v>
                </c:pt>
                <c:pt idx="8560">
                  <c:v>13.732749624913424</c:v>
                </c:pt>
                <c:pt idx="8561">
                  <c:v>11.735258770380563</c:v>
                </c:pt>
                <c:pt idx="8562">
                  <c:v>10.986199699930742</c:v>
                </c:pt>
                <c:pt idx="8563">
                  <c:v>9.238395202214484</c:v>
                </c:pt>
                <c:pt idx="8564">
                  <c:v>7.7402770613148393</c:v>
                </c:pt>
                <c:pt idx="8565">
                  <c:v>6.7415316340484086</c:v>
                </c:pt>
                <c:pt idx="8566">
                  <c:v>6.7415316340484086</c:v>
                </c:pt>
                <c:pt idx="8567">
                  <c:v>6.7415316340484086</c:v>
                </c:pt>
                <c:pt idx="8568">
                  <c:v>2.047307116145813</c:v>
                </c:pt>
                <c:pt idx="8569">
                  <c:v>2.047307116145813</c:v>
                </c:pt>
                <c:pt idx="8570">
                  <c:v>2.047307116145813</c:v>
                </c:pt>
                <c:pt idx="8571">
                  <c:v>2.047307116145813</c:v>
                </c:pt>
                <c:pt idx="8572">
                  <c:v>2.047307116145813</c:v>
                </c:pt>
                <c:pt idx="8573">
                  <c:v>8.8716641699651877</c:v>
                </c:pt>
                <c:pt idx="8574">
                  <c:v>10.065926654383579</c:v>
                </c:pt>
                <c:pt idx="8575">
                  <c:v>10.065926654383579</c:v>
                </c:pt>
                <c:pt idx="8576">
                  <c:v>10.065926654383579</c:v>
                </c:pt>
                <c:pt idx="8577">
                  <c:v>10.748362359765517</c:v>
                </c:pt>
                <c:pt idx="8578">
                  <c:v>10.748362359765517</c:v>
                </c:pt>
                <c:pt idx="8579">
                  <c:v>13.648714107638755</c:v>
                </c:pt>
                <c:pt idx="8580">
                  <c:v>13.648714107638755</c:v>
                </c:pt>
                <c:pt idx="8581">
                  <c:v>9.0422730963106748</c:v>
                </c:pt>
                <c:pt idx="8582">
                  <c:v>13.648714107638755</c:v>
                </c:pt>
                <c:pt idx="8583">
                  <c:v>13.648714107638755</c:v>
                </c:pt>
                <c:pt idx="8584">
                  <c:v>13.648714107638755</c:v>
                </c:pt>
                <c:pt idx="8585">
                  <c:v>13.648714107638755</c:v>
                </c:pt>
                <c:pt idx="8586">
                  <c:v>13.648714107638755</c:v>
                </c:pt>
                <c:pt idx="8587">
                  <c:v>11.430798065147455</c:v>
                </c:pt>
                <c:pt idx="8588">
                  <c:v>9.3834909490016418</c:v>
                </c:pt>
                <c:pt idx="8589">
                  <c:v>6.8243570538193774</c:v>
                </c:pt>
                <c:pt idx="8590">
                  <c:v>6.4831392011284068</c:v>
                </c:pt>
                <c:pt idx="8591">
                  <c:v>6.4831392011284068</c:v>
                </c:pt>
                <c:pt idx="8592">
                  <c:v>5.7771972267815466</c:v>
                </c:pt>
                <c:pt idx="8593">
                  <c:v>5.7771972267815466</c:v>
                </c:pt>
                <c:pt idx="8594">
                  <c:v>5.7771972267815466</c:v>
                </c:pt>
                <c:pt idx="8595">
                  <c:v>5.7771972267815466</c:v>
                </c:pt>
                <c:pt idx="8596">
                  <c:v>5.7771972267815466</c:v>
                </c:pt>
                <c:pt idx="8597">
                  <c:v>7.5103563948160099</c:v>
                </c:pt>
                <c:pt idx="8598">
                  <c:v>8.3769359788332416</c:v>
                </c:pt>
                <c:pt idx="8599">
                  <c:v>8.6657958401723203</c:v>
                </c:pt>
                <c:pt idx="8600">
                  <c:v>8.6657958401723203</c:v>
                </c:pt>
                <c:pt idx="8601">
                  <c:v>9.3879454935200126</c:v>
                </c:pt>
                <c:pt idx="8602">
                  <c:v>9.8212352855286298</c:v>
                </c:pt>
                <c:pt idx="8603">
                  <c:v>11.554394453563093</c:v>
                </c:pt>
                <c:pt idx="8604">
                  <c:v>11.554394453563093</c:v>
                </c:pt>
                <c:pt idx="8605">
                  <c:v>11.554394453563093</c:v>
                </c:pt>
                <c:pt idx="8606">
                  <c:v>11.554394453563093</c:v>
                </c:pt>
                <c:pt idx="8607">
                  <c:v>11.554394453563093</c:v>
                </c:pt>
                <c:pt idx="8608">
                  <c:v>11.554394453563093</c:v>
                </c:pt>
                <c:pt idx="8609">
                  <c:v>11.554394453563093</c:v>
                </c:pt>
                <c:pt idx="8610">
                  <c:v>11.554394453563093</c:v>
                </c:pt>
                <c:pt idx="8611">
                  <c:v>9.6768053548590913</c:v>
                </c:pt>
                <c:pt idx="8612">
                  <c:v>7.9436461868246262</c:v>
                </c:pt>
                <c:pt idx="8613">
                  <c:v>5.7771972267815466</c:v>
                </c:pt>
                <c:pt idx="8614">
                  <c:v>5.7771972267815466</c:v>
                </c:pt>
                <c:pt idx="8615">
                  <c:v>5.7771972267815466</c:v>
                </c:pt>
                <c:pt idx="8616">
                  <c:v>5.0338304430159759</c:v>
                </c:pt>
                <c:pt idx="8617">
                  <c:v>5.6630592483929716</c:v>
                </c:pt>
                <c:pt idx="8618">
                  <c:v>5.6630592483929716</c:v>
                </c:pt>
                <c:pt idx="8619">
                  <c:v>5.6630592483929716</c:v>
                </c:pt>
                <c:pt idx="8620">
                  <c:v>5.6630592483929716</c:v>
                </c:pt>
                <c:pt idx="8621">
                  <c:v>7.2990541423731647</c:v>
                </c:pt>
                <c:pt idx="8622">
                  <c:v>8.4316659920517587</c:v>
                </c:pt>
                <c:pt idx="8623">
                  <c:v>8.4316659920517587</c:v>
                </c:pt>
                <c:pt idx="8624">
                  <c:v>8.4316659920517587</c:v>
                </c:pt>
                <c:pt idx="8625">
                  <c:v>9.060894797428757</c:v>
                </c:pt>
                <c:pt idx="8626">
                  <c:v>9.8159693638811518</c:v>
                </c:pt>
                <c:pt idx="8627">
                  <c:v>11.326118496785943</c:v>
                </c:pt>
                <c:pt idx="8628">
                  <c:v>11.326118496785943</c:v>
                </c:pt>
                <c:pt idx="8629">
                  <c:v>11.326118496785943</c:v>
                </c:pt>
                <c:pt idx="8630">
                  <c:v>11.326118496785943</c:v>
                </c:pt>
                <c:pt idx="8631">
                  <c:v>11.326118496785943</c:v>
                </c:pt>
                <c:pt idx="8632">
                  <c:v>11.326118496785943</c:v>
                </c:pt>
                <c:pt idx="8633">
                  <c:v>11.326118496785943</c:v>
                </c:pt>
                <c:pt idx="8634">
                  <c:v>11.326118496785943</c:v>
                </c:pt>
                <c:pt idx="8635">
                  <c:v>9.4384320806549553</c:v>
                </c:pt>
                <c:pt idx="8636">
                  <c:v>7.5507456645239639</c:v>
                </c:pt>
                <c:pt idx="8637">
                  <c:v>5.6630592483929716</c:v>
                </c:pt>
                <c:pt idx="8638">
                  <c:v>5.6630592483929716</c:v>
                </c:pt>
                <c:pt idx="8639">
                  <c:v>5.6630592483929716</c:v>
                </c:pt>
                <c:pt idx="8640">
                  <c:v>5.6941016953546413</c:v>
                </c:pt>
                <c:pt idx="8641">
                  <c:v>5.6941016953546413</c:v>
                </c:pt>
                <c:pt idx="8642">
                  <c:v>5.6941016953546413</c:v>
                </c:pt>
                <c:pt idx="8643">
                  <c:v>5.6941016953546413</c:v>
                </c:pt>
                <c:pt idx="8644">
                  <c:v>5.6941016953546413</c:v>
                </c:pt>
                <c:pt idx="8645">
                  <c:v>7.3390644073459823</c:v>
                </c:pt>
                <c:pt idx="8646">
                  <c:v>8.4778847464169118</c:v>
                </c:pt>
                <c:pt idx="8647">
                  <c:v>8.4778847464169118</c:v>
                </c:pt>
                <c:pt idx="8648">
                  <c:v>8.4778847464169118</c:v>
                </c:pt>
                <c:pt idx="8649">
                  <c:v>9.1105627125674271</c:v>
                </c:pt>
                <c:pt idx="8650">
                  <c:v>9.8697762719480444</c:v>
                </c:pt>
                <c:pt idx="8651">
                  <c:v>11.388203390709283</c:v>
                </c:pt>
                <c:pt idx="8652">
                  <c:v>11.388203390709283</c:v>
                </c:pt>
                <c:pt idx="8653">
                  <c:v>11.388203390709283</c:v>
                </c:pt>
                <c:pt idx="8654">
                  <c:v>11.388203390709283</c:v>
                </c:pt>
                <c:pt idx="8655">
                  <c:v>11.388203390709283</c:v>
                </c:pt>
                <c:pt idx="8656">
                  <c:v>11.388203390709283</c:v>
                </c:pt>
                <c:pt idx="8657">
                  <c:v>11.388203390709283</c:v>
                </c:pt>
                <c:pt idx="8658">
                  <c:v>11.388203390709283</c:v>
                </c:pt>
                <c:pt idx="8659">
                  <c:v>9.4901694922577366</c:v>
                </c:pt>
                <c:pt idx="8660">
                  <c:v>7.5921355938061899</c:v>
                </c:pt>
                <c:pt idx="8661">
                  <c:v>5.6941016953546413</c:v>
                </c:pt>
                <c:pt idx="8662">
                  <c:v>5.6941016953546413</c:v>
                </c:pt>
                <c:pt idx="8663">
                  <c:v>5.6941016953546413</c:v>
                </c:pt>
                <c:pt idx="8664">
                  <c:v>6.4832228998147654</c:v>
                </c:pt>
                <c:pt idx="8665">
                  <c:v>6.4832228998147654</c:v>
                </c:pt>
                <c:pt idx="8666">
                  <c:v>6.4832228998147654</c:v>
                </c:pt>
                <c:pt idx="8667">
                  <c:v>6.4832228998147654</c:v>
                </c:pt>
                <c:pt idx="8668">
                  <c:v>6.4832228998147654</c:v>
                </c:pt>
                <c:pt idx="8669">
                  <c:v>8.3561539597612544</c:v>
                </c:pt>
                <c:pt idx="8670">
                  <c:v>10.085013399711858</c:v>
                </c:pt>
                <c:pt idx="8671">
                  <c:v>10.085013399711858</c:v>
                </c:pt>
                <c:pt idx="8672">
                  <c:v>10.085013399711858</c:v>
                </c:pt>
                <c:pt idx="8673">
                  <c:v>10.805371499691276</c:v>
                </c:pt>
                <c:pt idx="8674">
                  <c:v>11.237586359678929</c:v>
                </c:pt>
                <c:pt idx="8675">
                  <c:v>12.966445799629531</c:v>
                </c:pt>
                <c:pt idx="8676">
                  <c:v>12.966445799629531</c:v>
                </c:pt>
                <c:pt idx="8677">
                  <c:v>12.966445799629531</c:v>
                </c:pt>
                <c:pt idx="8678">
                  <c:v>12.966445799629531</c:v>
                </c:pt>
                <c:pt idx="8679">
                  <c:v>10.805371499691276</c:v>
                </c:pt>
                <c:pt idx="8680">
                  <c:v>10.229085019707743</c:v>
                </c:pt>
                <c:pt idx="8681">
                  <c:v>10.229085019707743</c:v>
                </c:pt>
                <c:pt idx="8682">
                  <c:v>10.229085019707743</c:v>
                </c:pt>
                <c:pt idx="8683">
                  <c:v>10.229085019707743</c:v>
                </c:pt>
                <c:pt idx="8684">
                  <c:v>7.9239390997736026</c:v>
                </c:pt>
                <c:pt idx="8685">
                  <c:v>3.0255040199135572</c:v>
                </c:pt>
                <c:pt idx="8686">
                  <c:v>3.0255040199135572</c:v>
                </c:pt>
                <c:pt idx="8687">
                  <c:v>3.0255040199135572</c:v>
                </c:pt>
                <c:pt idx="8688">
                  <c:v>4.5939405537744928</c:v>
                </c:pt>
                <c:pt idx="8689">
                  <c:v>8.9691220335597244</c:v>
                </c:pt>
                <c:pt idx="8690">
                  <c:v>8.9691220335597244</c:v>
                </c:pt>
                <c:pt idx="8691">
                  <c:v>8.9691220335597244</c:v>
                </c:pt>
                <c:pt idx="8692">
                  <c:v>8.9691220335597244</c:v>
                </c:pt>
                <c:pt idx="8693">
                  <c:v>11.156712773452341</c:v>
                </c:pt>
                <c:pt idx="8694">
                  <c:v>14.000580735312742</c:v>
                </c:pt>
                <c:pt idx="8695">
                  <c:v>15.969412401216093</c:v>
                </c:pt>
                <c:pt idx="8696">
                  <c:v>15.969412401216093</c:v>
                </c:pt>
                <c:pt idx="8697">
                  <c:v>15.969412401216093</c:v>
                </c:pt>
                <c:pt idx="8698">
                  <c:v>15.969412401216093</c:v>
                </c:pt>
                <c:pt idx="8699">
                  <c:v>15.969412401216093</c:v>
                </c:pt>
                <c:pt idx="8700">
                  <c:v>15.969412401216093</c:v>
                </c:pt>
                <c:pt idx="8701">
                  <c:v>15.969412401216093</c:v>
                </c:pt>
                <c:pt idx="8702">
                  <c:v>15.969412401216093</c:v>
                </c:pt>
                <c:pt idx="8703">
                  <c:v>14.438098883291264</c:v>
                </c:pt>
                <c:pt idx="8704">
                  <c:v>13.125544439355695</c:v>
                </c:pt>
                <c:pt idx="8705">
                  <c:v>11.812989995420125</c:v>
                </c:pt>
                <c:pt idx="8706">
                  <c:v>11.375471847441601</c:v>
                </c:pt>
                <c:pt idx="8707">
                  <c:v>9.1878811075489857</c:v>
                </c:pt>
                <c:pt idx="8708">
                  <c:v>6.7815312936671077</c:v>
                </c:pt>
                <c:pt idx="8709">
                  <c:v>6.7815312936671077</c:v>
                </c:pt>
                <c:pt idx="8710">
                  <c:v>6.7815312936671077</c:v>
                </c:pt>
                <c:pt idx="8711">
                  <c:v>6.7815312936671077</c:v>
                </c:pt>
                <c:pt idx="8712">
                  <c:v>7.6306156940515324</c:v>
                </c:pt>
                <c:pt idx="8713">
                  <c:v>8.8613601608340371</c:v>
                </c:pt>
                <c:pt idx="8714">
                  <c:v>8.8613601608340371</c:v>
                </c:pt>
                <c:pt idx="8715">
                  <c:v>8.8613601608340371</c:v>
                </c:pt>
                <c:pt idx="8716">
                  <c:v>8.8613601608340371</c:v>
                </c:pt>
                <c:pt idx="8717">
                  <c:v>11.076700201042547</c:v>
                </c:pt>
                <c:pt idx="8718">
                  <c:v>13.045891347894555</c:v>
                </c:pt>
                <c:pt idx="8719">
                  <c:v>15.507380281459564</c:v>
                </c:pt>
                <c:pt idx="8720">
                  <c:v>15.507380281459564</c:v>
                </c:pt>
                <c:pt idx="8721">
                  <c:v>15.507380281459564</c:v>
                </c:pt>
                <c:pt idx="8722">
                  <c:v>15.507380281459564</c:v>
                </c:pt>
                <c:pt idx="8723">
                  <c:v>15.507380281459564</c:v>
                </c:pt>
                <c:pt idx="8724">
                  <c:v>15.507380281459564</c:v>
                </c:pt>
                <c:pt idx="8725">
                  <c:v>15.507380281459564</c:v>
                </c:pt>
                <c:pt idx="8726">
                  <c:v>15.507380281459564</c:v>
                </c:pt>
                <c:pt idx="8727">
                  <c:v>13.784338027964058</c:v>
                </c:pt>
                <c:pt idx="8728">
                  <c:v>13.538189134607556</c:v>
                </c:pt>
                <c:pt idx="8729">
                  <c:v>11.568997987755552</c:v>
                </c:pt>
                <c:pt idx="8730">
                  <c:v>10.830551307686045</c:v>
                </c:pt>
                <c:pt idx="8731">
                  <c:v>9.1075090541905386</c:v>
                </c:pt>
                <c:pt idx="8732">
                  <c:v>7.6306156940515324</c:v>
                </c:pt>
                <c:pt idx="8733">
                  <c:v>6.6460201206255283</c:v>
                </c:pt>
                <c:pt idx="8734">
                  <c:v>6.6460201206255283</c:v>
                </c:pt>
                <c:pt idx="8735">
                  <c:v>6.6460201206255283</c:v>
                </c:pt>
                <c:pt idx="8736">
                  <c:v>2.0279601752732823</c:v>
                </c:pt>
                <c:pt idx="8737">
                  <c:v>2.0279601752732823</c:v>
                </c:pt>
                <c:pt idx="8738">
                  <c:v>2.0279601752732823</c:v>
                </c:pt>
                <c:pt idx="8739">
                  <c:v>2.0279601752732823</c:v>
                </c:pt>
                <c:pt idx="8740">
                  <c:v>2.0279601752732823</c:v>
                </c:pt>
                <c:pt idx="8741">
                  <c:v>8.787827426184224</c:v>
                </c:pt>
                <c:pt idx="8742">
                  <c:v>9.9708041950936384</c:v>
                </c:pt>
                <c:pt idx="8743">
                  <c:v>9.9708041950936384</c:v>
                </c:pt>
                <c:pt idx="8744">
                  <c:v>9.9708041950936384</c:v>
                </c:pt>
                <c:pt idx="8745">
                  <c:v>10.646790920184733</c:v>
                </c:pt>
                <c:pt idx="8746">
                  <c:v>10.646790920184733</c:v>
                </c:pt>
                <c:pt idx="8747">
                  <c:v>13.519734501821882</c:v>
                </c:pt>
                <c:pt idx="8748">
                  <c:v>13.519734501821882</c:v>
                </c:pt>
                <c:pt idx="8749">
                  <c:v>8.9568241074569972</c:v>
                </c:pt>
                <c:pt idx="8750">
                  <c:v>13.519734501821882</c:v>
                </c:pt>
                <c:pt idx="8751">
                  <c:v>13.519734501821882</c:v>
                </c:pt>
                <c:pt idx="8752">
                  <c:v>13.519734501821882</c:v>
                </c:pt>
                <c:pt idx="8753">
                  <c:v>13.519734501821882</c:v>
                </c:pt>
                <c:pt idx="8754">
                  <c:v>13.519734501821882</c:v>
                </c:pt>
                <c:pt idx="8755">
                  <c:v>11.322777645275828</c:v>
                </c:pt>
                <c:pt idx="8756">
                  <c:v>9.2948174700025419</c:v>
                </c:pt>
                <c:pt idx="8757">
                  <c:v>6.7598672509109408</c:v>
                </c:pt>
                <c:pt idx="8758">
                  <c:v>6.4218738883653934</c:v>
                </c:pt>
                <c:pt idx="8759">
                  <c:v>6.4218738883653934</c:v>
                </c:pt>
              </c:numCache>
            </c:numRef>
          </c:val>
          <c:extLst>
            <c:ext xmlns:c16="http://schemas.microsoft.com/office/drawing/2014/chart" uri="{C3380CC4-5D6E-409C-BE32-E72D297353CC}">
              <c16:uniqueId val="{00000003-2C0B-4701-B4D5-C67566BB76AF}"/>
            </c:ext>
          </c:extLst>
        </c:ser>
        <c:ser>
          <c:idx val="3"/>
          <c:order val="2"/>
          <c:tx>
            <c:strRef>
              <c:f>Bühler!$K$33</c:f>
              <c:strCache>
                <c:ptCount val="1"/>
                <c:pt idx="0">
                  <c:v>T3</c:v>
                </c:pt>
              </c:strCache>
            </c:strRef>
          </c:tx>
          <c:spPr>
            <a:solidFill>
              <a:schemeClr val="accent5">
                <a:lumMod val="60000"/>
                <a:lumOff val="40000"/>
              </a:schemeClr>
            </a:solidFill>
            <a:ln w="9525">
              <a:noFill/>
              <a:prstDash val="solid"/>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K$34:$K$8793</c:f>
              <c:numCache>
                <c:formatCode>General</c:formatCode>
                <c:ptCount val="8760"/>
                <c:pt idx="0">
                  <c:v>0.41615788325342679</c:v>
                </c:pt>
                <c:pt idx="1">
                  <c:v>0.41615788325342679</c:v>
                </c:pt>
                <c:pt idx="2">
                  <c:v>0.41615788325342679</c:v>
                </c:pt>
                <c:pt idx="3">
                  <c:v>0.41615788325342679</c:v>
                </c:pt>
                <c:pt idx="4">
                  <c:v>0.41615788325342679</c:v>
                </c:pt>
                <c:pt idx="5">
                  <c:v>1.8033508274315162</c:v>
                </c:pt>
                <c:pt idx="6">
                  <c:v>2.046109592662682</c:v>
                </c:pt>
                <c:pt idx="7">
                  <c:v>2.046109592662682</c:v>
                </c:pt>
                <c:pt idx="8">
                  <c:v>2.046109592662682</c:v>
                </c:pt>
                <c:pt idx="9">
                  <c:v>2.1848288870804908</c:v>
                </c:pt>
                <c:pt idx="10">
                  <c:v>2.1848288870804908</c:v>
                </c:pt>
                <c:pt idx="11">
                  <c:v>2.7743858883561794</c:v>
                </c:pt>
                <c:pt idx="12">
                  <c:v>2.7743858883561794</c:v>
                </c:pt>
                <c:pt idx="13">
                  <c:v>1.8380306510359685</c:v>
                </c:pt>
                <c:pt idx="14">
                  <c:v>2.7743858883561794</c:v>
                </c:pt>
                <c:pt idx="15">
                  <c:v>2.7743858883561794</c:v>
                </c:pt>
                <c:pt idx="16">
                  <c:v>2.7743858883561794</c:v>
                </c:pt>
                <c:pt idx="17">
                  <c:v>2.7743858883561794</c:v>
                </c:pt>
                <c:pt idx="18">
                  <c:v>2.7743858883561794</c:v>
                </c:pt>
                <c:pt idx="19">
                  <c:v>2.3235481814982997</c:v>
                </c:pt>
                <c:pt idx="20">
                  <c:v>1.9073902982448727</c:v>
                </c:pt>
                <c:pt idx="21">
                  <c:v>1.3871929441780897</c:v>
                </c:pt>
                <c:pt idx="22">
                  <c:v>1.3178332969691848</c:v>
                </c:pt>
                <c:pt idx="23">
                  <c:v>1.3178332969691848</c:v>
                </c:pt>
                <c:pt idx="24">
                  <c:v>1.2405775238816332</c:v>
                </c:pt>
                <c:pt idx="25">
                  <c:v>1.2405775238816332</c:v>
                </c:pt>
                <c:pt idx="26">
                  <c:v>1.2405775238816332</c:v>
                </c:pt>
                <c:pt idx="27">
                  <c:v>1.2405775238816332</c:v>
                </c:pt>
                <c:pt idx="28">
                  <c:v>1.2405775238816332</c:v>
                </c:pt>
                <c:pt idx="29">
                  <c:v>1.6127507810461232</c:v>
                </c:pt>
                <c:pt idx="30">
                  <c:v>1.7988374096283681</c:v>
                </c:pt>
                <c:pt idx="31">
                  <c:v>1.8608662858224501</c:v>
                </c:pt>
                <c:pt idx="32">
                  <c:v>1.8608662858224501</c:v>
                </c:pt>
                <c:pt idx="33">
                  <c:v>2.015938476307654</c:v>
                </c:pt>
                <c:pt idx="34">
                  <c:v>2.1089817905987767</c:v>
                </c:pt>
                <c:pt idx="35">
                  <c:v>2.4811550477632665</c:v>
                </c:pt>
                <c:pt idx="36">
                  <c:v>2.4811550477632665</c:v>
                </c:pt>
                <c:pt idx="37">
                  <c:v>2.4811550477632665</c:v>
                </c:pt>
                <c:pt idx="38">
                  <c:v>2.4811550477632665</c:v>
                </c:pt>
                <c:pt idx="39">
                  <c:v>2.4811550477632665</c:v>
                </c:pt>
                <c:pt idx="40">
                  <c:v>2.4811550477632665</c:v>
                </c:pt>
                <c:pt idx="41">
                  <c:v>2.4811550477632665</c:v>
                </c:pt>
                <c:pt idx="42">
                  <c:v>2.4811550477632665</c:v>
                </c:pt>
                <c:pt idx="43">
                  <c:v>2.0779673525017359</c:v>
                </c:pt>
                <c:pt idx="44">
                  <c:v>1.7057940953372457</c:v>
                </c:pt>
                <c:pt idx="45">
                  <c:v>1.2405775238816332</c:v>
                </c:pt>
                <c:pt idx="46">
                  <c:v>1.2405775238816332</c:v>
                </c:pt>
                <c:pt idx="47">
                  <c:v>1.2405775238816332</c:v>
                </c:pt>
                <c:pt idx="48">
                  <c:v>1.0967420237750842</c:v>
                </c:pt>
                <c:pt idx="49">
                  <c:v>1.2338347767469695</c:v>
                </c:pt>
                <c:pt idx="50">
                  <c:v>1.2338347767469695</c:v>
                </c:pt>
                <c:pt idx="51">
                  <c:v>1.2338347767469695</c:v>
                </c:pt>
                <c:pt idx="52">
                  <c:v>1.2338347767469695</c:v>
                </c:pt>
                <c:pt idx="53">
                  <c:v>1.5902759344738719</c:v>
                </c:pt>
                <c:pt idx="54">
                  <c:v>1.837042889823266</c:v>
                </c:pt>
                <c:pt idx="55">
                  <c:v>1.837042889823266</c:v>
                </c:pt>
                <c:pt idx="56">
                  <c:v>1.837042889823266</c:v>
                </c:pt>
                <c:pt idx="57">
                  <c:v>1.9741356427951517</c:v>
                </c:pt>
                <c:pt idx="58">
                  <c:v>2.1386469463614142</c:v>
                </c:pt>
                <c:pt idx="59">
                  <c:v>2.467669553493939</c:v>
                </c:pt>
                <c:pt idx="60">
                  <c:v>2.467669553493939</c:v>
                </c:pt>
                <c:pt idx="61">
                  <c:v>2.467669553493939</c:v>
                </c:pt>
                <c:pt idx="62">
                  <c:v>2.467669553493939</c:v>
                </c:pt>
                <c:pt idx="63">
                  <c:v>2.467669553493939</c:v>
                </c:pt>
                <c:pt idx="64">
                  <c:v>2.467669553493939</c:v>
                </c:pt>
                <c:pt idx="65">
                  <c:v>2.467669553493939</c:v>
                </c:pt>
                <c:pt idx="66">
                  <c:v>2.467669553493939</c:v>
                </c:pt>
                <c:pt idx="67">
                  <c:v>2.0563912945782832</c:v>
                </c:pt>
                <c:pt idx="68">
                  <c:v>1.6451130356626262</c:v>
                </c:pt>
                <c:pt idx="69">
                  <c:v>1.2338347767469695</c:v>
                </c:pt>
                <c:pt idx="70">
                  <c:v>1.2338347767469695</c:v>
                </c:pt>
                <c:pt idx="71">
                  <c:v>1.2338347767469695</c:v>
                </c:pt>
                <c:pt idx="72">
                  <c:v>1.2283527613623042</c:v>
                </c:pt>
                <c:pt idx="73">
                  <c:v>1.2283527613623042</c:v>
                </c:pt>
                <c:pt idx="74">
                  <c:v>1.2283527613623042</c:v>
                </c:pt>
                <c:pt idx="75">
                  <c:v>1.2283527613623042</c:v>
                </c:pt>
                <c:pt idx="76">
                  <c:v>1.2283527613623042</c:v>
                </c:pt>
                <c:pt idx="77">
                  <c:v>1.5832102257558585</c:v>
                </c:pt>
                <c:pt idx="78">
                  <c:v>1.8288807780283196</c:v>
                </c:pt>
                <c:pt idx="79">
                  <c:v>1.8288807780283196</c:v>
                </c:pt>
                <c:pt idx="80">
                  <c:v>1.8288807780283196</c:v>
                </c:pt>
                <c:pt idx="81">
                  <c:v>1.9653644181796868</c:v>
                </c:pt>
                <c:pt idx="82">
                  <c:v>2.1291447863613269</c:v>
                </c:pt>
                <c:pt idx="83">
                  <c:v>2.4567055227246084</c:v>
                </c:pt>
                <c:pt idx="84">
                  <c:v>2.4567055227246084</c:v>
                </c:pt>
                <c:pt idx="85">
                  <c:v>2.4567055227246084</c:v>
                </c:pt>
                <c:pt idx="86">
                  <c:v>2.4567055227246084</c:v>
                </c:pt>
                <c:pt idx="87">
                  <c:v>2.4567055227246084</c:v>
                </c:pt>
                <c:pt idx="88">
                  <c:v>2.4567055227246084</c:v>
                </c:pt>
                <c:pt idx="89">
                  <c:v>2.4567055227246084</c:v>
                </c:pt>
                <c:pt idx="90">
                  <c:v>2.4567055227246084</c:v>
                </c:pt>
                <c:pt idx="91">
                  <c:v>2.0472546022705069</c:v>
                </c:pt>
                <c:pt idx="92">
                  <c:v>1.6378036818164057</c:v>
                </c:pt>
                <c:pt idx="93">
                  <c:v>1.2283527613623042</c:v>
                </c:pt>
                <c:pt idx="94">
                  <c:v>1.2283527613623042</c:v>
                </c:pt>
                <c:pt idx="95">
                  <c:v>1.2283527613623042</c:v>
                </c:pt>
                <c:pt idx="96">
                  <c:v>1.3377683129120248</c:v>
                </c:pt>
                <c:pt idx="97">
                  <c:v>1.3377683129120248</c:v>
                </c:pt>
                <c:pt idx="98">
                  <c:v>1.3377683129120248</c:v>
                </c:pt>
                <c:pt idx="99">
                  <c:v>1.3377683129120248</c:v>
                </c:pt>
                <c:pt idx="100">
                  <c:v>1.3377683129120248</c:v>
                </c:pt>
                <c:pt idx="101">
                  <c:v>1.7242347144199432</c:v>
                </c:pt>
                <c:pt idx="102">
                  <c:v>2.0809729311964835</c:v>
                </c:pt>
                <c:pt idx="103">
                  <c:v>2.0809729311964835</c:v>
                </c:pt>
                <c:pt idx="104">
                  <c:v>2.0809729311964835</c:v>
                </c:pt>
                <c:pt idx="105">
                  <c:v>2.2296138548533748</c:v>
                </c:pt>
                <c:pt idx="106">
                  <c:v>2.3187984090475102</c:v>
                </c:pt>
                <c:pt idx="107">
                  <c:v>2.6755366258240496</c:v>
                </c:pt>
                <c:pt idx="108">
                  <c:v>2.6755366258240496</c:v>
                </c:pt>
                <c:pt idx="109">
                  <c:v>2.6755366258240496</c:v>
                </c:pt>
                <c:pt idx="110">
                  <c:v>2.6755366258240496</c:v>
                </c:pt>
                <c:pt idx="111">
                  <c:v>2.2296138548533748</c:v>
                </c:pt>
                <c:pt idx="112">
                  <c:v>2.1107011159278617</c:v>
                </c:pt>
                <c:pt idx="113">
                  <c:v>2.1107011159278617</c:v>
                </c:pt>
                <c:pt idx="114">
                  <c:v>2.1107011159278617</c:v>
                </c:pt>
                <c:pt idx="115">
                  <c:v>2.1107011159278617</c:v>
                </c:pt>
                <c:pt idx="116">
                  <c:v>1.6350501602258085</c:v>
                </c:pt>
                <c:pt idx="117">
                  <c:v>0.62429187935894503</c:v>
                </c:pt>
                <c:pt idx="118">
                  <c:v>0.62429187935894503</c:v>
                </c:pt>
                <c:pt idx="119">
                  <c:v>0.62429187935894503</c:v>
                </c:pt>
                <c:pt idx="120">
                  <c:v>0.46716279406817979</c:v>
                </c:pt>
                <c:pt idx="121">
                  <c:v>0.91207974079977971</c:v>
                </c:pt>
                <c:pt idx="122">
                  <c:v>0.91207974079977971</c:v>
                </c:pt>
                <c:pt idx="123">
                  <c:v>0.91207974079977971</c:v>
                </c:pt>
                <c:pt idx="124">
                  <c:v>0.91207974079977971</c:v>
                </c:pt>
                <c:pt idx="125">
                  <c:v>1.1345382141655795</c:v>
                </c:pt>
                <c:pt idx="126">
                  <c:v>1.4237342295411195</c:v>
                </c:pt>
                <c:pt idx="127">
                  <c:v>1.6239468555703394</c:v>
                </c:pt>
                <c:pt idx="128">
                  <c:v>1.6239468555703394</c:v>
                </c:pt>
                <c:pt idx="129">
                  <c:v>1.6239468555703394</c:v>
                </c:pt>
                <c:pt idx="130">
                  <c:v>1.6239468555703394</c:v>
                </c:pt>
                <c:pt idx="131">
                  <c:v>1.6239468555703394</c:v>
                </c:pt>
                <c:pt idx="132">
                  <c:v>1.6239468555703394</c:v>
                </c:pt>
                <c:pt idx="133">
                  <c:v>1.6239468555703394</c:v>
                </c:pt>
                <c:pt idx="134">
                  <c:v>1.6239468555703394</c:v>
                </c:pt>
                <c:pt idx="135">
                  <c:v>1.4682259242142792</c:v>
                </c:pt>
                <c:pt idx="136">
                  <c:v>1.3347508401947994</c:v>
                </c:pt>
                <c:pt idx="137">
                  <c:v>1.2012757561753196</c:v>
                </c:pt>
                <c:pt idx="138">
                  <c:v>1.1567840615021594</c:v>
                </c:pt>
                <c:pt idx="139">
                  <c:v>0.93432558813635957</c:v>
                </c:pt>
                <c:pt idx="140">
                  <c:v>0.68962126743397978</c:v>
                </c:pt>
                <c:pt idx="141">
                  <c:v>0.68962126743397978</c:v>
                </c:pt>
                <c:pt idx="142">
                  <c:v>0.68962126743397978</c:v>
                </c:pt>
                <c:pt idx="143">
                  <c:v>0.68962126743397978</c:v>
                </c:pt>
                <c:pt idx="144">
                  <c:v>0.73758563220266737</c:v>
                </c:pt>
                <c:pt idx="145">
                  <c:v>0.85655105675148469</c:v>
                </c:pt>
                <c:pt idx="146">
                  <c:v>0.85655105675148469</c:v>
                </c:pt>
                <c:pt idx="147">
                  <c:v>0.85655105675148469</c:v>
                </c:pt>
                <c:pt idx="148">
                  <c:v>0.85655105675148469</c:v>
                </c:pt>
                <c:pt idx="149">
                  <c:v>1.0706888209393559</c:v>
                </c:pt>
                <c:pt idx="150">
                  <c:v>1.2610335002174635</c:v>
                </c:pt>
                <c:pt idx="151">
                  <c:v>1.4989643493150984</c:v>
                </c:pt>
                <c:pt idx="152">
                  <c:v>1.4989643493150984</c:v>
                </c:pt>
                <c:pt idx="153">
                  <c:v>1.4989643493150984</c:v>
                </c:pt>
                <c:pt idx="154">
                  <c:v>1.4989643493150984</c:v>
                </c:pt>
                <c:pt idx="155">
                  <c:v>1.4989643493150984</c:v>
                </c:pt>
                <c:pt idx="156">
                  <c:v>1.4989643493150984</c:v>
                </c:pt>
                <c:pt idx="157">
                  <c:v>1.4989643493150984</c:v>
                </c:pt>
                <c:pt idx="158">
                  <c:v>1.4989643493150984</c:v>
                </c:pt>
                <c:pt idx="159">
                  <c:v>1.3324127549467539</c:v>
                </c:pt>
                <c:pt idx="160">
                  <c:v>1.3086196700369903</c:v>
                </c:pt>
                <c:pt idx="161">
                  <c:v>1.1182749907588829</c:v>
                </c:pt>
                <c:pt idx="162">
                  <c:v>1.0468957360295925</c:v>
                </c:pt>
                <c:pt idx="163">
                  <c:v>0.88034414166124819</c:v>
                </c:pt>
                <c:pt idx="164">
                  <c:v>0.73758563220266737</c:v>
                </c:pt>
                <c:pt idx="165">
                  <c:v>0.64241329256361357</c:v>
                </c:pt>
                <c:pt idx="166">
                  <c:v>0.64241329256361357</c:v>
                </c:pt>
                <c:pt idx="167">
                  <c:v>0.64241329256361357</c:v>
                </c:pt>
                <c:pt idx="168">
                  <c:v>0.37789002142849343</c:v>
                </c:pt>
                <c:pt idx="169">
                  <c:v>0.37789002142849343</c:v>
                </c:pt>
                <c:pt idx="170">
                  <c:v>0.37789002142849343</c:v>
                </c:pt>
                <c:pt idx="171">
                  <c:v>0.37789002142849343</c:v>
                </c:pt>
                <c:pt idx="172">
                  <c:v>0.37789002142849343</c:v>
                </c:pt>
                <c:pt idx="173">
                  <c:v>1.6375234261901384</c:v>
                </c:pt>
                <c:pt idx="174">
                  <c:v>1.8579592720234259</c:v>
                </c:pt>
                <c:pt idx="175">
                  <c:v>1.8579592720234259</c:v>
                </c:pt>
                <c:pt idx="176">
                  <c:v>1.8579592720234259</c:v>
                </c:pt>
                <c:pt idx="177">
                  <c:v>1.9839226124995908</c:v>
                </c:pt>
                <c:pt idx="178">
                  <c:v>1.9839226124995908</c:v>
                </c:pt>
                <c:pt idx="179">
                  <c:v>2.5192668095232897</c:v>
                </c:pt>
                <c:pt idx="180">
                  <c:v>2.5192668095232897</c:v>
                </c:pt>
                <c:pt idx="181">
                  <c:v>1.6690142613091794</c:v>
                </c:pt>
                <c:pt idx="182">
                  <c:v>2.5192668095232897</c:v>
                </c:pt>
                <c:pt idx="183">
                  <c:v>2.5192668095232897</c:v>
                </c:pt>
                <c:pt idx="184">
                  <c:v>2.5192668095232897</c:v>
                </c:pt>
                <c:pt idx="185">
                  <c:v>2.5192668095232897</c:v>
                </c:pt>
                <c:pt idx="186">
                  <c:v>2.5192668095232897</c:v>
                </c:pt>
                <c:pt idx="187">
                  <c:v>2.109885952975755</c:v>
                </c:pt>
                <c:pt idx="188">
                  <c:v>1.7319959315472615</c:v>
                </c:pt>
                <c:pt idx="189">
                  <c:v>1.2596334047616449</c:v>
                </c:pt>
                <c:pt idx="190">
                  <c:v>1.1966517345235628</c:v>
                </c:pt>
                <c:pt idx="191">
                  <c:v>1.1966517345235628</c:v>
                </c:pt>
                <c:pt idx="192">
                  <c:v>1.1074590097920383</c:v>
                </c:pt>
                <c:pt idx="193">
                  <c:v>1.1074590097920383</c:v>
                </c:pt>
                <c:pt idx="194">
                  <c:v>1.1074590097920383</c:v>
                </c:pt>
                <c:pt idx="195">
                  <c:v>1.1074590097920383</c:v>
                </c:pt>
                <c:pt idx="196">
                  <c:v>1.1074590097920383</c:v>
                </c:pt>
                <c:pt idx="197">
                  <c:v>1.4396967127296498</c:v>
                </c:pt>
                <c:pt idx="198">
                  <c:v>1.6058155641984555</c:v>
                </c:pt>
                <c:pt idx="199">
                  <c:v>1.6611885146880574</c:v>
                </c:pt>
                <c:pt idx="200">
                  <c:v>1.6611885146880574</c:v>
                </c:pt>
                <c:pt idx="201">
                  <c:v>1.7996208909120621</c:v>
                </c:pt>
                <c:pt idx="202">
                  <c:v>1.882680316646465</c:v>
                </c:pt>
                <c:pt idx="203">
                  <c:v>2.2149180195840765</c:v>
                </c:pt>
                <c:pt idx="204">
                  <c:v>2.2149180195840765</c:v>
                </c:pt>
                <c:pt idx="205">
                  <c:v>2.2149180195840765</c:v>
                </c:pt>
                <c:pt idx="206">
                  <c:v>2.2149180195840765</c:v>
                </c:pt>
                <c:pt idx="207">
                  <c:v>2.2149180195840765</c:v>
                </c:pt>
                <c:pt idx="208">
                  <c:v>2.2149180195840765</c:v>
                </c:pt>
                <c:pt idx="209">
                  <c:v>2.2149180195840765</c:v>
                </c:pt>
                <c:pt idx="210">
                  <c:v>2.2149180195840765</c:v>
                </c:pt>
                <c:pt idx="211">
                  <c:v>1.8549938414016642</c:v>
                </c:pt>
                <c:pt idx="212">
                  <c:v>1.5227561384640527</c:v>
                </c:pt>
                <c:pt idx="213">
                  <c:v>1.1074590097920383</c:v>
                </c:pt>
                <c:pt idx="214">
                  <c:v>1.1074590097920383</c:v>
                </c:pt>
                <c:pt idx="215">
                  <c:v>1.1074590097920383</c:v>
                </c:pt>
                <c:pt idx="216">
                  <c:v>1.0070556604349978</c:v>
                </c:pt>
                <c:pt idx="217">
                  <c:v>1.1329376179893724</c:v>
                </c:pt>
                <c:pt idx="218">
                  <c:v>1.1329376179893724</c:v>
                </c:pt>
                <c:pt idx="219">
                  <c:v>1.1329376179893724</c:v>
                </c:pt>
                <c:pt idx="220">
                  <c:v>1.1329376179893724</c:v>
                </c:pt>
                <c:pt idx="221">
                  <c:v>1.4602307076307468</c:v>
                </c:pt>
                <c:pt idx="222">
                  <c:v>1.6868182312286215</c:v>
                </c:pt>
                <c:pt idx="223">
                  <c:v>1.6868182312286215</c:v>
                </c:pt>
                <c:pt idx="224">
                  <c:v>1.6868182312286215</c:v>
                </c:pt>
                <c:pt idx="225">
                  <c:v>1.8127001887829959</c:v>
                </c:pt>
                <c:pt idx="226">
                  <c:v>1.9637585378482454</c:v>
                </c:pt>
                <c:pt idx="227">
                  <c:v>2.2658752359787449</c:v>
                </c:pt>
                <c:pt idx="228">
                  <c:v>2.2658752359787449</c:v>
                </c:pt>
                <c:pt idx="229">
                  <c:v>2.2658752359787449</c:v>
                </c:pt>
                <c:pt idx="230">
                  <c:v>2.2658752359787449</c:v>
                </c:pt>
                <c:pt idx="231">
                  <c:v>2.2658752359787449</c:v>
                </c:pt>
                <c:pt idx="232">
                  <c:v>2.2658752359787449</c:v>
                </c:pt>
                <c:pt idx="233">
                  <c:v>2.2658752359787449</c:v>
                </c:pt>
                <c:pt idx="234">
                  <c:v>2.2658752359787449</c:v>
                </c:pt>
                <c:pt idx="235">
                  <c:v>1.8882293633156209</c:v>
                </c:pt>
                <c:pt idx="236">
                  <c:v>1.5105834906524969</c:v>
                </c:pt>
                <c:pt idx="237">
                  <c:v>1.1329376179893724</c:v>
                </c:pt>
                <c:pt idx="238">
                  <c:v>1.1329376179893724</c:v>
                </c:pt>
                <c:pt idx="239">
                  <c:v>1.1329376179893724</c:v>
                </c:pt>
                <c:pt idx="240">
                  <c:v>1.1155279370096793</c:v>
                </c:pt>
                <c:pt idx="241">
                  <c:v>1.1155279370096793</c:v>
                </c:pt>
                <c:pt idx="242">
                  <c:v>1.1155279370096793</c:v>
                </c:pt>
                <c:pt idx="243">
                  <c:v>1.1155279370096793</c:v>
                </c:pt>
                <c:pt idx="244">
                  <c:v>1.1155279370096793</c:v>
                </c:pt>
                <c:pt idx="245">
                  <c:v>1.4377915632569203</c:v>
                </c:pt>
                <c:pt idx="246">
                  <c:v>1.6608971506588561</c:v>
                </c:pt>
                <c:pt idx="247">
                  <c:v>1.6608971506588561</c:v>
                </c:pt>
                <c:pt idx="248">
                  <c:v>1.6608971506588561</c:v>
                </c:pt>
                <c:pt idx="249">
                  <c:v>1.7848446992154872</c:v>
                </c:pt>
                <c:pt idx="250">
                  <c:v>1.9335817574834446</c:v>
                </c:pt>
                <c:pt idx="251">
                  <c:v>2.2310558740193587</c:v>
                </c:pt>
                <c:pt idx="252">
                  <c:v>2.2310558740193587</c:v>
                </c:pt>
                <c:pt idx="253">
                  <c:v>2.2310558740193587</c:v>
                </c:pt>
                <c:pt idx="254">
                  <c:v>2.2310558740193587</c:v>
                </c:pt>
                <c:pt idx="255">
                  <c:v>2.2310558740193587</c:v>
                </c:pt>
                <c:pt idx="256">
                  <c:v>2.2310558740193587</c:v>
                </c:pt>
                <c:pt idx="257">
                  <c:v>2.2310558740193587</c:v>
                </c:pt>
                <c:pt idx="258">
                  <c:v>2.2310558740193587</c:v>
                </c:pt>
                <c:pt idx="259">
                  <c:v>1.8592132283494658</c:v>
                </c:pt>
                <c:pt idx="260">
                  <c:v>1.4873705826795727</c:v>
                </c:pt>
                <c:pt idx="261">
                  <c:v>1.1155279370096793</c:v>
                </c:pt>
                <c:pt idx="262">
                  <c:v>1.1155279370096793</c:v>
                </c:pt>
                <c:pt idx="263">
                  <c:v>1.1155279370096793</c:v>
                </c:pt>
                <c:pt idx="264">
                  <c:v>1.2275182846862398</c:v>
                </c:pt>
                <c:pt idx="265">
                  <c:v>1.2275182846862398</c:v>
                </c:pt>
                <c:pt idx="266">
                  <c:v>1.2275182846862398</c:v>
                </c:pt>
                <c:pt idx="267">
                  <c:v>1.2275182846862398</c:v>
                </c:pt>
                <c:pt idx="268">
                  <c:v>1.2275182846862398</c:v>
                </c:pt>
                <c:pt idx="269">
                  <c:v>1.5821346780400425</c:v>
                </c:pt>
                <c:pt idx="270">
                  <c:v>1.9094728872897067</c:v>
                </c:pt>
                <c:pt idx="271">
                  <c:v>1.9094728872897067</c:v>
                </c:pt>
                <c:pt idx="272">
                  <c:v>1.9094728872897067</c:v>
                </c:pt>
                <c:pt idx="273">
                  <c:v>2.0458638078104001</c:v>
                </c:pt>
                <c:pt idx="274">
                  <c:v>2.1276983601228157</c:v>
                </c:pt>
                <c:pt idx="275">
                  <c:v>2.4550365693724796</c:v>
                </c:pt>
                <c:pt idx="276">
                  <c:v>2.4550365693724796</c:v>
                </c:pt>
                <c:pt idx="277">
                  <c:v>2.4550365693724796</c:v>
                </c:pt>
                <c:pt idx="278">
                  <c:v>2.4550365693724796</c:v>
                </c:pt>
                <c:pt idx="279">
                  <c:v>2.0458638078104001</c:v>
                </c:pt>
                <c:pt idx="280">
                  <c:v>1.9367510713938454</c:v>
                </c:pt>
                <c:pt idx="281">
                  <c:v>1.9367510713938454</c:v>
                </c:pt>
                <c:pt idx="282">
                  <c:v>1.9367510713938454</c:v>
                </c:pt>
                <c:pt idx="283">
                  <c:v>1.9367510713938454</c:v>
                </c:pt>
                <c:pt idx="284">
                  <c:v>1.5003001257276265</c:v>
                </c:pt>
                <c:pt idx="285">
                  <c:v>0.5728418661869118</c:v>
                </c:pt>
                <c:pt idx="286">
                  <c:v>0.5728418661869118</c:v>
                </c:pt>
                <c:pt idx="287">
                  <c:v>0.5728418661869118</c:v>
                </c:pt>
                <c:pt idx="288">
                  <c:v>0.44108274152886073</c:v>
                </c:pt>
                <c:pt idx="289">
                  <c:v>0.86116154298491865</c:v>
                </c:pt>
                <c:pt idx="290">
                  <c:v>0.86116154298491865</c:v>
                </c:pt>
                <c:pt idx="291">
                  <c:v>0.86116154298491865</c:v>
                </c:pt>
                <c:pt idx="292">
                  <c:v>0.86116154298491865</c:v>
                </c:pt>
                <c:pt idx="293">
                  <c:v>1.0712009437129475</c:v>
                </c:pt>
                <c:pt idx="294">
                  <c:v>1.344252164659385</c:v>
                </c:pt>
                <c:pt idx="295">
                  <c:v>1.5332876253146113</c:v>
                </c:pt>
                <c:pt idx="296">
                  <c:v>1.5332876253146113</c:v>
                </c:pt>
                <c:pt idx="297">
                  <c:v>1.5332876253146113</c:v>
                </c:pt>
                <c:pt idx="298">
                  <c:v>1.5332876253146113</c:v>
                </c:pt>
                <c:pt idx="299">
                  <c:v>1.5332876253146113</c:v>
                </c:pt>
                <c:pt idx="300">
                  <c:v>1.5332876253146113</c:v>
                </c:pt>
                <c:pt idx="301">
                  <c:v>1.5332876253146113</c:v>
                </c:pt>
                <c:pt idx="302">
                  <c:v>1.5332876253146113</c:v>
                </c:pt>
                <c:pt idx="303">
                  <c:v>1.3862600448049909</c:v>
                </c:pt>
                <c:pt idx="304">
                  <c:v>1.2602364043681735</c:v>
                </c:pt>
                <c:pt idx="305">
                  <c:v>1.1342127639313559</c:v>
                </c:pt>
                <c:pt idx="306">
                  <c:v>1.0922048837857503</c:v>
                </c:pt>
                <c:pt idx="307">
                  <c:v>0.88216548305772147</c:v>
                </c:pt>
                <c:pt idx="308">
                  <c:v>0.65112214225688958</c:v>
                </c:pt>
                <c:pt idx="309">
                  <c:v>0.65112214225688958</c:v>
                </c:pt>
                <c:pt idx="310">
                  <c:v>0.65112214225688958</c:v>
                </c:pt>
                <c:pt idx="311">
                  <c:v>0.65112214225688958</c:v>
                </c:pt>
                <c:pt idx="312">
                  <c:v>0.74973985759594697</c:v>
                </c:pt>
                <c:pt idx="313">
                  <c:v>0.87066564107916422</c:v>
                </c:pt>
                <c:pt idx="314">
                  <c:v>0.87066564107916422</c:v>
                </c:pt>
                <c:pt idx="315">
                  <c:v>0.87066564107916422</c:v>
                </c:pt>
                <c:pt idx="316">
                  <c:v>0.87066564107916422</c:v>
                </c:pt>
                <c:pt idx="317">
                  <c:v>1.0883320513489552</c:v>
                </c:pt>
                <c:pt idx="318">
                  <c:v>1.281813304922103</c:v>
                </c:pt>
                <c:pt idx="319">
                  <c:v>1.5236648718885373</c:v>
                </c:pt>
                <c:pt idx="320">
                  <c:v>1.5236648718885373</c:v>
                </c:pt>
                <c:pt idx="321">
                  <c:v>1.5236648718885373</c:v>
                </c:pt>
                <c:pt idx="322">
                  <c:v>1.5236648718885373</c:v>
                </c:pt>
                <c:pt idx="323">
                  <c:v>1.5236648718885373</c:v>
                </c:pt>
                <c:pt idx="324">
                  <c:v>1.5236648718885373</c:v>
                </c:pt>
                <c:pt idx="325">
                  <c:v>1.5236648718885373</c:v>
                </c:pt>
                <c:pt idx="326">
                  <c:v>1.5236648718885373</c:v>
                </c:pt>
                <c:pt idx="327">
                  <c:v>1.3543687750120332</c:v>
                </c:pt>
                <c:pt idx="328">
                  <c:v>1.3301836183153897</c:v>
                </c:pt>
                <c:pt idx="329">
                  <c:v>1.1367023647422423</c:v>
                </c:pt>
                <c:pt idx="330">
                  <c:v>1.0641468946523118</c:v>
                </c:pt>
                <c:pt idx="331">
                  <c:v>0.89485079777580767</c:v>
                </c:pt>
                <c:pt idx="332">
                  <c:v>0.74973985759594697</c:v>
                </c:pt>
                <c:pt idx="333">
                  <c:v>0.65299923080937317</c:v>
                </c:pt>
                <c:pt idx="334">
                  <c:v>0.65299923080937317</c:v>
                </c:pt>
                <c:pt idx="335">
                  <c:v>0.65299923080937317</c:v>
                </c:pt>
                <c:pt idx="336">
                  <c:v>0.40349024339641282</c:v>
                </c:pt>
                <c:pt idx="337">
                  <c:v>0.40349024339641282</c:v>
                </c:pt>
                <c:pt idx="338">
                  <c:v>0.40349024339641282</c:v>
                </c:pt>
                <c:pt idx="339">
                  <c:v>0.40349024339641282</c:v>
                </c:pt>
                <c:pt idx="340">
                  <c:v>0.40349024339641282</c:v>
                </c:pt>
                <c:pt idx="341">
                  <c:v>1.7484577213844557</c:v>
                </c:pt>
                <c:pt idx="342">
                  <c:v>1.983827030032363</c:v>
                </c:pt>
                <c:pt idx="343">
                  <c:v>1.983827030032363</c:v>
                </c:pt>
                <c:pt idx="344">
                  <c:v>1.983827030032363</c:v>
                </c:pt>
                <c:pt idx="345">
                  <c:v>2.1183237778311672</c:v>
                </c:pt>
                <c:pt idx="346">
                  <c:v>2.1183237778311672</c:v>
                </c:pt>
                <c:pt idx="347">
                  <c:v>2.6899349559760855</c:v>
                </c:pt>
                <c:pt idx="348">
                  <c:v>2.6899349559760855</c:v>
                </c:pt>
                <c:pt idx="349">
                  <c:v>1.7820819083341566</c:v>
                </c:pt>
                <c:pt idx="350">
                  <c:v>2.6899349559760855</c:v>
                </c:pt>
                <c:pt idx="351">
                  <c:v>2.6899349559760855</c:v>
                </c:pt>
                <c:pt idx="352">
                  <c:v>2.6899349559760855</c:v>
                </c:pt>
                <c:pt idx="353">
                  <c:v>2.6899349559760855</c:v>
                </c:pt>
                <c:pt idx="354">
                  <c:v>2.6899349559760855</c:v>
                </c:pt>
                <c:pt idx="355">
                  <c:v>2.2528205256299718</c:v>
                </c:pt>
                <c:pt idx="356">
                  <c:v>1.8493302822335589</c:v>
                </c:pt>
                <c:pt idx="357">
                  <c:v>1.3449674779880427</c:v>
                </c:pt>
                <c:pt idx="358">
                  <c:v>1.2777191040886406</c:v>
                </c:pt>
                <c:pt idx="359">
                  <c:v>1.2777191040886406</c:v>
                </c:pt>
                <c:pt idx="360">
                  <c:v>1.1850853714284164</c:v>
                </c:pt>
                <c:pt idx="361">
                  <c:v>1.1850853714284164</c:v>
                </c:pt>
                <c:pt idx="362">
                  <c:v>1.1850853714284164</c:v>
                </c:pt>
                <c:pt idx="363">
                  <c:v>1.1850853714284164</c:v>
                </c:pt>
                <c:pt idx="364">
                  <c:v>1.1850853714284164</c:v>
                </c:pt>
                <c:pt idx="365">
                  <c:v>1.5406109828569412</c:v>
                </c:pt>
                <c:pt idx="366">
                  <c:v>1.7183737885712036</c:v>
                </c:pt>
                <c:pt idx="367">
                  <c:v>1.7776280571426246</c:v>
                </c:pt>
                <c:pt idx="368">
                  <c:v>1.7776280571426246</c:v>
                </c:pt>
                <c:pt idx="369">
                  <c:v>1.9257637285711766</c:v>
                </c:pt>
                <c:pt idx="370">
                  <c:v>2.0146451314283076</c:v>
                </c:pt>
                <c:pt idx="371">
                  <c:v>2.3701707428568328</c:v>
                </c:pt>
                <c:pt idx="372">
                  <c:v>2.3701707428568328</c:v>
                </c:pt>
                <c:pt idx="373">
                  <c:v>2.3701707428568328</c:v>
                </c:pt>
                <c:pt idx="374">
                  <c:v>2.3701707428568328</c:v>
                </c:pt>
                <c:pt idx="375">
                  <c:v>2.3701707428568328</c:v>
                </c:pt>
                <c:pt idx="376">
                  <c:v>2.3701707428568328</c:v>
                </c:pt>
                <c:pt idx="377">
                  <c:v>2.3701707428568328</c:v>
                </c:pt>
                <c:pt idx="378">
                  <c:v>2.3701707428568328</c:v>
                </c:pt>
                <c:pt idx="379">
                  <c:v>1.9850179971425976</c:v>
                </c:pt>
                <c:pt idx="380">
                  <c:v>1.6294923857140724</c:v>
                </c:pt>
                <c:pt idx="381">
                  <c:v>1.1850853714284164</c:v>
                </c:pt>
                <c:pt idx="382">
                  <c:v>1.1850853714284164</c:v>
                </c:pt>
                <c:pt idx="383">
                  <c:v>1.1850853714284164</c:v>
                </c:pt>
                <c:pt idx="384">
                  <c:v>1.0307044200732942</c:v>
                </c:pt>
                <c:pt idx="385">
                  <c:v>1.1595424725824559</c:v>
                </c:pt>
                <c:pt idx="386">
                  <c:v>1.1595424725824559</c:v>
                </c:pt>
                <c:pt idx="387">
                  <c:v>1.1595424725824559</c:v>
                </c:pt>
                <c:pt idx="388">
                  <c:v>1.1595424725824559</c:v>
                </c:pt>
                <c:pt idx="389">
                  <c:v>1.4945214091062764</c:v>
                </c:pt>
                <c:pt idx="390">
                  <c:v>1.7264299036227679</c:v>
                </c:pt>
                <c:pt idx="391">
                  <c:v>1.7264299036227679</c:v>
                </c:pt>
                <c:pt idx="392">
                  <c:v>1.7264299036227679</c:v>
                </c:pt>
                <c:pt idx="393">
                  <c:v>1.8552679561319294</c:v>
                </c:pt>
                <c:pt idx="394">
                  <c:v>2.0098736191429234</c:v>
                </c:pt>
                <c:pt idx="395">
                  <c:v>2.3190849451649118</c:v>
                </c:pt>
                <c:pt idx="396">
                  <c:v>2.3190849451649118</c:v>
                </c:pt>
                <c:pt idx="397">
                  <c:v>2.3190849451649118</c:v>
                </c:pt>
                <c:pt idx="398">
                  <c:v>2.3190849451649118</c:v>
                </c:pt>
                <c:pt idx="399">
                  <c:v>2.3190849451649118</c:v>
                </c:pt>
                <c:pt idx="400">
                  <c:v>2.3190849451649118</c:v>
                </c:pt>
                <c:pt idx="401">
                  <c:v>2.3190849451649118</c:v>
                </c:pt>
                <c:pt idx="402">
                  <c:v>2.3190849451649118</c:v>
                </c:pt>
                <c:pt idx="403">
                  <c:v>1.9325707876374267</c:v>
                </c:pt>
                <c:pt idx="404">
                  <c:v>1.5460566301099414</c:v>
                </c:pt>
                <c:pt idx="405">
                  <c:v>1.1595424725824559</c:v>
                </c:pt>
                <c:pt idx="406">
                  <c:v>1.1595424725824559</c:v>
                </c:pt>
                <c:pt idx="407">
                  <c:v>1.1595424725824559</c:v>
                </c:pt>
                <c:pt idx="408">
                  <c:v>1.1761716085729963</c:v>
                </c:pt>
                <c:pt idx="409">
                  <c:v>1.1761716085729963</c:v>
                </c:pt>
                <c:pt idx="410">
                  <c:v>1.1761716085729963</c:v>
                </c:pt>
                <c:pt idx="411">
                  <c:v>1.1761716085729963</c:v>
                </c:pt>
                <c:pt idx="412">
                  <c:v>1.1761716085729963</c:v>
                </c:pt>
                <c:pt idx="413">
                  <c:v>1.5159545177163063</c:v>
                </c:pt>
                <c:pt idx="414">
                  <c:v>1.7511888394309061</c:v>
                </c:pt>
                <c:pt idx="415">
                  <c:v>1.7511888394309061</c:v>
                </c:pt>
                <c:pt idx="416">
                  <c:v>1.7511888394309061</c:v>
                </c:pt>
                <c:pt idx="417">
                  <c:v>1.8818745737167946</c:v>
                </c:pt>
                <c:pt idx="418">
                  <c:v>2.0386974548598604</c:v>
                </c:pt>
                <c:pt idx="419">
                  <c:v>2.3523432171459926</c:v>
                </c:pt>
                <c:pt idx="420">
                  <c:v>2.3523432171459926</c:v>
                </c:pt>
                <c:pt idx="421">
                  <c:v>2.3523432171459926</c:v>
                </c:pt>
                <c:pt idx="422">
                  <c:v>2.3523432171459926</c:v>
                </c:pt>
                <c:pt idx="423">
                  <c:v>2.3523432171459926</c:v>
                </c:pt>
                <c:pt idx="424">
                  <c:v>2.3523432171459926</c:v>
                </c:pt>
                <c:pt idx="425">
                  <c:v>2.3523432171459926</c:v>
                </c:pt>
                <c:pt idx="426">
                  <c:v>2.3523432171459926</c:v>
                </c:pt>
                <c:pt idx="427">
                  <c:v>1.9602860142883274</c:v>
                </c:pt>
                <c:pt idx="428">
                  <c:v>1.5682288114306622</c:v>
                </c:pt>
                <c:pt idx="429">
                  <c:v>1.1761716085729963</c:v>
                </c:pt>
                <c:pt idx="430">
                  <c:v>1.1761716085729963</c:v>
                </c:pt>
                <c:pt idx="431">
                  <c:v>1.1761716085729963</c:v>
                </c:pt>
                <c:pt idx="432">
                  <c:v>1.2972156357568163</c:v>
                </c:pt>
                <c:pt idx="433">
                  <c:v>1.2972156357568163</c:v>
                </c:pt>
                <c:pt idx="434">
                  <c:v>1.2972156357568163</c:v>
                </c:pt>
                <c:pt idx="435">
                  <c:v>1.2972156357568163</c:v>
                </c:pt>
                <c:pt idx="436">
                  <c:v>1.2972156357568163</c:v>
                </c:pt>
                <c:pt idx="437">
                  <c:v>1.6719668194198967</c:v>
                </c:pt>
                <c:pt idx="438">
                  <c:v>2.0178909889550476</c:v>
                </c:pt>
                <c:pt idx="439">
                  <c:v>2.0178909889550476</c:v>
                </c:pt>
                <c:pt idx="440">
                  <c:v>2.0178909889550476</c:v>
                </c:pt>
                <c:pt idx="441">
                  <c:v>2.1620260595946941</c:v>
                </c:pt>
                <c:pt idx="442">
                  <c:v>2.2485071019784817</c:v>
                </c:pt>
                <c:pt idx="443">
                  <c:v>2.5944312715136326</c:v>
                </c:pt>
                <c:pt idx="444">
                  <c:v>2.5944312715136326</c:v>
                </c:pt>
                <c:pt idx="445">
                  <c:v>2.5944312715136326</c:v>
                </c:pt>
                <c:pt idx="446">
                  <c:v>2.5944312715136326</c:v>
                </c:pt>
                <c:pt idx="447">
                  <c:v>2.1620260595946941</c:v>
                </c:pt>
                <c:pt idx="448">
                  <c:v>2.0467180030829772</c:v>
                </c:pt>
                <c:pt idx="449">
                  <c:v>2.0467180030829772</c:v>
                </c:pt>
                <c:pt idx="450">
                  <c:v>2.0467180030829772</c:v>
                </c:pt>
                <c:pt idx="451">
                  <c:v>2.0467180030829772</c:v>
                </c:pt>
                <c:pt idx="452">
                  <c:v>1.5854857770361088</c:v>
                </c:pt>
                <c:pt idx="453">
                  <c:v>0.60536729668651423</c:v>
                </c:pt>
                <c:pt idx="454">
                  <c:v>0.60536729668651423</c:v>
                </c:pt>
                <c:pt idx="455">
                  <c:v>0.60536729668651423</c:v>
                </c:pt>
                <c:pt idx="456">
                  <c:v>0.430940498874681</c:v>
                </c:pt>
                <c:pt idx="457">
                  <c:v>0.84136002161247248</c:v>
                </c:pt>
                <c:pt idx="458">
                  <c:v>0.84136002161247248</c:v>
                </c:pt>
                <c:pt idx="459">
                  <c:v>0.84136002161247248</c:v>
                </c:pt>
                <c:pt idx="460">
                  <c:v>0.84136002161247248</c:v>
                </c:pt>
                <c:pt idx="461">
                  <c:v>1.0465697829813683</c:v>
                </c:pt>
                <c:pt idx="462">
                  <c:v>1.3133424727609326</c:v>
                </c:pt>
                <c:pt idx="463">
                  <c:v>1.4980312579929389</c:v>
                </c:pt>
                <c:pt idx="464">
                  <c:v>1.4980312579929389</c:v>
                </c:pt>
                <c:pt idx="465">
                  <c:v>1.4980312579929389</c:v>
                </c:pt>
                <c:pt idx="466">
                  <c:v>1.4980312579929389</c:v>
                </c:pt>
                <c:pt idx="467">
                  <c:v>1.4980312579929389</c:v>
                </c:pt>
                <c:pt idx="468">
                  <c:v>1.4980312579929389</c:v>
                </c:pt>
                <c:pt idx="469">
                  <c:v>1.4980312579929389</c:v>
                </c:pt>
                <c:pt idx="470">
                  <c:v>1.4980312579929389</c:v>
                </c:pt>
                <c:pt idx="471">
                  <c:v>1.3543844250347119</c:v>
                </c:pt>
                <c:pt idx="472">
                  <c:v>1.2312585682133743</c:v>
                </c:pt>
                <c:pt idx="473">
                  <c:v>1.108132711392037</c:v>
                </c:pt>
                <c:pt idx="474">
                  <c:v>1.0670907591182579</c:v>
                </c:pt>
                <c:pt idx="475">
                  <c:v>0.861880997749362</c:v>
                </c:pt>
                <c:pt idx="476">
                  <c:v>0.63615026024357679</c:v>
                </c:pt>
                <c:pt idx="477">
                  <c:v>0.63615026024357679</c:v>
                </c:pt>
                <c:pt idx="478">
                  <c:v>0.63615026024357679</c:v>
                </c:pt>
                <c:pt idx="479">
                  <c:v>0.63615026024357679</c:v>
                </c:pt>
                <c:pt idx="480">
                  <c:v>0.73029309696669964</c:v>
                </c:pt>
                <c:pt idx="481">
                  <c:v>0.84808230615487701</c:v>
                </c:pt>
                <c:pt idx="482">
                  <c:v>0.84808230615487701</c:v>
                </c:pt>
                <c:pt idx="483">
                  <c:v>0.84808230615487701</c:v>
                </c:pt>
                <c:pt idx="484">
                  <c:v>0.84808230615487701</c:v>
                </c:pt>
                <c:pt idx="485">
                  <c:v>1.0601028826935963</c:v>
                </c:pt>
                <c:pt idx="486">
                  <c:v>1.2485656173946802</c:v>
                </c:pt>
                <c:pt idx="487">
                  <c:v>1.4841440357710347</c:v>
                </c:pt>
                <c:pt idx="488">
                  <c:v>1.4841440357710347</c:v>
                </c:pt>
                <c:pt idx="489">
                  <c:v>1.4841440357710347</c:v>
                </c:pt>
                <c:pt idx="490">
                  <c:v>1.4841440357710347</c:v>
                </c:pt>
                <c:pt idx="491">
                  <c:v>1.4841440357710347</c:v>
                </c:pt>
                <c:pt idx="492">
                  <c:v>1.4841440357710347</c:v>
                </c:pt>
                <c:pt idx="493">
                  <c:v>1.4841440357710347</c:v>
                </c:pt>
                <c:pt idx="494">
                  <c:v>1.4841440357710347</c:v>
                </c:pt>
                <c:pt idx="495">
                  <c:v>1.3192391429075865</c:v>
                </c:pt>
                <c:pt idx="496">
                  <c:v>1.2956813010699508</c:v>
                </c:pt>
                <c:pt idx="497">
                  <c:v>1.1072185663688672</c:v>
                </c:pt>
                <c:pt idx="498">
                  <c:v>1.0365450408559609</c:v>
                </c:pt>
                <c:pt idx="499">
                  <c:v>0.87164014799251255</c:v>
                </c:pt>
                <c:pt idx="500">
                  <c:v>0.73029309696669964</c:v>
                </c:pt>
                <c:pt idx="501">
                  <c:v>0.63606172961615781</c:v>
                </c:pt>
                <c:pt idx="502">
                  <c:v>0.63606172961615781</c:v>
                </c:pt>
                <c:pt idx="503">
                  <c:v>0.63606172961615781</c:v>
                </c:pt>
                <c:pt idx="504">
                  <c:v>0.40003543252631818</c:v>
                </c:pt>
                <c:pt idx="505">
                  <c:v>0.40003543252631818</c:v>
                </c:pt>
                <c:pt idx="506">
                  <c:v>0.40003543252631818</c:v>
                </c:pt>
                <c:pt idx="507">
                  <c:v>0.40003543252631818</c:v>
                </c:pt>
                <c:pt idx="508">
                  <c:v>0.40003543252631818</c:v>
                </c:pt>
                <c:pt idx="509">
                  <c:v>1.7334868742807119</c:v>
                </c:pt>
                <c:pt idx="510">
                  <c:v>1.9668408765877312</c:v>
                </c:pt>
                <c:pt idx="511">
                  <c:v>1.9668408765877312</c:v>
                </c:pt>
                <c:pt idx="512">
                  <c:v>1.9668408765877312</c:v>
                </c:pt>
                <c:pt idx="513">
                  <c:v>2.1001860207631706</c:v>
                </c:pt>
                <c:pt idx="514">
                  <c:v>2.1001860207631706</c:v>
                </c:pt>
                <c:pt idx="515">
                  <c:v>2.6669028835087878</c:v>
                </c:pt>
                <c:pt idx="516">
                  <c:v>2.6669028835087878</c:v>
                </c:pt>
                <c:pt idx="517">
                  <c:v>1.7668231603245719</c:v>
                </c:pt>
                <c:pt idx="518">
                  <c:v>2.6669028835087878</c:v>
                </c:pt>
                <c:pt idx="519">
                  <c:v>2.6669028835087878</c:v>
                </c:pt>
                <c:pt idx="520">
                  <c:v>2.6669028835087878</c:v>
                </c:pt>
                <c:pt idx="521">
                  <c:v>2.6669028835087878</c:v>
                </c:pt>
                <c:pt idx="522">
                  <c:v>2.6669028835087878</c:v>
                </c:pt>
                <c:pt idx="523">
                  <c:v>2.2335311649386096</c:v>
                </c:pt>
                <c:pt idx="524">
                  <c:v>1.8334957324122914</c:v>
                </c:pt>
                <c:pt idx="525">
                  <c:v>1.3334514417543939</c:v>
                </c:pt>
                <c:pt idx="526">
                  <c:v>1.266778869666674</c:v>
                </c:pt>
                <c:pt idx="527">
                  <c:v>1.266778869666674</c:v>
                </c:pt>
                <c:pt idx="528">
                  <c:v>1.1314110845821888</c:v>
                </c:pt>
                <c:pt idx="529">
                  <c:v>1.1314110845821888</c:v>
                </c:pt>
                <c:pt idx="530">
                  <c:v>1.1314110845821888</c:v>
                </c:pt>
                <c:pt idx="531">
                  <c:v>1.1314110845821888</c:v>
                </c:pt>
                <c:pt idx="532">
                  <c:v>1.1314110845821888</c:v>
                </c:pt>
                <c:pt idx="533">
                  <c:v>1.4708344099568451</c:v>
                </c:pt>
                <c:pt idx="534">
                  <c:v>1.6405460726441734</c:v>
                </c:pt>
                <c:pt idx="535">
                  <c:v>1.6971166268732829</c:v>
                </c:pt>
                <c:pt idx="536">
                  <c:v>1.6971166268732829</c:v>
                </c:pt>
                <c:pt idx="537">
                  <c:v>1.8385430124460564</c:v>
                </c:pt>
                <c:pt idx="538">
                  <c:v>1.9233988437897207</c:v>
                </c:pt>
                <c:pt idx="539">
                  <c:v>2.2628221691643775</c:v>
                </c:pt>
                <c:pt idx="540">
                  <c:v>2.2628221691643775</c:v>
                </c:pt>
                <c:pt idx="541">
                  <c:v>2.2628221691643775</c:v>
                </c:pt>
                <c:pt idx="542">
                  <c:v>2.2628221691643775</c:v>
                </c:pt>
                <c:pt idx="543">
                  <c:v>2.2628221691643775</c:v>
                </c:pt>
                <c:pt idx="544">
                  <c:v>2.2628221691643775</c:v>
                </c:pt>
                <c:pt idx="545">
                  <c:v>2.2628221691643775</c:v>
                </c:pt>
                <c:pt idx="546">
                  <c:v>2.2628221691643775</c:v>
                </c:pt>
                <c:pt idx="547">
                  <c:v>1.895113566675166</c:v>
                </c:pt>
                <c:pt idx="548">
                  <c:v>1.5556902413005094</c:v>
                </c:pt>
                <c:pt idx="549">
                  <c:v>1.1314110845821888</c:v>
                </c:pt>
                <c:pt idx="550">
                  <c:v>1.1314110845821888</c:v>
                </c:pt>
                <c:pt idx="551">
                  <c:v>1.1314110845821888</c:v>
                </c:pt>
                <c:pt idx="552">
                  <c:v>0.99464271207396604</c:v>
                </c:pt>
                <c:pt idx="553">
                  <c:v>1.1189730510832114</c:v>
                </c:pt>
                <c:pt idx="554">
                  <c:v>1.1189730510832114</c:v>
                </c:pt>
                <c:pt idx="555">
                  <c:v>1.1189730510832114</c:v>
                </c:pt>
                <c:pt idx="556">
                  <c:v>1.1189730510832114</c:v>
                </c:pt>
                <c:pt idx="557">
                  <c:v>1.4422319325072503</c:v>
                </c:pt>
                <c:pt idx="558">
                  <c:v>1.6660265427238927</c:v>
                </c:pt>
                <c:pt idx="559">
                  <c:v>1.6660265427238927</c:v>
                </c:pt>
                <c:pt idx="560">
                  <c:v>1.6660265427238927</c:v>
                </c:pt>
                <c:pt idx="561">
                  <c:v>1.7903568817331383</c:v>
                </c:pt>
                <c:pt idx="562">
                  <c:v>1.9395532885442335</c:v>
                </c:pt>
                <c:pt idx="563">
                  <c:v>2.2379461021664229</c:v>
                </c:pt>
                <c:pt idx="564">
                  <c:v>2.2379461021664229</c:v>
                </c:pt>
                <c:pt idx="565">
                  <c:v>2.2379461021664229</c:v>
                </c:pt>
                <c:pt idx="566">
                  <c:v>2.2379461021664229</c:v>
                </c:pt>
                <c:pt idx="567">
                  <c:v>2.2379461021664229</c:v>
                </c:pt>
                <c:pt idx="568">
                  <c:v>2.2379461021664229</c:v>
                </c:pt>
                <c:pt idx="569">
                  <c:v>2.2379461021664229</c:v>
                </c:pt>
                <c:pt idx="570">
                  <c:v>2.2379461021664229</c:v>
                </c:pt>
                <c:pt idx="571">
                  <c:v>1.8649550851386858</c:v>
                </c:pt>
                <c:pt idx="572">
                  <c:v>1.4919640681109487</c:v>
                </c:pt>
                <c:pt idx="573">
                  <c:v>1.1189730510832114</c:v>
                </c:pt>
                <c:pt idx="574">
                  <c:v>1.1189730510832114</c:v>
                </c:pt>
                <c:pt idx="575">
                  <c:v>1.1189730510832114</c:v>
                </c:pt>
                <c:pt idx="576">
                  <c:v>1.104700047248629</c:v>
                </c:pt>
                <c:pt idx="577">
                  <c:v>1.104700047248629</c:v>
                </c:pt>
                <c:pt idx="578">
                  <c:v>1.104700047248629</c:v>
                </c:pt>
                <c:pt idx="579">
                  <c:v>1.104700047248629</c:v>
                </c:pt>
                <c:pt idx="580">
                  <c:v>1.104700047248629</c:v>
                </c:pt>
                <c:pt idx="581">
                  <c:v>1.4238356164537884</c:v>
                </c:pt>
                <c:pt idx="582">
                  <c:v>1.6447756259035142</c:v>
                </c:pt>
                <c:pt idx="583">
                  <c:v>1.6447756259035142</c:v>
                </c:pt>
                <c:pt idx="584">
                  <c:v>1.6447756259035142</c:v>
                </c:pt>
                <c:pt idx="585">
                  <c:v>1.7675200755978064</c:v>
                </c:pt>
                <c:pt idx="586">
                  <c:v>1.914813415230957</c:v>
                </c:pt>
                <c:pt idx="587">
                  <c:v>2.209400094497258</c:v>
                </c:pt>
                <c:pt idx="588">
                  <c:v>2.209400094497258</c:v>
                </c:pt>
                <c:pt idx="589">
                  <c:v>2.209400094497258</c:v>
                </c:pt>
                <c:pt idx="590">
                  <c:v>2.209400094497258</c:v>
                </c:pt>
                <c:pt idx="591">
                  <c:v>2.209400094497258</c:v>
                </c:pt>
                <c:pt idx="592">
                  <c:v>2.209400094497258</c:v>
                </c:pt>
                <c:pt idx="593">
                  <c:v>2.209400094497258</c:v>
                </c:pt>
                <c:pt idx="594">
                  <c:v>2.209400094497258</c:v>
                </c:pt>
                <c:pt idx="595">
                  <c:v>1.8411667454143816</c:v>
                </c:pt>
                <c:pt idx="596">
                  <c:v>1.4729333963315054</c:v>
                </c:pt>
                <c:pt idx="597">
                  <c:v>1.104700047248629</c:v>
                </c:pt>
                <c:pt idx="598">
                  <c:v>1.104700047248629</c:v>
                </c:pt>
                <c:pt idx="599">
                  <c:v>1.104700047248629</c:v>
                </c:pt>
                <c:pt idx="600">
                  <c:v>1.2585062621086631</c:v>
                </c:pt>
                <c:pt idx="601">
                  <c:v>1.2585062621086631</c:v>
                </c:pt>
                <c:pt idx="602">
                  <c:v>1.2585062621086631</c:v>
                </c:pt>
                <c:pt idx="603">
                  <c:v>1.2585062621086631</c:v>
                </c:pt>
                <c:pt idx="604">
                  <c:v>1.2585062621086631</c:v>
                </c:pt>
                <c:pt idx="605">
                  <c:v>1.622074737828944</c:v>
                </c:pt>
                <c:pt idx="606">
                  <c:v>1.9576764077245876</c:v>
                </c:pt>
                <c:pt idx="607">
                  <c:v>1.9576764077245876</c:v>
                </c:pt>
                <c:pt idx="608">
                  <c:v>1.9576764077245876</c:v>
                </c:pt>
                <c:pt idx="609">
                  <c:v>2.0975104368477724</c:v>
                </c:pt>
                <c:pt idx="610">
                  <c:v>2.1814108543216832</c:v>
                </c:pt>
                <c:pt idx="611">
                  <c:v>2.5170125242173262</c:v>
                </c:pt>
                <c:pt idx="612">
                  <c:v>2.5170125242173262</c:v>
                </c:pt>
                <c:pt idx="613">
                  <c:v>2.5170125242173262</c:v>
                </c:pt>
                <c:pt idx="614">
                  <c:v>2.5170125242173262</c:v>
                </c:pt>
                <c:pt idx="615">
                  <c:v>2.0975104368477724</c:v>
                </c:pt>
                <c:pt idx="616">
                  <c:v>1.9856432135492246</c:v>
                </c:pt>
                <c:pt idx="617">
                  <c:v>1.9856432135492246</c:v>
                </c:pt>
                <c:pt idx="618">
                  <c:v>1.9856432135492246</c:v>
                </c:pt>
                <c:pt idx="619">
                  <c:v>1.9856432135492246</c:v>
                </c:pt>
                <c:pt idx="620">
                  <c:v>1.5381743203550331</c:v>
                </c:pt>
                <c:pt idx="621">
                  <c:v>0.58730292231737624</c:v>
                </c:pt>
                <c:pt idx="622">
                  <c:v>0.58730292231737624</c:v>
                </c:pt>
                <c:pt idx="623">
                  <c:v>0.58730292231737624</c:v>
                </c:pt>
                <c:pt idx="624">
                  <c:v>0.41500268898954151</c:v>
                </c:pt>
                <c:pt idx="625">
                  <c:v>0.81024334517005736</c:v>
                </c:pt>
                <c:pt idx="626">
                  <c:v>0.81024334517005736</c:v>
                </c:pt>
                <c:pt idx="627">
                  <c:v>0.81024334517005736</c:v>
                </c:pt>
                <c:pt idx="628">
                  <c:v>0.81024334517005736</c:v>
                </c:pt>
                <c:pt idx="629">
                  <c:v>1.0078636732603152</c:v>
                </c:pt>
                <c:pt idx="630">
                  <c:v>1.2647700997776505</c:v>
                </c:pt>
                <c:pt idx="631">
                  <c:v>1.4426283950588825</c:v>
                </c:pt>
                <c:pt idx="632">
                  <c:v>1.4426283950588825</c:v>
                </c:pt>
                <c:pt idx="633">
                  <c:v>1.4426283950588825</c:v>
                </c:pt>
                <c:pt idx="634">
                  <c:v>1.4426283950588825</c:v>
                </c:pt>
                <c:pt idx="635">
                  <c:v>1.4426283950588825</c:v>
                </c:pt>
                <c:pt idx="636">
                  <c:v>1.4426283950588825</c:v>
                </c:pt>
                <c:pt idx="637">
                  <c:v>1.4426283950588825</c:v>
                </c:pt>
                <c:pt idx="638">
                  <c:v>1.4426283950588825</c:v>
                </c:pt>
                <c:pt idx="639">
                  <c:v>1.3042941653957021</c:v>
                </c:pt>
                <c:pt idx="640">
                  <c:v>1.1857219685415474</c:v>
                </c:pt>
                <c:pt idx="641">
                  <c:v>1.0671497716873926</c:v>
                </c:pt>
                <c:pt idx="642">
                  <c:v>1.0276257060693408</c:v>
                </c:pt>
                <c:pt idx="643">
                  <c:v>0.83000537797908303</c:v>
                </c:pt>
                <c:pt idx="644">
                  <c:v>0.61262301707979938</c:v>
                </c:pt>
                <c:pt idx="645">
                  <c:v>0.61262301707979938</c:v>
                </c:pt>
                <c:pt idx="646">
                  <c:v>0.61262301707979938</c:v>
                </c:pt>
                <c:pt idx="647">
                  <c:v>0.61262301707979938</c:v>
                </c:pt>
                <c:pt idx="648">
                  <c:v>0.68653788555089346</c:v>
                </c:pt>
                <c:pt idx="649">
                  <c:v>0.79726980257523106</c:v>
                </c:pt>
                <c:pt idx="650">
                  <c:v>0.79726980257523106</c:v>
                </c:pt>
                <c:pt idx="651">
                  <c:v>0.79726980257523106</c:v>
                </c:pt>
                <c:pt idx="652">
                  <c:v>0.79726980257523106</c:v>
                </c:pt>
                <c:pt idx="653">
                  <c:v>0.99658725321903885</c:v>
                </c:pt>
                <c:pt idx="654">
                  <c:v>1.1737583204579791</c:v>
                </c:pt>
                <c:pt idx="655">
                  <c:v>1.3952221545066545</c:v>
                </c:pt>
                <c:pt idx="656">
                  <c:v>1.3952221545066545</c:v>
                </c:pt>
                <c:pt idx="657">
                  <c:v>1.3952221545066545</c:v>
                </c:pt>
                <c:pt idx="658">
                  <c:v>1.3952221545066545</c:v>
                </c:pt>
                <c:pt idx="659">
                  <c:v>1.3952221545066545</c:v>
                </c:pt>
                <c:pt idx="660">
                  <c:v>1.3952221545066545</c:v>
                </c:pt>
                <c:pt idx="661">
                  <c:v>1.3952221545066545</c:v>
                </c:pt>
                <c:pt idx="662">
                  <c:v>1.3952221545066545</c:v>
                </c:pt>
                <c:pt idx="663">
                  <c:v>1.2401974706725818</c:v>
                </c:pt>
                <c:pt idx="664">
                  <c:v>1.2180510872677142</c:v>
                </c:pt>
                <c:pt idx="665">
                  <c:v>1.040880020028774</c:v>
                </c:pt>
                <c:pt idx="666">
                  <c:v>0.97444086981417144</c:v>
                </c:pt>
                <c:pt idx="667">
                  <c:v>0.81941618598009869</c:v>
                </c:pt>
                <c:pt idx="668">
                  <c:v>0.68653788555089346</c:v>
                </c:pt>
                <c:pt idx="669">
                  <c:v>0.59795235193142338</c:v>
                </c:pt>
                <c:pt idx="670">
                  <c:v>0.59795235193142338</c:v>
                </c:pt>
                <c:pt idx="671">
                  <c:v>0.59795235193142338</c:v>
                </c:pt>
                <c:pt idx="672">
                  <c:v>0.38714989134526356</c:v>
                </c:pt>
                <c:pt idx="673">
                  <c:v>0.38714989134526356</c:v>
                </c:pt>
                <c:pt idx="674">
                  <c:v>0.38714989134526356</c:v>
                </c:pt>
                <c:pt idx="675">
                  <c:v>0.38714989134526356</c:v>
                </c:pt>
                <c:pt idx="676">
                  <c:v>0.38714989134526356</c:v>
                </c:pt>
                <c:pt idx="677">
                  <c:v>1.6776495291628091</c:v>
                </c:pt>
                <c:pt idx="678">
                  <c:v>1.9034869657808795</c:v>
                </c:pt>
                <c:pt idx="679">
                  <c:v>1.9034869657808795</c:v>
                </c:pt>
                <c:pt idx="680">
                  <c:v>1.9034869657808795</c:v>
                </c:pt>
                <c:pt idx="681">
                  <c:v>2.0325369295626339</c:v>
                </c:pt>
                <c:pt idx="682">
                  <c:v>2.0325369295626339</c:v>
                </c:pt>
                <c:pt idx="683">
                  <c:v>2.580999275635091</c:v>
                </c:pt>
                <c:pt idx="684">
                  <c:v>2.580999275635091</c:v>
                </c:pt>
                <c:pt idx="685">
                  <c:v>1.7099120201082478</c:v>
                </c:pt>
                <c:pt idx="686">
                  <c:v>2.580999275635091</c:v>
                </c:pt>
                <c:pt idx="687">
                  <c:v>2.580999275635091</c:v>
                </c:pt>
                <c:pt idx="688">
                  <c:v>2.580999275635091</c:v>
                </c:pt>
                <c:pt idx="689">
                  <c:v>2.580999275635091</c:v>
                </c:pt>
                <c:pt idx="690">
                  <c:v>2.580999275635091</c:v>
                </c:pt>
                <c:pt idx="691">
                  <c:v>2.1615868933443885</c:v>
                </c:pt>
                <c:pt idx="692">
                  <c:v>1.7744370019991251</c:v>
                </c:pt>
                <c:pt idx="693">
                  <c:v>1.2904996378175455</c:v>
                </c:pt>
                <c:pt idx="694">
                  <c:v>1.225974655926668</c:v>
                </c:pt>
                <c:pt idx="695">
                  <c:v>1.225974655926668</c:v>
                </c:pt>
                <c:pt idx="696">
                  <c:v>1.1363195404846804</c:v>
                </c:pt>
                <c:pt idx="697">
                  <c:v>1.1363195404846804</c:v>
                </c:pt>
                <c:pt idx="698">
                  <c:v>1.1363195404846804</c:v>
                </c:pt>
                <c:pt idx="699">
                  <c:v>1.1363195404846804</c:v>
                </c:pt>
                <c:pt idx="700">
                  <c:v>1.1363195404846804</c:v>
                </c:pt>
                <c:pt idx="701">
                  <c:v>1.4772154026300846</c:v>
                </c:pt>
                <c:pt idx="702">
                  <c:v>1.6476633337027866</c:v>
                </c:pt>
                <c:pt idx="703">
                  <c:v>1.7044793107270206</c:v>
                </c:pt>
                <c:pt idx="704">
                  <c:v>1.7044793107270206</c:v>
                </c:pt>
                <c:pt idx="705">
                  <c:v>1.8465192532876056</c:v>
                </c:pt>
                <c:pt idx="706">
                  <c:v>1.9317432188239567</c:v>
                </c:pt>
                <c:pt idx="707">
                  <c:v>2.2726390809693608</c:v>
                </c:pt>
                <c:pt idx="708">
                  <c:v>2.2726390809693608</c:v>
                </c:pt>
                <c:pt idx="709">
                  <c:v>2.2726390809693608</c:v>
                </c:pt>
                <c:pt idx="710">
                  <c:v>2.2726390809693608</c:v>
                </c:pt>
                <c:pt idx="711">
                  <c:v>2.2726390809693608</c:v>
                </c:pt>
                <c:pt idx="712">
                  <c:v>2.2726390809693608</c:v>
                </c:pt>
                <c:pt idx="713">
                  <c:v>2.2726390809693608</c:v>
                </c:pt>
                <c:pt idx="714">
                  <c:v>2.2726390809693608</c:v>
                </c:pt>
                <c:pt idx="715">
                  <c:v>1.9033352303118396</c:v>
                </c:pt>
                <c:pt idx="716">
                  <c:v>1.5624393681664357</c:v>
                </c:pt>
                <c:pt idx="717">
                  <c:v>1.1363195404846804</c:v>
                </c:pt>
                <c:pt idx="718">
                  <c:v>1.1363195404846804</c:v>
                </c:pt>
                <c:pt idx="719">
                  <c:v>1.1363195404846804</c:v>
                </c:pt>
                <c:pt idx="720">
                  <c:v>1.0667249311833615</c:v>
                </c:pt>
                <c:pt idx="721">
                  <c:v>1.2000655475812818</c:v>
                </c:pt>
                <c:pt idx="722">
                  <c:v>1.2000655475812818</c:v>
                </c:pt>
                <c:pt idx="723">
                  <c:v>1.2000655475812818</c:v>
                </c:pt>
                <c:pt idx="724">
                  <c:v>1.2000655475812818</c:v>
                </c:pt>
                <c:pt idx="725">
                  <c:v>1.5467511502158744</c:v>
                </c:pt>
                <c:pt idx="726">
                  <c:v>1.7867642597321309</c:v>
                </c:pt>
                <c:pt idx="727">
                  <c:v>1.7867642597321309</c:v>
                </c:pt>
                <c:pt idx="728">
                  <c:v>1.7867642597321309</c:v>
                </c:pt>
                <c:pt idx="729">
                  <c:v>1.9201048761300508</c:v>
                </c:pt>
                <c:pt idx="730">
                  <c:v>2.080113615807555</c:v>
                </c:pt>
                <c:pt idx="731">
                  <c:v>2.4001310951625636</c:v>
                </c:pt>
                <c:pt idx="732">
                  <c:v>2.4001310951625636</c:v>
                </c:pt>
                <c:pt idx="733">
                  <c:v>2.4001310951625636</c:v>
                </c:pt>
                <c:pt idx="734">
                  <c:v>2.4001310951625636</c:v>
                </c:pt>
                <c:pt idx="735">
                  <c:v>2.4001310951625636</c:v>
                </c:pt>
                <c:pt idx="736">
                  <c:v>2.4001310951625636</c:v>
                </c:pt>
                <c:pt idx="737">
                  <c:v>2.4001310951625636</c:v>
                </c:pt>
                <c:pt idx="738">
                  <c:v>2.4001310951625636</c:v>
                </c:pt>
                <c:pt idx="739">
                  <c:v>2.0001092459688032</c:v>
                </c:pt>
                <c:pt idx="740">
                  <c:v>1.6000873967750426</c:v>
                </c:pt>
                <c:pt idx="741">
                  <c:v>1.2000655475812818</c:v>
                </c:pt>
                <c:pt idx="742">
                  <c:v>1.2000655475812818</c:v>
                </c:pt>
                <c:pt idx="743">
                  <c:v>1.2000655475812818</c:v>
                </c:pt>
                <c:pt idx="744">
                  <c:v>1.2536017062603564</c:v>
                </c:pt>
                <c:pt idx="745">
                  <c:v>1.2536017062603564</c:v>
                </c:pt>
                <c:pt idx="746">
                  <c:v>1.2536017062603564</c:v>
                </c:pt>
                <c:pt idx="747">
                  <c:v>1.2536017062603564</c:v>
                </c:pt>
                <c:pt idx="748">
                  <c:v>1.2536017062603564</c:v>
                </c:pt>
                <c:pt idx="749">
                  <c:v>1.6157533102911257</c:v>
                </c:pt>
                <c:pt idx="750">
                  <c:v>1.8664736515431968</c:v>
                </c:pt>
                <c:pt idx="751">
                  <c:v>1.8664736515431968</c:v>
                </c:pt>
                <c:pt idx="752">
                  <c:v>1.8664736515431968</c:v>
                </c:pt>
                <c:pt idx="753">
                  <c:v>2.0057627300165697</c:v>
                </c:pt>
                <c:pt idx="754">
                  <c:v>2.1729096241846175</c:v>
                </c:pt>
                <c:pt idx="755">
                  <c:v>2.5072034125207128</c:v>
                </c:pt>
                <c:pt idx="756">
                  <c:v>2.5072034125207128</c:v>
                </c:pt>
                <c:pt idx="757">
                  <c:v>2.5072034125207128</c:v>
                </c:pt>
                <c:pt idx="758">
                  <c:v>2.5072034125207128</c:v>
                </c:pt>
                <c:pt idx="759">
                  <c:v>2.5072034125207128</c:v>
                </c:pt>
                <c:pt idx="760">
                  <c:v>2.5072034125207128</c:v>
                </c:pt>
                <c:pt idx="761">
                  <c:v>2.5072034125207128</c:v>
                </c:pt>
                <c:pt idx="762">
                  <c:v>2.5072034125207128</c:v>
                </c:pt>
                <c:pt idx="763">
                  <c:v>2.0893361771005936</c:v>
                </c:pt>
                <c:pt idx="764">
                  <c:v>1.6714689416804751</c:v>
                </c:pt>
                <c:pt idx="765">
                  <c:v>1.2536017062603564</c:v>
                </c:pt>
                <c:pt idx="766">
                  <c:v>1.2536017062603564</c:v>
                </c:pt>
                <c:pt idx="767">
                  <c:v>1.2536017062603564</c:v>
                </c:pt>
                <c:pt idx="768">
                  <c:v>1.3156486708273654</c:v>
                </c:pt>
                <c:pt idx="769">
                  <c:v>1.3156486708273654</c:v>
                </c:pt>
                <c:pt idx="770">
                  <c:v>1.3156486708273654</c:v>
                </c:pt>
                <c:pt idx="771">
                  <c:v>1.3156486708273654</c:v>
                </c:pt>
                <c:pt idx="772">
                  <c:v>1.3156486708273654</c:v>
                </c:pt>
                <c:pt idx="773">
                  <c:v>1.6957249535108267</c:v>
                </c:pt>
                <c:pt idx="774">
                  <c:v>2.0465645990647912</c:v>
                </c:pt>
                <c:pt idx="775">
                  <c:v>2.0465645990647912</c:v>
                </c:pt>
                <c:pt idx="776">
                  <c:v>2.0465645990647912</c:v>
                </c:pt>
                <c:pt idx="777">
                  <c:v>2.1927477847122763</c:v>
                </c:pt>
                <c:pt idx="778">
                  <c:v>2.280457696100767</c:v>
                </c:pt>
                <c:pt idx="779">
                  <c:v>2.6312973416547307</c:v>
                </c:pt>
                <c:pt idx="780">
                  <c:v>2.6312973416547307</c:v>
                </c:pt>
                <c:pt idx="781">
                  <c:v>2.6312973416547307</c:v>
                </c:pt>
                <c:pt idx="782">
                  <c:v>2.6312973416547307</c:v>
                </c:pt>
                <c:pt idx="783">
                  <c:v>2.1927477847122763</c:v>
                </c:pt>
                <c:pt idx="784">
                  <c:v>2.0758012361942884</c:v>
                </c:pt>
                <c:pt idx="785">
                  <c:v>2.0758012361942884</c:v>
                </c:pt>
                <c:pt idx="786">
                  <c:v>2.0758012361942884</c:v>
                </c:pt>
                <c:pt idx="787">
                  <c:v>2.0758012361942884</c:v>
                </c:pt>
                <c:pt idx="788">
                  <c:v>1.6080150421223358</c:v>
                </c:pt>
                <c:pt idx="789">
                  <c:v>0.61396937971943732</c:v>
                </c:pt>
                <c:pt idx="790">
                  <c:v>0.61396937971943732</c:v>
                </c:pt>
                <c:pt idx="791">
                  <c:v>0.61396937971943732</c:v>
                </c:pt>
                <c:pt idx="792">
                  <c:v>0.48165171214557928</c:v>
                </c:pt>
                <c:pt idx="793">
                  <c:v>0.94036762847470257</c:v>
                </c:pt>
                <c:pt idx="794">
                  <c:v>0.94036762847470257</c:v>
                </c:pt>
                <c:pt idx="795">
                  <c:v>0.94036762847470257</c:v>
                </c:pt>
                <c:pt idx="796">
                  <c:v>0.94036762847470257</c:v>
                </c:pt>
                <c:pt idx="797">
                  <c:v>1.1697255866392642</c:v>
                </c:pt>
                <c:pt idx="798">
                  <c:v>1.4678909322531941</c:v>
                </c:pt>
                <c:pt idx="799">
                  <c:v>1.6743130946012994</c:v>
                </c:pt>
                <c:pt idx="800">
                  <c:v>1.6743130946012994</c:v>
                </c:pt>
                <c:pt idx="801">
                  <c:v>1.6743130946012994</c:v>
                </c:pt>
                <c:pt idx="802">
                  <c:v>1.6743130946012994</c:v>
                </c:pt>
                <c:pt idx="803">
                  <c:v>1.6743130946012994</c:v>
                </c:pt>
                <c:pt idx="804">
                  <c:v>1.6743130946012994</c:v>
                </c:pt>
                <c:pt idx="805">
                  <c:v>1.6743130946012994</c:v>
                </c:pt>
                <c:pt idx="806">
                  <c:v>1.6743130946012994</c:v>
                </c:pt>
                <c:pt idx="807">
                  <c:v>1.5137625238861065</c:v>
                </c:pt>
                <c:pt idx="808">
                  <c:v>1.3761477489873697</c:v>
                </c:pt>
                <c:pt idx="809">
                  <c:v>1.2385329740886326</c:v>
                </c:pt>
                <c:pt idx="810">
                  <c:v>1.1926613824557202</c:v>
                </c:pt>
                <c:pt idx="811">
                  <c:v>0.96330342429115856</c:v>
                </c:pt>
                <c:pt idx="812">
                  <c:v>0.71100967031014084</c:v>
                </c:pt>
                <c:pt idx="813">
                  <c:v>0.71100967031014084</c:v>
                </c:pt>
                <c:pt idx="814">
                  <c:v>0.71100967031014084</c:v>
                </c:pt>
                <c:pt idx="815">
                  <c:v>0.71100967031014084</c:v>
                </c:pt>
                <c:pt idx="816">
                  <c:v>0.81294182964100037</c:v>
                </c:pt>
                <c:pt idx="817">
                  <c:v>0.94406147958309738</c:v>
                </c:pt>
                <c:pt idx="818">
                  <c:v>0.94406147958309738</c:v>
                </c:pt>
                <c:pt idx="819">
                  <c:v>0.94406147958309738</c:v>
                </c:pt>
                <c:pt idx="820">
                  <c:v>0.94406147958309738</c:v>
                </c:pt>
                <c:pt idx="821">
                  <c:v>1.1800768494788716</c:v>
                </c:pt>
                <c:pt idx="822">
                  <c:v>1.3898682893862266</c:v>
                </c:pt>
                <c:pt idx="823">
                  <c:v>1.6521075892704202</c:v>
                </c:pt>
                <c:pt idx="824">
                  <c:v>1.6521075892704202</c:v>
                </c:pt>
                <c:pt idx="825">
                  <c:v>1.6521075892704202</c:v>
                </c:pt>
                <c:pt idx="826">
                  <c:v>1.6521075892704202</c:v>
                </c:pt>
                <c:pt idx="827">
                  <c:v>1.6521075892704202</c:v>
                </c:pt>
                <c:pt idx="828">
                  <c:v>1.6521075892704202</c:v>
                </c:pt>
                <c:pt idx="829">
                  <c:v>1.6521075892704202</c:v>
                </c:pt>
                <c:pt idx="830">
                  <c:v>1.6521075892704202</c:v>
                </c:pt>
                <c:pt idx="831">
                  <c:v>1.4685400793514847</c:v>
                </c:pt>
                <c:pt idx="832">
                  <c:v>1.4423161493630652</c:v>
                </c:pt>
                <c:pt idx="833">
                  <c:v>1.2325247094557104</c:v>
                </c:pt>
                <c:pt idx="834">
                  <c:v>1.1538529194904523</c:v>
                </c:pt>
                <c:pt idx="835">
                  <c:v>0.97028540957151665</c:v>
                </c:pt>
                <c:pt idx="836">
                  <c:v>0.81294182964100037</c:v>
                </c:pt>
                <c:pt idx="837">
                  <c:v>0.70804610968732307</c:v>
                </c:pt>
                <c:pt idx="838">
                  <c:v>0.70804610968732307</c:v>
                </c:pt>
                <c:pt idx="839">
                  <c:v>0.70804610968732307</c:v>
                </c:pt>
                <c:pt idx="840">
                  <c:v>0.39024680172771642</c:v>
                </c:pt>
                <c:pt idx="841">
                  <c:v>0.39024680172771642</c:v>
                </c:pt>
                <c:pt idx="842">
                  <c:v>0.39024680172771642</c:v>
                </c:pt>
                <c:pt idx="843">
                  <c:v>0.39024680172771642</c:v>
                </c:pt>
                <c:pt idx="844">
                  <c:v>0.39024680172771642</c:v>
                </c:pt>
                <c:pt idx="845">
                  <c:v>1.6910694741534378</c:v>
                </c:pt>
                <c:pt idx="846">
                  <c:v>1.918713441827939</c:v>
                </c:pt>
                <c:pt idx="847">
                  <c:v>1.918713441827939</c:v>
                </c:pt>
                <c:pt idx="848">
                  <c:v>1.918713441827939</c:v>
                </c:pt>
                <c:pt idx="849">
                  <c:v>2.0487957090705113</c:v>
                </c:pt>
                <c:pt idx="850">
                  <c:v>2.0487957090705113</c:v>
                </c:pt>
                <c:pt idx="851">
                  <c:v>2.6016453448514429</c:v>
                </c:pt>
                <c:pt idx="852">
                  <c:v>2.6016453448514429</c:v>
                </c:pt>
                <c:pt idx="853">
                  <c:v>1.7235900409640807</c:v>
                </c:pt>
                <c:pt idx="854">
                  <c:v>2.6016453448514429</c:v>
                </c:pt>
                <c:pt idx="855">
                  <c:v>2.6016453448514429</c:v>
                </c:pt>
                <c:pt idx="856">
                  <c:v>2.6016453448514429</c:v>
                </c:pt>
                <c:pt idx="857">
                  <c:v>2.6016453448514429</c:v>
                </c:pt>
                <c:pt idx="858">
                  <c:v>2.6016453448514429</c:v>
                </c:pt>
                <c:pt idx="859">
                  <c:v>2.1788779763130832</c:v>
                </c:pt>
                <c:pt idx="860">
                  <c:v>1.7886311745853667</c:v>
                </c:pt>
                <c:pt idx="861">
                  <c:v>1.3008226724257215</c:v>
                </c:pt>
                <c:pt idx="862">
                  <c:v>1.2357815388044353</c:v>
                </c:pt>
                <c:pt idx="863">
                  <c:v>1.2357815388044353</c:v>
                </c:pt>
                <c:pt idx="864">
                  <c:v>1.1260025515650578</c:v>
                </c:pt>
                <c:pt idx="865">
                  <c:v>1.1260025515650578</c:v>
                </c:pt>
                <c:pt idx="866">
                  <c:v>1.1260025515650578</c:v>
                </c:pt>
                <c:pt idx="867">
                  <c:v>1.1260025515650578</c:v>
                </c:pt>
                <c:pt idx="868">
                  <c:v>1.1260025515650578</c:v>
                </c:pt>
                <c:pt idx="869">
                  <c:v>1.4638033170345752</c:v>
                </c:pt>
                <c:pt idx="870">
                  <c:v>1.6327036997693336</c:v>
                </c:pt>
                <c:pt idx="871">
                  <c:v>1.6890038273475867</c:v>
                </c:pt>
                <c:pt idx="872">
                  <c:v>1.6890038273475867</c:v>
                </c:pt>
                <c:pt idx="873">
                  <c:v>1.8297541462932188</c:v>
                </c:pt>
                <c:pt idx="874">
                  <c:v>1.9142043376605979</c:v>
                </c:pt>
                <c:pt idx="875">
                  <c:v>2.2520051031301156</c:v>
                </c:pt>
                <c:pt idx="876">
                  <c:v>2.2520051031301156</c:v>
                </c:pt>
                <c:pt idx="877">
                  <c:v>2.2520051031301156</c:v>
                </c:pt>
                <c:pt idx="878">
                  <c:v>2.2520051031301156</c:v>
                </c:pt>
                <c:pt idx="879">
                  <c:v>2.2520051031301156</c:v>
                </c:pt>
                <c:pt idx="880">
                  <c:v>2.2520051031301156</c:v>
                </c:pt>
                <c:pt idx="881">
                  <c:v>2.2520051031301156</c:v>
                </c:pt>
                <c:pt idx="882">
                  <c:v>2.2520051031301156</c:v>
                </c:pt>
                <c:pt idx="883">
                  <c:v>1.8860542738714718</c:v>
                </c:pt>
                <c:pt idx="884">
                  <c:v>1.5482535084019544</c:v>
                </c:pt>
                <c:pt idx="885">
                  <c:v>1.1260025515650578</c:v>
                </c:pt>
                <c:pt idx="886">
                  <c:v>1.1260025515650578</c:v>
                </c:pt>
                <c:pt idx="887">
                  <c:v>1.1260025515650578</c:v>
                </c:pt>
                <c:pt idx="888">
                  <c:v>1.0056764439504389</c:v>
                </c:pt>
                <c:pt idx="889">
                  <c:v>1.1313859994442437</c:v>
                </c:pt>
                <c:pt idx="890">
                  <c:v>1.1313859994442437</c:v>
                </c:pt>
                <c:pt idx="891">
                  <c:v>1.1313859994442437</c:v>
                </c:pt>
                <c:pt idx="892">
                  <c:v>1.1313859994442437</c:v>
                </c:pt>
                <c:pt idx="893">
                  <c:v>1.4582308437281364</c:v>
                </c:pt>
                <c:pt idx="894">
                  <c:v>1.684508043616985</c:v>
                </c:pt>
                <c:pt idx="895">
                  <c:v>1.684508043616985</c:v>
                </c:pt>
                <c:pt idx="896">
                  <c:v>1.684508043616985</c:v>
                </c:pt>
                <c:pt idx="897">
                  <c:v>1.8102175991107898</c:v>
                </c:pt>
                <c:pt idx="898">
                  <c:v>1.9610690657033556</c:v>
                </c:pt>
                <c:pt idx="899">
                  <c:v>2.2627719988884873</c:v>
                </c:pt>
                <c:pt idx="900">
                  <c:v>2.2627719988884873</c:v>
                </c:pt>
                <c:pt idx="901">
                  <c:v>2.2627719988884873</c:v>
                </c:pt>
                <c:pt idx="902">
                  <c:v>2.2627719988884873</c:v>
                </c:pt>
                <c:pt idx="903">
                  <c:v>2.2627719988884873</c:v>
                </c:pt>
                <c:pt idx="904">
                  <c:v>2.2627719988884873</c:v>
                </c:pt>
                <c:pt idx="905">
                  <c:v>2.2627719988884873</c:v>
                </c:pt>
                <c:pt idx="906">
                  <c:v>2.2627719988884873</c:v>
                </c:pt>
                <c:pt idx="907">
                  <c:v>1.8856433324070725</c:v>
                </c:pt>
                <c:pt idx="908">
                  <c:v>1.5085146659256583</c:v>
                </c:pt>
                <c:pt idx="909">
                  <c:v>1.1313859994442437</c:v>
                </c:pt>
                <c:pt idx="910">
                  <c:v>1.1313859994442437</c:v>
                </c:pt>
                <c:pt idx="911">
                  <c:v>1.1313859994442437</c:v>
                </c:pt>
                <c:pt idx="912">
                  <c:v>1.1093405714319364</c:v>
                </c:pt>
                <c:pt idx="913">
                  <c:v>1.1093405714319364</c:v>
                </c:pt>
                <c:pt idx="914">
                  <c:v>1.1093405714319364</c:v>
                </c:pt>
                <c:pt idx="915">
                  <c:v>1.1093405714319364</c:v>
                </c:pt>
                <c:pt idx="916">
                  <c:v>1.1093405714319364</c:v>
                </c:pt>
                <c:pt idx="917">
                  <c:v>1.4298167365122736</c:v>
                </c:pt>
                <c:pt idx="918">
                  <c:v>1.6516848507986612</c:v>
                </c:pt>
                <c:pt idx="919">
                  <c:v>1.6516848507986612</c:v>
                </c:pt>
                <c:pt idx="920">
                  <c:v>1.6516848507986612</c:v>
                </c:pt>
                <c:pt idx="921">
                  <c:v>1.7749449142910985</c:v>
                </c:pt>
                <c:pt idx="922">
                  <c:v>1.9228569904820234</c:v>
                </c:pt>
                <c:pt idx="923">
                  <c:v>2.2186811428638729</c:v>
                </c:pt>
                <c:pt idx="924">
                  <c:v>2.2186811428638729</c:v>
                </c:pt>
                <c:pt idx="925">
                  <c:v>2.2186811428638729</c:v>
                </c:pt>
                <c:pt idx="926">
                  <c:v>2.2186811428638729</c:v>
                </c:pt>
                <c:pt idx="927">
                  <c:v>2.2186811428638729</c:v>
                </c:pt>
                <c:pt idx="928">
                  <c:v>2.2186811428638729</c:v>
                </c:pt>
                <c:pt idx="929">
                  <c:v>2.2186811428638729</c:v>
                </c:pt>
                <c:pt idx="930">
                  <c:v>2.2186811428638729</c:v>
                </c:pt>
                <c:pt idx="931">
                  <c:v>1.8489009523865607</c:v>
                </c:pt>
                <c:pt idx="932">
                  <c:v>1.4791207619092486</c:v>
                </c:pt>
                <c:pt idx="933">
                  <c:v>1.1093405714319364</c:v>
                </c:pt>
                <c:pt idx="934">
                  <c:v>1.1093405714319364</c:v>
                </c:pt>
                <c:pt idx="935">
                  <c:v>1.1093405714319364</c:v>
                </c:pt>
                <c:pt idx="936">
                  <c:v>1.2658794761368826</c:v>
                </c:pt>
                <c:pt idx="937">
                  <c:v>1.2658794761368826</c:v>
                </c:pt>
                <c:pt idx="938">
                  <c:v>1.2658794761368826</c:v>
                </c:pt>
                <c:pt idx="939">
                  <c:v>1.2658794761368826</c:v>
                </c:pt>
                <c:pt idx="940">
                  <c:v>1.2658794761368826</c:v>
                </c:pt>
                <c:pt idx="941">
                  <c:v>1.6315779914653152</c:v>
                </c:pt>
                <c:pt idx="942">
                  <c:v>1.9691458517684839</c:v>
                </c:pt>
                <c:pt idx="943">
                  <c:v>1.9691458517684839</c:v>
                </c:pt>
                <c:pt idx="944">
                  <c:v>1.9691458517684839</c:v>
                </c:pt>
                <c:pt idx="945">
                  <c:v>2.1097991268948046</c:v>
                </c:pt>
                <c:pt idx="946">
                  <c:v>2.194191091970596</c:v>
                </c:pt>
                <c:pt idx="947">
                  <c:v>2.5317589522737651</c:v>
                </c:pt>
                <c:pt idx="948">
                  <c:v>2.5317589522737651</c:v>
                </c:pt>
                <c:pt idx="949">
                  <c:v>2.5317589522737651</c:v>
                </c:pt>
                <c:pt idx="950">
                  <c:v>2.5317589522737651</c:v>
                </c:pt>
                <c:pt idx="951">
                  <c:v>2.1097991268948046</c:v>
                </c:pt>
                <c:pt idx="952">
                  <c:v>1.9972765067937484</c:v>
                </c:pt>
                <c:pt idx="953">
                  <c:v>1.9972765067937484</c:v>
                </c:pt>
                <c:pt idx="954">
                  <c:v>1.9972765067937484</c:v>
                </c:pt>
                <c:pt idx="955">
                  <c:v>1.9972765067937484</c:v>
                </c:pt>
                <c:pt idx="956">
                  <c:v>1.5471860263895232</c:v>
                </c:pt>
                <c:pt idx="957">
                  <c:v>0.59074375553054526</c:v>
                </c:pt>
                <c:pt idx="958">
                  <c:v>0.59074375553054526</c:v>
                </c:pt>
                <c:pt idx="959">
                  <c:v>0.59074375553054526</c:v>
                </c:pt>
                <c:pt idx="960">
                  <c:v>0.45267387599078029</c:v>
                </c:pt>
                <c:pt idx="961">
                  <c:v>0.88379185312485697</c:v>
                </c:pt>
                <c:pt idx="962">
                  <c:v>0.88379185312485697</c:v>
                </c:pt>
                <c:pt idx="963">
                  <c:v>0.88379185312485697</c:v>
                </c:pt>
                <c:pt idx="964">
                  <c:v>0.88379185312485697</c:v>
                </c:pt>
                <c:pt idx="965">
                  <c:v>1.0993508416918951</c:v>
                </c:pt>
                <c:pt idx="966">
                  <c:v>1.3795775268290447</c:v>
                </c:pt>
                <c:pt idx="967">
                  <c:v>1.5735806165393791</c:v>
                </c:pt>
                <c:pt idx="968">
                  <c:v>1.5735806165393791</c:v>
                </c:pt>
                <c:pt idx="969">
                  <c:v>1.5735806165393791</c:v>
                </c:pt>
                <c:pt idx="970">
                  <c:v>1.5735806165393791</c:v>
                </c:pt>
                <c:pt idx="971">
                  <c:v>1.5735806165393791</c:v>
                </c:pt>
                <c:pt idx="972">
                  <c:v>1.5735806165393791</c:v>
                </c:pt>
                <c:pt idx="973">
                  <c:v>1.5735806165393791</c:v>
                </c:pt>
                <c:pt idx="974">
                  <c:v>1.5735806165393791</c:v>
                </c:pt>
                <c:pt idx="975">
                  <c:v>1.4226893245424523</c:v>
                </c:pt>
                <c:pt idx="976">
                  <c:v>1.2933539314022293</c:v>
                </c:pt>
                <c:pt idx="977">
                  <c:v>1.1640185382620065</c:v>
                </c:pt>
                <c:pt idx="978">
                  <c:v>1.1209067405485988</c:v>
                </c:pt>
                <c:pt idx="979">
                  <c:v>0.90534775198156059</c:v>
                </c:pt>
                <c:pt idx="980">
                  <c:v>0.6682328645578185</c:v>
                </c:pt>
                <c:pt idx="981">
                  <c:v>0.6682328645578185</c:v>
                </c:pt>
                <c:pt idx="982">
                  <c:v>0.6682328645578185</c:v>
                </c:pt>
                <c:pt idx="983">
                  <c:v>0.6682328645578185</c:v>
                </c:pt>
                <c:pt idx="984">
                  <c:v>0.74487816743863511</c:v>
                </c:pt>
                <c:pt idx="985">
                  <c:v>0.86501980734809236</c:v>
                </c:pt>
                <c:pt idx="986">
                  <c:v>0.86501980734809236</c:v>
                </c:pt>
                <c:pt idx="987">
                  <c:v>0.86501980734809236</c:v>
                </c:pt>
                <c:pt idx="988">
                  <c:v>0.86501980734809236</c:v>
                </c:pt>
                <c:pt idx="989">
                  <c:v>1.0812747591851153</c:v>
                </c:pt>
                <c:pt idx="990">
                  <c:v>1.2735013830402471</c:v>
                </c:pt>
                <c:pt idx="991">
                  <c:v>1.5137846628591616</c:v>
                </c:pt>
                <c:pt idx="992">
                  <c:v>1.5137846628591616</c:v>
                </c:pt>
                <c:pt idx="993">
                  <c:v>1.5137846628591616</c:v>
                </c:pt>
                <c:pt idx="994">
                  <c:v>1.5137846628591616</c:v>
                </c:pt>
                <c:pt idx="995">
                  <c:v>1.5137846628591616</c:v>
                </c:pt>
                <c:pt idx="996">
                  <c:v>1.5137846628591616</c:v>
                </c:pt>
                <c:pt idx="997">
                  <c:v>1.5137846628591616</c:v>
                </c:pt>
                <c:pt idx="998">
                  <c:v>1.5137846628591616</c:v>
                </c:pt>
                <c:pt idx="999">
                  <c:v>1.3455863669859214</c:v>
                </c:pt>
                <c:pt idx="1000">
                  <c:v>1.3215580390040298</c:v>
                </c:pt>
                <c:pt idx="1001">
                  <c:v>1.1293314151488982</c:v>
                </c:pt>
                <c:pt idx="1002">
                  <c:v>1.0572464312032239</c:v>
                </c:pt>
                <c:pt idx="1003">
                  <c:v>0.88904813532998384</c:v>
                </c:pt>
                <c:pt idx="1004">
                  <c:v>0.74487816743863511</c:v>
                </c:pt>
                <c:pt idx="1005">
                  <c:v>0.64876485551106933</c:v>
                </c:pt>
                <c:pt idx="1006">
                  <c:v>0.64876485551106933</c:v>
                </c:pt>
                <c:pt idx="1007">
                  <c:v>0.64876485551106933</c:v>
                </c:pt>
                <c:pt idx="1008">
                  <c:v>0.37815458914040112</c:v>
                </c:pt>
                <c:pt idx="1009">
                  <c:v>0.37815458914040112</c:v>
                </c:pt>
                <c:pt idx="1010">
                  <c:v>0.37815458914040112</c:v>
                </c:pt>
                <c:pt idx="1011">
                  <c:v>0.37815458914040112</c:v>
                </c:pt>
                <c:pt idx="1012">
                  <c:v>0.37815458914040112</c:v>
                </c:pt>
                <c:pt idx="1013">
                  <c:v>1.6386698862750719</c:v>
                </c:pt>
                <c:pt idx="1014">
                  <c:v>1.8592600632736391</c:v>
                </c:pt>
                <c:pt idx="1015">
                  <c:v>1.8592600632736391</c:v>
                </c:pt>
                <c:pt idx="1016">
                  <c:v>1.8592600632736391</c:v>
                </c:pt>
                <c:pt idx="1017">
                  <c:v>1.9853115929871064</c:v>
                </c:pt>
                <c:pt idx="1018">
                  <c:v>1.9853115929871064</c:v>
                </c:pt>
                <c:pt idx="1019">
                  <c:v>2.5210305942693414</c:v>
                </c:pt>
                <c:pt idx="1020">
                  <c:v>2.5210305942693414</c:v>
                </c:pt>
                <c:pt idx="1021">
                  <c:v>1.6701827687034385</c:v>
                </c:pt>
                <c:pt idx="1022">
                  <c:v>2.5210305942693414</c:v>
                </c:pt>
                <c:pt idx="1023">
                  <c:v>2.5210305942693414</c:v>
                </c:pt>
                <c:pt idx="1024">
                  <c:v>2.5210305942693414</c:v>
                </c:pt>
                <c:pt idx="1025">
                  <c:v>2.5210305942693414</c:v>
                </c:pt>
                <c:pt idx="1026">
                  <c:v>2.5210305942693414</c:v>
                </c:pt>
                <c:pt idx="1027">
                  <c:v>2.1113631227005736</c:v>
                </c:pt>
                <c:pt idx="1028">
                  <c:v>1.7332085335601721</c:v>
                </c:pt>
                <c:pt idx="1029">
                  <c:v>1.2605152971346707</c:v>
                </c:pt>
                <c:pt idx="1030">
                  <c:v>1.1974895322779371</c:v>
                </c:pt>
                <c:pt idx="1031">
                  <c:v>1.1974895322779371</c:v>
                </c:pt>
                <c:pt idx="1032">
                  <c:v>1.0927787058883973</c:v>
                </c:pt>
                <c:pt idx="1033">
                  <c:v>1.0927787058883973</c:v>
                </c:pt>
                <c:pt idx="1034">
                  <c:v>1.0927787058883973</c:v>
                </c:pt>
                <c:pt idx="1035">
                  <c:v>1.0927787058883973</c:v>
                </c:pt>
                <c:pt idx="1036">
                  <c:v>1.0927787058883973</c:v>
                </c:pt>
                <c:pt idx="1037">
                  <c:v>1.4206123176549166</c:v>
                </c:pt>
                <c:pt idx="1038">
                  <c:v>1.5845291235381762</c:v>
                </c:pt>
                <c:pt idx="1039">
                  <c:v>1.6391680588325961</c:v>
                </c:pt>
                <c:pt idx="1040">
                  <c:v>1.6391680588325961</c:v>
                </c:pt>
                <c:pt idx="1041">
                  <c:v>1.7757653970686458</c:v>
                </c:pt>
                <c:pt idx="1042">
                  <c:v>1.8577238000102754</c:v>
                </c:pt>
                <c:pt idx="1043">
                  <c:v>2.1855574117767946</c:v>
                </c:pt>
                <c:pt idx="1044">
                  <c:v>2.1855574117767946</c:v>
                </c:pt>
                <c:pt idx="1045">
                  <c:v>2.1855574117767946</c:v>
                </c:pt>
                <c:pt idx="1046">
                  <c:v>2.1855574117767946</c:v>
                </c:pt>
                <c:pt idx="1047">
                  <c:v>2.1855574117767946</c:v>
                </c:pt>
                <c:pt idx="1048">
                  <c:v>2.1855574117767946</c:v>
                </c:pt>
                <c:pt idx="1049">
                  <c:v>2.1855574117767946</c:v>
                </c:pt>
                <c:pt idx="1050">
                  <c:v>2.1855574117767946</c:v>
                </c:pt>
                <c:pt idx="1051">
                  <c:v>1.8304043323630657</c:v>
                </c:pt>
                <c:pt idx="1052">
                  <c:v>1.5025707205965464</c:v>
                </c:pt>
                <c:pt idx="1053">
                  <c:v>1.0927787058883973</c:v>
                </c:pt>
                <c:pt idx="1054">
                  <c:v>1.0927787058883973</c:v>
                </c:pt>
                <c:pt idx="1055">
                  <c:v>1.0927787058883973</c:v>
                </c:pt>
                <c:pt idx="1056">
                  <c:v>1.0105037016463954</c:v>
                </c:pt>
                <c:pt idx="1057">
                  <c:v>1.1368166643521946</c:v>
                </c:pt>
                <c:pt idx="1058">
                  <c:v>1.1368166643521946</c:v>
                </c:pt>
                <c:pt idx="1059">
                  <c:v>1.1368166643521946</c:v>
                </c:pt>
                <c:pt idx="1060">
                  <c:v>1.1368166643521946</c:v>
                </c:pt>
                <c:pt idx="1061">
                  <c:v>1.4652303673872733</c:v>
                </c:pt>
                <c:pt idx="1062">
                  <c:v>1.6925937002577125</c:v>
                </c:pt>
                <c:pt idx="1063">
                  <c:v>1.6925937002577125</c:v>
                </c:pt>
                <c:pt idx="1064">
                  <c:v>1.6925937002577125</c:v>
                </c:pt>
                <c:pt idx="1065">
                  <c:v>1.8189066629635118</c:v>
                </c:pt>
                <c:pt idx="1066">
                  <c:v>1.9704822182104711</c:v>
                </c:pt>
                <c:pt idx="1067">
                  <c:v>2.2736333287043893</c:v>
                </c:pt>
                <c:pt idx="1068">
                  <c:v>2.2736333287043893</c:v>
                </c:pt>
                <c:pt idx="1069">
                  <c:v>2.2736333287043893</c:v>
                </c:pt>
                <c:pt idx="1070">
                  <c:v>2.2736333287043893</c:v>
                </c:pt>
                <c:pt idx="1071">
                  <c:v>2.2736333287043893</c:v>
                </c:pt>
                <c:pt idx="1072">
                  <c:v>2.2736333287043893</c:v>
                </c:pt>
                <c:pt idx="1073">
                  <c:v>2.2736333287043893</c:v>
                </c:pt>
                <c:pt idx="1074">
                  <c:v>2.2736333287043893</c:v>
                </c:pt>
                <c:pt idx="1075">
                  <c:v>1.8946944405869914</c:v>
                </c:pt>
                <c:pt idx="1076">
                  <c:v>1.5157555524695934</c:v>
                </c:pt>
                <c:pt idx="1077">
                  <c:v>1.1368166643521946</c:v>
                </c:pt>
                <c:pt idx="1078">
                  <c:v>1.1368166643521946</c:v>
                </c:pt>
                <c:pt idx="1079">
                  <c:v>1.1368166643521946</c:v>
                </c:pt>
                <c:pt idx="1080">
                  <c:v>1.1711218195933857</c:v>
                </c:pt>
                <c:pt idx="1081">
                  <c:v>1.1711218195933857</c:v>
                </c:pt>
                <c:pt idx="1082">
                  <c:v>1.1711218195933857</c:v>
                </c:pt>
                <c:pt idx="1083">
                  <c:v>1.1711218195933857</c:v>
                </c:pt>
                <c:pt idx="1084">
                  <c:v>1.1711218195933857</c:v>
                </c:pt>
                <c:pt idx="1085">
                  <c:v>1.5094459008092527</c:v>
                </c:pt>
                <c:pt idx="1086">
                  <c:v>1.7436702647279299</c:v>
                </c:pt>
                <c:pt idx="1087">
                  <c:v>1.7436702647279299</c:v>
                </c:pt>
                <c:pt idx="1088">
                  <c:v>1.7436702647279299</c:v>
                </c:pt>
                <c:pt idx="1089">
                  <c:v>1.8737949113494172</c:v>
                </c:pt>
                <c:pt idx="1090">
                  <c:v>2.0299444872952019</c:v>
                </c:pt>
                <c:pt idx="1091">
                  <c:v>2.3422436391867714</c:v>
                </c:pt>
                <c:pt idx="1092">
                  <c:v>2.3422436391867714</c:v>
                </c:pt>
                <c:pt idx="1093">
                  <c:v>2.3422436391867714</c:v>
                </c:pt>
                <c:pt idx="1094">
                  <c:v>2.3422436391867714</c:v>
                </c:pt>
                <c:pt idx="1095">
                  <c:v>2.3422436391867714</c:v>
                </c:pt>
                <c:pt idx="1096">
                  <c:v>2.3422436391867714</c:v>
                </c:pt>
                <c:pt idx="1097">
                  <c:v>2.3422436391867714</c:v>
                </c:pt>
                <c:pt idx="1098">
                  <c:v>2.3422436391867714</c:v>
                </c:pt>
                <c:pt idx="1099">
                  <c:v>1.9518696993223095</c:v>
                </c:pt>
                <c:pt idx="1100">
                  <c:v>1.5614957594578476</c:v>
                </c:pt>
                <c:pt idx="1101">
                  <c:v>1.1711218195933857</c:v>
                </c:pt>
                <c:pt idx="1102">
                  <c:v>1.1711218195933857</c:v>
                </c:pt>
                <c:pt idx="1103">
                  <c:v>1.1711218195933857</c:v>
                </c:pt>
                <c:pt idx="1104">
                  <c:v>1.2283652403250007</c:v>
                </c:pt>
                <c:pt idx="1105">
                  <c:v>1.2283652403250007</c:v>
                </c:pt>
                <c:pt idx="1106">
                  <c:v>1.2283652403250007</c:v>
                </c:pt>
                <c:pt idx="1107">
                  <c:v>1.2283652403250007</c:v>
                </c:pt>
                <c:pt idx="1108">
                  <c:v>1.2283652403250007</c:v>
                </c:pt>
                <c:pt idx="1109">
                  <c:v>1.5832263097522228</c:v>
                </c:pt>
                <c:pt idx="1110">
                  <c:v>1.9107903738388896</c:v>
                </c:pt>
                <c:pt idx="1111">
                  <c:v>1.9107903738388896</c:v>
                </c:pt>
                <c:pt idx="1112">
                  <c:v>1.9107903738388896</c:v>
                </c:pt>
                <c:pt idx="1113">
                  <c:v>2.0472754005416673</c:v>
                </c:pt>
                <c:pt idx="1114">
                  <c:v>2.1291664165633342</c:v>
                </c:pt>
                <c:pt idx="1115">
                  <c:v>2.4567304806500014</c:v>
                </c:pt>
                <c:pt idx="1116">
                  <c:v>2.4567304806500014</c:v>
                </c:pt>
                <c:pt idx="1117">
                  <c:v>2.4567304806500014</c:v>
                </c:pt>
                <c:pt idx="1118">
                  <c:v>2.4567304806500014</c:v>
                </c:pt>
                <c:pt idx="1119">
                  <c:v>2.0472754005416673</c:v>
                </c:pt>
                <c:pt idx="1120">
                  <c:v>1.9380873791794453</c:v>
                </c:pt>
                <c:pt idx="1121">
                  <c:v>1.9380873791794453</c:v>
                </c:pt>
                <c:pt idx="1122">
                  <c:v>1.9380873791794453</c:v>
                </c:pt>
                <c:pt idx="1123">
                  <c:v>1.9380873791794453</c:v>
                </c:pt>
                <c:pt idx="1124">
                  <c:v>1.5013352937305562</c:v>
                </c:pt>
                <c:pt idx="1125">
                  <c:v>0.57323711215166684</c:v>
                </c:pt>
                <c:pt idx="1126">
                  <c:v>0.57323711215166684</c:v>
                </c:pt>
                <c:pt idx="1127">
                  <c:v>0.57323711215166684</c:v>
                </c:pt>
                <c:pt idx="1128">
                  <c:v>0.40196266271988196</c:v>
                </c:pt>
                <c:pt idx="1129">
                  <c:v>0.78478424626262688</c:v>
                </c:pt>
                <c:pt idx="1130">
                  <c:v>0.78478424626262688</c:v>
                </c:pt>
                <c:pt idx="1131">
                  <c:v>0.78478424626262688</c:v>
                </c:pt>
                <c:pt idx="1132">
                  <c:v>0.78478424626262688</c:v>
                </c:pt>
                <c:pt idx="1133">
                  <c:v>0.97619503803399921</c:v>
                </c:pt>
                <c:pt idx="1134">
                  <c:v>1.2250290673367832</c:v>
                </c:pt>
                <c:pt idx="1135">
                  <c:v>1.3972987799310184</c:v>
                </c:pt>
                <c:pt idx="1136">
                  <c:v>1.3972987799310184</c:v>
                </c:pt>
                <c:pt idx="1137">
                  <c:v>1.3972987799310184</c:v>
                </c:pt>
                <c:pt idx="1138">
                  <c:v>1.3972987799310184</c:v>
                </c:pt>
                <c:pt idx="1139">
                  <c:v>1.3972987799310184</c:v>
                </c:pt>
                <c:pt idx="1140">
                  <c:v>1.3972987799310184</c:v>
                </c:pt>
                <c:pt idx="1141">
                  <c:v>1.3972987799310184</c:v>
                </c:pt>
                <c:pt idx="1142">
                  <c:v>1.3972987799310184</c:v>
                </c:pt>
                <c:pt idx="1143">
                  <c:v>1.2633112256910577</c:v>
                </c:pt>
                <c:pt idx="1144">
                  <c:v>1.1484647506282344</c:v>
                </c:pt>
                <c:pt idx="1145">
                  <c:v>1.0336182755654111</c:v>
                </c:pt>
                <c:pt idx="1146">
                  <c:v>0.99533611721113635</c:v>
                </c:pt>
                <c:pt idx="1147">
                  <c:v>0.80392532543976392</c:v>
                </c:pt>
                <c:pt idx="1148">
                  <c:v>0.59337345449125445</c:v>
                </c:pt>
                <c:pt idx="1149">
                  <c:v>0.59337345449125445</c:v>
                </c:pt>
                <c:pt idx="1150">
                  <c:v>0.59337345449125445</c:v>
                </c:pt>
                <c:pt idx="1151">
                  <c:v>0.59337345449125445</c:v>
                </c:pt>
                <c:pt idx="1152">
                  <c:v>0.71084633633745242</c:v>
                </c:pt>
                <c:pt idx="1153">
                  <c:v>0.82549897123058991</c:v>
                </c:pt>
                <c:pt idx="1154">
                  <c:v>0.82549897123058991</c:v>
                </c:pt>
                <c:pt idx="1155">
                  <c:v>0.82549897123058991</c:v>
                </c:pt>
                <c:pt idx="1156">
                  <c:v>0.82549897123058991</c:v>
                </c:pt>
                <c:pt idx="1157">
                  <c:v>1.0318737140382375</c:v>
                </c:pt>
                <c:pt idx="1158">
                  <c:v>1.2153179298672576</c:v>
                </c:pt>
                <c:pt idx="1159">
                  <c:v>1.4446231996535326</c:v>
                </c:pt>
                <c:pt idx="1160">
                  <c:v>1.4446231996535326</c:v>
                </c:pt>
                <c:pt idx="1161">
                  <c:v>1.4446231996535326</c:v>
                </c:pt>
                <c:pt idx="1162">
                  <c:v>1.4446231996535326</c:v>
                </c:pt>
                <c:pt idx="1163">
                  <c:v>1.4446231996535326</c:v>
                </c:pt>
                <c:pt idx="1164">
                  <c:v>1.4446231996535326</c:v>
                </c:pt>
                <c:pt idx="1165">
                  <c:v>1.4446231996535326</c:v>
                </c:pt>
                <c:pt idx="1166">
                  <c:v>1.4446231996535326</c:v>
                </c:pt>
                <c:pt idx="1167">
                  <c:v>1.2841095108031402</c:v>
                </c:pt>
                <c:pt idx="1168">
                  <c:v>1.2611789838245124</c:v>
                </c:pt>
                <c:pt idx="1169">
                  <c:v>1.0777347679954925</c:v>
                </c:pt>
                <c:pt idx="1170">
                  <c:v>1.0089431870596099</c:v>
                </c:pt>
                <c:pt idx="1171">
                  <c:v>0.84842949820921754</c:v>
                </c:pt>
                <c:pt idx="1172">
                  <c:v>0.71084633633745242</c:v>
                </c:pt>
                <c:pt idx="1173">
                  <c:v>0.61912422842294246</c:v>
                </c:pt>
                <c:pt idx="1174">
                  <c:v>0.61912422842294246</c:v>
                </c:pt>
                <c:pt idx="1175">
                  <c:v>0.61912422842294246</c:v>
                </c:pt>
                <c:pt idx="1176">
                  <c:v>0.40464184701977773</c:v>
                </c:pt>
                <c:pt idx="1177">
                  <c:v>0.40464184701977773</c:v>
                </c:pt>
                <c:pt idx="1178">
                  <c:v>0.40464184701977773</c:v>
                </c:pt>
                <c:pt idx="1179">
                  <c:v>0.40464184701977773</c:v>
                </c:pt>
                <c:pt idx="1180">
                  <c:v>0.40464184701977773</c:v>
                </c:pt>
                <c:pt idx="1181">
                  <c:v>1.7534480037523699</c:v>
                </c:pt>
                <c:pt idx="1182">
                  <c:v>1.9894890811805737</c:v>
                </c:pt>
                <c:pt idx="1183">
                  <c:v>1.9894890811805737</c:v>
                </c:pt>
                <c:pt idx="1184">
                  <c:v>1.9894890811805737</c:v>
                </c:pt>
                <c:pt idx="1185">
                  <c:v>2.124369696853833</c:v>
                </c:pt>
                <c:pt idx="1186">
                  <c:v>2.124369696853833</c:v>
                </c:pt>
                <c:pt idx="1187">
                  <c:v>2.6976123134651853</c:v>
                </c:pt>
                <c:pt idx="1188">
                  <c:v>2.6976123134651853</c:v>
                </c:pt>
                <c:pt idx="1189">
                  <c:v>1.787168157670685</c:v>
                </c:pt>
                <c:pt idx="1190">
                  <c:v>2.6976123134651853</c:v>
                </c:pt>
                <c:pt idx="1191">
                  <c:v>2.6976123134651853</c:v>
                </c:pt>
                <c:pt idx="1192">
                  <c:v>2.6976123134651853</c:v>
                </c:pt>
                <c:pt idx="1193">
                  <c:v>2.6976123134651853</c:v>
                </c:pt>
                <c:pt idx="1194">
                  <c:v>2.6976123134651853</c:v>
                </c:pt>
                <c:pt idx="1195">
                  <c:v>2.2592503125270924</c:v>
                </c:pt>
                <c:pt idx="1196">
                  <c:v>1.8546084655073143</c:v>
                </c:pt>
                <c:pt idx="1197">
                  <c:v>1.3488061567325926</c:v>
                </c:pt>
                <c:pt idx="1198">
                  <c:v>1.2813658488959627</c:v>
                </c:pt>
                <c:pt idx="1199">
                  <c:v>1.2813658488959627</c:v>
                </c:pt>
                <c:pt idx="1200">
                  <c:v>1.1665879872773441</c:v>
                </c:pt>
                <c:pt idx="1201">
                  <c:v>1.1665879872773441</c:v>
                </c:pt>
                <c:pt idx="1202">
                  <c:v>1.1665879872773441</c:v>
                </c:pt>
                <c:pt idx="1203">
                  <c:v>1.1665879872773441</c:v>
                </c:pt>
                <c:pt idx="1204">
                  <c:v>1.1665879872773441</c:v>
                </c:pt>
                <c:pt idx="1205">
                  <c:v>1.5165643834605471</c:v>
                </c:pt>
                <c:pt idx="1206">
                  <c:v>1.691552581552149</c:v>
                </c:pt>
                <c:pt idx="1207">
                  <c:v>1.7498819809160162</c:v>
                </c:pt>
                <c:pt idx="1208">
                  <c:v>1.7498819809160162</c:v>
                </c:pt>
                <c:pt idx="1209">
                  <c:v>1.895705479325684</c:v>
                </c:pt>
                <c:pt idx="1210">
                  <c:v>1.9831995783714846</c:v>
                </c:pt>
                <c:pt idx="1211">
                  <c:v>2.3331759745546883</c:v>
                </c:pt>
                <c:pt idx="1212">
                  <c:v>2.3331759745546883</c:v>
                </c:pt>
                <c:pt idx="1213">
                  <c:v>2.3331759745546883</c:v>
                </c:pt>
                <c:pt idx="1214">
                  <c:v>2.3331759745546883</c:v>
                </c:pt>
                <c:pt idx="1215">
                  <c:v>2.3331759745546883</c:v>
                </c:pt>
                <c:pt idx="1216">
                  <c:v>2.3331759745546883</c:v>
                </c:pt>
                <c:pt idx="1217">
                  <c:v>2.3331759745546883</c:v>
                </c:pt>
                <c:pt idx="1218">
                  <c:v>2.3331759745546883</c:v>
                </c:pt>
                <c:pt idx="1219">
                  <c:v>1.9540348786895514</c:v>
                </c:pt>
                <c:pt idx="1220">
                  <c:v>1.604058482506348</c:v>
                </c:pt>
                <c:pt idx="1221">
                  <c:v>1.1665879872773441</c:v>
                </c:pt>
                <c:pt idx="1222">
                  <c:v>1.1665879872773441</c:v>
                </c:pt>
                <c:pt idx="1223">
                  <c:v>1.1665879872773441</c:v>
                </c:pt>
                <c:pt idx="1224">
                  <c:v>1.0727283497017062</c:v>
                </c:pt>
                <c:pt idx="1225">
                  <c:v>1.2068193934144191</c:v>
                </c:pt>
                <c:pt idx="1226">
                  <c:v>1.2068193934144191</c:v>
                </c:pt>
                <c:pt idx="1227">
                  <c:v>1.2068193934144191</c:v>
                </c:pt>
                <c:pt idx="1228">
                  <c:v>1.2068193934144191</c:v>
                </c:pt>
                <c:pt idx="1229">
                  <c:v>1.5554561070674737</c:v>
                </c:pt>
                <c:pt idx="1230">
                  <c:v>1.7968199857503577</c:v>
                </c:pt>
                <c:pt idx="1231">
                  <c:v>1.7968199857503577</c:v>
                </c:pt>
                <c:pt idx="1232">
                  <c:v>1.7968199857503577</c:v>
                </c:pt>
                <c:pt idx="1233">
                  <c:v>1.9309110294630709</c:v>
                </c:pt>
                <c:pt idx="1234">
                  <c:v>2.0918202819183271</c:v>
                </c:pt>
                <c:pt idx="1235">
                  <c:v>2.4136387868288383</c:v>
                </c:pt>
                <c:pt idx="1236">
                  <c:v>2.4136387868288383</c:v>
                </c:pt>
                <c:pt idx="1237">
                  <c:v>2.4136387868288383</c:v>
                </c:pt>
                <c:pt idx="1238">
                  <c:v>2.4136387868288383</c:v>
                </c:pt>
                <c:pt idx="1239">
                  <c:v>2.4136387868288383</c:v>
                </c:pt>
                <c:pt idx="1240">
                  <c:v>2.4136387868288383</c:v>
                </c:pt>
                <c:pt idx="1241">
                  <c:v>2.4136387868288383</c:v>
                </c:pt>
                <c:pt idx="1242">
                  <c:v>2.4136387868288383</c:v>
                </c:pt>
                <c:pt idx="1243">
                  <c:v>2.0113656556906991</c:v>
                </c:pt>
                <c:pt idx="1244">
                  <c:v>1.6090925245525594</c:v>
                </c:pt>
                <c:pt idx="1245">
                  <c:v>1.2068193934144191</c:v>
                </c:pt>
                <c:pt idx="1246">
                  <c:v>1.2068193934144191</c:v>
                </c:pt>
                <c:pt idx="1247">
                  <c:v>1.2068193934144191</c:v>
                </c:pt>
                <c:pt idx="1248">
                  <c:v>1.1862711865322169</c:v>
                </c:pt>
                <c:pt idx="1249">
                  <c:v>1.1862711865322169</c:v>
                </c:pt>
                <c:pt idx="1250">
                  <c:v>1.1862711865322169</c:v>
                </c:pt>
                <c:pt idx="1251">
                  <c:v>1.1862711865322169</c:v>
                </c:pt>
                <c:pt idx="1252">
                  <c:v>1.1862711865322169</c:v>
                </c:pt>
                <c:pt idx="1253">
                  <c:v>1.5289717515304131</c:v>
                </c:pt>
                <c:pt idx="1254">
                  <c:v>1.7662259888368566</c:v>
                </c:pt>
                <c:pt idx="1255">
                  <c:v>1.7662259888368566</c:v>
                </c:pt>
                <c:pt idx="1256">
                  <c:v>1.7662259888368566</c:v>
                </c:pt>
                <c:pt idx="1257">
                  <c:v>1.8980338984515472</c:v>
                </c:pt>
                <c:pt idx="1258">
                  <c:v>2.0562033899891761</c:v>
                </c:pt>
                <c:pt idx="1259">
                  <c:v>2.3725423730644337</c:v>
                </c:pt>
                <c:pt idx="1260">
                  <c:v>2.3725423730644337</c:v>
                </c:pt>
                <c:pt idx="1261">
                  <c:v>2.3725423730644337</c:v>
                </c:pt>
                <c:pt idx="1262">
                  <c:v>2.3725423730644337</c:v>
                </c:pt>
                <c:pt idx="1263">
                  <c:v>2.3725423730644337</c:v>
                </c:pt>
                <c:pt idx="1264">
                  <c:v>2.3725423730644337</c:v>
                </c:pt>
                <c:pt idx="1265">
                  <c:v>2.3725423730644337</c:v>
                </c:pt>
                <c:pt idx="1266">
                  <c:v>2.3725423730644337</c:v>
                </c:pt>
                <c:pt idx="1267">
                  <c:v>1.9771186442203617</c:v>
                </c:pt>
                <c:pt idx="1268">
                  <c:v>1.5816949153762896</c:v>
                </c:pt>
                <c:pt idx="1269">
                  <c:v>1.1862711865322169</c:v>
                </c:pt>
                <c:pt idx="1270">
                  <c:v>1.1862711865322169</c:v>
                </c:pt>
                <c:pt idx="1271">
                  <c:v>1.1862711865322169</c:v>
                </c:pt>
                <c:pt idx="1272">
                  <c:v>1.2806259041933223</c:v>
                </c:pt>
                <c:pt idx="1273">
                  <c:v>1.2806259041933223</c:v>
                </c:pt>
                <c:pt idx="1274">
                  <c:v>1.2806259041933223</c:v>
                </c:pt>
                <c:pt idx="1275">
                  <c:v>1.2806259041933223</c:v>
                </c:pt>
                <c:pt idx="1276">
                  <c:v>1.2806259041933223</c:v>
                </c:pt>
                <c:pt idx="1277">
                  <c:v>1.65058449873806</c:v>
                </c:pt>
                <c:pt idx="1278">
                  <c:v>1.9920847398562793</c:v>
                </c:pt>
                <c:pt idx="1279">
                  <c:v>1.9920847398562793</c:v>
                </c:pt>
                <c:pt idx="1280">
                  <c:v>1.9920847398562793</c:v>
                </c:pt>
                <c:pt idx="1281">
                  <c:v>2.1343765069888705</c:v>
                </c:pt>
                <c:pt idx="1282">
                  <c:v>2.2197515672684256</c:v>
                </c:pt>
                <c:pt idx="1283">
                  <c:v>2.5612518083866447</c:v>
                </c:pt>
                <c:pt idx="1284">
                  <c:v>2.5612518083866447</c:v>
                </c:pt>
                <c:pt idx="1285">
                  <c:v>2.5612518083866447</c:v>
                </c:pt>
                <c:pt idx="1286">
                  <c:v>2.5612518083866447</c:v>
                </c:pt>
                <c:pt idx="1287">
                  <c:v>2.1343765069888705</c:v>
                </c:pt>
                <c:pt idx="1288">
                  <c:v>2.0205430932827975</c:v>
                </c:pt>
                <c:pt idx="1289">
                  <c:v>2.0205430932827975</c:v>
                </c:pt>
                <c:pt idx="1290">
                  <c:v>2.0205430932827975</c:v>
                </c:pt>
                <c:pt idx="1291">
                  <c:v>2.0205430932827975</c:v>
                </c:pt>
                <c:pt idx="1292">
                  <c:v>1.5652094384585049</c:v>
                </c:pt>
                <c:pt idx="1293">
                  <c:v>0.59762542195688373</c:v>
                </c:pt>
                <c:pt idx="1294">
                  <c:v>0.59762542195688373</c:v>
                </c:pt>
                <c:pt idx="1295">
                  <c:v>0.59762542195688373</c:v>
                </c:pt>
                <c:pt idx="1296">
                  <c:v>0.43383828249016088</c:v>
                </c:pt>
                <c:pt idx="1297">
                  <c:v>0.84701759914745711</c:v>
                </c:pt>
                <c:pt idx="1298">
                  <c:v>0.84701759914745711</c:v>
                </c:pt>
                <c:pt idx="1299">
                  <c:v>0.84701759914745711</c:v>
                </c:pt>
                <c:pt idx="1300">
                  <c:v>0.84701759914745711</c:v>
                </c:pt>
                <c:pt idx="1301">
                  <c:v>1.0536072574761053</c:v>
                </c:pt>
                <c:pt idx="1302">
                  <c:v>1.3221738133033476</c:v>
                </c:pt>
                <c:pt idx="1303">
                  <c:v>1.5081045057991307</c:v>
                </c:pt>
                <c:pt idx="1304">
                  <c:v>1.5081045057991307</c:v>
                </c:pt>
                <c:pt idx="1305">
                  <c:v>1.5081045057991307</c:v>
                </c:pt>
                <c:pt idx="1306">
                  <c:v>1.5081045057991307</c:v>
                </c:pt>
                <c:pt idx="1307">
                  <c:v>1.5081045057991307</c:v>
                </c:pt>
                <c:pt idx="1308">
                  <c:v>1.5081045057991307</c:v>
                </c:pt>
                <c:pt idx="1309">
                  <c:v>1.5081045057991307</c:v>
                </c:pt>
                <c:pt idx="1310">
                  <c:v>1.5081045057991307</c:v>
                </c:pt>
                <c:pt idx="1311">
                  <c:v>1.3634917449690771</c:v>
                </c:pt>
                <c:pt idx="1312">
                  <c:v>1.2395379499718882</c:v>
                </c:pt>
                <c:pt idx="1313">
                  <c:v>1.1155841549746996</c:v>
                </c:pt>
                <c:pt idx="1314">
                  <c:v>1.0742662233089699</c:v>
                </c:pt>
                <c:pt idx="1315">
                  <c:v>0.86767656498032175</c:v>
                </c:pt>
                <c:pt idx="1316">
                  <c:v>0.64042794081880894</c:v>
                </c:pt>
                <c:pt idx="1317">
                  <c:v>0.64042794081880894</c:v>
                </c:pt>
                <c:pt idx="1318">
                  <c:v>0.64042794081880894</c:v>
                </c:pt>
                <c:pt idx="1319">
                  <c:v>0.64042794081880894</c:v>
                </c:pt>
                <c:pt idx="1320">
                  <c:v>0.72543140680938789</c:v>
                </c:pt>
                <c:pt idx="1321">
                  <c:v>0.84243647242380515</c:v>
                </c:pt>
                <c:pt idx="1322">
                  <c:v>0.84243647242380515</c:v>
                </c:pt>
                <c:pt idx="1323">
                  <c:v>0.84243647242380515</c:v>
                </c:pt>
                <c:pt idx="1324">
                  <c:v>0.84243647242380515</c:v>
                </c:pt>
                <c:pt idx="1325">
                  <c:v>1.0530455905297567</c:v>
                </c:pt>
                <c:pt idx="1326">
                  <c:v>1.2402536955128243</c:v>
                </c:pt>
                <c:pt idx="1327">
                  <c:v>1.4742638267416592</c:v>
                </c:pt>
                <c:pt idx="1328">
                  <c:v>1.4742638267416592</c:v>
                </c:pt>
                <c:pt idx="1329">
                  <c:v>1.4742638267416592</c:v>
                </c:pt>
                <c:pt idx="1330">
                  <c:v>1.4742638267416592</c:v>
                </c:pt>
                <c:pt idx="1331">
                  <c:v>1.4742638267416592</c:v>
                </c:pt>
                <c:pt idx="1332">
                  <c:v>1.4742638267416592</c:v>
                </c:pt>
                <c:pt idx="1333">
                  <c:v>1.4742638267416592</c:v>
                </c:pt>
                <c:pt idx="1334">
                  <c:v>1.4742638267416592</c:v>
                </c:pt>
                <c:pt idx="1335">
                  <c:v>1.3104567348814746</c:v>
                </c:pt>
                <c:pt idx="1336">
                  <c:v>1.287055721758591</c:v>
                </c:pt>
                <c:pt idx="1337">
                  <c:v>1.0998476167755236</c:v>
                </c:pt>
                <c:pt idx="1338">
                  <c:v>1.0296445774068732</c:v>
                </c:pt>
                <c:pt idx="1339">
                  <c:v>0.86583748554668882</c:v>
                </c:pt>
                <c:pt idx="1340">
                  <c:v>0.72543140680938789</c:v>
                </c:pt>
                <c:pt idx="1341">
                  <c:v>0.63182735431785397</c:v>
                </c:pt>
                <c:pt idx="1342">
                  <c:v>0.63182735431785397</c:v>
                </c:pt>
                <c:pt idx="1343">
                  <c:v>0.63182735431785397</c:v>
                </c:pt>
                <c:pt idx="1344">
                  <c:v>0.38609162049763274</c:v>
                </c:pt>
                <c:pt idx="1345">
                  <c:v>0.38609162049763274</c:v>
                </c:pt>
                <c:pt idx="1346">
                  <c:v>0.38609162049763274</c:v>
                </c:pt>
                <c:pt idx="1347">
                  <c:v>0.38609162049763274</c:v>
                </c:pt>
                <c:pt idx="1348">
                  <c:v>0.38609162049763274</c:v>
                </c:pt>
                <c:pt idx="1349">
                  <c:v>1.673063688823075</c:v>
                </c:pt>
                <c:pt idx="1350">
                  <c:v>1.8982838007800276</c:v>
                </c:pt>
                <c:pt idx="1351">
                  <c:v>1.8982838007800276</c:v>
                </c:pt>
                <c:pt idx="1352">
                  <c:v>1.8982838007800276</c:v>
                </c:pt>
                <c:pt idx="1353">
                  <c:v>2.026981007612572</c:v>
                </c:pt>
                <c:pt idx="1354">
                  <c:v>2.026981007612572</c:v>
                </c:pt>
                <c:pt idx="1355">
                  <c:v>2.5739441366508848</c:v>
                </c:pt>
                <c:pt idx="1356">
                  <c:v>2.5739441366508848</c:v>
                </c:pt>
                <c:pt idx="1357">
                  <c:v>1.7052379905312114</c:v>
                </c:pt>
                <c:pt idx="1358">
                  <c:v>2.5739441366508848</c:v>
                </c:pt>
                <c:pt idx="1359">
                  <c:v>2.5739441366508848</c:v>
                </c:pt>
                <c:pt idx="1360">
                  <c:v>2.5739441366508848</c:v>
                </c:pt>
                <c:pt idx="1361">
                  <c:v>2.5739441366508848</c:v>
                </c:pt>
                <c:pt idx="1362">
                  <c:v>2.5739441366508848</c:v>
                </c:pt>
                <c:pt idx="1363">
                  <c:v>2.1556782144451163</c:v>
                </c:pt>
                <c:pt idx="1364">
                  <c:v>1.7695865939474835</c:v>
                </c:pt>
                <c:pt idx="1365">
                  <c:v>1.2869720683254424</c:v>
                </c:pt>
                <c:pt idx="1366">
                  <c:v>1.2226234649091703</c:v>
                </c:pt>
                <c:pt idx="1367">
                  <c:v>1.2226234649091703</c:v>
                </c:pt>
                <c:pt idx="1368">
                  <c:v>1.1159581331046724</c:v>
                </c:pt>
                <c:pt idx="1369">
                  <c:v>1.1159581331046724</c:v>
                </c:pt>
                <c:pt idx="1370">
                  <c:v>1.1159581331046724</c:v>
                </c:pt>
                <c:pt idx="1371">
                  <c:v>1.1159581331046724</c:v>
                </c:pt>
                <c:pt idx="1372">
                  <c:v>1.1159581331046724</c:v>
                </c:pt>
                <c:pt idx="1373">
                  <c:v>1.4507455730360739</c:v>
                </c:pt>
                <c:pt idx="1374">
                  <c:v>1.6181392930017748</c:v>
                </c:pt>
                <c:pt idx="1375">
                  <c:v>1.6739371996570085</c:v>
                </c:pt>
                <c:pt idx="1376">
                  <c:v>1.6739371996570085</c:v>
                </c:pt>
                <c:pt idx="1377">
                  <c:v>1.8134319662950926</c:v>
                </c:pt>
                <c:pt idx="1378">
                  <c:v>1.8971288262779431</c:v>
                </c:pt>
                <c:pt idx="1379">
                  <c:v>2.2319162662093448</c:v>
                </c:pt>
                <c:pt idx="1380">
                  <c:v>2.2319162662093448</c:v>
                </c:pt>
                <c:pt idx="1381">
                  <c:v>2.2319162662093448</c:v>
                </c:pt>
                <c:pt idx="1382">
                  <c:v>2.2319162662093448</c:v>
                </c:pt>
                <c:pt idx="1383">
                  <c:v>2.2319162662093448</c:v>
                </c:pt>
                <c:pt idx="1384">
                  <c:v>2.2319162662093448</c:v>
                </c:pt>
                <c:pt idx="1385">
                  <c:v>2.2319162662093448</c:v>
                </c:pt>
                <c:pt idx="1386">
                  <c:v>2.2319162662093448</c:v>
                </c:pt>
                <c:pt idx="1387">
                  <c:v>1.8692298729503263</c:v>
                </c:pt>
                <c:pt idx="1388">
                  <c:v>1.5344424330189244</c:v>
                </c:pt>
                <c:pt idx="1389">
                  <c:v>1.1159581331046724</c:v>
                </c:pt>
                <c:pt idx="1390">
                  <c:v>1.1159581331046724</c:v>
                </c:pt>
                <c:pt idx="1391">
                  <c:v>1.1159581331046724</c:v>
                </c:pt>
                <c:pt idx="1392">
                  <c:v>0.99395310383168656</c:v>
                </c:pt>
                <c:pt idx="1393">
                  <c:v>1.1181972418106472</c:v>
                </c:pt>
                <c:pt idx="1394">
                  <c:v>1.1181972418106472</c:v>
                </c:pt>
                <c:pt idx="1395">
                  <c:v>1.1181972418106472</c:v>
                </c:pt>
                <c:pt idx="1396">
                  <c:v>1.1181972418106472</c:v>
                </c:pt>
                <c:pt idx="1397">
                  <c:v>1.4412320005559454</c:v>
                </c:pt>
                <c:pt idx="1398">
                  <c:v>1.6648714489180749</c:v>
                </c:pt>
                <c:pt idx="1399">
                  <c:v>1.6648714489180749</c:v>
                </c:pt>
                <c:pt idx="1400">
                  <c:v>1.6648714489180749</c:v>
                </c:pt>
                <c:pt idx="1401">
                  <c:v>1.7891155868970356</c:v>
                </c:pt>
                <c:pt idx="1402">
                  <c:v>1.9382085524717887</c:v>
                </c:pt>
                <c:pt idx="1403">
                  <c:v>2.2363944836212943</c:v>
                </c:pt>
                <c:pt idx="1404">
                  <c:v>2.2363944836212943</c:v>
                </c:pt>
                <c:pt idx="1405">
                  <c:v>2.2363944836212943</c:v>
                </c:pt>
                <c:pt idx="1406">
                  <c:v>2.2363944836212943</c:v>
                </c:pt>
                <c:pt idx="1407">
                  <c:v>2.2363944836212943</c:v>
                </c:pt>
                <c:pt idx="1408">
                  <c:v>2.2363944836212943</c:v>
                </c:pt>
                <c:pt idx="1409">
                  <c:v>2.2363944836212943</c:v>
                </c:pt>
                <c:pt idx="1410">
                  <c:v>2.2363944836212943</c:v>
                </c:pt>
                <c:pt idx="1411">
                  <c:v>1.8636620696844117</c:v>
                </c:pt>
                <c:pt idx="1412">
                  <c:v>1.4909296557475298</c:v>
                </c:pt>
                <c:pt idx="1413">
                  <c:v>1.1181972418106472</c:v>
                </c:pt>
                <c:pt idx="1414">
                  <c:v>1.1181972418106472</c:v>
                </c:pt>
                <c:pt idx="1415">
                  <c:v>1.1181972418106472</c:v>
                </c:pt>
                <c:pt idx="1416">
                  <c:v>1.1155279370096793</c:v>
                </c:pt>
                <c:pt idx="1417">
                  <c:v>1.1155279370096793</c:v>
                </c:pt>
                <c:pt idx="1418">
                  <c:v>1.1155279370096793</c:v>
                </c:pt>
                <c:pt idx="1419">
                  <c:v>1.1155279370096793</c:v>
                </c:pt>
                <c:pt idx="1420">
                  <c:v>1.1155279370096793</c:v>
                </c:pt>
                <c:pt idx="1421">
                  <c:v>1.4377915632569203</c:v>
                </c:pt>
                <c:pt idx="1422">
                  <c:v>1.6608971506588561</c:v>
                </c:pt>
                <c:pt idx="1423">
                  <c:v>1.6608971506588561</c:v>
                </c:pt>
                <c:pt idx="1424">
                  <c:v>1.6608971506588561</c:v>
                </c:pt>
                <c:pt idx="1425">
                  <c:v>1.7848446992154872</c:v>
                </c:pt>
                <c:pt idx="1426">
                  <c:v>1.9335817574834446</c:v>
                </c:pt>
                <c:pt idx="1427">
                  <c:v>2.2310558740193587</c:v>
                </c:pt>
                <c:pt idx="1428">
                  <c:v>2.2310558740193587</c:v>
                </c:pt>
                <c:pt idx="1429">
                  <c:v>2.2310558740193587</c:v>
                </c:pt>
                <c:pt idx="1430">
                  <c:v>2.2310558740193587</c:v>
                </c:pt>
                <c:pt idx="1431">
                  <c:v>2.2310558740193587</c:v>
                </c:pt>
                <c:pt idx="1432">
                  <c:v>2.2310558740193587</c:v>
                </c:pt>
                <c:pt idx="1433">
                  <c:v>2.2310558740193587</c:v>
                </c:pt>
                <c:pt idx="1434">
                  <c:v>2.2310558740193587</c:v>
                </c:pt>
                <c:pt idx="1435">
                  <c:v>1.8592132283494658</c:v>
                </c:pt>
                <c:pt idx="1436">
                  <c:v>1.4873705826795727</c:v>
                </c:pt>
                <c:pt idx="1437">
                  <c:v>1.1155279370096793</c:v>
                </c:pt>
                <c:pt idx="1438">
                  <c:v>1.1155279370096793</c:v>
                </c:pt>
                <c:pt idx="1439">
                  <c:v>1.1155279370096793</c:v>
                </c:pt>
                <c:pt idx="1440">
                  <c:v>1.2266713290474793</c:v>
                </c:pt>
                <c:pt idx="1441">
                  <c:v>1.2266713290474793</c:v>
                </c:pt>
                <c:pt idx="1442">
                  <c:v>1.2266713290474793</c:v>
                </c:pt>
                <c:pt idx="1443">
                  <c:v>1.2266713290474793</c:v>
                </c:pt>
                <c:pt idx="1444">
                  <c:v>1.2266713290474793</c:v>
                </c:pt>
                <c:pt idx="1445">
                  <c:v>1.5810430463278624</c:v>
                </c:pt>
                <c:pt idx="1446">
                  <c:v>1.9081554007405235</c:v>
                </c:pt>
                <c:pt idx="1447">
                  <c:v>1.9081554007405235</c:v>
                </c:pt>
                <c:pt idx="1448">
                  <c:v>1.9081554007405235</c:v>
                </c:pt>
                <c:pt idx="1449">
                  <c:v>2.0444522150791324</c:v>
                </c:pt>
                <c:pt idx="1450">
                  <c:v>2.126230303682298</c:v>
                </c:pt>
                <c:pt idx="1451">
                  <c:v>2.4533426580949587</c:v>
                </c:pt>
                <c:pt idx="1452">
                  <c:v>2.4533426580949587</c:v>
                </c:pt>
                <c:pt idx="1453">
                  <c:v>2.4533426580949587</c:v>
                </c:pt>
                <c:pt idx="1454">
                  <c:v>2.4533426580949587</c:v>
                </c:pt>
                <c:pt idx="1455">
                  <c:v>2.0444522150791324</c:v>
                </c:pt>
                <c:pt idx="1456">
                  <c:v>1.9354147636082455</c:v>
                </c:pt>
                <c:pt idx="1457">
                  <c:v>1.9354147636082455</c:v>
                </c:pt>
                <c:pt idx="1458">
                  <c:v>1.9354147636082455</c:v>
                </c:pt>
                <c:pt idx="1459">
                  <c:v>1.9354147636082455</c:v>
                </c:pt>
                <c:pt idx="1460">
                  <c:v>1.499264957724697</c:v>
                </c:pt>
                <c:pt idx="1461">
                  <c:v>0.57244662022215698</c:v>
                </c:pt>
                <c:pt idx="1462">
                  <c:v>0.57244662022215698</c:v>
                </c:pt>
                <c:pt idx="1463">
                  <c:v>0.57244662022215698</c:v>
                </c:pt>
                <c:pt idx="1464">
                  <c:v>0.41790047260502144</c:v>
                </c:pt>
                <c:pt idx="1465">
                  <c:v>0.815900922705042</c:v>
                </c:pt>
                <c:pt idx="1466">
                  <c:v>0.815900922705042</c:v>
                </c:pt>
                <c:pt idx="1467">
                  <c:v>0.815900922705042</c:v>
                </c:pt>
                <c:pt idx="1468">
                  <c:v>0.815900922705042</c:v>
                </c:pt>
                <c:pt idx="1469">
                  <c:v>1.014901147755052</c:v>
                </c:pt>
                <c:pt idx="1470">
                  <c:v>1.2736014403200653</c:v>
                </c:pt>
                <c:pt idx="1471">
                  <c:v>1.4527016428650745</c:v>
                </c:pt>
                <c:pt idx="1472">
                  <c:v>1.4527016428650745</c:v>
                </c:pt>
                <c:pt idx="1473">
                  <c:v>1.4527016428650745</c:v>
                </c:pt>
                <c:pt idx="1474">
                  <c:v>1.4527016428650745</c:v>
                </c:pt>
                <c:pt idx="1475">
                  <c:v>1.4527016428650745</c:v>
                </c:pt>
                <c:pt idx="1476">
                  <c:v>1.4527016428650745</c:v>
                </c:pt>
                <c:pt idx="1477">
                  <c:v>1.4527016428650745</c:v>
                </c:pt>
                <c:pt idx="1478">
                  <c:v>1.4527016428650745</c:v>
                </c:pt>
                <c:pt idx="1479">
                  <c:v>1.3134014853300673</c:v>
                </c:pt>
                <c:pt idx="1480">
                  <c:v>1.1940013503000613</c:v>
                </c:pt>
                <c:pt idx="1481">
                  <c:v>1.0746012152700553</c:v>
                </c:pt>
                <c:pt idx="1482">
                  <c:v>1.034801170260053</c:v>
                </c:pt>
                <c:pt idx="1483">
                  <c:v>0.83580094521004289</c:v>
                </c:pt>
                <c:pt idx="1484">
                  <c:v>0.61690069765503164</c:v>
                </c:pt>
                <c:pt idx="1485">
                  <c:v>0.61690069765503164</c:v>
                </c:pt>
                <c:pt idx="1486">
                  <c:v>0.61690069765503164</c:v>
                </c:pt>
                <c:pt idx="1487">
                  <c:v>0.61690069765503164</c:v>
                </c:pt>
                <c:pt idx="1488">
                  <c:v>0.77161746330385017</c:v>
                </c:pt>
                <c:pt idx="1489">
                  <c:v>0.89607189286898714</c:v>
                </c:pt>
                <c:pt idx="1490">
                  <c:v>0.89607189286898714</c:v>
                </c:pt>
                <c:pt idx="1491">
                  <c:v>0.89607189286898714</c:v>
                </c:pt>
                <c:pt idx="1492">
                  <c:v>0.89607189286898714</c:v>
                </c:pt>
                <c:pt idx="1493">
                  <c:v>1.1200898660862342</c:v>
                </c:pt>
                <c:pt idx="1494">
                  <c:v>1.3192169533904534</c:v>
                </c:pt>
                <c:pt idx="1495">
                  <c:v>1.5681258125207278</c:v>
                </c:pt>
                <c:pt idx="1496">
                  <c:v>1.5681258125207278</c:v>
                </c:pt>
                <c:pt idx="1497">
                  <c:v>1.5681258125207278</c:v>
                </c:pt>
                <c:pt idx="1498">
                  <c:v>1.5681258125207278</c:v>
                </c:pt>
                <c:pt idx="1499">
                  <c:v>1.5681258125207278</c:v>
                </c:pt>
                <c:pt idx="1500">
                  <c:v>1.5681258125207278</c:v>
                </c:pt>
                <c:pt idx="1501">
                  <c:v>1.5681258125207278</c:v>
                </c:pt>
                <c:pt idx="1502">
                  <c:v>1.5681258125207278</c:v>
                </c:pt>
                <c:pt idx="1503">
                  <c:v>1.3938896111295358</c:v>
                </c:pt>
                <c:pt idx="1504">
                  <c:v>1.3689987252165081</c:v>
                </c:pt>
                <c:pt idx="1505">
                  <c:v>1.1698716379122891</c:v>
                </c:pt>
                <c:pt idx="1506">
                  <c:v>1.0951989801732069</c:v>
                </c:pt>
                <c:pt idx="1507">
                  <c:v>0.92096277878201471</c:v>
                </c:pt>
                <c:pt idx="1508">
                  <c:v>0.77161746330385017</c:v>
                </c:pt>
                <c:pt idx="1509">
                  <c:v>0.67205391965174044</c:v>
                </c:pt>
                <c:pt idx="1510">
                  <c:v>0.67205391965174044</c:v>
                </c:pt>
                <c:pt idx="1511">
                  <c:v>0.67205391965174044</c:v>
                </c:pt>
                <c:pt idx="1512">
                  <c:v>0.40636925245482503</c:v>
                </c:pt>
                <c:pt idx="1513">
                  <c:v>0.40636925245482503</c:v>
                </c:pt>
                <c:pt idx="1514">
                  <c:v>0.40636925245482503</c:v>
                </c:pt>
                <c:pt idx="1515">
                  <c:v>0.40636925245482503</c:v>
                </c:pt>
                <c:pt idx="1516">
                  <c:v>0.40636925245482503</c:v>
                </c:pt>
                <c:pt idx="1517">
                  <c:v>1.7609334273042418</c:v>
                </c:pt>
                <c:pt idx="1518">
                  <c:v>1.9979821579028898</c:v>
                </c:pt>
                <c:pt idx="1519">
                  <c:v>1.9979821579028898</c:v>
                </c:pt>
                <c:pt idx="1520">
                  <c:v>1.9979821579028898</c:v>
                </c:pt>
                <c:pt idx="1521">
                  <c:v>2.1334385753878315</c:v>
                </c:pt>
                <c:pt idx="1522">
                  <c:v>2.1334385753878315</c:v>
                </c:pt>
                <c:pt idx="1523">
                  <c:v>2.7091283496988336</c:v>
                </c:pt>
                <c:pt idx="1524">
                  <c:v>2.7091283496988336</c:v>
                </c:pt>
                <c:pt idx="1525">
                  <c:v>1.7947975316754774</c:v>
                </c:pt>
                <c:pt idx="1526">
                  <c:v>2.7091283496988336</c:v>
                </c:pt>
                <c:pt idx="1527">
                  <c:v>2.7091283496988336</c:v>
                </c:pt>
                <c:pt idx="1528">
                  <c:v>2.7091283496988336</c:v>
                </c:pt>
                <c:pt idx="1529">
                  <c:v>2.7091283496988336</c:v>
                </c:pt>
                <c:pt idx="1530">
                  <c:v>2.7091283496988336</c:v>
                </c:pt>
                <c:pt idx="1531">
                  <c:v>2.2688949928727733</c:v>
                </c:pt>
                <c:pt idx="1532">
                  <c:v>1.8625257404179481</c:v>
                </c:pt>
                <c:pt idx="1533">
                  <c:v>1.3545641748494168</c:v>
                </c:pt>
                <c:pt idx="1534">
                  <c:v>1.2868359661069459</c:v>
                </c:pt>
                <c:pt idx="1535">
                  <c:v>1.2868359661069459</c:v>
                </c:pt>
                <c:pt idx="1536">
                  <c:v>1.2388959435042635</c:v>
                </c:pt>
                <c:pt idx="1537">
                  <c:v>1.2388959435042635</c:v>
                </c:pt>
                <c:pt idx="1538">
                  <c:v>1.2388959435042635</c:v>
                </c:pt>
                <c:pt idx="1539">
                  <c:v>1.2388959435042635</c:v>
                </c:pt>
                <c:pt idx="1540">
                  <c:v>1.2388959435042635</c:v>
                </c:pt>
                <c:pt idx="1541">
                  <c:v>1.6105647265555425</c:v>
                </c:pt>
                <c:pt idx="1542">
                  <c:v>1.7963991180811816</c:v>
                </c:pt>
                <c:pt idx="1543">
                  <c:v>1.8583439152563952</c:v>
                </c:pt>
                <c:pt idx="1544">
                  <c:v>1.8583439152563952</c:v>
                </c:pt>
                <c:pt idx="1545">
                  <c:v>2.0132059081944278</c:v>
                </c:pt>
                <c:pt idx="1546">
                  <c:v>2.1061231039572474</c:v>
                </c:pt>
                <c:pt idx="1547">
                  <c:v>2.4777918870085269</c:v>
                </c:pt>
                <c:pt idx="1548">
                  <c:v>2.4777918870085269</c:v>
                </c:pt>
                <c:pt idx="1549">
                  <c:v>2.4777918870085269</c:v>
                </c:pt>
                <c:pt idx="1550">
                  <c:v>2.4777918870085269</c:v>
                </c:pt>
                <c:pt idx="1551">
                  <c:v>2.4777918870085269</c:v>
                </c:pt>
                <c:pt idx="1552">
                  <c:v>2.4777918870085269</c:v>
                </c:pt>
                <c:pt idx="1553">
                  <c:v>2.4777918870085269</c:v>
                </c:pt>
                <c:pt idx="1554">
                  <c:v>2.4777918870085269</c:v>
                </c:pt>
                <c:pt idx="1555">
                  <c:v>2.0751507053696412</c:v>
                </c:pt>
                <c:pt idx="1556">
                  <c:v>1.7034819223183619</c:v>
                </c:pt>
                <c:pt idx="1557">
                  <c:v>1.2388959435042635</c:v>
                </c:pt>
                <c:pt idx="1558">
                  <c:v>1.2388959435042635</c:v>
                </c:pt>
                <c:pt idx="1559">
                  <c:v>1.2388959435042635</c:v>
                </c:pt>
                <c:pt idx="1560">
                  <c:v>1.1267591163668074</c:v>
                </c:pt>
                <c:pt idx="1561">
                  <c:v>1.2676040059126581</c:v>
                </c:pt>
                <c:pt idx="1562">
                  <c:v>1.2676040059126581</c:v>
                </c:pt>
                <c:pt idx="1563">
                  <c:v>1.2676040059126581</c:v>
                </c:pt>
                <c:pt idx="1564">
                  <c:v>1.2676040059126581</c:v>
                </c:pt>
                <c:pt idx="1565">
                  <c:v>1.6338007187318704</c:v>
                </c:pt>
                <c:pt idx="1566">
                  <c:v>1.8873215199144022</c:v>
                </c:pt>
                <c:pt idx="1567">
                  <c:v>1.8873215199144022</c:v>
                </c:pt>
                <c:pt idx="1568">
                  <c:v>1.8873215199144022</c:v>
                </c:pt>
                <c:pt idx="1569">
                  <c:v>2.028166409460253</c:v>
                </c:pt>
                <c:pt idx="1570">
                  <c:v>2.1971802769152742</c:v>
                </c:pt>
                <c:pt idx="1571">
                  <c:v>2.5352080118253162</c:v>
                </c:pt>
                <c:pt idx="1572">
                  <c:v>2.5352080118253162</c:v>
                </c:pt>
                <c:pt idx="1573">
                  <c:v>2.5352080118253162</c:v>
                </c:pt>
                <c:pt idx="1574">
                  <c:v>2.5352080118253162</c:v>
                </c:pt>
                <c:pt idx="1575">
                  <c:v>2.5352080118253162</c:v>
                </c:pt>
                <c:pt idx="1576">
                  <c:v>2.5352080118253162</c:v>
                </c:pt>
                <c:pt idx="1577">
                  <c:v>2.5352080118253162</c:v>
                </c:pt>
                <c:pt idx="1578">
                  <c:v>2.5352080118253162</c:v>
                </c:pt>
                <c:pt idx="1579">
                  <c:v>2.1126733431877631</c:v>
                </c:pt>
                <c:pt idx="1580">
                  <c:v>1.6901386745502107</c:v>
                </c:pt>
                <c:pt idx="1581">
                  <c:v>1.2676040059126581</c:v>
                </c:pt>
                <c:pt idx="1582">
                  <c:v>1.2676040059126581</c:v>
                </c:pt>
                <c:pt idx="1583">
                  <c:v>1.2676040059126581</c:v>
                </c:pt>
                <c:pt idx="1584">
                  <c:v>1.2940000180972397</c:v>
                </c:pt>
                <c:pt idx="1585">
                  <c:v>1.2940000180972397</c:v>
                </c:pt>
                <c:pt idx="1586">
                  <c:v>1.2940000180972397</c:v>
                </c:pt>
                <c:pt idx="1587">
                  <c:v>1.2940000180972397</c:v>
                </c:pt>
                <c:pt idx="1588">
                  <c:v>1.2940000180972397</c:v>
                </c:pt>
                <c:pt idx="1589">
                  <c:v>1.6678222455475533</c:v>
                </c:pt>
                <c:pt idx="1590">
                  <c:v>1.9266222491670013</c:v>
                </c:pt>
                <c:pt idx="1591">
                  <c:v>1.9266222491670013</c:v>
                </c:pt>
                <c:pt idx="1592">
                  <c:v>1.9266222491670013</c:v>
                </c:pt>
                <c:pt idx="1593">
                  <c:v>2.0704000289555831</c:v>
                </c:pt>
                <c:pt idx="1594">
                  <c:v>2.2429333647018823</c:v>
                </c:pt>
                <c:pt idx="1595">
                  <c:v>2.5880000361944795</c:v>
                </c:pt>
                <c:pt idx="1596">
                  <c:v>2.5880000361944795</c:v>
                </c:pt>
                <c:pt idx="1597">
                  <c:v>2.5880000361944795</c:v>
                </c:pt>
                <c:pt idx="1598">
                  <c:v>2.5880000361944795</c:v>
                </c:pt>
                <c:pt idx="1599">
                  <c:v>2.5880000361944795</c:v>
                </c:pt>
                <c:pt idx="1600">
                  <c:v>2.5880000361944795</c:v>
                </c:pt>
                <c:pt idx="1601">
                  <c:v>2.5880000361944795</c:v>
                </c:pt>
                <c:pt idx="1602">
                  <c:v>2.5880000361944795</c:v>
                </c:pt>
                <c:pt idx="1603">
                  <c:v>2.1566666968287325</c:v>
                </c:pt>
                <c:pt idx="1604">
                  <c:v>1.7253333574629865</c:v>
                </c:pt>
                <c:pt idx="1605">
                  <c:v>1.2940000180972397</c:v>
                </c:pt>
                <c:pt idx="1606">
                  <c:v>1.2940000180972397</c:v>
                </c:pt>
                <c:pt idx="1607">
                  <c:v>1.2940000180972397</c:v>
                </c:pt>
                <c:pt idx="1608">
                  <c:v>1.4391500058000457</c:v>
                </c:pt>
                <c:pt idx="1609">
                  <c:v>1.4391500058000457</c:v>
                </c:pt>
                <c:pt idx="1610">
                  <c:v>1.4391500058000457</c:v>
                </c:pt>
                <c:pt idx="1611">
                  <c:v>1.4391500058000457</c:v>
                </c:pt>
                <c:pt idx="1612">
                  <c:v>1.4391500058000457</c:v>
                </c:pt>
                <c:pt idx="1613">
                  <c:v>1.8549044519200588</c:v>
                </c:pt>
                <c:pt idx="1614">
                  <c:v>2.2386777868000713</c:v>
                </c:pt>
                <c:pt idx="1615">
                  <c:v>2.2386777868000713</c:v>
                </c:pt>
                <c:pt idx="1616">
                  <c:v>2.2386777868000713</c:v>
                </c:pt>
                <c:pt idx="1617">
                  <c:v>2.3985833430000763</c:v>
                </c:pt>
                <c:pt idx="1618">
                  <c:v>2.4945266767200791</c:v>
                </c:pt>
                <c:pt idx="1619">
                  <c:v>2.8783000116000914</c:v>
                </c:pt>
                <c:pt idx="1620">
                  <c:v>2.8783000116000914</c:v>
                </c:pt>
                <c:pt idx="1621">
                  <c:v>2.8783000116000914</c:v>
                </c:pt>
                <c:pt idx="1622">
                  <c:v>2.8783000116000914</c:v>
                </c:pt>
                <c:pt idx="1623">
                  <c:v>2.3985833430000763</c:v>
                </c:pt>
                <c:pt idx="1624">
                  <c:v>2.2706588980400721</c:v>
                </c:pt>
                <c:pt idx="1625">
                  <c:v>2.2706588980400721</c:v>
                </c:pt>
                <c:pt idx="1626">
                  <c:v>2.2706588980400721</c:v>
                </c:pt>
                <c:pt idx="1627">
                  <c:v>2.2706588980400721</c:v>
                </c:pt>
                <c:pt idx="1628">
                  <c:v>1.758961118200056</c:v>
                </c:pt>
                <c:pt idx="1629">
                  <c:v>0.67160333604002143</c:v>
                </c:pt>
                <c:pt idx="1630">
                  <c:v>0.67160333604002143</c:v>
                </c:pt>
                <c:pt idx="1631">
                  <c:v>0.67160333604002143</c:v>
                </c:pt>
                <c:pt idx="1632">
                  <c:v>0.50628287287715845</c:v>
                </c:pt>
                <c:pt idx="1633">
                  <c:v>0.98845703752207137</c:v>
                </c:pt>
                <c:pt idx="1634">
                  <c:v>0.98845703752207137</c:v>
                </c:pt>
                <c:pt idx="1635">
                  <c:v>0.98845703752207137</c:v>
                </c:pt>
                <c:pt idx="1636">
                  <c:v>0.98845703752207137</c:v>
                </c:pt>
                <c:pt idx="1637">
                  <c:v>1.2295441198445278</c:v>
                </c:pt>
                <c:pt idx="1638">
                  <c:v>1.5429573268637211</c:v>
                </c:pt>
                <c:pt idx="1639">
                  <c:v>1.7599357009539323</c:v>
                </c:pt>
                <c:pt idx="1640">
                  <c:v>1.7599357009539323</c:v>
                </c:pt>
                <c:pt idx="1641">
                  <c:v>1.7599357009539323</c:v>
                </c:pt>
                <c:pt idx="1642">
                  <c:v>1.7599357009539323</c:v>
                </c:pt>
                <c:pt idx="1643">
                  <c:v>1.7599357009539323</c:v>
                </c:pt>
                <c:pt idx="1644">
                  <c:v>1.7599357009539323</c:v>
                </c:pt>
                <c:pt idx="1645">
                  <c:v>1.7599357009539323</c:v>
                </c:pt>
                <c:pt idx="1646">
                  <c:v>1.7599357009539323</c:v>
                </c:pt>
                <c:pt idx="1647">
                  <c:v>1.5911747433282124</c:v>
                </c:pt>
                <c:pt idx="1648">
                  <c:v>1.4465224939347388</c:v>
                </c:pt>
                <c:pt idx="1649">
                  <c:v>1.3018702445412647</c:v>
                </c:pt>
                <c:pt idx="1650">
                  <c:v>1.2536528280767734</c:v>
                </c:pt>
                <c:pt idx="1651">
                  <c:v>1.0125657457543169</c:v>
                </c:pt>
                <c:pt idx="1652">
                  <c:v>0.74736995519961491</c:v>
                </c:pt>
                <c:pt idx="1653">
                  <c:v>0.74736995519961491</c:v>
                </c:pt>
                <c:pt idx="1654">
                  <c:v>0.74736995519961491</c:v>
                </c:pt>
                <c:pt idx="1655">
                  <c:v>0.74736995519961491</c:v>
                </c:pt>
                <c:pt idx="1656">
                  <c:v>0.82023436487696821</c:v>
                </c:pt>
                <c:pt idx="1657">
                  <c:v>0.95253023017970495</c:v>
                </c:pt>
                <c:pt idx="1658">
                  <c:v>0.95253023017970495</c:v>
                </c:pt>
                <c:pt idx="1659">
                  <c:v>0.95253023017970495</c:v>
                </c:pt>
                <c:pt idx="1660">
                  <c:v>0.95253023017970495</c:v>
                </c:pt>
                <c:pt idx="1661">
                  <c:v>1.1906627877246314</c:v>
                </c:pt>
                <c:pt idx="1662">
                  <c:v>1.4023361722090102</c:v>
                </c:pt>
                <c:pt idx="1663">
                  <c:v>1.6669279028144839</c:v>
                </c:pt>
                <c:pt idx="1664">
                  <c:v>1.6669279028144839</c:v>
                </c:pt>
                <c:pt idx="1665">
                  <c:v>1.6669279028144839</c:v>
                </c:pt>
                <c:pt idx="1666">
                  <c:v>1.6669279028144839</c:v>
                </c:pt>
                <c:pt idx="1667">
                  <c:v>1.6669279028144839</c:v>
                </c:pt>
                <c:pt idx="1668">
                  <c:v>1.6669279028144839</c:v>
                </c:pt>
                <c:pt idx="1669">
                  <c:v>1.6669279028144839</c:v>
                </c:pt>
                <c:pt idx="1670">
                  <c:v>1.6669279028144839</c:v>
                </c:pt>
                <c:pt idx="1671">
                  <c:v>1.4817136913906523</c:v>
                </c:pt>
                <c:pt idx="1672">
                  <c:v>1.4552545183301051</c:v>
                </c:pt>
                <c:pt idx="1673">
                  <c:v>1.2435811338457261</c:v>
                </c:pt>
                <c:pt idx="1674">
                  <c:v>1.164203614664084</c:v>
                </c:pt>
                <c:pt idx="1675">
                  <c:v>0.97898940324025252</c:v>
                </c:pt>
                <c:pt idx="1676">
                  <c:v>0.82023436487696821</c:v>
                </c:pt>
                <c:pt idx="1677">
                  <c:v>0.71439767263477894</c:v>
                </c:pt>
                <c:pt idx="1678">
                  <c:v>0.71439767263477894</c:v>
                </c:pt>
                <c:pt idx="1679">
                  <c:v>0.71439767263477894</c:v>
                </c:pt>
                <c:pt idx="1680">
                  <c:v>0.41846109050015656</c:v>
                </c:pt>
                <c:pt idx="1681">
                  <c:v>0.41846109050015656</c:v>
                </c:pt>
                <c:pt idx="1682">
                  <c:v>0.41846109050015656</c:v>
                </c:pt>
                <c:pt idx="1683">
                  <c:v>0.41846109050015656</c:v>
                </c:pt>
                <c:pt idx="1684">
                  <c:v>0.41846109050015656</c:v>
                </c:pt>
                <c:pt idx="1685">
                  <c:v>1.8133313921673453</c:v>
                </c:pt>
                <c:pt idx="1686">
                  <c:v>2.0574336949591032</c:v>
                </c:pt>
                <c:pt idx="1687">
                  <c:v>2.0574336949591032</c:v>
                </c:pt>
                <c:pt idx="1688">
                  <c:v>2.0574336949591032</c:v>
                </c:pt>
                <c:pt idx="1689">
                  <c:v>2.196920725125822</c:v>
                </c:pt>
                <c:pt idx="1690">
                  <c:v>2.196920725125822</c:v>
                </c:pt>
                <c:pt idx="1691">
                  <c:v>2.7897406033343777</c:v>
                </c:pt>
                <c:pt idx="1692">
                  <c:v>2.7897406033343777</c:v>
                </c:pt>
                <c:pt idx="1693">
                  <c:v>1.848203149709025</c:v>
                </c:pt>
                <c:pt idx="1694">
                  <c:v>2.7897406033343777</c:v>
                </c:pt>
                <c:pt idx="1695">
                  <c:v>2.7897406033343777</c:v>
                </c:pt>
                <c:pt idx="1696">
                  <c:v>2.7897406033343777</c:v>
                </c:pt>
                <c:pt idx="1697">
                  <c:v>2.7897406033343777</c:v>
                </c:pt>
                <c:pt idx="1698">
                  <c:v>2.7897406033343777</c:v>
                </c:pt>
                <c:pt idx="1699">
                  <c:v>2.3364077552925413</c:v>
                </c:pt>
                <c:pt idx="1700">
                  <c:v>1.9179466647923844</c:v>
                </c:pt>
                <c:pt idx="1701">
                  <c:v>1.3948703016671888</c:v>
                </c:pt>
                <c:pt idx="1702">
                  <c:v>1.325126786583829</c:v>
                </c:pt>
                <c:pt idx="1703">
                  <c:v>1.325126786583829</c:v>
                </c:pt>
                <c:pt idx="1704">
                  <c:v>1.1884485321831568</c:v>
                </c:pt>
                <c:pt idx="1705">
                  <c:v>1.1884485321831568</c:v>
                </c:pt>
                <c:pt idx="1706">
                  <c:v>1.1884485321831568</c:v>
                </c:pt>
                <c:pt idx="1707">
                  <c:v>1.1884485321831568</c:v>
                </c:pt>
                <c:pt idx="1708">
                  <c:v>1.1884485321831568</c:v>
                </c:pt>
                <c:pt idx="1709">
                  <c:v>1.5449830918381036</c:v>
                </c:pt>
                <c:pt idx="1710">
                  <c:v>1.7232503716655772</c:v>
                </c:pt>
                <c:pt idx="1711">
                  <c:v>1.7826727982747352</c:v>
                </c:pt>
                <c:pt idx="1712">
                  <c:v>1.7826727982747352</c:v>
                </c:pt>
                <c:pt idx="1713">
                  <c:v>1.9312288647976295</c:v>
                </c:pt>
                <c:pt idx="1714">
                  <c:v>2.020362504711366</c:v>
                </c:pt>
                <c:pt idx="1715">
                  <c:v>2.3768970643663136</c:v>
                </c:pt>
                <c:pt idx="1716">
                  <c:v>2.3768970643663136</c:v>
                </c:pt>
                <c:pt idx="1717">
                  <c:v>2.3768970643663136</c:v>
                </c:pt>
                <c:pt idx="1718">
                  <c:v>2.3768970643663136</c:v>
                </c:pt>
                <c:pt idx="1719">
                  <c:v>2.3768970643663136</c:v>
                </c:pt>
                <c:pt idx="1720">
                  <c:v>2.3768970643663136</c:v>
                </c:pt>
                <c:pt idx="1721">
                  <c:v>2.3768970643663136</c:v>
                </c:pt>
                <c:pt idx="1722">
                  <c:v>2.3768970643663136</c:v>
                </c:pt>
                <c:pt idx="1723">
                  <c:v>1.9906512914067878</c:v>
                </c:pt>
                <c:pt idx="1724">
                  <c:v>1.6341167317518406</c:v>
                </c:pt>
                <c:pt idx="1725">
                  <c:v>1.1884485321831568</c:v>
                </c:pt>
                <c:pt idx="1726">
                  <c:v>1.1884485321831568</c:v>
                </c:pt>
                <c:pt idx="1727">
                  <c:v>1.1884485321831568</c:v>
                </c:pt>
                <c:pt idx="1728">
                  <c:v>1.0547180941466725</c:v>
                </c:pt>
                <c:pt idx="1729">
                  <c:v>1.1865578559150065</c:v>
                </c:pt>
                <c:pt idx="1730">
                  <c:v>1.1865578559150065</c:v>
                </c:pt>
                <c:pt idx="1731">
                  <c:v>1.1865578559150065</c:v>
                </c:pt>
                <c:pt idx="1732">
                  <c:v>1.1865578559150065</c:v>
                </c:pt>
                <c:pt idx="1733">
                  <c:v>1.5293412365126751</c:v>
                </c:pt>
                <c:pt idx="1734">
                  <c:v>1.7666528076956765</c:v>
                </c:pt>
                <c:pt idx="1735">
                  <c:v>1.7666528076956765</c:v>
                </c:pt>
                <c:pt idx="1736">
                  <c:v>1.7666528076956765</c:v>
                </c:pt>
                <c:pt idx="1737">
                  <c:v>1.8984925694640105</c:v>
                </c:pt>
                <c:pt idx="1738">
                  <c:v>2.0567002835860113</c:v>
                </c:pt>
                <c:pt idx="1739">
                  <c:v>2.373115711830013</c:v>
                </c:pt>
                <c:pt idx="1740">
                  <c:v>2.373115711830013</c:v>
                </c:pt>
                <c:pt idx="1741">
                  <c:v>2.373115711830013</c:v>
                </c:pt>
                <c:pt idx="1742">
                  <c:v>2.373115711830013</c:v>
                </c:pt>
                <c:pt idx="1743">
                  <c:v>2.373115711830013</c:v>
                </c:pt>
                <c:pt idx="1744">
                  <c:v>2.373115711830013</c:v>
                </c:pt>
                <c:pt idx="1745">
                  <c:v>2.373115711830013</c:v>
                </c:pt>
                <c:pt idx="1746">
                  <c:v>2.373115711830013</c:v>
                </c:pt>
                <c:pt idx="1747">
                  <c:v>1.977596426525011</c:v>
                </c:pt>
                <c:pt idx="1748">
                  <c:v>1.5820771412200088</c:v>
                </c:pt>
                <c:pt idx="1749">
                  <c:v>1.1865578559150065</c:v>
                </c:pt>
                <c:pt idx="1750">
                  <c:v>1.1865578559150065</c:v>
                </c:pt>
                <c:pt idx="1751">
                  <c:v>1.1865578559150065</c:v>
                </c:pt>
                <c:pt idx="1752">
                  <c:v>1.1677552936069786</c:v>
                </c:pt>
                <c:pt idx="1753">
                  <c:v>1.1677552936069786</c:v>
                </c:pt>
                <c:pt idx="1754">
                  <c:v>1.1677552936069786</c:v>
                </c:pt>
                <c:pt idx="1755">
                  <c:v>1.1677552936069786</c:v>
                </c:pt>
                <c:pt idx="1756">
                  <c:v>1.1677552936069786</c:v>
                </c:pt>
                <c:pt idx="1757">
                  <c:v>1.5051068228712172</c:v>
                </c:pt>
                <c:pt idx="1758">
                  <c:v>1.7386578815926128</c:v>
                </c:pt>
                <c:pt idx="1759">
                  <c:v>1.7386578815926128</c:v>
                </c:pt>
                <c:pt idx="1760">
                  <c:v>1.7386578815926128</c:v>
                </c:pt>
                <c:pt idx="1761">
                  <c:v>1.868408469771166</c:v>
                </c:pt>
                <c:pt idx="1762">
                  <c:v>2.0241091755854299</c:v>
                </c:pt>
                <c:pt idx="1763">
                  <c:v>2.3355105872139572</c:v>
                </c:pt>
                <c:pt idx="1764">
                  <c:v>2.3355105872139572</c:v>
                </c:pt>
                <c:pt idx="1765">
                  <c:v>2.3355105872139572</c:v>
                </c:pt>
                <c:pt idx="1766">
                  <c:v>2.3355105872139572</c:v>
                </c:pt>
                <c:pt idx="1767">
                  <c:v>2.3355105872139572</c:v>
                </c:pt>
                <c:pt idx="1768">
                  <c:v>2.3355105872139572</c:v>
                </c:pt>
                <c:pt idx="1769">
                  <c:v>2.3355105872139572</c:v>
                </c:pt>
                <c:pt idx="1770">
                  <c:v>2.3355105872139572</c:v>
                </c:pt>
                <c:pt idx="1771">
                  <c:v>1.946258822678298</c:v>
                </c:pt>
                <c:pt idx="1772">
                  <c:v>1.5570070581426385</c:v>
                </c:pt>
                <c:pt idx="1773">
                  <c:v>1.1677552936069786</c:v>
                </c:pt>
                <c:pt idx="1774">
                  <c:v>1.1677552936069786</c:v>
                </c:pt>
                <c:pt idx="1775">
                  <c:v>1.1677552936069786</c:v>
                </c:pt>
                <c:pt idx="1776">
                  <c:v>1.2806259041933223</c:v>
                </c:pt>
                <c:pt idx="1777">
                  <c:v>1.2806259041933223</c:v>
                </c:pt>
                <c:pt idx="1778">
                  <c:v>1.2806259041933223</c:v>
                </c:pt>
                <c:pt idx="1779">
                  <c:v>1.2806259041933223</c:v>
                </c:pt>
                <c:pt idx="1780">
                  <c:v>1.2806259041933223</c:v>
                </c:pt>
                <c:pt idx="1781">
                  <c:v>1.65058449873806</c:v>
                </c:pt>
                <c:pt idx="1782">
                  <c:v>1.9920847398562793</c:v>
                </c:pt>
                <c:pt idx="1783">
                  <c:v>1.9920847398562793</c:v>
                </c:pt>
                <c:pt idx="1784">
                  <c:v>1.9920847398562793</c:v>
                </c:pt>
                <c:pt idx="1785">
                  <c:v>2.1343765069888705</c:v>
                </c:pt>
                <c:pt idx="1786">
                  <c:v>2.2197515672684256</c:v>
                </c:pt>
                <c:pt idx="1787">
                  <c:v>2.5612518083866447</c:v>
                </c:pt>
                <c:pt idx="1788">
                  <c:v>2.5612518083866447</c:v>
                </c:pt>
                <c:pt idx="1789">
                  <c:v>2.5612518083866447</c:v>
                </c:pt>
                <c:pt idx="1790">
                  <c:v>2.5612518083866447</c:v>
                </c:pt>
                <c:pt idx="1791">
                  <c:v>2.1343765069888705</c:v>
                </c:pt>
                <c:pt idx="1792">
                  <c:v>2.0205430932827975</c:v>
                </c:pt>
                <c:pt idx="1793">
                  <c:v>2.0205430932827975</c:v>
                </c:pt>
                <c:pt idx="1794">
                  <c:v>2.0205430932827975</c:v>
                </c:pt>
                <c:pt idx="1795">
                  <c:v>2.0205430932827975</c:v>
                </c:pt>
                <c:pt idx="1796">
                  <c:v>1.5652094384585049</c:v>
                </c:pt>
                <c:pt idx="1797">
                  <c:v>0.59762542195688373</c:v>
                </c:pt>
                <c:pt idx="1798">
                  <c:v>0.59762542195688373</c:v>
                </c:pt>
                <c:pt idx="1799">
                  <c:v>0.59762542195688373</c:v>
                </c:pt>
                <c:pt idx="1800">
                  <c:v>0.3903715282579624</c:v>
                </c:pt>
                <c:pt idx="1801">
                  <c:v>0.76215393612268867</c:v>
                </c:pt>
                <c:pt idx="1802">
                  <c:v>0.76215393612268867</c:v>
                </c:pt>
                <c:pt idx="1803">
                  <c:v>0.76215393612268867</c:v>
                </c:pt>
                <c:pt idx="1804">
                  <c:v>0.76215393612268867</c:v>
                </c:pt>
                <c:pt idx="1805">
                  <c:v>0.94804514005505169</c:v>
                </c:pt>
                <c:pt idx="1806">
                  <c:v>1.1897037051671238</c:v>
                </c:pt>
                <c:pt idx="1807">
                  <c:v>1.3570057887062503</c:v>
                </c:pt>
                <c:pt idx="1808">
                  <c:v>1.3570057887062503</c:v>
                </c:pt>
                <c:pt idx="1809">
                  <c:v>1.3570057887062503</c:v>
                </c:pt>
                <c:pt idx="1810">
                  <c:v>1.3570057887062503</c:v>
                </c:pt>
                <c:pt idx="1811">
                  <c:v>1.3570057887062503</c:v>
                </c:pt>
                <c:pt idx="1812">
                  <c:v>1.3570057887062503</c:v>
                </c:pt>
                <c:pt idx="1813">
                  <c:v>1.3570057887062503</c:v>
                </c:pt>
                <c:pt idx="1814">
                  <c:v>1.3570057887062503</c:v>
                </c:pt>
                <c:pt idx="1815">
                  <c:v>1.2268819459535962</c:v>
                </c:pt>
                <c:pt idx="1816">
                  <c:v>1.1153472235941786</c:v>
                </c:pt>
                <c:pt idx="1817">
                  <c:v>1.0038125012347605</c:v>
                </c:pt>
                <c:pt idx="1818">
                  <c:v>0.96663426044828793</c:v>
                </c:pt>
                <c:pt idx="1819">
                  <c:v>0.78074305651592479</c:v>
                </c:pt>
                <c:pt idx="1820">
                  <c:v>0.57626273219032542</c:v>
                </c:pt>
                <c:pt idx="1821">
                  <c:v>0.57626273219032542</c:v>
                </c:pt>
                <c:pt idx="1822">
                  <c:v>0.57626273219032542</c:v>
                </c:pt>
                <c:pt idx="1823">
                  <c:v>0.57626273219032542</c:v>
                </c:pt>
                <c:pt idx="1824">
                  <c:v>0.68653788555089346</c:v>
                </c:pt>
                <c:pt idx="1825">
                  <c:v>0.79726980257523106</c:v>
                </c:pt>
                <c:pt idx="1826">
                  <c:v>0.79726980257523106</c:v>
                </c:pt>
                <c:pt idx="1827">
                  <c:v>0.79726980257523106</c:v>
                </c:pt>
                <c:pt idx="1828">
                  <c:v>0.79726980257523106</c:v>
                </c:pt>
                <c:pt idx="1829">
                  <c:v>0.99658725321903885</c:v>
                </c:pt>
                <c:pt idx="1830">
                  <c:v>1.1737583204579791</c:v>
                </c:pt>
                <c:pt idx="1831">
                  <c:v>1.3952221545066545</c:v>
                </c:pt>
                <c:pt idx="1832">
                  <c:v>1.3952221545066545</c:v>
                </c:pt>
                <c:pt idx="1833">
                  <c:v>1.3952221545066545</c:v>
                </c:pt>
                <c:pt idx="1834">
                  <c:v>1.3952221545066545</c:v>
                </c:pt>
                <c:pt idx="1835">
                  <c:v>1.3952221545066545</c:v>
                </c:pt>
                <c:pt idx="1836">
                  <c:v>1.3952221545066545</c:v>
                </c:pt>
                <c:pt idx="1837">
                  <c:v>1.3952221545066545</c:v>
                </c:pt>
                <c:pt idx="1838">
                  <c:v>1.3952221545066545</c:v>
                </c:pt>
                <c:pt idx="1839">
                  <c:v>1.2401974706725818</c:v>
                </c:pt>
                <c:pt idx="1840">
                  <c:v>1.2180510872677142</c:v>
                </c:pt>
                <c:pt idx="1841">
                  <c:v>1.040880020028774</c:v>
                </c:pt>
                <c:pt idx="1842">
                  <c:v>0.97444086981417144</c:v>
                </c:pt>
                <c:pt idx="1843">
                  <c:v>0.81941618598009869</c:v>
                </c:pt>
                <c:pt idx="1844">
                  <c:v>0.68653788555089346</c:v>
                </c:pt>
                <c:pt idx="1845">
                  <c:v>0.59795235193142338</c:v>
                </c:pt>
                <c:pt idx="1846">
                  <c:v>0.59795235193142338</c:v>
                </c:pt>
                <c:pt idx="1847">
                  <c:v>0.59795235193142338</c:v>
                </c:pt>
                <c:pt idx="1848">
                  <c:v>0.39197420716276377</c:v>
                </c:pt>
                <c:pt idx="1849">
                  <c:v>0.39197420716276377</c:v>
                </c:pt>
                <c:pt idx="1850">
                  <c:v>0.39197420716276377</c:v>
                </c:pt>
                <c:pt idx="1851">
                  <c:v>0.39197420716276377</c:v>
                </c:pt>
                <c:pt idx="1852">
                  <c:v>0.39197420716276377</c:v>
                </c:pt>
                <c:pt idx="1853">
                  <c:v>1.6985548977053095</c:v>
                </c:pt>
                <c:pt idx="1854">
                  <c:v>1.9272065185502552</c:v>
                </c:pt>
                <c:pt idx="1855">
                  <c:v>1.9272065185502552</c:v>
                </c:pt>
                <c:pt idx="1856">
                  <c:v>1.9272065185502552</c:v>
                </c:pt>
                <c:pt idx="1857">
                  <c:v>2.0578645876045099</c:v>
                </c:pt>
                <c:pt idx="1858">
                  <c:v>2.0578645876045099</c:v>
                </c:pt>
                <c:pt idx="1859">
                  <c:v>2.6131613810850918</c:v>
                </c:pt>
                <c:pt idx="1860">
                  <c:v>2.6131613810850918</c:v>
                </c:pt>
                <c:pt idx="1861">
                  <c:v>1.7312194149688731</c:v>
                </c:pt>
                <c:pt idx="1862">
                  <c:v>2.6131613810850918</c:v>
                </c:pt>
                <c:pt idx="1863">
                  <c:v>2.6131613810850918</c:v>
                </c:pt>
                <c:pt idx="1864">
                  <c:v>2.6131613810850918</c:v>
                </c:pt>
                <c:pt idx="1865">
                  <c:v>2.6131613810850918</c:v>
                </c:pt>
                <c:pt idx="1866">
                  <c:v>2.6131613810850918</c:v>
                </c:pt>
                <c:pt idx="1867">
                  <c:v>2.1885226566587646</c:v>
                </c:pt>
                <c:pt idx="1868">
                  <c:v>1.7965484494960005</c:v>
                </c:pt>
                <c:pt idx="1869">
                  <c:v>1.3065806905425459</c:v>
                </c:pt>
                <c:pt idx="1870">
                  <c:v>1.2412516560154183</c:v>
                </c:pt>
                <c:pt idx="1871">
                  <c:v>1.2412516560154183</c:v>
                </c:pt>
                <c:pt idx="1872">
                  <c:v>1.1321837321560646</c:v>
                </c:pt>
                <c:pt idx="1873">
                  <c:v>1.1321837321560646</c:v>
                </c:pt>
                <c:pt idx="1874">
                  <c:v>1.1321837321560646</c:v>
                </c:pt>
                <c:pt idx="1875">
                  <c:v>1.1321837321560646</c:v>
                </c:pt>
                <c:pt idx="1876">
                  <c:v>1.1321837321560646</c:v>
                </c:pt>
                <c:pt idx="1877">
                  <c:v>1.4718388518028838</c:v>
                </c:pt>
                <c:pt idx="1878">
                  <c:v>1.6416664116262936</c:v>
                </c:pt>
                <c:pt idx="1879">
                  <c:v>1.6982755982340969</c:v>
                </c:pt>
                <c:pt idx="1880">
                  <c:v>1.6982755982340969</c:v>
                </c:pt>
                <c:pt idx="1881">
                  <c:v>1.839798564753605</c:v>
                </c:pt>
                <c:pt idx="1882">
                  <c:v>1.9247123446653096</c:v>
                </c:pt>
                <c:pt idx="1883">
                  <c:v>2.2643674643121292</c:v>
                </c:pt>
                <c:pt idx="1884">
                  <c:v>2.2643674643121292</c:v>
                </c:pt>
                <c:pt idx="1885">
                  <c:v>2.2643674643121292</c:v>
                </c:pt>
                <c:pt idx="1886">
                  <c:v>2.2643674643121292</c:v>
                </c:pt>
                <c:pt idx="1887">
                  <c:v>2.2643674643121292</c:v>
                </c:pt>
                <c:pt idx="1888">
                  <c:v>2.2643674643121292</c:v>
                </c:pt>
                <c:pt idx="1889">
                  <c:v>2.2643674643121292</c:v>
                </c:pt>
                <c:pt idx="1890">
                  <c:v>2.2643674643121292</c:v>
                </c:pt>
                <c:pt idx="1891">
                  <c:v>1.8964077513614082</c:v>
                </c:pt>
                <c:pt idx="1892">
                  <c:v>1.556752631714589</c:v>
                </c:pt>
                <c:pt idx="1893">
                  <c:v>1.1321837321560646</c:v>
                </c:pt>
                <c:pt idx="1894">
                  <c:v>1.1321837321560646</c:v>
                </c:pt>
                <c:pt idx="1895">
                  <c:v>1.1321837321560646</c:v>
                </c:pt>
                <c:pt idx="1896">
                  <c:v>1.0352069839620528</c:v>
                </c:pt>
                <c:pt idx="1897">
                  <c:v>1.1646078569573093</c:v>
                </c:pt>
                <c:pt idx="1898">
                  <c:v>1.1646078569573093</c:v>
                </c:pt>
                <c:pt idx="1899">
                  <c:v>1.1646078569573093</c:v>
                </c:pt>
                <c:pt idx="1900">
                  <c:v>1.1646078569573093</c:v>
                </c:pt>
                <c:pt idx="1901">
                  <c:v>1.5010501267449763</c:v>
                </c:pt>
                <c:pt idx="1902">
                  <c:v>1.7339716981364386</c:v>
                </c:pt>
                <c:pt idx="1903">
                  <c:v>1.7339716981364386</c:v>
                </c:pt>
                <c:pt idx="1904">
                  <c:v>1.7339716981364386</c:v>
                </c:pt>
                <c:pt idx="1905">
                  <c:v>1.8633725711316946</c:v>
                </c:pt>
                <c:pt idx="1906">
                  <c:v>2.0186536187260029</c:v>
                </c:pt>
                <c:pt idx="1907">
                  <c:v>2.3292157139146186</c:v>
                </c:pt>
                <c:pt idx="1908">
                  <c:v>2.3292157139146186</c:v>
                </c:pt>
                <c:pt idx="1909">
                  <c:v>2.3292157139146186</c:v>
                </c:pt>
                <c:pt idx="1910">
                  <c:v>2.3292157139146186</c:v>
                </c:pt>
                <c:pt idx="1911">
                  <c:v>2.3292157139146186</c:v>
                </c:pt>
                <c:pt idx="1912">
                  <c:v>2.3292157139146186</c:v>
                </c:pt>
                <c:pt idx="1913">
                  <c:v>2.3292157139146186</c:v>
                </c:pt>
                <c:pt idx="1914">
                  <c:v>2.3292157139146186</c:v>
                </c:pt>
                <c:pt idx="1915">
                  <c:v>1.9410130949288489</c:v>
                </c:pt>
                <c:pt idx="1916">
                  <c:v>1.5528104759430792</c:v>
                </c:pt>
                <c:pt idx="1917">
                  <c:v>1.1646078569573093</c:v>
                </c:pt>
                <c:pt idx="1918">
                  <c:v>1.1646078569573093</c:v>
                </c:pt>
                <c:pt idx="1919">
                  <c:v>1.1646078569573093</c:v>
                </c:pt>
                <c:pt idx="1920">
                  <c:v>1.1761716085729963</c:v>
                </c:pt>
                <c:pt idx="1921">
                  <c:v>1.1761716085729963</c:v>
                </c:pt>
                <c:pt idx="1922">
                  <c:v>1.1761716085729963</c:v>
                </c:pt>
                <c:pt idx="1923">
                  <c:v>1.1761716085729963</c:v>
                </c:pt>
                <c:pt idx="1924">
                  <c:v>1.1761716085729963</c:v>
                </c:pt>
                <c:pt idx="1925">
                  <c:v>1.5159545177163063</c:v>
                </c:pt>
                <c:pt idx="1926">
                  <c:v>1.7511888394309061</c:v>
                </c:pt>
                <c:pt idx="1927">
                  <c:v>1.7511888394309061</c:v>
                </c:pt>
                <c:pt idx="1928">
                  <c:v>1.7511888394309061</c:v>
                </c:pt>
                <c:pt idx="1929">
                  <c:v>1.8818745737167946</c:v>
                </c:pt>
                <c:pt idx="1930">
                  <c:v>2.0386974548598604</c:v>
                </c:pt>
                <c:pt idx="1931">
                  <c:v>2.3523432171459926</c:v>
                </c:pt>
                <c:pt idx="1932">
                  <c:v>2.3523432171459926</c:v>
                </c:pt>
                <c:pt idx="1933">
                  <c:v>2.3523432171459926</c:v>
                </c:pt>
                <c:pt idx="1934">
                  <c:v>2.3523432171459926</c:v>
                </c:pt>
                <c:pt idx="1935">
                  <c:v>2.3523432171459926</c:v>
                </c:pt>
                <c:pt idx="1936">
                  <c:v>2.3523432171459926</c:v>
                </c:pt>
                <c:pt idx="1937">
                  <c:v>2.3523432171459926</c:v>
                </c:pt>
                <c:pt idx="1938">
                  <c:v>2.3523432171459926</c:v>
                </c:pt>
                <c:pt idx="1939">
                  <c:v>1.9602860142883274</c:v>
                </c:pt>
                <c:pt idx="1940">
                  <c:v>1.5682288114306622</c:v>
                </c:pt>
                <c:pt idx="1941">
                  <c:v>1.1761716085729963</c:v>
                </c:pt>
                <c:pt idx="1942">
                  <c:v>1.1761716085729963</c:v>
                </c:pt>
                <c:pt idx="1943">
                  <c:v>1.1761716085729963</c:v>
                </c:pt>
                <c:pt idx="1944">
                  <c:v>1.2695660831509923</c:v>
                </c:pt>
                <c:pt idx="1945">
                  <c:v>1.2695660831509923</c:v>
                </c:pt>
                <c:pt idx="1946">
                  <c:v>1.2695660831509923</c:v>
                </c:pt>
                <c:pt idx="1947">
                  <c:v>1.2695660831509923</c:v>
                </c:pt>
                <c:pt idx="1948">
                  <c:v>1.2695660831509923</c:v>
                </c:pt>
                <c:pt idx="1949">
                  <c:v>1.6363296182835012</c:v>
                </c:pt>
                <c:pt idx="1950">
                  <c:v>1.9748805737904329</c:v>
                </c:pt>
                <c:pt idx="1951">
                  <c:v>1.9748805737904329</c:v>
                </c:pt>
                <c:pt idx="1952">
                  <c:v>1.9748805737904329</c:v>
                </c:pt>
                <c:pt idx="1953">
                  <c:v>2.1159434719183206</c:v>
                </c:pt>
                <c:pt idx="1954">
                  <c:v>2.2005812107950535</c:v>
                </c:pt>
                <c:pt idx="1955">
                  <c:v>2.5391321663019846</c:v>
                </c:pt>
                <c:pt idx="1956">
                  <c:v>2.5391321663019846</c:v>
                </c:pt>
                <c:pt idx="1957">
                  <c:v>2.5391321663019846</c:v>
                </c:pt>
                <c:pt idx="1958">
                  <c:v>2.5391321663019846</c:v>
                </c:pt>
                <c:pt idx="1959">
                  <c:v>2.1159434719183206</c:v>
                </c:pt>
                <c:pt idx="1960">
                  <c:v>2.0030931534160104</c:v>
                </c:pt>
                <c:pt idx="1961">
                  <c:v>2.0030931534160104</c:v>
                </c:pt>
                <c:pt idx="1962">
                  <c:v>2.0030931534160104</c:v>
                </c:pt>
                <c:pt idx="1963">
                  <c:v>2.0030931534160104</c:v>
                </c:pt>
                <c:pt idx="1964">
                  <c:v>1.5516918794067682</c:v>
                </c:pt>
                <c:pt idx="1965">
                  <c:v>0.59246417213712976</c:v>
                </c:pt>
                <c:pt idx="1966">
                  <c:v>0.59246417213712976</c:v>
                </c:pt>
                <c:pt idx="1967">
                  <c:v>0.59246417213712976</c:v>
                </c:pt>
                <c:pt idx="1968">
                  <c:v>0.42659382345146113</c:v>
                </c:pt>
                <c:pt idx="1969">
                  <c:v>0.83287365530999558</c:v>
                </c:pt>
                <c:pt idx="1970">
                  <c:v>0.83287365530999558</c:v>
                </c:pt>
                <c:pt idx="1971">
                  <c:v>0.83287365530999558</c:v>
                </c:pt>
                <c:pt idx="1972">
                  <c:v>0.83287365530999558</c:v>
                </c:pt>
                <c:pt idx="1973">
                  <c:v>1.0360135712392629</c:v>
                </c:pt>
                <c:pt idx="1974">
                  <c:v>1.3000954619473102</c:v>
                </c:pt>
                <c:pt idx="1975">
                  <c:v>1.4829213862836506</c:v>
                </c:pt>
                <c:pt idx="1976">
                  <c:v>1.4829213862836506</c:v>
                </c:pt>
                <c:pt idx="1977">
                  <c:v>1.4829213862836506</c:v>
                </c:pt>
                <c:pt idx="1978">
                  <c:v>1.4829213862836506</c:v>
                </c:pt>
                <c:pt idx="1979">
                  <c:v>1.4829213862836506</c:v>
                </c:pt>
                <c:pt idx="1980">
                  <c:v>1.4829213862836506</c:v>
                </c:pt>
                <c:pt idx="1981">
                  <c:v>1.4829213862836506</c:v>
                </c:pt>
                <c:pt idx="1982">
                  <c:v>1.4829213862836506</c:v>
                </c:pt>
                <c:pt idx="1983">
                  <c:v>1.3407234451331635</c:v>
                </c:pt>
                <c:pt idx="1984">
                  <c:v>1.2188394955756032</c:v>
                </c:pt>
                <c:pt idx="1985">
                  <c:v>1.0969555460180431</c:v>
                </c:pt>
                <c:pt idx="1986">
                  <c:v>1.0563275628321893</c:v>
                </c:pt>
                <c:pt idx="1987">
                  <c:v>0.85318764690292226</c:v>
                </c:pt>
                <c:pt idx="1988">
                  <c:v>0.6297337393807283</c:v>
                </c:pt>
                <c:pt idx="1989">
                  <c:v>0.6297337393807283</c:v>
                </c:pt>
                <c:pt idx="1990">
                  <c:v>0.6297337393807283</c:v>
                </c:pt>
                <c:pt idx="1991">
                  <c:v>0.6297337393807283</c:v>
                </c:pt>
                <c:pt idx="1992">
                  <c:v>0.77647915346116203</c:v>
                </c:pt>
                <c:pt idx="1993">
                  <c:v>0.90171772660005911</c:v>
                </c:pt>
                <c:pt idx="1994">
                  <c:v>0.90171772660005911</c:v>
                </c:pt>
                <c:pt idx="1995">
                  <c:v>0.90171772660005911</c:v>
                </c:pt>
                <c:pt idx="1996">
                  <c:v>0.90171772660005911</c:v>
                </c:pt>
                <c:pt idx="1997">
                  <c:v>1.1271471582500738</c:v>
                </c:pt>
                <c:pt idx="1998">
                  <c:v>1.3275288752723093</c:v>
                </c:pt>
                <c:pt idx="1999">
                  <c:v>1.5780060215501035</c:v>
                </c:pt>
                <c:pt idx="2000">
                  <c:v>1.5780060215501035</c:v>
                </c:pt>
                <c:pt idx="2001">
                  <c:v>1.5780060215501035</c:v>
                </c:pt>
                <c:pt idx="2002">
                  <c:v>1.5780060215501035</c:v>
                </c:pt>
                <c:pt idx="2003">
                  <c:v>1.5780060215501035</c:v>
                </c:pt>
                <c:pt idx="2004">
                  <c:v>1.5780060215501035</c:v>
                </c:pt>
                <c:pt idx="2005">
                  <c:v>1.5780060215501035</c:v>
                </c:pt>
                <c:pt idx="2006">
                  <c:v>1.5780060215501035</c:v>
                </c:pt>
                <c:pt idx="2007">
                  <c:v>1.4026720191556474</c:v>
                </c:pt>
                <c:pt idx="2008">
                  <c:v>1.377624304527868</c:v>
                </c:pt>
                <c:pt idx="2009">
                  <c:v>1.1772425875056327</c:v>
                </c:pt>
                <c:pt idx="2010">
                  <c:v>1.1020994436222946</c:v>
                </c:pt>
                <c:pt idx="2011">
                  <c:v>0.92676544122783844</c:v>
                </c:pt>
                <c:pt idx="2012">
                  <c:v>0.77647915346116203</c:v>
                </c:pt>
                <c:pt idx="2013">
                  <c:v>0.67628829495004428</c:v>
                </c:pt>
                <c:pt idx="2014">
                  <c:v>0.67628829495004428</c:v>
                </c:pt>
                <c:pt idx="2015">
                  <c:v>0.67628829495004428</c:v>
                </c:pt>
                <c:pt idx="2016">
                  <c:v>0.41385467600669695</c:v>
                </c:pt>
                <c:pt idx="2017">
                  <c:v>0.41385467600669695</c:v>
                </c:pt>
                <c:pt idx="2018">
                  <c:v>0.41385467600669695</c:v>
                </c:pt>
                <c:pt idx="2019">
                  <c:v>0.41385467600669695</c:v>
                </c:pt>
                <c:pt idx="2020">
                  <c:v>0.41385467600669695</c:v>
                </c:pt>
                <c:pt idx="2021">
                  <c:v>1.7933702626956871</c:v>
                </c:pt>
                <c:pt idx="2022">
                  <c:v>2.0347854903662603</c:v>
                </c:pt>
                <c:pt idx="2023">
                  <c:v>2.0347854903662603</c:v>
                </c:pt>
                <c:pt idx="2024">
                  <c:v>2.0347854903662603</c:v>
                </c:pt>
                <c:pt idx="2025">
                  <c:v>2.1727370490351592</c:v>
                </c:pt>
                <c:pt idx="2026">
                  <c:v>2.1727370490351592</c:v>
                </c:pt>
                <c:pt idx="2027">
                  <c:v>2.7590311733779802</c:v>
                </c:pt>
                <c:pt idx="2028">
                  <c:v>2.7590311733779802</c:v>
                </c:pt>
                <c:pt idx="2029">
                  <c:v>1.827858152362912</c:v>
                </c:pt>
                <c:pt idx="2030">
                  <c:v>2.7590311733779802</c:v>
                </c:pt>
                <c:pt idx="2031">
                  <c:v>2.7590311733779802</c:v>
                </c:pt>
                <c:pt idx="2032">
                  <c:v>2.7590311733779802</c:v>
                </c:pt>
                <c:pt idx="2033">
                  <c:v>2.7590311733779802</c:v>
                </c:pt>
                <c:pt idx="2034">
                  <c:v>2.7590311733779802</c:v>
                </c:pt>
                <c:pt idx="2035">
                  <c:v>2.3106886077040585</c:v>
                </c:pt>
                <c:pt idx="2036">
                  <c:v>1.8968339316973615</c:v>
                </c:pt>
                <c:pt idx="2037">
                  <c:v>1.3795155866889901</c:v>
                </c:pt>
                <c:pt idx="2038">
                  <c:v>1.3105398073545407</c:v>
                </c:pt>
                <c:pt idx="2039">
                  <c:v>1.3105398073545407</c:v>
                </c:pt>
                <c:pt idx="2040">
                  <c:v>1.2187169789758208</c:v>
                </c:pt>
                <c:pt idx="2041">
                  <c:v>1.2187169789758208</c:v>
                </c:pt>
                <c:pt idx="2042">
                  <c:v>1.2187169789758208</c:v>
                </c:pt>
                <c:pt idx="2043">
                  <c:v>1.2187169789758208</c:v>
                </c:pt>
                <c:pt idx="2044">
                  <c:v>1.2187169789758208</c:v>
                </c:pt>
                <c:pt idx="2045">
                  <c:v>1.5843320726685668</c:v>
                </c:pt>
                <c:pt idx="2046">
                  <c:v>1.7671396195149398</c:v>
                </c:pt>
                <c:pt idx="2047">
                  <c:v>1.8280754684637308</c:v>
                </c:pt>
                <c:pt idx="2048">
                  <c:v>1.8280754684637308</c:v>
                </c:pt>
                <c:pt idx="2049">
                  <c:v>1.9804150908357083</c:v>
                </c:pt>
                <c:pt idx="2050">
                  <c:v>2.0718188642588946</c:v>
                </c:pt>
                <c:pt idx="2051">
                  <c:v>2.4374339579516415</c:v>
                </c:pt>
                <c:pt idx="2052">
                  <c:v>2.4374339579516415</c:v>
                </c:pt>
                <c:pt idx="2053">
                  <c:v>2.4374339579516415</c:v>
                </c:pt>
                <c:pt idx="2054">
                  <c:v>2.4374339579516415</c:v>
                </c:pt>
                <c:pt idx="2055">
                  <c:v>2.4374339579516415</c:v>
                </c:pt>
                <c:pt idx="2056">
                  <c:v>2.4374339579516415</c:v>
                </c:pt>
                <c:pt idx="2057">
                  <c:v>2.4374339579516415</c:v>
                </c:pt>
                <c:pt idx="2058">
                  <c:v>2.4374339579516415</c:v>
                </c:pt>
                <c:pt idx="2059">
                  <c:v>2.0413509397844996</c:v>
                </c:pt>
                <c:pt idx="2060">
                  <c:v>1.6757358460917533</c:v>
                </c:pt>
                <c:pt idx="2061">
                  <c:v>1.2187169789758208</c:v>
                </c:pt>
                <c:pt idx="2062">
                  <c:v>1.2187169789758208</c:v>
                </c:pt>
                <c:pt idx="2063">
                  <c:v>1.2187169789758208</c:v>
                </c:pt>
                <c:pt idx="2064">
                  <c:v>1.1042462969230149</c:v>
                </c:pt>
                <c:pt idx="2065">
                  <c:v>1.2422770840383917</c:v>
                </c:pt>
                <c:pt idx="2066">
                  <c:v>1.2422770840383917</c:v>
                </c:pt>
                <c:pt idx="2067">
                  <c:v>1.2422770840383917</c:v>
                </c:pt>
                <c:pt idx="2068">
                  <c:v>1.2422770840383917</c:v>
                </c:pt>
                <c:pt idx="2069">
                  <c:v>1.6011571305383716</c:v>
                </c:pt>
                <c:pt idx="2070">
                  <c:v>1.8496125473460503</c:v>
                </c:pt>
                <c:pt idx="2071">
                  <c:v>1.8496125473460503</c:v>
                </c:pt>
                <c:pt idx="2072">
                  <c:v>1.8496125473460503</c:v>
                </c:pt>
                <c:pt idx="2073">
                  <c:v>1.987643334461427</c:v>
                </c:pt>
                <c:pt idx="2074">
                  <c:v>2.1532802789998793</c:v>
                </c:pt>
                <c:pt idx="2075">
                  <c:v>2.4845541680767833</c:v>
                </c:pt>
                <c:pt idx="2076">
                  <c:v>2.4845541680767833</c:v>
                </c:pt>
                <c:pt idx="2077">
                  <c:v>2.4845541680767833</c:v>
                </c:pt>
                <c:pt idx="2078">
                  <c:v>2.4845541680767833</c:v>
                </c:pt>
                <c:pt idx="2079">
                  <c:v>2.4845541680767833</c:v>
                </c:pt>
                <c:pt idx="2080">
                  <c:v>2.4845541680767833</c:v>
                </c:pt>
                <c:pt idx="2081">
                  <c:v>2.4845541680767833</c:v>
                </c:pt>
                <c:pt idx="2082">
                  <c:v>2.4845541680767833</c:v>
                </c:pt>
                <c:pt idx="2083">
                  <c:v>2.0704618067306533</c:v>
                </c:pt>
                <c:pt idx="2084">
                  <c:v>1.6563694453845226</c:v>
                </c:pt>
                <c:pt idx="2085">
                  <c:v>1.2422770840383917</c:v>
                </c:pt>
                <c:pt idx="2086">
                  <c:v>1.2422770840383917</c:v>
                </c:pt>
                <c:pt idx="2087">
                  <c:v>1.2422770840383917</c:v>
                </c:pt>
                <c:pt idx="2088">
                  <c:v>1.2317192873487111</c:v>
                </c:pt>
                <c:pt idx="2089">
                  <c:v>1.2317192873487111</c:v>
                </c:pt>
                <c:pt idx="2090">
                  <c:v>1.2317192873487111</c:v>
                </c:pt>
                <c:pt idx="2091">
                  <c:v>1.2317192873487111</c:v>
                </c:pt>
                <c:pt idx="2092">
                  <c:v>1.2317192873487111</c:v>
                </c:pt>
                <c:pt idx="2093">
                  <c:v>1.5875493036938944</c:v>
                </c:pt>
                <c:pt idx="2094">
                  <c:v>1.8338931611636364</c:v>
                </c:pt>
                <c:pt idx="2095">
                  <c:v>1.8338931611636364</c:v>
                </c:pt>
                <c:pt idx="2096">
                  <c:v>1.8338931611636364</c:v>
                </c:pt>
                <c:pt idx="2097">
                  <c:v>1.9707508597579375</c:v>
                </c:pt>
                <c:pt idx="2098">
                  <c:v>2.1349800980710993</c:v>
                </c:pt>
                <c:pt idx="2099">
                  <c:v>2.4634385746974221</c:v>
                </c:pt>
                <c:pt idx="2100">
                  <c:v>2.4634385746974221</c:v>
                </c:pt>
                <c:pt idx="2101">
                  <c:v>2.4634385746974221</c:v>
                </c:pt>
                <c:pt idx="2102">
                  <c:v>2.4634385746974221</c:v>
                </c:pt>
                <c:pt idx="2103">
                  <c:v>2.4634385746974221</c:v>
                </c:pt>
                <c:pt idx="2104">
                  <c:v>2.4634385746974221</c:v>
                </c:pt>
                <c:pt idx="2105">
                  <c:v>2.4634385746974221</c:v>
                </c:pt>
                <c:pt idx="2106">
                  <c:v>2.4634385746974221</c:v>
                </c:pt>
                <c:pt idx="2107">
                  <c:v>2.0528654789145184</c:v>
                </c:pt>
                <c:pt idx="2108">
                  <c:v>1.6422923831316147</c:v>
                </c:pt>
                <c:pt idx="2109">
                  <c:v>1.2317192873487111</c:v>
                </c:pt>
                <c:pt idx="2110">
                  <c:v>1.2317192873487111</c:v>
                </c:pt>
                <c:pt idx="2111">
                  <c:v>1.2317192873487111</c:v>
                </c:pt>
                <c:pt idx="2112">
                  <c:v>1.3377683129120248</c:v>
                </c:pt>
                <c:pt idx="2113">
                  <c:v>1.3377683129120248</c:v>
                </c:pt>
                <c:pt idx="2114">
                  <c:v>1.3377683129120248</c:v>
                </c:pt>
                <c:pt idx="2115">
                  <c:v>1.3377683129120248</c:v>
                </c:pt>
                <c:pt idx="2116">
                  <c:v>1.3377683129120248</c:v>
                </c:pt>
                <c:pt idx="2117">
                  <c:v>1.7242347144199432</c:v>
                </c:pt>
                <c:pt idx="2118">
                  <c:v>2.0809729311964835</c:v>
                </c:pt>
                <c:pt idx="2119">
                  <c:v>2.0809729311964835</c:v>
                </c:pt>
                <c:pt idx="2120">
                  <c:v>2.0809729311964835</c:v>
                </c:pt>
                <c:pt idx="2121">
                  <c:v>2.2296138548533748</c:v>
                </c:pt>
                <c:pt idx="2122">
                  <c:v>2.3187984090475102</c:v>
                </c:pt>
                <c:pt idx="2123">
                  <c:v>2.6755366258240496</c:v>
                </c:pt>
                <c:pt idx="2124">
                  <c:v>2.6755366258240496</c:v>
                </c:pt>
                <c:pt idx="2125">
                  <c:v>2.6755366258240496</c:v>
                </c:pt>
                <c:pt idx="2126">
                  <c:v>2.6755366258240496</c:v>
                </c:pt>
                <c:pt idx="2127">
                  <c:v>2.2296138548533748</c:v>
                </c:pt>
                <c:pt idx="2128">
                  <c:v>2.1107011159278617</c:v>
                </c:pt>
                <c:pt idx="2129">
                  <c:v>2.1107011159278617</c:v>
                </c:pt>
                <c:pt idx="2130">
                  <c:v>2.1107011159278617</c:v>
                </c:pt>
                <c:pt idx="2131">
                  <c:v>2.1107011159278617</c:v>
                </c:pt>
                <c:pt idx="2132">
                  <c:v>1.6350501602258085</c:v>
                </c:pt>
                <c:pt idx="2133">
                  <c:v>0.62429187935894503</c:v>
                </c:pt>
                <c:pt idx="2134">
                  <c:v>0.62429187935894503</c:v>
                </c:pt>
                <c:pt idx="2135">
                  <c:v>0.62429187935894503</c:v>
                </c:pt>
                <c:pt idx="2136">
                  <c:v>0.44832720056756031</c:v>
                </c:pt>
                <c:pt idx="2137">
                  <c:v>0.87530548682237985</c:v>
                </c:pt>
                <c:pt idx="2138">
                  <c:v>0.87530548682237985</c:v>
                </c:pt>
                <c:pt idx="2139">
                  <c:v>0.87530548682237985</c:v>
                </c:pt>
                <c:pt idx="2140">
                  <c:v>0.87530548682237985</c:v>
                </c:pt>
                <c:pt idx="2141">
                  <c:v>1.0887946299497895</c:v>
                </c:pt>
                <c:pt idx="2142">
                  <c:v>1.366330516015422</c:v>
                </c:pt>
                <c:pt idx="2143">
                  <c:v>1.5584707448300907</c:v>
                </c:pt>
                <c:pt idx="2144">
                  <c:v>1.5584707448300907</c:v>
                </c:pt>
                <c:pt idx="2145">
                  <c:v>1.5584707448300907</c:v>
                </c:pt>
                <c:pt idx="2146">
                  <c:v>1.5584707448300907</c:v>
                </c:pt>
                <c:pt idx="2147">
                  <c:v>1.5584707448300907</c:v>
                </c:pt>
                <c:pt idx="2148">
                  <c:v>1.5584707448300907</c:v>
                </c:pt>
                <c:pt idx="2149">
                  <c:v>1.5584707448300907</c:v>
                </c:pt>
                <c:pt idx="2150">
                  <c:v>1.5584707448300907</c:v>
                </c:pt>
                <c:pt idx="2151">
                  <c:v>1.4090283446409038</c:v>
                </c:pt>
                <c:pt idx="2152">
                  <c:v>1.280934858764458</c:v>
                </c:pt>
                <c:pt idx="2153">
                  <c:v>1.1528413728880123</c:v>
                </c:pt>
                <c:pt idx="2154">
                  <c:v>1.1101435442625303</c:v>
                </c:pt>
                <c:pt idx="2155">
                  <c:v>0.89665440113512063</c:v>
                </c:pt>
                <c:pt idx="2156">
                  <c:v>0.66181634369497</c:v>
                </c:pt>
                <c:pt idx="2157">
                  <c:v>0.66181634369497</c:v>
                </c:pt>
                <c:pt idx="2158">
                  <c:v>0.66181634369497</c:v>
                </c:pt>
                <c:pt idx="2159">
                  <c:v>0.66181634369497</c:v>
                </c:pt>
                <c:pt idx="2160">
                  <c:v>0.72300056173073191</c:v>
                </c:pt>
                <c:pt idx="2161">
                  <c:v>0.83961355555826944</c:v>
                </c:pt>
                <c:pt idx="2162">
                  <c:v>0.83961355555826944</c:v>
                </c:pt>
                <c:pt idx="2163">
                  <c:v>0.83961355555826944</c:v>
                </c:pt>
                <c:pt idx="2164">
                  <c:v>0.83961355555826944</c:v>
                </c:pt>
                <c:pt idx="2165">
                  <c:v>1.0495169444478365</c:v>
                </c:pt>
                <c:pt idx="2166">
                  <c:v>1.2360977345718966</c:v>
                </c:pt>
                <c:pt idx="2167">
                  <c:v>1.4693237222269717</c:v>
                </c:pt>
                <c:pt idx="2168">
                  <c:v>1.4693237222269717</c:v>
                </c:pt>
                <c:pt idx="2169">
                  <c:v>1.4693237222269717</c:v>
                </c:pt>
                <c:pt idx="2170">
                  <c:v>1.4693237222269717</c:v>
                </c:pt>
                <c:pt idx="2171">
                  <c:v>1.4693237222269717</c:v>
                </c:pt>
                <c:pt idx="2172">
                  <c:v>1.4693237222269717</c:v>
                </c:pt>
                <c:pt idx="2173">
                  <c:v>1.4693237222269717</c:v>
                </c:pt>
                <c:pt idx="2174">
                  <c:v>1.4693237222269717</c:v>
                </c:pt>
                <c:pt idx="2175">
                  <c:v>1.306065530868419</c:v>
                </c:pt>
                <c:pt idx="2176">
                  <c:v>1.2827429321029113</c:v>
                </c:pt>
                <c:pt idx="2177">
                  <c:v>1.0961621419788519</c:v>
                </c:pt>
                <c:pt idx="2178">
                  <c:v>1.0261943456823295</c:v>
                </c:pt>
                <c:pt idx="2179">
                  <c:v>0.8629361543237769</c:v>
                </c:pt>
                <c:pt idx="2180">
                  <c:v>0.72300056173073191</c:v>
                </c:pt>
                <c:pt idx="2181">
                  <c:v>0.62971016666870205</c:v>
                </c:pt>
                <c:pt idx="2182">
                  <c:v>0.62971016666870205</c:v>
                </c:pt>
                <c:pt idx="2183">
                  <c:v>0.62971016666870205</c:v>
                </c:pt>
                <c:pt idx="2184">
                  <c:v>0.39427741440949365</c:v>
                </c:pt>
                <c:pt idx="2185">
                  <c:v>0.39427741440949365</c:v>
                </c:pt>
                <c:pt idx="2186">
                  <c:v>0.39427741440949365</c:v>
                </c:pt>
                <c:pt idx="2187">
                  <c:v>0.39427741440949365</c:v>
                </c:pt>
                <c:pt idx="2188">
                  <c:v>0.39427741440949365</c:v>
                </c:pt>
                <c:pt idx="2189">
                  <c:v>1.7085354624411389</c:v>
                </c:pt>
                <c:pt idx="2190">
                  <c:v>1.9385306208466768</c:v>
                </c:pt>
                <c:pt idx="2191">
                  <c:v>1.9385306208466768</c:v>
                </c:pt>
                <c:pt idx="2192">
                  <c:v>1.9385306208466768</c:v>
                </c:pt>
                <c:pt idx="2193">
                  <c:v>2.0699564256498415</c:v>
                </c:pt>
                <c:pt idx="2194">
                  <c:v>2.0699564256498415</c:v>
                </c:pt>
                <c:pt idx="2195">
                  <c:v>2.6285160960632914</c:v>
                </c:pt>
                <c:pt idx="2196">
                  <c:v>2.6285160960632914</c:v>
                </c:pt>
                <c:pt idx="2197">
                  <c:v>1.7413919136419302</c:v>
                </c:pt>
                <c:pt idx="2198">
                  <c:v>2.6285160960632914</c:v>
                </c:pt>
                <c:pt idx="2199">
                  <c:v>2.6285160960632914</c:v>
                </c:pt>
                <c:pt idx="2200">
                  <c:v>2.6285160960632914</c:v>
                </c:pt>
                <c:pt idx="2201">
                  <c:v>2.6285160960632914</c:v>
                </c:pt>
                <c:pt idx="2202">
                  <c:v>2.6285160960632914</c:v>
                </c:pt>
                <c:pt idx="2203">
                  <c:v>2.2013822304530062</c:v>
                </c:pt>
                <c:pt idx="2204">
                  <c:v>1.8071048160435124</c:v>
                </c:pt>
                <c:pt idx="2205">
                  <c:v>1.3142580480316457</c:v>
                </c:pt>
                <c:pt idx="2206">
                  <c:v>1.2485451456300631</c:v>
                </c:pt>
                <c:pt idx="2207">
                  <c:v>1.2485451456300631</c:v>
                </c:pt>
                <c:pt idx="2208">
                  <c:v>1.1244572564173061</c:v>
                </c:pt>
                <c:pt idx="2209">
                  <c:v>1.1244572564173061</c:v>
                </c:pt>
                <c:pt idx="2210">
                  <c:v>1.1244572564173061</c:v>
                </c:pt>
                <c:pt idx="2211">
                  <c:v>1.1244572564173061</c:v>
                </c:pt>
                <c:pt idx="2212">
                  <c:v>1.1244572564173061</c:v>
                </c:pt>
                <c:pt idx="2213">
                  <c:v>1.4617944333424979</c:v>
                </c:pt>
                <c:pt idx="2214">
                  <c:v>1.6304630218050937</c:v>
                </c:pt>
                <c:pt idx="2215">
                  <c:v>1.6866858846259591</c:v>
                </c:pt>
                <c:pt idx="2216">
                  <c:v>1.6866858846259591</c:v>
                </c:pt>
                <c:pt idx="2217">
                  <c:v>1.8272430416781225</c:v>
                </c:pt>
                <c:pt idx="2218">
                  <c:v>1.9115773359094204</c:v>
                </c:pt>
                <c:pt idx="2219">
                  <c:v>2.2489145128346122</c:v>
                </c:pt>
                <c:pt idx="2220">
                  <c:v>2.2489145128346122</c:v>
                </c:pt>
                <c:pt idx="2221">
                  <c:v>2.2489145128346122</c:v>
                </c:pt>
                <c:pt idx="2222">
                  <c:v>2.2489145128346122</c:v>
                </c:pt>
                <c:pt idx="2223">
                  <c:v>2.2489145128346122</c:v>
                </c:pt>
                <c:pt idx="2224">
                  <c:v>2.2489145128346122</c:v>
                </c:pt>
                <c:pt idx="2225">
                  <c:v>2.2489145128346122</c:v>
                </c:pt>
                <c:pt idx="2226">
                  <c:v>2.2489145128346122</c:v>
                </c:pt>
                <c:pt idx="2227">
                  <c:v>1.8834659044989881</c:v>
                </c:pt>
                <c:pt idx="2228">
                  <c:v>1.5461287275737958</c:v>
                </c:pt>
                <c:pt idx="2229">
                  <c:v>1.1244572564173061</c:v>
                </c:pt>
                <c:pt idx="2230">
                  <c:v>1.1244572564173061</c:v>
                </c:pt>
                <c:pt idx="2231">
                  <c:v>1.1244572564173061</c:v>
                </c:pt>
                <c:pt idx="2232">
                  <c:v>0.99326349558940707</c:v>
                </c:pt>
                <c:pt idx="2233">
                  <c:v>1.1174214325380829</c:v>
                </c:pt>
                <c:pt idx="2234">
                  <c:v>1.1174214325380829</c:v>
                </c:pt>
                <c:pt idx="2235">
                  <c:v>1.1174214325380829</c:v>
                </c:pt>
                <c:pt idx="2236">
                  <c:v>1.1174214325380829</c:v>
                </c:pt>
                <c:pt idx="2237">
                  <c:v>1.4402320686046401</c:v>
                </c:pt>
                <c:pt idx="2238">
                  <c:v>1.6637163551122569</c:v>
                </c:pt>
                <c:pt idx="2239">
                  <c:v>1.6637163551122569</c:v>
                </c:pt>
                <c:pt idx="2240">
                  <c:v>1.6637163551122569</c:v>
                </c:pt>
                <c:pt idx="2241">
                  <c:v>1.7878742920609327</c:v>
                </c:pt>
                <c:pt idx="2242">
                  <c:v>1.9368638163993435</c:v>
                </c:pt>
                <c:pt idx="2243">
                  <c:v>2.2348428650761658</c:v>
                </c:pt>
                <c:pt idx="2244">
                  <c:v>2.2348428650761658</c:v>
                </c:pt>
                <c:pt idx="2245">
                  <c:v>2.2348428650761658</c:v>
                </c:pt>
                <c:pt idx="2246">
                  <c:v>2.2348428650761658</c:v>
                </c:pt>
                <c:pt idx="2247">
                  <c:v>2.2348428650761658</c:v>
                </c:pt>
                <c:pt idx="2248">
                  <c:v>2.2348428650761658</c:v>
                </c:pt>
                <c:pt idx="2249">
                  <c:v>2.2348428650761658</c:v>
                </c:pt>
                <c:pt idx="2250">
                  <c:v>2.2348428650761658</c:v>
                </c:pt>
                <c:pt idx="2251">
                  <c:v>1.8623690542301383</c:v>
                </c:pt>
                <c:pt idx="2252">
                  <c:v>1.4898952433841106</c:v>
                </c:pt>
                <c:pt idx="2253">
                  <c:v>1.1174214325380829</c:v>
                </c:pt>
                <c:pt idx="2254">
                  <c:v>1.1174214325380829</c:v>
                </c:pt>
                <c:pt idx="2255">
                  <c:v>1.1174214325380829</c:v>
                </c:pt>
                <c:pt idx="2256">
                  <c:v>1.1039266265514107</c:v>
                </c:pt>
                <c:pt idx="2257">
                  <c:v>1.1039266265514107</c:v>
                </c:pt>
                <c:pt idx="2258">
                  <c:v>1.1039266265514107</c:v>
                </c:pt>
                <c:pt idx="2259">
                  <c:v>1.1039266265514107</c:v>
                </c:pt>
                <c:pt idx="2260">
                  <c:v>1.1039266265514107</c:v>
                </c:pt>
                <c:pt idx="2261">
                  <c:v>1.4228387631107073</c:v>
                </c:pt>
                <c:pt idx="2262">
                  <c:v>1.6436240884209898</c:v>
                </c:pt>
                <c:pt idx="2263">
                  <c:v>1.6436240884209898</c:v>
                </c:pt>
                <c:pt idx="2264">
                  <c:v>1.6436240884209898</c:v>
                </c:pt>
                <c:pt idx="2265">
                  <c:v>1.7662826024822575</c:v>
                </c:pt>
                <c:pt idx="2266">
                  <c:v>1.9134728193557788</c:v>
                </c:pt>
                <c:pt idx="2267">
                  <c:v>2.2078532531028214</c:v>
                </c:pt>
                <c:pt idx="2268">
                  <c:v>2.2078532531028214</c:v>
                </c:pt>
                <c:pt idx="2269">
                  <c:v>2.2078532531028214</c:v>
                </c:pt>
                <c:pt idx="2270">
                  <c:v>2.2078532531028214</c:v>
                </c:pt>
                <c:pt idx="2271">
                  <c:v>2.2078532531028214</c:v>
                </c:pt>
                <c:pt idx="2272">
                  <c:v>2.2078532531028214</c:v>
                </c:pt>
                <c:pt idx="2273">
                  <c:v>2.2078532531028214</c:v>
                </c:pt>
                <c:pt idx="2274">
                  <c:v>2.2078532531028214</c:v>
                </c:pt>
                <c:pt idx="2275">
                  <c:v>1.8398777109190183</c:v>
                </c:pt>
                <c:pt idx="2276">
                  <c:v>1.4719021687352145</c:v>
                </c:pt>
                <c:pt idx="2277">
                  <c:v>1.1039266265514107</c:v>
                </c:pt>
                <c:pt idx="2278">
                  <c:v>1.1039266265514107</c:v>
                </c:pt>
                <c:pt idx="2279">
                  <c:v>1.1039266265514107</c:v>
                </c:pt>
                <c:pt idx="2280">
                  <c:v>1.2266713290474793</c:v>
                </c:pt>
                <c:pt idx="2281">
                  <c:v>1.2266713290474793</c:v>
                </c:pt>
                <c:pt idx="2282">
                  <c:v>1.2266713290474793</c:v>
                </c:pt>
                <c:pt idx="2283">
                  <c:v>1.2266713290474793</c:v>
                </c:pt>
                <c:pt idx="2284">
                  <c:v>1.2266713290474793</c:v>
                </c:pt>
                <c:pt idx="2285">
                  <c:v>1.5810430463278624</c:v>
                </c:pt>
                <c:pt idx="2286">
                  <c:v>1.9081554007405235</c:v>
                </c:pt>
                <c:pt idx="2287">
                  <c:v>1.9081554007405235</c:v>
                </c:pt>
                <c:pt idx="2288">
                  <c:v>1.9081554007405235</c:v>
                </c:pt>
                <c:pt idx="2289">
                  <c:v>2.0444522150791324</c:v>
                </c:pt>
                <c:pt idx="2290">
                  <c:v>2.126230303682298</c:v>
                </c:pt>
                <c:pt idx="2291">
                  <c:v>2.4533426580949587</c:v>
                </c:pt>
                <c:pt idx="2292">
                  <c:v>2.4533426580949587</c:v>
                </c:pt>
                <c:pt idx="2293">
                  <c:v>2.4533426580949587</c:v>
                </c:pt>
                <c:pt idx="2294">
                  <c:v>2.4533426580949587</c:v>
                </c:pt>
                <c:pt idx="2295">
                  <c:v>2.0444522150791324</c:v>
                </c:pt>
                <c:pt idx="2296">
                  <c:v>1.9354147636082455</c:v>
                </c:pt>
                <c:pt idx="2297">
                  <c:v>1.9354147636082455</c:v>
                </c:pt>
                <c:pt idx="2298">
                  <c:v>1.9354147636082455</c:v>
                </c:pt>
                <c:pt idx="2299">
                  <c:v>1.9354147636082455</c:v>
                </c:pt>
                <c:pt idx="2300">
                  <c:v>1.499264957724697</c:v>
                </c:pt>
                <c:pt idx="2301">
                  <c:v>0.57244662022215698</c:v>
                </c:pt>
                <c:pt idx="2302">
                  <c:v>0.57244662022215698</c:v>
                </c:pt>
                <c:pt idx="2303">
                  <c:v>0.57244662022215698</c:v>
                </c:pt>
                <c:pt idx="2304">
                  <c:v>0.38022928560378272</c:v>
                </c:pt>
                <c:pt idx="2305">
                  <c:v>0.7423524147502425</c:v>
                </c:pt>
                <c:pt idx="2306">
                  <c:v>0.7423524147502425</c:v>
                </c:pt>
                <c:pt idx="2307">
                  <c:v>0.7423524147502425</c:v>
                </c:pt>
                <c:pt idx="2308">
                  <c:v>0.7423524147502425</c:v>
                </c:pt>
                <c:pt idx="2309">
                  <c:v>0.92341397932347258</c:v>
                </c:pt>
                <c:pt idx="2310">
                  <c:v>1.1587940132686714</c:v>
                </c:pt>
                <c:pt idx="2311">
                  <c:v>1.3217494213845782</c:v>
                </c:pt>
                <c:pt idx="2312">
                  <c:v>1.3217494213845782</c:v>
                </c:pt>
                <c:pt idx="2313">
                  <c:v>1.3217494213845782</c:v>
                </c:pt>
                <c:pt idx="2314">
                  <c:v>1.3217494213845782</c:v>
                </c:pt>
                <c:pt idx="2315">
                  <c:v>1.3217494213845782</c:v>
                </c:pt>
                <c:pt idx="2316">
                  <c:v>1.3217494213845782</c:v>
                </c:pt>
                <c:pt idx="2317">
                  <c:v>1.3217494213845782</c:v>
                </c:pt>
                <c:pt idx="2318">
                  <c:v>1.3217494213845782</c:v>
                </c:pt>
                <c:pt idx="2319">
                  <c:v>1.195006326183317</c:v>
                </c:pt>
                <c:pt idx="2320">
                  <c:v>1.0863693874393792</c:v>
                </c:pt>
                <c:pt idx="2321">
                  <c:v>0.9777324486954414</c:v>
                </c:pt>
                <c:pt idx="2322">
                  <c:v>0.94152013578079541</c:v>
                </c:pt>
                <c:pt idx="2323">
                  <c:v>0.76045857120756544</c:v>
                </c:pt>
                <c:pt idx="2324">
                  <c:v>0.56129085017701252</c:v>
                </c:pt>
                <c:pt idx="2325">
                  <c:v>0.56129085017701252</c:v>
                </c:pt>
                <c:pt idx="2326">
                  <c:v>0.56129085017701252</c:v>
                </c:pt>
                <c:pt idx="2327">
                  <c:v>0.56129085017701252</c:v>
                </c:pt>
                <c:pt idx="2328">
                  <c:v>0.59173492748331291</c:v>
                </c:pt>
                <c:pt idx="2329">
                  <c:v>0.68717604481933126</c:v>
                </c:pt>
                <c:pt idx="2330">
                  <c:v>0.68717604481933126</c:v>
                </c:pt>
                <c:pt idx="2331">
                  <c:v>0.68717604481933126</c:v>
                </c:pt>
                <c:pt idx="2332">
                  <c:v>0.68717604481933126</c:v>
                </c:pt>
                <c:pt idx="2333">
                  <c:v>0.85897005602416399</c:v>
                </c:pt>
                <c:pt idx="2334">
                  <c:v>1.0116758437617932</c:v>
                </c:pt>
                <c:pt idx="2335">
                  <c:v>1.2025580784338297</c:v>
                </c:pt>
                <c:pt idx="2336">
                  <c:v>1.2025580784338297</c:v>
                </c:pt>
                <c:pt idx="2337">
                  <c:v>1.2025580784338297</c:v>
                </c:pt>
                <c:pt idx="2338">
                  <c:v>1.2025580784338297</c:v>
                </c:pt>
                <c:pt idx="2339">
                  <c:v>1.2025580784338297</c:v>
                </c:pt>
                <c:pt idx="2340">
                  <c:v>1.2025580784338297</c:v>
                </c:pt>
                <c:pt idx="2341">
                  <c:v>1.2025580784338297</c:v>
                </c:pt>
                <c:pt idx="2342">
                  <c:v>1.2025580784338297</c:v>
                </c:pt>
                <c:pt idx="2343">
                  <c:v>1.0689405141634041</c:v>
                </c:pt>
                <c:pt idx="2344">
                  <c:v>1.0498522906962002</c:v>
                </c:pt>
                <c:pt idx="2345">
                  <c:v>0.89714650295857135</c:v>
                </c:pt>
                <c:pt idx="2346">
                  <c:v>0.83988183255696047</c:v>
                </c:pt>
                <c:pt idx="2347">
                  <c:v>0.70626426828653499</c:v>
                </c:pt>
                <c:pt idx="2348">
                  <c:v>0.59173492748331291</c:v>
                </c:pt>
                <c:pt idx="2349">
                  <c:v>0.51538203361449841</c:v>
                </c:pt>
                <c:pt idx="2350">
                  <c:v>0.51538203361449841</c:v>
                </c:pt>
                <c:pt idx="2351">
                  <c:v>0.51538203361449841</c:v>
                </c:pt>
                <c:pt idx="2352">
                  <c:v>0.38027113083566294</c:v>
                </c:pt>
                <c:pt idx="2353">
                  <c:v>0.38027113083566294</c:v>
                </c:pt>
                <c:pt idx="2354">
                  <c:v>0.38027113083566294</c:v>
                </c:pt>
                <c:pt idx="2355">
                  <c:v>0.38027113083566294</c:v>
                </c:pt>
                <c:pt idx="2356">
                  <c:v>0.38027113083566294</c:v>
                </c:pt>
                <c:pt idx="2357">
                  <c:v>1.6478415669545394</c:v>
                </c:pt>
                <c:pt idx="2358">
                  <c:v>1.8696663932753428</c:v>
                </c:pt>
                <c:pt idx="2359">
                  <c:v>1.8696663932753428</c:v>
                </c:pt>
                <c:pt idx="2360">
                  <c:v>1.8696663932753428</c:v>
                </c:pt>
                <c:pt idx="2361">
                  <c:v>1.9964234368872302</c:v>
                </c:pt>
                <c:pt idx="2362">
                  <c:v>1.9964234368872302</c:v>
                </c:pt>
                <c:pt idx="2363">
                  <c:v>2.5351408722377529</c:v>
                </c:pt>
                <c:pt idx="2364">
                  <c:v>2.5351408722377529</c:v>
                </c:pt>
                <c:pt idx="2365">
                  <c:v>1.6795308278575114</c:v>
                </c:pt>
                <c:pt idx="2366">
                  <c:v>2.5351408722377529</c:v>
                </c:pt>
                <c:pt idx="2367">
                  <c:v>2.5351408722377529</c:v>
                </c:pt>
                <c:pt idx="2368">
                  <c:v>2.5351408722377529</c:v>
                </c:pt>
                <c:pt idx="2369">
                  <c:v>2.5351408722377529</c:v>
                </c:pt>
                <c:pt idx="2370">
                  <c:v>2.5351408722377529</c:v>
                </c:pt>
                <c:pt idx="2371">
                  <c:v>2.1231804804991183</c:v>
                </c:pt>
                <c:pt idx="2372">
                  <c:v>1.7429093496634551</c:v>
                </c:pt>
                <c:pt idx="2373">
                  <c:v>1.2675704361188764</c:v>
                </c:pt>
                <c:pt idx="2374">
                  <c:v>1.2041919143129327</c:v>
                </c:pt>
                <c:pt idx="2375">
                  <c:v>1.2041919143129327</c:v>
                </c:pt>
                <c:pt idx="2376">
                  <c:v>1.0950966486100246</c:v>
                </c:pt>
                <c:pt idx="2377">
                  <c:v>1.0950966486100246</c:v>
                </c:pt>
                <c:pt idx="2378">
                  <c:v>1.0950966486100246</c:v>
                </c:pt>
                <c:pt idx="2379">
                  <c:v>1.0950966486100246</c:v>
                </c:pt>
                <c:pt idx="2380">
                  <c:v>1.0950966486100246</c:v>
                </c:pt>
                <c:pt idx="2381">
                  <c:v>1.4236256431930321</c:v>
                </c:pt>
                <c:pt idx="2382">
                  <c:v>1.5878901404845354</c:v>
                </c:pt>
                <c:pt idx="2383">
                  <c:v>1.642644972915037</c:v>
                </c:pt>
                <c:pt idx="2384">
                  <c:v>1.642644972915037</c:v>
                </c:pt>
                <c:pt idx="2385">
                  <c:v>1.77953205399129</c:v>
                </c:pt>
                <c:pt idx="2386">
                  <c:v>1.8616643026370419</c:v>
                </c:pt>
                <c:pt idx="2387">
                  <c:v>2.1901932972200493</c:v>
                </c:pt>
                <c:pt idx="2388">
                  <c:v>2.1901932972200493</c:v>
                </c:pt>
                <c:pt idx="2389">
                  <c:v>2.1901932972200493</c:v>
                </c:pt>
                <c:pt idx="2390">
                  <c:v>2.1901932972200493</c:v>
                </c:pt>
                <c:pt idx="2391">
                  <c:v>2.1901932972200493</c:v>
                </c:pt>
                <c:pt idx="2392">
                  <c:v>2.1901932972200493</c:v>
                </c:pt>
                <c:pt idx="2393">
                  <c:v>2.1901932972200493</c:v>
                </c:pt>
                <c:pt idx="2394">
                  <c:v>2.1901932972200493</c:v>
                </c:pt>
                <c:pt idx="2395">
                  <c:v>1.8342868864217914</c:v>
                </c:pt>
                <c:pt idx="2396">
                  <c:v>1.5057578918387839</c:v>
                </c:pt>
                <c:pt idx="2397">
                  <c:v>1.0950966486100246</c:v>
                </c:pt>
                <c:pt idx="2398">
                  <c:v>1.0950966486100246</c:v>
                </c:pt>
                <c:pt idx="2399">
                  <c:v>1.0950966486100246</c:v>
                </c:pt>
                <c:pt idx="2400">
                  <c:v>0.97119603183646197</c:v>
                </c:pt>
                <c:pt idx="2401">
                  <c:v>1.0925955358160195</c:v>
                </c:pt>
                <c:pt idx="2402">
                  <c:v>1.0925955358160195</c:v>
                </c:pt>
                <c:pt idx="2403">
                  <c:v>1.0925955358160195</c:v>
                </c:pt>
                <c:pt idx="2404">
                  <c:v>1.0925955358160195</c:v>
                </c:pt>
                <c:pt idx="2405">
                  <c:v>1.4082342461628694</c:v>
                </c:pt>
                <c:pt idx="2406">
                  <c:v>1.6267533533260736</c:v>
                </c:pt>
                <c:pt idx="2407">
                  <c:v>1.6267533533260736</c:v>
                </c:pt>
                <c:pt idx="2408">
                  <c:v>1.6267533533260736</c:v>
                </c:pt>
                <c:pt idx="2409">
                  <c:v>1.7481528573056313</c:v>
                </c:pt>
                <c:pt idx="2410">
                  <c:v>1.8938322620811006</c:v>
                </c:pt>
                <c:pt idx="2411">
                  <c:v>2.1851910716320391</c:v>
                </c:pt>
                <c:pt idx="2412">
                  <c:v>2.1851910716320391</c:v>
                </c:pt>
                <c:pt idx="2413">
                  <c:v>2.1851910716320391</c:v>
                </c:pt>
                <c:pt idx="2414">
                  <c:v>2.1851910716320391</c:v>
                </c:pt>
                <c:pt idx="2415">
                  <c:v>2.1851910716320391</c:v>
                </c:pt>
                <c:pt idx="2416">
                  <c:v>2.1851910716320391</c:v>
                </c:pt>
                <c:pt idx="2417">
                  <c:v>2.1851910716320391</c:v>
                </c:pt>
                <c:pt idx="2418">
                  <c:v>2.1851910716320391</c:v>
                </c:pt>
                <c:pt idx="2419">
                  <c:v>1.8209925596933658</c:v>
                </c:pt>
                <c:pt idx="2420">
                  <c:v>1.4567940477546926</c:v>
                </c:pt>
                <c:pt idx="2421">
                  <c:v>1.0925955358160195</c:v>
                </c:pt>
                <c:pt idx="2422">
                  <c:v>1.0925955358160195</c:v>
                </c:pt>
                <c:pt idx="2423">
                  <c:v>1.0925955358160195</c:v>
                </c:pt>
                <c:pt idx="2424">
                  <c:v>1.0838176884237449</c:v>
                </c:pt>
                <c:pt idx="2425">
                  <c:v>1.0838176884237449</c:v>
                </c:pt>
                <c:pt idx="2426">
                  <c:v>1.0838176884237449</c:v>
                </c:pt>
                <c:pt idx="2427">
                  <c:v>1.0838176884237449</c:v>
                </c:pt>
                <c:pt idx="2428">
                  <c:v>1.0838176884237449</c:v>
                </c:pt>
                <c:pt idx="2429">
                  <c:v>1.3969205761906047</c:v>
                </c:pt>
                <c:pt idx="2430">
                  <c:v>1.6136841138753542</c:v>
                </c:pt>
                <c:pt idx="2431">
                  <c:v>1.6136841138753542</c:v>
                </c:pt>
                <c:pt idx="2432">
                  <c:v>1.6136841138753542</c:v>
                </c:pt>
                <c:pt idx="2433">
                  <c:v>1.7341083014779921</c:v>
                </c:pt>
                <c:pt idx="2434">
                  <c:v>1.8786173266011583</c:v>
                </c:pt>
                <c:pt idx="2435">
                  <c:v>2.1676353768474899</c:v>
                </c:pt>
                <c:pt idx="2436">
                  <c:v>2.1676353768474899</c:v>
                </c:pt>
                <c:pt idx="2437">
                  <c:v>2.1676353768474899</c:v>
                </c:pt>
                <c:pt idx="2438">
                  <c:v>2.1676353768474899</c:v>
                </c:pt>
                <c:pt idx="2439">
                  <c:v>2.1676353768474899</c:v>
                </c:pt>
                <c:pt idx="2440">
                  <c:v>2.1676353768474899</c:v>
                </c:pt>
                <c:pt idx="2441">
                  <c:v>2.1676353768474899</c:v>
                </c:pt>
                <c:pt idx="2442">
                  <c:v>2.1676353768474899</c:v>
                </c:pt>
                <c:pt idx="2443">
                  <c:v>1.8063628140395753</c:v>
                </c:pt>
                <c:pt idx="2444">
                  <c:v>1.4450902512316601</c:v>
                </c:pt>
                <c:pt idx="2445">
                  <c:v>1.0838176884237449</c:v>
                </c:pt>
                <c:pt idx="2446">
                  <c:v>1.0838176884237449</c:v>
                </c:pt>
                <c:pt idx="2447">
                  <c:v>1.0838176884237449</c:v>
                </c:pt>
                <c:pt idx="2448">
                  <c:v>1.1910991922195362</c:v>
                </c:pt>
                <c:pt idx="2449">
                  <c:v>1.1910991922195362</c:v>
                </c:pt>
                <c:pt idx="2450">
                  <c:v>1.1910991922195362</c:v>
                </c:pt>
                <c:pt idx="2451">
                  <c:v>1.1910991922195362</c:v>
                </c:pt>
                <c:pt idx="2452">
                  <c:v>1.1910991922195362</c:v>
                </c:pt>
                <c:pt idx="2453">
                  <c:v>1.5351945144162913</c:v>
                </c:pt>
                <c:pt idx="2454">
                  <c:v>1.852820965674834</c:v>
                </c:pt>
                <c:pt idx="2455">
                  <c:v>1.852820965674834</c:v>
                </c:pt>
                <c:pt idx="2456">
                  <c:v>1.852820965674834</c:v>
                </c:pt>
                <c:pt idx="2457">
                  <c:v>1.9851653203658937</c:v>
                </c:pt>
                <c:pt idx="2458">
                  <c:v>2.0645719331805292</c:v>
                </c:pt>
                <c:pt idx="2459">
                  <c:v>2.3821983844390724</c:v>
                </c:pt>
                <c:pt idx="2460">
                  <c:v>2.3821983844390724</c:v>
                </c:pt>
                <c:pt idx="2461">
                  <c:v>2.3821983844390724</c:v>
                </c:pt>
                <c:pt idx="2462">
                  <c:v>2.3821983844390724</c:v>
                </c:pt>
                <c:pt idx="2463">
                  <c:v>1.9851653203658937</c:v>
                </c:pt>
                <c:pt idx="2464">
                  <c:v>1.8792898366130462</c:v>
                </c:pt>
                <c:pt idx="2465">
                  <c:v>1.8792898366130462</c:v>
                </c:pt>
                <c:pt idx="2466">
                  <c:v>1.8792898366130462</c:v>
                </c:pt>
                <c:pt idx="2467">
                  <c:v>1.8792898366130462</c:v>
                </c:pt>
                <c:pt idx="2468">
                  <c:v>1.4557879016016555</c:v>
                </c:pt>
                <c:pt idx="2469">
                  <c:v>0.5558462897024502</c:v>
                </c:pt>
                <c:pt idx="2470">
                  <c:v>0.5558462897024502</c:v>
                </c:pt>
                <c:pt idx="2471">
                  <c:v>0.5558462897024502</c:v>
                </c:pt>
                <c:pt idx="2472">
                  <c:v>0.34110920679480411</c:v>
                </c:pt>
                <c:pt idx="2473">
                  <c:v>0.66597511802795095</c:v>
                </c:pt>
                <c:pt idx="2474">
                  <c:v>0.66597511802795095</c:v>
                </c:pt>
                <c:pt idx="2475">
                  <c:v>0.66597511802795095</c:v>
                </c:pt>
                <c:pt idx="2476">
                  <c:v>0.66597511802795095</c:v>
                </c:pt>
                <c:pt idx="2477">
                  <c:v>0.82840807364452429</c:v>
                </c:pt>
                <c:pt idx="2478">
                  <c:v>1.0395709159460698</c:v>
                </c:pt>
                <c:pt idx="2479">
                  <c:v>1.1857605760009857</c:v>
                </c:pt>
                <c:pt idx="2480">
                  <c:v>1.1857605760009857</c:v>
                </c:pt>
                <c:pt idx="2481">
                  <c:v>1.1857605760009857</c:v>
                </c:pt>
                <c:pt idx="2482">
                  <c:v>1.1857605760009857</c:v>
                </c:pt>
                <c:pt idx="2483">
                  <c:v>1.1857605760009857</c:v>
                </c:pt>
                <c:pt idx="2484">
                  <c:v>1.1857605760009857</c:v>
                </c:pt>
                <c:pt idx="2485">
                  <c:v>1.1857605760009857</c:v>
                </c:pt>
                <c:pt idx="2486">
                  <c:v>1.1857605760009857</c:v>
                </c:pt>
                <c:pt idx="2487">
                  <c:v>1.0720575070693845</c:v>
                </c:pt>
                <c:pt idx="2488">
                  <c:v>0.97459773369944036</c:v>
                </c:pt>
                <c:pt idx="2489">
                  <c:v>0.87713796032949642</c:v>
                </c:pt>
                <c:pt idx="2490">
                  <c:v>0.84465136920618156</c:v>
                </c:pt>
                <c:pt idx="2491">
                  <c:v>0.68221841358960822</c:v>
                </c:pt>
                <c:pt idx="2492">
                  <c:v>0.5035421624113775</c:v>
                </c:pt>
                <c:pt idx="2493">
                  <c:v>0.5035421624113775</c:v>
                </c:pt>
                <c:pt idx="2494">
                  <c:v>0.5035421624113775</c:v>
                </c:pt>
                <c:pt idx="2495">
                  <c:v>0.5035421624113775</c:v>
                </c:pt>
                <c:pt idx="2496">
                  <c:v>0.57471901193272157</c:v>
                </c:pt>
                <c:pt idx="2497">
                  <c:v>0.66741562676057997</c:v>
                </c:pt>
                <c:pt idx="2498">
                  <c:v>0.66741562676057997</c:v>
                </c:pt>
                <c:pt idx="2499">
                  <c:v>0.66741562676057997</c:v>
                </c:pt>
                <c:pt idx="2500">
                  <c:v>0.66741562676057997</c:v>
                </c:pt>
                <c:pt idx="2501">
                  <c:v>0.83426953345072485</c:v>
                </c:pt>
                <c:pt idx="2502">
                  <c:v>0.98258411717529837</c:v>
                </c:pt>
                <c:pt idx="2503">
                  <c:v>1.1679773468310148</c:v>
                </c:pt>
                <c:pt idx="2504">
                  <c:v>1.1679773468310148</c:v>
                </c:pt>
                <c:pt idx="2505">
                  <c:v>1.1679773468310148</c:v>
                </c:pt>
                <c:pt idx="2506">
                  <c:v>1.1679773468310148</c:v>
                </c:pt>
                <c:pt idx="2507">
                  <c:v>1.1679773468310148</c:v>
                </c:pt>
                <c:pt idx="2508">
                  <c:v>1.1679773468310148</c:v>
                </c:pt>
                <c:pt idx="2509">
                  <c:v>1.1679773468310148</c:v>
                </c:pt>
                <c:pt idx="2510">
                  <c:v>1.1679773468310148</c:v>
                </c:pt>
                <c:pt idx="2511">
                  <c:v>1.0382020860720131</c:v>
                </c:pt>
                <c:pt idx="2512">
                  <c:v>1.0196627631064417</c:v>
                </c:pt>
                <c:pt idx="2513">
                  <c:v>0.87134817938186826</c:v>
                </c:pt>
                <c:pt idx="2514">
                  <c:v>0.81573021048515337</c:v>
                </c:pt>
                <c:pt idx="2515">
                  <c:v>0.68595494972615167</c:v>
                </c:pt>
                <c:pt idx="2516">
                  <c:v>0.57471901193272157</c:v>
                </c:pt>
                <c:pt idx="2517">
                  <c:v>0.50056172007043509</c:v>
                </c:pt>
                <c:pt idx="2518">
                  <c:v>0.50056172007043509</c:v>
                </c:pt>
                <c:pt idx="2519">
                  <c:v>0.50056172007043509</c:v>
                </c:pt>
                <c:pt idx="2520">
                  <c:v>0.3763026151570471</c:v>
                </c:pt>
                <c:pt idx="2521">
                  <c:v>0.3763026151570471</c:v>
                </c:pt>
                <c:pt idx="2522">
                  <c:v>0.3763026151570471</c:v>
                </c:pt>
                <c:pt idx="2523">
                  <c:v>0.3763026151570471</c:v>
                </c:pt>
                <c:pt idx="2524">
                  <c:v>0.3763026151570471</c:v>
                </c:pt>
                <c:pt idx="2525">
                  <c:v>1.6306446656805376</c:v>
                </c:pt>
                <c:pt idx="2526">
                  <c:v>1.8501545245221482</c:v>
                </c:pt>
                <c:pt idx="2527">
                  <c:v>1.8501545245221482</c:v>
                </c:pt>
                <c:pt idx="2528">
                  <c:v>1.8501545245221482</c:v>
                </c:pt>
                <c:pt idx="2529">
                  <c:v>1.9755887295744974</c:v>
                </c:pt>
                <c:pt idx="2530">
                  <c:v>1.9755887295744974</c:v>
                </c:pt>
                <c:pt idx="2531">
                  <c:v>2.5086841010469807</c:v>
                </c:pt>
                <c:pt idx="2532">
                  <c:v>2.5086841010469807</c:v>
                </c:pt>
                <c:pt idx="2533">
                  <c:v>1.662003216943625</c:v>
                </c:pt>
                <c:pt idx="2534">
                  <c:v>2.5086841010469807</c:v>
                </c:pt>
                <c:pt idx="2535">
                  <c:v>2.5086841010469807</c:v>
                </c:pt>
                <c:pt idx="2536">
                  <c:v>2.5086841010469807</c:v>
                </c:pt>
                <c:pt idx="2537">
                  <c:v>2.5086841010469807</c:v>
                </c:pt>
                <c:pt idx="2538">
                  <c:v>2.5086841010469807</c:v>
                </c:pt>
                <c:pt idx="2539">
                  <c:v>2.101022934626847</c:v>
                </c:pt>
                <c:pt idx="2540">
                  <c:v>1.7247203194697993</c:v>
                </c:pt>
                <c:pt idx="2541">
                  <c:v>1.2543420505234903</c:v>
                </c:pt>
                <c:pt idx="2542">
                  <c:v>1.191624947997316</c:v>
                </c:pt>
                <c:pt idx="2543">
                  <c:v>1.191624947997316</c:v>
                </c:pt>
                <c:pt idx="2544">
                  <c:v>1.0958692961839007</c:v>
                </c:pt>
                <c:pt idx="2545">
                  <c:v>1.0958692961839007</c:v>
                </c:pt>
                <c:pt idx="2546">
                  <c:v>1.0958692961839007</c:v>
                </c:pt>
                <c:pt idx="2547">
                  <c:v>1.0958692961839007</c:v>
                </c:pt>
                <c:pt idx="2548">
                  <c:v>1.0958692961839007</c:v>
                </c:pt>
                <c:pt idx="2549">
                  <c:v>1.424630085039071</c:v>
                </c:pt>
                <c:pt idx="2550">
                  <c:v>1.589010479466656</c:v>
                </c:pt>
                <c:pt idx="2551">
                  <c:v>1.6438039442758514</c:v>
                </c:pt>
                <c:pt idx="2552">
                  <c:v>1.6438039442758514</c:v>
                </c:pt>
                <c:pt idx="2553">
                  <c:v>1.7807876062988388</c:v>
                </c:pt>
                <c:pt idx="2554">
                  <c:v>1.8629778035126312</c:v>
                </c:pt>
                <c:pt idx="2555">
                  <c:v>2.1917385923678014</c:v>
                </c:pt>
                <c:pt idx="2556">
                  <c:v>2.1917385923678014</c:v>
                </c:pt>
                <c:pt idx="2557">
                  <c:v>2.1917385923678014</c:v>
                </c:pt>
                <c:pt idx="2558">
                  <c:v>2.1917385923678014</c:v>
                </c:pt>
                <c:pt idx="2559">
                  <c:v>2.1917385923678014</c:v>
                </c:pt>
                <c:pt idx="2560">
                  <c:v>2.1917385923678014</c:v>
                </c:pt>
                <c:pt idx="2561">
                  <c:v>2.1917385923678014</c:v>
                </c:pt>
                <c:pt idx="2562">
                  <c:v>2.1917385923678014</c:v>
                </c:pt>
                <c:pt idx="2563">
                  <c:v>1.8355810711080338</c:v>
                </c:pt>
                <c:pt idx="2564">
                  <c:v>1.5068202822528634</c:v>
                </c:pt>
                <c:pt idx="2565">
                  <c:v>1.0958692961839007</c:v>
                </c:pt>
                <c:pt idx="2566">
                  <c:v>1.0958692961839007</c:v>
                </c:pt>
                <c:pt idx="2567">
                  <c:v>1.0958692961839007</c:v>
                </c:pt>
                <c:pt idx="2568">
                  <c:v>0.96705838238278452</c:v>
                </c:pt>
                <c:pt idx="2569">
                  <c:v>1.0879406801806326</c:v>
                </c:pt>
                <c:pt idx="2570">
                  <c:v>1.0879406801806326</c:v>
                </c:pt>
                <c:pt idx="2571">
                  <c:v>1.0879406801806326</c:v>
                </c:pt>
                <c:pt idx="2572">
                  <c:v>1.0879406801806326</c:v>
                </c:pt>
                <c:pt idx="2573">
                  <c:v>1.4022346544550375</c:v>
                </c:pt>
                <c:pt idx="2574">
                  <c:v>1.6198227904911642</c:v>
                </c:pt>
                <c:pt idx="2575">
                  <c:v>1.6198227904911642</c:v>
                </c:pt>
                <c:pt idx="2576">
                  <c:v>1.6198227904911642</c:v>
                </c:pt>
                <c:pt idx="2577">
                  <c:v>1.7407050882890123</c:v>
                </c:pt>
                <c:pt idx="2578">
                  <c:v>1.8857638456464298</c:v>
                </c:pt>
                <c:pt idx="2579">
                  <c:v>2.1758813603612652</c:v>
                </c:pt>
                <c:pt idx="2580">
                  <c:v>2.1758813603612652</c:v>
                </c:pt>
                <c:pt idx="2581">
                  <c:v>2.1758813603612652</c:v>
                </c:pt>
                <c:pt idx="2582">
                  <c:v>2.1758813603612652</c:v>
                </c:pt>
                <c:pt idx="2583">
                  <c:v>2.1758813603612652</c:v>
                </c:pt>
                <c:pt idx="2584">
                  <c:v>2.1758813603612652</c:v>
                </c:pt>
                <c:pt idx="2585">
                  <c:v>2.1758813603612652</c:v>
                </c:pt>
                <c:pt idx="2586">
                  <c:v>2.1758813603612652</c:v>
                </c:pt>
                <c:pt idx="2587">
                  <c:v>1.8132344669677207</c:v>
                </c:pt>
                <c:pt idx="2588">
                  <c:v>1.4505875735741769</c:v>
                </c:pt>
                <c:pt idx="2589">
                  <c:v>1.0879406801806326</c:v>
                </c:pt>
                <c:pt idx="2590">
                  <c:v>1.0879406801806326</c:v>
                </c:pt>
                <c:pt idx="2591">
                  <c:v>1.0879406801806326</c:v>
                </c:pt>
                <c:pt idx="2592">
                  <c:v>1.0822708470293092</c:v>
                </c:pt>
                <c:pt idx="2593">
                  <c:v>1.0822708470293092</c:v>
                </c:pt>
                <c:pt idx="2594">
                  <c:v>1.0822708470293092</c:v>
                </c:pt>
                <c:pt idx="2595">
                  <c:v>1.0822708470293092</c:v>
                </c:pt>
                <c:pt idx="2596">
                  <c:v>1.0822708470293092</c:v>
                </c:pt>
                <c:pt idx="2597">
                  <c:v>1.3949268695044432</c:v>
                </c:pt>
                <c:pt idx="2598">
                  <c:v>1.6113810389103054</c:v>
                </c:pt>
                <c:pt idx="2599">
                  <c:v>1.6113810389103054</c:v>
                </c:pt>
                <c:pt idx="2600">
                  <c:v>1.6113810389103054</c:v>
                </c:pt>
                <c:pt idx="2601">
                  <c:v>1.731633355246895</c:v>
                </c:pt>
                <c:pt idx="2602">
                  <c:v>1.8759361348508028</c:v>
                </c:pt>
                <c:pt idx="2603">
                  <c:v>2.1645416940586184</c:v>
                </c:pt>
                <c:pt idx="2604">
                  <c:v>2.1645416940586184</c:v>
                </c:pt>
                <c:pt idx="2605">
                  <c:v>2.1645416940586184</c:v>
                </c:pt>
                <c:pt idx="2606">
                  <c:v>2.1645416940586184</c:v>
                </c:pt>
                <c:pt idx="2607">
                  <c:v>2.1645416940586184</c:v>
                </c:pt>
                <c:pt idx="2608">
                  <c:v>2.1645416940586184</c:v>
                </c:pt>
                <c:pt idx="2609">
                  <c:v>2.1645416940586184</c:v>
                </c:pt>
                <c:pt idx="2610">
                  <c:v>2.1645416940586184</c:v>
                </c:pt>
                <c:pt idx="2611">
                  <c:v>1.8037847450488489</c:v>
                </c:pt>
                <c:pt idx="2612">
                  <c:v>1.4430277960390792</c:v>
                </c:pt>
                <c:pt idx="2613">
                  <c:v>1.0822708470293092</c:v>
                </c:pt>
                <c:pt idx="2614">
                  <c:v>1.0822708470293092</c:v>
                </c:pt>
                <c:pt idx="2615">
                  <c:v>1.0822708470293092</c:v>
                </c:pt>
                <c:pt idx="2616">
                  <c:v>1.1834765914706915</c:v>
                </c:pt>
                <c:pt idx="2617">
                  <c:v>1.1834765914706915</c:v>
                </c:pt>
                <c:pt idx="2618">
                  <c:v>1.1834765914706915</c:v>
                </c:pt>
                <c:pt idx="2619">
                  <c:v>1.1834765914706915</c:v>
                </c:pt>
                <c:pt idx="2620">
                  <c:v>1.1834765914706915</c:v>
                </c:pt>
                <c:pt idx="2621">
                  <c:v>1.5253698290066688</c:v>
                </c:pt>
                <c:pt idx="2622">
                  <c:v>1.8409635867321867</c:v>
                </c:pt>
                <c:pt idx="2623">
                  <c:v>1.8409635867321867</c:v>
                </c:pt>
                <c:pt idx="2624">
                  <c:v>1.8409635867321867</c:v>
                </c:pt>
                <c:pt idx="2625">
                  <c:v>1.9724609857844857</c:v>
                </c:pt>
                <c:pt idx="2626">
                  <c:v>2.0513594252158653</c:v>
                </c:pt>
                <c:pt idx="2627">
                  <c:v>2.366953182941383</c:v>
                </c:pt>
                <c:pt idx="2628">
                  <c:v>2.366953182941383</c:v>
                </c:pt>
                <c:pt idx="2629">
                  <c:v>2.366953182941383</c:v>
                </c:pt>
                <c:pt idx="2630">
                  <c:v>2.366953182941383</c:v>
                </c:pt>
                <c:pt idx="2631">
                  <c:v>1.9724609857844857</c:v>
                </c:pt>
                <c:pt idx="2632">
                  <c:v>1.8672630665426468</c:v>
                </c:pt>
                <c:pt idx="2633">
                  <c:v>1.8672630665426468</c:v>
                </c:pt>
                <c:pt idx="2634">
                  <c:v>1.8672630665426468</c:v>
                </c:pt>
                <c:pt idx="2635">
                  <c:v>1.8672630665426468</c:v>
                </c:pt>
                <c:pt idx="2636">
                  <c:v>1.4464713895752894</c:v>
                </c:pt>
                <c:pt idx="2637">
                  <c:v>0.55228907601965593</c:v>
                </c:pt>
                <c:pt idx="2638">
                  <c:v>0.55228907601965593</c:v>
                </c:pt>
                <c:pt idx="2639">
                  <c:v>0.55228907601965593</c:v>
                </c:pt>
                <c:pt idx="2640">
                  <c:v>0.30923358702452519</c:v>
                </c:pt>
                <c:pt idx="2641">
                  <c:v>0.60374176514312072</c:v>
                </c:pt>
                <c:pt idx="2642">
                  <c:v>0.60374176514312072</c:v>
                </c:pt>
                <c:pt idx="2643">
                  <c:v>0.60374176514312072</c:v>
                </c:pt>
                <c:pt idx="2644">
                  <c:v>0.60374176514312072</c:v>
                </c:pt>
                <c:pt idx="2645">
                  <c:v>0.75099585420241843</c:v>
                </c:pt>
                <c:pt idx="2646">
                  <c:v>0.94242616997950557</c:v>
                </c:pt>
                <c:pt idx="2647">
                  <c:v>1.0749548501328734</c:v>
                </c:pt>
                <c:pt idx="2648">
                  <c:v>1.0749548501328734</c:v>
                </c:pt>
                <c:pt idx="2649">
                  <c:v>1.0749548501328734</c:v>
                </c:pt>
                <c:pt idx="2650">
                  <c:v>1.0749548501328734</c:v>
                </c:pt>
                <c:pt idx="2651">
                  <c:v>1.0749548501328734</c:v>
                </c:pt>
                <c:pt idx="2652">
                  <c:v>1.0749548501328734</c:v>
                </c:pt>
                <c:pt idx="2653">
                  <c:v>1.0749548501328734</c:v>
                </c:pt>
                <c:pt idx="2654">
                  <c:v>1.0749548501328734</c:v>
                </c:pt>
                <c:pt idx="2655">
                  <c:v>0.97187698779136511</c:v>
                </c:pt>
                <c:pt idx="2656">
                  <c:v>0.88352453435578637</c:v>
                </c:pt>
                <c:pt idx="2657">
                  <c:v>0.79517208092020775</c:v>
                </c:pt>
                <c:pt idx="2658">
                  <c:v>0.7657212631083482</c:v>
                </c:pt>
                <c:pt idx="2659">
                  <c:v>0.61846717404905038</c:v>
                </c:pt>
                <c:pt idx="2660">
                  <c:v>0.45648767608382296</c:v>
                </c:pt>
                <c:pt idx="2661">
                  <c:v>0.45648767608382296</c:v>
                </c:pt>
                <c:pt idx="2662">
                  <c:v>0.45648767608382296</c:v>
                </c:pt>
                <c:pt idx="2663">
                  <c:v>0.45648767608382296</c:v>
                </c:pt>
                <c:pt idx="2664">
                  <c:v>0.60388915287659262</c:v>
                </c:pt>
                <c:pt idx="2665">
                  <c:v>0.70129062914701068</c:v>
                </c:pt>
                <c:pt idx="2666">
                  <c:v>0.70129062914701068</c:v>
                </c:pt>
                <c:pt idx="2667">
                  <c:v>0.70129062914701068</c:v>
                </c:pt>
                <c:pt idx="2668">
                  <c:v>0.70129062914701068</c:v>
                </c:pt>
                <c:pt idx="2669">
                  <c:v>0.87661328643376324</c:v>
                </c:pt>
                <c:pt idx="2670">
                  <c:v>1.0324556484664322</c:v>
                </c:pt>
                <c:pt idx="2671">
                  <c:v>1.2272586010072688</c:v>
                </c:pt>
                <c:pt idx="2672">
                  <c:v>1.2272586010072688</c:v>
                </c:pt>
                <c:pt idx="2673">
                  <c:v>1.2272586010072688</c:v>
                </c:pt>
                <c:pt idx="2674">
                  <c:v>1.2272586010072688</c:v>
                </c:pt>
                <c:pt idx="2675">
                  <c:v>1.2272586010072688</c:v>
                </c:pt>
                <c:pt idx="2676">
                  <c:v>1.2272586010072688</c:v>
                </c:pt>
                <c:pt idx="2677">
                  <c:v>1.2272586010072688</c:v>
                </c:pt>
                <c:pt idx="2678">
                  <c:v>1.2272586010072688</c:v>
                </c:pt>
                <c:pt idx="2679">
                  <c:v>1.0908965342286832</c:v>
                </c:pt>
                <c:pt idx="2680">
                  <c:v>1.0714162389745996</c:v>
                </c:pt>
                <c:pt idx="2681">
                  <c:v>0.91557387694193071</c:v>
                </c:pt>
                <c:pt idx="2682">
                  <c:v>0.85713299117967978</c:v>
                </c:pt>
                <c:pt idx="2683">
                  <c:v>0.72077092440109436</c:v>
                </c:pt>
                <c:pt idx="2684">
                  <c:v>0.60388915287659262</c:v>
                </c:pt>
                <c:pt idx="2685">
                  <c:v>0.52596797186025801</c:v>
                </c:pt>
                <c:pt idx="2686">
                  <c:v>0.52596797186025801</c:v>
                </c:pt>
                <c:pt idx="2687">
                  <c:v>0.52596797186025801</c:v>
                </c:pt>
                <c:pt idx="2688">
                  <c:v>0.39312581078612868</c:v>
                </c:pt>
                <c:pt idx="2689">
                  <c:v>0.39312581078612868</c:v>
                </c:pt>
                <c:pt idx="2690">
                  <c:v>0.39312581078612868</c:v>
                </c:pt>
                <c:pt idx="2691">
                  <c:v>0.39312581078612868</c:v>
                </c:pt>
                <c:pt idx="2692">
                  <c:v>0.39312581078612868</c:v>
                </c:pt>
                <c:pt idx="2693">
                  <c:v>1.7035451800732242</c:v>
                </c:pt>
                <c:pt idx="2694">
                  <c:v>1.9328685696984664</c:v>
                </c:pt>
                <c:pt idx="2695">
                  <c:v>1.9328685696984664</c:v>
                </c:pt>
                <c:pt idx="2696">
                  <c:v>1.9328685696984664</c:v>
                </c:pt>
                <c:pt idx="2697">
                  <c:v>2.0639105066271761</c:v>
                </c:pt>
                <c:pt idx="2698">
                  <c:v>2.0639105066271761</c:v>
                </c:pt>
                <c:pt idx="2699">
                  <c:v>2.6208387385741916</c:v>
                </c:pt>
                <c:pt idx="2700">
                  <c:v>2.6208387385741916</c:v>
                </c:pt>
                <c:pt idx="2701">
                  <c:v>1.736305664305402</c:v>
                </c:pt>
                <c:pt idx="2702">
                  <c:v>2.6208387385741916</c:v>
                </c:pt>
                <c:pt idx="2703">
                  <c:v>2.6208387385741916</c:v>
                </c:pt>
                <c:pt idx="2704">
                  <c:v>2.6208387385741916</c:v>
                </c:pt>
                <c:pt idx="2705">
                  <c:v>2.6208387385741916</c:v>
                </c:pt>
                <c:pt idx="2706">
                  <c:v>2.6208387385741916</c:v>
                </c:pt>
                <c:pt idx="2707">
                  <c:v>2.1949524435558856</c:v>
                </c:pt>
                <c:pt idx="2708">
                  <c:v>1.8018266327697567</c:v>
                </c:pt>
                <c:pt idx="2709">
                  <c:v>1.3104193692870958</c:v>
                </c:pt>
                <c:pt idx="2710">
                  <c:v>1.2448984008227411</c:v>
                </c:pt>
                <c:pt idx="2711">
                  <c:v>1.2448984008227411</c:v>
                </c:pt>
                <c:pt idx="2712">
                  <c:v>1.1363195404846804</c:v>
                </c:pt>
                <c:pt idx="2713">
                  <c:v>1.1363195404846804</c:v>
                </c:pt>
                <c:pt idx="2714">
                  <c:v>1.1363195404846804</c:v>
                </c:pt>
                <c:pt idx="2715">
                  <c:v>1.1363195404846804</c:v>
                </c:pt>
                <c:pt idx="2716">
                  <c:v>1.1363195404846804</c:v>
                </c:pt>
                <c:pt idx="2717">
                  <c:v>1.4772154026300846</c:v>
                </c:pt>
                <c:pt idx="2718">
                  <c:v>1.6476633337027866</c:v>
                </c:pt>
                <c:pt idx="2719">
                  <c:v>1.7044793107270206</c:v>
                </c:pt>
                <c:pt idx="2720">
                  <c:v>1.7044793107270206</c:v>
                </c:pt>
                <c:pt idx="2721">
                  <c:v>1.8465192532876056</c:v>
                </c:pt>
                <c:pt idx="2722">
                  <c:v>1.9317432188239567</c:v>
                </c:pt>
                <c:pt idx="2723">
                  <c:v>2.2726390809693608</c:v>
                </c:pt>
                <c:pt idx="2724">
                  <c:v>2.2726390809693608</c:v>
                </c:pt>
                <c:pt idx="2725">
                  <c:v>2.2726390809693608</c:v>
                </c:pt>
                <c:pt idx="2726">
                  <c:v>2.2726390809693608</c:v>
                </c:pt>
                <c:pt idx="2727">
                  <c:v>2.2726390809693608</c:v>
                </c:pt>
                <c:pt idx="2728">
                  <c:v>2.2726390809693608</c:v>
                </c:pt>
                <c:pt idx="2729">
                  <c:v>2.2726390809693608</c:v>
                </c:pt>
                <c:pt idx="2730">
                  <c:v>2.2726390809693608</c:v>
                </c:pt>
                <c:pt idx="2731">
                  <c:v>1.9033352303118396</c:v>
                </c:pt>
                <c:pt idx="2732">
                  <c:v>1.5624393681664357</c:v>
                </c:pt>
                <c:pt idx="2733">
                  <c:v>1.1363195404846804</c:v>
                </c:pt>
                <c:pt idx="2734">
                  <c:v>1.1363195404846804</c:v>
                </c:pt>
                <c:pt idx="2735">
                  <c:v>1.1363195404846804</c:v>
                </c:pt>
                <c:pt idx="2736">
                  <c:v>1.0367078385916391</c:v>
                </c:pt>
                <c:pt idx="2737">
                  <c:v>1.1662963184155939</c:v>
                </c:pt>
                <c:pt idx="2738">
                  <c:v>1.1662963184155939</c:v>
                </c:pt>
                <c:pt idx="2739">
                  <c:v>1.1662963184155939</c:v>
                </c:pt>
                <c:pt idx="2740">
                  <c:v>1.1662963184155939</c:v>
                </c:pt>
                <c:pt idx="2741">
                  <c:v>1.5032263659578766</c:v>
                </c:pt>
                <c:pt idx="2742">
                  <c:v>1.7364856296409956</c:v>
                </c:pt>
                <c:pt idx="2743">
                  <c:v>1.7364856296409956</c:v>
                </c:pt>
                <c:pt idx="2744">
                  <c:v>1.7364856296409956</c:v>
                </c:pt>
                <c:pt idx="2745">
                  <c:v>1.8660741094649502</c:v>
                </c:pt>
                <c:pt idx="2746">
                  <c:v>2.0215802852536959</c:v>
                </c:pt>
                <c:pt idx="2747">
                  <c:v>2.3325926368311878</c:v>
                </c:pt>
                <c:pt idx="2748">
                  <c:v>2.3325926368311878</c:v>
                </c:pt>
                <c:pt idx="2749">
                  <c:v>2.3325926368311878</c:v>
                </c:pt>
                <c:pt idx="2750">
                  <c:v>2.3325926368311878</c:v>
                </c:pt>
                <c:pt idx="2751">
                  <c:v>2.3325926368311878</c:v>
                </c:pt>
                <c:pt idx="2752">
                  <c:v>2.3325926368311878</c:v>
                </c:pt>
                <c:pt idx="2753">
                  <c:v>2.3325926368311878</c:v>
                </c:pt>
                <c:pt idx="2754">
                  <c:v>2.3325926368311878</c:v>
                </c:pt>
                <c:pt idx="2755">
                  <c:v>1.9438271973593233</c:v>
                </c:pt>
                <c:pt idx="2756">
                  <c:v>1.5550617578874586</c:v>
                </c:pt>
                <c:pt idx="2757">
                  <c:v>1.1662963184155939</c:v>
                </c:pt>
                <c:pt idx="2758">
                  <c:v>1.1662963184155939</c:v>
                </c:pt>
                <c:pt idx="2759">
                  <c:v>1.1662963184155939</c:v>
                </c:pt>
                <c:pt idx="2760">
                  <c:v>1.1425063487089266</c:v>
                </c:pt>
                <c:pt idx="2761">
                  <c:v>1.1425063487089266</c:v>
                </c:pt>
                <c:pt idx="2762">
                  <c:v>1.1425063487089266</c:v>
                </c:pt>
                <c:pt idx="2763">
                  <c:v>1.1425063487089266</c:v>
                </c:pt>
                <c:pt idx="2764">
                  <c:v>1.1425063487089266</c:v>
                </c:pt>
                <c:pt idx="2765">
                  <c:v>1.47256373833595</c:v>
                </c:pt>
                <c:pt idx="2766">
                  <c:v>1.7010650080777352</c:v>
                </c:pt>
                <c:pt idx="2767">
                  <c:v>1.7010650080777352</c:v>
                </c:pt>
                <c:pt idx="2768">
                  <c:v>1.7010650080777352</c:v>
                </c:pt>
                <c:pt idx="2769">
                  <c:v>1.8280101579342825</c:v>
                </c:pt>
                <c:pt idx="2770">
                  <c:v>1.9803443377621393</c:v>
                </c:pt>
                <c:pt idx="2771">
                  <c:v>2.2850126974178533</c:v>
                </c:pt>
                <c:pt idx="2772">
                  <c:v>2.2850126974178533</c:v>
                </c:pt>
                <c:pt idx="2773">
                  <c:v>2.2850126974178533</c:v>
                </c:pt>
                <c:pt idx="2774">
                  <c:v>2.2850126974178533</c:v>
                </c:pt>
                <c:pt idx="2775">
                  <c:v>2.2850126974178533</c:v>
                </c:pt>
                <c:pt idx="2776">
                  <c:v>2.2850126974178533</c:v>
                </c:pt>
                <c:pt idx="2777">
                  <c:v>2.2850126974178533</c:v>
                </c:pt>
                <c:pt idx="2778">
                  <c:v>2.2850126974178533</c:v>
                </c:pt>
                <c:pt idx="2779">
                  <c:v>1.9041772478482111</c:v>
                </c:pt>
                <c:pt idx="2780">
                  <c:v>1.5233417982785689</c:v>
                </c:pt>
                <c:pt idx="2781">
                  <c:v>1.1425063487089266</c:v>
                </c:pt>
                <c:pt idx="2782">
                  <c:v>1.1425063487089266</c:v>
                </c:pt>
                <c:pt idx="2783">
                  <c:v>1.1425063487089266</c:v>
                </c:pt>
                <c:pt idx="2784">
                  <c:v>1.2456031375592784</c:v>
                </c:pt>
                <c:pt idx="2785">
                  <c:v>1.2456031375592784</c:v>
                </c:pt>
                <c:pt idx="2786">
                  <c:v>1.2456031375592784</c:v>
                </c:pt>
                <c:pt idx="2787">
                  <c:v>1.2456031375592784</c:v>
                </c:pt>
                <c:pt idx="2788">
                  <c:v>1.2456031375592784</c:v>
                </c:pt>
                <c:pt idx="2789">
                  <c:v>1.6054440439652926</c:v>
                </c:pt>
                <c:pt idx="2790">
                  <c:v>1.937604880647767</c:v>
                </c:pt>
                <c:pt idx="2791">
                  <c:v>1.937604880647767</c:v>
                </c:pt>
                <c:pt idx="2792">
                  <c:v>1.937604880647767</c:v>
                </c:pt>
                <c:pt idx="2793">
                  <c:v>2.0760052292654647</c:v>
                </c:pt>
                <c:pt idx="2794">
                  <c:v>2.1590454384360833</c:v>
                </c:pt>
                <c:pt idx="2795">
                  <c:v>2.4912062751185569</c:v>
                </c:pt>
                <c:pt idx="2796">
                  <c:v>2.4912062751185569</c:v>
                </c:pt>
                <c:pt idx="2797">
                  <c:v>2.4912062751185569</c:v>
                </c:pt>
                <c:pt idx="2798">
                  <c:v>2.4912062751185569</c:v>
                </c:pt>
                <c:pt idx="2799">
                  <c:v>2.0760052292654647</c:v>
                </c:pt>
                <c:pt idx="2800">
                  <c:v>1.9652849503713066</c:v>
                </c:pt>
                <c:pt idx="2801">
                  <c:v>1.9652849503713066</c:v>
                </c:pt>
                <c:pt idx="2802">
                  <c:v>1.9652849503713066</c:v>
                </c:pt>
                <c:pt idx="2803">
                  <c:v>1.9652849503713066</c:v>
                </c:pt>
                <c:pt idx="2804">
                  <c:v>1.522403834794674</c:v>
                </c:pt>
                <c:pt idx="2805">
                  <c:v>0.58128146419433013</c:v>
                </c:pt>
                <c:pt idx="2806">
                  <c:v>0.58128146419433013</c:v>
                </c:pt>
                <c:pt idx="2807">
                  <c:v>0.58128146419433013</c:v>
                </c:pt>
                <c:pt idx="2808">
                  <c:v>0.36718925933412322</c:v>
                </c:pt>
                <c:pt idx="2809">
                  <c:v>0.71689331584281202</c:v>
                </c:pt>
                <c:pt idx="2810">
                  <c:v>0.71689331584281202</c:v>
                </c:pt>
                <c:pt idx="2811">
                  <c:v>0.71689331584281202</c:v>
                </c:pt>
                <c:pt idx="2812">
                  <c:v>0.71689331584281202</c:v>
                </c:pt>
                <c:pt idx="2813">
                  <c:v>0.89174534409715644</c:v>
                </c:pt>
                <c:pt idx="2814">
                  <c:v>1.1190529808278042</c:v>
                </c:pt>
                <c:pt idx="2815">
                  <c:v>1.276419806256714</c:v>
                </c:pt>
                <c:pt idx="2816">
                  <c:v>1.276419806256714</c:v>
                </c:pt>
                <c:pt idx="2817">
                  <c:v>1.276419806256714</c:v>
                </c:pt>
                <c:pt idx="2818">
                  <c:v>1.276419806256714</c:v>
                </c:pt>
                <c:pt idx="2819">
                  <c:v>1.276419806256714</c:v>
                </c:pt>
                <c:pt idx="2820">
                  <c:v>1.276419806256714</c:v>
                </c:pt>
                <c:pt idx="2821">
                  <c:v>1.276419806256714</c:v>
                </c:pt>
                <c:pt idx="2822">
                  <c:v>1.276419806256714</c:v>
                </c:pt>
                <c:pt idx="2823">
                  <c:v>1.1540233864786729</c:v>
                </c:pt>
                <c:pt idx="2824">
                  <c:v>1.0491121695260663</c:v>
                </c:pt>
                <c:pt idx="2825">
                  <c:v>0.94420095257345971</c:v>
                </c:pt>
                <c:pt idx="2826">
                  <c:v>0.90923054692259075</c:v>
                </c:pt>
                <c:pt idx="2827">
                  <c:v>0.73437851866824644</c:v>
                </c:pt>
                <c:pt idx="2828">
                  <c:v>0.54204128758846759</c:v>
                </c:pt>
                <c:pt idx="2829">
                  <c:v>0.54204128758846759</c:v>
                </c:pt>
                <c:pt idx="2830">
                  <c:v>0.54204128758846759</c:v>
                </c:pt>
                <c:pt idx="2831">
                  <c:v>0.54204128758846759</c:v>
                </c:pt>
                <c:pt idx="2832">
                  <c:v>0.69626126586551684</c:v>
                </c:pt>
                <c:pt idx="2833">
                  <c:v>0.80856147003737455</c:v>
                </c:pt>
                <c:pt idx="2834">
                  <c:v>0.80856147003737455</c:v>
                </c:pt>
                <c:pt idx="2835">
                  <c:v>0.80856147003737455</c:v>
                </c:pt>
                <c:pt idx="2836">
                  <c:v>0.80856147003737455</c:v>
                </c:pt>
                <c:pt idx="2837">
                  <c:v>1.0107018375467181</c:v>
                </c:pt>
                <c:pt idx="2838">
                  <c:v>1.1903821642216903</c:v>
                </c:pt>
                <c:pt idx="2839">
                  <c:v>1.4149825725654053</c:v>
                </c:pt>
                <c:pt idx="2840">
                  <c:v>1.4149825725654053</c:v>
                </c:pt>
                <c:pt idx="2841">
                  <c:v>1.4149825725654053</c:v>
                </c:pt>
                <c:pt idx="2842">
                  <c:v>1.4149825725654053</c:v>
                </c:pt>
                <c:pt idx="2843">
                  <c:v>1.4149825725654053</c:v>
                </c:pt>
                <c:pt idx="2844">
                  <c:v>1.4149825725654053</c:v>
                </c:pt>
                <c:pt idx="2845">
                  <c:v>1.4149825725654053</c:v>
                </c:pt>
                <c:pt idx="2846">
                  <c:v>1.4149825725654053</c:v>
                </c:pt>
                <c:pt idx="2847">
                  <c:v>1.2577622867248046</c:v>
                </c:pt>
                <c:pt idx="2848">
                  <c:v>1.2353022458904332</c:v>
                </c:pt>
                <c:pt idx="2849">
                  <c:v>1.0556219192154612</c:v>
                </c:pt>
                <c:pt idx="2850">
                  <c:v>0.98824179671234669</c:v>
                </c:pt>
                <c:pt idx="2851">
                  <c:v>0.83102151087174603</c:v>
                </c:pt>
                <c:pt idx="2852">
                  <c:v>0.69626126586551684</c:v>
                </c:pt>
                <c:pt idx="2853">
                  <c:v>0.60642110252803094</c:v>
                </c:pt>
                <c:pt idx="2854">
                  <c:v>0.60642110252803094</c:v>
                </c:pt>
                <c:pt idx="2855">
                  <c:v>0.60642110252803094</c:v>
                </c:pt>
                <c:pt idx="2856">
                  <c:v>0.39139840535108128</c:v>
                </c:pt>
                <c:pt idx="2857">
                  <c:v>0.39139840535108128</c:v>
                </c:pt>
                <c:pt idx="2858">
                  <c:v>0.39139840535108128</c:v>
                </c:pt>
                <c:pt idx="2859">
                  <c:v>0.39139840535108128</c:v>
                </c:pt>
                <c:pt idx="2860">
                  <c:v>0.39139840535108128</c:v>
                </c:pt>
                <c:pt idx="2861">
                  <c:v>1.6960597565213522</c:v>
                </c:pt>
                <c:pt idx="2862">
                  <c:v>1.9243754929761496</c:v>
                </c:pt>
                <c:pt idx="2863">
                  <c:v>1.9243754929761496</c:v>
                </c:pt>
                <c:pt idx="2864">
                  <c:v>1.9243754929761496</c:v>
                </c:pt>
                <c:pt idx="2865">
                  <c:v>2.0548416280931767</c:v>
                </c:pt>
                <c:pt idx="2866">
                  <c:v>2.0548416280931767</c:v>
                </c:pt>
                <c:pt idx="2867">
                  <c:v>2.6093227023405423</c:v>
                </c:pt>
                <c:pt idx="2868">
                  <c:v>2.6093227023405423</c:v>
                </c:pt>
                <c:pt idx="2869">
                  <c:v>1.7286762903006092</c:v>
                </c:pt>
                <c:pt idx="2870">
                  <c:v>2.6093227023405423</c:v>
                </c:pt>
                <c:pt idx="2871">
                  <c:v>2.6093227023405423</c:v>
                </c:pt>
                <c:pt idx="2872">
                  <c:v>2.6093227023405423</c:v>
                </c:pt>
                <c:pt idx="2873">
                  <c:v>2.6093227023405423</c:v>
                </c:pt>
                <c:pt idx="2874">
                  <c:v>2.6093227023405423</c:v>
                </c:pt>
                <c:pt idx="2875">
                  <c:v>2.1853077632102038</c:v>
                </c:pt>
                <c:pt idx="2876">
                  <c:v>1.7939093578591228</c:v>
                </c:pt>
                <c:pt idx="2877">
                  <c:v>1.3046613511702712</c:v>
                </c:pt>
                <c:pt idx="2878">
                  <c:v>1.2394282836117574</c:v>
                </c:pt>
                <c:pt idx="2879">
                  <c:v>1.2394282836117574</c:v>
                </c:pt>
                <c:pt idx="2880">
                  <c:v>1.1283204942866856</c:v>
                </c:pt>
                <c:pt idx="2881">
                  <c:v>1.1283204942866856</c:v>
                </c:pt>
                <c:pt idx="2882">
                  <c:v>1.1283204942866856</c:v>
                </c:pt>
                <c:pt idx="2883">
                  <c:v>1.1283204942866856</c:v>
                </c:pt>
                <c:pt idx="2884">
                  <c:v>1.1283204942866856</c:v>
                </c:pt>
                <c:pt idx="2885">
                  <c:v>1.466816642572691</c:v>
                </c:pt>
                <c:pt idx="2886">
                  <c:v>1.6360647167156939</c:v>
                </c:pt>
                <c:pt idx="2887">
                  <c:v>1.6924807414300285</c:v>
                </c:pt>
                <c:pt idx="2888">
                  <c:v>1.6924807414300285</c:v>
                </c:pt>
                <c:pt idx="2889">
                  <c:v>1.8335208032158639</c:v>
                </c:pt>
                <c:pt idx="2890">
                  <c:v>1.9181448402873651</c:v>
                </c:pt>
                <c:pt idx="2891">
                  <c:v>2.2566409885733711</c:v>
                </c:pt>
                <c:pt idx="2892">
                  <c:v>2.2566409885733711</c:v>
                </c:pt>
                <c:pt idx="2893">
                  <c:v>2.2566409885733711</c:v>
                </c:pt>
                <c:pt idx="2894">
                  <c:v>2.2566409885733711</c:v>
                </c:pt>
                <c:pt idx="2895">
                  <c:v>2.2566409885733711</c:v>
                </c:pt>
                <c:pt idx="2896">
                  <c:v>2.2566409885733711</c:v>
                </c:pt>
                <c:pt idx="2897">
                  <c:v>2.2566409885733711</c:v>
                </c:pt>
                <c:pt idx="2898">
                  <c:v>2.2566409885733711</c:v>
                </c:pt>
                <c:pt idx="2899">
                  <c:v>1.8899368279301982</c:v>
                </c:pt>
                <c:pt idx="2900">
                  <c:v>1.5514406796441926</c:v>
                </c:pt>
                <c:pt idx="2901">
                  <c:v>1.1283204942866856</c:v>
                </c:pt>
                <c:pt idx="2902">
                  <c:v>1.1283204942866856</c:v>
                </c:pt>
                <c:pt idx="2903">
                  <c:v>1.1283204942866856</c:v>
                </c:pt>
                <c:pt idx="2904">
                  <c:v>0.99533232031624563</c:v>
                </c:pt>
                <c:pt idx="2905">
                  <c:v>1.1197488603557764</c:v>
                </c:pt>
                <c:pt idx="2906">
                  <c:v>1.1197488603557764</c:v>
                </c:pt>
                <c:pt idx="2907">
                  <c:v>1.1197488603557764</c:v>
                </c:pt>
                <c:pt idx="2908">
                  <c:v>1.1197488603557764</c:v>
                </c:pt>
                <c:pt idx="2909">
                  <c:v>1.4432318644585564</c:v>
                </c:pt>
                <c:pt idx="2910">
                  <c:v>1.6671816365297116</c:v>
                </c:pt>
                <c:pt idx="2911">
                  <c:v>1.6671816365297116</c:v>
                </c:pt>
                <c:pt idx="2912">
                  <c:v>1.6671816365297116</c:v>
                </c:pt>
                <c:pt idx="2913">
                  <c:v>1.7915981765692421</c:v>
                </c:pt>
                <c:pt idx="2914">
                  <c:v>1.9408980246166792</c:v>
                </c:pt>
                <c:pt idx="2915">
                  <c:v>2.2394977207115527</c:v>
                </c:pt>
                <c:pt idx="2916">
                  <c:v>2.2394977207115527</c:v>
                </c:pt>
                <c:pt idx="2917">
                  <c:v>2.2394977207115527</c:v>
                </c:pt>
                <c:pt idx="2918">
                  <c:v>2.2394977207115527</c:v>
                </c:pt>
                <c:pt idx="2919">
                  <c:v>2.2394977207115527</c:v>
                </c:pt>
                <c:pt idx="2920">
                  <c:v>2.2394977207115527</c:v>
                </c:pt>
                <c:pt idx="2921">
                  <c:v>2.2394977207115527</c:v>
                </c:pt>
                <c:pt idx="2922">
                  <c:v>2.2394977207115527</c:v>
                </c:pt>
                <c:pt idx="2923">
                  <c:v>1.8662481005929608</c:v>
                </c:pt>
                <c:pt idx="2924">
                  <c:v>1.4929984804743686</c:v>
                </c:pt>
                <c:pt idx="2925">
                  <c:v>1.1197488603557764</c:v>
                </c:pt>
                <c:pt idx="2926">
                  <c:v>1.1197488603557764</c:v>
                </c:pt>
                <c:pt idx="2927">
                  <c:v>1.1197488603557764</c:v>
                </c:pt>
                <c:pt idx="2928">
                  <c:v>1.1263558267707305</c:v>
                </c:pt>
                <c:pt idx="2929">
                  <c:v>1.1263558267707305</c:v>
                </c:pt>
                <c:pt idx="2930">
                  <c:v>1.1263558267707305</c:v>
                </c:pt>
                <c:pt idx="2931">
                  <c:v>1.1263558267707305</c:v>
                </c:pt>
                <c:pt idx="2932">
                  <c:v>1.1263558267707305</c:v>
                </c:pt>
                <c:pt idx="2933">
                  <c:v>1.4517475100600525</c:v>
                </c:pt>
                <c:pt idx="2934">
                  <c:v>1.6770186754141987</c:v>
                </c:pt>
                <c:pt idx="2935">
                  <c:v>1.6770186754141987</c:v>
                </c:pt>
                <c:pt idx="2936">
                  <c:v>1.6770186754141987</c:v>
                </c:pt>
                <c:pt idx="2937">
                  <c:v>1.8021693228331688</c:v>
                </c:pt>
                <c:pt idx="2938">
                  <c:v>1.9523500997359329</c:v>
                </c:pt>
                <c:pt idx="2939">
                  <c:v>2.2527116535414611</c:v>
                </c:pt>
                <c:pt idx="2940">
                  <c:v>2.2527116535414611</c:v>
                </c:pt>
                <c:pt idx="2941">
                  <c:v>2.2527116535414611</c:v>
                </c:pt>
                <c:pt idx="2942">
                  <c:v>2.2527116535414611</c:v>
                </c:pt>
                <c:pt idx="2943">
                  <c:v>2.2527116535414611</c:v>
                </c:pt>
                <c:pt idx="2944">
                  <c:v>2.2527116535414611</c:v>
                </c:pt>
                <c:pt idx="2945">
                  <c:v>2.2527116535414611</c:v>
                </c:pt>
                <c:pt idx="2946">
                  <c:v>2.2527116535414611</c:v>
                </c:pt>
                <c:pt idx="2947">
                  <c:v>1.8772597112845508</c:v>
                </c:pt>
                <c:pt idx="2948">
                  <c:v>1.501807769027641</c:v>
                </c:pt>
                <c:pt idx="2949">
                  <c:v>1.1263558267707305</c:v>
                </c:pt>
                <c:pt idx="2950">
                  <c:v>1.1263558267707305</c:v>
                </c:pt>
                <c:pt idx="2951">
                  <c:v>1.1263558267707305</c:v>
                </c:pt>
                <c:pt idx="2952">
                  <c:v>1.2258243734087189</c:v>
                </c:pt>
                <c:pt idx="2953">
                  <c:v>1.2258243734087189</c:v>
                </c:pt>
                <c:pt idx="2954">
                  <c:v>1.2258243734087189</c:v>
                </c:pt>
                <c:pt idx="2955">
                  <c:v>1.2258243734087189</c:v>
                </c:pt>
                <c:pt idx="2956">
                  <c:v>1.2258243734087189</c:v>
                </c:pt>
                <c:pt idx="2957">
                  <c:v>1.5799514146156819</c:v>
                </c:pt>
                <c:pt idx="2958">
                  <c:v>1.9068379141913405</c:v>
                </c:pt>
                <c:pt idx="2959">
                  <c:v>1.9068379141913405</c:v>
                </c:pt>
                <c:pt idx="2960">
                  <c:v>1.9068379141913405</c:v>
                </c:pt>
                <c:pt idx="2961">
                  <c:v>2.0430406223478648</c:v>
                </c:pt>
                <c:pt idx="2962">
                  <c:v>2.1247622472417795</c:v>
                </c:pt>
                <c:pt idx="2963">
                  <c:v>2.4516487468174377</c:v>
                </c:pt>
                <c:pt idx="2964">
                  <c:v>2.4516487468174377</c:v>
                </c:pt>
                <c:pt idx="2965">
                  <c:v>2.4516487468174377</c:v>
                </c:pt>
                <c:pt idx="2966">
                  <c:v>2.4516487468174377</c:v>
                </c:pt>
                <c:pt idx="2967">
                  <c:v>2.0430406223478648</c:v>
                </c:pt>
                <c:pt idx="2968">
                  <c:v>1.9340784558226454</c:v>
                </c:pt>
                <c:pt idx="2969">
                  <c:v>1.9340784558226454</c:v>
                </c:pt>
                <c:pt idx="2970">
                  <c:v>1.9340784558226454</c:v>
                </c:pt>
                <c:pt idx="2971">
                  <c:v>1.9340784558226454</c:v>
                </c:pt>
                <c:pt idx="2972">
                  <c:v>1.4982297897217673</c:v>
                </c:pt>
                <c:pt idx="2973">
                  <c:v>0.57205137425740216</c:v>
                </c:pt>
                <c:pt idx="2974">
                  <c:v>0.57205137425740216</c:v>
                </c:pt>
                <c:pt idx="2975">
                  <c:v>0.57205137425740216</c:v>
                </c:pt>
                <c:pt idx="2976">
                  <c:v>0.34400699041028393</c:v>
                </c:pt>
                <c:pt idx="2977">
                  <c:v>0.67163269556293548</c:v>
                </c:pt>
                <c:pt idx="2978">
                  <c:v>0.67163269556293548</c:v>
                </c:pt>
                <c:pt idx="2979">
                  <c:v>0.67163269556293548</c:v>
                </c:pt>
                <c:pt idx="2980">
                  <c:v>0.67163269556293548</c:v>
                </c:pt>
                <c:pt idx="2981">
                  <c:v>0.8354455481392612</c:v>
                </c:pt>
                <c:pt idx="2982">
                  <c:v>1.0484022564884845</c:v>
                </c:pt>
                <c:pt idx="2983">
                  <c:v>1.1958338238071777</c:v>
                </c:pt>
                <c:pt idx="2984">
                  <c:v>1.1958338238071777</c:v>
                </c:pt>
                <c:pt idx="2985">
                  <c:v>1.1958338238071777</c:v>
                </c:pt>
                <c:pt idx="2986">
                  <c:v>1.1958338238071777</c:v>
                </c:pt>
                <c:pt idx="2987">
                  <c:v>1.1958338238071777</c:v>
                </c:pt>
                <c:pt idx="2988">
                  <c:v>1.1958338238071777</c:v>
                </c:pt>
                <c:pt idx="2989">
                  <c:v>1.1958338238071777</c:v>
                </c:pt>
                <c:pt idx="2990">
                  <c:v>1.1958338238071777</c:v>
                </c:pt>
                <c:pt idx="2991">
                  <c:v>1.0811648270037495</c:v>
                </c:pt>
                <c:pt idx="2992">
                  <c:v>0.9828771154579542</c:v>
                </c:pt>
                <c:pt idx="2993">
                  <c:v>0.8845894039121589</c:v>
                </c:pt>
                <c:pt idx="2994">
                  <c:v>0.85182683339689358</c:v>
                </c:pt>
                <c:pt idx="2995">
                  <c:v>0.68801398082056786</c:v>
                </c:pt>
                <c:pt idx="2996">
                  <c:v>0.50781984298660954</c:v>
                </c:pt>
                <c:pt idx="2997">
                  <c:v>0.50781984298660954</c:v>
                </c:pt>
                <c:pt idx="2998">
                  <c:v>0.50781984298660954</c:v>
                </c:pt>
                <c:pt idx="2999">
                  <c:v>0.50781984298660954</c:v>
                </c:pt>
                <c:pt idx="3000">
                  <c:v>0.53582549067422713</c:v>
                </c:pt>
                <c:pt idx="3001">
                  <c:v>0.62224895691200566</c:v>
                </c:pt>
                <c:pt idx="3002">
                  <c:v>0.62224895691200566</c:v>
                </c:pt>
                <c:pt idx="3003">
                  <c:v>0.62224895691200566</c:v>
                </c:pt>
                <c:pt idx="3004">
                  <c:v>0.62224895691200566</c:v>
                </c:pt>
                <c:pt idx="3005">
                  <c:v>0.77781119614000704</c:v>
                </c:pt>
                <c:pt idx="3006">
                  <c:v>0.91608874212045288</c:v>
                </c:pt>
                <c:pt idx="3007">
                  <c:v>1.0889356745960102</c:v>
                </c:pt>
                <c:pt idx="3008">
                  <c:v>1.0889356745960102</c:v>
                </c:pt>
                <c:pt idx="3009">
                  <c:v>1.0889356745960102</c:v>
                </c:pt>
                <c:pt idx="3010">
                  <c:v>1.0889356745960102</c:v>
                </c:pt>
                <c:pt idx="3011">
                  <c:v>1.0889356745960102</c:v>
                </c:pt>
                <c:pt idx="3012">
                  <c:v>1.0889356745960102</c:v>
                </c:pt>
                <c:pt idx="3013">
                  <c:v>1.0889356745960102</c:v>
                </c:pt>
                <c:pt idx="3014">
                  <c:v>1.0889356745960102</c:v>
                </c:pt>
                <c:pt idx="3015">
                  <c:v>0.96794282186311997</c:v>
                </c:pt>
                <c:pt idx="3016">
                  <c:v>0.9506581286155642</c:v>
                </c:pt>
                <c:pt idx="3017">
                  <c:v>0.81238058263511859</c:v>
                </c:pt>
                <c:pt idx="3018">
                  <c:v>0.76052650289245138</c:v>
                </c:pt>
                <c:pt idx="3019">
                  <c:v>0.63953365015956143</c:v>
                </c:pt>
                <c:pt idx="3020">
                  <c:v>0.53582549067422713</c:v>
                </c:pt>
                <c:pt idx="3021">
                  <c:v>0.46668671768400433</c:v>
                </c:pt>
                <c:pt idx="3022">
                  <c:v>0.46668671768400433</c:v>
                </c:pt>
                <c:pt idx="3023">
                  <c:v>0.46668671768400433</c:v>
                </c:pt>
                <c:pt idx="3024">
                  <c:v>0.37048212549507731</c:v>
                </c:pt>
                <c:pt idx="3025">
                  <c:v>0.37048212549507731</c:v>
                </c:pt>
                <c:pt idx="3026">
                  <c:v>0.37048212549507731</c:v>
                </c:pt>
                <c:pt idx="3027">
                  <c:v>0.37048212549507731</c:v>
                </c:pt>
                <c:pt idx="3028">
                  <c:v>0.37048212549507731</c:v>
                </c:pt>
                <c:pt idx="3029">
                  <c:v>1.6054225438120018</c:v>
                </c:pt>
                <c:pt idx="3030">
                  <c:v>1.8215371170174637</c:v>
                </c:pt>
                <c:pt idx="3031">
                  <c:v>1.8215371170174637</c:v>
                </c:pt>
                <c:pt idx="3032">
                  <c:v>1.8215371170174637</c:v>
                </c:pt>
                <c:pt idx="3033">
                  <c:v>1.9450311588491562</c:v>
                </c:pt>
                <c:pt idx="3034">
                  <c:v>1.9450311588491562</c:v>
                </c:pt>
                <c:pt idx="3035">
                  <c:v>2.4698808366338492</c:v>
                </c:pt>
                <c:pt idx="3036">
                  <c:v>2.4698808366338492</c:v>
                </c:pt>
                <c:pt idx="3037">
                  <c:v>1.6362960542699247</c:v>
                </c:pt>
                <c:pt idx="3038">
                  <c:v>2.4698808366338492</c:v>
                </c:pt>
                <c:pt idx="3039">
                  <c:v>2.4698808366338492</c:v>
                </c:pt>
                <c:pt idx="3040">
                  <c:v>2.4698808366338492</c:v>
                </c:pt>
                <c:pt idx="3041">
                  <c:v>2.4698808366338492</c:v>
                </c:pt>
                <c:pt idx="3042">
                  <c:v>2.4698808366338492</c:v>
                </c:pt>
                <c:pt idx="3043">
                  <c:v>2.0685252006808486</c:v>
                </c:pt>
                <c:pt idx="3044">
                  <c:v>1.6980430751857711</c:v>
                </c:pt>
                <c:pt idx="3045">
                  <c:v>1.2349404183169246</c:v>
                </c:pt>
                <c:pt idx="3046">
                  <c:v>1.1731933974010782</c:v>
                </c:pt>
                <c:pt idx="3047">
                  <c:v>1.1731933974010782</c:v>
                </c:pt>
                <c:pt idx="3048">
                  <c:v>1.0618728029333644</c:v>
                </c:pt>
                <c:pt idx="3049">
                  <c:v>1.0618728029333644</c:v>
                </c:pt>
                <c:pt idx="3050">
                  <c:v>1.0618728029333644</c:v>
                </c:pt>
                <c:pt idx="3051">
                  <c:v>1.0618728029333644</c:v>
                </c:pt>
                <c:pt idx="3052">
                  <c:v>1.0618728029333644</c:v>
                </c:pt>
                <c:pt idx="3053">
                  <c:v>1.3804346438133737</c:v>
                </c:pt>
                <c:pt idx="3054">
                  <c:v>1.5397155642533782</c:v>
                </c:pt>
                <c:pt idx="3055">
                  <c:v>1.5928092044000466</c:v>
                </c:pt>
                <c:pt idx="3056">
                  <c:v>1.5928092044000466</c:v>
                </c:pt>
                <c:pt idx="3057">
                  <c:v>1.725543304766717</c:v>
                </c:pt>
                <c:pt idx="3058">
                  <c:v>1.8051837649867193</c:v>
                </c:pt>
                <c:pt idx="3059">
                  <c:v>2.1237456058667288</c:v>
                </c:pt>
                <c:pt idx="3060">
                  <c:v>2.1237456058667288</c:v>
                </c:pt>
                <c:pt idx="3061">
                  <c:v>2.1237456058667288</c:v>
                </c:pt>
                <c:pt idx="3062">
                  <c:v>2.1237456058667288</c:v>
                </c:pt>
                <c:pt idx="3063">
                  <c:v>2.1237456058667288</c:v>
                </c:pt>
                <c:pt idx="3064">
                  <c:v>2.1237456058667288</c:v>
                </c:pt>
                <c:pt idx="3065">
                  <c:v>2.1237456058667288</c:v>
                </c:pt>
                <c:pt idx="3066">
                  <c:v>2.1237456058667288</c:v>
                </c:pt>
                <c:pt idx="3067">
                  <c:v>1.7786369449133852</c:v>
                </c:pt>
                <c:pt idx="3068">
                  <c:v>1.4600751040333757</c:v>
                </c:pt>
                <c:pt idx="3069">
                  <c:v>1.0618728029333644</c:v>
                </c:pt>
                <c:pt idx="3070">
                  <c:v>1.0618728029333644</c:v>
                </c:pt>
                <c:pt idx="3071">
                  <c:v>1.0618728029333644</c:v>
                </c:pt>
                <c:pt idx="3072">
                  <c:v>0.93671561972248507</c:v>
                </c:pt>
                <c:pt idx="3073">
                  <c:v>1.0538050721877954</c:v>
                </c:pt>
                <c:pt idx="3074">
                  <c:v>1.0538050721877954</c:v>
                </c:pt>
                <c:pt idx="3075">
                  <c:v>1.0538050721877954</c:v>
                </c:pt>
                <c:pt idx="3076">
                  <c:v>1.0538050721877954</c:v>
                </c:pt>
                <c:pt idx="3077">
                  <c:v>1.3582376485976031</c:v>
                </c:pt>
                <c:pt idx="3078">
                  <c:v>1.5689986630351622</c:v>
                </c:pt>
                <c:pt idx="3079">
                  <c:v>1.5689986630351622</c:v>
                </c:pt>
                <c:pt idx="3080">
                  <c:v>1.5689986630351622</c:v>
                </c:pt>
                <c:pt idx="3081">
                  <c:v>1.686088115500473</c:v>
                </c:pt>
                <c:pt idx="3082">
                  <c:v>1.8265954584588455</c:v>
                </c:pt>
                <c:pt idx="3083">
                  <c:v>2.1076101443755908</c:v>
                </c:pt>
                <c:pt idx="3084">
                  <c:v>2.1076101443755908</c:v>
                </c:pt>
                <c:pt idx="3085">
                  <c:v>2.1076101443755908</c:v>
                </c:pt>
                <c:pt idx="3086">
                  <c:v>2.1076101443755908</c:v>
                </c:pt>
                <c:pt idx="3087">
                  <c:v>2.1076101443755908</c:v>
                </c:pt>
                <c:pt idx="3088">
                  <c:v>2.1076101443755908</c:v>
                </c:pt>
                <c:pt idx="3089">
                  <c:v>2.1076101443755908</c:v>
                </c:pt>
                <c:pt idx="3090">
                  <c:v>2.1076101443755908</c:v>
                </c:pt>
                <c:pt idx="3091">
                  <c:v>1.7563417869796594</c:v>
                </c:pt>
                <c:pt idx="3092">
                  <c:v>1.4050734295837273</c:v>
                </c:pt>
                <c:pt idx="3093">
                  <c:v>1.0538050721877954</c:v>
                </c:pt>
                <c:pt idx="3094">
                  <c:v>1.0538050721877954</c:v>
                </c:pt>
                <c:pt idx="3095">
                  <c:v>1.0538050721877954</c:v>
                </c:pt>
                <c:pt idx="3096">
                  <c:v>1.0451466535628495</c:v>
                </c:pt>
                <c:pt idx="3097">
                  <c:v>1.0451466535628495</c:v>
                </c:pt>
                <c:pt idx="3098">
                  <c:v>1.0451466535628495</c:v>
                </c:pt>
                <c:pt idx="3099">
                  <c:v>1.0451466535628495</c:v>
                </c:pt>
                <c:pt idx="3100">
                  <c:v>1.0451466535628495</c:v>
                </c:pt>
                <c:pt idx="3101">
                  <c:v>1.3470779090365619</c:v>
                </c:pt>
                <c:pt idx="3102">
                  <c:v>1.5561072397491318</c:v>
                </c:pt>
                <c:pt idx="3103">
                  <c:v>1.5561072397491318</c:v>
                </c:pt>
                <c:pt idx="3104">
                  <c:v>1.5561072397491318</c:v>
                </c:pt>
                <c:pt idx="3105">
                  <c:v>1.6722346457005595</c:v>
                </c:pt>
                <c:pt idx="3106">
                  <c:v>1.8115875328422724</c:v>
                </c:pt>
                <c:pt idx="3107">
                  <c:v>2.0902933071256991</c:v>
                </c:pt>
                <c:pt idx="3108">
                  <c:v>2.0902933071256991</c:v>
                </c:pt>
                <c:pt idx="3109">
                  <c:v>2.0902933071256991</c:v>
                </c:pt>
                <c:pt idx="3110">
                  <c:v>2.0902933071256991</c:v>
                </c:pt>
                <c:pt idx="3111">
                  <c:v>2.0902933071256991</c:v>
                </c:pt>
                <c:pt idx="3112">
                  <c:v>2.0902933071256991</c:v>
                </c:pt>
                <c:pt idx="3113">
                  <c:v>2.0902933071256991</c:v>
                </c:pt>
                <c:pt idx="3114">
                  <c:v>2.0902933071256991</c:v>
                </c:pt>
                <c:pt idx="3115">
                  <c:v>1.7419110892714158</c:v>
                </c:pt>
                <c:pt idx="3116">
                  <c:v>1.3935288714171328</c:v>
                </c:pt>
                <c:pt idx="3117">
                  <c:v>1.0451466535628495</c:v>
                </c:pt>
                <c:pt idx="3118">
                  <c:v>1.0451466535628495</c:v>
                </c:pt>
                <c:pt idx="3119">
                  <c:v>1.0451466535628495</c:v>
                </c:pt>
                <c:pt idx="3120">
                  <c:v>1.1623027005016777</c:v>
                </c:pt>
                <c:pt idx="3121">
                  <c:v>1.1623027005016777</c:v>
                </c:pt>
                <c:pt idx="3122">
                  <c:v>1.1623027005016777</c:v>
                </c:pt>
                <c:pt idx="3123">
                  <c:v>1.1623027005016777</c:v>
                </c:pt>
                <c:pt idx="3124">
                  <c:v>1.1623027005016777</c:v>
                </c:pt>
                <c:pt idx="3125">
                  <c:v>1.4980790362021623</c:v>
                </c:pt>
                <c:pt idx="3126">
                  <c:v>1.80802642300261</c:v>
                </c:pt>
                <c:pt idx="3127">
                  <c:v>1.80802642300261</c:v>
                </c:pt>
                <c:pt idx="3128">
                  <c:v>1.80802642300261</c:v>
                </c:pt>
                <c:pt idx="3129">
                  <c:v>1.9371711675027963</c:v>
                </c:pt>
                <c:pt idx="3130">
                  <c:v>2.014658014202908</c:v>
                </c:pt>
                <c:pt idx="3131">
                  <c:v>2.3246054010033554</c:v>
                </c:pt>
                <c:pt idx="3132">
                  <c:v>2.3246054010033554</c:v>
                </c:pt>
                <c:pt idx="3133">
                  <c:v>2.3246054010033554</c:v>
                </c:pt>
                <c:pt idx="3134">
                  <c:v>2.3246054010033554</c:v>
                </c:pt>
                <c:pt idx="3135">
                  <c:v>1.9371711675027963</c:v>
                </c:pt>
                <c:pt idx="3136">
                  <c:v>1.8338553719026471</c:v>
                </c:pt>
                <c:pt idx="3137">
                  <c:v>1.8338553719026471</c:v>
                </c:pt>
                <c:pt idx="3138">
                  <c:v>1.8338553719026471</c:v>
                </c:pt>
                <c:pt idx="3139">
                  <c:v>1.8338553719026471</c:v>
                </c:pt>
                <c:pt idx="3140">
                  <c:v>1.4205921895020508</c:v>
                </c:pt>
                <c:pt idx="3141">
                  <c:v>0.54240792690078299</c:v>
                </c:pt>
                <c:pt idx="3142">
                  <c:v>0.54240792690078299</c:v>
                </c:pt>
                <c:pt idx="3143">
                  <c:v>0.54240792690078299</c:v>
                </c:pt>
                <c:pt idx="3144">
                  <c:v>0.27446018363876634</c:v>
                </c:pt>
                <c:pt idx="3145">
                  <c:v>0.53585083472330575</c:v>
                </c:pt>
                <c:pt idx="3146">
                  <c:v>0.53585083472330575</c:v>
                </c:pt>
                <c:pt idx="3147">
                  <c:v>0.53585083472330575</c:v>
                </c:pt>
                <c:pt idx="3148">
                  <c:v>0.53585083472330575</c:v>
                </c:pt>
                <c:pt idx="3149">
                  <c:v>0.66654616026557556</c:v>
                </c:pt>
                <c:pt idx="3150">
                  <c:v>0.83645008347052607</c:v>
                </c:pt>
                <c:pt idx="3151">
                  <c:v>0.95407587645856884</c:v>
                </c:pt>
                <c:pt idx="3152">
                  <c:v>0.95407587645856884</c:v>
                </c:pt>
                <c:pt idx="3153">
                  <c:v>0.95407587645856884</c:v>
                </c:pt>
                <c:pt idx="3154">
                  <c:v>0.95407587645856884</c:v>
                </c:pt>
                <c:pt idx="3155">
                  <c:v>0.95407587645856884</c:v>
                </c:pt>
                <c:pt idx="3156">
                  <c:v>0.95407587645856884</c:v>
                </c:pt>
                <c:pt idx="3157">
                  <c:v>0.95407587645856884</c:v>
                </c:pt>
                <c:pt idx="3158">
                  <c:v>0.95407587645856884</c:v>
                </c:pt>
                <c:pt idx="3159">
                  <c:v>0.86258914857897995</c:v>
                </c:pt>
                <c:pt idx="3160">
                  <c:v>0.78417195325361821</c:v>
                </c:pt>
                <c:pt idx="3161">
                  <c:v>0.70575475792825648</c:v>
                </c:pt>
                <c:pt idx="3162">
                  <c:v>0.67961569281980239</c:v>
                </c:pt>
                <c:pt idx="3163">
                  <c:v>0.54892036727753268</c:v>
                </c:pt>
                <c:pt idx="3164">
                  <c:v>0.40515550918103604</c:v>
                </c:pt>
                <c:pt idx="3165">
                  <c:v>0.40515550918103604</c:v>
                </c:pt>
                <c:pt idx="3166">
                  <c:v>0.40515550918103604</c:v>
                </c:pt>
                <c:pt idx="3167">
                  <c:v>0.40515550918103604</c:v>
                </c:pt>
                <c:pt idx="3168">
                  <c:v>0.42886830721336722</c:v>
                </c:pt>
                <c:pt idx="3169">
                  <c:v>0.49804061482842638</c:v>
                </c:pt>
                <c:pt idx="3170">
                  <c:v>0.49804061482842638</c:v>
                </c:pt>
                <c:pt idx="3171">
                  <c:v>0.49804061482842638</c:v>
                </c:pt>
                <c:pt idx="3172">
                  <c:v>0.49804061482842638</c:v>
                </c:pt>
                <c:pt idx="3173">
                  <c:v>0.62255076853553304</c:v>
                </c:pt>
                <c:pt idx="3174">
                  <c:v>0.73322646071962783</c:v>
                </c:pt>
                <c:pt idx="3175">
                  <c:v>0.87157107594974625</c:v>
                </c:pt>
                <c:pt idx="3176">
                  <c:v>0.87157107594974625</c:v>
                </c:pt>
                <c:pt idx="3177">
                  <c:v>0.87157107594974625</c:v>
                </c:pt>
                <c:pt idx="3178">
                  <c:v>0.87157107594974625</c:v>
                </c:pt>
                <c:pt idx="3179">
                  <c:v>0.87157107594974625</c:v>
                </c:pt>
                <c:pt idx="3180">
                  <c:v>0.87157107594974625</c:v>
                </c:pt>
                <c:pt idx="3181">
                  <c:v>0.87157107594974625</c:v>
                </c:pt>
                <c:pt idx="3182">
                  <c:v>0.87157107594974625</c:v>
                </c:pt>
                <c:pt idx="3183">
                  <c:v>0.77472984528866329</c:v>
                </c:pt>
                <c:pt idx="3184">
                  <c:v>0.76089538376565147</c:v>
                </c:pt>
                <c:pt idx="3185">
                  <c:v>0.65021969158155679</c:v>
                </c:pt>
                <c:pt idx="3186">
                  <c:v>0.60871630701252122</c:v>
                </c:pt>
                <c:pt idx="3187">
                  <c:v>0.51187507635143825</c:v>
                </c:pt>
                <c:pt idx="3188">
                  <c:v>0.42886830721336722</c:v>
                </c:pt>
                <c:pt idx="3189">
                  <c:v>0.37353046112131988</c:v>
                </c:pt>
                <c:pt idx="3190">
                  <c:v>0.37353046112131988</c:v>
                </c:pt>
                <c:pt idx="3191">
                  <c:v>0.37353046112131988</c:v>
                </c:pt>
                <c:pt idx="3192">
                  <c:v>0.35407892735679886</c:v>
                </c:pt>
                <c:pt idx="3193">
                  <c:v>0.35407892735679886</c:v>
                </c:pt>
                <c:pt idx="3194">
                  <c:v>0.35407892735679886</c:v>
                </c:pt>
                <c:pt idx="3195">
                  <c:v>0.35407892735679886</c:v>
                </c:pt>
                <c:pt idx="3196">
                  <c:v>0.35407892735679886</c:v>
                </c:pt>
                <c:pt idx="3197">
                  <c:v>1.5343420185461281</c:v>
                </c:pt>
                <c:pt idx="3198">
                  <c:v>1.7408880595042608</c:v>
                </c:pt>
                <c:pt idx="3199">
                  <c:v>1.7408880595042608</c:v>
                </c:pt>
                <c:pt idx="3200">
                  <c:v>1.7408880595042608</c:v>
                </c:pt>
                <c:pt idx="3201">
                  <c:v>1.8589143686231939</c:v>
                </c:pt>
                <c:pt idx="3202">
                  <c:v>1.8589143686231939</c:v>
                </c:pt>
                <c:pt idx="3203">
                  <c:v>2.360526182378659</c:v>
                </c:pt>
                <c:pt idx="3204">
                  <c:v>2.360526182378659</c:v>
                </c:pt>
                <c:pt idx="3205">
                  <c:v>1.5638485958258617</c:v>
                </c:pt>
                <c:pt idx="3206">
                  <c:v>2.360526182378659</c:v>
                </c:pt>
                <c:pt idx="3207">
                  <c:v>2.360526182378659</c:v>
                </c:pt>
                <c:pt idx="3208">
                  <c:v>2.360526182378659</c:v>
                </c:pt>
                <c:pt idx="3209">
                  <c:v>2.360526182378659</c:v>
                </c:pt>
                <c:pt idx="3210">
                  <c:v>2.360526182378659</c:v>
                </c:pt>
                <c:pt idx="3211">
                  <c:v>1.976940677742127</c:v>
                </c:pt>
                <c:pt idx="3212">
                  <c:v>1.622861750385328</c:v>
                </c:pt>
                <c:pt idx="3213">
                  <c:v>1.1802630911893295</c:v>
                </c:pt>
                <c:pt idx="3214">
                  <c:v>1.1212499366298629</c:v>
                </c:pt>
                <c:pt idx="3215">
                  <c:v>1.1212499366298629</c:v>
                </c:pt>
                <c:pt idx="3216">
                  <c:v>1.0595548602117368</c:v>
                </c:pt>
                <c:pt idx="3217">
                  <c:v>1.0595548602117368</c:v>
                </c:pt>
                <c:pt idx="3218">
                  <c:v>1.0595548602117368</c:v>
                </c:pt>
                <c:pt idx="3219">
                  <c:v>1.0595548602117368</c:v>
                </c:pt>
                <c:pt idx="3220">
                  <c:v>1.0595548602117368</c:v>
                </c:pt>
                <c:pt idx="3221">
                  <c:v>1.3774213182752577</c:v>
                </c:pt>
                <c:pt idx="3222">
                  <c:v>1.5363545473070184</c:v>
                </c:pt>
                <c:pt idx="3223">
                  <c:v>1.5893322903176053</c:v>
                </c:pt>
                <c:pt idx="3224">
                  <c:v>1.5893322903176053</c:v>
                </c:pt>
                <c:pt idx="3225">
                  <c:v>1.7217766478440724</c:v>
                </c:pt>
                <c:pt idx="3226">
                  <c:v>1.8012432623599524</c:v>
                </c:pt>
                <c:pt idx="3227">
                  <c:v>2.1191097204234737</c:v>
                </c:pt>
                <c:pt idx="3228">
                  <c:v>2.1191097204234737</c:v>
                </c:pt>
                <c:pt idx="3229">
                  <c:v>2.1191097204234737</c:v>
                </c:pt>
                <c:pt idx="3230">
                  <c:v>2.1191097204234737</c:v>
                </c:pt>
                <c:pt idx="3231">
                  <c:v>2.1191097204234737</c:v>
                </c:pt>
                <c:pt idx="3232">
                  <c:v>2.1191097204234737</c:v>
                </c:pt>
                <c:pt idx="3233">
                  <c:v>2.1191097204234737</c:v>
                </c:pt>
                <c:pt idx="3234">
                  <c:v>2.1191097204234737</c:v>
                </c:pt>
                <c:pt idx="3235">
                  <c:v>1.7747543908546592</c:v>
                </c:pt>
                <c:pt idx="3236">
                  <c:v>1.4568879327911379</c:v>
                </c:pt>
                <c:pt idx="3237">
                  <c:v>1.0595548602117368</c:v>
                </c:pt>
                <c:pt idx="3238">
                  <c:v>1.0595548602117368</c:v>
                </c:pt>
                <c:pt idx="3239">
                  <c:v>1.0595548602117368</c:v>
                </c:pt>
                <c:pt idx="3240">
                  <c:v>0.98016093898609569</c:v>
                </c:pt>
                <c:pt idx="3241">
                  <c:v>1.1026810563593574</c:v>
                </c:pt>
                <c:pt idx="3242">
                  <c:v>1.1026810563593574</c:v>
                </c:pt>
                <c:pt idx="3243">
                  <c:v>1.1026810563593574</c:v>
                </c:pt>
                <c:pt idx="3244">
                  <c:v>1.1026810563593574</c:v>
                </c:pt>
                <c:pt idx="3245">
                  <c:v>1.4212333615298387</c:v>
                </c:pt>
                <c:pt idx="3246">
                  <c:v>1.6417695728017103</c:v>
                </c:pt>
                <c:pt idx="3247">
                  <c:v>1.6417695728017103</c:v>
                </c:pt>
                <c:pt idx="3248">
                  <c:v>1.6417695728017103</c:v>
                </c:pt>
                <c:pt idx="3249">
                  <c:v>1.7642896901749723</c:v>
                </c:pt>
                <c:pt idx="3250">
                  <c:v>1.9113138310228868</c:v>
                </c:pt>
                <c:pt idx="3251">
                  <c:v>2.2053621127187149</c:v>
                </c:pt>
                <c:pt idx="3252">
                  <c:v>2.2053621127187149</c:v>
                </c:pt>
                <c:pt idx="3253">
                  <c:v>2.2053621127187149</c:v>
                </c:pt>
                <c:pt idx="3254">
                  <c:v>2.2053621127187149</c:v>
                </c:pt>
                <c:pt idx="3255">
                  <c:v>2.2053621127187149</c:v>
                </c:pt>
                <c:pt idx="3256">
                  <c:v>2.2053621127187149</c:v>
                </c:pt>
                <c:pt idx="3257">
                  <c:v>2.2053621127187149</c:v>
                </c:pt>
                <c:pt idx="3258">
                  <c:v>2.2053621127187149</c:v>
                </c:pt>
                <c:pt idx="3259">
                  <c:v>1.8378017605989294</c:v>
                </c:pt>
                <c:pt idx="3260">
                  <c:v>1.4702414084791438</c:v>
                </c:pt>
                <c:pt idx="3261">
                  <c:v>1.1026810563593574</c:v>
                </c:pt>
                <c:pt idx="3262">
                  <c:v>1.1026810563593574</c:v>
                </c:pt>
                <c:pt idx="3263">
                  <c:v>1.1026810563593574</c:v>
                </c:pt>
                <c:pt idx="3264">
                  <c:v>1.1155279370096793</c:v>
                </c:pt>
                <c:pt idx="3265">
                  <c:v>1.1155279370096793</c:v>
                </c:pt>
                <c:pt idx="3266">
                  <c:v>1.1155279370096793</c:v>
                </c:pt>
                <c:pt idx="3267">
                  <c:v>1.1155279370096793</c:v>
                </c:pt>
                <c:pt idx="3268">
                  <c:v>1.1155279370096793</c:v>
                </c:pt>
                <c:pt idx="3269">
                  <c:v>1.4377915632569203</c:v>
                </c:pt>
                <c:pt idx="3270">
                  <c:v>1.6608971506588561</c:v>
                </c:pt>
                <c:pt idx="3271">
                  <c:v>1.6608971506588561</c:v>
                </c:pt>
                <c:pt idx="3272">
                  <c:v>1.6608971506588561</c:v>
                </c:pt>
                <c:pt idx="3273">
                  <c:v>1.7848446992154872</c:v>
                </c:pt>
                <c:pt idx="3274">
                  <c:v>1.9335817574834446</c:v>
                </c:pt>
                <c:pt idx="3275">
                  <c:v>2.2310558740193587</c:v>
                </c:pt>
                <c:pt idx="3276">
                  <c:v>2.2310558740193587</c:v>
                </c:pt>
                <c:pt idx="3277">
                  <c:v>2.2310558740193587</c:v>
                </c:pt>
                <c:pt idx="3278">
                  <c:v>2.2310558740193587</c:v>
                </c:pt>
                <c:pt idx="3279">
                  <c:v>2.2310558740193587</c:v>
                </c:pt>
                <c:pt idx="3280">
                  <c:v>2.2310558740193587</c:v>
                </c:pt>
                <c:pt idx="3281">
                  <c:v>2.2310558740193587</c:v>
                </c:pt>
                <c:pt idx="3282">
                  <c:v>2.2310558740193587</c:v>
                </c:pt>
                <c:pt idx="3283">
                  <c:v>1.8592132283494658</c:v>
                </c:pt>
                <c:pt idx="3284">
                  <c:v>1.4873705826795727</c:v>
                </c:pt>
                <c:pt idx="3285">
                  <c:v>1.1155279370096793</c:v>
                </c:pt>
                <c:pt idx="3286">
                  <c:v>1.1155279370096793</c:v>
                </c:pt>
                <c:pt idx="3287">
                  <c:v>1.1155279370096793</c:v>
                </c:pt>
                <c:pt idx="3288">
                  <c:v>1.1783948576381282</c:v>
                </c:pt>
                <c:pt idx="3289">
                  <c:v>1.1783948576381282</c:v>
                </c:pt>
                <c:pt idx="3290">
                  <c:v>1.1783948576381282</c:v>
                </c:pt>
                <c:pt idx="3291">
                  <c:v>1.1783948576381282</c:v>
                </c:pt>
                <c:pt idx="3292">
                  <c:v>1.1783948576381282</c:v>
                </c:pt>
                <c:pt idx="3293">
                  <c:v>1.5188200387335875</c:v>
                </c:pt>
                <c:pt idx="3294">
                  <c:v>1.8330586674370883</c:v>
                </c:pt>
                <c:pt idx="3295">
                  <c:v>1.8330586674370883</c:v>
                </c:pt>
                <c:pt idx="3296">
                  <c:v>1.8330586674370883</c:v>
                </c:pt>
                <c:pt idx="3297">
                  <c:v>1.9639914293968803</c:v>
                </c:pt>
                <c:pt idx="3298">
                  <c:v>2.0425510865727552</c:v>
                </c:pt>
                <c:pt idx="3299">
                  <c:v>2.3567897152762565</c:v>
                </c:pt>
                <c:pt idx="3300">
                  <c:v>2.3567897152762565</c:v>
                </c:pt>
                <c:pt idx="3301">
                  <c:v>2.3567897152762565</c:v>
                </c:pt>
                <c:pt idx="3302">
                  <c:v>2.3567897152762565</c:v>
                </c:pt>
                <c:pt idx="3303">
                  <c:v>1.9639914293968803</c:v>
                </c:pt>
                <c:pt idx="3304">
                  <c:v>1.8592452198290466</c:v>
                </c:pt>
                <c:pt idx="3305">
                  <c:v>1.8592452198290466</c:v>
                </c:pt>
                <c:pt idx="3306">
                  <c:v>1.8592452198290466</c:v>
                </c:pt>
                <c:pt idx="3307">
                  <c:v>1.8592452198290466</c:v>
                </c:pt>
                <c:pt idx="3308">
                  <c:v>1.4402603815577122</c:v>
                </c:pt>
                <c:pt idx="3309">
                  <c:v>0.54991760023112646</c:v>
                </c:pt>
                <c:pt idx="3310">
                  <c:v>0.54991760023112646</c:v>
                </c:pt>
                <c:pt idx="3311">
                  <c:v>0.54991760023112646</c:v>
                </c:pt>
                <c:pt idx="3312">
                  <c:v>0.26431794098458672</c:v>
                </c:pt>
                <c:pt idx="3313">
                  <c:v>0.5160493133508598</c:v>
                </c:pt>
                <c:pt idx="3314">
                  <c:v>0.5160493133508598</c:v>
                </c:pt>
                <c:pt idx="3315">
                  <c:v>0.5160493133508598</c:v>
                </c:pt>
                <c:pt idx="3316">
                  <c:v>0.5160493133508598</c:v>
                </c:pt>
                <c:pt idx="3317">
                  <c:v>0.64191499953399622</c:v>
                </c:pt>
                <c:pt idx="3318">
                  <c:v>0.80554039157207391</c:v>
                </c:pt>
                <c:pt idx="3319">
                  <c:v>0.91881950913689669</c:v>
                </c:pt>
                <c:pt idx="3320">
                  <c:v>0.91881950913689669</c:v>
                </c:pt>
                <c:pt idx="3321">
                  <c:v>0.91881950913689669</c:v>
                </c:pt>
                <c:pt idx="3322">
                  <c:v>0.91881950913689669</c:v>
                </c:pt>
                <c:pt idx="3323">
                  <c:v>0.91881950913689669</c:v>
                </c:pt>
                <c:pt idx="3324">
                  <c:v>0.91881950913689669</c:v>
                </c:pt>
                <c:pt idx="3325">
                  <c:v>0.91881950913689669</c:v>
                </c:pt>
                <c:pt idx="3326">
                  <c:v>0.91881950913689669</c:v>
                </c:pt>
                <c:pt idx="3327">
                  <c:v>0.83071352880870108</c:v>
                </c:pt>
                <c:pt idx="3328">
                  <c:v>0.75519411709881923</c:v>
                </c:pt>
                <c:pt idx="3329">
                  <c:v>0.67967470538893726</c:v>
                </c:pt>
                <c:pt idx="3330">
                  <c:v>0.65450156815230998</c:v>
                </c:pt>
                <c:pt idx="3331">
                  <c:v>0.52863588196917344</c:v>
                </c:pt>
                <c:pt idx="3332">
                  <c:v>0.3901836271677232</c:v>
                </c:pt>
                <c:pt idx="3333">
                  <c:v>0.3901836271677232</c:v>
                </c:pt>
                <c:pt idx="3334">
                  <c:v>0.3901836271677232</c:v>
                </c:pt>
                <c:pt idx="3335">
                  <c:v>0.3901836271677232</c:v>
                </c:pt>
                <c:pt idx="3336">
                  <c:v>0.39726732119084029</c:v>
                </c:pt>
                <c:pt idx="3337">
                  <c:v>0.46134269557645979</c:v>
                </c:pt>
                <c:pt idx="3338">
                  <c:v>0.46134269557645979</c:v>
                </c:pt>
                <c:pt idx="3339">
                  <c:v>0.46134269557645979</c:v>
                </c:pt>
                <c:pt idx="3340">
                  <c:v>0.46134269557645979</c:v>
                </c:pt>
                <c:pt idx="3341">
                  <c:v>0.5766783694705746</c:v>
                </c:pt>
                <c:pt idx="3342">
                  <c:v>0.67919896848756578</c:v>
                </c:pt>
                <c:pt idx="3343">
                  <c:v>0.80734971725880456</c:v>
                </c:pt>
                <c:pt idx="3344">
                  <c:v>0.80734971725880456</c:v>
                </c:pt>
                <c:pt idx="3345">
                  <c:v>0.80734971725880456</c:v>
                </c:pt>
                <c:pt idx="3346">
                  <c:v>0.80734971725880456</c:v>
                </c:pt>
                <c:pt idx="3347">
                  <c:v>0.80734971725880456</c:v>
                </c:pt>
                <c:pt idx="3348">
                  <c:v>0.80734971725880456</c:v>
                </c:pt>
                <c:pt idx="3349">
                  <c:v>0.80734971725880456</c:v>
                </c:pt>
                <c:pt idx="3350">
                  <c:v>0.80734971725880456</c:v>
                </c:pt>
                <c:pt idx="3351">
                  <c:v>0.71764419311893735</c:v>
                </c:pt>
                <c:pt idx="3352">
                  <c:v>0.70482911824181338</c:v>
                </c:pt>
                <c:pt idx="3353">
                  <c:v>0.60230851922482243</c:v>
                </c:pt>
                <c:pt idx="3354">
                  <c:v>0.56386329459345086</c:v>
                </c:pt>
                <c:pt idx="3355">
                  <c:v>0.47415777045358365</c:v>
                </c:pt>
                <c:pt idx="3356">
                  <c:v>0.39726732119084029</c:v>
                </c:pt>
                <c:pt idx="3357">
                  <c:v>0.34600702168234482</c:v>
                </c:pt>
                <c:pt idx="3358">
                  <c:v>0.34600702168234482</c:v>
                </c:pt>
                <c:pt idx="3359">
                  <c:v>0.34600702168234482</c:v>
                </c:pt>
                <c:pt idx="3360">
                  <c:v>0.36148682329021486</c:v>
                </c:pt>
                <c:pt idx="3361">
                  <c:v>0.36148682329021486</c:v>
                </c:pt>
                <c:pt idx="3362">
                  <c:v>0.36148682329021486</c:v>
                </c:pt>
                <c:pt idx="3363">
                  <c:v>0.36148682329021486</c:v>
                </c:pt>
                <c:pt idx="3364">
                  <c:v>0.36148682329021486</c:v>
                </c:pt>
                <c:pt idx="3365">
                  <c:v>1.5664429009242646</c:v>
                </c:pt>
                <c:pt idx="3366">
                  <c:v>1.7773102145102235</c:v>
                </c:pt>
                <c:pt idx="3367">
                  <c:v>1.7773102145102235</c:v>
                </c:pt>
                <c:pt idx="3368">
                  <c:v>1.7773102145102235</c:v>
                </c:pt>
                <c:pt idx="3369">
                  <c:v>1.8978058222736283</c:v>
                </c:pt>
                <c:pt idx="3370">
                  <c:v>1.8978058222736283</c:v>
                </c:pt>
                <c:pt idx="3371">
                  <c:v>2.4099121552680995</c:v>
                </c:pt>
                <c:pt idx="3372">
                  <c:v>2.4099121552680995</c:v>
                </c:pt>
                <c:pt idx="3373">
                  <c:v>1.5965668028651161</c:v>
                </c:pt>
                <c:pt idx="3374">
                  <c:v>2.4099121552680995</c:v>
                </c:pt>
                <c:pt idx="3375">
                  <c:v>2.4099121552680995</c:v>
                </c:pt>
                <c:pt idx="3376">
                  <c:v>2.4099121552680995</c:v>
                </c:pt>
                <c:pt idx="3377">
                  <c:v>2.4099121552680995</c:v>
                </c:pt>
                <c:pt idx="3378">
                  <c:v>2.4099121552680995</c:v>
                </c:pt>
                <c:pt idx="3379">
                  <c:v>2.0183014300370337</c:v>
                </c:pt>
                <c:pt idx="3380">
                  <c:v>1.6568146067468186</c:v>
                </c:pt>
                <c:pt idx="3381">
                  <c:v>1.2049560776340498</c:v>
                </c:pt>
                <c:pt idx="3382">
                  <c:v>1.1447082737523473</c:v>
                </c:pt>
                <c:pt idx="3383">
                  <c:v>1.1447082737523473</c:v>
                </c:pt>
                <c:pt idx="3384">
                  <c:v>1.0495104417513512</c:v>
                </c:pt>
                <c:pt idx="3385">
                  <c:v>1.0495104417513512</c:v>
                </c:pt>
                <c:pt idx="3386">
                  <c:v>1.0495104417513512</c:v>
                </c:pt>
                <c:pt idx="3387">
                  <c:v>1.0495104417513512</c:v>
                </c:pt>
                <c:pt idx="3388">
                  <c:v>1.0495104417513512</c:v>
                </c:pt>
                <c:pt idx="3389">
                  <c:v>1.3643635742767564</c:v>
                </c:pt>
                <c:pt idx="3390">
                  <c:v>1.5217901405394589</c:v>
                </c:pt>
                <c:pt idx="3391">
                  <c:v>1.5742656626270266</c:v>
                </c:pt>
                <c:pt idx="3392">
                  <c:v>1.5742656626270266</c:v>
                </c:pt>
                <c:pt idx="3393">
                  <c:v>1.7054544678459453</c:v>
                </c:pt>
                <c:pt idx="3394">
                  <c:v>1.7841677509772966</c:v>
                </c:pt>
                <c:pt idx="3395">
                  <c:v>2.0990208835027024</c:v>
                </c:pt>
                <c:pt idx="3396">
                  <c:v>2.0990208835027024</c:v>
                </c:pt>
                <c:pt idx="3397">
                  <c:v>2.0990208835027024</c:v>
                </c:pt>
                <c:pt idx="3398">
                  <c:v>2.0990208835027024</c:v>
                </c:pt>
                <c:pt idx="3399">
                  <c:v>2.0990208835027024</c:v>
                </c:pt>
                <c:pt idx="3400">
                  <c:v>2.0990208835027024</c:v>
                </c:pt>
                <c:pt idx="3401">
                  <c:v>2.0990208835027024</c:v>
                </c:pt>
                <c:pt idx="3402">
                  <c:v>2.0990208835027024</c:v>
                </c:pt>
                <c:pt idx="3403">
                  <c:v>1.757929989933513</c:v>
                </c:pt>
                <c:pt idx="3404">
                  <c:v>1.4430768574081079</c:v>
                </c:pt>
                <c:pt idx="3405">
                  <c:v>1.0495104417513512</c:v>
                </c:pt>
                <c:pt idx="3406">
                  <c:v>1.0495104417513512</c:v>
                </c:pt>
                <c:pt idx="3407">
                  <c:v>1.0495104417513512</c:v>
                </c:pt>
                <c:pt idx="3408">
                  <c:v>0.96636877414050493</c:v>
                </c:pt>
                <c:pt idx="3409">
                  <c:v>1.0871648709080679</c:v>
                </c:pt>
                <c:pt idx="3410">
                  <c:v>1.0871648709080679</c:v>
                </c:pt>
                <c:pt idx="3411">
                  <c:v>1.0871648709080679</c:v>
                </c:pt>
                <c:pt idx="3412">
                  <c:v>1.0871648709080679</c:v>
                </c:pt>
                <c:pt idx="3413">
                  <c:v>1.4012347225037318</c:v>
                </c:pt>
                <c:pt idx="3414">
                  <c:v>1.6186676966853459</c:v>
                </c:pt>
                <c:pt idx="3415">
                  <c:v>1.6186676966853459</c:v>
                </c:pt>
                <c:pt idx="3416">
                  <c:v>1.6186676966853459</c:v>
                </c:pt>
                <c:pt idx="3417">
                  <c:v>1.7394637934529087</c:v>
                </c:pt>
                <c:pt idx="3418">
                  <c:v>1.8844191095739848</c:v>
                </c:pt>
                <c:pt idx="3419">
                  <c:v>2.1743297418161358</c:v>
                </c:pt>
                <c:pt idx="3420">
                  <c:v>2.1743297418161358</c:v>
                </c:pt>
                <c:pt idx="3421">
                  <c:v>2.1743297418161358</c:v>
                </c:pt>
                <c:pt idx="3422">
                  <c:v>2.1743297418161358</c:v>
                </c:pt>
                <c:pt idx="3423">
                  <c:v>2.1743297418161358</c:v>
                </c:pt>
                <c:pt idx="3424">
                  <c:v>2.1743297418161358</c:v>
                </c:pt>
                <c:pt idx="3425">
                  <c:v>2.1743297418161358</c:v>
                </c:pt>
                <c:pt idx="3426">
                  <c:v>2.1743297418161358</c:v>
                </c:pt>
                <c:pt idx="3427">
                  <c:v>1.8119414515134467</c:v>
                </c:pt>
                <c:pt idx="3428">
                  <c:v>1.4495531612107575</c:v>
                </c:pt>
                <c:pt idx="3429">
                  <c:v>1.0871648709080679</c:v>
                </c:pt>
                <c:pt idx="3430">
                  <c:v>1.0871648709080679</c:v>
                </c:pt>
                <c:pt idx="3431">
                  <c:v>1.0871648709080679</c:v>
                </c:pt>
                <c:pt idx="3432">
                  <c:v>1.0876847919098347</c:v>
                </c:pt>
                <c:pt idx="3433">
                  <c:v>1.0876847919098347</c:v>
                </c:pt>
                <c:pt idx="3434">
                  <c:v>1.0876847919098347</c:v>
                </c:pt>
                <c:pt idx="3435">
                  <c:v>1.0876847919098347</c:v>
                </c:pt>
                <c:pt idx="3436">
                  <c:v>1.0876847919098347</c:v>
                </c:pt>
                <c:pt idx="3437">
                  <c:v>1.4019048429060093</c:v>
                </c:pt>
                <c:pt idx="3438">
                  <c:v>1.6194418012879763</c:v>
                </c:pt>
                <c:pt idx="3439">
                  <c:v>1.6194418012879763</c:v>
                </c:pt>
                <c:pt idx="3440">
                  <c:v>1.6194418012879763</c:v>
                </c:pt>
                <c:pt idx="3441">
                  <c:v>1.7402956670557352</c:v>
                </c:pt>
                <c:pt idx="3442">
                  <c:v>1.8853203059770465</c:v>
                </c:pt>
                <c:pt idx="3443">
                  <c:v>2.1753695838196694</c:v>
                </c:pt>
                <c:pt idx="3444">
                  <c:v>2.1753695838196694</c:v>
                </c:pt>
                <c:pt idx="3445">
                  <c:v>2.1753695838196694</c:v>
                </c:pt>
                <c:pt idx="3446">
                  <c:v>2.1753695838196694</c:v>
                </c:pt>
                <c:pt idx="3447">
                  <c:v>2.1753695838196694</c:v>
                </c:pt>
                <c:pt idx="3448">
                  <c:v>2.1753695838196694</c:v>
                </c:pt>
                <c:pt idx="3449">
                  <c:v>2.1753695838196694</c:v>
                </c:pt>
                <c:pt idx="3450">
                  <c:v>2.1753695838196694</c:v>
                </c:pt>
                <c:pt idx="3451">
                  <c:v>1.8128079865163913</c:v>
                </c:pt>
                <c:pt idx="3452">
                  <c:v>1.4502463892131128</c:v>
                </c:pt>
                <c:pt idx="3453">
                  <c:v>1.0876847919098347</c:v>
                </c:pt>
                <c:pt idx="3454">
                  <c:v>1.0876847919098347</c:v>
                </c:pt>
                <c:pt idx="3455">
                  <c:v>1.0876847919098347</c:v>
                </c:pt>
                <c:pt idx="3456">
                  <c:v>1.21227308318855</c:v>
                </c:pt>
                <c:pt idx="3457">
                  <c:v>1.21227308318855</c:v>
                </c:pt>
                <c:pt idx="3458">
                  <c:v>1.21227308318855</c:v>
                </c:pt>
                <c:pt idx="3459">
                  <c:v>1.21227308318855</c:v>
                </c:pt>
                <c:pt idx="3460">
                  <c:v>1.21227308318855</c:v>
                </c:pt>
                <c:pt idx="3461">
                  <c:v>1.5624853072207978</c:v>
                </c:pt>
                <c:pt idx="3462">
                  <c:v>1.8857581294044115</c:v>
                </c:pt>
                <c:pt idx="3463">
                  <c:v>1.8857581294044115</c:v>
                </c:pt>
                <c:pt idx="3464">
                  <c:v>1.8857581294044115</c:v>
                </c:pt>
                <c:pt idx="3465">
                  <c:v>2.0204551386475833</c:v>
                </c:pt>
                <c:pt idx="3466">
                  <c:v>2.101273344193487</c:v>
                </c:pt>
                <c:pt idx="3467">
                  <c:v>2.4245461663771</c:v>
                </c:pt>
                <c:pt idx="3468">
                  <c:v>2.4245461663771</c:v>
                </c:pt>
                <c:pt idx="3469">
                  <c:v>2.4245461663771</c:v>
                </c:pt>
                <c:pt idx="3470">
                  <c:v>2.4245461663771</c:v>
                </c:pt>
                <c:pt idx="3471">
                  <c:v>2.0204551386475833</c:v>
                </c:pt>
                <c:pt idx="3472">
                  <c:v>1.9126975312530459</c:v>
                </c:pt>
                <c:pt idx="3473">
                  <c:v>1.9126975312530459</c:v>
                </c:pt>
                <c:pt idx="3474">
                  <c:v>1.9126975312530459</c:v>
                </c:pt>
                <c:pt idx="3475">
                  <c:v>1.9126975312530459</c:v>
                </c:pt>
                <c:pt idx="3476">
                  <c:v>1.4816671016748946</c:v>
                </c:pt>
                <c:pt idx="3477">
                  <c:v>0.56572743882132337</c:v>
                </c:pt>
                <c:pt idx="3478">
                  <c:v>0.56572743882132337</c:v>
                </c:pt>
                <c:pt idx="3479">
                  <c:v>0.56572743882132337</c:v>
                </c:pt>
                <c:pt idx="3480">
                  <c:v>0.35125144944898373</c:v>
                </c:pt>
                <c:pt idx="3481">
                  <c:v>0.68577663940039701</c:v>
                </c:pt>
                <c:pt idx="3482">
                  <c:v>0.68577663940039701</c:v>
                </c:pt>
                <c:pt idx="3483">
                  <c:v>0.68577663940039701</c:v>
                </c:pt>
                <c:pt idx="3484">
                  <c:v>0.68577663940039701</c:v>
                </c:pt>
                <c:pt idx="3485">
                  <c:v>0.85303923437610352</c:v>
                </c:pt>
                <c:pt idx="3486">
                  <c:v>1.0704806078445221</c:v>
                </c:pt>
                <c:pt idx="3487">
                  <c:v>1.2210169433226576</c:v>
                </c:pt>
                <c:pt idx="3488">
                  <c:v>1.2210169433226576</c:v>
                </c:pt>
                <c:pt idx="3489">
                  <c:v>1.2210169433226576</c:v>
                </c:pt>
                <c:pt idx="3490">
                  <c:v>1.2210169433226576</c:v>
                </c:pt>
                <c:pt idx="3491">
                  <c:v>1.2210169433226576</c:v>
                </c:pt>
                <c:pt idx="3492">
                  <c:v>1.2210169433226576</c:v>
                </c:pt>
                <c:pt idx="3493">
                  <c:v>1.2210169433226576</c:v>
                </c:pt>
                <c:pt idx="3494">
                  <c:v>1.2210169433226576</c:v>
                </c:pt>
                <c:pt idx="3495">
                  <c:v>1.1039331268396633</c:v>
                </c:pt>
                <c:pt idx="3496">
                  <c:v>1.0035755698542395</c:v>
                </c:pt>
                <c:pt idx="3497">
                  <c:v>0.90321801286881542</c:v>
                </c:pt>
                <c:pt idx="3498">
                  <c:v>0.86976549387367408</c:v>
                </c:pt>
                <c:pt idx="3499">
                  <c:v>0.70250289889796746</c:v>
                </c:pt>
                <c:pt idx="3500">
                  <c:v>0.51851404442469029</c:v>
                </c:pt>
                <c:pt idx="3501">
                  <c:v>0.51851404442469029</c:v>
                </c:pt>
                <c:pt idx="3502">
                  <c:v>0.51851404442469029</c:v>
                </c:pt>
                <c:pt idx="3503">
                  <c:v>0.51851404442469029</c:v>
                </c:pt>
                <c:pt idx="3504">
                  <c:v>0.52124042020229178</c:v>
                </c:pt>
                <c:pt idx="3505">
                  <c:v>0.6053114557187903</c:v>
                </c:pt>
                <c:pt idx="3506">
                  <c:v>0.6053114557187903</c:v>
                </c:pt>
                <c:pt idx="3507">
                  <c:v>0.6053114557187903</c:v>
                </c:pt>
                <c:pt idx="3508">
                  <c:v>0.6053114557187903</c:v>
                </c:pt>
                <c:pt idx="3509">
                  <c:v>0.75663931964848807</c:v>
                </c:pt>
                <c:pt idx="3510">
                  <c:v>0.89115297647488589</c:v>
                </c:pt>
                <c:pt idx="3511">
                  <c:v>1.0592950475078833</c:v>
                </c:pt>
                <c:pt idx="3512">
                  <c:v>1.0592950475078833</c:v>
                </c:pt>
                <c:pt idx="3513">
                  <c:v>1.0592950475078833</c:v>
                </c:pt>
                <c:pt idx="3514">
                  <c:v>1.0592950475078833</c:v>
                </c:pt>
                <c:pt idx="3515">
                  <c:v>1.0592950475078833</c:v>
                </c:pt>
                <c:pt idx="3516">
                  <c:v>1.0592950475078833</c:v>
                </c:pt>
                <c:pt idx="3517">
                  <c:v>1.0592950475078833</c:v>
                </c:pt>
                <c:pt idx="3518">
                  <c:v>1.0592950475078833</c:v>
                </c:pt>
                <c:pt idx="3519">
                  <c:v>0.94159559778478508</c:v>
                </c:pt>
                <c:pt idx="3520">
                  <c:v>0.92478139068148524</c:v>
                </c:pt>
                <c:pt idx="3521">
                  <c:v>0.79026773385508742</c:v>
                </c:pt>
                <c:pt idx="3522">
                  <c:v>0.73982511254518846</c:v>
                </c:pt>
                <c:pt idx="3523">
                  <c:v>0.62212566282209025</c:v>
                </c:pt>
                <c:pt idx="3524">
                  <c:v>0.52124042020229178</c:v>
                </c:pt>
                <c:pt idx="3525">
                  <c:v>0.45398359178909281</c:v>
                </c:pt>
                <c:pt idx="3526">
                  <c:v>0.45398359178909281</c:v>
                </c:pt>
                <c:pt idx="3527">
                  <c:v>0.45398359178909281</c:v>
                </c:pt>
                <c:pt idx="3528">
                  <c:v>0.37868372456421656</c:v>
                </c:pt>
                <c:pt idx="3529">
                  <c:v>0.37868372456421656</c:v>
                </c:pt>
                <c:pt idx="3530">
                  <c:v>0.37868372456421656</c:v>
                </c:pt>
                <c:pt idx="3531">
                  <c:v>0.37868372456421656</c:v>
                </c:pt>
                <c:pt idx="3532">
                  <c:v>0.37868372456421656</c:v>
                </c:pt>
                <c:pt idx="3533">
                  <c:v>1.6409628064449384</c:v>
                </c:pt>
                <c:pt idx="3534">
                  <c:v>1.8618616457740649</c:v>
                </c:pt>
                <c:pt idx="3535">
                  <c:v>1.8618616457740649</c:v>
                </c:pt>
                <c:pt idx="3536">
                  <c:v>1.8618616457740649</c:v>
                </c:pt>
                <c:pt idx="3537">
                  <c:v>1.988089553962137</c:v>
                </c:pt>
                <c:pt idx="3538">
                  <c:v>1.988089553962137</c:v>
                </c:pt>
                <c:pt idx="3539">
                  <c:v>2.5245581637614443</c:v>
                </c:pt>
                <c:pt idx="3540">
                  <c:v>2.5245581637614443</c:v>
                </c:pt>
                <c:pt idx="3541">
                  <c:v>1.672519783491957</c:v>
                </c:pt>
                <c:pt idx="3542">
                  <c:v>2.5245581637614443</c:v>
                </c:pt>
                <c:pt idx="3543">
                  <c:v>2.5245581637614443</c:v>
                </c:pt>
                <c:pt idx="3544">
                  <c:v>2.5245581637614443</c:v>
                </c:pt>
                <c:pt idx="3545">
                  <c:v>2.5245581637614443</c:v>
                </c:pt>
                <c:pt idx="3546">
                  <c:v>2.5245581637614443</c:v>
                </c:pt>
                <c:pt idx="3547">
                  <c:v>2.1143174621502094</c:v>
                </c:pt>
                <c:pt idx="3548">
                  <c:v>1.7356337375859927</c:v>
                </c:pt>
                <c:pt idx="3549">
                  <c:v>1.2622790818807221</c:v>
                </c:pt>
                <c:pt idx="3550">
                  <c:v>1.1991651277866859</c:v>
                </c:pt>
                <c:pt idx="3551">
                  <c:v>1.1991651277866859</c:v>
                </c:pt>
                <c:pt idx="3552">
                  <c:v>1.0981872389055281</c:v>
                </c:pt>
                <c:pt idx="3553">
                  <c:v>1.0981872389055281</c:v>
                </c:pt>
                <c:pt idx="3554">
                  <c:v>1.0981872389055281</c:v>
                </c:pt>
                <c:pt idx="3555">
                  <c:v>1.0981872389055281</c:v>
                </c:pt>
                <c:pt idx="3556">
                  <c:v>1.0981872389055281</c:v>
                </c:pt>
                <c:pt idx="3557">
                  <c:v>1.4276434105771865</c:v>
                </c:pt>
                <c:pt idx="3558">
                  <c:v>1.5923714964130156</c:v>
                </c:pt>
                <c:pt idx="3559">
                  <c:v>1.6472808583582921</c:v>
                </c:pt>
                <c:pt idx="3560">
                  <c:v>1.6472808583582921</c:v>
                </c:pt>
                <c:pt idx="3561">
                  <c:v>1.784554263221483</c:v>
                </c:pt>
                <c:pt idx="3562">
                  <c:v>1.8669183061393975</c:v>
                </c:pt>
                <c:pt idx="3563">
                  <c:v>2.1963744778110561</c:v>
                </c:pt>
                <c:pt idx="3564">
                  <c:v>2.1963744778110561</c:v>
                </c:pt>
                <c:pt idx="3565">
                  <c:v>2.1963744778110561</c:v>
                </c:pt>
                <c:pt idx="3566">
                  <c:v>2.1963744778110561</c:v>
                </c:pt>
                <c:pt idx="3567">
                  <c:v>2.1963744778110561</c:v>
                </c:pt>
                <c:pt idx="3568">
                  <c:v>2.1963744778110561</c:v>
                </c:pt>
                <c:pt idx="3569">
                  <c:v>2.1963744778110561</c:v>
                </c:pt>
                <c:pt idx="3570">
                  <c:v>2.1963744778110561</c:v>
                </c:pt>
                <c:pt idx="3571">
                  <c:v>1.8394636251667595</c:v>
                </c:pt>
                <c:pt idx="3572">
                  <c:v>1.5100074534951011</c:v>
                </c:pt>
                <c:pt idx="3573">
                  <c:v>1.0981872389055281</c:v>
                </c:pt>
                <c:pt idx="3574">
                  <c:v>1.0981872389055281</c:v>
                </c:pt>
                <c:pt idx="3575">
                  <c:v>1.0981872389055281</c:v>
                </c:pt>
                <c:pt idx="3576">
                  <c:v>0.95809347523315069</c:v>
                </c:pt>
                <c:pt idx="3577">
                  <c:v>1.0778551596372943</c:v>
                </c:pt>
                <c:pt idx="3578">
                  <c:v>1.0778551596372943</c:v>
                </c:pt>
                <c:pt idx="3579">
                  <c:v>1.0778551596372943</c:v>
                </c:pt>
                <c:pt idx="3580">
                  <c:v>1.0778551596372943</c:v>
                </c:pt>
                <c:pt idx="3581">
                  <c:v>1.3892355390880684</c:v>
                </c:pt>
                <c:pt idx="3582">
                  <c:v>1.6048065710155273</c:v>
                </c:pt>
                <c:pt idx="3583">
                  <c:v>1.6048065710155273</c:v>
                </c:pt>
                <c:pt idx="3584">
                  <c:v>1.6048065710155273</c:v>
                </c:pt>
                <c:pt idx="3585">
                  <c:v>1.7245682554196711</c:v>
                </c:pt>
                <c:pt idx="3586">
                  <c:v>1.8682822767046436</c:v>
                </c:pt>
                <c:pt idx="3587">
                  <c:v>2.1557103192745886</c:v>
                </c:pt>
                <c:pt idx="3588">
                  <c:v>2.1557103192745886</c:v>
                </c:pt>
                <c:pt idx="3589">
                  <c:v>2.1557103192745886</c:v>
                </c:pt>
                <c:pt idx="3590">
                  <c:v>2.1557103192745886</c:v>
                </c:pt>
                <c:pt idx="3591">
                  <c:v>2.1557103192745886</c:v>
                </c:pt>
                <c:pt idx="3592">
                  <c:v>2.1557103192745886</c:v>
                </c:pt>
                <c:pt idx="3593">
                  <c:v>2.1557103192745886</c:v>
                </c:pt>
                <c:pt idx="3594">
                  <c:v>2.1557103192745886</c:v>
                </c:pt>
                <c:pt idx="3595">
                  <c:v>1.7964252660621571</c:v>
                </c:pt>
                <c:pt idx="3596">
                  <c:v>1.4371402128497259</c:v>
                </c:pt>
                <c:pt idx="3597">
                  <c:v>1.0778551596372943</c:v>
                </c:pt>
                <c:pt idx="3598">
                  <c:v>1.0778551596372943</c:v>
                </c:pt>
                <c:pt idx="3599">
                  <c:v>1.0778551596372943</c:v>
                </c:pt>
                <c:pt idx="3600">
                  <c:v>1.1031532058541929</c:v>
                </c:pt>
                <c:pt idx="3601">
                  <c:v>1.1031532058541929</c:v>
                </c:pt>
                <c:pt idx="3602">
                  <c:v>1.1031532058541929</c:v>
                </c:pt>
                <c:pt idx="3603">
                  <c:v>1.1031532058541929</c:v>
                </c:pt>
                <c:pt idx="3604">
                  <c:v>1.1031532058541929</c:v>
                </c:pt>
                <c:pt idx="3605">
                  <c:v>1.4218419097676265</c:v>
                </c:pt>
                <c:pt idx="3606">
                  <c:v>1.6424725509384652</c:v>
                </c:pt>
                <c:pt idx="3607">
                  <c:v>1.6424725509384652</c:v>
                </c:pt>
                <c:pt idx="3608">
                  <c:v>1.6424725509384652</c:v>
                </c:pt>
                <c:pt idx="3609">
                  <c:v>1.7650451293667089</c:v>
                </c:pt>
                <c:pt idx="3610">
                  <c:v>1.9121322234806009</c:v>
                </c:pt>
                <c:pt idx="3611">
                  <c:v>2.2063064117083857</c:v>
                </c:pt>
                <c:pt idx="3612">
                  <c:v>2.2063064117083857</c:v>
                </c:pt>
                <c:pt idx="3613">
                  <c:v>2.2063064117083857</c:v>
                </c:pt>
                <c:pt idx="3614">
                  <c:v>2.2063064117083857</c:v>
                </c:pt>
                <c:pt idx="3615">
                  <c:v>2.2063064117083857</c:v>
                </c:pt>
                <c:pt idx="3616">
                  <c:v>2.2063064117083857</c:v>
                </c:pt>
                <c:pt idx="3617">
                  <c:v>2.2063064117083857</c:v>
                </c:pt>
                <c:pt idx="3618">
                  <c:v>2.2063064117083857</c:v>
                </c:pt>
                <c:pt idx="3619">
                  <c:v>1.838588676423655</c:v>
                </c:pt>
                <c:pt idx="3620">
                  <c:v>1.470870941138924</c:v>
                </c:pt>
                <c:pt idx="3621">
                  <c:v>1.1031532058541929</c:v>
                </c:pt>
                <c:pt idx="3622">
                  <c:v>1.1031532058541929</c:v>
                </c:pt>
                <c:pt idx="3623">
                  <c:v>1.1031532058541929</c:v>
                </c:pt>
                <c:pt idx="3624">
                  <c:v>1.2165078613823528</c:v>
                </c:pt>
                <c:pt idx="3625">
                  <c:v>1.2165078613823528</c:v>
                </c:pt>
                <c:pt idx="3626">
                  <c:v>1.2165078613823528</c:v>
                </c:pt>
                <c:pt idx="3627">
                  <c:v>1.2165078613823528</c:v>
                </c:pt>
                <c:pt idx="3628">
                  <c:v>1.2165078613823528</c:v>
                </c:pt>
                <c:pt idx="3629">
                  <c:v>1.5679434657816993</c:v>
                </c:pt>
                <c:pt idx="3630">
                  <c:v>1.8923455621503267</c:v>
                </c:pt>
                <c:pt idx="3631">
                  <c:v>1.8923455621503267</c:v>
                </c:pt>
                <c:pt idx="3632">
                  <c:v>1.8923455621503267</c:v>
                </c:pt>
                <c:pt idx="3633">
                  <c:v>2.0275131023039212</c:v>
                </c:pt>
                <c:pt idx="3634">
                  <c:v>2.1086136263960782</c:v>
                </c:pt>
                <c:pt idx="3635">
                  <c:v>2.4330157227647056</c:v>
                </c:pt>
                <c:pt idx="3636">
                  <c:v>2.4330157227647056</c:v>
                </c:pt>
                <c:pt idx="3637">
                  <c:v>2.4330157227647056</c:v>
                </c:pt>
                <c:pt idx="3638">
                  <c:v>2.4330157227647056</c:v>
                </c:pt>
                <c:pt idx="3639">
                  <c:v>2.0275131023039212</c:v>
                </c:pt>
                <c:pt idx="3640">
                  <c:v>1.9193790701810456</c:v>
                </c:pt>
                <c:pt idx="3641">
                  <c:v>1.9193790701810456</c:v>
                </c:pt>
                <c:pt idx="3642">
                  <c:v>1.9193790701810456</c:v>
                </c:pt>
                <c:pt idx="3643">
                  <c:v>1.9193790701810456</c:v>
                </c:pt>
                <c:pt idx="3644">
                  <c:v>1.4868429416895423</c:v>
                </c:pt>
                <c:pt idx="3645">
                  <c:v>0.56770366864509803</c:v>
                </c:pt>
                <c:pt idx="3646">
                  <c:v>0.56770366864509803</c:v>
                </c:pt>
                <c:pt idx="3647">
                  <c:v>0.56770366864509803</c:v>
                </c:pt>
                <c:pt idx="3648">
                  <c:v>0.32372250510192463</c:v>
                </c:pt>
                <c:pt idx="3649">
                  <c:v>0.63202965281804357</c:v>
                </c:pt>
                <c:pt idx="3650">
                  <c:v>0.63202965281804357</c:v>
                </c:pt>
                <c:pt idx="3651">
                  <c:v>0.63202965281804357</c:v>
                </c:pt>
                <c:pt idx="3652">
                  <c:v>0.63202965281804357</c:v>
                </c:pt>
                <c:pt idx="3653">
                  <c:v>0.78618322667610274</c:v>
                </c:pt>
                <c:pt idx="3654">
                  <c:v>0.98658287269157985</c:v>
                </c:pt>
                <c:pt idx="3655">
                  <c:v>1.1253210891638334</c:v>
                </c:pt>
                <c:pt idx="3656">
                  <c:v>1.1253210891638334</c:v>
                </c:pt>
                <c:pt idx="3657">
                  <c:v>1.1253210891638334</c:v>
                </c:pt>
                <c:pt idx="3658">
                  <c:v>1.1253210891638334</c:v>
                </c:pt>
                <c:pt idx="3659">
                  <c:v>1.1253210891638334</c:v>
                </c:pt>
                <c:pt idx="3660">
                  <c:v>1.1253210891638334</c:v>
                </c:pt>
                <c:pt idx="3661">
                  <c:v>1.1253210891638334</c:v>
                </c:pt>
                <c:pt idx="3662">
                  <c:v>1.1253210891638334</c:v>
                </c:pt>
                <c:pt idx="3663">
                  <c:v>1.017413587463192</c:v>
                </c:pt>
                <c:pt idx="3664">
                  <c:v>0.92492144314835623</c:v>
                </c:pt>
                <c:pt idx="3665">
                  <c:v>0.83242929883352057</c:v>
                </c:pt>
                <c:pt idx="3666">
                  <c:v>0.80159858406190876</c:v>
                </c:pt>
                <c:pt idx="3667">
                  <c:v>0.64744501020384926</c:v>
                </c:pt>
                <c:pt idx="3668">
                  <c:v>0.47787607895998396</c:v>
                </c:pt>
                <c:pt idx="3669">
                  <c:v>0.47787607895998396</c:v>
                </c:pt>
                <c:pt idx="3670">
                  <c:v>0.47787607895998396</c:v>
                </c:pt>
                <c:pt idx="3671">
                  <c:v>0.47787607895998396</c:v>
                </c:pt>
                <c:pt idx="3672">
                  <c:v>0.54554887098885085</c:v>
                </c:pt>
                <c:pt idx="3673">
                  <c:v>0.63354062437414937</c:v>
                </c:pt>
                <c:pt idx="3674">
                  <c:v>0.63354062437414937</c:v>
                </c:pt>
                <c:pt idx="3675">
                  <c:v>0.63354062437414937</c:v>
                </c:pt>
                <c:pt idx="3676">
                  <c:v>0.63354062437414937</c:v>
                </c:pt>
                <c:pt idx="3677">
                  <c:v>0.79192578046768658</c:v>
                </c:pt>
                <c:pt idx="3678">
                  <c:v>0.93271258588416439</c:v>
                </c:pt>
                <c:pt idx="3679">
                  <c:v>1.1086960926547613</c:v>
                </c:pt>
                <c:pt idx="3680">
                  <c:v>1.1086960926547613</c:v>
                </c:pt>
                <c:pt idx="3681">
                  <c:v>1.1086960926547613</c:v>
                </c:pt>
                <c:pt idx="3682">
                  <c:v>1.1086960926547613</c:v>
                </c:pt>
                <c:pt idx="3683">
                  <c:v>1.1086960926547613</c:v>
                </c:pt>
                <c:pt idx="3684">
                  <c:v>1.1086960926547613</c:v>
                </c:pt>
                <c:pt idx="3685">
                  <c:v>1.1086960926547613</c:v>
                </c:pt>
                <c:pt idx="3686">
                  <c:v>1.1086960926547613</c:v>
                </c:pt>
                <c:pt idx="3687">
                  <c:v>0.98550763791534335</c:v>
                </c:pt>
                <c:pt idx="3688">
                  <c:v>0.96790928723828362</c:v>
                </c:pt>
                <c:pt idx="3689">
                  <c:v>0.82712248182180614</c:v>
                </c:pt>
                <c:pt idx="3690">
                  <c:v>0.77432742979062696</c:v>
                </c:pt>
                <c:pt idx="3691">
                  <c:v>0.6511389750512091</c:v>
                </c:pt>
                <c:pt idx="3692">
                  <c:v>0.54554887098885085</c:v>
                </c:pt>
                <c:pt idx="3693">
                  <c:v>0.47515546828061206</c:v>
                </c:pt>
                <c:pt idx="3694">
                  <c:v>0.47515546828061206</c:v>
                </c:pt>
                <c:pt idx="3695">
                  <c:v>0.47515546828061206</c:v>
                </c:pt>
                <c:pt idx="3696">
                  <c:v>0.36942385464744643</c:v>
                </c:pt>
                <c:pt idx="3697">
                  <c:v>0.36942385464744643</c:v>
                </c:pt>
                <c:pt idx="3698">
                  <c:v>0.36942385464744643</c:v>
                </c:pt>
                <c:pt idx="3699">
                  <c:v>0.36942385464744643</c:v>
                </c:pt>
                <c:pt idx="3700">
                  <c:v>0.36942385464744643</c:v>
                </c:pt>
                <c:pt idx="3701">
                  <c:v>1.6008367034722679</c:v>
                </c:pt>
                <c:pt idx="3702">
                  <c:v>1.8163339520166115</c:v>
                </c:pt>
                <c:pt idx="3703">
                  <c:v>1.8163339520166115</c:v>
                </c:pt>
                <c:pt idx="3704">
                  <c:v>1.8163339520166115</c:v>
                </c:pt>
                <c:pt idx="3705">
                  <c:v>1.939475236899094</c:v>
                </c:pt>
                <c:pt idx="3706">
                  <c:v>1.939475236899094</c:v>
                </c:pt>
                <c:pt idx="3707">
                  <c:v>2.4628256976496434</c:v>
                </c:pt>
                <c:pt idx="3708">
                  <c:v>2.4628256976496434</c:v>
                </c:pt>
                <c:pt idx="3709">
                  <c:v>1.6316220246928885</c:v>
                </c:pt>
                <c:pt idx="3710">
                  <c:v>2.4628256976496434</c:v>
                </c:pt>
                <c:pt idx="3711">
                  <c:v>2.4628256976496434</c:v>
                </c:pt>
                <c:pt idx="3712">
                  <c:v>2.4628256976496434</c:v>
                </c:pt>
                <c:pt idx="3713">
                  <c:v>2.4628256976496434</c:v>
                </c:pt>
                <c:pt idx="3714">
                  <c:v>2.4628256976496434</c:v>
                </c:pt>
                <c:pt idx="3715">
                  <c:v>2.062616521781576</c:v>
                </c:pt>
                <c:pt idx="3716">
                  <c:v>1.6931926671341295</c:v>
                </c:pt>
                <c:pt idx="3717">
                  <c:v>1.2314128488248217</c:v>
                </c:pt>
                <c:pt idx="3718">
                  <c:v>1.1698422063835805</c:v>
                </c:pt>
                <c:pt idx="3719">
                  <c:v>1.1698422063835805</c:v>
                </c:pt>
                <c:pt idx="3720">
                  <c:v>1.0796436971325081</c:v>
                </c:pt>
                <c:pt idx="3721">
                  <c:v>1.0796436971325081</c:v>
                </c:pt>
                <c:pt idx="3722">
                  <c:v>1.0796436971325081</c:v>
                </c:pt>
                <c:pt idx="3723">
                  <c:v>1.0796436971325081</c:v>
                </c:pt>
                <c:pt idx="3724">
                  <c:v>1.0796436971325081</c:v>
                </c:pt>
                <c:pt idx="3725">
                  <c:v>1.4035368062722606</c:v>
                </c:pt>
                <c:pt idx="3726">
                  <c:v>1.565483360842137</c:v>
                </c:pt>
                <c:pt idx="3727">
                  <c:v>1.6194655456987626</c:v>
                </c:pt>
                <c:pt idx="3728">
                  <c:v>1.6194655456987626</c:v>
                </c:pt>
                <c:pt idx="3729">
                  <c:v>1.754421007840326</c:v>
                </c:pt>
                <c:pt idx="3730">
                  <c:v>1.8353942851252638</c:v>
                </c:pt>
                <c:pt idx="3731">
                  <c:v>2.1592873942650161</c:v>
                </c:pt>
                <c:pt idx="3732">
                  <c:v>2.1592873942650161</c:v>
                </c:pt>
                <c:pt idx="3733">
                  <c:v>2.1592873942650161</c:v>
                </c:pt>
                <c:pt idx="3734">
                  <c:v>2.1592873942650161</c:v>
                </c:pt>
                <c:pt idx="3735">
                  <c:v>2.1592873942650161</c:v>
                </c:pt>
                <c:pt idx="3736">
                  <c:v>2.1592873942650161</c:v>
                </c:pt>
                <c:pt idx="3737">
                  <c:v>2.1592873942650161</c:v>
                </c:pt>
                <c:pt idx="3738">
                  <c:v>2.1592873942650161</c:v>
                </c:pt>
                <c:pt idx="3739">
                  <c:v>1.8084031926969515</c:v>
                </c:pt>
                <c:pt idx="3740">
                  <c:v>1.4845100835571987</c:v>
                </c:pt>
                <c:pt idx="3741">
                  <c:v>1.0796436971325081</c:v>
                </c:pt>
                <c:pt idx="3742">
                  <c:v>1.0796436971325081</c:v>
                </c:pt>
                <c:pt idx="3743">
                  <c:v>1.0796436971325081</c:v>
                </c:pt>
                <c:pt idx="3744">
                  <c:v>0.96705838238278452</c:v>
                </c:pt>
                <c:pt idx="3745">
                  <c:v>1.0879406801806326</c:v>
                </c:pt>
                <c:pt idx="3746">
                  <c:v>1.0879406801806326</c:v>
                </c:pt>
                <c:pt idx="3747">
                  <c:v>1.0879406801806326</c:v>
                </c:pt>
                <c:pt idx="3748">
                  <c:v>1.0879406801806326</c:v>
                </c:pt>
                <c:pt idx="3749">
                  <c:v>1.4022346544550375</c:v>
                </c:pt>
                <c:pt idx="3750">
                  <c:v>1.6198227904911642</c:v>
                </c:pt>
                <c:pt idx="3751">
                  <c:v>1.6198227904911642</c:v>
                </c:pt>
                <c:pt idx="3752">
                  <c:v>1.6198227904911642</c:v>
                </c:pt>
                <c:pt idx="3753">
                  <c:v>1.7407050882890123</c:v>
                </c:pt>
                <c:pt idx="3754">
                  <c:v>1.8857638456464298</c:v>
                </c:pt>
                <c:pt idx="3755">
                  <c:v>2.1758813603612652</c:v>
                </c:pt>
                <c:pt idx="3756">
                  <c:v>2.1758813603612652</c:v>
                </c:pt>
                <c:pt idx="3757">
                  <c:v>2.1758813603612652</c:v>
                </c:pt>
                <c:pt idx="3758">
                  <c:v>2.1758813603612652</c:v>
                </c:pt>
                <c:pt idx="3759">
                  <c:v>2.1758813603612652</c:v>
                </c:pt>
                <c:pt idx="3760">
                  <c:v>2.1758813603612652</c:v>
                </c:pt>
                <c:pt idx="3761">
                  <c:v>2.1758813603612652</c:v>
                </c:pt>
                <c:pt idx="3762">
                  <c:v>2.1758813603612652</c:v>
                </c:pt>
                <c:pt idx="3763">
                  <c:v>1.8132344669677207</c:v>
                </c:pt>
                <c:pt idx="3764">
                  <c:v>1.4505875735741769</c:v>
                </c:pt>
                <c:pt idx="3765">
                  <c:v>1.0879406801806326</c:v>
                </c:pt>
                <c:pt idx="3766">
                  <c:v>1.0879406801806326</c:v>
                </c:pt>
                <c:pt idx="3767">
                  <c:v>1.0879406801806326</c:v>
                </c:pt>
                <c:pt idx="3768">
                  <c:v>1.0807240056348735</c:v>
                </c:pt>
                <c:pt idx="3769">
                  <c:v>1.0807240056348735</c:v>
                </c:pt>
                <c:pt idx="3770">
                  <c:v>1.0807240056348735</c:v>
                </c:pt>
                <c:pt idx="3771">
                  <c:v>1.0807240056348735</c:v>
                </c:pt>
                <c:pt idx="3772">
                  <c:v>1.0807240056348735</c:v>
                </c:pt>
                <c:pt idx="3773">
                  <c:v>1.3929331628182815</c:v>
                </c:pt>
                <c:pt idx="3774">
                  <c:v>1.6090779639452564</c:v>
                </c:pt>
                <c:pt idx="3775">
                  <c:v>1.6090779639452564</c:v>
                </c:pt>
                <c:pt idx="3776">
                  <c:v>1.6090779639452564</c:v>
                </c:pt>
                <c:pt idx="3777">
                  <c:v>1.7291584090157979</c:v>
                </c:pt>
                <c:pt idx="3778">
                  <c:v>1.8732549431004475</c:v>
                </c:pt>
                <c:pt idx="3779">
                  <c:v>2.1614480112697469</c:v>
                </c:pt>
                <c:pt idx="3780">
                  <c:v>2.1614480112697469</c:v>
                </c:pt>
                <c:pt idx="3781">
                  <c:v>2.1614480112697469</c:v>
                </c:pt>
                <c:pt idx="3782">
                  <c:v>2.1614480112697469</c:v>
                </c:pt>
                <c:pt idx="3783">
                  <c:v>2.1614480112697469</c:v>
                </c:pt>
                <c:pt idx="3784">
                  <c:v>2.1614480112697469</c:v>
                </c:pt>
                <c:pt idx="3785">
                  <c:v>2.1614480112697469</c:v>
                </c:pt>
                <c:pt idx="3786">
                  <c:v>2.1614480112697469</c:v>
                </c:pt>
                <c:pt idx="3787">
                  <c:v>1.8012066760581227</c:v>
                </c:pt>
                <c:pt idx="3788">
                  <c:v>1.4409653408464982</c:v>
                </c:pt>
                <c:pt idx="3789">
                  <c:v>1.0807240056348735</c:v>
                </c:pt>
                <c:pt idx="3790">
                  <c:v>1.0807240056348735</c:v>
                </c:pt>
                <c:pt idx="3791">
                  <c:v>1.0807240056348735</c:v>
                </c:pt>
                <c:pt idx="3792">
                  <c:v>1.1809357245544099</c:v>
                </c:pt>
                <c:pt idx="3793">
                  <c:v>1.1809357245544099</c:v>
                </c:pt>
                <c:pt idx="3794">
                  <c:v>1.1809357245544099</c:v>
                </c:pt>
                <c:pt idx="3795">
                  <c:v>1.1809357245544099</c:v>
                </c:pt>
                <c:pt idx="3796">
                  <c:v>1.1809357245544099</c:v>
                </c:pt>
                <c:pt idx="3797">
                  <c:v>1.5220949338701282</c:v>
                </c:pt>
                <c:pt idx="3798">
                  <c:v>1.8370111270846374</c:v>
                </c:pt>
                <c:pt idx="3799">
                  <c:v>1.8370111270846374</c:v>
                </c:pt>
                <c:pt idx="3800">
                  <c:v>1.8370111270846374</c:v>
                </c:pt>
                <c:pt idx="3801">
                  <c:v>1.9682262075906829</c:v>
                </c:pt>
                <c:pt idx="3802">
                  <c:v>2.0469552558943107</c:v>
                </c:pt>
                <c:pt idx="3803">
                  <c:v>2.3618714491088197</c:v>
                </c:pt>
                <c:pt idx="3804">
                  <c:v>2.3618714491088197</c:v>
                </c:pt>
                <c:pt idx="3805">
                  <c:v>2.3618714491088197</c:v>
                </c:pt>
                <c:pt idx="3806">
                  <c:v>2.3618714491088197</c:v>
                </c:pt>
                <c:pt idx="3807">
                  <c:v>1.9682262075906829</c:v>
                </c:pt>
                <c:pt idx="3808">
                  <c:v>1.8632541431858467</c:v>
                </c:pt>
                <c:pt idx="3809">
                  <c:v>1.8632541431858467</c:v>
                </c:pt>
                <c:pt idx="3810">
                  <c:v>1.8632541431858467</c:v>
                </c:pt>
                <c:pt idx="3811">
                  <c:v>1.8632541431858467</c:v>
                </c:pt>
                <c:pt idx="3812">
                  <c:v>1.4433658855665008</c:v>
                </c:pt>
                <c:pt idx="3813">
                  <c:v>0.55110333812539125</c:v>
                </c:pt>
                <c:pt idx="3814">
                  <c:v>0.55110333812539125</c:v>
                </c:pt>
                <c:pt idx="3815">
                  <c:v>0.55110333812539125</c:v>
                </c:pt>
                <c:pt idx="3816">
                  <c:v>0.22085118675238821</c:v>
                </c:pt>
                <c:pt idx="3817">
                  <c:v>0.43118565032609135</c:v>
                </c:pt>
                <c:pt idx="3818">
                  <c:v>0.43118565032609135</c:v>
                </c:pt>
                <c:pt idx="3819">
                  <c:v>0.43118565032609135</c:v>
                </c:pt>
                <c:pt idx="3820">
                  <c:v>0.43118565032609135</c:v>
                </c:pt>
                <c:pt idx="3821">
                  <c:v>0.53635288211294285</c:v>
                </c:pt>
                <c:pt idx="3822">
                  <c:v>0.67307028343584985</c:v>
                </c:pt>
                <c:pt idx="3823">
                  <c:v>0.76772079204401622</c:v>
                </c:pt>
                <c:pt idx="3824">
                  <c:v>0.76772079204401622</c:v>
                </c:pt>
                <c:pt idx="3825">
                  <c:v>0.76772079204401622</c:v>
                </c:pt>
                <c:pt idx="3826">
                  <c:v>0.76772079204401622</c:v>
                </c:pt>
                <c:pt idx="3827">
                  <c:v>0.76772079204401622</c:v>
                </c:pt>
                <c:pt idx="3828">
                  <c:v>0.76772079204401622</c:v>
                </c:pt>
                <c:pt idx="3829">
                  <c:v>0.76772079204401622</c:v>
                </c:pt>
                <c:pt idx="3830">
                  <c:v>0.76772079204401622</c:v>
                </c:pt>
                <c:pt idx="3831">
                  <c:v>0.69410372979322021</c:v>
                </c:pt>
                <c:pt idx="3832">
                  <c:v>0.63100339072110923</c:v>
                </c:pt>
                <c:pt idx="3833">
                  <c:v>0.56790305164899824</c:v>
                </c:pt>
                <c:pt idx="3834">
                  <c:v>0.54686960529162798</c:v>
                </c:pt>
                <c:pt idx="3835">
                  <c:v>0.44170237350477642</c:v>
                </c:pt>
                <c:pt idx="3836">
                  <c:v>0.32601841853923974</c:v>
                </c:pt>
                <c:pt idx="3837">
                  <c:v>0.32601841853923974</c:v>
                </c:pt>
                <c:pt idx="3838">
                  <c:v>0.32601841853923974</c:v>
                </c:pt>
                <c:pt idx="3839">
                  <c:v>0.32601841853923974</c:v>
                </c:pt>
                <c:pt idx="3840">
                  <c:v>0.34009879719209563</c:v>
                </c:pt>
                <c:pt idx="3841">
                  <c:v>0.39495344190049814</c:v>
                </c:pt>
                <c:pt idx="3842">
                  <c:v>0.39495344190049814</c:v>
                </c:pt>
                <c:pt idx="3843">
                  <c:v>0.39495344190049814</c:v>
                </c:pt>
                <c:pt idx="3844">
                  <c:v>0.39495344190049814</c:v>
                </c:pt>
                <c:pt idx="3845">
                  <c:v>0.4936918023756226</c:v>
                </c:pt>
                <c:pt idx="3846">
                  <c:v>0.58145923390906673</c:v>
                </c:pt>
                <c:pt idx="3847">
                  <c:v>0.69116852332587175</c:v>
                </c:pt>
                <c:pt idx="3848">
                  <c:v>0.69116852332587175</c:v>
                </c:pt>
                <c:pt idx="3849">
                  <c:v>0.69116852332587175</c:v>
                </c:pt>
                <c:pt idx="3850">
                  <c:v>0.69116852332587175</c:v>
                </c:pt>
                <c:pt idx="3851">
                  <c:v>0.69116852332587175</c:v>
                </c:pt>
                <c:pt idx="3852">
                  <c:v>0.69116852332587175</c:v>
                </c:pt>
                <c:pt idx="3853">
                  <c:v>0.69116852332587175</c:v>
                </c:pt>
                <c:pt idx="3854">
                  <c:v>0.69116852332587175</c:v>
                </c:pt>
                <c:pt idx="3855">
                  <c:v>0.61437202073410824</c:v>
                </c:pt>
                <c:pt idx="3856">
                  <c:v>0.60340109179242774</c:v>
                </c:pt>
                <c:pt idx="3857">
                  <c:v>0.51563366025898361</c:v>
                </c:pt>
                <c:pt idx="3858">
                  <c:v>0.48272087343394221</c:v>
                </c:pt>
                <c:pt idx="3859">
                  <c:v>0.40592437084217864</c:v>
                </c:pt>
                <c:pt idx="3860">
                  <c:v>0.34009879719209563</c:v>
                </c:pt>
                <c:pt idx="3861">
                  <c:v>0.29621508142537356</c:v>
                </c:pt>
                <c:pt idx="3862">
                  <c:v>0.29621508142537356</c:v>
                </c:pt>
                <c:pt idx="3863">
                  <c:v>0.29621508142537356</c:v>
                </c:pt>
                <c:pt idx="3864">
                  <c:v>0.35222695337344478</c:v>
                </c:pt>
                <c:pt idx="3865">
                  <c:v>0.35222695337344478</c:v>
                </c:pt>
                <c:pt idx="3866">
                  <c:v>0.35222695337344478</c:v>
                </c:pt>
                <c:pt idx="3867">
                  <c:v>0.35222695337344478</c:v>
                </c:pt>
                <c:pt idx="3868">
                  <c:v>0.35222695337344478</c:v>
                </c:pt>
                <c:pt idx="3869">
                  <c:v>1.5263167979515944</c:v>
                </c:pt>
                <c:pt idx="3870">
                  <c:v>1.7317825207527704</c:v>
                </c:pt>
                <c:pt idx="3871">
                  <c:v>1.7317825207527704</c:v>
                </c:pt>
                <c:pt idx="3872">
                  <c:v>1.7317825207527704</c:v>
                </c:pt>
                <c:pt idx="3873">
                  <c:v>1.8491915052105856</c:v>
                </c:pt>
                <c:pt idx="3874">
                  <c:v>1.8491915052105856</c:v>
                </c:pt>
                <c:pt idx="3875">
                  <c:v>2.3481796891562992</c:v>
                </c:pt>
                <c:pt idx="3876">
                  <c:v>2.3481796891562992</c:v>
                </c:pt>
                <c:pt idx="3877">
                  <c:v>1.5556690440660481</c:v>
                </c:pt>
                <c:pt idx="3878">
                  <c:v>2.3481796891562992</c:v>
                </c:pt>
                <c:pt idx="3879">
                  <c:v>2.3481796891562992</c:v>
                </c:pt>
                <c:pt idx="3880">
                  <c:v>2.3481796891562992</c:v>
                </c:pt>
                <c:pt idx="3881">
                  <c:v>2.3481796891562992</c:v>
                </c:pt>
                <c:pt idx="3882">
                  <c:v>2.3481796891562992</c:v>
                </c:pt>
                <c:pt idx="3883">
                  <c:v>1.9666004896684004</c:v>
                </c:pt>
                <c:pt idx="3884">
                  <c:v>1.6143735362949552</c:v>
                </c:pt>
                <c:pt idx="3885">
                  <c:v>1.1740898445781496</c:v>
                </c:pt>
                <c:pt idx="3886">
                  <c:v>1.1153853523492419</c:v>
                </c:pt>
                <c:pt idx="3887">
                  <c:v>1.1153853523492419</c:v>
                </c:pt>
                <c:pt idx="3888">
                  <c:v>1.0278763096828278</c:v>
                </c:pt>
                <c:pt idx="3889">
                  <c:v>1.0278763096828278</c:v>
                </c:pt>
                <c:pt idx="3890">
                  <c:v>1.0278763096828278</c:v>
                </c:pt>
                <c:pt idx="3891">
                  <c:v>1.0278763096828278</c:v>
                </c:pt>
                <c:pt idx="3892">
                  <c:v>1.0278763096828278</c:v>
                </c:pt>
                <c:pt idx="3893">
                  <c:v>1.3362392025876759</c:v>
                </c:pt>
                <c:pt idx="3894">
                  <c:v>1.4904206490401002</c:v>
                </c:pt>
                <c:pt idx="3895">
                  <c:v>1.5418144645242418</c:v>
                </c:pt>
                <c:pt idx="3896">
                  <c:v>1.5418144645242418</c:v>
                </c:pt>
                <c:pt idx="3897">
                  <c:v>1.670299003234595</c:v>
                </c:pt>
                <c:pt idx="3898">
                  <c:v>1.7473897264608071</c:v>
                </c:pt>
                <c:pt idx="3899">
                  <c:v>2.0557526193656557</c:v>
                </c:pt>
                <c:pt idx="3900">
                  <c:v>2.0557526193656557</c:v>
                </c:pt>
                <c:pt idx="3901">
                  <c:v>2.0557526193656557</c:v>
                </c:pt>
                <c:pt idx="3902">
                  <c:v>2.0557526193656557</c:v>
                </c:pt>
                <c:pt idx="3903">
                  <c:v>2.0557526193656557</c:v>
                </c:pt>
                <c:pt idx="3904">
                  <c:v>2.0557526193656557</c:v>
                </c:pt>
                <c:pt idx="3905">
                  <c:v>2.0557526193656557</c:v>
                </c:pt>
                <c:pt idx="3906">
                  <c:v>2.0557526193656557</c:v>
                </c:pt>
                <c:pt idx="3907">
                  <c:v>1.7216928187187366</c:v>
                </c:pt>
                <c:pt idx="3908">
                  <c:v>1.4133299258138881</c:v>
                </c:pt>
                <c:pt idx="3909">
                  <c:v>1.0278763096828278</c:v>
                </c:pt>
                <c:pt idx="3910">
                  <c:v>1.0278763096828278</c:v>
                </c:pt>
                <c:pt idx="3911">
                  <c:v>1.0278763096828278</c:v>
                </c:pt>
                <c:pt idx="3912">
                  <c:v>0.91051050651586252</c:v>
                </c:pt>
                <c:pt idx="3913">
                  <c:v>1.0243243198303451</c:v>
                </c:pt>
                <c:pt idx="3914">
                  <c:v>1.0243243198303451</c:v>
                </c:pt>
                <c:pt idx="3915">
                  <c:v>1.0243243198303451</c:v>
                </c:pt>
                <c:pt idx="3916">
                  <c:v>1.0243243198303451</c:v>
                </c:pt>
                <c:pt idx="3917">
                  <c:v>1.3202402344480004</c:v>
                </c:pt>
                <c:pt idx="3918">
                  <c:v>1.5251050984140695</c:v>
                </c:pt>
                <c:pt idx="3919">
                  <c:v>1.5251050984140695</c:v>
                </c:pt>
                <c:pt idx="3920">
                  <c:v>1.5251050984140695</c:v>
                </c:pt>
                <c:pt idx="3921">
                  <c:v>1.6389189117285523</c:v>
                </c:pt>
                <c:pt idx="3922">
                  <c:v>1.7754954877059317</c:v>
                </c:pt>
                <c:pt idx="3923">
                  <c:v>2.0486486396606902</c:v>
                </c:pt>
                <c:pt idx="3924">
                  <c:v>2.0486486396606902</c:v>
                </c:pt>
                <c:pt idx="3925">
                  <c:v>2.0486486396606902</c:v>
                </c:pt>
                <c:pt idx="3926">
                  <c:v>2.0486486396606902</c:v>
                </c:pt>
                <c:pt idx="3927">
                  <c:v>2.0486486396606902</c:v>
                </c:pt>
                <c:pt idx="3928">
                  <c:v>2.0486486396606902</c:v>
                </c:pt>
                <c:pt idx="3929">
                  <c:v>2.0486486396606902</c:v>
                </c:pt>
                <c:pt idx="3930">
                  <c:v>2.0486486396606902</c:v>
                </c:pt>
                <c:pt idx="3931">
                  <c:v>1.707207199717242</c:v>
                </c:pt>
                <c:pt idx="3932">
                  <c:v>1.3657657597737938</c:v>
                </c:pt>
                <c:pt idx="3933">
                  <c:v>1.0243243198303451</c:v>
                </c:pt>
                <c:pt idx="3934">
                  <c:v>1.0243243198303451</c:v>
                </c:pt>
                <c:pt idx="3935">
                  <c:v>1.0243243198303451</c:v>
                </c:pt>
                <c:pt idx="3936">
                  <c:v>1.0149832463713508</c:v>
                </c:pt>
                <c:pt idx="3937">
                  <c:v>1.0149832463713508</c:v>
                </c:pt>
                <c:pt idx="3938">
                  <c:v>1.0149832463713508</c:v>
                </c:pt>
                <c:pt idx="3939">
                  <c:v>1.0149832463713508</c:v>
                </c:pt>
                <c:pt idx="3940">
                  <c:v>1.0149832463713508</c:v>
                </c:pt>
                <c:pt idx="3941">
                  <c:v>1.3082006286564078</c:v>
                </c:pt>
                <c:pt idx="3942">
                  <c:v>1.5111972779306782</c:v>
                </c:pt>
                <c:pt idx="3943">
                  <c:v>1.5111972779306782</c:v>
                </c:pt>
                <c:pt idx="3944">
                  <c:v>1.5111972779306782</c:v>
                </c:pt>
                <c:pt idx="3945">
                  <c:v>1.6239731941941613</c:v>
                </c:pt>
                <c:pt idx="3946">
                  <c:v>1.7593042937103414</c:v>
                </c:pt>
                <c:pt idx="3947">
                  <c:v>2.0299664927427017</c:v>
                </c:pt>
                <c:pt idx="3948">
                  <c:v>2.0299664927427017</c:v>
                </c:pt>
                <c:pt idx="3949">
                  <c:v>2.0299664927427017</c:v>
                </c:pt>
                <c:pt idx="3950">
                  <c:v>2.0299664927427017</c:v>
                </c:pt>
                <c:pt idx="3951">
                  <c:v>2.0299664927427017</c:v>
                </c:pt>
                <c:pt idx="3952">
                  <c:v>2.0299664927427017</c:v>
                </c:pt>
                <c:pt idx="3953">
                  <c:v>2.0299664927427017</c:v>
                </c:pt>
                <c:pt idx="3954">
                  <c:v>2.0299664927427017</c:v>
                </c:pt>
                <c:pt idx="3955">
                  <c:v>1.6916387439522513</c:v>
                </c:pt>
                <c:pt idx="3956">
                  <c:v>1.353310995161801</c:v>
                </c:pt>
                <c:pt idx="3957">
                  <c:v>1.0149832463713508</c:v>
                </c:pt>
                <c:pt idx="3958">
                  <c:v>1.0149832463713508</c:v>
                </c:pt>
                <c:pt idx="3959">
                  <c:v>1.0149832463713508</c:v>
                </c:pt>
                <c:pt idx="3960">
                  <c:v>1.1123323178148055</c:v>
                </c:pt>
                <c:pt idx="3961">
                  <c:v>1.1123323178148055</c:v>
                </c:pt>
                <c:pt idx="3962">
                  <c:v>1.1123323178148055</c:v>
                </c:pt>
                <c:pt idx="3963">
                  <c:v>1.1123323178148055</c:v>
                </c:pt>
                <c:pt idx="3964">
                  <c:v>1.1123323178148055</c:v>
                </c:pt>
                <c:pt idx="3965">
                  <c:v>1.4336727651835273</c:v>
                </c:pt>
                <c:pt idx="3966">
                  <c:v>1.7302947166008089</c:v>
                </c:pt>
                <c:pt idx="3967">
                  <c:v>1.7302947166008089</c:v>
                </c:pt>
                <c:pt idx="3968">
                  <c:v>1.7302947166008089</c:v>
                </c:pt>
                <c:pt idx="3969">
                  <c:v>1.853887196358009</c:v>
                </c:pt>
                <c:pt idx="3970">
                  <c:v>1.9280426842123297</c:v>
                </c:pt>
                <c:pt idx="3971">
                  <c:v>2.2246646356296109</c:v>
                </c:pt>
                <c:pt idx="3972">
                  <c:v>2.2246646356296109</c:v>
                </c:pt>
                <c:pt idx="3973">
                  <c:v>2.2246646356296109</c:v>
                </c:pt>
                <c:pt idx="3974">
                  <c:v>2.2246646356296109</c:v>
                </c:pt>
                <c:pt idx="3975">
                  <c:v>1.853887196358009</c:v>
                </c:pt>
                <c:pt idx="3976">
                  <c:v>1.7550132125522488</c:v>
                </c:pt>
                <c:pt idx="3977">
                  <c:v>1.7550132125522488</c:v>
                </c:pt>
                <c:pt idx="3978">
                  <c:v>1.7550132125522488</c:v>
                </c:pt>
                <c:pt idx="3979">
                  <c:v>1.7550132125522488</c:v>
                </c:pt>
                <c:pt idx="3980">
                  <c:v>1.3595172773292068</c:v>
                </c:pt>
                <c:pt idx="3981">
                  <c:v>0.51908841498024261</c:v>
                </c:pt>
                <c:pt idx="3982">
                  <c:v>0.51908841498024261</c:v>
                </c:pt>
                <c:pt idx="3983">
                  <c:v>0.51908841498024261</c:v>
                </c:pt>
                <c:pt idx="3984">
                  <c:v>0.20298691198261629</c:v>
                </c:pt>
                <c:pt idx="3985">
                  <c:v>0.39630778053748905</c:v>
                </c:pt>
                <c:pt idx="3986">
                  <c:v>0.39630778053748905</c:v>
                </c:pt>
                <c:pt idx="3987">
                  <c:v>0.39630778053748905</c:v>
                </c:pt>
                <c:pt idx="3988">
                  <c:v>0.39630778053748905</c:v>
                </c:pt>
                <c:pt idx="3989">
                  <c:v>0.49296821481492542</c:v>
                </c:pt>
                <c:pt idx="3990">
                  <c:v>0.61862677937559263</c:v>
                </c:pt>
                <c:pt idx="3991">
                  <c:v>0.70562117022528525</c:v>
                </c:pt>
                <c:pt idx="3992">
                  <c:v>0.70562117022528525</c:v>
                </c:pt>
                <c:pt idx="3993">
                  <c:v>0.70562117022528525</c:v>
                </c:pt>
                <c:pt idx="3994">
                  <c:v>0.70562117022528525</c:v>
                </c:pt>
                <c:pt idx="3995">
                  <c:v>0.70562117022528525</c:v>
                </c:pt>
                <c:pt idx="3996">
                  <c:v>0.70562117022528525</c:v>
                </c:pt>
                <c:pt idx="3997">
                  <c:v>0.70562117022528525</c:v>
                </c:pt>
                <c:pt idx="3998">
                  <c:v>0.70562117022528525</c:v>
                </c:pt>
                <c:pt idx="3999">
                  <c:v>0.63795886623107989</c:v>
                </c:pt>
                <c:pt idx="4000">
                  <c:v>0.5799626056646181</c:v>
                </c:pt>
                <c:pt idx="4001">
                  <c:v>0.52196634509815631</c:v>
                </c:pt>
                <c:pt idx="4002">
                  <c:v>0.50263425824266894</c:v>
                </c:pt>
                <c:pt idx="4003">
                  <c:v>0.40597382396523257</c:v>
                </c:pt>
                <c:pt idx="4004">
                  <c:v>0.29964734626005268</c:v>
                </c:pt>
                <c:pt idx="4005">
                  <c:v>0.29964734626005268</c:v>
                </c:pt>
                <c:pt idx="4006">
                  <c:v>0.29964734626005268</c:v>
                </c:pt>
                <c:pt idx="4007">
                  <c:v>0.29964734626005268</c:v>
                </c:pt>
                <c:pt idx="4008">
                  <c:v>0.33975540977673407</c:v>
                </c:pt>
                <c:pt idx="4009">
                  <c:v>0.39455466941814282</c:v>
                </c:pt>
                <c:pt idx="4010">
                  <c:v>0.39455466941814282</c:v>
                </c:pt>
                <c:pt idx="4011">
                  <c:v>0.39455466941814282</c:v>
                </c:pt>
                <c:pt idx="4012">
                  <c:v>0.39455466941814282</c:v>
                </c:pt>
                <c:pt idx="4013">
                  <c:v>0.49319333677267846</c:v>
                </c:pt>
                <c:pt idx="4014">
                  <c:v>0.58087215219893251</c:v>
                </c:pt>
                <c:pt idx="4015">
                  <c:v>0.6904706714817499</c:v>
                </c:pt>
                <c:pt idx="4016">
                  <c:v>0.6904706714817499</c:v>
                </c:pt>
                <c:pt idx="4017">
                  <c:v>0.6904706714817499</c:v>
                </c:pt>
                <c:pt idx="4018">
                  <c:v>0.6904706714817499</c:v>
                </c:pt>
                <c:pt idx="4019">
                  <c:v>0.6904706714817499</c:v>
                </c:pt>
                <c:pt idx="4020">
                  <c:v>0.6904706714817499</c:v>
                </c:pt>
                <c:pt idx="4021">
                  <c:v>0.6904706714817499</c:v>
                </c:pt>
                <c:pt idx="4022">
                  <c:v>0.6904706714817499</c:v>
                </c:pt>
                <c:pt idx="4023">
                  <c:v>0.61375170798377776</c:v>
                </c:pt>
                <c:pt idx="4024">
                  <c:v>0.6027918560554959</c:v>
                </c:pt>
                <c:pt idx="4025">
                  <c:v>0.51511304062924212</c:v>
                </c:pt>
                <c:pt idx="4026">
                  <c:v>0.48223348484439682</c:v>
                </c:pt>
                <c:pt idx="4027">
                  <c:v>0.40551452134642457</c:v>
                </c:pt>
                <c:pt idx="4028">
                  <c:v>0.33975540977673407</c:v>
                </c:pt>
                <c:pt idx="4029">
                  <c:v>0.29591600206360713</c:v>
                </c:pt>
                <c:pt idx="4030">
                  <c:v>0.29591600206360713</c:v>
                </c:pt>
                <c:pt idx="4031">
                  <c:v>0.29591600206360713</c:v>
                </c:pt>
                <c:pt idx="4032">
                  <c:v>0.33846943235424348</c:v>
                </c:pt>
                <c:pt idx="4033">
                  <c:v>0.33846943235424348</c:v>
                </c:pt>
                <c:pt idx="4034">
                  <c:v>0.33846943235424348</c:v>
                </c:pt>
                <c:pt idx="4035">
                  <c:v>0.33846943235424348</c:v>
                </c:pt>
                <c:pt idx="4036">
                  <c:v>0.33846943235424348</c:v>
                </c:pt>
                <c:pt idx="4037">
                  <c:v>1.4667008735350551</c:v>
                </c:pt>
                <c:pt idx="4038">
                  <c:v>1.6641413757416972</c:v>
                </c:pt>
                <c:pt idx="4039">
                  <c:v>1.6641413757416972</c:v>
                </c:pt>
                <c:pt idx="4040">
                  <c:v>1.6641413757416972</c:v>
                </c:pt>
                <c:pt idx="4041">
                  <c:v>1.7769645198597785</c:v>
                </c:pt>
                <c:pt idx="4042">
                  <c:v>1.7769645198597785</c:v>
                </c:pt>
                <c:pt idx="4043">
                  <c:v>2.2564628823616233</c:v>
                </c:pt>
                <c:pt idx="4044">
                  <c:v>2.2564628823616233</c:v>
                </c:pt>
                <c:pt idx="4045">
                  <c:v>1.4949066595645757</c:v>
                </c:pt>
                <c:pt idx="4046">
                  <c:v>2.2564628823616233</c:v>
                </c:pt>
                <c:pt idx="4047">
                  <c:v>2.2564628823616233</c:v>
                </c:pt>
                <c:pt idx="4048">
                  <c:v>2.2564628823616233</c:v>
                </c:pt>
                <c:pt idx="4049">
                  <c:v>2.2564628823616233</c:v>
                </c:pt>
                <c:pt idx="4050">
                  <c:v>2.2564628823616233</c:v>
                </c:pt>
                <c:pt idx="4051">
                  <c:v>1.8897876639778595</c:v>
                </c:pt>
                <c:pt idx="4052">
                  <c:v>1.5513182316236158</c:v>
                </c:pt>
                <c:pt idx="4053">
                  <c:v>1.1282314411808116</c:v>
                </c:pt>
                <c:pt idx="4054">
                  <c:v>1.0718198691217711</c:v>
                </c:pt>
                <c:pt idx="4055">
                  <c:v>1.0718198691217711</c:v>
                </c:pt>
                <c:pt idx="4056">
                  <c:v>0.98847128341516077</c:v>
                </c:pt>
                <c:pt idx="4057">
                  <c:v>0.98847128341516077</c:v>
                </c:pt>
                <c:pt idx="4058">
                  <c:v>0.98847128341516077</c:v>
                </c:pt>
                <c:pt idx="4059">
                  <c:v>0.98847128341516077</c:v>
                </c:pt>
                <c:pt idx="4060">
                  <c:v>0.98847128341516077</c:v>
                </c:pt>
                <c:pt idx="4061">
                  <c:v>1.285012668439709</c:v>
                </c:pt>
                <c:pt idx="4062">
                  <c:v>1.4332833609519831</c:v>
                </c:pt>
                <c:pt idx="4063">
                  <c:v>1.4827069251227412</c:v>
                </c:pt>
                <c:pt idx="4064">
                  <c:v>1.4827069251227412</c:v>
                </c:pt>
                <c:pt idx="4065">
                  <c:v>1.6062658355496362</c:v>
                </c:pt>
                <c:pt idx="4066">
                  <c:v>1.6804011818057734</c:v>
                </c:pt>
                <c:pt idx="4067">
                  <c:v>1.9769425668303215</c:v>
                </c:pt>
                <c:pt idx="4068">
                  <c:v>1.9769425668303215</c:v>
                </c:pt>
                <c:pt idx="4069">
                  <c:v>1.9769425668303215</c:v>
                </c:pt>
                <c:pt idx="4070">
                  <c:v>1.9769425668303215</c:v>
                </c:pt>
                <c:pt idx="4071">
                  <c:v>1.9769425668303215</c:v>
                </c:pt>
                <c:pt idx="4072">
                  <c:v>1.9769425668303215</c:v>
                </c:pt>
                <c:pt idx="4073">
                  <c:v>1.9769425668303215</c:v>
                </c:pt>
                <c:pt idx="4074">
                  <c:v>1.9769425668303215</c:v>
                </c:pt>
                <c:pt idx="4075">
                  <c:v>1.6556893997203945</c:v>
                </c:pt>
                <c:pt idx="4076">
                  <c:v>1.3591480146958461</c:v>
                </c:pt>
                <c:pt idx="4077">
                  <c:v>0.98847128341516077</c:v>
                </c:pt>
                <c:pt idx="4078">
                  <c:v>0.98847128341516077</c:v>
                </c:pt>
                <c:pt idx="4079">
                  <c:v>0.98847128341516077</c:v>
                </c:pt>
                <c:pt idx="4080">
                  <c:v>0.87947813561328325</c:v>
                </c:pt>
                <c:pt idx="4081">
                  <c:v>0.98941290256494352</c:v>
                </c:pt>
                <c:pt idx="4082">
                  <c:v>0.98941290256494352</c:v>
                </c:pt>
                <c:pt idx="4083">
                  <c:v>0.98941290256494352</c:v>
                </c:pt>
                <c:pt idx="4084">
                  <c:v>0.98941290256494352</c:v>
                </c:pt>
                <c:pt idx="4085">
                  <c:v>1.2752432966392604</c:v>
                </c:pt>
                <c:pt idx="4086">
                  <c:v>1.4731258771522497</c:v>
                </c:pt>
                <c:pt idx="4087">
                  <c:v>1.4731258771522497</c:v>
                </c:pt>
                <c:pt idx="4088">
                  <c:v>1.4731258771522497</c:v>
                </c:pt>
                <c:pt idx="4089">
                  <c:v>1.5830606441039097</c:v>
                </c:pt>
                <c:pt idx="4090">
                  <c:v>1.7149823644459021</c:v>
                </c:pt>
                <c:pt idx="4091">
                  <c:v>1.978825805129887</c:v>
                </c:pt>
                <c:pt idx="4092">
                  <c:v>1.978825805129887</c:v>
                </c:pt>
                <c:pt idx="4093">
                  <c:v>1.978825805129887</c:v>
                </c:pt>
                <c:pt idx="4094">
                  <c:v>1.978825805129887</c:v>
                </c:pt>
                <c:pt idx="4095">
                  <c:v>1.978825805129887</c:v>
                </c:pt>
                <c:pt idx="4096">
                  <c:v>1.978825805129887</c:v>
                </c:pt>
                <c:pt idx="4097">
                  <c:v>1.978825805129887</c:v>
                </c:pt>
                <c:pt idx="4098">
                  <c:v>1.978825805129887</c:v>
                </c:pt>
                <c:pt idx="4099">
                  <c:v>1.6490215042749061</c:v>
                </c:pt>
                <c:pt idx="4100">
                  <c:v>1.319217203419925</c:v>
                </c:pt>
                <c:pt idx="4101">
                  <c:v>0.98941290256494352</c:v>
                </c:pt>
                <c:pt idx="4102">
                  <c:v>0.98941290256494352</c:v>
                </c:pt>
                <c:pt idx="4103">
                  <c:v>0.98941290256494352</c:v>
                </c:pt>
                <c:pt idx="4104">
                  <c:v>0.98017931499654487</c:v>
                </c:pt>
                <c:pt idx="4105">
                  <c:v>0.98017931499654487</c:v>
                </c:pt>
                <c:pt idx="4106">
                  <c:v>0.98017931499654487</c:v>
                </c:pt>
                <c:pt idx="4107">
                  <c:v>0.98017931499654487</c:v>
                </c:pt>
                <c:pt idx="4108">
                  <c:v>0.98017931499654487</c:v>
                </c:pt>
                <c:pt idx="4109">
                  <c:v>1.2633422282177686</c:v>
                </c:pt>
                <c:pt idx="4110">
                  <c:v>1.459378091217078</c:v>
                </c:pt>
                <c:pt idx="4111">
                  <c:v>1.459378091217078</c:v>
                </c:pt>
                <c:pt idx="4112">
                  <c:v>1.459378091217078</c:v>
                </c:pt>
                <c:pt idx="4113">
                  <c:v>1.5682869039944718</c:v>
                </c:pt>
                <c:pt idx="4114">
                  <c:v>1.6989774793273444</c:v>
                </c:pt>
                <c:pt idx="4115">
                  <c:v>1.9603586299930897</c:v>
                </c:pt>
                <c:pt idx="4116">
                  <c:v>1.9603586299930897</c:v>
                </c:pt>
                <c:pt idx="4117">
                  <c:v>1.9603586299930897</c:v>
                </c:pt>
                <c:pt idx="4118">
                  <c:v>1.9603586299930897</c:v>
                </c:pt>
                <c:pt idx="4119">
                  <c:v>1.9603586299930897</c:v>
                </c:pt>
                <c:pt idx="4120">
                  <c:v>1.9603586299930897</c:v>
                </c:pt>
                <c:pt idx="4121">
                  <c:v>1.9603586299930897</c:v>
                </c:pt>
                <c:pt idx="4122">
                  <c:v>1.9603586299930897</c:v>
                </c:pt>
                <c:pt idx="4123">
                  <c:v>1.633632191660908</c:v>
                </c:pt>
                <c:pt idx="4124">
                  <c:v>1.3069057533287265</c:v>
                </c:pt>
                <c:pt idx="4125">
                  <c:v>0.98017931499654487</c:v>
                </c:pt>
                <c:pt idx="4126">
                  <c:v>0.98017931499654487</c:v>
                </c:pt>
                <c:pt idx="4127">
                  <c:v>0.98017931499654487</c:v>
                </c:pt>
                <c:pt idx="4128">
                  <c:v>1.118261007286129</c:v>
                </c:pt>
                <c:pt idx="4129">
                  <c:v>1.118261007286129</c:v>
                </c:pt>
                <c:pt idx="4130">
                  <c:v>1.118261007286129</c:v>
                </c:pt>
                <c:pt idx="4131">
                  <c:v>1.118261007286129</c:v>
                </c:pt>
                <c:pt idx="4132">
                  <c:v>1.118261007286129</c:v>
                </c:pt>
                <c:pt idx="4133">
                  <c:v>1.4413141871687887</c:v>
                </c:pt>
                <c:pt idx="4134">
                  <c:v>1.7395171224450898</c:v>
                </c:pt>
                <c:pt idx="4135">
                  <c:v>1.7395171224450898</c:v>
                </c:pt>
                <c:pt idx="4136">
                  <c:v>1.7395171224450898</c:v>
                </c:pt>
                <c:pt idx="4137">
                  <c:v>1.8637683454768819</c:v>
                </c:pt>
                <c:pt idx="4138">
                  <c:v>1.9383190792959573</c:v>
                </c:pt>
                <c:pt idx="4139">
                  <c:v>2.236522014572258</c:v>
                </c:pt>
                <c:pt idx="4140">
                  <c:v>2.236522014572258</c:v>
                </c:pt>
                <c:pt idx="4141">
                  <c:v>2.236522014572258</c:v>
                </c:pt>
                <c:pt idx="4142">
                  <c:v>2.236522014572258</c:v>
                </c:pt>
                <c:pt idx="4143">
                  <c:v>1.8637683454768819</c:v>
                </c:pt>
                <c:pt idx="4144">
                  <c:v>1.7643673670514486</c:v>
                </c:pt>
                <c:pt idx="4145">
                  <c:v>1.7643673670514486</c:v>
                </c:pt>
                <c:pt idx="4146">
                  <c:v>1.7643673670514486</c:v>
                </c:pt>
                <c:pt idx="4147">
                  <c:v>1.7643673670514486</c:v>
                </c:pt>
                <c:pt idx="4148">
                  <c:v>1.3667634533497133</c:v>
                </c:pt>
                <c:pt idx="4149">
                  <c:v>0.5218551367335269</c:v>
                </c:pt>
                <c:pt idx="4150">
                  <c:v>0.5218551367335269</c:v>
                </c:pt>
                <c:pt idx="4151">
                  <c:v>0.5218551367335269</c:v>
                </c:pt>
                <c:pt idx="4152">
                  <c:v>0.2599712655613669</c:v>
                </c:pt>
                <c:pt idx="4153">
                  <c:v>0.50756294704838323</c:v>
                </c:pt>
                <c:pt idx="4154">
                  <c:v>0.50756294704838323</c:v>
                </c:pt>
                <c:pt idx="4155">
                  <c:v>0.50756294704838323</c:v>
                </c:pt>
                <c:pt idx="4156">
                  <c:v>0.50756294704838323</c:v>
                </c:pt>
                <c:pt idx="4157">
                  <c:v>0.63135878779189125</c:v>
                </c:pt>
                <c:pt idx="4158">
                  <c:v>0.79229338075845168</c:v>
                </c:pt>
                <c:pt idx="4159">
                  <c:v>0.90370963742760901</c:v>
                </c:pt>
                <c:pt idx="4160">
                  <c:v>0.90370963742760901</c:v>
                </c:pt>
                <c:pt idx="4161">
                  <c:v>0.90370963742760901</c:v>
                </c:pt>
                <c:pt idx="4162">
                  <c:v>0.90370963742760901</c:v>
                </c:pt>
                <c:pt idx="4163">
                  <c:v>0.90370963742760901</c:v>
                </c:pt>
                <c:pt idx="4164">
                  <c:v>0.90370963742760901</c:v>
                </c:pt>
                <c:pt idx="4165">
                  <c:v>0.90370963742760901</c:v>
                </c:pt>
                <c:pt idx="4166">
                  <c:v>0.90370963742760901</c:v>
                </c:pt>
                <c:pt idx="4167">
                  <c:v>0.81705254890715329</c:v>
                </c:pt>
                <c:pt idx="4168">
                  <c:v>0.74277504446104847</c:v>
                </c:pt>
                <c:pt idx="4169">
                  <c:v>0.66849754001494366</c:v>
                </c:pt>
                <c:pt idx="4170">
                  <c:v>0.64373837186624194</c:v>
                </c:pt>
                <c:pt idx="4171">
                  <c:v>0.51994253112273381</c:v>
                </c:pt>
                <c:pt idx="4172">
                  <c:v>0.38376710630487498</c:v>
                </c:pt>
                <c:pt idx="4173">
                  <c:v>0.38376710630487498</c:v>
                </c:pt>
                <c:pt idx="4174">
                  <c:v>0.38376710630487498</c:v>
                </c:pt>
                <c:pt idx="4175">
                  <c:v>0.38376710630487498</c:v>
                </c:pt>
                <c:pt idx="4176">
                  <c:v>0.35351210977503406</c:v>
                </c:pt>
                <c:pt idx="4177">
                  <c:v>0.41053019199681368</c:v>
                </c:pt>
                <c:pt idx="4178">
                  <c:v>0.41053019199681368</c:v>
                </c:pt>
                <c:pt idx="4179">
                  <c:v>0.41053019199681368</c:v>
                </c:pt>
                <c:pt idx="4180">
                  <c:v>0.41053019199681368</c:v>
                </c:pt>
                <c:pt idx="4181">
                  <c:v>0.51316273999601714</c:v>
                </c:pt>
                <c:pt idx="4182">
                  <c:v>0.60439167155086471</c:v>
                </c:pt>
                <c:pt idx="4183">
                  <c:v>0.71842783599442395</c:v>
                </c:pt>
                <c:pt idx="4184">
                  <c:v>0.71842783599442395</c:v>
                </c:pt>
                <c:pt idx="4185">
                  <c:v>0.71842783599442395</c:v>
                </c:pt>
                <c:pt idx="4186">
                  <c:v>0.71842783599442395</c:v>
                </c:pt>
                <c:pt idx="4187">
                  <c:v>0.71842783599442395</c:v>
                </c:pt>
                <c:pt idx="4188">
                  <c:v>0.71842783599442395</c:v>
                </c:pt>
                <c:pt idx="4189">
                  <c:v>0.71842783599442395</c:v>
                </c:pt>
                <c:pt idx="4190">
                  <c:v>0.71842783599442395</c:v>
                </c:pt>
                <c:pt idx="4191">
                  <c:v>0.63860252088393255</c:v>
                </c:pt>
                <c:pt idx="4192">
                  <c:v>0.62719890443957649</c:v>
                </c:pt>
                <c:pt idx="4193">
                  <c:v>0.53596997288472903</c:v>
                </c:pt>
                <c:pt idx="4194">
                  <c:v>0.5017591235516613</c:v>
                </c:pt>
                <c:pt idx="4195">
                  <c:v>0.42193380844116968</c:v>
                </c:pt>
                <c:pt idx="4196">
                  <c:v>0.35351210977503406</c:v>
                </c:pt>
                <c:pt idx="4197">
                  <c:v>0.30789764399761033</c:v>
                </c:pt>
                <c:pt idx="4198">
                  <c:v>0.30789764399761033</c:v>
                </c:pt>
                <c:pt idx="4199">
                  <c:v>0.30789764399761033</c:v>
                </c:pt>
                <c:pt idx="4200">
                  <c:v>0.34164424489713602</c:v>
                </c:pt>
                <c:pt idx="4201">
                  <c:v>0.34164424489713602</c:v>
                </c:pt>
                <c:pt idx="4202">
                  <c:v>0.34164424489713602</c:v>
                </c:pt>
                <c:pt idx="4203">
                  <c:v>0.34164424489713602</c:v>
                </c:pt>
                <c:pt idx="4204">
                  <c:v>0.34164424489713602</c:v>
                </c:pt>
                <c:pt idx="4205">
                  <c:v>1.4804583945542562</c:v>
                </c:pt>
                <c:pt idx="4206">
                  <c:v>1.6797508707442523</c:v>
                </c:pt>
                <c:pt idx="4207">
                  <c:v>1.6797508707442523</c:v>
                </c:pt>
                <c:pt idx="4208">
                  <c:v>1.6797508707442523</c:v>
                </c:pt>
                <c:pt idx="4209">
                  <c:v>1.7936322857099642</c:v>
                </c:pt>
                <c:pt idx="4210">
                  <c:v>1.7936322857099642</c:v>
                </c:pt>
                <c:pt idx="4211">
                  <c:v>2.2776282993142405</c:v>
                </c:pt>
                <c:pt idx="4212">
                  <c:v>2.2776282993142405</c:v>
                </c:pt>
                <c:pt idx="4213">
                  <c:v>1.5089287482956841</c:v>
                </c:pt>
                <c:pt idx="4214">
                  <c:v>2.2776282993142405</c:v>
                </c:pt>
                <c:pt idx="4215">
                  <c:v>2.2776282993142405</c:v>
                </c:pt>
                <c:pt idx="4216">
                  <c:v>2.2776282993142405</c:v>
                </c:pt>
                <c:pt idx="4217">
                  <c:v>2.2776282993142405</c:v>
                </c:pt>
                <c:pt idx="4218">
                  <c:v>2.2776282993142405</c:v>
                </c:pt>
                <c:pt idx="4219">
                  <c:v>1.9075137006756764</c:v>
                </c:pt>
                <c:pt idx="4220">
                  <c:v>1.56586945577854</c:v>
                </c:pt>
                <c:pt idx="4221">
                  <c:v>1.1388141496571202</c:v>
                </c:pt>
                <c:pt idx="4222">
                  <c:v>1.0818734421742642</c:v>
                </c:pt>
                <c:pt idx="4223">
                  <c:v>1.0818734421742642</c:v>
                </c:pt>
                <c:pt idx="4224">
                  <c:v>0.9637465610511341</c:v>
                </c:pt>
                <c:pt idx="4225">
                  <c:v>0.9637465610511341</c:v>
                </c:pt>
                <c:pt idx="4226">
                  <c:v>0.9637465610511341</c:v>
                </c:pt>
                <c:pt idx="4227">
                  <c:v>0.9637465610511341</c:v>
                </c:pt>
                <c:pt idx="4228">
                  <c:v>0.9637465610511341</c:v>
                </c:pt>
                <c:pt idx="4229">
                  <c:v>1.2528705293664741</c:v>
                </c:pt>
                <c:pt idx="4230">
                  <c:v>1.3974325135241443</c:v>
                </c:pt>
                <c:pt idx="4231">
                  <c:v>1.4456198415767012</c:v>
                </c:pt>
                <c:pt idx="4232">
                  <c:v>1.4456198415767012</c:v>
                </c:pt>
                <c:pt idx="4233">
                  <c:v>1.5660881617080931</c:v>
                </c:pt>
                <c:pt idx="4234">
                  <c:v>1.6383691537869278</c:v>
                </c:pt>
                <c:pt idx="4235">
                  <c:v>1.9274931221022682</c:v>
                </c:pt>
                <c:pt idx="4236">
                  <c:v>1.9274931221022682</c:v>
                </c:pt>
                <c:pt idx="4237">
                  <c:v>1.9274931221022682</c:v>
                </c:pt>
                <c:pt idx="4238">
                  <c:v>1.9274931221022682</c:v>
                </c:pt>
                <c:pt idx="4239">
                  <c:v>1.9274931221022682</c:v>
                </c:pt>
                <c:pt idx="4240">
                  <c:v>1.9274931221022682</c:v>
                </c:pt>
                <c:pt idx="4241">
                  <c:v>1.9274931221022682</c:v>
                </c:pt>
                <c:pt idx="4242">
                  <c:v>1.9274931221022682</c:v>
                </c:pt>
                <c:pt idx="4243">
                  <c:v>1.6142754897606497</c:v>
                </c:pt>
                <c:pt idx="4244">
                  <c:v>1.3251515214453093</c:v>
                </c:pt>
                <c:pt idx="4245">
                  <c:v>0.9637465610511341</c:v>
                </c:pt>
                <c:pt idx="4246">
                  <c:v>0.9637465610511341</c:v>
                </c:pt>
                <c:pt idx="4247">
                  <c:v>0.9637465610511341</c:v>
                </c:pt>
                <c:pt idx="4248">
                  <c:v>0.90292481585078754</c:v>
                </c:pt>
                <c:pt idx="4249">
                  <c:v>1.015790417832136</c:v>
                </c:pt>
                <c:pt idx="4250">
                  <c:v>1.015790417832136</c:v>
                </c:pt>
                <c:pt idx="4251">
                  <c:v>1.015790417832136</c:v>
                </c:pt>
                <c:pt idx="4252">
                  <c:v>1.015790417832136</c:v>
                </c:pt>
                <c:pt idx="4253">
                  <c:v>1.3092409829836418</c:v>
                </c:pt>
                <c:pt idx="4254">
                  <c:v>1.5123990665500693</c:v>
                </c:pt>
                <c:pt idx="4255">
                  <c:v>1.5123990665500693</c:v>
                </c:pt>
                <c:pt idx="4256">
                  <c:v>1.5123990665500693</c:v>
                </c:pt>
                <c:pt idx="4257">
                  <c:v>1.6252646685314176</c:v>
                </c:pt>
                <c:pt idx="4258">
                  <c:v>1.7607033909090355</c:v>
                </c:pt>
                <c:pt idx="4259">
                  <c:v>2.0315808356642719</c:v>
                </c:pt>
                <c:pt idx="4260">
                  <c:v>2.0315808356642719</c:v>
                </c:pt>
                <c:pt idx="4261">
                  <c:v>2.0315808356642719</c:v>
                </c:pt>
                <c:pt idx="4262">
                  <c:v>2.0315808356642719</c:v>
                </c:pt>
                <c:pt idx="4263">
                  <c:v>2.0315808356642719</c:v>
                </c:pt>
                <c:pt idx="4264">
                  <c:v>2.0315808356642719</c:v>
                </c:pt>
                <c:pt idx="4265">
                  <c:v>2.0315808356642719</c:v>
                </c:pt>
                <c:pt idx="4266">
                  <c:v>2.0315808356642719</c:v>
                </c:pt>
                <c:pt idx="4267">
                  <c:v>1.6929840297202265</c:v>
                </c:pt>
                <c:pt idx="4268">
                  <c:v>1.3543872237761814</c:v>
                </c:pt>
                <c:pt idx="4269">
                  <c:v>1.015790417832136</c:v>
                </c:pt>
                <c:pt idx="4270">
                  <c:v>1.015790417832136</c:v>
                </c:pt>
                <c:pt idx="4271">
                  <c:v>1.015790417832136</c:v>
                </c:pt>
                <c:pt idx="4272">
                  <c:v>1.0064756187019539</c:v>
                </c:pt>
                <c:pt idx="4273">
                  <c:v>1.0064756187019539</c:v>
                </c:pt>
                <c:pt idx="4274">
                  <c:v>1.0064756187019539</c:v>
                </c:pt>
                <c:pt idx="4275">
                  <c:v>1.0064756187019539</c:v>
                </c:pt>
                <c:pt idx="4276">
                  <c:v>1.0064756187019539</c:v>
                </c:pt>
                <c:pt idx="4277">
                  <c:v>1.2972352418825184</c:v>
                </c:pt>
                <c:pt idx="4278">
                  <c:v>1.4985303656229092</c:v>
                </c:pt>
                <c:pt idx="4279">
                  <c:v>1.4985303656229092</c:v>
                </c:pt>
                <c:pt idx="4280">
                  <c:v>1.4985303656229092</c:v>
                </c:pt>
                <c:pt idx="4281">
                  <c:v>1.6103609899231264</c:v>
                </c:pt>
                <c:pt idx="4282">
                  <c:v>1.7445577390833868</c:v>
                </c:pt>
                <c:pt idx="4283">
                  <c:v>2.0129512374039078</c:v>
                </c:pt>
                <c:pt idx="4284">
                  <c:v>2.0129512374039078</c:v>
                </c:pt>
                <c:pt idx="4285">
                  <c:v>2.0129512374039078</c:v>
                </c:pt>
                <c:pt idx="4286">
                  <c:v>2.0129512374039078</c:v>
                </c:pt>
                <c:pt idx="4287">
                  <c:v>2.0129512374039078</c:v>
                </c:pt>
                <c:pt idx="4288">
                  <c:v>2.0129512374039078</c:v>
                </c:pt>
                <c:pt idx="4289">
                  <c:v>2.0129512374039078</c:v>
                </c:pt>
                <c:pt idx="4290">
                  <c:v>2.0129512374039078</c:v>
                </c:pt>
                <c:pt idx="4291">
                  <c:v>1.6774593645032565</c:v>
                </c:pt>
                <c:pt idx="4292">
                  <c:v>1.3419674916026052</c:v>
                </c:pt>
                <c:pt idx="4293">
                  <c:v>1.0064756187019539</c:v>
                </c:pt>
                <c:pt idx="4294">
                  <c:v>1.0064756187019539</c:v>
                </c:pt>
                <c:pt idx="4295">
                  <c:v>1.0064756187019539</c:v>
                </c:pt>
                <c:pt idx="4296">
                  <c:v>1.1445166320877063</c:v>
                </c:pt>
                <c:pt idx="4297">
                  <c:v>1.1445166320877063</c:v>
                </c:pt>
                <c:pt idx="4298">
                  <c:v>1.1445166320877063</c:v>
                </c:pt>
                <c:pt idx="4299">
                  <c:v>1.1445166320877063</c:v>
                </c:pt>
                <c:pt idx="4300">
                  <c:v>1.1445166320877063</c:v>
                </c:pt>
                <c:pt idx="4301">
                  <c:v>1.475154770246377</c:v>
                </c:pt>
                <c:pt idx="4302">
                  <c:v>1.7803592054697652</c:v>
                </c:pt>
                <c:pt idx="4303">
                  <c:v>1.7803592054697652</c:v>
                </c:pt>
                <c:pt idx="4304">
                  <c:v>1.7803592054697652</c:v>
                </c:pt>
                <c:pt idx="4305">
                  <c:v>1.9075277201461771</c:v>
                </c:pt>
                <c:pt idx="4306">
                  <c:v>1.9838288289520243</c:v>
                </c:pt>
                <c:pt idx="4307">
                  <c:v>2.2890332641754125</c:v>
                </c:pt>
                <c:pt idx="4308">
                  <c:v>2.2890332641754125</c:v>
                </c:pt>
                <c:pt idx="4309">
                  <c:v>2.2890332641754125</c:v>
                </c:pt>
                <c:pt idx="4310">
                  <c:v>2.2890332641754125</c:v>
                </c:pt>
                <c:pt idx="4311">
                  <c:v>1.9075277201461771</c:v>
                </c:pt>
                <c:pt idx="4312">
                  <c:v>1.8057929084050477</c:v>
                </c:pt>
                <c:pt idx="4313">
                  <c:v>1.8057929084050477</c:v>
                </c:pt>
                <c:pt idx="4314">
                  <c:v>1.8057929084050477</c:v>
                </c:pt>
                <c:pt idx="4315">
                  <c:v>1.8057929084050477</c:v>
                </c:pt>
                <c:pt idx="4316">
                  <c:v>1.39885366144053</c:v>
                </c:pt>
                <c:pt idx="4317">
                  <c:v>0.53410776164092955</c:v>
                </c:pt>
                <c:pt idx="4318">
                  <c:v>0.53410776164092955</c:v>
                </c:pt>
                <c:pt idx="4319">
                  <c:v>0.53410776164092955</c:v>
                </c:pt>
                <c:pt idx="4320">
                  <c:v>0.24982902290718723</c:v>
                </c:pt>
                <c:pt idx="4321">
                  <c:v>0.487761425675937</c:v>
                </c:pt>
                <c:pt idx="4322">
                  <c:v>0.487761425675937</c:v>
                </c:pt>
                <c:pt idx="4323">
                  <c:v>0.487761425675937</c:v>
                </c:pt>
                <c:pt idx="4324">
                  <c:v>0.487761425675937</c:v>
                </c:pt>
                <c:pt idx="4325">
                  <c:v>0.6067276270603118</c:v>
                </c:pt>
                <c:pt idx="4326">
                  <c:v>0.76138368885999907</c:v>
                </c:pt>
                <c:pt idx="4327">
                  <c:v>0.86845327010593654</c:v>
                </c:pt>
                <c:pt idx="4328">
                  <c:v>0.86845327010593654</c:v>
                </c:pt>
                <c:pt idx="4329">
                  <c:v>0.86845327010593654</c:v>
                </c:pt>
                <c:pt idx="4330">
                  <c:v>0.86845327010593654</c:v>
                </c:pt>
                <c:pt idx="4331">
                  <c:v>0.86845327010593654</c:v>
                </c:pt>
                <c:pt idx="4332">
                  <c:v>0.86845327010593654</c:v>
                </c:pt>
                <c:pt idx="4333">
                  <c:v>0.86845327010593654</c:v>
                </c:pt>
                <c:pt idx="4334">
                  <c:v>0.86845327010593654</c:v>
                </c:pt>
                <c:pt idx="4335">
                  <c:v>0.78517692913687409</c:v>
                </c:pt>
                <c:pt idx="4336">
                  <c:v>0.71379720830624915</c:v>
                </c:pt>
                <c:pt idx="4337">
                  <c:v>0.64241748747562433</c:v>
                </c:pt>
                <c:pt idx="4338">
                  <c:v>0.6186242471987492</c:v>
                </c:pt>
                <c:pt idx="4339">
                  <c:v>0.49965804581437445</c:v>
                </c:pt>
                <c:pt idx="4340">
                  <c:v>0.36879522429156208</c:v>
                </c:pt>
                <c:pt idx="4341">
                  <c:v>0.36879522429156208</c:v>
                </c:pt>
                <c:pt idx="4342">
                  <c:v>0.36879522429156208</c:v>
                </c:pt>
                <c:pt idx="4343">
                  <c:v>0.36879522429156208</c:v>
                </c:pt>
                <c:pt idx="4344">
                  <c:v>0.40942154658412</c:v>
                </c:pt>
                <c:pt idx="4345">
                  <c:v>0.47545727990413933</c:v>
                </c:pt>
                <c:pt idx="4346">
                  <c:v>0.47545727990413933</c:v>
                </c:pt>
                <c:pt idx="4347">
                  <c:v>0.47545727990413933</c:v>
                </c:pt>
                <c:pt idx="4348">
                  <c:v>0.47545727990413933</c:v>
                </c:pt>
                <c:pt idx="4349">
                  <c:v>0.59432159988017419</c:v>
                </c:pt>
                <c:pt idx="4350">
                  <c:v>0.69997877319220514</c:v>
                </c:pt>
                <c:pt idx="4351">
                  <c:v>0.83205023983224391</c:v>
                </c:pt>
                <c:pt idx="4352">
                  <c:v>0.83205023983224391</c:v>
                </c:pt>
                <c:pt idx="4353">
                  <c:v>0.83205023983224391</c:v>
                </c:pt>
                <c:pt idx="4354">
                  <c:v>0.83205023983224391</c:v>
                </c:pt>
                <c:pt idx="4355">
                  <c:v>0.83205023983224391</c:v>
                </c:pt>
                <c:pt idx="4356">
                  <c:v>0.83205023983224391</c:v>
                </c:pt>
                <c:pt idx="4357">
                  <c:v>0.83205023983224391</c:v>
                </c:pt>
                <c:pt idx="4358">
                  <c:v>0.83205023983224391</c:v>
                </c:pt>
                <c:pt idx="4359">
                  <c:v>0.73960021318421676</c:v>
                </c:pt>
                <c:pt idx="4360">
                  <c:v>0.72639306652021285</c:v>
                </c:pt>
                <c:pt idx="4361">
                  <c:v>0.6207358932081819</c:v>
                </c:pt>
                <c:pt idx="4362">
                  <c:v>0.58111445321617028</c:v>
                </c:pt>
                <c:pt idx="4363">
                  <c:v>0.4886644265681433</c:v>
                </c:pt>
                <c:pt idx="4364">
                  <c:v>0.40942154658412</c:v>
                </c:pt>
                <c:pt idx="4365">
                  <c:v>0.35659295992810452</c:v>
                </c:pt>
                <c:pt idx="4366">
                  <c:v>0.35659295992810452</c:v>
                </c:pt>
                <c:pt idx="4367">
                  <c:v>0.35659295992810452</c:v>
                </c:pt>
                <c:pt idx="4368">
                  <c:v>0.34825843769482906</c:v>
                </c:pt>
                <c:pt idx="4369">
                  <c:v>0.34825843769482906</c:v>
                </c:pt>
                <c:pt idx="4370">
                  <c:v>0.34825843769482906</c:v>
                </c:pt>
                <c:pt idx="4371">
                  <c:v>0.34825843769482906</c:v>
                </c:pt>
                <c:pt idx="4372">
                  <c:v>0.34825843769482906</c:v>
                </c:pt>
                <c:pt idx="4373">
                  <c:v>1.5091198966775923</c:v>
                </c:pt>
                <c:pt idx="4374">
                  <c:v>1.7122706519995761</c:v>
                </c:pt>
                <c:pt idx="4375">
                  <c:v>1.7122706519995761</c:v>
                </c:pt>
                <c:pt idx="4376">
                  <c:v>1.7122706519995761</c:v>
                </c:pt>
                <c:pt idx="4377">
                  <c:v>1.8283567978978525</c:v>
                </c:pt>
                <c:pt idx="4378">
                  <c:v>1.8283567978978525</c:v>
                </c:pt>
                <c:pt idx="4379">
                  <c:v>2.321722917965527</c:v>
                </c:pt>
                <c:pt idx="4380">
                  <c:v>2.321722917965527</c:v>
                </c:pt>
                <c:pt idx="4381">
                  <c:v>1.5381414331521615</c:v>
                </c:pt>
                <c:pt idx="4382">
                  <c:v>2.321722917965527</c:v>
                </c:pt>
                <c:pt idx="4383">
                  <c:v>2.321722917965527</c:v>
                </c:pt>
                <c:pt idx="4384">
                  <c:v>2.321722917965527</c:v>
                </c:pt>
                <c:pt idx="4385">
                  <c:v>2.321722917965527</c:v>
                </c:pt>
                <c:pt idx="4386">
                  <c:v>2.321722917965527</c:v>
                </c:pt>
                <c:pt idx="4387">
                  <c:v>1.9444429437961288</c:v>
                </c:pt>
                <c:pt idx="4388">
                  <c:v>1.5961845061012998</c:v>
                </c:pt>
                <c:pt idx="4389">
                  <c:v>1.1608614589827635</c:v>
                </c:pt>
                <c:pt idx="4390">
                  <c:v>1.1028183860336251</c:v>
                </c:pt>
                <c:pt idx="4391">
                  <c:v>1.1028183860336251</c:v>
                </c:pt>
                <c:pt idx="4392">
                  <c:v>1.0394660232909652</c:v>
                </c:pt>
                <c:pt idx="4393">
                  <c:v>1.0394660232909652</c:v>
                </c:pt>
                <c:pt idx="4394">
                  <c:v>1.0394660232909652</c:v>
                </c:pt>
                <c:pt idx="4395">
                  <c:v>1.0394660232909652</c:v>
                </c:pt>
                <c:pt idx="4396">
                  <c:v>1.0394660232909652</c:v>
                </c:pt>
                <c:pt idx="4397">
                  <c:v>1.3513058302782548</c:v>
                </c:pt>
                <c:pt idx="4398">
                  <c:v>1.5072257337718993</c:v>
                </c:pt>
                <c:pt idx="4399">
                  <c:v>1.5591990349364477</c:v>
                </c:pt>
                <c:pt idx="4400">
                  <c:v>1.5591990349364477</c:v>
                </c:pt>
                <c:pt idx="4401">
                  <c:v>1.6891322878478183</c:v>
                </c:pt>
                <c:pt idx="4402">
                  <c:v>1.7670922395946409</c:v>
                </c:pt>
                <c:pt idx="4403">
                  <c:v>2.0789320465819303</c:v>
                </c:pt>
                <c:pt idx="4404">
                  <c:v>2.0789320465819303</c:v>
                </c:pt>
                <c:pt idx="4405">
                  <c:v>2.0789320465819303</c:v>
                </c:pt>
                <c:pt idx="4406">
                  <c:v>2.0789320465819303</c:v>
                </c:pt>
                <c:pt idx="4407">
                  <c:v>2.0789320465819303</c:v>
                </c:pt>
                <c:pt idx="4408">
                  <c:v>2.0789320465819303</c:v>
                </c:pt>
                <c:pt idx="4409">
                  <c:v>2.0789320465819303</c:v>
                </c:pt>
                <c:pt idx="4410">
                  <c:v>2.0789320465819303</c:v>
                </c:pt>
                <c:pt idx="4411">
                  <c:v>1.7411055890123668</c:v>
                </c:pt>
                <c:pt idx="4412">
                  <c:v>1.4292657820250769</c:v>
                </c:pt>
                <c:pt idx="4413">
                  <c:v>1.0394660232909652</c:v>
                </c:pt>
                <c:pt idx="4414">
                  <c:v>1.0394660232909652</c:v>
                </c:pt>
                <c:pt idx="4415">
                  <c:v>1.0394660232909652</c:v>
                </c:pt>
                <c:pt idx="4416">
                  <c:v>0.94154287741844167</c:v>
                </c:pt>
                <c:pt idx="4417">
                  <c:v>1.0592357370957468</c:v>
                </c:pt>
                <c:pt idx="4418">
                  <c:v>1.0592357370957468</c:v>
                </c:pt>
                <c:pt idx="4419">
                  <c:v>1.0592357370957468</c:v>
                </c:pt>
                <c:pt idx="4420">
                  <c:v>1.0592357370957468</c:v>
                </c:pt>
                <c:pt idx="4421">
                  <c:v>1.3652371722567402</c:v>
                </c:pt>
                <c:pt idx="4422">
                  <c:v>1.5770843196758901</c:v>
                </c:pt>
                <c:pt idx="4423">
                  <c:v>1.5770843196758901</c:v>
                </c:pt>
                <c:pt idx="4424">
                  <c:v>1.5770843196758901</c:v>
                </c:pt>
                <c:pt idx="4425">
                  <c:v>1.6947771793531949</c:v>
                </c:pt>
                <c:pt idx="4426">
                  <c:v>1.8360086109659612</c:v>
                </c:pt>
                <c:pt idx="4427">
                  <c:v>2.1184714741914936</c:v>
                </c:pt>
                <c:pt idx="4428">
                  <c:v>2.1184714741914936</c:v>
                </c:pt>
                <c:pt idx="4429">
                  <c:v>2.1184714741914936</c:v>
                </c:pt>
                <c:pt idx="4430">
                  <c:v>2.1184714741914936</c:v>
                </c:pt>
                <c:pt idx="4431">
                  <c:v>2.1184714741914936</c:v>
                </c:pt>
                <c:pt idx="4432">
                  <c:v>2.1184714741914936</c:v>
                </c:pt>
                <c:pt idx="4433">
                  <c:v>2.1184714741914936</c:v>
                </c:pt>
                <c:pt idx="4434">
                  <c:v>2.1184714741914936</c:v>
                </c:pt>
                <c:pt idx="4435">
                  <c:v>1.7653928951595781</c:v>
                </c:pt>
                <c:pt idx="4436">
                  <c:v>1.4123143161276628</c:v>
                </c:pt>
                <c:pt idx="4437">
                  <c:v>1.0592357370957468</c:v>
                </c:pt>
                <c:pt idx="4438">
                  <c:v>1.0592357370957468</c:v>
                </c:pt>
                <c:pt idx="4439">
                  <c:v>1.0592357370957468</c:v>
                </c:pt>
                <c:pt idx="4440">
                  <c:v>1.0312250810129273</c:v>
                </c:pt>
                <c:pt idx="4441">
                  <c:v>1.0312250810129273</c:v>
                </c:pt>
                <c:pt idx="4442">
                  <c:v>1.0312250810129273</c:v>
                </c:pt>
                <c:pt idx="4443">
                  <c:v>1.0312250810129273</c:v>
                </c:pt>
                <c:pt idx="4444">
                  <c:v>1.0312250810129273</c:v>
                </c:pt>
                <c:pt idx="4445">
                  <c:v>1.3291345488611062</c:v>
                </c:pt>
                <c:pt idx="4446">
                  <c:v>1.5353795650636917</c:v>
                </c:pt>
                <c:pt idx="4447">
                  <c:v>1.5353795650636917</c:v>
                </c:pt>
                <c:pt idx="4448">
                  <c:v>1.5353795650636917</c:v>
                </c:pt>
                <c:pt idx="4449">
                  <c:v>1.6499601296206834</c:v>
                </c:pt>
                <c:pt idx="4450">
                  <c:v>1.7874568070890737</c:v>
                </c:pt>
                <c:pt idx="4451">
                  <c:v>2.0624501620258546</c:v>
                </c:pt>
                <c:pt idx="4452">
                  <c:v>2.0624501620258546</c:v>
                </c:pt>
                <c:pt idx="4453">
                  <c:v>2.0624501620258546</c:v>
                </c:pt>
                <c:pt idx="4454">
                  <c:v>2.0624501620258546</c:v>
                </c:pt>
                <c:pt idx="4455">
                  <c:v>2.0624501620258546</c:v>
                </c:pt>
                <c:pt idx="4456">
                  <c:v>2.0624501620258546</c:v>
                </c:pt>
                <c:pt idx="4457">
                  <c:v>2.0624501620258546</c:v>
                </c:pt>
                <c:pt idx="4458">
                  <c:v>2.0624501620258546</c:v>
                </c:pt>
                <c:pt idx="4459">
                  <c:v>1.7187084683548786</c:v>
                </c:pt>
                <c:pt idx="4460">
                  <c:v>1.3749667746839032</c:v>
                </c:pt>
                <c:pt idx="4461">
                  <c:v>1.0312250810129273</c:v>
                </c:pt>
                <c:pt idx="4462">
                  <c:v>1.0312250810129273</c:v>
                </c:pt>
                <c:pt idx="4463">
                  <c:v>1.0312250810129273</c:v>
                </c:pt>
                <c:pt idx="4464">
                  <c:v>1.1241896967574529</c:v>
                </c:pt>
                <c:pt idx="4465">
                  <c:v>1.1241896967574529</c:v>
                </c:pt>
                <c:pt idx="4466">
                  <c:v>1.1241896967574529</c:v>
                </c:pt>
                <c:pt idx="4467">
                  <c:v>1.1241896967574529</c:v>
                </c:pt>
                <c:pt idx="4468">
                  <c:v>1.1241896967574529</c:v>
                </c:pt>
                <c:pt idx="4469">
                  <c:v>1.4489556091540505</c:v>
                </c:pt>
                <c:pt idx="4470">
                  <c:v>1.7487395282893714</c:v>
                </c:pt>
                <c:pt idx="4471">
                  <c:v>1.7487395282893714</c:v>
                </c:pt>
                <c:pt idx="4472">
                  <c:v>1.7487395282893714</c:v>
                </c:pt>
                <c:pt idx="4473">
                  <c:v>1.8736494945957549</c:v>
                </c:pt>
                <c:pt idx="4474">
                  <c:v>1.948595474379585</c:v>
                </c:pt>
                <c:pt idx="4475">
                  <c:v>2.2483793935149059</c:v>
                </c:pt>
                <c:pt idx="4476">
                  <c:v>2.2483793935149059</c:v>
                </c:pt>
                <c:pt idx="4477">
                  <c:v>2.2483793935149059</c:v>
                </c:pt>
                <c:pt idx="4478">
                  <c:v>2.2483793935149059</c:v>
                </c:pt>
                <c:pt idx="4479">
                  <c:v>1.8736494945957549</c:v>
                </c:pt>
                <c:pt idx="4480">
                  <c:v>1.7737215215506483</c:v>
                </c:pt>
                <c:pt idx="4481">
                  <c:v>1.7737215215506483</c:v>
                </c:pt>
                <c:pt idx="4482">
                  <c:v>1.7737215215506483</c:v>
                </c:pt>
                <c:pt idx="4483">
                  <c:v>1.7737215215506483</c:v>
                </c:pt>
                <c:pt idx="4484">
                  <c:v>1.3740096293702202</c:v>
                </c:pt>
                <c:pt idx="4485">
                  <c:v>0.52462185848681142</c:v>
                </c:pt>
                <c:pt idx="4486">
                  <c:v>0.52462185848681142</c:v>
                </c:pt>
                <c:pt idx="4487">
                  <c:v>0.52462185848681142</c:v>
                </c:pt>
                <c:pt idx="4488">
                  <c:v>0.20339626033423855</c:v>
                </c:pt>
                <c:pt idx="4489">
                  <c:v>0.39710698446208487</c:v>
                </c:pt>
                <c:pt idx="4490">
                  <c:v>0.39710698446208487</c:v>
                </c:pt>
                <c:pt idx="4491">
                  <c:v>0.39710698446208487</c:v>
                </c:pt>
                <c:pt idx="4492">
                  <c:v>0.39710698446208487</c:v>
                </c:pt>
                <c:pt idx="4493">
                  <c:v>0.4939623465260079</c:v>
                </c:pt>
                <c:pt idx="4494">
                  <c:v>0.61987431720910802</c:v>
                </c:pt>
                <c:pt idx="4495">
                  <c:v>0.70704414306663876</c:v>
                </c:pt>
                <c:pt idx="4496">
                  <c:v>0.70704414306663876</c:v>
                </c:pt>
                <c:pt idx="4497">
                  <c:v>0.70704414306663876</c:v>
                </c:pt>
                <c:pt idx="4498">
                  <c:v>0.70704414306663876</c:v>
                </c:pt>
                <c:pt idx="4499">
                  <c:v>0.70704414306663876</c:v>
                </c:pt>
                <c:pt idx="4500">
                  <c:v>0.70704414306663876</c:v>
                </c:pt>
                <c:pt idx="4501">
                  <c:v>0.70704414306663876</c:v>
                </c:pt>
                <c:pt idx="4502">
                  <c:v>0.70704414306663876</c:v>
                </c:pt>
                <c:pt idx="4503">
                  <c:v>0.6392453896218927</c:v>
                </c:pt>
                <c:pt idx="4504">
                  <c:v>0.58113217238353876</c:v>
                </c:pt>
                <c:pt idx="4505">
                  <c:v>0.52301895514518504</c:v>
                </c:pt>
                <c:pt idx="4506">
                  <c:v>0.50364788273240024</c:v>
                </c:pt>
                <c:pt idx="4507">
                  <c:v>0.4067925206684771</c:v>
                </c:pt>
                <c:pt idx="4508">
                  <c:v>0.30025162239816167</c:v>
                </c:pt>
                <c:pt idx="4509">
                  <c:v>0.30025162239816167</c:v>
                </c:pt>
                <c:pt idx="4510">
                  <c:v>0.30025162239816167</c:v>
                </c:pt>
                <c:pt idx="4511">
                  <c:v>0.30025162239816167</c:v>
                </c:pt>
                <c:pt idx="4512">
                  <c:v>0.33986987224852128</c:v>
                </c:pt>
                <c:pt idx="4513">
                  <c:v>0.39468759357892791</c:v>
                </c:pt>
                <c:pt idx="4514">
                  <c:v>0.39468759357892791</c:v>
                </c:pt>
                <c:pt idx="4515">
                  <c:v>0.39468759357892791</c:v>
                </c:pt>
                <c:pt idx="4516">
                  <c:v>0.39468759357892791</c:v>
                </c:pt>
                <c:pt idx="4517">
                  <c:v>0.4933594919736598</c:v>
                </c:pt>
                <c:pt idx="4518">
                  <c:v>0.58106784610231055</c:v>
                </c:pt>
                <c:pt idx="4519">
                  <c:v>0.69070328876312381</c:v>
                </c:pt>
                <c:pt idx="4520">
                  <c:v>0.69070328876312381</c:v>
                </c:pt>
                <c:pt idx="4521">
                  <c:v>0.69070328876312381</c:v>
                </c:pt>
                <c:pt idx="4522">
                  <c:v>0.69070328876312381</c:v>
                </c:pt>
                <c:pt idx="4523">
                  <c:v>0.69070328876312381</c:v>
                </c:pt>
                <c:pt idx="4524">
                  <c:v>0.69070328876312381</c:v>
                </c:pt>
                <c:pt idx="4525">
                  <c:v>0.69070328876312381</c:v>
                </c:pt>
                <c:pt idx="4526">
                  <c:v>0.69070328876312381</c:v>
                </c:pt>
                <c:pt idx="4527">
                  <c:v>0.61395847890055455</c:v>
                </c:pt>
                <c:pt idx="4528">
                  <c:v>0.60299493463447318</c:v>
                </c:pt>
                <c:pt idx="4529">
                  <c:v>0.51528658050582254</c:v>
                </c:pt>
                <c:pt idx="4530">
                  <c:v>0.4823959477075786</c:v>
                </c:pt>
                <c:pt idx="4531">
                  <c:v>0.40565113784500928</c:v>
                </c:pt>
                <c:pt idx="4532">
                  <c:v>0.33986987224852128</c:v>
                </c:pt>
                <c:pt idx="4533">
                  <c:v>0.29601569518419596</c:v>
                </c:pt>
                <c:pt idx="4534">
                  <c:v>0.29601569518419596</c:v>
                </c:pt>
                <c:pt idx="4535">
                  <c:v>0.29601569518419596</c:v>
                </c:pt>
                <c:pt idx="4536">
                  <c:v>0.34243794803285926</c:v>
                </c:pt>
                <c:pt idx="4537">
                  <c:v>0.34243794803285926</c:v>
                </c:pt>
                <c:pt idx="4538">
                  <c:v>0.34243794803285926</c:v>
                </c:pt>
                <c:pt idx="4539">
                  <c:v>0.34243794803285926</c:v>
                </c:pt>
                <c:pt idx="4540">
                  <c:v>0.34243794803285926</c:v>
                </c:pt>
                <c:pt idx="4541">
                  <c:v>1.4838977748090567</c:v>
                </c:pt>
                <c:pt idx="4542">
                  <c:v>1.6836532444948915</c:v>
                </c:pt>
                <c:pt idx="4543">
                  <c:v>1.6836532444948915</c:v>
                </c:pt>
                <c:pt idx="4544">
                  <c:v>1.6836532444948915</c:v>
                </c:pt>
                <c:pt idx="4545">
                  <c:v>1.7977992271725112</c:v>
                </c:pt>
                <c:pt idx="4546">
                  <c:v>1.7977992271725112</c:v>
                </c:pt>
                <c:pt idx="4547">
                  <c:v>2.282919653552395</c:v>
                </c:pt>
                <c:pt idx="4548">
                  <c:v>2.282919653552395</c:v>
                </c:pt>
                <c:pt idx="4549">
                  <c:v>1.5124342704784617</c:v>
                </c:pt>
                <c:pt idx="4550">
                  <c:v>2.282919653552395</c:v>
                </c:pt>
                <c:pt idx="4551">
                  <c:v>2.282919653552395</c:v>
                </c:pt>
                <c:pt idx="4552">
                  <c:v>2.282919653552395</c:v>
                </c:pt>
                <c:pt idx="4553">
                  <c:v>2.282919653552395</c:v>
                </c:pt>
                <c:pt idx="4554">
                  <c:v>2.282919653552395</c:v>
                </c:pt>
                <c:pt idx="4555">
                  <c:v>1.9119452098501311</c:v>
                </c:pt>
                <c:pt idx="4556">
                  <c:v>1.5695072618172716</c:v>
                </c:pt>
                <c:pt idx="4557">
                  <c:v>1.1414598267761975</c:v>
                </c:pt>
                <c:pt idx="4558">
                  <c:v>1.0843868354373876</c:v>
                </c:pt>
                <c:pt idx="4559">
                  <c:v>1.0843868354373876</c:v>
                </c:pt>
                <c:pt idx="4560">
                  <c:v>0.99387981643229151</c:v>
                </c:pt>
                <c:pt idx="4561">
                  <c:v>0.99387981643229151</c:v>
                </c:pt>
                <c:pt idx="4562">
                  <c:v>0.99387981643229151</c:v>
                </c:pt>
                <c:pt idx="4563">
                  <c:v>0.99387981643229151</c:v>
                </c:pt>
                <c:pt idx="4564">
                  <c:v>0.99387981643229151</c:v>
                </c:pt>
                <c:pt idx="4565">
                  <c:v>1.2920437613619788</c:v>
                </c:pt>
                <c:pt idx="4566">
                  <c:v>1.4411257338268224</c:v>
                </c:pt>
                <c:pt idx="4567">
                  <c:v>1.4908197246484372</c:v>
                </c:pt>
                <c:pt idx="4568">
                  <c:v>1.4908197246484372</c:v>
                </c:pt>
                <c:pt idx="4569">
                  <c:v>1.6150547017024737</c:v>
                </c:pt>
                <c:pt idx="4570">
                  <c:v>1.6895956879348955</c:v>
                </c:pt>
                <c:pt idx="4571">
                  <c:v>1.987759632864583</c:v>
                </c:pt>
                <c:pt idx="4572">
                  <c:v>1.987759632864583</c:v>
                </c:pt>
                <c:pt idx="4573">
                  <c:v>1.987759632864583</c:v>
                </c:pt>
                <c:pt idx="4574">
                  <c:v>1.987759632864583</c:v>
                </c:pt>
                <c:pt idx="4575">
                  <c:v>1.987759632864583</c:v>
                </c:pt>
                <c:pt idx="4576">
                  <c:v>1.987759632864583</c:v>
                </c:pt>
                <c:pt idx="4577">
                  <c:v>1.987759632864583</c:v>
                </c:pt>
                <c:pt idx="4578">
                  <c:v>1.987759632864583</c:v>
                </c:pt>
                <c:pt idx="4579">
                  <c:v>1.6647486925240884</c:v>
                </c:pt>
                <c:pt idx="4580">
                  <c:v>1.3665847475944006</c:v>
                </c:pt>
                <c:pt idx="4581">
                  <c:v>0.99387981643229151</c:v>
                </c:pt>
                <c:pt idx="4582">
                  <c:v>0.99387981643229151</c:v>
                </c:pt>
                <c:pt idx="4583">
                  <c:v>0.99387981643229151</c:v>
                </c:pt>
                <c:pt idx="4584">
                  <c:v>0.89189108397431494</c:v>
                </c:pt>
                <c:pt idx="4585">
                  <c:v>1.0033774694711042</c:v>
                </c:pt>
                <c:pt idx="4586">
                  <c:v>1.0033774694711042</c:v>
                </c:pt>
                <c:pt idx="4587">
                  <c:v>1.0033774694711042</c:v>
                </c:pt>
                <c:pt idx="4588">
                  <c:v>1.0033774694711042</c:v>
                </c:pt>
                <c:pt idx="4589">
                  <c:v>1.2932420717627566</c:v>
                </c:pt>
                <c:pt idx="4590">
                  <c:v>1.4939175656569776</c:v>
                </c:pt>
                <c:pt idx="4591">
                  <c:v>1.4939175656569776</c:v>
                </c:pt>
                <c:pt idx="4592">
                  <c:v>1.4939175656569776</c:v>
                </c:pt>
                <c:pt idx="4593">
                  <c:v>1.6054039511537672</c:v>
                </c:pt>
                <c:pt idx="4594">
                  <c:v>1.7391876137499145</c:v>
                </c:pt>
                <c:pt idx="4595">
                  <c:v>2.0067549389422084</c:v>
                </c:pt>
                <c:pt idx="4596">
                  <c:v>2.0067549389422084</c:v>
                </c:pt>
                <c:pt idx="4597">
                  <c:v>2.0067549389422084</c:v>
                </c:pt>
                <c:pt idx="4598">
                  <c:v>2.0067549389422084</c:v>
                </c:pt>
                <c:pt idx="4599">
                  <c:v>2.0067549389422084</c:v>
                </c:pt>
                <c:pt idx="4600">
                  <c:v>2.0067549389422084</c:v>
                </c:pt>
                <c:pt idx="4601">
                  <c:v>2.0067549389422084</c:v>
                </c:pt>
                <c:pt idx="4602">
                  <c:v>2.0067549389422084</c:v>
                </c:pt>
                <c:pt idx="4603">
                  <c:v>1.6722957824518407</c:v>
                </c:pt>
                <c:pt idx="4604">
                  <c:v>1.3378366259614725</c:v>
                </c:pt>
                <c:pt idx="4605">
                  <c:v>1.0033774694711042</c:v>
                </c:pt>
                <c:pt idx="4606">
                  <c:v>1.0033774694711042</c:v>
                </c:pt>
                <c:pt idx="4607">
                  <c:v>1.0033774694711042</c:v>
                </c:pt>
                <c:pt idx="4608">
                  <c:v>1.004928777307518</c:v>
                </c:pt>
                <c:pt idx="4609">
                  <c:v>1.004928777307518</c:v>
                </c:pt>
                <c:pt idx="4610">
                  <c:v>1.004928777307518</c:v>
                </c:pt>
                <c:pt idx="4611">
                  <c:v>1.004928777307518</c:v>
                </c:pt>
                <c:pt idx="4612">
                  <c:v>1.004928777307518</c:v>
                </c:pt>
                <c:pt idx="4613">
                  <c:v>1.2952415351963562</c:v>
                </c:pt>
                <c:pt idx="4614">
                  <c:v>1.49622729065786</c:v>
                </c:pt>
                <c:pt idx="4615">
                  <c:v>1.49622729065786</c:v>
                </c:pt>
                <c:pt idx="4616">
                  <c:v>1.49622729065786</c:v>
                </c:pt>
                <c:pt idx="4617">
                  <c:v>1.6078860436920288</c:v>
                </c:pt>
                <c:pt idx="4618">
                  <c:v>1.7418765473330311</c:v>
                </c:pt>
                <c:pt idx="4619">
                  <c:v>2.0098575546150359</c:v>
                </c:pt>
                <c:pt idx="4620">
                  <c:v>2.0098575546150359</c:v>
                </c:pt>
                <c:pt idx="4621">
                  <c:v>2.0098575546150359</c:v>
                </c:pt>
                <c:pt idx="4622">
                  <c:v>2.0098575546150359</c:v>
                </c:pt>
                <c:pt idx="4623">
                  <c:v>2.0098575546150359</c:v>
                </c:pt>
                <c:pt idx="4624">
                  <c:v>2.0098575546150359</c:v>
                </c:pt>
                <c:pt idx="4625">
                  <c:v>2.0098575546150359</c:v>
                </c:pt>
                <c:pt idx="4626">
                  <c:v>2.0098575546150359</c:v>
                </c:pt>
                <c:pt idx="4627">
                  <c:v>1.6748812955125298</c:v>
                </c:pt>
                <c:pt idx="4628">
                  <c:v>1.3399050364100238</c:v>
                </c:pt>
                <c:pt idx="4629">
                  <c:v>1.004928777307518</c:v>
                </c:pt>
                <c:pt idx="4630">
                  <c:v>1.004928777307518</c:v>
                </c:pt>
                <c:pt idx="4631">
                  <c:v>1.004928777307518</c:v>
                </c:pt>
                <c:pt idx="4632">
                  <c:v>1.1284244749512558</c:v>
                </c:pt>
                <c:pt idx="4633">
                  <c:v>1.1284244749512558</c:v>
                </c:pt>
                <c:pt idx="4634">
                  <c:v>1.1284244749512558</c:v>
                </c:pt>
                <c:pt idx="4635">
                  <c:v>1.1284244749512558</c:v>
                </c:pt>
                <c:pt idx="4636">
                  <c:v>1.1284244749512558</c:v>
                </c:pt>
                <c:pt idx="4637">
                  <c:v>1.4544137677149518</c:v>
                </c:pt>
                <c:pt idx="4638">
                  <c:v>1.7553269610352868</c:v>
                </c:pt>
                <c:pt idx="4639">
                  <c:v>1.7553269610352868</c:v>
                </c:pt>
                <c:pt idx="4640">
                  <c:v>1.7553269610352868</c:v>
                </c:pt>
                <c:pt idx="4641">
                  <c:v>1.8807074582520928</c:v>
                </c:pt>
                <c:pt idx="4642">
                  <c:v>1.9559357565821767</c:v>
                </c:pt>
                <c:pt idx="4643">
                  <c:v>2.2568489499025115</c:v>
                </c:pt>
                <c:pt idx="4644">
                  <c:v>2.2568489499025115</c:v>
                </c:pt>
                <c:pt idx="4645">
                  <c:v>2.2568489499025115</c:v>
                </c:pt>
                <c:pt idx="4646">
                  <c:v>2.2568489499025115</c:v>
                </c:pt>
                <c:pt idx="4647">
                  <c:v>1.8807074582520928</c:v>
                </c:pt>
                <c:pt idx="4648">
                  <c:v>1.780403060478648</c:v>
                </c:pt>
                <c:pt idx="4649">
                  <c:v>1.780403060478648</c:v>
                </c:pt>
                <c:pt idx="4650">
                  <c:v>1.780403060478648</c:v>
                </c:pt>
                <c:pt idx="4651">
                  <c:v>1.780403060478648</c:v>
                </c:pt>
                <c:pt idx="4652">
                  <c:v>1.3791854693848682</c:v>
                </c:pt>
                <c:pt idx="4653">
                  <c:v>0.52659808831058608</c:v>
                </c:pt>
                <c:pt idx="4654">
                  <c:v>0.52659808831058608</c:v>
                </c:pt>
                <c:pt idx="4655">
                  <c:v>0.52659808831058608</c:v>
                </c:pt>
                <c:pt idx="4656">
                  <c:v>0.24258456386848742</c:v>
                </c:pt>
                <c:pt idx="4657">
                  <c:v>0.47361748183847546</c:v>
                </c:pt>
                <c:pt idx="4658">
                  <c:v>0.47361748183847546</c:v>
                </c:pt>
                <c:pt idx="4659">
                  <c:v>0.47361748183847546</c:v>
                </c:pt>
                <c:pt idx="4660">
                  <c:v>0.47361748183847546</c:v>
                </c:pt>
                <c:pt idx="4661">
                  <c:v>0.58913394082346959</c:v>
                </c:pt>
                <c:pt idx="4662">
                  <c:v>0.73930533750396177</c:v>
                </c:pt>
                <c:pt idx="4663">
                  <c:v>0.84327015059045629</c:v>
                </c:pt>
                <c:pt idx="4664">
                  <c:v>0.84327015059045629</c:v>
                </c:pt>
                <c:pt idx="4665">
                  <c:v>0.84327015059045629</c:v>
                </c:pt>
                <c:pt idx="4666">
                  <c:v>0.84327015059045629</c:v>
                </c:pt>
                <c:pt idx="4667">
                  <c:v>0.84327015059045629</c:v>
                </c:pt>
                <c:pt idx="4668">
                  <c:v>0.84327015059045629</c:v>
                </c:pt>
                <c:pt idx="4669">
                  <c:v>0.84327015059045629</c:v>
                </c:pt>
                <c:pt idx="4670">
                  <c:v>0.84327015059045629</c:v>
                </c:pt>
                <c:pt idx="4671">
                  <c:v>0.76240862930096054</c:v>
                </c:pt>
                <c:pt idx="4672">
                  <c:v>0.69309875390996412</c:v>
                </c:pt>
                <c:pt idx="4673">
                  <c:v>0.62378887851896769</c:v>
                </c:pt>
                <c:pt idx="4674">
                  <c:v>0.60068558672196881</c:v>
                </c:pt>
                <c:pt idx="4675">
                  <c:v>0.48516912773697485</c:v>
                </c:pt>
                <c:pt idx="4676">
                  <c:v>0.35810102285348144</c:v>
                </c:pt>
                <c:pt idx="4677">
                  <c:v>0.35810102285348144</c:v>
                </c:pt>
                <c:pt idx="4678">
                  <c:v>0.35810102285348144</c:v>
                </c:pt>
                <c:pt idx="4679">
                  <c:v>0.35810102285348144</c:v>
                </c:pt>
                <c:pt idx="4680">
                  <c:v>0.34032772213566997</c:v>
                </c:pt>
                <c:pt idx="4681">
                  <c:v>0.39521929022206836</c:v>
                </c:pt>
                <c:pt idx="4682">
                  <c:v>0.39521929022206836</c:v>
                </c:pt>
                <c:pt idx="4683">
                  <c:v>0.39521929022206836</c:v>
                </c:pt>
                <c:pt idx="4684">
                  <c:v>0.39521929022206836</c:v>
                </c:pt>
                <c:pt idx="4685">
                  <c:v>0.49402411277758546</c:v>
                </c:pt>
                <c:pt idx="4686">
                  <c:v>0.58185062171582291</c:v>
                </c:pt>
                <c:pt idx="4687">
                  <c:v>0.69163375788861969</c:v>
                </c:pt>
                <c:pt idx="4688">
                  <c:v>0.69163375788861969</c:v>
                </c:pt>
                <c:pt idx="4689">
                  <c:v>0.69163375788861969</c:v>
                </c:pt>
                <c:pt idx="4690">
                  <c:v>0.69163375788861969</c:v>
                </c:pt>
                <c:pt idx="4691">
                  <c:v>0.69163375788861969</c:v>
                </c:pt>
                <c:pt idx="4692">
                  <c:v>0.69163375788861969</c:v>
                </c:pt>
                <c:pt idx="4693">
                  <c:v>0.69163375788861969</c:v>
                </c:pt>
                <c:pt idx="4694">
                  <c:v>0.69163375788861969</c:v>
                </c:pt>
                <c:pt idx="4695">
                  <c:v>0.61478556256766204</c:v>
                </c:pt>
                <c:pt idx="4696">
                  <c:v>0.60380724895038218</c:v>
                </c:pt>
                <c:pt idx="4697">
                  <c:v>0.51598074001214478</c:v>
                </c:pt>
                <c:pt idx="4698">
                  <c:v>0.48304579916030582</c:v>
                </c:pt>
                <c:pt idx="4699">
                  <c:v>0.40619760383934811</c:v>
                </c:pt>
                <c:pt idx="4700">
                  <c:v>0.34032772213566997</c:v>
                </c:pt>
                <c:pt idx="4701">
                  <c:v>0.29641446766655133</c:v>
                </c:pt>
                <c:pt idx="4702">
                  <c:v>0.29641446766655133</c:v>
                </c:pt>
                <c:pt idx="4703">
                  <c:v>0.29641446766655133</c:v>
                </c:pt>
                <c:pt idx="4704">
                  <c:v>0.34693559913529037</c:v>
                </c:pt>
                <c:pt idx="4705">
                  <c:v>0.34693559913529037</c:v>
                </c:pt>
                <c:pt idx="4706">
                  <c:v>0.34693559913529037</c:v>
                </c:pt>
                <c:pt idx="4707">
                  <c:v>0.34693559913529037</c:v>
                </c:pt>
                <c:pt idx="4708">
                  <c:v>0.34693559913529037</c:v>
                </c:pt>
                <c:pt idx="4709">
                  <c:v>1.5033875962529251</c:v>
                </c:pt>
                <c:pt idx="4710">
                  <c:v>1.7057666957485111</c:v>
                </c:pt>
                <c:pt idx="4711">
                  <c:v>1.7057666957485111</c:v>
                </c:pt>
                <c:pt idx="4712">
                  <c:v>1.7057666957485111</c:v>
                </c:pt>
                <c:pt idx="4713">
                  <c:v>1.8214118954602747</c:v>
                </c:pt>
                <c:pt idx="4714">
                  <c:v>1.8214118954602747</c:v>
                </c:pt>
                <c:pt idx="4715">
                  <c:v>2.3129039942352696</c:v>
                </c:pt>
                <c:pt idx="4716">
                  <c:v>2.3129039942352696</c:v>
                </c:pt>
                <c:pt idx="4717">
                  <c:v>1.5322988961808661</c:v>
                </c:pt>
                <c:pt idx="4718">
                  <c:v>2.3129039942352696</c:v>
                </c:pt>
                <c:pt idx="4719">
                  <c:v>2.3129039942352696</c:v>
                </c:pt>
                <c:pt idx="4720">
                  <c:v>2.3129039942352696</c:v>
                </c:pt>
                <c:pt idx="4721">
                  <c:v>2.3129039942352696</c:v>
                </c:pt>
                <c:pt idx="4722">
                  <c:v>2.3129039942352696</c:v>
                </c:pt>
                <c:pt idx="4723">
                  <c:v>1.9370570951720383</c:v>
                </c:pt>
                <c:pt idx="4724">
                  <c:v>1.5901214960367478</c:v>
                </c:pt>
                <c:pt idx="4725">
                  <c:v>1.1564519971176348</c:v>
                </c:pt>
                <c:pt idx="4726">
                  <c:v>1.0986293972617531</c:v>
                </c:pt>
                <c:pt idx="4727">
                  <c:v>1.0986293972617531</c:v>
                </c:pt>
                <c:pt idx="4728">
                  <c:v>1.0317395475522071</c:v>
                </c:pt>
                <c:pt idx="4729">
                  <c:v>1.0317395475522071</c:v>
                </c:pt>
                <c:pt idx="4730">
                  <c:v>1.0317395475522071</c:v>
                </c:pt>
                <c:pt idx="4731">
                  <c:v>1.0317395475522071</c:v>
                </c:pt>
                <c:pt idx="4732">
                  <c:v>1.0317395475522071</c:v>
                </c:pt>
                <c:pt idx="4733">
                  <c:v>1.341261411817869</c:v>
                </c:pt>
                <c:pt idx="4734">
                  <c:v>1.4960223439507001</c:v>
                </c:pt>
                <c:pt idx="4735">
                  <c:v>1.5476093213283106</c:v>
                </c:pt>
                <c:pt idx="4736">
                  <c:v>1.5476093213283106</c:v>
                </c:pt>
                <c:pt idx="4737">
                  <c:v>1.6765767647723362</c:v>
                </c:pt>
                <c:pt idx="4738">
                  <c:v>1.7539572308387517</c:v>
                </c:pt>
                <c:pt idx="4739">
                  <c:v>2.0634790951044142</c:v>
                </c:pt>
                <c:pt idx="4740">
                  <c:v>2.0634790951044142</c:v>
                </c:pt>
                <c:pt idx="4741">
                  <c:v>2.0634790951044142</c:v>
                </c:pt>
                <c:pt idx="4742">
                  <c:v>2.0634790951044142</c:v>
                </c:pt>
                <c:pt idx="4743">
                  <c:v>2.0634790951044142</c:v>
                </c:pt>
                <c:pt idx="4744">
                  <c:v>2.0634790951044142</c:v>
                </c:pt>
                <c:pt idx="4745">
                  <c:v>2.0634790951044142</c:v>
                </c:pt>
                <c:pt idx="4746">
                  <c:v>2.0634790951044142</c:v>
                </c:pt>
                <c:pt idx="4747">
                  <c:v>1.7281637421499469</c:v>
                </c:pt>
                <c:pt idx="4748">
                  <c:v>1.4186418778842844</c:v>
                </c:pt>
                <c:pt idx="4749">
                  <c:v>1.0317395475522071</c:v>
                </c:pt>
                <c:pt idx="4750">
                  <c:v>1.0317395475522071</c:v>
                </c:pt>
                <c:pt idx="4751">
                  <c:v>1.0317395475522071</c:v>
                </c:pt>
                <c:pt idx="4752">
                  <c:v>0.92981953729968969</c:v>
                </c:pt>
                <c:pt idx="4753">
                  <c:v>1.0460469794621505</c:v>
                </c:pt>
                <c:pt idx="4754">
                  <c:v>1.0460469794621505</c:v>
                </c:pt>
                <c:pt idx="4755">
                  <c:v>1.0460469794621505</c:v>
                </c:pt>
                <c:pt idx="4756">
                  <c:v>1.0460469794621505</c:v>
                </c:pt>
                <c:pt idx="4757">
                  <c:v>1.3482383290845499</c:v>
                </c:pt>
                <c:pt idx="4758">
                  <c:v>1.55744772497698</c:v>
                </c:pt>
                <c:pt idx="4759">
                  <c:v>1.55744772497698</c:v>
                </c:pt>
                <c:pt idx="4760">
                  <c:v>1.55744772497698</c:v>
                </c:pt>
                <c:pt idx="4761">
                  <c:v>1.673675167139441</c:v>
                </c:pt>
                <c:pt idx="4762">
                  <c:v>1.8131480977343943</c:v>
                </c:pt>
                <c:pt idx="4763">
                  <c:v>2.0920939589243011</c:v>
                </c:pt>
                <c:pt idx="4764">
                  <c:v>2.0920939589243011</c:v>
                </c:pt>
                <c:pt idx="4765">
                  <c:v>2.0920939589243011</c:v>
                </c:pt>
                <c:pt idx="4766">
                  <c:v>2.0920939589243011</c:v>
                </c:pt>
                <c:pt idx="4767">
                  <c:v>2.0920939589243011</c:v>
                </c:pt>
                <c:pt idx="4768">
                  <c:v>2.0920939589243011</c:v>
                </c:pt>
                <c:pt idx="4769">
                  <c:v>2.0920939589243011</c:v>
                </c:pt>
                <c:pt idx="4770">
                  <c:v>2.0920939589243011</c:v>
                </c:pt>
                <c:pt idx="4771">
                  <c:v>1.743411632436918</c:v>
                </c:pt>
                <c:pt idx="4772">
                  <c:v>1.3947293059495343</c:v>
                </c:pt>
                <c:pt idx="4773">
                  <c:v>1.0460469794621505</c:v>
                </c:pt>
                <c:pt idx="4774">
                  <c:v>1.0460469794621505</c:v>
                </c:pt>
                <c:pt idx="4775">
                  <c:v>1.0460469794621505</c:v>
                </c:pt>
                <c:pt idx="4776">
                  <c:v>1.0505605984433748</c:v>
                </c:pt>
                <c:pt idx="4777">
                  <c:v>1.0505605984433748</c:v>
                </c:pt>
                <c:pt idx="4778">
                  <c:v>1.0505605984433748</c:v>
                </c:pt>
                <c:pt idx="4779">
                  <c:v>1.0505605984433748</c:v>
                </c:pt>
                <c:pt idx="4780">
                  <c:v>1.0505605984433748</c:v>
                </c:pt>
                <c:pt idx="4781">
                  <c:v>1.3540558824381277</c:v>
                </c:pt>
                <c:pt idx="4782">
                  <c:v>1.564168002126803</c:v>
                </c:pt>
                <c:pt idx="4783">
                  <c:v>1.564168002126803</c:v>
                </c:pt>
                <c:pt idx="4784">
                  <c:v>1.564168002126803</c:v>
                </c:pt>
                <c:pt idx="4785">
                  <c:v>1.6808969575093999</c:v>
                </c:pt>
                <c:pt idx="4786">
                  <c:v>1.8209717039685165</c:v>
                </c:pt>
                <c:pt idx="4787">
                  <c:v>2.1011211968867496</c:v>
                </c:pt>
                <c:pt idx="4788">
                  <c:v>2.1011211968867496</c:v>
                </c:pt>
                <c:pt idx="4789">
                  <c:v>2.1011211968867496</c:v>
                </c:pt>
                <c:pt idx="4790">
                  <c:v>2.1011211968867496</c:v>
                </c:pt>
                <c:pt idx="4791">
                  <c:v>2.1011211968867496</c:v>
                </c:pt>
                <c:pt idx="4792">
                  <c:v>2.1011211968867496</c:v>
                </c:pt>
                <c:pt idx="4793">
                  <c:v>2.1011211968867496</c:v>
                </c:pt>
                <c:pt idx="4794">
                  <c:v>2.1011211968867496</c:v>
                </c:pt>
                <c:pt idx="4795">
                  <c:v>1.7509343307389582</c:v>
                </c:pt>
                <c:pt idx="4796">
                  <c:v>1.4007474645911666</c:v>
                </c:pt>
                <c:pt idx="4797">
                  <c:v>1.0505605984433748</c:v>
                </c:pt>
                <c:pt idx="4798">
                  <c:v>1.0505605984433748</c:v>
                </c:pt>
                <c:pt idx="4799">
                  <c:v>1.0505605984433748</c:v>
                </c:pt>
                <c:pt idx="4800">
                  <c:v>1.1402818538939037</c:v>
                </c:pt>
                <c:pt idx="4801">
                  <c:v>1.1402818538939037</c:v>
                </c:pt>
                <c:pt idx="4802">
                  <c:v>1.1402818538939037</c:v>
                </c:pt>
                <c:pt idx="4803">
                  <c:v>1.1402818538939037</c:v>
                </c:pt>
                <c:pt idx="4804">
                  <c:v>1.1402818538939037</c:v>
                </c:pt>
                <c:pt idx="4805">
                  <c:v>1.4696966116854755</c:v>
                </c:pt>
                <c:pt idx="4806">
                  <c:v>1.77377177272385</c:v>
                </c:pt>
                <c:pt idx="4807">
                  <c:v>1.77377177272385</c:v>
                </c:pt>
                <c:pt idx="4808">
                  <c:v>1.77377177272385</c:v>
                </c:pt>
                <c:pt idx="4809">
                  <c:v>1.9004697564898394</c:v>
                </c:pt>
                <c:pt idx="4810">
                  <c:v>1.9764885467494329</c:v>
                </c:pt>
                <c:pt idx="4811">
                  <c:v>2.2805637077878074</c:v>
                </c:pt>
                <c:pt idx="4812">
                  <c:v>2.2805637077878074</c:v>
                </c:pt>
                <c:pt idx="4813">
                  <c:v>2.2805637077878074</c:v>
                </c:pt>
                <c:pt idx="4814">
                  <c:v>2.2805637077878074</c:v>
                </c:pt>
                <c:pt idx="4815">
                  <c:v>1.9004697564898394</c:v>
                </c:pt>
                <c:pt idx="4816">
                  <c:v>1.799111369477048</c:v>
                </c:pt>
                <c:pt idx="4817">
                  <c:v>1.799111369477048</c:v>
                </c:pt>
                <c:pt idx="4818">
                  <c:v>1.799111369477048</c:v>
                </c:pt>
                <c:pt idx="4819">
                  <c:v>1.799111369477048</c:v>
                </c:pt>
                <c:pt idx="4820">
                  <c:v>1.393677821425882</c:v>
                </c:pt>
                <c:pt idx="4821">
                  <c:v>0.532131531817155</c:v>
                </c:pt>
                <c:pt idx="4822">
                  <c:v>0.532131531817155</c:v>
                </c:pt>
                <c:pt idx="4823">
                  <c:v>0.532131531817155</c:v>
                </c:pt>
                <c:pt idx="4824">
                  <c:v>0.25127791471492711</c:v>
                </c:pt>
                <c:pt idx="4825">
                  <c:v>0.49059021444342932</c:v>
                </c:pt>
                <c:pt idx="4826">
                  <c:v>0.49059021444342932</c:v>
                </c:pt>
                <c:pt idx="4827">
                  <c:v>0.49059021444342932</c:v>
                </c:pt>
                <c:pt idx="4828">
                  <c:v>0.49059021444342932</c:v>
                </c:pt>
                <c:pt idx="4829">
                  <c:v>0.61024636430768031</c:v>
                </c:pt>
                <c:pt idx="4830">
                  <c:v>0.76579935913120656</c:v>
                </c:pt>
                <c:pt idx="4831">
                  <c:v>0.87348989400903254</c:v>
                </c:pt>
                <c:pt idx="4832">
                  <c:v>0.87348989400903254</c:v>
                </c:pt>
                <c:pt idx="4833">
                  <c:v>0.87348989400903254</c:v>
                </c:pt>
                <c:pt idx="4834">
                  <c:v>0.87348989400903254</c:v>
                </c:pt>
                <c:pt idx="4835">
                  <c:v>0.87348989400903254</c:v>
                </c:pt>
                <c:pt idx="4836">
                  <c:v>0.87348989400903254</c:v>
                </c:pt>
                <c:pt idx="4837">
                  <c:v>0.87348989400903254</c:v>
                </c:pt>
                <c:pt idx="4838">
                  <c:v>0.87348989400903254</c:v>
                </c:pt>
                <c:pt idx="4839">
                  <c:v>0.7897305891040568</c:v>
                </c:pt>
                <c:pt idx="4840">
                  <c:v>0.71793689918550618</c:v>
                </c:pt>
                <c:pt idx="4841">
                  <c:v>0.64614320926695556</c:v>
                </c:pt>
                <c:pt idx="4842">
                  <c:v>0.62221197929410532</c:v>
                </c:pt>
                <c:pt idx="4843">
                  <c:v>0.50255582942985422</c:v>
                </c:pt>
                <c:pt idx="4844">
                  <c:v>0.37093406457917816</c:v>
                </c:pt>
                <c:pt idx="4845">
                  <c:v>0.37093406457917816</c:v>
                </c:pt>
                <c:pt idx="4846">
                  <c:v>0.37093406457917816</c:v>
                </c:pt>
                <c:pt idx="4847">
                  <c:v>0.37093406457917816</c:v>
                </c:pt>
                <c:pt idx="4848">
                  <c:v>0.40942154658412</c:v>
                </c:pt>
                <c:pt idx="4849">
                  <c:v>0.47545727990413933</c:v>
                </c:pt>
                <c:pt idx="4850">
                  <c:v>0.47545727990413933</c:v>
                </c:pt>
                <c:pt idx="4851">
                  <c:v>0.47545727990413933</c:v>
                </c:pt>
                <c:pt idx="4852">
                  <c:v>0.47545727990413933</c:v>
                </c:pt>
                <c:pt idx="4853">
                  <c:v>0.59432159988017419</c:v>
                </c:pt>
                <c:pt idx="4854">
                  <c:v>0.69997877319220514</c:v>
                </c:pt>
                <c:pt idx="4855">
                  <c:v>0.83205023983224391</c:v>
                </c:pt>
                <c:pt idx="4856">
                  <c:v>0.83205023983224391</c:v>
                </c:pt>
                <c:pt idx="4857">
                  <c:v>0.83205023983224391</c:v>
                </c:pt>
                <c:pt idx="4858">
                  <c:v>0.83205023983224391</c:v>
                </c:pt>
                <c:pt idx="4859">
                  <c:v>0.83205023983224391</c:v>
                </c:pt>
                <c:pt idx="4860">
                  <c:v>0.83205023983224391</c:v>
                </c:pt>
                <c:pt idx="4861">
                  <c:v>0.83205023983224391</c:v>
                </c:pt>
                <c:pt idx="4862">
                  <c:v>0.83205023983224391</c:v>
                </c:pt>
                <c:pt idx="4863">
                  <c:v>0.73960021318421676</c:v>
                </c:pt>
                <c:pt idx="4864">
                  <c:v>0.72639306652021285</c:v>
                </c:pt>
                <c:pt idx="4865">
                  <c:v>0.6207358932081819</c:v>
                </c:pt>
                <c:pt idx="4866">
                  <c:v>0.58111445321617028</c:v>
                </c:pt>
                <c:pt idx="4867">
                  <c:v>0.4886644265681433</c:v>
                </c:pt>
                <c:pt idx="4868">
                  <c:v>0.40942154658412</c:v>
                </c:pt>
                <c:pt idx="4869">
                  <c:v>0.35659295992810452</c:v>
                </c:pt>
                <c:pt idx="4870">
                  <c:v>0.35659295992810452</c:v>
                </c:pt>
                <c:pt idx="4871">
                  <c:v>0.35659295992810452</c:v>
                </c:pt>
                <c:pt idx="4872">
                  <c:v>0.35381435964489111</c:v>
                </c:pt>
                <c:pt idx="4873">
                  <c:v>0.35381435964489111</c:v>
                </c:pt>
                <c:pt idx="4874">
                  <c:v>0.35381435964489111</c:v>
                </c:pt>
                <c:pt idx="4875">
                  <c:v>0.35381435964489111</c:v>
                </c:pt>
                <c:pt idx="4876">
                  <c:v>0.35381435964489111</c:v>
                </c:pt>
                <c:pt idx="4877">
                  <c:v>1.5331955584611949</c:v>
                </c:pt>
                <c:pt idx="4878">
                  <c:v>1.7395872682540479</c:v>
                </c:pt>
                <c:pt idx="4879">
                  <c:v>1.7395872682540479</c:v>
                </c:pt>
                <c:pt idx="4880">
                  <c:v>1.7395872682540479</c:v>
                </c:pt>
                <c:pt idx="4881">
                  <c:v>1.8575253881356784</c:v>
                </c:pt>
                <c:pt idx="4882">
                  <c:v>1.8575253881356784</c:v>
                </c:pt>
                <c:pt idx="4883">
                  <c:v>2.3587623976326078</c:v>
                </c:pt>
                <c:pt idx="4884">
                  <c:v>2.3587623976326078</c:v>
                </c:pt>
                <c:pt idx="4885">
                  <c:v>1.5626800884316026</c:v>
                </c:pt>
                <c:pt idx="4886">
                  <c:v>2.3587623976326078</c:v>
                </c:pt>
                <c:pt idx="4887">
                  <c:v>2.3587623976326078</c:v>
                </c:pt>
                <c:pt idx="4888">
                  <c:v>2.3587623976326078</c:v>
                </c:pt>
                <c:pt idx="4889">
                  <c:v>2.3587623976326078</c:v>
                </c:pt>
                <c:pt idx="4890">
                  <c:v>2.3587623976326078</c:v>
                </c:pt>
                <c:pt idx="4891">
                  <c:v>1.9754635080173086</c:v>
                </c:pt>
                <c:pt idx="4892">
                  <c:v>1.6216491483724176</c:v>
                </c:pt>
                <c:pt idx="4893">
                  <c:v>1.1793811988163039</c:v>
                </c:pt>
                <c:pt idx="4894">
                  <c:v>1.1204121388754886</c:v>
                </c:pt>
                <c:pt idx="4895">
                  <c:v>1.1204121388754886</c:v>
                </c:pt>
                <c:pt idx="4896">
                  <c:v>1.0255583669612003</c:v>
                </c:pt>
                <c:pt idx="4897">
                  <c:v>1.0255583669612003</c:v>
                </c:pt>
                <c:pt idx="4898">
                  <c:v>1.0255583669612003</c:v>
                </c:pt>
                <c:pt idx="4899">
                  <c:v>1.0255583669612003</c:v>
                </c:pt>
                <c:pt idx="4900">
                  <c:v>1.0255583669612003</c:v>
                </c:pt>
                <c:pt idx="4901">
                  <c:v>1.3332258770495604</c:v>
                </c:pt>
                <c:pt idx="4902">
                  <c:v>1.4870596320937404</c:v>
                </c:pt>
                <c:pt idx="4903">
                  <c:v>1.5383375504418004</c:v>
                </c:pt>
                <c:pt idx="4904">
                  <c:v>1.5383375504418004</c:v>
                </c:pt>
                <c:pt idx="4905">
                  <c:v>1.6665323463119504</c:v>
                </c:pt>
                <c:pt idx="4906">
                  <c:v>1.7434492238340404</c:v>
                </c:pt>
                <c:pt idx="4907">
                  <c:v>2.0511167339224006</c:v>
                </c:pt>
                <c:pt idx="4908">
                  <c:v>2.0511167339224006</c:v>
                </c:pt>
                <c:pt idx="4909">
                  <c:v>2.0511167339224006</c:v>
                </c:pt>
                <c:pt idx="4910">
                  <c:v>2.0511167339224006</c:v>
                </c:pt>
                <c:pt idx="4911">
                  <c:v>2.0511167339224006</c:v>
                </c:pt>
                <c:pt idx="4912">
                  <c:v>2.0511167339224006</c:v>
                </c:pt>
                <c:pt idx="4913">
                  <c:v>2.0511167339224006</c:v>
                </c:pt>
                <c:pt idx="4914">
                  <c:v>2.0511167339224006</c:v>
                </c:pt>
                <c:pt idx="4915">
                  <c:v>1.7178102646600104</c:v>
                </c:pt>
                <c:pt idx="4916">
                  <c:v>1.4101427545716501</c:v>
                </c:pt>
                <c:pt idx="4917">
                  <c:v>1.0255583669612003</c:v>
                </c:pt>
                <c:pt idx="4918">
                  <c:v>1.0255583669612003</c:v>
                </c:pt>
                <c:pt idx="4919">
                  <c:v>1.0255583669612003</c:v>
                </c:pt>
                <c:pt idx="4920">
                  <c:v>0.92085463015005564</c:v>
                </c:pt>
                <c:pt idx="4921">
                  <c:v>1.0359614589188124</c:v>
                </c:pt>
                <c:pt idx="4922">
                  <c:v>1.0359614589188124</c:v>
                </c:pt>
                <c:pt idx="4923">
                  <c:v>1.0359614589188124</c:v>
                </c:pt>
                <c:pt idx="4924">
                  <c:v>1.0359614589188124</c:v>
                </c:pt>
                <c:pt idx="4925">
                  <c:v>1.3352392137175806</c:v>
                </c:pt>
                <c:pt idx="4926">
                  <c:v>1.5424315055013431</c:v>
                </c:pt>
                <c:pt idx="4927">
                  <c:v>1.5424315055013431</c:v>
                </c:pt>
                <c:pt idx="4928">
                  <c:v>1.5424315055013431</c:v>
                </c:pt>
                <c:pt idx="4929">
                  <c:v>1.6575383342701</c:v>
                </c:pt>
                <c:pt idx="4930">
                  <c:v>1.7956665287926081</c:v>
                </c:pt>
                <c:pt idx="4931">
                  <c:v>2.0719229178376248</c:v>
                </c:pt>
                <c:pt idx="4932">
                  <c:v>2.0719229178376248</c:v>
                </c:pt>
                <c:pt idx="4933">
                  <c:v>2.0719229178376248</c:v>
                </c:pt>
                <c:pt idx="4934">
                  <c:v>2.0719229178376248</c:v>
                </c:pt>
                <c:pt idx="4935">
                  <c:v>2.0719229178376248</c:v>
                </c:pt>
                <c:pt idx="4936">
                  <c:v>2.0719229178376248</c:v>
                </c:pt>
                <c:pt idx="4937">
                  <c:v>2.0719229178376248</c:v>
                </c:pt>
                <c:pt idx="4938">
                  <c:v>2.0719229178376248</c:v>
                </c:pt>
                <c:pt idx="4939">
                  <c:v>1.7266024315313542</c:v>
                </c:pt>
                <c:pt idx="4940">
                  <c:v>1.3812819452250833</c:v>
                </c:pt>
                <c:pt idx="4941">
                  <c:v>1.0359614589188124</c:v>
                </c:pt>
                <c:pt idx="4942">
                  <c:v>1.0359614589188124</c:v>
                </c:pt>
                <c:pt idx="4943">
                  <c:v>1.0359614589188124</c:v>
                </c:pt>
                <c:pt idx="4944">
                  <c:v>1.0203971912518761</c:v>
                </c:pt>
                <c:pt idx="4945">
                  <c:v>1.0203971912518761</c:v>
                </c:pt>
                <c:pt idx="4946">
                  <c:v>1.0203971912518761</c:v>
                </c:pt>
                <c:pt idx="4947">
                  <c:v>1.0203971912518761</c:v>
                </c:pt>
                <c:pt idx="4948">
                  <c:v>1.0203971912518761</c:v>
                </c:pt>
                <c:pt idx="4949">
                  <c:v>1.3151786020579741</c:v>
                </c:pt>
                <c:pt idx="4950">
                  <c:v>1.5192580403083495</c:v>
                </c:pt>
                <c:pt idx="4951">
                  <c:v>1.5192580403083495</c:v>
                </c:pt>
                <c:pt idx="4952">
                  <c:v>1.5192580403083495</c:v>
                </c:pt>
                <c:pt idx="4953">
                  <c:v>1.6326355060030022</c:v>
                </c:pt>
                <c:pt idx="4954">
                  <c:v>1.7686884648365857</c:v>
                </c:pt>
                <c:pt idx="4955">
                  <c:v>2.0407943825037522</c:v>
                </c:pt>
                <c:pt idx="4956">
                  <c:v>2.0407943825037522</c:v>
                </c:pt>
                <c:pt idx="4957">
                  <c:v>2.0407943825037522</c:v>
                </c:pt>
                <c:pt idx="4958">
                  <c:v>2.0407943825037522</c:v>
                </c:pt>
                <c:pt idx="4959">
                  <c:v>2.0407943825037522</c:v>
                </c:pt>
                <c:pt idx="4960">
                  <c:v>2.0407943825037522</c:v>
                </c:pt>
                <c:pt idx="4961">
                  <c:v>2.0407943825037522</c:v>
                </c:pt>
                <c:pt idx="4962">
                  <c:v>2.0407943825037522</c:v>
                </c:pt>
                <c:pt idx="4963">
                  <c:v>1.700661985419794</c:v>
                </c:pt>
                <c:pt idx="4964">
                  <c:v>1.3605295883358353</c:v>
                </c:pt>
                <c:pt idx="4965">
                  <c:v>1.0203971912518761</c:v>
                </c:pt>
                <c:pt idx="4966">
                  <c:v>1.0203971912518761</c:v>
                </c:pt>
                <c:pt idx="4967">
                  <c:v>1.0203971912518761</c:v>
                </c:pt>
                <c:pt idx="4968">
                  <c:v>1.1191079629248899</c:v>
                </c:pt>
                <c:pt idx="4969">
                  <c:v>1.1191079629248899</c:v>
                </c:pt>
                <c:pt idx="4970">
                  <c:v>1.1191079629248899</c:v>
                </c:pt>
                <c:pt idx="4971">
                  <c:v>1.1191079629248899</c:v>
                </c:pt>
                <c:pt idx="4972">
                  <c:v>1.1191079629248899</c:v>
                </c:pt>
                <c:pt idx="4973">
                  <c:v>1.442405818880969</c:v>
                </c:pt>
                <c:pt idx="4974">
                  <c:v>1.7408346089942732</c:v>
                </c:pt>
                <c:pt idx="4975">
                  <c:v>1.7408346089942732</c:v>
                </c:pt>
                <c:pt idx="4976">
                  <c:v>1.7408346089942732</c:v>
                </c:pt>
                <c:pt idx="4977">
                  <c:v>1.8651799382081498</c:v>
                </c:pt>
                <c:pt idx="4978">
                  <c:v>1.9397871357364758</c:v>
                </c:pt>
                <c:pt idx="4979">
                  <c:v>2.2382159258497798</c:v>
                </c:pt>
                <c:pt idx="4980">
                  <c:v>2.2382159258497798</c:v>
                </c:pt>
                <c:pt idx="4981">
                  <c:v>2.2382159258497798</c:v>
                </c:pt>
                <c:pt idx="4982">
                  <c:v>2.2382159258497798</c:v>
                </c:pt>
                <c:pt idx="4983">
                  <c:v>1.8651799382081498</c:v>
                </c:pt>
                <c:pt idx="4984">
                  <c:v>1.7657036748370487</c:v>
                </c:pt>
                <c:pt idx="4985">
                  <c:v>1.7657036748370487</c:v>
                </c:pt>
                <c:pt idx="4986">
                  <c:v>1.7657036748370487</c:v>
                </c:pt>
                <c:pt idx="4987">
                  <c:v>1.7657036748370487</c:v>
                </c:pt>
                <c:pt idx="4988">
                  <c:v>1.367798621352643</c:v>
                </c:pt>
                <c:pt idx="4989">
                  <c:v>0.52225038269828195</c:v>
                </c:pt>
                <c:pt idx="4990">
                  <c:v>0.52225038269828195</c:v>
                </c:pt>
                <c:pt idx="4991">
                  <c:v>0.52225038269828195</c:v>
                </c:pt>
                <c:pt idx="4992">
                  <c:v>0.2092600522904686</c:v>
                </c:pt>
                <c:pt idx="4993">
                  <c:v>0.40855534018615308</c:v>
                </c:pt>
                <c:pt idx="4994">
                  <c:v>0.40855534018615308</c:v>
                </c:pt>
                <c:pt idx="4995">
                  <c:v>0.40855534018615308</c:v>
                </c:pt>
                <c:pt idx="4996">
                  <c:v>0.40855534018615308</c:v>
                </c:pt>
                <c:pt idx="4997">
                  <c:v>0.50820298413399534</c:v>
                </c:pt>
                <c:pt idx="4998">
                  <c:v>0.6377449212661902</c:v>
                </c:pt>
                <c:pt idx="4999">
                  <c:v>0.72742780081924818</c:v>
                </c:pt>
                <c:pt idx="5000">
                  <c:v>0.72742780081924818</c:v>
                </c:pt>
                <c:pt idx="5001">
                  <c:v>0.72742780081924818</c:v>
                </c:pt>
                <c:pt idx="5002">
                  <c:v>0.72742780081924818</c:v>
                </c:pt>
                <c:pt idx="5003">
                  <c:v>0.72742780081924818</c:v>
                </c:pt>
                <c:pt idx="5004">
                  <c:v>0.72742780081924818</c:v>
                </c:pt>
                <c:pt idx="5005">
                  <c:v>0.72742780081924818</c:v>
                </c:pt>
                <c:pt idx="5006">
                  <c:v>0.72742780081924818</c:v>
                </c:pt>
                <c:pt idx="5007">
                  <c:v>0.65767445005575864</c:v>
                </c:pt>
                <c:pt idx="5008">
                  <c:v>0.59788586368705321</c:v>
                </c:pt>
                <c:pt idx="5009">
                  <c:v>0.53809727731834789</c:v>
                </c:pt>
                <c:pt idx="5010">
                  <c:v>0.51816774852877945</c:v>
                </c:pt>
                <c:pt idx="5011">
                  <c:v>0.41852010458093719</c:v>
                </c:pt>
                <c:pt idx="5012">
                  <c:v>0.30890769623831082</c:v>
                </c:pt>
                <c:pt idx="5013">
                  <c:v>0.30890769623831082</c:v>
                </c:pt>
                <c:pt idx="5014">
                  <c:v>0.30890769623831082</c:v>
                </c:pt>
                <c:pt idx="5015">
                  <c:v>0.30890769623831082</c:v>
                </c:pt>
                <c:pt idx="5016">
                  <c:v>0.35108126469637818</c:v>
                </c:pt>
                <c:pt idx="5017">
                  <c:v>0.40770727513127791</c:v>
                </c:pt>
                <c:pt idx="5018">
                  <c:v>0.40770727513127791</c:v>
                </c:pt>
                <c:pt idx="5019">
                  <c:v>0.40770727513127791</c:v>
                </c:pt>
                <c:pt idx="5020">
                  <c:v>0.40770727513127791</c:v>
                </c:pt>
                <c:pt idx="5021">
                  <c:v>0.50963409391409742</c:v>
                </c:pt>
                <c:pt idx="5022">
                  <c:v>0.60023571060993697</c:v>
                </c:pt>
                <c:pt idx="5023">
                  <c:v>0.71348773147973632</c:v>
                </c:pt>
                <c:pt idx="5024">
                  <c:v>0.71348773147973632</c:v>
                </c:pt>
                <c:pt idx="5025">
                  <c:v>0.71348773147973632</c:v>
                </c:pt>
                <c:pt idx="5026">
                  <c:v>0.71348773147973632</c:v>
                </c:pt>
                <c:pt idx="5027">
                  <c:v>0.71348773147973632</c:v>
                </c:pt>
                <c:pt idx="5028">
                  <c:v>0.71348773147973632</c:v>
                </c:pt>
                <c:pt idx="5029">
                  <c:v>0.71348773147973632</c:v>
                </c:pt>
                <c:pt idx="5030">
                  <c:v>0.71348773147973632</c:v>
                </c:pt>
                <c:pt idx="5031">
                  <c:v>0.63421131687087673</c:v>
                </c:pt>
                <c:pt idx="5032">
                  <c:v>0.62288611478389688</c:v>
                </c:pt>
                <c:pt idx="5033">
                  <c:v>0.53228449808805722</c:v>
                </c:pt>
                <c:pt idx="5034">
                  <c:v>0.49830889182711752</c:v>
                </c:pt>
                <c:pt idx="5035">
                  <c:v>0.41903247721825793</c:v>
                </c:pt>
                <c:pt idx="5036">
                  <c:v>0.35108126469637818</c:v>
                </c:pt>
                <c:pt idx="5037">
                  <c:v>0.30578045634845846</c:v>
                </c:pt>
                <c:pt idx="5038">
                  <c:v>0.30578045634845846</c:v>
                </c:pt>
                <c:pt idx="5039">
                  <c:v>0.30578045634845846</c:v>
                </c:pt>
                <c:pt idx="5040">
                  <c:v>0.34931670854245983</c:v>
                </c:pt>
                <c:pt idx="5041">
                  <c:v>0.34931670854245983</c:v>
                </c:pt>
                <c:pt idx="5042">
                  <c:v>0.34931670854245983</c:v>
                </c:pt>
                <c:pt idx="5043">
                  <c:v>0.34931670854245983</c:v>
                </c:pt>
                <c:pt idx="5044">
                  <c:v>0.34931670854245983</c:v>
                </c:pt>
                <c:pt idx="5045">
                  <c:v>1.5137057370173259</c:v>
                </c:pt>
                <c:pt idx="5046">
                  <c:v>1.7174738170004276</c:v>
                </c:pt>
                <c:pt idx="5047">
                  <c:v>1.7174738170004276</c:v>
                </c:pt>
                <c:pt idx="5048">
                  <c:v>1.7174738170004276</c:v>
                </c:pt>
                <c:pt idx="5049">
                  <c:v>1.8339127198479142</c:v>
                </c:pt>
                <c:pt idx="5050">
                  <c:v>1.8339127198479142</c:v>
                </c:pt>
                <c:pt idx="5051">
                  <c:v>2.3287780569497327</c:v>
                </c:pt>
                <c:pt idx="5052">
                  <c:v>2.3287780569497327</c:v>
                </c:pt>
                <c:pt idx="5053">
                  <c:v>1.5428154627291979</c:v>
                </c:pt>
                <c:pt idx="5054">
                  <c:v>2.3287780569497327</c:v>
                </c:pt>
                <c:pt idx="5055">
                  <c:v>2.3287780569497327</c:v>
                </c:pt>
                <c:pt idx="5056">
                  <c:v>2.3287780569497327</c:v>
                </c:pt>
                <c:pt idx="5057">
                  <c:v>2.3287780569497327</c:v>
                </c:pt>
                <c:pt idx="5058">
                  <c:v>2.3287780569497327</c:v>
                </c:pt>
                <c:pt idx="5059">
                  <c:v>1.950351622695401</c:v>
                </c:pt>
                <c:pt idx="5060">
                  <c:v>1.6010349141529407</c:v>
                </c:pt>
                <c:pt idx="5061">
                  <c:v>1.1643890284748664</c:v>
                </c:pt>
                <c:pt idx="5062">
                  <c:v>1.1061695770511231</c:v>
                </c:pt>
                <c:pt idx="5063">
                  <c:v>1.1061695770511231</c:v>
                </c:pt>
                <c:pt idx="5064">
                  <c:v>1.0224677766656971</c:v>
                </c:pt>
                <c:pt idx="5065">
                  <c:v>1.0224677766656971</c:v>
                </c:pt>
                <c:pt idx="5066">
                  <c:v>1.0224677766656971</c:v>
                </c:pt>
                <c:pt idx="5067">
                  <c:v>1.0224677766656971</c:v>
                </c:pt>
                <c:pt idx="5068">
                  <c:v>1.0224677766656971</c:v>
                </c:pt>
                <c:pt idx="5069">
                  <c:v>1.3292081096654063</c:v>
                </c:pt>
                <c:pt idx="5070">
                  <c:v>1.4825782761652606</c:v>
                </c:pt>
                <c:pt idx="5071">
                  <c:v>1.5337016649985458</c:v>
                </c:pt>
                <c:pt idx="5072">
                  <c:v>1.5337016649985458</c:v>
                </c:pt>
                <c:pt idx="5073">
                  <c:v>1.661510137081758</c:v>
                </c:pt>
                <c:pt idx="5074">
                  <c:v>1.7381952203316848</c:v>
                </c:pt>
                <c:pt idx="5075">
                  <c:v>2.0449355533313942</c:v>
                </c:pt>
                <c:pt idx="5076">
                  <c:v>2.0449355533313942</c:v>
                </c:pt>
                <c:pt idx="5077">
                  <c:v>2.0449355533313942</c:v>
                </c:pt>
                <c:pt idx="5078">
                  <c:v>2.0449355533313942</c:v>
                </c:pt>
                <c:pt idx="5079">
                  <c:v>2.0449355533313942</c:v>
                </c:pt>
                <c:pt idx="5080">
                  <c:v>2.0449355533313942</c:v>
                </c:pt>
                <c:pt idx="5081">
                  <c:v>2.0449355533313942</c:v>
                </c:pt>
                <c:pt idx="5082">
                  <c:v>2.0449355533313942</c:v>
                </c:pt>
                <c:pt idx="5083">
                  <c:v>1.7126335259150427</c:v>
                </c:pt>
                <c:pt idx="5084">
                  <c:v>1.4058931929153335</c:v>
                </c:pt>
                <c:pt idx="5085">
                  <c:v>1.0224677766656971</c:v>
                </c:pt>
                <c:pt idx="5086">
                  <c:v>1.0224677766656971</c:v>
                </c:pt>
                <c:pt idx="5087">
                  <c:v>1.0224677766656971</c:v>
                </c:pt>
                <c:pt idx="5088">
                  <c:v>0.90016638288166939</c:v>
                </c:pt>
                <c:pt idx="5089">
                  <c:v>1.012687180741878</c:v>
                </c:pt>
                <c:pt idx="5090">
                  <c:v>1.012687180741878</c:v>
                </c:pt>
                <c:pt idx="5091">
                  <c:v>1.012687180741878</c:v>
                </c:pt>
                <c:pt idx="5092">
                  <c:v>1.012687180741878</c:v>
                </c:pt>
                <c:pt idx="5093">
                  <c:v>1.3052412551784207</c:v>
                </c:pt>
                <c:pt idx="5094">
                  <c:v>1.5077786913267963</c:v>
                </c:pt>
                <c:pt idx="5095">
                  <c:v>1.5077786913267963</c:v>
                </c:pt>
                <c:pt idx="5096">
                  <c:v>1.5077786913267963</c:v>
                </c:pt>
                <c:pt idx="5097">
                  <c:v>1.6202994891870048</c:v>
                </c:pt>
                <c:pt idx="5098">
                  <c:v>1.7553244466192552</c:v>
                </c:pt>
                <c:pt idx="5099">
                  <c:v>2.025374361483756</c:v>
                </c:pt>
                <c:pt idx="5100">
                  <c:v>2.025374361483756</c:v>
                </c:pt>
                <c:pt idx="5101">
                  <c:v>2.025374361483756</c:v>
                </c:pt>
                <c:pt idx="5102">
                  <c:v>2.025374361483756</c:v>
                </c:pt>
                <c:pt idx="5103">
                  <c:v>2.025374361483756</c:v>
                </c:pt>
                <c:pt idx="5104">
                  <c:v>2.025374361483756</c:v>
                </c:pt>
                <c:pt idx="5105">
                  <c:v>2.025374361483756</c:v>
                </c:pt>
                <c:pt idx="5106">
                  <c:v>2.025374361483756</c:v>
                </c:pt>
                <c:pt idx="5107">
                  <c:v>1.6878119679031303</c:v>
                </c:pt>
                <c:pt idx="5108">
                  <c:v>1.350249574322504</c:v>
                </c:pt>
                <c:pt idx="5109">
                  <c:v>1.012687180741878</c:v>
                </c:pt>
                <c:pt idx="5110">
                  <c:v>1.012687180741878</c:v>
                </c:pt>
                <c:pt idx="5111">
                  <c:v>1.012687180741878</c:v>
                </c:pt>
                <c:pt idx="5112">
                  <c:v>1.0188503498574404</c:v>
                </c:pt>
                <c:pt idx="5113">
                  <c:v>1.0188503498574404</c:v>
                </c:pt>
                <c:pt idx="5114">
                  <c:v>1.0188503498574404</c:v>
                </c:pt>
                <c:pt idx="5115">
                  <c:v>1.0188503498574404</c:v>
                </c:pt>
                <c:pt idx="5116">
                  <c:v>1.0188503498574404</c:v>
                </c:pt>
                <c:pt idx="5117">
                  <c:v>1.3131848953718122</c:v>
                </c:pt>
                <c:pt idx="5118">
                  <c:v>1.5169549653433003</c:v>
                </c:pt>
                <c:pt idx="5119">
                  <c:v>1.5169549653433003</c:v>
                </c:pt>
                <c:pt idx="5120">
                  <c:v>1.5169549653433003</c:v>
                </c:pt>
                <c:pt idx="5121">
                  <c:v>1.6301605597719049</c:v>
                </c:pt>
                <c:pt idx="5122">
                  <c:v>1.7660072730862304</c:v>
                </c:pt>
                <c:pt idx="5123">
                  <c:v>2.0377006997148808</c:v>
                </c:pt>
                <c:pt idx="5124">
                  <c:v>2.0377006997148808</c:v>
                </c:pt>
                <c:pt idx="5125">
                  <c:v>2.0377006997148808</c:v>
                </c:pt>
                <c:pt idx="5126">
                  <c:v>2.0377006997148808</c:v>
                </c:pt>
                <c:pt idx="5127">
                  <c:v>2.0377006997148808</c:v>
                </c:pt>
                <c:pt idx="5128">
                  <c:v>2.0377006997148808</c:v>
                </c:pt>
                <c:pt idx="5129">
                  <c:v>2.0377006997148808</c:v>
                </c:pt>
                <c:pt idx="5130">
                  <c:v>2.0377006997148808</c:v>
                </c:pt>
                <c:pt idx="5131">
                  <c:v>1.6980839164290675</c:v>
                </c:pt>
                <c:pt idx="5132">
                  <c:v>1.3584671331432541</c:v>
                </c:pt>
                <c:pt idx="5133">
                  <c:v>1.0188503498574404</c:v>
                </c:pt>
                <c:pt idx="5134">
                  <c:v>1.0188503498574404</c:v>
                </c:pt>
                <c:pt idx="5135">
                  <c:v>1.0188503498574404</c:v>
                </c:pt>
                <c:pt idx="5136">
                  <c:v>1.1208018742024111</c:v>
                </c:pt>
                <c:pt idx="5137">
                  <c:v>1.1208018742024111</c:v>
                </c:pt>
                <c:pt idx="5138">
                  <c:v>1.1208018742024111</c:v>
                </c:pt>
                <c:pt idx="5139">
                  <c:v>1.1208018742024111</c:v>
                </c:pt>
                <c:pt idx="5140">
                  <c:v>1.1208018742024111</c:v>
                </c:pt>
                <c:pt idx="5141">
                  <c:v>1.4445890823053296</c:v>
                </c:pt>
                <c:pt idx="5142">
                  <c:v>1.7434695820926394</c:v>
                </c:pt>
                <c:pt idx="5143">
                  <c:v>1.7434695820926394</c:v>
                </c:pt>
                <c:pt idx="5144">
                  <c:v>1.7434695820926394</c:v>
                </c:pt>
                <c:pt idx="5145">
                  <c:v>1.8680031236706849</c:v>
                </c:pt>
                <c:pt idx="5146">
                  <c:v>1.9427232486175123</c:v>
                </c:pt>
                <c:pt idx="5147">
                  <c:v>2.2416037484048221</c:v>
                </c:pt>
                <c:pt idx="5148">
                  <c:v>2.2416037484048221</c:v>
                </c:pt>
                <c:pt idx="5149">
                  <c:v>2.2416037484048221</c:v>
                </c:pt>
                <c:pt idx="5150">
                  <c:v>2.2416037484048221</c:v>
                </c:pt>
                <c:pt idx="5151">
                  <c:v>1.8680031236706849</c:v>
                </c:pt>
                <c:pt idx="5152">
                  <c:v>1.7683762904082485</c:v>
                </c:pt>
                <c:pt idx="5153">
                  <c:v>1.7683762904082485</c:v>
                </c:pt>
                <c:pt idx="5154">
                  <c:v>1.7683762904082485</c:v>
                </c:pt>
                <c:pt idx="5155">
                  <c:v>1.7683762904082485</c:v>
                </c:pt>
                <c:pt idx="5156">
                  <c:v>1.3698689573585021</c:v>
                </c:pt>
                <c:pt idx="5157">
                  <c:v>0.52304087462779181</c:v>
                </c:pt>
                <c:pt idx="5158">
                  <c:v>0.52304087462779181</c:v>
                </c:pt>
                <c:pt idx="5159">
                  <c:v>0.52304087462779181</c:v>
                </c:pt>
                <c:pt idx="5160">
                  <c:v>0.24113567206074757</c:v>
                </c:pt>
                <c:pt idx="5161">
                  <c:v>0.47078869307098331</c:v>
                </c:pt>
                <c:pt idx="5162">
                  <c:v>0.47078869307098331</c:v>
                </c:pt>
                <c:pt idx="5163">
                  <c:v>0.47078869307098331</c:v>
                </c:pt>
                <c:pt idx="5164">
                  <c:v>0.47078869307098331</c:v>
                </c:pt>
                <c:pt idx="5165">
                  <c:v>0.5856152035761012</c:v>
                </c:pt>
                <c:pt idx="5166">
                  <c:v>0.7348896672327544</c:v>
                </c:pt>
                <c:pt idx="5167">
                  <c:v>0.83823352668736051</c:v>
                </c:pt>
                <c:pt idx="5168">
                  <c:v>0.83823352668736051</c:v>
                </c:pt>
                <c:pt idx="5169">
                  <c:v>0.83823352668736051</c:v>
                </c:pt>
                <c:pt idx="5170">
                  <c:v>0.83823352668736051</c:v>
                </c:pt>
                <c:pt idx="5171">
                  <c:v>0.83823352668736051</c:v>
                </c:pt>
                <c:pt idx="5172">
                  <c:v>0.83823352668736051</c:v>
                </c:pt>
                <c:pt idx="5173">
                  <c:v>0.83823352668736051</c:v>
                </c:pt>
                <c:pt idx="5174">
                  <c:v>0.83823352668736051</c:v>
                </c:pt>
                <c:pt idx="5175">
                  <c:v>0.75785496933377794</c:v>
                </c:pt>
                <c:pt idx="5176">
                  <c:v>0.6889590630307072</c:v>
                </c:pt>
                <c:pt idx="5177">
                  <c:v>0.62006315672763657</c:v>
                </c:pt>
                <c:pt idx="5178">
                  <c:v>0.59709785462661291</c:v>
                </c:pt>
                <c:pt idx="5179">
                  <c:v>0.48227134412149514</c:v>
                </c:pt>
                <c:pt idx="5180">
                  <c:v>0.35596218256586543</c:v>
                </c:pt>
                <c:pt idx="5181">
                  <c:v>0.35596218256586543</c:v>
                </c:pt>
                <c:pt idx="5182">
                  <c:v>0.35596218256586543</c:v>
                </c:pt>
                <c:pt idx="5183">
                  <c:v>0.35596218256586543</c:v>
                </c:pt>
                <c:pt idx="5184">
                  <c:v>0.40212901134815232</c:v>
                </c:pt>
                <c:pt idx="5185">
                  <c:v>0.46698852930753171</c:v>
                </c:pt>
                <c:pt idx="5186">
                  <c:v>0.46698852930753171</c:v>
                </c:pt>
                <c:pt idx="5187">
                  <c:v>0.46698852930753171</c:v>
                </c:pt>
                <c:pt idx="5188">
                  <c:v>0.46698852930753171</c:v>
                </c:pt>
                <c:pt idx="5189">
                  <c:v>0.5837356616344147</c:v>
                </c:pt>
                <c:pt idx="5190">
                  <c:v>0.6875108903694217</c:v>
                </c:pt>
                <c:pt idx="5191">
                  <c:v>0.81722992628818059</c:v>
                </c:pt>
                <c:pt idx="5192">
                  <c:v>0.81722992628818059</c:v>
                </c:pt>
                <c:pt idx="5193">
                  <c:v>0.81722992628818059</c:v>
                </c:pt>
                <c:pt idx="5194">
                  <c:v>0.81722992628818059</c:v>
                </c:pt>
                <c:pt idx="5195">
                  <c:v>0.81722992628818059</c:v>
                </c:pt>
                <c:pt idx="5196">
                  <c:v>0.81722992628818059</c:v>
                </c:pt>
                <c:pt idx="5197">
                  <c:v>0.81722992628818059</c:v>
                </c:pt>
                <c:pt idx="5198">
                  <c:v>0.81722992628818059</c:v>
                </c:pt>
                <c:pt idx="5199">
                  <c:v>0.72642660114504942</c:v>
                </c:pt>
                <c:pt idx="5200">
                  <c:v>0.71345469755317337</c:v>
                </c:pt>
                <c:pt idx="5201">
                  <c:v>0.60967946881816648</c:v>
                </c:pt>
                <c:pt idx="5202">
                  <c:v>0.57076375804253887</c:v>
                </c:pt>
                <c:pt idx="5203">
                  <c:v>0.47996043289940771</c:v>
                </c:pt>
                <c:pt idx="5204">
                  <c:v>0.40212901134815232</c:v>
                </c:pt>
                <c:pt idx="5205">
                  <c:v>0.35024139698064882</c:v>
                </c:pt>
                <c:pt idx="5206">
                  <c:v>0.35024139698064882</c:v>
                </c:pt>
                <c:pt idx="5207">
                  <c:v>0.35024139698064882</c:v>
                </c:pt>
                <c:pt idx="5208">
                  <c:v>0.35540176591633738</c:v>
                </c:pt>
                <c:pt idx="5209">
                  <c:v>0.35540176591633738</c:v>
                </c:pt>
                <c:pt idx="5210">
                  <c:v>0.35540176591633738</c:v>
                </c:pt>
                <c:pt idx="5211">
                  <c:v>0.35540176591633738</c:v>
                </c:pt>
                <c:pt idx="5212">
                  <c:v>0.35540176591633738</c:v>
                </c:pt>
                <c:pt idx="5213">
                  <c:v>1.5400743189707951</c:v>
                </c:pt>
                <c:pt idx="5214">
                  <c:v>1.7473920157553258</c:v>
                </c:pt>
                <c:pt idx="5215">
                  <c:v>1.7473920157553258</c:v>
                </c:pt>
                <c:pt idx="5216">
                  <c:v>1.7473920157553258</c:v>
                </c:pt>
                <c:pt idx="5217">
                  <c:v>1.8658592710607713</c:v>
                </c:pt>
                <c:pt idx="5218">
                  <c:v>1.8658592710607713</c:v>
                </c:pt>
                <c:pt idx="5219">
                  <c:v>2.3693451061089159</c:v>
                </c:pt>
                <c:pt idx="5220">
                  <c:v>2.3693451061089159</c:v>
                </c:pt>
                <c:pt idx="5221">
                  <c:v>1.5696911327971568</c:v>
                </c:pt>
                <c:pt idx="5222">
                  <c:v>2.3693451061089159</c:v>
                </c:pt>
                <c:pt idx="5223">
                  <c:v>2.3693451061089159</c:v>
                </c:pt>
                <c:pt idx="5224">
                  <c:v>2.3693451061089159</c:v>
                </c:pt>
                <c:pt idx="5225">
                  <c:v>2.3693451061089159</c:v>
                </c:pt>
                <c:pt idx="5226">
                  <c:v>2.3693451061089159</c:v>
                </c:pt>
                <c:pt idx="5227">
                  <c:v>1.9843265263662171</c:v>
                </c:pt>
                <c:pt idx="5228">
                  <c:v>1.6289247604498795</c:v>
                </c:pt>
                <c:pt idx="5229">
                  <c:v>1.184672553054458</c:v>
                </c:pt>
                <c:pt idx="5230">
                  <c:v>1.1254389254017352</c:v>
                </c:pt>
                <c:pt idx="5231">
                  <c:v>1.1254389254017352</c:v>
                </c:pt>
                <c:pt idx="5232">
                  <c:v>1.0556916223423578</c:v>
                </c:pt>
                <c:pt idx="5233">
                  <c:v>1.0556916223423578</c:v>
                </c:pt>
                <c:pt idx="5234">
                  <c:v>1.0556916223423578</c:v>
                </c:pt>
                <c:pt idx="5235">
                  <c:v>1.0556916223423578</c:v>
                </c:pt>
                <c:pt idx="5236">
                  <c:v>1.0556916223423578</c:v>
                </c:pt>
                <c:pt idx="5237">
                  <c:v>1.3723991090450649</c:v>
                </c:pt>
                <c:pt idx="5238">
                  <c:v>1.5307528523964185</c:v>
                </c:pt>
                <c:pt idx="5239">
                  <c:v>1.5835374335135364</c:v>
                </c:pt>
                <c:pt idx="5240">
                  <c:v>1.5835374335135364</c:v>
                </c:pt>
                <c:pt idx="5241">
                  <c:v>1.715498886306331</c:v>
                </c:pt>
                <c:pt idx="5242">
                  <c:v>1.7946757579820078</c:v>
                </c:pt>
                <c:pt idx="5243">
                  <c:v>2.1113832446847156</c:v>
                </c:pt>
                <c:pt idx="5244">
                  <c:v>2.1113832446847156</c:v>
                </c:pt>
                <c:pt idx="5245">
                  <c:v>2.1113832446847156</c:v>
                </c:pt>
                <c:pt idx="5246">
                  <c:v>2.1113832446847156</c:v>
                </c:pt>
                <c:pt idx="5247">
                  <c:v>2.1113832446847156</c:v>
                </c:pt>
                <c:pt idx="5248">
                  <c:v>2.1113832446847156</c:v>
                </c:pt>
                <c:pt idx="5249">
                  <c:v>2.1113832446847156</c:v>
                </c:pt>
                <c:pt idx="5250">
                  <c:v>2.1113832446847156</c:v>
                </c:pt>
                <c:pt idx="5251">
                  <c:v>1.7682834674234491</c:v>
                </c:pt>
                <c:pt idx="5252">
                  <c:v>1.4515759807207416</c:v>
                </c:pt>
                <c:pt idx="5253">
                  <c:v>1.0556916223423578</c:v>
                </c:pt>
                <c:pt idx="5254">
                  <c:v>1.0556916223423578</c:v>
                </c:pt>
                <c:pt idx="5255">
                  <c:v>1.0556916223423578</c:v>
                </c:pt>
                <c:pt idx="5256">
                  <c:v>0.92016502190777605</c:v>
                </c:pt>
                <c:pt idx="5257">
                  <c:v>1.0351856496462479</c:v>
                </c:pt>
                <c:pt idx="5258">
                  <c:v>1.0351856496462479</c:v>
                </c:pt>
                <c:pt idx="5259">
                  <c:v>1.0351856496462479</c:v>
                </c:pt>
                <c:pt idx="5260">
                  <c:v>1.0351856496462479</c:v>
                </c:pt>
                <c:pt idx="5261">
                  <c:v>1.3342392817662752</c:v>
                </c:pt>
                <c:pt idx="5262">
                  <c:v>1.5412764116955251</c:v>
                </c:pt>
                <c:pt idx="5263">
                  <c:v>1.5412764116955251</c:v>
                </c:pt>
                <c:pt idx="5264">
                  <c:v>1.5412764116955251</c:v>
                </c:pt>
                <c:pt idx="5265">
                  <c:v>1.6562970394339969</c:v>
                </c:pt>
                <c:pt idx="5266">
                  <c:v>1.7943217927201633</c:v>
                </c:pt>
                <c:pt idx="5267">
                  <c:v>2.0703712992924959</c:v>
                </c:pt>
                <c:pt idx="5268">
                  <c:v>2.0703712992924959</c:v>
                </c:pt>
                <c:pt idx="5269">
                  <c:v>2.0703712992924959</c:v>
                </c:pt>
                <c:pt idx="5270">
                  <c:v>2.0703712992924959</c:v>
                </c:pt>
                <c:pt idx="5271">
                  <c:v>2.0703712992924959</c:v>
                </c:pt>
                <c:pt idx="5272">
                  <c:v>2.0703712992924959</c:v>
                </c:pt>
                <c:pt idx="5273">
                  <c:v>2.0703712992924959</c:v>
                </c:pt>
                <c:pt idx="5274">
                  <c:v>2.0703712992924959</c:v>
                </c:pt>
                <c:pt idx="5275">
                  <c:v>1.7253094160770799</c:v>
                </c:pt>
                <c:pt idx="5276">
                  <c:v>1.3802475328616641</c:v>
                </c:pt>
                <c:pt idx="5277">
                  <c:v>1.0351856496462479</c:v>
                </c:pt>
                <c:pt idx="5278">
                  <c:v>1.0351856496462479</c:v>
                </c:pt>
                <c:pt idx="5279">
                  <c:v>1.0351856496462479</c:v>
                </c:pt>
                <c:pt idx="5280">
                  <c:v>1.0242642947379657</c:v>
                </c:pt>
                <c:pt idx="5281">
                  <c:v>1.0242642947379657</c:v>
                </c:pt>
                <c:pt idx="5282">
                  <c:v>1.0242642947379657</c:v>
                </c:pt>
                <c:pt idx="5283">
                  <c:v>1.0242642947379657</c:v>
                </c:pt>
                <c:pt idx="5284">
                  <c:v>1.0242642947379657</c:v>
                </c:pt>
                <c:pt idx="5285">
                  <c:v>1.3201628687733782</c:v>
                </c:pt>
                <c:pt idx="5286">
                  <c:v>1.5250157277209713</c:v>
                </c:pt>
                <c:pt idx="5287">
                  <c:v>1.5250157277209713</c:v>
                </c:pt>
                <c:pt idx="5288">
                  <c:v>1.5250157277209713</c:v>
                </c:pt>
                <c:pt idx="5289">
                  <c:v>1.6388228715807451</c:v>
                </c:pt>
                <c:pt idx="5290">
                  <c:v>1.7753914442124741</c:v>
                </c:pt>
                <c:pt idx="5291">
                  <c:v>2.0485285894759313</c:v>
                </c:pt>
                <c:pt idx="5292">
                  <c:v>2.0485285894759313</c:v>
                </c:pt>
                <c:pt idx="5293">
                  <c:v>2.0485285894759313</c:v>
                </c:pt>
                <c:pt idx="5294">
                  <c:v>2.0485285894759313</c:v>
                </c:pt>
                <c:pt idx="5295">
                  <c:v>2.0485285894759313</c:v>
                </c:pt>
                <c:pt idx="5296">
                  <c:v>2.0485285894759313</c:v>
                </c:pt>
                <c:pt idx="5297">
                  <c:v>2.0485285894759313</c:v>
                </c:pt>
                <c:pt idx="5298">
                  <c:v>2.0485285894759313</c:v>
                </c:pt>
                <c:pt idx="5299">
                  <c:v>1.7071071578966097</c:v>
                </c:pt>
                <c:pt idx="5300">
                  <c:v>1.3656857263172879</c:v>
                </c:pt>
                <c:pt idx="5301">
                  <c:v>1.0242642947379657</c:v>
                </c:pt>
                <c:pt idx="5302">
                  <c:v>1.0242642947379657</c:v>
                </c:pt>
                <c:pt idx="5303">
                  <c:v>1.0242642947379657</c:v>
                </c:pt>
                <c:pt idx="5304">
                  <c:v>1.1385879426163823</c:v>
                </c:pt>
                <c:pt idx="5305">
                  <c:v>1.1385879426163823</c:v>
                </c:pt>
                <c:pt idx="5306">
                  <c:v>1.1385879426163823</c:v>
                </c:pt>
                <c:pt idx="5307">
                  <c:v>1.1385879426163823</c:v>
                </c:pt>
                <c:pt idx="5308">
                  <c:v>1.1385879426163823</c:v>
                </c:pt>
                <c:pt idx="5309">
                  <c:v>1.4675133482611151</c:v>
                </c:pt>
                <c:pt idx="5310">
                  <c:v>1.7711367996254841</c:v>
                </c:pt>
                <c:pt idx="5311">
                  <c:v>1.7711367996254841</c:v>
                </c:pt>
                <c:pt idx="5312">
                  <c:v>1.7711367996254841</c:v>
                </c:pt>
                <c:pt idx="5313">
                  <c:v>1.8976465710273041</c:v>
                </c:pt>
                <c:pt idx="5314">
                  <c:v>1.9735524338683961</c:v>
                </c:pt>
                <c:pt idx="5315">
                  <c:v>2.2771758852327646</c:v>
                </c:pt>
                <c:pt idx="5316">
                  <c:v>2.2771758852327646</c:v>
                </c:pt>
                <c:pt idx="5317">
                  <c:v>2.2771758852327646</c:v>
                </c:pt>
                <c:pt idx="5318">
                  <c:v>2.2771758852327646</c:v>
                </c:pt>
                <c:pt idx="5319">
                  <c:v>1.8976465710273041</c:v>
                </c:pt>
                <c:pt idx="5320">
                  <c:v>1.7964387539058482</c:v>
                </c:pt>
                <c:pt idx="5321">
                  <c:v>1.7964387539058482</c:v>
                </c:pt>
                <c:pt idx="5322">
                  <c:v>1.7964387539058482</c:v>
                </c:pt>
                <c:pt idx="5323">
                  <c:v>1.7964387539058482</c:v>
                </c:pt>
                <c:pt idx="5324">
                  <c:v>1.3916074854200229</c:v>
                </c:pt>
                <c:pt idx="5325">
                  <c:v>0.53134103988764503</c:v>
                </c:pt>
                <c:pt idx="5326">
                  <c:v>0.53134103988764503</c:v>
                </c:pt>
                <c:pt idx="5327">
                  <c:v>0.53134103988764503</c:v>
                </c:pt>
                <c:pt idx="5328">
                  <c:v>0.23678899663752759</c:v>
                </c:pt>
                <c:pt idx="5329">
                  <c:v>0.46230232676850636</c:v>
                </c:pt>
                <c:pt idx="5330">
                  <c:v>0.46230232676850636</c:v>
                </c:pt>
                <c:pt idx="5331">
                  <c:v>0.46230232676850636</c:v>
                </c:pt>
                <c:pt idx="5332">
                  <c:v>0.46230232676850636</c:v>
                </c:pt>
                <c:pt idx="5333">
                  <c:v>0.57505899183399556</c:v>
                </c:pt>
                <c:pt idx="5334">
                  <c:v>0.72164265641913183</c:v>
                </c:pt>
                <c:pt idx="5335">
                  <c:v>0.82312365497807227</c:v>
                </c:pt>
                <c:pt idx="5336">
                  <c:v>0.82312365497807227</c:v>
                </c:pt>
                <c:pt idx="5337">
                  <c:v>0.82312365497807227</c:v>
                </c:pt>
                <c:pt idx="5338">
                  <c:v>0.82312365497807227</c:v>
                </c:pt>
                <c:pt idx="5339">
                  <c:v>0.82312365497807227</c:v>
                </c:pt>
                <c:pt idx="5340">
                  <c:v>0.82312365497807227</c:v>
                </c:pt>
                <c:pt idx="5341">
                  <c:v>0.82312365497807227</c:v>
                </c:pt>
                <c:pt idx="5342">
                  <c:v>0.82312365497807227</c:v>
                </c:pt>
                <c:pt idx="5343">
                  <c:v>0.74419398943222959</c:v>
                </c:pt>
                <c:pt idx="5344">
                  <c:v>0.67653999039293611</c:v>
                </c:pt>
                <c:pt idx="5345">
                  <c:v>0.60888599135364252</c:v>
                </c:pt>
                <c:pt idx="5346">
                  <c:v>0.58633465834054466</c:v>
                </c:pt>
                <c:pt idx="5347">
                  <c:v>0.47357799327505518</c:v>
                </c:pt>
                <c:pt idx="5348">
                  <c:v>0.34954566170301693</c:v>
                </c:pt>
                <c:pt idx="5349">
                  <c:v>0.34954566170301693</c:v>
                </c:pt>
                <c:pt idx="5350">
                  <c:v>0.34954566170301693</c:v>
                </c:pt>
                <c:pt idx="5351">
                  <c:v>0.34954566170301693</c:v>
                </c:pt>
                <c:pt idx="5352">
                  <c:v>0.37538971548293726</c:v>
                </c:pt>
                <c:pt idx="5353">
                  <c:v>0.43593644378663687</c:v>
                </c:pt>
                <c:pt idx="5354">
                  <c:v>0.43593644378663687</c:v>
                </c:pt>
                <c:pt idx="5355">
                  <c:v>0.43593644378663687</c:v>
                </c:pt>
                <c:pt idx="5356">
                  <c:v>0.43593644378663687</c:v>
                </c:pt>
                <c:pt idx="5357">
                  <c:v>0.54492055473329604</c:v>
                </c:pt>
                <c:pt idx="5358">
                  <c:v>0.64179532001921547</c:v>
                </c:pt>
                <c:pt idx="5359">
                  <c:v>0.76288877662661447</c:v>
                </c:pt>
                <c:pt idx="5360">
                  <c:v>0.76288877662661447</c:v>
                </c:pt>
                <c:pt idx="5361">
                  <c:v>0.76288877662661447</c:v>
                </c:pt>
                <c:pt idx="5362">
                  <c:v>0.76288877662661447</c:v>
                </c:pt>
                <c:pt idx="5363">
                  <c:v>0.76288877662661447</c:v>
                </c:pt>
                <c:pt idx="5364">
                  <c:v>0.76288877662661447</c:v>
                </c:pt>
                <c:pt idx="5365">
                  <c:v>0.76288877662661447</c:v>
                </c:pt>
                <c:pt idx="5366">
                  <c:v>0.76288877662661447</c:v>
                </c:pt>
                <c:pt idx="5367">
                  <c:v>0.67812335700143511</c:v>
                </c:pt>
                <c:pt idx="5368">
                  <c:v>0.66601401134069516</c:v>
                </c:pt>
                <c:pt idx="5369">
                  <c:v>0.56913924605477595</c:v>
                </c:pt>
                <c:pt idx="5370">
                  <c:v>0.53281120907255619</c:v>
                </c:pt>
                <c:pt idx="5371">
                  <c:v>0.44804578944737677</c:v>
                </c:pt>
                <c:pt idx="5372">
                  <c:v>0.37538971548293726</c:v>
                </c:pt>
                <c:pt idx="5373">
                  <c:v>0.32695233283997766</c:v>
                </c:pt>
                <c:pt idx="5374">
                  <c:v>0.32695233283997766</c:v>
                </c:pt>
                <c:pt idx="5375">
                  <c:v>0.32695233283997766</c:v>
                </c:pt>
                <c:pt idx="5376">
                  <c:v>0.34772930227101356</c:v>
                </c:pt>
                <c:pt idx="5377">
                  <c:v>0.34772930227101356</c:v>
                </c:pt>
                <c:pt idx="5378">
                  <c:v>0.34772930227101356</c:v>
                </c:pt>
                <c:pt idx="5379">
                  <c:v>0.34772930227101356</c:v>
                </c:pt>
                <c:pt idx="5380">
                  <c:v>0.34772930227101356</c:v>
                </c:pt>
                <c:pt idx="5381">
                  <c:v>1.5068269765077256</c:v>
                </c:pt>
                <c:pt idx="5382">
                  <c:v>1.7096690694991501</c:v>
                </c:pt>
                <c:pt idx="5383">
                  <c:v>1.7096690694991501</c:v>
                </c:pt>
                <c:pt idx="5384">
                  <c:v>1.7096690694991501</c:v>
                </c:pt>
                <c:pt idx="5385">
                  <c:v>1.8255788369228214</c:v>
                </c:pt>
                <c:pt idx="5386">
                  <c:v>1.8255788369228214</c:v>
                </c:pt>
                <c:pt idx="5387">
                  <c:v>2.3181953484734241</c:v>
                </c:pt>
                <c:pt idx="5388">
                  <c:v>2.3181953484734241</c:v>
                </c:pt>
                <c:pt idx="5389">
                  <c:v>1.5358044183636432</c:v>
                </c:pt>
                <c:pt idx="5390">
                  <c:v>2.3181953484734241</c:v>
                </c:pt>
                <c:pt idx="5391">
                  <c:v>2.3181953484734241</c:v>
                </c:pt>
                <c:pt idx="5392">
                  <c:v>2.3181953484734241</c:v>
                </c:pt>
                <c:pt idx="5393">
                  <c:v>2.3181953484734241</c:v>
                </c:pt>
                <c:pt idx="5394">
                  <c:v>2.3181953484734241</c:v>
                </c:pt>
                <c:pt idx="5395">
                  <c:v>1.9414886043464925</c:v>
                </c:pt>
                <c:pt idx="5396">
                  <c:v>1.593759302075479</c:v>
                </c:pt>
                <c:pt idx="5397">
                  <c:v>1.1590976742367121</c:v>
                </c:pt>
                <c:pt idx="5398">
                  <c:v>1.1011427905248763</c:v>
                </c:pt>
                <c:pt idx="5399">
                  <c:v>1.1011427905248763</c:v>
                </c:pt>
                <c:pt idx="5400">
                  <c:v>1.0209224815179454</c:v>
                </c:pt>
                <c:pt idx="5401">
                  <c:v>1.0209224815179454</c:v>
                </c:pt>
                <c:pt idx="5402">
                  <c:v>1.0209224815179454</c:v>
                </c:pt>
                <c:pt idx="5403">
                  <c:v>1.0209224815179454</c:v>
                </c:pt>
                <c:pt idx="5404">
                  <c:v>1.0209224815179454</c:v>
                </c:pt>
                <c:pt idx="5405">
                  <c:v>1.327199225973329</c:v>
                </c:pt>
                <c:pt idx="5406">
                  <c:v>1.4803375982010207</c:v>
                </c:pt>
                <c:pt idx="5407">
                  <c:v>1.531383722276918</c:v>
                </c:pt>
                <c:pt idx="5408">
                  <c:v>1.531383722276918</c:v>
                </c:pt>
                <c:pt idx="5409">
                  <c:v>1.6589990324666612</c:v>
                </c:pt>
                <c:pt idx="5410">
                  <c:v>1.7355682185805072</c:v>
                </c:pt>
                <c:pt idx="5411">
                  <c:v>2.0418449630358908</c:v>
                </c:pt>
                <c:pt idx="5412">
                  <c:v>2.0418449630358908</c:v>
                </c:pt>
                <c:pt idx="5413">
                  <c:v>2.0418449630358908</c:v>
                </c:pt>
                <c:pt idx="5414">
                  <c:v>2.0418449630358908</c:v>
                </c:pt>
                <c:pt idx="5415">
                  <c:v>2.0418449630358908</c:v>
                </c:pt>
                <c:pt idx="5416">
                  <c:v>2.0418449630358908</c:v>
                </c:pt>
                <c:pt idx="5417">
                  <c:v>2.0418449630358908</c:v>
                </c:pt>
                <c:pt idx="5418">
                  <c:v>2.0418449630358908</c:v>
                </c:pt>
                <c:pt idx="5419">
                  <c:v>1.7100451565425587</c:v>
                </c:pt>
                <c:pt idx="5420">
                  <c:v>1.4037684120871747</c:v>
                </c:pt>
                <c:pt idx="5421">
                  <c:v>1.0209224815179454</c:v>
                </c:pt>
                <c:pt idx="5422">
                  <c:v>1.0209224815179454</c:v>
                </c:pt>
                <c:pt idx="5423">
                  <c:v>1.0209224815179454</c:v>
                </c:pt>
                <c:pt idx="5424">
                  <c:v>0.91257933124270119</c:v>
                </c:pt>
                <c:pt idx="5425">
                  <c:v>1.0266517476480388</c:v>
                </c:pt>
                <c:pt idx="5426">
                  <c:v>1.0266517476480388</c:v>
                </c:pt>
                <c:pt idx="5427">
                  <c:v>1.0266517476480388</c:v>
                </c:pt>
                <c:pt idx="5428">
                  <c:v>1.0266517476480388</c:v>
                </c:pt>
                <c:pt idx="5429">
                  <c:v>1.3232400303019165</c:v>
                </c:pt>
                <c:pt idx="5430">
                  <c:v>1.5285703798315244</c:v>
                </c:pt>
                <c:pt idx="5431">
                  <c:v>1.5285703798315244</c:v>
                </c:pt>
                <c:pt idx="5432">
                  <c:v>1.5285703798315244</c:v>
                </c:pt>
                <c:pt idx="5433">
                  <c:v>1.6426427962368619</c:v>
                </c:pt>
                <c:pt idx="5434">
                  <c:v>1.7795296959232674</c:v>
                </c:pt>
                <c:pt idx="5435">
                  <c:v>2.0533034952960776</c:v>
                </c:pt>
                <c:pt idx="5436">
                  <c:v>2.0533034952960776</c:v>
                </c:pt>
                <c:pt idx="5437">
                  <c:v>2.0533034952960776</c:v>
                </c:pt>
                <c:pt idx="5438">
                  <c:v>2.0533034952960776</c:v>
                </c:pt>
                <c:pt idx="5439">
                  <c:v>2.0533034952960776</c:v>
                </c:pt>
                <c:pt idx="5440">
                  <c:v>2.0533034952960776</c:v>
                </c:pt>
                <c:pt idx="5441">
                  <c:v>2.0533034952960776</c:v>
                </c:pt>
                <c:pt idx="5442">
                  <c:v>2.0533034952960776</c:v>
                </c:pt>
                <c:pt idx="5443">
                  <c:v>1.7110862460800644</c:v>
                </c:pt>
                <c:pt idx="5444">
                  <c:v>1.3688689968640517</c:v>
                </c:pt>
                <c:pt idx="5445">
                  <c:v>1.0266517476480388</c:v>
                </c:pt>
                <c:pt idx="5446">
                  <c:v>1.0266517476480388</c:v>
                </c:pt>
                <c:pt idx="5447">
                  <c:v>1.0266517476480388</c:v>
                </c:pt>
                <c:pt idx="5448">
                  <c:v>1.0428263914711959</c:v>
                </c:pt>
                <c:pt idx="5449">
                  <c:v>1.0428263914711959</c:v>
                </c:pt>
                <c:pt idx="5450">
                  <c:v>1.0428263914711959</c:v>
                </c:pt>
                <c:pt idx="5451">
                  <c:v>1.0428263914711959</c:v>
                </c:pt>
                <c:pt idx="5452">
                  <c:v>1.0428263914711959</c:v>
                </c:pt>
                <c:pt idx="5453">
                  <c:v>1.3440873490073191</c:v>
                </c:pt>
                <c:pt idx="5454">
                  <c:v>1.5526526273015582</c:v>
                </c:pt>
                <c:pt idx="5455">
                  <c:v>1.5526526273015582</c:v>
                </c:pt>
                <c:pt idx="5456">
                  <c:v>1.5526526273015582</c:v>
                </c:pt>
                <c:pt idx="5457">
                  <c:v>1.6685222263539132</c:v>
                </c:pt>
                <c:pt idx="5458">
                  <c:v>1.8075657452167393</c:v>
                </c:pt>
                <c:pt idx="5459">
                  <c:v>2.0856527829423919</c:v>
                </c:pt>
                <c:pt idx="5460">
                  <c:v>2.0856527829423919</c:v>
                </c:pt>
                <c:pt idx="5461">
                  <c:v>2.0856527829423919</c:v>
                </c:pt>
                <c:pt idx="5462">
                  <c:v>2.0856527829423919</c:v>
                </c:pt>
                <c:pt idx="5463">
                  <c:v>2.0856527829423919</c:v>
                </c:pt>
                <c:pt idx="5464">
                  <c:v>2.0856527829423919</c:v>
                </c:pt>
                <c:pt idx="5465">
                  <c:v>2.0856527829423919</c:v>
                </c:pt>
                <c:pt idx="5466">
                  <c:v>2.0856527829423919</c:v>
                </c:pt>
                <c:pt idx="5467">
                  <c:v>1.7380439857853265</c:v>
                </c:pt>
                <c:pt idx="5468">
                  <c:v>1.3904351886282611</c:v>
                </c:pt>
                <c:pt idx="5469">
                  <c:v>1.0428263914711959</c:v>
                </c:pt>
                <c:pt idx="5470">
                  <c:v>1.0428263914711959</c:v>
                </c:pt>
                <c:pt idx="5471">
                  <c:v>1.0428263914711959</c:v>
                </c:pt>
                <c:pt idx="5472">
                  <c:v>1.1335062087838192</c:v>
                </c:pt>
                <c:pt idx="5473">
                  <c:v>1.1335062087838192</c:v>
                </c:pt>
                <c:pt idx="5474">
                  <c:v>1.1335062087838192</c:v>
                </c:pt>
                <c:pt idx="5475">
                  <c:v>1.1335062087838192</c:v>
                </c:pt>
                <c:pt idx="5476">
                  <c:v>1.1335062087838192</c:v>
                </c:pt>
                <c:pt idx="5477">
                  <c:v>1.4609635579880336</c:v>
                </c:pt>
                <c:pt idx="5478">
                  <c:v>1.7632318803303855</c:v>
                </c:pt>
                <c:pt idx="5479">
                  <c:v>1.7632318803303855</c:v>
                </c:pt>
                <c:pt idx="5480">
                  <c:v>1.7632318803303855</c:v>
                </c:pt>
                <c:pt idx="5481">
                  <c:v>1.8891770146396987</c:v>
                </c:pt>
                <c:pt idx="5482">
                  <c:v>1.9647440952252866</c:v>
                </c:pt>
                <c:pt idx="5483">
                  <c:v>2.2670124175676385</c:v>
                </c:pt>
                <c:pt idx="5484">
                  <c:v>2.2670124175676385</c:v>
                </c:pt>
                <c:pt idx="5485">
                  <c:v>2.2670124175676385</c:v>
                </c:pt>
                <c:pt idx="5486">
                  <c:v>2.2670124175676385</c:v>
                </c:pt>
                <c:pt idx="5487">
                  <c:v>1.8891770146396987</c:v>
                </c:pt>
                <c:pt idx="5488">
                  <c:v>1.7884209071922483</c:v>
                </c:pt>
                <c:pt idx="5489">
                  <c:v>1.7884209071922483</c:v>
                </c:pt>
                <c:pt idx="5490">
                  <c:v>1.7884209071922483</c:v>
                </c:pt>
                <c:pt idx="5491">
                  <c:v>1.7884209071922483</c:v>
                </c:pt>
                <c:pt idx="5492">
                  <c:v>1.3853964774024456</c:v>
                </c:pt>
                <c:pt idx="5493">
                  <c:v>0.52896956409911566</c:v>
                </c:pt>
                <c:pt idx="5494">
                  <c:v>0.52896956409911566</c:v>
                </c:pt>
                <c:pt idx="5495">
                  <c:v>0.52896956409911566</c:v>
                </c:pt>
                <c:pt idx="5496">
                  <c:v>0.20278223780680521</c:v>
                </c:pt>
                <c:pt idx="5497">
                  <c:v>0.39590817857519112</c:v>
                </c:pt>
                <c:pt idx="5498">
                  <c:v>0.39590817857519112</c:v>
                </c:pt>
                <c:pt idx="5499">
                  <c:v>0.39590817857519112</c:v>
                </c:pt>
                <c:pt idx="5500">
                  <c:v>0.39590817857519112</c:v>
                </c:pt>
                <c:pt idx="5501">
                  <c:v>0.49247114895938421</c:v>
                </c:pt>
                <c:pt idx="5502">
                  <c:v>0.61800301045883499</c:v>
                </c:pt>
                <c:pt idx="5503">
                  <c:v>0.70490968380460872</c:v>
                </c:pt>
                <c:pt idx="5504">
                  <c:v>0.70490968380460872</c:v>
                </c:pt>
                <c:pt idx="5505">
                  <c:v>0.70490968380460872</c:v>
                </c:pt>
                <c:pt idx="5506">
                  <c:v>0.70490968380460872</c:v>
                </c:pt>
                <c:pt idx="5507">
                  <c:v>0.70490968380460872</c:v>
                </c:pt>
                <c:pt idx="5508">
                  <c:v>0.70490968380460872</c:v>
                </c:pt>
                <c:pt idx="5509">
                  <c:v>0.70490968380460872</c:v>
                </c:pt>
                <c:pt idx="5510">
                  <c:v>0.70490968380460872</c:v>
                </c:pt>
                <c:pt idx="5511">
                  <c:v>0.63731560453567349</c:v>
                </c:pt>
                <c:pt idx="5512">
                  <c:v>0.57937782230515789</c:v>
                </c:pt>
                <c:pt idx="5513">
                  <c:v>0.52144004007464206</c:v>
                </c:pt>
                <c:pt idx="5514">
                  <c:v>0.50212744599780346</c:v>
                </c:pt>
                <c:pt idx="5515">
                  <c:v>0.40556447561361042</c:v>
                </c:pt>
                <c:pt idx="5516">
                  <c:v>0.29934520819099814</c:v>
                </c:pt>
                <c:pt idx="5517">
                  <c:v>0.29934520819099814</c:v>
                </c:pt>
                <c:pt idx="5518">
                  <c:v>0.29934520819099814</c:v>
                </c:pt>
                <c:pt idx="5519">
                  <c:v>0.29934520819099814</c:v>
                </c:pt>
                <c:pt idx="5520">
                  <c:v>0.33700831045384144</c:v>
                </c:pt>
                <c:pt idx="5521">
                  <c:v>0.3913644895592997</c:v>
                </c:pt>
                <c:pt idx="5522">
                  <c:v>0.3913644895592997</c:v>
                </c:pt>
                <c:pt idx="5523">
                  <c:v>0.3913644895592997</c:v>
                </c:pt>
                <c:pt idx="5524">
                  <c:v>0.3913644895592997</c:v>
                </c:pt>
                <c:pt idx="5525">
                  <c:v>0.48920561194912465</c:v>
                </c:pt>
                <c:pt idx="5526">
                  <c:v>0.57617549851785799</c:v>
                </c:pt>
                <c:pt idx="5527">
                  <c:v>0.68488785672877461</c:v>
                </c:pt>
                <c:pt idx="5528">
                  <c:v>0.68488785672877461</c:v>
                </c:pt>
                <c:pt idx="5529">
                  <c:v>0.68488785672877461</c:v>
                </c:pt>
                <c:pt idx="5530">
                  <c:v>0.68488785672877461</c:v>
                </c:pt>
                <c:pt idx="5531">
                  <c:v>0.68488785672877461</c:v>
                </c:pt>
                <c:pt idx="5532">
                  <c:v>0.68488785672877461</c:v>
                </c:pt>
                <c:pt idx="5533">
                  <c:v>0.68488785672877461</c:v>
                </c:pt>
                <c:pt idx="5534">
                  <c:v>0.68488785672877461</c:v>
                </c:pt>
                <c:pt idx="5535">
                  <c:v>0.60878920598113295</c:v>
                </c:pt>
                <c:pt idx="5536">
                  <c:v>0.59791797016004133</c:v>
                </c:pt>
                <c:pt idx="5537">
                  <c:v>0.51094808359130806</c:v>
                </c:pt>
                <c:pt idx="5538">
                  <c:v>0.47833437612803309</c:v>
                </c:pt>
                <c:pt idx="5539">
                  <c:v>0.40223572538039143</c:v>
                </c:pt>
                <c:pt idx="5540">
                  <c:v>0.33700831045384144</c:v>
                </c:pt>
                <c:pt idx="5541">
                  <c:v>0.29352336716947486</c:v>
                </c:pt>
                <c:pt idx="5542">
                  <c:v>0.29352336716947486</c:v>
                </c:pt>
                <c:pt idx="5543">
                  <c:v>0.29352336716947486</c:v>
                </c:pt>
                <c:pt idx="5544">
                  <c:v>0.34878757311864445</c:v>
                </c:pt>
                <c:pt idx="5545">
                  <c:v>0.34878757311864445</c:v>
                </c:pt>
                <c:pt idx="5546">
                  <c:v>0.34878757311864445</c:v>
                </c:pt>
                <c:pt idx="5547">
                  <c:v>0.34878757311864445</c:v>
                </c:pt>
                <c:pt idx="5548">
                  <c:v>0.34878757311864445</c:v>
                </c:pt>
                <c:pt idx="5549">
                  <c:v>1.5114128168474594</c:v>
                </c:pt>
                <c:pt idx="5550">
                  <c:v>1.714872234500002</c:v>
                </c:pt>
                <c:pt idx="5551">
                  <c:v>1.714872234500002</c:v>
                </c:pt>
                <c:pt idx="5552">
                  <c:v>1.714872234500002</c:v>
                </c:pt>
                <c:pt idx="5553">
                  <c:v>1.8311347588728835</c:v>
                </c:pt>
                <c:pt idx="5554">
                  <c:v>1.8311347588728835</c:v>
                </c:pt>
                <c:pt idx="5555">
                  <c:v>2.3252504874576299</c:v>
                </c:pt>
                <c:pt idx="5556">
                  <c:v>2.3252504874576299</c:v>
                </c:pt>
                <c:pt idx="5557">
                  <c:v>1.5404784479406797</c:v>
                </c:pt>
                <c:pt idx="5558">
                  <c:v>2.3252504874576299</c:v>
                </c:pt>
                <c:pt idx="5559">
                  <c:v>2.3252504874576299</c:v>
                </c:pt>
                <c:pt idx="5560">
                  <c:v>2.3252504874576299</c:v>
                </c:pt>
                <c:pt idx="5561">
                  <c:v>2.3252504874576299</c:v>
                </c:pt>
                <c:pt idx="5562">
                  <c:v>2.3252504874576299</c:v>
                </c:pt>
                <c:pt idx="5563">
                  <c:v>1.9473972832457651</c:v>
                </c:pt>
                <c:pt idx="5564">
                  <c:v>1.5986097101271206</c:v>
                </c:pt>
                <c:pt idx="5565">
                  <c:v>1.1626252437288149</c:v>
                </c:pt>
                <c:pt idx="5566">
                  <c:v>1.1044939815423742</c:v>
                </c:pt>
                <c:pt idx="5567">
                  <c:v>1.1044939815423742</c:v>
                </c:pt>
                <c:pt idx="5568">
                  <c:v>1.0348301378477105</c:v>
                </c:pt>
                <c:pt idx="5569">
                  <c:v>1.0348301378477105</c:v>
                </c:pt>
                <c:pt idx="5570">
                  <c:v>1.0348301378477105</c:v>
                </c:pt>
                <c:pt idx="5571">
                  <c:v>1.0348301378477105</c:v>
                </c:pt>
                <c:pt idx="5572">
                  <c:v>1.0348301378477105</c:v>
                </c:pt>
                <c:pt idx="5573">
                  <c:v>1.3452791792020233</c:v>
                </c:pt>
                <c:pt idx="5574">
                  <c:v>1.5005036998791799</c:v>
                </c:pt>
                <c:pt idx="5575">
                  <c:v>1.5522452067715655</c:v>
                </c:pt>
                <c:pt idx="5576">
                  <c:v>1.5522452067715655</c:v>
                </c:pt>
                <c:pt idx="5577">
                  <c:v>1.6815989740025292</c:v>
                </c:pt>
                <c:pt idx="5578">
                  <c:v>1.7592112343411075</c:v>
                </c:pt>
                <c:pt idx="5579">
                  <c:v>2.069660275695421</c:v>
                </c:pt>
                <c:pt idx="5580">
                  <c:v>2.069660275695421</c:v>
                </c:pt>
                <c:pt idx="5581">
                  <c:v>2.069660275695421</c:v>
                </c:pt>
                <c:pt idx="5582">
                  <c:v>2.069660275695421</c:v>
                </c:pt>
                <c:pt idx="5583">
                  <c:v>2.069660275695421</c:v>
                </c:pt>
                <c:pt idx="5584">
                  <c:v>2.069660275695421</c:v>
                </c:pt>
                <c:pt idx="5585">
                  <c:v>2.069660275695421</c:v>
                </c:pt>
                <c:pt idx="5586">
                  <c:v>2.069660275695421</c:v>
                </c:pt>
                <c:pt idx="5587">
                  <c:v>1.7333404808949149</c:v>
                </c:pt>
                <c:pt idx="5588">
                  <c:v>1.4228914395406016</c:v>
                </c:pt>
                <c:pt idx="5589">
                  <c:v>1.0348301378477105</c:v>
                </c:pt>
                <c:pt idx="5590">
                  <c:v>1.0348301378477105</c:v>
                </c:pt>
                <c:pt idx="5591">
                  <c:v>1.0348301378477105</c:v>
                </c:pt>
                <c:pt idx="5592">
                  <c:v>0.92430267136145328</c:v>
                </c:pt>
                <c:pt idx="5593">
                  <c:v>1.0398405052816349</c:v>
                </c:pt>
                <c:pt idx="5594">
                  <c:v>1.0398405052816349</c:v>
                </c:pt>
                <c:pt idx="5595">
                  <c:v>1.0398405052816349</c:v>
                </c:pt>
                <c:pt idx="5596">
                  <c:v>1.0398405052816349</c:v>
                </c:pt>
                <c:pt idx="5597">
                  <c:v>1.3402388734741071</c:v>
                </c:pt>
                <c:pt idx="5598">
                  <c:v>1.5482069745304343</c:v>
                </c:pt>
                <c:pt idx="5599">
                  <c:v>1.5482069745304343</c:v>
                </c:pt>
                <c:pt idx="5600">
                  <c:v>1.5482069745304343</c:v>
                </c:pt>
                <c:pt idx="5601">
                  <c:v>1.6637448084506159</c:v>
                </c:pt>
                <c:pt idx="5602">
                  <c:v>1.8023902091548338</c:v>
                </c:pt>
                <c:pt idx="5603">
                  <c:v>2.0796810105632697</c:v>
                </c:pt>
                <c:pt idx="5604">
                  <c:v>2.0796810105632697</c:v>
                </c:pt>
                <c:pt idx="5605">
                  <c:v>2.0796810105632697</c:v>
                </c:pt>
                <c:pt idx="5606">
                  <c:v>2.0796810105632697</c:v>
                </c:pt>
                <c:pt idx="5607">
                  <c:v>2.0796810105632697</c:v>
                </c:pt>
                <c:pt idx="5608">
                  <c:v>2.0796810105632697</c:v>
                </c:pt>
                <c:pt idx="5609">
                  <c:v>2.0796810105632697</c:v>
                </c:pt>
                <c:pt idx="5610">
                  <c:v>2.0796810105632697</c:v>
                </c:pt>
                <c:pt idx="5611">
                  <c:v>1.733067508802725</c:v>
                </c:pt>
                <c:pt idx="5612">
                  <c:v>1.38645400704218</c:v>
                </c:pt>
                <c:pt idx="5613">
                  <c:v>1.0398405052816349</c:v>
                </c:pt>
                <c:pt idx="5614">
                  <c:v>1.0398405052816349</c:v>
                </c:pt>
                <c:pt idx="5615">
                  <c:v>1.0398405052816349</c:v>
                </c:pt>
                <c:pt idx="5616">
                  <c:v>1.0381858672878883</c:v>
                </c:pt>
                <c:pt idx="5617">
                  <c:v>1.0381858672878883</c:v>
                </c:pt>
                <c:pt idx="5618">
                  <c:v>1.0381858672878883</c:v>
                </c:pt>
                <c:pt idx="5619">
                  <c:v>1.0381858672878883</c:v>
                </c:pt>
                <c:pt idx="5620">
                  <c:v>1.0381858672878883</c:v>
                </c:pt>
                <c:pt idx="5621">
                  <c:v>1.3381062289488339</c:v>
                </c:pt>
                <c:pt idx="5622">
                  <c:v>1.5457434024064116</c:v>
                </c:pt>
                <c:pt idx="5623">
                  <c:v>1.5457434024064116</c:v>
                </c:pt>
                <c:pt idx="5624">
                  <c:v>1.5457434024064116</c:v>
                </c:pt>
                <c:pt idx="5625">
                  <c:v>1.6610973876606212</c:v>
                </c:pt>
                <c:pt idx="5626">
                  <c:v>1.7995221699656729</c:v>
                </c:pt>
                <c:pt idx="5627">
                  <c:v>2.0763717345757766</c:v>
                </c:pt>
                <c:pt idx="5628">
                  <c:v>2.0763717345757766</c:v>
                </c:pt>
                <c:pt idx="5629">
                  <c:v>2.0763717345757766</c:v>
                </c:pt>
                <c:pt idx="5630">
                  <c:v>2.0763717345757766</c:v>
                </c:pt>
                <c:pt idx="5631">
                  <c:v>2.0763717345757766</c:v>
                </c:pt>
                <c:pt idx="5632">
                  <c:v>2.0763717345757766</c:v>
                </c:pt>
                <c:pt idx="5633">
                  <c:v>2.0763717345757766</c:v>
                </c:pt>
                <c:pt idx="5634">
                  <c:v>2.0763717345757766</c:v>
                </c:pt>
                <c:pt idx="5635">
                  <c:v>1.730309778813147</c:v>
                </c:pt>
                <c:pt idx="5636">
                  <c:v>1.384247823050518</c:v>
                </c:pt>
                <c:pt idx="5637">
                  <c:v>1.0381858672878883</c:v>
                </c:pt>
                <c:pt idx="5638">
                  <c:v>1.0381858672878883</c:v>
                </c:pt>
                <c:pt idx="5639">
                  <c:v>1.0381858672878883</c:v>
                </c:pt>
                <c:pt idx="5640">
                  <c:v>1.1470574990039877</c:v>
                </c:pt>
                <c:pt idx="5641">
                  <c:v>1.1470574990039877</c:v>
                </c:pt>
                <c:pt idx="5642">
                  <c:v>1.1470574990039877</c:v>
                </c:pt>
                <c:pt idx="5643">
                  <c:v>1.1470574990039877</c:v>
                </c:pt>
                <c:pt idx="5644">
                  <c:v>1.1470574990039877</c:v>
                </c:pt>
                <c:pt idx="5645">
                  <c:v>1.4784296653829176</c:v>
                </c:pt>
                <c:pt idx="5646">
                  <c:v>1.7843116651173145</c:v>
                </c:pt>
                <c:pt idx="5647">
                  <c:v>1.7843116651173145</c:v>
                </c:pt>
                <c:pt idx="5648">
                  <c:v>1.7843116651173145</c:v>
                </c:pt>
                <c:pt idx="5649">
                  <c:v>1.9117624983399795</c:v>
                </c:pt>
                <c:pt idx="5650">
                  <c:v>1.9882329982735789</c:v>
                </c:pt>
                <c:pt idx="5651">
                  <c:v>2.2941149980079754</c:v>
                </c:pt>
                <c:pt idx="5652">
                  <c:v>2.2941149980079754</c:v>
                </c:pt>
                <c:pt idx="5653">
                  <c:v>2.2941149980079754</c:v>
                </c:pt>
                <c:pt idx="5654">
                  <c:v>2.2941149980079754</c:v>
                </c:pt>
                <c:pt idx="5655">
                  <c:v>1.9117624983399795</c:v>
                </c:pt>
                <c:pt idx="5656">
                  <c:v>1.8098018317618476</c:v>
                </c:pt>
                <c:pt idx="5657">
                  <c:v>1.8098018317618476</c:v>
                </c:pt>
                <c:pt idx="5658">
                  <c:v>1.8098018317618476</c:v>
                </c:pt>
                <c:pt idx="5659">
                  <c:v>1.8098018317618476</c:v>
                </c:pt>
                <c:pt idx="5660">
                  <c:v>1.4019591654493184</c:v>
                </c:pt>
                <c:pt idx="5661">
                  <c:v>0.53529349953519423</c:v>
                </c:pt>
                <c:pt idx="5662">
                  <c:v>0.53529349953519423</c:v>
                </c:pt>
                <c:pt idx="5663">
                  <c:v>0.53529349953519423</c:v>
                </c:pt>
                <c:pt idx="5664">
                  <c:v>0.20325981088369779</c:v>
                </c:pt>
                <c:pt idx="5665">
                  <c:v>0.39684058315388626</c:v>
                </c:pt>
                <c:pt idx="5666">
                  <c:v>0.39684058315388626</c:v>
                </c:pt>
                <c:pt idx="5667">
                  <c:v>0.39684058315388626</c:v>
                </c:pt>
                <c:pt idx="5668">
                  <c:v>0.39684058315388626</c:v>
                </c:pt>
                <c:pt idx="5669">
                  <c:v>0.49363096928898037</c:v>
                </c:pt>
                <c:pt idx="5670">
                  <c:v>0.61945847126460285</c:v>
                </c:pt>
                <c:pt idx="5671">
                  <c:v>0.70656981878618763</c:v>
                </c:pt>
                <c:pt idx="5672">
                  <c:v>0.70656981878618763</c:v>
                </c:pt>
                <c:pt idx="5673">
                  <c:v>0.70656981878618763</c:v>
                </c:pt>
                <c:pt idx="5674">
                  <c:v>0.70656981878618763</c:v>
                </c:pt>
                <c:pt idx="5675">
                  <c:v>0.70656981878618763</c:v>
                </c:pt>
                <c:pt idx="5676">
                  <c:v>0.70656981878618763</c:v>
                </c:pt>
                <c:pt idx="5677">
                  <c:v>0.70656981878618763</c:v>
                </c:pt>
                <c:pt idx="5678">
                  <c:v>0.70656981878618763</c:v>
                </c:pt>
                <c:pt idx="5679">
                  <c:v>0.63881654849162162</c:v>
                </c:pt>
                <c:pt idx="5680">
                  <c:v>0.5807423168105651</c:v>
                </c:pt>
                <c:pt idx="5681">
                  <c:v>0.52266808512950869</c:v>
                </c:pt>
                <c:pt idx="5682">
                  <c:v>0.50331000790248981</c:v>
                </c:pt>
                <c:pt idx="5683">
                  <c:v>0.40651962176739559</c:v>
                </c:pt>
                <c:pt idx="5684">
                  <c:v>0.30005019701879199</c:v>
                </c:pt>
                <c:pt idx="5685">
                  <c:v>0.30005019701879199</c:v>
                </c:pt>
                <c:pt idx="5686">
                  <c:v>0.30005019701879199</c:v>
                </c:pt>
                <c:pt idx="5687">
                  <c:v>0.30005019701879199</c:v>
                </c:pt>
                <c:pt idx="5688">
                  <c:v>0.34865041961772225</c:v>
                </c:pt>
                <c:pt idx="5689">
                  <c:v>0.40488435826574193</c:v>
                </c:pt>
                <c:pt idx="5690">
                  <c:v>0.40488435826574193</c:v>
                </c:pt>
                <c:pt idx="5691">
                  <c:v>0.40488435826574193</c:v>
                </c:pt>
                <c:pt idx="5692">
                  <c:v>0.40488435826574193</c:v>
                </c:pt>
                <c:pt idx="5693">
                  <c:v>0.50610544783217737</c:v>
                </c:pt>
                <c:pt idx="5694">
                  <c:v>0.59607974966900901</c:v>
                </c:pt>
                <c:pt idx="5695">
                  <c:v>0.70854762696504836</c:v>
                </c:pt>
                <c:pt idx="5696">
                  <c:v>0.70854762696504836</c:v>
                </c:pt>
                <c:pt idx="5697">
                  <c:v>0.70854762696504836</c:v>
                </c:pt>
                <c:pt idx="5698">
                  <c:v>0.70854762696504836</c:v>
                </c:pt>
                <c:pt idx="5699">
                  <c:v>0.70854762696504836</c:v>
                </c:pt>
                <c:pt idx="5700">
                  <c:v>0.70854762696504836</c:v>
                </c:pt>
                <c:pt idx="5701">
                  <c:v>0.70854762696504836</c:v>
                </c:pt>
                <c:pt idx="5702">
                  <c:v>0.70854762696504836</c:v>
                </c:pt>
                <c:pt idx="5703">
                  <c:v>0.6298201128578208</c:v>
                </c:pt>
                <c:pt idx="5704">
                  <c:v>0.61857332512821694</c:v>
                </c:pt>
                <c:pt idx="5705">
                  <c:v>0.52859902329138542</c:v>
                </c:pt>
                <c:pt idx="5706">
                  <c:v>0.49485866010257351</c:v>
                </c:pt>
                <c:pt idx="5707">
                  <c:v>0.4161311459953459</c:v>
                </c:pt>
                <c:pt idx="5708">
                  <c:v>0.34865041961772225</c:v>
                </c:pt>
                <c:pt idx="5709">
                  <c:v>0.30366326869930649</c:v>
                </c:pt>
                <c:pt idx="5710">
                  <c:v>0.30366326869930649</c:v>
                </c:pt>
                <c:pt idx="5711">
                  <c:v>0.30366326869930649</c:v>
                </c:pt>
                <c:pt idx="5712">
                  <c:v>0.35328522422107567</c:v>
                </c:pt>
                <c:pt idx="5713">
                  <c:v>0.35328522422107567</c:v>
                </c:pt>
                <c:pt idx="5714">
                  <c:v>0.35328522422107567</c:v>
                </c:pt>
                <c:pt idx="5715">
                  <c:v>0.35328522422107567</c:v>
                </c:pt>
                <c:pt idx="5716">
                  <c:v>0.35328522422107567</c:v>
                </c:pt>
                <c:pt idx="5717">
                  <c:v>1.5309026382913278</c:v>
                </c:pt>
                <c:pt idx="5718">
                  <c:v>1.7369856857536219</c:v>
                </c:pt>
                <c:pt idx="5719">
                  <c:v>1.7369856857536219</c:v>
                </c:pt>
                <c:pt idx="5720">
                  <c:v>1.7369856857536219</c:v>
                </c:pt>
                <c:pt idx="5721">
                  <c:v>1.8547474271606472</c:v>
                </c:pt>
                <c:pt idx="5722">
                  <c:v>1.8547474271606472</c:v>
                </c:pt>
                <c:pt idx="5723">
                  <c:v>2.3552348281405044</c:v>
                </c:pt>
                <c:pt idx="5724">
                  <c:v>2.3552348281405044</c:v>
                </c:pt>
                <c:pt idx="5725">
                  <c:v>1.5603430736430841</c:v>
                </c:pt>
                <c:pt idx="5726">
                  <c:v>2.3552348281405044</c:v>
                </c:pt>
                <c:pt idx="5727">
                  <c:v>2.3552348281405044</c:v>
                </c:pt>
                <c:pt idx="5728">
                  <c:v>2.3552348281405044</c:v>
                </c:pt>
                <c:pt idx="5729">
                  <c:v>2.3552348281405044</c:v>
                </c:pt>
                <c:pt idx="5730">
                  <c:v>2.3552348281405044</c:v>
                </c:pt>
                <c:pt idx="5731">
                  <c:v>1.9725091685676726</c:v>
                </c:pt>
                <c:pt idx="5732">
                  <c:v>1.6192239443465966</c:v>
                </c:pt>
                <c:pt idx="5733">
                  <c:v>1.1776174140702522</c:v>
                </c:pt>
                <c:pt idx="5734">
                  <c:v>1.1187365433667398</c:v>
                </c:pt>
                <c:pt idx="5735">
                  <c:v>1.1187365433667398</c:v>
                </c:pt>
                <c:pt idx="5736">
                  <c:v>1.0410113184387171</c:v>
                </c:pt>
                <c:pt idx="5737">
                  <c:v>1.0410113184387171</c:v>
                </c:pt>
                <c:pt idx="5738">
                  <c:v>1.0410113184387171</c:v>
                </c:pt>
                <c:pt idx="5739">
                  <c:v>1.0410113184387171</c:v>
                </c:pt>
                <c:pt idx="5740">
                  <c:v>1.0410113184387171</c:v>
                </c:pt>
                <c:pt idx="5741">
                  <c:v>1.3533147139703321</c:v>
                </c:pt>
                <c:pt idx="5742">
                  <c:v>1.5094664117361394</c:v>
                </c:pt>
                <c:pt idx="5743">
                  <c:v>1.5615169776580753</c:v>
                </c:pt>
                <c:pt idx="5744">
                  <c:v>1.5615169776580753</c:v>
                </c:pt>
                <c:pt idx="5745">
                  <c:v>1.6916433924629151</c:v>
                </c:pt>
                <c:pt idx="5746">
                  <c:v>1.7697192413458187</c:v>
                </c:pt>
                <c:pt idx="5747">
                  <c:v>2.0820226368774342</c:v>
                </c:pt>
                <c:pt idx="5748">
                  <c:v>2.0820226368774342</c:v>
                </c:pt>
                <c:pt idx="5749">
                  <c:v>2.0820226368774342</c:v>
                </c:pt>
                <c:pt idx="5750">
                  <c:v>2.0820226368774342</c:v>
                </c:pt>
                <c:pt idx="5751">
                  <c:v>2.0820226368774342</c:v>
                </c:pt>
                <c:pt idx="5752">
                  <c:v>2.0820226368774342</c:v>
                </c:pt>
                <c:pt idx="5753">
                  <c:v>2.0820226368774342</c:v>
                </c:pt>
                <c:pt idx="5754">
                  <c:v>2.0820226368774342</c:v>
                </c:pt>
                <c:pt idx="5755">
                  <c:v>1.743693958384851</c:v>
                </c:pt>
                <c:pt idx="5756">
                  <c:v>1.4313905628532357</c:v>
                </c:pt>
                <c:pt idx="5757">
                  <c:v>1.0410113184387171</c:v>
                </c:pt>
                <c:pt idx="5758">
                  <c:v>1.0410113184387171</c:v>
                </c:pt>
                <c:pt idx="5759">
                  <c:v>1.0410113184387171</c:v>
                </c:pt>
                <c:pt idx="5760">
                  <c:v>0.9284403208151305</c:v>
                </c:pt>
                <c:pt idx="5761">
                  <c:v>1.0444953609170218</c:v>
                </c:pt>
                <c:pt idx="5762">
                  <c:v>1.0444953609170218</c:v>
                </c:pt>
                <c:pt idx="5763">
                  <c:v>1.0444953609170218</c:v>
                </c:pt>
                <c:pt idx="5764">
                  <c:v>1.0444953609170218</c:v>
                </c:pt>
                <c:pt idx="5765">
                  <c:v>1.3462384651819392</c:v>
                </c:pt>
                <c:pt idx="5766">
                  <c:v>1.5551375373653438</c:v>
                </c:pt>
                <c:pt idx="5767">
                  <c:v>1.5551375373653438</c:v>
                </c:pt>
                <c:pt idx="5768">
                  <c:v>1.5551375373653438</c:v>
                </c:pt>
                <c:pt idx="5769">
                  <c:v>1.6711925774672352</c:v>
                </c:pt>
                <c:pt idx="5770">
                  <c:v>1.8104586255895048</c:v>
                </c:pt>
                <c:pt idx="5771">
                  <c:v>2.0889907218340436</c:v>
                </c:pt>
                <c:pt idx="5772">
                  <c:v>2.0889907218340436</c:v>
                </c:pt>
                <c:pt idx="5773">
                  <c:v>2.0889907218340436</c:v>
                </c:pt>
                <c:pt idx="5774">
                  <c:v>2.0889907218340436</c:v>
                </c:pt>
                <c:pt idx="5775">
                  <c:v>2.0889907218340436</c:v>
                </c:pt>
                <c:pt idx="5776">
                  <c:v>2.0889907218340436</c:v>
                </c:pt>
                <c:pt idx="5777">
                  <c:v>2.0889907218340436</c:v>
                </c:pt>
                <c:pt idx="5778">
                  <c:v>2.0889907218340436</c:v>
                </c:pt>
                <c:pt idx="5779">
                  <c:v>1.7408256015283698</c:v>
                </c:pt>
                <c:pt idx="5780">
                  <c:v>1.3926604812226959</c:v>
                </c:pt>
                <c:pt idx="5781">
                  <c:v>1.0444953609170218</c:v>
                </c:pt>
                <c:pt idx="5782">
                  <c:v>1.0444953609170218</c:v>
                </c:pt>
                <c:pt idx="5783">
                  <c:v>1.0444953609170218</c:v>
                </c:pt>
                <c:pt idx="5784">
                  <c:v>1.0443732328656314</c:v>
                </c:pt>
                <c:pt idx="5785">
                  <c:v>1.0443732328656314</c:v>
                </c:pt>
                <c:pt idx="5786">
                  <c:v>1.0443732328656314</c:v>
                </c:pt>
                <c:pt idx="5787">
                  <c:v>1.0443732328656314</c:v>
                </c:pt>
                <c:pt idx="5788">
                  <c:v>1.0443732328656314</c:v>
                </c:pt>
                <c:pt idx="5789">
                  <c:v>1.3460810556934808</c:v>
                </c:pt>
                <c:pt idx="5790">
                  <c:v>1.5549557022666072</c:v>
                </c:pt>
                <c:pt idx="5791">
                  <c:v>1.5549557022666072</c:v>
                </c:pt>
                <c:pt idx="5792">
                  <c:v>1.5549557022666072</c:v>
                </c:pt>
                <c:pt idx="5793">
                  <c:v>1.6709971725850108</c:v>
                </c:pt>
                <c:pt idx="5794">
                  <c:v>1.8102469369670948</c:v>
                </c:pt>
                <c:pt idx="5795">
                  <c:v>2.0887464657312629</c:v>
                </c:pt>
                <c:pt idx="5796">
                  <c:v>2.0887464657312629</c:v>
                </c:pt>
                <c:pt idx="5797">
                  <c:v>2.0887464657312629</c:v>
                </c:pt>
                <c:pt idx="5798">
                  <c:v>2.0887464657312629</c:v>
                </c:pt>
                <c:pt idx="5799">
                  <c:v>2.0887464657312629</c:v>
                </c:pt>
                <c:pt idx="5800">
                  <c:v>2.0887464657312629</c:v>
                </c:pt>
                <c:pt idx="5801">
                  <c:v>2.0887464657312629</c:v>
                </c:pt>
                <c:pt idx="5802">
                  <c:v>2.0887464657312629</c:v>
                </c:pt>
                <c:pt idx="5803">
                  <c:v>1.7406220547760527</c:v>
                </c:pt>
                <c:pt idx="5804">
                  <c:v>1.3924976438208423</c:v>
                </c:pt>
                <c:pt idx="5805">
                  <c:v>1.0443732328656314</c:v>
                </c:pt>
                <c:pt idx="5806">
                  <c:v>1.0443732328656314</c:v>
                </c:pt>
                <c:pt idx="5807">
                  <c:v>1.0443732328656314</c:v>
                </c:pt>
                <c:pt idx="5808">
                  <c:v>1.1555270553915931</c:v>
                </c:pt>
                <c:pt idx="5809">
                  <c:v>1.1555270553915931</c:v>
                </c:pt>
                <c:pt idx="5810">
                  <c:v>1.1555270553915931</c:v>
                </c:pt>
                <c:pt idx="5811">
                  <c:v>1.1555270553915931</c:v>
                </c:pt>
                <c:pt idx="5812">
                  <c:v>1.1555270553915931</c:v>
                </c:pt>
                <c:pt idx="5813">
                  <c:v>1.4893459825047204</c:v>
                </c:pt>
                <c:pt idx="5814">
                  <c:v>1.7974865306091454</c:v>
                </c:pt>
                <c:pt idx="5815">
                  <c:v>1.7974865306091454</c:v>
                </c:pt>
                <c:pt idx="5816">
                  <c:v>1.7974865306091454</c:v>
                </c:pt>
                <c:pt idx="5817">
                  <c:v>1.9258784256526553</c:v>
                </c:pt>
                <c:pt idx="5818">
                  <c:v>2.0029135626787617</c:v>
                </c:pt>
                <c:pt idx="5819">
                  <c:v>2.3110541107831861</c:v>
                </c:pt>
                <c:pt idx="5820">
                  <c:v>2.3110541107831861</c:v>
                </c:pt>
                <c:pt idx="5821">
                  <c:v>2.3110541107831861</c:v>
                </c:pt>
                <c:pt idx="5822">
                  <c:v>2.3110541107831861</c:v>
                </c:pt>
                <c:pt idx="5823">
                  <c:v>1.9258784256526553</c:v>
                </c:pt>
                <c:pt idx="5824">
                  <c:v>1.8231649096178475</c:v>
                </c:pt>
                <c:pt idx="5825">
                  <c:v>1.8231649096178475</c:v>
                </c:pt>
                <c:pt idx="5826">
                  <c:v>1.8231649096178475</c:v>
                </c:pt>
                <c:pt idx="5827">
                  <c:v>1.8231649096178475</c:v>
                </c:pt>
                <c:pt idx="5828">
                  <c:v>1.412310845478614</c:v>
                </c:pt>
                <c:pt idx="5829">
                  <c:v>0.53924595918274354</c:v>
                </c:pt>
                <c:pt idx="5830">
                  <c:v>0.53924595918274354</c:v>
                </c:pt>
                <c:pt idx="5831">
                  <c:v>0.53924595918274354</c:v>
                </c:pt>
                <c:pt idx="5832">
                  <c:v>0.24258456386848742</c:v>
                </c:pt>
                <c:pt idx="5833">
                  <c:v>0.47361748183847546</c:v>
                </c:pt>
                <c:pt idx="5834">
                  <c:v>0.47361748183847546</c:v>
                </c:pt>
                <c:pt idx="5835">
                  <c:v>0.47361748183847546</c:v>
                </c:pt>
                <c:pt idx="5836">
                  <c:v>0.47361748183847546</c:v>
                </c:pt>
                <c:pt idx="5837">
                  <c:v>0.58913394082346959</c:v>
                </c:pt>
                <c:pt idx="5838">
                  <c:v>0.73930533750396177</c:v>
                </c:pt>
                <c:pt idx="5839">
                  <c:v>0.84327015059045629</c:v>
                </c:pt>
                <c:pt idx="5840">
                  <c:v>0.84327015059045629</c:v>
                </c:pt>
                <c:pt idx="5841">
                  <c:v>0.84327015059045629</c:v>
                </c:pt>
                <c:pt idx="5842">
                  <c:v>0.84327015059045629</c:v>
                </c:pt>
                <c:pt idx="5843">
                  <c:v>0.84327015059045629</c:v>
                </c:pt>
                <c:pt idx="5844">
                  <c:v>0.84327015059045629</c:v>
                </c:pt>
                <c:pt idx="5845">
                  <c:v>0.84327015059045629</c:v>
                </c:pt>
                <c:pt idx="5846">
                  <c:v>0.84327015059045629</c:v>
                </c:pt>
                <c:pt idx="5847">
                  <c:v>0.76240862930096054</c:v>
                </c:pt>
                <c:pt idx="5848">
                  <c:v>0.69309875390996412</c:v>
                </c:pt>
                <c:pt idx="5849">
                  <c:v>0.62378887851896769</c:v>
                </c:pt>
                <c:pt idx="5850">
                  <c:v>0.60068558672196881</c:v>
                </c:pt>
                <c:pt idx="5851">
                  <c:v>0.48516912773697485</c:v>
                </c:pt>
                <c:pt idx="5852">
                  <c:v>0.35810102285348144</c:v>
                </c:pt>
                <c:pt idx="5853">
                  <c:v>0.35810102285348144</c:v>
                </c:pt>
                <c:pt idx="5854">
                  <c:v>0.35810102285348144</c:v>
                </c:pt>
                <c:pt idx="5855">
                  <c:v>0.35810102285348144</c:v>
                </c:pt>
                <c:pt idx="5856">
                  <c:v>0.43129915229202309</c:v>
                </c:pt>
                <c:pt idx="5857">
                  <c:v>0.50086353169396236</c:v>
                </c:pt>
                <c:pt idx="5858">
                  <c:v>0.50086353169396236</c:v>
                </c:pt>
                <c:pt idx="5859">
                  <c:v>0.50086353169396236</c:v>
                </c:pt>
                <c:pt idx="5860">
                  <c:v>0.50086353169396236</c:v>
                </c:pt>
                <c:pt idx="5861">
                  <c:v>0.62607941461745287</c:v>
                </c:pt>
                <c:pt idx="5862">
                  <c:v>0.73738242166055568</c:v>
                </c:pt>
                <c:pt idx="5863">
                  <c:v>0.8765111804644341</c:v>
                </c:pt>
                <c:pt idx="5864">
                  <c:v>0.8765111804644341</c:v>
                </c:pt>
                <c:pt idx="5865">
                  <c:v>0.8765111804644341</c:v>
                </c:pt>
                <c:pt idx="5866">
                  <c:v>0.8765111804644341</c:v>
                </c:pt>
                <c:pt idx="5867">
                  <c:v>0.8765111804644341</c:v>
                </c:pt>
                <c:pt idx="5868">
                  <c:v>0.8765111804644341</c:v>
                </c:pt>
                <c:pt idx="5869">
                  <c:v>0.8765111804644341</c:v>
                </c:pt>
                <c:pt idx="5870">
                  <c:v>0.8765111804644341</c:v>
                </c:pt>
                <c:pt idx="5871">
                  <c:v>0.77912104930171922</c:v>
                </c:pt>
                <c:pt idx="5872">
                  <c:v>0.76520817342133129</c:v>
                </c:pt>
                <c:pt idx="5873">
                  <c:v>0.6539051663782286</c:v>
                </c:pt>
                <c:pt idx="5874">
                  <c:v>0.61216653873706506</c:v>
                </c:pt>
                <c:pt idx="5875">
                  <c:v>0.51477640757435017</c:v>
                </c:pt>
                <c:pt idx="5876">
                  <c:v>0.43129915229202309</c:v>
                </c:pt>
                <c:pt idx="5877">
                  <c:v>0.3756476487704718</c:v>
                </c:pt>
                <c:pt idx="5878">
                  <c:v>0.3756476487704718</c:v>
                </c:pt>
                <c:pt idx="5879">
                  <c:v>0.3756476487704718</c:v>
                </c:pt>
                <c:pt idx="5880">
                  <c:v>0.36333879727356894</c:v>
                </c:pt>
                <c:pt idx="5881">
                  <c:v>0.36333879727356894</c:v>
                </c:pt>
                <c:pt idx="5882">
                  <c:v>0.36333879727356894</c:v>
                </c:pt>
                <c:pt idx="5883">
                  <c:v>0.36333879727356894</c:v>
                </c:pt>
                <c:pt idx="5884">
                  <c:v>0.36333879727356894</c:v>
                </c:pt>
                <c:pt idx="5885">
                  <c:v>1.5744681215187988</c:v>
                </c:pt>
                <c:pt idx="5886">
                  <c:v>1.786415753261714</c:v>
                </c:pt>
                <c:pt idx="5887">
                  <c:v>1.786415753261714</c:v>
                </c:pt>
                <c:pt idx="5888">
                  <c:v>1.786415753261714</c:v>
                </c:pt>
                <c:pt idx="5889">
                  <c:v>1.907528685686237</c:v>
                </c:pt>
                <c:pt idx="5890">
                  <c:v>1.907528685686237</c:v>
                </c:pt>
                <c:pt idx="5891">
                  <c:v>2.4222586484904598</c:v>
                </c:pt>
                <c:pt idx="5892">
                  <c:v>2.4222586484904598</c:v>
                </c:pt>
                <c:pt idx="5893">
                  <c:v>1.6047463546249296</c:v>
                </c:pt>
                <c:pt idx="5894">
                  <c:v>2.4222586484904598</c:v>
                </c:pt>
                <c:pt idx="5895">
                  <c:v>2.4222586484904598</c:v>
                </c:pt>
                <c:pt idx="5896">
                  <c:v>2.4222586484904598</c:v>
                </c:pt>
                <c:pt idx="5897">
                  <c:v>2.4222586484904598</c:v>
                </c:pt>
                <c:pt idx="5898">
                  <c:v>2.4222586484904598</c:v>
                </c:pt>
                <c:pt idx="5899">
                  <c:v>2.0286416181107603</c:v>
                </c:pt>
                <c:pt idx="5900">
                  <c:v>1.6653028208371909</c:v>
                </c:pt>
                <c:pt idx="5901">
                  <c:v>1.2111293242452299</c:v>
                </c:pt>
                <c:pt idx="5902">
                  <c:v>1.1505728580329684</c:v>
                </c:pt>
                <c:pt idx="5903">
                  <c:v>1.1505728580329684</c:v>
                </c:pt>
                <c:pt idx="5904">
                  <c:v>1.0533736796207303</c:v>
                </c:pt>
                <c:pt idx="5905">
                  <c:v>1.0533736796207303</c:v>
                </c:pt>
                <c:pt idx="5906">
                  <c:v>1.0533736796207303</c:v>
                </c:pt>
                <c:pt idx="5907">
                  <c:v>1.0533736796207303</c:v>
                </c:pt>
                <c:pt idx="5908">
                  <c:v>1.0533736796207303</c:v>
                </c:pt>
                <c:pt idx="5909">
                  <c:v>1.3693857835069492</c:v>
                </c:pt>
                <c:pt idx="5910">
                  <c:v>1.5273918354500589</c:v>
                </c:pt>
                <c:pt idx="5911">
                  <c:v>1.5800605194310955</c:v>
                </c:pt>
                <c:pt idx="5912">
                  <c:v>1.5800605194310955</c:v>
                </c:pt>
                <c:pt idx="5913">
                  <c:v>1.7117322293836865</c:v>
                </c:pt>
                <c:pt idx="5914">
                  <c:v>1.7907352553552414</c:v>
                </c:pt>
                <c:pt idx="5915">
                  <c:v>2.1067473592414605</c:v>
                </c:pt>
                <c:pt idx="5916">
                  <c:v>2.1067473592414605</c:v>
                </c:pt>
                <c:pt idx="5917">
                  <c:v>2.1067473592414605</c:v>
                </c:pt>
                <c:pt idx="5918">
                  <c:v>2.1067473592414605</c:v>
                </c:pt>
                <c:pt idx="5919">
                  <c:v>2.1067473592414605</c:v>
                </c:pt>
                <c:pt idx="5920">
                  <c:v>2.1067473592414605</c:v>
                </c:pt>
                <c:pt idx="5921">
                  <c:v>2.1067473592414605</c:v>
                </c:pt>
                <c:pt idx="5922">
                  <c:v>2.1067473592414605</c:v>
                </c:pt>
                <c:pt idx="5923">
                  <c:v>1.7644009133647232</c:v>
                </c:pt>
                <c:pt idx="5924">
                  <c:v>1.448388809478504</c:v>
                </c:pt>
                <c:pt idx="5925">
                  <c:v>1.0533736796207303</c:v>
                </c:pt>
                <c:pt idx="5926">
                  <c:v>1.0533736796207303</c:v>
                </c:pt>
                <c:pt idx="5927">
                  <c:v>1.0533736796207303</c:v>
                </c:pt>
                <c:pt idx="5928">
                  <c:v>0.95602465050631191</c:v>
                </c:pt>
                <c:pt idx="5929">
                  <c:v>1.075527731819601</c:v>
                </c:pt>
                <c:pt idx="5930">
                  <c:v>1.075527731819601</c:v>
                </c:pt>
                <c:pt idx="5931">
                  <c:v>1.075527731819601</c:v>
                </c:pt>
                <c:pt idx="5932">
                  <c:v>1.075527731819601</c:v>
                </c:pt>
                <c:pt idx="5933">
                  <c:v>1.3862357432341523</c:v>
                </c:pt>
                <c:pt idx="5934">
                  <c:v>1.6013412895980728</c:v>
                </c:pt>
                <c:pt idx="5935">
                  <c:v>1.6013412895980728</c:v>
                </c:pt>
                <c:pt idx="5936">
                  <c:v>1.6013412895980728</c:v>
                </c:pt>
                <c:pt idx="5937">
                  <c:v>1.7208443709113614</c:v>
                </c:pt>
                <c:pt idx="5938">
                  <c:v>1.8642480684873082</c:v>
                </c:pt>
                <c:pt idx="5939">
                  <c:v>2.1510554636392021</c:v>
                </c:pt>
                <c:pt idx="5940">
                  <c:v>2.1510554636392021</c:v>
                </c:pt>
                <c:pt idx="5941">
                  <c:v>2.1510554636392021</c:v>
                </c:pt>
                <c:pt idx="5942">
                  <c:v>2.1510554636392021</c:v>
                </c:pt>
                <c:pt idx="5943">
                  <c:v>2.1510554636392021</c:v>
                </c:pt>
                <c:pt idx="5944">
                  <c:v>2.1510554636392021</c:v>
                </c:pt>
                <c:pt idx="5945">
                  <c:v>2.1510554636392021</c:v>
                </c:pt>
                <c:pt idx="5946">
                  <c:v>2.1510554636392021</c:v>
                </c:pt>
                <c:pt idx="5947">
                  <c:v>1.7925462196993351</c:v>
                </c:pt>
                <c:pt idx="5948">
                  <c:v>1.4340369757594682</c:v>
                </c:pt>
                <c:pt idx="5949">
                  <c:v>1.075527731819601</c:v>
                </c:pt>
                <c:pt idx="5950">
                  <c:v>1.075527731819601</c:v>
                </c:pt>
                <c:pt idx="5951">
                  <c:v>1.075527731819601</c:v>
                </c:pt>
                <c:pt idx="5952">
                  <c:v>1.0582948054155543</c:v>
                </c:pt>
                <c:pt idx="5953">
                  <c:v>1.0582948054155543</c:v>
                </c:pt>
                <c:pt idx="5954">
                  <c:v>1.0582948054155543</c:v>
                </c:pt>
                <c:pt idx="5955">
                  <c:v>1.0582948054155543</c:v>
                </c:pt>
                <c:pt idx="5956">
                  <c:v>1.0582948054155543</c:v>
                </c:pt>
                <c:pt idx="5957">
                  <c:v>1.3640244158689365</c:v>
                </c:pt>
                <c:pt idx="5958">
                  <c:v>1.5756833769520475</c:v>
                </c:pt>
                <c:pt idx="5959">
                  <c:v>1.5756833769520475</c:v>
                </c:pt>
                <c:pt idx="5960">
                  <c:v>1.5756833769520475</c:v>
                </c:pt>
                <c:pt idx="5961">
                  <c:v>1.6932716886648869</c:v>
                </c:pt>
                <c:pt idx="5962">
                  <c:v>1.8343776627202939</c:v>
                </c:pt>
                <c:pt idx="5963">
                  <c:v>2.1165896108311086</c:v>
                </c:pt>
                <c:pt idx="5964">
                  <c:v>2.1165896108311086</c:v>
                </c:pt>
                <c:pt idx="5965">
                  <c:v>2.1165896108311086</c:v>
                </c:pt>
                <c:pt idx="5966">
                  <c:v>2.1165896108311086</c:v>
                </c:pt>
                <c:pt idx="5967">
                  <c:v>2.1165896108311086</c:v>
                </c:pt>
                <c:pt idx="5968">
                  <c:v>2.1165896108311086</c:v>
                </c:pt>
                <c:pt idx="5969">
                  <c:v>2.1165896108311086</c:v>
                </c:pt>
                <c:pt idx="5970">
                  <c:v>2.1165896108311086</c:v>
                </c:pt>
                <c:pt idx="5971">
                  <c:v>1.7638246756925906</c:v>
                </c:pt>
                <c:pt idx="5972">
                  <c:v>1.4110597405540726</c:v>
                </c:pt>
                <c:pt idx="5973">
                  <c:v>1.0582948054155543</c:v>
                </c:pt>
                <c:pt idx="5974">
                  <c:v>1.0582948054155543</c:v>
                </c:pt>
                <c:pt idx="5975">
                  <c:v>1.0582948054155543</c:v>
                </c:pt>
                <c:pt idx="5976">
                  <c:v>1.152139232836551</c:v>
                </c:pt>
                <c:pt idx="5977">
                  <c:v>1.152139232836551</c:v>
                </c:pt>
                <c:pt idx="5978">
                  <c:v>1.152139232836551</c:v>
                </c:pt>
                <c:pt idx="5979">
                  <c:v>1.152139232836551</c:v>
                </c:pt>
                <c:pt idx="5980">
                  <c:v>1.152139232836551</c:v>
                </c:pt>
                <c:pt idx="5981">
                  <c:v>1.484979455655999</c:v>
                </c:pt>
                <c:pt idx="5982">
                  <c:v>1.7922165844124129</c:v>
                </c:pt>
                <c:pt idx="5983">
                  <c:v>1.7922165844124129</c:v>
                </c:pt>
                <c:pt idx="5984">
                  <c:v>1.7922165844124129</c:v>
                </c:pt>
                <c:pt idx="5985">
                  <c:v>1.9202320547275851</c:v>
                </c:pt>
                <c:pt idx="5986">
                  <c:v>1.9970413369166886</c:v>
                </c:pt>
                <c:pt idx="5987">
                  <c:v>2.3042784656731019</c:v>
                </c:pt>
                <c:pt idx="5988">
                  <c:v>2.3042784656731019</c:v>
                </c:pt>
                <c:pt idx="5989">
                  <c:v>2.3042784656731019</c:v>
                </c:pt>
                <c:pt idx="5990">
                  <c:v>2.3042784656731019</c:v>
                </c:pt>
                <c:pt idx="5991">
                  <c:v>1.9202320547275851</c:v>
                </c:pt>
                <c:pt idx="5992">
                  <c:v>1.8178196784754475</c:v>
                </c:pt>
                <c:pt idx="5993">
                  <c:v>1.8178196784754475</c:v>
                </c:pt>
                <c:pt idx="5994">
                  <c:v>1.8178196784754475</c:v>
                </c:pt>
                <c:pt idx="5995">
                  <c:v>1.8178196784754475</c:v>
                </c:pt>
                <c:pt idx="5996">
                  <c:v>1.4081701734668959</c:v>
                </c:pt>
                <c:pt idx="5997">
                  <c:v>0.53766497532372381</c:v>
                </c:pt>
                <c:pt idx="5998">
                  <c:v>0.53766497532372381</c:v>
                </c:pt>
                <c:pt idx="5999">
                  <c:v>0.53766497532372381</c:v>
                </c:pt>
                <c:pt idx="6000">
                  <c:v>0.22230007856012809</c:v>
                </c:pt>
                <c:pt idx="6001">
                  <c:v>0.4340144390935835</c:v>
                </c:pt>
                <c:pt idx="6002">
                  <c:v>0.4340144390935835</c:v>
                </c:pt>
                <c:pt idx="6003">
                  <c:v>0.4340144390935835</c:v>
                </c:pt>
                <c:pt idx="6004">
                  <c:v>0.4340144390935835</c:v>
                </c:pt>
                <c:pt idx="6005">
                  <c:v>0.53987161936031114</c:v>
                </c:pt>
                <c:pt idx="6006">
                  <c:v>0.67748595370705722</c:v>
                </c:pt>
                <c:pt idx="6007">
                  <c:v>0.77275741594711211</c:v>
                </c:pt>
                <c:pt idx="6008">
                  <c:v>0.77275741594711211</c:v>
                </c:pt>
                <c:pt idx="6009">
                  <c:v>0.77275741594711211</c:v>
                </c:pt>
                <c:pt idx="6010">
                  <c:v>0.77275741594711211</c:v>
                </c:pt>
                <c:pt idx="6011">
                  <c:v>0.77275741594711211</c:v>
                </c:pt>
                <c:pt idx="6012">
                  <c:v>0.77275741594711211</c:v>
                </c:pt>
                <c:pt idx="6013">
                  <c:v>0.77275741594711211</c:v>
                </c:pt>
                <c:pt idx="6014">
                  <c:v>0.77275741594711211</c:v>
                </c:pt>
                <c:pt idx="6015">
                  <c:v>0.6986573897604027</c:v>
                </c:pt>
                <c:pt idx="6016">
                  <c:v>0.63514308160036614</c:v>
                </c:pt>
                <c:pt idx="6017">
                  <c:v>0.57162877344032947</c:v>
                </c:pt>
                <c:pt idx="6018">
                  <c:v>0.55045733738698388</c:v>
                </c:pt>
                <c:pt idx="6019">
                  <c:v>0.44460015712025619</c:v>
                </c:pt>
                <c:pt idx="6020">
                  <c:v>0.32815725882685581</c:v>
                </c:pt>
                <c:pt idx="6021">
                  <c:v>0.32815725882685581</c:v>
                </c:pt>
                <c:pt idx="6022">
                  <c:v>0.32815725882685581</c:v>
                </c:pt>
                <c:pt idx="6023">
                  <c:v>0.32815725882685581</c:v>
                </c:pt>
                <c:pt idx="6024">
                  <c:v>0.34090003449460593</c:v>
                </c:pt>
                <c:pt idx="6025">
                  <c:v>0.39588391102599396</c:v>
                </c:pt>
                <c:pt idx="6026">
                  <c:v>0.39588391102599396</c:v>
                </c:pt>
                <c:pt idx="6027">
                  <c:v>0.39588391102599396</c:v>
                </c:pt>
                <c:pt idx="6028">
                  <c:v>0.39588391102599396</c:v>
                </c:pt>
                <c:pt idx="6029">
                  <c:v>0.49485488878249245</c:v>
                </c:pt>
                <c:pt idx="6030">
                  <c:v>0.58282909123271343</c:v>
                </c:pt>
                <c:pt idx="6031">
                  <c:v>0.69279684429548949</c:v>
                </c:pt>
                <c:pt idx="6032">
                  <c:v>0.69279684429548949</c:v>
                </c:pt>
                <c:pt idx="6033">
                  <c:v>0.69279684429548949</c:v>
                </c:pt>
                <c:pt idx="6034">
                  <c:v>0.69279684429548949</c:v>
                </c:pt>
                <c:pt idx="6035">
                  <c:v>0.69279684429548949</c:v>
                </c:pt>
                <c:pt idx="6036">
                  <c:v>0.69279684429548949</c:v>
                </c:pt>
                <c:pt idx="6037">
                  <c:v>0.69279684429548949</c:v>
                </c:pt>
                <c:pt idx="6038">
                  <c:v>0.69279684429548949</c:v>
                </c:pt>
                <c:pt idx="6039">
                  <c:v>0.61581941715154609</c:v>
                </c:pt>
                <c:pt idx="6040">
                  <c:v>0.60482264184526846</c:v>
                </c:pt>
                <c:pt idx="6041">
                  <c:v>0.51684843939504777</c:v>
                </c:pt>
                <c:pt idx="6042">
                  <c:v>0.48385811347621488</c:v>
                </c:pt>
                <c:pt idx="6043">
                  <c:v>0.40688068633227159</c:v>
                </c:pt>
                <c:pt idx="6044">
                  <c:v>0.34090003449460593</c:v>
                </c:pt>
                <c:pt idx="6045">
                  <c:v>0.29691293326949553</c:v>
                </c:pt>
                <c:pt idx="6046">
                  <c:v>0.29691293326949553</c:v>
                </c:pt>
                <c:pt idx="6047">
                  <c:v>0.29691293326949553</c:v>
                </c:pt>
                <c:pt idx="6048">
                  <c:v>0.35804744303541458</c:v>
                </c:pt>
                <c:pt idx="6049">
                  <c:v>0.35804744303541458</c:v>
                </c:pt>
                <c:pt idx="6050">
                  <c:v>0.35804744303541458</c:v>
                </c:pt>
                <c:pt idx="6051">
                  <c:v>0.35804744303541458</c:v>
                </c:pt>
                <c:pt idx="6052">
                  <c:v>0.35804744303541458</c:v>
                </c:pt>
                <c:pt idx="6053">
                  <c:v>1.5515389198201299</c:v>
                </c:pt>
                <c:pt idx="6054">
                  <c:v>1.7603999282574552</c:v>
                </c:pt>
                <c:pt idx="6055">
                  <c:v>1.7603999282574552</c:v>
                </c:pt>
                <c:pt idx="6056">
                  <c:v>1.7603999282574552</c:v>
                </c:pt>
                <c:pt idx="6057">
                  <c:v>1.8797490759359265</c:v>
                </c:pt>
                <c:pt idx="6058">
                  <c:v>1.8797490759359265</c:v>
                </c:pt>
                <c:pt idx="6059">
                  <c:v>2.3869829535694307</c:v>
                </c:pt>
                <c:pt idx="6060">
                  <c:v>2.3869829535694307</c:v>
                </c:pt>
                <c:pt idx="6061">
                  <c:v>1.5813762067397479</c:v>
                </c:pt>
                <c:pt idx="6062">
                  <c:v>2.3869829535694307</c:v>
                </c:pt>
                <c:pt idx="6063">
                  <c:v>2.3869829535694307</c:v>
                </c:pt>
                <c:pt idx="6064">
                  <c:v>2.3869829535694307</c:v>
                </c:pt>
                <c:pt idx="6065">
                  <c:v>2.3869829535694307</c:v>
                </c:pt>
                <c:pt idx="6066">
                  <c:v>2.3869829535694307</c:v>
                </c:pt>
                <c:pt idx="6067">
                  <c:v>1.9990982236143982</c:v>
                </c:pt>
                <c:pt idx="6068">
                  <c:v>1.6410507805789836</c:v>
                </c:pt>
                <c:pt idx="6069">
                  <c:v>1.1934914767847153</c:v>
                </c:pt>
                <c:pt idx="6070">
                  <c:v>1.1338169029454797</c:v>
                </c:pt>
                <c:pt idx="6071">
                  <c:v>1.1338169029454797</c:v>
                </c:pt>
                <c:pt idx="6072">
                  <c:v>1.045647203881972</c:v>
                </c:pt>
                <c:pt idx="6073">
                  <c:v>1.045647203881972</c:v>
                </c:pt>
                <c:pt idx="6074">
                  <c:v>1.045647203881972</c:v>
                </c:pt>
                <c:pt idx="6075">
                  <c:v>1.045647203881972</c:v>
                </c:pt>
                <c:pt idx="6076">
                  <c:v>1.045647203881972</c:v>
                </c:pt>
                <c:pt idx="6077">
                  <c:v>1.3593413650465633</c:v>
                </c:pt>
                <c:pt idx="6078">
                  <c:v>1.5161884456288595</c:v>
                </c:pt>
                <c:pt idx="6079">
                  <c:v>1.5684708058229579</c:v>
                </c:pt>
                <c:pt idx="6080">
                  <c:v>1.5684708058229579</c:v>
                </c:pt>
                <c:pt idx="6081">
                  <c:v>1.6991767063082044</c:v>
                </c:pt>
                <c:pt idx="6082">
                  <c:v>1.7776002465993521</c:v>
                </c:pt>
                <c:pt idx="6083">
                  <c:v>2.0912944077639439</c:v>
                </c:pt>
                <c:pt idx="6084">
                  <c:v>2.0912944077639439</c:v>
                </c:pt>
                <c:pt idx="6085">
                  <c:v>2.0912944077639439</c:v>
                </c:pt>
                <c:pt idx="6086">
                  <c:v>2.0912944077639439</c:v>
                </c:pt>
                <c:pt idx="6087">
                  <c:v>2.0912944077639439</c:v>
                </c:pt>
                <c:pt idx="6088">
                  <c:v>2.0912944077639439</c:v>
                </c:pt>
                <c:pt idx="6089">
                  <c:v>2.0912944077639439</c:v>
                </c:pt>
                <c:pt idx="6090">
                  <c:v>2.0912944077639439</c:v>
                </c:pt>
                <c:pt idx="6091">
                  <c:v>1.7514590665023031</c:v>
                </c:pt>
                <c:pt idx="6092">
                  <c:v>1.4377649053377113</c:v>
                </c:pt>
                <c:pt idx="6093">
                  <c:v>1.045647203881972</c:v>
                </c:pt>
                <c:pt idx="6094">
                  <c:v>1.045647203881972</c:v>
                </c:pt>
                <c:pt idx="6095">
                  <c:v>1.045647203881972</c:v>
                </c:pt>
                <c:pt idx="6096">
                  <c:v>0.94637013511439849</c:v>
                </c:pt>
                <c:pt idx="6097">
                  <c:v>1.0646664020036982</c:v>
                </c:pt>
                <c:pt idx="6098">
                  <c:v>1.0646664020036982</c:v>
                </c:pt>
                <c:pt idx="6099">
                  <c:v>1.0646664020036982</c:v>
                </c:pt>
                <c:pt idx="6100">
                  <c:v>1.0646664020036982</c:v>
                </c:pt>
                <c:pt idx="6101">
                  <c:v>1.3722366959158776</c:v>
                </c:pt>
                <c:pt idx="6102">
                  <c:v>1.5851699763166176</c:v>
                </c:pt>
                <c:pt idx="6103">
                  <c:v>1.5851699763166176</c:v>
                </c:pt>
                <c:pt idx="6104">
                  <c:v>1.5851699763166176</c:v>
                </c:pt>
                <c:pt idx="6105">
                  <c:v>1.7034662432059171</c:v>
                </c:pt>
                <c:pt idx="6106">
                  <c:v>1.8454217634730767</c:v>
                </c:pt>
                <c:pt idx="6107">
                  <c:v>2.1293328040073964</c:v>
                </c:pt>
                <c:pt idx="6108">
                  <c:v>2.1293328040073964</c:v>
                </c:pt>
                <c:pt idx="6109">
                  <c:v>2.1293328040073964</c:v>
                </c:pt>
                <c:pt idx="6110">
                  <c:v>2.1293328040073964</c:v>
                </c:pt>
                <c:pt idx="6111">
                  <c:v>2.1293328040073964</c:v>
                </c:pt>
                <c:pt idx="6112">
                  <c:v>2.1293328040073964</c:v>
                </c:pt>
                <c:pt idx="6113">
                  <c:v>2.1293328040073964</c:v>
                </c:pt>
                <c:pt idx="6114">
                  <c:v>2.1293328040073964</c:v>
                </c:pt>
                <c:pt idx="6115">
                  <c:v>1.774444003339497</c:v>
                </c:pt>
                <c:pt idx="6116">
                  <c:v>1.4195552026715978</c:v>
                </c:pt>
                <c:pt idx="6117">
                  <c:v>1.0646664020036982</c:v>
                </c:pt>
                <c:pt idx="6118">
                  <c:v>1.0646664020036982</c:v>
                </c:pt>
                <c:pt idx="6119">
                  <c:v>1.0646664020036982</c:v>
                </c:pt>
                <c:pt idx="6120">
                  <c:v>1.0853645298181809</c:v>
                </c:pt>
                <c:pt idx="6121">
                  <c:v>1.0853645298181809</c:v>
                </c:pt>
                <c:pt idx="6122">
                  <c:v>1.0853645298181809</c:v>
                </c:pt>
                <c:pt idx="6123">
                  <c:v>1.0853645298181809</c:v>
                </c:pt>
                <c:pt idx="6124">
                  <c:v>1.0853645298181809</c:v>
                </c:pt>
                <c:pt idx="6125">
                  <c:v>1.3989142828767664</c:v>
                </c:pt>
                <c:pt idx="6126">
                  <c:v>1.6159871888404027</c:v>
                </c:pt>
                <c:pt idx="6127">
                  <c:v>1.6159871888404027</c:v>
                </c:pt>
                <c:pt idx="6128">
                  <c:v>1.6159871888404027</c:v>
                </c:pt>
                <c:pt idx="6129">
                  <c:v>1.7365832477090895</c:v>
                </c:pt>
                <c:pt idx="6130">
                  <c:v>1.8812985183515136</c:v>
                </c:pt>
                <c:pt idx="6131">
                  <c:v>2.1707290596363618</c:v>
                </c:pt>
                <c:pt idx="6132">
                  <c:v>2.1707290596363618</c:v>
                </c:pt>
                <c:pt idx="6133">
                  <c:v>2.1707290596363618</c:v>
                </c:pt>
                <c:pt idx="6134">
                  <c:v>2.1707290596363618</c:v>
                </c:pt>
                <c:pt idx="6135">
                  <c:v>2.1707290596363618</c:v>
                </c:pt>
                <c:pt idx="6136">
                  <c:v>2.1707290596363618</c:v>
                </c:pt>
                <c:pt idx="6137">
                  <c:v>2.1707290596363618</c:v>
                </c:pt>
                <c:pt idx="6138">
                  <c:v>2.1707290596363618</c:v>
                </c:pt>
                <c:pt idx="6139">
                  <c:v>1.8089408830303015</c:v>
                </c:pt>
                <c:pt idx="6140">
                  <c:v>1.4471527064242413</c:v>
                </c:pt>
                <c:pt idx="6141">
                  <c:v>1.0853645298181809</c:v>
                </c:pt>
                <c:pt idx="6142">
                  <c:v>1.0853645298181809</c:v>
                </c:pt>
                <c:pt idx="6143">
                  <c:v>1.0853645298181809</c:v>
                </c:pt>
                <c:pt idx="6144">
                  <c:v>1.184323547109452</c:v>
                </c:pt>
                <c:pt idx="6145">
                  <c:v>1.184323547109452</c:v>
                </c:pt>
                <c:pt idx="6146">
                  <c:v>1.184323547109452</c:v>
                </c:pt>
                <c:pt idx="6147">
                  <c:v>1.184323547109452</c:v>
                </c:pt>
                <c:pt idx="6148">
                  <c:v>1.184323547109452</c:v>
                </c:pt>
                <c:pt idx="6149">
                  <c:v>1.5264614607188491</c:v>
                </c:pt>
                <c:pt idx="6150">
                  <c:v>1.8422810732813699</c:v>
                </c:pt>
                <c:pt idx="6151">
                  <c:v>1.8422810732813699</c:v>
                </c:pt>
                <c:pt idx="6152">
                  <c:v>1.8422810732813699</c:v>
                </c:pt>
                <c:pt idx="6153">
                  <c:v>1.9738725785157534</c:v>
                </c:pt>
                <c:pt idx="6154">
                  <c:v>2.0528274816563838</c:v>
                </c:pt>
                <c:pt idx="6155">
                  <c:v>2.368647094218904</c:v>
                </c:pt>
                <c:pt idx="6156">
                  <c:v>2.368647094218904</c:v>
                </c:pt>
                <c:pt idx="6157">
                  <c:v>2.368647094218904</c:v>
                </c:pt>
                <c:pt idx="6158">
                  <c:v>2.368647094218904</c:v>
                </c:pt>
                <c:pt idx="6159">
                  <c:v>1.9738725785157534</c:v>
                </c:pt>
                <c:pt idx="6160">
                  <c:v>1.8685993743282467</c:v>
                </c:pt>
                <c:pt idx="6161">
                  <c:v>1.8685993743282467</c:v>
                </c:pt>
                <c:pt idx="6162">
                  <c:v>1.8685993743282467</c:v>
                </c:pt>
                <c:pt idx="6163">
                  <c:v>1.8685993743282467</c:v>
                </c:pt>
                <c:pt idx="6164">
                  <c:v>1.4475065575782191</c:v>
                </c:pt>
                <c:pt idx="6165">
                  <c:v>0.55268432198441098</c:v>
                </c:pt>
                <c:pt idx="6166">
                  <c:v>0.55268432198441098</c:v>
                </c:pt>
                <c:pt idx="6167">
                  <c:v>0.55268432198441098</c:v>
                </c:pt>
                <c:pt idx="6168">
                  <c:v>0.25852237375362686</c:v>
                </c:pt>
                <c:pt idx="6169">
                  <c:v>0.50473415828089063</c:v>
                </c:pt>
                <c:pt idx="6170">
                  <c:v>0.50473415828089063</c:v>
                </c:pt>
                <c:pt idx="6171">
                  <c:v>0.50473415828089063</c:v>
                </c:pt>
                <c:pt idx="6172">
                  <c:v>0.50473415828089063</c:v>
                </c:pt>
                <c:pt idx="6173">
                  <c:v>0.62784005054452252</c:v>
                </c:pt>
                <c:pt idx="6174">
                  <c:v>0.78787771048724387</c:v>
                </c:pt>
                <c:pt idx="6175">
                  <c:v>0.89867301352451245</c:v>
                </c:pt>
                <c:pt idx="6176">
                  <c:v>0.89867301352451245</c:v>
                </c:pt>
                <c:pt idx="6177">
                  <c:v>0.89867301352451245</c:v>
                </c:pt>
                <c:pt idx="6178">
                  <c:v>0.89867301352451245</c:v>
                </c:pt>
                <c:pt idx="6179">
                  <c:v>0.89867301352451245</c:v>
                </c:pt>
                <c:pt idx="6180">
                  <c:v>0.89867301352451245</c:v>
                </c:pt>
                <c:pt idx="6181">
                  <c:v>0.89867301352451245</c:v>
                </c:pt>
                <c:pt idx="6182">
                  <c:v>0.89867301352451245</c:v>
                </c:pt>
                <c:pt idx="6183">
                  <c:v>0.81249888893997024</c:v>
                </c:pt>
                <c:pt idx="6184">
                  <c:v>0.73863535358179111</c:v>
                </c:pt>
                <c:pt idx="6185">
                  <c:v>0.66477181822361198</c:v>
                </c:pt>
                <c:pt idx="6186">
                  <c:v>0.64015063977088571</c:v>
                </c:pt>
                <c:pt idx="6187">
                  <c:v>0.51704474750725371</c:v>
                </c:pt>
                <c:pt idx="6188">
                  <c:v>0.38162826601725869</c:v>
                </c:pt>
                <c:pt idx="6189">
                  <c:v>0.38162826601725869</c:v>
                </c:pt>
                <c:pt idx="6190">
                  <c:v>0.38162826601725869</c:v>
                </c:pt>
                <c:pt idx="6191">
                  <c:v>0.38162826601725869</c:v>
                </c:pt>
                <c:pt idx="6192">
                  <c:v>0.47748520878648537</c:v>
                </c:pt>
                <c:pt idx="6193">
                  <c:v>0.55449895213914435</c:v>
                </c:pt>
                <c:pt idx="6194">
                  <c:v>0.55449895213914435</c:v>
                </c:pt>
                <c:pt idx="6195">
                  <c:v>0.55449895213914435</c:v>
                </c:pt>
                <c:pt idx="6196">
                  <c:v>0.55449895213914435</c:v>
                </c:pt>
                <c:pt idx="6197">
                  <c:v>0.69312369017393027</c:v>
                </c:pt>
                <c:pt idx="6198">
                  <c:v>0.81634567953818471</c:v>
                </c:pt>
                <c:pt idx="6199">
                  <c:v>0.97037316624350256</c:v>
                </c:pt>
                <c:pt idx="6200">
                  <c:v>0.97037316624350256</c:v>
                </c:pt>
                <c:pt idx="6201">
                  <c:v>0.97037316624350256</c:v>
                </c:pt>
                <c:pt idx="6202">
                  <c:v>0.97037316624350256</c:v>
                </c:pt>
                <c:pt idx="6203">
                  <c:v>0.97037316624350256</c:v>
                </c:pt>
                <c:pt idx="6204">
                  <c:v>0.97037316624350256</c:v>
                </c:pt>
                <c:pt idx="6205">
                  <c:v>0.97037316624350256</c:v>
                </c:pt>
                <c:pt idx="6206">
                  <c:v>0.97037316624350256</c:v>
                </c:pt>
                <c:pt idx="6207">
                  <c:v>0.86255392554978005</c:v>
                </c:pt>
                <c:pt idx="6208">
                  <c:v>0.84715117687924824</c:v>
                </c:pt>
                <c:pt idx="6209">
                  <c:v>0.72392918751499402</c:v>
                </c:pt>
                <c:pt idx="6210">
                  <c:v>0.67772094150339868</c:v>
                </c:pt>
                <c:pt idx="6211">
                  <c:v>0.56990170080967617</c:v>
                </c:pt>
                <c:pt idx="6212">
                  <c:v>0.47748520878648537</c:v>
                </c:pt>
                <c:pt idx="6213">
                  <c:v>0.41587421410435826</c:v>
                </c:pt>
                <c:pt idx="6214">
                  <c:v>0.41587421410435826</c:v>
                </c:pt>
                <c:pt idx="6215">
                  <c:v>0.41587421410435826</c:v>
                </c:pt>
                <c:pt idx="6216">
                  <c:v>0.3678364483760001</c:v>
                </c:pt>
                <c:pt idx="6217">
                  <c:v>0.3678364483760001</c:v>
                </c:pt>
                <c:pt idx="6218">
                  <c:v>0.3678364483760001</c:v>
                </c:pt>
                <c:pt idx="6219">
                  <c:v>0.3678364483760001</c:v>
                </c:pt>
                <c:pt idx="6220">
                  <c:v>0.3678364483760001</c:v>
                </c:pt>
                <c:pt idx="6221">
                  <c:v>1.5939579429626674</c:v>
                </c:pt>
                <c:pt idx="6222">
                  <c:v>1.8085292045153341</c:v>
                </c:pt>
                <c:pt idx="6223">
                  <c:v>1.8085292045153341</c:v>
                </c:pt>
                <c:pt idx="6224">
                  <c:v>1.8085292045153341</c:v>
                </c:pt>
                <c:pt idx="6225">
                  <c:v>1.9311413539740006</c:v>
                </c:pt>
                <c:pt idx="6226">
                  <c:v>1.9311413539740006</c:v>
                </c:pt>
                <c:pt idx="6227">
                  <c:v>2.4522429891733339</c:v>
                </c:pt>
                <c:pt idx="6228">
                  <c:v>2.4522429891733339</c:v>
                </c:pt>
                <c:pt idx="6229">
                  <c:v>1.6246109803273339</c:v>
                </c:pt>
                <c:pt idx="6230">
                  <c:v>2.4522429891733339</c:v>
                </c:pt>
                <c:pt idx="6231">
                  <c:v>2.4522429891733339</c:v>
                </c:pt>
                <c:pt idx="6232">
                  <c:v>2.4522429891733339</c:v>
                </c:pt>
                <c:pt idx="6233">
                  <c:v>2.4522429891733339</c:v>
                </c:pt>
                <c:pt idx="6234">
                  <c:v>2.4522429891733339</c:v>
                </c:pt>
                <c:pt idx="6235">
                  <c:v>2.0537535034326675</c:v>
                </c:pt>
                <c:pt idx="6236">
                  <c:v>1.6859170550566673</c:v>
                </c:pt>
                <c:pt idx="6237">
                  <c:v>1.226121494586667</c:v>
                </c:pt>
                <c:pt idx="6238">
                  <c:v>1.1648154198573337</c:v>
                </c:pt>
                <c:pt idx="6239">
                  <c:v>1.1648154198573337</c:v>
                </c:pt>
                <c:pt idx="6240">
                  <c:v>1.0595548602117368</c:v>
                </c:pt>
                <c:pt idx="6241">
                  <c:v>1.0595548602117368</c:v>
                </c:pt>
                <c:pt idx="6242">
                  <c:v>1.0595548602117368</c:v>
                </c:pt>
                <c:pt idx="6243">
                  <c:v>1.0595548602117368</c:v>
                </c:pt>
                <c:pt idx="6244">
                  <c:v>1.0595548602117368</c:v>
                </c:pt>
                <c:pt idx="6245">
                  <c:v>1.3774213182752577</c:v>
                </c:pt>
                <c:pt idx="6246">
                  <c:v>1.5363545473070184</c:v>
                </c:pt>
                <c:pt idx="6247">
                  <c:v>1.5893322903176053</c:v>
                </c:pt>
                <c:pt idx="6248">
                  <c:v>1.5893322903176053</c:v>
                </c:pt>
                <c:pt idx="6249">
                  <c:v>1.7217766478440724</c:v>
                </c:pt>
                <c:pt idx="6250">
                  <c:v>1.8012432623599524</c:v>
                </c:pt>
                <c:pt idx="6251">
                  <c:v>2.1191097204234737</c:v>
                </c:pt>
                <c:pt idx="6252">
                  <c:v>2.1191097204234737</c:v>
                </c:pt>
                <c:pt idx="6253">
                  <c:v>2.1191097204234737</c:v>
                </c:pt>
                <c:pt idx="6254">
                  <c:v>2.1191097204234737</c:v>
                </c:pt>
                <c:pt idx="6255">
                  <c:v>2.1191097204234737</c:v>
                </c:pt>
                <c:pt idx="6256">
                  <c:v>2.1191097204234737</c:v>
                </c:pt>
                <c:pt idx="6257">
                  <c:v>2.1191097204234737</c:v>
                </c:pt>
                <c:pt idx="6258">
                  <c:v>2.1191097204234737</c:v>
                </c:pt>
                <c:pt idx="6259">
                  <c:v>1.7747543908546592</c:v>
                </c:pt>
                <c:pt idx="6260">
                  <c:v>1.4568879327911379</c:v>
                </c:pt>
                <c:pt idx="6261">
                  <c:v>1.0595548602117368</c:v>
                </c:pt>
                <c:pt idx="6262">
                  <c:v>1.0595548602117368</c:v>
                </c:pt>
                <c:pt idx="6263">
                  <c:v>1.0595548602117368</c:v>
                </c:pt>
                <c:pt idx="6264">
                  <c:v>0.94361170214528045</c:v>
                </c:pt>
                <c:pt idx="6265">
                  <c:v>1.0615631649134405</c:v>
                </c:pt>
                <c:pt idx="6266">
                  <c:v>1.0615631649134405</c:v>
                </c:pt>
                <c:pt idx="6267">
                  <c:v>1.0615631649134405</c:v>
                </c:pt>
                <c:pt idx="6268">
                  <c:v>1.0615631649134405</c:v>
                </c:pt>
                <c:pt idx="6269">
                  <c:v>1.3682369681106568</c:v>
                </c:pt>
                <c:pt idx="6270">
                  <c:v>1.5805496010933446</c:v>
                </c:pt>
                <c:pt idx="6271">
                  <c:v>1.5805496010933446</c:v>
                </c:pt>
                <c:pt idx="6272">
                  <c:v>1.5805496010933446</c:v>
                </c:pt>
                <c:pt idx="6273">
                  <c:v>1.6985010638615048</c:v>
                </c:pt>
                <c:pt idx="6274">
                  <c:v>1.8400428191832967</c:v>
                </c:pt>
                <c:pt idx="6275">
                  <c:v>2.123126329826881</c:v>
                </c:pt>
                <c:pt idx="6276">
                  <c:v>2.123126329826881</c:v>
                </c:pt>
                <c:pt idx="6277">
                  <c:v>2.123126329826881</c:v>
                </c:pt>
                <c:pt idx="6278">
                  <c:v>2.123126329826881</c:v>
                </c:pt>
                <c:pt idx="6279">
                  <c:v>2.123126329826881</c:v>
                </c:pt>
                <c:pt idx="6280">
                  <c:v>2.123126329826881</c:v>
                </c:pt>
                <c:pt idx="6281">
                  <c:v>2.123126329826881</c:v>
                </c:pt>
                <c:pt idx="6282">
                  <c:v>2.123126329826881</c:v>
                </c:pt>
                <c:pt idx="6283">
                  <c:v>1.7692719415224007</c:v>
                </c:pt>
                <c:pt idx="6284">
                  <c:v>1.4154175532179207</c:v>
                </c:pt>
                <c:pt idx="6285">
                  <c:v>1.0615631649134405</c:v>
                </c:pt>
                <c:pt idx="6286">
                  <c:v>1.0615631649134405</c:v>
                </c:pt>
                <c:pt idx="6287">
                  <c:v>1.0615631649134405</c:v>
                </c:pt>
                <c:pt idx="6288">
                  <c:v>1.0698961158738227</c:v>
                </c:pt>
                <c:pt idx="6289">
                  <c:v>1.0698961158738227</c:v>
                </c:pt>
                <c:pt idx="6290">
                  <c:v>1.0698961158738227</c:v>
                </c:pt>
                <c:pt idx="6291">
                  <c:v>1.0698961158738227</c:v>
                </c:pt>
                <c:pt idx="6292">
                  <c:v>1.0698961158738227</c:v>
                </c:pt>
                <c:pt idx="6293">
                  <c:v>1.3789772160151494</c:v>
                </c:pt>
                <c:pt idx="6294">
                  <c:v>1.592956439189914</c:v>
                </c:pt>
                <c:pt idx="6295">
                  <c:v>1.592956439189914</c:v>
                </c:pt>
                <c:pt idx="6296">
                  <c:v>1.592956439189914</c:v>
                </c:pt>
                <c:pt idx="6297">
                  <c:v>1.7118337853981165</c:v>
                </c:pt>
                <c:pt idx="6298">
                  <c:v>1.8544866008479595</c:v>
                </c:pt>
                <c:pt idx="6299">
                  <c:v>2.1397922317476454</c:v>
                </c:pt>
                <c:pt idx="6300">
                  <c:v>2.1397922317476454</c:v>
                </c:pt>
                <c:pt idx="6301">
                  <c:v>2.1397922317476454</c:v>
                </c:pt>
                <c:pt idx="6302">
                  <c:v>2.1397922317476454</c:v>
                </c:pt>
                <c:pt idx="6303">
                  <c:v>2.1397922317476454</c:v>
                </c:pt>
                <c:pt idx="6304">
                  <c:v>2.1397922317476454</c:v>
                </c:pt>
                <c:pt idx="6305">
                  <c:v>2.1397922317476454</c:v>
                </c:pt>
                <c:pt idx="6306">
                  <c:v>2.1397922317476454</c:v>
                </c:pt>
                <c:pt idx="6307">
                  <c:v>1.7831601931230381</c:v>
                </c:pt>
                <c:pt idx="6308">
                  <c:v>1.4265281544984307</c:v>
                </c:pt>
                <c:pt idx="6309">
                  <c:v>1.0698961158738227</c:v>
                </c:pt>
                <c:pt idx="6310">
                  <c:v>1.0698961158738227</c:v>
                </c:pt>
                <c:pt idx="6311">
                  <c:v>1.0698961158738227</c:v>
                </c:pt>
                <c:pt idx="6312">
                  <c:v>1.1597618335853961</c:v>
                </c:pt>
                <c:pt idx="6313">
                  <c:v>1.1597618335853961</c:v>
                </c:pt>
                <c:pt idx="6314">
                  <c:v>1.1597618335853961</c:v>
                </c:pt>
                <c:pt idx="6315">
                  <c:v>1.1597618335853961</c:v>
                </c:pt>
                <c:pt idx="6316">
                  <c:v>1.1597618335853961</c:v>
                </c:pt>
                <c:pt idx="6317">
                  <c:v>1.4948041410656216</c:v>
                </c:pt>
                <c:pt idx="6318">
                  <c:v>1.8040739633550609</c:v>
                </c:pt>
                <c:pt idx="6319">
                  <c:v>1.8040739633550609</c:v>
                </c:pt>
                <c:pt idx="6320">
                  <c:v>1.8040739633550609</c:v>
                </c:pt>
                <c:pt idx="6321">
                  <c:v>1.9329363893089933</c:v>
                </c:pt>
                <c:pt idx="6322">
                  <c:v>2.0102538448813529</c:v>
                </c:pt>
                <c:pt idx="6323">
                  <c:v>2.3195236671707922</c:v>
                </c:pt>
                <c:pt idx="6324">
                  <c:v>2.3195236671707922</c:v>
                </c:pt>
                <c:pt idx="6325">
                  <c:v>2.3195236671707922</c:v>
                </c:pt>
                <c:pt idx="6326">
                  <c:v>2.3195236671707922</c:v>
                </c:pt>
                <c:pt idx="6327">
                  <c:v>1.9329363893089933</c:v>
                </c:pt>
                <c:pt idx="6328">
                  <c:v>1.8298464485458472</c:v>
                </c:pt>
                <c:pt idx="6329">
                  <c:v>1.8298464485458472</c:v>
                </c:pt>
                <c:pt idx="6330">
                  <c:v>1.8298464485458472</c:v>
                </c:pt>
                <c:pt idx="6331">
                  <c:v>1.8298464485458472</c:v>
                </c:pt>
                <c:pt idx="6332">
                  <c:v>1.417486685493262</c:v>
                </c:pt>
                <c:pt idx="6333">
                  <c:v>0.5412221890065182</c:v>
                </c:pt>
                <c:pt idx="6334">
                  <c:v>0.5412221890065182</c:v>
                </c:pt>
                <c:pt idx="6335">
                  <c:v>0.5412221890065182</c:v>
                </c:pt>
                <c:pt idx="6336">
                  <c:v>0.26142015736910679</c:v>
                </c:pt>
                <c:pt idx="6337">
                  <c:v>0.51039173581587527</c:v>
                </c:pt>
                <c:pt idx="6338">
                  <c:v>0.51039173581587527</c:v>
                </c:pt>
                <c:pt idx="6339">
                  <c:v>0.51039173581587527</c:v>
                </c:pt>
                <c:pt idx="6340">
                  <c:v>0.51039173581587527</c:v>
                </c:pt>
                <c:pt idx="6341">
                  <c:v>0.63487752503925932</c:v>
                </c:pt>
                <c:pt idx="6342">
                  <c:v>0.79670905102965883</c:v>
                </c:pt>
                <c:pt idx="6343">
                  <c:v>0.90874626133070457</c:v>
                </c:pt>
                <c:pt idx="6344">
                  <c:v>0.90874626133070457</c:v>
                </c:pt>
                <c:pt idx="6345">
                  <c:v>0.90874626133070457</c:v>
                </c:pt>
                <c:pt idx="6346">
                  <c:v>0.90874626133070457</c:v>
                </c:pt>
                <c:pt idx="6347">
                  <c:v>0.90874626133070457</c:v>
                </c:pt>
                <c:pt idx="6348">
                  <c:v>0.90874626133070457</c:v>
                </c:pt>
                <c:pt idx="6349">
                  <c:v>0.90874626133070457</c:v>
                </c:pt>
                <c:pt idx="6350">
                  <c:v>0.90874626133070457</c:v>
                </c:pt>
                <c:pt idx="6351">
                  <c:v>0.82160620887433566</c:v>
                </c:pt>
                <c:pt idx="6352">
                  <c:v>0.74691473534030506</c:v>
                </c:pt>
                <c:pt idx="6353">
                  <c:v>0.67222326180627467</c:v>
                </c:pt>
                <c:pt idx="6354">
                  <c:v>0.64732610396159773</c:v>
                </c:pt>
                <c:pt idx="6355">
                  <c:v>0.52284031473821357</c:v>
                </c:pt>
                <c:pt idx="6356">
                  <c:v>0.385905946592491</c:v>
                </c:pt>
                <c:pt idx="6357">
                  <c:v>0.385905946592491</c:v>
                </c:pt>
                <c:pt idx="6358">
                  <c:v>0.385905946592491</c:v>
                </c:pt>
                <c:pt idx="6359">
                  <c:v>0.385905946592491</c:v>
                </c:pt>
                <c:pt idx="6360">
                  <c:v>0.47019267355051764</c:v>
                </c:pt>
                <c:pt idx="6361">
                  <c:v>0.54603020154253668</c:v>
                </c:pt>
                <c:pt idx="6362">
                  <c:v>0.54603020154253668</c:v>
                </c:pt>
                <c:pt idx="6363">
                  <c:v>0.54603020154253668</c:v>
                </c:pt>
                <c:pt idx="6364">
                  <c:v>0.54603020154253668</c:v>
                </c:pt>
                <c:pt idx="6365">
                  <c:v>0.68253775192817079</c:v>
                </c:pt>
                <c:pt idx="6366">
                  <c:v>0.80387779671540116</c:v>
                </c:pt>
                <c:pt idx="6367">
                  <c:v>0.95555285269943901</c:v>
                </c:pt>
                <c:pt idx="6368">
                  <c:v>0.95555285269943901</c:v>
                </c:pt>
                <c:pt idx="6369">
                  <c:v>0.95555285269943901</c:v>
                </c:pt>
                <c:pt idx="6370">
                  <c:v>0.95555285269943901</c:v>
                </c:pt>
                <c:pt idx="6371">
                  <c:v>0.95555285269943901</c:v>
                </c:pt>
                <c:pt idx="6372">
                  <c:v>0.95555285269943901</c:v>
                </c:pt>
                <c:pt idx="6373">
                  <c:v>0.95555285269943901</c:v>
                </c:pt>
                <c:pt idx="6374">
                  <c:v>0.95555285269943901</c:v>
                </c:pt>
                <c:pt idx="6375">
                  <c:v>0.84938031351061261</c:v>
                </c:pt>
                <c:pt idx="6376">
                  <c:v>0.83421280791220864</c:v>
                </c:pt>
                <c:pt idx="6377">
                  <c:v>0.71287276312497838</c:v>
                </c:pt>
                <c:pt idx="6378">
                  <c:v>0.66737024632976716</c:v>
                </c:pt>
                <c:pt idx="6379">
                  <c:v>0.56119770714094053</c:v>
                </c:pt>
                <c:pt idx="6380">
                  <c:v>0.47019267355051764</c:v>
                </c:pt>
                <c:pt idx="6381">
                  <c:v>0.40952265115690251</c:v>
                </c:pt>
                <c:pt idx="6382">
                  <c:v>0.40952265115690251</c:v>
                </c:pt>
                <c:pt idx="6383">
                  <c:v>0.40952265115690251</c:v>
                </c:pt>
                <c:pt idx="6384">
                  <c:v>0.3678364483760001</c:v>
                </c:pt>
                <c:pt idx="6385">
                  <c:v>0.3678364483760001</c:v>
                </c:pt>
                <c:pt idx="6386">
                  <c:v>0.3678364483760001</c:v>
                </c:pt>
                <c:pt idx="6387">
                  <c:v>0.3678364483760001</c:v>
                </c:pt>
                <c:pt idx="6388">
                  <c:v>0.3678364483760001</c:v>
                </c:pt>
                <c:pt idx="6389">
                  <c:v>1.5939579429626674</c:v>
                </c:pt>
                <c:pt idx="6390">
                  <c:v>1.8085292045153341</c:v>
                </c:pt>
                <c:pt idx="6391">
                  <c:v>1.8085292045153341</c:v>
                </c:pt>
                <c:pt idx="6392">
                  <c:v>1.8085292045153341</c:v>
                </c:pt>
                <c:pt idx="6393">
                  <c:v>1.9311413539740006</c:v>
                </c:pt>
                <c:pt idx="6394">
                  <c:v>1.9311413539740006</c:v>
                </c:pt>
                <c:pt idx="6395">
                  <c:v>2.4522429891733339</c:v>
                </c:pt>
                <c:pt idx="6396">
                  <c:v>2.4522429891733339</c:v>
                </c:pt>
                <c:pt idx="6397">
                  <c:v>1.6246109803273339</c:v>
                </c:pt>
                <c:pt idx="6398">
                  <c:v>2.4522429891733339</c:v>
                </c:pt>
                <c:pt idx="6399">
                  <c:v>2.4522429891733339</c:v>
                </c:pt>
                <c:pt idx="6400">
                  <c:v>2.4522429891733339</c:v>
                </c:pt>
                <c:pt idx="6401">
                  <c:v>2.4522429891733339</c:v>
                </c:pt>
                <c:pt idx="6402">
                  <c:v>2.4522429891733339</c:v>
                </c:pt>
                <c:pt idx="6403">
                  <c:v>2.0537535034326675</c:v>
                </c:pt>
                <c:pt idx="6404">
                  <c:v>1.6859170550566673</c:v>
                </c:pt>
                <c:pt idx="6405">
                  <c:v>1.226121494586667</c:v>
                </c:pt>
                <c:pt idx="6406">
                  <c:v>1.1648154198573337</c:v>
                </c:pt>
                <c:pt idx="6407">
                  <c:v>1.1648154198573337</c:v>
                </c:pt>
                <c:pt idx="6408">
                  <c:v>1.0441019087342203</c:v>
                </c:pt>
                <c:pt idx="6409">
                  <c:v>1.0441019087342203</c:v>
                </c:pt>
                <c:pt idx="6410">
                  <c:v>1.0441019087342203</c:v>
                </c:pt>
                <c:pt idx="6411">
                  <c:v>1.0441019087342203</c:v>
                </c:pt>
                <c:pt idx="6412">
                  <c:v>1.0441019087342203</c:v>
                </c:pt>
                <c:pt idx="6413">
                  <c:v>1.3573324813544863</c:v>
                </c:pt>
                <c:pt idx="6414">
                  <c:v>1.5139477676646194</c:v>
                </c:pt>
                <c:pt idx="6415">
                  <c:v>1.5661528631013304</c:v>
                </c:pt>
                <c:pt idx="6416">
                  <c:v>1.5661528631013304</c:v>
                </c:pt>
                <c:pt idx="6417">
                  <c:v>1.6966656016931081</c:v>
                </c:pt>
                <c:pt idx="6418">
                  <c:v>1.7749732448481743</c:v>
                </c:pt>
                <c:pt idx="6419">
                  <c:v>2.0882038174684405</c:v>
                </c:pt>
                <c:pt idx="6420">
                  <c:v>2.0882038174684405</c:v>
                </c:pt>
                <c:pt idx="6421">
                  <c:v>2.0882038174684405</c:v>
                </c:pt>
                <c:pt idx="6422">
                  <c:v>2.0882038174684405</c:v>
                </c:pt>
                <c:pt idx="6423">
                  <c:v>2.0882038174684405</c:v>
                </c:pt>
                <c:pt idx="6424">
                  <c:v>2.0882038174684405</c:v>
                </c:pt>
                <c:pt idx="6425">
                  <c:v>2.0882038174684405</c:v>
                </c:pt>
                <c:pt idx="6426">
                  <c:v>2.0882038174684405</c:v>
                </c:pt>
                <c:pt idx="6427">
                  <c:v>1.7488706971298191</c:v>
                </c:pt>
                <c:pt idx="6428">
                  <c:v>1.4356401245095529</c:v>
                </c:pt>
                <c:pt idx="6429">
                  <c:v>1.0441019087342203</c:v>
                </c:pt>
                <c:pt idx="6430">
                  <c:v>1.0441019087342203</c:v>
                </c:pt>
                <c:pt idx="6431">
                  <c:v>1.0441019087342203</c:v>
                </c:pt>
                <c:pt idx="6432">
                  <c:v>0.93533640323792588</c:v>
                </c:pt>
                <c:pt idx="6433">
                  <c:v>1.0522534536426666</c:v>
                </c:pt>
                <c:pt idx="6434">
                  <c:v>1.0522534536426666</c:v>
                </c:pt>
                <c:pt idx="6435">
                  <c:v>1.0522534536426666</c:v>
                </c:pt>
                <c:pt idx="6436">
                  <c:v>1.0522534536426666</c:v>
                </c:pt>
                <c:pt idx="6437">
                  <c:v>1.3562377846949925</c:v>
                </c:pt>
                <c:pt idx="6438">
                  <c:v>1.566688475423526</c:v>
                </c:pt>
                <c:pt idx="6439">
                  <c:v>1.566688475423526</c:v>
                </c:pt>
                <c:pt idx="6440">
                  <c:v>1.566688475423526</c:v>
                </c:pt>
                <c:pt idx="6441">
                  <c:v>1.6836055258282667</c:v>
                </c:pt>
                <c:pt idx="6442">
                  <c:v>1.8239059863139555</c:v>
                </c:pt>
                <c:pt idx="6443">
                  <c:v>2.1045069072853333</c:v>
                </c:pt>
                <c:pt idx="6444">
                  <c:v>2.1045069072853333</c:v>
                </c:pt>
                <c:pt idx="6445">
                  <c:v>2.1045069072853333</c:v>
                </c:pt>
                <c:pt idx="6446">
                  <c:v>2.1045069072853333</c:v>
                </c:pt>
                <c:pt idx="6447">
                  <c:v>2.1045069072853333</c:v>
                </c:pt>
                <c:pt idx="6448">
                  <c:v>2.1045069072853333</c:v>
                </c:pt>
                <c:pt idx="6449">
                  <c:v>2.1045069072853333</c:v>
                </c:pt>
                <c:pt idx="6450">
                  <c:v>2.1045069072853333</c:v>
                </c:pt>
                <c:pt idx="6451">
                  <c:v>1.7537557560711112</c:v>
                </c:pt>
                <c:pt idx="6452">
                  <c:v>1.4030046048568889</c:v>
                </c:pt>
                <c:pt idx="6453">
                  <c:v>1.0522534536426666</c:v>
                </c:pt>
                <c:pt idx="6454">
                  <c:v>1.0522534536426666</c:v>
                </c:pt>
                <c:pt idx="6455">
                  <c:v>1.0522534536426666</c:v>
                </c:pt>
                <c:pt idx="6456">
                  <c:v>1.0575213847183362</c:v>
                </c:pt>
                <c:pt idx="6457">
                  <c:v>1.0575213847183362</c:v>
                </c:pt>
                <c:pt idx="6458">
                  <c:v>1.0575213847183362</c:v>
                </c:pt>
                <c:pt idx="6459">
                  <c:v>1.0575213847183362</c:v>
                </c:pt>
                <c:pt idx="6460">
                  <c:v>1.0575213847183362</c:v>
                </c:pt>
                <c:pt idx="6461">
                  <c:v>1.3630275625258557</c:v>
                </c:pt>
                <c:pt idx="6462">
                  <c:v>1.5745318394695231</c:v>
                </c:pt>
                <c:pt idx="6463">
                  <c:v>1.5745318394695231</c:v>
                </c:pt>
                <c:pt idx="6464">
                  <c:v>1.5745318394695231</c:v>
                </c:pt>
                <c:pt idx="6465">
                  <c:v>1.692034215549338</c:v>
                </c:pt>
                <c:pt idx="6466">
                  <c:v>1.8330370668451161</c:v>
                </c:pt>
                <c:pt idx="6467">
                  <c:v>2.1150427694366725</c:v>
                </c:pt>
                <c:pt idx="6468">
                  <c:v>2.1150427694366725</c:v>
                </c:pt>
                <c:pt idx="6469">
                  <c:v>2.1150427694366725</c:v>
                </c:pt>
                <c:pt idx="6470">
                  <c:v>2.1150427694366725</c:v>
                </c:pt>
                <c:pt idx="6471">
                  <c:v>2.1150427694366725</c:v>
                </c:pt>
                <c:pt idx="6472">
                  <c:v>2.1150427694366725</c:v>
                </c:pt>
                <c:pt idx="6473">
                  <c:v>2.1150427694366725</c:v>
                </c:pt>
                <c:pt idx="6474">
                  <c:v>2.1150427694366725</c:v>
                </c:pt>
                <c:pt idx="6475">
                  <c:v>1.7625356411972271</c:v>
                </c:pt>
                <c:pt idx="6476">
                  <c:v>1.4100285129577819</c:v>
                </c:pt>
                <c:pt idx="6477">
                  <c:v>1.0575213847183362</c:v>
                </c:pt>
                <c:pt idx="6478">
                  <c:v>1.0575213847183362</c:v>
                </c:pt>
                <c:pt idx="6479">
                  <c:v>1.0575213847183362</c:v>
                </c:pt>
                <c:pt idx="6480">
                  <c:v>1.152139232836551</c:v>
                </c:pt>
                <c:pt idx="6481">
                  <c:v>1.152139232836551</c:v>
                </c:pt>
                <c:pt idx="6482">
                  <c:v>1.152139232836551</c:v>
                </c:pt>
                <c:pt idx="6483">
                  <c:v>1.152139232836551</c:v>
                </c:pt>
                <c:pt idx="6484">
                  <c:v>1.152139232836551</c:v>
                </c:pt>
                <c:pt idx="6485">
                  <c:v>1.484979455655999</c:v>
                </c:pt>
                <c:pt idx="6486">
                  <c:v>1.7922165844124129</c:v>
                </c:pt>
                <c:pt idx="6487">
                  <c:v>1.7922165844124129</c:v>
                </c:pt>
                <c:pt idx="6488">
                  <c:v>1.7922165844124129</c:v>
                </c:pt>
                <c:pt idx="6489">
                  <c:v>1.9202320547275851</c:v>
                </c:pt>
                <c:pt idx="6490">
                  <c:v>1.9970413369166886</c:v>
                </c:pt>
                <c:pt idx="6491">
                  <c:v>2.3042784656731019</c:v>
                </c:pt>
                <c:pt idx="6492">
                  <c:v>2.3042784656731019</c:v>
                </c:pt>
                <c:pt idx="6493">
                  <c:v>2.3042784656731019</c:v>
                </c:pt>
                <c:pt idx="6494">
                  <c:v>2.3042784656731019</c:v>
                </c:pt>
                <c:pt idx="6495">
                  <c:v>1.9202320547275851</c:v>
                </c:pt>
                <c:pt idx="6496">
                  <c:v>1.8178196784754475</c:v>
                </c:pt>
                <c:pt idx="6497">
                  <c:v>1.8178196784754475</c:v>
                </c:pt>
                <c:pt idx="6498">
                  <c:v>1.8178196784754475</c:v>
                </c:pt>
                <c:pt idx="6499">
                  <c:v>1.8178196784754475</c:v>
                </c:pt>
                <c:pt idx="6500">
                  <c:v>1.4081701734668959</c:v>
                </c:pt>
                <c:pt idx="6501">
                  <c:v>0.53766497532372381</c:v>
                </c:pt>
                <c:pt idx="6502">
                  <c:v>0.53766497532372381</c:v>
                </c:pt>
                <c:pt idx="6503">
                  <c:v>0.53766497532372381</c:v>
                </c:pt>
                <c:pt idx="6504">
                  <c:v>0.25852237375362686</c:v>
                </c:pt>
                <c:pt idx="6505">
                  <c:v>0.50473415828089063</c:v>
                </c:pt>
                <c:pt idx="6506">
                  <c:v>0.50473415828089063</c:v>
                </c:pt>
                <c:pt idx="6507">
                  <c:v>0.50473415828089063</c:v>
                </c:pt>
                <c:pt idx="6508">
                  <c:v>0.50473415828089063</c:v>
                </c:pt>
                <c:pt idx="6509">
                  <c:v>0.62784005054452252</c:v>
                </c:pt>
                <c:pt idx="6510">
                  <c:v>0.78787771048724387</c:v>
                </c:pt>
                <c:pt idx="6511">
                  <c:v>0.89867301352451245</c:v>
                </c:pt>
                <c:pt idx="6512">
                  <c:v>0.89867301352451245</c:v>
                </c:pt>
                <c:pt idx="6513">
                  <c:v>0.89867301352451245</c:v>
                </c:pt>
                <c:pt idx="6514">
                  <c:v>0.89867301352451245</c:v>
                </c:pt>
                <c:pt idx="6515">
                  <c:v>0.89867301352451245</c:v>
                </c:pt>
                <c:pt idx="6516">
                  <c:v>0.89867301352451245</c:v>
                </c:pt>
                <c:pt idx="6517">
                  <c:v>0.89867301352451245</c:v>
                </c:pt>
                <c:pt idx="6518">
                  <c:v>0.89867301352451245</c:v>
                </c:pt>
                <c:pt idx="6519">
                  <c:v>0.81249888893997024</c:v>
                </c:pt>
                <c:pt idx="6520">
                  <c:v>0.73863535358179111</c:v>
                </c:pt>
                <c:pt idx="6521">
                  <c:v>0.66477181822361198</c:v>
                </c:pt>
                <c:pt idx="6522">
                  <c:v>0.64015063977088571</c:v>
                </c:pt>
                <c:pt idx="6523">
                  <c:v>0.51704474750725371</c:v>
                </c:pt>
                <c:pt idx="6524">
                  <c:v>0.38162826601725869</c:v>
                </c:pt>
                <c:pt idx="6525">
                  <c:v>0.38162826601725869</c:v>
                </c:pt>
                <c:pt idx="6526">
                  <c:v>0.38162826601725869</c:v>
                </c:pt>
                <c:pt idx="6527">
                  <c:v>0.38162826601725869</c:v>
                </c:pt>
                <c:pt idx="6528">
                  <c:v>0.47019267355051764</c:v>
                </c:pt>
                <c:pt idx="6529">
                  <c:v>0.54603020154253668</c:v>
                </c:pt>
                <c:pt idx="6530">
                  <c:v>0.54603020154253668</c:v>
                </c:pt>
                <c:pt idx="6531">
                  <c:v>0.54603020154253668</c:v>
                </c:pt>
                <c:pt idx="6532">
                  <c:v>0.54603020154253668</c:v>
                </c:pt>
                <c:pt idx="6533">
                  <c:v>0.68253775192817079</c:v>
                </c:pt>
                <c:pt idx="6534">
                  <c:v>0.80387779671540116</c:v>
                </c:pt>
                <c:pt idx="6535">
                  <c:v>0.95555285269943901</c:v>
                </c:pt>
                <c:pt idx="6536">
                  <c:v>0.95555285269943901</c:v>
                </c:pt>
                <c:pt idx="6537">
                  <c:v>0.95555285269943901</c:v>
                </c:pt>
                <c:pt idx="6538">
                  <c:v>0.95555285269943901</c:v>
                </c:pt>
                <c:pt idx="6539">
                  <c:v>0.95555285269943901</c:v>
                </c:pt>
                <c:pt idx="6540">
                  <c:v>0.95555285269943901</c:v>
                </c:pt>
                <c:pt idx="6541">
                  <c:v>0.95555285269943901</c:v>
                </c:pt>
                <c:pt idx="6542">
                  <c:v>0.95555285269943901</c:v>
                </c:pt>
                <c:pt idx="6543">
                  <c:v>0.84938031351061261</c:v>
                </c:pt>
                <c:pt idx="6544">
                  <c:v>0.83421280791220864</c:v>
                </c:pt>
                <c:pt idx="6545">
                  <c:v>0.71287276312497838</c:v>
                </c:pt>
                <c:pt idx="6546">
                  <c:v>0.66737024632976716</c:v>
                </c:pt>
                <c:pt idx="6547">
                  <c:v>0.56119770714094053</c:v>
                </c:pt>
                <c:pt idx="6548">
                  <c:v>0.47019267355051764</c:v>
                </c:pt>
                <c:pt idx="6549">
                  <c:v>0.40952265115690251</c:v>
                </c:pt>
                <c:pt idx="6550">
                  <c:v>0.40952265115690251</c:v>
                </c:pt>
                <c:pt idx="6551">
                  <c:v>0.40952265115690251</c:v>
                </c:pt>
                <c:pt idx="6552">
                  <c:v>0.36915928693553873</c:v>
                </c:pt>
                <c:pt idx="6553">
                  <c:v>0.36915928693553873</c:v>
                </c:pt>
                <c:pt idx="6554">
                  <c:v>0.36915928693553873</c:v>
                </c:pt>
                <c:pt idx="6555">
                  <c:v>0.36915928693553873</c:v>
                </c:pt>
                <c:pt idx="6556">
                  <c:v>0.36915928693553873</c:v>
                </c:pt>
                <c:pt idx="6557">
                  <c:v>1.5996902433873348</c:v>
                </c:pt>
                <c:pt idx="6558">
                  <c:v>1.815033160766399</c:v>
                </c:pt>
                <c:pt idx="6559">
                  <c:v>1.815033160766399</c:v>
                </c:pt>
                <c:pt idx="6560">
                  <c:v>1.815033160766399</c:v>
                </c:pt>
                <c:pt idx="6561">
                  <c:v>1.9380862564115786</c:v>
                </c:pt>
                <c:pt idx="6562">
                  <c:v>1.9380862564115786</c:v>
                </c:pt>
                <c:pt idx="6563">
                  <c:v>2.4610619129035922</c:v>
                </c:pt>
                <c:pt idx="6564">
                  <c:v>2.4610619129035922</c:v>
                </c:pt>
                <c:pt idx="6565">
                  <c:v>1.6304535172986296</c:v>
                </c:pt>
                <c:pt idx="6566">
                  <c:v>2.4610619129035922</c:v>
                </c:pt>
                <c:pt idx="6567">
                  <c:v>2.4610619129035922</c:v>
                </c:pt>
                <c:pt idx="6568">
                  <c:v>2.4610619129035922</c:v>
                </c:pt>
                <c:pt idx="6569">
                  <c:v>2.4610619129035922</c:v>
                </c:pt>
                <c:pt idx="6570">
                  <c:v>2.4610619129035922</c:v>
                </c:pt>
                <c:pt idx="6571">
                  <c:v>2.0611393520567582</c:v>
                </c:pt>
                <c:pt idx="6572">
                  <c:v>1.6919800651212193</c:v>
                </c:pt>
                <c:pt idx="6573">
                  <c:v>1.2305309564517961</c:v>
                </c:pt>
                <c:pt idx="6574">
                  <c:v>1.1690044086292062</c:v>
                </c:pt>
                <c:pt idx="6575">
                  <c:v>1.1690044086292062</c:v>
                </c:pt>
                <c:pt idx="6576">
                  <c:v>1.0757804592631293</c:v>
                </c:pt>
                <c:pt idx="6577">
                  <c:v>1.0757804592631293</c:v>
                </c:pt>
                <c:pt idx="6578">
                  <c:v>1.0757804592631293</c:v>
                </c:pt>
                <c:pt idx="6579">
                  <c:v>1.0757804592631293</c:v>
                </c:pt>
                <c:pt idx="6580">
                  <c:v>1.0757804592631293</c:v>
                </c:pt>
                <c:pt idx="6581">
                  <c:v>1.398514597042068</c:v>
                </c:pt>
                <c:pt idx="6582">
                  <c:v>1.5598816659315373</c:v>
                </c:pt>
                <c:pt idx="6583">
                  <c:v>1.6136706888946939</c:v>
                </c:pt>
                <c:pt idx="6584">
                  <c:v>1.6136706888946939</c:v>
                </c:pt>
                <c:pt idx="6585">
                  <c:v>1.7481432463025848</c:v>
                </c:pt>
                <c:pt idx="6586">
                  <c:v>1.8288267807473195</c:v>
                </c:pt>
                <c:pt idx="6587">
                  <c:v>2.1515609185262585</c:v>
                </c:pt>
                <c:pt idx="6588">
                  <c:v>2.1515609185262585</c:v>
                </c:pt>
                <c:pt idx="6589">
                  <c:v>2.1515609185262585</c:v>
                </c:pt>
                <c:pt idx="6590">
                  <c:v>2.1515609185262585</c:v>
                </c:pt>
                <c:pt idx="6591">
                  <c:v>2.1515609185262585</c:v>
                </c:pt>
                <c:pt idx="6592">
                  <c:v>2.1515609185262585</c:v>
                </c:pt>
                <c:pt idx="6593">
                  <c:v>2.1515609185262585</c:v>
                </c:pt>
                <c:pt idx="6594">
                  <c:v>2.1515609185262585</c:v>
                </c:pt>
                <c:pt idx="6595">
                  <c:v>1.8019322692657416</c:v>
                </c:pt>
                <c:pt idx="6596">
                  <c:v>1.4791981314868026</c:v>
                </c:pt>
                <c:pt idx="6597">
                  <c:v>1.0757804592631293</c:v>
                </c:pt>
                <c:pt idx="6598">
                  <c:v>1.0757804592631293</c:v>
                </c:pt>
                <c:pt idx="6599">
                  <c:v>1.0757804592631293</c:v>
                </c:pt>
                <c:pt idx="6600">
                  <c:v>0.96223112468682792</c:v>
                </c:pt>
                <c:pt idx="6601">
                  <c:v>1.0825100152726812</c:v>
                </c:pt>
                <c:pt idx="6602">
                  <c:v>1.0825100152726812</c:v>
                </c:pt>
                <c:pt idx="6603">
                  <c:v>1.0825100152726812</c:v>
                </c:pt>
                <c:pt idx="6604">
                  <c:v>1.0825100152726812</c:v>
                </c:pt>
                <c:pt idx="6605">
                  <c:v>1.3952351307959003</c:v>
                </c:pt>
                <c:pt idx="6606">
                  <c:v>1.6117371338504367</c:v>
                </c:pt>
                <c:pt idx="6607">
                  <c:v>1.6117371338504367</c:v>
                </c:pt>
                <c:pt idx="6608">
                  <c:v>1.6117371338504367</c:v>
                </c:pt>
                <c:pt idx="6609">
                  <c:v>1.7320160244362901</c:v>
                </c:pt>
                <c:pt idx="6610">
                  <c:v>1.8763506931393144</c:v>
                </c:pt>
                <c:pt idx="6611">
                  <c:v>2.1650200305453624</c:v>
                </c:pt>
                <c:pt idx="6612">
                  <c:v>2.1650200305453624</c:v>
                </c:pt>
                <c:pt idx="6613">
                  <c:v>2.1650200305453624</c:v>
                </c:pt>
                <c:pt idx="6614">
                  <c:v>2.1650200305453624</c:v>
                </c:pt>
                <c:pt idx="6615">
                  <c:v>2.1650200305453624</c:v>
                </c:pt>
                <c:pt idx="6616">
                  <c:v>2.1650200305453624</c:v>
                </c:pt>
                <c:pt idx="6617">
                  <c:v>2.1650200305453624</c:v>
                </c:pt>
                <c:pt idx="6618">
                  <c:v>2.1650200305453624</c:v>
                </c:pt>
                <c:pt idx="6619">
                  <c:v>1.8041833587878022</c:v>
                </c:pt>
                <c:pt idx="6620">
                  <c:v>1.443346687030242</c:v>
                </c:pt>
                <c:pt idx="6621">
                  <c:v>1.0825100152726812</c:v>
                </c:pt>
                <c:pt idx="6622">
                  <c:v>1.0825100152726812</c:v>
                </c:pt>
                <c:pt idx="6623">
                  <c:v>1.0825100152726812</c:v>
                </c:pt>
                <c:pt idx="6624">
                  <c:v>1.0884582126070528</c:v>
                </c:pt>
                <c:pt idx="6625">
                  <c:v>1.0884582126070528</c:v>
                </c:pt>
                <c:pt idx="6626">
                  <c:v>1.0884582126070528</c:v>
                </c:pt>
                <c:pt idx="6627">
                  <c:v>1.0884582126070528</c:v>
                </c:pt>
                <c:pt idx="6628">
                  <c:v>1.0884582126070528</c:v>
                </c:pt>
                <c:pt idx="6629">
                  <c:v>1.4029016962490903</c:v>
                </c:pt>
                <c:pt idx="6630">
                  <c:v>1.6205933387705012</c:v>
                </c:pt>
                <c:pt idx="6631">
                  <c:v>1.6205933387705012</c:v>
                </c:pt>
                <c:pt idx="6632">
                  <c:v>1.6205933387705012</c:v>
                </c:pt>
                <c:pt idx="6633">
                  <c:v>1.7415331401712846</c:v>
                </c:pt>
                <c:pt idx="6634">
                  <c:v>1.8866609018522247</c:v>
                </c:pt>
                <c:pt idx="6635">
                  <c:v>2.1769164252141056</c:v>
                </c:pt>
                <c:pt idx="6636">
                  <c:v>2.1769164252141056</c:v>
                </c:pt>
                <c:pt idx="6637">
                  <c:v>2.1769164252141056</c:v>
                </c:pt>
                <c:pt idx="6638">
                  <c:v>2.1769164252141056</c:v>
                </c:pt>
                <c:pt idx="6639">
                  <c:v>2.1769164252141056</c:v>
                </c:pt>
                <c:pt idx="6640">
                  <c:v>2.1769164252141056</c:v>
                </c:pt>
                <c:pt idx="6641">
                  <c:v>2.1769164252141056</c:v>
                </c:pt>
                <c:pt idx="6642">
                  <c:v>2.1769164252141056</c:v>
                </c:pt>
                <c:pt idx="6643">
                  <c:v>1.8140970210117546</c:v>
                </c:pt>
                <c:pt idx="6644">
                  <c:v>1.4512776168094039</c:v>
                </c:pt>
                <c:pt idx="6645">
                  <c:v>1.0884582126070528</c:v>
                </c:pt>
                <c:pt idx="6646">
                  <c:v>1.0884582126070528</c:v>
                </c:pt>
                <c:pt idx="6647">
                  <c:v>1.0884582126070528</c:v>
                </c:pt>
                <c:pt idx="6648">
                  <c:v>1.2088852606335079</c:v>
                </c:pt>
                <c:pt idx="6649">
                  <c:v>1.2088852606335079</c:v>
                </c:pt>
                <c:pt idx="6650">
                  <c:v>1.2088852606335079</c:v>
                </c:pt>
                <c:pt idx="6651">
                  <c:v>1.2088852606335079</c:v>
                </c:pt>
                <c:pt idx="6652">
                  <c:v>1.2088852606335079</c:v>
                </c:pt>
                <c:pt idx="6653">
                  <c:v>1.5581187803720769</c:v>
                </c:pt>
                <c:pt idx="6654">
                  <c:v>1.8804881832076787</c:v>
                </c:pt>
                <c:pt idx="6655">
                  <c:v>1.8804881832076787</c:v>
                </c:pt>
                <c:pt idx="6656">
                  <c:v>1.8804881832076787</c:v>
                </c:pt>
                <c:pt idx="6657">
                  <c:v>2.014808767722513</c:v>
                </c:pt>
                <c:pt idx="6658">
                  <c:v>2.0954011184314134</c:v>
                </c:pt>
                <c:pt idx="6659">
                  <c:v>2.4177705212670157</c:v>
                </c:pt>
                <c:pt idx="6660">
                  <c:v>2.4177705212670157</c:v>
                </c:pt>
                <c:pt idx="6661">
                  <c:v>2.4177705212670157</c:v>
                </c:pt>
                <c:pt idx="6662">
                  <c:v>2.4177705212670157</c:v>
                </c:pt>
                <c:pt idx="6663">
                  <c:v>2.014808767722513</c:v>
                </c:pt>
                <c:pt idx="6664">
                  <c:v>1.9073523001106456</c:v>
                </c:pt>
                <c:pt idx="6665">
                  <c:v>1.9073523001106456</c:v>
                </c:pt>
                <c:pt idx="6666">
                  <c:v>1.9073523001106456</c:v>
                </c:pt>
                <c:pt idx="6667">
                  <c:v>1.9073523001106456</c:v>
                </c:pt>
                <c:pt idx="6668">
                  <c:v>1.477526429663176</c:v>
                </c:pt>
                <c:pt idx="6669">
                  <c:v>0.56414645496230365</c:v>
                </c:pt>
                <c:pt idx="6670">
                  <c:v>0.56414645496230365</c:v>
                </c:pt>
                <c:pt idx="6671">
                  <c:v>0.56414645496230365</c:v>
                </c:pt>
                <c:pt idx="6672">
                  <c:v>0.34690477402576392</c:v>
                </c:pt>
                <c:pt idx="6673">
                  <c:v>0.67729027309792011</c:v>
                </c:pt>
                <c:pt idx="6674">
                  <c:v>0.67729027309792011</c:v>
                </c:pt>
                <c:pt idx="6675">
                  <c:v>0.67729027309792011</c:v>
                </c:pt>
                <c:pt idx="6676">
                  <c:v>0.67729027309792011</c:v>
                </c:pt>
                <c:pt idx="6677">
                  <c:v>0.84248302263399832</c:v>
                </c:pt>
                <c:pt idx="6678">
                  <c:v>1.0572335970308997</c:v>
                </c:pt>
                <c:pt idx="6679">
                  <c:v>1.20590707161337</c:v>
                </c:pt>
                <c:pt idx="6680">
                  <c:v>1.20590707161337</c:v>
                </c:pt>
                <c:pt idx="6681">
                  <c:v>1.20590707161337</c:v>
                </c:pt>
                <c:pt idx="6682">
                  <c:v>1.20590707161337</c:v>
                </c:pt>
                <c:pt idx="6683">
                  <c:v>1.20590707161337</c:v>
                </c:pt>
                <c:pt idx="6684">
                  <c:v>1.20590707161337</c:v>
                </c:pt>
                <c:pt idx="6685">
                  <c:v>1.20590707161337</c:v>
                </c:pt>
                <c:pt idx="6686">
                  <c:v>1.20590707161337</c:v>
                </c:pt>
                <c:pt idx="6687">
                  <c:v>1.0902721469381154</c:v>
                </c:pt>
                <c:pt idx="6688">
                  <c:v>0.99115649721646837</c:v>
                </c:pt>
                <c:pt idx="6689">
                  <c:v>0.8920408474948216</c:v>
                </c:pt>
                <c:pt idx="6690">
                  <c:v>0.85900229758760593</c:v>
                </c:pt>
                <c:pt idx="6691">
                  <c:v>0.69380954805152784</c:v>
                </c:pt>
                <c:pt idx="6692">
                  <c:v>0.51209752356184202</c:v>
                </c:pt>
                <c:pt idx="6693">
                  <c:v>0.51209752356184202</c:v>
                </c:pt>
                <c:pt idx="6694">
                  <c:v>0.51209752356184202</c:v>
                </c:pt>
                <c:pt idx="6695">
                  <c:v>0.51209752356184202</c:v>
                </c:pt>
                <c:pt idx="6696">
                  <c:v>0.63549013889911932</c:v>
                </c:pt>
                <c:pt idx="6697">
                  <c:v>0.73798854839897743</c:v>
                </c:pt>
                <c:pt idx="6698">
                  <c:v>0.73798854839897743</c:v>
                </c:pt>
                <c:pt idx="6699">
                  <c:v>0.73798854839897743</c:v>
                </c:pt>
                <c:pt idx="6700">
                  <c:v>0.73798854839897743</c:v>
                </c:pt>
                <c:pt idx="6701">
                  <c:v>0.92248568549872167</c:v>
                </c:pt>
                <c:pt idx="6702">
                  <c:v>1.0864831406984945</c:v>
                </c:pt>
                <c:pt idx="6703">
                  <c:v>1.2914799596982103</c:v>
                </c:pt>
                <c:pt idx="6704">
                  <c:v>1.2914799596982103</c:v>
                </c:pt>
                <c:pt idx="6705">
                  <c:v>1.2914799596982103</c:v>
                </c:pt>
                <c:pt idx="6706">
                  <c:v>1.2914799596982103</c:v>
                </c:pt>
                <c:pt idx="6707">
                  <c:v>1.2914799596982103</c:v>
                </c:pt>
                <c:pt idx="6708">
                  <c:v>1.2914799596982103</c:v>
                </c:pt>
                <c:pt idx="6709">
                  <c:v>1.2914799596982103</c:v>
                </c:pt>
                <c:pt idx="6710">
                  <c:v>1.2914799596982103</c:v>
                </c:pt>
                <c:pt idx="6711">
                  <c:v>1.1479821863984092</c:v>
                </c:pt>
                <c:pt idx="6712">
                  <c:v>1.1274825044984373</c:v>
                </c:pt>
                <c:pt idx="6713">
                  <c:v>0.96348504929866496</c:v>
                </c:pt>
                <c:pt idx="6714">
                  <c:v>0.90198600359875014</c:v>
                </c:pt>
                <c:pt idx="6715">
                  <c:v>0.75848823029894885</c:v>
                </c:pt>
                <c:pt idx="6716">
                  <c:v>0.63549013889911932</c:v>
                </c:pt>
                <c:pt idx="6717">
                  <c:v>0.55349141129923296</c:v>
                </c:pt>
                <c:pt idx="6718">
                  <c:v>0.55349141129923296</c:v>
                </c:pt>
                <c:pt idx="6719">
                  <c:v>0.55349141129923296</c:v>
                </c:pt>
                <c:pt idx="6720">
                  <c:v>0.38344594337855542</c:v>
                </c:pt>
                <c:pt idx="6721">
                  <c:v>0.38344594337855542</c:v>
                </c:pt>
                <c:pt idx="6722">
                  <c:v>0.38344594337855542</c:v>
                </c:pt>
                <c:pt idx="6723">
                  <c:v>0.38344594337855542</c:v>
                </c:pt>
                <c:pt idx="6724">
                  <c:v>0.38344594337855542</c:v>
                </c:pt>
                <c:pt idx="6725">
                  <c:v>1.6615990879737403</c:v>
                </c:pt>
                <c:pt idx="6726">
                  <c:v>1.8852758882778979</c:v>
                </c:pt>
                <c:pt idx="6727">
                  <c:v>1.8852758882778979</c:v>
                </c:pt>
                <c:pt idx="6728">
                  <c:v>1.8852758882778979</c:v>
                </c:pt>
                <c:pt idx="6729">
                  <c:v>2.0130912027374164</c:v>
                </c:pt>
                <c:pt idx="6730">
                  <c:v>2.0130912027374164</c:v>
                </c:pt>
                <c:pt idx="6731">
                  <c:v>2.5563062891903701</c:v>
                </c:pt>
                <c:pt idx="6732">
                  <c:v>2.5563062891903701</c:v>
                </c:pt>
                <c:pt idx="6733">
                  <c:v>1.6935529165886203</c:v>
                </c:pt>
                <c:pt idx="6734">
                  <c:v>2.5563062891903701</c:v>
                </c:pt>
                <c:pt idx="6735">
                  <c:v>2.5563062891903701</c:v>
                </c:pt>
                <c:pt idx="6736">
                  <c:v>2.5563062891903701</c:v>
                </c:pt>
                <c:pt idx="6737">
                  <c:v>2.5563062891903701</c:v>
                </c:pt>
                <c:pt idx="6738">
                  <c:v>2.5563062891903701</c:v>
                </c:pt>
                <c:pt idx="6739">
                  <c:v>2.1409065171969348</c:v>
                </c:pt>
                <c:pt idx="6740">
                  <c:v>1.7574605738183793</c:v>
                </c:pt>
                <c:pt idx="6741">
                  <c:v>1.278153144595185</c:v>
                </c:pt>
                <c:pt idx="6742">
                  <c:v>1.2142454873654256</c:v>
                </c:pt>
                <c:pt idx="6743">
                  <c:v>1.2142454873654256</c:v>
                </c:pt>
                <c:pt idx="6744">
                  <c:v>1.1051410670704105</c:v>
                </c:pt>
                <c:pt idx="6745">
                  <c:v>1.1051410670704105</c:v>
                </c:pt>
                <c:pt idx="6746">
                  <c:v>1.1051410670704105</c:v>
                </c:pt>
                <c:pt idx="6747">
                  <c:v>1.1051410670704105</c:v>
                </c:pt>
                <c:pt idx="6748">
                  <c:v>1.1051410670704105</c:v>
                </c:pt>
                <c:pt idx="6749">
                  <c:v>1.4366833871915337</c:v>
                </c:pt>
                <c:pt idx="6750">
                  <c:v>1.602454547252095</c:v>
                </c:pt>
                <c:pt idx="6751">
                  <c:v>1.6577116006056158</c:v>
                </c:pt>
                <c:pt idx="6752">
                  <c:v>1.6577116006056158</c:v>
                </c:pt>
                <c:pt idx="6753">
                  <c:v>1.7958542339894168</c:v>
                </c:pt>
                <c:pt idx="6754">
                  <c:v>1.8787398140196978</c:v>
                </c:pt>
                <c:pt idx="6755">
                  <c:v>2.210282134140821</c:v>
                </c:pt>
                <c:pt idx="6756">
                  <c:v>2.210282134140821</c:v>
                </c:pt>
                <c:pt idx="6757">
                  <c:v>2.210282134140821</c:v>
                </c:pt>
                <c:pt idx="6758">
                  <c:v>2.210282134140821</c:v>
                </c:pt>
                <c:pt idx="6759">
                  <c:v>2.210282134140821</c:v>
                </c:pt>
                <c:pt idx="6760">
                  <c:v>2.210282134140821</c:v>
                </c:pt>
                <c:pt idx="6761">
                  <c:v>2.210282134140821</c:v>
                </c:pt>
                <c:pt idx="6762">
                  <c:v>2.210282134140821</c:v>
                </c:pt>
                <c:pt idx="6763">
                  <c:v>1.8511112873429376</c:v>
                </c:pt>
                <c:pt idx="6764">
                  <c:v>1.5195689672218144</c:v>
                </c:pt>
                <c:pt idx="6765">
                  <c:v>1.1051410670704105</c:v>
                </c:pt>
                <c:pt idx="6766">
                  <c:v>1.1051410670704105</c:v>
                </c:pt>
                <c:pt idx="6767">
                  <c:v>1.1051410670704105</c:v>
                </c:pt>
                <c:pt idx="6768">
                  <c:v>0.97188564007874145</c:v>
                </c:pt>
                <c:pt idx="6769">
                  <c:v>1.093371345088584</c:v>
                </c:pt>
                <c:pt idx="6770">
                  <c:v>1.093371345088584</c:v>
                </c:pt>
                <c:pt idx="6771">
                  <c:v>1.093371345088584</c:v>
                </c:pt>
                <c:pt idx="6772">
                  <c:v>1.093371345088584</c:v>
                </c:pt>
                <c:pt idx="6773">
                  <c:v>1.4092341781141748</c:v>
                </c:pt>
                <c:pt idx="6774">
                  <c:v>1.6279084471318919</c:v>
                </c:pt>
                <c:pt idx="6775">
                  <c:v>1.6279084471318919</c:v>
                </c:pt>
                <c:pt idx="6776">
                  <c:v>1.6279084471318919</c:v>
                </c:pt>
                <c:pt idx="6777">
                  <c:v>1.7493941521417347</c:v>
                </c:pt>
                <c:pt idx="6778">
                  <c:v>1.8951769981535456</c:v>
                </c:pt>
                <c:pt idx="6779">
                  <c:v>2.186742690177168</c:v>
                </c:pt>
                <c:pt idx="6780">
                  <c:v>2.186742690177168</c:v>
                </c:pt>
                <c:pt idx="6781">
                  <c:v>2.186742690177168</c:v>
                </c:pt>
                <c:pt idx="6782">
                  <c:v>2.186742690177168</c:v>
                </c:pt>
                <c:pt idx="6783">
                  <c:v>2.186742690177168</c:v>
                </c:pt>
                <c:pt idx="6784">
                  <c:v>2.186742690177168</c:v>
                </c:pt>
                <c:pt idx="6785">
                  <c:v>2.186742690177168</c:v>
                </c:pt>
                <c:pt idx="6786">
                  <c:v>2.186742690177168</c:v>
                </c:pt>
                <c:pt idx="6787">
                  <c:v>1.8222855751476399</c:v>
                </c:pt>
                <c:pt idx="6788">
                  <c:v>1.4578284601181122</c:v>
                </c:pt>
                <c:pt idx="6789">
                  <c:v>1.093371345088584</c:v>
                </c:pt>
                <c:pt idx="6790">
                  <c:v>1.093371345088584</c:v>
                </c:pt>
                <c:pt idx="6791">
                  <c:v>1.093371345088584</c:v>
                </c:pt>
                <c:pt idx="6792">
                  <c:v>1.0977392609736676</c:v>
                </c:pt>
                <c:pt idx="6793">
                  <c:v>1.0977392609736676</c:v>
                </c:pt>
                <c:pt idx="6794">
                  <c:v>1.0977392609736676</c:v>
                </c:pt>
                <c:pt idx="6795">
                  <c:v>1.0977392609736676</c:v>
                </c:pt>
                <c:pt idx="6796">
                  <c:v>1.0977392609736676</c:v>
                </c:pt>
                <c:pt idx="6797">
                  <c:v>1.4148639363660604</c:v>
                </c:pt>
                <c:pt idx="6798">
                  <c:v>1.6344117885607943</c:v>
                </c:pt>
                <c:pt idx="6799">
                  <c:v>1.6344117885607943</c:v>
                </c:pt>
                <c:pt idx="6800">
                  <c:v>1.6344117885607943</c:v>
                </c:pt>
                <c:pt idx="6801">
                  <c:v>1.7563828175578684</c:v>
                </c:pt>
                <c:pt idx="6802">
                  <c:v>1.9027480523543572</c:v>
                </c:pt>
                <c:pt idx="6803">
                  <c:v>2.1954785219473352</c:v>
                </c:pt>
                <c:pt idx="6804">
                  <c:v>2.1954785219473352</c:v>
                </c:pt>
                <c:pt idx="6805">
                  <c:v>2.1954785219473352</c:v>
                </c:pt>
                <c:pt idx="6806">
                  <c:v>2.1954785219473352</c:v>
                </c:pt>
                <c:pt idx="6807">
                  <c:v>2.1954785219473352</c:v>
                </c:pt>
                <c:pt idx="6808">
                  <c:v>2.1954785219473352</c:v>
                </c:pt>
                <c:pt idx="6809">
                  <c:v>2.1954785219473352</c:v>
                </c:pt>
                <c:pt idx="6810">
                  <c:v>2.1954785219473352</c:v>
                </c:pt>
                <c:pt idx="6811">
                  <c:v>1.8295654349561128</c:v>
                </c:pt>
                <c:pt idx="6812">
                  <c:v>1.4636523479648902</c:v>
                </c:pt>
                <c:pt idx="6813">
                  <c:v>1.0977392609736676</c:v>
                </c:pt>
                <c:pt idx="6814">
                  <c:v>1.0977392609736676</c:v>
                </c:pt>
                <c:pt idx="6815">
                  <c:v>1.0977392609736676</c:v>
                </c:pt>
                <c:pt idx="6816">
                  <c:v>1.2114261275497893</c:v>
                </c:pt>
                <c:pt idx="6817">
                  <c:v>1.2114261275497893</c:v>
                </c:pt>
                <c:pt idx="6818">
                  <c:v>1.2114261275497893</c:v>
                </c:pt>
                <c:pt idx="6819">
                  <c:v>1.2114261275497893</c:v>
                </c:pt>
                <c:pt idx="6820">
                  <c:v>1.2114261275497893</c:v>
                </c:pt>
                <c:pt idx="6821">
                  <c:v>1.5613936755086175</c:v>
                </c:pt>
                <c:pt idx="6822">
                  <c:v>1.8844406428552283</c:v>
                </c:pt>
                <c:pt idx="6823">
                  <c:v>1.8844406428552283</c:v>
                </c:pt>
                <c:pt idx="6824">
                  <c:v>1.8844406428552283</c:v>
                </c:pt>
                <c:pt idx="6825">
                  <c:v>2.0190435459163156</c:v>
                </c:pt>
                <c:pt idx="6826">
                  <c:v>2.0998052877529685</c:v>
                </c:pt>
                <c:pt idx="6827">
                  <c:v>2.4228522550995786</c:v>
                </c:pt>
                <c:pt idx="6828">
                  <c:v>2.4228522550995786</c:v>
                </c:pt>
                <c:pt idx="6829">
                  <c:v>2.4228522550995786</c:v>
                </c:pt>
                <c:pt idx="6830">
                  <c:v>2.4228522550995786</c:v>
                </c:pt>
                <c:pt idx="6831">
                  <c:v>2.0190435459163156</c:v>
                </c:pt>
                <c:pt idx="6832">
                  <c:v>1.911361223467446</c:v>
                </c:pt>
                <c:pt idx="6833">
                  <c:v>1.911361223467446</c:v>
                </c:pt>
                <c:pt idx="6834">
                  <c:v>1.911361223467446</c:v>
                </c:pt>
                <c:pt idx="6835">
                  <c:v>1.911361223467446</c:v>
                </c:pt>
                <c:pt idx="6836">
                  <c:v>1.4806319336719649</c:v>
                </c:pt>
                <c:pt idx="6837">
                  <c:v>0.56533219285656844</c:v>
                </c:pt>
                <c:pt idx="6838">
                  <c:v>0.56533219285656844</c:v>
                </c:pt>
                <c:pt idx="6839">
                  <c:v>0.56533219285656844</c:v>
                </c:pt>
                <c:pt idx="6840">
                  <c:v>0.33386474775610436</c:v>
                </c:pt>
                <c:pt idx="6841">
                  <c:v>0.65183117419048953</c:v>
                </c:pt>
                <c:pt idx="6842">
                  <c:v>0.65183117419048953</c:v>
                </c:pt>
                <c:pt idx="6843">
                  <c:v>0.65183117419048953</c:v>
                </c:pt>
                <c:pt idx="6844">
                  <c:v>0.65183117419048953</c:v>
                </c:pt>
                <c:pt idx="6845">
                  <c:v>0.81081438740768208</c:v>
                </c:pt>
                <c:pt idx="6846">
                  <c:v>1.0174925645900323</c:v>
                </c:pt>
                <c:pt idx="6847">
                  <c:v>1.1605774564855056</c:v>
                </c:pt>
                <c:pt idx="6848">
                  <c:v>1.1605774564855056</c:v>
                </c:pt>
                <c:pt idx="6849">
                  <c:v>1.1605774564855056</c:v>
                </c:pt>
                <c:pt idx="6850">
                  <c:v>1.1605774564855056</c:v>
                </c:pt>
                <c:pt idx="6851">
                  <c:v>1.1605774564855056</c:v>
                </c:pt>
                <c:pt idx="6852">
                  <c:v>1.1605774564855056</c:v>
                </c:pt>
                <c:pt idx="6853">
                  <c:v>1.1605774564855056</c:v>
                </c:pt>
                <c:pt idx="6854">
                  <c:v>1.1605774564855056</c:v>
                </c:pt>
                <c:pt idx="6855">
                  <c:v>1.0492892072334707</c:v>
                </c:pt>
                <c:pt idx="6856">
                  <c:v>0.95389927930315521</c:v>
                </c:pt>
                <c:pt idx="6857">
                  <c:v>0.8585093513728399</c:v>
                </c:pt>
                <c:pt idx="6858">
                  <c:v>0.82671270872940128</c:v>
                </c:pt>
                <c:pt idx="6859">
                  <c:v>0.66772949551220873</c:v>
                </c:pt>
                <c:pt idx="6860">
                  <c:v>0.49284796097329686</c:v>
                </c:pt>
                <c:pt idx="6861">
                  <c:v>0.49284796097329686</c:v>
                </c:pt>
                <c:pt idx="6862">
                  <c:v>0.49284796097329686</c:v>
                </c:pt>
                <c:pt idx="6863">
                  <c:v>0.49284796097329686</c:v>
                </c:pt>
                <c:pt idx="6864">
                  <c:v>0.58687323732600105</c:v>
                </c:pt>
                <c:pt idx="6865">
                  <c:v>0.68153021108825929</c:v>
                </c:pt>
                <c:pt idx="6866">
                  <c:v>0.68153021108825929</c:v>
                </c:pt>
                <c:pt idx="6867">
                  <c:v>0.68153021108825929</c:v>
                </c:pt>
                <c:pt idx="6868">
                  <c:v>0.68153021108825929</c:v>
                </c:pt>
                <c:pt idx="6869">
                  <c:v>0.85191276386032411</c:v>
                </c:pt>
                <c:pt idx="6870">
                  <c:v>1.0033639218799375</c:v>
                </c:pt>
                <c:pt idx="6871">
                  <c:v>1.1926778694044537</c:v>
                </c:pt>
                <c:pt idx="6872">
                  <c:v>1.1926778694044537</c:v>
                </c:pt>
                <c:pt idx="6873">
                  <c:v>1.1926778694044537</c:v>
                </c:pt>
                <c:pt idx="6874">
                  <c:v>1.1926778694044537</c:v>
                </c:pt>
                <c:pt idx="6875">
                  <c:v>1.1926778694044537</c:v>
                </c:pt>
                <c:pt idx="6876">
                  <c:v>1.1926778694044537</c:v>
                </c:pt>
                <c:pt idx="6877">
                  <c:v>1.1926778694044537</c:v>
                </c:pt>
                <c:pt idx="6878">
                  <c:v>1.1926778694044537</c:v>
                </c:pt>
                <c:pt idx="6879">
                  <c:v>1.0601581061372922</c:v>
                </c:pt>
                <c:pt idx="6880">
                  <c:v>1.0412267113848406</c:v>
                </c:pt>
                <c:pt idx="6881">
                  <c:v>0.8897755533652274</c:v>
                </c:pt>
                <c:pt idx="6882">
                  <c:v>0.83298136910787257</c:v>
                </c:pt>
                <c:pt idx="6883">
                  <c:v>0.70046160584071093</c:v>
                </c:pt>
                <c:pt idx="6884">
                  <c:v>0.58687323732600105</c:v>
                </c:pt>
                <c:pt idx="6885">
                  <c:v>0.51114765831619458</c:v>
                </c:pt>
                <c:pt idx="6886">
                  <c:v>0.51114765831619458</c:v>
                </c:pt>
                <c:pt idx="6887">
                  <c:v>0.51114765831619458</c:v>
                </c:pt>
                <c:pt idx="6888">
                  <c:v>0.38132940168329371</c:v>
                </c:pt>
                <c:pt idx="6889">
                  <c:v>0.38132940168329371</c:v>
                </c:pt>
                <c:pt idx="6890">
                  <c:v>0.38132940168329371</c:v>
                </c:pt>
                <c:pt idx="6891">
                  <c:v>0.38132940168329371</c:v>
                </c:pt>
                <c:pt idx="6892">
                  <c:v>0.38132940168329371</c:v>
                </c:pt>
                <c:pt idx="6893">
                  <c:v>1.6524274072942731</c:v>
                </c:pt>
                <c:pt idx="6894">
                  <c:v>1.8748695582761943</c:v>
                </c:pt>
                <c:pt idx="6895">
                  <c:v>1.8748695582761943</c:v>
                </c:pt>
                <c:pt idx="6896">
                  <c:v>1.8748695582761943</c:v>
                </c:pt>
                <c:pt idx="6897">
                  <c:v>2.0019793588372923</c:v>
                </c:pt>
                <c:pt idx="6898">
                  <c:v>2.0019793588372923</c:v>
                </c:pt>
                <c:pt idx="6899">
                  <c:v>2.5421960112219586</c:v>
                </c:pt>
                <c:pt idx="6900">
                  <c:v>2.5421960112219586</c:v>
                </c:pt>
                <c:pt idx="6901">
                  <c:v>1.6842048574345476</c:v>
                </c:pt>
                <c:pt idx="6902">
                  <c:v>2.5421960112219586</c:v>
                </c:pt>
                <c:pt idx="6903">
                  <c:v>2.5421960112219586</c:v>
                </c:pt>
                <c:pt idx="6904">
                  <c:v>2.5421960112219586</c:v>
                </c:pt>
                <c:pt idx="6905">
                  <c:v>2.5421960112219586</c:v>
                </c:pt>
                <c:pt idx="6906">
                  <c:v>2.5421960112219586</c:v>
                </c:pt>
                <c:pt idx="6907">
                  <c:v>2.1290891593983901</c:v>
                </c:pt>
                <c:pt idx="6908">
                  <c:v>1.7477597577150963</c:v>
                </c:pt>
                <c:pt idx="6909">
                  <c:v>1.2710980056109793</c:v>
                </c:pt>
                <c:pt idx="6910">
                  <c:v>1.2075431053304302</c:v>
                </c:pt>
                <c:pt idx="6911">
                  <c:v>1.2075431053304302</c:v>
                </c:pt>
                <c:pt idx="6912">
                  <c:v>1.1283204942866856</c:v>
                </c:pt>
                <c:pt idx="6913">
                  <c:v>1.1283204942866856</c:v>
                </c:pt>
                <c:pt idx="6914">
                  <c:v>1.1283204942866856</c:v>
                </c:pt>
                <c:pt idx="6915">
                  <c:v>1.1283204942866856</c:v>
                </c:pt>
                <c:pt idx="6916">
                  <c:v>1.1283204942866856</c:v>
                </c:pt>
                <c:pt idx="6917">
                  <c:v>1.466816642572691</c:v>
                </c:pt>
                <c:pt idx="6918">
                  <c:v>1.6360647167156939</c:v>
                </c:pt>
                <c:pt idx="6919">
                  <c:v>1.6924807414300285</c:v>
                </c:pt>
                <c:pt idx="6920">
                  <c:v>1.6924807414300285</c:v>
                </c:pt>
                <c:pt idx="6921">
                  <c:v>1.8335208032158639</c:v>
                </c:pt>
                <c:pt idx="6922">
                  <c:v>1.9181448402873651</c:v>
                </c:pt>
                <c:pt idx="6923">
                  <c:v>2.2566409885733711</c:v>
                </c:pt>
                <c:pt idx="6924">
                  <c:v>2.2566409885733711</c:v>
                </c:pt>
                <c:pt idx="6925">
                  <c:v>2.2566409885733711</c:v>
                </c:pt>
                <c:pt idx="6926">
                  <c:v>2.2566409885733711</c:v>
                </c:pt>
                <c:pt idx="6927">
                  <c:v>2.2566409885733711</c:v>
                </c:pt>
                <c:pt idx="6928">
                  <c:v>2.2566409885733711</c:v>
                </c:pt>
                <c:pt idx="6929">
                  <c:v>2.2566409885733711</c:v>
                </c:pt>
                <c:pt idx="6930">
                  <c:v>2.2566409885733711</c:v>
                </c:pt>
                <c:pt idx="6931">
                  <c:v>1.8899368279301982</c:v>
                </c:pt>
                <c:pt idx="6932">
                  <c:v>1.5514406796441926</c:v>
                </c:pt>
                <c:pt idx="6933">
                  <c:v>1.1283204942866856</c:v>
                </c:pt>
                <c:pt idx="6934">
                  <c:v>1.1283204942866856</c:v>
                </c:pt>
                <c:pt idx="6935">
                  <c:v>1.1283204942866856</c:v>
                </c:pt>
                <c:pt idx="6936">
                  <c:v>0.98291937195521395</c:v>
                </c:pt>
                <c:pt idx="6937">
                  <c:v>1.1057842934496156</c:v>
                </c:pt>
                <c:pt idx="6938">
                  <c:v>1.1057842934496156</c:v>
                </c:pt>
                <c:pt idx="6939">
                  <c:v>1.1057842934496156</c:v>
                </c:pt>
                <c:pt idx="6940">
                  <c:v>1.1057842934496156</c:v>
                </c:pt>
                <c:pt idx="6941">
                  <c:v>1.4252330893350602</c:v>
                </c:pt>
                <c:pt idx="6942">
                  <c:v>1.6463899480249835</c:v>
                </c:pt>
                <c:pt idx="6943">
                  <c:v>1.6463899480249835</c:v>
                </c:pt>
                <c:pt idx="6944">
                  <c:v>1.6463899480249835</c:v>
                </c:pt>
                <c:pt idx="6945">
                  <c:v>1.769254869519385</c:v>
                </c:pt>
                <c:pt idx="6946">
                  <c:v>1.916692775312667</c:v>
                </c:pt>
                <c:pt idx="6947">
                  <c:v>2.2115685868992312</c:v>
                </c:pt>
                <c:pt idx="6948">
                  <c:v>2.2115685868992312</c:v>
                </c:pt>
                <c:pt idx="6949">
                  <c:v>2.2115685868992312</c:v>
                </c:pt>
                <c:pt idx="6950">
                  <c:v>2.2115685868992312</c:v>
                </c:pt>
                <c:pt idx="6951">
                  <c:v>2.2115685868992312</c:v>
                </c:pt>
                <c:pt idx="6952">
                  <c:v>2.2115685868992312</c:v>
                </c:pt>
                <c:pt idx="6953">
                  <c:v>2.2115685868992312</c:v>
                </c:pt>
                <c:pt idx="6954">
                  <c:v>2.2115685868992312</c:v>
                </c:pt>
                <c:pt idx="6955">
                  <c:v>1.8429738224160261</c:v>
                </c:pt>
                <c:pt idx="6956">
                  <c:v>1.4743790579328211</c:v>
                </c:pt>
                <c:pt idx="6957">
                  <c:v>1.1057842934496156</c:v>
                </c:pt>
                <c:pt idx="6958">
                  <c:v>1.1057842934496156</c:v>
                </c:pt>
                <c:pt idx="6959">
                  <c:v>1.1057842934496156</c:v>
                </c:pt>
                <c:pt idx="6960">
                  <c:v>1.1178481991013334</c:v>
                </c:pt>
                <c:pt idx="6961">
                  <c:v>1.1178481991013334</c:v>
                </c:pt>
                <c:pt idx="6962">
                  <c:v>1.1178481991013334</c:v>
                </c:pt>
                <c:pt idx="6963">
                  <c:v>1.1178481991013334</c:v>
                </c:pt>
                <c:pt idx="6964">
                  <c:v>1.1178481991013334</c:v>
                </c:pt>
                <c:pt idx="6965">
                  <c:v>1.4407821232861631</c:v>
                </c:pt>
                <c:pt idx="6966">
                  <c:v>1.6643517631064302</c:v>
                </c:pt>
                <c:pt idx="6967">
                  <c:v>1.6643517631064302</c:v>
                </c:pt>
                <c:pt idx="6968">
                  <c:v>1.6643517631064302</c:v>
                </c:pt>
                <c:pt idx="6969">
                  <c:v>1.7885571185621336</c:v>
                </c:pt>
                <c:pt idx="6970">
                  <c:v>1.9376035451089781</c:v>
                </c:pt>
                <c:pt idx="6971">
                  <c:v>2.2356963982026667</c:v>
                </c:pt>
                <c:pt idx="6972">
                  <c:v>2.2356963982026667</c:v>
                </c:pt>
                <c:pt idx="6973">
                  <c:v>2.2356963982026667</c:v>
                </c:pt>
                <c:pt idx="6974">
                  <c:v>2.2356963982026667</c:v>
                </c:pt>
                <c:pt idx="6975">
                  <c:v>2.2356963982026667</c:v>
                </c:pt>
                <c:pt idx="6976">
                  <c:v>2.2356963982026667</c:v>
                </c:pt>
                <c:pt idx="6977">
                  <c:v>2.2356963982026667</c:v>
                </c:pt>
                <c:pt idx="6978">
                  <c:v>2.2356963982026667</c:v>
                </c:pt>
                <c:pt idx="6979">
                  <c:v>1.8630803318355558</c:v>
                </c:pt>
                <c:pt idx="6980">
                  <c:v>1.4904642654684446</c:v>
                </c:pt>
                <c:pt idx="6981">
                  <c:v>1.1178481991013334</c:v>
                </c:pt>
                <c:pt idx="6982">
                  <c:v>1.1178481991013334</c:v>
                </c:pt>
                <c:pt idx="6983">
                  <c:v>1.1178481991013334</c:v>
                </c:pt>
                <c:pt idx="6984">
                  <c:v>1.2750959936721575</c:v>
                </c:pt>
                <c:pt idx="6985">
                  <c:v>1.2750959936721575</c:v>
                </c:pt>
                <c:pt idx="6986">
                  <c:v>1.2750959936721575</c:v>
                </c:pt>
                <c:pt idx="6987">
                  <c:v>1.2750959936721575</c:v>
                </c:pt>
                <c:pt idx="6988">
                  <c:v>1.2750959936721575</c:v>
                </c:pt>
                <c:pt idx="6989">
                  <c:v>1.6434570585107808</c:v>
                </c:pt>
                <c:pt idx="6990">
                  <c:v>1.9834826568233566</c:v>
                </c:pt>
                <c:pt idx="6991">
                  <c:v>1.9834826568233566</c:v>
                </c:pt>
                <c:pt idx="6992">
                  <c:v>1.9834826568233566</c:v>
                </c:pt>
                <c:pt idx="6993">
                  <c:v>2.125159989453596</c:v>
                </c:pt>
                <c:pt idx="6994">
                  <c:v>2.2101663890317398</c:v>
                </c:pt>
                <c:pt idx="6995">
                  <c:v>2.5501919873443151</c:v>
                </c:pt>
                <c:pt idx="6996">
                  <c:v>2.5501919873443151</c:v>
                </c:pt>
                <c:pt idx="6997">
                  <c:v>2.5501919873443151</c:v>
                </c:pt>
                <c:pt idx="6998">
                  <c:v>2.5501919873443151</c:v>
                </c:pt>
                <c:pt idx="6999">
                  <c:v>2.125159989453596</c:v>
                </c:pt>
                <c:pt idx="7000">
                  <c:v>2.0118181233494044</c:v>
                </c:pt>
                <c:pt idx="7001">
                  <c:v>2.0118181233494044</c:v>
                </c:pt>
                <c:pt idx="7002">
                  <c:v>2.0118181233494044</c:v>
                </c:pt>
                <c:pt idx="7003">
                  <c:v>2.0118181233494044</c:v>
                </c:pt>
                <c:pt idx="7004">
                  <c:v>1.558450658932637</c:v>
                </c:pt>
                <c:pt idx="7005">
                  <c:v>0.59504479704700686</c:v>
                </c:pt>
                <c:pt idx="7006">
                  <c:v>0.59504479704700686</c:v>
                </c:pt>
                <c:pt idx="7007">
                  <c:v>0.59504479704700686</c:v>
                </c:pt>
                <c:pt idx="7008">
                  <c:v>0.42514493164372114</c:v>
                </c:pt>
                <c:pt idx="7009">
                  <c:v>0.83004486654250331</c:v>
                </c:pt>
                <c:pt idx="7010">
                  <c:v>0.83004486654250331</c:v>
                </c:pt>
                <c:pt idx="7011">
                  <c:v>0.83004486654250331</c:v>
                </c:pt>
                <c:pt idx="7012">
                  <c:v>0.83004486654250331</c:v>
                </c:pt>
                <c:pt idx="7013">
                  <c:v>1.0324948339918945</c:v>
                </c:pt>
                <c:pt idx="7014">
                  <c:v>1.2956797916761027</c:v>
                </c:pt>
                <c:pt idx="7015">
                  <c:v>1.4778847623805547</c:v>
                </c:pt>
                <c:pt idx="7016">
                  <c:v>1.4778847623805547</c:v>
                </c:pt>
                <c:pt idx="7017">
                  <c:v>1.4778847623805547</c:v>
                </c:pt>
                <c:pt idx="7018">
                  <c:v>1.4778847623805547</c:v>
                </c:pt>
                <c:pt idx="7019">
                  <c:v>1.4778847623805547</c:v>
                </c:pt>
                <c:pt idx="7020">
                  <c:v>1.4778847623805547</c:v>
                </c:pt>
                <c:pt idx="7021">
                  <c:v>1.4778847623805547</c:v>
                </c:pt>
                <c:pt idx="7022">
                  <c:v>1.4778847623805547</c:v>
                </c:pt>
                <c:pt idx="7023">
                  <c:v>1.3361697851659808</c:v>
                </c:pt>
                <c:pt idx="7024">
                  <c:v>1.2146998046963462</c:v>
                </c:pt>
                <c:pt idx="7025">
                  <c:v>1.0932298242267118</c:v>
                </c:pt>
                <c:pt idx="7026">
                  <c:v>1.0527398307368334</c:v>
                </c:pt>
                <c:pt idx="7027">
                  <c:v>0.85028986328744227</c:v>
                </c:pt>
                <c:pt idx="7028">
                  <c:v>0.62759489909311217</c:v>
                </c:pt>
                <c:pt idx="7029">
                  <c:v>0.62759489909311217</c:v>
                </c:pt>
                <c:pt idx="7030">
                  <c:v>0.62759489909311217</c:v>
                </c:pt>
                <c:pt idx="7031">
                  <c:v>0.62759489909311217</c:v>
                </c:pt>
                <c:pt idx="7032">
                  <c:v>0.7011229560228287</c:v>
                </c:pt>
                <c:pt idx="7033">
                  <c:v>0.8142073037684463</c:v>
                </c:pt>
                <c:pt idx="7034">
                  <c:v>0.8142073037684463</c:v>
                </c:pt>
                <c:pt idx="7035">
                  <c:v>0.8142073037684463</c:v>
                </c:pt>
                <c:pt idx="7036">
                  <c:v>0.8142073037684463</c:v>
                </c:pt>
                <c:pt idx="7037">
                  <c:v>1.0177591297105579</c:v>
                </c:pt>
                <c:pt idx="7038">
                  <c:v>1.1986940861035458</c:v>
                </c:pt>
                <c:pt idx="7039">
                  <c:v>1.4248627815947812</c:v>
                </c:pt>
                <c:pt idx="7040">
                  <c:v>1.4248627815947812</c:v>
                </c:pt>
                <c:pt idx="7041">
                  <c:v>1.4248627815947812</c:v>
                </c:pt>
                <c:pt idx="7042">
                  <c:v>1.4248627815947812</c:v>
                </c:pt>
                <c:pt idx="7043">
                  <c:v>1.4248627815947812</c:v>
                </c:pt>
                <c:pt idx="7044">
                  <c:v>1.4248627815947812</c:v>
                </c:pt>
                <c:pt idx="7045">
                  <c:v>1.4248627815947812</c:v>
                </c:pt>
                <c:pt idx="7046">
                  <c:v>1.4248627815947812</c:v>
                </c:pt>
                <c:pt idx="7047">
                  <c:v>1.2665446947509167</c:v>
                </c:pt>
                <c:pt idx="7048">
                  <c:v>1.2439278252017929</c:v>
                </c:pt>
                <c:pt idx="7049">
                  <c:v>1.0629928688088048</c:v>
                </c:pt>
                <c:pt idx="7050">
                  <c:v>0.99514226016143448</c:v>
                </c:pt>
                <c:pt idx="7051">
                  <c:v>0.83682417331756986</c:v>
                </c:pt>
                <c:pt idx="7052">
                  <c:v>0.7011229560228287</c:v>
                </c:pt>
                <c:pt idx="7053">
                  <c:v>0.61065547782633478</c:v>
                </c:pt>
                <c:pt idx="7054">
                  <c:v>0.61065547782633478</c:v>
                </c:pt>
                <c:pt idx="7055">
                  <c:v>0.61065547782633478</c:v>
                </c:pt>
                <c:pt idx="7056">
                  <c:v>0.3815939693952014</c:v>
                </c:pt>
                <c:pt idx="7057">
                  <c:v>0.3815939693952014</c:v>
                </c:pt>
                <c:pt idx="7058">
                  <c:v>0.3815939693952014</c:v>
                </c:pt>
                <c:pt idx="7059">
                  <c:v>0.3815939693952014</c:v>
                </c:pt>
                <c:pt idx="7060">
                  <c:v>0.3815939693952014</c:v>
                </c:pt>
                <c:pt idx="7061">
                  <c:v>1.6535738673792062</c:v>
                </c:pt>
                <c:pt idx="7062">
                  <c:v>1.876170349526407</c:v>
                </c:pt>
                <c:pt idx="7063">
                  <c:v>1.876170349526407</c:v>
                </c:pt>
                <c:pt idx="7064">
                  <c:v>1.876170349526407</c:v>
                </c:pt>
                <c:pt idx="7065">
                  <c:v>2.0033683393248074</c:v>
                </c:pt>
                <c:pt idx="7066">
                  <c:v>2.0033683393248074</c:v>
                </c:pt>
                <c:pt idx="7067">
                  <c:v>2.5439597959680103</c:v>
                </c:pt>
                <c:pt idx="7068">
                  <c:v>2.5439597959680103</c:v>
                </c:pt>
                <c:pt idx="7069">
                  <c:v>1.6853733648288063</c:v>
                </c:pt>
                <c:pt idx="7070">
                  <c:v>2.5439597959680103</c:v>
                </c:pt>
                <c:pt idx="7071">
                  <c:v>2.5439597959680103</c:v>
                </c:pt>
                <c:pt idx="7072">
                  <c:v>2.5439597959680103</c:v>
                </c:pt>
                <c:pt idx="7073">
                  <c:v>2.5439597959680103</c:v>
                </c:pt>
                <c:pt idx="7074">
                  <c:v>2.5439597959680103</c:v>
                </c:pt>
                <c:pt idx="7075">
                  <c:v>2.1305663291232078</c:v>
                </c:pt>
                <c:pt idx="7076">
                  <c:v>1.7489723597280067</c:v>
                </c:pt>
                <c:pt idx="7077">
                  <c:v>1.2719798979840051</c:v>
                </c:pt>
                <c:pt idx="7078">
                  <c:v>1.2083809030848047</c:v>
                </c:pt>
                <c:pt idx="7079">
                  <c:v>1.2083809030848047</c:v>
                </c:pt>
                <c:pt idx="7080">
                  <c:v>1.1074590097920383</c:v>
                </c:pt>
                <c:pt idx="7081">
                  <c:v>1.1074590097920383</c:v>
                </c:pt>
                <c:pt idx="7082">
                  <c:v>1.1074590097920383</c:v>
                </c:pt>
                <c:pt idx="7083">
                  <c:v>1.1074590097920383</c:v>
                </c:pt>
                <c:pt idx="7084">
                  <c:v>1.1074590097920383</c:v>
                </c:pt>
                <c:pt idx="7085">
                  <c:v>1.4396967127296498</c:v>
                </c:pt>
                <c:pt idx="7086">
                  <c:v>1.6058155641984555</c:v>
                </c:pt>
                <c:pt idx="7087">
                  <c:v>1.6611885146880574</c:v>
                </c:pt>
                <c:pt idx="7088">
                  <c:v>1.6611885146880574</c:v>
                </c:pt>
                <c:pt idx="7089">
                  <c:v>1.7996208909120621</c:v>
                </c:pt>
                <c:pt idx="7090">
                  <c:v>1.882680316646465</c:v>
                </c:pt>
                <c:pt idx="7091">
                  <c:v>2.2149180195840765</c:v>
                </c:pt>
                <c:pt idx="7092">
                  <c:v>2.2149180195840765</c:v>
                </c:pt>
                <c:pt idx="7093">
                  <c:v>2.2149180195840765</c:v>
                </c:pt>
                <c:pt idx="7094">
                  <c:v>2.2149180195840765</c:v>
                </c:pt>
                <c:pt idx="7095">
                  <c:v>2.2149180195840765</c:v>
                </c:pt>
                <c:pt idx="7096">
                  <c:v>2.2149180195840765</c:v>
                </c:pt>
                <c:pt idx="7097">
                  <c:v>2.2149180195840765</c:v>
                </c:pt>
                <c:pt idx="7098">
                  <c:v>2.2149180195840765</c:v>
                </c:pt>
                <c:pt idx="7099">
                  <c:v>1.8549938414016642</c:v>
                </c:pt>
                <c:pt idx="7100">
                  <c:v>1.5227561384640527</c:v>
                </c:pt>
                <c:pt idx="7101">
                  <c:v>1.1074590097920383</c:v>
                </c:pt>
                <c:pt idx="7102">
                  <c:v>1.1074590097920383</c:v>
                </c:pt>
                <c:pt idx="7103">
                  <c:v>1.1074590097920383</c:v>
                </c:pt>
                <c:pt idx="7104">
                  <c:v>0.98981545437800933</c:v>
                </c:pt>
                <c:pt idx="7105">
                  <c:v>1.1135423861752607</c:v>
                </c:pt>
                <c:pt idx="7106">
                  <c:v>1.1135423861752607</c:v>
                </c:pt>
                <c:pt idx="7107">
                  <c:v>1.1135423861752607</c:v>
                </c:pt>
                <c:pt idx="7108">
                  <c:v>1.1135423861752607</c:v>
                </c:pt>
                <c:pt idx="7109">
                  <c:v>1.4352324088481136</c:v>
                </c:pt>
                <c:pt idx="7110">
                  <c:v>1.6579408860831657</c:v>
                </c:pt>
                <c:pt idx="7111">
                  <c:v>1.6579408860831657</c:v>
                </c:pt>
                <c:pt idx="7112">
                  <c:v>1.6579408860831657</c:v>
                </c:pt>
                <c:pt idx="7113">
                  <c:v>1.7816678178804168</c:v>
                </c:pt>
                <c:pt idx="7114">
                  <c:v>1.9301401360371184</c:v>
                </c:pt>
                <c:pt idx="7115">
                  <c:v>2.2270847723505214</c:v>
                </c:pt>
                <c:pt idx="7116">
                  <c:v>2.2270847723505214</c:v>
                </c:pt>
                <c:pt idx="7117">
                  <c:v>2.2270847723505214</c:v>
                </c:pt>
                <c:pt idx="7118">
                  <c:v>2.2270847723505214</c:v>
                </c:pt>
                <c:pt idx="7119">
                  <c:v>2.2270847723505214</c:v>
                </c:pt>
                <c:pt idx="7120">
                  <c:v>2.2270847723505214</c:v>
                </c:pt>
                <c:pt idx="7121">
                  <c:v>2.2270847723505214</c:v>
                </c:pt>
                <c:pt idx="7122">
                  <c:v>2.2270847723505214</c:v>
                </c:pt>
                <c:pt idx="7123">
                  <c:v>1.8559039769587677</c:v>
                </c:pt>
                <c:pt idx="7124">
                  <c:v>1.4847231815670141</c:v>
                </c:pt>
                <c:pt idx="7125">
                  <c:v>1.1135423861752607</c:v>
                </c:pt>
                <c:pt idx="7126">
                  <c:v>1.1135423861752607</c:v>
                </c:pt>
                <c:pt idx="7127">
                  <c:v>1.1135423861752607</c:v>
                </c:pt>
                <c:pt idx="7128">
                  <c:v>1.1170747784041157</c:v>
                </c:pt>
                <c:pt idx="7129">
                  <c:v>1.1170747784041157</c:v>
                </c:pt>
                <c:pt idx="7130">
                  <c:v>1.1170747784041157</c:v>
                </c:pt>
                <c:pt idx="7131">
                  <c:v>1.1170747784041157</c:v>
                </c:pt>
                <c:pt idx="7132">
                  <c:v>1.1170747784041157</c:v>
                </c:pt>
                <c:pt idx="7133">
                  <c:v>1.4397852699430824</c:v>
                </c:pt>
                <c:pt idx="7134">
                  <c:v>1.6632002256239058</c:v>
                </c:pt>
                <c:pt idx="7135">
                  <c:v>1.6632002256239058</c:v>
                </c:pt>
                <c:pt idx="7136">
                  <c:v>1.6632002256239058</c:v>
                </c:pt>
                <c:pt idx="7137">
                  <c:v>1.7873196454465852</c:v>
                </c:pt>
                <c:pt idx="7138">
                  <c:v>1.9362629492338006</c:v>
                </c:pt>
                <c:pt idx="7139">
                  <c:v>2.2341495568082315</c:v>
                </c:pt>
                <c:pt idx="7140">
                  <c:v>2.2341495568082315</c:v>
                </c:pt>
                <c:pt idx="7141">
                  <c:v>2.2341495568082315</c:v>
                </c:pt>
                <c:pt idx="7142">
                  <c:v>2.2341495568082315</c:v>
                </c:pt>
                <c:pt idx="7143">
                  <c:v>2.2341495568082315</c:v>
                </c:pt>
                <c:pt idx="7144">
                  <c:v>2.2341495568082315</c:v>
                </c:pt>
                <c:pt idx="7145">
                  <c:v>2.2341495568082315</c:v>
                </c:pt>
                <c:pt idx="7146">
                  <c:v>2.2341495568082315</c:v>
                </c:pt>
                <c:pt idx="7147">
                  <c:v>1.8617912973401931</c:v>
                </c:pt>
                <c:pt idx="7148">
                  <c:v>1.4894330378721543</c:v>
                </c:pt>
                <c:pt idx="7149">
                  <c:v>1.1170747784041157</c:v>
                </c:pt>
                <c:pt idx="7150">
                  <c:v>1.1170747784041157</c:v>
                </c:pt>
                <c:pt idx="7151">
                  <c:v>1.1170747784041157</c:v>
                </c:pt>
                <c:pt idx="7152">
                  <c:v>1.2658794761368826</c:v>
                </c:pt>
                <c:pt idx="7153">
                  <c:v>1.2658794761368826</c:v>
                </c:pt>
                <c:pt idx="7154">
                  <c:v>1.2658794761368826</c:v>
                </c:pt>
                <c:pt idx="7155">
                  <c:v>1.2658794761368826</c:v>
                </c:pt>
                <c:pt idx="7156">
                  <c:v>1.2658794761368826</c:v>
                </c:pt>
                <c:pt idx="7157">
                  <c:v>1.6315779914653152</c:v>
                </c:pt>
                <c:pt idx="7158">
                  <c:v>1.9691458517684839</c:v>
                </c:pt>
                <c:pt idx="7159">
                  <c:v>1.9691458517684839</c:v>
                </c:pt>
                <c:pt idx="7160">
                  <c:v>1.9691458517684839</c:v>
                </c:pt>
                <c:pt idx="7161">
                  <c:v>2.1097991268948046</c:v>
                </c:pt>
                <c:pt idx="7162">
                  <c:v>2.194191091970596</c:v>
                </c:pt>
                <c:pt idx="7163">
                  <c:v>2.5317589522737651</c:v>
                </c:pt>
                <c:pt idx="7164">
                  <c:v>2.5317589522737651</c:v>
                </c:pt>
                <c:pt idx="7165">
                  <c:v>2.5317589522737651</c:v>
                </c:pt>
                <c:pt idx="7166">
                  <c:v>2.5317589522737651</c:v>
                </c:pt>
                <c:pt idx="7167">
                  <c:v>2.1097991268948046</c:v>
                </c:pt>
                <c:pt idx="7168">
                  <c:v>1.9972765067937484</c:v>
                </c:pt>
                <c:pt idx="7169">
                  <c:v>1.9972765067937484</c:v>
                </c:pt>
                <c:pt idx="7170">
                  <c:v>1.9972765067937484</c:v>
                </c:pt>
                <c:pt idx="7171">
                  <c:v>1.9972765067937484</c:v>
                </c:pt>
                <c:pt idx="7172">
                  <c:v>1.5471860263895232</c:v>
                </c:pt>
                <c:pt idx="7173">
                  <c:v>0.59074375553054526</c:v>
                </c:pt>
                <c:pt idx="7174">
                  <c:v>0.59074375553054526</c:v>
                </c:pt>
                <c:pt idx="7175">
                  <c:v>0.59074375553054526</c:v>
                </c:pt>
                <c:pt idx="7176">
                  <c:v>0.43238939068242094</c:v>
                </c:pt>
                <c:pt idx="7177">
                  <c:v>0.84418881037996474</c:v>
                </c:pt>
                <c:pt idx="7178">
                  <c:v>0.84418881037996474</c:v>
                </c:pt>
                <c:pt idx="7179">
                  <c:v>0.84418881037996474</c:v>
                </c:pt>
                <c:pt idx="7180">
                  <c:v>0.84418881037996474</c:v>
                </c:pt>
                <c:pt idx="7181">
                  <c:v>1.0500885202287367</c:v>
                </c:pt>
                <c:pt idx="7182">
                  <c:v>1.3177581430321401</c:v>
                </c:pt>
                <c:pt idx="7183">
                  <c:v>1.5030678818960346</c:v>
                </c:pt>
                <c:pt idx="7184">
                  <c:v>1.5030678818960346</c:v>
                </c:pt>
                <c:pt idx="7185">
                  <c:v>1.5030678818960346</c:v>
                </c:pt>
                <c:pt idx="7186">
                  <c:v>1.5030678818960346</c:v>
                </c:pt>
                <c:pt idx="7187">
                  <c:v>1.5030678818960346</c:v>
                </c:pt>
                <c:pt idx="7188">
                  <c:v>1.5030678818960346</c:v>
                </c:pt>
                <c:pt idx="7189">
                  <c:v>1.5030678818960346</c:v>
                </c:pt>
                <c:pt idx="7190">
                  <c:v>1.5030678818960346</c:v>
                </c:pt>
                <c:pt idx="7191">
                  <c:v>1.3589380850018944</c:v>
                </c:pt>
                <c:pt idx="7192">
                  <c:v>1.2353982590926313</c:v>
                </c:pt>
                <c:pt idx="7193">
                  <c:v>1.1118584331833681</c:v>
                </c:pt>
                <c:pt idx="7194">
                  <c:v>1.0706784912136138</c:v>
                </c:pt>
                <c:pt idx="7195">
                  <c:v>0.86477878136484188</c:v>
                </c:pt>
                <c:pt idx="7196">
                  <c:v>0.63828910053119281</c:v>
                </c:pt>
                <c:pt idx="7197">
                  <c:v>0.63828910053119281</c:v>
                </c:pt>
                <c:pt idx="7198">
                  <c:v>0.63828910053119281</c:v>
                </c:pt>
                <c:pt idx="7199">
                  <c:v>0.63828910053119281</c:v>
                </c:pt>
                <c:pt idx="7200">
                  <c:v>0.76918661822519419</c:v>
                </c:pt>
                <c:pt idx="7201">
                  <c:v>0.89324897600345132</c:v>
                </c:pt>
                <c:pt idx="7202">
                  <c:v>0.89324897600345132</c:v>
                </c:pt>
                <c:pt idx="7203">
                  <c:v>0.89324897600345132</c:v>
                </c:pt>
                <c:pt idx="7204">
                  <c:v>0.89324897600345132</c:v>
                </c:pt>
                <c:pt idx="7205">
                  <c:v>1.1165612200043142</c:v>
                </c:pt>
                <c:pt idx="7206">
                  <c:v>1.3150609924495253</c:v>
                </c:pt>
                <c:pt idx="7207">
                  <c:v>1.5631857080060398</c:v>
                </c:pt>
                <c:pt idx="7208">
                  <c:v>1.5631857080060398</c:v>
                </c:pt>
                <c:pt idx="7209">
                  <c:v>1.5631857080060398</c:v>
                </c:pt>
                <c:pt idx="7210">
                  <c:v>1.5631857080060398</c:v>
                </c:pt>
                <c:pt idx="7211">
                  <c:v>1.5631857080060398</c:v>
                </c:pt>
                <c:pt idx="7212">
                  <c:v>1.5631857080060398</c:v>
                </c:pt>
                <c:pt idx="7213">
                  <c:v>1.5631857080060398</c:v>
                </c:pt>
                <c:pt idx="7214">
                  <c:v>1.5631857080060398</c:v>
                </c:pt>
                <c:pt idx="7215">
                  <c:v>1.3894984071164798</c:v>
                </c:pt>
                <c:pt idx="7216">
                  <c:v>1.3646859355608283</c:v>
                </c:pt>
                <c:pt idx="7217">
                  <c:v>1.166186163115617</c:v>
                </c:pt>
                <c:pt idx="7218">
                  <c:v>1.0917487484486628</c:v>
                </c:pt>
                <c:pt idx="7219">
                  <c:v>0.91806144755910279</c:v>
                </c:pt>
                <c:pt idx="7220">
                  <c:v>0.76918661822519419</c:v>
                </c:pt>
                <c:pt idx="7221">
                  <c:v>0.66993673200258852</c:v>
                </c:pt>
                <c:pt idx="7222">
                  <c:v>0.66993673200258852</c:v>
                </c:pt>
                <c:pt idx="7223">
                  <c:v>0.66993673200258852</c:v>
                </c:pt>
                <c:pt idx="7224">
                  <c:v>0.40636925245482503</c:v>
                </c:pt>
                <c:pt idx="7225">
                  <c:v>0.40636925245482503</c:v>
                </c:pt>
                <c:pt idx="7226">
                  <c:v>0.40636925245482503</c:v>
                </c:pt>
                <c:pt idx="7227">
                  <c:v>0.40636925245482503</c:v>
                </c:pt>
                <c:pt idx="7228">
                  <c:v>0.40636925245482503</c:v>
                </c:pt>
                <c:pt idx="7229">
                  <c:v>1.7609334273042418</c:v>
                </c:pt>
                <c:pt idx="7230">
                  <c:v>1.9979821579028898</c:v>
                </c:pt>
                <c:pt idx="7231">
                  <c:v>1.9979821579028898</c:v>
                </c:pt>
                <c:pt idx="7232">
                  <c:v>1.9979821579028898</c:v>
                </c:pt>
                <c:pt idx="7233">
                  <c:v>2.1334385753878315</c:v>
                </c:pt>
                <c:pt idx="7234">
                  <c:v>2.1334385753878315</c:v>
                </c:pt>
                <c:pt idx="7235">
                  <c:v>2.7091283496988336</c:v>
                </c:pt>
                <c:pt idx="7236">
                  <c:v>2.7091283496988336</c:v>
                </c:pt>
                <c:pt idx="7237">
                  <c:v>1.7947975316754774</c:v>
                </c:pt>
                <c:pt idx="7238">
                  <c:v>2.7091283496988336</c:v>
                </c:pt>
                <c:pt idx="7239">
                  <c:v>2.7091283496988336</c:v>
                </c:pt>
                <c:pt idx="7240">
                  <c:v>2.7091283496988336</c:v>
                </c:pt>
                <c:pt idx="7241">
                  <c:v>2.7091283496988336</c:v>
                </c:pt>
                <c:pt idx="7242">
                  <c:v>2.7091283496988336</c:v>
                </c:pt>
                <c:pt idx="7243">
                  <c:v>2.2688949928727733</c:v>
                </c:pt>
                <c:pt idx="7244">
                  <c:v>1.8625257404179481</c:v>
                </c:pt>
                <c:pt idx="7245">
                  <c:v>1.3545641748494168</c:v>
                </c:pt>
                <c:pt idx="7246">
                  <c:v>1.2868359661069459</c:v>
                </c:pt>
                <c:pt idx="7247">
                  <c:v>1.2868359661069459</c:v>
                </c:pt>
                <c:pt idx="7248">
                  <c:v>1.2187169789758208</c:v>
                </c:pt>
                <c:pt idx="7249">
                  <c:v>1.2187169789758208</c:v>
                </c:pt>
                <c:pt idx="7250">
                  <c:v>1.2187169789758208</c:v>
                </c:pt>
                <c:pt idx="7251">
                  <c:v>1.2187169789758208</c:v>
                </c:pt>
                <c:pt idx="7252">
                  <c:v>1.2187169789758208</c:v>
                </c:pt>
                <c:pt idx="7253">
                  <c:v>1.5843320726685668</c:v>
                </c:pt>
                <c:pt idx="7254">
                  <c:v>1.7671396195149398</c:v>
                </c:pt>
                <c:pt idx="7255">
                  <c:v>1.8280754684637308</c:v>
                </c:pt>
                <c:pt idx="7256">
                  <c:v>1.8280754684637308</c:v>
                </c:pt>
                <c:pt idx="7257">
                  <c:v>1.9804150908357083</c:v>
                </c:pt>
                <c:pt idx="7258">
                  <c:v>2.0718188642588946</c:v>
                </c:pt>
                <c:pt idx="7259">
                  <c:v>2.4374339579516415</c:v>
                </c:pt>
                <c:pt idx="7260">
                  <c:v>2.4374339579516415</c:v>
                </c:pt>
                <c:pt idx="7261">
                  <c:v>2.4374339579516415</c:v>
                </c:pt>
                <c:pt idx="7262">
                  <c:v>2.4374339579516415</c:v>
                </c:pt>
                <c:pt idx="7263">
                  <c:v>2.4374339579516415</c:v>
                </c:pt>
                <c:pt idx="7264">
                  <c:v>2.4374339579516415</c:v>
                </c:pt>
                <c:pt idx="7265">
                  <c:v>2.4374339579516415</c:v>
                </c:pt>
                <c:pt idx="7266">
                  <c:v>2.4374339579516415</c:v>
                </c:pt>
                <c:pt idx="7267">
                  <c:v>2.0413509397844996</c:v>
                </c:pt>
                <c:pt idx="7268">
                  <c:v>1.6757358460917533</c:v>
                </c:pt>
                <c:pt idx="7269">
                  <c:v>1.2187169789758208</c:v>
                </c:pt>
                <c:pt idx="7270">
                  <c:v>1.2187169789758208</c:v>
                </c:pt>
                <c:pt idx="7271">
                  <c:v>1.2187169789758208</c:v>
                </c:pt>
                <c:pt idx="7272">
                  <c:v>1.0877368959975675</c:v>
                </c:pt>
                <c:pt idx="7273">
                  <c:v>1.2237040079972632</c:v>
                </c:pt>
                <c:pt idx="7274">
                  <c:v>1.2237040079972632</c:v>
                </c:pt>
                <c:pt idx="7275">
                  <c:v>1.2237040079972632</c:v>
                </c:pt>
                <c:pt idx="7276">
                  <c:v>1.2237040079972632</c:v>
                </c:pt>
                <c:pt idx="7277">
                  <c:v>1.5772184991964728</c:v>
                </c:pt>
                <c:pt idx="7278">
                  <c:v>1.8219593007959256</c:v>
                </c:pt>
                <c:pt idx="7279">
                  <c:v>1.8219593007959256</c:v>
                </c:pt>
                <c:pt idx="7280">
                  <c:v>1.8219593007959256</c:v>
                </c:pt>
                <c:pt idx="7281">
                  <c:v>1.9579264127956215</c:v>
                </c:pt>
                <c:pt idx="7282">
                  <c:v>2.1210869471952565</c:v>
                </c:pt>
                <c:pt idx="7283">
                  <c:v>2.4474080159945264</c:v>
                </c:pt>
                <c:pt idx="7284">
                  <c:v>2.4474080159945264</c:v>
                </c:pt>
                <c:pt idx="7285">
                  <c:v>2.4474080159945264</c:v>
                </c:pt>
                <c:pt idx="7286">
                  <c:v>2.4474080159945264</c:v>
                </c:pt>
                <c:pt idx="7287">
                  <c:v>2.4474080159945264</c:v>
                </c:pt>
                <c:pt idx="7288">
                  <c:v>2.4474080159945264</c:v>
                </c:pt>
                <c:pt idx="7289">
                  <c:v>2.4474080159945264</c:v>
                </c:pt>
                <c:pt idx="7290">
                  <c:v>2.4474080159945264</c:v>
                </c:pt>
                <c:pt idx="7291">
                  <c:v>2.0395066799954393</c:v>
                </c:pt>
                <c:pt idx="7292">
                  <c:v>1.6316053439963514</c:v>
                </c:pt>
                <c:pt idx="7293">
                  <c:v>1.2237040079972632</c:v>
                </c:pt>
                <c:pt idx="7294">
                  <c:v>1.2237040079972632</c:v>
                </c:pt>
                <c:pt idx="7295">
                  <c:v>1.2237040079972632</c:v>
                </c:pt>
                <c:pt idx="7296">
                  <c:v>1.1879544495254204</c:v>
                </c:pt>
                <c:pt idx="7297">
                  <c:v>1.1879544495254204</c:v>
                </c:pt>
                <c:pt idx="7298">
                  <c:v>1.1879544495254204</c:v>
                </c:pt>
                <c:pt idx="7299">
                  <c:v>1.1879544495254204</c:v>
                </c:pt>
                <c:pt idx="7300">
                  <c:v>1.1879544495254204</c:v>
                </c:pt>
                <c:pt idx="7301">
                  <c:v>1.5311412904994306</c:v>
                </c:pt>
                <c:pt idx="7302">
                  <c:v>1.7687321804045151</c:v>
                </c:pt>
                <c:pt idx="7303">
                  <c:v>1.7687321804045151</c:v>
                </c:pt>
                <c:pt idx="7304">
                  <c:v>1.7687321804045151</c:v>
                </c:pt>
                <c:pt idx="7305">
                  <c:v>1.9007271192406727</c:v>
                </c:pt>
                <c:pt idx="7306">
                  <c:v>2.0591210458440621</c:v>
                </c:pt>
                <c:pt idx="7307">
                  <c:v>2.3759088990508408</c:v>
                </c:pt>
                <c:pt idx="7308">
                  <c:v>2.3759088990508408</c:v>
                </c:pt>
                <c:pt idx="7309">
                  <c:v>2.3759088990508408</c:v>
                </c:pt>
                <c:pt idx="7310">
                  <c:v>2.3759088990508408</c:v>
                </c:pt>
                <c:pt idx="7311">
                  <c:v>2.3759088990508408</c:v>
                </c:pt>
                <c:pt idx="7312">
                  <c:v>2.3759088990508408</c:v>
                </c:pt>
                <c:pt idx="7313">
                  <c:v>2.3759088990508408</c:v>
                </c:pt>
                <c:pt idx="7314">
                  <c:v>2.3759088990508408</c:v>
                </c:pt>
                <c:pt idx="7315">
                  <c:v>1.9799240825423674</c:v>
                </c:pt>
                <c:pt idx="7316">
                  <c:v>1.5839392660338938</c:v>
                </c:pt>
                <c:pt idx="7317">
                  <c:v>1.1879544495254204</c:v>
                </c:pt>
                <c:pt idx="7318">
                  <c:v>1.1879544495254204</c:v>
                </c:pt>
                <c:pt idx="7319">
                  <c:v>1.1879544495254204</c:v>
                </c:pt>
                <c:pt idx="7320">
                  <c:v>1.2511330480804435</c:v>
                </c:pt>
                <c:pt idx="7321">
                  <c:v>1.2511330480804435</c:v>
                </c:pt>
                <c:pt idx="7322">
                  <c:v>1.2511330480804435</c:v>
                </c:pt>
                <c:pt idx="7323">
                  <c:v>1.2511330480804435</c:v>
                </c:pt>
                <c:pt idx="7324">
                  <c:v>1.2511330480804435</c:v>
                </c:pt>
                <c:pt idx="7325">
                  <c:v>1.6125714841925713</c:v>
                </c:pt>
                <c:pt idx="7326">
                  <c:v>1.94620696368069</c:v>
                </c:pt>
                <c:pt idx="7327">
                  <c:v>1.94620696368069</c:v>
                </c:pt>
                <c:pt idx="7328">
                  <c:v>1.94620696368069</c:v>
                </c:pt>
                <c:pt idx="7329">
                  <c:v>2.0852217468007392</c:v>
                </c:pt>
                <c:pt idx="7330">
                  <c:v>2.1686306166727682</c:v>
                </c:pt>
                <c:pt idx="7331">
                  <c:v>2.5022660961608869</c:v>
                </c:pt>
                <c:pt idx="7332">
                  <c:v>2.5022660961608869</c:v>
                </c:pt>
                <c:pt idx="7333">
                  <c:v>2.5022660961608869</c:v>
                </c:pt>
                <c:pt idx="7334">
                  <c:v>2.5022660961608869</c:v>
                </c:pt>
                <c:pt idx="7335">
                  <c:v>2.0852217468007392</c:v>
                </c:pt>
                <c:pt idx="7336">
                  <c:v>1.9740099203046997</c:v>
                </c:pt>
                <c:pt idx="7337">
                  <c:v>1.9740099203046997</c:v>
                </c:pt>
                <c:pt idx="7338">
                  <c:v>1.9740099203046997</c:v>
                </c:pt>
                <c:pt idx="7339">
                  <c:v>1.9740099203046997</c:v>
                </c:pt>
                <c:pt idx="7340">
                  <c:v>1.5291626143205419</c:v>
                </c:pt>
                <c:pt idx="7341">
                  <c:v>0.58386208910420689</c:v>
                </c:pt>
                <c:pt idx="7342">
                  <c:v>0.58386208910420689</c:v>
                </c:pt>
                <c:pt idx="7343">
                  <c:v>0.58386208910420689</c:v>
                </c:pt>
                <c:pt idx="7344">
                  <c:v>0.39326931187344233</c:v>
                </c:pt>
                <c:pt idx="7345">
                  <c:v>0.76781151365767319</c:v>
                </c:pt>
                <c:pt idx="7346">
                  <c:v>0.76781151365767319</c:v>
                </c:pt>
                <c:pt idx="7347">
                  <c:v>0.76781151365767319</c:v>
                </c:pt>
                <c:pt idx="7348">
                  <c:v>0.76781151365767319</c:v>
                </c:pt>
                <c:pt idx="7349">
                  <c:v>0.95508261454978849</c:v>
                </c:pt>
                <c:pt idx="7350">
                  <c:v>1.1985350457095387</c:v>
                </c:pt>
                <c:pt idx="7351">
                  <c:v>1.3670790365124426</c:v>
                </c:pt>
                <c:pt idx="7352">
                  <c:v>1.3670790365124426</c:v>
                </c:pt>
                <c:pt idx="7353">
                  <c:v>1.3670790365124426</c:v>
                </c:pt>
                <c:pt idx="7354">
                  <c:v>1.3670790365124426</c:v>
                </c:pt>
                <c:pt idx="7355">
                  <c:v>1.3670790365124426</c:v>
                </c:pt>
                <c:pt idx="7356">
                  <c:v>1.3670790365124426</c:v>
                </c:pt>
                <c:pt idx="7357">
                  <c:v>1.3670790365124426</c:v>
                </c:pt>
                <c:pt idx="7358">
                  <c:v>1.3670790365124426</c:v>
                </c:pt>
                <c:pt idx="7359">
                  <c:v>1.2359892658879614</c:v>
                </c:pt>
                <c:pt idx="7360">
                  <c:v>1.1236266053526924</c:v>
                </c:pt>
                <c:pt idx="7361">
                  <c:v>1.0112639448174232</c:v>
                </c:pt>
                <c:pt idx="7362">
                  <c:v>0.97380972463899995</c:v>
                </c:pt>
                <c:pt idx="7363">
                  <c:v>0.78653862374688466</c:v>
                </c:pt>
                <c:pt idx="7364">
                  <c:v>0.58054041276555779</c:v>
                </c:pt>
                <c:pt idx="7365">
                  <c:v>0.58054041276555779</c:v>
                </c:pt>
                <c:pt idx="7366">
                  <c:v>0.58054041276555779</c:v>
                </c:pt>
                <c:pt idx="7367">
                  <c:v>0.58054041276555779</c:v>
                </c:pt>
                <c:pt idx="7368">
                  <c:v>0.64764436429239891</c:v>
                </c:pt>
                <c:pt idx="7369">
                  <c:v>0.75210313272665685</c:v>
                </c:pt>
                <c:pt idx="7370">
                  <c:v>0.75210313272665685</c:v>
                </c:pt>
                <c:pt idx="7371">
                  <c:v>0.75210313272665685</c:v>
                </c:pt>
                <c:pt idx="7372">
                  <c:v>0.75210313272665685</c:v>
                </c:pt>
                <c:pt idx="7373">
                  <c:v>0.94012891590832082</c:v>
                </c:pt>
                <c:pt idx="7374">
                  <c:v>1.1072629454031337</c:v>
                </c:pt>
                <c:pt idx="7375">
                  <c:v>1.3161804822716492</c:v>
                </c:pt>
                <c:pt idx="7376">
                  <c:v>1.3161804822716492</c:v>
                </c:pt>
                <c:pt idx="7377">
                  <c:v>1.3161804822716492</c:v>
                </c:pt>
                <c:pt idx="7378">
                  <c:v>1.3161804822716492</c:v>
                </c:pt>
                <c:pt idx="7379">
                  <c:v>1.3161804822716492</c:v>
                </c:pt>
                <c:pt idx="7380">
                  <c:v>1.3161804822716492</c:v>
                </c:pt>
                <c:pt idx="7381">
                  <c:v>1.3161804822716492</c:v>
                </c:pt>
                <c:pt idx="7382">
                  <c:v>1.3161804822716492</c:v>
                </c:pt>
                <c:pt idx="7383">
                  <c:v>1.1699382064636883</c:v>
                </c:pt>
                <c:pt idx="7384">
                  <c:v>1.1490464527768367</c:v>
                </c:pt>
                <c:pt idx="7385">
                  <c:v>0.9819124232820241</c:v>
                </c:pt>
                <c:pt idx="7386">
                  <c:v>0.91923716222146956</c:v>
                </c:pt>
                <c:pt idx="7387">
                  <c:v>0.77299488641350844</c:v>
                </c:pt>
                <c:pt idx="7388">
                  <c:v>0.64764436429239891</c:v>
                </c:pt>
                <c:pt idx="7389">
                  <c:v>0.56407734954499267</c:v>
                </c:pt>
                <c:pt idx="7390">
                  <c:v>0.56407734954499267</c:v>
                </c:pt>
                <c:pt idx="7391">
                  <c:v>0.56407734954499267</c:v>
                </c:pt>
                <c:pt idx="7392">
                  <c:v>0.38318137566664784</c:v>
                </c:pt>
                <c:pt idx="7393">
                  <c:v>0.38318137566664784</c:v>
                </c:pt>
                <c:pt idx="7394">
                  <c:v>0.38318137566664784</c:v>
                </c:pt>
                <c:pt idx="7395">
                  <c:v>0.38318137566664784</c:v>
                </c:pt>
                <c:pt idx="7396">
                  <c:v>0.38318137566664784</c:v>
                </c:pt>
                <c:pt idx="7397">
                  <c:v>1.6604526278888072</c:v>
                </c:pt>
                <c:pt idx="7398">
                  <c:v>1.883975097027685</c:v>
                </c:pt>
                <c:pt idx="7399">
                  <c:v>1.883975097027685</c:v>
                </c:pt>
                <c:pt idx="7400">
                  <c:v>1.883975097027685</c:v>
                </c:pt>
                <c:pt idx="7401">
                  <c:v>2.0117022222499013</c:v>
                </c:pt>
                <c:pt idx="7402">
                  <c:v>2.0117022222499013</c:v>
                </c:pt>
                <c:pt idx="7403">
                  <c:v>2.5545425044443189</c:v>
                </c:pt>
                <c:pt idx="7404">
                  <c:v>2.5545425044443189</c:v>
                </c:pt>
                <c:pt idx="7405">
                  <c:v>1.6923844091943614</c:v>
                </c:pt>
                <c:pt idx="7406">
                  <c:v>2.5545425044443189</c:v>
                </c:pt>
                <c:pt idx="7407">
                  <c:v>2.5545425044443189</c:v>
                </c:pt>
                <c:pt idx="7408">
                  <c:v>2.5545425044443189</c:v>
                </c:pt>
                <c:pt idx="7409">
                  <c:v>2.5545425044443189</c:v>
                </c:pt>
                <c:pt idx="7410">
                  <c:v>2.5545425044443189</c:v>
                </c:pt>
                <c:pt idx="7411">
                  <c:v>2.1394293474721171</c:v>
                </c:pt>
                <c:pt idx="7412">
                  <c:v>1.7562479718054691</c:v>
                </c:pt>
                <c:pt idx="7413">
                  <c:v>1.2772712522221594</c:v>
                </c:pt>
                <c:pt idx="7414">
                  <c:v>1.2134076896110515</c:v>
                </c:pt>
                <c:pt idx="7415">
                  <c:v>1.2134076896110515</c:v>
                </c:pt>
                <c:pt idx="7416">
                  <c:v>1.1213666661218027</c:v>
                </c:pt>
                <c:pt idx="7417">
                  <c:v>1.1213666661218027</c:v>
                </c:pt>
                <c:pt idx="7418">
                  <c:v>1.1213666661218027</c:v>
                </c:pt>
                <c:pt idx="7419">
                  <c:v>1.1213666661218027</c:v>
                </c:pt>
                <c:pt idx="7420">
                  <c:v>1.1213666661218027</c:v>
                </c:pt>
                <c:pt idx="7421">
                  <c:v>1.4577766659583435</c:v>
                </c:pt>
                <c:pt idx="7422">
                  <c:v>1.6259816658766137</c:v>
                </c:pt>
                <c:pt idx="7423">
                  <c:v>1.682049999182704</c:v>
                </c:pt>
                <c:pt idx="7424">
                  <c:v>1.682049999182704</c:v>
                </c:pt>
                <c:pt idx="7425">
                  <c:v>1.8222208324479292</c:v>
                </c:pt>
                <c:pt idx="7426">
                  <c:v>1.9063233324070645</c:v>
                </c:pt>
                <c:pt idx="7427">
                  <c:v>2.2427333322436054</c:v>
                </c:pt>
                <c:pt idx="7428">
                  <c:v>2.2427333322436054</c:v>
                </c:pt>
                <c:pt idx="7429">
                  <c:v>2.2427333322436054</c:v>
                </c:pt>
                <c:pt idx="7430">
                  <c:v>2.2427333322436054</c:v>
                </c:pt>
                <c:pt idx="7431">
                  <c:v>2.2427333322436054</c:v>
                </c:pt>
                <c:pt idx="7432">
                  <c:v>2.2427333322436054</c:v>
                </c:pt>
                <c:pt idx="7433">
                  <c:v>2.2427333322436054</c:v>
                </c:pt>
                <c:pt idx="7434">
                  <c:v>2.2427333322436054</c:v>
                </c:pt>
                <c:pt idx="7435">
                  <c:v>1.8782891657540195</c:v>
                </c:pt>
                <c:pt idx="7436">
                  <c:v>1.5418791659174786</c:v>
                </c:pt>
                <c:pt idx="7437">
                  <c:v>1.1213666661218027</c:v>
                </c:pt>
                <c:pt idx="7438">
                  <c:v>1.1213666661218027</c:v>
                </c:pt>
                <c:pt idx="7439">
                  <c:v>1.1213666661218027</c:v>
                </c:pt>
                <c:pt idx="7440">
                  <c:v>1.0022284027390413</c:v>
                </c:pt>
                <c:pt idx="7441">
                  <c:v>1.1275069530814215</c:v>
                </c:pt>
                <c:pt idx="7442">
                  <c:v>1.1275069530814215</c:v>
                </c:pt>
                <c:pt idx="7443">
                  <c:v>1.1275069530814215</c:v>
                </c:pt>
                <c:pt idx="7444">
                  <c:v>1.1275069530814215</c:v>
                </c:pt>
                <c:pt idx="7445">
                  <c:v>1.4532311839716099</c:v>
                </c:pt>
                <c:pt idx="7446">
                  <c:v>1.6787325745878938</c:v>
                </c:pt>
                <c:pt idx="7447">
                  <c:v>1.6787325745878938</c:v>
                </c:pt>
                <c:pt idx="7448">
                  <c:v>1.6787325745878938</c:v>
                </c:pt>
                <c:pt idx="7449">
                  <c:v>1.8040111249302742</c:v>
                </c:pt>
                <c:pt idx="7450">
                  <c:v>1.9543453853411299</c:v>
                </c:pt>
                <c:pt idx="7451">
                  <c:v>2.2550139061628429</c:v>
                </c:pt>
                <c:pt idx="7452">
                  <c:v>2.2550139061628429</c:v>
                </c:pt>
                <c:pt idx="7453">
                  <c:v>2.2550139061628429</c:v>
                </c:pt>
                <c:pt idx="7454">
                  <c:v>2.2550139061628429</c:v>
                </c:pt>
                <c:pt idx="7455">
                  <c:v>2.2550139061628429</c:v>
                </c:pt>
                <c:pt idx="7456">
                  <c:v>2.2550139061628429</c:v>
                </c:pt>
                <c:pt idx="7457">
                  <c:v>2.2550139061628429</c:v>
                </c:pt>
                <c:pt idx="7458">
                  <c:v>2.2550139061628429</c:v>
                </c:pt>
                <c:pt idx="7459">
                  <c:v>1.8791782551357024</c:v>
                </c:pt>
                <c:pt idx="7460">
                  <c:v>1.5033426041085618</c:v>
                </c:pt>
                <c:pt idx="7461">
                  <c:v>1.1275069530814215</c:v>
                </c:pt>
                <c:pt idx="7462">
                  <c:v>1.1275069530814215</c:v>
                </c:pt>
                <c:pt idx="7463">
                  <c:v>1.1275069530814215</c:v>
                </c:pt>
                <c:pt idx="7464">
                  <c:v>1.1309963509540377</c:v>
                </c:pt>
                <c:pt idx="7465">
                  <c:v>1.1309963509540377</c:v>
                </c:pt>
                <c:pt idx="7466">
                  <c:v>1.1309963509540377</c:v>
                </c:pt>
                <c:pt idx="7467">
                  <c:v>1.1309963509540377</c:v>
                </c:pt>
                <c:pt idx="7468">
                  <c:v>1.1309963509540377</c:v>
                </c:pt>
                <c:pt idx="7469">
                  <c:v>1.4577286301185375</c:v>
                </c:pt>
                <c:pt idx="7470">
                  <c:v>1.6839279003093452</c:v>
                </c:pt>
                <c:pt idx="7471">
                  <c:v>1.6839279003093452</c:v>
                </c:pt>
                <c:pt idx="7472">
                  <c:v>1.6839279003093452</c:v>
                </c:pt>
                <c:pt idx="7473">
                  <c:v>1.8095941615264606</c:v>
                </c:pt>
                <c:pt idx="7474">
                  <c:v>1.960393674986999</c:v>
                </c:pt>
                <c:pt idx="7475">
                  <c:v>2.2619927019080754</c:v>
                </c:pt>
                <c:pt idx="7476">
                  <c:v>2.2619927019080754</c:v>
                </c:pt>
                <c:pt idx="7477">
                  <c:v>2.2619927019080754</c:v>
                </c:pt>
                <c:pt idx="7478">
                  <c:v>2.2619927019080754</c:v>
                </c:pt>
                <c:pt idx="7479">
                  <c:v>2.2619927019080754</c:v>
                </c:pt>
                <c:pt idx="7480">
                  <c:v>2.2619927019080754</c:v>
                </c:pt>
                <c:pt idx="7481">
                  <c:v>2.2619927019080754</c:v>
                </c:pt>
                <c:pt idx="7482">
                  <c:v>2.2619927019080754</c:v>
                </c:pt>
                <c:pt idx="7483">
                  <c:v>1.8849939182567299</c:v>
                </c:pt>
                <c:pt idx="7484">
                  <c:v>1.5079951346053839</c:v>
                </c:pt>
                <c:pt idx="7485">
                  <c:v>1.1309963509540377</c:v>
                </c:pt>
                <c:pt idx="7486">
                  <c:v>1.1309963509540377</c:v>
                </c:pt>
                <c:pt idx="7487">
                  <c:v>1.1309963509540377</c:v>
                </c:pt>
                <c:pt idx="7488">
                  <c:v>1.2326000185188031</c:v>
                </c:pt>
                <c:pt idx="7489">
                  <c:v>1.2326000185188031</c:v>
                </c:pt>
                <c:pt idx="7490">
                  <c:v>1.2326000185188031</c:v>
                </c:pt>
                <c:pt idx="7491">
                  <c:v>1.2326000185188031</c:v>
                </c:pt>
                <c:pt idx="7492">
                  <c:v>1.2326000185188031</c:v>
                </c:pt>
                <c:pt idx="7493">
                  <c:v>1.5886844683131238</c:v>
                </c:pt>
                <c:pt idx="7494">
                  <c:v>1.9173778065848051</c:v>
                </c:pt>
                <c:pt idx="7495">
                  <c:v>1.9173778065848051</c:v>
                </c:pt>
                <c:pt idx="7496">
                  <c:v>1.9173778065848051</c:v>
                </c:pt>
                <c:pt idx="7497">
                  <c:v>2.0543333641980053</c:v>
                </c:pt>
                <c:pt idx="7498">
                  <c:v>2.1365066987659254</c:v>
                </c:pt>
                <c:pt idx="7499">
                  <c:v>2.4652000370376062</c:v>
                </c:pt>
                <c:pt idx="7500">
                  <c:v>2.4652000370376062</c:v>
                </c:pt>
                <c:pt idx="7501">
                  <c:v>2.4652000370376062</c:v>
                </c:pt>
                <c:pt idx="7502">
                  <c:v>2.4652000370376062</c:v>
                </c:pt>
                <c:pt idx="7503">
                  <c:v>2.0543333641980053</c:v>
                </c:pt>
                <c:pt idx="7504">
                  <c:v>1.944768918107445</c:v>
                </c:pt>
                <c:pt idx="7505">
                  <c:v>1.944768918107445</c:v>
                </c:pt>
                <c:pt idx="7506">
                  <c:v>1.944768918107445</c:v>
                </c:pt>
                <c:pt idx="7507">
                  <c:v>1.944768918107445</c:v>
                </c:pt>
                <c:pt idx="7508">
                  <c:v>1.5065111337452037</c:v>
                </c:pt>
                <c:pt idx="7509">
                  <c:v>0.57521334197544149</c:v>
                </c:pt>
                <c:pt idx="7510">
                  <c:v>0.57521334197544149</c:v>
                </c:pt>
                <c:pt idx="7511">
                  <c:v>0.57521334197544149</c:v>
                </c:pt>
                <c:pt idx="7512">
                  <c:v>0.38892263645022246</c:v>
                </c:pt>
                <c:pt idx="7513">
                  <c:v>0.75932514735519629</c:v>
                </c:pt>
                <c:pt idx="7514">
                  <c:v>0.75932514735519629</c:v>
                </c:pt>
                <c:pt idx="7515">
                  <c:v>0.75932514735519629</c:v>
                </c:pt>
                <c:pt idx="7516">
                  <c:v>0.75932514735519629</c:v>
                </c:pt>
                <c:pt idx="7517">
                  <c:v>0.9445264028076833</c:v>
                </c:pt>
                <c:pt idx="7518">
                  <c:v>1.1852880348959161</c:v>
                </c:pt>
                <c:pt idx="7519">
                  <c:v>1.3519691648031542</c:v>
                </c:pt>
                <c:pt idx="7520">
                  <c:v>1.3519691648031542</c:v>
                </c:pt>
                <c:pt idx="7521">
                  <c:v>1.3519691648031542</c:v>
                </c:pt>
                <c:pt idx="7522">
                  <c:v>1.3519691648031542</c:v>
                </c:pt>
                <c:pt idx="7523">
                  <c:v>1.3519691648031542</c:v>
                </c:pt>
                <c:pt idx="7524">
                  <c:v>1.3519691648031542</c:v>
                </c:pt>
                <c:pt idx="7525">
                  <c:v>1.3519691648031542</c:v>
                </c:pt>
                <c:pt idx="7526">
                  <c:v>1.3519691648031542</c:v>
                </c:pt>
                <c:pt idx="7527">
                  <c:v>1.2223282859864135</c:v>
                </c:pt>
                <c:pt idx="7528">
                  <c:v>1.1112075327149213</c:v>
                </c:pt>
                <c:pt idx="7529">
                  <c:v>1.0000867794434292</c:v>
                </c:pt>
                <c:pt idx="7530">
                  <c:v>0.96304652835293181</c:v>
                </c:pt>
                <c:pt idx="7531">
                  <c:v>0.77784527290044492</c:v>
                </c:pt>
                <c:pt idx="7532">
                  <c:v>0.57412389190270929</c:v>
                </c:pt>
                <c:pt idx="7533">
                  <c:v>0.57412389190270929</c:v>
                </c:pt>
                <c:pt idx="7534">
                  <c:v>0.57412389190270929</c:v>
                </c:pt>
                <c:pt idx="7535">
                  <c:v>0.57412389190270929</c:v>
                </c:pt>
                <c:pt idx="7536">
                  <c:v>0.69383042078686119</c:v>
                </c:pt>
                <c:pt idx="7537">
                  <c:v>0.80573855317183862</c:v>
                </c:pt>
                <c:pt idx="7538">
                  <c:v>0.80573855317183862</c:v>
                </c:pt>
                <c:pt idx="7539">
                  <c:v>0.80573855317183862</c:v>
                </c:pt>
                <c:pt idx="7540">
                  <c:v>0.80573855317183862</c:v>
                </c:pt>
                <c:pt idx="7541">
                  <c:v>1.0071731914647983</c:v>
                </c:pt>
                <c:pt idx="7542">
                  <c:v>1.1862262032807624</c:v>
                </c:pt>
                <c:pt idx="7543">
                  <c:v>1.4100424680507178</c:v>
                </c:pt>
                <c:pt idx="7544">
                  <c:v>1.4100424680507178</c:v>
                </c:pt>
                <c:pt idx="7545">
                  <c:v>1.4100424680507178</c:v>
                </c:pt>
                <c:pt idx="7546">
                  <c:v>1.4100424680507178</c:v>
                </c:pt>
                <c:pt idx="7547">
                  <c:v>1.4100424680507178</c:v>
                </c:pt>
                <c:pt idx="7548">
                  <c:v>1.4100424680507178</c:v>
                </c:pt>
                <c:pt idx="7549">
                  <c:v>1.4100424680507178</c:v>
                </c:pt>
                <c:pt idx="7550">
                  <c:v>1.4100424680507178</c:v>
                </c:pt>
                <c:pt idx="7551">
                  <c:v>1.2533710827117492</c:v>
                </c:pt>
                <c:pt idx="7552">
                  <c:v>1.2309894562347536</c:v>
                </c:pt>
                <c:pt idx="7553">
                  <c:v>1.0519364444187895</c:v>
                </c:pt>
                <c:pt idx="7554">
                  <c:v>0.98479156498780285</c:v>
                </c:pt>
                <c:pt idx="7555">
                  <c:v>0.82812017964883433</c:v>
                </c:pt>
                <c:pt idx="7556">
                  <c:v>0.69383042078686119</c:v>
                </c:pt>
                <c:pt idx="7557">
                  <c:v>0.60430391487887902</c:v>
                </c:pt>
                <c:pt idx="7558">
                  <c:v>0.60430391487887902</c:v>
                </c:pt>
                <c:pt idx="7559">
                  <c:v>0.60430391487887902</c:v>
                </c:pt>
                <c:pt idx="7560">
                  <c:v>0.40349024339641282</c:v>
                </c:pt>
                <c:pt idx="7561">
                  <c:v>0.40349024339641282</c:v>
                </c:pt>
                <c:pt idx="7562">
                  <c:v>0.40349024339641282</c:v>
                </c:pt>
                <c:pt idx="7563">
                  <c:v>0.40349024339641282</c:v>
                </c:pt>
                <c:pt idx="7564">
                  <c:v>0.40349024339641282</c:v>
                </c:pt>
                <c:pt idx="7565">
                  <c:v>1.7484577213844557</c:v>
                </c:pt>
                <c:pt idx="7566">
                  <c:v>1.983827030032363</c:v>
                </c:pt>
                <c:pt idx="7567">
                  <c:v>1.983827030032363</c:v>
                </c:pt>
                <c:pt idx="7568">
                  <c:v>1.983827030032363</c:v>
                </c:pt>
                <c:pt idx="7569">
                  <c:v>2.1183237778311672</c:v>
                </c:pt>
                <c:pt idx="7570">
                  <c:v>2.1183237778311672</c:v>
                </c:pt>
                <c:pt idx="7571">
                  <c:v>2.6899349559760855</c:v>
                </c:pt>
                <c:pt idx="7572">
                  <c:v>2.6899349559760855</c:v>
                </c:pt>
                <c:pt idx="7573">
                  <c:v>1.7820819083341566</c:v>
                </c:pt>
                <c:pt idx="7574">
                  <c:v>2.6899349559760855</c:v>
                </c:pt>
                <c:pt idx="7575">
                  <c:v>2.6899349559760855</c:v>
                </c:pt>
                <c:pt idx="7576">
                  <c:v>2.6899349559760855</c:v>
                </c:pt>
                <c:pt idx="7577">
                  <c:v>2.6899349559760855</c:v>
                </c:pt>
                <c:pt idx="7578">
                  <c:v>2.6899349559760855</c:v>
                </c:pt>
                <c:pt idx="7579">
                  <c:v>2.2528205256299718</c:v>
                </c:pt>
                <c:pt idx="7580">
                  <c:v>1.8493302822335589</c:v>
                </c:pt>
                <c:pt idx="7581">
                  <c:v>1.3449674779880427</c:v>
                </c:pt>
                <c:pt idx="7582">
                  <c:v>1.2777191040886406</c:v>
                </c:pt>
                <c:pt idx="7583">
                  <c:v>1.2777191040886406</c:v>
                </c:pt>
                <c:pt idx="7584">
                  <c:v>1.2052643359568591</c:v>
                </c:pt>
                <c:pt idx="7585">
                  <c:v>1.2052643359568591</c:v>
                </c:pt>
                <c:pt idx="7586">
                  <c:v>1.2052643359568591</c:v>
                </c:pt>
                <c:pt idx="7587">
                  <c:v>1.2052643359568591</c:v>
                </c:pt>
                <c:pt idx="7588">
                  <c:v>1.2052643359568591</c:v>
                </c:pt>
                <c:pt idx="7589">
                  <c:v>1.5668436367439167</c:v>
                </c:pt>
                <c:pt idx="7590">
                  <c:v>1.7476332871374456</c:v>
                </c:pt>
                <c:pt idx="7591">
                  <c:v>1.8078965039352886</c:v>
                </c:pt>
                <c:pt idx="7592">
                  <c:v>1.8078965039352886</c:v>
                </c:pt>
                <c:pt idx="7593">
                  <c:v>1.9585545459298959</c:v>
                </c:pt>
                <c:pt idx="7594">
                  <c:v>2.0489493711266604</c:v>
                </c:pt>
                <c:pt idx="7595">
                  <c:v>2.4105286719137182</c:v>
                </c:pt>
                <c:pt idx="7596">
                  <c:v>2.4105286719137182</c:v>
                </c:pt>
                <c:pt idx="7597">
                  <c:v>2.4105286719137182</c:v>
                </c:pt>
                <c:pt idx="7598">
                  <c:v>2.4105286719137182</c:v>
                </c:pt>
                <c:pt idx="7599">
                  <c:v>2.4105286719137182</c:v>
                </c:pt>
                <c:pt idx="7600">
                  <c:v>2.4105286719137182</c:v>
                </c:pt>
                <c:pt idx="7601">
                  <c:v>2.4105286719137182</c:v>
                </c:pt>
                <c:pt idx="7602">
                  <c:v>2.4105286719137182</c:v>
                </c:pt>
                <c:pt idx="7603">
                  <c:v>2.0188177627277391</c:v>
                </c:pt>
                <c:pt idx="7604">
                  <c:v>1.6572384619406815</c:v>
                </c:pt>
                <c:pt idx="7605">
                  <c:v>1.2052643359568591</c:v>
                </c:pt>
                <c:pt idx="7606">
                  <c:v>1.2052643359568591</c:v>
                </c:pt>
                <c:pt idx="7607">
                  <c:v>1.2052643359568591</c:v>
                </c:pt>
                <c:pt idx="7608">
                  <c:v>1.0622223672946034</c:v>
                </c:pt>
                <c:pt idx="7609">
                  <c:v>1.1950001632064287</c:v>
                </c:pt>
                <c:pt idx="7610">
                  <c:v>1.1950001632064287</c:v>
                </c:pt>
                <c:pt idx="7611">
                  <c:v>1.1950001632064287</c:v>
                </c:pt>
                <c:pt idx="7612">
                  <c:v>1.1950001632064287</c:v>
                </c:pt>
                <c:pt idx="7613">
                  <c:v>1.5402224325771747</c:v>
                </c:pt>
                <c:pt idx="7614">
                  <c:v>1.7792224652184605</c:v>
                </c:pt>
                <c:pt idx="7615">
                  <c:v>1.7792224652184605</c:v>
                </c:pt>
                <c:pt idx="7616">
                  <c:v>1.7792224652184605</c:v>
                </c:pt>
                <c:pt idx="7617">
                  <c:v>1.9120002611302858</c:v>
                </c:pt>
                <c:pt idx="7618">
                  <c:v>2.0713336162244764</c:v>
                </c:pt>
                <c:pt idx="7619">
                  <c:v>2.3900003264128573</c:v>
                </c:pt>
                <c:pt idx="7620">
                  <c:v>2.3900003264128573</c:v>
                </c:pt>
                <c:pt idx="7621">
                  <c:v>2.3900003264128573</c:v>
                </c:pt>
                <c:pt idx="7622">
                  <c:v>2.3900003264128573</c:v>
                </c:pt>
                <c:pt idx="7623">
                  <c:v>2.3900003264128573</c:v>
                </c:pt>
                <c:pt idx="7624">
                  <c:v>2.3900003264128573</c:v>
                </c:pt>
                <c:pt idx="7625">
                  <c:v>2.3900003264128573</c:v>
                </c:pt>
                <c:pt idx="7626">
                  <c:v>2.3900003264128573</c:v>
                </c:pt>
                <c:pt idx="7627">
                  <c:v>1.9916669386773811</c:v>
                </c:pt>
                <c:pt idx="7628">
                  <c:v>1.5933335509419049</c:v>
                </c:pt>
                <c:pt idx="7629">
                  <c:v>1.1950001632064287</c:v>
                </c:pt>
                <c:pt idx="7630">
                  <c:v>1.1950001632064287</c:v>
                </c:pt>
                <c:pt idx="7631">
                  <c:v>1.1950001632064287</c:v>
                </c:pt>
                <c:pt idx="7632">
                  <c:v>1.2418188653079316</c:v>
                </c:pt>
                <c:pt idx="7633">
                  <c:v>1.2418188653079316</c:v>
                </c:pt>
                <c:pt idx="7634">
                  <c:v>1.2418188653079316</c:v>
                </c:pt>
                <c:pt idx="7635">
                  <c:v>1.2418188653079316</c:v>
                </c:pt>
                <c:pt idx="7636">
                  <c:v>1.2418188653079316</c:v>
                </c:pt>
                <c:pt idx="7637">
                  <c:v>1.6005665375080009</c:v>
                </c:pt>
                <c:pt idx="7638">
                  <c:v>1.8489303105695876</c:v>
                </c:pt>
                <c:pt idx="7639">
                  <c:v>1.8489303105695876</c:v>
                </c:pt>
                <c:pt idx="7640">
                  <c:v>1.8489303105695876</c:v>
                </c:pt>
                <c:pt idx="7641">
                  <c:v>1.9869101844926909</c:v>
                </c:pt>
                <c:pt idx="7642">
                  <c:v>2.1524860332004154</c:v>
                </c:pt>
                <c:pt idx="7643">
                  <c:v>2.4836377306158632</c:v>
                </c:pt>
                <c:pt idx="7644">
                  <c:v>2.4836377306158632</c:v>
                </c:pt>
                <c:pt idx="7645">
                  <c:v>2.4836377306158632</c:v>
                </c:pt>
                <c:pt idx="7646">
                  <c:v>2.4836377306158632</c:v>
                </c:pt>
                <c:pt idx="7647">
                  <c:v>2.4836377306158632</c:v>
                </c:pt>
                <c:pt idx="7648">
                  <c:v>2.4836377306158632</c:v>
                </c:pt>
                <c:pt idx="7649">
                  <c:v>2.4836377306158632</c:v>
                </c:pt>
                <c:pt idx="7650">
                  <c:v>2.4836377306158632</c:v>
                </c:pt>
                <c:pt idx="7651">
                  <c:v>2.0696981088465534</c:v>
                </c:pt>
                <c:pt idx="7652">
                  <c:v>1.6557584870772426</c:v>
                </c:pt>
                <c:pt idx="7653">
                  <c:v>1.2418188653079316</c:v>
                </c:pt>
                <c:pt idx="7654">
                  <c:v>1.2418188653079316</c:v>
                </c:pt>
                <c:pt idx="7655">
                  <c:v>1.2418188653079316</c:v>
                </c:pt>
                <c:pt idx="7656">
                  <c:v>1.3764776865601782</c:v>
                </c:pt>
                <c:pt idx="7657">
                  <c:v>1.3764776865601782</c:v>
                </c:pt>
                <c:pt idx="7658">
                  <c:v>1.3764776865601782</c:v>
                </c:pt>
                <c:pt idx="7659">
                  <c:v>1.3764776865601782</c:v>
                </c:pt>
                <c:pt idx="7660">
                  <c:v>1.3764776865601782</c:v>
                </c:pt>
                <c:pt idx="7661">
                  <c:v>1.774126796010896</c:v>
                </c:pt>
                <c:pt idx="7662">
                  <c:v>2.1411875124269435</c:v>
                </c:pt>
                <c:pt idx="7663">
                  <c:v>2.1411875124269435</c:v>
                </c:pt>
                <c:pt idx="7664">
                  <c:v>2.1411875124269435</c:v>
                </c:pt>
                <c:pt idx="7665">
                  <c:v>2.2941294776002965</c:v>
                </c:pt>
                <c:pt idx="7666">
                  <c:v>2.3858946567043087</c:v>
                </c:pt>
                <c:pt idx="7667">
                  <c:v>2.7529553731203564</c:v>
                </c:pt>
                <c:pt idx="7668">
                  <c:v>2.7529553731203564</c:v>
                </c:pt>
                <c:pt idx="7669">
                  <c:v>2.7529553731203564</c:v>
                </c:pt>
                <c:pt idx="7670">
                  <c:v>2.7529553731203564</c:v>
                </c:pt>
                <c:pt idx="7671">
                  <c:v>2.2941294776002965</c:v>
                </c:pt>
                <c:pt idx="7672">
                  <c:v>2.1717759054616148</c:v>
                </c:pt>
                <c:pt idx="7673">
                  <c:v>2.1717759054616148</c:v>
                </c:pt>
                <c:pt idx="7674">
                  <c:v>2.1717759054616148</c:v>
                </c:pt>
                <c:pt idx="7675">
                  <c:v>2.1717759054616148</c:v>
                </c:pt>
                <c:pt idx="7676">
                  <c:v>1.6823616169068842</c:v>
                </c:pt>
                <c:pt idx="7677">
                  <c:v>0.64235625372808303</c:v>
                </c:pt>
                <c:pt idx="7678">
                  <c:v>0.64235625372808303</c:v>
                </c:pt>
                <c:pt idx="7679">
                  <c:v>0.64235625372808303</c:v>
                </c:pt>
                <c:pt idx="7680">
                  <c:v>0.47440725310687948</c:v>
                </c:pt>
                <c:pt idx="7681">
                  <c:v>0.92622368463724092</c:v>
                </c:pt>
                <c:pt idx="7682">
                  <c:v>0.92622368463724092</c:v>
                </c:pt>
                <c:pt idx="7683">
                  <c:v>0.92622368463724092</c:v>
                </c:pt>
                <c:pt idx="7684">
                  <c:v>0.92622368463724092</c:v>
                </c:pt>
                <c:pt idx="7685">
                  <c:v>1.1521319004024217</c:v>
                </c:pt>
                <c:pt idx="7686">
                  <c:v>1.4458125808971569</c:v>
                </c:pt>
                <c:pt idx="7687">
                  <c:v>1.6491299750858193</c:v>
                </c:pt>
                <c:pt idx="7688">
                  <c:v>1.6491299750858193</c:v>
                </c:pt>
                <c:pt idx="7689">
                  <c:v>1.6491299750858193</c:v>
                </c:pt>
                <c:pt idx="7690">
                  <c:v>1.6491299750858193</c:v>
                </c:pt>
                <c:pt idx="7691">
                  <c:v>1.6491299750858193</c:v>
                </c:pt>
                <c:pt idx="7692">
                  <c:v>1.6491299750858193</c:v>
                </c:pt>
                <c:pt idx="7693">
                  <c:v>1.6491299750858193</c:v>
                </c:pt>
                <c:pt idx="7694">
                  <c:v>1.6491299750858193</c:v>
                </c:pt>
                <c:pt idx="7695">
                  <c:v>1.4909942240501928</c:v>
                </c:pt>
                <c:pt idx="7696">
                  <c:v>1.3554492945910845</c:v>
                </c:pt>
                <c:pt idx="7697">
                  <c:v>1.2199043651319759</c:v>
                </c:pt>
                <c:pt idx="7698">
                  <c:v>1.1747227219789396</c:v>
                </c:pt>
                <c:pt idx="7699">
                  <c:v>0.94881450621375896</c:v>
                </c:pt>
                <c:pt idx="7700">
                  <c:v>0.7003154688720602</c:v>
                </c:pt>
                <c:pt idx="7701">
                  <c:v>0.7003154688720602</c:v>
                </c:pt>
                <c:pt idx="7702">
                  <c:v>0.7003154688720602</c:v>
                </c:pt>
                <c:pt idx="7703">
                  <c:v>0.7003154688720602</c:v>
                </c:pt>
                <c:pt idx="7704">
                  <c:v>0.80564929440503275</c:v>
                </c:pt>
                <c:pt idx="7705">
                  <c:v>0.93559272898648971</c:v>
                </c:pt>
                <c:pt idx="7706">
                  <c:v>0.93559272898648971</c:v>
                </c:pt>
                <c:pt idx="7707">
                  <c:v>0.93559272898648971</c:v>
                </c:pt>
                <c:pt idx="7708">
                  <c:v>0.93559272898648971</c:v>
                </c:pt>
                <c:pt idx="7709">
                  <c:v>1.169490911233112</c:v>
                </c:pt>
                <c:pt idx="7710">
                  <c:v>1.3774004065634431</c:v>
                </c:pt>
                <c:pt idx="7711">
                  <c:v>1.6372872757263572</c:v>
                </c:pt>
                <c:pt idx="7712">
                  <c:v>1.6372872757263572</c:v>
                </c:pt>
                <c:pt idx="7713">
                  <c:v>1.6372872757263572</c:v>
                </c:pt>
                <c:pt idx="7714">
                  <c:v>1.6372872757263572</c:v>
                </c:pt>
                <c:pt idx="7715">
                  <c:v>1.6372872757263572</c:v>
                </c:pt>
                <c:pt idx="7716">
                  <c:v>1.6372872757263572</c:v>
                </c:pt>
                <c:pt idx="7717">
                  <c:v>1.6372872757263572</c:v>
                </c:pt>
                <c:pt idx="7718">
                  <c:v>1.6372872757263572</c:v>
                </c:pt>
                <c:pt idx="7719">
                  <c:v>1.4553664673123174</c:v>
                </c:pt>
                <c:pt idx="7720">
                  <c:v>1.4293777803960259</c:v>
                </c:pt>
                <c:pt idx="7721">
                  <c:v>1.221468285065695</c:v>
                </c:pt>
                <c:pt idx="7722">
                  <c:v>1.1435022243168209</c:v>
                </c:pt>
                <c:pt idx="7723">
                  <c:v>0.96158141590278101</c:v>
                </c:pt>
                <c:pt idx="7724">
                  <c:v>0.80564929440503275</c:v>
                </c:pt>
                <c:pt idx="7725">
                  <c:v>0.70169454673986731</c:v>
                </c:pt>
                <c:pt idx="7726">
                  <c:v>0.70169454673986731</c:v>
                </c:pt>
                <c:pt idx="7727">
                  <c:v>0.70169454673986731</c:v>
                </c:pt>
                <c:pt idx="7728">
                  <c:v>0.42479491042866357</c:v>
                </c:pt>
                <c:pt idx="7729">
                  <c:v>0.42479491042866357</c:v>
                </c:pt>
                <c:pt idx="7730">
                  <c:v>0.42479491042866357</c:v>
                </c:pt>
                <c:pt idx="7731">
                  <c:v>0.42479491042866357</c:v>
                </c:pt>
                <c:pt idx="7732">
                  <c:v>0.42479491042866357</c:v>
                </c:pt>
                <c:pt idx="7733">
                  <c:v>1.8407779451908755</c:v>
                </c:pt>
                <c:pt idx="7734">
                  <c:v>2.0885749762742623</c:v>
                </c:pt>
                <c:pt idx="7735">
                  <c:v>2.0885749762742623</c:v>
                </c:pt>
                <c:pt idx="7736">
                  <c:v>2.0885749762742623</c:v>
                </c:pt>
                <c:pt idx="7737">
                  <c:v>2.2301732797504839</c:v>
                </c:pt>
                <c:pt idx="7738">
                  <c:v>2.2301732797504839</c:v>
                </c:pt>
                <c:pt idx="7739">
                  <c:v>2.8319660695244244</c:v>
                </c:pt>
                <c:pt idx="7740">
                  <c:v>2.8319660695244244</c:v>
                </c:pt>
                <c:pt idx="7741">
                  <c:v>1.8761775210599307</c:v>
                </c:pt>
                <c:pt idx="7742">
                  <c:v>2.8319660695244244</c:v>
                </c:pt>
                <c:pt idx="7743">
                  <c:v>2.8319660695244244</c:v>
                </c:pt>
                <c:pt idx="7744">
                  <c:v>2.8319660695244244</c:v>
                </c:pt>
                <c:pt idx="7745">
                  <c:v>2.8319660695244244</c:v>
                </c:pt>
                <c:pt idx="7746">
                  <c:v>2.8319660695244244</c:v>
                </c:pt>
                <c:pt idx="7747">
                  <c:v>2.371771583226705</c:v>
                </c:pt>
                <c:pt idx="7748">
                  <c:v>1.9469766727980413</c:v>
                </c:pt>
                <c:pt idx="7749">
                  <c:v>1.4159830347622122</c:v>
                </c:pt>
                <c:pt idx="7750">
                  <c:v>1.3451838830241012</c:v>
                </c:pt>
                <c:pt idx="7751">
                  <c:v>1.3451838830241012</c:v>
                </c:pt>
                <c:pt idx="7752">
                  <c:v>1.2775722921837782</c:v>
                </c:pt>
                <c:pt idx="7753">
                  <c:v>1.2775722921837782</c:v>
                </c:pt>
                <c:pt idx="7754">
                  <c:v>1.2775722921837782</c:v>
                </c:pt>
                <c:pt idx="7755">
                  <c:v>1.2775722921837782</c:v>
                </c:pt>
                <c:pt idx="7756">
                  <c:v>1.2775722921837782</c:v>
                </c:pt>
                <c:pt idx="7757">
                  <c:v>1.6608439798389114</c:v>
                </c:pt>
                <c:pt idx="7758">
                  <c:v>1.8524798236664781</c:v>
                </c:pt>
                <c:pt idx="7759">
                  <c:v>1.9163584382756673</c:v>
                </c:pt>
                <c:pt idx="7760">
                  <c:v>1.9163584382756673</c:v>
                </c:pt>
                <c:pt idx="7761">
                  <c:v>2.0760549747986392</c:v>
                </c:pt>
                <c:pt idx="7762">
                  <c:v>2.171872896712423</c:v>
                </c:pt>
                <c:pt idx="7763">
                  <c:v>2.5551445843675564</c:v>
                </c:pt>
                <c:pt idx="7764">
                  <c:v>2.5551445843675564</c:v>
                </c:pt>
                <c:pt idx="7765">
                  <c:v>2.5551445843675564</c:v>
                </c:pt>
                <c:pt idx="7766">
                  <c:v>2.5551445843675564</c:v>
                </c:pt>
                <c:pt idx="7767">
                  <c:v>2.5551445843675564</c:v>
                </c:pt>
                <c:pt idx="7768">
                  <c:v>2.5551445843675564</c:v>
                </c:pt>
                <c:pt idx="7769">
                  <c:v>2.5551445843675564</c:v>
                </c:pt>
                <c:pt idx="7770">
                  <c:v>2.5551445843675564</c:v>
                </c:pt>
                <c:pt idx="7771">
                  <c:v>2.1399335894078289</c:v>
                </c:pt>
                <c:pt idx="7772">
                  <c:v>1.7566619017526948</c:v>
                </c:pt>
                <c:pt idx="7773">
                  <c:v>1.2775722921837782</c:v>
                </c:pt>
                <c:pt idx="7774">
                  <c:v>1.2775722921837782</c:v>
                </c:pt>
                <c:pt idx="7775">
                  <c:v>1.2775722921837782</c:v>
                </c:pt>
                <c:pt idx="7776">
                  <c:v>1.1507727904401852</c:v>
                </c:pt>
                <c:pt idx="7777">
                  <c:v>1.2946193892452083</c:v>
                </c:pt>
                <c:pt idx="7778">
                  <c:v>1.2946193892452083</c:v>
                </c:pt>
                <c:pt idx="7779">
                  <c:v>1.2946193892452083</c:v>
                </c:pt>
                <c:pt idx="7780">
                  <c:v>1.2946193892452083</c:v>
                </c:pt>
                <c:pt idx="7781">
                  <c:v>1.6686205461382686</c:v>
                </c:pt>
                <c:pt idx="7782">
                  <c:v>1.9275444239873103</c:v>
                </c:pt>
                <c:pt idx="7783">
                  <c:v>1.9275444239873103</c:v>
                </c:pt>
                <c:pt idx="7784">
                  <c:v>1.9275444239873103</c:v>
                </c:pt>
                <c:pt idx="7785">
                  <c:v>2.0713910227923336</c:v>
                </c:pt>
                <c:pt idx="7786">
                  <c:v>2.2440069413583612</c:v>
                </c:pt>
                <c:pt idx="7787">
                  <c:v>2.5892387784904165</c:v>
                </c:pt>
                <c:pt idx="7788">
                  <c:v>2.5892387784904165</c:v>
                </c:pt>
                <c:pt idx="7789">
                  <c:v>2.5892387784904165</c:v>
                </c:pt>
                <c:pt idx="7790">
                  <c:v>2.5892387784904165</c:v>
                </c:pt>
                <c:pt idx="7791">
                  <c:v>2.5892387784904165</c:v>
                </c:pt>
                <c:pt idx="7792">
                  <c:v>2.5892387784904165</c:v>
                </c:pt>
                <c:pt idx="7793">
                  <c:v>2.5892387784904165</c:v>
                </c:pt>
                <c:pt idx="7794">
                  <c:v>2.5892387784904165</c:v>
                </c:pt>
                <c:pt idx="7795">
                  <c:v>2.1576989820753472</c:v>
                </c:pt>
                <c:pt idx="7796">
                  <c:v>1.726159185660278</c:v>
                </c:pt>
                <c:pt idx="7797">
                  <c:v>1.2946193892452083</c:v>
                </c:pt>
                <c:pt idx="7798">
                  <c:v>1.2946193892452083</c:v>
                </c:pt>
                <c:pt idx="7799">
                  <c:v>1.2946193892452083</c:v>
                </c:pt>
                <c:pt idx="7800">
                  <c:v>1.1677552936069786</c:v>
                </c:pt>
                <c:pt idx="7801">
                  <c:v>1.1677552936069786</c:v>
                </c:pt>
                <c:pt idx="7802">
                  <c:v>1.1677552936069786</c:v>
                </c:pt>
                <c:pt idx="7803">
                  <c:v>1.1677552936069786</c:v>
                </c:pt>
                <c:pt idx="7804">
                  <c:v>1.1677552936069786</c:v>
                </c:pt>
                <c:pt idx="7805">
                  <c:v>1.5051068228712172</c:v>
                </c:pt>
                <c:pt idx="7806">
                  <c:v>1.7386578815926128</c:v>
                </c:pt>
                <c:pt idx="7807">
                  <c:v>1.7386578815926128</c:v>
                </c:pt>
                <c:pt idx="7808">
                  <c:v>1.7386578815926128</c:v>
                </c:pt>
                <c:pt idx="7809">
                  <c:v>1.868408469771166</c:v>
                </c:pt>
                <c:pt idx="7810">
                  <c:v>2.0241091755854299</c:v>
                </c:pt>
                <c:pt idx="7811">
                  <c:v>2.3355105872139572</c:v>
                </c:pt>
                <c:pt idx="7812">
                  <c:v>2.3355105872139572</c:v>
                </c:pt>
                <c:pt idx="7813">
                  <c:v>2.3355105872139572</c:v>
                </c:pt>
                <c:pt idx="7814">
                  <c:v>2.3355105872139572</c:v>
                </c:pt>
                <c:pt idx="7815">
                  <c:v>2.3355105872139572</c:v>
                </c:pt>
                <c:pt idx="7816">
                  <c:v>2.3355105872139572</c:v>
                </c:pt>
                <c:pt idx="7817">
                  <c:v>2.3355105872139572</c:v>
                </c:pt>
                <c:pt idx="7818">
                  <c:v>2.3355105872139572</c:v>
                </c:pt>
                <c:pt idx="7819">
                  <c:v>1.946258822678298</c:v>
                </c:pt>
                <c:pt idx="7820">
                  <c:v>1.5570070581426385</c:v>
                </c:pt>
                <c:pt idx="7821">
                  <c:v>1.1677552936069786</c:v>
                </c:pt>
                <c:pt idx="7822">
                  <c:v>1.1677552936069786</c:v>
                </c:pt>
                <c:pt idx="7823">
                  <c:v>1.1677552936069786</c:v>
                </c:pt>
                <c:pt idx="7824">
                  <c:v>1.2714093866580474</c:v>
                </c:pt>
                <c:pt idx="7825">
                  <c:v>1.2714093866580474</c:v>
                </c:pt>
                <c:pt idx="7826">
                  <c:v>1.2714093866580474</c:v>
                </c:pt>
                <c:pt idx="7827">
                  <c:v>1.2714093866580474</c:v>
                </c:pt>
                <c:pt idx="7828">
                  <c:v>1.2714093866580474</c:v>
                </c:pt>
                <c:pt idx="7829">
                  <c:v>1.6387054316925944</c:v>
                </c:pt>
                <c:pt idx="7830">
                  <c:v>1.9777479348014073</c:v>
                </c:pt>
                <c:pt idx="7831">
                  <c:v>1.9777479348014073</c:v>
                </c:pt>
                <c:pt idx="7832">
                  <c:v>1.9777479348014073</c:v>
                </c:pt>
                <c:pt idx="7833">
                  <c:v>2.1190156444300792</c:v>
                </c:pt>
                <c:pt idx="7834">
                  <c:v>2.2037762702072823</c:v>
                </c:pt>
                <c:pt idx="7835">
                  <c:v>2.5428187733160947</c:v>
                </c:pt>
                <c:pt idx="7836">
                  <c:v>2.5428187733160947</c:v>
                </c:pt>
                <c:pt idx="7837">
                  <c:v>2.5428187733160947</c:v>
                </c:pt>
                <c:pt idx="7838">
                  <c:v>2.5428187733160947</c:v>
                </c:pt>
                <c:pt idx="7839">
                  <c:v>2.1190156444300792</c:v>
                </c:pt>
                <c:pt idx="7840">
                  <c:v>2.0060014767271417</c:v>
                </c:pt>
                <c:pt idx="7841">
                  <c:v>2.0060014767271417</c:v>
                </c:pt>
                <c:pt idx="7842">
                  <c:v>2.0060014767271417</c:v>
                </c:pt>
                <c:pt idx="7843">
                  <c:v>2.0060014767271417</c:v>
                </c:pt>
                <c:pt idx="7844">
                  <c:v>1.5539448059153915</c:v>
                </c:pt>
                <c:pt idx="7845">
                  <c:v>0.59332438044042213</c:v>
                </c:pt>
                <c:pt idx="7846">
                  <c:v>0.59332438044042213</c:v>
                </c:pt>
                <c:pt idx="7847">
                  <c:v>0.59332438044042213</c:v>
                </c:pt>
                <c:pt idx="7848">
                  <c:v>0.42804271525920107</c:v>
                </c:pt>
                <c:pt idx="7849">
                  <c:v>0.83570244407748806</c:v>
                </c:pt>
                <c:pt idx="7850">
                  <c:v>0.83570244407748806</c:v>
                </c:pt>
                <c:pt idx="7851">
                  <c:v>0.83570244407748806</c:v>
                </c:pt>
                <c:pt idx="7852">
                  <c:v>0.83570244407748806</c:v>
                </c:pt>
                <c:pt idx="7853">
                  <c:v>1.0395323084866315</c:v>
                </c:pt>
                <c:pt idx="7854">
                  <c:v>1.3045111322185179</c:v>
                </c:pt>
                <c:pt idx="7855">
                  <c:v>1.4879580101867469</c:v>
                </c:pt>
                <c:pt idx="7856">
                  <c:v>1.4879580101867469</c:v>
                </c:pt>
                <c:pt idx="7857">
                  <c:v>1.4879580101867469</c:v>
                </c:pt>
                <c:pt idx="7858">
                  <c:v>1.4879580101867469</c:v>
                </c:pt>
                <c:pt idx="7859">
                  <c:v>1.4879580101867469</c:v>
                </c:pt>
                <c:pt idx="7860">
                  <c:v>1.4879580101867469</c:v>
                </c:pt>
                <c:pt idx="7861">
                  <c:v>1.4879580101867469</c:v>
                </c:pt>
                <c:pt idx="7862">
                  <c:v>1.4879580101867469</c:v>
                </c:pt>
                <c:pt idx="7863">
                  <c:v>1.3452771051003463</c:v>
                </c:pt>
                <c:pt idx="7864">
                  <c:v>1.2229791864548603</c:v>
                </c:pt>
                <c:pt idx="7865">
                  <c:v>1.1006812678093745</c:v>
                </c:pt>
                <c:pt idx="7866">
                  <c:v>1.0599152949275457</c:v>
                </c:pt>
                <c:pt idx="7867">
                  <c:v>0.85608543051840214</c:v>
                </c:pt>
                <c:pt idx="7868">
                  <c:v>0.63187257966834454</c:v>
                </c:pt>
                <c:pt idx="7869">
                  <c:v>0.63187257966834454</c:v>
                </c:pt>
                <c:pt idx="7870">
                  <c:v>0.63187257966834454</c:v>
                </c:pt>
                <c:pt idx="7871">
                  <c:v>0.63187257966834454</c:v>
                </c:pt>
                <c:pt idx="7872">
                  <c:v>0.79106422393309739</c:v>
                </c:pt>
                <c:pt idx="7873">
                  <c:v>0.91865522779327435</c:v>
                </c:pt>
                <c:pt idx="7874">
                  <c:v>0.91865522779327435</c:v>
                </c:pt>
                <c:pt idx="7875">
                  <c:v>0.91865522779327435</c:v>
                </c:pt>
                <c:pt idx="7876">
                  <c:v>0.91865522779327435</c:v>
                </c:pt>
                <c:pt idx="7877">
                  <c:v>1.1483190347415928</c:v>
                </c:pt>
                <c:pt idx="7878">
                  <c:v>1.3524646409178762</c:v>
                </c:pt>
                <c:pt idx="7879">
                  <c:v>1.6076466486382301</c:v>
                </c:pt>
                <c:pt idx="7880">
                  <c:v>1.6076466486382301</c:v>
                </c:pt>
                <c:pt idx="7881">
                  <c:v>1.6076466486382301</c:v>
                </c:pt>
                <c:pt idx="7882">
                  <c:v>1.6076466486382301</c:v>
                </c:pt>
                <c:pt idx="7883">
                  <c:v>1.6076466486382301</c:v>
                </c:pt>
                <c:pt idx="7884">
                  <c:v>1.6076466486382301</c:v>
                </c:pt>
                <c:pt idx="7885">
                  <c:v>1.6076466486382301</c:v>
                </c:pt>
                <c:pt idx="7886">
                  <c:v>1.6076466486382301</c:v>
                </c:pt>
                <c:pt idx="7887">
                  <c:v>1.4290192432339823</c:v>
                </c:pt>
                <c:pt idx="7888">
                  <c:v>1.403501042461947</c:v>
                </c:pt>
                <c:pt idx="7889">
                  <c:v>1.199355436285664</c:v>
                </c:pt>
                <c:pt idx="7890">
                  <c:v>1.1228008339695577</c:v>
                </c:pt>
                <c:pt idx="7891">
                  <c:v>0.94417342856530984</c:v>
                </c:pt>
                <c:pt idx="7892">
                  <c:v>0.79106422393309739</c:v>
                </c:pt>
                <c:pt idx="7893">
                  <c:v>0.68899142084495579</c:v>
                </c:pt>
                <c:pt idx="7894">
                  <c:v>0.68899142084495579</c:v>
                </c:pt>
                <c:pt idx="7895">
                  <c:v>0.68899142084495579</c:v>
                </c:pt>
                <c:pt idx="7896">
                  <c:v>0.42306750499361634</c:v>
                </c:pt>
                <c:pt idx="7897">
                  <c:v>0.42306750499361634</c:v>
                </c:pt>
                <c:pt idx="7898">
                  <c:v>0.42306750499361634</c:v>
                </c:pt>
                <c:pt idx="7899">
                  <c:v>0.42306750499361634</c:v>
                </c:pt>
                <c:pt idx="7900">
                  <c:v>0.42306750499361634</c:v>
                </c:pt>
                <c:pt idx="7901">
                  <c:v>1.8332925216390041</c:v>
                </c:pt>
                <c:pt idx="7902">
                  <c:v>2.080081899551947</c:v>
                </c:pt>
                <c:pt idx="7903">
                  <c:v>2.080081899551947</c:v>
                </c:pt>
                <c:pt idx="7904">
                  <c:v>2.080081899551947</c:v>
                </c:pt>
                <c:pt idx="7905">
                  <c:v>2.2211044012164858</c:v>
                </c:pt>
                <c:pt idx="7906">
                  <c:v>2.2211044012164858</c:v>
                </c:pt>
                <c:pt idx="7907">
                  <c:v>2.8204500332907756</c:v>
                </c:pt>
                <c:pt idx="7908">
                  <c:v>2.8204500332907756</c:v>
                </c:pt>
                <c:pt idx="7909">
                  <c:v>1.8685481470551391</c:v>
                </c:pt>
                <c:pt idx="7910">
                  <c:v>2.8204500332907756</c:v>
                </c:pt>
                <c:pt idx="7911">
                  <c:v>2.8204500332907756</c:v>
                </c:pt>
                <c:pt idx="7912">
                  <c:v>2.8204500332907756</c:v>
                </c:pt>
                <c:pt idx="7913">
                  <c:v>2.8204500332907756</c:v>
                </c:pt>
                <c:pt idx="7914">
                  <c:v>2.8204500332907756</c:v>
                </c:pt>
                <c:pt idx="7915">
                  <c:v>2.3621269028810246</c:v>
                </c:pt>
                <c:pt idx="7916">
                  <c:v>1.9390593978874082</c:v>
                </c:pt>
                <c:pt idx="7917">
                  <c:v>1.4102250166453878</c:v>
                </c:pt>
                <c:pt idx="7918">
                  <c:v>1.3397137658131184</c:v>
                </c:pt>
                <c:pt idx="7919">
                  <c:v>1.3397137658131184</c:v>
                </c:pt>
                <c:pt idx="7920">
                  <c:v>1.2792538725611484</c:v>
                </c:pt>
                <c:pt idx="7921">
                  <c:v>1.2792538725611484</c:v>
                </c:pt>
                <c:pt idx="7922">
                  <c:v>1.2792538725611484</c:v>
                </c:pt>
                <c:pt idx="7923">
                  <c:v>1.2792538725611484</c:v>
                </c:pt>
                <c:pt idx="7924">
                  <c:v>1.2792538725611484</c:v>
                </c:pt>
                <c:pt idx="7925">
                  <c:v>1.6630300343294924</c:v>
                </c:pt>
                <c:pt idx="7926">
                  <c:v>1.8549181152136645</c:v>
                </c:pt>
                <c:pt idx="7927">
                  <c:v>1.9188808088417222</c:v>
                </c:pt>
                <c:pt idx="7928">
                  <c:v>1.9188808088417222</c:v>
                </c:pt>
                <c:pt idx="7929">
                  <c:v>2.0787875429118654</c:v>
                </c:pt>
                <c:pt idx="7930">
                  <c:v>2.1747315833539518</c:v>
                </c:pt>
                <c:pt idx="7931">
                  <c:v>2.5585077451222968</c:v>
                </c:pt>
                <c:pt idx="7932">
                  <c:v>2.5585077451222968</c:v>
                </c:pt>
                <c:pt idx="7933">
                  <c:v>2.5585077451222968</c:v>
                </c:pt>
                <c:pt idx="7934">
                  <c:v>2.5585077451222968</c:v>
                </c:pt>
                <c:pt idx="7935">
                  <c:v>2.5585077451222968</c:v>
                </c:pt>
                <c:pt idx="7936">
                  <c:v>2.5585077451222968</c:v>
                </c:pt>
                <c:pt idx="7937">
                  <c:v>2.5585077451222968</c:v>
                </c:pt>
                <c:pt idx="7938">
                  <c:v>2.5585077451222968</c:v>
                </c:pt>
                <c:pt idx="7939">
                  <c:v>2.1427502365399231</c:v>
                </c:pt>
                <c:pt idx="7940">
                  <c:v>1.7589740747715785</c:v>
                </c:pt>
                <c:pt idx="7941">
                  <c:v>1.2792538725611484</c:v>
                </c:pt>
                <c:pt idx="7942">
                  <c:v>1.2792538725611484</c:v>
                </c:pt>
                <c:pt idx="7943">
                  <c:v>1.2792538725611484</c:v>
                </c:pt>
                <c:pt idx="7944">
                  <c:v>1.1672821913656328</c:v>
                </c:pt>
                <c:pt idx="7945">
                  <c:v>1.3131924652863367</c:v>
                </c:pt>
                <c:pt idx="7946">
                  <c:v>1.3131924652863367</c:v>
                </c:pt>
                <c:pt idx="7947">
                  <c:v>1.3131924652863367</c:v>
                </c:pt>
                <c:pt idx="7948">
                  <c:v>1.3131924652863367</c:v>
                </c:pt>
                <c:pt idx="7949">
                  <c:v>1.6925591774801676</c:v>
                </c:pt>
                <c:pt idx="7950">
                  <c:v>1.955197670537435</c:v>
                </c:pt>
                <c:pt idx="7951">
                  <c:v>1.955197670537435</c:v>
                </c:pt>
                <c:pt idx="7952">
                  <c:v>1.955197670537435</c:v>
                </c:pt>
                <c:pt idx="7953">
                  <c:v>2.1011079444581391</c:v>
                </c:pt>
                <c:pt idx="7954">
                  <c:v>2.276200273162984</c:v>
                </c:pt>
                <c:pt idx="7955">
                  <c:v>2.6263849305726734</c:v>
                </c:pt>
                <c:pt idx="7956">
                  <c:v>2.6263849305726734</c:v>
                </c:pt>
                <c:pt idx="7957">
                  <c:v>2.6263849305726734</c:v>
                </c:pt>
                <c:pt idx="7958">
                  <c:v>2.6263849305726734</c:v>
                </c:pt>
                <c:pt idx="7959">
                  <c:v>2.6263849305726734</c:v>
                </c:pt>
                <c:pt idx="7960">
                  <c:v>2.6263849305726734</c:v>
                </c:pt>
                <c:pt idx="7961">
                  <c:v>2.6263849305726734</c:v>
                </c:pt>
                <c:pt idx="7962">
                  <c:v>2.6263849305726734</c:v>
                </c:pt>
                <c:pt idx="7963">
                  <c:v>2.1886541088105611</c:v>
                </c:pt>
                <c:pt idx="7964">
                  <c:v>1.7509232870484492</c:v>
                </c:pt>
                <c:pt idx="7965">
                  <c:v>1.3131924652863367</c:v>
                </c:pt>
                <c:pt idx="7966">
                  <c:v>1.3131924652863367</c:v>
                </c:pt>
                <c:pt idx="7967">
                  <c:v>1.3131924652863367</c:v>
                </c:pt>
                <c:pt idx="7968">
                  <c:v>1.2552849692535595</c:v>
                </c:pt>
                <c:pt idx="7969">
                  <c:v>1.2552849692535595</c:v>
                </c:pt>
                <c:pt idx="7970">
                  <c:v>1.2552849692535595</c:v>
                </c:pt>
                <c:pt idx="7971">
                  <c:v>1.2552849692535595</c:v>
                </c:pt>
                <c:pt idx="7972">
                  <c:v>1.2552849692535595</c:v>
                </c:pt>
                <c:pt idx="7973">
                  <c:v>1.6179228492601436</c:v>
                </c:pt>
                <c:pt idx="7974">
                  <c:v>1.8689798431108557</c:v>
                </c:pt>
                <c:pt idx="7975">
                  <c:v>1.8689798431108557</c:v>
                </c:pt>
                <c:pt idx="7976">
                  <c:v>1.8689798431108557</c:v>
                </c:pt>
                <c:pt idx="7977">
                  <c:v>2.0084559508056952</c:v>
                </c:pt>
                <c:pt idx="7978">
                  <c:v>2.1758272800395035</c:v>
                </c:pt>
                <c:pt idx="7979">
                  <c:v>2.510569938507119</c:v>
                </c:pt>
                <c:pt idx="7980">
                  <c:v>2.510569938507119</c:v>
                </c:pt>
                <c:pt idx="7981">
                  <c:v>2.510569938507119</c:v>
                </c:pt>
                <c:pt idx="7982">
                  <c:v>2.510569938507119</c:v>
                </c:pt>
                <c:pt idx="7983">
                  <c:v>2.510569938507119</c:v>
                </c:pt>
                <c:pt idx="7984">
                  <c:v>2.510569938507119</c:v>
                </c:pt>
                <c:pt idx="7985">
                  <c:v>2.510569938507119</c:v>
                </c:pt>
                <c:pt idx="7986">
                  <c:v>2.510569938507119</c:v>
                </c:pt>
                <c:pt idx="7987">
                  <c:v>2.0921416154225994</c:v>
                </c:pt>
                <c:pt idx="7988">
                  <c:v>1.6737132923380798</c:v>
                </c:pt>
                <c:pt idx="7989">
                  <c:v>1.2552849692535595</c:v>
                </c:pt>
                <c:pt idx="7990">
                  <c:v>1.2552849692535595</c:v>
                </c:pt>
                <c:pt idx="7991">
                  <c:v>1.2552849692535595</c:v>
                </c:pt>
                <c:pt idx="7992">
                  <c:v>1.4096571496871666</c:v>
                </c:pt>
                <c:pt idx="7993">
                  <c:v>1.4096571496871666</c:v>
                </c:pt>
                <c:pt idx="7994">
                  <c:v>1.4096571496871666</c:v>
                </c:pt>
                <c:pt idx="7995">
                  <c:v>1.4096571496871666</c:v>
                </c:pt>
                <c:pt idx="7996">
                  <c:v>1.4096571496871666</c:v>
                </c:pt>
                <c:pt idx="7997">
                  <c:v>1.8168914373745706</c:v>
                </c:pt>
                <c:pt idx="7998">
                  <c:v>2.1928000106244818</c:v>
                </c:pt>
                <c:pt idx="7999">
                  <c:v>2.1928000106244818</c:v>
                </c:pt>
                <c:pt idx="8000">
                  <c:v>2.1928000106244818</c:v>
                </c:pt>
                <c:pt idx="8001">
                  <c:v>2.3494285828119446</c:v>
                </c:pt>
                <c:pt idx="8002">
                  <c:v>2.4434057261244222</c:v>
                </c:pt>
                <c:pt idx="8003">
                  <c:v>2.8193142993743332</c:v>
                </c:pt>
                <c:pt idx="8004">
                  <c:v>2.8193142993743332</c:v>
                </c:pt>
                <c:pt idx="8005">
                  <c:v>2.8193142993743332</c:v>
                </c:pt>
                <c:pt idx="8006">
                  <c:v>2.8193142993743332</c:v>
                </c:pt>
                <c:pt idx="8007">
                  <c:v>2.3494285828119446</c:v>
                </c:pt>
                <c:pt idx="8008">
                  <c:v>2.2241257250619744</c:v>
                </c:pt>
                <c:pt idx="8009">
                  <c:v>2.2241257250619744</c:v>
                </c:pt>
                <c:pt idx="8010">
                  <c:v>2.2241257250619744</c:v>
                </c:pt>
                <c:pt idx="8011">
                  <c:v>2.2241257250619744</c:v>
                </c:pt>
                <c:pt idx="8012">
                  <c:v>1.7229142940620927</c:v>
                </c:pt>
                <c:pt idx="8013">
                  <c:v>0.65784000318734448</c:v>
                </c:pt>
                <c:pt idx="8014">
                  <c:v>0.65784000318734448</c:v>
                </c:pt>
                <c:pt idx="8015">
                  <c:v>0.65784000318734448</c:v>
                </c:pt>
                <c:pt idx="8016">
                  <c:v>0.54250516807065718</c:v>
                </c:pt>
                <c:pt idx="8017">
                  <c:v>1.0591767567093784</c:v>
                </c:pt>
                <c:pt idx="8018">
                  <c:v>1.0591767567093784</c:v>
                </c:pt>
                <c:pt idx="8019">
                  <c:v>1.0591767567093784</c:v>
                </c:pt>
                <c:pt idx="8020">
                  <c:v>1.0591767567093784</c:v>
                </c:pt>
                <c:pt idx="8021">
                  <c:v>1.3175125510287391</c:v>
                </c:pt>
                <c:pt idx="8022">
                  <c:v>1.6533490836439078</c:v>
                </c:pt>
                <c:pt idx="8023">
                  <c:v>1.8858512985313323</c:v>
                </c:pt>
                <c:pt idx="8024">
                  <c:v>1.8858512985313323</c:v>
                </c:pt>
                <c:pt idx="8025">
                  <c:v>1.8858512985313323</c:v>
                </c:pt>
                <c:pt idx="8026">
                  <c:v>1.8858512985313323</c:v>
                </c:pt>
                <c:pt idx="8027">
                  <c:v>1.8858512985313323</c:v>
                </c:pt>
                <c:pt idx="8028">
                  <c:v>1.8858512985313323</c:v>
                </c:pt>
                <c:pt idx="8029">
                  <c:v>1.8858512985313323</c:v>
                </c:pt>
                <c:pt idx="8030">
                  <c:v>1.8858512985313323</c:v>
                </c:pt>
                <c:pt idx="8031">
                  <c:v>1.7050162425077797</c:v>
                </c:pt>
                <c:pt idx="8032">
                  <c:v>1.5500147659161634</c:v>
                </c:pt>
                <c:pt idx="8033">
                  <c:v>1.3950132893245473</c:v>
                </c:pt>
                <c:pt idx="8034">
                  <c:v>1.3433461304606749</c:v>
                </c:pt>
                <c:pt idx="8035">
                  <c:v>1.0850103361413144</c:v>
                </c:pt>
                <c:pt idx="8036">
                  <c:v>0.80084096239001779</c:v>
                </c:pt>
                <c:pt idx="8037">
                  <c:v>0.80084096239001779</c:v>
                </c:pt>
                <c:pt idx="8038">
                  <c:v>0.80084096239001779</c:v>
                </c:pt>
                <c:pt idx="8039">
                  <c:v>0.80084096239001779</c:v>
                </c:pt>
                <c:pt idx="8040">
                  <c:v>0.9442074638884197</c:v>
                </c:pt>
                <c:pt idx="8041">
                  <c:v>1.0964989903220357</c:v>
                </c:pt>
                <c:pt idx="8042">
                  <c:v>1.0964989903220357</c:v>
                </c:pt>
                <c:pt idx="8043">
                  <c:v>1.0964989903220357</c:v>
                </c:pt>
                <c:pt idx="8044">
                  <c:v>1.0964989903220357</c:v>
                </c:pt>
                <c:pt idx="8045">
                  <c:v>1.3706237379025445</c:v>
                </c:pt>
                <c:pt idx="8046">
                  <c:v>1.6142901801963303</c:v>
                </c:pt>
                <c:pt idx="8047">
                  <c:v>1.9188732330635625</c:v>
                </c:pt>
                <c:pt idx="8048">
                  <c:v>1.9188732330635625</c:v>
                </c:pt>
                <c:pt idx="8049">
                  <c:v>1.9188732330635625</c:v>
                </c:pt>
                <c:pt idx="8050">
                  <c:v>1.9188732330635625</c:v>
                </c:pt>
                <c:pt idx="8051">
                  <c:v>1.9188732330635625</c:v>
                </c:pt>
                <c:pt idx="8052">
                  <c:v>1.9188732330635625</c:v>
                </c:pt>
                <c:pt idx="8053">
                  <c:v>1.9188732330635625</c:v>
                </c:pt>
                <c:pt idx="8054">
                  <c:v>1.9188732330635625</c:v>
                </c:pt>
                <c:pt idx="8055">
                  <c:v>1.7056650960565001</c:v>
                </c:pt>
                <c:pt idx="8056">
                  <c:v>1.6752067907697765</c:v>
                </c:pt>
                <c:pt idx="8057">
                  <c:v>1.4315403484759912</c:v>
                </c:pt>
                <c:pt idx="8058">
                  <c:v>1.3401654326158214</c:v>
                </c:pt>
                <c:pt idx="8059">
                  <c:v>1.126957295608759</c:v>
                </c:pt>
                <c:pt idx="8060">
                  <c:v>0.9442074638884197</c:v>
                </c:pt>
                <c:pt idx="8061">
                  <c:v>0.82237424274152682</c:v>
                </c:pt>
                <c:pt idx="8062">
                  <c:v>0.82237424274152682</c:v>
                </c:pt>
                <c:pt idx="8063">
                  <c:v>0.82237424274152682</c:v>
                </c:pt>
                <c:pt idx="8064">
                  <c:v>0.44840278470764416</c:v>
                </c:pt>
                <c:pt idx="8065">
                  <c:v>0.44840278470764416</c:v>
                </c:pt>
                <c:pt idx="8066">
                  <c:v>0.44840278470764416</c:v>
                </c:pt>
                <c:pt idx="8067">
                  <c:v>0.44840278470764416</c:v>
                </c:pt>
                <c:pt idx="8068">
                  <c:v>0.44840278470764416</c:v>
                </c:pt>
                <c:pt idx="8069">
                  <c:v>1.943078733733125</c:v>
                </c:pt>
                <c:pt idx="8070">
                  <c:v>2.204647024812584</c:v>
                </c:pt>
                <c:pt idx="8071">
                  <c:v>2.204647024812584</c:v>
                </c:pt>
                <c:pt idx="8072">
                  <c:v>2.204647024812584</c:v>
                </c:pt>
                <c:pt idx="8073">
                  <c:v>2.3541146197151321</c:v>
                </c:pt>
                <c:pt idx="8074">
                  <c:v>2.3541146197151321</c:v>
                </c:pt>
                <c:pt idx="8075">
                  <c:v>2.9893518980509612</c:v>
                </c:pt>
                <c:pt idx="8076">
                  <c:v>2.9893518980509612</c:v>
                </c:pt>
                <c:pt idx="8077">
                  <c:v>1.980445632458762</c:v>
                </c:pt>
                <c:pt idx="8078">
                  <c:v>2.9893518980509612</c:v>
                </c:pt>
                <c:pt idx="8079">
                  <c:v>2.9893518980509612</c:v>
                </c:pt>
                <c:pt idx="8080">
                  <c:v>2.9893518980509612</c:v>
                </c:pt>
                <c:pt idx="8081">
                  <c:v>2.9893518980509612</c:v>
                </c:pt>
                <c:pt idx="8082">
                  <c:v>2.9893518980509612</c:v>
                </c:pt>
                <c:pt idx="8083">
                  <c:v>2.5035822146176803</c:v>
                </c:pt>
                <c:pt idx="8084">
                  <c:v>2.0551794299100359</c:v>
                </c:pt>
                <c:pt idx="8085">
                  <c:v>1.4946759490254806</c:v>
                </c:pt>
                <c:pt idx="8086">
                  <c:v>1.4199421515742066</c:v>
                </c:pt>
                <c:pt idx="8087">
                  <c:v>1.4199421515742066</c:v>
                </c:pt>
                <c:pt idx="8088">
                  <c:v>1.3128854801085525</c:v>
                </c:pt>
                <c:pt idx="8089">
                  <c:v>1.3128854801085525</c:v>
                </c:pt>
                <c:pt idx="8090">
                  <c:v>1.3128854801085525</c:v>
                </c:pt>
                <c:pt idx="8091">
                  <c:v>1.3128854801085525</c:v>
                </c:pt>
                <c:pt idx="8092">
                  <c:v>1.3128854801085525</c:v>
                </c:pt>
                <c:pt idx="8093">
                  <c:v>1.7067511241411184</c:v>
                </c:pt>
                <c:pt idx="8094">
                  <c:v>1.9036839461574011</c:v>
                </c:pt>
                <c:pt idx="8095">
                  <c:v>1.9693282201628288</c:v>
                </c:pt>
                <c:pt idx="8096">
                  <c:v>1.9693282201628288</c:v>
                </c:pt>
                <c:pt idx="8097">
                  <c:v>2.1334389051763978</c:v>
                </c:pt>
                <c:pt idx="8098">
                  <c:v>2.2319053161845392</c:v>
                </c:pt>
                <c:pt idx="8099">
                  <c:v>2.6257709602171051</c:v>
                </c:pt>
                <c:pt idx="8100">
                  <c:v>2.6257709602171051</c:v>
                </c:pt>
                <c:pt idx="8101">
                  <c:v>2.6257709602171051</c:v>
                </c:pt>
                <c:pt idx="8102">
                  <c:v>2.6257709602171051</c:v>
                </c:pt>
                <c:pt idx="8103">
                  <c:v>2.6257709602171051</c:v>
                </c:pt>
                <c:pt idx="8104">
                  <c:v>2.6257709602171051</c:v>
                </c:pt>
                <c:pt idx="8105">
                  <c:v>2.6257709602171051</c:v>
                </c:pt>
                <c:pt idx="8106">
                  <c:v>2.6257709602171051</c:v>
                </c:pt>
                <c:pt idx="8107">
                  <c:v>2.1990831791818262</c:v>
                </c:pt>
                <c:pt idx="8108">
                  <c:v>1.8052175351492596</c:v>
                </c:pt>
                <c:pt idx="8109">
                  <c:v>1.3128854801085525</c:v>
                </c:pt>
                <c:pt idx="8110">
                  <c:v>1.3128854801085525</c:v>
                </c:pt>
                <c:pt idx="8111">
                  <c:v>1.3128854801085525</c:v>
                </c:pt>
                <c:pt idx="8112">
                  <c:v>1.1252582617372211</c:v>
                </c:pt>
                <c:pt idx="8113">
                  <c:v>1.2659155444543735</c:v>
                </c:pt>
                <c:pt idx="8114">
                  <c:v>1.2659155444543735</c:v>
                </c:pt>
                <c:pt idx="8115">
                  <c:v>1.2659155444543735</c:v>
                </c:pt>
                <c:pt idx="8116">
                  <c:v>1.2659155444543735</c:v>
                </c:pt>
                <c:pt idx="8117">
                  <c:v>1.6316244795189707</c:v>
                </c:pt>
                <c:pt idx="8118">
                  <c:v>1.8848075884098454</c:v>
                </c:pt>
                <c:pt idx="8119">
                  <c:v>1.8848075884098454</c:v>
                </c:pt>
                <c:pt idx="8120">
                  <c:v>1.8848075884098454</c:v>
                </c:pt>
                <c:pt idx="8121">
                  <c:v>2.0254648711269976</c:v>
                </c:pt>
                <c:pt idx="8122">
                  <c:v>2.1942536103875812</c:v>
                </c:pt>
                <c:pt idx="8123">
                  <c:v>2.531831088908747</c:v>
                </c:pt>
                <c:pt idx="8124">
                  <c:v>2.531831088908747</c:v>
                </c:pt>
                <c:pt idx="8125">
                  <c:v>2.531831088908747</c:v>
                </c:pt>
                <c:pt idx="8126">
                  <c:v>2.531831088908747</c:v>
                </c:pt>
                <c:pt idx="8127">
                  <c:v>2.531831088908747</c:v>
                </c:pt>
                <c:pt idx="8128">
                  <c:v>2.531831088908747</c:v>
                </c:pt>
                <c:pt idx="8129">
                  <c:v>2.531831088908747</c:v>
                </c:pt>
                <c:pt idx="8130">
                  <c:v>2.531831088908747</c:v>
                </c:pt>
                <c:pt idx="8131">
                  <c:v>2.1098592407572894</c:v>
                </c:pt>
                <c:pt idx="8132">
                  <c:v>1.6878873926058315</c:v>
                </c:pt>
                <c:pt idx="8133">
                  <c:v>1.2659155444543735</c:v>
                </c:pt>
                <c:pt idx="8134">
                  <c:v>1.2659155444543735</c:v>
                </c:pt>
                <c:pt idx="8135">
                  <c:v>1.2659155444543735</c:v>
                </c:pt>
                <c:pt idx="8136">
                  <c:v>1.256968232246763</c:v>
                </c:pt>
                <c:pt idx="8137">
                  <c:v>1.256968232246763</c:v>
                </c:pt>
                <c:pt idx="8138">
                  <c:v>1.256968232246763</c:v>
                </c:pt>
                <c:pt idx="8139">
                  <c:v>1.256968232246763</c:v>
                </c:pt>
                <c:pt idx="8140">
                  <c:v>1.256968232246763</c:v>
                </c:pt>
                <c:pt idx="8141">
                  <c:v>1.6200923882291611</c:v>
                </c:pt>
                <c:pt idx="8142">
                  <c:v>1.8714860346785143</c:v>
                </c:pt>
                <c:pt idx="8143">
                  <c:v>1.8714860346785143</c:v>
                </c:pt>
                <c:pt idx="8144">
                  <c:v>1.8714860346785143</c:v>
                </c:pt>
                <c:pt idx="8145">
                  <c:v>2.0111491715948211</c:v>
                </c:pt>
                <c:pt idx="8146">
                  <c:v>2.1787449358943896</c:v>
                </c:pt>
                <c:pt idx="8147">
                  <c:v>2.513936464493526</c:v>
                </c:pt>
                <c:pt idx="8148">
                  <c:v>2.513936464493526</c:v>
                </c:pt>
                <c:pt idx="8149">
                  <c:v>2.513936464493526</c:v>
                </c:pt>
                <c:pt idx="8150">
                  <c:v>2.513936464493526</c:v>
                </c:pt>
                <c:pt idx="8151">
                  <c:v>2.513936464493526</c:v>
                </c:pt>
                <c:pt idx="8152">
                  <c:v>2.513936464493526</c:v>
                </c:pt>
                <c:pt idx="8153">
                  <c:v>2.513936464493526</c:v>
                </c:pt>
                <c:pt idx="8154">
                  <c:v>2.513936464493526</c:v>
                </c:pt>
                <c:pt idx="8155">
                  <c:v>2.0949470537446051</c:v>
                </c:pt>
                <c:pt idx="8156">
                  <c:v>1.6759576429956844</c:v>
                </c:pt>
                <c:pt idx="8157">
                  <c:v>1.256968232246763</c:v>
                </c:pt>
                <c:pt idx="8158">
                  <c:v>1.256968232246763</c:v>
                </c:pt>
                <c:pt idx="8159">
                  <c:v>1.256968232246763</c:v>
                </c:pt>
                <c:pt idx="8160">
                  <c:v>1.4188736672224411</c:v>
                </c:pt>
                <c:pt idx="8161">
                  <c:v>1.4188736672224411</c:v>
                </c:pt>
                <c:pt idx="8162">
                  <c:v>1.4188736672224411</c:v>
                </c:pt>
                <c:pt idx="8163">
                  <c:v>1.4188736672224411</c:v>
                </c:pt>
                <c:pt idx="8164">
                  <c:v>1.4188736672224411</c:v>
                </c:pt>
                <c:pt idx="8165">
                  <c:v>1.8287705044200353</c:v>
                </c:pt>
                <c:pt idx="8166">
                  <c:v>2.2071368156793532</c:v>
                </c:pt>
                <c:pt idx="8167">
                  <c:v>2.2071368156793532</c:v>
                </c:pt>
                <c:pt idx="8168">
                  <c:v>2.2071368156793532</c:v>
                </c:pt>
                <c:pt idx="8169">
                  <c:v>2.3647894453707354</c:v>
                </c:pt>
                <c:pt idx="8170">
                  <c:v>2.4593810231855651</c:v>
                </c:pt>
                <c:pt idx="8171">
                  <c:v>2.8377473344448823</c:v>
                </c:pt>
                <c:pt idx="8172">
                  <c:v>2.8377473344448823</c:v>
                </c:pt>
                <c:pt idx="8173">
                  <c:v>2.8377473344448823</c:v>
                </c:pt>
                <c:pt idx="8174">
                  <c:v>2.8377473344448823</c:v>
                </c:pt>
                <c:pt idx="8175">
                  <c:v>2.3647894453707354</c:v>
                </c:pt>
                <c:pt idx="8176">
                  <c:v>2.2386673416176297</c:v>
                </c:pt>
                <c:pt idx="8177">
                  <c:v>2.2386673416176297</c:v>
                </c:pt>
                <c:pt idx="8178">
                  <c:v>2.2386673416176297</c:v>
                </c:pt>
                <c:pt idx="8179">
                  <c:v>2.2386673416176297</c:v>
                </c:pt>
                <c:pt idx="8180">
                  <c:v>1.7341789266052061</c:v>
                </c:pt>
                <c:pt idx="8181">
                  <c:v>0.66214104470380597</c:v>
                </c:pt>
                <c:pt idx="8182">
                  <c:v>0.66214104470380597</c:v>
                </c:pt>
                <c:pt idx="8183">
                  <c:v>0.66214104470380597</c:v>
                </c:pt>
                <c:pt idx="8184">
                  <c:v>0.55409630253257669</c:v>
                </c:pt>
                <c:pt idx="8185">
                  <c:v>1.0818070668493165</c:v>
                </c:pt>
                <c:pt idx="8186">
                  <c:v>1.0818070668493165</c:v>
                </c:pt>
                <c:pt idx="8187">
                  <c:v>1.0818070668493165</c:v>
                </c:pt>
                <c:pt idx="8188">
                  <c:v>1.0818070668493165</c:v>
                </c:pt>
                <c:pt idx="8189">
                  <c:v>1.3456624490076863</c:v>
                </c:pt>
                <c:pt idx="8190">
                  <c:v>1.6886744458135674</c:v>
                </c:pt>
                <c:pt idx="8191">
                  <c:v>1.9261442897561003</c:v>
                </c:pt>
                <c:pt idx="8192">
                  <c:v>1.9261442897561003</c:v>
                </c:pt>
                <c:pt idx="8193">
                  <c:v>1.9261442897561003</c:v>
                </c:pt>
                <c:pt idx="8194">
                  <c:v>1.9261442897561003</c:v>
                </c:pt>
                <c:pt idx="8195">
                  <c:v>1.9261442897561003</c:v>
                </c:pt>
                <c:pt idx="8196">
                  <c:v>1.9261442897561003</c:v>
                </c:pt>
                <c:pt idx="8197">
                  <c:v>1.9261442897561003</c:v>
                </c:pt>
                <c:pt idx="8198">
                  <c:v>1.9261442897561003</c:v>
                </c:pt>
                <c:pt idx="8199">
                  <c:v>1.7414455222452412</c:v>
                </c:pt>
                <c:pt idx="8200">
                  <c:v>1.5831322929502194</c:v>
                </c:pt>
                <c:pt idx="8201">
                  <c:v>1.4248190636551974</c:v>
                </c:pt>
                <c:pt idx="8202">
                  <c:v>1.3720479872235234</c:v>
                </c:pt>
                <c:pt idx="8203">
                  <c:v>1.1081926050651534</c:v>
                </c:pt>
                <c:pt idx="8204">
                  <c:v>0.81795168469094659</c:v>
                </c:pt>
                <c:pt idx="8205">
                  <c:v>0.81795168469094659</c:v>
                </c:pt>
                <c:pt idx="8206">
                  <c:v>0.81795168469094659</c:v>
                </c:pt>
                <c:pt idx="8207">
                  <c:v>0.81795168469094659</c:v>
                </c:pt>
                <c:pt idx="8208">
                  <c:v>0.79349506901175304</c:v>
                </c:pt>
                <c:pt idx="8209">
                  <c:v>0.92147814465881006</c:v>
                </c:pt>
                <c:pt idx="8210">
                  <c:v>0.92147814465881006</c:v>
                </c:pt>
                <c:pt idx="8211">
                  <c:v>0.92147814465881006</c:v>
                </c:pt>
                <c:pt idx="8212">
                  <c:v>0.92147814465881006</c:v>
                </c:pt>
                <c:pt idx="8213">
                  <c:v>1.1518476808235127</c:v>
                </c:pt>
                <c:pt idx="8214">
                  <c:v>1.3566206018588038</c:v>
                </c:pt>
                <c:pt idx="8215">
                  <c:v>1.6125867531529177</c:v>
                </c:pt>
                <c:pt idx="8216">
                  <c:v>1.6125867531529177</c:v>
                </c:pt>
                <c:pt idx="8217">
                  <c:v>1.6125867531529177</c:v>
                </c:pt>
                <c:pt idx="8218">
                  <c:v>1.6125867531529177</c:v>
                </c:pt>
                <c:pt idx="8219">
                  <c:v>1.6125867531529177</c:v>
                </c:pt>
                <c:pt idx="8220">
                  <c:v>1.6125867531529177</c:v>
                </c:pt>
                <c:pt idx="8221">
                  <c:v>1.6125867531529177</c:v>
                </c:pt>
                <c:pt idx="8222">
                  <c:v>1.6125867531529177</c:v>
                </c:pt>
                <c:pt idx="8223">
                  <c:v>1.4334104472470379</c:v>
                </c:pt>
                <c:pt idx="8224">
                  <c:v>1.4078138321176263</c:v>
                </c:pt>
                <c:pt idx="8225">
                  <c:v>1.2030409110823357</c:v>
                </c:pt>
                <c:pt idx="8226">
                  <c:v>1.1262510656941014</c:v>
                </c:pt>
                <c:pt idx="8227">
                  <c:v>0.94707475978822164</c:v>
                </c:pt>
                <c:pt idx="8228">
                  <c:v>0.79349506901175304</c:v>
                </c:pt>
                <c:pt idx="8229">
                  <c:v>0.6911086084941076</c:v>
                </c:pt>
                <c:pt idx="8230">
                  <c:v>0.6911086084941076</c:v>
                </c:pt>
                <c:pt idx="8231">
                  <c:v>0.6911086084941076</c:v>
                </c:pt>
                <c:pt idx="8232">
                  <c:v>0.41097566694828475</c:v>
                </c:pt>
                <c:pt idx="8233">
                  <c:v>0.41097566694828475</c:v>
                </c:pt>
                <c:pt idx="8234">
                  <c:v>0.41097566694828475</c:v>
                </c:pt>
                <c:pt idx="8235">
                  <c:v>0.41097566694828475</c:v>
                </c:pt>
                <c:pt idx="8236">
                  <c:v>0.41097566694828475</c:v>
                </c:pt>
                <c:pt idx="8237">
                  <c:v>1.7808945567759003</c:v>
                </c:pt>
                <c:pt idx="8238">
                  <c:v>2.0206303624957331</c:v>
                </c:pt>
                <c:pt idx="8239">
                  <c:v>2.0206303624957331</c:v>
                </c:pt>
                <c:pt idx="8240">
                  <c:v>2.0206303624957331</c:v>
                </c:pt>
                <c:pt idx="8241">
                  <c:v>2.1576222514784948</c:v>
                </c:pt>
                <c:pt idx="8242">
                  <c:v>2.1576222514784948</c:v>
                </c:pt>
                <c:pt idx="8243">
                  <c:v>2.7398377796552316</c:v>
                </c:pt>
                <c:pt idx="8244">
                  <c:v>2.7398377796552316</c:v>
                </c:pt>
                <c:pt idx="8245">
                  <c:v>1.8151425290215908</c:v>
                </c:pt>
                <c:pt idx="8246">
                  <c:v>2.7398377796552316</c:v>
                </c:pt>
                <c:pt idx="8247">
                  <c:v>2.7398377796552316</c:v>
                </c:pt>
                <c:pt idx="8248">
                  <c:v>2.7398377796552316</c:v>
                </c:pt>
                <c:pt idx="8249">
                  <c:v>2.7398377796552316</c:v>
                </c:pt>
                <c:pt idx="8250">
                  <c:v>2.7398377796552316</c:v>
                </c:pt>
                <c:pt idx="8251">
                  <c:v>2.2946141404612566</c:v>
                </c:pt>
                <c:pt idx="8252">
                  <c:v>1.8836384735129714</c:v>
                </c:pt>
                <c:pt idx="8253">
                  <c:v>1.3699188898276158</c:v>
                </c:pt>
                <c:pt idx="8254">
                  <c:v>1.3014229453362349</c:v>
                </c:pt>
                <c:pt idx="8255">
                  <c:v>1.3014229453362349</c:v>
                </c:pt>
                <c:pt idx="8256">
                  <c:v>1.2304880416174122</c:v>
                </c:pt>
                <c:pt idx="8257">
                  <c:v>1.2304880416174122</c:v>
                </c:pt>
                <c:pt idx="8258">
                  <c:v>1.2304880416174122</c:v>
                </c:pt>
                <c:pt idx="8259">
                  <c:v>1.2304880416174122</c:v>
                </c:pt>
                <c:pt idx="8260">
                  <c:v>1.2304880416174122</c:v>
                </c:pt>
                <c:pt idx="8261">
                  <c:v>1.5996344541026359</c:v>
                </c:pt>
                <c:pt idx="8262">
                  <c:v>1.7842076603452475</c:v>
                </c:pt>
                <c:pt idx="8263">
                  <c:v>1.8457320624261182</c:v>
                </c:pt>
                <c:pt idx="8264">
                  <c:v>1.8457320624261182</c:v>
                </c:pt>
                <c:pt idx="8265">
                  <c:v>1.9995430676282948</c:v>
                </c:pt>
                <c:pt idx="8266">
                  <c:v>2.0918296707496005</c:v>
                </c:pt>
                <c:pt idx="8267">
                  <c:v>2.4609760832348244</c:v>
                </c:pt>
                <c:pt idx="8268">
                  <c:v>2.4609760832348244</c:v>
                </c:pt>
                <c:pt idx="8269">
                  <c:v>2.4609760832348244</c:v>
                </c:pt>
                <c:pt idx="8270">
                  <c:v>2.4609760832348244</c:v>
                </c:pt>
                <c:pt idx="8271">
                  <c:v>2.4609760832348244</c:v>
                </c:pt>
                <c:pt idx="8272">
                  <c:v>2.4609760832348244</c:v>
                </c:pt>
                <c:pt idx="8273">
                  <c:v>2.4609760832348244</c:v>
                </c:pt>
                <c:pt idx="8274">
                  <c:v>2.4609760832348244</c:v>
                </c:pt>
                <c:pt idx="8275">
                  <c:v>2.0610674697091653</c:v>
                </c:pt>
                <c:pt idx="8276">
                  <c:v>1.6919210572239416</c:v>
                </c:pt>
                <c:pt idx="8277">
                  <c:v>1.2304880416174122</c:v>
                </c:pt>
                <c:pt idx="8278">
                  <c:v>1.2304880416174122</c:v>
                </c:pt>
                <c:pt idx="8279">
                  <c:v>1.2304880416174122</c:v>
                </c:pt>
                <c:pt idx="8280">
                  <c:v>1.1387659534034962</c:v>
                </c:pt>
                <c:pt idx="8281">
                  <c:v>1.2811116975789332</c:v>
                </c:pt>
                <c:pt idx="8282">
                  <c:v>1.2811116975789332</c:v>
                </c:pt>
                <c:pt idx="8283">
                  <c:v>1.2811116975789332</c:v>
                </c:pt>
                <c:pt idx="8284">
                  <c:v>1.2811116975789332</c:v>
                </c:pt>
                <c:pt idx="8285">
                  <c:v>1.6512106324350693</c:v>
                </c:pt>
                <c:pt idx="8286">
                  <c:v>1.907432971950856</c:v>
                </c:pt>
                <c:pt idx="8287">
                  <c:v>1.907432971950856</c:v>
                </c:pt>
                <c:pt idx="8288">
                  <c:v>1.907432971950856</c:v>
                </c:pt>
                <c:pt idx="8289">
                  <c:v>2.0497787161262928</c:v>
                </c:pt>
                <c:pt idx="8290">
                  <c:v>2.2205936091368175</c:v>
                </c:pt>
                <c:pt idx="8291">
                  <c:v>2.5622233951578663</c:v>
                </c:pt>
                <c:pt idx="8292">
                  <c:v>2.5622233951578663</c:v>
                </c:pt>
                <c:pt idx="8293">
                  <c:v>2.5622233951578663</c:v>
                </c:pt>
                <c:pt idx="8294">
                  <c:v>2.5622233951578663</c:v>
                </c:pt>
                <c:pt idx="8295">
                  <c:v>2.5622233951578663</c:v>
                </c:pt>
                <c:pt idx="8296">
                  <c:v>2.5622233951578663</c:v>
                </c:pt>
                <c:pt idx="8297">
                  <c:v>2.5622233951578663</c:v>
                </c:pt>
                <c:pt idx="8298">
                  <c:v>2.5622233951578663</c:v>
                </c:pt>
                <c:pt idx="8299">
                  <c:v>2.1351861626315549</c:v>
                </c:pt>
                <c:pt idx="8300">
                  <c:v>1.7081489301052442</c:v>
                </c:pt>
                <c:pt idx="8301">
                  <c:v>1.2811116975789332</c:v>
                </c:pt>
                <c:pt idx="8302">
                  <c:v>1.2811116975789332</c:v>
                </c:pt>
                <c:pt idx="8303">
                  <c:v>1.2811116975789332</c:v>
                </c:pt>
                <c:pt idx="8304">
                  <c:v>1.2973665440836466</c:v>
                </c:pt>
                <c:pt idx="8305">
                  <c:v>1.2973665440836466</c:v>
                </c:pt>
                <c:pt idx="8306">
                  <c:v>1.2973665440836466</c:v>
                </c:pt>
                <c:pt idx="8307">
                  <c:v>1.2973665440836466</c:v>
                </c:pt>
                <c:pt idx="8308">
                  <c:v>1.2973665440836466</c:v>
                </c:pt>
                <c:pt idx="8309">
                  <c:v>1.6721613234855888</c:v>
                </c:pt>
                <c:pt idx="8310">
                  <c:v>1.9316346323023184</c:v>
                </c:pt>
                <c:pt idx="8311">
                  <c:v>1.9316346323023184</c:v>
                </c:pt>
                <c:pt idx="8312">
                  <c:v>1.9316346323023184</c:v>
                </c:pt>
                <c:pt idx="8313">
                  <c:v>2.0757864705338345</c:v>
                </c:pt>
                <c:pt idx="8314">
                  <c:v>2.2487686764116539</c:v>
                </c:pt>
                <c:pt idx="8315">
                  <c:v>2.5947330881672932</c:v>
                </c:pt>
                <c:pt idx="8316">
                  <c:v>2.5947330881672932</c:v>
                </c:pt>
                <c:pt idx="8317">
                  <c:v>2.5947330881672932</c:v>
                </c:pt>
                <c:pt idx="8318">
                  <c:v>2.5947330881672932</c:v>
                </c:pt>
                <c:pt idx="8319">
                  <c:v>2.5947330881672932</c:v>
                </c:pt>
                <c:pt idx="8320">
                  <c:v>2.5947330881672932</c:v>
                </c:pt>
                <c:pt idx="8321">
                  <c:v>2.5947330881672932</c:v>
                </c:pt>
                <c:pt idx="8322">
                  <c:v>2.5947330881672932</c:v>
                </c:pt>
                <c:pt idx="8323">
                  <c:v>2.162277573472744</c:v>
                </c:pt>
                <c:pt idx="8324">
                  <c:v>1.7298220587781954</c:v>
                </c:pt>
                <c:pt idx="8325">
                  <c:v>1.2973665440836466</c:v>
                </c:pt>
                <c:pt idx="8326">
                  <c:v>1.2973665440836466</c:v>
                </c:pt>
                <c:pt idx="8327">
                  <c:v>1.2973665440836466</c:v>
                </c:pt>
                <c:pt idx="8328">
                  <c:v>1.4280901847577161</c:v>
                </c:pt>
                <c:pt idx="8329">
                  <c:v>1.4280901847577161</c:v>
                </c:pt>
                <c:pt idx="8330">
                  <c:v>1.4280901847577161</c:v>
                </c:pt>
                <c:pt idx="8331">
                  <c:v>1.4280901847577161</c:v>
                </c:pt>
                <c:pt idx="8332">
                  <c:v>1.4280901847577161</c:v>
                </c:pt>
                <c:pt idx="8333">
                  <c:v>1.8406495714655005</c:v>
                </c:pt>
                <c:pt idx="8334">
                  <c:v>2.2214736207342249</c:v>
                </c:pt>
                <c:pt idx="8335">
                  <c:v>2.2214736207342249</c:v>
                </c:pt>
                <c:pt idx="8336">
                  <c:v>2.2214736207342249</c:v>
                </c:pt>
                <c:pt idx="8337">
                  <c:v>2.3801503079295268</c:v>
                </c:pt>
                <c:pt idx="8338">
                  <c:v>2.4753563202467075</c:v>
                </c:pt>
                <c:pt idx="8339">
                  <c:v>2.8561803695154322</c:v>
                </c:pt>
                <c:pt idx="8340">
                  <c:v>2.8561803695154322</c:v>
                </c:pt>
                <c:pt idx="8341">
                  <c:v>2.8561803695154322</c:v>
                </c:pt>
                <c:pt idx="8342">
                  <c:v>2.8561803695154322</c:v>
                </c:pt>
                <c:pt idx="8343">
                  <c:v>2.3801503079295268</c:v>
                </c:pt>
                <c:pt idx="8344">
                  <c:v>2.2532089581732855</c:v>
                </c:pt>
                <c:pt idx="8345">
                  <c:v>2.2532089581732855</c:v>
                </c:pt>
                <c:pt idx="8346">
                  <c:v>2.2532089581732855</c:v>
                </c:pt>
                <c:pt idx="8347">
                  <c:v>2.2532089581732855</c:v>
                </c:pt>
                <c:pt idx="8348">
                  <c:v>1.7454435591483197</c:v>
                </c:pt>
                <c:pt idx="8349">
                  <c:v>0.66644208622026746</c:v>
                </c:pt>
                <c:pt idx="8350">
                  <c:v>0.66644208622026746</c:v>
                </c:pt>
                <c:pt idx="8351">
                  <c:v>0.66644208622026746</c:v>
                </c:pt>
                <c:pt idx="8352">
                  <c:v>0.44542941695208044</c:v>
                </c:pt>
                <c:pt idx="8353">
                  <c:v>0.86964790928739533</c:v>
                </c:pt>
                <c:pt idx="8354">
                  <c:v>0.86964790928739533</c:v>
                </c:pt>
                <c:pt idx="8355">
                  <c:v>0.86964790928739533</c:v>
                </c:pt>
                <c:pt idx="8356">
                  <c:v>0.86964790928739533</c:v>
                </c:pt>
                <c:pt idx="8357">
                  <c:v>1.0817571554550525</c:v>
                </c:pt>
                <c:pt idx="8358">
                  <c:v>1.3574991754730072</c:v>
                </c:pt>
                <c:pt idx="8359">
                  <c:v>1.5483974970238989</c:v>
                </c:pt>
                <c:pt idx="8360">
                  <c:v>1.5483974970238989</c:v>
                </c:pt>
                <c:pt idx="8361">
                  <c:v>1.5483974970238989</c:v>
                </c:pt>
                <c:pt idx="8362">
                  <c:v>1.5483974970238989</c:v>
                </c:pt>
                <c:pt idx="8363">
                  <c:v>1.5483974970238989</c:v>
                </c:pt>
                <c:pt idx="8364">
                  <c:v>1.5483974970238989</c:v>
                </c:pt>
                <c:pt idx="8365">
                  <c:v>1.5483974970238989</c:v>
                </c:pt>
                <c:pt idx="8366">
                  <c:v>1.5483974970238989</c:v>
                </c:pt>
                <c:pt idx="8367">
                  <c:v>1.3999210247065388</c:v>
                </c:pt>
                <c:pt idx="8368">
                  <c:v>1.2726554770059442</c:v>
                </c:pt>
                <c:pt idx="8369">
                  <c:v>1.1453899293053498</c:v>
                </c:pt>
                <c:pt idx="8370">
                  <c:v>1.1029680800718182</c:v>
                </c:pt>
                <c:pt idx="8371">
                  <c:v>0.89085883390416087</c:v>
                </c:pt>
                <c:pt idx="8372">
                  <c:v>0.65753866311973785</c:v>
                </c:pt>
                <c:pt idx="8373">
                  <c:v>0.65753866311973785</c:v>
                </c:pt>
                <c:pt idx="8374">
                  <c:v>0.65753866311973785</c:v>
                </c:pt>
                <c:pt idx="8375">
                  <c:v>0.65753866311973785</c:v>
                </c:pt>
                <c:pt idx="8376">
                  <c:v>0.64521351921374293</c:v>
                </c:pt>
                <c:pt idx="8377">
                  <c:v>0.74928021586112092</c:v>
                </c:pt>
                <c:pt idx="8378">
                  <c:v>0.74928021586112092</c:v>
                </c:pt>
                <c:pt idx="8379">
                  <c:v>0.74928021586112092</c:v>
                </c:pt>
                <c:pt idx="8380">
                  <c:v>0.74928021586112092</c:v>
                </c:pt>
                <c:pt idx="8381">
                  <c:v>0.93660026982640121</c:v>
                </c:pt>
                <c:pt idx="8382">
                  <c:v>1.1031069844622059</c:v>
                </c:pt>
                <c:pt idx="8383">
                  <c:v>1.3112403777569615</c:v>
                </c:pt>
                <c:pt idx="8384">
                  <c:v>1.3112403777569615</c:v>
                </c:pt>
                <c:pt idx="8385">
                  <c:v>1.3112403777569615</c:v>
                </c:pt>
                <c:pt idx="8386">
                  <c:v>1.3112403777569615</c:v>
                </c:pt>
                <c:pt idx="8387">
                  <c:v>1.3112403777569615</c:v>
                </c:pt>
                <c:pt idx="8388">
                  <c:v>1.3112403777569615</c:v>
                </c:pt>
                <c:pt idx="8389">
                  <c:v>1.3112403777569615</c:v>
                </c:pt>
                <c:pt idx="8390">
                  <c:v>1.3112403777569615</c:v>
                </c:pt>
                <c:pt idx="8391">
                  <c:v>1.1655470024506327</c:v>
                </c:pt>
                <c:pt idx="8392">
                  <c:v>1.1447336631211569</c:v>
                </c:pt>
                <c:pt idx="8393">
                  <c:v>0.97822694848535241</c:v>
                </c:pt>
                <c:pt idx="8394">
                  <c:v>0.9157869304969255</c:v>
                </c:pt>
                <c:pt idx="8395">
                  <c:v>0.77009355519059663</c:v>
                </c:pt>
                <c:pt idx="8396">
                  <c:v>0.64521351921374293</c:v>
                </c:pt>
                <c:pt idx="8397">
                  <c:v>0.56196016189584064</c:v>
                </c:pt>
                <c:pt idx="8398">
                  <c:v>0.56196016189584064</c:v>
                </c:pt>
                <c:pt idx="8399">
                  <c:v>0.56196016189584064</c:v>
                </c:pt>
                <c:pt idx="8400">
                  <c:v>0.3879435944809867</c:v>
                </c:pt>
                <c:pt idx="8401">
                  <c:v>0.3879435944809867</c:v>
                </c:pt>
                <c:pt idx="8402">
                  <c:v>0.3879435944809867</c:v>
                </c:pt>
                <c:pt idx="8403">
                  <c:v>0.3879435944809867</c:v>
                </c:pt>
                <c:pt idx="8404">
                  <c:v>0.3879435944809867</c:v>
                </c:pt>
                <c:pt idx="8405">
                  <c:v>1.6810889094176094</c:v>
                </c:pt>
                <c:pt idx="8406">
                  <c:v>1.907389339531518</c:v>
                </c:pt>
                <c:pt idx="8407">
                  <c:v>1.907389339531518</c:v>
                </c:pt>
                <c:pt idx="8408">
                  <c:v>1.907389339531518</c:v>
                </c:pt>
                <c:pt idx="8409">
                  <c:v>2.0367038710251801</c:v>
                </c:pt>
                <c:pt idx="8410">
                  <c:v>2.0367038710251801</c:v>
                </c:pt>
                <c:pt idx="8411">
                  <c:v>2.5862906298732447</c:v>
                </c:pt>
                <c:pt idx="8412">
                  <c:v>2.5862906298732447</c:v>
                </c:pt>
                <c:pt idx="8413">
                  <c:v>1.7134175422910245</c:v>
                </c:pt>
                <c:pt idx="8414">
                  <c:v>2.5862906298732447</c:v>
                </c:pt>
                <c:pt idx="8415">
                  <c:v>2.5862906298732447</c:v>
                </c:pt>
                <c:pt idx="8416">
                  <c:v>2.5862906298732447</c:v>
                </c:pt>
                <c:pt idx="8417">
                  <c:v>2.5862906298732447</c:v>
                </c:pt>
                <c:pt idx="8418">
                  <c:v>2.5862906298732447</c:v>
                </c:pt>
                <c:pt idx="8419">
                  <c:v>2.1660184025188425</c:v>
                </c:pt>
                <c:pt idx="8420">
                  <c:v>1.7780748080378557</c:v>
                </c:pt>
                <c:pt idx="8421">
                  <c:v>1.2931453149366223</c:v>
                </c:pt>
                <c:pt idx="8422">
                  <c:v>1.2284880491897912</c:v>
                </c:pt>
                <c:pt idx="8423">
                  <c:v>1.2284880491897912</c:v>
                </c:pt>
                <c:pt idx="8424">
                  <c:v>1.1205940185479271</c:v>
                </c:pt>
                <c:pt idx="8425">
                  <c:v>1.1205940185479271</c:v>
                </c:pt>
                <c:pt idx="8426">
                  <c:v>1.1205940185479271</c:v>
                </c:pt>
                <c:pt idx="8427">
                  <c:v>1.1205940185479271</c:v>
                </c:pt>
                <c:pt idx="8428">
                  <c:v>1.1205940185479271</c:v>
                </c:pt>
                <c:pt idx="8429">
                  <c:v>1.4567722241123053</c:v>
                </c:pt>
                <c:pt idx="8430">
                  <c:v>1.6248613268944943</c:v>
                </c:pt>
                <c:pt idx="8431">
                  <c:v>1.6808910278218907</c:v>
                </c:pt>
                <c:pt idx="8432">
                  <c:v>1.6808910278218907</c:v>
                </c:pt>
                <c:pt idx="8433">
                  <c:v>1.8209652801403815</c:v>
                </c:pt>
                <c:pt idx="8434">
                  <c:v>1.9050098315314759</c:v>
                </c:pt>
                <c:pt idx="8435">
                  <c:v>2.2411880370958541</c:v>
                </c:pt>
                <c:pt idx="8436">
                  <c:v>2.2411880370958541</c:v>
                </c:pt>
                <c:pt idx="8437">
                  <c:v>2.2411880370958541</c:v>
                </c:pt>
                <c:pt idx="8438">
                  <c:v>2.2411880370958541</c:v>
                </c:pt>
                <c:pt idx="8439">
                  <c:v>2.2411880370958541</c:v>
                </c:pt>
                <c:pt idx="8440">
                  <c:v>2.2411880370958541</c:v>
                </c:pt>
                <c:pt idx="8441">
                  <c:v>2.2411880370958541</c:v>
                </c:pt>
                <c:pt idx="8442">
                  <c:v>2.2411880370958541</c:v>
                </c:pt>
                <c:pt idx="8443">
                  <c:v>1.876994981067778</c:v>
                </c:pt>
                <c:pt idx="8444">
                  <c:v>1.5408167755033997</c:v>
                </c:pt>
                <c:pt idx="8445">
                  <c:v>1.1205940185479271</c:v>
                </c:pt>
                <c:pt idx="8446">
                  <c:v>1.1205940185479271</c:v>
                </c:pt>
                <c:pt idx="8447">
                  <c:v>1.1205940185479271</c:v>
                </c:pt>
                <c:pt idx="8448">
                  <c:v>1.0262018561845361</c:v>
                </c:pt>
                <c:pt idx="8449">
                  <c:v>1.154477088207603</c:v>
                </c:pt>
                <c:pt idx="8450">
                  <c:v>1.154477088207603</c:v>
                </c:pt>
                <c:pt idx="8451">
                  <c:v>1.154477088207603</c:v>
                </c:pt>
                <c:pt idx="8452">
                  <c:v>1.154477088207603</c:v>
                </c:pt>
                <c:pt idx="8453">
                  <c:v>1.4879926914675772</c:v>
                </c:pt>
                <c:pt idx="8454">
                  <c:v>1.718888109109098</c:v>
                </c:pt>
                <c:pt idx="8455">
                  <c:v>1.718888109109098</c:v>
                </c:pt>
                <c:pt idx="8456">
                  <c:v>1.718888109109098</c:v>
                </c:pt>
                <c:pt idx="8457">
                  <c:v>1.8471633411321648</c:v>
                </c:pt>
                <c:pt idx="8458">
                  <c:v>2.0010936195598452</c:v>
                </c:pt>
                <c:pt idx="8459">
                  <c:v>2.3089541764152059</c:v>
                </c:pt>
                <c:pt idx="8460">
                  <c:v>2.3089541764152059</c:v>
                </c:pt>
                <c:pt idx="8461">
                  <c:v>2.3089541764152059</c:v>
                </c:pt>
                <c:pt idx="8462">
                  <c:v>2.3089541764152059</c:v>
                </c:pt>
                <c:pt idx="8463">
                  <c:v>2.3089541764152059</c:v>
                </c:pt>
                <c:pt idx="8464">
                  <c:v>2.3089541764152059</c:v>
                </c:pt>
                <c:pt idx="8465">
                  <c:v>2.3089541764152059</c:v>
                </c:pt>
                <c:pt idx="8466">
                  <c:v>2.3089541764152059</c:v>
                </c:pt>
                <c:pt idx="8467">
                  <c:v>1.9241284803460053</c:v>
                </c:pt>
                <c:pt idx="8468">
                  <c:v>1.5393027842768041</c:v>
                </c:pt>
                <c:pt idx="8469">
                  <c:v>1.154477088207603</c:v>
                </c:pt>
                <c:pt idx="8470">
                  <c:v>1.154477088207603</c:v>
                </c:pt>
                <c:pt idx="8471">
                  <c:v>1.154477088207603</c:v>
                </c:pt>
                <c:pt idx="8472">
                  <c:v>1.2064703424506591</c:v>
                </c:pt>
                <c:pt idx="8473">
                  <c:v>1.2064703424506591</c:v>
                </c:pt>
                <c:pt idx="8474">
                  <c:v>1.2064703424506591</c:v>
                </c:pt>
                <c:pt idx="8475">
                  <c:v>1.2064703424506591</c:v>
                </c:pt>
                <c:pt idx="8476">
                  <c:v>1.2064703424506591</c:v>
                </c:pt>
                <c:pt idx="8477">
                  <c:v>1.5550062191586271</c:v>
                </c:pt>
                <c:pt idx="8478">
                  <c:v>1.7963002876487588</c:v>
                </c:pt>
                <c:pt idx="8479">
                  <c:v>1.7963002876487588</c:v>
                </c:pt>
                <c:pt idx="8480">
                  <c:v>1.7963002876487588</c:v>
                </c:pt>
                <c:pt idx="8481">
                  <c:v>1.9303525479210544</c:v>
                </c:pt>
                <c:pt idx="8482">
                  <c:v>2.0912152602478087</c:v>
                </c:pt>
                <c:pt idx="8483">
                  <c:v>2.4129406849013182</c:v>
                </c:pt>
                <c:pt idx="8484">
                  <c:v>2.4129406849013182</c:v>
                </c:pt>
                <c:pt idx="8485">
                  <c:v>2.4129406849013182</c:v>
                </c:pt>
                <c:pt idx="8486">
                  <c:v>2.4129406849013182</c:v>
                </c:pt>
                <c:pt idx="8487">
                  <c:v>2.4129406849013182</c:v>
                </c:pt>
                <c:pt idx="8488">
                  <c:v>2.4129406849013182</c:v>
                </c:pt>
                <c:pt idx="8489">
                  <c:v>2.4129406849013182</c:v>
                </c:pt>
                <c:pt idx="8490">
                  <c:v>2.4129406849013182</c:v>
                </c:pt>
                <c:pt idx="8491">
                  <c:v>2.0107839040844318</c:v>
                </c:pt>
                <c:pt idx="8492">
                  <c:v>1.6086271232675455</c:v>
                </c:pt>
                <c:pt idx="8493">
                  <c:v>1.2064703424506591</c:v>
                </c:pt>
                <c:pt idx="8494">
                  <c:v>1.2064703424506591</c:v>
                </c:pt>
                <c:pt idx="8495">
                  <c:v>1.2064703424506591</c:v>
                </c:pt>
                <c:pt idx="8496">
                  <c:v>1.3396116164190794</c:v>
                </c:pt>
                <c:pt idx="8497">
                  <c:v>1.3396116164190794</c:v>
                </c:pt>
                <c:pt idx="8498">
                  <c:v>1.3396116164190794</c:v>
                </c:pt>
                <c:pt idx="8499">
                  <c:v>1.3396116164190794</c:v>
                </c:pt>
                <c:pt idx="8500">
                  <c:v>1.3396116164190794</c:v>
                </c:pt>
                <c:pt idx="8501">
                  <c:v>1.7266105278290358</c:v>
                </c:pt>
                <c:pt idx="8502">
                  <c:v>2.0838402922074577</c:v>
                </c:pt>
                <c:pt idx="8503">
                  <c:v>2.0838402922074577</c:v>
                </c:pt>
                <c:pt idx="8504">
                  <c:v>2.0838402922074577</c:v>
                </c:pt>
                <c:pt idx="8505">
                  <c:v>2.232686027365133</c:v>
                </c:pt>
                <c:pt idx="8506">
                  <c:v>2.3219934684597381</c:v>
                </c:pt>
                <c:pt idx="8507">
                  <c:v>2.6792232328381589</c:v>
                </c:pt>
                <c:pt idx="8508">
                  <c:v>2.6792232328381589</c:v>
                </c:pt>
                <c:pt idx="8509">
                  <c:v>2.6792232328381589</c:v>
                </c:pt>
                <c:pt idx="8510">
                  <c:v>2.6792232328381589</c:v>
                </c:pt>
                <c:pt idx="8511">
                  <c:v>2.232686027365133</c:v>
                </c:pt>
                <c:pt idx="8512">
                  <c:v>2.1136094392389921</c:v>
                </c:pt>
                <c:pt idx="8513">
                  <c:v>2.1136094392389921</c:v>
                </c:pt>
                <c:pt idx="8514">
                  <c:v>2.1136094392389921</c:v>
                </c:pt>
                <c:pt idx="8515">
                  <c:v>2.1136094392389921</c:v>
                </c:pt>
                <c:pt idx="8516">
                  <c:v>1.6373030867344307</c:v>
                </c:pt>
                <c:pt idx="8517">
                  <c:v>0.62515208766223718</c:v>
                </c:pt>
                <c:pt idx="8518">
                  <c:v>0.62515208766223718</c:v>
                </c:pt>
                <c:pt idx="8519">
                  <c:v>0.62515208766223718</c:v>
                </c:pt>
                <c:pt idx="8520">
                  <c:v>0.4642650104526998</c:v>
                </c:pt>
                <c:pt idx="8521">
                  <c:v>0.90642216326479508</c:v>
                </c:pt>
                <c:pt idx="8522">
                  <c:v>0.90642216326479508</c:v>
                </c:pt>
                <c:pt idx="8523">
                  <c:v>0.90642216326479508</c:v>
                </c:pt>
                <c:pt idx="8524">
                  <c:v>0.90642216326479508</c:v>
                </c:pt>
                <c:pt idx="8525">
                  <c:v>1.1275007396708425</c:v>
                </c:pt>
                <c:pt idx="8526">
                  <c:v>1.4149028889987043</c:v>
                </c:pt>
                <c:pt idx="8527">
                  <c:v>1.6138736077641471</c:v>
                </c:pt>
                <c:pt idx="8528">
                  <c:v>1.6138736077641471</c:v>
                </c:pt>
                <c:pt idx="8529">
                  <c:v>1.6138736077641471</c:v>
                </c:pt>
                <c:pt idx="8530">
                  <c:v>1.6138736077641471</c:v>
                </c:pt>
                <c:pt idx="8531">
                  <c:v>1.6138736077641471</c:v>
                </c:pt>
                <c:pt idx="8532">
                  <c:v>1.6138736077641471</c:v>
                </c:pt>
                <c:pt idx="8533">
                  <c:v>1.6138736077641471</c:v>
                </c:pt>
                <c:pt idx="8534">
                  <c:v>1.6138736077641471</c:v>
                </c:pt>
                <c:pt idx="8535">
                  <c:v>1.4591186042799138</c:v>
                </c:pt>
                <c:pt idx="8536">
                  <c:v>1.3264714584362853</c:v>
                </c:pt>
                <c:pt idx="8537">
                  <c:v>1.1938243125926566</c:v>
                </c:pt>
                <c:pt idx="8538">
                  <c:v>1.1496085973114472</c:v>
                </c:pt>
                <c:pt idx="8539">
                  <c:v>0.9285300209053996</c:v>
                </c:pt>
                <c:pt idx="8540">
                  <c:v>0.68534358685874741</c:v>
                </c:pt>
                <c:pt idx="8541">
                  <c:v>0.68534358685874741</c:v>
                </c:pt>
                <c:pt idx="8542">
                  <c:v>0.68534358685874741</c:v>
                </c:pt>
                <c:pt idx="8543">
                  <c:v>0.68534358685874741</c:v>
                </c:pt>
                <c:pt idx="8544">
                  <c:v>0.80564929440503275</c:v>
                </c:pt>
                <c:pt idx="8545">
                  <c:v>0.93559272898648971</c:v>
                </c:pt>
                <c:pt idx="8546">
                  <c:v>0.93559272898648971</c:v>
                </c:pt>
                <c:pt idx="8547">
                  <c:v>0.93559272898648971</c:v>
                </c:pt>
                <c:pt idx="8548">
                  <c:v>0.93559272898648971</c:v>
                </c:pt>
                <c:pt idx="8549">
                  <c:v>1.169490911233112</c:v>
                </c:pt>
                <c:pt idx="8550">
                  <c:v>1.3774004065634431</c:v>
                </c:pt>
                <c:pt idx="8551">
                  <c:v>1.6372872757263572</c:v>
                </c:pt>
                <c:pt idx="8552">
                  <c:v>1.6372872757263572</c:v>
                </c:pt>
                <c:pt idx="8553">
                  <c:v>1.6372872757263572</c:v>
                </c:pt>
                <c:pt idx="8554">
                  <c:v>1.6372872757263572</c:v>
                </c:pt>
                <c:pt idx="8555">
                  <c:v>1.6372872757263572</c:v>
                </c:pt>
                <c:pt idx="8556">
                  <c:v>1.6372872757263572</c:v>
                </c:pt>
                <c:pt idx="8557">
                  <c:v>1.6372872757263572</c:v>
                </c:pt>
                <c:pt idx="8558">
                  <c:v>1.6372872757263572</c:v>
                </c:pt>
                <c:pt idx="8559">
                  <c:v>1.4553664673123174</c:v>
                </c:pt>
                <c:pt idx="8560">
                  <c:v>1.4293777803960259</c:v>
                </c:pt>
                <c:pt idx="8561">
                  <c:v>1.221468285065695</c:v>
                </c:pt>
                <c:pt idx="8562">
                  <c:v>1.1435022243168209</c:v>
                </c:pt>
                <c:pt idx="8563">
                  <c:v>0.96158141590278101</c:v>
                </c:pt>
                <c:pt idx="8564">
                  <c:v>0.80564929440503275</c:v>
                </c:pt>
                <c:pt idx="8565">
                  <c:v>0.70169454673986731</c:v>
                </c:pt>
                <c:pt idx="8566">
                  <c:v>0.70169454673986731</c:v>
                </c:pt>
                <c:pt idx="8567">
                  <c:v>0.70169454673986731</c:v>
                </c:pt>
                <c:pt idx="8568">
                  <c:v>0.42652231586371103</c:v>
                </c:pt>
                <c:pt idx="8569">
                  <c:v>0.42652231586371103</c:v>
                </c:pt>
                <c:pt idx="8570">
                  <c:v>0.42652231586371103</c:v>
                </c:pt>
                <c:pt idx="8571">
                  <c:v>0.42652231586371103</c:v>
                </c:pt>
                <c:pt idx="8572">
                  <c:v>0.42652231586371103</c:v>
                </c:pt>
                <c:pt idx="8573">
                  <c:v>1.8482633687427474</c:v>
                </c:pt>
                <c:pt idx="8574">
                  <c:v>2.0970680529965788</c:v>
                </c:pt>
                <c:pt idx="8575">
                  <c:v>2.0970680529965788</c:v>
                </c:pt>
                <c:pt idx="8576">
                  <c:v>2.0970680529965788</c:v>
                </c:pt>
                <c:pt idx="8577">
                  <c:v>2.2392421582844828</c:v>
                </c:pt>
                <c:pt idx="8578">
                  <c:v>2.2392421582844828</c:v>
                </c:pt>
                <c:pt idx="8579">
                  <c:v>2.8434821057580737</c:v>
                </c:pt>
                <c:pt idx="8580">
                  <c:v>2.8434821057580737</c:v>
                </c:pt>
                <c:pt idx="8581">
                  <c:v>1.8838068950647238</c:v>
                </c:pt>
                <c:pt idx="8582">
                  <c:v>2.8434821057580737</c:v>
                </c:pt>
                <c:pt idx="8583">
                  <c:v>2.8434821057580737</c:v>
                </c:pt>
                <c:pt idx="8584">
                  <c:v>2.8434821057580737</c:v>
                </c:pt>
                <c:pt idx="8585">
                  <c:v>2.8434821057580737</c:v>
                </c:pt>
                <c:pt idx="8586">
                  <c:v>2.8434821057580737</c:v>
                </c:pt>
                <c:pt idx="8587">
                  <c:v>2.3814162635723863</c:v>
                </c:pt>
                <c:pt idx="8588">
                  <c:v>1.9548939477086753</c:v>
                </c:pt>
                <c:pt idx="8589">
                  <c:v>1.4217410528790368</c:v>
                </c:pt>
                <c:pt idx="8590">
                  <c:v>1.3506540002350846</c:v>
                </c:pt>
                <c:pt idx="8591">
                  <c:v>1.3506540002350846</c:v>
                </c:pt>
                <c:pt idx="8592">
                  <c:v>1.2035827555794889</c:v>
                </c:pt>
                <c:pt idx="8593">
                  <c:v>1.2035827555794889</c:v>
                </c:pt>
                <c:pt idx="8594">
                  <c:v>1.2035827555794889</c:v>
                </c:pt>
                <c:pt idx="8595">
                  <c:v>1.2035827555794889</c:v>
                </c:pt>
                <c:pt idx="8596">
                  <c:v>1.2035827555794889</c:v>
                </c:pt>
                <c:pt idx="8597">
                  <c:v>1.5646575822533355</c:v>
                </c:pt>
                <c:pt idx="8598">
                  <c:v>1.7451949955902586</c:v>
                </c:pt>
                <c:pt idx="8599">
                  <c:v>1.8053741333692335</c:v>
                </c:pt>
                <c:pt idx="8600">
                  <c:v>1.8053741333692335</c:v>
                </c:pt>
                <c:pt idx="8601">
                  <c:v>1.9558219778166692</c:v>
                </c:pt>
                <c:pt idx="8602">
                  <c:v>2.0460906844851312</c:v>
                </c:pt>
                <c:pt idx="8603">
                  <c:v>2.4071655111589778</c:v>
                </c:pt>
                <c:pt idx="8604">
                  <c:v>2.4071655111589778</c:v>
                </c:pt>
                <c:pt idx="8605">
                  <c:v>2.4071655111589778</c:v>
                </c:pt>
                <c:pt idx="8606">
                  <c:v>2.4071655111589778</c:v>
                </c:pt>
                <c:pt idx="8607">
                  <c:v>2.4071655111589778</c:v>
                </c:pt>
                <c:pt idx="8608">
                  <c:v>2.4071655111589778</c:v>
                </c:pt>
                <c:pt idx="8609">
                  <c:v>2.4071655111589778</c:v>
                </c:pt>
                <c:pt idx="8610">
                  <c:v>2.4071655111589778</c:v>
                </c:pt>
                <c:pt idx="8611">
                  <c:v>2.0160011155956439</c:v>
                </c:pt>
                <c:pt idx="8612">
                  <c:v>1.6549262889217971</c:v>
                </c:pt>
                <c:pt idx="8613">
                  <c:v>1.2035827555794889</c:v>
                </c:pt>
                <c:pt idx="8614">
                  <c:v>1.2035827555794889</c:v>
                </c:pt>
                <c:pt idx="8615">
                  <c:v>1.2035827555794889</c:v>
                </c:pt>
                <c:pt idx="8616">
                  <c:v>1.0487146756283283</c:v>
                </c:pt>
                <c:pt idx="8617">
                  <c:v>1.1798040100818692</c:v>
                </c:pt>
                <c:pt idx="8618">
                  <c:v>1.1798040100818692</c:v>
                </c:pt>
                <c:pt idx="8619">
                  <c:v>1.1798040100818692</c:v>
                </c:pt>
                <c:pt idx="8620">
                  <c:v>1.1798040100818692</c:v>
                </c:pt>
                <c:pt idx="8621">
                  <c:v>1.520636279661076</c:v>
                </c:pt>
                <c:pt idx="8622">
                  <c:v>1.7565970816774499</c:v>
                </c:pt>
                <c:pt idx="8623">
                  <c:v>1.7565970816774499</c:v>
                </c:pt>
                <c:pt idx="8624">
                  <c:v>1.7565970816774499</c:v>
                </c:pt>
                <c:pt idx="8625">
                  <c:v>1.887686416130991</c:v>
                </c:pt>
                <c:pt idx="8626">
                  <c:v>2.0449936174752401</c:v>
                </c:pt>
                <c:pt idx="8627">
                  <c:v>2.3596080201637384</c:v>
                </c:pt>
                <c:pt idx="8628">
                  <c:v>2.3596080201637384</c:v>
                </c:pt>
                <c:pt idx="8629">
                  <c:v>2.3596080201637384</c:v>
                </c:pt>
                <c:pt idx="8630">
                  <c:v>2.3596080201637384</c:v>
                </c:pt>
                <c:pt idx="8631">
                  <c:v>2.3596080201637384</c:v>
                </c:pt>
                <c:pt idx="8632">
                  <c:v>2.3596080201637384</c:v>
                </c:pt>
                <c:pt idx="8633">
                  <c:v>2.3596080201637384</c:v>
                </c:pt>
                <c:pt idx="8634">
                  <c:v>2.3596080201637384</c:v>
                </c:pt>
                <c:pt idx="8635">
                  <c:v>1.9663400168031155</c:v>
                </c:pt>
                <c:pt idx="8636">
                  <c:v>1.5730720134424925</c:v>
                </c:pt>
                <c:pt idx="8637">
                  <c:v>1.1798040100818692</c:v>
                </c:pt>
                <c:pt idx="8638">
                  <c:v>1.1798040100818692</c:v>
                </c:pt>
                <c:pt idx="8639">
                  <c:v>1.1798040100818692</c:v>
                </c:pt>
                <c:pt idx="8640">
                  <c:v>1.1862711865322169</c:v>
                </c:pt>
                <c:pt idx="8641">
                  <c:v>1.1862711865322169</c:v>
                </c:pt>
                <c:pt idx="8642">
                  <c:v>1.1862711865322169</c:v>
                </c:pt>
                <c:pt idx="8643">
                  <c:v>1.1862711865322169</c:v>
                </c:pt>
                <c:pt idx="8644">
                  <c:v>1.1862711865322169</c:v>
                </c:pt>
                <c:pt idx="8645">
                  <c:v>1.5289717515304131</c:v>
                </c:pt>
                <c:pt idx="8646">
                  <c:v>1.7662259888368566</c:v>
                </c:pt>
                <c:pt idx="8647">
                  <c:v>1.7662259888368566</c:v>
                </c:pt>
                <c:pt idx="8648">
                  <c:v>1.7662259888368566</c:v>
                </c:pt>
                <c:pt idx="8649">
                  <c:v>1.8980338984515472</c:v>
                </c:pt>
                <c:pt idx="8650">
                  <c:v>2.0562033899891761</c:v>
                </c:pt>
                <c:pt idx="8651">
                  <c:v>2.3725423730644337</c:v>
                </c:pt>
                <c:pt idx="8652">
                  <c:v>2.3725423730644337</c:v>
                </c:pt>
                <c:pt idx="8653">
                  <c:v>2.3725423730644337</c:v>
                </c:pt>
                <c:pt idx="8654">
                  <c:v>2.3725423730644337</c:v>
                </c:pt>
                <c:pt idx="8655">
                  <c:v>2.3725423730644337</c:v>
                </c:pt>
                <c:pt idx="8656">
                  <c:v>2.3725423730644337</c:v>
                </c:pt>
                <c:pt idx="8657">
                  <c:v>2.3725423730644337</c:v>
                </c:pt>
                <c:pt idx="8658">
                  <c:v>2.3725423730644337</c:v>
                </c:pt>
                <c:pt idx="8659">
                  <c:v>1.9771186442203617</c:v>
                </c:pt>
                <c:pt idx="8660">
                  <c:v>1.5816949153762896</c:v>
                </c:pt>
                <c:pt idx="8661">
                  <c:v>1.1862711865322169</c:v>
                </c:pt>
                <c:pt idx="8662">
                  <c:v>1.1862711865322169</c:v>
                </c:pt>
                <c:pt idx="8663">
                  <c:v>1.1862711865322169</c:v>
                </c:pt>
                <c:pt idx="8664">
                  <c:v>1.3506714374614095</c:v>
                </c:pt>
                <c:pt idx="8665">
                  <c:v>1.3506714374614095</c:v>
                </c:pt>
                <c:pt idx="8666">
                  <c:v>1.3506714374614095</c:v>
                </c:pt>
                <c:pt idx="8667">
                  <c:v>1.3506714374614095</c:v>
                </c:pt>
                <c:pt idx="8668">
                  <c:v>1.3506714374614095</c:v>
                </c:pt>
                <c:pt idx="8669">
                  <c:v>1.7408654082835946</c:v>
                </c:pt>
                <c:pt idx="8670">
                  <c:v>2.1010444582733041</c:v>
                </c:pt>
                <c:pt idx="8671">
                  <c:v>2.1010444582733041</c:v>
                </c:pt>
                <c:pt idx="8672">
                  <c:v>2.1010444582733041</c:v>
                </c:pt>
                <c:pt idx="8673">
                  <c:v>2.2511190624356825</c:v>
                </c:pt>
                <c:pt idx="8674">
                  <c:v>2.3411638249331101</c:v>
                </c:pt>
                <c:pt idx="8675">
                  <c:v>2.701342874922819</c:v>
                </c:pt>
                <c:pt idx="8676">
                  <c:v>2.701342874922819</c:v>
                </c:pt>
                <c:pt idx="8677">
                  <c:v>2.701342874922819</c:v>
                </c:pt>
                <c:pt idx="8678">
                  <c:v>2.701342874922819</c:v>
                </c:pt>
                <c:pt idx="8679">
                  <c:v>2.2511190624356825</c:v>
                </c:pt>
                <c:pt idx="8680">
                  <c:v>2.1310593791057797</c:v>
                </c:pt>
                <c:pt idx="8681">
                  <c:v>2.1310593791057797</c:v>
                </c:pt>
                <c:pt idx="8682">
                  <c:v>2.1310593791057797</c:v>
                </c:pt>
                <c:pt idx="8683">
                  <c:v>2.1310593791057797</c:v>
                </c:pt>
                <c:pt idx="8684">
                  <c:v>1.6508206457861672</c:v>
                </c:pt>
                <c:pt idx="8685">
                  <c:v>0.63031333748199103</c:v>
                </c:pt>
                <c:pt idx="8686">
                  <c:v>0.63031333748199103</c:v>
                </c:pt>
                <c:pt idx="8687">
                  <c:v>0.63031333748199103</c:v>
                </c:pt>
                <c:pt idx="8688">
                  <c:v>0.47585614491461947</c:v>
                </c:pt>
                <c:pt idx="8689">
                  <c:v>0.92905247340473329</c:v>
                </c:pt>
                <c:pt idx="8690">
                  <c:v>0.92905247340473329</c:v>
                </c:pt>
                <c:pt idx="8691">
                  <c:v>0.92905247340473329</c:v>
                </c:pt>
                <c:pt idx="8692">
                  <c:v>0.92905247340473329</c:v>
                </c:pt>
                <c:pt idx="8693">
                  <c:v>1.1556506376497901</c:v>
                </c:pt>
                <c:pt idx="8694">
                  <c:v>1.4502282511683644</c:v>
                </c:pt>
                <c:pt idx="8695">
                  <c:v>1.6541665989889156</c:v>
                </c:pt>
                <c:pt idx="8696">
                  <c:v>1.6541665989889156</c:v>
                </c:pt>
                <c:pt idx="8697">
                  <c:v>1.6541665989889156</c:v>
                </c:pt>
                <c:pt idx="8698">
                  <c:v>1.6541665989889156</c:v>
                </c:pt>
                <c:pt idx="8699">
                  <c:v>1.6541665989889156</c:v>
                </c:pt>
                <c:pt idx="8700">
                  <c:v>1.6541665989889156</c:v>
                </c:pt>
                <c:pt idx="8701">
                  <c:v>1.6541665989889156</c:v>
                </c:pt>
                <c:pt idx="8702">
                  <c:v>1.6541665989889156</c:v>
                </c:pt>
                <c:pt idx="8703">
                  <c:v>1.4955478840173757</c:v>
                </c:pt>
                <c:pt idx="8704">
                  <c:v>1.3595889854703413</c:v>
                </c:pt>
                <c:pt idx="8705">
                  <c:v>1.2236300869233074</c:v>
                </c:pt>
                <c:pt idx="8706">
                  <c:v>1.1783104540742959</c:v>
                </c:pt>
                <c:pt idx="8707">
                  <c:v>0.95171228982923894</c:v>
                </c:pt>
                <c:pt idx="8708">
                  <c:v>0.70245430915967644</c:v>
                </c:pt>
                <c:pt idx="8709">
                  <c:v>0.70245430915967644</c:v>
                </c:pt>
                <c:pt idx="8710">
                  <c:v>0.70245430915967644</c:v>
                </c:pt>
                <c:pt idx="8711">
                  <c:v>0.70245430915967644</c:v>
                </c:pt>
                <c:pt idx="8712">
                  <c:v>0.78134084361847367</c:v>
                </c:pt>
                <c:pt idx="8713">
                  <c:v>0.90736356033113086</c:v>
                </c:pt>
                <c:pt idx="8714">
                  <c:v>0.90736356033113086</c:v>
                </c:pt>
                <c:pt idx="8715">
                  <c:v>0.90736356033113086</c:v>
                </c:pt>
                <c:pt idx="8716">
                  <c:v>0.90736356033113086</c:v>
                </c:pt>
                <c:pt idx="8717">
                  <c:v>1.1342044504139135</c:v>
                </c:pt>
                <c:pt idx="8718">
                  <c:v>1.3358407971541646</c:v>
                </c:pt>
                <c:pt idx="8719">
                  <c:v>1.5878862305794788</c:v>
                </c:pt>
                <c:pt idx="8720">
                  <c:v>1.5878862305794788</c:v>
                </c:pt>
                <c:pt idx="8721">
                  <c:v>1.5878862305794788</c:v>
                </c:pt>
                <c:pt idx="8722">
                  <c:v>1.5878862305794788</c:v>
                </c:pt>
                <c:pt idx="8723">
                  <c:v>1.5878862305794788</c:v>
                </c:pt>
                <c:pt idx="8724">
                  <c:v>1.5878862305794788</c:v>
                </c:pt>
                <c:pt idx="8725">
                  <c:v>1.5878862305794788</c:v>
                </c:pt>
                <c:pt idx="8726">
                  <c:v>1.5878862305794788</c:v>
                </c:pt>
                <c:pt idx="8727">
                  <c:v>1.4114544271817591</c:v>
                </c:pt>
                <c:pt idx="8728">
                  <c:v>1.3862498838392274</c:v>
                </c:pt>
                <c:pt idx="8729">
                  <c:v>1.1846135370989763</c:v>
                </c:pt>
                <c:pt idx="8730">
                  <c:v>1.1089999070713823</c:v>
                </c:pt>
                <c:pt idx="8731">
                  <c:v>0.93256810367366239</c:v>
                </c:pt>
                <c:pt idx="8732">
                  <c:v>0.78134084361847367</c:v>
                </c:pt>
                <c:pt idx="8733">
                  <c:v>0.68052267024834823</c:v>
                </c:pt>
                <c:pt idx="8734">
                  <c:v>0.68052267024834823</c:v>
                </c:pt>
                <c:pt idx="8735">
                  <c:v>0.68052267024834823</c:v>
                </c:pt>
                <c:pt idx="8736">
                  <c:v>0.4224917031819338</c:v>
                </c:pt>
                <c:pt idx="8737">
                  <c:v>0.4224917031819338</c:v>
                </c:pt>
                <c:pt idx="8738">
                  <c:v>0.4224917031819338</c:v>
                </c:pt>
                <c:pt idx="8739">
                  <c:v>0.4224917031819338</c:v>
                </c:pt>
                <c:pt idx="8740">
                  <c:v>0.4224917031819338</c:v>
                </c:pt>
                <c:pt idx="8741">
                  <c:v>1.8307973804550466</c:v>
                </c:pt>
                <c:pt idx="8742">
                  <c:v>2.0772508739778415</c:v>
                </c:pt>
                <c:pt idx="8743">
                  <c:v>2.0772508739778415</c:v>
                </c:pt>
                <c:pt idx="8744">
                  <c:v>2.0772508739778415</c:v>
                </c:pt>
                <c:pt idx="8745">
                  <c:v>2.2180814417051526</c:v>
                </c:pt>
                <c:pt idx="8746">
                  <c:v>2.2180814417051526</c:v>
                </c:pt>
                <c:pt idx="8747">
                  <c:v>2.8166113545462257</c:v>
                </c:pt>
                <c:pt idx="8748">
                  <c:v>2.8166113545462257</c:v>
                </c:pt>
                <c:pt idx="8749">
                  <c:v>1.8660050223868743</c:v>
                </c:pt>
                <c:pt idx="8750">
                  <c:v>2.8166113545462257</c:v>
                </c:pt>
                <c:pt idx="8751">
                  <c:v>2.8166113545462257</c:v>
                </c:pt>
                <c:pt idx="8752">
                  <c:v>2.8166113545462257</c:v>
                </c:pt>
                <c:pt idx="8753">
                  <c:v>2.8166113545462257</c:v>
                </c:pt>
                <c:pt idx="8754">
                  <c:v>2.8166113545462257</c:v>
                </c:pt>
                <c:pt idx="8755">
                  <c:v>2.3589120094324638</c:v>
                </c:pt>
                <c:pt idx="8756">
                  <c:v>1.9364203062505296</c:v>
                </c:pt>
                <c:pt idx="8757">
                  <c:v>1.4083056772731128</c:v>
                </c:pt>
                <c:pt idx="8758">
                  <c:v>1.337890393409457</c:v>
                </c:pt>
                <c:pt idx="8759">
                  <c:v>1.337890393409457</c:v>
                </c:pt>
              </c:numCache>
            </c:numRef>
          </c:val>
          <c:extLst>
            <c:ext xmlns:c16="http://schemas.microsoft.com/office/drawing/2014/chart" uri="{C3380CC4-5D6E-409C-BE32-E72D297353CC}">
              <c16:uniqueId val="{00000002-2C0B-4701-B4D5-C67566BB76AF}"/>
            </c:ext>
          </c:extLst>
        </c:ser>
        <c:ser>
          <c:idx val="2"/>
          <c:order val="3"/>
          <c:tx>
            <c:strRef>
              <c:f>Bühler!$J$33</c:f>
              <c:strCache>
                <c:ptCount val="1"/>
                <c:pt idx="0">
                  <c:v>T2</c:v>
                </c:pt>
              </c:strCache>
            </c:strRef>
          </c:tx>
          <c:spPr>
            <a:solidFill>
              <a:schemeClr val="accent5">
                <a:lumMod val="40000"/>
                <a:lumOff val="60000"/>
              </a:schemeClr>
            </a:solidFill>
            <a:ln w="9525">
              <a:no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J$34:$J$8793</c:f>
              <c:numCache>
                <c:formatCode>General</c:formatCode>
                <c:ptCount val="8760"/>
                <c:pt idx="0">
                  <c:v>0.27743858883561784</c:v>
                </c:pt>
                <c:pt idx="1">
                  <c:v>0.27743858883561784</c:v>
                </c:pt>
                <c:pt idx="2">
                  <c:v>0.27743858883561784</c:v>
                </c:pt>
                <c:pt idx="3">
                  <c:v>0.27743858883561784</c:v>
                </c:pt>
                <c:pt idx="4">
                  <c:v>0.27743858883561784</c:v>
                </c:pt>
                <c:pt idx="5">
                  <c:v>1.2022338849543441</c:v>
                </c:pt>
                <c:pt idx="6">
                  <c:v>1.3640730617751213</c:v>
                </c:pt>
                <c:pt idx="7">
                  <c:v>1.3640730617751213</c:v>
                </c:pt>
                <c:pt idx="8">
                  <c:v>1.3640730617751213</c:v>
                </c:pt>
                <c:pt idx="9">
                  <c:v>1.4565525913869939</c:v>
                </c:pt>
                <c:pt idx="10">
                  <c:v>1.4565525913869939</c:v>
                </c:pt>
                <c:pt idx="11">
                  <c:v>1.8495905922374529</c:v>
                </c:pt>
                <c:pt idx="12">
                  <c:v>1.8495905922374529</c:v>
                </c:pt>
                <c:pt idx="13">
                  <c:v>1.2253537673573125</c:v>
                </c:pt>
                <c:pt idx="14">
                  <c:v>1.8495905922374529</c:v>
                </c:pt>
                <c:pt idx="15">
                  <c:v>1.8495905922374529</c:v>
                </c:pt>
                <c:pt idx="16">
                  <c:v>1.8495905922374529</c:v>
                </c:pt>
                <c:pt idx="17">
                  <c:v>1.8495905922374529</c:v>
                </c:pt>
                <c:pt idx="18">
                  <c:v>1.8495905922374529</c:v>
                </c:pt>
                <c:pt idx="19">
                  <c:v>1.5490321209988667</c:v>
                </c:pt>
                <c:pt idx="20">
                  <c:v>1.2715935321632488</c:v>
                </c:pt>
                <c:pt idx="21">
                  <c:v>0.92479529611872646</c:v>
                </c:pt>
                <c:pt idx="22">
                  <c:v>0.87855553131278996</c:v>
                </c:pt>
                <c:pt idx="23">
                  <c:v>0.87855553131278996</c:v>
                </c:pt>
                <c:pt idx="24">
                  <c:v>0.82705168258775563</c:v>
                </c:pt>
                <c:pt idx="25">
                  <c:v>0.82705168258775563</c:v>
                </c:pt>
                <c:pt idx="26">
                  <c:v>0.82705168258775563</c:v>
                </c:pt>
                <c:pt idx="27">
                  <c:v>0.82705168258775563</c:v>
                </c:pt>
                <c:pt idx="28">
                  <c:v>0.82705168258775563</c:v>
                </c:pt>
                <c:pt idx="29">
                  <c:v>1.0751671873640822</c:v>
                </c:pt>
                <c:pt idx="30">
                  <c:v>1.1992249397522456</c:v>
                </c:pt>
                <c:pt idx="31">
                  <c:v>1.2405775238816334</c:v>
                </c:pt>
                <c:pt idx="32">
                  <c:v>1.2405775238816334</c:v>
                </c:pt>
                <c:pt idx="33">
                  <c:v>1.343958984205103</c:v>
                </c:pt>
                <c:pt idx="34">
                  <c:v>1.4059878603991844</c:v>
                </c:pt>
                <c:pt idx="35">
                  <c:v>1.6541033651755113</c:v>
                </c:pt>
                <c:pt idx="36">
                  <c:v>1.6541033651755113</c:v>
                </c:pt>
                <c:pt idx="37">
                  <c:v>1.6541033651755113</c:v>
                </c:pt>
                <c:pt idx="38">
                  <c:v>1.6541033651755113</c:v>
                </c:pt>
                <c:pt idx="39">
                  <c:v>1.6541033651755113</c:v>
                </c:pt>
                <c:pt idx="40">
                  <c:v>1.6541033651755113</c:v>
                </c:pt>
                <c:pt idx="41">
                  <c:v>1.6541033651755113</c:v>
                </c:pt>
                <c:pt idx="42">
                  <c:v>1.6541033651755113</c:v>
                </c:pt>
                <c:pt idx="43">
                  <c:v>1.3853115683344908</c:v>
                </c:pt>
                <c:pt idx="44">
                  <c:v>1.1371960635581639</c:v>
                </c:pt>
                <c:pt idx="45">
                  <c:v>0.82705168258775563</c:v>
                </c:pt>
                <c:pt idx="46">
                  <c:v>0.82705168258775563</c:v>
                </c:pt>
                <c:pt idx="47">
                  <c:v>0.82705168258775563</c:v>
                </c:pt>
                <c:pt idx="48">
                  <c:v>0.73116134918338949</c:v>
                </c:pt>
                <c:pt idx="49">
                  <c:v>0.82255651783131312</c:v>
                </c:pt>
                <c:pt idx="50">
                  <c:v>0.82255651783131312</c:v>
                </c:pt>
                <c:pt idx="51">
                  <c:v>0.82255651783131312</c:v>
                </c:pt>
                <c:pt idx="52">
                  <c:v>0.82255651783131312</c:v>
                </c:pt>
                <c:pt idx="53">
                  <c:v>1.0601839563159146</c:v>
                </c:pt>
                <c:pt idx="54">
                  <c:v>1.2246952598821776</c:v>
                </c:pt>
                <c:pt idx="55">
                  <c:v>1.2246952598821776</c:v>
                </c:pt>
                <c:pt idx="56">
                  <c:v>1.2246952598821776</c:v>
                </c:pt>
                <c:pt idx="57">
                  <c:v>1.3160904285301012</c:v>
                </c:pt>
                <c:pt idx="58">
                  <c:v>1.4257646309076095</c:v>
                </c:pt>
                <c:pt idx="59">
                  <c:v>1.6451130356626262</c:v>
                </c:pt>
                <c:pt idx="60">
                  <c:v>1.6451130356626262</c:v>
                </c:pt>
                <c:pt idx="61">
                  <c:v>1.6451130356626262</c:v>
                </c:pt>
                <c:pt idx="62">
                  <c:v>1.6451130356626262</c:v>
                </c:pt>
                <c:pt idx="63">
                  <c:v>1.6451130356626262</c:v>
                </c:pt>
                <c:pt idx="64">
                  <c:v>1.6451130356626262</c:v>
                </c:pt>
                <c:pt idx="65">
                  <c:v>1.6451130356626262</c:v>
                </c:pt>
                <c:pt idx="66">
                  <c:v>1.6451130356626262</c:v>
                </c:pt>
                <c:pt idx="67">
                  <c:v>1.3709275297188555</c:v>
                </c:pt>
                <c:pt idx="68">
                  <c:v>1.0967420237750842</c:v>
                </c:pt>
                <c:pt idx="69">
                  <c:v>0.82255651783131312</c:v>
                </c:pt>
                <c:pt idx="70">
                  <c:v>0.82255651783131312</c:v>
                </c:pt>
                <c:pt idx="71">
                  <c:v>0.82255651783131312</c:v>
                </c:pt>
                <c:pt idx="72">
                  <c:v>0.81890184090820284</c:v>
                </c:pt>
                <c:pt idx="73">
                  <c:v>0.81890184090820284</c:v>
                </c:pt>
                <c:pt idx="74">
                  <c:v>0.81890184090820284</c:v>
                </c:pt>
                <c:pt idx="75">
                  <c:v>0.81890184090820284</c:v>
                </c:pt>
                <c:pt idx="76">
                  <c:v>0.81890184090820284</c:v>
                </c:pt>
                <c:pt idx="77">
                  <c:v>1.055473483837239</c:v>
                </c:pt>
                <c:pt idx="78">
                  <c:v>1.2192538520188798</c:v>
                </c:pt>
                <c:pt idx="79">
                  <c:v>1.2192538520188798</c:v>
                </c:pt>
                <c:pt idx="80">
                  <c:v>1.2192538520188798</c:v>
                </c:pt>
                <c:pt idx="81">
                  <c:v>1.3102429454531246</c:v>
                </c:pt>
                <c:pt idx="82">
                  <c:v>1.4194298575742181</c:v>
                </c:pt>
                <c:pt idx="83">
                  <c:v>1.6378036818164057</c:v>
                </c:pt>
                <c:pt idx="84">
                  <c:v>1.6378036818164057</c:v>
                </c:pt>
                <c:pt idx="85">
                  <c:v>1.6378036818164057</c:v>
                </c:pt>
                <c:pt idx="86">
                  <c:v>1.6378036818164057</c:v>
                </c:pt>
                <c:pt idx="87">
                  <c:v>1.6378036818164057</c:v>
                </c:pt>
                <c:pt idx="88">
                  <c:v>1.6378036818164057</c:v>
                </c:pt>
                <c:pt idx="89">
                  <c:v>1.6378036818164057</c:v>
                </c:pt>
                <c:pt idx="90">
                  <c:v>1.6378036818164057</c:v>
                </c:pt>
                <c:pt idx="91">
                  <c:v>1.3648364015136716</c:v>
                </c:pt>
                <c:pt idx="92">
                  <c:v>1.091869121210937</c:v>
                </c:pt>
                <c:pt idx="93">
                  <c:v>0.81890184090820284</c:v>
                </c:pt>
                <c:pt idx="94">
                  <c:v>0.81890184090820284</c:v>
                </c:pt>
                <c:pt idx="95">
                  <c:v>0.81890184090820284</c:v>
                </c:pt>
                <c:pt idx="96">
                  <c:v>0.89184554194135002</c:v>
                </c:pt>
                <c:pt idx="97">
                  <c:v>0.89184554194135002</c:v>
                </c:pt>
                <c:pt idx="98">
                  <c:v>0.89184554194135002</c:v>
                </c:pt>
                <c:pt idx="99">
                  <c:v>0.89184554194135002</c:v>
                </c:pt>
                <c:pt idx="100">
                  <c:v>0.89184554194135002</c:v>
                </c:pt>
                <c:pt idx="101">
                  <c:v>1.1494898096132955</c:v>
                </c:pt>
                <c:pt idx="102">
                  <c:v>1.3873152874643224</c:v>
                </c:pt>
                <c:pt idx="103">
                  <c:v>1.3873152874643224</c:v>
                </c:pt>
                <c:pt idx="104">
                  <c:v>1.3873152874643224</c:v>
                </c:pt>
                <c:pt idx="105">
                  <c:v>1.4864092365689168</c:v>
                </c:pt>
                <c:pt idx="106">
                  <c:v>1.5458656060316736</c:v>
                </c:pt>
                <c:pt idx="107">
                  <c:v>1.7836910838827</c:v>
                </c:pt>
                <c:pt idx="108">
                  <c:v>1.7836910838827</c:v>
                </c:pt>
                <c:pt idx="109">
                  <c:v>1.7836910838827</c:v>
                </c:pt>
                <c:pt idx="110">
                  <c:v>1.7836910838827</c:v>
                </c:pt>
                <c:pt idx="111">
                  <c:v>1.4864092365689168</c:v>
                </c:pt>
                <c:pt idx="112">
                  <c:v>1.4071340772852414</c:v>
                </c:pt>
                <c:pt idx="113">
                  <c:v>1.4071340772852414</c:v>
                </c:pt>
                <c:pt idx="114">
                  <c:v>1.4071340772852414</c:v>
                </c:pt>
                <c:pt idx="115">
                  <c:v>1.4071340772852414</c:v>
                </c:pt>
                <c:pt idx="116">
                  <c:v>1.0900334401505389</c:v>
                </c:pt>
                <c:pt idx="117">
                  <c:v>0.41619458623929673</c:v>
                </c:pt>
                <c:pt idx="118">
                  <c:v>0.41619458623929673</c:v>
                </c:pt>
                <c:pt idx="119">
                  <c:v>0.41619458623929673</c:v>
                </c:pt>
                <c:pt idx="120">
                  <c:v>0.31144186271211988</c:v>
                </c:pt>
                <c:pt idx="121">
                  <c:v>0.60805316053318648</c:v>
                </c:pt>
                <c:pt idx="122">
                  <c:v>0.60805316053318648</c:v>
                </c:pt>
                <c:pt idx="123">
                  <c:v>0.60805316053318648</c:v>
                </c:pt>
                <c:pt idx="124">
                  <c:v>0.60805316053318648</c:v>
                </c:pt>
                <c:pt idx="125">
                  <c:v>0.75635880944371969</c:v>
                </c:pt>
                <c:pt idx="126">
                  <c:v>0.94915615302741296</c:v>
                </c:pt>
                <c:pt idx="127">
                  <c:v>1.0826312370468929</c:v>
                </c:pt>
                <c:pt idx="128">
                  <c:v>1.0826312370468929</c:v>
                </c:pt>
                <c:pt idx="129">
                  <c:v>1.0826312370468929</c:v>
                </c:pt>
                <c:pt idx="130">
                  <c:v>1.0826312370468929</c:v>
                </c:pt>
                <c:pt idx="131">
                  <c:v>1.0826312370468929</c:v>
                </c:pt>
                <c:pt idx="132">
                  <c:v>1.0826312370468929</c:v>
                </c:pt>
                <c:pt idx="133">
                  <c:v>1.0826312370468929</c:v>
                </c:pt>
                <c:pt idx="134">
                  <c:v>1.0826312370468929</c:v>
                </c:pt>
                <c:pt idx="135">
                  <c:v>0.97881728280951952</c:v>
                </c:pt>
                <c:pt idx="136">
                  <c:v>0.88983389346319952</c:v>
                </c:pt>
                <c:pt idx="137">
                  <c:v>0.80085050411687975</c:v>
                </c:pt>
                <c:pt idx="138">
                  <c:v>0.77118937433477297</c:v>
                </c:pt>
                <c:pt idx="139">
                  <c:v>0.62288372542423975</c:v>
                </c:pt>
                <c:pt idx="140">
                  <c:v>0.45974751162265315</c:v>
                </c:pt>
                <c:pt idx="141">
                  <c:v>0.45974751162265315</c:v>
                </c:pt>
                <c:pt idx="142">
                  <c:v>0.45974751162265315</c:v>
                </c:pt>
                <c:pt idx="143">
                  <c:v>0.45974751162265315</c:v>
                </c:pt>
                <c:pt idx="144">
                  <c:v>0.49172375480177821</c:v>
                </c:pt>
                <c:pt idx="145">
                  <c:v>0.57103403783432316</c:v>
                </c:pt>
                <c:pt idx="146">
                  <c:v>0.57103403783432316</c:v>
                </c:pt>
                <c:pt idx="147">
                  <c:v>0.57103403783432316</c:v>
                </c:pt>
                <c:pt idx="148">
                  <c:v>0.57103403783432316</c:v>
                </c:pt>
                <c:pt idx="149">
                  <c:v>0.71379254729290387</c:v>
                </c:pt>
                <c:pt idx="150">
                  <c:v>0.84068900014497572</c:v>
                </c:pt>
                <c:pt idx="151">
                  <c:v>0.99930956621006561</c:v>
                </c:pt>
                <c:pt idx="152">
                  <c:v>0.99930956621006561</c:v>
                </c:pt>
                <c:pt idx="153">
                  <c:v>0.99930956621006561</c:v>
                </c:pt>
                <c:pt idx="154">
                  <c:v>0.99930956621006561</c:v>
                </c:pt>
                <c:pt idx="155">
                  <c:v>0.99930956621006561</c:v>
                </c:pt>
                <c:pt idx="156">
                  <c:v>0.99930956621006561</c:v>
                </c:pt>
                <c:pt idx="157">
                  <c:v>0.99930956621006561</c:v>
                </c:pt>
                <c:pt idx="158">
                  <c:v>0.99930956621006561</c:v>
                </c:pt>
                <c:pt idx="159">
                  <c:v>0.88827516996450262</c:v>
                </c:pt>
                <c:pt idx="160">
                  <c:v>0.87241311335799365</c:v>
                </c:pt>
                <c:pt idx="161">
                  <c:v>0.74551666050592191</c:v>
                </c:pt>
                <c:pt idx="162">
                  <c:v>0.69793049068639501</c:v>
                </c:pt>
                <c:pt idx="163">
                  <c:v>0.58689609444083213</c:v>
                </c:pt>
                <c:pt idx="164">
                  <c:v>0.49172375480177821</c:v>
                </c:pt>
                <c:pt idx="165">
                  <c:v>0.4282755283757424</c:v>
                </c:pt>
                <c:pt idx="166">
                  <c:v>0.4282755283757424</c:v>
                </c:pt>
                <c:pt idx="167">
                  <c:v>0.4282755283757424</c:v>
                </c:pt>
                <c:pt idx="168">
                  <c:v>0.25192668095232901</c:v>
                </c:pt>
                <c:pt idx="169">
                  <c:v>0.25192668095232901</c:v>
                </c:pt>
                <c:pt idx="170">
                  <c:v>0.25192668095232901</c:v>
                </c:pt>
                <c:pt idx="171">
                  <c:v>0.25192668095232901</c:v>
                </c:pt>
                <c:pt idx="172">
                  <c:v>0.25192668095232901</c:v>
                </c:pt>
                <c:pt idx="173">
                  <c:v>1.0916822841267588</c:v>
                </c:pt>
                <c:pt idx="174">
                  <c:v>1.2386395146822842</c:v>
                </c:pt>
                <c:pt idx="175">
                  <c:v>1.2386395146822842</c:v>
                </c:pt>
                <c:pt idx="176">
                  <c:v>1.2386395146822842</c:v>
                </c:pt>
                <c:pt idx="177">
                  <c:v>1.3226150749997272</c:v>
                </c:pt>
                <c:pt idx="178">
                  <c:v>1.3226150749997272</c:v>
                </c:pt>
                <c:pt idx="179">
                  <c:v>1.67951120634886</c:v>
                </c:pt>
                <c:pt idx="180">
                  <c:v>1.67951120634886</c:v>
                </c:pt>
                <c:pt idx="181">
                  <c:v>1.1126761742061198</c:v>
                </c:pt>
                <c:pt idx="182">
                  <c:v>1.67951120634886</c:v>
                </c:pt>
                <c:pt idx="183">
                  <c:v>1.67951120634886</c:v>
                </c:pt>
                <c:pt idx="184">
                  <c:v>1.67951120634886</c:v>
                </c:pt>
                <c:pt idx="185">
                  <c:v>1.67951120634886</c:v>
                </c:pt>
                <c:pt idx="186">
                  <c:v>1.67951120634886</c:v>
                </c:pt>
                <c:pt idx="187">
                  <c:v>1.4065906353171702</c:v>
                </c:pt>
                <c:pt idx="188">
                  <c:v>1.1546639543648411</c:v>
                </c:pt>
                <c:pt idx="189">
                  <c:v>0.83975560317442999</c:v>
                </c:pt>
                <c:pt idx="190">
                  <c:v>0.79776782301570859</c:v>
                </c:pt>
                <c:pt idx="191">
                  <c:v>0.79776782301570859</c:v>
                </c:pt>
                <c:pt idx="192">
                  <c:v>0.73830600652802558</c:v>
                </c:pt>
                <c:pt idx="193">
                  <c:v>0.73830600652802558</c:v>
                </c:pt>
                <c:pt idx="194">
                  <c:v>0.73830600652802558</c:v>
                </c:pt>
                <c:pt idx="195">
                  <c:v>0.73830600652802558</c:v>
                </c:pt>
                <c:pt idx="196">
                  <c:v>0.73830600652802558</c:v>
                </c:pt>
                <c:pt idx="197">
                  <c:v>0.95979780848643326</c:v>
                </c:pt>
                <c:pt idx="198">
                  <c:v>1.0705437094656369</c:v>
                </c:pt>
                <c:pt idx="199">
                  <c:v>1.1074590097920385</c:v>
                </c:pt>
                <c:pt idx="200">
                  <c:v>1.1074590097920385</c:v>
                </c:pt>
                <c:pt idx="201">
                  <c:v>1.1997472606080415</c:v>
                </c:pt>
                <c:pt idx="202">
                  <c:v>1.2551202110976434</c:v>
                </c:pt>
                <c:pt idx="203">
                  <c:v>1.4766120130560512</c:v>
                </c:pt>
                <c:pt idx="204">
                  <c:v>1.4766120130560512</c:v>
                </c:pt>
                <c:pt idx="205">
                  <c:v>1.4766120130560512</c:v>
                </c:pt>
                <c:pt idx="206">
                  <c:v>1.4766120130560512</c:v>
                </c:pt>
                <c:pt idx="207">
                  <c:v>1.4766120130560512</c:v>
                </c:pt>
                <c:pt idx="208">
                  <c:v>1.4766120130560512</c:v>
                </c:pt>
                <c:pt idx="209">
                  <c:v>1.4766120130560512</c:v>
                </c:pt>
                <c:pt idx="210">
                  <c:v>1.4766120130560512</c:v>
                </c:pt>
                <c:pt idx="211">
                  <c:v>1.2366625609344428</c:v>
                </c:pt>
                <c:pt idx="212">
                  <c:v>1.015170758976035</c:v>
                </c:pt>
                <c:pt idx="213">
                  <c:v>0.73830600652802558</c:v>
                </c:pt>
                <c:pt idx="214">
                  <c:v>0.73830600652802558</c:v>
                </c:pt>
                <c:pt idx="215">
                  <c:v>0.73830600652802558</c:v>
                </c:pt>
                <c:pt idx="216">
                  <c:v>0.6713704402899987</c:v>
                </c:pt>
                <c:pt idx="217">
                  <c:v>0.75529174532624843</c:v>
                </c:pt>
                <c:pt idx="218">
                  <c:v>0.75529174532624843</c:v>
                </c:pt>
                <c:pt idx="219">
                  <c:v>0.75529174532624843</c:v>
                </c:pt>
                <c:pt idx="220">
                  <c:v>0.75529174532624843</c:v>
                </c:pt>
                <c:pt idx="221">
                  <c:v>0.97348713842049794</c:v>
                </c:pt>
                <c:pt idx="222">
                  <c:v>1.1245454874857479</c:v>
                </c:pt>
                <c:pt idx="223">
                  <c:v>1.1245454874857479</c:v>
                </c:pt>
                <c:pt idx="224">
                  <c:v>1.1245454874857479</c:v>
                </c:pt>
                <c:pt idx="225">
                  <c:v>1.2084667925219974</c:v>
                </c:pt>
                <c:pt idx="226">
                  <c:v>1.3091723585654971</c:v>
                </c:pt>
                <c:pt idx="227">
                  <c:v>1.5105834906524969</c:v>
                </c:pt>
                <c:pt idx="228">
                  <c:v>1.5105834906524969</c:v>
                </c:pt>
                <c:pt idx="229">
                  <c:v>1.5105834906524969</c:v>
                </c:pt>
                <c:pt idx="230">
                  <c:v>1.5105834906524969</c:v>
                </c:pt>
                <c:pt idx="231">
                  <c:v>1.5105834906524969</c:v>
                </c:pt>
                <c:pt idx="232">
                  <c:v>1.5105834906524969</c:v>
                </c:pt>
                <c:pt idx="233">
                  <c:v>1.5105834906524969</c:v>
                </c:pt>
                <c:pt idx="234">
                  <c:v>1.5105834906524969</c:v>
                </c:pt>
                <c:pt idx="235">
                  <c:v>1.2588195755437475</c:v>
                </c:pt>
                <c:pt idx="236">
                  <c:v>1.0070556604349981</c:v>
                </c:pt>
                <c:pt idx="237">
                  <c:v>0.75529174532624843</c:v>
                </c:pt>
                <c:pt idx="238">
                  <c:v>0.75529174532624843</c:v>
                </c:pt>
                <c:pt idx="239">
                  <c:v>0.75529174532624843</c:v>
                </c:pt>
                <c:pt idx="240">
                  <c:v>0.74368529133978634</c:v>
                </c:pt>
                <c:pt idx="241">
                  <c:v>0.74368529133978634</c:v>
                </c:pt>
                <c:pt idx="242">
                  <c:v>0.74368529133978634</c:v>
                </c:pt>
                <c:pt idx="243">
                  <c:v>0.74368529133978634</c:v>
                </c:pt>
                <c:pt idx="244">
                  <c:v>0.74368529133978634</c:v>
                </c:pt>
                <c:pt idx="245">
                  <c:v>0.95852770883794691</c:v>
                </c:pt>
                <c:pt idx="246">
                  <c:v>1.1072647671059042</c:v>
                </c:pt>
                <c:pt idx="247">
                  <c:v>1.1072647671059042</c:v>
                </c:pt>
                <c:pt idx="248">
                  <c:v>1.1072647671059042</c:v>
                </c:pt>
                <c:pt idx="249">
                  <c:v>1.1898964661436582</c:v>
                </c:pt>
                <c:pt idx="250">
                  <c:v>1.2890545049889632</c:v>
                </c:pt>
                <c:pt idx="251">
                  <c:v>1.4873705826795727</c:v>
                </c:pt>
                <c:pt idx="252">
                  <c:v>1.4873705826795727</c:v>
                </c:pt>
                <c:pt idx="253">
                  <c:v>1.4873705826795727</c:v>
                </c:pt>
                <c:pt idx="254">
                  <c:v>1.4873705826795727</c:v>
                </c:pt>
                <c:pt idx="255">
                  <c:v>1.4873705826795727</c:v>
                </c:pt>
                <c:pt idx="256">
                  <c:v>1.4873705826795727</c:v>
                </c:pt>
                <c:pt idx="257">
                  <c:v>1.4873705826795727</c:v>
                </c:pt>
                <c:pt idx="258">
                  <c:v>1.4873705826795727</c:v>
                </c:pt>
                <c:pt idx="259">
                  <c:v>1.2394754855663106</c:v>
                </c:pt>
                <c:pt idx="260">
                  <c:v>0.99158038845304852</c:v>
                </c:pt>
                <c:pt idx="261">
                  <c:v>0.74368529133978634</c:v>
                </c:pt>
                <c:pt idx="262">
                  <c:v>0.74368529133978634</c:v>
                </c:pt>
                <c:pt idx="263">
                  <c:v>0.74368529133978634</c:v>
                </c:pt>
                <c:pt idx="264">
                  <c:v>0.81834552312415987</c:v>
                </c:pt>
                <c:pt idx="265">
                  <c:v>0.81834552312415987</c:v>
                </c:pt>
                <c:pt idx="266">
                  <c:v>0.81834552312415987</c:v>
                </c:pt>
                <c:pt idx="267">
                  <c:v>0.81834552312415987</c:v>
                </c:pt>
                <c:pt idx="268">
                  <c:v>0.81834552312415987</c:v>
                </c:pt>
                <c:pt idx="269">
                  <c:v>1.0547564520266952</c:v>
                </c:pt>
                <c:pt idx="270">
                  <c:v>1.2729819248598044</c:v>
                </c:pt>
                <c:pt idx="271">
                  <c:v>1.2729819248598044</c:v>
                </c:pt>
                <c:pt idx="272">
                  <c:v>1.2729819248598044</c:v>
                </c:pt>
                <c:pt idx="273">
                  <c:v>1.3639092052069335</c:v>
                </c:pt>
                <c:pt idx="274">
                  <c:v>1.4184655734152107</c:v>
                </c:pt>
                <c:pt idx="275">
                  <c:v>1.6366910462483197</c:v>
                </c:pt>
                <c:pt idx="276">
                  <c:v>1.6366910462483197</c:v>
                </c:pt>
                <c:pt idx="277">
                  <c:v>1.6366910462483197</c:v>
                </c:pt>
                <c:pt idx="278">
                  <c:v>1.6366910462483197</c:v>
                </c:pt>
                <c:pt idx="279">
                  <c:v>1.3639092052069335</c:v>
                </c:pt>
                <c:pt idx="280">
                  <c:v>1.2911673809292303</c:v>
                </c:pt>
                <c:pt idx="281">
                  <c:v>1.2911673809292303</c:v>
                </c:pt>
                <c:pt idx="282">
                  <c:v>1.2911673809292303</c:v>
                </c:pt>
                <c:pt idx="283">
                  <c:v>1.2911673809292303</c:v>
                </c:pt>
                <c:pt idx="284">
                  <c:v>1.0002000838184177</c:v>
                </c:pt>
                <c:pt idx="285">
                  <c:v>0.38189457745794125</c:v>
                </c:pt>
                <c:pt idx="286">
                  <c:v>0.38189457745794125</c:v>
                </c:pt>
                <c:pt idx="287">
                  <c:v>0.38189457745794125</c:v>
                </c:pt>
                <c:pt idx="288">
                  <c:v>0.29405516101924051</c:v>
                </c:pt>
                <c:pt idx="289">
                  <c:v>0.5741076953232791</c:v>
                </c:pt>
                <c:pt idx="290">
                  <c:v>0.5741076953232791</c:v>
                </c:pt>
                <c:pt idx="291">
                  <c:v>0.5741076953232791</c:v>
                </c:pt>
                <c:pt idx="292">
                  <c:v>0.5741076953232791</c:v>
                </c:pt>
                <c:pt idx="293">
                  <c:v>0.71413396247529837</c:v>
                </c:pt>
                <c:pt idx="294">
                  <c:v>0.89616810977292327</c:v>
                </c:pt>
                <c:pt idx="295">
                  <c:v>1.0221917502097408</c:v>
                </c:pt>
                <c:pt idx="296">
                  <c:v>1.0221917502097408</c:v>
                </c:pt>
                <c:pt idx="297">
                  <c:v>1.0221917502097408</c:v>
                </c:pt>
                <c:pt idx="298">
                  <c:v>1.0221917502097408</c:v>
                </c:pt>
                <c:pt idx="299">
                  <c:v>1.0221917502097408</c:v>
                </c:pt>
                <c:pt idx="300">
                  <c:v>1.0221917502097408</c:v>
                </c:pt>
                <c:pt idx="301">
                  <c:v>1.0221917502097408</c:v>
                </c:pt>
                <c:pt idx="302">
                  <c:v>1.0221917502097408</c:v>
                </c:pt>
                <c:pt idx="303">
                  <c:v>0.92417336320332721</c:v>
                </c:pt>
                <c:pt idx="304">
                  <c:v>0.84015760291211572</c:v>
                </c:pt>
                <c:pt idx="305">
                  <c:v>0.756141842620904</c:v>
                </c:pt>
                <c:pt idx="306">
                  <c:v>0.72813658919050017</c:v>
                </c:pt>
                <c:pt idx="307">
                  <c:v>0.58811032203848101</c:v>
                </c:pt>
                <c:pt idx="308">
                  <c:v>0.43408142817125972</c:v>
                </c:pt>
                <c:pt idx="309">
                  <c:v>0.43408142817125972</c:v>
                </c:pt>
                <c:pt idx="310">
                  <c:v>0.43408142817125972</c:v>
                </c:pt>
                <c:pt idx="311">
                  <c:v>0.43408142817125972</c:v>
                </c:pt>
                <c:pt idx="312">
                  <c:v>0.49982657173063127</c:v>
                </c:pt>
                <c:pt idx="313">
                  <c:v>0.58044376071944281</c:v>
                </c:pt>
                <c:pt idx="314">
                  <c:v>0.58044376071944281</c:v>
                </c:pt>
                <c:pt idx="315">
                  <c:v>0.58044376071944281</c:v>
                </c:pt>
                <c:pt idx="316">
                  <c:v>0.58044376071944281</c:v>
                </c:pt>
                <c:pt idx="317">
                  <c:v>0.72555470089930341</c:v>
                </c:pt>
                <c:pt idx="318">
                  <c:v>0.85454220328140196</c:v>
                </c:pt>
                <c:pt idx="319">
                  <c:v>1.0157765812590249</c:v>
                </c:pt>
                <c:pt idx="320">
                  <c:v>1.0157765812590249</c:v>
                </c:pt>
                <c:pt idx="321">
                  <c:v>1.0157765812590249</c:v>
                </c:pt>
                <c:pt idx="322">
                  <c:v>1.0157765812590249</c:v>
                </c:pt>
                <c:pt idx="323">
                  <c:v>1.0157765812590249</c:v>
                </c:pt>
                <c:pt idx="324">
                  <c:v>1.0157765812590249</c:v>
                </c:pt>
                <c:pt idx="325">
                  <c:v>1.0157765812590249</c:v>
                </c:pt>
                <c:pt idx="326">
                  <c:v>1.0157765812590249</c:v>
                </c:pt>
                <c:pt idx="327">
                  <c:v>0.90291251667468875</c:v>
                </c:pt>
                <c:pt idx="328">
                  <c:v>0.88678907887692637</c:v>
                </c:pt>
                <c:pt idx="329">
                  <c:v>0.75780157649482816</c:v>
                </c:pt>
                <c:pt idx="330">
                  <c:v>0.70943126310154114</c:v>
                </c:pt>
                <c:pt idx="331">
                  <c:v>0.59656719851720519</c:v>
                </c:pt>
                <c:pt idx="332">
                  <c:v>0.49982657173063127</c:v>
                </c:pt>
                <c:pt idx="333">
                  <c:v>0.43533282053958217</c:v>
                </c:pt>
                <c:pt idx="334">
                  <c:v>0.43533282053958217</c:v>
                </c:pt>
                <c:pt idx="335">
                  <c:v>0.43533282053958217</c:v>
                </c:pt>
                <c:pt idx="336">
                  <c:v>0.26899349559760855</c:v>
                </c:pt>
                <c:pt idx="337">
                  <c:v>0.26899349559760855</c:v>
                </c:pt>
                <c:pt idx="338">
                  <c:v>0.26899349559760855</c:v>
                </c:pt>
                <c:pt idx="339">
                  <c:v>0.26899349559760855</c:v>
                </c:pt>
                <c:pt idx="340">
                  <c:v>0.26899349559760855</c:v>
                </c:pt>
                <c:pt idx="341">
                  <c:v>1.1656384809229705</c:v>
                </c:pt>
                <c:pt idx="342">
                  <c:v>1.3225513533549087</c:v>
                </c:pt>
                <c:pt idx="343">
                  <c:v>1.3225513533549087</c:v>
                </c:pt>
                <c:pt idx="344">
                  <c:v>1.3225513533549087</c:v>
                </c:pt>
                <c:pt idx="345">
                  <c:v>1.412215851887445</c:v>
                </c:pt>
                <c:pt idx="346">
                  <c:v>1.412215851887445</c:v>
                </c:pt>
                <c:pt idx="347">
                  <c:v>1.7932899706507237</c:v>
                </c:pt>
                <c:pt idx="348">
                  <c:v>1.7932899706507237</c:v>
                </c:pt>
                <c:pt idx="349">
                  <c:v>1.1880546055561045</c:v>
                </c:pt>
                <c:pt idx="350">
                  <c:v>1.7932899706507237</c:v>
                </c:pt>
                <c:pt idx="351">
                  <c:v>1.7932899706507237</c:v>
                </c:pt>
                <c:pt idx="352">
                  <c:v>1.7932899706507237</c:v>
                </c:pt>
                <c:pt idx="353">
                  <c:v>1.7932899706507237</c:v>
                </c:pt>
                <c:pt idx="354">
                  <c:v>1.7932899706507237</c:v>
                </c:pt>
                <c:pt idx="355">
                  <c:v>1.5018803504199814</c:v>
                </c:pt>
                <c:pt idx="356">
                  <c:v>1.2328868548223726</c:v>
                </c:pt>
                <c:pt idx="357">
                  <c:v>0.89664498532536185</c:v>
                </c:pt>
                <c:pt idx="358">
                  <c:v>0.85181273605909391</c:v>
                </c:pt>
                <c:pt idx="359">
                  <c:v>0.85181273605909391</c:v>
                </c:pt>
                <c:pt idx="360">
                  <c:v>0.79005691428561109</c:v>
                </c:pt>
                <c:pt idx="361">
                  <c:v>0.79005691428561109</c:v>
                </c:pt>
                <c:pt idx="362">
                  <c:v>0.79005691428561109</c:v>
                </c:pt>
                <c:pt idx="363">
                  <c:v>0.79005691428561109</c:v>
                </c:pt>
                <c:pt idx="364">
                  <c:v>0.79005691428561109</c:v>
                </c:pt>
                <c:pt idx="365">
                  <c:v>1.0270739885712943</c:v>
                </c:pt>
                <c:pt idx="366">
                  <c:v>1.1455825257141359</c:v>
                </c:pt>
                <c:pt idx="367">
                  <c:v>1.1850853714284166</c:v>
                </c:pt>
                <c:pt idx="368">
                  <c:v>1.1850853714284166</c:v>
                </c:pt>
                <c:pt idx="369">
                  <c:v>1.2838424857141177</c:v>
                </c:pt>
                <c:pt idx="370">
                  <c:v>1.3430967542855385</c:v>
                </c:pt>
                <c:pt idx="371">
                  <c:v>1.5801138285712222</c:v>
                </c:pt>
                <c:pt idx="372">
                  <c:v>1.5801138285712222</c:v>
                </c:pt>
                <c:pt idx="373">
                  <c:v>1.5801138285712222</c:v>
                </c:pt>
                <c:pt idx="374">
                  <c:v>1.5801138285712222</c:v>
                </c:pt>
                <c:pt idx="375">
                  <c:v>1.5801138285712222</c:v>
                </c:pt>
                <c:pt idx="376">
                  <c:v>1.5801138285712222</c:v>
                </c:pt>
                <c:pt idx="377">
                  <c:v>1.5801138285712222</c:v>
                </c:pt>
                <c:pt idx="378">
                  <c:v>1.5801138285712222</c:v>
                </c:pt>
                <c:pt idx="379">
                  <c:v>1.3233453314283985</c:v>
                </c:pt>
                <c:pt idx="380">
                  <c:v>1.0863282571427149</c:v>
                </c:pt>
                <c:pt idx="381">
                  <c:v>0.79005691428561109</c:v>
                </c:pt>
                <c:pt idx="382">
                  <c:v>0.79005691428561109</c:v>
                </c:pt>
                <c:pt idx="383">
                  <c:v>0.79005691428561109</c:v>
                </c:pt>
                <c:pt idx="384">
                  <c:v>0.68713628004886296</c:v>
                </c:pt>
                <c:pt idx="385">
                  <c:v>0.77302831505497061</c:v>
                </c:pt>
                <c:pt idx="386">
                  <c:v>0.77302831505497061</c:v>
                </c:pt>
                <c:pt idx="387">
                  <c:v>0.77302831505497061</c:v>
                </c:pt>
                <c:pt idx="388">
                  <c:v>0.77302831505497061</c:v>
                </c:pt>
                <c:pt idx="389">
                  <c:v>0.99634760607085104</c:v>
                </c:pt>
                <c:pt idx="390">
                  <c:v>1.1509532690818454</c:v>
                </c:pt>
                <c:pt idx="391">
                  <c:v>1.1509532690818454</c:v>
                </c:pt>
                <c:pt idx="392">
                  <c:v>1.1509532690818454</c:v>
                </c:pt>
                <c:pt idx="393">
                  <c:v>1.236845304087953</c:v>
                </c:pt>
                <c:pt idx="394">
                  <c:v>1.3399157460952824</c:v>
                </c:pt>
                <c:pt idx="395">
                  <c:v>1.5460566301099412</c:v>
                </c:pt>
                <c:pt idx="396">
                  <c:v>1.5460566301099412</c:v>
                </c:pt>
                <c:pt idx="397">
                  <c:v>1.5460566301099412</c:v>
                </c:pt>
                <c:pt idx="398">
                  <c:v>1.5460566301099412</c:v>
                </c:pt>
                <c:pt idx="399">
                  <c:v>1.5460566301099412</c:v>
                </c:pt>
                <c:pt idx="400">
                  <c:v>1.5460566301099412</c:v>
                </c:pt>
                <c:pt idx="401">
                  <c:v>1.5460566301099412</c:v>
                </c:pt>
                <c:pt idx="402">
                  <c:v>1.5460566301099412</c:v>
                </c:pt>
                <c:pt idx="403">
                  <c:v>1.288380525091618</c:v>
                </c:pt>
                <c:pt idx="404">
                  <c:v>1.0307044200732942</c:v>
                </c:pt>
                <c:pt idx="405">
                  <c:v>0.77302831505497061</c:v>
                </c:pt>
                <c:pt idx="406">
                  <c:v>0.77302831505497061</c:v>
                </c:pt>
                <c:pt idx="407">
                  <c:v>0.77302831505497061</c:v>
                </c:pt>
                <c:pt idx="408">
                  <c:v>0.78411440571533098</c:v>
                </c:pt>
                <c:pt idx="409">
                  <c:v>0.78411440571533098</c:v>
                </c:pt>
                <c:pt idx="410">
                  <c:v>0.78411440571533098</c:v>
                </c:pt>
                <c:pt idx="411">
                  <c:v>0.78411440571533098</c:v>
                </c:pt>
                <c:pt idx="412">
                  <c:v>0.78411440571533098</c:v>
                </c:pt>
                <c:pt idx="413">
                  <c:v>1.0106363451442044</c:v>
                </c:pt>
                <c:pt idx="414">
                  <c:v>1.1674592262872707</c:v>
                </c:pt>
                <c:pt idx="415">
                  <c:v>1.1674592262872707</c:v>
                </c:pt>
                <c:pt idx="416">
                  <c:v>1.1674592262872707</c:v>
                </c:pt>
                <c:pt idx="417">
                  <c:v>1.2545830491445298</c:v>
                </c:pt>
                <c:pt idx="418">
                  <c:v>1.3591316365732404</c:v>
                </c:pt>
                <c:pt idx="419">
                  <c:v>1.568228811430662</c:v>
                </c:pt>
                <c:pt idx="420">
                  <c:v>1.568228811430662</c:v>
                </c:pt>
                <c:pt idx="421">
                  <c:v>1.568228811430662</c:v>
                </c:pt>
                <c:pt idx="422">
                  <c:v>1.568228811430662</c:v>
                </c:pt>
                <c:pt idx="423">
                  <c:v>1.568228811430662</c:v>
                </c:pt>
                <c:pt idx="424">
                  <c:v>1.568228811430662</c:v>
                </c:pt>
                <c:pt idx="425">
                  <c:v>1.568228811430662</c:v>
                </c:pt>
                <c:pt idx="426">
                  <c:v>1.568228811430662</c:v>
                </c:pt>
                <c:pt idx="427">
                  <c:v>1.3068573428588852</c:v>
                </c:pt>
                <c:pt idx="428">
                  <c:v>1.0454858742871083</c:v>
                </c:pt>
                <c:pt idx="429">
                  <c:v>0.78411440571533098</c:v>
                </c:pt>
                <c:pt idx="430">
                  <c:v>0.78411440571533098</c:v>
                </c:pt>
                <c:pt idx="431">
                  <c:v>0.78411440571533098</c:v>
                </c:pt>
                <c:pt idx="432">
                  <c:v>0.86481042383787765</c:v>
                </c:pt>
                <c:pt idx="433">
                  <c:v>0.86481042383787765</c:v>
                </c:pt>
                <c:pt idx="434">
                  <c:v>0.86481042383787765</c:v>
                </c:pt>
                <c:pt idx="435">
                  <c:v>0.86481042383787765</c:v>
                </c:pt>
                <c:pt idx="436">
                  <c:v>0.86481042383787765</c:v>
                </c:pt>
                <c:pt idx="437">
                  <c:v>1.1146445462799313</c:v>
                </c:pt>
                <c:pt idx="438">
                  <c:v>1.3452606593033654</c:v>
                </c:pt>
                <c:pt idx="439">
                  <c:v>1.3452606593033654</c:v>
                </c:pt>
                <c:pt idx="440">
                  <c:v>1.3452606593033654</c:v>
                </c:pt>
                <c:pt idx="441">
                  <c:v>1.441350706396463</c:v>
                </c:pt>
                <c:pt idx="442">
                  <c:v>1.4990047346523214</c:v>
                </c:pt>
                <c:pt idx="443">
                  <c:v>1.7296208476757553</c:v>
                </c:pt>
                <c:pt idx="444">
                  <c:v>1.7296208476757553</c:v>
                </c:pt>
                <c:pt idx="445">
                  <c:v>1.7296208476757553</c:v>
                </c:pt>
                <c:pt idx="446">
                  <c:v>1.7296208476757553</c:v>
                </c:pt>
                <c:pt idx="447">
                  <c:v>1.441350706396463</c:v>
                </c:pt>
                <c:pt idx="448">
                  <c:v>1.364478668721985</c:v>
                </c:pt>
                <c:pt idx="449">
                  <c:v>1.364478668721985</c:v>
                </c:pt>
                <c:pt idx="450">
                  <c:v>1.364478668721985</c:v>
                </c:pt>
                <c:pt idx="451">
                  <c:v>1.364478668721985</c:v>
                </c:pt>
                <c:pt idx="452">
                  <c:v>1.0569905180240726</c:v>
                </c:pt>
                <c:pt idx="453">
                  <c:v>0.40357819779100956</c:v>
                </c:pt>
                <c:pt idx="454">
                  <c:v>0.40357819779100956</c:v>
                </c:pt>
                <c:pt idx="455">
                  <c:v>0.40357819779100956</c:v>
                </c:pt>
                <c:pt idx="456">
                  <c:v>0.287293665916454</c:v>
                </c:pt>
                <c:pt idx="457">
                  <c:v>0.56090668107498165</c:v>
                </c:pt>
                <c:pt idx="458">
                  <c:v>0.56090668107498165</c:v>
                </c:pt>
                <c:pt idx="459">
                  <c:v>0.56090668107498165</c:v>
                </c:pt>
                <c:pt idx="460">
                  <c:v>0.56090668107498165</c:v>
                </c:pt>
                <c:pt idx="461">
                  <c:v>0.69771318865424548</c:v>
                </c:pt>
                <c:pt idx="462">
                  <c:v>0.87556164850728846</c:v>
                </c:pt>
                <c:pt idx="463">
                  <c:v>0.99868750532862594</c:v>
                </c:pt>
                <c:pt idx="464">
                  <c:v>0.99868750532862594</c:v>
                </c:pt>
                <c:pt idx="465">
                  <c:v>0.99868750532862594</c:v>
                </c:pt>
                <c:pt idx="466">
                  <c:v>0.99868750532862594</c:v>
                </c:pt>
                <c:pt idx="467">
                  <c:v>0.99868750532862594</c:v>
                </c:pt>
                <c:pt idx="468">
                  <c:v>0.99868750532862594</c:v>
                </c:pt>
                <c:pt idx="469">
                  <c:v>0.99868750532862594</c:v>
                </c:pt>
                <c:pt idx="470">
                  <c:v>0.99868750532862594</c:v>
                </c:pt>
                <c:pt idx="471">
                  <c:v>0.90292295002314127</c:v>
                </c:pt>
                <c:pt idx="472">
                  <c:v>0.82083904547558295</c:v>
                </c:pt>
                <c:pt idx="473">
                  <c:v>0.73875514092802463</c:v>
                </c:pt>
                <c:pt idx="474">
                  <c:v>0.71139383941217194</c:v>
                </c:pt>
                <c:pt idx="475">
                  <c:v>0.574587331832908</c:v>
                </c:pt>
                <c:pt idx="476">
                  <c:v>0.42410017349571782</c:v>
                </c:pt>
                <c:pt idx="477">
                  <c:v>0.42410017349571782</c:v>
                </c:pt>
                <c:pt idx="478">
                  <c:v>0.42410017349571782</c:v>
                </c:pt>
                <c:pt idx="479">
                  <c:v>0.42410017349571782</c:v>
                </c:pt>
                <c:pt idx="480">
                  <c:v>0.48686206464446646</c:v>
                </c:pt>
                <c:pt idx="481">
                  <c:v>0.5653882041032513</c:v>
                </c:pt>
                <c:pt idx="482">
                  <c:v>0.5653882041032513</c:v>
                </c:pt>
                <c:pt idx="483">
                  <c:v>0.5653882041032513</c:v>
                </c:pt>
                <c:pt idx="484">
                  <c:v>0.5653882041032513</c:v>
                </c:pt>
                <c:pt idx="485">
                  <c:v>0.7067352551290641</c:v>
                </c:pt>
                <c:pt idx="486">
                  <c:v>0.83237707826312013</c:v>
                </c:pt>
                <c:pt idx="487">
                  <c:v>0.98942935718068992</c:v>
                </c:pt>
                <c:pt idx="488">
                  <c:v>0.98942935718068992</c:v>
                </c:pt>
                <c:pt idx="489">
                  <c:v>0.98942935718068992</c:v>
                </c:pt>
                <c:pt idx="490">
                  <c:v>0.98942935718068992</c:v>
                </c:pt>
                <c:pt idx="491">
                  <c:v>0.98942935718068992</c:v>
                </c:pt>
                <c:pt idx="492">
                  <c:v>0.98942935718068992</c:v>
                </c:pt>
                <c:pt idx="493">
                  <c:v>0.98942935718068992</c:v>
                </c:pt>
                <c:pt idx="494">
                  <c:v>0.98942935718068992</c:v>
                </c:pt>
                <c:pt idx="495">
                  <c:v>0.87949276193839099</c:v>
                </c:pt>
                <c:pt idx="496">
                  <c:v>0.86378753404663389</c:v>
                </c:pt>
                <c:pt idx="497">
                  <c:v>0.73814571091257819</c:v>
                </c:pt>
                <c:pt idx="498">
                  <c:v>0.69103002723730733</c:v>
                </c:pt>
                <c:pt idx="499">
                  <c:v>0.5810934319950084</c:v>
                </c:pt>
                <c:pt idx="500">
                  <c:v>0.48686206464446646</c:v>
                </c:pt>
                <c:pt idx="501">
                  <c:v>0.42404115307743856</c:v>
                </c:pt>
                <c:pt idx="502">
                  <c:v>0.42404115307743856</c:v>
                </c:pt>
                <c:pt idx="503">
                  <c:v>0.42404115307743856</c:v>
                </c:pt>
                <c:pt idx="504">
                  <c:v>0.26669028835087877</c:v>
                </c:pt>
                <c:pt idx="505">
                  <c:v>0.26669028835087877</c:v>
                </c:pt>
                <c:pt idx="506">
                  <c:v>0.26669028835087877</c:v>
                </c:pt>
                <c:pt idx="507">
                  <c:v>0.26669028835087877</c:v>
                </c:pt>
                <c:pt idx="508">
                  <c:v>0.26669028835087877</c:v>
                </c:pt>
                <c:pt idx="509">
                  <c:v>1.1556579161871414</c:v>
                </c:pt>
                <c:pt idx="510">
                  <c:v>1.3112272510584875</c:v>
                </c:pt>
                <c:pt idx="511">
                  <c:v>1.3112272510584875</c:v>
                </c:pt>
                <c:pt idx="512">
                  <c:v>1.3112272510584875</c:v>
                </c:pt>
                <c:pt idx="513">
                  <c:v>1.4001240138421138</c:v>
                </c:pt>
                <c:pt idx="514">
                  <c:v>1.4001240138421138</c:v>
                </c:pt>
                <c:pt idx="515">
                  <c:v>1.7779352556725254</c:v>
                </c:pt>
                <c:pt idx="516">
                  <c:v>1.7779352556725254</c:v>
                </c:pt>
                <c:pt idx="517">
                  <c:v>1.1778821068830481</c:v>
                </c:pt>
                <c:pt idx="518">
                  <c:v>1.7779352556725254</c:v>
                </c:pt>
                <c:pt idx="519">
                  <c:v>1.7779352556725254</c:v>
                </c:pt>
                <c:pt idx="520">
                  <c:v>1.7779352556725254</c:v>
                </c:pt>
                <c:pt idx="521">
                  <c:v>1.7779352556725254</c:v>
                </c:pt>
                <c:pt idx="522">
                  <c:v>1.7779352556725254</c:v>
                </c:pt>
                <c:pt idx="523">
                  <c:v>1.48902077662574</c:v>
                </c:pt>
                <c:pt idx="524">
                  <c:v>1.2223304882748609</c:v>
                </c:pt>
                <c:pt idx="525">
                  <c:v>0.88896762783626271</c:v>
                </c:pt>
                <c:pt idx="526">
                  <c:v>0.84451924644444942</c:v>
                </c:pt>
                <c:pt idx="527">
                  <c:v>0.84451924644444942</c:v>
                </c:pt>
                <c:pt idx="528">
                  <c:v>0.75427405638812595</c:v>
                </c:pt>
                <c:pt idx="529">
                  <c:v>0.75427405638812595</c:v>
                </c:pt>
                <c:pt idx="530">
                  <c:v>0.75427405638812595</c:v>
                </c:pt>
                <c:pt idx="531">
                  <c:v>0.75427405638812595</c:v>
                </c:pt>
                <c:pt idx="532">
                  <c:v>0.75427405638812595</c:v>
                </c:pt>
                <c:pt idx="533">
                  <c:v>0.98055627330456352</c:v>
                </c:pt>
                <c:pt idx="534">
                  <c:v>1.0936973817627824</c:v>
                </c:pt>
                <c:pt idx="535">
                  <c:v>1.1314110845821888</c:v>
                </c:pt>
                <c:pt idx="536">
                  <c:v>1.1314110845821888</c:v>
                </c:pt>
                <c:pt idx="537">
                  <c:v>1.2256953416307044</c:v>
                </c:pt>
                <c:pt idx="538">
                  <c:v>1.2822658958598139</c:v>
                </c:pt>
                <c:pt idx="539">
                  <c:v>1.5085481127762519</c:v>
                </c:pt>
                <c:pt idx="540">
                  <c:v>1.5085481127762519</c:v>
                </c:pt>
                <c:pt idx="541">
                  <c:v>1.5085481127762519</c:v>
                </c:pt>
                <c:pt idx="542">
                  <c:v>1.5085481127762519</c:v>
                </c:pt>
                <c:pt idx="543">
                  <c:v>1.5085481127762519</c:v>
                </c:pt>
                <c:pt idx="544">
                  <c:v>1.5085481127762519</c:v>
                </c:pt>
                <c:pt idx="545">
                  <c:v>1.5085481127762519</c:v>
                </c:pt>
                <c:pt idx="546">
                  <c:v>1.5085481127762519</c:v>
                </c:pt>
                <c:pt idx="547">
                  <c:v>1.2634090444501107</c:v>
                </c:pt>
                <c:pt idx="548">
                  <c:v>1.0371268275336731</c:v>
                </c:pt>
                <c:pt idx="549">
                  <c:v>0.75427405638812595</c:v>
                </c:pt>
                <c:pt idx="550">
                  <c:v>0.75427405638812595</c:v>
                </c:pt>
                <c:pt idx="551">
                  <c:v>0.75427405638812595</c:v>
                </c:pt>
                <c:pt idx="552">
                  <c:v>0.66309514138264403</c:v>
                </c:pt>
                <c:pt idx="553">
                  <c:v>0.74598203405547436</c:v>
                </c:pt>
                <c:pt idx="554">
                  <c:v>0.74598203405547436</c:v>
                </c:pt>
                <c:pt idx="555">
                  <c:v>0.74598203405547436</c:v>
                </c:pt>
                <c:pt idx="556">
                  <c:v>0.74598203405547436</c:v>
                </c:pt>
                <c:pt idx="557">
                  <c:v>0.96148795500483364</c:v>
                </c:pt>
                <c:pt idx="558">
                  <c:v>1.1106843618159286</c:v>
                </c:pt>
                <c:pt idx="559">
                  <c:v>1.1106843618159286</c:v>
                </c:pt>
                <c:pt idx="560">
                  <c:v>1.1106843618159286</c:v>
                </c:pt>
                <c:pt idx="561">
                  <c:v>1.1935712544887591</c:v>
                </c:pt>
                <c:pt idx="562">
                  <c:v>1.2930355256961557</c:v>
                </c:pt>
                <c:pt idx="563">
                  <c:v>1.4919640681109487</c:v>
                </c:pt>
                <c:pt idx="564">
                  <c:v>1.4919640681109487</c:v>
                </c:pt>
                <c:pt idx="565">
                  <c:v>1.4919640681109487</c:v>
                </c:pt>
                <c:pt idx="566">
                  <c:v>1.4919640681109487</c:v>
                </c:pt>
                <c:pt idx="567">
                  <c:v>1.4919640681109487</c:v>
                </c:pt>
                <c:pt idx="568">
                  <c:v>1.4919640681109487</c:v>
                </c:pt>
                <c:pt idx="569">
                  <c:v>1.4919640681109487</c:v>
                </c:pt>
                <c:pt idx="570">
                  <c:v>1.4919640681109487</c:v>
                </c:pt>
                <c:pt idx="571">
                  <c:v>1.2433033900924573</c:v>
                </c:pt>
                <c:pt idx="572">
                  <c:v>0.99464271207396582</c:v>
                </c:pt>
                <c:pt idx="573">
                  <c:v>0.74598203405547436</c:v>
                </c:pt>
                <c:pt idx="574">
                  <c:v>0.74598203405547436</c:v>
                </c:pt>
                <c:pt idx="575">
                  <c:v>0.74598203405547436</c:v>
                </c:pt>
                <c:pt idx="576">
                  <c:v>0.73646669816575272</c:v>
                </c:pt>
                <c:pt idx="577">
                  <c:v>0.73646669816575272</c:v>
                </c:pt>
                <c:pt idx="578">
                  <c:v>0.73646669816575272</c:v>
                </c:pt>
                <c:pt idx="579">
                  <c:v>0.73646669816575272</c:v>
                </c:pt>
                <c:pt idx="580">
                  <c:v>0.73646669816575272</c:v>
                </c:pt>
                <c:pt idx="581">
                  <c:v>0.94922374430252576</c:v>
                </c:pt>
                <c:pt idx="582">
                  <c:v>1.0965170839356764</c:v>
                </c:pt>
                <c:pt idx="583">
                  <c:v>1.0965170839356764</c:v>
                </c:pt>
                <c:pt idx="584">
                  <c:v>1.0965170839356764</c:v>
                </c:pt>
                <c:pt idx="585">
                  <c:v>1.1783467170652044</c:v>
                </c:pt>
                <c:pt idx="586">
                  <c:v>1.2765422768206383</c:v>
                </c:pt>
                <c:pt idx="587">
                  <c:v>1.4729333963315054</c:v>
                </c:pt>
                <c:pt idx="588">
                  <c:v>1.4729333963315054</c:v>
                </c:pt>
                <c:pt idx="589">
                  <c:v>1.4729333963315054</c:v>
                </c:pt>
                <c:pt idx="590">
                  <c:v>1.4729333963315054</c:v>
                </c:pt>
                <c:pt idx="591">
                  <c:v>1.4729333963315054</c:v>
                </c:pt>
                <c:pt idx="592">
                  <c:v>1.4729333963315054</c:v>
                </c:pt>
                <c:pt idx="593">
                  <c:v>1.4729333963315054</c:v>
                </c:pt>
                <c:pt idx="594">
                  <c:v>1.4729333963315054</c:v>
                </c:pt>
                <c:pt idx="595">
                  <c:v>1.2274444969429212</c:v>
                </c:pt>
                <c:pt idx="596">
                  <c:v>0.98195559755433703</c:v>
                </c:pt>
                <c:pt idx="597">
                  <c:v>0.73646669816575272</c:v>
                </c:pt>
                <c:pt idx="598">
                  <c:v>0.73646669816575272</c:v>
                </c:pt>
                <c:pt idx="599">
                  <c:v>0.73646669816575272</c:v>
                </c:pt>
                <c:pt idx="600">
                  <c:v>0.83900417473910882</c:v>
                </c:pt>
                <c:pt idx="601">
                  <c:v>0.83900417473910882</c:v>
                </c:pt>
                <c:pt idx="602">
                  <c:v>0.83900417473910882</c:v>
                </c:pt>
                <c:pt idx="603">
                  <c:v>0.83900417473910882</c:v>
                </c:pt>
                <c:pt idx="604">
                  <c:v>0.83900417473910882</c:v>
                </c:pt>
                <c:pt idx="605">
                  <c:v>1.0813831585526292</c:v>
                </c:pt>
                <c:pt idx="606">
                  <c:v>1.3051176051497251</c:v>
                </c:pt>
                <c:pt idx="607">
                  <c:v>1.3051176051497251</c:v>
                </c:pt>
                <c:pt idx="608">
                  <c:v>1.3051176051497251</c:v>
                </c:pt>
                <c:pt idx="609">
                  <c:v>1.3983402912318483</c:v>
                </c:pt>
                <c:pt idx="610">
                  <c:v>1.4542739028811222</c:v>
                </c:pt>
                <c:pt idx="611">
                  <c:v>1.6780083494782176</c:v>
                </c:pt>
                <c:pt idx="612">
                  <c:v>1.6780083494782176</c:v>
                </c:pt>
                <c:pt idx="613">
                  <c:v>1.6780083494782176</c:v>
                </c:pt>
                <c:pt idx="614">
                  <c:v>1.6780083494782176</c:v>
                </c:pt>
                <c:pt idx="615">
                  <c:v>1.3983402912318483</c:v>
                </c:pt>
                <c:pt idx="616">
                  <c:v>1.3237621423661499</c:v>
                </c:pt>
                <c:pt idx="617">
                  <c:v>1.3237621423661499</c:v>
                </c:pt>
                <c:pt idx="618">
                  <c:v>1.3237621423661499</c:v>
                </c:pt>
                <c:pt idx="619">
                  <c:v>1.3237621423661499</c:v>
                </c:pt>
                <c:pt idx="620">
                  <c:v>1.0254495469033553</c:v>
                </c:pt>
                <c:pt idx="621">
                  <c:v>0.39153528154491751</c:v>
                </c:pt>
                <c:pt idx="622">
                  <c:v>0.39153528154491751</c:v>
                </c:pt>
                <c:pt idx="623">
                  <c:v>0.39153528154491751</c:v>
                </c:pt>
                <c:pt idx="624">
                  <c:v>0.27666845932636103</c:v>
                </c:pt>
                <c:pt idx="625">
                  <c:v>0.54016223011337161</c:v>
                </c:pt>
                <c:pt idx="626">
                  <c:v>0.54016223011337161</c:v>
                </c:pt>
                <c:pt idx="627">
                  <c:v>0.54016223011337161</c:v>
                </c:pt>
                <c:pt idx="628">
                  <c:v>0.54016223011337161</c:v>
                </c:pt>
                <c:pt idx="629">
                  <c:v>0.67190911550687682</c:v>
                </c:pt>
                <c:pt idx="630">
                  <c:v>0.84318006651843358</c:v>
                </c:pt>
                <c:pt idx="631">
                  <c:v>0.96175226337258835</c:v>
                </c:pt>
                <c:pt idx="632">
                  <c:v>0.96175226337258835</c:v>
                </c:pt>
                <c:pt idx="633">
                  <c:v>0.96175226337258835</c:v>
                </c:pt>
                <c:pt idx="634">
                  <c:v>0.96175226337258835</c:v>
                </c:pt>
                <c:pt idx="635">
                  <c:v>0.96175226337258835</c:v>
                </c:pt>
                <c:pt idx="636">
                  <c:v>0.96175226337258835</c:v>
                </c:pt>
                <c:pt idx="637">
                  <c:v>0.96175226337258835</c:v>
                </c:pt>
                <c:pt idx="638">
                  <c:v>0.96175226337258835</c:v>
                </c:pt>
                <c:pt idx="639">
                  <c:v>0.86952944359713469</c:v>
                </c:pt>
                <c:pt idx="640">
                  <c:v>0.79048131236103159</c:v>
                </c:pt>
                <c:pt idx="641">
                  <c:v>0.71143318112492848</c:v>
                </c:pt>
                <c:pt idx="642">
                  <c:v>0.68508380404622715</c:v>
                </c:pt>
                <c:pt idx="643">
                  <c:v>0.55333691865272205</c:v>
                </c:pt>
                <c:pt idx="644">
                  <c:v>0.40841534471986629</c:v>
                </c:pt>
                <c:pt idx="645">
                  <c:v>0.40841534471986629</c:v>
                </c:pt>
                <c:pt idx="646">
                  <c:v>0.40841534471986629</c:v>
                </c:pt>
                <c:pt idx="647">
                  <c:v>0.40841534471986629</c:v>
                </c:pt>
                <c:pt idx="648">
                  <c:v>0.45769192370059564</c:v>
                </c:pt>
                <c:pt idx="649">
                  <c:v>0.5315132017168207</c:v>
                </c:pt>
                <c:pt idx="650">
                  <c:v>0.5315132017168207</c:v>
                </c:pt>
                <c:pt idx="651">
                  <c:v>0.5315132017168207</c:v>
                </c:pt>
                <c:pt idx="652">
                  <c:v>0.5315132017168207</c:v>
                </c:pt>
                <c:pt idx="653">
                  <c:v>0.66439150214602594</c:v>
                </c:pt>
                <c:pt idx="654">
                  <c:v>0.78250554697198604</c:v>
                </c:pt>
                <c:pt idx="655">
                  <c:v>0.9301481030044364</c:v>
                </c:pt>
                <c:pt idx="656">
                  <c:v>0.9301481030044364</c:v>
                </c:pt>
                <c:pt idx="657">
                  <c:v>0.9301481030044364</c:v>
                </c:pt>
                <c:pt idx="658">
                  <c:v>0.9301481030044364</c:v>
                </c:pt>
                <c:pt idx="659">
                  <c:v>0.9301481030044364</c:v>
                </c:pt>
                <c:pt idx="660">
                  <c:v>0.9301481030044364</c:v>
                </c:pt>
                <c:pt idx="661">
                  <c:v>0.9301481030044364</c:v>
                </c:pt>
                <c:pt idx="662">
                  <c:v>0.9301481030044364</c:v>
                </c:pt>
                <c:pt idx="663">
                  <c:v>0.82679831378172108</c:v>
                </c:pt>
                <c:pt idx="664">
                  <c:v>0.81203405817847607</c:v>
                </c:pt>
                <c:pt idx="665">
                  <c:v>0.69392001335251596</c:v>
                </c:pt>
                <c:pt idx="666">
                  <c:v>0.64962724654278092</c:v>
                </c:pt>
                <c:pt idx="667">
                  <c:v>0.54627745732006572</c:v>
                </c:pt>
                <c:pt idx="668">
                  <c:v>0.45769192370059564</c:v>
                </c:pt>
                <c:pt idx="669">
                  <c:v>0.39863490128761558</c:v>
                </c:pt>
                <c:pt idx="670">
                  <c:v>0.39863490128761558</c:v>
                </c:pt>
                <c:pt idx="671">
                  <c:v>0.39863490128761558</c:v>
                </c:pt>
                <c:pt idx="672">
                  <c:v>0.25809992756350908</c:v>
                </c:pt>
                <c:pt idx="673">
                  <c:v>0.25809992756350908</c:v>
                </c:pt>
                <c:pt idx="674">
                  <c:v>0.25809992756350908</c:v>
                </c:pt>
                <c:pt idx="675">
                  <c:v>0.25809992756350908</c:v>
                </c:pt>
                <c:pt idx="676">
                  <c:v>0.25809992756350908</c:v>
                </c:pt>
                <c:pt idx="677">
                  <c:v>1.1184330194418728</c:v>
                </c:pt>
                <c:pt idx="678">
                  <c:v>1.2689913105205866</c:v>
                </c:pt>
                <c:pt idx="679">
                  <c:v>1.2689913105205866</c:v>
                </c:pt>
                <c:pt idx="680">
                  <c:v>1.2689913105205866</c:v>
                </c:pt>
                <c:pt idx="681">
                  <c:v>1.3550246197084228</c:v>
                </c:pt>
                <c:pt idx="682">
                  <c:v>1.3550246197084228</c:v>
                </c:pt>
                <c:pt idx="683">
                  <c:v>1.7206661837567276</c:v>
                </c:pt>
                <c:pt idx="684">
                  <c:v>1.7206661837567276</c:v>
                </c:pt>
                <c:pt idx="685">
                  <c:v>1.139941346738832</c:v>
                </c:pt>
                <c:pt idx="686">
                  <c:v>1.7206661837567276</c:v>
                </c:pt>
                <c:pt idx="687">
                  <c:v>1.7206661837567276</c:v>
                </c:pt>
                <c:pt idx="688">
                  <c:v>1.7206661837567276</c:v>
                </c:pt>
                <c:pt idx="689">
                  <c:v>1.7206661837567276</c:v>
                </c:pt>
                <c:pt idx="690">
                  <c:v>1.7206661837567276</c:v>
                </c:pt>
                <c:pt idx="691">
                  <c:v>1.4410579288962593</c:v>
                </c:pt>
                <c:pt idx="692">
                  <c:v>1.1829580013327501</c:v>
                </c:pt>
                <c:pt idx="693">
                  <c:v>0.86033309187836382</c:v>
                </c:pt>
                <c:pt idx="694">
                  <c:v>0.81731643728444547</c:v>
                </c:pt>
                <c:pt idx="695">
                  <c:v>0.81731643728444547</c:v>
                </c:pt>
                <c:pt idx="696">
                  <c:v>0.75754636032312028</c:v>
                </c:pt>
                <c:pt idx="697">
                  <c:v>0.75754636032312028</c:v>
                </c:pt>
                <c:pt idx="698">
                  <c:v>0.75754636032312028</c:v>
                </c:pt>
                <c:pt idx="699">
                  <c:v>0.75754636032312028</c:v>
                </c:pt>
                <c:pt idx="700">
                  <c:v>0.75754636032312028</c:v>
                </c:pt>
                <c:pt idx="701">
                  <c:v>0.98481026842005637</c:v>
                </c:pt>
                <c:pt idx="702">
                  <c:v>1.0984422224685246</c:v>
                </c:pt>
                <c:pt idx="703">
                  <c:v>1.1363195404846804</c:v>
                </c:pt>
                <c:pt idx="704">
                  <c:v>1.1363195404846804</c:v>
                </c:pt>
                <c:pt idx="705">
                  <c:v>1.2310128355250705</c:v>
                </c:pt>
                <c:pt idx="706">
                  <c:v>1.2878288125493045</c:v>
                </c:pt>
                <c:pt idx="707">
                  <c:v>1.5150927206462406</c:v>
                </c:pt>
                <c:pt idx="708">
                  <c:v>1.5150927206462406</c:v>
                </c:pt>
                <c:pt idx="709">
                  <c:v>1.5150927206462406</c:v>
                </c:pt>
                <c:pt idx="710">
                  <c:v>1.5150927206462406</c:v>
                </c:pt>
                <c:pt idx="711">
                  <c:v>1.5150927206462406</c:v>
                </c:pt>
                <c:pt idx="712">
                  <c:v>1.5150927206462406</c:v>
                </c:pt>
                <c:pt idx="713">
                  <c:v>1.5150927206462406</c:v>
                </c:pt>
                <c:pt idx="714">
                  <c:v>1.5150927206462406</c:v>
                </c:pt>
                <c:pt idx="715">
                  <c:v>1.2688901535412267</c:v>
                </c:pt>
                <c:pt idx="716">
                  <c:v>1.0416262454442904</c:v>
                </c:pt>
                <c:pt idx="717">
                  <c:v>0.75754636032312028</c:v>
                </c:pt>
                <c:pt idx="718">
                  <c:v>0.75754636032312028</c:v>
                </c:pt>
                <c:pt idx="719">
                  <c:v>0.75754636032312028</c:v>
                </c:pt>
                <c:pt idx="720">
                  <c:v>0.71114995412224113</c:v>
                </c:pt>
                <c:pt idx="721">
                  <c:v>0.80004369838752132</c:v>
                </c:pt>
                <c:pt idx="722">
                  <c:v>0.80004369838752132</c:v>
                </c:pt>
                <c:pt idx="723">
                  <c:v>0.80004369838752132</c:v>
                </c:pt>
                <c:pt idx="724">
                  <c:v>0.80004369838752132</c:v>
                </c:pt>
                <c:pt idx="725">
                  <c:v>1.0311674334772496</c:v>
                </c:pt>
                <c:pt idx="726">
                  <c:v>1.1911761731547539</c:v>
                </c:pt>
                <c:pt idx="727">
                  <c:v>1.1911761731547539</c:v>
                </c:pt>
                <c:pt idx="728">
                  <c:v>1.1911761731547539</c:v>
                </c:pt>
                <c:pt idx="729">
                  <c:v>1.2800699174200341</c:v>
                </c:pt>
                <c:pt idx="730">
                  <c:v>1.3867424105383701</c:v>
                </c:pt>
                <c:pt idx="731">
                  <c:v>1.6000873967750426</c:v>
                </c:pt>
                <c:pt idx="732">
                  <c:v>1.6000873967750426</c:v>
                </c:pt>
                <c:pt idx="733">
                  <c:v>1.6000873967750426</c:v>
                </c:pt>
                <c:pt idx="734">
                  <c:v>1.6000873967750426</c:v>
                </c:pt>
                <c:pt idx="735">
                  <c:v>1.6000873967750426</c:v>
                </c:pt>
                <c:pt idx="736">
                  <c:v>1.6000873967750426</c:v>
                </c:pt>
                <c:pt idx="737">
                  <c:v>1.6000873967750426</c:v>
                </c:pt>
                <c:pt idx="738">
                  <c:v>1.6000873967750426</c:v>
                </c:pt>
                <c:pt idx="739">
                  <c:v>1.3334061639792023</c:v>
                </c:pt>
                <c:pt idx="740">
                  <c:v>1.066724931183362</c:v>
                </c:pt>
                <c:pt idx="741">
                  <c:v>0.80004369838752132</c:v>
                </c:pt>
                <c:pt idx="742">
                  <c:v>0.80004369838752132</c:v>
                </c:pt>
                <c:pt idx="743">
                  <c:v>0.80004369838752132</c:v>
                </c:pt>
                <c:pt idx="744">
                  <c:v>0.83573447084023766</c:v>
                </c:pt>
                <c:pt idx="745">
                  <c:v>0.83573447084023766</c:v>
                </c:pt>
                <c:pt idx="746">
                  <c:v>0.83573447084023766</c:v>
                </c:pt>
                <c:pt idx="747">
                  <c:v>0.83573447084023766</c:v>
                </c:pt>
                <c:pt idx="748">
                  <c:v>0.83573447084023766</c:v>
                </c:pt>
                <c:pt idx="749">
                  <c:v>1.0771688735274172</c:v>
                </c:pt>
                <c:pt idx="750">
                  <c:v>1.2443157676954648</c:v>
                </c:pt>
                <c:pt idx="751">
                  <c:v>1.2443157676954648</c:v>
                </c:pt>
                <c:pt idx="752">
                  <c:v>1.2443157676954648</c:v>
                </c:pt>
                <c:pt idx="753">
                  <c:v>1.3371751533443801</c:v>
                </c:pt>
                <c:pt idx="754">
                  <c:v>1.4486064161230785</c:v>
                </c:pt>
                <c:pt idx="755">
                  <c:v>1.6714689416804753</c:v>
                </c:pt>
                <c:pt idx="756">
                  <c:v>1.6714689416804753</c:v>
                </c:pt>
                <c:pt idx="757">
                  <c:v>1.6714689416804753</c:v>
                </c:pt>
                <c:pt idx="758">
                  <c:v>1.6714689416804753</c:v>
                </c:pt>
                <c:pt idx="759">
                  <c:v>1.6714689416804753</c:v>
                </c:pt>
                <c:pt idx="760">
                  <c:v>1.6714689416804753</c:v>
                </c:pt>
                <c:pt idx="761">
                  <c:v>1.6714689416804753</c:v>
                </c:pt>
                <c:pt idx="762">
                  <c:v>1.6714689416804753</c:v>
                </c:pt>
                <c:pt idx="763">
                  <c:v>1.3928907847337291</c:v>
                </c:pt>
                <c:pt idx="764">
                  <c:v>1.1143126277869835</c:v>
                </c:pt>
                <c:pt idx="765">
                  <c:v>0.83573447084023766</c:v>
                </c:pt>
                <c:pt idx="766">
                  <c:v>0.83573447084023766</c:v>
                </c:pt>
                <c:pt idx="767">
                  <c:v>0.83573447084023766</c:v>
                </c:pt>
                <c:pt idx="768">
                  <c:v>0.87709911388491035</c:v>
                </c:pt>
                <c:pt idx="769">
                  <c:v>0.87709911388491035</c:v>
                </c:pt>
                <c:pt idx="770">
                  <c:v>0.87709911388491035</c:v>
                </c:pt>
                <c:pt idx="771">
                  <c:v>0.87709911388491035</c:v>
                </c:pt>
                <c:pt idx="772">
                  <c:v>0.87709911388491035</c:v>
                </c:pt>
                <c:pt idx="773">
                  <c:v>1.1304833023405514</c:v>
                </c:pt>
                <c:pt idx="774">
                  <c:v>1.3643763993765277</c:v>
                </c:pt>
                <c:pt idx="775">
                  <c:v>1.3643763993765277</c:v>
                </c:pt>
                <c:pt idx="776">
                  <c:v>1.3643763993765277</c:v>
                </c:pt>
                <c:pt idx="777">
                  <c:v>1.4618318564748511</c:v>
                </c:pt>
                <c:pt idx="778">
                  <c:v>1.5203051307338449</c:v>
                </c:pt>
                <c:pt idx="779">
                  <c:v>1.7541982277698207</c:v>
                </c:pt>
                <c:pt idx="780">
                  <c:v>1.7541982277698207</c:v>
                </c:pt>
                <c:pt idx="781">
                  <c:v>1.7541982277698207</c:v>
                </c:pt>
                <c:pt idx="782">
                  <c:v>1.7541982277698207</c:v>
                </c:pt>
                <c:pt idx="783">
                  <c:v>1.4618318564748511</c:v>
                </c:pt>
                <c:pt idx="784">
                  <c:v>1.3838674907961923</c:v>
                </c:pt>
                <c:pt idx="785">
                  <c:v>1.3838674907961923</c:v>
                </c:pt>
                <c:pt idx="786">
                  <c:v>1.3838674907961923</c:v>
                </c:pt>
                <c:pt idx="787">
                  <c:v>1.3838674907961923</c:v>
                </c:pt>
                <c:pt idx="788">
                  <c:v>1.0720100280815572</c:v>
                </c:pt>
                <c:pt idx="789">
                  <c:v>0.40931291981295825</c:v>
                </c:pt>
                <c:pt idx="790">
                  <c:v>0.40931291981295825</c:v>
                </c:pt>
                <c:pt idx="791">
                  <c:v>0.40931291981295825</c:v>
                </c:pt>
                <c:pt idx="792">
                  <c:v>0.32110114143038621</c:v>
                </c:pt>
                <c:pt idx="793">
                  <c:v>0.62691175231646834</c:v>
                </c:pt>
                <c:pt idx="794">
                  <c:v>0.62691175231646834</c:v>
                </c:pt>
                <c:pt idx="795">
                  <c:v>0.62691175231646834</c:v>
                </c:pt>
                <c:pt idx="796">
                  <c:v>0.62691175231646834</c:v>
                </c:pt>
                <c:pt idx="797">
                  <c:v>0.77981705775950949</c:v>
                </c:pt>
                <c:pt idx="798">
                  <c:v>0.97859395483546274</c:v>
                </c:pt>
                <c:pt idx="799">
                  <c:v>1.1162087297341996</c:v>
                </c:pt>
                <c:pt idx="800">
                  <c:v>1.1162087297341996</c:v>
                </c:pt>
                <c:pt idx="801">
                  <c:v>1.1162087297341996</c:v>
                </c:pt>
                <c:pt idx="802">
                  <c:v>1.1162087297341996</c:v>
                </c:pt>
                <c:pt idx="803">
                  <c:v>1.1162087297341996</c:v>
                </c:pt>
                <c:pt idx="804">
                  <c:v>1.1162087297341996</c:v>
                </c:pt>
                <c:pt idx="805">
                  <c:v>1.1162087297341996</c:v>
                </c:pt>
                <c:pt idx="806">
                  <c:v>1.1162087297341996</c:v>
                </c:pt>
                <c:pt idx="807">
                  <c:v>1.0091750159240711</c:v>
                </c:pt>
                <c:pt idx="808">
                  <c:v>0.91743183265824635</c:v>
                </c:pt>
                <c:pt idx="809">
                  <c:v>0.82568864939242181</c:v>
                </c:pt>
                <c:pt idx="810">
                  <c:v>0.79510758830381356</c:v>
                </c:pt>
                <c:pt idx="811">
                  <c:v>0.64220228286077241</c:v>
                </c:pt>
                <c:pt idx="812">
                  <c:v>0.47400644687342725</c:v>
                </c:pt>
                <c:pt idx="813">
                  <c:v>0.47400644687342725</c:v>
                </c:pt>
                <c:pt idx="814">
                  <c:v>0.47400644687342725</c:v>
                </c:pt>
                <c:pt idx="815">
                  <c:v>0.47400644687342725</c:v>
                </c:pt>
                <c:pt idx="816">
                  <c:v>0.54196121976066691</c:v>
                </c:pt>
                <c:pt idx="817">
                  <c:v>0.62937431972206492</c:v>
                </c:pt>
                <c:pt idx="818">
                  <c:v>0.62937431972206492</c:v>
                </c:pt>
                <c:pt idx="819">
                  <c:v>0.62937431972206492</c:v>
                </c:pt>
                <c:pt idx="820">
                  <c:v>0.62937431972206492</c:v>
                </c:pt>
                <c:pt idx="821">
                  <c:v>0.78671789965258099</c:v>
                </c:pt>
                <c:pt idx="822">
                  <c:v>0.92657885959081776</c:v>
                </c:pt>
                <c:pt idx="823">
                  <c:v>1.1014050595136136</c:v>
                </c:pt>
                <c:pt idx="824">
                  <c:v>1.1014050595136136</c:v>
                </c:pt>
                <c:pt idx="825">
                  <c:v>1.1014050595136136</c:v>
                </c:pt>
                <c:pt idx="826">
                  <c:v>1.1014050595136136</c:v>
                </c:pt>
                <c:pt idx="827">
                  <c:v>1.1014050595136136</c:v>
                </c:pt>
                <c:pt idx="828">
                  <c:v>1.1014050595136136</c:v>
                </c:pt>
                <c:pt idx="829">
                  <c:v>1.1014050595136136</c:v>
                </c:pt>
                <c:pt idx="830">
                  <c:v>1.1014050595136136</c:v>
                </c:pt>
                <c:pt idx="831">
                  <c:v>0.97902671956765652</c:v>
                </c:pt>
                <c:pt idx="832">
                  <c:v>0.96154409957537679</c:v>
                </c:pt>
                <c:pt idx="833">
                  <c:v>0.82168313963714024</c:v>
                </c:pt>
                <c:pt idx="834">
                  <c:v>0.76923527966030147</c:v>
                </c:pt>
                <c:pt idx="835">
                  <c:v>0.64685693971434444</c:v>
                </c:pt>
                <c:pt idx="836">
                  <c:v>0.54196121976066691</c:v>
                </c:pt>
                <c:pt idx="837">
                  <c:v>0.47203073979154869</c:v>
                </c:pt>
                <c:pt idx="838">
                  <c:v>0.47203073979154869</c:v>
                </c:pt>
                <c:pt idx="839">
                  <c:v>0.47203073979154869</c:v>
                </c:pt>
                <c:pt idx="840">
                  <c:v>0.26016453448514432</c:v>
                </c:pt>
                <c:pt idx="841">
                  <c:v>0.26016453448514432</c:v>
                </c:pt>
                <c:pt idx="842">
                  <c:v>0.26016453448514432</c:v>
                </c:pt>
                <c:pt idx="843">
                  <c:v>0.26016453448514432</c:v>
                </c:pt>
                <c:pt idx="844">
                  <c:v>0.26016453448514432</c:v>
                </c:pt>
                <c:pt idx="845">
                  <c:v>1.1273796494356254</c:v>
                </c:pt>
                <c:pt idx="846">
                  <c:v>1.2791422945519595</c:v>
                </c:pt>
                <c:pt idx="847">
                  <c:v>1.2791422945519595</c:v>
                </c:pt>
                <c:pt idx="848">
                  <c:v>1.2791422945519595</c:v>
                </c:pt>
                <c:pt idx="849">
                  <c:v>1.3658638060470076</c:v>
                </c:pt>
                <c:pt idx="850">
                  <c:v>1.3658638060470076</c:v>
                </c:pt>
                <c:pt idx="851">
                  <c:v>1.734430229900962</c:v>
                </c:pt>
                <c:pt idx="852">
                  <c:v>1.734430229900962</c:v>
                </c:pt>
                <c:pt idx="853">
                  <c:v>1.1490600273093872</c:v>
                </c:pt>
                <c:pt idx="854">
                  <c:v>1.734430229900962</c:v>
                </c:pt>
                <c:pt idx="855">
                  <c:v>1.734430229900962</c:v>
                </c:pt>
                <c:pt idx="856">
                  <c:v>1.734430229900962</c:v>
                </c:pt>
                <c:pt idx="857">
                  <c:v>1.734430229900962</c:v>
                </c:pt>
                <c:pt idx="858">
                  <c:v>1.734430229900962</c:v>
                </c:pt>
                <c:pt idx="859">
                  <c:v>1.4525853175420558</c:v>
                </c:pt>
                <c:pt idx="860">
                  <c:v>1.1924207830569111</c:v>
                </c:pt>
                <c:pt idx="861">
                  <c:v>0.86721511495048098</c:v>
                </c:pt>
                <c:pt idx="862">
                  <c:v>0.82385435920295691</c:v>
                </c:pt>
                <c:pt idx="863">
                  <c:v>0.82385435920295691</c:v>
                </c:pt>
                <c:pt idx="864">
                  <c:v>0.75066836771003864</c:v>
                </c:pt>
                <c:pt idx="865">
                  <c:v>0.75066836771003864</c:v>
                </c:pt>
                <c:pt idx="866">
                  <c:v>0.75066836771003864</c:v>
                </c:pt>
                <c:pt idx="867">
                  <c:v>0.75066836771003864</c:v>
                </c:pt>
                <c:pt idx="868">
                  <c:v>0.75066836771003864</c:v>
                </c:pt>
                <c:pt idx="869">
                  <c:v>0.97586887802305022</c:v>
                </c:pt>
                <c:pt idx="870">
                  <c:v>1.088469133179556</c:v>
                </c:pt>
                <c:pt idx="871">
                  <c:v>1.126002551565058</c:v>
                </c:pt>
                <c:pt idx="872">
                  <c:v>1.126002551565058</c:v>
                </c:pt>
                <c:pt idx="873">
                  <c:v>1.2198360975288125</c:v>
                </c:pt>
                <c:pt idx="874">
                  <c:v>1.2761362251070656</c:v>
                </c:pt>
                <c:pt idx="875">
                  <c:v>1.5013367354200773</c:v>
                </c:pt>
                <c:pt idx="876">
                  <c:v>1.5013367354200773</c:v>
                </c:pt>
                <c:pt idx="877">
                  <c:v>1.5013367354200773</c:v>
                </c:pt>
                <c:pt idx="878">
                  <c:v>1.5013367354200773</c:v>
                </c:pt>
                <c:pt idx="879">
                  <c:v>1.5013367354200773</c:v>
                </c:pt>
                <c:pt idx="880">
                  <c:v>1.5013367354200773</c:v>
                </c:pt>
                <c:pt idx="881">
                  <c:v>1.5013367354200773</c:v>
                </c:pt>
                <c:pt idx="882">
                  <c:v>1.5013367354200773</c:v>
                </c:pt>
                <c:pt idx="883">
                  <c:v>1.2573695159143146</c:v>
                </c:pt>
                <c:pt idx="884">
                  <c:v>1.0321690056013029</c:v>
                </c:pt>
                <c:pt idx="885">
                  <c:v>0.75066836771003864</c:v>
                </c:pt>
                <c:pt idx="886">
                  <c:v>0.75066836771003864</c:v>
                </c:pt>
                <c:pt idx="887">
                  <c:v>0.75066836771003864</c:v>
                </c:pt>
                <c:pt idx="888">
                  <c:v>0.67045096263362591</c:v>
                </c:pt>
                <c:pt idx="889">
                  <c:v>0.75425733296282915</c:v>
                </c:pt>
                <c:pt idx="890">
                  <c:v>0.75425733296282915</c:v>
                </c:pt>
                <c:pt idx="891">
                  <c:v>0.75425733296282915</c:v>
                </c:pt>
                <c:pt idx="892">
                  <c:v>0.75425733296282915</c:v>
                </c:pt>
                <c:pt idx="893">
                  <c:v>0.97215389581875766</c:v>
                </c:pt>
                <c:pt idx="894">
                  <c:v>1.1230053624113234</c:v>
                </c:pt>
                <c:pt idx="895">
                  <c:v>1.1230053624113234</c:v>
                </c:pt>
                <c:pt idx="896">
                  <c:v>1.1230053624113234</c:v>
                </c:pt>
                <c:pt idx="897">
                  <c:v>1.2068117327405268</c:v>
                </c:pt>
                <c:pt idx="898">
                  <c:v>1.3073793771355706</c:v>
                </c:pt>
                <c:pt idx="899">
                  <c:v>1.5085146659256583</c:v>
                </c:pt>
                <c:pt idx="900">
                  <c:v>1.5085146659256583</c:v>
                </c:pt>
                <c:pt idx="901">
                  <c:v>1.5085146659256583</c:v>
                </c:pt>
                <c:pt idx="902">
                  <c:v>1.5085146659256583</c:v>
                </c:pt>
                <c:pt idx="903">
                  <c:v>1.5085146659256583</c:v>
                </c:pt>
                <c:pt idx="904">
                  <c:v>1.5085146659256583</c:v>
                </c:pt>
                <c:pt idx="905">
                  <c:v>1.5085146659256583</c:v>
                </c:pt>
                <c:pt idx="906">
                  <c:v>1.5085146659256583</c:v>
                </c:pt>
                <c:pt idx="907">
                  <c:v>1.2570955549380485</c:v>
                </c:pt>
                <c:pt idx="908">
                  <c:v>1.0056764439504391</c:v>
                </c:pt>
                <c:pt idx="909">
                  <c:v>0.75425733296282915</c:v>
                </c:pt>
                <c:pt idx="910">
                  <c:v>0.75425733296282915</c:v>
                </c:pt>
                <c:pt idx="911">
                  <c:v>0.75425733296282915</c:v>
                </c:pt>
                <c:pt idx="912">
                  <c:v>0.73956038095462429</c:v>
                </c:pt>
                <c:pt idx="913">
                  <c:v>0.73956038095462429</c:v>
                </c:pt>
                <c:pt idx="914">
                  <c:v>0.73956038095462429</c:v>
                </c:pt>
                <c:pt idx="915">
                  <c:v>0.73956038095462429</c:v>
                </c:pt>
                <c:pt idx="916">
                  <c:v>0.73956038095462429</c:v>
                </c:pt>
                <c:pt idx="917">
                  <c:v>0.95321115767484921</c:v>
                </c:pt>
                <c:pt idx="918">
                  <c:v>1.1011232338657742</c:v>
                </c:pt>
                <c:pt idx="919">
                  <c:v>1.1011232338657742</c:v>
                </c:pt>
                <c:pt idx="920">
                  <c:v>1.1011232338657742</c:v>
                </c:pt>
                <c:pt idx="921">
                  <c:v>1.1832966095273991</c:v>
                </c:pt>
                <c:pt idx="922">
                  <c:v>1.2819046603213491</c:v>
                </c:pt>
                <c:pt idx="923">
                  <c:v>1.4791207619092486</c:v>
                </c:pt>
                <c:pt idx="924">
                  <c:v>1.4791207619092486</c:v>
                </c:pt>
                <c:pt idx="925">
                  <c:v>1.4791207619092486</c:v>
                </c:pt>
                <c:pt idx="926">
                  <c:v>1.4791207619092486</c:v>
                </c:pt>
                <c:pt idx="927">
                  <c:v>1.4791207619092486</c:v>
                </c:pt>
                <c:pt idx="928">
                  <c:v>1.4791207619092486</c:v>
                </c:pt>
                <c:pt idx="929">
                  <c:v>1.4791207619092486</c:v>
                </c:pt>
                <c:pt idx="930">
                  <c:v>1.4791207619092486</c:v>
                </c:pt>
                <c:pt idx="931">
                  <c:v>1.2326006349243741</c:v>
                </c:pt>
                <c:pt idx="932">
                  <c:v>0.9860805079394992</c:v>
                </c:pt>
                <c:pt idx="933">
                  <c:v>0.73956038095462429</c:v>
                </c:pt>
                <c:pt idx="934">
                  <c:v>0.73956038095462429</c:v>
                </c:pt>
                <c:pt idx="935">
                  <c:v>0.73956038095462429</c:v>
                </c:pt>
                <c:pt idx="936">
                  <c:v>0.84391965075792175</c:v>
                </c:pt>
                <c:pt idx="937">
                  <c:v>0.84391965075792175</c:v>
                </c:pt>
                <c:pt idx="938">
                  <c:v>0.84391965075792175</c:v>
                </c:pt>
                <c:pt idx="939">
                  <c:v>0.84391965075792175</c:v>
                </c:pt>
                <c:pt idx="940">
                  <c:v>0.84391965075792175</c:v>
                </c:pt>
                <c:pt idx="941">
                  <c:v>1.087718660976877</c:v>
                </c:pt>
                <c:pt idx="942">
                  <c:v>1.3127639011789896</c:v>
                </c:pt>
                <c:pt idx="943">
                  <c:v>1.3127639011789896</c:v>
                </c:pt>
                <c:pt idx="944">
                  <c:v>1.3127639011789896</c:v>
                </c:pt>
                <c:pt idx="945">
                  <c:v>1.4065327512632031</c:v>
                </c:pt>
                <c:pt idx="946">
                  <c:v>1.4627940613137309</c:v>
                </c:pt>
                <c:pt idx="947">
                  <c:v>1.6878393015158435</c:v>
                </c:pt>
                <c:pt idx="948">
                  <c:v>1.6878393015158435</c:v>
                </c:pt>
                <c:pt idx="949">
                  <c:v>1.6878393015158435</c:v>
                </c:pt>
                <c:pt idx="950">
                  <c:v>1.6878393015158435</c:v>
                </c:pt>
                <c:pt idx="951">
                  <c:v>1.4065327512632031</c:v>
                </c:pt>
                <c:pt idx="952">
                  <c:v>1.3315176711958323</c:v>
                </c:pt>
                <c:pt idx="953">
                  <c:v>1.3315176711958323</c:v>
                </c:pt>
                <c:pt idx="954">
                  <c:v>1.3315176711958323</c:v>
                </c:pt>
                <c:pt idx="955">
                  <c:v>1.3315176711958323</c:v>
                </c:pt>
                <c:pt idx="956">
                  <c:v>1.0314573509263487</c:v>
                </c:pt>
                <c:pt idx="957">
                  <c:v>0.39382917035369686</c:v>
                </c:pt>
                <c:pt idx="958">
                  <c:v>0.39382917035369686</c:v>
                </c:pt>
                <c:pt idx="959">
                  <c:v>0.39382917035369686</c:v>
                </c:pt>
                <c:pt idx="960">
                  <c:v>0.30178258399385355</c:v>
                </c:pt>
                <c:pt idx="961">
                  <c:v>0.58919456874990461</c:v>
                </c:pt>
                <c:pt idx="962">
                  <c:v>0.58919456874990461</c:v>
                </c:pt>
                <c:pt idx="963">
                  <c:v>0.58919456874990461</c:v>
                </c:pt>
                <c:pt idx="964">
                  <c:v>0.58919456874990461</c:v>
                </c:pt>
                <c:pt idx="965">
                  <c:v>0.73290056112793001</c:v>
                </c:pt>
                <c:pt idx="966">
                  <c:v>0.91971835121936307</c:v>
                </c:pt>
                <c:pt idx="967">
                  <c:v>1.049053744359586</c:v>
                </c:pt>
                <c:pt idx="968">
                  <c:v>1.049053744359586</c:v>
                </c:pt>
                <c:pt idx="969">
                  <c:v>1.049053744359586</c:v>
                </c:pt>
                <c:pt idx="970">
                  <c:v>1.049053744359586</c:v>
                </c:pt>
                <c:pt idx="971">
                  <c:v>1.049053744359586</c:v>
                </c:pt>
                <c:pt idx="972">
                  <c:v>1.049053744359586</c:v>
                </c:pt>
                <c:pt idx="973">
                  <c:v>1.049053744359586</c:v>
                </c:pt>
                <c:pt idx="974">
                  <c:v>1.049053744359586</c:v>
                </c:pt>
                <c:pt idx="975">
                  <c:v>0.94845954969496826</c:v>
                </c:pt>
                <c:pt idx="976">
                  <c:v>0.86223595426815292</c:v>
                </c:pt>
                <c:pt idx="977">
                  <c:v>0.77601235884133768</c:v>
                </c:pt>
                <c:pt idx="978">
                  <c:v>0.7472711603657326</c:v>
                </c:pt>
                <c:pt idx="979">
                  <c:v>0.6035651679877071</c:v>
                </c:pt>
                <c:pt idx="980">
                  <c:v>0.445488576371879</c:v>
                </c:pt>
                <c:pt idx="981">
                  <c:v>0.445488576371879</c:v>
                </c:pt>
                <c:pt idx="982">
                  <c:v>0.445488576371879</c:v>
                </c:pt>
                <c:pt idx="983">
                  <c:v>0.445488576371879</c:v>
                </c:pt>
                <c:pt idx="984">
                  <c:v>0.49658544495909007</c:v>
                </c:pt>
                <c:pt idx="985">
                  <c:v>0.57667987156539491</c:v>
                </c:pt>
                <c:pt idx="986">
                  <c:v>0.57667987156539491</c:v>
                </c:pt>
                <c:pt idx="987">
                  <c:v>0.57667987156539491</c:v>
                </c:pt>
                <c:pt idx="988">
                  <c:v>0.57667987156539491</c:v>
                </c:pt>
                <c:pt idx="989">
                  <c:v>0.72084983945674352</c:v>
                </c:pt>
                <c:pt idx="990">
                  <c:v>0.84900092202683142</c:v>
                </c:pt>
                <c:pt idx="991">
                  <c:v>1.009189775239441</c:v>
                </c:pt>
                <c:pt idx="992">
                  <c:v>1.009189775239441</c:v>
                </c:pt>
                <c:pt idx="993">
                  <c:v>1.009189775239441</c:v>
                </c:pt>
                <c:pt idx="994">
                  <c:v>1.009189775239441</c:v>
                </c:pt>
                <c:pt idx="995">
                  <c:v>1.009189775239441</c:v>
                </c:pt>
                <c:pt idx="996">
                  <c:v>1.009189775239441</c:v>
                </c:pt>
                <c:pt idx="997">
                  <c:v>1.009189775239441</c:v>
                </c:pt>
                <c:pt idx="998">
                  <c:v>1.009189775239441</c:v>
                </c:pt>
                <c:pt idx="999">
                  <c:v>0.89705757799061425</c:v>
                </c:pt>
                <c:pt idx="1000">
                  <c:v>0.8810386926693532</c:v>
                </c:pt>
                <c:pt idx="1001">
                  <c:v>0.75288761009926553</c:v>
                </c:pt>
                <c:pt idx="1002">
                  <c:v>0.70483095413548269</c:v>
                </c:pt>
                <c:pt idx="1003">
                  <c:v>0.59269875688665585</c:v>
                </c:pt>
                <c:pt idx="1004">
                  <c:v>0.49658544495909007</c:v>
                </c:pt>
                <c:pt idx="1005">
                  <c:v>0.43250990367404624</c:v>
                </c:pt>
                <c:pt idx="1006">
                  <c:v>0.43250990367404624</c:v>
                </c:pt>
                <c:pt idx="1007">
                  <c:v>0.43250990367404624</c:v>
                </c:pt>
                <c:pt idx="1008">
                  <c:v>0.25210305942693412</c:v>
                </c:pt>
                <c:pt idx="1009">
                  <c:v>0.25210305942693412</c:v>
                </c:pt>
                <c:pt idx="1010">
                  <c:v>0.25210305942693412</c:v>
                </c:pt>
                <c:pt idx="1011">
                  <c:v>0.25210305942693412</c:v>
                </c:pt>
                <c:pt idx="1012">
                  <c:v>0.25210305942693412</c:v>
                </c:pt>
                <c:pt idx="1013">
                  <c:v>1.092446590850048</c:v>
                </c:pt>
                <c:pt idx="1014">
                  <c:v>1.2395067088490928</c:v>
                </c:pt>
                <c:pt idx="1015">
                  <c:v>1.2395067088490928</c:v>
                </c:pt>
                <c:pt idx="1016">
                  <c:v>1.2395067088490928</c:v>
                </c:pt>
                <c:pt idx="1017">
                  <c:v>1.3235410619914045</c:v>
                </c:pt>
                <c:pt idx="1018">
                  <c:v>1.3235410619914045</c:v>
                </c:pt>
                <c:pt idx="1019">
                  <c:v>1.6806870628462278</c:v>
                </c:pt>
                <c:pt idx="1020">
                  <c:v>1.6806870628462278</c:v>
                </c:pt>
                <c:pt idx="1021">
                  <c:v>1.1134551791356257</c:v>
                </c:pt>
                <c:pt idx="1022">
                  <c:v>1.6806870628462278</c:v>
                </c:pt>
                <c:pt idx="1023">
                  <c:v>1.6806870628462278</c:v>
                </c:pt>
                <c:pt idx="1024">
                  <c:v>1.6806870628462278</c:v>
                </c:pt>
                <c:pt idx="1025">
                  <c:v>1.6806870628462278</c:v>
                </c:pt>
                <c:pt idx="1026">
                  <c:v>1.6806870628462278</c:v>
                </c:pt>
                <c:pt idx="1027">
                  <c:v>1.4075754151337159</c:v>
                </c:pt>
                <c:pt idx="1028">
                  <c:v>1.1554723557067816</c:v>
                </c:pt>
                <c:pt idx="1029">
                  <c:v>0.84034353142311391</c:v>
                </c:pt>
                <c:pt idx="1030">
                  <c:v>0.79832635485195813</c:v>
                </c:pt>
                <c:pt idx="1031">
                  <c:v>0.79832635485195813</c:v>
                </c:pt>
                <c:pt idx="1032">
                  <c:v>0.72851913725893169</c:v>
                </c:pt>
                <c:pt idx="1033">
                  <c:v>0.72851913725893169</c:v>
                </c:pt>
                <c:pt idx="1034">
                  <c:v>0.72851913725893169</c:v>
                </c:pt>
                <c:pt idx="1035">
                  <c:v>0.72851913725893169</c:v>
                </c:pt>
                <c:pt idx="1036">
                  <c:v>0.72851913725893169</c:v>
                </c:pt>
                <c:pt idx="1037">
                  <c:v>0.94707487843661109</c:v>
                </c:pt>
                <c:pt idx="1038">
                  <c:v>1.0563527490254507</c:v>
                </c:pt>
                <c:pt idx="1039">
                  <c:v>1.0927787058883973</c:v>
                </c:pt>
                <c:pt idx="1040">
                  <c:v>1.0927787058883973</c:v>
                </c:pt>
                <c:pt idx="1041">
                  <c:v>1.183843598045764</c:v>
                </c:pt>
                <c:pt idx="1042">
                  <c:v>1.2384825333401839</c:v>
                </c:pt>
                <c:pt idx="1043">
                  <c:v>1.4570382745178634</c:v>
                </c:pt>
                <c:pt idx="1044">
                  <c:v>1.4570382745178634</c:v>
                </c:pt>
                <c:pt idx="1045">
                  <c:v>1.4570382745178634</c:v>
                </c:pt>
                <c:pt idx="1046">
                  <c:v>1.4570382745178634</c:v>
                </c:pt>
                <c:pt idx="1047">
                  <c:v>1.4570382745178634</c:v>
                </c:pt>
                <c:pt idx="1048">
                  <c:v>1.4570382745178634</c:v>
                </c:pt>
                <c:pt idx="1049">
                  <c:v>1.4570382745178634</c:v>
                </c:pt>
                <c:pt idx="1050">
                  <c:v>1.4570382745178634</c:v>
                </c:pt>
                <c:pt idx="1051">
                  <c:v>1.2202695549087106</c:v>
                </c:pt>
                <c:pt idx="1052">
                  <c:v>1.0017138137310311</c:v>
                </c:pt>
                <c:pt idx="1053">
                  <c:v>0.72851913725893169</c:v>
                </c:pt>
                <c:pt idx="1054">
                  <c:v>0.72851913725893169</c:v>
                </c:pt>
                <c:pt idx="1055">
                  <c:v>0.72851913725893169</c:v>
                </c:pt>
                <c:pt idx="1056">
                  <c:v>0.67366913443093035</c:v>
                </c:pt>
                <c:pt idx="1057">
                  <c:v>0.75787777623479657</c:v>
                </c:pt>
                <c:pt idx="1058">
                  <c:v>0.75787777623479657</c:v>
                </c:pt>
                <c:pt idx="1059">
                  <c:v>0.75787777623479657</c:v>
                </c:pt>
                <c:pt idx="1060">
                  <c:v>0.75787777623479657</c:v>
                </c:pt>
                <c:pt idx="1061">
                  <c:v>0.97682024492484898</c:v>
                </c:pt>
                <c:pt idx="1062">
                  <c:v>1.1283958001718084</c:v>
                </c:pt>
                <c:pt idx="1063">
                  <c:v>1.1283958001718084</c:v>
                </c:pt>
                <c:pt idx="1064">
                  <c:v>1.1283958001718084</c:v>
                </c:pt>
                <c:pt idx="1065">
                  <c:v>1.2126044419756745</c:v>
                </c:pt>
                <c:pt idx="1066">
                  <c:v>1.3136548121403142</c:v>
                </c:pt>
                <c:pt idx="1067">
                  <c:v>1.5157555524695931</c:v>
                </c:pt>
                <c:pt idx="1068">
                  <c:v>1.5157555524695931</c:v>
                </c:pt>
                <c:pt idx="1069">
                  <c:v>1.5157555524695931</c:v>
                </c:pt>
                <c:pt idx="1070">
                  <c:v>1.5157555524695931</c:v>
                </c:pt>
                <c:pt idx="1071">
                  <c:v>1.5157555524695931</c:v>
                </c:pt>
                <c:pt idx="1072">
                  <c:v>1.5157555524695931</c:v>
                </c:pt>
                <c:pt idx="1073">
                  <c:v>1.5157555524695931</c:v>
                </c:pt>
                <c:pt idx="1074">
                  <c:v>1.5157555524695931</c:v>
                </c:pt>
                <c:pt idx="1075">
                  <c:v>1.2631296270579944</c:v>
                </c:pt>
                <c:pt idx="1076">
                  <c:v>1.0105037016463958</c:v>
                </c:pt>
                <c:pt idx="1077">
                  <c:v>0.75787777623479657</c:v>
                </c:pt>
                <c:pt idx="1078">
                  <c:v>0.75787777623479657</c:v>
                </c:pt>
                <c:pt idx="1079">
                  <c:v>0.75787777623479657</c:v>
                </c:pt>
                <c:pt idx="1080">
                  <c:v>0.78074787972892379</c:v>
                </c:pt>
                <c:pt idx="1081">
                  <c:v>0.78074787972892379</c:v>
                </c:pt>
                <c:pt idx="1082">
                  <c:v>0.78074787972892379</c:v>
                </c:pt>
                <c:pt idx="1083">
                  <c:v>0.78074787972892379</c:v>
                </c:pt>
                <c:pt idx="1084">
                  <c:v>0.78074787972892379</c:v>
                </c:pt>
                <c:pt idx="1085">
                  <c:v>1.0062972672061685</c:v>
                </c:pt>
                <c:pt idx="1086">
                  <c:v>1.1624468431519535</c:v>
                </c:pt>
                <c:pt idx="1087">
                  <c:v>1.1624468431519535</c:v>
                </c:pt>
                <c:pt idx="1088">
                  <c:v>1.1624468431519535</c:v>
                </c:pt>
                <c:pt idx="1089">
                  <c:v>1.2491966075662784</c:v>
                </c:pt>
                <c:pt idx="1090">
                  <c:v>1.353296324863468</c:v>
                </c:pt>
                <c:pt idx="1091">
                  <c:v>1.5614957594578476</c:v>
                </c:pt>
                <c:pt idx="1092">
                  <c:v>1.5614957594578476</c:v>
                </c:pt>
                <c:pt idx="1093">
                  <c:v>1.5614957594578476</c:v>
                </c:pt>
                <c:pt idx="1094">
                  <c:v>1.5614957594578476</c:v>
                </c:pt>
                <c:pt idx="1095">
                  <c:v>1.5614957594578476</c:v>
                </c:pt>
                <c:pt idx="1096">
                  <c:v>1.5614957594578476</c:v>
                </c:pt>
                <c:pt idx="1097">
                  <c:v>1.5614957594578476</c:v>
                </c:pt>
                <c:pt idx="1098">
                  <c:v>1.5614957594578476</c:v>
                </c:pt>
                <c:pt idx="1099">
                  <c:v>1.3012464662148731</c:v>
                </c:pt>
                <c:pt idx="1100">
                  <c:v>1.0409971729718985</c:v>
                </c:pt>
                <c:pt idx="1101">
                  <c:v>0.78074787972892379</c:v>
                </c:pt>
                <c:pt idx="1102">
                  <c:v>0.78074787972892379</c:v>
                </c:pt>
                <c:pt idx="1103">
                  <c:v>0.78074787972892379</c:v>
                </c:pt>
                <c:pt idx="1104">
                  <c:v>0.81891016021666718</c:v>
                </c:pt>
                <c:pt idx="1105">
                  <c:v>0.81891016021666718</c:v>
                </c:pt>
                <c:pt idx="1106">
                  <c:v>0.81891016021666718</c:v>
                </c:pt>
                <c:pt idx="1107">
                  <c:v>0.81891016021666718</c:v>
                </c:pt>
                <c:pt idx="1108">
                  <c:v>0.81891016021666718</c:v>
                </c:pt>
                <c:pt idx="1109">
                  <c:v>1.055484206501482</c:v>
                </c:pt>
                <c:pt idx="1110">
                  <c:v>1.2738602492259266</c:v>
                </c:pt>
                <c:pt idx="1111">
                  <c:v>1.2738602492259266</c:v>
                </c:pt>
                <c:pt idx="1112">
                  <c:v>1.2738602492259266</c:v>
                </c:pt>
                <c:pt idx="1113">
                  <c:v>1.3648502670277782</c:v>
                </c:pt>
                <c:pt idx="1114">
                  <c:v>1.4194442777088896</c:v>
                </c:pt>
                <c:pt idx="1115">
                  <c:v>1.6378203204333344</c:v>
                </c:pt>
                <c:pt idx="1116">
                  <c:v>1.6378203204333344</c:v>
                </c:pt>
                <c:pt idx="1117">
                  <c:v>1.6378203204333344</c:v>
                </c:pt>
                <c:pt idx="1118">
                  <c:v>1.6378203204333344</c:v>
                </c:pt>
                <c:pt idx="1119">
                  <c:v>1.3648502670277782</c:v>
                </c:pt>
                <c:pt idx="1120">
                  <c:v>1.2920582527862969</c:v>
                </c:pt>
                <c:pt idx="1121">
                  <c:v>1.2920582527862969</c:v>
                </c:pt>
                <c:pt idx="1122">
                  <c:v>1.2920582527862969</c:v>
                </c:pt>
                <c:pt idx="1123">
                  <c:v>1.2920582527862969</c:v>
                </c:pt>
                <c:pt idx="1124">
                  <c:v>1.0008901958203709</c:v>
                </c:pt>
                <c:pt idx="1125">
                  <c:v>0.38215807476777797</c:v>
                </c:pt>
                <c:pt idx="1126">
                  <c:v>0.38215807476777797</c:v>
                </c:pt>
                <c:pt idx="1127">
                  <c:v>0.38215807476777797</c:v>
                </c:pt>
                <c:pt idx="1128">
                  <c:v>0.26797510847992134</c:v>
                </c:pt>
                <c:pt idx="1129">
                  <c:v>0.52318949750841792</c:v>
                </c:pt>
                <c:pt idx="1130">
                  <c:v>0.52318949750841792</c:v>
                </c:pt>
                <c:pt idx="1131">
                  <c:v>0.52318949750841792</c:v>
                </c:pt>
                <c:pt idx="1132">
                  <c:v>0.52318949750841792</c:v>
                </c:pt>
                <c:pt idx="1133">
                  <c:v>0.6507966920226661</c:v>
                </c:pt>
                <c:pt idx="1134">
                  <c:v>0.8166860448911889</c:v>
                </c:pt>
                <c:pt idx="1135">
                  <c:v>0.93153251995401221</c:v>
                </c:pt>
                <c:pt idx="1136">
                  <c:v>0.93153251995401221</c:v>
                </c:pt>
                <c:pt idx="1137">
                  <c:v>0.93153251995401221</c:v>
                </c:pt>
                <c:pt idx="1138">
                  <c:v>0.93153251995401221</c:v>
                </c:pt>
                <c:pt idx="1139">
                  <c:v>0.93153251995401221</c:v>
                </c:pt>
                <c:pt idx="1140">
                  <c:v>0.93153251995401221</c:v>
                </c:pt>
                <c:pt idx="1141">
                  <c:v>0.93153251995401221</c:v>
                </c:pt>
                <c:pt idx="1142">
                  <c:v>0.93153251995401221</c:v>
                </c:pt>
                <c:pt idx="1143">
                  <c:v>0.84220748379403843</c:v>
                </c:pt>
                <c:pt idx="1144">
                  <c:v>0.76564316708548963</c:v>
                </c:pt>
                <c:pt idx="1145">
                  <c:v>0.68907885037694072</c:v>
                </c:pt>
                <c:pt idx="1146">
                  <c:v>0.66355741147409097</c:v>
                </c:pt>
                <c:pt idx="1147">
                  <c:v>0.53595021695984268</c:v>
                </c:pt>
                <c:pt idx="1148">
                  <c:v>0.39558230299416963</c:v>
                </c:pt>
                <c:pt idx="1149">
                  <c:v>0.39558230299416963</c:v>
                </c:pt>
                <c:pt idx="1150">
                  <c:v>0.39558230299416963</c:v>
                </c:pt>
                <c:pt idx="1151">
                  <c:v>0.39558230299416963</c:v>
                </c:pt>
                <c:pt idx="1152">
                  <c:v>0.47389755755830165</c:v>
                </c:pt>
                <c:pt idx="1153">
                  <c:v>0.55033264748706001</c:v>
                </c:pt>
                <c:pt idx="1154">
                  <c:v>0.55033264748706001</c:v>
                </c:pt>
                <c:pt idx="1155">
                  <c:v>0.55033264748706001</c:v>
                </c:pt>
                <c:pt idx="1156">
                  <c:v>0.55033264748706001</c:v>
                </c:pt>
                <c:pt idx="1157">
                  <c:v>0.68791580935882501</c:v>
                </c:pt>
                <c:pt idx="1158">
                  <c:v>0.81021195324483841</c:v>
                </c:pt>
                <c:pt idx="1159">
                  <c:v>0.96308213310235513</c:v>
                </c:pt>
                <c:pt idx="1160">
                  <c:v>0.96308213310235513</c:v>
                </c:pt>
                <c:pt idx="1161">
                  <c:v>0.96308213310235513</c:v>
                </c:pt>
                <c:pt idx="1162">
                  <c:v>0.96308213310235513</c:v>
                </c:pt>
                <c:pt idx="1163">
                  <c:v>0.96308213310235513</c:v>
                </c:pt>
                <c:pt idx="1164">
                  <c:v>0.96308213310235513</c:v>
                </c:pt>
                <c:pt idx="1165">
                  <c:v>0.96308213310235513</c:v>
                </c:pt>
                <c:pt idx="1166">
                  <c:v>0.96308213310235513</c:v>
                </c:pt>
                <c:pt idx="1167">
                  <c:v>0.85607300720209345</c:v>
                </c:pt>
                <c:pt idx="1168">
                  <c:v>0.84078598921634162</c:v>
                </c:pt>
                <c:pt idx="1169">
                  <c:v>0.71848984533032834</c:v>
                </c:pt>
                <c:pt idx="1170">
                  <c:v>0.6726287913730733</c:v>
                </c:pt>
                <c:pt idx="1171">
                  <c:v>0.56561966547281173</c:v>
                </c:pt>
                <c:pt idx="1172">
                  <c:v>0.47389755755830165</c:v>
                </c:pt>
                <c:pt idx="1173">
                  <c:v>0.41274948561529501</c:v>
                </c:pt>
                <c:pt idx="1174">
                  <c:v>0.41274948561529501</c:v>
                </c:pt>
                <c:pt idx="1175">
                  <c:v>0.41274948561529501</c:v>
                </c:pt>
                <c:pt idx="1176">
                  <c:v>0.26976123134651847</c:v>
                </c:pt>
                <c:pt idx="1177">
                  <c:v>0.26976123134651847</c:v>
                </c:pt>
                <c:pt idx="1178">
                  <c:v>0.26976123134651847</c:v>
                </c:pt>
                <c:pt idx="1179">
                  <c:v>0.26976123134651847</c:v>
                </c:pt>
                <c:pt idx="1180">
                  <c:v>0.26976123134651847</c:v>
                </c:pt>
                <c:pt idx="1181">
                  <c:v>1.1689653358349135</c:v>
                </c:pt>
                <c:pt idx="1182">
                  <c:v>1.3263260541203827</c:v>
                </c:pt>
                <c:pt idx="1183">
                  <c:v>1.3263260541203827</c:v>
                </c:pt>
                <c:pt idx="1184">
                  <c:v>1.3263260541203827</c:v>
                </c:pt>
                <c:pt idx="1185">
                  <c:v>1.4162464645692223</c:v>
                </c:pt>
                <c:pt idx="1186">
                  <c:v>1.4162464645692223</c:v>
                </c:pt>
                <c:pt idx="1187">
                  <c:v>1.7984082089767903</c:v>
                </c:pt>
                <c:pt idx="1188">
                  <c:v>1.7984082089767903</c:v>
                </c:pt>
                <c:pt idx="1189">
                  <c:v>1.1914454384471236</c:v>
                </c:pt>
                <c:pt idx="1190">
                  <c:v>1.7984082089767903</c:v>
                </c:pt>
                <c:pt idx="1191">
                  <c:v>1.7984082089767903</c:v>
                </c:pt>
                <c:pt idx="1192">
                  <c:v>1.7984082089767903</c:v>
                </c:pt>
                <c:pt idx="1193">
                  <c:v>1.7984082089767903</c:v>
                </c:pt>
                <c:pt idx="1194">
                  <c:v>1.7984082089767903</c:v>
                </c:pt>
                <c:pt idx="1195">
                  <c:v>1.5061668750180619</c:v>
                </c:pt>
                <c:pt idx="1196">
                  <c:v>1.2364056436715432</c:v>
                </c:pt>
                <c:pt idx="1197">
                  <c:v>0.89920410448839516</c:v>
                </c:pt>
                <c:pt idx="1198">
                  <c:v>0.85424389926397526</c:v>
                </c:pt>
                <c:pt idx="1199">
                  <c:v>0.85424389926397526</c:v>
                </c:pt>
                <c:pt idx="1200">
                  <c:v>0.77772532485156276</c:v>
                </c:pt>
                <c:pt idx="1201">
                  <c:v>0.77772532485156276</c:v>
                </c:pt>
                <c:pt idx="1202">
                  <c:v>0.77772532485156276</c:v>
                </c:pt>
                <c:pt idx="1203">
                  <c:v>0.77772532485156276</c:v>
                </c:pt>
                <c:pt idx="1204">
                  <c:v>0.77772532485156276</c:v>
                </c:pt>
                <c:pt idx="1205">
                  <c:v>1.0110429223070314</c:v>
                </c:pt>
                <c:pt idx="1206">
                  <c:v>1.127701721034766</c:v>
                </c:pt>
                <c:pt idx="1207">
                  <c:v>1.1665879872773441</c:v>
                </c:pt>
                <c:pt idx="1208">
                  <c:v>1.1665879872773441</c:v>
                </c:pt>
                <c:pt idx="1209">
                  <c:v>1.2638036528837895</c:v>
                </c:pt>
                <c:pt idx="1210">
                  <c:v>1.3221330522476566</c:v>
                </c:pt>
                <c:pt idx="1211">
                  <c:v>1.5554506497031255</c:v>
                </c:pt>
                <c:pt idx="1212">
                  <c:v>1.5554506497031255</c:v>
                </c:pt>
                <c:pt idx="1213">
                  <c:v>1.5554506497031255</c:v>
                </c:pt>
                <c:pt idx="1214">
                  <c:v>1.5554506497031255</c:v>
                </c:pt>
                <c:pt idx="1215">
                  <c:v>1.5554506497031255</c:v>
                </c:pt>
                <c:pt idx="1216">
                  <c:v>1.5554506497031255</c:v>
                </c:pt>
                <c:pt idx="1217">
                  <c:v>1.5554506497031255</c:v>
                </c:pt>
                <c:pt idx="1218">
                  <c:v>1.5554506497031255</c:v>
                </c:pt>
                <c:pt idx="1219">
                  <c:v>1.3026899191263679</c:v>
                </c:pt>
                <c:pt idx="1220">
                  <c:v>1.0693723216708988</c:v>
                </c:pt>
                <c:pt idx="1221">
                  <c:v>0.77772532485156276</c:v>
                </c:pt>
                <c:pt idx="1222">
                  <c:v>0.77772532485156276</c:v>
                </c:pt>
                <c:pt idx="1223">
                  <c:v>0.77772532485156276</c:v>
                </c:pt>
                <c:pt idx="1224">
                  <c:v>0.71515223313447085</c:v>
                </c:pt>
                <c:pt idx="1225">
                  <c:v>0.80454626227627957</c:v>
                </c:pt>
                <c:pt idx="1226">
                  <c:v>0.80454626227627957</c:v>
                </c:pt>
                <c:pt idx="1227">
                  <c:v>0.80454626227627957</c:v>
                </c:pt>
                <c:pt idx="1228">
                  <c:v>0.80454626227627957</c:v>
                </c:pt>
                <c:pt idx="1229">
                  <c:v>1.0369707380449824</c:v>
                </c:pt>
                <c:pt idx="1230">
                  <c:v>1.1978799905002384</c:v>
                </c:pt>
                <c:pt idx="1231">
                  <c:v>1.1978799905002384</c:v>
                </c:pt>
                <c:pt idx="1232">
                  <c:v>1.1978799905002384</c:v>
                </c:pt>
                <c:pt idx="1233">
                  <c:v>1.2872740196420474</c:v>
                </c:pt>
                <c:pt idx="1234">
                  <c:v>1.3945468546122182</c:v>
                </c:pt>
                <c:pt idx="1235">
                  <c:v>1.6090925245525591</c:v>
                </c:pt>
                <c:pt idx="1236">
                  <c:v>1.6090925245525591</c:v>
                </c:pt>
                <c:pt idx="1237">
                  <c:v>1.6090925245525591</c:v>
                </c:pt>
                <c:pt idx="1238">
                  <c:v>1.6090925245525591</c:v>
                </c:pt>
                <c:pt idx="1239">
                  <c:v>1.6090925245525591</c:v>
                </c:pt>
                <c:pt idx="1240">
                  <c:v>1.6090925245525591</c:v>
                </c:pt>
                <c:pt idx="1241">
                  <c:v>1.6090925245525591</c:v>
                </c:pt>
                <c:pt idx="1242">
                  <c:v>1.6090925245525591</c:v>
                </c:pt>
                <c:pt idx="1243">
                  <c:v>1.3409104371271328</c:v>
                </c:pt>
                <c:pt idx="1244">
                  <c:v>1.0727283497017062</c:v>
                </c:pt>
                <c:pt idx="1245">
                  <c:v>0.80454626227627957</c:v>
                </c:pt>
                <c:pt idx="1246">
                  <c:v>0.80454626227627957</c:v>
                </c:pt>
                <c:pt idx="1247">
                  <c:v>0.80454626227627957</c:v>
                </c:pt>
                <c:pt idx="1248">
                  <c:v>0.79084745768814468</c:v>
                </c:pt>
                <c:pt idx="1249">
                  <c:v>0.79084745768814468</c:v>
                </c:pt>
                <c:pt idx="1250">
                  <c:v>0.79084745768814468</c:v>
                </c:pt>
                <c:pt idx="1251">
                  <c:v>0.79084745768814468</c:v>
                </c:pt>
                <c:pt idx="1252">
                  <c:v>0.79084745768814468</c:v>
                </c:pt>
                <c:pt idx="1253">
                  <c:v>1.0193145010202753</c:v>
                </c:pt>
                <c:pt idx="1254">
                  <c:v>1.1774839925579046</c:v>
                </c:pt>
                <c:pt idx="1255">
                  <c:v>1.1774839925579046</c:v>
                </c:pt>
                <c:pt idx="1256">
                  <c:v>1.1774839925579046</c:v>
                </c:pt>
                <c:pt idx="1257">
                  <c:v>1.2653559323010315</c:v>
                </c:pt>
                <c:pt idx="1258">
                  <c:v>1.370802259992784</c:v>
                </c:pt>
                <c:pt idx="1259">
                  <c:v>1.5816949153762894</c:v>
                </c:pt>
                <c:pt idx="1260">
                  <c:v>1.5816949153762894</c:v>
                </c:pt>
                <c:pt idx="1261">
                  <c:v>1.5816949153762894</c:v>
                </c:pt>
                <c:pt idx="1262">
                  <c:v>1.5816949153762894</c:v>
                </c:pt>
                <c:pt idx="1263">
                  <c:v>1.5816949153762894</c:v>
                </c:pt>
                <c:pt idx="1264">
                  <c:v>1.5816949153762894</c:v>
                </c:pt>
                <c:pt idx="1265">
                  <c:v>1.5816949153762894</c:v>
                </c:pt>
                <c:pt idx="1266">
                  <c:v>1.5816949153762894</c:v>
                </c:pt>
                <c:pt idx="1267">
                  <c:v>1.318079096146908</c:v>
                </c:pt>
                <c:pt idx="1268">
                  <c:v>1.0544632769175264</c:v>
                </c:pt>
                <c:pt idx="1269">
                  <c:v>0.79084745768814468</c:v>
                </c:pt>
                <c:pt idx="1270">
                  <c:v>0.79084745768814468</c:v>
                </c:pt>
                <c:pt idx="1271">
                  <c:v>0.79084745768814468</c:v>
                </c:pt>
                <c:pt idx="1272">
                  <c:v>0.85375060279554826</c:v>
                </c:pt>
                <c:pt idx="1273">
                  <c:v>0.85375060279554826</c:v>
                </c:pt>
                <c:pt idx="1274">
                  <c:v>0.85375060279554826</c:v>
                </c:pt>
                <c:pt idx="1275">
                  <c:v>0.85375060279554826</c:v>
                </c:pt>
                <c:pt idx="1276">
                  <c:v>0.85375060279554826</c:v>
                </c:pt>
                <c:pt idx="1277">
                  <c:v>1.1003896658253733</c:v>
                </c:pt>
                <c:pt idx="1278">
                  <c:v>1.3280564932375196</c:v>
                </c:pt>
                <c:pt idx="1279">
                  <c:v>1.3280564932375196</c:v>
                </c:pt>
                <c:pt idx="1280">
                  <c:v>1.3280564932375196</c:v>
                </c:pt>
                <c:pt idx="1281">
                  <c:v>1.422917671325914</c:v>
                </c:pt>
                <c:pt idx="1282">
                  <c:v>1.4798343781789505</c:v>
                </c:pt>
                <c:pt idx="1283">
                  <c:v>1.7075012055910965</c:v>
                </c:pt>
                <c:pt idx="1284">
                  <c:v>1.7075012055910965</c:v>
                </c:pt>
                <c:pt idx="1285">
                  <c:v>1.7075012055910965</c:v>
                </c:pt>
                <c:pt idx="1286">
                  <c:v>1.7075012055910965</c:v>
                </c:pt>
                <c:pt idx="1287">
                  <c:v>1.422917671325914</c:v>
                </c:pt>
                <c:pt idx="1288">
                  <c:v>1.3470287288551985</c:v>
                </c:pt>
                <c:pt idx="1289">
                  <c:v>1.3470287288551985</c:v>
                </c:pt>
                <c:pt idx="1290">
                  <c:v>1.3470287288551985</c:v>
                </c:pt>
                <c:pt idx="1291">
                  <c:v>1.3470287288551985</c:v>
                </c:pt>
                <c:pt idx="1292">
                  <c:v>1.0434729589723366</c:v>
                </c:pt>
                <c:pt idx="1293">
                  <c:v>0.39841694797125587</c:v>
                </c:pt>
                <c:pt idx="1294">
                  <c:v>0.39841694797125587</c:v>
                </c:pt>
                <c:pt idx="1295">
                  <c:v>0.39841694797125587</c:v>
                </c:pt>
                <c:pt idx="1296">
                  <c:v>0.28922552166010723</c:v>
                </c:pt>
                <c:pt idx="1297">
                  <c:v>0.564678399431638</c:v>
                </c:pt>
                <c:pt idx="1298">
                  <c:v>0.564678399431638</c:v>
                </c:pt>
                <c:pt idx="1299">
                  <c:v>0.564678399431638</c:v>
                </c:pt>
                <c:pt idx="1300">
                  <c:v>0.564678399431638</c:v>
                </c:pt>
                <c:pt idx="1301">
                  <c:v>0.70240483831740352</c:v>
                </c:pt>
                <c:pt idx="1302">
                  <c:v>0.88144920886889844</c:v>
                </c:pt>
                <c:pt idx="1303">
                  <c:v>1.0054030038660871</c:v>
                </c:pt>
                <c:pt idx="1304">
                  <c:v>1.0054030038660871</c:v>
                </c:pt>
                <c:pt idx="1305">
                  <c:v>1.0054030038660871</c:v>
                </c:pt>
                <c:pt idx="1306">
                  <c:v>1.0054030038660871</c:v>
                </c:pt>
                <c:pt idx="1307">
                  <c:v>1.0054030038660871</c:v>
                </c:pt>
                <c:pt idx="1308">
                  <c:v>1.0054030038660871</c:v>
                </c:pt>
                <c:pt idx="1309">
                  <c:v>1.0054030038660871</c:v>
                </c:pt>
                <c:pt idx="1310">
                  <c:v>1.0054030038660871</c:v>
                </c:pt>
                <c:pt idx="1311">
                  <c:v>0.90899449664605148</c:v>
                </c:pt>
                <c:pt idx="1312">
                  <c:v>0.82635863331459214</c:v>
                </c:pt>
                <c:pt idx="1313">
                  <c:v>0.74372276998313303</c:v>
                </c:pt>
                <c:pt idx="1314">
                  <c:v>0.71617748220597988</c:v>
                </c:pt>
                <c:pt idx="1315">
                  <c:v>0.57845104332021446</c:v>
                </c:pt>
                <c:pt idx="1316">
                  <c:v>0.42695196054587264</c:v>
                </c:pt>
                <c:pt idx="1317">
                  <c:v>0.42695196054587264</c:v>
                </c:pt>
                <c:pt idx="1318">
                  <c:v>0.42695196054587264</c:v>
                </c:pt>
                <c:pt idx="1319">
                  <c:v>0.42695196054587264</c:v>
                </c:pt>
                <c:pt idx="1320">
                  <c:v>0.48362093787292526</c:v>
                </c:pt>
                <c:pt idx="1321">
                  <c:v>0.5616243149492034</c:v>
                </c:pt>
                <c:pt idx="1322">
                  <c:v>0.5616243149492034</c:v>
                </c:pt>
                <c:pt idx="1323">
                  <c:v>0.5616243149492034</c:v>
                </c:pt>
                <c:pt idx="1324">
                  <c:v>0.5616243149492034</c:v>
                </c:pt>
                <c:pt idx="1325">
                  <c:v>0.70203039368650444</c:v>
                </c:pt>
                <c:pt idx="1326">
                  <c:v>0.82683579700854959</c:v>
                </c:pt>
                <c:pt idx="1327">
                  <c:v>0.98284255116110608</c:v>
                </c:pt>
                <c:pt idx="1328">
                  <c:v>0.98284255116110608</c:v>
                </c:pt>
                <c:pt idx="1329">
                  <c:v>0.98284255116110608</c:v>
                </c:pt>
                <c:pt idx="1330">
                  <c:v>0.98284255116110608</c:v>
                </c:pt>
                <c:pt idx="1331">
                  <c:v>0.98284255116110608</c:v>
                </c:pt>
                <c:pt idx="1332">
                  <c:v>0.98284255116110608</c:v>
                </c:pt>
                <c:pt idx="1333">
                  <c:v>0.98284255116110608</c:v>
                </c:pt>
                <c:pt idx="1334">
                  <c:v>0.98284255116110608</c:v>
                </c:pt>
                <c:pt idx="1335">
                  <c:v>0.87363782325431649</c:v>
                </c:pt>
                <c:pt idx="1336">
                  <c:v>0.85803714783906071</c:v>
                </c:pt>
                <c:pt idx="1337">
                  <c:v>0.73323174451701567</c:v>
                </c:pt>
                <c:pt idx="1338">
                  <c:v>0.68642971827124877</c:v>
                </c:pt>
                <c:pt idx="1339">
                  <c:v>0.57722499036445918</c:v>
                </c:pt>
                <c:pt idx="1340">
                  <c:v>0.48362093787292526</c:v>
                </c:pt>
                <c:pt idx="1341">
                  <c:v>0.42121823621190269</c:v>
                </c:pt>
                <c:pt idx="1342">
                  <c:v>0.42121823621190269</c:v>
                </c:pt>
                <c:pt idx="1343">
                  <c:v>0.42121823621190269</c:v>
                </c:pt>
                <c:pt idx="1344">
                  <c:v>0.25739441366508847</c:v>
                </c:pt>
                <c:pt idx="1345">
                  <c:v>0.25739441366508847</c:v>
                </c:pt>
                <c:pt idx="1346">
                  <c:v>0.25739441366508847</c:v>
                </c:pt>
                <c:pt idx="1347">
                  <c:v>0.25739441366508847</c:v>
                </c:pt>
                <c:pt idx="1348">
                  <c:v>0.25739441366508847</c:v>
                </c:pt>
                <c:pt idx="1349">
                  <c:v>1.1153757925487167</c:v>
                </c:pt>
                <c:pt idx="1350">
                  <c:v>1.2655225338533518</c:v>
                </c:pt>
                <c:pt idx="1351">
                  <c:v>1.2655225338533518</c:v>
                </c:pt>
                <c:pt idx="1352">
                  <c:v>1.2655225338533518</c:v>
                </c:pt>
                <c:pt idx="1353">
                  <c:v>1.3513206717417148</c:v>
                </c:pt>
                <c:pt idx="1354">
                  <c:v>1.3513206717417148</c:v>
                </c:pt>
                <c:pt idx="1355">
                  <c:v>1.7159627577672567</c:v>
                </c:pt>
                <c:pt idx="1356">
                  <c:v>1.7159627577672567</c:v>
                </c:pt>
                <c:pt idx="1357">
                  <c:v>1.1368253270208075</c:v>
                </c:pt>
                <c:pt idx="1358">
                  <c:v>1.7159627577672567</c:v>
                </c:pt>
                <c:pt idx="1359">
                  <c:v>1.7159627577672567</c:v>
                </c:pt>
                <c:pt idx="1360">
                  <c:v>1.7159627577672567</c:v>
                </c:pt>
                <c:pt idx="1361">
                  <c:v>1.7159627577672567</c:v>
                </c:pt>
                <c:pt idx="1362">
                  <c:v>1.7159627577672567</c:v>
                </c:pt>
                <c:pt idx="1363">
                  <c:v>1.4371188096300775</c:v>
                </c:pt>
                <c:pt idx="1364">
                  <c:v>1.179724395964989</c:v>
                </c:pt>
                <c:pt idx="1365">
                  <c:v>0.85798137888362835</c:v>
                </c:pt>
                <c:pt idx="1366">
                  <c:v>0.81508230993944686</c:v>
                </c:pt>
                <c:pt idx="1367">
                  <c:v>0.81508230993944686</c:v>
                </c:pt>
                <c:pt idx="1368">
                  <c:v>0.74397208873644827</c:v>
                </c:pt>
                <c:pt idx="1369">
                  <c:v>0.74397208873644827</c:v>
                </c:pt>
                <c:pt idx="1370">
                  <c:v>0.74397208873644827</c:v>
                </c:pt>
                <c:pt idx="1371">
                  <c:v>0.74397208873644827</c:v>
                </c:pt>
                <c:pt idx="1372">
                  <c:v>0.74397208873644827</c:v>
                </c:pt>
                <c:pt idx="1373">
                  <c:v>0.96716371535738266</c:v>
                </c:pt>
                <c:pt idx="1374">
                  <c:v>1.07875952866785</c:v>
                </c:pt>
                <c:pt idx="1375">
                  <c:v>1.1159581331046724</c:v>
                </c:pt>
                <c:pt idx="1376">
                  <c:v>1.1159581331046724</c:v>
                </c:pt>
                <c:pt idx="1377">
                  <c:v>1.2089546441967285</c:v>
                </c:pt>
                <c:pt idx="1378">
                  <c:v>1.2647525508519621</c:v>
                </c:pt>
                <c:pt idx="1379">
                  <c:v>1.4879441774728965</c:v>
                </c:pt>
                <c:pt idx="1380">
                  <c:v>1.4879441774728965</c:v>
                </c:pt>
                <c:pt idx="1381">
                  <c:v>1.4879441774728965</c:v>
                </c:pt>
                <c:pt idx="1382">
                  <c:v>1.4879441774728965</c:v>
                </c:pt>
                <c:pt idx="1383">
                  <c:v>1.4879441774728965</c:v>
                </c:pt>
                <c:pt idx="1384">
                  <c:v>1.4879441774728965</c:v>
                </c:pt>
                <c:pt idx="1385">
                  <c:v>1.4879441774728965</c:v>
                </c:pt>
                <c:pt idx="1386">
                  <c:v>1.4879441774728965</c:v>
                </c:pt>
                <c:pt idx="1387">
                  <c:v>1.2461532486335509</c:v>
                </c:pt>
                <c:pt idx="1388">
                  <c:v>1.0229616220126163</c:v>
                </c:pt>
                <c:pt idx="1389">
                  <c:v>0.74397208873644827</c:v>
                </c:pt>
                <c:pt idx="1390">
                  <c:v>0.74397208873644827</c:v>
                </c:pt>
                <c:pt idx="1391">
                  <c:v>0.74397208873644827</c:v>
                </c:pt>
                <c:pt idx="1392">
                  <c:v>0.66263540255445774</c:v>
                </c:pt>
                <c:pt idx="1393">
                  <c:v>0.74546482787376489</c:v>
                </c:pt>
                <c:pt idx="1394">
                  <c:v>0.74546482787376489</c:v>
                </c:pt>
                <c:pt idx="1395">
                  <c:v>0.74546482787376489</c:v>
                </c:pt>
                <c:pt idx="1396">
                  <c:v>0.74546482787376489</c:v>
                </c:pt>
                <c:pt idx="1397">
                  <c:v>0.96082133370396372</c:v>
                </c:pt>
                <c:pt idx="1398">
                  <c:v>1.1099142992787168</c:v>
                </c:pt>
                <c:pt idx="1399">
                  <c:v>1.1099142992787168</c:v>
                </c:pt>
                <c:pt idx="1400">
                  <c:v>1.1099142992787168</c:v>
                </c:pt>
                <c:pt idx="1401">
                  <c:v>1.1927437245980239</c:v>
                </c:pt>
                <c:pt idx="1402">
                  <c:v>1.2921390349811928</c:v>
                </c:pt>
                <c:pt idx="1403">
                  <c:v>1.4909296557475298</c:v>
                </c:pt>
                <c:pt idx="1404">
                  <c:v>1.4909296557475298</c:v>
                </c:pt>
                <c:pt idx="1405">
                  <c:v>1.4909296557475298</c:v>
                </c:pt>
                <c:pt idx="1406">
                  <c:v>1.4909296557475298</c:v>
                </c:pt>
                <c:pt idx="1407">
                  <c:v>1.4909296557475298</c:v>
                </c:pt>
                <c:pt idx="1408">
                  <c:v>1.4909296557475298</c:v>
                </c:pt>
                <c:pt idx="1409">
                  <c:v>1.4909296557475298</c:v>
                </c:pt>
                <c:pt idx="1410">
                  <c:v>1.4909296557475298</c:v>
                </c:pt>
                <c:pt idx="1411">
                  <c:v>1.2424413797896081</c:v>
                </c:pt>
                <c:pt idx="1412">
                  <c:v>0.99395310383168656</c:v>
                </c:pt>
                <c:pt idx="1413">
                  <c:v>0.74546482787376489</c:v>
                </c:pt>
                <c:pt idx="1414">
                  <c:v>0.74546482787376489</c:v>
                </c:pt>
                <c:pt idx="1415">
                  <c:v>0.74546482787376489</c:v>
                </c:pt>
                <c:pt idx="1416">
                  <c:v>0.74368529133978634</c:v>
                </c:pt>
                <c:pt idx="1417">
                  <c:v>0.74368529133978634</c:v>
                </c:pt>
                <c:pt idx="1418">
                  <c:v>0.74368529133978634</c:v>
                </c:pt>
                <c:pt idx="1419">
                  <c:v>0.74368529133978634</c:v>
                </c:pt>
                <c:pt idx="1420">
                  <c:v>0.74368529133978634</c:v>
                </c:pt>
                <c:pt idx="1421">
                  <c:v>0.95852770883794691</c:v>
                </c:pt>
                <c:pt idx="1422">
                  <c:v>1.1072647671059042</c:v>
                </c:pt>
                <c:pt idx="1423">
                  <c:v>1.1072647671059042</c:v>
                </c:pt>
                <c:pt idx="1424">
                  <c:v>1.1072647671059042</c:v>
                </c:pt>
                <c:pt idx="1425">
                  <c:v>1.1898964661436582</c:v>
                </c:pt>
                <c:pt idx="1426">
                  <c:v>1.2890545049889632</c:v>
                </c:pt>
                <c:pt idx="1427">
                  <c:v>1.4873705826795727</c:v>
                </c:pt>
                <c:pt idx="1428">
                  <c:v>1.4873705826795727</c:v>
                </c:pt>
                <c:pt idx="1429">
                  <c:v>1.4873705826795727</c:v>
                </c:pt>
                <c:pt idx="1430">
                  <c:v>1.4873705826795727</c:v>
                </c:pt>
                <c:pt idx="1431">
                  <c:v>1.4873705826795727</c:v>
                </c:pt>
                <c:pt idx="1432">
                  <c:v>1.4873705826795727</c:v>
                </c:pt>
                <c:pt idx="1433">
                  <c:v>1.4873705826795727</c:v>
                </c:pt>
                <c:pt idx="1434">
                  <c:v>1.4873705826795727</c:v>
                </c:pt>
                <c:pt idx="1435">
                  <c:v>1.2394754855663106</c:v>
                </c:pt>
                <c:pt idx="1436">
                  <c:v>0.99158038845304852</c:v>
                </c:pt>
                <c:pt idx="1437">
                  <c:v>0.74368529133978634</c:v>
                </c:pt>
                <c:pt idx="1438">
                  <c:v>0.74368529133978634</c:v>
                </c:pt>
                <c:pt idx="1439">
                  <c:v>0.74368529133978634</c:v>
                </c:pt>
                <c:pt idx="1440">
                  <c:v>0.817780886031653</c:v>
                </c:pt>
                <c:pt idx="1441">
                  <c:v>0.817780886031653</c:v>
                </c:pt>
                <c:pt idx="1442">
                  <c:v>0.817780886031653</c:v>
                </c:pt>
                <c:pt idx="1443">
                  <c:v>0.817780886031653</c:v>
                </c:pt>
                <c:pt idx="1444">
                  <c:v>0.817780886031653</c:v>
                </c:pt>
                <c:pt idx="1445">
                  <c:v>1.0540286975519082</c:v>
                </c:pt>
                <c:pt idx="1446">
                  <c:v>1.2721036004936825</c:v>
                </c:pt>
                <c:pt idx="1447">
                  <c:v>1.2721036004936825</c:v>
                </c:pt>
                <c:pt idx="1448">
                  <c:v>1.2721036004936825</c:v>
                </c:pt>
                <c:pt idx="1449">
                  <c:v>1.3629681433860885</c:v>
                </c:pt>
                <c:pt idx="1450">
                  <c:v>1.4174868691215321</c:v>
                </c:pt>
                <c:pt idx="1451">
                  <c:v>1.635561772063306</c:v>
                </c:pt>
                <c:pt idx="1452">
                  <c:v>1.635561772063306</c:v>
                </c:pt>
                <c:pt idx="1453">
                  <c:v>1.635561772063306</c:v>
                </c:pt>
                <c:pt idx="1454">
                  <c:v>1.635561772063306</c:v>
                </c:pt>
                <c:pt idx="1455">
                  <c:v>1.3629681433860885</c:v>
                </c:pt>
                <c:pt idx="1456">
                  <c:v>1.2902765090721637</c:v>
                </c:pt>
                <c:pt idx="1457">
                  <c:v>1.2902765090721637</c:v>
                </c:pt>
                <c:pt idx="1458">
                  <c:v>1.2902765090721637</c:v>
                </c:pt>
                <c:pt idx="1459">
                  <c:v>1.2902765090721637</c:v>
                </c:pt>
                <c:pt idx="1460">
                  <c:v>0.99950997181646484</c:v>
                </c:pt>
                <c:pt idx="1461">
                  <c:v>0.38163108014810471</c:v>
                </c:pt>
                <c:pt idx="1462">
                  <c:v>0.38163108014810471</c:v>
                </c:pt>
                <c:pt idx="1463">
                  <c:v>0.38163108014810471</c:v>
                </c:pt>
                <c:pt idx="1464">
                  <c:v>0.27860031507001426</c:v>
                </c:pt>
                <c:pt idx="1465">
                  <c:v>0.54393394847002796</c:v>
                </c:pt>
                <c:pt idx="1466">
                  <c:v>0.54393394847002796</c:v>
                </c:pt>
                <c:pt idx="1467">
                  <c:v>0.54393394847002796</c:v>
                </c:pt>
                <c:pt idx="1468">
                  <c:v>0.54393394847002796</c:v>
                </c:pt>
                <c:pt idx="1469">
                  <c:v>0.67660076517003476</c:v>
                </c:pt>
                <c:pt idx="1470">
                  <c:v>0.84906762688004356</c:v>
                </c:pt>
                <c:pt idx="1471">
                  <c:v>0.96846776191004957</c:v>
                </c:pt>
                <c:pt idx="1472">
                  <c:v>0.96846776191004957</c:v>
                </c:pt>
                <c:pt idx="1473">
                  <c:v>0.96846776191004957</c:v>
                </c:pt>
                <c:pt idx="1474">
                  <c:v>0.96846776191004957</c:v>
                </c:pt>
                <c:pt idx="1475">
                  <c:v>0.96846776191004957</c:v>
                </c:pt>
                <c:pt idx="1476">
                  <c:v>0.96846776191004957</c:v>
                </c:pt>
                <c:pt idx="1477">
                  <c:v>0.96846776191004957</c:v>
                </c:pt>
                <c:pt idx="1478">
                  <c:v>0.96846776191004957</c:v>
                </c:pt>
                <c:pt idx="1479">
                  <c:v>0.87560099022004489</c:v>
                </c:pt>
                <c:pt idx="1480">
                  <c:v>0.79600090020004077</c:v>
                </c:pt>
                <c:pt idx="1481">
                  <c:v>0.71640081018003676</c:v>
                </c:pt>
                <c:pt idx="1482">
                  <c:v>0.68986744684003531</c:v>
                </c:pt>
                <c:pt idx="1483">
                  <c:v>0.55720063014002852</c:v>
                </c:pt>
                <c:pt idx="1484">
                  <c:v>0.41126713177002105</c:v>
                </c:pt>
                <c:pt idx="1485">
                  <c:v>0.41126713177002105</c:v>
                </c:pt>
                <c:pt idx="1486">
                  <c:v>0.41126713177002105</c:v>
                </c:pt>
                <c:pt idx="1487">
                  <c:v>0.41126713177002105</c:v>
                </c:pt>
                <c:pt idx="1488">
                  <c:v>0.51441164220256674</c:v>
                </c:pt>
                <c:pt idx="1489">
                  <c:v>0.59738126191265817</c:v>
                </c:pt>
                <c:pt idx="1490">
                  <c:v>0.59738126191265817</c:v>
                </c:pt>
                <c:pt idx="1491">
                  <c:v>0.59738126191265817</c:v>
                </c:pt>
                <c:pt idx="1492">
                  <c:v>0.59738126191265817</c:v>
                </c:pt>
                <c:pt idx="1493">
                  <c:v>0.74672657739082271</c:v>
                </c:pt>
                <c:pt idx="1494">
                  <c:v>0.87947796892696894</c:v>
                </c:pt>
                <c:pt idx="1495">
                  <c:v>1.045417208347152</c:v>
                </c:pt>
                <c:pt idx="1496">
                  <c:v>1.045417208347152</c:v>
                </c:pt>
                <c:pt idx="1497">
                  <c:v>1.045417208347152</c:v>
                </c:pt>
                <c:pt idx="1498">
                  <c:v>1.045417208347152</c:v>
                </c:pt>
                <c:pt idx="1499">
                  <c:v>1.045417208347152</c:v>
                </c:pt>
                <c:pt idx="1500">
                  <c:v>1.045417208347152</c:v>
                </c:pt>
                <c:pt idx="1501">
                  <c:v>1.045417208347152</c:v>
                </c:pt>
                <c:pt idx="1502">
                  <c:v>1.045417208347152</c:v>
                </c:pt>
                <c:pt idx="1503">
                  <c:v>0.92925974075302376</c:v>
                </c:pt>
                <c:pt idx="1504">
                  <c:v>0.91266581681100545</c:v>
                </c:pt>
                <c:pt idx="1505">
                  <c:v>0.77991442527485932</c:v>
                </c:pt>
                <c:pt idx="1506">
                  <c:v>0.73013265344880462</c:v>
                </c:pt>
                <c:pt idx="1507">
                  <c:v>0.61397518585467648</c:v>
                </c:pt>
                <c:pt idx="1508">
                  <c:v>0.51441164220256674</c:v>
                </c:pt>
                <c:pt idx="1509">
                  <c:v>0.44803594643449368</c:v>
                </c:pt>
                <c:pt idx="1510">
                  <c:v>0.44803594643449368</c:v>
                </c:pt>
                <c:pt idx="1511">
                  <c:v>0.44803594643449368</c:v>
                </c:pt>
                <c:pt idx="1512">
                  <c:v>0.27091283496988339</c:v>
                </c:pt>
                <c:pt idx="1513">
                  <c:v>0.27091283496988339</c:v>
                </c:pt>
                <c:pt idx="1514">
                  <c:v>0.27091283496988339</c:v>
                </c:pt>
                <c:pt idx="1515">
                  <c:v>0.27091283496988339</c:v>
                </c:pt>
                <c:pt idx="1516">
                  <c:v>0.27091283496988339</c:v>
                </c:pt>
                <c:pt idx="1517">
                  <c:v>1.1739556182028279</c:v>
                </c:pt>
                <c:pt idx="1518">
                  <c:v>1.3319881052685933</c:v>
                </c:pt>
                <c:pt idx="1519">
                  <c:v>1.3319881052685933</c:v>
                </c:pt>
                <c:pt idx="1520">
                  <c:v>1.3319881052685933</c:v>
                </c:pt>
                <c:pt idx="1521">
                  <c:v>1.4222923835918879</c:v>
                </c:pt>
                <c:pt idx="1522">
                  <c:v>1.4222923835918879</c:v>
                </c:pt>
                <c:pt idx="1523">
                  <c:v>1.8060855664658892</c:v>
                </c:pt>
                <c:pt idx="1524">
                  <c:v>1.8060855664658892</c:v>
                </c:pt>
                <c:pt idx="1525">
                  <c:v>1.1965316877836516</c:v>
                </c:pt>
                <c:pt idx="1526">
                  <c:v>1.8060855664658892</c:v>
                </c:pt>
                <c:pt idx="1527">
                  <c:v>1.8060855664658892</c:v>
                </c:pt>
                <c:pt idx="1528">
                  <c:v>1.8060855664658892</c:v>
                </c:pt>
                <c:pt idx="1529">
                  <c:v>1.8060855664658892</c:v>
                </c:pt>
                <c:pt idx="1530">
                  <c:v>1.8060855664658892</c:v>
                </c:pt>
                <c:pt idx="1531">
                  <c:v>1.5125966619151825</c:v>
                </c:pt>
                <c:pt idx="1532">
                  <c:v>1.241683826945299</c:v>
                </c:pt>
                <c:pt idx="1533">
                  <c:v>0.90304278323294462</c:v>
                </c:pt>
                <c:pt idx="1534">
                  <c:v>0.85789064407129745</c:v>
                </c:pt>
                <c:pt idx="1535">
                  <c:v>0.85789064407129745</c:v>
                </c:pt>
                <c:pt idx="1536">
                  <c:v>0.82593062900284231</c:v>
                </c:pt>
                <c:pt idx="1537">
                  <c:v>0.82593062900284231</c:v>
                </c:pt>
                <c:pt idx="1538">
                  <c:v>0.82593062900284231</c:v>
                </c:pt>
                <c:pt idx="1539">
                  <c:v>0.82593062900284231</c:v>
                </c:pt>
                <c:pt idx="1540">
                  <c:v>0.82593062900284231</c:v>
                </c:pt>
                <c:pt idx="1541">
                  <c:v>1.073709817703695</c:v>
                </c:pt>
                <c:pt idx="1542">
                  <c:v>1.1975994120541211</c:v>
                </c:pt>
                <c:pt idx="1543">
                  <c:v>1.2388959435042635</c:v>
                </c:pt>
                <c:pt idx="1544">
                  <c:v>1.2388959435042635</c:v>
                </c:pt>
                <c:pt idx="1545">
                  <c:v>1.3421372721296188</c:v>
                </c:pt>
                <c:pt idx="1546">
                  <c:v>1.4040820693048319</c:v>
                </c:pt>
                <c:pt idx="1547">
                  <c:v>1.6518612580056846</c:v>
                </c:pt>
                <c:pt idx="1548">
                  <c:v>1.6518612580056846</c:v>
                </c:pt>
                <c:pt idx="1549">
                  <c:v>1.6518612580056846</c:v>
                </c:pt>
                <c:pt idx="1550">
                  <c:v>1.6518612580056846</c:v>
                </c:pt>
                <c:pt idx="1551">
                  <c:v>1.6518612580056846</c:v>
                </c:pt>
                <c:pt idx="1552">
                  <c:v>1.6518612580056846</c:v>
                </c:pt>
                <c:pt idx="1553">
                  <c:v>1.6518612580056846</c:v>
                </c:pt>
                <c:pt idx="1554">
                  <c:v>1.6518612580056846</c:v>
                </c:pt>
                <c:pt idx="1555">
                  <c:v>1.3834338035797609</c:v>
                </c:pt>
                <c:pt idx="1556">
                  <c:v>1.1356546148789082</c:v>
                </c:pt>
                <c:pt idx="1557">
                  <c:v>0.82593062900284231</c:v>
                </c:pt>
                <c:pt idx="1558">
                  <c:v>0.82593062900284231</c:v>
                </c:pt>
                <c:pt idx="1559">
                  <c:v>0.82593062900284231</c:v>
                </c:pt>
                <c:pt idx="1560">
                  <c:v>0.75117274424453828</c:v>
                </c:pt>
                <c:pt idx="1561">
                  <c:v>0.84506933727510547</c:v>
                </c:pt>
                <c:pt idx="1562">
                  <c:v>0.84506933727510547</c:v>
                </c:pt>
                <c:pt idx="1563">
                  <c:v>0.84506933727510547</c:v>
                </c:pt>
                <c:pt idx="1564">
                  <c:v>0.84506933727510547</c:v>
                </c:pt>
                <c:pt idx="1565">
                  <c:v>1.0892004791545804</c:v>
                </c:pt>
                <c:pt idx="1566">
                  <c:v>1.2582143466096016</c:v>
                </c:pt>
                <c:pt idx="1567">
                  <c:v>1.2582143466096016</c:v>
                </c:pt>
                <c:pt idx="1568">
                  <c:v>1.2582143466096016</c:v>
                </c:pt>
                <c:pt idx="1569">
                  <c:v>1.3521109396401687</c:v>
                </c:pt>
                <c:pt idx="1570">
                  <c:v>1.4647868512768496</c:v>
                </c:pt>
                <c:pt idx="1571">
                  <c:v>1.6901386745502109</c:v>
                </c:pt>
                <c:pt idx="1572">
                  <c:v>1.6901386745502109</c:v>
                </c:pt>
                <c:pt idx="1573">
                  <c:v>1.6901386745502109</c:v>
                </c:pt>
                <c:pt idx="1574">
                  <c:v>1.6901386745502109</c:v>
                </c:pt>
                <c:pt idx="1575">
                  <c:v>1.6901386745502109</c:v>
                </c:pt>
                <c:pt idx="1576">
                  <c:v>1.6901386745502109</c:v>
                </c:pt>
                <c:pt idx="1577">
                  <c:v>1.6901386745502109</c:v>
                </c:pt>
                <c:pt idx="1578">
                  <c:v>1.6901386745502109</c:v>
                </c:pt>
                <c:pt idx="1579">
                  <c:v>1.408448895458509</c:v>
                </c:pt>
                <c:pt idx="1580">
                  <c:v>1.1267591163668074</c:v>
                </c:pt>
                <c:pt idx="1581">
                  <c:v>0.84506933727510547</c:v>
                </c:pt>
                <c:pt idx="1582">
                  <c:v>0.84506933727510547</c:v>
                </c:pt>
                <c:pt idx="1583">
                  <c:v>0.84506933727510547</c:v>
                </c:pt>
                <c:pt idx="1584">
                  <c:v>0.86266667873149316</c:v>
                </c:pt>
                <c:pt idx="1585">
                  <c:v>0.86266667873149316</c:v>
                </c:pt>
                <c:pt idx="1586">
                  <c:v>0.86266667873149316</c:v>
                </c:pt>
                <c:pt idx="1587">
                  <c:v>0.86266667873149316</c:v>
                </c:pt>
                <c:pt idx="1588">
                  <c:v>0.86266667873149316</c:v>
                </c:pt>
                <c:pt idx="1589">
                  <c:v>1.1118814970317021</c:v>
                </c:pt>
                <c:pt idx="1590">
                  <c:v>1.2844148327780012</c:v>
                </c:pt>
                <c:pt idx="1591">
                  <c:v>1.2844148327780012</c:v>
                </c:pt>
                <c:pt idx="1592">
                  <c:v>1.2844148327780012</c:v>
                </c:pt>
                <c:pt idx="1593">
                  <c:v>1.3802666859703889</c:v>
                </c:pt>
                <c:pt idx="1594">
                  <c:v>1.495288909801255</c:v>
                </c:pt>
                <c:pt idx="1595">
                  <c:v>1.7253333574629863</c:v>
                </c:pt>
                <c:pt idx="1596">
                  <c:v>1.7253333574629863</c:v>
                </c:pt>
                <c:pt idx="1597">
                  <c:v>1.7253333574629863</c:v>
                </c:pt>
                <c:pt idx="1598">
                  <c:v>1.7253333574629863</c:v>
                </c:pt>
                <c:pt idx="1599">
                  <c:v>1.7253333574629863</c:v>
                </c:pt>
                <c:pt idx="1600">
                  <c:v>1.7253333574629863</c:v>
                </c:pt>
                <c:pt idx="1601">
                  <c:v>1.7253333574629863</c:v>
                </c:pt>
                <c:pt idx="1602">
                  <c:v>1.7253333574629863</c:v>
                </c:pt>
                <c:pt idx="1603">
                  <c:v>1.4377777978858219</c:v>
                </c:pt>
                <c:pt idx="1604">
                  <c:v>1.1502222383086578</c:v>
                </c:pt>
                <c:pt idx="1605">
                  <c:v>0.86266667873149316</c:v>
                </c:pt>
                <c:pt idx="1606">
                  <c:v>0.86266667873149316</c:v>
                </c:pt>
                <c:pt idx="1607">
                  <c:v>0.86266667873149316</c:v>
                </c:pt>
                <c:pt idx="1608">
                  <c:v>0.95943333720003054</c:v>
                </c:pt>
                <c:pt idx="1609">
                  <c:v>0.95943333720003054</c:v>
                </c:pt>
                <c:pt idx="1610">
                  <c:v>0.95943333720003054</c:v>
                </c:pt>
                <c:pt idx="1611">
                  <c:v>0.95943333720003054</c:v>
                </c:pt>
                <c:pt idx="1612">
                  <c:v>0.95943333720003054</c:v>
                </c:pt>
                <c:pt idx="1613">
                  <c:v>1.2366029679467061</c:v>
                </c:pt>
                <c:pt idx="1614">
                  <c:v>1.4924518578667145</c:v>
                </c:pt>
                <c:pt idx="1615">
                  <c:v>1.4924518578667145</c:v>
                </c:pt>
                <c:pt idx="1616">
                  <c:v>1.4924518578667145</c:v>
                </c:pt>
                <c:pt idx="1617">
                  <c:v>1.5990555620000508</c:v>
                </c:pt>
                <c:pt idx="1618">
                  <c:v>1.6630177844800529</c:v>
                </c:pt>
                <c:pt idx="1619">
                  <c:v>1.9188666744000611</c:v>
                </c:pt>
                <c:pt idx="1620">
                  <c:v>1.9188666744000611</c:v>
                </c:pt>
                <c:pt idx="1621">
                  <c:v>1.9188666744000611</c:v>
                </c:pt>
                <c:pt idx="1622">
                  <c:v>1.9188666744000611</c:v>
                </c:pt>
                <c:pt idx="1623">
                  <c:v>1.5990555620000508</c:v>
                </c:pt>
                <c:pt idx="1624">
                  <c:v>1.5137725986933817</c:v>
                </c:pt>
                <c:pt idx="1625">
                  <c:v>1.5137725986933817</c:v>
                </c:pt>
                <c:pt idx="1626">
                  <c:v>1.5137725986933817</c:v>
                </c:pt>
                <c:pt idx="1627">
                  <c:v>1.5137725986933817</c:v>
                </c:pt>
                <c:pt idx="1628">
                  <c:v>1.172640745466704</c:v>
                </c:pt>
                <c:pt idx="1629">
                  <c:v>0.4477355573600143</c:v>
                </c:pt>
                <c:pt idx="1630">
                  <c:v>0.4477355573600143</c:v>
                </c:pt>
                <c:pt idx="1631">
                  <c:v>0.4477355573600143</c:v>
                </c:pt>
                <c:pt idx="1632">
                  <c:v>0.33752191525143899</c:v>
                </c:pt>
                <c:pt idx="1633">
                  <c:v>0.65897135834804754</c:v>
                </c:pt>
                <c:pt idx="1634">
                  <c:v>0.65897135834804754</c:v>
                </c:pt>
                <c:pt idx="1635">
                  <c:v>0.65897135834804754</c:v>
                </c:pt>
                <c:pt idx="1636">
                  <c:v>0.65897135834804754</c:v>
                </c:pt>
                <c:pt idx="1637">
                  <c:v>0.81969607989635196</c:v>
                </c:pt>
                <c:pt idx="1638">
                  <c:v>1.0286382179091476</c:v>
                </c:pt>
                <c:pt idx="1639">
                  <c:v>1.1732904673026214</c:v>
                </c:pt>
                <c:pt idx="1640">
                  <c:v>1.1732904673026214</c:v>
                </c:pt>
                <c:pt idx="1641">
                  <c:v>1.1732904673026214</c:v>
                </c:pt>
                <c:pt idx="1642">
                  <c:v>1.1732904673026214</c:v>
                </c:pt>
                <c:pt idx="1643">
                  <c:v>1.1732904673026214</c:v>
                </c:pt>
                <c:pt idx="1644">
                  <c:v>1.1732904673026214</c:v>
                </c:pt>
                <c:pt idx="1645">
                  <c:v>1.1732904673026214</c:v>
                </c:pt>
                <c:pt idx="1646">
                  <c:v>1.1732904673026214</c:v>
                </c:pt>
                <c:pt idx="1647">
                  <c:v>1.0607831622188082</c:v>
                </c:pt>
                <c:pt idx="1648">
                  <c:v>0.96434832928982572</c:v>
                </c:pt>
                <c:pt idx="1649">
                  <c:v>0.86791349636084314</c:v>
                </c:pt>
                <c:pt idx="1650">
                  <c:v>0.83576855205118217</c:v>
                </c:pt>
                <c:pt idx="1651">
                  <c:v>0.67504383050287797</c:v>
                </c:pt>
                <c:pt idx="1652">
                  <c:v>0.49824663679974329</c:v>
                </c:pt>
                <c:pt idx="1653">
                  <c:v>0.49824663679974329</c:v>
                </c:pt>
                <c:pt idx="1654">
                  <c:v>0.49824663679974329</c:v>
                </c:pt>
                <c:pt idx="1655">
                  <c:v>0.49824663679974329</c:v>
                </c:pt>
                <c:pt idx="1656">
                  <c:v>0.54682290991797888</c:v>
                </c:pt>
                <c:pt idx="1657">
                  <c:v>0.63502015345313667</c:v>
                </c:pt>
                <c:pt idx="1658">
                  <c:v>0.63502015345313667</c:v>
                </c:pt>
                <c:pt idx="1659">
                  <c:v>0.63502015345313667</c:v>
                </c:pt>
                <c:pt idx="1660">
                  <c:v>0.63502015345313667</c:v>
                </c:pt>
                <c:pt idx="1661">
                  <c:v>0.79377519181642098</c:v>
                </c:pt>
                <c:pt idx="1662">
                  <c:v>0.93489078147267357</c:v>
                </c:pt>
                <c:pt idx="1663">
                  <c:v>1.1112852685429893</c:v>
                </c:pt>
                <c:pt idx="1664">
                  <c:v>1.1112852685429893</c:v>
                </c:pt>
                <c:pt idx="1665">
                  <c:v>1.1112852685429893</c:v>
                </c:pt>
                <c:pt idx="1666">
                  <c:v>1.1112852685429893</c:v>
                </c:pt>
                <c:pt idx="1667">
                  <c:v>1.1112852685429893</c:v>
                </c:pt>
                <c:pt idx="1668">
                  <c:v>1.1112852685429893</c:v>
                </c:pt>
                <c:pt idx="1669">
                  <c:v>1.1112852685429893</c:v>
                </c:pt>
                <c:pt idx="1670">
                  <c:v>1.1112852685429893</c:v>
                </c:pt>
                <c:pt idx="1671">
                  <c:v>0.98780912759376827</c:v>
                </c:pt>
                <c:pt idx="1672">
                  <c:v>0.97016967888673666</c:v>
                </c:pt>
                <c:pt idx="1673">
                  <c:v>0.82905408923048407</c:v>
                </c:pt>
                <c:pt idx="1674">
                  <c:v>0.77613574310938938</c:v>
                </c:pt>
                <c:pt idx="1675">
                  <c:v>0.65265960216016838</c:v>
                </c:pt>
                <c:pt idx="1676">
                  <c:v>0.54682290991797888</c:v>
                </c:pt>
                <c:pt idx="1677">
                  <c:v>0.47626511508985264</c:v>
                </c:pt>
                <c:pt idx="1678">
                  <c:v>0.47626511508985264</c:v>
                </c:pt>
                <c:pt idx="1679">
                  <c:v>0.47626511508985264</c:v>
                </c:pt>
                <c:pt idx="1680">
                  <c:v>0.27897406033343775</c:v>
                </c:pt>
                <c:pt idx="1681">
                  <c:v>0.27897406033343775</c:v>
                </c:pt>
                <c:pt idx="1682">
                  <c:v>0.27897406033343775</c:v>
                </c:pt>
                <c:pt idx="1683">
                  <c:v>0.27897406033343775</c:v>
                </c:pt>
                <c:pt idx="1684">
                  <c:v>0.27897406033343775</c:v>
                </c:pt>
                <c:pt idx="1685">
                  <c:v>1.2088875947782303</c:v>
                </c:pt>
                <c:pt idx="1686">
                  <c:v>1.371622463306069</c:v>
                </c:pt>
                <c:pt idx="1687">
                  <c:v>1.371622463306069</c:v>
                </c:pt>
                <c:pt idx="1688">
                  <c:v>1.371622463306069</c:v>
                </c:pt>
                <c:pt idx="1689">
                  <c:v>1.4646138167505482</c:v>
                </c:pt>
                <c:pt idx="1690">
                  <c:v>1.4646138167505482</c:v>
                </c:pt>
                <c:pt idx="1691">
                  <c:v>1.8598270688895853</c:v>
                </c:pt>
                <c:pt idx="1692">
                  <c:v>1.8598270688895853</c:v>
                </c:pt>
                <c:pt idx="1693">
                  <c:v>1.2321354331393501</c:v>
                </c:pt>
                <c:pt idx="1694">
                  <c:v>1.8598270688895853</c:v>
                </c:pt>
                <c:pt idx="1695">
                  <c:v>1.8598270688895853</c:v>
                </c:pt>
                <c:pt idx="1696">
                  <c:v>1.8598270688895853</c:v>
                </c:pt>
                <c:pt idx="1697">
                  <c:v>1.8598270688895853</c:v>
                </c:pt>
                <c:pt idx="1698">
                  <c:v>1.8598270688895853</c:v>
                </c:pt>
                <c:pt idx="1699">
                  <c:v>1.5576051701950275</c:v>
                </c:pt>
                <c:pt idx="1700">
                  <c:v>1.2786311098615899</c:v>
                </c:pt>
                <c:pt idx="1701">
                  <c:v>0.92991353444479263</c:v>
                </c:pt>
                <c:pt idx="1702">
                  <c:v>0.88341785772255277</c:v>
                </c:pt>
                <c:pt idx="1703">
                  <c:v>0.88341785772255277</c:v>
                </c:pt>
                <c:pt idx="1704">
                  <c:v>0.79229902145543796</c:v>
                </c:pt>
                <c:pt idx="1705">
                  <c:v>0.79229902145543796</c:v>
                </c:pt>
                <c:pt idx="1706">
                  <c:v>0.79229902145543796</c:v>
                </c:pt>
                <c:pt idx="1707">
                  <c:v>0.79229902145543796</c:v>
                </c:pt>
                <c:pt idx="1708">
                  <c:v>0.79229902145543796</c:v>
                </c:pt>
                <c:pt idx="1709">
                  <c:v>1.0299887278920692</c:v>
                </c:pt>
                <c:pt idx="1710">
                  <c:v>1.1488335811103849</c:v>
                </c:pt>
                <c:pt idx="1711">
                  <c:v>1.188448532183157</c:v>
                </c:pt>
                <c:pt idx="1712">
                  <c:v>1.188448532183157</c:v>
                </c:pt>
                <c:pt idx="1713">
                  <c:v>1.2874859098650866</c:v>
                </c:pt>
                <c:pt idx="1714">
                  <c:v>1.3469083364742442</c:v>
                </c:pt>
                <c:pt idx="1715">
                  <c:v>1.5845980429108759</c:v>
                </c:pt>
                <c:pt idx="1716">
                  <c:v>1.5845980429108759</c:v>
                </c:pt>
                <c:pt idx="1717">
                  <c:v>1.5845980429108759</c:v>
                </c:pt>
                <c:pt idx="1718">
                  <c:v>1.5845980429108759</c:v>
                </c:pt>
                <c:pt idx="1719">
                  <c:v>1.5845980429108759</c:v>
                </c:pt>
                <c:pt idx="1720">
                  <c:v>1.5845980429108759</c:v>
                </c:pt>
                <c:pt idx="1721">
                  <c:v>1.5845980429108759</c:v>
                </c:pt>
                <c:pt idx="1722">
                  <c:v>1.5845980429108759</c:v>
                </c:pt>
                <c:pt idx="1723">
                  <c:v>1.3271008609378585</c:v>
                </c:pt>
                <c:pt idx="1724">
                  <c:v>1.0894111545012271</c:v>
                </c:pt>
                <c:pt idx="1725">
                  <c:v>0.79229902145543796</c:v>
                </c:pt>
                <c:pt idx="1726">
                  <c:v>0.79229902145543796</c:v>
                </c:pt>
                <c:pt idx="1727">
                  <c:v>0.79229902145543796</c:v>
                </c:pt>
                <c:pt idx="1728">
                  <c:v>0.70314539609778182</c:v>
                </c:pt>
                <c:pt idx="1729">
                  <c:v>0.79103857061000438</c:v>
                </c:pt>
                <c:pt idx="1730">
                  <c:v>0.79103857061000438</c:v>
                </c:pt>
                <c:pt idx="1731">
                  <c:v>0.79103857061000438</c:v>
                </c:pt>
                <c:pt idx="1732">
                  <c:v>0.79103857061000438</c:v>
                </c:pt>
                <c:pt idx="1733">
                  <c:v>1.0195608243417833</c:v>
                </c:pt>
                <c:pt idx="1734">
                  <c:v>1.1777685384637844</c:v>
                </c:pt>
                <c:pt idx="1735">
                  <c:v>1.1777685384637844</c:v>
                </c:pt>
                <c:pt idx="1736">
                  <c:v>1.1777685384637844</c:v>
                </c:pt>
                <c:pt idx="1737">
                  <c:v>1.265661712976007</c:v>
                </c:pt>
                <c:pt idx="1738">
                  <c:v>1.3711335223906742</c:v>
                </c:pt>
                <c:pt idx="1739">
                  <c:v>1.5820771412200088</c:v>
                </c:pt>
                <c:pt idx="1740">
                  <c:v>1.5820771412200088</c:v>
                </c:pt>
                <c:pt idx="1741">
                  <c:v>1.5820771412200088</c:v>
                </c:pt>
                <c:pt idx="1742">
                  <c:v>1.5820771412200088</c:v>
                </c:pt>
                <c:pt idx="1743">
                  <c:v>1.5820771412200088</c:v>
                </c:pt>
                <c:pt idx="1744">
                  <c:v>1.5820771412200088</c:v>
                </c:pt>
                <c:pt idx="1745">
                  <c:v>1.5820771412200088</c:v>
                </c:pt>
                <c:pt idx="1746">
                  <c:v>1.5820771412200088</c:v>
                </c:pt>
                <c:pt idx="1747">
                  <c:v>1.318397617683341</c:v>
                </c:pt>
                <c:pt idx="1748">
                  <c:v>1.0547180941466727</c:v>
                </c:pt>
                <c:pt idx="1749">
                  <c:v>0.79103857061000438</c:v>
                </c:pt>
                <c:pt idx="1750">
                  <c:v>0.79103857061000438</c:v>
                </c:pt>
                <c:pt idx="1751">
                  <c:v>0.79103857061000438</c:v>
                </c:pt>
                <c:pt idx="1752">
                  <c:v>0.77850352907131914</c:v>
                </c:pt>
                <c:pt idx="1753">
                  <c:v>0.77850352907131914</c:v>
                </c:pt>
                <c:pt idx="1754">
                  <c:v>0.77850352907131914</c:v>
                </c:pt>
                <c:pt idx="1755">
                  <c:v>0.77850352907131914</c:v>
                </c:pt>
                <c:pt idx="1756">
                  <c:v>0.77850352907131914</c:v>
                </c:pt>
                <c:pt idx="1757">
                  <c:v>1.0034045485808114</c:v>
                </c:pt>
                <c:pt idx="1758">
                  <c:v>1.1591052543950753</c:v>
                </c:pt>
                <c:pt idx="1759">
                  <c:v>1.1591052543950753</c:v>
                </c:pt>
                <c:pt idx="1760">
                  <c:v>1.1591052543950753</c:v>
                </c:pt>
                <c:pt idx="1761">
                  <c:v>1.245605646514111</c:v>
                </c:pt>
                <c:pt idx="1762">
                  <c:v>1.3494061170569536</c:v>
                </c:pt>
                <c:pt idx="1763">
                  <c:v>1.5570070581426383</c:v>
                </c:pt>
                <c:pt idx="1764">
                  <c:v>1.5570070581426383</c:v>
                </c:pt>
                <c:pt idx="1765">
                  <c:v>1.5570070581426383</c:v>
                </c:pt>
                <c:pt idx="1766">
                  <c:v>1.5570070581426383</c:v>
                </c:pt>
                <c:pt idx="1767">
                  <c:v>1.5570070581426383</c:v>
                </c:pt>
                <c:pt idx="1768">
                  <c:v>1.5570070581426383</c:v>
                </c:pt>
                <c:pt idx="1769">
                  <c:v>1.5570070581426383</c:v>
                </c:pt>
                <c:pt idx="1770">
                  <c:v>1.5570070581426383</c:v>
                </c:pt>
                <c:pt idx="1771">
                  <c:v>1.2975058817855321</c:v>
                </c:pt>
                <c:pt idx="1772">
                  <c:v>1.0380047054284256</c:v>
                </c:pt>
                <c:pt idx="1773">
                  <c:v>0.77850352907131914</c:v>
                </c:pt>
                <c:pt idx="1774">
                  <c:v>0.77850352907131914</c:v>
                </c:pt>
                <c:pt idx="1775">
                  <c:v>0.77850352907131914</c:v>
                </c:pt>
                <c:pt idx="1776">
                  <c:v>0.85375060279554826</c:v>
                </c:pt>
                <c:pt idx="1777">
                  <c:v>0.85375060279554826</c:v>
                </c:pt>
                <c:pt idx="1778">
                  <c:v>0.85375060279554826</c:v>
                </c:pt>
                <c:pt idx="1779">
                  <c:v>0.85375060279554826</c:v>
                </c:pt>
                <c:pt idx="1780">
                  <c:v>0.85375060279554826</c:v>
                </c:pt>
                <c:pt idx="1781">
                  <c:v>1.1003896658253733</c:v>
                </c:pt>
                <c:pt idx="1782">
                  <c:v>1.3280564932375196</c:v>
                </c:pt>
                <c:pt idx="1783">
                  <c:v>1.3280564932375196</c:v>
                </c:pt>
                <c:pt idx="1784">
                  <c:v>1.3280564932375196</c:v>
                </c:pt>
                <c:pt idx="1785">
                  <c:v>1.422917671325914</c:v>
                </c:pt>
                <c:pt idx="1786">
                  <c:v>1.4798343781789505</c:v>
                </c:pt>
                <c:pt idx="1787">
                  <c:v>1.7075012055910965</c:v>
                </c:pt>
                <c:pt idx="1788">
                  <c:v>1.7075012055910965</c:v>
                </c:pt>
                <c:pt idx="1789">
                  <c:v>1.7075012055910965</c:v>
                </c:pt>
                <c:pt idx="1790">
                  <c:v>1.7075012055910965</c:v>
                </c:pt>
                <c:pt idx="1791">
                  <c:v>1.422917671325914</c:v>
                </c:pt>
                <c:pt idx="1792">
                  <c:v>1.3470287288551985</c:v>
                </c:pt>
                <c:pt idx="1793">
                  <c:v>1.3470287288551985</c:v>
                </c:pt>
                <c:pt idx="1794">
                  <c:v>1.3470287288551985</c:v>
                </c:pt>
                <c:pt idx="1795">
                  <c:v>1.3470287288551985</c:v>
                </c:pt>
                <c:pt idx="1796">
                  <c:v>1.0434729589723366</c:v>
                </c:pt>
                <c:pt idx="1797">
                  <c:v>0.39841694797125587</c:v>
                </c:pt>
                <c:pt idx="1798">
                  <c:v>0.39841694797125587</c:v>
                </c:pt>
                <c:pt idx="1799">
                  <c:v>0.39841694797125587</c:v>
                </c:pt>
                <c:pt idx="1800">
                  <c:v>0.2602476855053083</c:v>
                </c:pt>
                <c:pt idx="1801">
                  <c:v>0.50810262408179241</c:v>
                </c:pt>
                <c:pt idx="1802">
                  <c:v>0.50810262408179241</c:v>
                </c:pt>
                <c:pt idx="1803">
                  <c:v>0.50810262408179241</c:v>
                </c:pt>
                <c:pt idx="1804">
                  <c:v>0.50810262408179241</c:v>
                </c:pt>
                <c:pt idx="1805">
                  <c:v>0.63203009337003446</c:v>
                </c:pt>
                <c:pt idx="1806">
                  <c:v>0.79313580344474921</c:v>
                </c:pt>
                <c:pt idx="1807">
                  <c:v>0.90467052580416696</c:v>
                </c:pt>
                <c:pt idx="1808">
                  <c:v>0.90467052580416696</c:v>
                </c:pt>
                <c:pt idx="1809">
                  <c:v>0.90467052580416696</c:v>
                </c:pt>
                <c:pt idx="1810">
                  <c:v>0.90467052580416696</c:v>
                </c:pt>
                <c:pt idx="1811">
                  <c:v>0.90467052580416696</c:v>
                </c:pt>
                <c:pt idx="1812">
                  <c:v>0.90467052580416696</c:v>
                </c:pt>
                <c:pt idx="1813">
                  <c:v>0.90467052580416696</c:v>
                </c:pt>
                <c:pt idx="1814">
                  <c:v>0.90467052580416696</c:v>
                </c:pt>
                <c:pt idx="1815">
                  <c:v>0.81792129730239749</c:v>
                </c:pt>
                <c:pt idx="1816">
                  <c:v>0.74356481572945232</c:v>
                </c:pt>
                <c:pt idx="1817">
                  <c:v>0.66920833415650693</c:v>
                </c:pt>
                <c:pt idx="1818">
                  <c:v>0.64442284029885866</c:v>
                </c:pt>
                <c:pt idx="1819">
                  <c:v>0.5204953710106166</c:v>
                </c:pt>
                <c:pt idx="1820">
                  <c:v>0.3841751547935503</c:v>
                </c:pt>
                <c:pt idx="1821">
                  <c:v>0.3841751547935503</c:v>
                </c:pt>
                <c:pt idx="1822">
                  <c:v>0.3841751547935503</c:v>
                </c:pt>
                <c:pt idx="1823">
                  <c:v>0.3841751547935503</c:v>
                </c:pt>
                <c:pt idx="1824">
                  <c:v>0.45769192370059564</c:v>
                </c:pt>
                <c:pt idx="1825">
                  <c:v>0.5315132017168207</c:v>
                </c:pt>
                <c:pt idx="1826">
                  <c:v>0.5315132017168207</c:v>
                </c:pt>
                <c:pt idx="1827">
                  <c:v>0.5315132017168207</c:v>
                </c:pt>
                <c:pt idx="1828">
                  <c:v>0.5315132017168207</c:v>
                </c:pt>
                <c:pt idx="1829">
                  <c:v>0.66439150214602594</c:v>
                </c:pt>
                <c:pt idx="1830">
                  <c:v>0.78250554697198604</c:v>
                </c:pt>
                <c:pt idx="1831">
                  <c:v>0.9301481030044364</c:v>
                </c:pt>
                <c:pt idx="1832">
                  <c:v>0.9301481030044364</c:v>
                </c:pt>
                <c:pt idx="1833">
                  <c:v>0.9301481030044364</c:v>
                </c:pt>
                <c:pt idx="1834">
                  <c:v>0.9301481030044364</c:v>
                </c:pt>
                <c:pt idx="1835">
                  <c:v>0.9301481030044364</c:v>
                </c:pt>
                <c:pt idx="1836">
                  <c:v>0.9301481030044364</c:v>
                </c:pt>
                <c:pt idx="1837">
                  <c:v>0.9301481030044364</c:v>
                </c:pt>
                <c:pt idx="1838">
                  <c:v>0.9301481030044364</c:v>
                </c:pt>
                <c:pt idx="1839">
                  <c:v>0.82679831378172108</c:v>
                </c:pt>
                <c:pt idx="1840">
                  <c:v>0.81203405817847607</c:v>
                </c:pt>
                <c:pt idx="1841">
                  <c:v>0.69392001335251596</c:v>
                </c:pt>
                <c:pt idx="1842">
                  <c:v>0.64962724654278092</c:v>
                </c:pt>
                <c:pt idx="1843">
                  <c:v>0.54627745732006572</c:v>
                </c:pt>
                <c:pt idx="1844">
                  <c:v>0.45769192370059564</c:v>
                </c:pt>
                <c:pt idx="1845">
                  <c:v>0.39863490128761558</c:v>
                </c:pt>
                <c:pt idx="1846">
                  <c:v>0.39863490128761558</c:v>
                </c:pt>
                <c:pt idx="1847">
                  <c:v>0.39863490128761558</c:v>
                </c:pt>
                <c:pt idx="1848">
                  <c:v>0.26131613810850918</c:v>
                </c:pt>
                <c:pt idx="1849">
                  <c:v>0.26131613810850918</c:v>
                </c:pt>
                <c:pt idx="1850">
                  <c:v>0.26131613810850918</c:v>
                </c:pt>
                <c:pt idx="1851">
                  <c:v>0.26131613810850918</c:v>
                </c:pt>
                <c:pt idx="1852">
                  <c:v>0.26131613810850918</c:v>
                </c:pt>
                <c:pt idx="1853">
                  <c:v>1.1323699318035396</c:v>
                </c:pt>
                <c:pt idx="1854">
                  <c:v>1.2848043457001701</c:v>
                </c:pt>
                <c:pt idx="1855">
                  <c:v>1.2848043457001701</c:v>
                </c:pt>
                <c:pt idx="1856">
                  <c:v>1.2848043457001701</c:v>
                </c:pt>
                <c:pt idx="1857">
                  <c:v>1.3719097250696732</c:v>
                </c:pt>
                <c:pt idx="1858">
                  <c:v>1.3719097250696732</c:v>
                </c:pt>
                <c:pt idx="1859">
                  <c:v>1.7421075873900613</c:v>
                </c:pt>
                <c:pt idx="1860">
                  <c:v>1.7421075873900613</c:v>
                </c:pt>
                <c:pt idx="1861">
                  <c:v>1.1541462766459156</c:v>
                </c:pt>
                <c:pt idx="1862">
                  <c:v>1.7421075873900613</c:v>
                </c:pt>
                <c:pt idx="1863">
                  <c:v>1.7421075873900613</c:v>
                </c:pt>
                <c:pt idx="1864">
                  <c:v>1.7421075873900613</c:v>
                </c:pt>
                <c:pt idx="1865">
                  <c:v>1.7421075873900613</c:v>
                </c:pt>
                <c:pt idx="1866">
                  <c:v>1.7421075873900613</c:v>
                </c:pt>
                <c:pt idx="1867">
                  <c:v>1.4590151044391764</c:v>
                </c:pt>
                <c:pt idx="1868">
                  <c:v>1.197698966330667</c:v>
                </c:pt>
                <c:pt idx="1869">
                  <c:v>0.87105379369503066</c:v>
                </c:pt>
                <c:pt idx="1870">
                  <c:v>0.82750110401027899</c:v>
                </c:pt>
                <c:pt idx="1871">
                  <c:v>0.82750110401027899</c:v>
                </c:pt>
                <c:pt idx="1872">
                  <c:v>0.75478915477070974</c:v>
                </c:pt>
                <c:pt idx="1873">
                  <c:v>0.75478915477070974</c:v>
                </c:pt>
                <c:pt idx="1874">
                  <c:v>0.75478915477070974</c:v>
                </c:pt>
                <c:pt idx="1875">
                  <c:v>0.75478915477070974</c:v>
                </c:pt>
                <c:pt idx="1876">
                  <c:v>0.75478915477070974</c:v>
                </c:pt>
                <c:pt idx="1877">
                  <c:v>0.98122590120192266</c:v>
                </c:pt>
                <c:pt idx="1878">
                  <c:v>1.0944442744175291</c:v>
                </c:pt>
                <c:pt idx="1879">
                  <c:v>1.1321837321560648</c:v>
                </c:pt>
                <c:pt idx="1880">
                  <c:v>1.1321837321560648</c:v>
                </c:pt>
                <c:pt idx="1881">
                  <c:v>1.2265323765024034</c:v>
                </c:pt>
                <c:pt idx="1882">
                  <c:v>1.2831415631102066</c:v>
                </c:pt>
                <c:pt idx="1883">
                  <c:v>1.5095783095414195</c:v>
                </c:pt>
                <c:pt idx="1884">
                  <c:v>1.5095783095414195</c:v>
                </c:pt>
                <c:pt idx="1885">
                  <c:v>1.5095783095414195</c:v>
                </c:pt>
                <c:pt idx="1886">
                  <c:v>1.5095783095414195</c:v>
                </c:pt>
                <c:pt idx="1887">
                  <c:v>1.5095783095414195</c:v>
                </c:pt>
                <c:pt idx="1888">
                  <c:v>1.5095783095414195</c:v>
                </c:pt>
                <c:pt idx="1889">
                  <c:v>1.5095783095414195</c:v>
                </c:pt>
                <c:pt idx="1890">
                  <c:v>1.5095783095414195</c:v>
                </c:pt>
                <c:pt idx="1891">
                  <c:v>1.2642718342409389</c:v>
                </c:pt>
                <c:pt idx="1892">
                  <c:v>1.037835087809726</c:v>
                </c:pt>
                <c:pt idx="1893">
                  <c:v>0.75478915477070974</c:v>
                </c:pt>
                <c:pt idx="1894">
                  <c:v>0.75478915477070974</c:v>
                </c:pt>
                <c:pt idx="1895">
                  <c:v>0.75478915477070974</c:v>
                </c:pt>
                <c:pt idx="1896">
                  <c:v>0.69013798930803527</c:v>
                </c:pt>
                <c:pt idx="1897">
                  <c:v>0.7764052379715396</c:v>
                </c:pt>
                <c:pt idx="1898">
                  <c:v>0.7764052379715396</c:v>
                </c:pt>
                <c:pt idx="1899">
                  <c:v>0.7764052379715396</c:v>
                </c:pt>
                <c:pt idx="1900">
                  <c:v>0.7764052379715396</c:v>
                </c:pt>
                <c:pt idx="1901">
                  <c:v>1.0007000844966509</c:v>
                </c:pt>
                <c:pt idx="1902">
                  <c:v>1.155981132090959</c:v>
                </c:pt>
                <c:pt idx="1903">
                  <c:v>1.155981132090959</c:v>
                </c:pt>
                <c:pt idx="1904">
                  <c:v>1.155981132090959</c:v>
                </c:pt>
                <c:pt idx="1905">
                  <c:v>1.2422483807544633</c:v>
                </c:pt>
                <c:pt idx="1906">
                  <c:v>1.3457690791506687</c:v>
                </c:pt>
                <c:pt idx="1907">
                  <c:v>1.5528104759430792</c:v>
                </c:pt>
                <c:pt idx="1908">
                  <c:v>1.5528104759430792</c:v>
                </c:pt>
                <c:pt idx="1909">
                  <c:v>1.5528104759430792</c:v>
                </c:pt>
                <c:pt idx="1910">
                  <c:v>1.5528104759430792</c:v>
                </c:pt>
                <c:pt idx="1911">
                  <c:v>1.5528104759430792</c:v>
                </c:pt>
                <c:pt idx="1912">
                  <c:v>1.5528104759430792</c:v>
                </c:pt>
                <c:pt idx="1913">
                  <c:v>1.5528104759430792</c:v>
                </c:pt>
                <c:pt idx="1914">
                  <c:v>1.5528104759430792</c:v>
                </c:pt>
                <c:pt idx="1915">
                  <c:v>1.294008729952566</c:v>
                </c:pt>
                <c:pt idx="1916">
                  <c:v>1.0352069839620528</c:v>
                </c:pt>
                <c:pt idx="1917">
                  <c:v>0.7764052379715396</c:v>
                </c:pt>
                <c:pt idx="1918">
                  <c:v>0.7764052379715396</c:v>
                </c:pt>
                <c:pt idx="1919">
                  <c:v>0.7764052379715396</c:v>
                </c:pt>
                <c:pt idx="1920">
                  <c:v>0.78411440571533098</c:v>
                </c:pt>
                <c:pt idx="1921">
                  <c:v>0.78411440571533098</c:v>
                </c:pt>
                <c:pt idx="1922">
                  <c:v>0.78411440571533098</c:v>
                </c:pt>
                <c:pt idx="1923">
                  <c:v>0.78411440571533098</c:v>
                </c:pt>
                <c:pt idx="1924">
                  <c:v>0.78411440571533098</c:v>
                </c:pt>
                <c:pt idx="1925">
                  <c:v>1.0106363451442044</c:v>
                </c:pt>
                <c:pt idx="1926">
                  <c:v>1.1674592262872707</c:v>
                </c:pt>
                <c:pt idx="1927">
                  <c:v>1.1674592262872707</c:v>
                </c:pt>
                <c:pt idx="1928">
                  <c:v>1.1674592262872707</c:v>
                </c:pt>
                <c:pt idx="1929">
                  <c:v>1.2545830491445298</c:v>
                </c:pt>
                <c:pt idx="1930">
                  <c:v>1.3591316365732404</c:v>
                </c:pt>
                <c:pt idx="1931">
                  <c:v>1.568228811430662</c:v>
                </c:pt>
                <c:pt idx="1932">
                  <c:v>1.568228811430662</c:v>
                </c:pt>
                <c:pt idx="1933">
                  <c:v>1.568228811430662</c:v>
                </c:pt>
                <c:pt idx="1934">
                  <c:v>1.568228811430662</c:v>
                </c:pt>
                <c:pt idx="1935">
                  <c:v>1.568228811430662</c:v>
                </c:pt>
                <c:pt idx="1936">
                  <c:v>1.568228811430662</c:v>
                </c:pt>
                <c:pt idx="1937">
                  <c:v>1.568228811430662</c:v>
                </c:pt>
                <c:pt idx="1938">
                  <c:v>1.568228811430662</c:v>
                </c:pt>
                <c:pt idx="1939">
                  <c:v>1.3068573428588852</c:v>
                </c:pt>
                <c:pt idx="1940">
                  <c:v>1.0454858742871083</c:v>
                </c:pt>
                <c:pt idx="1941">
                  <c:v>0.78411440571533098</c:v>
                </c:pt>
                <c:pt idx="1942">
                  <c:v>0.78411440571533098</c:v>
                </c:pt>
                <c:pt idx="1943">
                  <c:v>0.78411440571533098</c:v>
                </c:pt>
                <c:pt idx="1944">
                  <c:v>0.84637738876732826</c:v>
                </c:pt>
                <c:pt idx="1945">
                  <c:v>0.84637738876732826</c:v>
                </c:pt>
                <c:pt idx="1946">
                  <c:v>0.84637738876732826</c:v>
                </c:pt>
                <c:pt idx="1947">
                  <c:v>0.84637738876732826</c:v>
                </c:pt>
                <c:pt idx="1948">
                  <c:v>0.84637738876732826</c:v>
                </c:pt>
                <c:pt idx="1949">
                  <c:v>1.090886412189001</c:v>
                </c:pt>
                <c:pt idx="1950">
                  <c:v>1.316587049193622</c:v>
                </c:pt>
                <c:pt idx="1951">
                  <c:v>1.316587049193622</c:v>
                </c:pt>
                <c:pt idx="1952">
                  <c:v>1.316587049193622</c:v>
                </c:pt>
                <c:pt idx="1953">
                  <c:v>1.4106289812788806</c:v>
                </c:pt>
                <c:pt idx="1954">
                  <c:v>1.4670541405300357</c:v>
                </c:pt>
                <c:pt idx="1955">
                  <c:v>1.6927547775346565</c:v>
                </c:pt>
                <c:pt idx="1956">
                  <c:v>1.6927547775346565</c:v>
                </c:pt>
                <c:pt idx="1957">
                  <c:v>1.6927547775346565</c:v>
                </c:pt>
                <c:pt idx="1958">
                  <c:v>1.6927547775346565</c:v>
                </c:pt>
                <c:pt idx="1959">
                  <c:v>1.4106289812788806</c:v>
                </c:pt>
                <c:pt idx="1960">
                  <c:v>1.3353954356106739</c:v>
                </c:pt>
                <c:pt idx="1961">
                  <c:v>1.3353954356106739</c:v>
                </c:pt>
                <c:pt idx="1962">
                  <c:v>1.3353954356106739</c:v>
                </c:pt>
                <c:pt idx="1963">
                  <c:v>1.3353954356106739</c:v>
                </c:pt>
                <c:pt idx="1964">
                  <c:v>1.0344612529378456</c:v>
                </c:pt>
                <c:pt idx="1965">
                  <c:v>0.39497611475808658</c:v>
                </c:pt>
                <c:pt idx="1966">
                  <c:v>0.39497611475808658</c:v>
                </c:pt>
                <c:pt idx="1967">
                  <c:v>0.39497611475808658</c:v>
                </c:pt>
                <c:pt idx="1968">
                  <c:v>0.28439588230097407</c:v>
                </c:pt>
                <c:pt idx="1969">
                  <c:v>0.55524910353999712</c:v>
                </c:pt>
                <c:pt idx="1970">
                  <c:v>0.55524910353999712</c:v>
                </c:pt>
                <c:pt idx="1971">
                  <c:v>0.55524910353999712</c:v>
                </c:pt>
                <c:pt idx="1972">
                  <c:v>0.55524910353999712</c:v>
                </c:pt>
                <c:pt idx="1973">
                  <c:v>0.69067571415950857</c:v>
                </c:pt>
                <c:pt idx="1974">
                  <c:v>0.86673030796487338</c:v>
                </c:pt>
                <c:pt idx="1975">
                  <c:v>0.9886142575224337</c:v>
                </c:pt>
                <c:pt idx="1976">
                  <c:v>0.9886142575224337</c:v>
                </c:pt>
                <c:pt idx="1977">
                  <c:v>0.9886142575224337</c:v>
                </c:pt>
                <c:pt idx="1978">
                  <c:v>0.9886142575224337</c:v>
                </c:pt>
                <c:pt idx="1979">
                  <c:v>0.9886142575224337</c:v>
                </c:pt>
                <c:pt idx="1980">
                  <c:v>0.9886142575224337</c:v>
                </c:pt>
                <c:pt idx="1981">
                  <c:v>0.9886142575224337</c:v>
                </c:pt>
                <c:pt idx="1982">
                  <c:v>0.9886142575224337</c:v>
                </c:pt>
                <c:pt idx="1983">
                  <c:v>0.89381563008877574</c:v>
                </c:pt>
                <c:pt idx="1984">
                  <c:v>0.81255966371706878</c:v>
                </c:pt>
                <c:pt idx="1985">
                  <c:v>0.73130369734536205</c:v>
                </c:pt>
                <c:pt idx="1986">
                  <c:v>0.70421837522145958</c:v>
                </c:pt>
                <c:pt idx="1987">
                  <c:v>0.56879176460194814</c:v>
                </c:pt>
                <c:pt idx="1988">
                  <c:v>0.41982249292048557</c:v>
                </c:pt>
                <c:pt idx="1989">
                  <c:v>0.41982249292048557</c:v>
                </c:pt>
                <c:pt idx="1990">
                  <c:v>0.41982249292048557</c:v>
                </c:pt>
                <c:pt idx="1991">
                  <c:v>0.41982249292048557</c:v>
                </c:pt>
                <c:pt idx="1992">
                  <c:v>0.51765276897410795</c:v>
                </c:pt>
                <c:pt idx="1993">
                  <c:v>0.60114515106670607</c:v>
                </c:pt>
                <c:pt idx="1994">
                  <c:v>0.60114515106670607</c:v>
                </c:pt>
                <c:pt idx="1995">
                  <c:v>0.60114515106670607</c:v>
                </c:pt>
                <c:pt idx="1996">
                  <c:v>0.60114515106670607</c:v>
                </c:pt>
                <c:pt idx="1997">
                  <c:v>0.75143143883338259</c:v>
                </c:pt>
                <c:pt idx="1998">
                  <c:v>0.8850192501815396</c:v>
                </c:pt>
                <c:pt idx="1999">
                  <c:v>1.0520040143667357</c:v>
                </c:pt>
                <c:pt idx="2000">
                  <c:v>1.0520040143667357</c:v>
                </c:pt>
                <c:pt idx="2001">
                  <c:v>1.0520040143667357</c:v>
                </c:pt>
                <c:pt idx="2002">
                  <c:v>1.0520040143667357</c:v>
                </c:pt>
                <c:pt idx="2003">
                  <c:v>1.0520040143667357</c:v>
                </c:pt>
                <c:pt idx="2004">
                  <c:v>1.0520040143667357</c:v>
                </c:pt>
                <c:pt idx="2005">
                  <c:v>1.0520040143667357</c:v>
                </c:pt>
                <c:pt idx="2006">
                  <c:v>1.0520040143667357</c:v>
                </c:pt>
                <c:pt idx="2007">
                  <c:v>0.93511467943709836</c:v>
                </c:pt>
                <c:pt idx="2008">
                  <c:v>0.91841620301857863</c:v>
                </c:pt>
                <c:pt idx="2009">
                  <c:v>0.78482839167042184</c:v>
                </c:pt>
                <c:pt idx="2010">
                  <c:v>0.73473296241486297</c:v>
                </c:pt>
                <c:pt idx="2011">
                  <c:v>0.6178436274852257</c:v>
                </c:pt>
                <c:pt idx="2012">
                  <c:v>0.51765276897410795</c:v>
                </c:pt>
                <c:pt idx="2013">
                  <c:v>0.45085886330002956</c:v>
                </c:pt>
                <c:pt idx="2014">
                  <c:v>0.45085886330002956</c:v>
                </c:pt>
                <c:pt idx="2015">
                  <c:v>0.45085886330002956</c:v>
                </c:pt>
                <c:pt idx="2016">
                  <c:v>0.27590311733779799</c:v>
                </c:pt>
                <c:pt idx="2017">
                  <c:v>0.27590311733779799</c:v>
                </c:pt>
                <c:pt idx="2018">
                  <c:v>0.27590311733779799</c:v>
                </c:pt>
                <c:pt idx="2019">
                  <c:v>0.27590311733779799</c:v>
                </c:pt>
                <c:pt idx="2020">
                  <c:v>0.27590311733779799</c:v>
                </c:pt>
                <c:pt idx="2021">
                  <c:v>1.195580175130458</c:v>
                </c:pt>
                <c:pt idx="2022">
                  <c:v>1.3565236602441737</c:v>
                </c:pt>
                <c:pt idx="2023">
                  <c:v>1.3565236602441737</c:v>
                </c:pt>
                <c:pt idx="2024">
                  <c:v>1.3565236602441737</c:v>
                </c:pt>
                <c:pt idx="2025">
                  <c:v>1.4484913660234398</c:v>
                </c:pt>
                <c:pt idx="2026">
                  <c:v>1.4484913660234398</c:v>
                </c:pt>
                <c:pt idx="2027">
                  <c:v>1.8393541155853204</c:v>
                </c:pt>
                <c:pt idx="2028">
                  <c:v>1.8393541155853204</c:v>
                </c:pt>
                <c:pt idx="2029">
                  <c:v>1.2185721015752748</c:v>
                </c:pt>
                <c:pt idx="2030">
                  <c:v>1.8393541155853204</c:v>
                </c:pt>
                <c:pt idx="2031">
                  <c:v>1.8393541155853204</c:v>
                </c:pt>
                <c:pt idx="2032">
                  <c:v>1.8393541155853204</c:v>
                </c:pt>
                <c:pt idx="2033">
                  <c:v>1.8393541155853204</c:v>
                </c:pt>
                <c:pt idx="2034">
                  <c:v>1.8393541155853204</c:v>
                </c:pt>
                <c:pt idx="2035">
                  <c:v>1.5404590718027058</c:v>
                </c:pt>
                <c:pt idx="2036">
                  <c:v>1.2645559544649076</c:v>
                </c:pt>
                <c:pt idx="2037">
                  <c:v>0.91967705779266018</c:v>
                </c:pt>
                <c:pt idx="2038">
                  <c:v>0.87369320490302715</c:v>
                </c:pt>
                <c:pt idx="2039">
                  <c:v>0.87369320490302715</c:v>
                </c:pt>
                <c:pt idx="2040">
                  <c:v>0.81247798598388055</c:v>
                </c:pt>
                <c:pt idx="2041">
                  <c:v>0.81247798598388055</c:v>
                </c:pt>
                <c:pt idx="2042">
                  <c:v>0.81247798598388055</c:v>
                </c:pt>
                <c:pt idx="2043">
                  <c:v>0.81247798598388055</c:v>
                </c:pt>
                <c:pt idx="2044">
                  <c:v>0.81247798598388055</c:v>
                </c:pt>
                <c:pt idx="2045">
                  <c:v>1.0562213817790445</c:v>
                </c:pt>
                <c:pt idx="2046">
                  <c:v>1.1780930796766265</c:v>
                </c:pt>
                <c:pt idx="2047">
                  <c:v>1.2187169789758208</c:v>
                </c:pt>
                <c:pt idx="2048">
                  <c:v>1.2187169789758208</c:v>
                </c:pt>
                <c:pt idx="2049">
                  <c:v>1.3202767272238056</c:v>
                </c:pt>
                <c:pt idx="2050">
                  <c:v>1.3812125761725966</c:v>
                </c:pt>
                <c:pt idx="2051">
                  <c:v>1.6249559719677611</c:v>
                </c:pt>
                <c:pt idx="2052">
                  <c:v>1.6249559719677611</c:v>
                </c:pt>
                <c:pt idx="2053">
                  <c:v>1.6249559719677611</c:v>
                </c:pt>
                <c:pt idx="2054">
                  <c:v>1.6249559719677611</c:v>
                </c:pt>
                <c:pt idx="2055">
                  <c:v>1.6249559719677611</c:v>
                </c:pt>
                <c:pt idx="2056">
                  <c:v>1.6249559719677611</c:v>
                </c:pt>
                <c:pt idx="2057">
                  <c:v>1.6249559719677611</c:v>
                </c:pt>
                <c:pt idx="2058">
                  <c:v>1.6249559719677611</c:v>
                </c:pt>
                <c:pt idx="2059">
                  <c:v>1.3609006265229999</c:v>
                </c:pt>
                <c:pt idx="2060">
                  <c:v>1.1171572307278355</c:v>
                </c:pt>
                <c:pt idx="2061">
                  <c:v>0.81247798598388055</c:v>
                </c:pt>
                <c:pt idx="2062">
                  <c:v>0.81247798598388055</c:v>
                </c:pt>
                <c:pt idx="2063">
                  <c:v>0.81247798598388055</c:v>
                </c:pt>
                <c:pt idx="2064">
                  <c:v>0.73616419794867671</c:v>
                </c:pt>
                <c:pt idx="2065">
                  <c:v>0.82818472269226118</c:v>
                </c:pt>
                <c:pt idx="2066">
                  <c:v>0.82818472269226118</c:v>
                </c:pt>
                <c:pt idx="2067">
                  <c:v>0.82818472269226118</c:v>
                </c:pt>
                <c:pt idx="2068">
                  <c:v>0.82818472269226118</c:v>
                </c:pt>
                <c:pt idx="2069">
                  <c:v>1.0674380870255813</c:v>
                </c:pt>
                <c:pt idx="2070">
                  <c:v>1.2330750315640335</c:v>
                </c:pt>
                <c:pt idx="2071">
                  <c:v>1.2330750315640335</c:v>
                </c:pt>
                <c:pt idx="2072">
                  <c:v>1.2330750315640335</c:v>
                </c:pt>
                <c:pt idx="2073">
                  <c:v>1.3250955563076181</c:v>
                </c:pt>
                <c:pt idx="2074">
                  <c:v>1.4355201859999196</c:v>
                </c:pt>
                <c:pt idx="2075">
                  <c:v>1.6563694453845224</c:v>
                </c:pt>
                <c:pt idx="2076">
                  <c:v>1.6563694453845224</c:v>
                </c:pt>
                <c:pt idx="2077">
                  <c:v>1.6563694453845224</c:v>
                </c:pt>
                <c:pt idx="2078">
                  <c:v>1.6563694453845224</c:v>
                </c:pt>
                <c:pt idx="2079">
                  <c:v>1.6563694453845224</c:v>
                </c:pt>
                <c:pt idx="2080">
                  <c:v>1.6563694453845224</c:v>
                </c:pt>
                <c:pt idx="2081">
                  <c:v>1.6563694453845224</c:v>
                </c:pt>
                <c:pt idx="2082">
                  <c:v>1.6563694453845224</c:v>
                </c:pt>
                <c:pt idx="2083">
                  <c:v>1.3803078711537689</c:v>
                </c:pt>
                <c:pt idx="2084">
                  <c:v>1.1042462969230151</c:v>
                </c:pt>
                <c:pt idx="2085">
                  <c:v>0.82818472269226118</c:v>
                </c:pt>
                <c:pt idx="2086">
                  <c:v>0.82818472269226118</c:v>
                </c:pt>
                <c:pt idx="2087">
                  <c:v>0.82818472269226118</c:v>
                </c:pt>
                <c:pt idx="2088">
                  <c:v>0.82114619156580737</c:v>
                </c:pt>
                <c:pt idx="2089">
                  <c:v>0.82114619156580737</c:v>
                </c:pt>
                <c:pt idx="2090">
                  <c:v>0.82114619156580737</c:v>
                </c:pt>
                <c:pt idx="2091">
                  <c:v>0.82114619156580737</c:v>
                </c:pt>
                <c:pt idx="2092">
                  <c:v>0.82114619156580737</c:v>
                </c:pt>
                <c:pt idx="2093">
                  <c:v>1.0583662024625962</c:v>
                </c:pt>
                <c:pt idx="2094">
                  <c:v>1.2225954407757578</c:v>
                </c:pt>
                <c:pt idx="2095">
                  <c:v>1.2225954407757578</c:v>
                </c:pt>
                <c:pt idx="2096">
                  <c:v>1.2225954407757578</c:v>
                </c:pt>
                <c:pt idx="2097">
                  <c:v>1.313833906505292</c:v>
                </c:pt>
                <c:pt idx="2098">
                  <c:v>1.423320065380733</c:v>
                </c:pt>
                <c:pt idx="2099">
                  <c:v>1.6422923831316147</c:v>
                </c:pt>
                <c:pt idx="2100">
                  <c:v>1.6422923831316147</c:v>
                </c:pt>
                <c:pt idx="2101">
                  <c:v>1.6422923831316147</c:v>
                </c:pt>
                <c:pt idx="2102">
                  <c:v>1.6422923831316147</c:v>
                </c:pt>
                <c:pt idx="2103">
                  <c:v>1.6422923831316147</c:v>
                </c:pt>
                <c:pt idx="2104">
                  <c:v>1.6422923831316147</c:v>
                </c:pt>
                <c:pt idx="2105">
                  <c:v>1.6422923831316147</c:v>
                </c:pt>
                <c:pt idx="2106">
                  <c:v>1.6422923831316147</c:v>
                </c:pt>
                <c:pt idx="2107">
                  <c:v>1.3685769859430126</c:v>
                </c:pt>
                <c:pt idx="2108">
                  <c:v>1.09486158875441</c:v>
                </c:pt>
                <c:pt idx="2109">
                  <c:v>0.82114619156580737</c:v>
                </c:pt>
                <c:pt idx="2110">
                  <c:v>0.82114619156580737</c:v>
                </c:pt>
                <c:pt idx="2111">
                  <c:v>0.82114619156580737</c:v>
                </c:pt>
                <c:pt idx="2112">
                  <c:v>0.89184554194135002</c:v>
                </c:pt>
                <c:pt idx="2113">
                  <c:v>0.89184554194135002</c:v>
                </c:pt>
                <c:pt idx="2114">
                  <c:v>0.89184554194135002</c:v>
                </c:pt>
                <c:pt idx="2115">
                  <c:v>0.89184554194135002</c:v>
                </c:pt>
                <c:pt idx="2116">
                  <c:v>0.89184554194135002</c:v>
                </c:pt>
                <c:pt idx="2117">
                  <c:v>1.1494898096132955</c:v>
                </c:pt>
                <c:pt idx="2118">
                  <c:v>1.3873152874643224</c:v>
                </c:pt>
                <c:pt idx="2119">
                  <c:v>1.3873152874643224</c:v>
                </c:pt>
                <c:pt idx="2120">
                  <c:v>1.3873152874643224</c:v>
                </c:pt>
                <c:pt idx="2121">
                  <c:v>1.4864092365689168</c:v>
                </c:pt>
                <c:pt idx="2122">
                  <c:v>1.5458656060316736</c:v>
                </c:pt>
                <c:pt idx="2123">
                  <c:v>1.7836910838827</c:v>
                </c:pt>
                <c:pt idx="2124">
                  <c:v>1.7836910838827</c:v>
                </c:pt>
                <c:pt idx="2125">
                  <c:v>1.7836910838827</c:v>
                </c:pt>
                <c:pt idx="2126">
                  <c:v>1.7836910838827</c:v>
                </c:pt>
                <c:pt idx="2127">
                  <c:v>1.4864092365689168</c:v>
                </c:pt>
                <c:pt idx="2128">
                  <c:v>1.4071340772852414</c:v>
                </c:pt>
                <c:pt idx="2129">
                  <c:v>1.4071340772852414</c:v>
                </c:pt>
                <c:pt idx="2130">
                  <c:v>1.4071340772852414</c:v>
                </c:pt>
                <c:pt idx="2131">
                  <c:v>1.4071340772852414</c:v>
                </c:pt>
                <c:pt idx="2132">
                  <c:v>1.0900334401505389</c:v>
                </c:pt>
                <c:pt idx="2133">
                  <c:v>0.41619458623929673</c:v>
                </c:pt>
                <c:pt idx="2134">
                  <c:v>0.41619458623929673</c:v>
                </c:pt>
                <c:pt idx="2135">
                  <c:v>0.41619458623929673</c:v>
                </c:pt>
                <c:pt idx="2136">
                  <c:v>0.29888480037837351</c:v>
                </c:pt>
                <c:pt idx="2137">
                  <c:v>0.58353699121491986</c:v>
                </c:pt>
                <c:pt idx="2138">
                  <c:v>0.58353699121491986</c:v>
                </c:pt>
                <c:pt idx="2139">
                  <c:v>0.58353699121491986</c:v>
                </c:pt>
                <c:pt idx="2140">
                  <c:v>0.58353699121491986</c:v>
                </c:pt>
                <c:pt idx="2141">
                  <c:v>0.7258630866331931</c:v>
                </c:pt>
                <c:pt idx="2142">
                  <c:v>0.91088701067694788</c:v>
                </c:pt>
                <c:pt idx="2143">
                  <c:v>1.0389804965533938</c:v>
                </c:pt>
                <c:pt idx="2144">
                  <c:v>1.0389804965533938</c:v>
                </c:pt>
                <c:pt idx="2145">
                  <c:v>1.0389804965533938</c:v>
                </c:pt>
                <c:pt idx="2146">
                  <c:v>1.0389804965533938</c:v>
                </c:pt>
                <c:pt idx="2147">
                  <c:v>1.0389804965533938</c:v>
                </c:pt>
                <c:pt idx="2148">
                  <c:v>1.0389804965533938</c:v>
                </c:pt>
                <c:pt idx="2149">
                  <c:v>1.0389804965533938</c:v>
                </c:pt>
                <c:pt idx="2150">
                  <c:v>1.0389804965533938</c:v>
                </c:pt>
                <c:pt idx="2151">
                  <c:v>0.93935222976060251</c:v>
                </c:pt>
                <c:pt idx="2152">
                  <c:v>0.85395657250963874</c:v>
                </c:pt>
                <c:pt idx="2153">
                  <c:v>0.76856091525867487</c:v>
                </c:pt>
                <c:pt idx="2154">
                  <c:v>0.74009569617502013</c:v>
                </c:pt>
                <c:pt idx="2155">
                  <c:v>0.59776960075674701</c:v>
                </c:pt>
                <c:pt idx="2156">
                  <c:v>0.44121089579664668</c:v>
                </c:pt>
                <c:pt idx="2157">
                  <c:v>0.44121089579664668</c:v>
                </c:pt>
                <c:pt idx="2158">
                  <c:v>0.44121089579664668</c:v>
                </c:pt>
                <c:pt idx="2159">
                  <c:v>0.44121089579664668</c:v>
                </c:pt>
                <c:pt idx="2160">
                  <c:v>0.4820003744871546</c:v>
                </c:pt>
                <c:pt idx="2161">
                  <c:v>0.55974237037217955</c:v>
                </c:pt>
                <c:pt idx="2162">
                  <c:v>0.55974237037217955</c:v>
                </c:pt>
                <c:pt idx="2163">
                  <c:v>0.55974237037217955</c:v>
                </c:pt>
                <c:pt idx="2164">
                  <c:v>0.55974237037217955</c:v>
                </c:pt>
                <c:pt idx="2165">
                  <c:v>0.69967796296522433</c:v>
                </c:pt>
                <c:pt idx="2166">
                  <c:v>0.82406515638126454</c:v>
                </c:pt>
                <c:pt idx="2167">
                  <c:v>0.97954914815131444</c:v>
                </c:pt>
                <c:pt idx="2168">
                  <c:v>0.97954914815131444</c:v>
                </c:pt>
                <c:pt idx="2169">
                  <c:v>0.97954914815131444</c:v>
                </c:pt>
                <c:pt idx="2170">
                  <c:v>0.97954914815131444</c:v>
                </c:pt>
                <c:pt idx="2171">
                  <c:v>0.97954914815131444</c:v>
                </c:pt>
                <c:pt idx="2172">
                  <c:v>0.97954914815131444</c:v>
                </c:pt>
                <c:pt idx="2173">
                  <c:v>0.97954914815131444</c:v>
                </c:pt>
                <c:pt idx="2174">
                  <c:v>0.97954914815131444</c:v>
                </c:pt>
                <c:pt idx="2175">
                  <c:v>0.87071035391227936</c:v>
                </c:pt>
                <c:pt idx="2176">
                  <c:v>0.85516195473527434</c:v>
                </c:pt>
                <c:pt idx="2177">
                  <c:v>0.73077476131923458</c:v>
                </c:pt>
                <c:pt idx="2178">
                  <c:v>0.68412956378821954</c:v>
                </c:pt>
                <c:pt idx="2179">
                  <c:v>0.57529076954918468</c:v>
                </c:pt>
                <c:pt idx="2180">
                  <c:v>0.4820003744871546</c:v>
                </c:pt>
                <c:pt idx="2181">
                  <c:v>0.41980677777913472</c:v>
                </c:pt>
                <c:pt idx="2182">
                  <c:v>0.41980677777913472</c:v>
                </c:pt>
                <c:pt idx="2183">
                  <c:v>0.41980677777913472</c:v>
                </c:pt>
                <c:pt idx="2184">
                  <c:v>0.26285160960632908</c:v>
                </c:pt>
                <c:pt idx="2185">
                  <c:v>0.26285160960632908</c:v>
                </c:pt>
                <c:pt idx="2186">
                  <c:v>0.26285160960632908</c:v>
                </c:pt>
                <c:pt idx="2187">
                  <c:v>0.26285160960632908</c:v>
                </c:pt>
                <c:pt idx="2188">
                  <c:v>0.26285160960632908</c:v>
                </c:pt>
                <c:pt idx="2189">
                  <c:v>1.139023641627426</c:v>
                </c:pt>
                <c:pt idx="2190">
                  <c:v>1.2923537472311182</c:v>
                </c:pt>
                <c:pt idx="2191">
                  <c:v>1.2923537472311182</c:v>
                </c:pt>
                <c:pt idx="2192">
                  <c:v>1.2923537472311182</c:v>
                </c:pt>
                <c:pt idx="2193">
                  <c:v>1.3799709504332278</c:v>
                </c:pt>
                <c:pt idx="2194">
                  <c:v>1.3799709504332278</c:v>
                </c:pt>
                <c:pt idx="2195">
                  <c:v>1.7523440640421943</c:v>
                </c:pt>
                <c:pt idx="2196">
                  <c:v>1.7523440640421943</c:v>
                </c:pt>
                <c:pt idx="2197">
                  <c:v>1.1609279424279535</c:v>
                </c:pt>
                <c:pt idx="2198">
                  <c:v>1.7523440640421943</c:v>
                </c:pt>
                <c:pt idx="2199">
                  <c:v>1.7523440640421943</c:v>
                </c:pt>
                <c:pt idx="2200">
                  <c:v>1.7523440640421943</c:v>
                </c:pt>
                <c:pt idx="2201">
                  <c:v>1.7523440640421943</c:v>
                </c:pt>
                <c:pt idx="2202">
                  <c:v>1.7523440640421943</c:v>
                </c:pt>
                <c:pt idx="2203">
                  <c:v>1.4675881536353377</c:v>
                </c:pt>
                <c:pt idx="2204">
                  <c:v>1.2047365440290083</c:v>
                </c:pt>
                <c:pt idx="2205">
                  <c:v>0.87617203202109717</c:v>
                </c:pt>
                <c:pt idx="2206">
                  <c:v>0.83236343042004224</c:v>
                </c:pt>
                <c:pt idx="2207">
                  <c:v>0.83236343042004224</c:v>
                </c:pt>
                <c:pt idx="2208">
                  <c:v>0.74963817094487084</c:v>
                </c:pt>
                <c:pt idx="2209">
                  <c:v>0.74963817094487084</c:v>
                </c:pt>
                <c:pt idx="2210">
                  <c:v>0.74963817094487084</c:v>
                </c:pt>
                <c:pt idx="2211">
                  <c:v>0.74963817094487084</c:v>
                </c:pt>
                <c:pt idx="2212">
                  <c:v>0.74963817094487084</c:v>
                </c:pt>
                <c:pt idx="2213">
                  <c:v>0.97452962222833206</c:v>
                </c:pt>
                <c:pt idx="2214">
                  <c:v>1.0869753478700626</c:v>
                </c:pt>
                <c:pt idx="2215">
                  <c:v>1.1244572564173063</c:v>
                </c:pt>
                <c:pt idx="2216">
                  <c:v>1.1244572564173063</c:v>
                </c:pt>
                <c:pt idx="2217">
                  <c:v>1.2181620277854153</c:v>
                </c:pt>
                <c:pt idx="2218">
                  <c:v>1.2743848906062805</c:v>
                </c:pt>
                <c:pt idx="2219">
                  <c:v>1.4992763418897417</c:v>
                </c:pt>
                <c:pt idx="2220">
                  <c:v>1.4992763418897417</c:v>
                </c:pt>
                <c:pt idx="2221">
                  <c:v>1.4992763418897417</c:v>
                </c:pt>
                <c:pt idx="2222">
                  <c:v>1.4992763418897417</c:v>
                </c:pt>
                <c:pt idx="2223">
                  <c:v>1.4992763418897417</c:v>
                </c:pt>
                <c:pt idx="2224">
                  <c:v>1.4992763418897417</c:v>
                </c:pt>
                <c:pt idx="2225">
                  <c:v>1.4992763418897417</c:v>
                </c:pt>
                <c:pt idx="2226">
                  <c:v>1.4992763418897417</c:v>
                </c:pt>
                <c:pt idx="2227">
                  <c:v>1.2556439363326588</c:v>
                </c:pt>
                <c:pt idx="2228">
                  <c:v>1.0307524850491974</c:v>
                </c:pt>
                <c:pt idx="2229">
                  <c:v>0.74963817094487084</c:v>
                </c:pt>
                <c:pt idx="2230">
                  <c:v>0.74963817094487084</c:v>
                </c:pt>
                <c:pt idx="2231">
                  <c:v>0.74963817094487084</c:v>
                </c:pt>
                <c:pt idx="2232">
                  <c:v>0.66217566372627146</c:v>
                </c:pt>
                <c:pt idx="2233">
                  <c:v>0.74494762169205531</c:v>
                </c:pt>
                <c:pt idx="2234">
                  <c:v>0.74494762169205531</c:v>
                </c:pt>
                <c:pt idx="2235">
                  <c:v>0.74494762169205531</c:v>
                </c:pt>
                <c:pt idx="2236">
                  <c:v>0.74494762169205531</c:v>
                </c:pt>
                <c:pt idx="2237">
                  <c:v>0.96015471240309358</c:v>
                </c:pt>
                <c:pt idx="2238">
                  <c:v>1.1091442367415048</c:v>
                </c:pt>
                <c:pt idx="2239">
                  <c:v>1.1091442367415048</c:v>
                </c:pt>
                <c:pt idx="2240">
                  <c:v>1.1091442367415048</c:v>
                </c:pt>
                <c:pt idx="2241">
                  <c:v>1.1919161947072885</c:v>
                </c:pt>
                <c:pt idx="2242">
                  <c:v>1.291242544266229</c:v>
                </c:pt>
                <c:pt idx="2243">
                  <c:v>1.4898952433841106</c:v>
                </c:pt>
                <c:pt idx="2244">
                  <c:v>1.4898952433841106</c:v>
                </c:pt>
                <c:pt idx="2245">
                  <c:v>1.4898952433841106</c:v>
                </c:pt>
                <c:pt idx="2246">
                  <c:v>1.4898952433841106</c:v>
                </c:pt>
                <c:pt idx="2247">
                  <c:v>1.4898952433841106</c:v>
                </c:pt>
                <c:pt idx="2248">
                  <c:v>1.4898952433841106</c:v>
                </c:pt>
                <c:pt idx="2249">
                  <c:v>1.4898952433841106</c:v>
                </c:pt>
                <c:pt idx="2250">
                  <c:v>1.4898952433841106</c:v>
                </c:pt>
                <c:pt idx="2251">
                  <c:v>1.2415793694867592</c:v>
                </c:pt>
                <c:pt idx="2252">
                  <c:v>0.99326349558940719</c:v>
                </c:pt>
                <c:pt idx="2253">
                  <c:v>0.74494762169205531</c:v>
                </c:pt>
                <c:pt idx="2254">
                  <c:v>0.74494762169205531</c:v>
                </c:pt>
                <c:pt idx="2255">
                  <c:v>0.74494762169205531</c:v>
                </c:pt>
                <c:pt idx="2256">
                  <c:v>0.73595108436760726</c:v>
                </c:pt>
                <c:pt idx="2257">
                  <c:v>0.73595108436760726</c:v>
                </c:pt>
                <c:pt idx="2258">
                  <c:v>0.73595108436760726</c:v>
                </c:pt>
                <c:pt idx="2259">
                  <c:v>0.73595108436760726</c:v>
                </c:pt>
                <c:pt idx="2260">
                  <c:v>0.73595108436760726</c:v>
                </c:pt>
                <c:pt idx="2261">
                  <c:v>0.9485591754071383</c:v>
                </c:pt>
                <c:pt idx="2262">
                  <c:v>1.0957493922806598</c:v>
                </c:pt>
                <c:pt idx="2263">
                  <c:v>1.0957493922806598</c:v>
                </c:pt>
                <c:pt idx="2264">
                  <c:v>1.0957493922806598</c:v>
                </c:pt>
                <c:pt idx="2265">
                  <c:v>1.1775217349881719</c:v>
                </c:pt>
                <c:pt idx="2266">
                  <c:v>1.275648546237186</c:v>
                </c:pt>
                <c:pt idx="2267">
                  <c:v>1.4719021687352145</c:v>
                </c:pt>
                <c:pt idx="2268">
                  <c:v>1.4719021687352145</c:v>
                </c:pt>
                <c:pt idx="2269">
                  <c:v>1.4719021687352145</c:v>
                </c:pt>
                <c:pt idx="2270">
                  <c:v>1.4719021687352145</c:v>
                </c:pt>
                <c:pt idx="2271">
                  <c:v>1.4719021687352145</c:v>
                </c:pt>
                <c:pt idx="2272">
                  <c:v>1.4719021687352145</c:v>
                </c:pt>
                <c:pt idx="2273">
                  <c:v>1.4719021687352145</c:v>
                </c:pt>
                <c:pt idx="2274">
                  <c:v>1.4719021687352145</c:v>
                </c:pt>
                <c:pt idx="2275">
                  <c:v>1.2265851406126789</c:v>
                </c:pt>
                <c:pt idx="2276">
                  <c:v>0.98126811249014312</c:v>
                </c:pt>
                <c:pt idx="2277">
                  <c:v>0.73595108436760726</c:v>
                </c:pt>
                <c:pt idx="2278">
                  <c:v>0.73595108436760726</c:v>
                </c:pt>
                <c:pt idx="2279">
                  <c:v>0.73595108436760726</c:v>
                </c:pt>
                <c:pt idx="2280">
                  <c:v>0.817780886031653</c:v>
                </c:pt>
                <c:pt idx="2281">
                  <c:v>0.817780886031653</c:v>
                </c:pt>
                <c:pt idx="2282">
                  <c:v>0.817780886031653</c:v>
                </c:pt>
                <c:pt idx="2283">
                  <c:v>0.817780886031653</c:v>
                </c:pt>
                <c:pt idx="2284">
                  <c:v>0.817780886031653</c:v>
                </c:pt>
                <c:pt idx="2285">
                  <c:v>1.0540286975519082</c:v>
                </c:pt>
                <c:pt idx="2286">
                  <c:v>1.2721036004936825</c:v>
                </c:pt>
                <c:pt idx="2287">
                  <c:v>1.2721036004936825</c:v>
                </c:pt>
                <c:pt idx="2288">
                  <c:v>1.2721036004936825</c:v>
                </c:pt>
                <c:pt idx="2289">
                  <c:v>1.3629681433860885</c:v>
                </c:pt>
                <c:pt idx="2290">
                  <c:v>1.4174868691215321</c:v>
                </c:pt>
                <c:pt idx="2291">
                  <c:v>1.635561772063306</c:v>
                </c:pt>
                <c:pt idx="2292">
                  <c:v>1.635561772063306</c:v>
                </c:pt>
                <c:pt idx="2293">
                  <c:v>1.635561772063306</c:v>
                </c:pt>
                <c:pt idx="2294">
                  <c:v>1.635561772063306</c:v>
                </c:pt>
                <c:pt idx="2295">
                  <c:v>1.3629681433860885</c:v>
                </c:pt>
                <c:pt idx="2296">
                  <c:v>1.2902765090721637</c:v>
                </c:pt>
                <c:pt idx="2297">
                  <c:v>1.2902765090721637</c:v>
                </c:pt>
                <c:pt idx="2298">
                  <c:v>1.2902765090721637</c:v>
                </c:pt>
                <c:pt idx="2299">
                  <c:v>1.2902765090721637</c:v>
                </c:pt>
                <c:pt idx="2300">
                  <c:v>0.99950997181646484</c:v>
                </c:pt>
                <c:pt idx="2301">
                  <c:v>0.38163108014810471</c:v>
                </c:pt>
                <c:pt idx="2302">
                  <c:v>0.38163108014810471</c:v>
                </c:pt>
                <c:pt idx="2303">
                  <c:v>0.38163108014810471</c:v>
                </c:pt>
                <c:pt idx="2304">
                  <c:v>0.25348619040252179</c:v>
                </c:pt>
                <c:pt idx="2305">
                  <c:v>0.49490160983349502</c:v>
                </c:pt>
                <c:pt idx="2306">
                  <c:v>0.49490160983349502</c:v>
                </c:pt>
                <c:pt idx="2307">
                  <c:v>0.49490160983349502</c:v>
                </c:pt>
                <c:pt idx="2308">
                  <c:v>0.49490160983349502</c:v>
                </c:pt>
                <c:pt idx="2309">
                  <c:v>0.61560931954898168</c:v>
                </c:pt>
                <c:pt idx="2310">
                  <c:v>0.77252934217911418</c:v>
                </c:pt>
                <c:pt idx="2311">
                  <c:v>0.88116628092305216</c:v>
                </c:pt>
                <c:pt idx="2312">
                  <c:v>0.88116628092305216</c:v>
                </c:pt>
                <c:pt idx="2313">
                  <c:v>0.88116628092305216</c:v>
                </c:pt>
                <c:pt idx="2314">
                  <c:v>0.88116628092305216</c:v>
                </c:pt>
                <c:pt idx="2315">
                  <c:v>0.88116628092305216</c:v>
                </c:pt>
                <c:pt idx="2316">
                  <c:v>0.88116628092305216</c:v>
                </c:pt>
                <c:pt idx="2317">
                  <c:v>0.88116628092305216</c:v>
                </c:pt>
                <c:pt idx="2318">
                  <c:v>0.88116628092305216</c:v>
                </c:pt>
                <c:pt idx="2319">
                  <c:v>0.79667088412221143</c:v>
                </c:pt>
                <c:pt idx="2320">
                  <c:v>0.72424625829291944</c:v>
                </c:pt>
                <c:pt idx="2321">
                  <c:v>0.65182163246362756</c:v>
                </c:pt>
                <c:pt idx="2322">
                  <c:v>0.6276800905205302</c:v>
                </c:pt>
                <c:pt idx="2323">
                  <c:v>0.50697238080504359</c:v>
                </c:pt>
                <c:pt idx="2324">
                  <c:v>0.37419390011800835</c:v>
                </c:pt>
                <c:pt idx="2325">
                  <c:v>0.37419390011800835</c:v>
                </c:pt>
                <c:pt idx="2326">
                  <c:v>0.37419390011800835</c:v>
                </c:pt>
                <c:pt idx="2327">
                  <c:v>0.37419390011800835</c:v>
                </c:pt>
                <c:pt idx="2328">
                  <c:v>0.39448995165554196</c:v>
                </c:pt>
                <c:pt idx="2329">
                  <c:v>0.45811736321288749</c:v>
                </c:pt>
                <c:pt idx="2330">
                  <c:v>0.45811736321288749</c:v>
                </c:pt>
                <c:pt idx="2331">
                  <c:v>0.45811736321288749</c:v>
                </c:pt>
                <c:pt idx="2332">
                  <c:v>0.45811736321288749</c:v>
                </c:pt>
                <c:pt idx="2333">
                  <c:v>0.57264670401610929</c:v>
                </c:pt>
                <c:pt idx="2334">
                  <c:v>0.67445056250786217</c:v>
                </c:pt>
                <c:pt idx="2335">
                  <c:v>0.80170538562255311</c:v>
                </c:pt>
                <c:pt idx="2336">
                  <c:v>0.80170538562255311</c:v>
                </c:pt>
                <c:pt idx="2337">
                  <c:v>0.80170538562255311</c:v>
                </c:pt>
                <c:pt idx="2338">
                  <c:v>0.80170538562255311</c:v>
                </c:pt>
                <c:pt idx="2339">
                  <c:v>0.80170538562255311</c:v>
                </c:pt>
                <c:pt idx="2340">
                  <c:v>0.80170538562255311</c:v>
                </c:pt>
                <c:pt idx="2341">
                  <c:v>0.80170538562255311</c:v>
                </c:pt>
                <c:pt idx="2342">
                  <c:v>0.80170538562255311</c:v>
                </c:pt>
                <c:pt idx="2343">
                  <c:v>0.71262700944226942</c:v>
                </c:pt>
                <c:pt idx="2344">
                  <c:v>0.69990152713080023</c:v>
                </c:pt>
                <c:pt idx="2345">
                  <c:v>0.59809766863904756</c:v>
                </c:pt>
                <c:pt idx="2346">
                  <c:v>0.55992122170464032</c:v>
                </c:pt>
                <c:pt idx="2347">
                  <c:v>0.47084284552435668</c:v>
                </c:pt>
                <c:pt idx="2348">
                  <c:v>0.39448995165554196</c:v>
                </c:pt>
                <c:pt idx="2349">
                  <c:v>0.34358802240966563</c:v>
                </c:pt>
                <c:pt idx="2350">
                  <c:v>0.34358802240966563</c:v>
                </c:pt>
                <c:pt idx="2351">
                  <c:v>0.34358802240966563</c:v>
                </c:pt>
                <c:pt idx="2352">
                  <c:v>0.25351408722377528</c:v>
                </c:pt>
                <c:pt idx="2353">
                  <c:v>0.25351408722377528</c:v>
                </c:pt>
                <c:pt idx="2354">
                  <c:v>0.25351408722377528</c:v>
                </c:pt>
                <c:pt idx="2355">
                  <c:v>0.25351408722377528</c:v>
                </c:pt>
                <c:pt idx="2356">
                  <c:v>0.25351408722377528</c:v>
                </c:pt>
                <c:pt idx="2357">
                  <c:v>1.0985610446363596</c:v>
                </c:pt>
                <c:pt idx="2358">
                  <c:v>1.2464442621835621</c:v>
                </c:pt>
                <c:pt idx="2359">
                  <c:v>1.2464442621835621</c:v>
                </c:pt>
                <c:pt idx="2360">
                  <c:v>1.2464442621835621</c:v>
                </c:pt>
                <c:pt idx="2361">
                  <c:v>1.3309489579248204</c:v>
                </c:pt>
                <c:pt idx="2362">
                  <c:v>1.3309489579248204</c:v>
                </c:pt>
                <c:pt idx="2363">
                  <c:v>1.6900939148251688</c:v>
                </c:pt>
                <c:pt idx="2364">
                  <c:v>1.6900939148251688</c:v>
                </c:pt>
                <c:pt idx="2365">
                  <c:v>1.1196872185716742</c:v>
                </c:pt>
                <c:pt idx="2366">
                  <c:v>1.6900939148251688</c:v>
                </c:pt>
                <c:pt idx="2367">
                  <c:v>1.6900939148251688</c:v>
                </c:pt>
                <c:pt idx="2368">
                  <c:v>1.6900939148251688</c:v>
                </c:pt>
                <c:pt idx="2369">
                  <c:v>1.6900939148251688</c:v>
                </c:pt>
                <c:pt idx="2370">
                  <c:v>1.6900939148251688</c:v>
                </c:pt>
                <c:pt idx="2371">
                  <c:v>1.4154536536660789</c:v>
                </c:pt>
                <c:pt idx="2372">
                  <c:v>1.1619395664423036</c:v>
                </c:pt>
                <c:pt idx="2373">
                  <c:v>0.8450469574125844</c:v>
                </c:pt>
                <c:pt idx="2374">
                  <c:v>0.80279460954195514</c:v>
                </c:pt>
                <c:pt idx="2375">
                  <c:v>0.80279460954195514</c:v>
                </c:pt>
                <c:pt idx="2376">
                  <c:v>0.73006443240668317</c:v>
                </c:pt>
                <c:pt idx="2377">
                  <c:v>0.73006443240668317</c:v>
                </c:pt>
                <c:pt idx="2378">
                  <c:v>0.73006443240668317</c:v>
                </c:pt>
                <c:pt idx="2379">
                  <c:v>0.73006443240668317</c:v>
                </c:pt>
                <c:pt idx="2380">
                  <c:v>0.73006443240668317</c:v>
                </c:pt>
                <c:pt idx="2381">
                  <c:v>0.94908376212868806</c:v>
                </c:pt>
                <c:pt idx="2382">
                  <c:v>1.0585934269896904</c:v>
                </c:pt>
                <c:pt idx="2383">
                  <c:v>1.0950966486100249</c:v>
                </c:pt>
                <c:pt idx="2384">
                  <c:v>1.0950966486100249</c:v>
                </c:pt>
                <c:pt idx="2385">
                  <c:v>1.1863547026608601</c:v>
                </c:pt>
                <c:pt idx="2386">
                  <c:v>1.2411095350913612</c:v>
                </c:pt>
                <c:pt idx="2387">
                  <c:v>1.4601288648133663</c:v>
                </c:pt>
                <c:pt idx="2388">
                  <c:v>1.4601288648133663</c:v>
                </c:pt>
                <c:pt idx="2389">
                  <c:v>1.4601288648133663</c:v>
                </c:pt>
                <c:pt idx="2390">
                  <c:v>1.4601288648133663</c:v>
                </c:pt>
                <c:pt idx="2391">
                  <c:v>1.4601288648133663</c:v>
                </c:pt>
                <c:pt idx="2392">
                  <c:v>1.4601288648133663</c:v>
                </c:pt>
                <c:pt idx="2393">
                  <c:v>1.4601288648133663</c:v>
                </c:pt>
                <c:pt idx="2394">
                  <c:v>1.4601288648133663</c:v>
                </c:pt>
                <c:pt idx="2395">
                  <c:v>1.2228579242811943</c:v>
                </c:pt>
                <c:pt idx="2396">
                  <c:v>1.0038385945591892</c:v>
                </c:pt>
                <c:pt idx="2397">
                  <c:v>0.73006443240668317</c:v>
                </c:pt>
                <c:pt idx="2398">
                  <c:v>0.73006443240668317</c:v>
                </c:pt>
                <c:pt idx="2399">
                  <c:v>0.73006443240668317</c:v>
                </c:pt>
                <c:pt idx="2400">
                  <c:v>0.64746402122430802</c:v>
                </c:pt>
                <c:pt idx="2401">
                  <c:v>0.72839702387734639</c:v>
                </c:pt>
                <c:pt idx="2402">
                  <c:v>0.72839702387734639</c:v>
                </c:pt>
                <c:pt idx="2403">
                  <c:v>0.72839702387734639</c:v>
                </c:pt>
                <c:pt idx="2404">
                  <c:v>0.72839702387734639</c:v>
                </c:pt>
                <c:pt idx="2405">
                  <c:v>0.93882283077524642</c:v>
                </c:pt>
                <c:pt idx="2406">
                  <c:v>1.0845022355507159</c:v>
                </c:pt>
                <c:pt idx="2407">
                  <c:v>1.0845022355507159</c:v>
                </c:pt>
                <c:pt idx="2408">
                  <c:v>1.0845022355507159</c:v>
                </c:pt>
                <c:pt idx="2409">
                  <c:v>1.1654352382037543</c:v>
                </c:pt>
                <c:pt idx="2410">
                  <c:v>1.2625548413874004</c:v>
                </c:pt>
                <c:pt idx="2411">
                  <c:v>1.4567940477546928</c:v>
                </c:pt>
                <c:pt idx="2412">
                  <c:v>1.4567940477546928</c:v>
                </c:pt>
                <c:pt idx="2413">
                  <c:v>1.4567940477546928</c:v>
                </c:pt>
                <c:pt idx="2414">
                  <c:v>1.4567940477546928</c:v>
                </c:pt>
                <c:pt idx="2415">
                  <c:v>1.4567940477546928</c:v>
                </c:pt>
                <c:pt idx="2416">
                  <c:v>1.4567940477546928</c:v>
                </c:pt>
                <c:pt idx="2417">
                  <c:v>1.4567940477546928</c:v>
                </c:pt>
                <c:pt idx="2418">
                  <c:v>1.4567940477546928</c:v>
                </c:pt>
                <c:pt idx="2419">
                  <c:v>1.2139950397955772</c:v>
                </c:pt>
                <c:pt idx="2420">
                  <c:v>0.97119603183646186</c:v>
                </c:pt>
                <c:pt idx="2421">
                  <c:v>0.72839702387734639</c:v>
                </c:pt>
                <c:pt idx="2422">
                  <c:v>0.72839702387734639</c:v>
                </c:pt>
                <c:pt idx="2423">
                  <c:v>0.72839702387734639</c:v>
                </c:pt>
                <c:pt idx="2424">
                  <c:v>0.72254512561583006</c:v>
                </c:pt>
                <c:pt idx="2425">
                  <c:v>0.72254512561583006</c:v>
                </c:pt>
                <c:pt idx="2426">
                  <c:v>0.72254512561583006</c:v>
                </c:pt>
                <c:pt idx="2427">
                  <c:v>0.72254512561583006</c:v>
                </c:pt>
                <c:pt idx="2428">
                  <c:v>0.72254512561583006</c:v>
                </c:pt>
                <c:pt idx="2429">
                  <c:v>0.93128038412706982</c:v>
                </c:pt>
                <c:pt idx="2430">
                  <c:v>1.0757894092502363</c:v>
                </c:pt>
                <c:pt idx="2431">
                  <c:v>1.0757894092502363</c:v>
                </c:pt>
                <c:pt idx="2432">
                  <c:v>1.0757894092502363</c:v>
                </c:pt>
                <c:pt idx="2433">
                  <c:v>1.1560722009853281</c:v>
                </c:pt>
                <c:pt idx="2434">
                  <c:v>1.2524115510674392</c:v>
                </c:pt>
                <c:pt idx="2435">
                  <c:v>1.4450902512316601</c:v>
                </c:pt>
                <c:pt idx="2436">
                  <c:v>1.4450902512316601</c:v>
                </c:pt>
                <c:pt idx="2437">
                  <c:v>1.4450902512316601</c:v>
                </c:pt>
                <c:pt idx="2438">
                  <c:v>1.4450902512316601</c:v>
                </c:pt>
                <c:pt idx="2439">
                  <c:v>1.4450902512316601</c:v>
                </c:pt>
                <c:pt idx="2440">
                  <c:v>1.4450902512316601</c:v>
                </c:pt>
                <c:pt idx="2441">
                  <c:v>1.4450902512316601</c:v>
                </c:pt>
                <c:pt idx="2442">
                  <c:v>1.4450902512316601</c:v>
                </c:pt>
                <c:pt idx="2443">
                  <c:v>1.2042418760263836</c:v>
                </c:pt>
                <c:pt idx="2444">
                  <c:v>0.96339350082110686</c:v>
                </c:pt>
                <c:pt idx="2445">
                  <c:v>0.72254512561583006</c:v>
                </c:pt>
                <c:pt idx="2446">
                  <c:v>0.72254512561583006</c:v>
                </c:pt>
                <c:pt idx="2447">
                  <c:v>0.72254512561583006</c:v>
                </c:pt>
                <c:pt idx="2448">
                  <c:v>0.79406612814635757</c:v>
                </c:pt>
                <c:pt idx="2449">
                  <c:v>0.79406612814635757</c:v>
                </c:pt>
                <c:pt idx="2450">
                  <c:v>0.79406612814635757</c:v>
                </c:pt>
                <c:pt idx="2451">
                  <c:v>0.79406612814635757</c:v>
                </c:pt>
                <c:pt idx="2452">
                  <c:v>0.79406612814635757</c:v>
                </c:pt>
                <c:pt idx="2453">
                  <c:v>1.0234630096108608</c:v>
                </c:pt>
                <c:pt idx="2454">
                  <c:v>1.2352139771165562</c:v>
                </c:pt>
                <c:pt idx="2455">
                  <c:v>1.2352139771165562</c:v>
                </c:pt>
                <c:pt idx="2456">
                  <c:v>1.2352139771165562</c:v>
                </c:pt>
                <c:pt idx="2457">
                  <c:v>1.3234435469105961</c:v>
                </c:pt>
                <c:pt idx="2458">
                  <c:v>1.3763812887870195</c:v>
                </c:pt>
                <c:pt idx="2459">
                  <c:v>1.5881322562927151</c:v>
                </c:pt>
                <c:pt idx="2460">
                  <c:v>1.5881322562927151</c:v>
                </c:pt>
                <c:pt idx="2461">
                  <c:v>1.5881322562927151</c:v>
                </c:pt>
                <c:pt idx="2462">
                  <c:v>1.5881322562927151</c:v>
                </c:pt>
                <c:pt idx="2463">
                  <c:v>1.3234435469105961</c:v>
                </c:pt>
                <c:pt idx="2464">
                  <c:v>1.2528598910753643</c:v>
                </c:pt>
                <c:pt idx="2465">
                  <c:v>1.2528598910753643</c:v>
                </c:pt>
                <c:pt idx="2466">
                  <c:v>1.2528598910753643</c:v>
                </c:pt>
                <c:pt idx="2467">
                  <c:v>1.2528598910753643</c:v>
                </c:pt>
                <c:pt idx="2468">
                  <c:v>0.97052526773443715</c:v>
                </c:pt>
                <c:pt idx="2469">
                  <c:v>0.3705641931349668</c:v>
                </c:pt>
                <c:pt idx="2470">
                  <c:v>0.3705641931349668</c:v>
                </c:pt>
                <c:pt idx="2471">
                  <c:v>0.3705641931349668</c:v>
                </c:pt>
                <c:pt idx="2472">
                  <c:v>0.22740613786320271</c:v>
                </c:pt>
                <c:pt idx="2473">
                  <c:v>0.44398341201863395</c:v>
                </c:pt>
                <c:pt idx="2474">
                  <c:v>0.44398341201863395</c:v>
                </c:pt>
                <c:pt idx="2475">
                  <c:v>0.44398341201863395</c:v>
                </c:pt>
                <c:pt idx="2476">
                  <c:v>0.44398341201863395</c:v>
                </c:pt>
                <c:pt idx="2477">
                  <c:v>0.55227204909634953</c:v>
                </c:pt>
                <c:pt idx="2478">
                  <c:v>0.69304727729737992</c:v>
                </c:pt>
                <c:pt idx="2479">
                  <c:v>0.79050705066732385</c:v>
                </c:pt>
                <c:pt idx="2480">
                  <c:v>0.79050705066732385</c:v>
                </c:pt>
                <c:pt idx="2481">
                  <c:v>0.79050705066732385</c:v>
                </c:pt>
                <c:pt idx="2482">
                  <c:v>0.79050705066732385</c:v>
                </c:pt>
                <c:pt idx="2483">
                  <c:v>0.79050705066732385</c:v>
                </c:pt>
                <c:pt idx="2484">
                  <c:v>0.79050705066732385</c:v>
                </c:pt>
                <c:pt idx="2485">
                  <c:v>0.79050705066732385</c:v>
                </c:pt>
                <c:pt idx="2486">
                  <c:v>0.79050705066732385</c:v>
                </c:pt>
                <c:pt idx="2487">
                  <c:v>0.71470500471292298</c:v>
                </c:pt>
                <c:pt idx="2488">
                  <c:v>0.64973182246629357</c:v>
                </c:pt>
                <c:pt idx="2489">
                  <c:v>0.58475864021966428</c:v>
                </c:pt>
                <c:pt idx="2490">
                  <c:v>0.563100912804121</c:v>
                </c:pt>
                <c:pt idx="2491">
                  <c:v>0.45481227572640542</c:v>
                </c:pt>
                <c:pt idx="2492">
                  <c:v>0.33569477494091832</c:v>
                </c:pt>
                <c:pt idx="2493">
                  <c:v>0.33569477494091832</c:v>
                </c:pt>
                <c:pt idx="2494">
                  <c:v>0.33569477494091832</c:v>
                </c:pt>
                <c:pt idx="2495">
                  <c:v>0.33569477494091832</c:v>
                </c:pt>
                <c:pt idx="2496">
                  <c:v>0.38314600795514775</c:v>
                </c:pt>
                <c:pt idx="2497">
                  <c:v>0.44494375117371998</c:v>
                </c:pt>
                <c:pt idx="2498">
                  <c:v>0.44494375117371998</c:v>
                </c:pt>
                <c:pt idx="2499">
                  <c:v>0.44494375117371998</c:v>
                </c:pt>
                <c:pt idx="2500">
                  <c:v>0.44494375117371998</c:v>
                </c:pt>
                <c:pt idx="2501">
                  <c:v>0.55617968896714987</c:v>
                </c:pt>
                <c:pt idx="2502">
                  <c:v>0.6550560781168655</c:v>
                </c:pt>
                <c:pt idx="2503">
                  <c:v>0.77865156455400986</c:v>
                </c:pt>
                <c:pt idx="2504">
                  <c:v>0.77865156455400986</c:v>
                </c:pt>
                <c:pt idx="2505">
                  <c:v>0.77865156455400986</c:v>
                </c:pt>
                <c:pt idx="2506">
                  <c:v>0.77865156455400986</c:v>
                </c:pt>
                <c:pt idx="2507">
                  <c:v>0.77865156455400986</c:v>
                </c:pt>
                <c:pt idx="2508">
                  <c:v>0.77865156455400986</c:v>
                </c:pt>
                <c:pt idx="2509">
                  <c:v>0.77865156455400986</c:v>
                </c:pt>
                <c:pt idx="2510">
                  <c:v>0.77865156455400986</c:v>
                </c:pt>
                <c:pt idx="2511">
                  <c:v>0.6921347240480088</c:v>
                </c:pt>
                <c:pt idx="2512">
                  <c:v>0.67977517540429433</c:v>
                </c:pt>
                <c:pt idx="2513">
                  <c:v>0.5808987862545788</c:v>
                </c:pt>
                <c:pt idx="2514">
                  <c:v>0.54382014032343551</c:v>
                </c:pt>
                <c:pt idx="2515">
                  <c:v>0.45730329981743445</c:v>
                </c:pt>
                <c:pt idx="2516">
                  <c:v>0.38314600795514775</c:v>
                </c:pt>
                <c:pt idx="2517">
                  <c:v>0.33370781338029004</c:v>
                </c:pt>
                <c:pt idx="2518">
                  <c:v>0.33370781338029004</c:v>
                </c:pt>
                <c:pt idx="2519">
                  <c:v>0.33370781338029004</c:v>
                </c:pt>
                <c:pt idx="2520">
                  <c:v>0.25086841010469807</c:v>
                </c:pt>
                <c:pt idx="2521">
                  <c:v>0.25086841010469807</c:v>
                </c:pt>
                <c:pt idx="2522">
                  <c:v>0.25086841010469807</c:v>
                </c:pt>
                <c:pt idx="2523">
                  <c:v>0.25086841010469807</c:v>
                </c:pt>
                <c:pt idx="2524">
                  <c:v>0.25086841010469807</c:v>
                </c:pt>
                <c:pt idx="2525">
                  <c:v>1.0870964437870252</c:v>
                </c:pt>
                <c:pt idx="2526">
                  <c:v>1.2334363496814325</c:v>
                </c:pt>
                <c:pt idx="2527">
                  <c:v>1.2334363496814325</c:v>
                </c:pt>
                <c:pt idx="2528">
                  <c:v>1.2334363496814325</c:v>
                </c:pt>
                <c:pt idx="2529">
                  <c:v>1.3170591530496649</c:v>
                </c:pt>
                <c:pt idx="2530">
                  <c:v>1.3170591530496649</c:v>
                </c:pt>
                <c:pt idx="2531">
                  <c:v>1.672456067364654</c:v>
                </c:pt>
                <c:pt idx="2532">
                  <c:v>1.672456067364654</c:v>
                </c:pt>
                <c:pt idx="2533">
                  <c:v>1.1080021446290835</c:v>
                </c:pt>
                <c:pt idx="2534">
                  <c:v>1.672456067364654</c:v>
                </c:pt>
                <c:pt idx="2535">
                  <c:v>1.672456067364654</c:v>
                </c:pt>
                <c:pt idx="2536">
                  <c:v>1.672456067364654</c:v>
                </c:pt>
                <c:pt idx="2537">
                  <c:v>1.672456067364654</c:v>
                </c:pt>
                <c:pt idx="2538">
                  <c:v>1.672456067364654</c:v>
                </c:pt>
                <c:pt idx="2539">
                  <c:v>1.4006819564178981</c:v>
                </c:pt>
                <c:pt idx="2540">
                  <c:v>1.1498135463131998</c:v>
                </c:pt>
                <c:pt idx="2541">
                  <c:v>0.83622803368232701</c:v>
                </c:pt>
                <c:pt idx="2542">
                  <c:v>0.79441663199821066</c:v>
                </c:pt>
                <c:pt idx="2543">
                  <c:v>0.79441663199821066</c:v>
                </c:pt>
                <c:pt idx="2544">
                  <c:v>0.7305795307892673</c:v>
                </c:pt>
                <c:pt idx="2545">
                  <c:v>0.7305795307892673</c:v>
                </c:pt>
                <c:pt idx="2546">
                  <c:v>0.7305795307892673</c:v>
                </c:pt>
                <c:pt idx="2547">
                  <c:v>0.7305795307892673</c:v>
                </c:pt>
                <c:pt idx="2548">
                  <c:v>0.7305795307892673</c:v>
                </c:pt>
                <c:pt idx="2549">
                  <c:v>0.94975339002604731</c:v>
                </c:pt>
                <c:pt idx="2550">
                  <c:v>1.0593403196444375</c:v>
                </c:pt>
                <c:pt idx="2551">
                  <c:v>1.0958692961839009</c:v>
                </c:pt>
                <c:pt idx="2552">
                  <c:v>1.0958692961839009</c:v>
                </c:pt>
                <c:pt idx="2553">
                  <c:v>1.1871917375325594</c:v>
                </c:pt>
                <c:pt idx="2554">
                  <c:v>1.2419852023417544</c:v>
                </c:pt>
                <c:pt idx="2555">
                  <c:v>1.4611590615785346</c:v>
                </c:pt>
                <c:pt idx="2556">
                  <c:v>1.4611590615785346</c:v>
                </c:pt>
                <c:pt idx="2557">
                  <c:v>1.4611590615785346</c:v>
                </c:pt>
                <c:pt idx="2558">
                  <c:v>1.4611590615785346</c:v>
                </c:pt>
                <c:pt idx="2559">
                  <c:v>1.4611590615785346</c:v>
                </c:pt>
                <c:pt idx="2560">
                  <c:v>1.4611590615785346</c:v>
                </c:pt>
                <c:pt idx="2561">
                  <c:v>1.4611590615785346</c:v>
                </c:pt>
                <c:pt idx="2562">
                  <c:v>1.4611590615785346</c:v>
                </c:pt>
                <c:pt idx="2563">
                  <c:v>1.2237207140720228</c:v>
                </c:pt>
                <c:pt idx="2564">
                  <c:v>1.0045468548352423</c:v>
                </c:pt>
                <c:pt idx="2565">
                  <c:v>0.7305795307892673</c:v>
                </c:pt>
                <c:pt idx="2566">
                  <c:v>0.7305795307892673</c:v>
                </c:pt>
                <c:pt idx="2567">
                  <c:v>0.7305795307892673</c:v>
                </c:pt>
                <c:pt idx="2568">
                  <c:v>0.64470558825518975</c:v>
                </c:pt>
                <c:pt idx="2569">
                  <c:v>0.72529378678708845</c:v>
                </c:pt>
                <c:pt idx="2570">
                  <c:v>0.72529378678708845</c:v>
                </c:pt>
                <c:pt idx="2571">
                  <c:v>0.72529378678708845</c:v>
                </c:pt>
                <c:pt idx="2572">
                  <c:v>0.72529378678708845</c:v>
                </c:pt>
                <c:pt idx="2573">
                  <c:v>0.93482310297002502</c:v>
                </c:pt>
                <c:pt idx="2574">
                  <c:v>1.0798818603274429</c:v>
                </c:pt>
                <c:pt idx="2575">
                  <c:v>1.0798818603274429</c:v>
                </c:pt>
                <c:pt idx="2576">
                  <c:v>1.0798818603274429</c:v>
                </c:pt>
                <c:pt idx="2577">
                  <c:v>1.1604700588593415</c:v>
                </c:pt>
                <c:pt idx="2578">
                  <c:v>1.2571758970976201</c:v>
                </c:pt>
                <c:pt idx="2579">
                  <c:v>1.4505875735741769</c:v>
                </c:pt>
                <c:pt idx="2580">
                  <c:v>1.4505875735741769</c:v>
                </c:pt>
                <c:pt idx="2581">
                  <c:v>1.4505875735741769</c:v>
                </c:pt>
                <c:pt idx="2582">
                  <c:v>1.4505875735741769</c:v>
                </c:pt>
                <c:pt idx="2583">
                  <c:v>1.4505875735741769</c:v>
                </c:pt>
                <c:pt idx="2584">
                  <c:v>1.4505875735741769</c:v>
                </c:pt>
                <c:pt idx="2585">
                  <c:v>1.4505875735741769</c:v>
                </c:pt>
                <c:pt idx="2586">
                  <c:v>1.4505875735741769</c:v>
                </c:pt>
                <c:pt idx="2587">
                  <c:v>1.2088229779784807</c:v>
                </c:pt>
                <c:pt idx="2588">
                  <c:v>0.96705838238278463</c:v>
                </c:pt>
                <c:pt idx="2589">
                  <c:v>0.72529378678708845</c:v>
                </c:pt>
                <c:pt idx="2590">
                  <c:v>0.72529378678708845</c:v>
                </c:pt>
                <c:pt idx="2591">
                  <c:v>0.72529378678708845</c:v>
                </c:pt>
                <c:pt idx="2592">
                  <c:v>0.72151389801953958</c:v>
                </c:pt>
                <c:pt idx="2593">
                  <c:v>0.72151389801953958</c:v>
                </c:pt>
                <c:pt idx="2594">
                  <c:v>0.72151389801953958</c:v>
                </c:pt>
                <c:pt idx="2595">
                  <c:v>0.72151389801953958</c:v>
                </c:pt>
                <c:pt idx="2596">
                  <c:v>0.72151389801953958</c:v>
                </c:pt>
                <c:pt idx="2597">
                  <c:v>0.92995124633629556</c:v>
                </c:pt>
                <c:pt idx="2598">
                  <c:v>1.0742540259402036</c:v>
                </c:pt>
                <c:pt idx="2599">
                  <c:v>1.0742540259402036</c:v>
                </c:pt>
                <c:pt idx="2600">
                  <c:v>1.0742540259402036</c:v>
                </c:pt>
                <c:pt idx="2601">
                  <c:v>1.1544222368312633</c:v>
                </c:pt>
                <c:pt idx="2602">
                  <c:v>1.2506240899005352</c:v>
                </c:pt>
                <c:pt idx="2603">
                  <c:v>1.4430277960390792</c:v>
                </c:pt>
                <c:pt idx="2604">
                  <c:v>1.4430277960390792</c:v>
                </c:pt>
                <c:pt idx="2605">
                  <c:v>1.4430277960390792</c:v>
                </c:pt>
                <c:pt idx="2606">
                  <c:v>1.4430277960390792</c:v>
                </c:pt>
                <c:pt idx="2607">
                  <c:v>1.4430277960390792</c:v>
                </c:pt>
                <c:pt idx="2608">
                  <c:v>1.4430277960390792</c:v>
                </c:pt>
                <c:pt idx="2609">
                  <c:v>1.4430277960390792</c:v>
                </c:pt>
                <c:pt idx="2610">
                  <c:v>1.4430277960390792</c:v>
                </c:pt>
                <c:pt idx="2611">
                  <c:v>1.2025231633658995</c:v>
                </c:pt>
                <c:pt idx="2612">
                  <c:v>0.96201853069271948</c:v>
                </c:pt>
                <c:pt idx="2613">
                  <c:v>0.72151389801953958</c:v>
                </c:pt>
                <c:pt idx="2614">
                  <c:v>0.72151389801953958</c:v>
                </c:pt>
                <c:pt idx="2615">
                  <c:v>0.72151389801953958</c:v>
                </c:pt>
                <c:pt idx="2616">
                  <c:v>0.78898439431379441</c:v>
                </c:pt>
                <c:pt idx="2617">
                  <c:v>0.78898439431379441</c:v>
                </c:pt>
                <c:pt idx="2618">
                  <c:v>0.78898439431379441</c:v>
                </c:pt>
                <c:pt idx="2619">
                  <c:v>0.78898439431379441</c:v>
                </c:pt>
                <c:pt idx="2620">
                  <c:v>0.78898439431379441</c:v>
                </c:pt>
                <c:pt idx="2621">
                  <c:v>1.0169132193377795</c:v>
                </c:pt>
                <c:pt idx="2622">
                  <c:v>1.2273090578214578</c:v>
                </c:pt>
                <c:pt idx="2623">
                  <c:v>1.2273090578214578</c:v>
                </c:pt>
                <c:pt idx="2624">
                  <c:v>1.2273090578214578</c:v>
                </c:pt>
                <c:pt idx="2625">
                  <c:v>1.3149739905229907</c:v>
                </c:pt>
                <c:pt idx="2626">
                  <c:v>1.3675729501439102</c:v>
                </c:pt>
                <c:pt idx="2627">
                  <c:v>1.5779687886275888</c:v>
                </c:pt>
                <c:pt idx="2628">
                  <c:v>1.5779687886275888</c:v>
                </c:pt>
                <c:pt idx="2629">
                  <c:v>1.5779687886275888</c:v>
                </c:pt>
                <c:pt idx="2630">
                  <c:v>1.5779687886275888</c:v>
                </c:pt>
                <c:pt idx="2631">
                  <c:v>1.3149739905229907</c:v>
                </c:pt>
                <c:pt idx="2632">
                  <c:v>1.2448420443617647</c:v>
                </c:pt>
                <c:pt idx="2633">
                  <c:v>1.2448420443617647</c:v>
                </c:pt>
                <c:pt idx="2634">
                  <c:v>1.2448420443617647</c:v>
                </c:pt>
                <c:pt idx="2635">
                  <c:v>1.2448420443617647</c:v>
                </c:pt>
                <c:pt idx="2636">
                  <c:v>0.96431425971685969</c:v>
                </c:pt>
                <c:pt idx="2637">
                  <c:v>0.36819271734643733</c:v>
                </c:pt>
                <c:pt idx="2638">
                  <c:v>0.36819271734643733</c:v>
                </c:pt>
                <c:pt idx="2639">
                  <c:v>0.36819271734643733</c:v>
                </c:pt>
                <c:pt idx="2640">
                  <c:v>0.20615572468301679</c:v>
                </c:pt>
                <c:pt idx="2641">
                  <c:v>0.40249451009541382</c:v>
                </c:pt>
                <c:pt idx="2642">
                  <c:v>0.40249451009541382</c:v>
                </c:pt>
                <c:pt idx="2643">
                  <c:v>0.40249451009541382</c:v>
                </c:pt>
                <c:pt idx="2644">
                  <c:v>0.40249451009541382</c:v>
                </c:pt>
                <c:pt idx="2645">
                  <c:v>0.50066390280161233</c:v>
                </c:pt>
                <c:pt idx="2646">
                  <c:v>0.62828411331967038</c:v>
                </c:pt>
                <c:pt idx="2647">
                  <c:v>0.716636566755249</c:v>
                </c:pt>
                <c:pt idx="2648">
                  <c:v>0.716636566755249</c:v>
                </c:pt>
                <c:pt idx="2649">
                  <c:v>0.716636566755249</c:v>
                </c:pt>
                <c:pt idx="2650">
                  <c:v>0.716636566755249</c:v>
                </c:pt>
                <c:pt idx="2651">
                  <c:v>0.716636566755249</c:v>
                </c:pt>
                <c:pt idx="2652">
                  <c:v>0.716636566755249</c:v>
                </c:pt>
                <c:pt idx="2653">
                  <c:v>0.716636566755249</c:v>
                </c:pt>
                <c:pt idx="2654">
                  <c:v>0.716636566755249</c:v>
                </c:pt>
                <c:pt idx="2655">
                  <c:v>0.64791799186091015</c:v>
                </c:pt>
                <c:pt idx="2656">
                  <c:v>0.58901635623719095</c:v>
                </c:pt>
                <c:pt idx="2657">
                  <c:v>0.53011472061347187</c:v>
                </c:pt>
                <c:pt idx="2658">
                  <c:v>0.5104808420722321</c:v>
                </c:pt>
                <c:pt idx="2659">
                  <c:v>0.41231144936603359</c:v>
                </c:pt>
                <c:pt idx="2660">
                  <c:v>0.3043251173892153</c:v>
                </c:pt>
                <c:pt idx="2661">
                  <c:v>0.3043251173892153</c:v>
                </c:pt>
                <c:pt idx="2662">
                  <c:v>0.3043251173892153</c:v>
                </c:pt>
                <c:pt idx="2663">
                  <c:v>0.3043251173892153</c:v>
                </c:pt>
                <c:pt idx="2664">
                  <c:v>0.40259276858439508</c:v>
                </c:pt>
                <c:pt idx="2665">
                  <c:v>0.46752708609800714</c:v>
                </c:pt>
                <c:pt idx="2666">
                  <c:v>0.46752708609800714</c:v>
                </c:pt>
                <c:pt idx="2667">
                  <c:v>0.46752708609800714</c:v>
                </c:pt>
                <c:pt idx="2668">
                  <c:v>0.46752708609800714</c:v>
                </c:pt>
                <c:pt idx="2669">
                  <c:v>0.58440885762250883</c:v>
                </c:pt>
                <c:pt idx="2670">
                  <c:v>0.68830376564428819</c:v>
                </c:pt>
                <c:pt idx="2671">
                  <c:v>0.81817240067151265</c:v>
                </c:pt>
                <c:pt idx="2672">
                  <c:v>0.81817240067151265</c:v>
                </c:pt>
                <c:pt idx="2673">
                  <c:v>0.81817240067151265</c:v>
                </c:pt>
                <c:pt idx="2674">
                  <c:v>0.81817240067151265</c:v>
                </c:pt>
                <c:pt idx="2675">
                  <c:v>0.81817240067151265</c:v>
                </c:pt>
                <c:pt idx="2676">
                  <c:v>0.81817240067151265</c:v>
                </c:pt>
                <c:pt idx="2677">
                  <c:v>0.81817240067151265</c:v>
                </c:pt>
                <c:pt idx="2678">
                  <c:v>0.81817240067151265</c:v>
                </c:pt>
                <c:pt idx="2679">
                  <c:v>0.72726435615245544</c:v>
                </c:pt>
                <c:pt idx="2680">
                  <c:v>0.71427749264973295</c:v>
                </c:pt>
                <c:pt idx="2681">
                  <c:v>0.61038258462795381</c:v>
                </c:pt>
                <c:pt idx="2682">
                  <c:v>0.57142199411978656</c:v>
                </c:pt>
                <c:pt idx="2683">
                  <c:v>0.48051394960072957</c:v>
                </c:pt>
                <c:pt idx="2684">
                  <c:v>0.40259276858439508</c:v>
                </c:pt>
                <c:pt idx="2685">
                  <c:v>0.35064531457350534</c:v>
                </c:pt>
                <c:pt idx="2686">
                  <c:v>0.35064531457350534</c:v>
                </c:pt>
                <c:pt idx="2687">
                  <c:v>0.35064531457350534</c:v>
                </c:pt>
                <c:pt idx="2688">
                  <c:v>0.2620838738574191</c:v>
                </c:pt>
                <c:pt idx="2689">
                  <c:v>0.2620838738574191</c:v>
                </c:pt>
                <c:pt idx="2690">
                  <c:v>0.2620838738574191</c:v>
                </c:pt>
                <c:pt idx="2691">
                  <c:v>0.2620838738574191</c:v>
                </c:pt>
                <c:pt idx="2692">
                  <c:v>0.2620838738574191</c:v>
                </c:pt>
                <c:pt idx="2693">
                  <c:v>1.135696786715483</c:v>
                </c:pt>
                <c:pt idx="2694">
                  <c:v>1.2885790464656444</c:v>
                </c:pt>
                <c:pt idx="2695">
                  <c:v>1.2885790464656444</c:v>
                </c:pt>
                <c:pt idx="2696">
                  <c:v>1.2885790464656444</c:v>
                </c:pt>
                <c:pt idx="2697">
                  <c:v>1.3759403377514507</c:v>
                </c:pt>
                <c:pt idx="2698">
                  <c:v>1.3759403377514507</c:v>
                </c:pt>
                <c:pt idx="2699">
                  <c:v>1.7472258257161279</c:v>
                </c:pt>
                <c:pt idx="2700">
                  <c:v>1.7472258257161279</c:v>
                </c:pt>
                <c:pt idx="2701">
                  <c:v>1.1575371095369347</c:v>
                </c:pt>
                <c:pt idx="2702">
                  <c:v>1.7472258257161279</c:v>
                </c:pt>
                <c:pt idx="2703">
                  <c:v>1.7472258257161279</c:v>
                </c:pt>
                <c:pt idx="2704">
                  <c:v>1.7472258257161279</c:v>
                </c:pt>
                <c:pt idx="2705">
                  <c:v>1.7472258257161279</c:v>
                </c:pt>
                <c:pt idx="2706">
                  <c:v>1.7472258257161279</c:v>
                </c:pt>
                <c:pt idx="2707">
                  <c:v>1.4633016290372574</c:v>
                </c:pt>
                <c:pt idx="2708">
                  <c:v>1.201217755179838</c:v>
                </c:pt>
                <c:pt idx="2709">
                  <c:v>0.87361291285806397</c:v>
                </c:pt>
                <c:pt idx="2710">
                  <c:v>0.82993226721516078</c:v>
                </c:pt>
                <c:pt idx="2711">
                  <c:v>0.82993226721516078</c:v>
                </c:pt>
                <c:pt idx="2712">
                  <c:v>0.75754636032312028</c:v>
                </c:pt>
                <c:pt idx="2713">
                  <c:v>0.75754636032312028</c:v>
                </c:pt>
                <c:pt idx="2714">
                  <c:v>0.75754636032312028</c:v>
                </c:pt>
                <c:pt idx="2715">
                  <c:v>0.75754636032312028</c:v>
                </c:pt>
                <c:pt idx="2716">
                  <c:v>0.75754636032312028</c:v>
                </c:pt>
                <c:pt idx="2717">
                  <c:v>0.98481026842005637</c:v>
                </c:pt>
                <c:pt idx="2718">
                  <c:v>1.0984422224685246</c:v>
                </c:pt>
                <c:pt idx="2719">
                  <c:v>1.1363195404846804</c:v>
                </c:pt>
                <c:pt idx="2720">
                  <c:v>1.1363195404846804</c:v>
                </c:pt>
                <c:pt idx="2721">
                  <c:v>1.2310128355250705</c:v>
                </c:pt>
                <c:pt idx="2722">
                  <c:v>1.2878288125493045</c:v>
                </c:pt>
                <c:pt idx="2723">
                  <c:v>1.5150927206462406</c:v>
                </c:pt>
                <c:pt idx="2724">
                  <c:v>1.5150927206462406</c:v>
                </c:pt>
                <c:pt idx="2725">
                  <c:v>1.5150927206462406</c:v>
                </c:pt>
                <c:pt idx="2726">
                  <c:v>1.5150927206462406</c:v>
                </c:pt>
                <c:pt idx="2727">
                  <c:v>1.5150927206462406</c:v>
                </c:pt>
                <c:pt idx="2728">
                  <c:v>1.5150927206462406</c:v>
                </c:pt>
                <c:pt idx="2729">
                  <c:v>1.5150927206462406</c:v>
                </c:pt>
                <c:pt idx="2730">
                  <c:v>1.5150927206462406</c:v>
                </c:pt>
                <c:pt idx="2731">
                  <c:v>1.2688901535412267</c:v>
                </c:pt>
                <c:pt idx="2732">
                  <c:v>1.0416262454442904</c:v>
                </c:pt>
                <c:pt idx="2733">
                  <c:v>0.75754636032312028</c:v>
                </c:pt>
                <c:pt idx="2734">
                  <c:v>0.75754636032312028</c:v>
                </c:pt>
                <c:pt idx="2735">
                  <c:v>0.75754636032312028</c:v>
                </c:pt>
                <c:pt idx="2736">
                  <c:v>0.69113855906109278</c:v>
                </c:pt>
                <c:pt idx="2737">
                  <c:v>0.77753087894372941</c:v>
                </c:pt>
                <c:pt idx="2738">
                  <c:v>0.77753087894372941</c:v>
                </c:pt>
                <c:pt idx="2739">
                  <c:v>0.77753087894372941</c:v>
                </c:pt>
                <c:pt idx="2740">
                  <c:v>0.77753087894372941</c:v>
                </c:pt>
                <c:pt idx="2741">
                  <c:v>1.0021509106385844</c:v>
                </c:pt>
                <c:pt idx="2742">
                  <c:v>1.1576570864273303</c:v>
                </c:pt>
                <c:pt idx="2743">
                  <c:v>1.1576570864273303</c:v>
                </c:pt>
                <c:pt idx="2744">
                  <c:v>1.1576570864273303</c:v>
                </c:pt>
                <c:pt idx="2745">
                  <c:v>1.244049406309967</c:v>
                </c:pt>
                <c:pt idx="2746">
                  <c:v>1.3477201901691309</c:v>
                </c:pt>
                <c:pt idx="2747">
                  <c:v>1.5550617578874588</c:v>
                </c:pt>
                <c:pt idx="2748">
                  <c:v>1.5550617578874588</c:v>
                </c:pt>
                <c:pt idx="2749">
                  <c:v>1.5550617578874588</c:v>
                </c:pt>
                <c:pt idx="2750">
                  <c:v>1.5550617578874588</c:v>
                </c:pt>
                <c:pt idx="2751">
                  <c:v>1.5550617578874588</c:v>
                </c:pt>
                <c:pt idx="2752">
                  <c:v>1.5550617578874588</c:v>
                </c:pt>
                <c:pt idx="2753">
                  <c:v>1.5550617578874588</c:v>
                </c:pt>
                <c:pt idx="2754">
                  <c:v>1.5550617578874588</c:v>
                </c:pt>
                <c:pt idx="2755">
                  <c:v>1.2958847982395492</c:v>
                </c:pt>
                <c:pt idx="2756">
                  <c:v>1.0367078385916393</c:v>
                </c:pt>
                <c:pt idx="2757">
                  <c:v>0.77753087894372941</c:v>
                </c:pt>
                <c:pt idx="2758">
                  <c:v>0.77753087894372941</c:v>
                </c:pt>
                <c:pt idx="2759">
                  <c:v>0.77753087894372941</c:v>
                </c:pt>
                <c:pt idx="2760">
                  <c:v>0.76167089913928443</c:v>
                </c:pt>
                <c:pt idx="2761">
                  <c:v>0.76167089913928443</c:v>
                </c:pt>
                <c:pt idx="2762">
                  <c:v>0.76167089913928443</c:v>
                </c:pt>
                <c:pt idx="2763">
                  <c:v>0.76167089913928443</c:v>
                </c:pt>
                <c:pt idx="2764">
                  <c:v>0.76167089913928443</c:v>
                </c:pt>
                <c:pt idx="2765">
                  <c:v>0.98170915889063337</c:v>
                </c:pt>
                <c:pt idx="2766">
                  <c:v>1.1340433387184903</c:v>
                </c:pt>
                <c:pt idx="2767">
                  <c:v>1.1340433387184903</c:v>
                </c:pt>
                <c:pt idx="2768">
                  <c:v>1.1340433387184903</c:v>
                </c:pt>
                <c:pt idx="2769">
                  <c:v>1.2186734386228553</c:v>
                </c:pt>
                <c:pt idx="2770">
                  <c:v>1.320229558508093</c:v>
                </c:pt>
                <c:pt idx="2771">
                  <c:v>1.5233417982785689</c:v>
                </c:pt>
                <c:pt idx="2772">
                  <c:v>1.5233417982785689</c:v>
                </c:pt>
                <c:pt idx="2773">
                  <c:v>1.5233417982785689</c:v>
                </c:pt>
                <c:pt idx="2774">
                  <c:v>1.5233417982785689</c:v>
                </c:pt>
                <c:pt idx="2775">
                  <c:v>1.5233417982785689</c:v>
                </c:pt>
                <c:pt idx="2776">
                  <c:v>1.5233417982785689</c:v>
                </c:pt>
                <c:pt idx="2777">
                  <c:v>1.5233417982785689</c:v>
                </c:pt>
                <c:pt idx="2778">
                  <c:v>1.5233417982785689</c:v>
                </c:pt>
                <c:pt idx="2779">
                  <c:v>1.2694514985654743</c:v>
                </c:pt>
                <c:pt idx="2780">
                  <c:v>1.0155611988523794</c:v>
                </c:pt>
                <c:pt idx="2781">
                  <c:v>0.76167089913928443</c:v>
                </c:pt>
                <c:pt idx="2782">
                  <c:v>0.76167089913928443</c:v>
                </c:pt>
                <c:pt idx="2783">
                  <c:v>0.76167089913928443</c:v>
                </c:pt>
                <c:pt idx="2784">
                  <c:v>0.83040209170618573</c:v>
                </c:pt>
                <c:pt idx="2785">
                  <c:v>0.83040209170618573</c:v>
                </c:pt>
                <c:pt idx="2786">
                  <c:v>0.83040209170618573</c:v>
                </c:pt>
                <c:pt idx="2787">
                  <c:v>0.83040209170618573</c:v>
                </c:pt>
                <c:pt idx="2788">
                  <c:v>0.83040209170618573</c:v>
                </c:pt>
                <c:pt idx="2789">
                  <c:v>1.0702960293101951</c:v>
                </c:pt>
                <c:pt idx="2790">
                  <c:v>1.2917365870985114</c:v>
                </c:pt>
                <c:pt idx="2791">
                  <c:v>1.2917365870985114</c:v>
                </c:pt>
                <c:pt idx="2792">
                  <c:v>1.2917365870985114</c:v>
                </c:pt>
                <c:pt idx="2793">
                  <c:v>1.3840034861769765</c:v>
                </c:pt>
                <c:pt idx="2794">
                  <c:v>1.4393636256240556</c:v>
                </c:pt>
                <c:pt idx="2795">
                  <c:v>1.6608041834123715</c:v>
                </c:pt>
                <c:pt idx="2796">
                  <c:v>1.6608041834123715</c:v>
                </c:pt>
                <c:pt idx="2797">
                  <c:v>1.6608041834123715</c:v>
                </c:pt>
                <c:pt idx="2798">
                  <c:v>1.6608041834123715</c:v>
                </c:pt>
                <c:pt idx="2799">
                  <c:v>1.3840034861769765</c:v>
                </c:pt>
                <c:pt idx="2800">
                  <c:v>1.3101899669142045</c:v>
                </c:pt>
                <c:pt idx="2801">
                  <c:v>1.3101899669142045</c:v>
                </c:pt>
                <c:pt idx="2802">
                  <c:v>1.3101899669142045</c:v>
                </c:pt>
                <c:pt idx="2803">
                  <c:v>1.3101899669142045</c:v>
                </c:pt>
                <c:pt idx="2804">
                  <c:v>1.014935889863116</c:v>
                </c:pt>
                <c:pt idx="2805">
                  <c:v>0.38752097612955344</c:v>
                </c:pt>
                <c:pt idx="2806">
                  <c:v>0.38752097612955344</c:v>
                </c:pt>
                <c:pt idx="2807">
                  <c:v>0.38752097612955344</c:v>
                </c:pt>
                <c:pt idx="2808">
                  <c:v>0.24479283955608216</c:v>
                </c:pt>
                <c:pt idx="2809">
                  <c:v>0.47792887722854138</c:v>
                </c:pt>
                <c:pt idx="2810">
                  <c:v>0.47792887722854138</c:v>
                </c:pt>
                <c:pt idx="2811">
                  <c:v>0.47792887722854138</c:v>
                </c:pt>
                <c:pt idx="2812">
                  <c:v>0.47792887722854138</c:v>
                </c:pt>
                <c:pt idx="2813">
                  <c:v>0.59449689606477096</c:v>
                </c:pt>
                <c:pt idx="2814">
                  <c:v>0.74603532055186939</c:v>
                </c:pt>
                <c:pt idx="2815">
                  <c:v>0.85094653750447602</c:v>
                </c:pt>
                <c:pt idx="2816">
                  <c:v>0.85094653750447602</c:v>
                </c:pt>
                <c:pt idx="2817">
                  <c:v>0.85094653750447602</c:v>
                </c:pt>
                <c:pt idx="2818">
                  <c:v>0.85094653750447602</c:v>
                </c:pt>
                <c:pt idx="2819">
                  <c:v>0.85094653750447602</c:v>
                </c:pt>
                <c:pt idx="2820">
                  <c:v>0.85094653750447602</c:v>
                </c:pt>
                <c:pt idx="2821">
                  <c:v>0.85094653750447602</c:v>
                </c:pt>
                <c:pt idx="2822">
                  <c:v>0.85094653750447602</c:v>
                </c:pt>
                <c:pt idx="2823">
                  <c:v>0.76934892431911528</c:v>
                </c:pt>
                <c:pt idx="2824">
                  <c:v>0.6994081130173776</c:v>
                </c:pt>
                <c:pt idx="2825">
                  <c:v>0.6294673017156398</c:v>
                </c:pt>
                <c:pt idx="2826">
                  <c:v>0.6061536979483938</c:v>
                </c:pt>
                <c:pt idx="2827">
                  <c:v>0.48958567911216433</c:v>
                </c:pt>
                <c:pt idx="2828">
                  <c:v>0.36136085839231169</c:v>
                </c:pt>
                <c:pt idx="2829">
                  <c:v>0.36136085839231169</c:v>
                </c:pt>
                <c:pt idx="2830">
                  <c:v>0.36136085839231169</c:v>
                </c:pt>
                <c:pt idx="2831">
                  <c:v>0.36136085839231169</c:v>
                </c:pt>
                <c:pt idx="2832">
                  <c:v>0.46417417724367793</c:v>
                </c:pt>
                <c:pt idx="2833">
                  <c:v>0.53904098002491641</c:v>
                </c:pt>
                <c:pt idx="2834">
                  <c:v>0.53904098002491641</c:v>
                </c:pt>
                <c:pt idx="2835">
                  <c:v>0.53904098002491641</c:v>
                </c:pt>
                <c:pt idx="2836">
                  <c:v>0.53904098002491641</c:v>
                </c:pt>
                <c:pt idx="2837">
                  <c:v>0.67380122503114537</c:v>
                </c:pt>
                <c:pt idx="2838">
                  <c:v>0.79358810948112679</c:v>
                </c:pt>
                <c:pt idx="2839">
                  <c:v>0.94332171504360351</c:v>
                </c:pt>
                <c:pt idx="2840">
                  <c:v>0.94332171504360351</c:v>
                </c:pt>
                <c:pt idx="2841">
                  <c:v>0.94332171504360351</c:v>
                </c:pt>
                <c:pt idx="2842">
                  <c:v>0.94332171504360351</c:v>
                </c:pt>
                <c:pt idx="2843">
                  <c:v>0.94332171504360351</c:v>
                </c:pt>
                <c:pt idx="2844">
                  <c:v>0.94332171504360351</c:v>
                </c:pt>
                <c:pt idx="2845">
                  <c:v>0.94332171504360351</c:v>
                </c:pt>
                <c:pt idx="2846">
                  <c:v>0.94332171504360351</c:v>
                </c:pt>
                <c:pt idx="2847">
                  <c:v>0.83850819114986974</c:v>
                </c:pt>
                <c:pt idx="2848">
                  <c:v>0.8235348305936222</c:v>
                </c:pt>
                <c:pt idx="2849">
                  <c:v>0.70374794614364089</c:v>
                </c:pt>
                <c:pt idx="2850">
                  <c:v>0.65882786447489772</c:v>
                </c:pt>
                <c:pt idx="2851">
                  <c:v>0.55401434058116406</c:v>
                </c:pt>
                <c:pt idx="2852">
                  <c:v>0.46417417724367793</c:v>
                </c:pt>
                <c:pt idx="2853">
                  <c:v>0.40428073501868733</c:v>
                </c:pt>
                <c:pt idx="2854">
                  <c:v>0.40428073501868733</c:v>
                </c:pt>
                <c:pt idx="2855">
                  <c:v>0.40428073501868733</c:v>
                </c:pt>
                <c:pt idx="2856">
                  <c:v>0.26093227023405419</c:v>
                </c:pt>
                <c:pt idx="2857">
                  <c:v>0.26093227023405419</c:v>
                </c:pt>
                <c:pt idx="2858">
                  <c:v>0.26093227023405419</c:v>
                </c:pt>
                <c:pt idx="2859">
                  <c:v>0.26093227023405419</c:v>
                </c:pt>
                <c:pt idx="2860">
                  <c:v>0.26093227023405419</c:v>
                </c:pt>
                <c:pt idx="2861">
                  <c:v>1.1307065043475681</c:v>
                </c:pt>
                <c:pt idx="2862">
                  <c:v>1.2829169953174331</c:v>
                </c:pt>
                <c:pt idx="2863">
                  <c:v>1.2829169953174331</c:v>
                </c:pt>
                <c:pt idx="2864">
                  <c:v>1.2829169953174331</c:v>
                </c:pt>
                <c:pt idx="2865">
                  <c:v>1.3698944187287847</c:v>
                </c:pt>
                <c:pt idx="2866">
                  <c:v>1.3698944187287847</c:v>
                </c:pt>
                <c:pt idx="2867">
                  <c:v>1.7395484682270284</c:v>
                </c:pt>
                <c:pt idx="2868">
                  <c:v>1.7395484682270284</c:v>
                </c:pt>
                <c:pt idx="2869">
                  <c:v>1.1524508602004062</c:v>
                </c:pt>
                <c:pt idx="2870">
                  <c:v>1.7395484682270284</c:v>
                </c:pt>
                <c:pt idx="2871">
                  <c:v>1.7395484682270284</c:v>
                </c:pt>
                <c:pt idx="2872">
                  <c:v>1.7395484682270284</c:v>
                </c:pt>
                <c:pt idx="2873">
                  <c:v>1.7395484682270284</c:v>
                </c:pt>
                <c:pt idx="2874">
                  <c:v>1.7395484682270284</c:v>
                </c:pt>
                <c:pt idx="2875">
                  <c:v>1.4568718421401361</c:v>
                </c:pt>
                <c:pt idx="2876">
                  <c:v>1.1959395719060819</c:v>
                </c:pt>
                <c:pt idx="2877">
                  <c:v>0.86977423411351418</c:v>
                </c:pt>
                <c:pt idx="2878">
                  <c:v>0.82628552240783826</c:v>
                </c:pt>
                <c:pt idx="2879">
                  <c:v>0.82628552240783826</c:v>
                </c:pt>
                <c:pt idx="2880">
                  <c:v>0.75221366285779045</c:v>
                </c:pt>
                <c:pt idx="2881">
                  <c:v>0.75221366285779045</c:v>
                </c:pt>
                <c:pt idx="2882">
                  <c:v>0.75221366285779045</c:v>
                </c:pt>
                <c:pt idx="2883">
                  <c:v>0.75221366285779045</c:v>
                </c:pt>
                <c:pt idx="2884">
                  <c:v>0.75221366285779045</c:v>
                </c:pt>
                <c:pt idx="2885">
                  <c:v>0.97787776171512741</c:v>
                </c:pt>
                <c:pt idx="2886">
                  <c:v>1.0907098111437958</c:v>
                </c:pt>
                <c:pt idx="2887">
                  <c:v>1.1283204942866856</c:v>
                </c:pt>
                <c:pt idx="2888">
                  <c:v>1.1283204942866856</c:v>
                </c:pt>
                <c:pt idx="2889">
                  <c:v>1.2223472021439095</c:v>
                </c:pt>
                <c:pt idx="2890">
                  <c:v>1.2787632268582436</c:v>
                </c:pt>
                <c:pt idx="2891">
                  <c:v>1.5044273257155809</c:v>
                </c:pt>
                <c:pt idx="2892">
                  <c:v>1.5044273257155809</c:v>
                </c:pt>
                <c:pt idx="2893">
                  <c:v>1.5044273257155809</c:v>
                </c:pt>
                <c:pt idx="2894">
                  <c:v>1.5044273257155809</c:v>
                </c:pt>
                <c:pt idx="2895">
                  <c:v>1.5044273257155809</c:v>
                </c:pt>
                <c:pt idx="2896">
                  <c:v>1.5044273257155809</c:v>
                </c:pt>
                <c:pt idx="2897">
                  <c:v>1.5044273257155809</c:v>
                </c:pt>
                <c:pt idx="2898">
                  <c:v>1.5044273257155809</c:v>
                </c:pt>
                <c:pt idx="2899">
                  <c:v>1.259957885286799</c:v>
                </c:pt>
                <c:pt idx="2900">
                  <c:v>1.0342937864294617</c:v>
                </c:pt>
                <c:pt idx="2901">
                  <c:v>0.75221366285779045</c:v>
                </c:pt>
                <c:pt idx="2902">
                  <c:v>0.75221366285779045</c:v>
                </c:pt>
                <c:pt idx="2903">
                  <c:v>0.75221366285779045</c:v>
                </c:pt>
                <c:pt idx="2904">
                  <c:v>0.66355488021083042</c:v>
                </c:pt>
                <c:pt idx="2905">
                  <c:v>0.74649924023718428</c:v>
                </c:pt>
                <c:pt idx="2906">
                  <c:v>0.74649924023718428</c:v>
                </c:pt>
                <c:pt idx="2907">
                  <c:v>0.74649924023718428</c:v>
                </c:pt>
                <c:pt idx="2908">
                  <c:v>0.74649924023718428</c:v>
                </c:pt>
                <c:pt idx="2909">
                  <c:v>0.96215457630570433</c:v>
                </c:pt>
                <c:pt idx="2910">
                  <c:v>1.111454424353141</c:v>
                </c:pt>
                <c:pt idx="2911">
                  <c:v>1.111454424353141</c:v>
                </c:pt>
                <c:pt idx="2912">
                  <c:v>1.111454424353141</c:v>
                </c:pt>
                <c:pt idx="2913">
                  <c:v>1.194398784379495</c:v>
                </c:pt>
                <c:pt idx="2914">
                  <c:v>1.2939320164111194</c:v>
                </c:pt>
                <c:pt idx="2915">
                  <c:v>1.4929984804743686</c:v>
                </c:pt>
                <c:pt idx="2916">
                  <c:v>1.4929984804743686</c:v>
                </c:pt>
                <c:pt idx="2917">
                  <c:v>1.4929984804743686</c:v>
                </c:pt>
                <c:pt idx="2918">
                  <c:v>1.4929984804743686</c:v>
                </c:pt>
                <c:pt idx="2919">
                  <c:v>1.4929984804743686</c:v>
                </c:pt>
                <c:pt idx="2920">
                  <c:v>1.4929984804743686</c:v>
                </c:pt>
                <c:pt idx="2921">
                  <c:v>1.4929984804743686</c:v>
                </c:pt>
                <c:pt idx="2922">
                  <c:v>1.4929984804743686</c:v>
                </c:pt>
                <c:pt idx="2923">
                  <c:v>1.2441654003953073</c:v>
                </c:pt>
                <c:pt idx="2924">
                  <c:v>0.99533232031624574</c:v>
                </c:pt>
                <c:pt idx="2925">
                  <c:v>0.74649924023718428</c:v>
                </c:pt>
                <c:pt idx="2926">
                  <c:v>0.74649924023718428</c:v>
                </c:pt>
                <c:pt idx="2927">
                  <c:v>0.74649924023718428</c:v>
                </c:pt>
                <c:pt idx="2928">
                  <c:v>0.75090388451382051</c:v>
                </c:pt>
                <c:pt idx="2929">
                  <c:v>0.75090388451382051</c:v>
                </c:pt>
                <c:pt idx="2930">
                  <c:v>0.75090388451382051</c:v>
                </c:pt>
                <c:pt idx="2931">
                  <c:v>0.75090388451382051</c:v>
                </c:pt>
                <c:pt idx="2932">
                  <c:v>0.75090388451382051</c:v>
                </c:pt>
                <c:pt idx="2933">
                  <c:v>0.96783167337336851</c:v>
                </c:pt>
                <c:pt idx="2934">
                  <c:v>1.1180124502761326</c:v>
                </c:pt>
                <c:pt idx="2935">
                  <c:v>1.1180124502761326</c:v>
                </c:pt>
                <c:pt idx="2936">
                  <c:v>1.1180124502761326</c:v>
                </c:pt>
                <c:pt idx="2937">
                  <c:v>1.2014462152221128</c:v>
                </c:pt>
                <c:pt idx="2938">
                  <c:v>1.3015667331572889</c:v>
                </c:pt>
                <c:pt idx="2939">
                  <c:v>1.501807769027641</c:v>
                </c:pt>
                <c:pt idx="2940">
                  <c:v>1.501807769027641</c:v>
                </c:pt>
                <c:pt idx="2941">
                  <c:v>1.501807769027641</c:v>
                </c:pt>
                <c:pt idx="2942">
                  <c:v>1.501807769027641</c:v>
                </c:pt>
                <c:pt idx="2943">
                  <c:v>1.501807769027641</c:v>
                </c:pt>
                <c:pt idx="2944">
                  <c:v>1.501807769027641</c:v>
                </c:pt>
                <c:pt idx="2945">
                  <c:v>1.501807769027641</c:v>
                </c:pt>
                <c:pt idx="2946">
                  <c:v>1.501807769027641</c:v>
                </c:pt>
                <c:pt idx="2947">
                  <c:v>1.2515064741897008</c:v>
                </c:pt>
                <c:pt idx="2948">
                  <c:v>1.0012051793517607</c:v>
                </c:pt>
                <c:pt idx="2949">
                  <c:v>0.75090388451382051</c:v>
                </c:pt>
                <c:pt idx="2950">
                  <c:v>0.75090388451382051</c:v>
                </c:pt>
                <c:pt idx="2951">
                  <c:v>0.75090388451382051</c:v>
                </c:pt>
                <c:pt idx="2952">
                  <c:v>0.81721624893914591</c:v>
                </c:pt>
                <c:pt idx="2953">
                  <c:v>0.81721624893914591</c:v>
                </c:pt>
                <c:pt idx="2954">
                  <c:v>0.81721624893914591</c:v>
                </c:pt>
                <c:pt idx="2955">
                  <c:v>0.81721624893914591</c:v>
                </c:pt>
                <c:pt idx="2956">
                  <c:v>0.81721624893914591</c:v>
                </c:pt>
                <c:pt idx="2957">
                  <c:v>1.0533009430771212</c:v>
                </c:pt>
                <c:pt idx="2958">
                  <c:v>1.2712252761275604</c:v>
                </c:pt>
                <c:pt idx="2959">
                  <c:v>1.2712252761275604</c:v>
                </c:pt>
                <c:pt idx="2960">
                  <c:v>1.2712252761275604</c:v>
                </c:pt>
                <c:pt idx="2961">
                  <c:v>1.3620270815652433</c:v>
                </c:pt>
                <c:pt idx="2962">
                  <c:v>1.416508164827853</c:v>
                </c:pt>
                <c:pt idx="2963">
                  <c:v>1.6344324978782918</c:v>
                </c:pt>
                <c:pt idx="2964">
                  <c:v>1.6344324978782918</c:v>
                </c:pt>
                <c:pt idx="2965">
                  <c:v>1.6344324978782918</c:v>
                </c:pt>
                <c:pt idx="2966">
                  <c:v>1.6344324978782918</c:v>
                </c:pt>
                <c:pt idx="2967">
                  <c:v>1.3620270815652433</c:v>
                </c:pt>
                <c:pt idx="2968">
                  <c:v>1.2893856372150969</c:v>
                </c:pt>
                <c:pt idx="2969">
                  <c:v>1.2893856372150969</c:v>
                </c:pt>
                <c:pt idx="2970">
                  <c:v>1.2893856372150969</c:v>
                </c:pt>
                <c:pt idx="2971">
                  <c:v>1.2893856372150969</c:v>
                </c:pt>
                <c:pt idx="2972">
                  <c:v>0.99881985981451171</c:v>
                </c:pt>
                <c:pt idx="2973">
                  <c:v>0.3813675828382681</c:v>
                </c:pt>
                <c:pt idx="2974">
                  <c:v>0.3813675828382681</c:v>
                </c:pt>
                <c:pt idx="2975">
                  <c:v>0.3813675828382681</c:v>
                </c:pt>
                <c:pt idx="2976">
                  <c:v>0.22933799360685597</c:v>
                </c:pt>
                <c:pt idx="2977">
                  <c:v>0.44775513037529036</c:v>
                </c:pt>
                <c:pt idx="2978">
                  <c:v>0.44775513037529036</c:v>
                </c:pt>
                <c:pt idx="2979">
                  <c:v>0.44775513037529036</c:v>
                </c:pt>
                <c:pt idx="2980">
                  <c:v>0.44775513037529036</c:v>
                </c:pt>
                <c:pt idx="2981">
                  <c:v>0.55696369875950746</c:v>
                </c:pt>
                <c:pt idx="2982">
                  <c:v>0.69893483765898967</c:v>
                </c:pt>
                <c:pt idx="2983">
                  <c:v>0.79722254920478508</c:v>
                </c:pt>
                <c:pt idx="2984">
                  <c:v>0.79722254920478508</c:v>
                </c:pt>
                <c:pt idx="2985">
                  <c:v>0.79722254920478508</c:v>
                </c:pt>
                <c:pt idx="2986">
                  <c:v>0.79722254920478508</c:v>
                </c:pt>
                <c:pt idx="2987">
                  <c:v>0.79722254920478508</c:v>
                </c:pt>
                <c:pt idx="2988">
                  <c:v>0.79722254920478508</c:v>
                </c:pt>
                <c:pt idx="2989">
                  <c:v>0.79722254920478508</c:v>
                </c:pt>
                <c:pt idx="2990">
                  <c:v>0.79722254920478508</c:v>
                </c:pt>
                <c:pt idx="2991">
                  <c:v>0.72077655133583296</c:v>
                </c:pt>
                <c:pt idx="2992">
                  <c:v>0.65525141030530276</c:v>
                </c:pt>
                <c:pt idx="2993">
                  <c:v>0.58972626927477256</c:v>
                </c:pt>
                <c:pt idx="2994">
                  <c:v>0.56788455559792905</c:v>
                </c:pt>
                <c:pt idx="2995">
                  <c:v>0.45867598721371194</c:v>
                </c:pt>
                <c:pt idx="2996">
                  <c:v>0.33854656199107308</c:v>
                </c:pt>
                <c:pt idx="2997">
                  <c:v>0.33854656199107308</c:v>
                </c:pt>
                <c:pt idx="2998">
                  <c:v>0.33854656199107308</c:v>
                </c:pt>
                <c:pt idx="2999">
                  <c:v>0.33854656199107308</c:v>
                </c:pt>
                <c:pt idx="3000">
                  <c:v>0.35721699378281813</c:v>
                </c:pt>
                <c:pt idx="3001">
                  <c:v>0.41483263794133712</c:v>
                </c:pt>
                <c:pt idx="3002">
                  <c:v>0.41483263794133712</c:v>
                </c:pt>
                <c:pt idx="3003">
                  <c:v>0.41483263794133712</c:v>
                </c:pt>
                <c:pt idx="3004">
                  <c:v>0.41483263794133712</c:v>
                </c:pt>
                <c:pt idx="3005">
                  <c:v>0.51854079742667136</c:v>
                </c:pt>
                <c:pt idx="3006">
                  <c:v>0.61072582808030196</c:v>
                </c:pt>
                <c:pt idx="3007">
                  <c:v>0.72595711639734006</c:v>
                </c:pt>
                <c:pt idx="3008">
                  <c:v>0.72595711639734006</c:v>
                </c:pt>
                <c:pt idx="3009">
                  <c:v>0.72595711639734006</c:v>
                </c:pt>
                <c:pt idx="3010">
                  <c:v>0.72595711639734006</c:v>
                </c:pt>
                <c:pt idx="3011">
                  <c:v>0.72595711639734006</c:v>
                </c:pt>
                <c:pt idx="3012">
                  <c:v>0.72595711639734006</c:v>
                </c:pt>
                <c:pt idx="3013">
                  <c:v>0.72595711639734006</c:v>
                </c:pt>
                <c:pt idx="3014">
                  <c:v>0.72595711639734006</c:v>
                </c:pt>
                <c:pt idx="3015">
                  <c:v>0.64529521457541328</c:v>
                </c:pt>
                <c:pt idx="3016">
                  <c:v>0.63377208574370947</c:v>
                </c:pt>
                <c:pt idx="3017">
                  <c:v>0.54158705509007909</c:v>
                </c:pt>
                <c:pt idx="3018">
                  <c:v>0.50701766859496755</c:v>
                </c:pt>
                <c:pt idx="3019">
                  <c:v>0.42635576677304093</c:v>
                </c:pt>
                <c:pt idx="3020">
                  <c:v>0.35721699378281813</c:v>
                </c:pt>
                <c:pt idx="3021">
                  <c:v>0.31112447845600288</c:v>
                </c:pt>
                <c:pt idx="3022">
                  <c:v>0.31112447845600288</c:v>
                </c:pt>
                <c:pt idx="3023">
                  <c:v>0.31112447845600288</c:v>
                </c:pt>
                <c:pt idx="3024">
                  <c:v>0.24698808366338487</c:v>
                </c:pt>
                <c:pt idx="3025">
                  <c:v>0.24698808366338487</c:v>
                </c:pt>
                <c:pt idx="3026">
                  <c:v>0.24698808366338487</c:v>
                </c:pt>
                <c:pt idx="3027">
                  <c:v>0.24698808366338487</c:v>
                </c:pt>
                <c:pt idx="3028">
                  <c:v>0.24698808366338487</c:v>
                </c:pt>
                <c:pt idx="3029">
                  <c:v>1.0702816958746679</c:v>
                </c:pt>
                <c:pt idx="3030">
                  <c:v>1.2143580780116425</c:v>
                </c:pt>
                <c:pt idx="3031">
                  <c:v>1.2143580780116425</c:v>
                </c:pt>
                <c:pt idx="3032">
                  <c:v>1.2143580780116425</c:v>
                </c:pt>
                <c:pt idx="3033">
                  <c:v>1.296687439232771</c:v>
                </c:pt>
                <c:pt idx="3034">
                  <c:v>1.296687439232771</c:v>
                </c:pt>
                <c:pt idx="3035">
                  <c:v>1.6465872244225661</c:v>
                </c:pt>
                <c:pt idx="3036">
                  <c:v>1.6465872244225661</c:v>
                </c:pt>
                <c:pt idx="3037">
                  <c:v>1.09086403617995</c:v>
                </c:pt>
                <c:pt idx="3038">
                  <c:v>1.6465872244225661</c:v>
                </c:pt>
                <c:pt idx="3039">
                  <c:v>1.6465872244225661</c:v>
                </c:pt>
                <c:pt idx="3040">
                  <c:v>1.6465872244225661</c:v>
                </c:pt>
                <c:pt idx="3041">
                  <c:v>1.6465872244225661</c:v>
                </c:pt>
                <c:pt idx="3042">
                  <c:v>1.6465872244225661</c:v>
                </c:pt>
                <c:pt idx="3043">
                  <c:v>1.3790168004538992</c:v>
                </c:pt>
                <c:pt idx="3044">
                  <c:v>1.1320287167905141</c:v>
                </c:pt>
                <c:pt idx="3045">
                  <c:v>0.82329361221128305</c:v>
                </c:pt>
                <c:pt idx="3046">
                  <c:v>0.78212893160071895</c:v>
                </c:pt>
                <c:pt idx="3047">
                  <c:v>0.78212893160071895</c:v>
                </c:pt>
                <c:pt idx="3048">
                  <c:v>0.70791520195557633</c:v>
                </c:pt>
                <c:pt idx="3049">
                  <c:v>0.70791520195557633</c:v>
                </c:pt>
                <c:pt idx="3050">
                  <c:v>0.70791520195557633</c:v>
                </c:pt>
                <c:pt idx="3051">
                  <c:v>0.70791520195557633</c:v>
                </c:pt>
                <c:pt idx="3052">
                  <c:v>0.70791520195557633</c:v>
                </c:pt>
                <c:pt idx="3053">
                  <c:v>0.92028976254224915</c:v>
                </c:pt>
                <c:pt idx="3054">
                  <c:v>1.0264770428355854</c:v>
                </c:pt>
                <c:pt idx="3055">
                  <c:v>1.0618728029333644</c:v>
                </c:pt>
                <c:pt idx="3056">
                  <c:v>1.0618728029333644</c:v>
                </c:pt>
                <c:pt idx="3057">
                  <c:v>1.1503622031778116</c:v>
                </c:pt>
                <c:pt idx="3058">
                  <c:v>1.2034558433244795</c:v>
                </c:pt>
                <c:pt idx="3059">
                  <c:v>1.4158304039111527</c:v>
                </c:pt>
                <c:pt idx="3060">
                  <c:v>1.4158304039111527</c:v>
                </c:pt>
                <c:pt idx="3061">
                  <c:v>1.4158304039111527</c:v>
                </c:pt>
                <c:pt idx="3062">
                  <c:v>1.4158304039111527</c:v>
                </c:pt>
                <c:pt idx="3063">
                  <c:v>1.4158304039111527</c:v>
                </c:pt>
                <c:pt idx="3064">
                  <c:v>1.4158304039111527</c:v>
                </c:pt>
                <c:pt idx="3065">
                  <c:v>1.4158304039111527</c:v>
                </c:pt>
                <c:pt idx="3066">
                  <c:v>1.4158304039111527</c:v>
                </c:pt>
                <c:pt idx="3067">
                  <c:v>1.1857579632755904</c:v>
                </c:pt>
                <c:pt idx="3068">
                  <c:v>0.97338340268891721</c:v>
                </c:pt>
                <c:pt idx="3069">
                  <c:v>0.70791520195557633</c:v>
                </c:pt>
                <c:pt idx="3070">
                  <c:v>0.70791520195557633</c:v>
                </c:pt>
                <c:pt idx="3071">
                  <c:v>0.70791520195557633</c:v>
                </c:pt>
                <c:pt idx="3072">
                  <c:v>0.62447707981499012</c:v>
                </c:pt>
                <c:pt idx="3073">
                  <c:v>0.70253671479186375</c:v>
                </c:pt>
                <c:pt idx="3074">
                  <c:v>0.70253671479186375</c:v>
                </c:pt>
                <c:pt idx="3075">
                  <c:v>0.70253671479186375</c:v>
                </c:pt>
                <c:pt idx="3076">
                  <c:v>0.70253671479186375</c:v>
                </c:pt>
                <c:pt idx="3077">
                  <c:v>0.9054917657317354</c:v>
                </c:pt>
                <c:pt idx="3078">
                  <c:v>1.0459991086901084</c:v>
                </c:pt>
                <c:pt idx="3079">
                  <c:v>1.0459991086901084</c:v>
                </c:pt>
                <c:pt idx="3080">
                  <c:v>1.0459991086901084</c:v>
                </c:pt>
                <c:pt idx="3081">
                  <c:v>1.124058743666982</c:v>
                </c:pt>
                <c:pt idx="3082">
                  <c:v>1.2177303056392306</c:v>
                </c:pt>
                <c:pt idx="3083">
                  <c:v>1.4050734295837275</c:v>
                </c:pt>
                <c:pt idx="3084">
                  <c:v>1.4050734295837275</c:v>
                </c:pt>
                <c:pt idx="3085">
                  <c:v>1.4050734295837275</c:v>
                </c:pt>
                <c:pt idx="3086">
                  <c:v>1.4050734295837275</c:v>
                </c:pt>
                <c:pt idx="3087">
                  <c:v>1.4050734295837275</c:v>
                </c:pt>
                <c:pt idx="3088">
                  <c:v>1.4050734295837275</c:v>
                </c:pt>
                <c:pt idx="3089">
                  <c:v>1.4050734295837275</c:v>
                </c:pt>
                <c:pt idx="3090">
                  <c:v>1.4050734295837275</c:v>
                </c:pt>
                <c:pt idx="3091">
                  <c:v>1.1708945246531062</c:v>
                </c:pt>
                <c:pt idx="3092">
                  <c:v>0.93671561972248496</c:v>
                </c:pt>
                <c:pt idx="3093">
                  <c:v>0.70253671479186375</c:v>
                </c:pt>
                <c:pt idx="3094">
                  <c:v>0.70253671479186375</c:v>
                </c:pt>
                <c:pt idx="3095">
                  <c:v>0.70253671479186375</c:v>
                </c:pt>
                <c:pt idx="3096">
                  <c:v>0.6967644357085665</c:v>
                </c:pt>
                <c:pt idx="3097">
                  <c:v>0.6967644357085665</c:v>
                </c:pt>
                <c:pt idx="3098">
                  <c:v>0.6967644357085665</c:v>
                </c:pt>
                <c:pt idx="3099">
                  <c:v>0.6967644357085665</c:v>
                </c:pt>
                <c:pt idx="3100">
                  <c:v>0.6967644357085665</c:v>
                </c:pt>
                <c:pt idx="3101">
                  <c:v>0.898051939357708</c:v>
                </c:pt>
                <c:pt idx="3102">
                  <c:v>1.0374048264994211</c:v>
                </c:pt>
                <c:pt idx="3103">
                  <c:v>1.0374048264994211</c:v>
                </c:pt>
                <c:pt idx="3104">
                  <c:v>1.0374048264994211</c:v>
                </c:pt>
                <c:pt idx="3105">
                  <c:v>1.1148230971337065</c:v>
                </c:pt>
                <c:pt idx="3106">
                  <c:v>1.2077250218948485</c:v>
                </c:pt>
                <c:pt idx="3107">
                  <c:v>1.393528871417133</c:v>
                </c:pt>
                <c:pt idx="3108">
                  <c:v>1.393528871417133</c:v>
                </c:pt>
                <c:pt idx="3109">
                  <c:v>1.393528871417133</c:v>
                </c:pt>
                <c:pt idx="3110">
                  <c:v>1.393528871417133</c:v>
                </c:pt>
                <c:pt idx="3111">
                  <c:v>1.393528871417133</c:v>
                </c:pt>
                <c:pt idx="3112">
                  <c:v>1.393528871417133</c:v>
                </c:pt>
                <c:pt idx="3113">
                  <c:v>1.393528871417133</c:v>
                </c:pt>
                <c:pt idx="3114">
                  <c:v>1.393528871417133</c:v>
                </c:pt>
                <c:pt idx="3115">
                  <c:v>1.1612740595142774</c:v>
                </c:pt>
                <c:pt idx="3116">
                  <c:v>0.92901924761142196</c:v>
                </c:pt>
                <c:pt idx="3117">
                  <c:v>0.6967644357085665</c:v>
                </c:pt>
                <c:pt idx="3118">
                  <c:v>0.6967644357085665</c:v>
                </c:pt>
                <c:pt idx="3119">
                  <c:v>0.6967644357085665</c:v>
                </c:pt>
                <c:pt idx="3120">
                  <c:v>0.77486846700111855</c:v>
                </c:pt>
                <c:pt idx="3121">
                  <c:v>0.77486846700111855</c:v>
                </c:pt>
                <c:pt idx="3122">
                  <c:v>0.77486846700111855</c:v>
                </c:pt>
                <c:pt idx="3123">
                  <c:v>0.77486846700111855</c:v>
                </c:pt>
                <c:pt idx="3124">
                  <c:v>0.77486846700111855</c:v>
                </c:pt>
                <c:pt idx="3125">
                  <c:v>0.99871935746810836</c:v>
                </c:pt>
                <c:pt idx="3126">
                  <c:v>1.2053509486684069</c:v>
                </c:pt>
                <c:pt idx="3127">
                  <c:v>1.2053509486684069</c:v>
                </c:pt>
                <c:pt idx="3128">
                  <c:v>1.2053509486684069</c:v>
                </c:pt>
                <c:pt idx="3129">
                  <c:v>1.2914474450018645</c:v>
                </c:pt>
                <c:pt idx="3130">
                  <c:v>1.3431053428019388</c:v>
                </c:pt>
                <c:pt idx="3131">
                  <c:v>1.5497369340022371</c:v>
                </c:pt>
                <c:pt idx="3132">
                  <c:v>1.5497369340022371</c:v>
                </c:pt>
                <c:pt idx="3133">
                  <c:v>1.5497369340022371</c:v>
                </c:pt>
                <c:pt idx="3134">
                  <c:v>1.5497369340022371</c:v>
                </c:pt>
                <c:pt idx="3135">
                  <c:v>1.2914474450018645</c:v>
                </c:pt>
                <c:pt idx="3136">
                  <c:v>1.2225702479350984</c:v>
                </c:pt>
                <c:pt idx="3137">
                  <c:v>1.2225702479350984</c:v>
                </c:pt>
                <c:pt idx="3138">
                  <c:v>1.2225702479350984</c:v>
                </c:pt>
                <c:pt idx="3139">
                  <c:v>1.2225702479350984</c:v>
                </c:pt>
                <c:pt idx="3140">
                  <c:v>0.9470614596680339</c:v>
                </c:pt>
                <c:pt idx="3141">
                  <c:v>0.36160528460052199</c:v>
                </c:pt>
                <c:pt idx="3142">
                  <c:v>0.36160528460052199</c:v>
                </c:pt>
                <c:pt idx="3143">
                  <c:v>0.36160528460052199</c:v>
                </c:pt>
                <c:pt idx="3144">
                  <c:v>0.18297345575917756</c:v>
                </c:pt>
                <c:pt idx="3145">
                  <c:v>0.35723388981553716</c:v>
                </c:pt>
                <c:pt idx="3146">
                  <c:v>0.35723388981553716</c:v>
                </c:pt>
                <c:pt idx="3147">
                  <c:v>0.35723388981553716</c:v>
                </c:pt>
                <c:pt idx="3148">
                  <c:v>0.35723388981553716</c:v>
                </c:pt>
                <c:pt idx="3149">
                  <c:v>0.44436410684371702</c:v>
                </c:pt>
                <c:pt idx="3150">
                  <c:v>0.55763338898035075</c:v>
                </c:pt>
                <c:pt idx="3151">
                  <c:v>0.6360505843057126</c:v>
                </c:pt>
                <c:pt idx="3152">
                  <c:v>0.6360505843057126</c:v>
                </c:pt>
                <c:pt idx="3153">
                  <c:v>0.6360505843057126</c:v>
                </c:pt>
                <c:pt idx="3154">
                  <c:v>0.6360505843057126</c:v>
                </c:pt>
                <c:pt idx="3155">
                  <c:v>0.6360505843057126</c:v>
                </c:pt>
                <c:pt idx="3156">
                  <c:v>0.6360505843057126</c:v>
                </c:pt>
                <c:pt idx="3157">
                  <c:v>0.6360505843057126</c:v>
                </c:pt>
                <c:pt idx="3158">
                  <c:v>0.6360505843057126</c:v>
                </c:pt>
                <c:pt idx="3159">
                  <c:v>0.57505943238598667</c:v>
                </c:pt>
                <c:pt idx="3160">
                  <c:v>0.52278130216907881</c:v>
                </c:pt>
                <c:pt idx="3161">
                  <c:v>0.47050317195217095</c:v>
                </c:pt>
                <c:pt idx="3162">
                  <c:v>0.45307712854653492</c:v>
                </c:pt>
                <c:pt idx="3163">
                  <c:v>0.36594691151835512</c:v>
                </c:pt>
                <c:pt idx="3164">
                  <c:v>0.27010367278735736</c:v>
                </c:pt>
                <c:pt idx="3165">
                  <c:v>0.27010367278735736</c:v>
                </c:pt>
                <c:pt idx="3166">
                  <c:v>0.27010367278735736</c:v>
                </c:pt>
                <c:pt idx="3167">
                  <c:v>0.27010367278735736</c:v>
                </c:pt>
                <c:pt idx="3168">
                  <c:v>0.28591220480891144</c:v>
                </c:pt>
                <c:pt idx="3169">
                  <c:v>0.33202707655228425</c:v>
                </c:pt>
                <c:pt idx="3170">
                  <c:v>0.33202707655228425</c:v>
                </c:pt>
                <c:pt idx="3171">
                  <c:v>0.33202707655228425</c:v>
                </c:pt>
                <c:pt idx="3172">
                  <c:v>0.33202707655228425</c:v>
                </c:pt>
                <c:pt idx="3173">
                  <c:v>0.41503384569035534</c:v>
                </c:pt>
                <c:pt idx="3174">
                  <c:v>0.4888176404797519</c:v>
                </c:pt>
                <c:pt idx="3175">
                  <c:v>0.58104738396649747</c:v>
                </c:pt>
                <c:pt idx="3176">
                  <c:v>0.58104738396649747</c:v>
                </c:pt>
                <c:pt idx="3177">
                  <c:v>0.58104738396649747</c:v>
                </c:pt>
                <c:pt idx="3178">
                  <c:v>0.58104738396649747</c:v>
                </c:pt>
                <c:pt idx="3179">
                  <c:v>0.58104738396649747</c:v>
                </c:pt>
                <c:pt idx="3180">
                  <c:v>0.58104738396649747</c:v>
                </c:pt>
                <c:pt idx="3181">
                  <c:v>0.58104738396649747</c:v>
                </c:pt>
                <c:pt idx="3182">
                  <c:v>0.58104738396649747</c:v>
                </c:pt>
                <c:pt idx="3183">
                  <c:v>0.51648656352577549</c:v>
                </c:pt>
                <c:pt idx="3184">
                  <c:v>0.50726358917710102</c:v>
                </c:pt>
                <c:pt idx="3185">
                  <c:v>0.43347979438770451</c:v>
                </c:pt>
                <c:pt idx="3186">
                  <c:v>0.40581087134168081</c:v>
                </c:pt>
                <c:pt idx="3187">
                  <c:v>0.34125005090095883</c:v>
                </c:pt>
                <c:pt idx="3188">
                  <c:v>0.28591220480891144</c:v>
                </c:pt>
                <c:pt idx="3189">
                  <c:v>0.24902030741421327</c:v>
                </c:pt>
                <c:pt idx="3190">
                  <c:v>0.24902030741421327</c:v>
                </c:pt>
                <c:pt idx="3191">
                  <c:v>0.24902030741421327</c:v>
                </c:pt>
                <c:pt idx="3192">
                  <c:v>0.23605261823786591</c:v>
                </c:pt>
                <c:pt idx="3193">
                  <c:v>0.23605261823786591</c:v>
                </c:pt>
                <c:pt idx="3194">
                  <c:v>0.23605261823786591</c:v>
                </c:pt>
                <c:pt idx="3195">
                  <c:v>0.23605261823786591</c:v>
                </c:pt>
                <c:pt idx="3196">
                  <c:v>0.23605261823786591</c:v>
                </c:pt>
                <c:pt idx="3197">
                  <c:v>1.0228946790307523</c:v>
                </c:pt>
                <c:pt idx="3198">
                  <c:v>1.1605920396695073</c:v>
                </c:pt>
                <c:pt idx="3199">
                  <c:v>1.1605920396695073</c:v>
                </c:pt>
                <c:pt idx="3200">
                  <c:v>1.1605920396695073</c:v>
                </c:pt>
                <c:pt idx="3201">
                  <c:v>1.239276245748796</c:v>
                </c:pt>
                <c:pt idx="3202">
                  <c:v>1.239276245748796</c:v>
                </c:pt>
                <c:pt idx="3203">
                  <c:v>1.5736841215857729</c:v>
                </c:pt>
                <c:pt idx="3204">
                  <c:v>1.5736841215857729</c:v>
                </c:pt>
                <c:pt idx="3205">
                  <c:v>1.0425657305505744</c:v>
                </c:pt>
                <c:pt idx="3206">
                  <c:v>1.5736841215857729</c:v>
                </c:pt>
                <c:pt idx="3207">
                  <c:v>1.5736841215857729</c:v>
                </c:pt>
                <c:pt idx="3208">
                  <c:v>1.5736841215857729</c:v>
                </c:pt>
                <c:pt idx="3209">
                  <c:v>1.5736841215857729</c:v>
                </c:pt>
                <c:pt idx="3210">
                  <c:v>1.5736841215857729</c:v>
                </c:pt>
                <c:pt idx="3211">
                  <c:v>1.3179604518280847</c:v>
                </c:pt>
                <c:pt idx="3212">
                  <c:v>1.0819078335902188</c:v>
                </c:pt>
                <c:pt idx="3213">
                  <c:v>0.78684206079288643</c:v>
                </c:pt>
                <c:pt idx="3214">
                  <c:v>0.74749995775324207</c:v>
                </c:pt>
                <c:pt idx="3215">
                  <c:v>0.74749995775324207</c:v>
                </c:pt>
                <c:pt idx="3216">
                  <c:v>0.70636990680782463</c:v>
                </c:pt>
                <c:pt idx="3217">
                  <c:v>0.70636990680782463</c:v>
                </c:pt>
                <c:pt idx="3218">
                  <c:v>0.70636990680782463</c:v>
                </c:pt>
                <c:pt idx="3219">
                  <c:v>0.70636990680782463</c:v>
                </c:pt>
                <c:pt idx="3220">
                  <c:v>0.70636990680782463</c:v>
                </c:pt>
                <c:pt idx="3221">
                  <c:v>0.91828087885017196</c:v>
                </c:pt>
                <c:pt idx="3222">
                  <c:v>1.0242363648713455</c:v>
                </c:pt>
                <c:pt idx="3223">
                  <c:v>1.0595548602117368</c:v>
                </c:pt>
                <c:pt idx="3224">
                  <c:v>1.0595548602117368</c:v>
                </c:pt>
                <c:pt idx="3225">
                  <c:v>1.1478510985627151</c:v>
                </c:pt>
                <c:pt idx="3226">
                  <c:v>1.2008288415733017</c:v>
                </c:pt>
                <c:pt idx="3227">
                  <c:v>1.4127398136156493</c:v>
                </c:pt>
                <c:pt idx="3228">
                  <c:v>1.4127398136156493</c:v>
                </c:pt>
                <c:pt idx="3229">
                  <c:v>1.4127398136156493</c:v>
                </c:pt>
                <c:pt idx="3230">
                  <c:v>1.4127398136156493</c:v>
                </c:pt>
                <c:pt idx="3231">
                  <c:v>1.4127398136156493</c:v>
                </c:pt>
                <c:pt idx="3232">
                  <c:v>1.4127398136156493</c:v>
                </c:pt>
                <c:pt idx="3233">
                  <c:v>1.4127398136156493</c:v>
                </c:pt>
                <c:pt idx="3234">
                  <c:v>1.4127398136156493</c:v>
                </c:pt>
                <c:pt idx="3235">
                  <c:v>1.1831695939031064</c:v>
                </c:pt>
                <c:pt idx="3236">
                  <c:v>0.97125862186075873</c:v>
                </c:pt>
                <c:pt idx="3237">
                  <c:v>0.70636990680782463</c:v>
                </c:pt>
                <c:pt idx="3238">
                  <c:v>0.70636990680782463</c:v>
                </c:pt>
                <c:pt idx="3239">
                  <c:v>0.70636990680782463</c:v>
                </c:pt>
                <c:pt idx="3240">
                  <c:v>0.65344062599073061</c:v>
                </c:pt>
                <c:pt idx="3241">
                  <c:v>0.73512070423957177</c:v>
                </c:pt>
                <c:pt idx="3242">
                  <c:v>0.73512070423957177</c:v>
                </c:pt>
                <c:pt idx="3243">
                  <c:v>0.73512070423957177</c:v>
                </c:pt>
                <c:pt idx="3244">
                  <c:v>0.73512070423957177</c:v>
                </c:pt>
                <c:pt idx="3245">
                  <c:v>0.94748890768655925</c:v>
                </c:pt>
                <c:pt idx="3246">
                  <c:v>1.0945130485344736</c:v>
                </c:pt>
                <c:pt idx="3247">
                  <c:v>1.0945130485344736</c:v>
                </c:pt>
                <c:pt idx="3248">
                  <c:v>1.0945130485344736</c:v>
                </c:pt>
                <c:pt idx="3249">
                  <c:v>1.1761931267833148</c:v>
                </c:pt>
                <c:pt idx="3250">
                  <c:v>1.2742092206819247</c:v>
                </c:pt>
                <c:pt idx="3251">
                  <c:v>1.4702414084791435</c:v>
                </c:pt>
                <c:pt idx="3252">
                  <c:v>1.4702414084791435</c:v>
                </c:pt>
                <c:pt idx="3253">
                  <c:v>1.4702414084791435</c:v>
                </c:pt>
                <c:pt idx="3254">
                  <c:v>1.4702414084791435</c:v>
                </c:pt>
                <c:pt idx="3255">
                  <c:v>1.4702414084791435</c:v>
                </c:pt>
                <c:pt idx="3256">
                  <c:v>1.4702414084791435</c:v>
                </c:pt>
                <c:pt idx="3257">
                  <c:v>1.4702414084791435</c:v>
                </c:pt>
                <c:pt idx="3258">
                  <c:v>1.4702414084791435</c:v>
                </c:pt>
                <c:pt idx="3259">
                  <c:v>1.2252011737326196</c:v>
                </c:pt>
                <c:pt idx="3260">
                  <c:v>0.98016093898609591</c:v>
                </c:pt>
                <c:pt idx="3261">
                  <c:v>0.73512070423957177</c:v>
                </c:pt>
                <c:pt idx="3262">
                  <c:v>0.73512070423957177</c:v>
                </c:pt>
                <c:pt idx="3263">
                  <c:v>0.73512070423957177</c:v>
                </c:pt>
                <c:pt idx="3264">
                  <c:v>0.74368529133978634</c:v>
                </c:pt>
                <c:pt idx="3265">
                  <c:v>0.74368529133978634</c:v>
                </c:pt>
                <c:pt idx="3266">
                  <c:v>0.74368529133978634</c:v>
                </c:pt>
                <c:pt idx="3267">
                  <c:v>0.74368529133978634</c:v>
                </c:pt>
                <c:pt idx="3268">
                  <c:v>0.74368529133978634</c:v>
                </c:pt>
                <c:pt idx="3269">
                  <c:v>0.95852770883794691</c:v>
                </c:pt>
                <c:pt idx="3270">
                  <c:v>1.1072647671059042</c:v>
                </c:pt>
                <c:pt idx="3271">
                  <c:v>1.1072647671059042</c:v>
                </c:pt>
                <c:pt idx="3272">
                  <c:v>1.1072647671059042</c:v>
                </c:pt>
                <c:pt idx="3273">
                  <c:v>1.1898964661436582</c:v>
                </c:pt>
                <c:pt idx="3274">
                  <c:v>1.2890545049889632</c:v>
                </c:pt>
                <c:pt idx="3275">
                  <c:v>1.4873705826795727</c:v>
                </c:pt>
                <c:pt idx="3276">
                  <c:v>1.4873705826795727</c:v>
                </c:pt>
                <c:pt idx="3277">
                  <c:v>1.4873705826795727</c:v>
                </c:pt>
                <c:pt idx="3278">
                  <c:v>1.4873705826795727</c:v>
                </c:pt>
                <c:pt idx="3279">
                  <c:v>1.4873705826795727</c:v>
                </c:pt>
                <c:pt idx="3280">
                  <c:v>1.4873705826795727</c:v>
                </c:pt>
                <c:pt idx="3281">
                  <c:v>1.4873705826795727</c:v>
                </c:pt>
                <c:pt idx="3282">
                  <c:v>1.4873705826795727</c:v>
                </c:pt>
                <c:pt idx="3283">
                  <c:v>1.2394754855663106</c:v>
                </c:pt>
                <c:pt idx="3284">
                  <c:v>0.99158038845304852</c:v>
                </c:pt>
                <c:pt idx="3285">
                  <c:v>0.74368529133978634</c:v>
                </c:pt>
                <c:pt idx="3286">
                  <c:v>0.74368529133978634</c:v>
                </c:pt>
                <c:pt idx="3287">
                  <c:v>0.74368529133978634</c:v>
                </c:pt>
                <c:pt idx="3288">
                  <c:v>0.78559657175875219</c:v>
                </c:pt>
                <c:pt idx="3289">
                  <c:v>0.78559657175875219</c:v>
                </c:pt>
                <c:pt idx="3290">
                  <c:v>0.78559657175875219</c:v>
                </c:pt>
                <c:pt idx="3291">
                  <c:v>0.78559657175875219</c:v>
                </c:pt>
                <c:pt idx="3292">
                  <c:v>0.78559657175875219</c:v>
                </c:pt>
                <c:pt idx="3293">
                  <c:v>1.0125466924890583</c:v>
                </c:pt>
                <c:pt idx="3294">
                  <c:v>1.2220391116247258</c:v>
                </c:pt>
                <c:pt idx="3295">
                  <c:v>1.2220391116247258</c:v>
                </c:pt>
                <c:pt idx="3296">
                  <c:v>1.2220391116247258</c:v>
                </c:pt>
                <c:pt idx="3297">
                  <c:v>1.3093276195979202</c:v>
                </c:pt>
                <c:pt idx="3298">
                  <c:v>1.3617007243818371</c:v>
                </c:pt>
                <c:pt idx="3299">
                  <c:v>1.5711931435175044</c:v>
                </c:pt>
                <c:pt idx="3300">
                  <c:v>1.5711931435175044</c:v>
                </c:pt>
                <c:pt idx="3301">
                  <c:v>1.5711931435175044</c:v>
                </c:pt>
                <c:pt idx="3302">
                  <c:v>1.5711931435175044</c:v>
                </c:pt>
                <c:pt idx="3303">
                  <c:v>1.3093276195979202</c:v>
                </c:pt>
                <c:pt idx="3304">
                  <c:v>1.2394968132193647</c:v>
                </c:pt>
                <c:pt idx="3305">
                  <c:v>1.2394968132193647</c:v>
                </c:pt>
                <c:pt idx="3306">
                  <c:v>1.2394968132193647</c:v>
                </c:pt>
                <c:pt idx="3307">
                  <c:v>1.2394968132193647</c:v>
                </c:pt>
                <c:pt idx="3308">
                  <c:v>0.9601735877051415</c:v>
                </c:pt>
                <c:pt idx="3309">
                  <c:v>0.36661173348741771</c:v>
                </c:pt>
                <c:pt idx="3310">
                  <c:v>0.36661173348741771</c:v>
                </c:pt>
                <c:pt idx="3311">
                  <c:v>0.36661173348741771</c:v>
                </c:pt>
                <c:pt idx="3312">
                  <c:v>0.17621196065639114</c:v>
                </c:pt>
                <c:pt idx="3313">
                  <c:v>0.34403287556723983</c:v>
                </c:pt>
                <c:pt idx="3314">
                  <c:v>0.34403287556723983</c:v>
                </c:pt>
                <c:pt idx="3315">
                  <c:v>0.34403287556723983</c:v>
                </c:pt>
                <c:pt idx="3316">
                  <c:v>0.34403287556723983</c:v>
                </c:pt>
                <c:pt idx="3317">
                  <c:v>0.42794333302266419</c:v>
                </c:pt>
                <c:pt idx="3318">
                  <c:v>0.53702692771471594</c:v>
                </c:pt>
                <c:pt idx="3319">
                  <c:v>0.6125463394245978</c:v>
                </c:pt>
                <c:pt idx="3320">
                  <c:v>0.6125463394245978</c:v>
                </c:pt>
                <c:pt idx="3321">
                  <c:v>0.6125463394245978</c:v>
                </c:pt>
                <c:pt idx="3322">
                  <c:v>0.6125463394245978</c:v>
                </c:pt>
                <c:pt idx="3323">
                  <c:v>0.6125463394245978</c:v>
                </c:pt>
                <c:pt idx="3324">
                  <c:v>0.6125463394245978</c:v>
                </c:pt>
                <c:pt idx="3325">
                  <c:v>0.6125463394245978</c:v>
                </c:pt>
                <c:pt idx="3326">
                  <c:v>0.6125463394245978</c:v>
                </c:pt>
                <c:pt idx="3327">
                  <c:v>0.55380901920580072</c:v>
                </c:pt>
                <c:pt idx="3328">
                  <c:v>0.50346274473254615</c:v>
                </c:pt>
                <c:pt idx="3329">
                  <c:v>0.45311647025929153</c:v>
                </c:pt>
                <c:pt idx="3330">
                  <c:v>0.43633437876820663</c:v>
                </c:pt>
                <c:pt idx="3331">
                  <c:v>0.35242392131278227</c:v>
                </c:pt>
                <c:pt idx="3332">
                  <c:v>0.26012241811181547</c:v>
                </c:pt>
                <c:pt idx="3333">
                  <c:v>0.26012241811181547</c:v>
                </c:pt>
                <c:pt idx="3334">
                  <c:v>0.26012241811181547</c:v>
                </c:pt>
                <c:pt idx="3335">
                  <c:v>0.26012241811181547</c:v>
                </c:pt>
                <c:pt idx="3336">
                  <c:v>0.26484488079389351</c:v>
                </c:pt>
                <c:pt idx="3337">
                  <c:v>0.3075617970509732</c:v>
                </c:pt>
                <c:pt idx="3338">
                  <c:v>0.3075617970509732</c:v>
                </c:pt>
                <c:pt idx="3339">
                  <c:v>0.3075617970509732</c:v>
                </c:pt>
                <c:pt idx="3340">
                  <c:v>0.3075617970509732</c:v>
                </c:pt>
                <c:pt idx="3341">
                  <c:v>0.38445224631371638</c:v>
                </c:pt>
                <c:pt idx="3342">
                  <c:v>0.45279931232504383</c:v>
                </c:pt>
                <c:pt idx="3343">
                  <c:v>0.53823314483920304</c:v>
                </c:pt>
                <c:pt idx="3344">
                  <c:v>0.53823314483920304</c:v>
                </c:pt>
                <c:pt idx="3345">
                  <c:v>0.53823314483920304</c:v>
                </c:pt>
                <c:pt idx="3346">
                  <c:v>0.53823314483920304</c:v>
                </c:pt>
                <c:pt idx="3347">
                  <c:v>0.53823314483920304</c:v>
                </c:pt>
                <c:pt idx="3348">
                  <c:v>0.53823314483920304</c:v>
                </c:pt>
                <c:pt idx="3349">
                  <c:v>0.53823314483920304</c:v>
                </c:pt>
                <c:pt idx="3350">
                  <c:v>0.53823314483920304</c:v>
                </c:pt>
                <c:pt idx="3351">
                  <c:v>0.4784294620792916</c:v>
                </c:pt>
                <c:pt idx="3352">
                  <c:v>0.46988607882787559</c:v>
                </c:pt>
                <c:pt idx="3353">
                  <c:v>0.40153901281654825</c:v>
                </c:pt>
                <c:pt idx="3354">
                  <c:v>0.37590886306230054</c:v>
                </c:pt>
                <c:pt idx="3355">
                  <c:v>0.3161051803023891</c:v>
                </c:pt>
                <c:pt idx="3356">
                  <c:v>0.26484488079389351</c:v>
                </c:pt>
                <c:pt idx="3357">
                  <c:v>0.23067134778822987</c:v>
                </c:pt>
                <c:pt idx="3358">
                  <c:v>0.23067134778822987</c:v>
                </c:pt>
                <c:pt idx="3359">
                  <c:v>0.23067134778822987</c:v>
                </c:pt>
                <c:pt idx="3360">
                  <c:v>0.24099121552680991</c:v>
                </c:pt>
                <c:pt idx="3361">
                  <c:v>0.24099121552680991</c:v>
                </c:pt>
                <c:pt idx="3362">
                  <c:v>0.24099121552680991</c:v>
                </c:pt>
                <c:pt idx="3363">
                  <c:v>0.24099121552680991</c:v>
                </c:pt>
                <c:pt idx="3364">
                  <c:v>0.24099121552680991</c:v>
                </c:pt>
                <c:pt idx="3365">
                  <c:v>1.0442952672828432</c:v>
                </c:pt>
                <c:pt idx="3366">
                  <c:v>1.1848734763401489</c:v>
                </c:pt>
                <c:pt idx="3367">
                  <c:v>1.1848734763401489</c:v>
                </c:pt>
                <c:pt idx="3368">
                  <c:v>1.1848734763401489</c:v>
                </c:pt>
                <c:pt idx="3369">
                  <c:v>1.2652038815157525</c:v>
                </c:pt>
                <c:pt idx="3370">
                  <c:v>1.2652038815157525</c:v>
                </c:pt>
                <c:pt idx="3371">
                  <c:v>1.6066081035120665</c:v>
                </c:pt>
                <c:pt idx="3372">
                  <c:v>1.6066081035120665</c:v>
                </c:pt>
                <c:pt idx="3373">
                  <c:v>1.064377868576744</c:v>
                </c:pt>
                <c:pt idx="3374">
                  <c:v>1.6066081035120665</c:v>
                </c:pt>
                <c:pt idx="3375">
                  <c:v>1.6066081035120665</c:v>
                </c:pt>
                <c:pt idx="3376">
                  <c:v>1.6066081035120665</c:v>
                </c:pt>
                <c:pt idx="3377">
                  <c:v>1.6066081035120665</c:v>
                </c:pt>
                <c:pt idx="3378">
                  <c:v>1.6066081035120665</c:v>
                </c:pt>
                <c:pt idx="3379">
                  <c:v>1.3455342866913558</c:v>
                </c:pt>
                <c:pt idx="3380">
                  <c:v>1.1045430711645456</c:v>
                </c:pt>
                <c:pt idx="3381">
                  <c:v>0.80330405175603325</c:v>
                </c:pt>
                <c:pt idx="3382">
                  <c:v>0.7631388491682316</c:v>
                </c:pt>
                <c:pt idx="3383">
                  <c:v>0.7631388491682316</c:v>
                </c:pt>
                <c:pt idx="3384">
                  <c:v>0.69967362783423415</c:v>
                </c:pt>
                <c:pt idx="3385">
                  <c:v>0.69967362783423415</c:v>
                </c:pt>
                <c:pt idx="3386">
                  <c:v>0.69967362783423415</c:v>
                </c:pt>
                <c:pt idx="3387">
                  <c:v>0.69967362783423415</c:v>
                </c:pt>
                <c:pt idx="3388">
                  <c:v>0.69967362783423415</c:v>
                </c:pt>
                <c:pt idx="3389">
                  <c:v>0.90957571618450439</c:v>
                </c:pt>
                <c:pt idx="3390">
                  <c:v>1.0145267603596393</c:v>
                </c:pt>
                <c:pt idx="3391">
                  <c:v>1.0495104417513512</c:v>
                </c:pt>
                <c:pt idx="3392">
                  <c:v>1.0495104417513512</c:v>
                </c:pt>
                <c:pt idx="3393">
                  <c:v>1.1369696452306302</c:v>
                </c:pt>
                <c:pt idx="3394">
                  <c:v>1.1894451673181978</c:v>
                </c:pt>
                <c:pt idx="3395">
                  <c:v>1.3993472556684683</c:v>
                </c:pt>
                <c:pt idx="3396">
                  <c:v>1.3993472556684683</c:v>
                </c:pt>
                <c:pt idx="3397">
                  <c:v>1.3993472556684683</c:v>
                </c:pt>
                <c:pt idx="3398">
                  <c:v>1.3993472556684683</c:v>
                </c:pt>
                <c:pt idx="3399">
                  <c:v>1.3993472556684683</c:v>
                </c:pt>
                <c:pt idx="3400">
                  <c:v>1.3993472556684683</c:v>
                </c:pt>
                <c:pt idx="3401">
                  <c:v>1.3993472556684683</c:v>
                </c:pt>
                <c:pt idx="3402">
                  <c:v>1.3993472556684683</c:v>
                </c:pt>
                <c:pt idx="3403">
                  <c:v>1.1719533266223421</c:v>
                </c:pt>
                <c:pt idx="3404">
                  <c:v>0.96205123827207195</c:v>
                </c:pt>
                <c:pt idx="3405">
                  <c:v>0.69967362783423415</c:v>
                </c:pt>
                <c:pt idx="3406">
                  <c:v>0.69967362783423415</c:v>
                </c:pt>
                <c:pt idx="3407">
                  <c:v>0.69967362783423415</c:v>
                </c:pt>
                <c:pt idx="3408">
                  <c:v>0.64424584942700336</c:v>
                </c:pt>
                <c:pt idx="3409">
                  <c:v>0.72477658060537875</c:v>
                </c:pt>
                <c:pt idx="3410">
                  <c:v>0.72477658060537875</c:v>
                </c:pt>
                <c:pt idx="3411">
                  <c:v>0.72477658060537875</c:v>
                </c:pt>
                <c:pt idx="3412">
                  <c:v>0.72477658060537875</c:v>
                </c:pt>
                <c:pt idx="3413">
                  <c:v>0.93415648166915466</c:v>
                </c:pt>
                <c:pt idx="3414">
                  <c:v>1.0791117977902307</c:v>
                </c:pt>
                <c:pt idx="3415">
                  <c:v>1.0791117977902307</c:v>
                </c:pt>
                <c:pt idx="3416">
                  <c:v>1.0791117977902307</c:v>
                </c:pt>
                <c:pt idx="3417">
                  <c:v>1.1596425289686059</c:v>
                </c:pt>
                <c:pt idx="3418">
                  <c:v>1.2562794063826566</c:v>
                </c:pt>
                <c:pt idx="3419">
                  <c:v>1.4495531612107575</c:v>
                </c:pt>
                <c:pt idx="3420">
                  <c:v>1.4495531612107575</c:v>
                </c:pt>
                <c:pt idx="3421">
                  <c:v>1.4495531612107575</c:v>
                </c:pt>
                <c:pt idx="3422">
                  <c:v>1.4495531612107575</c:v>
                </c:pt>
                <c:pt idx="3423">
                  <c:v>1.4495531612107575</c:v>
                </c:pt>
                <c:pt idx="3424">
                  <c:v>1.4495531612107575</c:v>
                </c:pt>
                <c:pt idx="3425">
                  <c:v>1.4495531612107575</c:v>
                </c:pt>
                <c:pt idx="3426">
                  <c:v>1.4495531612107575</c:v>
                </c:pt>
                <c:pt idx="3427">
                  <c:v>1.2079609676756311</c:v>
                </c:pt>
                <c:pt idx="3428">
                  <c:v>0.96636877414050515</c:v>
                </c:pt>
                <c:pt idx="3429">
                  <c:v>0.72477658060537875</c:v>
                </c:pt>
                <c:pt idx="3430">
                  <c:v>0.72477658060537875</c:v>
                </c:pt>
                <c:pt idx="3431">
                  <c:v>0.72477658060537875</c:v>
                </c:pt>
                <c:pt idx="3432">
                  <c:v>0.72512319460655661</c:v>
                </c:pt>
                <c:pt idx="3433">
                  <c:v>0.72512319460655661</c:v>
                </c:pt>
                <c:pt idx="3434">
                  <c:v>0.72512319460655661</c:v>
                </c:pt>
                <c:pt idx="3435">
                  <c:v>0.72512319460655661</c:v>
                </c:pt>
                <c:pt idx="3436">
                  <c:v>0.72512319460655661</c:v>
                </c:pt>
                <c:pt idx="3437">
                  <c:v>0.93460322860400624</c:v>
                </c:pt>
                <c:pt idx="3438">
                  <c:v>1.0796278675253175</c:v>
                </c:pt>
                <c:pt idx="3439">
                  <c:v>1.0796278675253175</c:v>
                </c:pt>
                <c:pt idx="3440">
                  <c:v>1.0796278675253175</c:v>
                </c:pt>
                <c:pt idx="3441">
                  <c:v>1.1601971113704903</c:v>
                </c:pt>
                <c:pt idx="3442">
                  <c:v>1.2568802039846978</c:v>
                </c:pt>
                <c:pt idx="3443">
                  <c:v>1.4502463892131132</c:v>
                </c:pt>
                <c:pt idx="3444">
                  <c:v>1.4502463892131132</c:v>
                </c:pt>
                <c:pt idx="3445">
                  <c:v>1.4502463892131132</c:v>
                </c:pt>
                <c:pt idx="3446">
                  <c:v>1.4502463892131132</c:v>
                </c:pt>
                <c:pt idx="3447">
                  <c:v>1.4502463892131132</c:v>
                </c:pt>
                <c:pt idx="3448">
                  <c:v>1.4502463892131132</c:v>
                </c:pt>
                <c:pt idx="3449">
                  <c:v>1.4502463892131132</c:v>
                </c:pt>
                <c:pt idx="3450">
                  <c:v>1.4502463892131132</c:v>
                </c:pt>
                <c:pt idx="3451">
                  <c:v>1.2085386576775943</c:v>
                </c:pt>
                <c:pt idx="3452">
                  <c:v>0.96683092614207533</c:v>
                </c:pt>
                <c:pt idx="3453">
                  <c:v>0.72512319460655661</c:v>
                </c:pt>
                <c:pt idx="3454">
                  <c:v>0.72512319460655661</c:v>
                </c:pt>
                <c:pt idx="3455">
                  <c:v>0.72512319460655661</c:v>
                </c:pt>
                <c:pt idx="3456">
                  <c:v>0.80818205545903332</c:v>
                </c:pt>
                <c:pt idx="3457">
                  <c:v>0.80818205545903332</c:v>
                </c:pt>
                <c:pt idx="3458">
                  <c:v>0.80818205545903332</c:v>
                </c:pt>
                <c:pt idx="3459">
                  <c:v>0.80818205545903332</c:v>
                </c:pt>
                <c:pt idx="3460">
                  <c:v>0.80818205545903332</c:v>
                </c:pt>
                <c:pt idx="3461">
                  <c:v>1.0416568714805319</c:v>
                </c:pt>
                <c:pt idx="3462">
                  <c:v>1.2571720862696079</c:v>
                </c:pt>
                <c:pt idx="3463">
                  <c:v>1.2571720862696079</c:v>
                </c:pt>
                <c:pt idx="3464">
                  <c:v>1.2571720862696079</c:v>
                </c:pt>
                <c:pt idx="3465">
                  <c:v>1.3469700924317225</c:v>
                </c:pt>
                <c:pt idx="3466">
                  <c:v>1.4008488961289913</c:v>
                </c:pt>
                <c:pt idx="3467">
                  <c:v>1.6163641109180666</c:v>
                </c:pt>
                <c:pt idx="3468">
                  <c:v>1.6163641109180666</c:v>
                </c:pt>
                <c:pt idx="3469">
                  <c:v>1.6163641109180666</c:v>
                </c:pt>
                <c:pt idx="3470">
                  <c:v>1.6163641109180666</c:v>
                </c:pt>
                <c:pt idx="3471">
                  <c:v>1.3469700924317225</c:v>
                </c:pt>
                <c:pt idx="3472">
                  <c:v>1.2751316875020307</c:v>
                </c:pt>
                <c:pt idx="3473">
                  <c:v>1.2751316875020307</c:v>
                </c:pt>
                <c:pt idx="3474">
                  <c:v>1.2751316875020307</c:v>
                </c:pt>
                <c:pt idx="3475">
                  <c:v>1.2751316875020307</c:v>
                </c:pt>
                <c:pt idx="3476">
                  <c:v>0.98777806778326305</c:v>
                </c:pt>
                <c:pt idx="3477">
                  <c:v>0.37715162588088225</c:v>
                </c:pt>
                <c:pt idx="3478">
                  <c:v>0.37715162588088225</c:v>
                </c:pt>
                <c:pt idx="3479">
                  <c:v>0.37715162588088225</c:v>
                </c:pt>
                <c:pt idx="3480">
                  <c:v>0.23416763296598916</c:v>
                </c:pt>
                <c:pt idx="3481">
                  <c:v>0.45718442626693129</c:v>
                </c:pt>
                <c:pt idx="3482">
                  <c:v>0.45718442626693129</c:v>
                </c:pt>
                <c:pt idx="3483">
                  <c:v>0.45718442626693129</c:v>
                </c:pt>
                <c:pt idx="3484">
                  <c:v>0.45718442626693129</c:v>
                </c:pt>
                <c:pt idx="3485">
                  <c:v>0.56869282291740231</c:v>
                </c:pt>
                <c:pt idx="3486">
                  <c:v>0.71365373856301473</c:v>
                </c:pt>
                <c:pt idx="3487">
                  <c:v>0.81401129554843843</c:v>
                </c:pt>
                <c:pt idx="3488">
                  <c:v>0.81401129554843843</c:v>
                </c:pt>
                <c:pt idx="3489">
                  <c:v>0.81401129554843843</c:v>
                </c:pt>
                <c:pt idx="3490">
                  <c:v>0.81401129554843843</c:v>
                </c:pt>
                <c:pt idx="3491">
                  <c:v>0.81401129554843843</c:v>
                </c:pt>
                <c:pt idx="3492">
                  <c:v>0.81401129554843843</c:v>
                </c:pt>
                <c:pt idx="3493">
                  <c:v>0.81401129554843843</c:v>
                </c:pt>
                <c:pt idx="3494">
                  <c:v>0.81401129554843843</c:v>
                </c:pt>
                <c:pt idx="3495">
                  <c:v>0.73595541789310892</c:v>
                </c:pt>
                <c:pt idx="3496">
                  <c:v>0.66905037990282623</c:v>
                </c:pt>
                <c:pt idx="3497">
                  <c:v>0.60214534191254365</c:v>
                </c:pt>
                <c:pt idx="3498">
                  <c:v>0.57984366258244935</c:v>
                </c:pt>
                <c:pt idx="3499">
                  <c:v>0.46833526593197833</c:v>
                </c:pt>
                <c:pt idx="3500">
                  <c:v>0.34567602961646021</c:v>
                </c:pt>
                <c:pt idx="3501">
                  <c:v>0.34567602961646021</c:v>
                </c:pt>
                <c:pt idx="3502">
                  <c:v>0.34567602961646021</c:v>
                </c:pt>
                <c:pt idx="3503">
                  <c:v>0.34567602961646021</c:v>
                </c:pt>
                <c:pt idx="3504">
                  <c:v>0.34749361346819452</c:v>
                </c:pt>
                <c:pt idx="3505">
                  <c:v>0.40354097047919357</c:v>
                </c:pt>
                <c:pt idx="3506">
                  <c:v>0.40354097047919357</c:v>
                </c:pt>
                <c:pt idx="3507">
                  <c:v>0.40354097047919357</c:v>
                </c:pt>
                <c:pt idx="3508">
                  <c:v>0.40354097047919357</c:v>
                </c:pt>
                <c:pt idx="3509">
                  <c:v>0.50442621309899205</c:v>
                </c:pt>
                <c:pt idx="3510">
                  <c:v>0.59410198431659067</c:v>
                </c:pt>
                <c:pt idx="3511">
                  <c:v>0.70619669833858889</c:v>
                </c:pt>
                <c:pt idx="3512">
                  <c:v>0.70619669833858889</c:v>
                </c:pt>
                <c:pt idx="3513">
                  <c:v>0.70619669833858889</c:v>
                </c:pt>
                <c:pt idx="3514">
                  <c:v>0.70619669833858889</c:v>
                </c:pt>
                <c:pt idx="3515">
                  <c:v>0.70619669833858889</c:v>
                </c:pt>
                <c:pt idx="3516">
                  <c:v>0.70619669833858889</c:v>
                </c:pt>
                <c:pt idx="3517">
                  <c:v>0.70619669833858889</c:v>
                </c:pt>
                <c:pt idx="3518">
                  <c:v>0.70619669833858889</c:v>
                </c:pt>
                <c:pt idx="3519">
                  <c:v>0.62773039852319001</c:v>
                </c:pt>
                <c:pt idx="3520">
                  <c:v>0.61652092712099016</c:v>
                </c:pt>
                <c:pt idx="3521">
                  <c:v>0.52684515590339165</c:v>
                </c:pt>
                <c:pt idx="3522">
                  <c:v>0.4932167416967923</c:v>
                </c:pt>
                <c:pt idx="3523">
                  <c:v>0.41475044188139348</c:v>
                </c:pt>
                <c:pt idx="3524">
                  <c:v>0.34749361346819452</c:v>
                </c:pt>
                <c:pt idx="3525">
                  <c:v>0.30265572785939521</c:v>
                </c:pt>
                <c:pt idx="3526">
                  <c:v>0.30265572785939521</c:v>
                </c:pt>
                <c:pt idx="3527">
                  <c:v>0.30265572785939521</c:v>
                </c:pt>
                <c:pt idx="3528">
                  <c:v>0.25245581637614439</c:v>
                </c:pt>
                <c:pt idx="3529">
                  <c:v>0.25245581637614439</c:v>
                </c:pt>
                <c:pt idx="3530">
                  <c:v>0.25245581637614439</c:v>
                </c:pt>
                <c:pt idx="3531">
                  <c:v>0.25245581637614439</c:v>
                </c:pt>
                <c:pt idx="3532">
                  <c:v>0.25245581637614439</c:v>
                </c:pt>
                <c:pt idx="3533">
                  <c:v>1.0939752042966258</c:v>
                </c:pt>
                <c:pt idx="3534">
                  <c:v>1.2412410971827101</c:v>
                </c:pt>
                <c:pt idx="3535">
                  <c:v>1.2412410971827101</c:v>
                </c:pt>
                <c:pt idx="3536">
                  <c:v>1.2412410971827101</c:v>
                </c:pt>
                <c:pt idx="3537">
                  <c:v>1.3253930359747583</c:v>
                </c:pt>
                <c:pt idx="3538">
                  <c:v>1.3253930359747583</c:v>
                </c:pt>
                <c:pt idx="3539">
                  <c:v>1.6830387758409628</c:v>
                </c:pt>
                <c:pt idx="3540">
                  <c:v>1.6830387758409628</c:v>
                </c:pt>
                <c:pt idx="3541">
                  <c:v>1.115013188994638</c:v>
                </c:pt>
                <c:pt idx="3542">
                  <c:v>1.6830387758409628</c:v>
                </c:pt>
                <c:pt idx="3543">
                  <c:v>1.6830387758409628</c:v>
                </c:pt>
                <c:pt idx="3544">
                  <c:v>1.6830387758409628</c:v>
                </c:pt>
                <c:pt idx="3545">
                  <c:v>1.6830387758409628</c:v>
                </c:pt>
                <c:pt idx="3546">
                  <c:v>1.6830387758409628</c:v>
                </c:pt>
                <c:pt idx="3547">
                  <c:v>1.4095449747668065</c:v>
                </c:pt>
                <c:pt idx="3548">
                  <c:v>1.157089158390662</c:v>
                </c:pt>
                <c:pt idx="3549">
                  <c:v>0.84151938792048142</c:v>
                </c:pt>
                <c:pt idx="3550">
                  <c:v>0.79944341852445733</c:v>
                </c:pt>
                <c:pt idx="3551">
                  <c:v>0.79944341852445733</c:v>
                </c:pt>
                <c:pt idx="3552">
                  <c:v>0.73212482593701877</c:v>
                </c:pt>
                <c:pt idx="3553">
                  <c:v>0.73212482593701877</c:v>
                </c:pt>
                <c:pt idx="3554">
                  <c:v>0.73212482593701877</c:v>
                </c:pt>
                <c:pt idx="3555">
                  <c:v>0.73212482593701877</c:v>
                </c:pt>
                <c:pt idx="3556">
                  <c:v>0.73212482593701877</c:v>
                </c:pt>
                <c:pt idx="3557">
                  <c:v>0.95176227371812439</c:v>
                </c:pt>
                <c:pt idx="3558">
                  <c:v>1.0615809976086772</c:v>
                </c:pt>
                <c:pt idx="3559">
                  <c:v>1.0981872389055283</c:v>
                </c:pt>
                <c:pt idx="3560">
                  <c:v>1.0981872389055283</c:v>
                </c:pt>
                <c:pt idx="3561">
                  <c:v>1.1897028421476554</c:v>
                </c:pt>
                <c:pt idx="3562">
                  <c:v>1.2446122040929319</c:v>
                </c:pt>
                <c:pt idx="3563">
                  <c:v>1.4642496518740375</c:v>
                </c:pt>
                <c:pt idx="3564">
                  <c:v>1.4642496518740375</c:v>
                </c:pt>
                <c:pt idx="3565">
                  <c:v>1.4642496518740375</c:v>
                </c:pt>
                <c:pt idx="3566">
                  <c:v>1.4642496518740375</c:v>
                </c:pt>
                <c:pt idx="3567">
                  <c:v>1.4642496518740375</c:v>
                </c:pt>
                <c:pt idx="3568">
                  <c:v>1.4642496518740375</c:v>
                </c:pt>
                <c:pt idx="3569">
                  <c:v>1.4642496518740375</c:v>
                </c:pt>
                <c:pt idx="3570">
                  <c:v>1.4642496518740375</c:v>
                </c:pt>
                <c:pt idx="3571">
                  <c:v>1.2263090834445065</c:v>
                </c:pt>
                <c:pt idx="3572">
                  <c:v>1.0066716356634007</c:v>
                </c:pt>
                <c:pt idx="3573">
                  <c:v>0.73212482593701877</c:v>
                </c:pt>
                <c:pt idx="3574">
                  <c:v>0.73212482593701877</c:v>
                </c:pt>
                <c:pt idx="3575">
                  <c:v>0.73212482593701877</c:v>
                </c:pt>
                <c:pt idx="3576">
                  <c:v>0.63872898348876728</c:v>
                </c:pt>
                <c:pt idx="3577">
                  <c:v>0.71857010642486285</c:v>
                </c:pt>
                <c:pt idx="3578">
                  <c:v>0.71857010642486285</c:v>
                </c:pt>
                <c:pt idx="3579">
                  <c:v>0.71857010642486285</c:v>
                </c:pt>
                <c:pt idx="3580">
                  <c:v>0.71857010642486285</c:v>
                </c:pt>
                <c:pt idx="3581">
                  <c:v>0.92615702605871231</c:v>
                </c:pt>
                <c:pt idx="3582">
                  <c:v>1.069871047343685</c:v>
                </c:pt>
                <c:pt idx="3583">
                  <c:v>1.069871047343685</c:v>
                </c:pt>
                <c:pt idx="3584">
                  <c:v>1.069871047343685</c:v>
                </c:pt>
                <c:pt idx="3585">
                  <c:v>1.1497121702797808</c:v>
                </c:pt>
                <c:pt idx="3586">
                  <c:v>1.2455215178030958</c:v>
                </c:pt>
                <c:pt idx="3587">
                  <c:v>1.4371402128497257</c:v>
                </c:pt>
                <c:pt idx="3588">
                  <c:v>1.4371402128497257</c:v>
                </c:pt>
                <c:pt idx="3589">
                  <c:v>1.4371402128497257</c:v>
                </c:pt>
                <c:pt idx="3590">
                  <c:v>1.4371402128497257</c:v>
                </c:pt>
                <c:pt idx="3591">
                  <c:v>1.4371402128497257</c:v>
                </c:pt>
                <c:pt idx="3592">
                  <c:v>1.4371402128497257</c:v>
                </c:pt>
                <c:pt idx="3593">
                  <c:v>1.4371402128497257</c:v>
                </c:pt>
                <c:pt idx="3594">
                  <c:v>1.4371402128497257</c:v>
                </c:pt>
                <c:pt idx="3595">
                  <c:v>1.1976168440414383</c:v>
                </c:pt>
                <c:pt idx="3596">
                  <c:v>0.95809347523315069</c:v>
                </c:pt>
                <c:pt idx="3597">
                  <c:v>0.71857010642486285</c:v>
                </c:pt>
                <c:pt idx="3598">
                  <c:v>0.71857010642486285</c:v>
                </c:pt>
                <c:pt idx="3599">
                  <c:v>0.71857010642486285</c:v>
                </c:pt>
                <c:pt idx="3600">
                  <c:v>0.73543547056946201</c:v>
                </c:pt>
                <c:pt idx="3601">
                  <c:v>0.73543547056946201</c:v>
                </c:pt>
                <c:pt idx="3602">
                  <c:v>0.73543547056946201</c:v>
                </c:pt>
                <c:pt idx="3603">
                  <c:v>0.73543547056946201</c:v>
                </c:pt>
                <c:pt idx="3604">
                  <c:v>0.73543547056946201</c:v>
                </c:pt>
                <c:pt idx="3605">
                  <c:v>0.94789460651175106</c:v>
                </c:pt>
                <c:pt idx="3606">
                  <c:v>1.0949817006256435</c:v>
                </c:pt>
                <c:pt idx="3607">
                  <c:v>1.0949817006256435</c:v>
                </c:pt>
                <c:pt idx="3608">
                  <c:v>1.0949817006256435</c:v>
                </c:pt>
                <c:pt idx="3609">
                  <c:v>1.1766967529111392</c:v>
                </c:pt>
                <c:pt idx="3610">
                  <c:v>1.2747548156537341</c:v>
                </c:pt>
                <c:pt idx="3611">
                  <c:v>1.470870941138924</c:v>
                </c:pt>
                <c:pt idx="3612">
                  <c:v>1.470870941138924</c:v>
                </c:pt>
                <c:pt idx="3613">
                  <c:v>1.470870941138924</c:v>
                </c:pt>
                <c:pt idx="3614">
                  <c:v>1.470870941138924</c:v>
                </c:pt>
                <c:pt idx="3615">
                  <c:v>1.470870941138924</c:v>
                </c:pt>
                <c:pt idx="3616">
                  <c:v>1.470870941138924</c:v>
                </c:pt>
                <c:pt idx="3617">
                  <c:v>1.470870941138924</c:v>
                </c:pt>
                <c:pt idx="3618">
                  <c:v>1.470870941138924</c:v>
                </c:pt>
                <c:pt idx="3619">
                  <c:v>1.2257257842824369</c:v>
                </c:pt>
                <c:pt idx="3620">
                  <c:v>0.98058062742594942</c:v>
                </c:pt>
                <c:pt idx="3621">
                  <c:v>0.73543547056946201</c:v>
                </c:pt>
                <c:pt idx="3622">
                  <c:v>0.73543547056946201</c:v>
                </c:pt>
                <c:pt idx="3623">
                  <c:v>0.73543547056946201</c:v>
                </c:pt>
                <c:pt idx="3624">
                  <c:v>0.81100524092156856</c:v>
                </c:pt>
                <c:pt idx="3625">
                  <c:v>0.81100524092156856</c:v>
                </c:pt>
                <c:pt idx="3626">
                  <c:v>0.81100524092156856</c:v>
                </c:pt>
                <c:pt idx="3627">
                  <c:v>0.81100524092156856</c:v>
                </c:pt>
                <c:pt idx="3628">
                  <c:v>0.81100524092156856</c:v>
                </c:pt>
                <c:pt idx="3629">
                  <c:v>1.0452956438544663</c:v>
                </c:pt>
                <c:pt idx="3630">
                  <c:v>1.261563708100218</c:v>
                </c:pt>
                <c:pt idx="3631">
                  <c:v>1.261563708100218</c:v>
                </c:pt>
                <c:pt idx="3632">
                  <c:v>1.261563708100218</c:v>
                </c:pt>
                <c:pt idx="3633">
                  <c:v>1.3516754015359476</c:v>
                </c:pt>
                <c:pt idx="3634">
                  <c:v>1.4057424175973856</c:v>
                </c:pt>
                <c:pt idx="3635">
                  <c:v>1.6220104818431371</c:v>
                </c:pt>
                <c:pt idx="3636">
                  <c:v>1.6220104818431371</c:v>
                </c:pt>
                <c:pt idx="3637">
                  <c:v>1.6220104818431371</c:v>
                </c:pt>
                <c:pt idx="3638">
                  <c:v>1.6220104818431371</c:v>
                </c:pt>
                <c:pt idx="3639">
                  <c:v>1.3516754015359476</c:v>
                </c:pt>
                <c:pt idx="3640">
                  <c:v>1.2795860467873639</c:v>
                </c:pt>
                <c:pt idx="3641">
                  <c:v>1.2795860467873639</c:v>
                </c:pt>
                <c:pt idx="3642">
                  <c:v>1.2795860467873639</c:v>
                </c:pt>
                <c:pt idx="3643">
                  <c:v>1.2795860467873639</c:v>
                </c:pt>
                <c:pt idx="3644">
                  <c:v>0.99122862779302834</c:v>
                </c:pt>
                <c:pt idx="3645">
                  <c:v>0.37846911243006537</c:v>
                </c:pt>
                <c:pt idx="3646">
                  <c:v>0.37846911243006537</c:v>
                </c:pt>
                <c:pt idx="3647">
                  <c:v>0.37846911243006537</c:v>
                </c:pt>
                <c:pt idx="3648">
                  <c:v>0.2158150034012831</c:v>
                </c:pt>
                <c:pt idx="3649">
                  <c:v>0.42135310187869568</c:v>
                </c:pt>
                <c:pt idx="3650">
                  <c:v>0.42135310187869568</c:v>
                </c:pt>
                <c:pt idx="3651">
                  <c:v>0.42135310187869568</c:v>
                </c:pt>
                <c:pt idx="3652">
                  <c:v>0.42135310187869568</c:v>
                </c:pt>
                <c:pt idx="3653">
                  <c:v>0.5241221511174019</c:v>
                </c:pt>
                <c:pt idx="3654">
                  <c:v>0.65772191512771994</c:v>
                </c:pt>
                <c:pt idx="3655">
                  <c:v>0.75021405944255559</c:v>
                </c:pt>
                <c:pt idx="3656">
                  <c:v>0.75021405944255559</c:v>
                </c:pt>
                <c:pt idx="3657">
                  <c:v>0.75021405944255559</c:v>
                </c:pt>
                <c:pt idx="3658">
                  <c:v>0.75021405944255559</c:v>
                </c:pt>
                <c:pt idx="3659">
                  <c:v>0.75021405944255559</c:v>
                </c:pt>
                <c:pt idx="3660">
                  <c:v>0.75021405944255559</c:v>
                </c:pt>
                <c:pt idx="3661">
                  <c:v>0.75021405944255559</c:v>
                </c:pt>
                <c:pt idx="3662">
                  <c:v>0.75021405944255559</c:v>
                </c:pt>
                <c:pt idx="3663">
                  <c:v>0.67827572497546129</c:v>
                </c:pt>
                <c:pt idx="3664">
                  <c:v>0.61661429543223756</c:v>
                </c:pt>
                <c:pt idx="3665">
                  <c:v>0.55495286588901371</c:v>
                </c:pt>
                <c:pt idx="3666">
                  <c:v>0.53439905604127247</c:v>
                </c:pt>
                <c:pt idx="3667">
                  <c:v>0.43163000680256619</c:v>
                </c:pt>
                <c:pt idx="3668">
                  <c:v>0.31858405263998935</c:v>
                </c:pt>
                <c:pt idx="3669">
                  <c:v>0.31858405263998935</c:v>
                </c:pt>
                <c:pt idx="3670">
                  <c:v>0.31858405263998935</c:v>
                </c:pt>
                <c:pt idx="3671">
                  <c:v>0.31858405263998935</c:v>
                </c:pt>
                <c:pt idx="3672">
                  <c:v>0.36369924732590053</c:v>
                </c:pt>
                <c:pt idx="3673">
                  <c:v>0.42236041624943288</c:v>
                </c:pt>
                <c:pt idx="3674">
                  <c:v>0.42236041624943288</c:v>
                </c:pt>
                <c:pt idx="3675">
                  <c:v>0.42236041624943288</c:v>
                </c:pt>
                <c:pt idx="3676">
                  <c:v>0.42236041624943288</c:v>
                </c:pt>
                <c:pt idx="3677">
                  <c:v>0.52795052031179113</c:v>
                </c:pt>
                <c:pt idx="3678">
                  <c:v>0.62180839058944293</c:v>
                </c:pt>
                <c:pt idx="3679">
                  <c:v>0.73913072843650762</c:v>
                </c:pt>
                <c:pt idx="3680">
                  <c:v>0.73913072843650762</c:v>
                </c:pt>
                <c:pt idx="3681">
                  <c:v>0.73913072843650762</c:v>
                </c:pt>
                <c:pt idx="3682">
                  <c:v>0.73913072843650762</c:v>
                </c:pt>
                <c:pt idx="3683">
                  <c:v>0.73913072843650762</c:v>
                </c:pt>
                <c:pt idx="3684">
                  <c:v>0.73913072843650762</c:v>
                </c:pt>
                <c:pt idx="3685">
                  <c:v>0.73913072843650762</c:v>
                </c:pt>
                <c:pt idx="3686">
                  <c:v>0.73913072843650762</c:v>
                </c:pt>
                <c:pt idx="3687">
                  <c:v>0.65700509194356227</c:v>
                </c:pt>
                <c:pt idx="3688">
                  <c:v>0.64527285815885571</c:v>
                </c:pt>
                <c:pt idx="3689">
                  <c:v>0.55141498788120413</c:v>
                </c:pt>
                <c:pt idx="3690">
                  <c:v>0.51621828652708468</c:v>
                </c:pt>
                <c:pt idx="3691">
                  <c:v>0.43409265003413938</c:v>
                </c:pt>
                <c:pt idx="3692">
                  <c:v>0.36369924732590053</c:v>
                </c:pt>
                <c:pt idx="3693">
                  <c:v>0.31677031218707469</c:v>
                </c:pt>
                <c:pt idx="3694">
                  <c:v>0.31677031218707469</c:v>
                </c:pt>
                <c:pt idx="3695">
                  <c:v>0.31677031218707469</c:v>
                </c:pt>
                <c:pt idx="3696">
                  <c:v>0.24628256976496432</c:v>
                </c:pt>
                <c:pt idx="3697">
                  <c:v>0.24628256976496432</c:v>
                </c:pt>
                <c:pt idx="3698">
                  <c:v>0.24628256976496432</c:v>
                </c:pt>
                <c:pt idx="3699">
                  <c:v>0.24628256976496432</c:v>
                </c:pt>
                <c:pt idx="3700">
                  <c:v>0.24628256976496432</c:v>
                </c:pt>
                <c:pt idx="3701">
                  <c:v>1.067224468981512</c:v>
                </c:pt>
                <c:pt idx="3702">
                  <c:v>1.210889301344408</c:v>
                </c:pt>
                <c:pt idx="3703">
                  <c:v>1.210889301344408</c:v>
                </c:pt>
                <c:pt idx="3704">
                  <c:v>1.210889301344408</c:v>
                </c:pt>
                <c:pt idx="3705">
                  <c:v>1.2929834912660629</c:v>
                </c:pt>
                <c:pt idx="3706">
                  <c:v>1.2929834912660629</c:v>
                </c:pt>
                <c:pt idx="3707">
                  <c:v>1.6418837984330956</c:v>
                </c:pt>
                <c:pt idx="3708">
                  <c:v>1.6418837984330956</c:v>
                </c:pt>
                <c:pt idx="3709">
                  <c:v>1.0877480164619258</c:v>
                </c:pt>
                <c:pt idx="3710">
                  <c:v>1.6418837984330956</c:v>
                </c:pt>
                <c:pt idx="3711">
                  <c:v>1.6418837984330956</c:v>
                </c:pt>
                <c:pt idx="3712">
                  <c:v>1.6418837984330956</c:v>
                </c:pt>
                <c:pt idx="3713">
                  <c:v>1.6418837984330956</c:v>
                </c:pt>
                <c:pt idx="3714">
                  <c:v>1.6418837984330956</c:v>
                </c:pt>
                <c:pt idx="3715">
                  <c:v>1.3750776811877174</c:v>
                </c:pt>
                <c:pt idx="3716">
                  <c:v>1.128795111422753</c:v>
                </c:pt>
                <c:pt idx="3717">
                  <c:v>0.82094189921654781</c:v>
                </c:pt>
                <c:pt idx="3718">
                  <c:v>0.77989480425572033</c:v>
                </c:pt>
                <c:pt idx="3719">
                  <c:v>0.77989480425572033</c:v>
                </c:pt>
                <c:pt idx="3720">
                  <c:v>0.71976246475500549</c:v>
                </c:pt>
                <c:pt idx="3721">
                  <c:v>0.71976246475500549</c:v>
                </c:pt>
                <c:pt idx="3722">
                  <c:v>0.71976246475500549</c:v>
                </c:pt>
                <c:pt idx="3723">
                  <c:v>0.71976246475500549</c:v>
                </c:pt>
                <c:pt idx="3724">
                  <c:v>0.71976246475500549</c:v>
                </c:pt>
                <c:pt idx="3725">
                  <c:v>0.9356912041815072</c:v>
                </c:pt>
                <c:pt idx="3726">
                  <c:v>1.0436555738947582</c:v>
                </c:pt>
                <c:pt idx="3727">
                  <c:v>1.0796436971325085</c:v>
                </c:pt>
                <c:pt idx="3728">
                  <c:v>1.0796436971325085</c:v>
                </c:pt>
                <c:pt idx="3729">
                  <c:v>1.169614005226884</c:v>
                </c:pt>
                <c:pt idx="3730">
                  <c:v>1.2235961900835095</c:v>
                </c:pt>
                <c:pt idx="3731">
                  <c:v>1.439524929510011</c:v>
                </c:pt>
                <c:pt idx="3732">
                  <c:v>1.439524929510011</c:v>
                </c:pt>
                <c:pt idx="3733">
                  <c:v>1.439524929510011</c:v>
                </c:pt>
                <c:pt idx="3734">
                  <c:v>1.439524929510011</c:v>
                </c:pt>
                <c:pt idx="3735">
                  <c:v>1.439524929510011</c:v>
                </c:pt>
                <c:pt idx="3736">
                  <c:v>1.439524929510011</c:v>
                </c:pt>
                <c:pt idx="3737">
                  <c:v>1.439524929510011</c:v>
                </c:pt>
                <c:pt idx="3738">
                  <c:v>1.439524929510011</c:v>
                </c:pt>
                <c:pt idx="3739">
                  <c:v>1.2056021284646343</c:v>
                </c:pt>
                <c:pt idx="3740">
                  <c:v>0.98967338903813262</c:v>
                </c:pt>
                <c:pt idx="3741">
                  <c:v>0.71976246475500549</c:v>
                </c:pt>
                <c:pt idx="3742">
                  <c:v>0.71976246475500549</c:v>
                </c:pt>
                <c:pt idx="3743">
                  <c:v>0.71976246475500549</c:v>
                </c:pt>
                <c:pt idx="3744">
                  <c:v>0.64470558825518975</c:v>
                </c:pt>
                <c:pt idx="3745">
                  <c:v>0.72529378678708845</c:v>
                </c:pt>
                <c:pt idx="3746">
                  <c:v>0.72529378678708845</c:v>
                </c:pt>
                <c:pt idx="3747">
                  <c:v>0.72529378678708845</c:v>
                </c:pt>
                <c:pt idx="3748">
                  <c:v>0.72529378678708845</c:v>
                </c:pt>
                <c:pt idx="3749">
                  <c:v>0.93482310297002502</c:v>
                </c:pt>
                <c:pt idx="3750">
                  <c:v>1.0798818603274429</c:v>
                </c:pt>
                <c:pt idx="3751">
                  <c:v>1.0798818603274429</c:v>
                </c:pt>
                <c:pt idx="3752">
                  <c:v>1.0798818603274429</c:v>
                </c:pt>
                <c:pt idx="3753">
                  <c:v>1.1604700588593415</c:v>
                </c:pt>
                <c:pt idx="3754">
                  <c:v>1.2571758970976201</c:v>
                </c:pt>
                <c:pt idx="3755">
                  <c:v>1.4505875735741769</c:v>
                </c:pt>
                <c:pt idx="3756">
                  <c:v>1.4505875735741769</c:v>
                </c:pt>
                <c:pt idx="3757">
                  <c:v>1.4505875735741769</c:v>
                </c:pt>
                <c:pt idx="3758">
                  <c:v>1.4505875735741769</c:v>
                </c:pt>
                <c:pt idx="3759">
                  <c:v>1.4505875735741769</c:v>
                </c:pt>
                <c:pt idx="3760">
                  <c:v>1.4505875735741769</c:v>
                </c:pt>
                <c:pt idx="3761">
                  <c:v>1.4505875735741769</c:v>
                </c:pt>
                <c:pt idx="3762">
                  <c:v>1.4505875735741769</c:v>
                </c:pt>
                <c:pt idx="3763">
                  <c:v>1.2088229779784807</c:v>
                </c:pt>
                <c:pt idx="3764">
                  <c:v>0.96705838238278463</c:v>
                </c:pt>
                <c:pt idx="3765">
                  <c:v>0.72529378678708845</c:v>
                </c:pt>
                <c:pt idx="3766">
                  <c:v>0.72529378678708845</c:v>
                </c:pt>
                <c:pt idx="3767">
                  <c:v>0.72529378678708845</c:v>
                </c:pt>
                <c:pt idx="3768">
                  <c:v>0.72048267042324909</c:v>
                </c:pt>
                <c:pt idx="3769">
                  <c:v>0.72048267042324909</c:v>
                </c:pt>
                <c:pt idx="3770">
                  <c:v>0.72048267042324909</c:v>
                </c:pt>
                <c:pt idx="3771">
                  <c:v>0.72048267042324909</c:v>
                </c:pt>
                <c:pt idx="3772">
                  <c:v>0.72048267042324909</c:v>
                </c:pt>
                <c:pt idx="3773">
                  <c:v>0.92862210854552107</c:v>
                </c:pt>
                <c:pt idx="3774">
                  <c:v>1.0727186426301711</c:v>
                </c:pt>
                <c:pt idx="3775">
                  <c:v>1.0727186426301711</c:v>
                </c:pt>
                <c:pt idx="3776">
                  <c:v>1.0727186426301711</c:v>
                </c:pt>
                <c:pt idx="3777">
                  <c:v>1.1527722726771985</c:v>
                </c:pt>
                <c:pt idx="3778">
                  <c:v>1.2488366287336319</c:v>
                </c:pt>
                <c:pt idx="3779">
                  <c:v>1.4409653408464982</c:v>
                </c:pt>
                <c:pt idx="3780">
                  <c:v>1.4409653408464982</c:v>
                </c:pt>
                <c:pt idx="3781">
                  <c:v>1.4409653408464982</c:v>
                </c:pt>
                <c:pt idx="3782">
                  <c:v>1.4409653408464982</c:v>
                </c:pt>
                <c:pt idx="3783">
                  <c:v>1.4409653408464982</c:v>
                </c:pt>
                <c:pt idx="3784">
                  <c:v>1.4409653408464982</c:v>
                </c:pt>
                <c:pt idx="3785">
                  <c:v>1.4409653408464982</c:v>
                </c:pt>
                <c:pt idx="3786">
                  <c:v>1.4409653408464982</c:v>
                </c:pt>
                <c:pt idx="3787">
                  <c:v>1.2008044507054152</c:v>
                </c:pt>
                <c:pt idx="3788">
                  <c:v>0.9606435605643322</c:v>
                </c:pt>
                <c:pt idx="3789">
                  <c:v>0.72048267042324909</c:v>
                </c:pt>
                <c:pt idx="3790">
                  <c:v>0.72048267042324909</c:v>
                </c:pt>
                <c:pt idx="3791">
                  <c:v>0.72048267042324909</c:v>
                </c:pt>
                <c:pt idx="3792">
                  <c:v>0.78729048303627325</c:v>
                </c:pt>
                <c:pt idx="3793">
                  <c:v>0.78729048303627325</c:v>
                </c:pt>
                <c:pt idx="3794">
                  <c:v>0.78729048303627325</c:v>
                </c:pt>
                <c:pt idx="3795">
                  <c:v>0.78729048303627325</c:v>
                </c:pt>
                <c:pt idx="3796">
                  <c:v>0.78729048303627325</c:v>
                </c:pt>
                <c:pt idx="3797">
                  <c:v>1.0147299559134189</c:v>
                </c:pt>
                <c:pt idx="3798">
                  <c:v>1.2246740847230919</c:v>
                </c:pt>
                <c:pt idx="3799">
                  <c:v>1.2246740847230919</c:v>
                </c:pt>
                <c:pt idx="3800">
                  <c:v>1.2246740847230919</c:v>
                </c:pt>
                <c:pt idx="3801">
                  <c:v>1.3121508050604556</c:v>
                </c:pt>
                <c:pt idx="3802">
                  <c:v>1.3646368372628739</c:v>
                </c:pt>
                <c:pt idx="3803">
                  <c:v>1.5745809660725465</c:v>
                </c:pt>
                <c:pt idx="3804">
                  <c:v>1.5745809660725465</c:v>
                </c:pt>
                <c:pt idx="3805">
                  <c:v>1.5745809660725465</c:v>
                </c:pt>
                <c:pt idx="3806">
                  <c:v>1.5745809660725465</c:v>
                </c:pt>
                <c:pt idx="3807">
                  <c:v>1.3121508050604556</c:v>
                </c:pt>
                <c:pt idx="3808">
                  <c:v>1.2421694287905645</c:v>
                </c:pt>
                <c:pt idx="3809">
                  <c:v>1.2421694287905645</c:v>
                </c:pt>
                <c:pt idx="3810">
                  <c:v>1.2421694287905645</c:v>
                </c:pt>
                <c:pt idx="3811">
                  <c:v>1.2421694287905645</c:v>
                </c:pt>
                <c:pt idx="3812">
                  <c:v>0.96224392371100065</c:v>
                </c:pt>
                <c:pt idx="3813">
                  <c:v>0.36740222541692757</c:v>
                </c:pt>
                <c:pt idx="3814">
                  <c:v>0.36740222541692757</c:v>
                </c:pt>
                <c:pt idx="3815">
                  <c:v>0.36740222541692757</c:v>
                </c:pt>
                <c:pt idx="3816">
                  <c:v>0.14723412450159215</c:v>
                </c:pt>
                <c:pt idx="3817">
                  <c:v>0.28745710021739423</c:v>
                </c:pt>
                <c:pt idx="3818">
                  <c:v>0.28745710021739423</c:v>
                </c:pt>
                <c:pt idx="3819">
                  <c:v>0.28745710021739423</c:v>
                </c:pt>
                <c:pt idx="3820">
                  <c:v>0.28745710021739423</c:v>
                </c:pt>
                <c:pt idx="3821">
                  <c:v>0.35756858807529524</c:v>
                </c:pt>
                <c:pt idx="3822">
                  <c:v>0.44871352229056655</c:v>
                </c:pt>
                <c:pt idx="3823">
                  <c:v>0.51181386136267748</c:v>
                </c:pt>
                <c:pt idx="3824">
                  <c:v>0.51181386136267748</c:v>
                </c:pt>
                <c:pt idx="3825">
                  <c:v>0.51181386136267748</c:v>
                </c:pt>
                <c:pt idx="3826">
                  <c:v>0.51181386136267748</c:v>
                </c:pt>
                <c:pt idx="3827">
                  <c:v>0.51181386136267748</c:v>
                </c:pt>
                <c:pt idx="3828">
                  <c:v>0.51181386136267748</c:v>
                </c:pt>
                <c:pt idx="3829">
                  <c:v>0.51181386136267748</c:v>
                </c:pt>
                <c:pt idx="3830">
                  <c:v>0.51181386136267748</c:v>
                </c:pt>
                <c:pt idx="3831">
                  <c:v>0.46273581986214679</c:v>
                </c:pt>
                <c:pt idx="3832">
                  <c:v>0.42066892714740617</c:v>
                </c:pt>
                <c:pt idx="3833">
                  <c:v>0.37860203443266549</c:v>
                </c:pt>
                <c:pt idx="3834">
                  <c:v>0.36457973686108536</c:v>
                </c:pt>
                <c:pt idx="3835">
                  <c:v>0.2944682490031843</c:v>
                </c:pt>
                <c:pt idx="3836">
                  <c:v>0.21734561235949315</c:v>
                </c:pt>
                <c:pt idx="3837">
                  <c:v>0.21734561235949315</c:v>
                </c:pt>
                <c:pt idx="3838">
                  <c:v>0.21734561235949315</c:v>
                </c:pt>
                <c:pt idx="3839">
                  <c:v>0.21734561235949315</c:v>
                </c:pt>
                <c:pt idx="3840">
                  <c:v>0.2267325314613971</c:v>
                </c:pt>
                <c:pt idx="3841">
                  <c:v>0.26330229460033205</c:v>
                </c:pt>
                <c:pt idx="3842">
                  <c:v>0.26330229460033205</c:v>
                </c:pt>
                <c:pt idx="3843">
                  <c:v>0.26330229460033205</c:v>
                </c:pt>
                <c:pt idx="3844">
                  <c:v>0.26330229460033205</c:v>
                </c:pt>
                <c:pt idx="3845">
                  <c:v>0.32912786825041507</c:v>
                </c:pt>
                <c:pt idx="3846">
                  <c:v>0.38763948927271114</c:v>
                </c:pt>
                <c:pt idx="3847">
                  <c:v>0.46077901555058115</c:v>
                </c:pt>
                <c:pt idx="3848">
                  <c:v>0.46077901555058115</c:v>
                </c:pt>
                <c:pt idx="3849">
                  <c:v>0.46077901555058115</c:v>
                </c:pt>
                <c:pt idx="3850">
                  <c:v>0.46077901555058115</c:v>
                </c:pt>
                <c:pt idx="3851">
                  <c:v>0.46077901555058115</c:v>
                </c:pt>
                <c:pt idx="3852">
                  <c:v>0.46077901555058115</c:v>
                </c:pt>
                <c:pt idx="3853">
                  <c:v>0.46077901555058115</c:v>
                </c:pt>
                <c:pt idx="3854">
                  <c:v>0.46077901555058115</c:v>
                </c:pt>
                <c:pt idx="3855">
                  <c:v>0.40958134715607214</c:v>
                </c:pt>
                <c:pt idx="3856">
                  <c:v>0.40226739452828519</c:v>
                </c:pt>
                <c:pt idx="3857">
                  <c:v>0.34375577350598907</c:v>
                </c:pt>
                <c:pt idx="3858">
                  <c:v>0.32181391562262812</c:v>
                </c:pt>
                <c:pt idx="3859">
                  <c:v>0.27061624722811911</c:v>
                </c:pt>
                <c:pt idx="3860">
                  <c:v>0.2267325314613971</c:v>
                </c:pt>
                <c:pt idx="3861">
                  <c:v>0.19747672095024907</c:v>
                </c:pt>
                <c:pt idx="3862">
                  <c:v>0.19747672095024907</c:v>
                </c:pt>
                <c:pt idx="3863">
                  <c:v>0.19747672095024907</c:v>
                </c:pt>
                <c:pt idx="3864">
                  <c:v>0.23481796891562989</c:v>
                </c:pt>
                <c:pt idx="3865">
                  <c:v>0.23481796891562989</c:v>
                </c:pt>
                <c:pt idx="3866">
                  <c:v>0.23481796891562989</c:v>
                </c:pt>
                <c:pt idx="3867">
                  <c:v>0.23481796891562989</c:v>
                </c:pt>
                <c:pt idx="3868">
                  <c:v>0.23481796891562989</c:v>
                </c:pt>
                <c:pt idx="3869">
                  <c:v>1.0175445319677296</c:v>
                </c:pt>
                <c:pt idx="3870">
                  <c:v>1.154521680501847</c:v>
                </c:pt>
                <c:pt idx="3871">
                  <c:v>1.154521680501847</c:v>
                </c:pt>
                <c:pt idx="3872">
                  <c:v>1.154521680501847</c:v>
                </c:pt>
                <c:pt idx="3873">
                  <c:v>1.2327943368070571</c:v>
                </c:pt>
                <c:pt idx="3874">
                  <c:v>1.2327943368070571</c:v>
                </c:pt>
                <c:pt idx="3875">
                  <c:v>1.5654531261041995</c:v>
                </c:pt>
                <c:pt idx="3876">
                  <c:v>1.5654531261041995</c:v>
                </c:pt>
                <c:pt idx="3877">
                  <c:v>1.0371126960440322</c:v>
                </c:pt>
                <c:pt idx="3878">
                  <c:v>1.5654531261041995</c:v>
                </c:pt>
                <c:pt idx="3879">
                  <c:v>1.5654531261041995</c:v>
                </c:pt>
                <c:pt idx="3880">
                  <c:v>1.5654531261041995</c:v>
                </c:pt>
                <c:pt idx="3881">
                  <c:v>1.5654531261041995</c:v>
                </c:pt>
                <c:pt idx="3882">
                  <c:v>1.5654531261041995</c:v>
                </c:pt>
                <c:pt idx="3883">
                  <c:v>1.3110669931122672</c:v>
                </c:pt>
                <c:pt idx="3884">
                  <c:v>1.0762490241966369</c:v>
                </c:pt>
                <c:pt idx="3885">
                  <c:v>0.78272656305209976</c:v>
                </c:pt>
                <c:pt idx="3886">
                  <c:v>0.74359023489949472</c:v>
                </c:pt>
                <c:pt idx="3887">
                  <c:v>0.74359023489949472</c:v>
                </c:pt>
                <c:pt idx="3888">
                  <c:v>0.68525087312188526</c:v>
                </c:pt>
                <c:pt idx="3889">
                  <c:v>0.68525087312188526</c:v>
                </c:pt>
                <c:pt idx="3890">
                  <c:v>0.68525087312188526</c:v>
                </c:pt>
                <c:pt idx="3891">
                  <c:v>0.68525087312188526</c:v>
                </c:pt>
                <c:pt idx="3892">
                  <c:v>0.68525087312188526</c:v>
                </c:pt>
                <c:pt idx="3893">
                  <c:v>0.89082613505845076</c:v>
                </c:pt>
                <c:pt idx="3894">
                  <c:v>0.99361376602673346</c:v>
                </c:pt>
                <c:pt idx="3895">
                  <c:v>1.0278763096828278</c:v>
                </c:pt>
                <c:pt idx="3896">
                  <c:v>1.0278763096828278</c:v>
                </c:pt>
                <c:pt idx="3897">
                  <c:v>1.1135326688230636</c:v>
                </c:pt>
                <c:pt idx="3898">
                  <c:v>1.1649264843072049</c:v>
                </c:pt>
                <c:pt idx="3899">
                  <c:v>1.3705017462437705</c:v>
                </c:pt>
                <c:pt idx="3900">
                  <c:v>1.3705017462437705</c:v>
                </c:pt>
                <c:pt idx="3901">
                  <c:v>1.3705017462437705</c:v>
                </c:pt>
                <c:pt idx="3902">
                  <c:v>1.3705017462437705</c:v>
                </c:pt>
                <c:pt idx="3903">
                  <c:v>1.3705017462437705</c:v>
                </c:pt>
                <c:pt idx="3904">
                  <c:v>1.3705017462437705</c:v>
                </c:pt>
                <c:pt idx="3905">
                  <c:v>1.3705017462437705</c:v>
                </c:pt>
                <c:pt idx="3906">
                  <c:v>1.3705017462437705</c:v>
                </c:pt>
                <c:pt idx="3907">
                  <c:v>1.1477952124791579</c:v>
                </c:pt>
                <c:pt idx="3908">
                  <c:v>0.94221995054259211</c:v>
                </c:pt>
                <c:pt idx="3909">
                  <c:v>0.68525087312188526</c:v>
                </c:pt>
                <c:pt idx="3910">
                  <c:v>0.68525087312188526</c:v>
                </c:pt>
                <c:pt idx="3911">
                  <c:v>0.68525087312188526</c:v>
                </c:pt>
                <c:pt idx="3912">
                  <c:v>0.60700700434390842</c:v>
                </c:pt>
                <c:pt idx="3913">
                  <c:v>0.68288287988689689</c:v>
                </c:pt>
                <c:pt idx="3914">
                  <c:v>0.68288287988689689</c:v>
                </c:pt>
                <c:pt idx="3915">
                  <c:v>0.68288287988689689</c:v>
                </c:pt>
                <c:pt idx="3916">
                  <c:v>0.68288287988689689</c:v>
                </c:pt>
                <c:pt idx="3917">
                  <c:v>0.88016015629866706</c:v>
                </c:pt>
                <c:pt idx="3918">
                  <c:v>1.0167367322760466</c:v>
                </c:pt>
                <c:pt idx="3919">
                  <c:v>1.0167367322760466</c:v>
                </c:pt>
                <c:pt idx="3920">
                  <c:v>1.0167367322760466</c:v>
                </c:pt>
                <c:pt idx="3921">
                  <c:v>1.0926126078190348</c:v>
                </c:pt>
                <c:pt idx="3922">
                  <c:v>1.183663658470621</c:v>
                </c:pt>
                <c:pt idx="3923">
                  <c:v>1.3657657597737938</c:v>
                </c:pt>
                <c:pt idx="3924">
                  <c:v>1.3657657597737938</c:v>
                </c:pt>
                <c:pt idx="3925">
                  <c:v>1.3657657597737938</c:v>
                </c:pt>
                <c:pt idx="3926">
                  <c:v>1.3657657597737938</c:v>
                </c:pt>
                <c:pt idx="3927">
                  <c:v>1.3657657597737938</c:v>
                </c:pt>
                <c:pt idx="3928">
                  <c:v>1.3657657597737938</c:v>
                </c:pt>
                <c:pt idx="3929">
                  <c:v>1.3657657597737938</c:v>
                </c:pt>
                <c:pt idx="3930">
                  <c:v>1.3657657597737938</c:v>
                </c:pt>
                <c:pt idx="3931">
                  <c:v>1.1381381331448279</c:v>
                </c:pt>
                <c:pt idx="3932">
                  <c:v>0.91051050651586252</c:v>
                </c:pt>
                <c:pt idx="3933">
                  <c:v>0.68288287988689689</c:v>
                </c:pt>
                <c:pt idx="3934">
                  <c:v>0.68288287988689689</c:v>
                </c:pt>
                <c:pt idx="3935">
                  <c:v>0.68288287988689689</c:v>
                </c:pt>
                <c:pt idx="3936">
                  <c:v>0.67665549758090071</c:v>
                </c:pt>
                <c:pt idx="3937">
                  <c:v>0.67665549758090071</c:v>
                </c:pt>
                <c:pt idx="3938">
                  <c:v>0.67665549758090071</c:v>
                </c:pt>
                <c:pt idx="3939">
                  <c:v>0.67665549758090071</c:v>
                </c:pt>
                <c:pt idx="3940">
                  <c:v>0.67665549758090071</c:v>
                </c:pt>
                <c:pt idx="3941">
                  <c:v>0.87213375243760527</c:v>
                </c:pt>
                <c:pt idx="3942">
                  <c:v>1.0074648519537854</c:v>
                </c:pt>
                <c:pt idx="3943">
                  <c:v>1.0074648519537854</c:v>
                </c:pt>
                <c:pt idx="3944">
                  <c:v>1.0074648519537854</c:v>
                </c:pt>
                <c:pt idx="3945">
                  <c:v>1.0826487961294411</c:v>
                </c:pt>
                <c:pt idx="3946">
                  <c:v>1.1728695291402278</c:v>
                </c:pt>
                <c:pt idx="3947">
                  <c:v>1.3533109951618014</c:v>
                </c:pt>
                <c:pt idx="3948">
                  <c:v>1.3533109951618014</c:v>
                </c:pt>
                <c:pt idx="3949">
                  <c:v>1.3533109951618014</c:v>
                </c:pt>
                <c:pt idx="3950">
                  <c:v>1.3533109951618014</c:v>
                </c:pt>
                <c:pt idx="3951">
                  <c:v>1.3533109951618014</c:v>
                </c:pt>
                <c:pt idx="3952">
                  <c:v>1.3533109951618014</c:v>
                </c:pt>
                <c:pt idx="3953">
                  <c:v>1.3533109951618014</c:v>
                </c:pt>
                <c:pt idx="3954">
                  <c:v>1.3533109951618014</c:v>
                </c:pt>
                <c:pt idx="3955">
                  <c:v>1.1277591626348344</c:v>
                </c:pt>
                <c:pt idx="3956">
                  <c:v>0.90220733010786747</c:v>
                </c:pt>
                <c:pt idx="3957">
                  <c:v>0.67665549758090071</c:v>
                </c:pt>
                <c:pt idx="3958">
                  <c:v>0.67665549758090071</c:v>
                </c:pt>
                <c:pt idx="3959">
                  <c:v>0.67665549758090071</c:v>
                </c:pt>
                <c:pt idx="3960">
                  <c:v>0.74155487854320379</c:v>
                </c:pt>
                <c:pt idx="3961">
                  <c:v>0.74155487854320379</c:v>
                </c:pt>
                <c:pt idx="3962">
                  <c:v>0.74155487854320379</c:v>
                </c:pt>
                <c:pt idx="3963">
                  <c:v>0.74155487854320379</c:v>
                </c:pt>
                <c:pt idx="3964">
                  <c:v>0.74155487854320379</c:v>
                </c:pt>
                <c:pt idx="3965">
                  <c:v>0.95578184345568484</c:v>
                </c:pt>
                <c:pt idx="3966">
                  <c:v>1.1535298110672059</c:v>
                </c:pt>
                <c:pt idx="3967">
                  <c:v>1.1535298110672059</c:v>
                </c:pt>
                <c:pt idx="3968">
                  <c:v>1.1535298110672059</c:v>
                </c:pt>
                <c:pt idx="3969">
                  <c:v>1.2359247975720062</c:v>
                </c:pt>
                <c:pt idx="3970">
                  <c:v>1.2853617894748866</c:v>
                </c:pt>
                <c:pt idx="3971">
                  <c:v>1.4831097570864076</c:v>
                </c:pt>
                <c:pt idx="3972">
                  <c:v>1.4831097570864076</c:v>
                </c:pt>
                <c:pt idx="3973">
                  <c:v>1.4831097570864076</c:v>
                </c:pt>
                <c:pt idx="3974">
                  <c:v>1.4831097570864076</c:v>
                </c:pt>
                <c:pt idx="3975">
                  <c:v>1.2359247975720062</c:v>
                </c:pt>
                <c:pt idx="3976">
                  <c:v>1.1700088083681661</c:v>
                </c:pt>
                <c:pt idx="3977">
                  <c:v>1.1700088083681661</c:v>
                </c:pt>
                <c:pt idx="3978">
                  <c:v>1.1700088083681661</c:v>
                </c:pt>
                <c:pt idx="3979">
                  <c:v>1.1700088083681661</c:v>
                </c:pt>
                <c:pt idx="3980">
                  <c:v>0.90634485155280464</c:v>
                </c:pt>
                <c:pt idx="3981">
                  <c:v>0.34605894332016174</c:v>
                </c:pt>
                <c:pt idx="3982">
                  <c:v>0.34605894332016174</c:v>
                </c:pt>
                <c:pt idx="3983">
                  <c:v>0.34605894332016174</c:v>
                </c:pt>
                <c:pt idx="3984">
                  <c:v>0.13532460798841087</c:v>
                </c:pt>
                <c:pt idx="3985">
                  <c:v>0.26420518702499268</c:v>
                </c:pt>
                <c:pt idx="3986">
                  <c:v>0.26420518702499268</c:v>
                </c:pt>
                <c:pt idx="3987">
                  <c:v>0.26420518702499268</c:v>
                </c:pt>
                <c:pt idx="3988">
                  <c:v>0.26420518702499268</c:v>
                </c:pt>
                <c:pt idx="3989">
                  <c:v>0.32864547654328363</c:v>
                </c:pt>
                <c:pt idx="3990">
                  <c:v>0.41241785291706173</c:v>
                </c:pt>
                <c:pt idx="3991">
                  <c:v>0.47041411348352352</c:v>
                </c:pt>
                <c:pt idx="3992">
                  <c:v>0.47041411348352352</c:v>
                </c:pt>
                <c:pt idx="3993">
                  <c:v>0.47041411348352352</c:v>
                </c:pt>
                <c:pt idx="3994">
                  <c:v>0.47041411348352352</c:v>
                </c:pt>
                <c:pt idx="3995">
                  <c:v>0.47041411348352352</c:v>
                </c:pt>
                <c:pt idx="3996">
                  <c:v>0.47041411348352352</c:v>
                </c:pt>
                <c:pt idx="3997">
                  <c:v>0.47041411348352352</c:v>
                </c:pt>
                <c:pt idx="3998">
                  <c:v>0.47041411348352352</c:v>
                </c:pt>
                <c:pt idx="3999">
                  <c:v>0.42530591082071995</c:v>
                </c:pt>
                <c:pt idx="4000">
                  <c:v>0.38664173710974542</c:v>
                </c:pt>
                <c:pt idx="4001">
                  <c:v>0.34797756339877084</c:v>
                </c:pt>
                <c:pt idx="4002">
                  <c:v>0.33508950549511268</c:v>
                </c:pt>
                <c:pt idx="4003">
                  <c:v>0.27064921597682173</c:v>
                </c:pt>
                <c:pt idx="4004">
                  <c:v>0.19976489750670176</c:v>
                </c:pt>
                <c:pt idx="4005">
                  <c:v>0.19976489750670176</c:v>
                </c:pt>
                <c:pt idx="4006">
                  <c:v>0.19976489750670176</c:v>
                </c:pt>
                <c:pt idx="4007">
                  <c:v>0.19976489750670176</c:v>
                </c:pt>
                <c:pt idx="4008">
                  <c:v>0.22650360651782273</c:v>
                </c:pt>
                <c:pt idx="4009">
                  <c:v>0.26303644627876188</c:v>
                </c:pt>
                <c:pt idx="4010">
                  <c:v>0.26303644627876188</c:v>
                </c:pt>
                <c:pt idx="4011">
                  <c:v>0.26303644627876188</c:v>
                </c:pt>
                <c:pt idx="4012">
                  <c:v>0.26303644627876188</c:v>
                </c:pt>
                <c:pt idx="4013">
                  <c:v>0.32879555784845232</c:v>
                </c:pt>
                <c:pt idx="4014">
                  <c:v>0.38724810146595501</c:v>
                </c:pt>
                <c:pt idx="4015">
                  <c:v>0.46031378098783327</c:v>
                </c:pt>
                <c:pt idx="4016">
                  <c:v>0.46031378098783327</c:v>
                </c:pt>
                <c:pt idx="4017">
                  <c:v>0.46031378098783327</c:v>
                </c:pt>
                <c:pt idx="4018">
                  <c:v>0.46031378098783327</c:v>
                </c:pt>
                <c:pt idx="4019">
                  <c:v>0.46031378098783327</c:v>
                </c:pt>
                <c:pt idx="4020">
                  <c:v>0.46031378098783327</c:v>
                </c:pt>
                <c:pt idx="4021">
                  <c:v>0.46031378098783327</c:v>
                </c:pt>
                <c:pt idx="4022">
                  <c:v>0.46031378098783327</c:v>
                </c:pt>
                <c:pt idx="4023">
                  <c:v>0.40916780532251851</c:v>
                </c:pt>
                <c:pt idx="4024">
                  <c:v>0.40186123737033058</c:v>
                </c:pt>
                <c:pt idx="4025">
                  <c:v>0.34340869375282806</c:v>
                </c:pt>
                <c:pt idx="4026">
                  <c:v>0.32148898989626457</c:v>
                </c:pt>
                <c:pt idx="4027">
                  <c:v>0.2703430142309497</c:v>
                </c:pt>
                <c:pt idx="4028">
                  <c:v>0.22650360651782273</c:v>
                </c:pt>
                <c:pt idx="4029">
                  <c:v>0.19727733470907141</c:v>
                </c:pt>
                <c:pt idx="4030">
                  <c:v>0.19727733470907141</c:v>
                </c:pt>
                <c:pt idx="4031">
                  <c:v>0.19727733470907141</c:v>
                </c:pt>
                <c:pt idx="4032">
                  <c:v>0.22564628823616234</c:v>
                </c:pt>
                <c:pt idx="4033">
                  <c:v>0.22564628823616234</c:v>
                </c:pt>
                <c:pt idx="4034">
                  <c:v>0.22564628823616234</c:v>
                </c:pt>
                <c:pt idx="4035">
                  <c:v>0.22564628823616234</c:v>
                </c:pt>
                <c:pt idx="4036">
                  <c:v>0.22564628823616234</c:v>
                </c:pt>
                <c:pt idx="4037">
                  <c:v>0.97780058235670342</c:v>
                </c:pt>
                <c:pt idx="4038">
                  <c:v>1.1094275838277983</c:v>
                </c:pt>
                <c:pt idx="4039">
                  <c:v>1.1094275838277983</c:v>
                </c:pt>
                <c:pt idx="4040">
                  <c:v>1.1094275838277983</c:v>
                </c:pt>
                <c:pt idx="4041">
                  <c:v>1.1846430132398524</c:v>
                </c:pt>
                <c:pt idx="4042">
                  <c:v>1.1846430132398524</c:v>
                </c:pt>
                <c:pt idx="4043">
                  <c:v>1.5043085882410823</c:v>
                </c:pt>
                <c:pt idx="4044">
                  <c:v>1.5043085882410823</c:v>
                </c:pt>
                <c:pt idx="4045">
                  <c:v>0.99660443970971713</c:v>
                </c:pt>
                <c:pt idx="4046">
                  <c:v>1.5043085882410823</c:v>
                </c:pt>
                <c:pt idx="4047">
                  <c:v>1.5043085882410823</c:v>
                </c:pt>
                <c:pt idx="4048">
                  <c:v>1.5043085882410823</c:v>
                </c:pt>
                <c:pt idx="4049">
                  <c:v>1.5043085882410823</c:v>
                </c:pt>
                <c:pt idx="4050">
                  <c:v>1.5043085882410823</c:v>
                </c:pt>
                <c:pt idx="4051">
                  <c:v>1.2598584426519066</c:v>
                </c:pt>
                <c:pt idx="4052">
                  <c:v>1.0342121544157441</c:v>
                </c:pt>
                <c:pt idx="4053">
                  <c:v>0.75215429412054113</c:v>
                </c:pt>
                <c:pt idx="4054">
                  <c:v>0.71454657941451405</c:v>
                </c:pt>
                <c:pt idx="4055">
                  <c:v>0.71454657941451405</c:v>
                </c:pt>
                <c:pt idx="4056">
                  <c:v>0.65898085561010733</c:v>
                </c:pt>
                <c:pt idx="4057">
                  <c:v>0.65898085561010733</c:v>
                </c:pt>
                <c:pt idx="4058">
                  <c:v>0.65898085561010733</c:v>
                </c:pt>
                <c:pt idx="4059">
                  <c:v>0.65898085561010733</c:v>
                </c:pt>
                <c:pt idx="4060">
                  <c:v>0.65898085561010733</c:v>
                </c:pt>
                <c:pt idx="4061">
                  <c:v>0.85667511229313931</c:v>
                </c:pt>
                <c:pt idx="4062">
                  <c:v>0.95552224063465541</c:v>
                </c:pt>
                <c:pt idx="4063">
                  <c:v>0.98847128341516088</c:v>
                </c:pt>
                <c:pt idx="4064">
                  <c:v>0.98847128341516088</c:v>
                </c:pt>
                <c:pt idx="4065">
                  <c:v>1.0708438903664241</c:v>
                </c:pt>
                <c:pt idx="4066">
                  <c:v>1.1202674545371822</c:v>
                </c:pt>
                <c:pt idx="4067">
                  <c:v>1.3179617112202147</c:v>
                </c:pt>
                <c:pt idx="4068">
                  <c:v>1.3179617112202147</c:v>
                </c:pt>
                <c:pt idx="4069">
                  <c:v>1.3179617112202147</c:v>
                </c:pt>
                <c:pt idx="4070">
                  <c:v>1.3179617112202147</c:v>
                </c:pt>
                <c:pt idx="4071">
                  <c:v>1.3179617112202147</c:v>
                </c:pt>
                <c:pt idx="4072">
                  <c:v>1.3179617112202147</c:v>
                </c:pt>
                <c:pt idx="4073">
                  <c:v>1.3179617112202147</c:v>
                </c:pt>
                <c:pt idx="4074">
                  <c:v>1.3179617112202147</c:v>
                </c:pt>
                <c:pt idx="4075">
                  <c:v>1.1037929331469296</c:v>
                </c:pt>
                <c:pt idx="4076">
                  <c:v>0.90609867646389741</c:v>
                </c:pt>
                <c:pt idx="4077">
                  <c:v>0.65898085561010733</c:v>
                </c:pt>
                <c:pt idx="4078">
                  <c:v>0.65898085561010733</c:v>
                </c:pt>
                <c:pt idx="4079">
                  <c:v>0.65898085561010733</c:v>
                </c:pt>
                <c:pt idx="4080">
                  <c:v>0.58631875707552217</c:v>
                </c:pt>
                <c:pt idx="4081">
                  <c:v>0.65960860170996238</c:v>
                </c:pt>
                <c:pt idx="4082">
                  <c:v>0.65960860170996238</c:v>
                </c:pt>
                <c:pt idx="4083">
                  <c:v>0.65960860170996238</c:v>
                </c:pt>
                <c:pt idx="4084">
                  <c:v>0.65960860170996238</c:v>
                </c:pt>
                <c:pt idx="4085">
                  <c:v>0.85016219775950708</c:v>
                </c:pt>
                <c:pt idx="4086">
                  <c:v>0.98208391810149986</c:v>
                </c:pt>
                <c:pt idx="4087">
                  <c:v>0.98208391810149986</c:v>
                </c:pt>
                <c:pt idx="4088">
                  <c:v>0.98208391810149986</c:v>
                </c:pt>
                <c:pt idx="4089">
                  <c:v>1.0553737627359399</c:v>
                </c:pt>
                <c:pt idx="4090">
                  <c:v>1.1433215762972682</c:v>
                </c:pt>
                <c:pt idx="4091">
                  <c:v>1.3192172034199248</c:v>
                </c:pt>
                <c:pt idx="4092">
                  <c:v>1.3192172034199248</c:v>
                </c:pt>
                <c:pt idx="4093">
                  <c:v>1.3192172034199248</c:v>
                </c:pt>
                <c:pt idx="4094">
                  <c:v>1.3192172034199248</c:v>
                </c:pt>
                <c:pt idx="4095">
                  <c:v>1.3192172034199248</c:v>
                </c:pt>
                <c:pt idx="4096">
                  <c:v>1.3192172034199248</c:v>
                </c:pt>
                <c:pt idx="4097">
                  <c:v>1.3192172034199248</c:v>
                </c:pt>
                <c:pt idx="4098">
                  <c:v>1.3192172034199248</c:v>
                </c:pt>
                <c:pt idx="4099">
                  <c:v>1.0993476695166042</c:v>
                </c:pt>
                <c:pt idx="4100">
                  <c:v>0.87947813561328347</c:v>
                </c:pt>
                <c:pt idx="4101">
                  <c:v>0.65960860170996238</c:v>
                </c:pt>
                <c:pt idx="4102">
                  <c:v>0.65960860170996238</c:v>
                </c:pt>
                <c:pt idx="4103">
                  <c:v>0.65960860170996238</c:v>
                </c:pt>
                <c:pt idx="4104">
                  <c:v>0.65345287666436336</c:v>
                </c:pt>
                <c:pt idx="4105">
                  <c:v>0.65345287666436336</c:v>
                </c:pt>
                <c:pt idx="4106">
                  <c:v>0.65345287666436336</c:v>
                </c:pt>
                <c:pt idx="4107">
                  <c:v>0.65345287666436336</c:v>
                </c:pt>
                <c:pt idx="4108">
                  <c:v>0.65345287666436336</c:v>
                </c:pt>
                <c:pt idx="4109">
                  <c:v>0.84222815214517921</c:v>
                </c:pt>
                <c:pt idx="4110">
                  <c:v>0.97291872747805197</c:v>
                </c:pt>
                <c:pt idx="4111">
                  <c:v>0.97291872747805197</c:v>
                </c:pt>
                <c:pt idx="4112">
                  <c:v>0.97291872747805197</c:v>
                </c:pt>
                <c:pt idx="4113">
                  <c:v>1.0455246026629812</c:v>
                </c:pt>
                <c:pt idx="4114">
                  <c:v>1.1326516528848962</c:v>
                </c:pt>
                <c:pt idx="4115">
                  <c:v>1.3069057533287267</c:v>
                </c:pt>
                <c:pt idx="4116">
                  <c:v>1.3069057533287267</c:v>
                </c:pt>
                <c:pt idx="4117">
                  <c:v>1.3069057533287267</c:v>
                </c:pt>
                <c:pt idx="4118">
                  <c:v>1.3069057533287267</c:v>
                </c:pt>
                <c:pt idx="4119">
                  <c:v>1.3069057533287267</c:v>
                </c:pt>
                <c:pt idx="4120">
                  <c:v>1.3069057533287267</c:v>
                </c:pt>
                <c:pt idx="4121">
                  <c:v>1.3069057533287267</c:v>
                </c:pt>
                <c:pt idx="4122">
                  <c:v>1.3069057533287267</c:v>
                </c:pt>
                <c:pt idx="4123">
                  <c:v>1.0890881277739388</c:v>
                </c:pt>
                <c:pt idx="4124">
                  <c:v>0.87127050221915114</c:v>
                </c:pt>
                <c:pt idx="4125">
                  <c:v>0.65345287666436336</c:v>
                </c:pt>
                <c:pt idx="4126">
                  <c:v>0.65345287666436336</c:v>
                </c:pt>
                <c:pt idx="4127">
                  <c:v>0.65345287666436336</c:v>
                </c:pt>
                <c:pt idx="4128">
                  <c:v>0.74550733819075277</c:v>
                </c:pt>
                <c:pt idx="4129">
                  <c:v>0.74550733819075277</c:v>
                </c:pt>
                <c:pt idx="4130">
                  <c:v>0.74550733819075277</c:v>
                </c:pt>
                <c:pt idx="4131">
                  <c:v>0.74550733819075277</c:v>
                </c:pt>
                <c:pt idx="4132">
                  <c:v>0.74550733819075277</c:v>
                </c:pt>
                <c:pt idx="4133">
                  <c:v>0.9608761247791926</c:v>
                </c:pt>
                <c:pt idx="4134">
                  <c:v>1.15967808163006</c:v>
                </c:pt>
                <c:pt idx="4135">
                  <c:v>1.15967808163006</c:v>
                </c:pt>
                <c:pt idx="4136">
                  <c:v>1.15967808163006</c:v>
                </c:pt>
                <c:pt idx="4137">
                  <c:v>1.2425122303179215</c:v>
                </c:pt>
                <c:pt idx="4138">
                  <c:v>1.2922127195306383</c:v>
                </c:pt>
                <c:pt idx="4139">
                  <c:v>1.4910146763815055</c:v>
                </c:pt>
                <c:pt idx="4140">
                  <c:v>1.4910146763815055</c:v>
                </c:pt>
                <c:pt idx="4141">
                  <c:v>1.4910146763815055</c:v>
                </c:pt>
                <c:pt idx="4142">
                  <c:v>1.4910146763815055</c:v>
                </c:pt>
                <c:pt idx="4143">
                  <c:v>1.2425122303179215</c:v>
                </c:pt>
                <c:pt idx="4144">
                  <c:v>1.1762449113676323</c:v>
                </c:pt>
                <c:pt idx="4145">
                  <c:v>1.1762449113676323</c:v>
                </c:pt>
                <c:pt idx="4146">
                  <c:v>1.1762449113676323</c:v>
                </c:pt>
                <c:pt idx="4147">
                  <c:v>1.1762449113676323</c:v>
                </c:pt>
                <c:pt idx="4148">
                  <c:v>0.91117563556647563</c:v>
                </c:pt>
                <c:pt idx="4149">
                  <c:v>0.34790342448901801</c:v>
                </c:pt>
                <c:pt idx="4150">
                  <c:v>0.34790342448901801</c:v>
                </c:pt>
                <c:pt idx="4151">
                  <c:v>0.34790342448901801</c:v>
                </c:pt>
                <c:pt idx="4152">
                  <c:v>0.17331417704091129</c:v>
                </c:pt>
                <c:pt idx="4153">
                  <c:v>0.33837529803225547</c:v>
                </c:pt>
                <c:pt idx="4154">
                  <c:v>0.33837529803225547</c:v>
                </c:pt>
                <c:pt idx="4155">
                  <c:v>0.33837529803225547</c:v>
                </c:pt>
                <c:pt idx="4156">
                  <c:v>0.33837529803225547</c:v>
                </c:pt>
                <c:pt idx="4157">
                  <c:v>0.42090585852792745</c:v>
                </c:pt>
                <c:pt idx="4158">
                  <c:v>0.52819558717230108</c:v>
                </c:pt>
                <c:pt idx="4159">
                  <c:v>0.60247309161840601</c:v>
                </c:pt>
                <c:pt idx="4160">
                  <c:v>0.60247309161840601</c:v>
                </c:pt>
                <c:pt idx="4161">
                  <c:v>0.60247309161840601</c:v>
                </c:pt>
                <c:pt idx="4162">
                  <c:v>0.60247309161840601</c:v>
                </c:pt>
                <c:pt idx="4163">
                  <c:v>0.60247309161840601</c:v>
                </c:pt>
                <c:pt idx="4164">
                  <c:v>0.60247309161840601</c:v>
                </c:pt>
                <c:pt idx="4165">
                  <c:v>0.60247309161840601</c:v>
                </c:pt>
                <c:pt idx="4166">
                  <c:v>0.60247309161840601</c:v>
                </c:pt>
                <c:pt idx="4167">
                  <c:v>0.54470169927143552</c:v>
                </c:pt>
                <c:pt idx="4168">
                  <c:v>0.49518336297403232</c:v>
                </c:pt>
                <c:pt idx="4169">
                  <c:v>0.44566502667662911</c:v>
                </c:pt>
                <c:pt idx="4170">
                  <c:v>0.42915891457749461</c:v>
                </c:pt>
                <c:pt idx="4171">
                  <c:v>0.34662835408182258</c:v>
                </c:pt>
                <c:pt idx="4172">
                  <c:v>0.25584473753658332</c:v>
                </c:pt>
                <c:pt idx="4173">
                  <c:v>0.25584473753658332</c:v>
                </c:pt>
                <c:pt idx="4174">
                  <c:v>0.25584473753658332</c:v>
                </c:pt>
                <c:pt idx="4175">
                  <c:v>0.25584473753658332</c:v>
                </c:pt>
                <c:pt idx="4176">
                  <c:v>0.23567473985002271</c:v>
                </c:pt>
                <c:pt idx="4177">
                  <c:v>0.27368679466454249</c:v>
                </c:pt>
                <c:pt idx="4178">
                  <c:v>0.27368679466454249</c:v>
                </c:pt>
                <c:pt idx="4179">
                  <c:v>0.27368679466454249</c:v>
                </c:pt>
                <c:pt idx="4180">
                  <c:v>0.27368679466454249</c:v>
                </c:pt>
                <c:pt idx="4181">
                  <c:v>0.34210849333067811</c:v>
                </c:pt>
                <c:pt idx="4182">
                  <c:v>0.4029277810339098</c:v>
                </c:pt>
                <c:pt idx="4183">
                  <c:v>0.4789518906629493</c:v>
                </c:pt>
                <c:pt idx="4184">
                  <c:v>0.4789518906629493</c:v>
                </c:pt>
                <c:pt idx="4185">
                  <c:v>0.4789518906629493</c:v>
                </c:pt>
                <c:pt idx="4186">
                  <c:v>0.4789518906629493</c:v>
                </c:pt>
                <c:pt idx="4187">
                  <c:v>0.4789518906629493</c:v>
                </c:pt>
                <c:pt idx="4188">
                  <c:v>0.4789518906629493</c:v>
                </c:pt>
                <c:pt idx="4189">
                  <c:v>0.4789518906629493</c:v>
                </c:pt>
                <c:pt idx="4190">
                  <c:v>0.4789518906629493</c:v>
                </c:pt>
                <c:pt idx="4191">
                  <c:v>0.4257350139226217</c:v>
                </c:pt>
                <c:pt idx="4192">
                  <c:v>0.41813260295971766</c:v>
                </c:pt>
                <c:pt idx="4193">
                  <c:v>0.35731331525648602</c:v>
                </c:pt>
                <c:pt idx="4194">
                  <c:v>0.33450608236777418</c:v>
                </c:pt>
                <c:pt idx="4195">
                  <c:v>0.28128920562744647</c:v>
                </c:pt>
                <c:pt idx="4196">
                  <c:v>0.23567473985002271</c:v>
                </c:pt>
                <c:pt idx="4197">
                  <c:v>0.20526509599840689</c:v>
                </c:pt>
                <c:pt idx="4198">
                  <c:v>0.20526509599840689</c:v>
                </c:pt>
                <c:pt idx="4199">
                  <c:v>0.20526509599840689</c:v>
                </c:pt>
                <c:pt idx="4200">
                  <c:v>0.22776282993142402</c:v>
                </c:pt>
                <c:pt idx="4201">
                  <c:v>0.22776282993142402</c:v>
                </c:pt>
                <c:pt idx="4202">
                  <c:v>0.22776282993142402</c:v>
                </c:pt>
                <c:pt idx="4203">
                  <c:v>0.22776282993142402</c:v>
                </c:pt>
                <c:pt idx="4204">
                  <c:v>0.22776282993142402</c:v>
                </c:pt>
                <c:pt idx="4205">
                  <c:v>0.98697226303617092</c:v>
                </c:pt>
                <c:pt idx="4206">
                  <c:v>1.1198339138295015</c:v>
                </c:pt>
                <c:pt idx="4207">
                  <c:v>1.1198339138295015</c:v>
                </c:pt>
                <c:pt idx="4208">
                  <c:v>1.1198339138295015</c:v>
                </c:pt>
                <c:pt idx="4209">
                  <c:v>1.1957548571399763</c:v>
                </c:pt>
                <c:pt idx="4210">
                  <c:v>1.1957548571399763</c:v>
                </c:pt>
                <c:pt idx="4211">
                  <c:v>1.5184188662094937</c:v>
                </c:pt>
                <c:pt idx="4212">
                  <c:v>1.5184188662094937</c:v>
                </c:pt>
                <c:pt idx="4213">
                  <c:v>1.0059524988637896</c:v>
                </c:pt>
                <c:pt idx="4214">
                  <c:v>1.5184188662094937</c:v>
                </c:pt>
                <c:pt idx="4215">
                  <c:v>1.5184188662094937</c:v>
                </c:pt>
                <c:pt idx="4216">
                  <c:v>1.5184188662094937</c:v>
                </c:pt>
                <c:pt idx="4217">
                  <c:v>1.5184188662094937</c:v>
                </c:pt>
                <c:pt idx="4218">
                  <c:v>1.5184188662094937</c:v>
                </c:pt>
                <c:pt idx="4219">
                  <c:v>1.2716758004504509</c:v>
                </c:pt>
                <c:pt idx="4220">
                  <c:v>1.0439129705190267</c:v>
                </c:pt>
                <c:pt idx="4221">
                  <c:v>0.75920943310474687</c:v>
                </c:pt>
                <c:pt idx="4222">
                  <c:v>0.72124896144950945</c:v>
                </c:pt>
                <c:pt idx="4223">
                  <c:v>0.72124896144950945</c:v>
                </c:pt>
                <c:pt idx="4224">
                  <c:v>0.64249770736742284</c:v>
                </c:pt>
                <c:pt idx="4225">
                  <c:v>0.64249770736742284</c:v>
                </c:pt>
                <c:pt idx="4226">
                  <c:v>0.64249770736742284</c:v>
                </c:pt>
                <c:pt idx="4227">
                  <c:v>0.64249770736742284</c:v>
                </c:pt>
                <c:pt idx="4228">
                  <c:v>0.64249770736742284</c:v>
                </c:pt>
                <c:pt idx="4229">
                  <c:v>0.83524701957764946</c:v>
                </c:pt>
                <c:pt idx="4230">
                  <c:v>0.93162167568276288</c:v>
                </c:pt>
                <c:pt idx="4231">
                  <c:v>0.96374656105113421</c:v>
                </c:pt>
                <c:pt idx="4232">
                  <c:v>0.96374656105113421</c:v>
                </c:pt>
                <c:pt idx="4233">
                  <c:v>1.044058774472062</c:v>
                </c:pt>
                <c:pt idx="4234">
                  <c:v>1.0922461025246186</c:v>
                </c:pt>
                <c:pt idx="4235">
                  <c:v>1.2849954147348457</c:v>
                </c:pt>
                <c:pt idx="4236">
                  <c:v>1.2849954147348457</c:v>
                </c:pt>
                <c:pt idx="4237">
                  <c:v>1.2849954147348457</c:v>
                </c:pt>
                <c:pt idx="4238">
                  <c:v>1.2849954147348457</c:v>
                </c:pt>
                <c:pt idx="4239">
                  <c:v>1.2849954147348457</c:v>
                </c:pt>
                <c:pt idx="4240">
                  <c:v>1.2849954147348457</c:v>
                </c:pt>
                <c:pt idx="4241">
                  <c:v>1.2849954147348457</c:v>
                </c:pt>
                <c:pt idx="4242">
                  <c:v>1.2849954147348457</c:v>
                </c:pt>
                <c:pt idx="4243">
                  <c:v>1.0761836598404331</c:v>
                </c:pt>
                <c:pt idx="4244">
                  <c:v>0.88343434763020634</c:v>
                </c:pt>
                <c:pt idx="4245">
                  <c:v>0.64249770736742284</c:v>
                </c:pt>
                <c:pt idx="4246">
                  <c:v>0.64249770736742284</c:v>
                </c:pt>
                <c:pt idx="4247">
                  <c:v>0.64249770736742284</c:v>
                </c:pt>
                <c:pt idx="4248">
                  <c:v>0.6019498772338584</c:v>
                </c:pt>
                <c:pt idx="4249">
                  <c:v>0.67719361188809069</c:v>
                </c:pt>
                <c:pt idx="4250">
                  <c:v>0.67719361188809069</c:v>
                </c:pt>
                <c:pt idx="4251">
                  <c:v>0.67719361188809069</c:v>
                </c:pt>
                <c:pt idx="4252">
                  <c:v>0.67719361188809069</c:v>
                </c:pt>
                <c:pt idx="4253">
                  <c:v>0.87282732198909463</c:v>
                </c:pt>
                <c:pt idx="4254">
                  <c:v>1.0082660443667129</c:v>
                </c:pt>
                <c:pt idx="4255">
                  <c:v>1.0082660443667129</c:v>
                </c:pt>
                <c:pt idx="4256">
                  <c:v>1.0082660443667129</c:v>
                </c:pt>
                <c:pt idx="4257">
                  <c:v>1.0835097790209451</c:v>
                </c:pt>
                <c:pt idx="4258">
                  <c:v>1.1738022606060239</c:v>
                </c:pt>
                <c:pt idx="4259">
                  <c:v>1.3543872237761814</c:v>
                </c:pt>
                <c:pt idx="4260">
                  <c:v>1.3543872237761814</c:v>
                </c:pt>
                <c:pt idx="4261">
                  <c:v>1.3543872237761814</c:v>
                </c:pt>
                <c:pt idx="4262">
                  <c:v>1.3543872237761814</c:v>
                </c:pt>
                <c:pt idx="4263">
                  <c:v>1.3543872237761814</c:v>
                </c:pt>
                <c:pt idx="4264">
                  <c:v>1.3543872237761814</c:v>
                </c:pt>
                <c:pt idx="4265">
                  <c:v>1.3543872237761814</c:v>
                </c:pt>
                <c:pt idx="4266">
                  <c:v>1.3543872237761814</c:v>
                </c:pt>
                <c:pt idx="4267">
                  <c:v>1.1286560198134843</c:v>
                </c:pt>
                <c:pt idx="4268">
                  <c:v>0.90292481585078765</c:v>
                </c:pt>
                <c:pt idx="4269">
                  <c:v>0.67719361188809069</c:v>
                </c:pt>
                <c:pt idx="4270">
                  <c:v>0.67719361188809069</c:v>
                </c:pt>
                <c:pt idx="4271">
                  <c:v>0.67719361188809069</c:v>
                </c:pt>
                <c:pt idx="4272">
                  <c:v>0.6709837458013026</c:v>
                </c:pt>
                <c:pt idx="4273">
                  <c:v>0.6709837458013026</c:v>
                </c:pt>
                <c:pt idx="4274">
                  <c:v>0.6709837458013026</c:v>
                </c:pt>
                <c:pt idx="4275">
                  <c:v>0.6709837458013026</c:v>
                </c:pt>
                <c:pt idx="4276">
                  <c:v>0.6709837458013026</c:v>
                </c:pt>
                <c:pt idx="4277">
                  <c:v>0.86482349458834562</c:v>
                </c:pt>
                <c:pt idx="4278">
                  <c:v>0.99902024374860621</c:v>
                </c:pt>
                <c:pt idx="4279">
                  <c:v>0.99902024374860621</c:v>
                </c:pt>
                <c:pt idx="4280">
                  <c:v>0.99902024374860621</c:v>
                </c:pt>
                <c:pt idx="4281">
                  <c:v>1.0735739932820845</c:v>
                </c:pt>
                <c:pt idx="4282">
                  <c:v>1.1630384927222579</c:v>
                </c:pt>
                <c:pt idx="4283">
                  <c:v>1.3419674916026052</c:v>
                </c:pt>
                <c:pt idx="4284">
                  <c:v>1.3419674916026052</c:v>
                </c:pt>
                <c:pt idx="4285">
                  <c:v>1.3419674916026052</c:v>
                </c:pt>
                <c:pt idx="4286">
                  <c:v>1.3419674916026052</c:v>
                </c:pt>
                <c:pt idx="4287">
                  <c:v>1.3419674916026052</c:v>
                </c:pt>
                <c:pt idx="4288">
                  <c:v>1.3419674916026052</c:v>
                </c:pt>
                <c:pt idx="4289">
                  <c:v>1.3419674916026052</c:v>
                </c:pt>
                <c:pt idx="4290">
                  <c:v>1.3419674916026052</c:v>
                </c:pt>
                <c:pt idx="4291">
                  <c:v>1.1183062430021711</c:v>
                </c:pt>
                <c:pt idx="4292">
                  <c:v>0.89464499440173695</c:v>
                </c:pt>
                <c:pt idx="4293">
                  <c:v>0.6709837458013026</c:v>
                </c:pt>
                <c:pt idx="4294">
                  <c:v>0.6709837458013026</c:v>
                </c:pt>
                <c:pt idx="4295">
                  <c:v>0.6709837458013026</c:v>
                </c:pt>
                <c:pt idx="4296">
                  <c:v>0.76301108805847084</c:v>
                </c:pt>
                <c:pt idx="4297">
                  <c:v>0.76301108805847084</c:v>
                </c:pt>
                <c:pt idx="4298">
                  <c:v>0.76301108805847084</c:v>
                </c:pt>
                <c:pt idx="4299">
                  <c:v>0.76301108805847084</c:v>
                </c:pt>
                <c:pt idx="4300">
                  <c:v>0.76301108805847084</c:v>
                </c:pt>
                <c:pt idx="4301">
                  <c:v>0.98343651349758476</c:v>
                </c:pt>
                <c:pt idx="4302">
                  <c:v>1.1869061369798437</c:v>
                </c:pt>
                <c:pt idx="4303">
                  <c:v>1.1869061369798437</c:v>
                </c:pt>
                <c:pt idx="4304">
                  <c:v>1.1869061369798437</c:v>
                </c:pt>
                <c:pt idx="4305">
                  <c:v>1.2716851467641181</c:v>
                </c:pt>
                <c:pt idx="4306">
                  <c:v>1.3225525526346829</c:v>
                </c:pt>
                <c:pt idx="4307">
                  <c:v>1.5260221761169417</c:v>
                </c:pt>
                <c:pt idx="4308">
                  <c:v>1.5260221761169417</c:v>
                </c:pt>
                <c:pt idx="4309">
                  <c:v>1.5260221761169417</c:v>
                </c:pt>
                <c:pt idx="4310">
                  <c:v>1.5260221761169417</c:v>
                </c:pt>
                <c:pt idx="4311">
                  <c:v>1.2716851467641181</c:v>
                </c:pt>
                <c:pt idx="4312">
                  <c:v>1.2038619389366987</c:v>
                </c:pt>
                <c:pt idx="4313">
                  <c:v>1.2038619389366987</c:v>
                </c:pt>
                <c:pt idx="4314">
                  <c:v>1.2038619389366987</c:v>
                </c:pt>
                <c:pt idx="4315">
                  <c:v>1.2038619389366987</c:v>
                </c:pt>
                <c:pt idx="4316">
                  <c:v>0.93256910762702006</c:v>
                </c:pt>
                <c:pt idx="4317">
                  <c:v>0.35607184109395307</c:v>
                </c:pt>
                <c:pt idx="4318">
                  <c:v>0.35607184109395307</c:v>
                </c:pt>
                <c:pt idx="4319">
                  <c:v>0.35607184109395307</c:v>
                </c:pt>
                <c:pt idx="4320">
                  <c:v>0.16655268193812481</c:v>
                </c:pt>
                <c:pt idx="4321">
                  <c:v>0.32517428378395802</c:v>
                </c:pt>
                <c:pt idx="4322">
                  <c:v>0.32517428378395802</c:v>
                </c:pt>
                <c:pt idx="4323">
                  <c:v>0.32517428378395802</c:v>
                </c:pt>
                <c:pt idx="4324">
                  <c:v>0.32517428378395802</c:v>
                </c:pt>
                <c:pt idx="4325">
                  <c:v>0.40448508470687455</c:v>
                </c:pt>
                <c:pt idx="4326">
                  <c:v>0.50758912590666605</c:v>
                </c:pt>
                <c:pt idx="4327">
                  <c:v>0.57896884673729099</c:v>
                </c:pt>
                <c:pt idx="4328">
                  <c:v>0.57896884673729099</c:v>
                </c:pt>
                <c:pt idx="4329">
                  <c:v>0.57896884673729099</c:v>
                </c:pt>
                <c:pt idx="4330">
                  <c:v>0.57896884673729099</c:v>
                </c:pt>
                <c:pt idx="4331">
                  <c:v>0.57896884673729099</c:v>
                </c:pt>
                <c:pt idx="4332">
                  <c:v>0.57896884673729099</c:v>
                </c:pt>
                <c:pt idx="4333">
                  <c:v>0.57896884673729099</c:v>
                </c:pt>
                <c:pt idx="4334">
                  <c:v>0.57896884673729099</c:v>
                </c:pt>
                <c:pt idx="4335">
                  <c:v>0.52345128609124936</c:v>
                </c:pt>
                <c:pt idx="4336">
                  <c:v>0.47586480553749949</c:v>
                </c:pt>
                <c:pt idx="4337">
                  <c:v>0.42827832498374951</c:v>
                </c:pt>
                <c:pt idx="4338">
                  <c:v>0.41241616479916615</c:v>
                </c:pt>
                <c:pt idx="4339">
                  <c:v>0.33310536387624962</c:v>
                </c:pt>
                <c:pt idx="4340">
                  <c:v>0.2458634828610414</c:v>
                </c:pt>
                <c:pt idx="4341">
                  <c:v>0.2458634828610414</c:v>
                </c:pt>
                <c:pt idx="4342">
                  <c:v>0.2458634828610414</c:v>
                </c:pt>
                <c:pt idx="4343">
                  <c:v>0.2458634828610414</c:v>
                </c:pt>
                <c:pt idx="4344">
                  <c:v>0.27294769772274668</c:v>
                </c:pt>
                <c:pt idx="4345">
                  <c:v>0.3169715199360929</c:v>
                </c:pt>
                <c:pt idx="4346">
                  <c:v>0.3169715199360929</c:v>
                </c:pt>
                <c:pt idx="4347">
                  <c:v>0.3169715199360929</c:v>
                </c:pt>
                <c:pt idx="4348">
                  <c:v>0.3169715199360929</c:v>
                </c:pt>
                <c:pt idx="4349">
                  <c:v>0.39621439992011609</c:v>
                </c:pt>
                <c:pt idx="4350">
                  <c:v>0.46665251546147007</c:v>
                </c:pt>
                <c:pt idx="4351">
                  <c:v>0.55470015988816257</c:v>
                </c:pt>
                <c:pt idx="4352">
                  <c:v>0.55470015988816257</c:v>
                </c:pt>
                <c:pt idx="4353">
                  <c:v>0.55470015988816257</c:v>
                </c:pt>
                <c:pt idx="4354">
                  <c:v>0.55470015988816257</c:v>
                </c:pt>
                <c:pt idx="4355">
                  <c:v>0.55470015988816257</c:v>
                </c:pt>
                <c:pt idx="4356">
                  <c:v>0.55470015988816257</c:v>
                </c:pt>
                <c:pt idx="4357">
                  <c:v>0.55470015988816257</c:v>
                </c:pt>
                <c:pt idx="4358">
                  <c:v>0.55470015988816257</c:v>
                </c:pt>
                <c:pt idx="4359">
                  <c:v>0.49306680878947784</c:v>
                </c:pt>
                <c:pt idx="4360">
                  <c:v>0.48426204434680858</c:v>
                </c:pt>
                <c:pt idx="4361">
                  <c:v>0.4138239288054546</c:v>
                </c:pt>
                <c:pt idx="4362">
                  <c:v>0.38740963547744689</c:v>
                </c:pt>
                <c:pt idx="4363">
                  <c:v>0.32577628437876216</c:v>
                </c:pt>
                <c:pt idx="4364">
                  <c:v>0.27294769772274668</c:v>
                </c:pt>
                <c:pt idx="4365">
                  <c:v>0.23772863995206969</c:v>
                </c:pt>
                <c:pt idx="4366">
                  <c:v>0.23772863995206969</c:v>
                </c:pt>
                <c:pt idx="4367">
                  <c:v>0.23772863995206969</c:v>
                </c:pt>
                <c:pt idx="4368">
                  <c:v>0.23217229179655272</c:v>
                </c:pt>
                <c:pt idx="4369">
                  <c:v>0.23217229179655272</c:v>
                </c:pt>
                <c:pt idx="4370">
                  <c:v>0.23217229179655272</c:v>
                </c:pt>
                <c:pt idx="4371">
                  <c:v>0.23217229179655272</c:v>
                </c:pt>
                <c:pt idx="4372">
                  <c:v>0.23217229179655272</c:v>
                </c:pt>
                <c:pt idx="4373">
                  <c:v>1.006079931118395</c:v>
                </c:pt>
                <c:pt idx="4374">
                  <c:v>1.1415137679997176</c:v>
                </c:pt>
                <c:pt idx="4375">
                  <c:v>1.1415137679997176</c:v>
                </c:pt>
                <c:pt idx="4376">
                  <c:v>1.1415137679997176</c:v>
                </c:pt>
                <c:pt idx="4377">
                  <c:v>1.2189045319319018</c:v>
                </c:pt>
                <c:pt idx="4378">
                  <c:v>1.2189045319319018</c:v>
                </c:pt>
                <c:pt idx="4379">
                  <c:v>1.547815278643685</c:v>
                </c:pt>
                <c:pt idx="4380">
                  <c:v>1.547815278643685</c:v>
                </c:pt>
                <c:pt idx="4381">
                  <c:v>1.0254276221014409</c:v>
                </c:pt>
                <c:pt idx="4382">
                  <c:v>1.547815278643685</c:v>
                </c:pt>
                <c:pt idx="4383">
                  <c:v>1.547815278643685</c:v>
                </c:pt>
                <c:pt idx="4384">
                  <c:v>1.547815278643685</c:v>
                </c:pt>
                <c:pt idx="4385">
                  <c:v>1.547815278643685</c:v>
                </c:pt>
                <c:pt idx="4386">
                  <c:v>1.547815278643685</c:v>
                </c:pt>
                <c:pt idx="4387">
                  <c:v>1.2962952958640859</c:v>
                </c:pt>
                <c:pt idx="4388">
                  <c:v>1.0641230040675331</c:v>
                </c:pt>
                <c:pt idx="4389">
                  <c:v>0.77390763932184248</c:v>
                </c:pt>
                <c:pt idx="4390">
                  <c:v>0.73521225735575024</c:v>
                </c:pt>
                <c:pt idx="4391">
                  <c:v>0.73521225735575024</c:v>
                </c:pt>
                <c:pt idx="4392">
                  <c:v>0.69297734886064344</c:v>
                </c:pt>
                <c:pt idx="4393">
                  <c:v>0.69297734886064344</c:v>
                </c:pt>
                <c:pt idx="4394">
                  <c:v>0.69297734886064344</c:v>
                </c:pt>
                <c:pt idx="4395">
                  <c:v>0.69297734886064344</c:v>
                </c:pt>
                <c:pt idx="4396">
                  <c:v>0.69297734886064344</c:v>
                </c:pt>
                <c:pt idx="4397">
                  <c:v>0.9008705535188366</c:v>
                </c:pt>
                <c:pt idx="4398">
                  <c:v>1.0048171558479329</c:v>
                </c:pt>
                <c:pt idx="4399">
                  <c:v>1.0394660232909654</c:v>
                </c:pt>
                <c:pt idx="4400">
                  <c:v>1.0394660232909654</c:v>
                </c:pt>
                <c:pt idx="4401">
                  <c:v>1.1260881918985457</c:v>
                </c:pt>
                <c:pt idx="4402">
                  <c:v>1.1780614930630939</c:v>
                </c:pt>
                <c:pt idx="4403">
                  <c:v>1.3859546977212869</c:v>
                </c:pt>
                <c:pt idx="4404">
                  <c:v>1.3859546977212869</c:v>
                </c:pt>
                <c:pt idx="4405">
                  <c:v>1.3859546977212869</c:v>
                </c:pt>
                <c:pt idx="4406">
                  <c:v>1.3859546977212869</c:v>
                </c:pt>
                <c:pt idx="4407">
                  <c:v>1.3859546977212869</c:v>
                </c:pt>
                <c:pt idx="4408">
                  <c:v>1.3859546977212869</c:v>
                </c:pt>
                <c:pt idx="4409">
                  <c:v>1.3859546977212869</c:v>
                </c:pt>
                <c:pt idx="4410">
                  <c:v>1.3859546977212869</c:v>
                </c:pt>
                <c:pt idx="4411">
                  <c:v>1.1607370593415778</c:v>
                </c:pt>
                <c:pt idx="4412">
                  <c:v>0.95284385468338473</c:v>
                </c:pt>
                <c:pt idx="4413">
                  <c:v>0.69297734886064344</c:v>
                </c:pt>
                <c:pt idx="4414">
                  <c:v>0.69297734886064344</c:v>
                </c:pt>
                <c:pt idx="4415">
                  <c:v>0.69297734886064344</c:v>
                </c:pt>
                <c:pt idx="4416">
                  <c:v>0.62769525161229456</c:v>
                </c:pt>
                <c:pt idx="4417">
                  <c:v>0.70615715806383128</c:v>
                </c:pt>
                <c:pt idx="4418">
                  <c:v>0.70615715806383128</c:v>
                </c:pt>
                <c:pt idx="4419">
                  <c:v>0.70615715806383128</c:v>
                </c:pt>
                <c:pt idx="4420">
                  <c:v>0.70615715806383128</c:v>
                </c:pt>
                <c:pt idx="4421">
                  <c:v>0.91015811483782694</c:v>
                </c:pt>
                <c:pt idx="4422">
                  <c:v>1.0513895464505933</c:v>
                </c:pt>
                <c:pt idx="4423">
                  <c:v>1.0513895464505933</c:v>
                </c:pt>
                <c:pt idx="4424">
                  <c:v>1.0513895464505933</c:v>
                </c:pt>
                <c:pt idx="4425">
                  <c:v>1.1298514529021302</c:v>
                </c:pt>
                <c:pt idx="4426">
                  <c:v>1.2240057406439744</c:v>
                </c:pt>
                <c:pt idx="4427">
                  <c:v>1.4123143161276626</c:v>
                </c:pt>
                <c:pt idx="4428">
                  <c:v>1.4123143161276626</c:v>
                </c:pt>
                <c:pt idx="4429">
                  <c:v>1.4123143161276626</c:v>
                </c:pt>
                <c:pt idx="4430">
                  <c:v>1.4123143161276626</c:v>
                </c:pt>
                <c:pt idx="4431">
                  <c:v>1.4123143161276626</c:v>
                </c:pt>
                <c:pt idx="4432">
                  <c:v>1.4123143161276626</c:v>
                </c:pt>
                <c:pt idx="4433">
                  <c:v>1.4123143161276626</c:v>
                </c:pt>
                <c:pt idx="4434">
                  <c:v>1.4123143161276626</c:v>
                </c:pt>
                <c:pt idx="4435">
                  <c:v>1.1769285967730523</c:v>
                </c:pt>
                <c:pt idx="4436">
                  <c:v>0.94154287741844189</c:v>
                </c:pt>
                <c:pt idx="4437">
                  <c:v>0.70615715806383128</c:v>
                </c:pt>
                <c:pt idx="4438">
                  <c:v>0.70615715806383128</c:v>
                </c:pt>
                <c:pt idx="4439">
                  <c:v>0.70615715806383128</c:v>
                </c:pt>
                <c:pt idx="4440">
                  <c:v>0.68748338734195158</c:v>
                </c:pt>
                <c:pt idx="4441">
                  <c:v>0.68748338734195158</c:v>
                </c:pt>
                <c:pt idx="4442">
                  <c:v>0.68748338734195158</c:v>
                </c:pt>
                <c:pt idx="4443">
                  <c:v>0.68748338734195158</c:v>
                </c:pt>
                <c:pt idx="4444">
                  <c:v>0.68748338734195158</c:v>
                </c:pt>
                <c:pt idx="4445">
                  <c:v>0.88608969924073744</c:v>
                </c:pt>
                <c:pt idx="4446">
                  <c:v>1.0235863767091278</c:v>
                </c:pt>
                <c:pt idx="4447">
                  <c:v>1.0235863767091278</c:v>
                </c:pt>
                <c:pt idx="4448">
                  <c:v>1.0235863767091278</c:v>
                </c:pt>
                <c:pt idx="4449">
                  <c:v>1.0999734197471225</c:v>
                </c:pt>
                <c:pt idx="4450">
                  <c:v>1.191637871392716</c:v>
                </c:pt>
                <c:pt idx="4451">
                  <c:v>1.3749667746839032</c:v>
                </c:pt>
                <c:pt idx="4452">
                  <c:v>1.3749667746839032</c:v>
                </c:pt>
                <c:pt idx="4453">
                  <c:v>1.3749667746839032</c:v>
                </c:pt>
                <c:pt idx="4454">
                  <c:v>1.3749667746839032</c:v>
                </c:pt>
                <c:pt idx="4455">
                  <c:v>1.3749667746839032</c:v>
                </c:pt>
                <c:pt idx="4456">
                  <c:v>1.3749667746839032</c:v>
                </c:pt>
                <c:pt idx="4457">
                  <c:v>1.3749667746839032</c:v>
                </c:pt>
                <c:pt idx="4458">
                  <c:v>1.3749667746839032</c:v>
                </c:pt>
                <c:pt idx="4459">
                  <c:v>1.1458056455699193</c:v>
                </c:pt>
                <c:pt idx="4460">
                  <c:v>0.91664451645593548</c:v>
                </c:pt>
                <c:pt idx="4461">
                  <c:v>0.68748338734195158</c:v>
                </c:pt>
                <c:pt idx="4462">
                  <c:v>0.68748338734195158</c:v>
                </c:pt>
                <c:pt idx="4463">
                  <c:v>0.68748338734195158</c:v>
                </c:pt>
                <c:pt idx="4464">
                  <c:v>0.74945979783830197</c:v>
                </c:pt>
                <c:pt idx="4465">
                  <c:v>0.74945979783830197</c:v>
                </c:pt>
                <c:pt idx="4466">
                  <c:v>0.74945979783830197</c:v>
                </c:pt>
                <c:pt idx="4467">
                  <c:v>0.74945979783830197</c:v>
                </c:pt>
                <c:pt idx="4468">
                  <c:v>0.74945979783830197</c:v>
                </c:pt>
                <c:pt idx="4469">
                  <c:v>0.96597040610270035</c:v>
                </c:pt>
                <c:pt idx="4470">
                  <c:v>1.1658263521929144</c:v>
                </c:pt>
                <c:pt idx="4471">
                  <c:v>1.1658263521929144</c:v>
                </c:pt>
                <c:pt idx="4472">
                  <c:v>1.1658263521929144</c:v>
                </c:pt>
                <c:pt idx="4473">
                  <c:v>1.2490996630638369</c:v>
                </c:pt>
                <c:pt idx="4474">
                  <c:v>1.2990636495863903</c:v>
                </c:pt>
                <c:pt idx="4475">
                  <c:v>1.4989195956766039</c:v>
                </c:pt>
                <c:pt idx="4476">
                  <c:v>1.4989195956766039</c:v>
                </c:pt>
                <c:pt idx="4477">
                  <c:v>1.4989195956766039</c:v>
                </c:pt>
                <c:pt idx="4478">
                  <c:v>1.4989195956766039</c:v>
                </c:pt>
                <c:pt idx="4479">
                  <c:v>1.2490996630638369</c:v>
                </c:pt>
                <c:pt idx="4480">
                  <c:v>1.182481014367099</c:v>
                </c:pt>
                <c:pt idx="4481">
                  <c:v>1.182481014367099</c:v>
                </c:pt>
                <c:pt idx="4482">
                  <c:v>1.182481014367099</c:v>
                </c:pt>
                <c:pt idx="4483">
                  <c:v>1.182481014367099</c:v>
                </c:pt>
                <c:pt idx="4484">
                  <c:v>0.91600641958014684</c:v>
                </c:pt>
                <c:pt idx="4485">
                  <c:v>0.34974790565787428</c:v>
                </c:pt>
                <c:pt idx="4486">
                  <c:v>0.34974790565787428</c:v>
                </c:pt>
                <c:pt idx="4487">
                  <c:v>0.34974790565787428</c:v>
                </c:pt>
                <c:pt idx="4488">
                  <c:v>0.13559750688949238</c:v>
                </c:pt>
                <c:pt idx="4489">
                  <c:v>0.26473798964138989</c:v>
                </c:pt>
                <c:pt idx="4490">
                  <c:v>0.26473798964138989</c:v>
                </c:pt>
                <c:pt idx="4491">
                  <c:v>0.26473798964138989</c:v>
                </c:pt>
                <c:pt idx="4492">
                  <c:v>0.26473798964138989</c:v>
                </c:pt>
                <c:pt idx="4493">
                  <c:v>0.32930823101733864</c:v>
                </c:pt>
                <c:pt idx="4494">
                  <c:v>0.41324954480607201</c:v>
                </c:pt>
                <c:pt idx="4495">
                  <c:v>0.47136276204442584</c:v>
                </c:pt>
                <c:pt idx="4496">
                  <c:v>0.47136276204442584</c:v>
                </c:pt>
                <c:pt idx="4497">
                  <c:v>0.47136276204442584</c:v>
                </c:pt>
                <c:pt idx="4498">
                  <c:v>0.47136276204442584</c:v>
                </c:pt>
                <c:pt idx="4499">
                  <c:v>0.47136276204442584</c:v>
                </c:pt>
                <c:pt idx="4500">
                  <c:v>0.47136276204442584</c:v>
                </c:pt>
                <c:pt idx="4501">
                  <c:v>0.47136276204442584</c:v>
                </c:pt>
                <c:pt idx="4502">
                  <c:v>0.47136276204442584</c:v>
                </c:pt>
                <c:pt idx="4503">
                  <c:v>0.42616359308126178</c:v>
                </c:pt>
                <c:pt idx="4504">
                  <c:v>0.38742144825569247</c:v>
                </c:pt>
                <c:pt idx="4505">
                  <c:v>0.34867930343012332</c:v>
                </c:pt>
                <c:pt idx="4506">
                  <c:v>0.3357652551549335</c:v>
                </c:pt>
                <c:pt idx="4507">
                  <c:v>0.27119501377898475</c:v>
                </c:pt>
                <c:pt idx="4508">
                  <c:v>0.20016774826544112</c:v>
                </c:pt>
                <c:pt idx="4509">
                  <c:v>0.20016774826544112</c:v>
                </c:pt>
                <c:pt idx="4510">
                  <c:v>0.20016774826544112</c:v>
                </c:pt>
                <c:pt idx="4511">
                  <c:v>0.20016774826544112</c:v>
                </c:pt>
                <c:pt idx="4512">
                  <c:v>0.22657991483234752</c:v>
                </c:pt>
                <c:pt idx="4513">
                  <c:v>0.26312506238595196</c:v>
                </c:pt>
                <c:pt idx="4514">
                  <c:v>0.26312506238595196</c:v>
                </c:pt>
                <c:pt idx="4515">
                  <c:v>0.26312506238595196</c:v>
                </c:pt>
                <c:pt idx="4516">
                  <c:v>0.26312506238595196</c:v>
                </c:pt>
                <c:pt idx="4517">
                  <c:v>0.32890632798243991</c:v>
                </c:pt>
                <c:pt idx="4518">
                  <c:v>0.38737856406820703</c:v>
                </c:pt>
                <c:pt idx="4519">
                  <c:v>0.46046885917541586</c:v>
                </c:pt>
                <c:pt idx="4520">
                  <c:v>0.46046885917541586</c:v>
                </c:pt>
                <c:pt idx="4521">
                  <c:v>0.46046885917541586</c:v>
                </c:pt>
                <c:pt idx="4522">
                  <c:v>0.46046885917541586</c:v>
                </c:pt>
                <c:pt idx="4523">
                  <c:v>0.46046885917541586</c:v>
                </c:pt>
                <c:pt idx="4524">
                  <c:v>0.46046885917541586</c:v>
                </c:pt>
                <c:pt idx="4525">
                  <c:v>0.46046885917541586</c:v>
                </c:pt>
                <c:pt idx="4526">
                  <c:v>0.46046885917541586</c:v>
                </c:pt>
                <c:pt idx="4527">
                  <c:v>0.40930565260036966</c:v>
                </c:pt>
                <c:pt idx="4528">
                  <c:v>0.40199662308964879</c:v>
                </c:pt>
                <c:pt idx="4529">
                  <c:v>0.34352438700388171</c:v>
                </c:pt>
                <c:pt idx="4530">
                  <c:v>0.32159729847171908</c:v>
                </c:pt>
                <c:pt idx="4531">
                  <c:v>0.27043409189667289</c:v>
                </c:pt>
                <c:pt idx="4532">
                  <c:v>0.22657991483234752</c:v>
                </c:pt>
                <c:pt idx="4533">
                  <c:v>0.19734379678946398</c:v>
                </c:pt>
                <c:pt idx="4534">
                  <c:v>0.19734379678946398</c:v>
                </c:pt>
                <c:pt idx="4535">
                  <c:v>0.19734379678946398</c:v>
                </c:pt>
                <c:pt idx="4536">
                  <c:v>0.22829196535523952</c:v>
                </c:pt>
                <c:pt idx="4537">
                  <c:v>0.22829196535523952</c:v>
                </c:pt>
                <c:pt idx="4538">
                  <c:v>0.22829196535523952</c:v>
                </c:pt>
                <c:pt idx="4539">
                  <c:v>0.22829196535523952</c:v>
                </c:pt>
                <c:pt idx="4540">
                  <c:v>0.22829196535523952</c:v>
                </c:pt>
                <c:pt idx="4541">
                  <c:v>0.98926518320603796</c:v>
                </c:pt>
                <c:pt idx="4542">
                  <c:v>1.1224354963299277</c:v>
                </c:pt>
                <c:pt idx="4543">
                  <c:v>1.1224354963299277</c:v>
                </c:pt>
                <c:pt idx="4544">
                  <c:v>1.1224354963299277</c:v>
                </c:pt>
                <c:pt idx="4545">
                  <c:v>1.1985328181150077</c:v>
                </c:pt>
                <c:pt idx="4546">
                  <c:v>1.1985328181150077</c:v>
                </c:pt>
                <c:pt idx="4547">
                  <c:v>1.5219464357015968</c:v>
                </c:pt>
                <c:pt idx="4548">
                  <c:v>1.5219464357015968</c:v>
                </c:pt>
                <c:pt idx="4549">
                  <c:v>1.0082895136523078</c:v>
                </c:pt>
                <c:pt idx="4550">
                  <c:v>1.5219464357015968</c:v>
                </c:pt>
                <c:pt idx="4551">
                  <c:v>1.5219464357015968</c:v>
                </c:pt>
                <c:pt idx="4552">
                  <c:v>1.5219464357015968</c:v>
                </c:pt>
                <c:pt idx="4553">
                  <c:v>1.5219464357015968</c:v>
                </c:pt>
                <c:pt idx="4554">
                  <c:v>1.5219464357015968</c:v>
                </c:pt>
                <c:pt idx="4555">
                  <c:v>1.2746301399000874</c:v>
                </c:pt>
                <c:pt idx="4556">
                  <c:v>1.0463381745448479</c:v>
                </c:pt>
                <c:pt idx="4557">
                  <c:v>0.76097321785079841</c:v>
                </c:pt>
                <c:pt idx="4558">
                  <c:v>0.72292455695825852</c:v>
                </c:pt>
                <c:pt idx="4559">
                  <c:v>0.72292455695825852</c:v>
                </c:pt>
                <c:pt idx="4560">
                  <c:v>0.66258654428819441</c:v>
                </c:pt>
                <c:pt idx="4561">
                  <c:v>0.66258654428819441</c:v>
                </c:pt>
                <c:pt idx="4562">
                  <c:v>0.66258654428819441</c:v>
                </c:pt>
                <c:pt idx="4563">
                  <c:v>0.66258654428819441</c:v>
                </c:pt>
                <c:pt idx="4564">
                  <c:v>0.66258654428819441</c:v>
                </c:pt>
                <c:pt idx="4565">
                  <c:v>0.86136250757465271</c:v>
                </c:pt>
                <c:pt idx="4566">
                  <c:v>0.96075048921788175</c:v>
                </c:pt>
                <c:pt idx="4567">
                  <c:v>0.99387981643229151</c:v>
                </c:pt>
                <c:pt idx="4568">
                  <c:v>0.99387981643229151</c:v>
                </c:pt>
                <c:pt idx="4569">
                  <c:v>1.0767031344683158</c:v>
                </c:pt>
                <c:pt idx="4570">
                  <c:v>1.1263971252899303</c:v>
                </c:pt>
                <c:pt idx="4571">
                  <c:v>1.3251730885763888</c:v>
                </c:pt>
                <c:pt idx="4572">
                  <c:v>1.3251730885763888</c:v>
                </c:pt>
                <c:pt idx="4573">
                  <c:v>1.3251730885763888</c:v>
                </c:pt>
                <c:pt idx="4574">
                  <c:v>1.3251730885763888</c:v>
                </c:pt>
                <c:pt idx="4575">
                  <c:v>1.3251730885763888</c:v>
                </c:pt>
                <c:pt idx="4576">
                  <c:v>1.3251730885763888</c:v>
                </c:pt>
                <c:pt idx="4577">
                  <c:v>1.3251730885763888</c:v>
                </c:pt>
                <c:pt idx="4578">
                  <c:v>1.3251730885763888</c:v>
                </c:pt>
                <c:pt idx="4579">
                  <c:v>1.1098324616827255</c:v>
                </c:pt>
                <c:pt idx="4580">
                  <c:v>0.91105649839626723</c:v>
                </c:pt>
                <c:pt idx="4581">
                  <c:v>0.66258654428819441</c:v>
                </c:pt>
                <c:pt idx="4582">
                  <c:v>0.66258654428819441</c:v>
                </c:pt>
                <c:pt idx="4583">
                  <c:v>0.66258654428819441</c:v>
                </c:pt>
                <c:pt idx="4584">
                  <c:v>0.59459405598287673</c:v>
                </c:pt>
                <c:pt idx="4585">
                  <c:v>0.66891831298073623</c:v>
                </c:pt>
                <c:pt idx="4586">
                  <c:v>0.66891831298073623</c:v>
                </c:pt>
                <c:pt idx="4587">
                  <c:v>0.66891831298073623</c:v>
                </c:pt>
                <c:pt idx="4588">
                  <c:v>0.66891831298073623</c:v>
                </c:pt>
                <c:pt idx="4589">
                  <c:v>0.86216138117517116</c:v>
                </c:pt>
                <c:pt idx="4590">
                  <c:v>0.99594504377131854</c:v>
                </c:pt>
                <c:pt idx="4591">
                  <c:v>0.99594504377131854</c:v>
                </c:pt>
                <c:pt idx="4592">
                  <c:v>0.99594504377131854</c:v>
                </c:pt>
                <c:pt idx="4593">
                  <c:v>1.0702693007691781</c:v>
                </c:pt>
                <c:pt idx="4594">
                  <c:v>1.1594584091666096</c:v>
                </c:pt>
                <c:pt idx="4595">
                  <c:v>1.3378366259614725</c:v>
                </c:pt>
                <c:pt idx="4596">
                  <c:v>1.3378366259614725</c:v>
                </c:pt>
                <c:pt idx="4597">
                  <c:v>1.3378366259614725</c:v>
                </c:pt>
                <c:pt idx="4598">
                  <c:v>1.3378366259614725</c:v>
                </c:pt>
                <c:pt idx="4599">
                  <c:v>1.3378366259614725</c:v>
                </c:pt>
                <c:pt idx="4600">
                  <c:v>1.3378366259614725</c:v>
                </c:pt>
                <c:pt idx="4601">
                  <c:v>1.3378366259614725</c:v>
                </c:pt>
                <c:pt idx="4602">
                  <c:v>1.3378366259614725</c:v>
                </c:pt>
                <c:pt idx="4603">
                  <c:v>1.114863854967894</c:v>
                </c:pt>
                <c:pt idx="4604">
                  <c:v>0.89189108397431505</c:v>
                </c:pt>
                <c:pt idx="4605">
                  <c:v>0.66891831298073623</c:v>
                </c:pt>
                <c:pt idx="4606">
                  <c:v>0.66891831298073623</c:v>
                </c:pt>
                <c:pt idx="4607">
                  <c:v>0.66891831298073623</c:v>
                </c:pt>
                <c:pt idx="4608">
                  <c:v>0.66995251820501212</c:v>
                </c:pt>
                <c:pt idx="4609">
                  <c:v>0.66995251820501212</c:v>
                </c:pt>
                <c:pt idx="4610">
                  <c:v>0.66995251820501212</c:v>
                </c:pt>
                <c:pt idx="4611">
                  <c:v>0.66995251820501212</c:v>
                </c:pt>
                <c:pt idx="4612">
                  <c:v>0.66995251820501212</c:v>
                </c:pt>
                <c:pt idx="4613">
                  <c:v>0.86349435679757092</c:v>
                </c:pt>
                <c:pt idx="4614">
                  <c:v>0.99748486043857343</c:v>
                </c:pt>
                <c:pt idx="4615">
                  <c:v>0.99748486043857343</c:v>
                </c:pt>
                <c:pt idx="4616">
                  <c:v>0.99748486043857343</c:v>
                </c:pt>
                <c:pt idx="4617">
                  <c:v>1.0719240291280192</c:v>
                </c:pt>
                <c:pt idx="4618">
                  <c:v>1.1612510315553541</c:v>
                </c:pt>
                <c:pt idx="4619">
                  <c:v>1.3399050364100242</c:v>
                </c:pt>
                <c:pt idx="4620">
                  <c:v>1.3399050364100242</c:v>
                </c:pt>
                <c:pt idx="4621">
                  <c:v>1.3399050364100242</c:v>
                </c:pt>
                <c:pt idx="4622">
                  <c:v>1.3399050364100242</c:v>
                </c:pt>
                <c:pt idx="4623">
                  <c:v>1.3399050364100242</c:v>
                </c:pt>
                <c:pt idx="4624">
                  <c:v>1.3399050364100242</c:v>
                </c:pt>
                <c:pt idx="4625">
                  <c:v>1.3399050364100242</c:v>
                </c:pt>
                <c:pt idx="4626">
                  <c:v>1.3399050364100242</c:v>
                </c:pt>
                <c:pt idx="4627">
                  <c:v>1.1165875303416868</c:v>
                </c:pt>
                <c:pt idx="4628">
                  <c:v>0.89327002427334934</c:v>
                </c:pt>
                <c:pt idx="4629">
                  <c:v>0.66995251820501212</c:v>
                </c:pt>
                <c:pt idx="4630">
                  <c:v>0.66995251820501212</c:v>
                </c:pt>
                <c:pt idx="4631">
                  <c:v>0.66995251820501212</c:v>
                </c:pt>
                <c:pt idx="4632">
                  <c:v>0.75228298330083732</c:v>
                </c:pt>
                <c:pt idx="4633">
                  <c:v>0.75228298330083732</c:v>
                </c:pt>
                <c:pt idx="4634">
                  <c:v>0.75228298330083732</c:v>
                </c:pt>
                <c:pt idx="4635">
                  <c:v>0.75228298330083732</c:v>
                </c:pt>
                <c:pt idx="4636">
                  <c:v>0.75228298330083732</c:v>
                </c:pt>
                <c:pt idx="4637">
                  <c:v>0.96960917847663453</c:v>
                </c:pt>
                <c:pt idx="4638">
                  <c:v>1.1702179740235248</c:v>
                </c:pt>
                <c:pt idx="4639">
                  <c:v>1.1702179740235248</c:v>
                </c:pt>
                <c:pt idx="4640">
                  <c:v>1.1702179740235248</c:v>
                </c:pt>
                <c:pt idx="4641">
                  <c:v>1.2538049721680622</c:v>
                </c:pt>
                <c:pt idx="4642">
                  <c:v>1.3039571710547846</c:v>
                </c:pt>
                <c:pt idx="4643">
                  <c:v>1.5045659666016746</c:v>
                </c:pt>
                <c:pt idx="4644">
                  <c:v>1.5045659666016746</c:v>
                </c:pt>
                <c:pt idx="4645">
                  <c:v>1.5045659666016746</c:v>
                </c:pt>
                <c:pt idx="4646">
                  <c:v>1.5045659666016746</c:v>
                </c:pt>
                <c:pt idx="4647">
                  <c:v>1.2538049721680622</c:v>
                </c:pt>
                <c:pt idx="4648">
                  <c:v>1.1869353736524322</c:v>
                </c:pt>
                <c:pt idx="4649">
                  <c:v>1.1869353736524322</c:v>
                </c:pt>
                <c:pt idx="4650">
                  <c:v>1.1869353736524322</c:v>
                </c:pt>
                <c:pt idx="4651">
                  <c:v>1.1869353736524322</c:v>
                </c:pt>
                <c:pt idx="4652">
                  <c:v>0.91945697958991224</c:v>
                </c:pt>
                <c:pt idx="4653">
                  <c:v>0.3510653922070574</c:v>
                </c:pt>
                <c:pt idx="4654">
                  <c:v>0.3510653922070574</c:v>
                </c:pt>
                <c:pt idx="4655">
                  <c:v>0.3510653922070574</c:v>
                </c:pt>
                <c:pt idx="4656">
                  <c:v>0.16172304257899162</c:v>
                </c:pt>
                <c:pt idx="4657">
                  <c:v>0.31574498789231698</c:v>
                </c:pt>
                <c:pt idx="4658">
                  <c:v>0.31574498789231698</c:v>
                </c:pt>
                <c:pt idx="4659">
                  <c:v>0.31574498789231698</c:v>
                </c:pt>
                <c:pt idx="4660">
                  <c:v>0.31574498789231698</c:v>
                </c:pt>
                <c:pt idx="4661">
                  <c:v>0.39275596054897971</c:v>
                </c:pt>
                <c:pt idx="4662">
                  <c:v>0.49287022500264122</c:v>
                </c:pt>
                <c:pt idx="4663">
                  <c:v>0.56218010039363753</c:v>
                </c:pt>
                <c:pt idx="4664">
                  <c:v>0.56218010039363753</c:v>
                </c:pt>
                <c:pt idx="4665">
                  <c:v>0.56218010039363753</c:v>
                </c:pt>
                <c:pt idx="4666">
                  <c:v>0.56218010039363753</c:v>
                </c:pt>
                <c:pt idx="4667">
                  <c:v>0.56218010039363753</c:v>
                </c:pt>
                <c:pt idx="4668">
                  <c:v>0.56218010039363753</c:v>
                </c:pt>
                <c:pt idx="4669">
                  <c:v>0.56218010039363753</c:v>
                </c:pt>
                <c:pt idx="4670">
                  <c:v>0.56218010039363753</c:v>
                </c:pt>
                <c:pt idx="4671">
                  <c:v>0.50827241953397362</c:v>
                </c:pt>
                <c:pt idx="4672">
                  <c:v>0.46206583593997608</c:v>
                </c:pt>
                <c:pt idx="4673">
                  <c:v>0.41585925234597848</c:v>
                </c:pt>
                <c:pt idx="4674">
                  <c:v>0.40045705781464591</c:v>
                </c:pt>
                <c:pt idx="4675">
                  <c:v>0.32344608515798323</c:v>
                </c:pt>
                <c:pt idx="4676">
                  <c:v>0.23873401523565427</c:v>
                </c:pt>
                <c:pt idx="4677">
                  <c:v>0.23873401523565427</c:v>
                </c:pt>
                <c:pt idx="4678">
                  <c:v>0.23873401523565427</c:v>
                </c:pt>
                <c:pt idx="4679">
                  <c:v>0.23873401523565427</c:v>
                </c:pt>
                <c:pt idx="4680">
                  <c:v>0.22688514809044666</c:v>
                </c:pt>
                <c:pt idx="4681">
                  <c:v>0.26347952681471226</c:v>
                </c:pt>
                <c:pt idx="4682">
                  <c:v>0.26347952681471226</c:v>
                </c:pt>
                <c:pt idx="4683">
                  <c:v>0.26347952681471226</c:v>
                </c:pt>
                <c:pt idx="4684">
                  <c:v>0.26347952681471226</c:v>
                </c:pt>
                <c:pt idx="4685">
                  <c:v>0.32934940851839034</c:v>
                </c:pt>
                <c:pt idx="4686">
                  <c:v>0.38790041447721524</c:v>
                </c:pt>
                <c:pt idx="4687">
                  <c:v>0.46108917192574644</c:v>
                </c:pt>
                <c:pt idx="4688">
                  <c:v>0.46108917192574644</c:v>
                </c:pt>
                <c:pt idx="4689">
                  <c:v>0.46108917192574644</c:v>
                </c:pt>
                <c:pt idx="4690">
                  <c:v>0.46108917192574644</c:v>
                </c:pt>
                <c:pt idx="4691">
                  <c:v>0.46108917192574644</c:v>
                </c:pt>
                <c:pt idx="4692">
                  <c:v>0.46108917192574644</c:v>
                </c:pt>
                <c:pt idx="4693">
                  <c:v>0.46108917192574644</c:v>
                </c:pt>
                <c:pt idx="4694">
                  <c:v>0.46108917192574644</c:v>
                </c:pt>
                <c:pt idx="4695">
                  <c:v>0.40985704171177467</c:v>
                </c:pt>
                <c:pt idx="4696">
                  <c:v>0.40253816596692149</c:v>
                </c:pt>
                <c:pt idx="4697">
                  <c:v>0.34398716000809654</c:v>
                </c:pt>
                <c:pt idx="4698">
                  <c:v>0.32203053277353721</c:v>
                </c:pt>
                <c:pt idx="4699">
                  <c:v>0.27079840255956539</c:v>
                </c:pt>
                <c:pt idx="4700">
                  <c:v>0.22688514809044666</c:v>
                </c:pt>
                <c:pt idx="4701">
                  <c:v>0.19760964511103424</c:v>
                </c:pt>
                <c:pt idx="4702">
                  <c:v>0.19760964511103424</c:v>
                </c:pt>
                <c:pt idx="4703">
                  <c:v>0.19760964511103424</c:v>
                </c:pt>
                <c:pt idx="4704">
                  <c:v>0.23129039942352692</c:v>
                </c:pt>
                <c:pt idx="4705">
                  <c:v>0.23129039942352692</c:v>
                </c:pt>
                <c:pt idx="4706">
                  <c:v>0.23129039942352692</c:v>
                </c:pt>
                <c:pt idx="4707">
                  <c:v>0.23129039942352692</c:v>
                </c:pt>
                <c:pt idx="4708">
                  <c:v>0.23129039942352692</c:v>
                </c:pt>
                <c:pt idx="4709">
                  <c:v>1.0022583975019501</c:v>
                </c:pt>
                <c:pt idx="4710">
                  <c:v>1.137177797165674</c:v>
                </c:pt>
                <c:pt idx="4711">
                  <c:v>1.137177797165674</c:v>
                </c:pt>
                <c:pt idx="4712">
                  <c:v>1.137177797165674</c:v>
                </c:pt>
                <c:pt idx="4713">
                  <c:v>1.2142745969735165</c:v>
                </c:pt>
                <c:pt idx="4714">
                  <c:v>1.2142745969735165</c:v>
                </c:pt>
                <c:pt idx="4715">
                  <c:v>1.5419359961568464</c:v>
                </c:pt>
                <c:pt idx="4716">
                  <c:v>1.5419359961568464</c:v>
                </c:pt>
                <c:pt idx="4717">
                  <c:v>1.0215325974539107</c:v>
                </c:pt>
                <c:pt idx="4718">
                  <c:v>1.5419359961568464</c:v>
                </c:pt>
                <c:pt idx="4719">
                  <c:v>1.5419359961568464</c:v>
                </c:pt>
                <c:pt idx="4720">
                  <c:v>1.5419359961568464</c:v>
                </c:pt>
                <c:pt idx="4721">
                  <c:v>1.5419359961568464</c:v>
                </c:pt>
                <c:pt idx="4722">
                  <c:v>1.5419359961568464</c:v>
                </c:pt>
                <c:pt idx="4723">
                  <c:v>1.2913713967813589</c:v>
                </c:pt>
                <c:pt idx="4724">
                  <c:v>1.0600809973578318</c:v>
                </c:pt>
                <c:pt idx="4725">
                  <c:v>0.7709679980784232</c:v>
                </c:pt>
                <c:pt idx="4726">
                  <c:v>0.73241959817450208</c:v>
                </c:pt>
                <c:pt idx="4727">
                  <c:v>0.73241959817450208</c:v>
                </c:pt>
                <c:pt idx="4728">
                  <c:v>0.68782636503480477</c:v>
                </c:pt>
                <c:pt idx="4729">
                  <c:v>0.68782636503480477</c:v>
                </c:pt>
                <c:pt idx="4730">
                  <c:v>0.68782636503480477</c:v>
                </c:pt>
                <c:pt idx="4731">
                  <c:v>0.68782636503480477</c:v>
                </c:pt>
                <c:pt idx="4732">
                  <c:v>0.68782636503480477</c:v>
                </c:pt>
                <c:pt idx="4733">
                  <c:v>0.89417427454524612</c:v>
                </c:pt>
                <c:pt idx="4734">
                  <c:v>0.99734822930046685</c:v>
                </c:pt>
                <c:pt idx="4735">
                  <c:v>1.0317395475522071</c:v>
                </c:pt>
                <c:pt idx="4736">
                  <c:v>1.0317395475522071</c:v>
                </c:pt>
                <c:pt idx="4737">
                  <c:v>1.1177178431815575</c:v>
                </c:pt>
                <c:pt idx="4738">
                  <c:v>1.1693048205591678</c:v>
                </c:pt>
                <c:pt idx="4739">
                  <c:v>1.3756527300696095</c:v>
                </c:pt>
                <c:pt idx="4740">
                  <c:v>1.3756527300696095</c:v>
                </c:pt>
                <c:pt idx="4741">
                  <c:v>1.3756527300696095</c:v>
                </c:pt>
                <c:pt idx="4742">
                  <c:v>1.3756527300696095</c:v>
                </c:pt>
                <c:pt idx="4743">
                  <c:v>1.3756527300696095</c:v>
                </c:pt>
                <c:pt idx="4744">
                  <c:v>1.3756527300696095</c:v>
                </c:pt>
                <c:pt idx="4745">
                  <c:v>1.3756527300696095</c:v>
                </c:pt>
                <c:pt idx="4746">
                  <c:v>1.3756527300696095</c:v>
                </c:pt>
                <c:pt idx="4747">
                  <c:v>1.1521091614332979</c:v>
                </c:pt>
                <c:pt idx="4748">
                  <c:v>0.94576125192285643</c:v>
                </c:pt>
                <c:pt idx="4749">
                  <c:v>0.68782636503480477</c:v>
                </c:pt>
                <c:pt idx="4750">
                  <c:v>0.68782636503480477</c:v>
                </c:pt>
                <c:pt idx="4751">
                  <c:v>0.68782636503480477</c:v>
                </c:pt>
                <c:pt idx="4752">
                  <c:v>0.6198796915331265</c:v>
                </c:pt>
                <c:pt idx="4753">
                  <c:v>0.69736465297476713</c:v>
                </c:pt>
                <c:pt idx="4754">
                  <c:v>0.69736465297476713</c:v>
                </c:pt>
                <c:pt idx="4755">
                  <c:v>0.69736465297476713</c:v>
                </c:pt>
                <c:pt idx="4756">
                  <c:v>0.69736465297476713</c:v>
                </c:pt>
                <c:pt idx="4757">
                  <c:v>0.89882555272303333</c:v>
                </c:pt>
                <c:pt idx="4758">
                  <c:v>1.0382984833179867</c:v>
                </c:pt>
                <c:pt idx="4759">
                  <c:v>1.0382984833179867</c:v>
                </c:pt>
                <c:pt idx="4760">
                  <c:v>1.0382984833179867</c:v>
                </c:pt>
                <c:pt idx="4761">
                  <c:v>1.1157834447596275</c:v>
                </c:pt>
                <c:pt idx="4762">
                  <c:v>1.2087653984895965</c:v>
                </c:pt>
                <c:pt idx="4763">
                  <c:v>1.3947293059495343</c:v>
                </c:pt>
                <c:pt idx="4764">
                  <c:v>1.3947293059495343</c:v>
                </c:pt>
                <c:pt idx="4765">
                  <c:v>1.3947293059495343</c:v>
                </c:pt>
                <c:pt idx="4766">
                  <c:v>1.3947293059495343</c:v>
                </c:pt>
                <c:pt idx="4767">
                  <c:v>1.3947293059495343</c:v>
                </c:pt>
                <c:pt idx="4768">
                  <c:v>1.3947293059495343</c:v>
                </c:pt>
                <c:pt idx="4769">
                  <c:v>1.3947293059495343</c:v>
                </c:pt>
                <c:pt idx="4770">
                  <c:v>1.3947293059495343</c:v>
                </c:pt>
                <c:pt idx="4771">
                  <c:v>1.1622744216246121</c:v>
                </c:pt>
                <c:pt idx="4772">
                  <c:v>0.92981953729968958</c:v>
                </c:pt>
                <c:pt idx="4773">
                  <c:v>0.69736465297476713</c:v>
                </c:pt>
                <c:pt idx="4774">
                  <c:v>0.69736465297476713</c:v>
                </c:pt>
                <c:pt idx="4775">
                  <c:v>0.69736465297476713</c:v>
                </c:pt>
                <c:pt idx="4776">
                  <c:v>0.70037373229558331</c:v>
                </c:pt>
                <c:pt idx="4777">
                  <c:v>0.70037373229558331</c:v>
                </c:pt>
                <c:pt idx="4778">
                  <c:v>0.70037373229558331</c:v>
                </c:pt>
                <c:pt idx="4779">
                  <c:v>0.70037373229558331</c:v>
                </c:pt>
                <c:pt idx="4780">
                  <c:v>0.70037373229558331</c:v>
                </c:pt>
                <c:pt idx="4781">
                  <c:v>0.90270392162541846</c:v>
                </c:pt>
                <c:pt idx="4782">
                  <c:v>1.0427786680845352</c:v>
                </c:pt>
                <c:pt idx="4783">
                  <c:v>1.0427786680845352</c:v>
                </c:pt>
                <c:pt idx="4784">
                  <c:v>1.0427786680845352</c:v>
                </c:pt>
                <c:pt idx="4785">
                  <c:v>1.1205979716729333</c:v>
                </c:pt>
                <c:pt idx="4786">
                  <c:v>1.2139811359790111</c:v>
                </c:pt>
                <c:pt idx="4787">
                  <c:v>1.4007474645911666</c:v>
                </c:pt>
                <c:pt idx="4788">
                  <c:v>1.4007474645911666</c:v>
                </c:pt>
                <c:pt idx="4789">
                  <c:v>1.4007474645911666</c:v>
                </c:pt>
                <c:pt idx="4790">
                  <c:v>1.4007474645911666</c:v>
                </c:pt>
                <c:pt idx="4791">
                  <c:v>1.4007474645911666</c:v>
                </c:pt>
                <c:pt idx="4792">
                  <c:v>1.4007474645911666</c:v>
                </c:pt>
                <c:pt idx="4793">
                  <c:v>1.4007474645911666</c:v>
                </c:pt>
                <c:pt idx="4794">
                  <c:v>1.4007474645911666</c:v>
                </c:pt>
                <c:pt idx="4795">
                  <c:v>1.1672895538259722</c:v>
                </c:pt>
                <c:pt idx="4796">
                  <c:v>0.93383164306077782</c:v>
                </c:pt>
                <c:pt idx="4797">
                  <c:v>0.70037373229558331</c:v>
                </c:pt>
                <c:pt idx="4798">
                  <c:v>0.70037373229558331</c:v>
                </c:pt>
                <c:pt idx="4799">
                  <c:v>0.70037373229558331</c:v>
                </c:pt>
                <c:pt idx="4800">
                  <c:v>0.76018790259593583</c:v>
                </c:pt>
                <c:pt idx="4801">
                  <c:v>0.76018790259593583</c:v>
                </c:pt>
                <c:pt idx="4802">
                  <c:v>0.76018790259593583</c:v>
                </c:pt>
                <c:pt idx="4803">
                  <c:v>0.76018790259593583</c:v>
                </c:pt>
                <c:pt idx="4804">
                  <c:v>0.76018790259593583</c:v>
                </c:pt>
                <c:pt idx="4805">
                  <c:v>0.97979774112365048</c:v>
                </c:pt>
                <c:pt idx="4806">
                  <c:v>1.1825145151492336</c:v>
                </c:pt>
                <c:pt idx="4807">
                  <c:v>1.1825145151492336</c:v>
                </c:pt>
                <c:pt idx="4808">
                  <c:v>1.1825145151492336</c:v>
                </c:pt>
                <c:pt idx="4809">
                  <c:v>1.2669798376598931</c:v>
                </c:pt>
                <c:pt idx="4810">
                  <c:v>1.3176590311662888</c:v>
                </c:pt>
                <c:pt idx="4811">
                  <c:v>1.5203758051918717</c:v>
                </c:pt>
                <c:pt idx="4812">
                  <c:v>1.5203758051918717</c:v>
                </c:pt>
                <c:pt idx="4813">
                  <c:v>1.5203758051918717</c:v>
                </c:pt>
                <c:pt idx="4814">
                  <c:v>1.5203758051918717</c:v>
                </c:pt>
                <c:pt idx="4815">
                  <c:v>1.2669798376598931</c:v>
                </c:pt>
                <c:pt idx="4816">
                  <c:v>1.1994075796513655</c:v>
                </c:pt>
                <c:pt idx="4817">
                  <c:v>1.1994075796513655</c:v>
                </c:pt>
                <c:pt idx="4818">
                  <c:v>1.1994075796513655</c:v>
                </c:pt>
                <c:pt idx="4819">
                  <c:v>1.1994075796513655</c:v>
                </c:pt>
                <c:pt idx="4820">
                  <c:v>0.92911854761725476</c:v>
                </c:pt>
                <c:pt idx="4821">
                  <c:v>0.35475435454477006</c:v>
                </c:pt>
                <c:pt idx="4822">
                  <c:v>0.35475435454477006</c:v>
                </c:pt>
                <c:pt idx="4823">
                  <c:v>0.35475435454477006</c:v>
                </c:pt>
                <c:pt idx="4824">
                  <c:v>0.16751860980995142</c:v>
                </c:pt>
                <c:pt idx="4825">
                  <c:v>0.32706014296228619</c:v>
                </c:pt>
                <c:pt idx="4826">
                  <c:v>0.32706014296228619</c:v>
                </c:pt>
                <c:pt idx="4827">
                  <c:v>0.32706014296228619</c:v>
                </c:pt>
                <c:pt idx="4828">
                  <c:v>0.32706014296228619</c:v>
                </c:pt>
                <c:pt idx="4829">
                  <c:v>0.40683090953845358</c:v>
                </c:pt>
                <c:pt idx="4830">
                  <c:v>0.51053290608747104</c:v>
                </c:pt>
                <c:pt idx="4831">
                  <c:v>0.58232659600602177</c:v>
                </c:pt>
                <c:pt idx="4832">
                  <c:v>0.58232659600602177</c:v>
                </c:pt>
                <c:pt idx="4833">
                  <c:v>0.58232659600602177</c:v>
                </c:pt>
                <c:pt idx="4834">
                  <c:v>0.58232659600602177</c:v>
                </c:pt>
                <c:pt idx="4835">
                  <c:v>0.58232659600602177</c:v>
                </c:pt>
                <c:pt idx="4836">
                  <c:v>0.58232659600602177</c:v>
                </c:pt>
                <c:pt idx="4837">
                  <c:v>0.58232659600602177</c:v>
                </c:pt>
                <c:pt idx="4838">
                  <c:v>0.58232659600602177</c:v>
                </c:pt>
                <c:pt idx="4839">
                  <c:v>0.52648705940270457</c:v>
                </c:pt>
                <c:pt idx="4840">
                  <c:v>0.47862459945700414</c:v>
                </c:pt>
                <c:pt idx="4841">
                  <c:v>0.43076213951130371</c:v>
                </c:pt>
                <c:pt idx="4842">
                  <c:v>0.41480798619607023</c:v>
                </c:pt>
                <c:pt idx="4843">
                  <c:v>0.33503721961990285</c:v>
                </c:pt>
                <c:pt idx="4844">
                  <c:v>0.24728937638611878</c:v>
                </c:pt>
                <c:pt idx="4845">
                  <c:v>0.24728937638611878</c:v>
                </c:pt>
                <c:pt idx="4846">
                  <c:v>0.24728937638611878</c:v>
                </c:pt>
                <c:pt idx="4847">
                  <c:v>0.24728937638611878</c:v>
                </c:pt>
                <c:pt idx="4848">
                  <c:v>0.27294769772274668</c:v>
                </c:pt>
                <c:pt idx="4849">
                  <c:v>0.3169715199360929</c:v>
                </c:pt>
                <c:pt idx="4850">
                  <c:v>0.3169715199360929</c:v>
                </c:pt>
                <c:pt idx="4851">
                  <c:v>0.3169715199360929</c:v>
                </c:pt>
                <c:pt idx="4852">
                  <c:v>0.3169715199360929</c:v>
                </c:pt>
                <c:pt idx="4853">
                  <c:v>0.39621439992011609</c:v>
                </c:pt>
                <c:pt idx="4854">
                  <c:v>0.46665251546147007</c:v>
                </c:pt>
                <c:pt idx="4855">
                  <c:v>0.55470015988816257</c:v>
                </c:pt>
                <c:pt idx="4856">
                  <c:v>0.55470015988816257</c:v>
                </c:pt>
                <c:pt idx="4857">
                  <c:v>0.55470015988816257</c:v>
                </c:pt>
                <c:pt idx="4858">
                  <c:v>0.55470015988816257</c:v>
                </c:pt>
                <c:pt idx="4859">
                  <c:v>0.55470015988816257</c:v>
                </c:pt>
                <c:pt idx="4860">
                  <c:v>0.55470015988816257</c:v>
                </c:pt>
                <c:pt idx="4861">
                  <c:v>0.55470015988816257</c:v>
                </c:pt>
                <c:pt idx="4862">
                  <c:v>0.55470015988816257</c:v>
                </c:pt>
                <c:pt idx="4863">
                  <c:v>0.49306680878947784</c:v>
                </c:pt>
                <c:pt idx="4864">
                  <c:v>0.48426204434680858</c:v>
                </c:pt>
                <c:pt idx="4865">
                  <c:v>0.4138239288054546</c:v>
                </c:pt>
                <c:pt idx="4866">
                  <c:v>0.38740963547744689</c:v>
                </c:pt>
                <c:pt idx="4867">
                  <c:v>0.32577628437876216</c:v>
                </c:pt>
                <c:pt idx="4868">
                  <c:v>0.27294769772274668</c:v>
                </c:pt>
                <c:pt idx="4869">
                  <c:v>0.23772863995206969</c:v>
                </c:pt>
                <c:pt idx="4870">
                  <c:v>0.23772863995206969</c:v>
                </c:pt>
                <c:pt idx="4871">
                  <c:v>0.23772863995206969</c:v>
                </c:pt>
                <c:pt idx="4872">
                  <c:v>0.23587623976326075</c:v>
                </c:pt>
                <c:pt idx="4873">
                  <c:v>0.23587623976326075</c:v>
                </c:pt>
                <c:pt idx="4874">
                  <c:v>0.23587623976326075</c:v>
                </c:pt>
                <c:pt idx="4875">
                  <c:v>0.23587623976326075</c:v>
                </c:pt>
                <c:pt idx="4876">
                  <c:v>0.23587623976326075</c:v>
                </c:pt>
                <c:pt idx="4877">
                  <c:v>1.0221303723074635</c:v>
                </c:pt>
                <c:pt idx="4878">
                  <c:v>1.1597248455026985</c:v>
                </c:pt>
                <c:pt idx="4879">
                  <c:v>1.1597248455026985</c:v>
                </c:pt>
                <c:pt idx="4880">
                  <c:v>1.1597248455026985</c:v>
                </c:pt>
                <c:pt idx="4881">
                  <c:v>1.2383502587571191</c:v>
                </c:pt>
                <c:pt idx="4882">
                  <c:v>1.2383502587571191</c:v>
                </c:pt>
                <c:pt idx="4883">
                  <c:v>1.5725082650884052</c:v>
                </c:pt>
                <c:pt idx="4884">
                  <c:v>1.5725082650884052</c:v>
                </c:pt>
                <c:pt idx="4885">
                  <c:v>1.0417867256210684</c:v>
                </c:pt>
                <c:pt idx="4886">
                  <c:v>1.5725082650884052</c:v>
                </c:pt>
                <c:pt idx="4887">
                  <c:v>1.5725082650884052</c:v>
                </c:pt>
                <c:pt idx="4888">
                  <c:v>1.5725082650884052</c:v>
                </c:pt>
                <c:pt idx="4889">
                  <c:v>1.5725082650884052</c:v>
                </c:pt>
                <c:pt idx="4890">
                  <c:v>1.5725082650884052</c:v>
                </c:pt>
                <c:pt idx="4891">
                  <c:v>1.3169756720115391</c:v>
                </c:pt>
                <c:pt idx="4892">
                  <c:v>1.0810994322482785</c:v>
                </c:pt>
                <c:pt idx="4893">
                  <c:v>0.78625413254420262</c:v>
                </c:pt>
                <c:pt idx="4894">
                  <c:v>0.74694142591699242</c:v>
                </c:pt>
                <c:pt idx="4895">
                  <c:v>0.74694142591699242</c:v>
                </c:pt>
                <c:pt idx="4896">
                  <c:v>0.68370557797413367</c:v>
                </c:pt>
                <c:pt idx="4897">
                  <c:v>0.68370557797413367</c:v>
                </c:pt>
                <c:pt idx="4898">
                  <c:v>0.68370557797413367</c:v>
                </c:pt>
                <c:pt idx="4899">
                  <c:v>0.68370557797413367</c:v>
                </c:pt>
                <c:pt idx="4900">
                  <c:v>0.68370557797413367</c:v>
                </c:pt>
                <c:pt idx="4901">
                  <c:v>0.88881725136637368</c:v>
                </c:pt>
                <c:pt idx="4902">
                  <c:v>0.99137308806249358</c:v>
                </c:pt>
                <c:pt idx="4903">
                  <c:v>1.0255583669612003</c:v>
                </c:pt>
                <c:pt idx="4904">
                  <c:v>1.0255583669612003</c:v>
                </c:pt>
                <c:pt idx="4905">
                  <c:v>1.111021564207967</c:v>
                </c:pt>
                <c:pt idx="4906">
                  <c:v>1.1622994825560269</c:v>
                </c:pt>
                <c:pt idx="4907">
                  <c:v>1.3674111559482673</c:v>
                </c:pt>
                <c:pt idx="4908">
                  <c:v>1.3674111559482673</c:v>
                </c:pt>
                <c:pt idx="4909">
                  <c:v>1.3674111559482673</c:v>
                </c:pt>
                <c:pt idx="4910">
                  <c:v>1.3674111559482673</c:v>
                </c:pt>
                <c:pt idx="4911">
                  <c:v>1.3674111559482673</c:v>
                </c:pt>
                <c:pt idx="4912">
                  <c:v>1.3674111559482673</c:v>
                </c:pt>
                <c:pt idx="4913">
                  <c:v>1.3674111559482673</c:v>
                </c:pt>
                <c:pt idx="4914">
                  <c:v>1.3674111559482673</c:v>
                </c:pt>
                <c:pt idx="4915">
                  <c:v>1.1452068431066738</c:v>
                </c:pt>
                <c:pt idx="4916">
                  <c:v>0.94009516971443352</c:v>
                </c:pt>
                <c:pt idx="4917">
                  <c:v>0.68370557797413367</c:v>
                </c:pt>
                <c:pt idx="4918">
                  <c:v>0.68370557797413367</c:v>
                </c:pt>
                <c:pt idx="4919">
                  <c:v>0.68370557797413367</c:v>
                </c:pt>
                <c:pt idx="4920">
                  <c:v>0.6139030867667038</c:v>
                </c:pt>
                <c:pt idx="4921">
                  <c:v>0.69064097261254176</c:v>
                </c:pt>
                <c:pt idx="4922">
                  <c:v>0.69064097261254176</c:v>
                </c:pt>
                <c:pt idx="4923">
                  <c:v>0.69064097261254176</c:v>
                </c:pt>
                <c:pt idx="4924">
                  <c:v>0.69064097261254176</c:v>
                </c:pt>
                <c:pt idx="4925">
                  <c:v>0.89015947581172039</c:v>
                </c:pt>
                <c:pt idx="4926">
                  <c:v>1.0282876703342287</c:v>
                </c:pt>
                <c:pt idx="4927">
                  <c:v>1.0282876703342287</c:v>
                </c:pt>
                <c:pt idx="4928">
                  <c:v>1.0282876703342287</c:v>
                </c:pt>
                <c:pt idx="4929">
                  <c:v>1.1050255561800666</c:v>
                </c:pt>
                <c:pt idx="4930">
                  <c:v>1.1971110191950722</c:v>
                </c:pt>
                <c:pt idx="4931">
                  <c:v>1.3812819452250835</c:v>
                </c:pt>
                <c:pt idx="4932">
                  <c:v>1.3812819452250835</c:v>
                </c:pt>
                <c:pt idx="4933">
                  <c:v>1.3812819452250835</c:v>
                </c:pt>
                <c:pt idx="4934">
                  <c:v>1.3812819452250835</c:v>
                </c:pt>
                <c:pt idx="4935">
                  <c:v>1.3812819452250835</c:v>
                </c:pt>
                <c:pt idx="4936">
                  <c:v>1.3812819452250835</c:v>
                </c:pt>
                <c:pt idx="4937">
                  <c:v>1.3812819452250835</c:v>
                </c:pt>
                <c:pt idx="4938">
                  <c:v>1.3812819452250835</c:v>
                </c:pt>
                <c:pt idx="4939">
                  <c:v>1.1510682876875695</c:v>
                </c:pt>
                <c:pt idx="4940">
                  <c:v>0.92085463015005564</c:v>
                </c:pt>
                <c:pt idx="4941">
                  <c:v>0.69064097261254176</c:v>
                </c:pt>
                <c:pt idx="4942">
                  <c:v>0.69064097261254176</c:v>
                </c:pt>
                <c:pt idx="4943">
                  <c:v>0.69064097261254176</c:v>
                </c:pt>
                <c:pt idx="4944">
                  <c:v>0.68026479416791752</c:v>
                </c:pt>
                <c:pt idx="4945">
                  <c:v>0.68026479416791752</c:v>
                </c:pt>
                <c:pt idx="4946">
                  <c:v>0.68026479416791752</c:v>
                </c:pt>
                <c:pt idx="4947">
                  <c:v>0.68026479416791752</c:v>
                </c:pt>
                <c:pt idx="4948">
                  <c:v>0.68026479416791752</c:v>
                </c:pt>
                <c:pt idx="4949">
                  <c:v>0.87678573470531607</c:v>
                </c:pt>
                <c:pt idx="4950">
                  <c:v>1.0128386935388998</c:v>
                </c:pt>
                <c:pt idx="4951">
                  <c:v>1.0128386935388998</c:v>
                </c:pt>
                <c:pt idx="4952">
                  <c:v>1.0128386935388998</c:v>
                </c:pt>
                <c:pt idx="4953">
                  <c:v>1.0884236706686683</c:v>
                </c:pt>
                <c:pt idx="4954">
                  <c:v>1.1791256432243906</c:v>
                </c:pt>
                <c:pt idx="4955">
                  <c:v>1.360529588335835</c:v>
                </c:pt>
                <c:pt idx="4956">
                  <c:v>1.360529588335835</c:v>
                </c:pt>
                <c:pt idx="4957">
                  <c:v>1.360529588335835</c:v>
                </c:pt>
                <c:pt idx="4958">
                  <c:v>1.360529588335835</c:v>
                </c:pt>
                <c:pt idx="4959">
                  <c:v>1.360529588335835</c:v>
                </c:pt>
                <c:pt idx="4960">
                  <c:v>1.360529588335835</c:v>
                </c:pt>
                <c:pt idx="4961">
                  <c:v>1.360529588335835</c:v>
                </c:pt>
                <c:pt idx="4962">
                  <c:v>1.360529588335835</c:v>
                </c:pt>
                <c:pt idx="4963">
                  <c:v>1.1337746569465295</c:v>
                </c:pt>
                <c:pt idx="4964">
                  <c:v>0.90701972555722365</c:v>
                </c:pt>
                <c:pt idx="4965">
                  <c:v>0.68026479416791752</c:v>
                </c:pt>
                <c:pt idx="4966">
                  <c:v>0.68026479416791752</c:v>
                </c:pt>
                <c:pt idx="4967">
                  <c:v>0.68026479416791752</c:v>
                </c:pt>
                <c:pt idx="4968">
                  <c:v>0.74607197528325997</c:v>
                </c:pt>
                <c:pt idx="4969">
                  <c:v>0.74607197528325997</c:v>
                </c:pt>
                <c:pt idx="4970">
                  <c:v>0.74607197528325997</c:v>
                </c:pt>
                <c:pt idx="4971">
                  <c:v>0.74607197528325997</c:v>
                </c:pt>
                <c:pt idx="4972">
                  <c:v>0.74607197528325997</c:v>
                </c:pt>
                <c:pt idx="4973">
                  <c:v>0.96160387925397939</c:v>
                </c:pt>
                <c:pt idx="4974">
                  <c:v>1.1605564059961821</c:v>
                </c:pt>
                <c:pt idx="4975">
                  <c:v>1.1605564059961821</c:v>
                </c:pt>
                <c:pt idx="4976">
                  <c:v>1.1605564059961821</c:v>
                </c:pt>
                <c:pt idx="4977">
                  <c:v>1.2434532921387667</c:v>
                </c:pt>
                <c:pt idx="4978">
                  <c:v>1.2931914238243172</c:v>
                </c:pt>
                <c:pt idx="4979">
                  <c:v>1.4921439505665199</c:v>
                </c:pt>
                <c:pt idx="4980">
                  <c:v>1.4921439505665199</c:v>
                </c:pt>
                <c:pt idx="4981">
                  <c:v>1.4921439505665199</c:v>
                </c:pt>
                <c:pt idx="4982">
                  <c:v>1.4921439505665199</c:v>
                </c:pt>
                <c:pt idx="4983">
                  <c:v>1.2434532921387667</c:v>
                </c:pt>
                <c:pt idx="4984">
                  <c:v>1.1771357832246991</c:v>
                </c:pt>
                <c:pt idx="4985">
                  <c:v>1.1771357832246991</c:v>
                </c:pt>
                <c:pt idx="4986">
                  <c:v>1.1771357832246991</c:v>
                </c:pt>
                <c:pt idx="4987">
                  <c:v>1.1771357832246991</c:v>
                </c:pt>
                <c:pt idx="4988">
                  <c:v>0.91186574756842875</c:v>
                </c:pt>
                <c:pt idx="4989">
                  <c:v>0.34816692179885467</c:v>
                </c:pt>
                <c:pt idx="4990">
                  <c:v>0.34816692179885467</c:v>
                </c:pt>
                <c:pt idx="4991">
                  <c:v>0.34816692179885467</c:v>
                </c:pt>
                <c:pt idx="4992">
                  <c:v>0.13950670152697908</c:v>
                </c:pt>
                <c:pt idx="4993">
                  <c:v>0.27237022679076872</c:v>
                </c:pt>
                <c:pt idx="4994">
                  <c:v>0.27237022679076872</c:v>
                </c:pt>
                <c:pt idx="4995">
                  <c:v>0.27237022679076872</c:v>
                </c:pt>
                <c:pt idx="4996">
                  <c:v>0.27237022679076872</c:v>
                </c:pt>
                <c:pt idx="4997">
                  <c:v>0.3388019894226636</c:v>
                </c:pt>
                <c:pt idx="4998">
                  <c:v>0.42516328084412675</c:v>
                </c:pt>
                <c:pt idx="4999">
                  <c:v>0.48495186721283212</c:v>
                </c:pt>
                <c:pt idx="5000">
                  <c:v>0.48495186721283212</c:v>
                </c:pt>
                <c:pt idx="5001">
                  <c:v>0.48495186721283212</c:v>
                </c:pt>
                <c:pt idx="5002">
                  <c:v>0.48495186721283212</c:v>
                </c:pt>
                <c:pt idx="5003">
                  <c:v>0.48495186721283212</c:v>
                </c:pt>
                <c:pt idx="5004">
                  <c:v>0.48495186721283212</c:v>
                </c:pt>
                <c:pt idx="5005">
                  <c:v>0.48495186721283212</c:v>
                </c:pt>
                <c:pt idx="5006">
                  <c:v>0.48495186721283212</c:v>
                </c:pt>
                <c:pt idx="5007">
                  <c:v>0.4384496333705058</c:v>
                </c:pt>
                <c:pt idx="5008">
                  <c:v>0.39859057579136881</c:v>
                </c:pt>
                <c:pt idx="5009">
                  <c:v>0.35873151821223193</c:v>
                </c:pt>
                <c:pt idx="5010">
                  <c:v>0.34544516568585293</c:v>
                </c:pt>
                <c:pt idx="5011">
                  <c:v>0.27901340305395816</c:v>
                </c:pt>
                <c:pt idx="5012">
                  <c:v>0.20593846415887387</c:v>
                </c:pt>
                <c:pt idx="5013">
                  <c:v>0.20593846415887387</c:v>
                </c:pt>
                <c:pt idx="5014">
                  <c:v>0.20593846415887387</c:v>
                </c:pt>
                <c:pt idx="5015">
                  <c:v>0.20593846415887387</c:v>
                </c:pt>
                <c:pt idx="5016">
                  <c:v>0.23405417646425214</c:v>
                </c:pt>
                <c:pt idx="5017">
                  <c:v>0.27180485008751859</c:v>
                </c:pt>
                <c:pt idx="5018">
                  <c:v>0.27180485008751859</c:v>
                </c:pt>
                <c:pt idx="5019">
                  <c:v>0.27180485008751859</c:v>
                </c:pt>
                <c:pt idx="5020">
                  <c:v>0.27180485008751859</c:v>
                </c:pt>
                <c:pt idx="5021">
                  <c:v>0.33975606260939822</c:v>
                </c:pt>
                <c:pt idx="5022">
                  <c:v>0.40015714040662465</c:v>
                </c:pt>
                <c:pt idx="5023">
                  <c:v>0.47565848765315755</c:v>
                </c:pt>
                <c:pt idx="5024">
                  <c:v>0.47565848765315755</c:v>
                </c:pt>
                <c:pt idx="5025">
                  <c:v>0.47565848765315755</c:v>
                </c:pt>
                <c:pt idx="5026">
                  <c:v>0.47565848765315755</c:v>
                </c:pt>
                <c:pt idx="5027">
                  <c:v>0.47565848765315755</c:v>
                </c:pt>
                <c:pt idx="5028">
                  <c:v>0.47565848765315755</c:v>
                </c:pt>
                <c:pt idx="5029">
                  <c:v>0.47565848765315755</c:v>
                </c:pt>
                <c:pt idx="5030">
                  <c:v>0.47565848765315755</c:v>
                </c:pt>
                <c:pt idx="5031">
                  <c:v>0.4228075445805845</c:v>
                </c:pt>
                <c:pt idx="5032">
                  <c:v>0.41525740985593129</c:v>
                </c:pt>
                <c:pt idx="5033">
                  <c:v>0.35485633205870487</c:v>
                </c:pt>
                <c:pt idx="5034">
                  <c:v>0.33220592788474501</c:v>
                </c:pt>
                <c:pt idx="5035">
                  <c:v>0.27935498481217197</c:v>
                </c:pt>
                <c:pt idx="5036">
                  <c:v>0.23405417646425214</c:v>
                </c:pt>
                <c:pt idx="5037">
                  <c:v>0.20385363756563898</c:v>
                </c:pt>
                <c:pt idx="5038">
                  <c:v>0.20385363756563898</c:v>
                </c:pt>
                <c:pt idx="5039">
                  <c:v>0.20385363756563898</c:v>
                </c:pt>
                <c:pt idx="5040">
                  <c:v>0.23287780569497324</c:v>
                </c:pt>
                <c:pt idx="5041">
                  <c:v>0.23287780569497324</c:v>
                </c:pt>
                <c:pt idx="5042">
                  <c:v>0.23287780569497324</c:v>
                </c:pt>
                <c:pt idx="5043">
                  <c:v>0.23287780569497324</c:v>
                </c:pt>
                <c:pt idx="5044">
                  <c:v>0.23287780569497324</c:v>
                </c:pt>
                <c:pt idx="5045">
                  <c:v>1.0091371580115507</c:v>
                </c:pt>
                <c:pt idx="5046">
                  <c:v>1.1449825446669519</c:v>
                </c:pt>
                <c:pt idx="5047">
                  <c:v>1.1449825446669519</c:v>
                </c:pt>
                <c:pt idx="5048">
                  <c:v>1.1449825446669519</c:v>
                </c:pt>
                <c:pt idx="5049">
                  <c:v>1.2226084798986097</c:v>
                </c:pt>
                <c:pt idx="5050">
                  <c:v>1.2226084798986097</c:v>
                </c:pt>
                <c:pt idx="5051">
                  <c:v>1.5525187046331552</c:v>
                </c:pt>
                <c:pt idx="5052">
                  <c:v>1.5525187046331552</c:v>
                </c:pt>
                <c:pt idx="5053">
                  <c:v>1.0285436418194653</c:v>
                </c:pt>
                <c:pt idx="5054">
                  <c:v>1.5525187046331552</c:v>
                </c:pt>
                <c:pt idx="5055">
                  <c:v>1.5525187046331552</c:v>
                </c:pt>
                <c:pt idx="5056">
                  <c:v>1.5525187046331552</c:v>
                </c:pt>
                <c:pt idx="5057">
                  <c:v>1.5525187046331552</c:v>
                </c:pt>
                <c:pt idx="5058">
                  <c:v>1.5525187046331552</c:v>
                </c:pt>
                <c:pt idx="5059">
                  <c:v>1.3002344151302676</c:v>
                </c:pt>
                <c:pt idx="5060">
                  <c:v>1.067356609435294</c:v>
                </c:pt>
                <c:pt idx="5061">
                  <c:v>0.77625935231657761</c:v>
                </c:pt>
                <c:pt idx="5062">
                  <c:v>0.73744638470074875</c:v>
                </c:pt>
                <c:pt idx="5063">
                  <c:v>0.73744638470074875</c:v>
                </c:pt>
                <c:pt idx="5064">
                  <c:v>0.68164518444379807</c:v>
                </c:pt>
                <c:pt idx="5065">
                  <c:v>0.68164518444379807</c:v>
                </c:pt>
                <c:pt idx="5066">
                  <c:v>0.68164518444379807</c:v>
                </c:pt>
                <c:pt idx="5067">
                  <c:v>0.68164518444379807</c:v>
                </c:pt>
                <c:pt idx="5068">
                  <c:v>0.68164518444379807</c:v>
                </c:pt>
                <c:pt idx="5069">
                  <c:v>0.88613873977693758</c:v>
                </c:pt>
                <c:pt idx="5070">
                  <c:v>0.98838551744350722</c:v>
                </c:pt>
                <c:pt idx="5071">
                  <c:v>1.0224677766656973</c:v>
                </c:pt>
                <c:pt idx="5072">
                  <c:v>1.0224677766656973</c:v>
                </c:pt>
                <c:pt idx="5073">
                  <c:v>1.1076734247211719</c:v>
                </c:pt>
                <c:pt idx="5074">
                  <c:v>1.1587968135544566</c:v>
                </c:pt>
                <c:pt idx="5075">
                  <c:v>1.3632903688875961</c:v>
                </c:pt>
                <c:pt idx="5076">
                  <c:v>1.3632903688875961</c:v>
                </c:pt>
                <c:pt idx="5077">
                  <c:v>1.3632903688875961</c:v>
                </c:pt>
                <c:pt idx="5078">
                  <c:v>1.3632903688875961</c:v>
                </c:pt>
                <c:pt idx="5079">
                  <c:v>1.3632903688875961</c:v>
                </c:pt>
                <c:pt idx="5080">
                  <c:v>1.3632903688875961</c:v>
                </c:pt>
                <c:pt idx="5081">
                  <c:v>1.3632903688875961</c:v>
                </c:pt>
                <c:pt idx="5082">
                  <c:v>1.3632903688875961</c:v>
                </c:pt>
                <c:pt idx="5083">
                  <c:v>1.141755683943362</c:v>
                </c:pt>
                <c:pt idx="5084">
                  <c:v>0.9372621286102224</c:v>
                </c:pt>
                <c:pt idx="5085">
                  <c:v>0.68164518444379807</c:v>
                </c:pt>
                <c:pt idx="5086">
                  <c:v>0.68164518444379807</c:v>
                </c:pt>
                <c:pt idx="5087">
                  <c:v>0.68164518444379807</c:v>
                </c:pt>
                <c:pt idx="5088">
                  <c:v>0.60011092192111304</c:v>
                </c:pt>
                <c:pt idx="5089">
                  <c:v>0.67512478716125213</c:v>
                </c:pt>
                <c:pt idx="5090">
                  <c:v>0.67512478716125213</c:v>
                </c:pt>
                <c:pt idx="5091">
                  <c:v>0.67512478716125213</c:v>
                </c:pt>
                <c:pt idx="5092">
                  <c:v>0.67512478716125213</c:v>
                </c:pt>
                <c:pt idx="5093">
                  <c:v>0.87016083678561396</c:v>
                </c:pt>
                <c:pt idx="5094">
                  <c:v>1.0051857942178644</c:v>
                </c:pt>
                <c:pt idx="5095">
                  <c:v>1.0051857942178644</c:v>
                </c:pt>
                <c:pt idx="5096">
                  <c:v>1.0051857942178644</c:v>
                </c:pt>
                <c:pt idx="5097">
                  <c:v>1.0801996594580032</c:v>
                </c:pt>
                <c:pt idx="5098">
                  <c:v>1.1702162977461703</c:v>
                </c:pt>
                <c:pt idx="5099">
                  <c:v>1.3502495743225043</c:v>
                </c:pt>
                <c:pt idx="5100">
                  <c:v>1.3502495743225043</c:v>
                </c:pt>
                <c:pt idx="5101">
                  <c:v>1.3502495743225043</c:v>
                </c:pt>
                <c:pt idx="5102">
                  <c:v>1.3502495743225043</c:v>
                </c:pt>
                <c:pt idx="5103">
                  <c:v>1.3502495743225043</c:v>
                </c:pt>
                <c:pt idx="5104">
                  <c:v>1.3502495743225043</c:v>
                </c:pt>
                <c:pt idx="5105">
                  <c:v>1.3502495743225043</c:v>
                </c:pt>
                <c:pt idx="5106">
                  <c:v>1.3502495743225043</c:v>
                </c:pt>
                <c:pt idx="5107">
                  <c:v>1.1252079786020868</c:v>
                </c:pt>
                <c:pt idx="5108">
                  <c:v>0.9001663828816695</c:v>
                </c:pt>
                <c:pt idx="5109">
                  <c:v>0.67512478716125213</c:v>
                </c:pt>
                <c:pt idx="5110">
                  <c:v>0.67512478716125213</c:v>
                </c:pt>
                <c:pt idx="5111">
                  <c:v>0.67512478716125213</c:v>
                </c:pt>
                <c:pt idx="5112">
                  <c:v>0.67923356657162703</c:v>
                </c:pt>
                <c:pt idx="5113">
                  <c:v>0.67923356657162703</c:v>
                </c:pt>
                <c:pt idx="5114">
                  <c:v>0.67923356657162703</c:v>
                </c:pt>
                <c:pt idx="5115">
                  <c:v>0.67923356657162703</c:v>
                </c:pt>
                <c:pt idx="5116">
                  <c:v>0.67923356657162703</c:v>
                </c:pt>
                <c:pt idx="5117">
                  <c:v>0.87545659691454147</c:v>
                </c:pt>
                <c:pt idx="5118">
                  <c:v>1.0113033102288671</c:v>
                </c:pt>
                <c:pt idx="5119">
                  <c:v>1.0113033102288671</c:v>
                </c:pt>
                <c:pt idx="5120">
                  <c:v>1.0113033102288671</c:v>
                </c:pt>
                <c:pt idx="5121">
                  <c:v>1.0867737065146033</c:v>
                </c:pt>
                <c:pt idx="5122">
                  <c:v>1.1773381820574869</c:v>
                </c:pt>
                <c:pt idx="5123">
                  <c:v>1.3584671331432541</c:v>
                </c:pt>
                <c:pt idx="5124">
                  <c:v>1.3584671331432541</c:v>
                </c:pt>
                <c:pt idx="5125">
                  <c:v>1.3584671331432541</c:v>
                </c:pt>
                <c:pt idx="5126">
                  <c:v>1.3584671331432541</c:v>
                </c:pt>
                <c:pt idx="5127">
                  <c:v>1.3584671331432541</c:v>
                </c:pt>
                <c:pt idx="5128">
                  <c:v>1.3584671331432541</c:v>
                </c:pt>
                <c:pt idx="5129">
                  <c:v>1.3584671331432541</c:v>
                </c:pt>
                <c:pt idx="5130">
                  <c:v>1.3584671331432541</c:v>
                </c:pt>
                <c:pt idx="5131">
                  <c:v>1.1320559442860449</c:v>
                </c:pt>
                <c:pt idx="5132">
                  <c:v>0.90564475542883616</c:v>
                </c:pt>
                <c:pt idx="5133">
                  <c:v>0.67923356657162703</c:v>
                </c:pt>
                <c:pt idx="5134">
                  <c:v>0.67923356657162703</c:v>
                </c:pt>
                <c:pt idx="5135">
                  <c:v>0.67923356657162703</c:v>
                </c:pt>
                <c:pt idx="5136">
                  <c:v>0.74720124946827404</c:v>
                </c:pt>
                <c:pt idx="5137">
                  <c:v>0.74720124946827404</c:v>
                </c:pt>
                <c:pt idx="5138">
                  <c:v>0.74720124946827404</c:v>
                </c:pt>
                <c:pt idx="5139">
                  <c:v>0.74720124946827404</c:v>
                </c:pt>
                <c:pt idx="5140">
                  <c:v>0.74720124946827404</c:v>
                </c:pt>
                <c:pt idx="5141">
                  <c:v>0.96305938820355308</c:v>
                </c:pt>
                <c:pt idx="5142">
                  <c:v>1.1623130547284262</c:v>
                </c:pt>
                <c:pt idx="5143">
                  <c:v>1.1623130547284262</c:v>
                </c:pt>
                <c:pt idx="5144">
                  <c:v>1.1623130547284262</c:v>
                </c:pt>
                <c:pt idx="5145">
                  <c:v>1.2453354157804568</c:v>
                </c:pt>
                <c:pt idx="5146">
                  <c:v>1.2951488324116749</c:v>
                </c:pt>
                <c:pt idx="5147">
                  <c:v>1.4944024989365481</c:v>
                </c:pt>
                <c:pt idx="5148">
                  <c:v>1.4944024989365481</c:v>
                </c:pt>
                <c:pt idx="5149">
                  <c:v>1.4944024989365481</c:v>
                </c:pt>
                <c:pt idx="5150">
                  <c:v>1.4944024989365481</c:v>
                </c:pt>
                <c:pt idx="5151">
                  <c:v>1.2453354157804568</c:v>
                </c:pt>
                <c:pt idx="5152">
                  <c:v>1.1789175269388323</c:v>
                </c:pt>
                <c:pt idx="5153">
                  <c:v>1.1789175269388323</c:v>
                </c:pt>
                <c:pt idx="5154">
                  <c:v>1.1789175269388323</c:v>
                </c:pt>
                <c:pt idx="5155">
                  <c:v>1.1789175269388323</c:v>
                </c:pt>
                <c:pt idx="5156">
                  <c:v>0.91324597157233489</c:v>
                </c:pt>
                <c:pt idx="5157">
                  <c:v>0.34869391641852787</c:v>
                </c:pt>
                <c:pt idx="5158">
                  <c:v>0.34869391641852787</c:v>
                </c:pt>
                <c:pt idx="5159">
                  <c:v>0.34869391641852787</c:v>
                </c:pt>
                <c:pt idx="5160">
                  <c:v>0.16075711470716506</c:v>
                </c:pt>
                <c:pt idx="5161">
                  <c:v>0.31385912871398891</c:v>
                </c:pt>
                <c:pt idx="5162">
                  <c:v>0.31385912871398891</c:v>
                </c:pt>
                <c:pt idx="5163">
                  <c:v>0.31385912871398891</c:v>
                </c:pt>
                <c:pt idx="5164">
                  <c:v>0.31385912871398891</c:v>
                </c:pt>
                <c:pt idx="5165">
                  <c:v>0.39041013571740085</c:v>
                </c:pt>
                <c:pt idx="5166">
                  <c:v>0.48992644482183628</c:v>
                </c:pt>
                <c:pt idx="5167">
                  <c:v>0.55882235112490697</c:v>
                </c:pt>
                <c:pt idx="5168">
                  <c:v>0.55882235112490697</c:v>
                </c:pt>
                <c:pt idx="5169">
                  <c:v>0.55882235112490697</c:v>
                </c:pt>
                <c:pt idx="5170">
                  <c:v>0.55882235112490697</c:v>
                </c:pt>
                <c:pt idx="5171">
                  <c:v>0.55882235112490697</c:v>
                </c:pt>
                <c:pt idx="5172">
                  <c:v>0.55882235112490697</c:v>
                </c:pt>
                <c:pt idx="5173">
                  <c:v>0.55882235112490697</c:v>
                </c:pt>
                <c:pt idx="5174">
                  <c:v>0.55882235112490697</c:v>
                </c:pt>
                <c:pt idx="5175">
                  <c:v>0.50523664622251863</c:v>
                </c:pt>
                <c:pt idx="5176">
                  <c:v>0.45930604202047148</c:v>
                </c:pt>
                <c:pt idx="5177">
                  <c:v>0.41337543781842434</c:v>
                </c:pt>
                <c:pt idx="5178">
                  <c:v>0.39806523641774194</c:v>
                </c:pt>
                <c:pt idx="5179">
                  <c:v>0.32151422941433011</c:v>
                </c:pt>
                <c:pt idx="5180">
                  <c:v>0.23730812171057694</c:v>
                </c:pt>
                <c:pt idx="5181">
                  <c:v>0.23730812171057694</c:v>
                </c:pt>
                <c:pt idx="5182">
                  <c:v>0.23730812171057694</c:v>
                </c:pt>
                <c:pt idx="5183">
                  <c:v>0.23730812171057694</c:v>
                </c:pt>
                <c:pt idx="5184">
                  <c:v>0.26808600756543488</c:v>
                </c:pt>
                <c:pt idx="5185">
                  <c:v>0.31132568620502116</c:v>
                </c:pt>
                <c:pt idx="5186">
                  <c:v>0.31132568620502116</c:v>
                </c:pt>
                <c:pt idx="5187">
                  <c:v>0.31132568620502116</c:v>
                </c:pt>
                <c:pt idx="5188">
                  <c:v>0.31132568620502116</c:v>
                </c:pt>
                <c:pt idx="5189">
                  <c:v>0.38915710775627643</c:v>
                </c:pt>
                <c:pt idx="5190">
                  <c:v>0.45834059357961443</c:v>
                </c:pt>
                <c:pt idx="5191">
                  <c:v>0.54481995085878709</c:v>
                </c:pt>
                <c:pt idx="5192">
                  <c:v>0.54481995085878709</c:v>
                </c:pt>
                <c:pt idx="5193">
                  <c:v>0.54481995085878709</c:v>
                </c:pt>
                <c:pt idx="5194">
                  <c:v>0.54481995085878709</c:v>
                </c:pt>
                <c:pt idx="5195">
                  <c:v>0.54481995085878709</c:v>
                </c:pt>
                <c:pt idx="5196">
                  <c:v>0.54481995085878709</c:v>
                </c:pt>
                <c:pt idx="5197">
                  <c:v>0.54481995085878709</c:v>
                </c:pt>
                <c:pt idx="5198">
                  <c:v>0.54481995085878709</c:v>
                </c:pt>
                <c:pt idx="5199">
                  <c:v>0.48428440076336626</c:v>
                </c:pt>
                <c:pt idx="5200">
                  <c:v>0.47563646503544893</c:v>
                </c:pt>
                <c:pt idx="5201">
                  <c:v>0.40645297921211099</c:v>
                </c:pt>
                <c:pt idx="5202">
                  <c:v>0.38050917202835921</c:v>
                </c:pt>
                <c:pt idx="5203">
                  <c:v>0.31997362193293843</c:v>
                </c:pt>
                <c:pt idx="5204">
                  <c:v>0.26808600756543488</c:v>
                </c:pt>
                <c:pt idx="5205">
                  <c:v>0.23349426465376588</c:v>
                </c:pt>
                <c:pt idx="5206">
                  <c:v>0.23349426465376588</c:v>
                </c:pt>
                <c:pt idx="5207">
                  <c:v>0.23349426465376588</c:v>
                </c:pt>
                <c:pt idx="5208">
                  <c:v>0.2369345106108916</c:v>
                </c:pt>
                <c:pt idx="5209">
                  <c:v>0.2369345106108916</c:v>
                </c:pt>
                <c:pt idx="5210">
                  <c:v>0.2369345106108916</c:v>
                </c:pt>
                <c:pt idx="5211">
                  <c:v>0.2369345106108916</c:v>
                </c:pt>
                <c:pt idx="5212">
                  <c:v>0.2369345106108916</c:v>
                </c:pt>
                <c:pt idx="5213">
                  <c:v>1.0267162126471969</c:v>
                </c:pt>
                <c:pt idx="5214">
                  <c:v>1.1649280105035504</c:v>
                </c:pt>
                <c:pt idx="5215">
                  <c:v>1.1649280105035504</c:v>
                </c:pt>
                <c:pt idx="5216">
                  <c:v>1.1649280105035504</c:v>
                </c:pt>
                <c:pt idx="5217">
                  <c:v>1.243906180707181</c:v>
                </c:pt>
                <c:pt idx="5218">
                  <c:v>1.243906180707181</c:v>
                </c:pt>
                <c:pt idx="5219">
                  <c:v>1.5795634040726108</c:v>
                </c:pt>
                <c:pt idx="5220">
                  <c:v>1.5795634040726108</c:v>
                </c:pt>
                <c:pt idx="5221">
                  <c:v>1.0464607551981044</c:v>
                </c:pt>
                <c:pt idx="5222">
                  <c:v>1.5795634040726108</c:v>
                </c:pt>
                <c:pt idx="5223">
                  <c:v>1.5795634040726108</c:v>
                </c:pt>
                <c:pt idx="5224">
                  <c:v>1.5795634040726108</c:v>
                </c:pt>
                <c:pt idx="5225">
                  <c:v>1.5795634040726108</c:v>
                </c:pt>
                <c:pt idx="5226">
                  <c:v>1.5795634040726108</c:v>
                </c:pt>
                <c:pt idx="5227">
                  <c:v>1.3228843509108117</c:v>
                </c:pt>
                <c:pt idx="5228">
                  <c:v>1.0859498402999197</c:v>
                </c:pt>
                <c:pt idx="5229">
                  <c:v>0.78978170203630538</c:v>
                </c:pt>
                <c:pt idx="5230">
                  <c:v>0.75029261693449012</c:v>
                </c:pt>
                <c:pt idx="5231">
                  <c:v>0.75029261693449012</c:v>
                </c:pt>
                <c:pt idx="5232">
                  <c:v>0.70379441489490524</c:v>
                </c:pt>
                <c:pt idx="5233">
                  <c:v>0.70379441489490524</c:v>
                </c:pt>
                <c:pt idx="5234">
                  <c:v>0.70379441489490524</c:v>
                </c:pt>
                <c:pt idx="5235">
                  <c:v>0.70379441489490524</c:v>
                </c:pt>
                <c:pt idx="5236">
                  <c:v>0.70379441489490524</c:v>
                </c:pt>
                <c:pt idx="5237">
                  <c:v>0.91493273936337671</c:v>
                </c:pt>
                <c:pt idx="5238">
                  <c:v>1.0205019015976124</c:v>
                </c:pt>
                <c:pt idx="5239">
                  <c:v>1.0556916223423576</c:v>
                </c:pt>
                <c:pt idx="5240">
                  <c:v>1.0556916223423576</c:v>
                </c:pt>
                <c:pt idx="5241">
                  <c:v>1.1436659242042209</c:v>
                </c:pt>
                <c:pt idx="5242">
                  <c:v>1.1964505053213388</c:v>
                </c:pt>
                <c:pt idx="5243">
                  <c:v>1.4075888297898105</c:v>
                </c:pt>
                <c:pt idx="5244">
                  <c:v>1.4075888297898105</c:v>
                </c:pt>
                <c:pt idx="5245">
                  <c:v>1.4075888297898105</c:v>
                </c:pt>
                <c:pt idx="5246">
                  <c:v>1.4075888297898105</c:v>
                </c:pt>
                <c:pt idx="5247">
                  <c:v>1.4075888297898105</c:v>
                </c:pt>
                <c:pt idx="5248">
                  <c:v>1.4075888297898105</c:v>
                </c:pt>
                <c:pt idx="5249">
                  <c:v>1.4075888297898105</c:v>
                </c:pt>
                <c:pt idx="5250">
                  <c:v>1.4075888297898105</c:v>
                </c:pt>
                <c:pt idx="5251">
                  <c:v>1.1788556449489662</c:v>
                </c:pt>
                <c:pt idx="5252">
                  <c:v>0.96771732048049453</c:v>
                </c:pt>
                <c:pt idx="5253">
                  <c:v>0.70379441489490524</c:v>
                </c:pt>
                <c:pt idx="5254">
                  <c:v>0.70379441489490524</c:v>
                </c:pt>
                <c:pt idx="5255">
                  <c:v>0.70379441489490524</c:v>
                </c:pt>
                <c:pt idx="5256">
                  <c:v>0.6134433479385174</c:v>
                </c:pt>
                <c:pt idx="5257">
                  <c:v>0.69012376643083206</c:v>
                </c:pt>
                <c:pt idx="5258">
                  <c:v>0.69012376643083206</c:v>
                </c:pt>
                <c:pt idx="5259">
                  <c:v>0.69012376643083206</c:v>
                </c:pt>
                <c:pt idx="5260">
                  <c:v>0.69012376643083206</c:v>
                </c:pt>
                <c:pt idx="5261">
                  <c:v>0.88949285451085014</c:v>
                </c:pt>
                <c:pt idx="5262">
                  <c:v>1.0275176077970167</c:v>
                </c:pt>
                <c:pt idx="5263">
                  <c:v>1.0275176077970167</c:v>
                </c:pt>
                <c:pt idx="5264">
                  <c:v>1.0275176077970167</c:v>
                </c:pt>
                <c:pt idx="5265">
                  <c:v>1.1041980262893314</c:v>
                </c:pt>
                <c:pt idx="5266">
                  <c:v>1.1962145284801089</c:v>
                </c:pt>
                <c:pt idx="5267">
                  <c:v>1.3802475328616641</c:v>
                </c:pt>
                <c:pt idx="5268">
                  <c:v>1.3802475328616641</c:v>
                </c:pt>
                <c:pt idx="5269">
                  <c:v>1.3802475328616641</c:v>
                </c:pt>
                <c:pt idx="5270">
                  <c:v>1.3802475328616641</c:v>
                </c:pt>
                <c:pt idx="5271">
                  <c:v>1.3802475328616641</c:v>
                </c:pt>
                <c:pt idx="5272">
                  <c:v>1.3802475328616641</c:v>
                </c:pt>
                <c:pt idx="5273">
                  <c:v>1.3802475328616641</c:v>
                </c:pt>
                <c:pt idx="5274">
                  <c:v>1.3802475328616641</c:v>
                </c:pt>
                <c:pt idx="5275">
                  <c:v>1.1502062773847201</c:v>
                </c:pt>
                <c:pt idx="5276">
                  <c:v>0.92016502190777616</c:v>
                </c:pt>
                <c:pt idx="5277">
                  <c:v>0.69012376643083206</c:v>
                </c:pt>
                <c:pt idx="5278">
                  <c:v>0.69012376643083206</c:v>
                </c:pt>
                <c:pt idx="5279">
                  <c:v>0.69012376643083206</c:v>
                </c:pt>
                <c:pt idx="5280">
                  <c:v>0.68284286315864384</c:v>
                </c:pt>
                <c:pt idx="5281">
                  <c:v>0.68284286315864384</c:v>
                </c:pt>
                <c:pt idx="5282">
                  <c:v>0.68284286315864384</c:v>
                </c:pt>
                <c:pt idx="5283">
                  <c:v>0.68284286315864384</c:v>
                </c:pt>
                <c:pt idx="5284">
                  <c:v>0.68284286315864384</c:v>
                </c:pt>
                <c:pt idx="5285">
                  <c:v>0.88010857918225216</c:v>
                </c:pt>
                <c:pt idx="5286">
                  <c:v>1.016677151813981</c:v>
                </c:pt>
                <c:pt idx="5287">
                  <c:v>1.016677151813981</c:v>
                </c:pt>
                <c:pt idx="5288">
                  <c:v>1.016677151813981</c:v>
                </c:pt>
                <c:pt idx="5289">
                  <c:v>1.0925485810538302</c:v>
                </c:pt>
                <c:pt idx="5290">
                  <c:v>1.1835942961416495</c:v>
                </c:pt>
                <c:pt idx="5291">
                  <c:v>1.3656857263172877</c:v>
                </c:pt>
                <c:pt idx="5292">
                  <c:v>1.3656857263172877</c:v>
                </c:pt>
                <c:pt idx="5293">
                  <c:v>1.3656857263172877</c:v>
                </c:pt>
                <c:pt idx="5294">
                  <c:v>1.3656857263172877</c:v>
                </c:pt>
                <c:pt idx="5295">
                  <c:v>1.3656857263172877</c:v>
                </c:pt>
                <c:pt idx="5296">
                  <c:v>1.3656857263172877</c:v>
                </c:pt>
                <c:pt idx="5297">
                  <c:v>1.3656857263172877</c:v>
                </c:pt>
                <c:pt idx="5298">
                  <c:v>1.3656857263172877</c:v>
                </c:pt>
                <c:pt idx="5299">
                  <c:v>1.13807143859774</c:v>
                </c:pt>
                <c:pt idx="5300">
                  <c:v>0.91045715087819201</c:v>
                </c:pt>
                <c:pt idx="5301">
                  <c:v>0.68284286315864384</c:v>
                </c:pt>
                <c:pt idx="5302">
                  <c:v>0.68284286315864384</c:v>
                </c:pt>
                <c:pt idx="5303">
                  <c:v>0.68284286315864384</c:v>
                </c:pt>
                <c:pt idx="5304">
                  <c:v>0.75905862841092164</c:v>
                </c:pt>
                <c:pt idx="5305">
                  <c:v>0.75905862841092164</c:v>
                </c:pt>
                <c:pt idx="5306">
                  <c:v>0.75905862841092164</c:v>
                </c:pt>
                <c:pt idx="5307">
                  <c:v>0.75905862841092164</c:v>
                </c:pt>
                <c:pt idx="5308">
                  <c:v>0.75905862841092164</c:v>
                </c:pt>
                <c:pt idx="5309">
                  <c:v>0.97834223217407679</c:v>
                </c:pt>
                <c:pt idx="5310">
                  <c:v>1.1807578664169893</c:v>
                </c:pt>
                <c:pt idx="5311">
                  <c:v>1.1807578664169893</c:v>
                </c:pt>
                <c:pt idx="5312">
                  <c:v>1.1807578664169893</c:v>
                </c:pt>
                <c:pt idx="5313">
                  <c:v>1.2650977140182027</c:v>
                </c:pt>
                <c:pt idx="5314">
                  <c:v>1.3157016225789309</c:v>
                </c:pt>
                <c:pt idx="5315">
                  <c:v>1.5181172568218433</c:v>
                </c:pt>
                <c:pt idx="5316">
                  <c:v>1.5181172568218433</c:v>
                </c:pt>
                <c:pt idx="5317">
                  <c:v>1.5181172568218433</c:v>
                </c:pt>
                <c:pt idx="5318">
                  <c:v>1.5181172568218433</c:v>
                </c:pt>
                <c:pt idx="5319">
                  <c:v>1.2650977140182027</c:v>
                </c:pt>
                <c:pt idx="5320">
                  <c:v>1.1976258359372323</c:v>
                </c:pt>
                <c:pt idx="5321">
                  <c:v>1.1976258359372323</c:v>
                </c:pt>
                <c:pt idx="5322">
                  <c:v>1.1976258359372323</c:v>
                </c:pt>
                <c:pt idx="5323">
                  <c:v>1.1976258359372323</c:v>
                </c:pt>
                <c:pt idx="5324">
                  <c:v>0.92773832361334874</c:v>
                </c:pt>
                <c:pt idx="5325">
                  <c:v>0.35422735992509674</c:v>
                </c:pt>
                <c:pt idx="5326">
                  <c:v>0.35422735992509674</c:v>
                </c:pt>
                <c:pt idx="5327">
                  <c:v>0.35422735992509674</c:v>
                </c:pt>
                <c:pt idx="5328">
                  <c:v>0.15785933109168507</c:v>
                </c:pt>
                <c:pt idx="5329">
                  <c:v>0.30820155117900422</c:v>
                </c:pt>
                <c:pt idx="5330">
                  <c:v>0.30820155117900422</c:v>
                </c:pt>
                <c:pt idx="5331">
                  <c:v>0.30820155117900422</c:v>
                </c:pt>
                <c:pt idx="5332">
                  <c:v>0.30820155117900422</c:v>
                </c:pt>
                <c:pt idx="5333">
                  <c:v>0.38337266122266372</c:v>
                </c:pt>
                <c:pt idx="5334">
                  <c:v>0.48109510427942126</c:v>
                </c:pt>
                <c:pt idx="5335">
                  <c:v>0.54874910331871485</c:v>
                </c:pt>
                <c:pt idx="5336">
                  <c:v>0.54874910331871485</c:v>
                </c:pt>
                <c:pt idx="5337">
                  <c:v>0.54874910331871485</c:v>
                </c:pt>
                <c:pt idx="5338">
                  <c:v>0.54874910331871485</c:v>
                </c:pt>
                <c:pt idx="5339">
                  <c:v>0.54874910331871485</c:v>
                </c:pt>
                <c:pt idx="5340">
                  <c:v>0.54874910331871485</c:v>
                </c:pt>
                <c:pt idx="5341">
                  <c:v>0.54874910331871485</c:v>
                </c:pt>
                <c:pt idx="5342">
                  <c:v>0.54874910331871485</c:v>
                </c:pt>
                <c:pt idx="5343">
                  <c:v>0.49612932628815309</c:v>
                </c:pt>
                <c:pt idx="5344">
                  <c:v>0.45102666026195742</c:v>
                </c:pt>
                <c:pt idx="5345">
                  <c:v>0.40592399423576164</c:v>
                </c:pt>
                <c:pt idx="5346">
                  <c:v>0.39088977222702975</c:v>
                </c:pt>
                <c:pt idx="5347">
                  <c:v>0.31571866218337014</c:v>
                </c:pt>
                <c:pt idx="5348">
                  <c:v>0.23303044113534463</c:v>
                </c:pt>
                <c:pt idx="5349">
                  <c:v>0.23303044113534463</c:v>
                </c:pt>
                <c:pt idx="5350">
                  <c:v>0.23303044113534463</c:v>
                </c:pt>
                <c:pt idx="5351">
                  <c:v>0.23303044113534463</c:v>
                </c:pt>
                <c:pt idx="5352">
                  <c:v>0.25025981032195815</c:v>
                </c:pt>
                <c:pt idx="5353">
                  <c:v>0.2906242958577579</c:v>
                </c:pt>
                <c:pt idx="5354">
                  <c:v>0.2906242958577579</c:v>
                </c:pt>
                <c:pt idx="5355">
                  <c:v>0.2906242958577579</c:v>
                </c:pt>
                <c:pt idx="5356">
                  <c:v>0.2906242958577579</c:v>
                </c:pt>
                <c:pt idx="5357">
                  <c:v>0.36328036982219736</c:v>
                </c:pt>
                <c:pt idx="5358">
                  <c:v>0.42786354667947696</c:v>
                </c:pt>
                <c:pt idx="5359">
                  <c:v>0.50859251775107628</c:v>
                </c:pt>
                <c:pt idx="5360">
                  <c:v>0.50859251775107628</c:v>
                </c:pt>
                <c:pt idx="5361">
                  <c:v>0.50859251775107628</c:v>
                </c:pt>
                <c:pt idx="5362">
                  <c:v>0.50859251775107628</c:v>
                </c:pt>
                <c:pt idx="5363">
                  <c:v>0.50859251775107628</c:v>
                </c:pt>
                <c:pt idx="5364">
                  <c:v>0.50859251775107628</c:v>
                </c:pt>
                <c:pt idx="5365">
                  <c:v>0.50859251775107628</c:v>
                </c:pt>
                <c:pt idx="5366">
                  <c:v>0.50859251775107628</c:v>
                </c:pt>
                <c:pt idx="5367">
                  <c:v>0.45208223800095676</c:v>
                </c:pt>
                <c:pt idx="5368">
                  <c:v>0.44400934089379679</c:v>
                </c:pt>
                <c:pt idx="5369">
                  <c:v>0.3794261640365173</c:v>
                </c:pt>
                <c:pt idx="5370">
                  <c:v>0.35520747271503744</c:v>
                </c:pt>
                <c:pt idx="5371">
                  <c:v>0.29869719296491787</c:v>
                </c:pt>
                <c:pt idx="5372">
                  <c:v>0.25025981032195815</c:v>
                </c:pt>
                <c:pt idx="5373">
                  <c:v>0.21796822189331844</c:v>
                </c:pt>
                <c:pt idx="5374">
                  <c:v>0.21796822189331844</c:v>
                </c:pt>
                <c:pt idx="5375">
                  <c:v>0.21796822189331844</c:v>
                </c:pt>
                <c:pt idx="5376">
                  <c:v>0.23181953484734238</c:v>
                </c:pt>
                <c:pt idx="5377">
                  <c:v>0.23181953484734238</c:v>
                </c:pt>
                <c:pt idx="5378">
                  <c:v>0.23181953484734238</c:v>
                </c:pt>
                <c:pt idx="5379">
                  <c:v>0.23181953484734238</c:v>
                </c:pt>
                <c:pt idx="5380">
                  <c:v>0.23181953484734238</c:v>
                </c:pt>
                <c:pt idx="5381">
                  <c:v>1.004551317671817</c:v>
                </c:pt>
                <c:pt idx="5382">
                  <c:v>1.1397793796661</c:v>
                </c:pt>
                <c:pt idx="5383">
                  <c:v>1.1397793796661</c:v>
                </c:pt>
                <c:pt idx="5384">
                  <c:v>1.1397793796661</c:v>
                </c:pt>
                <c:pt idx="5385">
                  <c:v>1.2170525579485476</c:v>
                </c:pt>
                <c:pt idx="5386">
                  <c:v>1.2170525579485476</c:v>
                </c:pt>
                <c:pt idx="5387">
                  <c:v>1.5454635656489495</c:v>
                </c:pt>
                <c:pt idx="5388">
                  <c:v>1.5454635656489495</c:v>
                </c:pt>
                <c:pt idx="5389">
                  <c:v>1.0238696122424289</c:v>
                </c:pt>
                <c:pt idx="5390">
                  <c:v>1.5454635656489495</c:v>
                </c:pt>
                <c:pt idx="5391">
                  <c:v>1.5454635656489495</c:v>
                </c:pt>
                <c:pt idx="5392">
                  <c:v>1.5454635656489495</c:v>
                </c:pt>
                <c:pt idx="5393">
                  <c:v>1.5454635656489495</c:v>
                </c:pt>
                <c:pt idx="5394">
                  <c:v>1.5454635656489495</c:v>
                </c:pt>
                <c:pt idx="5395">
                  <c:v>1.294325736230995</c:v>
                </c:pt>
                <c:pt idx="5396">
                  <c:v>1.0625062013836526</c:v>
                </c:pt>
                <c:pt idx="5397">
                  <c:v>0.77273178282447474</c:v>
                </c:pt>
                <c:pt idx="5398">
                  <c:v>0.73409519368325094</c:v>
                </c:pt>
                <c:pt idx="5399">
                  <c:v>0.73409519368325094</c:v>
                </c:pt>
                <c:pt idx="5400">
                  <c:v>0.68061498767863027</c:v>
                </c:pt>
                <c:pt idx="5401">
                  <c:v>0.68061498767863027</c:v>
                </c:pt>
                <c:pt idx="5402">
                  <c:v>0.68061498767863027</c:v>
                </c:pt>
                <c:pt idx="5403">
                  <c:v>0.68061498767863027</c:v>
                </c:pt>
                <c:pt idx="5404">
                  <c:v>0.68061498767863027</c:v>
                </c:pt>
                <c:pt idx="5405">
                  <c:v>0.88479948398221941</c:v>
                </c:pt>
                <c:pt idx="5406">
                  <c:v>0.98689173213401382</c:v>
                </c:pt>
                <c:pt idx="5407">
                  <c:v>1.0209224815179454</c:v>
                </c:pt>
                <c:pt idx="5408">
                  <c:v>1.0209224815179454</c:v>
                </c:pt>
                <c:pt idx="5409">
                  <c:v>1.1059993549777742</c:v>
                </c:pt>
                <c:pt idx="5410">
                  <c:v>1.1570454790536715</c:v>
                </c:pt>
                <c:pt idx="5411">
                  <c:v>1.3612299753572605</c:v>
                </c:pt>
                <c:pt idx="5412">
                  <c:v>1.3612299753572605</c:v>
                </c:pt>
                <c:pt idx="5413">
                  <c:v>1.3612299753572605</c:v>
                </c:pt>
                <c:pt idx="5414">
                  <c:v>1.3612299753572605</c:v>
                </c:pt>
                <c:pt idx="5415">
                  <c:v>1.3612299753572605</c:v>
                </c:pt>
                <c:pt idx="5416">
                  <c:v>1.3612299753572605</c:v>
                </c:pt>
                <c:pt idx="5417">
                  <c:v>1.3612299753572605</c:v>
                </c:pt>
                <c:pt idx="5418">
                  <c:v>1.3612299753572605</c:v>
                </c:pt>
                <c:pt idx="5419">
                  <c:v>1.140030104361706</c:v>
                </c:pt>
                <c:pt idx="5420">
                  <c:v>0.93584560805811656</c:v>
                </c:pt>
                <c:pt idx="5421">
                  <c:v>0.68061498767863027</c:v>
                </c:pt>
                <c:pt idx="5422">
                  <c:v>0.68061498767863027</c:v>
                </c:pt>
                <c:pt idx="5423">
                  <c:v>0.68061498767863027</c:v>
                </c:pt>
                <c:pt idx="5424">
                  <c:v>0.60838622082846749</c:v>
                </c:pt>
                <c:pt idx="5425">
                  <c:v>0.68443449843202586</c:v>
                </c:pt>
                <c:pt idx="5426">
                  <c:v>0.68443449843202586</c:v>
                </c:pt>
                <c:pt idx="5427">
                  <c:v>0.68443449843202586</c:v>
                </c:pt>
                <c:pt idx="5428">
                  <c:v>0.68443449843202586</c:v>
                </c:pt>
                <c:pt idx="5429">
                  <c:v>0.88216002020127771</c:v>
                </c:pt>
                <c:pt idx="5430">
                  <c:v>1.019046919887683</c:v>
                </c:pt>
                <c:pt idx="5431">
                  <c:v>1.019046919887683</c:v>
                </c:pt>
                <c:pt idx="5432">
                  <c:v>1.019046919887683</c:v>
                </c:pt>
                <c:pt idx="5433">
                  <c:v>1.0950951974912415</c:v>
                </c:pt>
                <c:pt idx="5434">
                  <c:v>1.1863531306155115</c:v>
                </c:pt>
                <c:pt idx="5435">
                  <c:v>1.3688689968640517</c:v>
                </c:pt>
                <c:pt idx="5436">
                  <c:v>1.3688689968640517</c:v>
                </c:pt>
                <c:pt idx="5437">
                  <c:v>1.3688689968640517</c:v>
                </c:pt>
                <c:pt idx="5438">
                  <c:v>1.3688689968640517</c:v>
                </c:pt>
                <c:pt idx="5439">
                  <c:v>1.3688689968640517</c:v>
                </c:pt>
                <c:pt idx="5440">
                  <c:v>1.3688689968640517</c:v>
                </c:pt>
                <c:pt idx="5441">
                  <c:v>1.3688689968640517</c:v>
                </c:pt>
                <c:pt idx="5442">
                  <c:v>1.3688689968640517</c:v>
                </c:pt>
                <c:pt idx="5443">
                  <c:v>1.1407241640533765</c:v>
                </c:pt>
                <c:pt idx="5444">
                  <c:v>0.9125793312427013</c:v>
                </c:pt>
                <c:pt idx="5445">
                  <c:v>0.68443449843202586</c:v>
                </c:pt>
                <c:pt idx="5446">
                  <c:v>0.68443449843202586</c:v>
                </c:pt>
                <c:pt idx="5447">
                  <c:v>0.68443449843202586</c:v>
                </c:pt>
                <c:pt idx="5448">
                  <c:v>0.69521759431413066</c:v>
                </c:pt>
                <c:pt idx="5449">
                  <c:v>0.69521759431413066</c:v>
                </c:pt>
                <c:pt idx="5450">
                  <c:v>0.69521759431413066</c:v>
                </c:pt>
                <c:pt idx="5451">
                  <c:v>0.69521759431413066</c:v>
                </c:pt>
                <c:pt idx="5452">
                  <c:v>0.69521759431413066</c:v>
                </c:pt>
                <c:pt idx="5453">
                  <c:v>0.89605823267154605</c:v>
                </c:pt>
                <c:pt idx="5454">
                  <c:v>1.0351017515343723</c:v>
                </c:pt>
                <c:pt idx="5455">
                  <c:v>1.0351017515343723</c:v>
                </c:pt>
                <c:pt idx="5456">
                  <c:v>1.0351017515343723</c:v>
                </c:pt>
                <c:pt idx="5457">
                  <c:v>1.112348150902609</c:v>
                </c:pt>
                <c:pt idx="5458">
                  <c:v>1.205043830144493</c:v>
                </c:pt>
                <c:pt idx="5459">
                  <c:v>1.3904351886282613</c:v>
                </c:pt>
                <c:pt idx="5460">
                  <c:v>1.3904351886282613</c:v>
                </c:pt>
                <c:pt idx="5461">
                  <c:v>1.3904351886282613</c:v>
                </c:pt>
                <c:pt idx="5462">
                  <c:v>1.3904351886282613</c:v>
                </c:pt>
                <c:pt idx="5463">
                  <c:v>1.3904351886282613</c:v>
                </c:pt>
                <c:pt idx="5464">
                  <c:v>1.3904351886282613</c:v>
                </c:pt>
                <c:pt idx="5465">
                  <c:v>1.3904351886282613</c:v>
                </c:pt>
                <c:pt idx="5466">
                  <c:v>1.3904351886282613</c:v>
                </c:pt>
                <c:pt idx="5467">
                  <c:v>1.158695990523551</c:v>
                </c:pt>
                <c:pt idx="5468">
                  <c:v>0.92695679241884088</c:v>
                </c:pt>
                <c:pt idx="5469">
                  <c:v>0.69521759431413066</c:v>
                </c:pt>
                <c:pt idx="5470">
                  <c:v>0.69521759431413066</c:v>
                </c:pt>
                <c:pt idx="5471">
                  <c:v>0.69521759431413066</c:v>
                </c:pt>
                <c:pt idx="5472">
                  <c:v>0.75567080585587965</c:v>
                </c:pt>
                <c:pt idx="5473">
                  <c:v>0.75567080585587965</c:v>
                </c:pt>
                <c:pt idx="5474">
                  <c:v>0.75567080585587965</c:v>
                </c:pt>
                <c:pt idx="5475">
                  <c:v>0.75567080585587965</c:v>
                </c:pt>
                <c:pt idx="5476">
                  <c:v>0.75567080585587965</c:v>
                </c:pt>
                <c:pt idx="5477">
                  <c:v>0.97397570532535571</c:v>
                </c:pt>
                <c:pt idx="5478">
                  <c:v>1.1754879202202571</c:v>
                </c:pt>
                <c:pt idx="5479">
                  <c:v>1.1754879202202571</c:v>
                </c:pt>
                <c:pt idx="5480">
                  <c:v>1.1754879202202571</c:v>
                </c:pt>
                <c:pt idx="5481">
                  <c:v>1.2594513430931327</c:v>
                </c:pt>
                <c:pt idx="5482">
                  <c:v>1.3098293968168579</c:v>
                </c:pt>
                <c:pt idx="5483">
                  <c:v>1.5113416117117593</c:v>
                </c:pt>
                <c:pt idx="5484">
                  <c:v>1.5113416117117593</c:v>
                </c:pt>
                <c:pt idx="5485">
                  <c:v>1.5113416117117593</c:v>
                </c:pt>
                <c:pt idx="5486">
                  <c:v>1.5113416117117593</c:v>
                </c:pt>
                <c:pt idx="5487">
                  <c:v>1.2594513430931327</c:v>
                </c:pt>
                <c:pt idx="5488">
                  <c:v>1.1922806047948322</c:v>
                </c:pt>
                <c:pt idx="5489">
                  <c:v>1.1922806047948322</c:v>
                </c:pt>
                <c:pt idx="5490">
                  <c:v>1.1922806047948322</c:v>
                </c:pt>
                <c:pt idx="5491">
                  <c:v>1.1922806047948322</c:v>
                </c:pt>
                <c:pt idx="5492">
                  <c:v>0.92359765160163043</c:v>
                </c:pt>
                <c:pt idx="5493">
                  <c:v>0.35264637606607718</c:v>
                </c:pt>
                <c:pt idx="5494">
                  <c:v>0.35264637606607718</c:v>
                </c:pt>
                <c:pt idx="5495">
                  <c:v>0.35264637606607718</c:v>
                </c:pt>
                <c:pt idx="5496">
                  <c:v>0.13518815853787014</c:v>
                </c:pt>
                <c:pt idx="5497">
                  <c:v>0.26393878571679408</c:v>
                </c:pt>
                <c:pt idx="5498">
                  <c:v>0.26393878571679408</c:v>
                </c:pt>
                <c:pt idx="5499">
                  <c:v>0.26393878571679408</c:v>
                </c:pt>
                <c:pt idx="5500">
                  <c:v>0.26393878571679408</c:v>
                </c:pt>
                <c:pt idx="5501">
                  <c:v>0.3283140993062561</c:v>
                </c:pt>
                <c:pt idx="5502">
                  <c:v>0.41200200697255668</c:v>
                </c:pt>
                <c:pt idx="5503">
                  <c:v>0.4699397892030725</c:v>
                </c:pt>
                <c:pt idx="5504">
                  <c:v>0.4699397892030725</c:v>
                </c:pt>
                <c:pt idx="5505">
                  <c:v>0.4699397892030725</c:v>
                </c:pt>
                <c:pt idx="5506">
                  <c:v>0.4699397892030725</c:v>
                </c:pt>
                <c:pt idx="5507">
                  <c:v>0.4699397892030725</c:v>
                </c:pt>
                <c:pt idx="5508">
                  <c:v>0.4699397892030725</c:v>
                </c:pt>
                <c:pt idx="5509">
                  <c:v>0.4699397892030725</c:v>
                </c:pt>
                <c:pt idx="5510">
                  <c:v>0.4699397892030725</c:v>
                </c:pt>
                <c:pt idx="5511">
                  <c:v>0.42487706969044897</c:v>
                </c:pt>
                <c:pt idx="5512">
                  <c:v>0.38625188153677192</c:v>
                </c:pt>
                <c:pt idx="5513">
                  <c:v>0.34762669338309471</c:v>
                </c:pt>
                <c:pt idx="5514">
                  <c:v>0.33475163066520225</c:v>
                </c:pt>
                <c:pt idx="5515">
                  <c:v>0.27037631707574028</c:v>
                </c:pt>
                <c:pt idx="5516">
                  <c:v>0.19956347212733211</c:v>
                </c:pt>
                <c:pt idx="5517">
                  <c:v>0.19956347212733211</c:v>
                </c:pt>
                <c:pt idx="5518">
                  <c:v>0.19956347212733211</c:v>
                </c:pt>
                <c:pt idx="5519">
                  <c:v>0.19956347212733211</c:v>
                </c:pt>
                <c:pt idx="5520">
                  <c:v>0.22467220696922763</c:v>
                </c:pt>
                <c:pt idx="5521">
                  <c:v>0.26090965970619978</c:v>
                </c:pt>
                <c:pt idx="5522">
                  <c:v>0.26090965970619978</c:v>
                </c:pt>
                <c:pt idx="5523">
                  <c:v>0.26090965970619978</c:v>
                </c:pt>
                <c:pt idx="5524">
                  <c:v>0.26090965970619978</c:v>
                </c:pt>
                <c:pt idx="5525">
                  <c:v>0.32613707463274977</c:v>
                </c:pt>
                <c:pt idx="5526">
                  <c:v>0.38411699901190527</c:v>
                </c:pt>
                <c:pt idx="5527">
                  <c:v>0.45659190448584969</c:v>
                </c:pt>
                <c:pt idx="5528">
                  <c:v>0.45659190448584969</c:v>
                </c:pt>
                <c:pt idx="5529">
                  <c:v>0.45659190448584969</c:v>
                </c:pt>
                <c:pt idx="5530">
                  <c:v>0.45659190448584969</c:v>
                </c:pt>
                <c:pt idx="5531">
                  <c:v>0.45659190448584969</c:v>
                </c:pt>
                <c:pt idx="5532">
                  <c:v>0.45659190448584969</c:v>
                </c:pt>
                <c:pt idx="5533">
                  <c:v>0.45659190448584969</c:v>
                </c:pt>
                <c:pt idx="5534">
                  <c:v>0.45659190448584969</c:v>
                </c:pt>
                <c:pt idx="5535">
                  <c:v>0.40585947065408862</c:v>
                </c:pt>
                <c:pt idx="5536">
                  <c:v>0.39861198010669419</c:v>
                </c:pt>
                <c:pt idx="5537">
                  <c:v>0.34063205572753874</c:v>
                </c:pt>
                <c:pt idx="5538">
                  <c:v>0.31888958408535539</c:v>
                </c:pt>
                <c:pt idx="5539">
                  <c:v>0.26815715025359427</c:v>
                </c:pt>
                <c:pt idx="5540">
                  <c:v>0.22467220696922763</c:v>
                </c:pt>
                <c:pt idx="5541">
                  <c:v>0.19568224477964991</c:v>
                </c:pt>
                <c:pt idx="5542">
                  <c:v>0.19568224477964991</c:v>
                </c:pt>
                <c:pt idx="5543">
                  <c:v>0.19568224477964991</c:v>
                </c:pt>
                <c:pt idx="5544">
                  <c:v>0.23252504874576299</c:v>
                </c:pt>
                <c:pt idx="5545">
                  <c:v>0.23252504874576299</c:v>
                </c:pt>
                <c:pt idx="5546">
                  <c:v>0.23252504874576299</c:v>
                </c:pt>
                <c:pt idx="5547">
                  <c:v>0.23252504874576299</c:v>
                </c:pt>
                <c:pt idx="5548">
                  <c:v>0.23252504874576299</c:v>
                </c:pt>
                <c:pt idx="5549">
                  <c:v>1.007608544564973</c:v>
                </c:pt>
                <c:pt idx="5550">
                  <c:v>1.1432481563333348</c:v>
                </c:pt>
                <c:pt idx="5551">
                  <c:v>1.1432481563333348</c:v>
                </c:pt>
                <c:pt idx="5552">
                  <c:v>1.1432481563333348</c:v>
                </c:pt>
                <c:pt idx="5553">
                  <c:v>1.2207565059152559</c:v>
                </c:pt>
                <c:pt idx="5554">
                  <c:v>1.2207565059152559</c:v>
                </c:pt>
                <c:pt idx="5555">
                  <c:v>1.5501669916384202</c:v>
                </c:pt>
                <c:pt idx="5556">
                  <c:v>1.5501669916384202</c:v>
                </c:pt>
                <c:pt idx="5557">
                  <c:v>1.0269856319604533</c:v>
                </c:pt>
                <c:pt idx="5558">
                  <c:v>1.5501669916384202</c:v>
                </c:pt>
                <c:pt idx="5559">
                  <c:v>1.5501669916384202</c:v>
                </c:pt>
                <c:pt idx="5560">
                  <c:v>1.5501669916384202</c:v>
                </c:pt>
                <c:pt idx="5561">
                  <c:v>1.5501669916384202</c:v>
                </c:pt>
                <c:pt idx="5562">
                  <c:v>1.5501669916384202</c:v>
                </c:pt>
                <c:pt idx="5563">
                  <c:v>1.2982648554971767</c:v>
                </c:pt>
                <c:pt idx="5564">
                  <c:v>1.0657398067514137</c:v>
                </c:pt>
                <c:pt idx="5565">
                  <c:v>0.7750834958192101</c:v>
                </c:pt>
                <c:pt idx="5566">
                  <c:v>0.73632932102824955</c:v>
                </c:pt>
                <c:pt idx="5567">
                  <c:v>0.73632932102824955</c:v>
                </c:pt>
                <c:pt idx="5568">
                  <c:v>0.68988675856514037</c:v>
                </c:pt>
                <c:pt idx="5569">
                  <c:v>0.68988675856514037</c:v>
                </c:pt>
                <c:pt idx="5570">
                  <c:v>0.68988675856514037</c:v>
                </c:pt>
                <c:pt idx="5571">
                  <c:v>0.68988675856514037</c:v>
                </c:pt>
                <c:pt idx="5572">
                  <c:v>0.68988675856514037</c:v>
                </c:pt>
                <c:pt idx="5573">
                  <c:v>0.89685278613468233</c:v>
                </c:pt>
                <c:pt idx="5574">
                  <c:v>1.0003357999194533</c:v>
                </c:pt>
                <c:pt idx="5575">
                  <c:v>1.0348301378477103</c:v>
                </c:pt>
                <c:pt idx="5576">
                  <c:v>1.0348301378477103</c:v>
                </c:pt>
                <c:pt idx="5577">
                  <c:v>1.1210659826683529</c:v>
                </c:pt>
                <c:pt idx="5578">
                  <c:v>1.1728074895607383</c:v>
                </c:pt>
                <c:pt idx="5579">
                  <c:v>1.3797735171302807</c:v>
                </c:pt>
                <c:pt idx="5580">
                  <c:v>1.3797735171302807</c:v>
                </c:pt>
                <c:pt idx="5581">
                  <c:v>1.3797735171302807</c:v>
                </c:pt>
                <c:pt idx="5582">
                  <c:v>1.3797735171302807</c:v>
                </c:pt>
                <c:pt idx="5583">
                  <c:v>1.3797735171302807</c:v>
                </c:pt>
                <c:pt idx="5584">
                  <c:v>1.3797735171302807</c:v>
                </c:pt>
                <c:pt idx="5585">
                  <c:v>1.3797735171302807</c:v>
                </c:pt>
                <c:pt idx="5586">
                  <c:v>1.3797735171302807</c:v>
                </c:pt>
                <c:pt idx="5587">
                  <c:v>1.1555603205966098</c:v>
                </c:pt>
                <c:pt idx="5588">
                  <c:v>0.94859429302706788</c:v>
                </c:pt>
                <c:pt idx="5589">
                  <c:v>0.68988675856514037</c:v>
                </c:pt>
                <c:pt idx="5590">
                  <c:v>0.68988675856514037</c:v>
                </c:pt>
                <c:pt idx="5591">
                  <c:v>0.68988675856514037</c:v>
                </c:pt>
                <c:pt idx="5592">
                  <c:v>0.61620178090763567</c:v>
                </c:pt>
                <c:pt idx="5593">
                  <c:v>0.69322700352109001</c:v>
                </c:pt>
                <c:pt idx="5594">
                  <c:v>0.69322700352109001</c:v>
                </c:pt>
                <c:pt idx="5595">
                  <c:v>0.69322700352109001</c:v>
                </c:pt>
                <c:pt idx="5596">
                  <c:v>0.69322700352109001</c:v>
                </c:pt>
                <c:pt idx="5597">
                  <c:v>0.89349258231607154</c:v>
                </c:pt>
                <c:pt idx="5598">
                  <c:v>1.0321379830202895</c:v>
                </c:pt>
                <c:pt idx="5599">
                  <c:v>1.0321379830202895</c:v>
                </c:pt>
                <c:pt idx="5600">
                  <c:v>1.0321379830202895</c:v>
                </c:pt>
                <c:pt idx="5601">
                  <c:v>1.1091632056337442</c:v>
                </c:pt>
                <c:pt idx="5602">
                  <c:v>1.2015934727698894</c:v>
                </c:pt>
                <c:pt idx="5603">
                  <c:v>1.38645400704218</c:v>
                </c:pt>
                <c:pt idx="5604">
                  <c:v>1.38645400704218</c:v>
                </c:pt>
                <c:pt idx="5605">
                  <c:v>1.38645400704218</c:v>
                </c:pt>
                <c:pt idx="5606">
                  <c:v>1.38645400704218</c:v>
                </c:pt>
                <c:pt idx="5607">
                  <c:v>1.38645400704218</c:v>
                </c:pt>
                <c:pt idx="5608">
                  <c:v>1.38645400704218</c:v>
                </c:pt>
                <c:pt idx="5609">
                  <c:v>1.38645400704218</c:v>
                </c:pt>
                <c:pt idx="5610">
                  <c:v>1.38645400704218</c:v>
                </c:pt>
                <c:pt idx="5611">
                  <c:v>1.1553783392018167</c:v>
                </c:pt>
                <c:pt idx="5612">
                  <c:v>0.92430267136145339</c:v>
                </c:pt>
                <c:pt idx="5613">
                  <c:v>0.69322700352109001</c:v>
                </c:pt>
                <c:pt idx="5614">
                  <c:v>0.69322700352109001</c:v>
                </c:pt>
                <c:pt idx="5615">
                  <c:v>0.69322700352109001</c:v>
                </c:pt>
                <c:pt idx="5616">
                  <c:v>0.69212391152525887</c:v>
                </c:pt>
                <c:pt idx="5617">
                  <c:v>0.69212391152525887</c:v>
                </c:pt>
                <c:pt idx="5618">
                  <c:v>0.69212391152525887</c:v>
                </c:pt>
                <c:pt idx="5619">
                  <c:v>0.69212391152525887</c:v>
                </c:pt>
                <c:pt idx="5620">
                  <c:v>0.69212391152525887</c:v>
                </c:pt>
                <c:pt idx="5621">
                  <c:v>0.89207081929922261</c:v>
                </c:pt>
                <c:pt idx="5622">
                  <c:v>1.0304956016042746</c:v>
                </c:pt>
                <c:pt idx="5623">
                  <c:v>1.0304956016042746</c:v>
                </c:pt>
                <c:pt idx="5624">
                  <c:v>1.0304956016042746</c:v>
                </c:pt>
                <c:pt idx="5625">
                  <c:v>1.1073982584404143</c:v>
                </c:pt>
                <c:pt idx="5626">
                  <c:v>1.1996814466437822</c:v>
                </c:pt>
                <c:pt idx="5627">
                  <c:v>1.3842478230505177</c:v>
                </c:pt>
                <c:pt idx="5628">
                  <c:v>1.3842478230505177</c:v>
                </c:pt>
                <c:pt idx="5629">
                  <c:v>1.3842478230505177</c:v>
                </c:pt>
                <c:pt idx="5630">
                  <c:v>1.3842478230505177</c:v>
                </c:pt>
                <c:pt idx="5631">
                  <c:v>1.3842478230505177</c:v>
                </c:pt>
                <c:pt idx="5632">
                  <c:v>1.3842478230505177</c:v>
                </c:pt>
                <c:pt idx="5633">
                  <c:v>1.3842478230505177</c:v>
                </c:pt>
                <c:pt idx="5634">
                  <c:v>1.3842478230505177</c:v>
                </c:pt>
                <c:pt idx="5635">
                  <c:v>1.1535398525420981</c:v>
                </c:pt>
                <c:pt idx="5636">
                  <c:v>0.92283188203367872</c:v>
                </c:pt>
                <c:pt idx="5637">
                  <c:v>0.69212391152525887</c:v>
                </c:pt>
                <c:pt idx="5638">
                  <c:v>0.69212391152525887</c:v>
                </c:pt>
                <c:pt idx="5639">
                  <c:v>0.69212391152525887</c:v>
                </c:pt>
                <c:pt idx="5640">
                  <c:v>0.76470499933599179</c:v>
                </c:pt>
                <c:pt idx="5641">
                  <c:v>0.76470499933599179</c:v>
                </c:pt>
                <c:pt idx="5642">
                  <c:v>0.76470499933599179</c:v>
                </c:pt>
                <c:pt idx="5643">
                  <c:v>0.76470499933599179</c:v>
                </c:pt>
                <c:pt idx="5644">
                  <c:v>0.76470499933599179</c:v>
                </c:pt>
                <c:pt idx="5645">
                  <c:v>0.98561977692194513</c:v>
                </c:pt>
                <c:pt idx="5646">
                  <c:v>1.1895411100782096</c:v>
                </c:pt>
                <c:pt idx="5647">
                  <c:v>1.1895411100782096</c:v>
                </c:pt>
                <c:pt idx="5648">
                  <c:v>1.1895411100782096</c:v>
                </c:pt>
                <c:pt idx="5649">
                  <c:v>1.2745083322266533</c:v>
                </c:pt>
                <c:pt idx="5650">
                  <c:v>1.3254886655157194</c:v>
                </c:pt>
                <c:pt idx="5651">
                  <c:v>1.5294099986719836</c:v>
                </c:pt>
                <c:pt idx="5652">
                  <c:v>1.5294099986719836</c:v>
                </c:pt>
                <c:pt idx="5653">
                  <c:v>1.5294099986719836</c:v>
                </c:pt>
                <c:pt idx="5654">
                  <c:v>1.5294099986719836</c:v>
                </c:pt>
                <c:pt idx="5655">
                  <c:v>1.2745083322266533</c:v>
                </c:pt>
                <c:pt idx="5656">
                  <c:v>1.2065345545078987</c:v>
                </c:pt>
                <c:pt idx="5657">
                  <c:v>1.2065345545078987</c:v>
                </c:pt>
                <c:pt idx="5658">
                  <c:v>1.2065345545078987</c:v>
                </c:pt>
                <c:pt idx="5659">
                  <c:v>1.2065345545078987</c:v>
                </c:pt>
                <c:pt idx="5660">
                  <c:v>0.9346394436328791</c:v>
                </c:pt>
                <c:pt idx="5661">
                  <c:v>0.35686233302346287</c:v>
                </c:pt>
                <c:pt idx="5662">
                  <c:v>0.35686233302346287</c:v>
                </c:pt>
                <c:pt idx="5663">
                  <c:v>0.35686233302346287</c:v>
                </c:pt>
                <c:pt idx="5664">
                  <c:v>0.13550654058913186</c:v>
                </c:pt>
                <c:pt idx="5665">
                  <c:v>0.26456038876925753</c:v>
                </c:pt>
                <c:pt idx="5666">
                  <c:v>0.26456038876925753</c:v>
                </c:pt>
                <c:pt idx="5667">
                  <c:v>0.26456038876925753</c:v>
                </c:pt>
                <c:pt idx="5668">
                  <c:v>0.26456038876925753</c:v>
                </c:pt>
                <c:pt idx="5669">
                  <c:v>0.32908731285932025</c:v>
                </c:pt>
                <c:pt idx="5670">
                  <c:v>0.4129723141764019</c:v>
                </c:pt>
                <c:pt idx="5671">
                  <c:v>0.47104654585745842</c:v>
                </c:pt>
                <c:pt idx="5672">
                  <c:v>0.47104654585745842</c:v>
                </c:pt>
                <c:pt idx="5673">
                  <c:v>0.47104654585745842</c:v>
                </c:pt>
                <c:pt idx="5674">
                  <c:v>0.47104654585745842</c:v>
                </c:pt>
                <c:pt idx="5675">
                  <c:v>0.47104654585745842</c:v>
                </c:pt>
                <c:pt idx="5676">
                  <c:v>0.47104654585745842</c:v>
                </c:pt>
                <c:pt idx="5677">
                  <c:v>0.47104654585745842</c:v>
                </c:pt>
                <c:pt idx="5678">
                  <c:v>0.47104654585745842</c:v>
                </c:pt>
                <c:pt idx="5679">
                  <c:v>0.42587769899441441</c:v>
                </c:pt>
                <c:pt idx="5680">
                  <c:v>0.38716154454037677</c:v>
                </c:pt>
                <c:pt idx="5681">
                  <c:v>0.34844539008633912</c:v>
                </c:pt>
                <c:pt idx="5682">
                  <c:v>0.33554000526832656</c:v>
                </c:pt>
                <c:pt idx="5683">
                  <c:v>0.27101308117826373</c:v>
                </c:pt>
                <c:pt idx="5684">
                  <c:v>0.20003346467919467</c:v>
                </c:pt>
                <c:pt idx="5685">
                  <c:v>0.20003346467919467</c:v>
                </c:pt>
                <c:pt idx="5686">
                  <c:v>0.20003346467919467</c:v>
                </c:pt>
                <c:pt idx="5687">
                  <c:v>0.20003346467919467</c:v>
                </c:pt>
                <c:pt idx="5688">
                  <c:v>0.23243361307848148</c:v>
                </c:pt>
                <c:pt idx="5689">
                  <c:v>0.26992290551049464</c:v>
                </c:pt>
                <c:pt idx="5690">
                  <c:v>0.26992290551049464</c:v>
                </c:pt>
                <c:pt idx="5691">
                  <c:v>0.26992290551049464</c:v>
                </c:pt>
                <c:pt idx="5692">
                  <c:v>0.26992290551049464</c:v>
                </c:pt>
                <c:pt idx="5693">
                  <c:v>0.33740363188811823</c:v>
                </c:pt>
                <c:pt idx="5694">
                  <c:v>0.39738649977933932</c:v>
                </c:pt>
                <c:pt idx="5695">
                  <c:v>0.47236508464336557</c:v>
                </c:pt>
                <c:pt idx="5696">
                  <c:v>0.47236508464336557</c:v>
                </c:pt>
                <c:pt idx="5697">
                  <c:v>0.47236508464336557</c:v>
                </c:pt>
                <c:pt idx="5698">
                  <c:v>0.47236508464336557</c:v>
                </c:pt>
                <c:pt idx="5699">
                  <c:v>0.47236508464336557</c:v>
                </c:pt>
                <c:pt idx="5700">
                  <c:v>0.47236508464336557</c:v>
                </c:pt>
                <c:pt idx="5701">
                  <c:v>0.47236508464336557</c:v>
                </c:pt>
                <c:pt idx="5702">
                  <c:v>0.47236508464336557</c:v>
                </c:pt>
                <c:pt idx="5703">
                  <c:v>0.4198800752385472</c:v>
                </c:pt>
                <c:pt idx="5704">
                  <c:v>0.41238221675214459</c:v>
                </c:pt>
                <c:pt idx="5705">
                  <c:v>0.35239934886092361</c:v>
                </c:pt>
                <c:pt idx="5706">
                  <c:v>0.32990577340171567</c:v>
                </c:pt>
                <c:pt idx="5707">
                  <c:v>0.2774207639968973</c:v>
                </c:pt>
                <c:pt idx="5708">
                  <c:v>0.23243361307848148</c:v>
                </c:pt>
                <c:pt idx="5709">
                  <c:v>0.20244217913287099</c:v>
                </c:pt>
                <c:pt idx="5710">
                  <c:v>0.20244217913287099</c:v>
                </c:pt>
                <c:pt idx="5711">
                  <c:v>0.20244217913287099</c:v>
                </c:pt>
                <c:pt idx="5712">
                  <c:v>0.23552348281405044</c:v>
                </c:pt>
                <c:pt idx="5713">
                  <c:v>0.23552348281405044</c:v>
                </c:pt>
                <c:pt idx="5714">
                  <c:v>0.23552348281405044</c:v>
                </c:pt>
                <c:pt idx="5715">
                  <c:v>0.23552348281405044</c:v>
                </c:pt>
                <c:pt idx="5716">
                  <c:v>0.23552348281405044</c:v>
                </c:pt>
                <c:pt idx="5717">
                  <c:v>1.0206017588608851</c:v>
                </c:pt>
                <c:pt idx="5718">
                  <c:v>1.1579904571690813</c:v>
                </c:pt>
                <c:pt idx="5719">
                  <c:v>1.1579904571690813</c:v>
                </c:pt>
                <c:pt idx="5720">
                  <c:v>1.1579904571690813</c:v>
                </c:pt>
                <c:pt idx="5721">
                  <c:v>1.2364982847737649</c:v>
                </c:pt>
                <c:pt idx="5722">
                  <c:v>1.2364982847737649</c:v>
                </c:pt>
                <c:pt idx="5723">
                  <c:v>1.5701565520936698</c:v>
                </c:pt>
                <c:pt idx="5724">
                  <c:v>1.5701565520936698</c:v>
                </c:pt>
                <c:pt idx="5725">
                  <c:v>1.0402287157620562</c:v>
                </c:pt>
                <c:pt idx="5726">
                  <c:v>1.5701565520936698</c:v>
                </c:pt>
                <c:pt idx="5727">
                  <c:v>1.5701565520936698</c:v>
                </c:pt>
                <c:pt idx="5728">
                  <c:v>1.5701565520936698</c:v>
                </c:pt>
                <c:pt idx="5729">
                  <c:v>1.5701565520936698</c:v>
                </c:pt>
                <c:pt idx="5730">
                  <c:v>1.5701565520936698</c:v>
                </c:pt>
                <c:pt idx="5731">
                  <c:v>1.3150061123784484</c:v>
                </c:pt>
                <c:pt idx="5732">
                  <c:v>1.0794826295643978</c:v>
                </c:pt>
                <c:pt idx="5733">
                  <c:v>0.78507827604683489</c:v>
                </c:pt>
                <c:pt idx="5734">
                  <c:v>0.74582436224449322</c:v>
                </c:pt>
                <c:pt idx="5735">
                  <c:v>0.74582436224449322</c:v>
                </c:pt>
                <c:pt idx="5736">
                  <c:v>0.69400754562581146</c:v>
                </c:pt>
                <c:pt idx="5737">
                  <c:v>0.69400754562581146</c:v>
                </c:pt>
                <c:pt idx="5738">
                  <c:v>0.69400754562581146</c:v>
                </c:pt>
                <c:pt idx="5739">
                  <c:v>0.69400754562581146</c:v>
                </c:pt>
                <c:pt idx="5740">
                  <c:v>0.69400754562581146</c:v>
                </c:pt>
                <c:pt idx="5741">
                  <c:v>0.90220980931355477</c:v>
                </c:pt>
                <c:pt idx="5742">
                  <c:v>1.0063109411574265</c:v>
                </c:pt>
                <c:pt idx="5743">
                  <c:v>1.0410113184387171</c:v>
                </c:pt>
                <c:pt idx="5744">
                  <c:v>1.0410113184387171</c:v>
                </c:pt>
                <c:pt idx="5745">
                  <c:v>1.1277622616419434</c:v>
                </c:pt>
                <c:pt idx="5746">
                  <c:v>1.1798128275638793</c:v>
                </c:pt>
                <c:pt idx="5747">
                  <c:v>1.3880150912516229</c:v>
                </c:pt>
                <c:pt idx="5748">
                  <c:v>1.3880150912516229</c:v>
                </c:pt>
                <c:pt idx="5749">
                  <c:v>1.3880150912516229</c:v>
                </c:pt>
                <c:pt idx="5750">
                  <c:v>1.3880150912516229</c:v>
                </c:pt>
                <c:pt idx="5751">
                  <c:v>1.3880150912516229</c:v>
                </c:pt>
                <c:pt idx="5752">
                  <c:v>1.3880150912516229</c:v>
                </c:pt>
                <c:pt idx="5753">
                  <c:v>1.3880150912516229</c:v>
                </c:pt>
                <c:pt idx="5754">
                  <c:v>1.3880150912516229</c:v>
                </c:pt>
                <c:pt idx="5755">
                  <c:v>1.162462638923234</c:v>
                </c:pt>
                <c:pt idx="5756">
                  <c:v>0.95426037523549057</c:v>
                </c:pt>
                <c:pt idx="5757">
                  <c:v>0.69400754562581146</c:v>
                </c:pt>
                <c:pt idx="5758">
                  <c:v>0.69400754562581146</c:v>
                </c:pt>
                <c:pt idx="5759">
                  <c:v>0.69400754562581146</c:v>
                </c:pt>
                <c:pt idx="5760">
                  <c:v>0.61896021387675371</c:v>
                </c:pt>
                <c:pt idx="5761">
                  <c:v>0.69633024061134796</c:v>
                </c:pt>
                <c:pt idx="5762">
                  <c:v>0.69633024061134796</c:v>
                </c:pt>
                <c:pt idx="5763">
                  <c:v>0.69633024061134796</c:v>
                </c:pt>
                <c:pt idx="5764">
                  <c:v>0.69633024061134796</c:v>
                </c:pt>
                <c:pt idx="5765">
                  <c:v>0.89749231012129282</c:v>
                </c:pt>
                <c:pt idx="5766">
                  <c:v>1.0367583582435624</c:v>
                </c:pt>
                <c:pt idx="5767">
                  <c:v>1.0367583582435624</c:v>
                </c:pt>
                <c:pt idx="5768">
                  <c:v>1.0367583582435624</c:v>
                </c:pt>
                <c:pt idx="5769">
                  <c:v>1.1141283849781567</c:v>
                </c:pt>
                <c:pt idx="5770">
                  <c:v>1.2069724170596698</c:v>
                </c:pt>
                <c:pt idx="5771">
                  <c:v>1.3926604812226959</c:v>
                </c:pt>
                <c:pt idx="5772">
                  <c:v>1.3926604812226959</c:v>
                </c:pt>
                <c:pt idx="5773">
                  <c:v>1.3926604812226959</c:v>
                </c:pt>
                <c:pt idx="5774">
                  <c:v>1.3926604812226959</c:v>
                </c:pt>
                <c:pt idx="5775">
                  <c:v>1.3926604812226959</c:v>
                </c:pt>
                <c:pt idx="5776">
                  <c:v>1.3926604812226959</c:v>
                </c:pt>
                <c:pt idx="5777">
                  <c:v>1.3926604812226959</c:v>
                </c:pt>
                <c:pt idx="5778">
                  <c:v>1.3926604812226959</c:v>
                </c:pt>
                <c:pt idx="5779">
                  <c:v>1.1605504010189134</c:v>
                </c:pt>
                <c:pt idx="5780">
                  <c:v>0.92844032081513073</c:v>
                </c:pt>
                <c:pt idx="5781">
                  <c:v>0.69633024061134796</c:v>
                </c:pt>
                <c:pt idx="5782">
                  <c:v>0.69633024061134796</c:v>
                </c:pt>
                <c:pt idx="5783">
                  <c:v>0.69633024061134796</c:v>
                </c:pt>
                <c:pt idx="5784">
                  <c:v>0.69624882191042103</c:v>
                </c:pt>
                <c:pt idx="5785">
                  <c:v>0.69624882191042103</c:v>
                </c:pt>
                <c:pt idx="5786">
                  <c:v>0.69624882191042103</c:v>
                </c:pt>
                <c:pt idx="5787">
                  <c:v>0.69624882191042103</c:v>
                </c:pt>
                <c:pt idx="5788">
                  <c:v>0.69624882191042103</c:v>
                </c:pt>
                <c:pt idx="5789">
                  <c:v>0.89738737046232053</c:v>
                </c:pt>
                <c:pt idx="5790">
                  <c:v>1.0366371348444048</c:v>
                </c:pt>
                <c:pt idx="5791">
                  <c:v>1.0366371348444048</c:v>
                </c:pt>
                <c:pt idx="5792">
                  <c:v>1.0366371348444048</c:v>
                </c:pt>
                <c:pt idx="5793">
                  <c:v>1.1139981150566738</c:v>
                </c:pt>
                <c:pt idx="5794">
                  <c:v>1.2068312913113965</c:v>
                </c:pt>
                <c:pt idx="5795">
                  <c:v>1.3924976438208421</c:v>
                </c:pt>
                <c:pt idx="5796">
                  <c:v>1.3924976438208421</c:v>
                </c:pt>
                <c:pt idx="5797">
                  <c:v>1.3924976438208421</c:v>
                </c:pt>
                <c:pt idx="5798">
                  <c:v>1.3924976438208421</c:v>
                </c:pt>
                <c:pt idx="5799">
                  <c:v>1.3924976438208421</c:v>
                </c:pt>
                <c:pt idx="5800">
                  <c:v>1.3924976438208421</c:v>
                </c:pt>
                <c:pt idx="5801">
                  <c:v>1.3924976438208421</c:v>
                </c:pt>
                <c:pt idx="5802">
                  <c:v>1.3924976438208421</c:v>
                </c:pt>
                <c:pt idx="5803">
                  <c:v>1.1604147031840353</c:v>
                </c:pt>
                <c:pt idx="5804">
                  <c:v>0.92833176254722827</c:v>
                </c:pt>
                <c:pt idx="5805">
                  <c:v>0.69624882191042103</c:v>
                </c:pt>
                <c:pt idx="5806">
                  <c:v>0.69624882191042103</c:v>
                </c:pt>
                <c:pt idx="5807">
                  <c:v>0.69624882191042103</c:v>
                </c:pt>
                <c:pt idx="5808">
                  <c:v>0.77035137026106215</c:v>
                </c:pt>
                <c:pt idx="5809">
                  <c:v>0.77035137026106215</c:v>
                </c:pt>
                <c:pt idx="5810">
                  <c:v>0.77035137026106215</c:v>
                </c:pt>
                <c:pt idx="5811">
                  <c:v>0.77035137026106215</c:v>
                </c:pt>
                <c:pt idx="5812">
                  <c:v>0.77035137026106215</c:v>
                </c:pt>
                <c:pt idx="5813">
                  <c:v>0.99289732166981359</c:v>
                </c:pt>
                <c:pt idx="5814">
                  <c:v>1.1983243537394304</c:v>
                </c:pt>
                <c:pt idx="5815">
                  <c:v>1.1983243537394304</c:v>
                </c:pt>
                <c:pt idx="5816">
                  <c:v>1.1983243537394304</c:v>
                </c:pt>
                <c:pt idx="5817">
                  <c:v>1.2839189504351038</c:v>
                </c:pt>
                <c:pt idx="5818">
                  <c:v>1.335275708452508</c:v>
                </c:pt>
                <c:pt idx="5819">
                  <c:v>1.5407027405221243</c:v>
                </c:pt>
                <c:pt idx="5820">
                  <c:v>1.5407027405221243</c:v>
                </c:pt>
                <c:pt idx="5821">
                  <c:v>1.5407027405221243</c:v>
                </c:pt>
                <c:pt idx="5822">
                  <c:v>1.5407027405221243</c:v>
                </c:pt>
                <c:pt idx="5823">
                  <c:v>1.2839189504351038</c:v>
                </c:pt>
                <c:pt idx="5824">
                  <c:v>1.2154432730785651</c:v>
                </c:pt>
                <c:pt idx="5825">
                  <c:v>1.2154432730785651</c:v>
                </c:pt>
                <c:pt idx="5826">
                  <c:v>1.2154432730785651</c:v>
                </c:pt>
                <c:pt idx="5827">
                  <c:v>1.2154432730785651</c:v>
                </c:pt>
                <c:pt idx="5828">
                  <c:v>0.94154056365240946</c:v>
                </c:pt>
                <c:pt idx="5829">
                  <c:v>0.35949730612182906</c:v>
                </c:pt>
                <c:pt idx="5830">
                  <c:v>0.35949730612182906</c:v>
                </c:pt>
                <c:pt idx="5831">
                  <c:v>0.35949730612182906</c:v>
                </c:pt>
                <c:pt idx="5832">
                  <c:v>0.16172304257899162</c:v>
                </c:pt>
                <c:pt idx="5833">
                  <c:v>0.31574498789231698</c:v>
                </c:pt>
                <c:pt idx="5834">
                  <c:v>0.31574498789231698</c:v>
                </c:pt>
                <c:pt idx="5835">
                  <c:v>0.31574498789231698</c:v>
                </c:pt>
                <c:pt idx="5836">
                  <c:v>0.31574498789231698</c:v>
                </c:pt>
                <c:pt idx="5837">
                  <c:v>0.39275596054897971</c:v>
                </c:pt>
                <c:pt idx="5838">
                  <c:v>0.49287022500264122</c:v>
                </c:pt>
                <c:pt idx="5839">
                  <c:v>0.56218010039363753</c:v>
                </c:pt>
                <c:pt idx="5840">
                  <c:v>0.56218010039363753</c:v>
                </c:pt>
                <c:pt idx="5841">
                  <c:v>0.56218010039363753</c:v>
                </c:pt>
                <c:pt idx="5842">
                  <c:v>0.56218010039363753</c:v>
                </c:pt>
                <c:pt idx="5843">
                  <c:v>0.56218010039363753</c:v>
                </c:pt>
                <c:pt idx="5844">
                  <c:v>0.56218010039363753</c:v>
                </c:pt>
                <c:pt idx="5845">
                  <c:v>0.56218010039363753</c:v>
                </c:pt>
                <c:pt idx="5846">
                  <c:v>0.56218010039363753</c:v>
                </c:pt>
                <c:pt idx="5847">
                  <c:v>0.50827241953397362</c:v>
                </c:pt>
                <c:pt idx="5848">
                  <c:v>0.46206583593997608</c:v>
                </c:pt>
                <c:pt idx="5849">
                  <c:v>0.41585925234597848</c:v>
                </c:pt>
                <c:pt idx="5850">
                  <c:v>0.40045705781464591</c:v>
                </c:pt>
                <c:pt idx="5851">
                  <c:v>0.32344608515798323</c:v>
                </c:pt>
                <c:pt idx="5852">
                  <c:v>0.23873401523565427</c:v>
                </c:pt>
                <c:pt idx="5853">
                  <c:v>0.23873401523565427</c:v>
                </c:pt>
                <c:pt idx="5854">
                  <c:v>0.23873401523565427</c:v>
                </c:pt>
                <c:pt idx="5855">
                  <c:v>0.23873401523565427</c:v>
                </c:pt>
                <c:pt idx="5856">
                  <c:v>0.28753276819468204</c:v>
                </c:pt>
                <c:pt idx="5857">
                  <c:v>0.33390902112930826</c:v>
                </c:pt>
                <c:pt idx="5858">
                  <c:v>0.33390902112930826</c:v>
                </c:pt>
                <c:pt idx="5859">
                  <c:v>0.33390902112930826</c:v>
                </c:pt>
                <c:pt idx="5860">
                  <c:v>0.33390902112930826</c:v>
                </c:pt>
                <c:pt idx="5861">
                  <c:v>0.41738627641163523</c:v>
                </c:pt>
                <c:pt idx="5862">
                  <c:v>0.49158828110703712</c:v>
                </c:pt>
                <c:pt idx="5863">
                  <c:v>0.58434078697628933</c:v>
                </c:pt>
                <c:pt idx="5864">
                  <c:v>0.58434078697628933</c:v>
                </c:pt>
                <c:pt idx="5865">
                  <c:v>0.58434078697628933</c:v>
                </c:pt>
                <c:pt idx="5866">
                  <c:v>0.58434078697628933</c:v>
                </c:pt>
                <c:pt idx="5867">
                  <c:v>0.58434078697628933</c:v>
                </c:pt>
                <c:pt idx="5868">
                  <c:v>0.58434078697628933</c:v>
                </c:pt>
                <c:pt idx="5869">
                  <c:v>0.58434078697628933</c:v>
                </c:pt>
                <c:pt idx="5870">
                  <c:v>0.58434078697628933</c:v>
                </c:pt>
                <c:pt idx="5871">
                  <c:v>0.51941403286781285</c:v>
                </c:pt>
                <c:pt idx="5872">
                  <c:v>0.5101387822808876</c:v>
                </c:pt>
                <c:pt idx="5873">
                  <c:v>0.43593677758548577</c:v>
                </c:pt>
                <c:pt idx="5874">
                  <c:v>0.40811102582471004</c:v>
                </c:pt>
                <c:pt idx="5875">
                  <c:v>0.3431842717162335</c:v>
                </c:pt>
                <c:pt idx="5876">
                  <c:v>0.28753276819468204</c:v>
                </c:pt>
                <c:pt idx="5877">
                  <c:v>0.25043176584698118</c:v>
                </c:pt>
                <c:pt idx="5878">
                  <c:v>0.25043176584698118</c:v>
                </c:pt>
                <c:pt idx="5879">
                  <c:v>0.25043176584698118</c:v>
                </c:pt>
                <c:pt idx="5880">
                  <c:v>0.24222586484904599</c:v>
                </c:pt>
                <c:pt idx="5881">
                  <c:v>0.24222586484904599</c:v>
                </c:pt>
                <c:pt idx="5882">
                  <c:v>0.24222586484904599</c:v>
                </c:pt>
                <c:pt idx="5883">
                  <c:v>0.24222586484904599</c:v>
                </c:pt>
                <c:pt idx="5884">
                  <c:v>0.24222586484904599</c:v>
                </c:pt>
                <c:pt idx="5885">
                  <c:v>1.0496454143458658</c:v>
                </c:pt>
                <c:pt idx="5886">
                  <c:v>1.1909438355078092</c:v>
                </c:pt>
                <c:pt idx="5887">
                  <c:v>1.1909438355078092</c:v>
                </c:pt>
                <c:pt idx="5888">
                  <c:v>1.1909438355078092</c:v>
                </c:pt>
                <c:pt idx="5889">
                  <c:v>1.2716857904574914</c:v>
                </c:pt>
                <c:pt idx="5890">
                  <c:v>1.2716857904574914</c:v>
                </c:pt>
                <c:pt idx="5891">
                  <c:v>1.6148390989936399</c:v>
                </c:pt>
                <c:pt idx="5892">
                  <c:v>1.6148390989936399</c:v>
                </c:pt>
                <c:pt idx="5893">
                  <c:v>1.0698309030832867</c:v>
                </c:pt>
                <c:pt idx="5894">
                  <c:v>1.6148390989936399</c:v>
                </c:pt>
                <c:pt idx="5895">
                  <c:v>1.6148390989936399</c:v>
                </c:pt>
                <c:pt idx="5896">
                  <c:v>1.6148390989936399</c:v>
                </c:pt>
                <c:pt idx="5897">
                  <c:v>1.6148390989936399</c:v>
                </c:pt>
                <c:pt idx="5898">
                  <c:v>1.6148390989936399</c:v>
                </c:pt>
                <c:pt idx="5899">
                  <c:v>1.3524277454071736</c:v>
                </c:pt>
                <c:pt idx="5900">
                  <c:v>1.1102018805581275</c:v>
                </c:pt>
                <c:pt idx="5901">
                  <c:v>0.80741954949681993</c:v>
                </c:pt>
                <c:pt idx="5902">
                  <c:v>0.76704857202197907</c:v>
                </c:pt>
                <c:pt idx="5903">
                  <c:v>0.76704857202197907</c:v>
                </c:pt>
                <c:pt idx="5904">
                  <c:v>0.70224911974715365</c:v>
                </c:pt>
                <c:pt idx="5905">
                  <c:v>0.70224911974715365</c:v>
                </c:pt>
                <c:pt idx="5906">
                  <c:v>0.70224911974715365</c:v>
                </c:pt>
                <c:pt idx="5907">
                  <c:v>0.70224911974715365</c:v>
                </c:pt>
                <c:pt idx="5908">
                  <c:v>0.70224911974715365</c:v>
                </c:pt>
                <c:pt idx="5909">
                  <c:v>0.91292385567129952</c:v>
                </c:pt>
                <c:pt idx="5910">
                  <c:v>1.0182612236333728</c:v>
                </c:pt>
                <c:pt idx="5911">
                  <c:v>1.0533736796207305</c:v>
                </c:pt>
                <c:pt idx="5912">
                  <c:v>1.0533736796207305</c:v>
                </c:pt>
                <c:pt idx="5913">
                  <c:v>1.1411548195891246</c:v>
                </c:pt>
                <c:pt idx="5914">
                  <c:v>1.193823503570161</c:v>
                </c:pt>
                <c:pt idx="5915">
                  <c:v>1.4044982394943073</c:v>
                </c:pt>
                <c:pt idx="5916">
                  <c:v>1.4044982394943073</c:v>
                </c:pt>
                <c:pt idx="5917">
                  <c:v>1.4044982394943073</c:v>
                </c:pt>
                <c:pt idx="5918">
                  <c:v>1.4044982394943073</c:v>
                </c:pt>
                <c:pt idx="5919">
                  <c:v>1.4044982394943073</c:v>
                </c:pt>
                <c:pt idx="5920">
                  <c:v>1.4044982394943073</c:v>
                </c:pt>
                <c:pt idx="5921">
                  <c:v>1.4044982394943073</c:v>
                </c:pt>
                <c:pt idx="5922">
                  <c:v>1.4044982394943073</c:v>
                </c:pt>
                <c:pt idx="5923">
                  <c:v>1.1762672755764823</c:v>
                </c:pt>
                <c:pt idx="5924">
                  <c:v>0.96559253965233605</c:v>
                </c:pt>
                <c:pt idx="5925">
                  <c:v>0.70224911974715365</c:v>
                </c:pt>
                <c:pt idx="5926">
                  <c:v>0.70224911974715365</c:v>
                </c:pt>
                <c:pt idx="5927">
                  <c:v>0.70224911974715365</c:v>
                </c:pt>
                <c:pt idx="5928">
                  <c:v>0.63734976700420809</c:v>
                </c:pt>
                <c:pt idx="5929">
                  <c:v>0.7170184878797341</c:v>
                </c:pt>
                <c:pt idx="5930">
                  <c:v>0.7170184878797341</c:v>
                </c:pt>
                <c:pt idx="5931">
                  <c:v>0.7170184878797341</c:v>
                </c:pt>
                <c:pt idx="5932">
                  <c:v>0.7170184878797341</c:v>
                </c:pt>
                <c:pt idx="5933">
                  <c:v>0.92415716215610166</c:v>
                </c:pt>
                <c:pt idx="5934">
                  <c:v>1.0675608597320485</c:v>
                </c:pt>
                <c:pt idx="5935">
                  <c:v>1.0675608597320485</c:v>
                </c:pt>
                <c:pt idx="5936">
                  <c:v>1.0675608597320485</c:v>
                </c:pt>
                <c:pt idx="5937">
                  <c:v>1.1472295806075745</c:v>
                </c:pt>
                <c:pt idx="5938">
                  <c:v>1.2428320456582056</c:v>
                </c:pt>
                <c:pt idx="5939">
                  <c:v>1.4340369757594682</c:v>
                </c:pt>
                <c:pt idx="5940">
                  <c:v>1.4340369757594682</c:v>
                </c:pt>
                <c:pt idx="5941">
                  <c:v>1.4340369757594682</c:v>
                </c:pt>
                <c:pt idx="5942">
                  <c:v>1.4340369757594682</c:v>
                </c:pt>
                <c:pt idx="5943">
                  <c:v>1.4340369757594682</c:v>
                </c:pt>
                <c:pt idx="5944">
                  <c:v>1.4340369757594682</c:v>
                </c:pt>
                <c:pt idx="5945">
                  <c:v>1.4340369757594682</c:v>
                </c:pt>
                <c:pt idx="5946">
                  <c:v>1.4340369757594682</c:v>
                </c:pt>
                <c:pt idx="5947">
                  <c:v>1.1950308131328902</c:v>
                </c:pt>
                <c:pt idx="5948">
                  <c:v>0.95602465050631213</c:v>
                </c:pt>
                <c:pt idx="5949">
                  <c:v>0.7170184878797341</c:v>
                </c:pt>
                <c:pt idx="5950">
                  <c:v>0.7170184878797341</c:v>
                </c:pt>
                <c:pt idx="5951">
                  <c:v>0.7170184878797341</c:v>
                </c:pt>
                <c:pt idx="5952">
                  <c:v>0.70552987027703629</c:v>
                </c:pt>
                <c:pt idx="5953">
                  <c:v>0.70552987027703629</c:v>
                </c:pt>
                <c:pt idx="5954">
                  <c:v>0.70552987027703629</c:v>
                </c:pt>
                <c:pt idx="5955">
                  <c:v>0.70552987027703629</c:v>
                </c:pt>
                <c:pt idx="5956">
                  <c:v>0.70552987027703629</c:v>
                </c:pt>
                <c:pt idx="5957">
                  <c:v>0.90934961057929109</c:v>
                </c:pt>
                <c:pt idx="5958">
                  <c:v>1.0504555846346983</c:v>
                </c:pt>
                <c:pt idx="5959">
                  <c:v>1.0504555846346983</c:v>
                </c:pt>
                <c:pt idx="5960">
                  <c:v>1.0504555846346983</c:v>
                </c:pt>
                <c:pt idx="5961">
                  <c:v>1.1288477924432578</c:v>
                </c:pt>
                <c:pt idx="5962">
                  <c:v>1.2229184418135295</c:v>
                </c:pt>
                <c:pt idx="5963">
                  <c:v>1.4110597405540726</c:v>
                </c:pt>
                <c:pt idx="5964">
                  <c:v>1.4110597405540726</c:v>
                </c:pt>
                <c:pt idx="5965">
                  <c:v>1.4110597405540726</c:v>
                </c:pt>
                <c:pt idx="5966">
                  <c:v>1.4110597405540726</c:v>
                </c:pt>
                <c:pt idx="5967">
                  <c:v>1.4110597405540726</c:v>
                </c:pt>
                <c:pt idx="5968">
                  <c:v>1.4110597405540726</c:v>
                </c:pt>
                <c:pt idx="5969">
                  <c:v>1.4110597405540726</c:v>
                </c:pt>
                <c:pt idx="5970">
                  <c:v>1.4110597405540726</c:v>
                </c:pt>
                <c:pt idx="5971">
                  <c:v>1.1758831171283937</c:v>
                </c:pt>
                <c:pt idx="5972">
                  <c:v>0.9407064937027152</c:v>
                </c:pt>
                <c:pt idx="5973">
                  <c:v>0.70552987027703629</c:v>
                </c:pt>
                <c:pt idx="5974">
                  <c:v>0.70552987027703629</c:v>
                </c:pt>
                <c:pt idx="5975">
                  <c:v>0.70552987027703629</c:v>
                </c:pt>
                <c:pt idx="5976">
                  <c:v>0.76809282189103412</c:v>
                </c:pt>
                <c:pt idx="5977">
                  <c:v>0.76809282189103412</c:v>
                </c:pt>
                <c:pt idx="5978">
                  <c:v>0.76809282189103412</c:v>
                </c:pt>
                <c:pt idx="5979">
                  <c:v>0.76809282189103412</c:v>
                </c:pt>
                <c:pt idx="5980">
                  <c:v>0.76809282189103412</c:v>
                </c:pt>
                <c:pt idx="5981">
                  <c:v>0.9899863037706661</c:v>
                </c:pt>
                <c:pt idx="5982">
                  <c:v>1.1948110562749421</c:v>
                </c:pt>
                <c:pt idx="5983">
                  <c:v>1.1948110562749421</c:v>
                </c:pt>
                <c:pt idx="5984">
                  <c:v>1.1948110562749421</c:v>
                </c:pt>
                <c:pt idx="5985">
                  <c:v>1.2801547031517235</c:v>
                </c:pt>
                <c:pt idx="5986">
                  <c:v>1.3313608912777926</c:v>
                </c:pt>
                <c:pt idx="5987">
                  <c:v>1.5361856437820682</c:v>
                </c:pt>
                <c:pt idx="5988">
                  <c:v>1.5361856437820682</c:v>
                </c:pt>
                <c:pt idx="5989">
                  <c:v>1.5361856437820682</c:v>
                </c:pt>
                <c:pt idx="5990">
                  <c:v>1.5361856437820682</c:v>
                </c:pt>
                <c:pt idx="5991">
                  <c:v>1.2801547031517235</c:v>
                </c:pt>
                <c:pt idx="5992">
                  <c:v>1.2118797856502983</c:v>
                </c:pt>
                <c:pt idx="5993">
                  <c:v>1.2118797856502983</c:v>
                </c:pt>
                <c:pt idx="5994">
                  <c:v>1.2118797856502983</c:v>
                </c:pt>
                <c:pt idx="5995">
                  <c:v>1.2118797856502983</c:v>
                </c:pt>
                <c:pt idx="5996">
                  <c:v>0.93878011564459729</c:v>
                </c:pt>
                <c:pt idx="5997">
                  <c:v>0.3584433168824826</c:v>
                </c:pt>
                <c:pt idx="5998">
                  <c:v>0.3584433168824826</c:v>
                </c:pt>
                <c:pt idx="5999">
                  <c:v>0.3584433168824826</c:v>
                </c:pt>
                <c:pt idx="6000">
                  <c:v>0.14820005237341874</c:v>
                </c:pt>
                <c:pt idx="6001">
                  <c:v>0.28934295939572235</c:v>
                </c:pt>
                <c:pt idx="6002">
                  <c:v>0.28934295939572235</c:v>
                </c:pt>
                <c:pt idx="6003">
                  <c:v>0.28934295939572235</c:v>
                </c:pt>
                <c:pt idx="6004">
                  <c:v>0.28934295939572235</c:v>
                </c:pt>
                <c:pt idx="6005">
                  <c:v>0.35991441290687409</c:v>
                </c:pt>
                <c:pt idx="6006">
                  <c:v>0.45165730247137148</c:v>
                </c:pt>
                <c:pt idx="6007">
                  <c:v>0.51517161063140804</c:v>
                </c:pt>
                <c:pt idx="6008">
                  <c:v>0.51517161063140804</c:v>
                </c:pt>
                <c:pt idx="6009">
                  <c:v>0.51517161063140804</c:v>
                </c:pt>
                <c:pt idx="6010">
                  <c:v>0.51517161063140804</c:v>
                </c:pt>
                <c:pt idx="6011">
                  <c:v>0.51517161063140804</c:v>
                </c:pt>
                <c:pt idx="6012">
                  <c:v>0.51517161063140804</c:v>
                </c:pt>
                <c:pt idx="6013">
                  <c:v>0.51517161063140804</c:v>
                </c:pt>
                <c:pt idx="6014">
                  <c:v>0.51517161063140804</c:v>
                </c:pt>
                <c:pt idx="6015">
                  <c:v>0.46577159317360184</c:v>
                </c:pt>
                <c:pt idx="6016">
                  <c:v>0.42342872106691076</c:v>
                </c:pt>
                <c:pt idx="6017">
                  <c:v>0.38108584896021969</c:v>
                </c:pt>
                <c:pt idx="6018">
                  <c:v>0.36697155825798927</c:v>
                </c:pt>
                <c:pt idx="6019">
                  <c:v>0.29640010474683748</c:v>
                </c:pt>
                <c:pt idx="6020">
                  <c:v>0.21877150588457053</c:v>
                </c:pt>
                <c:pt idx="6021">
                  <c:v>0.21877150588457053</c:v>
                </c:pt>
                <c:pt idx="6022">
                  <c:v>0.21877150588457053</c:v>
                </c:pt>
                <c:pt idx="6023">
                  <c:v>0.21877150588457053</c:v>
                </c:pt>
                <c:pt idx="6024">
                  <c:v>0.22726668966307062</c:v>
                </c:pt>
                <c:pt idx="6025">
                  <c:v>0.26392260735066264</c:v>
                </c:pt>
                <c:pt idx="6026">
                  <c:v>0.26392260735066264</c:v>
                </c:pt>
                <c:pt idx="6027">
                  <c:v>0.26392260735066264</c:v>
                </c:pt>
                <c:pt idx="6028">
                  <c:v>0.26392260735066264</c:v>
                </c:pt>
                <c:pt idx="6029">
                  <c:v>0.3299032591883283</c:v>
                </c:pt>
                <c:pt idx="6030">
                  <c:v>0.38855272748847564</c:v>
                </c:pt>
                <c:pt idx="6031">
                  <c:v>0.46186456286365962</c:v>
                </c:pt>
                <c:pt idx="6032">
                  <c:v>0.46186456286365962</c:v>
                </c:pt>
                <c:pt idx="6033">
                  <c:v>0.46186456286365962</c:v>
                </c:pt>
                <c:pt idx="6034">
                  <c:v>0.46186456286365962</c:v>
                </c:pt>
                <c:pt idx="6035">
                  <c:v>0.46186456286365962</c:v>
                </c:pt>
                <c:pt idx="6036">
                  <c:v>0.46186456286365962</c:v>
                </c:pt>
                <c:pt idx="6037">
                  <c:v>0.46186456286365962</c:v>
                </c:pt>
                <c:pt idx="6038">
                  <c:v>0.46186456286365962</c:v>
                </c:pt>
                <c:pt idx="6039">
                  <c:v>0.41054627810103073</c:v>
                </c:pt>
                <c:pt idx="6040">
                  <c:v>0.40321509456351234</c:v>
                </c:pt>
                <c:pt idx="6041">
                  <c:v>0.34456562626336518</c:v>
                </c:pt>
                <c:pt idx="6042">
                  <c:v>0.32257207565080992</c:v>
                </c:pt>
                <c:pt idx="6043">
                  <c:v>0.27125379088818108</c:v>
                </c:pt>
                <c:pt idx="6044">
                  <c:v>0.22726668966307062</c:v>
                </c:pt>
                <c:pt idx="6045">
                  <c:v>0.19794195551299701</c:v>
                </c:pt>
                <c:pt idx="6046">
                  <c:v>0.19794195551299701</c:v>
                </c:pt>
                <c:pt idx="6047">
                  <c:v>0.19794195551299701</c:v>
                </c:pt>
                <c:pt idx="6048">
                  <c:v>0.23869829535694309</c:v>
                </c:pt>
                <c:pt idx="6049">
                  <c:v>0.23869829535694309</c:v>
                </c:pt>
                <c:pt idx="6050">
                  <c:v>0.23869829535694309</c:v>
                </c:pt>
                <c:pt idx="6051">
                  <c:v>0.23869829535694309</c:v>
                </c:pt>
                <c:pt idx="6052">
                  <c:v>0.23869829535694309</c:v>
                </c:pt>
                <c:pt idx="6053">
                  <c:v>1.0343592798800867</c:v>
                </c:pt>
                <c:pt idx="6054">
                  <c:v>1.1735999521716367</c:v>
                </c:pt>
                <c:pt idx="6055">
                  <c:v>1.1735999521716367</c:v>
                </c:pt>
                <c:pt idx="6056">
                  <c:v>1.1735999521716367</c:v>
                </c:pt>
                <c:pt idx="6057">
                  <c:v>1.2531660506239513</c:v>
                </c:pt>
                <c:pt idx="6058">
                  <c:v>1.2531660506239513</c:v>
                </c:pt>
                <c:pt idx="6059">
                  <c:v>1.5913219690462874</c:v>
                </c:pt>
                <c:pt idx="6060">
                  <c:v>1.5913219690462874</c:v>
                </c:pt>
                <c:pt idx="6061">
                  <c:v>1.0542508044931653</c:v>
                </c:pt>
                <c:pt idx="6062">
                  <c:v>1.5913219690462874</c:v>
                </c:pt>
                <c:pt idx="6063">
                  <c:v>1.5913219690462874</c:v>
                </c:pt>
                <c:pt idx="6064">
                  <c:v>1.5913219690462874</c:v>
                </c:pt>
                <c:pt idx="6065">
                  <c:v>1.5913219690462874</c:v>
                </c:pt>
                <c:pt idx="6066">
                  <c:v>1.5913219690462874</c:v>
                </c:pt>
                <c:pt idx="6067">
                  <c:v>1.3327321490762656</c:v>
                </c:pt>
                <c:pt idx="6068">
                  <c:v>1.0940338537193224</c:v>
                </c:pt>
                <c:pt idx="6069">
                  <c:v>0.79566098452314371</c:v>
                </c:pt>
                <c:pt idx="6070">
                  <c:v>0.75587793529698644</c:v>
                </c:pt>
                <c:pt idx="6071">
                  <c:v>0.75587793529698644</c:v>
                </c:pt>
                <c:pt idx="6072">
                  <c:v>0.69709813592131464</c:v>
                </c:pt>
                <c:pt idx="6073">
                  <c:v>0.69709813592131464</c:v>
                </c:pt>
                <c:pt idx="6074">
                  <c:v>0.69709813592131464</c:v>
                </c:pt>
                <c:pt idx="6075">
                  <c:v>0.69709813592131464</c:v>
                </c:pt>
                <c:pt idx="6076">
                  <c:v>0.69709813592131464</c:v>
                </c:pt>
                <c:pt idx="6077">
                  <c:v>0.90622757669770904</c:v>
                </c:pt>
                <c:pt idx="6078">
                  <c:v>1.0107922970859062</c:v>
                </c:pt>
                <c:pt idx="6079">
                  <c:v>1.0456472038819722</c:v>
                </c:pt>
                <c:pt idx="6080">
                  <c:v>1.0456472038819722</c:v>
                </c:pt>
                <c:pt idx="6081">
                  <c:v>1.1327844708721364</c:v>
                </c:pt>
                <c:pt idx="6082">
                  <c:v>1.1850668310662349</c:v>
                </c:pt>
                <c:pt idx="6083">
                  <c:v>1.3941962718426293</c:v>
                </c:pt>
                <c:pt idx="6084">
                  <c:v>1.3941962718426293</c:v>
                </c:pt>
                <c:pt idx="6085">
                  <c:v>1.3941962718426293</c:v>
                </c:pt>
                <c:pt idx="6086">
                  <c:v>1.3941962718426293</c:v>
                </c:pt>
                <c:pt idx="6087">
                  <c:v>1.3941962718426293</c:v>
                </c:pt>
                <c:pt idx="6088">
                  <c:v>1.3941962718426293</c:v>
                </c:pt>
                <c:pt idx="6089">
                  <c:v>1.3941962718426293</c:v>
                </c:pt>
                <c:pt idx="6090">
                  <c:v>1.3941962718426293</c:v>
                </c:pt>
                <c:pt idx="6091">
                  <c:v>1.1676393776682021</c:v>
                </c:pt>
                <c:pt idx="6092">
                  <c:v>0.95850993689180763</c:v>
                </c:pt>
                <c:pt idx="6093">
                  <c:v>0.69709813592131464</c:v>
                </c:pt>
                <c:pt idx="6094">
                  <c:v>0.69709813592131464</c:v>
                </c:pt>
                <c:pt idx="6095">
                  <c:v>0.69709813592131464</c:v>
                </c:pt>
                <c:pt idx="6096">
                  <c:v>0.63091342340959899</c:v>
                </c:pt>
                <c:pt idx="6097">
                  <c:v>0.70977760133579881</c:v>
                </c:pt>
                <c:pt idx="6098">
                  <c:v>0.70977760133579881</c:v>
                </c:pt>
                <c:pt idx="6099">
                  <c:v>0.70977760133579881</c:v>
                </c:pt>
                <c:pt idx="6100">
                  <c:v>0.70977760133579881</c:v>
                </c:pt>
                <c:pt idx="6101">
                  <c:v>0.91482446394391848</c:v>
                </c:pt>
                <c:pt idx="6102">
                  <c:v>1.0567799842110783</c:v>
                </c:pt>
                <c:pt idx="6103">
                  <c:v>1.0567799842110783</c:v>
                </c:pt>
                <c:pt idx="6104">
                  <c:v>1.0567799842110783</c:v>
                </c:pt>
                <c:pt idx="6105">
                  <c:v>1.1356441621372781</c:v>
                </c:pt>
                <c:pt idx="6106">
                  <c:v>1.230281175648718</c:v>
                </c:pt>
                <c:pt idx="6107">
                  <c:v>1.4195552026715976</c:v>
                </c:pt>
                <c:pt idx="6108">
                  <c:v>1.4195552026715976</c:v>
                </c:pt>
                <c:pt idx="6109">
                  <c:v>1.4195552026715976</c:v>
                </c:pt>
                <c:pt idx="6110">
                  <c:v>1.4195552026715976</c:v>
                </c:pt>
                <c:pt idx="6111">
                  <c:v>1.4195552026715976</c:v>
                </c:pt>
                <c:pt idx="6112">
                  <c:v>1.4195552026715976</c:v>
                </c:pt>
                <c:pt idx="6113">
                  <c:v>1.4195552026715976</c:v>
                </c:pt>
                <c:pt idx="6114">
                  <c:v>1.4195552026715976</c:v>
                </c:pt>
                <c:pt idx="6115">
                  <c:v>1.1829626688929982</c:v>
                </c:pt>
                <c:pt idx="6116">
                  <c:v>0.9463701351143986</c:v>
                </c:pt>
                <c:pt idx="6117">
                  <c:v>0.70977760133579881</c:v>
                </c:pt>
                <c:pt idx="6118">
                  <c:v>0.70977760133579881</c:v>
                </c:pt>
                <c:pt idx="6119">
                  <c:v>0.70977760133579881</c:v>
                </c:pt>
                <c:pt idx="6120">
                  <c:v>0.72357635321212066</c:v>
                </c:pt>
                <c:pt idx="6121">
                  <c:v>0.72357635321212066</c:v>
                </c:pt>
                <c:pt idx="6122">
                  <c:v>0.72357635321212066</c:v>
                </c:pt>
                <c:pt idx="6123">
                  <c:v>0.72357635321212066</c:v>
                </c:pt>
                <c:pt idx="6124">
                  <c:v>0.72357635321212066</c:v>
                </c:pt>
                <c:pt idx="6125">
                  <c:v>0.9326095219178443</c:v>
                </c:pt>
                <c:pt idx="6126">
                  <c:v>1.0773247925602687</c:v>
                </c:pt>
                <c:pt idx="6127">
                  <c:v>1.0773247925602687</c:v>
                </c:pt>
                <c:pt idx="6128">
                  <c:v>1.0773247925602687</c:v>
                </c:pt>
                <c:pt idx="6129">
                  <c:v>1.1577221651393932</c:v>
                </c:pt>
                <c:pt idx="6130">
                  <c:v>1.2541990122343425</c:v>
                </c:pt>
                <c:pt idx="6131">
                  <c:v>1.4471527064242413</c:v>
                </c:pt>
                <c:pt idx="6132">
                  <c:v>1.4471527064242413</c:v>
                </c:pt>
                <c:pt idx="6133">
                  <c:v>1.4471527064242413</c:v>
                </c:pt>
                <c:pt idx="6134">
                  <c:v>1.4471527064242413</c:v>
                </c:pt>
                <c:pt idx="6135">
                  <c:v>1.4471527064242413</c:v>
                </c:pt>
                <c:pt idx="6136">
                  <c:v>1.4471527064242413</c:v>
                </c:pt>
                <c:pt idx="6137">
                  <c:v>1.4471527064242413</c:v>
                </c:pt>
                <c:pt idx="6138">
                  <c:v>1.4471527064242413</c:v>
                </c:pt>
                <c:pt idx="6139">
                  <c:v>1.2059605886868678</c:v>
                </c:pt>
                <c:pt idx="6140">
                  <c:v>0.96476847094949436</c:v>
                </c:pt>
                <c:pt idx="6141">
                  <c:v>0.72357635321212066</c:v>
                </c:pt>
                <c:pt idx="6142">
                  <c:v>0.72357635321212066</c:v>
                </c:pt>
                <c:pt idx="6143">
                  <c:v>0.72357635321212066</c:v>
                </c:pt>
                <c:pt idx="6144">
                  <c:v>0.78954903140630139</c:v>
                </c:pt>
                <c:pt idx="6145">
                  <c:v>0.78954903140630139</c:v>
                </c:pt>
                <c:pt idx="6146">
                  <c:v>0.78954903140630139</c:v>
                </c:pt>
                <c:pt idx="6147">
                  <c:v>0.78954903140630139</c:v>
                </c:pt>
                <c:pt idx="6148">
                  <c:v>0.78954903140630139</c:v>
                </c:pt>
                <c:pt idx="6149">
                  <c:v>1.0176409738125662</c:v>
                </c:pt>
                <c:pt idx="6150">
                  <c:v>1.2281873821875802</c:v>
                </c:pt>
                <c:pt idx="6151">
                  <c:v>1.2281873821875802</c:v>
                </c:pt>
                <c:pt idx="6152">
                  <c:v>1.2281873821875802</c:v>
                </c:pt>
                <c:pt idx="6153">
                  <c:v>1.3159150523438357</c:v>
                </c:pt>
                <c:pt idx="6154">
                  <c:v>1.3685516544375893</c:v>
                </c:pt>
                <c:pt idx="6155">
                  <c:v>1.5790980628126028</c:v>
                </c:pt>
                <c:pt idx="6156">
                  <c:v>1.5790980628126028</c:v>
                </c:pt>
                <c:pt idx="6157">
                  <c:v>1.5790980628126028</c:v>
                </c:pt>
                <c:pt idx="6158">
                  <c:v>1.5790980628126028</c:v>
                </c:pt>
                <c:pt idx="6159">
                  <c:v>1.3159150523438357</c:v>
                </c:pt>
                <c:pt idx="6160">
                  <c:v>1.2457329162188313</c:v>
                </c:pt>
                <c:pt idx="6161">
                  <c:v>1.2457329162188313</c:v>
                </c:pt>
                <c:pt idx="6162">
                  <c:v>1.2457329162188313</c:v>
                </c:pt>
                <c:pt idx="6163">
                  <c:v>1.2457329162188313</c:v>
                </c:pt>
                <c:pt idx="6164">
                  <c:v>0.96500437171881281</c:v>
                </c:pt>
                <c:pt idx="6165">
                  <c:v>0.36845621465627398</c:v>
                </c:pt>
                <c:pt idx="6166">
                  <c:v>0.36845621465627398</c:v>
                </c:pt>
                <c:pt idx="6167">
                  <c:v>0.36845621465627398</c:v>
                </c:pt>
                <c:pt idx="6168">
                  <c:v>0.17234824916908459</c:v>
                </c:pt>
                <c:pt idx="6169">
                  <c:v>0.33648943885392713</c:v>
                </c:pt>
                <c:pt idx="6170">
                  <c:v>0.33648943885392713</c:v>
                </c:pt>
                <c:pt idx="6171">
                  <c:v>0.33648943885392713</c:v>
                </c:pt>
                <c:pt idx="6172">
                  <c:v>0.33648943885392713</c:v>
                </c:pt>
                <c:pt idx="6173">
                  <c:v>0.41856003369634831</c:v>
                </c:pt>
                <c:pt idx="6174">
                  <c:v>0.52525180699149598</c:v>
                </c:pt>
                <c:pt idx="6175">
                  <c:v>0.59911534234967501</c:v>
                </c:pt>
                <c:pt idx="6176">
                  <c:v>0.59911534234967501</c:v>
                </c:pt>
                <c:pt idx="6177">
                  <c:v>0.59911534234967501</c:v>
                </c:pt>
                <c:pt idx="6178">
                  <c:v>0.59911534234967501</c:v>
                </c:pt>
                <c:pt idx="6179">
                  <c:v>0.59911534234967501</c:v>
                </c:pt>
                <c:pt idx="6180">
                  <c:v>0.59911534234967501</c:v>
                </c:pt>
                <c:pt idx="6181">
                  <c:v>0.59911534234967501</c:v>
                </c:pt>
                <c:pt idx="6182">
                  <c:v>0.59911534234967501</c:v>
                </c:pt>
                <c:pt idx="6183">
                  <c:v>0.5416659259599802</c:v>
                </c:pt>
                <c:pt idx="6184">
                  <c:v>0.49242356905452744</c:v>
                </c:pt>
                <c:pt idx="6185">
                  <c:v>0.44318121214907463</c:v>
                </c:pt>
                <c:pt idx="6186">
                  <c:v>0.42676709318059042</c:v>
                </c:pt>
                <c:pt idx="6187">
                  <c:v>0.34469649833816918</c:v>
                </c:pt>
                <c:pt idx="6188">
                  <c:v>0.25441884401150577</c:v>
                </c:pt>
                <c:pt idx="6189">
                  <c:v>0.25441884401150577</c:v>
                </c:pt>
                <c:pt idx="6190">
                  <c:v>0.25441884401150577</c:v>
                </c:pt>
                <c:pt idx="6191">
                  <c:v>0.25441884401150577</c:v>
                </c:pt>
                <c:pt idx="6192">
                  <c:v>0.31832347252432358</c:v>
                </c:pt>
                <c:pt idx="6193">
                  <c:v>0.36966596809276292</c:v>
                </c:pt>
                <c:pt idx="6194">
                  <c:v>0.36966596809276292</c:v>
                </c:pt>
                <c:pt idx="6195">
                  <c:v>0.36966596809276292</c:v>
                </c:pt>
                <c:pt idx="6196">
                  <c:v>0.36966596809276292</c:v>
                </c:pt>
                <c:pt idx="6197">
                  <c:v>0.4620824601159535</c:v>
                </c:pt>
                <c:pt idx="6198">
                  <c:v>0.54423045302545647</c:v>
                </c:pt>
                <c:pt idx="6199">
                  <c:v>0.64691544416233504</c:v>
                </c:pt>
                <c:pt idx="6200">
                  <c:v>0.64691544416233504</c:v>
                </c:pt>
                <c:pt idx="6201">
                  <c:v>0.64691544416233504</c:v>
                </c:pt>
                <c:pt idx="6202">
                  <c:v>0.64691544416233504</c:v>
                </c:pt>
                <c:pt idx="6203">
                  <c:v>0.64691544416233504</c:v>
                </c:pt>
                <c:pt idx="6204">
                  <c:v>0.64691544416233504</c:v>
                </c:pt>
                <c:pt idx="6205">
                  <c:v>0.64691544416233504</c:v>
                </c:pt>
                <c:pt idx="6206">
                  <c:v>0.64691544416233504</c:v>
                </c:pt>
                <c:pt idx="6207">
                  <c:v>0.57503595036652</c:v>
                </c:pt>
                <c:pt idx="6208">
                  <c:v>0.56476745125283212</c:v>
                </c:pt>
                <c:pt idx="6209">
                  <c:v>0.48261945834332937</c:v>
                </c:pt>
                <c:pt idx="6210">
                  <c:v>0.45181396100226578</c:v>
                </c:pt>
                <c:pt idx="6211">
                  <c:v>0.3799344672064508</c:v>
                </c:pt>
                <c:pt idx="6212">
                  <c:v>0.31832347252432358</c:v>
                </c:pt>
                <c:pt idx="6213">
                  <c:v>0.27724947606957218</c:v>
                </c:pt>
                <c:pt idx="6214">
                  <c:v>0.27724947606957218</c:v>
                </c:pt>
                <c:pt idx="6215">
                  <c:v>0.27724947606957218</c:v>
                </c:pt>
                <c:pt idx="6216">
                  <c:v>0.24522429891733341</c:v>
                </c:pt>
                <c:pt idx="6217">
                  <c:v>0.24522429891733341</c:v>
                </c:pt>
                <c:pt idx="6218">
                  <c:v>0.24522429891733341</c:v>
                </c:pt>
                <c:pt idx="6219">
                  <c:v>0.24522429891733341</c:v>
                </c:pt>
                <c:pt idx="6220">
                  <c:v>0.24522429891733341</c:v>
                </c:pt>
                <c:pt idx="6221">
                  <c:v>1.0626386286417782</c:v>
                </c:pt>
                <c:pt idx="6222">
                  <c:v>1.205686136343556</c:v>
                </c:pt>
                <c:pt idx="6223">
                  <c:v>1.205686136343556</c:v>
                </c:pt>
                <c:pt idx="6224">
                  <c:v>1.205686136343556</c:v>
                </c:pt>
                <c:pt idx="6225">
                  <c:v>1.2874275693160007</c:v>
                </c:pt>
                <c:pt idx="6226">
                  <c:v>1.2874275693160007</c:v>
                </c:pt>
                <c:pt idx="6227">
                  <c:v>1.6348286594488894</c:v>
                </c:pt>
                <c:pt idx="6228">
                  <c:v>1.6348286594488894</c:v>
                </c:pt>
                <c:pt idx="6229">
                  <c:v>1.0830739868848893</c:v>
                </c:pt>
                <c:pt idx="6230">
                  <c:v>1.6348286594488894</c:v>
                </c:pt>
                <c:pt idx="6231">
                  <c:v>1.6348286594488894</c:v>
                </c:pt>
                <c:pt idx="6232">
                  <c:v>1.6348286594488894</c:v>
                </c:pt>
                <c:pt idx="6233">
                  <c:v>1.6348286594488894</c:v>
                </c:pt>
                <c:pt idx="6234">
                  <c:v>1.6348286594488894</c:v>
                </c:pt>
                <c:pt idx="6235">
                  <c:v>1.3691690022884453</c:v>
                </c:pt>
                <c:pt idx="6236">
                  <c:v>1.1239447033711116</c:v>
                </c:pt>
                <c:pt idx="6237">
                  <c:v>0.81741432972444472</c:v>
                </c:pt>
                <c:pt idx="6238">
                  <c:v>0.77654361323822263</c:v>
                </c:pt>
                <c:pt idx="6239">
                  <c:v>0.77654361323822263</c:v>
                </c:pt>
                <c:pt idx="6240">
                  <c:v>0.70636990680782463</c:v>
                </c:pt>
                <c:pt idx="6241">
                  <c:v>0.70636990680782463</c:v>
                </c:pt>
                <c:pt idx="6242">
                  <c:v>0.70636990680782463</c:v>
                </c:pt>
                <c:pt idx="6243">
                  <c:v>0.70636990680782463</c:v>
                </c:pt>
                <c:pt idx="6244">
                  <c:v>0.70636990680782463</c:v>
                </c:pt>
                <c:pt idx="6245">
                  <c:v>0.91828087885017196</c:v>
                </c:pt>
                <c:pt idx="6246">
                  <c:v>1.0242363648713455</c:v>
                </c:pt>
                <c:pt idx="6247">
                  <c:v>1.0595548602117368</c:v>
                </c:pt>
                <c:pt idx="6248">
                  <c:v>1.0595548602117368</c:v>
                </c:pt>
                <c:pt idx="6249">
                  <c:v>1.1478510985627151</c:v>
                </c:pt>
                <c:pt idx="6250">
                  <c:v>1.2008288415733017</c:v>
                </c:pt>
                <c:pt idx="6251">
                  <c:v>1.4127398136156493</c:v>
                </c:pt>
                <c:pt idx="6252">
                  <c:v>1.4127398136156493</c:v>
                </c:pt>
                <c:pt idx="6253">
                  <c:v>1.4127398136156493</c:v>
                </c:pt>
                <c:pt idx="6254">
                  <c:v>1.4127398136156493</c:v>
                </c:pt>
                <c:pt idx="6255">
                  <c:v>1.4127398136156493</c:v>
                </c:pt>
                <c:pt idx="6256">
                  <c:v>1.4127398136156493</c:v>
                </c:pt>
                <c:pt idx="6257">
                  <c:v>1.4127398136156493</c:v>
                </c:pt>
                <c:pt idx="6258">
                  <c:v>1.4127398136156493</c:v>
                </c:pt>
                <c:pt idx="6259">
                  <c:v>1.1831695939031064</c:v>
                </c:pt>
                <c:pt idx="6260">
                  <c:v>0.97125862186075873</c:v>
                </c:pt>
                <c:pt idx="6261">
                  <c:v>0.70636990680782463</c:v>
                </c:pt>
                <c:pt idx="6262">
                  <c:v>0.70636990680782463</c:v>
                </c:pt>
                <c:pt idx="6263">
                  <c:v>0.70636990680782463</c:v>
                </c:pt>
                <c:pt idx="6264">
                  <c:v>0.62907446809685375</c:v>
                </c:pt>
                <c:pt idx="6265">
                  <c:v>0.70770877660896048</c:v>
                </c:pt>
                <c:pt idx="6266">
                  <c:v>0.70770877660896048</c:v>
                </c:pt>
                <c:pt idx="6267">
                  <c:v>0.70770877660896048</c:v>
                </c:pt>
                <c:pt idx="6268">
                  <c:v>0.70770877660896048</c:v>
                </c:pt>
                <c:pt idx="6269">
                  <c:v>0.91215797874043791</c:v>
                </c:pt>
                <c:pt idx="6270">
                  <c:v>1.0536997340622298</c:v>
                </c:pt>
                <c:pt idx="6271">
                  <c:v>1.0536997340622298</c:v>
                </c:pt>
                <c:pt idx="6272">
                  <c:v>1.0536997340622298</c:v>
                </c:pt>
                <c:pt idx="6273">
                  <c:v>1.1323340425743367</c:v>
                </c:pt>
                <c:pt idx="6274">
                  <c:v>1.2266952127888646</c:v>
                </c:pt>
                <c:pt idx="6275">
                  <c:v>1.415417553217921</c:v>
                </c:pt>
                <c:pt idx="6276">
                  <c:v>1.415417553217921</c:v>
                </c:pt>
                <c:pt idx="6277">
                  <c:v>1.415417553217921</c:v>
                </c:pt>
                <c:pt idx="6278">
                  <c:v>1.415417553217921</c:v>
                </c:pt>
                <c:pt idx="6279">
                  <c:v>1.415417553217921</c:v>
                </c:pt>
                <c:pt idx="6280">
                  <c:v>1.415417553217921</c:v>
                </c:pt>
                <c:pt idx="6281">
                  <c:v>1.415417553217921</c:v>
                </c:pt>
                <c:pt idx="6282">
                  <c:v>1.415417553217921</c:v>
                </c:pt>
                <c:pt idx="6283">
                  <c:v>1.1795146276816006</c:v>
                </c:pt>
                <c:pt idx="6284">
                  <c:v>0.94361170214528056</c:v>
                </c:pt>
                <c:pt idx="6285">
                  <c:v>0.70770877660896048</c:v>
                </c:pt>
                <c:pt idx="6286">
                  <c:v>0.70770877660896048</c:v>
                </c:pt>
                <c:pt idx="6287">
                  <c:v>0.70770877660896048</c:v>
                </c:pt>
                <c:pt idx="6288">
                  <c:v>0.71326407724921526</c:v>
                </c:pt>
                <c:pt idx="6289">
                  <c:v>0.71326407724921526</c:v>
                </c:pt>
                <c:pt idx="6290">
                  <c:v>0.71326407724921526</c:v>
                </c:pt>
                <c:pt idx="6291">
                  <c:v>0.71326407724921526</c:v>
                </c:pt>
                <c:pt idx="6292">
                  <c:v>0.71326407724921526</c:v>
                </c:pt>
                <c:pt idx="6293">
                  <c:v>0.9193181440100997</c:v>
                </c:pt>
                <c:pt idx="6294">
                  <c:v>1.0619709594599429</c:v>
                </c:pt>
                <c:pt idx="6295">
                  <c:v>1.0619709594599429</c:v>
                </c:pt>
                <c:pt idx="6296">
                  <c:v>1.0619709594599429</c:v>
                </c:pt>
                <c:pt idx="6297">
                  <c:v>1.1412225235987445</c:v>
                </c:pt>
                <c:pt idx="6298">
                  <c:v>1.2363244005653065</c:v>
                </c:pt>
                <c:pt idx="6299">
                  <c:v>1.4265281544984305</c:v>
                </c:pt>
                <c:pt idx="6300">
                  <c:v>1.4265281544984305</c:v>
                </c:pt>
                <c:pt idx="6301">
                  <c:v>1.4265281544984305</c:v>
                </c:pt>
                <c:pt idx="6302">
                  <c:v>1.4265281544984305</c:v>
                </c:pt>
                <c:pt idx="6303">
                  <c:v>1.4265281544984305</c:v>
                </c:pt>
                <c:pt idx="6304">
                  <c:v>1.4265281544984305</c:v>
                </c:pt>
                <c:pt idx="6305">
                  <c:v>1.4265281544984305</c:v>
                </c:pt>
                <c:pt idx="6306">
                  <c:v>1.4265281544984305</c:v>
                </c:pt>
                <c:pt idx="6307">
                  <c:v>1.1887734620820254</c:v>
                </c:pt>
                <c:pt idx="6308">
                  <c:v>0.95101876966562049</c:v>
                </c:pt>
                <c:pt idx="6309">
                  <c:v>0.71326407724921526</c:v>
                </c:pt>
                <c:pt idx="6310">
                  <c:v>0.71326407724921526</c:v>
                </c:pt>
                <c:pt idx="6311">
                  <c:v>0.71326407724921526</c:v>
                </c:pt>
                <c:pt idx="6312">
                  <c:v>0.77317455572359739</c:v>
                </c:pt>
                <c:pt idx="6313">
                  <c:v>0.77317455572359739</c:v>
                </c:pt>
                <c:pt idx="6314">
                  <c:v>0.77317455572359739</c:v>
                </c:pt>
                <c:pt idx="6315">
                  <c:v>0.77317455572359739</c:v>
                </c:pt>
                <c:pt idx="6316">
                  <c:v>0.77317455572359739</c:v>
                </c:pt>
                <c:pt idx="6317">
                  <c:v>0.99653609404374777</c:v>
                </c:pt>
                <c:pt idx="6318">
                  <c:v>1.2027159755700407</c:v>
                </c:pt>
                <c:pt idx="6319">
                  <c:v>1.2027159755700407</c:v>
                </c:pt>
                <c:pt idx="6320">
                  <c:v>1.2027159755700407</c:v>
                </c:pt>
                <c:pt idx="6321">
                  <c:v>1.2886242595393291</c:v>
                </c:pt>
                <c:pt idx="6322">
                  <c:v>1.3401692299209023</c:v>
                </c:pt>
                <c:pt idx="6323">
                  <c:v>1.5463491114471948</c:v>
                </c:pt>
                <c:pt idx="6324">
                  <c:v>1.5463491114471948</c:v>
                </c:pt>
                <c:pt idx="6325">
                  <c:v>1.5463491114471948</c:v>
                </c:pt>
                <c:pt idx="6326">
                  <c:v>1.5463491114471948</c:v>
                </c:pt>
                <c:pt idx="6327">
                  <c:v>1.2886242595393291</c:v>
                </c:pt>
                <c:pt idx="6328">
                  <c:v>1.2198976323638984</c:v>
                </c:pt>
                <c:pt idx="6329">
                  <c:v>1.2198976323638984</c:v>
                </c:pt>
                <c:pt idx="6330">
                  <c:v>1.2198976323638984</c:v>
                </c:pt>
                <c:pt idx="6331">
                  <c:v>1.2198976323638984</c:v>
                </c:pt>
                <c:pt idx="6332">
                  <c:v>0.94499112366217464</c:v>
                </c:pt>
                <c:pt idx="6333">
                  <c:v>0.36081479267101213</c:v>
                </c:pt>
                <c:pt idx="6334">
                  <c:v>0.36081479267101213</c:v>
                </c:pt>
                <c:pt idx="6335">
                  <c:v>0.36081479267101213</c:v>
                </c:pt>
                <c:pt idx="6336">
                  <c:v>0.17428010491273785</c:v>
                </c:pt>
                <c:pt idx="6337">
                  <c:v>0.34026115721058348</c:v>
                </c:pt>
                <c:pt idx="6338">
                  <c:v>0.34026115721058348</c:v>
                </c:pt>
                <c:pt idx="6339">
                  <c:v>0.34026115721058348</c:v>
                </c:pt>
                <c:pt idx="6340">
                  <c:v>0.34026115721058348</c:v>
                </c:pt>
                <c:pt idx="6341">
                  <c:v>0.42325168335950619</c:v>
                </c:pt>
                <c:pt idx="6342">
                  <c:v>0.53113936735310585</c:v>
                </c:pt>
                <c:pt idx="6343">
                  <c:v>0.60583084088713635</c:v>
                </c:pt>
                <c:pt idx="6344">
                  <c:v>0.60583084088713635</c:v>
                </c:pt>
                <c:pt idx="6345">
                  <c:v>0.60583084088713635</c:v>
                </c:pt>
                <c:pt idx="6346">
                  <c:v>0.60583084088713635</c:v>
                </c:pt>
                <c:pt idx="6347">
                  <c:v>0.60583084088713635</c:v>
                </c:pt>
                <c:pt idx="6348">
                  <c:v>0.60583084088713635</c:v>
                </c:pt>
                <c:pt idx="6349">
                  <c:v>0.60583084088713635</c:v>
                </c:pt>
                <c:pt idx="6350">
                  <c:v>0.60583084088713635</c:v>
                </c:pt>
                <c:pt idx="6351">
                  <c:v>0.54773747258289041</c:v>
                </c:pt>
                <c:pt idx="6352">
                  <c:v>0.49794315689353674</c:v>
                </c:pt>
                <c:pt idx="6353">
                  <c:v>0.44814884120418308</c:v>
                </c:pt>
                <c:pt idx="6354">
                  <c:v>0.43155073597439852</c:v>
                </c:pt>
                <c:pt idx="6355">
                  <c:v>0.3485602098254757</c:v>
                </c:pt>
                <c:pt idx="6356">
                  <c:v>0.25727063106166065</c:v>
                </c:pt>
                <c:pt idx="6357">
                  <c:v>0.25727063106166065</c:v>
                </c:pt>
                <c:pt idx="6358">
                  <c:v>0.25727063106166065</c:v>
                </c:pt>
                <c:pt idx="6359">
                  <c:v>0.25727063106166065</c:v>
                </c:pt>
                <c:pt idx="6360">
                  <c:v>0.31346178236701178</c:v>
                </c:pt>
                <c:pt idx="6361">
                  <c:v>0.36402013436169112</c:v>
                </c:pt>
                <c:pt idx="6362">
                  <c:v>0.36402013436169112</c:v>
                </c:pt>
                <c:pt idx="6363">
                  <c:v>0.36402013436169112</c:v>
                </c:pt>
                <c:pt idx="6364">
                  <c:v>0.36402013436169112</c:v>
                </c:pt>
                <c:pt idx="6365">
                  <c:v>0.4550251679521139</c:v>
                </c:pt>
                <c:pt idx="6366">
                  <c:v>0.53591853114360077</c:v>
                </c:pt>
                <c:pt idx="6367">
                  <c:v>0.63703523513295934</c:v>
                </c:pt>
                <c:pt idx="6368">
                  <c:v>0.63703523513295934</c:v>
                </c:pt>
                <c:pt idx="6369">
                  <c:v>0.63703523513295934</c:v>
                </c:pt>
                <c:pt idx="6370">
                  <c:v>0.63703523513295934</c:v>
                </c:pt>
                <c:pt idx="6371">
                  <c:v>0.63703523513295934</c:v>
                </c:pt>
                <c:pt idx="6372">
                  <c:v>0.63703523513295934</c:v>
                </c:pt>
                <c:pt idx="6373">
                  <c:v>0.63703523513295934</c:v>
                </c:pt>
                <c:pt idx="6374">
                  <c:v>0.63703523513295934</c:v>
                </c:pt>
                <c:pt idx="6375">
                  <c:v>0.56625354234040837</c:v>
                </c:pt>
                <c:pt idx="6376">
                  <c:v>0.55614187194147247</c:v>
                </c:pt>
                <c:pt idx="6377">
                  <c:v>0.47524850874998564</c:v>
                </c:pt>
                <c:pt idx="6378">
                  <c:v>0.44491349755317805</c:v>
                </c:pt>
                <c:pt idx="6379">
                  <c:v>0.37413180476062696</c:v>
                </c:pt>
                <c:pt idx="6380">
                  <c:v>0.31346178236701178</c:v>
                </c:pt>
                <c:pt idx="6381">
                  <c:v>0.27301510077126834</c:v>
                </c:pt>
                <c:pt idx="6382">
                  <c:v>0.27301510077126834</c:v>
                </c:pt>
                <c:pt idx="6383">
                  <c:v>0.27301510077126834</c:v>
                </c:pt>
                <c:pt idx="6384">
                  <c:v>0.24522429891733341</c:v>
                </c:pt>
                <c:pt idx="6385">
                  <c:v>0.24522429891733341</c:v>
                </c:pt>
                <c:pt idx="6386">
                  <c:v>0.24522429891733341</c:v>
                </c:pt>
                <c:pt idx="6387">
                  <c:v>0.24522429891733341</c:v>
                </c:pt>
                <c:pt idx="6388">
                  <c:v>0.24522429891733341</c:v>
                </c:pt>
                <c:pt idx="6389">
                  <c:v>1.0626386286417782</c:v>
                </c:pt>
                <c:pt idx="6390">
                  <c:v>1.205686136343556</c:v>
                </c:pt>
                <c:pt idx="6391">
                  <c:v>1.205686136343556</c:v>
                </c:pt>
                <c:pt idx="6392">
                  <c:v>1.205686136343556</c:v>
                </c:pt>
                <c:pt idx="6393">
                  <c:v>1.2874275693160007</c:v>
                </c:pt>
                <c:pt idx="6394">
                  <c:v>1.2874275693160007</c:v>
                </c:pt>
                <c:pt idx="6395">
                  <c:v>1.6348286594488894</c:v>
                </c:pt>
                <c:pt idx="6396">
                  <c:v>1.6348286594488894</c:v>
                </c:pt>
                <c:pt idx="6397">
                  <c:v>1.0830739868848893</c:v>
                </c:pt>
                <c:pt idx="6398">
                  <c:v>1.6348286594488894</c:v>
                </c:pt>
                <c:pt idx="6399">
                  <c:v>1.6348286594488894</c:v>
                </c:pt>
                <c:pt idx="6400">
                  <c:v>1.6348286594488894</c:v>
                </c:pt>
                <c:pt idx="6401">
                  <c:v>1.6348286594488894</c:v>
                </c:pt>
                <c:pt idx="6402">
                  <c:v>1.6348286594488894</c:v>
                </c:pt>
                <c:pt idx="6403">
                  <c:v>1.3691690022884453</c:v>
                </c:pt>
                <c:pt idx="6404">
                  <c:v>1.1239447033711116</c:v>
                </c:pt>
                <c:pt idx="6405">
                  <c:v>0.81741432972444472</c:v>
                </c:pt>
                <c:pt idx="6406">
                  <c:v>0.77654361323822263</c:v>
                </c:pt>
                <c:pt idx="6407">
                  <c:v>0.77654361323822263</c:v>
                </c:pt>
                <c:pt idx="6408">
                  <c:v>0.69606793915614684</c:v>
                </c:pt>
                <c:pt idx="6409">
                  <c:v>0.69606793915614684</c:v>
                </c:pt>
                <c:pt idx="6410">
                  <c:v>0.69606793915614684</c:v>
                </c:pt>
                <c:pt idx="6411">
                  <c:v>0.69606793915614684</c:v>
                </c:pt>
                <c:pt idx="6412">
                  <c:v>0.69606793915614684</c:v>
                </c:pt>
                <c:pt idx="6413">
                  <c:v>0.90488832090299087</c:v>
                </c:pt>
                <c:pt idx="6414">
                  <c:v>1.0092985117764131</c:v>
                </c:pt>
                <c:pt idx="6415">
                  <c:v>1.0441019087342205</c:v>
                </c:pt>
                <c:pt idx="6416">
                  <c:v>1.0441019087342205</c:v>
                </c:pt>
                <c:pt idx="6417">
                  <c:v>1.1311104011287387</c:v>
                </c:pt>
                <c:pt idx="6418">
                  <c:v>1.1833154965654495</c:v>
                </c:pt>
                <c:pt idx="6419">
                  <c:v>1.3921358783122937</c:v>
                </c:pt>
                <c:pt idx="6420">
                  <c:v>1.3921358783122937</c:v>
                </c:pt>
                <c:pt idx="6421">
                  <c:v>1.3921358783122937</c:v>
                </c:pt>
                <c:pt idx="6422">
                  <c:v>1.3921358783122937</c:v>
                </c:pt>
                <c:pt idx="6423">
                  <c:v>1.3921358783122937</c:v>
                </c:pt>
                <c:pt idx="6424">
                  <c:v>1.3921358783122937</c:v>
                </c:pt>
                <c:pt idx="6425">
                  <c:v>1.3921358783122937</c:v>
                </c:pt>
                <c:pt idx="6426">
                  <c:v>1.3921358783122937</c:v>
                </c:pt>
                <c:pt idx="6427">
                  <c:v>1.1659137980865462</c:v>
                </c:pt>
                <c:pt idx="6428">
                  <c:v>0.95709341633970202</c:v>
                </c:pt>
                <c:pt idx="6429">
                  <c:v>0.69606793915614684</c:v>
                </c:pt>
                <c:pt idx="6430">
                  <c:v>0.69606793915614684</c:v>
                </c:pt>
                <c:pt idx="6431">
                  <c:v>0.69606793915614684</c:v>
                </c:pt>
                <c:pt idx="6432">
                  <c:v>0.62355760215861733</c:v>
                </c:pt>
                <c:pt idx="6433">
                  <c:v>0.70150230242844458</c:v>
                </c:pt>
                <c:pt idx="6434">
                  <c:v>0.70150230242844458</c:v>
                </c:pt>
                <c:pt idx="6435">
                  <c:v>0.70150230242844458</c:v>
                </c:pt>
                <c:pt idx="6436">
                  <c:v>0.70150230242844458</c:v>
                </c:pt>
                <c:pt idx="6437">
                  <c:v>0.90415852312999501</c:v>
                </c:pt>
                <c:pt idx="6438">
                  <c:v>1.0444589836156841</c:v>
                </c:pt>
                <c:pt idx="6439">
                  <c:v>1.0444589836156841</c:v>
                </c:pt>
                <c:pt idx="6440">
                  <c:v>1.0444589836156841</c:v>
                </c:pt>
                <c:pt idx="6441">
                  <c:v>1.1224036838855111</c:v>
                </c:pt>
                <c:pt idx="6442">
                  <c:v>1.2159373242093039</c:v>
                </c:pt>
                <c:pt idx="6443">
                  <c:v>1.4030046048568892</c:v>
                </c:pt>
                <c:pt idx="6444">
                  <c:v>1.4030046048568892</c:v>
                </c:pt>
                <c:pt idx="6445">
                  <c:v>1.4030046048568892</c:v>
                </c:pt>
                <c:pt idx="6446">
                  <c:v>1.4030046048568892</c:v>
                </c:pt>
                <c:pt idx="6447">
                  <c:v>1.4030046048568892</c:v>
                </c:pt>
                <c:pt idx="6448">
                  <c:v>1.4030046048568892</c:v>
                </c:pt>
                <c:pt idx="6449">
                  <c:v>1.4030046048568892</c:v>
                </c:pt>
                <c:pt idx="6450">
                  <c:v>1.4030046048568892</c:v>
                </c:pt>
                <c:pt idx="6451">
                  <c:v>1.1691705040474074</c:v>
                </c:pt>
                <c:pt idx="6452">
                  <c:v>0.935336403237926</c:v>
                </c:pt>
                <c:pt idx="6453">
                  <c:v>0.70150230242844458</c:v>
                </c:pt>
                <c:pt idx="6454">
                  <c:v>0.70150230242844458</c:v>
                </c:pt>
                <c:pt idx="6455">
                  <c:v>0.70150230242844458</c:v>
                </c:pt>
                <c:pt idx="6456">
                  <c:v>0.70501425647889082</c:v>
                </c:pt>
                <c:pt idx="6457">
                  <c:v>0.70501425647889082</c:v>
                </c:pt>
                <c:pt idx="6458">
                  <c:v>0.70501425647889082</c:v>
                </c:pt>
                <c:pt idx="6459">
                  <c:v>0.70501425647889082</c:v>
                </c:pt>
                <c:pt idx="6460">
                  <c:v>0.70501425647889082</c:v>
                </c:pt>
                <c:pt idx="6461">
                  <c:v>0.90868504168390385</c:v>
                </c:pt>
                <c:pt idx="6462">
                  <c:v>1.0496878929796822</c:v>
                </c:pt>
                <c:pt idx="6463">
                  <c:v>1.0496878929796822</c:v>
                </c:pt>
                <c:pt idx="6464">
                  <c:v>1.0496878929796822</c:v>
                </c:pt>
                <c:pt idx="6465">
                  <c:v>1.1280228103662253</c:v>
                </c:pt>
                <c:pt idx="6466">
                  <c:v>1.2220247112300777</c:v>
                </c:pt>
                <c:pt idx="6467">
                  <c:v>1.4100285129577816</c:v>
                </c:pt>
                <c:pt idx="6468">
                  <c:v>1.4100285129577816</c:v>
                </c:pt>
                <c:pt idx="6469">
                  <c:v>1.4100285129577816</c:v>
                </c:pt>
                <c:pt idx="6470">
                  <c:v>1.4100285129577816</c:v>
                </c:pt>
                <c:pt idx="6471">
                  <c:v>1.4100285129577816</c:v>
                </c:pt>
                <c:pt idx="6472">
                  <c:v>1.4100285129577816</c:v>
                </c:pt>
                <c:pt idx="6473">
                  <c:v>1.4100285129577816</c:v>
                </c:pt>
                <c:pt idx="6474">
                  <c:v>1.4100285129577816</c:v>
                </c:pt>
                <c:pt idx="6475">
                  <c:v>1.1750237607981515</c:v>
                </c:pt>
                <c:pt idx="6476">
                  <c:v>0.94001900863852128</c:v>
                </c:pt>
                <c:pt idx="6477">
                  <c:v>0.70501425647889082</c:v>
                </c:pt>
                <c:pt idx="6478">
                  <c:v>0.70501425647889082</c:v>
                </c:pt>
                <c:pt idx="6479">
                  <c:v>0.70501425647889082</c:v>
                </c:pt>
                <c:pt idx="6480">
                  <c:v>0.76809282189103412</c:v>
                </c:pt>
                <c:pt idx="6481">
                  <c:v>0.76809282189103412</c:v>
                </c:pt>
                <c:pt idx="6482">
                  <c:v>0.76809282189103412</c:v>
                </c:pt>
                <c:pt idx="6483">
                  <c:v>0.76809282189103412</c:v>
                </c:pt>
                <c:pt idx="6484">
                  <c:v>0.76809282189103412</c:v>
                </c:pt>
                <c:pt idx="6485">
                  <c:v>0.9899863037706661</c:v>
                </c:pt>
                <c:pt idx="6486">
                  <c:v>1.1948110562749421</c:v>
                </c:pt>
                <c:pt idx="6487">
                  <c:v>1.1948110562749421</c:v>
                </c:pt>
                <c:pt idx="6488">
                  <c:v>1.1948110562749421</c:v>
                </c:pt>
                <c:pt idx="6489">
                  <c:v>1.2801547031517235</c:v>
                </c:pt>
                <c:pt idx="6490">
                  <c:v>1.3313608912777926</c:v>
                </c:pt>
                <c:pt idx="6491">
                  <c:v>1.5361856437820682</c:v>
                </c:pt>
                <c:pt idx="6492">
                  <c:v>1.5361856437820682</c:v>
                </c:pt>
                <c:pt idx="6493">
                  <c:v>1.5361856437820682</c:v>
                </c:pt>
                <c:pt idx="6494">
                  <c:v>1.5361856437820682</c:v>
                </c:pt>
                <c:pt idx="6495">
                  <c:v>1.2801547031517235</c:v>
                </c:pt>
                <c:pt idx="6496">
                  <c:v>1.2118797856502983</c:v>
                </c:pt>
                <c:pt idx="6497">
                  <c:v>1.2118797856502983</c:v>
                </c:pt>
                <c:pt idx="6498">
                  <c:v>1.2118797856502983</c:v>
                </c:pt>
                <c:pt idx="6499">
                  <c:v>1.2118797856502983</c:v>
                </c:pt>
                <c:pt idx="6500">
                  <c:v>0.93878011564459729</c:v>
                </c:pt>
                <c:pt idx="6501">
                  <c:v>0.3584433168824826</c:v>
                </c:pt>
                <c:pt idx="6502">
                  <c:v>0.3584433168824826</c:v>
                </c:pt>
                <c:pt idx="6503">
                  <c:v>0.3584433168824826</c:v>
                </c:pt>
                <c:pt idx="6504">
                  <c:v>0.17234824916908459</c:v>
                </c:pt>
                <c:pt idx="6505">
                  <c:v>0.33648943885392713</c:v>
                </c:pt>
                <c:pt idx="6506">
                  <c:v>0.33648943885392713</c:v>
                </c:pt>
                <c:pt idx="6507">
                  <c:v>0.33648943885392713</c:v>
                </c:pt>
                <c:pt idx="6508">
                  <c:v>0.33648943885392713</c:v>
                </c:pt>
                <c:pt idx="6509">
                  <c:v>0.41856003369634831</c:v>
                </c:pt>
                <c:pt idx="6510">
                  <c:v>0.52525180699149598</c:v>
                </c:pt>
                <c:pt idx="6511">
                  <c:v>0.59911534234967501</c:v>
                </c:pt>
                <c:pt idx="6512">
                  <c:v>0.59911534234967501</c:v>
                </c:pt>
                <c:pt idx="6513">
                  <c:v>0.59911534234967501</c:v>
                </c:pt>
                <c:pt idx="6514">
                  <c:v>0.59911534234967501</c:v>
                </c:pt>
                <c:pt idx="6515">
                  <c:v>0.59911534234967501</c:v>
                </c:pt>
                <c:pt idx="6516">
                  <c:v>0.59911534234967501</c:v>
                </c:pt>
                <c:pt idx="6517">
                  <c:v>0.59911534234967501</c:v>
                </c:pt>
                <c:pt idx="6518">
                  <c:v>0.59911534234967501</c:v>
                </c:pt>
                <c:pt idx="6519">
                  <c:v>0.5416659259599802</c:v>
                </c:pt>
                <c:pt idx="6520">
                  <c:v>0.49242356905452744</c:v>
                </c:pt>
                <c:pt idx="6521">
                  <c:v>0.44318121214907463</c:v>
                </c:pt>
                <c:pt idx="6522">
                  <c:v>0.42676709318059042</c:v>
                </c:pt>
                <c:pt idx="6523">
                  <c:v>0.34469649833816918</c:v>
                </c:pt>
                <c:pt idx="6524">
                  <c:v>0.25441884401150577</c:v>
                </c:pt>
                <c:pt idx="6525">
                  <c:v>0.25441884401150577</c:v>
                </c:pt>
                <c:pt idx="6526">
                  <c:v>0.25441884401150577</c:v>
                </c:pt>
                <c:pt idx="6527">
                  <c:v>0.25441884401150577</c:v>
                </c:pt>
                <c:pt idx="6528">
                  <c:v>0.31346178236701178</c:v>
                </c:pt>
                <c:pt idx="6529">
                  <c:v>0.36402013436169112</c:v>
                </c:pt>
                <c:pt idx="6530">
                  <c:v>0.36402013436169112</c:v>
                </c:pt>
                <c:pt idx="6531">
                  <c:v>0.36402013436169112</c:v>
                </c:pt>
                <c:pt idx="6532">
                  <c:v>0.36402013436169112</c:v>
                </c:pt>
                <c:pt idx="6533">
                  <c:v>0.4550251679521139</c:v>
                </c:pt>
                <c:pt idx="6534">
                  <c:v>0.53591853114360077</c:v>
                </c:pt>
                <c:pt idx="6535">
                  <c:v>0.63703523513295934</c:v>
                </c:pt>
                <c:pt idx="6536">
                  <c:v>0.63703523513295934</c:v>
                </c:pt>
                <c:pt idx="6537">
                  <c:v>0.63703523513295934</c:v>
                </c:pt>
                <c:pt idx="6538">
                  <c:v>0.63703523513295934</c:v>
                </c:pt>
                <c:pt idx="6539">
                  <c:v>0.63703523513295934</c:v>
                </c:pt>
                <c:pt idx="6540">
                  <c:v>0.63703523513295934</c:v>
                </c:pt>
                <c:pt idx="6541">
                  <c:v>0.63703523513295934</c:v>
                </c:pt>
                <c:pt idx="6542">
                  <c:v>0.63703523513295934</c:v>
                </c:pt>
                <c:pt idx="6543">
                  <c:v>0.56625354234040837</c:v>
                </c:pt>
                <c:pt idx="6544">
                  <c:v>0.55614187194147247</c:v>
                </c:pt>
                <c:pt idx="6545">
                  <c:v>0.47524850874998564</c:v>
                </c:pt>
                <c:pt idx="6546">
                  <c:v>0.44491349755317805</c:v>
                </c:pt>
                <c:pt idx="6547">
                  <c:v>0.37413180476062696</c:v>
                </c:pt>
                <c:pt idx="6548">
                  <c:v>0.31346178236701178</c:v>
                </c:pt>
                <c:pt idx="6549">
                  <c:v>0.27301510077126834</c:v>
                </c:pt>
                <c:pt idx="6550">
                  <c:v>0.27301510077126834</c:v>
                </c:pt>
                <c:pt idx="6551">
                  <c:v>0.27301510077126834</c:v>
                </c:pt>
                <c:pt idx="6552">
                  <c:v>0.24610619129035918</c:v>
                </c:pt>
                <c:pt idx="6553">
                  <c:v>0.24610619129035918</c:v>
                </c:pt>
                <c:pt idx="6554">
                  <c:v>0.24610619129035918</c:v>
                </c:pt>
                <c:pt idx="6555">
                  <c:v>0.24610619129035918</c:v>
                </c:pt>
                <c:pt idx="6556">
                  <c:v>0.24610619129035918</c:v>
                </c:pt>
                <c:pt idx="6557">
                  <c:v>1.0664601622582233</c:v>
                </c:pt>
                <c:pt idx="6558">
                  <c:v>1.2100221071775996</c:v>
                </c:pt>
                <c:pt idx="6559">
                  <c:v>1.2100221071775996</c:v>
                </c:pt>
                <c:pt idx="6560">
                  <c:v>1.2100221071775996</c:v>
                </c:pt>
                <c:pt idx="6561">
                  <c:v>1.2920575042743858</c:v>
                </c:pt>
                <c:pt idx="6562">
                  <c:v>1.2920575042743858</c:v>
                </c:pt>
                <c:pt idx="6563">
                  <c:v>1.6407079419357282</c:v>
                </c:pt>
                <c:pt idx="6564">
                  <c:v>1.6407079419357282</c:v>
                </c:pt>
                <c:pt idx="6565">
                  <c:v>1.08696901153242</c:v>
                </c:pt>
                <c:pt idx="6566">
                  <c:v>1.6407079419357282</c:v>
                </c:pt>
                <c:pt idx="6567">
                  <c:v>1.6407079419357282</c:v>
                </c:pt>
                <c:pt idx="6568">
                  <c:v>1.6407079419357282</c:v>
                </c:pt>
                <c:pt idx="6569">
                  <c:v>1.6407079419357282</c:v>
                </c:pt>
                <c:pt idx="6570">
                  <c:v>1.6407079419357282</c:v>
                </c:pt>
                <c:pt idx="6571">
                  <c:v>1.3740929013711725</c:v>
                </c:pt>
                <c:pt idx="6572">
                  <c:v>1.127986710080813</c:v>
                </c:pt>
                <c:pt idx="6573">
                  <c:v>0.82035397096786411</c:v>
                </c:pt>
                <c:pt idx="6574">
                  <c:v>0.77933627241947079</c:v>
                </c:pt>
                <c:pt idx="6575">
                  <c:v>0.77933627241947079</c:v>
                </c:pt>
                <c:pt idx="6576">
                  <c:v>0.71718697284208632</c:v>
                </c:pt>
                <c:pt idx="6577">
                  <c:v>0.71718697284208632</c:v>
                </c:pt>
                <c:pt idx="6578">
                  <c:v>0.71718697284208632</c:v>
                </c:pt>
                <c:pt idx="6579">
                  <c:v>0.71718697284208632</c:v>
                </c:pt>
                <c:pt idx="6580">
                  <c:v>0.71718697284208632</c:v>
                </c:pt>
                <c:pt idx="6581">
                  <c:v>0.93234306469471206</c:v>
                </c:pt>
                <c:pt idx="6582">
                  <c:v>1.0399211106210249</c:v>
                </c:pt>
                <c:pt idx="6583">
                  <c:v>1.0757804592631295</c:v>
                </c:pt>
                <c:pt idx="6584">
                  <c:v>1.0757804592631295</c:v>
                </c:pt>
                <c:pt idx="6585">
                  <c:v>1.16542883086839</c:v>
                </c:pt>
                <c:pt idx="6586">
                  <c:v>1.2192178538315463</c:v>
                </c:pt>
                <c:pt idx="6587">
                  <c:v>1.4343739456841726</c:v>
                </c:pt>
                <c:pt idx="6588">
                  <c:v>1.4343739456841726</c:v>
                </c:pt>
                <c:pt idx="6589">
                  <c:v>1.4343739456841726</c:v>
                </c:pt>
                <c:pt idx="6590">
                  <c:v>1.4343739456841726</c:v>
                </c:pt>
                <c:pt idx="6591">
                  <c:v>1.4343739456841726</c:v>
                </c:pt>
                <c:pt idx="6592">
                  <c:v>1.4343739456841726</c:v>
                </c:pt>
                <c:pt idx="6593">
                  <c:v>1.4343739456841726</c:v>
                </c:pt>
                <c:pt idx="6594">
                  <c:v>1.4343739456841726</c:v>
                </c:pt>
                <c:pt idx="6595">
                  <c:v>1.2012881795104944</c:v>
                </c:pt>
                <c:pt idx="6596">
                  <c:v>0.98613208765786853</c:v>
                </c:pt>
                <c:pt idx="6597">
                  <c:v>0.71718697284208632</c:v>
                </c:pt>
                <c:pt idx="6598">
                  <c:v>0.71718697284208632</c:v>
                </c:pt>
                <c:pt idx="6599">
                  <c:v>0.71718697284208632</c:v>
                </c:pt>
                <c:pt idx="6600">
                  <c:v>0.64148741645788532</c:v>
                </c:pt>
                <c:pt idx="6601">
                  <c:v>0.7216733435151208</c:v>
                </c:pt>
                <c:pt idx="6602">
                  <c:v>0.7216733435151208</c:v>
                </c:pt>
                <c:pt idx="6603">
                  <c:v>0.7216733435151208</c:v>
                </c:pt>
                <c:pt idx="6604">
                  <c:v>0.7216733435151208</c:v>
                </c:pt>
                <c:pt idx="6605">
                  <c:v>0.93015675386393371</c:v>
                </c:pt>
                <c:pt idx="6606">
                  <c:v>1.074491422566958</c:v>
                </c:pt>
                <c:pt idx="6607">
                  <c:v>1.074491422566958</c:v>
                </c:pt>
                <c:pt idx="6608">
                  <c:v>1.074491422566958</c:v>
                </c:pt>
                <c:pt idx="6609">
                  <c:v>1.1546773496241935</c:v>
                </c:pt>
                <c:pt idx="6610">
                  <c:v>1.2509004620928765</c:v>
                </c:pt>
                <c:pt idx="6611">
                  <c:v>1.4433466870302416</c:v>
                </c:pt>
                <c:pt idx="6612">
                  <c:v>1.4433466870302416</c:v>
                </c:pt>
                <c:pt idx="6613">
                  <c:v>1.4433466870302416</c:v>
                </c:pt>
                <c:pt idx="6614">
                  <c:v>1.4433466870302416</c:v>
                </c:pt>
                <c:pt idx="6615">
                  <c:v>1.4433466870302416</c:v>
                </c:pt>
                <c:pt idx="6616">
                  <c:v>1.4433466870302416</c:v>
                </c:pt>
                <c:pt idx="6617">
                  <c:v>1.4433466870302416</c:v>
                </c:pt>
                <c:pt idx="6618">
                  <c:v>1.4433466870302416</c:v>
                </c:pt>
                <c:pt idx="6619">
                  <c:v>1.2027889058585348</c:v>
                </c:pt>
                <c:pt idx="6620">
                  <c:v>0.96223112468682803</c:v>
                </c:pt>
                <c:pt idx="6621">
                  <c:v>0.7216733435151208</c:v>
                </c:pt>
                <c:pt idx="6622">
                  <c:v>0.7216733435151208</c:v>
                </c:pt>
                <c:pt idx="6623">
                  <c:v>0.7216733435151208</c:v>
                </c:pt>
                <c:pt idx="6624">
                  <c:v>0.72563880840470185</c:v>
                </c:pt>
                <c:pt idx="6625">
                  <c:v>0.72563880840470185</c:v>
                </c:pt>
                <c:pt idx="6626">
                  <c:v>0.72563880840470185</c:v>
                </c:pt>
                <c:pt idx="6627">
                  <c:v>0.72563880840470185</c:v>
                </c:pt>
                <c:pt idx="6628">
                  <c:v>0.72563880840470185</c:v>
                </c:pt>
                <c:pt idx="6629">
                  <c:v>0.9352677974993937</c:v>
                </c:pt>
                <c:pt idx="6630">
                  <c:v>1.080395559180334</c:v>
                </c:pt>
                <c:pt idx="6631">
                  <c:v>1.080395559180334</c:v>
                </c:pt>
                <c:pt idx="6632">
                  <c:v>1.080395559180334</c:v>
                </c:pt>
                <c:pt idx="6633">
                  <c:v>1.1610220934475233</c:v>
                </c:pt>
                <c:pt idx="6634">
                  <c:v>1.25777393456815</c:v>
                </c:pt>
                <c:pt idx="6635">
                  <c:v>1.4512776168094037</c:v>
                </c:pt>
                <c:pt idx="6636">
                  <c:v>1.4512776168094037</c:v>
                </c:pt>
                <c:pt idx="6637">
                  <c:v>1.4512776168094037</c:v>
                </c:pt>
                <c:pt idx="6638">
                  <c:v>1.4512776168094037</c:v>
                </c:pt>
                <c:pt idx="6639">
                  <c:v>1.4512776168094037</c:v>
                </c:pt>
                <c:pt idx="6640">
                  <c:v>1.4512776168094037</c:v>
                </c:pt>
                <c:pt idx="6641">
                  <c:v>1.4512776168094037</c:v>
                </c:pt>
                <c:pt idx="6642">
                  <c:v>1.4512776168094037</c:v>
                </c:pt>
                <c:pt idx="6643">
                  <c:v>1.2093980140078366</c:v>
                </c:pt>
                <c:pt idx="6644">
                  <c:v>0.96751841120626936</c:v>
                </c:pt>
                <c:pt idx="6645">
                  <c:v>0.72563880840470185</c:v>
                </c:pt>
                <c:pt idx="6646">
                  <c:v>0.72563880840470185</c:v>
                </c:pt>
                <c:pt idx="6647">
                  <c:v>0.72563880840470185</c:v>
                </c:pt>
                <c:pt idx="6648">
                  <c:v>0.80592350708900529</c:v>
                </c:pt>
                <c:pt idx="6649">
                  <c:v>0.80592350708900529</c:v>
                </c:pt>
                <c:pt idx="6650">
                  <c:v>0.80592350708900529</c:v>
                </c:pt>
                <c:pt idx="6651">
                  <c:v>0.80592350708900529</c:v>
                </c:pt>
                <c:pt idx="6652">
                  <c:v>0.80592350708900529</c:v>
                </c:pt>
                <c:pt idx="6653">
                  <c:v>1.0387458535813845</c:v>
                </c:pt>
                <c:pt idx="6654">
                  <c:v>1.2536587888051194</c:v>
                </c:pt>
                <c:pt idx="6655">
                  <c:v>1.2536587888051194</c:v>
                </c:pt>
                <c:pt idx="6656">
                  <c:v>1.2536587888051194</c:v>
                </c:pt>
                <c:pt idx="6657">
                  <c:v>1.3432058451483422</c:v>
                </c:pt>
                <c:pt idx="6658">
                  <c:v>1.3969340789542757</c:v>
                </c:pt>
                <c:pt idx="6659">
                  <c:v>1.6118470141780106</c:v>
                </c:pt>
                <c:pt idx="6660">
                  <c:v>1.6118470141780106</c:v>
                </c:pt>
                <c:pt idx="6661">
                  <c:v>1.6118470141780106</c:v>
                </c:pt>
                <c:pt idx="6662">
                  <c:v>1.6118470141780106</c:v>
                </c:pt>
                <c:pt idx="6663">
                  <c:v>1.3432058451483422</c:v>
                </c:pt>
                <c:pt idx="6664">
                  <c:v>1.271568200073764</c:v>
                </c:pt>
                <c:pt idx="6665">
                  <c:v>1.271568200073764</c:v>
                </c:pt>
                <c:pt idx="6666">
                  <c:v>1.271568200073764</c:v>
                </c:pt>
                <c:pt idx="6667">
                  <c:v>1.271568200073764</c:v>
                </c:pt>
                <c:pt idx="6668">
                  <c:v>0.98501761977545077</c:v>
                </c:pt>
                <c:pt idx="6669">
                  <c:v>0.37609763664153578</c:v>
                </c:pt>
                <c:pt idx="6670">
                  <c:v>0.37609763664153578</c:v>
                </c:pt>
                <c:pt idx="6671">
                  <c:v>0.37609763664153578</c:v>
                </c:pt>
                <c:pt idx="6672">
                  <c:v>0.23126984935050929</c:v>
                </c:pt>
                <c:pt idx="6673">
                  <c:v>0.45152684873194671</c:v>
                </c:pt>
                <c:pt idx="6674">
                  <c:v>0.45152684873194671</c:v>
                </c:pt>
                <c:pt idx="6675">
                  <c:v>0.45152684873194671</c:v>
                </c:pt>
                <c:pt idx="6676">
                  <c:v>0.45152684873194671</c:v>
                </c:pt>
                <c:pt idx="6677">
                  <c:v>0.56165534842266551</c:v>
                </c:pt>
                <c:pt idx="6678">
                  <c:v>0.70482239802059976</c:v>
                </c:pt>
                <c:pt idx="6679">
                  <c:v>0.80393804774224664</c:v>
                </c:pt>
                <c:pt idx="6680">
                  <c:v>0.80393804774224664</c:v>
                </c:pt>
                <c:pt idx="6681">
                  <c:v>0.80393804774224664</c:v>
                </c:pt>
                <c:pt idx="6682">
                  <c:v>0.80393804774224664</c:v>
                </c:pt>
                <c:pt idx="6683">
                  <c:v>0.80393804774224664</c:v>
                </c:pt>
                <c:pt idx="6684">
                  <c:v>0.80393804774224664</c:v>
                </c:pt>
                <c:pt idx="6685">
                  <c:v>0.80393804774224664</c:v>
                </c:pt>
                <c:pt idx="6686">
                  <c:v>0.80393804774224664</c:v>
                </c:pt>
                <c:pt idx="6687">
                  <c:v>0.72684809795874361</c:v>
                </c:pt>
                <c:pt idx="6688">
                  <c:v>0.66077099814431228</c:v>
                </c:pt>
                <c:pt idx="6689">
                  <c:v>0.59469389832988107</c:v>
                </c:pt>
                <c:pt idx="6690">
                  <c:v>0.57266819839173733</c:v>
                </c:pt>
                <c:pt idx="6691">
                  <c:v>0.46253969870101858</c:v>
                </c:pt>
                <c:pt idx="6692">
                  <c:v>0.34139834904122796</c:v>
                </c:pt>
                <c:pt idx="6693">
                  <c:v>0.34139834904122796</c:v>
                </c:pt>
                <c:pt idx="6694">
                  <c:v>0.34139834904122796</c:v>
                </c:pt>
                <c:pt idx="6695">
                  <c:v>0.34139834904122796</c:v>
                </c:pt>
                <c:pt idx="6696">
                  <c:v>0.42366009259941284</c:v>
                </c:pt>
                <c:pt idx="6697">
                  <c:v>0.49199236559931825</c:v>
                </c:pt>
                <c:pt idx="6698">
                  <c:v>0.49199236559931825</c:v>
                </c:pt>
                <c:pt idx="6699">
                  <c:v>0.49199236559931825</c:v>
                </c:pt>
                <c:pt idx="6700">
                  <c:v>0.49199236559931825</c:v>
                </c:pt>
                <c:pt idx="6701">
                  <c:v>0.61499045699914778</c:v>
                </c:pt>
                <c:pt idx="6702">
                  <c:v>0.72432209379899626</c:v>
                </c:pt>
                <c:pt idx="6703">
                  <c:v>0.86098663979880685</c:v>
                </c:pt>
                <c:pt idx="6704">
                  <c:v>0.86098663979880685</c:v>
                </c:pt>
                <c:pt idx="6705">
                  <c:v>0.86098663979880685</c:v>
                </c:pt>
                <c:pt idx="6706">
                  <c:v>0.86098663979880685</c:v>
                </c:pt>
                <c:pt idx="6707">
                  <c:v>0.86098663979880685</c:v>
                </c:pt>
                <c:pt idx="6708">
                  <c:v>0.86098663979880685</c:v>
                </c:pt>
                <c:pt idx="6709">
                  <c:v>0.86098663979880685</c:v>
                </c:pt>
                <c:pt idx="6710">
                  <c:v>0.86098663979880685</c:v>
                </c:pt>
                <c:pt idx="6711">
                  <c:v>0.76532145759893944</c:v>
                </c:pt>
                <c:pt idx="6712">
                  <c:v>0.75165500299895827</c:v>
                </c:pt>
                <c:pt idx="6713">
                  <c:v>0.64232336619911001</c:v>
                </c:pt>
                <c:pt idx="6714">
                  <c:v>0.60132400239916672</c:v>
                </c:pt>
                <c:pt idx="6715">
                  <c:v>0.5056588201992992</c:v>
                </c:pt>
                <c:pt idx="6716">
                  <c:v>0.42366009259941284</c:v>
                </c:pt>
                <c:pt idx="6717">
                  <c:v>0.36899427419948866</c:v>
                </c:pt>
                <c:pt idx="6718">
                  <c:v>0.36899427419948866</c:v>
                </c:pt>
                <c:pt idx="6719">
                  <c:v>0.36899427419948866</c:v>
                </c:pt>
                <c:pt idx="6720">
                  <c:v>0.25563062891903698</c:v>
                </c:pt>
                <c:pt idx="6721">
                  <c:v>0.25563062891903698</c:v>
                </c:pt>
                <c:pt idx="6722">
                  <c:v>0.25563062891903698</c:v>
                </c:pt>
                <c:pt idx="6723">
                  <c:v>0.25563062891903698</c:v>
                </c:pt>
                <c:pt idx="6724">
                  <c:v>0.25563062891903698</c:v>
                </c:pt>
                <c:pt idx="6725">
                  <c:v>1.1077327253158271</c:v>
                </c:pt>
                <c:pt idx="6726">
                  <c:v>1.2568505921852653</c:v>
                </c:pt>
                <c:pt idx="6727">
                  <c:v>1.2568505921852653</c:v>
                </c:pt>
                <c:pt idx="6728">
                  <c:v>1.2568505921852653</c:v>
                </c:pt>
                <c:pt idx="6729">
                  <c:v>1.3420608018249442</c:v>
                </c:pt>
                <c:pt idx="6730">
                  <c:v>1.3420608018249442</c:v>
                </c:pt>
                <c:pt idx="6731">
                  <c:v>1.7042041927935803</c:v>
                </c:pt>
                <c:pt idx="6732">
                  <c:v>1.7042041927935803</c:v>
                </c:pt>
                <c:pt idx="6733">
                  <c:v>1.1290352777257471</c:v>
                </c:pt>
                <c:pt idx="6734">
                  <c:v>1.7042041927935803</c:v>
                </c:pt>
                <c:pt idx="6735">
                  <c:v>1.7042041927935803</c:v>
                </c:pt>
                <c:pt idx="6736">
                  <c:v>1.7042041927935803</c:v>
                </c:pt>
                <c:pt idx="6737">
                  <c:v>1.7042041927935803</c:v>
                </c:pt>
                <c:pt idx="6738">
                  <c:v>1.7042041927935803</c:v>
                </c:pt>
                <c:pt idx="6739">
                  <c:v>1.4272710114646232</c:v>
                </c:pt>
                <c:pt idx="6740">
                  <c:v>1.1716403825455861</c:v>
                </c:pt>
                <c:pt idx="6741">
                  <c:v>0.85210209639679013</c:v>
                </c:pt>
                <c:pt idx="6742">
                  <c:v>0.80949699157695043</c:v>
                </c:pt>
                <c:pt idx="6743">
                  <c:v>0.80949699157695043</c:v>
                </c:pt>
                <c:pt idx="6744">
                  <c:v>0.73676071138027377</c:v>
                </c:pt>
                <c:pt idx="6745">
                  <c:v>0.73676071138027377</c:v>
                </c:pt>
                <c:pt idx="6746">
                  <c:v>0.73676071138027377</c:v>
                </c:pt>
                <c:pt idx="6747">
                  <c:v>0.73676071138027377</c:v>
                </c:pt>
                <c:pt idx="6748">
                  <c:v>0.73676071138027377</c:v>
                </c:pt>
                <c:pt idx="6749">
                  <c:v>0.95778892479435584</c:v>
                </c:pt>
                <c:pt idx="6750">
                  <c:v>1.0683030315013968</c:v>
                </c:pt>
                <c:pt idx="6751">
                  <c:v>1.1051410670704107</c:v>
                </c:pt>
                <c:pt idx="6752">
                  <c:v>1.1051410670704107</c:v>
                </c:pt>
                <c:pt idx="6753">
                  <c:v>1.1972361559929448</c:v>
                </c:pt>
                <c:pt idx="6754">
                  <c:v>1.2524932093464654</c:v>
                </c:pt>
                <c:pt idx="6755">
                  <c:v>1.4735214227605475</c:v>
                </c:pt>
                <c:pt idx="6756">
                  <c:v>1.4735214227605475</c:v>
                </c:pt>
                <c:pt idx="6757">
                  <c:v>1.4735214227605475</c:v>
                </c:pt>
                <c:pt idx="6758">
                  <c:v>1.4735214227605475</c:v>
                </c:pt>
                <c:pt idx="6759">
                  <c:v>1.4735214227605475</c:v>
                </c:pt>
                <c:pt idx="6760">
                  <c:v>1.4735214227605475</c:v>
                </c:pt>
                <c:pt idx="6761">
                  <c:v>1.4735214227605475</c:v>
                </c:pt>
                <c:pt idx="6762">
                  <c:v>1.4735214227605475</c:v>
                </c:pt>
                <c:pt idx="6763">
                  <c:v>1.2340741915619586</c:v>
                </c:pt>
                <c:pt idx="6764">
                  <c:v>1.0130459781478762</c:v>
                </c:pt>
                <c:pt idx="6765">
                  <c:v>0.73676071138027377</c:v>
                </c:pt>
                <c:pt idx="6766">
                  <c:v>0.73676071138027377</c:v>
                </c:pt>
                <c:pt idx="6767">
                  <c:v>0.73676071138027377</c:v>
                </c:pt>
                <c:pt idx="6768">
                  <c:v>0.6479237600524943</c:v>
                </c:pt>
                <c:pt idx="6769">
                  <c:v>0.72891423005905609</c:v>
                </c:pt>
                <c:pt idx="6770">
                  <c:v>0.72891423005905609</c:v>
                </c:pt>
                <c:pt idx="6771">
                  <c:v>0.72891423005905609</c:v>
                </c:pt>
                <c:pt idx="6772">
                  <c:v>0.72891423005905609</c:v>
                </c:pt>
                <c:pt idx="6773">
                  <c:v>0.93948945207611667</c:v>
                </c:pt>
                <c:pt idx="6774">
                  <c:v>1.0852722980879281</c:v>
                </c:pt>
                <c:pt idx="6775">
                  <c:v>1.0852722980879281</c:v>
                </c:pt>
                <c:pt idx="6776">
                  <c:v>1.0852722980879281</c:v>
                </c:pt>
                <c:pt idx="6777">
                  <c:v>1.1662627680944897</c:v>
                </c:pt>
                <c:pt idx="6778">
                  <c:v>1.2634513321023639</c:v>
                </c:pt>
                <c:pt idx="6779">
                  <c:v>1.4578284601181122</c:v>
                </c:pt>
                <c:pt idx="6780">
                  <c:v>1.4578284601181122</c:v>
                </c:pt>
                <c:pt idx="6781">
                  <c:v>1.4578284601181122</c:v>
                </c:pt>
                <c:pt idx="6782">
                  <c:v>1.4578284601181122</c:v>
                </c:pt>
                <c:pt idx="6783">
                  <c:v>1.4578284601181122</c:v>
                </c:pt>
                <c:pt idx="6784">
                  <c:v>1.4578284601181122</c:v>
                </c:pt>
                <c:pt idx="6785">
                  <c:v>1.4578284601181122</c:v>
                </c:pt>
                <c:pt idx="6786">
                  <c:v>1.4578284601181122</c:v>
                </c:pt>
                <c:pt idx="6787">
                  <c:v>1.2148570500984268</c:v>
                </c:pt>
                <c:pt idx="6788">
                  <c:v>0.97188564007874145</c:v>
                </c:pt>
                <c:pt idx="6789">
                  <c:v>0.72891423005905609</c:v>
                </c:pt>
                <c:pt idx="6790">
                  <c:v>0.72891423005905609</c:v>
                </c:pt>
                <c:pt idx="6791">
                  <c:v>0.72891423005905609</c:v>
                </c:pt>
                <c:pt idx="6792">
                  <c:v>0.73182617398244521</c:v>
                </c:pt>
                <c:pt idx="6793">
                  <c:v>0.73182617398244521</c:v>
                </c:pt>
                <c:pt idx="6794">
                  <c:v>0.73182617398244521</c:v>
                </c:pt>
                <c:pt idx="6795">
                  <c:v>0.73182617398244521</c:v>
                </c:pt>
                <c:pt idx="6796">
                  <c:v>0.73182617398244521</c:v>
                </c:pt>
                <c:pt idx="6797">
                  <c:v>0.94324262424404037</c:v>
                </c:pt>
                <c:pt idx="6798">
                  <c:v>1.0896078590405296</c:v>
                </c:pt>
                <c:pt idx="6799">
                  <c:v>1.0896078590405296</c:v>
                </c:pt>
                <c:pt idx="6800">
                  <c:v>1.0896078590405296</c:v>
                </c:pt>
                <c:pt idx="6801">
                  <c:v>1.1709218783719124</c:v>
                </c:pt>
                <c:pt idx="6802">
                  <c:v>1.2684987015695715</c:v>
                </c:pt>
                <c:pt idx="6803">
                  <c:v>1.4636523479648904</c:v>
                </c:pt>
                <c:pt idx="6804">
                  <c:v>1.4636523479648904</c:v>
                </c:pt>
                <c:pt idx="6805">
                  <c:v>1.4636523479648904</c:v>
                </c:pt>
                <c:pt idx="6806">
                  <c:v>1.4636523479648904</c:v>
                </c:pt>
                <c:pt idx="6807">
                  <c:v>1.4636523479648904</c:v>
                </c:pt>
                <c:pt idx="6808">
                  <c:v>1.4636523479648904</c:v>
                </c:pt>
                <c:pt idx="6809">
                  <c:v>1.4636523479648904</c:v>
                </c:pt>
                <c:pt idx="6810">
                  <c:v>1.4636523479648904</c:v>
                </c:pt>
                <c:pt idx="6811">
                  <c:v>1.2197102899707419</c:v>
                </c:pt>
                <c:pt idx="6812">
                  <c:v>0.97576823197659357</c:v>
                </c:pt>
                <c:pt idx="6813">
                  <c:v>0.73182617398244521</c:v>
                </c:pt>
                <c:pt idx="6814">
                  <c:v>0.73182617398244521</c:v>
                </c:pt>
                <c:pt idx="6815">
                  <c:v>0.73182617398244521</c:v>
                </c:pt>
                <c:pt idx="6816">
                  <c:v>0.80761741836652634</c:v>
                </c:pt>
                <c:pt idx="6817">
                  <c:v>0.80761741836652634</c:v>
                </c:pt>
                <c:pt idx="6818">
                  <c:v>0.80761741836652634</c:v>
                </c:pt>
                <c:pt idx="6819">
                  <c:v>0.80761741836652634</c:v>
                </c:pt>
                <c:pt idx="6820">
                  <c:v>0.80761741836652634</c:v>
                </c:pt>
                <c:pt idx="6821">
                  <c:v>1.0409291170057451</c:v>
                </c:pt>
                <c:pt idx="6822">
                  <c:v>1.2562937619034855</c:v>
                </c:pt>
                <c:pt idx="6823">
                  <c:v>1.2562937619034855</c:v>
                </c:pt>
                <c:pt idx="6824">
                  <c:v>1.2562937619034855</c:v>
                </c:pt>
                <c:pt idx="6825">
                  <c:v>1.3460290306108773</c:v>
                </c:pt>
                <c:pt idx="6826">
                  <c:v>1.3998701918353125</c:v>
                </c:pt>
                <c:pt idx="6827">
                  <c:v>1.6152348367330527</c:v>
                </c:pt>
                <c:pt idx="6828">
                  <c:v>1.6152348367330527</c:v>
                </c:pt>
                <c:pt idx="6829">
                  <c:v>1.6152348367330527</c:v>
                </c:pt>
                <c:pt idx="6830">
                  <c:v>1.6152348367330527</c:v>
                </c:pt>
                <c:pt idx="6831">
                  <c:v>1.3460290306108773</c:v>
                </c:pt>
                <c:pt idx="6832">
                  <c:v>1.2742408156449641</c:v>
                </c:pt>
                <c:pt idx="6833">
                  <c:v>1.2742408156449641</c:v>
                </c:pt>
                <c:pt idx="6834">
                  <c:v>1.2742408156449641</c:v>
                </c:pt>
                <c:pt idx="6835">
                  <c:v>1.2742408156449641</c:v>
                </c:pt>
                <c:pt idx="6836">
                  <c:v>0.98708795578130992</c:v>
                </c:pt>
                <c:pt idx="6837">
                  <c:v>0.37688812857104564</c:v>
                </c:pt>
                <c:pt idx="6838">
                  <c:v>0.37688812857104564</c:v>
                </c:pt>
                <c:pt idx="6839">
                  <c:v>0.37688812857104564</c:v>
                </c:pt>
                <c:pt idx="6840">
                  <c:v>0.22257649850406958</c:v>
                </c:pt>
                <c:pt idx="6841">
                  <c:v>0.43455411612699302</c:v>
                </c:pt>
                <c:pt idx="6842">
                  <c:v>0.43455411612699302</c:v>
                </c:pt>
                <c:pt idx="6843">
                  <c:v>0.43455411612699302</c:v>
                </c:pt>
                <c:pt idx="6844">
                  <c:v>0.43455411612699302</c:v>
                </c:pt>
                <c:pt idx="6845">
                  <c:v>0.54054292493845468</c:v>
                </c:pt>
                <c:pt idx="6846">
                  <c:v>0.67832837639335486</c:v>
                </c:pt>
                <c:pt idx="6847">
                  <c:v>0.77371830432367039</c:v>
                </c:pt>
                <c:pt idx="6848">
                  <c:v>0.77371830432367039</c:v>
                </c:pt>
                <c:pt idx="6849">
                  <c:v>0.77371830432367039</c:v>
                </c:pt>
                <c:pt idx="6850">
                  <c:v>0.77371830432367039</c:v>
                </c:pt>
                <c:pt idx="6851">
                  <c:v>0.77371830432367039</c:v>
                </c:pt>
                <c:pt idx="6852">
                  <c:v>0.77371830432367039</c:v>
                </c:pt>
                <c:pt idx="6853">
                  <c:v>0.77371830432367039</c:v>
                </c:pt>
                <c:pt idx="6854">
                  <c:v>0.77371830432367039</c:v>
                </c:pt>
                <c:pt idx="6855">
                  <c:v>0.69952613815564724</c:v>
                </c:pt>
                <c:pt idx="6856">
                  <c:v>0.6359328528687701</c:v>
                </c:pt>
                <c:pt idx="6857">
                  <c:v>0.57233956758189319</c:v>
                </c:pt>
                <c:pt idx="6858">
                  <c:v>0.55114180581960082</c:v>
                </c:pt>
                <c:pt idx="6859">
                  <c:v>0.44515299700813915</c:v>
                </c:pt>
                <c:pt idx="6860">
                  <c:v>0.32856530731553124</c:v>
                </c:pt>
                <c:pt idx="6861">
                  <c:v>0.32856530731553124</c:v>
                </c:pt>
                <c:pt idx="6862">
                  <c:v>0.32856530731553124</c:v>
                </c:pt>
                <c:pt idx="6863">
                  <c:v>0.32856530731553124</c:v>
                </c:pt>
                <c:pt idx="6864">
                  <c:v>0.3912488248840007</c:v>
                </c:pt>
                <c:pt idx="6865">
                  <c:v>0.45435347405883952</c:v>
                </c:pt>
                <c:pt idx="6866">
                  <c:v>0.45435347405883952</c:v>
                </c:pt>
                <c:pt idx="6867">
                  <c:v>0.45435347405883952</c:v>
                </c:pt>
                <c:pt idx="6868">
                  <c:v>0.45435347405883952</c:v>
                </c:pt>
                <c:pt idx="6869">
                  <c:v>0.5679418425735494</c:v>
                </c:pt>
                <c:pt idx="6870">
                  <c:v>0.66890928125329163</c:v>
                </c:pt>
                <c:pt idx="6871">
                  <c:v>0.79511857960296928</c:v>
                </c:pt>
                <c:pt idx="6872">
                  <c:v>0.79511857960296928</c:v>
                </c:pt>
                <c:pt idx="6873">
                  <c:v>0.79511857960296928</c:v>
                </c:pt>
                <c:pt idx="6874">
                  <c:v>0.79511857960296928</c:v>
                </c:pt>
                <c:pt idx="6875">
                  <c:v>0.79511857960296928</c:v>
                </c:pt>
                <c:pt idx="6876">
                  <c:v>0.79511857960296928</c:v>
                </c:pt>
                <c:pt idx="6877">
                  <c:v>0.79511857960296928</c:v>
                </c:pt>
                <c:pt idx="6878">
                  <c:v>0.79511857960296928</c:v>
                </c:pt>
                <c:pt idx="6879">
                  <c:v>0.70677207075819481</c:v>
                </c:pt>
                <c:pt idx="6880">
                  <c:v>0.69415114092322705</c:v>
                </c:pt>
                <c:pt idx="6881">
                  <c:v>0.59318370224348493</c:v>
                </c:pt>
                <c:pt idx="6882">
                  <c:v>0.55532091273858164</c:v>
                </c:pt>
                <c:pt idx="6883">
                  <c:v>0.46697440389380729</c:v>
                </c:pt>
                <c:pt idx="6884">
                  <c:v>0.3912488248840007</c:v>
                </c:pt>
                <c:pt idx="6885">
                  <c:v>0.3407651055441297</c:v>
                </c:pt>
                <c:pt idx="6886">
                  <c:v>0.3407651055441297</c:v>
                </c:pt>
                <c:pt idx="6887">
                  <c:v>0.3407651055441297</c:v>
                </c:pt>
                <c:pt idx="6888">
                  <c:v>0.25421960112219583</c:v>
                </c:pt>
                <c:pt idx="6889">
                  <c:v>0.25421960112219583</c:v>
                </c:pt>
                <c:pt idx="6890">
                  <c:v>0.25421960112219583</c:v>
                </c:pt>
                <c:pt idx="6891">
                  <c:v>0.25421960112219583</c:v>
                </c:pt>
                <c:pt idx="6892">
                  <c:v>0.25421960112219583</c:v>
                </c:pt>
                <c:pt idx="6893">
                  <c:v>1.1016182715295153</c:v>
                </c:pt>
                <c:pt idx="6894">
                  <c:v>1.2499130388507964</c:v>
                </c:pt>
                <c:pt idx="6895">
                  <c:v>1.2499130388507964</c:v>
                </c:pt>
                <c:pt idx="6896">
                  <c:v>1.2499130388507964</c:v>
                </c:pt>
                <c:pt idx="6897">
                  <c:v>1.3346529058915284</c:v>
                </c:pt>
                <c:pt idx="6898">
                  <c:v>1.3346529058915284</c:v>
                </c:pt>
                <c:pt idx="6899">
                  <c:v>1.6947973408146393</c:v>
                </c:pt>
                <c:pt idx="6900">
                  <c:v>1.6947973408146393</c:v>
                </c:pt>
                <c:pt idx="6901">
                  <c:v>1.1228032382896984</c:v>
                </c:pt>
                <c:pt idx="6902">
                  <c:v>1.6947973408146393</c:v>
                </c:pt>
                <c:pt idx="6903">
                  <c:v>1.6947973408146393</c:v>
                </c:pt>
                <c:pt idx="6904">
                  <c:v>1.6947973408146393</c:v>
                </c:pt>
                <c:pt idx="6905">
                  <c:v>1.6947973408146393</c:v>
                </c:pt>
                <c:pt idx="6906">
                  <c:v>1.6947973408146393</c:v>
                </c:pt>
                <c:pt idx="6907">
                  <c:v>1.4193927729322602</c:v>
                </c:pt>
                <c:pt idx="6908">
                  <c:v>1.1651731718100642</c:v>
                </c:pt>
                <c:pt idx="6909">
                  <c:v>0.84739867040731964</c:v>
                </c:pt>
                <c:pt idx="6910">
                  <c:v>0.80502873688695353</c:v>
                </c:pt>
                <c:pt idx="6911">
                  <c:v>0.80502873688695353</c:v>
                </c:pt>
                <c:pt idx="6912">
                  <c:v>0.75221366285779045</c:v>
                </c:pt>
                <c:pt idx="6913">
                  <c:v>0.75221366285779045</c:v>
                </c:pt>
                <c:pt idx="6914">
                  <c:v>0.75221366285779045</c:v>
                </c:pt>
                <c:pt idx="6915">
                  <c:v>0.75221366285779045</c:v>
                </c:pt>
                <c:pt idx="6916">
                  <c:v>0.75221366285779045</c:v>
                </c:pt>
                <c:pt idx="6917">
                  <c:v>0.97787776171512741</c:v>
                </c:pt>
                <c:pt idx="6918">
                  <c:v>1.0907098111437958</c:v>
                </c:pt>
                <c:pt idx="6919">
                  <c:v>1.1283204942866856</c:v>
                </c:pt>
                <c:pt idx="6920">
                  <c:v>1.1283204942866856</c:v>
                </c:pt>
                <c:pt idx="6921">
                  <c:v>1.2223472021439095</c:v>
                </c:pt>
                <c:pt idx="6922">
                  <c:v>1.2787632268582436</c:v>
                </c:pt>
                <c:pt idx="6923">
                  <c:v>1.5044273257155809</c:v>
                </c:pt>
                <c:pt idx="6924">
                  <c:v>1.5044273257155809</c:v>
                </c:pt>
                <c:pt idx="6925">
                  <c:v>1.5044273257155809</c:v>
                </c:pt>
                <c:pt idx="6926">
                  <c:v>1.5044273257155809</c:v>
                </c:pt>
                <c:pt idx="6927">
                  <c:v>1.5044273257155809</c:v>
                </c:pt>
                <c:pt idx="6928">
                  <c:v>1.5044273257155809</c:v>
                </c:pt>
                <c:pt idx="6929">
                  <c:v>1.5044273257155809</c:v>
                </c:pt>
                <c:pt idx="6930">
                  <c:v>1.5044273257155809</c:v>
                </c:pt>
                <c:pt idx="6931">
                  <c:v>1.259957885286799</c:v>
                </c:pt>
                <c:pt idx="6932">
                  <c:v>1.0342937864294617</c:v>
                </c:pt>
                <c:pt idx="6933">
                  <c:v>0.75221366285779045</c:v>
                </c:pt>
                <c:pt idx="6934">
                  <c:v>0.75221366285779045</c:v>
                </c:pt>
                <c:pt idx="6935">
                  <c:v>0.75221366285779045</c:v>
                </c:pt>
                <c:pt idx="6936">
                  <c:v>0.65527958130347608</c:v>
                </c:pt>
                <c:pt idx="6937">
                  <c:v>0.73718952896641043</c:v>
                </c:pt>
                <c:pt idx="6938">
                  <c:v>0.73718952896641043</c:v>
                </c:pt>
                <c:pt idx="6939">
                  <c:v>0.73718952896641043</c:v>
                </c:pt>
                <c:pt idx="6940">
                  <c:v>0.73718952896641043</c:v>
                </c:pt>
                <c:pt idx="6941">
                  <c:v>0.95015539289004014</c:v>
                </c:pt>
                <c:pt idx="6942">
                  <c:v>1.0975932986833223</c:v>
                </c:pt>
                <c:pt idx="6943">
                  <c:v>1.0975932986833223</c:v>
                </c:pt>
                <c:pt idx="6944">
                  <c:v>1.0975932986833223</c:v>
                </c:pt>
                <c:pt idx="6945">
                  <c:v>1.1795032463462567</c:v>
                </c:pt>
                <c:pt idx="6946">
                  <c:v>1.2777951835417782</c:v>
                </c:pt>
                <c:pt idx="6947">
                  <c:v>1.4743790579328209</c:v>
                </c:pt>
                <c:pt idx="6948">
                  <c:v>1.4743790579328209</c:v>
                </c:pt>
                <c:pt idx="6949">
                  <c:v>1.4743790579328209</c:v>
                </c:pt>
                <c:pt idx="6950">
                  <c:v>1.4743790579328209</c:v>
                </c:pt>
                <c:pt idx="6951">
                  <c:v>1.4743790579328209</c:v>
                </c:pt>
                <c:pt idx="6952">
                  <c:v>1.4743790579328209</c:v>
                </c:pt>
                <c:pt idx="6953">
                  <c:v>1.4743790579328209</c:v>
                </c:pt>
                <c:pt idx="6954">
                  <c:v>1.4743790579328209</c:v>
                </c:pt>
                <c:pt idx="6955">
                  <c:v>1.2286492149440176</c:v>
                </c:pt>
                <c:pt idx="6956">
                  <c:v>0.98291937195521406</c:v>
                </c:pt>
                <c:pt idx="6957">
                  <c:v>0.73718952896641043</c:v>
                </c:pt>
                <c:pt idx="6958">
                  <c:v>0.73718952896641043</c:v>
                </c:pt>
                <c:pt idx="6959">
                  <c:v>0.73718952896641043</c:v>
                </c:pt>
                <c:pt idx="6960">
                  <c:v>0.7452321327342224</c:v>
                </c:pt>
                <c:pt idx="6961">
                  <c:v>0.7452321327342224</c:v>
                </c:pt>
                <c:pt idx="6962">
                  <c:v>0.7452321327342224</c:v>
                </c:pt>
                <c:pt idx="6963">
                  <c:v>0.7452321327342224</c:v>
                </c:pt>
                <c:pt idx="6964">
                  <c:v>0.7452321327342224</c:v>
                </c:pt>
                <c:pt idx="6965">
                  <c:v>0.96052141552410886</c:v>
                </c:pt>
                <c:pt idx="6966">
                  <c:v>1.1095678420709534</c:v>
                </c:pt>
                <c:pt idx="6967">
                  <c:v>1.1095678420709534</c:v>
                </c:pt>
                <c:pt idx="6968">
                  <c:v>1.1095678420709534</c:v>
                </c:pt>
                <c:pt idx="6969">
                  <c:v>1.192371412374756</c:v>
                </c:pt>
                <c:pt idx="6970">
                  <c:v>1.2917356967393188</c:v>
                </c:pt>
                <c:pt idx="6971">
                  <c:v>1.4904642654684448</c:v>
                </c:pt>
                <c:pt idx="6972">
                  <c:v>1.4904642654684448</c:v>
                </c:pt>
                <c:pt idx="6973">
                  <c:v>1.4904642654684448</c:v>
                </c:pt>
                <c:pt idx="6974">
                  <c:v>1.4904642654684448</c:v>
                </c:pt>
                <c:pt idx="6975">
                  <c:v>1.4904642654684448</c:v>
                </c:pt>
                <c:pt idx="6976">
                  <c:v>1.4904642654684448</c:v>
                </c:pt>
                <c:pt idx="6977">
                  <c:v>1.4904642654684448</c:v>
                </c:pt>
                <c:pt idx="6978">
                  <c:v>1.4904642654684448</c:v>
                </c:pt>
                <c:pt idx="6979">
                  <c:v>1.2420535545570373</c:v>
                </c:pt>
                <c:pt idx="6980">
                  <c:v>0.99364284364562983</c:v>
                </c:pt>
                <c:pt idx="6981">
                  <c:v>0.7452321327342224</c:v>
                </c:pt>
                <c:pt idx="6982">
                  <c:v>0.7452321327342224</c:v>
                </c:pt>
                <c:pt idx="6983">
                  <c:v>0.7452321327342224</c:v>
                </c:pt>
                <c:pt idx="6984">
                  <c:v>0.85006399578143843</c:v>
                </c:pt>
                <c:pt idx="6985">
                  <c:v>0.85006399578143843</c:v>
                </c:pt>
                <c:pt idx="6986">
                  <c:v>0.85006399578143843</c:v>
                </c:pt>
                <c:pt idx="6987">
                  <c:v>0.85006399578143843</c:v>
                </c:pt>
                <c:pt idx="6988">
                  <c:v>0.85006399578143843</c:v>
                </c:pt>
                <c:pt idx="6989">
                  <c:v>1.0956380390071874</c:v>
                </c:pt>
                <c:pt idx="6990">
                  <c:v>1.322321771215571</c:v>
                </c:pt>
                <c:pt idx="6991">
                  <c:v>1.322321771215571</c:v>
                </c:pt>
                <c:pt idx="6992">
                  <c:v>1.322321771215571</c:v>
                </c:pt>
                <c:pt idx="6993">
                  <c:v>1.4167733263023976</c:v>
                </c:pt>
                <c:pt idx="6994">
                  <c:v>1.4734442593544932</c:v>
                </c:pt>
                <c:pt idx="6995">
                  <c:v>1.7001279915628769</c:v>
                </c:pt>
                <c:pt idx="6996">
                  <c:v>1.7001279915628769</c:v>
                </c:pt>
                <c:pt idx="6997">
                  <c:v>1.7001279915628769</c:v>
                </c:pt>
                <c:pt idx="6998">
                  <c:v>1.7001279915628769</c:v>
                </c:pt>
                <c:pt idx="6999">
                  <c:v>1.4167733263023976</c:v>
                </c:pt>
                <c:pt idx="7000">
                  <c:v>1.3412120822329365</c:v>
                </c:pt>
                <c:pt idx="7001">
                  <c:v>1.3412120822329365</c:v>
                </c:pt>
                <c:pt idx="7002">
                  <c:v>1.3412120822329365</c:v>
                </c:pt>
                <c:pt idx="7003">
                  <c:v>1.3412120822329365</c:v>
                </c:pt>
                <c:pt idx="7004">
                  <c:v>1.0389671059550913</c:v>
                </c:pt>
                <c:pt idx="7005">
                  <c:v>0.39669653136467126</c:v>
                </c:pt>
                <c:pt idx="7006">
                  <c:v>0.39669653136467126</c:v>
                </c:pt>
                <c:pt idx="7007">
                  <c:v>0.39669653136467126</c:v>
                </c:pt>
                <c:pt idx="7008">
                  <c:v>0.28342995442914742</c:v>
                </c:pt>
                <c:pt idx="7009">
                  <c:v>0.55336324436166884</c:v>
                </c:pt>
                <c:pt idx="7010">
                  <c:v>0.55336324436166884</c:v>
                </c:pt>
                <c:pt idx="7011">
                  <c:v>0.55336324436166884</c:v>
                </c:pt>
                <c:pt idx="7012">
                  <c:v>0.55336324436166884</c:v>
                </c:pt>
                <c:pt idx="7013">
                  <c:v>0.6883298893279296</c:v>
                </c:pt>
                <c:pt idx="7014">
                  <c:v>0.8637865277840685</c:v>
                </c:pt>
                <c:pt idx="7015">
                  <c:v>0.98525650825370303</c:v>
                </c:pt>
                <c:pt idx="7016">
                  <c:v>0.98525650825370303</c:v>
                </c:pt>
                <c:pt idx="7017">
                  <c:v>0.98525650825370303</c:v>
                </c:pt>
                <c:pt idx="7018">
                  <c:v>0.98525650825370303</c:v>
                </c:pt>
                <c:pt idx="7019">
                  <c:v>0.98525650825370303</c:v>
                </c:pt>
                <c:pt idx="7020">
                  <c:v>0.98525650825370303</c:v>
                </c:pt>
                <c:pt idx="7021">
                  <c:v>0.98525650825370303</c:v>
                </c:pt>
                <c:pt idx="7022">
                  <c:v>0.98525650825370303</c:v>
                </c:pt>
                <c:pt idx="7023">
                  <c:v>0.89077985677732052</c:v>
                </c:pt>
                <c:pt idx="7024">
                  <c:v>0.80979986979756413</c:v>
                </c:pt>
                <c:pt idx="7025">
                  <c:v>0.72881988281780774</c:v>
                </c:pt>
                <c:pt idx="7026">
                  <c:v>0.70182655382455561</c:v>
                </c:pt>
                <c:pt idx="7027">
                  <c:v>0.56685990885829485</c:v>
                </c:pt>
                <c:pt idx="7028">
                  <c:v>0.41839659939540813</c:v>
                </c:pt>
                <c:pt idx="7029">
                  <c:v>0.41839659939540813</c:v>
                </c:pt>
                <c:pt idx="7030">
                  <c:v>0.41839659939540813</c:v>
                </c:pt>
                <c:pt idx="7031">
                  <c:v>0.41839659939540813</c:v>
                </c:pt>
                <c:pt idx="7032">
                  <c:v>0.46741530401521914</c:v>
                </c:pt>
                <c:pt idx="7033">
                  <c:v>0.5428048691789642</c:v>
                </c:pt>
                <c:pt idx="7034">
                  <c:v>0.5428048691789642</c:v>
                </c:pt>
                <c:pt idx="7035">
                  <c:v>0.5428048691789642</c:v>
                </c:pt>
                <c:pt idx="7036">
                  <c:v>0.5428048691789642</c:v>
                </c:pt>
                <c:pt idx="7037">
                  <c:v>0.67850608647370536</c:v>
                </c:pt>
                <c:pt idx="7038">
                  <c:v>0.79912939073569722</c:v>
                </c:pt>
                <c:pt idx="7039">
                  <c:v>0.94990852106318746</c:v>
                </c:pt>
                <c:pt idx="7040">
                  <c:v>0.94990852106318746</c:v>
                </c:pt>
                <c:pt idx="7041">
                  <c:v>0.94990852106318746</c:v>
                </c:pt>
                <c:pt idx="7042">
                  <c:v>0.94990852106318746</c:v>
                </c:pt>
                <c:pt idx="7043">
                  <c:v>0.94990852106318746</c:v>
                </c:pt>
                <c:pt idx="7044">
                  <c:v>0.94990852106318746</c:v>
                </c:pt>
                <c:pt idx="7045">
                  <c:v>0.94990852106318746</c:v>
                </c:pt>
                <c:pt idx="7046">
                  <c:v>0.94990852106318746</c:v>
                </c:pt>
                <c:pt idx="7047">
                  <c:v>0.84436312983394446</c:v>
                </c:pt>
                <c:pt idx="7048">
                  <c:v>0.82928521680119527</c:v>
                </c:pt>
                <c:pt idx="7049">
                  <c:v>0.70866191253920319</c:v>
                </c:pt>
                <c:pt idx="7050">
                  <c:v>0.66342817344095628</c:v>
                </c:pt>
                <c:pt idx="7051">
                  <c:v>0.55788278221171328</c:v>
                </c:pt>
                <c:pt idx="7052">
                  <c:v>0.46741530401521914</c:v>
                </c:pt>
                <c:pt idx="7053">
                  <c:v>0.40710365188422321</c:v>
                </c:pt>
                <c:pt idx="7054">
                  <c:v>0.40710365188422321</c:v>
                </c:pt>
                <c:pt idx="7055">
                  <c:v>0.40710365188422321</c:v>
                </c:pt>
                <c:pt idx="7056">
                  <c:v>0.25439597959680094</c:v>
                </c:pt>
                <c:pt idx="7057">
                  <c:v>0.25439597959680094</c:v>
                </c:pt>
                <c:pt idx="7058">
                  <c:v>0.25439597959680094</c:v>
                </c:pt>
                <c:pt idx="7059">
                  <c:v>0.25439597959680094</c:v>
                </c:pt>
                <c:pt idx="7060">
                  <c:v>0.25439597959680094</c:v>
                </c:pt>
                <c:pt idx="7061">
                  <c:v>1.1023825782528041</c:v>
                </c:pt>
                <c:pt idx="7062">
                  <c:v>1.250780233017605</c:v>
                </c:pt>
                <c:pt idx="7063">
                  <c:v>1.250780233017605</c:v>
                </c:pt>
                <c:pt idx="7064">
                  <c:v>1.250780233017605</c:v>
                </c:pt>
                <c:pt idx="7065">
                  <c:v>1.3355788928832051</c:v>
                </c:pt>
                <c:pt idx="7066">
                  <c:v>1.3355788928832051</c:v>
                </c:pt>
                <c:pt idx="7067">
                  <c:v>1.6959731973120069</c:v>
                </c:pt>
                <c:pt idx="7068">
                  <c:v>1.6959731973120069</c:v>
                </c:pt>
                <c:pt idx="7069">
                  <c:v>1.1235822432192044</c:v>
                </c:pt>
                <c:pt idx="7070">
                  <c:v>1.6959731973120069</c:v>
                </c:pt>
                <c:pt idx="7071">
                  <c:v>1.6959731973120069</c:v>
                </c:pt>
                <c:pt idx="7072">
                  <c:v>1.6959731973120069</c:v>
                </c:pt>
                <c:pt idx="7073">
                  <c:v>1.6959731973120069</c:v>
                </c:pt>
                <c:pt idx="7074">
                  <c:v>1.6959731973120069</c:v>
                </c:pt>
                <c:pt idx="7075">
                  <c:v>1.4203775527488054</c:v>
                </c:pt>
                <c:pt idx="7076">
                  <c:v>1.1659815731520045</c:v>
                </c:pt>
                <c:pt idx="7077">
                  <c:v>0.84798659865600345</c:v>
                </c:pt>
                <c:pt idx="7078">
                  <c:v>0.8055872687232033</c:v>
                </c:pt>
                <c:pt idx="7079">
                  <c:v>0.8055872687232033</c:v>
                </c:pt>
                <c:pt idx="7080">
                  <c:v>0.73830600652802558</c:v>
                </c:pt>
                <c:pt idx="7081">
                  <c:v>0.73830600652802558</c:v>
                </c:pt>
                <c:pt idx="7082">
                  <c:v>0.73830600652802558</c:v>
                </c:pt>
                <c:pt idx="7083">
                  <c:v>0.73830600652802558</c:v>
                </c:pt>
                <c:pt idx="7084">
                  <c:v>0.73830600652802558</c:v>
                </c:pt>
                <c:pt idx="7085">
                  <c:v>0.95979780848643326</c:v>
                </c:pt>
                <c:pt idx="7086">
                  <c:v>1.0705437094656369</c:v>
                </c:pt>
                <c:pt idx="7087">
                  <c:v>1.1074590097920385</c:v>
                </c:pt>
                <c:pt idx="7088">
                  <c:v>1.1074590097920385</c:v>
                </c:pt>
                <c:pt idx="7089">
                  <c:v>1.1997472606080415</c:v>
                </c:pt>
                <c:pt idx="7090">
                  <c:v>1.2551202110976434</c:v>
                </c:pt>
                <c:pt idx="7091">
                  <c:v>1.4766120130560512</c:v>
                </c:pt>
                <c:pt idx="7092">
                  <c:v>1.4766120130560512</c:v>
                </c:pt>
                <c:pt idx="7093">
                  <c:v>1.4766120130560512</c:v>
                </c:pt>
                <c:pt idx="7094">
                  <c:v>1.4766120130560512</c:v>
                </c:pt>
                <c:pt idx="7095">
                  <c:v>1.4766120130560512</c:v>
                </c:pt>
                <c:pt idx="7096">
                  <c:v>1.4766120130560512</c:v>
                </c:pt>
                <c:pt idx="7097">
                  <c:v>1.4766120130560512</c:v>
                </c:pt>
                <c:pt idx="7098">
                  <c:v>1.4766120130560512</c:v>
                </c:pt>
                <c:pt idx="7099">
                  <c:v>1.2366625609344428</c:v>
                </c:pt>
                <c:pt idx="7100">
                  <c:v>1.015170758976035</c:v>
                </c:pt>
                <c:pt idx="7101">
                  <c:v>0.73830600652802558</c:v>
                </c:pt>
                <c:pt idx="7102">
                  <c:v>0.73830600652802558</c:v>
                </c:pt>
                <c:pt idx="7103">
                  <c:v>0.73830600652802558</c:v>
                </c:pt>
                <c:pt idx="7104">
                  <c:v>0.6598769695853397</c:v>
                </c:pt>
                <c:pt idx="7105">
                  <c:v>0.74236159078350716</c:v>
                </c:pt>
                <c:pt idx="7106">
                  <c:v>0.74236159078350716</c:v>
                </c:pt>
                <c:pt idx="7107">
                  <c:v>0.74236159078350716</c:v>
                </c:pt>
                <c:pt idx="7108">
                  <c:v>0.74236159078350716</c:v>
                </c:pt>
                <c:pt idx="7109">
                  <c:v>0.95682160589874243</c:v>
                </c:pt>
                <c:pt idx="7110">
                  <c:v>1.105293924055444</c:v>
                </c:pt>
                <c:pt idx="7111">
                  <c:v>1.105293924055444</c:v>
                </c:pt>
                <c:pt idx="7112">
                  <c:v>1.105293924055444</c:v>
                </c:pt>
                <c:pt idx="7113">
                  <c:v>1.1877785452536114</c:v>
                </c:pt>
                <c:pt idx="7114">
                  <c:v>1.2867600906914125</c:v>
                </c:pt>
                <c:pt idx="7115">
                  <c:v>1.4847231815670143</c:v>
                </c:pt>
                <c:pt idx="7116">
                  <c:v>1.4847231815670143</c:v>
                </c:pt>
                <c:pt idx="7117">
                  <c:v>1.4847231815670143</c:v>
                </c:pt>
                <c:pt idx="7118">
                  <c:v>1.4847231815670143</c:v>
                </c:pt>
                <c:pt idx="7119">
                  <c:v>1.4847231815670143</c:v>
                </c:pt>
                <c:pt idx="7120">
                  <c:v>1.4847231815670143</c:v>
                </c:pt>
                <c:pt idx="7121">
                  <c:v>1.4847231815670143</c:v>
                </c:pt>
                <c:pt idx="7122">
                  <c:v>1.4847231815670143</c:v>
                </c:pt>
                <c:pt idx="7123">
                  <c:v>1.2372693179725118</c:v>
                </c:pt>
                <c:pt idx="7124">
                  <c:v>0.98981545437800955</c:v>
                </c:pt>
                <c:pt idx="7125">
                  <c:v>0.74236159078350716</c:v>
                </c:pt>
                <c:pt idx="7126">
                  <c:v>0.74236159078350716</c:v>
                </c:pt>
                <c:pt idx="7127">
                  <c:v>0.74236159078350716</c:v>
                </c:pt>
                <c:pt idx="7128">
                  <c:v>0.74471651893607715</c:v>
                </c:pt>
                <c:pt idx="7129">
                  <c:v>0.74471651893607715</c:v>
                </c:pt>
                <c:pt idx="7130">
                  <c:v>0.74471651893607715</c:v>
                </c:pt>
                <c:pt idx="7131">
                  <c:v>0.74471651893607715</c:v>
                </c:pt>
                <c:pt idx="7132">
                  <c:v>0.74471651893607715</c:v>
                </c:pt>
                <c:pt idx="7133">
                  <c:v>0.95985684662872173</c:v>
                </c:pt>
                <c:pt idx="7134">
                  <c:v>1.1088001504159373</c:v>
                </c:pt>
                <c:pt idx="7135">
                  <c:v>1.1088001504159373</c:v>
                </c:pt>
                <c:pt idx="7136">
                  <c:v>1.1088001504159373</c:v>
                </c:pt>
                <c:pt idx="7137">
                  <c:v>1.1915464302977234</c:v>
                </c:pt>
                <c:pt idx="7138">
                  <c:v>1.2908419661558672</c:v>
                </c:pt>
                <c:pt idx="7139">
                  <c:v>1.4894330378721543</c:v>
                </c:pt>
                <c:pt idx="7140">
                  <c:v>1.4894330378721543</c:v>
                </c:pt>
                <c:pt idx="7141">
                  <c:v>1.4894330378721543</c:v>
                </c:pt>
                <c:pt idx="7142">
                  <c:v>1.4894330378721543</c:v>
                </c:pt>
                <c:pt idx="7143">
                  <c:v>1.4894330378721543</c:v>
                </c:pt>
                <c:pt idx="7144">
                  <c:v>1.4894330378721543</c:v>
                </c:pt>
                <c:pt idx="7145">
                  <c:v>1.4894330378721543</c:v>
                </c:pt>
                <c:pt idx="7146">
                  <c:v>1.4894330378721543</c:v>
                </c:pt>
                <c:pt idx="7147">
                  <c:v>1.2411941982267956</c:v>
                </c:pt>
                <c:pt idx="7148">
                  <c:v>0.99295535858143635</c:v>
                </c:pt>
                <c:pt idx="7149">
                  <c:v>0.74471651893607715</c:v>
                </c:pt>
                <c:pt idx="7150">
                  <c:v>0.74471651893607715</c:v>
                </c:pt>
                <c:pt idx="7151">
                  <c:v>0.74471651893607715</c:v>
                </c:pt>
                <c:pt idx="7152">
                  <c:v>0.84391965075792175</c:v>
                </c:pt>
                <c:pt idx="7153">
                  <c:v>0.84391965075792175</c:v>
                </c:pt>
                <c:pt idx="7154">
                  <c:v>0.84391965075792175</c:v>
                </c:pt>
                <c:pt idx="7155">
                  <c:v>0.84391965075792175</c:v>
                </c:pt>
                <c:pt idx="7156">
                  <c:v>0.84391965075792175</c:v>
                </c:pt>
                <c:pt idx="7157">
                  <c:v>1.087718660976877</c:v>
                </c:pt>
                <c:pt idx="7158">
                  <c:v>1.3127639011789896</c:v>
                </c:pt>
                <c:pt idx="7159">
                  <c:v>1.3127639011789896</c:v>
                </c:pt>
                <c:pt idx="7160">
                  <c:v>1.3127639011789896</c:v>
                </c:pt>
                <c:pt idx="7161">
                  <c:v>1.4065327512632031</c:v>
                </c:pt>
                <c:pt idx="7162">
                  <c:v>1.4627940613137309</c:v>
                </c:pt>
                <c:pt idx="7163">
                  <c:v>1.6878393015158435</c:v>
                </c:pt>
                <c:pt idx="7164">
                  <c:v>1.6878393015158435</c:v>
                </c:pt>
                <c:pt idx="7165">
                  <c:v>1.6878393015158435</c:v>
                </c:pt>
                <c:pt idx="7166">
                  <c:v>1.6878393015158435</c:v>
                </c:pt>
                <c:pt idx="7167">
                  <c:v>1.4065327512632031</c:v>
                </c:pt>
                <c:pt idx="7168">
                  <c:v>1.3315176711958323</c:v>
                </c:pt>
                <c:pt idx="7169">
                  <c:v>1.3315176711958323</c:v>
                </c:pt>
                <c:pt idx="7170">
                  <c:v>1.3315176711958323</c:v>
                </c:pt>
                <c:pt idx="7171">
                  <c:v>1.3315176711958323</c:v>
                </c:pt>
                <c:pt idx="7172">
                  <c:v>1.0314573509263487</c:v>
                </c:pt>
                <c:pt idx="7173">
                  <c:v>0.39382917035369686</c:v>
                </c:pt>
                <c:pt idx="7174">
                  <c:v>0.39382917035369686</c:v>
                </c:pt>
                <c:pt idx="7175">
                  <c:v>0.39382917035369686</c:v>
                </c:pt>
                <c:pt idx="7176">
                  <c:v>0.28825959378828064</c:v>
                </c:pt>
                <c:pt idx="7177">
                  <c:v>0.56279254025330983</c:v>
                </c:pt>
                <c:pt idx="7178">
                  <c:v>0.56279254025330983</c:v>
                </c:pt>
                <c:pt idx="7179">
                  <c:v>0.56279254025330983</c:v>
                </c:pt>
                <c:pt idx="7180">
                  <c:v>0.56279254025330983</c:v>
                </c:pt>
                <c:pt idx="7181">
                  <c:v>0.70005901348582444</c:v>
                </c:pt>
                <c:pt idx="7182">
                  <c:v>0.87850542868809345</c:v>
                </c:pt>
                <c:pt idx="7183">
                  <c:v>1.0020452545973564</c:v>
                </c:pt>
                <c:pt idx="7184">
                  <c:v>1.0020452545973564</c:v>
                </c:pt>
                <c:pt idx="7185">
                  <c:v>1.0020452545973564</c:v>
                </c:pt>
                <c:pt idx="7186">
                  <c:v>1.0020452545973564</c:v>
                </c:pt>
                <c:pt idx="7187">
                  <c:v>1.0020452545973564</c:v>
                </c:pt>
                <c:pt idx="7188">
                  <c:v>1.0020452545973564</c:v>
                </c:pt>
                <c:pt idx="7189">
                  <c:v>1.0020452545973564</c:v>
                </c:pt>
                <c:pt idx="7190">
                  <c:v>1.0020452545973564</c:v>
                </c:pt>
                <c:pt idx="7191">
                  <c:v>0.90595872333459626</c:v>
                </c:pt>
                <c:pt idx="7192">
                  <c:v>0.82359883939508749</c:v>
                </c:pt>
                <c:pt idx="7193">
                  <c:v>0.74123895545557883</c:v>
                </c:pt>
                <c:pt idx="7194">
                  <c:v>0.71378566080907591</c:v>
                </c:pt>
                <c:pt idx="7195">
                  <c:v>0.57651918757656129</c:v>
                </c:pt>
                <c:pt idx="7196">
                  <c:v>0.42552606702079521</c:v>
                </c:pt>
                <c:pt idx="7197">
                  <c:v>0.42552606702079521</c:v>
                </c:pt>
                <c:pt idx="7198">
                  <c:v>0.42552606702079521</c:v>
                </c:pt>
                <c:pt idx="7199">
                  <c:v>0.42552606702079521</c:v>
                </c:pt>
                <c:pt idx="7200">
                  <c:v>0.5127910788167962</c:v>
                </c:pt>
                <c:pt idx="7201">
                  <c:v>0.59549931733563422</c:v>
                </c:pt>
                <c:pt idx="7202">
                  <c:v>0.59549931733563422</c:v>
                </c:pt>
                <c:pt idx="7203">
                  <c:v>0.59549931733563422</c:v>
                </c:pt>
                <c:pt idx="7204">
                  <c:v>0.59549931733563422</c:v>
                </c:pt>
                <c:pt idx="7205">
                  <c:v>0.74437414666954282</c:v>
                </c:pt>
                <c:pt idx="7206">
                  <c:v>0.87670732829968356</c:v>
                </c:pt>
                <c:pt idx="7207">
                  <c:v>1.0421238053373598</c:v>
                </c:pt>
                <c:pt idx="7208">
                  <c:v>1.0421238053373598</c:v>
                </c:pt>
                <c:pt idx="7209">
                  <c:v>1.0421238053373598</c:v>
                </c:pt>
                <c:pt idx="7210">
                  <c:v>1.0421238053373598</c:v>
                </c:pt>
                <c:pt idx="7211">
                  <c:v>1.0421238053373598</c:v>
                </c:pt>
                <c:pt idx="7212">
                  <c:v>1.0421238053373598</c:v>
                </c:pt>
                <c:pt idx="7213">
                  <c:v>1.0421238053373598</c:v>
                </c:pt>
                <c:pt idx="7214">
                  <c:v>1.0421238053373598</c:v>
                </c:pt>
                <c:pt idx="7215">
                  <c:v>0.92633227141098651</c:v>
                </c:pt>
                <c:pt idx="7216">
                  <c:v>0.90979062370721886</c:v>
                </c:pt>
                <c:pt idx="7217">
                  <c:v>0.77745744207707801</c:v>
                </c:pt>
                <c:pt idx="7218">
                  <c:v>0.72783249896577518</c:v>
                </c:pt>
                <c:pt idx="7219">
                  <c:v>0.61204096503940186</c:v>
                </c:pt>
                <c:pt idx="7220">
                  <c:v>0.5127910788167962</c:v>
                </c:pt>
                <c:pt idx="7221">
                  <c:v>0.44662448800172572</c:v>
                </c:pt>
                <c:pt idx="7222">
                  <c:v>0.44662448800172572</c:v>
                </c:pt>
                <c:pt idx="7223">
                  <c:v>0.44662448800172572</c:v>
                </c:pt>
                <c:pt idx="7224">
                  <c:v>0.27091283496988339</c:v>
                </c:pt>
                <c:pt idx="7225">
                  <c:v>0.27091283496988339</c:v>
                </c:pt>
                <c:pt idx="7226">
                  <c:v>0.27091283496988339</c:v>
                </c:pt>
                <c:pt idx="7227">
                  <c:v>0.27091283496988339</c:v>
                </c:pt>
                <c:pt idx="7228">
                  <c:v>0.27091283496988339</c:v>
                </c:pt>
                <c:pt idx="7229">
                  <c:v>1.1739556182028279</c:v>
                </c:pt>
                <c:pt idx="7230">
                  <c:v>1.3319881052685933</c:v>
                </c:pt>
                <c:pt idx="7231">
                  <c:v>1.3319881052685933</c:v>
                </c:pt>
                <c:pt idx="7232">
                  <c:v>1.3319881052685933</c:v>
                </c:pt>
                <c:pt idx="7233">
                  <c:v>1.4222923835918879</c:v>
                </c:pt>
                <c:pt idx="7234">
                  <c:v>1.4222923835918879</c:v>
                </c:pt>
                <c:pt idx="7235">
                  <c:v>1.8060855664658892</c:v>
                </c:pt>
                <c:pt idx="7236">
                  <c:v>1.8060855664658892</c:v>
                </c:pt>
                <c:pt idx="7237">
                  <c:v>1.1965316877836516</c:v>
                </c:pt>
                <c:pt idx="7238">
                  <c:v>1.8060855664658892</c:v>
                </c:pt>
                <c:pt idx="7239">
                  <c:v>1.8060855664658892</c:v>
                </c:pt>
                <c:pt idx="7240">
                  <c:v>1.8060855664658892</c:v>
                </c:pt>
                <c:pt idx="7241">
                  <c:v>1.8060855664658892</c:v>
                </c:pt>
                <c:pt idx="7242">
                  <c:v>1.8060855664658892</c:v>
                </c:pt>
                <c:pt idx="7243">
                  <c:v>1.5125966619151825</c:v>
                </c:pt>
                <c:pt idx="7244">
                  <c:v>1.241683826945299</c:v>
                </c:pt>
                <c:pt idx="7245">
                  <c:v>0.90304278323294462</c:v>
                </c:pt>
                <c:pt idx="7246">
                  <c:v>0.85789064407129745</c:v>
                </c:pt>
                <c:pt idx="7247">
                  <c:v>0.85789064407129745</c:v>
                </c:pt>
                <c:pt idx="7248">
                  <c:v>0.81247798598388055</c:v>
                </c:pt>
                <c:pt idx="7249">
                  <c:v>0.81247798598388055</c:v>
                </c:pt>
                <c:pt idx="7250">
                  <c:v>0.81247798598388055</c:v>
                </c:pt>
                <c:pt idx="7251">
                  <c:v>0.81247798598388055</c:v>
                </c:pt>
                <c:pt idx="7252">
                  <c:v>0.81247798598388055</c:v>
                </c:pt>
                <c:pt idx="7253">
                  <c:v>1.0562213817790445</c:v>
                </c:pt>
                <c:pt idx="7254">
                  <c:v>1.1780930796766265</c:v>
                </c:pt>
                <c:pt idx="7255">
                  <c:v>1.2187169789758208</c:v>
                </c:pt>
                <c:pt idx="7256">
                  <c:v>1.2187169789758208</c:v>
                </c:pt>
                <c:pt idx="7257">
                  <c:v>1.3202767272238056</c:v>
                </c:pt>
                <c:pt idx="7258">
                  <c:v>1.3812125761725966</c:v>
                </c:pt>
                <c:pt idx="7259">
                  <c:v>1.6249559719677611</c:v>
                </c:pt>
                <c:pt idx="7260">
                  <c:v>1.6249559719677611</c:v>
                </c:pt>
                <c:pt idx="7261">
                  <c:v>1.6249559719677611</c:v>
                </c:pt>
                <c:pt idx="7262">
                  <c:v>1.6249559719677611</c:v>
                </c:pt>
                <c:pt idx="7263">
                  <c:v>1.6249559719677611</c:v>
                </c:pt>
                <c:pt idx="7264">
                  <c:v>1.6249559719677611</c:v>
                </c:pt>
                <c:pt idx="7265">
                  <c:v>1.6249559719677611</c:v>
                </c:pt>
                <c:pt idx="7266">
                  <c:v>1.6249559719677611</c:v>
                </c:pt>
                <c:pt idx="7267">
                  <c:v>1.3609006265229999</c:v>
                </c:pt>
                <c:pt idx="7268">
                  <c:v>1.1171572307278355</c:v>
                </c:pt>
                <c:pt idx="7269">
                  <c:v>0.81247798598388055</c:v>
                </c:pt>
                <c:pt idx="7270">
                  <c:v>0.81247798598388055</c:v>
                </c:pt>
                <c:pt idx="7271">
                  <c:v>0.81247798598388055</c:v>
                </c:pt>
                <c:pt idx="7272">
                  <c:v>0.72515793066504508</c:v>
                </c:pt>
                <c:pt idx="7273">
                  <c:v>0.81580267199817558</c:v>
                </c:pt>
                <c:pt idx="7274">
                  <c:v>0.81580267199817558</c:v>
                </c:pt>
                <c:pt idx="7275">
                  <c:v>0.81580267199817558</c:v>
                </c:pt>
                <c:pt idx="7276">
                  <c:v>0.81580267199817558</c:v>
                </c:pt>
                <c:pt idx="7277">
                  <c:v>1.0514789994643152</c:v>
                </c:pt>
                <c:pt idx="7278">
                  <c:v>1.2146395338639504</c:v>
                </c:pt>
                <c:pt idx="7279">
                  <c:v>1.2146395338639504</c:v>
                </c:pt>
                <c:pt idx="7280">
                  <c:v>1.2146395338639504</c:v>
                </c:pt>
                <c:pt idx="7281">
                  <c:v>1.3052842751970812</c:v>
                </c:pt>
                <c:pt idx="7282">
                  <c:v>1.4140579647968379</c:v>
                </c:pt>
                <c:pt idx="7283">
                  <c:v>1.6316053439963512</c:v>
                </c:pt>
                <c:pt idx="7284">
                  <c:v>1.6316053439963512</c:v>
                </c:pt>
                <c:pt idx="7285">
                  <c:v>1.6316053439963512</c:v>
                </c:pt>
                <c:pt idx="7286">
                  <c:v>1.6316053439963512</c:v>
                </c:pt>
                <c:pt idx="7287">
                  <c:v>1.6316053439963512</c:v>
                </c:pt>
                <c:pt idx="7288">
                  <c:v>1.6316053439963512</c:v>
                </c:pt>
                <c:pt idx="7289">
                  <c:v>1.6316053439963512</c:v>
                </c:pt>
                <c:pt idx="7290">
                  <c:v>1.6316053439963512</c:v>
                </c:pt>
                <c:pt idx="7291">
                  <c:v>1.3596711199969596</c:v>
                </c:pt>
                <c:pt idx="7292">
                  <c:v>1.0877368959975677</c:v>
                </c:pt>
                <c:pt idx="7293">
                  <c:v>0.81580267199817558</c:v>
                </c:pt>
                <c:pt idx="7294">
                  <c:v>0.81580267199817558</c:v>
                </c:pt>
                <c:pt idx="7295">
                  <c:v>0.81580267199817558</c:v>
                </c:pt>
                <c:pt idx="7296">
                  <c:v>0.79196963301694701</c:v>
                </c:pt>
                <c:pt idx="7297">
                  <c:v>0.79196963301694701</c:v>
                </c:pt>
                <c:pt idx="7298">
                  <c:v>0.79196963301694701</c:v>
                </c:pt>
                <c:pt idx="7299">
                  <c:v>0.79196963301694701</c:v>
                </c:pt>
                <c:pt idx="7300">
                  <c:v>0.79196963301694701</c:v>
                </c:pt>
                <c:pt idx="7301">
                  <c:v>1.0207608603329539</c:v>
                </c:pt>
                <c:pt idx="7302">
                  <c:v>1.1791547869363435</c:v>
                </c:pt>
                <c:pt idx="7303">
                  <c:v>1.1791547869363435</c:v>
                </c:pt>
                <c:pt idx="7304">
                  <c:v>1.1791547869363435</c:v>
                </c:pt>
                <c:pt idx="7305">
                  <c:v>1.2671514128271153</c:v>
                </c:pt>
                <c:pt idx="7306">
                  <c:v>1.3727473638960415</c:v>
                </c:pt>
                <c:pt idx="7307">
                  <c:v>1.583939266033894</c:v>
                </c:pt>
                <c:pt idx="7308">
                  <c:v>1.583939266033894</c:v>
                </c:pt>
                <c:pt idx="7309">
                  <c:v>1.583939266033894</c:v>
                </c:pt>
                <c:pt idx="7310">
                  <c:v>1.583939266033894</c:v>
                </c:pt>
                <c:pt idx="7311">
                  <c:v>1.583939266033894</c:v>
                </c:pt>
                <c:pt idx="7312">
                  <c:v>1.583939266033894</c:v>
                </c:pt>
                <c:pt idx="7313">
                  <c:v>1.583939266033894</c:v>
                </c:pt>
                <c:pt idx="7314">
                  <c:v>1.583939266033894</c:v>
                </c:pt>
                <c:pt idx="7315">
                  <c:v>1.3199493883615785</c:v>
                </c:pt>
                <c:pt idx="7316">
                  <c:v>1.0559595106892627</c:v>
                </c:pt>
                <c:pt idx="7317">
                  <c:v>0.79196963301694701</c:v>
                </c:pt>
                <c:pt idx="7318">
                  <c:v>0.79196963301694701</c:v>
                </c:pt>
                <c:pt idx="7319">
                  <c:v>0.79196963301694701</c:v>
                </c:pt>
                <c:pt idx="7320">
                  <c:v>0.83408869872029578</c:v>
                </c:pt>
                <c:pt idx="7321">
                  <c:v>0.83408869872029578</c:v>
                </c:pt>
                <c:pt idx="7322">
                  <c:v>0.83408869872029578</c:v>
                </c:pt>
                <c:pt idx="7323">
                  <c:v>0.83408869872029578</c:v>
                </c:pt>
                <c:pt idx="7324">
                  <c:v>0.83408869872029578</c:v>
                </c:pt>
                <c:pt idx="7325">
                  <c:v>1.075047656128381</c:v>
                </c:pt>
                <c:pt idx="7326">
                  <c:v>1.2974713091204602</c:v>
                </c:pt>
                <c:pt idx="7327">
                  <c:v>1.2974713091204602</c:v>
                </c:pt>
                <c:pt idx="7328">
                  <c:v>1.2974713091204602</c:v>
                </c:pt>
                <c:pt idx="7329">
                  <c:v>1.3901478312004929</c:v>
                </c:pt>
                <c:pt idx="7330">
                  <c:v>1.4457537444485125</c:v>
                </c:pt>
                <c:pt idx="7331">
                  <c:v>1.6681773974405916</c:v>
                </c:pt>
                <c:pt idx="7332">
                  <c:v>1.6681773974405916</c:v>
                </c:pt>
                <c:pt idx="7333">
                  <c:v>1.6681773974405916</c:v>
                </c:pt>
                <c:pt idx="7334">
                  <c:v>1.6681773974405916</c:v>
                </c:pt>
                <c:pt idx="7335">
                  <c:v>1.3901478312004929</c:v>
                </c:pt>
                <c:pt idx="7336">
                  <c:v>1.3160066135364668</c:v>
                </c:pt>
                <c:pt idx="7337">
                  <c:v>1.3160066135364668</c:v>
                </c:pt>
                <c:pt idx="7338">
                  <c:v>1.3160066135364668</c:v>
                </c:pt>
                <c:pt idx="7339">
                  <c:v>1.3160066135364668</c:v>
                </c:pt>
                <c:pt idx="7340">
                  <c:v>1.0194417428803613</c:v>
                </c:pt>
                <c:pt idx="7341">
                  <c:v>0.389241392736138</c:v>
                </c:pt>
                <c:pt idx="7342">
                  <c:v>0.389241392736138</c:v>
                </c:pt>
                <c:pt idx="7343">
                  <c:v>0.389241392736138</c:v>
                </c:pt>
                <c:pt idx="7344">
                  <c:v>0.26217954124896153</c:v>
                </c:pt>
                <c:pt idx="7345">
                  <c:v>0.51187434243844876</c:v>
                </c:pt>
                <c:pt idx="7346">
                  <c:v>0.51187434243844876</c:v>
                </c:pt>
                <c:pt idx="7347">
                  <c:v>0.51187434243844876</c:v>
                </c:pt>
                <c:pt idx="7348">
                  <c:v>0.51187434243844876</c:v>
                </c:pt>
                <c:pt idx="7349">
                  <c:v>0.63672174303319229</c:v>
                </c:pt>
                <c:pt idx="7350">
                  <c:v>0.79902336380635908</c:v>
                </c:pt>
                <c:pt idx="7351">
                  <c:v>0.9113860243416283</c:v>
                </c:pt>
                <c:pt idx="7352">
                  <c:v>0.9113860243416283</c:v>
                </c:pt>
                <c:pt idx="7353">
                  <c:v>0.9113860243416283</c:v>
                </c:pt>
                <c:pt idx="7354">
                  <c:v>0.9113860243416283</c:v>
                </c:pt>
                <c:pt idx="7355">
                  <c:v>0.9113860243416283</c:v>
                </c:pt>
                <c:pt idx="7356">
                  <c:v>0.9113860243416283</c:v>
                </c:pt>
                <c:pt idx="7357">
                  <c:v>0.9113860243416283</c:v>
                </c:pt>
                <c:pt idx="7358">
                  <c:v>0.9113860243416283</c:v>
                </c:pt>
                <c:pt idx="7359">
                  <c:v>0.82399284392530769</c:v>
                </c:pt>
                <c:pt idx="7360">
                  <c:v>0.74908440356846151</c:v>
                </c:pt>
                <c:pt idx="7361">
                  <c:v>0.67417596321161544</c:v>
                </c:pt>
                <c:pt idx="7362">
                  <c:v>0.64920648309266671</c:v>
                </c:pt>
                <c:pt idx="7363">
                  <c:v>0.52435908249792307</c:v>
                </c:pt>
                <c:pt idx="7364">
                  <c:v>0.38702694184370517</c:v>
                </c:pt>
                <c:pt idx="7365">
                  <c:v>0.38702694184370517</c:v>
                </c:pt>
                <c:pt idx="7366">
                  <c:v>0.38702694184370517</c:v>
                </c:pt>
                <c:pt idx="7367">
                  <c:v>0.38702694184370517</c:v>
                </c:pt>
                <c:pt idx="7368">
                  <c:v>0.4317629095282659</c:v>
                </c:pt>
                <c:pt idx="7369">
                  <c:v>0.5014020884844379</c:v>
                </c:pt>
                <c:pt idx="7370">
                  <c:v>0.5014020884844379</c:v>
                </c:pt>
                <c:pt idx="7371">
                  <c:v>0.5014020884844379</c:v>
                </c:pt>
                <c:pt idx="7372">
                  <c:v>0.5014020884844379</c:v>
                </c:pt>
                <c:pt idx="7373">
                  <c:v>0.62675261060554721</c:v>
                </c:pt>
                <c:pt idx="7374">
                  <c:v>0.7381752969354225</c:v>
                </c:pt>
                <c:pt idx="7375">
                  <c:v>0.87745365484776616</c:v>
                </c:pt>
                <c:pt idx="7376">
                  <c:v>0.87745365484776616</c:v>
                </c:pt>
                <c:pt idx="7377">
                  <c:v>0.87745365484776616</c:v>
                </c:pt>
                <c:pt idx="7378">
                  <c:v>0.87745365484776616</c:v>
                </c:pt>
                <c:pt idx="7379">
                  <c:v>0.87745365484776616</c:v>
                </c:pt>
                <c:pt idx="7380">
                  <c:v>0.87745365484776616</c:v>
                </c:pt>
                <c:pt idx="7381">
                  <c:v>0.87745365484776616</c:v>
                </c:pt>
                <c:pt idx="7382">
                  <c:v>0.87745365484776616</c:v>
                </c:pt>
                <c:pt idx="7383">
                  <c:v>0.77995880430912556</c:v>
                </c:pt>
                <c:pt idx="7384">
                  <c:v>0.76603096851789121</c:v>
                </c:pt>
                <c:pt idx="7385">
                  <c:v>0.65460828218801603</c:v>
                </c:pt>
                <c:pt idx="7386">
                  <c:v>0.61282477481431297</c:v>
                </c:pt>
                <c:pt idx="7387">
                  <c:v>0.51532992427567237</c:v>
                </c:pt>
                <c:pt idx="7388">
                  <c:v>0.4317629095282659</c:v>
                </c:pt>
                <c:pt idx="7389">
                  <c:v>0.37605156636332843</c:v>
                </c:pt>
                <c:pt idx="7390">
                  <c:v>0.37605156636332843</c:v>
                </c:pt>
                <c:pt idx="7391">
                  <c:v>0.37605156636332843</c:v>
                </c:pt>
                <c:pt idx="7392">
                  <c:v>0.25545425044443187</c:v>
                </c:pt>
                <c:pt idx="7393">
                  <c:v>0.25545425044443187</c:v>
                </c:pt>
                <c:pt idx="7394">
                  <c:v>0.25545425044443187</c:v>
                </c:pt>
                <c:pt idx="7395">
                  <c:v>0.25545425044443187</c:v>
                </c:pt>
                <c:pt idx="7396">
                  <c:v>0.25545425044443187</c:v>
                </c:pt>
                <c:pt idx="7397">
                  <c:v>1.1069684185925384</c:v>
                </c:pt>
                <c:pt idx="7398">
                  <c:v>1.2559833980184569</c:v>
                </c:pt>
                <c:pt idx="7399">
                  <c:v>1.2559833980184569</c:v>
                </c:pt>
                <c:pt idx="7400">
                  <c:v>1.2559833980184569</c:v>
                </c:pt>
                <c:pt idx="7401">
                  <c:v>1.3411348148332676</c:v>
                </c:pt>
                <c:pt idx="7402">
                  <c:v>1.3411348148332676</c:v>
                </c:pt>
                <c:pt idx="7403">
                  <c:v>1.7030283362962129</c:v>
                </c:pt>
                <c:pt idx="7404">
                  <c:v>1.7030283362962129</c:v>
                </c:pt>
                <c:pt idx="7405">
                  <c:v>1.1282562727962409</c:v>
                </c:pt>
                <c:pt idx="7406">
                  <c:v>1.7030283362962129</c:v>
                </c:pt>
                <c:pt idx="7407">
                  <c:v>1.7030283362962129</c:v>
                </c:pt>
                <c:pt idx="7408">
                  <c:v>1.7030283362962129</c:v>
                </c:pt>
                <c:pt idx="7409">
                  <c:v>1.7030283362962129</c:v>
                </c:pt>
                <c:pt idx="7410">
                  <c:v>1.7030283362962129</c:v>
                </c:pt>
                <c:pt idx="7411">
                  <c:v>1.4262862316480782</c:v>
                </c:pt>
                <c:pt idx="7412">
                  <c:v>1.1708319812036461</c:v>
                </c:pt>
                <c:pt idx="7413">
                  <c:v>0.85151416814810643</c:v>
                </c:pt>
                <c:pt idx="7414">
                  <c:v>0.808938459740701</c:v>
                </c:pt>
                <c:pt idx="7415">
                  <c:v>0.808938459740701</c:v>
                </c:pt>
                <c:pt idx="7416">
                  <c:v>0.74757777741453524</c:v>
                </c:pt>
                <c:pt idx="7417">
                  <c:v>0.74757777741453524</c:v>
                </c:pt>
                <c:pt idx="7418">
                  <c:v>0.74757777741453524</c:v>
                </c:pt>
                <c:pt idx="7419">
                  <c:v>0.74757777741453524</c:v>
                </c:pt>
                <c:pt idx="7420">
                  <c:v>0.74757777741453524</c:v>
                </c:pt>
                <c:pt idx="7421">
                  <c:v>0.97185111063889584</c:v>
                </c:pt>
                <c:pt idx="7422">
                  <c:v>1.083987777251076</c:v>
                </c:pt>
                <c:pt idx="7423">
                  <c:v>1.1213666661218029</c:v>
                </c:pt>
                <c:pt idx="7424">
                  <c:v>1.1213666661218029</c:v>
                </c:pt>
                <c:pt idx="7425">
                  <c:v>1.2148138882986197</c:v>
                </c:pt>
                <c:pt idx="7426">
                  <c:v>1.27088222160471</c:v>
                </c:pt>
                <c:pt idx="7427">
                  <c:v>1.4951555548290705</c:v>
                </c:pt>
                <c:pt idx="7428">
                  <c:v>1.4951555548290705</c:v>
                </c:pt>
                <c:pt idx="7429">
                  <c:v>1.4951555548290705</c:v>
                </c:pt>
                <c:pt idx="7430">
                  <c:v>1.4951555548290705</c:v>
                </c:pt>
                <c:pt idx="7431">
                  <c:v>1.4951555548290705</c:v>
                </c:pt>
                <c:pt idx="7432">
                  <c:v>1.4951555548290705</c:v>
                </c:pt>
                <c:pt idx="7433">
                  <c:v>1.4951555548290705</c:v>
                </c:pt>
                <c:pt idx="7434">
                  <c:v>1.4951555548290705</c:v>
                </c:pt>
                <c:pt idx="7435">
                  <c:v>1.2521927771693466</c:v>
                </c:pt>
                <c:pt idx="7436">
                  <c:v>1.0279194439449859</c:v>
                </c:pt>
                <c:pt idx="7437">
                  <c:v>0.74757777741453524</c:v>
                </c:pt>
                <c:pt idx="7438">
                  <c:v>0.74757777741453524</c:v>
                </c:pt>
                <c:pt idx="7439">
                  <c:v>0.74757777741453524</c:v>
                </c:pt>
                <c:pt idx="7440">
                  <c:v>0.66815226849269427</c:v>
                </c:pt>
                <c:pt idx="7441">
                  <c:v>0.75167130205428101</c:v>
                </c:pt>
                <c:pt idx="7442">
                  <c:v>0.75167130205428101</c:v>
                </c:pt>
                <c:pt idx="7443">
                  <c:v>0.75167130205428101</c:v>
                </c:pt>
                <c:pt idx="7444">
                  <c:v>0.75167130205428101</c:v>
                </c:pt>
                <c:pt idx="7445">
                  <c:v>0.96882078931440663</c:v>
                </c:pt>
                <c:pt idx="7446">
                  <c:v>1.1191550497252627</c:v>
                </c:pt>
                <c:pt idx="7447">
                  <c:v>1.1191550497252627</c:v>
                </c:pt>
                <c:pt idx="7448">
                  <c:v>1.1191550497252627</c:v>
                </c:pt>
                <c:pt idx="7449">
                  <c:v>1.2026740832868494</c:v>
                </c:pt>
                <c:pt idx="7450">
                  <c:v>1.3028969235607535</c:v>
                </c:pt>
                <c:pt idx="7451">
                  <c:v>1.503342604108562</c:v>
                </c:pt>
                <c:pt idx="7452">
                  <c:v>1.503342604108562</c:v>
                </c:pt>
                <c:pt idx="7453">
                  <c:v>1.503342604108562</c:v>
                </c:pt>
                <c:pt idx="7454">
                  <c:v>1.503342604108562</c:v>
                </c:pt>
                <c:pt idx="7455">
                  <c:v>1.503342604108562</c:v>
                </c:pt>
                <c:pt idx="7456">
                  <c:v>1.503342604108562</c:v>
                </c:pt>
                <c:pt idx="7457">
                  <c:v>1.503342604108562</c:v>
                </c:pt>
                <c:pt idx="7458">
                  <c:v>1.503342604108562</c:v>
                </c:pt>
                <c:pt idx="7459">
                  <c:v>1.2527855034238016</c:v>
                </c:pt>
                <c:pt idx="7460">
                  <c:v>1.0022284027390413</c:v>
                </c:pt>
                <c:pt idx="7461">
                  <c:v>0.75167130205428101</c:v>
                </c:pt>
                <c:pt idx="7462">
                  <c:v>0.75167130205428101</c:v>
                </c:pt>
                <c:pt idx="7463">
                  <c:v>0.75167130205428101</c:v>
                </c:pt>
                <c:pt idx="7464">
                  <c:v>0.75399756730269196</c:v>
                </c:pt>
                <c:pt idx="7465">
                  <c:v>0.75399756730269196</c:v>
                </c:pt>
                <c:pt idx="7466">
                  <c:v>0.75399756730269196</c:v>
                </c:pt>
                <c:pt idx="7467">
                  <c:v>0.75399756730269196</c:v>
                </c:pt>
                <c:pt idx="7468">
                  <c:v>0.75399756730269196</c:v>
                </c:pt>
                <c:pt idx="7469">
                  <c:v>0.97181908674569173</c:v>
                </c:pt>
                <c:pt idx="7470">
                  <c:v>1.1226186002062304</c:v>
                </c:pt>
                <c:pt idx="7471">
                  <c:v>1.1226186002062304</c:v>
                </c:pt>
                <c:pt idx="7472">
                  <c:v>1.1226186002062304</c:v>
                </c:pt>
                <c:pt idx="7473">
                  <c:v>1.2063961076843073</c:v>
                </c:pt>
                <c:pt idx="7474">
                  <c:v>1.3069291166579995</c:v>
                </c:pt>
                <c:pt idx="7475">
                  <c:v>1.5079951346053839</c:v>
                </c:pt>
                <c:pt idx="7476">
                  <c:v>1.5079951346053839</c:v>
                </c:pt>
                <c:pt idx="7477">
                  <c:v>1.5079951346053839</c:v>
                </c:pt>
                <c:pt idx="7478">
                  <c:v>1.5079951346053839</c:v>
                </c:pt>
                <c:pt idx="7479">
                  <c:v>1.5079951346053839</c:v>
                </c:pt>
                <c:pt idx="7480">
                  <c:v>1.5079951346053839</c:v>
                </c:pt>
                <c:pt idx="7481">
                  <c:v>1.5079951346053839</c:v>
                </c:pt>
                <c:pt idx="7482">
                  <c:v>1.5079951346053839</c:v>
                </c:pt>
                <c:pt idx="7483">
                  <c:v>1.2566626121711533</c:v>
                </c:pt>
                <c:pt idx="7484">
                  <c:v>1.0053300897369226</c:v>
                </c:pt>
                <c:pt idx="7485">
                  <c:v>0.75399756730269196</c:v>
                </c:pt>
                <c:pt idx="7486">
                  <c:v>0.75399756730269196</c:v>
                </c:pt>
                <c:pt idx="7487">
                  <c:v>0.75399756730269196</c:v>
                </c:pt>
                <c:pt idx="7488">
                  <c:v>0.8217333456792022</c:v>
                </c:pt>
                <c:pt idx="7489">
                  <c:v>0.8217333456792022</c:v>
                </c:pt>
                <c:pt idx="7490">
                  <c:v>0.8217333456792022</c:v>
                </c:pt>
                <c:pt idx="7491">
                  <c:v>0.8217333456792022</c:v>
                </c:pt>
                <c:pt idx="7492">
                  <c:v>0.8217333456792022</c:v>
                </c:pt>
                <c:pt idx="7493">
                  <c:v>1.059122978875416</c:v>
                </c:pt>
                <c:pt idx="7494">
                  <c:v>1.2782518710565369</c:v>
                </c:pt>
                <c:pt idx="7495">
                  <c:v>1.2782518710565369</c:v>
                </c:pt>
                <c:pt idx="7496">
                  <c:v>1.2782518710565369</c:v>
                </c:pt>
                <c:pt idx="7497">
                  <c:v>1.3695555761320035</c:v>
                </c:pt>
                <c:pt idx="7498">
                  <c:v>1.4243377991772839</c:v>
                </c:pt>
                <c:pt idx="7499">
                  <c:v>1.6434666913584044</c:v>
                </c:pt>
                <c:pt idx="7500">
                  <c:v>1.6434666913584044</c:v>
                </c:pt>
                <c:pt idx="7501">
                  <c:v>1.6434666913584044</c:v>
                </c:pt>
                <c:pt idx="7502">
                  <c:v>1.6434666913584044</c:v>
                </c:pt>
                <c:pt idx="7503">
                  <c:v>1.3695555761320035</c:v>
                </c:pt>
                <c:pt idx="7504">
                  <c:v>1.2965126120716302</c:v>
                </c:pt>
                <c:pt idx="7505">
                  <c:v>1.2965126120716302</c:v>
                </c:pt>
                <c:pt idx="7506">
                  <c:v>1.2965126120716302</c:v>
                </c:pt>
                <c:pt idx="7507">
                  <c:v>1.2965126120716302</c:v>
                </c:pt>
                <c:pt idx="7508">
                  <c:v>1.004340755830136</c:v>
                </c:pt>
                <c:pt idx="7509">
                  <c:v>0.38347556131696103</c:v>
                </c:pt>
                <c:pt idx="7510">
                  <c:v>0.38347556131696103</c:v>
                </c:pt>
                <c:pt idx="7511">
                  <c:v>0.38347556131696103</c:v>
                </c:pt>
                <c:pt idx="7512">
                  <c:v>0.25928175763348166</c:v>
                </c:pt>
                <c:pt idx="7513">
                  <c:v>0.50621676490346423</c:v>
                </c:pt>
                <c:pt idx="7514">
                  <c:v>0.50621676490346423</c:v>
                </c:pt>
                <c:pt idx="7515">
                  <c:v>0.50621676490346423</c:v>
                </c:pt>
                <c:pt idx="7516">
                  <c:v>0.50621676490346423</c:v>
                </c:pt>
                <c:pt idx="7517">
                  <c:v>0.62968426853845549</c:v>
                </c:pt>
                <c:pt idx="7518">
                  <c:v>0.79019202326394411</c:v>
                </c:pt>
                <c:pt idx="7519">
                  <c:v>0.90131277653543618</c:v>
                </c:pt>
                <c:pt idx="7520">
                  <c:v>0.90131277653543618</c:v>
                </c:pt>
                <c:pt idx="7521">
                  <c:v>0.90131277653543618</c:v>
                </c:pt>
                <c:pt idx="7522">
                  <c:v>0.90131277653543618</c:v>
                </c:pt>
                <c:pt idx="7523">
                  <c:v>0.90131277653543618</c:v>
                </c:pt>
                <c:pt idx="7524">
                  <c:v>0.90131277653543618</c:v>
                </c:pt>
                <c:pt idx="7525">
                  <c:v>0.90131277653543618</c:v>
                </c:pt>
                <c:pt idx="7526">
                  <c:v>0.90131277653543618</c:v>
                </c:pt>
                <c:pt idx="7527">
                  <c:v>0.81488552399094238</c:v>
                </c:pt>
                <c:pt idx="7528">
                  <c:v>0.74080502180994756</c:v>
                </c:pt>
                <c:pt idx="7529">
                  <c:v>0.66672451962895285</c:v>
                </c:pt>
                <c:pt idx="7530">
                  <c:v>0.64203101890195458</c:v>
                </c:pt>
                <c:pt idx="7531">
                  <c:v>0.51856351526696332</c:v>
                </c:pt>
                <c:pt idx="7532">
                  <c:v>0.38274926126847286</c:v>
                </c:pt>
                <c:pt idx="7533">
                  <c:v>0.38274926126847286</c:v>
                </c:pt>
                <c:pt idx="7534">
                  <c:v>0.38274926126847286</c:v>
                </c:pt>
                <c:pt idx="7535">
                  <c:v>0.38274926126847286</c:v>
                </c:pt>
                <c:pt idx="7536">
                  <c:v>0.46255361385790744</c:v>
                </c:pt>
                <c:pt idx="7537">
                  <c:v>0.53715903544789245</c:v>
                </c:pt>
                <c:pt idx="7538">
                  <c:v>0.53715903544789245</c:v>
                </c:pt>
                <c:pt idx="7539">
                  <c:v>0.53715903544789245</c:v>
                </c:pt>
                <c:pt idx="7540">
                  <c:v>0.53715903544789245</c:v>
                </c:pt>
                <c:pt idx="7541">
                  <c:v>0.67144879430986548</c:v>
                </c:pt>
                <c:pt idx="7542">
                  <c:v>0.79081746885384163</c:v>
                </c:pt>
                <c:pt idx="7543">
                  <c:v>0.94002831203381187</c:v>
                </c:pt>
                <c:pt idx="7544">
                  <c:v>0.94002831203381187</c:v>
                </c:pt>
                <c:pt idx="7545">
                  <c:v>0.94002831203381187</c:v>
                </c:pt>
                <c:pt idx="7546">
                  <c:v>0.94002831203381187</c:v>
                </c:pt>
                <c:pt idx="7547">
                  <c:v>0.94002831203381187</c:v>
                </c:pt>
                <c:pt idx="7548">
                  <c:v>0.94002831203381187</c:v>
                </c:pt>
                <c:pt idx="7549">
                  <c:v>0.94002831203381187</c:v>
                </c:pt>
                <c:pt idx="7550">
                  <c:v>0.94002831203381187</c:v>
                </c:pt>
                <c:pt idx="7551">
                  <c:v>0.83558072180783283</c:v>
                </c:pt>
                <c:pt idx="7552">
                  <c:v>0.82065963748983584</c:v>
                </c:pt>
                <c:pt idx="7553">
                  <c:v>0.70129096294585958</c:v>
                </c:pt>
                <c:pt idx="7554">
                  <c:v>0.6565277099918686</c:v>
                </c:pt>
                <c:pt idx="7555">
                  <c:v>0.55208011976588955</c:v>
                </c:pt>
                <c:pt idx="7556">
                  <c:v>0.46255361385790744</c:v>
                </c:pt>
                <c:pt idx="7557">
                  <c:v>0.40286927658591937</c:v>
                </c:pt>
                <c:pt idx="7558">
                  <c:v>0.40286927658591937</c:v>
                </c:pt>
                <c:pt idx="7559">
                  <c:v>0.40286927658591937</c:v>
                </c:pt>
                <c:pt idx="7560">
                  <c:v>0.26899349559760855</c:v>
                </c:pt>
                <c:pt idx="7561">
                  <c:v>0.26899349559760855</c:v>
                </c:pt>
                <c:pt idx="7562">
                  <c:v>0.26899349559760855</c:v>
                </c:pt>
                <c:pt idx="7563">
                  <c:v>0.26899349559760855</c:v>
                </c:pt>
                <c:pt idx="7564">
                  <c:v>0.26899349559760855</c:v>
                </c:pt>
                <c:pt idx="7565">
                  <c:v>1.1656384809229705</c:v>
                </c:pt>
                <c:pt idx="7566">
                  <c:v>1.3225513533549087</c:v>
                </c:pt>
                <c:pt idx="7567">
                  <c:v>1.3225513533549087</c:v>
                </c:pt>
                <c:pt idx="7568">
                  <c:v>1.3225513533549087</c:v>
                </c:pt>
                <c:pt idx="7569">
                  <c:v>1.412215851887445</c:v>
                </c:pt>
                <c:pt idx="7570">
                  <c:v>1.412215851887445</c:v>
                </c:pt>
                <c:pt idx="7571">
                  <c:v>1.7932899706507237</c:v>
                </c:pt>
                <c:pt idx="7572">
                  <c:v>1.7932899706507237</c:v>
                </c:pt>
                <c:pt idx="7573">
                  <c:v>1.1880546055561045</c:v>
                </c:pt>
                <c:pt idx="7574">
                  <c:v>1.7932899706507237</c:v>
                </c:pt>
                <c:pt idx="7575">
                  <c:v>1.7932899706507237</c:v>
                </c:pt>
                <c:pt idx="7576">
                  <c:v>1.7932899706507237</c:v>
                </c:pt>
                <c:pt idx="7577">
                  <c:v>1.7932899706507237</c:v>
                </c:pt>
                <c:pt idx="7578">
                  <c:v>1.7932899706507237</c:v>
                </c:pt>
                <c:pt idx="7579">
                  <c:v>1.5018803504199814</c:v>
                </c:pt>
                <c:pt idx="7580">
                  <c:v>1.2328868548223726</c:v>
                </c:pt>
                <c:pt idx="7581">
                  <c:v>0.89664498532536185</c:v>
                </c:pt>
                <c:pt idx="7582">
                  <c:v>0.85181273605909391</c:v>
                </c:pt>
                <c:pt idx="7583">
                  <c:v>0.85181273605909391</c:v>
                </c:pt>
                <c:pt idx="7584">
                  <c:v>0.80350955730457285</c:v>
                </c:pt>
                <c:pt idx="7585">
                  <c:v>0.80350955730457285</c:v>
                </c:pt>
                <c:pt idx="7586">
                  <c:v>0.80350955730457285</c:v>
                </c:pt>
                <c:pt idx="7587">
                  <c:v>0.80350955730457285</c:v>
                </c:pt>
                <c:pt idx="7588">
                  <c:v>0.80350955730457285</c:v>
                </c:pt>
                <c:pt idx="7589">
                  <c:v>1.0445624244959446</c:v>
                </c:pt>
                <c:pt idx="7590">
                  <c:v>1.1650888580916303</c:v>
                </c:pt>
                <c:pt idx="7591">
                  <c:v>1.2052643359568593</c:v>
                </c:pt>
                <c:pt idx="7592">
                  <c:v>1.2052643359568593</c:v>
                </c:pt>
                <c:pt idx="7593">
                  <c:v>1.3057030306199309</c:v>
                </c:pt>
                <c:pt idx="7594">
                  <c:v>1.3659662474177736</c:v>
                </c:pt>
                <c:pt idx="7595">
                  <c:v>1.6070191146091457</c:v>
                </c:pt>
                <c:pt idx="7596">
                  <c:v>1.6070191146091457</c:v>
                </c:pt>
                <c:pt idx="7597">
                  <c:v>1.6070191146091457</c:v>
                </c:pt>
                <c:pt idx="7598">
                  <c:v>1.6070191146091457</c:v>
                </c:pt>
                <c:pt idx="7599">
                  <c:v>1.6070191146091457</c:v>
                </c:pt>
                <c:pt idx="7600">
                  <c:v>1.6070191146091457</c:v>
                </c:pt>
                <c:pt idx="7601">
                  <c:v>1.6070191146091457</c:v>
                </c:pt>
                <c:pt idx="7602">
                  <c:v>1.6070191146091457</c:v>
                </c:pt>
                <c:pt idx="7603">
                  <c:v>1.3458785084851597</c:v>
                </c:pt>
                <c:pt idx="7604">
                  <c:v>1.1048256412937876</c:v>
                </c:pt>
                <c:pt idx="7605">
                  <c:v>0.80350955730457285</c:v>
                </c:pt>
                <c:pt idx="7606">
                  <c:v>0.80350955730457285</c:v>
                </c:pt>
                <c:pt idx="7607">
                  <c:v>0.80350955730457285</c:v>
                </c:pt>
                <c:pt idx="7608">
                  <c:v>0.70814824486306893</c:v>
                </c:pt>
                <c:pt idx="7609">
                  <c:v>0.79666677547095255</c:v>
                </c:pt>
                <c:pt idx="7610">
                  <c:v>0.79666677547095255</c:v>
                </c:pt>
                <c:pt idx="7611">
                  <c:v>0.79666677547095255</c:v>
                </c:pt>
                <c:pt idx="7612">
                  <c:v>0.79666677547095255</c:v>
                </c:pt>
                <c:pt idx="7613">
                  <c:v>1.02681495505145</c:v>
                </c:pt>
                <c:pt idx="7614">
                  <c:v>1.1861483101456405</c:v>
                </c:pt>
                <c:pt idx="7615">
                  <c:v>1.1861483101456405</c:v>
                </c:pt>
                <c:pt idx="7616">
                  <c:v>1.1861483101456405</c:v>
                </c:pt>
                <c:pt idx="7617">
                  <c:v>1.274666840753524</c:v>
                </c:pt>
                <c:pt idx="7618">
                  <c:v>1.3808890774829843</c:v>
                </c:pt>
                <c:pt idx="7619">
                  <c:v>1.5933335509419051</c:v>
                </c:pt>
                <c:pt idx="7620">
                  <c:v>1.5933335509419051</c:v>
                </c:pt>
                <c:pt idx="7621">
                  <c:v>1.5933335509419051</c:v>
                </c:pt>
                <c:pt idx="7622">
                  <c:v>1.5933335509419051</c:v>
                </c:pt>
                <c:pt idx="7623">
                  <c:v>1.5933335509419051</c:v>
                </c:pt>
                <c:pt idx="7624">
                  <c:v>1.5933335509419051</c:v>
                </c:pt>
                <c:pt idx="7625">
                  <c:v>1.5933335509419051</c:v>
                </c:pt>
                <c:pt idx="7626">
                  <c:v>1.5933335509419051</c:v>
                </c:pt>
                <c:pt idx="7627">
                  <c:v>1.3277779591182544</c:v>
                </c:pt>
                <c:pt idx="7628">
                  <c:v>1.0622223672946034</c:v>
                </c:pt>
                <c:pt idx="7629">
                  <c:v>0.79666677547095255</c:v>
                </c:pt>
                <c:pt idx="7630">
                  <c:v>0.79666677547095255</c:v>
                </c:pt>
                <c:pt idx="7631">
                  <c:v>0.79666677547095255</c:v>
                </c:pt>
                <c:pt idx="7632">
                  <c:v>0.82787924353862119</c:v>
                </c:pt>
                <c:pt idx="7633">
                  <c:v>0.82787924353862119</c:v>
                </c:pt>
                <c:pt idx="7634">
                  <c:v>0.82787924353862119</c:v>
                </c:pt>
                <c:pt idx="7635">
                  <c:v>0.82787924353862119</c:v>
                </c:pt>
                <c:pt idx="7636">
                  <c:v>0.82787924353862119</c:v>
                </c:pt>
                <c:pt idx="7637">
                  <c:v>1.0670443583386673</c:v>
                </c:pt>
                <c:pt idx="7638">
                  <c:v>1.2326202070463919</c:v>
                </c:pt>
                <c:pt idx="7639">
                  <c:v>1.2326202070463919</c:v>
                </c:pt>
                <c:pt idx="7640">
                  <c:v>1.2326202070463919</c:v>
                </c:pt>
                <c:pt idx="7641">
                  <c:v>1.3246067896617939</c:v>
                </c:pt>
                <c:pt idx="7642">
                  <c:v>1.434990688800277</c:v>
                </c:pt>
                <c:pt idx="7643">
                  <c:v>1.6557584870772424</c:v>
                </c:pt>
                <c:pt idx="7644">
                  <c:v>1.6557584870772424</c:v>
                </c:pt>
                <c:pt idx="7645">
                  <c:v>1.6557584870772424</c:v>
                </c:pt>
                <c:pt idx="7646">
                  <c:v>1.6557584870772424</c:v>
                </c:pt>
                <c:pt idx="7647">
                  <c:v>1.6557584870772424</c:v>
                </c:pt>
                <c:pt idx="7648">
                  <c:v>1.6557584870772424</c:v>
                </c:pt>
                <c:pt idx="7649">
                  <c:v>1.6557584870772424</c:v>
                </c:pt>
                <c:pt idx="7650">
                  <c:v>1.6557584870772424</c:v>
                </c:pt>
                <c:pt idx="7651">
                  <c:v>1.3797987392310356</c:v>
                </c:pt>
                <c:pt idx="7652">
                  <c:v>1.1038389913848285</c:v>
                </c:pt>
                <c:pt idx="7653">
                  <c:v>0.82787924353862119</c:v>
                </c:pt>
                <c:pt idx="7654">
                  <c:v>0.82787924353862119</c:v>
                </c:pt>
                <c:pt idx="7655">
                  <c:v>0.82787924353862119</c:v>
                </c:pt>
                <c:pt idx="7656">
                  <c:v>0.91765179104011885</c:v>
                </c:pt>
                <c:pt idx="7657">
                  <c:v>0.91765179104011885</c:v>
                </c:pt>
                <c:pt idx="7658">
                  <c:v>0.91765179104011885</c:v>
                </c:pt>
                <c:pt idx="7659">
                  <c:v>0.91765179104011885</c:v>
                </c:pt>
                <c:pt idx="7660">
                  <c:v>0.91765179104011885</c:v>
                </c:pt>
                <c:pt idx="7661">
                  <c:v>1.1827511973405975</c:v>
                </c:pt>
                <c:pt idx="7662">
                  <c:v>1.4274583416179625</c:v>
                </c:pt>
                <c:pt idx="7663">
                  <c:v>1.4274583416179625</c:v>
                </c:pt>
                <c:pt idx="7664">
                  <c:v>1.4274583416179625</c:v>
                </c:pt>
                <c:pt idx="7665">
                  <c:v>1.5294196517335312</c:v>
                </c:pt>
                <c:pt idx="7666">
                  <c:v>1.5905964378028727</c:v>
                </c:pt>
                <c:pt idx="7667">
                  <c:v>1.8353035820802377</c:v>
                </c:pt>
                <c:pt idx="7668">
                  <c:v>1.8353035820802377</c:v>
                </c:pt>
                <c:pt idx="7669">
                  <c:v>1.8353035820802377</c:v>
                </c:pt>
                <c:pt idx="7670">
                  <c:v>1.8353035820802377</c:v>
                </c:pt>
                <c:pt idx="7671">
                  <c:v>1.5294196517335312</c:v>
                </c:pt>
                <c:pt idx="7672">
                  <c:v>1.4478506036410765</c:v>
                </c:pt>
                <c:pt idx="7673">
                  <c:v>1.4478506036410765</c:v>
                </c:pt>
                <c:pt idx="7674">
                  <c:v>1.4478506036410765</c:v>
                </c:pt>
                <c:pt idx="7675">
                  <c:v>1.4478506036410765</c:v>
                </c:pt>
                <c:pt idx="7676">
                  <c:v>1.1215744112712562</c:v>
                </c:pt>
                <c:pt idx="7677">
                  <c:v>0.42823750248538872</c:v>
                </c:pt>
                <c:pt idx="7678">
                  <c:v>0.42823750248538872</c:v>
                </c:pt>
                <c:pt idx="7679">
                  <c:v>0.42823750248538872</c:v>
                </c:pt>
                <c:pt idx="7680">
                  <c:v>0.31627150207125299</c:v>
                </c:pt>
                <c:pt idx="7681">
                  <c:v>0.61748245642482724</c:v>
                </c:pt>
                <c:pt idx="7682">
                  <c:v>0.61748245642482724</c:v>
                </c:pt>
                <c:pt idx="7683">
                  <c:v>0.61748245642482724</c:v>
                </c:pt>
                <c:pt idx="7684">
                  <c:v>0.61748245642482724</c:v>
                </c:pt>
                <c:pt idx="7685">
                  <c:v>0.76808793360161454</c:v>
                </c:pt>
                <c:pt idx="7686">
                  <c:v>0.96387505393143791</c:v>
                </c:pt>
                <c:pt idx="7687">
                  <c:v>1.0994199833905463</c:v>
                </c:pt>
                <c:pt idx="7688">
                  <c:v>1.0994199833905463</c:v>
                </c:pt>
                <c:pt idx="7689">
                  <c:v>1.0994199833905463</c:v>
                </c:pt>
                <c:pt idx="7690">
                  <c:v>1.0994199833905463</c:v>
                </c:pt>
                <c:pt idx="7691">
                  <c:v>1.0994199833905463</c:v>
                </c:pt>
                <c:pt idx="7692">
                  <c:v>1.0994199833905463</c:v>
                </c:pt>
                <c:pt idx="7693">
                  <c:v>1.0994199833905463</c:v>
                </c:pt>
                <c:pt idx="7694">
                  <c:v>1.0994199833905463</c:v>
                </c:pt>
                <c:pt idx="7695">
                  <c:v>0.99399614936679515</c:v>
                </c:pt>
                <c:pt idx="7696">
                  <c:v>0.90363286306072299</c:v>
                </c:pt>
                <c:pt idx="7697">
                  <c:v>0.81326957675465061</c:v>
                </c:pt>
                <c:pt idx="7698">
                  <c:v>0.78314848131929315</c:v>
                </c:pt>
                <c:pt idx="7699">
                  <c:v>0.63254300414250597</c:v>
                </c:pt>
                <c:pt idx="7700">
                  <c:v>0.46687697924804011</c:v>
                </c:pt>
                <c:pt idx="7701">
                  <c:v>0.46687697924804011</c:v>
                </c:pt>
                <c:pt idx="7702">
                  <c:v>0.46687697924804011</c:v>
                </c:pt>
                <c:pt idx="7703">
                  <c:v>0.46687697924804011</c:v>
                </c:pt>
                <c:pt idx="7704">
                  <c:v>0.53709952960335516</c:v>
                </c:pt>
                <c:pt idx="7705">
                  <c:v>0.62372848599099318</c:v>
                </c:pt>
                <c:pt idx="7706">
                  <c:v>0.62372848599099318</c:v>
                </c:pt>
                <c:pt idx="7707">
                  <c:v>0.62372848599099318</c:v>
                </c:pt>
                <c:pt idx="7708">
                  <c:v>0.62372848599099318</c:v>
                </c:pt>
                <c:pt idx="7709">
                  <c:v>0.77966060748874144</c:v>
                </c:pt>
                <c:pt idx="7710">
                  <c:v>0.91826693770896217</c:v>
                </c:pt>
                <c:pt idx="7711">
                  <c:v>1.0915248504842381</c:v>
                </c:pt>
                <c:pt idx="7712">
                  <c:v>1.0915248504842381</c:v>
                </c:pt>
                <c:pt idx="7713">
                  <c:v>1.0915248504842381</c:v>
                </c:pt>
                <c:pt idx="7714">
                  <c:v>1.0915248504842381</c:v>
                </c:pt>
                <c:pt idx="7715">
                  <c:v>1.0915248504842381</c:v>
                </c:pt>
                <c:pt idx="7716">
                  <c:v>1.0915248504842381</c:v>
                </c:pt>
                <c:pt idx="7717">
                  <c:v>1.0915248504842381</c:v>
                </c:pt>
                <c:pt idx="7718">
                  <c:v>1.0915248504842381</c:v>
                </c:pt>
                <c:pt idx="7719">
                  <c:v>0.970244311541545</c:v>
                </c:pt>
                <c:pt idx="7720">
                  <c:v>0.95291852026401724</c:v>
                </c:pt>
                <c:pt idx="7721">
                  <c:v>0.81431219004379662</c:v>
                </c:pt>
                <c:pt idx="7722">
                  <c:v>0.76233481621121391</c:v>
                </c:pt>
                <c:pt idx="7723">
                  <c:v>0.64105427726852071</c:v>
                </c:pt>
                <c:pt idx="7724">
                  <c:v>0.53709952960335516</c:v>
                </c:pt>
                <c:pt idx="7725">
                  <c:v>0.46779636449324485</c:v>
                </c:pt>
                <c:pt idx="7726">
                  <c:v>0.46779636449324485</c:v>
                </c:pt>
                <c:pt idx="7727">
                  <c:v>0.46779636449324485</c:v>
                </c:pt>
                <c:pt idx="7728">
                  <c:v>0.28319660695244242</c:v>
                </c:pt>
                <c:pt idx="7729">
                  <c:v>0.28319660695244242</c:v>
                </c:pt>
                <c:pt idx="7730">
                  <c:v>0.28319660695244242</c:v>
                </c:pt>
                <c:pt idx="7731">
                  <c:v>0.28319660695244242</c:v>
                </c:pt>
                <c:pt idx="7732">
                  <c:v>0.28319660695244242</c:v>
                </c:pt>
                <c:pt idx="7733">
                  <c:v>1.227185296793917</c:v>
                </c:pt>
                <c:pt idx="7734">
                  <c:v>1.3923833175161751</c:v>
                </c:pt>
                <c:pt idx="7735">
                  <c:v>1.3923833175161751</c:v>
                </c:pt>
                <c:pt idx="7736">
                  <c:v>1.3923833175161751</c:v>
                </c:pt>
                <c:pt idx="7737">
                  <c:v>1.4867821865003228</c:v>
                </c:pt>
                <c:pt idx="7738">
                  <c:v>1.4867821865003228</c:v>
                </c:pt>
                <c:pt idx="7739">
                  <c:v>1.8879773796829498</c:v>
                </c:pt>
                <c:pt idx="7740">
                  <c:v>1.8879773796829498</c:v>
                </c:pt>
                <c:pt idx="7741">
                  <c:v>1.2507850140399539</c:v>
                </c:pt>
                <c:pt idx="7742">
                  <c:v>1.8879773796829498</c:v>
                </c:pt>
                <c:pt idx="7743">
                  <c:v>1.8879773796829498</c:v>
                </c:pt>
                <c:pt idx="7744">
                  <c:v>1.8879773796829498</c:v>
                </c:pt>
                <c:pt idx="7745">
                  <c:v>1.8879773796829498</c:v>
                </c:pt>
                <c:pt idx="7746">
                  <c:v>1.8879773796829498</c:v>
                </c:pt>
                <c:pt idx="7747">
                  <c:v>1.5811810554844703</c:v>
                </c:pt>
                <c:pt idx="7748">
                  <c:v>1.2979844485320278</c:v>
                </c:pt>
                <c:pt idx="7749">
                  <c:v>0.94398868984147488</c:v>
                </c:pt>
                <c:pt idx="7750">
                  <c:v>0.8967892553494009</c:v>
                </c:pt>
                <c:pt idx="7751">
                  <c:v>0.8967892553494009</c:v>
                </c:pt>
                <c:pt idx="7752">
                  <c:v>0.85171486145585229</c:v>
                </c:pt>
                <c:pt idx="7753">
                  <c:v>0.85171486145585229</c:v>
                </c:pt>
                <c:pt idx="7754">
                  <c:v>0.85171486145585229</c:v>
                </c:pt>
                <c:pt idx="7755">
                  <c:v>0.85171486145585229</c:v>
                </c:pt>
                <c:pt idx="7756">
                  <c:v>0.85171486145585229</c:v>
                </c:pt>
                <c:pt idx="7757">
                  <c:v>1.1072293198926075</c:v>
                </c:pt>
                <c:pt idx="7758">
                  <c:v>1.2349865491109855</c:v>
                </c:pt>
                <c:pt idx="7759">
                  <c:v>1.2775722921837784</c:v>
                </c:pt>
                <c:pt idx="7760">
                  <c:v>1.2775722921837784</c:v>
                </c:pt>
                <c:pt idx="7761">
                  <c:v>1.3840366498657597</c:v>
                </c:pt>
                <c:pt idx="7762">
                  <c:v>1.4479152644749487</c:v>
                </c:pt>
                <c:pt idx="7763">
                  <c:v>1.7034297229117046</c:v>
                </c:pt>
                <c:pt idx="7764">
                  <c:v>1.7034297229117046</c:v>
                </c:pt>
                <c:pt idx="7765">
                  <c:v>1.7034297229117046</c:v>
                </c:pt>
                <c:pt idx="7766">
                  <c:v>1.7034297229117046</c:v>
                </c:pt>
                <c:pt idx="7767">
                  <c:v>1.7034297229117046</c:v>
                </c:pt>
                <c:pt idx="7768">
                  <c:v>1.7034297229117046</c:v>
                </c:pt>
                <c:pt idx="7769">
                  <c:v>1.7034297229117046</c:v>
                </c:pt>
                <c:pt idx="7770">
                  <c:v>1.7034297229117046</c:v>
                </c:pt>
                <c:pt idx="7771">
                  <c:v>1.4266223929385526</c:v>
                </c:pt>
                <c:pt idx="7772">
                  <c:v>1.1711079345017967</c:v>
                </c:pt>
                <c:pt idx="7773">
                  <c:v>0.85171486145585229</c:v>
                </c:pt>
                <c:pt idx="7774">
                  <c:v>0.85171486145585229</c:v>
                </c:pt>
                <c:pt idx="7775">
                  <c:v>0.85171486145585229</c:v>
                </c:pt>
                <c:pt idx="7776">
                  <c:v>0.76718186029345692</c:v>
                </c:pt>
                <c:pt idx="7777">
                  <c:v>0.86307959283013891</c:v>
                </c:pt>
                <c:pt idx="7778">
                  <c:v>0.86307959283013891</c:v>
                </c:pt>
                <c:pt idx="7779">
                  <c:v>0.86307959283013891</c:v>
                </c:pt>
                <c:pt idx="7780">
                  <c:v>0.86307959283013891</c:v>
                </c:pt>
                <c:pt idx="7781">
                  <c:v>1.1124136974255125</c:v>
                </c:pt>
                <c:pt idx="7782">
                  <c:v>1.2850296159915402</c:v>
                </c:pt>
                <c:pt idx="7783">
                  <c:v>1.2850296159915402</c:v>
                </c:pt>
                <c:pt idx="7784">
                  <c:v>1.2850296159915402</c:v>
                </c:pt>
                <c:pt idx="7785">
                  <c:v>1.3809273485282225</c:v>
                </c:pt>
                <c:pt idx="7786">
                  <c:v>1.496004627572241</c:v>
                </c:pt>
                <c:pt idx="7787">
                  <c:v>1.7261591856602778</c:v>
                </c:pt>
                <c:pt idx="7788">
                  <c:v>1.7261591856602778</c:v>
                </c:pt>
                <c:pt idx="7789">
                  <c:v>1.7261591856602778</c:v>
                </c:pt>
                <c:pt idx="7790">
                  <c:v>1.7261591856602778</c:v>
                </c:pt>
                <c:pt idx="7791">
                  <c:v>1.7261591856602778</c:v>
                </c:pt>
                <c:pt idx="7792">
                  <c:v>1.7261591856602778</c:v>
                </c:pt>
                <c:pt idx="7793">
                  <c:v>1.7261591856602778</c:v>
                </c:pt>
                <c:pt idx="7794">
                  <c:v>1.7261591856602778</c:v>
                </c:pt>
                <c:pt idx="7795">
                  <c:v>1.4384659880502317</c:v>
                </c:pt>
                <c:pt idx="7796">
                  <c:v>1.1507727904401854</c:v>
                </c:pt>
                <c:pt idx="7797">
                  <c:v>0.86307959283013891</c:v>
                </c:pt>
                <c:pt idx="7798">
                  <c:v>0.86307959283013891</c:v>
                </c:pt>
                <c:pt idx="7799">
                  <c:v>0.86307959283013891</c:v>
                </c:pt>
                <c:pt idx="7800">
                  <c:v>0.77850352907131914</c:v>
                </c:pt>
                <c:pt idx="7801">
                  <c:v>0.77850352907131914</c:v>
                </c:pt>
                <c:pt idx="7802">
                  <c:v>0.77850352907131914</c:v>
                </c:pt>
                <c:pt idx="7803">
                  <c:v>0.77850352907131914</c:v>
                </c:pt>
                <c:pt idx="7804">
                  <c:v>0.77850352907131914</c:v>
                </c:pt>
                <c:pt idx="7805">
                  <c:v>1.0034045485808114</c:v>
                </c:pt>
                <c:pt idx="7806">
                  <c:v>1.1591052543950753</c:v>
                </c:pt>
                <c:pt idx="7807">
                  <c:v>1.1591052543950753</c:v>
                </c:pt>
                <c:pt idx="7808">
                  <c:v>1.1591052543950753</c:v>
                </c:pt>
                <c:pt idx="7809">
                  <c:v>1.245605646514111</c:v>
                </c:pt>
                <c:pt idx="7810">
                  <c:v>1.3494061170569536</c:v>
                </c:pt>
                <c:pt idx="7811">
                  <c:v>1.5570070581426383</c:v>
                </c:pt>
                <c:pt idx="7812">
                  <c:v>1.5570070581426383</c:v>
                </c:pt>
                <c:pt idx="7813">
                  <c:v>1.5570070581426383</c:v>
                </c:pt>
                <c:pt idx="7814">
                  <c:v>1.5570070581426383</c:v>
                </c:pt>
                <c:pt idx="7815">
                  <c:v>1.5570070581426383</c:v>
                </c:pt>
                <c:pt idx="7816">
                  <c:v>1.5570070581426383</c:v>
                </c:pt>
                <c:pt idx="7817">
                  <c:v>1.5570070581426383</c:v>
                </c:pt>
                <c:pt idx="7818">
                  <c:v>1.5570070581426383</c:v>
                </c:pt>
                <c:pt idx="7819">
                  <c:v>1.2975058817855321</c:v>
                </c:pt>
                <c:pt idx="7820">
                  <c:v>1.0380047054284256</c:v>
                </c:pt>
                <c:pt idx="7821">
                  <c:v>0.77850352907131914</c:v>
                </c:pt>
                <c:pt idx="7822">
                  <c:v>0.77850352907131914</c:v>
                </c:pt>
                <c:pt idx="7823">
                  <c:v>0.77850352907131914</c:v>
                </c:pt>
                <c:pt idx="7824">
                  <c:v>0.84760625777203169</c:v>
                </c:pt>
                <c:pt idx="7825">
                  <c:v>0.84760625777203169</c:v>
                </c:pt>
                <c:pt idx="7826">
                  <c:v>0.84760625777203169</c:v>
                </c:pt>
                <c:pt idx="7827">
                  <c:v>0.84760625777203169</c:v>
                </c:pt>
                <c:pt idx="7828">
                  <c:v>0.84760625777203169</c:v>
                </c:pt>
                <c:pt idx="7829">
                  <c:v>1.0924702877950629</c:v>
                </c:pt>
                <c:pt idx="7830">
                  <c:v>1.3184986232009384</c:v>
                </c:pt>
                <c:pt idx="7831">
                  <c:v>1.3184986232009384</c:v>
                </c:pt>
                <c:pt idx="7832">
                  <c:v>1.3184986232009384</c:v>
                </c:pt>
                <c:pt idx="7833">
                  <c:v>1.4126770962867197</c:v>
                </c:pt>
                <c:pt idx="7834">
                  <c:v>1.4691841801381884</c:v>
                </c:pt>
                <c:pt idx="7835">
                  <c:v>1.6952125155440634</c:v>
                </c:pt>
                <c:pt idx="7836">
                  <c:v>1.6952125155440634</c:v>
                </c:pt>
                <c:pt idx="7837">
                  <c:v>1.6952125155440634</c:v>
                </c:pt>
                <c:pt idx="7838">
                  <c:v>1.6952125155440634</c:v>
                </c:pt>
                <c:pt idx="7839">
                  <c:v>1.4126770962867197</c:v>
                </c:pt>
                <c:pt idx="7840">
                  <c:v>1.3373343178180948</c:v>
                </c:pt>
                <c:pt idx="7841">
                  <c:v>1.3373343178180948</c:v>
                </c:pt>
                <c:pt idx="7842">
                  <c:v>1.3373343178180948</c:v>
                </c:pt>
                <c:pt idx="7843">
                  <c:v>1.3373343178180948</c:v>
                </c:pt>
                <c:pt idx="7844">
                  <c:v>1.0359632039435944</c:v>
                </c:pt>
                <c:pt idx="7845">
                  <c:v>0.39554958696028142</c:v>
                </c:pt>
                <c:pt idx="7846">
                  <c:v>0.39554958696028142</c:v>
                </c:pt>
                <c:pt idx="7847">
                  <c:v>0.39554958696028142</c:v>
                </c:pt>
                <c:pt idx="7848">
                  <c:v>0.28536181017280071</c:v>
                </c:pt>
                <c:pt idx="7849">
                  <c:v>0.55713496271832541</c:v>
                </c:pt>
                <c:pt idx="7850">
                  <c:v>0.55713496271832541</c:v>
                </c:pt>
                <c:pt idx="7851">
                  <c:v>0.55713496271832541</c:v>
                </c:pt>
                <c:pt idx="7852">
                  <c:v>0.55713496271832541</c:v>
                </c:pt>
                <c:pt idx="7853">
                  <c:v>0.69302153899108765</c:v>
                </c:pt>
                <c:pt idx="7854">
                  <c:v>0.86967408814567859</c:v>
                </c:pt>
                <c:pt idx="7855">
                  <c:v>0.9919720067911646</c:v>
                </c:pt>
                <c:pt idx="7856">
                  <c:v>0.9919720067911646</c:v>
                </c:pt>
                <c:pt idx="7857">
                  <c:v>0.9919720067911646</c:v>
                </c:pt>
                <c:pt idx="7858">
                  <c:v>0.9919720067911646</c:v>
                </c:pt>
                <c:pt idx="7859">
                  <c:v>0.9919720067911646</c:v>
                </c:pt>
                <c:pt idx="7860">
                  <c:v>0.9919720067911646</c:v>
                </c:pt>
                <c:pt idx="7861">
                  <c:v>0.9919720067911646</c:v>
                </c:pt>
                <c:pt idx="7862">
                  <c:v>0.9919720067911646</c:v>
                </c:pt>
                <c:pt idx="7863">
                  <c:v>0.89685140340023084</c:v>
                </c:pt>
                <c:pt idx="7864">
                  <c:v>0.81531945763657354</c:v>
                </c:pt>
                <c:pt idx="7865">
                  <c:v>0.73378751187291635</c:v>
                </c:pt>
                <c:pt idx="7866">
                  <c:v>0.70661019661836377</c:v>
                </c:pt>
                <c:pt idx="7867">
                  <c:v>0.57072362034560142</c:v>
                </c:pt>
                <c:pt idx="7868">
                  <c:v>0.42124838644556301</c:v>
                </c:pt>
                <c:pt idx="7869">
                  <c:v>0.42124838644556301</c:v>
                </c:pt>
                <c:pt idx="7870">
                  <c:v>0.42124838644556301</c:v>
                </c:pt>
                <c:pt idx="7871">
                  <c:v>0.42124838644556301</c:v>
                </c:pt>
                <c:pt idx="7872">
                  <c:v>0.52737614928873155</c:v>
                </c:pt>
                <c:pt idx="7873">
                  <c:v>0.61243681852884957</c:v>
                </c:pt>
                <c:pt idx="7874">
                  <c:v>0.61243681852884957</c:v>
                </c:pt>
                <c:pt idx="7875">
                  <c:v>0.61243681852884957</c:v>
                </c:pt>
                <c:pt idx="7876">
                  <c:v>0.61243681852884957</c:v>
                </c:pt>
                <c:pt idx="7877">
                  <c:v>0.76554602316106179</c:v>
                </c:pt>
                <c:pt idx="7878">
                  <c:v>0.90164309394525088</c:v>
                </c:pt>
                <c:pt idx="7879">
                  <c:v>1.0717644324254869</c:v>
                </c:pt>
                <c:pt idx="7880">
                  <c:v>1.0717644324254869</c:v>
                </c:pt>
                <c:pt idx="7881">
                  <c:v>1.0717644324254869</c:v>
                </c:pt>
                <c:pt idx="7882">
                  <c:v>1.0717644324254869</c:v>
                </c:pt>
                <c:pt idx="7883">
                  <c:v>1.0717644324254869</c:v>
                </c:pt>
                <c:pt idx="7884">
                  <c:v>1.0717644324254869</c:v>
                </c:pt>
                <c:pt idx="7885">
                  <c:v>1.0717644324254869</c:v>
                </c:pt>
                <c:pt idx="7886">
                  <c:v>1.0717644324254869</c:v>
                </c:pt>
                <c:pt idx="7887">
                  <c:v>0.95267949548932163</c:v>
                </c:pt>
                <c:pt idx="7888">
                  <c:v>0.93566736164129793</c:v>
                </c:pt>
                <c:pt idx="7889">
                  <c:v>0.79957029085710929</c:v>
                </c:pt>
                <c:pt idx="7890">
                  <c:v>0.74853388931303844</c:v>
                </c:pt>
                <c:pt idx="7891">
                  <c:v>0.62944895237687326</c:v>
                </c:pt>
                <c:pt idx="7892">
                  <c:v>0.52737614928873155</c:v>
                </c:pt>
                <c:pt idx="7893">
                  <c:v>0.45932761389663718</c:v>
                </c:pt>
                <c:pt idx="7894">
                  <c:v>0.45932761389663718</c:v>
                </c:pt>
                <c:pt idx="7895">
                  <c:v>0.45932761389663718</c:v>
                </c:pt>
                <c:pt idx="7896">
                  <c:v>0.28204500332907756</c:v>
                </c:pt>
                <c:pt idx="7897">
                  <c:v>0.28204500332907756</c:v>
                </c:pt>
                <c:pt idx="7898">
                  <c:v>0.28204500332907756</c:v>
                </c:pt>
                <c:pt idx="7899">
                  <c:v>0.28204500332907756</c:v>
                </c:pt>
                <c:pt idx="7900">
                  <c:v>0.28204500332907756</c:v>
                </c:pt>
                <c:pt idx="7901">
                  <c:v>1.2221950144260028</c:v>
                </c:pt>
                <c:pt idx="7902">
                  <c:v>1.3867212663679647</c:v>
                </c:pt>
                <c:pt idx="7903">
                  <c:v>1.3867212663679647</c:v>
                </c:pt>
                <c:pt idx="7904">
                  <c:v>1.3867212663679647</c:v>
                </c:pt>
                <c:pt idx="7905">
                  <c:v>1.4807362674776572</c:v>
                </c:pt>
                <c:pt idx="7906">
                  <c:v>1.4807362674776572</c:v>
                </c:pt>
                <c:pt idx="7907">
                  <c:v>1.8803000221938504</c:v>
                </c:pt>
                <c:pt idx="7908">
                  <c:v>1.8803000221938504</c:v>
                </c:pt>
                <c:pt idx="7909">
                  <c:v>1.2456987647034261</c:v>
                </c:pt>
                <c:pt idx="7910">
                  <c:v>1.8803000221938504</c:v>
                </c:pt>
                <c:pt idx="7911">
                  <c:v>1.8803000221938504</c:v>
                </c:pt>
                <c:pt idx="7912">
                  <c:v>1.8803000221938504</c:v>
                </c:pt>
                <c:pt idx="7913">
                  <c:v>1.8803000221938504</c:v>
                </c:pt>
                <c:pt idx="7914">
                  <c:v>1.8803000221938504</c:v>
                </c:pt>
                <c:pt idx="7915">
                  <c:v>1.5747512685873497</c:v>
                </c:pt>
                <c:pt idx="7916">
                  <c:v>1.2927062652582721</c:v>
                </c:pt>
                <c:pt idx="7917">
                  <c:v>0.9401500110969252</c:v>
                </c:pt>
                <c:pt idx="7918">
                  <c:v>0.89314251054207894</c:v>
                </c:pt>
                <c:pt idx="7919">
                  <c:v>0.89314251054207894</c:v>
                </c:pt>
                <c:pt idx="7920">
                  <c:v>0.85283591504076561</c:v>
                </c:pt>
                <c:pt idx="7921">
                  <c:v>0.85283591504076561</c:v>
                </c:pt>
                <c:pt idx="7922">
                  <c:v>0.85283591504076561</c:v>
                </c:pt>
                <c:pt idx="7923">
                  <c:v>0.85283591504076561</c:v>
                </c:pt>
                <c:pt idx="7924">
                  <c:v>0.85283591504076561</c:v>
                </c:pt>
                <c:pt idx="7925">
                  <c:v>1.108686689552995</c:v>
                </c:pt>
                <c:pt idx="7926">
                  <c:v>1.2366120768091098</c:v>
                </c:pt>
                <c:pt idx="7927">
                  <c:v>1.2792538725611484</c:v>
                </c:pt>
                <c:pt idx="7928">
                  <c:v>1.2792538725611484</c:v>
                </c:pt>
                <c:pt idx="7929">
                  <c:v>1.3858583619412439</c:v>
                </c:pt>
                <c:pt idx="7930">
                  <c:v>1.4498210555693012</c:v>
                </c:pt>
                <c:pt idx="7931">
                  <c:v>1.7056718300815312</c:v>
                </c:pt>
                <c:pt idx="7932">
                  <c:v>1.7056718300815312</c:v>
                </c:pt>
                <c:pt idx="7933">
                  <c:v>1.7056718300815312</c:v>
                </c:pt>
                <c:pt idx="7934">
                  <c:v>1.7056718300815312</c:v>
                </c:pt>
                <c:pt idx="7935">
                  <c:v>1.7056718300815312</c:v>
                </c:pt>
                <c:pt idx="7936">
                  <c:v>1.7056718300815312</c:v>
                </c:pt>
                <c:pt idx="7937">
                  <c:v>1.7056718300815312</c:v>
                </c:pt>
                <c:pt idx="7938">
                  <c:v>1.7056718300815312</c:v>
                </c:pt>
                <c:pt idx="7939">
                  <c:v>1.4285001576932821</c:v>
                </c:pt>
                <c:pt idx="7940">
                  <c:v>1.1726493831810525</c:v>
                </c:pt>
                <c:pt idx="7941">
                  <c:v>0.85283591504076561</c:v>
                </c:pt>
                <c:pt idx="7942">
                  <c:v>0.85283591504076561</c:v>
                </c:pt>
                <c:pt idx="7943">
                  <c:v>0.85283591504076561</c:v>
                </c:pt>
                <c:pt idx="7944">
                  <c:v>0.77818812757708866</c:v>
                </c:pt>
                <c:pt idx="7945">
                  <c:v>0.87546164352422451</c:v>
                </c:pt>
                <c:pt idx="7946">
                  <c:v>0.87546164352422451</c:v>
                </c:pt>
                <c:pt idx="7947">
                  <c:v>0.87546164352422451</c:v>
                </c:pt>
                <c:pt idx="7948">
                  <c:v>0.87546164352422451</c:v>
                </c:pt>
                <c:pt idx="7949">
                  <c:v>1.1283727849867784</c:v>
                </c:pt>
                <c:pt idx="7950">
                  <c:v>1.3034651136916233</c:v>
                </c:pt>
                <c:pt idx="7951">
                  <c:v>1.3034651136916233</c:v>
                </c:pt>
                <c:pt idx="7952">
                  <c:v>1.3034651136916233</c:v>
                </c:pt>
                <c:pt idx="7953">
                  <c:v>1.4007386296387594</c:v>
                </c:pt>
                <c:pt idx="7954">
                  <c:v>1.5174668487753227</c:v>
                </c:pt>
                <c:pt idx="7955">
                  <c:v>1.750923287048449</c:v>
                </c:pt>
                <c:pt idx="7956">
                  <c:v>1.750923287048449</c:v>
                </c:pt>
                <c:pt idx="7957">
                  <c:v>1.750923287048449</c:v>
                </c:pt>
                <c:pt idx="7958">
                  <c:v>1.750923287048449</c:v>
                </c:pt>
                <c:pt idx="7959">
                  <c:v>1.750923287048449</c:v>
                </c:pt>
                <c:pt idx="7960">
                  <c:v>1.750923287048449</c:v>
                </c:pt>
                <c:pt idx="7961">
                  <c:v>1.750923287048449</c:v>
                </c:pt>
                <c:pt idx="7962">
                  <c:v>1.750923287048449</c:v>
                </c:pt>
                <c:pt idx="7963">
                  <c:v>1.459102739207041</c:v>
                </c:pt>
                <c:pt idx="7964">
                  <c:v>1.1672821913656328</c:v>
                </c:pt>
                <c:pt idx="7965">
                  <c:v>0.87546164352422451</c:v>
                </c:pt>
                <c:pt idx="7966">
                  <c:v>0.87546164352422451</c:v>
                </c:pt>
                <c:pt idx="7967">
                  <c:v>0.87546164352422451</c:v>
                </c:pt>
                <c:pt idx="7968">
                  <c:v>0.83685664616903976</c:v>
                </c:pt>
                <c:pt idx="7969">
                  <c:v>0.83685664616903976</c:v>
                </c:pt>
                <c:pt idx="7970">
                  <c:v>0.83685664616903976</c:v>
                </c:pt>
                <c:pt idx="7971">
                  <c:v>0.83685664616903976</c:v>
                </c:pt>
                <c:pt idx="7972">
                  <c:v>0.83685664616903976</c:v>
                </c:pt>
                <c:pt idx="7973">
                  <c:v>1.0786152328400958</c:v>
                </c:pt>
                <c:pt idx="7974">
                  <c:v>1.2459865620739041</c:v>
                </c:pt>
                <c:pt idx="7975">
                  <c:v>1.2459865620739041</c:v>
                </c:pt>
                <c:pt idx="7976">
                  <c:v>1.2459865620739041</c:v>
                </c:pt>
                <c:pt idx="7977">
                  <c:v>1.3389706338704637</c:v>
                </c:pt>
                <c:pt idx="7978">
                  <c:v>1.4505515200263357</c:v>
                </c:pt>
                <c:pt idx="7979">
                  <c:v>1.6737132923380795</c:v>
                </c:pt>
                <c:pt idx="7980">
                  <c:v>1.6737132923380795</c:v>
                </c:pt>
                <c:pt idx="7981">
                  <c:v>1.6737132923380795</c:v>
                </c:pt>
                <c:pt idx="7982">
                  <c:v>1.6737132923380795</c:v>
                </c:pt>
                <c:pt idx="7983">
                  <c:v>1.6737132923380795</c:v>
                </c:pt>
                <c:pt idx="7984">
                  <c:v>1.6737132923380795</c:v>
                </c:pt>
                <c:pt idx="7985">
                  <c:v>1.6737132923380795</c:v>
                </c:pt>
                <c:pt idx="7986">
                  <c:v>1.6737132923380795</c:v>
                </c:pt>
                <c:pt idx="7987">
                  <c:v>1.3947610769483996</c:v>
                </c:pt>
                <c:pt idx="7988">
                  <c:v>1.1158088615587198</c:v>
                </c:pt>
                <c:pt idx="7989">
                  <c:v>0.83685664616903976</c:v>
                </c:pt>
                <c:pt idx="7990">
                  <c:v>0.83685664616903976</c:v>
                </c:pt>
                <c:pt idx="7991">
                  <c:v>0.83685664616903976</c:v>
                </c:pt>
                <c:pt idx="7992">
                  <c:v>0.93977143312477784</c:v>
                </c:pt>
                <c:pt idx="7993">
                  <c:v>0.93977143312477784</c:v>
                </c:pt>
                <c:pt idx="7994">
                  <c:v>0.93977143312477784</c:v>
                </c:pt>
                <c:pt idx="7995">
                  <c:v>0.93977143312477784</c:v>
                </c:pt>
                <c:pt idx="7996">
                  <c:v>0.93977143312477784</c:v>
                </c:pt>
                <c:pt idx="7997">
                  <c:v>1.2112609582497138</c:v>
                </c:pt>
                <c:pt idx="7998">
                  <c:v>1.4618666737496546</c:v>
                </c:pt>
                <c:pt idx="7999">
                  <c:v>1.4618666737496546</c:v>
                </c:pt>
                <c:pt idx="8000">
                  <c:v>1.4618666737496546</c:v>
                </c:pt>
                <c:pt idx="8001">
                  <c:v>1.5662857218746298</c:v>
                </c:pt>
                <c:pt idx="8002">
                  <c:v>1.6289371507496151</c:v>
                </c:pt>
                <c:pt idx="8003">
                  <c:v>1.8795428662495557</c:v>
                </c:pt>
                <c:pt idx="8004">
                  <c:v>1.8795428662495557</c:v>
                </c:pt>
                <c:pt idx="8005">
                  <c:v>1.8795428662495557</c:v>
                </c:pt>
                <c:pt idx="8006">
                  <c:v>1.8795428662495557</c:v>
                </c:pt>
                <c:pt idx="8007">
                  <c:v>1.5662857218746298</c:v>
                </c:pt>
                <c:pt idx="8008">
                  <c:v>1.4827504833746497</c:v>
                </c:pt>
                <c:pt idx="8009">
                  <c:v>1.4827504833746497</c:v>
                </c:pt>
                <c:pt idx="8010">
                  <c:v>1.4827504833746497</c:v>
                </c:pt>
                <c:pt idx="8011">
                  <c:v>1.4827504833746497</c:v>
                </c:pt>
                <c:pt idx="8012">
                  <c:v>1.1486095293747285</c:v>
                </c:pt>
                <c:pt idx="8013">
                  <c:v>0.43856000212489638</c:v>
                </c:pt>
                <c:pt idx="8014">
                  <c:v>0.43856000212489638</c:v>
                </c:pt>
                <c:pt idx="8015">
                  <c:v>0.43856000212489638</c:v>
                </c:pt>
                <c:pt idx="8016">
                  <c:v>0.36167011204710481</c:v>
                </c:pt>
                <c:pt idx="8017">
                  <c:v>0.70611783780625226</c:v>
                </c:pt>
                <c:pt idx="8018">
                  <c:v>0.70611783780625226</c:v>
                </c:pt>
                <c:pt idx="8019">
                  <c:v>0.70611783780625226</c:v>
                </c:pt>
                <c:pt idx="8020">
                  <c:v>0.70611783780625226</c:v>
                </c:pt>
                <c:pt idx="8021">
                  <c:v>0.87834170068582607</c:v>
                </c:pt>
                <c:pt idx="8022">
                  <c:v>1.1022327224292718</c:v>
                </c:pt>
                <c:pt idx="8023">
                  <c:v>1.2572341990208882</c:v>
                </c:pt>
                <c:pt idx="8024">
                  <c:v>1.2572341990208882</c:v>
                </c:pt>
                <c:pt idx="8025">
                  <c:v>1.2572341990208882</c:v>
                </c:pt>
                <c:pt idx="8026">
                  <c:v>1.2572341990208882</c:v>
                </c:pt>
                <c:pt idx="8027">
                  <c:v>1.2572341990208882</c:v>
                </c:pt>
                <c:pt idx="8028">
                  <c:v>1.2572341990208882</c:v>
                </c:pt>
                <c:pt idx="8029">
                  <c:v>1.2572341990208882</c:v>
                </c:pt>
                <c:pt idx="8030">
                  <c:v>1.2572341990208882</c:v>
                </c:pt>
                <c:pt idx="8031">
                  <c:v>1.1366774950051866</c:v>
                </c:pt>
                <c:pt idx="8032">
                  <c:v>1.0333431772774422</c:v>
                </c:pt>
                <c:pt idx="8033">
                  <c:v>0.93000885954969825</c:v>
                </c:pt>
                <c:pt idx="8034">
                  <c:v>0.89556408697378331</c:v>
                </c:pt>
                <c:pt idx="8035">
                  <c:v>0.72334022409420962</c:v>
                </c:pt>
                <c:pt idx="8036">
                  <c:v>0.53389397492667856</c:v>
                </c:pt>
                <c:pt idx="8037">
                  <c:v>0.53389397492667856</c:v>
                </c:pt>
                <c:pt idx="8038">
                  <c:v>0.53389397492667856</c:v>
                </c:pt>
                <c:pt idx="8039">
                  <c:v>0.53389397492667856</c:v>
                </c:pt>
                <c:pt idx="8040">
                  <c:v>0.62947164259227972</c:v>
                </c:pt>
                <c:pt idx="8041">
                  <c:v>0.73099932688135716</c:v>
                </c:pt>
                <c:pt idx="8042">
                  <c:v>0.73099932688135716</c:v>
                </c:pt>
                <c:pt idx="8043">
                  <c:v>0.73099932688135716</c:v>
                </c:pt>
                <c:pt idx="8044">
                  <c:v>0.73099932688135716</c:v>
                </c:pt>
                <c:pt idx="8045">
                  <c:v>0.91374915860169648</c:v>
                </c:pt>
                <c:pt idx="8046">
                  <c:v>1.0761934534642201</c:v>
                </c:pt>
                <c:pt idx="8047">
                  <c:v>1.279248822042375</c:v>
                </c:pt>
                <c:pt idx="8048">
                  <c:v>1.279248822042375</c:v>
                </c:pt>
                <c:pt idx="8049">
                  <c:v>1.279248822042375</c:v>
                </c:pt>
                <c:pt idx="8050">
                  <c:v>1.279248822042375</c:v>
                </c:pt>
                <c:pt idx="8051">
                  <c:v>1.279248822042375</c:v>
                </c:pt>
                <c:pt idx="8052">
                  <c:v>1.279248822042375</c:v>
                </c:pt>
                <c:pt idx="8053">
                  <c:v>1.279248822042375</c:v>
                </c:pt>
                <c:pt idx="8054">
                  <c:v>1.279248822042375</c:v>
                </c:pt>
                <c:pt idx="8055">
                  <c:v>1.1371100640376666</c:v>
                </c:pt>
                <c:pt idx="8056">
                  <c:v>1.116804527179851</c:v>
                </c:pt>
                <c:pt idx="8057">
                  <c:v>0.95436023231732747</c:v>
                </c:pt>
                <c:pt idx="8058">
                  <c:v>0.89344362174388092</c:v>
                </c:pt>
                <c:pt idx="8059">
                  <c:v>0.7513048637391726</c:v>
                </c:pt>
                <c:pt idx="8060">
                  <c:v>0.62947164259227972</c:v>
                </c:pt>
                <c:pt idx="8061">
                  <c:v>0.54824949516101784</c:v>
                </c:pt>
                <c:pt idx="8062">
                  <c:v>0.54824949516101784</c:v>
                </c:pt>
                <c:pt idx="8063">
                  <c:v>0.54824949516101784</c:v>
                </c:pt>
                <c:pt idx="8064">
                  <c:v>0.29893518980509615</c:v>
                </c:pt>
                <c:pt idx="8065">
                  <c:v>0.29893518980509615</c:v>
                </c:pt>
                <c:pt idx="8066">
                  <c:v>0.29893518980509615</c:v>
                </c:pt>
                <c:pt idx="8067">
                  <c:v>0.29893518980509615</c:v>
                </c:pt>
                <c:pt idx="8068">
                  <c:v>0.29893518980509615</c:v>
                </c:pt>
                <c:pt idx="8069">
                  <c:v>1.2953858224887502</c:v>
                </c:pt>
                <c:pt idx="8070">
                  <c:v>1.4697646832083895</c:v>
                </c:pt>
                <c:pt idx="8071">
                  <c:v>1.4697646832083895</c:v>
                </c:pt>
                <c:pt idx="8072">
                  <c:v>1.4697646832083895</c:v>
                </c:pt>
                <c:pt idx="8073">
                  <c:v>1.5694097464767549</c:v>
                </c:pt>
                <c:pt idx="8074">
                  <c:v>1.5694097464767549</c:v>
                </c:pt>
                <c:pt idx="8075">
                  <c:v>1.9929012653673077</c:v>
                </c:pt>
                <c:pt idx="8076">
                  <c:v>1.9929012653673077</c:v>
                </c:pt>
                <c:pt idx="8077">
                  <c:v>1.3202970883058416</c:v>
                </c:pt>
                <c:pt idx="8078">
                  <c:v>1.9929012653673077</c:v>
                </c:pt>
                <c:pt idx="8079">
                  <c:v>1.9929012653673077</c:v>
                </c:pt>
                <c:pt idx="8080">
                  <c:v>1.9929012653673077</c:v>
                </c:pt>
                <c:pt idx="8081">
                  <c:v>1.9929012653673077</c:v>
                </c:pt>
                <c:pt idx="8082">
                  <c:v>1.9929012653673077</c:v>
                </c:pt>
                <c:pt idx="8083">
                  <c:v>1.6690548097451203</c:v>
                </c:pt>
                <c:pt idx="8084">
                  <c:v>1.3701196199400241</c:v>
                </c:pt>
                <c:pt idx="8085">
                  <c:v>0.99645063268365386</c:v>
                </c:pt>
                <c:pt idx="8086">
                  <c:v>0.94662810104947115</c:v>
                </c:pt>
                <c:pt idx="8087">
                  <c:v>0.94662810104947115</c:v>
                </c:pt>
                <c:pt idx="8088">
                  <c:v>0.87525698673903518</c:v>
                </c:pt>
                <c:pt idx="8089">
                  <c:v>0.87525698673903518</c:v>
                </c:pt>
                <c:pt idx="8090">
                  <c:v>0.87525698673903518</c:v>
                </c:pt>
                <c:pt idx="8091">
                  <c:v>0.87525698673903518</c:v>
                </c:pt>
                <c:pt idx="8092">
                  <c:v>0.87525698673903518</c:v>
                </c:pt>
                <c:pt idx="8093">
                  <c:v>1.1378340827607456</c:v>
                </c:pt>
                <c:pt idx="8094">
                  <c:v>1.2691226307716008</c:v>
                </c:pt>
                <c:pt idx="8095">
                  <c:v>1.3128854801085525</c:v>
                </c:pt>
                <c:pt idx="8096">
                  <c:v>1.3128854801085525</c:v>
                </c:pt>
                <c:pt idx="8097">
                  <c:v>1.422292603450932</c:v>
                </c:pt>
                <c:pt idx="8098">
                  <c:v>1.4879368774563595</c:v>
                </c:pt>
                <c:pt idx="8099">
                  <c:v>1.7505139734780704</c:v>
                </c:pt>
                <c:pt idx="8100">
                  <c:v>1.7505139734780704</c:v>
                </c:pt>
                <c:pt idx="8101">
                  <c:v>1.7505139734780704</c:v>
                </c:pt>
                <c:pt idx="8102">
                  <c:v>1.7505139734780704</c:v>
                </c:pt>
                <c:pt idx="8103">
                  <c:v>1.7505139734780704</c:v>
                </c:pt>
                <c:pt idx="8104">
                  <c:v>1.7505139734780704</c:v>
                </c:pt>
                <c:pt idx="8105">
                  <c:v>1.7505139734780704</c:v>
                </c:pt>
                <c:pt idx="8106">
                  <c:v>1.7505139734780704</c:v>
                </c:pt>
                <c:pt idx="8107">
                  <c:v>1.4660554527878842</c:v>
                </c:pt>
                <c:pt idx="8108">
                  <c:v>1.2034783567661733</c:v>
                </c:pt>
                <c:pt idx="8109">
                  <c:v>0.87525698673903518</c:v>
                </c:pt>
                <c:pt idx="8110">
                  <c:v>0.87525698673903518</c:v>
                </c:pt>
                <c:pt idx="8111">
                  <c:v>0.87525698673903518</c:v>
                </c:pt>
                <c:pt idx="8112">
                  <c:v>0.75017217449148088</c:v>
                </c:pt>
                <c:pt idx="8113">
                  <c:v>0.84394369630291577</c:v>
                </c:pt>
                <c:pt idx="8114">
                  <c:v>0.84394369630291577</c:v>
                </c:pt>
                <c:pt idx="8115">
                  <c:v>0.84394369630291577</c:v>
                </c:pt>
                <c:pt idx="8116">
                  <c:v>0.84394369630291577</c:v>
                </c:pt>
                <c:pt idx="8117">
                  <c:v>1.0877496530126471</c:v>
                </c:pt>
                <c:pt idx="8118">
                  <c:v>1.2565383922732305</c:v>
                </c:pt>
                <c:pt idx="8119">
                  <c:v>1.2565383922732305</c:v>
                </c:pt>
                <c:pt idx="8120">
                  <c:v>1.2565383922732305</c:v>
                </c:pt>
                <c:pt idx="8121">
                  <c:v>1.3503099140846653</c:v>
                </c:pt>
                <c:pt idx="8122">
                  <c:v>1.4628357402583876</c:v>
                </c:pt>
                <c:pt idx="8123">
                  <c:v>1.6878873926058315</c:v>
                </c:pt>
                <c:pt idx="8124">
                  <c:v>1.6878873926058315</c:v>
                </c:pt>
                <c:pt idx="8125">
                  <c:v>1.6878873926058315</c:v>
                </c:pt>
                <c:pt idx="8126">
                  <c:v>1.6878873926058315</c:v>
                </c:pt>
                <c:pt idx="8127">
                  <c:v>1.6878873926058315</c:v>
                </c:pt>
                <c:pt idx="8128">
                  <c:v>1.6878873926058315</c:v>
                </c:pt>
                <c:pt idx="8129">
                  <c:v>1.6878873926058315</c:v>
                </c:pt>
                <c:pt idx="8130">
                  <c:v>1.6878873926058315</c:v>
                </c:pt>
                <c:pt idx="8131">
                  <c:v>1.4065728271715263</c:v>
                </c:pt>
                <c:pt idx="8132">
                  <c:v>1.1252582617372211</c:v>
                </c:pt>
                <c:pt idx="8133">
                  <c:v>0.84394369630291577</c:v>
                </c:pt>
                <c:pt idx="8134">
                  <c:v>0.84394369630291577</c:v>
                </c:pt>
                <c:pt idx="8135">
                  <c:v>0.84394369630291577</c:v>
                </c:pt>
                <c:pt idx="8136">
                  <c:v>0.83797882149784209</c:v>
                </c:pt>
                <c:pt idx="8137">
                  <c:v>0.83797882149784209</c:v>
                </c:pt>
                <c:pt idx="8138">
                  <c:v>0.83797882149784209</c:v>
                </c:pt>
                <c:pt idx="8139">
                  <c:v>0.83797882149784209</c:v>
                </c:pt>
                <c:pt idx="8140">
                  <c:v>0.83797882149784209</c:v>
                </c:pt>
                <c:pt idx="8141">
                  <c:v>1.0800615921527743</c:v>
                </c:pt>
                <c:pt idx="8142">
                  <c:v>1.247657356452343</c:v>
                </c:pt>
                <c:pt idx="8143">
                  <c:v>1.247657356452343</c:v>
                </c:pt>
                <c:pt idx="8144">
                  <c:v>1.247657356452343</c:v>
                </c:pt>
                <c:pt idx="8145">
                  <c:v>1.3407661143965475</c:v>
                </c:pt>
                <c:pt idx="8146">
                  <c:v>1.4524966239295931</c:v>
                </c:pt>
                <c:pt idx="8147">
                  <c:v>1.6759576429956842</c:v>
                </c:pt>
                <c:pt idx="8148">
                  <c:v>1.6759576429956842</c:v>
                </c:pt>
                <c:pt idx="8149">
                  <c:v>1.6759576429956842</c:v>
                </c:pt>
                <c:pt idx="8150">
                  <c:v>1.6759576429956842</c:v>
                </c:pt>
                <c:pt idx="8151">
                  <c:v>1.6759576429956842</c:v>
                </c:pt>
                <c:pt idx="8152">
                  <c:v>1.6759576429956842</c:v>
                </c:pt>
                <c:pt idx="8153">
                  <c:v>1.6759576429956842</c:v>
                </c:pt>
                <c:pt idx="8154">
                  <c:v>1.6759576429956842</c:v>
                </c:pt>
                <c:pt idx="8155">
                  <c:v>1.3966313691630701</c:v>
                </c:pt>
                <c:pt idx="8156">
                  <c:v>1.1173050953304562</c:v>
                </c:pt>
                <c:pt idx="8157">
                  <c:v>0.83797882149784209</c:v>
                </c:pt>
                <c:pt idx="8158">
                  <c:v>0.83797882149784209</c:v>
                </c:pt>
                <c:pt idx="8159">
                  <c:v>0.83797882149784209</c:v>
                </c:pt>
                <c:pt idx="8160">
                  <c:v>0.9459157781482942</c:v>
                </c:pt>
                <c:pt idx="8161">
                  <c:v>0.9459157781482942</c:v>
                </c:pt>
                <c:pt idx="8162">
                  <c:v>0.9459157781482942</c:v>
                </c:pt>
                <c:pt idx="8163">
                  <c:v>0.9459157781482942</c:v>
                </c:pt>
                <c:pt idx="8164">
                  <c:v>0.9459157781482942</c:v>
                </c:pt>
                <c:pt idx="8165">
                  <c:v>1.2191803362800238</c:v>
                </c:pt>
                <c:pt idx="8166">
                  <c:v>1.4714245437862354</c:v>
                </c:pt>
                <c:pt idx="8167">
                  <c:v>1.4714245437862354</c:v>
                </c:pt>
                <c:pt idx="8168">
                  <c:v>1.4714245437862354</c:v>
                </c:pt>
                <c:pt idx="8169">
                  <c:v>1.5765262969138236</c:v>
                </c:pt>
                <c:pt idx="8170">
                  <c:v>1.6395873487903767</c:v>
                </c:pt>
                <c:pt idx="8171">
                  <c:v>1.8918315562965884</c:v>
                </c:pt>
                <c:pt idx="8172">
                  <c:v>1.8918315562965884</c:v>
                </c:pt>
                <c:pt idx="8173">
                  <c:v>1.8918315562965884</c:v>
                </c:pt>
                <c:pt idx="8174">
                  <c:v>1.8918315562965884</c:v>
                </c:pt>
                <c:pt idx="8175">
                  <c:v>1.5765262969138236</c:v>
                </c:pt>
                <c:pt idx="8176">
                  <c:v>1.4924448944117534</c:v>
                </c:pt>
                <c:pt idx="8177">
                  <c:v>1.4924448944117534</c:v>
                </c:pt>
                <c:pt idx="8178">
                  <c:v>1.4924448944117534</c:v>
                </c:pt>
                <c:pt idx="8179">
                  <c:v>1.4924448944117534</c:v>
                </c:pt>
                <c:pt idx="8180">
                  <c:v>1.1561192844034707</c:v>
                </c:pt>
                <c:pt idx="8181">
                  <c:v>0.44142736313587067</c:v>
                </c:pt>
                <c:pt idx="8182">
                  <c:v>0.44142736313587067</c:v>
                </c:pt>
                <c:pt idx="8183">
                  <c:v>0.44142736313587067</c:v>
                </c:pt>
                <c:pt idx="8184">
                  <c:v>0.36939753502171779</c:v>
                </c:pt>
                <c:pt idx="8185">
                  <c:v>0.72120471123287777</c:v>
                </c:pt>
                <c:pt idx="8186">
                  <c:v>0.72120471123287777</c:v>
                </c:pt>
                <c:pt idx="8187">
                  <c:v>0.72120471123287777</c:v>
                </c:pt>
                <c:pt idx="8188">
                  <c:v>0.72120471123287777</c:v>
                </c:pt>
                <c:pt idx="8189">
                  <c:v>0.89710829933845759</c:v>
                </c:pt>
                <c:pt idx="8190">
                  <c:v>1.1257829638757115</c:v>
                </c:pt>
                <c:pt idx="8191">
                  <c:v>1.2840961931707335</c:v>
                </c:pt>
                <c:pt idx="8192">
                  <c:v>1.2840961931707335</c:v>
                </c:pt>
                <c:pt idx="8193">
                  <c:v>1.2840961931707335</c:v>
                </c:pt>
                <c:pt idx="8194">
                  <c:v>1.2840961931707335</c:v>
                </c:pt>
                <c:pt idx="8195">
                  <c:v>1.2840961931707335</c:v>
                </c:pt>
                <c:pt idx="8196">
                  <c:v>1.2840961931707335</c:v>
                </c:pt>
                <c:pt idx="8197">
                  <c:v>1.2840961931707335</c:v>
                </c:pt>
                <c:pt idx="8198">
                  <c:v>1.2840961931707335</c:v>
                </c:pt>
                <c:pt idx="8199">
                  <c:v>1.1609636814968274</c:v>
                </c:pt>
                <c:pt idx="8200">
                  <c:v>1.0554215286334796</c:v>
                </c:pt>
                <c:pt idx="8201">
                  <c:v>0.9498793757701316</c:v>
                </c:pt>
                <c:pt idx="8202">
                  <c:v>0.91469865814901552</c:v>
                </c:pt>
                <c:pt idx="8203">
                  <c:v>0.73879507004343559</c:v>
                </c:pt>
                <c:pt idx="8204">
                  <c:v>0.54530112312729773</c:v>
                </c:pt>
                <c:pt idx="8205">
                  <c:v>0.54530112312729773</c:v>
                </c:pt>
                <c:pt idx="8206">
                  <c:v>0.54530112312729773</c:v>
                </c:pt>
                <c:pt idx="8207">
                  <c:v>0.54530112312729773</c:v>
                </c:pt>
                <c:pt idx="8208">
                  <c:v>0.5289967126745021</c:v>
                </c:pt>
                <c:pt idx="8209">
                  <c:v>0.6143187631058733</c:v>
                </c:pt>
                <c:pt idx="8210">
                  <c:v>0.6143187631058733</c:v>
                </c:pt>
                <c:pt idx="8211">
                  <c:v>0.6143187631058733</c:v>
                </c:pt>
                <c:pt idx="8212">
                  <c:v>0.6143187631058733</c:v>
                </c:pt>
                <c:pt idx="8213">
                  <c:v>0.76789845388234179</c:v>
                </c:pt>
                <c:pt idx="8214">
                  <c:v>0.90441373457253593</c:v>
                </c:pt>
                <c:pt idx="8215">
                  <c:v>1.0750578354352784</c:v>
                </c:pt>
                <c:pt idx="8216">
                  <c:v>1.0750578354352784</c:v>
                </c:pt>
                <c:pt idx="8217">
                  <c:v>1.0750578354352784</c:v>
                </c:pt>
                <c:pt idx="8218">
                  <c:v>1.0750578354352784</c:v>
                </c:pt>
                <c:pt idx="8219">
                  <c:v>1.0750578354352784</c:v>
                </c:pt>
                <c:pt idx="8220">
                  <c:v>1.0750578354352784</c:v>
                </c:pt>
                <c:pt idx="8221">
                  <c:v>1.0750578354352784</c:v>
                </c:pt>
                <c:pt idx="8222">
                  <c:v>1.0750578354352784</c:v>
                </c:pt>
                <c:pt idx="8223">
                  <c:v>0.95560696483135854</c:v>
                </c:pt>
                <c:pt idx="8224">
                  <c:v>0.93854255474508419</c:v>
                </c:pt>
                <c:pt idx="8225">
                  <c:v>0.80202727405489038</c:v>
                </c:pt>
                <c:pt idx="8226">
                  <c:v>0.75083404379606766</c:v>
                </c:pt>
                <c:pt idx="8227">
                  <c:v>0.63138317319214776</c:v>
                </c:pt>
                <c:pt idx="8228">
                  <c:v>0.5289967126745021</c:v>
                </c:pt>
                <c:pt idx="8229">
                  <c:v>0.46073907232940503</c:v>
                </c:pt>
                <c:pt idx="8230">
                  <c:v>0.46073907232940503</c:v>
                </c:pt>
                <c:pt idx="8231">
                  <c:v>0.46073907232940503</c:v>
                </c:pt>
                <c:pt idx="8232">
                  <c:v>0.27398377796552315</c:v>
                </c:pt>
                <c:pt idx="8233">
                  <c:v>0.27398377796552315</c:v>
                </c:pt>
                <c:pt idx="8234">
                  <c:v>0.27398377796552315</c:v>
                </c:pt>
                <c:pt idx="8235">
                  <c:v>0.27398377796552315</c:v>
                </c:pt>
                <c:pt idx="8236">
                  <c:v>0.27398377796552315</c:v>
                </c:pt>
                <c:pt idx="8237">
                  <c:v>1.1872630378506004</c:v>
                </c:pt>
                <c:pt idx="8238">
                  <c:v>1.3470869083304888</c:v>
                </c:pt>
                <c:pt idx="8239">
                  <c:v>1.3470869083304888</c:v>
                </c:pt>
                <c:pt idx="8240">
                  <c:v>1.3470869083304888</c:v>
                </c:pt>
                <c:pt idx="8241">
                  <c:v>1.4384148343189966</c:v>
                </c:pt>
                <c:pt idx="8242">
                  <c:v>1.4384148343189966</c:v>
                </c:pt>
                <c:pt idx="8243">
                  <c:v>1.8265585197701544</c:v>
                </c:pt>
                <c:pt idx="8244">
                  <c:v>1.8265585197701544</c:v>
                </c:pt>
                <c:pt idx="8245">
                  <c:v>1.2100950193477273</c:v>
                </c:pt>
                <c:pt idx="8246">
                  <c:v>1.8265585197701544</c:v>
                </c:pt>
                <c:pt idx="8247">
                  <c:v>1.8265585197701544</c:v>
                </c:pt>
                <c:pt idx="8248">
                  <c:v>1.8265585197701544</c:v>
                </c:pt>
                <c:pt idx="8249">
                  <c:v>1.8265585197701544</c:v>
                </c:pt>
                <c:pt idx="8250">
                  <c:v>1.8265585197701544</c:v>
                </c:pt>
                <c:pt idx="8251">
                  <c:v>1.5297427603075044</c:v>
                </c:pt>
                <c:pt idx="8252">
                  <c:v>1.2557589823419812</c:v>
                </c:pt>
                <c:pt idx="8253">
                  <c:v>0.91327925988507719</c:v>
                </c:pt>
                <c:pt idx="8254">
                  <c:v>0.8676152968908234</c:v>
                </c:pt>
                <c:pt idx="8255">
                  <c:v>0.8676152968908234</c:v>
                </c:pt>
                <c:pt idx="8256">
                  <c:v>0.82032536107827492</c:v>
                </c:pt>
                <c:pt idx="8257">
                  <c:v>0.82032536107827492</c:v>
                </c:pt>
                <c:pt idx="8258">
                  <c:v>0.82032536107827492</c:v>
                </c:pt>
                <c:pt idx="8259">
                  <c:v>0.82032536107827492</c:v>
                </c:pt>
                <c:pt idx="8260">
                  <c:v>0.82032536107827492</c:v>
                </c:pt>
                <c:pt idx="8261">
                  <c:v>1.0664229694017573</c:v>
                </c:pt>
                <c:pt idx="8262">
                  <c:v>1.1894717735634985</c:v>
                </c:pt>
                <c:pt idx="8263">
                  <c:v>1.2304880416174122</c:v>
                </c:pt>
                <c:pt idx="8264">
                  <c:v>1.2304880416174122</c:v>
                </c:pt>
                <c:pt idx="8265">
                  <c:v>1.3330287117521966</c:v>
                </c:pt>
                <c:pt idx="8266">
                  <c:v>1.3945531138330671</c:v>
                </c:pt>
                <c:pt idx="8267">
                  <c:v>1.6406507221565498</c:v>
                </c:pt>
                <c:pt idx="8268">
                  <c:v>1.6406507221565498</c:v>
                </c:pt>
                <c:pt idx="8269">
                  <c:v>1.6406507221565498</c:v>
                </c:pt>
                <c:pt idx="8270">
                  <c:v>1.6406507221565498</c:v>
                </c:pt>
                <c:pt idx="8271">
                  <c:v>1.6406507221565498</c:v>
                </c:pt>
                <c:pt idx="8272">
                  <c:v>1.6406507221565498</c:v>
                </c:pt>
                <c:pt idx="8273">
                  <c:v>1.6406507221565498</c:v>
                </c:pt>
                <c:pt idx="8274">
                  <c:v>1.6406507221565498</c:v>
                </c:pt>
                <c:pt idx="8275">
                  <c:v>1.3740449798061105</c:v>
                </c:pt>
                <c:pt idx="8276">
                  <c:v>1.1279473714826278</c:v>
                </c:pt>
                <c:pt idx="8277">
                  <c:v>0.82032536107827492</c:v>
                </c:pt>
                <c:pt idx="8278">
                  <c:v>0.82032536107827492</c:v>
                </c:pt>
                <c:pt idx="8279">
                  <c:v>0.82032536107827492</c:v>
                </c:pt>
                <c:pt idx="8280">
                  <c:v>0.75917730226899749</c:v>
                </c:pt>
                <c:pt idx="8281">
                  <c:v>0.85407446505262219</c:v>
                </c:pt>
                <c:pt idx="8282">
                  <c:v>0.85407446505262219</c:v>
                </c:pt>
                <c:pt idx="8283">
                  <c:v>0.85407446505262219</c:v>
                </c:pt>
                <c:pt idx="8284">
                  <c:v>0.85407446505262219</c:v>
                </c:pt>
                <c:pt idx="8285">
                  <c:v>1.1008070882900463</c:v>
                </c:pt>
                <c:pt idx="8286">
                  <c:v>1.2716219813005709</c:v>
                </c:pt>
                <c:pt idx="8287">
                  <c:v>1.2716219813005709</c:v>
                </c:pt>
                <c:pt idx="8288">
                  <c:v>1.2716219813005709</c:v>
                </c:pt>
                <c:pt idx="8289">
                  <c:v>1.3665191440841955</c:v>
                </c:pt>
                <c:pt idx="8290">
                  <c:v>1.4803957394245451</c:v>
                </c:pt>
                <c:pt idx="8291">
                  <c:v>1.7081489301052444</c:v>
                </c:pt>
                <c:pt idx="8292">
                  <c:v>1.7081489301052444</c:v>
                </c:pt>
                <c:pt idx="8293">
                  <c:v>1.7081489301052444</c:v>
                </c:pt>
                <c:pt idx="8294">
                  <c:v>1.7081489301052444</c:v>
                </c:pt>
                <c:pt idx="8295">
                  <c:v>1.7081489301052444</c:v>
                </c:pt>
                <c:pt idx="8296">
                  <c:v>1.7081489301052444</c:v>
                </c:pt>
                <c:pt idx="8297">
                  <c:v>1.7081489301052444</c:v>
                </c:pt>
                <c:pt idx="8298">
                  <c:v>1.7081489301052444</c:v>
                </c:pt>
                <c:pt idx="8299">
                  <c:v>1.4234574417543702</c:v>
                </c:pt>
                <c:pt idx="8300">
                  <c:v>1.1387659534034962</c:v>
                </c:pt>
                <c:pt idx="8301">
                  <c:v>0.85407446505262219</c:v>
                </c:pt>
                <c:pt idx="8302">
                  <c:v>0.85407446505262219</c:v>
                </c:pt>
                <c:pt idx="8303">
                  <c:v>0.85407446505262219</c:v>
                </c:pt>
                <c:pt idx="8304">
                  <c:v>0.86491102938909781</c:v>
                </c:pt>
                <c:pt idx="8305">
                  <c:v>0.86491102938909781</c:v>
                </c:pt>
                <c:pt idx="8306">
                  <c:v>0.86491102938909781</c:v>
                </c:pt>
                <c:pt idx="8307">
                  <c:v>0.86491102938909781</c:v>
                </c:pt>
                <c:pt idx="8308">
                  <c:v>0.86491102938909781</c:v>
                </c:pt>
                <c:pt idx="8309">
                  <c:v>1.1147742156570593</c:v>
                </c:pt>
                <c:pt idx="8310">
                  <c:v>1.2877564215348789</c:v>
                </c:pt>
                <c:pt idx="8311">
                  <c:v>1.2877564215348789</c:v>
                </c:pt>
                <c:pt idx="8312">
                  <c:v>1.2877564215348789</c:v>
                </c:pt>
                <c:pt idx="8313">
                  <c:v>1.3838576470225565</c:v>
                </c:pt>
                <c:pt idx="8314">
                  <c:v>1.4991791176077696</c:v>
                </c:pt>
                <c:pt idx="8315">
                  <c:v>1.7298220587781956</c:v>
                </c:pt>
                <c:pt idx="8316">
                  <c:v>1.7298220587781956</c:v>
                </c:pt>
                <c:pt idx="8317">
                  <c:v>1.7298220587781956</c:v>
                </c:pt>
                <c:pt idx="8318">
                  <c:v>1.7298220587781956</c:v>
                </c:pt>
                <c:pt idx="8319">
                  <c:v>1.7298220587781956</c:v>
                </c:pt>
                <c:pt idx="8320">
                  <c:v>1.7298220587781956</c:v>
                </c:pt>
                <c:pt idx="8321">
                  <c:v>1.7298220587781956</c:v>
                </c:pt>
                <c:pt idx="8322">
                  <c:v>1.7298220587781956</c:v>
                </c:pt>
                <c:pt idx="8323">
                  <c:v>1.4415183823151629</c:v>
                </c:pt>
                <c:pt idx="8324">
                  <c:v>1.1532147058521305</c:v>
                </c:pt>
                <c:pt idx="8325">
                  <c:v>0.86491102938909781</c:v>
                </c:pt>
                <c:pt idx="8326">
                  <c:v>0.86491102938909781</c:v>
                </c:pt>
                <c:pt idx="8327">
                  <c:v>0.86491102938909781</c:v>
                </c:pt>
                <c:pt idx="8328">
                  <c:v>0.95206012317181077</c:v>
                </c:pt>
                <c:pt idx="8329">
                  <c:v>0.95206012317181077</c:v>
                </c:pt>
                <c:pt idx="8330">
                  <c:v>0.95206012317181077</c:v>
                </c:pt>
                <c:pt idx="8331">
                  <c:v>0.95206012317181077</c:v>
                </c:pt>
                <c:pt idx="8332">
                  <c:v>0.95206012317181077</c:v>
                </c:pt>
                <c:pt idx="8333">
                  <c:v>1.2270997143103337</c:v>
                </c:pt>
                <c:pt idx="8334">
                  <c:v>1.4809824138228169</c:v>
                </c:pt>
                <c:pt idx="8335">
                  <c:v>1.4809824138228169</c:v>
                </c:pt>
                <c:pt idx="8336">
                  <c:v>1.4809824138228169</c:v>
                </c:pt>
                <c:pt idx="8337">
                  <c:v>1.5867668719530179</c:v>
                </c:pt>
                <c:pt idx="8338">
                  <c:v>1.6502375468311385</c:v>
                </c:pt>
                <c:pt idx="8339">
                  <c:v>1.9041202463436215</c:v>
                </c:pt>
                <c:pt idx="8340">
                  <c:v>1.9041202463436215</c:v>
                </c:pt>
                <c:pt idx="8341">
                  <c:v>1.9041202463436215</c:v>
                </c:pt>
                <c:pt idx="8342">
                  <c:v>1.9041202463436215</c:v>
                </c:pt>
                <c:pt idx="8343">
                  <c:v>1.5867668719530179</c:v>
                </c:pt>
                <c:pt idx="8344">
                  <c:v>1.5021393054488572</c:v>
                </c:pt>
                <c:pt idx="8345">
                  <c:v>1.5021393054488572</c:v>
                </c:pt>
                <c:pt idx="8346">
                  <c:v>1.5021393054488572</c:v>
                </c:pt>
                <c:pt idx="8347">
                  <c:v>1.5021393054488572</c:v>
                </c:pt>
                <c:pt idx="8348">
                  <c:v>1.1636290394322131</c:v>
                </c:pt>
                <c:pt idx="8349">
                  <c:v>0.44429472414684501</c:v>
                </c:pt>
                <c:pt idx="8350">
                  <c:v>0.44429472414684501</c:v>
                </c:pt>
                <c:pt idx="8351">
                  <c:v>0.44429472414684501</c:v>
                </c:pt>
                <c:pt idx="8352">
                  <c:v>0.29695294463472027</c:v>
                </c:pt>
                <c:pt idx="8353">
                  <c:v>0.57976527285826351</c:v>
                </c:pt>
                <c:pt idx="8354">
                  <c:v>0.57976527285826351</c:v>
                </c:pt>
                <c:pt idx="8355">
                  <c:v>0.57976527285826351</c:v>
                </c:pt>
                <c:pt idx="8356">
                  <c:v>0.57976527285826351</c:v>
                </c:pt>
                <c:pt idx="8357">
                  <c:v>0.72117143697003505</c:v>
                </c:pt>
                <c:pt idx="8358">
                  <c:v>0.90499945031533813</c:v>
                </c:pt>
                <c:pt idx="8359">
                  <c:v>1.0322649980159326</c:v>
                </c:pt>
                <c:pt idx="8360">
                  <c:v>1.0322649980159326</c:v>
                </c:pt>
                <c:pt idx="8361">
                  <c:v>1.0322649980159326</c:v>
                </c:pt>
                <c:pt idx="8362">
                  <c:v>1.0322649980159326</c:v>
                </c:pt>
                <c:pt idx="8363">
                  <c:v>1.0322649980159326</c:v>
                </c:pt>
                <c:pt idx="8364">
                  <c:v>1.0322649980159326</c:v>
                </c:pt>
                <c:pt idx="8365">
                  <c:v>1.0322649980159326</c:v>
                </c:pt>
                <c:pt idx="8366">
                  <c:v>1.0322649980159326</c:v>
                </c:pt>
                <c:pt idx="8367">
                  <c:v>0.93328068313769252</c:v>
                </c:pt>
                <c:pt idx="8368">
                  <c:v>0.84843698467062956</c:v>
                </c:pt>
                <c:pt idx="8369">
                  <c:v>0.76359328620356648</c:v>
                </c:pt>
                <c:pt idx="8370">
                  <c:v>0.73531205338121219</c:v>
                </c:pt>
                <c:pt idx="8371">
                  <c:v>0.59390588926944055</c:v>
                </c:pt>
                <c:pt idx="8372">
                  <c:v>0.43835910874649187</c:v>
                </c:pt>
                <c:pt idx="8373">
                  <c:v>0.43835910874649187</c:v>
                </c:pt>
                <c:pt idx="8374">
                  <c:v>0.43835910874649187</c:v>
                </c:pt>
                <c:pt idx="8375">
                  <c:v>0.43835910874649187</c:v>
                </c:pt>
                <c:pt idx="8376">
                  <c:v>0.4301423461424953</c:v>
                </c:pt>
                <c:pt idx="8377">
                  <c:v>0.49952014390741389</c:v>
                </c:pt>
                <c:pt idx="8378">
                  <c:v>0.49952014390741389</c:v>
                </c:pt>
                <c:pt idx="8379">
                  <c:v>0.49952014390741389</c:v>
                </c:pt>
                <c:pt idx="8380">
                  <c:v>0.49952014390741389</c:v>
                </c:pt>
                <c:pt idx="8381">
                  <c:v>0.62440017988426744</c:v>
                </c:pt>
                <c:pt idx="8382">
                  <c:v>0.73540465630813723</c:v>
                </c:pt>
                <c:pt idx="8383">
                  <c:v>0.87416025183797441</c:v>
                </c:pt>
                <c:pt idx="8384">
                  <c:v>0.87416025183797441</c:v>
                </c:pt>
                <c:pt idx="8385">
                  <c:v>0.87416025183797441</c:v>
                </c:pt>
                <c:pt idx="8386">
                  <c:v>0.87416025183797441</c:v>
                </c:pt>
                <c:pt idx="8387">
                  <c:v>0.87416025183797441</c:v>
                </c:pt>
                <c:pt idx="8388">
                  <c:v>0.87416025183797441</c:v>
                </c:pt>
                <c:pt idx="8389">
                  <c:v>0.87416025183797441</c:v>
                </c:pt>
                <c:pt idx="8390">
                  <c:v>0.87416025183797441</c:v>
                </c:pt>
                <c:pt idx="8391">
                  <c:v>0.77703133496708843</c:v>
                </c:pt>
                <c:pt idx="8392">
                  <c:v>0.76315577541410451</c:v>
                </c:pt>
                <c:pt idx="8393">
                  <c:v>0.65215129899023494</c:v>
                </c:pt>
                <c:pt idx="8394">
                  <c:v>0.61052462033128363</c:v>
                </c:pt>
                <c:pt idx="8395">
                  <c:v>0.51339570346039776</c:v>
                </c:pt>
                <c:pt idx="8396">
                  <c:v>0.4301423461424953</c:v>
                </c:pt>
                <c:pt idx="8397">
                  <c:v>0.37464010793056046</c:v>
                </c:pt>
                <c:pt idx="8398">
                  <c:v>0.37464010793056046</c:v>
                </c:pt>
                <c:pt idx="8399">
                  <c:v>0.37464010793056046</c:v>
                </c:pt>
                <c:pt idx="8400">
                  <c:v>0.25862906298732447</c:v>
                </c:pt>
                <c:pt idx="8401">
                  <c:v>0.25862906298732447</c:v>
                </c:pt>
                <c:pt idx="8402">
                  <c:v>0.25862906298732447</c:v>
                </c:pt>
                <c:pt idx="8403">
                  <c:v>0.25862906298732447</c:v>
                </c:pt>
                <c:pt idx="8404">
                  <c:v>0.25862906298732447</c:v>
                </c:pt>
                <c:pt idx="8405">
                  <c:v>1.1207259396117395</c:v>
                </c:pt>
                <c:pt idx="8406">
                  <c:v>1.2715928930210121</c:v>
                </c:pt>
                <c:pt idx="8407">
                  <c:v>1.2715928930210121</c:v>
                </c:pt>
                <c:pt idx="8408">
                  <c:v>1.2715928930210121</c:v>
                </c:pt>
                <c:pt idx="8409">
                  <c:v>1.3578025806834537</c:v>
                </c:pt>
                <c:pt idx="8410">
                  <c:v>1.3578025806834537</c:v>
                </c:pt>
                <c:pt idx="8411">
                  <c:v>1.7241937532488298</c:v>
                </c:pt>
                <c:pt idx="8412">
                  <c:v>1.7241937532488298</c:v>
                </c:pt>
                <c:pt idx="8413">
                  <c:v>1.1422783615273497</c:v>
                </c:pt>
                <c:pt idx="8414">
                  <c:v>1.7241937532488298</c:v>
                </c:pt>
                <c:pt idx="8415">
                  <c:v>1.7241937532488298</c:v>
                </c:pt>
                <c:pt idx="8416">
                  <c:v>1.7241937532488298</c:v>
                </c:pt>
                <c:pt idx="8417">
                  <c:v>1.7241937532488298</c:v>
                </c:pt>
                <c:pt idx="8418">
                  <c:v>1.7241937532488298</c:v>
                </c:pt>
                <c:pt idx="8419">
                  <c:v>1.4440122683458951</c:v>
                </c:pt>
                <c:pt idx="8420">
                  <c:v>1.1853832053585707</c:v>
                </c:pt>
                <c:pt idx="8421">
                  <c:v>0.86209687662441492</c:v>
                </c:pt>
                <c:pt idx="8422">
                  <c:v>0.81899203279319421</c:v>
                </c:pt>
                <c:pt idx="8423">
                  <c:v>0.81899203279319421</c:v>
                </c:pt>
                <c:pt idx="8424">
                  <c:v>0.74706267903195145</c:v>
                </c:pt>
                <c:pt idx="8425">
                  <c:v>0.74706267903195145</c:v>
                </c:pt>
                <c:pt idx="8426">
                  <c:v>0.74706267903195145</c:v>
                </c:pt>
                <c:pt idx="8427">
                  <c:v>0.74706267903195145</c:v>
                </c:pt>
                <c:pt idx="8428">
                  <c:v>0.74706267903195145</c:v>
                </c:pt>
                <c:pt idx="8429">
                  <c:v>0.97118148274153693</c:v>
                </c:pt>
                <c:pt idx="8430">
                  <c:v>1.0832408845963295</c:v>
                </c:pt>
                <c:pt idx="8431">
                  <c:v>1.1205940185479271</c:v>
                </c:pt>
                <c:pt idx="8432">
                  <c:v>1.1205940185479271</c:v>
                </c:pt>
                <c:pt idx="8433">
                  <c:v>1.2139768534269211</c:v>
                </c:pt>
                <c:pt idx="8434">
                  <c:v>1.2700065543543175</c:v>
                </c:pt>
                <c:pt idx="8435">
                  <c:v>1.4941253580639029</c:v>
                </c:pt>
                <c:pt idx="8436">
                  <c:v>1.4941253580639029</c:v>
                </c:pt>
                <c:pt idx="8437">
                  <c:v>1.4941253580639029</c:v>
                </c:pt>
                <c:pt idx="8438">
                  <c:v>1.4941253580639029</c:v>
                </c:pt>
                <c:pt idx="8439">
                  <c:v>1.4941253580639029</c:v>
                </c:pt>
                <c:pt idx="8440">
                  <c:v>1.4941253580639029</c:v>
                </c:pt>
                <c:pt idx="8441">
                  <c:v>1.4941253580639029</c:v>
                </c:pt>
                <c:pt idx="8442">
                  <c:v>1.4941253580639029</c:v>
                </c:pt>
                <c:pt idx="8443">
                  <c:v>1.2513299873785186</c:v>
                </c:pt>
                <c:pt idx="8444">
                  <c:v>1.0272111836689333</c:v>
                </c:pt>
                <c:pt idx="8445">
                  <c:v>0.74706267903195145</c:v>
                </c:pt>
                <c:pt idx="8446">
                  <c:v>0.74706267903195145</c:v>
                </c:pt>
                <c:pt idx="8447">
                  <c:v>0.74706267903195145</c:v>
                </c:pt>
                <c:pt idx="8448">
                  <c:v>0.68413457078969075</c:v>
                </c:pt>
                <c:pt idx="8449">
                  <c:v>0.76965139213840206</c:v>
                </c:pt>
                <c:pt idx="8450">
                  <c:v>0.76965139213840206</c:v>
                </c:pt>
                <c:pt idx="8451">
                  <c:v>0.76965139213840206</c:v>
                </c:pt>
                <c:pt idx="8452">
                  <c:v>0.76965139213840206</c:v>
                </c:pt>
                <c:pt idx="8453">
                  <c:v>0.9919951276450516</c:v>
                </c:pt>
                <c:pt idx="8454">
                  <c:v>1.145925406072732</c:v>
                </c:pt>
                <c:pt idx="8455">
                  <c:v>1.145925406072732</c:v>
                </c:pt>
                <c:pt idx="8456">
                  <c:v>1.145925406072732</c:v>
                </c:pt>
                <c:pt idx="8457">
                  <c:v>1.2314422274214434</c:v>
                </c:pt>
                <c:pt idx="8458">
                  <c:v>1.3340624130398968</c:v>
                </c:pt>
                <c:pt idx="8459">
                  <c:v>1.5393027842768041</c:v>
                </c:pt>
                <c:pt idx="8460">
                  <c:v>1.5393027842768041</c:v>
                </c:pt>
                <c:pt idx="8461">
                  <c:v>1.5393027842768041</c:v>
                </c:pt>
                <c:pt idx="8462">
                  <c:v>1.5393027842768041</c:v>
                </c:pt>
                <c:pt idx="8463">
                  <c:v>1.5393027842768041</c:v>
                </c:pt>
                <c:pt idx="8464">
                  <c:v>1.5393027842768041</c:v>
                </c:pt>
                <c:pt idx="8465">
                  <c:v>1.5393027842768041</c:v>
                </c:pt>
                <c:pt idx="8466">
                  <c:v>1.5393027842768041</c:v>
                </c:pt>
                <c:pt idx="8467">
                  <c:v>1.2827523202306703</c:v>
                </c:pt>
                <c:pt idx="8468">
                  <c:v>1.0262018561845361</c:v>
                </c:pt>
                <c:pt idx="8469">
                  <c:v>0.76965139213840206</c:v>
                </c:pt>
                <c:pt idx="8470">
                  <c:v>0.76965139213840206</c:v>
                </c:pt>
                <c:pt idx="8471">
                  <c:v>0.76965139213840206</c:v>
                </c:pt>
                <c:pt idx="8472">
                  <c:v>0.80431356163377277</c:v>
                </c:pt>
                <c:pt idx="8473">
                  <c:v>0.80431356163377277</c:v>
                </c:pt>
                <c:pt idx="8474">
                  <c:v>0.80431356163377277</c:v>
                </c:pt>
                <c:pt idx="8475">
                  <c:v>0.80431356163377277</c:v>
                </c:pt>
                <c:pt idx="8476">
                  <c:v>0.80431356163377277</c:v>
                </c:pt>
                <c:pt idx="8477">
                  <c:v>1.036670812772418</c:v>
                </c:pt>
                <c:pt idx="8478">
                  <c:v>1.1975335250991728</c:v>
                </c:pt>
                <c:pt idx="8479">
                  <c:v>1.1975335250991728</c:v>
                </c:pt>
                <c:pt idx="8480">
                  <c:v>1.1975335250991728</c:v>
                </c:pt>
                <c:pt idx="8481">
                  <c:v>1.2869016986140362</c:v>
                </c:pt>
                <c:pt idx="8482">
                  <c:v>1.3941435068318726</c:v>
                </c:pt>
                <c:pt idx="8483">
                  <c:v>1.6086271232675455</c:v>
                </c:pt>
                <c:pt idx="8484">
                  <c:v>1.6086271232675455</c:v>
                </c:pt>
                <c:pt idx="8485">
                  <c:v>1.6086271232675455</c:v>
                </c:pt>
                <c:pt idx="8486">
                  <c:v>1.6086271232675455</c:v>
                </c:pt>
                <c:pt idx="8487">
                  <c:v>1.6086271232675455</c:v>
                </c:pt>
                <c:pt idx="8488">
                  <c:v>1.6086271232675455</c:v>
                </c:pt>
                <c:pt idx="8489">
                  <c:v>1.6086271232675455</c:v>
                </c:pt>
                <c:pt idx="8490">
                  <c:v>1.6086271232675455</c:v>
                </c:pt>
                <c:pt idx="8491">
                  <c:v>1.3405226027229546</c:v>
                </c:pt>
                <c:pt idx="8492">
                  <c:v>1.0724180821783638</c:v>
                </c:pt>
                <c:pt idx="8493">
                  <c:v>0.80431356163377277</c:v>
                </c:pt>
                <c:pt idx="8494">
                  <c:v>0.80431356163377277</c:v>
                </c:pt>
                <c:pt idx="8495">
                  <c:v>0.80431356163377277</c:v>
                </c:pt>
                <c:pt idx="8496">
                  <c:v>0.89307441094605311</c:v>
                </c:pt>
                <c:pt idx="8497">
                  <c:v>0.89307441094605311</c:v>
                </c:pt>
                <c:pt idx="8498">
                  <c:v>0.89307441094605311</c:v>
                </c:pt>
                <c:pt idx="8499">
                  <c:v>0.89307441094605311</c:v>
                </c:pt>
                <c:pt idx="8500">
                  <c:v>0.89307441094605311</c:v>
                </c:pt>
                <c:pt idx="8501">
                  <c:v>1.1510736852193573</c:v>
                </c:pt>
                <c:pt idx="8502">
                  <c:v>1.3892268614716385</c:v>
                </c:pt>
                <c:pt idx="8503">
                  <c:v>1.3892268614716385</c:v>
                </c:pt>
                <c:pt idx="8504">
                  <c:v>1.3892268614716385</c:v>
                </c:pt>
                <c:pt idx="8505">
                  <c:v>1.4884573515767554</c:v>
                </c:pt>
                <c:pt idx="8506">
                  <c:v>1.5479956456398254</c:v>
                </c:pt>
                <c:pt idx="8507">
                  <c:v>1.7861488218921062</c:v>
                </c:pt>
                <c:pt idx="8508">
                  <c:v>1.7861488218921062</c:v>
                </c:pt>
                <c:pt idx="8509">
                  <c:v>1.7861488218921062</c:v>
                </c:pt>
                <c:pt idx="8510">
                  <c:v>1.7861488218921062</c:v>
                </c:pt>
                <c:pt idx="8511">
                  <c:v>1.4884573515767554</c:v>
                </c:pt>
                <c:pt idx="8512">
                  <c:v>1.4090729594926616</c:v>
                </c:pt>
                <c:pt idx="8513">
                  <c:v>1.4090729594926616</c:v>
                </c:pt>
                <c:pt idx="8514">
                  <c:v>1.4090729594926616</c:v>
                </c:pt>
                <c:pt idx="8515">
                  <c:v>1.4090729594926616</c:v>
                </c:pt>
                <c:pt idx="8516">
                  <c:v>1.0915353911562871</c:v>
                </c:pt>
                <c:pt idx="8517">
                  <c:v>0.41676805844149145</c:v>
                </c:pt>
                <c:pt idx="8518">
                  <c:v>0.41676805844149145</c:v>
                </c:pt>
                <c:pt idx="8519">
                  <c:v>0.41676805844149145</c:v>
                </c:pt>
                <c:pt idx="8520">
                  <c:v>0.30951000696846653</c:v>
                </c:pt>
                <c:pt idx="8521">
                  <c:v>0.60428144217653001</c:v>
                </c:pt>
                <c:pt idx="8522">
                  <c:v>0.60428144217653001</c:v>
                </c:pt>
                <c:pt idx="8523">
                  <c:v>0.60428144217653001</c:v>
                </c:pt>
                <c:pt idx="8524">
                  <c:v>0.60428144217653001</c:v>
                </c:pt>
                <c:pt idx="8525">
                  <c:v>0.75166715978056164</c:v>
                </c:pt>
                <c:pt idx="8526">
                  <c:v>0.94326859266580287</c:v>
                </c:pt>
                <c:pt idx="8527">
                  <c:v>1.0759157385094313</c:v>
                </c:pt>
                <c:pt idx="8528">
                  <c:v>1.0759157385094313</c:v>
                </c:pt>
                <c:pt idx="8529">
                  <c:v>1.0759157385094313</c:v>
                </c:pt>
                <c:pt idx="8530">
                  <c:v>1.0759157385094313</c:v>
                </c:pt>
                <c:pt idx="8531">
                  <c:v>1.0759157385094313</c:v>
                </c:pt>
                <c:pt idx="8532">
                  <c:v>1.0759157385094313</c:v>
                </c:pt>
                <c:pt idx="8533">
                  <c:v>1.0759157385094313</c:v>
                </c:pt>
                <c:pt idx="8534">
                  <c:v>1.0759157385094313</c:v>
                </c:pt>
                <c:pt idx="8535">
                  <c:v>0.9727457361866092</c:v>
                </c:pt>
                <c:pt idx="8536">
                  <c:v>0.88431430562419022</c:v>
                </c:pt>
                <c:pt idx="8537">
                  <c:v>0.79588287506177113</c:v>
                </c:pt>
                <c:pt idx="8538">
                  <c:v>0.76640573154096481</c:v>
                </c:pt>
                <c:pt idx="8539">
                  <c:v>0.61902001393693307</c:v>
                </c:pt>
                <c:pt idx="8540">
                  <c:v>0.45689572457249822</c:v>
                </c:pt>
                <c:pt idx="8541">
                  <c:v>0.45689572457249822</c:v>
                </c:pt>
                <c:pt idx="8542">
                  <c:v>0.45689572457249822</c:v>
                </c:pt>
                <c:pt idx="8543">
                  <c:v>0.45689572457249822</c:v>
                </c:pt>
                <c:pt idx="8544">
                  <c:v>0.53709952960335516</c:v>
                </c:pt>
                <c:pt idx="8545">
                  <c:v>0.62372848599099318</c:v>
                </c:pt>
                <c:pt idx="8546">
                  <c:v>0.62372848599099318</c:v>
                </c:pt>
                <c:pt idx="8547">
                  <c:v>0.62372848599099318</c:v>
                </c:pt>
                <c:pt idx="8548">
                  <c:v>0.62372848599099318</c:v>
                </c:pt>
                <c:pt idx="8549">
                  <c:v>0.77966060748874144</c:v>
                </c:pt>
                <c:pt idx="8550">
                  <c:v>0.91826693770896217</c:v>
                </c:pt>
                <c:pt idx="8551">
                  <c:v>1.0915248504842381</c:v>
                </c:pt>
                <c:pt idx="8552">
                  <c:v>1.0915248504842381</c:v>
                </c:pt>
                <c:pt idx="8553">
                  <c:v>1.0915248504842381</c:v>
                </c:pt>
                <c:pt idx="8554">
                  <c:v>1.0915248504842381</c:v>
                </c:pt>
                <c:pt idx="8555">
                  <c:v>1.0915248504842381</c:v>
                </c:pt>
                <c:pt idx="8556">
                  <c:v>1.0915248504842381</c:v>
                </c:pt>
                <c:pt idx="8557">
                  <c:v>1.0915248504842381</c:v>
                </c:pt>
                <c:pt idx="8558">
                  <c:v>1.0915248504842381</c:v>
                </c:pt>
                <c:pt idx="8559">
                  <c:v>0.970244311541545</c:v>
                </c:pt>
                <c:pt idx="8560">
                  <c:v>0.95291852026401724</c:v>
                </c:pt>
                <c:pt idx="8561">
                  <c:v>0.81431219004379662</c:v>
                </c:pt>
                <c:pt idx="8562">
                  <c:v>0.76233481621121391</c:v>
                </c:pt>
                <c:pt idx="8563">
                  <c:v>0.64105427726852071</c:v>
                </c:pt>
                <c:pt idx="8564">
                  <c:v>0.53709952960335516</c:v>
                </c:pt>
                <c:pt idx="8565">
                  <c:v>0.46779636449324485</c:v>
                </c:pt>
                <c:pt idx="8566">
                  <c:v>0.46779636449324485</c:v>
                </c:pt>
                <c:pt idx="8567">
                  <c:v>0.46779636449324485</c:v>
                </c:pt>
                <c:pt idx="8568">
                  <c:v>0.28434821057580739</c:v>
                </c:pt>
                <c:pt idx="8569">
                  <c:v>0.28434821057580739</c:v>
                </c:pt>
                <c:pt idx="8570">
                  <c:v>0.28434821057580739</c:v>
                </c:pt>
                <c:pt idx="8571">
                  <c:v>0.28434821057580739</c:v>
                </c:pt>
                <c:pt idx="8572">
                  <c:v>0.28434821057580739</c:v>
                </c:pt>
                <c:pt idx="8573">
                  <c:v>1.2321755791618318</c:v>
                </c:pt>
                <c:pt idx="8574">
                  <c:v>1.3980453686643861</c:v>
                </c:pt>
                <c:pt idx="8575">
                  <c:v>1.3980453686643861</c:v>
                </c:pt>
                <c:pt idx="8576">
                  <c:v>1.3980453686643861</c:v>
                </c:pt>
                <c:pt idx="8577">
                  <c:v>1.4928281055229886</c:v>
                </c:pt>
                <c:pt idx="8578">
                  <c:v>1.4928281055229886</c:v>
                </c:pt>
                <c:pt idx="8579">
                  <c:v>1.8956547371720494</c:v>
                </c:pt>
                <c:pt idx="8580">
                  <c:v>1.8956547371720494</c:v>
                </c:pt>
                <c:pt idx="8581">
                  <c:v>1.2558712633764826</c:v>
                </c:pt>
                <c:pt idx="8582">
                  <c:v>1.8956547371720494</c:v>
                </c:pt>
                <c:pt idx="8583">
                  <c:v>1.8956547371720494</c:v>
                </c:pt>
                <c:pt idx="8584">
                  <c:v>1.8956547371720494</c:v>
                </c:pt>
                <c:pt idx="8585">
                  <c:v>1.8956547371720494</c:v>
                </c:pt>
                <c:pt idx="8586">
                  <c:v>1.8956547371720494</c:v>
                </c:pt>
                <c:pt idx="8587">
                  <c:v>1.5876108423815909</c:v>
                </c:pt>
                <c:pt idx="8588">
                  <c:v>1.3032626318057838</c:v>
                </c:pt>
                <c:pt idx="8589">
                  <c:v>0.94782736858602468</c:v>
                </c:pt>
                <c:pt idx="8590">
                  <c:v>0.9004360001567232</c:v>
                </c:pt>
                <c:pt idx="8591">
                  <c:v>0.9004360001567232</c:v>
                </c:pt>
                <c:pt idx="8592">
                  <c:v>0.80238850371965931</c:v>
                </c:pt>
                <c:pt idx="8593">
                  <c:v>0.80238850371965931</c:v>
                </c:pt>
                <c:pt idx="8594">
                  <c:v>0.80238850371965931</c:v>
                </c:pt>
                <c:pt idx="8595">
                  <c:v>0.80238850371965931</c:v>
                </c:pt>
                <c:pt idx="8596">
                  <c:v>0.80238850371965931</c:v>
                </c:pt>
                <c:pt idx="8597">
                  <c:v>1.0431050548355569</c:v>
                </c:pt>
                <c:pt idx="8598">
                  <c:v>1.1634633303935058</c:v>
                </c:pt>
                <c:pt idx="8599">
                  <c:v>1.2035827555794891</c:v>
                </c:pt>
                <c:pt idx="8600">
                  <c:v>1.2035827555794891</c:v>
                </c:pt>
                <c:pt idx="8601">
                  <c:v>1.3038813185444464</c:v>
                </c:pt>
                <c:pt idx="8602">
                  <c:v>1.3640604563234209</c:v>
                </c:pt>
                <c:pt idx="8603">
                  <c:v>1.6047770074393186</c:v>
                </c:pt>
                <c:pt idx="8604">
                  <c:v>1.6047770074393186</c:v>
                </c:pt>
                <c:pt idx="8605">
                  <c:v>1.6047770074393186</c:v>
                </c:pt>
                <c:pt idx="8606">
                  <c:v>1.6047770074393186</c:v>
                </c:pt>
                <c:pt idx="8607">
                  <c:v>1.6047770074393186</c:v>
                </c:pt>
                <c:pt idx="8608">
                  <c:v>1.6047770074393186</c:v>
                </c:pt>
                <c:pt idx="8609">
                  <c:v>1.6047770074393186</c:v>
                </c:pt>
                <c:pt idx="8610">
                  <c:v>1.6047770074393186</c:v>
                </c:pt>
                <c:pt idx="8611">
                  <c:v>1.3440007437304295</c:v>
                </c:pt>
                <c:pt idx="8612">
                  <c:v>1.1032841926145316</c:v>
                </c:pt>
                <c:pt idx="8613">
                  <c:v>0.80238850371965931</c:v>
                </c:pt>
                <c:pt idx="8614">
                  <c:v>0.80238850371965931</c:v>
                </c:pt>
                <c:pt idx="8615">
                  <c:v>0.80238850371965931</c:v>
                </c:pt>
                <c:pt idx="8616">
                  <c:v>0.69914311708555221</c:v>
                </c:pt>
                <c:pt idx="8617">
                  <c:v>0.78653600672124613</c:v>
                </c:pt>
                <c:pt idx="8618">
                  <c:v>0.78653600672124613</c:v>
                </c:pt>
                <c:pt idx="8619">
                  <c:v>0.78653600672124613</c:v>
                </c:pt>
                <c:pt idx="8620">
                  <c:v>0.78653600672124613</c:v>
                </c:pt>
                <c:pt idx="8621">
                  <c:v>1.0137575197740507</c:v>
                </c:pt>
                <c:pt idx="8622">
                  <c:v>1.1710647211183001</c:v>
                </c:pt>
                <c:pt idx="8623">
                  <c:v>1.1710647211183001</c:v>
                </c:pt>
                <c:pt idx="8624">
                  <c:v>1.1710647211183001</c:v>
                </c:pt>
                <c:pt idx="8625">
                  <c:v>1.258457610753994</c:v>
                </c:pt>
                <c:pt idx="8626">
                  <c:v>1.3633290783168268</c:v>
                </c:pt>
                <c:pt idx="8627">
                  <c:v>1.5730720134424923</c:v>
                </c:pt>
                <c:pt idx="8628">
                  <c:v>1.5730720134424923</c:v>
                </c:pt>
                <c:pt idx="8629">
                  <c:v>1.5730720134424923</c:v>
                </c:pt>
                <c:pt idx="8630">
                  <c:v>1.5730720134424923</c:v>
                </c:pt>
                <c:pt idx="8631">
                  <c:v>1.5730720134424923</c:v>
                </c:pt>
                <c:pt idx="8632">
                  <c:v>1.5730720134424923</c:v>
                </c:pt>
                <c:pt idx="8633">
                  <c:v>1.5730720134424923</c:v>
                </c:pt>
                <c:pt idx="8634">
                  <c:v>1.5730720134424923</c:v>
                </c:pt>
                <c:pt idx="8635">
                  <c:v>1.3108933445354105</c:v>
                </c:pt>
                <c:pt idx="8636">
                  <c:v>1.0487146756283285</c:v>
                </c:pt>
                <c:pt idx="8637">
                  <c:v>0.78653600672124613</c:v>
                </c:pt>
                <c:pt idx="8638">
                  <c:v>0.78653600672124613</c:v>
                </c:pt>
                <c:pt idx="8639">
                  <c:v>0.78653600672124613</c:v>
                </c:pt>
                <c:pt idx="8640">
                  <c:v>0.79084745768814468</c:v>
                </c:pt>
                <c:pt idx="8641">
                  <c:v>0.79084745768814468</c:v>
                </c:pt>
                <c:pt idx="8642">
                  <c:v>0.79084745768814468</c:v>
                </c:pt>
                <c:pt idx="8643">
                  <c:v>0.79084745768814468</c:v>
                </c:pt>
                <c:pt idx="8644">
                  <c:v>0.79084745768814468</c:v>
                </c:pt>
                <c:pt idx="8645">
                  <c:v>1.0193145010202753</c:v>
                </c:pt>
                <c:pt idx="8646">
                  <c:v>1.1774839925579046</c:v>
                </c:pt>
                <c:pt idx="8647">
                  <c:v>1.1774839925579046</c:v>
                </c:pt>
                <c:pt idx="8648">
                  <c:v>1.1774839925579046</c:v>
                </c:pt>
                <c:pt idx="8649">
                  <c:v>1.2653559323010315</c:v>
                </c:pt>
                <c:pt idx="8650">
                  <c:v>1.370802259992784</c:v>
                </c:pt>
                <c:pt idx="8651">
                  <c:v>1.5816949153762894</c:v>
                </c:pt>
                <c:pt idx="8652">
                  <c:v>1.5816949153762894</c:v>
                </c:pt>
                <c:pt idx="8653">
                  <c:v>1.5816949153762894</c:v>
                </c:pt>
                <c:pt idx="8654">
                  <c:v>1.5816949153762894</c:v>
                </c:pt>
                <c:pt idx="8655">
                  <c:v>1.5816949153762894</c:v>
                </c:pt>
                <c:pt idx="8656">
                  <c:v>1.5816949153762894</c:v>
                </c:pt>
                <c:pt idx="8657">
                  <c:v>1.5816949153762894</c:v>
                </c:pt>
                <c:pt idx="8658">
                  <c:v>1.5816949153762894</c:v>
                </c:pt>
                <c:pt idx="8659">
                  <c:v>1.318079096146908</c:v>
                </c:pt>
                <c:pt idx="8660">
                  <c:v>1.0544632769175264</c:v>
                </c:pt>
                <c:pt idx="8661">
                  <c:v>0.79084745768814468</c:v>
                </c:pt>
                <c:pt idx="8662">
                  <c:v>0.79084745768814468</c:v>
                </c:pt>
                <c:pt idx="8663">
                  <c:v>0.79084745768814468</c:v>
                </c:pt>
                <c:pt idx="8664">
                  <c:v>0.900447624974273</c:v>
                </c:pt>
                <c:pt idx="8665">
                  <c:v>0.900447624974273</c:v>
                </c:pt>
                <c:pt idx="8666">
                  <c:v>0.900447624974273</c:v>
                </c:pt>
                <c:pt idx="8667">
                  <c:v>0.900447624974273</c:v>
                </c:pt>
                <c:pt idx="8668">
                  <c:v>0.900447624974273</c:v>
                </c:pt>
                <c:pt idx="8669">
                  <c:v>1.1605769388557297</c:v>
                </c:pt>
                <c:pt idx="8670">
                  <c:v>1.4006963055155361</c:v>
                </c:pt>
                <c:pt idx="8671">
                  <c:v>1.4006963055155361</c:v>
                </c:pt>
                <c:pt idx="8672">
                  <c:v>1.4006963055155361</c:v>
                </c:pt>
                <c:pt idx="8673">
                  <c:v>1.5007460416237883</c:v>
                </c:pt>
                <c:pt idx="8674">
                  <c:v>1.5607758832887402</c:v>
                </c:pt>
                <c:pt idx="8675">
                  <c:v>1.800895249948546</c:v>
                </c:pt>
                <c:pt idx="8676">
                  <c:v>1.800895249948546</c:v>
                </c:pt>
                <c:pt idx="8677">
                  <c:v>1.800895249948546</c:v>
                </c:pt>
                <c:pt idx="8678">
                  <c:v>1.800895249948546</c:v>
                </c:pt>
                <c:pt idx="8679">
                  <c:v>1.5007460416237883</c:v>
                </c:pt>
                <c:pt idx="8680">
                  <c:v>1.4207062527371868</c:v>
                </c:pt>
                <c:pt idx="8681">
                  <c:v>1.4207062527371868</c:v>
                </c:pt>
                <c:pt idx="8682">
                  <c:v>1.4207062527371868</c:v>
                </c:pt>
                <c:pt idx="8683">
                  <c:v>1.4207062527371868</c:v>
                </c:pt>
                <c:pt idx="8684">
                  <c:v>1.1005470971907783</c:v>
                </c:pt>
                <c:pt idx="8685">
                  <c:v>0.42020889165466074</c:v>
                </c:pt>
                <c:pt idx="8686">
                  <c:v>0.42020889165466074</c:v>
                </c:pt>
                <c:pt idx="8687">
                  <c:v>0.42020889165466074</c:v>
                </c:pt>
                <c:pt idx="8688">
                  <c:v>0.31723742994307963</c:v>
                </c:pt>
                <c:pt idx="8689">
                  <c:v>0.61936831560315553</c:v>
                </c:pt>
                <c:pt idx="8690">
                  <c:v>0.61936831560315553</c:v>
                </c:pt>
                <c:pt idx="8691">
                  <c:v>0.61936831560315553</c:v>
                </c:pt>
                <c:pt idx="8692">
                  <c:v>0.61936831560315553</c:v>
                </c:pt>
                <c:pt idx="8693">
                  <c:v>0.77043375843319351</c:v>
                </c:pt>
                <c:pt idx="8694">
                  <c:v>0.96681883411224301</c:v>
                </c:pt>
                <c:pt idx="8695">
                  <c:v>1.1027777326592771</c:v>
                </c:pt>
                <c:pt idx="8696">
                  <c:v>1.1027777326592771</c:v>
                </c:pt>
                <c:pt idx="8697">
                  <c:v>1.1027777326592771</c:v>
                </c:pt>
                <c:pt idx="8698">
                  <c:v>1.1027777326592771</c:v>
                </c:pt>
                <c:pt idx="8699">
                  <c:v>1.1027777326592771</c:v>
                </c:pt>
                <c:pt idx="8700">
                  <c:v>1.1027777326592771</c:v>
                </c:pt>
                <c:pt idx="8701">
                  <c:v>1.1027777326592771</c:v>
                </c:pt>
                <c:pt idx="8702">
                  <c:v>1.1027777326592771</c:v>
                </c:pt>
                <c:pt idx="8703">
                  <c:v>0.99703192267825047</c:v>
                </c:pt>
                <c:pt idx="8704">
                  <c:v>0.90639265698022753</c:v>
                </c:pt>
                <c:pt idx="8705">
                  <c:v>0.81575339128220492</c:v>
                </c:pt>
                <c:pt idx="8706">
                  <c:v>0.78554030271619724</c:v>
                </c:pt>
                <c:pt idx="8707">
                  <c:v>0.63447485988615926</c:v>
                </c:pt>
                <c:pt idx="8708">
                  <c:v>0.46830287277311761</c:v>
                </c:pt>
                <c:pt idx="8709">
                  <c:v>0.46830287277311761</c:v>
                </c:pt>
                <c:pt idx="8710">
                  <c:v>0.46830287277311761</c:v>
                </c:pt>
                <c:pt idx="8711">
                  <c:v>0.46830287277311761</c:v>
                </c:pt>
                <c:pt idx="8712">
                  <c:v>0.52089389574564915</c:v>
                </c:pt>
                <c:pt idx="8713">
                  <c:v>0.60490904022075387</c:v>
                </c:pt>
                <c:pt idx="8714">
                  <c:v>0.60490904022075387</c:v>
                </c:pt>
                <c:pt idx="8715">
                  <c:v>0.60490904022075387</c:v>
                </c:pt>
                <c:pt idx="8716">
                  <c:v>0.60490904022075387</c:v>
                </c:pt>
                <c:pt idx="8717">
                  <c:v>0.75613630027594225</c:v>
                </c:pt>
                <c:pt idx="8718">
                  <c:v>0.8905605314361098</c:v>
                </c:pt>
                <c:pt idx="8719">
                  <c:v>1.0585908203863192</c:v>
                </c:pt>
                <c:pt idx="8720">
                  <c:v>1.0585908203863192</c:v>
                </c:pt>
                <c:pt idx="8721">
                  <c:v>1.0585908203863192</c:v>
                </c:pt>
                <c:pt idx="8722">
                  <c:v>1.0585908203863192</c:v>
                </c:pt>
                <c:pt idx="8723">
                  <c:v>1.0585908203863192</c:v>
                </c:pt>
                <c:pt idx="8724">
                  <c:v>1.0585908203863192</c:v>
                </c:pt>
                <c:pt idx="8725">
                  <c:v>1.0585908203863192</c:v>
                </c:pt>
                <c:pt idx="8726">
                  <c:v>1.0585908203863192</c:v>
                </c:pt>
                <c:pt idx="8727">
                  <c:v>0.94096961812117275</c:v>
                </c:pt>
                <c:pt idx="8728">
                  <c:v>0.92416658922615169</c:v>
                </c:pt>
                <c:pt idx="8729">
                  <c:v>0.78974235806598414</c:v>
                </c:pt>
                <c:pt idx="8730">
                  <c:v>0.73933327138092153</c:v>
                </c:pt>
                <c:pt idx="8731">
                  <c:v>0.62171206911577492</c:v>
                </c:pt>
                <c:pt idx="8732">
                  <c:v>0.52089389574564915</c:v>
                </c:pt>
                <c:pt idx="8733">
                  <c:v>0.45368178016556548</c:v>
                </c:pt>
                <c:pt idx="8734">
                  <c:v>0.45368178016556548</c:v>
                </c:pt>
                <c:pt idx="8735">
                  <c:v>0.45368178016556548</c:v>
                </c:pt>
                <c:pt idx="8736">
                  <c:v>0.28166113545462251</c:v>
                </c:pt>
                <c:pt idx="8737">
                  <c:v>0.28166113545462251</c:v>
                </c:pt>
                <c:pt idx="8738">
                  <c:v>0.28166113545462251</c:v>
                </c:pt>
                <c:pt idx="8739">
                  <c:v>0.28166113545462251</c:v>
                </c:pt>
                <c:pt idx="8740">
                  <c:v>0.28166113545462251</c:v>
                </c:pt>
                <c:pt idx="8741">
                  <c:v>1.2205315869700311</c:v>
                </c:pt>
                <c:pt idx="8742">
                  <c:v>1.3848339159852276</c:v>
                </c:pt>
                <c:pt idx="8743">
                  <c:v>1.3848339159852276</c:v>
                </c:pt>
                <c:pt idx="8744">
                  <c:v>1.3848339159852276</c:v>
                </c:pt>
                <c:pt idx="8745">
                  <c:v>1.4787209611367684</c:v>
                </c:pt>
                <c:pt idx="8746">
                  <c:v>1.4787209611367684</c:v>
                </c:pt>
                <c:pt idx="8747">
                  <c:v>1.8777409030308172</c:v>
                </c:pt>
                <c:pt idx="8748">
                  <c:v>1.8777409030308172</c:v>
                </c:pt>
                <c:pt idx="8749">
                  <c:v>1.2440033482579163</c:v>
                </c:pt>
                <c:pt idx="8750">
                  <c:v>1.8777409030308172</c:v>
                </c:pt>
                <c:pt idx="8751">
                  <c:v>1.8777409030308172</c:v>
                </c:pt>
                <c:pt idx="8752">
                  <c:v>1.8777409030308172</c:v>
                </c:pt>
                <c:pt idx="8753">
                  <c:v>1.8777409030308172</c:v>
                </c:pt>
                <c:pt idx="8754">
                  <c:v>1.8777409030308172</c:v>
                </c:pt>
                <c:pt idx="8755">
                  <c:v>1.5726080062883094</c:v>
                </c:pt>
                <c:pt idx="8756">
                  <c:v>1.2909468708336866</c:v>
                </c:pt>
                <c:pt idx="8757">
                  <c:v>0.9388704515154086</c:v>
                </c:pt>
                <c:pt idx="8758">
                  <c:v>0.8919269289396381</c:v>
                </c:pt>
                <c:pt idx="8759">
                  <c:v>0.8919269289396381</c:v>
                </c:pt>
              </c:numCache>
            </c:numRef>
          </c:val>
          <c:extLst>
            <c:ext xmlns:c16="http://schemas.microsoft.com/office/drawing/2014/chart" uri="{C3380CC4-5D6E-409C-BE32-E72D297353CC}">
              <c16:uniqueId val="{00000001-2C0B-4701-B4D5-C67566BB76AF}"/>
            </c:ext>
          </c:extLst>
        </c:ser>
        <c:ser>
          <c:idx val="0"/>
          <c:order val="4"/>
          <c:tx>
            <c:strRef>
              <c:f>Bühler!$I$33</c:f>
              <c:strCache>
                <c:ptCount val="1"/>
                <c:pt idx="0">
                  <c:v>T1</c:v>
                </c:pt>
              </c:strCache>
            </c:strRef>
          </c:tx>
          <c:spPr>
            <a:solidFill>
              <a:schemeClr val="accent5">
                <a:lumMod val="20000"/>
                <a:lumOff val="80000"/>
              </a:schemeClr>
            </a:solidFill>
            <a:ln w="9525">
              <a:no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I$34:$I$8793</c:f>
              <c:numCache>
                <c:formatCode>General</c:formatCode>
                <c:ptCount val="8760"/>
                <c:pt idx="0">
                  <c:v>8.3231576650685354E-2</c:v>
                </c:pt>
                <c:pt idx="1">
                  <c:v>8.3231576650685354E-2</c:v>
                </c:pt>
                <c:pt idx="2">
                  <c:v>8.3231576650685354E-2</c:v>
                </c:pt>
                <c:pt idx="3">
                  <c:v>8.3231576650685354E-2</c:v>
                </c:pt>
                <c:pt idx="4">
                  <c:v>8.3231576650685354E-2</c:v>
                </c:pt>
                <c:pt idx="5">
                  <c:v>0.36067016548630321</c:v>
                </c:pt>
                <c:pt idx="6">
                  <c:v>0.40922191853253637</c:v>
                </c:pt>
                <c:pt idx="7">
                  <c:v>0.40922191853253637</c:v>
                </c:pt>
                <c:pt idx="8">
                  <c:v>0.40922191853253637</c:v>
                </c:pt>
                <c:pt idx="9">
                  <c:v>0.43696577741609816</c:v>
                </c:pt>
                <c:pt idx="10">
                  <c:v>0.43696577741609816</c:v>
                </c:pt>
                <c:pt idx="11">
                  <c:v>0.5548771776712359</c:v>
                </c:pt>
                <c:pt idx="12">
                  <c:v>0.5548771776712359</c:v>
                </c:pt>
                <c:pt idx="13">
                  <c:v>0.36760613020719368</c:v>
                </c:pt>
                <c:pt idx="14">
                  <c:v>0.5548771776712359</c:v>
                </c:pt>
                <c:pt idx="15">
                  <c:v>0.5548771776712359</c:v>
                </c:pt>
                <c:pt idx="16">
                  <c:v>0.5548771776712359</c:v>
                </c:pt>
                <c:pt idx="17">
                  <c:v>0.5548771776712359</c:v>
                </c:pt>
                <c:pt idx="18">
                  <c:v>0.5548771776712359</c:v>
                </c:pt>
                <c:pt idx="19">
                  <c:v>0.46470963629965995</c:v>
                </c:pt>
                <c:pt idx="20">
                  <c:v>0.38147805964897458</c:v>
                </c:pt>
                <c:pt idx="21">
                  <c:v>0.27743858883561795</c:v>
                </c:pt>
                <c:pt idx="22">
                  <c:v>0.26356665939383694</c:v>
                </c:pt>
                <c:pt idx="23">
                  <c:v>0.26356665939383694</c:v>
                </c:pt>
                <c:pt idx="24">
                  <c:v>0.24811550477632666</c:v>
                </c:pt>
                <c:pt idx="25">
                  <c:v>0.24811550477632666</c:v>
                </c:pt>
                <c:pt idx="26">
                  <c:v>0.24811550477632666</c:v>
                </c:pt>
                <c:pt idx="27">
                  <c:v>0.24811550477632666</c:v>
                </c:pt>
                <c:pt idx="28">
                  <c:v>0.24811550477632666</c:v>
                </c:pt>
                <c:pt idx="29">
                  <c:v>0.32255015620922467</c:v>
                </c:pt>
                <c:pt idx="30">
                  <c:v>0.35976748192567365</c:v>
                </c:pt>
                <c:pt idx="31">
                  <c:v>0.37217325716449001</c:v>
                </c:pt>
                <c:pt idx="32">
                  <c:v>0.37217325716449001</c:v>
                </c:pt>
                <c:pt idx="33">
                  <c:v>0.40318769526153081</c:v>
                </c:pt>
                <c:pt idx="34">
                  <c:v>0.4217963581197553</c:v>
                </c:pt>
                <c:pt idx="35">
                  <c:v>0.49623100955265331</c:v>
                </c:pt>
                <c:pt idx="36">
                  <c:v>0.49623100955265331</c:v>
                </c:pt>
                <c:pt idx="37">
                  <c:v>0.49623100955265331</c:v>
                </c:pt>
                <c:pt idx="38">
                  <c:v>0.49623100955265331</c:v>
                </c:pt>
                <c:pt idx="39">
                  <c:v>0.49623100955265331</c:v>
                </c:pt>
                <c:pt idx="40">
                  <c:v>0.49623100955265331</c:v>
                </c:pt>
                <c:pt idx="41">
                  <c:v>0.49623100955265331</c:v>
                </c:pt>
                <c:pt idx="42">
                  <c:v>0.49623100955265331</c:v>
                </c:pt>
                <c:pt idx="43">
                  <c:v>0.41559347050034717</c:v>
                </c:pt>
                <c:pt idx="44">
                  <c:v>0.34115881906744916</c:v>
                </c:pt>
                <c:pt idx="45">
                  <c:v>0.24811550477632666</c:v>
                </c:pt>
                <c:pt idx="46">
                  <c:v>0.24811550477632666</c:v>
                </c:pt>
                <c:pt idx="47">
                  <c:v>0.24811550477632666</c:v>
                </c:pt>
                <c:pt idx="48">
                  <c:v>0.21934840475501685</c:v>
                </c:pt>
                <c:pt idx="49">
                  <c:v>0.24676695534939391</c:v>
                </c:pt>
                <c:pt idx="50">
                  <c:v>0.24676695534939391</c:v>
                </c:pt>
                <c:pt idx="51">
                  <c:v>0.24676695534939391</c:v>
                </c:pt>
                <c:pt idx="52">
                  <c:v>0.24676695534939391</c:v>
                </c:pt>
                <c:pt idx="53">
                  <c:v>0.31805518689477436</c:v>
                </c:pt>
                <c:pt idx="54">
                  <c:v>0.3674085779646532</c:v>
                </c:pt>
                <c:pt idx="55">
                  <c:v>0.3674085779646532</c:v>
                </c:pt>
                <c:pt idx="56">
                  <c:v>0.3674085779646532</c:v>
                </c:pt>
                <c:pt idx="57">
                  <c:v>0.39482712855903035</c:v>
                </c:pt>
                <c:pt idx="58">
                  <c:v>0.42772938927228282</c:v>
                </c:pt>
                <c:pt idx="59">
                  <c:v>0.49353391069878783</c:v>
                </c:pt>
                <c:pt idx="60">
                  <c:v>0.49353391069878783</c:v>
                </c:pt>
                <c:pt idx="61">
                  <c:v>0.49353391069878783</c:v>
                </c:pt>
                <c:pt idx="62">
                  <c:v>0.49353391069878783</c:v>
                </c:pt>
                <c:pt idx="63">
                  <c:v>0.49353391069878783</c:v>
                </c:pt>
                <c:pt idx="64">
                  <c:v>0.49353391069878783</c:v>
                </c:pt>
                <c:pt idx="65">
                  <c:v>0.49353391069878783</c:v>
                </c:pt>
                <c:pt idx="66">
                  <c:v>0.49353391069878783</c:v>
                </c:pt>
                <c:pt idx="67">
                  <c:v>0.41127825891565661</c:v>
                </c:pt>
                <c:pt idx="68">
                  <c:v>0.32902260713252524</c:v>
                </c:pt>
                <c:pt idx="69">
                  <c:v>0.24676695534939391</c:v>
                </c:pt>
                <c:pt idx="70">
                  <c:v>0.24676695534939391</c:v>
                </c:pt>
                <c:pt idx="71">
                  <c:v>0.24676695534939391</c:v>
                </c:pt>
                <c:pt idx="72">
                  <c:v>0.24567055227246082</c:v>
                </c:pt>
                <c:pt idx="73">
                  <c:v>0.24567055227246082</c:v>
                </c:pt>
                <c:pt idx="74">
                  <c:v>0.24567055227246082</c:v>
                </c:pt>
                <c:pt idx="75">
                  <c:v>0.24567055227246082</c:v>
                </c:pt>
                <c:pt idx="76">
                  <c:v>0.24567055227246082</c:v>
                </c:pt>
                <c:pt idx="77">
                  <c:v>0.31664204515117167</c:v>
                </c:pt>
                <c:pt idx="78">
                  <c:v>0.3657761556056639</c:v>
                </c:pt>
                <c:pt idx="79">
                  <c:v>0.3657761556056639</c:v>
                </c:pt>
                <c:pt idx="80">
                  <c:v>0.3657761556056639</c:v>
                </c:pt>
                <c:pt idx="81">
                  <c:v>0.39307288363593734</c:v>
                </c:pt>
                <c:pt idx="82">
                  <c:v>0.42582895727226538</c:v>
                </c:pt>
                <c:pt idx="83">
                  <c:v>0.49134110454492164</c:v>
                </c:pt>
                <c:pt idx="84">
                  <c:v>0.49134110454492164</c:v>
                </c:pt>
                <c:pt idx="85">
                  <c:v>0.49134110454492164</c:v>
                </c:pt>
                <c:pt idx="86">
                  <c:v>0.49134110454492164</c:v>
                </c:pt>
                <c:pt idx="87">
                  <c:v>0.49134110454492164</c:v>
                </c:pt>
                <c:pt idx="88">
                  <c:v>0.49134110454492164</c:v>
                </c:pt>
                <c:pt idx="89">
                  <c:v>0.49134110454492164</c:v>
                </c:pt>
                <c:pt idx="90">
                  <c:v>0.49134110454492164</c:v>
                </c:pt>
                <c:pt idx="91">
                  <c:v>0.40945092045410142</c:v>
                </c:pt>
                <c:pt idx="92">
                  <c:v>0.32756073636328109</c:v>
                </c:pt>
                <c:pt idx="93">
                  <c:v>0.24567055227246082</c:v>
                </c:pt>
                <c:pt idx="94">
                  <c:v>0.24567055227246082</c:v>
                </c:pt>
                <c:pt idx="95">
                  <c:v>0.24567055227246082</c:v>
                </c:pt>
                <c:pt idx="96">
                  <c:v>0.26755366258240498</c:v>
                </c:pt>
                <c:pt idx="97">
                  <c:v>0.26755366258240498</c:v>
                </c:pt>
                <c:pt idx="98">
                  <c:v>0.26755366258240498</c:v>
                </c:pt>
                <c:pt idx="99">
                  <c:v>0.26755366258240498</c:v>
                </c:pt>
                <c:pt idx="100">
                  <c:v>0.26755366258240498</c:v>
                </c:pt>
                <c:pt idx="101">
                  <c:v>0.34484694288398865</c:v>
                </c:pt>
                <c:pt idx="102">
                  <c:v>0.41619458623929667</c:v>
                </c:pt>
                <c:pt idx="103">
                  <c:v>0.41619458623929667</c:v>
                </c:pt>
                <c:pt idx="104">
                  <c:v>0.41619458623929667</c:v>
                </c:pt>
                <c:pt idx="105">
                  <c:v>0.44592277097067501</c:v>
                </c:pt>
                <c:pt idx="106">
                  <c:v>0.463759681809502</c:v>
                </c:pt>
                <c:pt idx="107">
                  <c:v>0.53510732516480997</c:v>
                </c:pt>
                <c:pt idx="108">
                  <c:v>0.53510732516480997</c:v>
                </c:pt>
                <c:pt idx="109">
                  <c:v>0.53510732516480997</c:v>
                </c:pt>
                <c:pt idx="110">
                  <c:v>0.53510732516480997</c:v>
                </c:pt>
                <c:pt idx="111">
                  <c:v>0.44592277097067501</c:v>
                </c:pt>
                <c:pt idx="112">
                  <c:v>0.42214022318557237</c:v>
                </c:pt>
                <c:pt idx="113">
                  <c:v>0.42214022318557237</c:v>
                </c:pt>
                <c:pt idx="114">
                  <c:v>0.42214022318557237</c:v>
                </c:pt>
                <c:pt idx="115">
                  <c:v>0.42214022318557237</c:v>
                </c:pt>
                <c:pt idx="116">
                  <c:v>0.32701003204516166</c:v>
                </c:pt>
                <c:pt idx="117">
                  <c:v>0.12485837587178901</c:v>
                </c:pt>
                <c:pt idx="118">
                  <c:v>0.12485837587178901</c:v>
                </c:pt>
                <c:pt idx="119">
                  <c:v>0.12485837587178901</c:v>
                </c:pt>
                <c:pt idx="120">
                  <c:v>9.3432558813635949E-2</c:v>
                </c:pt>
                <c:pt idx="121">
                  <c:v>0.1824159481599559</c:v>
                </c:pt>
                <c:pt idx="122">
                  <c:v>0.1824159481599559</c:v>
                </c:pt>
                <c:pt idx="123">
                  <c:v>0.1824159481599559</c:v>
                </c:pt>
                <c:pt idx="124">
                  <c:v>0.1824159481599559</c:v>
                </c:pt>
                <c:pt idx="125">
                  <c:v>0.22690764283311587</c:v>
                </c:pt>
                <c:pt idx="126">
                  <c:v>0.28474684590822386</c:v>
                </c:pt>
                <c:pt idx="127">
                  <c:v>0.3247893711140678</c:v>
                </c:pt>
                <c:pt idx="128">
                  <c:v>0.3247893711140678</c:v>
                </c:pt>
                <c:pt idx="129">
                  <c:v>0.3247893711140678</c:v>
                </c:pt>
                <c:pt idx="130">
                  <c:v>0.3247893711140678</c:v>
                </c:pt>
                <c:pt idx="131">
                  <c:v>0.3247893711140678</c:v>
                </c:pt>
                <c:pt idx="132">
                  <c:v>0.3247893711140678</c:v>
                </c:pt>
                <c:pt idx="133">
                  <c:v>0.3247893711140678</c:v>
                </c:pt>
                <c:pt idx="134">
                  <c:v>0.3247893711140678</c:v>
                </c:pt>
                <c:pt idx="135">
                  <c:v>0.29364518484285584</c:v>
                </c:pt>
                <c:pt idx="136">
                  <c:v>0.26695016803895982</c:v>
                </c:pt>
                <c:pt idx="137">
                  <c:v>0.24025515123506391</c:v>
                </c:pt>
                <c:pt idx="138">
                  <c:v>0.23135681230043187</c:v>
                </c:pt>
                <c:pt idx="139">
                  <c:v>0.1868651176272719</c:v>
                </c:pt>
                <c:pt idx="140">
                  <c:v>0.13792425348679593</c:v>
                </c:pt>
                <c:pt idx="141">
                  <c:v>0.13792425348679593</c:v>
                </c:pt>
                <c:pt idx="142">
                  <c:v>0.13792425348679593</c:v>
                </c:pt>
                <c:pt idx="143">
                  <c:v>0.13792425348679593</c:v>
                </c:pt>
                <c:pt idx="144">
                  <c:v>0.14751712644053344</c:v>
                </c:pt>
                <c:pt idx="145">
                  <c:v>0.17131021135029692</c:v>
                </c:pt>
                <c:pt idx="146">
                  <c:v>0.17131021135029692</c:v>
                </c:pt>
                <c:pt idx="147">
                  <c:v>0.17131021135029692</c:v>
                </c:pt>
                <c:pt idx="148">
                  <c:v>0.17131021135029692</c:v>
                </c:pt>
                <c:pt idx="149">
                  <c:v>0.21413776418787114</c:v>
                </c:pt>
                <c:pt idx="150">
                  <c:v>0.25220670004349272</c:v>
                </c:pt>
                <c:pt idx="151">
                  <c:v>0.29979286986301962</c:v>
                </c:pt>
                <c:pt idx="152">
                  <c:v>0.29979286986301962</c:v>
                </c:pt>
                <c:pt idx="153">
                  <c:v>0.29979286986301962</c:v>
                </c:pt>
                <c:pt idx="154">
                  <c:v>0.29979286986301962</c:v>
                </c:pt>
                <c:pt idx="155">
                  <c:v>0.29979286986301962</c:v>
                </c:pt>
                <c:pt idx="156">
                  <c:v>0.29979286986301962</c:v>
                </c:pt>
                <c:pt idx="157">
                  <c:v>0.29979286986301962</c:v>
                </c:pt>
                <c:pt idx="158">
                  <c:v>0.29979286986301962</c:v>
                </c:pt>
                <c:pt idx="159">
                  <c:v>0.26648255098935075</c:v>
                </c:pt>
                <c:pt idx="160">
                  <c:v>0.26172393400739807</c:v>
                </c:pt>
                <c:pt idx="161">
                  <c:v>0.22365499815177653</c:v>
                </c:pt>
                <c:pt idx="162">
                  <c:v>0.20937914720591849</c:v>
                </c:pt>
                <c:pt idx="163">
                  <c:v>0.17606882833224963</c:v>
                </c:pt>
                <c:pt idx="164">
                  <c:v>0.14751712644053344</c:v>
                </c:pt>
                <c:pt idx="165">
                  <c:v>0.1284826585127227</c:v>
                </c:pt>
                <c:pt idx="166">
                  <c:v>0.1284826585127227</c:v>
                </c:pt>
                <c:pt idx="167">
                  <c:v>0.1284826585127227</c:v>
                </c:pt>
                <c:pt idx="168">
                  <c:v>7.5578004285698691E-2</c:v>
                </c:pt>
                <c:pt idx="169">
                  <c:v>7.5578004285698691E-2</c:v>
                </c:pt>
                <c:pt idx="170">
                  <c:v>7.5578004285698691E-2</c:v>
                </c:pt>
                <c:pt idx="171">
                  <c:v>7.5578004285698691E-2</c:v>
                </c:pt>
                <c:pt idx="172">
                  <c:v>7.5578004285698691E-2</c:v>
                </c:pt>
                <c:pt idx="173">
                  <c:v>0.32750468523802767</c:v>
                </c:pt>
                <c:pt idx="174">
                  <c:v>0.37159185440468517</c:v>
                </c:pt>
                <c:pt idx="175">
                  <c:v>0.37159185440468517</c:v>
                </c:pt>
                <c:pt idx="176">
                  <c:v>0.37159185440468517</c:v>
                </c:pt>
                <c:pt idx="177">
                  <c:v>0.39678452249991814</c:v>
                </c:pt>
                <c:pt idx="178">
                  <c:v>0.39678452249991814</c:v>
                </c:pt>
                <c:pt idx="179">
                  <c:v>0.5038533619046579</c:v>
                </c:pt>
                <c:pt idx="180">
                  <c:v>0.5038533619046579</c:v>
                </c:pt>
                <c:pt idx="181">
                  <c:v>0.33380285226183587</c:v>
                </c:pt>
                <c:pt idx="182">
                  <c:v>0.5038533619046579</c:v>
                </c:pt>
                <c:pt idx="183">
                  <c:v>0.5038533619046579</c:v>
                </c:pt>
                <c:pt idx="184">
                  <c:v>0.5038533619046579</c:v>
                </c:pt>
                <c:pt idx="185">
                  <c:v>0.5038533619046579</c:v>
                </c:pt>
                <c:pt idx="186">
                  <c:v>0.5038533619046579</c:v>
                </c:pt>
                <c:pt idx="187">
                  <c:v>0.42197719059515104</c:v>
                </c:pt>
                <c:pt idx="188">
                  <c:v>0.34639918630945232</c:v>
                </c:pt>
                <c:pt idx="189">
                  <c:v>0.25192668095232895</c:v>
                </c:pt>
                <c:pt idx="190">
                  <c:v>0.23933034690471255</c:v>
                </c:pt>
                <c:pt idx="191">
                  <c:v>0.23933034690471255</c:v>
                </c:pt>
                <c:pt idx="192">
                  <c:v>0.22149180195840765</c:v>
                </c:pt>
                <c:pt idx="193">
                  <c:v>0.22149180195840765</c:v>
                </c:pt>
                <c:pt idx="194">
                  <c:v>0.22149180195840765</c:v>
                </c:pt>
                <c:pt idx="195">
                  <c:v>0.22149180195840765</c:v>
                </c:pt>
                <c:pt idx="196">
                  <c:v>0.22149180195840765</c:v>
                </c:pt>
                <c:pt idx="197">
                  <c:v>0.28793934254592995</c:v>
                </c:pt>
                <c:pt idx="198">
                  <c:v>0.32116311283969107</c:v>
                </c:pt>
                <c:pt idx="199">
                  <c:v>0.33223770293761151</c:v>
                </c:pt>
                <c:pt idx="200">
                  <c:v>0.33223770293761151</c:v>
                </c:pt>
                <c:pt idx="201">
                  <c:v>0.3599241781824124</c:v>
                </c:pt>
                <c:pt idx="202">
                  <c:v>0.37653606332929301</c:v>
                </c:pt>
                <c:pt idx="203">
                  <c:v>0.44298360391681529</c:v>
                </c:pt>
                <c:pt idx="204">
                  <c:v>0.44298360391681529</c:v>
                </c:pt>
                <c:pt idx="205">
                  <c:v>0.44298360391681529</c:v>
                </c:pt>
                <c:pt idx="206">
                  <c:v>0.44298360391681529</c:v>
                </c:pt>
                <c:pt idx="207">
                  <c:v>0.44298360391681529</c:v>
                </c:pt>
                <c:pt idx="208">
                  <c:v>0.44298360391681529</c:v>
                </c:pt>
                <c:pt idx="209">
                  <c:v>0.44298360391681529</c:v>
                </c:pt>
                <c:pt idx="210">
                  <c:v>0.44298360391681529</c:v>
                </c:pt>
                <c:pt idx="211">
                  <c:v>0.37099876828033285</c:v>
                </c:pt>
                <c:pt idx="212">
                  <c:v>0.30455122769281051</c:v>
                </c:pt>
                <c:pt idx="213">
                  <c:v>0.22149180195840765</c:v>
                </c:pt>
                <c:pt idx="214">
                  <c:v>0.22149180195840765</c:v>
                </c:pt>
                <c:pt idx="215">
                  <c:v>0.22149180195840765</c:v>
                </c:pt>
                <c:pt idx="216">
                  <c:v>0.20141113208699957</c:v>
                </c:pt>
                <c:pt idx="217">
                  <c:v>0.22658752359787449</c:v>
                </c:pt>
                <c:pt idx="218">
                  <c:v>0.22658752359787449</c:v>
                </c:pt>
                <c:pt idx="219">
                  <c:v>0.22658752359787449</c:v>
                </c:pt>
                <c:pt idx="220">
                  <c:v>0.22658752359787449</c:v>
                </c:pt>
                <c:pt idx="221">
                  <c:v>0.29204614152614938</c:v>
                </c:pt>
                <c:pt idx="222">
                  <c:v>0.33736364624572429</c:v>
                </c:pt>
                <c:pt idx="223">
                  <c:v>0.33736364624572429</c:v>
                </c:pt>
                <c:pt idx="224">
                  <c:v>0.33736364624572429</c:v>
                </c:pt>
                <c:pt idx="225">
                  <c:v>0.36254003775659915</c:v>
                </c:pt>
                <c:pt idx="226">
                  <c:v>0.39275170756964906</c:v>
                </c:pt>
                <c:pt idx="227">
                  <c:v>0.45317504719574897</c:v>
                </c:pt>
                <c:pt idx="228">
                  <c:v>0.45317504719574897</c:v>
                </c:pt>
                <c:pt idx="229">
                  <c:v>0.45317504719574897</c:v>
                </c:pt>
                <c:pt idx="230">
                  <c:v>0.45317504719574897</c:v>
                </c:pt>
                <c:pt idx="231">
                  <c:v>0.45317504719574897</c:v>
                </c:pt>
                <c:pt idx="232">
                  <c:v>0.45317504719574897</c:v>
                </c:pt>
                <c:pt idx="233">
                  <c:v>0.45317504719574897</c:v>
                </c:pt>
                <c:pt idx="234">
                  <c:v>0.45317504719574897</c:v>
                </c:pt>
                <c:pt idx="235">
                  <c:v>0.37764587266312416</c:v>
                </c:pt>
                <c:pt idx="236">
                  <c:v>0.30211669813049941</c:v>
                </c:pt>
                <c:pt idx="237">
                  <c:v>0.22658752359787449</c:v>
                </c:pt>
                <c:pt idx="238">
                  <c:v>0.22658752359787449</c:v>
                </c:pt>
                <c:pt idx="239">
                  <c:v>0.22658752359787449</c:v>
                </c:pt>
                <c:pt idx="240">
                  <c:v>0.2231055874019359</c:v>
                </c:pt>
                <c:pt idx="241">
                  <c:v>0.2231055874019359</c:v>
                </c:pt>
                <c:pt idx="242">
                  <c:v>0.2231055874019359</c:v>
                </c:pt>
                <c:pt idx="243">
                  <c:v>0.2231055874019359</c:v>
                </c:pt>
                <c:pt idx="244">
                  <c:v>0.2231055874019359</c:v>
                </c:pt>
                <c:pt idx="245">
                  <c:v>0.28755831265138404</c:v>
                </c:pt>
                <c:pt idx="246">
                  <c:v>0.3321794301317712</c:v>
                </c:pt>
                <c:pt idx="247">
                  <c:v>0.3321794301317712</c:v>
                </c:pt>
                <c:pt idx="248">
                  <c:v>0.3321794301317712</c:v>
                </c:pt>
                <c:pt idx="249">
                  <c:v>0.35696893984309741</c:v>
                </c:pt>
                <c:pt idx="250">
                  <c:v>0.38671635149668893</c:v>
                </c:pt>
                <c:pt idx="251">
                  <c:v>0.44621117480387179</c:v>
                </c:pt>
                <c:pt idx="252">
                  <c:v>0.44621117480387179</c:v>
                </c:pt>
                <c:pt idx="253">
                  <c:v>0.44621117480387179</c:v>
                </c:pt>
                <c:pt idx="254">
                  <c:v>0.44621117480387179</c:v>
                </c:pt>
                <c:pt idx="255">
                  <c:v>0.44621117480387179</c:v>
                </c:pt>
                <c:pt idx="256">
                  <c:v>0.44621117480387179</c:v>
                </c:pt>
                <c:pt idx="257">
                  <c:v>0.44621117480387179</c:v>
                </c:pt>
                <c:pt idx="258">
                  <c:v>0.44621117480387179</c:v>
                </c:pt>
                <c:pt idx="259">
                  <c:v>0.37184264566989317</c:v>
                </c:pt>
                <c:pt idx="260">
                  <c:v>0.29747411653591455</c:v>
                </c:pt>
                <c:pt idx="261">
                  <c:v>0.2231055874019359</c:v>
                </c:pt>
                <c:pt idx="262">
                  <c:v>0.2231055874019359</c:v>
                </c:pt>
                <c:pt idx="263">
                  <c:v>0.2231055874019359</c:v>
                </c:pt>
                <c:pt idx="264">
                  <c:v>0.24550365693724796</c:v>
                </c:pt>
                <c:pt idx="265">
                  <c:v>0.24550365693724796</c:v>
                </c:pt>
                <c:pt idx="266">
                  <c:v>0.24550365693724796</c:v>
                </c:pt>
                <c:pt idx="267">
                  <c:v>0.24550365693724796</c:v>
                </c:pt>
                <c:pt idx="268">
                  <c:v>0.24550365693724796</c:v>
                </c:pt>
                <c:pt idx="269">
                  <c:v>0.3164269356080085</c:v>
                </c:pt>
                <c:pt idx="270">
                  <c:v>0.38189457745794131</c:v>
                </c:pt>
                <c:pt idx="271">
                  <c:v>0.38189457745794131</c:v>
                </c:pt>
                <c:pt idx="272">
                  <c:v>0.38189457745794131</c:v>
                </c:pt>
                <c:pt idx="273">
                  <c:v>0.40917276156207999</c:v>
                </c:pt>
                <c:pt idx="274">
                  <c:v>0.42553967202456316</c:v>
                </c:pt>
                <c:pt idx="275">
                  <c:v>0.49100731387449592</c:v>
                </c:pt>
                <c:pt idx="276">
                  <c:v>0.49100731387449592</c:v>
                </c:pt>
                <c:pt idx="277">
                  <c:v>0.49100731387449592</c:v>
                </c:pt>
                <c:pt idx="278">
                  <c:v>0.49100731387449592</c:v>
                </c:pt>
                <c:pt idx="279">
                  <c:v>0.40917276156207999</c:v>
                </c:pt>
                <c:pt idx="280">
                  <c:v>0.38735021427876909</c:v>
                </c:pt>
                <c:pt idx="281">
                  <c:v>0.38735021427876909</c:v>
                </c:pt>
                <c:pt idx="282">
                  <c:v>0.38735021427876909</c:v>
                </c:pt>
                <c:pt idx="283">
                  <c:v>0.38735021427876909</c:v>
                </c:pt>
                <c:pt idx="284">
                  <c:v>0.30006002514552532</c:v>
                </c:pt>
                <c:pt idx="285">
                  <c:v>0.11456837323738236</c:v>
                </c:pt>
                <c:pt idx="286">
                  <c:v>0.11456837323738236</c:v>
                </c:pt>
                <c:pt idx="287">
                  <c:v>0.11456837323738236</c:v>
                </c:pt>
                <c:pt idx="288">
                  <c:v>8.8216548305772136E-2</c:v>
                </c:pt>
                <c:pt idx="289">
                  <c:v>0.17223230859698369</c:v>
                </c:pt>
                <c:pt idx="290">
                  <c:v>0.17223230859698369</c:v>
                </c:pt>
                <c:pt idx="291">
                  <c:v>0.17223230859698369</c:v>
                </c:pt>
                <c:pt idx="292">
                  <c:v>0.17223230859698369</c:v>
                </c:pt>
                <c:pt idx="293">
                  <c:v>0.21424018874258949</c:v>
                </c:pt>
                <c:pt idx="294">
                  <c:v>0.26885043293187694</c:v>
                </c:pt>
                <c:pt idx="295">
                  <c:v>0.30665752506292221</c:v>
                </c:pt>
                <c:pt idx="296">
                  <c:v>0.30665752506292221</c:v>
                </c:pt>
                <c:pt idx="297">
                  <c:v>0.30665752506292221</c:v>
                </c:pt>
                <c:pt idx="298">
                  <c:v>0.30665752506292221</c:v>
                </c:pt>
                <c:pt idx="299">
                  <c:v>0.30665752506292221</c:v>
                </c:pt>
                <c:pt idx="300">
                  <c:v>0.30665752506292221</c:v>
                </c:pt>
                <c:pt idx="301">
                  <c:v>0.30665752506292221</c:v>
                </c:pt>
                <c:pt idx="302">
                  <c:v>0.30665752506292221</c:v>
                </c:pt>
                <c:pt idx="303">
                  <c:v>0.27725200896099811</c:v>
                </c:pt>
                <c:pt idx="304">
                  <c:v>0.25204728087363465</c:v>
                </c:pt>
                <c:pt idx="305">
                  <c:v>0.22684255278627119</c:v>
                </c:pt>
                <c:pt idx="306">
                  <c:v>0.21844097675715002</c:v>
                </c:pt>
                <c:pt idx="307">
                  <c:v>0.17643309661154427</c:v>
                </c:pt>
                <c:pt idx="308">
                  <c:v>0.13022442845137791</c:v>
                </c:pt>
                <c:pt idx="309">
                  <c:v>0.13022442845137791</c:v>
                </c:pt>
                <c:pt idx="310">
                  <c:v>0.13022442845137791</c:v>
                </c:pt>
                <c:pt idx="311">
                  <c:v>0.13022442845137791</c:v>
                </c:pt>
                <c:pt idx="312">
                  <c:v>0.14994797151918937</c:v>
                </c:pt>
                <c:pt idx="313">
                  <c:v>0.17413312821583282</c:v>
                </c:pt>
                <c:pt idx="314">
                  <c:v>0.17413312821583282</c:v>
                </c:pt>
                <c:pt idx="315">
                  <c:v>0.17413312821583282</c:v>
                </c:pt>
                <c:pt idx="316">
                  <c:v>0.17413312821583282</c:v>
                </c:pt>
                <c:pt idx="317">
                  <c:v>0.217666410269791</c:v>
                </c:pt>
                <c:pt idx="318">
                  <c:v>0.25636266098442057</c:v>
                </c:pt>
                <c:pt idx="319">
                  <c:v>0.30473297437770741</c:v>
                </c:pt>
                <c:pt idx="320">
                  <c:v>0.30473297437770741</c:v>
                </c:pt>
                <c:pt idx="321">
                  <c:v>0.30473297437770741</c:v>
                </c:pt>
                <c:pt idx="322">
                  <c:v>0.30473297437770741</c:v>
                </c:pt>
                <c:pt idx="323">
                  <c:v>0.30473297437770741</c:v>
                </c:pt>
                <c:pt idx="324">
                  <c:v>0.30473297437770741</c:v>
                </c:pt>
                <c:pt idx="325">
                  <c:v>0.30473297437770741</c:v>
                </c:pt>
                <c:pt idx="326">
                  <c:v>0.30473297437770741</c:v>
                </c:pt>
                <c:pt idx="327">
                  <c:v>0.27087375500240657</c:v>
                </c:pt>
                <c:pt idx="328">
                  <c:v>0.2660367236630779</c:v>
                </c:pt>
                <c:pt idx="329">
                  <c:v>0.22734047294844842</c:v>
                </c:pt>
                <c:pt idx="330">
                  <c:v>0.21282937893046233</c:v>
                </c:pt>
                <c:pt idx="331">
                  <c:v>0.17897015955516152</c:v>
                </c:pt>
                <c:pt idx="332">
                  <c:v>0.14994797151918937</c:v>
                </c:pt>
                <c:pt idx="333">
                  <c:v>0.13059984616187462</c:v>
                </c:pt>
                <c:pt idx="334">
                  <c:v>0.13059984616187462</c:v>
                </c:pt>
                <c:pt idx="335">
                  <c:v>0.13059984616187462</c:v>
                </c:pt>
                <c:pt idx="336">
                  <c:v>8.0698048679282555E-2</c:v>
                </c:pt>
                <c:pt idx="337">
                  <c:v>8.0698048679282555E-2</c:v>
                </c:pt>
                <c:pt idx="338">
                  <c:v>8.0698048679282555E-2</c:v>
                </c:pt>
                <c:pt idx="339">
                  <c:v>8.0698048679282555E-2</c:v>
                </c:pt>
                <c:pt idx="340">
                  <c:v>8.0698048679282555E-2</c:v>
                </c:pt>
                <c:pt idx="341">
                  <c:v>0.34969154427689114</c:v>
                </c:pt>
                <c:pt idx="342">
                  <c:v>0.39676540600647259</c:v>
                </c:pt>
                <c:pt idx="343">
                  <c:v>0.39676540600647259</c:v>
                </c:pt>
                <c:pt idx="344">
                  <c:v>0.39676540600647259</c:v>
                </c:pt>
                <c:pt idx="345">
                  <c:v>0.42366475556623345</c:v>
                </c:pt>
                <c:pt idx="346">
                  <c:v>0.42366475556623345</c:v>
                </c:pt>
                <c:pt idx="347">
                  <c:v>0.53798699119521709</c:v>
                </c:pt>
                <c:pt idx="348">
                  <c:v>0.53798699119521709</c:v>
                </c:pt>
                <c:pt idx="349">
                  <c:v>0.35641638166683132</c:v>
                </c:pt>
                <c:pt idx="350">
                  <c:v>0.53798699119521709</c:v>
                </c:pt>
                <c:pt idx="351">
                  <c:v>0.53798699119521709</c:v>
                </c:pt>
                <c:pt idx="352">
                  <c:v>0.53798699119521709</c:v>
                </c:pt>
                <c:pt idx="353">
                  <c:v>0.53798699119521709</c:v>
                </c:pt>
                <c:pt idx="354">
                  <c:v>0.53798699119521709</c:v>
                </c:pt>
                <c:pt idx="355">
                  <c:v>0.45056410512599437</c:v>
                </c:pt>
                <c:pt idx="356">
                  <c:v>0.36986605644671178</c:v>
                </c:pt>
                <c:pt idx="357">
                  <c:v>0.26899349559760855</c:v>
                </c:pt>
                <c:pt idx="358">
                  <c:v>0.25554382081772814</c:v>
                </c:pt>
                <c:pt idx="359">
                  <c:v>0.25554382081772814</c:v>
                </c:pt>
                <c:pt idx="360">
                  <c:v>0.2370170742856833</c:v>
                </c:pt>
                <c:pt idx="361">
                  <c:v>0.2370170742856833</c:v>
                </c:pt>
                <c:pt idx="362">
                  <c:v>0.2370170742856833</c:v>
                </c:pt>
                <c:pt idx="363">
                  <c:v>0.2370170742856833</c:v>
                </c:pt>
                <c:pt idx="364">
                  <c:v>0.2370170742856833</c:v>
                </c:pt>
                <c:pt idx="365">
                  <c:v>0.30812219657138823</c:v>
                </c:pt>
                <c:pt idx="366">
                  <c:v>0.34367475771424072</c:v>
                </c:pt>
                <c:pt idx="367">
                  <c:v>0.35552561142852496</c:v>
                </c:pt>
                <c:pt idx="368">
                  <c:v>0.35552561142852496</c:v>
                </c:pt>
                <c:pt idx="369">
                  <c:v>0.3851527457142353</c:v>
                </c:pt>
                <c:pt idx="370">
                  <c:v>0.40292902628566152</c:v>
                </c:pt>
                <c:pt idx="371">
                  <c:v>0.47403414857136661</c:v>
                </c:pt>
                <c:pt idx="372">
                  <c:v>0.47403414857136661</c:v>
                </c:pt>
                <c:pt idx="373">
                  <c:v>0.47403414857136661</c:v>
                </c:pt>
                <c:pt idx="374">
                  <c:v>0.47403414857136661</c:v>
                </c:pt>
                <c:pt idx="375">
                  <c:v>0.47403414857136661</c:v>
                </c:pt>
                <c:pt idx="376">
                  <c:v>0.47403414857136661</c:v>
                </c:pt>
                <c:pt idx="377">
                  <c:v>0.47403414857136661</c:v>
                </c:pt>
                <c:pt idx="378">
                  <c:v>0.47403414857136661</c:v>
                </c:pt>
                <c:pt idx="379">
                  <c:v>0.39700359942851954</c:v>
                </c:pt>
                <c:pt idx="380">
                  <c:v>0.32589847714281445</c:v>
                </c:pt>
                <c:pt idx="381">
                  <c:v>0.2370170742856833</c:v>
                </c:pt>
                <c:pt idx="382">
                  <c:v>0.2370170742856833</c:v>
                </c:pt>
                <c:pt idx="383">
                  <c:v>0.2370170742856833</c:v>
                </c:pt>
                <c:pt idx="384">
                  <c:v>0.20614088401465885</c:v>
                </c:pt>
                <c:pt idx="385">
                  <c:v>0.23190849451649118</c:v>
                </c:pt>
                <c:pt idx="386">
                  <c:v>0.23190849451649118</c:v>
                </c:pt>
                <c:pt idx="387">
                  <c:v>0.23190849451649118</c:v>
                </c:pt>
                <c:pt idx="388">
                  <c:v>0.23190849451649118</c:v>
                </c:pt>
                <c:pt idx="389">
                  <c:v>0.29890428182125528</c:v>
                </c:pt>
                <c:pt idx="390">
                  <c:v>0.34528598072455358</c:v>
                </c:pt>
                <c:pt idx="391">
                  <c:v>0.34528598072455358</c:v>
                </c:pt>
                <c:pt idx="392">
                  <c:v>0.34528598072455358</c:v>
                </c:pt>
                <c:pt idx="393">
                  <c:v>0.37105359122638587</c:v>
                </c:pt>
                <c:pt idx="394">
                  <c:v>0.40197472382858468</c:v>
                </c:pt>
                <c:pt idx="395">
                  <c:v>0.46381698903298235</c:v>
                </c:pt>
                <c:pt idx="396">
                  <c:v>0.46381698903298235</c:v>
                </c:pt>
                <c:pt idx="397">
                  <c:v>0.46381698903298235</c:v>
                </c:pt>
                <c:pt idx="398">
                  <c:v>0.46381698903298235</c:v>
                </c:pt>
                <c:pt idx="399">
                  <c:v>0.46381698903298235</c:v>
                </c:pt>
                <c:pt idx="400">
                  <c:v>0.46381698903298235</c:v>
                </c:pt>
                <c:pt idx="401">
                  <c:v>0.46381698903298235</c:v>
                </c:pt>
                <c:pt idx="402">
                  <c:v>0.46381698903298235</c:v>
                </c:pt>
                <c:pt idx="403">
                  <c:v>0.38651415752748536</c:v>
                </c:pt>
                <c:pt idx="404">
                  <c:v>0.30921132602198825</c:v>
                </c:pt>
                <c:pt idx="405">
                  <c:v>0.23190849451649118</c:v>
                </c:pt>
                <c:pt idx="406">
                  <c:v>0.23190849451649118</c:v>
                </c:pt>
                <c:pt idx="407">
                  <c:v>0.23190849451649118</c:v>
                </c:pt>
                <c:pt idx="408">
                  <c:v>0.23523432171459926</c:v>
                </c:pt>
                <c:pt idx="409">
                  <c:v>0.23523432171459926</c:v>
                </c:pt>
                <c:pt idx="410">
                  <c:v>0.23523432171459926</c:v>
                </c:pt>
                <c:pt idx="411">
                  <c:v>0.23523432171459926</c:v>
                </c:pt>
                <c:pt idx="412">
                  <c:v>0.23523432171459926</c:v>
                </c:pt>
                <c:pt idx="413">
                  <c:v>0.30319090354326128</c:v>
                </c:pt>
                <c:pt idx="414">
                  <c:v>0.35023776788618122</c:v>
                </c:pt>
                <c:pt idx="415">
                  <c:v>0.35023776788618122</c:v>
                </c:pt>
                <c:pt idx="416">
                  <c:v>0.35023776788618122</c:v>
                </c:pt>
                <c:pt idx="417">
                  <c:v>0.37637491474335893</c:v>
                </c:pt>
                <c:pt idx="418">
                  <c:v>0.4077394909719721</c:v>
                </c:pt>
                <c:pt idx="419">
                  <c:v>0.47046864342919853</c:v>
                </c:pt>
                <c:pt idx="420">
                  <c:v>0.47046864342919853</c:v>
                </c:pt>
                <c:pt idx="421">
                  <c:v>0.47046864342919853</c:v>
                </c:pt>
                <c:pt idx="422">
                  <c:v>0.47046864342919853</c:v>
                </c:pt>
                <c:pt idx="423">
                  <c:v>0.47046864342919853</c:v>
                </c:pt>
                <c:pt idx="424">
                  <c:v>0.47046864342919853</c:v>
                </c:pt>
                <c:pt idx="425">
                  <c:v>0.47046864342919853</c:v>
                </c:pt>
                <c:pt idx="426">
                  <c:v>0.47046864342919853</c:v>
                </c:pt>
                <c:pt idx="427">
                  <c:v>0.39205720285766549</c:v>
                </c:pt>
                <c:pt idx="428">
                  <c:v>0.31364576228613245</c:v>
                </c:pt>
                <c:pt idx="429">
                  <c:v>0.23523432171459926</c:v>
                </c:pt>
                <c:pt idx="430">
                  <c:v>0.23523432171459926</c:v>
                </c:pt>
                <c:pt idx="431">
                  <c:v>0.23523432171459926</c:v>
                </c:pt>
                <c:pt idx="432">
                  <c:v>0.25944312715136331</c:v>
                </c:pt>
                <c:pt idx="433">
                  <c:v>0.25944312715136331</c:v>
                </c:pt>
                <c:pt idx="434">
                  <c:v>0.25944312715136331</c:v>
                </c:pt>
                <c:pt idx="435">
                  <c:v>0.25944312715136331</c:v>
                </c:pt>
                <c:pt idx="436">
                  <c:v>0.25944312715136331</c:v>
                </c:pt>
                <c:pt idx="437">
                  <c:v>0.33439336388397933</c:v>
                </c:pt>
                <c:pt idx="438">
                  <c:v>0.40357819779100956</c:v>
                </c:pt>
                <c:pt idx="439">
                  <c:v>0.40357819779100956</c:v>
                </c:pt>
                <c:pt idx="440">
                  <c:v>0.40357819779100956</c:v>
                </c:pt>
                <c:pt idx="441">
                  <c:v>0.43240521191893883</c:v>
                </c:pt>
                <c:pt idx="442">
                  <c:v>0.44970142039569638</c:v>
                </c:pt>
                <c:pt idx="443">
                  <c:v>0.51888625430272661</c:v>
                </c:pt>
                <c:pt idx="444">
                  <c:v>0.51888625430272661</c:v>
                </c:pt>
                <c:pt idx="445">
                  <c:v>0.51888625430272661</c:v>
                </c:pt>
                <c:pt idx="446">
                  <c:v>0.51888625430272661</c:v>
                </c:pt>
                <c:pt idx="447">
                  <c:v>0.43240521191893883</c:v>
                </c:pt>
                <c:pt idx="448">
                  <c:v>0.40934360061659547</c:v>
                </c:pt>
                <c:pt idx="449">
                  <c:v>0.40934360061659547</c:v>
                </c:pt>
                <c:pt idx="450">
                  <c:v>0.40934360061659547</c:v>
                </c:pt>
                <c:pt idx="451">
                  <c:v>0.40934360061659547</c:v>
                </c:pt>
                <c:pt idx="452">
                  <c:v>0.31709715540722178</c:v>
                </c:pt>
                <c:pt idx="453">
                  <c:v>0.12107345933730285</c:v>
                </c:pt>
                <c:pt idx="454">
                  <c:v>0.12107345933730285</c:v>
                </c:pt>
                <c:pt idx="455">
                  <c:v>0.12107345933730285</c:v>
                </c:pt>
                <c:pt idx="456">
                  <c:v>8.6188099774936189E-2</c:v>
                </c:pt>
                <c:pt idx="457">
                  <c:v>0.16827200432249448</c:v>
                </c:pt>
                <c:pt idx="458">
                  <c:v>0.16827200432249448</c:v>
                </c:pt>
                <c:pt idx="459">
                  <c:v>0.16827200432249448</c:v>
                </c:pt>
                <c:pt idx="460">
                  <c:v>0.16827200432249448</c:v>
                </c:pt>
                <c:pt idx="461">
                  <c:v>0.20931395659627361</c:v>
                </c:pt>
                <c:pt idx="462">
                  <c:v>0.26266849455218649</c:v>
                </c:pt>
                <c:pt idx="463">
                  <c:v>0.29960625159858773</c:v>
                </c:pt>
                <c:pt idx="464">
                  <c:v>0.29960625159858773</c:v>
                </c:pt>
                <c:pt idx="465">
                  <c:v>0.29960625159858773</c:v>
                </c:pt>
                <c:pt idx="466">
                  <c:v>0.29960625159858773</c:v>
                </c:pt>
                <c:pt idx="467">
                  <c:v>0.29960625159858773</c:v>
                </c:pt>
                <c:pt idx="468">
                  <c:v>0.29960625159858773</c:v>
                </c:pt>
                <c:pt idx="469">
                  <c:v>0.29960625159858773</c:v>
                </c:pt>
                <c:pt idx="470">
                  <c:v>0.29960625159858773</c:v>
                </c:pt>
                <c:pt idx="471">
                  <c:v>0.27087688500694235</c:v>
                </c:pt>
                <c:pt idx="472">
                  <c:v>0.24625171364267484</c:v>
                </c:pt>
                <c:pt idx="473">
                  <c:v>0.22162654227840736</c:v>
                </c:pt>
                <c:pt idx="474">
                  <c:v>0.21341815182365154</c:v>
                </c:pt>
                <c:pt idx="475">
                  <c:v>0.17237619954987238</c:v>
                </c:pt>
                <c:pt idx="476">
                  <c:v>0.12723005204871535</c:v>
                </c:pt>
                <c:pt idx="477">
                  <c:v>0.12723005204871535</c:v>
                </c:pt>
                <c:pt idx="478">
                  <c:v>0.12723005204871535</c:v>
                </c:pt>
                <c:pt idx="479">
                  <c:v>0.12723005204871535</c:v>
                </c:pt>
                <c:pt idx="480">
                  <c:v>0.14605861939333992</c:v>
                </c:pt>
                <c:pt idx="481">
                  <c:v>0.16961646123097537</c:v>
                </c:pt>
                <c:pt idx="482">
                  <c:v>0.16961646123097537</c:v>
                </c:pt>
                <c:pt idx="483">
                  <c:v>0.16961646123097537</c:v>
                </c:pt>
                <c:pt idx="484">
                  <c:v>0.16961646123097537</c:v>
                </c:pt>
                <c:pt idx="485">
                  <c:v>0.21202057653871922</c:v>
                </c:pt>
                <c:pt idx="486">
                  <c:v>0.24971312347893601</c:v>
                </c:pt>
                <c:pt idx="487">
                  <c:v>0.2968288071542069</c:v>
                </c:pt>
                <c:pt idx="488">
                  <c:v>0.2968288071542069</c:v>
                </c:pt>
                <c:pt idx="489">
                  <c:v>0.2968288071542069</c:v>
                </c:pt>
                <c:pt idx="490">
                  <c:v>0.2968288071542069</c:v>
                </c:pt>
                <c:pt idx="491">
                  <c:v>0.2968288071542069</c:v>
                </c:pt>
                <c:pt idx="492">
                  <c:v>0.2968288071542069</c:v>
                </c:pt>
                <c:pt idx="493">
                  <c:v>0.2968288071542069</c:v>
                </c:pt>
                <c:pt idx="494">
                  <c:v>0.2968288071542069</c:v>
                </c:pt>
                <c:pt idx="495">
                  <c:v>0.26384782858151729</c:v>
                </c:pt>
                <c:pt idx="496">
                  <c:v>0.25913626021399011</c:v>
                </c:pt>
                <c:pt idx="497">
                  <c:v>0.22144371327377343</c:v>
                </c:pt>
                <c:pt idx="498">
                  <c:v>0.20730900817119216</c:v>
                </c:pt>
                <c:pt idx="499">
                  <c:v>0.17432802959850249</c:v>
                </c:pt>
                <c:pt idx="500">
                  <c:v>0.14605861939333992</c:v>
                </c:pt>
                <c:pt idx="501">
                  <c:v>0.12721234592323155</c:v>
                </c:pt>
                <c:pt idx="502">
                  <c:v>0.12721234592323155</c:v>
                </c:pt>
                <c:pt idx="503">
                  <c:v>0.12721234592323155</c:v>
                </c:pt>
                <c:pt idx="504">
                  <c:v>8.0007086505263628E-2</c:v>
                </c:pt>
                <c:pt idx="505">
                  <c:v>8.0007086505263628E-2</c:v>
                </c:pt>
                <c:pt idx="506">
                  <c:v>8.0007086505263628E-2</c:v>
                </c:pt>
                <c:pt idx="507">
                  <c:v>8.0007086505263628E-2</c:v>
                </c:pt>
                <c:pt idx="508">
                  <c:v>8.0007086505263628E-2</c:v>
                </c:pt>
                <c:pt idx="509">
                  <c:v>0.34669737485614238</c:v>
                </c:pt>
                <c:pt idx="510">
                  <c:v>0.39336817531754625</c:v>
                </c:pt>
                <c:pt idx="511">
                  <c:v>0.39336817531754625</c:v>
                </c:pt>
                <c:pt idx="512">
                  <c:v>0.39336817531754625</c:v>
                </c:pt>
                <c:pt idx="513">
                  <c:v>0.42003720415263407</c:v>
                </c:pt>
                <c:pt idx="514">
                  <c:v>0.42003720415263407</c:v>
                </c:pt>
                <c:pt idx="515">
                  <c:v>0.53338057670175765</c:v>
                </c:pt>
                <c:pt idx="516">
                  <c:v>0.53338057670175765</c:v>
                </c:pt>
                <c:pt idx="517">
                  <c:v>0.35336463206491436</c:v>
                </c:pt>
                <c:pt idx="518">
                  <c:v>0.53338057670175765</c:v>
                </c:pt>
                <c:pt idx="519">
                  <c:v>0.53338057670175765</c:v>
                </c:pt>
                <c:pt idx="520">
                  <c:v>0.53338057670175765</c:v>
                </c:pt>
                <c:pt idx="521">
                  <c:v>0.53338057670175765</c:v>
                </c:pt>
                <c:pt idx="522">
                  <c:v>0.53338057670175765</c:v>
                </c:pt>
                <c:pt idx="523">
                  <c:v>0.44670623298772194</c:v>
                </c:pt>
                <c:pt idx="524">
                  <c:v>0.36669914648245827</c:v>
                </c:pt>
                <c:pt idx="525">
                  <c:v>0.26669028835087882</c:v>
                </c:pt>
                <c:pt idx="526">
                  <c:v>0.2533557739333348</c:v>
                </c:pt>
                <c:pt idx="527">
                  <c:v>0.2533557739333348</c:v>
                </c:pt>
                <c:pt idx="528">
                  <c:v>0.22628221691643777</c:v>
                </c:pt>
                <c:pt idx="529">
                  <c:v>0.22628221691643777</c:v>
                </c:pt>
                <c:pt idx="530">
                  <c:v>0.22628221691643777</c:v>
                </c:pt>
                <c:pt idx="531">
                  <c:v>0.22628221691643777</c:v>
                </c:pt>
                <c:pt idx="532">
                  <c:v>0.22628221691643777</c:v>
                </c:pt>
                <c:pt idx="533">
                  <c:v>0.29416688199136903</c:v>
                </c:pt>
                <c:pt idx="534">
                  <c:v>0.32810921452883468</c:v>
                </c:pt>
                <c:pt idx="535">
                  <c:v>0.33942332537465658</c:v>
                </c:pt>
                <c:pt idx="536">
                  <c:v>0.33942332537465658</c:v>
                </c:pt>
                <c:pt idx="537">
                  <c:v>0.36770860248921128</c:v>
                </c:pt>
                <c:pt idx="538">
                  <c:v>0.38467976875794413</c:v>
                </c:pt>
                <c:pt idx="539">
                  <c:v>0.45256443383287553</c:v>
                </c:pt>
                <c:pt idx="540">
                  <c:v>0.45256443383287553</c:v>
                </c:pt>
                <c:pt idx="541">
                  <c:v>0.45256443383287553</c:v>
                </c:pt>
                <c:pt idx="542">
                  <c:v>0.45256443383287553</c:v>
                </c:pt>
                <c:pt idx="543">
                  <c:v>0.45256443383287553</c:v>
                </c:pt>
                <c:pt idx="544">
                  <c:v>0.45256443383287553</c:v>
                </c:pt>
                <c:pt idx="545">
                  <c:v>0.45256443383287553</c:v>
                </c:pt>
                <c:pt idx="546">
                  <c:v>0.45256443383287553</c:v>
                </c:pt>
                <c:pt idx="547">
                  <c:v>0.37902271333503318</c:v>
                </c:pt>
                <c:pt idx="548">
                  <c:v>0.31113804826010188</c:v>
                </c:pt>
                <c:pt idx="549">
                  <c:v>0.22628221691643777</c:v>
                </c:pt>
                <c:pt idx="550">
                  <c:v>0.22628221691643777</c:v>
                </c:pt>
                <c:pt idx="551">
                  <c:v>0.22628221691643777</c:v>
                </c:pt>
                <c:pt idx="552">
                  <c:v>0.19892854241479321</c:v>
                </c:pt>
                <c:pt idx="553">
                  <c:v>0.22379461021664229</c:v>
                </c:pt>
                <c:pt idx="554">
                  <c:v>0.22379461021664229</c:v>
                </c:pt>
                <c:pt idx="555">
                  <c:v>0.22379461021664229</c:v>
                </c:pt>
                <c:pt idx="556">
                  <c:v>0.22379461021664229</c:v>
                </c:pt>
                <c:pt idx="557">
                  <c:v>0.28844638650145005</c:v>
                </c:pt>
                <c:pt idx="558">
                  <c:v>0.33320530854477853</c:v>
                </c:pt>
                <c:pt idx="559">
                  <c:v>0.33320530854477853</c:v>
                </c:pt>
                <c:pt idx="560">
                  <c:v>0.33320530854477853</c:v>
                </c:pt>
                <c:pt idx="561">
                  <c:v>0.35807137634662767</c:v>
                </c:pt>
                <c:pt idx="562">
                  <c:v>0.3879106577088467</c:v>
                </c:pt>
                <c:pt idx="563">
                  <c:v>0.44758922043328458</c:v>
                </c:pt>
                <c:pt idx="564">
                  <c:v>0.44758922043328458</c:v>
                </c:pt>
                <c:pt idx="565">
                  <c:v>0.44758922043328458</c:v>
                </c:pt>
                <c:pt idx="566">
                  <c:v>0.44758922043328458</c:v>
                </c:pt>
                <c:pt idx="567">
                  <c:v>0.44758922043328458</c:v>
                </c:pt>
                <c:pt idx="568">
                  <c:v>0.44758922043328458</c:v>
                </c:pt>
                <c:pt idx="569">
                  <c:v>0.44758922043328458</c:v>
                </c:pt>
                <c:pt idx="570">
                  <c:v>0.44758922043328458</c:v>
                </c:pt>
                <c:pt idx="571">
                  <c:v>0.37299101702773718</c:v>
                </c:pt>
                <c:pt idx="572">
                  <c:v>0.29839281362218972</c:v>
                </c:pt>
                <c:pt idx="573">
                  <c:v>0.22379461021664229</c:v>
                </c:pt>
                <c:pt idx="574">
                  <c:v>0.22379461021664229</c:v>
                </c:pt>
                <c:pt idx="575">
                  <c:v>0.22379461021664229</c:v>
                </c:pt>
                <c:pt idx="576">
                  <c:v>0.22094000944972578</c:v>
                </c:pt>
                <c:pt idx="577">
                  <c:v>0.22094000944972578</c:v>
                </c:pt>
                <c:pt idx="578">
                  <c:v>0.22094000944972578</c:v>
                </c:pt>
                <c:pt idx="579">
                  <c:v>0.22094000944972578</c:v>
                </c:pt>
                <c:pt idx="580">
                  <c:v>0.22094000944972578</c:v>
                </c:pt>
                <c:pt idx="581">
                  <c:v>0.28476712329075771</c:v>
                </c:pt>
                <c:pt idx="582">
                  <c:v>0.32895512518070286</c:v>
                </c:pt>
                <c:pt idx="583">
                  <c:v>0.32895512518070286</c:v>
                </c:pt>
                <c:pt idx="584">
                  <c:v>0.32895512518070286</c:v>
                </c:pt>
                <c:pt idx="585">
                  <c:v>0.35350401511956131</c:v>
                </c:pt>
                <c:pt idx="586">
                  <c:v>0.38296268304619141</c:v>
                </c:pt>
                <c:pt idx="587">
                  <c:v>0.44188001889945155</c:v>
                </c:pt>
                <c:pt idx="588">
                  <c:v>0.44188001889945155</c:v>
                </c:pt>
                <c:pt idx="589">
                  <c:v>0.44188001889945155</c:v>
                </c:pt>
                <c:pt idx="590">
                  <c:v>0.44188001889945155</c:v>
                </c:pt>
                <c:pt idx="591">
                  <c:v>0.44188001889945155</c:v>
                </c:pt>
                <c:pt idx="592">
                  <c:v>0.44188001889945155</c:v>
                </c:pt>
                <c:pt idx="593">
                  <c:v>0.44188001889945155</c:v>
                </c:pt>
                <c:pt idx="594">
                  <c:v>0.44188001889945155</c:v>
                </c:pt>
                <c:pt idx="595">
                  <c:v>0.3682333490828763</c:v>
                </c:pt>
                <c:pt idx="596">
                  <c:v>0.29458667926630111</c:v>
                </c:pt>
                <c:pt idx="597">
                  <c:v>0.22094000944972578</c:v>
                </c:pt>
                <c:pt idx="598">
                  <c:v>0.22094000944972578</c:v>
                </c:pt>
                <c:pt idx="599">
                  <c:v>0.22094000944972578</c:v>
                </c:pt>
                <c:pt idx="600">
                  <c:v>0.25170125242173264</c:v>
                </c:pt>
                <c:pt idx="601">
                  <c:v>0.25170125242173264</c:v>
                </c:pt>
                <c:pt idx="602">
                  <c:v>0.25170125242173264</c:v>
                </c:pt>
                <c:pt idx="603">
                  <c:v>0.25170125242173264</c:v>
                </c:pt>
                <c:pt idx="604">
                  <c:v>0.25170125242173264</c:v>
                </c:pt>
                <c:pt idx="605">
                  <c:v>0.32441494756578876</c:v>
                </c:pt>
                <c:pt idx="606">
                  <c:v>0.39153528154491751</c:v>
                </c:pt>
                <c:pt idx="607">
                  <c:v>0.39153528154491751</c:v>
                </c:pt>
                <c:pt idx="608">
                  <c:v>0.39153528154491751</c:v>
                </c:pt>
                <c:pt idx="609">
                  <c:v>0.41950208736955447</c:v>
                </c:pt>
                <c:pt idx="610">
                  <c:v>0.43628217086433663</c:v>
                </c:pt>
                <c:pt idx="611">
                  <c:v>0.50340250484346527</c:v>
                </c:pt>
                <c:pt idx="612">
                  <c:v>0.50340250484346527</c:v>
                </c:pt>
                <c:pt idx="613">
                  <c:v>0.50340250484346527</c:v>
                </c:pt>
                <c:pt idx="614">
                  <c:v>0.50340250484346527</c:v>
                </c:pt>
                <c:pt idx="615">
                  <c:v>0.41950208736955447</c:v>
                </c:pt>
                <c:pt idx="616">
                  <c:v>0.39712864270984494</c:v>
                </c:pt>
                <c:pt idx="617">
                  <c:v>0.39712864270984494</c:v>
                </c:pt>
                <c:pt idx="618">
                  <c:v>0.39712864270984494</c:v>
                </c:pt>
                <c:pt idx="619">
                  <c:v>0.39712864270984494</c:v>
                </c:pt>
                <c:pt idx="620">
                  <c:v>0.3076348640710066</c:v>
                </c:pt>
                <c:pt idx="621">
                  <c:v>0.11746058446347524</c:v>
                </c:pt>
                <c:pt idx="622">
                  <c:v>0.11746058446347524</c:v>
                </c:pt>
                <c:pt idx="623">
                  <c:v>0.11746058446347524</c:v>
                </c:pt>
                <c:pt idx="624">
                  <c:v>8.3000537797908294E-2</c:v>
                </c:pt>
                <c:pt idx="625">
                  <c:v>0.16204866903401147</c:v>
                </c:pt>
                <c:pt idx="626">
                  <c:v>0.16204866903401147</c:v>
                </c:pt>
                <c:pt idx="627">
                  <c:v>0.16204866903401147</c:v>
                </c:pt>
                <c:pt idx="628">
                  <c:v>0.16204866903401147</c:v>
                </c:pt>
                <c:pt idx="629">
                  <c:v>0.20157273465206305</c:v>
                </c:pt>
                <c:pt idx="630">
                  <c:v>0.25295401995553007</c:v>
                </c:pt>
                <c:pt idx="631">
                  <c:v>0.28852567901177645</c:v>
                </c:pt>
                <c:pt idx="632">
                  <c:v>0.28852567901177645</c:v>
                </c:pt>
                <c:pt idx="633">
                  <c:v>0.28852567901177645</c:v>
                </c:pt>
                <c:pt idx="634">
                  <c:v>0.28852567901177645</c:v>
                </c:pt>
                <c:pt idx="635">
                  <c:v>0.28852567901177645</c:v>
                </c:pt>
                <c:pt idx="636">
                  <c:v>0.28852567901177645</c:v>
                </c:pt>
                <c:pt idx="637">
                  <c:v>0.28852567901177645</c:v>
                </c:pt>
                <c:pt idx="638">
                  <c:v>0.28852567901177645</c:v>
                </c:pt>
                <c:pt idx="639">
                  <c:v>0.26085883307914037</c:v>
                </c:pt>
                <c:pt idx="640">
                  <c:v>0.23714439370830945</c:v>
                </c:pt>
                <c:pt idx="641">
                  <c:v>0.21342995433747849</c:v>
                </c:pt>
                <c:pt idx="642">
                  <c:v>0.20552514121386814</c:v>
                </c:pt>
                <c:pt idx="643">
                  <c:v>0.16600107559581659</c:v>
                </c:pt>
                <c:pt idx="644">
                  <c:v>0.12252460341595986</c:v>
                </c:pt>
                <c:pt idx="645">
                  <c:v>0.12252460341595986</c:v>
                </c:pt>
                <c:pt idx="646">
                  <c:v>0.12252460341595986</c:v>
                </c:pt>
                <c:pt idx="647">
                  <c:v>0.12252460341595986</c:v>
                </c:pt>
                <c:pt idx="648">
                  <c:v>0.13730757711017866</c:v>
                </c:pt>
                <c:pt idx="649">
                  <c:v>0.15945396051504618</c:v>
                </c:pt>
                <c:pt idx="650">
                  <c:v>0.15945396051504618</c:v>
                </c:pt>
                <c:pt idx="651">
                  <c:v>0.15945396051504618</c:v>
                </c:pt>
                <c:pt idx="652">
                  <c:v>0.15945396051504618</c:v>
                </c:pt>
                <c:pt idx="653">
                  <c:v>0.19931745064380774</c:v>
                </c:pt>
                <c:pt idx="654">
                  <c:v>0.23475166409159581</c:v>
                </c:pt>
                <c:pt idx="655">
                  <c:v>0.27904443090133091</c:v>
                </c:pt>
                <c:pt idx="656">
                  <c:v>0.27904443090133091</c:v>
                </c:pt>
                <c:pt idx="657">
                  <c:v>0.27904443090133091</c:v>
                </c:pt>
                <c:pt idx="658">
                  <c:v>0.27904443090133091</c:v>
                </c:pt>
                <c:pt idx="659">
                  <c:v>0.27904443090133091</c:v>
                </c:pt>
                <c:pt idx="660">
                  <c:v>0.27904443090133091</c:v>
                </c:pt>
                <c:pt idx="661">
                  <c:v>0.27904443090133091</c:v>
                </c:pt>
                <c:pt idx="662">
                  <c:v>0.27904443090133091</c:v>
                </c:pt>
                <c:pt idx="663">
                  <c:v>0.24803949413451631</c:v>
                </c:pt>
                <c:pt idx="664">
                  <c:v>0.2436102174535428</c:v>
                </c:pt>
                <c:pt idx="665">
                  <c:v>0.20817600400575478</c:v>
                </c:pt>
                <c:pt idx="666">
                  <c:v>0.19488817396283425</c:v>
                </c:pt>
                <c:pt idx="667">
                  <c:v>0.16388323719601972</c:v>
                </c:pt>
                <c:pt idx="668">
                  <c:v>0.13730757711017866</c:v>
                </c:pt>
                <c:pt idx="669">
                  <c:v>0.11959047038628466</c:v>
                </c:pt>
                <c:pt idx="670">
                  <c:v>0.11959047038628466</c:v>
                </c:pt>
                <c:pt idx="671">
                  <c:v>0.11959047038628466</c:v>
                </c:pt>
                <c:pt idx="672">
                  <c:v>7.7429978269052721E-2</c:v>
                </c:pt>
                <c:pt idx="673">
                  <c:v>7.7429978269052721E-2</c:v>
                </c:pt>
                <c:pt idx="674">
                  <c:v>7.7429978269052721E-2</c:v>
                </c:pt>
                <c:pt idx="675">
                  <c:v>7.7429978269052721E-2</c:v>
                </c:pt>
                <c:pt idx="676">
                  <c:v>7.7429978269052721E-2</c:v>
                </c:pt>
                <c:pt idx="677">
                  <c:v>0.33552990583256181</c:v>
                </c:pt>
                <c:pt idx="678">
                  <c:v>0.3806973931561759</c:v>
                </c:pt>
                <c:pt idx="679">
                  <c:v>0.3806973931561759</c:v>
                </c:pt>
                <c:pt idx="680">
                  <c:v>0.3806973931561759</c:v>
                </c:pt>
                <c:pt idx="681">
                  <c:v>0.40650738591252683</c:v>
                </c:pt>
                <c:pt idx="682">
                  <c:v>0.40650738591252683</c:v>
                </c:pt>
                <c:pt idx="683">
                  <c:v>0.51619985512701827</c:v>
                </c:pt>
                <c:pt idx="684">
                  <c:v>0.51619985512701827</c:v>
                </c:pt>
                <c:pt idx="685">
                  <c:v>0.34198240402164959</c:v>
                </c:pt>
                <c:pt idx="686">
                  <c:v>0.51619985512701827</c:v>
                </c:pt>
                <c:pt idx="687">
                  <c:v>0.51619985512701827</c:v>
                </c:pt>
                <c:pt idx="688">
                  <c:v>0.51619985512701827</c:v>
                </c:pt>
                <c:pt idx="689">
                  <c:v>0.51619985512701827</c:v>
                </c:pt>
                <c:pt idx="690">
                  <c:v>0.51619985512701827</c:v>
                </c:pt>
                <c:pt idx="691">
                  <c:v>0.43231737866887771</c:v>
                </c:pt>
                <c:pt idx="692">
                  <c:v>0.35488740039982503</c:v>
                </c:pt>
                <c:pt idx="693">
                  <c:v>0.25809992756350914</c:v>
                </c:pt>
                <c:pt idx="694">
                  <c:v>0.24519493118533361</c:v>
                </c:pt>
                <c:pt idx="695">
                  <c:v>0.24519493118533361</c:v>
                </c:pt>
                <c:pt idx="696">
                  <c:v>0.22726390809693608</c:v>
                </c:pt>
                <c:pt idx="697">
                  <c:v>0.22726390809693608</c:v>
                </c:pt>
                <c:pt idx="698">
                  <c:v>0.22726390809693608</c:v>
                </c:pt>
                <c:pt idx="699">
                  <c:v>0.22726390809693608</c:v>
                </c:pt>
                <c:pt idx="700">
                  <c:v>0.22726390809693608</c:v>
                </c:pt>
                <c:pt idx="701">
                  <c:v>0.29544308052601692</c:v>
                </c:pt>
                <c:pt idx="702">
                  <c:v>0.32953266674055731</c:v>
                </c:pt>
                <c:pt idx="703">
                  <c:v>0.34089586214540413</c:v>
                </c:pt>
                <c:pt idx="704">
                  <c:v>0.34089586214540413</c:v>
                </c:pt>
                <c:pt idx="705">
                  <c:v>0.36930385065752114</c:v>
                </c:pt>
                <c:pt idx="706">
                  <c:v>0.38634864376479133</c:v>
                </c:pt>
                <c:pt idx="707">
                  <c:v>0.45452781619387217</c:v>
                </c:pt>
                <c:pt idx="708">
                  <c:v>0.45452781619387217</c:v>
                </c:pt>
                <c:pt idx="709">
                  <c:v>0.45452781619387217</c:v>
                </c:pt>
                <c:pt idx="710">
                  <c:v>0.45452781619387217</c:v>
                </c:pt>
                <c:pt idx="711">
                  <c:v>0.45452781619387217</c:v>
                </c:pt>
                <c:pt idx="712">
                  <c:v>0.45452781619387217</c:v>
                </c:pt>
                <c:pt idx="713">
                  <c:v>0.45452781619387217</c:v>
                </c:pt>
                <c:pt idx="714">
                  <c:v>0.45452781619387217</c:v>
                </c:pt>
                <c:pt idx="715">
                  <c:v>0.38066704606236795</c:v>
                </c:pt>
                <c:pt idx="716">
                  <c:v>0.31248787363328712</c:v>
                </c:pt>
                <c:pt idx="717">
                  <c:v>0.22726390809693608</c:v>
                </c:pt>
                <c:pt idx="718">
                  <c:v>0.22726390809693608</c:v>
                </c:pt>
                <c:pt idx="719">
                  <c:v>0.22726390809693608</c:v>
                </c:pt>
                <c:pt idx="720">
                  <c:v>0.21334498623667233</c:v>
                </c:pt>
                <c:pt idx="721">
                  <c:v>0.24001310951625637</c:v>
                </c:pt>
                <c:pt idx="722">
                  <c:v>0.24001310951625637</c:v>
                </c:pt>
                <c:pt idx="723">
                  <c:v>0.24001310951625637</c:v>
                </c:pt>
                <c:pt idx="724">
                  <c:v>0.24001310951625637</c:v>
                </c:pt>
                <c:pt idx="725">
                  <c:v>0.30935023004317486</c:v>
                </c:pt>
                <c:pt idx="726">
                  <c:v>0.35735285194642619</c:v>
                </c:pt>
                <c:pt idx="727">
                  <c:v>0.35735285194642619</c:v>
                </c:pt>
                <c:pt idx="728">
                  <c:v>0.35735285194642619</c:v>
                </c:pt>
                <c:pt idx="729">
                  <c:v>0.38402097522601014</c:v>
                </c:pt>
                <c:pt idx="730">
                  <c:v>0.41602272316151095</c:v>
                </c:pt>
                <c:pt idx="731">
                  <c:v>0.48002621903251275</c:v>
                </c:pt>
                <c:pt idx="732">
                  <c:v>0.48002621903251275</c:v>
                </c:pt>
                <c:pt idx="733">
                  <c:v>0.48002621903251275</c:v>
                </c:pt>
                <c:pt idx="734">
                  <c:v>0.48002621903251275</c:v>
                </c:pt>
                <c:pt idx="735">
                  <c:v>0.48002621903251275</c:v>
                </c:pt>
                <c:pt idx="736">
                  <c:v>0.48002621903251275</c:v>
                </c:pt>
                <c:pt idx="737">
                  <c:v>0.48002621903251275</c:v>
                </c:pt>
                <c:pt idx="738">
                  <c:v>0.48002621903251275</c:v>
                </c:pt>
                <c:pt idx="739">
                  <c:v>0.40002184919376066</c:v>
                </c:pt>
                <c:pt idx="740">
                  <c:v>0.32001747935500852</c:v>
                </c:pt>
                <c:pt idx="741">
                  <c:v>0.24001310951625637</c:v>
                </c:pt>
                <c:pt idx="742">
                  <c:v>0.24001310951625637</c:v>
                </c:pt>
                <c:pt idx="743">
                  <c:v>0.24001310951625637</c:v>
                </c:pt>
                <c:pt idx="744">
                  <c:v>0.25072034125207127</c:v>
                </c:pt>
                <c:pt idx="745">
                  <c:v>0.25072034125207127</c:v>
                </c:pt>
                <c:pt idx="746">
                  <c:v>0.25072034125207127</c:v>
                </c:pt>
                <c:pt idx="747">
                  <c:v>0.25072034125207127</c:v>
                </c:pt>
                <c:pt idx="748">
                  <c:v>0.25072034125207127</c:v>
                </c:pt>
                <c:pt idx="749">
                  <c:v>0.32315066205822512</c:v>
                </c:pt>
                <c:pt idx="750">
                  <c:v>0.37329473030863936</c:v>
                </c:pt>
                <c:pt idx="751">
                  <c:v>0.37329473030863936</c:v>
                </c:pt>
                <c:pt idx="752">
                  <c:v>0.37329473030863936</c:v>
                </c:pt>
                <c:pt idx="753">
                  <c:v>0.40115254600331396</c:v>
                </c:pt>
                <c:pt idx="754">
                  <c:v>0.43458192483692348</c:v>
                </c:pt>
                <c:pt idx="755">
                  <c:v>0.50144068250414253</c:v>
                </c:pt>
                <c:pt idx="756">
                  <c:v>0.50144068250414253</c:v>
                </c:pt>
                <c:pt idx="757">
                  <c:v>0.50144068250414253</c:v>
                </c:pt>
                <c:pt idx="758">
                  <c:v>0.50144068250414253</c:v>
                </c:pt>
                <c:pt idx="759">
                  <c:v>0.50144068250414253</c:v>
                </c:pt>
                <c:pt idx="760">
                  <c:v>0.50144068250414253</c:v>
                </c:pt>
                <c:pt idx="761">
                  <c:v>0.50144068250414253</c:v>
                </c:pt>
                <c:pt idx="762">
                  <c:v>0.50144068250414253</c:v>
                </c:pt>
                <c:pt idx="763">
                  <c:v>0.41786723542011872</c:v>
                </c:pt>
                <c:pt idx="764">
                  <c:v>0.33429378833609502</c:v>
                </c:pt>
                <c:pt idx="765">
                  <c:v>0.25072034125207127</c:v>
                </c:pt>
                <c:pt idx="766">
                  <c:v>0.25072034125207127</c:v>
                </c:pt>
                <c:pt idx="767">
                  <c:v>0.25072034125207127</c:v>
                </c:pt>
                <c:pt idx="768">
                  <c:v>0.26312973416547308</c:v>
                </c:pt>
                <c:pt idx="769">
                  <c:v>0.26312973416547308</c:v>
                </c:pt>
                <c:pt idx="770">
                  <c:v>0.26312973416547308</c:v>
                </c:pt>
                <c:pt idx="771">
                  <c:v>0.26312973416547308</c:v>
                </c:pt>
                <c:pt idx="772">
                  <c:v>0.26312973416547308</c:v>
                </c:pt>
                <c:pt idx="773">
                  <c:v>0.33914499070216536</c:v>
                </c:pt>
                <c:pt idx="774">
                  <c:v>0.40931291981295825</c:v>
                </c:pt>
                <c:pt idx="775">
                  <c:v>0.40931291981295825</c:v>
                </c:pt>
                <c:pt idx="776">
                  <c:v>0.40931291981295825</c:v>
                </c:pt>
                <c:pt idx="777">
                  <c:v>0.43854955694245529</c:v>
                </c:pt>
                <c:pt idx="778">
                  <c:v>0.45609153922015344</c:v>
                </c:pt>
                <c:pt idx="779">
                  <c:v>0.52625946833094617</c:v>
                </c:pt>
                <c:pt idx="780">
                  <c:v>0.52625946833094617</c:v>
                </c:pt>
                <c:pt idx="781">
                  <c:v>0.52625946833094617</c:v>
                </c:pt>
                <c:pt idx="782">
                  <c:v>0.52625946833094617</c:v>
                </c:pt>
                <c:pt idx="783">
                  <c:v>0.43854955694245529</c:v>
                </c:pt>
                <c:pt idx="784">
                  <c:v>0.41516024723885764</c:v>
                </c:pt>
                <c:pt idx="785">
                  <c:v>0.41516024723885764</c:v>
                </c:pt>
                <c:pt idx="786">
                  <c:v>0.41516024723885764</c:v>
                </c:pt>
                <c:pt idx="787">
                  <c:v>0.41516024723885764</c:v>
                </c:pt>
                <c:pt idx="788">
                  <c:v>0.32160300842446715</c:v>
                </c:pt>
                <c:pt idx="789">
                  <c:v>0.12279387594388746</c:v>
                </c:pt>
                <c:pt idx="790">
                  <c:v>0.12279387594388746</c:v>
                </c:pt>
                <c:pt idx="791">
                  <c:v>0.12279387594388746</c:v>
                </c:pt>
                <c:pt idx="792">
                  <c:v>9.6330342429115839E-2</c:v>
                </c:pt>
                <c:pt idx="793">
                  <c:v>0.18807352569494049</c:v>
                </c:pt>
                <c:pt idx="794">
                  <c:v>0.18807352569494049</c:v>
                </c:pt>
                <c:pt idx="795">
                  <c:v>0.18807352569494049</c:v>
                </c:pt>
                <c:pt idx="796">
                  <c:v>0.18807352569494049</c:v>
                </c:pt>
                <c:pt idx="797">
                  <c:v>0.23394511732785284</c:v>
                </c:pt>
                <c:pt idx="798">
                  <c:v>0.29357818645063877</c:v>
                </c:pt>
                <c:pt idx="799">
                  <c:v>0.33486261892025987</c:v>
                </c:pt>
                <c:pt idx="800">
                  <c:v>0.33486261892025987</c:v>
                </c:pt>
                <c:pt idx="801">
                  <c:v>0.33486261892025987</c:v>
                </c:pt>
                <c:pt idx="802">
                  <c:v>0.33486261892025987</c:v>
                </c:pt>
                <c:pt idx="803">
                  <c:v>0.33486261892025987</c:v>
                </c:pt>
                <c:pt idx="804">
                  <c:v>0.33486261892025987</c:v>
                </c:pt>
                <c:pt idx="805">
                  <c:v>0.33486261892025987</c:v>
                </c:pt>
                <c:pt idx="806">
                  <c:v>0.33486261892025987</c:v>
                </c:pt>
                <c:pt idx="807">
                  <c:v>0.30275250477722127</c:v>
                </c:pt>
                <c:pt idx="808">
                  <c:v>0.27522954979747388</c:v>
                </c:pt>
                <c:pt idx="809">
                  <c:v>0.2477065948177265</c:v>
                </c:pt>
                <c:pt idx="810">
                  <c:v>0.23853227649114403</c:v>
                </c:pt>
                <c:pt idx="811">
                  <c:v>0.19266068485823168</c:v>
                </c:pt>
                <c:pt idx="812">
                  <c:v>0.14220193406202816</c:v>
                </c:pt>
                <c:pt idx="813">
                  <c:v>0.14220193406202816</c:v>
                </c:pt>
                <c:pt idx="814">
                  <c:v>0.14220193406202816</c:v>
                </c:pt>
                <c:pt idx="815">
                  <c:v>0.14220193406202816</c:v>
                </c:pt>
                <c:pt idx="816">
                  <c:v>0.16258836592820006</c:v>
                </c:pt>
                <c:pt idx="817">
                  <c:v>0.18881229591661944</c:v>
                </c:pt>
                <c:pt idx="818">
                  <c:v>0.18881229591661944</c:v>
                </c:pt>
                <c:pt idx="819">
                  <c:v>0.18881229591661944</c:v>
                </c:pt>
                <c:pt idx="820">
                  <c:v>0.18881229591661944</c:v>
                </c:pt>
                <c:pt idx="821">
                  <c:v>0.23601536989577429</c:v>
                </c:pt>
                <c:pt idx="822">
                  <c:v>0.27797365787724532</c:v>
                </c:pt>
                <c:pt idx="823">
                  <c:v>0.33042151785408402</c:v>
                </c:pt>
                <c:pt idx="824">
                  <c:v>0.33042151785408402</c:v>
                </c:pt>
                <c:pt idx="825">
                  <c:v>0.33042151785408402</c:v>
                </c:pt>
                <c:pt idx="826">
                  <c:v>0.33042151785408402</c:v>
                </c:pt>
                <c:pt idx="827">
                  <c:v>0.33042151785408402</c:v>
                </c:pt>
                <c:pt idx="828">
                  <c:v>0.33042151785408402</c:v>
                </c:pt>
                <c:pt idx="829">
                  <c:v>0.33042151785408402</c:v>
                </c:pt>
                <c:pt idx="830">
                  <c:v>0.33042151785408402</c:v>
                </c:pt>
                <c:pt idx="831">
                  <c:v>0.29370801587029693</c:v>
                </c:pt>
                <c:pt idx="832">
                  <c:v>0.28846322987261303</c:v>
                </c:pt>
                <c:pt idx="833">
                  <c:v>0.24650494189114205</c:v>
                </c:pt>
                <c:pt idx="834">
                  <c:v>0.23077058389809041</c:v>
                </c:pt>
                <c:pt idx="835">
                  <c:v>0.19405708191430332</c:v>
                </c:pt>
                <c:pt idx="836">
                  <c:v>0.16258836592820006</c:v>
                </c:pt>
                <c:pt idx="837">
                  <c:v>0.14160922193746459</c:v>
                </c:pt>
                <c:pt idx="838">
                  <c:v>0.14160922193746459</c:v>
                </c:pt>
                <c:pt idx="839">
                  <c:v>0.14160922193746459</c:v>
                </c:pt>
                <c:pt idx="840">
                  <c:v>7.8049360345543287E-2</c:v>
                </c:pt>
                <c:pt idx="841">
                  <c:v>7.8049360345543287E-2</c:v>
                </c:pt>
                <c:pt idx="842">
                  <c:v>7.8049360345543287E-2</c:v>
                </c:pt>
                <c:pt idx="843">
                  <c:v>7.8049360345543287E-2</c:v>
                </c:pt>
                <c:pt idx="844">
                  <c:v>7.8049360345543287E-2</c:v>
                </c:pt>
                <c:pt idx="845">
                  <c:v>0.33821389483068759</c:v>
                </c:pt>
                <c:pt idx="846">
                  <c:v>0.38374268836558778</c:v>
                </c:pt>
                <c:pt idx="847">
                  <c:v>0.38374268836558778</c:v>
                </c:pt>
                <c:pt idx="848">
                  <c:v>0.38374268836558778</c:v>
                </c:pt>
                <c:pt idx="849">
                  <c:v>0.40975914181410222</c:v>
                </c:pt>
                <c:pt idx="850">
                  <c:v>0.40975914181410222</c:v>
                </c:pt>
                <c:pt idx="851">
                  <c:v>0.52032906897028852</c:v>
                </c:pt>
                <c:pt idx="852">
                  <c:v>0.52032906897028852</c:v>
                </c:pt>
                <c:pt idx="853">
                  <c:v>0.34471800819281612</c:v>
                </c:pt>
                <c:pt idx="854">
                  <c:v>0.52032906897028852</c:v>
                </c:pt>
                <c:pt idx="855">
                  <c:v>0.52032906897028852</c:v>
                </c:pt>
                <c:pt idx="856">
                  <c:v>0.52032906897028852</c:v>
                </c:pt>
                <c:pt idx="857">
                  <c:v>0.52032906897028852</c:v>
                </c:pt>
                <c:pt idx="858">
                  <c:v>0.52032906897028852</c:v>
                </c:pt>
                <c:pt idx="859">
                  <c:v>0.43577559526261667</c:v>
                </c:pt>
                <c:pt idx="860">
                  <c:v>0.35772623491707334</c:v>
                </c:pt>
                <c:pt idx="861">
                  <c:v>0.26016453448514426</c:v>
                </c:pt>
                <c:pt idx="862">
                  <c:v>0.24715630776088704</c:v>
                </c:pt>
                <c:pt idx="863">
                  <c:v>0.24715630776088704</c:v>
                </c:pt>
                <c:pt idx="864">
                  <c:v>0.22520051031301158</c:v>
                </c:pt>
                <c:pt idx="865">
                  <c:v>0.22520051031301158</c:v>
                </c:pt>
                <c:pt idx="866">
                  <c:v>0.22520051031301158</c:v>
                </c:pt>
                <c:pt idx="867">
                  <c:v>0.22520051031301158</c:v>
                </c:pt>
                <c:pt idx="868">
                  <c:v>0.22520051031301158</c:v>
                </c:pt>
                <c:pt idx="869">
                  <c:v>0.29276066340691503</c:v>
                </c:pt>
                <c:pt idx="870">
                  <c:v>0.32654073995386673</c:v>
                </c:pt>
                <c:pt idx="871">
                  <c:v>0.33780076546951737</c:v>
                </c:pt>
                <c:pt idx="872">
                  <c:v>0.33780076546951737</c:v>
                </c:pt>
                <c:pt idx="873">
                  <c:v>0.36595082925864375</c:v>
                </c:pt>
                <c:pt idx="874">
                  <c:v>0.3828408675321196</c:v>
                </c:pt>
                <c:pt idx="875">
                  <c:v>0.45040102062602316</c:v>
                </c:pt>
                <c:pt idx="876">
                  <c:v>0.45040102062602316</c:v>
                </c:pt>
                <c:pt idx="877">
                  <c:v>0.45040102062602316</c:v>
                </c:pt>
                <c:pt idx="878">
                  <c:v>0.45040102062602316</c:v>
                </c:pt>
                <c:pt idx="879">
                  <c:v>0.45040102062602316</c:v>
                </c:pt>
                <c:pt idx="880">
                  <c:v>0.45040102062602316</c:v>
                </c:pt>
                <c:pt idx="881">
                  <c:v>0.45040102062602316</c:v>
                </c:pt>
                <c:pt idx="882">
                  <c:v>0.45040102062602316</c:v>
                </c:pt>
                <c:pt idx="883">
                  <c:v>0.37721085477429434</c:v>
                </c:pt>
                <c:pt idx="884">
                  <c:v>0.30965070168039088</c:v>
                </c:pt>
                <c:pt idx="885">
                  <c:v>0.22520051031301158</c:v>
                </c:pt>
                <c:pt idx="886">
                  <c:v>0.22520051031301158</c:v>
                </c:pt>
                <c:pt idx="887">
                  <c:v>0.22520051031301158</c:v>
                </c:pt>
                <c:pt idx="888">
                  <c:v>0.20113528879008777</c:v>
                </c:pt>
                <c:pt idx="889">
                  <c:v>0.22627719988884873</c:v>
                </c:pt>
                <c:pt idx="890">
                  <c:v>0.22627719988884873</c:v>
                </c:pt>
                <c:pt idx="891">
                  <c:v>0.22627719988884873</c:v>
                </c:pt>
                <c:pt idx="892">
                  <c:v>0.22627719988884873</c:v>
                </c:pt>
                <c:pt idx="893">
                  <c:v>0.29164616874562727</c:v>
                </c:pt>
                <c:pt idx="894">
                  <c:v>0.33690160872339703</c:v>
                </c:pt>
                <c:pt idx="895">
                  <c:v>0.33690160872339703</c:v>
                </c:pt>
                <c:pt idx="896">
                  <c:v>0.33690160872339703</c:v>
                </c:pt>
                <c:pt idx="897">
                  <c:v>0.36204351982215799</c:v>
                </c:pt>
                <c:pt idx="898">
                  <c:v>0.39221381314067111</c:v>
                </c:pt>
                <c:pt idx="899">
                  <c:v>0.45255439977769746</c:v>
                </c:pt>
                <c:pt idx="900">
                  <c:v>0.45255439977769746</c:v>
                </c:pt>
                <c:pt idx="901">
                  <c:v>0.45255439977769746</c:v>
                </c:pt>
                <c:pt idx="902">
                  <c:v>0.45255439977769746</c:v>
                </c:pt>
                <c:pt idx="903">
                  <c:v>0.45255439977769746</c:v>
                </c:pt>
                <c:pt idx="904">
                  <c:v>0.45255439977769746</c:v>
                </c:pt>
                <c:pt idx="905">
                  <c:v>0.45255439977769746</c:v>
                </c:pt>
                <c:pt idx="906">
                  <c:v>0.45255439977769746</c:v>
                </c:pt>
                <c:pt idx="907">
                  <c:v>0.37712866648141452</c:v>
                </c:pt>
                <c:pt idx="908">
                  <c:v>0.30170293318513169</c:v>
                </c:pt>
                <c:pt idx="909">
                  <c:v>0.22627719988884873</c:v>
                </c:pt>
                <c:pt idx="910">
                  <c:v>0.22627719988884873</c:v>
                </c:pt>
                <c:pt idx="911">
                  <c:v>0.22627719988884873</c:v>
                </c:pt>
                <c:pt idx="912">
                  <c:v>0.22186811428638728</c:v>
                </c:pt>
                <c:pt idx="913">
                  <c:v>0.22186811428638728</c:v>
                </c:pt>
                <c:pt idx="914">
                  <c:v>0.22186811428638728</c:v>
                </c:pt>
                <c:pt idx="915">
                  <c:v>0.22186811428638728</c:v>
                </c:pt>
                <c:pt idx="916">
                  <c:v>0.22186811428638728</c:v>
                </c:pt>
                <c:pt idx="917">
                  <c:v>0.28596334730245471</c:v>
                </c:pt>
                <c:pt idx="918">
                  <c:v>0.33033697015973223</c:v>
                </c:pt>
                <c:pt idx="919">
                  <c:v>0.33033697015973223</c:v>
                </c:pt>
                <c:pt idx="920">
                  <c:v>0.33033697015973223</c:v>
                </c:pt>
                <c:pt idx="921">
                  <c:v>0.35498898285821967</c:v>
                </c:pt>
                <c:pt idx="922">
                  <c:v>0.38457139809640467</c:v>
                </c:pt>
                <c:pt idx="923">
                  <c:v>0.44373622857277456</c:v>
                </c:pt>
                <c:pt idx="924">
                  <c:v>0.44373622857277456</c:v>
                </c:pt>
                <c:pt idx="925">
                  <c:v>0.44373622857277456</c:v>
                </c:pt>
                <c:pt idx="926">
                  <c:v>0.44373622857277456</c:v>
                </c:pt>
                <c:pt idx="927">
                  <c:v>0.44373622857277456</c:v>
                </c:pt>
                <c:pt idx="928">
                  <c:v>0.44373622857277456</c:v>
                </c:pt>
                <c:pt idx="929">
                  <c:v>0.44373622857277456</c:v>
                </c:pt>
                <c:pt idx="930">
                  <c:v>0.44373622857277456</c:v>
                </c:pt>
                <c:pt idx="931">
                  <c:v>0.36978019047731214</c:v>
                </c:pt>
                <c:pt idx="932">
                  <c:v>0.29582415238184973</c:v>
                </c:pt>
                <c:pt idx="933">
                  <c:v>0.22186811428638728</c:v>
                </c:pt>
                <c:pt idx="934">
                  <c:v>0.22186811428638728</c:v>
                </c:pt>
                <c:pt idx="935">
                  <c:v>0.22186811428638728</c:v>
                </c:pt>
                <c:pt idx="936">
                  <c:v>0.25317589522737649</c:v>
                </c:pt>
                <c:pt idx="937">
                  <c:v>0.25317589522737649</c:v>
                </c:pt>
                <c:pt idx="938">
                  <c:v>0.25317589522737649</c:v>
                </c:pt>
                <c:pt idx="939">
                  <c:v>0.25317589522737649</c:v>
                </c:pt>
                <c:pt idx="940">
                  <c:v>0.25317589522737649</c:v>
                </c:pt>
                <c:pt idx="941">
                  <c:v>0.32631559829306306</c:v>
                </c:pt>
                <c:pt idx="942">
                  <c:v>0.3938291703536968</c:v>
                </c:pt>
                <c:pt idx="943">
                  <c:v>0.3938291703536968</c:v>
                </c:pt>
                <c:pt idx="944">
                  <c:v>0.3938291703536968</c:v>
                </c:pt>
                <c:pt idx="945">
                  <c:v>0.42195982537896093</c:v>
                </c:pt>
                <c:pt idx="946">
                  <c:v>0.43883821839411924</c:v>
                </c:pt>
                <c:pt idx="947">
                  <c:v>0.50635179045475298</c:v>
                </c:pt>
                <c:pt idx="948">
                  <c:v>0.50635179045475298</c:v>
                </c:pt>
                <c:pt idx="949">
                  <c:v>0.50635179045475298</c:v>
                </c:pt>
                <c:pt idx="950">
                  <c:v>0.50635179045475298</c:v>
                </c:pt>
                <c:pt idx="951">
                  <c:v>0.42195982537896093</c:v>
                </c:pt>
                <c:pt idx="952">
                  <c:v>0.39945530135874968</c:v>
                </c:pt>
                <c:pt idx="953">
                  <c:v>0.39945530135874968</c:v>
                </c:pt>
                <c:pt idx="954">
                  <c:v>0.39945530135874968</c:v>
                </c:pt>
                <c:pt idx="955">
                  <c:v>0.39945530135874968</c:v>
                </c:pt>
                <c:pt idx="956">
                  <c:v>0.30943720527790464</c:v>
                </c:pt>
                <c:pt idx="957">
                  <c:v>0.11814875110610905</c:v>
                </c:pt>
                <c:pt idx="958">
                  <c:v>0.11814875110610905</c:v>
                </c:pt>
                <c:pt idx="959">
                  <c:v>0.11814875110610905</c:v>
                </c:pt>
                <c:pt idx="960">
                  <c:v>9.0534775198156059E-2</c:v>
                </c:pt>
                <c:pt idx="961">
                  <c:v>0.17675837062497135</c:v>
                </c:pt>
                <c:pt idx="962">
                  <c:v>0.17675837062497135</c:v>
                </c:pt>
                <c:pt idx="963">
                  <c:v>0.17675837062497135</c:v>
                </c:pt>
                <c:pt idx="964">
                  <c:v>0.17675837062497135</c:v>
                </c:pt>
                <c:pt idx="965">
                  <c:v>0.21987016833837897</c:v>
                </c:pt>
                <c:pt idx="966">
                  <c:v>0.27591550536580889</c:v>
                </c:pt>
                <c:pt idx="967">
                  <c:v>0.31471612330787579</c:v>
                </c:pt>
                <c:pt idx="968">
                  <c:v>0.31471612330787579</c:v>
                </c:pt>
                <c:pt idx="969">
                  <c:v>0.31471612330787579</c:v>
                </c:pt>
                <c:pt idx="970">
                  <c:v>0.31471612330787579</c:v>
                </c:pt>
                <c:pt idx="971">
                  <c:v>0.31471612330787579</c:v>
                </c:pt>
                <c:pt idx="972">
                  <c:v>0.31471612330787579</c:v>
                </c:pt>
                <c:pt idx="973">
                  <c:v>0.31471612330787579</c:v>
                </c:pt>
                <c:pt idx="974">
                  <c:v>0.31471612330787579</c:v>
                </c:pt>
                <c:pt idx="975">
                  <c:v>0.28453786490849042</c:v>
                </c:pt>
                <c:pt idx="976">
                  <c:v>0.25867078628044587</c:v>
                </c:pt>
                <c:pt idx="977">
                  <c:v>0.23280370765240127</c:v>
                </c:pt>
                <c:pt idx="978">
                  <c:v>0.22418134810971974</c:v>
                </c:pt>
                <c:pt idx="979">
                  <c:v>0.18106955039631212</c:v>
                </c:pt>
                <c:pt idx="980">
                  <c:v>0.13364657291156368</c:v>
                </c:pt>
                <c:pt idx="981">
                  <c:v>0.13364657291156368</c:v>
                </c:pt>
                <c:pt idx="982">
                  <c:v>0.13364657291156368</c:v>
                </c:pt>
                <c:pt idx="983">
                  <c:v>0.13364657291156368</c:v>
                </c:pt>
                <c:pt idx="984">
                  <c:v>0.14897563348772699</c:v>
                </c:pt>
                <c:pt idx="985">
                  <c:v>0.17300396146961844</c:v>
                </c:pt>
                <c:pt idx="986">
                  <c:v>0.17300396146961844</c:v>
                </c:pt>
                <c:pt idx="987">
                  <c:v>0.17300396146961844</c:v>
                </c:pt>
                <c:pt idx="988">
                  <c:v>0.17300396146961844</c:v>
                </c:pt>
                <c:pt idx="989">
                  <c:v>0.21625495183702304</c:v>
                </c:pt>
                <c:pt idx="990">
                  <c:v>0.25470027660804939</c:v>
                </c:pt>
                <c:pt idx="991">
                  <c:v>0.30275693257183228</c:v>
                </c:pt>
                <c:pt idx="992">
                  <c:v>0.30275693257183228</c:v>
                </c:pt>
                <c:pt idx="993">
                  <c:v>0.30275693257183228</c:v>
                </c:pt>
                <c:pt idx="994">
                  <c:v>0.30275693257183228</c:v>
                </c:pt>
                <c:pt idx="995">
                  <c:v>0.30275693257183228</c:v>
                </c:pt>
                <c:pt idx="996">
                  <c:v>0.30275693257183228</c:v>
                </c:pt>
                <c:pt idx="997">
                  <c:v>0.30275693257183228</c:v>
                </c:pt>
                <c:pt idx="998">
                  <c:v>0.30275693257183228</c:v>
                </c:pt>
                <c:pt idx="999">
                  <c:v>0.26911727339718422</c:v>
                </c:pt>
                <c:pt idx="1000">
                  <c:v>0.26431160780080593</c:v>
                </c:pt>
                <c:pt idx="1001">
                  <c:v>0.22586628302977962</c:v>
                </c:pt>
                <c:pt idx="1002">
                  <c:v>0.21144928624064477</c:v>
                </c:pt>
                <c:pt idx="1003">
                  <c:v>0.17780962706599673</c:v>
                </c:pt>
                <c:pt idx="1004">
                  <c:v>0.14897563348772699</c:v>
                </c:pt>
                <c:pt idx="1005">
                  <c:v>0.12975297110221384</c:v>
                </c:pt>
                <c:pt idx="1006">
                  <c:v>0.12975297110221384</c:v>
                </c:pt>
                <c:pt idx="1007">
                  <c:v>0.12975297110221384</c:v>
                </c:pt>
                <c:pt idx="1008">
                  <c:v>7.5630917828080221E-2</c:v>
                </c:pt>
                <c:pt idx="1009">
                  <c:v>7.5630917828080221E-2</c:v>
                </c:pt>
                <c:pt idx="1010">
                  <c:v>7.5630917828080221E-2</c:v>
                </c:pt>
                <c:pt idx="1011">
                  <c:v>7.5630917828080221E-2</c:v>
                </c:pt>
                <c:pt idx="1012">
                  <c:v>7.5630917828080221E-2</c:v>
                </c:pt>
                <c:pt idx="1013">
                  <c:v>0.32773397725501441</c:v>
                </c:pt>
                <c:pt idx="1014">
                  <c:v>0.37185201265472784</c:v>
                </c:pt>
                <c:pt idx="1015">
                  <c:v>0.37185201265472784</c:v>
                </c:pt>
                <c:pt idx="1016">
                  <c:v>0.37185201265472784</c:v>
                </c:pt>
                <c:pt idx="1017">
                  <c:v>0.3970623185974213</c:v>
                </c:pt>
                <c:pt idx="1018">
                  <c:v>0.3970623185974213</c:v>
                </c:pt>
                <c:pt idx="1019">
                  <c:v>0.50420611885386835</c:v>
                </c:pt>
                <c:pt idx="1020">
                  <c:v>0.50420611885386835</c:v>
                </c:pt>
                <c:pt idx="1021">
                  <c:v>0.33403655374068769</c:v>
                </c:pt>
                <c:pt idx="1022">
                  <c:v>0.50420611885386835</c:v>
                </c:pt>
                <c:pt idx="1023">
                  <c:v>0.50420611885386835</c:v>
                </c:pt>
                <c:pt idx="1024">
                  <c:v>0.50420611885386835</c:v>
                </c:pt>
                <c:pt idx="1025">
                  <c:v>0.50420611885386835</c:v>
                </c:pt>
                <c:pt idx="1026">
                  <c:v>0.50420611885386835</c:v>
                </c:pt>
                <c:pt idx="1027">
                  <c:v>0.42227262454011472</c:v>
                </c:pt>
                <c:pt idx="1028">
                  <c:v>0.34664170671203443</c:v>
                </c:pt>
                <c:pt idx="1029">
                  <c:v>0.25210305942693417</c:v>
                </c:pt>
                <c:pt idx="1030">
                  <c:v>0.23949790645558741</c:v>
                </c:pt>
                <c:pt idx="1031">
                  <c:v>0.23949790645558741</c:v>
                </c:pt>
                <c:pt idx="1032">
                  <c:v>0.21855574117767948</c:v>
                </c:pt>
                <c:pt idx="1033">
                  <c:v>0.21855574117767948</c:v>
                </c:pt>
                <c:pt idx="1034">
                  <c:v>0.21855574117767948</c:v>
                </c:pt>
                <c:pt idx="1035">
                  <c:v>0.21855574117767948</c:v>
                </c:pt>
                <c:pt idx="1036">
                  <c:v>0.21855574117767948</c:v>
                </c:pt>
                <c:pt idx="1037">
                  <c:v>0.2841224635309833</c:v>
                </c:pt>
                <c:pt idx="1038">
                  <c:v>0.31690582470763523</c:v>
                </c:pt>
                <c:pt idx="1039">
                  <c:v>0.32783361176651921</c:v>
                </c:pt>
                <c:pt idx="1040">
                  <c:v>0.32783361176651921</c:v>
                </c:pt>
                <c:pt idx="1041">
                  <c:v>0.35515307941372914</c:v>
                </c:pt>
                <c:pt idx="1042">
                  <c:v>0.37154476000205511</c:v>
                </c:pt>
                <c:pt idx="1043">
                  <c:v>0.43711148235535896</c:v>
                </c:pt>
                <c:pt idx="1044">
                  <c:v>0.43711148235535896</c:v>
                </c:pt>
                <c:pt idx="1045">
                  <c:v>0.43711148235535896</c:v>
                </c:pt>
                <c:pt idx="1046">
                  <c:v>0.43711148235535896</c:v>
                </c:pt>
                <c:pt idx="1047">
                  <c:v>0.43711148235535896</c:v>
                </c:pt>
                <c:pt idx="1048">
                  <c:v>0.43711148235535896</c:v>
                </c:pt>
                <c:pt idx="1049">
                  <c:v>0.43711148235535896</c:v>
                </c:pt>
                <c:pt idx="1050">
                  <c:v>0.43711148235535896</c:v>
                </c:pt>
                <c:pt idx="1051">
                  <c:v>0.36608086647261312</c:v>
                </c:pt>
                <c:pt idx="1052">
                  <c:v>0.30051414411930927</c:v>
                </c:pt>
                <c:pt idx="1053">
                  <c:v>0.21855574117767948</c:v>
                </c:pt>
                <c:pt idx="1054">
                  <c:v>0.21855574117767948</c:v>
                </c:pt>
                <c:pt idx="1055">
                  <c:v>0.21855574117767948</c:v>
                </c:pt>
                <c:pt idx="1056">
                  <c:v>0.20210074032927908</c:v>
                </c:pt>
                <c:pt idx="1057">
                  <c:v>0.22736333287043894</c:v>
                </c:pt>
                <c:pt idx="1058">
                  <c:v>0.22736333287043894</c:v>
                </c:pt>
                <c:pt idx="1059">
                  <c:v>0.22736333287043894</c:v>
                </c:pt>
                <c:pt idx="1060">
                  <c:v>0.22736333287043894</c:v>
                </c:pt>
                <c:pt idx="1061">
                  <c:v>0.29304607347745465</c:v>
                </c:pt>
                <c:pt idx="1062">
                  <c:v>0.33851874005154248</c:v>
                </c:pt>
                <c:pt idx="1063">
                  <c:v>0.33851874005154248</c:v>
                </c:pt>
                <c:pt idx="1064">
                  <c:v>0.33851874005154248</c:v>
                </c:pt>
                <c:pt idx="1065">
                  <c:v>0.36378133259270234</c:v>
                </c:pt>
                <c:pt idx="1066">
                  <c:v>0.39409644364209423</c:v>
                </c:pt>
                <c:pt idx="1067">
                  <c:v>0.45472666574087789</c:v>
                </c:pt>
                <c:pt idx="1068">
                  <c:v>0.45472666574087789</c:v>
                </c:pt>
                <c:pt idx="1069">
                  <c:v>0.45472666574087789</c:v>
                </c:pt>
                <c:pt idx="1070">
                  <c:v>0.45472666574087789</c:v>
                </c:pt>
                <c:pt idx="1071">
                  <c:v>0.45472666574087789</c:v>
                </c:pt>
                <c:pt idx="1072">
                  <c:v>0.45472666574087789</c:v>
                </c:pt>
                <c:pt idx="1073">
                  <c:v>0.45472666574087789</c:v>
                </c:pt>
                <c:pt idx="1074">
                  <c:v>0.45472666574087789</c:v>
                </c:pt>
                <c:pt idx="1075">
                  <c:v>0.37893888811739829</c:v>
                </c:pt>
                <c:pt idx="1076">
                  <c:v>0.30315111049391869</c:v>
                </c:pt>
                <c:pt idx="1077">
                  <c:v>0.22736333287043894</c:v>
                </c:pt>
                <c:pt idx="1078">
                  <c:v>0.22736333287043894</c:v>
                </c:pt>
                <c:pt idx="1079">
                  <c:v>0.22736333287043894</c:v>
                </c:pt>
                <c:pt idx="1080">
                  <c:v>0.23422436391867713</c:v>
                </c:pt>
                <c:pt idx="1081">
                  <c:v>0.23422436391867713</c:v>
                </c:pt>
                <c:pt idx="1082">
                  <c:v>0.23422436391867713</c:v>
                </c:pt>
                <c:pt idx="1083">
                  <c:v>0.23422436391867713</c:v>
                </c:pt>
                <c:pt idx="1084">
                  <c:v>0.23422436391867713</c:v>
                </c:pt>
                <c:pt idx="1085">
                  <c:v>0.30188918016185051</c:v>
                </c:pt>
                <c:pt idx="1086">
                  <c:v>0.34873405294558596</c:v>
                </c:pt>
                <c:pt idx="1087">
                  <c:v>0.34873405294558596</c:v>
                </c:pt>
                <c:pt idx="1088">
                  <c:v>0.34873405294558596</c:v>
                </c:pt>
                <c:pt idx="1089">
                  <c:v>0.37475898226988347</c:v>
                </c:pt>
                <c:pt idx="1090">
                  <c:v>0.40598889745904038</c:v>
                </c:pt>
                <c:pt idx="1091">
                  <c:v>0.46844872783735425</c:v>
                </c:pt>
                <c:pt idx="1092">
                  <c:v>0.46844872783735425</c:v>
                </c:pt>
                <c:pt idx="1093">
                  <c:v>0.46844872783735425</c:v>
                </c:pt>
                <c:pt idx="1094">
                  <c:v>0.46844872783735425</c:v>
                </c:pt>
                <c:pt idx="1095">
                  <c:v>0.46844872783735425</c:v>
                </c:pt>
                <c:pt idx="1096">
                  <c:v>0.46844872783735425</c:v>
                </c:pt>
                <c:pt idx="1097">
                  <c:v>0.46844872783735425</c:v>
                </c:pt>
                <c:pt idx="1098">
                  <c:v>0.46844872783735425</c:v>
                </c:pt>
                <c:pt idx="1099">
                  <c:v>0.39037393986446189</c:v>
                </c:pt>
                <c:pt idx="1100">
                  <c:v>0.31229915189156954</c:v>
                </c:pt>
                <c:pt idx="1101">
                  <c:v>0.23422436391867713</c:v>
                </c:pt>
                <c:pt idx="1102">
                  <c:v>0.23422436391867713</c:v>
                </c:pt>
                <c:pt idx="1103">
                  <c:v>0.23422436391867713</c:v>
                </c:pt>
                <c:pt idx="1104">
                  <c:v>0.24567304806500012</c:v>
                </c:pt>
                <c:pt idx="1105">
                  <c:v>0.24567304806500012</c:v>
                </c:pt>
                <c:pt idx="1106">
                  <c:v>0.24567304806500012</c:v>
                </c:pt>
                <c:pt idx="1107">
                  <c:v>0.24567304806500012</c:v>
                </c:pt>
                <c:pt idx="1108">
                  <c:v>0.24567304806500012</c:v>
                </c:pt>
                <c:pt idx="1109">
                  <c:v>0.31664526195044457</c:v>
                </c:pt>
                <c:pt idx="1110">
                  <c:v>0.38215807476777791</c:v>
                </c:pt>
                <c:pt idx="1111">
                  <c:v>0.38215807476777791</c:v>
                </c:pt>
                <c:pt idx="1112">
                  <c:v>0.38215807476777791</c:v>
                </c:pt>
                <c:pt idx="1113">
                  <c:v>0.40945508010833348</c:v>
                </c:pt>
                <c:pt idx="1114">
                  <c:v>0.42583328331266684</c:v>
                </c:pt>
                <c:pt idx="1115">
                  <c:v>0.49134609613000024</c:v>
                </c:pt>
                <c:pt idx="1116">
                  <c:v>0.49134609613000024</c:v>
                </c:pt>
                <c:pt idx="1117">
                  <c:v>0.49134609613000024</c:v>
                </c:pt>
                <c:pt idx="1118">
                  <c:v>0.49134609613000024</c:v>
                </c:pt>
                <c:pt idx="1119">
                  <c:v>0.40945508010833348</c:v>
                </c:pt>
                <c:pt idx="1120">
                  <c:v>0.38761747583588907</c:v>
                </c:pt>
                <c:pt idx="1121">
                  <c:v>0.38761747583588907</c:v>
                </c:pt>
                <c:pt idx="1122">
                  <c:v>0.38761747583588907</c:v>
                </c:pt>
                <c:pt idx="1123">
                  <c:v>0.38761747583588907</c:v>
                </c:pt>
                <c:pt idx="1124">
                  <c:v>0.30026705874611126</c:v>
                </c:pt>
                <c:pt idx="1125">
                  <c:v>0.11464742243033338</c:v>
                </c:pt>
                <c:pt idx="1126">
                  <c:v>0.11464742243033338</c:v>
                </c:pt>
                <c:pt idx="1127">
                  <c:v>0.11464742243033338</c:v>
                </c:pt>
                <c:pt idx="1128">
                  <c:v>8.039253254397638E-2</c:v>
                </c:pt>
                <c:pt idx="1129">
                  <c:v>0.15695684925252534</c:v>
                </c:pt>
                <c:pt idx="1130">
                  <c:v>0.15695684925252534</c:v>
                </c:pt>
                <c:pt idx="1131">
                  <c:v>0.15695684925252534</c:v>
                </c:pt>
                <c:pt idx="1132">
                  <c:v>0.15695684925252534</c:v>
                </c:pt>
                <c:pt idx="1133">
                  <c:v>0.1952390076067998</c:v>
                </c:pt>
                <c:pt idx="1134">
                  <c:v>0.24500581346735661</c:v>
                </c:pt>
                <c:pt idx="1135">
                  <c:v>0.2794597559862036</c:v>
                </c:pt>
                <c:pt idx="1136">
                  <c:v>0.2794597559862036</c:v>
                </c:pt>
                <c:pt idx="1137">
                  <c:v>0.2794597559862036</c:v>
                </c:pt>
                <c:pt idx="1138">
                  <c:v>0.2794597559862036</c:v>
                </c:pt>
                <c:pt idx="1139">
                  <c:v>0.2794597559862036</c:v>
                </c:pt>
                <c:pt idx="1140">
                  <c:v>0.2794597559862036</c:v>
                </c:pt>
                <c:pt idx="1141">
                  <c:v>0.2794597559862036</c:v>
                </c:pt>
                <c:pt idx="1142">
                  <c:v>0.2794597559862036</c:v>
                </c:pt>
                <c:pt idx="1143">
                  <c:v>0.25266224513821151</c:v>
                </c:pt>
                <c:pt idx="1144">
                  <c:v>0.22969295012564686</c:v>
                </c:pt>
                <c:pt idx="1145">
                  <c:v>0.20672365511308219</c:v>
                </c:pt>
                <c:pt idx="1146">
                  <c:v>0.19906722344222724</c:v>
                </c:pt>
                <c:pt idx="1147">
                  <c:v>0.16078506508795276</c:v>
                </c:pt>
                <c:pt idx="1148">
                  <c:v>0.11867469089825086</c:v>
                </c:pt>
                <c:pt idx="1149">
                  <c:v>0.11867469089825086</c:v>
                </c:pt>
                <c:pt idx="1150">
                  <c:v>0.11867469089825086</c:v>
                </c:pt>
                <c:pt idx="1151">
                  <c:v>0.11867469089825086</c:v>
                </c:pt>
                <c:pt idx="1152">
                  <c:v>0.14216926726749049</c:v>
                </c:pt>
                <c:pt idx="1153">
                  <c:v>0.16509979424611798</c:v>
                </c:pt>
                <c:pt idx="1154">
                  <c:v>0.16509979424611798</c:v>
                </c:pt>
                <c:pt idx="1155">
                  <c:v>0.16509979424611798</c:v>
                </c:pt>
                <c:pt idx="1156">
                  <c:v>0.16509979424611798</c:v>
                </c:pt>
                <c:pt idx="1157">
                  <c:v>0.20637474280764748</c:v>
                </c:pt>
                <c:pt idx="1158">
                  <c:v>0.24306358597345151</c:v>
                </c:pt>
                <c:pt idx="1159">
                  <c:v>0.28892463993070649</c:v>
                </c:pt>
                <c:pt idx="1160">
                  <c:v>0.28892463993070649</c:v>
                </c:pt>
                <c:pt idx="1161">
                  <c:v>0.28892463993070649</c:v>
                </c:pt>
                <c:pt idx="1162">
                  <c:v>0.28892463993070649</c:v>
                </c:pt>
                <c:pt idx="1163">
                  <c:v>0.28892463993070649</c:v>
                </c:pt>
                <c:pt idx="1164">
                  <c:v>0.28892463993070649</c:v>
                </c:pt>
                <c:pt idx="1165">
                  <c:v>0.28892463993070649</c:v>
                </c:pt>
                <c:pt idx="1166">
                  <c:v>0.28892463993070649</c:v>
                </c:pt>
                <c:pt idx="1167">
                  <c:v>0.256821902160628</c:v>
                </c:pt>
                <c:pt idx="1168">
                  <c:v>0.25223579676490249</c:v>
                </c:pt>
                <c:pt idx="1169">
                  <c:v>0.21554695359909848</c:v>
                </c:pt>
                <c:pt idx="1170">
                  <c:v>0.20178863741192199</c:v>
                </c:pt>
                <c:pt idx="1171">
                  <c:v>0.1696858996418435</c:v>
                </c:pt>
                <c:pt idx="1172">
                  <c:v>0.14216926726749049</c:v>
                </c:pt>
                <c:pt idx="1173">
                  <c:v>0.12382484568458849</c:v>
                </c:pt>
                <c:pt idx="1174">
                  <c:v>0.12382484568458849</c:v>
                </c:pt>
                <c:pt idx="1175">
                  <c:v>0.12382484568458849</c:v>
                </c:pt>
                <c:pt idx="1176">
                  <c:v>8.0928369403955536E-2</c:v>
                </c:pt>
                <c:pt idx="1177">
                  <c:v>8.0928369403955536E-2</c:v>
                </c:pt>
                <c:pt idx="1178">
                  <c:v>8.0928369403955536E-2</c:v>
                </c:pt>
                <c:pt idx="1179">
                  <c:v>8.0928369403955536E-2</c:v>
                </c:pt>
                <c:pt idx="1180">
                  <c:v>8.0928369403955536E-2</c:v>
                </c:pt>
                <c:pt idx="1181">
                  <c:v>0.35068960075047401</c:v>
                </c:pt>
                <c:pt idx="1182">
                  <c:v>0.39789781623611475</c:v>
                </c:pt>
                <c:pt idx="1183">
                  <c:v>0.39789781623611475</c:v>
                </c:pt>
                <c:pt idx="1184">
                  <c:v>0.39789781623611475</c:v>
                </c:pt>
                <c:pt idx="1185">
                  <c:v>0.42487393937076662</c:v>
                </c:pt>
                <c:pt idx="1186">
                  <c:v>0.42487393937076662</c:v>
                </c:pt>
                <c:pt idx="1187">
                  <c:v>0.53952246269303705</c:v>
                </c:pt>
                <c:pt idx="1188">
                  <c:v>0.53952246269303705</c:v>
                </c:pt>
                <c:pt idx="1189">
                  <c:v>0.35743363153413704</c:v>
                </c:pt>
                <c:pt idx="1190">
                  <c:v>0.53952246269303705</c:v>
                </c:pt>
                <c:pt idx="1191">
                  <c:v>0.53952246269303705</c:v>
                </c:pt>
                <c:pt idx="1192">
                  <c:v>0.53952246269303705</c:v>
                </c:pt>
                <c:pt idx="1193">
                  <c:v>0.53952246269303705</c:v>
                </c:pt>
                <c:pt idx="1194">
                  <c:v>0.53952246269303705</c:v>
                </c:pt>
                <c:pt idx="1195">
                  <c:v>0.45185006250541848</c:v>
                </c:pt>
                <c:pt idx="1196">
                  <c:v>0.37092169310146289</c:v>
                </c:pt>
                <c:pt idx="1197">
                  <c:v>0.26976123134651853</c:v>
                </c:pt>
                <c:pt idx="1198">
                  <c:v>0.25627316977919257</c:v>
                </c:pt>
                <c:pt idx="1199">
                  <c:v>0.25627316977919257</c:v>
                </c:pt>
                <c:pt idx="1200">
                  <c:v>0.23331759745546882</c:v>
                </c:pt>
                <c:pt idx="1201">
                  <c:v>0.23331759745546882</c:v>
                </c:pt>
                <c:pt idx="1202">
                  <c:v>0.23331759745546882</c:v>
                </c:pt>
                <c:pt idx="1203">
                  <c:v>0.23331759745546882</c:v>
                </c:pt>
                <c:pt idx="1204">
                  <c:v>0.23331759745546882</c:v>
                </c:pt>
                <c:pt idx="1205">
                  <c:v>0.30331287669210943</c:v>
                </c:pt>
                <c:pt idx="1206">
                  <c:v>0.3383105163104298</c:v>
                </c:pt>
                <c:pt idx="1207">
                  <c:v>0.34997639618320325</c:v>
                </c:pt>
                <c:pt idx="1208">
                  <c:v>0.34997639618320325</c:v>
                </c:pt>
                <c:pt idx="1209">
                  <c:v>0.37914109586513678</c:v>
                </c:pt>
                <c:pt idx="1210">
                  <c:v>0.39663991567429696</c:v>
                </c:pt>
                <c:pt idx="1211">
                  <c:v>0.46663519491093763</c:v>
                </c:pt>
                <c:pt idx="1212">
                  <c:v>0.46663519491093763</c:v>
                </c:pt>
                <c:pt idx="1213">
                  <c:v>0.46663519491093763</c:v>
                </c:pt>
                <c:pt idx="1214">
                  <c:v>0.46663519491093763</c:v>
                </c:pt>
                <c:pt idx="1215">
                  <c:v>0.46663519491093763</c:v>
                </c:pt>
                <c:pt idx="1216">
                  <c:v>0.46663519491093763</c:v>
                </c:pt>
                <c:pt idx="1217">
                  <c:v>0.46663519491093763</c:v>
                </c:pt>
                <c:pt idx="1218">
                  <c:v>0.46663519491093763</c:v>
                </c:pt>
                <c:pt idx="1219">
                  <c:v>0.39080697573791029</c:v>
                </c:pt>
                <c:pt idx="1220">
                  <c:v>0.32081169650126962</c:v>
                </c:pt>
                <c:pt idx="1221">
                  <c:v>0.23331759745546882</c:v>
                </c:pt>
                <c:pt idx="1222">
                  <c:v>0.23331759745546882</c:v>
                </c:pt>
                <c:pt idx="1223">
                  <c:v>0.23331759745546882</c:v>
                </c:pt>
                <c:pt idx="1224">
                  <c:v>0.21454566994034124</c:v>
                </c:pt>
                <c:pt idx="1225">
                  <c:v>0.24136387868288384</c:v>
                </c:pt>
                <c:pt idx="1226">
                  <c:v>0.24136387868288384</c:v>
                </c:pt>
                <c:pt idx="1227">
                  <c:v>0.24136387868288384</c:v>
                </c:pt>
                <c:pt idx="1228">
                  <c:v>0.24136387868288384</c:v>
                </c:pt>
                <c:pt idx="1229">
                  <c:v>0.31109122141349471</c:v>
                </c:pt>
                <c:pt idx="1230">
                  <c:v>0.3593639971500715</c:v>
                </c:pt>
                <c:pt idx="1231">
                  <c:v>0.3593639971500715</c:v>
                </c:pt>
                <c:pt idx="1232">
                  <c:v>0.3593639971500715</c:v>
                </c:pt>
                <c:pt idx="1233">
                  <c:v>0.38618220589261421</c:v>
                </c:pt>
                <c:pt idx="1234">
                  <c:v>0.41836405638366542</c:v>
                </c:pt>
                <c:pt idx="1235">
                  <c:v>0.48272775736576767</c:v>
                </c:pt>
                <c:pt idx="1236">
                  <c:v>0.48272775736576767</c:v>
                </c:pt>
                <c:pt idx="1237">
                  <c:v>0.48272775736576767</c:v>
                </c:pt>
                <c:pt idx="1238">
                  <c:v>0.48272775736576767</c:v>
                </c:pt>
                <c:pt idx="1239">
                  <c:v>0.48272775736576767</c:v>
                </c:pt>
                <c:pt idx="1240">
                  <c:v>0.48272775736576767</c:v>
                </c:pt>
                <c:pt idx="1241">
                  <c:v>0.48272775736576767</c:v>
                </c:pt>
                <c:pt idx="1242">
                  <c:v>0.48272775736576767</c:v>
                </c:pt>
                <c:pt idx="1243">
                  <c:v>0.40227313113813984</c:v>
                </c:pt>
                <c:pt idx="1244">
                  <c:v>0.32181850491051184</c:v>
                </c:pt>
                <c:pt idx="1245">
                  <c:v>0.24136387868288384</c:v>
                </c:pt>
                <c:pt idx="1246">
                  <c:v>0.24136387868288384</c:v>
                </c:pt>
                <c:pt idx="1247">
                  <c:v>0.24136387868288384</c:v>
                </c:pt>
                <c:pt idx="1248">
                  <c:v>0.23725423730644338</c:v>
                </c:pt>
                <c:pt idx="1249">
                  <c:v>0.23725423730644338</c:v>
                </c:pt>
                <c:pt idx="1250">
                  <c:v>0.23725423730644338</c:v>
                </c:pt>
                <c:pt idx="1251">
                  <c:v>0.23725423730644338</c:v>
                </c:pt>
                <c:pt idx="1252">
                  <c:v>0.23725423730644338</c:v>
                </c:pt>
                <c:pt idx="1253">
                  <c:v>0.3057943503060826</c:v>
                </c:pt>
                <c:pt idx="1254">
                  <c:v>0.35324519776737134</c:v>
                </c:pt>
                <c:pt idx="1255">
                  <c:v>0.35324519776737134</c:v>
                </c:pt>
                <c:pt idx="1256">
                  <c:v>0.35324519776737134</c:v>
                </c:pt>
                <c:pt idx="1257">
                  <c:v>0.37960677969030943</c:v>
                </c:pt>
                <c:pt idx="1258">
                  <c:v>0.4112406779978352</c:v>
                </c:pt>
                <c:pt idx="1259">
                  <c:v>0.47450847461288675</c:v>
                </c:pt>
                <c:pt idx="1260">
                  <c:v>0.47450847461288675</c:v>
                </c:pt>
                <c:pt idx="1261">
                  <c:v>0.47450847461288675</c:v>
                </c:pt>
                <c:pt idx="1262">
                  <c:v>0.47450847461288675</c:v>
                </c:pt>
                <c:pt idx="1263">
                  <c:v>0.47450847461288675</c:v>
                </c:pt>
                <c:pt idx="1264">
                  <c:v>0.47450847461288675</c:v>
                </c:pt>
                <c:pt idx="1265">
                  <c:v>0.47450847461288675</c:v>
                </c:pt>
                <c:pt idx="1266">
                  <c:v>0.47450847461288675</c:v>
                </c:pt>
                <c:pt idx="1267">
                  <c:v>0.39542372884407234</c:v>
                </c:pt>
                <c:pt idx="1268">
                  <c:v>0.31633898307525793</c:v>
                </c:pt>
                <c:pt idx="1269">
                  <c:v>0.23725423730644338</c:v>
                </c:pt>
                <c:pt idx="1270">
                  <c:v>0.23725423730644338</c:v>
                </c:pt>
                <c:pt idx="1271">
                  <c:v>0.23725423730644338</c:v>
                </c:pt>
                <c:pt idx="1272">
                  <c:v>0.25612518083866442</c:v>
                </c:pt>
                <c:pt idx="1273">
                  <c:v>0.25612518083866442</c:v>
                </c:pt>
                <c:pt idx="1274">
                  <c:v>0.25612518083866442</c:v>
                </c:pt>
                <c:pt idx="1275">
                  <c:v>0.25612518083866442</c:v>
                </c:pt>
                <c:pt idx="1276">
                  <c:v>0.25612518083866442</c:v>
                </c:pt>
                <c:pt idx="1277">
                  <c:v>0.33011689974761199</c:v>
                </c:pt>
                <c:pt idx="1278">
                  <c:v>0.39841694797125587</c:v>
                </c:pt>
                <c:pt idx="1279">
                  <c:v>0.39841694797125587</c:v>
                </c:pt>
                <c:pt idx="1280">
                  <c:v>0.39841694797125587</c:v>
                </c:pt>
                <c:pt idx="1281">
                  <c:v>0.42687530139777413</c:v>
                </c:pt>
                <c:pt idx="1282">
                  <c:v>0.44395031345368507</c:v>
                </c:pt>
                <c:pt idx="1283">
                  <c:v>0.51225036167732885</c:v>
                </c:pt>
                <c:pt idx="1284">
                  <c:v>0.51225036167732885</c:v>
                </c:pt>
                <c:pt idx="1285">
                  <c:v>0.51225036167732885</c:v>
                </c:pt>
                <c:pt idx="1286">
                  <c:v>0.51225036167732885</c:v>
                </c:pt>
                <c:pt idx="1287">
                  <c:v>0.42687530139777413</c:v>
                </c:pt>
                <c:pt idx="1288">
                  <c:v>0.4041086186565595</c:v>
                </c:pt>
                <c:pt idx="1289">
                  <c:v>0.4041086186565595</c:v>
                </c:pt>
                <c:pt idx="1290">
                  <c:v>0.4041086186565595</c:v>
                </c:pt>
                <c:pt idx="1291">
                  <c:v>0.4041086186565595</c:v>
                </c:pt>
                <c:pt idx="1292">
                  <c:v>0.31304188769170099</c:v>
                </c:pt>
                <c:pt idx="1293">
                  <c:v>0.11952508439137675</c:v>
                </c:pt>
                <c:pt idx="1294">
                  <c:v>0.11952508439137675</c:v>
                </c:pt>
                <c:pt idx="1295">
                  <c:v>0.11952508439137675</c:v>
                </c:pt>
                <c:pt idx="1296">
                  <c:v>8.6767656498032156E-2</c:v>
                </c:pt>
                <c:pt idx="1297">
                  <c:v>0.16940351982949139</c:v>
                </c:pt>
                <c:pt idx="1298">
                  <c:v>0.16940351982949139</c:v>
                </c:pt>
                <c:pt idx="1299">
                  <c:v>0.16940351982949139</c:v>
                </c:pt>
                <c:pt idx="1300">
                  <c:v>0.16940351982949139</c:v>
                </c:pt>
                <c:pt idx="1301">
                  <c:v>0.21072145149522103</c:v>
                </c:pt>
                <c:pt idx="1302">
                  <c:v>0.26443476266066951</c:v>
                </c:pt>
                <c:pt idx="1303">
                  <c:v>0.30162090115982609</c:v>
                </c:pt>
                <c:pt idx="1304">
                  <c:v>0.30162090115982609</c:v>
                </c:pt>
                <c:pt idx="1305">
                  <c:v>0.30162090115982609</c:v>
                </c:pt>
                <c:pt idx="1306">
                  <c:v>0.30162090115982609</c:v>
                </c:pt>
                <c:pt idx="1307">
                  <c:v>0.30162090115982609</c:v>
                </c:pt>
                <c:pt idx="1308">
                  <c:v>0.30162090115982609</c:v>
                </c:pt>
                <c:pt idx="1309">
                  <c:v>0.30162090115982609</c:v>
                </c:pt>
                <c:pt idx="1310">
                  <c:v>0.30162090115982609</c:v>
                </c:pt>
                <c:pt idx="1311">
                  <c:v>0.2726983489938154</c:v>
                </c:pt>
                <c:pt idx="1312">
                  <c:v>0.24790758999437762</c:v>
                </c:pt>
                <c:pt idx="1313">
                  <c:v>0.2231168309949399</c:v>
                </c:pt>
                <c:pt idx="1314">
                  <c:v>0.21485324466179395</c:v>
                </c:pt>
                <c:pt idx="1315">
                  <c:v>0.17353531299606431</c:v>
                </c:pt>
                <c:pt idx="1316">
                  <c:v>0.12808558816376178</c:v>
                </c:pt>
                <c:pt idx="1317">
                  <c:v>0.12808558816376178</c:v>
                </c:pt>
                <c:pt idx="1318">
                  <c:v>0.12808558816376178</c:v>
                </c:pt>
                <c:pt idx="1319">
                  <c:v>0.12808558816376178</c:v>
                </c:pt>
                <c:pt idx="1320">
                  <c:v>0.14508628136187757</c:v>
                </c:pt>
                <c:pt idx="1321">
                  <c:v>0.16848729448476102</c:v>
                </c:pt>
                <c:pt idx="1322">
                  <c:v>0.16848729448476102</c:v>
                </c:pt>
                <c:pt idx="1323">
                  <c:v>0.16848729448476102</c:v>
                </c:pt>
                <c:pt idx="1324">
                  <c:v>0.16848729448476102</c:v>
                </c:pt>
                <c:pt idx="1325">
                  <c:v>0.21060911810595129</c:v>
                </c:pt>
                <c:pt idx="1326">
                  <c:v>0.24805073910256484</c:v>
                </c:pt>
                <c:pt idx="1327">
                  <c:v>0.29485276534833177</c:v>
                </c:pt>
                <c:pt idx="1328">
                  <c:v>0.29485276534833177</c:v>
                </c:pt>
                <c:pt idx="1329">
                  <c:v>0.29485276534833177</c:v>
                </c:pt>
                <c:pt idx="1330">
                  <c:v>0.29485276534833177</c:v>
                </c:pt>
                <c:pt idx="1331">
                  <c:v>0.29485276534833177</c:v>
                </c:pt>
                <c:pt idx="1332">
                  <c:v>0.29485276534833177</c:v>
                </c:pt>
                <c:pt idx="1333">
                  <c:v>0.29485276534833177</c:v>
                </c:pt>
                <c:pt idx="1334">
                  <c:v>0.29485276534833177</c:v>
                </c:pt>
                <c:pt idx="1335">
                  <c:v>0.26209134697629488</c:v>
                </c:pt>
                <c:pt idx="1336">
                  <c:v>0.25741114435171819</c:v>
                </c:pt>
                <c:pt idx="1337">
                  <c:v>0.21996952335510467</c:v>
                </c:pt>
                <c:pt idx="1338">
                  <c:v>0.20592891548137462</c:v>
                </c:pt>
                <c:pt idx="1339">
                  <c:v>0.17316749710933774</c:v>
                </c:pt>
                <c:pt idx="1340">
                  <c:v>0.14508628136187757</c:v>
                </c:pt>
                <c:pt idx="1341">
                  <c:v>0.12636547086357078</c:v>
                </c:pt>
                <c:pt idx="1342">
                  <c:v>0.12636547086357078</c:v>
                </c:pt>
                <c:pt idx="1343">
                  <c:v>0.12636547086357078</c:v>
                </c:pt>
                <c:pt idx="1344">
                  <c:v>7.7218324099526545E-2</c:v>
                </c:pt>
                <c:pt idx="1345">
                  <c:v>7.7218324099526545E-2</c:v>
                </c:pt>
                <c:pt idx="1346">
                  <c:v>7.7218324099526545E-2</c:v>
                </c:pt>
                <c:pt idx="1347">
                  <c:v>7.7218324099526545E-2</c:v>
                </c:pt>
                <c:pt idx="1348">
                  <c:v>7.7218324099526545E-2</c:v>
                </c:pt>
                <c:pt idx="1349">
                  <c:v>0.33461273776461498</c:v>
                </c:pt>
                <c:pt idx="1350">
                  <c:v>0.37965676015600552</c:v>
                </c:pt>
                <c:pt idx="1351">
                  <c:v>0.37965676015600552</c:v>
                </c:pt>
                <c:pt idx="1352">
                  <c:v>0.37965676015600552</c:v>
                </c:pt>
                <c:pt idx="1353">
                  <c:v>0.40539620152251438</c:v>
                </c:pt>
                <c:pt idx="1354">
                  <c:v>0.40539620152251438</c:v>
                </c:pt>
                <c:pt idx="1355">
                  <c:v>0.51478882733017695</c:v>
                </c:pt>
                <c:pt idx="1356">
                  <c:v>0.51478882733017695</c:v>
                </c:pt>
                <c:pt idx="1357">
                  <c:v>0.34104759810624224</c:v>
                </c:pt>
                <c:pt idx="1358">
                  <c:v>0.51478882733017695</c:v>
                </c:pt>
                <c:pt idx="1359">
                  <c:v>0.51478882733017695</c:v>
                </c:pt>
                <c:pt idx="1360">
                  <c:v>0.51478882733017695</c:v>
                </c:pt>
                <c:pt idx="1361">
                  <c:v>0.51478882733017695</c:v>
                </c:pt>
                <c:pt idx="1362">
                  <c:v>0.51478882733017695</c:v>
                </c:pt>
                <c:pt idx="1363">
                  <c:v>0.43113564288902323</c:v>
                </c:pt>
                <c:pt idx="1364">
                  <c:v>0.35391731878949667</c:v>
                </c:pt>
                <c:pt idx="1365">
                  <c:v>0.25739441366508847</c:v>
                </c:pt>
                <c:pt idx="1366">
                  <c:v>0.24452469298183405</c:v>
                </c:pt>
                <c:pt idx="1367">
                  <c:v>0.24452469298183405</c:v>
                </c:pt>
                <c:pt idx="1368">
                  <c:v>0.22319162662093447</c:v>
                </c:pt>
                <c:pt idx="1369">
                  <c:v>0.22319162662093447</c:v>
                </c:pt>
                <c:pt idx="1370">
                  <c:v>0.22319162662093447</c:v>
                </c:pt>
                <c:pt idx="1371">
                  <c:v>0.22319162662093447</c:v>
                </c:pt>
                <c:pt idx="1372">
                  <c:v>0.22319162662093447</c:v>
                </c:pt>
                <c:pt idx="1373">
                  <c:v>0.29014911460721476</c:v>
                </c:pt>
                <c:pt idx="1374">
                  <c:v>0.32362785860035498</c:v>
                </c:pt>
                <c:pt idx="1375">
                  <c:v>0.3347874399314017</c:v>
                </c:pt>
                <c:pt idx="1376">
                  <c:v>0.3347874399314017</c:v>
                </c:pt>
                <c:pt idx="1377">
                  <c:v>0.36268639325901852</c:v>
                </c:pt>
                <c:pt idx="1378">
                  <c:v>0.37942576525558863</c:v>
                </c:pt>
                <c:pt idx="1379">
                  <c:v>0.44638325324186895</c:v>
                </c:pt>
                <c:pt idx="1380">
                  <c:v>0.44638325324186895</c:v>
                </c:pt>
                <c:pt idx="1381">
                  <c:v>0.44638325324186895</c:v>
                </c:pt>
                <c:pt idx="1382">
                  <c:v>0.44638325324186895</c:v>
                </c:pt>
                <c:pt idx="1383">
                  <c:v>0.44638325324186895</c:v>
                </c:pt>
                <c:pt idx="1384">
                  <c:v>0.44638325324186895</c:v>
                </c:pt>
                <c:pt idx="1385">
                  <c:v>0.44638325324186895</c:v>
                </c:pt>
                <c:pt idx="1386">
                  <c:v>0.44638325324186895</c:v>
                </c:pt>
                <c:pt idx="1387">
                  <c:v>0.37384597459006524</c:v>
                </c:pt>
                <c:pt idx="1388">
                  <c:v>0.30688848660378487</c:v>
                </c:pt>
                <c:pt idx="1389">
                  <c:v>0.22319162662093447</c:v>
                </c:pt>
                <c:pt idx="1390">
                  <c:v>0.22319162662093447</c:v>
                </c:pt>
                <c:pt idx="1391">
                  <c:v>0.22319162662093447</c:v>
                </c:pt>
                <c:pt idx="1392">
                  <c:v>0.1987906207663373</c:v>
                </c:pt>
                <c:pt idx="1393">
                  <c:v>0.22363944836212946</c:v>
                </c:pt>
                <c:pt idx="1394">
                  <c:v>0.22363944836212946</c:v>
                </c:pt>
                <c:pt idx="1395">
                  <c:v>0.22363944836212946</c:v>
                </c:pt>
                <c:pt idx="1396">
                  <c:v>0.22363944836212946</c:v>
                </c:pt>
                <c:pt idx="1397">
                  <c:v>0.28824640011118907</c:v>
                </c:pt>
                <c:pt idx="1398">
                  <c:v>0.33297428978361499</c:v>
                </c:pt>
                <c:pt idx="1399">
                  <c:v>0.33297428978361499</c:v>
                </c:pt>
                <c:pt idx="1400">
                  <c:v>0.33297428978361499</c:v>
                </c:pt>
                <c:pt idx="1401">
                  <c:v>0.35782311737940714</c:v>
                </c:pt>
                <c:pt idx="1402">
                  <c:v>0.38764171049435775</c:v>
                </c:pt>
                <c:pt idx="1403">
                  <c:v>0.44727889672425891</c:v>
                </c:pt>
                <c:pt idx="1404">
                  <c:v>0.44727889672425891</c:v>
                </c:pt>
                <c:pt idx="1405">
                  <c:v>0.44727889672425891</c:v>
                </c:pt>
                <c:pt idx="1406">
                  <c:v>0.44727889672425891</c:v>
                </c:pt>
                <c:pt idx="1407">
                  <c:v>0.44727889672425891</c:v>
                </c:pt>
                <c:pt idx="1408">
                  <c:v>0.44727889672425891</c:v>
                </c:pt>
                <c:pt idx="1409">
                  <c:v>0.44727889672425891</c:v>
                </c:pt>
                <c:pt idx="1410">
                  <c:v>0.44727889672425891</c:v>
                </c:pt>
                <c:pt idx="1411">
                  <c:v>0.37273241393688239</c:v>
                </c:pt>
                <c:pt idx="1412">
                  <c:v>0.29818593114950592</c:v>
                </c:pt>
                <c:pt idx="1413">
                  <c:v>0.22363944836212946</c:v>
                </c:pt>
                <c:pt idx="1414">
                  <c:v>0.22363944836212946</c:v>
                </c:pt>
                <c:pt idx="1415">
                  <c:v>0.22363944836212946</c:v>
                </c:pt>
                <c:pt idx="1416">
                  <c:v>0.2231055874019359</c:v>
                </c:pt>
                <c:pt idx="1417">
                  <c:v>0.2231055874019359</c:v>
                </c:pt>
                <c:pt idx="1418">
                  <c:v>0.2231055874019359</c:v>
                </c:pt>
                <c:pt idx="1419">
                  <c:v>0.2231055874019359</c:v>
                </c:pt>
                <c:pt idx="1420">
                  <c:v>0.2231055874019359</c:v>
                </c:pt>
                <c:pt idx="1421">
                  <c:v>0.28755831265138404</c:v>
                </c:pt>
                <c:pt idx="1422">
                  <c:v>0.3321794301317712</c:v>
                </c:pt>
                <c:pt idx="1423">
                  <c:v>0.3321794301317712</c:v>
                </c:pt>
                <c:pt idx="1424">
                  <c:v>0.3321794301317712</c:v>
                </c:pt>
                <c:pt idx="1425">
                  <c:v>0.35696893984309741</c:v>
                </c:pt>
                <c:pt idx="1426">
                  <c:v>0.38671635149668893</c:v>
                </c:pt>
                <c:pt idx="1427">
                  <c:v>0.44621117480387179</c:v>
                </c:pt>
                <c:pt idx="1428">
                  <c:v>0.44621117480387179</c:v>
                </c:pt>
                <c:pt idx="1429">
                  <c:v>0.44621117480387179</c:v>
                </c:pt>
                <c:pt idx="1430">
                  <c:v>0.44621117480387179</c:v>
                </c:pt>
                <c:pt idx="1431">
                  <c:v>0.44621117480387179</c:v>
                </c:pt>
                <c:pt idx="1432">
                  <c:v>0.44621117480387179</c:v>
                </c:pt>
                <c:pt idx="1433">
                  <c:v>0.44621117480387179</c:v>
                </c:pt>
                <c:pt idx="1434">
                  <c:v>0.44621117480387179</c:v>
                </c:pt>
                <c:pt idx="1435">
                  <c:v>0.37184264566989317</c:v>
                </c:pt>
                <c:pt idx="1436">
                  <c:v>0.29747411653591455</c:v>
                </c:pt>
                <c:pt idx="1437">
                  <c:v>0.2231055874019359</c:v>
                </c:pt>
                <c:pt idx="1438">
                  <c:v>0.2231055874019359</c:v>
                </c:pt>
                <c:pt idx="1439">
                  <c:v>0.2231055874019359</c:v>
                </c:pt>
                <c:pt idx="1440">
                  <c:v>0.24533426580949588</c:v>
                </c:pt>
                <c:pt idx="1441">
                  <c:v>0.24533426580949588</c:v>
                </c:pt>
                <c:pt idx="1442">
                  <c:v>0.24533426580949588</c:v>
                </c:pt>
                <c:pt idx="1443">
                  <c:v>0.24533426580949588</c:v>
                </c:pt>
                <c:pt idx="1444">
                  <c:v>0.24533426580949588</c:v>
                </c:pt>
                <c:pt idx="1445">
                  <c:v>0.31620860926557248</c:v>
                </c:pt>
                <c:pt idx="1446">
                  <c:v>0.38163108014810471</c:v>
                </c:pt>
                <c:pt idx="1447">
                  <c:v>0.38163108014810471</c:v>
                </c:pt>
                <c:pt idx="1448">
                  <c:v>0.38163108014810471</c:v>
                </c:pt>
                <c:pt idx="1449">
                  <c:v>0.4088904430158265</c:v>
                </c:pt>
                <c:pt idx="1450">
                  <c:v>0.4252460607364596</c:v>
                </c:pt>
                <c:pt idx="1451">
                  <c:v>0.49066853161899177</c:v>
                </c:pt>
                <c:pt idx="1452">
                  <c:v>0.49066853161899177</c:v>
                </c:pt>
                <c:pt idx="1453">
                  <c:v>0.49066853161899177</c:v>
                </c:pt>
                <c:pt idx="1454">
                  <c:v>0.49066853161899177</c:v>
                </c:pt>
                <c:pt idx="1455">
                  <c:v>0.4088904430158265</c:v>
                </c:pt>
                <c:pt idx="1456">
                  <c:v>0.38708295272164911</c:v>
                </c:pt>
                <c:pt idx="1457">
                  <c:v>0.38708295272164911</c:v>
                </c:pt>
                <c:pt idx="1458">
                  <c:v>0.38708295272164911</c:v>
                </c:pt>
                <c:pt idx="1459">
                  <c:v>0.38708295272164911</c:v>
                </c:pt>
                <c:pt idx="1460">
                  <c:v>0.29985299154493944</c:v>
                </c:pt>
                <c:pt idx="1461">
                  <c:v>0.11448932404443141</c:v>
                </c:pt>
                <c:pt idx="1462">
                  <c:v>0.11448932404443141</c:v>
                </c:pt>
                <c:pt idx="1463">
                  <c:v>0.11448932404443141</c:v>
                </c:pt>
                <c:pt idx="1464">
                  <c:v>8.3580094521004275E-2</c:v>
                </c:pt>
                <c:pt idx="1465">
                  <c:v>0.16318018454100838</c:v>
                </c:pt>
                <c:pt idx="1466">
                  <c:v>0.16318018454100838</c:v>
                </c:pt>
                <c:pt idx="1467">
                  <c:v>0.16318018454100838</c:v>
                </c:pt>
                <c:pt idx="1468">
                  <c:v>0.16318018454100838</c:v>
                </c:pt>
                <c:pt idx="1469">
                  <c:v>0.20298022955101039</c:v>
                </c:pt>
                <c:pt idx="1470">
                  <c:v>0.25472028806401303</c:v>
                </c:pt>
                <c:pt idx="1471">
                  <c:v>0.29054032857301487</c:v>
                </c:pt>
                <c:pt idx="1472">
                  <c:v>0.29054032857301487</c:v>
                </c:pt>
                <c:pt idx="1473">
                  <c:v>0.29054032857301487</c:v>
                </c:pt>
                <c:pt idx="1474">
                  <c:v>0.29054032857301487</c:v>
                </c:pt>
                <c:pt idx="1475">
                  <c:v>0.29054032857301487</c:v>
                </c:pt>
                <c:pt idx="1476">
                  <c:v>0.29054032857301487</c:v>
                </c:pt>
                <c:pt idx="1477">
                  <c:v>0.29054032857301487</c:v>
                </c:pt>
                <c:pt idx="1478">
                  <c:v>0.29054032857301487</c:v>
                </c:pt>
                <c:pt idx="1479">
                  <c:v>0.26268029706601342</c:v>
                </c:pt>
                <c:pt idx="1480">
                  <c:v>0.2388002700600122</c:v>
                </c:pt>
                <c:pt idx="1481">
                  <c:v>0.214920243054011</c:v>
                </c:pt>
                <c:pt idx="1482">
                  <c:v>0.20696023405201058</c:v>
                </c:pt>
                <c:pt idx="1483">
                  <c:v>0.16716018904200855</c:v>
                </c:pt>
                <c:pt idx="1484">
                  <c:v>0.12338013953100631</c:v>
                </c:pt>
                <c:pt idx="1485">
                  <c:v>0.12338013953100631</c:v>
                </c:pt>
                <c:pt idx="1486">
                  <c:v>0.12338013953100631</c:v>
                </c:pt>
                <c:pt idx="1487">
                  <c:v>0.12338013953100631</c:v>
                </c:pt>
                <c:pt idx="1488">
                  <c:v>0.15432349266077</c:v>
                </c:pt>
                <c:pt idx="1489">
                  <c:v>0.17921437857379741</c:v>
                </c:pt>
                <c:pt idx="1490">
                  <c:v>0.17921437857379741</c:v>
                </c:pt>
                <c:pt idx="1491">
                  <c:v>0.17921437857379741</c:v>
                </c:pt>
                <c:pt idx="1492">
                  <c:v>0.17921437857379741</c:v>
                </c:pt>
                <c:pt idx="1493">
                  <c:v>0.22401797321724679</c:v>
                </c:pt>
                <c:pt idx="1494">
                  <c:v>0.26384339067809065</c:v>
                </c:pt>
                <c:pt idx="1495">
                  <c:v>0.31362516250414552</c:v>
                </c:pt>
                <c:pt idx="1496">
                  <c:v>0.31362516250414552</c:v>
                </c:pt>
                <c:pt idx="1497">
                  <c:v>0.31362516250414552</c:v>
                </c:pt>
                <c:pt idx="1498">
                  <c:v>0.31362516250414552</c:v>
                </c:pt>
                <c:pt idx="1499">
                  <c:v>0.31362516250414552</c:v>
                </c:pt>
                <c:pt idx="1500">
                  <c:v>0.31362516250414552</c:v>
                </c:pt>
                <c:pt idx="1501">
                  <c:v>0.31362516250414552</c:v>
                </c:pt>
                <c:pt idx="1502">
                  <c:v>0.31362516250414552</c:v>
                </c:pt>
                <c:pt idx="1503">
                  <c:v>0.27877792222590708</c:v>
                </c:pt>
                <c:pt idx="1504">
                  <c:v>0.27379974504330157</c:v>
                </c:pt>
                <c:pt idx="1505">
                  <c:v>0.23397432758245779</c:v>
                </c:pt>
                <c:pt idx="1506">
                  <c:v>0.21903979603464135</c:v>
                </c:pt>
                <c:pt idx="1507">
                  <c:v>0.18419255575640292</c:v>
                </c:pt>
                <c:pt idx="1508">
                  <c:v>0.15432349266077</c:v>
                </c:pt>
                <c:pt idx="1509">
                  <c:v>0.13441078393034808</c:v>
                </c:pt>
                <c:pt idx="1510">
                  <c:v>0.13441078393034808</c:v>
                </c:pt>
                <c:pt idx="1511">
                  <c:v>0.13441078393034808</c:v>
                </c:pt>
                <c:pt idx="1512">
                  <c:v>8.1273850490965013E-2</c:v>
                </c:pt>
                <c:pt idx="1513">
                  <c:v>8.1273850490965013E-2</c:v>
                </c:pt>
                <c:pt idx="1514">
                  <c:v>8.1273850490965013E-2</c:v>
                </c:pt>
                <c:pt idx="1515">
                  <c:v>8.1273850490965013E-2</c:v>
                </c:pt>
                <c:pt idx="1516">
                  <c:v>8.1273850490965013E-2</c:v>
                </c:pt>
                <c:pt idx="1517">
                  <c:v>0.35218668546084836</c:v>
                </c:pt>
                <c:pt idx="1518">
                  <c:v>0.39959643158057795</c:v>
                </c:pt>
                <c:pt idx="1519">
                  <c:v>0.39959643158057795</c:v>
                </c:pt>
                <c:pt idx="1520">
                  <c:v>0.39959643158057795</c:v>
                </c:pt>
                <c:pt idx="1521">
                  <c:v>0.42668771507756637</c:v>
                </c:pt>
                <c:pt idx="1522">
                  <c:v>0.42668771507756637</c:v>
                </c:pt>
                <c:pt idx="1523">
                  <c:v>0.54182566993976677</c:v>
                </c:pt>
                <c:pt idx="1524">
                  <c:v>0.54182566993976677</c:v>
                </c:pt>
                <c:pt idx="1525">
                  <c:v>0.35895950633509549</c:v>
                </c:pt>
                <c:pt idx="1526">
                  <c:v>0.54182566993976677</c:v>
                </c:pt>
                <c:pt idx="1527">
                  <c:v>0.54182566993976677</c:v>
                </c:pt>
                <c:pt idx="1528">
                  <c:v>0.54182566993976677</c:v>
                </c:pt>
                <c:pt idx="1529">
                  <c:v>0.54182566993976677</c:v>
                </c:pt>
                <c:pt idx="1530">
                  <c:v>0.54182566993976677</c:v>
                </c:pt>
                <c:pt idx="1531">
                  <c:v>0.45377899857455467</c:v>
                </c:pt>
                <c:pt idx="1532">
                  <c:v>0.37250514808358964</c:v>
                </c:pt>
                <c:pt idx="1533">
                  <c:v>0.27091283496988339</c:v>
                </c:pt>
                <c:pt idx="1534">
                  <c:v>0.25736719322138918</c:v>
                </c:pt>
                <c:pt idx="1535">
                  <c:v>0.25736719322138918</c:v>
                </c:pt>
                <c:pt idx="1536">
                  <c:v>0.24777918870085269</c:v>
                </c:pt>
                <c:pt idx="1537">
                  <c:v>0.24777918870085269</c:v>
                </c:pt>
                <c:pt idx="1538">
                  <c:v>0.24777918870085269</c:v>
                </c:pt>
                <c:pt idx="1539">
                  <c:v>0.24777918870085269</c:v>
                </c:pt>
                <c:pt idx="1540">
                  <c:v>0.24777918870085269</c:v>
                </c:pt>
                <c:pt idx="1541">
                  <c:v>0.32211294531110851</c:v>
                </c:pt>
                <c:pt idx="1542">
                  <c:v>0.35927982361623634</c:v>
                </c:pt>
                <c:pt idx="1543">
                  <c:v>0.37166878305127904</c:v>
                </c:pt>
                <c:pt idx="1544">
                  <c:v>0.37166878305127904</c:v>
                </c:pt>
                <c:pt idx="1545">
                  <c:v>0.40264118163888557</c:v>
                </c:pt>
                <c:pt idx="1546">
                  <c:v>0.42122462079144951</c:v>
                </c:pt>
                <c:pt idx="1547">
                  <c:v>0.49555837740170539</c:v>
                </c:pt>
                <c:pt idx="1548">
                  <c:v>0.49555837740170539</c:v>
                </c:pt>
                <c:pt idx="1549">
                  <c:v>0.49555837740170539</c:v>
                </c:pt>
                <c:pt idx="1550">
                  <c:v>0.49555837740170539</c:v>
                </c:pt>
                <c:pt idx="1551">
                  <c:v>0.49555837740170539</c:v>
                </c:pt>
                <c:pt idx="1552">
                  <c:v>0.49555837740170539</c:v>
                </c:pt>
                <c:pt idx="1553">
                  <c:v>0.49555837740170539</c:v>
                </c:pt>
                <c:pt idx="1554">
                  <c:v>0.49555837740170539</c:v>
                </c:pt>
                <c:pt idx="1555">
                  <c:v>0.41503014107392822</c:v>
                </c:pt>
                <c:pt idx="1556">
                  <c:v>0.3406963844636724</c:v>
                </c:pt>
                <c:pt idx="1557">
                  <c:v>0.24777918870085269</c:v>
                </c:pt>
                <c:pt idx="1558">
                  <c:v>0.24777918870085269</c:v>
                </c:pt>
                <c:pt idx="1559">
                  <c:v>0.24777918870085269</c:v>
                </c:pt>
                <c:pt idx="1560">
                  <c:v>0.22535182327336145</c:v>
                </c:pt>
                <c:pt idx="1561">
                  <c:v>0.25352080118253162</c:v>
                </c:pt>
                <c:pt idx="1562">
                  <c:v>0.25352080118253162</c:v>
                </c:pt>
                <c:pt idx="1563">
                  <c:v>0.25352080118253162</c:v>
                </c:pt>
                <c:pt idx="1564">
                  <c:v>0.25352080118253162</c:v>
                </c:pt>
                <c:pt idx="1565">
                  <c:v>0.32676014374637408</c:v>
                </c:pt>
                <c:pt idx="1566">
                  <c:v>0.37746430398288044</c:v>
                </c:pt>
                <c:pt idx="1567">
                  <c:v>0.37746430398288044</c:v>
                </c:pt>
                <c:pt idx="1568">
                  <c:v>0.37746430398288044</c:v>
                </c:pt>
                <c:pt idx="1569">
                  <c:v>0.40563328189205056</c:v>
                </c:pt>
                <c:pt idx="1570">
                  <c:v>0.43943605538305486</c:v>
                </c:pt>
                <c:pt idx="1571">
                  <c:v>0.50704160236506324</c:v>
                </c:pt>
                <c:pt idx="1572">
                  <c:v>0.50704160236506324</c:v>
                </c:pt>
                <c:pt idx="1573">
                  <c:v>0.50704160236506324</c:v>
                </c:pt>
                <c:pt idx="1574">
                  <c:v>0.50704160236506324</c:v>
                </c:pt>
                <c:pt idx="1575">
                  <c:v>0.50704160236506324</c:v>
                </c:pt>
                <c:pt idx="1576">
                  <c:v>0.50704160236506324</c:v>
                </c:pt>
                <c:pt idx="1577">
                  <c:v>0.50704160236506324</c:v>
                </c:pt>
                <c:pt idx="1578">
                  <c:v>0.50704160236506324</c:v>
                </c:pt>
                <c:pt idx="1579">
                  <c:v>0.42253466863755262</c:v>
                </c:pt>
                <c:pt idx="1580">
                  <c:v>0.33802773491004218</c:v>
                </c:pt>
                <c:pt idx="1581">
                  <c:v>0.25352080118253162</c:v>
                </c:pt>
                <c:pt idx="1582">
                  <c:v>0.25352080118253162</c:v>
                </c:pt>
                <c:pt idx="1583">
                  <c:v>0.25352080118253162</c:v>
                </c:pt>
                <c:pt idx="1584">
                  <c:v>0.25880000361944794</c:v>
                </c:pt>
                <c:pt idx="1585">
                  <c:v>0.25880000361944794</c:v>
                </c:pt>
                <c:pt idx="1586">
                  <c:v>0.25880000361944794</c:v>
                </c:pt>
                <c:pt idx="1587">
                  <c:v>0.25880000361944794</c:v>
                </c:pt>
                <c:pt idx="1588">
                  <c:v>0.25880000361944794</c:v>
                </c:pt>
                <c:pt idx="1589">
                  <c:v>0.33356444910951066</c:v>
                </c:pt>
                <c:pt idx="1590">
                  <c:v>0.38532444983340031</c:v>
                </c:pt>
                <c:pt idx="1591">
                  <c:v>0.38532444983340031</c:v>
                </c:pt>
                <c:pt idx="1592">
                  <c:v>0.38532444983340031</c:v>
                </c:pt>
                <c:pt idx="1593">
                  <c:v>0.41408000579111665</c:v>
                </c:pt>
                <c:pt idx="1594">
                  <c:v>0.44858667294037641</c:v>
                </c:pt>
                <c:pt idx="1595">
                  <c:v>0.51760000723889588</c:v>
                </c:pt>
                <c:pt idx="1596">
                  <c:v>0.51760000723889588</c:v>
                </c:pt>
                <c:pt idx="1597">
                  <c:v>0.51760000723889588</c:v>
                </c:pt>
                <c:pt idx="1598">
                  <c:v>0.51760000723889588</c:v>
                </c:pt>
                <c:pt idx="1599">
                  <c:v>0.51760000723889588</c:v>
                </c:pt>
                <c:pt idx="1600">
                  <c:v>0.51760000723889588</c:v>
                </c:pt>
                <c:pt idx="1601">
                  <c:v>0.51760000723889588</c:v>
                </c:pt>
                <c:pt idx="1602">
                  <c:v>0.51760000723889588</c:v>
                </c:pt>
                <c:pt idx="1603">
                  <c:v>0.43133333936574653</c:v>
                </c:pt>
                <c:pt idx="1604">
                  <c:v>0.34506667149259729</c:v>
                </c:pt>
                <c:pt idx="1605">
                  <c:v>0.25880000361944794</c:v>
                </c:pt>
                <c:pt idx="1606">
                  <c:v>0.25880000361944794</c:v>
                </c:pt>
                <c:pt idx="1607">
                  <c:v>0.25880000361944794</c:v>
                </c:pt>
                <c:pt idx="1608">
                  <c:v>0.28783000116000912</c:v>
                </c:pt>
                <c:pt idx="1609">
                  <c:v>0.28783000116000912</c:v>
                </c:pt>
                <c:pt idx="1610">
                  <c:v>0.28783000116000912</c:v>
                </c:pt>
                <c:pt idx="1611">
                  <c:v>0.28783000116000912</c:v>
                </c:pt>
                <c:pt idx="1612">
                  <c:v>0.28783000116000912</c:v>
                </c:pt>
                <c:pt idx="1613">
                  <c:v>0.37098089038401177</c:v>
                </c:pt>
                <c:pt idx="1614">
                  <c:v>0.4477355573600143</c:v>
                </c:pt>
                <c:pt idx="1615">
                  <c:v>0.4477355573600143</c:v>
                </c:pt>
                <c:pt idx="1616">
                  <c:v>0.4477355573600143</c:v>
                </c:pt>
                <c:pt idx="1617">
                  <c:v>0.47971666860001522</c:v>
                </c:pt>
                <c:pt idx="1618">
                  <c:v>0.49890533534401582</c:v>
                </c:pt>
                <c:pt idx="1619">
                  <c:v>0.57566000232001824</c:v>
                </c:pt>
                <c:pt idx="1620">
                  <c:v>0.57566000232001824</c:v>
                </c:pt>
                <c:pt idx="1621">
                  <c:v>0.57566000232001824</c:v>
                </c:pt>
                <c:pt idx="1622">
                  <c:v>0.57566000232001824</c:v>
                </c:pt>
                <c:pt idx="1623">
                  <c:v>0.47971666860001522</c:v>
                </c:pt>
                <c:pt idx="1624">
                  <c:v>0.45413177960801449</c:v>
                </c:pt>
                <c:pt idx="1625">
                  <c:v>0.45413177960801449</c:v>
                </c:pt>
                <c:pt idx="1626">
                  <c:v>0.45413177960801449</c:v>
                </c:pt>
                <c:pt idx="1627">
                  <c:v>0.45413177960801449</c:v>
                </c:pt>
                <c:pt idx="1628">
                  <c:v>0.35179222364001117</c:v>
                </c:pt>
                <c:pt idx="1629">
                  <c:v>0.13432066720800429</c:v>
                </c:pt>
                <c:pt idx="1630">
                  <c:v>0.13432066720800429</c:v>
                </c:pt>
                <c:pt idx="1631">
                  <c:v>0.13432066720800429</c:v>
                </c:pt>
                <c:pt idx="1632">
                  <c:v>0.10125657457543168</c:v>
                </c:pt>
                <c:pt idx="1633">
                  <c:v>0.19769140750441425</c:v>
                </c:pt>
                <c:pt idx="1634">
                  <c:v>0.19769140750441425</c:v>
                </c:pt>
                <c:pt idx="1635">
                  <c:v>0.19769140750441425</c:v>
                </c:pt>
                <c:pt idx="1636">
                  <c:v>0.19769140750441425</c:v>
                </c:pt>
                <c:pt idx="1637">
                  <c:v>0.24590882396890554</c:v>
                </c:pt>
                <c:pt idx="1638">
                  <c:v>0.30859146537274423</c:v>
                </c:pt>
                <c:pt idx="1639">
                  <c:v>0.35198714019078642</c:v>
                </c:pt>
                <c:pt idx="1640">
                  <c:v>0.35198714019078642</c:v>
                </c:pt>
                <c:pt idx="1641">
                  <c:v>0.35198714019078642</c:v>
                </c:pt>
                <c:pt idx="1642">
                  <c:v>0.35198714019078642</c:v>
                </c:pt>
                <c:pt idx="1643">
                  <c:v>0.35198714019078642</c:v>
                </c:pt>
                <c:pt idx="1644">
                  <c:v>0.35198714019078642</c:v>
                </c:pt>
                <c:pt idx="1645">
                  <c:v>0.35198714019078642</c:v>
                </c:pt>
                <c:pt idx="1646">
                  <c:v>0.35198714019078642</c:v>
                </c:pt>
                <c:pt idx="1647">
                  <c:v>0.31823494866564245</c:v>
                </c:pt>
                <c:pt idx="1648">
                  <c:v>0.28930449878694769</c:v>
                </c:pt>
                <c:pt idx="1649">
                  <c:v>0.26037404890825289</c:v>
                </c:pt>
                <c:pt idx="1650">
                  <c:v>0.25073056561535462</c:v>
                </c:pt>
                <c:pt idx="1651">
                  <c:v>0.20251314915086335</c:v>
                </c:pt>
                <c:pt idx="1652">
                  <c:v>0.14947399103992295</c:v>
                </c:pt>
                <c:pt idx="1653">
                  <c:v>0.14947399103992295</c:v>
                </c:pt>
                <c:pt idx="1654">
                  <c:v>0.14947399103992295</c:v>
                </c:pt>
                <c:pt idx="1655">
                  <c:v>0.14947399103992295</c:v>
                </c:pt>
                <c:pt idx="1656">
                  <c:v>0.16404687297539364</c:v>
                </c:pt>
                <c:pt idx="1657">
                  <c:v>0.19050604603594098</c:v>
                </c:pt>
                <c:pt idx="1658">
                  <c:v>0.19050604603594098</c:v>
                </c:pt>
                <c:pt idx="1659">
                  <c:v>0.19050604603594098</c:v>
                </c:pt>
                <c:pt idx="1660">
                  <c:v>0.19050604603594098</c:v>
                </c:pt>
                <c:pt idx="1661">
                  <c:v>0.23813255754492627</c:v>
                </c:pt>
                <c:pt idx="1662">
                  <c:v>0.28046723444180199</c:v>
                </c:pt>
                <c:pt idx="1663">
                  <c:v>0.33338558056289674</c:v>
                </c:pt>
                <c:pt idx="1664">
                  <c:v>0.33338558056289674</c:v>
                </c:pt>
                <c:pt idx="1665">
                  <c:v>0.33338558056289674</c:v>
                </c:pt>
                <c:pt idx="1666">
                  <c:v>0.33338558056289674</c:v>
                </c:pt>
                <c:pt idx="1667">
                  <c:v>0.33338558056289674</c:v>
                </c:pt>
                <c:pt idx="1668">
                  <c:v>0.33338558056289674</c:v>
                </c:pt>
                <c:pt idx="1669">
                  <c:v>0.33338558056289674</c:v>
                </c:pt>
                <c:pt idx="1670">
                  <c:v>0.33338558056289674</c:v>
                </c:pt>
                <c:pt idx="1671">
                  <c:v>0.29634273827813046</c:v>
                </c:pt>
                <c:pt idx="1672">
                  <c:v>0.29105090366602099</c:v>
                </c:pt>
                <c:pt idx="1673">
                  <c:v>0.2487162267691452</c:v>
                </c:pt>
                <c:pt idx="1674">
                  <c:v>0.23284072293281677</c:v>
                </c:pt>
                <c:pt idx="1675">
                  <c:v>0.19579788064805048</c:v>
                </c:pt>
                <c:pt idx="1676">
                  <c:v>0.16404687297539364</c:v>
                </c:pt>
                <c:pt idx="1677">
                  <c:v>0.14287953452695576</c:v>
                </c:pt>
                <c:pt idx="1678">
                  <c:v>0.14287953452695576</c:v>
                </c:pt>
                <c:pt idx="1679">
                  <c:v>0.14287953452695576</c:v>
                </c:pt>
                <c:pt idx="1680">
                  <c:v>8.3692218100031315E-2</c:v>
                </c:pt>
                <c:pt idx="1681">
                  <c:v>8.3692218100031315E-2</c:v>
                </c:pt>
                <c:pt idx="1682">
                  <c:v>8.3692218100031315E-2</c:v>
                </c:pt>
                <c:pt idx="1683">
                  <c:v>8.3692218100031315E-2</c:v>
                </c:pt>
                <c:pt idx="1684">
                  <c:v>8.3692218100031315E-2</c:v>
                </c:pt>
                <c:pt idx="1685">
                  <c:v>0.36266627843346905</c:v>
                </c:pt>
                <c:pt idx="1686">
                  <c:v>0.41148673899182064</c:v>
                </c:pt>
                <c:pt idx="1687">
                  <c:v>0.41148673899182064</c:v>
                </c:pt>
                <c:pt idx="1688">
                  <c:v>0.41148673899182064</c:v>
                </c:pt>
                <c:pt idx="1689">
                  <c:v>0.43938414502516443</c:v>
                </c:pt>
                <c:pt idx="1690">
                  <c:v>0.43938414502516443</c:v>
                </c:pt>
                <c:pt idx="1691">
                  <c:v>0.55794812066687549</c:v>
                </c:pt>
                <c:pt idx="1692">
                  <c:v>0.55794812066687549</c:v>
                </c:pt>
                <c:pt idx="1693">
                  <c:v>0.36964062994180502</c:v>
                </c:pt>
                <c:pt idx="1694">
                  <c:v>0.55794812066687549</c:v>
                </c:pt>
                <c:pt idx="1695">
                  <c:v>0.55794812066687549</c:v>
                </c:pt>
                <c:pt idx="1696">
                  <c:v>0.55794812066687549</c:v>
                </c:pt>
                <c:pt idx="1697">
                  <c:v>0.55794812066687549</c:v>
                </c:pt>
                <c:pt idx="1698">
                  <c:v>0.55794812066687549</c:v>
                </c:pt>
                <c:pt idx="1699">
                  <c:v>0.46728155105850822</c:v>
                </c:pt>
                <c:pt idx="1700">
                  <c:v>0.38358933295847691</c:v>
                </c:pt>
                <c:pt idx="1701">
                  <c:v>0.27897406033343775</c:v>
                </c:pt>
                <c:pt idx="1702">
                  <c:v>0.2650253573167658</c:v>
                </c:pt>
                <c:pt idx="1703">
                  <c:v>0.2650253573167658</c:v>
                </c:pt>
                <c:pt idx="1704">
                  <c:v>0.23768970643663137</c:v>
                </c:pt>
                <c:pt idx="1705">
                  <c:v>0.23768970643663137</c:v>
                </c:pt>
                <c:pt idx="1706">
                  <c:v>0.23768970643663137</c:v>
                </c:pt>
                <c:pt idx="1707">
                  <c:v>0.23768970643663137</c:v>
                </c:pt>
                <c:pt idx="1708">
                  <c:v>0.23768970643663137</c:v>
                </c:pt>
                <c:pt idx="1709">
                  <c:v>0.30899661836762071</c:v>
                </c:pt>
                <c:pt idx="1710">
                  <c:v>0.34465007433311545</c:v>
                </c:pt>
                <c:pt idx="1711">
                  <c:v>0.35653455965494707</c:v>
                </c:pt>
                <c:pt idx="1712">
                  <c:v>0.35653455965494707</c:v>
                </c:pt>
                <c:pt idx="1713">
                  <c:v>0.38624577295952589</c:v>
                </c:pt>
                <c:pt idx="1714">
                  <c:v>0.40407250094227326</c:v>
                </c:pt>
                <c:pt idx="1715">
                  <c:v>0.47537941287326274</c:v>
                </c:pt>
                <c:pt idx="1716">
                  <c:v>0.47537941287326274</c:v>
                </c:pt>
                <c:pt idx="1717">
                  <c:v>0.47537941287326274</c:v>
                </c:pt>
                <c:pt idx="1718">
                  <c:v>0.47537941287326274</c:v>
                </c:pt>
                <c:pt idx="1719">
                  <c:v>0.47537941287326274</c:v>
                </c:pt>
                <c:pt idx="1720">
                  <c:v>0.47537941287326274</c:v>
                </c:pt>
                <c:pt idx="1721">
                  <c:v>0.47537941287326274</c:v>
                </c:pt>
                <c:pt idx="1722">
                  <c:v>0.47537941287326274</c:v>
                </c:pt>
                <c:pt idx="1723">
                  <c:v>0.39813025828135756</c:v>
                </c:pt>
                <c:pt idx="1724">
                  <c:v>0.32682334635036808</c:v>
                </c:pt>
                <c:pt idx="1725">
                  <c:v>0.23768970643663137</c:v>
                </c:pt>
                <c:pt idx="1726">
                  <c:v>0.23768970643663137</c:v>
                </c:pt>
                <c:pt idx="1727">
                  <c:v>0.23768970643663137</c:v>
                </c:pt>
                <c:pt idx="1728">
                  <c:v>0.21094361882933452</c:v>
                </c:pt>
                <c:pt idx="1729">
                  <c:v>0.23731157118300128</c:v>
                </c:pt>
                <c:pt idx="1730">
                  <c:v>0.23731157118300128</c:v>
                </c:pt>
                <c:pt idx="1731">
                  <c:v>0.23731157118300128</c:v>
                </c:pt>
                <c:pt idx="1732">
                  <c:v>0.23731157118300128</c:v>
                </c:pt>
                <c:pt idx="1733">
                  <c:v>0.30586824730253498</c:v>
                </c:pt>
                <c:pt idx="1734">
                  <c:v>0.35333056153913528</c:v>
                </c:pt>
                <c:pt idx="1735">
                  <c:v>0.35333056153913528</c:v>
                </c:pt>
                <c:pt idx="1736">
                  <c:v>0.35333056153913528</c:v>
                </c:pt>
                <c:pt idx="1737">
                  <c:v>0.37969851389280207</c:v>
                </c:pt>
                <c:pt idx="1738">
                  <c:v>0.41134005671720225</c:v>
                </c:pt>
                <c:pt idx="1739">
                  <c:v>0.47462314236600256</c:v>
                </c:pt>
                <c:pt idx="1740">
                  <c:v>0.47462314236600256</c:v>
                </c:pt>
                <c:pt idx="1741">
                  <c:v>0.47462314236600256</c:v>
                </c:pt>
                <c:pt idx="1742">
                  <c:v>0.47462314236600256</c:v>
                </c:pt>
                <c:pt idx="1743">
                  <c:v>0.47462314236600256</c:v>
                </c:pt>
                <c:pt idx="1744">
                  <c:v>0.47462314236600256</c:v>
                </c:pt>
                <c:pt idx="1745">
                  <c:v>0.47462314236600256</c:v>
                </c:pt>
                <c:pt idx="1746">
                  <c:v>0.47462314236600256</c:v>
                </c:pt>
                <c:pt idx="1747">
                  <c:v>0.39551928530500224</c:v>
                </c:pt>
                <c:pt idx="1748">
                  <c:v>0.31641542824400176</c:v>
                </c:pt>
                <c:pt idx="1749">
                  <c:v>0.23731157118300128</c:v>
                </c:pt>
                <c:pt idx="1750">
                  <c:v>0.23731157118300128</c:v>
                </c:pt>
                <c:pt idx="1751">
                  <c:v>0.23731157118300128</c:v>
                </c:pt>
                <c:pt idx="1752">
                  <c:v>0.23355105872139573</c:v>
                </c:pt>
                <c:pt idx="1753">
                  <c:v>0.23355105872139573</c:v>
                </c:pt>
                <c:pt idx="1754">
                  <c:v>0.23355105872139573</c:v>
                </c:pt>
                <c:pt idx="1755">
                  <c:v>0.23355105872139573</c:v>
                </c:pt>
                <c:pt idx="1756">
                  <c:v>0.23355105872139573</c:v>
                </c:pt>
                <c:pt idx="1757">
                  <c:v>0.30102136457424344</c:v>
                </c:pt>
                <c:pt idx="1758">
                  <c:v>0.34773157631852258</c:v>
                </c:pt>
                <c:pt idx="1759">
                  <c:v>0.34773157631852258</c:v>
                </c:pt>
                <c:pt idx="1760">
                  <c:v>0.34773157631852258</c:v>
                </c:pt>
                <c:pt idx="1761">
                  <c:v>0.37368169395423323</c:v>
                </c:pt>
                <c:pt idx="1762">
                  <c:v>0.40482183511708603</c:v>
                </c:pt>
                <c:pt idx="1763">
                  <c:v>0.46710211744279145</c:v>
                </c:pt>
                <c:pt idx="1764">
                  <c:v>0.46710211744279145</c:v>
                </c:pt>
                <c:pt idx="1765">
                  <c:v>0.46710211744279145</c:v>
                </c:pt>
                <c:pt idx="1766">
                  <c:v>0.46710211744279145</c:v>
                </c:pt>
                <c:pt idx="1767">
                  <c:v>0.46710211744279145</c:v>
                </c:pt>
                <c:pt idx="1768">
                  <c:v>0.46710211744279145</c:v>
                </c:pt>
                <c:pt idx="1769">
                  <c:v>0.46710211744279145</c:v>
                </c:pt>
                <c:pt idx="1770">
                  <c:v>0.46710211744279145</c:v>
                </c:pt>
                <c:pt idx="1771">
                  <c:v>0.38925176453565957</c:v>
                </c:pt>
                <c:pt idx="1772">
                  <c:v>0.31140141162852769</c:v>
                </c:pt>
                <c:pt idx="1773">
                  <c:v>0.23355105872139573</c:v>
                </c:pt>
                <c:pt idx="1774">
                  <c:v>0.23355105872139573</c:v>
                </c:pt>
                <c:pt idx="1775">
                  <c:v>0.23355105872139573</c:v>
                </c:pt>
                <c:pt idx="1776">
                  <c:v>0.25612518083866442</c:v>
                </c:pt>
                <c:pt idx="1777">
                  <c:v>0.25612518083866442</c:v>
                </c:pt>
                <c:pt idx="1778">
                  <c:v>0.25612518083866442</c:v>
                </c:pt>
                <c:pt idx="1779">
                  <c:v>0.25612518083866442</c:v>
                </c:pt>
                <c:pt idx="1780">
                  <c:v>0.25612518083866442</c:v>
                </c:pt>
                <c:pt idx="1781">
                  <c:v>0.33011689974761199</c:v>
                </c:pt>
                <c:pt idx="1782">
                  <c:v>0.39841694797125587</c:v>
                </c:pt>
                <c:pt idx="1783">
                  <c:v>0.39841694797125587</c:v>
                </c:pt>
                <c:pt idx="1784">
                  <c:v>0.39841694797125587</c:v>
                </c:pt>
                <c:pt idx="1785">
                  <c:v>0.42687530139777413</c:v>
                </c:pt>
                <c:pt idx="1786">
                  <c:v>0.44395031345368507</c:v>
                </c:pt>
                <c:pt idx="1787">
                  <c:v>0.51225036167732885</c:v>
                </c:pt>
                <c:pt idx="1788">
                  <c:v>0.51225036167732885</c:v>
                </c:pt>
                <c:pt idx="1789">
                  <c:v>0.51225036167732885</c:v>
                </c:pt>
                <c:pt idx="1790">
                  <c:v>0.51225036167732885</c:v>
                </c:pt>
                <c:pt idx="1791">
                  <c:v>0.42687530139777413</c:v>
                </c:pt>
                <c:pt idx="1792">
                  <c:v>0.4041086186565595</c:v>
                </c:pt>
                <c:pt idx="1793">
                  <c:v>0.4041086186565595</c:v>
                </c:pt>
                <c:pt idx="1794">
                  <c:v>0.4041086186565595</c:v>
                </c:pt>
                <c:pt idx="1795">
                  <c:v>0.4041086186565595</c:v>
                </c:pt>
                <c:pt idx="1796">
                  <c:v>0.31304188769170099</c:v>
                </c:pt>
                <c:pt idx="1797">
                  <c:v>0.11952508439137675</c:v>
                </c:pt>
                <c:pt idx="1798">
                  <c:v>0.11952508439137675</c:v>
                </c:pt>
                <c:pt idx="1799">
                  <c:v>0.11952508439137675</c:v>
                </c:pt>
                <c:pt idx="1800">
                  <c:v>7.8074305651592471E-2</c:v>
                </c:pt>
                <c:pt idx="1801">
                  <c:v>0.15243078722453771</c:v>
                </c:pt>
                <c:pt idx="1802">
                  <c:v>0.15243078722453771</c:v>
                </c:pt>
                <c:pt idx="1803">
                  <c:v>0.15243078722453771</c:v>
                </c:pt>
                <c:pt idx="1804">
                  <c:v>0.15243078722453771</c:v>
                </c:pt>
                <c:pt idx="1805">
                  <c:v>0.18960902801101032</c:v>
                </c:pt>
                <c:pt idx="1806">
                  <c:v>0.23794074103342472</c:v>
                </c:pt>
                <c:pt idx="1807">
                  <c:v>0.27140115774125007</c:v>
                </c:pt>
                <c:pt idx="1808">
                  <c:v>0.27140115774125007</c:v>
                </c:pt>
                <c:pt idx="1809">
                  <c:v>0.27140115774125007</c:v>
                </c:pt>
                <c:pt idx="1810">
                  <c:v>0.27140115774125007</c:v>
                </c:pt>
                <c:pt idx="1811">
                  <c:v>0.27140115774125007</c:v>
                </c:pt>
                <c:pt idx="1812">
                  <c:v>0.27140115774125007</c:v>
                </c:pt>
                <c:pt idx="1813">
                  <c:v>0.27140115774125007</c:v>
                </c:pt>
                <c:pt idx="1814">
                  <c:v>0.27140115774125007</c:v>
                </c:pt>
                <c:pt idx="1815">
                  <c:v>0.24537638919071922</c:v>
                </c:pt>
                <c:pt idx="1816">
                  <c:v>0.22306944471883566</c:v>
                </c:pt>
                <c:pt idx="1817">
                  <c:v>0.20076250024695205</c:v>
                </c:pt>
                <c:pt idx="1818">
                  <c:v>0.19332685208965758</c:v>
                </c:pt>
                <c:pt idx="1819">
                  <c:v>0.15614861130318494</c:v>
                </c:pt>
                <c:pt idx="1820">
                  <c:v>0.11525254643806508</c:v>
                </c:pt>
                <c:pt idx="1821">
                  <c:v>0.11525254643806508</c:v>
                </c:pt>
                <c:pt idx="1822">
                  <c:v>0.11525254643806508</c:v>
                </c:pt>
                <c:pt idx="1823">
                  <c:v>0.11525254643806508</c:v>
                </c:pt>
                <c:pt idx="1824">
                  <c:v>0.13730757711017866</c:v>
                </c:pt>
                <c:pt idx="1825">
                  <c:v>0.15945396051504618</c:v>
                </c:pt>
                <c:pt idx="1826">
                  <c:v>0.15945396051504618</c:v>
                </c:pt>
                <c:pt idx="1827">
                  <c:v>0.15945396051504618</c:v>
                </c:pt>
                <c:pt idx="1828">
                  <c:v>0.15945396051504618</c:v>
                </c:pt>
                <c:pt idx="1829">
                  <c:v>0.19931745064380774</c:v>
                </c:pt>
                <c:pt idx="1830">
                  <c:v>0.23475166409159581</c:v>
                </c:pt>
                <c:pt idx="1831">
                  <c:v>0.27904443090133091</c:v>
                </c:pt>
                <c:pt idx="1832">
                  <c:v>0.27904443090133091</c:v>
                </c:pt>
                <c:pt idx="1833">
                  <c:v>0.27904443090133091</c:v>
                </c:pt>
                <c:pt idx="1834">
                  <c:v>0.27904443090133091</c:v>
                </c:pt>
                <c:pt idx="1835">
                  <c:v>0.27904443090133091</c:v>
                </c:pt>
                <c:pt idx="1836">
                  <c:v>0.27904443090133091</c:v>
                </c:pt>
                <c:pt idx="1837">
                  <c:v>0.27904443090133091</c:v>
                </c:pt>
                <c:pt idx="1838">
                  <c:v>0.27904443090133091</c:v>
                </c:pt>
                <c:pt idx="1839">
                  <c:v>0.24803949413451631</c:v>
                </c:pt>
                <c:pt idx="1840">
                  <c:v>0.2436102174535428</c:v>
                </c:pt>
                <c:pt idx="1841">
                  <c:v>0.20817600400575478</c:v>
                </c:pt>
                <c:pt idx="1842">
                  <c:v>0.19488817396283425</c:v>
                </c:pt>
                <c:pt idx="1843">
                  <c:v>0.16388323719601972</c:v>
                </c:pt>
                <c:pt idx="1844">
                  <c:v>0.13730757711017866</c:v>
                </c:pt>
                <c:pt idx="1845">
                  <c:v>0.11959047038628466</c:v>
                </c:pt>
                <c:pt idx="1846">
                  <c:v>0.11959047038628466</c:v>
                </c:pt>
                <c:pt idx="1847">
                  <c:v>0.11959047038628466</c:v>
                </c:pt>
                <c:pt idx="1848">
                  <c:v>7.839484143255275E-2</c:v>
                </c:pt>
                <c:pt idx="1849">
                  <c:v>7.839484143255275E-2</c:v>
                </c:pt>
                <c:pt idx="1850">
                  <c:v>7.839484143255275E-2</c:v>
                </c:pt>
                <c:pt idx="1851">
                  <c:v>7.839484143255275E-2</c:v>
                </c:pt>
                <c:pt idx="1852">
                  <c:v>7.839484143255275E-2</c:v>
                </c:pt>
                <c:pt idx="1853">
                  <c:v>0.33971097954106189</c:v>
                </c:pt>
                <c:pt idx="1854">
                  <c:v>0.38544130371005103</c:v>
                </c:pt>
                <c:pt idx="1855">
                  <c:v>0.38544130371005103</c:v>
                </c:pt>
                <c:pt idx="1856">
                  <c:v>0.38544130371005103</c:v>
                </c:pt>
                <c:pt idx="1857">
                  <c:v>0.41157291752090197</c:v>
                </c:pt>
                <c:pt idx="1858">
                  <c:v>0.41157291752090197</c:v>
                </c:pt>
                <c:pt idx="1859">
                  <c:v>0.52263227621701835</c:v>
                </c:pt>
                <c:pt idx="1860">
                  <c:v>0.52263227621701835</c:v>
                </c:pt>
                <c:pt idx="1861">
                  <c:v>0.34624388299377462</c:v>
                </c:pt>
                <c:pt idx="1862">
                  <c:v>0.52263227621701835</c:v>
                </c:pt>
                <c:pt idx="1863">
                  <c:v>0.52263227621701835</c:v>
                </c:pt>
                <c:pt idx="1864">
                  <c:v>0.52263227621701835</c:v>
                </c:pt>
                <c:pt idx="1865">
                  <c:v>0.52263227621701835</c:v>
                </c:pt>
                <c:pt idx="1866">
                  <c:v>0.52263227621701835</c:v>
                </c:pt>
                <c:pt idx="1867">
                  <c:v>0.43770453133175291</c:v>
                </c:pt>
                <c:pt idx="1868">
                  <c:v>0.35930968989920009</c:v>
                </c:pt>
                <c:pt idx="1869">
                  <c:v>0.26131613810850918</c:v>
                </c:pt>
                <c:pt idx="1870">
                  <c:v>0.24825033120308368</c:v>
                </c:pt>
                <c:pt idx="1871">
                  <c:v>0.24825033120308368</c:v>
                </c:pt>
                <c:pt idx="1872">
                  <c:v>0.22643674643121292</c:v>
                </c:pt>
                <c:pt idx="1873">
                  <c:v>0.22643674643121292</c:v>
                </c:pt>
                <c:pt idx="1874">
                  <c:v>0.22643674643121292</c:v>
                </c:pt>
                <c:pt idx="1875">
                  <c:v>0.22643674643121292</c:v>
                </c:pt>
                <c:pt idx="1876">
                  <c:v>0.22643674643121292</c:v>
                </c:pt>
                <c:pt idx="1877">
                  <c:v>0.29436777036057676</c:v>
                </c:pt>
                <c:pt idx="1878">
                  <c:v>0.32833328232525871</c:v>
                </c:pt>
                <c:pt idx="1879">
                  <c:v>0.33965511964681938</c:v>
                </c:pt>
                <c:pt idx="1880">
                  <c:v>0.33965511964681938</c:v>
                </c:pt>
                <c:pt idx="1881">
                  <c:v>0.367959712950721</c:v>
                </c:pt>
                <c:pt idx="1882">
                  <c:v>0.38494246893306194</c:v>
                </c:pt>
                <c:pt idx="1883">
                  <c:v>0.45287349286242584</c:v>
                </c:pt>
                <c:pt idx="1884">
                  <c:v>0.45287349286242584</c:v>
                </c:pt>
                <c:pt idx="1885">
                  <c:v>0.45287349286242584</c:v>
                </c:pt>
                <c:pt idx="1886">
                  <c:v>0.45287349286242584</c:v>
                </c:pt>
                <c:pt idx="1887">
                  <c:v>0.45287349286242584</c:v>
                </c:pt>
                <c:pt idx="1888">
                  <c:v>0.45287349286242584</c:v>
                </c:pt>
                <c:pt idx="1889">
                  <c:v>0.45287349286242584</c:v>
                </c:pt>
                <c:pt idx="1890">
                  <c:v>0.45287349286242584</c:v>
                </c:pt>
                <c:pt idx="1891">
                  <c:v>0.37928155027228161</c:v>
                </c:pt>
                <c:pt idx="1892">
                  <c:v>0.31135052634291777</c:v>
                </c:pt>
                <c:pt idx="1893">
                  <c:v>0.22643674643121292</c:v>
                </c:pt>
                <c:pt idx="1894">
                  <c:v>0.22643674643121292</c:v>
                </c:pt>
                <c:pt idx="1895">
                  <c:v>0.22643674643121292</c:v>
                </c:pt>
                <c:pt idx="1896">
                  <c:v>0.20704139679241057</c:v>
                </c:pt>
                <c:pt idx="1897">
                  <c:v>0.23292157139146186</c:v>
                </c:pt>
                <c:pt idx="1898">
                  <c:v>0.23292157139146186</c:v>
                </c:pt>
                <c:pt idx="1899">
                  <c:v>0.23292157139146186</c:v>
                </c:pt>
                <c:pt idx="1900">
                  <c:v>0.23292157139146186</c:v>
                </c:pt>
                <c:pt idx="1901">
                  <c:v>0.30021002534899527</c:v>
                </c:pt>
                <c:pt idx="1902">
                  <c:v>0.34679433962728767</c:v>
                </c:pt>
                <c:pt idx="1903">
                  <c:v>0.34679433962728767</c:v>
                </c:pt>
                <c:pt idx="1904">
                  <c:v>0.34679433962728767</c:v>
                </c:pt>
                <c:pt idx="1905">
                  <c:v>0.37267451422633896</c:v>
                </c:pt>
                <c:pt idx="1906">
                  <c:v>0.40373072374520053</c:v>
                </c:pt>
                <c:pt idx="1907">
                  <c:v>0.46584314278292371</c:v>
                </c:pt>
                <c:pt idx="1908">
                  <c:v>0.46584314278292371</c:v>
                </c:pt>
                <c:pt idx="1909">
                  <c:v>0.46584314278292371</c:v>
                </c:pt>
                <c:pt idx="1910">
                  <c:v>0.46584314278292371</c:v>
                </c:pt>
                <c:pt idx="1911">
                  <c:v>0.46584314278292371</c:v>
                </c:pt>
                <c:pt idx="1912">
                  <c:v>0.46584314278292371</c:v>
                </c:pt>
                <c:pt idx="1913">
                  <c:v>0.46584314278292371</c:v>
                </c:pt>
                <c:pt idx="1914">
                  <c:v>0.46584314278292371</c:v>
                </c:pt>
                <c:pt idx="1915">
                  <c:v>0.3882026189857698</c:v>
                </c:pt>
                <c:pt idx="1916">
                  <c:v>0.31056209518861583</c:v>
                </c:pt>
                <c:pt idx="1917">
                  <c:v>0.23292157139146186</c:v>
                </c:pt>
                <c:pt idx="1918">
                  <c:v>0.23292157139146186</c:v>
                </c:pt>
                <c:pt idx="1919">
                  <c:v>0.23292157139146186</c:v>
                </c:pt>
                <c:pt idx="1920">
                  <c:v>0.23523432171459926</c:v>
                </c:pt>
                <c:pt idx="1921">
                  <c:v>0.23523432171459926</c:v>
                </c:pt>
                <c:pt idx="1922">
                  <c:v>0.23523432171459926</c:v>
                </c:pt>
                <c:pt idx="1923">
                  <c:v>0.23523432171459926</c:v>
                </c:pt>
                <c:pt idx="1924">
                  <c:v>0.23523432171459926</c:v>
                </c:pt>
                <c:pt idx="1925">
                  <c:v>0.30319090354326128</c:v>
                </c:pt>
                <c:pt idx="1926">
                  <c:v>0.35023776788618122</c:v>
                </c:pt>
                <c:pt idx="1927">
                  <c:v>0.35023776788618122</c:v>
                </c:pt>
                <c:pt idx="1928">
                  <c:v>0.35023776788618122</c:v>
                </c:pt>
                <c:pt idx="1929">
                  <c:v>0.37637491474335893</c:v>
                </c:pt>
                <c:pt idx="1930">
                  <c:v>0.4077394909719721</c:v>
                </c:pt>
                <c:pt idx="1931">
                  <c:v>0.47046864342919853</c:v>
                </c:pt>
                <c:pt idx="1932">
                  <c:v>0.47046864342919853</c:v>
                </c:pt>
                <c:pt idx="1933">
                  <c:v>0.47046864342919853</c:v>
                </c:pt>
                <c:pt idx="1934">
                  <c:v>0.47046864342919853</c:v>
                </c:pt>
                <c:pt idx="1935">
                  <c:v>0.47046864342919853</c:v>
                </c:pt>
                <c:pt idx="1936">
                  <c:v>0.47046864342919853</c:v>
                </c:pt>
                <c:pt idx="1937">
                  <c:v>0.47046864342919853</c:v>
                </c:pt>
                <c:pt idx="1938">
                  <c:v>0.47046864342919853</c:v>
                </c:pt>
                <c:pt idx="1939">
                  <c:v>0.39205720285766549</c:v>
                </c:pt>
                <c:pt idx="1940">
                  <c:v>0.31364576228613245</c:v>
                </c:pt>
                <c:pt idx="1941">
                  <c:v>0.23523432171459926</c:v>
                </c:pt>
                <c:pt idx="1942">
                  <c:v>0.23523432171459926</c:v>
                </c:pt>
                <c:pt idx="1943">
                  <c:v>0.23523432171459926</c:v>
                </c:pt>
                <c:pt idx="1944">
                  <c:v>0.25391321663019845</c:v>
                </c:pt>
                <c:pt idx="1945">
                  <c:v>0.25391321663019845</c:v>
                </c:pt>
                <c:pt idx="1946">
                  <c:v>0.25391321663019845</c:v>
                </c:pt>
                <c:pt idx="1947">
                  <c:v>0.25391321663019845</c:v>
                </c:pt>
                <c:pt idx="1948">
                  <c:v>0.25391321663019845</c:v>
                </c:pt>
                <c:pt idx="1949">
                  <c:v>0.32726592365670026</c:v>
                </c:pt>
                <c:pt idx="1950">
                  <c:v>0.39497611475808658</c:v>
                </c:pt>
                <c:pt idx="1951">
                  <c:v>0.39497611475808658</c:v>
                </c:pt>
                <c:pt idx="1952">
                  <c:v>0.39497611475808658</c:v>
                </c:pt>
                <c:pt idx="1953">
                  <c:v>0.42318869438366413</c:v>
                </c:pt>
                <c:pt idx="1954">
                  <c:v>0.44011624215901068</c:v>
                </c:pt>
                <c:pt idx="1955">
                  <c:v>0.50782643326039689</c:v>
                </c:pt>
                <c:pt idx="1956">
                  <c:v>0.50782643326039689</c:v>
                </c:pt>
                <c:pt idx="1957">
                  <c:v>0.50782643326039689</c:v>
                </c:pt>
                <c:pt idx="1958">
                  <c:v>0.50782643326039689</c:v>
                </c:pt>
                <c:pt idx="1959">
                  <c:v>0.42318869438366413</c:v>
                </c:pt>
                <c:pt idx="1960">
                  <c:v>0.40061863068320208</c:v>
                </c:pt>
                <c:pt idx="1961">
                  <c:v>0.40061863068320208</c:v>
                </c:pt>
                <c:pt idx="1962">
                  <c:v>0.40061863068320208</c:v>
                </c:pt>
                <c:pt idx="1963">
                  <c:v>0.40061863068320208</c:v>
                </c:pt>
                <c:pt idx="1964">
                  <c:v>0.31033837588135366</c:v>
                </c:pt>
                <c:pt idx="1965">
                  <c:v>0.11849283442742596</c:v>
                </c:pt>
                <c:pt idx="1966">
                  <c:v>0.11849283442742596</c:v>
                </c:pt>
                <c:pt idx="1967">
                  <c:v>0.11849283442742596</c:v>
                </c:pt>
                <c:pt idx="1968">
                  <c:v>8.5318764690292218E-2</c:v>
                </c:pt>
                <c:pt idx="1969">
                  <c:v>0.1665747310619991</c:v>
                </c:pt>
                <c:pt idx="1970">
                  <c:v>0.1665747310619991</c:v>
                </c:pt>
                <c:pt idx="1971">
                  <c:v>0.1665747310619991</c:v>
                </c:pt>
                <c:pt idx="1972">
                  <c:v>0.1665747310619991</c:v>
                </c:pt>
                <c:pt idx="1973">
                  <c:v>0.20720271424785253</c:v>
                </c:pt>
                <c:pt idx="1974">
                  <c:v>0.26001909238946197</c:v>
                </c:pt>
                <c:pt idx="1975">
                  <c:v>0.29658427725673009</c:v>
                </c:pt>
                <c:pt idx="1976">
                  <c:v>0.29658427725673009</c:v>
                </c:pt>
                <c:pt idx="1977">
                  <c:v>0.29658427725673009</c:v>
                </c:pt>
                <c:pt idx="1978">
                  <c:v>0.29658427725673009</c:v>
                </c:pt>
                <c:pt idx="1979">
                  <c:v>0.29658427725673009</c:v>
                </c:pt>
                <c:pt idx="1980">
                  <c:v>0.29658427725673009</c:v>
                </c:pt>
                <c:pt idx="1981">
                  <c:v>0.29658427725673009</c:v>
                </c:pt>
                <c:pt idx="1982">
                  <c:v>0.29658427725673009</c:v>
                </c:pt>
                <c:pt idx="1983">
                  <c:v>0.26814468902663269</c:v>
                </c:pt>
                <c:pt idx="1984">
                  <c:v>0.24376789911512062</c:v>
                </c:pt>
                <c:pt idx="1985">
                  <c:v>0.21939110920360858</c:v>
                </c:pt>
                <c:pt idx="1986">
                  <c:v>0.21126551256643786</c:v>
                </c:pt>
                <c:pt idx="1987">
                  <c:v>0.17063752938058444</c:v>
                </c:pt>
                <c:pt idx="1988">
                  <c:v>0.12594674787614565</c:v>
                </c:pt>
                <c:pt idx="1989">
                  <c:v>0.12594674787614565</c:v>
                </c:pt>
                <c:pt idx="1990">
                  <c:v>0.12594674787614565</c:v>
                </c:pt>
                <c:pt idx="1991">
                  <c:v>0.12594674787614565</c:v>
                </c:pt>
                <c:pt idx="1992">
                  <c:v>0.15529583069223238</c:v>
                </c:pt>
                <c:pt idx="1993">
                  <c:v>0.18034354532001179</c:v>
                </c:pt>
                <c:pt idx="1994">
                  <c:v>0.18034354532001179</c:v>
                </c:pt>
                <c:pt idx="1995">
                  <c:v>0.18034354532001179</c:v>
                </c:pt>
                <c:pt idx="1996">
                  <c:v>0.18034354532001179</c:v>
                </c:pt>
                <c:pt idx="1997">
                  <c:v>0.22542943165001475</c:v>
                </c:pt>
                <c:pt idx="1998">
                  <c:v>0.26550577505446188</c:v>
                </c:pt>
                <c:pt idx="1999">
                  <c:v>0.31560120431002064</c:v>
                </c:pt>
                <c:pt idx="2000">
                  <c:v>0.31560120431002064</c:v>
                </c:pt>
                <c:pt idx="2001">
                  <c:v>0.31560120431002064</c:v>
                </c:pt>
                <c:pt idx="2002">
                  <c:v>0.31560120431002064</c:v>
                </c:pt>
                <c:pt idx="2003">
                  <c:v>0.31560120431002064</c:v>
                </c:pt>
                <c:pt idx="2004">
                  <c:v>0.31560120431002064</c:v>
                </c:pt>
                <c:pt idx="2005">
                  <c:v>0.31560120431002064</c:v>
                </c:pt>
                <c:pt idx="2006">
                  <c:v>0.31560120431002064</c:v>
                </c:pt>
                <c:pt idx="2007">
                  <c:v>0.28053440383112949</c:v>
                </c:pt>
                <c:pt idx="2008">
                  <c:v>0.27552486090557354</c:v>
                </c:pt>
                <c:pt idx="2009">
                  <c:v>0.23544851750112653</c:v>
                </c:pt>
                <c:pt idx="2010">
                  <c:v>0.22041988872445886</c:v>
                </c:pt>
                <c:pt idx="2011">
                  <c:v>0.18535308824556768</c:v>
                </c:pt>
                <c:pt idx="2012">
                  <c:v>0.15529583069223238</c:v>
                </c:pt>
                <c:pt idx="2013">
                  <c:v>0.13525765899000886</c:v>
                </c:pt>
                <c:pt idx="2014">
                  <c:v>0.13525765899000886</c:v>
                </c:pt>
                <c:pt idx="2015">
                  <c:v>0.13525765899000886</c:v>
                </c:pt>
                <c:pt idx="2016">
                  <c:v>8.2770935201339393E-2</c:v>
                </c:pt>
                <c:pt idx="2017">
                  <c:v>8.2770935201339393E-2</c:v>
                </c:pt>
                <c:pt idx="2018">
                  <c:v>8.2770935201339393E-2</c:v>
                </c:pt>
                <c:pt idx="2019">
                  <c:v>8.2770935201339393E-2</c:v>
                </c:pt>
                <c:pt idx="2020">
                  <c:v>8.2770935201339393E-2</c:v>
                </c:pt>
                <c:pt idx="2021">
                  <c:v>0.35867405253913742</c:v>
                </c:pt>
                <c:pt idx="2022">
                  <c:v>0.40695709807325209</c:v>
                </c:pt>
                <c:pt idx="2023">
                  <c:v>0.40695709807325209</c:v>
                </c:pt>
                <c:pt idx="2024">
                  <c:v>0.40695709807325209</c:v>
                </c:pt>
                <c:pt idx="2025">
                  <c:v>0.43454740980703188</c:v>
                </c:pt>
                <c:pt idx="2026">
                  <c:v>0.43454740980703188</c:v>
                </c:pt>
                <c:pt idx="2027">
                  <c:v>0.55180623467559609</c:v>
                </c:pt>
                <c:pt idx="2028">
                  <c:v>0.55180623467559609</c:v>
                </c:pt>
                <c:pt idx="2029">
                  <c:v>0.3655716304725824</c:v>
                </c:pt>
                <c:pt idx="2030">
                  <c:v>0.55180623467559609</c:v>
                </c:pt>
                <c:pt idx="2031">
                  <c:v>0.55180623467559609</c:v>
                </c:pt>
                <c:pt idx="2032">
                  <c:v>0.55180623467559609</c:v>
                </c:pt>
                <c:pt idx="2033">
                  <c:v>0.55180623467559609</c:v>
                </c:pt>
                <c:pt idx="2034">
                  <c:v>0.55180623467559609</c:v>
                </c:pt>
                <c:pt idx="2035">
                  <c:v>0.46213772154081167</c:v>
                </c:pt>
                <c:pt idx="2036">
                  <c:v>0.37936678633947229</c:v>
                </c:pt>
                <c:pt idx="2037">
                  <c:v>0.27590311733779804</c:v>
                </c:pt>
                <c:pt idx="2038">
                  <c:v>0.26210796147090809</c:v>
                </c:pt>
                <c:pt idx="2039">
                  <c:v>0.26210796147090809</c:v>
                </c:pt>
                <c:pt idx="2040">
                  <c:v>0.24374339579516413</c:v>
                </c:pt>
                <c:pt idx="2041">
                  <c:v>0.24374339579516413</c:v>
                </c:pt>
                <c:pt idx="2042">
                  <c:v>0.24374339579516413</c:v>
                </c:pt>
                <c:pt idx="2043">
                  <c:v>0.24374339579516413</c:v>
                </c:pt>
                <c:pt idx="2044">
                  <c:v>0.24374339579516413</c:v>
                </c:pt>
                <c:pt idx="2045">
                  <c:v>0.31686641453371334</c:v>
                </c:pt>
                <c:pt idx="2046">
                  <c:v>0.35342792390298794</c:v>
                </c:pt>
                <c:pt idx="2047">
                  <c:v>0.3656150936927462</c:v>
                </c:pt>
                <c:pt idx="2048">
                  <c:v>0.3656150936927462</c:v>
                </c:pt>
                <c:pt idx="2049">
                  <c:v>0.39608301816714164</c:v>
                </c:pt>
                <c:pt idx="2050">
                  <c:v>0.41436377285177894</c:v>
                </c:pt>
                <c:pt idx="2051">
                  <c:v>0.48748679159032826</c:v>
                </c:pt>
                <c:pt idx="2052">
                  <c:v>0.48748679159032826</c:v>
                </c:pt>
                <c:pt idx="2053">
                  <c:v>0.48748679159032826</c:v>
                </c:pt>
                <c:pt idx="2054">
                  <c:v>0.48748679159032826</c:v>
                </c:pt>
                <c:pt idx="2055">
                  <c:v>0.48748679159032826</c:v>
                </c:pt>
                <c:pt idx="2056">
                  <c:v>0.48748679159032826</c:v>
                </c:pt>
                <c:pt idx="2057">
                  <c:v>0.48748679159032826</c:v>
                </c:pt>
                <c:pt idx="2058">
                  <c:v>0.48748679159032826</c:v>
                </c:pt>
                <c:pt idx="2059">
                  <c:v>0.40827018795689995</c:v>
                </c:pt>
                <c:pt idx="2060">
                  <c:v>0.33514716921835064</c:v>
                </c:pt>
                <c:pt idx="2061">
                  <c:v>0.24374339579516413</c:v>
                </c:pt>
                <c:pt idx="2062">
                  <c:v>0.24374339579516413</c:v>
                </c:pt>
                <c:pt idx="2063">
                  <c:v>0.24374339579516413</c:v>
                </c:pt>
                <c:pt idx="2064">
                  <c:v>0.22084925938460301</c:v>
                </c:pt>
                <c:pt idx="2065">
                  <c:v>0.24845541680767833</c:v>
                </c:pt>
                <c:pt idx="2066">
                  <c:v>0.24845541680767833</c:v>
                </c:pt>
                <c:pt idx="2067">
                  <c:v>0.24845541680767833</c:v>
                </c:pt>
                <c:pt idx="2068">
                  <c:v>0.24845541680767833</c:v>
                </c:pt>
                <c:pt idx="2069">
                  <c:v>0.32023142610767436</c:v>
                </c:pt>
                <c:pt idx="2070">
                  <c:v>0.36992250946921007</c:v>
                </c:pt>
                <c:pt idx="2071">
                  <c:v>0.36992250946921007</c:v>
                </c:pt>
                <c:pt idx="2072">
                  <c:v>0.36992250946921007</c:v>
                </c:pt>
                <c:pt idx="2073">
                  <c:v>0.39752866689228539</c:v>
                </c:pt>
                <c:pt idx="2074">
                  <c:v>0.43065605579997585</c:v>
                </c:pt>
                <c:pt idx="2075">
                  <c:v>0.49691083361535665</c:v>
                </c:pt>
                <c:pt idx="2076">
                  <c:v>0.49691083361535665</c:v>
                </c:pt>
                <c:pt idx="2077">
                  <c:v>0.49691083361535665</c:v>
                </c:pt>
                <c:pt idx="2078">
                  <c:v>0.49691083361535665</c:v>
                </c:pt>
                <c:pt idx="2079">
                  <c:v>0.49691083361535665</c:v>
                </c:pt>
                <c:pt idx="2080">
                  <c:v>0.49691083361535665</c:v>
                </c:pt>
                <c:pt idx="2081">
                  <c:v>0.49691083361535665</c:v>
                </c:pt>
                <c:pt idx="2082">
                  <c:v>0.49691083361535665</c:v>
                </c:pt>
                <c:pt idx="2083">
                  <c:v>0.41409236134613064</c:v>
                </c:pt>
                <c:pt idx="2084">
                  <c:v>0.33127388907690453</c:v>
                </c:pt>
                <c:pt idx="2085">
                  <c:v>0.24845541680767833</c:v>
                </c:pt>
                <c:pt idx="2086">
                  <c:v>0.24845541680767833</c:v>
                </c:pt>
                <c:pt idx="2087">
                  <c:v>0.24845541680767833</c:v>
                </c:pt>
                <c:pt idx="2088">
                  <c:v>0.24634385746974219</c:v>
                </c:pt>
                <c:pt idx="2089">
                  <c:v>0.24634385746974219</c:v>
                </c:pt>
                <c:pt idx="2090">
                  <c:v>0.24634385746974219</c:v>
                </c:pt>
                <c:pt idx="2091">
                  <c:v>0.24634385746974219</c:v>
                </c:pt>
                <c:pt idx="2092">
                  <c:v>0.24634385746974219</c:v>
                </c:pt>
                <c:pt idx="2093">
                  <c:v>0.31750986073877885</c:v>
                </c:pt>
                <c:pt idx="2094">
                  <c:v>0.36677863223272728</c:v>
                </c:pt>
                <c:pt idx="2095">
                  <c:v>0.36677863223272728</c:v>
                </c:pt>
                <c:pt idx="2096">
                  <c:v>0.36677863223272728</c:v>
                </c:pt>
                <c:pt idx="2097">
                  <c:v>0.39415017195158752</c:v>
                </c:pt>
                <c:pt idx="2098">
                  <c:v>0.42699601961421985</c:v>
                </c:pt>
                <c:pt idx="2099">
                  <c:v>0.49268771493948438</c:v>
                </c:pt>
                <c:pt idx="2100">
                  <c:v>0.49268771493948438</c:v>
                </c:pt>
                <c:pt idx="2101">
                  <c:v>0.49268771493948438</c:v>
                </c:pt>
                <c:pt idx="2102">
                  <c:v>0.49268771493948438</c:v>
                </c:pt>
                <c:pt idx="2103">
                  <c:v>0.49268771493948438</c:v>
                </c:pt>
                <c:pt idx="2104">
                  <c:v>0.49268771493948438</c:v>
                </c:pt>
                <c:pt idx="2105">
                  <c:v>0.49268771493948438</c:v>
                </c:pt>
                <c:pt idx="2106">
                  <c:v>0.49268771493948438</c:v>
                </c:pt>
                <c:pt idx="2107">
                  <c:v>0.41057309578290369</c:v>
                </c:pt>
                <c:pt idx="2108">
                  <c:v>0.32845847662632294</c:v>
                </c:pt>
                <c:pt idx="2109">
                  <c:v>0.24634385746974219</c:v>
                </c:pt>
                <c:pt idx="2110">
                  <c:v>0.24634385746974219</c:v>
                </c:pt>
                <c:pt idx="2111">
                  <c:v>0.24634385746974219</c:v>
                </c:pt>
                <c:pt idx="2112">
                  <c:v>0.26755366258240498</c:v>
                </c:pt>
                <c:pt idx="2113">
                  <c:v>0.26755366258240498</c:v>
                </c:pt>
                <c:pt idx="2114">
                  <c:v>0.26755366258240498</c:v>
                </c:pt>
                <c:pt idx="2115">
                  <c:v>0.26755366258240498</c:v>
                </c:pt>
                <c:pt idx="2116">
                  <c:v>0.26755366258240498</c:v>
                </c:pt>
                <c:pt idx="2117">
                  <c:v>0.34484694288398865</c:v>
                </c:pt>
                <c:pt idx="2118">
                  <c:v>0.41619458623929667</c:v>
                </c:pt>
                <c:pt idx="2119">
                  <c:v>0.41619458623929667</c:v>
                </c:pt>
                <c:pt idx="2120">
                  <c:v>0.41619458623929667</c:v>
                </c:pt>
                <c:pt idx="2121">
                  <c:v>0.44592277097067501</c:v>
                </c:pt>
                <c:pt idx="2122">
                  <c:v>0.463759681809502</c:v>
                </c:pt>
                <c:pt idx="2123">
                  <c:v>0.53510732516480997</c:v>
                </c:pt>
                <c:pt idx="2124">
                  <c:v>0.53510732516480997</c:v>
                </c:pt>
                <c:pt idx="2125">
                  <c:v>0.53510732516480997</c:v>
                </c:pt>
                <c:pt idx="2126">
                  <c:v>0.53510732516480997</c:v>
                </c:pt>
                <c:pt idx="2127">
                  <c:v>0.44592277097067501</c:v>
                </c:pt>
                <c:pt idx="2128">
                  <c:v>0.42214022318557237</c:v>
                </c:pt>
                <c:pt idx="2129">
                  <c:v>0.42214022318557237</c:v>
                </c:pt>
                <c:pt idx="2130">
                  <c:v>0.42214022318557237</c:v>
                </c:pt>
                <c:pt idx="2131">
                  <c:v>0.42214022318557237</c:v>
                </c:pt>
                <c:pt idx="2132">
                  <c:v>0.32701003204516166</c:v>
                </c:pt>
                <c:pt idx="2133">
                  <c:v>0.12485837587178901</c:v>
                </c:pt>
                <c:pt idx="2134">
                  <c:v>0.12485837587178901</c:v>
                </c:pt>
                <c:pt idx="2135">
                  <c:v>0.12485837587178901</c:v>
                </c:pt>
                <c:pt idx="2136">
                  <c:v>8.9665440113512046E-2</c:v>
                </c:pt>
                <c:pt idx="2137">
                  <c:v>0.17506109736447595</c:v>
                </c:pt>
                <c:pt idx="2138">
                  <c:v>0.17506109736447595</c:v>
                </c:pt>
                <c:pt idx="2139">
                  <c:v>0.17506109736447595</c:v>
                </c:pt>
                <c:pt idx="2140">
                  <c:v>0.17506109736447595</c:v>
                </c:pt>
                <c:pt idx="2141">
                  <c:v>0.21775892598995789</c:v>
                </c:pt>
                <c:pt idx="2142">
                  <c:v>0.27326610320308437</c:v>
                </c:pt>
                <c:pt idx="2143">
                  <c:v>0.3116941489660181</c:v>
                </c:pt>
                <c:pt idx="2144">
                  <c:v>0.3116941489660181</c:v>
                </c:pt>
                <c:pt idx="2145">
                  <c:v>0.3116941489660181</c:v>
                </c:pt>
                <c:pt idx="2146">
                  <c:v>0.3116941489660181</c:v>
                </c:pt>
                <c:pt idx="2147">
                  <c:v>0.3116941489660181</c:v>
                </c:pt>
                <c:pt idx="2148">
                  <c:v>0.3116941489660181</c:v>
                </c:pt>
                <c:pt idx="2149">
                  <c:v>0.3116941489660181</c:v>
                </c:pt>
                <c:pt idx="2150">
                  <c:v>0.3116941489660181</c:v>
                </c:pt>
                <c:pt idx="2151">
                  <c:v>0.28180566892818071</c:v>
                </c:pt>
                <c:pt idx="2152">
                  <c:v>0.25618697175289157</c:v>
                </c:pt>
                <c:pt idx="2153">
                  <c:v>0.23056827457760243</c:v>
                </c:pt>
                <c:pt idx="2154">
                  <c:v>0.22202870885250603</c:v>
                </c:pt>
                <c:pt idx="2155">
                  <c:v>0.17933088022702409</c:v>
                </c:pt>
                <c:pt idx="2156">
                  <c:v>0.13236326873899398</c:v>
                </c:pt>
                <c:pt idx="2157">
                  <c:v>0.13236326873899398</c:v>
                </c:pt>
                <c:pt idx="2158">
                  <c:v>0.13236326873899398</c:v>
                </c:pt>
                <c:pt idx="2159">
                  <c:v>0.13236326873899398</c:v>
                </c:pt>
                <c:pt idx="2160">
                  <c:v>0.14460011234614636</c:v>
                </c:pt>
                <c:pt idx="2161">
                  <c:v>0.16792271111165386</c:v>
                </c:pt>
                <c:pt idx="2162">
                  <c:v>0.16792271111165386</c:v>
                </c:pt>
                <c:pt idx="2163">
                  <c:v>0.16792271111165386</c:v>
                </c:pt>
                <c:pt idx="2164">
                  <c:v>0.16792271111165386</c:v>
                </c:pt>
                <c:pt idx="2165">
                  <c:v>0.20990338888956728</c:v>
                </c:pt>
                <c:pt idx="2166">
                  <c:v>0.24721954691437931</c:v>
                </c:pt>
                <c:pt idx="2167">
                  <c:v>0.29386474444539429</c:v>
                </c:pt>
                <c:pt idx="2168">
                  <c:v>0.29386474444539429</c:v>
                </c:pt>
                <c:pt idx="2169">
                  <c:v>0.29386474444539429</c:v>
                </c:pt>
                <c:pt idx="2170">
                  <c:v>0.29386474444539429</c:v>
                </c:pt>
                <c:pt idx="2171">
                  <c:v>0.29386474444539429</c:v>
                </c:pt>
                <c:pt idx="2172">
                  <c:v>0.29386474444539429</c:v>
                </c:pt>
                <c:pt idx="2173">
                  <c:v>0.29386474444539429</c:v>
                </c:pt>
                <c:pt idx="2174">
                  <c:v>0.29386474444539429</c:v>
                </c:pt>
                <c:pt idx="2175">
                  <c:v>0.26121310617368376</c:v>
                </c:pt>
                <c:pt idx="2176">
                  <c:v>0.25654858642058226</c:v>
                </c:pt>
                <c:pt idx="2177">
                  <c:v>0.21923242839577034</c:v>
                </c:pt>
                <c:pt idx="2178">
                  <c:v>0.20523886913646586</c:v>
                </c:pt>
                <c:pt idx="2179">
                  <c:v>0.17258723086475536</c:v>
                </c:pt>
                <c:pt idx="2180">
                  <c:v>0.14460011234614636</c:v>
                </c:pt>
                <c:pt idx="2181">
                  <c:v>0.12594203333374041</c:v>
                </c:pt>
                <c:pt idx="2182">
                  <c:v>0.12594203333374041</c:v>
                </c:pt>
                <c:pt idx="2183">
                  <c:v>0.12594203333374041</c:v>
                </c:pt>
                <c:pt idx="2184">
                  <c:v>7.8855482881898725E-2</c:v>
                </c:pt>
                <c:pt idx="2185">
                  <c:v>7.8855482881898725E-2</c:v>
                </c:pt>
                <c:pt idx="2186">
                  <c:v>7.8855482881898725E-2</c:v>
                </c:pt>
                <c:pt idx="2187">
                  <c:v>7.8855482881898725E-2</c:v>
                </c:pt>
                <c:pt idx="2188">
                  <c:v>7.8855482881898725E-2</c:v>
                </c:pt>
                <c:pt idx="2189">
                  <c:v>0.34170709248822778</c:v>
                </c:pt>
                <c:pt idx="2190">
                  <c:v>0.38770612416933536</c:v>
                </c:pt>
                <c:pt idx="2191">
                  <c:v>0.38770612416933536</c:v>
                </c:pt>
                <c:pt idx="2192">
                  <c:v>0.38770612416933536</c:v>
                </c:pt>
                <c:pt idx="2193">
                  <c:v>0.4139912851299683</c:v>
                </c:pt>
                <c:pt idx="2194">
                  <c:v>0.4139912851299683</c:v>
                </c:pt>
                <c:pt idx="2195">
                  <c:v>0.52570321921265828</c:v>
                </c:pt>
                <c:pt idx="2196">
                  <c:v>0.52570321921265828</c:v>
                </c:pt>
                <c:pt idx="2197">
                  <c:v>0.34827838272838602</c:v>
                </c:pt>
                <c:pt idx="2198">
                  <c:v>0.52570321921265828</c:v>
                </c:pt>
                <c:pt idx="2199">
                  <c:v>0.52570321921265828</c:v>
                </c:pt>
                <c:pt idx="2200">
                  <c:v>0.52570321921265828</c:v>
                </c:pt>
                <c:pt idx="2201">
                  <c:v>0.52570321921265828</c:v>
                </c:pt>
                <c:pt idx="2202">
                  <c:v>0.52570321921265828</c:v>
                </c:pt>
                <c:pt idx="2203">
                  <c:v>0.44027644609060129</c:v>
                </c:pt>
                <c:pt idx="2204">
                  <c:v>0.36142096320870248</c:v>
                </c:pt>
                <c:pt idx="2205">
                  <c:v>0.26285160960632914</c:v>
                </c:pt>
                <c:pt idx="2206">
                  <c:v>0.24970902912601264</c:v>
                </c:pt>
                <c:pt idx="2207">
                  <c:v>0.24970902912601264</c:v>
                </c:pt>
                <c:pt idx="2208">
                  <c:v>0.22489145128346125</c:v>
                </c:pt>
                <c:pt idx="2209">
                  <c:v>0.22489145128346125</c:v>
                </c:pt>
                <c:pt idx="2210">
                  <c:v>0.22489145128346125</c:v>
                </c:pt>
                <c:pt idx="2211">
                  <c:v>0.22489145128346125</c:v>
                </c:pt>
                <c:pt idx="2212">
                  <c:v>0.22489145128346125</c:v>
                </c:pt>
                <c:pt idx="2213">
                  <c:v>0.29235888666849957</c:v>
                </c:pt>
                <c:pt idx="2214">
                  <c:v>0.32609260436101872</c:v>
                </c:pt>
                <c:pt idx="2215">
                  <c:v>0.33733717692519183</c:v>
                </c:pt>
                <c:pt idx="2216">
                  <c:v>0.33733717692519183</c:v>
                </c:pt>
                <c:pt idx="2217">
                  <c:v>0.36544860833562454</c:v>
                </c:pt>
                <c:pt idx="2218">
                  <c:v>0.38231546718188408</c:v>
                </c:pt>
                <c:pt idx="2219">
                  <c:v>0.44978290256692249</c:v>
                </c:pt>
                <c:pt idx="2220">
                  <c:v>0.44978290256692249</c:v>
                </c:pt>
                <c:pt idx="2221">
                  <c:v>0.44978290256692249</c:v>
                </c:pt>
                <c:pt idx="2222">
                  <c:v>0.44978290256692249</c:v>
                </c:pt>
                <c:pt idx="2223">
                  <c:v>0.44978290256692249</c:v>
                </c:pt>
                <c:pt idx="2224">
                  <c:v>0.44978290256692249</c:v>
                </c:pt>
                <c:pt idx="2225">
                  <c:v>0.44978290256692249</c:v>
                </c:pt>
                <c:pt idx="2226">
                  <c:v>0.44978290256692249</c:v>
                </c:pt>
                <c:pt idx="2227">
                  <c:v>0.37669318089979764</c:v>
                </c:pt>
                <c:pt idx="2228">
                  <c:v>0.30922574551475918</c:v>
                </c:pt>
                <c:pt idx="2229">
                  <c:v>0.22489145128346125</c:v>
                </c:pt>
                <c:pt idx="2230">
                  <c:v>0.22489145128346125</c:v>
                </c:pt>
                <c:pt idx="2231">
                  <c:v>0.22489145128346125</c:v>
                </c:pt>
                <c:pt idx="2232">
                  <c:v>0.19865269911788141</c:v>
                </c:pt>
                <c:pt idx="2233">
                  <c:v>0.22348428650761656</c:v>
                </c:pt>
                <c:pt idx="2234">
                  <c:v>0.22348428650761656</c:v>
                </c:pt>
                <c:pt idx="2235">
                  <c:v>0.22348428650761656</c:v>
                </c:pt>
                <c:pt idx="2236">
                  <c:v>0.22348428650761656</c:v>
                </c:pt>
                <c:pt idx="2237">
                  <c:v>0.28804641372092804</c:v>
                </c:pt>
                <c:pt idx="2238">
                  <c:v>0.33274327102245138</c:v>
                </c:pt>
                <c:pt idx="2239">
                  <c:v>0.33274327102245138</c:v>
                </c:pt>
                <c:pt idx="2240">
                  <c:v>0.33274327102245138</c:v>
                </c:pt>
                <c:pt idx="2241">
                  <c:v>0.35757485841218656</c:v>
                </c:pt>
                <c:pt idx="2242">
                  <c:v>0.38737276327986869</c:v>
                </c:pt>
                <c:pt idx="2243">
                  <c:v>0.44696857301523313</c:v>
                </c:pt>
                <c:pt idx="2244">
                  <c:v>0.44696857301523313</c:v>
                </c:pt>
                <c:pt idx="2245">
                  <c:v>0.44696857301523313</c:v>
                </c:pt>
                <c:pt idx="2246">
                  <c:v>0.44696857301523313</c:v>
                </c:pt>
                <c:pt idx="2247">
                  <c:v>0.44696857301523313</c:v>
                </c:pt>
                <c:pt idx="2248">
                  <c:v>0.44696857301523313</c:v>
                </c:pt>
                <c:pt idx="2249">
                  <c:v>0.44696857301523313</c:v>
                </c:pt>
                <c:pt idx="2250">
                  <c:v>0.44696857301523313</c:v>
                </c:pt>
                <c:pt idx="2251">
                  <c:v>0.37247381084602771</c:v>
                </c:pt>
                <c:pt idx="2252">
                  <c:v>0.29797904867682212</c:v>
                </c:pt>
                <c:pt idx="2253">
                  <c:v>0.22348428650761656</c:v>
                </c:pt>
                <c:pt idx="2254">
                  <c:v>0.22348428650761656</c:v>
                </c:pt>
                <c:pt idx="2255">
                  <c:v>0.22348428650761656</c:v>
                </c:pt>
                <c:pt idx="2256">
                  <c:v>0.22078532531028217</c:v>
                </c:pt>
                <c:pt idx="2257">
                  <c:v>0.22078532531028217</c:v>
                </c:pt>
                <c:pt idx="2258">
                  <c:v>0.22078532531028217</c:v>
                </c:pt>
                <c:pt idx="2259">
                  <c:v>0.22078532531028217</c:v>
                </c:pt>
                <c:pt idx="2260">
                  <c:v>0.22078532531028217</c:v>
                </c:pt>
                <c:pt idx="2261">
                  <c:v>0.28456775262214146</c:v>
                </c:pt>
                <c:pt idx="2262">
                  <c:v>0.32872481768419792</c:v>
                </c:pt>
                <c:pt idx="2263">
                  <c:v>0.32872481768419792</c:v>
                </c:pt>
                <c:pt idx="2264">
                  <c:v>0.32872481768419792</c:v>
                </c:pt>
                <c:pt idx="2265">
                  <c:v>0.35325652049645151</c:v>
                </c:pt>
                <c:pt idx="2266">
                  <c:v>0.38269456387115575</c:v>
                </c:pt>
                <c:pt idx="2267">
                  <c:v>0.44157065062056433</c:v>
                </c:pt>
                <c:pt idx="2268">
                  <c:v>0.44157065062056433</c:v>
                </c:pt>
                <c:pt idx="2269">
                  <c:v>0.44157065062056433</c:v>
                </c:pt>
                <c:pt idx="2270">
                  <c:v>0.44157065062056433</c:v>
                </c:pt>
                <c:pt idx="2271">
                  <c:v>0.44157065062056433</c:v>
                </c:pt>
                <c:pt idx="2272">
                  <c:v>0.44157065062056433</c:v>
                </c:pt>
                <c:pt idx="2273">
                  <c:v>0.44157065062056433</c:v>
                </c:pt>
                <c:pt idx="2274">
                  <c:v>0.44157065062056433</c:v>
                </c:pt>
                <c:pt idx="2275">
                  <c:v>0.36797554218380363</c:v>
                </c:pt>
                <c:pt idx="2276">
                  <c:v>0.29438043374704292</c:v>
                </c:pt>
                <c:pt idx="2277">
                  <c:v>0.22078532531028217</c:v>
                </c:pt>
                <c:pt idx="2278">
                  <c:v>0.22078532531028217</c:v>
                </c:pt>
                <c:pt idx="2279">
                  <c:v>0.22078532531028217</c:v>
                </c:pt>
                <c:pt idx="2280">
                  <c:v>0.24533426580949588</c:v>
                </c:pt>
                <c:pt idx="2281">
                  <c:v>0.24533426580949588</c:v>
                </c:pt>
                <c:pt idx="2282">
                  <c:v>0.24533426580949588</c:v>
                </c:pt>
                <c:pt idx="2283">
                  <c:v>0.24533426580949588</c:v>
                </c:pt>
                <c:pt idx="2284">
                  <c:v>0.24533426580949588</c:v>
                </c:pt>
                <c:pt idx="2285">
                  <c:v>0.31620860926557248</c:v>
                </c:pt>
                <c:pt idx="2286">
                  <c:v>0.38163108014810471</c:v>
                </c:pt>
                <c:pt idx="2287">
                  <c:v>0.38163108014810471</c:v>
                </c:pt>
                <c:pt idx="2288">
                  <c:v>0.38163108014810471</c:v>
                </c:pt>
                <c:pt idx="2289">
                  <c:v>0.4088904430158265</c:v>
                </c:pt>
                <c:pt idx="2290">
                  <c:v>0.4252460607364596</c:v>
                </c:pt>
                <c:pt idx="2291">
                  <c:v>0.49066853161899177</c:v>
                </c:pt>
                <c:pt idx="2292">
                  <c:v>0.49066853161899177</c:v>
                </c:pt>
                <c:pt idx="2293">
                  <c:v>0.49066853161899177</c:v>
                </c:pt>
                <c:pt idx="2294">
                  <c:v>0.49066853161899177</c:v>
                </c:pt>
                <c:pt idx="2295">
                  <c:v>0.4088904430158265</c:v>
                </c:pt>
                <c:pt idx="2296">
                  <c:v>0.38708295272164911</c:v>
                </c:pt>
                <c:pt idx="2297">
                  <c:v>0.38708295272164911</c:v>
                </c:pt>
                <c:pt idx="2298">
                  <c:v>0.38708295272164911</c:v>
                </c:pt>
                <c:pt idx="2299">
                  <c:v>0.38708295272164911</c:v>
                </c:pt>
                <c:pt idx="2300">
                  <c:v>0.29985299154493944</c:v>
                </c:pt>
                <c:pt idx="2301">
                  <c:v>0.11448932404443141</c:v>
                </c:pt>
                <c:pt idx="2302">
                  <c:v>0.11448932404443141</c:v>
                </c:pt>
                <c:pt idx="2303">
                  <c:v>0.11448932404443141</c:v>
                </c:pt>
                <c:pt idx="2304">
                  <c:v>7.6045857120756538E-2</c:v>
                </c:pt>
                <c:pt idx="2305">
                  <c:v>0.1484704829500485</c:v>
                </c:pt>
                <c:pt idx="2306">
                  <c:v>0.1484704829500485</c:v>
                </c:pt>
                <c:pt idx="2307">
                  <c:v>0.1484704829500485</c:v>
                </c:pt>
                <c:pt idx="2308">
                  <c:v>0.1484704829500485</c:v>
                </c:pt>
                <c:pt idx="2309">
                  <c:v>0.18468279586469449</c:v>
                </c:pt>
                <c:pt idx="2310">
                  <c:v>0.23175880265373425</c:v>
                </c:pt>
                <c:pt idx="2311">
                  <c:v>0.26434988427691564</c:v>
                </c:pt>
                <c:pt idx="2312">
                  <c:v>0.26434988427691564</c:v>
                </c:pt>
                <c:pt idx="2313">
                  <c:v>0.26434988427691564</c:v>
                </c:pt>
                <c:pt idx="2314">
                  <c:v>0.26434988427691564</c:v>
                </c:pt>
                <c:pt idx="2315">
                  <c:v>0.26434988427691564</c:v>
                </c:pt>
                <c:pt idx="2316">
                  <c:v>0.26434988427691564</c:v>
                </c:pt>
                <c:pt idx="2317">
                  <c:v>0.26434988427691564</c:v>
                </c:pt>
                <c:pt idx="2318">
                  <c:v>0.26434988427691564</c:v>
                </c:pt>
                <c:pt idx="2319">
                  <c:v>0.2390012652366634</c:v>
                </c:pt>
                <c:pt idx="2320">
                  <c:v>0.2172738774878758</c:v>
                </c:pt>
                <c:pt idx="2321">
                  <c:v>0.19554648973908825</c:v>
                </c:pt>
                <c:pt idx="2322">
                  <c:v>0.18830402715615904</c:v>
                </c:pt>
                <c:pt idx="2323">
                  <c:v>0.15209171424151308</c:v>
                </c:pt>
                <c:pt idx="2324">
                  <c:v>0.1122581700354025</c:v>
                </c:pt>
                <c:pt idx="2325">
                  <c:v>0.1122581700354025</c:v>
                </c:pt>
                <c:pt idx="2326">
                  <c:v>0.1122581700354025</c:v>
                </c:pt>
                <c:pt idx="2327">
                  <c:v>0.1122581700354025</c:v>
                </c:pt>
                <c:pt idx="2328">
                  <c:v>0.11834698549666257</c:v>
                </c:pt>
                <c:pt idx="2329">
                  <c:v>0.13743520896386624</c:v>
                </c:pt>
                <c:pt idx="2330">
                  <c:v>0.13743520896386624</c:v>
                </c:pt>
                <c:pt idx="2331">
                  <c:v>0.13743520896386624</c:v>
                </c:pt>
                <c:pt idx="2332">
                  <c:v>0.13743520896386624</c:v>
                </c:pt>
                <c:pt idx="2333">
                  <c:v>0.17179401120483276</c:v>
                </c:pt>
                <c:pt idx="2334">
                  <c:v>0.20233516875235863</c:v>
                </c:pt>
                <c:pt idx="2335">
                  <c:v>0.24051161568676591</c:v>
                </c:pt>
                <c:pt idx="2336">
                  <c:v>0.24051161568676591</c:v>
                </c:pt>
                <c:pt idx="2337">
                  <c:v>0.24051161568676591</c:v>
                </c:pt>
                <c:pt idx="2338">
                  <c:v>0.24051161568676591</c:v>
                </c:pt>
                <c:pt idx="2339">
                  <c:v>0.24051161568676591</c:v>
                </c:pt>
                <c:pt idx="2340">
                  <c:v>0.24051161568676591</c:v>
                </c:pt>
                <c:pt idx="2341">
                  <c:v>0.24051161568676591</c:v>
                </c:pt>
                <c:pt idx="2342">
                  <c:v>0.24051161568676591</c:v>
                </c:pt>
                <c:pt idx="2343">
                  <c:v>0.21378810283268079</c:v>
                </c:pt>
                <c:pt idx="2344">
                  <c:v>0.20997045813924003</c:v>
                </c:pt>
                <c:pt idx="2345">
                  <c:v>0.17942930059171425</c:v>
                </c:pt>
                <c:pt idx="2346">
                  <c:v>0.16797636651139208</c:v>
                </c:pt>
                <c:pt idx="2347">
                  <c:v>0.14125285365730697</c:v>
                </c:pt>
                <c:pt idx="2348">
                  <c:v>0.11834698549666257</c:v>
                </c:pt>
                <c:pt idx="2349">
                  <c:v>0.10307640672289968</c:v>
                </c:pt>
                <c:pt idx="2350">
                  <c:v>0.10307640672289968</c:v>
                </c:pt>
                <c:pt idx="2351">
                  <c:v>0.10307640672289968</c:v>
                </c:pt>
                <c:pt idx="2352">
                  <c:v>7.6054226167132588E-2</c:v>
                </c:pt>
                <c:pt idx="2353">
                  <c:v>7.6054226167132588E-2</c:v>
                </c:pt>
                <c:pt idx="2354">
                  <c:v>7.6054226167132588E-2</c:v>
                </c:pt>
                <c:pt idx="2355">
                  <c:v>7.6054226167132588E-2</c:v>
                </c:pt>
                <c:pt idx="2356">
                  <c:v>7.6054226167132588E-2</c:v>
                </c:pt>
                <c:pt idx="2357">
                  <c:v>0.32956831339090786</c:v>
                </c:pt>
                <c:pt idx="2358">
                  <c:v>0.37393327865506859</c:v>
                </c:pt>
                <c:pt idx="2359">
                  <c:v>0.37393327865506859</c:v>
                </c:pt>
                <c:pt idx="2360">
                  <c:v>0.37393327865506859</c:v>
                </c:pt>
                <c:pt idx="2361">
                  <c:v>0.39928468737744605</c:v>
                </c:pt>
                <c:pt idx="2362">
                  <c:v>0.39928468737744605</c:v>
                </c:pt>
                <c:pt idx="2363">
                  <c:v>0.50702817444755066</c:v>
                </c:pt>
                <c:pt idx="2364">
                  <c:v>0.50702817444755066</c:v>
                </c:pt>
                <c:pt idx="2365">
                  <c:v>0.33590616557150227</c:v>
                </c:pt>
                <c:pt idx="2366">
                  <c:v>0.50702817444755066</c:v>
                </c:pt>
                <c:pt idx="2367">
                  <c:v>0.50702817444755066</c:v>
                </c:pt>
                <c:pt idx="2368">
                  <c:v>0.50702817444755066</c:v>
                </c:pt>
                <c:pt idx="2369">
                  <c:v>0.50702817444755066</c:v>
                </c:pt>
                <c:pt idx="2370">
                  <c:v>0.50702817444755066</c:v>
                </c:pt>
                <c:pt idx="2371">
                  <c:v>0.42463609609982367</c:v>
                </c:pt>
                <c:pt idx="2372">
                  <c:v>0.34858186993269102</c:v>
                </c:pt>
                <c:pt idx="2373">
                  <c:v>0.25351408722377533</c:v>
                </c:pt>
                <c:pt idx="2374">
                  <c:v>0.24083838286258652</c:v>
                </c:pt>
                <c:pt idx="2375">
                  <c:v>0.24083838286258652</c:v>
                </c:pt>
                <c:pt idx="2376">
                  <c:v>0.21901932972200494</c:v>
                </c:pt>
                <c:pt idx="2377">
                  <c:v>0.21901932972200494</c:v>
                </c:pt>
                <c:pt idx="2378">
                  <c:v>0.21901932972200494</c:v>
                </c:pt>
                <c:pt idx="2379">
                  <c:v>0.21901932972200494</c:v>
                </c:pt>
                <c:pt idx="2380">
                  <c:v>0.21901932972200494</c:v>
                </c:pt>
                <c:pt idx="2381">
                  <c:v>0.28472512863860638</c:v>
                </c:pt>
                <c:pt idx="2382">
                  <c:v>0.31757802809690711</c:v>
                </c:pt>
                <c:pt idx="2383">
                  <c:v>0.32852899458300738</c:v>
                </c:pt>
                <c:pt idx="2384">
                  <c:v>0.32852899458300738</c:v>
                </c:pt>
                <c:pt idx="2385">
                  <c:v>0.35590641079825802</c:v>
                </c:pt>
                <c:pt idx="2386">
                  <c:v>0.37233286052740838</c:v>
                </c:pt>
                <c:pt idx="2387">
                  <c:v>0.43803865944400988</c:v>
                </c:pt>
                <c:pt idx="2388">
                  <c:v>0.43803865944400988</c:v>
                </c:pt>
                <c:pt idx="2389">
                  <c:v>0.43803865944400988</c:v>
                </c:pt>
                <c:pt idx="2390">
                  <c:v>0.43803865944400988</c:v>
                </c:pt>
                <c:pt idx="2391">
                  <c:v>0.43803865944400988</c:v>
                </c:pt>
                <c:pt idx="2392">
                  <c:v>0.43803865944400988</c:v>
                </c:pt>
                <c:pt idx="2393">
                  <c:v>0.43803865944400988</c:v>
                </c:pt>
                <c:pt idx="2394">
                  <c:v>0.43803865944400988</c:v>
                </c:pt>
                <c:pt idx="2395">
                  <c:v>0.3668573772843583</c:v>
                </c:pt>
                <c:pt idx="2396">
                  <c:v>0.30115157836775674</c:v>
                </c:pt>
                <c:pt idx="2397">
                  <c:v>0.21901932972200494</c:v>
                </c:pt>
                <c:pt idx="2398">
                  <c:v>0.21901932972200494</c:v>
                </c:pt>
                <c:pt idx="2399">
                  <c:v>0.21901932972200494</c:v>
                </c:pt>
                <c:pt idx="2400">
                  <c:v>0.19423920636729239</c:v>
                </c:pt>
                <c:pt idx="2401">
                  <c:v>0.21851910716320389</c:v>
                </c:pt>
                <c:pt idx="2402">
                  <c:v>0.21851910716320389</c:v>
                </c:pt>
                <c:pt idx="2403">
                  <c:v>0.21851910716320389</c:v>
                </c:pt>
                <c:pt idx="2404">
                  <c:v>0.21851910716320389</c:v>
                </c:pt>
                <c:pt idx="2405">
                  <c:v>0.28164684923257388</c:v>
                </c:pt>
                <c:pt idx="2406">
                  <c:v>0.32535067066521473</c:v>
                </c:pt>
                <c:pt idx="2407">
                  <c:v>0.32535067066521473</c:v>
                </c:pt>
                <c:pt idx="2408">
                  <c:v>0.32535067066521473</c:v>
                </c:pt>
                <c:pt idx="2409">
                  <c:v>0.34963057146112625</c:v>
                </c:pt>
                <c:pt idx="2410">
                  <c:v>0.37876645241622009</c:v>
                </c:pt>
                <c:pt idx="2411">
                  <c:v>0.43703821432640777</c:v>
                </c:pt>
                <c:pt idx="2412">
                  <c:v>0.43703821432640777</c:v>
                </c:pt>
                <c:pt idx="2413">
                  <c:v>0.43703821432640777</c:v>
                </c:pt>
                <c:pt idx="2414">
                  <c:v>0.43703821432640777</c:v>
                </c:pt>
                <c:pt idx="2415">
                  <c:v>0.43703821432640777</c:v>
                </c:pt>
                <c:pt idx="2416">
                  <c:v>0.43703821432640777</c:v>
                </c:pt>
                <c:pt idx="2417">
                  <c:v>0.43703821432640777</c:v>
                </c:pt>
                <c:pt idx="2418">
                  <c:v>0.43703821432640777</c:v>
                </c:pt>
                <c:pt idx="2419">
                  <c:v>0.36419851193867314</c:v>
                </c:pt>
                <c:pt idx="2420">
                  <c:v>0.29135880955093851</c:v>
                </c:pt>
                <c:pt idx="2421">
                  <c:v>0.21851910716320389</c:v>
                </c:pt>
                <c:pt idx="2422">
                  <c:v>0.21851910716320389</c:v>
                </c:pt>
                <c:pt idx="2423">
                  <c:v>0.21851910716320389</c:v>
                </c:pt>
                <c:pt idx="2424">
                  <c:v>0.21676353768474901</c:v>
                </c:pt>
                <c:pt idx="2425">
                  <c:v>0.21676353768474901</c:v>
                </c:pt>
                <c:pt idx="2426">
                  <c:v>0.21676353768474901</c:v>
                </c:pt>
                <c:pt idx="2427">
                  <c:v>0.21676353768474901</c:v>
                </c:pt>
                <c:pt idx="2428">
                  <c:v>0.21676353768474901</c:v>
                </c:pt>
                <c:pt idx="2429">
                  <c:v>0.27938411523812096</c:v>
                </c:pt>
                <c:pt idx="2430">
                  <c:v>0.32273682277507082</c:v>
                </c:pt>
                <c:pt idx="2431">
                  <c:v>0.32273682277507082</c:v>
                </c:pt>
                <c:pt idx="2432">
                  <c:v>0.32273682277507082</c:v>
                </c:pt>
                <c:pt idx="2433">
                  <c:v>0.34682166029559841</c:v>
                </c:pt>
                <c:pt idx="2434">
                  <c:v>0.37572346532023171</c:v>
                </c:pt>
                <c:pt idx="2435">
                  <c:v>0.43352707536949803</c:v>
                </c:pt>
                <c:pt idx="2436">
                  <c:v>0.43352707536949803</c:v>
                </c:pt>
                <c:pt idx="2437">
                  <c:v>0.43352707536949803</c:v>
                </c:pt>
                <c:pt idx="2438">
                  <c:v>0.43352707536949803</c:v>
                </c:pt>
                <c:pt idx="2439">
                  <c:v>0.43352707536949803</c:v>
                </c:pt>
                <c:pt idx="2440">
                  <c:v>0.43352707536949803</c:v>
                </c:pt>
                <c:pt idx="2441">
                  <c:v>0.43352707536949803</c:v>
                </c:pt>
                <c:pt idx="2442">
                  <c:v>0.43352707536949803</c:v>
                </c:pt>
                <c:pt idx="2443">
                  <c:v>0.36127256280791503</c:v>
                </c:pt>
                <c:pt idx="2444">
                  <c:v>0.28901805024633204</c:v>
                </c:pt>
                <c:pt idx="2445">
                  <c:v>0.21676353768474901</c:v>
                </c:pt>
                <c:pt idx="2446">
                  <c:v>0.21676353768474901</c:v>
                </c:pt>
                <c:pt idx="2447">
                  <c:v>0.21676353768474901</c:v>
                </c:pt>
                <c:pt idx="2448">
                  <c:v>0.23821983844390726</c:v>
                </c:pt>
                <c:pt idx="2449">
                  <c:v>0.23821983844390726</c:v>
                </c:pt>
                <c:pt idx="2450">
                  <c:v>0.23821983844390726</c:v>
                </c:pt>
                <c:pt idx="2451">
                  <c:v>0.23821983844390726</c:v>
                </c:pt>
                <c:pt idx="2452">
                  <c:v>0.23821983844390726</c:v>
                </c:pt>
                <c:pt idx="2453">
                  <c:v>0.30703890288325825</c:v>
                </c:pt>
                <c:pt idx="2454">
                  <c:v>0.3705641931349668</c:v>
                </c:pt>
                <c:pt idx="2455">
                  <c:v>0.3705641931349668</c:v>
                </c:pt>
                <c:pt idx="2456">
                  <c:v>0.3705641931349668</c:v>
                </c:pt>
                <c:pt idx="2457">
                  <c:v>0.39703306407317873</c:v>
                </c:pt>
                <c:pt idx="2458">
                  <c:v>0.41291438663610586</c:v>
                </c:pt>
                <c:pt idx="2459">
                  <c:v>0.47643967688781452</c:v>
                </c:pt>
                <c:pt idx="2460">
                  <c:v>0.47643967688781452</c:v>
                </c:pt>
                <c:pt idx="2461">
                  <c:v>0.47643967688781452</c:v>
                </c:pt>
                <c:pt idx="2462">
                  <c:v>0.47643967688781452</c:v>
                </c:pt>
                <c:pt idx="2463">
                  <c:v>0.39703306407317873</c:v>
                </c:pt>
                <c:pt idx="2464">
                  <c:v>0.37585796732260923</c:v>
                </c:pt>
                <c:pt idx="2465">
                  <c:v>0.37585796732260923</c:v>
                </c:pt>
                <c:pt idx="2466">
                  <c:v>0.37585796732260923</c:v>
                </c:pt>
                <c:pt idx="2467">
                  <c:v>0.37585796732260923</c:v>
                </c:pt>
                <c:pt idx="2468">
                  <c:v>0.29115758032033112</c:v>
                </c:pt>
                <c:pt idx="2469">
                  <c:v>0.11116925794049004</c:v>
                </c:pt>
                <c:pt idx="2470">
                  <c:v>0.11116925794049004</c:v>
                </c:pt>
                <c:pt idx="2471">
                  <c:v>0.11116925794049004</c:v>
                </c:pt>
                <c:pt idx="2472">
                  <c:v>6.8221841358960811E-2</c:v>
                </c:pt>
                <c:pt idx="2473">
                  <c:v>0.13319502360559018</c:v>
                </c:pt>
                <c:pt idx="2474">
                  <c:v>0.13319502360559018</c:v>
                </c:pt>
                <c:pt idx="2475">
                  <c:v>0.13319502360559018</c:v>
                </c:pt>
                <c:pt idx="2476">
                  <c:v>0.13319502360559018</c:v>
                </c:pt>
                <c:pt idx="2477">
                  <c:v>0.16568161472890486</c:v>
                </c:pt>
                <c:pt idx="2478">
                  <c:v>0.20791418318921392</c:v>
                </c:pt>
                <c:pt idx="2479">
                  <c:v>0.23715211520019713</c:v>
                </c:pt>
                <c:pt idx="2480">
                  <c:v>0.23715211520019713</c:v>
                </c:pt>
                <c:pt idx="2481">
                  <c:v>0.23715211520019713</c:v>
                </c:pt>
                <c:pt idx="2482">
                  <c:v>0.23715211520019713</c:v>
                </c:pt>
                <c:pt idx="2483">
                  <c:v>0.23715211520019713</c:v>
                </c:pt>
                <c:pt idx="2484">
                  <c:v>0.23715211520019713</c:v>
                </c:pt>
                <c:pt idx="2485">
                  <c:v>0.23715211520019713</c:v>
                </c:pt>
                <c:pt idx="2486">
                  <c:v>0.23715211520019713</c:v>
                </c:pt>
                <c:pt idx="2487">
                  <c:v>0.21441150141387685</c:v>
                </c:pt>
                <c:pt idx="2488">
                  <c:v>0.19491954673988807</c:v>
                </c:pt>
                <c:pt idx="2489">
                  <c:v>0.17542759206589928</c:v>
                </c:pt>
                <c:pt idx="2490">
                  <c:v>0.16893027384123629</c:v>
                </c:pt>
                <c:pt idx="2491">
                  <c:v>0.13644368271792162</c:v>
                </c:pt>
                <c:pt idx="2492">
                  <c:v>0.10070843248227548</c:v>
                </c:pt>
                <c:pt idx="2493">
                  <c:v>0.10070843248227548</c:v>
                </c:pt>
                <c:pt idx="2494">
                  <c:v>0.10070843248227548</c:v>
                </c:pt>
                <c:pt idx="2495">
                  <c:v>0.10070843248227548</c:v>
                </c:pt>
                <c:pt idx="2496">
                  <c:v>0.11494380238654431</c:v>
                </c:pt>
                <c:pt idx="2497">
                  <c:v>0.13348312535211598</c:v>
                </c:pt>
                <c:pt idx="2498">
                  <c:v>0.13348312535211598</c:v>
                </c:pt>
                <c:pt idx="2499">
                  <c:v>0.13348312535211598</c:v>
                </c:pt>
                <c:pt idx="2500">
                  <c:v>0.13348312535211598</c:v>
                </c:pt>
                <c:pt idx="2501">
                  <c:v>0.16685390669014494</c:v>
                </c:pt>
                <c:pt idx="2502">
                  <c:v>0.19651682343505963</c:v>
                </c:pt>
                <c:pt idx="2503">
                  <c:v>0.23359546936620293</c:v>
                </c:pt>
                <c:pt idx="2504">
                  <c:v>0.23359546936620293</c:v>
                </c:pt>
                <c:pt idx="2505">
                  <c:v>0.23359546936620293</c:v>
                </c:pt>
                <c:pt idx="2506">
                  <c:v>0.23359546936620293</c:v>
                </c:pt>
                <c:pt idx="2507">
                  <c:v>0.23359546936620293</c:v>
                </c:pt>
                <c:pt idx="2508">
                  <c:v>0.23359546936620293</c:v>
                </c:pt>
                <c:pt idx="2509">
                  <c:v>0.23359546936620293</c:v>
                </c:pt>
                <c:pt idx="2510">
                  <c:v>0.23359546936620293</c:v>
                </c:pt>
                <c:pt idx="2511">
                  <c:v>0.2076404172144026</c:v>
                </c:pt>
                <c:pt idx="2512">
                  <c:v>0.20393255262128829</c:v>
                </c:pt>
                <c:pt idx="2513">
                  <c:v>0.17426963587637365</c:v>
                </c:pt>
                <c:pt idx="2514">
                  <c:v>0.16314604209703065</c:v>
                </c:pt>
                <c:pt idx="2515">
                  <c:v>0.13719098994523032</c:v>
                </c:pt>
                <c:pt idx="2516">
                  <c:v>0.11494380238654431</c:v>
                </c:pt>
                <c:pt idx="2517">
                  <c:v>0.100112344014087</c:v>
                </c:pt>
                <c:pt idx="2518">
                  <c:v>0.100112344014087</c:v>
                </c:pt>
                <c:pt idx="2519">
                  <c:v>0.100112344014087</c:v>
                </c:pt>
                <c:pt idx="2520">
                  <c:v>7.5260523031409413E-2</c:v>
                </c:pt>
                <c:pt idx="2521">
                  <c:v>7.5260523031409413E-2</c:v>
                </c:pt>
                <c:pt idx="2522">
                  <c:v>7.5260523031409413E-2</c:v>
                </c:pt>
                <c:pt idx="2523">
                  <c:v>7.5260523031409413E-2</c:v>
                </c:pt>
                <c:pt idx="2524">
                  <c:v>7.5260523031409413E-2</c:v>
                </c:pt>
                <c:pt idx="2525">
                  <c:v>0.32612893313610752</c:v>
                </c:pt>
                <c:pt idx="2526">
                  <c:v>0.37003090490442969</c:v>
                </c:pt>
                <c:pt idx="2527">
                  <c:v>0.37003090490442969</c:v>
                </c:pt>
                <c:pt idx="2528">
                  <c:v>0.37003090490442969</c:v>
                </c:pt>
                <c:pt idx="2529">
                  <c:v>0.39511774591489945</c:v>
                </c:pt>
                <c:pt idx="2530">
                  <c:v>0.39511774591489945</c:v>
                </c:pt>
                <c:pt idx="2531">
                  <c:v>0.50173682020939614</c:v>
                </c:pt>
                <c:pt idx="2532">
                  <c:v>0.50173682020939614</c:v>
                </c:pt>
                <c:pt idx="2533">
                  <c:v>0.33240064338872499</c:v>
                </c:pt>
                <c:pt idx="2534">
                  <c:v>0.50173682020939614</c:v>
                </c:pt>
                <c:pt idx="2535">
                  <c:v>0.50173682020939614</c:v>
                </c:pt>
                <c:pt idx="2536">
                  <c:v>0.50173682020939614</c:v>
                </c:pt>
                <c:pt idx="2537">
                  <c:v>0.50173682020939614</c:v>
                </c:pt>
                <c:pt idx="2538">
                  <c:v>0.50173682020939614</c:v>
                </c:pt>
                <c:pt idx="2539">
                  <c:v>0.42020458692536938</c:v>
                </c:pt>
                <c:pt idx="2540">
                  <c:v>0.34494406389395987</c:v>
                </c:pt>
                <c:pt idx="2541">
                  <c:v>0.25086841010469807</c:v>
                </c:pt>
                <c:pt idx="2542">
                  <c:v>0.23832498959946319</c:v>
                </c:pt>
                <c:pt idx="2543">
                  <c:v>0.23832498959946319</c:v>
                </c:pt>
                <c:pt idx="2544">
                  <c:v>0.21917385923678015</c:v>
                </c:pt>
                <c:pt idx="2545">
                  <c:v>0.21917385923678015</c:v>
                </c:pt>
                <c:pt idx="2546">
                  <c:v>0.21917385923678015</c:v>
                </c:pt>
                <c:pt idx="2547">
                  <c:v>0.21917385923678015</c:v>
                </c:pt>
                <c:pt idx="2548">
                  <c:v>0.21917385923678015</c:v>
                </c:pt>
                <c:pt idx="2549">
                  <c:v>0.28492601700781417</c:v>
                </c:pt>
                <c:pt idx="2550">
                  <c:v>0.31780209589333119</c:v>
                </c:pt>
                <c:pt idx="2551">
                  <c:v>0.32876078885517029</c:v>
                </c:pt>
                <c:pt idx="2552">
                  <c:v>0.32876078885517029</c:v>
                </c:pt>
                <c:pt idx="2553">
                  <c:v>0.35615752125976774</c:v>
                </c:pt>
                <c:pt idx="2554">
                  <c:v>0.37259556070252625</c:v>
                </c:pt>
                <c:pt idx="2555">
                  <c:v>0.4383477184735603</c:v>
                </c:pt>
                <c:pt idx="2556">
                  <c:v>0.4383477184735603</c:v>
                </c:pt>
                <c:pt idx="2557">
                  <c:v>0.4383477184735603</c:v>
                </c:pt>
                <c:pt idx="2558">
                  <c:v>0.4383477184735603</c:v>
                </c:pt>
                <c:pt idx="2559">
                  <c:v>0.4383477184735603</c:v>
                </c:pt>
                <c:pt idx="2560">
                  <c:v>0.4383477184735603</c:v>
                </c:pt>
                <c:pt idx="2561">
                  <c:v>0.4383477184735603</c:v>
                </c:pt>
                <c:pt idx="2562">
                  <c:v>0.4383477184735603</c:v>
                </c:pt>
                <c:pt idx="2563">
                  <c:v>0.36711621422160678</c:v>
                </c:pt>
                <c:pt idx="2564">
                  <c:v>0.30136405645057268</c:v>
                </c:pt>
                <c:pt idx="2565">
                  <c:v>0.21917385923678015</c:v>
                </c:pt>
                <c:pt idx="2566">
                  <c:v>0.21917385923678015</c:v>
                </c:pt>
                <c:pt idx="2567">
                  <c:v>0.21917385923678015</c:v>
                </c:pt>
                <c:pt idx="2568">
                  <c:v>0.19341167647655691</c:v>
                </c:pt>
                <c:pt idx="2569">
                  <c:v>0.21758813603612651</c:v>
                </c:pt>
                <c:pt idx="2570">
                  <c:v>0.21758813603612651</c:v>
                </c:pt>
                <c:pt idx="2571">
                  <c:v>0.21758813603612651</c:v>
                </c:pt>
                <c:pt idx="2572">
                  <c:v>0.21758813603612651</c:v>
                </c:pt>
                <c:pt idx="2573">
                  <c:v>0.28044693089100747</c:v>
                </c:pt>
                <c:pt idx="2574">
                  <c:v>0.32396455809823282</c:v>
                </c:pt>
                <c:pt idx="2575">
                  <c:v>0.32396455809823282</c:v>
                </c:pt>
                <c:pt idx="2576">
                  <c:v>0.32396455809823282</c:v>
                </c:pt>
                <c:pt idx="2577">
                  <c:v>0.34814101765780242</c:v>
                </c:pt>
                <c:pt idx="2578">
                  <c:v>0.37715276912928597</c:v>
                </c:pt>
                <c:pt idx="2579">
                  <c:v>0.43517627207225301</c:v>
                </c:pt>
                <c:pt idx="2580">
                  <c:v>0.43517627207225301</c:v>
                </c:pt>
                <c:pt idx="2581">
                  <c:v>0.43517627207225301</c:v>
                </c:pt>
                <c:pt idx="2582">
                  <c:v>0.43517627207225301</c:v>
                </c:pt>
                <c:pt idx="2583">
                  <c:v>0.43517627207225301</c:v>
                </c:pt>
                <c:pt idx="2584">
                  <c:v>0.43517627207225301</c:v>
                </c:pt>
                <c:pt idx="2585">
                  <c:v>0.43517627207225301</c:v>
                </c:pt>
                <c:pt idx="2586">
                  <c:v>0.43517627207225301</c:v>
                </c:pt>
                <c:pt idx="2587">
                  <c:v>0.36264689339354417</c:v>
                </c:pt>
                <c:pt idx="2588">
                  <c:v>0.29011751471483538</c:v>
                </c:pt>
                <c:pt idx="2589">
                  <c:v>0.21758813603612651</c:v>
                </c:pt>
                <c:pt idx="2590">
                  <c:v>0.21758813603612651</c:v>
                </c:pt>
                <c:pt idx="2591">
                  <c:v>0.21758813603612651</c:v>
                </c:pt>
                <c:pt idx="2592">
                  <c:v>0.21645416940586185</c:v>
                </c:pt>
                <c:pt idx="2593">
                  <c:v>0.21645416940586185</c:v>
                </c:pt>
                <c:pt idx="2594">
                  <c:v>0.21645416940586185</c:v>
                </c:pt>
                <c:pt idx="2595">
                  <c:v>0.21645416940586185</c:v>
                </c:pt>
                <c:pt idx="2596">
                  <c:v>0.21645416940586185</c:v>
                </c:pt>
                <c:pt idx="2597">
                  <c:v>0.27898537390088862</c:v>
                </c:pt>
                <c:pt idx="2598">
                  <c:v>0.32227620778206106</c:v>
                </c:pt>
                <c:pt idx="2599">
                  <c:v>0.32227620778206106</c:v>
                </c:pt>
                <c:pt idx="2600">
                  <c:v>0.32227620778206106</c:v>
                </c:pt>
                <c:pt idx="2601">
                  <c:v>0.34632667104937898</c:v>
                </c:pt>
                <c:pt idx="2602">
                  <c:v>0.37518722697016055</c:v>
                </c:pt>
                <c:pt idx="2603">
                  <c:v>0.43290833881172369</c:v>
                </c:pt>
                <c:pt idx="2604">
                  <c:v>0.43290833881172369</c:v>
                </c:pt>
                <c:pt idx="2605">
                  <c:v>0.43290833881172369</c:v>
                </c:pt>
                <c:pt idx="2606">
                  <c:v>0.43290833881172369</c:v>
                </c:pt>
                <c:pt idx="2607">
                  <c:v>0.43290833881172369</c:v>
                </c:pt>
                <c:pt idx="2608">
                  <c:v>0.43290833881172369</c:v>
                </c:pt>
                <c:pt idx="2609">
                  <c:v>0.43290833881172369</c:v>
                </c:pt>
                <c:pt idx="2610">
                  <c:v>0.43290833881172369</c:v>
                </c:pt>
                <c:pt idx="2611">
                  <c:v>0.36075694900976979</c:v>
                </c:pt>
                <c:pt idx="2612">
                  <c:v>0.28860555920781583</c:v>
                </c:pt>
                <c:pt idx="2613">
                  <c:v>0.21645416940586185</c:v>
                </c:pt>
                <c:pt idx="2614">
                  <c:v>0.21645416940586185</c:v>
                </c:pt>
                <c:pt idx="2615">
                  <c:v>0.21645416940586185</c:v>
                </c:pt>
                <c:pt idx="2616">
                  <c:v>0.23669531829413831</c:v>
                </c:pt>
                <c:pt idx="2617">
                  <c:v>0.23669531829413831</c:v>
                </c:pt>
                <c:pt idx="2618">
                  <c:v>0.23669531829413831</c:v>
                </c:pt>
                <c:pt idx="2619">
                  <c:v>0.23669531829413831</c:v>
                </c:pt>
                <c:pt idx="2620">
                  <c:v>0.23669531829413831</c:v>
                </c:pt>
                <c:pt idx="2621">
                  <c:v>0.30507396580133378</c:v>
                </c:pt>
                <c:pt idx="2622">
                  <c:v>0.36819271734643733</c:v>
                </c:pt>
                <c:pt idx="2623">
                  <c:v>0.36819271734643733</c:v>
                </c:pt>
                <c:pt idx="2624">
                  <c:v>0.36819271734643733</c:v>
                </c:pt>
                <c:pt idx="2625">
                  <c:v>0.39449219715689715</c:v>
                </c:pt>
                <c:pt idx="2626">
                  <c:v>0.41027188504317308</c:v>
                </c:pt>
                <c:pt idx="2627">
                  <c:v>0.47339063658827663</c:v>
                </c:pt>
                <c:pt idx="2628">
                  <c:v>0.47339063658827663</c:v>
                </c:pt>
                <c:pt idx="2629">
                  <c:v>0.47339063658827663</c:v>
                </c:pt>
                <c:pt idx="2630">
                  <c:v>0.47339063658827663</c:v>
                </c:pt>
                <c:pt idx="2631">
                  <c:v>0.39449219715689715</c:v>
                </c:pt>
                <c:pt idx="2632">
                  <c:v>0.37345261330852936</c:v>
                </c:pt>
                <c:pt idx="2633">
                  <c:v>0.37345261330852936</c:v>
                </c:pt>
                <c:pt idx="2634">
                  <c:v>0.37345261330852936</c:v>
                </c:pt>
                <c:pt idx="2635">
                  <c:v>0.37345261330852936</c:v>
                </c:pt>
                <c:pt idx="2636">
                  <c:v>0.28929427791505791</c:v>
                </c:pt>
                <c:pt idx="2637">
                  <c:v>0.11045781520393119</c:v>
                </c:pt>
                <c:pt idx="2638">
                  <c:v>0.11045781520393119</c:v>
                </c:pt>
                <c:pt idx="2639">
                  <c:v>0.11045781520393119</c:v>
                </c:pt>
                <c:pt idx="2640">
                  <c:v>6.1846717404905036E-2</c:v>
                </c:pt>
                <c:pt idx="2641">
                  <c:v>0.12074835302862413</c:v>
                </c:pt>
                <c:pt idx="2642">
                  <c:v>0.12074835302862413</c:v>
                </c:pt>
                <c:pt idx="2643">
                  <c:v>0.12074835302862413</c:v>
                </c:pt>
                <c:pt idx="2644">
                  <c:v>0.12074835302862413</c:v>
                </c:pt>
                <c:pt idx="2645">
                  <c:v>0.15019917084048368</c:v>
                </c:pt>
                <c:pt idx="2646">
                  <c:v>0.18848523399590111</c:v>
                </c:pt>
                <c:pt idx="2647">
                  <c:v>0.21499097002657466</c:v>
                </c:pt>
                <c:pt idx="2648">
                  <c:v>0.21499097002657466</c:v>
                </c:pt>
                <c:pt idx="2649">
                  <c:v>0.21499097002657466</c:v>
                </c:pt>
                <c:pt idx="2650">
                  <c:v>0.21499097002657466</c:v>
                </c:pt>
                <c:pt idx="2651">
                  <c:v>0.21499097002657466</c:v>
                </c:pt>
                <c:pt idx="2652">
                  <c:v>0.21499097002657466</c:v>
                </c:pt>
                <c:pt idx="2653">
                  <c:v>0.21499097002657466</c:v>
                </c:pt>
                <c:pt idx="2654">
                  <c:v>0.21499097002657466</c:v>
                </c:pt>
                <c:pt idx="2655">
                  <c:v>0.19437539755827302</c:v>
                </c:pt>
                <c:pt idx="2656">
                  <c:v>0.17670490687115725</c:v>
                </c:pt>
                <c:pt idx="2657">
                  <c:v>0.15903441618404152</c:v>
                </c:pt>
                <c:pt idx="2658">
                  <c:v>0.15314425262166961</c:v>
                </c:pt>
                <c:pt idx="2659">
                  <c:v>0.12369343480981007</c:v>
                </c:pt>
                <c:pt idx="2660">
                  <c:v>9.1297535216764578E-2</c:v>
                </c:pt>
                <c:pt idx="2661">
                  <c:v>9.1297535216764578E-2</c:v>
                </c:pt>
                <c:pt idx="2662">
                  <c:v>9.1297535216764578E-2</c:v>
                </c:pt>
                <c:pt idx="2663">
                  <c:v>9.1297535216764578E-2</c:v>
                </c:pt>
                <c:pt idx="2664">
                  <c:v>0.1207778305753185</c:v>
                </c:pt>
                <c:pt idx="2665">
                  <c:v>0.14025812582940211</c:v>
                </c:pt>
                <c:pt idx="2666">
                  <c:v>0.14025812582940211</c:v>
                </c:pt>
                <c:pt idx="2667">
                  <c:v>0.14025812582940211</c:v>
                </c:pt>
                <c:pt idx="2668">
                  <c:v>0.14025812582940211</c:v>
                </c:pt>
                <c:pt idx="2669">
                  <c:v>0.17532265728675264</c:v>
                </c:pt>
                <c:pt idx="2670">
                  <c:v>0.20649112969328642</c:v>
                </c:pt>
                <c:pt idx="2671">
                  <c:v>0.24545172020145375</c:v>
                </c:pt>
                <c:pt idx="2672">
                  <c:v>0.24545172020145375</c:v>
                </c:pt>
                <c:pt idx="2673">
                  <c:v>0.24545172020145375</c:v>
                </c:pt>
                <c:pt idx="2674">
                  <c:v>0.24545172020145375</c:v>
                </c:pt>
                <c:pt idx="2675">
                  <c:v>0.24545172020145375</c:v>
                </c:pt>
                <c:pt idx="2676">
                  <c:v>0.24545172020145375</c:v>
                </c:pt>
                <c:pt idx="2677">
                  <c:v>0.24545172020145375</c:v>
                </c:pt>
                <c:pt idx="2678">
                  <c:v>0.24545172020145375</c:v>
                </c:pt>
                <c:pt idx="2679">
                  <c:v>0.21817930684573661</c:v>
                </c:pt>
                <c:pt idx="2680">
                  <c:v>0.21428324779491986</c:v>
                </c:pt>
                <c:pt idx="2681">
                  <c:v>0.18311477538838611</c:v>
                </c:pt>
                <c:pt idx="2682">
                  <c:v>0.17142659823593595</c:v>
                </c:pt>
                <c:pt idx="2683">
                  <c:v>0.14415418488021886</c:v>
                </c:pt>
                <c:pt idx="2684">
                  <c:v>0.1207778305753185</c:v>
                </c:pt>
                <c:pt idx="2685">
                  <c:v>0.10519359437205159</c:v>
                </c:pt>
                <c:pt idx="2686">
                  <c:v>0.10519359437205159</c:v>
                </c:pt>
                <c:pt idx="2687">
                  <c:v>0.10519359437205159</c:v>
                </c:pt>
                <c:pt idx="2688">
                  <c:v>7.8625162157225731E-2</c:v>
                </c:pt>
                <c:pt idx="2689">
                  <c:v>7.8625162157225731E-2</c:v>
                </c:pt>
                <c:pt idx="2690">
                  <c:v>7.8625162157225731E-2</c:v>
                </c:pt>
                <c:pt idx="2691">
                  <c:v>7.8625162157225731E-2</c:v>
                </c:pt>
                <c:pt idx="2692">
                  <c:v>7.8625162157225731E-2</c:v>
                </c:pt>
                <c:pt idx="2693">
                  <c:v>0.34070903601464486</c:v>
                </c:pt>
                <c:pt idx="2694">
                  <c:v>0.38657371393969331</c:v>
                </c:pt>
                <c:pt idx="2695">
                  <c:v>0.38657371393969331</c:v>
                </c:pt>
                <c:pt idx="2696">
                  <c:v>0.38657371393969331</c:v>
                </c:pt>
                <c:pt idx="2697">
                  <c:v>0.41278210132543519</c:v>
                </c:pt>
                <c:pt idx="2698">
                  <c:v>0.41278210132543519</c:v>
                </c:pt>
                <c:pt idx="2699">
                  <c:v>0.52416774771483832</c:v>
                </c:pt>
                <c:pt idx="2700">
                  <c:v>0.52416774771483832</c:v>
                </c:pt>
                <c:pt idx="2701">
                  <c:v>0.3472611328610804</c:v>
                </c:pt>
                <c:pt idx="2702">
                  <c:v>0.52416774771483832</c:v>
                </c:pt>
                <c:pt idx="2703">
                  <c:v>0.52416774771483832</c:v>
                </c:pt>
                <c:pt idx="2704">
                  <c:v>0.52416774771483832</c:v>
                </c:pt>
                <c:pt idx="2705">
                  <c:v>0.52416774771483832</c:v>
                </c:pt>
                <c:pt idx="2706">
                  <c:v>0.52416774771483832</c:v>
                </c:pt>
                <c:pt idx="2707">
                  <c:v>0.43899048871117713</c:v>
                </c:pt>
                <c:pt idx="2708">
                  <c:v>0.36036532655395137</c:v>
                </c:pt>
                <c:pt idx="2709">
                  <c:v>0.26208387385741916</c:v>
                </c:pt>
                <c:pt idx="2710">
                  <c:v>0.24897968016454822</c:v>
                </c:pt>
                <c:pt idx="2711">
                  <c:v>0.24897968016454822</c:v>
                </c:pt>
                <c:pt idx="2712">
                  <c:v>0.22726390809693608</c:v>
                </c:pt>
                <c:pt idx="2713">
                  <c:v>0.22726390809693608</c:v>
                </c:pt>
                <c:pt idx="2714">
                  <c:v>0.22726390809693608</c:v>
                </c:pt>
                <c:pt idx="2715">
                  <c:v>0.22726390809693608</c:v>
                </c:pt>
                <c:pt idx="2716">
                  <c:v>0.22726390809693608</c:v>
                </c:pt>
                <c:pt idx="2717">
                  <c:v>0.29544308052601692</c:v>
                </c:pt>
                <c:pt idx="2718">
                  <c:v>0.32953266674055731</c:v>
                </c:pt>
                <c:pt idx="2719">
                  <c:v>0.34089586214540413</c:v>
                </c:pt>
                <c:pt idx="2720">
                  <c:v>0.34089586214540413</c:v>
                </c:pt>
                <c:pt idx="2721">
                  <c:v>0.36930385065752114</c:v>
                </c:pt>
                <c:pt idx="2722">
                  <c:v>0.38634864376479133</c:v>
                </c:pt>
                <c:pt idx="2723">
                  <c:v>0.45452781619387217</c:v>
                </c:pt>
                <c:pt idx="2724">
                  <c:v>0.45452781619387217</c:v>
                </c:pt>
                <c:pt idx="2725">
                  <c:v>0.45452781619387217</c:v>
                </c:pt>
                <c:pt idx="2726">
                  <c:v>0.45452781619387217</c:v>
                </c:pt>
                <c:pt idx="2727">
                  <c:v>0.45452781619387217</c:v>
                </c:pt>
                <c:pt idx="2728">
                  <c:v>0.45452781619387217</c:v>
                </c:pt>
                <c:pt idx="2729">
                  <c:v>0.45452781619387217</c:v>
                </c:pt>
                <c:pt idx="2730">
                  <c:v>0.45452781619387217</c:v>
                </c:pt>
                <c:pt idx="2731">
                  <c:v>0.38066704606236795</c:v>
                </c:pt>
                <c:pt idx="2732">
                  <c:v>0.31248787363328712</c:v>
                </c:pt>
                <c:pt idx="2733">
                  <c:v>0.22726390809693608</c:v>
                </c:pt>
                <c:pt idx="2734">
                  <c:v>0.22726390809693608</c:v>
                </c:pt>
                <c:pt idx="2735">
                  <c:v>0.22726390809693608</c:v>
                </c:pt>
                <c:pt idx="2736">
                  <c:v>0.20734156771832782</c:v>
                </c:pt>
                <c:pt idx="2737">
                  <c:v>0.23325926368311878</c:v>
                </c:pt>
                <c:pt idx="2738">
                  <c:v>0.23325926368311878</c:v>
                </c:pt>
                <c:pt idx="2739">
                  <c:v>0.23325926368311878</c:v>
                </c:pt>
                <c:pt idx="2740">
                  <c:v>0.23325926368311878</c:v>
                </c:pt>
                <c:pt idx="2741">
                  <c:v>0.3006452731915753</c:v>
                </c:pt>
                <c:pt idx="2742">
                  <c:v>0.34729712592819911</c:v>
                </c:pt>
                <c:pt idx="2743">
                  <c:v>0.34729712592819911</c:v>
                </c:pt>
                <c:pt idx="2744">
                  <c:v>0.34729712592819911</c:v>
                </c:pt>
                <c:pt idx="2745">
                  <c:v>0.37321482189299005</c:v>
                </c:pt>
                <c:pt idx="2746">
                  <c:v>0.4043160570507392</c:v>
                </c:pt>
                <c:pt idx="2747">
                  <c:v>0.46651852736623756</c:v>
                </c:pt>
                <c:pt idx="2748">
                  <c:v>0.46651852736623756</c:v>
                </c:pt>
                <c:pt idx="2749">
                  <c:v>0.46651852736623756</c:v>
                </c:pt>
                <c:pt idx="2750">
                  <c:v>0.46651852736623756</c:v>
                </c:pt>
                <c:pt idx="2751">
                  <c:v>0.46651852736623756</c:v>
                </c:pt>
                <c:pt idx="2752">
                  <c:v>0.46651852736623756</c:v>
                </c:pt>
                <c:pt idx="2753">
                  <c:v>0.46651852736623756</c:v>
                </c:pt>
                <c:pt idx="2754">
                  <c:v>0.46651852736623756</c:v>
                </c:pt>
                <c:pt idx="2755">
                  <c:v>0.3887654394718647</c:v>
                </c:pt>
                <c:pt idx="2756">
                  <c:v>0.31101235157749174</c:v>
                </c:pt>
                <c:pt idx="2757">
                  <c:v>0.23325926368311878</c:v>
                </c:pt>
                <c:pt idx="2758">
                  <c:v>0.23325926368311878</c:v>
                </c:pt>
                <c:pt idx="2759">
                  <c:v>0.23325926368311878</c:v>
                </c:pt>
                <c:pt idx="2760">
                  <c:v>0.22850126974178531</c:v>
                </c:pt>
                <c:pt idx="2761">
                  <c:v>0.22850126974178531</c:v>
                </c:pt>
                <c:pt idx="2762">
                  <c:v>0.22850126974178531</c:v>
                </c:pt>
                <c:pt idx="2763">
                  <c:v>0.22850126974178531</c:v>
                </c:pt>
                <c:pt idx="2764">
                  <c:v>0.22850126974178531</c:v>
                </c:pt>
                <c:pt idx="2765">
                  <c:v>0.29451274766718999</c:v>
                </c:pt>
                <c:pt idx="2766">
                  <c:v>0.34021300161554702</c:v>
                </c:pt>
                <c:pt idx="2767">
                  <c:v>0.34021300161554702</c:v>
                </c:pt>
                <c:pt idx="2768">
                  <c:v>0.34021300161554702</c:v>
                </c:pt>
                <c:pt idx="2769">
                  <c:v>0.3656020315868565</c:v>
                </c:pt>
                <c:pt idx="2770">
                  <c:v>0.39606886755242787</c:v>
                </c:pt>
                <c:pt idx="2771">
                  <c:v>0.45700253948357061</c:v>
                </c:pt>
                <c:pt idx="2772">
                  <c:v>0.45700253948357061</c:v>
                </c:pt>
                <c:pt idx="2773">
                  <c:v>0.45700253948357061</c:v>
                </c:pt>
                <c:pt idx="2774">
                  <c:v>0.45700253948357061</c:v>
                </c:pt>
                <c:pt idx="2775">
                  <c:v>0.45700253948357061</c:v>
                </c:pt>
                <c:pt idx="2776">
                  <c:v>0.45700253948357061</c:v>
                </c:pt>
                <c:pt idx="2777">
                  <c:v>0.45700253948357061</c:v>
                </c:pt>
                <c:pt idx="2778">
                  <c:v>0.45700253948357061</c:v>
                </c:pt>
                <c:pt idx="2779">
                  <c:v>0.38083544956964221</c:v>
                </c:pt>
                <c:pt idx="2780">
                  <c:v>0.30466835965571376</c:v>
                </c:pt>
                <c:pt idx="2781">
                  <c:v>0.22850126974178531</c:v>
                </c:pt>
                <c:pt idx="2782">
                  <c:v>0.22850126974178531</c:v>
                </c:pt>
                <c:pt idx="2783">
                  <c:v>0.22850126974178531</c:v>
                </c:pt>
                <c:pt idx="2784">
                  <c:v>0.24912062751185571</c:v>
                </c:pt>
                <c:pt idx="2785">
                  <c:v>0.24912062751185571</c:v>
                </c:pt>
                <c:pt idx="2786">
                  <c:v>0.24912062751185571</c:v>
                </c:pt>
                <c:pt idx="2787">
                  <c:v>0.24912062751185571</c:v>
                </c:pt>
                <c:pt idx="2788">
                  <c:v>0.24912062751185571</c:v>
                </c:pt>
                <c:pt idx="2789">
                  <c:v>0.32108880879305851</c:v>
                </c:pt>
                <c:pt idx="2790">
                  <c:v>0.38752097612955339</c:v>
                </c:pt>
                <c:pt idx="2791">
                  <c:v>0.38752097612955339</c:v>
                </c:pt>
                <c:pt idx="2792">
                  <c:v>0.38752097612955339</c:v>
                </c:pt>
                <c:pt idx="2793">
                  <c:v>0.41520104585309292</c:v>
                </c:pt>
                <c:pt idx="2794">
                  <c:v>0.43180908768721665</c:v>
                </c:pt>
                <c:pt idx="2795">
                  <c:v>0.49824125502371142</c:v>
                </c:pt>
                <c:pt idx="2796">
                  <c:v>0.49824125502371142</c:v>
                </c:pt>
                <c:pt idx="2797">
                  <c:v>0.49824125502371142</c:v>
                </c:pt>
                <c:pt idx="2798">
                  <c:v>0.49824125502371142</c:v>
                </c:pt>
                <c:pt idx="2799">
                  <c:v>0.41520104585309292</c:v>
                </c:pt>
                <c:pt idx="2800">
                  <c:v>0.39305699007426131</c:v>
                </c:pt>
                <c:pt idx="2801">
                  <c:v>0.39305699007426131</c:v>
                </c:pt>
                <c:pt idx="2802">
                  <c:v>0.39305699007426131</c:v>
                </c:pt>
                <c:pt idx="2803">
                  <c:v>0.39305699007426131</c:v>
                </c:pt>
                <c:pt idx="2804">
                  <c:v>0.30448076695893478</c:v>
                </c:pt>
                <c:pt idx="2805">
                  <c:v>0.11625629283886602</c:v>
                </c:pt>
                <c:pt idx="2806">
                  <c:v>0.11625629283886602</c:v>
                </c:pt>
                <c:pt idx="2807">
                  <c:v>0.11625629283886602</c:v>
                </c:pt>
                <c:pt idx="2808">
                  <c:v>7.3437851866824638E-2</c:v>
                </c:pt>
                <c:pt idx="2809">
                  <c:v>0.1433786631685624</c:v>
                </c:pt>
                <c:pt idx="2810">
                  <c:v>0.1433786631685624</c:v>
                </c:pt>
                <c:pt idx="2811">
                  <c:v>0.1433786631685624</c:v>
                </c:pt>
                <c:pt idx="2812">
                  <c:v>0.1433786631685624</c:v>
                </c:pt>
                <c:pt idx="2813">
                  <c:v>0.17834906881943127</c:v>
                </c:pt>
                <c:pt idx="2814">
                  <c:v>0.22381059616556082</c:v>
                </c:pt>
                <c:pt idx="2815">
                  <c:v>0.25528396125134278</c:v>
                </c:pt>
                <c:pt idx="2816">
                  <c:v>0.25528396125134278</c:v>
                </c:pt>
                <c:pt idx="2817">
                  <c:v>0.25528396125134278</c:v>
                </c:pt>
                <c:pt idx="2818">
                  <c:v>0.25528396125134278</c:v>
                </c:pt>
                <c:pt idx="2819">
                  <c:v>0.25528396125134278</c:v>
                </c:pt>
                <c:pt idx="2820">
                  <c:v>0.25528396125134278</c:v>
                </c:pt>
                <c:pt idx="2821">
                  <c:v>0.25528396125134278</c:v>
                </c:pt>
                <c:pt idx="2822">
                  <c:v>0.25528396125134278</c:v>
                </c:pt>
                <c:pt idx="2823">
                  <c:v>0.23080467729573456</c:v>
                </c:pt>
                <c:pt idx="2824">
                  <c:v>0.20982243390521324</c:v>
                </c:pt>
                <c:pt idx="2825">
                  <c:v>0.18884019051469192</c:v>
                </c:pt>
                <c:pt idx="2826">
                  <c:v>0.18184610938451812</c:v>
                </c:pt>
                <c:pt idx="2827">
                  <c:v>0.14687570373364928</c:v>
                </c:pt>
                <c:pt idx="2828">
                  <c:v>0.10840825751769351</c:v>
                </c:pt>
                <c:pt idx="2829">
                  <c:v>0.10840825751769351</c:v>
                </c:pt>
                <c:pt idx="2830">
                  <c:v>0.10840825751769351</c:v>
                </c:pt>
                <c:pt idx="2831">
                  <c:v>0.10840825751769351</c:v>
                </c:pt>
                <c:pt idx="2832">
                  <c:v>0.13925225317310336</c:v>
                </c:pt>
                <c:pt idx="2833">
                  <c:v>0.16171229400747489</c:v>
                </c:pt>
                <c:pt idx="2834">
                  <c:v>0.16171229400747489</c:v>
                </c:pt>
                <c:pt idx="2835">
                  <c:v>0.16171229400747489</c:v>
                </c:pt>
                <c:pt idx="2836">
                  <c:v>0.16171229400747489</c:v>
                </c:pt>
                <c:pt idx="2837">
                  <c:v>0.20214036750934358</c:v>
                </c:pt>
                <c:pt idx="2838">
                  <c:v>0.23807643284433802</c:v>
                </c:pt>
                <c:pt idx="2839">
                  <c:v>0.282996514513081</c:v>
                </c:pt>
                <c:pt idx="2840">
                  <c:v>0.282996514513081</c:v>
                </c:pt>
                <c:pt idx="2841">
                  <c:v>0.282996514513081</c:v>
                </c:pt>
                <c:pt idx="2842">
                  <c:v>0.282996514513081</c:v>
                </c:pt>
                <c:pt idx="2843">
                  <c:v>0.282996514513081</c:v>
                </c:pt>
                <c:pt idx="2844">
                  <c:v>0.282996514513081</c:v>
                </c:pt>
                <c:pt idx="2845">
                  <c:v>0.282996514513081</c:v>
                </c:pt>
                <c:pt idx="2846">
                  <c:v>0.282996514513081</c:v>
                </c:pt>
                <c:pt idx="2847">
                  <c:v>0.2515524573449609</c:v>
                </c:pt>
                <c:pt idx="2848">
                  <c:v>0.24706044917808662</c:v>
                </c:pt>
                <c:pt idx="2849">
                  <c:v>0.21112438384309223</c:v>
                </c:pt>
                <c:pt idx="2850">
                  <c:v>0.1976483593424693</c:v>
                </c:pt>
                <c:pt idx="2851">
                  <c:v>0.1662043021743492</c:v>
                </c:pt>
                <c:pt idx="2852">
                  <c:v>0.13925225317310336</c:v>
                </c:pt>
                <c:pt idx="2853">
                  <c:v>0.12128422050560618</c:v>
                </c:pt>
                <c:pt idx="2854">
                  <c:v>0.12128422050560618</c:v>
                </c:pt>
                <c:pt idx="2855">
                  <c:v>0.12128422050560618</c:v>
                </c:pt>
                <c:pt idx="2856">
                  <c:v>7.8279681070216253E-2</c:v>
                </c:pt>
                <c:pt idx="2857">
                  <c:v>7.8279681070216253E-2</c:v>
                </c:pt>
                <c:pt idx="2858">
                  <c:v>7.8279681070216253E-2</c:v>
                </c:pt>
                <c:pt idx="2859">
                  <c:v>7.8279681070216253E-2</c:v>
                </c:pt>
                <c:pt idx="2860">
                  <c:v>7.8279681070216253E-2</c:v>
                </c:pt>
                <c:pt idx="2861">
                  <c:v>0.33921195130427045</c:v>
                </c:pt>
                <c:pt idx="2862">
                  <c:v>0.38487509859522989</c:v>
                </c:pt>
                <c:pt idx="2863">
                  <c:v>0.38487509859522989</c:v>
                </c:pt>
                <c:pt idx="2864">
                  <c:v>0.38487509859522989</c:v>
                </c:pt>
                <c:pt idx="2865">
                  <c:v>0.41096832561863539</c:v>
                </c:pt>
                <c:pt idx="2866">
                  <c:v>0.41096832561863539</c:v>
                </c:pt>
                <c:pt idx="2867">
                  <c:v>0.52186454046810848</c:v>
                </c:pt>
                <c:pt idx="2868">
                  <c:v>0.52186454046810848</c:v>
                </c:pt>
                <c:pt idx="2869">
                  <c:v>0.34573525806012184</c:v>
                </c:pt>
                <c:pt idx="2870">
                  <c:v>0.52186454046810848</c:v>
                </c:pt>
                <c:pt idx="2871">
                  <c:v>0.52186454046810848</c:v>
                </c:pt>
                <c:pt idx="2872">
                  <c:v>0.52186454046810848</c:v>
                </c:pt>
                <c:pt idx="2873">
                  <c:v>0.52186454046810848</c:v>
                </c:pt>
                <c:pt idx="2874">
                  <c:v>0.52186454046810848</c:v>
                </c:pt>
                <c:pt idx="2875">
                  <c:v>0.43706155264204077</c:v>
                </c:pt>
                <c:pt idx="2876">
                  <c:v>0.35878187157182456</c:v>
                </c:pt>
                <c:pt idx="2877">
                  <c:v>0.26093227023405424</c:v>
                </c:pt>
                <c:pt idx="2878">
                  <c:v>0.24788565672235147</c:v>
                </c:pt>
                <c:pt idx="2879">
                  <c:v>0.24788565672235147</c:v>
                </c:pt>
                <c:pt idx="2880">
                  <c:v>0.22566409885733713</c:v>
                </c:pt>
                <c:pt idx="2881">
                  <c:v>0.22566409885733713</c:v>
                </c:pt>
                <c:pt idx="2882">
                  <c:v>0.22566409885733713</c:v>
                </c:pt>
                <c:pt idx="2883">
                  <c:v>0.22566409885733713</c:v>
                </c:pt>
                <c:pt idx="2884">
                  <c:v>0.22566409885733713</c:v>
                </c:pt>
                <c:pt idx="2885">
                  <c:v>0.29336332851453822</c:v>
                </c:pt>
                <c:pt idx="2886">
                  <c:v>0.32721294334313877</c:v>
                </c:pt>
                <c:pt idx="2887">
                  <c:v>0.33849614828600566</c:v>
                </c:pt>
                <c:pt idx="2888">
                  <c:v>0.33849614828600566</c:v>
                </c:pt>
                <c:pt idx="2889">
                  <c:v>0.36670416064317279</c:v>
                </c:pt>
                <c:pt idx="2890">
                  <c:v>0.38362896805747304</c:v>
                </c:pt>
                <c:pt idx="2891">
                  <c:v>0.45132819771467425</c:v>
                </c:pt>
                <c:pt idx="2892">
                  <c:v>0.45132819771467425</c:v>
                </c:pt>
                <c:pt idx="2893">
                  <c:v>0.45132819771467425</c:v>
                </c:pt>
                <c:pt idx="2894">
                  <c:v>0.45132819771467425</c:v>
                </c:pt>
                <c:pt idx="2895">
                  <c:v>0.45132819771467425</c:v>
                </c:pt>
                <c:pt idx="2896">
                  <c:v>0.45132819771467425</c:v>
                </c:pt>
                <c:pt idx="2897">
                  <c:v>0.45132819771467425</c:v>
                </c:pt>
                <c:pt idx="2898">
                  <c:v>0.45132819771467425</c:v>
                </c:pt>
                <c:pt idx="2899">
                  <c:v>0.37798736558603963</c:v>
                </c:pt>
                <c:pt idx="2900">
                  <c:v>0.31028813592883853</c:v>
                </c:pt>
                <c:pt idx="2901">
                  <c:v>0.22566409885733713</c:v>
                </c:pt>
                <c:pt idx="2902">
                  <c:v>0.22566409885733713</c:v>
                </c:pt>
                <c:pt idx="2903">
                  <c:v>0.22566409885733713</c:v>
                </c:pt>
                <c:pt idx="2904">
                  <c:v>0.19906646406324913</c:v>
                </c:pt>
                <c:pt idx="2905">
                  <c:v>0.22394977207115527</c:v>
                </c:pt>
                <c:pt idx="2906">
                  <c:v>0.22394977207115527</c:v>
                </c:pt>
                <c:pt idx="2907">
                  <c:v>0.22394977207115527</c:v>
                </c:pt>
                <c:pt idx="2908">
                  <c:v>0.22394977207115527</c:v>
                </c:pt>
                <c:pt idx="2909">
                  <c:v>0.28864637289171124</c:v>
                </c:pt>
                <c:pt idx="2910">
                  <c:v>0.3334363273059423</c:v>
                </c:pt>
                <c:pt idx="2911">
                  <c:v>0.3334363273059423</c:v>
                </c:pt>
                <c:pt idx="2912">
                  <c:v>0.3334363273059423</c:v>
                </c:pt>
                <c:pt idx="2913">
                  <c:v>0.35831963531384842</c:v>
                </c:pt>
                <c:pt idx="2914">
                  <c:v>0.38817960492333581</c:v>
                </c:pt>
                <c:pt idx="2915">
                  <c:v>0.44789954414231054</c:v>
                </c:pt>
                <c:pt idx="2916">
                  <c:v>0.44789954414231054</c:v>
                </c:pt>
                <c:pt idx="2917">
                  <c:v>0.44789954414231054</c:v>
                </c:pt>
                <c:pt idx="2918">
                  <c:v>0.44789954414231054</c:v>
                </c:pt>
                <c:pt idx="2919">
                  <c:v>0.44789954414231054</c:v>
                </c:pt>
                <c:pt idx="2920">
                  <c:v>0.44789954414231054</c:v>
                </c:pt>
                <c:pt idx="2921">
                  <c:v>0.44789954414231054</c:v>
                </c:pt>
                <c:pt idx="2922">
                  <c:v>0.44789954414231054</c:v>
                </c:pt>
                <c:pt idx="2923">
                  <c:v>0.37324962011859214</c:v>
                </c:pt>
                <c:pt idx="2924">
                  <c:v>0.29859969609487369</c:v>
                </c:pt>
                <c:pt idx="2925">
                  <c:v>0.22394977207115527</c:v>
                </c:pt>
                <c:pt idx="2926">
                  <c:v>0.22394977207115527</c:v>
                </c:pt>
                <c:pt idx="2927">
                  <c:v>0.22394977207115527</c:v>
                </c:pt>
                <c:pt idx="2928">
                  <c:v>0.22527116535414612</c:v>
                </c:pt>
                <c:pt idx="2929">
                  <c:v>0.22527116535414612</c:v>
                </c:pt>
                <c:pt idx="2930">
                  <c:v>0.22527116535414612</c:v>
                </c:pt>
                <c:pt idx="2931">
                  <c:v>0.22527116535414612</c:v>
                </c:pt>
                <c:pt idx="2932">
                  <c:v>0.22527116535414612</c:v>
                </c:pt>
                <c:pt idx="2933">
                  <c:v>0.29034950201201054</c:v>
                </c:pt>
                <c:pt idx="2934">
                  <c:v>0.33540373508283972</c:v>
                </c:pt>
                <c:pt idx="2935">
                  <c:v>0.33540373508283972</c:v>
                </c:pt>
                <c:pt idx="2936">
                  <c:v>0.33540373508283972</c:v>
                </c:pt>
                <c:pt idx="2937">
                  <c:v>0.36043386456663379</c:v>
                </c:pt>
                <c:pt idx="2938">
                  <c:v>0.39047001994718661</c:v>
                </c:pt>
                <c:pt idx="2939">
                  <c:v>0.45054233070829225</c:v>
                </c:pt>
                <c:pt idx="2940">
                  <c:v>0.45054233070829225</c:v>
                </c:pt>
                <c:pt idx="2941">
                  <c:v>0.45054233070829225</c:v>
                </c:pt>
                <c:pt idx="2942">
                  <c:v>0.45054233070829225</c:v>
                </c:pt>
                <c:pt idx="2943">
                  <c:v>0.45054233070829225</c:v>
                </c:pt>
                <c:pt idx="2944">
                  <c:v>0.45054233070829225</c:v>
                </c:pt>
                <c:pt idx="2945">
                  <c:v>0.45054233070829225</c:v>
                </c:pt>
                <c:pt idx="2946">
                  <c:v>0.45054233070829225</c:v>
                </c:pt>
                <c:pt idx="2947">
                  <c:v>0.3754519422569102</c:v>
                </c:pt>
                <c:pt idx="2948">
                  <c:v>0.3003615538055282</c:v>
                </c:pt>
                <c:pt idx="2949">
                  <c:v>0.22527116535414612</c:v>
                </c:pt>
                <c:pt idx="2950">
                  <c:v>0.22527116535414612</c:v>
                </c:pt>
                <c:pt idx="2951">
                  <c:v>0.22527116535414612</c:v>
                </c:pt>
                <c:pt idx="2952">
                  <c:v>0.24516487468174375</c:v>
                </c:pt>
                <c:pt idx="2953">
                  <c:v>0.24516487468174375</c:v>
                </c:pt>
                <c:pt idx="2954">
                  <c:v>0.24516487468174375</c:v>
                </c:pt>
                <c:pt idx="2955">
                  <c:v>0.24516487468174375</c:v>
                </c:pt>
                <c:pt idx="2956">
                  <c:v>0.24516487468174375</c:v>
                </c:pt>
                <c:pt idx="2957">
                  <c:v>0.31599028292313636</c:v>
                </c:pt>
                <c:pt idx="2958">
                  <c:v>0.3813675828382681</c:v>
                </c:pt>
                <c:pt idx="2959">
                  <c:v>0.3813675828382681</c:v>
                </c:pt>
                <c:pt idx="2960">
                  <c:v>0.3813675828382681</c:v>
                </c:pt>
                <c:pt idx="2961">
                  <c:v>0.40860812446957295</c:v>
                </c:pt>
                <c:pt idx="2962">
                  <c:v>0.42495244944835592</c:v>
                </c:pt>
                <c:pt idx="2963">
                  <c:v>0.4903297493634875</c:v>
                </c:pt>
                <c:pt idx="2964">
                  <c:v>0.4903297493634875</c:v>
                </c:pt>
                <c:pt idx="2965">
                  <c:v>0.4903297493634875</c:v>
                </c:pt>
                <c:pt idx="2966">
                  <c:v>0.4903297493634875</c:v>
                </c:pt>
                <c:pt idx="2967">
                  <c:v>0.40860812446957295</c:v>
                </c:pt>
                <c:pt idx="2968">
                  <c:v>0.38681569116452907</c:v>
                </c:pt>
                <c:pt idx="2969">
                  <c:v>0.38681569116452907</c:v>
                </c:pt>
                <c:pt idx="2970">
                  <c:v>0.38681569116452907</c:v>
                </c:pt>
                <c:pt idx="2971">
                  <c:v>0.38681569116452907</c:v>
                </c:pt>
                <c:pt idx="2972">
                  <c:v>0.2996459579443535</c:v>
                </c:pt>
                <c:pt idx="2973">
                  <c:v>0.11441027485148042</c:v>
                </c:pt>
                <c:pt idx="2974">
                  <c:v>0.11441027485148042</c:v>
                </c:pt>
                <c:pt idx="2975">
                  <c:v>0.11441027485148042</c:v>
                </c:pt>
                <c:pt idx="2976">
                  <c:v>6.8801398082056778E-2</c:v>
                </c:pt>
                <c:pt idx="2977">
                  <c:v>0.1343265391125871</c:v>
                </c:pt>
                <c:pt idx="2978">
                  <c:v>0.1343265391125871</c:v>
                </c:pt>
                <c:pt idx="2979">
                  <c:v>0.1343265391125871</c:v>
                </c:pt>
                <c:pt idx="2980">
                  <c:v>0.1343265391125871</c:v>
                </c:pt>
                <c:pt idx="2981">
                  <c:v>0.1670891096278522</c:v>
                </c:pt>
                <c:pt idx="2982">
                  <c:v>0.20968045129769688</c:v>
                </c:pt>
                <c:pt idx="2983">
                  <c:v>0.2391667647614355</c:v>
                </c:pt>
                <c:pt idx="2984">
                  <c:v>0.2391667647614355</c:v>
                </c:pt>
                <c:pt idx="2985">
                  <c:v>0.2391667647614355</c:v>
                </c:pt>
                <c:pt idx="2986">
                  <c:v>0.2391667647614355</c:v>
                </c:pt>
                <c:pt idx="2987">
                  <c:v>0.2391667647614355</c:v>
                </c:pt>
                <c:pt idx="2988">
                  <c:v>0.2391667647614355</c:v>
                </c:pt>
                <c:pt idx="2989">
                  <c:v>0.2391667647614355</c:v>
                </c:pt>
                <c:pt idx="2990">
                  <c:v>0.2391667647614355</c:v>
                </c:pt>
                <c:pt idx="2991">
                  <c:v>0.21623296540074988</c:v>
                </c:pt>
                <c:pt idx="2992">
                  <c:v>0.19657542309159082</c:v>
                </c:pt>
                <c:pt idx="2993">
                  <c:v>0.17691788078243176</c:v>
                </c:pt>
                <c:pt idx="2994">
                  <c:v>0.17036536667937868</c:v>
                </c:pt>
                <c:pt idx="2995">
                  <c:v>0.13760279616411356</c:v>
                </c:pt>
                <c:pt idx="2996">
                  <c:v>0.1015639685973219</c:v>
                </c:pt>
                <c:pt idx="2997">
                  <c:v>0.1015639685973219</c:v>
                </c:pt>
                <c:pt idx="2998">
                  <c:v>0.1015639685973219</c:v>
                </c:pt>
                <c:pt idx="2999">
                  <c:v>0.1015639685973219</c:v>
                </c:pt>
                <c:pt idx="3000">
                  <c:v>0.10716509813484541</c:v>
                </c:pt>
                <c:pt idx="3001">
                  <c:v>0.12444979138240111</c:v>
                </c:pt>
                <c:pt idx="3002">
                  <c:v>0.12444979138240111</c:v>
                </c:pt>
                <c:pt idx="3003">
                  <c:v>0.12444979138240111</c:v>
                </c:pt>
                <c:pt idx="3004">
                  <c:v>0.12444979138240111</c:v>
                </c:pt>
                <c:pt idx="3005">
                  <c:v>0.15556223922800139</c:v>
                </c:pt>
                <c:pt idx="3006">
                  <c:v>0.18321774842409055</c:v>
                </c:pt>
                <c:pt idx="3007">
                  <c:v>0.21778713491920199</c:v>
                </c:pt>
                <c:pt idx="3008">
                  <c:v>0.21778713491920199</c:v>
                </c:pt>
                <c:pt idx="3009">
                  <c:v>0.21778713491920199</c:v>
                </c:pt>
                <c:pt idx="3010">
                  <c:v>0.21778713491920199</c:v>
                </c:pt>
                <c:pt idx="3011">
                  <c:v>0.21778713491920199</c:v>
                </c:pt>
                <c:pt idx="3012">
                  <c:v>0.21778713491920199</c:v>
                </c:pt>
                <c:pt idx="3013">
                  <c:v>0.21778713491920199</c:v>
                </c:pt>
                <c:pt idx="3014">
                  <c:v>0.21778713491920199</c:v>
                </c:pt>
                <c:pt idx="3015">
                  <c:v>0.19358856437262398</c:v>
                </c:pt>
                <c:pt idx="3016">
                  <c:v>0.19013162572311282</c:v>
                </c:pt>
                <c:pt idx="3017">
                  <c:v>0.16247611652702371</c:v>
                </c:pt>
                <c:pt idx="3018">
                  <c:v>0.15210530057849025</c:v>
                </c:pt>
                <c:pt idx="3019">
                  <c:v>0.12790673003191227</c:v>
                </c:pt>
                <c:pt idx="3020">
                  <c:v>0.10716509813484541</c:v>
                </c:pt>
                <c:pt idx="3021">
                  <c:v>9.3337343536800857E-2</c:v>
                </c:pt>
                <c:pt idx="3022">
                  <c:v>9.3337343536800857E-2</c:v>
                </c:pt>
                <c:pt idx="3023">
                  <c:v>9.3337343536800857E-2</c:v>
                </c:pt>
                <c:pt idx="3024">
                  <c:v>7.4096425099015456E-2</c:v>
                </c:pt>
                <c:pt idx="3025">
                  <c:v>7.4096425099015456E-2</c:v>
                </c:pt>
                <c:pt idx="3026">
                  <c:v>7.4096425099015456E-2</c:v>
                </c:pt>
                <c:pt idx="3027">
                  <c:v>7.4096425099015456E-2</c:v>
                </c:pt>
                <c:pt idx="3028">
                  <c:v>7.4096425099015456E-2</c:v>
                </c:pt>
                <c:pt idx="3029">
                  <c:v>0.32108450876240036</c:v>
                </c:pt>
                <c:pt idx="3030">
                  <c:v>0.36430742340349276</c:v>
                </c:pt>
                <c:pt idx="3031">
                  <c:v>0.36430742340349276</c:v>
                </c:pt>
                <c:pt idx="3032">
                  <c:v>0.36430742340349276</c:v>
                </c:pt>
                <c:pt idx="3033">
                  <c:v>0.38900623176983123</c:v>
                </c:pt>
                <c:pt idx="3034">
                  <c:v>0.38900623176983123</c:v>
                </c:pt>
                <c:pt idx="3035">
                  <c:v>0.4939761673267698</c:v>
                </c:pt>
                <c:pt idx="3036">
                  <c:v>0.4939761673267698</c:v>
                </c:pt>
                <c:pt idx="3037">
                  <c:v>0.32725921085398496</c:v>
                </c:pt>
                <c:pt idx="3038">
                  <c:v>0.4939761673267698</c:v>
                </c:pt>
                <c:pt idx="3039">
                  <c:v>0.4939761673267698</c:v>
                </c:pt>
                <c:pt idx="3040">
                  <c:v>0.4939761673267698</c:v>
                </c:pt>
                <c:pt idx="3041">
                  <c:v>0.4939761673267698</c:v>
                </c:pt>
                <c:pt idx="3042">
                  <c:v>0.4939761673267698</c:v>
                </c:pt>
                <c:pt idx="3043">
                  <c:v>0.41370504013616971</c:v>
                </c:pt>
                <c:pt idx="3044">
                  <c:v>0.33960861503715423</c:v>
                </c:pt>
                <c:pt idx="3045">
                  <c:v>0.2469880836633849</c:v>
                </c:pt>
                <c:pt idx="3046">
                  <c:v>0.23463867948021566</c:v>
                </c:pt>
                <c:pt idx="3047">
                  <c:v>0.23463867948021566</c:v>
                </c:pt>
                <c:pt idx="3048">
                  <c:v>0.21237456058667287</c:v>
                </c:pt>
                <c:pt idx="3049">
                  <c:v>0.21237456058667287</c:v>
                </c:pt>
                <c:pt idx="3050">
                  <c:v>0.21237456058667287</c:v>
                </c:pt>
                <c:pt idx="3051">
                  <c:v>0.21237456058667287</c:v>
                </c:pt>
                <c:pt idx="3052">
                  <c:v>0.21237456058667287</c:v>
                </c:pt>
                <c:pt idx="3053">
                  <c:v>0.27608692876267471</c:v>
                </c:pt>
                <c:pt idx="3054">
                  <c:v>0.3079431128506756</c:v>
                </c:pt>
                <c:pt idx="3055">
                  <c:v>0.31856184088000933</c:v>
                </c:pt>
                <c:pt idx="3056">
                  <c:v>0.31856184088000933</c:v>
                </c:pt>
                <c:pt idx="3057">
                  <c:v>0.34510866095334342</c:v>
                </c:pt>
                <c:pt idx="3058">
                  <c:v>0.36103675299734383</c:v>
                </c:pt>
                <c:pt idx="3059">
                  <c:v>0.42474912117334573</c:v>
                </c:pt>
                <c:pt idx="3060">
                  <c:v>0.42474912117334573</c:v>
                </c:pt>
                <c:pt idx="3061">
                  <c:v>0.42474912117334573</c:v>
                </c:pt>
                <c:pt idx="3062">
                  <c:v>0.42474912117334573</c:v>
                </c:pt>
                <c:pt idx="3063">
                  <c:v>0.42474912117334573</c:v>
                </c:pt>
                <c:pt idx="3064">
                  <c:v>0.42474912117334573</c:v>
                </c:pt>
                <c:pt idx="3065">
                  <c:v>0.42474912117334573</c:v>
                </c:pt>
                <c:pt idx="3066">
                  <c:v>0.42474912117334573</c:v>
                </c:pt>
                <c:pt idx="3067">
                  <c:v>0.35572738898267703</c:v>
                </c:pt>
                <c:pt idx="3068">
                  <c:v>0.29201502080667513</c:v>
                </c:pt>
                <c:pt idx="3069">
                  <c:v>0.21237456058667287</c:v>
                </c:pt>
                <c:pt idx="3070">
                  <c:v>0.21237456058667287</c:v>
                </c:pt>
                <c:pt idx="3071">
                  <c:v>0.21237456058667287</c:v>
                </c:pt>
                <c:pt idx="3072">
                  <c:v>0.18734312394449701</c:v>
                </c:pt>
                <c:pt idx="3073">
                  <c:v>0.2107610144375591</c:v>
                </c:pt>
                <c:pt idx="3074">
                  <c:v>0.2107610144375591</c:v>
                </c:pt>
                <c:pt idx="3075">
                  <c:v>0.2107610144375591</c:v>
                </c:pt>
                <c:pt idx="3076">
                  <c:v>0.2107610144375591</c:v>
                </c:pt>
                <c:pt idx="3077">
                  <c:v>0.27164752971952061</c:v>
                </c:pt>
                <c:pt idx="3078">
                  <c:v>0.31379973260703248</c:v>
                </c:pt>
                <c:pt idx="3079">
                  <c:v>0.31379973260703248</c:v>
                </c:pt>
                <c:pt idx="3080">
                  <c:v>0.31379973260703248</c:v>
                </c:pt>
                <c:pt idx="3081">
                  <c:v>0.33721762310009457</c:v>
                </c:pt>
                <c:pt idx="3082">
                  <c:v>0.36531909169176913</c:v>
                </c:pt>
                <c:pt idx="3083">
                  <c:v>0.42152202887511819</c:v>
                </c:pt>
                <c:pt idx="3084">
                  <c:v>0.42152202887511819</c:v>
                </c:pt>
                <c:pt idx="3085">
                  <c:v>0.42152202887511819</c:v>
                </c:pt>
                <c:pt idx="3086">
                  <c:v>0.42152202887511819</c:v>
                </c:pt>
                <c:pt idx="3087">
                  <c:v>0.42152202887511819</c:v>
                </c:pt>
                <c:pt idx="3088">
                  <c:v>0.42152202887511819</c:v>
                </c:pt>
                <c:pt idx="3089">
                  <c:v>0.42152202887511819</c:v>
                </c:pt>
                <c:pt idx="3090">
                  <c:v>0.42152202887511819</c:v>
                </c:pt>
                <c:pt idx="3091">
                  <c:v>0.35126835739593187</c:v>
                </c:pt>
                <c:pt idx="3092">
                  <c:v>0.28101468591674544</c:v>
                </c:pt>
                <c:pt idx="3093">
                  <c:v>0.2107610144375591</c:v>
                </c:pt>
                <c:pt idx="3094">
                  <c:v>0.2107610144375591</c:v>
                </c:pt>
                <c:pt idx="3095">
                  <c:v>0.2107610144375591</c:v>
                </c:pt>
                <c:pt idx="3096">
                  <c:v>0.20902933071256991</c:v>
                </c:pt>
                <c:pt idx="3097">
                  <c:v>0.20902933071256991</c:v>
                </c:pt>
                <c:pt idx="3098">
                  <c:v>0.20902933071256991</c:v>
                </c:pt>
                <c:pt idx="3099">
                  <c:v>0.20902933071256991</c:v>
                </c:pt>
                <c:pt idx="3100">
                  <c:v>0.20902933071256991</c:v>
                </c:pt>
                <c:pt idx="3101">
                  <c:v>0.2694155818073124</c:v>
                </c:pt>
                <c:pt idx="3102">
                  <c:v>0.31122144794982631</c:v>
                </c:pt>
                <c:pt idx="3103">
                  <c:v>0.31122144794982631</c:v>
                </c:pt>
                <c:pt idx="3104">
                  <c:v>0.31122144794982631</c:v>
                </c:pt>
                <c:pt idx="3105">
                  <c:v>0.33444692914011193</c:v>
                </c:pt>
                <c:pt idx="3106">
                  <c:v>0.36231750656845452</c:v>
                </c:pt>
                <c:pt idx="3107">
                  <c:v>0.41805866142513981</c:v>
                </c:pt>
                <c:pt idx="3108">
                  <c:v>0.41805866142513981</c:v>
                </c:pt>
                <c:pt idx="3109">
                  <c:v>0.41805866142513981</c:v>
                </c:pt>
                <c:pt idx="3110">
                  <c:v>0.41805866142513981</c:v>
                </c:pt>
                <c:pt idx="3111">
                  <c:v>0.41805866142513981</c:v>
                </c:pt>
                <c:pt idx="3112">
                  <c:v>0.41805866142513981</c:v>
                </c:pt>
                <c:pt idx="3113">
                  <c:v>0.41805866142513981</c:v>
                </c:pt>
                <c:pt idx="3114">
                  <c:v>0.41805866142513981</c:v>
                </c:pt>
                <c:pt idx="3115">
                  <c:v>0.34838221785428319</c:v>
                </c:pt>
                <c:pt idx="3116">
                  <c:v>0.27870577428342658</c:v>
                </c:pt>
                <c:pt idx="3117">
                  <c:v>0.20902933071256991</c:v>
                </c:pt>
                <c:pt idx="3118">
                  <c:v>0.20902933071256991</c:v>
                </c:pt>
                <c:pt idx="3119">
                  <c:v>0.20902933071256991</c:v>
                </c:pt>
                <c:pt idx="3120">
                  <c:v>0.23246054010033554</c:v>
                </c:pt>
                <c:pt idx="3121">
                  <c:v>0.23246054010033554</c:v>
                </c:pt>
                <c:pt idx="3122">
                  <c:v>0.23246054010033554</c:v>
                </c:pt>
                <c:pt idx="3123">
                  <c:v>0.23246054010033554</c:v>
                </c:pt>
                <c:pt idx="3124">
                  <c:v>0.23246054010033554</c:v>
                </c:pt>
                <c:pt idx="3125">
                  <c:v>0.29961580724043246</c:v>
                </c:pt>
                <c:pt idx="3126">
                  <c:v>0.36160528460052199</c:v>
                </c:pt>
                <c:pt idx="3127">
                  <c:v>0.36160528460052199</c:v>
                </c:pt>
                <c:pt idx="3128">
                  <c:v>0.36160528460052199</c:v>
                </c:pt>
                <c:pt idx="3129">
                  <c:v>0.38743423350055928</c:v>
                </c:pt>
                <c:pt idx="3130">
                  <c:v>0.4029316028405816</c:v>
                </c:pt>
                <c:pt idx="3131">
                  <c:v>0.46492108020067108</c:v>
                </c:pt>
                <c:pt idx="3132">
                  <c:v>0.46492108020067108</c:v>
                </c:pt>
                <c:pt idx="3133">
                  <c:v>0.46492108020067108</c:v>
                </c:pt>
                <c:pt idx="3134">
                  <c:v>0.46492108020067108</c:v>
                </c:pt>
                <c:pt idx="3135">
                  <c:v>0.38743423350055928</c:v>
                </c:pt>
                <c:pt idx="3136">
                  <c:v>0.36677107438052947</c:v>
                </c:pt>
                <c:pt idx="3137">
                  <c:v>0.36677107438052947</c:v>
                </c:pt>
                <c:pt idx="3138">
                  <c:v>0.36677107438052947</c:v>
                </c:pt>
                <c:pt idx="3139">
                  <c:v>0.36677107438052947</c:v>
                </c:pt>
                <c:pt idx="3140">
                  <c:v>0.28411843790041014</c:v>
                </c:pt>
                <c:pt idx="3141">
                  <c:v>0.10848158538015659</c:v>
                </c:pt>
                <c:pt idx="3142">
                  <c:v>0.10848158538015659</c:v>
                </c:pt>
                <c:pt idx="3143">
                  <c:v>0.10848158538015659</c:v>
                </c:pt>
                <c:pt idx="3144">
                  <c:v>5.4892036727753266E-2</c:v>
                </c:pt>
                <c:pt idx="3145">
                  <c:v>0.10717016694466114</c:v>
                </c:pt>
                <c:pt idx="3146">
                  <c:v>0.10717016694466114</c:v>
                </c:pt>
                <c:pt idx="3147">
                  <c:v>0.10717016694466114</c:v>
                </c:pt>
                <c:pt idx="3148">
                  <c:v>0.10717016694466114</c:v>
                </c:pt>
                <c:pt idx="3149">
                  <c:v>0.1333092320531151</c:v>
                </c:pt>
                <c:pt idx="3150">
                  <c:v>0.1672900166941052</c:v>
                </c:pt>
                <c:pt idx="3151">
                  <c:v>0.19081517529171374</c:v>
                </c:pt>
                <c:pt idx="3152">
                  <c:v>0.19081517529171374</c:v>
                </c:pt>
                <c:pt idx="3153">
                  <c:v>0.19081517529171374</c:v>
                </c:pt>
                <c:pt idx="3154">
                  <c:v>0.19081517529171374</c:v>
                </c:pt>
                <c:pt idx="3155">
                  <c:v>0.19081517529171374</c:v>
                </c:pt>
                <c:pt idx="3156">
                  <c:v>0.19081517529171374</c:v>
                </c:pt>
                <c:pt idx="3157">
                  <c:v>0.19081517529171374</c:v>
                </c:pt>
                <c:pt idx="3158">
                  <c:v>0.19081517529171374</c:v>
                </c:pt>
                <c:pt idx="3159">
                  <c:v>0.17251782971579596</c:v>
                </c:pt>
                <c:pt idx="3160">
                  <c:v>0.15683439065072363</c:v>
                </c:pt>
                <c:pt idx="3161">
                  <c:v>0.14115095158565127</c:v>
                </c:pt>
                <c:pt idx="3162">
                  <c:v>0.13592313856396046</c:v>
                </c:pt>
                <c:pt idx="3163">
                  <c:v>0.10978407345550653</c:v>
                </c:pt>
                <c:pt idx="3164">
                  <c:v>8.1031101836207209E-2</c:v>
                </c:pt>
                <c:pt idx="3165">
                  <c:v>8.1031101836207209E-2</c:v>
                </c:pt>
                <c:pt idx="3166">
                  <c:v>8.1031101836207209E-2</c:v>
                </c:pt>
                <c:pt idx="3167">
                  <c:v>8.1031101836207209E-2</c:v>
                </c:pt>
                <c:pt idx="3168">
                  <c:v>8.5773661442673427E-2</c:v>
                </c:pt>
                <c:pt idx="3169">
                  <c:v>9.9608122965685261E-2</c:v>
                </c:pt>
                <c:pt idx="3170">
                  <c:v>9.9608122965685261E-2</c:v>
                </c:pt>
                <c:pt idx="3171">
                  <c:v>9.9608122965685261E-2</c:v>
                </c:pt>
                <c:pt idx="3172">
                  <c:v>9.9608122965685261E-2</c:v>
                </c:pt>
                <c:pt idx="3173">
                  <c:v>0.12451015370710659</c:v>
                </c:pt>
                <c:pt idx="3174">
                  <c:v>0.14664529214392555</c:v>
                </c:pt>
                <c:pt idx="3175">
                  <c:v>0.17431421518994922</c:v>
                </c:pt>
                <c:pt idx="3176">
                  <c:v>0.17431421518994922</c:v>
                </c:pt>
                <c:pt idx="3177">
                  <c:v>0.17431421518994922</c:v>
                </c:pt>
                <c:pt idx="3178">
                  <c:v>0.17431421518994922</c:v>
                </c:pt>
                <c:pt idx="3179">
                  <c:v>0.17431421518994922</c:v>
                </c:pt>
                <c:pt idx="3180">
                  <c:v>0.17431421518994922</c:v>
                </c:pt>
                <c:pt idx="3181">
                  <c:v>0.17431421518994922</c:v>
                </c:pt>
                <c:pt idx="3182">
                  <c:v>0.17431421518994922</c:v>
                </c:pt>
                <c:pt idx="3183">
                  <c:v>0.15494596905773264</c:v>
                </c:pt>
                <c:pt idx="3184">
                  <c:v>0.15217907675313028</c:v>
                </c:pt>
                <c:pt idx="3185">
                  <c:v>0.13004393831631134</c:v>
                </c:pt>
                <c:pt idx="3186">
                  <c:v>0.12174326140250422</c:v>
                </c:pt>
                <c:pt idx="3187">
                  <c:v>0.10237501527028764</c:v>
                </c:pt>
                <c:pt idx="3188">
                  <c:v>8.5773661442673427E-2</c:v>
                </c:pt>
                <c:pt idx="3189">
                  <c:v>7.470609222426397E-2</c:v>
                </c:pt>
                <c:pt idx="3190">
                  <c:v>7.470609222426397E-2</c:v>
                </c:pt>
                <c:pt idx="3191">
                  <c:v>7.470609222426397E-2</c:v>
                </c:pt>
                <c:pt idx="3192">
                  <c:v>7.0815785471359763E-2</c:v>
                </c:pt>
                <c:pt idx="3193">
                  <c:v>7.0815785471359763E-2</c:v>
                </c:pt>
                <c:pt idx="3194">
                  <c:v>7.0815785471359763E-2</c:v>
                </c:pt>
                <c:pt idx="3195">
                  <c:v>7.0815785471359763E-2</c:v>
                </c:pt>
                <c:pt idx="3196">
                  <c:v>7.0815785471359763E-2</c:v>
                </c:pt>
                <c:pt idx="3197">
                  <c:v>0.30686840370922563</c:v>
                </c:pt>
                <c:pt idx="3198">
                  <c:v>0.34817761190085217</c:v>
                </c:pt>
                <c:pt idx="3199">
                  <c:v>0.34817761190085217</c:v>
                </c:pt>
                <c:pt idx="3200">
                  <c:v>0.34817761190085217</c:v>
                </c:pt>
                <c:pt idx="3201">
                  <c:v>0.37178287372463881</c:v>
                </c:pt>
                <c:pt idx="3202">
                  <c:v>0.37178287372463881</c:v>
                </c:pt>
                <c:pt idx="3203">
                  <c:v>0.47210523647573183</c:v>
                </c:pt>
                <c:pt idx="3204">
                  <c:v>0.47210523647573183</c:v>
                </c:pt>
                <c:pt idx="3205">
                  <c:v>0.31276971916517232</c:v>
                </c:pt>
                <c:pt idx="3206">
                  <c:v>0.47210523647573183</c:v>
                </c:pt>
                <c:pt idx="3207">
                  <c:v>0.47210523647573183</c:v>
                </c:pt>
                <c:pt idx="3208">
                  <c:v>0.47210523647573183</c:v>
                </c:pt>
                <c:pt idx="3209">
                  <c:v>0.47210523647573183</c:v>
                </c:pt>
                <c:pt idx="3210">
                  <c:v>0.47210523647573183</c:v>
                </c:pt>
                <c:pt idx="3211">
                  <c:v>0.39538813554842539</c:v>
                </c:pt>
                <c:pt idx="3212">
                  <c:v>0.32457235007706559</c:v>
                </c:pt>
                <c:pt idx="3213">
                  <c:v>0.23605261823786591</c:v>
                </c:pt>
                <c:pt idx="3214">
                  <c:v>0.22424998732597259</c:v>
                </c:pt>
                <c:pt idx="3215">
                  <c:v>0.22424998732597259</c:v>
                </c:pt>
                <c:pt idx="3216">
                  <c:v>0.21191097204234738</c:v>
                </c:pt>
                <c:pt idx="3217">
                  <c:v>0.21191097204234738</c:v>
                </c:pt>
                <c:pt idx="3218">
                  <c:v>0.21191097204234738</c:v>
                </c:pt>
                <c:pt idx="3219">
                  <c:v>0.21191097204234738</c:v>
                </c:pt>
                <c:pt idx="3220">
                  <c:v>0.21191097204234738</c:v>
                </c:pt>
                <c:pt idx="3221">
                  <c:v>0.27548426365505158</c:v>
                </c:pt>
                <c:pt idx="3222">
                  <c:v>0.30727090946140367</c:v>
                </c:pt>
                <c:pt idx="3223">
                  <c:v>0.31786645806352104</c:v>
                </c:pt>
                <c:pt idx="3224">
                  <c:v>0.31786645806352104</c:v>
                </c:pt>
                <c:pt idx="3225">
                  <c:v>0.34435532956881448</c:v>
                </c:pt>
                <c:pt idx="3226">
                  <c:v>0.36024865247199045</c:v>
                </c:pt>
                <c:pt idx="3227">
                  <c:v>0.42382194408469476</c:v>
                </c:pt>
                <c:pt idx="3228">
                  <c:v>0.42382194408469476</c:v>
                </c:pt>
                <c:pt idx="3229">
                  <c:v>0.42382194408469476</c:v>
                </c:pt>
                <c:pt idx="3230">
                  <c:v>0.42382194408469476</c:v>
                </c:pt>
                <c:pt idx="3231">
                  <c:v>0.42382194408469476</c:v>
                </c:pt>
                <c:pt idx="3232">
                  <c:v>0.42382194408469476</c:v>
                </c:pt>
                <c:pt idx="3233">
                  <c:v>0.42382194408469476</c:v>
                </c:pt>
                <c:pt idx="3234">
                  <c:v>0.42382194408469476</c:v>
                </c:pt>
                <c:pt idx="3235">
                  <c:v>0.35495087817093185</c:v>
                </c:pt>
                <c:pt idx="3236">
                  <c:v>0.2913775865582276</c:v>
                </c:pt>
                <c:pt idx="3237">
                  <c:v>0.21191097204234738</c:v>
                </c:pt>
                <c:pt idx="3238">
                  <c:v>0.21191097204234738</c:v>
                </c:pt>
                <c:pt idx="3239">
                  <c:v>0.21191097204234738</c:v>
                </c:pt>
                <c:pt idx="3240">
                  <c:v>0.19603218779721915</c:v>
                </c:pt>
                <c:pt idx="3241">
                  <c:v>0.22053621127187151</c:v>
                </c:pt>
                <c:pt idx="3242">
                  <c:v>0.22053621127187151</c:v>
                </c:pt>
                <c:pt idx="3243">
                  <c:v>0.22053621127187151</c:v>
                </c:pt>
                <c:pt idx="3244">
                  <c:v>0.22053621127187151</c:v>
                </c:pt>
                <c:pt idx="3245">
                  <c:v>0.28424667230596773</c:v>
                </c:pt>
                <c:pt idx="3246">
                  <c:v>0.32835391456034208</c:v>
                </c:pt>
                <c:pt idx="3247">
                  <c:v>0.32835391456034208</c:v>
                </c:pt>
                <c:pt idx="3248">
                  <c:v>0.32835391456034208</c:v>
                </c:pt>
                <c:pt idx="3249">
                  <c:v>0.35285793803499443</c:v>
                </c:pt>
                <c:pt idx="3250">
                  <c:v>0.38226276620457733</c:v>
                </c:pt>
                <c:pt idx="3251">
                  <c:v>0.44107242254374301</c:v>
                </c:pt>
                <c:pt idx="3252">
                  <c:v>0.44107242254374301</c:v>
                </c:pt>
                <c:pt idx="3253">
                  <c:v>0.44107242254374301</c:v>
                </c:pt>
                <c:pt idx="3254">
                  <c:v>0.44107242254374301</c:v>
                </c:pt>
                <c:pt idx="3255">
                  <c:v>0.44107242254374301</c:v>
                </c:pt>
                <c:pt idx="3256">
                  <c:v>0.44107242254374301</c:v>
                </c:pt>
                <c:pt idx="3257">
                  <c:v>0.44107242254374301</c:v>
                </c:pt>
                <c:pt idx="3258">
                  <c:v>0.44107242254374301</c:v>
                </c:pt>
                <c:pt idx="3259">
                  <c:v>0.36756035211978588</c:v>
                </c:pt>
                <c:pt idx="3260">
                  <c:v>0.29404828169582875</c:v>
                </c:pt>
                <c:pt idx="3261">
                  <c:v>0.22053621127187151</c:v>
                </c:pt>
                <c:pt idx="3262">
                  <c:v>0.22053621127187151</c:v>
                </c:pt>
                <c:pt idx="3263">
                  <c:v>0.22053621127187151</c:v>
                </c:pt>
                <c:pt idx="3264">
                  <c:v>0.2231055874019359</c:v>
                </c:pt>
                <c:pt idx="3265">
                  <c:v>0.2231055874019359</c:v>
                </c:pt>
                <c:pt idx="3266">
                  <c:v>0.2231055874019359</c:v>
                </c:pt>
                <c:pt idx="3267">
                  <c:v>0.2231055874019359</c:v>
                </c:pt>
                <c:pt idx="3268">
                  <c:v>0.2231055874019359</c:v>
                </c:pt>
                <c:pt idx="3269">
                  <c:v>0.28755831265138404</c:v>
                </c:pt>
                <c:pt idx="3270">
                  <c:v>0.3321794301317712</c:v>
                </c:pt>
                <c:pt idx="3271">
                  <c:v>0.3321794301317712</c:v>
                </c:pt>
                <c:pt idx="3272">
                  <c:v>0.3321794301317712</c:v>
                </c:pt>
                <c:pt idx="3273">
                  <c:v>0.35696893984309741</c:v>
                </c:pt>
                <c:pt idx="3274">
                  <c:v>0.38671635149668893</c:v>
                </c:pt>
                <c:pt idx="3275">
                  <c:v>0.44621117480387179</c:v>
                </c:pt>
                <c:pt idx="3276">
                  <c:v>0.44621117480387179</c:v>
                </c:pt>
                <c:pt idx="3277">
                  <c:v>0.44621117480387179</c:v>
                </c:pt>
                <c:pt idx="3278">
                  <c:v>0.44621117480387179</c:v>
                </c:pt>
                <c:pt idx="3279">
                  <c:v>0.44621117480387179</c:v>
                </c:pt>
                <c:pt idx="3280">
                  <c:v>0.44621117480387179</c:v>
                </c:pt>
                <c:pt idx="3281">
                  <c:v>0.44621117480387179</c:v>
                </c:pt>
                <c:pt idx="3282">
                  <c:v>0.44621117480387179</c:v>
                </c:pt>
                <c:pt idx="3283">
                  <c:v>0.37184264566989317</c:v>
                </c:pt>
                <c:pt idx="3284">
                  <c:v>0.29747411653591455</c:v>
                </c:pt>
                <c:pt idx="3285">
                  <c:v>0.2231055874019359</c:v>
                </c:pt>
                <c:pt idx="3286">
                  <c:v>0.2231055874019359</c:v>
                </c:pt>
                <c:pt idx="3287">
                  <c:v>0.2231055874019359</c:v>
                </c:pt>
                <c:pt idx="3288">
                  <c:v>0.23567897152762562</c:v>
                </c:pt>
                <c:pt idx="3289">
                  <c:v>0.23567897152762562</c:v>
                </c:pt>
                <c:pt idx="3290">
                  <c:v>0.23567897152762562</c:v>
                </c:pt>
                <c:pt idx="3291">
                  <c:v>0.23567897152762562</c:v>
                </c:pt>
                <c:pt idx="3292">
                  <c:v>0.23567897152762562</c:v>
                </c:pt>
                <c:pt idx="3293">
                  <c:v>0.30376400774671747</c:v>
                </c:pt>
                <c:pt idx="3294">
                  <c:v>0.36661173348741766</c:v>
                </c:pt>
                <c:pt idx="3295">
                  <c:v>0.36661173348741766</c:v>
                </c:pt>
                <c:pt idx="3296">
                  <c:v>0.36661173348741766</c:v>
                </c:pt>
                <c:pt idx="3297">
                  <c:v>0.39279828587937604</c:v>
                </c:pt>
                <c:pt idx="3298">
                  <c:v>0.40851021731455106</c:v>
                </c:pt>
                <c:pt idx="3299">
                  <c:v>0.47135794305525125</c:v>
                </c:pt>
                <c:pt idx="3300">
                  <c:v>0.47135794305525125</c:v>
                </c:pt>
                <c:pt idx="3301">
                  <c:v>0.47135794305525125</c:v>
                </c:pt>
                <c:pt idx="3302">
                  <c:v>0.47135794305525125</c:v>
                </c:pt>
                <c:pt idx="3303">
                  <c:v>0.39279828587937604</c:v>
                </c:pt>
                <c:pt idx="3304">
                  <c:v>0.37184904396580931</c:v>
                </c:pt>
                <c:pt idx="3305">
                  <c:v>0.37184904396580931</c:v>
                </c:pt>
                <c:pt idx="3306">
                  <c:v>0.37184904396580931</c:v>
                </c:pt>
                <c:pt idx="3307">
                  <c:v>0.37184904396580931</c:v>
                </c:pt>
                <c:pt idx="3308">
                  <c:v>0.28805207631154239</c:v>
                </c:pt>
                <c:pt idx="3309">
                  <c:v>0.1099835200462253</c:v>
                </c:pt>
                <c:pt idx="3310">
                  <c:v>0.1099835200462253</c:v>
                </c:pt>
                <c:pt idx="3311">
                  <c:v>0.1099835200462253</c:v>
                </c:pt>
                <c:pt idx="3312">
                  <c:v>5.2863588196917333E-2</c:v>
                </c:pt>
                <c:pt idx="3313">
                  <c:v>0.10320986267017195</c:v>
                </c:pt>
                <c:pt idx="3314">
                  <c:v>0.10320986267017195</c:v>
                </c:pt>
                <c:pt idx="3315">
                  <c:v>0.10320986267017195</c:v>
                </c:pt>
                <c:pt idx="3316">
                  <c:v>0.10320986267017195</c:v>
                </c:pt>
                <c:pt idx="3317">
                  <c:v>0.12838299990679924</c:v>
                </c:pt>
                <c:pt idx="3318">
                  <c:v>0.16110807831441476</c:v>
                </c:pt>
                <c:pt idx="3319">
                  <c:v>0.18376390182737931</c:v>
                </c:pt>
                <c:pt idx="3320">
                  <c:v>0.18376390182737931</c:v>
                </c:pt>
                <c:pt idx="3321">
                  <c:v>0.18376390182737931</c:v>
                </c:pt>
                <c:pt idx="3322">
                  <c:v>0.18376390182737931</c:v>
                </c:pt>
                <c:pt idx="3323">
                  <c:v>0.18376390182737931</c:v>
                </c:pt>
                <c:pt idx="3324">
                  <c:v>0.18376390182737931</c:v>
                </c:pt>
                <c:pt idx="3325">
                  <c:v>0.18376390182737931</c:v>
                </c:pt>
                <c:pt idx="3326">
                  <c:v>0.18376390182737931</c:v>
                </c:pt>
                <c:pt idx="3327">
                  <c:v>0.1661427057617402</c:v>
                </c:pt>
                <c:pt idx="3328">
                  <c:v>0.15103882341976382</c:v>
                </c:pt>
                <c:pt idx="3329">
                  <c:v>0.13593494107778745</c:v>
                </c:pt>
                <c:pt idx="3330">
                  <c:v>0.13090031363046198</c:v>
                </c:pt>
                <c:pt idx="3331">
                  <c:v>0.10572717639383467</c:v>
                </c:pt>
                <c:pt idx="3332">
                  <c:v>7.8036725433544632E-2</c:v>
                </c:pt>
                <c:pt idx="3333">
                  <c:v>7.8036725433544632E-2</c:v>
                </c:pt>
                <c:pt idx="3334">
                  <c:v>7.8036725433544632E-2</c:v>
                </c:pt>
                <c:pt idx="3335">
                  <c:v>7.8036725433544632E-2</c:v>
                </c:pt>
                <c:pt idx="3336">
                  <c:v>7.9453464238168042E-2</c:v>
                </c:pt>
                <c:pt idx="3337">
                  <c:v>9.2268539115291953E-2</c:v>
                </c:pt>
                <c:pt idx="3338">
                  <c:v>9.2268539115291953E-2</c:v>
                </c:pt>
                <c:pt idx="3339">
                  <c:v>9.2268539115291953E-2</c:v>
                </c:pt>
                <c:pt idx="3340">
                  <c:v>9.2268539115291953E-2</c:v>
                </c:pt>
                <c:pt idx="3341">
                  <c:v>0.11533567389411491</c:v>
                </c:pt>
                <c:pt idx="3342">
                  <c:v>0.13583979369751314</c:v>
                </c:pt>
                <c:pt idx="3343">
                  <c:v>0.16146994345176088</c:v>
                </c:pt>
                <c:pt idx="3344">
                  <c:v>0.16146994345176088</c:v>
                </c:pt>
                <c:pt idx="3345">
                  <c:v>0.16146994345176088</c:v>
                </c:pt>
                <c:pt idx="3346">
                  <c:v>0.16146994345176088</c:v>
                </c:pt>
                <c:pt idx="3347">
                  <c:v>0.16146994345176088</c:v>
                </c:pt>
                <c:pt idx="3348">
                  <c:v>0.16146994345176088</c:v>
                </c:pt>
                <c:pt idx="3349">
                  <c:v>0.16146994345176088</c:v>
                </c:pt>
                <c:pt idx="3350">
                  <c:v>0.16146994345176088</c:v>
                </c:pt>
                <c:pt idx="3351">
                  <c:v>0.14352883862378746</c:v>
                </c:pt>
                <c:pt idx="3352">
                  <c:v>0.14096582364836266</c:v>
                </c:pt>
                <c:pt idx="3353">
                  <c:v>0.12046170384496446</c:v>
                </c:pt>
                <c:pt idx="3354">
                  <c:v>0.11277265891869015</c:v>
                </c:pt>
                <c:pt idx="3355">
                  <c:v>9.4831554090716724E-2</c:v>
                </c:pt>
                <c:pt idx="3356">
                  <c:v>7.9453464238168042E-2</c:v>
                </c:pt>
                <c:pt idx="3357">
                  <c:v>6.9201404336468958E-2</c:v>
                </c:pt>
                <c:pt idx="3358">
                  <c:v>6.9201404336468958E-2</c:v>
                </c:pt>
                <c:pt idx="3359">
                  <c:v>6.9201404336468958E-2</c:v>
                </c:pt>
                <c:pt idx="3360">
                  <c:v>7.229736465804297E-2</c:v>
                </c:pt>
                <c:pt idx="3361">
                  <c:v>7.229736465804297E-2</c:v>
                </c:pt>
                <c:pt idx="3362">
                  <c:v>7.229736465804297E-2</c:v>
                </c:pt>
                <c:pt idx="3363">
                  <c:v>7.229736465804297E-2</c:v>
                </c:pt>
                <c:pt idx="3364">
                  <c:v>7.229736465804297E-2</c:v>
                </c:pt>
                <c:pt idx="3365">
                  <c:v>0.31328858018485295</c:v>
                </c:pt>
                <c:pt idx="3366">
                  <c:v>0.35546204290204469</c:v>
                </c:pt>
                <c:pt idx="3367">
                  <c:v>0.35546204290204469</c:v>
                </c:pt>
                <c:pt idx="3368">
                  <c:v>0.35546204290204469</c:v>
                </c:pt>
                <c:pt idx="3369">
                  <c:v>0.37956116445472565</c:v>
                </c:pt>
                <c:pt idx="3370">
                  <c:v>0.37956116445472565</c:v>
                </c:pt>
                <c:pt idx="3371">
                  <c:v>0.48198243105361993</c:v>
                </c:pt>
                <c:pt idx="3372">
                  <c:v>0.48198243105361993</c:v>
                </c:pt>
                <c:pt idx="3373">
                  <c:v>0.31931336057302317</c:v>
                </c:pt>
                <c:pt idx="3374">
                  <c:v>0.48198243105361993</c:v>
                </c:pt>
                <c:pt idx="3375">
                  <c:v>0.48198243105361993</c:v>
                </c:pt>
                <c:pt idx="3376">
                  <c:v>0.48198243105361993</c:v>
                </c:pt>
                <c:pt idx="3377">
                  <c:v>0.48198243105361993</c:v>
                </c:pt>
                <c:pt idx="3378">
                  <c:v>0.48198243105361993</c:v>
                </c:pt>
                <c:pt idx="3379">
                  <c:v>0.40366028600740672</c:v>
                </c:pt>
                <c:pt idx="3380">
                  <c:v>0.33136292134936368</c:v>
                </c:pt>
                <c:pt idx="3381">
                  <c:v>0.24099121552680997</c:v>
                </c:pt>
                <c:pt idx="3382">
                  <c:v>0.22894165475046946</c:v>
                </c:pt>
                <c:pt idx="3383">
                  <c:v>0.22894165475046946</c:v>
                </c:pt>
                <c:pt idx="3384">
                  <c:v>0.20990208835027024</c:v>
                </c:pt>
                <c:pt idx="3385">
                  <c:v>0.20990208835027024</c:v>
                </c:pt>
                <c:pt idx="3386">
                  <c:v>0.20990208835027024</c:v>
                </c:pt>
                <c:pt idx="3387">
                  <c:v>0.20990208835027024</c:v>
                </c:pt>
                <c:pt idx="3388">
                  <c:v>0.20990208835027024</c:v>
                </c:pt>
                <c:pt idx="3389">
                  <c:v>0.27287271485535131</c:v>
                </c:pt>
                <c:pt idx="3390">
                  <c:v>0.30435802810789175</c:v>
                </c:pt>
                <c:pt idx="3391">
                  <c:v>0.31485313252540531</c:v>
                </c:pt>
                <c:pt idx="3392">
                  <c:v>0.31485313252540531</c:v>
                </c:pt>
                <c:pt idx="3393">
                  <c:v>0.34109089356918904</c:v>
                </c:pt>
                <c:pt idx="3394">
                  <c:v>0.35683355019545931</c:v>
                </c:pt>
                <c:pt idx="3395">
                  <c:v>0.41980417670054049</c:v>
                </c:pt>
                <c:pt idx="3396">
                  <c:v>0.41980417670054049</c:v>
                </c:pt>
                <c:pt idx="3397">
                  <c:v>0.41980417670054049</c:v>
                </c:pt>
                <c:pt idx="3398">
                  <c:v>0.41980417670054049</c:v>
                </c:pt>
                <c:pt idx="3399">
                  <c:v>0.41980417670054049</c:v>
                </c:pt>
                <c:pt idx="3400">
                  <c:v>0.41980417670054049</c:v>
                </c:pt>
                <c:pt idx="3401">
                  <c:v>0.41980417670054049</c:v>
                </c:pt>
                <c:pt idx="3402">
                  <c:v>0.41980417670054049</c:v>
                </c:pt>
                <c:pt idx="3403">
                  <c:v>0.35158599798670259</c:v>
                </c:pt>
                <c:pt idx="3404">
                  <c:v>0.28861537148162153</c:v>
                </c:pt>
                <c:pt idx="3405">
                  <c:v>0.20990208835027024</c:v>
                </c:pt>
                <c:pt idx="3406">
                  <c:v>0.20990208835027024</c:v>
                </c:pt>
                <c:pt idx="3407">
                  <c:v>0.20990208835027024</c:v>
                </c:pt>
                <c:pt idx="3408">
                  <c:v>0.193273754828101</c:v>
                </c:pt>
                <c:pt idx="3409">
                  <c:v>0.21743297418161359</c:v>
                </c:pt>
                <c:pt idx="3410">
                  <c:v>0.21743297418161359</c:v>
                </c:pt>
                <c:pt idx="3411">
                  <c:v>0.21743297418161359</c:v>
                </c:pt>
                <c:pt idx="3412">
                  <c:v>0.21743297418161359</c:v>
                </c:pt>
                <c:pt idx="3413">
                  <c:v>0.28024694450074639</c:v>
                </c:pt>
                <c:pt idx="3414">
                  <c:v>0.32373353933706916</c:v>
                </c:pt>
                <c:pt idx="3415">
                  <c:v>0.32373353933706916</c:v>
                </c:pt>
                <c:pt idx="3416">
                  <c:v>0.32373353933706916</c:v>
                </c:pt>
                <c:pt idx="3417">
                  <c:v>0.34789275869058173</c:v>
                </c:pt>
                <c:pt idx="3418">
                  <c:v>0.37688382191479697</c:v>
                </c:pt>
                <c:pt idx="3419">
                  <c:v>0.43486594836322717</c:v>
                </c:pt>
                <c:pt idx="3420">
                  <c:v>0.43486594836322717</c:v>
                </c:pt>
                <c:pt idx="3421">
                  <c:v>0.43486594836322717</c:v>
                </c:pt>
                <c:pt idx="3422">
                  <c:v>0.43486594836322717</c:v>
                </c:pt>
                <c:pt idx="3423">
                  <c:v>0.43486594836322717</c:v>
                </c:pt>
                <c:pt idx="3424">
                  <c:v>0.43486594836322717</c:v>
                </c:pt>
                <c:pt idx="3425">
                  <c:v>0.43486594836322717</c:v>
                </c:pt>
                <c:pt idx="3426">
                  <c:v>0.43486594836322717</c:v>
                </c:pt>
                <c:pt idx="3427">
                  <c:v>0.36238829030268932</c:v>
                </c:pt>
                <c:pt idx="3428">
                  <c:v>0.28991063224215152</c:v>
                </c:pt>
                <c:pt idx="3429">
                  <c:v>0.21743297418161359</c:v>
                </c:pt>
                <c:pt idx="3430">
                  <c:v>0.21743297418161359</c:v>
                </c:pt>
                <c:pt idx="3431">
                  <c:v>0.21743297418161359</c:v>
                </c:pt>
                <c:pt idx="3432">
                  <c:v>0.21753695838196696</c:v>
                </c:pt>
                <c:pt idx="3433">
                  <c:v>0.21753695838196696</c:v>
                </c:pt>
                <c:pt idx="3434">
                  <c:v>0.21753695838196696</c:v>
                </c:pt>
                <c:pt idx="3435">
                  <c:v>0.21753695838196696</c:v>
                </c:pt>
                <c:pt idx="3436">
                  <c:v>0.21753695838196696</c:v>
                </c:pt>
                <c:pt idx="3437">
                  <c:v>0.28038096858120187</c:v>
                </c:pt>
                <c:pt idx="3438">
                  <c:v>0.32388836025759526</c:v>
                </c:pt>
                <c:pt idx="3439">
                  <c:v>0.32388836025759526</c:v>
                </c:pt>
                <c:pt idx="3440">
                  <c:v>0.32388836025759526</c:v>
                </c:pt>
                <c:pt idx="3441">
                  <c:v>0.34805913341114703</c:v>
                </c:pt>
                <c:pt idx="3442">
                  <c:v>0.37706406119540931</c:v>
                </c:pt>
                <c:pt idx="3443">
                  <c:v>0.43507391676393392</c:v>
                </c:pt>
                <c:pt idx="3444">
                  <c:v>0.43507391676393392</c:v>
                </c:pt>
                <c:pt idx="3445">
                  <c:v>0.43507391676393392</c:v>
                </c:pt>
                <c:pt idx="3446">
                  <c:v>0.43507391676393392</c:v>
                </c:pt>
                <c:pt idx="3447">
                  <c:v>0.43507391676393392</c:v>
                </c:pt>
                <c:pt idx="3448">
                  <c:v>0.43507391676393392</c:v>
                </c:pt>
                <c:pt idx="3449">
                  <c:v>0.43507391676393392</c:v>
                </c:pt>
                <c:pt idx="3450">
                  <c:v>0.43507391676393392</c:v>
                </c:pt>
                <c:pt idx="3451">
                  <c:v>0.36256159730327825</c:v>
                </c:pt>
                <c:pt idx="3452">
                  <c:v>0.29004927784262258</c:v>
                </c:pt>
                <c:pt idx="3453">
                  <c:v>0.21753695838196696</c:v>
                </c:pt>
                <c:pt idx="3454">
                  <c:v>0.21753695838196696</c:v>
                </c:pt>
                <c:pt idx="3455">
                  <c:v>0.21753695838196696</c:v>
                </c:pt>
                <c:pt idx="3456">
                  <c:v>0.24245461663770998</c:v>
                </c:pt>
                <c:pt idx="3457">
                  <c:v>0.24245461663770998</c:v>
                </c:pt>
                <c:pt idx="3458">
                  <c:v>0.24245461663770998</c:v>
                </c:pt>
                <c:pt idx="3459">
                  <c:v>0.24245461663770998</c:v>
                </c:pt>
                <c:pt idx="3460">
                  <c:v>0.24245461663770998</c:v>
                </c:pt>
                <c:pt idx="3461">
                  <c:v>0.31249706144415956</c:v>
                </c:pt>
                <c:pt idx="3462">
                  <c:v>0.3771516258808823</c:v>
                </c:pt>
                <c:pt idx="3463">
                  <c:v>0.3771516258808823</c:v>
                </c:pt>
                <c:pt idx="3464">
                  <c:v>0.3771516258808823</c:v>
                </c:pt>
                <c:pt idx="3465">
                  <c:v>0.40409102772951666</c:v>
                </c:pt>
                <c:pt idx="3466">
                  <c:v>0.42025466883869739</c:v>
                </c:pt>
                <c:pt idx="3467">
                  <c:v>0.48490923327541996</c:v>
                </c:pt>
                <c:pt idx="3468">
                  <c:v>0.48490923327541996</c:v>
                </c:pt>
                <c:pt idx="3469">
                  <c:v>0.48490923327541996</c:v>
                </c:pt>
                <c:pt idx="3470">
                  <c:v>0.48490923327541996</c:v>
                </c:pt>
                <c:pt idx="3471">
                  <c:v>0.40409102772951666</c:v>
                </c:pt>
                <c:pt idx="3472">
                  <c:v>0.38253950625060917</c:v>
                </c:pt>
                <c:pt idx="3473">
                  <c:v>0.38253950625060917</c:v>
                </c:pt>
                <c:pt idx="3474">
                  <c:v>0.38253950625060917</c:v>
                </c:pt>
                <c:pt idx="3475">
                  <c:v>0.38253950625060917</c:v>
                </c:pt>
                <c:pt idx="3476">
                  <c:v>0.29633342033497889</c:v>
                </c:pt>
                <c:pt idx="3477">
                  <c:v>0.11314548776426467</c:v>
                </c:pt>
                <c:pt idx="3478">
                  <c:v>0.11314548776426467</c:v>
                </c:pt>
                <c:pt idx="3479">
                  <c:v>0.11314548776426467</c:v>
                </c:pt>
                <c:pt idx="3480">
                  <c:v>7.0250289889796744E-2</c:v>
                </c:pt>
                <c:pt idx="3481">
                  <c:v>0.13715532788007936</c:v>
                </c:pt>
                <c:pt idx="3482">
                  <c:v>0.13715532788007936</c:v>
                </c:pt>
                <c:pt idx="3483">
                  <c:v>0.13715532788007936</c:v>
                </c:pt>
                <c:pt idx="3484">
                  <c:v>0.13715532788007936</c:v>
                </c:pt>
                <c:pt idx="3485">
                  <c:v>0.17060784687522068</c:v>
                </c:pt>
                <c:pt idx="3486">
                  <c:v>0.2140961215689044</c:v>
                </c:pt>
                <c:pt idx="3487">
                  <c:v>0.24420338866453151</c:v>
                </c:pt>
                <c:pt idx="3488">
                  <c:v>0.24420338866453151</c:v>
                </c:pt>
                <c:pt idx="3489">
                  <c:v>0.24420338866453151</c:v>
                </c:pt>
                <c:pt idx="3490">
                  <c:v>0.24420338866453151</c:v>
                </c:pt>
                <c:pt idx="3491">
                  <c:v>0.24420338866453151</c:v>
                </c:pt>
                <c:pt idx="3492">
                  <c:v>0.24420338866453151</c:v>
                </c:pt>
                <c:pt idx="3493">
                  <c:v>0.24420338866453151</c:v>
                </c:pt>
                <c:pt idx="3494">
                  <c:v>0.24420338866453151</c:v>
                </c:pt>
                <c:pt idx="3495">
                  <c:v>0.22078662536793264</c:v>
                </c:pt>
                <c:pt idx="3496">
                  <c:v>0.20071511397084785</c:v>
                </c:pt>
                <c:pt idx="3497">
                  <c:v>0.18064360257376305</c:v>
                </c:pt>
                <c:pt idx="3498">
                  <c:v>0.17395309877473478</c:v>
                </c:pt>
                <c:pt idx="3499">
                  <c:v>0.14050057977959349</c:v>
                </c:pt>
                <c:pt idx="3500">
                  <c:v>0.10370280888493805</c:v>
                </c:pt>
                <c:pt idx="3501">
                  <c:v>0.10370280888493805</c:v>
                </c:pt>
                <c:pt idx="3502">
                  <c:v>0.10370280888493805</c:v>
                </c:pt>
                <c:pt idx="3503">
                  <c:v>0.10370280888493805</c:v>
                </c:pt>
                <c:pt idx="3504">
                  <c:v>0.10424808404045834</c:v>
                </c:pt>
                <c:pt idx="3505">
                  <c:v>0.12106229114375805</c:v>
                </c:pt>
                <c:pt idx="3506">
                  <c:v>0.12106229114375805</c:v>
                </c:pt>
                <c:pt idx="3507">
                  <c:v>0.12106229114375805</c:v>
                </c:pt>
                <c:pt idx="3508">
                  <c:v>0.12106229114375805</c:v>
                </c:pt>
                <c:pt idx="3509">
                  <c:v>0.15132786392969758</c:v>
                </c:pt>
                <c:pt idx="3510">
                  <c:v>0.17823059529497717</c:v>
                </c:pt>
                <c:pt idx="3511">
                  <c:v>0.21185900950157666</c:v>
                </c:pt>
                <c:pt idx="3512">
                  <c:v>0.21185900950157666</c:v>
                </c:pt>
                <c:pt idx="3513">
                  <c:v>0.21185900950157666</c:v>
                </c:pt>
                <c:pt idx="3514">
                  <c:v>0.21185900950157666</c:v>
                </c:pt>
                <c:pt idx="3515">
                  <c:v>0.21185900950157666</c:v>
                </c:pt>
                <c:pt idx="3516">
                  <c:v>0.21185900950157666</c:v>
                </c:pt>
                <c:pt idx="3517">
                  <c:v>0.21185900950157666</c:v>
                </c:pt>
                <c:pt idx="3518">
                  <c:v>0.21185900950157666</c:v>
                </c:pt>
                <c:pt idx="3519">
                  <c:v>0.18831911955695699</c:v>
                </c:pt>
                <c:pt idx="3520">
                  <c:v>0.18495627813629703</c:v>
                </c:pt>
                <c:pt idx="3521">
                  <c:v>0.15805354677101746</c:v>
                </c:pt>
                <c:pt idx="3522">
                  <c:v>0.14796502250903767</c:v>
                </c:pt>
                <c:pt idx="3523">
                  <c:v>0.12442513256441803</c:v>
                </c:pt>
                <c:pt idx="3524">
                  <c:v>0.10424808404045834</c:v>
                </c:pt>
                <c:pt idx="3525">
                  <c:v>9.0796718357818551E-2</c:v>
                </c:pt>
                <c:pt idx="3526">
                  <c:v>9.0796718357818551E-2</c:v>
                </c:pt>
                <c:pt idx="3527">
                  <c:v>9.0796718357818551E-2</c:v>
                </c:pt>
                <c:pt idx="3528">
                  <c:v>7.573674491284331E-2</c:v>
                </c:pt>
                <c:pt idx="3529">
                  <c:v>7.573674491284331E-2</c:v>
                </c:pt>
                <c:pt idx="3530">
                  <c:v>7.573674491284331E-2</c:v>
                </c:pt>
                <c:pt idx="3531">
                  <c:v>7.573674491284331E-2</c:v>
                </c:pt>
                <c:pt idx="3532">
                  <c:v>7.573674491284331E-2</c:v>
                </c:pt>
                <c:pt idx="3533">
                  <c:v>0.32819256128898772</c:v>
                </c:pt>
                <c:pt idx="3534">
                  <c:v>0.372372329154813</c:v>
                </c:pt>
                <c:pt idx="3535">
                  <c:v>0.372372329154813</c:v>
                </c:pt>
                <c:pt idx="3536">
                  <c:v>0.372372329154813</c:v>
                </c:pt>
                <c:pt idx="3537">
                  <c:v>0.39761791079242742</c:v>
                </c:pt>
                <c:pt idx="3538">
                  <c:v>0.39761791079242742</c:v>
                </c:pt>
                <c:pt idx="3539">
                  <c:v>0.50491163275228879</c:v>
                </c:pt>
                <c:pt idx="3540">
                  <c:v>0.50491163275228879</c:v>
                </c:pt>
                <c:pt idx="3541">
                  <c:v>0.33450395669839139</c:v>
                </c:pt>
                <c:pt idx="3542">
                  <c:v>0.50491163275228879</c:v>
                </c:pt>
                <c:pt idx="3543">
                  <c:v>0.50491163275228879</c:v>
                </c:pt>
                <c:pt idx="3544">
                  <c:v>0.50491163275228879</c:v>
                </c:pt>
                <c:pt idx="3545">
                  <c:v>0.50491163275228879</c:v>
                </c:pt>
                <c:pt idx="3546">
                  <c:v>0.50491163275228879</c:v>
                </c:pt>
                <c:pt idx="3547">
                  <c:v>0.4228634924300419</c:v>
                </c:pt>
                <c:pt idx="3548">
                  <c:v>0.34712674751719852</c:v>
                </c:pt>
                <c:pt idx="3549">
                  <c:v>0.25245581637614439</c:v>
                </c:pt>
                <c:pt idx="3550">
                  <c:v>0.23983302555733718</c:v>
                </c:pt>
                <c:pt idx="3551">
                  <c:v>0.23983302555733718</c:v>
                </c:pt>
                <c:pt idx="3552">
                  <c:v>0.21963744778110561</c:v>
                </c:pt>
                <c:pt idx="3553">
                  <c:v>0.21963744778110561</c:v>
                </c:pt>
                <c:pt idx="3554">
                  <c:v>0.21963744778110561</c:v>
                </c:pt>
                <c:pt idx="3555">
                  <c:v>0.21963744778110561</c:v>
                </c:pt>
                <c:pt idx="3556">
                  <c:v>0.21963744778110561</c:v>
                </c:pt>
                <c:pt idx="3557">
                  <c:v>0.2855286821154373</c:v>
                </c:pt>
                <c:pt idx="3558">
                  <c:v>0.31847429928260312</c:v>
                </c:pt>
                <c:pt idx="3559">
                  <c:v>0.32945617167165842</c:v>
                </c:pt>
                <c:pt idx="3560">
                  <c:v>0.32945617167165842</c:v>
                </c:pt>
                <c:pt idx="3561">
                  <c:v>0.35691085264429662</c:v>
                </c:pt>
                <c:pt idx="3562">
                  <c:v>0.37338366122787953</c:v>
                </c:pt>
                <c:pt idx="3563">
                  <c:v>0.43927489556221122</c:v>
                </c:pt>
                <c:pt idx="3564">
                  <c:v>0.43927489556221122</c:v>
                </c:pt>
                <c:pt idx="3565">
                  <c:v>0.43927489556221122</c:v>
                </c:pt>
                <c:pt idx="3566">
                  <c:v>0.43927489556221122</c:v>
                </c:pt>
                <c:pt idx="3567">
                  <c:v>0.43927489556221122</c:v>
                </c:pt>
                <c:pt idx="3568">
                  <c:v>0.43927489556221122</c:v>
                </c:pt>
                <c:pt idx="3569">
                  <c:v>0.43927489556221122</c:v>
                </c:pt>
                <c:pt idx="3570">
                  <c:v>0.43927489556221122</c:v>
                </c:pt>
                <c:pt idx="3571">
                  <c:v>0.36789272503335191</c:v>
                </c:pt>
                <c:pt idx="3572">
                  <c:v>0.30200149069902021</c:v>
                </c:pt>
                <c:pt idx="3573">
                  <c:v>0.21963744778110561</c:v>
                </c:pt>
                <c:pt idx="3574">
                  <c:v>0.21963744778110561</c:v>
                </c:pt>
                <c:pt idx="3575">
                  <c:v>0.21963744778110561</c:v>
                </c:pt>
                <c:pt idx="3576">
                  <c:v>0.19161869504663015</c:v>
                </c:pt>
                <c:pt idx="3577">
                  <c:v>0.21557103192745886</c:v>
                </c:pt>
                <c:pt idx="3578">
                  <c:v>0.21557103192745886</c:v>
                </c:pt>
                <c:pt idx="3579">
                  <c:v>0.21557103192745886</c:v>
                </c:pt>
                <c:pt idx="3580">
                  <c:v>0.21557103192745886</c:v>
                </c:pt>
                <c:pt idx="3581">
                  <c:v>0.27784710781761368</c:v>
                </c:pt>
                <c:pt idx="3582">
                  <c:v>0.32096131420310547</c:v>
                </c:pt>
                <c:pt idx="3583">
                  <c:v>0.32096131420310547</c:v>
                </c:pt>
                <c:pt idx="3584">
                  <c:v>0.32096131420310547</c:v>
                </c:pt>
                <c:pt idx="3585">
                  <c:v>0.34491365108393424</c:v>
                </c:pt>
                <c:pt idx="3586">
                  <c:v>0.37365645534092873</c:v>
                </c:pt>
                <c:pt idx="3587">
                  <c:v>0.43114206385491771</c:v>
                </c:pt>
                <c:pt idx="3588">
                  <c:v>0.43114206385491771</c:v>
                </c:pt>
                <c:pt idx="3589">
                  <c:v>0.43114206385491771</c:v>
                </c:pt>
                <c:pt idx="3590">
                  <c:v>0.43114206385491771</c:v>
                </c:pt>
                <c:pt idx="3591">
                  <c:v>0.43114206385491771</c:v>
                </c:pt>
                <c:pt idx="3592">
                  <c:v>0.43114206385491771</c:v>
                </c:pt>
                <c:pt idx="3593">
                  <c:v>0.43114206385491771</c:v>
                </c:pt>
                <c:pt idx="3594">
                  <c:v>0.43114206385491771</c:v>
                </c:pt>
                <c:pt idx="3595">
                  <c:v>0.35928505321243143</c:v>
                </c:pt>
                <c:pt idx="3596">
                  <c:v>0.2874280425699452</c:v>
                </c:pt>
                <c:pt idx="3597">
                  <c:v>0.21557103192745886</c:v>
                </c:pt>
                <c:pt idx="3598">
                  <c:v>0.21557103192745886</c:v>
                </c:pt>
                <c:pt idx="3599">
                  <c:v>0.21557103192745886</c:v>
                </c:pt>
                <c:pt idx="3600">
                  <c:v>0.22063064117083858</c:v>
                </c:pt>
                <c:pt idx="3601">
                  <c:v>0.22063064117083858</c:v>
                </c:pt>
                <c:pt idx="3602">
                  <c:v>0.22063064117083858</c:v>
                </c:pt>
                <c:pt idx="3603">
                  <c:v>0.22063064117083858</c:v>
                </c:pt>
                <c:pt idx="3604">
                  <c:v>0.22063064117083858</c:v>
                </c:pt>
                <c:pt idx="3605">
                  <c:v>0.28436838195352532</c:v>
                </c:pt>
                <c:pt idx="3606">
                  <c:v>0.32849451018769305</c:v>
                </c:pt>
                <c:pt idx="3607">
                  <c:v>0.32849451018769305</c:v>
                </c:pt>
                <c:pt idx="3608">
                  <c:v>0.32849451018769305</c:v>
                </c:pt>
                <c:pt idx="3609">
                  <c:v>0.35300902587334176</c:v>
                </c:pt>
                <c:pt idx="3610">
                  <c:v>0.38242644469612019</c:v>
                </c:pt>
                <c:pt idx="3611">
                  <c:v>0.44126128234167716</c:v>
                </c:pt>
                <c:pt idx="3612">
                  <c:v>0.44126128234167716</c:v>
                </c:pt>
                <c:pt idx="3613">
                  <c:v>0.44126128234167716</c:v>
                </c:pt>
                <c:pt idx="3614">
                  <c:v>0.44126128234167716</c:v>
                </c:pt>
                <c:pt idx="3615">
                  <c:v>0.44126128234167716</c:v>
                </c:pt>
                <c:pt idx="3616">
                  <c:v>0.44126128234167716</c:v>
                </c:pt>
                <c:pt idx="3617">
                  <c:v>0.44126128234167716</c:v>
                </c:pt>
                <c:pt idx="3618">
                  <c:v>0.44126128234167716</c:v>
                </c:pt>
                <c:pt idx="3619">
                  <c:v>0.36771773528473101</c:v>
                </c:pt>
                <c:pt idx="3620">
                  <c:v>0.29417418822778479</c:v>
                </c:pt>
                <c:pt idx="3621">
                  <c:v>0.22063064117083858</c:v>
                </c:pt>
                <c:pt idx="3622">
                  <c:v>0.22063064117083858</c:v>
                </c:pt>
                <c:pt idx="3623">
                  <c:v>0.22063064117083858</c:v>
                </c:pt>
                <c:pt idx="3624">
                  <c:v>0.24330157227647053</c:v>
                </c:pt>
                <c:pt idx="3625">
                  <c:v>0.24330157227647053</c:v>
                </c:pt>
                <c:pt idx="3626">
                  <c:v>0.24330157227647053</c:v>
                </c:pt>
                <c:pt idx="3627">
                  <c:v>0.24330157227647053</c:v>
                </c:pt>
                <c:pt idx="3628">
                  <c:v>0.24330157227647053</c:v>
                </c:pt>
                <c:pt idx="3629">
                  <c:v>0.31358869315633986</c:v>
                </c:pt>
                <c:pt idx="3630">
                  <c:v>0.37846911243006537</c:v>
                </c:pt>
                <c:pt idx="3631">
                  <c:v>0.37846911243006537</c:v>
                </c:pt>
                <c:pt idx="3632">
                  <c:v>0.37846911243006537</c:v>
                </c:pt>
                <c:pt idx="3633">
                  <c:v>0.40550262046078422</c:v>
                </c:pt>
                <c:pt idx="3634">
                  <c:v>0.42172272527921562</c:v>
                </c:pt>
                <c:pt idx="3635">
                  <c:v>0.48660314455294107</c:v>
                </c:pt>
                <c:pt idx="3636">
                  <c:v>0.48660314455294107</c:v>
                </c:pt>
                <c:pt idx="3637">
                  <c:v>0.48660314455294107</c:v>
                </c:pt>
                <c:pt idx="3638">
                  <c:v>0.48660314455294107</c:v>
                </c:pt>
                <c:pt idx="3639">
                  <c:v>0.40550262046078422</c:v>
                </c:pt>
                <c:pt idx="3640">
                  <c:v>0.38387581403620913</c:v>
                </c:pt>
                <c:pt idx="3641">
                  <c:v>0.38387581403620913</c:v>
                </c:pt>
                <c:pt idx="3642">
                  <c:v>0.38387581403620913</c:v>
                </c:pt>
                <c:pt idx="3643">
                  <c:v>0.38387581403620913</c:v>
                </c:pt>
                <c:pt idx="3644">
                  <c:v>0.29736858833790847</c:v>
                </c:pt>
                <c:pt idx="3645">
                  <c:v>0.1135407337290196</c:v>
                </c:pt>
                <c:pt idx="3646">
                  <c:v>0.1135407337290196</c:v>
                </c:pt>
                <c:pt idx="3647">
                  <c:v>0.1135407337290196</c:v>
                </c:pt>
                <c:pt idx="3648">
                  <c:v>6.4744501020384926E-2</c:v>
                </c:pt>
                <c:pt idx="3649">
                  <c:v>0.12640593056360869</c:v>
                </c:pt>
                <c:pt idx="3650">
                  <c:v>0.12640593056360869</c:v>
                </c:pt>
                <c:pt idx="3651">
                  <c:v>0.12640593056360869</c:v>
                </c:pt>
                <c:pt idx="3652">
                  <c:v>0.12640593056360869</c:v>
                </c:pt>
                <c:pt idx="3653">
                  <c:v>0.15723664533522053</c:v>
                </c:pt>
                <c:pt idx="3654">
                  <c:v>0.19731657453831594</c:v>
                </c:pt>
                <c:pt idx="3655">
                  <c:v>0.22506421783276667</c:v>
                </c:pt>
                <c:pt idx="3656">
                  <c:v>0.22506421783276667</c:v>
                </c:pt>
                <c:pt idx="3657">
                  <c:v>0.22506421783276667</c:v>
                </c:pt>
                <c:pt idx="3658">
                  <c:v>0.22506421783276667</c:v>
                </c:pt>
                <c:pt idx="3659">
                  <c:v>0.22506421783276667</c:v>
                </c:pt>
                <c:pt idx="3660">
                  <c:v>0.22506421783276667</c:v>
                </c:pt>
                <c:pt idx="3661">
                  <c:v>0.22506421783276667</c:v>
                </c:pt>
                <c:pt idx="3662">
                  <c:v>0.22506421783276667</c:v>
                </c:pt>
                <c:pt idx="3663">
                  <c:v>0.20348271749263835</c:v>
                </c:pt>
                <c:pt idx="3664">
                  <c:v>0.18498428862967123</c:v>
                </c:pt>
                <c:pt idx="3665">
                  <c:v>0.1664858597667041</c:v>
                </c:pt>
                <c:pt idx="3666">
                  <c:v>0.16031971681238172</c:v>
                </c:pt>
                <c:pt idx="3667">
                  <c:v>0.12948900204076985</c:v>
                </c:pt>
                <c:pt idx="3668">
                  <c:v>9.5575215791996779E-2</c:v>
                </c:pt>
                <c:pt idx="3669">
                  <c:v>9.5575215791996779E-2</c:v>
                </c:pt>
                <c:pt idx="3670">
                  <c:v>9.5575215791996779E-2</c:v>
                </c:pt>
                <c:pt idx="3671">
                  <c:v>9.5575215791996779E-2</c:v>
                </c:pt>
                <c:pt idx="3672">
                  <c:v>0.10910977419777015</c:v>
                </c:pt>
                <c:pt idx="3673">
                  <c:v>0.12670812487482985</c:v>
                </c:pt>
                <c:pt idx="3674">
                  <c:v>0.12670812487482985</c:v>
                </c:pt>
                <c:pt idx="3675">
                  <c:v>0.12670812487482985</c:v>
                </c:pt>
                <c:pt idx="3676">
                  <c:v>0.12670812487482985</c:v>
                </c:pt>
                <c:pt idx="3677">
                  <c:v>0.15838515609353732</c:v>
                </c:pt>
                <c:pt idx="3678">
                  <c:v>0.18654251717683284</c:v>
                </c:pt>
                <c:pt idx="3679">
                  <c:v>0.22173921853095224</c:v>
                </c:pt>
                <c:pt idx="3680">
                  <c:v>0.22173921853095224</c:v>
                </c:pt>
                <c:pt idx="3681">
                  <c:v>0.22173921853095224</c:v>
                </c:pt>
                <c:pt idx="3682">
                  <c:v>0.22173921853095224</c:v>
                </c:pt>
                <c:pt idx="3683">
                  <c:v>0.22173921853095224</c:v>
                </c:pt>
                <c:pt idx="3684">
                  <c:v>0.22173921853095224</c:v>
                </c:pt>
                <c:pt idx="3685">
                  <c:v>0.22173921853095224</c:v>
                </c:pt>
                <c:pt idx="3686">
                  <c:v>0.22173921853095224</c:v>
                </c:pt>
                <c:pt idx="3687">
                  <c:v>0.19710152758306865</c:v>
                </c:pt>
                <c:pt idx="3688">
                  <c:v>0.19358185744765669</c:v>
                </c:pt>
                <c:pt idx="3689">
                  <c:v>0.16542449636436121</c:v>
                </c:pt>
                <c:pt idx="3690">
                  <c:v>0.15486548595812538</c:v>
                </c:pt>
                <c:pt idx="3691">
                  <c:v>0.13022779501024179</c:v>
                </c:pt>
                <c:pt idx="3692">
                  <c:v>0.10910977419777015</c:v>
                </c:pt>
                <c:pt idx="3693">
                  <c:v>9.5031093656122403E-2</c:v>
                </c:pt>
                <c:pt idx="3694">
                  <c:v>9.5031093656122403E-2</c:v>
                </c:pt>
                <c:pt idx="3695">
                  <c:v>9.5031093656122403E-2</c:v>
                </c:pt>
                <c:pt idx="3696">
                  <c:v>7.3884770929489293E-2</c:v>
                </c:pt>
                <c:pt idx="3697">
                  <c:v>7.3884770929489293E-2</c:v>
                </c:pt>
                <c:pt idx="3698">
                  <c:v>7.3884770929489293E-2</c:v>
                </c:pt>
                <c:pt idx="3699">
                  <c:v>7.3884770929489293E-2</c:v>
                </c:pt>
                <c:pt idx="3700">
                  <c:v>7.3884770929489293E-2</c:v>
                </c:pt>
                <c:pt idx="3701">
                  <c:v>0.32016734069445357</c:v>
                </c:pt>
                <c:pt idx="3702">
                  <c:v>0.36326679040332233</c:v>
                </c:pt>
                <c:pt idx="3703">
                  <c:v>0.36326679040332233</c:v>
                </c:pt>
                <c:pt idx="3704">
                  <c:v>0.36326679040332233</c:v>
                </c:pt>
                <c:pt idx="3705">
                  <c:v>0.38789504737981884</c:v>
                </c:pt>
                <c:pt idx="3706">
                  <c:v>0.38789504737981884</c:v>
                </c:pt>
                <c:pt idx="3707">
                  <c:v>0.49256513952992864</c:v>
                </c:pt>
                <c:pt idx="3708">
                  <c:v>0.49256513952992864</c:v>
                </c:pt>
                <c:pt idx="3709">
                  <c:v>0.32632440493857773</c:v>
                </c:pt>
                <c:pt idx="3710">
                  <c:v>0.49256513952992864</c:v>
                </c:pt>
                <c:pt idx="3711">
                  <c:v>0.49256513952992864</c:v>
                </c:pt>
                <c:pt idx="3712">
                  <c:v>0.49256513952992864</c:v>
                </c:pt>
                <c:pt idx="3713">
                  <c:v>0.49256513952992864</c:v>
                </c:pt>
                <c:pt idx="3714">
                  <c:v>0.49256513952992864</c:v>
                </c:pt>
                <c:pt idx="3715">
                  <c:v>0.41252330435631518</c:v>
                </c:pt>
                <c:pt idx="3716">
                  <c:v>0.33863853342682587</c:v>
                </c:pt>
                <c:pt idx="3717">
                  <c:v>0.24628256976496432</c:v>
                </c:pt>
                <c:pt idx="3718">
                  <c:v>0.23396844127671609</c:v>
                </c:pt>
                <c:pt idx="3719">
                  <c:v>0.23396844127671609</c:v>
                </c:pt>
                <c:pt idx="3720">
                  <c:v>0.21592873942650162</c:v>
                </c:pt>
                <c:pt idx="3721">
                  <c:v>0.21592873942650162</c:v>
                </c:pt>
                <c:pt idx="3722">
                  <c:v>0.21592873942650162</c:v>
                </c:pt>
                <c:pt idx="3723">
                  <c:v>0.21592873942650162</c:v>
                </c:pt>
                <c:pt idx="3724">
                  <c:v>0.21592873942650162</c:v>
                </c:pt>
                <c:pt idx="3725">
                  <c:v>0.28070736125445211</c:v>
                </c:pt>
                <c:pt idx="3726">
                  <c:v>0.3130966721684274</c:v>
                </c:pt>
                <c:pt idx="3727">
                  <c:v>0.3238931091397525</c:v>
                </c:pt>
                <c:pt idx="3728">
                  <c:v>0.3238931091397525</c:v>
                </c:pt>
                <c:pt idx="3729">
                  <c:v>0.35088420156806516</c:v>
                </c:pt>
                <c:pt idx="3730">
                  <c:v>0.36707885702505277</c:v>
                </c:pt>
                <c:pt idx="3731">
                  <c:v>0.43185747885300324</c:v>
                </c:pt>
                <c:pt idx="3732">
                  <c:v>0.43185747885300324</c:v>
                </c:pt>
                <c:pt idx="3733">
                  <c:v>0.43185747885300324</c:v>
                </c:pt>
                <c:pt idx="3734">
                  <c:v>0.43185747885300324</c:v>
                </c:pt>
                <c:pt idx="3735">
                  <c:v>0.43185747885300324</c:v>
                </c:pt>
                <c:pt idx="3736">
                  <c:v>0.43185747885300324</c:v>
                </c:pt>
                <c:pt idx="3737">
                  <c:v>0.43185747885300324</c:v>
                </c:pt>
                <c:pt idx="3738">
                  <c:v>0.43185747885300324</c:v>
                </c:pt>
                <c:pt idx="3739">
                  <c:v>0.36168063853939031</c:v>
                </c:pt>
                <c:pt idx="3740">
                  <c:v>0.29690201671143973</c:v>
                </c:pt>
                <c:pt idx="3741">
                  <c:v>0.21592873942650162</c:v>
                </c:pt>
                <c:pt idx="3742">
                  <c:v>0.21592873942650162</c:v>
                </c:pt>
                <c:pt idx="3743">
                  <c:v>0.21592873942650162</c:v>
                </c:pt>
                <c:pt idx="3744">
                  <c:v>0.19341167647655691</c:v>
                </c:pt>
                <c:pt idx="3745">
                  <c:v>0.21758813603612651</c:v>
                </c:pt>
                <c:pt idx="3746">
                  <c:v>0.21758813603612651</c:v>
                </c:pt>
                <c:pt idx="3747">
                  <c:v>0.21758813603612651</c:v>
                </c:pt>
                <c:pt idx="3748">
                  <c:v>0.21758813603612651</c:v>
                </c:pt>
                <c:pt idx="3749">
                  <c:v>0.28044693089100747</c:v>
                </c:pt>
                <c:pt idx="3750">
                  <c:v>0.32396455809823282</c:v>
                </c:pt>
                <c:pt idx="3751">
                  <c:v>0.32396455809823282</c:v>
                </c:pt>
                <c:pt idx="3752">
                  <c:v>0.32396455809823282</c:v>
                </c:pt>
                <c:pt idx="3753">
                  <c:v>0.34814101765780242</c:v>
                </c:pt>
                <c:pt idx="3754">
                  <c:v>0.37715276912928597</c:v>
                </c:pt>
                <c:pt idx="3755">
                  <c:v>0.43517627207225301</c:v>
                </c:pt>
                <c:pt idx="3756">
                  <c:v>0.43517627207225301</c:v>
                </c:pt>
                <c:pt idx="3757">
                  <c:v>0.43517627207225301</c:v>
                </c:pt>
                <c:pt idx="3758">
                  <c:v>0.43517627207225301</c:v>
                </c:pt>
                <c:pt idx="3759">
                  <c:v>0.43517627207225301</c:v>
                </c:pt>
                <c:pt idx="3760">
                  <c:v>0.43517627207225301</c:v>
                </c:pt>
                <c:pt idx="3761">
                  <c:v>0.43517627207225301</c:v>
                </c:pt>
                <c:pt idx="3762">
                  <c:v>0.43517627207225301</c:v>
                </c:pt>
                <c:pt idx="3763">
                  <c:v>0.36264689339354417</c:v>
                </c:pt>
                <c:pt idx="3764">
                  <c:v>0.29011751471483538</c:v>
                </c:pt>
                <c:pt idx="3765">
                  <c:v>0.21758813603612651</c:v>
                </c:pt>
                <c:pt idx="3766">
                  <c:v>0.21758813603612651</c:v>
                </c:pt>
                <c:pt idx="3767">
                  <c:v>0.21758813603612651</c:v>
                </c:pt>
                <c:pt idx="3768">
                  <c:v>0.21614480112697471</c:v>
                </c:pt>
                <c:pt idx="3769">
                  <c:v>0.21614480112697471</c:v>
                </c:pt>
                <c:pt idx="3770">
                  <c:v>0.21614480112697471</c:v>
                </c:pt>
                <c:pt idx="3771">
                  <c:v>0.21614480112697471</c:v>
                </c:pt>
                <c:pt idx="3772">
                  <c:v>0.21614480112697471</c:v>
                </c:pt>
                <c:pt idx="3773">
                  <c:v>0.27858663256365629</c:v>
                </c:pt>
                <c:pt idx="3774">
                  <c:v>0.32181559278905131</c:v>
                </c:pt>
                <c:pt idx="3775">
                  <c:v>0.32181559278905131</c:v>
                </c:pt>
                <c:pt idx="3776">
                  <c:v>0.32181559278905131</c:v>
                </c:pt>
                <c:pt idx="3777">
                  <c:v>0.34583168180315954</c:v>
                </c:pt>
                <c:pt idx="3778">
                  <c:v>0.3746509886200895</c:v>
                </c:pt>
                <c:pt idx="3779">
                  <c:v>0.43228960225394941</c:v>
                </c:pt>
                <c:pt idx="3780">
                  <c:v>0.43228960225394941</c:v>
                </c:pt>
                <c:pt idx="3781">
                  <c:v>0.43228960225394941</c:v>
                </c:pt>
                <c:pt idx="3782">
                  <c:v>0.43228960225394941</c:v>
                </c:pt>
                <c:pt idx="3783">
                  <c:v>0.43228960225394941</c:v>
                </c:pt>
                <c:pt idx="3784">
                  <c:v>0.43228960225394941</c:v>
                </c:pt>
                <c:pt idx="3785">
                  <c:v>0.43228960225394941</c:v>
                </c:pt>
                <c:pt idx="3786">
                  <c:v>0.43228960225394941</c:v>
                </c:pt>
                <c:pt idx="3787">
                  <c:v>0.36024133521162455</c:v>
                </c:pt>
                <c:pt idx="3788">
                  <c:v>0.28819306816929963</c:v>
                </c:pt>
                <c:pt idx="3789">
                  <c:v>0.21614480112697471</c:v>
                </c:pt>
                <c:pt idx="3790">
                  <c:v>0.21614480112697471</c:v>
                </c:pt>
                <c:pt idx="3791">
                  <c:v>0.21614480112697471</c:v>
                </c:pt>
                <c:pt idx="3792">
                  <c:v>0.23618714491088197</c:v>
                </c:pt>
                <c:pt idx="3793">
                  <c:v>0.23618714491088197</c:v>
                </c:pt>
                <c:pt idx="3794">
                  <c:v>0.23618714491088197</c:v>
                </c:pt>
                <c:pt idx="3795">
                  <c:v>0.23618714491088197</c:v>
                </c:pt>
                <c:pt idx="3796">
                  <c:v>0.23618714491088197</c:v>
                </c:pt>
                <c:pt idx="3797">
                  <c:v>0.30441898677402562</c:v>
                </c:pt>
                <c:pt idx="3798">
                  <c:v>0.36740222541692752</c:v>
                </c:pt>
                <c:pt idx="3799">
                  <c:v>0.36740222541692752</c:v>
                </c:pt>
                <c:pt idx="3800">
                  <c:v>0.36740222541692752</c:v>
                </c:pt>
                <c:pt idx="3801">
                  <c:v>0.39364524151813662</c:v>
                </c:pt>
                <c:pt idx="3802">
                  <c:v>0.4093910511788621</c:v>
                </c:pt>
                <c:pt idx="3803">
                  <c:v>0.47237428982176394</c:v>
                </c:pt>
                <c:pt idx="3804">
                  <c:v>0.47237428982176394</c:v>
                </c:pt>
                <c:pt idx="3805">
                  <c:v>0.47237428982176394</c:v>
                </c:pt>
                <c:pt idx="3806">
                  <c:v>0.47237428982176394</c:v>
                </c:pt>
                <c:pt idx="3807">
                  <c:v>0.39364524151813662</c:v>
                </c:pt>
                <c:pt idx="3808">
                  <c:v>0.37265082863716931</c:v>
                </c:pt>
                <c:pt idx="3809">
                  <c:v>0.37265082863716931</c:v>
                </c:pt>
                <c:pt idx="3810">
                  <c:v>0.37265082863716931</c:v>
                </c:pt>
                <c:pt idx="3811">
                  <c:v>0.37265082863716931</c:v>
                </c:pt>
                <c:pt idx="3812">
                  <c:v>0.28867317711330015</c:v>
                </c:pt>
                <c:pt idx="3813">
                  <c:v>0.11022066762507826</c:v>
                </c:pt>
                <c:pt idx="3814">
                  <c:v>0.11022066762507826</c:v>
                </c:pt>
                <c:pt idx="3815">
                  <c:v>0.11022066762507826</c:v>
                </c:pt>
                <c:pt idx="3816">
                  <c:v>4.4170237350477641E-2</c:v>
                </c:pt>
                <c:pt idx="3817">
                  <c:v>8.6237130065218257E-2</c:v>
                </c:pt>
                <c:pt idx="3818">
                  <c:v>8.6237130065218257E-2</c:v>
                </c:pt>
                <c:pt idx="3819">
                  <c:v>8.6237130065218257E-2</c:v>
                </c:pt>
                <c:pt idx="3820">
                  <c:v>8.6237130065218257E-2</c:v>
                </c:pt>
                <c:pt idx="3821">
                  <c:v>0.10727057642258855</c:v>
                </c:pt>
                <c:pt idx="3822">
                  <c:v>0.13461405668716994</c:v>
                </c:pt>
                <c:pt idx="3823">
                  <c:v>0.15354415840880323</c:v>
                </c:pt>
                <c:pt idx="3824">
                  <c:v>0.15354415840880323</c:v>
                </c:pt>
                <c:pt idx="3825">
                  <c:v>0.15354415840880323</c:v>
                </c:pt>
                <c:pt idx="3826">
                  <c:v>0.15354415840880323</c:v>
                </c:pt>
                <c:pt idx="3827">
                  <c:v>0.15354415840880323</c:v>
                </c:pt>
                <c:pt idx="3828">
                  <c:v>0.15354415840880323</c:v>
                </c:pt>
                <c:pt idx="3829">
                  <c:v>0.15354415840880323</c:v>
                </c:pt>
                <c:pt idx="3830">
                  <c:v>0.15354415840880323</c:v>
                </c:pt>
                <c:pt idx="3831">
                  <c:v>0.13882074595864402</c:v>
                </c:pt>
                <c:pt idx="3832">
                  <c:v>0.12620067814422184</c:v>
                </c:pt>
                <c:pt idx="3833">
                  <c:v>0.11358061032979963</c:v>
                </c:pt>
                <c:pt idx="3834">
                  <c:v>0.10937392105832559</c:v>
                </c:pt>
                <c:pt idx="3835">
                  <c:v>8.8340474700955282E-2</c:v>
                </c:pt>
                <c:pt idx="3836">
                  <c:v>6.5203683707847931E-2</c:v>
                </c:pt>
                <c:pt idx="3837">
                  <c:v>6.5203683707847931E-2</c:v>
                </c:pt>
                <c:pt idx="3838">
                  <c:v>6.5203683707847931E-2</c:v>
                </c:pt>
                <c:pt idx="3839">
                  <c:v>6.5203683707847931E-2</c:v>
                </c:pt>
                <c:pt idx="3840">
                  <c:v>6.801975943841912E-2</c:v>
                </c:pt>
                <c:pt idx="3841">
                  <c:v>7.8990688380099608E-2</c:v>
                </c:pt>
                <c:pt idx="3842">
                  <c:v>7.8990688380099608E-2</c:v>
                </c:pt>
                <c:pt idx="3843">
                  <c:v>7.8990688380099608E-2</c:v>
                </c:pt>
                <c:pt idx="3844">
                  <c:v>7.8990688380099608E-2</c:v>
                </c:pt>
                <c:pt idx="3845">
                  <c:v>9.8738360475124506E-2</c:v>
                </c:pt>
                <c:pt idx="3846">
                  <c:v>0.11629184678181333</c:v>
                </c:pt>
                <c:pt idx="3847">
                  <c:v>0.13823370466517435</c:v>
                </c:pt>
                <c:pt idx="3848">
                  <c:v>0.13823370466517435</c:v>
                </c:pt>
                <c:pt idx="3849">
                  <c:v>0.13823370466517435</c:v>
                </c:pt>
                <c:pt idx="3850">
                  <c:v>0.13823370466517435</c:v>
                </c:pt>
                <c:pt idx="3851">
                  <c:v>0.13823370466517435</c:v>
                </c:pt>
                <c:pt idx="3852">
                  <c:v>0.13823370466517435</c:v>
                </c:pt>
                <c:pt idx="3853">
                  <c:v>0.13823370466517435</c:v>
                </c:pt>
                <c:pt idx="3854">
                  <c:v>0.13823370466517435</c:v>
                </c:pt>
                <c:pt idx="3855">
                  <c:v>0.12287440414682163</c:v>
                </c:pt>
                <c:pt idx="3856">
                  <c:v>0.12068021835848554</c:v>
                </c:pt>
                <c:pt idx="3857">
                  <c:v>0.10312673205179672</c:v>
                </c:pt>
                <c:pt idx="3858">
                  <c:v>9.6544174686788428E-2</c:v>
                </c:pt>
                <c:pt idx="3859">
                  <c:v>8.1184874168435714E-2</c:v>
                </c:pt>
                <c:pt idx="3860">
                  <c:v>6.801975943841912E-2</c:v>
                </c:pt>
                <c:pt idx="3861">
                  <c:v>5.9243016285074709E-2</c:v>
                </c:pt>
                <c:pt idx="3862">
                  <c:v>5.9243016285074709E-2</c:v>
                </c:pt>
                <c:pt idx="3863">
                  <c:v>5.9243016285074709E-2</c:v>
                </c:pt>
                <c:pt idx="3864">
                  <c:v>7.0445390674688954E-2</c:v>
                </c:pt>
                <c:pt idx="3865">
                  <c:v>7.0445390674688954E-2</c:v>
                </c:pt>
                <c:pt idx="3866">
                  <c:v>7.0445390674688954E-2</c:v>
                </c:pt>
                <c:pt idx="3867">
                  <c:v>7.0445390674688954E-2</c:v>
                </c:pt>
                <c:pt idx="3868">
                  <c:v>7.0445390674688954E-2</c:v>
                </c:pt>
                <c:pt idx="3869">
                  <c:v>0.30526335959031886</c:v>
                </c:pt>
                <c:pt idx="3870">
                  <c:v>0.34635650415055408</c:v>
                </c:pt>
                <c:pt idx="3871">
                  <c:v>0.34635650415055408</c:v>
                </c:pt>
                <c:pt idx="3872">
                  <c:v>0.34635650415055408</c:v>
                </c:pt>
                <c:pt idx="3873">
                  <c:v>0.36983830104211712</c:v>
                </c:pt>
                <c:pt idx="3874">
                  <c:v>0.36983830104211712</c:v>
                </c:pt>
                <c:pt idx="3875">
                  <c:v>0.46963593783125979</c:v>
                </c:pt>
                <c:pt idx="3876">
                  <c:v>0.46963593783125979</c:v>
                </c:pt>
                <c:pt idx="3877">
                  <c:v>0.31113380881320962</c:v>
                </c:pt>
                <c:pt idx="3878">
                  <c:v>0.46963593783125979</c:v>
                </c:pt>
                <c:pt idx="3879">
                  <c:v>0.46963593783125979</c:v>
                </c:pt>
                <c:pt idx="3880">
                  <c:v>0.46963593783125979</c:v>
                </c:pt>
                <c:pt idx="3881">
                  <c:v>0.46963593783125979</c:v>
                </c:pt>
                <c:pt idx="3882">
                  <c:v>0.46963593783125979</c:v>
                </c:pt>
                <c:pt idx="3883">
                  <c:v>0.39332009793368011</c:v>
                </c:pt>
                <c:pt idx="3884">
                  <c:v>0.32287470725899103</c:v>
                </c:pt>
                <c:pt idx="3885">
                  <c:v>0.23481796891562989</c:v>
                </c:pt>
                <c:pt idx="3886">
                  <c:v>0.22307707046984837</c:v>
                </c:pt>
                <c:pt idx="3887">
                  <c:v>0.22307707046984837</c:v>
                </c:pt>
                <c:pt idx="3888">
                  <c:v>0.20557526193656556</c:v>
                </c:pt>
                <c:pt idx="3889">
                  <c:v>0.20557526193656556</c:v>
                </c:pt>
                <c:pt idx="3890">
                  <c:v>0.20557526193656556</c:v>
                </c:pt>
                <c:pt idx="3891">
                  <c:v>0.20557526193656556</c:v>
                </c:pt>
                <c:pt idx="3892">
                  <c:v>0.20557526193656556</c:v>
                </c:pt>
                <c:pt idx="3893">
                  <c:v>0.2672478405175352</c:v>
                </c:pt>
                <c:pt idx="3894">
                  <c:v>0.29808412980802002</c:v>
                </c:pt>
                <c:pt idx="3895">
                  <c:v>0.30836289290484836</c:v>
                </c:pt>
                <c:pt idx="3896">
                  <c:v>0.30836289290484836</c:v>
                </c:pt>
                <c:pt idx="3897">
                  <c:v>0.33405980064691904</c:v>
                </c:pt>
                <c:pt idx="3898">
                  <c:v>0.34947794529216142</c:v>
                </c:pt>
                <c:pt idx="3899">
                  <c:v>0.41115052387313111</c:v>
                </c:pt>
                <c:pt idx="3900">
                  <c:v>0.41115052387313111</c:v>
                </c:pt>
                <c:pt idx="3901">
                  <c:v>0.41115052387313111</c:v>
                </c:pt>
                <c:pt idx="3902">
                  <c:v>0.41115052387313111</c:v>
                </c:pt>
                <c:pt idx="3903">
                  <c:v>0.41115052387313111</c:v>
                </c:pt>
                <c:pt idx="3904">
                  <c:v>0.41115052387313111</c:v>
                </c:pt>
                <c:pt idx="3905">
                  <c:v>0.41115052387313111</c:v>
                </c:pt>
                <c:pt idx="3906">
                  <c:v>0.41115052387313111</c:v>
                </c:pt>
                <c:pt idx="3907">
                  <c:v>0.34433856374374733</c:v>
                </c:pt>
                <c:pt idx="3908">
                  <c:v>0.28266598516277763</c:v>
                </c:pt>
                <c:pt idx="3909">
                  <c:v>0.20557526193656556</c:v>
                </c:pt>
                <c:pt idx="3910">
                  <c:v>0.20557526193656556</c:v>
                </c:pt>
                <c:pt idx="3911">
                  <c:v>0.20557526193656556</c:v>
                </c:pt>
                <c:pt idx="3912">
                  <c:v>0.1821021013031725</c:v>
                </c:pt>
                <c:pt idx="3913">
                  <c:v>0.20486486396606904</c:v>
                </c:pt>
                <c:pt idx="3914">
                  <c:v>0.20486486396606904</c:v>
                </c:pt>
                <c:pt idx="3915">
                  <c:v>0.20486486396606904</c:v>
                </c:pt>
                <c:pt idx="3916">
                  <c:v>0.20486486396606904</c:v>
                </c:pt>
                <c:pt idx="3917">
                  <c:v>0.2640480468896001</c:v>
                </c:pt>
                <c:pt idx="3918">
                  <c:v>0.30502101968281392</c:v>
                </c:pt>
                <c:pt idx="3919">
                  <c:v>0.30502101968281392</c:v>
                </c:pt>
                <c:pt idx="3920">
                  <c:v>0.30502101968281392</c:v>
                </c:pt>
                <c:pt idx="3921">
                  <c:v>0.32778378234571043</c:v>
                </c:pt>
                <c:pt idx="3922">
                  <c:v>0.35509909754118629</c:v>
                </c:pt>
                <c:pt idx="3923">
                  <c:v>0.40972972793213808</c:v>
                </c:pt>
                <c:pt idx="3924">
                  <c:v>0.40972972793213808</c:v>
                </c:pt>
                <c:pt idx="3925">
                  <c:v>0.40972972793213808</c:v>
                </c:pt>
                <c:pt idx="3926">
                  <c:v>0.40972972793213808</c:v>
                </c:pt>
                <c:pt idx="3927">
                  <c:v>0.40972972793213808</c:v>
                </c:pt>
                <c:pt idx="3928">
                  <c:v>0.40972972793213808</c:v>
                </c:pt>
                <c:pt idx="3929">
                  <c:v>0.40972972793213808</c:v>
                </c:pt>
                <c:pt idx="3930">
                  <c:v>0.40972972793213808</c:v>
                </c:pt>
                <c:pt idx="3931">
                  <c:v>0.34144143994344839</c:v>
                </c:pt>
                <c:pt idx="3932">
                  <c:v>0.27315315195475875</c:v>
                </c:pt>
                <c:pt idx="3933">
                  <c:v>0.20486486396606904</c:v>
                </c:pt>
                <c:pt idx="3934">
                  <c:v>0.20486486396606904</c:v>
                </c:pt>
                <c:pt idx="3935">
                  <c:v>0.20486486396606904</c:v>
                </c:pt>
                <c:pt idx="3936">
                  <c:v>0.20299664927427019</c:v>
                </c:pt>
                <c:pt idx="3937">
                  <c:v>0.20299664927427019</c:v>
                </c:pt>
                <c:pt idx="3938">
                  <c:v>0.20299664927427019</c:v>
                </c:pt>
                <c:pt idx="3939">
                  <c:v>0.20299664927427019</c:v>
                </c:pt>
                <c:pt idx="3940">
                  <c:v>0.20299664927427019</c:v>
                </c:pt>
                <c:pt idx="3941">
                  <c:v>0.26164012573128154</c:v>
                </c:pt>
                <c:pt idx="3942">
                  <c:v>0.30223945558613563</c:v>
                </c:pt>
                <c:pt idx="3943">
                  <c:v>0.30223945558613563</c:v>
                </c:pt>
                <c:pt idx="3944">
                  <c:v>0.30223945558613563</c:v>
                </c:pt>
                <c:pt idx="3945">
                  <c:v>0.32479463883883225</c:v>
                </c:pt>
                <c:pt idx="3946">
                  <c:v>0.35186085874206829</c:v>
                </c:pt>
                <c:pt idx="3947">
                  <c:v>0.40599329854854038</c:v>
                </c:pt>
                <c:pt idx="3948">
                  <c:v>0.40599329854854038</c:v>
                </c:pt>
                <c:pt idx="3949">
                  <c:v>0.40599329854854038</c:v>
                </c:pt>
                <c:pt idx="3950">
                  <c:v>0.40599329854854038</c:v>
                </c:pt>
                <c:pt idx="3951">
                  <c:v>0.40599329854854038</c:v>
                </c:pt>
                <c:pt idx="3952">
                  <c:v>0.40599329854854038</c:v>
                </c:pt>
                <c:pt idx="3953">
                  <c:v>0.40599329854854038</c:v>
                </c:pt>
                <c:pt idx="3954">
                  <c:v>0.40599329854854038</c:v>
                </c:pt>
                <c:pt idx="3955">
                  <c:v>0.3383277487904503</c:v>
                </c:pt>
                <c:pt idx="3956">
                  <c:v>0.27066219903236022</c:v>
                </c:pt>
                <c:pt idx="3957">
                  <c:v>0.20299664927427019</c:v>
                </c:pt>
                <c:pt idx="3958">
                  <c:v>0.20299664927427019</c:v>
                </c:pt>
                <c:pt idx="3959">
                  <c:v>0.20299664927427019</c:v>
                </c:pt>
                <c:pt idx="3960">
                  <c:v>0.2224664635629611</c:v>
                </c:pt>
                <c:pt idx="3961">
                  <c:v>0.2224664635629611</c:v>
                </c:pt>
                <c:pt idx="3962">
                  <c:v>0.2224664635629611</c:v>
                </c:pt>
                <c:pt idx="3963">
                  <c:v>0.2224664635629611</c:v>
                </c:pt>
                <c:pt idx="3964">
                  <c:v>0.2224664635629611</c:v>
                </c:pt>
                <c:pt idx="3965">
                  <c:v>0.28673455303670542</c:v>
                </c:pt>
                <c:pt idx="3966">
                  <c:v>0.34605894332016174</c:v>
                </c:pt>
                <c:pt idx="3967">
                  <c:v>0.34605894332016174</c:v>
                </c:pt>
                <c:pt idx="3968">
                  <c:v>0.34605894332016174</c:v>
                </c:pt>
                <c:pt idx="3969">
                  <c:v>0.37077743927160184</c:v>
                </c:pt>
                <c:pt idx="3970">
                  <c:v>0.38560853684246593</c:v>
                </c:pt>
                <c:pt idx="3971">
                  <c:v>0.4449329271259222</c:v>
                </c:pt>
                <c:pt idx="3972">
                  <c:v>0.4449329271259222</c:v>
                </c:pt>
                <c:pt idx="3973">
                  <c:v>0.4449329271259222</c:v>
                </c:pt>
                <c:pt idx="3974">
                  <c:v>0.4449329271259222</c:v>
                </c:pt>
                <c:pt idx="3975">
                  <c:v>0.37077743927160184</c:v>
                </c:pt>
                <c:pt idx="3976">
                  <c:v>0.35100264251044977</c:v>
                </c:pt>
                <c:pt idx="3977">
                  <c:v>0.35100264251044977</c:v>
                </c:pt>
                <c:pt idx="3978">
                  <c:v>0.35100264251044977</c:v>
                </c:pt>
                <c:pt idx="3979">
                  <c:v>0.35100264251044977</c:v>
                </c:pt>
                <c:pt idx="3980">
                  <c:v>0.27190345546584138</c:v>
                </c:pt>
                <c:pt idx="3981">
                  <c:v>0.10381768299604852</c:v>
                </c:pt>
                <c:pt idx="3982">
                  <c:v>0.10381768299604852</c:v>
                </c:pt>
                <c:pt idx="3983">
                  <c:v>0.10381768299604852</c:v>
                </c:pt>
                <c:pt idx="3984">
                  <c:v>4.0597382396523253E-2</c:v>
                </c:pt>
                <c:pt idx="3985">
                  <c:v>7.9261556107497799E-2</c:v>
                </c:pt>
                <c:pt idx="3986">
                  <c:v>7.9261556107497799E-2</c:v>
                </c:pt>
                <c:pt idx="3987">
                  <c:v>7.9261556107497799E-2</c:v>
                </c:pt>
                <c:pt idx="3988">
                  <c:v>7.9261556107497799E-2</c:v>
                </c:pt>
                <c:pt idx="3989">
                  <c:v>9.8593642962985076E-2</c:v>
                </c:pt>
                <c:pt idx="3990">
                  <c:v>0.12372535587511851</c:v>
                </c:pt>
                <c:pt idx="3991">
                  <c:v>0.14112423404505706</c:v>
                </c:pt>
                <c:pt idx="3992">
                  <c:v>0.14112423404505706</c:v>
                </c:pt>
                <c:pt idx="3993">
                  <c:v>0.14112423404505706</c:v>
                </c:pt>
                <c:pt idx="3994">
                  <c:v>0.14112423404505706</c:v>
                </c:pt>
                <c:pt idx="3995">
                  <c:v>0.14112423404505706</c:v>
                </c:pt>
                <c:pt idx="3996">
                  <c:v>0.14112423404505706</c:v>
                </c:pt>
                <c:pt idx="3997">
                  <c:v>0.14112423404505706</c:v>
                </c:pt>
                <c:pt idx="3998">
                  <c:v>0.14112423404505706</c:v>
                </c:pt>
                <c:pt idx="3999">
                  <c:v>0.12759177324621598</c:v>
                </c:pt>
                <c:pt idx="4000">
                  <c:v>0.1159925211329236</c:v>
                </c:pt>
                <c:pt idx="4001">
                  <c:v>0.10439326901963125</c:v>
                </c:pt>
                <c:pt idx="4002">
                  <c:v>0.10052685164853378</c:v>
                </c:pt>
                <c:pt idx="4003">
                  <c:v>8.1194764793046506E-2</c:v>
                </c:pt>
                <c:pt idx="4004">
                  <c:v>5.9929469252010523E-2</c:v>
                </c:pt>
                <c:pt idx="4005">
                  <c:v>5.9929469252010523E-2</c:v>
                </c:pt>
                <c:pt idx="4006">
                  <c:v>5.9929469252010523E-2</c:v>
                </c:pt>
                <c:pt idx="4007">
                  <c:v>5.9929469252010523E-2</c:v>
                </c:pt>
                <c:pt idx="4008">
                  <c:v>6.7951081955346812E-2</c:v>
                </c:pt>
                <c:pt idx="4009">
                  <c:v>7.8910933883628548E-2</c:v>
                </c:pt>
                <c:pt idx="4010">
                  <c:v>7.8910933883628548E-2</c:v>
                </c:pt>
                <c:pt idx="4011">
                  <c:v>7.8910933883628548E-2</c:v>
                </c:pt>
                <c:pt idx="4012">
                  <c:v>7.8910933883628548E-2</c:v>
                </c:pt>
                <c:pt idx="4013">
                  <c:v>9.8638667354535678E-2</c:v>
                </c:pt>
                <c:pt idx="4014">
                  <c:v>0.11617443043978648</c:v>
                </c:pt>
                <c:pt idx="4015">
                  <c:v>0.13809413429634998</c:v>
                </c:pt>
                <c:pt idx="4016">
                  <c:v>0.13809413429634998</c:v>
                </c:pt>
                <c:pt idx="4017">
                  <c:v>0.13809413429634998</c:v>
                </c:pt>
                <c:pt idx="4018">
                  <c:v>0.13809413429634998</c:v>
                </c:pt>
                <c:pt idx="4019">
                  <c:v>0.13809413429634998</c:v>
                </c:pt>
                <c:pt idx="4020">
                  <c:v>0.13809413429634998</c:v>
                </c:pt>
                <c:pt idx="4021">
                  <c:v>0.13809413429634998</c:v>
                </c:pt>
                <c:pt idx="4022">
                  <c:v>0.13809413429634998</c:v>
                </c:pt>
                <c:pt idx="4023">
                  <c:v>0.12275034159675553</c:v>
                </c:pt>
                <c:pt idx="4024">
                  <c:v>0.12055837121109916</c:v>
                </c:pt>
                <c:pt idx="4025">
                  <c:v>0.1030226081258484</c:v>
                </c:pt>
                <c:pt idx="4026">
                  <c:v>9.644669696887935E-2</c:v>
                </c:pt>
                <c:pt idx="4027">
                  <c:v>8.1102904269284903E-2</c:v>
                </c:pt>
                <c:pt idx="4028">
                  <c:v>6.7951081955346812E-2</c:v>
                </c:pt>
                <c:pt idx="4029">
                  <c:v>5.9183200412721418E-2</c:v>
                </c:pt>
                <c:pt idx="4030">
                  <c:v>5.9183200412721418E-2</c:v>
                </c:pt>
                <c:pt idx="4031">
                  <c:v>5.9183200412721418E-2</c:v>
                </c:pt>
                <c:pt idx="4032">
                  <c:v>6.7693886470848702E-2</c:v>
                </c:pt>
                <c:pt idx="4033">
                  <c:v>6.7693886470848702E-2</c:v>
                </c:pt>
                <c:pt idx="4034">
                  <c:v>6.7693886470848702E-2</c:v>
                </c:pt>
                <c:pt idx="4035">
                  <c:v>6.7693886470848702E-2</c:v>
                </c:pt>
                <c:pt idx="4036">
                  <c:v>6.7693886470848702E-2</c:v>
                </c:pt>
                <c:pt idx="4037">
                  <c:v>0.29334017470701101</c:v>
                </c:pt>
                <c:pt idx="4038">
                  <c:v>0.33282827514833946</c:v>
                </c:pt>
                <c:pt idx="4039">
                  <c:v>0.33282827514833946</c:v>
                </c:pt>
                <c:pt idx="4040">
                  <c:v>0.33282827514833946</c:v>
                </c:pt>
                <c:pt idx="4041">
                  <c:v>0.35539290397195572</c:v>
                </c:pt>
                <c:pt idx="4042">
                  <c:v>0.35539290397195572</c:v>
                </c:pt>
                <c:pt idx="4043">
                  <c:v>0.45129257647232462</c:v>
                </c:pt>
                <c:pt idx="4044">
                  <c:v>0.45129257647232462</c:v>
                </c:pt>
                <c:pt idx="4045">
                  <c:v>0.29898133191291515</c:v>
                </c:pt>
                <c:pt idx="4046">
                  <c:v>0.45129257647232462</c:v>
                </c:pt>
                <c:pt idx="4047">
                  <c:v>0.45129257647232462</c:v>
                </c:pt>
                <c:pt idx="4048">
                  <c:v>0.45129257647232462</c:v>
                </c:pt>
                <c:pt idx="4049">
                  <c:v>0.45129257647232462</c:v>
                </c:pt>
                <c:pt idx="4050">
                  <c:v>0.45129257647232462</c:v>
                </c:pt>
                <c:pt idx="4051">
                  <c:v>0.37795753279557193</c:v>
                </c:pt>
                <c:pt idx="4052">
                  <c:v>0.3102636463247232</c:v>
                </c:pt>
                <c:pt idx="4053">
                  <c:v>0.22564628823616231</c:v>
                </c:pt>
                <c:pt idx="4054">
                  <c:v>0.21436397382435421</c:v>
                </c:pt>
                <c:pt idx="4055">
                  <c:v>0.21436397382435421</c:v>
                </c:pt>
                <c:pt idx="4056">
                  <c:v>0.19769425668303217</c:v>
                </c:pt>
                <c:pt idx="4057">
                  <c:v>0.19769425668303217</c:v>
                </c:pt>
                <c:pt idx="4058">
                  <c:v>0.19769425668303217</c:v>
                </c:pt>
                <c:pt idx="4059">
                  <c:v>0.19769425668303217</c:v>
                </c:pt>
                <c:pt idx="4060">
                  <c:v>0.19769425668303217</c:v>
                </c:pt>
                <c:pt idx="4061">
                  <c:v>0.25700253368794179</c:v>
                </c:pt>
                <c:pt idx="4062">
                  <c:v>0.28665667219039659</c:v>
                </c:pt>
                <c:pt idx="4063">
                  <c:v>0.29654138502454824</c:v>
                </c:pt>
                <c:pt idx="4064">
                  <c:v>0.29654138502454824</c:v>
                </c:pt>
                <c:pt idx="4065">
                  <c:v>0.32125316710992724</c:v>
                </c:pt>
                <c:pt idx="4066">
                  <c:v>0.33608023636115464</c:v>
                </c:pt>
                <c:pt idx="4067">
                  <c:v>0.39538851336606434</c:v>
                </c:pt>
                <c:pt idx="4068">
                  <c:v>0.39538851336606434</c:v>
                </c:pt>
                <c:pt idx="4069">
                  <c:v>0.39538851336606434</c:v>
                </c:pt>
                <c:pt idx="4070">
                  <c:v>0.39538851336606434</c:v>
                </c:pt>
                <c:pt idx="4071">
                  <c:v>0.39538851336606434</c:v>
                </c:pt>
                <c:pt idx="4072">
                  <c:v>0.39538851336606434</c:v>
                </c:pt>
                <c:pt idx="4073">
                  <c:v>0.39538851336606434</c:v>
                </c:pt>
                <c:pt idx="4074">
                  <c:v>0.39538851336606434</c:v>
                </c:pt>
                <c:pt idx="4075">
                  <c:v>0.33113787994407889</c:v>
                </c:pt>
                <c:pt idx="4076">
                  <c:v>0.27182960293916919</c:v>
                </c:pt>
                <c:pt idx="4077">
                  <c:v>0.19769425668303217</c:v>
                </c:pt>
                <c:pt idx="4078">
                  <c:v>0.19769425668303217</c:v>
                </c:pt>
                <c:pt idx="4079">
                  <c:v>0.19769425668303217</c:v>
                </c:pt>
                <c:pt idx="4080">
                  <c:v>0.17589562712265663</c:v>
                </c:pt>
                <c:pt idx="4081">
                  <c:v>0.19788258051298871</c:v>
                </c:pt>
                <c:pt idx="4082">
                  <c:v>0.19788258051298871</c:v>
                </c:pt>
                <c:pt idx="4083">
                  <c:v>0.19788258051298871</c:v>
                </c:pt>
                <c:pt idx="4084">
                  <c:v>0.19788258051298871</c:v>
                </c:pt>
                <c:pt idx="4085">
                  <c:v>0.25504865932785209</c:v>
                </c:pt>
                <c:pt idx="4086">
                  <c:v>0.29462517543044991</c:v>
                </c:pt>
                <c:pt idx="4087">
                  <c:v>0.29462517543044991</c:v>
                </c:pt>
                <c:pt idx="4088">
                  <c:v>0.29462517543044991</c:v>
                </c:pt>
                <c:pt idx="4089">
                  <c:v>0.31661212882078194</c:v>
                </c:pt>
                <c:pt idx="4090">
                  <c:v>0.34299647288918045</c:v>
                </c:pt>
                <c:pt idx="4091">
                  <c:v>0.39576516102597742</c:v>
                </c:pt>
                <c:pt idx="4092">
                  <c:v>0.39576516102597742</c:v>
                </c:pt>
                <c:pt idx="4093">
                  <c:v>0.39576516102597742</c:v>
                </c:pt>
                <c:pt idx="4094">
                  <c:v>0.39576516102597742</c:v>
                </c:pt>
                <c:pt idx="4095">
                  <c:v>0.39576516102597742</c:v>
                </c:pt>
                <c:pt idx="4096">
                  <c:v>0.39576516102597742</c:v>
                </c:pt>
                <c:pt idx="4097">
                  <c:v>0.39576516102597742</c:v>
                </c:pt>
                <c:pt idx="4098">
                  <c:v>0.39576516102597742</c:v>
                </c:pt>
                <c:pt idx="4099">
                  <c:v>0.32980430085498125</c:v>
                </c:pt>
                <c:pt idx="4100">
                  <c:v>0.26384344068398502</c:v>
                </c:pt>
                <c:pt idx="4101">
                  <c:v>0.19788258051298871</c:v>
                </c:pt>
                <c:pt idx="4102">
                  <c:v>0.19788258051298871</c:v>
                </c:pt>
                <c:pt idx="4103">
                  <c:v>0.19788258051298871</c:v>
                </c:pt>
                <c:pt idx="4104">
                  <c:v>0.19603586299930897</c:v>
                </c:pt>
                <c:pt idx="4105">
                  <c:v>0.19603586299930897</c:v>
                </c:pt>
                <c:pt idx="4106">
                  <c:v>0.19603586299930897</c:v>
                </c:pt>
                <c:pt idx="4107">
                  <c:v>0.19603586299930897</c:v>
                </c:pt>
                <c:pt idx="4108">
                  <c:v>0.19603586299930897</c:v>
                </c:pt>
                <c:pt idx="4109">
                  <c:v>0.25266844564355373</c:v>
                </c:pt>
                <c:pt idx="4110">
                  <c:v>0.29187561824341557</c:v>
                </c:pt>
                <c:pt idx="4111">
                  <c:v>0.29187561824341557</c:v>
                </c:pt>
                <c:pt idx="4112">
                  <c:v>0.29187561824341557</c:v>
                </c:pt>
                <c:pt idx="4113">
                  <c:v>0.31365738079889433</c:v>
                </c:pt>
                <c:pt idx="4114">
                  <c:v>0.33979549586546887</c:v>
                </c:pt>
                <c:pt idx="4115">
                  <c:v>0.39207172599861795</c:v>
                </c:pt>
                <c:pt idx="4116">
                  <c:v>0.39207172599861795</c:v>
                </c:pt>
                <c:pt idx="4117">
                  <c:v>0.39207172599861795</c:v>
                </c:pt>
                <c:pt idx="4118">
                  <c:v>0.39207172599861795</c:v>
                </c:pt>
                <c:pt idx="4119">
                  <c:v>0.39207172599861795</c:v>
                </c:pt>
                <c:pt idx="4120">
                  <c:v>0.39207172599861795</c:v>
                </c:pt>
                <c:pt idx="4121">
                  <c:v>0.39207172599861795</c:v>
                </c:pt>
                <c:pt idx="4122">
                  <c:v>0.39207172599861795</c:v>
                </c:pt>
                <c:pt idx="4123">
                  <c:v>0.32672643833218162</c:v>
                </c:pt>
                <c:pt idx="4124">
                  <c:v>0.2613811506657453</c:v>
                </c:pt>
                <c:pt idx="4125">
                  <c:v>0.19603586299930897</c:v>
                </c:pt>
                <c:pt idx="4126">
                  <c:v>0.19603586299930897</c:v>
                </c:pt>
                <c:pt idx="4127">
                  <c:v>0.19603586299930897</c:v>
                </c:pt>
                <c:pt idx="4128">
                  <c:v>0.22365220145722581</c:v>
                </c:pt>
                <c:pt idx="4129">
                  <c:v>0.22365220145722581</c:v>
                </c:pt>
                <c:pt idx="4130">
                  <c:v>0.22365220145722581</c:v>
                </c:pt>
                <c:pt idx="4131">
                  <c:v>0.22365220145722581</c:v>
                </c:pt>
                <c:pt idx="4132">
                  <c:v>0.22365220145722581</c:v>
                </c:pt>
                <c:pt idx="4133">
                  <c:v>0.28826283743375775</c:v>
                </c:pt>
                <c:pt idx="4134">
                  <c:v>0.34790342448901795</c:v>
                </c:pt>
                <c:pt idx="4135">
                  <c:v>0.34790342448901795</c:v>
                </c:pt>
                <c:pt idx="4136">
                  <c:v>0.34790342448901795</c:v>
                </c:pt>
                <c:pt idx="4137">
                  <c:v>0.37275366909537638</c:v>
                </c:pt>
                <c:pt idx="4138">
                  <c:v>0.38766381585919146</c:v>
                </c:pt>
                <c:pt idx="4139">
                  <c:v>0.44730440291445162</c:v>
                </c:pt>
                <c:pt idx="4140">
                  <c:v>0.44730440291445162</c:v>
                </c:pt>
                <c:pt idx="4141">
                  <c:v>0.44730440291445162</c:v>
                </c:pt>
                <c:pt idx="4142">
                  <c:v>0.44730440291445162</c:v>
                </c:pt>
                <c:pt idx="4143">
                  <c:v>0.37275366909537638</c:v>
                </c:pt>
                <c:pt idx="4144">
                  <c:v>0.35287347341028968</c:v>
                </c:pt>
                <c:pt idx="4145">
                  <c:v>0.35287347341028968</c:v>
                </c:pt>
                <c:pt idx="4146">
                  <c:v>0.35287347341028968</c:v>
                </c:pt>
                <c:pt idx="4147">
                  <c:v>0.35287347341028968</c:v>
                </c:pt>
                <c:pt idx="4148">
                  <c:v>0.27335269066994267</c:v>
                </c:pt>
                <c:pt idx="4149">
                  <c:v>0.10437102734670539</c:v>
                </c:pt>
                <c:pt idx="4150">
                  <c:v>0.10437102734670539</c:v>
                </c:pt>
                <c:pt idx="4151">
                  <c:v>0.10437102734670539</c:v>
                </c:pt>
                <c:pt idx="4152">
                  <c:v>5.1994253112273375E-2</c:v>
                </c:pt>
                <c:pt idx="4153">
                  <c:v>0.10151258940967663</c:v>
                </c:pt>
                <c:pt idx="4154">
                  <c:v>0.10151258940967663</c:v>
                </c:pt>
                <c:pt idx="4155">
                  <c:v>0.10151258940967663</c:v>
                </c:pt>
                <c:pt idx="4156">
                  <c:v>0.10151258940967663</c:v>
                </c:pt>
                <c:pt idx="4157">
                  <c:v>0.12627175755837822</c:v>
                </c:pt>
                <c:pt idx="4158">
                  <c:v>0.15845867615169032</c:v>
                </c:pt>
                <c:pt idx="4159">
                  <c:v>0.18074192748552179</c:v>
                </c:pt>
                <c:pt idx="4160">
                  <c:v>0.18074192748552179</c:v>
                </c:pt>
                <c:pt idx="4161">
                  <c:v>0.18074192748552179</c:v>
                </c:pt>
                <c:pt idx="4162">
                  <c:v>0.18074192748552179</c:v>
                </c:pt>
                <c:pt idx="4163">
                  <c:v>0.18074192748552179</c:v>
                </c:pt>
                <c:pt idx="4164">
                  <c:v>0.18074192748552179</c:v>
                </c:pt>
                <c:pt idx="4165">
                  <c:v>0.18074192748552179</c:v>
                </c:pt>
                <c:pt idx="4166">
                  <c:v>0.18074192748552179</c:v>
                </c:pt>
                <c:pt idx="4167">
                  <c:v>0.16341050978143062</c:v>
                </c:pt>
                <c:pt idx="4168">
                  <c:v>0.14855500889220968</c:v>
                </c:pt>
                <c:pt idx="4169">
                  <c:v>0.13369950800298872</c:v>
                </c:pt>
                <c:pt idx="4170">
                  <c:v>0.12874767437324838</c:v>
                </c:pt>
                <c:pt idx="4171">
                  <c:v>0.10398850622454675</c:v>
                </c:pt>
                <c:pt idx="4172">
                  <c:v>7.6753421260974994E-2</c:v>
                </c:pt>
                <c:pt idx="4173">
                  <c:v>7.6753421260974994E-2</c:v>
                </c:pt>
                <c:pt idx="4174">
                  <c:v>7.6753421260974994E-2</c:v>
                </c:pt>
                <c:pt idx="4175">
                  <c:v>7.6753421260974994E-2</c:v>
                </c:pt>
                <c:pt idx="4176">
                  <c:v>7.0702421955006797E-2</c:v>
                </c:pt>
                <c:pt idx="4177">
                  <c:v>8.210603839936273E-2</c:v>
                </c:pt>
                <c:pt idx="4178">
                  <c:v>8.210603839936273E-2</c:v>
                </c:pt>
                <c:pt idx="4179">
                  <c:v>8.210603839936273E-2</c:v>
                </c:pt>
                <c:pt idx="4180">
                  <c:v>8.210603839936273E-2</c:v>
                </c:pt>
                <c:pt idx="4181">
                  <c:v>0.10263254799920342</c:v>
                </c:pt>
                <c:pt idx="4182">
                  <c:v>0.12087833431017293</c:v>
                </c:pt>
                <c:pt idx="4183">
                  <c:v>0.14368556719888478</c:v>
                </c:pt>
                <c:pt idx="4184">
                  <c:v>0.14368556719888478</c:v>
                </c:pt>
                <c:pt idx="4185">
                  <c:v>0.14368556719888478</c:v>
                </c:pt>
                <c:pt idx="4186">
                  <c:v>0.14368556719888478</c:v>
                </c:pt>
                <c:pt idx="4187">
                  <c:v>0.14368556719888478</c:v>
                </c:pt>
                <c:pt idx="4188">
                  <c:v>0.14368556719888478</c:v>
                </c:pt>
                <c:pt idx="4189">
                  <c:v>0.14368556719888478</c:v>
                </c:pt>
                <c:pt idx="4190">
                  <c:v>0.14368556719888478</c:v>
                </c:pt>
                <c:pt idx="4191">
                  <c:v>0.12772050417678649</c:v>
                </c:pt>
                <c:pt idx="4192">
                  <c:v>0.1254397808879153</c:v>
                </c:pt>
                <c:pt idx="4193">
                  <c:v>0.1071939945769458</c:v>
                </c:pt>
                <c:pt idx="4194">
                  <c:v>0.10035182471033224</c:v>
                </c:pt>
                <c:pt idx="4195">
                  <c:v>8.4386761688233933E-2</c:v>
                </c:pt>
                <c:pt idx="4196">
                  <c:v>7.0702421955006797E-2</c:v>
                </c:pt>
                <c:pt idx="4197">
                  <c:v>6.1579528799522061E-2</c:v>
                </c:pt>
                <c:pt idx="4198">
                  <c:v>6.1579528799522061E-2</c:v>
                </c:pt>
                <c:pt idx="4199">
                  <c:v>6.1579528799522061E-2</c:v>
                </c:pt>
                <c:pt idx="4200">
                  <c:v>6.8328848979427204E-2</c:v>
                </c:pt>
                <c:pt idx="4201">
                  <c:v>6.8328848979427204E-2</c:v>
                </c:pt>
                <c:pt idx="4202">
                  <c:v>6.8328848979427204E-2</c:v>
                </c:pt>
                <c:pt idx="4203">
                  <c:v>6.8328848979427204E-2</c:v>
                </c:pt>
                <c:pt idx="4204">
                  <c:v>6.8328848979427204E-2</c:v>
                </c:pt>
                <c:pt idx="4205">
                  <c:v>0.29609167891085125</c:v>
                </c:pt>
                <c:pt idx="4206">
                  <c:v>0.33595017414885042</c:v>
                </c:pt>
                <c:pt idx="4207">
                  <c:v>0.33595017414885042</c:v>
                </c:pt>
                <c:pt idx="4208">
                  <c:v>0.33595017414885042</c:v>
                </c:pt>
                <c:pt idx="4209">
                  <c:v>0.35872645714199286</c:v>
                </c:pt>
                <c:pt idx="4210">
                  <c:v>0.35872645714199286</c:v>
                </c:pt>
                <c:pt idx="4211">
                  <c:v>0.45552565986284804</c:v>
                </c:pt>
                <c:pt idx="4212">
                  <c:v>0.45552565986284804</c:v>
                </c:pt>
                <c:pt idx="4213">
                  <c:v>0.30178574965913685</c:v>
                </c:pt>
                <c:pt idx="4214">
                  <c:v>0.45552565986284804</c:v>
                </c:pt>
                <c:pt idx="4215">
                  <c:v>0.45552565986284804</c:v>
                </c:pt>
                <c:pt idx="4216">
                  <c:v>0.45552565986284804</c:v>
                </c:pt>
                <c:pt idx="4217">
                  <c:v>0.45552565986284804</c:v>
                </c:pt>
                <c:pt idx="4218">
                  <c:v>0.45552565986284804</c:v>
                </c:pt>
                <c:pt idx="4219">
                  <c:v>0.38150274013513524</c:v>
                </c:pt>
                <c:pt idx="4220">
                  <c:v>0.31317389115570798</c:v>
                </c:pt>
                <c:pt idx="4221">
                  <c:v>0.22776282993142402</c:v>
                </c:pt>
                <c:pt idx="4222">
                  <c:v>0.21637468843485283</c:v>
                </c:pt>
                <c:pt idx="4223">
                  <c:v>0.21637468843485283</c:v>
                </c:pt>
                <c:pt idx="4224">
                  <c:v>0.19274931221022681</c:v>
                </c:pt>
                <c:pt idx="4225">
                  <c:v>0.19274931221022681</c:v>
                </c:pt>
                <c:pt idx="4226">
                  <c:v>0.19274931221022681</c:v>
                </c:pt>
                <c:pt idx="4227">
                  <c:v>0.19274931221022681</c:v>
                </c:pt>
                <c:pt idx="4228">
                  <c:v>0.19274931221022681</c:v>
                </c:pt>
                <c:pt idx="4229">
                  <c:v>0.25057410587329482</c:v>
                </c:pt>
                <c:pt idx="4230">
                  <c:v>0.27948650270482883</c:v>
                </c:pt>
                <c:pt idx="4231">
                  <c:v>0.28912396831534026</c:v>
                </c:pt>
                <c:pt idx="4232">
                  <c:v>0.28912396831534026</c:v>
                </c:pt>
                <c:pt idx="4233">
                  <c:v>0.31321763234161859</c:v>
                </c:pt>
                <c:pt idx="4234">
                  <c:v>0.32767383075738554</c:v>
                </c:pt>
                <c:pt idx="4235">
                  <c:v>0.38549862442045363</c:v>
                </c:pt>
                <c:pt idx="4236">
                  <c:v>0.38549862442045363</c:v>
                </c:pt>
                <c:pt idx="4237">
                  <c:v>0.38549862442045363</c:v>
                </c:pt>
                <c:pt idx="4238">
                  <c:v>0.38549862442045363</c:v>
                </c:pt>
                <c:pt idx="4239">
                  <c:v>0.38549862442045363</c:v>
                </c:pt>
                <c:pt idx="4240">
                  <c:v>0.38549862442045363</c:v>
                </c:pt>
                <c:pt idx="4241">
                  <c:v>0.38549862442045363</c:v>
                </c:pt>
                <c:pt idx="4242">
                  <c:v>0.38549862442045363</c:v>
                </c:pt>
                <c:pt idx="4243">
                  <c:v>0.32285509795212991</c:v>
                </c:pt>
                <c:pt idx="4244">
                  <c:v>0.26503030428906188</c:v>
                </c:pt>
                <c:pt idx="4245">
                  <c:v>0.19274931221022681</c:v>
                </c:pt>
                <c:pt idx="4246">
                  <c:v>0.19274931221022681</c:v>
                </c:pt>
                <c:pt idx="4247">
                  <c:v>0.19274931221022681</c:v>
                </c:pt>
                <c:pt idx="4248">
                  <c:v>0.18058496317015751</c:v>
                </c:pt>
                <c:pt idx="4249">
                  <c:v>0.20315808356642717</c:v>
                </c:pt>
                <c:pt idx="4250">
                  <c:v>0.20315808356642717</c:v>
                </c:pt>
                <c:pt idx="4251">
                  <c:v>0.20315808356642717</c:v>
                </c:pt>
                <c:pt idx="4252">
                  <c:v>0.20315808356642717</c:v>
                </c:pt>
                <c:pt idx="4253">
                  <c:v>0.26184819659672837</c:v>
                </c:pt>
                <c:pt idx="4254">
                  <c:v>0.30247981331001383</c:v>
                </c:pt>
                <c:pt idx="4255">
                  <c:v>0.30247981331001383</c:v>
                </c:pt>
                <c:pt idx="4256">
                  <c:v>0.30247981331001383</c:v>
                </c:pt>
                <c:pt idx="4257">
                  <c:v>0.32505293370628352</c:v>
                </c:pt>
                <c:pt idx="4258">
                  <c:v>0.35214067818180711</c:v>
                </c:pt>
                <c:pt idx="4259">
                  <c:v>0.40631616713285434</c:v>
                </c:pt>
                <c:pt idx="4260">
                  <c:v>0.40631616713285434</c:v>
                </c:pt>
                <c:pt idx="4261">
                  <c:v>0.40631616713285434</c:v>
                </c:pt>
                <c:pt idx="4262">
                  <c:v>0.40631616713285434</c:v>
                </c:pt>
                <c:pt idx="4263">
                  <c:v>0.40631616713285434</c:v>
                </c:pt>
                <c:pt idx="4264">
                  <c:v>0.40631616713285434</c:v>
                </c:pt>
                <c:pt idx="4265">
                  <c:v>0.40631616713285434</c:v>
                </c:pt>
                <c:pt idx="4266">
                  <c:v>0.40631616713285434</c:v>
                </c:pt>
                <c:pt idx="4267">
                  <c:v>0.33859680594404529</c:v>
                </c:pt>
                <c:pt idx="4268">
                  <c:v>0.27087744475523629</c:v>
                </c:pt>
                <c:pt idx="4269">
                  <c:v>0.20315808356642717</c:v>
                </c:pt>
                <c:pt idx="4270">
                  <c:v>0.20315808356642717</c:v>
                </c:pt>
                <c:pt idx="4271">
                  <c:v>0.20315808356642717</c:v>
                </c:pt>
                <c:pt idx="4272">
                  <c:v>0.20129512374039077</c:v>
                </c:pt>
                <c:pt idx="4273">
                  <c:v>0.20129512374039077</c:v>
                </c:pt>
                <c:pt idx="4274">
                  <c:v>0.20129512374039077</c:v>
                </c:pt>
                <c:pt idx="4275">
                  <c:v>0.20129512374039077</c:v>
                </c:pt>
                <c:pt idx="4276">
                  <c:v>0.20129512374039077</c:v>
                </c:pt>
                <c:pt idx="4277">
                  <c:v>0.25944704837650368</c:v>
                </c:pt>
                <c:pt idx="4278">
                  <c:v>0.29970607312458186</c:v>
                </c:pt>
                <c:pt idx="4279">
                  <c:v>0.29970607312458186</c:v>
                </c:pt>
                <c:pt idx="4280">
                  <c:v>0.29970607312458186</c:v>
                </c:pt>
                <c:pt idx="4281">
                  <c:v>0.32207219798462527</c:v>
                </c:pt>
                <c:pt idx="4282">
                  <c:v>0.34891154781667738</c:v>
                </c:pt>
                <c:pt idx="4283">
                  <c:v>0.40259024748078154</c:v>
                </c:pt>
                <c:pt idx="4284">
                  <c:v>0.40259024748078154</c:v>
                </c:pt>
                <c:pt idx="4285">
                  <c:v>0.40259024748078154</c:v>
                </c:pt>
                <c:pt idx="4286">
                  <c:v>0.40259024748078154</c:v>
                </c:pt>
                <c:pt idx="4287">
                  <c:v>0.40259024748078154</c:v>
                </c:pt>
                <c:pt idx="4288">
                  <c:v>0.40259024748078154</c:v>
                </c:pt>
                <c:pt idx="4289">
                  <c:v>0.40259024748078154</c:v>
                </c:pt>
                <c:pt idx="4290">
                  <c:v>0.40259024748078154</c:v>
                </c:pt>
                <c:pt idx="4291">
                  <c:v>0.3354918729006513</c:v>
                </c:pt>
                <c:pt idx="4292">
                  <c:v>0.26839349832052106</c:v>
                </c:pt>
                <c:pt idx="4293">
                  <c:v>0.20129512374039077</c:v>
                </c:pt>
                <c:pt idx="4294">
                  <c:v>0.20129512374039077</c:v>
                </c:pt>
                <c:pt idx="4295">
                  <c:v>0.20129512374039077</c:v>
                </c:pt>
                <c:pt idx="4296">
                  <c:v>0.22890332641754124</c:v>
                </c:pt>
                <c:pt idx="4297">
                  <c:v>0.22890332641754124</c:v>
                </c:pt>
                <c:pt idx="4298">
                  <c:v>0.22890332641754124</c:v>
                </c:pt>
                <c:pt idx="4299">
                  <c:v>0.22890332641754124</c:v>
                </c:pt>
                <c:pt idx="4300">
                  <c:v>0.22890332641754124</c:v>
                </c:pt>
                <c:pt idx="4301">
                  <c:v>0.29503095404927543</c:v>
                </c:pt>
                <c:pt idx="4302">
                  <c:v>0.35607184109395307</c:v>
                </c:pt>
                <c:pt idx="4303">
                  <c:v>0.35607184109395307</c:v>
                </c:pt>
                <c:pt idx="4304">
                  <c:v>0.35607184109395307</c:v>
                </c:pt>
                <c:pt idx="4305">
                  <c:v>0.38150554402923542</c:v>
                </c:pt>
                <c:pt idx="4306">
                  <c:v>0.39676576579040485</c:v>
                </c:pt>
                <c:pt idx="4307">
                  <c:v>0.45780665283508248</c:v>
                </c:pt>
                <c:pt idx="4308">
                  <c:v>0.45780665283508248</c:v>
                </c:pt>
                <c:pt idx="4309">
                  <c:v>0.45780665283508248</c:v>
                </c:pt>
                <c:pt idx="4310">
                  <c:v>0.45780665283508248</c:v>
                </c:pt>
                <c:pt idx="4311">
                  <c:v>0.38150554402923542</c:v>
                </c:pt>
                <c:pt idx="4312">
                  <c:v>0.36115858168100956</c:v>
                </c:pt>
                <c:pt idx="4313">
                  <c:v>0.36115858168100956</c:v>
                </c:pt>
                <c:pt idx="4314">
                  <c:v>0.36115858168100956</c:v>
                </c:pt>
                <c:pt idx="4315">
                  <c:v>0.36115858168100956</c:v>
                </c:pt>
                <c:pt idx="4316">
                  <c:v>0.27977073228810601</c:v>
                </c:pt>
                <c:pt idx="4317">
                  <c:v>0.10682155232818591</c:v>
                </c:pt>
                <c:pt idx="4318">
                  <c:v>0.10682155232818591</c:v>
                </c:pt>
                <c:pt idx="4319">
                  <c:v>0.10682155232818591</c:v>
                </c:pt>
                <c:pt idx="4320">
                  <c:v>4.9965804581437435E-2</c:v>
                </c:pt>
                <c:pt idx="4321">
                  <c:v>9.7552285135187392E-2</c:v>
                </c:pt>
                <c:pt idx="4322">
                  <c:v>9.7552285135187392E-2</c:v>
                </c:pt>
                <c:pt idx="4323">
                  <c:v>9.7552285135187392E-2</c:v>
                </c:pt>
                <c:pt idx="4324">
                  <c:v>9.7552285135187392E-2</c:v>
                </c:pt>
                <c:pt idx="4325">
                  <c:v>0.12134552541206235</c:v>
                </c:pt>
                <c:pt idx="4326">
                  <c:v>0.15227673777199979</c:v>
                </c:pt>
                <c:pt idx="4327">
                  <c:v>0.17369065402118727</c:v>
                </c:pt>
                <c:pt idx="4328">
                  <c:v>0.17369065402118727</c:v>
                </c:pt>
                <c:pt idx="4329">
                  <c:v>0.17369065402118727</c:v>
                </c:pt>
                <c:pt idx="4330">
                  <c:v>0.17369065402118727</c:v>
                </c:pt>
                <c:pt idx="4331">
                  <c:v>0.17369065402118727</c:v>
                </c:pt>
                <c:pt idx="4332">
                  <c:v>0.17369065402118727</c:v>
                </c:pt>
                <c:pt idx="4333">
                  <c:v>0.17369065402118727</c:v>
                </c:pt>
                <c:pt idx="4334">
                  <c:v>0.17369065402118727</c:v>
                </c:pt>
                <c:pt idx="4335">
                  <c:v>0.15703538582737481</c:v>
                </c:pt>
                <c:pt idx="4336">
                  <c:v>0.14275944166124982</c:v>
                </c:pt>
                <c:pt idx="4337">
                  <c:v>0.12848349749512486</c:v>
                </c:pt>
                <c:pt idx="4338">
                  <c:v>0.12372484943974983</c:v>
                </c:pt>
                <c:pt idx="4339">
                  <c:v>9.9931609162874871E-2</c:v>
                </c:pt>
                <c:pt idx="4340">
                  <c:v>7.3759044858312403E-2</c:v>
                </c:pt>
                <c:pt idx="4341">
                  <c:v>7.3759044858312403E-2</c:v>
                </c:pt>
                <c:pt idx="4342">
                  <c:v>7.3759044858312403E-2</c:v>
                </c:pt>
                <c:pt idx="4343">
                  <c:v>7.3759044858312403E-2</c:v>
                </c:pt>
                <c:pt idx="4344">
                  <c:v>8.1884309316824E-2</c:v>
                </c:pt>
                <c:pt idx="4345">
                  <c:v>9.5091455980827855E-2</c:v>
                </c:pt>
                <c:pt idx="4346">
                  <c:v>9.5091455980827855E-2</c:v>
                </c:pt>
                <c:pt idx="4347">
                  <c:v>9.5091455980827855E-2</c:v>
                </c:pt>
                <c:pt idx="4348">
                  <c:v>9.5091455980827855E-2</c:v>
                </c:pt>
                <c:pt idx="4349">
                  <c:v>0.11886431997603482</c:v>
                </c:pt>
                <c:pt idx="4350">
                  <c:v>0.13999575463844099</c:v>
                </c:pt>
                <c:pt idx="4351">
                  <c:v>0.16641004796644876</c:v>
                </c:pt>
                <c:pt idx="4352">
                  <c:v>0.16641004796644876</c:v>
                </c:pt>
                <c:pt idx="4353">
                  <c:v>0.16641004796644876</c:v>
                </c:pt>
                <c:pt idx="4354">
                  <c:v>0.16641004796644876</c:v>
                </c:pt>
                <c:pt idx="4355">
                  <c:v>0.16641004796644876</c:v>
                </c:pt>
                <c:pt idx="4356">
                  <c:v>0.16641004796644876</c:v>
                </c:pt>
                <c:pt idx="4357">
                  <c:v>0.16641004796644876</c:v>
                </c:pt>
                <c:pt idx="4358">
                  <c:v>0.16641004796644876</c:v>
                </c:pt>
                <c:pt idx="4359">
                  <c:v>0.14792004263684333</c:v>
                </c:pt>
                <c:pt idx="4360">
                  <c:v>0.14527861330404257</c:v>
                </c:pt>
                <c:pt idx="4361">
                  <c:v>0.12414717864163637</c:v>
                </c:pt>
                <c:pt idx="4362">
                  <c:v>0.11622289064323404</c:v>
                </c:pt>
                <c:pt idx="4363">
                  <c:v>9.7732885313628642E-2</c:v>
                </c:pt>
                <c:pt idx="4364">
                  <c:v>8.1884309316824E-2</c:v>
                </c:pt>
                <c:pt idx="4365">
                  <c:v>7.1318591985620891E-2</c:v>
                </c:pt>
                <c:pt idx="4366">
                  <c:v>7.1318591985620891E-2</c:v>
                </c:pt>
                <c:pt idx="4367">
                  <c:v>7.1318591985620891E-2</c:v>
                </c:pt>
                <c:pt idx="4368">
                  <c:v>6.9651687538965806E-2</c:v>
                </c:pt>
                <c:pt idx="4369">
                  <c:v>6.9651687538965806E-2</c:v>
                </c:pt>
                <c:pt idx="4370">
                  <c:v>6.9651687538965806E-2</c:v>
                </c:pt>
                <c:pt idx="4371">
                  <c:v>6.9651687538965806E-2</c:v>
                </c:pt>
                <c:pt idx="4372">
                  <c:v>6.9651687538965806E-2</c:v>
                </c:pt>
                <c:pt idx="4373">
                  <c:v>0.30182397933551847</c:v>
                </c:pt>
                <c:pt idx="4374">
                  <c:v>0.34245413039991524</c:v>
                </c:pt>
                <c:pt idx="4375">
                  <c:v>0.34245413039991524</c:v>
                </c:pt>
                <c:pt idx="4376">
                  <c:v>0.34245413039991524</c:v>
                </c:pt>
                <c:pt idx="4377">
                  <c:v>0.36567135957957053</c:v>
                </c:pt>
                <c:pt idx="4378">
                  <c:v>0.36567135957957053</c:v>
                </c:pt>
                <c:pt idx="4379">
                  <c:v>0.46434458359310543</c:v>
                </c:pt>
                <c:pt idx="4380">
                  <c:v>0.46434458359310543</c:v>
                </c:pt>
                <c:pt idx="4381">
                  <c:v>0.30762828663043229</c:v>
                </c:pt>
                <c:pt idx="4382">
                  <c:v>0.46434458359310543</c:v>
                </c:pt>
                <c:pt idx="4383">
                  <c:v>0.46434458359310543</c:v>
                </c:pt>
                <c:pt idx="4384">
                  <c:v>0.46434458359310543</c:v>
                </c:pt>
                <c:pt idx="4385">
                  <c:v>0.46434458359310543</c:v>
                </c:pt>
                <c:pt idx="4386">
                  <c:v>0.46434458359310543</c:v>
                </c:pt>
                <c:pt idx="4387">
                  <c:v>0.38888858875922577</c:v>
                </c:pt>
                <c:pt idx="4388">
                  <c:v>0.31923690122025994</c:v>
                </c:pt>
                <c:pt idx="4389">
                  <c:v>0.23217229179655272</c:v>
                </c:pt>
                <c:pt idx="4390">
                  <c:v>0.22056367720672504</c:v>
                </c:pt>
                <c:pt idx="4391">
                  <c:v>0.22056367720672504</c:v>
                </c:pt>
                <c:pt idx="4392">
                  <c:v>0.20789320465819303</c:v>
                </c:pt>
                <c:pt idx="4393">
                  <c:v>0.20789320465819303</c:v>
                </c:pt>
                <c:pt idx="4394">
                  <c:v>0.20789320465819303</c:v>
                </c:pt>
                <c:pt idx="4395">
                  <c:v>0.20789320465819303</c:v>
                </c:pt>
                <c:pt idx="4396">
                  <c:v>0.20789320465819303</c:v>
                </c:pt>
                <c:pt idx="4397">
                  <c:v>0.27026116605565098</c:v>
                </c:pt>
                <c:pt idx="4398">
                  <c:v>0.30144514675437983</c:v>
                </c:pt>
                <c:pt idx="4399">
                  <c:v>0.31183980698728958</c:v>
                </c:pt>
                <c:pt idx="4400">
                  <c:v>0.31183980698728958</c:v>
                </c:pt>
                <c:pt idx="4401">
                  <c:v>0.33782645756956364</c:v>
                </c:pt>
                <c:pt idx="4402">
                  <c:v>0.35341844791892818</c:v>
                </c:pt>
                <c:pt idx="4403">
                  <c:v>0.41578640931638605</c:v>
                </c:pt>
                <c:pt idx="4404">
                  <c:v>0.41578640931638605</c:v>
                </c:pt>
                <c:pt idx="4405">
                  <c:v>0.41578640931638605</c:v>
                </c:pt>
                <c:pt idx="4406">
                  <c:v>0.41578640931638605</c:v>
                </c:pt>
                <c:pt idx="4407">
                  <c:v>0.41578640931638605</c:v>
                </c:pt>
                <c:pt idx="4408">
                  <c:v>0.41578640931638605</c:v>
                </c:pt>
                <c:pt idx="4409">
                  <c:v>0.41578640931638605</c:v>
                </c:pt>
                <c:pt idx="4410">
                  <c:v>0.41578640931638605</c:v>
                </c:pt>
                <c:pt idx="4411">
                  <c:v>0.34822111780247333</c:v>
                </c:pt>
                <c:pt idx="4412">
                  <c:v>0.28585315640501541</c:v>
                </c:pt>
                <c:pt idx="4413">
                  <c:v>0.20789320465819303</c:v>
                </c:pt>
                <c:pt idx="4414">
                  <c:v>0.20789320465819303</c:v>
                </c:pt>
                <c:pt idx="4415">
                  <c:v>0.20789320465819303</c:v>
                </c:pt>
                <c:pt idx="4416">
                  <c:v>0.18830857548368835</c:v>
                </c:pt>
                <c:pt idx="4417">
                  <c:v>0.21184714741914937</c:v>
                </c:pt>
                <c:pt idx="4418">
                  <c:v>0.21184714741914937</c:v>
                </c:pt>
                <c:pt idx="4419">
                  <c:v>0.21184714741914937</c:v>
                </c:pt>
                <c:pt idx="4420">
                  <c:v>0.21184714741914937</c:v>
                </c:pt>
                <c:pt idx="4421">
                  <c:v>0.27304743445134805</c:v>
                </c:pt>
                <c:pt idx="4422">
                  <c:v>0.31541686393517798</c:v>
                </c:pt>
                <c:pt idx="4423">
                  <c:v>0.31541686393517798</c:v>
                </c:pt>
                <c:pt idx="4424">
                  <c:v>0.31541686393517798</c:v>
                </c:pt>
                <c:pt idx="4425">
                  <c:v>0.33895543587063898</c:v>
                </c:pt>
                <c:pt idx="4426">
                  <c:v>0.36720172219319225</c:v>
                </c:pt>
                <c:pt idx="4427">
                  <c:v>0.42369429483829874</c:v>
                </c:pt>
                <c:pt idx="4428">
                  <c:v>0.42369429483829874</c:v>
                </c:pt>
                <c:pt idx="4429">
                  <c:v>0.42369429483829874</c:v>
                </c:pt>
                <c:pt idx="4430">
                  <c:v>0.42369429483829874</c:v>
                </c:pt>
                <c:pt idx="4431">
                  <c:v>0.42369429483829874</c:v>
                </c:pt>
                <c:pt idx="4432">
                  <c:v>0.42369429483829874</c:v>
                </c:pt>
                <c:pt idx="4433">
                  <c:v>0.42369429483829874</c:v>
                </c:pt>
                <c:pt idx="4434">
                  <c:v>0.42369429483829874</c:v>
                </c:pt>
                <c:pt idx="4435">
                  <c:v>0.35307857903191564</c:v>
                </c:pt>
                <c:pt idx="4436">
                  <c:v>0.28246286322553255</c:v>
                </c:pt>
                <c:pt idx="4437">
                  <c:v>0.21184714741914937</c:v>
                </c:pt>
                <c:pt idx="4438">
                  <c:v>0.21184714741914937</c:v>
                </c:pt>
                <c:pt idx="4439">
                  <c:v>0.21184714741914937</c:v>
                </c:pt>
                <c:pt idx="4440">
                  <c:v>0.20624501620258545</c:v>
                </c:pt>
                <c:pt idx="4441">
                  <c:v>0.20624501620258545</c:v>
                </c:pt>
                <c:pt idx="4442">
                  <c:v>0.20624501620258545</c:v>
                </c:pt>
                <c:pt idx="4443">
                  <c:v>0.20624501620258545</c:v>
                </c:pt>
                <c:pt idx="4444">
                  <c:v>0.20624501620258545</c:v>
                </c:pt>
                <c:pt idx="4445">
                  <c:v>0.26582690977222123</c:v>
                </c:pt>
                <c:pt idx="4446">
                  <c:v>0.30707591301273834</c:v>
                </c:pt>
                <c:pt idx="4447">
                  <c:v>0.30707591301273834</c:v>
                </c:pt>
                <c:pt idx="4448">
                  <c:v>0.30707591301273834</c:v>
                </c:pt>
                <c:pt idx="4449">
                  <c:v>0.32999202592413668</c:v>
                </c:pt>
                <c:pt idx="4450">
                  <c:v>0.35749136141781473</c:v>
                </c:pt>
                <c:pt idx="4451">
                  <c:v>0.4124900324051709</c:v>
                </c:pt>
                <c:pt idx="4452">
                  <c:v>0.4124900324051709</c:v>
                </c:pt>
                <c:pt idx="4453">
                  <c:v>0.4124900324051709</c:v>
                </c:pt>
                <c:pt idx="4454">
                  <c:v>0.4124900324051709</c:v>
                </c:pt>
                <c:pt idx="4455">
                  <c:v>0.4124900324051709</c:v>
                </c:pt>
                <c:pt idx="4456">
                  <c:v>0.4124900324051709</c:v>
                </c:pt>
                <c:pt idx="4457">
                  <c:v>0.4124900324051709</c:v>
                </c:pt>
                <c:pt idx="4458">
                  <c:v>0.4124900324051709</c:v>
                </c:pt>
                <c:pt idx="4459">
                  <c:v>0.34374169367097573</c:v>
                </c:pt>
                <c:pt idx="4460">
                  <c:v>0.27499335493678062</c:v>
                </c:pt>
                <c:pt idx="4461">
                  <c:v>0.20624501620258545</c:v>
                </c:pt>
                <c:pt idx="4462">
                  <c:v>0.20624501620258545</c:v>
                </c:pt>
                <c:pt idx="4463">
                  <c:v>0.20624501620258545</c:v>
                </c:pt>
                <c:pt idx="4464">
                  <c:v>0.22483793935149057</c:v>
                </c:pt>
                <c:pt idx="4465">
                  <c:v>0.22483793935149057</c:v>
                </c:pt>
                <c:pt idx="4466">
                  <c:v>0.22483793935149057</c:v>
                </c:pt>
                <c:pt idx="4467">
                  <c:v>0.22483793935149057</c:v>
                </c:pt>
                <c:pt idx="4468">
                  <c:v>0.22483793935149057</c:v>
                </c:pt>
                <c:pt idx="4469">
                  <c:v>0.28979112183081007</c:v>
                </c:pt>
                <c:pt idx="4470">
                  <c:v>0.34974790565787428</c:v>
                </c:pt>
                <c:pt idx="4471">
                  <c:v>0.34974790565787428</c:v>
                </c:pt>
                <c:pt idx="4472">
                  <c:v>0.34974790565787428</c:v>
                </c:pt>
                <c:pt idx="4473">
                  <c:v>0.37472989891915098</c:v>
                </c:pt>
                <c:pt idx="4474">
                  <c:v>0.38971909487591705</c:v>
                </c:pt>
                <c:pt idx="4475">
                  <c:v>0.44967587870298115</c:v>
                </c:pt>
                <c:pt idx="4476">
                  <c:v>0.44967587870298115</c:v>
                </c:pt>
                <c:pt idx="4477">
                  <c:v>0.44967587870298115</c:v>
                </c:pt>
                <c:pt idx="4478">
                  <c:v>0.44967587870298115</c:v>
                </c:pt>
                <c:pt idx="4479">
                  <c:v>0.37472989891915098</c:v>
                </c:pt>
                <c:pt idx="4480">
                  <c:v>0.35474430431012965</c:v>
                </c:pt>
                <c:pt idx="4481">
                  <c:v>0.35474430431012965</c:v>
                </c:pt>
                <c:pt idx="4482">
                  <c:v>0.35474430431012965</c:v>
                </c:pt>
                <c:pt idx="4483">
                  <c:v>0.35474430431012965</c:v>
                </c:pt>
                <c:pt idx="4484">
                  <c:v>0.27480192587404401</c:v>
                </c:pt>
                <c:pt idx="4485">
                  <c:v>0.10492437169736228</c:v>
                </c:pt>
                <c:pt idx="4486">
                  <c:v>0.10492437169736228</c:v>
                </c:pt>
                <c:pt idx="4487">
                  <c:v>0.10492437169736228</c:v>
                </c:pt>
                <c:pt idx="4488">
                  <c:v>4.0679252066847707E-2</c:v>
                </c:pt>
                <c:pt idx="4489">
                  <c:v>7.9421396892416965E-2</c:v>
                </c:pt>
                <c:pt idx="4490">
                  <c:v>7.9421396892416965E-2</c:v>
                </c:pt>
                <c:pt idx="4491">
                  <c:v>7.9421396892416965E-2</c:v>
                </c:pt>
                <c:pt idx="4492">
                  <c:v>7.9421396892416965E-2</c:v>
                </c:pt>
                <c:pt idx="4493">
                  <c:v>9.8792469305201566E-2</c:v>
                </c:pt>
                <c:pt idx="4494">
                  <c:v>0.12397486344182158</c:v>
                </c:pt>
                <c:pt idx="4495">
                  <c:v>0.14140882861332774</c:v>
                </c:pt>
                <c:pt idx="4496">
                  <c:v>0.14140882861332774</c:v>
                </c:pt>
                <c:pt idx="4497">
                  <c:v>0.14140882861332774</c:v>
                </c:pt>
                <c:pt idx="4498">
                  <c:v>0.14140882861332774</c:v>
                </c:pt>
                <c:pt idx="4499">
                  <c:v>0.14140882861332774</c:v>
                </c:pt>
                <c:pt idx="4500">
                  <c:v>0.14140882861332774</c:v>
                </c:pt>
                <c:pt idx="4501">
                  <c:v>0.14140882861332774</c:v>
                </c:pt>
                <c:pt idx="4502">
                  <c:v>0.14140882861332774</c:v>
                </c:pt>
                <c:pt idx="4503">
                  <c:v>0.12784907792437852</c:v>
                </c:pt>
                <c:pt idx="4504">
                  <c:v>0.11622643447670773</c:v>
                </c:pt>
                <c:pt idx="4505">
                  <c:v>0.10460379102903698</c:v>
                </c:pt>
                <c:pt idx="4506">
                  <c:v>0.10072957654648003</c:v>
                </c:pt>
                <c:pt idx="4507">
                  <c:v>8.1358504133695414E-2</c:v>
                </c:pt>
                <c:pt idx="4508">
                  <c:v>6.0050324479632329E-2</c:v>
                </c:pt>
                <c:pt idx="4509">
                  <c:v>6.0050324479632329E-2</c:v>
                </c:pt>
                <c:pt idx="4510">
                  <c:v>6.0050324479632329E-2</c:v>
                </c:pt>
                <c:pt idx="4511">
                  <c:v>6.0050324479632329E-2</c:v>
                </c:pt>
                <c:pt idx="4512">
                  <c:v>6.7973974449704253E-2</c:v>
                </c:pt>
                <c:pt idx="4513">
                  <c:v>7.8937518715785582E-2</c:v>
                </c:pt>
                <c:pt idx="4514">
                  <c:v>7.8937518715785582E-2</c:v>
                </c:pt>
                <c:pt idx="4515">
                  <c:v>7.8937518715785582E-2</c:v>
                </c:pt>
                <c:pt idx="4516">
                  <c:v>7.8937518715785582E-2</c:v>
                </c:pt>
                <c:pt idx="4517">
                  <c:v>9.8671898394731949E-2</c:v>
                </c:pt>
                <c:pt idx="4518">
                  <c:v>0.1162135692204621</c:v>
                </c:pt>
                <c:pt idx="4519">
                  <c:v>0.13814065775262474</c:v>
                </c:pt>
                <c:pt idx="4520">
                  <c:v>0.13814065775262474</c:v>
                </c:pt>
                <c:pt idx="4521">
                  <c:v>0.13814065775262474</c:v>
                </c:pt>
                <c:pt idx="4522">
                  <c:v>0.13814065775262474</c:v>
                </c:pt>
                <c:pt idx="4523">
                  <c:v>0.13814065775262474</c:v>
                </c:pt>
                <c:pt idx="4524">
                  <c:v>0.13814065775262474</c:v>
                </c:pt>
                <c:pt idx="4525">
                  <c:v>0.13814065775262474</c:v>
                </c:pt>
                <c:pt idx="4526">
                  <c:v>0.13814065775262474</c:v>
                </c:pt>
                <c:pt idx="4527">
                  <c:v>0.12279169578011088</c:v>
                </c:pt>
                <c:pt idx="4528">
                  <c:v>0.12059898692689462</c:v>
                </c:pt>
                <c:pt idx="4529">
                  <c:v>0.1030573161011645</c:v>
                </c:pt>
                <c:pt idx="4530">
                  <c:v>9.64791895415157E-2</c:v>
                </c:pt>
                <c:pt idx="4531">
                  <c:v>8.1130227569001845E-2</c:v>
                </c:pt>
                <c:pt idx="4532">
                  <c:v>6.7973974449704253E-2</c:v>
                </c:pt>
                <c:pt idx="4533">
                  <c:v>5.9203139036839186E-2</c:v>
                </c:pt>
                <c:pt idx="4534">
                  <c:v>5.9203139036839186E-2</c:v>
                </c:pt>
                <c:pt idx="4535">
                  <c:v>5.9203139036839186E-2</c:v>
                </c:pt>
                <c:pt idx="4536">
                  <c:v>6.848758960657185E-2</c:v>
                </c:pt>
                <c:pt idx="4537">
                  <c:v>6.848758960657185E-2</c:v>
                </c:pt>
                <c:pt idx="4538">
                  <c:v>6.848758960657185E-2</c:v>
                </c:pt>
                <c:pt idx="4539">
                  <c:v>6.848758960657185E-2</c:v>
                </c:pt>
                <c:pt idx="4540">
                  <c:v>6.848758960657185E-2</c:v>
                </c:pt>
                <c:pt idx="4541">
                  <c:v>0.29677955496181135</c:v>
                </c:pt>
                <c:pt idx="4542">
                  <c:v>0.3367306488989783</c:v>
                </c:pt>
                <c:pt idx="4543">
                  <c:v>0.3367306488989783</c:v>
                </c:pt>
                <c:pt idx="4544">
                  <c:v>0.3367306488989783</c:v>
                </c:pt>
                <c:pt idx="4545">
                  <c:v>0.35955984543450226</c:v>
                </c:pt>
                <c:pt idx="4546">
                  <c:v>0.35955984543450226</c:v>
                </c:pt>
                <c:pt idx="4547">
                  <c:v>0.45658393071047898</c:v>
                </c:pt>
                <c:pt idx="4548">
                  <c:v>0.45658393071047898</c:v>
                </c:pt>
                <c:pt idx="4549">
                  <c:v>0.30248685409569231</c:v>
                </c:pt>
                <c:pt idx="4550">
                  <c:v>0.45658393071047898</c:v>
                </c:pt>
                <c:pt idx="4551">
                  <c:v>0.45658393071047898</c:v>
                </c:pt>
                <c:pt idx="4552">
                  <c:v>0.45658393071047898</c:v>
                </c:pt>
                <c:pt idx="4553">
                  <c:v>0.45658393071047898</c:v>
                </c:pt>
                <c:pt idx="4554">
                  <c:v>0.45658393071047898</c:v>
                </c:pt>
                <c:pt idx="4555">
                  <c:v>0.38238904197002621</c:v>
                </c:pt>
                <c:pt idx="4556">
                  <c:v>0.31390145236345435</c:v>
                </c:pt>
                <c:pt idx="4557">
                  <c:v>0.22829196535523949</c:v>
                </c:pt>
                <c:pt idx="4558">
                  <c:v>0.21687736708747751</c:v>
                </c:pt>
                <c:pt idx="4559">
                  <c:v>0.21687736708747751</c:v>
                </c:pt>
                <c:pt idx="4560">
                  <c:v>0.1987759632864583</c:v>
                </c:pt>
                <c:pt idx="4561">
                  <c:v>0.1987759632864583</c:v>
                </c:pt>
                <c:pt idx="4562">
                  <c:v>0.1987759632864583</c:v>
                </c:pt>
                <c:pt idx="4563">
                  <c:v>0.1987759632864583</c:v>
                </c:pt>
                <c:pt idx="4564">
                  <c:v>0.1987759632864583</c:v>
                </c:pt>
                <c:pt idx="4565">
                  <c:v>0.25840875227239579</c:v>
                </c:pt>
                <c:pt idx="4566">
                  <c:v>0.28822514676536448</c:v>
                </c:pt>
                <c:pt idx="4567">
                  <c:v>0.29816394492968745</c:v>
                </c:pt>
                <c:pt idx="4568">
                  <c:v>0.29816394492968745</c:v>
                </c:pt>
                <c:pt idx="4569">
                  <c:v>0.32301094034049471</c:v>
                </c:pt>
                <c:pt idx="4570">
                  <c:v>0.33791913758697906</c:v>
                </c:pt>
                <c:pt idx="4571">
                  <c:v>0.3975519265729166</c:v>
                </c:pt>
                <c:pt idx="4572">
                  <c:v>0.3975519265729166</c:v>
                </c:pt>
                <c:pt idx="4573">
                  <c:v>0.3975519265729166</c:v>
                </c:pt>
                <c:pt idx="4574">
                  <c:v>0.3975519265729166</c:v>
                </c:pt>
                <c:pt idx="4575">
                  <c:v>0.3975519265729166</c:v>
                </c:pt>
                <c:pt idx="4576">
                  <c:v>0.3975519265729166</c:v>
                </c:pt>
                <c:pt idx="4577">
                  <c:v>0.3975519265729166</c:v>
                </c:pt>
                <c:pt idx="4578">
                  <c:v>0.3975519265729166</c:v>
                </c:pt>
                <c:pt idx="4579">
                  <c:v>0.33294973850481768</c:v>
                </c:pt>
                <c:pt idx="4580">
                  <c:v>0.27331694951888014</c:v>
                </c:pt>
                <c:pt idx="4581">
                  <c:v>0.1987759632864583</c:v>
                </c:pt>
                <c:pt idx="4582">
                  <c:v>0.1987759632864583</c:v>
                </c:pt>
                <c:pt idx="4583">
                  <c:v>0.1987759632864583</c:v>
                </c:pt>
                <c:pt idx="4584">
                  <c:v>0.17837821679486299</c:v>
                </c:pt>
                <c:pt idx="4585">
                  <c:v>0.20067549389422085</c:v>
                </c:pt>
                <c:pt idx="4586">
                  <c:v>0.20067549389422085</c:v>
                </c:pt>
                <c:pt idx="4587">
                  <c:v>0.20067549389422085</c:v>
                </c:pt>
                <c:pt idx="4588">
                  <c:v>0.20067549389422085</c:v>
                </c:pt>
                <c:pt idx="4589">
                  <c:v>0.25864841435255131</c:v>
                </c:pt>
                <c:pt idx="4590">
                  <c:v>0.29878351313139556</c:v>
                </c:pt>
                <c:pt idx="4591">
                  <c:v>0.29878351313139556</c:v>
                </c:pt>
                <c:pt idx="4592">
                  <c:v>0.29878351313139556</c:v>
                </c:pt>
                <c:pt idx="4593">
                  <c:v>0.32108079023075342</c:v>
                </c:pt>
                <c:pt idx="4594">
                  <c:v>0.34783752274998286</c:v>
                </c:pt>
                <c:pt idx="4595">
                  <c:v>0.40135098778844169</c:v>
                </c:pt>
                <c:pt idx="4596">
                  <c:v>0.40135098778844169</c:v>
                </c:pt>
                <c:pt idx="4597">
                  <c:v>0.40135098778844169</c:v>
                </c:pt>
                <c:pt idx="4598">
                  <c:v>0.40135098778844169</c:v>
                </c:pt>
                <c:pt idx="4599">
                  <c:v>0.40135098778844169</c:v>
                </c:pt>
                <c:pt idx="4600">
                  <c:v>0.40135098778844169</c:v>
                </c:pt>
                <c:pt idx="4601">
                  <c:v>0.40135098778844169</c:v>
                </c:pt>
                <c:pt idx="4602">
                  <c:v>0.40135098778844169</c:v>
                </c:pt>
                <c:pt idx="4603">
                  <c:v>0.33445915649036817</c:v>
                </c:pt>
                <c:pt idx="4604">
                  <c:v>0.26756732519229448</c:v>
                </c:pt>
                <c:pt idx="4605">
                  <c:v>0.20067549389422085</c:v>
                </c:pt>
                <c:pt idx="4606">
                  <c:v>0.20067549389422085</c:v>
                </c:pt>
                <c:pt idx="4607">
                  <c:v>0.20067549389422085</c:v>
                </c:pt>
                <c:pt idx="4608">
                  <c:v>0.2009857554615036</c:v>
                </c:pt>
                <c:pt idx="4609">
                  <c:v>0.2009857554615036</c:v>
                </c:pt>
                <c:pt idx="4610">
                  <c:v>0.2009857554615036</c:v>
                </c:pt>
                <c:pt idx="4611">
                  <c:v>0.2009857554615036</c:v>
                </c:pt>
                <c:pt idx="4612">
                  <c:v>0.2009857554615036</c:v>
                </c:pt>
                <c:pt idx="4613">
                  <c:v>0.25904830703927129</c:v>
                </c:pt>
                <c:pt idx="4614">
                  <c:v>0.299245458131572</c:v>
                </c:pt>
                <c:pt idx="4615">
                  <c:v>0.299245458131572</c:v>
                </c:pt>
                <c:pt idx="4616">
                  <c:v>0.299245458131572</c:v>
                </c:pt>
                <c:pt idx="4617">
                  <c:v>0.32157720873840573</c:v>
                </c:pt>
                <c:pt idx="4618">
                  <c:v>0.34837530946660622</c:v>
                </c:pt>
                <c:pt idx="4619">
                  <c:v>0.4019715109230072</c:v>
                </c:pt>
                <c:pt idx="4620">
                  <c:v>0.4019715109230072</c:v>
                </c:pt>
                <c:pt idx="4621">
                  <c:v>0.4019715109230072</c:v>
                </c:pt>
                <c:pt idx="4622">
                  <c:v>0.4019715109230072</c:v>
                </c:pt>
                <c:pt idx="4623">
                  <c:v>0.4019715109230072</c:v>
                </c:pt>
                <c:pt idx="4624">
                  <c:v>0.4019715109230072</c:v>
                </c:pt>
                <c:pt idx="4625">
                  <c:v>0.4019715109230072</c:v>
                </c:pt>
                <c:pt idx="4626">
                  <c:v>0.4019715109230072</c:v>
                </c:pt>
                <c:pt idx="4627">
                  <c:v>0.334976259102506</c:v>
                </c:pt>
                <c:pt idx="4628">
                  <c:v>0.26798100728200475</c:v>
                </c:pt>
                <c:pt idx="4629">
                  <c:v>0.2009857554615036</c:v>
                </c:pt>
                <c:pt idx="4630">
                  <c:v>0.2009857554615036</c:v>
                </c:pt>
                <c:pt idx="4631">
                  <c:v>0.2009857554615036</c:v>
                </c:pt>
                <c:pt idx="4632">
                  <c:v>0.22568489499025116</c:v>
                </c:pt>
                <c:pt idx="4633">
                  <c:v>0.22568489499025116</c:v>
                </c:pt>
                <c:pt idx="4634">
                  <c:v>0.22568489499025116</c:v>
                </c:pt>
                <c:pt idx="4635">
                  <c:v>0.22568489499025116</c:v>
                </c:pt>
                <c:pt idx="4636">
                  <c:v>0.22568489499025116</c:v>
                </c:pt>
                <c:pt idx="4637">
                  <c:v>0.29088275354299037</c:v>
                </c:pt>
                <c:pt idx="4638">
                  <c:v>0.3510653922070574</c:v>
                </c:pt>
                <c:pt idx="4639">
                  <c:v>0.3510653922070574</c:v>
                </c:pt>
                <c:pt idx="4640">
                  <c:v>0.3510653922070574</c:v>
                </c:pt>
                <c:pt idx="4641">
                  <c:v>0.3761414916504186</c:v>
                </c:pt>
                <c:pt idx="4642">
                  <c:v>0.39118715131643533</c:v>
                </c:pt>
                <c:pt idx="4643">
                  <c:v>0.45136978998050231</c:v>
                </c:pt>
                <c:pt idx="4644">
                  <c:v>0.45136978998050231</c:v>
                </c:pt>
                <c:pt idx="4645">
                  <c:v>0.45136978998050231</c:v>
                </c:pt>
                <c:pt idx="4646">
                  <c:v>0.45136978998050231</c:v>
                </c:pt>
                <c:pt idx="4647">
                  <c:v>0.3761414916504186</c:v>
                </c:pt>
                <c:pt idx="4648">
                  <c:v>0.35608061209572961</c:v>
                </c:pt>
                <c:pt idx="4649">
                  <c:v>0.35608061209572961</c:v>
                </c:pt>
                <c:pt idx="4650">
                  <c:v>0.35608061209572961</c:v>
                </c:pt>
                <c:pt idx="4651">
                  <c:v>0.35608061209572961</c:v>
                </c:pt>
                <c:pt idx="4652">
                  <c:v>0.27583709387697364</c:v>
                </c:pt>
                <c:pt idx="4653">
                  <c:v>0.10531961766211721</c:v>
                </c:pt>
                <c:pt idx="4654">
                  <c:v>0.10531961766211721</c:v>
                </c:pt>
                <c:pt idx="4655">
                  <c:v>0.10531961766211721</c:v>
                </c:pt>
                <c:pt idx="4656">
                  <c:v>4.8516912773697476E-2</c:v>
                </c:pt>
                <c:pt idx="4657">
                  <c:v>9.4723496367695073E-2</c:v>
                </c:pt>
                <c:pt idx="4658">
                  <c:v>9.4723496367695073E-2</c:v>
                </c:pt>
                <c:pt idx="4659">
                  <c:v>9.4723496367695073E-2</c:v>
                </c:pt>
                <c:pt idx="4660">
                  <c:v>9.4723496367695073E-2</c:v>
                </c:pt>
                <c:pt idx="4661">
                  <c:v>0.1178267881646939</c:v>
                </c:pt>
                <c:pt idx="4662">
                  <c:v>0.14786106750079234</c:v>
                </c:pt>
                <c:pt idx="4663">
                  <c:v>0.16865403011809124</c:v>
                </c:pt>
                <c:pt idx="4664">
                  <c:v>0.16865403011809124</c:v>
                </c:pt>
                <c:pt idx="4665">
                  <c:v>0.16865403011809124</c:v>
                </c:pt>
                <c:pt idx="4666">
                  <c:v>0.16865403011809124</c:v>
                </c:pt>
                <c:pt idx="4667">
                  <c:v>0.16865403011809124</c:v>
                </c:pt>
                <c:pt idx="4668">
                  <c:v>0.16865403011809124</c:v>
                </c:pt>
                <c:pt idx="4669">
                  <c:v>0.16865403011809124</c:v>
                </c:pt>
                <c:pt idx="4670">
                  <c:v>0.16865403011809124</c:v>
                </c:pt>
                <c:pt idx="4671">
                  <c:v>0.15248172586019207</c:v>
                </c:pt>
                <c:pt idx="4672">
                  <c:v>0.13861975078199282</c:v>
                </c:pt>
                <c:pt idx="4673">
                  <c:v>0.12475777570379352</c:v>
                </c:pt>
                <c:pt idx="4674">
                  <c:v>0.12013711734439375</c:v>
                </c:pt>
                <c:pt idx="4675">
                  <c:v>9.7033825547394953E-2</c:v>
                </c:pt>
                <c:pt idx="4676">
                  <c:v>7.1620204570696275E-2</c:v>
                </c:pt>
                <c:pt idx="4677">
                  <c:v>7.1620204570696275E-2</c:v>
                </c:pt>
                <c:pt idx="4678">
                  <c:v>7.1620204570696275E-2</c:v>
                </c:pt>
                <c:pt idx="4679">
                  <c:v>7.1620204570696275E-2</c:v>
                </c:pt>
                <c:pt idx="4680">
                  <c:v>6.8065544427133987E-2</c:v>
                </c:pt>
                <c:pt idx="4681">
                  <c:v>7.9043858044413662E-2</c:v>
                </c:pt>
                <c:pt idx="4682">
                  <c:v>7.9043858044413662E-2</c:v>
                </c:pt>
                <c:pt idx="4683">
                  <c:v>7.9043858044413662E-2</c:v>
                </c:pt>
                <c:pt idx="4684">
                  <c:v>7.9043858044413662E-2</c:v>
                </c:pt>
                <c:pt idx="4685">
                  <c:v>9.8804822555517077E-2</c:v>
                </c:pt>
                <c:pt idx="4686">
                  <c:v>0.11637012434316456</c:v>
                </c:pt>
                <c:pt idx="4687">
                  <c:v>0.13832675157772392</c:v>
                </c:pt>
                <c:pt idx="4688">
                  <c:v>0.13832675157772392</c:v>
                </c:pt>
                <c:pt idx="4689">
                  <c:v>0.13832675157772392</c:v>
                </c:pt>
                <c:pt idx="4690">
                  <c:v>0.13832675157772392</c:v>
                </c:pt>
                <c:pt idx="4691">
                  <c:v>0.13832675157772392</c:v>
                </c:pt>
                <c:pt idx="4692">
                  <c:v>0.13832675157772392</c:v>
                </c:pt>
                <c:pt idx="4693">
                  <c:v>0.13832675157772392</c:v>
                </c:pt>
                <c:pt idx="4694">
                  <c:v>0.13832675157772392</c:v>
                </c:pt>
                <c:pt idx="4695">
                  <c:v>0.12295711251353239</c:v>
                </c:pt>
                <c:pt idx="4696">
                  <c:v>0.12076144979007643</c:v>
                </c:pt>
                <c:pt idx="4697">
                  <c:v>0.10319614800242895</c:v>
                </c:pt>
                <c:pt idx="4698">
                  <c:v>9.6609159832061156E-2</c:v>
                </c:pt>
                <c:pt idx="4699">
                  <c:v>8.1239520767869611E-2</c:v>
                </c:pt>
                <c:pt idx="4700">
                  <c:v>6.8065544427133987E-2</c:v>
                </c:pt>
                <c:pt idx="4701">
                  <c:v>5.928289353331026E-2</c:v>
                </c:pt>
                <c:pt idx="4702">
                  <c:v>5.928289353331026E-2</c:v>
                </c:pt>
                <c:pt idx="4703">
                  <c:v>5.928289353331026E-2</c:v>
                </c:pt>
                <c:pt idx="4704">
                  <c:v>6.9387119827058072E-2</c:v>
                </c:pt>
                <c:pt idx="4705">
                  <c:v>6.9387119827058072E-2</c:v>
                </c:pt>
                <c:pt idx="4706">
                  <c:v>6.9387119827058072E-2</c:v>
                </c:pt>
                <c:pt idx="4707">
                  <c:v>6.9387119827058072E-2</c:v>
                </c:pt>
                <c:pt idx="4708">
                  <c:v>6.9387119827058072E-2</c:v>
                </c:pt>
                <c:pt idx="4709">
                  <c:v>0.300677519250585</c:v>
                </c:pt>
                <c:pt idx="4710">
                  <c:v>0.34115333914970219</c:v>
                </c:pt>
                <c:pt idx="4711">
                  <c:v>0.34115333914970219</c:v>
                </c:pt>
                <c:pt idx="4712">
                  <c:v>0.34115333914970219</c:v>
                </c:pt>
                <c:pt idx="4713">
                  <c:v>0.36428237909205491</c:v>
                </c:pt>
                <c:pt idx="4714">
                  <c:v>0.36428237909205491</c:v>
                </c:pt>
                <c:pt idx="4715">
                  <c:v>0.46258079884705389</c:v>
                </c:pt>
                <c:pt idx="4716">
                  <c:v>0.46258079884705389</c:v>
                </c:pt>
                <c:pt idx="4717">
                  <c:v>0.30645977923617318</c:v>
                </c:pt>
                <c:pt idx="4718">
                  <c:v>0.46258079884705389</c:v>
                </c:pt>
                <c:pt idx="4719">
                  <c:v>0.46258079884705389</c:v>
                </c:pt>
                <c:pt idx="4720">
                  <c:v>0.46258079884705389</c:v>
                </c:pt>
                <c:pt idx="4721">
                  <c:v>0.46258079884705389</c:v>
                </c:pt>
                <c:pt idx="4722">
                  <c:v>0.46258079884705389</c:v>
                </c:pt>
                <c:pt idx="4723">
                  <c:v>0.38741141903440768</c:v>
                </c:pt>
                <c:pt idx="4724">
                  <c:v>0.31802429920734954</c:v>
                </c:pt>
                <c:pt idx="4725">
                  <c:v>0.23129039942352694</c:v>
                </c:pt>
                <c:pt idx="4726">
                  <c:v>0.21972587945235061</c:v>
                </c:pt>
                <c:pt idx="4727">
                  <c:v>0.21972587945235061</c:v>
                </c:pt>
                <c:pt idx="4728">
                  <c:v>0.20634790951044141</c:v>
                </c:pt>
                <c:pt idx="4729">
                  <c:v>0.20634790951044141</c:v>
                </c:pt>
                <c:pt idx="4730">
                  <c:v>0.20634790951044141</c:v>
                </c:pt>
                <c:pt idx="4731">
                  <c:v>0.20634790951044141</c:v>
                </c:pt>
                <c:pt idx="4732">
                  <c:v>0.20634790951044141</c:v>
                </c:pt>
                <c:pt idx="4733">
                  <c:v>0.26825228236357379</c:v>
                </c:pt>
                <c:pt idx="4734">
                  <c:v>0.29920446879014001</c:v>
                </c:pt>
                <c:pt idx="4735">
                  <c:v>0.30952186426566214</c:v>
                </c:pt>
                <c:pt idx="4736">
                  <c:v>0.30952186426566214</c:v>
                </c:pt>
                <c:pt idx="4737">
                  <c:v>0.33531535295446724</c:v>
                </c:pt>
                <c:pt idx="4738">
                  <c:v>0.35079144616775032</c:v>
                </c:pt>
                <c:pt idx="4739">
                  <c:v>0.41269581902088281</c:v>
                </c:pt>
                <c:pt idx="4740">
                  <c:v>0.41269581902088281</c:v>
                </c:pt>
                <c:pt idx="4741">
                  <c:v>0.41269581902088281</c:v>
                </c:pt>
                <c:pt idx="4742">
                  <c:v>0.41269581902088281</c:v>
                </c:pt>
                <c:pt idx="4743">
                  <c:v>0.41269581902088281</c:v>
                </c:pt>
                <c:pt idx="4744">
                  <c:v>0.41269581902088281</c:v>
                </c:pt>
                <c:pt idx="4745">
                  <c:v>0.41269581902088281</c:v>
                </c:pt>
                <c:pt idx="4746">
                  <c:v>0.41269581902088281</c:v>
                </c:pt>
                <c:pt idx="4747">
                  <c:v>0.34563274842998937</c:v>
                </c:pt>
                <c:pt idx="4748">
                  <c:v>0.28372837557685687</c:v>
                </c:pt>
                <c:pt idx="4749">
                  <c:v>0.20634790951044141</c:v>
                </c:pt>
                <c:pt idx="4750">
                  <c:v>0.20634790951044141</c:v>
                </c:pt>
                <c:pt idx="4751">
                  <c:v>0.20634790951044141</c:v>
                </c:pt>
                <c:pt idx="4752">
                  <c:v>0.18596390745993793</c:v>
                </c:pt>
                <c:pt idx="4753">
                  <c:v>0.20920939589243012</c:v>
                </c:pt>
                <c:pt idx="4754">
                  <c:v>0.20920939589243012</c:v>
                </c:pt>
                <c:pt idx="4755">
                  <c:v>0.20920939589243012</c:v>
                </c:pt>
                <c:pt idx="4756">
                  <c:v>0.20920939589243012</c:v>
                </c:pt>
                <c:pt idx="4757">
                  <c:v>0.26964766581690996</c:v>
                </c:pt>
                <c:pt idx="4758">
                  <c:v>0.31148954499539599</c:v>
                </c:pt>
                <c:pt idx="4759">
                  <c:v>0.31148954499539599</c:v>
                </c:pt>
                <c:pt idx="4760">
                  <c:v>0.31148954499539599</c:v>
                </c:pt>
                <c:pt idx="4761">
                  <c:v>0.33473503342788818</c:v>
                </c:pt>
                <c:pt idx="4762">
                  <c:v>0.36262961954687889</c:v>
                </c:pt>
                <c:pt idx="4763">
                  <c:v>0.41841879178486024</c:v>
                </c:pt>
                <c:pt idx="4764">
                  <c:v>0.41841879178486024</c:v>
                </c:pt>
                <c:pt idx="4765">
                  <c:v>0.41841879178486024</c:v>
                </c:pt>
                <c:pt idx="4766">
                  <c:v>0.41841879178486024</c:v>
                </c:pt>
                <c:pt idx="4767">
                  <c:v>0.41841879178486024</c:v>
                </c:pt>
                <c:pt idx="4768">
                  <c:v>0.41841879178486024</c:v>
                </c:pt>
                <c:pt idx="4769">
                  <c:v>0.41841879178486024</c:v>
                </c:pt>
                <c:pt idx="4770">
                  <c:v>0.41841879178486024</c:v>
                </c:pt>
                <c:pt idx="4771">
                  <c:v>0.34868232648738362</c:v>
                </c:pt>
                <c:pt idx="4772">
                  <c:v>0.27894586118990683</c:v>
                </c:pt>
                <c:pt idx="4773">
                  <c:v>0.20920939589243012</c:v>
                </c:pt>
                <c:pt idx="4774">
                  <c:v>0.20920939589243012</c:v>
                </c:pt>
                <c:pt idx="4775">
                  <c:v>0.20920939589243012</c:v>
                </c:pt>
                <c:pt idx="4776">
                  <c:v>0.21011211968867496</c:v>
                </c:pt>
                <c:pt idx="4777">
                  <c:v>0.21011211968867496</c:v>
                </c:pt>
                <c:pt idx="4778">
                  <c:v>0.21011211968867496</c:v>
                </c:pt>
                <c:pt idx="4779">
                  <c:v>0.21011211968867496</c:v>
                </c:pt>
                <c:pt idx="4780">
                  <c:v>0.21011211968867496</c:v>
                </c:pt>
                <c:pt idx="4781">
                  <c:v>0.27081117648762554</c:v>
                </c:pt>
                <c:pt idx="4782">
                  <c:v>0.31283360042536057</c:v>
                </c:pt>
                <c:pt idx="4783">
                  <c:v>0.31283360042536057</c:v>
                </c:pt>
                <c:pt idx="4784">
                  <c:v>0.31283360042536057</c:v>
                </c:pt>
                <c:pt idx="4785">
                  <c:v>0.33617939150187998</c:v>
                </c:pt>
                <c:pt idx="4786">
                  <c:v>0.36419434079370328</c:v>
                </c:pt>
                <c:pt idx="4787">
                  <c:v>0.42022423937734993</c:v>
                </c:pt>
                <c:pt idx="4788">
                  <c:v>0.42022423937734993</c:v>
                </c:pt>
                <c:pt idx="4789">
                  <c:v>0.42022423937734993</c:v>
                </c:pt>
                <c:pt idx="4790">
                  <c:v>0.42022423937734993</c:v>
                </c:pt>
                <c:pt idx="4791">
                  <c:v>0.42022423937734993</c:v>
                </c:pt>
                <c:pt idx="4792">
                  <c:v>0.42022423937734993</c:v>
                </c:pt>
                <c:pt idx="4793">
                  <c:v>0.42022423937734993</c:v>
                </c:pt>
                <c:pt idx="4794">
                  <c:v>0.42022423937734993</c:v>
                </c:pt>
                <c:pt idx="4795">
                  <c:v>0.35018686614779165</c:v>
                </c:pt>
                <c:pt idx="4796">
                  <c:v>0.28014949291823332</c:v>
                </c:pt>
                <c:pt idx="4797">
                  <c:v>0.21011211968867496</c:v>
                </c:pt>
                <c:pt idx="4798">
                  <c:v>0.21011211968867496</c:v>
                </c:pt>
                <c:pt idx="4799">
                  <c:v>0.21011211968867496</c:v>
                </c:pt>
                <c:pt idx="4800">
                  <c:v>0.22805637077878071</c:v>
                </c:pt>
                <c:pt idx="4801">
                  <c:v>0.22805637077878071</c:v>
                </c:pt>
                <c:pt idx="4802">
                  <c:v>0.22805637077878071</c:v>
                </c:pt>
                <c:pt idx="4803">
                  <c:v>0.22805637077878071</c:v>
                </c:pt>
                <c:pt idx="4804">
                  <c:v>0.22805637077878071</c:v>
                </c:pt>
                <c:pt idx="4805">
                  <c:v>0.29393932233709513</c:v>
                </c:pt>
                <c:pt idx="4806">
                  <c:v>0.35475435454477</c:v>
                </c:pt>
                <c:pt idx="4807">
                  <c:v>0.35475435454477</c:v>
                </c:pt>
                <c:pt idx="4808">
                  <c:v>0.35475435454477</c:v>
                </c:pt>
                <c:pt idx="4809">
                  <c:v>0.38009395129796786</c:v>
                </c:pt>
                <c:pt idx="4810">
                  <c:v>0.39529770934988656</c:v>
                </c:pt>
                <c:pt idx="4811">
                  <c:v>0.45611274155756143</c:v>
                </c:pt>
                <c:pt idx="4812">
                  <c:v>0.45611274155756143</c:v>
                </c:pt>
                <c:pt idx="4813">
                  <c:v>0.45611274155756143</c:v>
                </c:pt>
                <c:pt idx="4814">
                  <c:v>0.45611274155756143</c:v>
                </c:pt>
                <c:pt idx="4815">
                  <c:v>0.38009395129796786</c:v>
                </c:pt>
                <c:pt idx="4816">
                  <c:v>0.35982227389540961</c:v>
                </c:pt>
                <c:pt idx="4817">
                  <c:v>0.35982227389540961</c:v>
                </c:pt>
                <c:pt idx="4818">
                  <c:v>0.35982227389540961</c:v>
                </c:pt>
                <c:pt idx="4819">
                  <c:v>0.35982227389540961</c:v>
                </c:pt>
                <c:pt idx="4820">
                  <c:v>0.27873556428517643</c:v>
                </c:pt>
                <c:pt idx="4821">
                  <c:v>0.10642630636343101</c:v>
                </c:pt>
                <c:pt idx="4822">
                  <c:v>0.10642630636343101</c:v>
                </c:pt>
                <c:pt idx="4823">
                  <c:v>0.10642630636343101</c:v>
                </c:pt>
                <c:pt idx="4824">
                  <c:v>5.0255582942985419E-2</c:v>
                </c:pt>
                <c:pt idx="4825">
                  <c:v>9.811804288868585E-2</c:v>
                </c:pt>
                <c:pt idx="4826">
                  <c:v>9.811804288868585E-2</c:v>
                </c:pt>
                <c:pt idx="4827">
                  <c:v>9.811804288868585E-2</c:v>
                </c:pt>
                <c:pt idx="4828">
                  <c:v>9.811804288868585E-2</c:v>
                </c:pt>
                <c:pt idx="4829">
                  <c:v>0.12204927286153605</c:v>
                </c:pt>
                <c:pt idx="4830">
                  <c:v>0.1531598718262413</c:v>
                </c:pt>
                <c:pt idx="4831">
                  <c:v>0.17469797880180649</c:v>
                </c:pt>
                <c:pt idx="4832">
                  <c:v>0.17469797880180649</c:v>
                </c:pt>
                <c:pt idx="4833">
                  <c:v>0.17469797880180649</c:v>
                </c:pt>
                <c:pt idx="4834">
                  <c:v>0.17469797880180649</c:v>
                </c:pt>
                <c:pt idx="4835">
                  <c:v>0.17469797880180649</c:v>
                </c:pt>
                <c:pt idx="4836">
                  <c:v>0.17469797880180649</c:v>
                </c:pt>
                <c:pt idx="4837">
                  <c:v>0.17469797880180649</c:v>
                </c:pt>
                <c:pt idx="4838">
                  <c:v>0.17469797880180649</c:v>
                </c:pt>
                <c:pt idx="4839">
                  <c:v>0.15794611782081136</c:v>
                </c:pt>
                <c:pt idx="4840">
                  <c:v>0.14358737983710124</c:v>
                </c:pt>
                <c:pt idx="4841">
                  <c:v>0.12922864185339111</c:v>
                </c:pt>
                <c:pt idx="4842">
                  <c:v>0.12444239585882105</c:v>
                </c:pt>
                <c:pt idx="4843">
                  <c:v>0.10051116588597084</c:v>
                </c:pt>
                <c:pt idx="4844">
                  <c:v>7.418681291583562E-2</c:v>
                </c:pt>
                <c:pt idx="4845">
                  <c:v>7.418681291583562E-2</c:v>
                </c:pt>
                <c:pt idx="4846">
                  <c:v>7.418681291583562E-2</c:v>
                </c:pt>
                <c:pt idx="4847">
                  <c:v>7.418681291583562E-2</c:v>
                </c:pt>
                <c:pt idx="4848">
                  <c:v>8.1884309316824E-2</c:v>
                </c:pt>
                <c:pt idx="4849">
                  <c:v>9.5091455980827855E-2</c:v>
                </c:pt>
                <c:pt idx="4850">
                  <c:v>9.5091455980827855E-2</c:v>
                </c:pt>
                <c:pt idx="4851">
                  <c:v>9.5091455980827855E-2</c:v>
                </c:pt>
                <c:pt idx="4852">
                  <c:v>9.5091455980827855E-2</c:v>
                </c:pt>
                <c:pt idx="4853">
                  <c:v>0.11886431997603482</c:v>
                </c:pt>
                <c:pt idx="4854">
                  <c:v>0.13999575463844099</c:v>
                </c:pt>
                <c:pt idx="4855">
                  <c:v>0.16641004796644876</c:v>
                </c:pt>
                <c:pt idx="4856">
                  <c:v>0.16641004796644876</c:v>
                </c:pt>
                <c:pt idx="4857">
                  <c:v>0.16641004796644876</c:v>
                </c:pt>
                <c:pt idx="4858">
                  <c:v>0.16641004796644876</c:v>
                </c:pt>
                <c:pt idx="4859">
                  <c:v>0.16641004796644876</c:v>
                </c:pt>
                <c:pt idx="4860">
                  <c:v>0.16641004796644876</c:v>
                </c:pt>
                <c:pt idx="4861">
                  <c:v>0.16641004796644876</c:v>
                </c:pt>
                <c:pt idx="4862">
                  <c:v>0.16641004796644876</c:v>
                </c:pt>
                <c:pt idx="4863">
                  <c:v>0.14792004263684333</c:v>
                </c:pt>
                <c:pt idx="4864">
                  <c:v>0.14527861330404257</c:v>
                </c:pt>
                <c:pt idx="4865">
                  <c:v>0.12414717864163637</c:v>
                </c:pt>
                <c:pt idx="4866">
                  <c:v>0.11622289064323404</c:v>
                </c:pt>
                <c:pt idx="4867">
                  <c:v>9.7732885313628642E-2</c:v>
                </c:pt>
                <c:pt idx="4868">
                  <c:v>8.1884309316824E-2</c:v>
                </c:pt>
                <c:pt idx="4869">
                  <c:v>7.1318591985620891E-2</c:v>
                </c:pt>
                <c:pt idx="4870">
                  <c:v>7.1318591985620891E-2</c:v>
                </c:pt>
                <c:pt idx="4871">
                  <c:v>7.1318591985620891E-2</c:v>
                </c:pt>
                <c:pt idx="4872">
                  <c:v>7.0762871928978219E-2</c:v>
                </c:pt>
                <c:pt idx="4873">
                  <c:v>7.0762871928978219E-2</c:v>
                </c:pt>
                <c:pt idx="4874">
                  <c:v>7.0762871928978219E-2</c:v>
                </c:pt>
                <c:pt idx="4875">
                  <c:v>7.0762871928978219E-2</c:v>
                </c:pt>
                <c:pt idx="4876">
                  <c:v>7.0762871928978219E-2</c:v>
                </c:pt>
                <c:pt idx="4877">
                  <c:v>0.30663911169223901</c:v>
                </c:pt>
                <c:pt idx="4878">
                  <c:v>0.34791745365080956</c:v>
                </c:pt>
                <c:pt idx="4879">
                  <c:v>0.34791745365080956</c:v>
                </c:pt>
                <c:pt idx="4880">
                  <c:v>0.34791745365080956</c:v>
                </c:pt>
                <c:pt idx="4881">
                  <c:v>0.37150507762713569</c:v>
                </c:pt>
                <c:pt idx="4882">
                  <c:v>0.37150507762713569</c:v>
                </c:pt>
                <c:pt idx="4883">
                  <c:v>0.4717524795265215</c:v>
                </c:pt>
                <c:pt idx="4884">
                  <c:v>0.4717524795265215</c:v>
                </c:pt>
                <c:pt idx="4885">
                  <c:v>0.3125360176863205</c:v>
                </c:pt>
                <c:pt idx="4886">
                  <c:v>0.4717524795265215</c:v>
                </c:pt>
                <c:pt idx="4887">
                  <c:v>0.4717524795265215</c:v>
                </c:pt>
                <c:pt idx="4888">
                  <c:v>0.4717524795265215</c:v>
                </c:pt>
                <c:pt idx="4889">
                  <c:v>0.4717524795265215</c:v>
                </c:pt>
                <c:pt idx="4890">
                  <c:v>0.4717524795265215</c:v>
                </c:pt>
                <c:pt idx="4891">
                  <c:v>0.39509270160346172</c:v>
                </c:pt>
                <c:pt idx="4892">
                  <c:v>0.32432982967448354</c:v>
                </c:pt>
                <c:pt idx="4893">
                  <c:v>0.23587623976326075</c:v>
                </c:pt>
                <c:pt idx="4894">
                  <c:v>0.22408242777509771</c:v>
                </c:pt>
                <c:pt idx="4895">
                  <c:v>0.22408242777509771</c:v>
                </c:pt>
                <c:pt idx="4896">
                  <c:v>0.20511167339224007</c:v>
                </c:pt>
                <c:pt idx="4897">
                  <c:v>0.20511167339224007</c:v>
                </c:pt>
                <c:pt idx="4898">
                  <c:v>0.20511167339224007</c:v>
                </c:pt>
                <c:pt idx="4899">
                  <c:v>0.20511167339224007</c:v>
                </c:pt>
                <c:pt idx="4900">
                  <c:v>0.20511167339224007</c:v>
                </c:pt>
                <c:pt idx="4901">
                  <c:v>0.26664517540991206</c:v>
                </c:pt>
                <c:pt idx="4902">
                  <c:v>0.29741192641874808</c:v>
                </c:pt>
                <c:pt idx="4903">
                  <c:v>0.30766751008836007</c:v>
                </c:pt>
                <c:pt idx="4904">
                  <c:v>0.30766751008836007</c:v>
                </c:pt>
                <c:pt idx="4905">
                  <c:v>0.33330646926239005</c:v>
                </c:pt>
                <c:pt idx="4906">
                  <c:v>0.34868984476680809</c:v>
                </c:pt>
                <c:pt idx="4907">
                  <c:v>0.41022334678448014</c:v>
                </c:pt>
                <c:pt idx="4908">
                  <c:v>0.41022334678448014</c:v>
                </c:pt>
                <c:pt idx="4909">
                  <c:v>0.41022334678448014</c:v>
                </c:pt>
                <c:pt idx="4910">
                  <c:v>0.41022334678448014</c:v>
                </c:pt>
                <c:pt idx="4911">
                  <c:v>0.41022334678448014</c:v>
                </c:pt>
                <c:pt idx="4912">
                  <c:v>0.41022334678448014</c:v>
                </c:pt>
                <c:pt idx="4913">
                  <c:v>0.41022334678448014</c:v>
                </c:pt>
                <c:pt idx="4914">
                  <c:v>0.41022334678448014</c:v>
                </c:pt>
                <c:pt idx="4915">
                  <c:v>0.34356205293200209</c:v>
                </c:pt>
                <c:pt idx="4916">
                  <c:v>0.28202855091433005</c:v>
                </c:pt>
                <c:pt idx="4917">
                  <c:v>0.20511167339224007</c:v>
                </c:pt>
                <c:pt idx="4918">
                  <c:v>0.20511167339224007</c:v>
                </c:pt>
                <c:pt idx="4919">
                  <c:v>0.20511167339224007</c:v>
                </c:pt>
                <c:pt idx="4920">
                  <c:v>0.18417092603001112</c:v>
                </c:pt>
                <c:pt idx="4921">
                  <c:v>0.2071922917837625</c:v>
                </c:pt>
                <c:pt idx="4922">
                  <c:v>0.2071922917837625</c:v>
                </c:pt>
                <c:pt idx="4923">
                  <c:v>0.2071922917837625</c:v>
                </c:pt>
                <c:pt idx="4924">
                  <c:v>0.2071922917837625</c:v>
                </c:pt>
                <c:pt idx="4925">
                  <c:v>0.26704784274351612</c:v>
                </c:pt>
                <c:pt idx="4926">
                  <c:v>0.30848630110026859</c:v>
                </c:pt>
                <c:pt idx="4927">
                  <c:v>0.30848630110026859</c:v>
                </c:pt>
                <c:pt idx="4928">
                  <c:v>0.30848630110026859</c:v>
                </c:pt>
                <c:pt idx="4929">
                  <c:v>0.33150766685402</c:v>
                </c:pt>
                <c:pt idx="4930">
                  <c:v>0.35913330575852165</c:v>
                </c:pt>
                <c:pt idx="4931">
                  <c:v>0.414384583567525</c:v>
                </c:pt>
                <c:pt idx="4932">
                  <c:v>0.414384583567525</c:v>
                </c:pt>
                <c:pt idx="4933">
                  <c:v>0.414384583567525</c:v>
                </c:pt>
                <c:pt idx="4934">
                  <c:v>0.414384583567525</c:v>
                </c:pt>
                <c:pt idx="4935">
                  <c:v>0.414384583567525</c:v>
                </c:pt>
                <c:pt idx="4936">
                  <c:v>0.414384583567525</c:v>
                </c:pt>
                <c:pt idx="4937">
                  <c:v>0.414384583567525</c:v>
                </c:pt>
                <c:pt idx="4938">
                  <c:v>0.414384583567525</c:v>
                </c:pt>
                <c:pt idx="4939">
                  <c:v>0.34532048630627082</c:v>
                </c:pt>
                <c:pt idx="4940">
                  <c:v>0.27625638904501665</c:v>
                </c:pt>
                <c:pt idx="4941">
                  <c:v>0.2071922917837625</c:v>
                </c:pt>
                <c:pt idx="4942">
                  <c:v>0.2071922917837625</c:v>
                </c:pt>
                <c:pt idx="4943">
                  <c:v>0.2071922917837625</c:v>
                </c:pt>
                <c:pt idx="4944">
                  <c:v>0.20407943825037525</c:v>
                </c:pt>
                <c:pt idx="4945">
                  <c:v>0.20407943825037525</c:v>
                </c:pt>
                <c:pt idx="4946">
                  <c:v>0.20407943825037525</c:v>
                </c:pt>
                <c:pt idx="4947">
                  <c:v>0.20407943825037525</c:v>
                </c:pt>
                <c:pt idx="4948">
                  <c:v>0.20407943825037525</c:v>
                </c:pt>
                <c:pt idx="4949">
                  <c:v>0.26303572041159479</c:v>
                </c:pt>
                <c:pt idx="4950">
                  <c:v>0.30385160806166989</c:v>
                </c:pt>
                <c:pt idx="4951">
                  <c:v>0.30385160806166989</c:v>
                </c:pt>
                <c:pt idx="4952">
                  <c:v>0.30385160806166989</c:v>
                </c:pt>
                <c:pt idx="4953">
                  <c:v>0.32652710120060047</c:v>
                </c:pt>
                <c:pt idx="4954">
                  <c:v>0.35373769296731716</c:v>
                </c:pt>
                <c:pt idx="4955">
                  <c:v>0.4081588765007505</c:v>
                </c:pt>
                <c:pt idx="4956">
                  <c:v>0.4081588765007505</c:v>
                </c:pt>
                <c:pt idx="4957">
                  <c:v>0.4081588765007505</c:v>
                </c:pt>
                <c:pt idx="4958">
                  <c:v>0.4081588765007505</c:v>
                </c:pt>
                <c:pt idx="4959">
                  <c:v>0.4081588765007505</c:v>
                </c:pt>
                <c:pt idx="4960">
                  <c:v>0.4081588765007505</c:v>
                </c:pt>
                <c:pt idx="4961">
                  <c:v>0.4081588765007505</c:v>
                </c:pt>
                <c:pt idx="4962">
                  <c:v>0.4081588765007505</c:v>
                </c:pt>
                <c:pt idx="4963">
                  <c:v>0.34013239708395882</c:v>
                </c:pt>
                <c:pt idx="4964">
                  <c:v>0.27210591766716707</c:v>
                </c:pt>
                <c:pt idx="4965">
                  <c:v>0.20407943825037525</c:v>
                </c:pt>
                <c:pt idx="4966">
                  <c:v>0.20407943825037525</c:v>
                </c:pt>
                <c:pt idx="4967">
                  <c:v>0.20407943825037525</c:v>
                </c:pt>
                <c:pt idx="4968">
                  <c:v>0.22382159258497797</c:v>
                </c:pt>
                <c:pt idx="4969">
                  <c:v>0.22382159258497797</c:v>
                </c:pt>
                <c:pt idx="4970">
                  <c:v>0.22382159258497797</c:v>
                </c:pt>
                <c:pt idx="4971">
                  <c:v>0.22382159258497797</c:v>
                </c:pt>
                <c:pt idx="4972">
                  <c:v>0.22382159258497797</c:v>
                </c:pt>
                <c:pt idx="4973">
                  <c:v>0.28848116377619382</c:v>
                </c:pt>
                <c:pt idx="4974">
                  <c:v>0.34816692179885461</c:v>
                </c:pt>
                <c:pt idx="4975">
                  <c:v>0.34816692179885461</c:v>
                </c:pt>
                <c:pt idx="4976">
                  <c:v>0.34816692179885461</c:v>
                </c:pt>
                <c:pt idx="4977">
                  <c:v>0.37303598764162993</c:v>
                </c:pt>
                <c:pt idx="4978">
                  <c:v>0.38795742714729514</c:v>
                </c:pt>
                <c:pt idx="4979">
                  <c:v>0.44764318516995594</c:v>
                </c:pt>
                <c:pt idx="4980">
                  <c:v>0.44764318516995594</c:v>
                </c:pt>
                <c:pt idx="4981">
                  <c:v>0.44764318516995594</c:v>
                </c:pt>
                <c:pt idx="4982">
                  <c:v>0.44764318516995594</c:v>
                </c:pt>
                <c:pt idx="4983">
                  <c:v>0.37303598764162993</c:v>
                </c:pt>
                <c:pt idx="4984">
                  <c:v>0.35314073496740972</c:v>
                </c:pt>
                <c:pt idx="4985">
                  <c:v>0.35314073496740972</c:v>
                </c:pt>
                <c:pt idx="4986">
                  <c:v>0.35314073496740972</c:v>
                </c:pt>
                <c:pt idx="4987">
                  <c:v>0.35314073496740972</c:v>
                </c:pt>
                <c:pt idx="4988">
                  <c:v>0.2735597242705286</c:v>
                </c:pt>
                <c:pt idx="4989">
                  <c:v>0.10445007653965639</c:v>
                </c:pt>
                <c:pt idx="4990">
                  <c:v>0.10445007653965639</c:v>
                </c:pt>
                <c:pt idx="4991">
                  <c:v>0.10445007653965639</c:v>
                </c:pt>
                <c:pt idx="4992">
                  <c:v>4.1852010458093718E-2</c:v>
                </c:pt>
                <c:pt idx="4993">
                  <c:v>8.1711068037230605E-2</c:v>
                </c:pt>
                <c:pt idx="4994">
                  <c:v>8.1711068037230605E-2</c:v>
                </c:pt>
                <c:pt idx="4995">
                  <c:v>8.1711068037230605E-2</c:v>
                </c:pt>
                <c:pt idx="4996">
                  <c:v>8.1711068037230605E-2</c:v>
                </c:pt>
                <c:pt idx="4997">
                  <c:v>0.10164059682679906</c:v>
                </c:pt>
                <c:pt idx="4998">
                  <c:v>0.12754898425323802</c:v>
                </c:pt>
                <c:pt idx="4999">
                  <c:v>0.14548556016384961</c:v>
                </c:pt>
                <c:pt idx="5000">
                  <c:v>0.14548556016384961</c:v>
                </c:pt>
                <c:pt idx="5001">
                  <c:v>0.14548556016384961</c:v>
                </c:pt>
                <c:pt idx="5002">
                  <c:v>0.14548556016384961</c:v>
                </c:pt>
                <c:pt idx="5003">
                  <c:v>0.14548556016384961</c:v>
                </c:pt>
                <c:pt idx="5004">
                  <c:v>0.14548556016384961</c:v>
                </c:pt>
                <c:pt idx="5005">
                  <c:v>0.14548556016384961</c:v>
                </c:pt>
                <c:pt idx="5006">
                  <c:v>0.14548556016384961</c:v>
                </c:pt>
                <c:pt idx="5007">
                  <c:v>0.13153489001115171</c:v>
                </c:pt>
                <c:pt idx="5008">
                  <c:v>0.11957717273741063</c:v>
                </c:pt>
                <c:pt idx="5009">
                  <c:v>0.10761945546366956</c:v>
                </c:pt>
                <c:pt idx="5010">
                  <c:v>0.10363354970575586</c:v>
                </c:pt>
                <c:pt idx="5011">
                  <c:v>8.3704020916187435E-2</c:v>
                </c:pt>
                <c:pt idx="5012">
                  <c:v>6.1781539247662158E-2</c:v>
                </c:pt>
                <c:pt idx="5013">
                  <c:v>6.1781539247662158E-2</c:v>
                </c:pt>
                <c:pt idx="5014">
                  <c:v>6.1781539247662158E-2</c:v>
                </c:pt>
                <c:pt idx="5015">
                  <c:v>6.1781539247662158E-2</c:v>
                </c:pt>
                <c:pt idx="5016">
                  <c:v>7.0216252939275636E-2</c:v>
                </c:pt>
                <c:pt idx="5017">
                  <c:v>8.154145502625558E-2</c:v>
                </c:pt>
                <c:pt idx="5018">
                  <c:v>8.154145502625558E-2</c:v>
                </c:pt>
                <c:pt idx="5019">
                  <c:v>8.154145502625558E-2</c:v>
                </c:pt>
                <c:pt idx="5020">
                  <c:v>8.154145502625558E-2</c:v>
                </c:pt>
                <c:pt idx="5021">
                  <c:v>0.10192681878281946</c:v>
                </c:pt>
                <c:pt idx="5022">
                  <c:v>0.12004714212198739</c:v>
                </c:pt>
                <c:pt idx="5023">
                  <c:v>0.14269754629594725</c:v>
                </c:pt>
                <c:pt idx="5024">
                  <c:v>0.14269754629594725</c:v>
                </c:pt>
                <c:pt idx="5025">
                  <c:v>0.14269754629594725</c:v>
                </c:pt>
                <c:pt idx="5026">
                  <c:v>0.14269754629594725</c:v>
                </c:pt>
                <c:pt idx="5027">
                  <c:v>0.14269754629594725</c:v>
                </c:pt>
                <c:pt idx="5028">
                  <c:v>0.14269754629594725</c:v>
                </c:pt>
                <c:pt idx="5029">
                  <c:v>0.14269754629594725</c:v>
                </c:pt>
                <c:pt idx="5030">
                  <c:v>0.14269754629594725</c:v>
                </c:pt>
                <c:pt idx="5031">
                  <c:v>0.12684226337417534</c:v>
                </c:pt>
                <c:pt idx="5032">
                  <c:v>0.12457722295677937</c:v>
                </c:pt>
                <c:pt idx="5033">
                  <c:v>0.10645689961761144</c:v>
                </c:pt>
                <c:pt idx="5034">
                  <c:v>9.966177836542349E-2</c:v>
                </c:pt>
                <c:pt idx="5035">
                  <c:v>8.3806495443651569E-2</c:v>
                </c:pt>
                <c:pt idx="5036">
                  <c:v>7.0216252939275636E-2</c:v>
                </c:pt>
                <c:pt idx="5037">
                  <c:v>6.1156091269691688E-2</c:v>
                </c:pt>
                <c:pt idx="5038">
                  <c:v>6.1156091269691688E-2</c:v>
                </c:pt>
                <c:pt idx="5039">
                  <c:v>6.1156091269691688E-2</c:v>
                </c:pt>
                <c:pt idx="5040">
                  <c:v>6.9863341708491969E-2</c:v>
                </c:pt>
                <c:pt idx="5041">
                  <c:v>6.9863341708491969E-2</c:v>
                </c:pt>
                <c:pt idx="5042">
                  <c:v>6.9863341708491969E-2</c:v>
                </c:pt>
                <c:pt idx="5043">
                  <c:v>6.9863341708491969E-2</c:v>
                </c:pt>
                <c:pt idx="5044">
                  <c:v>6.9863341708491969E-2</c:v>
                </c:pt>
                <c:pt idx="5045">
                  <c:v>0.30274114740346519</c:v>
                </c:pt>
                <c:pt idx="5046">
                  <c:v>0.3434947634000855</c:v>
                </c:pt>
                <c:pt idx="5047">
                  <c:v>0.3434947634000855</c:v>
                </c:pt>
                <c:pt idx="5048">
                  <c:v>0.3434947634000855</c:v>
                </c:pt>
                <c:pt idx="5049">
                  <c:v>0.36678254396958282</c:v>
                </c:pt>
                <c:pt idx="5050">
                  <c:v>0.36678254396958282</c:v>
                </c:pt>
                <c:pt idx="5051">
                  <c:v>0.46575561138994653</c:v>
                </c:pt>
                <c:pt idx="5052">
                  <c:v>0.46575561138994653</c:v>
                </c:pt>
                <c:pt idx="5053">
                  <c:v>0.30856309254583958</c:v>
                </c:pt>
                <c:pt idx="5054">
                  <c:v>0.46575561138994653</c:v>
                </c:pt>
                <c:pt idx="5055">
                  <c:v>0.46575561138994653</c:v>
                </c:pt>
                <c:pt idx="5056">
                  <c:v>0.46575561138994653</c:v>
                </c:pt>
                <c:pt idx="5057">
                  <c:v>0.46575561138994653</c:v>
                </c:pt>
                <c:pt idx="5058">
                  <c:v>0.46575561138994653</c:v>
                </c:pt>
                <c:pt idx="5059">
                  <c:v>0.39007032453908019</c:v>
                </c:pt>
                <c:pt idx="5060">
                  <c:v>0.32020698283058818</c:v>
                </c:pt>
                <c:pt idx="5061">
                  <c:v>0.23287780569497327</c:v>
                </c:pt>
                <c:pt idx="5062">
                  <c:v>0.22123391541022461</c:v>
                </c:pt>
                <c:pt idx="5063">
                  <c:v>0.22123391541022461</c:v>
                </c:pt>
                <c:pt idx="5064">
                  <c:v>0.20449355533313943</c:v>
                </c:pt>
                <c:pt idx="5065">
                  <c:v>0.20449355533313943</c:v>
                </c:pt>
                <c:pt idx="5066">
                  <c:v>0.20449355533313943</c:v>
                </c:pt>
                <c:pt idx="5067">
                  <c:v>0.20449355533313943</c:v>
                </c:pt>
                <c:pt idx="5068">
                  <c:v>0.20449355533313943</c:v>
                </c:pt>
                <c:pt idx="5069">
                  <c:v>0.26584162193308125</c:v>
                </c:pt>
                <c:pt idx="5070">
                  <c:v>0.29651565523305212</c:v>
                </c:pt>
                <c:pt idx="5071">
                  <c:v>0.30674033299970915</c:v>
                </c:pt>
                <c:pt idx="5072">
                  <c:v>0.30674033299970915</c:v>
                </c:pt>
                <c:pt idx="5073">
                  <c:v>0.33230202741635156</c:v>
                </c:pt>
                <c:pt idx="5074">
                  <c:v>0.34763904406633694</c:v>
                </c:pt>
                <c:pt idx="5075">
                  <c:v>0.40898711066627885</c:v>
                </c:pt>
                <c:pt idx="5076">
                  <c:v>0.40898711066627885</c:v>
                </c:pt>
                <c:pt idx="5077">
                  <c:v>0.40898711066627885</c:v>
                </c:pt>
                <c:pt idx="5078">
                  <c:v>0.40898711066627885</c:v>
                </c:pt>
                <c:pt idx="5079">
                  <c:v>0.40898711066627885</c:v>
                </c:pt>
                <c:pt idx="5080">
                  <c:v>0.40898711066627885</c:v>
                </c:pt>
                <c:pt idx="5081">
                  <c:v>0.40898711066627885</c:v>
                </c:pt>
                <c:pt idx="5082">
                  <c:v>0.40898711066627885</c:v>
                </c:pt>
                <c:pt idx="5083">
                  <c:v>0.34252670518300854</c:v>
                </c:pt>
                <c:pt idx="5084">
                  <c:v>0.28117863858306669</c:v>
                </c:pt>
                <c:pt idx="5085">
                  <c:v>0.20449355533313943</c:v>
                </c:pt>
                <c:pt idx="5086">
                  <c:v>0.20449355533313943</c:v>
                </c:pt>
                <c:pt idx="5087">
                  <c:v>0.20449355533313943</c:v>
                </c:pt>
                <c:pt idx="5088">
                  <c:v>0.18003327657633389</c:v>
                </c:pt>
                <c:pt idx="5089">
                  <c:v>0.20253743614837563</c:v>
                </c:pt>
                <c:pt idx="5090">
                  <c:v>0.20253743614837563</c:v>
                </c:pt>
                <c:pt idx="5091">
                  <c:v>0.20253743614837563</c:v>
                </c:pt>
                <c:pt idx="5092">
                  <c:v>0.20253743614837563</c:v>
                </c:pt>
                <c:pt idx="5093">
                  <c:v>0.26104825103568413</c:v>
                </c:pt>
                <c:pt idx="5094">
                  <c:v>0.30155573826535925</c:v>
                </c:pt>
                <c:pt idx="5095">
                  <c:v>0.30155573826535925</c:v>
                </c:pt>
                <c:pt idx="5096">
                  <c:v>0.30155573826535925</c:v>
                </c:pt>
                <c:pt idx="5097">
                  <c:v>0.32405989783740097</c:v>
                </c:pt>
                <c:pt idx="5098">
                  <c:v>0.35106488932385105</c:v>
                </c:pt>
                <c:pt idx="5099">
                  <c:v>0.40507487229675126</c:v>
                </c:pt>
                <c:pt idx="5100">
                  <c:v>0.40507487229675126</c:v>
                </c:pt>
                <c:pt idx="5101">
                  <c:v>0.40507487229675126</c:v>
                </c:pt>
                <c:pt idx="5102">
                  <c:v>0.40507487229675126</c:v>
                </c:pt>
                <c:pt idx="5103">
                  <c:v>0.40507487229675126</c:v>
                </c:pt>
                <c:pt idx="5104">
                  <c:v>0.40507487229675126</c:v>
                </c:pt>
                <c:pt idx="5105">
                  <c:v>0.40507487229675126</c:v>
                </c:pt>
                <c:pt idx="5106">
                  <c:v>0.40507487229675126</c:v>
                </c:pt>
                <c:pt idx="5107">
                  <c:v>0.33756239358062601</c:v>
                </c:pt>
                <c:pt idx="5108">
                  <c:v>0.27004991486450081</c:v>
                </c:pt>
                <c:pt idx="5109">
                  <c:v>0.20253743614837563</c:v>
                </c:pt>
                <c:pt idx="5110">
                  <c:v>0.20253743614837563</c:v>
                </c:pt>
                <c:pt idx="5111">
                  <c:v>0.20253743614837563</c:v>
                </c:pt>
                <c:pt idx="5112">
                  <c:v>0.20377006997148808</c:v>
                </c:pt>
                <c:pt idx="5113">
                  <c:v>0.20377006997148808</c:v>
                </c:pt>
                <c:pt idx="5114">
                  <c:v>0.20377006997148808</c:v>
                </c:pt>
                <c:pt idx="5115">
                  <c:v>0.20377006997148808</c:v>
                </c:pt>
                <c:pt idx="5116">
                  <c:v>0.20377006997148808</c:v>
                </c:pt>
                <c:pt idx="5117">
                  <c:v>0.2626369790743624</c:v>
                </c:pt>
                <c:pt idx="5118">
                  <c:v>0.30339099306866008</c:v>
                </c:pt>
                <c:pt idx="5119">
                  <c:v>0.30339099306866008</c:v>
                </c:pt>
                <c:pt idx="5120">
                  <c:v>0.30339099306866008</c:v>
                </c:pt>
                <c:pt idx="5121">
                  <c:v>0.32603211195438098</c:v>
                </c:pt>
                <c:pt idx="5122">
                  <c:v>0.35320145461724606</c:v>
                </c:pt>
                <c:pt idx="5123">
                  <c:v>0.40754013994297617</c:v>
                </c:pt>
                <c:pt idx="5124">
                  <c:v>0.40754013994297617</c:v>
                </c:pt>
                <c:pt idx="5125">
                  <c:v>0.40754013994297617</c:v>
                </c:pt>
                <c:pt idx="5126">
                  <c:v>0.40754013994297617</c:v>
                </c:pt>
                <c:pt idx="5127">
                  <c:v>0.40754013994297617</c:v>
                </c:pt>
                <c:pt idx="5128">
                  <c:v>0.40754013994297617</c:v>
                </c:pt>
                <c:pt idx="5129">
                  <c:v>0.40754013994297617</c:v>
                </c:pt>
                <c:pt idx="5130">
                  <c:v>0.40754013994297617</c:v>
                </c:pt>
                <c:pt idx="5131">
                  <c:v>0.33961678328581346</c:v>
                </c:pt>
                <c:pt idx="5132">
                  <c:v>0.27169342662865081</c:v>
                </c:pt>
                <c:pt idx="5133">
                  <c:v>0.20377006997148808</c:v>
                </c:pt>
                <c:pt idx="5134">
                  <c:v>0.20377006997148808</c:v>
                </c:pt>
                <c:pt idx="5135">
                  <c:v>0.20377006997148808</c:v>
                </c:pt>
                <c:pt idx="5136">
                  <c:v>0.22416037484048221</c:v>
                </c:pt>
                <c:pt idx="5137">
                  <c:v>0.22416037484048221</c:v>
                </c:pt>
                <c:pt idx="5138">
                  <c:v>0.22416037484048221</c:v>
                </c:pt>
                <c:pt idx="5139">
                  <c:v>0.22416037484048221</c:v>
                </c:pt>
                <c:pt idx="5140">
                  <c:v>0.22416037484048221</c:v>
                </c:pt>
                <c:pt idx="5141">
                  <c:v>0.2889178164610659</c:v>
                </c:pt>
                <c:pt idx="5142">
                  <c:v>0.34869391641852787</c:v>
                </c:pt>
                <c:pt idx="5143">
                  <c:v>0.34869391641852787</c:v>
                </c:pt>
                <c:pt idx="5144">
                  <c:v>0.34869391641852787</c:v>
                </c:pt>
                <c:pt idx="5145">
                  <c:v>0.37360062473413697</c:v>
                </c:pt>
                <c:pt idx="5146">
                  <c:v>0.38854464972350244</c:v>
                </c:pt>
                <c:pt idx="5147">
                  <c:v>0.44832074968096441</c:v>
                </c:pt>
                <c:pt idx="5148">
                  <c:v>0.44832074968096441</c:v>
                </c:pt>
                <c:pt idx="5149">
                  <c:v>0.44832074968096441</c:v>
                </c:pt>
                <c:pt idx="5150">
                  <c:v>0.44832074968096441</c:v>
                </c:pt>
                <c:pt idx="5151">
                  <c:v>0.37360062473413697</c:v>
                </c:pt>
                <c:pt idx="5152">
                  <c:v>0.35367525808164968</c:v>
                </c:pt>
                <c:pt idx="5153">
                  <c:v>0.35367525808164968</c:v>
                </c:pt>
                <c:pt idx="5154">
                  <c:v>0.35367525808164968</c:v>
                </c:pt>
                <c:pt idx="5155">
                  <c:v>0.35367525808164968</c:v>
                </c:pt>
                <c:pt idx="5156">
                  <c:v>0.27397379147170042</c:v>
                </c:pt>
                <c:pt idx="5157">
                  <c:v>0.10460817492555836</c:v>
                </c:pt>
                <c:pt idx="5158">
                  <c:v>0.10460817492555836</c:v>
                </c:pt>
                <c:pt idx="5159">
                  <c:v>0.10460817492555836</c:v>
                </c:pt>
                <c:pt idx="5160">
                  <c:v>4.8227134412149507E-2</c:v>
                </c:pt>
                <c:pt idx="5161">
                  <c:v>9.4157738614196657E-2</c:v>
                </c:pt>
                <c:pt idx="5162">
                  <c:v>9.4157738614196657E-2</c:v>
                </c:pt>
                <c:pt idx="5163">
                  <c:v>9.4157738614196657E-2</c:v>
                </c:pt>
                <c:pt idx="5164">
                  <c:v>9.4157738614196657E-2</c:v>
                </c:pt>
                <c:pt idx="5165">
                  <c:v>0.11712304071522023</c:v>
                </c:pt>
                <c:pt idx="5166">
                  <c:v>0.14697793344655088</c:v>
                </c:pt>
                <c:pt idx="5167">
                  <c:v>0.16764670533747206</c:v>
                </c:pt>
                <c:pt idx="5168">
                  <c:v>0.16764670533747206</c:v>
                </c:pt>
                <c:pt idx="5169">
                  <c:v>0.16764670533747206</c:v>
                </c:pt>
                <c:pt idx="5170">
                  <c:v>0.16764670533747206</c:v>
                </c:pt>
                <c:pt idx="5171">
                  <c:v>0.16764670533747206</c:v>
                </c:pt>
                <c:pt idx="5172">
                  <c:v>0.16764670533747206</c:v>
                </c:pt>
                <c:pt idx="5173">
                  <c:v>0.16764670533747206</c:v>
                </c:pt>
                <c:pt idx="5174">
                  <c:v>0.16764670533747206</c:v>
                </c:pt>
                <c:pt idx="5175">
                  <c:v>0.15157099386675557</c:v>
                </c:pt>
                <c:pt idx="5176">
                  <c:v>0.13779181260614143</c:v>
                </c:pt>
                <c:pt idx="5177">
                  <c:v>0.1240126313455273</c:v>
                </c:pt>
                <c:pt idx="5178">
                  <c:v>0.11941957092532257</c:v>
                </c:pt>
                <c:pt idx="5179">
                  <c:v>9.6454268824299014E-2</c:v>
                </c:pt>
                <c:pt idx="5180">
                  <c:v>7.1192436513173071E-2</c:v>
                </c:pt>
                <c:pt idx="5181">
                  <c:v>7.1192436513173071E-2</c:v>
                </c:pt>
                <c:pt idx="5182">
                  <c:v>7.1192436513173071E-2</c:v>
                </c:pt>
                <c:pt idx="5183">
                  <c:v>7.1192436513173071E-2</c:v>
                </c:pt>
                <c:pt idx="5184">
                  <c:v>8.0425802269630448E-2</c:v>
                </c:pt>
                <c:pt idx="5185">
                  <c:v>9.3397705861506336E-2</c:v>
                </c:pt>
                <c:pt idx="5186">
                  <c:v>9.3397705861506336E-2</c:v>
                </c:pt>
                <c:pt idx="5187">
                  <c:v>9.3397705861506336E-2</c:v>
                </c:pt>
                <c:pt idx="5188">
                  <c:v>9.3397705861506336E-2</c:v>
                </c:pt>
                <c:pt idx="5189">
                  <c:v>0.11674713232688293</c:v>
                </c:pt>
                <c:pt idx="5190">
                  <c:v>0.13750217807388432</c:v>
                </c:pt>
                <c:pt idx="5191">
                  <c:v>0.16344598525763609</c:v>
                </c:pt>
                <c:pt idx="5192">
                  <c:v>0.16344598525763609</c:v>
                </c:pt>
                <c:pt idx="5193">
                  <c:v>0.16344598525763609</c:v>
                </c:pt>
                <c:pt idx="5194">
                  <c:v>0.16344598525763609</c:v>
                </c:pt>
                <c:pt idx="5195">
                  <c:v>0.16344598525763609</c:v>
                </c:pt>
                <c:pt idx="5196">
                  <c:v>0.16344598525763609</c:v>
                </c:pt>
                <c:pt idx="5197">
                  <c:v>0.16344598525763609</c:v>
                </c:pt>
                <c:pt idx="5198">
                  <c:v>0.16344598525763609</c:v>
                </c:pt>
                <c:pt idx="5199">
                  <c:v>0.14528532022900986</c:v>
                </c:pt>
                <c:pt idx="5200">
                  <c:v>0.14269093951063466</c:v>
                </c:pt>
                <c:pt idx="5201">
                  <c:v>0.12193589376363329</c:v>
                </c:pt>
                <c:pt idx="5202">
                  <c:v>0.11415275160850775</c:v>
                </c:pt>
                <c:pt idx="5203">
                  <c:v>9.5992086579881522E-2</c:v>
                </c:pt>
                <c:pt idx="5204">
                  <c:v>8.0425802269630448E-2</c:v>
                </c:pt>
                <c:pt idx="5205">
                  <c:v>7.0048279396129759E-2</c:v>
                </c:pt>
                <c:pt idx="5206">
                  <c:v>7.0048279396129759E-2</c:v>
                </c:pt>
                <c:pt idx="5207">
                  <c:v>7.0048279396129759E-2</c:v>
                </c:pt>
                <c:pt idx="5208">
                  <c:v>7.108035318326747E-2</c:v>
                </c:pt>
                <c:pt idx="5209">
                  <c:v>7.108035318326747E-2</c:v>
                </c:pt>
                <c:pt idx="5210">
                  <c:v>7.108035318326747E-2</c:v>
                </c:pt>
                <c:pt idx="5211">
                  <c:v>7.108035318326747E-2</c:v>
                </c:pt>
                <c:pt idx="5212">
                  <c:v>7.108035318326747E-2</c:v>
                </c:pt>
                <c:pt idx="5213">
                  <c:v>0.30801486379415904</c:v>
                </c:pt>
                <c:pt idx="5214">
                  <c:v>0.34947840315106515</c:v>
                </c:pt>
                <c:pt idx="5215">
                  <c:v>0.34947840315106515</c:v>
                </c:pt>
                <c:pt idx="5216">
                  <c:v>0.34947840315106515</c:v>
                </c:pt>
                <c:pt idx="5217">
                  <c:v>0.37317185421215426</c:v>
                </c:pt>
                <c:pt idx="5218">
                  <c:v>0.37317185421215426</c:v>
                </c:pt>
                <c:pt idx="5219">
                  <c:v>0.4738690212217832</c:v>
                </c:pt>
                <c:pt idx="5220">
                  <c:v>0.4738690212217832</c:v>
                </c:pt>
                <c:pt idx="5221">
                  <c:v>0.31393822655943132</c:v>
                </c:pt>
                <c:pt idx="5222">
                  <c:v>0.4738690212217832</c:v>
                </c:pt>
                <c:pt idx="5223">
                  <c:v>0.4738690212217832</c:v>
                </c:pt>
                <c:pt idx="5224">
                  <c:v>0.4738690212217832</c:v>
                </c:pt>
                <c:pt idx="5225">
                  <c:v>0.4738690212217832</c:v>
                </c:pt>
                <c:pt idx="5226">
                  <c:v>0.4738690212217832</c:v>
                </c:pt>
                <c:pt idx="5227">
                  <c:v>0.39686530527324343</c:v>
                </c:pt>
                <c:pt idx="5228">
                  <c:v>0.32578495208997588</c:v>
                </c:pt>
                <c:pt idx="5229">
                  <c:v>0.2369345106108916</c:v>
                </c:pt>
                <c:pt idx="5230">
                  <c:v>0.22508778508034702</c:v>
                </c:pt>
                <c:pt idx="5231">
                  <c:v>0.22508778508034702</c:v>
                </c:pt>
                <c:pt idx="5232">
                  <c:v>0.21113832446847156</c:v>
                </c:pt>
                <c:pt idx="5233">
                  <c:v>0.21113832446847156</c:v>
                </c:pt>
                <c:pt idx="5234">
                  <c:v>0.21113832446847156</c:v>
                </c:pt>
                <c:pt idx="5235">
                  <c:v>0.21113832446847156</c:v>
                </c:pt>
                <c:pt idx="5236">
                  <c:v>0.21113832446847156</c:v>
                </c:pt>
                <c:pt idx="5237">
                  <c:v>0.27447982180901298</c:v>
                </c:pt>
                <c:pt idx="5238">
                  <c:v>0.30615057047928368</c:v>
                </c:pt>
                <c:pt idx="5239">
                  <c:v>0.31670748670270726</c:v>
                </c:pt>
                <c:pt idx="5240">
                  <c:v>0.31670748670270726</c:v>
                </c:pt>
                <c:pt idx="5241">
                  <c:v>0.34309977726126623</c:v>
                </c:pt>
                <c:pt idx="5242">
                  <c:v>0.3589351515964016</c:v>
                </c:pt>
                <c:pt idx="5243">
                  <c:v>0.42227664893694311</c:v>
                </c:pt>
                <c:pt idx="5244">
                  <c:v>0.42227664893694311</c:v>
                </c:pt>
                <c:pt idx="5245">
                  <c:v>0.42227664893694311</c:v>
                </c:pt>
                <c:pt idx="5246">
                  <c:v>0.42227664893694311</c:v>
                </c:pt>
                <c:pt idx="5247">
                  <c:v>0.42227664893694311</c:v>
                </c:pt>
                <c:pt idx="5248">
                  <c:v>0.42227664893694311</c:v>
                </c:pt>
                <c:pt idx="5249">
                  <c:v>0.42227664893694311</c:v>
                </c:pt>
                <c:pt idx="5250">
                  <c:v>0.42227664893694311</c:v>
                </c:pt>
                <c:pt idx="5251">
                  <c:v>0.35365669348468981</c:v>
                </c:pt>
                <c:pt idx="5252">
                  <c:v>0.2903151961441483</c:v>
                </c:pt>
                <c:pt idx="5253">
                  <c:v>0.21113832446847156</c:v>
                </c:pt>
                <c:pt idx="5254">
                  <c:v>0.21113832446847156</c:v>
                </c:pt>
                <c:pt idx="5255">
                  <c:v>0.21113832446847156</c:v>
                </c:pt>
                <c:pt idx="5256">
                  <c:v>0.1840330043815552</c:v>
                </c:pt>
                <c:pt idx="5257">
                  <c:v>0.20703712992924961</c:v>
                </c:pt>
                <c:pt idx="5258">
                  <c:v>0.20703712992924961</c:v>
                </c:pt>
                <c:pt idx="5259">
                  <c:v>0.20703712992924961</c:v>
                </c:pt>
                <c:pt idx="5260">
                  <c:v>0.20703712992924961</c:v>
                </c:pt>
                <c:pt idx="5261">
                  <c:v>0.26684785635325503</c:v>
                </c:pt>
                <c:pt idx="5262">
                  <c:v>0.30825528233910499</c:v>
                </c:pt>
                <c:pt idx="5263">
                  <c:v>0.30825528233910499</c:v>
                </c:pt>
                <c:pt idx="5264">
                  <c:v>0.30825528233910499</c:v>
                </c:pt>
                <c:pt idx="5265">
                  <c:v>0.33125940788679936</c:v>
                </c:pt>
                <c:pt idx="5266">
                  <c:v>0.35886435854403265</c:v>
                </c:pt>
                <c:pt idx="5267">
                  <c:v>0.41407425985849922</c:v>
                </c:pt>
                <c:pt idx="5268">
                  <c:v>0.41407425985849922</c:v>
                </c:pt>
                <c:pt idx="5269">
                  <c:v>0.41407425985849922</c:v>
                </c:pt>
                <c:pt idx="5270">
                  <c:v>0.41407425985849922</c:v>
                </c:pt>
                <c:pt idx="5271">
                  <c:v>0.41407425985849922</c:v>
                </c:pt>
                <c:pt idx="5272">
                  <c:v>0.41407425985849922</c:v>
                </c:pt>
                <c:pt idx="5273">
                  <c:v>0.41407425985849922</c:v>
                </c:pt>
                <c:pt idx="5274">
                  <c:v>0.41407425985849922</c:v>
                </c:pt>
                <c:pt idx="5275">
                  <c:v>0.34506188321541598</c:v>
                </c:pt>
                <c:pt idx="5276">
                  <c:v>0.27604950657233285</c:v>
                </c:pt>
                <c:pt idx="5277">
                  <c:v>0.20703712992924961</c:v>
                </c:pt>
                <c:pt idx="5278">
                  <c:v>0.20703712992924961</c:v>
                </c:pt>
                <c:pt idx="5279">
                  <c:v>0.20703712992924961</c:v>
                </c:pt>
                <c:pt idx="5280">
                  <c:v>0.20485285894759314</c:v>
                </c:pt>
                <c:pt idx="5281">
                  <c:v>0.20485285894759314</c:v>
                </c:pt>
                <c:pt idx="5282">
                  <c:v>0.20485285894759314</c:v>
                </c:pt>
                <c:pt idx="5283">
                  <c:v>0.20485285894759314</c:v>
                </c:pt>
                <c:pt idx="5284">
                  <c:v>0.20485285894759314</c:v>
                </c:pt>
                <c:pt idx="5285">
                  <c:v>0.26403257375467559</c:v>
                </c:pt>
                <c:pt idx="5286">
                  <c:v>0.30500314554419428</c:v>
                </c:pt>
                <c:pt idx="5287">
                  <c:v>0.30500314554419428</c:v>
                </c:pt>
                <c:pt idx="5288">
                  <c:v>0.30500314554419428</c:v>
                </c:pt>
                <c:pt idx="5289">
                  <c:v>0.32776457431614903</c:v>
                </c:pt>
                <c:pt idx="5290">
                  <c:v>0.35507828884249482</c:v>
                </c:pt>
                <c:pt idx="5291">
                  <c:v>0.40970571789518628</c:v>
                </c:pt>
                <c:pt idx="5292">
                  <c:v>0.40970571789518628</c:v>
                </c:pt>
                <c:pt idx="5293">
                  <c:v>0.40970571789518628</c:v>
                </c:pt>
                <c:pt idx="5294">
                  <c:v>0.40970571789518628</c:v>
                </c:pt>
                <c:pt idx="5295">
                  <c:v>0.40970571789518628</c:v>
                </c:pt>
                <c:pt idx="5296">
                  <c:v>0.40970571789518628</c:v>
                </c:pt>
                <c:pt idx="5297">
                  <c:v>0.40970571789518628</c:v>
                </c:pt>
                <c:pt idx="5298">
                  <c:v>0.40970571789518628</c:v>
                </c:pt>
                <c:pt idx="5299">
                  <c:v>0.34142143157932192</c:v>
                </c:pt>
                <c:pt idx="5300">
                  <c:v>0.27313714526345756</c:v>
                </c:pt>
                <c:pt idx="5301">
                  <c:v>0.20485285894759314</c:v>
                </c:pt>
                <c:pt idx="5302">
                  <c:v>0.20485285894759314</c:v>
                </c:pt>
                <c:pt idx="5303">
                  <c:v>0.20485285894759314</c:v>
                </c:pt>
                <c:pt idx="5304">
                  <c:v>0.22771758852327648</c:v>
                </c:pt>
                <c:pt idx="5305">
                  <c:v>0.22771758852327648</c:v>
                </c:pt>
                <c:pt idx="5306">
                  <c:v>0.22771758852327648</c:v>
                </c:pt>
                <c:pt idx="5307">
                  <c:v>0.22771758852327648</c:v>
                </c:pt>
                <c:pt idx="5308">
                  <c:v>0.22771758852327648</c:v>
                </c:pt>
                <c:pt idx="5309">
                  <c:v>0.29350266965222299</c:v>
                </c:pt>
                <c:pt idx="5310">
                  <c:v>0.3542273599250968</c:v>
                </c:pt>
                <c:pt idx="5311">
                  <c:v>0.3542273599250968</c:v>
                </c:pt>
                <c:pt idx="5312">
                  <c:v>0.3542273599250968</c:v>
                </c:pt>
                <c:pt idx="5313">
                  <c:v>0.37952931420546082</c:v>
                </c:pt>
                <c:pt idx="5314">
                  <c:v>0.3947104867736792</c:v>
                </c:pt>
                <c:pt idx="5315">
                  <c:v>0.45543517704655295</c:v>
                </c:pt>
                <c:pt idx="5316">
                  <c:v>0.45543517704655295</c:v>
                </c:pt>
                <c:pt idx="5317">
                  <c:v>0.45543517704655295</c:v>
                </c:pt>
                <c:pt idx="5318">
                  <c:v>0.45543517704655295</c:v>
                </c:pt>
                <c:pt idx="5319">
                  <c:v>0.37952931420546082</c:v>
                </c:pt>
                <c:pt idx="5320">
                  <c:v>0.35928775078116965</c:v>
                </c:pt>
                <c:pt idx="5321">
                  <c:v>0.35928775078116965</c:v>
                </c:pt>
                <c:pt idx="5322">
                  <c:v>0.35928775078116965</c:v>
                </c:pt>
                <c:pt idx="5323">
                  <c:v>0.35928775078116965</c:v>
                </c:pt>
                <c:pt idx="5324">
                  <c:v>0.27832149708400461</c:v>
                </c:pt>
                <c:pt idx="5325">
                  <c:v>0.10626820797752902</c:v>
                </c:pt>
                <c:pt idx="5326">
                  <c:v>0.10626820797752902</c:v>
                </c:pt>
                <c:pt idx="5327">
                  <c:v>0.10626820797752902</c:v>
                </c:pt>
                <c:pt idx="5328">
                  <c:v>4.7357799327505515E-2</c:v>
                </c:pt>
                <c:pt idx="5329">
                  <c:v>9.2460465353701254E-2</c:v>
                </c:pt>
                <c:pt idx="5330">
                  <c:v>9.2460465353701254E-2</c:v>
                </c:pt>
                <c:pt idx="5331">
                  <c:v>9.2460465353701254E-2</c:v>
                </c:pt>
                <c:pt idx="5332">
                  <c:v>9.2460465353701254E-2</c:v>
                </c:pt>
                <c:pt idx="5333">
                  <c:v>0.1150117983667991</c:v>
                </c:pt>
                <c:pt idx="5334">
                  <c:v>0.14432853128382636</c:v>
                </c:pt>
                <c:pt idx="5335">
                  <c:v>0.16462473099561442</c:v>
                </c:pt>
                <c:pt idx="5336">
                  <c:v>0.16462473099561442</c:v>
                </c:pt>
                <c:pt idx="5337">
                  <c:v>0.16462473099561442</c:v>
                </c:pt>
                <c:pt idx="5338">
                  <c:v>0.16462473099561442</c:v>
                </c:pt>
                <c:pt idx="5339">
                  <c:v>0.16462473099561442</c:v>
                </c:pt>
                <c:pt idx="5340">
                  <c:v>0.16462473099561442</c:v>
                </c:pt>
                <c:pt idx="5341">
                  <c:v>0.16462473099561442</c:v>
                </c:pt>
                <c:pt idx="5342">
                  <c:v>0.16462473099561442</c:v>
                </c:pt>
                <c:pt idx="5343">
                  <c:v>0.14883879788644591</c:v>
                </c:pt>
                <c:pt idx="5344">
                  <c:v>0.1353079980785872</c:v>
                </c:pt>
                <c:pt idx="5345">
                  <c:v>0.12177719827072848</c:v>
                </c:pt>
                <c:pt idx="5346">
                  <c:v>0.11726693166810891</c:v>
                </c:pt>
                <c:pt idx="5347">
                  <c:v>9.471559865501103E-2</c:v>
                </c:pt>
                <c:pt idx="5348">
                  <c:v>6.9909132340603378E-2</c:v>
                </c:pt>
                <c:pt idx="5349">
                  <c:v>6.9909132340603378E-2</c:v>
                </c:pt>
                <c:pt idx="5350">
                  <c:v>6.9909132340603378E-2</c:v>
                </c:pt>
                <c:pt idx="5351">
                  <c:v>6.9909132340603378E-2</c:v>
                </c:pt>
                <c:pt idx="5352">
                  <c:v>7.5077943096587441E-2</c:v>
                </c:pt>
                <c:pt idx="5353">
                  <c:v>8.7187288757327369E-2</c:v>
                </c:pt>
                <c:pt idx="5354">
                  <c:v>8.7187288757327369E-2</c:v>
                </c:pt>
                <c:pt idx="5355">
                  <c:v>8.7187288757327369E-2</c:v>
                </c:pt>
                <c:pt idx="5356">
                  <c:v>8.7187288757327369E-2</c:v>
                </c:pt>
                <c:pt idx="5357">
                  <c:v>0.10898411094665919</c:v>
                </c:pt>
                <c:pt idx="5358">
                  <c:v>0.12835906400384306</c:v>
                </c:pt>
                <c:pt idx="5359">
                  <c:v>0.15257775532532286</c:v>
                </c:pt>
                <c:pt idx="5360">
                  <c:v>0.15257775532532286</c:v>
                </c:pt>
                <c:pt idx="5361">
                  <c:v>0.15257775532532286</c:v>
                </c:pt>
                <c:pt idx="5362">
                  <c:v>0.15257775532532286</c:v>
                </c:pt>
                <c:pt idx="5363">
                  <c:v>0.15257775532532286</c:v>
                </c:pt>
                <c:pt idx="5364">
                  <c:v>0.15257775532532286</c:v>
                </c:pt>
                <c:pt idx="5365">
                  <c:v>0.15257775532532286</c:v>
                </c:pt>
                <c:pt idx="5366">
                  <c:v>0.15257775532532286</c:v>
                </c:pt>
                <c:pt idx="5367">
                  <c:v>0.135624671400287</c:v>
                </c:pt>
                <c:pt idx="5368">
                  <c:v>0.13320280226813902</c:v>
                </c:pt>
                <c:pt idx="5369">
                  <c:v>0.11382784921095518</c:v>
                </c:pt>
                <c:pt idx="5370">
                  <c:v>0.10656224181451122</c:v>
                </c:pt>
                <c:pt idx="5371">
                  <c:v>8.9609157889475349E-2</c:v>
                </c:pt>
                <c:pt idx="5372">
                  <c:v>7.5077943096587441E-2</c:v>
                </c:pt>
                <c:pt idx="5373">
                  <c:v>6.539046656799552E-2</c:v>
                </c:pt>
                <c:pt idx="5374">
                  <c:v>6.539046656799552E-2</c:v>
                </c:pt>
                <c:pt idx="5375">
                  <c:v>6.539046656799552E-2</c:v>
                </c:pt>
                <c:pt idx="5376">
                  <c:v>6.9545860454202704E-2</c:v>
                </c:pt>
                <c:pt idx="5377">
                  <c:v>6.9545860454202704E-2</c:v>
                </c:pt>
                <c:pt idx="5378">
                  <c:v>6.9545860454202704E-2</c:v>
                </c:pt>
                <c:pt idx="5379">
                  <c:v>6.9545860454202704E-2</c:v>
                </c:pt>
                <c:pt idx="5380">
                  <c:v>6.9545860454202704E-2</c:v>
                </c:pt>
                <c:pt idx="5381">
                  <c:v>0.3013653953015451</c:v>
                </c:pt>
                <c:pt idx="5382">
                  <c:v>0.34193381389983002</c:v>
                </c:pt>
                <c:pt idx="5383">
                  <c:v>0.34193381389983002</c:v>
                </c:pt>
                <c:pt idx="5384">
                  <c:v>0.34193381389983002</c:v>
                </c:pt>
                <c:pt idx="5385">
                  <c:v>0.36511576738456425</c:v>
                </c:pt>
                <c:pt idx="5386">
                  <c:v>0.36511576738456425</c:v>
                </c:pt>
                <c:pt idx="5387">
                  <c:v>0.46363906969468477</c:v>
                </c:pt>
                <c:pt idx="5388">
                  <c:v>0.46363906969468477</c:v>
                </c:pt>
                <c:pt idx="5389">
                  <c:v>0.30716088367272865</c:v>
                </c:pt>
                <c:pt idx="5390">
                  <c:v>0.46363906969468477</c:v>
                </c:pt>
                <c:pt idx="5391">
                  <c:v>0.46363906969468477</c:v>
                </c:pt>
                <c:pt idx="5392">
                  <c:v>0.46363906969468477</c:v>
                </c:pt>
                <c:pt idx="5393">
                  <c:v>0.46363906969468477</c:v>
                </c:pt>
                <c:pt idx="5394">
                  <c:v>0.46363906969468477</c:v>
                </c:pt>
                <c:pt idx="5395">
                  <c:v>0.38829772086929848</c:v>
                </c:pt>
                <c:pt idx="5396">
                  <c:v>0.31875186041509579</c:v>
                </c:pt>
                <c:pt idx="5397">
                  <c:v>0.23181953484734238</c:v>
                </c:pt>
                <c:pt idx="5398">
                  <c:v>0.22022855810497527</c:v>
                </c:pt>
                <c:pt idx="5399">
                  <c:v>0.22022855810497527</c:v>
                </c:pt>
                <c:pt idx="5400">
                  <c:v>0.20418449630358906</c:v>
                </c:pt>
                <c:pt idx="5401">
                  <c:v>0.20418449630358906</c:v>
                </c:pt>
                <c:pt idx="5402">
                  <c:v>0.20418449630358906</c:v>
                </c:pt>
                <c:pt idx="5403">
                  <c:v>0.20418449630358906</c:v>
                </c:pt>
                <c:pt idx="5404">
                  <c:v>0.20418449630358906</c:v>
                </c:pt>
                <c:pt idx="5405">
                  <c:v>0.26543984519466579</c:v>
                </c:pt>
                <c:pt idx="5406">
                  <c:v>0.29606751964020411</c:v>
                </c:pt>
                <c:pt idx="5407">
                  <c:v>0.30627674445538361</c:v>
                </c:pt>
                <c:pt idx="5408">
                  <c:v>0.30627674445538361</c:v>
                </c:pt>
                <c:pt idx="5409">
                  <c:v>0.33179980649333224</c:v>
                </c:pt>
                <c:pt idx="5410">
                  <c:v>0.34711364371610143</c:v>
                </c:pt>
                <c:pt idx="5411">
                  <c:v>0.40836899260717813</c:v>
                </c:pt>
                <c:pt idx="5412">
                  <c:v>0.40836899260717813</c:v>
                </c:pt>
                <c:pt idx="5413">
                  <c:v>0.40836899260717813</c:v>
                </c:pt>
                <c:pt idx="5414">
                  <c:v>0.40836899260717813</c:v>
                </c:pt>
                <c:pt idx="5415">
                  <c:v>0.40836899260717813</c:v>
                </c:pt>
                <c:pt idx="5416">
                  <c:v>0.40836899260717813</c:v>
                </c:pt>
                <c:pt idx="5417">
                  <c:v>0.40836899260717813</c:v>
                </c:pt>
                <c:pt idx="5418">
                  <c:v>0.40836899260717813</c:v>
                </c:pt>
                <c:pt idx="5419">
                  <c:v>0.34200903130851174</c:v>
                </c:pt>
                <c:pt idx="5420">
                  <c:v>0.28075368241743492</c:v>
                </c:pt>
                <c:pt idx="5421">
                  <c:v>0.20418449630358906</c:v>
                </c:pt>
                <c:pt idx="5422">
                  <c:v>0.20418449630358906</c:v>
                </c:pt>
                <c:pt idx="5423">
                  <c:v>0.20418449630358906</c:v>
                </c:pt>
                <c:pt idx="5424">
                  <c:v>0.18251586624854024</c:v>
                </c:pt>
                <c:pt idx="5425">
                  <c:v>0.20533034952960774</c:v>
                </c:pt>
                <c:pt idx="5426">
                  <c:v>0.20533034952960774</c:v>
                </c:pt>
                <c:pt idx="5427">
                  <c:v>0.20533034952960774</c:v>
                </c:pt>
                <c:pt idx="5428">
                  <c:v>0.20533034952960774</c:v>
                </c:pt>
                <c:pt idx="5429">
                  <c:v>0.2646480060603833</c:v>
                </c:pt>
                <c:pt idx="5430">
                  <c:v>0.3057140759663049</c:v>
                </c:pt>
                <c:pt idx="5431">
                  <c:v>0.3057140759663049</c:v>
                </c:pt>
                <c:pt idx="5432">
                  <c:v>0.3057140759663049</c:v>
                </c:pt>
                <c:pt idx="5433">
                  <c:v>0.3285285592473724</c:v>
                </c:pt>
                <c:pt idx="5434">
                  <c:v>0.35590593918465346</c:v>
                </c:pt>
                <c:pt idx="5435">
                  <c:v>0.41066069905921548</c:v>
                </c:pt>
                <c:pt idx="5436">
                  <c:v>0.41066069905921548</c:v>
                </c:pt>
                <c:pt idx="5437">
                  <c:v>0.41066069905921548</c:v>
                </c:pt>
                <c:pt idx="5438">
                  <c:v>0.41066069905921548</c:v>
                </c:pt>
                <c:pt idx="5439">
                  <c:v>0.41066069905921548</c:v>
                </c:pt>
                <c:pt idx="5440">
                  <c:v>0.41066069905921548</c:v>
                </c:pt>
                <c:pt idx="5441">
                  <c:v>0.41066069905921548</c:v>
                </c:pt>
                <c:pt idx="5442">
                  <c:v>0.41066069905921548</c:v>
                </c:pt>
                <c:pt idx="5443">
                  <c:v>0.34221724921601288</c:v>
                </c:pt>
                <c:pt idx="5444">
                  <c:v>0.27377379937281038</c:v>
                </c:pt>
                <c:pt idx="5445">
                  <c:v>0.20533034952960774</c:v>
                </c:pt>
                <c:pt idx="5446">
                  <c:v>0.20533034952960774</c:v>
                </c:pt>
                <c:pt idx="5447">
                  <c:v>0.20533034952960774</c:v>
                </c:pt>
                <c:pt idx="5448">
                  <c:v>0.20856527829423918</c:v>
                </c:pt>
                <c:pt idx="5449">
                  <c:v>0.20856527829423918</c:v>
                </c:pt>
                <c:pt idx="5450">
                  <c:v>0.20856527829423918</c:v>
                </c:pt>
                <c:pt idx="5451">
                  <c:v>0.20856527829423918</c:v>
                </c:pt>
                <c:pt idx="5452">
                  <c:v>0.20856527829423918</c:v>
                </c:pt>
                <c:pt idx="5453">
                  <c:v>0.26881746980146382</c:v>
                </c:pt>
                <c:pt idx="5454">
                  <c:v>0.31053052546031162</c:v>
                </c:pt>
                <c:pt idx="5455">
                  <c:v>0.31053052546031162</c:v>
                </c:pt>
                <c:pt idx="5456">
                  <c:v>0.31053052546031162</c:v>
                </c:pt>
                <c:pt idx="5457">
                  <c:v>0.33370444527078263</c:v>
                </c:pt>
                <c:pt idx="5458">
                  <c:v>0.36151314904334786</c:v>
                </c:pt>
                <c:pt idx="5459">
                  <c:v>0.41713055658847836</c:v>
                </c:pt>
                <c:pt idx="5460">
                  <c:v>0.41713055658847836</c:v>
                </c:pt>
                <c:pt idx="5461">
                  <c:v>0.41713055658847836</c:v>
                </c:pt>
                <c:pt idx="5462">
                  <c:v>0.41713055658847836</c:v>
                </c:pt>
                <c:pt idx="5463">
                  <c:v>0.41713055658847836</c:v>
                </c:pt>
                <c:pt idx="5464">
                  <c:v>0.41713055658847836</c:v>
                </c:pt>
                <c:pt idx="5465">
                  <c:v>0.41713055658847836</c:v>
                </c:pt>
                <c:pt idx="5466">
                  <c:v>0.41713055658847836</c:v>
                </c:pt>
                <c:pt idx="5467">
                  <c:v>0.34760879715706527</c:v>
                </c:pt>
                <c:pt idx="5468">
                  <c:v>0.27808703772565224</c:v>
                </c:pt>
                <c:pt idx="5469">
                  <c:v>0.20856527829423918</c:v>
                </c:pt>
                <c:pt idx="5470">
                  <c:v>0.20856527829423918</c:v>
                </c:pt>
                <c:pt idx="5471">
                  <c:v>0.20856527829423918</c:v>
                </c:pt>
                <c:pt idx="5472">
                  <c:v>0.22670124175676387</c:v>
                </c:pt>
                <c:pt idx="5473">
                  <c:v>0.22670124175676387</c:v>
                </c:pt>
                <c:pt idx="5474">
                  <c:v>0.22670124175676387</c:v>
                </c:pt>
                <c:pt idx="5475">
                  <c:v>0.22670124175676387</c:v>
                </c:pt>
                <c:pt idx="5476">
                  <c:v>0.22670124175676387</c:v>
                </c:pt>
                <c:pt idx="5477">
                  <c:v>0.29219271159760668</c:v>
                </c:pt>
                <c:pt idx="5478">
                  <c:v>0.35264637606607707</c:v>
                </c:pt>
                <c:pt idx="5479">
                  <c:v>0.35264637606607707</c:v>
                </c:pt>
                <c:pt idx="5480">
                  <c:v>0.35264637606607707</c:v>
                </c:pt>
                <c:pt idx="5481">
                  <c:v>0.37783540292793977</c:v>
                </c:pt>
                <c:pt idx="5482">
                  <c:v>0.39294881904505735</c:v>
                </c:pt>
                <c:pt idx="5483">
                  <c:v>0.45340248351352774</c:v>
                </c:pt>
                <c:pt idx="5484">
                  <c:v>0.45340248351352774</c:v>
                </c:pt>
                <c:pt idx="5485">
                  <c:v>0.45340248351352774</c:v>
                </c:pt>
                <c:pt idx="5486">
                  <c:v>0.45340248351352774</c:v>
                </c:pt>
                <c:pt idx="5487">
                  <c:v>0.37783540292793977</c:v>
                </c:pt>
                <c:pt idx="5488">
                  <c:v>0.35768418143844966</c:v>
                </c:pt>
                <c:pt idx="5489">
                  <c:v>0.35768418143844966</c:v>
                </c:pt>
                <c:pt idx="5490">
                  <c:v>0.35768418143844966</c:v>
                </c:pt>
                <c:pt idx="5491">
                  <c:v>0.35768418143844966</c:v>
                </c:pt>
                <c:pt idx="5492">
                  <c:v>0.2770792954804891</c:v>
                </c:pt>
                <c:pt idx="5493">
                  <c:v>0.10579391281982314</c:v>
                </c:pt>
                <c:pt idx="5494">
                  <c:v>0.10579391281982314</c:v>
                </c:pt>
                <c:pt idx="5495">
                  <c:v>0.10579391281982314</c:v>
                </c:pt>
                <c:pt idx="5496">
                  <c:v>4.0556447561361036E-2</c:v>
                </c:pt>
                <c:pt idx="5497">
                  <c:v>7.9181635715038223E-2</c:v>
                </c:pt>
                <c:pt idx="5498">
                  <c:v>7.9181635715038223E-2</c:v>
                </c:pt>
                <c:pt idx="5499">
                  <c:v>7.9181635715038223E-2</c:v>
                </c:pt>
                <c:pt idx="5500">
                  <c:v>7.9181635715038223E-2</c:v>
                </c:pt>
                <c:pt idx="5501">
                  <c:v>9.8494229791876831E-2</c:v>
                </c:pt>
                <c:pt idx="5502">
                  <c:v>0.12360060209176699</c:v>
                </c:pt>
                <c:pt idx="5503">
                  <c:v>0.14098193676092172</c:v>
                </c:pt>
                <c:pt idx="5504">
                  <c:v>0.14098193676092172</c:v>
                </c:pt>
                <c:pt idx="5505">
                  <c:v>0.14098193676092172</c:v>
                </c:pt>
                <c:pt idx="5506">
                  <c:v>0.14098193676092172</c:v>
                </c:pt>
                <c:pt idx="5507">
                  <c:v>0.14098193676092172</c:v>
                </c:pt>
                <c:pt idx="5508">
                  <c:v>0.14098193676092172</c:v>
                </c:pt>
                <c:pt idx="5509">
                  <c:v>0.14098193676092172</c:v>
                </c:pt>
                <c:pt idx="5510">
                  <c:v>0.14098193676092172</c:v>
                </c:pt>
                <c:pt idx="5511">
                  <c:v>0.12746312090713469</c:v>
                </c:pt>
                <c:pt idx="5512">
                  <c:v>0.11587556446103156</c:v>
                </c:pt>
                <c:pt idx="5513">
                  <c:v>0.10428800801492839</c:v>
                </c:pt>
                <c:pt idx="5514">
                  <c:v>0.10042548919956067</c:v>
                </c:pt>
                <c:pt idx="5515">
                  <c:v>8.1112895122722073E-2</c:v>
                </c:pt>
                <c:pt idx="5516">
                  <c:v>5.9869041638199623E-2</c:v>
                </c:pt>
                <c:pt idx="5517">
                  <c:v>5.9869041638199623E-2</c:v>
                </c:pt>
                <c:pt idx="5518">
                  <c:v>5.9869041638199623E-2</c:v>
                </c:pt>
                <c:pt idx="5519">
                  <c:v>5.9869041638199623E-2</c:v>
                </c:pt>
                <c:pt idx="5520">
                  <c:v>6.7401662090768283E-2</c:v>
                </c:pt>
                <c:pt idx="5521">
                  <c:v>7.8272897911859929E-2</c:v>
                </c:pt>
                <c:pt idx="5522">
                  <c:v>7.8272897911859929E-2</c:v>
                </c:pt>
                <c:pt idx="5523">
                  <c:v>7.8272897911859929E-2</c:v>
                </c:pt>
                <c:pt idx="5524">
                  <c:v>7.8272897911859929E-2</c:v>
                </c:pt>
                <c:pt idx="5525">
                  <c:v>9.7841122389824925E-2</c:v>
                </c:pt>
                <c:pt idx="5526">
                  <c:v>0.11523509970357157</c:v>
                </c:pt>
                <c:pt idx="5527">
                  <c:v>0.13697757134575489</c:v>
                </c:pt>
                <c:pt idx="5528">
                  <c:v>0.13697757134575489</c:v>
                </c:pt>
                <c:pt idx="5529">
                  <c:v>0.13697757134575489</c:v>
                </c:pt>
                <c:pt idx="5530">
                  <c:v>0.13697757134575489</c:v>
                </c:pt>
                <c:pt idx="5531">
                  <c:v>0.13697757134575489</c:v>
                </c:pt>
                <c:pt idx="5532">
                  <c:v>0.13697757134575489</c:v>
                </c:pt>
                <c:pt idx="5533">
                  <c:v>0.13697757134575489</c:v>
                </c:pt>
                <c:pt idx="5534">
                  <c:v>0.13697757134575489</c:v>
                </c:pt>
                <c:pt idx="5535">
                  <c:v>0.12175784119622658</c:v>
                </c:pt>
                <c:pt idx="5536">
                  <c:v>0.11958359403200824</c:v>
                </c:pt>
                <c:pt idx="5537">
                  <c:v>0.10218961671826161</c:v>
                </c:pt>
                <c:pt idx="5538">
                  <c:v>9.5666875225606601E-2</c:v>
                </c:pt>
                <c:pt idx="5539">
                  <c:v>8.044714507607828E-2</c:v>
                </c:pt>
                <c:pt idx="5540">
                  <c:v>6.7401662090768283E-2</c:v>
                </c:pt>
                <c:pt idx="5541">
                  <c:v>5.8704673433894961E-2</c:v>
                </c:pt>
                <c:pt idx="5542">
                  <c:v>5.8704673433894961E-2</c:v>
                </c:pt>
                <c:pt idx="5543">
                  <c:v>5.8704673433894961E-2</c:v>
                </c:pt>
                <c:pt idx="5544">
                  <c:v>6.9757514623728895E-2</c:v>
                </c:pt>
                <c:pt idx="5545">
                  <c:v>6.9757514623728895E-2</c:v>
                </c:pt>
                <c:pt idx="5546">
                  <c:v>6.9757514623728895E-2</c:v>
                </c:pt>
                <c:pt idx="5547">
                  <c:v>6.9757514623728895E-2</c:v>
                </c:pt>
                <c:pt idx="5548">
                  <c:v>6.9757514623728895E-2</c:v>
                </c:pt>
                <c:pt idx="5549">
                  <c:v>0.30228256336949189</c:v>
                </c:pt>
                <c:pt idx="5550">
                  <c:v>0.3429744469000004</c:v>
                </c:pt>
                <c:pt idx="5551">
                  <c:v>0.3429744469000004</c:v>
                </c:pt>
                <c:pt idx="5552">
                  <c:v>0.3429744469000004</c:v>
                </c:pt>
                <c:pt idx="5553">
                  <c:v>0.3662269517745767</c:v>
                </c:pt>
                <c:pt idx="5554">
                  <c:v>0.3662269517745767</c:v>
                </c:pt>
                <c:pt idx="5555">
                  <c:v>0.46505009749152598</c:v>
                </c:pt>
                <c:pt idx="5556">
                  <c:v>0.46505009749152598</c:v>
                </c:pt>
                <c:pt idx="5557">
                  <c:v>0.30809568958813593</c:v>
                </c:pt>
                <c:pt idx="5558">
                  <c:v>0.46505009749152598</c:v>
                </c:pt>
                <c:pt idx="5559">
                  <c:v>0.46505009749152598</c:v>
                </c:pt>
                <c:pt idx="5560">
                  <c:v>0.46505009749152598</c:v>
                </c:pt>
                <c:pt idx="5561">
                  <c:v>0.46505009749152598</c:v>
                </c:pt>
                <c:pt idx="5562">
                  <c:v>0.46505009749152598</c:v>
                </c:pt>
                <c:pt idx="5563">
                  <c:v>0.38947945664915301</c:v>
                </c:pt>
                <c:pt idx="5564">
                  <c:v>0.31972194202542409</c:v>
                </c:pt>
                <c:pt idx="5565">
                  <c:v>0.23252504874576299</c:v>
                </c:pt>
                <c:pt idx="5566">
                  <c:v>0.22089879630847484</c:v>
                </c:pt>
                <c:pt idx="5567">
                  <c:v>0.22089879630847484</c:v>
                </c:pt>
                <c:pt idx="5568">
                  <c:v>0.20696602756954208</c:v>
                </c:pt>
                <c:pt idx="5569">
                  <c:v>0.20696602756954208</c:v>
                </c:pt>
                <c:pt idx="5570">
                  <c:v>0.20696602756954208</c:v>
                </c:pt>
                <c:pt idx="5571">
                  <c:v>0.20696602756954208</c:v>
                </c:pt>
                <c:pt idx="5572">
                  <c:v>0.20696602756954208</c:v>
                </c:pt>
                <c:pt idx="5573">
                  <c:v>0.26905583584040471</c:v>
                </c:pt>
                <c:pt idx="5574">
                  <c:v>0.30010073997583597</c:v>
                </c:pt>
                <c:pt idx="5575">
                  <c:v>0.31044904135431306</c:v>
                </c:pt>
                <c:pt idx="5576">
                  <c:v>0.31044904135431306</c:v>
                </c:pt>
                <c:pt idx="5577">
                  <c:v>0.33631979480050583</c:v>
                </c:pt>
                <c:pt idx="5578">
                  <c:v>0.35184224686822146</c:v>
                </c:pt>
                <c:pt idx="5579">
                  <c:v>0.41393205513908415</c:v>
                </c:pt>
                <c:pt idx="5580">
                  <c:v>0.41393205513908415</c:v>
                </c:pt>
                <c:pt idx="5581">
                  <c:v>0.41393205513908415</c:v>
                </c:pt>
                <c:pt idx="5582">
                  <c:v>0.41393205513908415</c:v>
                </c:pt>
                <c:pt idx="5583">
                  <c:v>0.41393205513908415</c:v>
                </c:pt>
                <c:pt idx="5584">
                  <c:v>0.41393205513908415</c:v>
                </c:pt>
                <c:pt idx="5585">
                  <c:v>0.41393205513908415</c:v>
                </c:pt>
                <c:pt idx="5586">
                  <c:v>0.41393205513908415</c:v>
                </c:pt>
                <c:pt idx="5587">
                  <c:v>0.34666809617898298</c:v>
                </c:pt>
                <c:pt idx="5588">
                  <c:v>0.28457828790812034</c:v>
                </c:pt>
                <c:pt idx="5589">
                  <c:v>0.20696602756954208</c:v>
                </c:pt>
                <c:pt idx="5590">
                  <c:v>0.20696602756954208</c:v>
                </c:pt>
                <c:pt idx="5591">
                  <c:v>0.20696602756954208</c:v>
                </c:pt>
                <c:pt idx="5592">
                  <c:v>0.18486053427229066</c:v>
                </c:pt>
                <c:pt idx="5593">
                  <c:v>0.20796810105632699</c:v>
                </c:pt>
                <c:pt idx="5594">
                  <c:v>0.20796810105632699</c:v>
                </c:pt>
                <c:pt idx="5595">
                  <c:v>0.20796810105632699</c:v>
                </c:pt>
                <c:pt idx="5596">
                  <c:v>0.20796810105632699</c:v>
                </c:pt>
                <c:pt idx="5597">
                  <c:v>0.26804777469482144</c:v>
                </c:pt>
                <c:pt idx="5598">
                  <c:v>0.30964139490608683</c:v>
                </c:pt>
                <c:pt idx="5599">
                  <c:v>0.30964139490608683</c:v>
                </c:pt>
                <c:pt idx="5600">
                  <c:v>0.30964139490608683</c:v>
                </c:pt>
                <c:pt idx="5601">
                  <c:v>0.33274896169012319</c:v>
                </c:pt>
                <c:pt idx="5602">
                  <c:v>0.36047804183096677</c:v>
                </c:pt>
                <c:pt idx="5603">
                  <c:v>0.41593620211265397</c:v>
                </c:pt>
                <c:pt idx="5604">
                  <c:v>0.41593620211265397</c:v>
                </c:pt>
                <c:pt idx="5605">
                  <c:v>0.41593620211265397</c:v>
                </c:pt>
                <c:pt idx="5606">
                  <c:v>0.41593620211265397</c:v>
                </c:pt>
                <c:pt idx="5607">
                  <c:v>0.41593620211265397</c:v>
                </c:pt>
                <c:pt idx="5608">
                  <c:v>0.41593620211265397</c:v>
                </c:pt>
                <c:pt idx="5609">
                  <c:v>0.41593620211265397</c:v>
                </c:pt>
                <c:pt idx="5610">
                  <c:v>0.41593620211265397</c:v>
                </c:pt>
                <c:pt idx="5611">
                  <c:v>0.34661350176054501</c:v>
                </c:pt>
                <c:pt idx="5612">
                  <c:v>0.27729080140843598</c:v>
                </c:pt>
                <c:pt idx="5613">
                  <c:v>0.20796810105632699</c:v>
                </c:pt>
                <c:pt idx="5614">
                  <c:v>0.20796810105632699</c:v>
                </c:pt>
                <c:pt idx="5615">
                  <c:v>0.20796810105632699</c:v>
                </c:pt>
                <c:pt idx="5616">
                  <c:v>0.20763717345757765</c:v>
                </c:pt>
                <c:pt idx="5617">
                  <c:v>0.20763717345757765</c:v>
                </c:pt>
                <c:pt idx="5618">
                  <c:v>0.20763717345757765</c:v>
                </c:pt>
                <c:pt idx="5619">
                  <c:v>0.20763717345757765</c:v>
                </c:pt>
                <c:pt idx="5620">
                  <c:v>0.20763717345757765</c:v>
                </c:pt>
                <c:pt idx="5621">
                  <c:v>0.26762124578976676</c:v>
                </c:pt>
                <c:pt idx="5622">
                  <c:v>0.30914868048128236</c:v>
                </c:pt>
                <c:pt idx="5623">
                  <c:v>0.30914868048128236</c:v>
                </c:pt>
                <c:pt idx="5624">
                  <c:v>0.30914868048128236</c:v>
                </c:pt>
                <c:pt idx="5625">
                  <c:v>0.33221947753212422</c:v>
                </c:pt>
                <c:pt idx="5626">
                  <c:v>0.3599044339931346</c:v>
                </c:pt>
                <c:pt idx="5627">
                  <c:v>0.4152743469151553</c:v>
                </c:pt>
                <c:pt idx="5628">
                  <c:v>0.4152743469151553</c:v>
                </c:pt>
                <c:pt idx="5629">
                  <c:v>0.4152743469151553</c:v>
                </c:pt>
                <c:pt idx="5630">
                  <c:v>0.4152743469151553</c:v>
                </c:pt>
                <c:pt idx="5631">
                  <c:v>0.4152743469151553</c:v>
                </c:pt>
                <c:pt idx="5632">
                  <c:v>0.4152743469151553</c:v>
                </c:pt>
                <c:pt idx="5633">
                  <c:v>0.4152743469151553</c:v>
                </c:pt>
                <c:pt idx="5634">
                  <c:v>0.4152743469151553</c:v>
                </c:pt>
                <c:pt idx="5635">
                  <c:v>0.34606195576262938</c:v>
                </c:pt>
                <c:pt idx="5636">
                  <c:v>0.27684956461010357</c:v>
                </c:pt>
                <c:pt idx="5637">
                  <c:v>0.20763717345757765</c:v>
                </c:pt>
                <c:pt idx="5638">
                  <c:v>0.20763717345757765</c:v>
                </c:pt>
                <c:pt idx="5639">
                  <c:v>0.20763717345757765</c:v>
                </c:pt>
                <c:pt idx="5640">
                  <c:v>0.22941149980079753</c:v>
                </c:pt>
                <c:pt idx="5641">
                  <c:v>0.22941149980079753</c:v>
                </c:pt>
                <c:pt idx="5642">
                  <c:v>0.22941149980079753</c:v>
                </c:pt>
                <c:pt idx="5643">
                  <c:v>0.22941149980079753</c:v>
                </c:pt>
                <c:pt idx="5644">
                  <c:v>0.22941149980079753</c:v>
                </c:pt>
                <c:pt idx="5645">
                  <c:v>0.29568593307658353</c:v>
                </c:pt>
                <c:pt idx="5646">
                  <c:v>0.35686233302346287</c:v>
                </c:pt>
                <c:pt idx="5647">
                  <c:v>0.35686233302346287</c:v>
                </c:pt>
                <c:pt idx="5648">
                  <c:v>0.35686233302346287</c:v>
                </c:pt>
                <c:pt idx="5649">
                  <c:v>0.38235249966799589</c:v>
                </c:pt>
                <c:pt idx="5650">
                  <c:v>0.39764659965471577</c:v>
                </c:pt>
                <c:pt idx="5651">
                  <c:v>0.45882299960159506</c:v>
                </c:pt>
                <c:pt idx="5652">
                  <c:v>0.45882299960159506</c:v>
                </c:pt>
                <c:pt idx="5653">
                  <c:v>0.45882299960159506</c:v>
                </c:pt>
                <c:pt idx="5654">
                  <c:v>0.45882299960159506</c:v>
                </c:pt>
                <c:pt idx="5655">
                  <c:v>0.38235249966799589</c:v>
                </c:pt>
                <c:pt idx="5656">
                  <c:v>0.36196036635236956</c:v>
                </c:pt>
                <c:pt idx="5657">
                  <c:v>0.36196036635236956</c:v>
                </c:pt>
                <c:pt idx="5658">
                  <c:v>0.36196036635236956</c:v>
                </c:pt>
                <c:pt idx="5659">
                  <c:v>0.36196036635236956</c:v>
                </c:pt>
                <c:pt idx="5660">
                  <c:v>0.28039183308986371</c:v>
                </c:pt>
                <c:pt idx="5661">
                  <c:v>0.10705869990703885</c:v>
                </c:pt>
                <c:pt idx="5662">
                  <c:v>0.10705869990703885</c:v>
                </c:pt>
                <c:pt idx="5663">
                  <c:v>0.10705869990703885</c:v>
                </c:pt>
                <c:pt idx="5664">
                  <c:v>4.0651962176739553E-2</c:v>
                </c:pt>
                <c:pt idx="5665">
                  <c:v>7.9368116630777238E-2</c:v>
                </c:pt>
                <c:pt idx="5666">
                  <c:v>7.9368116630777238E-2</c:v>
                </c:pt>
                <c:pt idx="5667">
                  <c:v>7.9368116630777238E-2</c:v>
                </c:pt>
                <c:pt idx="5668">
                  <c:v>7.9368116630777238E-2</c:v>
                </c:pt>
                <c:pt idx="5669">
                  <c:v>9.872619385779606E-2</c:v>
                </c:pt>
                <c:pt idx="5670">
                  <c:v>0.12389169425292054</c:v>
                </c:pt>
                <c:pt idx="5671">
                  <c:v>0.14131396375723751</c:v>
                </c:pt>
                <c:pt idx="5672">
                  <c:v>0.14131396375723751</c:v>
                </c:pt>
                <c:pt idx="5673">
                  <c:v>0.14131396375723751</c:v>
                </c:pt>
                <c:pt idx="5674">
                  <c:v>0.14131396375723751</c:v>
                </c:pt>
                <c:pt idx="5675">
                  <c:v>0.14131396375723751</c:v>
                </c:pt>
                <c:pt idx="5676">
                  <c:v>0.14131396375723751</c:v>
                </c:pt>
                <c:pt idx="5677">
                  <c:v>0.14131396375723751</c:v>
                </c:pt>
                <c:pt idx="5678">
                  <c:v>0.14131396375723751</c:v>
                </c:pt>
                <c:pt idx="5679">
                  <c:v>0.12776330969832431</c:v>
                </c:pt>
                <c:pt idx="5680">
                  <c:v>0.11614846336211301</c:v>
                </c:pt>
                <c:pt idx="5681">
                  <c:v>0.10453361702590172</c:v>
                </c:pt>
                <c:pt idx="5682">
                  <c:v>0.10066200158049796</c:v>
                </c:pt>
                <c:pt idx="5683">
                  <c:v>8.1303924353479107E-2</c:v>
                </c:pt>
                <c:pt idx="5684">
                  <c:v>6.0010039403758389E-2</c:v>
                </c:pt>
                <c:pt idx="5685">
                  <c:v>6.0010039403758389E-2</c:v>
                </c:pt>
                <c:pt idx="5686">
                  <c:v>6.0010039403758389E-2</c:v>
                </c:pt>
                <c:pt idx="5687">
                  <c:v>6.0010039403758389E-2</c:v>
                </c:pt>
                <c:pt idx="5688">
                  <c:v>6.9730083923544434E-2</c:v>
                </c:pt>
                <c:pt idx="5689">
                  <c:v>8.0976871653148375E-2</c:v>
                </c:pt>
                <c:pt idx="5690">
                  <c:v>8.0976871653148375E-2</c:v>
                </c:pt>
                <c:pt idx="5691">
                  <c:v>8.0976871653148375E-2</c:v>
                </c:pt>
                <c:pt idx="5692">
                  <c:v>8.0976871653148375E-2</c:v>
                </c:pt>
                <c:pt idx="5693">
                  <c:v>0.10122108956643547</c:v>
                </c:pt>
                <c:pt idx="5694">
                  <c:v>0.11921594993380179</c:v>
                </c:pt>
                <c:pt idx="5695">
                  <c:v>0.14170952539300966</c:v>
                </c:pt>
                <c:pt idx="5696">
                  <c:v>0.14170952539300966</c:v>
                </c:pt>
                <c:pt idx="5697">
                  <c:v>0.14170952539300966</c:v>
                </c:pt>
                <c:pt idx="5698">
                  <c:v>0.14170952539300966</c:v>
                </c:pt>
                <c:pt idx="5699">
                  <c:v>0.14170952539300966</c:v>
                </c:pt>
                <c:pt idx="5700">
                  <c:v>0.14170952539300966</c:v>
                </c:pt>
                <c:pt idx="5701">
                  <c:v>0.14170952539300966</c:v>
                </c:pt>
                <c:pt idx="5702">
                  <c:v>0.14170952539300966</c:v>
                </c:pt>
                <c:pt idx="5703">
                  <c:v>0.12596402257156414</c:v>
                </c:pt>
                <c:pt idx="5704">
                  <c:v>0.12371466502564336</c:v>
                </c:pt>
                <c:pt idx="5705">
                  <c:v>0.10571980465827707</c:v>
                </c:pt>
                <c:pt idx="5706">
                  <c:v>9.8971732020514694E-2</c:v>
                </c:pt>
                <c:pt idx="5707">
                  <c:v>8.3226229199069177E-2</c:v>
                </c:pt>
                <c:pt idx="5708">
                  <c:v>6.9730083923544434E-2</c:v>
                </c:pt>
                <c:pt idx="5709">
                  <c:v>6.0732653739861288E-2</c:v>
                </c:pt>
                <c:pt idx="5710">
                  <c:v>6.0732653739861288E-2</c:v>
                </c:pt>
                <c:pt idx="5711">
                  <c:v>6.0732653739861288E-2</c:v>
                </c:pt>
                <c:pt idx="5712">
                  <c:v>7.0657044844215131E-2</c:v>
                </c:pt>
                <c:pt idx="5713">
                  <c:v>7.0657044844215131E-2</c:v>
                </c:pt>
                <c:pt idx="5714">
                  <c:v>7.0657044844215131E-2</c:v>
                </c:pt>
                <c:pt idx="5715">
                  <c:v>7.0657044844215131E-2</c:v>
                </c:pt>
                <c:pt idx="5716">
                  <c:v>7.0657044844215131E-2</c:v>
                </c:pt>
                <c:pt idx="5717">
                  <c:v>0.30618052765826553</c:v>
                </c:pt>
                <c:pt idx="5718">
                  <c:v>0.3473971371507244</c:v>
                </c:pt>
                <c:pt idx="5719">
                  <c:v>0.3473971371507244</c:v>
                </c:pt>
                <c:pt idx="5720">
                  <c:v>0.3473971371507244</c:v>
                </c:pt>
                <c:pt idx="5721">
                  <c:v>0.37094948543212947</c:v>
                </c:pt>
                <c:pt idx="5722">
                  <c:v>0.37094948543212947</c:v>
                </c:pt>
                <c:pt idx="5723">
                  <c:v>0.47104696562810089</c:v>
                </c:pt>
                <c:pt idx="5724">
                  <c:v>0.47104696562810089</c:v>
                </c:pt>
                <c:pt idx="5725">
                  <c:v>0.31206861472861686</c:v>
                </c:pt>
                <c:pt idx="5726">
                  <c:v>0.47104696562810089</c:v>
                </c:pt>
                <c:pt idx="5727">
                  <c:v>0.47104696562810089</c:v>
                </c:pt>
                <c:pt idx="5728">
                  <c:v>0.47104696562810089</c:v>
                </c:pt>
                <c:pt idx="5729">
                  <c:v>0.47104696562810089</c:v>
                </c:pt>
                <c:pt idx="5730">
                  <c:v>0.47104696562810089</c:v>
                </c:pt>
                <c:pt idx="5731">
                  <c:v>0.39450183371353448</c:v>
                </c:pt>
                <c:pt idx="5732">
                  <c:v>0.32384478886931933</c:v>
                </c:pt>
                <c:pt idx="5733">
                  <c:v>0.23552348281405044</c:v>
                </c:pt>
                <c:pt idx="5734">
                  <c:v>0.22374730867334794</c:v>
                </c:pt>
                <c:pt idx="5735">
                  <c:v>0.22374730867334794</c:v>
                </c:pt>
                <c:pt idx="5736">
                  <c:v>0.20820226368774342</c:v>
                </c:pt>
                <c:pt idx="5737">
                  <c:v>0.20820226368774342</c:v>
                </c:pt>
                <c:pt idx="5738">
                  <c:v>0.20820226368774342</c:v>
                </c:pt>
                <c:pt idx="5739">
                  <c:v>0.20820226368774342</c:v>
                </c:pt>
                <c:pt idx="5740">
                  <c:v>0.20820226368774342</c:v>
                </c:pt>
                <c:pt idx="5741">
                  <c:v>0.27066294279406639</c:v>
                </c:pt>
                <c:pt idx="5742">
                  <c:v>0.3018932823472279</c:v>
                </c:pt>
                <c:pt idx="5743">
                  <c:v>0.31230339553161507</c:v>
                </c:pt>
                <c:pt idx="5744">
                  <c:v>0.31230339553161507</c:v>
                </c:pt>
                <c:pt idx="5745">
                  <c:v>0.33832867849258302</c:v>
                </c:pt>
                <c:pt idx="5746">
                  <c:v>0.35394384826916375</c:v>
                </c:pt>
                <c:pt idx="5747">
                  <c:v>0.41640452737548683</c:v>
                </c:pt>
                <c:pt idx="5748">
                  <c:v>0.41640452737548683</c:v>
                </c:pt>
                <c:pt idx="5749">
                  <c:v>0.41640452737548683</c:v>
                </c:pt>
                <c:pt idx="5750">
                  <c:v>0.41640452737548683</c:v>
                </c:pt>
                <c:pt idx="5751">
                  <c:v>0.41640452737548683</c:v>
                </c:pt>
                <c:pt idx="5752">
                  <c:v>0.41640452737548683</c:v>
                </c:pt>
                <c:pt idx="5753">
                  <c:v>0.41640452737548683</c:v>
                </c:pt>
                <c:pt idx="5754">
                  <c:v>0.41640452737548683</c:v>
                </c:pt>
                <c:pt idx="5755">
                  <c:v>0.34873879167697019</c:v>
                </c:pt>
                <c:pt idx="5756">
                  <c:v>0.28627811257064717</c:v>
                </c:pt>
                <c:pt idx="5757">
                  <c:v>0.20820226368774342</c:v>
                </c:pt>
                <c:pt idx="5758">
                  <c:v>0.20820226368774342</c:v>
                </c:pt>
                <c:pt idx="5759">
                  <c:v>0.20820226368774342</c:v>
                </c:pt>
                <c:pt idx="5760">
                  <c:v>0.18568806416302611</c:v>
                </c:pt>
                <c:pt idx="5761">
                  <c:v>0.20889907218340437</c:v>
                </c:pt>
                <c:pt idx="5762">
                  <c:v>0.20889907218340437</c:v>
                </c:pt>
                <c:pt idx="5763">
                  <c:v>0.20889907218340437</c:v>
                </c:pt>
                <c:pt idx="5764">
                  <c:v>0.20889907218340437</c:v>
                </c:pt>
                <c:pt idx="5765">
                  <c:v>0.26924769303638785</c:v>
                </c:pt>
                <c:pt idx="5766">
                  <c:v>0.31102750747306873</c:v>
                </c:pt>
                <c:pt idx="5767">
                  <c:v>0.31102750747306873</c:v>
                </c:pt>
                <c:pt idx="5768">
                  <c:v>0.31102750747306873</c:v>
                </c:pt>
                <c:pt idx="5769">
                  <c:v>0.33423851549344702</c:v>
                </c:pt>
                <c:pt idx="5770">
                  <c:v>0.36209172511790094</c:v>
                </c:pt>
                <c:pt idx="5771">
                  <c:v>0.41779814436680873</c:v>
                </c:pt>
                <c:pt idx="5772">
                  <c:v>0.41779814436680873</c:v>
                </c:pt>
                <c:pt idx="5773">
                  <c:v>0.41779814436680873</c:v>
                </c:pt>
                <c:pt idx="5774">
                  <c:v>0.41779814436680873</c:v>
                </c:pt>
                <c:pt idx="5775">
                  <c:v>0.41779814436680873</c:v>
                </c:pt>
                <c:pt idx="5776">
                  <c:v>0.41779814436680873</c:v>
                </c:pt>
                <c:pt idx="5777">
                  <c:v>0.41779814436680873</c:v>
                </c:pt>
                <c:pt idx="5778">
                  <c:v>0.41779814436680873</c:v>
                </c:pt>
                <c:pt idx="5779">
                  <c:v>0.34816512030567398</c:v>
                </c:pt>
                <c:pt idx="5780">
                  <c:v>0.27853209624453917</c:v>
                </c:pt>
                <c:pt idx="5781">
                  <c:v>0.20889907218340437</c:v>
                </c:pt>
                <c:pt idx="5782">
                  <c:v>0.20889907218340437</c:v>
                </c:pt>
                <c:pt idx="5783">
                  <c:v>0.20889907218340437</c:v>
                </c:pt>
                <c:pt idx="5784">
                  <c:v>0.20887464657312629</c:v>
                </c:pt>
                <c:pt idx="5785">
                  <c:v>0.20887464657312629</c:v>
                </c:pt>
                <c:pt idx="5786">
                  <c:v>0.20887464657312629</c:v>
                </c:pt>
                <c:pt idx="5787">
                  <c:v>0.20887464657312629</c:v>
                </c:pt>
                <c:pt idx="5788">
                  <c:v>0.20887464657312629</c:v>
                </c:pt>
                <c:pt idx="5789">
                  <c:v>0.26921621113869615</c:v>
                </c:pt>
                <c:pt idx="5790">
                  <c:v>0.31099114045332144</c:v>
                </c:pt>
                <c:pt idx="5791">
                  <c:v>0.31099114045332144</c:v>
                </c:pt>
                <c:pt idx="5792">
                  <c:v>0.31099114045332144</c:v>
                </c:pt>
                <c:pt idx="5793">
                  <c:v>0.33419943451700213</c:v>
                </c:pt>
                <c:pt idx="5794">
                  <c:v>0.36204938739341896</c:v>
                </c:pt>
                <c:pt idx="5795">
                  <c:v>0.41774929314625259</c:v>
                </c:pt>
                <c:pt idx="5796">
                  <c:v>0.41774929314625259</c:v>
                </c:pt>
                <c:pt idx="5797">
                  <c:v>0.41774929314625259</c:v>
                </c:pt>
                <c:pt idx="5798">
                  <c:v>0.41774929314625259</c:v>
                </c:pt>
                <c:pt idx="5799">
                  <c:v>0.41774929314625259</c:v>
                </c:pt>
                <c:pt idx="5800">
                  <c:v>0.41774929314625259</c:v>
                </c:pt>
                <c:pt idx="5801">
                  <c:v>0.41774929314625259</c:v>
                </c:pt>
                <c:pt idx="5802">
                  <c:v>0.41774929314625259</c:v>
                </c:pt>
                <c:pt idx="5803">
                  <c:v>0.34812441095521052</c:v>
                </c:pt>
                <c:pt idx="5804">
                  <c:v>0.27849952876416845</c:v>
                </c:pt>
                <c:pt idx="5805">
                  <c:v>0.20887464657312629</c:v>
                </c:pt>
                <c:pt idx="5806">
                  <c:v>0.20887464657312629</c:v>
                </c:pt>
                <c:pt idx="5807">
                  <c:v>0.20887464657312629</c:v>
                </c:pt>
                <c:pt idx="5808">
                  <c:v>0.23110541107831864</c:v>
                </c:pt>
                <c:pt idx="5809">
                  <c:v>0.23110541107831864</c:v>
                </c:pt>
                <c:pt idx="5810">
                  <c:v>0.23110541107831864</c:v>
                </c:pt>
                <c:pt idx="5811">
                  <c:v>0.23110541107831864</c:v>
                </c:pt>
                <c:pt idx="5812">
                  <c:v>0.23110541107831864</c:v>
                </c:pt>
                <c:pt idx="5813">
                  <c:v>0.29786919650094407</c:v>
                </c:pt>
                <c:pt idx="5814">
                  <c:v>0.35949730612182906</c:v>
                </c:pt>
                <c:pt idx="5815">
                  <c:v>0.35949730612182906</c:v>
                </c:pt>
                <c:pt idx="5816">
                  <c:v>0.35949730612182906</c:v>
                </c:pt>
                <c:pt idx="5817">
                  <c:v>0.38517568513053108</c:v>
                </c:pt>
                <c:pt idx="5818">
                  <c:v>0.40058271253575234</c:v>
                </c:pt>
                <c:pt idx="5819">
                  <c:v>0.46221082215663728</c:v>
                </c:pt>
                <c:pt idx="5820">
                  <c:v>0.46221082215663728</c:v>
                </c:pt>
                <c:pt idx="5821">
                  <c:v>0.46221082215663728</c:v>
                </c:pt>
                <c:pt idx="5822">
                  <c:v>0.46221082215663728</c:v>
                </c:pt>
                <c:pt idx="5823">
                  <c:v>0.38517568513053108</c:v>
                </c:pt>
                <c:pt idx="5824">
                  <c:v>0.36463298192356952</c:v>
                </c:pt>
                <c:pt idx="5825">
                  <c:v>0.36463298192356952</c:v>
                </c:pt>
                <c:pt idx="5826">
                  <c:v>0.36463298192356952</c:v>
                </c:pt>
                <c:pt idx="5827">
                  <c:v>0.36463298192356952</c:v>
                </c:pt>
                <c:pt idx="5828">
                  <c:v>0.2824621690957228</c:v>
                </c:pt>
                <c:pt idx="5829">
                  <c:v>0.1078491918365487</c:v>
                </c:pt>
                <c:pt idx="5830">
                  <c:v>0.1078491918365487</c:v>
                </c:pt>
                <c:pt idx="5831">
                  <c:v>0.1078491918365487</c:v>
                </c:pt>
                <c:pt idx="5832">
                  <c:v>4.8516912773697476E-2</c:v>
                </c:pt>
                <c:pt idx="5833">
                  <c:v>9.4723496367695073E-2</c:v>
                </c:pt>
                <c:pt idx="5834">
                  <c:v>9.4723496367695073E-2</c:v>
                </c:pt>
                <c:pt idx="5835">
                  <c:v>9.4723496367695073E-2</c:v>
                </c:pt>
                <c:pt idx="5836">
                  <c:v>9.4723496367695073E-2</c:v>
                </c:pt>
                <c:pt idx="5837">
                  <c:v>0.1178267881646939</c:v>
                </c:pt>
                <c:pt idx="5838">
                  <c:v>0.14786106750079234</c:v>
                </c:pt>
                <c:pt idx="5839">
                  <c:v>0.16865403011809124</c:v>
                </c:pt>
                <c:pt idx="5840">
                  <c:v>0.16865403011809124</c:v>
                </c:pt>
                <c:pt idx="5841">
                  <c:v>0.16865403011809124</c:v>
                </c:pt>
                <c:pt idx="5842">
                  <c:v>0.16865403011809124</c:v>
                </c:pt>
                <c:pt idx="5843">
                  <c:v>0.16865403011809124</c:v>
                </c:pt>
                <c:pt idx="5844">
                  <c:v>0.16865403011809124</c:v>
                </c:pt>
                <c:pt idx="5845">
                  <c:v>0.16865403011809124</c:v>
                </c:pt>
                <c:pt idx="5846">
                  <c:v>0.16865403011809124</c:v>
                </c:pt>
                <c:pt idx="5847">
                  <c:v>0.15248172586019207</c:v>
                </c:pt>
                <c:pt idx="5848">
                  <c:v>0.13861975078199282</c:v>
                </c:pt>
                <c:pt idx="5849">
                  <c:v>0.12475777570379352</c:v>
                </c:pt>
                <c:pt idx="5850">
                  <c:v>0.12013711734439375</c:v>
                </c:pt>
                <c:pt idx="5851">
                  <c:v>9.7033825547394953E-2</c:v>
                </c:pt>
                <c:pt idx="5852">
                  <c:v>7.1620204570696275E-2</c:v>
                </c:pt>
                <c:pt idx="5853">
                  <c:v>7.1620204570696275E-2</c:v>
                </c:pt>
                <c:pt idx="5854">
                  <c:v>7.1620204570696275E-2</c:v>
                </c:pt>
                <c:pt idx="5855">
                  <c:v>7.1620204570696275E-2</c:v>
                </c:pt>
                <c:pt idx="5856">
                  <c:v>8.6259830458404615E-2</c:v>
                </c:pt>
                <c:pt idx="5857">
                  <c:v>0.10017270633879247</c:v>
                </c:pt>
                <c:pt idx="5858">
                  <c:v>0.10017270633879247</c:v>
                </c:pt>
                <c:pt idx="5859">
                  <c:v>0.10017270633879247</c:v>
                </c:pt>
                <c:pt idx="5860">
                  <c:v>0.10017270633879247</c:v>
                </c:pt>
                <c:pt idx="5861">
                  <c:v>0.12521588292349056</c:v>
                </c:pt>
                <c:pt idx="5862">
                  <c:v>0.14747648433211111</c:v>
                </c:pt>
                <c:pt idx="5863">
                  <c:v>0.17530223609288678</c:v>
                </c:pt>
                <c:pt idx="5864">
                  <c:v>0.17530223609288678</c:v>
                </c:pt>
                <c:pt idx="5865">
                  <c:v>0.17530223609288678</c:v>
                </c:pt>
                <c:pt idx="5866">
                  <c:v>0.17530223609288678</c:v>
                </c:pt>
                <c:pt idx="5867">
                  <c:v>0.17530223609288678</c:v>
                </c:pt>
                <c:pt idx="5868">
                  <c:v>0.17530223609288678</c:v>
                </c:pt>
                <c:pt idx="5869">
                  <c:v>0.17530223609288678</c:v>
                </c:pt>
                <c:pt idx="5870">
                  <c:v>0.17530223609288678</c:v>
                </c:pt>
                <c:pt idx="5871">
                  <c:v>0.15582420986034382</c:v>
                </c:pt>
                <c:pt idx="5872">
                  <c:v>0.15304163468426626</c:v>
                </c:pt>
                <c:pt idx="5873">
                  <c:v>0.13078103327564572</c:v>
                </c:pt>
                <c:pt idx="5874">
                  <c:v>0.122433307747413</c:v>
                </c:pt>
                <c:pt idx="5875">
                  <c:v>0.10295528151487003</c:v>
                </c:pt>
                <c:pt idx="5876">
                  <c:v>8.6259830458404615E-2</c:v>
                </c:pt>
                <c:pt idx="5877">
                  <c:v>7.5129529754094357E-2</c:v>
                </c:pt>
                <c:pt idx="5878">
                  <c:v>7.5129529754094357E-2</c:v>
                </c:pt>
                <c:pt idx="5879">
                  <c:v>7.5129529754094357E-2</c:v>
                </c:pt>
                <c:pt idx="5880">
                  <c:v>7.2667759454713793E-2</c:v>
                </c:pt>
                <c:pt idx="5881">
                  <c:v>7.2667759454713793E-2</c:v>
                </c:pt>
                <c:pt idx="5882">
                  <c:v>7.2667759454713793E-2</c:v>
                </c:pt>
                <c:pt idx="5883">
                  <c:v>7.2667759454713793E-2</c:v>
                </c:pt>
                <c:pt idx="5884">
                  <c:v>7.2667759454713793E-2</c:v>
                </c:pt>
                <c:pt idx="5885">
                  <c:v>0.31489362430375972</c:v>
                </c:pt>
                <c:pt idx="5886">
                  <c:v>0.35728315065234278</c:v>
                </c:pt>
                <c:pt idx="5887">
                  <c:v>0.35728315065234278</c:v>
                </c:pt>
                <c:pt idx="5888">
                  <c:v>0.35728315065234278</c:v>
                </c:pt>
                <c:pt idx="5889">
                  <c:v>0.38150573713724739</c:v>
                </c:pt>
                <c:pt idx="5890">
                  <c:v>0.38150573713724739</c:v>
                </c:pt>
                <c:pt idx="5891">
                  <c:v>0.48445172969809192</c:v>
                </c:pt>
                <c:pt idx="5892">
                  <c:v>0.48445172969809192</c:v>
                </c:pt>
                <c:pt idx="5893">
                  <c:v>0.32094927092498593</c:v>
                </c:pt>
                <c:pt idx="5894">
                  <c:v>0.48445172969809192</c:v>
                </c:pt>
                <c:pt idx="5895">
                  <c:v>0.48445172969809192</c:v>
                </c:pt>
                <c:pt idx="5896">
                  <c:v>0.48445172969809192</c:v>
                </c:pt>
                <c:pt idx="5897">
                  <c:v>0.48445172969809192</c:v>
                </c:pt>
                <c:pt idx="5898">
                  <c:v>0.48445172969809192</c:v>
                </c:pt>
                <c:pt idx="5899">
                  <c:v>0.405728323622152</c:v>
                </c:pt>
                <c:pt idx="5900">
                  <c:v>0.33306056416743818</c:v>
                </c:pt>
                <c:pt idx="5901">
                  <c:v>0.24222586484904596</c:v>
                </c:pt>
                <c:pt idx="5902">
                  <c:v>0.23011457160659368</c:v>
                </c:pt>
                <c:pt idx="5903">
                  <c:v>0.23011457160659368</c:v>
                </c:pt>
                <c:pt idx="5904">
                  <c:v>0.21067473592414607</c:v>
                </c:pt>
                <c:pt idx="5905">
                  <c:v>0.21067473592414607</c:v>
                </c:pt>
                <c:pt idx="5906">
                  <c:v>0.21067473592414607</c:v>
                </c:pt>
                <c:pt idx="5907">
                  <c:v>0.21067473592414607</c:v>
                </c:pt>
                <c:pt idx="5908">
                  <c:v>0.21067473592414607</c:v>
                </c:pt>
                <c:pt idx="5909">
                  <c:v>0.27387715670138985</c:v>
                </c:pt>
                <c:pt idx="5910">
                  <c:v>0.3054783670900118</c:v>
                </c:pt>
                <c:pt idx="5911">
                  <c:v>0.31601210388621909</c:v>
                </c:pt>
                <c:pt idx="5912">
                  <c:v>0.31601210388621909</c:v>
                </c:pt>
                <c:pt idx="5913">
                  <c:v>0.34234644587673729</c:v>
                </c:pt>
                <c:pt idx="5914">
                  <c:v>0.35814705107104827</c:v>
                </c:pt>
                <c:pt idx="5915">
                  <c:v>0.42134947184829213</c:v>
                </c:pt>
                <c:pt idx="5916">
                  <c:v>0.42134947184829213</c:v>
                </c:pt>
                <c:pt idx="5917">
                  <c:v>0.42134947184829213</c:v>
                </c:pt>
                <c:pt idx="5918">
                  <c:v>0.42134947184829213</c:v>
                </c:pt>
                <c:pt idx="5919">
                  <c:v>0.42134947184829213</c:v>
                </c:pt>
                <c:pt idx="5920">
                  <c:v>0.42134947184829213</c:v>
                </c:pt>
                <c:pt idx="5921">
                  <c:v>0.42134947184829213</c:v>
                </c:pt>
                <c:pt idx="5922">
                  <c:v>0.42134947184829213</c:v>
                </c:pt>
                <c:pt idx="5923">
                  <c:v>0.35288018267294463</c:v>
                </c:pt>
                <c:pt idx="5924">
                  <c:v>0.28967776189570077</c:v>
                </c:pt>
                <c:pt idx="5925">
                  <c:v>0.21067473592414607</c:v>
                </c:pt>
                <c:pt idx="5926">
                  <c:v>0.21067473592414607</c:v>
                </c:pt>
                <c:pt idx="5927">
                  <c:v>0.21067473592414607</c:v>
                </c:pt>
                <c:pt idx="5928">
                  <c:v>0.19120493010126238</c:v>
                </c:pt>
                <c:pt idx="5929">
                  <c:v>0.21510554636392021</c:v>
                </c:pt>
                <c:pt idx="5930">
                  <c:v>0.21510554636392021</c:v>
                </c:pt>
                <c:pt idx="5931">
                  <c:v>0.21510554636392021</c:v>
                </c:pt>
                <c:pt idx="5932">
                  <c:v>0.21510554636392021</c:v>
                </c:pt>
                <c:pt idx="5933">
                  <c:v>0.27724714864683048</c:v>
                </c:pt>
                <c:pt idx="5934">
                  <c:v>0.32026825791961455</c:v>
                </c:pt>
                <c:pt idx="5935">
                  <c:v>0.32026825791961455</c:v>
                </c:pt>
                <c:pt idx="5936">
                  <c:v>0.32026825791961455</c:v>
                </c:pt>
                <c:pt idx="5937">
                  <c:v>0.34416887418227232</c:v>
                </c:pt>
                <c:pt idx="5938">
                  <c:v>0.37284961369746161</c:v>
                </c:pt>
                <c:pt idx="5939">
                  <c:v>0.43021109272784042</c:v>
                </c:pt>
                <c:pt idx="5940">
                  <c:v>0.43021109272784042</c:v>
                </c:pt>
                <c:pt idx="5941">
                  <c:v>0.43021109272784042</c:v>
                </c:pt>
                <c:pt idx="5942">
                  <c:v>0.43021109272784042</c:v>
                </c:pt>
                <c:pt idx="5943">
                  <c:v>0.43021109272784042</c:v>
                </c:pt>
                <c:pt idx="5944">
                  <c:v>0.43021109272784042</c:v>
                </c:pt>
                <c:pt idx="5945">
                  <c:v>0.43021109272784042</c:v>
                </c:pt>
                <c:pt idx="5946">
                  <c:v>0.43021109272784042</c:v>
                </c:pt>
                <c:pt idx="5947">
                  <c:v>0.35850924393986705</c:v>
                </c:pt>
                <c:pt idx="5948">
                  <c:v>0.28680739515189363</c:v>
                </c:pt>
                <c:pt idx="5949">
                  <c:v>0.21510554636392021</c:v>
                </c:pt>
                <c:pt idx="5950">
                  <c:v>0.21510554636392021</c:v>
                </c:pt>
                <c:pt idx="5951">
                  <c:v>0.21510554636392021</c:v>
                </c:pt>
                <c:pt idx="5952">
                  <c:v>0.21165896108311086</c:v>
                </c:pt>
                <c:pt idx="5953">
                  <c:v>0.21165896108311086</c:v>
                </c:pt>
                <c:pt idx="5954">
                  <c:v>0.21165896108311086</c:v>
                </c:pt>
                <c:pt idx="5955">
                  <c:v>0.21165896108311086</c:v>
                </c:pt>
                <c:pt idx="5956">
                  <c:v>0.21165896108311086</c:v>
                </c:pt>
                <c:pt idx="5957">
                  <c:v>0.27280488317378732</c:v>
                </c:pt>
                <c:pt idx="5958">
                  <c:v>0.31513667539040952</c:v>
                </c:pt>
                <c:pt idx="5959">
                  <c:v>0.31513667539040952</c:v>
                </c:pt>
                <c:pt idx="5960">
                  <c:v>0.31513667539040952</c:v>
                </c:pt>
                <c:pt idx="5961">
                  <c:v>0.33865433773297737</c:v>
                </c:pt>
                <c:pt idx="5962">
                  <c:v>0.3668755325440588</c:v>
                </c:pt>
                <c:pt idx="5963">
                  <c:v>0.42331792216622172</c:v>
                </c:pt>
                <c:pt idx="5964">
                  <c:v>0.42331792216622172</c:v>
                </c:pt>
                <c:pt idx="5965">
                  <c:v>0.42331792216622172</c:v>
                </c:pt>
                <c:pt idx="5966">
                  <c:v>0.42331792216622172</c:v>
                </c:pt>
                <c:pt idx="5967">
                  <c:v>0.42331792216622172</c:v>
                </c:pt>
                <c:pt idx="5968">
                  <c:v>0.42331792216622172</c:v>
                </c:pt>
                <c:pt idx="5969">
                  <c:v>0.42331792216622172</c:v>
                </c:pt>
                <c:pt idx="5970">
                  <c:v>0.42331792216622172</c:v>
                </c:pt>
                <c:pt idx="5971">
                  <c:v>0.35276493513851809</c:v>
                </c:pt>
                <c:pt idx="5972">
                  <c:v>0.28221194811081451</c:v>
                </c:pt>
                <c:pt idx="5973">
                  <c:v>0.21165896108311086</c:v>
                </c:pt>
                <c:pt idx="5974">
                  <c:v>0.21165896108311086</c:v>
                </c:pt>
                <c:pt idx="5975">
                  <c:v>0.21165896108311086</c:v>
                </c:pt>
                <c:pt idx="5976">
                  <c:v>0.23042784656731019</c:v>
                </c:pt>
                <c:pt idx="5977">
                  <c:v>0.23042784656731019</c:v>
                </c:pt>
                <c:pt idx="5978">
                  <c:v>0.23042784656731019</c:v>
                </c:pt>
                <c:pt idx="5979">
                  <c:v>0.23042784656731019</c:v>
                </c:pt>
                <c:pt idx="5980">
                  <c:v>0.23042784656731019</c:v>
                </c:pt>
                <c:pt idx="5981">
                  <c:v>0.29699589113119979</c:v>
                </c:pt>
                <c:pt idx="5982">
                  <c:v>0.3584433168824826</c:v>
                </c:pt>
                <c:pt idx="5983">
                  <c:v>0.3584433168824826</c:v>
                </c:pt>
                <c:pt idx="5984">
                  <c:v>0.3584433168824826</c:v>
                </c:pt>
                <c:pt idx="5985">
                  <c:v>0.384046410945517</c:v>
                </c:pt>
                <c:pt idx="5986">
                  <c:v>0.39940826738333773</c:v>
                </c:pt>
                <c:pt idx="5987">
                  <c:v>0.46085569313462038</c:v>
                </c:pt>
                <c:pt idx="5988">
                  <c:v>0.46085569313462038</c:v>
                </c:pt>
                <c:pt idx="5989">
                  <c:v>0.46085569313462038</c:v>
                </c:pt>
                <c:pt idx="5990">
                  <c:v>0.46085569313462038</c:v>
                </c:pt>
                <c:pt idx="5991">
                  <c:v>0.384046410945517</c:v>
                </c:pt>
                <c:pt idx="5992">
                  <c:v>0.36356393569508949</c:v>
                </c:pt>
                <c:pt idx="5993">
                  <c:v>0.36356393569508949</c:v>
                </c:pt>
                <c:pt idx="5994">
                  <c:v>0.36356393569508949</c:v>
                </c:pt>
                <c:pt idx="5995">
                  <c:v>0.36356393569508949</c:v>
                </c:pt>
                <c:pt idx="5996">
                  <c:v>0.28163403469337916</c:v>
                </c:pt>
                <c:pt idx="5997">
                  <c:v>0.10753299506474477</c:v>
                </c:pt>
                <c:pt idx="5998">
                  <c:v>0.10753299506474477</c:v>
                </c:pt>
                <c:pt idx="5999">
                  <c:v>0.10753299506474477</c:v>
                </c:pt>
                <c:pt idx="6000">
                  <c:v>4.4460015712025618E-2</c:v>
                </c:pt>
                <c:pt idx="6001">
                  <c:v>8.6802887818716687E-2</c:v>
                </c:pt>
                <c:pt idx="6002">
                  <c:v>8.6802887818716687E-2</c:v>
                </c:pt>
                <c:pt idx="6003">
                  <c:v>8.6802887818716687E-2</c:v>
                </c:pt>
                <c:pt idx="6004">
                  <c:v>8.6802887818716687E-2</c:v>
                </c:pt>
                <c:pt idx="6005">
                  <c:v>0.10797432387206223</c:v>
                </c:pt>
                <c:pt idx="6006">
                  <c:v>0.13549719074141142</c:v>
                </c:pt>
                <c:pt idx="6007">
                  <c:v>0.15455148318942238</c:v>
                </c:pt>
                <c:pt idx="6008">
                  <c:v>0.15455148318942238</c:v>
                </c:pt>
                <c:pt idx="6009">
                  <c:v>0.15455148318942238</c:v>
                </c:pt>
                <c:pt idx="6010">
                  <c:v>0.15455148318942238</c:v>
                </c:pt>
                <c:pt idx="6011">
                  <c:v>0.15455148318942238</c:v>
                </c:pt>
                <c:pt idx="6012">
                  <c:v>0.15455148318942238</c:v>
                </c:pt>
                <c:pt idx="6013">
                  <c:v>0.15455148318942238</c:v>
                </c:pt>
                <c:pt idx="6014">
                  <c:v>0.15455148318942238</c:v>
                </c:pt>
                <c:pt idx="6015">
                  <c:v>0.13973147795208052</c:v>
                </c:pt>
                <c:pt idx="6016">
                  <c:v>0.1270286163200732</c:v>
                </c:pt>
                <c:pt idx="6017">
                  <c:v>0.11432575468806588</c:v>
                </c:pt>
                <c:pt idx="6018">
                  <c:v>0.11009146747739677</c:v>
                </c:pt>
                <c:pt idx="6019">
                  <c:v>8.8920031424051235E-2</c:v>
                </c:pt>
                <c:pt idx="6020">
                  <c:v>6.5631451765371149E-2</c:v>
                </c:pt>
                <c:pt idx="6021">
                  <c:v>6.5631451765371149E-2</c:v>
                </c:pt>
                <c:pt idx="6022">
                  <c:v>6.5631451765371149E-2</c:v>
                </c:pt>
                <c:pt idx="6023">
                  <c:v>6.5631451765371149E-2</c:v>
                </c:pt>
                <c:pt idx="6024">
                  <c:v>6.8180006898921175E-2</c:v>
                </c:pt>
                <c:pt idx="6025">
                  <c:v>7.9176782205198776E-2</c:v>
                </c:pt>
                <c:pt idx="6026">
                  <c:v>7.9176782205198776E-2</c:v>
                </c:pt>
                <c:pt idx="6027">
                  <c:v>7.9176782205198776E-2</c:v>
                </c:pt>
                <c:pt idx="6028">
                  <c:v>7.9176782205198776E-2</c:v>
                </c:pt>
                <c:pt idx="6029">
                  <c:v>9.8970977756498477E-2</c:v>
                </c:pt>
                <c:pt idx="6030">
                  <c:v>0.11656581824654268</c:v>
                </c:pt>
                <c:pt idx="6031">
                  <c:v>0.13855936885909786</c:v>
                </c:pt>
                <c:pt idx="6032">
                  <c:v>0.13855936885909786</c:v>
                </c:pt>
                <c:pt idx="6033">
                  <c:v>0.13855936885909786</c:v>
                </c:pt>
                <c:pt idx="6034">
                  <c:v>0.13855936885909786</c:v>
                </c:pt>
                <c:pt idx="6035">
                  <c:v>0.13855936885909786</c:v>
                </c:pt>
                <c:pt idx="6036">
                  <c:v>0.13855936885909786</c:v>
                </c:pt>
                <c:pt idx="6037">
                  <c:v>0.13855936885909786</c:v>
                </c:pt>
                <c:pt idx="6038">
                  <c:v>0.13855936885909786</c:v>
                </c:pt>
                <c:pt idx="6039">
                  <c:v>0.12316388343030921</c:v>
                </c:pt>
                <c:pt idx="6040">
                  <c:v>0.12096452836905369</c:v>
                </c:pt>
                <c:pt idx="6041">
                  <c:v>0.10336968787900953</c:v>
                </c:pt>
                <c:pt idx="6042">
                  <c:v>9.6771622695242962E-2</c:v>
                </c:pt>
                <c:pt idx="6043">
                  <c:v>8.1376137266454318E-2</c:v>
                </c:pt>
                <c:pt idx="6044">
                  <c:v>6.8180006898921175E-2</c:v>
                </c:pt>
                <c:pt idx="6045">
                  <c:v>5.9382586653899096E-2</c:v>
                </c:pt>
                <c:pt idx="6046">
                  <c:v>5.9382586653899096E-2</c:v>
                </c:pt>
                <c:pt idx="6047">
                  <c:v>5.9382586653899096E-2</c:v>
                </c:pt>
                <c:pt idx="6048">
                  <c:v>7.1609488607082925E-2</c:v>
                </c:pt>
                <c:pt idx="6049">
                  <c:v>7.1609488607082925E-2</c:v>
                </c:pt>
                <c:pt idx="6050">
                  <c:v>7.1609488607082925E-2</c:v>
                </c:pt>
                <c:pt idx="6051">
                  <c:v>7.1609488607082925E-2</c:v>
                </c:pt>
                <c:pt idx="6052">
                  <c:v>7.1609488607082925E-2</c:v>
                </c:pt>
                <c:pt idx="6053">
                  <c:v>0.31030778396402597</c:v>
                </c:pt>
                <c:pt idx="6054">
                  <c:v>0.35207998565149101</c:v>
                </c:pt>
                <c:pt idx="6055">
                  <c:v>0.35207998565149101</c:v>
                </c:pt>
                <c:pt idx="6056">
                  <c:v>0.35207998565149101</c:v>
                </c:pt>
                <c:pt idx="6057">
                  <c:v>0.37594981518718534</c:v>
                </c:pt>
                <c:pt idx="6058">
                  <c:v>0.37594981518718534</c:v>
                </c:pt>
                <c:pt idx="6059">
                  <c:v>0.47739659071388618</c:v>
                </c:pt>
                <c:pt idx="6060">
                  <c:v>0.47739659071388618</c:v>
                </c:pt>
                <c:pt idx="6061">
                  <c:v>0.3162752413479496</c:v>
                </c:pt>
                <c:pt idx="6062">
                  <c:v>0.47739659071388618</c:v>
                </c:pt>
                <c:pt idx="6063">
                  <c:v>0.47739659071388618</c:v>
                </c:pt>
                <c:pt idx="6064">
                  <c:v>0.47739659071388618</c:v>
                </c:pt>
                <c:pt idx="6065">
                  <c:v>0.47739659071388618</c:v>
                </c:pt>
                <c:pt idx="6066">
                  <c:v>0.47739659071388618</c:v>
                </c:pt>
                <c:pt idx="6067">
                  <c:v>0.39981964472287962</c:v>
                </c:pt>
                <c:pt idx="6068">
                  <c:v>0.32821015611579668</c:v>
                </c:pt>
                <c:pt idx="6069">
                  <c:v>0.23869829535694309</c:v>
                </c:pt>
                <c:pt idx="6070">
                  <c:v>0.22676338058909593</c:v>
                </c:pt>
                <c:pt idx="6071">
                  <c:v>0.22676338058909593</c:v>
                </c:pt>
                <c:pt idx="6072">
                  <c:v>0.20912944077639439</c:v>
                </c:pt>
                <c:pt idx="6073">
                  <c:v>0.20912944077639439</c:v>
                </c:pt>
                <c:pt idx="6074">
                  <c:v>0.20912944077639439</c:v>
                </c:pt>
                <c:pt idx="6075">
                  <c:v>0.20912944077639439</c:v>
                </c:pt>
                <c:pt idx="6076">
                  <c:v>0.20912944077639439</c:v>
                </c:pt>
                <c:pt idx="6077">
                  <c:v>0.27186827300931266</c:v>
                </c:pt>
                <c:pt idx="6078">
                  <c:v>0.30323768912577187</c:v>
                </c:pt>
                <c:pt idx="6079">
                  <c:v>0.31369416116459159</c:v>
                </c:pt>
                <c:pt idx="6080">
                  <c:v>0.31369416116459159</c:v>
                </c:pt>
                <c:pt idx="6081">
                  <c:v>0.33983534126164089</c:v>
                </c:pt>
                <c:pt idx="6082">
                  <c:v>0.35552004931987041</c:v>
                </c:pt>
                <c:pt idx="6083">
                  <c:v>0.41825888155278879</c:v>
                </c:pt>
                <c:pt idx="6084">
                  <c:v>0.41825888155278879</c:v>
                </c:pt>
                <c:pt idx="6085">
                  <c:v>0.41825888155278879</c:v>
                </c:pt>
                <c:pt idx="6086">
                  <c:v>0.41825888155278879</c:v>
                </c:pt>
                <c:pt idx="6087">
                  <c:v>0.41825888155278879</c:v>
                </c:pt>
                <c:pt idx="6088">
                  <c:v>0.41825888155278879</c:v>
                </c:pt>
                <c:pt idx="6089">
                  <c:v>0.41825888155278879</c:v>
                </c:pt>
                <c:pt idx="6090">
                  <c:v>0.41825888155278879</c:v>
                </c:pt>
                <c:pt idx="6091">
                  <c:v>0.35029181330046061</c:v>
                </c:pt>
                <c:pt idx="6092">
                  <c:v>0.28755298106754229</c:v>
                </c:pt>
                <c:pt idx="6093">
                  <c:v>0.20912944077639439</c:v>
                </c:pt>
                <c:pt idx="6094">
                  <c:v>0.20912944077639439</c:v>
                </c:pt>
                <c:pt idx="6095">
                  <c:v>0.20912944077639439</c:v>
                </c:pt>
                <c:pt idx="6096">
                  <c:v>0.18927402702287968</c:v>
                </c:pt>
                <c:pt idx="6097">
                  <c:v>0.21293328040073964</c:v>
                </c:pt>
                <c:pt idx="6098">
                  <c:v>0.21293328040073964</c:v>
                </c:pt>
                <c:pt idx="6099">
                  <c:v>0.21293328040073964</c:v>
                </c:pt>
                <c:pt idx="6100">
                  <c:v>0.21293328040073964</c:v>
                </c:pt>
                <c:pt idx="6101">
                  <c:v>0.27444733918317554</c:v>
                </c:pt>
                <c:pt idx="6102">
                  <c:v>0.31703399526332349</c:v>
                </c:pt>
                <c:pt idx="6103">
                  <c:v>0.31703399526332349</c:v>
                </c:pt>
                <c:pt idx="6104">
                  <c:v>0.31703399526332349</c:v>
                </c:pt>
                <c:pt idx="6105">
                  <c:v>0.34069324864118344</c:v>
                </c:pt>
                <c:pt idx="6106">
                  <c:v>0.36908435269461537</c:v>
                </c:pt>
                <c:pt idx="6107">
                  <c:v>0.42586656080147928</c:v>
                </c:pt>
                <c:pt idx="6108">
                  <c:v>0.42586656080147928</c:v>
                </c:pt>
                <c:pt idx="6109">
                  <c:v>0.42586656080147928</c:v>
                </c:pt>
                <c:pt idx="6110">
                  <c:v>0.42586656080147928</c:v>
                </c:pt>
                <c:pt idx="6111">
                  <c:v>0.42586656080147928</c:v>
                </c:pt>
                <c:pt idx="6112">
                  <c:v>0.42586656080147928</c:v>
                </c:pt>
                <c:pt idx="6113">
                  <c:v>0.42586656080147928</c:v>
                </c:pt>
                <c:pt idx="6114">
                  <c:v>0.42586656080147928</c:v>
                </c:pt>
                <c:pt idx="6115">
                  <c:v>0.35488880066789941</c:v>
                </c:pt>
                <c:pt idx="6116">
                  <c:v>0.28391104053431954</c:v>
                </c:pt>
                <c:pt idx="6117">
                  <c:v>0.21293328040073964</c:v>
                </c:pt>
                <c:pt idx="6118">
                  <c:v>0.21293328040073964</c:v>
                </c:pt>
                <c:pt idx="6119">
                  <c:v>0.21293328040073964</c:v>
                </c:pt>
                <c:pt idx="6120">
                  <c:v>0.21707290596363618</c:v>
                </c:pt>
                <c:pt idx="6121">
                  <c:v>0.21707290596363618</c:v>
                </c:pt>
                <c:pt idx="6122">
                  <c:v>0.21707290596363618</c:v>
                </c:pt>
                <c:pt idx="6123">
                  <c:v>0.21707290596363618</c:v>
                </c:pt>
                <c:pt idx="6124">
                  <c:v>0.21707290596363618</c:v>
                </c:pt>
                <c:pt idx="6125">
                  <c:v>0.27978285657535329</c:v>
                </c:pt>
                <c:pt idx="6126">
                  <c:v>0.32319743776808058</c:v>
                </c:pt>
                <c:pt idx="6127">
                  <c:v>0.32319743776808058</c:v>
                </c:pt>
                <c:pt idx="6128">
                  <c:v>0.32319743776808058</c:v>
                </c:pt>
                <c:pt idx="6129">
                  <c:v>0.3473166495418179</c:v>
                </c:pt>
                <c:pt idx="6130">
                  <c:v>0.3762597036703027</c:v>
                </c:pt>
                <c:pt idx="6131">
                  <c:v>0.43414581192727236</c:v>
                </c:pt>
                <c:pt idx="6132">
                  <c:v>0.43414581192727236</c:v>
                </c:pt>
                <c:pt idx="6133">
                  <c:v>0.43414581192727236</c:v>
                </c:pt>
                <c:pt idx="6134">
                  <c:v>0.43414581192727236</c:v>
                </c:pt>
                <c:pt idx="6135">
                  <c:v>0.43414581192727236</c:v>
                </c:pt>
                <c:pt idx="6136">
                  <c:v>0.43414581192727236</c:v>
                </c:pt>
                <c:pt idx="6137">
                  <c:v>0.43414581192727236</c:v>
                </c:pt>
                <c:pt idx="6138">
                  <c:v>0.43414581192727236</c:v>
                </c:pt>
                <c:pt idx="6139">
                  <c:v>0.36178817660606033</c:v>
                </c:pt>
                <c:pt idx="6140">
                  <c:v>0.2894305412848483</c:v>
                </c:pt>
                <c:pt idx="6141">
                  <c:v>0.21707290596363618</c:v>
                </c:pt>
                <c:pt idx="6142">
                  <c:v>0.21707290596363618</c:v>
                </c:pt>
                <c:pt idx="6143">
                  <c:v>0.21707290596363618</c:v>
                </c:pt>
                <c:pt idx="6144">
                  <c:v>0.23686470942189039</c:v>
                </c:pt>
                <c:pt idx="6145">
                  <c:v>0.23686470942189039</c:v>
                </c:pt>
                <c:pt idx="6146">
                  <c:v>0.23686470942189039</c:v>
                </c:pt>
                <c:pt idx="6147">
                  <c:v>0.23686470942189039</c:v>
                </c:pt>
                <c:pt idx="6148">
                  <c:v>0.23686470942189039</c:v>
                </c:pt>
                <c:pt idx="6149">
                  <c:v>0.30529229214376985</c:v>
                </c:pt>
                <c:pt idx="6150">
                  <c:v>0.36845621465627398</c:v>
                </c:pt>
                <c:pt idx="6151">
                  <c:v>0.36845621465627398</c:v>
                </c:pt>
                <c:pt idx="6152">
                  <c:v>0.36845621465627398</c:v>
                </c:pt>
                <c:pt idx="6153">
                  <c:v>0.39477451570315064</c:v>
                </c:pt>
                <c:pt idx="6154">
                  <c:v>0.41056549633127676</c:v>
                </c:pt>
                <c:pt idx="6155">
                  <c:v>0.47372941884378078</c:v>
                </c:pt>
                <c:pt idx="6156">
                  <c:v>0.47372941884378078</c:v>
                </c:pt>
                <c:pt idx="6157">
                  <c:v>0.47372941884378078</c:v>
                </c:pt>
                <c:pt idx="6158">
                  <c:v>0.47372941884378078</c:v>
                </c:pt>
                <c:pt idx="6159">
                  <c:v>0.39477451570315064</c:v>
                </c:pt>
                <c:pt idx="6160">
                  <c:v>0.37371987486564934</c:v>
                </c:pt>
                <c:pt idx="6161">
                  <c:v>0.37371987486564934</c:v>
                </c:pt>
                <c:pt idx="6162">
                  <c:v>0.37371987486564934</c:v>
                </c:pt>
                <c:pt idx="6163">
                  <c:v>0.37371987486564934</c:v>
                </c:pt>
                <c:pt idx="6164">
                  <c:v>0.28950131151564384</c:v>
                </c:pt>
                <c:pt idx="6165">
                  <c:v>0.11053686439688219</c:v>
                </c:pt>
                <c:pt idx="6166">
                  <c:v>0.11053686439688219</c:v>
                </c:pt>
                <c:pt idx="6167">
                  <c:v>0.11053686439688219</c:v>
                </c:pt>
                <c:pt idx="6168">
                  <c:v>5.1704474750725364E-2</c:v>
                </c:pt>
                <c:pt idx="6169">
                  <c:v>0.10094683165617813</c:v>
                </c:pt>
                <c:pt idx="6170">
                  <c:v>0.10094683165617813</c:v>
                </c:pt>
                <c:pt idx="6171">
                  <c:v>0.10094683165617813</c:v>
                </c:pt>
                <c:pt idx="6172">
                  <c:v>0.10094683165617813</c:v>
                </c:pt>
                <c:pt idx="6173">
                  <c:v>0.12556801010890448</c:v>
                </c:pt>
                <c:pt idx="6174">
                  <c:v>0.15757554209744876</c:v>
                </c:pt>
                <c:pt idx="6175">
                  <c:v>0.17973460270490246</c:v>
                </c:pt>
                <c:pt idx="6176">
                  <c:v>0.17973460270490246</c:v>
                </c:pt>
                <c:pt idx="6177">
                  <c:v>0.17973460270490246</c:v>
                </c:pt>
                <c:pt idx="6178">
                  <c:v>0.17973460270490246</c:v>
                </c:pt>
                <c:pt idx="6179">
                  <c:v>0.17973460270490246</c:v>
                </c:pt>
                <c:pt idx="6180">
                  <c:v>0.17973460270490246</c:v>
                </c:pt>
                <c:pt idx="6181">
                  <c:v>0.17973460270490246</c:v>
                </c:pt>
                <c:pt idx="6182">
                  <c:v>0.17973460270490246</c:v>
                </c:pt>
                <c:pt idx="6183">
                  <c:v>0.16249977778799402</c:v>
                </c:pt>
                <c:pt idx="6184">
                  <c:v>0.14772707071635821</c:v>
                </c:pt>
                <c:pt idx="6185">
                  <c:v>0.13295436364472238</c:v>
                </c:pt>
                <c:pt idx="6186">
                  <c:v>0.12803012795417712</c:v>
                </c:pt>
                <c:pt idx="6187">
                  <c:v>0.10340894950145073</c:v>
                </c:pt>
                <c:pt idx="6188">
                  <c:v>7.6325653203451735E-2</c:v>
                </c:pt>
                <c:pt idx="6189">
                  <c:v>7.6325653203451735E-2</c:v>
                </c:pt>
                <c:pt idx="6190">
                  <c:v>7.6325653203451735E-2</c:v>
                </c:pt>
                <c:pt idx="6191">
                  <c:v>7.6325653203451735E-2</c:v>
                </c:pt>
                <c:pt idx="6192">
                  <c:v>9.5497041757297063E-2</c:v>
                </c:pt>
                <c:pt idx="6193">
                  <c:v>0.11089979042782887</c:v>
                </c:pt>
                <c:pt idx="6194">
                  <c:v>0.11089979042782887</c:v>
                </c:pt>
                <c:pt idx="6195">
                  <c:v>0.11089979042782887</c:v>
                </c:pt>
                <c:pt idx="6196">
                  <c:v>0.11089979042782887</c:v>
                </c:pt>
                <c:pt idx="6197">
                  <c:v>0.13862473803478603</c:v>
                </c:pt>
                <c:pt idx="6198">
                  <c:v>0.16326913590763692</c:v>
                </c:pt>
                <c:pt idx="6199">
                  <c:v>0.1940746332487005</c:v>
                </c:pt>
                <c:pt idx="6200">
                  <c:v>0.1940746332487005</c:v>
                </c:pt>
                <c:pt idx="6201">
                  <c:v>0.1940746332487005</c:v>
                </c:pt>
                <c:pt idx="6202">
                  <c:v>0.1940746332487005</c:v>
                </c:pt>
                <c:pt idx="6203">
                  <c:v>0.1940746332487005</c:v>
                </c:pt>
                <c:pt idx="6204">
                  <c:v>0.1940746332487005</c:v>
                </c:pt>
                <c:pt idx="6205">
                  <c:v>0.1940746332487005</c:v>
                </c:pt>
                <c:pt idx="6206">
                  <c:v>0.1940746332487005</c:v>
                </c:pt>
                <c:pt idx="6207">
                  <c:v>0.17251078510995599</c:v>
                </c:pt>
                <c:pt idx="6208">
                  <c:v>0.16943023537584964</c:v>
                </c:pt>
                <c:pt idx="6209">
                  <c:v>0.14478583750299878</c:v>
                </c:pt>
                <c:pt idx="6210">
                  <c:v>0.13554418830067971</c:v>
                </c:pt>
                <c:pt idx="6211">
                  <c:v>0.11398034016193521</c:v>
                </c:pt>
                <c:pt idx="6212">
                  <c:v>9.5497041757297063E-2</c:v>
                </c:pt>
                <c:pt idx="6213">
                  <c:v>8.3174842820871633E-2</c:v>
                </c:pt>
                <c:pt idx="6214">
                  <c:v>8.3174842820871633E-2</c:v>
                </c:pt>
                <c:pt idx="6215">
                  <c:v>8.3174842820871633E-2</c:v>
                </c:pt>
                <c:pt idx="6216">
                  <c:v>7.3567289675200015E-2</c:v>
                </c:pt>
                <c:pt idx="6217">
                  <c:v>7.3567289675200015E-2</c:v>
                </c:pt>
                <c:pt idx="6218">
                  <c:v>7.3567289675200015E-2</c:v>
                </c:pt>
                <c:pt idx="6219">
                  <c:v>7.3567289675200015E-2</c:v>
                </c:pt>
                <c:pt idx="6220">
                  <c:v>7.3567289675200015E-2</c:v>
                </c:pt>
                <c:pt idx="6221">
                  <c:v>0.31879158859253343</c:v>
                </c:pt>
                <c:pt idx="6222">
                  <c:v>0.36170584090306679</c:v>
                </c:pt>
                <c:pt idx="6223">
                  <c:v>0.36170584090306679</c:v>
                </c:pt>
                <c:pt idx="6224">
                  <c:v>0.36170584090306679</c:v>
                </c:pt>
                <c:pt idx="6225">
                  <c:v>0.38622827079480015</c:v>
                </c:pt>
                <c:pt idx="6226">
                  <c:v>0.38622827079480015</c:v>
                </c:pt>
                <c:pt idx="6227">
                  <c:v>0.49044859783466677</c:v>
                </c:pt>
                <c:pt idx="6228">
                  <c:v>0.49044859783466677</c:v>
                </c:pt>
                <c:pt idx="6229">
                  <c:v>0.3249221960654668</c:v>
                </c:pt>
                <c:pt idx="6230">
                  <c:v>0.49044859783466677</c:v>
                </c:pt>
                <c:pt idx="6231">
                  <c:v>0.49044859783466677</c:v>
                </c:pt>
                <c:pt idx="6232">
                  <c:v>0.49044859783466677</c:v>
                </c:pt>
                <c:pt idx="6233">
                  <c:v>0.49044859783466677</c:v>
                </c:pt>
                <c:pt idx="6234">
                  <c:v>0.49044859783466677</c:v>
                </c:pt>
                <c:pt idx="6235">
                  <c:v>0.41075070068653352</c:v>
                </c:pt>
                <c:pt idx="6236">
                  <c:v>0.33718341101133348</c:v>
                </c:pt>
                <c:pt idx="6237">
                  <c:v>0.24522429891733338</c:v>
                </c:pt>
                <c:pt idx="6238">
                  <c:v>0.23296308397146676</c:v>
                </c:pt>
                <c:pt idx="6239">
                  <c:v>0.23296308397146676</c:v>
                </c:pt>
                <c:pt idx="6240">
                  <c:v>0.21191097204234738</c:v>
                </c:pt>
                <c:pt idx="6241">
                  <c:v>0.21191097204234738</c:v>
                </c:pt>
                <c:pt idx="6242">
                  <c:v>0.21191097204234738</c:v>
                </c:pt>
                <c:pt idx="6243">
                  <c:v>0.21191097204234738</c:v>
                </c:pt>
                <c:pt idx="6244">
                  <c:v>0.21191097204234738</c:v>
                </c:pt>
                <c:pt idx="6245">
                  <c:v>0.27548426365505158</c:v>
                </c:pt>
                <c:pt idx="6246">
                  <c:v>0.30727090946140367</c:v>
                </c:pt>
                <c:pt idx="6247">
                  <c:v>0.31786645806352104</c:v>
                </c:pt>
                <c:pt idx="6248">
                  <c:v>0.31786645806352104</c:v>
                </c:pt>
                <c:pt idx="6249">
                  <c:v>0.34435532956881448</c:v>
                </c:pt>
                <c:pt idx="6250">
                  <c:v>0.36024865247199045</c:v>
                </c:pt>
                <c:pt idx="6251">
                  <c:v>0.42382194408469476</c:v>
                </c:pt>
                <c:pt idx="6252">
                  <c:v>0.42382194408469476</c:v>
                </c:pt>
                <c:pt idx="6253">
                  <c:v>0.42382194408469476</c:v>
                </c:pt>
                <c:pt idx="6254">
                  <c:v>0.42382194408469476</c:v>
                </c:pt>
                <c:pt idx="6255">
                  <c:v>0.42382194408469476</c:v>
                </c:pt>
                <c:pt idx="6256">
                  <c:v>0.42382194408469476</c:v>
                </c:pt>
                <c:pt idx="6257">
                  <c:v>0.42382194408469476</c:v>
                </c:pt>
                <c:pt idx="6258">
                  <c:v>0.42382194408469476</c:v>
                </c:pt>
                <c:pt idx="6259">
                  <c:v>0.35495087817093185</c:v>
                </c:pt>
                <c:pt idx="6260">
                  <c:v>0.2913775865582276</c:v>
                </c:pt>
                <c:pt idx="6261">
                  <c:v>0.21191097204234738</c:v>
                </c:pt>
                <c:pt idx="6262">
                  <c:v>0.21191097204234738</c:v>
                </c:pt>
                <c:pt idx="6263">
                  <c:v>0.21191097204234738</c:v>
                </c:pt>
                <c:pt idx="6264">
                  <c:v>0.18872234042905608</c:v>
                </c:pt>
                <c:pt idx="6265">
                  <c:v>0.2123126329826881</c:v>
                </c:pt>
                <c:pt idx="6266">
                  <c:v>0.2123126329826881</c:v>
                </c:pt>
                <c:pt idx="6267">
                  <c:v>0.2123126329826881</c:v>
                </c:pt>
                <c:pt idx="6268">
                  <c:v>0.2123126329826881</c:v>
                </c:pt>
                <c:pt idx="6269">
                  <c:v>0.27364739362213136</c:v>
                </c:pt>
                <c:pt idx="6270">
                  <c:v>0.31610992021866891</c:v>
                </c:pt>
                <c:pt idx="6271">
                  <c:v>0.31610992021866891</c:v>
                </c:pt>
                <c:pt idx="6272">
                  <c:v>0.31610992021866891</c:v>
                </c:pt>
                <c:pt idx="6273">
                  <c:v>0.33970021277230095</c:v>
                </c:pt>
                <c:pt idx="6274">
                  <c:v>0.36800856383665936</c:v>
                </c:pt>
                <c:pt idx="6275">
                  <c:v>0.4246252659653762</c:v>
                </c:pt>
                <c:pt idx="6276">
                  <c:v>0.4246252659653762</c:v>
                </c:pt>
                <c:pt idx="6277">
                  <c:v>0.4246252659653762</c:v>
                </c:pt>
                <c:pt idx="6278">
                  <c:v>0.4246252659653762</c:v>
                </c:pt>
                <c:pt idx="6279">
                  <c:v>0.4246252659653762</c:v>
                </c:pt>
                <c:pt idx="6280">
                  <c:v>0.4246252659653762</c:v>
                </c:pt>
                <c:pt idx="6281">
                  <c:v>0.4246252659653762</c:v>
                </c:pt>
                <c:pt idx="6282">
                  <c:v>0.4246252659653762</c:v>
                </c:pt>
                <c:pt idx="6283">
                  <c:v>0.35385438830448013</c:v>
                </c:pt>
                <c:pt idx="6284">
                  <c:v>0.28308351064358417</c:v>
                </c:pt>
                <c:pt idx="6285">
                  <c:v>0.2123126329826881</c:v>
                </c:pt>
                <c:pt idx="6286">
                  <c:v>0.2123126329826881</c:v>
                </c:pt>
                <c:pt idx="6287">
                  <c:v>0.2123126329826881</c:v>
                </c:pt>
                <c:pt idx="6288">
                  <c:v>0.21397922317476456</c:v>
                </c:pt>
                <c:pt idx="6289">
                  <c:v>0.21397922317476456</c:v>
                </c:pt>
                <c:pt idx="6290">
                  <c:v>0.21397922317476456</c:v>
                </c:pt>
                <c:pt idx="6291">
                  <c:v>0.21397922317476456</c:v>
                </c:pt>
                <c:pt idx="6292">
                  <c:v>0.21397922317476456</c:v>
                </c:pt>
                <c:pt idx="6293">
                  <c:v>0.2757954432030299</c:v>
                </c:pt>
                <c:pt idx="6294">
                  <c:v>0.3185912878379828</c:v>
                </c:pt>
                <c:pt idx="6295">
                  <c:v>0.3185912878379828</c:v>
                </c:pt>
                <c:pt idx="6296">
                  <c:v>0.3185912878379828</c:v>
                </c:pt>
                <c:pt idx="6297">
                  <c:v>0.34236675707962333</c:v>
                </c:pt>
                <c:pt idx="6298">
                  <c:v>0.37089732016959187</c:v>
                </c:pt>
                <c:pt idx="6299">
                  <c:v>0.42795844634952912</c:v>
                </c:pt>
                <c:pt idx="6300">
                  <c:v>0.42795844634952912</c:v>
                </c:pt>
                <c:pt idx="6301">
                  <c:v>0.42795844634952912</c:v>
                </c:pt>
                <c:pt idx="6302">
                  <c:v>0.42795844634952912</c:v>
                </c:pt>
                <c:pt idx="6303">
                  <c:v>0.42795844634952912</c:v>
                </c:pt>
                <c:pt idx="6304">
                  <c:v>0.42795844634952912</c:v>
                </c:pt>
                <c:pt idx="6305">
                  <c:v>0.42795844634952912</c:v>
                </c:pt>
                <c:pt idx="6306">
                  <c:v>0.42795844634952912</c:v>
                </c:pt>
                <c:pt idx="6307">
                  <c:v>0.35663203862460763</c:v>
                </c:pt>
                <c:pt idx="6308">
                  <c:v>0.28530563089968614</c:v>
                </c:pt>
                <c:pt idx="6309">
                  <c:v>0.21397922317476456</c:v>
                </c:pt>
                <c:pt idx="6310">
                  <c:v>0.21397922317476456</c:v>
                </c:pt>
                <c:pt idx="6311">
                  <c:v>0.21397922317476456</c:v>
                </c:pt>
                <c:pt idx="6312">
                  <c:v>0.23195236671707919</c:v>
                </c:pt>
                <c:pt idx="6313">
                  <c:v>0.23195236671707919</c:v>
                </c:pt>
                <c:pt idx="6314">
                  <c:v>0.23195236671707919</c:v>
                </c:pt>
                <c:pt idx="6315">
                  <c:v>0.23195236671707919</c:v>
                </c:pt>
                <c:pt idx="6316">
                  <c:v>0.23195236671707919</c:v>
                </c:pt>
                <c:pt idx="6317">
                  <c:v>0.29896082821312431</c:v>
                </c:pt>
                <c:pt idx="6318">
                  <c:v>0.36081479267101219</c:v>
                </c:pt>
                <c:pt idx="6319">
                  <c:v>0.36081479267101219</c:v>
                </c:pt>
                <c:pt idx="6320">
                  <c:v>0.36081479267101219</c:v>
                </c:pt>
                <c:pt idx="6321">
                  <c:v>0.38658727786179869</c:v>
                </c:pt>
                <c:pt idx="6322">
                  <c:v>0.40205076897627062</c:v>
                </c:pt>
                <c:pt idx="6323">
                  <c:v>0.46390473343415839</c:v>
                </c:pt>
                <c:pt idx="6324">
                  <c:v>0.46390473343415839</c:v>
                </c:pt>
                <c:pt idx="6325">
                  <c:v>0.46390473343415839</c:v>
                </c:pt>
                <c:pt idx="6326">
                  <c:v>0.46390473343415839</c:v>
                </c:pt>
                <c:pt idx="6327">
                  <c:v>0.38658727786179869</c:v>
                </c:pt>
                <c:pt idx="6328">
                  <c:v>0.36596928970916948</c:v>
                </c:pt>
                <c:pt idx="6329">
                  <c:v>0.36596928970916948</c:v>
                </c:pt>
                <c:pt idx="6330">
                  <c:v>0.36596928970916948</c:v>
                </c:pt>
                <c:pt idx="6331">
                  <c:v>0.36596928970916948</c:v>
                </c:pt>
                <c:pt idx="6332">
                  <c:v>0.28349733709865238</c:v>
                </c:pt>
                <c:pt idx="6333">
                  <c:v>0.10824443780130363</c:v>
                </c:pt>
                <c:pt idx="6334">
                  <c:v>0.10824443780130363</c:v>
                </c:pt>
                <c:pt idx="6335">
                  <c:v>0.10824443780130363</c:v>
                </c:pt>
                <c:pt idx="6336">
                  <c:v>5.2284031473821352E-2</c:v>
                </c:pt>
                <c:pt idx="6337">
                  <c:v>0.10207834716317503</c:v>
                </c:pt>
                <c:pt idx="6338">
                  <c:v>0.10207834716317503</c:v>
                </c:pt>
                <c:pt idx="6339">
                  <c:v>0.10207834716317503</c:v>
                </c:pt>
                <c:pt idx="6340">
                  <c:v>0.10207834716317503</c:v>
                </c:pt>
                <c:pt idx="6341">
                  <c:v>0.12697550500785185</c:v>
                </c:pt>
                <c:pt idx="6342">
                  <c:v>0.15934181020593174</c:v>
                </c:pt>
                <c:pt idx="6343">
                  <c:v>0.18174925226614089</c:v>
                </c:pt>
                <c:pt idx="6344">
                  <c:v>0.18174925226614089</c:v>
                </c:pt>
                <c:pt idx="6345">
                  <c:v>0.18174925226614089</c:v>
                </c:pt>
                <c:pt idx="6346">
                  <c:v>0.18174925226614089</c:v>
                </c:pt>
                <c:pt idx="6347">
                  <c:v>0.18174925226614089</c:v>
                </c:pt>
                <c:pt idx="6348">
                  <c:v>0.18174925226614089</c:v>
                </c:pt>
                <c:pt idx="6349">
                  <c:v>0.18174925226614089</c:v>
                </c:pt>
                <c:pt idx="6350">
                  <c:v>0.18174925226614089</c:v>
                </c:pt>
                <c:pt idx="6351">
                  <c:v>0.16432124177486709</c:v>
                </c:pt>
                <c:pt idx="6352">
                  <c:v>0.14938294706806099</c:v>
                </c:pt>
                <c:pt idx="6353">
                  <c:v>0.13444465236125491</c:v>
                </c:pt>
                <c:pt idx="6354">
                  <c:v>0.12946522079231954</c:v>
                </c:pt>
                <c:pt idx="6355">
                  <c:v>0.1045680629476427</c:v>
                </c:pt>
                <c:pt idx="6356">
                  <c:v>7.7181189318498183E-2</c:v>
                </c:pt>
                <c:pt idx="6357">
                  <c:v>7.7181189318498183E-2</c:v>
                </c:pt>
                <c:pt idx="6358">
                  <c:v>7.7181189318498183E-2</c:v>
                </c:pt>
                <c:pt idx="6359">
                  <c:v>7.7181189318498183E-2</c:v>
                </c:pt>
                <c:pt idx="6360">
                  <c:v>9.4038534710103525E-2</c:v>
                </c:pt>
                <c:pt idx="6361">
                  <c:v>0.10920604030850732</c:v>
                </c:pt>
                <c:pt idx="6362">
                  <c:v>0.10920604030850732</c:v>
                </c:pt>
                <c:pt idx="6363">
                  <c:v>0.10920604030850732</c:v>
                </c:pt>
                <c:pt idx="6364">
                  <c:v>0.10920604030850732</c:v>
                </c:pt>
                <c:pt idx="6365">
                  <c:v>0.13650755038563414</c:v>
                </c:pt>
                <c:pt idx="6366">
                  <c:v>0.16077555934308022</c:v>
                </c:pt>
                <c:pt idx="6367">
                  <c:v>0.19111057053988778</c:v>
                </c:pt>
                <c:pt idx="6368">
                  <c:v>0.19111057053988778</c:v>
                </c:pt>
                <c:pt idx="6369">
                  <c:v>0.19111057053988778</c:v>
                </c:pt>
                <c:pt idx="6370">
                  <c:v>0.19111057053988778</c:v>
                </c:pt>
                <c:pt idx="6371">
                  <c:v>0.19111057053988778</c:v>
                </c:pt>
                <c:pt idx="6372">
                  <c:v>0.19111057053988778</c:v>
                </c:pt>
                <c:pt idx="6373">
                  <c:v>0.19111057053988778</c:v>
                </c:pt>
                <c:pt idx="6374">
                  <c:v>0.19111057053988778</c:v>
                </c:pt>
                <c:pt idx="6375">
                  <c:v>0.16987606270212249</c:v>
                </c:pt>
                <c:pt idx="6376">
                  <c:v>0.16684256158244171</c:v>
                </c:pt>
                <c:pt idx="6377">
                  <c:v>0.14257455262499566</c:v>
                </c:pt>
                <c:pt idx="6378">
                  <c:v>0.13347404926595341</c:v>
                </c:pt>
                <c:pt idx="6379">
                  <c:v>0.11223954142818808</c:v>
                </c:pt>
                <c:pt idx="6380">
                  <c:v>9.4038534710103525E-2</c:v>
                </c:pt>
                <c:pt idx="6381">
                  <c:v>8.1904530231380487E-2</c:v>
                </c:pt>
                <c:pt idx="6382">
                  <c:v>8.1904530231380487E-2</c:v>
                </c:pt>
                <c:pt idx="6383">
                  <c:v>8.1904530231380487E-2</c:v>
                </c:pt>
                <c:pt idx="6384">
                  <c:v>7.3567289675200015E-2</c:v>
                </c:pt>
                <c:pt idx="6385">
                  <c:v>7.3567289675200015E-2</c:v>
                </c:pt>
                <c:pt idx="6386">
                  <c:v>7.3567289675200015E-2</c:v>
                </c:pt>
                <c:pt idx="6387">
                  <c:v>7.3567289675200015E-2</c:v>
                </c:pt>
                <c:pt idx="6388">
                  <c:v>7.3567289675200015E-2</c:v>
                </c:pt>
                <c:pt idx="6389">
                  <c:v>0.31879158859253343</c:v>
                </c:pt>
                <c:pt idx="6390">
                  <c:v>0.36170584090306679</c:v>
                </c:pt>
                <c:pt idx="6391">
                  <c:v>0.36170584090306679</c:v>
                </c:pt>
                <c:pt idx="6392">
                  <c:v>0.36170584090306679</c:v>
                </c:pt>
                <c:pt idx="6393">
                  <c:v>0.38622827079480015</c:v>
                </c:pt>
                <c:pt idx="6394">
                  <c:v>0.38622827079480015</c:v>
                </c:pt>
                <c:pt idx="6395">
                  <c:v>0.49044859783466677</c:v>
                </c:pt>
                <c:pt idx="6396">
                  <c:v>0.49044859783466677</c:v>
                </c:pt>
                <c:pt idx="6397">
                  <c:v>0.3249221960654668</c:v>
                </c:pt>
                <c:pt idx="6398">
                  <c:v>0.49044859783466677</c:v>
                </c:pt>
                <c:pt idx="6399">
                  <c:v>0.49044859783466677</c:v>
                </c:pt>
                <c:pt idx="6400">
                  <c:v>0.49044859783466677</c:v>
                </c:pt>
                <c:pt idx="6401">
                  <c:v>0.49044859783466677</c:v>
                </c:pt>
                <c:pt idx="6402">
                  <c:v>0.49044859783466677</c:v>
                </c:pt>
                <c:pt idx="6403">
                  <c:v>0.41075070068653352</c:v>
                </c:pt>
                <c:pt idx="6404">
                  <c:v>0.33718341101133348</c:v>
                </c:pt>
                <c:pt idx="6405">
                  <c:v>0.24522429891733338</c:v>
                </c:pt>
                <c:pt idx="6406">
                  <c:v>0.23296308397146676</c:v>
                </c:pt>
                <c:pt idx="6407">
                  <c:v>0.23296308397146676</c:v>
                </c:pt>
                <c:pt idx="6408">
                  <c:v>0.20882038174684406</c:v>
                </c:pt>
                <c:pt idx="6409">
                  <c:v>0.20882038174684406</c:v>
                </c:pt>
                <c:pt idx="6410">
                  <c:v>0.20882038174684406</c:v>
                </c:pt>
                <c:pt idx="6411">
                  <c:v>0.20882038174684406</c:v>
                </c:pt>
                <c:pt idx="6412">
                  <c:v>0.20882038174684406</c:v>
                </c:pt>
                <c:pt idx="6413">
                  <c:v>0.27146649627089725</c:v>
                </c:pt>
                <c:pt idx="6414">
                  <c:v>0.30278955353292386</c:v>
                </c:pt>
                <c:pt idx="6415">
                  <c:v>0.3132305726202661</c:v>
                </c:pt>
                <c:pt idx="6416">
                  <c:v>0.3132305726202661</c:v>
                </c:pt>
                <c:pt idx="6417">
                  <c:v>0.33933312033862162</c:v>
                </c:pt>
                <c:pt idx="6418">
                  <c:v>0.35499464896963484</c:v>
                </c:pt>
                <c:pt idx="6419">
                  <c:v>0.41764076349368812</c:v>
                </c:pt>
                <c:pt idx="6420">
                  <c:v>0.41764076349368812</c:v>
                </c:pt>
                <c:pt idx="6421">
                  <c:v>0.41764076349368812</c:v>
                </c:pt>
                <c:pt idx="6422">
                  <c:v>0.41764076349368812</c:v>
                </c:pt>
                <c:pt idx="6423">
                  <c:v>0.41764076349368812</c:v>
                </c:pt>
                <c:pt idx="6424">
                  <c:v>0.41764076349368812</c:v>
                </c:pt>
                <c:pt idx="6425">
                  <c:v>0.41764076349368812</c:v>
                </c:pt>
                <c:pt idx="6426">
                  <c:v>0.41764076349368812</c:v>
                </c:pt>
                <c:pt idx="6427">
                  <c:v>0.3497741394259638</c:v>
                </c:pt>
                <c:pt idx="6428">
                  <c:v>0.28712802490191058</c:v>
                </c:pt>
                <c:pt idx="6429">
                  <c:v>0.20882038174684406</c:v>
                </c:pt>
                <c:pt idx="6430">
                  <c:v>0.20882038174684406</c:v>
                </c:pt>
                <c:pt idx="6431">
                  <c:v>0.20882038174684406</c:v>
                </c:pt>
                <c:pt idx="6432">
                  <c:v>0.18706728064758518</c:v>
                </c:pt>
                <c:pt idx="6433">
                  <c:v>0.21045069072853334</c:v>
                </c:pt>
                <c:pt idx="6434">
                  <c:v>0.21045069072853334</c:v>
                </c:pt>
                <c:pt idx="6435">
                  <c:v>0.21045069072853334</c:v>
                </c:pt>
                <c:pt idx="6436">
                  <c:v>0.21045069072853334</c:v>
                </c:pt>
                <c:pt idx="6437">
                  <c:v>0.27124755693899849</c:v>
                </c:pt>
                <c:pt idx="6438">
                  <c:v>0.31333769508470521</c:v>
                </c:pt>
                <c:pt idx="6439">
                  <c:v>0.31333769508470521</c:v>
                </c:pt>
                <c:pt idx="6440">
                  <c:v>0.31333769508470521</c:v>
                </c:pt>
                <c:pt idx="6441">
                  <c:v>0.33672110516565334</c:v>
                </c:pt>
                <c:pt idx="6442">
                  <c:v>0.36478119726279112</c:v>
                </c:pt>
                <c:pt idx="6443">
                  <c:v>0.42090138145706668</c:v>
                </c:pt>
                <c:pt idx="6444">
                  <c:v>0.42090138145706668</c:v>
                </c:pt>
                <c:pt idx="6445">
                  <c:v>0.42090138145706668</c:v>
                </c:pt>
                <c:pt idx="6446">
                  <c:v>0.42090138145706668</c:v>
                </c:pt>
                <c:pt idx="6447">
                  <c:v>0.42090138145706668</c:v>
                </c:pt>
                <c:pt idx="6448">
                  <c:v>0.42090138145706668</c:v>
                </c:pt>
                <c:pt idx="6449">
                  <c:v>0.42090138145706668</c:v>
                </c:pt>
                <c:pt idx="6450">
                  <c:v>0.42090138145706668</c:v>
                </c:pt>
                <c:pt idx="6451">
                  <c:v>0.35075115121422223</c:v>
                </c:pt>
                <c:pt idx="6452">
                  <c:v>0.28060092097137779</c:v>
                </c:pt>
                <c:pt idx="6453">
                  <c:v>0.21045069072853334</c:v>
                </c:pt>
                <c:pt idx="6454">
                  <c:v>0.21045069072853334</c:v>
                </c:pt>
                <c:pt idx="6455">
                  <c:v>0.21045069072853334</c:v>
                </c:pt>
                <c:pt idx="6456">
                  <c:v>0.21150427694366725</c:v>
                </c:pt>
                <c:pt idx="6457">
                  <c:v>0.21150427694366725</c:v>
                </c:pt>
                <c:pt idx="6458">
                  <c:v>0.21150427694366725</c:v>
                </c:pt>
                <c:pt idx="6459">
                  <c:v>0.21150427694366725</c:v>
                </c:pt>
                <c:pt idx="6460">
                  <c:v>0.21150427694366725</c:v>
                </c:pt>
                <c:pt idx="6461">
                  <c:v>0.27260551250517112</c:v>
                </c:pt>
                <c:pt idx="6462">
                  <c:v>0.31490636789390464</c:v>
                </c:pt>
                <c:pt idx="6463">
                  <c:v>0.31490636789390464</c:v>
                </c:pt>
                <c:pt idx="6464">
                  <c:v>0.31490636789390464</c:v>
                </c:pt>
                <c:pt idx="6465">
                  <c:v>0.33840684310986757</c:v>
                </c:pt>
                <c:pt idx="6466">
                  <c:v>0.36660741336902325</c:v>
                </c:pt>
                <c:pt idx="6467">
                  <c:v>0.42300855388733449</c:v>
                </c:pt>
                <c:pt idx="6468">
                  <c:v>0.42300855388733449</c:v>
                </c:pt>
                <c:pt idx="6469">
                  <c:v>0.42300855388733449</c:v>
                </c:pt>
                <c:pt idx="6470">
                  <c:v>0.42300855388733449</c:v>
                </c:pt>
                <c:pt idx="6471">
                  <c:v>0.42300855388733449</c:v>
                </c:pt>
                <c:pt idx="6472">
                  <c:v>0.42300855388733449</c:v>
                </c:pt>
                <c:pt idx="6473">
                  <c:v>0.42300855388733449</c:v>
                </c:pt>
                <c:pt idx="6474">
                  <c:v>0.42300855388733449</c:v>
                </c:pt>
                <c:pt idx="6475">
                  <c:v>0.35250712823944541</c:v>
                </c:pt>
                <c:pt idx="6476">
                  <c:v>0.28200570259155633</c:v>
                </c:pt>
                <c:pt idx="6477">
                  <c:v>0.21150427694366725</c:v>
                </c:pt>
                <c:pt idx="6478">
                  <c:v>0.21150427694366725</c:v>
                </c:pt>
                <c:pt idx="6479">
                  <c:v>0.21150427694366725</c:v>
                </c:pt>
                <c:pt idx="6480">
                  <c:v>0.23042784656731019</c:v>
                </c:pt>
                <c:pt idx="6481">
                  <c:v>0.23042784656731019</c:v>
                </c:pt>
                <c:pt idx="6482">
                  <c:v>0.23042784656731019</c:v>
                </c:pt>
                <c:pt idx="6483">
                  <c:v>0.23042784656731019</c:v>
                </c:pt>
                <c:pt idx="6484">
                  <c:v>0.23042784656731019</c:v>
                </c:pt>
                <c:pt idx="6485">
                  <c:v>0.29699589113119979</c:v>
                </c:pt>
                <c:pt idx="6486">
                  <c:v>0.3584433168824826</c:v>
                </c:pt>
                <c:pt idx="6487">
                  <c:v>0.3584433168824826</c:v>
                </c:pt>
                <c:pt idx="6488">
                  <c:v>0.3584433168824826</c:v>
                </c:pt>
                <c:pt idx="6489">
                  <c:v>0.384046410945517</c:v>
                </c:pt>
                <c:pt idx="6490">
                  <c:v>0.39940826738333773</c:v>
                </c:pt>
                <c:pt idx="6491">
                  <c:v>0.46085569313462038</c:v>
                </c:pt>
                <c:pt idx="6492">
                  <c:v>0.46085569313462038</c:v>
                </c:pt>
                <c:pt idx="6493">
                  <c:v>0.46085569313462038</c:v>
                </c:pt>
                <c:pt idx="6494">
                  <c:v>0.46085569313462038</c:v>
                </c:pt>
                <c:pt idx="6495">
                  <c:v>0.384046410945517</c:v>
                </c:pt>
                <c:pt idx="6496">
                  <c:v>0.36356393569508949</c:v>
                </c:pt>
                <c:pt idx="6497">
                  <c:v>0.36356393569508949</c:v>
                </c:pt>
                <c:pt idx="6498">
                  <c:v>0.36356393569508949</c:v>
                </c:pt>
                <c:pt idx="6499">
                  <c:v>0.36356393569508949</c:v>
                </c:pt>
                <c:pt idx="6500">
                  <c:v>0.28163403469337916</c:v>
                </c:pt>
                <c:pt idx="6501">
                  <c:v>0.10753299506474477</c:v>
                </c:pt>
                <c:pt idx="6502">
                  <c:v>0.10753299506474477</c:v>
                </c:pt>
                <c:pt idx="6503">
                  <c:v>0.10753299506474477</c:v>
                </c:pt>
                <c:pt idx="6504">
                  <c:v>5.1704474750725364E-2</c:v>
                </c:pt>
                <c:pt idx="6505">
                  <c:v>0.10094683165617813</c:v>
                </c:pt>
                <c:pt idx="6506">
                  <c:v>0.10094683165617813</c:v>
                </c:pt>
                <c:pt idx="6507">
                  <c:v>0.10094683165617813</c:v>
                </c:pt>
                <c:pt idx="6508">
                  <c:v>0.10094683165617813</c:v>
                </c:pt>
                <c:pt idx="6509">
                  <c:v>0.12556801010890448</c:v>
                </c:pt>
                <c:pt idx="6510">
                  <c:v>0.15757554209744876</c:v>
                </c:pt>
                <c:pt idx="6511">
                  <c:v>0.17973460270490246</c:v>
                </c:pt>
                <c:pt idx="6512">
                  <c:v>0.17973460270490246</c:v>
                </c:pt>
                <c:pt idx="6513">
                  <c:v>0.17973460270490246</c:v>
                </c:pt>
                <c:pt idx="6514">
                  <c:v>0.17973460270490246</c:v>
                </c:pt>
                <c:pt idx="6515">
                  <c:v>0.17973460270490246</c:v>
                </c:pt>
                <c:pt idx="6516">
                  <c:v>0.17973460270490246</c:v>
                </c:pt>
                <c:pt idx="6517">
                  <c:v>0.17973460270490246</c:v>
                </c:pt>
                <c:pt idx="6518">
                  <c:v>0.17973460270490246</c:v>
                </c:pt>
                <c:pt idx="6519">
                  <c:v>0.16249977778799402</c:v>
                </c:pt>
                <c:pt idx="6520">
                  <c:v>0.14772707071635821</c:v>
                </c:pt>
                <c:pt idx="6521">
                  <c:v>0.13295436364472238</c:v>
                </c:pt>
                <c:pt idx="6522">
                  <c:v>0.12803012795417712</c:v>
                </c:pt>
                <c:pt idx="6523">
                  <c:v>0.10340894950145073</c:v>
                </c:pt>
                <c:pt idx="6524">
                  <c:v>7.6325653203451735E-2</c:v>
                </c:pt>
                <c:pt idx="6525">
                  <c:v>7.6325653203451735E-2</c:v>
                </c:pt>
                <c:pt idx="6526">
                  <c:v>7.6325653203451735E-2</c:v>
                </c:pt>
                <c:pt idx="6527">
                  <c:v>7.6325653203451735E-2</c:v>
                </c:pt>
                <c:pt idx="6528">
                  <c:v>9.4038534710103525E-2</c:v>
                </c:pt>
                <c:pt idx="6529">
                  <c:v>0.10920604030850732</c:v>
                </c:pt>
                <c:pt idx="6530">
                  <c:v>0.10920604030850732</c:v>
                </c:pt>
                <c:pt idx="6531">
                  <c:v>0.10920604030850732</c:v>
                </c:pt>
                <c:pt idx="6532">
                  <c:v>0.10920604030850732</c:v>
                </c:pt>
                <c:pt idx="6533">
                  <c:v>0.13650755038563414</c:v>
                </c:pt>
                <c:pt idx="6534">
                  <c:v>0.16077555934308022</c:v>
                </c:pt>
                <c:pt idx="6535">
                  <c:v>0.19111057053988778</c:v>
                </c:pt>
                <c:pt idx="6536">
                  <c:v>0.19111057053988778</c:v>
                </c:pt>
                <c:pt idx="6537">
                  <c:v>0.19111057053988778</c:v>
                </c:pt>
                <c:pt idx="6538">
                  <c:v>0.19111057053988778</c:v>
                </c:pt>
                <c:pt idx="6539">
                  <c:v>0.19111057053988778</c:v>
                </c:pt>
                <c:pt idx="6540">
                  <c:v>0.19111057053988778</c:v>
                </c:pt>
                <c:pt idx="6541">
                  <c:v>0.19111057053988778</c:v>
                </c:pt>
                <c:pt idx="6542">
                  <c:v>0.19111057053988778</c:v>
                </c:pt>
                <c:pt idx="6543">
                  <c:v>0.16987606270212249</c:v>
                </c:pt>
                <c:pt idx="6544">
                  <c:v>0.16684256158244171</c:v>
                </c:pt>
                <c:pt idx="6545">
                  <c:v>0.14257455262499566</c:v>
                </c:pt>
                <c:pt idx="6546">
                  <c:v>0.13347404926595341</c:v>
                </c:pt>
                <c:pt idx="6547">
                  <c:v>0.11223954142818808</c:v>
                </c:pt>
                <c:pt idx="6548">
                  <c:v>9.4038534710103525E-2</c:v>
                </c:pt>
                <c:pt idx="6549">
                  <c:v>8.1904530231380487E-2</c:v>
                </c:pt>
                <c:pt idx="6550">
                  <c:v>8.1904530231380487E-2</c:v>
                </c:pt>
                <c:pt idx="6551">
                  <c:v>8.1904530231380487E-2</c:v>
                </c:pt>
                <c:pt idx="6552">
                  <c:v>7.3831857387107749E-2</c:v>
                </c:pt>
                <c:pt idx="6553">
                  <c:v>7.3831857387107749E-2</c:v>
                </c:pt>
                <c:pt idx="6554">
                  <c:v>7.3831857387107749E-2</c:v>
                </c:pt>
                <c:pt idx="6555">
                  <c:v>7.3831857387107749E-2</c:v>
                </c:pt>
                <c:pt idx="6556">
                  <c:v>7.3831857387107749E-2</c:v>
                </c:pt>
                <c:pt idx="6557">
                  <c:v>0.31993804867746695</c:v>
                </c:pt>
                <c:pt idx="6558">
                  <c:v>0.36300663215327983</c:v>
                </c:pt>
                <c:pt idx="6559">
                  <c:v>0.36300663215327983</c:v>
                </c:pt>
                <c:pt idx="6560">
                  <c:v>0.36300663215327983</c:v>
                </c:pt>
                <c:pt idx="6561">
                  <c:v>0.38761725128231572</c:v>
                </c:pt>
                <c:pt idx="6562">
                  <c:v>0.38761725128231572</c:v>
                </c:pt>
                <c:pt idx="6563">
                  <c:v>0.49221238258071842</c:v>
                </c:pt>
                <c:pt idx="6564">
                  <c:v>0.49221238258071842</c:v>
                </c:pt>
                <c:pt idx="6565">
                  <c:v>0.32609070345972596</c:v>
                </c:pt>
                <c:pt idx="6566">
                  <c:v>0.49221238258071842</c:v>
                </c:pt>
                <c:pt idx="6567">
                  <c:v>0.49221238258071842</c:v>
                </c:pt>
                <c:pt idx="6568">
                  <c:v>0.49221238258071842</c:v>
                </c:pt>
                <c:pt idx="6569">
                  <c:v>0.49221238258071842</c:v>
                </c:pt>
                <c:pt idx="6570">
                  <c:v>0.49221238258071842</c:v>
                </c:pt>
                <c:pt idx="6571">
                  <c:v>0.41222787041135167</c:v>
                </c:pt>
                <c:pt idx="6572">
                  <c:v>0.33839601302424388</c:v>
                </c:pt>
                <c:pt idx="6573">
                  <c:v>0.24610619129035921</c:v>
                </c:pt>
                <c:pt idx="6574">
                  <c:v>0.23380088172584124</c:v>
                </c:pt>
                <c:pt idx="6575">
                  <c:v>0.23380088172584124</c:v>
                </c:pt>
                <c:pt idx="6576">
                  <c:v>0.21515609185262585</c:v>
                </c:pt>
                <c:pt idx="6577">
                  <c:v>0.21515609185262585</c:v>
                </c:pt>
                <c:pt idx="6578">
                  <c:v>0.21515609185262585</c:v>
                </c:pt>
                <c:pt idx="6579">
                  <c:v>0.21515609185262585</c:v>
                </c:pt>
                <c:pt idx="6580">
                  <c:v>0.21515609185262585</c:v>
                </c:pt>
                <c:pt idx="6581">
                  <c:v>0.27970291940841358</c:v>
                </c:pt>
                <c:pt idx="6582">
                  <c:v>0.31197633318630746</c:v>
                </c:pt>
                <c:pt idx="6583">
                  <c:v>0.32273413777893878</c:v>
                </c:pt>
                <c:pt idx="6584">
                  <c:v>0.32273413777893878</c:v>
                </c:pt>
                <c:pt idx="6585">
                  <c:v>0.34962864926051695</c:v>
                </c:pt>
                <c:pt idx="6586">
                  <c:v>0.36576535614946387</c:v>
                </c:pt>
                <c:pt idx="6587">
                  <c:v>0.43031218370525171</c:v>
                </c:pt>
                <c:pt idx="6588">
                  <c:v>0.43031218370525171</c:v>
                </c:pt>
                <c:pt idx="6589">
                  <c:v>0.43031218370525171</c:v>
                </c:pt>
                <c:pt idx="6590">
                  <c:v>0.43031218370525171</c:v>
                </c:pt>
                <c:pt idx="6591">
                  <c:v>0.43031218370525171</c:v>
                </c:pt>
                <c:pt idx="6592">
                  <c:v>0.43031218370525171</c:v>
                </c:pt>
                <c:pt idx="6593">
                  <c:v>0.43031218370525171</c:v>
                </c:pt>
                <c:pt idx="6594">
                  <c:v>0.43031218370525171</c:v>
                </c:pt>
                <c:pt idx="6595">
                  <c:v>0.36038645385314833</c:v>
                </c:pt>
                <c:pt idx="6596">
                  <c:v>0.29583962629736055</c:v>
                </c:pt>
                <c:pt idx="6597">
                  <c:v>0.21515609185262585</c:v>
                </c:pt>
                <c:pt idx="6598">
                  <c:v>0.21515609185262585</c:v>
                </c:pt>
                <c:pt idx="6599">
                  <c:v>0.21515609185262585</c:v>
                </c:pt>
                <c:pt idx="6600">
                  <c:v>0.19244622493736557</c:v>
                </c:pt>
                <c:pt idx="6601">
                  <c:v>0.21650200305453624</c:v>
                </c:pt>
                <c:pt idx="6602">
                  <c:v>0.21650200305453624</c:v>
                </c:pt>
                <c:pt idx="6603">
                  <c:v>0.21650200305453624</c:v>
                </c:pt>
                <c:pt idx="6604">
                  <c:v>0.21650200305453624</c:v>
                </c:pt>
                <c:pt idx="6605">
                  <c:v>0.27904702615918009</c:v>
                </c:pt>
                <c:pt idx="6606">
                  <c:v>0.32234742677008738</c:v>
                </c:pt>
                <c:pt idx="6607">
                  <c:v>0.32234742677008738</c:v>
                </c:pt>
                <c:pt idx="6608">
                  <c:v>0.32234742677008738</c:v>
                </c:pt>
                <c:pt idx="6609">
                  <c:v>0.34640320488725801</c:v>
                </c:pt>
                <c:pt idx="6610">
                  <c:v>0.3752701386278629</c:v>
                </c:pt>
                <c:pt idx="6611">
                  <c:v>0.43300400610907247</c:v>
                </c:pt>
                <c:pt idx="6612">
                  <c:v>0.43300400610907247</c:v>
                </c:pt>
                <c:pt idx="6613">
                  <c:v>0.43300400610907247</c:v>
                </c:pt>
                <c:pt idx="6614">
                  <c:v>0.43300400610907247</c:v>
                </c:pt>
                <c:pt idx="6615">
                  <c:v>0.43300400610907247</c:v>
                </c:pt>
                <c:pt idx="6616">
                  <c:v>0.43300400610907247</c:v>
                </c:pt>
                <c:pt idx="6617">
                  <c:v>0.43300400610907247</c:v>
                </c:pt>
                <c:pt idx="6618">
                  <c:v>0.43300400610907247</c:v>
                </c:pt>
                <c:pt idx="6619">
                  <c:v>0.36083667175756046</c:v>
                </c:pt>
                <c:pt idx="6620">
                  <c:v>0.28866933740604839</c:v>
                </c:pt>
                <c:pt idx="6621">
                  <c:v>0.21650200305453624</c:v>
                </c:pt>
                <c:pt idx="6622">
                  <c:v>0.21650200305453624</c:v>
                </c:pt>
                <c:pt idx="6623">
                  <c:v>0.21650200305453624</c:v>
                </c:pt>
                <c:pt idx="6624">
                  <c:v>0.21769164252141054</c:v>
                </c:pt>
                <c:pt idx="6625">
                  <c:v>0.21769164252141054</c:v>
                </c:pt>
                <c:pt idx="6626">
                  <c:v>0.21769164252141054</c:v>
                </c:pt>
                <c:pt idx="6627">
                  <c:v>0.21769164252141054</c:v>
                </c:pt>
                <c:pt idx="6628">
                  <c:v>0.21769164252141054</c:v>
                </c:pt>
                <c:pt idx="6629">
                  <c:v>0.28058033924981807</c:v>
                </c:pt>
                <c:pt idx="6630">
                  <c:v>0.3241186677541002</c:v>
                </c:pt>
                <c:pt idx="6631">
                  <c:v>0.3241186677541002</c:v>
                </c:pt>
                <c:pt idx="6632">
                  <c:v>0.3241186677541002</c:v>
                </c:pt>
                <c:pt idx="6633">
                  <c:v>0.34830662803425694</c:v>
                </c:pt>
                <c:pt idx="6634">
                  <c:v>0.37733218037044497</c:v>
                </c:pt>
                <c:pt idx="6635">
                  <c:v>0.43538328504282109</c:v>
                </c:pt>
                <c:pt idx="6636">
                  <c:v>0.43538328504282109</c:v>
                </c:pt>
                <c:pt idx="6637">
                  <c:v>0.43538328504282109</c:v>
                </c:pt>
                <c:pt idx="6638">
                  <c:v>0.43538328504282109</c:v>
                </c:pt>
                <c:pt idx="6639">
                  <c:v>0.43538328504282109</c:v>
                </c:pt>
                <c:pt idx="6640">
                  <c:v>0.43538328504282109</c:v>
                </c:pt>
                <c:pt idx="6641">
                  <c:v>0.43538328504282109</c:v>
                </c:pt>
                <c:pt idx="6642">
                  <c:v>0.43538328504282109</c:v>
                </c:pt>
                <c:pt idx="6643">
                  <c:v>0.36281940420235093</c:v>
                </c:pt>
                <c:pt idx="6644">
                  <c:v>0.29025552336188076</c:v>
                </c:pt>
                <c:pt idx="6645">
                  <c:v>0.21769164252141054</c:v>
                </c:pt>
                <c:pt idx="6646">
                  <c:v>0.21769164252141054</c:v>
                </c:pt>
                <c:pt idx="6647">
                  <c:v>0.21769164252141054</c:v>
                </c:pt>
                <c:pt idx="6648">
                  <c:v>0.24177705212670156</c:v>
                </c:pt>
                <c:pt idx="6649">
                  <c:v>0.24177705212670156</c:v>
                </c:pt>
                <c:pt idx="6650">
                  <c:v>0.24177705212670156</c:v>
                </c:pt>
                <c:pt idx="6651">
                  <c:v>0.24177705212670156</c:v>
                </c:pt>
                <c:pt idx="6652">
                  <c:v>0.24177705212670156</c:v>
                </c:pt>
                <c:pt idx="6653">
                  <c:v>0.31162375607441534</c:v>
                </c:pt>
                <c:pt idx="6654">
                  <c:v>0.37609763664153578</c:v>
                </c:pt>
                <c:pt idx="6655">
                  <c:v>0.37609763664153578</c:v>
                </c:pt>
                <c:pt idx="6656">
                  <c:v>0.37609763664153578</c:v>
                </c:pt>
                <c:pt idx="6657">
                  <c:v>0.40296175354450259</c:v>
                </c:pt>
                <c:pt idx="6658">
                  <c:v>0.41908022368628267</c:v>
                </c:pt>
                <c:pt idx="6659">
                  <c:v>0.48355410425340312</c:v>
                </c:pt>
                <c:pt idx="6660">
                  <c:v>0.48355410425340312</c:v>
                </c:pt>
                <c:pt idx="6661">
                  <c:v>0.48355410425340312</c:v>
                </c:pt>
                <c:pt idx="6662">
                  <c:v>0.48355410425340312</c:v>
                </c:pt>
                <c:pt idx="6663">
                  <c:v>0.40296175354450259</c:v>
                </c:pt>
                <c:pt idx="6664">
                  <c:v>0.38147046002212914</c:v>
                </c:pt>
                <c:pt idx="6665">
                  <c:v>0.38147046002212914</c:v>
                </c:pt>
                <c:pt idx="6666">
                  <c:v>0.38147046002212914</c:v>
                </c:pt>
                <c:pt idx="6667">
                  <c:v>0.38147046002212914</c:v>
                </c:pt>
                <c:pt idx="6668">
                  <c:v>0.2955052859326352</c:v>
                </c:pt>
                <c:pt idx="6669">
                  <c:v>0.11282929099246072</c:v>
                </c:pt>
                <c:pt idx="6670">
                  <c:v>0.11282929099246072</c:v>
                </c:pt>
                <c:pt idx="6671">
                  <c:v>0.11282929099246072</c:v>
                </c:pt>
                <c:pt idx="6672">
                  <c:v>6.9380954805152772E-2</c:v>
                </c:pt>
                <c:pt idx="6673">
                  <c:v>0.13545805461958399</c:v>
                </c:pt>
                <c:pt idx="6674">
                  <c:v>0.13545805461958399</c:v>
                </c:pt>
                <c:pt idx="6675">
                  <c:v>0.13545805461958399</c:v>
                </c:pt>
                <c:pt idx="6676">
                  <c:v>0.13545805461958399</c:v>
                </c:pt>
                <c:pt idx="6677">
                  <c:v>0.16849660452679963</c:v>
                </c:pt>
                <c:pt idx="6678">
                  <c:v>0.2114467194061799</c:v>
                </c:pt>
                <c:pt idx="6679">
                  <c:v>0.24118141432267398</c:v>
                </c:pt>
                <c:pt idx="6680">
                  <c:v>0.24118141432267398</c:v>
                </c:pt>
                <c:pt idx="6681">
                  <c:v>0.24118141432267398</c:v>
                </c:pt>
                <c:pt idx="6682">
                  <c:v>0.24118141432267398</c:v>
                </c:pt>
                <c:pt idx="6683">
                  <c:v>0.24118141432267398</c:v>
                </c:pt>
                <c:pt idx="6684">
                  <c:v>0.24118141432267398</c:v>
                </c:pt>
                <c:pt idx="6685">
                  <c:v>0.24118141432267398</c:v>
                </c:pt>
                <c:pt idx="6686">
                  <c:v>0.24118141432267398</c:v>
                </c:pt>
                <c:pt idx="6687">
                  <c:v>0.21805442938762304</c:v>
                </c:pt>
                <c:pt idx="6688">
                  <c:v>0.19823129944329365</c:v>
                </c:pt>
                <c:pt idx="6689">
                  <c:v>0.17840816949896429</c:v>
                </c:pt>
                <c:pt idx="6690">
                  <c:v>0.17180045951752115</c:v>
                </c:pt>
                <c:pt idx="6691">
                  <c:v>0.13876190961030554</c:v>
                </c:pt>
                <c:pt idx="6692">
                  <c:v>0.10241950471236838</c:v>
                </c:pt>
                <c:pt idx="6693">
                  <c:v>0.10241950471236838</c:v>
                </c:pt>
                <c:pt idx="6694">
                  <c:v>0.10241950471236838</c:v>
                </c:pt>
                <c:pt idx="6695">
                  <c:v>0.10241950471236838</c:v>
                </c:pt>
                <c:pt idx="6696">
                  <c:v>0.12709802777982385</c:v>
                </c:pt>
                <c:pt idx="6697">
                  <c:v>0.14759770967979546</c:v>
                </c:pt>
                <c:pt idx="6698">
                  <c:v>0.14759770967979546</c:v>
                </c:pt>
                <c:pt idx="6699">
                  <c:v>0.14759770967979546</c:v>
                </c:pt>
                <c:pt idx="6700">
                  <c:v>0.14759770967979546</c:v>
                </c:pt>
                <c:pt idx="6701">
                  <c:v>0.1844971370997443</c:v>
                </c:pt>
                <c:pt idx="6702">
                  <c:v>0.21729662813969886</c:v>
                </c:pt>
                <c:pt idx="6703">
                  <c:v>0.25829599193964203</c:v>
                </c:pt>
                <c:pt idx="6704">
                  <c:v>0.25829599193964203</c:v>
                </c:pt>
                <c:pt idx="6705">
                  <c:v>0.25829599193964203</c:v>
                </c:pt>
                <c:pt idx="6706">
                  <c:v>0.25829599193964203</c:v>
                </c:pt>
                <c:pt idx="6707">
                  <c:v>0.25829599193964203</c:v>
                </c:pt>
                <c:pt idx="6708">
                  <c:v>0.25829599193964203</c:v>
                </c:pt>
                <c:pt idx="6709">
                  <c:v>0.25829599193964203</c:v>
                </c:pt>
                <c:pt idx="6710">
                  <c:v>0.25829599193964203</c:v>
                </c:pt>
                <c:pt idx="6711">
                  <c:v>0.22959643727968179</c:v>
                </c:pt>
                <c:pt idx="6712">
                  <c:v>0.22549650089968745</c:v>
                </c:pt>
                <c:pt idx="6713">
                  <c:v>0.19269700985973298</c:v>
                </c:pt>
                <c:pt idx="6714">
                  <c:v>0.18039720071975002</c:v>
                </c:pt>
                <c:pt idx="6715">
                  <c:v>0.15169764605978975</c:v>
                </c:pt>
                <c:pt idx="6716">
                  <c:v>0.12709802777982385</c:v>
                </c:pt>
                <c:pt idx="6717">
                  <c:v>0.11069828225984658</c:v>
                </c:pt>
                <c:pt idx="6718">
                  <c:v>0.11069828225984658</c:v>
                </c:pt>
                <c:pt idx="6719">
                  <c:v>0.11069828225984658</c:v>
                </c:pt>
                <c:pt idx="6720">
                  <c:v>7.668918867571109E-2</c:v>
                </c:pt>
                <c:pt idx="6721">
                  <c:v>7.668918867571109E-2</c:v>
                </c:pt>
                <c:pt idx="6722">
                  <c:v>7.668918867571109E-2</c:v>
                </c:pt>
                <c:pt idx="6723">
                  <c:v>7.668918867571109E-2</c:v>
                </c:pt>
                <c:pt idx="6724">
                  <c:v>7.668918867571109E-2</c:v>
                </c:pt>
                <c:pt idx="6725">
                  <c:v>0.3323198175947481</c:v>
                </c:pt>
                <c:pt idx="6726">
                  <c:v>0.37705517765557955</c:v>
                </c:pt>
                <c:pt idx="6727">
                  <c:v>0.37705517765557955</c:v>
                </c:pt>
                <c:pt idx="6728">
                  <c:v>0.37705517765557955</c:v>
                </c:pt>
                <c:pt idx="6729">
                  <c:v>0.40261824054748324</c:v>
                </c:pt>
                <c:pt idx="6730">
                  <c:v>0.40261824054748324</c:v>
                </c:pt>
                <c:pt idx="6731">
                  <c:v>0.51126125783807408</c:v>
                </c:pt>
                <c:pt idx="6732">
                  <c:v>0.51126125783807408</c:v>
                </c:pt>
                <c:pt idx="6733">
                  <c:v>0.33871058331772408</c:v>
                </c:pt>
                <c:pt idx="6734">
                  <c:v>0.51126125783807408</c:v>
                </c:pt>
                <c:pt idx="6735">
                  <c:v>0.51126125783807408</c:v>
                </c:pt>
                <c:pt idx="6736">
                  <c:v>0.51126125783807408</c:v>
                </c:pt>
                <c:pt idx="6737">
                  <c:v>0.51126125783807408</c:v>
                </c:pt>
                <c:pt idx="6738">
                  <c:v>0.51126125783807408</c:v>
                </c:pt>
                <c:pt idx="6739">
                  <c:v>0.42818130343938693</c:v>
                </c:pt>
                <c:pt idx="6740">
                  <c:v>0.35149211476367581</c:v>
                </c:pt>
                <c:pt idx="6741">
                  <c:v>0.25563062891903704</c:v>
                </c:pt>
                <c:pt idx="6742">
                  <c:v>0.24284909747308511</c:v>
                </c:pt>
                <c:pt idx="6743">
                  <c:v>0.24284909747308511</c:v>
                </c:pt>
                <c:pt idx="6744">
                  <c:v>0.2210282134140821</c:v>
                </c:pt>
                <c:pt idx="6745">
                  <c:v>0.2210282134140821</c:v>
                </c:pt>
                <c:pt idx="6746">
                  <c:v>0.2210282134140821</c:v>
                </c:pt>
                <c:pt idx="6747">
                  <c:v>0.2210282134140821</c:v>
                </c:pt>
                <c:pt idx="6748">
                  <c:v>0.2210282134140821</c:v>
                </c:pt>
                <c:pt idx="6749">
                  <c:v>0.28733667743830671</c:v>
                </c:pt>
                <c:pt idx="6750">
                  <c:v>0.32049090945041903</c:v>
                </c:pt>
                <c:pt idx="6751">
                  <c:v>0.33154232012112317</c:v>
                </c:pt>
                <c:pt idx="6752">
                  <c:v>0.33154232012112317</c:v>
                </c:pt>
                <c:pt idx="6753">
                  <c:v>0.35917084679788336</c:v>
                </c:pt>
                <c:pt idx="6754">
                  <c:v>0.37574796280393957</c:v>
                </c:pt>
                <c:pt idx="6755">
                  <c:v>0.44205642682816421</c:v>
                </c:pt>
                <c:pt idx="6756">
                  <c:v>0.44205642682816421</c:v>
                </c:pt>
                <c:pt idx="6757">
                  <c:v>0.44205642682816421</c:v>
                </c:pt>
                <c:pt idx="6758">
                  <c:v>0.44205642682816421</c:v>
                </c:pt>
                <c:pt idx="6759">
                  <c:v>0.44205642682816421</c:v>
                </c:pt>
                <c:pt idx="6760">
                  <c:v>0.44205642682816421</c:v>
                </c:pt>
                <c:pt idx="6761">
                  <c:v>0.44205642682816421</c:v>
                </c:pt>
                <c:pt idx="6762">
                  <c:v>0.44205642682816421</c:v>
                </c:pt>
                <c:pt idx="6763">
                  <c:v>0.37022225746858756</c:v>
                </c:pt>
                <c:pt idx="6764">
                  <c:v>0.30391379344436287</c:v>
                </c:pt>
                <c:pt idx="6765">
                  <c:v>0.2210282134140821</c:v>
                </c:pt>
                <c:pt idx="6766">
                  <c:v>0.2210282134140821</c:v>
                </c:pt>
                <c:pt idx="6767">
                  <c:v>0.2210282134140821</c:v>
                </c:pt>
                <c:pt idx="6768">
                  <c:v>0.19437712801574827</c:v>
                </c:pt>
                <c:pt idx="6769">
                  <c:v>0.2186742690177168</c:v>
                </c:pt>
                <c:pt idx="6770">
                  <c:v>0.2186742690177168</c:v>
                </c:pt>
                <c:pt idx="6771">
                  <c:v>0.2186742690177168</c:v>
                </c:pt>
                <c:pt idx="6772">
                  <c:v>0.2186742690177168</c:v>
                </c:pt>
                <c:pt idx="6773">
                  <c:v>0.28184683562283497</c:v>
                </c:pt>
                <c:pt idx="6774">
                  <c:v>0.32558168942637838</c:v>
                </c:pt>
                <c:pt idx="6775">
                  <c:v>0.32558168942637838</c:v>
                </c:pt>
                <c:pt idx="6776">
                  <c:v>0.32558168942637838</c:v>
                </c:pt>
                <c:pt idx="6777">
                  <c:v>0.34987883042834689</c:v>
                </c:pt>
                <c:pt idx="6778">
                  <c:v>0.37903539963070915</c:v>
                </c:pt>
                <c:pt idx="6779">
                  <c:v>0.43734853803543361</c:v>
                </c:pt>
                <c:pt idx="6780">
                  <c:v>0.43734853803543361</c:v>
                </c:pt>
                <c:pt idx="6781">
                  <c:v>0.43734853803543361</c:v>
                </c:pt>
                <c:pt idx="6782">
                  <c:v>0.43734853803543361</c:v>
                </c:pt>
                <c:pt idx="6783">
                  <c:v>0.43734853803543361</c:v>
                </c:pt>
                <c:pt idx="6784">
                  <c:v>0.43734853803543361</c:v>
                </c:pt>
                <c:pt idx="6785">
                  <c:v>0.43734853803543361</c:v>
                </c:pt>
                <c:pt idx="6786">
                  <c:v>0.43734853803543361</c:v>
                </c:pt>
                <c:pt idx="6787">
                  <c:v>0.36445711502952799</c:v>
                </c:pt>
                <c:pt idx="6788">
                  <c:v>0.29156569202362242</c:v>
                </c:pt>
                <c:pt idx="6789">
                  <c:v>0.2186742690177168</c:v>
                </c:pt>
                <c:pt idx="6790">
                  <c:v>0.2186742690177168</c:v>
                </c:pt>
                <c:pt idx="6791">
                  <c:v>0.2186742690177168</c:v>
                </c:pt>
                <c:pt idx="6792">
                  <c:v>0.21954785219473352</c:v>
                </c:pt>
                <c:pt idx="6793">
                  <c:v>0.21954785219473352</c:v>
                </c:pt>
                <c:pt idx="6794">
                  <c:v>0.21954785219473352</c:v>
                </c:pt>
                <c:pt idx="6795">
                  <c:v>0.21954785219473352</c:v>
                </c:pt>
                <c:pt idx="6796">
                  <c:v>0.21954785219473352</c:v>
                </c:pt>
                <c:pt idx="6797">
                  <c:v>0.28297278727321207</c:v>
                </c:pt>
                <c:pt idx="6798">
                  <c:v>0.32688235771215884</c:v>
                </c:pt>
                <c:pt idx="6799">
                  <c:v>0.32688235771215884</c:v>
                </c:pt>
                <c:pt idx="6800">
                  <c:v>0.32688235771215884</c:v>
                </c:pt>
                <c:pt idx="6801">
                  <c:v>0.35127656351157366</c:v>
                </c:pt>
                <c:pt idx="6802">
                  <c:v>0.38054961047087144</c:v>
                </c:pt>
                <c:pt idx="6803">
                  <c:v>0.43909570438946705</c:v>
                </c:pt>
                <c:pt idx="6804">
                  <c:v>0.43909570438946705</c:v>
                </c:pt>
                <c:pt idx="6805">
                  <c:v>0.43909570438946705</c:v>
                </c:pt>
                <c:pt idx="6806">
                  <c:v>0.43909570438946705</c:v>
                </c:pt>
                <c:pt idx="6807">
                  <c:v>0.43909570438946705</c:v>
                </c:pt>
                <c:pt idx="6808">
                  <c:v>0.43909570438946705</c:v>
                </c:pt>
                <c:pt idx="6809">
                  <c:v>0.43909570438946705</c:v>
                </c:pt>
                <c:pt idx="6810">
                  <c:v>0.43909570438946705</c:v>
                </c:pt>
                <c:pt idx="6811">
                  <c:v>0.36591308699122255</c:v>
                </c:pt>
                <c:pt idx="6812">
                  <c:v>0.29273046959297805</c:v>
                </c:pt>
                <c:pt idx="6813">
                  <c:v>0.21954785219473352</c:v>
                </c:pt>
                <c:pt idx="6814">
                  <c:v>0.21954785219473352</c:v>
                </c:pt>
                <c:pt idx="6815">
                  <c:v>0.21954785219473352</c:v>
                </c:pt>
                <c:pt idx="6816">
                  <c:v>0.24228522550995787</c:v>
                </c:pt>
                <c:pt idx="6817">
                  <c:v>0.24228522550995787</c:v>
                </c:pt>
                <c:pt idx="6818">
                  <c:v>0.24228522550995787</c:v>
                </c:pt>
                <c:pt idx="6819">
                  <c:v>0.24228522550995787</c:v>
                </c:pt>
                <c:pt idx="6820">
                  <c:v>0.24228522550995787</c:v>
                </c:pt>
                <c:pt idx="6821">
                  <c:v>0.31227873510172349</c:v>
                </c:pt>
                <c:pt idx="6822">
                  <c:v>0.37688812857104564</c:v>
                </c:pt>
                <c:pt idx="6823">
                  <c:v>0.37688812857104564</c:v>
                </c:pt>
                <c:pt idx="6824">
                  <c:v>0.37688812857104564</c:v>
                </c:pt>
                <c:pt idx="6825">
                  <c:v>0.40380870918326317</c:v>
                </c:pt>
                <c:pt idx="6826">
                  <c:v>0.41996105755059371</c:v>
                </c:pt>
                <c:pt idx="6827">
                  <c:v>0.48457045101991575</c:v>
                </c:pt>
                <c:pt idx="6828">
                  <c:v>0.48457045101991575</c:v>
                </c:pt>
                <c:pt idx="6829">
                  <c:v>0.48457045101991575</c:v>
                </c:pt>
                <c:pt idx="6830">
                  <c:v>0.48457045101991575</c:v>
                </c:pt>
                <c:pt idx="6831">
                  <c:v>0.40380870918326317</c:v>
                </c:pt>
                <c:pt idx="6832">
                  <c:v>0.38227224469348919</c:v>
                </c:pt>
                <c:pt idx="6833">
                  <c:v>0.38227224469348919</c:v>
                </c:pt>
                <c:pt idx="6834">
                  <c:v>0.38227224469348919</c:v>
                </c:pt>
                <c:pt idx="6835">
                  <c:v>0.38227224469348919</c:v>
                </c:pt>
                <c:pt idx="6836">
                  <c:v>0.29612638673439295</c:v>
                </c:pt>
                <c:pt idx="6837">
                  <c:v>0.11306643857131368</c:v>
                </c:pt>
                <c:pt idx="6838">
                  <c:v>0.11306643857131368</c:v>
                </c:pt>
                <c:pt idx="6839">
                  <c:v>0.11306643857131368</c:v>
                </c:pt>
                <c:pt idx="6840">
                  <c:v>6.6772949551220859E-2</c:v>
                </c:pt>
                <c:pt idx="6841">
                  <c:v>0.13036623483809789</c:v>
                </c:pt>
                <c:pt idx="6842">
                  <c:v>0.13036623483809789</c:v>
                </c:pt>
                <c:pt idx="6843">
                  <c:v>0.13036623483809789</c:v>
                </c:pt>
                <c:pt idx="6844">
                  <c:v>0.13036623483809789</c:v>
                </c:pt>
                <c:pt idx="6845">
                  <c:v>0.1621628774815364</c:v>
                </c:pt>
                <c:pt idx="6846">
                  <c:v>0.20349851291800644</c:v>
                </c:pt>
                <c:pt idx="6847">
                  <c:v>0.23211549129710107</c:v>
                </c:pt>
                <c:pt idx="6848">
                  <c:v>0.23211549129710107</c:v>
                </c:pt>
                <c:pt idx="6849">
                  <c:v>0.23211549129710107</c:v>
                </c:pt>
                <c:pt idx="6850">
                  <c:v>0.23211549129710107</c:v>
                </c:pt>
                <c:pt idx="6851">
                  <c:v>0.23211549129710107</c:v>
                </c:pt>
                <c:pt idx="6852">
                  <c:v>0.23211549129710107</c:v>
                </c:pt>
                <c:pt idx="6853">
                  <c:v>0.23211549129710107</c:v>
                </c:pt>
                <c:pt idx="6854">
                  <c:v>0.23211549129710107</c:v>
                </c:pt>
                <c:pt idx="6855">
                  <c:v>0.20985784144669414</c:v>
                </c:pt>
                <c:pt idx="6856">
                  <c:v>0.19077985586063104</c:v>
                </c:pt>
                <c:pt idx="6857">
                  <c:v>0.17170187027456796</c:v>
                </c:pt>
                <c:pt idx="6858">
                  <c:v>0.16534254174588023</c:v>
                </c:pt>
                <c:pt idx="6859">
                  <c:v>0.13354589910244172</c:v>
                </c:pt>
                <c:pt idx="6860">
                  <c:v>9.8569592194659369E-2</c:v>
                </c:pt>
                <c:pt idx="6861">
                  <c:v>9.8569592194659369E-2</c:v>
                </c:pt>
                <c:pt idx="6862">
                  <c:v>9.8569592194659369E-2</c:v>
                </c:pt>
                <c:pt idx="6863">
                  <c:v>9.8569592194659369E-2</c:v>
                </c:pt>
                <c:pt idx="6864">
                  <c:v>0.1173746474652002</c:v>
                </c:pt>
                <c:pt idx="6865">
                  <c:v>0.13630604221765186</c:v>
                </c:pt>
                <c:pt idx="6866">
                  <c:v>0.13630604221765186</c:v>
                </c:pt>
                <c:pt idx="6867">
                  <c:v>0.13630604221765186</c:v>
                </c:pt>
                <c:pt idx="6868">
                  <c:v>0.13630604221765186</c:v>
                </c:pt>
                <c:pt idx="6869">
                  <c:v>0.17038255277206479</c:v>
                </c:pt>
                <c:pt idx="6870">
                  <c:v>0.20067278437598746</c:v>
                </c:pt>
                <c:pt idx="6871">
                  <c:v>0.23853557388089075</c:v>
                </c:pt>
                <c:pt idx="6872">
                  <c:v>0.23853557388089075</c:v>
                </c:pt>
                <c:pt idx="6873">
                  <c:v>0.23853557388089075</c:v>
                </c:pt>
                <c:pt idx="6874">
                  <c:v>0.23853557388089075</c:v>
                </c:pt>
                <c:pt idx="6875">
                  <c:v>0.23853557388089075</c:v>
                </c:pt>
                <c:pt idx="6876">
                  <c:v>0.23853557388089075</c:v>
                </c:pt>
                <c:pt idx="6877">
                  <c:v>0.23853557388089075</c:v>
                </c:pt>
                <c:pt idx="6878">
                  <c:v>0.23853557388089075</c:v>
                </c:pt>
                <c:pt idx="6879">
                  <c:v>0.21203162122745842</c:v>
                </c:pt>
                <c:pt idx="6880">
                  <c:v>0.20824534227696809</c:v>
                </c:pt>
                <c:pt idx="6881">
                  <c:v>0.17795511067304545</c:v>
                </c:pt>
                <c:pt idx="6882">
                  <c:v>0.16659627382157449</c:v>
                </c:pt>
                <c:pt idx="6883">
                  <c:v>0.14009232116814219</c:v>
                </c:pt>
                <c:pt idx="6884">
                  <c:v>0.1173746474652002</c:v>
                </c:pt>
                <c:pt idx="6885">
                  <c:v>0.10222953166323889</c:v>
                </c:pt>
                <c:pt idx="6886">
                  <c:v>0.10222953166323889</c:v>
                </c:pt>
                <c:pt idx="6887">
                  <c:v>0.10222953166323889</c:v>
                </c:pt>
                <c:pt idx="6888">
                  <c:v>7.6265880336658737E-2</c:v>
                </c:pt>
                <c:pt idx="6889">
                  <c:v>7.6265880336658737E-2</c:v>
                </c:pt>
                <c:pt idx="6890">
                  <c:v>7.6265880336658737E-2</c:v>
                </c:pt>
                <c:pt idx="6891">
                  <c:v>7.6265880336658737E-2</c:v>
                </c:pt>
                <c:pt idx="6892">
                  <c:v>7.6265880336658737E-2</c:v>
                </c:pt>
                <c:pt idx="6893">
                  <c:v>0.33048548145885459</c:v>
                </c:pt>
                <c:pt idx="6894">
                  <c:v>0.37497391165523886</c:v>
                </c:pt>
                <c:pt idx="6895">
                  <c:v>0.37497391165523886</c:v>
                </c:pt>
                <c:pt idx="6896">
                  <c:v>0.37497391165523886</c:v>
                </c:pt>
                <c:pt idx="6897">
                  <c:v>0.4003958717674585</c:v>
                </c:pt>
                <c:pt idx="6898">
                  <c:v>0.4003958717674585</c:v>
                </c:pt>
                <c:pt idx="6899">
                  <c:v>0.50843920224439176</c:v>
                </c:pt>
                <c:pt idx="6900">
                  <c:v>0.50843920224439176</c:v>
                </c:pt>
                <c:pt idx="6901">
                  <c:v>0.3368409714869095</c:v>
                </c:pt>
                <c:pt idx="6902">
                  <c:v>0.50843920224439176</c:v>
                </c:pt>
                <c:pt idx="6903">
                  <c:v>0.50843920224439176</c:v>
                </c:pt>
                <c:pt idx="6904">
                  <c:v>0.50843920224439176</c:v>
                </c:pt>
                <c:pt idx="6905">
                  <c:v>0.50843920224439176</c:v>
                </c:pt>
                <c:pt idx="6906">
                  <c:v>0.50843920224439176</c:v>
                </c:pt>
                <c:pt idx="6907">
                  <c:v>0.42581783187967803</c:v>
                </c:pt>
                <c:pt idx="6908">
                  <c:v>0.34955195154301927</c:v>
                </c:pt>
                <c:pt idx="6909">
                  <c:v>0.25421960112219588</c:v>
                </c:pt>
                <c:pt idx="6910">
                  <c:v>0.24150862106608603</c:v>
                </c:pt>
                <c:pt idx="6911">
                  <c:v>0.24150862106608603</c:v>
                </c:pt>
                <c:pt idx="6912">
                  <c:v>0.22566409885733713</c:v>
                </c:pt>
                <c:pt idx="6913">
                  <c:v>0.22566409885733713</c:v>
                </c:pt>
                <c:pt idx="6914">
                  <c:v>0.22566409885733713</c:v>
                </c:pt>
                <c:pt idx="6915">
                  <c:v>0.22566409885733713</c:v>
                </c:pt>
                <c:pt idx="6916">
                  <c:v>0.22566409885733713</c:v>
                </c:pt>
                <c:pt idx="6917">
                  <c:v>0.29336332851453822</c:v>
                </c:pt>
                <c:pt idx="6918">
                  <c:v>0.32721294334313877</c:v>
                </c:pt>
                <c:pt idx="6919">
                  <c:v>0.33849614828600566</c:v>
                </c:pt>
                <c:pt idx="6920">
                  <c:v>0.33849614828600566</c:v>
                </c:pt>
                <c:pt idx="6921">
                  <c:v>0.36670416064317279</c:v>
                </c:pt>
                <c:pt idx="6922">
                  <c:v>0.38362896805747304</c:v>
                </c:pt>
                <c:pt idx="6923">
                  <c:v>0.45132819771467425</c:v>
                </c:pt>
                <c:pt idx="6924">
                  <c:v>0.45132819771467425</c:v>
                </c:pt>
                <c:pt idx="6925">
                  <c:v>0.45132819771467425</c:v>
                </c:pt>
                <c:pt idx="6926">
                  <c:v>0.45132819771467425</c:v>
                </c:pt>
                <c:pt idx="6927">
                  <c:v>0.45132819771467425</c:v>
                </c:pt>
                <c:pt idx="6928">
                  <c:v>0.45132819771467425</c:v>
                </c:pt>
                <c:pt idx="6929">
                  <c:v>0.45132819771467425</c:v>
                </c:pt>
                <c:pt idx="6930">
                  <c:v>0.45132819771467425</c:v>
                </c:pt>
                <c:pt idx="6931">
                  <c:v>0.37798736558603963</c:v>
                </c:pt>
                <c:pt idx="6932">
                  <c:v>0.31028813592883853</c:v>
                </c:pt>
                <c:pt idx="6933">
                  <c:v>0.22566409885733713</c:v>
                </c:pt>
                <c:pt idx="6934">
                  <c:v>0.22566409885733713</c:v>
                </c:pt>
                <c:pt idx="6935">
                  <c:v>0.22566409885733713</c:v>
                </c:pt>
                <c:pt idx="6936">
                  <c:v>0.1965838743910428</c:v>
                </c:pt>
                <c:pt idx="6937">
                  <c:v>0.2211568586899231</c:v>
                </c:pt>
                <c:pt idx="6938">
                  <c:v>0.2211568586899231</c:v>
                </c:pt>
                <c:pt idx="6939">
                  <c:v>0.2211568586899231</c:v>
                </c:pt>
                <c:pt idx="6940">
                  <c:v>0.2211568586899231</c:v>
                </c:pt>
                <c:pt idx="6941">
                  <c:v>0.28504661786701202</c:v>
                </c:pt>
                <c:pt idx="6942">
                  <c:v>0.32927798960499671</c:v>
                </c:pt>
                <c:pt idx="6943">
                  <c:v>0.32927798960499671</c:v>
                </c:pt>
                <c:pt idx="6944">
                  <c:v>0.32927798960499671</c:v>
                </c:pt>
                <c:pt idx="6945">
                  <c:v>0.35385097390387699</c:v>
                </c:pt>
                <c:pt idx="6946">
                  <c:v>0.38333855506253339</c:v>
                </c:pt>
                <c:pt idx="6947">
                  <c:v>0.44231371737984621</c:v>
                </c:pt>
                <c:pt idx="6948">
                  <c:v>0.44231371737984621</c:v>
                </c:pt>
                <c:pt idx="6949">
                  <c:v>0.44231371737984621</c:v>
                </c:pt>
                <c:pt idx="6950">
                  <c:v>0.44231371737984621</c:v>
                </c:pt>
                <c:pt idx="6951">
                  <c:v>0.44231371737984621</c:v>
                </c:pt>
                <c:pt idx="6952">
                  <c:v>0.44231371737984621</c:v>
                </c:pt>
                <c:pt idx="6953">
                  <c:v>0.44231371737984621</c:v>
                </c:pt>
                <c:pt idx="6954">
                  <c:v>0.44231371737984621</c:v>
                </c:pt>
                <c:pt idx="6955">
                  <c:v>0.36859476448320522</c:v>
                </c:pt>
                <c:pt idx="6956">
                  <c:v>0.29487581158656423</c:v>
                </c:pt>
                <c:pt idx="6957">
                  <c:v>0.2211568586899231</c:v>
                </c:pt>
                <c:pt idx="6958">
                  <c:v>0.2211568586899231</c:v>
                </c:pt>
                <c:pt idx="6959">
                  <c:v>0.2211568586899231</c:v>
                </c:pt>
                <c:pt idx="6960">
                  <c:v>0.22356963982026667</c:v>
                </c:pt>
                <c:pt idx="6961">
                  <c:v>0.22356963982026667</c:v>
                </c:pt>
                <c:pt idx="6962">
                  <c:v>0.22356963982026667</c:v>
                </c:pt>
                <c:pt idx="6963">
                  <c:v>0.22356963982026667</c:v>
                </c:pt>
                <c:pt idx="6964">
                  <c:v>0.22356963982026667</c:v>
                </c:pt>
                <c:pt idx="6965">
                  <c:v>0.28815642465723262</c:v>
                </c:pt>
                <c:pt idx="6966">
                  <c:v>0.332870352621286</c:v>
                </c:pt>
                <c:pt idx="6967">
                  <c:v>0.332870352621286</c:v>
                </c:pt>
                <c:pt idx="6968">
                  <c:v>0.332870352621286</c:v>
                </c:pt>
                <c:pt idx="6969">
                  <c:v>0.35771142371242676</c:v>
                </c:pt>
                <c:pt idx="6970">
                  <c:v>0.38752070902179564</c:v>
                </c:pt>
                <c:pt idx="6971">
                  <c:v>0.44713927964053335</c:v>
                </c:pt>
                <c:pt idx="6972">
                  <c:v>0.44713927964053335</c:v>
                </c:pt>
                <c:pt idx="6973">
                  <c:v>0.44713927964053335</c:v>
                </c:pt>
                <c:pt idx="6974">
                  <c:v>0.44713927964053335</c:v>
                </c:pt>
                <c:pt idx="6975">
                  <c:v>0.44713927964053335</c:v>
                </c:pt>
                <c:pt idx="6976">
                  <c:v>0.44713927964053335</c:v>
                </c:pt>
                <c:pt idx="6977">
                  <c:v>0.44713927964053335</c:v>
                </c:pt>
                <c:pt idx="6978">
                  <c:v>0.44713927964053335</c:v>
                </c:pt>
                <c:pt idx="6979">
                  <c:v>0.37261606636711114</c:v>
                </c:pt>
                <c:pt idx="6980">
                  <c:v>0.29809285309368894</c:v>
                </c:pt>
                <c:pt idx="6981">
                  <c:v>0.22356963982026667</c:v>
                </c:pt>
                <c:pt idx="6982">
                  <c:v>0.22356963982026667</c:v>
                </c:pt>
                <c:pt idx="6983">
                  <c:v>0.22356963982026667</c:v>
                </c:pt>
                <c:pt idx="6984">
                  <c:v>0.25501919873443152</c:v>
                </c:pt>
                <c:pt idx="6985">
                  <c:v>0.25501919873443152</c:v>
                </c:pt>
                <c:pt idx="6986">
                  <c:v>0.25501919873443152</c:v>
                </c:pt>
                <c:pt idx="6987">
                  <c:v>0.25501919873443152</c:v>
                </c:pt>
                <c:pt idx="6988">
                  <c:v>0.25501919873443152</c:v>
                </c:pt>
                <c:pt idx="6989">
                  <c:v>0.32869141170215616</c:v>
                </c:pt>
                <c:pt idx="6990">
                  <c:v>0.39669653136467131</c:v>
                </c:pt>
                <c:pt idx="6991">
                  <c:v>0.39669653136467131</c:v>
                </c:pt>
                <c:pt idx="6992">
                  <c:v>0.39669653136467131</c:v>
                </c:pt>
                <c:pt idx="6993">
                  <c:v>0.42503199789071922</c:v>
                </c:pt>
                <c:pt idx="6994">
                  <c:v>0.44203327780634794</c:v>
                </c:pt>
                <c:pt idx="6995">
                  <c:v>0.51003839746886304</c:v>
                </c:pt>
                <c:pt idx="6996">
                  <c:v>0.51003839746886304</c:v>
                </c:pt>
                <c:pt idx="6997">
                  <c:v>0.51003839746886304</c:v>
                </c:pt>
                <c:pt idx="6998">
                  <c:v>0.51003839746886304</c:v>
                </c:pt>
                <c:pt idx="6999">
                  <c:v>0.42503199789071922</c:v>
                </c:pt>
                <c:pt idx="7000">
                  <c:v>0.4023636246698809</c:v>
                </c:pt>
                <c:pt idx="7001">
                  <c:v>0.4023636246698809</c:v>
                </c:pt>
                <c:pt idx="7002">
                  <c:v>0.4023636246698809</c:v>
                </c:pt>
                <c:pt idx="7003">
                  <c:v>0.4023636246698809</c:v>
                </c:pt>
                <c:pt idx="7004">
                  <c:v>0.31169013178652738</c:v>
                </c:pt>
                <c:pt idx="7005">
                  <c:v>0.11900895940940136</c:v>
                </c:pt>
                <c:pt idx="7006">
                  <c:v>0.11900895940940136</c:v>
                </c:pt>
                <c:pt idx="7007">
                  <c:v>0.11900895940940136</c:v>
                </c:pt>
                <c:pt idx="7008">
                  <c:v>8.5028986328744213E-2</c:v>
                </c:pt>
                <c:pt idx="7009">
                  <c:v>0.16600897330850065</c:v>
                </c:pt>
                <c:pt idx="7010">
                  <c:v>0.16600897330850065</c:v>
                </c:pt>
                <c:pt idx="7011">
                  <c:v>0.16600897330850065</c:v>
                </c:pt>
                <c:pt idx="7012">
                  <c:v>0.16600897330850065</c:v>
                </c:pt>
                <c:pt idx="7013">
                  <c:v>0.20649896679837884</c:v>
                </c:pt>
                <c:pt idx="7014">
                  <c:v>0.25913595833522052</c:v>
                </c:pt>
                <c:pt idx="7015">
                  <c:v>0.29557695247611088</c:v>
                </c:pt>
                <c:pt idx="7016">
                  <c:v>0.29557695247611088</c:v>
                </c:pt>
                <c:pt idx="7017">
                  <c:v>0.29557695247611088</c:v>
                </c:pt>
                <c:pt idx="7018">
                  <c:v>0.29557695247611088</c:v>
                </c:pt>
                <c:pt idx="7019">
                  <c:v>0.29557695247611088</c:v>
                </c:pt>
                <c:pt idx="7020">
                  <c:v>0.29557695247611088</c:v>
                </c:pt>
                <c:pt idx="7021">
                  <c:v>0.29557695247611088</c:v>
                </c:pt>
                <c:pt idx="7022">
                  <c:v>0.29557695247611088</c:v>
                </c:pt>
                <c:pt idx="7023">
                  <c:v>0.26723395703319613</c:v>
                </c:pt>
                <c:pt idx="7024">
                  <c:v>0.2429399609392692</c:v>
                </c:pt>
                <c:pt idx="7025">
                  <c:v>0.21864596484534232</c:v>
                </c:pt>
                <c:pt idx="7026">
                  <c:v>0.21054796614736665</c:v>
                </c:pt>
                <c:pt idx="7027">
                  <c:v>0.17005797265748843</c:v>
                </c:pt>
                <c:pt idx="7028">
                  <c:v>0.12551897981862242</c:v>
                </c:pt>
                <c:pt idx="7029">
                  <c:v>0.12551897981862242</c:v>
                </c:pt>
                <c:pt idx="7030">
                  <c:v>0.12551897981862242</c:v>
                </c:pt>
                <c:pt idx="7031">
                  <c:v>0.12551897981862242</c:v>
                </c:pt>
                <c:pt idx="7032">
                  <c:v>0.14022459120456574</c:v>
                </c:pt>
                <c:pt idx="7033">
                  <c:v>0.16284146075368924</c:v>
                </c:pt>
                <c:pt idx="7034">
                  <c:v>0.16284146075368924</c:v>
                </c:pt>
                <c:pt idx="7035">
                  <c:v>0.16284146075368924</c:v>
                </c:pt>
                <c:pt idx="7036">
                  <c:v>0.16284146075368924</c:v>
                </c:pt>
                <c:pt idx="7037">
                  <c:v>0.20355182594211157</c:v>
                </c:pt>
                <c:pt idx="7038">
                  <c:v>0.23973881722070914</c:v>
                </c:pt>
                <c:pt idx="7039">
                  <c:v>0.28497255631895618</c:v>
                </c:pt>
                <c:pt idx="7040">
                  <c:v>0.28497255631895618</c:v>
                </c:pt>
                <c:pt idx="7041">
                  <c:v>0.28497255631895618</c:v>
                </c:pt>
                <c:pt idx="7042">
                  <c:v>0.28497255631895618</c:v>
                </c:pt>
                <c:pt idx="7043">
                  <c:v>0.28497255631895618</c:v>
                </c:pt>
                <c:pt idx="7044">
                  <c:v>0.28497255631895618</c:v>
                </c:pt>
                <c:pt idx="7045">
                  <c:v>0.28497255631895618</c:v>
                </c:pt>
                <c:pt idx="7046">
                  <c:v>0.28497255631895618</c:v>
                </c:pt>
                <c:pt idx="7047">
                  <c:v>0.2533089389501833</c:v>
                </c:pt>
                <c:pt idx="7048">
                  <c:v>0.24878556504035854</c:v>
                </c:pt>
                <c:pt idx="7049">
                  <c:v>0.21259857376176095</c:v>
                </c:pt>
                <c:pt idx="7050">
                  <c:v>0.19902845203228686</c:v>
                </c:pt>
                <c:pt idx="7051">
                  <c:v>0.16736483466351396</c:v>
                </c:pt>
                <c:pt idx="7052">
                  <c:v>0.14022459120456574</c:v>
                </c:pt>
                <c:pt idx="7053">
                  <c:v>0.12213109556526694</c:v>
                </c:pt>
                <c:pt idx="7054">
                  <c:v>0.12213109556526694</c:v>
                </c:pt>
                <c:pt idx="7055">
                  <c:v>0.12213109556526694</c:v>
                </c:pt>
                <c:pt idx="7056">
                  <c:v>7.6318793879040281E-2</c:v>
                </c:pt>
                <c:pt idx="7057">
                  <c:v>7.6318793879040281E-2</c:v>
                </c:pt>
                <c:pt idx="7058">
                  <c:v>7.6318793879040281E-2</c:v>
                </c:pt>
                <c:pt idx="7059">
                  <c:v>7.6318793879040281E-2</c:v>
                </c:pt>
                <c:pt idx="7060">
                  <c:v>7.6318793879040281E-2</c:v>
                </c:pt>
                <c:pt idx="7061">
                  <c:v>0.33071477347584122</c:v>
                </c:pt>
                <c:pt idx="7062">
                  <c:v>0.37523406990528141</c:v>
                </c:pt>
                <c:pt idx="7063">
                  <c:v>0.37523406990528141</c:v>
                </c:pt>
                <c:pt idx="7064">
                  <c:v>0.37523406990528141</c:v>
                </c:pt>
                <c:pt idx="7065">
                  <c:v>0.4006736678649615</c:v>
                </c:pt>
                <c:pt idx="7066">
                  <c:v>0.4006736678649615</c:v>
                </c:pt>
                <c:pt idx="7067">
                  <c:v>0.50879195919360198</c:v>
                </c:pt>
                <c:pt idx="7068">
                  <c:v>0.50879195919360198</c:v>
                </c:pt>
                <c:pt idx="7069">
                  <c:v>0.33707467296576127</c:v>
                </c:pt>
                <c:pt idx="7070">
                  <c:v>0.50879195919360198</c:v>
                </c:pt>
                <c:pt idx="7071">
                  <c:v>0.50879195919360198</c:v>
                </c:pt>
                <c:pt idx="7072">
                  <c:v>0.50879195919360198</c:v>
                </c:pt>
                <c:pt idx="7073">
                  <c:v>0.50879195919360198</c:v>
                </c:pt>
                <c:pt idx="7074">
                  <c:v>0.50879195919360198</c:v>
                </c:pt>
                <c:pt idx="7075">
                  <c:v>0.4261132658246416</c:v>
                </c:pt>
                <c:pt idx="7076">
                  <c:v>0.34979447194560132</c:v>
                </c:pt>
                <c:pt idx="7077">
                  <c:v>0.25439597959680099</c:v>
                </c:pt>
                <c:pt idx="7078">
                  <c:v>0.24167618061696095</c:v>
                </c:pt>
                <c:pt idx="7079">
                  <c:v>0.24167618061696095</c:v>
                </c:pt>
                <c:pt idx="7080">
                  <c:v>0.22149180195840765</c:v>
                </c:pt>
                <c:pt idx="7081">
                  <c:v>0.22149180195840765</c:v>
                </c:pt>
                <c:pt idx="7082">
                  <c:v>0.22149180195840765</c:v>
                </c:pt>
                <c:pt idx="7083">
                  <c:v>0.22149180195840765</c:v>
                </c:pt>
                <c:pt idx="7084">
                  <c:v>0.22149180195840765</c:v>
                </c:pt>
                <c:pt idx="7085">
                  <c:v>0.28793934254592995</c:v>
                </c:pt>
                <c:pt idx="7086">
                  <c:v>0.32116311283969107</c:v>
                </c:pt>
                <c:pt idx="7087">
                  <c:v>0.33223770293761151</c:v>
                </c:pt>
                <c:pt idx="7088">
                  <c:v>0.33223770293761151</c:v>
                </c:pt>
                <c:pt idx="7089">
                  <c:v>0.3599241781824124</c:v>
                </c:pt>
                <c:pt idx="7090">
                  <c:v>0.37653606332929301</c:v>
                </c:pt>
                <c:pt idx="7091">
                  <c:v>0.44298360391681529</c:v>
                </c:pt>
                <c:pt idx="7092">
                  <c:v>0.44298360391681529</c:v>
                </c:pt>
                <c:pt idx="7093">
                  <c:v>0.44298360391681529</c:v>
                </c:pt>
                <c:pt idx="7094">
                  <c:v>0.44298360391681529</c:v>
                </c:pt>
                <c:pt idx="7095">
                  <c:v>0.44298360391681529</c:v>
                </c:pt>
                <c:pt idx="7096">
                  <c:v>0.44298360391681529</c:v>
                </c:pt>
                <c:pt idx="7097">
                  <c:v>0.44298360391681529</c:v>
                </c:pt>
                <c:pt idx="7098">
                  <c:v>0.44298360391681529</c:v>
                </c:pt>
                <c:pt idx="7099">
                  <c:v>0.37099876828033285</c:v>
                </c:pt>
                <c:pt idx="7100">
                  <c:v>0.30455122769281051</c:v>
                </c:pt>
                <c:pt idx="7101">
                  <c:v>0.22149180195840765</c:v>
                </c:pt>
                <c:pt idx="7102">
                  <c:v>0.22149180195840765</c:v>
                </c:pt>
                <c:pt idx="7103">
                  <c:v>0.22149180195840765</c:v>
                </c:pt>
                <c:pt idx="7104">
                  <c:v>0.19796309087560188</c:v>
                </c:pt>
                <c:pt idx="7105">
                  <c:v>0.22270847723505213</c:v>
                </c:pt>
                <c:pt idx="7106">
                  <c:v>0.22270847723505213</c:v>
                </c:pt>
                <c:pt idx="7107">
                  <c:v>0.22270847723505213</c:v>
                </c:pt>
                <c:pt idx="7108">
                  <c:v>0.22270847723505213</c:v>
                </c:pt>
                <c:pt idx="7109">
                  <c:v>0.28704648176962272</c:v>
                </c:pt>
                <c:pt idx="7110">
                  <c:v>0.33158817721663314</c:v>
                </c:pt>
                <c:pt idx="7111">
                  <c:v>0.33158817721663314</c:v>
                </c:pt>
                <c:pt idx="7112">
                  <c:v>0.33158817721663314</c:v>
                </c:pt>
                <c:pt idx="7113">
                  <c:v>0.35633356357608337</c:v>
                </c:pt>
                <c:pt idx="7114">
                  <c:v>0.38602802720742369</c:v>
                </c:pt>
                <c:pt idx="7115">
                  <c:v>0.44541695447010426</c:v>
                </c:pt>
                <c:pt idx="7116">
                  <c:v>0.44541695447010426</c:v>
                </c:pt>
                <c:pt idx="7117">
                  <c:v>0.44541695447010426</c:v>
                </c:pt>
                <c:pt idx="7118">
                  <c:v>0.44541695447010426</c:v>
                </c:pt>
                <c:pt idx="7119">
                  <c:v>0.44541695447010426</c:v>
                </c:pt>
                <c:pt idx="7120">
                  <c:v>0.44541695447010426</c:v>
                </c:pt>
                <c:pt idx="7121">
                  <c:v>0.44541695447010426</c:v>
                </c:pt>
                <c:pt idx="7122">
                  <c:v>0.44541695447010426</c:v>
                </c:pt>
                <c:pt idx="7123">
                  <c:v>0.37118079539175353</c:v>
                </c:pt>
                <c:pt idx="7124">
                  <c:v>0.29694463631340284</c:v>
                </c:pt>
                <c:pt idx="7125">
                  <c:v>0.22270847723505213</c:v>
                </c:pt>
                <c:pt idx="7126">
                  <c:v>0.22270847723505213</c:v>
                </c:pt>
                <c:pt idx="7127">
                  <c:v>0.22270847723505213</c:v>
                </c:pt>
                <c:pt idx="7128">
                  <c:v>0.22341495568082315</c:v>
                </c:pt>
                <c:pt idx="7129">
                  <c:v>0.22341495568082315</c:v>
                </c:pt>
                <c:pt idx="7130">
                  <c:v>0.22341495568082315</c:v>
                </c:pt>
                <c:pt idx="7131">
                  <c:v>0.22341495568082315</c:v>
                </c:pt>
                <c:pt idx="7132">
                  <c:v>0.22341495568082315</c:v>
                </c:pt>
                <c:pt idx="7133">
                  <c:v>0.28795705398861648</c:v>
                </c:pt>
                <c:pt idx="7134">
                  <c:v>0.33264004512478118</c:v>
                </c:pt>
                <c:pt idx="7135">
                  <c:v>0.33264004512478118</c:v>
                </c:pt>
                <c:pt idx="7136">
                  <c:v>0.33264004512478118</c:v>
                </c:pt>
                <c:pt idx="7137">
                  <c:v>0.35746392908931701</c:v>
                </c:pt>
                <c:pt idx="7138">
                  <c:v>0.38725258984676014</c:v>
                </c:pt>
                <c:pt idx="7139">
                  <c:v>0.44682991136164629</c:v>
                </c:pt>
                <c:pt idx="7140">
                  <c:v>0.44682991136164629</c:v>
                </c:pt>
                <c:pt idx="7141">
                  <c:v>0.44682991136164629</c:v>
                </c:pt>
                <c:pt idx="7142">
                  <c:v>0.44682991136164629</c:v>
                </c:pt>
                <c:pt idx="7143">
                  <c:v>0.44682991136164629</c:v>
                </c:pt>
                <c:pt idx="7144">
                  <c:v>0.44682991136164629</c:v>
                </c:pt>
                <c:pt idx="7145">
                  <c:v>0.44682991136164629</c:v>
                </c:pt>
                <c:pt idx="7146">
                  <c:v>0.44682991136164629</c:v>
                </c:pt>
                <c:pt idx="7147">
                  <c:v>0.37235825946803863</c:v>
                </c:pt>
                <c:pt idx="7148">
                  <c:v>0.29788660757443086</c:v>
                </c:pt>
                <c:pt idx="7149">
                  <c:v>0.22341495568082315</c:v>
                </c:pt>
                <c:pt idx="7150">
                  <c:v>0.22341495568082315</c:v>
                </c:pt>
                <c:pt idx="7151">
                  <c:v>0.22341495568082315</c:v>
                </c:pt>
                <c:pt idx="7152">
                  <c:v>0.25317589522737649</c:v>
                </c:pt>
                <c:pt idx="7153">
                  <c:v>0.25317589522737649</c:v>
                </c:pt>
                <c:pt idx="7154">
                  <c:v>0.25317589522737649</c:v>
                </c:pt>
                <c:pt idx="7155">
                  <c:v>0.25317589522737649</c:v>
                </c:pt>
                <c:pt idx="7156">
                  <c:v>0.25317589522737649</c:v>
                </c:pt>
                <c:pt idx="7157">
                  <c:v>0.32631559829306306</c:v>
                </c:pt>
                <c:pt idx="7158">
                  <c:v>0.3938291703536968</c:v>
                </c:pt>
                <c:pt idx="7159">
                  <c:v>0.3938291703536968</c:v>
                </c:pt>
                <c:pt idx="7160">
                  <c:v>0.3938291703536968</c:v>
                </c:pt>
                <c:pt idx="7161">
                  <c:v>0.42195982537896093</c:v>
                </c:pt>
                <c:pt idx="7162">
                  <c:v>0.43883821839411924</c:v>
                </c:pt>
                <c:pt idx="7163">
                  <c:v>0.50635179045475298</c:v>
                </c:pt>
                <c:pt idx="7164">
                  <c:v>0.50635179045475298</c:v>
                </c:pt>
                <c:pt idx="7165">
                  <c:v>0.50635179045475298</c:v>
                </c:pt>
                <c:pt idx="7166">
                  <c:v>0.50635179045475298</c:v>
                </c:pt>
                <c:pt idx="7167">
                  <c:v>0.42195982537896093</c:v>
                </c:pt>
                <c:pt idx="7168">
                  <c:v>0.39945530135874968</c:v>
                </c:pt>
                <c:pt idx="7169">
                  <c:v>0.39945530135874968</c:v>
                </c:pt>
                <c:pt idx="7170">
                  <c:v>0.39945530135874968</c:v>
                </c:pt>
                <c:pt idx="7171">
                  <c:v>0.39945530135874968</c:v>
                </c:pt>
                <c:pt idx="7172">
                  <c:v>0.30943720527790464</c:v>
                </c:pt>
                <c:pt idx="7173">
                  <c:v>0.11814875110610905</c:v>
                </c:pt>
                <c:pt idx="7174">
                  <c:v>0.11814875110610905</c:v>
                </c:pt>
                <c:pt idx="7175">
                  <c:v>0.11814875110610905</c:v>
                </c:pt>
                <c:pt idx="7176">
                  <c:v>8.6477878136484179E-2</c:v>
                </c:pt>
                <c:pt idx="7177">
                  <c:v>0.16883776207599294</c:v>
                </c:pt>
                <c:pt idx="7178">
                  <c:v>0.16883776207599294</c:v>
                </c:pt>
                <c:pt idx="7179">
                  <c:v>0.16883776207599294</c:v>
                </c:pt>
                <c:pt idx="7180">
                  <c:v>0.16883776207599294</c:v>
                </c:pt>
                <c:pt idx="7181">
                  <c:v>0.21001770404574729</c:v>
                </c:pt>
                <c:pt idx="7182">
                  <c:v>0.263551628606428</c:v>
                </c:pt>
                <c:pt idx="7183">
                  <c:v>0.30061357637920688</c:v>
                </c:pt>
                <c:pt idx="7184">
                  <c:v>0.30061357637920688</c:v>
                </c:pt>
                <c:pt idx="7185">
                  <c:v>0.30061357637920688</c:v>
                </c:pt>
                <c:pt idx="7186">
                  <c:v>0.30061357637920688</c:v>
                </c:pt>
                <c:pt idx="7187">
                  <c:v>0.30061357637920688</c:v>
                </c:pt>
                <c:pt idx="7188">
                  <c:v>0.30061357637920688</c:v>
                </c:pt>
                <c:pt idx="7189">
                  <c:v>0.30061357637920688</c:v>
                </c:pt>
                <c:pt idx="7190">
                  <c:v>0.30061357637920688</c:v>
                </c:pt>
                <c:pt idx="7191">
                  <c:v>0.27178761700037884</c:v>
                </c:pt>
                <c:pt idx="7192">
                  <c:v>0.24707965181852623</c:v>
                </c:pt>
                <c:pt idx="7193">
                  <c:v>0.22237168663667362</c:v>
                </c:pt>
                <c:pt idx="7194">
                  <c:v>0.21413569824272274</c:v>
                </c:pt>
                <c:pt idx="7195">
                  <c:v>0.17295575627296836</c:v>
                </c:pt>
                <c:pt idx="7196">
                  <c:v>0.12765782010623855</c:v>
                </c:pt>
                <c:pt idx="7197">
                  <c:v>0.12765782010623855</c:v>
                </c:pt>
                <c:pt idx="7198">
                  <c:v>0.12765782010623855</c:v>
                </c:pt>
                <c:pt idx="7199">
                  <c:v>0.12765782010623855</c:v>
                </c:pt>
                <c:pt idx="7200">
                  <c:v>0.15383732364503883</c:v>
                </c:pt>
                <c:pt idx="7201">
                  <c:v>0.17864979520069024</c:v>
                </c:pt>
                <c:pt idx="7202">
                  <c:v>0.17864979520069024</c:v>
                </c:pt>
                <c:pt idx="7203">
                  <c:v>0.17864979520069024</c:v>
                </c:pt>
                <c:pt idx="7204">
                  <c:v>0.17864979520069024</c:v>
                </c:pt>
                <c:pt idx="7205">
                  <c:v>0.2233122440008628</c:v>
                </c:pt>
                <c:pt idx="7206">
                  <c:v>0.26301219848990504</c:v>
                </c:pt>
                <c:pt idx="7207">
                  <c:v>0.31263714160120792</c:v>
                </c:pt>
                <c:pt idx="7208">
                  <c:v>0.31263714160120792</c:v>
                </c:pt>
                <c:pt idx="7209">
                  <c:v>0.31263714160120792</c:v>
                </c:pt>
                <c:pt idx="7210">
                  <c:v>0.31263714160120792</c:v>
                </c:pt>
                <c:pt idx="7211">
                  <c:v>0.31263714160120792</c:v>
                </c:pt>
                <c:pt idx="7212">
                  <c:v>0.31263714160120792</c:v>
                </c:pt>
                <c:pt idx="7213">
                  <c:v>0.31263714160120792</c:v>
                </c:pt>
                <c:pt idx="7214">
                  <c:v>0.31263714160120792</c:v>
                </c:pt>
                <c:pt idx="7215">
                  <c:v>0.27789968142329591</c:v>
                </c:pt>
                <c:pt idx="7216">
                  <c:v>0.27293718711216564</c:v>
                </c:pt>
                <c:pt idx="7217">
                  <c:v>0.23323723262312335</c:v>
                </c:pt>
                <c:pt idx="7218">
                  <c:v>0.2183497496897325</c:v>
                </c:pt>
                <c:pt idx="7219">
                  <c:v>0.18361228951182054</c:v>
                </c:pt>
                <c:pt idx="7220">
                  <c:v>0.15383732364503883</c:v>
                </c:pt>
                <c:pt idx="7221">
                  <c:v>0.13398734640051768</c:v>
                </c:pt>
                <c:pt idx="7222">
                  <c:v>0.13398734640051768</c:v>
                </c:pt>
                <c:pt idx="7223">
                  <c:v>0.13398734640051768</c:v>
                </c:pt>
                <c:pt idx="7224">
                  <c:v>8.1273850490965013E-2</c:v>
                </c:pt>
                <c:pt idx="7225">
                  <c:v>8.1273850490965013E-2</c:v>
                </c:pt>
                <c:pt idx="7226">
                  <c:v>8.1273850490965013E-2</c:v>
                </c:pt>
                <c:pt idx="7227">
                  <c:v>8.1273850490965013E-2</c:v>
                </c:pt>
                <c:pt idx="7228">
                  <c:v>8.1273850490965013E-2</c:v>
                </c:pt>
                <c:pt idx="7229">
                  <c:v>0.35218668546084836</c:v>
                </c:pt>
                <c:pt idx="7230">
                  <c:v>0.39959643158057795</c:v>
                </c:pt>
                <c:pt idx="7231">
                  <c:v>0.39959643158057795</c:v>
                </c:pt>
                <c:pt idx="7232">
                  <c:v>0.39959643158057795</c:v>
                </c:pt>
                <c:pt idx="7233">
                  <c:v>0.42668771507756637</c:v>
                </c:pt>
                <c:pt idx="7234">
                  <c:v>0.42668771507756637</c:v>
                </c:pt>
                <c:pt idx="7235">
                  <c:v>0.54182566993976677</c:v>
                </c:pt>
                <c:pt idx="7236">
                  <c:v>0.54182566993976677</c:v>
                </c:pt>
                <c:pt idx="7237">
                  <c:v>0.35895950633509549</c:v>
                </c:pt>
                <c:pt idx="7238">
                  <c:v>0.54182566993976677</c:v>
                </c:pt>
                <c:pt idx="7239">
                  <c:v>0.54182566993976677</c:v>
                </c:pt>
                <c:pt idx="7240">
                  <c:v>0.54182566993976677</c:v>
                </c:pt>
                <c:pt idx="7241">
                  <c:v>0.54182566993976677</c:v>
                </c:pt>
                <c:pt idx="7242">
                  <c:v>0.54182566993976677</c:v>
                </c:pt>
                <c:pt idx="7243">
                  <c:v>0.45377899857455467</c:v>
                </c:pt>
                <c:pt idx="7244">
                  <c:v>0.37250514808358964</c:v>
                </c:pt>
                <c:pt idx="7245">
                  <c:v>0.27091283496988339</c:v>
                </c:pt>
                <c:pt idx="7246">
                  <c:v>0.25736719322138918</c:v>
                </c:pt>
                <c:pt idx="7247">
                  <c:v>0.25736719322138918</c:v>
                </c:pt>
                <c:pt idx="7248">
                  <c:v>0.24374339579516413</c:v>
                </c:pt>
                <c:pt idx="7249">
                  <c:v>0.24374339579516413</c:v>
                </c:pt>
                <c:pt idx="7250">
                  <c:v>0.24374339579516413</c:v>
                </c:pt>
                <c:pt idx="7251">
                  <c:v>0.24374339579516413</c:v>
                </c:pt>
                <c:pt idx="7252">
                  <c:v>0.24374339579516413</c:v>
                </c:pt>
                <c:pt idx="7253">
                  <c:v>0.31686641453371334</c:v>
                </c:pt>
                <c:pt idx="7254">
                  <c:v>0.35342792390298794</c:v>
                </c:pt>
                <c:pt idx="7255">
                  <c:v>0.3656150936927462</c:v>
                </c:pt>
                <c:pt idx="7256">
                  <c:v>0.3656150936927462</c:v>
                </c:pt>
                <c:pt idx="7257">
                  <c:v>0.39608301816714164</c:v>
                </c:pt>
                <c:pt idx="7258">
                  <c:v>0.41436377285177894</c:v>
                </c:pt>
                <c:pt idx="7259">
                  <c:v>0.48748679159032826</c:v>
                </c:pt>
                <c:pt idx="7260">
                  <c:v>0.48748679159032826</c:v>
                </c:pt>
                <c:pt idx="7261">
                  <c:v>0.48748679159032826</c:v>
                </c:pt>
                <c:pt idx="7262">
                  <c:v>0.48748679159032826</c:v>
                </c:pt>
                <c:pt idx="7263">
                  <c:v>0.48748679159032826</c:v>
                </c:pt>
                <c:pt idx="7264">
                  <c:v>0.48748679159032826</c:v>
                </c:pt>
                <c:pt idx="7265">
                  <c:v>0.48748679159032826</c:v>
                </c:pt>
                <c:pt idx="7266">
                  <c:v>0.48748679159032826</c:v>
                </c:pt>
                <c:pt idx="7267">
                  <c:v>0.40827018795689995</c:v>
                </c:pt>
                <c:pt idx="7268">
                  <c:v>0.33514716921835064</c:v>
                </c:pt>
                <c:pt idx="7269">
                  <c:v>0.24374339579516413</c:v>
                </c:pt>
                <c:pt idx="7270">
                  <c:v>0.24374339579516413</c:v>
                </c:pt>
                <c:pt idx="7271">
                  <c:v>0.24374339579516413</c:v>
                </c:pt>
                <c:pt idx="7272">
                  <c:v>0.2175473791995135</c:v>
                </c:pt>
                <c:pt idx="7273">
                  <c:v>0.24474080159945266</c:v>
                </c:pt>
                <c:pt idx="7274">
                  <c:v>0.24474080159945266</c:v>
                </c:pt>
                <c:pt idx="7275">
                  <c:v>0.24474080159945266</c:v>
                </c:pt>
                <c:pt idx="7276">
                  <c:v>0.24474080159945266</c:v>
                </c:pt>
                <c:pt idx="7277">
                  <c:v>0.31544369983929454</c:v>
                </c:pt>
                <c:pt idx="7278">
                  <c:v>0.36439186015918512</c:v>
                </c:pt>
                <c:pt idx="7279">
                  <c:v>0.36439186015918512</c:v>
                </c:pt>
                <c:pt idx="7280">
                  <c:v>0.36439186015918512</c:v>
                </c:pt>
                <c:pt idx="7281">
                  <c:v>0.39158528255912434</c:v>
                </c:pt>
                <c:pt idx="7282">
                  <c:v>0.42421738943905135</c:v>
                </c:pt>
                <c:pt idx="7283">
                  <c:v>0.48948160319890532</c:v>
                </c:pt>
                <c:pt idx="7284">
                  <c:v>0.48948160319890532</c:v>
                </c:pt>
                <c:pt idx="7285">
                  <c:v>0.48948160319890532</c:v>
                </c:pt>
                <c:pt idx="7286">
                  <c:v>0.48948160319890532</c:v>
                </c:pt>
                <c:pt idx="7287">
                  <c:v>0.48948160319890532</c:v>
                </c:pt>
                <c:pt idx="7288">
                  <c:v>0.48948160319890532</c:v>
                </c:pt>
                <c:pt idx="7289">
                  <c:v>0.48948160319890532</c:v>
                </c:pt>
                <c:pt idx="7290">
                  <c:v>0.48948160319890532</c:v>
                </c:pt>
                <c:pt idx="7291">
                  <c:v>0.40790133599908784</c:v>
                </c:pt>
                <c:pt idx="7292">
                  <c:v>0.32632106879927031</c:v>
                </c:pt>
                <c:pt idx="7293">
                  <c:v>0.24474080159945266</c:v>
                </c:pt>
                <c:pt idx="7294">
                  <c:v>0.24474080159945266</c:v>
                </c:pt>
                <c:pt idx="7295">
                  <c:v>0.24474080159945266</c:v>
                </c:pt>
                <c:pt idx="7296">
                  <c:v>0.23759088990508409</c:v>
                </c:pt>
                <c:pt idx="7297">
                  <c:v>0.23759088990508409</c:v>
                </c:pt>
                <c:pt idx="7298">
                  <c:v>0.23759088990508409</c:v>
                </c:pt>
                <c:pt idx="7299">
                  <c:v>0.23759088990508409</c:v>
                </c:pt>
                <c:pt idx="7300">
                  <c:v>0.23759088990508409</c:v>
                </c:pt>
                <c:pt idx="7301">
                  <c:v>0.30622825809988613</c:v>
                </c:pt>
                <c:pt idx="7302">
                  <c:v>0.353746436080903</c:v>
                </c:pt>
                <c:pt idx="7303">
                  <c:v>0.353746436080903</c:v>
                </c:pt>
                <c:pt idx="7304">
                  <c:v>0.353746436080903</c:v>
                </c:pt>
                <c:pt idx="7305">
                  <c:v>0.38014542384813454</c:v>
                </c:pt>
                <c:pt idx="7306">
                  <c:v>0.41182420916881241</c:v>
                </c:pt>
                <c:pt idx="7307">
                  <c:v>0.47518177981016818</c:v>
                </c:pt>
                <c:pt idx="7308">
                  <c:v>0.47518177981016818</c:v>
                </c:pt>
                <c:pt idx="7309">
                  <c:v>0.47518177981016818</c:v>
                </c:pt>
                <c:pt idx="7310">
                  <c:v>0.47518177981016818</c:v>
                </c:pt>
                <c:pt idx="7311">
                  <c:v>0.47518177981016818</c:v>
                </c:pt>
                <c:pt idx="7312">
                  <c:v>0.47518177981016818</c:v>
                </c:pt>
                <c:pt idx="7313">
                  <c:v>0.47518177981016818</c:v>
                </c:pt>
                <c:pt idx="7314">
                  <c:v>0.47518177981016818</c:v>
                </c:pt>
                <c:pt idx="7315">
                  <c:v>0.3959848165084735</c:v>
                </c:pt>
                <c:pt idx="7316">
                  <c:v>0.31678785320677877</c:v>
                </c:pt>
                <c:pt idx="7317">
                  <c:v>0.23759088990508409</c:v>
                </c:pt>
                <c:pt idx="7318">
                  <c:v>0.23759088990508409</c:v>
                </c:pt>
                <c:pt idx="7319">
                  <c:v>0.23759088990508409</c:v>
                </c:pt>
                <c:pt idx="7320">
                  <c:v>0.25022660961608872</c:v>
                </c:pt>
                <c:pt idx="7321">
                  <c:v>0.25022660961608872</c:v>
                </c:pt>
                <c:pt idx="7322">
                  <c:v>0.25022660961608872</c:v>
                </c:pt>
                <c:pt idx="7323">
                  <c:v>0.25022660961608872</c:v>
                </c:pt>
                <c:pt idx="7324">
                  <c:v>0.25022660961608872</c:v>
                </c:pt>
                <c:pt idx="7325">
                  <c:v>0.32251429683851429</c:v>
                </c:pt>
                <c:pt idx="7326">
                  <c:v>0.389241392736138</c:v>
                </c:pt>
                <c:pt idx="7327">
                  <c:v>0.389241392736138</c:v>
                </c:pt>
                <c:pt idx="7328">
                  <c:v>0.389241392736138</c:v>
                </c:pt>
                <c:pt idx="7329">
                  <c:v>0.41704434936014784</c:v>
                </c:pt>
                <c:pt idx="7330">
                  <c:v>0.43372612333455368</c:v>
                </c:pt>
                <c:pt idx="7331">
                  <c:v>0.50045321923217745</c:v>
                </c:pt>
                <c:pt idx="7332">
                  <c:v>0.50045321923217745</c:v>
                </c:pt>
                <c:pt idx="7333">
                  <c:v>0.50045321923217745</c:v>
                </c:pt>
                <c:pt idx="7334">
                  <c:v>0.50045321923217745</c:v>
                </c:pt>
                <c:pt idx="7335">
                  <c:v>0.41704434936014784</c:v>
                </c:pt>
                <c:pt idx="7336">
                  <c:v>0.39480198406093997</c:v>
                </c:pt>
                <c:pt idx="7337">
                  <c:v>0.39480198406093997</c:v>
                </c:pt>
                <c:pt idx="7338">
                  <c:v>0.39480198406093997</c:v>
                </c:pt>
                <c:pt idx="7339">
                  <c:v>0.39480198406093997</c:v>
                </c:pt>
                <c:pt idx="7340">
                  <c:v>0.30583252286410839</c:v>
                </c:pt>
                <c:pt idx="7341">
                  <c:v>0.11677241782084138</c:v>
                </c:pt>
                <c:pt idx="7342">
                  <c:v>0.11677241782084138</c:v>
                </c:pt>
                <c:pt idx="7343">
                  <c:v>0.11677241782084138</c:v>
                </c:pt>
                <c:pt idx="7344">
                  <c:v>7.8653862374688452E-2</c:v>
                </c:pt>
                <c:pt idx="7345">
                  <c:v>0.15356230273153462</c:v>
                </c:pt>
                <c:pt idx="7346">
                  <c:v>0.15356230273153462</c:v>
                </c:pt>
                <c:pt idx="7347">
                  <c:v>0.15356230273153462</c:v>
                </c:pt>
                <c:pt idx="7348">
                  <c:v>0.15356230273153462</c:v>
                </c:pt>
                <c:pt idx="7349">
                  <c:v>0.19101652290995769</c:v>
                </c:pt>
                <c:pt idx="7350">
                  <c:v>0.23970700914190771</c:v>
                </c:pt>
                <c:pt idx="7351">
                  <c:v>0.27341580730248849</c:v>
                </c:pt>
                <c:pt idx="7352">
                  <c:v>0.27341580730248849</c:v>
                </c:pt>
                <c:pt idx="7353">
                  <c:v>0.27341580730248849</c:v>
                </c:pt>
                <c:pt idx="7354">
                  <c:v>0.27341580730248849</c:v>
                </c:pt>
                <c:pt idx="7355">
                  <c:v>0.27341580730248849</c:v>
                </c:pt>
                <c:pt idx="7356">
                  <c:v>0.27341580730248849</c:v>
                </c:pt>
                <c:pt idx="7357">
                  <c:v>0.27341580730248849</c:v>
                </c:pt>
                <c:pt idx="7358">
                  <c:v>0.27341580730248849</c:v>
                </c:pt>
                <c:pt idx="7359">
                  <c:v>0.24719785317759227</c:v>
                </c:pt>
                <c:pt idx="7360">
                  <c:v>0.22472532107053844</c:v>
                </c:pt>
                <c:pt idx="7361">
                  <c:v>0.20225278896348461</c:v>
                </c:pt>
                <c:pt idx="7362">
                  <c:v>0.19476194492779997</c:v>
                </c:pt>
                <c:pt idx="7363">
                  <c:v>0.1573077247493769</c:v>
                </c:pt>
                <c:pt idx="7364">
                  <c:v>0.11610808255311153</c:v>
                </c:pt>
                <c:pt idx="7365">
                  <c:v>0.11610808255311153</c:v>
                </c:pt>
                <c:pt idx="7366">
                  <c:v>0.11610808255311153</c:v>
                </c:pt>
                <c:pt idx="7367">
                  <c:v>0.11610808255311153</c:v>
                </c:pt>
                <c:pt idx="7368">
                  <c:v>0.12952887285847975</c:v>
                </c:pt>
                <c:pt idx="7369">
                  <c:v>0.15042062654533134</c:v>
                </c:pt>
                <c:pt idx="7370">
                  <c:v>0.15042062654533134</c:v>
                </c:pt>
                <c:pt idx="7371">
                  <c:v>0.15042062654533134</c:v>
                </c:pt>
                <c:pt idx="7372">
                  <c:v>0.15042062654533134</c:v>
                </c:pt>
                <c:pt idx="7373">
                  <c:v>0.18802578318166416</c:v>
                </c:pt>
                <c:pt idx="7374">
                  <c:v>0.2214525890806267</c:v>
                </c:pt>
                <c:pt idx="7375">
                  <c:v>0.26323609645432983</c:v>
                </c:pt>
                <c:pt idx="7376">
                  <c:v>0.26323609645432983</c:v>
                </c:pt>
                <c:pt idx="7377">
                  <c:v>0.26323609645432983</c:v>
                </c:pt>
                <c:pt idx="7378">
                  <c:v>0.26323609645432983</c:v>
                </c:pt>
                <c:pt idx="7379">
                  <c:v>0.26323609645432983</c:v>
                </c:pt>
                <c:pt idx="7380">
                  <c:v>0.26323609645432983</c:v>
                </c:pt>
                <c:pt idx="7381">
                  <c:v>0.26323609645432983</c:v>
                </c:pt>
                <c:pt idx="7382">
                  <c:v>0.26323609645432983</c:v>
                </c:pt>
                <c:pt idx="7383">
                  <c:v>0.23398764129273764</c:v>
                </c:pt>
                <c:pt idx="7384">
                  <c:v>0.22980929055536733</c:v>
                </c:pt>
                <c:pt idx="7385">
                  <c:v>0.19638248465640479</c:v>
                </c:pt>
                <c:pt idx="7386">
                  <c:v>0.18384743244429388</c:v>
                </c:pt>
                <c:pt idx="7387">
                  <c:v>0.15459897728270167</c:v>
                </c:pt>
                <c:pt idx="7388">
                  <c:v>0.12952887285847975</c:v>
                </c:pt>
                <c:pt idx="7389">
                  <c:v>0.11281546990899852</c:v>
                </c:pt>
                <c:pt idx="7390">
                  <c:v>0.11281546990899852</c:v>
                </c:pt>
                <c:pt idx="7391">
                  <c:v>0.11281546990899852</c:v>
                </c:pt>
                <c:pt idx="7392">
                  <c:v>7.6636275133329559E-2</c:v>
                </c:pt>
                <c:pt idx="7393">
                  <c:v>7.6636275133329559E-2</c:v>
                </c:pt>
                <c:pt idx="7394">
                  <c:v>7.6636275133329559E-2</c:v>
                </c:pt>
                <c:pt idx="7395">
                  <c:v>7.6636275133329559E-2</c:v>
                </c:pt>
                <c:pt idx="7396">
                  <c:v>7.6636275133329559E-2</c:v>
                </c:pt>
                <c:pt idx="7397">
                  <c:v>0.33209052557776148</c:v>
                </c:pt>
                <c:pt idx="7398">
                  <c:v>0.376795019405537</c:v>
                </c:pt>
                <c:pt idx="7399">
                  <c:v>0.376795019405537</c:v>
                </c:pt>
                <c:pt idx="7400">
                  <c:v>0.376795019405537</c:v>
                </c:pt>
                <c:pt idx="7401">
                  <c:v>0.40234044444998024</c:v>
                </c:pt>
                <c:pt idx="7402">
                  <c:v>0.40234044444998024</c:v>
                </c:pt>
                <c:pt idx="7403">
                  <c:v>0.51090850088886375</c:v>
                </c:pt>
                <c:pt idx="7404">
                  <c:v>0.51090850088886375</c:v>
                </c:pt>
                <c:pt idx="7405">
                  <c:v>0.33847688183887226</c:v>
                </c:pt>
                <c:pt idx="7406">
                  <c:v>0.51090850088886375</c:v>
                </c:pt>
                <c:pt idx="7407">
                  <c:v>0.51090850088886375</c:v>
                </c:pt>
                <c:pt idx="7408">
                  <c:v>0.51090850088886375</c:v>
                </c:pt>
                <c:pt idx="7409">
                  <c:v>0.51090850088886375</c:v>
                </c:pt>
                <c:pt idx="7410">
                  <c:v>0.51090850088886375</c:v>
                </c:pt>
                <c:pt idx="7411">
                  <c:v>0.42788586949442342</c:v>
                </c:pt>
                <c:pt idx="7412">
                  <c:v>0.35124959436109382</c:v>
                </c:pt>
                <c:pt idx="7413">
                  <c:v>0.25545425044443187</c:v>
                </c:pt>
                <c:pt idx="7414">
                  <c:v>0.24268153792221028</c:v>
                </c:pt>
                <c:pt idx="7415">
                  <c:v>0.24268153792221028</c:v>
                </c:pt>
                <c:pt idx="7416">
                  <c:v>0.22427333322436055</c:v>
                </c:pt>
                <c:pt idx="7417">
                  <c:v>0.22427333322436055</c:v>
                </c:pt>
                <c:pt idx="7418">
                  <c:v>0.22427333322436055</c:v>
                </c:pt>
                <c:pt idx="7419">
                  <c:v>0.22427333322436055</c:v>
                </c:pt>
                <c:pt idx="7420">
                  <c:v>0.22427333322436055</c:v>
                </c:pt>
                <c:pt idx="7421">
                  <c:v>0.29155533319166871</c:v>
                </c:pt>
                <c:pt idx="7422">
                  <c:v>0.32519633317532276</c:v>
                </c:pt>
                <c:pt idx="7423">
                  <c:v>0.3364099998365408</c:v>
                </c:pt>
                <c:pt idx="7424">
                  <c:v>0.3364099998365408</c:v>
                </c:pt>
                <c:pt idx="7425">
                  <c:v>0.36444416648958583</c:v>
                </c:pt>
                <c:pt idx="7426">
                  <c:v>0.38126466648141294</c:v>
                </c:pt>
                <c:pt idx="7427">
                  <c:v>0.4485466664487211</c:v>
                </c:pt>
                <c:pt idx="7428">
                  <c:v>0.4485466664487211</c:v>
                </c:pt>
                <c:pt idx="7429">
                  <c:v>0.4485466664487211</c:v>
                </c:pt>
                <c:pt idx="7430">
                  <c:v>0.4485466664487211</c:v>
                </c:pt>
                <c:pt idx="7431">
                  <c:v>0.4485466664487211</c:v>
                </c:pt>
                <c:pt idx="7432">
                  <c:v>0.4485466664487211</c:v>
                </c:pt>
                <c:pt idx="7433">
                  <c:v>0.4485466664487211</c:v>
                </c:pt>
                <c:pt idx="7434">
                  <c:v>0.4485466664487211</c:v>
                </c:pt>
                <c:pt idx="7435">
                  <c:v>0.37565783315080392</c:v>
                </c:pt>
                <c:pt idx="7436">
                  <c:v>0.30837583318349576</c:v>
                </c:pt>
                <c:pt idx="7437">
                  <c:v>0.22427333322436055</c:v>
                </c:pt>
                <c:pt idx="7438">
                  <c:v>0.22427333322436055</c:v>
                </c:pt>
                <c:pt idx="7439">
                  <c:v>0.22427333322436055</c:v>
                </c:pt>
                <c:pt idx="7440">
                  <c:v>0.20044568054780826</c:v>
                </c:pt>
                <c:pt idx="7441">
                  <c:v>0.22550139061628427</c:v>
                </c:pt>
                <c:pt idx="7442">
                  <c:v>0.22550139061628427</c:v>
                </c:pt>
                <c:pt idx="7443">
                  <c:v>0.22550139061628427</c:v>
                </c:pt>
                <c:pt idx="7444">
                  <c:v>0.22550139061628427</c:v>
                </c:pt>
                <c:pt idx="7445">
                  <c:v>0.29064623679432194</c:v>
                </c:pt>
                <c:pt idx="7446">
                  <c:v>0.33574651491757879</c:v>
                </c:pt>
                <c:pt idx="7447">
                  <c:v>0.33574651491757879</c:v>
                </c:pt>
                <c:pt idx="7448">
                  <c:v>0.33574651491757879</c:v>
                </c:pt>
                <c:pt idx="7449">
                  <c:v>0.3608022249860548</c:v>
                </c:pt>
                <c:pt idx="7450">
                  <c:v>0.39086907706822599</c:v>
                </c:pt>
                <c:pt idx="7451">
                  <c:v>0.45100278123256854</c:v>
                </c:pt>
                <c:pt idx="7452">
                  <c:v>0.45100278123256854</c:v>
                </c:pt>
                <c:pt idx="7453">
                  <c:v>0.45100278123256854</c:v>
                </c:pt>
                <c:pt idx="7454">
                  <c:v>0.45100278123256854</c:v>
                </c:pt>
                <c:pt idx="7455">
                  <c:v>0.45100278123256854</c:v>
                </c:pt>
                <c:pt idx="7456">
                  <c:v>0.45100278123256854</c:v>
                </c:pt>
                <c:pt idx="7457">
                  <c:v>0.45100278123256854</c:v>
                </c:pt>
                <c:pt idx="7458">
                  <c:v>0.45100278123256854</c:v>
                </c:pt>
                <c:pt idx="7459">
                  <c:v>0.37583565102714045</c:v>
                </c:pt>
                <c:pt idx="7460">
                  <c:v>0.30066852082171236</c:v>
                </c:pt>
                <c:pt idx="7461">
                  <c:v>0.22550139061628427</c:v>
                </c:pt>
                <c:pt idx="7462">
                  <c:v>0.22550139061628427</c:v>
                </c:pt>
                <c:pt idx="7463">
                  <c:v>0.22550139061628427</c:v>
                </c:pt>
                <c:pt idx="7464">
                  <c:v>0.22619927019080754</c:v>
                </c:pt>
                <c:pt idx="7465">
                  <c:v>0.22619927019080754</c:v>
                </c:pt>
                <c:pt idx="7466">
                  <c:v>0.22619927019080754</c:v>
                </c:pt>
                <c:pt idx="7467">
                  <c:v>0.22619927019080754</c:v>
                </c:pt>
                <c:pt idx="7468">
                  <c:v>0.22619927019080754</c:v>
                </c:pt>
                <c:pt idx="7469">
                  <c:v>0.29154572602370749</c:v>
                </c:pt>
                <c:pt idx="7470">
                  <c:v>0.33678558006186904</c:v>
                </c:pt>
                <c:pt idx="7471">
                  <c:v>0.33678558006186904</c:v>
                </c:pt>
                <c:pt idx="7472">
                  <c:v>0.33678558006186904</c:v>
                </c:pt>
                <c:pt idx="7473">
                  <c:v>0.36191883230529215</c:v>
                </c:pt>
                <c:pt idx="7474">
                  <c:v>0.39207873499739981</c:v>
                </c:pt>
                <c:pt idx="7475">
                  <c:v>0.45239854038161509</c:v>
                </c:pt>
                <c:pt idx="7476">
                  <c:v>0.45239854038161509</c:v>
                </c:pt>
                <c:pt idx="7477">
                  <c:v>0.45239854038161509</c:v>
                </c:pt>
                <c:pt idx="7478">
                  <c:v>0.45239854038161509</c:v>
                </c:pt>
                <c:pt idx="7479">
                  <c:v>0.45239854038161509</c:v>
                </c:pt>
                <c:pt idx="7480">
                  <c:v>0.45239854038161509</c:v>
                </c:pt>
                <c:pt idx="7481">
                  <c:v>0.45239854038161509</c:v>
                </c:pt>
                <c:pt idx="7482">
                  <c:v>0.45239854038161509</c:v>
                </c:pt>
                <c:pt idx="7483">
                  <c:v>0.37699878365134598</c:v>
                </c:pt>
                <c:pt idx="7484">
                  <c:v>0.30159902692107676</c:v>
                </c:pt>
                <c:pt idx="7485">
                  <c:v>0.22619927019080754</c:v>
                </c:pt>
                <c:pt idx="7486">
                  <c:v>0.22619927019080754</c:v>
                </c:pt>
                <c:pt idx="7487">
                  <c:v>0.22619927019080754</c:v>
                </c:pt>
                <c:pt idx="7488">
                  <c:v>0.24652000370376062</c:v>
                </c:pt>
                <c:pt idx="7489">
                  <c:v>0.24652000370376062</c:v>
                </c:pt>
                <c:pt idx="7490">
                  <c:v>0.24652000370376062</c:v>
                </c:pt>
                <c:pt idx="7491">
                  <c:v>0.24652000370376062</c:v>
                </c:pt>
                <c:pt idx="7492">
                  <c:v>0.24652000370376062</c:v>
                </c:pt>
                <c:pt idx="7493">
                  <c:v>0.31773689366262475</c:v>
                </c:pt>
                <c:pt idx="7494">
                  <c:v>0.38347556131696103</c:v>
                </c:pt>
                <c:pt idx="7495">
                  <c:v>0.38347556131696103</c:v>
                </c:pt>
                <c:pt idx="7496">
                  <c:v>0.38347556131696103</c:v>
                </c:pt>
                <c:pt idx="7497">
                  <c:v>0.41086667283960104</c:v>
                </c:pt>
                <c:pt idx="7498">
                  <c:v>0.42730133975318507</c:v>
                </c:pt>
                <c:pt idx="7499">
                  <c:v>0.49304000740752124</c:v>
                </c:pt>
                <c:pt idx="7500">
                  <c:v>0.49304000740752124</c:v>
                </c:pt>
                <c:pt idx="7501">
                  <c:v>0.49304000740752124</c:v>
                </c:pt>
                <c:pt idx="7502">
                  <c:v>0.49304000740752124</c:v>
                </c:pt>
                <c:pt idx="7503">
                  <c:v>0.41086667283960104</c:v>
                </c:pt>
                <c:pt idx="7504">
                  <c:v>0.38895378362148902</c:v>
                </c:pt>
                <c:pt idx="7505">
                  <c:v>0.38895378362148902</c:v>
                </c:pt>
                <c:pt idx="7506">
                  <c:v>0.38895378362148902</c:v>
                </c:pt>
                <c:pt idx="7507">
                  <c:v>0.38895378362148902</c:v>
                </c:pt>
                <c:pt idx="7508">
                  <c:v>0.30130222674904078</c:v>
                </c:pt>
                <c:pt idx="7509">
                  <c:v>0.1150426683950883</c:v>
                </c:pt>
                <c:pt idx="7510">
                  <c:v>0.1150426683950883</c:v>
                </c:pt>
                <c:pt idx="7511">
                  <c:v>0.1150426683950883</c:v>
                </c:pt>
                <c:pt idx="7512">
                  <c:v>7.7784527290044481E-2</c:v>
                </c:pt>
                <c:pt idx="7513">
                  <c:v>0.15186502947103925</c:v>
                </c:pt>
                <c:pt idx="7514">
                  <c:v>0.15186502947103925</c:v>
                </c:pt>
                <c:pt idx="7515">
                  <c:v>0.15186502947103925</c:v>
                </c:pt>
                <c:pt idx="7516">
                  <c:v>0.15186502947103925</c:v>
                </c:pt>
                <c:pt idx="7517">
                  <c:v>0.18890528056153663</c:v>
                </c:pt>
                <c:pt idx="7518">
                  <c:v>0.23705760697918318</c:v>
                </c:pt>
                <c:pt idx="7519">
                  <c:v>0.2703938329606308</c:v>
                </c:pt>
                <c:pt idx="7520">
                  <c:v>0.2703938329606308</c:v>
                </c:pt>
                <c:pt idx="7521">
                  <c:v>0.2703938329606308</c:v>
                </c:pt>
                <c:pt idx="7522">
                  <c:v>0.2703938329606308</c:v>
                </c:pt>
                <c:pt idx="7523">
                  <c:v>0.2703938329606308</c:v>
                </c:pt>
                <c:pt idx="7524">
                  <c:v>0.2703938329606308</c:v>
                </c:pt>
                <c:pt idx="7525">
                  <c:v>0.2703938329606308</c:v>
                </c:pt>
                <c:pt idx="7526">
                  <c:v>0.2703938329606308</c:v>
                </c:pt>
                <c:pt idx="7527">
                  <c:v>0.24446565719728269</c:v>
                </c:pt>
                <c:pt idx="7528">
                  <c:v>0.22224150654298425</c:v>
                </c:pt>
                <c:pt idx="7529">
                  <c:v>0.20001735588868583</c:v>
                </c:pt>
                <c:pt idx="7530">
                  <c:v>0.19260930567058634</c:v>
                </c:pt>
                <c:pt idx="7531">
                  <c:v>0.15556905458008896</c:v>
                </c:pt>
                <c:pt idx="7532">
                  <c:v>0.11482477838054185</c:v>
                </c:pt>
                <c:pt idx="7533">
                  <c:v>0.11482477838054185</c:v>
                </c:pt>
                <c:pt idx="7534">
                  <c:v>0.11482477838054185</c:v>
                </c:pt>
                <c:pt idx="7535">
                  <c:v>0.11482477838054185</c:v>
                </c:pt>
                <c:pt idx="7536">
                  <c:v>0.13876608415737221</c:v>
                </c:pt>
                <c:pt idx="7537">
                  <c:v>0.16114771063436772</c:v>
                </c:pt>
                <c:pt idx="7538">
                  <c:v>0.16114771063436772</c:v>
                </c:pt>
                <c:pt idx="7539">
                  <c:v>0.16114771063436772</c:v>
                </c:pt>
                <c:pt idx="7540">
                  <c:v>0.16114771063436772</c:v>
                </c:pt>
                <c:pt idx="7541">
                  <c:v>0.20143463829295963</c:v>
                </c:pt>
                <c:pt idx="7542">
                  <c:v>0.23724524065615243</c:v>
                </c:pt>
                <c:pt idx="7543">
                  <c:v>0.28200849361014352</c:v>
                </c:pt>
                <c:pt idx="7544">
                  <c:v>0.28200849361014352</c:v>
                </c:pt>
                <c:pt idx="7545">
                  <c:v>0.28200849361014352</c:v>
                </c:pt>
                <c:pt idx="7546">
                  <c:v>0.28200849361014352</c:v>
                </c:pt>
                <c:pt idx="7547">
                  <c:v>0.28200849361014352</c:v>
                </c:pt>
                <c:pt idx="7548">
                  <c:v>0.28200849361014352</c:v>
                </c:pt>
                <c:pt idx="7549">
                  <c:v>0.28200849361014352</c:v>
                </c:pt>
                <c:pt idx="7550">
                  <c:v>0.28200849361014352</c:v>
                </c:pt>
                <c:pt idx="7551">
                  <c:v>0.25067421654234978</c:v>
                </c:pt>
                <c:pt idx="7552">
                  <c:v>0.24619789124695071</c:v>
                </c:pt>
                <c:pt idx="7553">
                  <c:v>0.21038728888375785</c:v>
                </c:pt>
                <c:pt idx="7554">
                  <c:v>0.19695831299756053</c:v>
                </c:pt>
                <c:pt idx="7555">
                  <c:v>0.16562403592976685</c:v>
                </c:pt>
                <c:pt idx="7556">
                  <c:v>0.13876608415737221</c:v>
                </c:pt>
                <c:pt idx="7557">
                  <c:v>0.12086078297577579</c:v>
                </c:pt>
                <c:pt idx="7558">
                  <c:v>0.12086078297577579</c:v>
                </c:pt>
                <c:pt idx="7559">
                  <c:v>0.12086078297577579</c:v>
                </c:pt>
                <c:pt idx="7560">
                  <c:v>8.0698048679282555E-2</c:v>
                </c:pt>
                <c:pt idx="7561">
                  <c:v>8.0698048679282555E-2</c:v>
                </c:pt>
                <c:pt idx="7562">
                  <c:v>8.0698048679282555E-2</c:v>
                </c:pt>
                <c:pt idx="7563">
                  <c:v>8.0698048679282555E-2</c:v>
                </c:pt>
                <c:pt idx="7564">
                  <c:v>8.0698048679282555E-2</c:v>
                </c:pt>
                <c:pt idx="7565">
                  <c:v>0.34969154427689114</c:v>
                </c:pt>
                <c:pt idx="7566">
                  <c:v>0.39676540600647259</c:v>
                </c:pt>
                <c:pt idx="7567">
                  <c:v>0.39676540600647259</c:v>
                </c:pt>
                <c:pt idx="7568">
                  <c:v>0.39676540600647259</c:v>
                </c:pt>
                <c:pt idx="7569">
                  <c:v>0.42366475556623345</c:v>
                </c:pt>
                <c:pt idx="7570">
                  <c:v>0.42366475556623345</c:v>
                </c:pt>
                <c:pt idx="7571">
                  <c:v>0.53798699119521709</c:v>
                </c:pt>
                <c:pt idx="7572">
                  <c:v>0.53798699119521709</c:v>
                </c:pt>
                <c:pt idx="7573">
                  <c:v>0.35641638166683132</c:v>
                </c:pt>
                <c:pt idx="7574">
                  <c:v>0.53798699119521709</c:v>
                </c:pt>
                <c:pt idx="7575">
                  <c:v>0.53798699119521709</c:v>
                </c:pt>
                <c:pt idx="7576">
                  <c:v>0.53798699119521709</c:v>
                </c:pt>
                <c:pt idx="7577">
                  <c:v>0.53798699119521709</c:v>
                </c:pt>
                <c:pt idx="7578">
                  <c:v>0.53798699119521709</c:v>
                </c:pt>
                <c:pt idx="7579">
                  <c:v>0.45056410512599437</c:v>
                </c:pt>
                <c:pt idx="7580">
                  <c:v>0.36986605644671178</c:v>
                </c:pt>
                <c:pt idx="7581">
                  <c:v>0.26899349559760855</c:v>
                </c:pt>
                <c:pt idx="7582">
                  <c:v>0.25554382081772814</c:v>
                </c:pt>
                <c:pt idx="7583">
                  <c:v>0.25554382081772814</c:v>
                </c:pt>
                <c:pt idx="7584">
                  <c:v>0.24105286719137184</c:v>
                </c:pt>
                <c:pt idx="7585">
                  <c:v>0.24105286719137184</c:v>
                </c:pt>
                <c:pt idx="7586">
                  <c:v>0.24105286719137184</c:v>
                </c:pt>
                <c:pt idx="7587">
                  <c:v>0.24105286719137184</c:v>
                </c:pt>
                <c:pt idx="7588">
                  <c:v>0.24105286719137184</c:v>
                </c:pt>
                <c:pt idx="7589">
                  <c:v>0.31336872734878335</c:v>
                </c:pt>
                <c:pt idx="7590">
                  <c:v>0.34952665742748912</c:v>
                </c:pt>
                <c:pt idx="7591">
                  <c:v>0.36157930078705774</c:v>
                </c:pt>
                <c:pt idx="7592">
                  <c:v>0.36157930078705774</c:v>
                </c:pt>
                <c:pt idx="7593">
                  <c:v>0.39171090918597917</c:v>
                </c:pt>
                <c:pt idx="7594">
                  <c:v>0.40978987422533208</c:v>
                </c:pt>
                <c:pt idx="7595">
                  <c:v>0.48210573438274368</c:v>
                </c:pt>
                <c:pt idx="7596">
                  <c:v>0.48210573438274368</c:v>
                </c:pt>
                <c:pt idx="7597">
                  <c:v>0.48210573438274368</c:v>
                </c:pt>
                <c:pt idx="7598">
                  <c:v>0.48210573438274368</c:v>
                </c:pt>
                <c:pt idx="7599">
                  <c:v>0.48210573438274368</c:v>
                </c:pt>
                <c:pt idx="7600">
                  <c:v>0.48210573438274368</c:v>
                </c:pt>
                <c:pt idx="7601">
                  <c:v>0.48210573438274368</c:v>
                </c:pt>
                <c:pt idx="7602">
                  <c:v>0.48210573438274368</c:v>
                </c:pt>
                <c:pt idx="7603">
                  <c:v>0.40376355254554785</c:v>
                </c:pt>
                <c:pt idx="7604">
                  <c:v>0.33144769238813626</c:v>
                </c:pt>
                <c:pt idx="7605">
                  <c:v>0.24105286719137184</c:v>
                </c:pt>
                <c:pt idx="7606">
                  <c:v>0.24105286719137184</c:v>
                </c:pt>
                <c:pt idx="7607">
                  <c:v>0.24105286719137184</c:v>
                </c:pt>
                <c:pt idx="7608">
                  <c:v>0.21244447345892067</c:v>
                </c:pt>
                <c:pt idx="7609">
                  <c:v>0.23900003264128575</c:v>
                </c:pt>
                <c:pt idx="7610">
                  <c:v>0.23900003264128575</c:v>
                </c:pt>
                <c:pt idx="7611">
                  <c:v>0.23900003264128575</c:v>
                </c:pt>
                <c:pt idx="7612">
                  <c:v>0.23900003264128575</c:v>
                </c:pt>
                <c:pt idx="7613">
                  <c:v>0.30804448651543498</c:v>
                </c:pt>
                <c:pt idx="7614">
                  <c:v>0.35584449304369209</c:v>
                </c:pt>
                <c:pt idx="7615">
                  <c:v>0.35584449304369209</c:v>
                </c:pt>
                <c:pt idx="7616">
                  <c:v>0.35584449304369209</c:v>
                </c:pt>
                <c:pt idx="7617">
                  <c:v>0.38240005222605716</c:v>
                </c:pt>
                <c:pt idx="7618">
                  <c:v>0.41426672324489527</c:v>
                </c:pt>
                <c:pt idx="7619">
                  <c:v>0.4780000652825715</c:v>
                </c:pt>
                <c:pt idx="7620">
                  <c:v>0.4780000652825715</c:v>
                </c:pt>
                <c:pt idx="7621">
                  <c:v>0.4780000652825715</c:v>
                </c:pt>
                <c:pt idx="7622">
                  <c:v>0.4780000652825715</c:v>
                </c:pt>
                <c:pt idx="7623">
                  <c:v>0.4780000652825715</c:v>
                </c:pt>
                <c:pt idx="7624">
                  <c:v>0.4780000652825715</c:v>
                </c:pt>
                <c:pt idx="7625">
                  <c:v>0.4780000652825715</c:v>
                </c:pt>
                <c:pt idx="7626">
                  <c:v>0.4780000652825715</c:v>
                </c:pt>
                <c:pt idx="7627">
                  <c:v>0.39833338773547622</c:v>
                </c:pt>
                <c:pt idx="7628">
                  <c:v>0.318666710188381</c:v>
                </c:pt>
                <c:pt idx="7629">
                  <c:v>0.23900003264128575</c:v>
                </c:pt>
                <c:pt idx="7630">
                  <c:v>0.23900003264128575</c:v>
                </c:pt>
                <c:pt idx="7631">
                  <c:v>0.23900003264128575</c:v>
                </c:pt>
                <c:pt idx="7632">
                  <c:v>0.24836377306158633</c:v>
                </c:pt>
                <c:pt idx="7633">
                  <c:v>0.24836377306158633</c:v>
                </c:pt>
                <c:pt idx="7634">
                  <c:v>0.24836377306158633</c:v>
                </c:pt>
                <c:pt idx="7635">
                  <c:v>0.24836377306158633</c:v>
                </c:pt>
                <c:pt idx="7636">
                  <c:v>0.24836377306158633</c:v>
                </c:pt>
                <c:pt idx="7637">
                  <c:v>0.32011330750160016</c:v>
                </c:pt>
                <c:pt idx="7638">
                  <c:v>0.36978606211391751</c:v>
                </c:pt>
                <c:pt idx="7639">
                  <c:v>0.36978606211391751</c:v>
                </c:pt>
                <c:pt idx="7640">
                  <c:v>0.36978606211391751</c:v>
                </c:pt>
                <c:pt idx="7641">
                  <c:v>0.39738203689853818</c:v>
                </c:pt>
                <c:pt idx="7642">
                  <c:v>0.43049720664008306</c:v>
                </c:pt>
                <c:pt idx="7643">
                  <c:v>0.49672754612317266</c:v>
                </c:pt>
                <c:pt idx="7644">
                  <c:v>0.49672754612317266</c:v>
                </c:pt>
                <c:pt idx="7645">
                  <c:v>0.49672754612317266</c:v>
                </c:pt>
                <c:pt idx="7646">
                  <c:v>0.49672754612317266</c:v>
                </c:pt>
                <c:pt idx="7647">
                  <c:v>0.49672754612317266</c:v>
                </c:pt>
                <c:pt idx="7648">
                  <c:v>0.49672754612317266</c:v>
                </c:pt>
                <c:pt idx="7649">
                  <c:v>0.49672754612317266</c:v>
                </c:pt>
                <c:pt idx="7650">
                  <c:v>0.49672754612317266</c:v>
                </c:pt>
                <c:pt idx="7651">
                  <c:v>0.41393962176931065</c:v>
                </c:pt>
                <c:pt idx="7652">
                  <c:v>0.33115169741544853</c:v>
                </c:pt>
                <c:pt idx="7653">
                  <c:v>0.24836377306158633</c:v>
                </c:pt>
                <c:pt idx="7654">
                  <c:v>0.24836377306158633</c:v>
                </c:pt>
                <c:pt idx="7655">
                  <c:v>0.24836377306158633</c:v>
                </c:pt>
                <c:pt idx="7656">
                  <c:v>0.2752955373120356</c:v>
                </c:pt>
                <c:pt idx="7657">
                  <c:v>0.2752955373120356</c:v>
                </c:pt>
                <c:pt idx="7658">
                  <c:v>0.2752955373120356</c:v>
                </c:pt>
                <c:pt idx="7659">
                  <c:v>0.2752955373120356</c:v>
                </c:pt>
                <c:pt idx="7660">
                  <c:v>0.2752955373120356</c:v>
                </c:pt>
                <c:pt idx="7661">
                  <c:v>0.35482535920217922</c:v>
                </c:pt>
                <c:pt idx="7662">
                  <c:v>0.42823750248538872</c:v>
                </c:pt>
                <c:pt idx="7663">
                  <c:v>0.42823750248538872</c:v>
                </c:pt>
                <c:pt idx="7664">
                  <c:v>0.42823750248538872</c:v>
                </c:pt>
                <c:pt idx="7665">
                  <c:v>0.45882589552005931</c:v>
                </c:pt>
                <c:pt idx="7666">
                  <c:v>0.47717893134086176</c:v>
                </c:pt>
                <c:pt idx="7667">
                  <c:v>0.5505910746240712</c:v>
                </c:pt>
                <c:pt idx="7668">
                  <c:v>0.5505910746240712</c:v>
                </c:pt>
                <c:pt idx="7669">
                  <c:v>0.5505910746240712</c:v>
                </c:pt>
                <c:pt idx="7670">
                  <c:v>0.5505910746240712</c:v>
                </c:pt>
                <c:pt idx="7671">
                  <c:v>0.45882589552005931</c:v>
                </c:pt>
                <c:pt idx="7672">
                  <c:v>0.43435518109232296</c:v>
                </c:pt>
                <c:pt idx="7673">
                  <c:v>0.43435518109232296</c:v>
                </c:pt>
                <c:pt idx="7674">
                  <c:v>0.43435518109232296</c:v>
                </c:pt>
                <c:pt idx="7675">
                  <c:v>0.43435518109232296</c:v>
                </c:pt>
                <c:pt idx="7676">
                  <c:v>0.33647232338137684</c:v>
                </c:pt>
                <c:pt idx="7677">
                  <c:v>0.12847125074561661</c:v>
                </c:pt>
                <c:pt idx="7678">
                  <c:v>0.12847125074561661</c:v>
                </c:pt>
                <c:pt idx="7679">
                  <c:v>0.12847125074561661</c:v>
                </c:pt>
                <c:pt idx="7680">
                  <c:v>9.4881450621375887E-2</c:v>
                </c:pt>
                <c:pt idx="7681">
                  <c:v>0.18524473692744817</c:v>
                </c:pt>
                <c:pt idx="7682">
                  <c:v>0.18524473692744817</c:v>
                </c:pt>
                <c:pt idx="7683">
                  <c:v>0.18524473692744817</c:v>
                </c:pt>
                <c:pt idx="7684">
                  <c:v>0.18524473692744817</c:v>
                </c:pt>
                <c:pt idx="7685">
                  <c:v>0.23042638008048433</c:v>
                </c:pt>
                <c:pt idx="7686">
                  <c:v>0.28916251617943134</c:v>
                </c:pt>
                <c:pt idx="7687">
                  <c:v>0.32982599501716381</c:v>
                </c:pt>
                <c:pt idx="7688">
                  <c:v>0.32982599501716381</c:v>
                </c:pt>
                <c:pt idx="7689">
                  <c:v>0.32982599501716381</c:v>
                </c:pt>
                <c:pt idx="7690">
                  <c:v>0.32982599501716381</c:v>
                </c:pt>
                <c:pt idx="7691">
                  <c:v>0.32982599501716381</c:v>
                </c:pt>
                <c:pt idx="7692">
                  <c:v>0.32982599501716381</c:v>
                </c:pt>
                <c:pt idx="7693">
                  <c:v>0.32982599501716381</c:v>
                </c:pt>
                <c:pt idx="7694">
                  <c:v>0.32982599501716381</c:v>
                </c:pt>
                <c:pt idx="7695">
                  <c:v>0.2981988448100385</c:v>
                </c:pt>
                <c:pt idx="7696">
                  <c:v>0.27108985891821685</c:v>
                </c:pt>
                <c:pt idx="7697">
                  <c:v>0.24398087302639515</c:v>
                </c:pt>
                <c:pt idx="7698">
                  <c:v>0.23494454439578791</c:v>
                </c:pt>
                <c:pt idx="7699">
                  <c:v>0.18976290124275177</c:v>
                </c:pt>
                <c:pt idx="7700">
                  <c:v>0.14006309377441201</c:v>
                </c:pt>
                <c:pt idx="7701">
                  <c:v>0.14006309377441201</c:v>
                </c:pt>
                <c:pt idx="7702">
                  <c:v>0.14006309377441201</c:v>
                </c:pt>
                <c:pt idx="7703">
                  <c:v>0.14006309377441201</c:v>
                </c:pt>
                <c:pt idx="7704">
                  <c:v>0.16112985888100653</c:v>
                </c:pt>
                <c:pt idx="7705">
                  <c:v>0.18711854579729792</c:v>
                </c:pt>
                <c:pt idx="7706">
                  <c:v>0.18711854579729792</c:v>
                </c:pt>
                <c:pt idx="7707">
                  <c:v>0.18711854579729792</c:v>
                </c:pt>
                <c:pt idx="7708">
                  <c:v>0.18711854579729792</c:v>
                </c:pt>
                <c:pt idx="7709">
                  <c:v>0.2338981822466224</c:v>
                </c:pt>
                <c:pt idx="7710">
                  <c:v>0.27548008131268859</c:v>
                </c:pt>
                <c:pt idx="7711">
                  <c:v>0.32745745514527141</c:v>
                </c:pt>
                <c:pt idx="7712">
                  <c:v>0.32745745514527141</c:v>
                </c:pt>
                <c:pt idx="7713">
                  <c:v>0.32745745514527141</c:v>
                </c:pt>
                <c:pt idx="7714">
                  <c:v>0.32745745514527141</c:v>
                </c:pt>
                <c:pt idx="7715">
                  <c:v>0.32745745514527141</c:v>
                </c:pt>
                <c:pt idx="7716">
                  <c:v>0.32745745514527141</c:v>
                </c:pt>
                <c:pt idx="7717">
                  <c:v>0.32745745514527141</c:v>
                </c:pt>
                <c:pt idx="7718">
                  <c:v>0.32745745514527141</c:v>
                </c:pt>
                <c:pt idx="7719">
                  <c:v>0.29107329346246347</c:v>
                </c:pt>
                <c:pt idx="7720">
                  <c:v>0.28587555607920512</c:v>
                </c:pt>
                <c:pt idx="7721">
                  <c:v>0.24429365701313896</c:v>
                </c:pt>
                <c:pt idx="7722">
                  <c:v>0.22870044486336413</c:v>
                </c:pt>
                <c:pt idx="7723">
                  <c:v>0.19231628318055619</c:v>
                </c:pt>
                <c:pt idx="7724">
                  <c:v>0.16112985888100653</c:v>
                </c:pt>
                <c:pt idx="7725">
                  <c:v>0.14033890934797344</c:v>
                </c:pt>
                <c:pt idx="7726">
                  <c:v>0.14033890934797344</c:v>
                </c:pt>
                <c:pt idx="7727">
                  <c:v>0.14033890934797344</c:v>
                </c:pt>
                <c:pt idx="7728">
                  <c:v>8.4958982085732715E-2</c:v>
                </c:pt>
                <c:pt idx="7729">
                  <c:v>8.4958982085732715E-2</c:v>
                </c:pt>
                <c:pt idx="7730">
                  <c:v>8.4958982085732715E-2</c:v>
                </c:pt>
                <c:pt idx="7731">
                  <c:v>8.4958982085732715E-2</c:v>
                </c:pt>
                <c:pt idx="7732">
                  <c:v>8.4958982085732715E-2</c:v>
                </c:pt>
                <c:pt idx="7733">
                  <c:v>0.36815558903817508</c:v>
                </c:pt>
                <c:pt idx="7734">
                  <c:v>0.41771499525485251</c:v>
                </c:pt>
                <c:pt idx="7735">
                  <c:v>0.41771499525485251</c:v>
                </c:pt>
                <c:pt idx="7736">
                  <c:v>0.41771499525485251</c:v>
                </c:pt>
                <c:pt idx="7737">
                  <c:v>0.44603465595009678</c:v>
                </c:pt>
                <c:pt idx="7738">
                  <c:v>0.44603465595009678</c:v>
                </c:pt>
                <c:pt idx="7739">
                  <c:v>0.56639321390488484</c:v>
                </c:pt>
                <c:pt idx="7740">
                  <c:v>0.56639321390488484</c:v>
                </c:pt>
                <c:pt idx="7741">
                  <c:v>0.37523550421198615</c:v>
                </c:pt>
                <c:pt idx="7742">
                  <c:v>0.56639321390488484</c:v>
                </c:pt>
                <c:pt idx="7743">
                  <c:v>0.56639321390488484</c:v>
                </c:pt>
                <c:pt idx="7744">
                  <c:v>0.56639321390488484</c:v>
                </c:pt>
                <c:pt idx="7745">
                  <c:v>0.56639321390488484</c:v>
                </c:pt>
                <c:pt idx="7746">
                  <c:v>0.56639321390488484</c:v>
                </c:pt>
                <c:pt idx="7747">
                  <c:v>0.474354316645341</c:v>
                </c:pt>
                <c:pt idx="7748">
                  <c:v>0.38939533455960829</c:v>
                </c:pt>
                <c:pt idx="7749">
                  <c:v>0.28319660695244242</c:v>
                </c:pt>
                <c:pt idx="7750">
                  <c:v>0.26903677660482028</c:v>
                </c:pt>
                <c:pt idx="7751">
                  <c:v>0.26903677660482028</c:v>
                </c:pt>
                <c:pt idx="7752">
                  <c:v>0.25551445843675563</c:v>
                </c:pt>
                <c:pt idx="7753">
                  <c:v>0.25551445843675563</c:v>
                </c:pt>
                <c:pt idx="7754">
                  <c:v>0.25551445843675563</c:v>
                </c:pt>
                <c:pt idx="7755">
                  <c:v>0.25551445843675563</c:v>
                </c:pt>
                <c:pt idx="7756">
                  <c:v>0.25551445843675563</c:v>
                </c:pt>
                <c:pt idx="7757">
                  <c:v>0.33216879596778226</c:v>
                </c:pt>
                <c:pt idx="7758">
                  <c:v>0.3704959647332956</c:v>
                </c:pt>
                <c:pt idx="7759">
                  <c:v>0.38327168765513348</c:v>
                </c:pt>
                <c:pt idx="7760">
                  <c:v>0.38327168765513348</c:v>
                </c:pt>
                <c:pt idx="7761">
                  <c:v>0.41521099495972785</c:v>
                </c:pt>
                <c:pt idx="7762">
                  <c:v>0.43437457934248458</c:v>
                </c:pt>
                <c:pt idx="7763">
                  <c:v>0.51102891687351126</c:v>
                </c:pt>
                <c:pt idx="7764">
                  <c:v>0.51102891687351126</c:v>
                </c:pt>
                <c:pt idx="7765">
                  <c:v>0.51102891687351126</c:v>
                </c:pt>
                <c:pt idx="7766">
                  <c:v>0.51102891687351126</c:v>
                </c:pt>
                <c:pt idx="7767">
                  <c:v>0.51102891687351126</c:v>
                </c:pt>
                <c:pt idx="7768">
                  <c:v>0.51102891687351126</c:v>
                </c:pt>
                <c:pt idx="7769">
                  <c:v>0.51102891687351126</c:v>
                </c:pt>
                <c:pt idx="7770">
                  <c:v>0.51102891687351126</c:v>
                </c:pt>
                <c:pt idx="7771">
                  <c:v>0.42798671788156573</c:v>
                </c:pt>
                <c:pt idx="7772">
                  <c:v>0.35133238035053899</c:v>
                </c:pt>
                <c:pt idx="7773">
                  <c:v>0.25551445843675563</c:v>
                </c:pt>
                <c:pt idx="7774">
                  <c:v>0.25551445843675563</c:v>
                </c:pt>
                <c:pt idx="7775">
                  <c:v>0.25551445843675563</c:v>
                </c:pt>
                <c:pt idx="7776">
                  <c:v>0.23015455808803706</c:v>
                </c:pt>
                <c:pt idx="7777">
                  <c:v>0.25892387784904164</c:v>
                </c:pt>
                <c:pt idx="7778">
                  <c:v>0.25892387784904164</c:v>
                </c:pt>
                <c:pt idx="7779">
                  <c:v>0.25892387784904164</c:v>
                </c:pt>
                <c:pt idx="7780">
                  <c:v>0.25892387784904164</c:v>
                </c:pt>
                <c:pt idx="7781">
                  <c:v>0.33372410922765372</c:v>
                </c:pt>
                <c:pt idx="7782">
                  <c:v>0.38550888479746204</c:v>
                </c:pt>
                <c:pt idx="7783">
                  <c:v>0.38550888479746204</c:v>
                </c:pt>
                <c:pt idx="7784">
                  <c:v>0.38550888479746204</c:v>
                </c:pt>
                <c:pt idx="7785">
                  <c:v>0.4142782045584667</c:v>
                </c:pt>
                <c:pt idx="7786">
                  <c:v>0.44880138827167226</c:v>
                </c:pt>
                <c:pt idx="7787">
                  <c:v>0.51784775569808328</c:v>
                </c:pt>
                <c:pt idx="7788">
                  <c:v>0.51784775569808328</c:v>
                </c:pt>
                <c:pt idx="7789">
                  <c:v>0.51784775569808328</c:v>
                </c:pt>
                <c:pt idx="7790">
                  <c:v>0.51784775569808328</c:v>
                </c:pt>
                <c:pt idx="7791">
                  <c:v>0.51784775569808328</c:v>
                </c:pt>
                <c:pt idx="7792">
                  <c:v>0.51784775569808328</c:v>
                </c:pt>
                <c:pt idx="7793">
                  <c:v>0.51784775569808328</c:v>
                </c:pt>
                <c:pt idx="7794">
                  <c:v>0.51784775569808328</c:v>
                </c:pt>
                <c:pt idx="7795">
                  <c:v>0.43153979641506945</c:v>
                </c:pt>
                <c:pt idx="7796">
                  <c:v>0.34523183713205563</c:v>
                </c:pt>
                <c:pt idx="7797">
                  <c:v>0.25892387784904164</c:v>
                </c:pt>
                <c:pt idx="7798">
                  <c:v>0.25892387784904164</c:v>
                </c:pt>
                <c:pt idx="7799">
                  <c:v>0.25892387784904164</c:v>
                </c:pt>
                <c:pt idx="7800">
                  <c:v>0.23355105872139573</c:v>
                </c:pt>
                <c:pt idx="7801">
                  <c:v>0.23355105872139573</c:v>
                </c:pt>
                <c:pt idx="7802">
                  <c:v>0.23355105872139573</c:v>
                </c:pt>
                <c:pt idx="7803">
                  <c:v>0.23355105872139573</c:v>
                </c:pt>
                <c:pt idx="7804">
                  <c:v>0.23355105872139573</c:v>
                </c:pt>
                <c:pt idx="7805">
                  <c:v>0.30102136457424344</c:v>
                </c:pt>
                <c:pt idx="7806">
                  <c:v>0.34773157631852258</c:v>
                </c:pt>
                <c:pt idx="7807">
                  <c:v>0.34773157631852258</c:v>
                </c:pt>
                <c:pt idx="7808">
                  <c:v>0.34773157631852258</c:v>
                </c:pt>
                <c:pt idx="7809">
                  <c:v>0.37368169395423323</c:v>
                </c:pt>
                <c:pt idx="7810">
                  <c:v>0.40482183511708603</c:v>
                </c:pt>
                <c:pt idx="7811">
                  <c:v>0.46710211744279145</c:v>
                </c:pt>
                <c:pt idx="7812">
                  <c:v>0.46710211744279145</c:v>
                </c:pt>
                <c:pt idx="7813">
                  <c:v>0.46710211744279145</c:v>
                </c:pt>
                <c:pt idx="7814">
                  <c:v>0.46710211744279145</c:v>
                </c:pt>
                <c:pt idx="7815">
                  <c:v>0.46710211744279145</c:v>
                </c:pt>
                <c:pt idx="7816">
                  <c:v>0.46710211744279145</c:v>
                </c:pt>
                <c:pt idx="7817">
                  <c:v>0.46710211744279145</c:v>
                </c:pt>
                <c:pt idx="7818">
                  <c:v>0.46710211744279145</c:v>
                </c:pt>
                <c:pt idx="7819">
                  <c:v>0.38925176453565957</c:v>
                </c:pt>
                <c:pt idx="7820">
                  <c:v>0.31140141162852769</c:v>
                </c:pt>
                <c:pt idx="7821">
                  <c:v>0.23355105872139573</c:v>
                </c:pt>
                <c:pt idx="7822">
                  <c:v>0.23355105872139573</c:v>
                </c:pt>
                <c:pt idx="7823">
                  <c:v>0.23355105872139573</c:v>
                </c:pt>
                <c:pt idx="7824">
                  <c:v>0.25428187733160951</c:v>
                </c:pt>
                <c:pt idx="7825">
                  <c:v>0.25428187733160951</c:v>
                </c:pt>
                <c:pt idx="7826">
                  <c:v>0.25428187733160951</c:v>
                </c:pt>
                <c:pt idx="7827">
                  <c:v>0.25428187733160951</c:v>
                </c:pt>
                <c:pt idx="7828">
                  <c:v>0.25428187733160951</c:v>
                </c:pt>
                <c:pt idx="7829">
                  <c:v>0.32774108633851889</c:v>
                </c:pt>
                <c:pt idx="7830">
                  <c:v>0.39554958696028147</c:v>
                </c:pt>
                <c:pt idx="7831">
                  <c:v>0.39554958696028147</c:v>
                </c:pt>
                <c:pt idx="7832">
                  <c:v>0.39554958696028147</c:v>
                </c:pt>
                <c:pt idx="7833">
                  <c:v>0.42380312888601585</c:v>
                </c:pt>
                <c:pt idx="7834">
                  <c:v>0.44075525404145649</c:v>
                </c:pt>
                <c:pt idx="7835">
                  <c:v>0.50856375466321901</c:v>
                </c:pt>
                <c:pt idx="7836">
                  <c:v>0.50856375466321901</c:v>
                </c:pt>
                <c:pt idx="7837">
                  <c:v>0.50856375466321901</c:v>
                </c:pt>
                <c:pt idx="7838">
                  <c:v>0.50856375466321901</c:v>
                </c:pt>
                <c:pt idx="7839">
                  <c:v>0.42380312888601585</c:v>
                </c:pt>
                <c:pt idx="7840">
                  <c:v>0.40120029534542834</c:v>
                </c:pt>
                <c:pt idx="7841">
                  <c:v>0.40120029534542834</c:v>
                </c:pt>
                <c:pt idx="7842">
                  <c:v>0.40120029534542834</c:v>
                </c:pt>
                <c:pt idx="7843">
                  <c:v>0.40120029534542834</c:v>
                </c:pt>
                <c:pt idx="7844">
                  <c:v>0.3107889611830783</c:v>
                </c:pt>
                <c:pt idx="7845">
                  <c:v>0.11866487608808442</c:v>
                </c:pt>
                <c:pt idx="7846">
                  <c:v>0.11866487608808442</c:v>
                </c:pt>
                <c:pt idx="7847">
                  <c:v>0.11866487608808442</c:v>
                </c:pt>
                <c:pt idx="7848">
                  <c:v>8.5608543051840208E-2</c:v>
                </c:pt>
                <c:pt idx="7849">
                  <c:v>0.16714048881549759</c:v>
                </c:pt>
                <c:pt idx="7850">
                  <c:v>0.16714048881549759</c:v>
                </c:pt>
                <c:pt idx="7851">
                  <c:v>0.16714048881549759</c:v>
                </c:pt>
                <c:pt idx="7852">
                  <c:v>0.16714048881549759</c:v>
                </c:pt>
                <c:pt idx="7853">
                  <c:v>0.20790646169732627</c:v>
                </c:pt>
                <c:pt idx="7854">
                  <c:v>0.26090222644370353</c:v>
                </c:pt>
                <c:pt idx="7855">
                  <c:v>0.29759160203734936</c:v>
                </c:pt>
                <c:pt idx="7856">
                  <c:v>0.29759160203734936</c:v>
                </c:pt>
                <c:pt idx="7857">
                  <c:v>0.29759160203734936</c:v>
                </c:pt>
                <c:pt idx="7858">
                  <c:v>0.29759160203734936</c:v>
                </c:pt>
                <c:pt idx="7859">
                  <c:v>0.29759160203734936</c:v>
                </c:pt>
                <c:pt idx="7860">
                  <c:v>0.29759160203734936</c:v>
                </c:pt>
                <c:pt idx="7861">
                  <c:v>0.29759160203734936</c:v>
                </c:pt>
                <c:pt idx="7862">
                  <c:v>0.29759160203734936</c:v>
                </c:pt>
                <c:pt idx="7863">
                  <c:v>0.26905542102006924</c:v>
                </c:pt>
                <c:pt idx="7864">
                  <c:v>0.24459583729097203</c:v>
                </c:pt>
                <c:pt idx="7865">
                  <c:v>0.22013625356187486</c:v>
                </c:pt>
                <c:pt idx="7866">
                  <c:v>0.21198305898550909</c:v>
                </c:pt>
                <c:pt idx="7867">
                  <c:v>0.17121708610368042</c:v>
                </c:pt>
                <c:pt idx="7868">
                  <c:v>0.12637451593366889</c:v>
                </c:pt>
                <c:pt idx="7869">
                  <c:v>0.12637451593366889</c:v>
                </c:pt>
                <c:pt idx="7870">
                  <c:v>0.12637451593366889</c:v>
                </c:pt>
                <c:pt idx="7871">
                  <c:v>0.12637451593366889</c:v>
                </c:pt>
                <c:pt idx="7872">
                  <c:v>0.15821284478661946</c:v>
                </c:pt>
                <c:pt idx="7873">
                  <c:v>0.18373104555865485</c:v>
                </c:pt>
                <c:pt idx="7874">
                  <c:v>0.18373104555865485</c:v>
                </c:pt>
                <c:pt idx="7875">
                  <c:v>0.18373104555865485</c:v>
                </c:pt>
                <c:pt idx="7876">
                  <c:v>0.18373104555865485</c:v>
                </c:pt>
                <c:pt idx="7877">
                  <c:v>0.22966380694831853</c:v>
                </c:pt>
                <c:pt idx="7878">
                  <c:v>0.27049292818357523</c:v>
                </c:pt>
                <c:pt idx="7879">
                  <c:v>0.32152932972764603</c:v>
                </c:pt>
                <c:pt idx="7880">
                  <c:v>0.32152932972764603</c:v>
                </c:pt>
                <c:pt idx="7881">
                  <c:v>0.32152932972764603</c:v>
                </c:pt>
                <c:pt idx="7882">
                  <c:v>0.32152932972764603</c:v>
                </c:pt>
                <c:pt idx="7883">
                  <c:v>0.32152932972764603</c:v>
                </c:pt>
                <c:pt idx="7884">
                  <c:v>0.32152932972764603</c:v>
                </c:pt>
                <c:pt idx="7885">
                  <c:v>0.32152932972764603</c:v>
                </c:pt>
                <c:pt idx="7886">
                  <c:v>0.32152932972764603</c:v>
                </c:pt>
                <c:pt idx="7887">
                  <c:v>0.28580384864679642</c:v>
                </c:pt>
                <c:pt idx="7888">
                  <c:v>0.28070020849238936</c:v>
                </c:pt>
                <c:pt idx="7889">
                  <c:v>0.23987108725713277</c:v>
                </c:pt>
                <c:pt idx="7890">
                  <c:v>0.2245601667939115</c:v>
                </c:pt>
                <c:pt idx="7891">
                  <c:v>0.18883468571306194</c:v>
                </c:pt>
                <c:pt idx="7892">
                  <c:v>0.15821284478661946</c:v>
                </c:pt>
                <c:pt idx="7893">
                  <c:v>0.13779828416899115</c:v>
                </c:pt>
                <c:pt idx="7894">
                  <c:v>0.13779828416899115</c:v>
                </c:pt>
                <c:pt idx="7895">
                  <c:v>0.13779828416899115</c:v>
                </c:pt>
                <c:pt idx="7896">
                  <c:v>8.4613500998723265E-2</c:v>
                </c:pt>
                <c:pt idx="7897">
                  <c:v>8.4613500998723265E-2</c:v>
                </c:pt>
                <c:pt idx="7898">
                  <c:v>8.4613500998723265E-2</c:v>
                </c:pt>
                <c:pt idx="7899">
                  <c:v>8.4613500998723265E-2</c:v>
                </c:pt>
                <c:pt idx="7900">
                  <c:v>8.4613500998723265E-2</c:v>
                </c:pt>
                <c:pt idx="7901">
                  <c:v>0.36665850432780084</c:v>
                </c:pt>
                <c:pt idx="7902">
                  <c:v>0.41601637991038937</c:v>
                </c:pt>
                <c:pt idx="7903">
                  <c:v>0.41601637991038937</c:v>
                </c:pt>
                <c:pt idx="7904">
                  <c:v>0.41601637991038937</c:v>
                </c:pt>
                <c:pt idx="7905">
                  <c:v>0.44422088024329714</c:v>
                </c:pt>
                <c:pt idx="7906">
                  <c:v>0.44422088024329714</c:v>
                </c:pt>
                <c:pt idx="7907">
                  <c:v>0.56409000665815512</c:v>
                </c:pt>
                <c:pt idx="7908">
                  <c:v>0.56409000665815512</c:v>
                </c:pt>
                <c:pt idx="7909">
                  <c:v>0.37370962941102781</c:v>
                </c:pt>
                <c:pt idx="7910">
                  <c:v>0.56409000665815512</c:v>
                </c:pt>
                <c:pt idx="7911">
                  <c:v>0.56409000665815512</c:v>
                </c:pt>
                <c:pt idx="7912">
                  <c:v>0.56409000665815512</c:v>
                </c:pt>
                <c:pt idx="7913">
                  <c:v>0.56409000665815512</c:v>
                </c:pt>
                <c:pt idx="7914">
                  <c:v>0.56409000665815512</c:v>
                </c:pt>
                <c:pt idx="7915">
                  <c:v>0.47242538057620487</c:v>
                </c:pt>
                <c:pt idx="7916">
                  <c:v>0.38781187957748164</c:v>
                </c:pt>
                <c:pt idx="7917">
                  <c:v>0.28204500332907756</c:v>
                </c:pt>
                <c:pt idx="7918">
                  <c:v>0.26794275316262367</c:v>
                </c:pt>
                <c:pt idx="7919">
                  <c:v>0.26794275316262367</c:v>
                </c:pt>
                <c:pt idx="7920">
                  <c:v>0.25585077451222965</c:v>
                </c:pt>
                <c:pt idx="7921">
                  <c:v>0.25585077451222965</c:v>
                </c:pt>
                <c:pt idx="7922">
                  <c:v>0.25585077451222965</c:v>
                </c:pt>
                <c:pt idx="7923">
                  <c:v>0.25585077451222965</c:v>
                </c:pt>
                <c:pt idx="7924">
                  <c:v>0.25585077451222965</c:v>
                </c:pt>
                <c:pt idx="7925">
                  <c:v>0.33260600686589847</c:v>
                </c:pt>
                <c:pt idx="7926">
                  <c:v>0.37098362304273291</c:v>
                </c:pt>
                <c:pt idx="7927">
                  <c:v>0.38377616176834445</c:v>
                </c:pt>
                <c:pt idx="7928">
                  <c:v>0.38377616176834445</c:v>
                </c:pt>
                <c:pt idx="7929">
                  <c:v>0.41575750858237309</c:v>
                </c:pt>
                <c:pt idx="7930">
                  <c:v>0.43494631667079037</c:v>
                </c:pt>
                <c:pt idx="7931">
                  <c:v>0.5117015490244593</c:v>
                </c:pt>
                <c:pt idx="7932">
                  <c:v>0.5117015490244593</c:v>
                </c:pt>
                <c:pt idx="7933">
                  <c:v>0.5117015490244593</c:v>
                </c:pt>
                <c:pt idx="7934">
                  <c:v>0.5117015490244593</c:v>
                </c:pt>
                <c:pt idx="7935">
                  <c:v>0.5117015490244593</c:v>
                </c:pt>
                <c:pt idx="7936">
                  <c:v>0.5117015490244593</c:v>
                </c:pt>
                <c:pt idx="7937">
                  <c:v>0.5117015490244593</c:v>
                </c:pt>
                <c:pt idx="7938">
                  <c:v>0.5117015490244593</c:v>
                </c:pt>
                <c:pt idx="7939">
                  <c:v>0.42855004730798463</c:v>
                </c:pt>
                <c:pt idx="7940">
                  <c:v>0.35179481495431569</c:v>
                </c:pt>
                <c:pt idx="7941">
                  <c:v>0.25585077451222965</c:v>
                </c:pt>
                <c:pt idx="7942">
                  <c:v>0.25585077451222965</c:v>
                </c:pt>
                <c:pt idx="7943">
                  <c:v>0.25585077451222965</c:v>
                </c:pt>
                <c:pt idx="7944">
                  <c:v>0.23345643827312659</c:v>
                </c:pt>
                <c:pt idx="7945">
                  <c:v>0.26263849305726733</c:v>
                </c:pt>
                <c:pt idx="7946">
                  <c:v>0.26263849305726733</c:v>
                </c:pt>
                <c:pt idx="7947">
                  <c:v>0.26263849305726733</c:v>
                </c:pt>
                <c:pt idx="7948">
                  <c:v>0.26263849305726733</c:v>
                </c:pt>
                <c:pt idx="7949">
                  <c:v>0.33851183549603353</c:v>
                </c:pt>
                <c:pt idx="7950">
                  <c:v>0.39103953410748699</c:v>
                </c:pt>
                <c:pt idx="7951">
                  <c:v>0.39103953410748699</c:v>
                </c:pt>
                <c:pt idx="7952">
                  <c:v>0.39103953410748699</c:v>
                </c:pt>
                <c:pt idx="7953">
                  <c:v>0.42022158889162781</c:v>
                </c:pt>
                <c:pt idx="7954">
                  <c:v>0.45524005463259676</c:v>
                </c:pt>
                <c:pt idx="7955">
                  <c:v>0.52527698611453466</c:v>
                </c:pt>
                <c:pt idx="7956">
                  <c:v>0.52527698611453466</c:v>
                </c:pt>
                <c:pt idx="7957">
                  <c:v>0.52527698611453466</c:v>
                </c:pt>
                <c:pt idx="7958">
                  <c:v>0.52527698611453466</c:v>
                </c:pt>
                <c:pt idx="7959">
                  <c:v>0.52527698611453466</c:v>
                </c:pt>
                <c:pt idx="7960">
                  <c:v>0.52527698611453466</c:v>
                </c:pt>
                <c:pt idx="7961">
                  <c:v>0.52527698611453466</c:v>
                </c:pt>
                <c:pt idx="7962">
                  <c:v>0.52527698611453466</c:v>
                </c:pt>
                <c:pt idx="7963">
                  <c:v>0.43773082176211225</c:v>
                </c:pt>
                <c:pt idx="7964">
                  <c:v>0.35018465740968985</c:v>
                </c:pt>
                <c:pt idx="7965">
                  <c:v>0.26263849305726733</c:v>
                </c:pt>
                <c:pt idx="7966">
                  <c:v>0.26263849305726733</c:v>
                </c:pt>
                <c:pt idx="7967">
                  <c:v>0.26263849305726733</c:v>
                </c:pt>
                <c:pt idx="7968">
                  <c:v>0.2510569938507119</c:v>
                </c:pt>
                <c:pt idx="7969">
                  <c:v>0.2510569938507119</c:v>
                </c:pt>
                <c:pt idx="7970">
                  <c:v>0.2510569938507119</c:v>
                </c:pt>
                <c:pt idx="7971">
                  <c:v>0.2510569938507119</c:v>
                </c:pt>
                <c:pt idx="7972">
                  <c:v>0.2510569938507119</c:v>
                </c:pt>
                <c:pt idx="7973">
                  <c:v>0.32358456985202871</c:v>
                </c:pt>
                <c:pt idx="7974">
                  <c:v>0.37379596862217118</c:v>
                </c:pt>
                <c:pt idx="7975">
                  <c:v>0.37379596862217118</c:v>
                </c:pt>
                <c:pt idx="7976">
                  <c:v>0.37379596862217118</c:v>
                </c:pt>
                <c:pt idx="7977">
                  <c:v>0.40169119016113908</c:v>
                </c:pt>
                <c:pt idx="7978">
                  <c:v>0.43516545600790069</c:v>
                </c:pt>
                <c:pt idx="7979">
                  <c:v>0.50211398770142379</c:v>
                </c:pt>
                <c:pt idx="7980">
                  <c:v>0.50211398770142379</c:v>
                </c:pt>
                <c:pt idx="7981">
                  <c:v>0.50211398770142379</c:v>
                </c:pt>
                <c:pt idx="7982">
                  <c:v>0.50211398770142379</c:v>
                </c:pt>
                <c:pt idx="7983">
                  <c:v>0.50211398770142379</c:v>
                </c:pt>
                <c:pt idx="7984">
                  <c:v>0.50211398770142379</c:v>
                </c:pt>
                <c:pt idx="7985">
                  <c:v>0.50211398770142379</c:v>
                </c:pt>
                <c:pt idx="7986">
                  <c:v>0.50211398770142379</c:v>
                </c:pt>
                <c:pt idx="7987">
                  <c:v>0.41842832308451988</c:v>
                </c:pt>
                <c:pt idx="7988">
                  <c:v>0.33474265846761592</c:v>
                </c:pt>
                <c:pt idx="7989">
                  <c:v>0.2510569938507119</c:v>
                </c:pt>
                <c:pt idx="7990">
                  <c:v>0.2510569938507119</c:v>
                </c:pt>
                <c:pt idx="7991">
                  <c:v>0.2510569938507119</c:v>
                </c:pt>
                <c:pt idx="7992">
                  <c:v>0.28193142993743331</c:v>
                </c:pt>
                <c:pt idx="7993">
                  <c:v>0.28193142993743331</c:v>
                </c:pt>
                <c:pt idx="7994">
                  <c:v>0.28193142993743331</c:v>
                </c:pt>
                <c:pt idx="7995">
                  <c:v>0.28193142993743331</c:v>
                </c:pt>
                <c:pt idx="7996">
                  <c:v>0.28193142993743331</c:v>
                </c:pt>
                <c:pt idx="7997">
                  <c:v>0.36337828747491413</c:v>
                </c:pt>
                <c:pt idx="7998">
                  <c:v>0.43856000212489632</c:v>
                </c:pt>
                <c:pt idx="7999">
                  <c:v>0.43856000212489632</c:v>
                </c:pt>
                <c:pt idx="8000">
                  <c:v>0.43856000212489632</c:v>
                </c:pt>
                <c:pt idx="8001">
                  <c:v>0.46988571656238887</c:v>
                </c:pt>
                <c:pt idx="8002">
                  <c:v>0.48868114522488448</c:v>
                </c:pt>
                <c:pt idx="8003">
                  <c:v>0.56386285987486662</c:v>
                </c:pt>
                <c:pt idx="8004">
                  <c:v>0.56386285987486662</c:v>
                </c:pt>
                <c:pt idx="8005">
                  <c:v>0.56386285987486662</c:v>
                </c:pt>
                <c:pt idx="8006">
                  <c:v>0.56386285987486662</c:v>
                </c:pt>
                <c:pt idx="8007">
                  <c:v>0.46988571656238887</c:v>
                </c:pt>
                <c:pt idx="8008">
                  <c:v>0.44482514501239484</c:v>
                </c:pt>
                <c:pt idx="8009">
                  <c:v>0.44482514501239484</c:v>
                </c:pt>
                <c:pt idx="8010">
                  <c:v>0.44482514501239484</c:v>
                </c:pt>
                <c:pt idx="8011">
                  <c:v>0.44482514501239484</c:v>
                </c:pt>
                <c:pt idx="8012">
                  <c:v>0.34458285881241851</c:v>
                </c:pt>
                <c:pt idx="8013">
                  <c:v>0.1315680006374689</c:v>
                </c:pt>
                <c:pt idx="8014">
                  <c:v>0.1315680006374689</c:v>
                </c:pt>
                <c:pt idx="8015">
                  <c:v>0.1315680006374689</c:v>
                </c:pt>
                <c:pt idx="8016">
                  <c:v>0.10850103361413144</c:v>
                </c:pt>
                <c:pt idx="8017">
                  <c:v>0.21183535134187564</c:v>
                </c:pt>
                <c:pt idx="8018">
                  <c:v>0.21183535134187564</c:v>
                </c:pt>
                <c:pt idx="8019">
                  <c:v>0.21183535134187564</c:v>
                </c:pt>
                <c:pt idx="8020">
                  <c:v>0.21183535134187564</c:v>
                </c:pt>
                <c:pt idx="8021">
                  <c:v>0.26350251020574778</c:v>
                </c:pt>
                <c:pt idx="8022">
                  <c:v>0.33066981672878154</c:v>
                </c:pt>
                <c:pt idx="8023">
                  <c:v>0.37717025970626639</c:v>
                </c:pt>
                <c:pt idx="8024">
                  <c:v>0.37717025970626639</c:v>
                </c:pt>
                <c:pt idx="8025">
                  <c:v>0.37717025970626639</c:v>
                </c:pt>
                <c:pt idx="8026">
                  <c:v>0.37717025970626639</c:v>
                </c:pt>
                <c:pt idx="8027">
                  <c:v>0.37717025970626639</c:v>
                </c:pt>
                <c:pt idx="8028">
                  <c:v>0.37717025970626639</c:v>
                </c:pt>
                <c:pt idx="8029">
                  <c:v>0.37717025970626639</c:v>
                </c:pt>
                <c:pt idx="8030">
                  <c:v>0.37717025970626639</c:v>
                </c:pt>
                <c:pt idx="8031">
                  <c:v>0.34100324850155594</c:v>
                </c:pt>
                <c:pt idx="8032">
                  <c:v>0.31000295318323262</c:v>
                </c:pt>
                <c:pt idx="8033">
                  <c:v>0.27900265786490941</c:v>
                </c:pt>
                <c:pt idx="8034">
                  <c:v>0.26866922609213495</c:v>
                </c:pt>
                <c:pt idx="8035">
                  <c:v>0.21700206722826287</c:v>
                </c:pt>
                <c:pt idx="8036">
                  <c:v>0.16016819247800354</c:v>
                </c:pt>
                <c:pt idx="8037">
                  <c:v>0.16016819247800354</c:v>
                </c:pt>
                <c:pt idx="8038">
                  <c:v>0.16016819247800354</c:v>
                </c:pt>
                <c:pt idx="8039">
                  <c:v>0.16016819247800354</c:v>
                </c:pt>
                <c:pt idx="8040">
                  <c:v>0.18884149277768392</c:v>
                </c:pt>
                <c:pt idx="8041">
                  <c:v>0.21929979806440711</c:v>
                </c:pt>
                <c:pt idx="8042">
                  <c:v>0.21929979806440711</c:v>
                </c:pt>
                <c:pt idx="8043">
                  <c:v>0.21929979806440711</c:v>
                </c:pt>
                <c:pt idx="8044">
                  <c:v>0.21929979806440711</c:v>
                </c:pt>
                <c:pt idx="8045">
                  <c:v>0.27412474758050892</c:v>
                </c:pt>
                <c:pt idx="8046">
                  <c:v>0.32285803603926605</c:v>
                </c:pt>
                <c:pt idx="8047">
                  <c:v>0.38377464661271243</c:v>
                </c:pt>
                <c:pt idx="8048">
                  <c:v>0.38377464661271243</c:v>
                </c:pt>
                <c:pt idx="8049">
                  <c:v>0.38377464661271243</c:v>
                </c:pt>
                <c:pt idx="8050">
                  <c:v>0.38377464661271243</c:v>
                </c:pt>
                <c:pt idx="8051">
                  <c:v>0.38377464661271243</c:v>
                </c:pt>
                <c:pt idx="8052">
                  <c:v>0.38377464661271243</c:v>
                </c:pt>
                <c:pt idx="8053">
                  <c:v>0.38377464661271243</c:v>
                </c:pt>
                <c:pt idx="8054">
                  <c:v>0.38377464661271243</c:v>
                </c:pt>
                <c:pt idx="8055">
                  <c:v>0.34113301921129996</c:v>
                </c:pt>
                <c:pt idx="8056">
                  <c:v>0.33504135815395525</c:v>
                </c:pt>
                <c:pt idx="8057">
                  <c:v>0.28630806969519823</c:v>
                </c:pt>
                <c:pt idx="8058">
                  <c:v>0.26803308652316427</c:v>
                </c:pt>
                <c:pt idx="8059">
                  <c:v>0.22539145912175176</c:v>
                </c:pt>
                <c:pt idx="8060">
                  <c:v>0.18884149277768392</c:v>
                </c:pt>
                <c:pt idx="8061">
                  <c:v>0.16447484854830532</c:v>
                </c:pt>
                <c:pt idx="8062">
                  <c:v>0.16447484854830532</c:v>
                </c:pt>
                <c:pt idx="8063">
                  <c:v>0.16447484854830532</c:v>
                </c:pt>
                <c:pt idx="8064">
                  <c:v>8.9680556941528836E-2</c:v>
                </c:pt>
                <c:pt idx="8065">
                  <c:v>8.9680556941528836E-2</c:v>
                </c:pt>
                <c:pt idx="8066">
                  <c:v>8.9680556941528836E-2</c:v>
                </c:pt>
                <c:pt idx="8067">
                  <c:v>8.9680556941528836E-2</c:v>
                </c:pt>
                <c:pt idx="8068">
                  <c:v>8.9680556941528836E-2</c:v>
                </c:pt>
                <c:pt idx="8069">
                  <c:v>0.38861574674662502</c:v>
                </c:pt>
                <c:pt idx="8070">
                  <c:v>0.44092940496251681</c:v>
                </c:pt>
                <c:pt idx="8071">
                  <c:v>0.44092940496251681</c:v>
                </c:pt>
                <c:pt idx="8072">
                  <c:v>0.44092940496251681</c:v>
                </c:pt>
                <c:pt idx="8073">
                  <c:v>0.47082292394302644</c:v>
                </c:pt>
                <c:pt idx="8074">
                  <c:v>0.47082292394302644</c:v>
                </c:pt>
                <c:pt idx="8075">
                  <c:v>0.59787037961019229</c:v>
                </c:pt>
                <c:pt idx="8076">
                  <c:v>0.59787037961019229</c:v>
                </c:pt>
                <c:pt idx="8077">
                  <c:v>0.39608912649175243</c:v>
                </c:pt>
                <c:pt idx="8078">
                  <c:v>0.59787037961019229</c:v>
                </c:pt>
                <c:pt idx="8079">
                  <c:v>0.59787037961019229</c:v>
                </c:pt>
                <c:pt idx="8080">
                  <c:v>0.59787037961019229</c:v>
                </c:pt>
                <c:pt idx="8081">
                  <c:v>0.59787037961019229</c:v>
                </c:pt>
                <c:pt idx="8082">
                  <c:v>0.59787037961019229</c:v>
                </c:pt>
                <c:pt idx="8083">
                  <c:v>0.50071644292353601</c:v>
                </c:pt>
                <c:pt idx="8084">
                  <c:v>0.41103588598200719</c:v>
                </c:pt>
                <c:pt idx="8085">
                  <c:v>0.29893518980509615</c:v>
                </c:pt>
                <c:pt idx="8086">
                  <c:v>0.28398843031484133</c:v>
                </c:pt>
                <c:pt idx="8087">
                  <c:v>0.28398843031484133</c:v>
                </c:pt>
                <c:pt idx="8088">
                  <c:v>0.26257709602171053</c:v>
                </c:pt>
                <c:pt idx="8089">
                  <c:v>0.26257709602171053</c:v>
                </c:pt>
                <c:pt idx="8090">
                  <c:v>0.26257709602171053</c:v>
                </c:pt>
                <c:pt idx="8091">
                  <c:v>0.26257709602171053</c:v>
                </c:pt>
                <c:pt idx="8092">
                  <c:v>0.26257709602171053</c:v>
                </c:pt>
                <c:pt idx="8093">
                  <c:v>0.34135022482822369</c:v>
                </c:pt>
                <c:pt idx="8094">
                  <c:v>0.38073678923148024</c:v>
                </c:pt>
                <c:pt idx="8095">
                  <c:v>0.39386564403256574</c:v>
                </c:pt>
                <c:pt idx="8096">
                  <c:v>0.39386564403256574</c:v>
                </c:pt>
                <c:pt idx="8097">
                  <c:v>0.42668778103527955</c:v>
                </c:pt>
                <c:pt idx="8098">
                  <c:v>0.44638106323690785</c:v>
                </c:pt>
                <c:pt idx="8099">
                  <c:v>0.52515419204342106</c:v>
                </c:pt>
                <c:pt idx="8100">
                  <c:v>0.52515419204342106</c:v>
                </c:pt>
                <c:pt idx="8101">
                  <c:v>0.52515419204342106</c:v>
                </c:pt>
                <c:pt idx="8102">
                  <c:v>0.52515419204342106</c:v>
                </c:pt>
                <c:pt idx="8103">
                  <c:v>0.52515419204342106</c:v>
                </c:pt>
                <c:pt idx="8104">
                  <c:v>0.52515419204342106</c:v>
                </c:pt>
                <c:pt idx="8105">
                  <c:v>0.52515419204342106</c:v>
                </c:pt>
                <c:pt idx="8106">
                  <c:v>0.52515419204342106</c:v>
                </c:pt>
                <c:pt idx="8107">
                  <c:v>0.43981663583636521</c:v>
                </c:pt>
                <c:pt idx="8108">
                  <c:v>0.36104350702985194</c:v>
                </c:pt>
                <c:pt idx="8109">
                  <c:v>0.26257709602171053</c:v>
                </c:pt>
                <c:pt idx="8110">
                  <c:v>0.26257709602171053</c:v>
                </c:pt>
                <c:pt idx="8111">
                  <c:v>0.26257709602171053</c:v>
                </c:pt>
                <c:pt idx="8112">
                  <c:v>0.22505165234744423</c:v>
                </c:pt>
                <c:pt idx="8113">
                  <c:v>0.2531831088908747</c:v>
                </c:pt>
                <c:pt idx="8114">
                  <c:v>0.2531831088908747</c:v>
                </c:pt>
                <c:pt idx="8115">
                  <c:v>0.2531831088908747</c:v>
                </c:pt>
                <c:pt idx="8116">
                  <c:v>0.2531831088908747</c:v>
                </c:pt>
                <c:pt idx="8117">
                  <c:v>0.32632489590379415</c:v>
                </c:pt>
                <c:pt idx="8118">
                  <c:v>0.37696151768196912</c:v>
                </c:pt>
                <c:pt idx="8119">
                  <c:v>0.37696151768196912</c:v>
                </c:pt>
                <c:pt idx="8120">
                  <c:v>0.37696151768196912</c:v>
                </c:pt>
                <c:pt idx="8121">
                  <c:v>0.40509297422539953</c:v>
                </c:pt>
                <c:pt idx="8122">
                  <c:v>0.43885072207751624</c:v>
                </c:pt>
                <c:pt idx="8123">
                  <c:v>0.50636621778174939</c:v>
                </c:pt>
                <c:pt idx="8124">
                  <c:v>0.50636621778174939</c:v>
                </c:pt>
                <c:pt idx="8125">
                  <c:v>0.50636621778174939</c:v>
                </c:pt>
                <c:pt idx="8126">
                  <c:v>0.50636621778174939</c:v>
                </c:pt>
                <c:pt idx="8127">
                  <c:v>0.50636621778174939</c:v>
                </c:pt>
                <c:pt idx="8128">
                  <c:v>0.50636621778174939</c:v>
                </c:pt>
                <c:pt idx="8129">
                  <c:v>0.50636621778174939</c:v>
                </c:pt>
                <c:pt idx="8130">
                  <c:v>0.50636621778174939</c:v>
                </c:pt>
                <c:pt idx="8131">
                  <c:v>0.42197184815145783</c:v>
                </c:pt>
                <c:pt idx="8132">
                  <c:v>0.33757747852116632</c:v>
                </c:pt>
                <c:pt idx="8133">
                  <c:v>0.2531831088908747</c:v>
                </c:pt>
                <c:pt idx="8134">
                  <c:v>0.2531831088908747</c:v>
                </c:pt>
                <c:pt idx="8135">
                  <c:v>0.2531831088908747</c:v>
                </c:pt>
                <c:pt idx="8136">
                  <c:v>0.25139364644935258</c:v>
                </c:pt>
                <c:pt idx="8137">
                  <c:v>0.25139364644935258</c:v>
                </c:pt>
                <c:pt idx="8138">
                  <c:v>0.25139364644935258</c:v>
                </c:pt>
                <c:pt idx="8139">
                  <c:v>0.25139364644935258</c:v>
                </c:pt>
                <c:pt idx="8140">
                  <c:v>0.25139364644935258</c:v>
                </c:pt>
                <c:pt idx="8141">
                  <c:v>0.32401847764583225</c:v>
                </c:pt>
                <c:pt idx="8142">
                  <c:v>0.37429720693570284</c:v>
                </c:pt>
                <c:pt idx="8143">
                  <c:v>0.37429720693570284</c:v>
                </c:pt>
                <c:pt idx="8144">
                  <c:v>0.37429720693570284</c:v>
                </c:pt>
                <c:pt idx="8145">
                  <c:v>0.4022298343189642</c:v>
                </c:pt>
                <c:pt idx="8146">
                  <c:v>0.43574898717887789</c:v>
                </c:pt>
                <c:pt idx="8147">
                  <c:v>0.50278729289870516</c:v>
                </c:pt>
                <c:pt idx="8148">
                  <c:v>0.50278729289870516</c:v>
                </c:pt>
                <c:pt idx="8149">
                  <c:v>0.50278729289870516</c:v>
                </c:pt>
                <c:pt idx="8150">
                  <c:v>0.50278729289870516</c:v>
                </c:pt>
                <c:pt idx="8151">
                  <c:v>0.50278729289870516</c:v>
                </c:pt>
                <c:pt idx="8152">
                  <c:v>0.50278729289870516</c:v>
                </c:pt>
                <c:pt idx="8153">
                  <c:v>0.50278729289870516</c:v>
                </c:pt>
                <c:pt idx="8154">
                  <c:v>0.50278729289870516</c:v>
                </c:pt>
                <c:pt idx="8155">
                  <c:v>0.41898941074892099</c:v>
                </c:pt>
                <c:pt idx="8156">
                  <c:v>0.33519152859913687</c:v>
                </c:pt>
                <c:pt idx="8157">
                  <c:v>0.25139364644935258</c:v>
                </c:pt>
                <c:pt idx="8158">
                  <c:v>0.25139364644935258</c:v>
                </c:pt>
                <c:pt idx="8159">
                  <c:v>0.25139364644935258</c:v>
                </c:pt>
                <c:pt idx="8160">
                  <c:v>0.28377473344448823</c:v>
                </c:pt>
                <c:pt idx="8161">
                  <c:v>0.28377473344448823</c:v>
                </c:pt>
                <c:pt idx="8162">
                  <c:v>0.28377473344448823</c:v>
                </c:pt>
                <c:pt idx="8163">
                  <c:v>0.28377473344448823</c:v>
                </c:pt>
                <c:pt idx="8164">
                  <c:v>0.28377473344448823</c:v>
                </c:pt>
                <c:pt idx="8165">
                  <c:v>0.36575410088400706</c:v>
                </c:pt>
                <c:pt idx="8166">
                  <c:v>0.44142736313587061</c:v>
                </c:pt>
                <c:pt idx="8167">
                  <c:v>0.44142736313587061</c:v>
                </c:pt>
                <c:pt idx="8168">
                  <c:v>0.44142736313587061</c:v>
                </c:pt>
                <c:pt idx="8169">
                  <c:v>0.47295788907414704</c:v>
                </c:pt>
                <c:pt idx="8170">
                  <c:v>0.49187620463711301</c:v>
                </c:pt>
                <c:pt idx="8171">
                  <c:v>0.56754946688897645</c:v>
                </c:pt>
                <c:pt idx="8172">
                  <c:v>0.56754946688897645</c:v>
                </c:pt>
                <c:pt idx="8173">
                  <c:v>0.56754946688897645</c:v>
                </c:pt>
                <c:pt idx="8174">
                  <c:v>0.56754946688897645</c:v>
                </c:pt>
                <c:pt idx="8175">
                  <c:v>0.47295788907414704</c:v>
                </c:pt>
                <c:pt idx="8176">
                  <c:v>0.44773346832352595</c:v>
                </c:pt>
                <c:pt idx="8177">
                  <c:v>0.44773346832352595</c:v>
                </c:pt>
                <c:pt idx="8178">
                  <c:v>0.44773346832352595</c:v>
                </c:pt>
                <c:pt idx="8179">
                  <c:v>0.44773346832352595</c:v>
                </c:pt>
                <c:pt idx="8180">
                  <c:v>0.3468357853210412</c:v>
                </c:pt>
                <c:pt idx="8181">
                  <c:v>0.13242820894076118</c:v>
                </c:pt>
                <c:pt idx="8182">
                  <c:v>0.13242820894076118</c:v>
                </c:pt>
                <c:pt idx="8183">
                  <c:v>0.13242820894076118</c:v>
                </c:pt>
                <c:pt idx="8184">
                  <c:v>0.11081926050651533</c:v>
                </c:pt>
                <c:pt idx="8185">
                  <c:v>0.21636141336986328</c:v>
                </c:pt>
                <c:pt idx="8186">
                  <c:v>0.21636141336986328</c:v>
                </c:pt>
                <c:pt idx="8187">
                  <c:v>0.21636141336986328</c:v>
                </c:pt>
                <c:pt idx="8188">
                  <c:v>0.21636141336986328</c:v>
                </c:pt>
                <c:pt idx="8189">
                  <c:v>0.26913248980153726</c:v>
                </c:pt>
                <c:pt idx="8190">
                  <c:v>0.33773488916271344</c:v>
                </c:pt>
                <c:pt idx="8191">
                  <c:v>0.38522885795122003</c:v>
                </c:pt>
                <c:pt idx="8192">
                  <c:v>0.38522885795122003</c:v>
                </c:pt>
                <c:pt idx="8193">
                  <c:v>0.38522885795122003</c:v>
                </c:pt>
                <c:pt idx="8194">
                  <c:v>0.38522885795122003</c:v>
                </c:pt>
                <c:pt idx="8195">
                  <c:v>0.38522885795122003</c:v>
                </c:pt>
                <c:pt idx="8196">
                  <c:v>0.38522885795122003</c:v>
                </c:pt>
                <c:pt idx="8197">
                  <c:v>0.38522885795122003</c:v>
                </c:pt>
                <c:pt idx="8198">
                  <c:v>0.38522885795122003</c:v>
                </c:pt>
                <c:pt idx="8199">
                  <c:v>0.3482891044490482</c:v>
                </c:pt>
                <c:pt idx="8200">
                  <c:v>0.31662645859004385</c:v>
                </c:pt>
                <c:pt idx="8201">
                  <c:v>0.28496381273103943</c:v>
                </c:pt>
                <c:pt idx="8202">
                  <c:v>0.27440959744470461</c:v>
                </c:pt>
                <c:pt idx="8203">
                  <c:v>0.22163852101303066</c:v>
                </c:pt>
                <c:pt idx="8204">
                  <c:v>0.16359033693818928</c:v>
                </c:pt>
                <c:pt idx="8205">
                  <c:v>0.16359033693818928</c:v>
                </c:pt>
                <c:pt idx="8206">
                  <c:v>0.16359033693818928</c:v>
                </c:pt>
                <c:pt idx="8207">
                  <c:v>0.16359033693818928</c:v>
                </c:pt>
                <c:pt idx="8208">
                  <c:v>0.1586990138023506</c:v>
                </c:pt>
                <c:pt idx="8209">
                  <c:v>0.18429562893176199</c:v>
                </c:pt>
                <c:pt idx="8210">
                  <c:v>0.18429562893176199</c:v>
                </c:pt>
                <c:pt idx="8211">
                  <c:v>0.18429562893176199</c:v>
                </c:pt>
                <c:pt idx="8212">
                  <c:v>0.18429562893176199</c:v>
                </c:pt>
                <c:pt idx="8213">
                  <c:v>0.23036953616470252</c:v>
                </c:pt>
                <c:pt idx="8214">
                  <c:v>0.27132412037176074</c:v>
                </c:pt>
                <c:pt idx="8215">
                  <c:v>0.32251735063058345</c:v>
                </c:pt>
                <c:pt idx="8216">
                  <c:v>0.32251735063058345</c:v>
                </c:pt>
                <c:pt idx="8217">
                  <c:v>0.32251735063058345</c:v>
                </c:pt>
                <c:pt idx="8218">
                  <c:v>0.32251735063058345</c:v>
                </c:pt>
                <c:pt idx="8219">
                  <c:v>0.32251735063058345</c:v>
                </c:pt>
                <c:pt idx="8220">
                  <c:v>0.32251735063058345</c:v>
                </c:pt>
                <c:pt idx="8221">
                  <c:v>0.32251735063058345</c:v>
                </c:pt>
                <c:pt idx="8222">
                  <c:v>0.32251735063058345</c:v>
                </c:pt>
                <c:pt idx="8223">
                  <c:v>0.28668208944940754</c:v>
                </c:pt>
                <c:pt idx="8224">
                  <c:v>0.28156276642352523</c:v>
                </c:pt>
                <c:pt idx="8225">
                  <c:v>0.2406081822164671</c:v>
                </c:pt>
                <c:pt idx="8226">
                  <c:v>0.22525021313882027</c:v>
                </c:pt>
                <c:pt idx="8227">
                  <c:v>0.1894149519576443</c:v>
                </c:pt>
                <c:pt idx="8228">
                  <c:v>0.1586990138023506</c:v>
                </c:pt>
                <c:pt idx="8229">
                  <c:v>0.13822172169882149</c:v>
                </c:pt>
                <c:pt idx="8230">
                  <c:v>0.13822172169882149</c:v>
                </c:pt>
                <c:pt idx="8231">
                  <c:v>0.13822172169882149</c:v>
                </c:pt>
                <c:pt idx="8232">
                  <c:v>8.2195133389656949E-2</c:v>
                </c:pt>
                <c:pt idx="8233">
                  <c:v>8.2195133389656949E-2</c:v>
                </c:pt>
                <c:pt idx="8234">
                  <c:v>8.2195133389656949E-2</c:v>
                </c:pt>
                <c:pt idx="8235">
                  <c:v>8.2195133389656949E-2</c:v>
                </c:pt>
                <c:pt idx="8236">
                  <c:v>8.2195133389656949E-2</c:v>
                </c:pt>
                <c:pt idx="8237">
                  <c:v>0.35617891135518004</c:v>
                </c:pt>
                <c:pt idx="8238">
                  <c:v>0.40412607249914662</c:v>
                </c:pt>
                <c:pt idx="8239">
                  <c:v>0.40412607249914662</c:v>
                </c:pt>
                <c:pt idx="8240">
                  <c:v>0.40412607249914662</c:v>
                </c:pt>
                <c:pt idx="8241">
                  <c:v>0.43152445029569891</c:v>
                </c:pt>
                <c:pt idx="8242">
                  <c:v>0.43152445029569891</c:v>
                </c:pt>
                <c:pt idx="8243">
                  <c:v>0.54796755593104629</c:v>
                </c:pt>
                <c:pt idx="8244">
                  <c:v>0.54796755593104629</c:v>
                </c:pt>
                <c:pt idx="8245">
                  <c:v>0.36302850580431817</c:v>
                </c:pt>
                <c:pt idx="8246">
                  <c:v>0.54796755593104629</c:v>
                </c:pt>
                <c:pt idx="8247">
                  <c:v>0.54796755593104629</c:v>
                </c:pt>
                <c:pt idx="8248">
                  <c:v>0.54796755593104629</c:v>
                </c:pt>
                <c:pt idx="8249">
                  <c:v>0.54796755593104629</c:v>
                </c:pt>
                <c:pt idx="8250">
                  <c:v>0.54796755593104629</c:v>
                </c:pt>
                <c:pt idx="8251">
                  <c:v>0.45892282809225127</c:v>
                </c:pt>
                <c:pt idx="8252">
                  <c:v>0.37672769470259432</c:v>
                </c:pt>
                <c:pt idx="8253">
                  <c:v>0.27398377796552315</c:v>
                </c:pt>
                <c:pt idx="8254">
                  <c:v>0.260284589067247</c:v>
                </c:pt>
                <c:pt idx="8255">
                  <c:v>0.260284589067247</c:v>
                </c:pt>
                <c:pt idx="8256">
                  <c:v>0.24609760832348246</c:v>
                </c:pt>
                <c:pt idx="8257">
                  <c:v>0.24609760832348246</c:v>
                </c:pt>
                <c:pt idx="8258">
                  <c:v>0.24609760832348246</c:v>
                </c:pt>
                <c:pt idx="8259">
                  <c:v>0.24609760832348246</c:v>
                </c:pt>
                <c:pt idx="8260">
                  <c:v>0.24609760832348246</c:v>
                </c:pt>
                <c:pt idx="8261">
                  <c:v>0.31992689082052717</c:v>
                </c:pt>
                <c:pt idx="8262">
                  <c:v>0.35684153206904951</c:v>
                </c:pt>
                <c:pt idx="8263">
                  <c:v>0.36914641248522362</c:v>
                </c:pt>
                <c:pt idx="8264">
                  <c:v>0.36914641248522362</c:v>
                </c:pt>
                <c:pt idx="8265">
                  <c:v>0.39990861352565893</c:v>
                </c:pt>
                <c:pt idx="8266">
                  <c:v>0.41836593414992007</c:v>
                </c:pt>
                <c:pt idx="8267">
                  <c:v>0.49219521664696492</c:v>
                </c:pt>
                <c:pt idx="8268">
                  <c:v>0.49219521664696492</c:v>
                </c:pt>
                <c:pt idx="8269">
                  <c:v>0.49219521664696492</c:v>
                </c:pt>
                <c:pt idx="8270">
                  <c:v>0.49219521664696492</c:v>
                </c:pt>
                <c:pt idx="8271">
                  <c:v>0.49219521664696492</c:v>
                </c:pt>
                <c:pt idx="8272">
                  <c:v>0.49219521664696492</c:v>
                </c:pt>
                <c:pt idx="8273">
                  <c:v>0.49219521664696492</c:v>
                </c:pt>
                <c:pt idx="8274">
                  <c:v>0.49219521664696492</c:v>
                </c:pt>
                <c:pt idx="8275">
                  <c:v>0.4122134939418331</c:v>
                </c:pt>
                <c:pt idx="8276">
                  <c:v>0.33838421144478831</c:v>
                </c:pt>
                <c:pt idx="8277">
                  <c:v>0.24609760832348246</c:v>
                </c:pt>
                <c:pt idx="8278">
                  <c:v>0.24609760832348246</c:v>
                </c:pt>
                <c:pt idx="8279">
                  <c:v>0.24609760832348246</c:v>
                </c:pt>
                <c:pt idx="8280">
                  <c:v>0.22775319068069921</c:v>
                </c:pt>
                <c:pt idx="8281">
                  <c:v>0.25622233951578666</c:v>
                </c:pt>
                <c:pt idx="8282">
                  <c:v>0.25622233951578666</c:v>
                </c:pt>
                <c:pt idx="8283">
                  <c:v>0.25622233951578666</c:v>
                </c:pt>
                <c:pt idx="8284">
                  <c:v>0.25622233951578666</c:v>
                </c:pt>
                <c:pt idx="8285">
                  <c:v>0.33024212648701384</c:v>
                </c:pt>
                <c:pt idx="8286">
                  <c:v>0.38148659439017124</c:v>
                </c:pt>
                <c:pt idx="8287">
                  <c:v>0.38148659439017124</c:v>
                </c:pt>
                <c:pt idx="8288">
                  <c:v>0.38148659439017124</c:v>
                </c:pt>
                <c:pt idx="8289">
                  <c:v>0.40995574322525857</c:v>
                </c:pt>
                <c:pt idx="8290">
                  <c:v>0.44411872182736345</c:v>
                </c:pt>
                <c:pt idx="8291">
                  <c:v>0.51244467903157331</c:v>
                </c:pt>
                <c:pt idx="8292">
                  <c:v>0.51244467903157331</c:v>
                </c:pt>
                <c:pt idx="8293">
                  <c:v>0.51244467903157331</c:v>
                </c:pt>
                <c:pt idx="8294">
                  <c:v>0.51244467903157331</c:v>
                </c:pt>
                <c:pt idx="8295">
                  <c:v>0.51244467903157331</c:v>
                </c:pt>
                <c:pt idx="8296">
                  <c:v>0.51244467903157331</c:v>
                </c:pt>
                <c:pt idx="8297">
                  <c:v>0.51244467903157331</c:v>
                </c:pt>
                <c:pt idx="8298">
                  <c:v>0.51244467903157331</c:v>
                </c:pt>
                <c:pt idx="8299">
                  <c:v>0.42703723252631104</c:v>
                </c:pt>
                <c:pt idx="8300">
                  <c:v>0.34162978602104882</c:v>
                </c:pt>
                <c:pt idx="8301">
                  <c:v>0.25622233951578666</c:v>
                </c:pt>
                <c:pt idx="8302">
                  <c:v>0.25622233951578666</c:v>
                </c:pt>
                <c:pt idx="8303">
                  <c:v>0.25622233951578666</c:v>
                </c:pt>
                <c:pt idx="8304">
                  <c:v>0.25947330881672931</c:v>
                </c:pt>
                <c:pt idx="8305">
                  <c:v>0.25947330881672931</c:v>
                </c:pt>
                <c:pt idx="8306">
                  <c:v>0.25947330881672931</c:v>
                </c:pt>
                <c:pt idx="8307">
                  <c:v>0.25947330881672931</c:v>
                </c:pt>
                <c:pt idx="8308">
                  <c:v>0.25947330881672931</c:v>
                </c:pt>
                <c:pt idx="8309">
                  <c:v>0.33443226469711773</c:v>
                </c:pt>
                <c:pt idx="8310">
                  <c:v>0.38632692646046368</c:v>
                </c:pt>
                <c:pt idx="8311">
                  <c:v>0.38632692646046368</c:v>
                </c:pt>
                <c:pt idx="8312">
                  <c:v>0.38632692646046368</c:v>
                </c:pt>
                <c:pt idx="8313">
                  <c:v>0.41515729410676694</c:v>
                </c:pt>
                <c:pt idx="8314">
                  <c:v>0.44975373528233081</c:v>
                </c:pt>
                <c:pt idx="8315">
                  <c:v>0.51894661763345862</c:v>
                </c:pt>
                <c:pt idx="8316">
                  <c:v>0.51894661763345862</c:v>
                </c:pt>
                <c:pt idx="8317">
                  <c:v>0.51894661763345862</c:v>
                </c:pt>
                <c:pt idx="8318">
                  <c:v>0.51894661763345862</c:v>
                </c:pt>
                <c:pt idx="8319">
                  <c:v>0.51894661763345862</c:v>
                </c:pt>
                <c:pt idx="8320">
                  <c:v>0.51894661763345862</c:v>
                </c:pt>
                <c:pt idx="8321">
                  <c:v>0.51894661763345862</c:v>
                </c:pt>
                <c:pt idx="8322">
                  <c:v>0.51894661763345862</c:v>
                </c:pt>
                <c:pt idx="8323">
                  <c:v>0.43245551469454879</c:v>
                </c:pt>
                <c:pt idx="8324">
                  <c:v>0.34596441175563908</c:v>
                </c:pt>
                <c:pt idx="8325">
                  <c:v>0.25947330881672931</c:v>
                </c:pt>
                <c:pt idx="8326">
                  <c:v>0.25947330881672931</c:v>
                </c:pt>
                <c:pt idx="8327">
                  <c:v>0.25947330881672931</c:v>
                </c:pt>
                <c:pt idx="8328">
                  <c:v>0.2856180369515432</c:v>
                </c:pt>
                <c:pt idx="8329">
                  <c:v>0.2856180369515432</c:v>
                </c:pt>
                <c:pt idx="8330">
                  <c:v>0.2856180369515432</c:v>
                </c:pt>
                <c:pt idx="8331">
                  <c:v>0.2856180369515432</c:v>
                </c:pt>
                <c:pt idx="8332">
                  <c:v>0.2856180369515432</c:v>
                </c:pt>
                <c:pt idx="8333">
                  <c:v>0.3681299142931001</c:v>
                </c:pt>
                <c:pt idx="8334">
                  <c:v>0.44429472414684501</c:v>
                </c:pt>
                <c:pt idx="8335">
                  <c:v>0.44429472414684501</c:v>
                </c:pt>
                <c:pt idx="8336">
                  <c:v>0.44429472414684501</c:v>
                </c:pt>
                <c:pt idx="8337">
                  <c:v>0.47603006158590533</c:v>
                </c:pt>
                <c:pt idx="8338">
                  <c:v>0.49507126404934154</c:v>
                </c:pt>
                <c:pt idx="8339">
                  <c:v>0.57123607390308639</c:v>
                </c:pt>
                <c:pt idx="8340">
                  <c:v>0.57123607390308639</c:v>
                </c:pt>
                <c:pt idx="8341">
                  <c:v>0.57123607390308639</c:v>
                </c:pt>
                <c:pt idx="8342">
                  <c:v>0.57123607390308639</c:v>
                </c:pt>
                <c:pt idx="8343">
                  <c:v>0.47603006158590533</c:v>
                </c:pt>
                <c:pt idx="8344">
                  <c:v>0.45064179163465712</c:v>
                </c:pt>
                <c:pt idx="8345">
                  <c:v>0.45064179163465712</c:v>
                </c:pt>
                <c:pt idx="8346">
                  <c:v>0.45064179163465712</c:v>
                </c:pt>
                <c:pt idx="8347">
                  <c:v>0.45064179163465712</c:v>
                </c:pt>
                <c:pt idx="8348">
                  <c:v>0.34908871182966394</c:v>
                </c:pt>
                <c:pt idx="8349">
                  <c:v>0.13328841724405349</c:v>
                </c:pt>
                <c:pt idx="8350">
                  <c:v>0.13328841724405349</c:v>
                </c:pt>
                <c:pt idx="8351">
                  <c:v>0.13328841724405349</c:v>
                </c:pt>
                <c:pt idx="8352">
                  <c:v>8.9085883390416079E-2</c:v>
                </c:pt>
                <c:pt idx="8353">
                  <c:v>0.17392958185747903</c:v>
                </c:pt>
                <c:pt idx="8354">
                  <c:v>0.17392958185747903</c:v>
                </c:pt>
                <c:pt idx="8355">
                  <c:v>0.17392958185747903</c:v>
                </c:pt>
                <c:pt idx="8356">
                  <c:v>0.17392958185747903</c:v>
                </c:pt>
                <c:pt idx="8357">
                  <c:v>0.21635143109101049</c:v>
                </c:pt>
                <c:pt idx="8358">
                  <c:v>0.2714998350946014</c:v>
                </c:pt>
                <c:pt idx="8359">
                  <c:v>0.30967949940477973</c:v>
                </c:pt>
                <c:pt idx="8360">
                  <c:v>0.30967949940477973</c:v>
                </c:pt>
                <c:pt idx="8361">
                  <c:v>0.30967949940477973</c:v>
                </c:pt>
                <c:pt idx="8362">
                  <c:v>0.30967949940477973</c:v>
                </c:pt>
                <c:pt idx="8363">
                  <c:v>0.30967949940477973</c:v>
                </c:pt>
                <c:pt idx="8364">
                  <c:v>0.30967949940477973</c:v>
                </c:pt>
                <c:pt idx="8365">
                  <c:v>0.30967949940477973</c:v>
                </c:pt>
                <c:pt idx="8366">
                  <c:v>0.30967949940477973</c:v>
                </c:pt>
                <c:pt idx="8367">
                  <c:v>0.27998420494130771</c:v>
                </c:pt>
                <c:pt idx="8368">
                  <c:v>0.25453109540118884</c:v>
                </c:pt>
                <c:pt idx="8369">
                  <c:v>0.22907798586106992</c:v>
                </c:pt>
                <c:pt idx="8370">
                  <c:v>0.22059361601436361</c:v>
                </c:pt>
                <c:pt idx="8371">
                  <c:v>0.17817176678083216</c:v>
                </c:pt>
                <c:pt idx="8372">
                  <c:v>0.13150773262394755</c:v>
                </c:pt>
                <c:pt idx="8373">
                  <c:v>0.13150773262394755</c:v>
                </c:pt>
                <c:pt idx="8374">
                  <c:v>0.13150773262394755</c:v>
                </c:pt>
                <c:pt idx="8375">
                  <c:v>0.13150773262394755</c:v>
                </c:pt>
                <c:pt idx="8376">
                  <c:v>0.12904270384274857</c:v>
                </c:pt>
                <c:pt idx="8377">
                  <c:v>0.14985604317222415</c:v>
                </c:pt>
                <c:pt idx="8378">
                  <c:v>0.14985604317222415</c:v>
                </c:pt>
                <c:pt idx="8379">
                  <c:v>0.14985604317222415</c:v>
                </c:pt>
                <c:pt idx="8380">
                  <c:v>0.14985604317222415</c:v>
                </c:pt>
                <c:pt idx="8381">
                  <c:v>0.1873200539652802</c:v>
                </c:pt>
                <c:pt idx="8382">
                  <c:v>0.22062139689244115</c:v>
                </c:pt>
                <c:pt idx="8383">
                  <c:v>0.26224807555139229</c:v>
                </c:pt>
                <c:pt idx="8384">
                  <c:v>0.26224807555139229</c:v>
                </c:pt>
                <c:pt idx="8385">
                  <c:v>0.26224807555139229</c:v>
                </c:pt>
                <c:pt idx="8386">
                  <c:v>0.26224807555139229</c:v>
                </c:pt>
                <c:pt idx="8387">
                  <c:v>0.26224807555139229</c:v>
                </c:pt>
                <c:pt idx="8388">
                  <c:v>0.26224807555139229</c:v>
                </c:pt>
                <c:pt idx="8389">
                  <c:v>0.26224807555139229</c:v>
                </c:pt>
                <c:pt idx="8390">
                  <c:v>0.26224807555139229</c:v>
                </c:pt>
                <c:pt idx="8391">
                  <c:v>0.23310940049012649</c:v>
                </c:pt>
                <c:pt idx="8392">
                  <c:v>0.22894673262423132</c:v>
                </c:pt>
                <c:pt idx="8393">
                  <c:v>0.19564538969707046</c:v>
                </c:pt>
                <c:pt idx="8394">
                  <c:v>0.18315738609938509</c:v>
                </c:pt>
                <c:pt idx="8395">
                  <c:v>0.15401871103811932</c:v>
                </c:pt>
                <c:pt idx="8396">
                  <c:v>0.12904270384274857</c:v>
                </c:pt>
                <c:pt idx="8397">
                  <c:v>0.11239203237916812</c:v>
                </c:pt>
                <c:pt idx="8398">
                  <c:v>0.11239203237916812</c:v>
                </c:pt>
                <c:pt idx="8399">
                  <c:v>0.11239203237916812</c:v>
                </c:pt>
                <c:pt idx="8400">
                  <c:v>7.758871889619734E-2</c:v>
                </c:pt>
                <c:pt idx="8401">
                  <c:v>7.758871889619734E-2</c:v>
                </c:pt>
                <c:pt idx="8402">
                  <c:v>7.758871889619734E-2</c:v>
                </c:pt>
                <c:pt idx="8403">
                  <c:v>7.758871889619734E-2</c:v>
                </c:pt>
                <c:pt idx="8404">
                  <c:v>7.758871889619734E-2</c:v>
                </c:pt>
                <c:pt idx="8405">
                  <c:v>0.33621778188352186</c:v>
                </c:pt>
                <c:pt idx="8406">
                  <c:v>0.38147786790630361</c:v>
                </c:pt>
                <c:pt idx="8407">
                  <c:v>0.38147786790630361</c:v>
                </c:pt>
                <c:pt idx="8408">
                  <c:v>0.38147786790630361</c:v>
                </c:pt>
                <c:pt idx="8409">
                  <c:v>0.40734077420503606</c:v>
                </c:pt>
                <c:pt idx="8410">
                  <c:v>0.40734077420503606</c:v>
                </c:pt>
                <c:pt idx="8411">
                  <c:v>0.51725812597464893</c:v>
                </c:pt>
                <c:pt idx="8412">
                  <c:v>0.51725812597464893</c:v>
                </c:pt>
                <c:pt idx="8413">
                  <c:v>0.34268350845820489</c:v>
                </c:pt>
                <c:pt idx="8414">
                  <c:v>0.51725812597464893</c:v>
                </c:pt>
                <c:pt idx="8415">
                  <c:v>0.51725812597464893</c:v>
                </c:pt>
                <c:pt idx="8416">
                  <c:v>0.51725812597464893</c:v>
                </c:pt>
                <c:pt idx="8417">
                  <c:v>0.51725812597464893</c:v>
                </c:pt>
                <c:pt idx="8418">
                  <c:v>0.51725812597464893</c:v>
                </c:pt>
                <c:pt idx="8419">
                  <c:v>0.43320368050376851</c:v>
                </c:pt>
                <c:pt idx="8420">
                  <c:v>0.35561496160757117</c:v>
                </c:pt>
                <c:pt idx="8421">
                  <c:v>0.25862906298732447</c:v>
                </c:pt>
                <c:pt idx="8422">
                  <c:v>0.24569760983795824</c:v>
                </c:pt>
                <c:pt idx="8423">
                  <c:v>0.24569760983795824</c:v>
                </c:pt>
                <c:pt idx="8424">
                  <c:v>0.22411880370958542</c:v>
                </c:pt>
                <c:pt idx="8425">
                  <c:v>0.22411880370958542</c:v>
                </c:pt>
                <c:pt idx="8426">
                  <c:v>0.22411880370958542</c:v>
                </c:pt>
                <c:pt idx="8427">
                  <c:v>0.22411880370958542</c:v>
                </c:pt>
                <c:pt idx="8428">
                  <c:v>0.22411880370958542</c:v>
                </c:pt>
                <c:pt idx="8429">
                  <c:v>0.29135444482246103</c:v>
                </c:pt>
                <c:pt idx="8430">
                  <c:v>0.32497226537889884</c:v>
                </c:pt>
                <c:pt idx="8431">
                  <c:v>0.33617820556437811</c:v>
                </c:pt>
                <c:pt idx="8432">
                  <c:v>0.33617820556437811</c:v>
                </c:pt>
                <c:pt idx="8433">
                  <c:v>0.36419305602807628</c:v>
                </c:pt>
                <c:pt idx="8434">
                  <c:v>0.38100196630629518</c:v>
                </c:pt>
                <c:pt idx="8435">
                  <c:v>0.44823760741917085</c:v>
                </c:pt>
                <c:pt idx="8436">
                  <c:v>0.44823760741917085</c:v>
                </c:pt>
                <c:pt idx="8437">
                  <c:v>0.44823760741917085</c:v>
                </c:pt>
                <c:pt idx="8438">
                  <c:v>0.44823760741917085</c:v>
                </c:pt>
                <c:pt idx="8439">
                  <c:v>0.44823760741917085</c:v>
                </c:pt>
                <c:pt idx="8440">
                  <c:v>0.44823760741917085</c:v>
                </c:pt>
                <c:pt idx="8441">
                  <c:v>0.44823760741917085</c:v>
                </c:pt>
                <c:pt idx="8442">
                  <c:v>0.44823760741917085</c:v>
                </c:pt>
                <c:pt idx="8443">
                  <c:v>0.3753989962135556</c:v>
                </c:pt>
                <c:pt idx="8444">
                  <c:v>0.30816335510067994</c:v>
                </c:pt>
                <c:pt idx="8445">
                  <c:v>0.22411880370958542</c:v>
                </c:pt>
                <c:pt idx="8446">
                  <c:v>0.22411880370958542</c:v>
                </c:pt>
                <c:pt idx="8447">
                  <c:v>0.22411880370958542</c:v>
                </c:pt>
                <c:pt idx="8448">
                  <c:v>0.20524037123690719</c:v>
                </c:pt>
                <c:pt idx="8449">
                  <c:v>0.23089541764152061</c:v>
                </c:pt>
                <c:pt idx="8450">
                  <c:v>0.23089541764152061</c:v>
                </c:pt>
                <c:pt idx="8451">
                  <c:v>0.23089541764152061</c:v>
                </c:pt>
                <c:pt idx="8452">
                  <c:v>0.23089541764152061</c:v>
                </c:pt>
                <c:pt idx="8453">
                  <c:v>0.29759853829351546</c:v>
                </c:pt>
                <c:pt idx="8454">
                  <c:v>0.34377762182181959</c:v>
                </c:pt>
                <c:pt idx="8455">
                  <c:v>0.34377762182181959</c:v>
                </c:pt>
                <c:pt idx="8456">
                  <c:v>0.34377762182181959</c:v>
                </c:pt>
                <c:pt idx="8457">
                  <c:v>0.36943266822643295</c:v>
                </c:pt>
                <c:pt idx="8458">
                  <c:v>0.40021872391196905</c:v>
                </c:pt>
                <c:pt idx="8459">
                  <c:v>0.46179083528304121</c:v>
                </c:pt>
                <c:pt idx="8460">
                  <c:v>0.46179083528304121</c:v>
                </c:pt>
                <c:pt idx="8461">
                  <c:v>0.46179083528304121</c:v>
                </c:pt>
                <c:pt idx="8462">
                  <c:v>0.46179083528304121</c:v>
                </c:pt>
                <c:pt idx="8463">
                  <c:v>0.46179083528304121</c:v>
                </c:pt>
                <c:pt idx="8464">
                  <c:v>0.46179083528304121</c:v>
                </c:pt>
                <c:pt idx="8465">
                  <c:v>0.46179083528304121</c:v>
                </c:pt>
                <c:pt idx="8466">
                  <c:v>0.46179083528304121</c:v>
                </c:pt>
                <c:pt idx="8467">
                  <c:v>0.38482569606920103</c:v>
                </c:pt>
                <c:pt idx="8468">
                  <c:v>0.30786055685536079</c:v>
                </c:pt>
                <c:pt idx="8469">
                  <c:v>0.23089541764152061</c:v>
                </c:pt>
                <c:pt idx="8470">
                  <c:v>0.23089541764152061</c:v>
                </c:pt>
                <c:pt idx="8471">
                  <c:v>0.23089541764152061</c:v>
                </c:pt>
                <c:pt idx="8472">
                  <c:v>0.2412940684901318</c:v>
                </c:pt>
                <c:pt idx="8473">
                  <c:v>0.2412940684901318</c:v>
                </c:pt>
                <c:pt idx="8474">
                  <c:v>0.2412940684901318</c:v>
                </c:pt>
                <c:pt idx="8475">
                  <c:v>0.2412940684901318</c:v>
                </c:pt>
                <c:pt idx="8476">
                  <c:v>0.2412940684901318</c:v>
                </c:pt>
                <c:pt idx="8477">
                  <c:v>0.31100124383172539</c:v>
                </c:pt>
                <c:pt idx="8478">
                  <c:v>0.35926005752975176</c:v>
                </c:pt>
                <c:pt idx="8479">
                  <c:v>0.35926005752975176</c:v>
                </c:pt>
                <c:pt idx="8480">
                  <c:v>0.35926005752975176</c:v>
                </c:pt>
                <c:pt idx="8481">
                  <c:v>0.38607050958421085</c:v>
                </c:pt>
                <c:pt idx="8482">
                  <c:v>0.41824305204956175</c:v>
                </c:pt>
                <c:pt idx="8483">
                  <c:v>0.48258813698026359</c:v>
                </c:pt>
                <c:pt idx="8484">
                  <c:v>0.48258813698026359</c:v>
                </c:pt>
                <c:pt idx="8485">
                  <c:v>0.48258813698026359</c:v>
                </c:pt>
                <c:pt idx="8486">
                  <c:v>0.48258813698026359</c:v>
                </c:pt>
                <c:pt idx="8487">
                  <c:v>0.48258813698026359</c:v>
                </c:pt>
                <c:pt idx="8488">
                  <c:v>0.48258813698026359</c:v>
                </c:pt>
                <c:pt idx="8489">
                  <c:v>0.48258813698026359</c:v>
                </c:pt>
                <c:pt idx="8490">
                  <c:v>0.48258813698026359</c:v>
                </c:pt>
                <c:pt idx="8491">
                  <c:v>0.40215678081688633</c:v>
                </c:pt>
                <c:pt idx="8492">
                  <c:v>0.32172542465350912</c:v>
                </c:pt>
                <c:pt idx="8493">
                  <c:v>0.2412940684901318</c:v>
                </c:pt>
                <c:pt idx="8494">
                  <c:v>0.2412940684901318</c:v>
                </c:pt>
                <c:pt idx="8495">
                  <c:v>0.2412940684901318</c:v>
                </c:pt>
                <c:pt idx="8496">
                  <c:v>0.26792232328381588</c:v>
                </c:pt>
                <c:pt idx="8497">
                  <c:v>0.26792232328381588</c:v>
                </c:pt>
                <c:pt idx="8498">
                  <c:v>0.26792232328381588</c:v>
                </c:pt>
                <c:pt idx="8499">
                  <c:v>0.26792232328381588</c:v>
                </c:pt>
                <c:pt idx="8500">
                  <c:v>0.26792232328381588</c:v>
                </c:pt>
                <c:pt idx="8501">
                  <c:v>0.34532210556580717</c:v>
                </c:pt>
                <c:pt idx="8502">
                  <c:v>0.41676805844149151</c:v>
                </c:pt>
                <c:pt idx="8503">
                  <c:v>0.41676805844149151</c:v>
                </c:pt>
                <c:pt idx="8504">
                  <c:v>0.41676805844149151</c:v>
                </c:pt>
                <c:pt idx="8505">
                  <c:v>0.44653720547302655</c:v>
                </c:pt>
                <c:pt idx="8506">
                  <c:v>0.46439869369194758</c:v>
                </c:pt>
                <c:pt idx="8507">
                  <c:v>0.53584464656763175</c:v>
                </c:pt>
                <c:pt idx="8508">
                  <c:v>0.53584464656763175</c:v>
                </c:pt>
                <c:pt idx="8509">
                  <c:v>0.53584464656763175</c:v>
                </c:pt>
                <c:pt idx="8510">
                  <c:v>0.53584464656763175</c:v>
                </c:pt>
                <c:pt idx="8511">
                  <c:v>0.44653720547302655</c:v>
                </c:pt>
                <c:pt idx="8512">
                  <c:v>0.42272188784779846</c:v>
                </c:pt>
                <c:pt idx="8513">
                  <c:v>0.42272188784779846</c:v>
                </c:pt>
                <c:pt idx="8514">
                  <c:v>0.42272188784779846</c:v>
                </c:pt>
                <c:pt idx="8515">
                  <c:v>0.42272188784779846</c:v>
                </c:pt>
                <c:pt idx="8516">
                  <c:v>0.32746061734688614</c:v>
                </c:pt>
                <c:pt idx="8517">
                  <c:v>0.12503041753244742</c:v>
                </c:pt>
                <c:pt idx="8518">
                  <c:v>0.12503041753244742</c:v>
                </c:pt>
                <c:pt idx="8519">
                  <c:v>0.12503041753244742</c:v>
                </c:pt>
                <c:pt idx="8520">
                  <c:v>9.2853002090539941E-2</c:v>
                </c:pt>
                <c:pt idx="8521">
                  <c:v>0.18128443265295899</c:v>
                </c:pt>
                <c:pt idx="8522">
                  <c:v>0.18128443265295899</c:v>
                </c:pt>
                <c:pt idx="8523">
                  <c:v>0.18128443265295899</c:v>
                </c:pt>
                <c:pt idx="8524">
                  <c:v>0.18128443265295899</c:v>
                </c:pt>
                <c:pt idx="8525">
                  <c:v>0.22550014793416848</c:v>
                </c:pt>
                <c:pt idx="8526">
                  <c:v>0.28298057779974084</c:v>
                </c:pt>
                <c:pt idx="8527">
                  <c:v>0.32277472155282938</c:v>
                </c:pt>
                <c:pt idx="8528">
                  <c:v>0.32277472155282938</c:v>
                </c:pt>
                <c:pt idx="8529">
                  <c:v>0.32277472155282938</c:v>
                </c:pt>
                <c:pt idx="8530">
                  <c:v>0.32277472155282938</c:v>
                </c:pt>
                <c:pt idx="8531">
                  <c:v>0.32277472155282938</c:v>
                </c:pt>
                <c:pt idx="8532">
                  <c:v>0.32277472155282938</c:v>
                </c:pt>
                <c:pt idx="8533">
                  <c:v>0.32277472155282938</c:v>
                </c:pt>
                <c:pt idx="8534">
                  <c:v>0.32277472155282938</c:v>
                </c:pt>
                <c:pt idx="8535">
                  <c:v>0.29182372085598274</c:v>
                </c:pt>
                <c:pt idx="8536">
                  <c:v>0.26529429168725704</c:v>
                </c:pt>
                <c:pt idx="8537">
                  <c:v>0.23876486251853132</c:v>
                </c:pt>
                <c:pt idx="8538">
                  <c:v>0.22992171946228943</c:v>
                </c:pt>
                <c:pt idx="8539">
                  <c:v>0.18570600418107988</c:v>
                </c:pt>
                <c:pt idx="8540">
                  <c:v>0.13706871737174944</c:v>
                </c:pt>
                <c:pt idx="8541">
                  <c:v>0.13706871737174944</c:v>
                </c:pt>
                <c:pt idx="8542">
                  <c:v>0.13706871737174944</c:v>
                </c:pt>
                <c:pt idx="8543">
                  <c:v>0.13706871737174944</c:v>
                </c:pt>
                <c:pt idx="8544">
                  <c:v>0.16112985888100653</c:v>
                </c:pt>
                <c:pt idx="8545">
                  <c:v>0.18711854579729792</c:v>
                </c:pt>
                <c:pt idx="8546">
                  <c:v>0.18711854579729792</c:v>
                </c:pt>
                <c:pt idx="8547">
                  <c:v>0.18711854579729792</c:v>
                </c:pt>
                <c:pt idx="8548">
                  <c:v>0.18711854579729792</c:v>
                </c:pt>
                <c:pt idx="8549">
                  <c:v>0.2338981822466224</c:v>
                </c:pt>
                <c:pt idx="8550">
                  <c:v>0.27548008131268859</c:v>
                </c:pt>
                <c:pt idx="8551">
                  <c:v>0.32745745514527141</c:v>
                </c:pt>
                <c:pt idx="8552">
                  <c:v>0.32745745514527141</c:v>
                </c:pt>
                <c:pt idx="8553">
                  <c:v>0.32745745514527141</c:v>
                </c:pt>
                <c:pt idx="8554">
                  <c:v>0.32745745514527141</c:v>
                </c:pt>
                <c:pt idx="8555">
                  <c:v>0.32745745514527141</c:v>
                </c:pt>
                <c:pt idx="8556">
                  <c:v>0.32745745514527141</c:v>
                </c:pt>
                <c:pt idx="8557">
                  <c:v>0.32745745514527141</c:v>
                </c:pt>
                <c:pt idx="8558">
                  <c:v>0.32745745514527141</c:v>
                </c:pt>
                <c:pt idx="8559">
                  <c:v>0.29107329346246347</c:v>
                </c:pt>
                <c:pt idx="8560">
                  <c:v>0.28587555607920512</c:v>
                </c:pt>
                <c:pt idx="8561">
                  <c:v>0.24429365701313896</c:v>
                </c:pt>
                <c:pt idx="8562">
                  <c:v>0.22870044486336413</c:v>
                </c:pt>
                <c:pt idx="8563">
                  <c:v>0.19231628318055619</c:v>
                </c:pt>
                <c:pt idx="8564">
                  <c:v>0.16112985888100653</c:v>
                </c:pt>
                <c:pt idx="8565">
                  <c:v>0.14033890934797344</c:v>
                </c:pt>
                <c:pt idx="8566">
                  <c:v>0.14033890934797344</c:v>
                </c:pt>
                <c:pt idx="8567">
                  <c:v>0.14033890934797344</c:v>
                </c:pt>
                <c:pt idx="8568">
                  <c:v>8.5304463172742206E-2</c:v>
                </c:pt>
                <c:pt idx="8569">
                  <c:v>8.5304463172742206E-2</c:v>
                </c:pt>
                <c:pt idx="8570">
                  <c:v>8.5304463172742206E-2</c:v>
                </c:pt>
                <c:pt idx="8571">
                  <c:v>8.5304463172742206E-2</c:v>
                </c:pt>
                <c:pt idx="8572">
                  <c:v>8.5304463172742206E-2</c:v>
                </c:pt>
                <c:pt idx="8573">
                  <c:v>0.36965267374854949</c:v>
                </c:pt>
                <c:pt idx="8574">
                  <c:v>0.41941361059931581</c:v>
                </c:pt>
                <c:pt idx="8575">
                  <c:v>0.41941361059931581</c:v>
                </c:pt>
                <c:pt idx="8576">
                  <c:v>0.41941361059931581</c:v>
                </c:pt>
                <c:pt idx="8577">
                  <c:v>0.44784843165689653</c:v>
                </c:pt>
                <c:pt idx="8578">
                  <c:v>0.44784843165689653</c:v>
                </c:pt>
                <c:pt idx="8579">
                  <c:v>0.56869642115161478</c:v>
                </c:pt>
                <c:pt idx="8580">
                  <c:v>0.56869642115161478</c:v>
                </c:pt>
                <c:pt idx="8581">
                  <c:v>0.37676137901294476</c:v>
                </c:pt>
                <c:pt idx="8582">
                  <c:v>0.56869642115161478</c:v>
                </c:pt>
                <c:pt idx="8583">
                  <c:v>0.56869642115161478</c:v>
                </c:pt>
                <c:pt idx="8584">
                  <c:v>0.56869642115161478</c:v>
                </c:pt>
                <c:pt idx="8585">
                  <c:v>0.56869642115161478</c:v>
                </c:pt>
                <c:pt idx="8586">
                  <c:v>0.56869642115161478</c:v>
                </c:pt>
                <c:pt idx="8587">
                  <c:v>0.47628325271447725</c:v>
                </c:pt>
                <c:pt idx="8588">
                  <c:v>0.39097878954173509</c:v>
                </c:pt>
                <c:pt idx="8589">
                  <c:v>0.28434821057580739</c:v>
                </c:pt>
                <c:pt idx="8590">
                  <c:v>0.27013080004701695</c:v>
                </c:pt>
                <c:pt idx="8591">
                  <c:v>0.27013080004701695</c:v>
                </c:pt>
                <c:pt idx="8592">
                  <c:v>0.24071655111589776</c:v>
                </c:pt>
                <c:pt idx="8593">
                  <c:v>0.24071655111589776</c:v>
                </c:pt>
                <c:pt idx="8594">
                  <c:v>0.24071655111589776</c:v>
                </c:pt>
                <c:pt idx="8595">
                  <c:v>0.24071655111589776</c:v>
                </c:pt>
                <c:pt idx="8596">
                  <c:v>0.24071655111589776</c:v>
                </c:pt>
                <c:pt idx="8597">
                  <c:v>0.31293151645066708</c:v>
                </c:pt>
                <c:pt idx="8598">
                  <c:v>0.3490389991180517</c:v>
                </c:pt>
                <c:pt idx="8599">
                  <c:v>0.36107482667384672</c:v>
                </c:pt>
                <c:pt idx="8600">
                  <c:v>0.36107482667384672</c:v>
                </c:pt>
                <c:pt idx="8601">
                  <c:v>0.39116439556333388</c:v>
                </c:pt>
                <c:pt idx="8602">
                  <c:v>0.40921813689702619</c:v>
                </c:pt>
                <c:pt idx="8603">
                  <c:v>0.48143310223179553</c:v>
                </c:pt>
                <c:pt idx="8604">
                  <c:v>0.48143310223179553</c:v>
                </c:pt>
                <c:pt idx="8605">
                  <c:v>0.48143310223179553</c:v>
                </c:pt>
                <c:pt idx="8606">
                  <c:v>0.48143310223179553</c:v>
                </c:pt>
                <c:pt idx="8607">
                  <c:v>0.48143310223179553</c:v>
                </c:pt>
                <c:pt idx="8608">
                  <c:v>0.48143310223179553</c:v>
                </c:pt>
                <c:pt idx="8609">
                  <c:v>0.48143310223179553</c:v>
                </c:pt>
                <c:pt idx="8610">
                  <c:v>0.48143310223179553</c:v>
                </c:pt>
                <c:pt idx="8611">
                  <c:v>0.40320022311912879</c:v>
                </c:pt>
                <c:pt idx="8612">
                  <c:v>0.33098525778435944</c:v>
                </c:pt>
                <c:pt idx="8613">
                  <c:v>0.24071655111589776</c:v>
                </c:pt>
                <c:pt idx="8614">
                  <c:v>0.24071655111589776</c:v>
                </c:pt>
                <c:pt idx="8615">
                  <c:v>0.24071655111589776</c:v>
                </c:pt>
                <c:pt idx="8616">
                  <c:v>0.20974293512566566</c:v>
                </c:pt>
                <c:pt idx="8617">
                  <c:v>0.23596080201637382</c:v>
                </c:pt>
                <c:pt idx="8618">
                  <c:v>0.23596080201637382</c:v>
                </c:pt>
                <c:pt idx="8619">
                  <c:v>0.23596080201637382</c:v>
                </c:pt>
                <c:pt idx="8620">
                  <c:v>0.23596080201637382</c:v>
                </c:pt>
                <c:pt idx="8621">
                  <c:v>0.30412725593221518</c:v>
                </c:pt>
                <c:pt idx="8622">
                  <c:v>0.35131941633548996</c:v>
                </c:pt>
                <c:pt idx="8623">
                  <c:v>0.35131941633548996</c:v>
                </c:pt>
                <c:pt idx="8624">
                  <c:v>0.35131941633548996</c:v>
                </c:pt>
                <c:pt idx="8625">
                  <c:v>0.37753728322619817</c:v>
                </c:pt>
                <c:pt idx="8626">
                  <c:v>0.40899872349504801</c:v>
                </c:pt>
                <c:pt idx="8627">
                  <c:v>0.47192160403274763</c:v>
                </c:pt>
                <c:pt idx="8628">
                  <c:v>0.47192160403274763</c:v>
                </c:pt>
                <c:pt idx="8629">
                  <c:v>0.47192160403274763</c:v>
                </c:pt>
                <c:pt idx="8630">
                  <c:v>0.47192160403274763</c:v>
                </c:pt>
                <c:pt idx="8631">
                  <c:v>0.47192160403274763</c:v>
                </c:pt>
                <c:pt idx="8632">
                  <c:v>0.47192160403274763</c:v>
                </c:pt>
                <c:pt idx="8633">
                  <c:v>0.47192160403274763</c:v>
                </c:pt>
                <c:pt idx="8634">
                  <c:v>0.47192160403274763</c:v>
                </c:pt>
                <c:pt idx="8635">
                  <c:v>0.39326800336062312</c:v>
                </c:pt>
                <c:pt idx="8636">
                  <c:v>0.3146144026884985</c:v>
                </c:pt>
                <c:pt idx="8637">
                  <c:v>0.23596080201637382</c:v>
                </c:pt>
                <c:pt idx="8638">
                  <c:v>0.23596080201637382</c:v>
                </c:pt>
                <c:pt idx="8639">
                  <c:v>0.23596080201637382</c:v>
                </c:pt>
                <c:pt idx="8640">
                  <c:v>0.23725423730644338</c:v>
                </c:pt>
                <c:pt idx="8641">
                  <c:v>0.23725423730644338</c:v>
                </c:pt>
                <c:pt idx="8642">
                  <c:v>0.23725423730644338</c:v>
                </c:pt>
                <c:pt idx="8643">
                  <c:v>0.23725423730644338</c:v>
                </c:pt>
                <c:pt idx="8644">
                  <c:v>0.23725423730644338</c:v>
                </c:pt>
                <c:pt idx="8645">
                  <c:v>0.3057943503060826</c:v>
                </c:pt>
                <c:pt idx="8646">
                  <c:v>0.35324519776737134</c:v>
                </c:pt>
                <c:pt idx="8647">
                  <c:v>0.35324519776737134</c:v>
                </c:pt>
                <c:pt idx="8648">
                  <c:v>0.35324519776737134</c:v>
                </c:pt>
                <c:pt idx="8649">
                  <c:v>0.37960677969030943</c:v>
                </c:pt>
                <c:pt idx="8650">
                  <c:v>0.4112406779978352</c:v>
                </c:pt>
                <c:pt idx="8651">
                  <c:v>0.47450847461288675</c:v>
                </c:pt>
                <c:pt idx="8652">
                  <c:v>0.47450847461288675</c:v>
                </c:pt>
                <c:pt idx="8653">
                  <c:v>0.47450847461288675</c:v>
                </c:pt>
                <c:pt idx="8654">
                  <c:v>0.47450847461288675</c:v>
                </c:pt>
                <c:pt idx="8655">
                  <c:v>0.47450847461288675</c:v>
                </c:pt>
                <c:pt idx="8656">
                  <c:v>0.47450847461288675</c:v>
                </c:pt>
                <c:pt idx="8657">
                  <c:v>0.47450847461288675</c:v>
                </c:pt>
                <c:pt idx="8658">
                  <c:v>0.47450847461288675</c:v>
                </c:pt>
                <c:pt idx="8659">
                  <c:v>0.39542372884407234</c:v>
                </c:pt>
                <c:pt idx="8660">
                  <c:v>0.31633898307525793</c:v>
                </c:pt>
                <c:pt idx="8661">
                  <c:v>0.23725423730644338</c:v>
                </c:pt>
                <c:pt idx="8662">
                  <c:v>0.23725423730644338</c:v>
                </c:pt>
                <c:pt idx="8663">
                  <c:v>0.23725423730644338</c:v>
                </c:pt>
                <c:pt idx="8664">
                  <c:v>0.27013428749228191</c:v>
                </c:pt>
                <c:pt idx="8665">
                  <c:v>0.27013428749228191</c:v>
                </c:pt>
                <c:pt idx="8666">
                  <c:v>0.27013428749228191</c:v>
                </c:pt>
                <c:pt idx="8667">
                  <c:v>0.27013428749228191</c:v>
                </c:pt>
                <c:pt idx="8668">
                  <c:v>0.27013428749228191</c:v>
                </c:pt>
                <c:pt idx="8669">
                  <c:v>0.3481730816567189</c:v>
                </c:pt>
                <c:pt idx="8670">
                  <c:v>0.4202088916546608</c:v>
                </c:pt>
                <c:pt idx="8671">
                  <c:v>0.4202088916546608</c:v>
                </c:pt>
                <c:pt idx="8672">
                  <c:v>0.4202088916546608</c:v>
                </c:pt>
                <c:pt idx="8673">
                  <c:v>0.4502238124871365</c:v>
                </c:pt>
                <c:pt idx="8674">
                  <c:v>0.46823276498662197</c:v>
                </c:pt>
                <c:pt idx="8675">
                  <c:v>0.54026857498456382</c:v>
                </c:pt>
                <c:pt idx="8676">
                  <c:v>0.54026857498456382</c:v>
                </c:pt>
                <c:pt idx="8677">
                  <c:v>0.54026857498456382</c:v>
                </c:pt>
                <c:pt idx="8678">
                  <c:v>0.54026857498456382</c:v>
                </c:pt>
                <c:pt idx="8679">
                  <c:v>0.4502238124871365</c:v>
                </c:pt>
                <c:pt idx="8680">
                  <c:v>0.42621187582115594</c:v>
                </c:pt>
                <c:pt idx="8681">
                  <c:v>0.42621187582115594</c:v>
                </c:pt>
                <c:pt idx="8682">
                  <c:v>0.42621187582115594</c:v>
                </c:pt>
                <c:pt idx="8683">
                  <c:v>0.42621187582115594</c:v>
                </c:pt>
                <c:pt idx="8684">
                  <c:v>0.33016412915723342</c:v>
                </c:pt>
                <c:pt idx="8685">
                  <c:v>0.12606266749639822</c:v>
                </c:pt>
                <c:pt idx="8686">
                  <c:v>0.12606266749639822</c:v>
                </c:pt>
                <c:pt idx="8687">
                  <c:v>0.12606266749639822</c:v>
                </c:pt>
                <c:pt idx="8688">
                  <c:v>9.5171228982923878E-2</c:v>
                </c:pt>
                <c:pt idx="8689">
                  <c:v>0.18581049468094663</c:v>
                </c:pt>
                <c:pt idx="8690">
                  <c:v>0.18581049468094663</c:v>
                </c:pt>
                <c:pt idx="8691">
                  <c:v>0.18581049468094663</c:v>
                </c:pt>
                <c:pt idx="8692">
                  <c:v>0.18581049468094663</c:v>
                </c:pt>
                <c:pt idx="8693">
                  <c:v>0.23113012752995801</c:v>
                </c:pt>
                <c:pt idx="8694">
                  <c:v>0.29004565023367285</c:v>
                </c:pt>
                <c:pt idx="8695">
                  <c:v>0.33083331979778308</c:v>
                </c:pt>
                <c:pt idx="8696">
                  <c:v>0.33083331979778308</c:v>
                </c:pt>
                <c:pt idx="8697">
                  <c:v>0.33083331979778308</c:v>
                </c:pt>
                <c:pt idx="8698">
                  <c:v>0.33083331979778308</c:v>
                </c:pt>
                <c:pt idx="8699">
                  <c:v>0.33083331979778308</c:v>
                </c:pt>
                <c:pt idx="8700">
                  <c:v>0.33083331979778308</c:v>
                </c:pt>
                <c:pt idx="8701">
                  <c:v>0.33083331979778308</c:v>
                </c:pt>
                <c:pt idx="8702">
                  <c:v>0.33083331979778308</c:v>
                </c:pt>
                <c:pt idx="8703">
                  <c:v>0.29910957680347511</c:v>
                </c:pt>
                <c:pt idx="8704">
                  <c:v>0.27191779709406821</c:v>
                </c:pt>
                <c:pt idx="8705">
                  <c:v>0.24472601738466143</c:v>
                </c:pt>
                <c:pt idx="8706">
                  <c:v>0.23566209081485914</c:v>
                </c:pt>
                <c:pt idx="8707">
                  <c:v>0.19034245796584776</c:v>
                </c:pt>
                <c:pt idx="8708">
                  <c:v>0.14049086183193527</c:v>
                </c:pt>
                <c:pt idx="8709">
                  <c:v>0.14049086183193527</c:v>
                </c:pt>
                <c:pt idx="8710">
                  <c:v>0.14049086183193527</c:v>
                </c:pt>
                <c:pt idx="8711">
                  <c:v>0.14049086183193527</c:v>
                </c:pt>
                <c:pt idx="8712">
                  <c:v>0.15626816872369473</c:v>
                </c:pt>
                <c:pt idx="8713">
                  <c:v>0.18147271206622614</c:v>
                </c:pt>
                <c:pt idx="8714">
                  <c:v>0.18147271206622614</c:v>
                </c:pt>
                <c:pt idx="8715">
                  <c:v>0.18147271206622614</c:v>
                </c:pt>
                <c:pt idx="8716">
                  <c:v>0.18147271206622614</c:v>
                </c:pt>
                <c:pt idx="8717">
                  <c:v>0.22684089008278266</c:v>
                </c:pt>
                <c:pt idx="8718">
                  <c:v>0.26716815943083289</c:v>
                </c:pt>
                <c:pt idx="8719">
                  <c:v>0.31757724611589572</c:v>
                </c:pt>
                <c:pt idx="8720">
                  <c:v>0.31757724611589572</c:v>
                </c:pt>
                <c:pt idx="8721">
                  <c:v>0.31757724611589572</c:v>
                </c:pt>
                <c:pt idx="8722">
                  <c:v>0.31757724611589572</c:v>
                </c:pt>
                <c:pt idx="8723">
                  <c:v>0.31757724611589572</c:v>
                </c:pt>
                <c:pt idx="8724">
                  <c:v>0.31757724611589572</c:v>
                </c:pt>
                <c:pt idx="8725">
                  <c:v>0.31757724611589572</c:v>
                </c:pt>
                <c:pt idx="8726">
                  <c:v>0.31757724611589572</c:v>
                </c:pt>
                <c:pt idx="8727">
                  <c:v>0.28229088543635178</c:v>
                </c:pt>
                <c:pt idx="8728">
                  <c:v>0.27724997676784546</c:v>
                </c:pt>
                <c:pt idx="8729">
                  <c:v>0.23692270741979524</c:v>
                </c:pt>
                <c:pt idx="8730">
                  <c:v>0.22179998141427643</c:v>
                </c:pt>
                <c:pt idx="8731">
                  <c:v>0.18651362073473246</c:v>
                </c:pt>
                <c:pt idx="8732">
                  <c:v>0.15626816872369473</c:v>
                </c:pt>
                <c:pt idx="8733">
                  <c:v>0.13610453404966963</c:v>
                </c:pt>
                <c:pt idx="8734">
                  <c:v>0.13610453404966963</c:v>
                </c:pt>
                <c:pt idx="8735">
                  <c:v>0.13610453404966963</c:v>
                </c:pt>
                <c:pt idx="8736">
                  <c:v>8.4498340636386754E-2</c:v>
                </c:pt>
                <c:pt idx="8737">
                  <c:v>8.4498340636386754E-2</c:v>
                </c:pt>
                <c:pt idx="8738">
                  <c:v>8.4498340636386754E-2</c:v>
                </c:pt>
                <c:pt idx="8739">
                  <c:v>8.4498340636386754E-2</c:v>
                </c:pt>
                <c:pt idx="8740">
                  <c:v>8.4498340636386754E-2</c:v>
                </c:pt>
                <c:pt idx="8741">
                  <c:v>0.36615947609100929</c:v>
                </c:pt>
                <c:pt idx="8742">
                  <c:v>0.41545017479556828</c:v>
                </c:pt>
                <c:pt idx="8743">
                  <c:v>0.41545017479556828</c:v>
                </c:pt>
                <c:pt idx="8744">
                  <c:v>0.41545017479556828</c:v>
                </c:pt>
                <c:pt idx="8745">
                  <c:v>0.44361628834103051</c:v>
                </c:pt>
                <c:pt idx="8746">
                  <c:v>0.44361628834103051</c:v>
                </c:pt>
                <c:pt idx="8747">
                  <c:v>0.56332227090924514</c:v>
                </c:pt>
                <c:pt idx="8748">
                  <c:v>0.56332227090924514</c:v>
                </c:pt>
                <c:pt idx="8749">
                  <c:v>0.37320100447737486</c:v>
                </c:pt>
                <c:pt idx="8750">
                  <c:v>0.56332227090924514</c:v>
                </c:pt>
                <c:pt idx="8751">
                  <c:v>0.56332227090924514</c:v>
                </c:pt>
                <c:pt idx="8752">
                  <c:v>0.56332227090924514</c:v>
                </c:pt>
                <c:pt idx="8753">
                  <c:v>0.56332227090924514</c:v>
                </c:pt>
                <c:pt idx="8754">
                  <c:v>0.56332227090924514</c:v>
                </c:pt>
                <c:pt idx="8755">
                  <c:v>0.47178240188649279</c:v>
                </c:pt>
                <c:pt idx="8756">
                  <c:v>0.38728406125010595</c:v>
                </c:pt>
                <c:pt idx="8757">
                  <c:v>0.28166113545462257</c:v>
                </c:pt>
                <c:pt idx="8758">
                  <c:v>0.26757807868189143</c:v>
                </c:pt>
                <c:pt idx="8759">
                  <c:v>0.26757807868189143</c:v>
                </c:pt>
              </c:numCache>
            </c:numRef>
          </c:val>
          <c:extLst>
            <c:ext xmlns:c16="http://schemas.microsoft.com/office/drawing/2014/chart" uri="{C3380CC4-5D6E-409C-BE32-E72D297353CC}">
              <c16:uniqueId val="{00000000-2C0B-4701-B4D5-C67566BB76AF}"/>
            </c:ext>
          </c:extLst>
        </c:ser>
        <c:dLbls>
          <c:showLegendKey val="0"/>
          <c:showVal val="0"/>
          <c:showCatName val="0"/>
          <c:showSerName val="0"/>
          <c:showPercent val="0"/>
          <c:showBubbleSize val="0"/>
        </c:dLbls>
        <c:axId val="1789561167"/>
        <c:axId val="1789564047"/>
      </c:areaChart>
      <c:lineChart>
        <c:grouping val="standard"/>
        <c:varyColors val="0"/>
        <c:ser>
          <c:idx val="1"/>
          <c:order val="5"/>
          <c:tx>
            <c:strRef>
              <c:f>Output!$R$7</c:f>
              <c:strCache>
                <c:ptCount val="1"/>
                <c:pt idx="0">
                  <c:v>Electricity</c:v>
                </c:pt>
              </c:strCache>
            </c:strRef>
          </c:tx>
          <c:spPr>
            <a:ln w="19050" cap="rnd">
              <a:solidFill>
                <a:schemeClr val="accent2"/>
              </a:solidFill>
              <a:round/>
            </a:ln>
            <a:effectLst/>
          </c:spPr>
          <c:marker>
            <c:symbol val="none"/>
          </c:marker>
          <c:val>
            <c:numRef>
              <c:f>Output!$R$8:$R$8743</c:f>
              <c:numCache>
                <c:formatCode>_(* #,##0.00_);_(* \(#,##0.00\);_(* "-"??_);_(@_)</c:formatCode>
                <c:ptCount val="8736"/>
                <c:pt idx="0">
                  <c:v>45.235063748903443</c:v>
                </c:pt>
                <c:pt idx="1">
                  <c:v>45.522892303918894</c:v>
                </c:pt>
                <c:pt idx="2">
                  <c:v>46.361233054514209</c:v>
                </c:pt>
                <c:pt idx="3">
                  <c:v>47.055945947066405</c:v>
                </c:pt>
                <c:pt idx="4">
                  <c:v>49.397788748252843</c:v>
                </c:pt>
                <c:pt idx="5">
                  <c:v>53.576351765269514</c:v>
                </c:pt>
                <c:pt idx="6">
                  <c:v>58.056627002555558</c:v>
                </c:pt>
                <c:pt idx="7">
                  <c:v>60.763574655897585</c:v>
                </c:pt>
                <c:pt idx="8">
                  <c:v>61.404308060984057</c:v>
                </c:pt>
                <c:pt idx="9">
                  <c:v>61.291746584353845</c:v>
                </c:pt>
                <c:pt idx="10">
                  <c:v>61.962755976305182</c:v>
                </c:pt>
                <c:pt idx="11">
                  <c:v>62.646338325632449</c:v>
                </c:pt>
                <c:pt idx="12">
                  <c:v>62.159406171237222</c:v>
                </c:pt>
                <c:pt idx="13">
                  <c:v>61.795609712538123</c:v>
                </c:pt>
                <c:pt idx="14">
                  <c:v>62.153863779054014</c:v>
                </c:pt>
                <c:pt idx="15">
                  <c:v>61.227940141753059</c:v>
                </c:pt>
                <c:pt idx="16">
                  <c:v>60.326253851864429</c:v>
                </c:pt>
                <c:pt idx="17">
                  <c:v>59.766884875250554</c:v>
                </c:pt>
                <c:pt idx="18">
                  <c:v>58.587833019885309</c:v>
                </c:pt>
                <c:pt idx="19">
                  <c:v>57.696049296104555</c:v>
                </c:pt>
                <c:pt idx="20">
                  <c:v>57.050656097580877</c:v>
                </c:pt>
                <c:pt idx="21">
                  <c:v>55.237023334350113</c:v>
                </c:pt>
                <c:pt idx="22">
                  <c:v>54.826778143009356</c:v>
                </c:pt>
                <c:pt idx="23">
                  <c:v>53.354663374253001</c:v>
                </c:pt>
                <c:pt idx="24">
                  <c:v>52.552500738335461</c:v>
                </c:pt>
                <c:pt idx="25">
                  <c:v>52.241561782643167</c:v>
                </c:pt>
                <c:pt idx="26">
                  <c:v>52.944982097589154</c:v>
                </c:pt>
                <c:pt idx="27">
                  <c:v>53.238527038287145</c:v>
                </c:pt>
                <c:pt idx="28">
                  <c:v>54.959347479485693</c:v>
                </c:pt>
                <c:pt idx="29">
                  <c:v>57.946569278847065</c:v>
                </c:pt>
                <c:pt idx="30">
                  <c:v>61.088666396988543</c:v>
                </c:pt>
                <c:pt idx="31">
                  <c:v>62.765959866522344</c:v>
                </c:pt>
                <c:pt idx="32">
                  <c:v>63.154162213512997</c:v>
                </c:pt>
                <c:pt idx="33">
                  <c:v>62.327828073512769</c:v>
                </c:pt>
                <c:pt idx="34">
                  <c:v>63.234268459706897</c:v>
                </c:pt>
                <c:pt idx="35">
                  <c:v>63.378659586493775</c:v>
                </c:pt>
                <c:pt idx="36">
                  <c:v>62.271774511356583</c:v>
                </c:pt>
                <c:pt idx="37">
                  <c:v>62.48964430307398</c:v>
                </c:pt>
                <c:pt idx="38">
                  <c:v>62.856153479494914</c:v>
                </c:pt>
                <c:pt idx="39">
                  <c:v>61.40129544915731</c:v>
                </c:pt>
                <c:pt idx="40">
                  <c:v>60.407928353973688</c:v>
                </c:pt>
                <c:pt idx="41">
                  <c:v>60.208154043095462</c:v>
                </c:pt>
                <c:pt idx="42">
                  <c:v>58.895270981591807</c:v>
                </c:pt>
                <c:pt idx="43">
                  <c:v>57.041238402772379</c:v>
                </c:pt>
                <c:pt idx="44">
                  <c:v>54.086920596248902</c:v>
                </c:pt>
                <c:pt idx="45">
                  <c:v>51.517942609237984</c:v>
                </c:pt>
                <c:pt idx="46">
                  <c:v>51.533547537203347</c:v>
                </c:pt>
                <c:pt idx="47">
                  <c:v>50.99651421848386</c:v>
                </c:pt>
                <c:pt idx="48">
                  <c:v>51.150228227253677</c:v>
                </c:pt>
                <c:pt idx="49">
                  <c:v>51.84840784858558</c:v>
                </c:pt>
                <c:pt idx="50">
                  <c:v>52.952112222132854</c:v>
                </c:pt>
                <c:pt idx="51">
                  <c:v>52.903642116923692</c:v>
                </c:pt>
                <c:pt idx="52">
                  <c:v>54.060849520932358</c:v>
                </c:pt>
                <c:pt idx="53">
                  <c:v>57.0254018169082</c:v>
                </c:pt>
                <c:pt idx="54">
                  <c:v>60.320240416069488</c:v>
                </c:pt>
                <c:pt idx="55">
                  <c:v>62.669407341315093</c:v>
                </c:pt>
                <c:pt idx="56">
                  <c:v>63.879879253076858</c:v>
                </c:pt>
                <c:pt idx="57">
                  <c:v>63.413052321139702</c:v>
                </c:pt>
                <c:pt idx="58">
                  <c:v>64.240252643184448</c:v>
                </c:pt>
                <c:pt idx="59">
                  <c:v>64.245439144031252</c:v>
                </c:pt>
                <c:pt idx="60">
                  <c:v>63.330414078236565</c:v>
                </c:pt>
                <c:pt idx="61">
                  <c:v>63.096545416559245</c:v>
                </c:pt>
                <c:pt idx="62">
                  <c:v>63.569492228065521</c:v>
                </c:pt>
                <c:pt idx="63">
                  <c:v>61.679960091563302</c:v>
                </c:pt>
                <c:pt idx="64">
                  <c:v>60.643961941191293</c:v>
                </c:pt>
                <c:pt idx="65">
                  <c:v>59.566101515835975</c:v>
                </c:pt>
                <c:pt idx="66">
                  <c:v>57.905113675176466</c:v>
                </c:pt>
                <c:pt idx="67">
                  <c:v>56.707665895682389</c:v>
                </c:pt>
                <c:pt idx="68">
                  <c:v>55.597468765729602</c:v>
                </c:pt>
                <c:pt idx="69">
                  <c:v>54.018990109555304</c:v>
                </c:pt>
                <c:pt idx="70">
                  <c:v>54.072716579757895</c:v>
                </c:pt>
                <c:pt idx="71">
                  <c:v>53.266812622682053</c:v>
                </c:pt>
                <c:pt idx="72">
                  <c:v>52.481743126966862</c:v>
                </c:pt>
                <c:pt idx="73">
                  <c:v>52.123362257613273</c:v>
                </c:pt>
                <c:pt idx="74">
                  <c:v>52.444968734938975</c:v>
                </c:pt>
                <c:pt idx="75">
                  <c:v>52.214432820574352</c:v>
                </c:pt>
                <c:pt idx="76">
                  <c:v>52.95625436970893</c:v>
                </c:pt>
                <c:pt idx="77">
                  <c:v>54.989352306376702</c:v>
                </c:pt>
                <c:pt idx="78">
                  <c:v>57.285464806652556</c:v>
                </c:pt>
                <c:pt idx="79">
                  <c:v>57.899793016338975</c:v>
                </c:pt>
                <c:pt idx="80">
                  <c:v>57.870831228598043</c:v>
                </c:pt>
                <c:pt idx="81">
                  <c:v>56.882445749119299</c:v>
                </c:pt>
                <c:pt idx="82">
                  <c:v>56.116924582904652</c:v>
                </c:pt>
                <c:pt idx="83">
                  <c:v>55.746223714597051</c:v>
                </c:pt>
                <c:pt idx="84">
                  <c:v>53.122779113240796</c:v>
                </c:pt>
                <c:pt idx="85">
                  <c:v>51.39508642896952</c:v>
                </c:pt>
                <c:pt idx="86">
                  <c:v>50.044586526020488</c:v>
                </c:pt>
                <c:pt idx="87">
                  <c:v>48.235694776729744</c:v>
                </c:pt>
                <c:pt idx="88">
                  <c:v>45.910511357856201</c:v>
                </c:pt>
                <c:pt idx="89">
                  <c:v>43.4914860720544</c:v>
                </c:pt>
                <c:pt idx="90">
                  <c:v>40.324656359532078</c:v>
                </c:pt>
                <c:pt idx="91">
                  <c:v>38.721320404809553</c:v>
                </c:pt>
                <c:pt idx="92">
                  <c:v>38.442243756153239</c:v>
                </c:pt>
                <c:pt idx="93">
                  <c:v>37.747336981768008</c:v>
                </c:pt>
                <c:pt idx="94">
                  <c:v>37.89252840804231</c:v>
                </c:pt>
                <c:pt idx="95">
                  <c:v>37.545054230283888</c:v>
                </c:pt>
                <c:pt idx="96">
                  <c:v>42.95596785601127</c:v>
                </c:pt>
                <c:pt idx="97">
                  <c:v>43.359888439550929</c:v>
                </c:pt>
                <c:pt idx="98">
                  <c:v>43.982557628101915</c:v>
                </c:pt>
                <c:pt idx="99">
                  <c:v>44.487969986872457</c:v>
                </c:pt>
                <c:pt idx="100">
                  <c:v>46.463766868594369</c:v>
                </c:pt>
                <c:pt idx="101">
                  <c:v>49.913687927257925</c:v>
                </c:pt>
                <c:pt idx="102">
                  <c:v>53.323675604715348</c:v>
                </c:pt>
                <c:pt idx="103">
                  <c:v>55.039722473163266</c:v>
                </c:pt>
                <c:pt idx="104">
                  <c:v>56.497310383246358</c:v>
                </c:pt>
                <c:pt idx="105">
                  <c:v>56.672695261761994</c:v>
                </c:pt>
                <c:pt idx="106">
                  <c:v>57.566975971723721</c:v>
                </c:pt>
                <c:pt idx="107">
                  <c:v>58.612806059121091</c:v>
                </c:pt>
                <c:pt idx="108">
                  <c:v>57.907367549033673</c:v>
                </c:pt>
                <c:pt idx="109">
                  <c:v>57.959894187838017</c:v>
                </c:pt>
                <c:pt idx="110">
                  <c:v>58.317719949084534</c:v>
                </c:pt>
                <c:pt idx="111">
                  <c:v>57.404905155800073</c:v>
                </c:pt>
                <c:pt idx="112">
                  <c:v>56.621898064599243</c:v>
                </c:pt>
                <c:pt idx="113">
                  <c:v>55.871139416159913</c:v>
                </c:pt>
                <c:pt idx="114">
                  <c:v>54.682168715281485</c:v>
                </c:pt>
                <c:pt idx="115">
                  <c:v>53.904279319922892</c:v>
                </c:pt>
                <c:pt idx="116">
                  <c:v>53.667303822005501</c:v>
                </c:pt>
                <c:pt idx="117">
                  <c:v>52.737349894295271</c:v>
                </c:pt>
                <c:pt idx="118">
                  <c:v>52.758669952663709</c:v>
                </c:pt>
                <c:pt idx="119">
                  <c:v>51.964606575862604</c:v>
                </c:pt>
                <c:pt idx="120">
                  <c:v>51.319774251885946</c:v>
                </c:pt>
                <c:pt idx="121">
                  <c:v>51.241133936718896</c:v>
                </c:pt>
                <c:pt idx="122">
                  <c:v>51.157195616585575</c:v>
                </c:pt>
                <c:pt idx="123">
                  <c:v>50.378370881130543</c:v>
                </c:pt>
                <c:pt idx="124">
                  <c:v>50.040000009520888</c:v>
                </c:pt>
                <c:pt idx="125">
                  <c:v>50.510807844466662</c:v>
                </c:pt>
                <c:pt idx="126">
                  <c:v>51.463195792984038</c:v>
                </c:pt>
                <c:pt idx="127">
                  <c:v>51.743171555156572</c:v>
                </c:pt>
                <c:pt idx="128">
                  <c:v>51.430481092363685</c:v>
                </c:pt>
                <c:pt idx="129">
                  <c:v>50.336960585202405</c:v>
                </c:pt>
                <c:pt idx="130">
                  <c:v>50.594651430229355</c:v>
                </c:pt>
                <c:pt idx="131">
                  <c:v>50.515720772849427</c:v>
                </c:pt>
                <c:pt idx="132">
                  <c:v>49.344998245786407</c:v>
                </c:pt>
                <c:pt idx="133">
                  <c:v>48.757957967542275</c:v>
                </c:pt>
                <c:pt idx="134">
                  <c:v>48.274634035456685</c:v>
                </c:pt>
                <c:pt idx="135">
                  <c:v>47.651178806608243</c:v>
                </c:pt>
                <c:pt idx="136">
                  <c:v>47.009063456535287</c:v>
                </c:pt>
                <c:pt idx="137">
                  <c:v>45.83365681499582</c:v>
                </c:pt>
                <c:pt idx="138">
                  <c:v>44.187247593672943</c:v>
                </c:pt>
                <c:pt idx="139">
                  <c:v>43.894738905770552</c:v>
                </c:pt>
                <c:pt idx="140">
                  <c:v>44.097184039419126</c:v>
                </c:pt>
                <c:pt idx="141">
                  <c:v>43.901638000055144</c:v>
                </c:pt>
                <c:pt idx="142">
                  <c:v>44.586567911480344</c:v>
                </c:pt>
                <c:pt idx="143">
                  <c:v>44.57155912356891</c:v>
                </c:pt>
                <c:pt idx="144">
                  <c:v>41.658671010963744</c:v>
                </c:pt>
                <c:pt idx="145">
                  <c:v>41.699324294931586</c:v>
                </c:pt>
                <c:pt idx="146">
                  <c:v>42.006940820139128</c:v>
                </c:pt>
                <c:pt idx="147">
                  <c:v>41.547967092933469</c:v>
                </c:pt>
                <c:pt idx="148">
                  <c:v>41.490477079203657</c:v>
                </c:pt>
                <c:pt idx="149">
                  <c:v>41.650254695718729</c:v>
                </c:pt>
                <c:pt idx="150">
                  <c:v>42.093859389425994</c:v>
                </c:pt>
                <c:pt idx="151">
                  <c:v>42.041132827756293</c:v>
                </c:pt>
                <c:pt idx="152">
                  <c:v>41.618715642753578</c:v>
                </c:pt>
                <c:pt idx="153">
                  <c:v>41.081619520834352</c:v>
                </c:pt>
                <c:pt idx="154">
                  <c:v>41.452955874360974</c:v>
                </c:pt>
                <c:pt idx="155">
                  <c:v>41.627530979952169</c:v>
                </c:pt>
                <c:pt idx="156">
                  <c:v>41.458550596006056</c:v>
                </c:pt>
                <c:pt idx="157">
                  <c:v>41.672710899667329</c:v>
                </c:pt>
                <c:pt idx="158">
                  <c:v>41.951979606078716</c:v>
                </c:pt>
                <c:pt idx="159">
                  <c:v>41.469378969932087</c:v>
                </c:pt>
                <c:pt idx="160">
                  <c:v>41.447435645705475</c:v>
                </c:pt>
                <c:pt idx="161">
                  <c:v>41.670434842668669</c:v>
                </c:pt>
                <c:pt idx="162">
                  <c:v>41.692208782625173</c:v>
                </c:pt>
                <c:pt idx="163">
                  <c:v>41.831830063272278</c:v>
                </c:pt>
                <c:pt idx="164">
                  <c:v>42.466387101214607</c:v>
                </c:pt>
                <c:pt idx="165">
                  <c:v>43.165537975403332</c:v>
                </c:pt>
                <c:pt idx="166">
                  <c:v>44.111534688240312</c:v>
                </c:pt>
                <c:pt idx="167">
                  <c:v>43.822190481363748</c:v>
                </c:pt>
                <c:pt idx="168">
                  <c:v>44.62340008559017</c:v>
                </c:pt>
                <c:pt idx="169">
                  <c:v>45.402029703546475</c:v>
                </c:pt>
                <c:pt idx="170">
                  <c:v>46.126095932957746</c:v>
                </c:pt>
                <c:pt idx="171">
                  <c:v>47.154497465562315</c:v>
                </c:pt>
                <c:pt idx="172">
                  <c:v>49.873721653807586</c:v>
                </c:pt>
                <c:pt idx="173">
                  <c:v>55.319087934160642</c:v>
                </c:pt>
                <c:pt idx="174">
                  <c:v>61.334236518673364</c:v>
                </c:pt>
                <c:pt idx="175">
                  <c:v>64.447362375636843</c:v>
                </c:pt>
                <c:pt idx="176">
                  <c:v>65.791536807780176</c:v>
                </c:pt>
                <c:pt idx="177">
                  <c:v>65.910797808876978</c:v>
                </c:pt>
                <c:pt idx="178">
                  <c:v>66.766782316234938</c:v>
                </c:pt>
                <c:pt idx="179">
                  <c:v>67.671335232873602</c:v>
                </c:pt>
                <c:pt idx="180">
                  <c:v>67.402273419380535</c:v>
                </c:pt>
                <c:pt idx="181">
                  <c:v>67.728929258273666</c:v>
                </c:pt>
                <c:pt idx="182">
                  <c:v>68.797102437173407</c:v>
                </c:pt>
                <c:pt idx="183">
                  <c:v>68.341095484481002</c:v>
                </c:pt>
                <c:pt idx="184">
                  <c:v>68.306988639728672</c:v>
                </c:pt>
                <c:pt idx="185">
                  <c:v>67.818087893343829</c:v>
                </c:pt>
                <c:pt idx="186">
                  <c:v>66.179318479246817</c:v>
                </c:pt>
                <c:pt idx="187">
                  <c:v>64.898940584764915</c:v>
                </c:pt>
                <c:pt idx="188">
                  <c:v>64.269953143265013</c:v>
                </c:pt>
                <c:pt idx="189">
                  <c:v>62.689927806290818</c:v>
                </c:pt>
                <c:pt idx="190">
                  <c:v>63.036933588292584</c:v>
                </c:pt>
                <c:pt idx="191">
                  <c:v>61.762831855670697</c:v>
                </c:pt>
                <c:pt idx="192">
                  <c:v>61.386185885842941</c:v>
                </c:pt>
                <c:pt idx="193">
                  <c:v>61.030402699618321</c:v>
                </c:pt>
                <c:pt idx="194">
                  <c:v>61.69694237489967</c:v>
                </c:pt>
                <c:pt idx="195">
                  <c:v>61.922310558767933</c:v>
                </c:pt>
                <c:pt idx="196">
                  <c:v>63.457925521167979</c:v>
                </c:pt>
                <c:pt idx="197">
                  <c:v>66.946871079878292</c:v>
                </c:pt>
                <c:pt idx="198">
                  <c:v>70.478150035638578</c:v>
                </c:pt>
                <c:pt idx="199">
                  <c:v>72.392649896052689</c:v>
                </c:pt>
                <c:pt idx="200">
                  <c:v>72.946513550454469</c:v>
                </c:pt>
                <c:pt idx="201">
                  <c:v>71.482662423580635</c:v>
                </c:pt>
                <c:pt idx="202">
                  <c:v>71.535970748431865</c:v>
                </c:pt>
                <c:pt idx="203">
                  <c:v>72.445333052512837</c:v>
                </c:pt>
                <c:pt idx="204">
                  <c:v>71.577873859224582</c:v>
                </c:pt>
                <c:pt idx="205">
                  <c:v>71.514386767560126</c:v>
                </c:pt>
                <c:pt idx="206">
                  <c:v>71.535074655431799</c:v>
                </c:pt>
                <c:pt idx="207">
                  <c:v>70.085363584638515</c:v>
                </c:pt>
                <c:pt idx="208">
                  <c:v>69.436533901724289</c:v>
                </c:pt>
                <c:pt idx="209">
                  <c:v>68.729960226743771</c:v>
                </c:pt>
                <c:pt idx="210">
                  <c:v>67.564615630642919</c:v>
                </c:pt>
                <c:pt idx="211">
                  <c:v>66.899621204358354</c:v>
                </c:pt>
                <c:pt idx="212">
                  <c:v>65.886694658682813</c:v>
                </c:pt>
                <c:pt idx="213">
                  <c:v>63.525638452242767</c:v>
                </c:pt>
                <c:pt idx="214">
                  <c:v>62.969541439957212</c:v>
                </c:pt>
                <c:pt idx="215">
                  <c:v>62.61120281860245</c:v>
                </c:pt>
                <c:pt idx="216">
                  <c:v>62.274549090818567</c:v>
                </c:pt>
                <c:pt idx="217">
                  <c:v>62.152897527701235</c:v>
                </c:pt>
                <c:pt idx="218">
                  <c:v>62.917961399536821</c:v>
                </c:pt>
                <c:pt idx="219">
                  <c:v>62.540380756479841</c:v>
                </c:pt>
                <c:pt idx="220">
                  <c:v>63.5590147243581</c:v>
                </c:pt>
                <c:pt idx="221">
                  <c:v>66.774635011009153</c:v>
                </c:pt>
                <c:pt idx="222">
                  <c:v>70.524128979947946</c:v>
                </c:pt>
                <c:pt idx="223">
                  <c:v>72.29042078144407</c:v>
                </c:pt>
                <c:pt idx="224">
                  <c:v>73.240559955676986</c:v>
                </c:pt>
                <c:pt idx="225">
                  <c:v>72.438281559458105</c:v>
                </c:pt>
                <c:pt idx="226">
                  <c:v>73.240705862298725</c:v>
                </c:pt>
                <c:pt idx="227">
                  <c:v>73.210439407712144</c:v>
                </c:pt>
                <c:pt idx="228">
                  <c:v>71.681807525637069</c:v>
                </c:pt>
                <c:pt idx="229">
                  <c:v>71.395129591142876</c:v>
                </c:pt>
                <c:pt idx="230">
                  <c:v>71.666601305805429</c:v>
                </c:pt>
                <c:pt idx="231">
                  <c:v>70.496832516528215</c:v>
                </c:pt>
                <c:pt idx="232">
                  <c:v>69.423683664887193</c:v>
                </c:pt>
                <c:pt idx="233">
                  <c:v>68.48609465686279</c:v>
                </c:pt>
                <c:pt idx="234">
                  <c:v>67.136996489165227</c:v>
                </c:pt>
                <c:pt idx="235">
                  <c:v>66.022696066457939</c:v>
                </c:pt>
                <c:pt idx="236">
                  <c:v>64.609957741458572</c:v>
                </c:pt>
                <c:pt idx="237">
                  <c:v>62.169843525616145</c:v>
                </c:pt>
                <c:pt idx="238">
                  <c:v>62.272220586675601</c:v>
                </c:pt>
                <c:pt idx="239">
                  <c:v>61.788226354980139</c:v>
                </c:pt>
                <c:pt idx="240">
                  <c:v>61.343408845577869</c:v>
                </c:pt>
                <c:pt idx="241">
                  <c:v>61.437494158263483</c:v>
                </c:pt>
                <c:pt idx="242">
                  <c:v>62.116010945072965</c:v>
                </c:pt>
                <c:pt idx="243">
                  <c:v>62.458085518685039</c:v>
                </c:pt>
                <c:pt idx="244">
                  <c:v>63.735871104203135</c:v>
                </c:pt>
                <c:pt idx="245">
                  <c:v>66.681261559451286</c:v>
                </c:pt>
                <c:pt idx="246">
                  <c:v>70.614781946742426</c:v>
                </c:pt>
                <c:pt idx="247">
                  <c:v>72.503656767931531</c:v>
                </c:pt>
                <c:pt idx="248">
                  <c:v>72.973949291051383</c:v>
                </c:pt>
                <c:pt idx="249">
                  <c:v>72.507907065677273</c:v>
                </c:pt>
                <c:pt idx="250">
                  <c:v>73.363403818515891</c:v>
                </c:pt>
                <c:pt idx="251">
                  <c:v>73.89579821281896</c:v>
                </c:pt>
                <c:pt idx="252">
                  <c:v>72.362903578272366</c:v>
                </c:pt>
                <c:pt idx="253">
                  <c:v>71.932194252620988</c:v>
                </c:pt>
                <c:pt idx="254">
                  <c:v>72.07054799523479</c:v>
                </c:pt>
                <c:pt idx="255">
                  <c:v>71.306056295461218</c:v>
                </c:pt>
                <c:pt idx="256">
                  <c:v>70.739942467024534</c:v>
                </c:pt>
                <c:pt idx="257">
                  <c:v>69.389202099606806</c:v>
                </c:pt>
                <c:pt idx="258">
                  <c:v>67.145845483543937</c:v>
                </c:pt>
                <c:pt idx="259">
                  <c:v>65.945035085009124</c:v>
                </c:pt>
                <c:pt idx="260">
                  <c:v>64.874891901930425</c:v>
                </c:pt>
                <c:pt idx="261">
                  <c:v>62.549344922747622</c:v>
                </c:pt>
                <c:pt idx="262">
                  <c:v>62.513755985245609</c:v>
                </c:pt>
                <c:pt idx="263">
                  <c:v>61.025963129268753</c:v>
                </c:pt>
                <c:pt idx="264">
                  <c:v>59.944594629367025</c:v>
                </c:pt>
                <c:pt idx="265">
                  <c:v>59.620162733761809</c:v>
                </c:pt>
                <c:pt idx="266">
                  <c:v>59.820879504524584</c:v>
                </c:pt>
                <c:pt idx="267">
                  <c:v>59.999888080591781</c:v>
                </c:pt>
                <c:pt idx="268">
                  <c:v>61.27941938715675</c:v>
                </c:pt>
                <c:pt idx="269">
                  <c:v>63.901023278116867</c:v>
                </c:pt>
                <c:pt idx="270">
                  <c:v>67.46138531299448</c:v>
                </c:pt>
                <c:pt idx="271">
                  <c:v>68.894892942505791</c:v>
                </c:pt>
                <c:pt idx="272">
                  <c:v>69.669197495134412</c:v>
                </c:pt>
                <c:pt idx="273">
                  <c:v>68.382115349274258</c:v>
                </c:pt>
                <c:pt idx="274">
                  <c:v>68.275221851612969</c:v>
                </c:pt>
                <c:pt idx="275">
                  <c:v>68.925630832978939</c:v>
                </c:pt>
                <c:pt idx="276">
                  <c:v>67.738243314073017</c:v>
                </c:pt>
                <c:pt idx="277">
                  <c:v>66.874204953409773</c:v>
                </c:pt>
                <c:pt idx="278">
                  <c:v>66.899087337933139</c:v>
                </c:pt>
                <c:pt idx="279">
                  <c:v>66.165305167162742</c:v>
                </c:pt>
                <c:pt idx="280">
                  <c:v>64.885076886299672</c:v>
                </c:pt>
                <c:pt idx="281">
                  <c:v>64.815111983900593</c:v>
                </c:pt>
                <c:pt idx="282">
                  <c:v>62.385453637808887</c:v>
                </c:pt>
                <c:pt idx="283">
                  <c:v>61.443384027488051</c:v>
                </c:pt>
                <c:pt idx="284">
                  <c:v>60.79317477285003</c:v>
                </c:pt>
                <c:pt idx="285">
                  <c:v>58.996061232136618</c:v>
                </c:pt>
                <c:pt idx="286">
                  <c:v>58.587992303078629</c:v>
                </c:pt>
                <c:pt idx="287">
                  <c:v>57.64386499554135</c:v>
                </c:pt>
                <c:pt idx="288">
                  <c:v>56.539222359450164</c:v>
                </c:pt>
                <c:pt idx="289">
                  <c:v>55.424411057622514</c:v>
                </c:pt>
                <c:pt idx="290">
                  <c:v>55.171947137363254</c:v>
                </c:pt>
                <c:pt idx="291">
                  <c:v>54.133408321008325</c:v>
                </c:pt>
                <c:pt idx="292">
                  <c:v>52.722680718314933</c:v>
                </c:pt>
                <c:pt idx="293">
                  <c:v>52.048259476832115</c:v>
                </c:pt>
                <c:pt idx="294">
                  <c:v>52.012785848515371</c:v>
                </c:pt>
                <c:pt idx="295">
                  <c:v>51.971298549038778</c:v>
                </c:pt>
                <c:pt idx="296">
                  <c:v>51.501062180060337</c:v>
                </c:pt>
                <c:pt idx="297">
                  <c:v>50.42119460209998</c:v>
                </c:pt>
                <c:pt idx="298">
                  <c:v>50.538773528740506</c:v>
                </c:pt>
                <c:pt idx="299">
                  <c:v>50.506268969744745</c:v>
                </c:pt>
                <c:pt idx="300">
                  <c:v>49.212828460834665</c:v>
                </c:pt>
                <c:pt idx="301">
                  <c:v>48.440902388161909</c:v>
                </c:pt>
                <c:pt idx="302">
                  <c:v>47.884704404335984</c:v>
                </c:pt>
                <c:pt idx="303">
                  <c:v>47.151804538105488</c:v>
                </c:pt>
                <c:pt idx="304">
                  <c:v>46.865437873686169</c:v>
                </c:pt>
                <c:pt idx="305">
                  <c:v>46.332784872203689</c:v>
                </c:pt>
                <c:pt idx="306">
                  <c:v>45.380749637596608</c:v>
                </c:pt>
                <c:pt idx="307">
                  <c:v>45.151754814115606</c:v>
                </c:pt>
                <c:pt idx="308">
                  <c:v>45.413384098401195</c:v>
                </c:pt>
                <c:pt idx="309">
                  <c:v>44.982883443343795</c:v>
                </c:pt>
                <c:pt idx="310">
                  <c:v>45.011688948793825</c:v>
                </c:pt>
                <c:pt idx="311">
                  <c:v>44.483415558453672</c:v>
                </c:pt>
                <c:pt idx="312">
                  <c:v>44.10341236336405</c:v>
                </c:pt>
                <c:pt idx="313">
                  <c:v>44.06651503240554</c:v>
                </c:pt>
                <c:pt idx="314">
                  <c:v>44.400328749286373</c:v>
                </c:pt>
                <c:pt idx="315">
                  <c:v>43.561748985639234</c:v>
                </c:pt>
                <c:pt idx="316">
                  <c:v>43.728031244487056</c:v>
                </c:pt>
                <c:pt idx="317">
                  <c:v>43.40343029804535</c:v>
                </c:pt>
                <c:pt idx="318">
                  <c:v>44.508088311309727</c:v>
                </c:pt>
                <c:pt idx="319">
                  <c:v>44.480925770515775</c:v>
                </c:pt>
                <c:pt idx="320">
                  <c:v>44.009459816093489</c:v>
                </c:pt>
                <c:pt idx="321">
                  <c:v>43.327079279152336</c:v>
                </c:pt>
                <c:pt idx="322">
                  <c:v>43.162656148003762</c:v>
                </c:pt>
                <c:pt idx="323">
                  <c:v>43.241867752614475</c:v>
                </c:pt>
                <c:pt idx="324">
                  <c:v>43.402446649304018</c:v>
                </c:pt>
                <c:pt idx="325">
                  <c:v>43.238137964336083</c:v>
                </c:pt>
                <c:pt idx="326">
                  <c:v>43.493404629389872</c:v>
                </c:pt>
                <c:pt idx="327">
                  <c:v>43.255093651439203</c:v>
                </c:pt>
                <c:pt idx="328">
                  <c:v>43.018407260068983</c:v>
                </c:pt>
                <c:pt idx="329">
                  <c:v>43.482295739735363</c:v>
                </c:pt>
                <c:pt idx="330">
                  <c:v>43.719870182471681</c:v>
                </c:pt>
                <c:pt idx="331">
                  <c:v>43.58853092178272</c:v>
                </c:pt>
                <c:pt idx="332">
                  <c:v>43.868515235546475</c:v>
                </c:pt>
                <c:pt idx="333">
                  <c:v>44.410444085260174</c:v>
                </c:pt>
                <c:pt idx="334">
                  <c:v>45.524166451783046</c:v>
                </c:pt>
                <c:pt idx="335">
                  <c:v>45.164021267555803</c:v>
                </c:pt>
                <c:pt idx="336">
                  <c:v>45.44749161002072</c:v>
                </c:pt>
                <c:pt idx="337">
                  <c:v>46.180085521500246</c:v>
                </c:pt>
                <c:pt idx="338">
                  <c:v>47.172860830880545</c:v>
                </c:pt>
                <c:pt idx="339">
                  <c:v>47.904179849173765</c:v>
                </c:pt>
                <c:pt idx="340">
                  <c:v>51.128783464717884</c:v>
                </c:pt>
                <c:pt idx="341">
                  <c:v>57.030990575975906</c:v>
                </c:pt>
                <c:pt idx="342">
                  <c:v>62.925994266138886</c:v>
                </c:pt>
                <c:pt idx="343">
                  <c:v>65.069110110620258</c:v>
                </c:pt>
                <c:pt idx="344">
                  <c:v>66.520158210932379</c:v>
                </c:pt>
                <c:pt idx="345">
                  <c:v>67.418143780107272</c:v>
                </c:pt>
                <c:pt idx="346">
                  <c:v>69.024002826900471</c:v>
                </c:pt>
                <c:pt idx="347">
                  <c:v>69.902287765873382</c:v>
                </c:pt>
                <c:pt idx="348">
                  <c:v>69.245908714694565</c:v>
                </c:pt>
                <c:pt idx="349">
                  <c:v>68.885860971534242</c:v>
                </c:pt>
                <c:pt idx="350">
                  <c:v>69.287428219934412</c:v>
                </c:pt>
                <c:pt idx="351">
                  <c:v>68.758975383474834</c:v>
                </c:pt>
                <c:pt idx="352">
                  <c:v>67.803540420628437</c:v>
                </c:pt>
                <c:pt idx="353">
                  <c:v>66.901509811510806</c:v>
                </c:pt>
                <c:pt idx="354">
                  <c:v>64.970436084696004</c:v>
                </c:pt>
                <c:pt idx="355">
                  <c:v>63.764644972688409</c:v>
                </c:pt>
                <c:pt idx="356">
                  <c:v>63.203666884735988</c:v>
                </c:pt>
                <c:pt idx="357">
                  <c:v>61.203776934282956</c:v>
                </c:pt>
                <c:pt idx="358">
                  <c:v>61.213428974072848</c:v>
                </c:pt>
                <c:pt idx="359">
                  <c:v>60.849005974020777</c:v>
                </c:pt>
                <c:pt idx="360">
                  <c:v>60.668562025135728</c:v>
                </c:pt>
                <c:pt idx="361">
                  <c:v>60.50220799960838</c:v>
                </c:pt>
                <c:pt idx="362">
                  <c:v>60.951090633424521</c:v>
                </c:pt>
                <c:pt idx="363">
                  <c:v>61.277636007726521</c:v>
                </c:pt>
                <c:pt idx="364">
                  <c:v>63.118205949863388</c:v>
                </c:pt>
                <c:pt idx="365">
                  <c:v>66.138562183909528</c:v>
                </c:pt>
                <c:pt idx="366">
                  <c:v>69.466146708767369</c:v>
                </c:pt>
                <c:pt idx="367">
                  <c:v>71.226445825806834</c:v>
                </c:pt>
                <c:pt idx="368">
                  <c:v>71.455623822018126</c:v>
                </c:pt>
                <c:pt idx="369">
                  <c:v>70.363964109724108</c:v>
                </c:pt>
                <c:pt idx="370">
                  <c:v>71.367500282532774</c:v>
                </c:pt>
                <c:pt idx="371">
                  <c:v>71.509659267487862</c:v>
                </c:pt>
                <c:pt idx="372">
                  <c:v>70.43055621355073</c:v>
                </c:pt>
                <c:pt idx="373">
                  <c:v>70.129037169019711</c:v>
                </c:pt>
                <c:pt idx="374">
                  <c:v>70.255070559632131</c:v>
                </c:pt>
                <c:pt idx="375">
                  <c:v>69.533573475356178</c:v>
                </c:pt>
                <c:pt idx="376">
                  <c:v>69.089607359237476</c:v>
                </c:pt>
                <c:pt idx="377">
                  <c:v>67.65318008703332</c:v>
                </c:pt>
                <c:pt idx="378">
                  <c:v>65.628895369280073</c:v>
                </c:pt>
                <c:pt idx="379">
                  <c:v>64.822740787817537</c:v>
                </c:pt>
                <c:pt idx="380">
                  <c:v>63.407182791364882</c:v>
                </c:pt>
                <c:pt idx="381">
                  <c:v>61.136673598288638</c:v>
                </c:pt>
                <c:pt idx="382">
                  <c:v>60.989322777549106</c:v>
                </c:pt>
                <c:pt idx="383">
                  <c:v>59.444593191871562</c:v>
                </c:pt>
                <c:pt idx="384">
                  <c:v>58.625361874087105</c:v>
                </c:pt>
                <c:pt idx="385">
                  <c:v>58.315630614903334</c:v>
                </c:pt>
                <c:pt idx="386">
                  <c:v>58.591621276726599</c:v>
                </c:pt>
                <c:pt idx="387">
                  <c:v>59.061987076784071</c:v>
                </c:pt>
                <c:pt idx="388">
                  <c:v>60.325509628063479</c:v>
                </c:pt>
                <c:pt idx="389">
                  <c:v>63.120338022386953</c:v>
                </c:pt>
                <c:pt idx="390">
                  <c:v>66.836026570550175</c:v>
                </c:pt>
                <c:pt idx="391">
                  <c:v>68.691587883596171</c:v>
                </c:pt>
                <c:pt idx="392">
                  <c:v>68.929705273919936</c:v>
                </c:pt>
                <c:pt idx="393">
                  <c:v>68.210834959951328</c:v>
                </c:pt>
                <c:pt idx="394">
                  <c:v>69.155393514819167</c:v>
                </c:pt>
                <c:pt idx="395">
                  <c:v>69.485974769446742</c:v>
                </c:pt>
                <c:pt idx="396">
                  <c:v>67.978476360218835</c:v>
                </c:pt>
                <c:pt idx="397">
                  <c:v>67.558302202674369</c:v>
                </c:pt>
                <c:pt idx="398">
                  <c:v>68.096257367236262</c:v>
                </c:pt>
                <c:pt idx="399">
                  <c:v>66.827557867002071</c:v>
                </c:pt>
                <c:pt idx="400">
                  <c:v>66.711931252945831</c:v>
                </c:pt>
                <c:pt idx="401">
                  <c:v>65.489562547926667</c:v>
                </c:pt>
                <c:pt idx="402">
                  <c:v>63.653364234139403</c:v>
                </c:pt>
                <c:pt idx="403">
                  <c:v>63.655984335774697</c:v>
                </c:pt>
                <c:pt idx="404">
                  <c:v>63.22063112343033</c:v>
                </c:pt>
                <c:pt idx="405">
                  <c:v>60.742698044606833</c:v>
                </c:pt>
                <c:pt idx="406">
                  <c:v>60.268310113456479</c:v>
                </c:pt>
                <c:pt idx="407">
                  <c:v>59.261815678498287</c:v>
                </c:pt>
                <c:pt idx="408">
                  <c:v>59.577361431298712</c:v>
                </c:pt>
                <c:pt idx="409">
                  <c:v>59.244731678299388</c:v>
                </c:pt>
                <c:pt idx="410">
                  <c:v>59.674836822262918</c:v>
                </c:pt>
                <c:pt idx="411">
                  <c:v>59.857167632677452</c:v>
                </c:pt>
                <c:pt idx="412">
                  <c:v>60.931223168738832</c:v>
                </c:pt>
                <c:pt idx="413">
                  <c:v>63.802177553501046</c:v>
                </c:pt>
                <c:pt idx="414">
                  <c:v>67.447244080089462</c:v>
                </c:pt>
                <c:pt idx="415">
                  <c:v>69.775594569002692</c:v>
                </c:pt>
                <c:pt idx="416">
                  <c:v>70.516018187951602</c:v>
                </c:pt>
                <c:pt idx="417">
                  <c:v>69.111647771483661</c:v>
                </c:pt>
                <c:pt idx="418">
                  <c:v>70.216435451191956</c:v>
                </c:pt>
                <c:pt idx="419">
                  <c:v>70.545615107864208</c:v>
                </c:pt>
                <c:pt idx="420">
                  <c:v>69.512663108816611</c:v>
                </c:pt>
                <c:pt idx="421">
                  <c:v>68.814410014409688</c:v>
                </c:pt>
                <c:pt idx="422">
                  <c:v>68.829092625802843</c:v>
                </c:pt>
                <c:pt idx="423">
                  <c:v>68.000430040500873</c:v>
                </c:pt>
                <c:pt idx="424">
                  <c:v>67.344387227689637</c:v>
                </c:pt>
                <c:pt idx="425">
                  <c:v>66.991541179615112</c:v>
                </c:pt>
                <c:pt idx="426">
                  <c:v>65.182408220533517</c:v>
                </c:pt>
                <c:pt idx="427">
                  <c:v>64.009091658497439</c:v>
                </c:pt>
                <c:pt idx="428">
                  <c:v>63.186211361048862</c:v>
                </c:pt>
                <c:pt idx="429">
                  <c:v>61.180957974188509</c:v>
                </c:pt>
                <c:pt idx="430">
                  <c:v>61.300069028232869</c:v>
                </c:pt>
                <c:pt idx="431">
                  <c:v>60.077200486629714</c:v>
                </c:pt>
                <c:pt idx="432">
                  <c:v>59.463253999577027</c:v>
                </c:pt>
                <c:pt idx="433">
                  <c:v>59.142101521521845</c:v>
                </c:pt>
                <c:pt idx="434">
                  <c:v>58.981151317095218</c:v>
                </c:pt>
                <c:pt idx="435">
                  <c:v>59.022608332955201</c:v>
                </c:pt>
                <c:pt idx="436">
                  <c:v>59.860891438764739</c:v>
                </c:pt>
                <c:pt idx="437">
                  <c:v>63.025971762470554</c:v>
                </c:pt>
                <c:pt idx="438">
                  <c:v>66.596152279346953</c:v>
                </c:pt>
                <c:pt idx="439">
                  <c:v>68.044692703989099</c:v>
                </c:pt>
                <c:pt idx="440">
                  <c:v>68.562001973699481</c:v>
                </c:pt>
                <c:pt idx="441">
                  <c:v>67.694942037729703</c:v>
                </c:pt>
                <c:pt idx="442">
                  <c:v>68.83790766879531</c:v>
                </c:pt>
                <c:pt idx="443">
                  <c:v>69.284129737827811</c:v>
                </c:pt>
                <c:pt idx="444">
                  <c:v>67.909738258112327</c:v>
                </c:pt>
                <c:pt idx="445">
                  <c:v>66.700931494148065</c:v>
                </c:pt>
                <c:pt idx="446">
                  <c:v>66.605146925368771</c:v>
                </c:pt>
                <c:pt idx="447">
                  <c:v>65.822062183366015</c:v>
                </c:pt>
                <c:pt idx="448">
                  <c:v>64.372388398294987</c:v>
                </c:pt>
                <c:pt idx="449">
                  <c:v>63.213651240145204</c:v>
                </c:pt>
                <c:pt idx="450">
                  <c:v>61.235041826371827</c:v>
                </c:pt>
                <c:pt idx="451">
                  <c:v>59.854995940396407</c:v>
                </c:pt>
                <c:pt idx="452">
                  <c:v>58.814069523695899</c:v>
                </c:pt>
                <c:pt idx="453">
                  <c:v>57.44377431501551</c:v>
                </c:pt>
                <c:pt idx="454">
                  <c:v>57.38776553103078</c:v>
                </c:pt>
                <c:pt idx="455">
                  <c:v>56.318838007639584</c:v>
                </c:pt>
                <c:pt idx="456">
                  <c:v>55.089495028865315</c:v>
                </c:pt>
                <c:pt idx="457">
                  <c:v>54.574321107173297</c:v>
                </c:pt>
                <c:pt idx="458">
                  <c:v>53.994203165497233</c:v>
                </c:pt>
                <c:pt idx="459">
                  <c:v>52.528994532358617</c:v>
                </c:pt>
                <c:pt idx="460">
                  <c:v>51.851863495601442</c:v>
                </c:pt>
                <c:pt idx="461">
                  <c:v>51.331044837223963</c:v>
                </c:pt>
                <c:pt idx="462">
                  <c:v>51.600244711842258</c:v>
                </c:pt>
                <c:pt idx="463">
                  <c:v>51.558654557906138</c:v>
                </c:pt>
                <c:pt idx="464">
                  <c:v>50.99150906628936</c:v>
                </c:pt>
                <c:pt idx="465">
                  <c:v>49.896592570702808</c:v>
                </c:pt>
                <c:pt idx="466">
                  <c:v>49.808614369040718</c:v>
                </c:pt>
                <c:pt idx="467">
                  <c:v>49.355335883904417</c:v>
                </c:pt>
                <c:pt idx="468">
                  <c:v>48.4370090016671</c:v>
                </c:pt>
                <c:pt idx="469">
                  <c:v>47.859186220773729</c:v>
                </c:pt>
                <c:pt idx="470">
                  <c:v>47.394893266533693</c:v>
                </c:pt>
                <c:pt idx="471">
                  <c:v>46.849254242282932</c:v>
                </c:pt>
                <c:pt idx="472">
                  <c:v>46.347137423557776</c:v>
                </c:pt>
                <c:pt idx="473">
                  <c:v>46.018077332252666</c:v>
                </c:pt>
                <c:pt idx="474">
                  <c:v>45.35885109154146</c:v>
                </c:pt>
                <c:pt idx="475">
                  <c:v>44.951148782536372</c:v>
                </c:pt>
                <c:pt idx="476">
                  <c:v>45.081167959979005</c:v>
                </c:pt>
                <c:pt idx="477">
                  <c:v>44.436194005176212</c:v>
                </c:pt>
                <c:pt idx="478">
                  <c:v>44.706023794710987</c:v>
                </c:pt>
                <c:pt idx="479">
                  <c:v>44.42839526780439</c:v>
                </c:pt>
                <c:pt idx="480">
                  <c:v>44.121807875604311</c:v>
                </c:pt>
                <c:pt idx="481">
                  <c:v>44.373185351503942</c:v>
                </c:pt>
                <c:pt idx="482">
                  <c:v>44.67275853637156</c:v>
                </c:pt>
                <c:pt idx="483">
                  <c:v>44.126803750499164</c:v>
                </c:pt>
                <c:pt idx="484">
                  <c:v>43.982931662149035</c:v>
                </c:pt>
                <c:pt idx="485">
                  <c:v>44.18094169738108</c:v>
                </c:pt>
                <c:pt idx="486">
                  <c:v>44.546497822497152</c:v>
                </c:pt>
                <c:pt idx="487">
                  <c:v>44.54648303373618</c:v>
                </c:pt>
                <c:pt idx="488">
                  <c:v>44.168259118804869</c:v>
                </c:pt>
                <c:pt idx="489">
                  <c:v>43.452539673925621</c:v>
                </c:pt>
                <c:pt idx="490">
                  <c:v>43.415506733559553</c:v>
                </c:pt>
                <c:pt idx="491">
                  <c:v>42.95462435395779</c:v>
                </c:pt>
                <c:pt idx="492">
                  <c:v>42.679822520223894</c:v>
                </c:pt>
                <c:pt idx="493">
                  <c:v>42.791116556889499</c:v>
                </c:pt>
                <c:pt idx="494">
                  <c:v>42.848387602811123</c:v>
                </c:pt>
                <c:pt idx="495">
                  <c:v>42.361559381631196</c:v>
                </c:pt>
                <c:pt idx="496">
                  <c:v>42.22637066922799</c:v>
                </c:pt>
                <c:pt idx="497">
                  <c:v>42.867413422242706</c:v>
                </c:pt>
                <c:pt idx="498">
                  <c:v>43.267571541010909</c:v>
                </c:pt>
                <c:pt idx="499">
                  <c:v>43.341106556220254</c:v>
                </c:pt>
                <c:pt idx="500">
                  <c:v>43.897564402505012</c:v>
                </c:pt>
                <c:pt idx="501">
                  <c:v>44.460557606241458</c:v>
                </c:pt>
                <c:pt idx="502">
                  <c:v>44.776626006407049</c:v>
                </c:pt>
                <c:pt idx="503">
                  <c:v>44.486660122385352</c:v>
                </c:pt>
                <c:pt idx="504">
                  <c:v>43.402855595810699</c:v>
                </c:pt>
                <c:pt idx="505">
                  <c:v>44.077111611136559</c:v>
                </c:pt>
                <c:pt idx="506">
                  <c:v>45.141044358002432</c:v>
                </c:pt>
                <c:pt idx="507">
                  <c:v>45.894254763335233</c:v>
                </c:pt>
                <c:pt idx="508">
                  <c:v>49.044148147517127</c:v>
                </c:pt>
                <c:pt idx="509">
                  <c:v>54.833066210410358</c:v>
                </c:pt>
                <c:pt idx="510">
                  <c:v>59.633641708690895</c:v>
                </c:pt>
                <c:pt idx="511">
                  <c:v>62.736878376118092</c:v>
                </c:pt>
                <c:pt idx="512">
                  <c:v>64.733936180778329</c:v>
                </c:pt>
                <c:pt idx="513">
                  <c:v>64.581703617504758</c:v>
                </c:pt>
                <c:pt idx="514">
                  <c:v>65.621411471684041</c:v>
                </c:pt>
                <c:pt idx="515">
                  <c:v>66.914425597471393</c:v>
                </c:pt>
                <c:pt idx="516">
                  <c:v>66.504524372312304</c:v>
                </c:pt>
                <c:pt idx="517">
                  <c:v>66.454900253404631</c:v>
                </c:pt>
                <c:pt idx="518">
                  <c:v>66.802859910488408</c:v>
                </c:pt>
                <c:pt idx="519">
                  <c:v>65.810309708017314</c:v>
                </c:pt>
                <c:pt idx="520">
                  <c:v>65.649572391139074</c:v>
                </c:pt>
                <c:pt idx="521">
                  <c:v>64.695170542889628</c:v>
                </c:pt>
                <c:pt idx="522">
                  <c:v>63.688456257504882</c:v>
                </c:pt>
                <c:pt idx="523">
                  <c:v>63.164027493898608</c:v>
                </c:pt>
                <c:pt idx="524">
                  <c:v>62.292223405790203</c:v>
                </c:pt>
                <c:pt idx="525">
                  <c:v>60.662266818332867</c:v>
                </c:pt>
                <c:pt idx="526">
                  <c:v>60.90821691702844</c:v>
                </c:pt>
                <c:pt idx="527">
                  <c:v>59.99507588838447</c:v>
                </c:pt>
                <c:pt idx="528">
                  <c:v>59.329990532795094</c:v>
                </c:pt>
                <c:pt idx="529">
                  <c:v>60.222257225342297</c:v>
                </c:pt>
                <c:pt idx="530">
                  <c:v>60.969145808025267</c:v>
                </c:pt>
                <c:pt idx="531">
                  <c:v>61.617309800558836</c:v>
                </c:pt>
                <c:pt idx="532">
                  <c:v>63.079215852318924</c:v>
                </c:pt>
                <c:pt idx="533">
                  <c:v>66.308612399376372</c:v>
                </c:pt>
                <c:pt idx="534">
                  <c:v>69.265846749621559</c:v>
                </c:pt>
                <c:pt idx="535">
                  <c:v>69.464908238298705</c:v>
                </c:pt>
                <c:pt idx="536">
                  <c:v>70.197140276250735</c:v>
                </c:pt>
                <c:pt idx="537">
                  <c:v>69.216470450335564</c:v>
                </c:pt>
                <c:pt idx="538">
                  <c:v>69.505086948181372</c:v>
                </c:pt>
                <c:pt idx="539">
                  <c:v>70.609258932935646</c:v>
                </c:pt>
                <c:pt idx="540">
                  <c:v>69.468276290345784</c:v>
                </c:pt>
                <c:pt idx="541">
                  <c:v>69.156429983365925</c:v>
                </c:pt>
                <c:pt idx="542">
                  <c:v>69.134607950515672</c:v>
                </c:pt>
                <c:pt idx="543">
                  <c:v>68.083045747215223</c:v>
                </c:pt>
                <c:pt idx="544">
                  <c:v>67.223074550794962</c:v>
                </c:pt>
                <c:pt idx="545">
                  <c:v>66.668424463820898</c:v>
                </c:pt>
                <c:pt idx="546">
                  <c:v>65.014250907628494</c:v>
                </c:pt>
                <c:pt idx="547">
                  <c:v>64.192174538209457</c:v>
                </c:pt>
                <c:pt idx="548">
                  <c:v>63.039657446619486</c:v>
                </c:pt>
                <c:pt idx="549">
                  <c:v>60.823509032140379</c:v>
                </c:pt>
                <c:pt idx="550">
                  <c:v>59.577230588030311</c:v>
                </c:pt>
                <c:pt idx="551">
                  <c:v>57.876424283075096</c:v>
                </c:pt>
                <c:pt idx="552">
                  <c:v>57.334246613438914</c:v>
                </c:pt>
                <c:pt idx="553">
                  <c:v>58.233099600324032</c:v>
                </c:pt>
                <c:pt idx="554">
                  <c:v>59.249980021272606</c:v>
                </c:pt>
                <c:pt idx="555">
                  <c:v>59.230215450273924</c:v>
                </c:pt>
                <c:pt idx="556">
                  <c:v>60.24689320243337</c:v>
                </c:pt>
                <c:pt idx="557">
                  <c:v>62.92423601191129</c:v>
                </c:pt>
                <c:pt idx="558">
                  <c:v>65.766254459843651</c:v>
                </c:pt>
                <c:pt idx="559">
                  <c:v>66.394232499759838</c:v>
                </c:pt>
                <c:pt idx="560">
                  <c:v>67.049450613589471</c:v>
                </c:pt>
                <c:pt idx="561">
                  <c:v>66.00508763404342</c:v>
                </c:pt>
                <c:pt idx="562">
                  <c:v>66.170638457249652</c:v>
                </c:pt>
                <c:pt idx="563">
                  <c:v>66.170934016717723</c:v>
                </c:pt>
                <c:pt idx="564">
                  <c:v>65.528029919651019</c:v>
                </c:pt>
                <c:pt idx="565">
                  <c:v>64.932858451119529</c:v>
                </c:pt>
                <c:pt idx="566">
                  <c:v>65.192272539845803</c:v>
                </c:pt>
                <c:pt idx="567">
                  <c:v>64.298048631278974</c:v>
                </c:pt>
                <c:pt idx="568">
                  <c:v>63.326625232983027</c:v>
                </c:pt>
                <c:pt idx="569">
                  <c:v>62.236520772693858</c:v>
                </c:pt>
                <c:pt idx="570">
                  <c:v>60.51872579032262</c:v>
                </c:pt>
                <c:pt idx="571">
                  <c:v>59.554511187286842</c:v>
                </c:pt>
                <c:pt idx="572">
                  <c:v>58.961413244261067</c:v>
                </c:pt>
                <c:pt idx="573">
                  <c:v>57.517855631762053</c:v>
                </c:pt>
                <c:pt idx="574">
                  <c:v>57.36220333423298</c:v>
                </c:pt>
                <c:pt idx="575">
                  <c:v>57.181073139766355</c:v>
                </c:pt>
                <c:pt idx="576">
                  <c:v>56.679281497258671</c:v>
                </c:pt>
                <c:pt idx="577">
                  <c:v>57.507667783786566</c:v>
                </c:pt>
                <c:pt idx="578">
                  <c:v>58.267041218919395</c:v>
                </c:pt>
                <c:pt idx="579">
                  <c:v>58.630858762390432</c:v>
                </c:pt>
                <c:pt idx="580">
                  <c:v>59.576886955282248</c:v>
                </c:pt>
                <c:pt idx="581">
                  <c:v>62.453780008257461</c:v>
                </c:pt>
                <c:pt idx="582">
                  <c:v>65.268253212075052</c:v>
                </c:pt>
                <c:pt idx="583">
                  <c:v>65.527644960749967</c:v>
                </c:pt>
                <c:pt idx="584">
                  <c:v>66.245497419612363</c:v>
                </c:pt>
                <c:pt idx="585">
                  <c:v>65.671142877756779</c:v>
                </c:pt>
                <c:pt idx="586">
                  <c:v>66.798227282082948</c:v>
                </c:pt>
                <c:pt idx="587">
                  <c:v>67.51250831401444</c:v>
                </c:pt>
                <c:pt idx="588">
                  <c:v>66.086155267382253</c:v>
                </c:pt>
                <c:pt idx="589">
                  <c:v>65.934499877674725</c:v>
                </c:pt>
                <c:pt idx="590">
                  <c:v>65.993933985831205</c:v>
                </c:pt>
                <c:pt idx="591">
                  <c:v>64.870958032673514</c:v>
                </c:pt>
                <c:pt idx="592">
                  <c:v>63.897430001478128</c:v>
                </c:pt>
                <c:pt idx="593">
                  <c:v>63.132710527326502</c:v>
                </c:pt>
                <c:pt idx="594">
                  <c:v>61.244961240683509</c:v>
                </c:pt>
                <c:pt idx="595">
                  <c:v>60.526614809745773</c:v>
                </c:pt>
                <c:pt idx="596">
                  <c:v>59.237890268028039</c:v>
                </c:pt>
                <c:pt idx="597">
                  <c:v>57.413887660916004</c:v>
                </c:pt>
                <c:pt idx="598">
                  <c:v>56.630161510344351</c:v>
                </c:pt>
                <c:pt idx="599">
                  <c:v>55.463373244813056</c:v>
                </c:pt>
                <c:pt idx="600">
                  <c:v>54.908349143405616</c:v>
                </c:pt>
                <c:pt idx="601">
                  <c:v>55.980686672636601</c:v>
                </c:pt>
                <c:pt idx="602">
                  <c:v>56.476214176507689</c:v>
                </c:pt>
                <c:pt idx="603">
                  <c:v>56.473524857979264</c:v>
                </c:pt>
                <c:pt idx="604">
                  <c:v>57.68905028942163</c:v>
                </c:pt>
                <c:pt idx="605">
                  <c:v>60.452352203188134</c:v>
                </c:pt>
                <c:pt idx="606">
                  <c:v>63.250211685482668</c:v>
                </c:pt>
                <c:pt idx="607">
                  <c:v>63.633644696290816</c:v>
                </c:pt>
                <c:pt idx="608">
                  <c:v>63.862125953568899</c:v>
                </c:pt>
                <c:pt idx="609">
                  <c:v>62.681940070907551</c:v>
                </c:pt>
                <c:pt idx="610">
                  <c:v>62.827680976145139</c:v>
                </c:pt>
                <c:pt idx="611">
                  <c:v>62.84332475893207</c:v>
                </c:pt>
                <c:pt idx="612">
                  <c:v>61.940108322627488</c:v>
                </c:pt>
                <c:pt idx="613">
                  <c:v>61.474692658220086</c:v>
                </c:pt>
                <c:pt idx="614">
                  <c:v>61.241215172999816</c:v>
                </c:pt>
                <c:pt idx="615">
                  <c:v>59.997086473394241</c:v>
                </c:pt>
                <c:pt idx="616">
                  <c:v>59.139868693209074</c:v>
                </c:pt>
                <c:pt idx="617">
                  <c:v>58.188698914938087</c:v>
                </c:pt>
                <c:pt idx="618">
                  <c:v>56.73840782658624</c:v>
                </c:pt>
                <c:pt idx="619">
                  <c:v>55.547834977247454</c:v>
                </c:pt>
                <c:pt idx="620">
                  <c:v>54.795856118732637</c:v>
                </c:pt>
                <c:pt idx="621">
                  <c:v>53.664390200731241</c:v>
                </c:pt>
                <c:pt idx="622">
                  <c:v>53.564726838080674</c:v>
                </c:pt>
                <c:pt idx="623">
                  <c:v>52.560565026151117</c:v>
                </c:pt>
                <c:pt idx="624">
                  <c:v>51.835793839649057</c:v>
                </c:pt>
                <c:pt idx="625">
                  <c:v>52.111169806819106</c:v>
                </c:pt>
                <c:pt idx="626">
                  <c:v>51.920655143221779</c:v>
                </c:pt>
                <c:pt idx="627">
                  <c:v>50.86595230920495</c:v>
                </c:pt>
                <c:pt idx="628">
                  <c:v>49.717786898789647</c:v>
                </c:pt>
                <c:pt idx="629">
                  <c:v>49.442855535908016</c:v>
                </c:pt>
                <c:pt idx="630">
                  <c:v>49.374512160345724</c:v>
                </c:pt>
                <c:pt idx="631">
                  <c:v>49.164200759213919</c:v>
                </c:pt>
                <c:pt idx="632">
                  <c:v>48.020577459787859</c:v>
                </c:pt>
                <c:pt idx="633">
                  <c:v>46.267786541769901</c:v>
                </c:pt>
                <c:pt idx="634">
                  <c:v>46.638172491846746</c:v>
                </c:pt>
                <c:pt idx="635">
                  <c:v>46.45095019086871</c:v>
                </c:pt>
                <c:pt idx="636">
                  <c:v>45.471970226065103</c:v>
                </c:pt>
                <c:pt idx="637">
                  <c:v>45.338194566042134</c:v>
                </c:pt>
                <c:pt idx="638">
                  <c:v>44.98251042921121</c:v>
                </c:pt>
                <c:pt idx="639">
                  <c:v>44.048739628211102</c:v>
                </c:pt>
                <c:pt idx="640">
                  <c:v>43.590732446564331</c:v>
                </c:pt>
                <c:pt idx="641">
                  <c:v>43.489239553350188</c:v>
                </c:pt>
                <c:pt idx="642">
                  <c:v>42.93645810673992</c:v>
                </c:pt>
                <c:pt idx="643">
                  <c:v>42.30713948721769</c:v>
                </c:pt>
                <c:pt idx="644">
                  <c:v>42.431264676550065</c:v>
                </c:pt>
                <c:pt idx="645">
                  <c:v>42.021785323353207</c:v>
                </c:pt>
                <c:pt idx="646">
                  <c:v>42.241214132913782</c:v>
                </c:pt>
                <c:pt idx="647">
                  <c:v>42.196244374436951</c:v>
                </c:pt>
                <c:pt idx="648">
                  <c:v>41.858421138098905</c:v>
                </c:pt>
                <c:pt idx="649">
                  <c:v>41.816878312120629</c:v>
                </c:pt>
                <c:pt idx="650">
                  <c:v>42.184169841455649</c:v>
                </c:pt>
                <c:pt idx="651">
                  <c:v>41.83022232489563</c:v>
                </c:pt>
                <c:pt idx="652">
                  <c:v>41.896250572886551</c:v>
                </c:pt>
                <c:pt idx="653">
                  <c:v>42.03904386623617</c:v>
                </c:pt>
                <c:pt idx="654">
                  <c:v>42.236850703108054</c:v>
                </c:pt>
                <c:pt idx="655">
                  <c:v>42.17641144954974</c:v>
                </c:pt>
                <c:pt idx="656">
                  <c:v>41.70089190359348</c:v>
                </c:pt>
                <c:pt idx="657">
                  <c:v>40.963934601535691</c:v>
                </c:pt>
                <c:pt idx="658">
                  <c:v>40.849369718525011</c:v>
                </c:pt>
                <c:pt idx="659">
                  <c:v>40.569034711066337</c:v>
                </c:pt>
                <c:pt idx="660">
                  <c:v>40.237974253510657</c:v>
                </c:pt>
                <c:pt idx="661">
                  <c:v>39.818750126754892</c:v>
                </c:pt>
                <c:pt idx="662">
                  <c:v>39.574189151675135</c:v>
                </c:pt>
                <c:pt idx="663">
                  <c:v>39.834997738182331</c:v>
                </c:pt>
                <c:pt idx="664">
                  <c:v>40.316574340894249</c:v>
                </c:pt>
                <c:pt idx="665">
                  <c:v>41.050022960379629</c:v>
                </c:pt>
                <c:pt idx="666">
                  <c:v>41.626898868296649</c:v>
                </c:pt>
                <c:pt idx="667">
                  <c:v>41.601905724975992</c:v>
                </c:pt>
                <c:pt idx="668">
                  <c:v>41.895295442525111</c:v>
                </c:pt>
                <c:pt idx="669">
                  <c:v>42.458239729590673</c:v>
                </c:pt>
                <c:pt idx="670">
                  <c:v>43.212767217267384</c:v>
                </c:pt>
                <c:pt idx="671">
                  <c:v>43.476555896018212</c:v>
                </c:pt>
                <c:pt idx="672">
                  <c:v>43.488701332674403</c:v>
                </c:pt>
                <c:pt idx="673">
                  <c:v>44.019741123546396</c:v>
                </c:pt>
                <c:pt idx="674">
                  <c:v>45.053813420271176</c:v>
                </c:pt>
                <c:pt idx="675">
                  <c:v>45.66931304104466</c:v>
                </c:pt>
                <c:pt idx="676">
                  <c:v>48.902514320486105</c:v>
                </c:pt>
                <c:pt idx="677">
                  <c:v>54.503621807457662</c:v>
                </c:pt>
                <c:pt idx="678">
                  <c:v>59.8940516851331</c:v>
                </c:pt>
                <c:pt idx="679">
                  <c:v>62.385670428491785</c:v>
                </c:pt>
                <c:pt idx="680">
                  <c:v>64.012187589497344</c:v>
                </c:pt>
                <c:pt idx="681">
                  <c:v>64.448885755312048</c:v>
                </c:pt>
                <c:pt idx="682">
                  <c:v>65.470752361967257</c:v>
                </c:pt>
                <c:pt idx="683">
                  <c:v>65.460711518983032</c:v>
                </c:pt>
                <c:pt idx="684">
                  <c:v>65.025990987092669</c:v>
                </c:pt>
                <c:pt idx="685">
                  <c:v>65.223326093871876</c:v>
                </c:pt>
                <c:pt idx="686">
                  <c:v>65.732369466119479</c:v>
                </c:pt>
                <c:pt idx="687">
                  <c:v>64.912604124999902</c:v>
                </c:pt>
                <c:pt idx="688">
                  <c:v>64.365232109020369</c:v>
                </c:pt>
                <c:pt idx="689">
                  <c:v>63.316867318217447</c:v>
                </c:pt>
                <c:pt idx="690">
                  <c:v>61.615012364582149</c:v>
                </c:pt>
                <c:pt idx="691">
                  <c:v>60.916407752703144</c:v>
                </c:pt>
                <c:pt idx="692">
                  <c:v>59.805119294569138</c:v>
                </c:pt>
                <c:pt idx="693">
                  <c:v>57.839718597983094</c:v>
                </c:pt>
                <c:pt idx="694">
                  <c:v>57.867730845278871</c:v>
                </c:pt>
                <c:pt idx="695">
                  <c:v>56.922064015957268</c:v>
                </c:pt>
                <c:pt idx="696">
                  <c:v>56.48117272645279</c:v>
                </c:pt>
                <c:pt idx="697">
                  <c:v>57.144322009635694</c:v>
                </c:pt>
                <c:pt idx="698">
                  <c:v>57.924010553872556</c:v>
                </c:pt>
                <c:pt idx="699">
                  <c:v>58.329038803839957</c:v>
                </c:pt>
                <c:pt idx="700">
                  <c:v>60.327118719788281</c:v>
                </c:pt>
                <c:pt idx="701">
                  <c:v>63.273377514592511</c:v>
                </c:pt>
                <c:pt idx="702">
                  <c:v>65.970008869567081</c:v>
                </c:pt>
                <c:pt idx="703">
                  <c:v>66.190398850521433</c:v>
                </c:pt>
                <c:pt idx="704">
                  <c:v>66.671342223594579</c:v>
                </c:pt>
                <c:pt idx="705">
                  <c:v>65.442963358275293</c:v>
                </c:pt>
                <c:pt idx="706">
                  <c:v>66.607325305935618</c:v>
                </c:pt>
                <c:pt idx="707">
                  <c:v>67.228202641920106</c:v>
                </c:pt>
                <c:pt idx="708">
                  <c:v>65.712090034410934</c:v>
                </c:pt>
                <c:pt idx="709">
                  <c:v>65.336655644612492</c:v>
                </c:pt>
                <c:pt idx="710">
                  <c:v>65.950208013146948</c:v>
                </c:pt>
                <c:pt idx="711">
                  <c:v>64.656620754224249</c:v>
                </c:pt>
                <c:pt idx="712">
                  <c:v>63.457712359027219</c:v>
                </c:pt>
                <c:pt idx="713">
                  <c:v>62.671162986915093</c:v>
                </c:pt>
                <c:pt idx="714">
                  <c:v>60.811431105981832</c:v>
                </c:pt>
                <c:pt idx="715">
                  <c:v>60.23803498959623</c:v>
                </c:pt>
                <c:pt idx="716">
                  <c:v>59.529854046968872</c:v>
                </c:pt>
                <c:pt idx="717">
                  <c:v>57.486861468144724</c:v>
                </c:pt>
                <c:pt idx="718">
                  <c:v>57.393666697770357</c:v>
                </c:pt>
                <c:pt idx="719">
                  <c:v>56.182001839033546</c:v>
                </c:pt>
                <c:pt idx="720">
                  <c:v>55.49171245317676</c:v>
                </c:pt>
                <c:pt idx="721">
                  <c:v>56.59202723878898</c:v>
                </c:pt>
                <c:pt idx="722">
                  <c:v>57.519221885755456</c:v>
                </c:pt>
                <c:pt idx="723">
                  <c:v>57.430401254289592</c:v>
                </c:pt>
                <c:pt idx="724">
                  <c:v>58.642763420758087</c:v>
                </c:pt>
                <c:pt idx="725">
                  <c:v>61.413367020463681</c:v>
                </c:pt>
                <c:pt idx="726">
                  <c:v>65.11615733696479</c:v>
                </c:pt>
                <c:pt idx="727">
                  <c:v>66.877149348644181</c:v>
                </c:pt>
                <c:pt idx="728">
                  <c:v>67.167713628300035</c:v>
                </c:pt>
                <c:pt idx="729">
                  <c:v>66.329626561835056</c:v>
                </c:pt>
                <c:pt idx="730">
                  <c:v>66.623323862075665</c:v>
                </c:pt>
                <c:pt idx="731">
                  <c:v>67.058860600197647</c:v>
                </c:pt>
                <c:pt idx="732">
                  <c:v>66.145790357546119</c:v>
                </c:pt>
                <c:pt idx="733">
                  <c:v>65.67740548652155</c:v>
                </c:pt>
                <c:pt idx="734">
                  <c:v>66.205681701240451</c:v>
                </c:pt>
                <c:pt idx="735">
                  <c:v>65.197024184433644</c:v>
                </c:pt>
                <c:pt idx="736">
                  <c:v>64.071129294677789</c:v>
                </c:pt>
                <c:pt idx="737">
                  <c:v>63.573444612694246</c:v>
                </c:pt>
                <c:pt idx="738">
                  <c:v>62.474356803898267</c:v>
                </c:pt>
                <c:pt idx="739">
                  <c:v>61.814971299607485</c:v>
                </c:pt>
                <c:pt idx="740">
                  <c:v>61.267882898327557</c:v>
                </c:pt>
                <c:pt idx="741">
                  <c:v>59.337085372218141</c:v>
                </c:pt>
                <c:pt idx="742">
                  <c:v>59.216524725393462</c:v>
                </c:pt>
                <c:pt idx="743">
                  <c:v>58.300814590841661</c:v>
                </c:pt>
                <c:pt idx="744">
                  <c:v>57.622882725026059</c:v>
                </c:pt>
                <c:pt idx="745">
                  <c:v>57.673862722258001</c:v>
                </c:pt>
                <c:pt idx="746">
                  <c:v>58.095477764081629</c:v>
                </c:pt>
                <c:pt idx="747">
                  <c:v>58.143487809374214</c:v>
                </c:pt>
                <c:pt idx="748">
                  <c:v>59.433289184718319</c:v>
                </c:pt>
                <c:pt idx="749">
                  <c:v>62.442518543309156</c:v>
                </c:pt>
                <c:pt idx="750">
                  <c:v>66.689078459147581</c:v>
                </c:pt>
                <c:pt idx="751">
                  <c:v>68.597560509902436</c:v>
                </c:pt>
                <c:pt idx="752">
                  <c:v>68.755500240400124</c:v>
                </c:pt>
                <c:pt idx="753">
                  <c:v>67.566827746844837</c:v>
                </c:pt>
                <c:pt idx="754">
                  <c:v>68.192522315768187</c:v>
                </c:pt>
                <c:pt idx="755">
                  <c:v>68.976834466089485</c:v>
                </c:pt>
                <c:pt idx="756">
                  <c:v>67.643456986658592</c:v>
                </c:pt>
                <c:pt idx="757">
                  <c:v>67.55141199341459</c:v>
                </c:pt>
                <c:pt idx="758">
                  <c:v>67.804351723424745</c:v>
                </c:pt>
                <c:pt idx="759">
                  <c:v>66.605795375270816</c:v>
                </c:pt>
                <c:pt idx="760">
                  <c:v>65.275385082241741</c:v>
                </c:pt>
                <c:pt idx="761">
                  <c:v>64.517601282002303</c:v>
                </c:pt>
                <c:pt idx="762">
                  <c:v>62.635968011021383</c:v>
                </c:pt>
                <c:pt idx="763">
                  <c:v>61.262656503130884</c:v>
                </c:pt>
                <c:pt idx="764">
                  <c:v>60.259914412253607</c:v>
                </c:pt>
                <c:pt idx="765">
                  <c:v>58.484698809569366</c:v>
                </c:pt>
                <c:pt idx="766">
                  <c:v>58.099899525154065</c:v>
                </c:pt>
                <c:pt idx="767">
                  <c:v>57.544419639625644</c:v>
                </c:pt>
                <c:pt idx="768">
                  <c:v>56.930952826230879</c:v>
                </c:pt>
                <c:pt idx="769">
                  <c:v>57.053519076175029</c:v>
                </c:pt>
                <c:pt idx="770">
                  <c:v>56.777162421938577</c:v>
                </c:pt>
                <c:pt idx="771">
                  <c:v>56.760529930065054</c:v>
                </c:pt>
                <c:pt idx="772">
                  <c:v>57.89171501851812</c:v>
                </c:pt>
                <c:pt idx="773">
                  <c:v>60.991369765662796</c:v>
                </c:pt>
                <c:pt idx="774">
                  <c:v>64.462175496864802</c:v>
                </c:pt>
                <c:pt idx="775">
                  <c:v>65.810615466630878</c:v>
                </c:pt>
                <c:pt idx="776">
                  <c:v>66.297837649419122</c:v>
                </c:pt>
                <c:pt idx="777">
                  <c:v>65.31332139230588</c:v>
                </c:pt>
                <c:pt idx="778">
                  <c:v>66.236107439020344</c:v>
                </c:pt>
                <c:pt idx="779">
                  <c:v>65.69716113326794</c:v>
                </c:pt>
                <c:pt idx="780">
                  <c:v>64.316375848471935</c:v>
                </c:pt>
                <c:pt idx="781">
                  <c:v>63.594539662222168</c:v>
                </c:pt>
                <c:pt idx="782">
                  <c:v>63.588068265180965</c:v>
                </c:pt>
                <c:pt idx="783">
                  <c:v>61.993940216689722</c:v>
                </c:pt>
                <c:pt idx="784">
                  <c:v>60.706016150983061</c:v>
                </c:pt>
                <c:pt idx="785">
                  <c:v>59.350100815598424</c:v>
                </c:pt>
                <c:pt idx="786">
                  <c:v>57.394747454145005</c:v>
                </c:pt>
                <c:pt idx="787">
                  <c:v>56.394279890394543</c:v>
                </c:pt>
                <c:pt idx="788">
                  <c:v>55.651095323533873</c:v>
                </c:pt>
                <c:pt idx="789">
                  <c:v>53.803928005295255</c:v>
                </c:pt>
                <c:pt idx="790">
                  <c:v>53.738958860108553</c:v>
                </c:pt>
                <c:pt idx="791">
                  <c:v>52.762618767591505</c:v>
                </c:pt>
                <c:pt idx="792">
                  <c:v>51.959567629191802</c:v>
                </c:pt>
                <c:pt idx="793">
                  <c:v>51.654904501925927</c:v>
                </c:pt>
                <c:pt idx="794">
                  <c:v>51.055253823673667</c:v>
                </c:pt>
                <c:pt idx="795">
                  <c:v>50.213302948235807</c:v>
                </c:pt>
                <c:pt idx="796">
                  <c:v>48.943715200498076</c:v>
                </c:pt>
                <c:pt idx="797">
                  <c:v>48.660030754432832</c:v>
                </c:pt>
                <c:pt idx="798">
                  <c:v>49.009756040510936</c:v>
                </c:pt>
                <c:pt idx="799">
                  <c:v>48.637370606801909</c:v>
                </c:pt>
                <c:pt idx="800">
                  <c:v>47.83080386217911</c:v>
                </c:pt>
                <c:pt idx="801">
                  <c:v>46.841082667302203</c:v>
                </c:pt>
                <c:pt idx="802">
                  <c:v>47.07011995453319</c:v>
                </c:pt>
                <c:pt idx="803">
                  <c:v>46.971001893119023</c:v>
                </c:pt>
                <c:pt idx="804">
                  <c:v>45.655308143255603</c:v>
                </c:pt>
                <c:pt idx="805">
                  <c:v>44.842234147672471</c:v>
                </c:pt>
                <c:pt idx="806">
                  <c:v>44.380779164506372</c:v>
                </c:pt>
                <c:pt idx="807">
                  <c:v>43.70743887553563</c:v>
                </c:pt>
                <c:pt idx="808">
                  <c:v>42.796712141539189</c:v>
                </c:pt>
                <c:pt idx="809">
                  <c:v>42.732308676266122</c:v>
                </c:pt>
                <c:pt idx="810">
                  <c:v>42.13570132495952</c:v>
                </c:pt>
                <c:pt idx="811">
                  <c:v>41.733032411936442</c:v>
                </c:pt>
                <c:pt idx="812">
                  <c:v>41.911777850049994</c:v>
                </c:pt>
                <c:pt idx="813">
                  <c:v>41.74196505892192</c:v>
                </c:pt>
                <c:pt idx="814">
                  <c:v>42.138394056278941</c:v>
                </c:pt>
                <c:pt idx="815">
                  <c:v>41.980953417043089</c:v>
                </c:pt>
                <c:pt idx="816">
                  <c:v>41.590289820108168</c:v>
                </c:pt>
                <c:pt idx="817">
                  <c:v>41.661548660636399</c:v>
                </c:pt>
                <c:pt idx="818">
                  <c:v>42.154232152401207</c:v>
                </c:pt>
                <c:pt idx="819">
                  <c:v>41.55599754704533</c:v>
                </c:pt>
                <c:pt idx="820">
                  <c:v>41.513089428146955</c:v>
                </c:pt>
                <c:pt idx="821">
                  <c:v>41.824646000939936</c:v>
                </c:pt>
                <c:pt idx="822">
                  <c:v>42.007446030888246</c:v>
                </c:pt>
                <c:pt idx="823">
                  <c:v>41.754707106361835</c:v>
                </c:pt>
                <c:pt idx="824">
                  <c:v>41.062847817035419</c:v>
                </c:pt>
                <c:pt idx="825">
                  <c:v>40.433442367480353</c:v>
                </c:pt>
                <c:pt idx="826">
                  <c:v>40.647128842378621</c:v>
                </c:pt>
                <c:pt idx="827">
                  <c:v>40.647811243666908</c:v>
                </c:pt>
                <c:pt idx="828">
                  <c:v>40.034314028973078</c:v>
                </c:pt>
                <c:pt idx="829">
                  <c:v>40.321154639837843</c:v>
                </c:pt>
                <c:pt idx="830">
                  <c:v>40.42537554949206</c:v>
                </c:pt>
                <c:pt idx="831">
                  <c:v>40.287148492033509</c:v>
                </c:pt>
                <c:pt idx="832">
                  <c:v>39.898632854752627</c:v>
                </c:pt>
                <c:pt idx="833">
                  <c:v>40.438386187505721</c:v>
                </c:pt>
                <c:pt idx="834">
                  <c:v>40.885221323250903</c:v>
                </c:pt>
                <c:pt idx="835">
                  <c:v>41.041218587262442</c:v>
                </c:pt>
                <c:pt idx="836">
                  <c:v>41.549844598708333</c:v>
                </c:pt>
                <c:pt idx="837">
                  <c:v>41.80988163947292</c:v>
                </c:pt>
                <c:pt idx="838">
                  <c:v>42.379052524474176</c:v>
                </c:pt>
                <c:pt idx="839">
                  <c:v>42.251896404080661</c:v>
                </c:pt>
                <c:pt idx="840">
                  <c:v>42.070202863735616</c:v>
                </c:pt>
                <c:pt idx="841">
                  <c:v>42.99595390011288</c:v>
                </c:pt>
                <c:pt idx="842">
                  <c:v>43.990023382987204</c:v>
                </c:pt>
                <c:pt idx="843">
                  <c:v>44.752383127919678</c:v>
                </c:pt>
                <c:pt idx="844">
                  <c:v>47.826880996231083</c:v>
                </c:pt>
                <c:pt idx="845">
                  <c:v>53.609115284492034</c:v>
                </c:pt>
                <c:pt idx="846">
                  <c:v>59.312062298328229</c:v>
                </c:pt>
                <c:pt idx="847">
                  <c:v>62.542295214543373</c:v>
                </c:pt>
                <c:pt idx="848">
                  <c:v>63.805540250996749</c:v>
                </c:pt>
                <c:pt idx="849">
                  <c:v>63.726794570811286</c:v>
                </c:pt>
                <c:pt idx="850">
                  <c:v>65.069557558901167</c:v>
                </c:pt>
                <c:pt idx="851">
                  <c:v>65.72967595025041</c:v>
                </c:pt>
                <c:pt idx="852">
                  <c:v>65.128712033947536</c:v>
                </c:pt>
                <c:pt idx="853">
                  <c:v>65.847365263027129</c:v>
                </c:pt>
                <c:pt idx="854">
                  <c:v>66.612887507997556</c:v>
                </c:pt>
                <c:pt idx="855">
                  <c:v>66.124126431064724</c:v>
                </c:pt>
                <c:pt idx="856">
                  <c:v>66.157335809855113</c:v>
                </c:pt>
                <c:pt idx="857">
                  <c:v>65.227550050363035</c:v>
                </c:pt>
                <c:pt idx="858">
                  <c:v>62.648303328307378</c:v>
                </c:pt>
                <c:pt idx="859">
                  <c:v>62.042678579039027</c:v>
                </c:pt>
                <c:pt idx="860">
                  <c:v>61.299112113020961</c:v>
                </c:pt>
                <c:pt idx="861">
                  <c:v>59.005725197081247</c:v>
                </c:pt>
                <c:pt idx="862">
                  <c:v>58.961950190043652</c:v>
                </c:pt>
                <c:pt idx="863">
                  <c:v>58.534344170158903</c:v>
                </c:pt>
                <c:pt idx="864">
                  <c:v>57.580922185198723</c:v>
                </c:pt>
                <c:pt idx="865">
                  <c:v>57.635372108250188</c:v>
                </c:pt>
                <c:pt idx="866">
                  <c:v>58.242263101044927</c:v>
                </c:pt>
                <c:pt idx="867">
                  <c:v>58.682592986431381</c:v>
                </c:pt>
                <c:pt idx="868">
                  <c:v>60.607006632013409</c:v>
                </c:pt>
                <c:pt idx="869">
                  <c:v>64.230433415863473</c:v>
                </c:pt>
                <c:pt idx="870">
                  <c:v>66.278589096341037</c:v>
                </c:pt>
                <c:pt idx="871">
                  <c:v>67.098260624935861</c:v>
                </c:pt>
                <c:pt idx="872">
                  <c:v>67.254429293432864</c:v>
                </c:pt>
                <c:pt idx="873">
                  <c:v>66.566478473568353</c:v>
                </c:pt>
                <c:pt idx="874">
                  <c:v>67.640135811453277</c:v>
                </c:pt>
                <c:pt idx="875">
                  <c:v>68.489291677085504</c:v>
                </c:pt>
                <c:pt idx="876">
                  <c:v>66.89924713108374</c:v>
                </c:pt>
                <c:pt idx="877">
                  <c:v>66.399790190661292</c:v>
                </c:pt>
                <c:pt idx="878">
                  <c:v>66.549959054913572</c:v>
                </c:pt>
                <c:pt idx="879">
                  <c:v>65.522780890196842</c:v>
                </c:pt>
                <c:pt idx="880">
                  <c:v>64.458073871278316</c:v>
                </c:pt>
                <c:pt idx="881">
                  <c:v>63.2957663257259</c:v>
                </c:pt>
                <c:pt idx="882">
                  <c:v>62.116390000237871</c:v>
                </c:pt>
                <c:pt idx="883">
                  <c:v>61.399024236752773</c:v>
                </c:pt>
                <c:pt idx="884">
                  <c:v>60.09376079993514</c:v>
                </c:pt>
                <c:pt idx="885">
                  <c:v>58.145167334044118</c:v>
                </c:pt>
                <c:pt idx="886">
                  <c:v>58.48521776955117</c:v>
                </c:pt>
                <c:pt idx="887">
                  <c:v>58.004896054009414</c:v>
                </c:pt>
                <c:pt idx="888">
                  <c:v>57.3024561907649</c:v>
                </c:pt>
                <c:pt idx="889">
                  <c:v>58.091886507658238</c:v>
                </c:pt>
                <c:pt idx="890">
                  <c:v>58.703698411628466</c:v>
                </c:pt>
                <c:pt idx="891">
                  <c:v>58.789658006260581</c:v>
                </c:pt>
                <c:pt idx="892">
                  <c:v>59.805718062864386</c:v>
                </c:pt>
                <c:pt idx="893">
                  <c:v>62.630570407476661</c:v>
                </c:pt>
                <c:pt idx="894">
                  <c:v>65.722407843036478</c:v>
                </c:pt>
                <c:pt idx="895">
                  <c:v>66.774014726439674</c:v>
                </c:pt>
                <c:pt idx="896">
                  <c:v>67.667099312000246</c:v>
                </c:pt>
                <c:pt idx="897">
                  <c:v>66.715800612607509</c:v>
                </c:pt>
                <c:pt idx="898">
                  <c:v>67.030529198102997</c:v>
                </c:pt>
                <c:pt idx="899">
                  <c:v>67.329603350550002</c:v>
                </c:pt>
                <c:pt idx="900">
                  <c:v>66.004018881278469</c:v>
                </c:pt>
                <c:pt idx="901">
                  <c:v>65.902435725626731</c:v>
                </c:pt>
                <c:pt idx="902">
                  <c:v>66.076954932055131</c:v>
                </c:pt>
                <c:pt idx="903">
                  <c:v>64.696543544010069</c:v>
                </c:pt>
                <c:pt idx="904">
                  <c:v>64.048793067984903</c:v>
                </c:pt>
                <c:pt idx="905">
                  <c:v>62.760601823893872</c:v>
                </c:pt>
                <c:pt idx="906">
                  <c:v>61.107816547926397</c:v>
                </c:pt>
                <c:pt idx="907">
                  <c:v>60.169500752717084</c:v>
                </c:pt>
                <c:pt idx="908">
                  <c:v>59.708967242732328</c:v>
                </c:pt>
                <c:pt idx="909">
                  <c:v>57.697794467966688</c:v>
                </c:pt>
                <c:pt idx="910">
                  <c:v>57.249757755200271</c:v>
                </c:pt>
                <c:pt idx="911">
                  <c:v>56.491970777534732</c:v>
                </c:pt>
                <c:pt idx="912">
                  <c:v>56.580169319966906</c:v>
                </c:pt>
                <c:pt idx="913">
                  <c:v>57.573654901761913</c:v>
                </c:pt>
                <c:pt idx="914">
                  <c:v>58.482453408848414</c:v>
                </c:pt>
                <c:pt idx="915">
                  <c:v>58.571583505924949</c:v>
                </c:pt>
                <c:pt idx="916">
                  <c:v>59.883072167716378</c:v>
                </c:pt>
                <c:pt idx="917">
                  <c:v>62.991450224385332</c:v>
                </c:pt>
                <c:pt idx="918">
                  <c:v>65.443579837778955</c:v>
                </c:pt>
                <c:pt idx="919">
                  <c:v>65.601093655883716</c:v>
                </c:pt>
                <c:pt idx="920">
                  <c:v>66.216532238694185</c:v>
                </c:pt>
                <c:pt idx="921">
                  <c:v>65.700998522531251</c:v>
                </c:pt>
                <c:pt idx="922">
                  <c:v>66.429628791094544</c:v>
                </c:pt>
                <c:pt idx="923">
                  <c:v>66.772865361197844</c:v>
                </c:pt>
                <c:pt idx="924">
                  <c:v>65.156770275466712</c:v>
                </c:pt>
                <c:pt idx="925">
                  <c:v>64.828903091909154</c:v>
                </c:pt>
                <c:pt idx="926">
                  <c:v>64.741683196714277</c:v>
                </c:pt>
                <c:pt idx="927">
                  <c:v>63.662500569828573</c:v>
                </c:pt>
                <c:pt idx="928">
                  <c:v>63.221915117392612</c:v>
                </c:pt>
                <c:pt idx="929">
                  <c:v>61.620340319731405</c:v>
                </c:pt>
                <c:pt idx="930">
                  <c:v>60.26879214076336</c:v>
                </c:pt>
                <c:pt idx="931">
                  <c:v>59.541983321902222</c:v>
                </c:pt>
                <c:pt idx="932">
                  <c:v>58.748981519236757</c:v>
                </c:pt>
                <c:pt idx="933">
                  <c:v>56.144361872987133</c:v>
                </c:pt>
                <c:pt idx="934">
                  <c:v>56.414478964604882</c:v>
                </c:pt>
                <c:pt idx="935">
                  <c:v>55.238709076576036</c:v>
                </c:pt>
                <c:pt idx="936">
                  <c:v>54.080671226759534</c:v>
                </c:pt>
                <c:pt idx="937">
                  <c:v>56.002073849227862</c:v>
                </c:pt>
                <c:pt idx="938">
                  <c:v>56.588330283913578</c:v>
                </c:pt>
                <c:pt idx="939">
                  <c:v>56.381820300443508</c:v>
                </c:pt>
                <c:pt idx="940">
                  <c:v>57.303169974039314</c:v>
                </c:pt>
                <c:pt idx="941">
                  <c:v>59.98295190916128</c:v>
                </c:pt>
                <c:pt idx="942">
                  <c:v>63.493718147373684</c:v>
                </c:pt>
                <c:pt idx="943">
                  <c:v>64.922672878338034</c:v>
                </c:pt>
                <c:pt idx="944">
                  <c:v>65.617407424460666</c:v>
                </c:pt>
                <c:pt idx="945">
                  <c:v>65.386603762913168</c:v>
                </c:pt>
                <c:pt idx="946">
                  <c:v>65.397472776511236</c:v>
                </c:pt>
                <c:pt idx="947">
                  <c:v>65.609495241209004</c:v>
                </c:pt>
                <c:pt idx="948">
                  <c:v>64.843488085711726</c:v>
                </c:pt>
                <c:pt idx="949">
                  <c:v>64.68196574845058</c:v>
                </c:pt>
                <c:pt idx="950">
                  <c:v>64.798565243304154</c:v>
                </c:pt>
                <c:pt idx="951">
                  <c:v>63.451254966197325</c:v>
                </c:pt>
                <c:pt idx="952">
                  <c:v>62.072410755311836</c:v>
                </c:pt>
                <c:pt idx="953">
                  <c:v>60.431248719751444</c:v>
                </c:pt>
                <c:pt idx="954">
                  <c:v>59.084703613921306</c:v>
                </c:pt>
                <c:pt idx="955">
                  <c:v>58.201991990826862</c:v>
                </c:pt>
                <c:pt idx="956">
                  <c:v>57.254861564513646</c:v>
                </c:pt>
                <c:pt idx="957">
                  <c:v>55.520337747571475</c:v>
                </c:pt>
                <c:pt idx="958">
                  <c:v>55.061844007843582</c:v>
                </c:pt>
                <c:pt idx="959">
                  <c:v>54.040204822519065</c:v>
                </c:pt>
                <c:pt idx="960">
                  <c:v>53.470079277886157</c:v>
                </c:pt>
                <c:pt idx="961">
                  <c:v>52.776461989310789</c:v>
                </c:pt>
                <c:pt idx="962">
                  <c:v>52.14926814600036</c:v>
                </c:pt>
                <c:pt idx="963">
                  <c:v>51.019491284947151</c:v>
                </c:pt>
                <c:pt idx="964">
                  <c:v>49.877869783574759</c:v>
                </c:pt>
                <c:pt idx="965">
                  <c:v>48.443970448035387</c:v>
                </c:pt>
                <c:pt idx="966">
                  <c:v>49.282852930166165</c:v>
                </c:pt>
                <c:pt idx="967">
                  <c:v>49.324217918351835</c:v>
                </c:pt>
                <c:pt idx="968">
                  <c:v>48.520009569213798</c:v>
                </c:pt>
                <c:pt idx="969">
                  <c:v>47.682172656405704</c:v>
                </c:pt>
                <c:pt idx="970">
                  <c:v>47.661015843206343</c:v>
                </c:pt>
                <c:pt idx="971">
                  <c:v>47.102110555051205</c:v>
                </c:pt>
                <c:pt idx="972">
                  <c:v>45.485549839100948</c:v>
                </c:pt>
                <c:pt idx="973">
                  <c:v>44.622569561327388</c:v>
                </c:pt>
                <c:pt idx="974">
                  <c:v>44.200500892894325</c:v>
                </c:pt>
                <c:pt idx="975">
                  <c:v>43.544302601955565</c:v>
                </c:pt>
                <c:pt idx="976">
                  <c:v>42.692878544434976</c:v>
                </c:pt>
                <c:pt idx="977">
                  <c:v>42.357626904949925</c:v>
                </c:pt>
                <c:pt idx="978">
                  <c:v>41.490262838307132</c:v>
                </c:pt>
                <c:pt idx="979">
                  <c:v>41.838742946017035</c:v>
                </c:pt>
                <c:pt idx="980">
                  <c:v>42.046439247017581</c:v>
                </c:pt>
                <c:pt idx="981">
                  <c:v>42.020771214471587</c:v>
                </c:pt>
                <c:pt idx="982">
                  <c:v>42.093983250202477</c:v>
                </c:pt>
                <c:pt idx="983">
                  <c:v>42.097945108268249</c:v>
                </c:pt>
                <c:pt idx="984">
                  <c:v>41.536183902465844</c:v>
                </c:pt>
                <c:pt idx="985">
                  <c:v>41.786085110896941</c:v>
                </c:pt>
                <c:pt idx="986">
                  <c:v>42.278553322236938</c:v>
                </c:pt>
                <c:pt idx="987">
                  <c:v>42.050880406080196</c:v>
                </c:pt>
                <c:pt idx="988">
                  <c:v>41.929496766669402</c:v>
                </c:pt>
                <c:pt idx="989">
                  <c:v>41.96851124409433</c:v>
                </c:pt>
                <c:pt idx="990">
                  <c:v>42.432937061818137</c:v>
                </c:pt>
                <c:pt idx="991">
                  <c:v>41.92140519613956</c:v>
                </c:pt>
                <c:pt idx="992">
                  <c:v>41.156708552382838</c:v>
                </c:pt>
                <c:pt idx="993">
                  <c:v>40.686636566170463</c:v>
                </c:pt>
                <c:pt idx="994">
                  <c:v>40.493216205250377</c:v>
                </c:pt>
                <c:pt idx="995">
                  <c:v>41.139460914740056</c:v>
                </c:pt>
                <c:pt idx="996">
                  <c:v>40.846380898166515</c:v>
                </c:pt>
                <c:pt idx="997">
                  <c:v>40.66370053165403</c:v>
                </c:pt>
                <c:pt idx="998">
                  <c:v>41.009426595489117</c:v>
                </c:pt>
                <c:pt idx="999">
                  <c:v>40.952145546559422</c:v>
                </c:pt>
                <c:pt idx="1000">
                  <c:v>40.707738029391798</c:v>
                </c:pt>
                <c:pt idx="1001">
                  <c:v>41.466108515861848</c:v>
                </c:pt>
                <c:pt idx="1002">
                  <c:v>41.714245899762815</c:v>
                </c:pt>
                <c:pt idx="1003">
                  <c:v>41.618362497340968</c:v>
                </c:pt>
                <c:pt idx="1004">
                  <c:v>42.086218719195529</c:v>
                </c:pt>
                <c:pt idx="1005">
                  <c:v>42.479583795178499</c:v>
                </c:pt>
                <c:pt idx="1006">
                  <c:v>43.264784604891901</c:v>
                </c:pt>
                <c:pt idx="1007">
                  <c:v>43.551891805728786</c:v>
                </c:pt>
                <c:pt idx="1008">
                  <c:v>43.590250419257451</c:v>
                </c:pt>
                <c:pt idx="1009">
                  <c:v>44.31446643881123</c:v>
                </c:pt>
                <c:pt idx="1010">
                  <c:v>45.088471803429641</c:v>
                </c:pt>
                <c:pt idx="1011">
                  <c:v>46.133915127461776</c:v>
                </c:pt>
                <c:pt idx="1012">
                  <c:v>49.149632809752575</c:v>
                </c:pt>
                <c:pt idx="1013">
                  <c:v>54.668310940166137</c:v>
                </c:pt>
                <c:pt idx="1014">
                  <c:v>59.791107394674434</c:v>
                </c:pt>
                <c:pt idx="1015">
                  <c:v>60.281033312090976</c:v>
                </c:pt>
                <c:pt idx="1016">
                  <c:v>61.615567747281581</c:v>
                </c:pt>
                <c:pt idx="1017">
                  <c:v>61.287220007447743</c:v>
                </c:pt>
                <c:pt idx="1018">
                  <c:v>61.889753493786642</c:v>
                </c:pt>
                <c:pt idx="1019">
                  <c:v>64.566433554945093</c:v>
                </c:pt>
                <c:pt idx="1020">
                  <c:v>64.209145661327</c:v>
                </c:pt>
                <c:pt idx="1021">
                  <c:v>63.83932093884453</c:v>
                </c:pt>
                <c:pt idx="1022">
                  <c:v>64.806622077898112</c:v>
                </c:pt>
                <c:pt idx="1023">
                  <c:v>63.978553396683544</c:v>
                </c:pt>
                <c:pt idx="1024">
                  <c:v>63.096169833026551</c:v>
                </c:pt>
                <c:pt idx="1025">
                  <c:v>62.487898425117152</c:v>
                </c:pt>
                <c:pt idx="1026">
                  <c:v>60.682435079355571</c:v>
                </c:pt>
                <c:pt idx="1027">
                  <c:v>59.905820753706948</c:v>
                </c:pt>
                <c:pt idx="1028">
                  <c:v>59.244277306367799</c:v>
                </c:pt>
                <c:pt idx="1029">
                  <c:v>57.143538068008553</c:v>
                </c:pt>
                <c:pt idx="1030">
                  <c:v>57.022848029332351</c:v>
                </c:pt>
                <c:pt idx="1031">
                  <c:v>56.388516117912978</c:v>
                </c:pt>
                <c:pt idx="1032">
                  <c:v>56.039739509275421</c:v>
                </c:pt>
                <c:pt idx="1033">
                  <c:v>56.822625936739605</c:v>
                </c:pt>
                <c:pt idx="1034">
                  <c:v>57.810295200840009</c:v>
                </c:pt>
                <c:pt idx="1035">
                  <c:v>57.661965909386872</c:v>
                </c:pt>
                <c:pt idx="1036">
                  <c:v>59.625756965063353</c:v>
                </c:pt>
                <c:pt idx="1037">
                  <c:v>63.090214551974654</c:v>
                </c:pt>
                <c:pt idx="1038">
                  <c:v>65.338762827298325</c:v>
                </c:pt>
                <c:pt idx="1039">
                  <c:v>65.495749173057547</c:v>
                </c:pt>
                <c:pt idx="1040">
                  <c:v>65.435042329226292</c:v>
                </c:pt>
                <c:pt idx="1041">
                  <c:v>65.016365700445945</c:v>
                </c:pt>
                <c:pt idx="1042">
                  <c:v>65.741153068284603</c:v>
                </c:pt>
                <c:pt idx="1043">
                  <c:v>66.512393326878097</c:v>
                </c:pt>
                <c:pt idx="1044">
                  <c:v>65.630146098337065</c:v>
                </c:pt>
                <c:pt idx="1045">
                  <c:v>64.575215568397169</c:v>
                </c:pt>
                <c:pt idx="1046">
                  <c:v>65.069013375648026</c:v>
                </c:pt>
                <c:pt idx="1047">
                  <c:v>64.354176627583499</c:v>
                </c:pt>
                <c:pt idx="1048">
                  <c:v>62.615722922973909</c:v>
                </c:pt>
                <c:pt idx="1049">
                  <c:v>61.948696022744222</c:v>
                </c:pt>
                <c:pt idx="1050">
                  <c:v>60.244700111560533</c:v>
                </c:pt>
                <c:pt idx="1051">
                  <c:v>58.835806766342387</c:v>
                </c:pt>
                <c:pt idx="1052">
                  <c:v>57.651243351595291</c:v>
                </c:pt>
                <c:pt idx="1053">
                  <c:v>55.986749221239826</c:v>
                </c:pt>
                <c:pt idx="1054">
                  <c:v>55.892646746530552</c:v>
                </c:pt>
                <c:pt idx="1055">
                  <c:v>54.820642631288393</c:v>
                </c:pt>
                <c:pt idx="1056">
                  <c:v>53.917953039689621</c:v>
                </c:pt>
                <c:pt idx="1057">
                  <c:v>55.438875270005973</c:v>
                </c:pt>
                <c:pt idx="1058">
                  <c:v>55.931080049186185</c:v>
                </c:pt>
                <c:pt idx="1059">
                  <c:v>55.829011237685435</c:v>
                </c:pt>
                <c:pt idx="1060">
                  <c:v>56.738211159601946</c:v>
                </c:pt>
                <c:pt idx="1061">
                  <c:v>59.668180036138693</c:v>
                </c:pt>
                <c:pt idx="1062">
                  <c:v>62.284533916957578</c:v>
                </c:pt>
                <c:pt idx="1063">
                  <c:v>62.345901665416605</c:v>
                </c:pt>
                <c:pt idx="1064">
                  <c:v>62.943647476724848</c:v>
                </c:pt>
                <c:pt idx="1065">
                  <c:v>62.236964357067734</c:v>
                </c:pt>
                <c:pt idx="1066">
                  <c:v>62.743446704268926</c:v>
                </c:pt>
                <c:pt idx="1067">
                  <c:v>63.58752353274307</c:v>
                </c:pt>
                <c:pt idx="1068">
                  <c:v>62.477440319399918</c:v>
                </c:pt>
                <c:pt idx="1069">
                  <c:v>62.827646240209255</c:v>
                </c:pt>
                <c:pt idx="1070">
                  <c:v>63.247520013305284</c:v>
                </c:pt>
                <c:pt idx="1071">
                  <c:v>62.377562500101668</c:v>
                </c:pt>
                <c:pt idx="1072">
                  <c:v>62.066218697174627</c:v>
                </c:pt>
                <c:pt idx="1073">
                  <c:v>60.92374692050192</c:v>
                </c:pt>
                <c:pt idx="1074">
                  <c:v>59.664666371675992</c:v>
                </c:pt>
                <c:pt idx="1075">
                  <c:v>59.059065001987292</c:v>
                </c:pt>
                <c:pt idx="1076">
                  <c:v>58.118615192494019</c:v>
                </c:pt>
                <c:pt idx="1077">
                  <c:v>56.236908624961771</c:v>
                </c:pt>
                <c:pt idx="1078">
                  <c:v>56.167930509502632</c:v>
                </c:pt>
                <c:pt idx="1079">
                  <c:v>55.438715378786675</c:v>
                </c:pt>
                <c:pt idx="1080">
                  <c:v>55.385131363187355</c:v>
                </c:pt>
                <c:pt idx="1081">
                  <c:v>56.573859716677923</c:v>
                </c:pt>
                <c:pt idx="1082">
                  <c:v>57.183748375628504</c:v>
                </c:pt>
                <c:pt idx="1083">
                  <c:v>57.235306703637235</c:v>
                </c:pt>
                <c:pt idx="1084">
                  <c:v>58.380539153629314</c:v>
                </c:pt>
                <c:pt idx="1085">
                  <c:v>61.38747482246805</c:v>
                </c:pt>
                <c:pt idx="1086">
                  <c:v>64.557744844060508</c:v>
                </c:pt>
                <c:pt idx="1087">
                  <c:v>65.032826866288971</c:v>
                </c:pt>
                <c:pt idx="1088">
                  <c:v>65.571354928621318</c:v>
                </c:pt>
                <c:pt idx="1089">
                  <c:v>64.803267931993631</c:v>
                </c:pt>
                <c:pt idx="1090">
                  <c:v>66.130060745027151</c:v>
                </c:pt>
                <c:pt idx="1091">
                  <c:v>66.082921765600673</c:v>
                </c:pt>
                <c:pt idx="1092">
                  <c:v>64.589812703105608</c:v>
                </c:pt>
                <c:pt idx="1093">
                  <c:v>63.83544736222845</c:v>
                </c:pt>
                <c:pt idx="1094">
                  <c:v>63.646243700715218</c:v>
                </c:pt>
                <c:pt idx="1095">
                  <c:v>62.752105053081941</c:v>
                </c:pt>
                <c:pt idx="1096">
                  <c:v>61.800934941377349</c:v>
                </c:pt>
                <c:pt idx="1097">
                  <c:v>60.662632143878845</c:v>
                </c:pt>
                <c:pt idx="1098">
                  <c:v>59.440152248560111</c:v>
                </c:pt>
                <c:pt idx="1099">
                  <c:v>58.55691905685628</c:v>
                </c:pt>
                <c:pt idx="1100">
                  <c:v>57.711707769583732</c:v>
                </c:pt>
                <c:pt idx="1101">
                  <c:v>55.765060379107261</c:v>
                </c:pt>
                <c:pt idx="1102">
                  <c:v>55.750222014994229</c:v>
                </c:pt>
                <c:pt idx="1103">
                  <c:v>55.436587052487695</c:v>
                </c:pt>
                <c:pt idx="1104">
                  <c:v>54.345872859821867</c:v>
                </c:pt>
                <c:pt idx="1105">
                  <c:v>55.770515039025504</c:v>
                </c:pt>
                <c:pt idx="1106">
                  <c:v>56.16558804037583</c:v>
                </c:pt>
                <c:pt idx="1107">
                  <c:v>56.123390507712024</c:v>
                </c:pt>
                <c:pt idx="1108">
                  <c:v>57.307880115950489</c:v>
                </c:pt>
                <c:pt idx="1109">
                  <c:v>60.478906286498621</c:v>
                </c:pt>
                <c:pt idx="1110">
                  <c:v>63.973824582490622</c:v>
                </c:pt>
                <c:pt idx="1111">
                  <c:v>65.991922047473281</c:v>
                </c:pt>
                <c:pt idx="1112">
                  <c:v>66.356081674206806</c:v>
                </c:pt>
                <c:pt idx="1113">
                  <c:v>65.935669347001394</c:v>
                </c:pt>
                <c:pt idx="1114">
                  <c:v>66.225972803125089</c:v>
                </c:pt>
                <c:pt idx="1115">
                  <c:v>66.57439263780789</c:v>
                </c:pt>
                <c:pt idx="1116">
                  <c:v>64.745140471670666</c:v>
                </c:pt>
                <c:pt idx="1117">
                  <c:v>63.99841440844834</c:v>
                </c:pt>
                <c:pt idx="1118">
                  <c:v>64.167895256618181</c:v>
                </c:pt>
                <c:pt idx="1119">
                  <c:v>62.485090423839956</c:v>
                </c:pt>
                <c:pt idx="1120">
                  <c:v>61.436193551462289</c:v>
                </c:pt>
                <c:pt idx="1121">
                  <c:v>60.228255676238867</c:v>
                </c:pt>
                <c:pt idx="1122">
                  <c:v>58.632890079124792</c:v>
                </c:pt>
                <c:pt idx="1123">
                  <c:v>57.363679327109132</c:v>
                </c:pt>
                <c:pt idx="1124">
                  <c:v>56.785880239615288</c:v>
                </c:pt>
                <c:pt idx="1125">
                  <c:v>55.10639418916594</c:v>
                </c:pt>
                <c:pt idx="1126">
                  <c:v>54.474667080663615</c:v>
                </c:pt>
                <c:pt idx="1127">
                  <c:v>53.747968844076084</c:v>
                </c:pt>
                <c:pt idx="1128">
                  <c:v>52.65805859905354</c:v>
                </c:pt>
                <c:pt idx="1129">
                  <c:v>52.084576790232084</c:v>
                </c:pt>
                <c:pt idx="1130">
                  <c:v>51.575912002419592</c:v>
                </c:pt>
                <c:pt idx="1131">
                  <c:v>50.452445313453872</c:v>
                </c:pt>
                <c:pt idx="1132">
                  <c:v>49.092113434251999</c:v>
                </c:pt>
                <c:pt idx="1133">
                  <c:v>48.510891062415489</c:v>
                </c:pt>
                <c:pt idx="1134">
                  <c:v>48.774015168768898</c:v>
                </c:pt>
                <c:pt idx="1135">
                  <c:v>48.418615862689542</c:v>
                </c:pt>
                <c:pt idx="1136">
                  <c:v>47.738920603846111</c:v>
                </c:pt>
                <c:pt idx="1137">
                  <c:v>46.808698732815614</c:v>
                </c:pt>
                <c:pt idx="1138">
                  <c:v>46.876312771406631</c:v>
                </c:pt>
                <c:pt idx="1139">
                  <c:v>47.056692249923934</c:v>
                </c:pt>
                <c:pt idx="1140">
                  <c:v>45.894165206992326</c:v>
                </c:pt>
                <c:pt idx="1141">
                  <c:v>45.090154858572987</c:v>
                </c:pt>
                <c:pt idx="1142">
                  <c:v>44.687485474820122</c:v>
                </c:pt>
                <c:pt idx="1143">
                  <c:v>43.983143412100411</c:v>
                </c:pt>
                <c:pt idx="1144">
                  <c:v>43.433941257531323</c:v>
                </c:pt>
                <c:pt idx="1145">
                  <c:v>42.760693486578418</c:v>
                </c:pt>
                <c:pt idx="1146">
                  <c:v>42.380387926052485</c:v>
                </c:pt>
                <c:pt idx="1147">
                  <c:v>42.105262132153079</c:v>
                </c:pt>
                <c:pt idx="1148">
                  <c:v>42.271307515846885</c:v>
                </c:pt>
                <c:pt idx="1149">
                  <c:v>42.008432092119769</c:v>
                </c:pt>
                <c:pt idx="1150">
                  <c:v>42.160102702090576</c:v>
                </c:pt>
                <c:pt idx="1151">
                  <c:v>41.563257710694032</c:v>
                </c:pt>
                <c:pt idx="1152">
                  <c:v>41.552090038656772</c:v>
                </c:pt>
                <c:pt idx="1153">
                  <c:v>41.569929030600598</c:v>
                </c:pt>
                <c:pt idx="1154">
                  <c:v>41.255741902048214</c:v>
                </c:pt>
                <c:pt idx="1155">
                  <c:v>41.261209801241847</c:v>
                </c:pt>
                <c:pt idx="1156">
                  <c:v>41.1170774385443</c:v>
                </c:pt>
                <c:pt idx="1157">
                  <c:v>41.354678124466531</c:v>
                </c:pt>
                <c:pt idx="1158">
                  <c:v>41.770527412820712</c:v>
                </c:pt>
                <c:pt idx="1159">
                  <c:v>41.751795799509054</c:v>
                </c:pt>
                <c:pt idx="1160">
                  <c:v>41.107071547247116</c:v>
                </c:pt>
                <c:pt idx="1161">
                  <c:v>40.359490187606703</c:v>
                </c:pt>
                <c:pt idx="1162">
                  <c:v>40.58141678751165</c:v>
                </c:pt>
                <c:pt idx="1163">
                  <c:v>40.929080983196059</c:v>
                </c:pt>
                <c:pt idx="1164">
                  <c:v>40.382715289442842</c:v>
                </c:pt>
                <c:pt idx="1165">
                  <c:v>40.59303496757348</c:v>
                </c:pt>
                <c:pt idx="1166">
                  <c:v>40.877954647840077</c:v>
                </c:pt>
                <c:pt idx="1167">
                  <c:v>40.504811339166139</c:v>
                </c:pt>
                <c:pt idx="1168">
                  <c:v>40.090751883163094</c:v>
                </c:pt>
                <c:pt idx="1169">
                  <c:v>40.456255090405058</c:v>
                </c:pt>
                <c:pt idx="1170">
                  <c:v>40.892757962197358</c:v>
                </c:pt>
                <c:pt idx="1171">
                  <c:v>41.261953181651926</c:v>
                </c:pt>
                <c:pt idx="1172">
                  <c:v>40.931602388484983</c:v>
                </c:pt>
                <c:pt idx="1173">
                  <c:v>41.540478684176925</c:v>
                </c:pt>
                <c:pt idx="1174">
                  <c:v>41.954621459353142</c:v>
                </c:pt>
                <c:pt idx="1175">
                  <c:v>42.040597274549334</c:v>
                </c:pt>
                <c:pt idx="1176">
                  <c:v>41.668184656194825</c:v>
                </c:pt>
                <c:pt idx="1177">
                  <c:v>42.310377951275825</c:v>
                </c:pt>
                <c:pt idx="1178">
                  <c:v>43.367303865575984</c:v>
                </c:pt>
                <c:pt idx="1179">
                  <c:v>44.61051344564919</c:v>
                </c:pt>
                <c:pt idx="1180">
                  <c:v>47.613961399004992</c:v>
                </c:pt>
                <c:pt idx="1181">
                  <c:v>53.426727927661254</c:v>
                </c:pt>
                <c:pt idx="1182">
                  <c:v>58.922471357292793</c:v>
                </c:pt>
                <c:pt idx="1183">
                  <c:v>62.292608011643907</c:v>
                </c:pt>
                <c:pt idx="1184">
                  <c:v>63.058490835634892</c:v>
                </c:pt>
                <c:pt idx="1185">
                  <c:v>63.21387103173052</c:v>
                </c:pt>
                <c:pt idx="1186">
                  <c:v>64.628357706018122</c:v>
                </c:pt>
                <c:pt idx="1187">
                  <c:v>65.220809238970944</c:v>
                </c:pt>
                <c:pt idx="1188">
                  <c:v>64.985157413614544</c:v>
                </c:pt>
                <c:pt idx="1189">
                  <c:v>64.625512144426267</c:v>
                </c:pt>
                <c:pt idx="1190">
                  <c:v>64.67395988997032</c:v>
                </c:pt>
                <c:pt idx="1191">
                  <c:v>63.962979850704308</c:v>
                </c:pt>
                <c:pt idx="1192">
                  <c:v>63.130742092246848</c:v>
                </c:pt>
                <c:pt idx="1193">
                  <c:v>62.042263924933614</c:v>
                </c:pt>
                <c:pt idx="1194">
                  <c:v>60.969841644726358</c:v>
                </c:pt>
                <c:pt idx="1195">
                  <c:v>60.373596931883156</c:v>
                </c:pt>
                <c:pt idx="1196">
                  <c:v>59.92520695602169</c:v>
                </c:pt>
                <c:pt idx="1197">
                  <c:v>59.110958666131509</c:v>
                </c:pt>
                <c:pt idx="1198">
                  <c:v>58.881155776121531</c:v>
                </c:pt>
                <c:pt idx="1199">
                  <c:v>58.585102139839002</c:v>
                </c:pt>
                <c:pt idx="1200">
                  <c:v>57.583216306453124</c:v>
                </c:pt>
                <c:pt idx="1201">
                  <c:v>57.353859334852245</c:v>
                </c:pt>
                <c:pt idx="1202">
                  <c:v>57.088547982520915</c:v>
                </c:pt>
                <c:pt idx="1203">
                  <c:v>56.764297808229109</c:v>
                </c:pt>
                <c:pt idx="1204">
                  <c:v>58.000263327535244</c:v>
                </c:pt>
                <c:pt idx="1205">
                  <c:v>61.54607520261488</c:v>
                </c:pt>
                <c:pt idx="1206">
                  <c:v>64.767078480573375</c:v>
                </c:pt>
                <c:pt idx="1207">
                  <c:v>66.564015909503411</c:v>
                </c:pt>
                <c:pt idx="1208">
                  <c:v>66.577625864997074</c:v>
                </c:pt>
                <c:pt idx="1209">
                  <c:v>65.857013458523738</c:v>
                </c:pt>
                <c:pt idx="1210">
                  <c:v>66.761869015191081</c:v>
                </c:pt>
                <c:pt idx="1211">
                  <c:v>67.382655147278399</c:v>
                </c:pt>
                <c:pt idx="1212">
                  <c:v>66.217925951925466</c:v>
                </c:pt>
                <c:pt idx="1213">
                  <c:v>65.580162047662284</c:v>
                </c:pt>
                <c:pt idx="1214">
                  <c:v>66.362266063371166</c:v>
                </c:pt>
                <c:pt idx="1215">
                  <c:v>65.572770236581789</c:v>
                </c:pt>
                <c:pt idx="1216">
                  <c:v>64.497207129520731</c:v>
                </c:pt>
                <c:pt idx="1217">
                  <c:v>63.255509435470287</c:v>
                </c:pt>
                <c:pt idx="1218">
                  <c:v>61.24707350332833</c:v>
                </c:pt>
                <c:pt idx="1219">
                  <c:v>60.712099019422297</c:v>
                </c:pt>
                <c:pt idx="1220">
                  <c:v>60.952462045831915</c:v>
                </c:pt>
                <c:pt idx="1221">
                  <c:v>59.101252335505606</c:v>
                </c:pt>
                <c:pt idx="1222">
                  <c:v>59.21944660405282</c:v>
                </c:pt>
                <c:pt idx="1223">
                  <c:v>58.408075551946723</c:v>
                </c:pt>
                <c:pt idx="1224">
                  <c:v>57.90927924155968</c:v>
                </c:pt>
                <c:pt idx="1225">
                  <c:v>57.784685852608071</c:v>
                </c:pt>
                <c:pt idx="1226">
                  <c:v>58.214921526020134</c:v>
                </c:pt>
                <c:pt idx="1227">
                  <c:v>58.237723735979486</c:v>
                </c:pt>
                <c:pt idx="1228">
                  <c:v>59.335524589138231</c:v>
                </c:pt>
                <c:pt idx="1229">
                  <c:v>62.197762744936789</c:v>
                </c:pt>
                <c:pt idx="1230">
                  <c:v>64.998318292886779</c:v>
                </c:pt>
                <c:pt idx="1231">
                  <c:v>64.591800810767822</c:v>
                </c:pt>
                <c:pt idx="1232">
                  <c:v>65.06017854239056</c:v>
                </c:pt>
                <c:pt idx="1233">
                  <c:v>64.518727561870563</c:v>
                </c:pt>
                <c:pt idx="1234">
                  <c:v>64.83667974420824</c:v>
                </c:pt>
                <c:pt idx="1235">
                  <c:v>64.971888874516168</c:v>
                </c:pt>
                <c:pt idx="1236">
                  <c:v>64.262397733968101</c:v>
                </c:pt>
                <c:pt idx="1237">
                  <c:v>63.682915963992002</c:v>
                </c:pt>
                <c:pt idx="1238">
                  <c:v>64.34762291166993</c:v>
                </c:pt>
                <c:pt idx="1239">
                  <c:v>63.359733110662035</c:v>
                </c:pt>
                <c:pt idx="1240">
                  <c:v>62.262304997043493</c:v>
                </c:pt>
                <c:pt idx="1241">
                  <c:v>61.375716070722135</c:v>
                </c:pt>
                <c:pt idx="1242">
                  <c:v>59.962710841930772</c:v>
                </c:pt>
                <c:pt idx="1243">
                  <c:v>59.526508021153312</c:v>
                </c:pt>
                <c:pt idx="1244">
                  <c:v>58.972878378299306</c:v>
                </c:pt>
                <c:pt idx="1245">
                  <c:v>57.42532774820657</c:v>
                </c:pt>
                <c:pt idx="1246">
                  <c:v>57.743243802032723</c:v>
                </c:pt>
                <c:pt idx="1247">
                  <c:v>57.111760335425195</c:v>
                </c:pt>
                <c:pt idx="1248">
                  <c:v>56.468181447201822</c:v>
                </c:pt>
                <c:pt idx="1249">
                  <c:v>57.622322478118768</c:v>
                </c:pt>
                <c:pt idx="1250">
                  <c:v>58.532903697768305</c:v>
                </c:pt>
                <c:pt idx="1251">
                  <c:v>58.350267089512727</c:v>
                </c:pt>
                <c:pt idx="1252">
                  <c:v>59.384547664556656</c:v>
                </c:pt>
                <c:pt idx="1253">
                  <c:v>62.279855333556185</c:v>
                </c:pt>
                <c:pt idx="1254">
                  <c:v>65.109156290452773</c:v>
                </c:pt>
                <c:pt idx="1255">
                  <c:v>65.550322819589297</c:v>
                </c:pt>
                <c:pt idx="1256">
                  <c:v>65.526189856508338</c:v>
                </c:pt>
                <c:pt idx="1257">
                  <c:v>64.559914006168924</c:v>
                </c:pt>
                <c:pt idx="1258">
                  <c:v>64.980844469578997</c:v>
                </c:pt>
                <c:pt idx="1259">
                  <c:v>65.137713525165069</c:v>
                </c:pt>
                <c:pt idx="1260">
                  <c:v>64.336871913953445</c:v>
                </c:pt>
                <c:pt idx="1261">
                  <c:v>64.10623392967895</c:v>
                </c:pt>
                <c:pt idx="1262">
                  <c:v>64.519909505536731</c:v>
                </c:pt>
                <c:pt idx="1263">
                  <c:v>63.645220647967562</c:v>
                </c:pt>
                <c:pt idx="1264">
                  <c:v>62.951490364628398</c:v>
                </c:pt>
                <c:pt idx="1265">
                  <c:v>61.709643586530142</c:v>
                </c:pt>
                <c:pt idx="1266">
                  <c:v>60.04206570530814</c:v>
                </c:pt>
                <c:pt idx="1267">
                  <c:v>59.401266849166852</c:v>
                </c:pt>
                <c:pt idx="1268">
                  <c:v>59.013387050152339</c:v>
                </c:pt>
                <c:pt idx="1269">
                  <c:v>57.111965750138111</c:v>
                </c:pt>
                <c:pt idx="1270">
                  <c:v>56.60700517428532</c:v>
                </c:pt>
                <c:pt idx="1271">
                  <c:v>55.55914712410334</c:v>
                </c:pt>
                <c:pt idx="1272">
                  <c:v>54.490663695043281</c:v>
                </c:pt>
                <c:pt idx="1273">
                  <c:v>55.837212547098019</c:v>
                </c:pt>
                <c:pt idx="1274">
                  <c:v>55.816262266594833</c:v>
                </c:pt>
                <c:pt idx="1275">
                  <c:v>55.889798399787431</c:v>
                </c:pt>
                <c:pt idx="1276">
                  <c:v>56.587996732628561</c:v>
                </c:pt>
                <c:pt idx="1277">
                  <c:v>59.58071177213737</c:v>
                </c:pt>
                <c:pt idx="1278">
                  <c:v>62.889568959479163</c:v>
                </c:pt>
                <c:pt idx="1279">
                  <c:v>65.201703571998422</c:v>
                </c:pt>
                <c:pt idx="1280">
                  <c:v>64.925578124544742</c:v>
                </c:pt>
                <c:pt idx="1281">
                  <c:v>64.411288213788112</c:v>
                </c:pt>
                <c:pt idx="1282">
                  <c:v>64.628356274214994</c:v>
                </c:pt>
                <c:pt idx="1283">
                  <c:v>65.005565844899792</c:v>
                </c:pt>
                <c:pt idx="1284">
                  <c:v>63.191571482733913</c:v>
                </c:pt>
                <c:pt idx="1285">
                  <c:v>62.43433614154322</c:v>
                </c:pt>
                <c:pt idx="1286">
                  <c:v>62.314644736506715</c:v>
                </c:pt>
                <c:pt idx="1287">
                  <c:v>61.824323661043636</c:v>
                </c:pt>
                <c:pt idx="1288">
                  <c:v>61.507315958805847</c:v>
                </c:pt>
                <c:pt idx="1289">
                  <c:v>60.28923826965945</c:v>
                </c:pt>
                <c:pt idx="1290">
                  <c:v>58.075904819335719</c:v>
                </c:pt>
                <c:pt idx="1291">
                  <c:v>57.275840461465421</c:v>
                </c:pt>
                <c:pt idx="1292">
                  <c:v>55.983528311480185</c:v>
                </c:pt>
                <c:pt idx="1293">
                  <c:v>54.08336601752179</c:v>
                </c:pt>
                <c:pt idx="1294">
                  <c:v>54.167187086709454</c:v>
                </c:pt>
                <c:pt idx="1295">
                  <c:v>53.715562746061792</c:v>
                </c:pt>
                <c:pt idx="1296">
                  <c:v>52.239245105586221</c:v>
                </c:pt>
                <c:pt idx="1297">
                  <c:v>52.033003398870029</c:v>
                </c:pt>
                <c:pt idx="1298">
                  <c:v>51.318492415435216</c:v>
                </c:pt>
                <c:pt idx="1299">
                  <c:v>50.198909953347098</c:v>
                </c:pt>
                <c:pt idx="1300">
                  <c:v>49.151382375092766</c:v>
                </c:pt>
                <c:pt idx="1301">
                  <c:v>48.419967406376962</c:v>
                </c:pt>
                <c:pt idx="1302">
                  <c:v>48.852039514389553</c:v>
                </c:pt>
                <c:pt idx="1303">
                  <c:v>48.286225148555474</c:v>
                </c:pt>
                <c:pt idx="1304">
                  <c:v>47.722657987906565</c:v>
                </c:pt>
                <c:pt idx="1305">
                  <c:v>46.737527291118738</c:v>
                </c:pt>
                <c:pt idx="1306">
                  <c:v>47.040678885409172</c:v>
                </c:pt>
                <c:pt idx="1307">
                  <c:v>46.979232328937485</c:v>
                </c:pt>
                <c:pt idx="1308">
                  <c:v>46.002319044443865</c:v>
                </c:pt>
                <c:pt idx="1309">
                  <c:v>45.311808552881089</c:v>
                </c:pt>
                <c:pt idx="1310">
                  <c:v>45.003285813982984</c:v>
                </c:pt>
                <c:pt idx="1311">
                  <c:v>44.491383032842151</c:v>
                </c:pt>
                <c:pt idx="1312">
                  <c:v>43.604119844935163</c:v>
                </c:pt>
                <c:pt idx="1313">
                  <c:v>42.829862934084218</c:v>
                </c:pt>
                <c:pt idx="1314">
                  <c:v>42.160270085759066</c:v>
                </c:pt>
                <c:pt idx="1315">
                  <c:v>41.995609844091561</c:v>
                </c:pt>
                <c:pt idx="1316">
                  <c:v>42.246169583887756</c:v>
                </c:pt>
                <c:pt idx="1317">
                  <c:v>41.886455745059784</c:v>
                </c:pt>
                <c:pt idx="1318">
                  <c:v>42.24135036996104</c:v>
                </c:pt>
                <c:pt idx="1319">
                  <c:v>41.802348197566296</c:v>
                </c:pt>
                <c:pt idx="1320">
                  <c:v>41.455150416650675</c:v>
                </c:pt>
                <c:pt idx="1321">
                  <c:v>41.163498555038174</c:v>
                </c:pt>
                <c:pt idx="1322">
                  <c:v>41.522121340277288</c:v>
                </c:pt>
                <c:pt idx="1323">
                  <c:v>41.160426337051547</c:v>
                </c:pt>
                <c:pt idx="1324">
                  <c:v>41.172314735627644</c:v>
                </c:pt>
                <c:pt idx="1325">
                  <c:v>41.615998570781159</c:v>
                </c:pt>
                <c:pt idx="1326">
                  <c:v>41.949588730238339</c:v>
                </c:pt>
                <c:pt idx="1327">
                  <c:v>41.727152467264993</c:v>
                </c:pt>
                <c:pt idx="1328">
                  <c:v>41.149389724033831</c:v>
                </c:pt>
                <c:pt idx="1329">
                  <c:v>40.201841642712779</c:v>
                </c:pt>
                <c:pt idx="1330">
                  <c:v>40.583008089573063</c:v>
                </c:pt>
                <c:pt idx="1331">
                  <c:v>40.75534334513209</c:v>
                </c:pt>
                <c:pt idx="1332">
                  <c:v>40.633554897714035</c:v>
                </c:pt>
                <c:pt idx="1333">
                  <c:v>40.483451209924176</c:v>
                </c:pt>
                <c:pt idx="1334">
                  <c:v>40.678101372039272</c:v>
                </c:pt>
                <c:pt idx="1335">
                  <c:v>40.902188758985076</c:v>
                </c:pt>
                <c:pt idx="1336">
                  <c:v>40.818581597260348</c:v>
                </c:pt>
                <c:pt idx="1337">
                  <c:v>41.263098682986694</c:v>
                </c:pt>
                <c:pt idx="1338">
                  <c:v>41.481436419344689</c:v>
                </c:pt>
                <c:pt idx="1339">
                  <c:v>41.552905303428801</c:v>
                </c:pt>
                <c:pt idx="1340">
                  <c:v>41.951052935255952</c:v>
                </c:pt>
                <c:pt idx="1341">
                  <c:v>42.483557225351674</c:v>
                </c:pt>
                <c:pt idx="1342">
                  <c:v>43.171643556555026</c:v>
                </c:pt>
                <c:pt idx="1343">
                  <c:v>43.299272819230588</c:v>
                </c:pt>
                <c:pt idx="1344">
                  <c:v>43.385570201715851</c:v>
                </c:pt>
                <c:pt idx="1345">
                  <c:v>43.878714341809477</c:v>
                </c:pt>
                <c:pt idx="1346">
                  <c:v>45.029559263882547</c:v>
                </c:pt>
                <c:pt idx="1347">
                  <c:v>46.130333462157886</c:v>
                </c:pt>
                <c:pt idx="1348">
                  <c:v>49.015580164474571</c:v>
                </c:pt>
                <c:pt idx="1349">
                  <c:v>54.239185796788064</c:v>
                </c:pt>
                <c:pt idx="1350">
                  <c:v>60.10411010822925</c:v>
                </c:pt>
                <c:pt idx="1351">
                  <c:v>63.280659704472718</c:v>
                </c:pt>
                <c:pt idx="1352">
                  <c:v>65.023369198675624</c:v>
                </c:pt>
                <c:pt idx="1353">
                  <c:v>65.402545929546918</c:v>
                </c:pt>
                <c:pt idx="1354">
                  <c:v>66.509505948789723</c:v>
                </c:pt>
                <c:pt idx="1355">
                  <c:v>67.511066919777988</c:v>
                </c:pt>
                <c:pt idx="1356">
                  <c:v>66.662295483475802</c:v>
                </c:pt>
                <c:pt idx="1357">
                  <c:v>66.347761328998104</c:v>
                </c:pt>
                <c:pt idx="1358">
                  <c:v>66.815228276928536</c:v>
                </c:pt>
                <c:pt idx="1359">
                  <c:v>66.456753850028818</c:v>
                </c:pt>
                <c:pt idx="1360">
                  <c:v>65.607130255507172</c:v>
                </c:pt>
                <c:pt idx="1361">
                  <c:v>64.047174542050527</c:v>
                </c:pt>
                <c:pt idx="1362">
                  <c:v>62.008494358077158</c:v>
                </c:pt>
                <c:pt idx="1363">
                  <c:v>61.349946635133456</c:v>
                </c:pt>
                <c:pt idx="1364">
                  <c:v>60.745864526234293</c:v>
                </c:pt>
                <c:pt idx="1365">
                  <c:v>58.618913876239311</c:v>
                </c:pt>
                <c:pt idx="1366">
                  <c:v>58.280436364718049</c:v>
                </c:pt>
                <c:pt idx="1367">
                  <c:v>57.555689146207889</c:v>
                </c:pt>
                <c:pt idx="1368">
                  <c:v>57.758642256143119</c:v>
                </c:pt>
                <c:pt idx="1369">
                  <c:v>57.818605503813146</c:v>
                </c:pt>
                <c:pt idx="1370">
                  <c:v>58.085180314519597</c:v>
                </c:pt>
                <c:pt idx="1371">
                  <c:v>58.148466620314103</c:v>
                </c:pt>
                <c:pt idx="1372">
                  <c:v>59.653224597603661</c:v>
                </c:pt>
                <c:pt idx="1373">
                  <c:v>63.067701213197573</c:v>
                </c:pt>
                <c:pt idx="1374">
                  <c:v>66.07356259819629</c:v>
                </c:pt>
                <c:pt idx="1375">
                  <c:v>67.521297859143161</c:v>
                </c:pt>
                <c:pt idx="1376">
                  <c:v>66.777753399742878</c:v>
                </c:pt>
                <c:pt idx="1377">
                  <c:v>66.454164110465115</c:v>
                </c:pt>
                <c:pt idx="1378">
                  <c:v>68.086434354463222</c:v>
                </c:pt>
                <c:pt idx="1379">
                  <c:v>68.671280247327601</c:v>
                </c:pt>
                <c:pt idx="1380">
                  <c:v>67.648702367956872</c:v>
                </c:pt>
                <c:pt idx="1381">
                  <c:v>66.893779467255001</c:v>
                </c:pt>
                <c:pt idx="1382">
                  <c:v>67.092971210788306</c:v>
                </c:pt>
                <c:pt idx="1383">
                  <c:v>66.261835724979719</c:v>
                </c:pt>
                <c:pt idx="1384">
                  <c:v>65.094609288467169</c:v>
                </c:pt>
                <c:pt idx="1385">
                  <c:v>63.694112056340451</c:v>
                </c:pt>
                <c:pt idx="1386">
                  <c:v>62.079891671619187</c:v>
                </c:pt>
                <c:pt idx="1387">
                  <c:v>61.313910602397875</c:v>
                </c:pt>
                <c:pt idx="1388">
                  <c:v>60.578798561124216</c:v>
                </c:pt>
                <c:pt idx="1389">
                  <c:v>58.754211582203055</c:v>
                </c:pt>
                <c:pt idx="1390">
                  <c:v>58.203669122620326</c:v>
                </c:pt>
                <c:pt idx="1391">
                  <c:v>57.153060323672079</c:v>
                </c:pt>
                <c:pt idx="1392">
                  <c:v>56.152818965200368</c:v>
                </c:pt>
                <c:pt idx="1393">
                  <c:v>56.27952732349312</c:v>
                </c:pt>
                <c:pt idx="1394">
                  <c:v>57.141969164839736</c:v>
                </c:pt>
                <c:pt idx="1395">
                  <c:v>56.845948852303735</c:v>
                </c:pt>
                <c:pt idx="1396">
                  <c:v>57.165843422672594</c:v>
                </c:pt>
                <c:pt idx="1397">
                  <c:v>60.33550771309163</c:v>
                </c:pt>
                <c:pt idx="1398">
                  <c:v>62.782579766373928</c:v>
                </c:pt>
                <c:pt idx="1399">
                  <c:v>62.706070484202151</c:v>
                </c:pt>
                <c:pt idx="1400">
                  <c:v>63.161156218691879</c:v>
                </c:pt>
                <c:pt idx="1401">
                  <c:v>62.536882410349122</c:v>
                </c:pt>
                <c:pt idx="1402">
                  <c:v>63.731789680770213</c:v>
                </c:pt>
                <c:pt idx="1403">
                  <c:v>64.804452307763711</c:v>
                </c:pt>
                <c:pt idx="1404">
                  <c:v>64.007622648113212</c:v>
                </c:pt>
                <c:pt idx="1405">
                  <c:v>64.482482662403584</c:v>
                </c:pt>
                <c:pt idx="1406">
                  <c:v>64.944523939525439</c:v>
                </c:pt>
                <c:pt idx="1407">
                  <c:v>63.889190562952408</c:v>
                </c:pt>
                <c:pt idx="1408">
                  <c:v>62.656382130291625</c:v>
                </c:pt>
                <c:pt idx="1409">
                  <c:v>61.457433252332514</c:v>
                </c:pt>
                <c:pt idx="1410">
                  <c:v>59.965312624331645</c:v>
                </c:pt>
                <c:pt idx="1411">
                  <c:v>59.212843873399692</c:v>
                </c:pt>
                <c:pt idx="1412">
                  <c:v>58.524900820576747</c:v>
                </c:pt>
                <c:pt idx="1413">
                  <c:v>56.889769069015088</c:v>
                </c:pt>
                <c:pt idx="1414">
                  <c:v>56.554560030576184</c:v>
                </c:pt>
                <c:pt idx="1415">
                  <c:v>56.260761974546369</c:v>
                </c:pt>
                <c:pt idx="1416">
                  <c:v>55.832499345443182</c:v>
                </c:pt>
                <c:pt idx="1417">
                  <c:v>57.484501621243119</c:v>
                </c:pt>
                <c:pt idx="1418">
                  <c:v>58.135961840303032</c:v>
                </c:pt>
                <c:pt idx="1419">
                  <c:v>58.026367295096001</c:v>
                </c:pt>
                <c:pt idx="1420">
                  <c:v>59.083654396442711</c:v>
                </c:pt>
                <c:pt idx="1421">
                  <c:v>62.446984945256865</c:v>
                </c:pt>
                <c:pt idx="1422">
                  <c:v>66.600592163516382</c:v>
                </c:pt>
                <c:pt idx="1423">
                  <c:v>68.010931551427689</c:v>
                </c:pt>
                <c:pt idx="1424">
                  <c:v>68.185377990875764</c:v>
                </c:pt>
                <c:pt idx="1425">
                  <c:v>67.033878813233216</c:v>
                </c:pt>
                <c:pt idx="1426">
                  <c:v>68.280622259922694</c:v>
                </c:pt>
                <c:pt idx="1427">
                  <c:v>69.006475163872736</c:v>
                </c:pt>
                <c:pt idx="1428">
                  <c:v>67.465780203241295</c:v>
                </c:pt>
                <c:pt idx="1429">
                  <c:v>67.177961729688889</c:v>
                </c:pt>
                <c:pt idx="1430">
                  <c:v>67.509543226282929</c:v>
                </c:pt>
                <c:pt idx="1431">
                  <c:v>66.868028115535836</c:v>
                </c:pt>
                <c:pt idx="1432">
                  <c:v>65.861921306947494</c:v>
                </c:pt>
                <c:pt idx="1433">
                  <c:v>64.360033663405076</c:v>
                </c:pt>
                <c:pt idx="1434">
                  <c:v>62.779406321868308</c:v>
                </c:pt>
                <c:pt idx="1435">
                  <c:v>61.719079894779163</c:v>
                </c:pt>
                <c:pt idx="1436">
                  <c:v>60.669122605476623</c:v>
                </c:pt>
                <c:pt idx="1437">
                  <c:v>58.961627583226296</c:v>
                </c:pt>
                <c:pt idx="1438">
                  <c:v>58.578095660320642</c:v>
                </c:pt>
                <c:pt idx="1439">
                  <c:v>57.952612488301348</c:v>
                </c:pt>
                <c:pt idx="1440">
                  <c:v>56.946594000390206</c:v>
                </c:pt>
                <c:pt idx="1441">
                  <c:v>56.913630774053495</c:v>
                </c:pt>
                <c:pt idx="1442">
                  <c:v>56.849368880765326</c:v>
                </c:pt>
                <c:pt idx="1443">
                  <c:v>56.980853596959982</c:v>
                </c:pt>
                <c:pt idx="1444">
                  <c:v>58.430321790794409</c:v>
                </c:pt>
                <c:pt idx="1445">
                  <c:v>61.59402528870023</c:v>
                </c:pt>
                <c:pt idx="1446">
                  <c:v>65.00315817969684</c:v>
                </c:pt>
                <c:pt idx="1447">
                  <c:v>66.746875153336802</c:v>
                </c:pt>
                <c:pt idx="1448">
                  <c:v>66.713915477087255</c:v>
                </c:pt>
                <c:pt idx="1449">
                  <c:v>65.964251648075106</c:v>
                </c:pt>
                <c:pt idx="1450">
                  <c:v>65.893434979731367</c:v>
                </c:pt>
                <c:pt idx="1451">
                  <c:v>66.036919735917763</c:v>
                </c:pt>
                <c:pt idx="1452">
                  <c:v>64.543214141093941</c:v>
                </c:pt>
                <c:pt idx="1453">
                  <c:v>64.001219742256723</c:v>
                </c:pt>
                <c:pt idx="1454">
                  <c:v>63.951037278974674</c:v>
                </c:pt>
                <c:pt idx="1455">
                  <c:v>62.952881390777108</c:v>
                </c:pt>
                <c:pt idx="1456">
                  <c:v>61.366820768300144</c:v>
                </c:pt>
                <c:pt idx="1457">
                  <c:v>60.107727372473633</c:v>
                </c:pt>
                <c:pt idx="1458">
                  <c:v>58.192775787983017</c:v>
                </c:pt>
                <c:pt idx="1459">
                  <c:v>57.618523649470909</c:v>
                </c:pt>
                <c:pt idx="1460">
                  <c:v>56.596700663776403</c:v>
                </c:pt>
                <c:pt idx="1461">
                  <c:v>54.97337357972912</c:v>
                </c:pt>
                <c:pt idx="1462">
                  <c:v>54.276627762115766</c:v>
                </c:pt>
                <c:pt idx="1463">
                  <c:v>53.493525230449634</c:v>
                </c:pt>
                <c:pt idx="1464">
                  <c:v>52.563688436002622</c:v>
                </c:pt>
                <c:pt idx="1465">
                  <c:v>51.708676181802282</c:v>
                </c:pt>
                <c:pt idx="1466">
                  <c:v>51.331746361910042</c:v>
                </c:pt>
                <c:pt idx="1467">
                  <c:v>50.060194239137104</c:v>
                </c:pt>
                <c:pt idx="1468">
                  <c:v>48.484075586774331</c:v>
                </c:pt>
                <c:pt idx="1469">
                  <c:v>47.813673887370555</c:v>
                </c:pt>
                <c:pt idx="1470">
                  <c:v>48.792340463815208</c:v>
                </c:pt>
                <c:pt idx="1471">
                  <c:v>47.976365713572129</c:v>
                </c:pt>
                <c:pt idx="1472">
                  <c:v>46.973445019966306</c:v>
                </c:pt>
                <c:pt idx="1473">
                  <c:v>46.311690803362843</c:v>
                </c:pt>
                <c:pt idx="1474">
                  <c:v>46.510133439273609</c:v>
                </c:pt>
                <c:pt idx="1475">
                  <c:v>46.311559626660845</c:v>
                </c:pt>
                <c:pt idx="1476">
                  <c:v>45.311941004476274</c:v>
                </c:pt>
                <c:pt idx="1477">
                  <c:v>44.640718058109364</c:v>
                </c:pt>
                <c:pt idx="1478">
                  <c:v>44.618359785571215</c:v>
                </c:pt>
                <c:pt idx="1479">
                  <c:v>43.927563541411047</c:v>
                </c:pt>
                <c:pt idx="1480">
                  <c:v>43.113984001645179</c:v>
                </c:pt>
                <c:pt idx="1481">
                  <c:v>42.931713444643997</c:v>
                </c:pt>
                <c:pt idx="1482">
                  <c:v>42.330468463427898</c:v>
                </c:pt>
                <c:pt idx="1483">
                  <c:v>42.191533173383732</c:v>
                </c:pt>
                <c:pt idx="1484">
                  <c:v>42.138100418957521</c:v>
                </c:pt>
                <c:pt idx="1485">
                  <c:v>42.218791507690341</c:v>
                </c:pt>
                <c:pt idx="1486">
                  <c:v>42.075362238778169</c:v>
                </c:pt>
                <c:pt idx="1487">
                  <c:v>41.805477511153931</c:v>
                </c:pt>
                <c:pt idx="1488">
                  <c:v>41.42474313540135</c:v>
                </c:pt>
                <c:pt idx="1489">
                  <c:v>41.43749651958376</c:v>
                </c:pt>
                <c:pt idx="1490">
                  <c:v>41.930055503318613</c:v>
                </c:pt>
                <c:pt idx="1491">
                  <c:v>41.668921701366443</c:v>
                </c:pt>
                <c:pt idx="1492">
                  <c:v>41.241541984829141</c:v>
                </c:pt>
                <c:pt idx="1493">
                  <c:v>41.721019564171627</c:v>
                </c:pt>
                <c:pt idx="1494">
                  <c:v>42.030444005599811</c:v>
                </c:pt>
                <c:pt idx="1495">
                  <c:v>41.527083616833245</c:v>
                </c:pt>
                <c:pt idx="1496">
                  <c:v>41.121248555616319</c:v>
                </c:pt>
                <c:pt idx="1497">
                  <c:v>40.397622183968075</c:v>
                </c:pt>
                <c:pt idx="1498">
                  <c:v>40.834327803004477</c:v>
                </c:pt>
                <c:pt idx="1499">
                  <c:v>40.98088687584783</c:v>
                </c:pt>
                <c:pt idx="1500">
                  <c:v>40.818727091993516</c:v>
                </c:pt>
                <c:pt idx="1501">
                  <c:v>40.635949794371385</c:v>
                </c:pt>
                <c:pt idx="1502">
                  <c:v>40.895220545876036</c:v>
                </c:pt>
                <c:pt idx="1503">
                  <c:v>40.902013961322368</c:v>
                </c:pt>
                <c:pt idx="1504">
                  <c:v>40.505981377291313</c:v>
                </c:pt>
                <c:pt idx="1505">
                  <c:v>40.632145650399622</c:v>
                </c:pt>
                <c:pt idx="1506">
                  <c:v>40.860462407229193</c:v>
                </c:pt>
                <c:pt idx="1507">
                  <c:v>41.401566675643714</c:v>
                </c:pt>
                <c:pt idx="1508">
                  <c:v>41.698552219617952</c:v>
                </c:pt>
                <c:pt idx="1509">
                  <c:v>42.15588423744699</c:v>
                </c:pt>
                <c:pt idx="1510">
                  <c:v>42.305039071272631</c:v>
                </c:pt>
                <c:pt idx="1511">
                  <c:v>41.918602686709924</c:v>
                </c:pt>
                <c:pt idx="1512">
                  <c:v>41.552955612675305</c:v>
                </c:pt>
                <c:pt idx="1513">
                  <c:v>42.579034662555522</c:v>
                </c:pt>
                <c:pt idx="1514">
                  <c:v>43.368078961405772</c:v>
                </c:pt>
                <c:pt idx="1515">
                  <c:v>44.208773439415403</c:v>
                </c:pt>
                <c:pt idx="1516">
                  <c:v>47.126622082953538</c:v>
                </c:pt>
                <c:pt idx="1517">
                  <c:v>53.175573656137935</c:v>
                </c:pt>
                <c:pt idx="1518">
                  <c:v>59.034417511630075</c:v>
                </c:pt>
                <c:pt idx="1519">
                  <c:v>61.902624972305574</c:v>
                </c:pt>
                <c:pt idx="1520">
                  <c:v>63.888883137170836</c:v>
                </c:pt>
                <c:pt idx="1521">
                  <c:v>63.880000250247114</c:v>
                </c:pt>
                <c:pt idx="1522">
                  <c:v>64.971189370045451</c:v>
                </c:pt>
                <c:pt idx="1523">
                  <c:v>65.789788301582021</c:v>
                </c:pt>
                <c:pt idx="1524">
                  <c:v>65.378957777358806</c:v>
                </c:pt>
                <c:pt idx="1525">
                  <c:v>65.640124648078853</c:v>
                </c:pt>
                <c:pt idx="1526">
                  <c:v>66.554872689391033</c:v>
                </c:pt>
                <c:pt idx="1527">
                  <c:v>66.204450134808738</c:v>
                </c:pt>
                <c:pt idx="1528">
                  <c:v>65.062369260000679</c:v>
                </c:pt>
                <c:pt idx="1529">
                  <c:v>63.689559687364515</c:v>
                </c:pt>
                <c:pt idx="1530">
                  <c:v>62.393047646948737</c:v>
                </c:pt>
                <c:pt idx="1531">
                  <c:v>61.891437117728479</c:v>
                </c:pt>
                <c:pt idx="1532">
                  <c:v>60.751712892782209</c:v>
                </c:pt>
                <c:pt idx="1533">
                  <c:v>58.705404767896511</c:v>
                </c:pt>
                <c:pt idx="1534">
                  <c:v>58.212002864014352</c:v>
                </c:pt>
                <c:pt idx="1535">
                  <c:v>57.712923664636136</c:v>
                </c:pt>
                <c:pt idx="1536">
                  <c:v>57.251248105335073</c:v>
                </c:pt>
                <c:pt idx="1537">
                  <c:v>57.382404801319744</c:v>
                </c:pt>
                <c:pt idx="1538">
                  <c:v>57.482231821027952</c:v>
                </c:pt>
                <c:pt idx="1539">
                  <c:v>57.822700088066497</c:v>
                </c:pt>
                <c:pt idx="1540">
                  <c:v>59.67200944260928</c:v>
                </c:pt>
                <c:pt idx="1541">
                  <c:v>63.051197524763353</c:v>
                </c:pt>
                <c:pt idx="1542">
                  <c:v>65.299032311018735</c:v>
                </c:pt>
                <c:pt idx="1543">
                  <c:v>65.090012945483167</c:v>
                </c:pt>
                <c:pt idx="1544">
                  <c:v>65.359411919189668</c:v>
                </c:pt>
                <c:pt idx="1545">
                  <c:v>65.575518102128072</c:v>
                </c:pt>
                <c:pt idx="1546">
                  <c:v>66.395519749603196</c:v>
                </c:pt>
                <c:pt idx="1547">
                  <c:v>66.463112115010048</c:v>
                </c:pt>
                <c:pt idx="1548">
                  <c:v>65.775887278167048</c:v>
                </c:pt>
                <c:pt idx="1549">
                  <c:v>65.38875401737495</c:v>
                </c:pt>
                <c:pt idx="1550">
                  <c:v>65.741053822753486</c:v>
                </c:pt>
                <c:pt idx="1551">
                  <c:v>64.442734356460619</c:v>
                </c:pt>
                <c:pt idx="1552">
                  <c:v>62.684688132591269</c:v>
                </c:pt>
                <c:pt idx="1553">
                  <c:v>61.65765279513888</c:v>
                </c:pt>
                <c:pt idx="1554">
                  <c:v>61.069466937104998</c:v>
                </c:pt>
                <c:pt idx="1555">
                  <c:v>60.19275782495157</c:v>
                </c:pt>
                <c:pt idx="1556">
                  <c:v>58.757095979002735</c:v>
                </c:pt>
                <c:pt idx="1557">
                  <c:v>57.092600181479249</c:v>
                </c:pt>
                <c:pt idx="1558">
                  <c:v>57.04861960281881</c:v>
                </c:pt>
                <c:pt idx="1559">
                  <c:v>55.67835036273194</c:v>
                </c:pt>
                <c:pt idx="1560">
                  <c:v>54.495841938505002</c:v>
                </c:pt>
                <c:pt idx="1561">
                  <c:v>55.388599484542681</c:v>
                </c:pt>
                <c:pt idx="1562">
                  <c:v>56.079061902825458</c:v>
                </c:pt>
                <c:pt idx="1563">
                  <c:v>56.602347204926062</c:v>
                </c:pt>
                <c:pt idx="1564">
                  <c:v>58.192065515568302</c:v>
                </c:pt>
                <c:pt idx="1565">
                  <c:v>61.387507498961099</c:v>
                </c:pt>
                <c:pt idx="1566">
                  <c:v>64.69675752992795</c:v>
                </c:pt>
                <c:pt idx="1567">
                  <c:v>64.52498193286398</c:v>
                </c:pt>
                <c:pt idx="1568">
                  <c:v>65.262230381298025</c:v>
                </c:pt>
                <c:pt idx="1569">
                  <c:v>65.378077179214401</c:v>
                </c:pt>
                <c:pt idx="1570">
                  <c:v>66.055018178431865</c:v>
                </c:pt>
                <c:pt idx="1571">
                  <c:v>65.93715659816506</c:v>
                </c:pt>
                <c:pt idx="1572">
                  <c:v>64.30049079705293</c:v>
                </c:pt>
                <c:pt idx="1573">
                  <c:v>63.764275783235391</c:v>
                </c:pt>
                <c:pt idx="1574">
                  <c:v>64.164969886712868</c:v>
                </c:pt>
                <c:pt idx="1575">
                  <c:v>63.270436963651406</c:v>
                </c:pt>
                <c:pt idx="1576">
                  <c:v>62.339624836689381</c:v>
                </c:pt>
                <c:pt idx="1577">
                  <c:v>61.454031700015236</c:v>
                </c:pt>
                <c:pt idx="1578">
                  <c:v>60.545058316811058</c:v>
                </c:pt>
                <c:pt idx="1579">
                  <c:v>60.106906360875392</c:v>
                </c:pt>
                <c:pt idx="1580">
                  <c:v>58.035580928539737</c:v>
                </c:pt>
                <c:pt idx="1581">
                  <c:v>56.480992378101277</c:v>
                </c:pt>
                <c:pt idx="1582">
                  <c:v>55.916414344838053</c:v>
                </c:pt>
                <c:pt idx="1583">
                  <c:v>55.506056256802218</c:v>
                </c:pt>
                <c:pt idx="1584">
                  <c:v>55.37347056246562</c:v>
                </c:pt>
                <c:pt idx="1585">
                  <c:v>56.6142805189698</c:v>
                </c:pt>
                <c:pt idx="1586">
                  <c:v>57.15873344144125</c:v>
                </c:pt>
                <c:pt idx="1587">
                  <c:v>56.985553029768404</c:v>
                </c:pt>
                <c:pt idx="1588">
                  <c:v>58.160623021051705</c:v>
                </c:pt>
                <c:pt idx="1589">
                  <c:v>61.364524744512813</c:v>
                </c:pt>
                <c:pt idx="1590">
                  <c:v>64.175845647437953</c:v>
                </c:pt>
                <c:pt idx="1591">
                  <c:v>63.803999375864286</c:v>
                </c:pt>
                <c:pt idx="1592">
                  <c:v>64.099954943440167</c:v>
                </c:pt>
                <c:pt idx="1593">
                  <c:v>63.767080920906359</c:v>
                </c:pt>
                <c:pt idx="1594">
                  <c:v>64.527232335088968</c:v>
                </c:pt>
                <c:pt idx="1595">
                  <c:v>64.747990956311583</c:v>
                </c:pt>
                <c:pt idx="1596">
                  <c:v>63.809923412226254</c:v>
                </c:pt>
                <c:pt idx="1597">
                  <c:v>63.099875280651958</c:v>
                </c:pt>
                <c:pt idx="1598">
                  <c:v>63.472333657864986</c:v>
                </c:pt>
                <c:pt idx="1599">
                  <c:v>63.018268955907558</c:v>
                </c:pt>
                <c:pt idx="1600">
                  <c:v>61.962671637217476</c:v>
                </c:pt>
                <c:pt idx="1601">
                  <c:v>60.851663459447032</c:v>
                </c:pt>
                <c:pt idx="1602">
                  <c:v>59.900678658370502</c:v>
                </c:pt>
                <c:pt idx="1603">
                  <c:v>59.102395306667752</c:v>
                </c:pt>
                <c:pt idx="1604">
                  <c:v>57.909682715832531</c:v>
                </c:pt>
                <c:pt idx="1605">
                  <c:v>56.311161228511338</c:v>
                </c:pt>
                <c:pt idx="1606">
                  <c:v>55.270005860608293</c:v>
                </c:pt>
                <c:pt idx="1607">
                  <c:v>54.028297790888693</c:v>
                </c:pt>
                <c:pt idx="1608">
                  <c:v>53.426133239024189</c:v>
                </c:pt>
                <c:pt idx="1609">
                  <c:v>55.268762663227967</c:v>
                </c:pt>
                <c:pt idx="1610">
                  <c:v>55.947833361706287</c:v>
                </c:pt>
                <c:pt idx="1611">
                  <c:v>56.079720630327948</c:v>
                </c:pt>
                <c:pt idx="1612">
                  <c:v>57.175931927048261</c:v>
                </c:pt>
                <c:pt idx="1613">
                  <c:v>59.951101331142603</c:v>
                </c:pt>
                <c:pt idx="1614">
                  <c:v>63.426320467963251</c:v>
                </c:pt>
                <c:pt idx="1615">
                  <c:v>64.032349966397646</c:v>
                </c:pt>
                <c:pt idx="1616">
                  <c:v>64.276475751784815</c:v>
                </c:pt>
                <c:pt idx="1617">
                  <c:v>63.695336385301623</c:v>
                </c:pt>
                <c:pt idx="1618">
                  <c:v>63.958778979586718</c:v>
                </c:pt>
                <c:pt idx="1619">
                  <c:v>63.82371167624234</c:v>
                </c:pt>
                <c:pt idx="1620">
                  <c:v>62.408948252064611</c:v>
                </c:pt>
                <c:pt idx="1621">
                  <c:v>62.210648443418194</c:v>
                </c:pt>
                <c:pt idx="1622">
                  <c:v>62.076534779790912</c:v>
                </c:pt>
                <c:pt idx="1623">
                  <c:v>60.904309742073472</c:v>
                </c:pt>
                <c:pt idx="1624">
                  <c:v>59.36728274720776</c:v>
                </c:pt>
                <c:pt idx="1625">
                  <c:v>57.851427158164967</c:v>
                </c:pt>
                <c:pt idx="1626">
                  <c:v>56.984119461414743</c:v>
                </c:pt>
                <c:pt idx="1627">
                  <c:v>55.931226387310232</c:v>
                </c:pt>
                <c:pt idx="1628">
                  <c:v>54.566991805086431</c:v>
                </c:pt>
                <c:pt idx="1629">
                  <c:v>53.416562262827192</c:v>
                </c:pt>
                <c:pt idx="1630">
                  <c:v>53.15586004163923</c:v>
                </c:pt>
                <c:pt idx="1631">
                  <c:v>51.450815991732703</c:v>
                </c:pt>
                <c:pt idx="1632">
                  <c:v>50.611190050736887</c:v>
                </c:pt>
                <c:pt idx="1633">
                  <c:v>50.313129163780609</c:v>
                </c:pt>
                <c:pt idx="1634">
                  <c:v>49.676236070404904</c:v>
                </c:pt>
                <c:pt idx="1635">
                  <c:v>48.822737859738901</c:v>
                </c:pt>
                <c:pt idx="1636">
                  <c:v>47.410679798130005</c:v>
                </c:pt>
                <c:pt idx="1637">
                  <c:v>46.980675743389284</c:v>
                </c:pt>
                <c:pt idx="1638">
                  <c:v>47.245153354804245</c:v>
                </c:pt>
                <c:pt idx="1639">
                  <c:v>46.995622512650627</c:v>
                </c:pt>
                <c:pt idx="1640">
                  <c:v>46.058546835464256</c:v>
                </c:pt>
                <c:pt idx="1641">
                  <c:v>45.603907509727158</c:v>
                </c:pt>
                <c:pt idx="1642">
                  <c:v>45.411923541539473</c:v>
                </c:pt>
                <c:pt idx="1643">
                  <c:v>45.17477548192587</c:v>
                </c:pt>
                <c:pt idx="1644">
                  <c:v>44.236697091441592</c:v>
                </c:pt>
                <c:pt idx="1645">
                  <c:v>43.604978887577836</c:v>
                </c:pt>
                <c:pt idx="1646">
                  <c:v>43.713945694993662</c:v>
                </c:pt>
                <c:pt idx="1647">
                  <c:v>43.253811736533493</c:v>
                </c:pt>
                <c:pt idx="1648">
                  <c:v>42.417236967979861</c:v>
                </c:pt>
                <c:pt idx="1649">
                  <c:v>42.430537575545308</c:v>
                </c:pt>
                <c:pt idx="1650">
                  <c:v>42.222997262629526</c:v>
                </c:pt>
                <c:pt idx="1651">
                  <c:v>41.496551631416565</c:v>
                </c:pt>
                <c:pt idx="1652">
                  <c:v>41.311446771111065</c:v>
                </c:pt>
                <c:pt idx="1653">
                  <c:v>41.333427302604981</c:v>
                </c:pt>
                <c:pt idx="1654">
                  <c:v>41.117911610962977</c:v>
                </c:pt>
                <c:pt idx="1655">
                  <c:v>40.941899406544707</c:v>
                </c:pt>
                <c:pt idx="1656">
                  <c:v>40.995258432917261</c:v>
                </c:pt>
                <c:pt idx="1657">
                  <c:v>41.055283032370163</c:v>
                </c:pt>
                <c:pt idx="1658">
                  <c:v>41.424748627248924</c:v>
                </c:pt>
                <c:pt idx="1659">
                  <c:v>41.237318381385329</c:v>
                </c:pt>
                <c:pt idx="1660">
                  <c:v>40.657037469132568</c:v>
                </c:pt>
                <c:pt idx="1661">
                  <c:v>41.034039016476861</c:v>
                </c:pt>
                <c:pt idx="1662">
                  <c:v>41.432206850457568</c:v>
                </c:pt>
                <c:pt idx="1663">
                  <c:v>41.147797009783034</c:v>
                </c:pt>
                <c:pt idx="1664">
                  <c:v>40.744411175286949</c:v>
                </c:pt>
                <c:pt idx="1665">
                  <c:v>40.23618767704059</c:v>
                </c:pt>
                <c:pt idx="1666">
                  <c:v>40.466192627813733</c:v>
                </c:pt>
                <c:pt idx="1667">
                  <c:v>40.532064828878646</c:v>
                </c:pt>
                <c:pt idx="1668">
                  <c:v>40.040550374938206</c:v>
                </c:pt>
                <c:pt idx="1669">
                  <c:v>39.877410315906069</c:v>
                </c:pt>
                <c:pt idx="1670">
                  <c:v>40.149707945602202</c:v>
                </c:pt>
                <c:pt idx="1671">
                  <c:v>40.158044177941363</c:v>
                </c:pt>
                <c:pt idx="1672">
                  <c:v>39.594171454816305</c:v>
                </c:pt>
                <c:pt idx="1673">
                  <c:v>40.04318387275881</c:v>
                </c:pt>
                <c:pt idx="1674">
                  <c:v>39.947763335018557</c:v>
                </c:pt>
                <c:pt idx="1675">
                  <c:v>40.146548858355224</c:v>
                </c:pt>
                <c:pt idx="1676">
                  <c:v>40.599596136708733</c:v>
                </c:pt>
                <c:pt idx="1677">
                  <c:v>41.085868680983111</c:v>
                </c:pt>
                <c:pt idx="1678">
                  <c:v>41.599279052737366</c:v>
                </c:pt>
                <c:pt idx="1679">
                  <c:v>42.400985296507962</c:v>
                </c:pt>
                <c:pt idx="1680">
                  <c:v>42.170778402654108</c:v>
                </c:pt>
                <c:pt idx="1681">
                  <c:v>42.906810387237272</c:v>
                </c:pt>
                <c:pt idx="1682">
                  <c:v>44.030053028435795</c:v>
                </c:pt>
                <c:pt idx="1683">
                  <c:v>45.262436902051789</c:v>
                </c:pt>
                <c:pt idx="1684">
                  <c:v>48.239311609471834</c:v>
                </c:pt>
                <c:pt idx="1685">
                  <c:v>53.880177130802061</c:v>
                </c:pt>
                <c:pt idx="1686">
                  <c:v>59.153005094532126</c:v>
                </c:pt>
                <c:pt idx="1687">
                  <c:v>60.531395070782203</c:v>
                </c:pt>
                <c:pt idx="1688">
                  <c:v>62.290149036893631</c:v>
                </c:pt>
                <c:pt idx="1689">
                  <c:v>62.848778712755632</c:v>
                </c:pt>
                <c:pt idx="1690">
                  <c:v>64.059382978043871</c:v>
                </c:pt>
                <c:pt idx="1691">
                  <c:v>64.596044969412546</c:v>
                </c:pt>
                <c:pt idx="1692">
                  <c:v>63.870015835996668</c:v>
                </c:pt>
                <c:pt idx="1693">
                  <c:v>63.44115614499372</c:v>
                </c:pt>
                <c:pt idx="1694">
                  <c:v>63.771916178873475</c:v>
                </c:pt>
                <c:pt idx="1695">
                  <c:v>62.754423985719129</c:v>
                </c:pt>
                <c:pt idx="1696">
                  <c:v>61.744513974618613</c:v>
                </c:pt>
                <c:pt idx="1697">
                  <c:v>60.80695568171312</c:v>
                </c:pt>
                <c:pt idx="1698">
                  <c:v>60.094127165009404</c:v>
                </c:pt>
                <c:pt idx="1699">
                  <c:v>59.636636099351939</c:v>
                </c:pt>
                <c:pt idx="1700">
                  <c:v>57.950053012740504</c:v>
                </c:pt>
                <c:pt idx="1701">
                  <c:v>56.286880495503183</c:v>
                </c:pt>
                <c:pt idx="1702">
                  <c:v>55.992010921170895</c:v>
                </c:pt>
                <c:pt idx="1703">
                  <c:v>55.677947653395002</c:v>
                </c:pt>
                <c:pt idx="1704">
                  <c:v>55.239268813526039</c:v>
                </c:pt>
                <c:pt idx="1705">
                  <c:v>56.948445498344071</c:v>
                </c:pt>
                <c:pt idx="1706">
                  <c:v>57.769292360774223</c:v>
                </c:pt>
                <c:pt idx="1707">
                  <c:v>57.465186342217024</c:v>
                </c:pt>
                <c:pt idx="1708">
                  <c:v>59.237589157871177</c:v>
                </c:pt>
                <c:pt idx="1709">
                  <c:v>62.960169680530882</c:v>
                </c:pt>
                <c:pt idx="1710">
                  <c:v>66.303795205665025</c:v>
                </c:pt>
                <c:pt idx="1711">
                  <c:v>67.407954343418737</c:v>
                </c:pt>
                <c:pt idx="1712">
                  <c:v>68.198680618656553</c:v>
                </c:pt>
                <c:pt idx="1713">
                  <c:v>67.886700447892125</c:v>
                </c:pt>
                <c:pt idx="1714">
                  <c:v>68.676174287677469</c:v>
                </c:pt>
                <c:pt idx="1715">
                  <c:v>68.917653061376271</c:v>
                </c:pt>
                <c:pt idx="1716">
                  <c:v>67.783722716004505</c:v>
                </c:pt>
                <c:pt idx="1717">
                  <c:v>67.483767259318412</c:v>
                </c:pt>
                <c:pt idx="1718">
                  <c:v>67.108731636494909</c:v>
                </c:pt>
                <c:pt idx="1719">
                  <c:v>66.208368332686319</c:v>
                </c:pt>
                <c:pt idx="1720">
                  <c:v>65.391945055406538</c:v>
                </c:pt>
                <c:pt idx="1721">
                  <c:v>64.019315693825689</c:v>
                </c:pt>
                <c:pt idx="1722">
                  <c:v>63.018117361300845</c:v>
                </c:pt>
                <c:pt idx="1723">
                  <c:v>62.400330464468674</c:v>
                </c:pt>
                <c:pt idx="1724">
                  <c:v>60.906842484104885</c:v>
                </c:pt>
                <c:pt idx="1725">
                  <c:v>58.942656035016981</c:v>
                </c:pt>
                <c:pt idx="1726">
                  <c:v>57.773975533791088</c:v>
                </c:pt>
                <c:pt idx="1727">
                  <c:v>56.902320451275543</c:v>
                </c:pt>
                <c:pt idx="1728">
                  <c:v>56.058407103335377</c:v>
                </c:pt>
                <c:pt idx="1729">
                  <c:v>56.04570206702536</c:v>
                </c:pt>
                <c:pt idx="1730">
                  <c:v>56.50307578366845</c:v>
                </c:pt>
                <c:pt idx="1731">
                  <c:v>56.6121520357609</c:v>
                </c:pt>
                <c:pt idx="1732">
                  <c:v>57.473760508852251</c:v>
                </c:pt>
                <c:pt idx="1733">
                  <c:v>60.637709884619362</c:v>
                </c:pt>
                <c:pt idx="1734">
                  <c:v>64.462135053330186</c:v>
                </c:pt>
                <c:pt idx="1735">
                  <c:v>66.299914273895965</c:v>
                </c:pt>
                <c:pt idx="1736">
                  <c:v>67.231810393499956</c:v>
                </c:pt>
                <c:pt idx="1737">
                  <c:v>67.476108701355855</c:v>
                </c:pt>
                <c:pt idx="1738">
                  <c:v>68.012665602298483</c:v>
                </c:pt>
                <c:pt idx="1739">
                  <c:v>67.970651163909949</c:v>
                </c:pt>
                <c:pt idx="1740">
                  <c:v>66.616407939201011</c:v>
                </c:pt>
                <c:pt idx="1741">
                  <c:v>66.028950810112434</c:v>
                </c:pt>
                <c:pt idx="1742">
                  <c:v>66.741384992546756</c:v>
                </c:pt>
                <c:pt idx="1743">
                  <c:v>66.363239434512039</c:v>
                </c:pt>
                <c:pt idx="1744">
                  <c:v>65.784127187422555</c:v>
                </c:pt>
                <c:pt idx="1745">
                  <c:v>64.281152491494524</c:v>
                </c:pt>
                <c:pt idx="1746">
                  <c:v>63.268635421896697</c:v>
                </c:pt>
                <c:pt idx="1747">
                  <c:v>62.215582574255336</c:v>
                </c:pt>
                <c:pt idx="1748">
                  <c:v>59.987177787799077</c:v>
                </c:pt>
                <c:pt idx="1749">
                  <c:v>57.737104720610844</c:v>
                </c:pt>
                <c:pt idx="1750">
                  <c:v>55.911160902292103</c:v>
                </c:pt>
                <c:pt idx="1751">
                  <c:v>54.063839165068003</c:v>
                </c:pt>
                <c:pt idx="1752">
                  <c:v>52.956264156965851</c:v>
                </c:pt>
                <c:pt idx="1753">
                  <c:v>52.472948482265373</c:v>
                </c:pt>
                <c:pt idx="1754">
                  <c:v>52.758166232558914</c:v>
                </c:pt>
                <c:pt idx="1755">
                  <c:v>52.797972418652563</c:v>
                </c:pt>
                <c:pt idx="1756">
                  <c:v>54.016426711246197</c:v>
                </c:pt>
                <c:pt idx="1757">
                  <c:v>57.103083785060228</c:v>
                </c:pt>
                <c:pt idx="1758">
                  <c:v>61.094591002149009</c:v>
                </c:pt>
                <c:pt idx="1759">
                  <c:v>62.497044253857119</c:v>
                </c:pt>
                <c:pt idx="1760">
                  <c:v>63.188753105787548</c:v>
                </c:pt>
                <c:pt idx="1761">
                  <c:v>62.523960877562317</c:v>
                </c:pt>
                <c:pt idx="1762">
                  <c:v>63.108910154457227</c:v>
                </c:pt>
                <c:pt idx="1763">
                  <c:v>63.711371952571568</c:v>
                </c:pt>
                <c:pt idx="1764">
                  <c:v>61.951381496979359</c:v>
                </c:pt>
                <c:pt idx="1765">
                  <c:v>61.21372869165409</c:v>
                </c:pt>
                <c:pt idx="1766">
                  <c:v>61.801647998943317</c:v>
                </c:pt>
                <c:pt idx="1767">
                  <c:v>61.158844834189473</c:v>
                </c:pt>
                <c:pt idx="1768">
                  <c:v>59.752276619550791</c:v>
                </c:pt>
                <c:pt idx="1769">
                  <c:v>58.490331562258874</c:v>
                </c:pt>
                <c:pt idx="1770">
                  <c:v>57.265361329817473</c:v>
                </c:pt>
                <c:pt idx="1771">
                  <c:v>56.153228657029224</c:v>
                </c:pt>
                <c:pt idx="1772">
                  <c:v>54.312453594385538</c:v>
                </c:pt>
                <c:pt idx="1773">
                  <c:v>52.499550109284833</c:v>
                </c:pt>
                <c:pt idx="1774">
                  <c:v>52.439838427461069</c:v>
                </c:pt>
                <c:pt idx="1775">
                  <c:v>51.125529133143019</c:v>
                </c:pt>
                <c:pt idx="1776">
                  <c:v>50.898109195021924</c:v>
                </c:pt>
                <c:pt idx="1777">
                  <c:v>51.495209420034357</c:v>
                </c:pt>
                <c:pt idx="1778">
                  <c:v>51.347797424035633</c:v>
                </c:pt>
                <c:pt idx="1779">
                  <c:v>51.247625084797619</c:v>
                </c:pt>
                <c:pt idx="1780">
                  <c:v>52.181141554413927</c:v>
                </c:pt>
                <c:pt idx="1781">
                  <c:v>55.087684386334629</c:v>
                </c:pt>
                <c:pt idx="1782">
                  <c:v>58.863051253347606</c:v>
                </c:pt>
                <c:pt idx="1783">
                  <c:v>60.370178060632298</c:v>
                </c:pt>
                <c:pt idx="1784">
                  <c:v>60.972750048745418</c:v>
                </c:pt>
                <c:pt idx="1785">
                  <c:v>60.433045789573121</c:v>
                </c:pt>
                <c:pt idx="1786">
                  <c:v>60.43636706284714</c:v>
                </c:pt>
                <c:pt idx="1787">
                  <c:v>60.262388823018306</c:v>
                </c:pt>
                <c:pt idx="1788">
                  <c:v>58.822743485046992</c:v>
                </c:pt>
                <c:pt idx="1789">
                  <c:v>58.056729307830331</c:v>
                </c:pt>
                <c:pt idx="1790">
                  <c:v>57.470807091296841</c:v>
                </c:pt>
                <c:pt idx="1791">
                  <c:v>56.262759810624289</c:v>
                </c:pt>
                <c:pt idx="1792">
                  <c:v>54.815758005534356</c:v>
                </c:pt>
                <c:pt idx="1793">
                  <c:v>53.663956638979194</c:v>
                </c:pt>
                <c:pt idx="1794">
                  <c:v>53.154920837635729</c:v>
                </c:pt>
                <c:pt idx="1795">
                  <c:v>52.065016064847022</c:v>
                </c:pt>
                <c:pt idx="1796">
                  <c:v>50.937052356883392</c:v>
                </c:pt>
                <c:pt idx="1797">
                  <c:v>49.045721071502903</c:v>
                </c:pt>
                <c:pt idx="1798">
                  <c:v>48.984047250610452</c:v>
                </c:pt>
                <c:pt idx="1799">
                  <c:v>47.607690905516222</c:v>
                </c:pt>
                <c:pt idx="1800">
                  <c:v>46.406636276674391</c:v>
                </c:pt>
                <c:pt idx="1801">
                  <c:v>45.985613667907572</c:v>
                </c:pt>
                <c:pt idx="1802">
                  <c:v>45.692587824487575</c:v>
                </c:pt>
                <c:pt idx="1803">
                  <c:v>44.44168338141661</c:v>
                </c:pt>
                <c:pt idx="1804">
                  <c:v>43.489731250231536</c:v>
                </c:pt>
                <c:pt idx="1805">
                  <c:v>42.956465182036382</c:v>
                </c:pt>
                <c:pt idx="1806">
                  <c:v>43.940949429523776</c:v>
                </c:pt>
                <c:pt idx="1807">
                  <c:v>44.239887501833458</c:v>
                </c:pt>
                <c:pt idx="1808">
                  <c:v>44.507588160905875</c:v>
                </c:pt>
                <c:pt idx="1809">
                  <c:v>44.254233482584198</c:v>
                </c:pt>
                <c:pt idx="1810">
                  <c:v>44.065014110464169</c:v>
                </c:pt>
                <c:pt idx="1811">
                  <c:v>44.13815384994453</c:v>
                </c:pt>
                <c:pt idx="1812">
                  <c:v>42.958521212084811</c:v>
                </c:pt>
                <c:pt idx="1813">
                  <c:v>41.96989424822285</c:v>
                </c:pt>
                <c:pt idx="1814">
                  <c:v>42.471731257314218</c:v>
                </c:pt>
                <c:pt idx="1815">
                  <c:v>42.148033111772079</c:v>
                </c:pt>
                <c:pt idx="1816">
                  <c:v>41.765176607662795</c:v>
                </c:pt>
                <c:pt idx="1817">
                  <c:v>41.00736607389392</c:v>
                </c:pt>
                <c:pt idx="1818">
                  <c:v>40.886759374004605</c:v>
                </c:pt>
                <c:pt idx="1819">
                  <c:v>41.060746420403298</c:v>
                </c:pt>
                <c:pt idx="1820">
                  <c:v>40.555862396982903</c:v>
                </c:pt>
                <c:pt idx="1821">
                  <c:v>40.266264250997367</c:v>
                </c:pt>
                <c:pt idx="1822">
                  <c:v>40.751301325705498</c:v>
                </c:pt>
                <c:pt idx="1823">
                  <c:v>40.323765130739879</c:v>
                </c:pt>
                <c:pt idx="1824">
                  <c:v>40.193398986213161</c:v>
                </c:pt>
                <c:pt idx="1825">
                  <c:v>39.903341604088169</c:v>
                </c:pt>
                <c:pt idx="1826">
                  <c:v>39.977700769094362</c:v>
                </c:pt>
                <c:pt idx="1827">
                  <c:v>39.873961690609612</c:v>
                </c:pt>
                <c:pt idx="1828">
                  <c:v>39.825276461885558</c:v>
                </c:pt>
                <c:pt idx="1829">
                  <c:v>39.702571425107763</c:v>
                </c:pt>
                <c:pt idx="1830">
                  <c:v>39.616365011154777</c:v>
                </c:pt>
                <c:pt idx="1831">
                  <c:v>39.2691497936231</c:v>
                </c:pt>
                <c:pt idx="1832">
                  <c:v>39.007640466979481</c:v>
                </c:pt>
                <c:pt idx="1833">
                  <c:v>39.115835493287804</c:v>
                </c:pt>
                <c:pt idx="1834">
                  <c:v>39.535359376852284</c:v>
                </c:pt>
                <c:pt idx="1835">
                  <c:v>39.868110028953147</c:v>
                </c:pt>
                <c:pt idx="1836">
                  <c:v>39.731116734665335</c:v>
                </c:pt>
                <c:pt idx="1837">
                  <c:v>39.93427471012874</c:v>
                </c:pt>
                <c:pt idx="1838">
                  <c:v>40.202227856893252</c:v>
                </c:pt>
                <c:pt idx="1839">
                  <c:v>39.888938488508941</c:v>
                </c:pt>
                <c:pt idx="1840">
                  <c:v>39.240888216447573</c:v>
                </c:pt>
                <c:pt idx="1841">
                  <c:v>39.09151366949159</c:v>
                </c:pt>
                <c:pt idx="1842">
                  <c:v>39.382991851424627</c:v>
                </c:pt>
                <c:pt idx="1843">
                  <c:v>39.662663169104263</c:v>
                </c:pt>
                <c:pt idx="1844">
                  <c:v>40.236131464057941</c:v>
                </c:pt>
                <c:pt idx="1845">
                  <c:v>40.840072354019561</c:v>
                </c:pt>
                <c:pt idx="1846">
                  <c:v>41.32153241188049</c:v>
                </c:pt>
                <c:pt idx="1847">
                  <c:v>40.967958576320257</c:v>
                </c:pt>
                <c:pt idx="1848">
                  <c:v>40.656274553436134</c:v>
                </c:pt>
                <c:pt idx="1849">
                  <c:v>41.467981804682324</c:v>
                </c:pt>
                <c:pt idx="1850">
                  <c:v>42.445534144095895</c:v>
                </c:pt>
                <c:pt idx="1851">
                  <c:v>43.403744824001279</c:v>
                </c:pt>
                <c:pt idx="1852">
                  <c:v>46.739353467732542</c:v>
                </c:pt>
                <c:pt idx="1853">
                  <c:v>52.271533874199889</c:v>
                </c:pt>
                <c:pt idx="1854">
                  <c:v>58.256430792886995</c:v>
                </c:pt>
                <c:pt idx="1855">
                  <c:v>61.199046256784612</c:v>
                </c:pt>
                <c:pt idx="1856">
                  <c:v>62.783639889092711</c:v>
                </c:pt>
                <c:pt idx="1857">
                  <c:v>62.966406830659409</c:v>
                </c:pt>
                <c:pt idx="1858">
                  <c:v>63.497962423700841</c:v>
                </c:pt>
                <c:pt idx="1859">
                  <c:v>64.497116278670902</c:v>
                </c:pt>
                <c:pt idx="1860">
                  <c:v>64.462543882154421</c:v>
                </c:pt>
                <c:pt idx="1861">
                  <c:v>64.971936418225155</c:v>
                </c:pt>
                <c:pt idx="1862">
                  <c:v>66.403622166532003</c:v>
                </c:pt>
                <c:pt idx="1863">
                  <c:v>66.05325607991098</c:v>
                </c:pt>
                <c:pt idx="1864">
                  <c:v>64.914129230684324</c:v>
                </c:pt>
                <c:pt idx="1865">
                  <c:v>63.523617060061511</c:v>
                </c:pt>
                <c:pt idx="1866">
                  <c:v>62.852600764073223</c:v>
                </c:pt>
                <c:pt idx="1867">
                  <c:v>62.26549038631758</c:v>
                </c:pt>
                <c:pt idx="1868">
                  <c:v>60.538333529845644</c:v>
                </c:pt>
                <c:pt idx="1869">
                  <c:v>59.106861139816957</c:v>
                </c:pt>
                <c:pt idx="1870">
                  <c:v>58.872496466235205</c:v>
                </c:pt>
                <c:pt idx="1871">
                  <c:v>57.853659437292983</c:v>
                </c:pt>
                <c:pt idx="1872">
                  <c:v>57.539046769008735</c:v>
                </c:pt>
                <c:pt idx="1873">
                  <c:v>57.471680118537087</c:v>
                </c:pt>
                <c:pt idx="1874">
                  <c:v>58.163440417311008</c:v>
                </c:pt>
                <c:pt idx="1875">
                  <c:v>58.254267711038402</c:v>
                </c:pt>
                <c:pt idx="1876">
                  <c:v>59.750520130559899</c:v>
                </c:pt>
                <c:pt idx="1877">
                  <c:v>63.321015251847207</c:v>
                </c:pt>
                <c:pt idx="1878">
                  <c:v>66.8116284100727</c:v>
                </c:pt>
                <c:pt idx="1879">
                  <c:v>68.119575320523836</c:v>
                </c:pt>
                <c:pt idx="1880">
                  <c:v>68.670990925029272</c:v>
                </c:pt>
                <c:pt idx="1881">
                  <c:v>68.695097076125862</c:v>
                </c:pt>
                <c:pt idx="1882">
                  <c:v>69.850665045951885</c:v>
                </c:pt>
                <c:pt idx="1883">
                  <c:v>69.884322324139234</c:v>
                </c:pt>
                <c:pt idx="1884">
                  <c:v>68.672123383226065</c:v>
                </c:pt>
                <c:pt idx="1885">
                  <c:v>67.478383248096421</c:v>
                </c:pt>
                <c:pt idx="1886">
                  <c:v>68.091954386981314</c:v>
                </c:pt>
                <c:pt idx="1887">
                  <c:v>66.906062710057768</c:v>
                </c:pt>
                <c:pt idx="1888">
                  <c:v>66.241567355421267</c:v>
                </c:pt>
                <c:pt idx="1889">
                  <c:v>64.641763168644701</c:v>
                </c:pt>
                <c:pt idx="1890">
                  <c:v>62.870644464635284</c:v>
                </c:pt>
                <c:pt idx="1891">
                  <c:v>62.220854669469297</c:v>
                </c:pt>
                <c:pt idx="1892">
                  <c:v>61.091714490073343</c:v>
                </c:pt>
                <c:pt idx="1893">
                  <c:v>58.559659018064806</c:v>
                </c:pt>
                <c:pt idx="1894">
                  <c:v>58.454342014090237</c:v>
                </c:pt>
                <c:pt idx="1895">
                  <c:v>57.322233294944304</c:v>
                </c:pt>
                <c:pt idx="1896">
                  <c:v>56.369622142050609</c:v>
                </c:pt>
                <c:pt idx="1897">
                  <c:v>56.638259729932514</c:v>
                </c:pt>
                <c:pt idx="1898">
                  <c:v>57.464403243980769</c:v>
                </c:pt>
                <c:pt idx="1899">
                  <c:v>57.605745375450766</c:v>
                </c:pt>
                <c:pt idx="1900">
                  <c:v>58.543440493815751</c:v>
                </c:pt>
                <c:pt idx="1901">
                  <c:v>61.530034790750825</c:v>
                </c:pt>
                <c:pt idx="1902">
                  <c:v>65.54318659517206</c:v>
                </c:pt>
                <c:pt idx="1903">
                  <c:v>67.128972664497923</c:v>
                </c:pt>
                <c:pt idx="1904">
                  <c:v>67.975655766919701</c:v>
                </c:pt>
                <c:pt idx="1905">
                  <c:v>67.990401730697343</c:v>
                </c:pt>
                <c:pt idx="1906">
                  <c:v>68.616319052880939</c:v>
                </c:pt>
                <c:pt idx="1907">
                  <c:v>68.697707606255364</c:v>
                </c:pt>
                <c:pt idx="1908">
                  <c:v>67.73395839807381</c:v>
                </c:pt>
                <c:pt idx="1909">
                  <c:v>66.905710074602425</c:v>
                </c:pt>
                <c:pt idx="1910">
                  <c:v>67.138818684189545</c:v>
                </c:pt>
                <c:pt idx="1911">
                  <c:v>65.813897080919929</c:v>
                </c:pt>
                <c:pt idx="1912">
                  <c:v>64.783801313339453</c:v>
                </c:pt>
                <c:pt idx="1913">
                  <c:v>63.336224904083586</c:v>
                </c:pt>
                <c:pt idx="1914">
                  <c:v>62.579910055387145</c:v>
                </c:pt>
                <c:pt idx="1915">
                  <c:v>62.041392349110225</c:v>
                </c:pt>
                <c:pt idx="1916">
                  <c:v>60.696752325975261</c:v>
                </c:pt>
                <c:pt idx="1917">
                  <c:v>58.814031453423979</c:v>
                </c:pt>
                <c:pt idx="1918">
                  <c:v>58.31502827690715</c:v>
                </c:pt>
                <c:pt idx="1919">
                  <c:v>57.765118537005918</c:v>
                </c:pt>
                <c:pt idx="1920">
                  <c:v>56.035736835013928</c:v>
                </c:pt>
                <c:pt idx="1921">
                  <c:v>57.108295999521914</c:v>
                </c:pt>
                <c:pt idx="1922">
                  <c:v>57.594315055803378</c:v>
                </c:pt>
                <c:pt idx="1923">
                  <c:v>57.497413543296673</c:v>
                </c:pt>
                <c:pt idx="1924">
                  <c:v>58.81283448563196</c:v>
                </c:pt>
                <c:pt idx="1925">
                  <c:v>62.188060082080526</c:v>
                </c:pt>
                <c:pt idx="1926">
                  <c:v>66.006599049336401</c:v>
                </c:pt>
                <c:pt idx="1927">
                  <c:v>67.164215870581558</c:v>
                </c:pt>
                <c:pt idx="1928">
                  <c:v>67.938827750923039</c:v>
                </c:pt>
                <c:pt idx="1929">
                  <c:v>67.714361642245933</c:v>
                </c:pt>
                <c:pt idx="1930">
                  <c:v>68.625056739277611</c:v>
                </c:pt>
                <c:pt idx="1931">
                  <c:v>69.259199240796974</c:v>
                </c:pt>
                <c:pt idx="1932">
                  <c:v>67.713873711202922</c:v>
                </c:pt>
                <c:pt idx="1933">
                  <c:v>67.175184208165703</c:v>
                </c:pt>
                <c:pt idx="1934">
                  <c:v>67.768274678356036</c:v>
                </c:pt>
                <c:pt idx="1935">
                  <c:v>67.193597902344166</c:v>
                </c:pt>
                <c:pt idx="1936">
                  <c:v>65.93291732334194</c:v>
                </c:pt>
                <c:pt idx="1937">
                  <c:v>64.57372619894943</c:v>
                </c:pt>
                <c:pt idx="1938">
                  <c:v>63.337123978372304</c:v>
                </c:pt>
                <c:pt idx="1939">
                  <c:v>61.993907285218029</c:v>
                </c:pt>
                <c:pt idx="1940">
                  <c:v>60.748677607470498</c:v>
                </c:pt>
                <c:pt idx="1941">
                  <c:v>58.913893817094049</c:v>
                </c:pt>
                <c:pt idx="1942">
                  <c:v>58.542028912466129</c:v>
                </c:pt>
                <c:pt idx="1943">
                  <c:v>57.121165065550677</c:v>
                </c:pt>
                <c:pt idx="1944">
                  <c:v>55.824824547302818</c:v>
                </c:pt>
                <c:pt idx="1945">
                  <c:v>55.602876960694644</c:v>
                </c:pt>
                <c:pt idx="1946">
                  <c:v>55.812695429279394</c:v>
                </c:pt>
                <c:pt idx="1947">
                  <c:v>55.835296480707697</c:v>
                </c:pt>
                <c:pt idx="1948">
                  <c:v>57.102444259410497</c:v>
                </c:pt>
                <c:pt idx="1949">
                  <c:v>59.945959118123717</c:v>
                </c:pt>
                <c:pt idx="1950">
                  <c:v>63.514122204794624</c:v>
                </c:pt>
                <c:pt idx="1951">
                  <c:v>64.939106231895863</c:v>
                </c:pt>
                <c:pt idx="1952">
                  <c:v>64.72054638953108</c:v>
                </c:pt>
                <c:pt idx="1953">
                  <c:v>64.458845044359833</c:v>
                </c:pt>
                <c:pt idx="1954">
                  <c:v>64.64235016869516</c:v>
                </c:pt>
                <c:pt idx="1955">
                  <c:v>64.942614914468265</c:v>
                </c:pt>
                <c:pt idx="1956">
                  <c:v>63.994836195162932</c:v>
                </c:pt>
                <c:pt idx="1957">
                  <c:v>63.4601137674467</c:v>
                </c:pt>
                <c:pt idx="1958">
                  <c:v>63.511463954432458</c:v>
                </c:pt>
                <c:pt idx="1959">
                  <c:v>62.883230347466757</c:v>
                </c:pt>
                <c:pt idx="1960">
                  <c:v>61.326169484933921</c:v>
                </c:pt>
                <c:pt idx="1961">
                  <c:v>59.965881736650026</c:v>
                </c:pt>
                <c:pt idx="1962">
                  <c:v>58.329980538016073</c:v>
                </c:pt>
                <c:pt idx="1963">
                  <c:v>56.779967657678263</c:v>
                </c:pt>
                <c:pt idx="1964">
                  <c:v>55.342009474122236</c:v>
                </c:pt>
                <c:pt idx="1965">
                  <c:v>54.372859131922517</c:v>
                </c:pt>
                <c:pt idx="1966">
                  <c:v>54.437820117792825</c:v>
                </c:pt>
                <c:pt idx="1967">
                  <c:v>53.229825166582131</c:v>
                </c:pt>
                <c:pt idx="1968">
                  <c:v>52.009908061546511</c:v>
                </c:pt>
                <c:pt idx="1969">
                  <c:v>51.133430705360624</c:v>
                </c:pt>
                <c:pt idx="1970">
                  <c:v>50.584345311393662</c:v>
                </c:pt>
                <c:pt idx="1971">
                  <c:v>49.205071834165473</c:v>
                </c:pt>
                <c:pt idx="1972">
                  <c:v>47.98207499908029</c:v>
                </c:pt>
                <c:pt idx="1973">
                  <c:v>47.582169407231667</c:v>
                </c:pt>
                <c:pt idx="1974">
                  <c:v>47.842908698390772</c:v>
                </c:pt>
                <c:pt idx="1975">
                  <c:v>47.170533268197168</c:v>
                </c:pt>
                <c:pt idx="1976">
                  <c:v>46.304474809859599</c:v>
                </c:pt>
                <c:pt idx="1977">
                  <c:v>45.668705525020769</c:v>
                </c:pt>
                <c:pt idx="1978">
                  <c:v>45.697555200616264</c:v>
                </c:pt>
                <c:pt idx="1979">
                  <c:v>45.371993690806768</c:v>
                </c:pt>
                <c:pt idx="1980">
                  <c:v>44.696805277445655</c:v>
                </c:pt>
                <c:pt idx="1981">
                  <c:v>44.131837264163615</c:v>
                </c:pt>
                <c:pt idx="1982">
                  <c:v>43.983121954667403</c:v>
                </c:pt>
                <c:pt idx="1983">
                  <c:v>43.343391812063587</c:v>
                </c:pt>
                <c:pt idx="1984">
                  <c:v>42.664448485221435</c:v>
                </c:pt>
                <c:pt idx="1985">
                  <c:v>42.091566817657132</c:v>
                </c:pt>
                <c:pt idx="1986">
                  <c:v>41.602550742473312</c:v>
                </c:pt>
                <c:pt idx="1987">
                  <c:v>41.345114640718727</c:v>
                </c:pt>
                <c:pt idx="1988">
                  <c:v>41.40055852933947</c:v>
                </c:pt>
                <c:pt idx="1989">
                  <c:v>41.24848083616741</c:v>
                </c:pt>
                <c:pt idx="1990">
                  <c:v>41.532800767451675</c:v>
                </c:pt>
                <c:pt idx="1991">
                  <c:v>41.206860810503258</c:v>
                </c:pt>
                <c:pt idx="1992">
                  <c:v>41.154778167961354</c:v>
                </c:pt>
                <c:pt idx="1993">
                  <c:v>40.999959885941031</c:v>
                </c:pt>
                <c:pt idx="1994">
                  <c:v>40.963599383082666</c:v>
                </c:pt>
                <c:pt idx="1995">
                  <c:v>40.546009963597861</c:v>
                </c:pt>
                <c:pt idx="1996">
                  <c:v>40.239739882504999</c:v>
                </c:pt>
                <c:pt idx="1997">
                  <c:v>40.295132716557063</c:v>
                </c:pt>
                <c:pt idx="1998">
                  <c:v>40.927948701522944</c:v>
                </c:pt>
                <c:pt idx="1999">
                  <c:v>40.2879511647836</c:v>
                </c:pt>
                <c:pt idx="2000">
                  <c:v>39.97609289342153</c:v>
                </c:pt>
                <c:pt idx="2001">
                  <c:v>39.629122494609113</c:v>
                </c:pt>
                <c:pt idx="2002">
                  <c:v>39.98441788708692</c:v>
                </c:pt>
                <c:pt idx="2003">
                  <c:v>40.019508988606553</c:v>
                </c:pt>
                <c:pt idx="2004">
                  <c:v>39.401471663525108</c:v>
                </c:pt>
                <c:pt idx="2005">
                  <c:v>39.200371149913266</c:v>
                </c:pt>
                <c:pt idx="2006">
                  <c:v>39.633512324510676</c:v>
                </c:pt>
                <c:pt idx="2007">
                  <c:v>39.511098316426697</c:v>
                </c:pt>
                <c:pt idx="2008">
                  <c:v>39.486025482475036</c:v>
                </c:pt>
                <c:pt idx="2009">
                  <c:v>39.93811451188224</c:v>
                </c:pt>
                <c:pt idx="2010">
                  <c:v>40.179916539651856</c:v>
                </c:pt>
                <c:pt idx="2011">
                  <c:v>40.427290988242653</c:v>
                </c:pt>
                <c:pt idx="2012">
                  <c:v>40.979018745441316</c:v>
                </c:pt>
                <c:pt idx="2013">
                  <c:v>41.519248790177372</c:v>
                </c:pt>
                <c:pt idx="2014">
                  <c:v>41.993782039537216</c:v>
                </c:pt>
                <c:pt idx="2015">
                  <c:v>41.991421349244732</c:v>
                </c:pt>
                <c:pt idx="2016">
                  <c:v>42.014710882221131</c:v>
                </c:pt>
                <c:pt idx="2017">
                  <c:v>42.520906417682902</c:v>
                </c:pt>
                <c:pt idx="2018">
                  <c:v>43.525530486268067</c:v>
                </c:pt>
                <c:pt idx="2019">
                  <c:v>44.601016589780677</c:v>
                </c:pt>
                <c:pt idx="2020">
                  <c:v>47.826808464615659</c:v>
                </c:pt>
                <c:pt idx="2021">
                  <c:v>53.366632875649493</c:v>
                </c:pt>
                <c:pt idx="2022">
                  <c:v>58.776682359161462</c:v>
                </c:pt>
                <c:pt idx="2023">
                  <c:v>61.960061009019249</c:v>
                </c:pt>
                <c:pt idx="2024">
                  <c:v>63.597806213157881</c:v>
                </c:pt>
                <c:pt idx="2025">
                  <c:v>64.141265836927261</c:v>
                </c:pt>
                <c:pt idx="2026">
                  <c:v>65.547989627762163</c:v>
                </c:pt>
                <c:pt idx="2027">
                  <c:v>66.486305422971483</c:v>
                </c:pt>
                <c:pt idx="2028">
                  <c:v>65.343572724697893</c:v>
                </c:pt>
                <c:pt idx="2029">
                  <c:v>65.629072736342891</c:v>
                </c:pt>
                <c:pt idx="2030">
                  <c:v>65.926046041342545</c:v>
                </c:pt>
                <c:pt idx="2031">
                  <c:v>65.163864840297393</c:v>
                </c:pt>
                <c:pt idx="2032">
                  <c:v>64.421434519859474</c:v>
                </c:pt>
                <c:pt idx="2033">
                  <c:v>63.385970137843948</c:v>
                </c:pt>
                <c:pt idx="2034">
                  <c:v>62.43081778939635</c:v>
                </c:pt>
                <c:pt idx="2035">
                  <c:v>61.406895486126288</c:v>
                </c:pt>
                <c:pt idx="2036">
                  <c:v>60.077943415923734</c:v>
                </c:pt>
                <c:pt idx="2037">
                  <c:v>58.356028508345332</c:v>
                </c:pt>
                <c:pt idx="2038">
                  <c:v>58.377361296031893</c:v>
                </c:pt>
                <c:pt idx="2039">
                  <c:v>57.38853360514117</c:v>
                </c:pt>
                <c:pt idx="2040">
                  <c:v>56.608042054720606</c:v>
                </c:pt>
                <c:pt idx="2041">
                  <c:v>56.774622893552674</c:v>
                </c:pt>
                <c:pt idx="2042">
                  <c:v>57.306146418127049</c:v>
                </c:pt>
                <c:pt idx="2043">
                  <c:v>57.38721601284</c:v>
                </c:pt>
                <c:pt idx="2044">
                  <c:v>58.930953064751392</c:v>
                </c:pt>
                <c:pt idx="2045">
                  <c:v>62.694847874075421</c:v>
                </c:pt>
                <c:pt idx="2046">
                  <c:v>65.607942264398147</c:v>
                </c:pt>
                <c:pt idx="2047">
                  <c:v>66.39237837356464</c:v>
                </c:pt>
                <c:pt idx="2048">
                  <c:v>67.56383331695632</c:v>
                </c:pt>
                <c:pt idx="2049">
                  <c:v>67.594414062133936</c:v>
                </c:pt>
                <c:pt idx="2050">
                  <c:v>68.241529876717209</c:v>
                </c:pt>
                <c:pt idx="2051">
                  <c:v>68.483646744262614</c:v>
                </c:pt>
                <c:pt idx="2052">
                  <c:v>67.422794629678407</c:v>
                </c:pt>
                <c:pt idx="2053">
                  <c:v>66.484311627324288</c:v>
                </c:pt>
                <c:pt idx="2054">
                  <c:v>67.007142871313135</c:v>
                </c:pt>
                <c:pt idx="2055">
                  <c:v>66.357545369267129</c:v>
                </c:pt>
                <c:pt idx="2056">
                  <c:v>65.568353692764546</c:v>
                </c:pt>
                <c:pt idx="2057">
                  <c:v>64.308094201174868</c:v>
                </c:pt>
                <c:pt idx="2058">
                  <c:v>63.028797102295087</c:v>
                </c:pt>
                <c:pt idx="2059">
                  <c:v>62.016118709674842</c:v>
                </c:pt>
                <c:pt idx="2060">
                  <c:v>60.816040197897699</c:v>
                </c:pt>
                <c:pt idx="2061">
                  <c:v>58.532653642180108</c:v>
                </c:pt>
                <c:pt idx="2062">
                  <c:v>57.877119688273879</c:v>
                </c:pt>
                <c:pt idx="2063">
                  <c:v>56.489615481021119</c:v>
                </c:pt>
                <c:pt idx="2064">
                  <c:v>55.962700322654193</c:v>
                </c:pt>
                <c:pt idx="2065">
                  <c:v>55.528518658693081</c:v>
                </c:pt>
                <c:pt idx="2066">
                  <c:v>55.860801719200666</c:v>
                </c:pt>
                <c:pt idx="2067">
                  <c:v>55.872261675211206</c:v>
                </c:pt>
                <c:pt idx="2068">
                  <c:v>56.734317557355986</c:v>
                </c:pt>
                <c:pt idx="2069">
                  <c:v>59.952829105616182</c:v>
                </c:pt>
                <c:pt idx="2070">
                  <c:v>63.382906000718755</c:v>
                </c:pt>
                <c:pt idx="2071">
                  <c:v>64.984747898309351</c:v>
                </c:pt>
                <c:pt idx="2072">
                  <c:v>65.80378853130064</c:v>
                </c:pt>
                <c:pt idx="2073">
                  <c:v>65.274095890638009</c:v>
                </c:pt>
                <c:pt idx="2074">
                  <c:v>66.462113599052785</c:v>
                </c:pt>
                <c:pt idx="2075">
                  <c:v>66.48971868469232</c:v>
                </c:pt>
                <c:pt idx="2076">
                  <c:v>65.985997697291452</c:v>
                </c:pt>
                <c:pt idx="2077">
                  <c:v>65.248356934803368</c:v>
                </c:pt>
                <c:pt idx="2078">
                  <c:v>65.561757905375842</c:v>
                </c:pt>
                <c:pt idx="2079">
                  <c:v>64.519201527929752</c:v>
                </c:pt>
                <c:pt idx="2080">
                  <c:v>63.822683680831858</c:v>
                </c:pt>
                <c:pt idx="2081">
                  <c:v>62.522741530491444</c:v>
                </c:pt>
                <c:pt idx="2082">
                  <c:v>61.683305823172759</c:v>
                </c:pt>
                <c:pt idx="2083">
                  <c:v>61.295671392062253</c:v>
                </c:pt>
                <c:pt idx="2084">
                  <c:v>60.080282648783204</c:v>
                </c:pt>
                <c:pt idx="2085">
                  <c:v>58.027311892878352</c:v>
                </c:pt>
                <c:pt idx="2086">
                  <c:v>57.853065513591822</c:v>
                </c:pt>
                <c:pt idx="2087">
                  <c:v>56.952023319354652</c:v>
                </c:pt>
                <c:pt idx="2088">
                  <c:v>56.567378591221015</c:v>
                </c:pt>
                <c:pt idx="2089">
                  <c:v>56.521742691247475</c:v>
                </c:pt>
                <c:pt idx="2090">
                  <c:v>56.853590032491475</c:v>
                </c:pt>
                <c:pt idx="2091">
                  <c:v>56.929341204333447</c:v>
                </c:pt>
                <c:pt idx="2092">
                  <c:v>58.105965976891817</c:v>
                </c:pt>
                <c:pt idx="2093">
                  <c:v>61.770829554834556</c:v>
                </c:pt>
                <c:pt idx="2094">
                  <c:v>65.822253613481379</c:v>
                </c:pt>
                <c:pt idx="2095">
                  <c:v>67.059069741521412</c:v>
                </c:pt>
                <c:pt idx="2096">
                  <c:v>67.802582112840909</c:v>
                </c:pt>
                <c:pt idx="2097">
                  <c:v>67.155418754548663</c:v>
                </c:pt>
                <c:pt idx="2098">
                  <c:v>68.010084904669526</c:v>
                </c:pt>
                <c:pt idx="2099">
                  <c:v>68.04782321401494</c:v>
                </c:pt>
                <c:pt idx="2100">
                  <c:v>66.744203957905356</c:v>
                </c:pt>
                <c:pt idx="2101">
                  <c:v>66.017378369295386</c:v>
                </c:pt>
                <c:pt idx="2102">
                  <c:v>66.438075036908828</c:v>
                </c:pt>
                <c:pt idx="2103">
                  <c:v>65.355894488888637</c:v>
                </c:pt>
                <c:pt idx="2104">
                  <c:v>63.553980288847804</c:v>
                </c:pt>
                <c:pt idx="2105">
                  <c:v>62.002187049595918</c:v>
                </c:pt>
                <c:pt idx="2106">
                  <c:v>61.744897187896669</c:v>
                </c:pt>
                <c:pt idx="2107">
                  <c:v>60.850679339975905</c:v>
                </c:pt>
                <c:pt idx="2108">
                  <c:v>59.68223781257435</c:v>
                </c:pt>
                <c:pt idx="2109">
                  <c:v>57.649442476707783</c:v>
                </c:pt>
                <c:pt idx="2110">
                  <c:v>57.84334478647979</c:v>
                </c:pt>
                <c:pt idx="2111">
                  <c:v>57.140161346687805</c:v>
                </c:pt>
                <c:pt idx="2112">
                  <c:v>56.394218891659023</c:v>
                </c:pt>
                <c:pt idx="2113">
                  <c:v>55.849023294872204</c:v>
                </c:pt>
                <c:pt idx="2114">
                  <c:v>56.038364958669412</c:v>
                </c:pt>
                <c:pt idx="2115">
                  <c:v>56.541377399664817</c:v>
                </c:pt>
                <c:pt idx="2116">
                  <c:v>57.560811098231994</c:v>
                </c:pt>
                <c:pt idx="2117">
                  <c:v>60.418013249420945</c:v>
                </c:pt>
                <c:pt idx="2118">
                  <c:v>64.340318126759712</c:v>
                </c:pt>
                <c:pt idx="2119">
                  <c:v>65.584466302810426</c:v>
                </c:pt>
                <c:pt idx="2120">
                  <c:v>65.622701800884784</c:v>
                </c:pt>
                <c:pt idx="2121">
                  <c:v>65.948748750792149</c:v>
                </c:pt>
                <c:pt idx="2122">
                  <c:v>66.230017136973146</c:v>
                </c:pt>
                <c:pt idx="2123">
                  <c:v>66.024823019795008</c:v>
                </c:pt>
                <c:pt idx="2124">
                  <c:v>64.483540058812309</c:v>
                </c:pt>
                <c:pt idx="2125">
                  <c:v>63.15445847907575</c:v>
                </c:pt>
                <c:pt idx="2126">
                  <c:v>63.064127491458933</c:v>
                </c:pt>
                <c:pt idx="2127">
                  <c:v>61.192016809575151</c:v>
                </c:pt>
                <c:pt idx="2128">
                  <c:v>59.77416227937789</c:v>
                </c:pt>
                <c:pt idx="2129">
                  <c:v>58.759527612197594</c:v>
                </c:pt>
                <c:pt idx="2130">
                  <c:v>58.468869284652065</c:v>
                </c:pt>
                <c:pt idx="2131">
                  <c:v>57.211776588509714</c:v>
                </c:pt>
                <c:pt idx="2132">
                  <c:v>55.471232941692932</c:v>
                </c:pt>
                <c:pt idx="2133">
                  <c:v>54.211281111249733</c:v>
                </c:pt>
                <c:pt idx="2134">
                  <c:v>53.827436251101183</c:v>
                </c:pt>
                <c:pt idx="2135">
                  <c:v>52.625624865277722</c:v>
                </c:pt>
                <c:pt idx="2136">
                  <c:v>51.345861351629161</c:v>
                </c:pt>
                <c:pt idx="2137">
                  <c:v>50.494637589635012</c:v>
                </c:pt>
                <c:pt idx="2138">
                  <c:v>50.140548206883963</c:v>
                </c:pt>
                <c:pt idx="2139">
                  <c:v>49.157446963525075</c:v>
                </c:pt>
                <c:pt idx="2140">
                  <c:v>47.807848508127471</c:v>
                </c:pt>
                <c:pt idx="2141">
                  <c:v>47.24767913395749</c:v>
                </c:pt>
                <c:pt idx="2142">
                  <c:v>47.371026618832474</c:v>
                </c:pt>
                <c:pt idx="2143">
                  <c:v>46.752516857563663</c:v>
                </c:pt>
                <c:pt idx="2144">
                  <c:v>46.367918515928267</c:v>
                </c:pt>
                <c:pt idx="2145">
                  <c:v>46.103492920155304</c:v>
                </c:pt>
                <c:pt idx="2146">
                  <c:v>46.226534214914423</c:v>
                </c:pt>
                <c:pt idx="2147">
                  <c:v>46.073494016614184</c:v>
                </c:pt>
                <c:pt idx="2148">
                  <c:v>45.382638499727719</c:v>
                </c:pt>
                <c:pt idx="2149">
                  <c:v>44.549124926238079</c:v>
                </c:pt>
                <c:pt idx="2150">
                  <c:v>44.592957107331635</c:v>
                </c:pt>
                <c:pt idx="2151">
                  <c:v>44.007053366942486</c:v>
                </c:pt>
                <c:pt idx="2152">
                  <c:v>43.588598549962825</c:v>
                </c:pt>
                <c:pt idx="2153">
                  <c:v>42.91297308360371</c:v>
                </c:pt>
                <c:pt idx="2154">
                  <c:v>42.402895223797245</c:v>
                </c:pt>
                <c:pt idx="2155">
                  <c:v>42.057408702584986</c:v>
                </c:pt>
                <c:pt idx="2156">
                  <c:v>41.784256462951724</c:v>
                </c:pt>
                <c:pt idx="2157">
                  <c:v>41.246451539648405</c:v>
                </c:pt>
                <c:pt idx="2158">
                  <c:v>41.478695242084186</c:v>
                </c:pt>
                <c:pt idx="2159">
                  <c:v>40.955251147133787</c:v>
                </c:pt>
                <c:pt idx="2160">
                  <c:v>40.740968061451795</c:v>
                </c:pt>
                <c:pt idx="2161">
                  <c:v>40.605235832662672</c:v>
                </c:pt>
                <c:pt idx="2162">
                  <c:v>40.856364292502398</c:v>
                </c:pt>
                <c:pt idx="2163">
                  <c:v>41.107367655899942</c:v>
                </c:pt>
                <c:pt idx="2164">
                  <c:v>40.969458988304368</c:v>
                </c:pt>
                <c:pt idx="2165">
                  <c:v>41.162122317650422</c:v>
                </c:pt>
                <c:pt idx="2166">
                  <c:v>41.10614705354962</c:v>
                </c:pt>
                <c:pt idx="2167">
                  <c:v>41.075844313541587</c:v>
                </c:pt>
                <c:pt idx="2168">
                  <c:v>40.31790009251182</c:v>
                </c:pt>
                <c:pt idx="2169">
                  <c:v>39.55168997401929</c:v>
                </c:pt>
                <c:pt idx="2170">
                  <c:v>39.381294556705079</c:v>
                </c:pt>
                <c:pt idx="2171">
                  <c:v>39.905979083498273</c:v>
                </c:pt>
                <c:pt idx="2172">
                  <c:v>39.894240416223468</c:v>
                </c:pt>
                <c:pt idx="2173">
                  <c:v>39.725647364441095</c:v>
                </c:pt>
                <c:pt idx="2174">
                  <c:v>39.710710598187823</c:v>
                </c:pt>
                <c:pt idx="2175">
                  <c:v>40.228716096874116</c:v>
                </c:pt>
                <c:pt idx="2176">
                  <c:v>39.998346016692416</c:v>
                </c:pt>
                <c:pt idx="2177">
                  <c:v>39.980969595224067</c:v>
                </c:pt>
                <c:pt idx="2178">
                  <c:v>40.121603199902331</c:v>
                </c:pt>
                <c:pt idx="2179">
                  <c:v>40.116993990304024</c:v>
                </c:pt>
                <c:pt idx="2180">
                  <c:v>40.306862871468134</c:v>
                </c:pt>
                <c:pt idx="2181">
                  <c:v>41.189542328026789</c:v>
                </c:pt>
                <c:pt idx="2182">
                  <c:v>40.955669586691279</c:v>
                </c:pt>
                <c:pt idx="2183">
                  <c:v>41.13974327416021</c:v>
                </c:pt>
                <c:pt idx="2184">
                  <c:v>40.828720293200064</c:v>
                </c:pt>
                <c:pt idx="2185">
                  <c:v>40.975950175610564</c:v>
                </c:pt>
                <c:pt idx="2186">
                  <c:v>41.876024627850619</c:v>
                </c:pt>
                <c:pt idx="2187">
                  <c:v>43.405736972094211</c:v>
                </c:pt>
                <c:pt idx="2188">
                  <c:v>46.323898494034019</c:v>
                </c:pt>
                <c:pt idx="2189">
                  <c:v>51.919970211760869</c:v>
                </c:pt>
                <c:pt idx="2190">
                  <c:v>57.441562532247183</c:v>
                </c:pt>
                <c:pt idx="2191">
                  <c:v>60.978557344118997</c:v>
                </c:pt>
                <c:pt idx="2192">
                  <c:v>62.354570860628563</c:v>
                </c:pt>
                <c:pt idx="2193">
                  <c:v>63.134173418223448</c:v>
                </c:pt>
                <c:pt idx="2194">
                  <c:v>63.295598196735241</c:v>
                </c:pt>
                <c:pt idx="2195">
                  <c:v>63.213094719848762</c:v>
                </c:pt>
                <c:pt idx="2196">
                  <c:v>64.051741915538585</c:v>
                </c:pt>
                <c:pt idx="2197">
                  <c:v>63.970311055324103</c:v>
                </c:pt>
                <c:pt idx="2198">
                  <c:v>64.796682206454221</c:v>
                </c:pt>
                <c:pt idx="2199">
                  <c:v>64.667003248968669</c:v>
                </c:pt>
                <c:pt idx="2200">
                  <c:v>63.8291532930226</c:v>
                </c:pt>
                <c:pt idx="2201">
                  <c:v>62.90404264529969</c:v>
                </c:pt>
                <c:pt idx="2202">
                  <c:v>61.521191758949485</c:v>
                </c:pt>
                <c:pt idx="2203">
                  <c:v>60.475552375959033</c:v>
                </c:pt>
                <c:pt idx="2204">
                  <c:v>59.086968589156108</c:v>
                </c:pt>
                <c:pt idx="2205">
                  <c:v>57.710024126028152</c:v>
                </c:pt>
                <c:pt idx="2206">
                  <c:v>57.323186267794199</c:v>
                </c:pt>
                <c:pt idx="2207">
                  <c:v>57.043211858969819</c:v>
                </c:pt>
                <c:pt idx="2208">
                  <c:v>55.916248746020031</c:v>
                </c:pt>
                <c:pt idx="2209">
                  <c:v>55.143424795496763</c:v>
                </c:pt>
                <c:pt idx="2210">
                  <c:v>55.262835724032286</c:v>
                </c:pt>
                <c:pt idx="2211">
                  <c:v>56.106462083709346</c:v>
                </c:pt>
                <c:pt idx="2212">
                  <c:v>57.830886255670777</c:v>
                </c:pt>
                <c:pt idx="2213">
                  <c:v>60.86419715011283</c:v>
                </c:pt>
                <c:pt idx="2214">
                  <c:v>64.573309053898868</c:v>
                </c:pt>
                <c:pt idx="2215">
                  <c:v>66.834748264572866</c:v>
                </c:pt>
                <c:pt idx="2216">
                  <c:v>67.842018324931871</c:v>
                </c:pt>
                <c:pt idx="2217">
                  <c:v>67.673282151679032</c:v>
                </c:pt>
                <c:pt idx="2218">
                  <c:v>67.717131671319919</c:v>
                </c:pt>
                <c:pt idx="2219">
                  <c:v>68.181160546146714</c:v>
                </c:pt>
                <c:pt idx="2220">
                  <c:v>67.659539921113847</c:v>
                </c:pt>
                <c:pt idx="2221">
                  <c:v>66.724201727202995</c:v>
                </c:pt>
                <c:pt idx="2222">
                  <c:v>66.845592800221752</c:v>
                </c:pt>
                <c:pt idx="2223">
                  <c:v>65.210896238352674</c:v>
                </c:pt>
                <c:pt idx="2224">
                  <c:v>64.382037868684776</c:v>
                </c:pt>
                <c:pt idx="2225">
                  <c:v>63.089124792892733</c:v>
                </c:pt>
                <c:pt idx="2226">
                  <c:v>61.898256482154579</c:v>
                </c:pt>
                <c:pt idx="2227">
                  <c:v>60.579604274004218</c:v>
                </c:pt>
                <c:pt idx="2228">
                  <c:v>58.939807688273852</c:v>
                </c:pt>
                <c:pt idx="2229">
                  <c:v>57.942455924243262</c:v>
                </c:pt>
                <c:pt idx="2230">
                  <c:v>57.467437352468011</c:v>
                </c:pt>
                <c:pt idx="2231">
                  <c:v>57.366301448959774</c:v>
                </c:pt>
                <c:pt idx="2232">
                  <c:v>56.492406320274654</c:v>
                </c:pt>
                <c:pt idx="2233">
                  <c:v>56.081168281347885</c:v>
                </c:pt>
                <c:pt idx="2234">
                  <c:v>56.23753555858957</c:v>
                </c:pt>
                <c:pt idx="2235">
                  <c:v>57.120280426975562</c:v>
                </c:pt>
                <c:pt idx="2236">
                  <c:v>58.501576963553021</c:v>
                </c:pt>
                <c:pt idx="2237">
                  <c:v>61.400876911531135</c:v>
                </c:pt>
                <c:pt idx="2238">
                  <c:v>65.030129074624284</c:v>
                </c:pt>
                <c:pt idx="2239">
                  <c:v>67.581355684273888</c:v>
                </c:pt>
                <c:pt idx="2240">
                  <c:v>67.998938140880512</c:v>
                </c:pt>
                <c:pt idx="2241">
                  <c:v>67.675596043584704</c:v>
                </c:pt>
                <c:pt idx="2242">
                  <c:v>68.166329282208054</c:v>
                </c:pt>
                <c:pt idx="2243">
                  <c:v>68.35362576235579</c:v>
                </c:pt>
                <c:pt idx="2244">
                  <c:v>67.554595460542032</c:v>
                </c:pt>
                <c:pt idx="2245">
                  <c:v>67.075237681931597</c:v>
                </c:pt>
                <c:pt idx="2246">
                  <c:v>67.00937972044288</c:v>
                </c:pt>
                <c:pt idx="2247">
                  <c:v>66.496973199583522</c:v>
                </c:pt>
                <c:pt idx="2248">
                  <c:v>65.182960013918304</c:v>
                </c:pt>
                <c:pt idx="2249">
                  <c:v>64.068465297489411</c:v>
                </c:pt>
                <c:pt idx="2250">
                  <c:v>62.62808313009765</c:v>
                </c:pt>
                <c:pt idx="2251">
                  <c:v>61.468293008244665</c:v>
                </c:pt>
                <c:pt idx="2252">
                  <c:v>59.695360896167045</c:v>
                </c:pt>
                <c:pt idx="2253">
                  <c:v>58.699924394363393</c:v>
                </c:pt>
                <c:pt idx="2254">
                  <c:v>57.980966230447365</c:v>
                </c:pt>
                <c:pt idx="2255">
                  <c:v>57.751411552333899</c:v>
                </c:pt>
                <c:pt idx="2256">
                  <c:v>56.703729633549038</c:v>
                </c:pt>
                <c:pt idx="2257">
                  <c:v>56.740038316902833</c:v>
                </c:pt>
                <c:pt idx="2258">
                  <c:v>57.08271993580901</c:v>
                </c:pt>
                <c:pt idx="2259">
                  <c:v>57.928695060623816</c:v>
                </c:pt>
                <c:pt idx="2260">
                  <c:v>59.204671258890677</c:v>
                </c:pt>
                <c:pt idx="2261">
                  <c:v>62.165489373110056</c:v>
                </c:pt>
                <c:pt idx="2262">
                  <c:v>66.057302826249227</c:v>
                </c:pt>
                <c:pt idx="2263">
                  <c:v>68.397846942781115</c:v>
                </c:pt>
                <c:pt idx="2264">
                  <c:v>68.867302351421102</c:v>
                </c:pt>
                <c:pt idx="2265">
                  <c:v>68.993427965845243</c:v>
                </c:pt>
                <c:pt idx="2266">
                  <c:v>69.120835534402588</c:v>
                </c:pt>
                <c:pt idx="2267">
                  <c:v>69.57678178256559</c:v>
                </c:pt>
                <c:pt idx="2268">
                  <c:v>68.732473413875084</c:v>
                </c:pt>
                <c:pt idx="2269">
                  <c:v>67.844612869862203</c:v>
                </c:pt>
                <c:pt idx="2270">
                  <c:v>67.072916493714146</c:v>
                </c:pt>
                <c:pt idx="2271">
                  <c:v>66.686936050182339</c:v>
                </c:pt>
                <c:pt idx="2272">
                  <c:v>65.757551332859194</c:v>
                </c:pt>
                <c:pt idx="2273">
                  <c:v>64.731805147783064</c:v>
                </c:pt>
                <c:pt idx="2274">
                  <c:v>62.952277679819048</c:v>
                </c:pt>
                <c:pt idx="2275">
                  <c:v>61.237679305781938</c:v>
                </c:pt>
                <c:pt idx="2276">
                  <c:v>59.334406860861186</c:v>
                </c:pt>
                <c:pt idx="2277">
                  <c:v>57.665041500937008</c:v>
                </c:pt>
                <c:pt idx="2278">
                  <c:v>57.271138675008046</c:v>
                </c:pt>
                <c:pt idx="2279">
                  <c:v>56.854539592550374</c:v>
                </c:pt>
                <c:pt idx="2280">
                  <c:v>56.013746810469222</c:v>
                </c:pt>
                <c:pt idx="2281">
                  <c:v>55.701174657764035</c:v>
                </c:pt>
                <c:pt idx="2282">
                  <c:v>55.84356981177843</c:v>
                </c:pt>
                <c:pt idx="2283">
                  <c:v>56.377239785748749</c:v>
                </c:pt>
                <c:pt idx="2284">
                  <c:v>57.151646780948326</c:v>
                </c:pt>
                <c:pt idx="2285">
                  <c:v>59.908233832302521</c:v>
                </c:pt>
                <c:pt idx="2286">
                  <c:v>63.387275961900343</c:v>
                </c:pt>
                <c:pt idx="2287">
                  <c:v>64.870962798812656</c:v>
                </c:pt>
                <c:pt idx="2288">
                  <c:v>65.413804177841641</c:v>
                </c:pt>
                <c:pt idx="2289">
                  <c:v>65.552789090651359</c:v>
                </c:pt>
                <c:pt idx="2290">
                  <c:v>65.601259313542982</c:v>
                </c:pt>
                <c:pt idx="2291">
                  <c:v>65.676450199250183</c:v>
                </c:pt>
                <c:pt idx="2292">
                  <c:v>64.98574600237805</c:v>
                </c:pt>
                <c:pt idx="2293">
                  <c:v>64.532539774264819</c:v>
                </c:pt>
                <c:pt idx="2294">
                  <c:v>64.222084591502366</c:v>
                </c:pt>
                <c:pt idx="2295">
                  <c:v>63.840763745270344</c:v>
                </c:pt>
                <c:pt idx="2296">
                  <c:v>62.522899126903013</c:v>
                </c:pt>
                <c:pt idx="2297">
                  <c:v>61.100529336928396</c:v>
                </c:pt>
                <c:pt idx="2298">
                  <c:v>59.707765312663746</c:v>
                </c:pt>
                <c:pt idx="2299">
                  <c:v>58.29759752537533</c:v>
                </c:pt>
                <c:pt idx="2300">
                  <c:v>56.550317225279628</c:v>
                </c:pt>
                <c:pt idx="2301">
                  <c:v>55.487514602575324</c:v>
                </c:pt>
                <c:pt idx="2302">
                  <c:v>54.453715937155813</c:v>
                </c:pt>
                <c:pt idx="2303">
                  <c:v>53.68877578880052</c:v>
                </c:pt>
                <c:pt idx="2304">
                  <c:v>52.521855267811461</c:v>
                </c:pt>
                <c:pt idx="2305">
                  <c:v>51.413160923105472</c:v>
                </c:pt>
                <c:pt idx="2306">
                  <c:v>51.014375236659191</c:v>
                </c:pt>
                <c:pt idx="2307">
                  <c:v>50.394588071645181</c:v>
                </c:pt>
                <c:pt idx="2308">
                  <c:v>49.345046279838925</c:v>
                </c:pt>
                <c:pt idx="2309">
                  <c:v>48.953079447861477</c:v>
                </c:pt>
                <c:pt idx="2310">
                  <c:v>49.177391353304266</c:v>
                </c:pt>
                <c:pt idx="2311">
                  <c:v>49.284450371328617</c:v>
                </c:pt>
                <c:pt idx="2312">
                  <c:v>48.509192688940182</c:v>
                </c:pt>
                <c:pt idx="2313">
                  <c:v>47.583496453356176</c:v>
                </c:pt>
                <c:pt idx="2314">
                  <c:v>46.67149521844825</c:v>
                </c:pt>
                <c:pt idx="2315">
                  <c:v>46.388955410713152</c:v>
                </c:pt>
                <c:pt idx="2316">
                  <c:v>45.668788334236659</c:v>
                </c:pt>
                <c:pt idx="2317">
                  <c:v>44.663573048646633</c:v>
                </c:pt>
                <c:pt idx="2318">
                  <c:v>44.464158806831705</c:v>
                </c:pt>
                <c:pt idx="2319">
                  <c:v>44.282732484098503</c:v>
                </c:pt>
                <c:pt idx="2320">
                  <c:v>43.699982574473644</c:v>
                </c:pt>
                <c:pt idx="2321">
                  <c:v>42.85510729020379</c:v>
                </c:pt>
                <c:pt idx="2322">
                  <c:v>42.036530914469751</c:v>
                </c:pt>
                <c:pt idx="2323">
                  <c:v>41.59567696952876</c:v>
                </c:pt>
                <c:pt idx="2324">
                  <c:v>41.675875714126761</c:v>
                </c:pt>
                <c:pt idx="2325">
                  <c:v>41.484864469826498</c:v>
                </c:pt>
                <c:pt idx="2326">
                  <c:v>41.634473459832584</c:v>
                </c:pt>
                <c:pt idx="2327">
                  <c:v>41.497127588930667</c:v>
                </c:pt>
                <c:pt idx="2328">
                  <c:v>40.901308455046802</c:v>
                </c:pt>
                <c:pt idx="2329">
                  <c:v>40.666336696943461</c:v>
                </c:pt>
                <c:pt idx="2330">
                  <c:v>40.736857491999274</c:v>
                </c:pt>
                <c:pt idx="2331">
                  <c:v>40.967289786968458</c:v>
                </c:pt>
                <c:pt idx="2332">
                  <c:v>40.543171051064327</c:v>
                </c:pt>
                <c:pt idx="2333">
                  <c:v>40.593235949580865</c:v>
                </c:pt>
                <c:pt idx="2334">
                  <c:v>40.236792113707089</c:v>
                </c:pt>
                <c:pt idx="2335">
                  <c:v>40.182983050039766</c:v>
                </c:pt>
                <c:pt idx="2336">
                  <c:v>39.544907169607029</c:v>
                </c:pt>
                <c:pt idx="2337">
                  <c:v>39.190152292612737</c:v>
                </c:pt>
                <c:pt idx="2338">
                  <c:v>39.504239802972918</c:v>
                </c:pt>
                <c:pt idx="2339">
                  <c:v>39.75499471910905</c:v>
                </c:pt>
                <c:pt idx="2340">
                  <c:v>39.675034477605593</c:v>
                </c:pt>
                <c:pt idx="2341">
                  <c:v>39.544373420864275</c:v>
                </c:pt>
                <c:pt idx="2342">
                  <c:v>39.323045138138539</c:v>
                </c:pt>
                <c:pt idx="2343">
                  <c:v>39.716873588760372</c:v>
                </c:pt>
                <c:pt idx="2344">
                  <c:v>39.417578409062337</c:v>
                </c:pt>
                <c:pt idx="2345">
                  <c:v>39.406654555443524</c:v>
                </c:pt>
                <c:pt idx="2346">
                  <c:v>39.028165521570664</c:v>
                </c:pt>
                <c:pt idx="2347">
                  <c:v>38.764617405357242</c:v>
                </c:pt>
                <c:pt idx="2348">
                  <c:v>38.892242137258556</c:v>
                </c:pt>
                <c:pt idx="2349">
                  <c:v>39.742086249073964</c:v>
                </c:pt>
                <c:pt idx="2350">
                  <c:v>40.083078222619712</c:v>
                </c:pt>
                <c:pt idx="2351">
                  <c:v>40.554133249547434</c:v>
                </c:pt>
                <c:pt idx="2352">
                  <c:v>45.660890920132211</c:v>
                </c:pt>
                <c:pt idx="2353">
                  <c:v>46.011963434874644</c:v>
                </c:pt>
                <c:pt idx="2354">
                  <c:v>46.721793010529318</c:v>
                </c:pt>
                <c:pt idx="2355">
                  <c:v>48.291755988245036</c:v>
                </c:pt>
                <c:pt idx="2356">
                  <c:v>51.479360752105528</c:v>
                </c:pt>
                <c:pt idx="2357">
                  <c:v>56.534690545675133</c:v>
                </c:pt>
                <c:pt idx="2358">
                  <c:v>62.06744610549319</c:v>
                </c:pt>
                <c:pt idx="2359">
                  <c:v>64.600628485009707</c:v>
                </c:pt>
                <c:pt idx="2360">
                  <c:v>64.167349111990902</c:v>
                </c:pt>
                <c:pt idx="2361">
                  <c:v>66.165234047736689</c:v>
                </c:pt>
                <c:pt idx="2362">
                  <c:v>68.077615192585071</c:v>
                </c:pt>
                <c:pt idx="2363">
                  <c:v>68.342682177313193</c:v>
                </c:pt>
                <c:pt idx="2364">
                  <c:v>67.21336155149703</c:v>
                </c:pt>
                <c:pt idx="2365">
                  <c:v>66.814366272610911</c:v>
                </c:pt>
                <c:pt idx="2366">
                  <c:v>67.116265706041247</c:v>
                </c:pt>
                <c:pt idx="2367">
                  <c:v>66.609384670320068</c:v>
                </c:pt>
                <c:pt idx="2368">
                  <c:v>65.684373974222964</c:v>
                </c:pt>
                <c:pt idx="2369">
                  <c:v>64.433798512435303</c:v>
                </c:pt>
                <c:pt idx="2370">
                  <c:v>62.926664310770121</c:v>
                </c:pt>
                <c:pt idx="2371">
                  <c:v>61.81705973155659</c:v>
                </c:pt>
                <c:pt idx="2372">
                  <c:v>59.977346439185965</c:v>
                </c:pt>
                <c:pt idx="2373">
                  <c:v>58.405536474676872</c:v>
                </c:pt>
                <c:pt idx="2374">
                  <c:v>57.325786892984333</c:v>
                </c:pt>
                <c:pt idx="2375">
                  <c:v>56.624911166769515</c:v>
                </c:pt>
                <c:pt idx="2376">
                  <c:v>45.999959884023205</c:v>
                </c:pt>
                <c:pt idx="2377">
                  <c:v>46.097159584239307</c:v>
                </c:pt>
                <c:pt idx="2378">
                  <c:v>47.014139590859649</c:v>
                </c:pt>
                <c:pt idx="2379">
                  <c:v>48.600073312430226</c:v>
                </c:pt>
                <c:pt idx="2380">
                  <c:v>51.84142378757354</c:v>
                </c:pt>
                <c:pt idx="2381">
                  <c:v>57.14305221602212</c:v>
                </c:pt>
                <c:pt idx="2382">
                  <c:v>62.257434316659527</c:v>
                </c:pt>
                <c:pt idx="2383">
                  <c:v>64.729403798204814</c:v>
                </c:pt>
                <c:pt idx="2384">
                  <c:v>64.109791293557322</c:v>
                </c:pt>
                <c:pt idx="2385">
                  <c:v>65.999201157996097</c:v>
                </c:pt>
                <c:pt idx="2386">
                  <c:v>67.911087389309557</c:v>
                </c:pt>
                <c:pt idx="2387">
                  <c:v>68.638024482038972</c:v>
                </c:pt>
                <c:pt idx="2388">
                  <c:v>67.305522344269818</c:v>
                </c:pt>
                <c:pt idx="2389">
                  <c:v>66.744653308719165</c:v>
                </c:pt>
                <c:pt idx="2390">
                  <c:v>67.154049833086418</c:v>
                </c:pt>
                <c:pt idx="2391">
                  <c:v>66.650212300834582</c:v>
                </c:pt>
                <c:pt idx="2392">
                  <c:v>65.563680797348141</c:v>
                </c:pt>
                <c:pt idx="2393">
                  <c:v>64.353784176233262</c:v>
                </c:pt>
                <c:pt idx="2394">
                  <c:v>63.076436192897937</c:v>
                </c:pt>
                <c:pt idx="2395">
                  <c:v>61.850478094760824</c:v>
                </c:pt>
                <c:pt idx="2396">
                  <c:v>59.971365562201626</c:v>
                </c:pt>
                <c:pt idx="2397">
                  <c:v>58.387564540794322</c:v>
                </c:pt>
                <c:pt idx="2398">
                  <c:v>57.303633917476688</c:v>
                </c:pt>
                <c:pt idx="2399">
                  <c:v>56.583627575610357</c:v>
                </c:pt>
                <c:pt idx="2400">
                  <c:v>55.693724652713016</c:v>
                </c:pt>
                <c:pt idx="2401">
                  <c:v>55.194032033574771</c:v>
                </c:pt>
                <c:pt idx="2402">
                  <c:v>55.556695955622111</c:v>
                </c:pt>
                <c:pt idx="2403">
                  <c:v>55.984754994090324</c:v>
                </c:pt>
                <c:pt idx="2404">
                  <c:v>57.234782859833849</c:v>
                </c:pt>
                <c:pt idx="2405">
                  <c:v>59.983633761264805</c:v>
                </c:pt>
                <c:pt idx="2406">
                  <c:v>62.077646545490602</c:v>
                </c:pt>
                <c:pt idx="2407">
                  <c:v>63.40285095929643</c:v>
                </c:pt>
                <c:pt idx="2408">
                  <c:v>63.862021412327614</c:v>
                </c:pt>
                <c:pt idx="2409">
                  <c:v>63.014445766992971</c:v>
                </c:pt>
                <c:pt idx="2410">
                  <c:v>63.404473761026409</c:v>
                </c:pt>
                <c:pt idx="2411">
                  <c:v>64.256849575344944</c:v>
                </c:pt>
                <c:pt idx="2412">
                  <c:v>63.503006528785619</c:v>
                </c:pt>
                <c:pt idx="2413">
                  <c:v>62.861872964148567</c:v>
                </c:pt>
                <c:pt idx="2414">
                  <c:v>63.430835708126864</c:v>
                </c:pt>
                <c:pt idx="2415">
                  <c:v>63.29153777961929</c:v>
                </c:pt>
                <c:pt idx="2416">
                  <c:v>63.118266203276754</c:v>
                </c:pt>
                <c:pt idx="2417">
                  <c:v>62.930381565867805</c:v>
                </c:pt>
                <c:pt idx="2418">
                  <c:v>62.511835113488658</c:v>
                </c:pt>
                <c:pt idx="2419">
                  <c:v>61.720604313982648</c:v>
                </c:pt>
                <c:pt idx="2420">
                  <c:v>60.093807107978421</c:v>
                </c:pt>
                <c:pt idx="2421">
                  <c:v>59.078031882126183</c:v>
                </c:pt>
                <c:pt idx="2422">
                  <c:v>58.191108698425111</c:v>
                </c:pt>
                <c:pt idx="2423">
                  <c:v>58.035103333938402</c:v>
                </c:pt>
                <c:pt idx="2424">
                  <c:v>56.750694639089943</c:v>
                </c:pt>
                <c:pt idx="2425">
                  <c:v>55.771135931620982</c:v>
                </c:pt>
                <c:pt idx="2426">
                  <c:v>56.200186032824732</c:v>
                </c:pt>
                <c:pt idx="2427">
                  <c:v>57.003536025801047</c:v>
                </c:pt>
                <c:pt idx="2428">
                  <c:v>58.312822672467355</c:v>
                </c:pt>
                <c:pt idx="2429">
                  <c:v>60.989198426429098</c:v>
                </c:pt>
                <c:pt idx="2430">
                  <c:v>64.919149014729854</c:v>
                </c:pt>
                <c:pt idx="2431">
                  <c:v>66.97468638559738</c:v>
                </c:pt>
                <c:pt idx="2432">
                  <c:v>67.651698700378304</c:v>
                </c:pt>
                <c:pt idx="2433">
                  <c:v>67.601256453092361</c:v>
                </c:pt>
                <c:pt idx="2434">
                  <c:v>67.809653886504151</c:v>
                </c:pt>
                <c:pt idx="2435">
                  <c:v>68.591781595612559</c:v>
                </c:pt>
                <c:pt idx="2436">
                  <c:v>67.639823070347802</c:v>
                </c:pt>
                <c:pt idx="2437">
                  <c:v>67.84543292038714</c:v>
                </c:pt>
                <c:pt idx="2438">
                  <c:v>68.485908875504919</c:v>
                </c:pt>
                <c:pt idx="2439">
                  <c:v>67.931881132543211</c:v>
                </c:pt>
                <c:pt idx="2440">
                  <c:v>66.950298443879149</c:v>
                </c:pt>
                <c:pt idx="2441">
                  <c:v>65.557643197423886</c:v>
                </c:pt>
                <c:pt idx="2442">
                  <c:v>64.326063801022201</c:v>
                </c:pt>
                <c:pt idx="2443">
                  <c:v>62.549857135602402</c:v>
                </c:pt>
                <c:pt idx="2444">
                  <c:v>60.164306935944751</c:v>
                </c:pt>
                <c:pt idx="2445">
                  <c:v>59.251538293793622</c:v>
                </c:pt>
                <c:pt idx="2446">
                  <c:v>58.449523192438356</c:v>
                </c:pt>
                <c:pt idx="2447">
                  <c:v>58.354289338288055</c:v>
                </c:pt>
                <c:pt idx="2448">
                  <c:v>57.698051545274275</c:v>
                </c:pt>
                <c:pt idx="2449">
                  <c:v>56.903309729160647</c:v>
                </c:pt>
                <c:pt idx="2450">
                  <c:v>57.254564553628711</c:v>
                </c:pt>
                <c:pt idx="2451">
                  <c:v>57.696579632056313</c:v>
                </c:pt>
                <c:pt idx="2452">
                  <c:v>58.83154728936568</c:v>
                </c:pt>
                <c:pt idx="2453">
                  <c:v>62.201509028371639</c:v>
                </c:pt>
                <c:pt idx="2454">
                  <c:v>65.235905563009922</c:v>
                </c:pt>
                <c:pt idx="2455">
                  <c:v>67.400789482939118</c:v>
                </c:pt>
                <c:pt idx="2456">
                  <c:v>68.016317975139856</c:v>
                </c:pt>
                <c:pt idx="2457">
                  <c:v>67.788889387358822</c:v>
                </c:pt>
                <c:pt idx="2458">
                  <c:v>67.66236531977961</c:v>
                </c:pt>
                <c:pt idx="2459">
                  <c:v>68.225739834261205</c:v>
                </c:pt>
                <c:pt idx="2460">
                  <c:v>66.695601244191067</c:v>
                </c:pt>
                <c:pt idx="2461">
                  <c:v>65.702965643490245</c:v>
                </c:pt>
                <c:pt idx="2462">
                  <c:v>65.485562148859174</c:v>
                </c:pt>
                <c:pt idx="2463">
                  <c:v>64.691012606251789</c:v>
                </c:pt>
                <c:pt idx="2464">
                  <c:v>63.35080311153164</c:v>
                </c:pt>
                <c:pt idx="2465">
                  <c:v>61.976716821631207</c:v>
                </c:pt>
                <c:pt idx="2466">
                  <c:v>59.907758532508929</c:v>
                </c:pt>
                <c:pt idx="2467">
                  <c:v>58.475293844078976</c:v>
                </c:pt>
                <c:pt idx="2468">
                  <c:v>56.720577288164932</c:v>
                </c:pt>
                <c:pt idx="2469">
                  <c:v>55.811263704617424</c:v>
                </c:pt>
                <c:pt idx="2470">
                  <c:v>54.768307363758197</c:v>
                </c:pt>
                <c:pt idx="2471">
                  <c:v>54.159808612973066</c:v>
                </c:pt>
                <c:pt idx="2472">
                  <c:v>53.147501096587597</c:v>
                </c:pt>
                <c:pt idx="2473">
                  <c:v>51.685864910294441</c:v>
                </c:pt>
                <c:pt idx="2474">
                  <c:v>50.932512736839314</c:v>
                </c:pt>
                <c:pt idx="2475">
                  <c:v>50.277109586974007</c:v>
                </c:pt>
                <c:pt idx="2476">
                  <c:v>48.714248744993093</c:v>
                </c:pt>
                <c:pt idx="2477">
                  <c:v>48.072912668476832</c:v>
                </c:pt>
                <c:pt idx="2478">
                  <c:v>48.186926091536343</c:v>
                </c:pt>
                <c:pt idx="2479">
                  <c:v>48.246220432172123</c:v>
                </c:pt>
                <c:pt idx="2480">
                  <c:v>47.628666507359448</c:v>
                </c:pt>
                <c:pt idx="2481">
                  <c:v>47.092574373631322</c:v>
                </c:pt>
                <c:pt idx="2482">
                  <c:v>46.715626332573386</c:v>
                </c:pt>
                <c:pt idx="2483">
                  <c:v>46.214060130408527</c:v>
                </c:pt>
                <c:pt idx="2484">
                  <c:v>45.361561298704395</c:v>
                </c:pt>
                <c:pt idx="2485">
                  <c:v>44.624175377557378</c:v>
                </c:pt>
                <c:pt idx="2486">
                  <c:v>44.226469937528471</c:v>
                </c:pt>
                <c:pt idx="2487">
                  <c:v>44.193967594885478</c:v>
                </c:pt>
                <c:pt idx="2488">
                  <c:v>43.192506438226836</c:v>
                </c:pt>
                <c:pt idx="2489">
                  <c:v>42.486184074113972</c:v>
                </c:pt>
                <c:pt idx="2490">
                  <c:v>41.915388308326136</c:v>
                </c:pt>
                <c:pt idx="2491">
                  <c:v>41.493975033059549</c:v>
                </c:pt>
                <c:pt idx="2492">
                  <c:v>40.851938981342784</c:v>
                </c:pt>
                <c:pt idx="2493">
                  <c:v>40.920902504178379</c:v>
                </c:pt>
                <c:pt idx="2494">
                  <c:v>40.81440667512252</c:v>
                </c:pt>
                <c:pt idx="2495">
                  <c:v>40.96723420162553</c:v>
                </c:pt>
                <c:pt idx="2496">
                  <c:v>40.511097033304459</c:v>
                </c:pt>
                <c:pt idx="2497">
                  <c:v>40.036533245349361</c:v>
                </c:pt>
                <c:pt idx="2498">
                  <c:v>40.070520446279573</c:v>
                </c:pt>
                <c:pt idx="2499">
                  <c:v>40.542509067680776</c:v>
                </c:pt>
                <c:pt idx="2500">
                  <c:v>40.630254493460789</c:v>
                </c:pt>
                <c:pt idx="2501">
                  <c:v>40.665977039768734</c:v>
                </c:pt>
                <c:pt idx="2502">
                  <c:v>41.019700077059255</c:v>
                </c:pt>
                <c:pt idx="2503">
                  <c:v>40.920359576204689</c:v>
                </c:pt>
                <c:pt idx="2504">
                  <c:v>40.614491733718971</c:v>
                </c:pt>
                <c:pt idx="2505">
                  <c:v>40.636544816442054</c:v>
                </c:pt>
                <c:pt idx="2506">
                  <c:v>40.736234912622045</c:v>
                </c:pt>
                <c:pt idx="2507">
                  <c:v>41.210540387603849</c:v>
                </c:pt>
                <c:pt idx="2508">
                  <c:v>41.362331308263947</c:v>
                </c:pt>
                <c:pt idx="2509">
                  <c:v>41.20950672382213</c:v>
                </c:pt>
                <c:pt idx="2510">
                  <c:v>41.187391798972641</c:v>
                </c:pt>
                <c:pt idx="2511">
                  <c:v>41.505047499996415</c:v>
                </c:pt>
                <c:pt idx="2512">
                  <c:v>41.255373006801321</c:v>
                </c:pt>
                <c:pt idx="2513">
                  <c:v>41.081896819909247</c:v>
                </c:pt>
                <c:pt idx="2514">
                  <c:v>41.04699257850325</c:v>
                </c:pt>
                <c:pt idx="2515">
                  <c:v>41.051133863074703</c:v>
                </c:pt>
                <c:pt idx="2516">
                  <c:v>41.405285048724664</c:v>
                </c:pt>
                <c:pt idx="2517">
                  <c:v>42.445842334813385</c:v>
                </c:pt>
                <c:pt idx="2518">
                  <c:v>42.649387132483248</c:v>
                </c:pt>
                <c:pt idx="2519">
                  <c:v>42.843657533338749</c:v>
                </c:pt>
                <c:pt idx="2520">
                  <c:v>40.353466434983829</c:v>
                </c:pt>
                <c:pt idx="2521">
                  <c:v>41.13472082264586</c:v>
                </c:pt>
                <c:pt idx="2522">
                  <c:v>41.708295345622581</c:v>
                </c:pt>
                <c:pt idx="2523">
                  <c:v>43.105486191304934</c:v>
                </c:pt>
                <c:pt idx="2524">
                  <c:v>46.088617172251304</c:v>
                </c:pt>
                <c:pt idx="2525">
                  <c:v>51.969160690461528</c:v>
                </c:pt>
                <c:pt idx="2526">
                  <c:v>57.335577837290323</c:v>
                </c:pt>
                <c:pt idx="2527">
                  <c:v>60.7445583687443</c:v>
                </c:pt>
                <c:pt idx="2528">
                  <c:v>62.972589042698466</c:v>
                </c:pt>
                <c:pt idx="2529">
                  <c:v>64.196230542233607</c:v>
                </c:pt>
                <c:pt idx="2530">
                  <c:v>64.865116648617501</c:v>
                </c:pt>
                <c:pt idx="2531">
                  <c:v>65.887082324280172</c:v>
                </c:pt>
                <c:pt idx="2532">
                  <c:v>65.720699309643138</c:v>
                </c:pt>
                <c:pt idx="2533">
                  <c:v>65.732129178174475</c:v>
                </c:pt>
                <c:pt idx="2534">
                  <c:v>66.232301765176757</c:v>
                </c:pt>
                <c:pt idx="2535">
                  <c:v>66.356339634132752</c:v>
                </c:pt>
                <c:pt idx="2536">
                  <c:v>65.246966536294366</c:v>
                </c:pt>
                <c:pt idx="2537">
                  <c:v>64.179025956753037</c:v>
                </c:pt>
                <c:pt idx="2538">
                  <c:v>63.300072679544364</c:v>
                </c:pt>
                <c:pt idx="2539">
                  <c:v>61.977874169665746</c:v>
                </c:pt>
                <c:pt idx="2540">
                  <c:v>60.224232093729121</c:v>
                </c:pt>
                <c:pt idx="2541">
                  <c:v>58.623408443519558</c:v>
                </c:pt>
                <c:pt idx="2542">
                  <c:v>57.516543237102319</c:v>
                </c:pt>
                <c:pt idx="2543">
                  <c:v>57.216120306505417</c:v>
                </c:pt>
                <c:pt idx="2544">
                  <c:v>55.956135740727937</c:v>
                </c:pt>
                <c:pt idx="2545">
                  <c:v>55.486653520103545</c:v>
                </c:pt>
                <c:pt idx="2546">
                  <c:v>56.097623464999799</c:v>
                </c:pt>
                <c:pt idx="2547">
                  <c:v>56.953716809008391</c:v>
                </c:pt>
                <c:pt idx="2548">
                  <c:v>58.798281560296466</c:v>
                </c:pt>
                <c:pt idx="2549">
                  <c:v>62.342931890000933</c:v>
                </c:pt>
                <c:pt idx="2550">
                  <c:v>65.215061490916028</c:v>
                </c:pt>
                <c:pt idx="2551">
                  <c:v>66.744035848528426</c:v>
                </c:pt>
                <c:pt idx="2552">
                  <c:v>67.481786604877882</c:v>
                </c:pt>
                <c:pt idx="2553">
                  <c:v>67.912796766093763</c:v>
                </c:pt>
                <c:pt idx="2554">
                  <c:v>68.849720417171113</c:v>
                </c:pt>
                <c:pt idx="2555">
                  <c:v>69.974380994571462</c:v>
                </c:pt>
                <c:pt idx="2556">
                  <c:v>69.266698240973824</c:v>
                </c:pt>
                <c:pt idx="2557">
                  <c:v>68.451176195494327</c:v>
                </c:pt>
                <c:pt idx="2558">
                  <c:v>68.705970679339373</c:v>
                </c:pt>
                <c:pt idx="2559">
                  <c:v>68.179871178019326</c:v>
                </c:pt>
                <c:pt idx="2560">
                  <c:v>67.135914163691268</c:v>
                </c:pt>
                <c:pt idx="2561">
                  <c:v>65.354637051932102</c:v>
                </c:pt>
                <c:pt idx="2562">
                  <c:v>64.130145257482909</c:v>
                </c:pt>
                <c:pt idx="2563">
                  <c:v>62.431238484534077</c:v>
                </c:pt>
                <c:pt idx="2564">
                  <c:v>60.547714743095291</c:v>
                </c:pt>
                <c:pt idx="2565">
                  <c:v>59.028759104166909</c:v>
                </c:pt>
                <c:pt idx="2566">
                  <c:v>58.072982921062625</c:v>
                </c:pt>
                <c:pt idx="2567">
                  <c:v>57.578010996028382</c:v>
                </c:pt>
                <c:pt idx="2568">
                  <c:v>57.311063445781741</c:v>
                </c:pt>
                <c:pt idx="2569">
                  <c:v>56.427369899955202</c:v>
                </c:pt>
                <c:pt idx="2570">
                  <c:v>56.468651588581452</c:v>
                </c:pt>
                <c:pt idx="2571">
                  <c:v>57.24820413113595</c:v>
                </c:pt>
                <c:pt idx="2572">
                  <c:v>58.508717248014726</c:v>
                </c:pt>
                <c:pt idx="2573">
                  <c:v>61.222358227881081</c:v>
                </c:pt>
                <c:pt idx="2574">
                  <c:v>63.869796495527403</c:v>
                </c:pt>
                <c:pt idx="2575">
                  <c:v>65.340064963971329</c:v>
                </c:pt>
                <c:pt idx="2576">
                  <c:v>66.284993747820494</c:v>
                </c:pt>
                <c:pt idx="2577">
                  <c:v>66.83734206418103</c:v>
                </c:pt>
                <c:pt idx="2578">
                  <c:v>67.489676369623226</c:v>
                </c:pt>
                <c:pt idx="2579">
                  <c:v>69.038565833698996</c:v>
                </c:pt>
                <c:pt idx="2580">
                  <c:v>69.007599796186739</c:v>
                </c:pt>
                <c:pt idx="2581">
                  <c:v>68.707047356055838</c:v>
                </c:pt>
                <c:pt idx="2582">
                  <c:v>68.902641959043351</c:v>
                </c:pt>
                <c:pt idx="2583">
                  <c:v>68.326135044441926</c:v>
                </c:pt>
                <c:pt idx="2584">
                  <c:v>66.82582318849154</c:v>
                </c:pt>
                <c:pt idx="2585">
                  <c:v>65.44433216205509</c:v>
                </c:pt>
                <c:pt idx="2586">
                  <c:v>63.727917124068689</c:v>
                </c:pt>
                <c:pt idx="2587">
                  <c:v>62.274764390857122</c:v>
                </c:pt>
                <c:pt idx="2588">
                  <c:v>60.421488431723155</c:v>
                </c:pt>
                <c:pt idx="2589">
                  <c:v>59.157238897121417</c:v>
                </c:pt>
                <c:pt idx="2590">
                  <c:v>58.227811382614689</c:v>
                </c:pt>
                <c:pt idx="2591">
                  <c:v>57.656626715563817</c:v>
                </c:pt>
                <c:pt idx="2592">
                  <c:v>57.085451776928636</c:v>
                </c:pt>
                <c:pt idx="2593">
                  <c:v>56.201848297402279</c:v>
                </c:pt>
                <c:pt idx="2594">
                  <c:v>56.288560177083028</c:v>
                </c:pt>
                <c:pt idx="2595">
                  <c:v>57.079855956914052</c:v>
                </c:pt>
                <c:pt idx="2596">
                  <c:v>57.9566006287805</c:v>
                </c:pt>
                <c:pt idx="2597">
                  <c:v>60.759087482997813</c:v>
                </c:pt>
                <c:pt idx="2598">
                  <c:v>64.195024767871743</c:v>
                </c:pt>
                <c:pt idx="2599">
                  <c:v>65.759424170563619</c:v>
                </c:pt>
                <c:pt idx="2600">
                  <c:v>66.522494384048201</c:v>
                </c:pt>
                <c:pt idx="2601">
                  <c:v>66.624783673615227</c:v>
                </c:pt>
                <c:pt idx="2602">
                  <c:v>67.269773770527124</c:v>
                </c:pt>
                <c:pt idx="2603">
                  <c:v>68.351780835005272</c:v>
                </c:pt>
                <c:pt idx="2604">
                  <c:v>68.426928099751748</c:v>
                </c:pt>
                <c:pt idx="2605">
                  <c:v>67.914733426912477</c:v>
                </c:pt>
                <c:pt idx="2606">
                  <c:v>68.438976193409758</c:v>
                </c:pt>
                <c:pt idx="2607">
                  <c:v>67.807154017103215</c:v>
                </c:pt>
                <c:pt idx="2608">
                  <c:v>66.510248583877626</c:v>
                </c:pt>
                <c:pt idx="2609">
                  <c:v>64.710229836184979</c:v>
                </c:pt>
                <c:pt idx="2610">
                  <c:v>63.773562458251831</c:v>
                </c:pt>
                <c:pt idx="2611">
                  <c:v>62.424400898942288</c:v>
                </c:pt>
                <c:pt idx="2612">
                  <c:v>60.384570133675162</c:v>
                </c:pt>
                <c:pt idx="2613">
                  <c:v>59.309917045370497</c:v>
                </c:pt>
                <c:pt idx="2614">
                  <c:v>58.528235803855942</c:v>
                </c:pt>
                <c:pt idx="2615">
                  <c:v>58.123106248914581</c:v>
                </c:pt>
                <c:pt idx="2616">
                  <c:v>57.354640942444163</c:v>
                </c:pt>
                <c:pt idx="2617">
                  <c:v>56.686160565913376</c:v>
                </c:pt>
                <c:pt idx="2618">
                  <c:v>56.711542139767282</c:v>
                </c:pt>
                <c:pt idx="2619">
                  <c:v>57.494948429445365</c:v>
                </c:pt>
                <c:pt idx="2620">
                  <c:v>58.301544575066401</c:v>
                </c:pt>
                <c:pt idx="2621">
                  <c:v>60.824110350222014</c:v>
                </c:pt>
                <c:pt idx="2622">
                  <c:v>64.588983198757361</c:v>
                </c:pt>
                <c:pt idx="2623">
                  <c:v>65.938086269890263</c:v>
                </c:pt>
                <c:pt idx="2624">
                  <c:v>66.461039629032641</c:v>
                </c:pt>
                <c:pt idx="2625">
                  <c:v>66.166056020408263</c:v>
                </c:pt>
                <c:pt idx="2626">
                  <c:v>65.899873994485645</c:v>
                </c:pt>
                <c:pt idx="2627">
                  <c:v>65.99248015648277</c:v>
                </c:pt>
                <c:pt idx="2628">
                  <c:v>64.596354278113282</c:v>
                </c:pt>
                <c:pt idx="2629">
                  <c:v>64.048425604541123</c:v>
                </c:pt>
                <c:pt idx="2630">
                  <c:v>63.825755506543672</c:v>
                </c:pt>
                <c:pt idx="2631">
                  <c:v>63.267406875981145</c:v>
                </c:pt>
                <c:pt idx="2632">
                  <c:v>61.949479513255312</c:v>
                </c:pt>
                <c:pt idx="2633">
                  <c:v>60.325108840873192</c:v>
                </c:pt>
                <c:pt idx="2634">
                  <c:v>59.276115763094325</c:v>
                </c:pt>
                <c:pt idx="2635">
                  <c:v>57.823571585434927</c:v>
                </c:pt>
                <c:pt idx="2636">
                  <c:v>55.923435789641061</c:v>
                </c:pt>
                <c:pt idx="2637">
                  <c:v>55.169222925988997</c:v>
                </c:pt>
                <c:pt idx="2638">
                  <c:v>54.548581543312679</c:v>
                </c:pt>
                <c:pt idx="2639">
                  <c:v>53.889241209468167</c:v>
                </c:pt>
                <c:pt idx="2640">
                  <c:v>52.481365385922615</c:v>
                </c:pt>
                <c:pt idx="2641">
                  <c:v>51.433752958623302</c:v>
                </c:pt>
                <c:pt idx="2642">
                  <c:v>50.532332199564763</c:v>
                </c:pt>
                <c:pt idx="2643">
                  <c:v>49.920553678182273</c:v>
                </c:pt>
                <c:pt idx="2644">
                  <c:v>48.242738953858947</c:v>
                </c:pt>
                <c:pt idx="2645">
                  <c:v>47.420856446659194</c:v>
                </c:pt>
                <c:pt idx="2646">
                  <c:v>47.580304689616156</c:v>
                </c:pt>
                <c:pt idx="2647">
                  <c:v>47.867243114208911</c:v>
                </c:pt>
                <c:pt idx="2648">
                  <c:v>47.080804795100185</c:v>
                </c:pt>
                <c:pt idx="2649">
                  <c:v>46.6961303325347</c:v>
                </c:pt>
                <c:pt idx="2650">
                  <c:v>46.54350610246054</c:v>
                </c:pt>
                <c:pt idx="2651">
                  <c:v>46.501515494767744</c:v>
                </c:pt>
                <c:pt idx="2652">
                  <c:v>45.581217176548328</c:v>
                </c:pt>
                <c:pt idx="2653">
                  <c:v>44.906536327585314</c:v>
                </c:pt>
                <c:pt idx="2654">
                  <c:v>44.743085743800464</c:v>
                </c:pt>
                <c:pt idx="2655">
                  <c:v>44.304184013375064</c:v>
                </c:pt>
                <c:pt idx="2656">
                  <c:v>43.14862020166219</c:v>
                </c:pt>
                <c:pt idx="2657">
                  <c:v>42.363017408320282</c:v>
                </c:pt>
                <c:pt idx="2658">
                  <c:v>41.844066880349331</c:v>
                </c:pt>
                <c:pt idx="2659">
                  <c:v>41.239180372690818</c:v>
                </c:pt>
                <c:pt idx="2660">
                  <c:v>41.009374069889844</c:v>
                </c:pt>
                <c:pt idx="2661">
                  <c:v>41.189525499436741</c:v>
                </c:pt>
                <c:pt idx="2662">
                  <c:v>41.214628185502697</c:v>
                </c:pt>
                <c:pt idx="2663">
                  <c:v>41.14358301707248</c:v>
                </c:pt>
                <c:pt idx="2664">
                  <c:v>40.741295532477018</c:v>
                </c:pt>
                <c:pt idx="2665">
                  <c:v>40.348317317927993</c:v>
                </c:pt>
                <c:pt idx="2666">
                  <c:v>40.09864988567977</c:v>
                </c:pt>
                <c:pt idx="2667">
                  <c:v>40.008464530092311</c:v>
                </c:pt>
                <c:pt idx="2668">
                  <c:v>39.43871197997823</c:v>
                </c:pt>
                <c:pt idx="2669">
                  <c:v>39.678210550352567</c:v>
                </c:pt>
                <c:pt idx="2670">
                  <c:v>39.661330434994767</c:v>
                </c:pt>
                <c:pt idx="2671">
                  <c:v>39.761912171855528</c:v>
                </c:pt>
                <c:pt idx="2672">
                  <c:v>39.564617743975838</c:v>
                </c:pt>
                <c:pt idx="2673">
                  <c:v>39.018124129401684</c:v>
                </c:pt>
                <c:pt idx="2674">
                  <c:v>38.68347902525344</c:v>
                </c:pt>
                <c:pt idx="2675">
                  <c:v>38.763768777611212</c:v>
                </c:pt>
                <c:pt idx="2676">
                  <c:v>38.843433753852715</c:v>
                </c:pt>
                <c:pt idx="2677">
                  <c:v>38.872875156410338</c:v>
                </c:pt>
                <c:pt idx="2678">
                  <c:v>39.000450991254532</c:v>
                </c:pt>
                <c:pt idx="2679">
                  <c:v>39.327945847160457</c:v>
                </c:pt>
                <c:pt idx="2680">
                  <c:v>38.986241031799885</c:v>
                </c:pt>
                <c:pt idx="2681">
                  <c:v>39.045697087732925</c:v>
                </c:pt>
                <c:pt idx="2682">
                  <c:v>39.298345122182035</c:v>
                </c:pt>
                <c:pt idx="2683">
                  <c:v>39.229442715764399</c:v>
                </c:pt>
                <c:pt idx="2684">
                  <c:v>39.527927043782199</c:v>
                </c:pt>
                <c:pt idx="2685">
                  <c:v>40.817807501731359</c:v>
                </c:pt>
                <c:pt idx="2686">
                  <c:v>40.664746316727893</c:v>
                </c:pt>
                <c:pt idx="2687">
                  <c:v>40.791313024580766</c:v>
                </c:pt>
                <c:pt idx="2688">
                  <c:v>40.603308135323743</c:v>
                </c:pt>
                <c:pt idx="2689">
                  <c:v>40.895361137173872</c:v>
                </c:pt>
                <c:pt idx="2690">
                  <c:v>41.570736999060856</c:v>
                </c:pt>
                <c:pt idx="2691">
                  <c:v>43.05823570775901</c:v>
                </c:pt>
                <c:pt idx="2692">
                  <c:v>46.252276524698836</c:v>
                </c:pt>
                <c:pt idx="2693">
                  <c:v>52.103908329049737</c:v>
                </c:pt>
                <c:pt idx="2694">
                  <c:v>57.463162125657028</c:v>
                </c:pt>
                <c:pt idx="2695">
                  <c:v>60.675496228017302</c:v>
                </c:pt>
                <c:pt idx="2696">
                  <c:v>62.303221281668797</c:v>
                </c:pt>
                <c:pt idx="2697">
                  <c:v>63.311656653241315</c:v>
                </c:pt>
                <c:pt idx="2698">
                  <c:v>64.531345160121759</c:v>
                </c:pt>
                <c:pt idx="2699">
                  <c:v>65.773505993446165</c:v>
                </c:pt>
                <c:pt idx="2700">
                  <c:v>65.162110469590573</c:v>
                </c:pt>
                <c:pt idx="2701">
                  <c:v>65.191488598218683</c:v>
                </c:pt>
                <c:pt idx="2702">
                  <c:v>65.23592729503531</c:v>
                </c:pt>
                <c:pt idx="2703">
                  <c:v>65.299376375269105</c:v>
                </c:pt>
                <c:pt idx="2704">
                  <c:v>64.667322344926333</c:v>
                </c:pt>
                <c:pt idx="2705">
                  <c:v>63.580966619789677</c:v>
                </c:pt>
                <c:pt idx="2706">
                  <c:v>62.606506661288833</c:v>
                </c:pt>
                <c:pt idx="2707">
                  <c:v>61.659213970493603</c:v>
                </c:pt>
                <c:pt idx="2708">
                  <c:v>59.715766601142263</c:v>
                </c:pt>
                <c:pt idx="2709">
                  <c:v>58.826020647016762</c:v>
                </c:pt>
                <c:pt idx="2710">
                  <c:v>58.157461285949651</c:v>
                </c:pt>
                <c:pt idx="2711">
                  <c:v>57.425870244677959</c:v>
                </c:pt>
                <c:pt idx="2712">
                  <c:v>56.548241758013525</c:v>
                </c:pt>
                <c:pt idx="2713">
                  <c:v>56.189046781098661</c:v>
                </c:pt>
                <c:pt idx="2714">
                  <c:v>56.270661245545703</c:v>
                </c:pt>
                <c:pt idx="2715">
                  <c:v>57.053278670547577</c:v>
                </c:pt>
                <c:pt idx="2716">
                  <c:v>58.027633538622389</c:v>
                </c:pt>
                <c:pt idx="2717">
                  <c:v>61.210858063700819</c:v>
                </c:pt>
                <c:pt idx="2718">
                  <c:v>64.536942235415793</c:v>
                </c:pt>
                <c:pt idx="2719">
                  <c:v>66.012520339774596</c:v>
                </c:pt>
                <c:pt idx="2720">
                  <c:v>66.827355963148847</c:v>
                </c:pt>
                <c:pt idx="2721">
                  <c:v>66.833557102448282</c:v>
                </c:pt>
                <c:pt idx="2722">
                  <c:v>67.3460432943249</c:v>
                </c:pt>
                <c:pt idx="2723">
                  <c:v>68.275258470468017</c:v>
                </c:pt>
                <c:pt idx="2724">
                  <c:v>68.127346755567743</c:v>
                </c:pt>
                <c:pt idx="2725">
                  <c:v>67.182119077914479</c:v>
                </c:pt>
                <c:pt idx="2726">
                  <c:v>66.609371646795822</c:v>
                </c:pt>
                <c:pt idx="2727">
                  <c:v>67.639072275943519</c:v>
                </c:pt>
                <c:pt idx="2728">
                  <c:v>66.806912246742939</c:v>
                </c:pt>
                <c:pt idx="2729">
                  <c:v>65.311035587277786</c:v>
                </c:pt>
                <c:pt idx="2730">
                  <c:v>64.280010795225564</c:v>
                </c:pt>
                <c:pt idx="2731">
                  <c:v>62.605676038957334</c:v>
                </c:pt>
                <c:pt idx="2732">
                  <c:v>60.811542453191343</c:v>
                </c:pt>
                <c:pt idx="2733">
                  <c:v>59.691917291988368</c:v>
                </c:pt>
                <c:pt idx="2734">
                  <c:v>58.830713960337881</c:v>
                </c:pt>
                <c:pt idx="2735">
                  <c:v>57.918753561239399</c:v>
                </c:pt>
                <c:pt idx="2736">
                  <c:v>56.189343929279779</c:v>
                </c:pt>
                <c:pt idx="2737">
                  <c:v>56.470594996527183</c:v>
                </c:pt>
                <c:pt idx="2738">
                  <c:v>56.606281603753985</c:v>
                </c:pt>
                <c:pt idx="2739">
                  <c:v>57.685731310955347</c:v>
                </c:pt>
                <c:pt idx="2740">
                  <c:v>58.997033328384312</c:v>
                </c:pt>
                <c:pt idx="2741">
                  <c:v>61.579900550951663</c:v>
                </c:pt>
                <c:pt idx="2742">
                  <c:v>64.918338221890835</c:v>
                </c:pt>
                <c:pt idx="2743">
                  <c:v>66.917348751023937</c:v>
                </c:pt>
                <c:pt idx="2744">
                  <c:v>67.422269903256662</c:v>
                </c:pt>
                <c:pt idx="2745">
                  <c:v>67.494728222135805</c:v>
                </c:pt>
                <c:pt idx="2746">
                  <c:v>67.729629331542895</c:v>
                </c:pt>
                <c:pt idx="2747">
                  <c:v>69.031579870154061</c:v>
                </c:pt>
                <c:pt idx="2748">
                  <c:v>68.498943658034165</c:v>
                </c:pt>
                <c:pt idx="2749">
                  <c:v>68.024052399053858</c:v>
                </c:pt>
                <c:pt idx="2750">
                  <c:v>68.375640029484771</c:v>
                </c:pt>
                <c:pt idx="2751">
                  <c:v>67.996357855140118</c:v>
                </c:pt>
                <c:pt idx="2752">
                  <c:v>66.830817317763419</c:v>
                </c:pt>
                <c:pt idx="2753">
                  <c:v>65.004574664481794</c:v>
                </c:pt>
                <c:pt idx="2754">
                  <c:v>64.366120297682656</c:v>
                </c:pt>
                <c:pt idx="2755">
                  <c:v>63.372606962443662</c:v>
                </c:pt>
                <c:pt idx="2756">
                  <c:v>61.199533658256605</c:v>
                </c:pt>
                <c:pt idx="2757">
                  <c:v>59.563893577360957</c:v>
                </c:pt>
                <c:pt idx="2758">
                  <c:v>58.63729407014759</c:v>
                </c:pt>
                <c:pt idx="2759">
                  <c:v>58.558661090519792</c:v>
                </c:pt>
                <c:pt idx="2760">
                  <c:v>57.872475880035871</c:v>
                </c:pt>
                <c:pt idx="2761">
                  <c:v>57.124914389115425</c:v>
                </c:pt>
                <c:pt idx="2762">
                  <c:v>57.321784493315235</c:v>
                </c:pt>
                <c:pt idx="2763">
                  <c:v>57.817665495646274</c:v>
                </c:pt>
                <c:pt idx="2764">
                  <c:v>59.077316980868517</c:v>
                </c:pt>
                <c:pt idx="2765">
                  <c:v>61.887334432999964</c:v>
                </c:pt>
                <c:pt idx="2766">
                  <c:v>65.411664573641403</c:v>
                </c:pt>
                <c:pt idx="2767">
                  <c:v>67.413438110129121</c:v>
                </c:pt>
                <c:pt idx="2768">
                  <c:v>67.778410451848288</c:v>
                </c:pt>
                <c:pt idx="2769">
                  <c:v>67.616353895114599</c:v>
                </c:pt>
                <c:pt idx="2770">
                  <c:v>68.330205601862161</c:v>
                </c:pt>
                <c:pt idx="2771">
                  <c:v>69.165074622173719</c:v>
                </c:pt>
                <c:pt idx="2772">
                  <c:v>69.16404729363046</c:v>
                </c:pt>
                <c:pt idx="2773">
                  <c:v>68.133576099427202</c:v>
                </c:pt>
                <c:pt idx="2774">
                  <c:v>68.309315319793697</c:v>
                </c:pt>
                <c:pt idx="2775">
                  <c:v>67.667530618172052</c:v>
                </c:pt>
                <c:pt idx="2776">
                  <c:v>66.460452962415786</c:v>
                </c:pt>
                <c:pt idx="2777">
                  <c:v>65.409549800437688</c:v>
                </c:pt>
                <c:pt idx="2778">
                  <c:v>64.148106580331401</c:v>
                </c:pt>
                <c:pt idx="2779">
                  <c:v>62.861646464663714</c:v>
                </c:pt>
                <c:pt idx="2780">
                  <c:v>60.920172571123551</c:v>
                </c:pt>
                <c:pt idx="2781">
                  <c:v>58.835109654748109</c:v>
                </c:pt>
                <c:pt idx="2782">
                  <c:v>57.761610089798403</c:v>
                </c:pt>
                <c:pt idx="2783">
                  <c:v>57.498163455082604</c:v>
                </c:pt>
                <c:pt idx="2784">
                  <c:v>56.746966439524591</c:v>
                </c:pt>
                <c:pt idx="2785">
                  <c:v>55.728979607427696</c:v>
                </c:pt>
                <c:pt idx="2786">
                  <c:v>55.552756398380225</c:v>
                </c:pt>
                <c:pt idx="2787">
                  <c:v>56.067470495520539</c:v>
                </c:pt>
                <c:pt idx="2788">
                  <c:v>57.586221896560474</c:v>
                </c:pt>
                <c:pt idx="2789">
                  <c:v>60.573029767524865</c:v>
                </c:pt>
                <c:pt idx="2790">
                  <c:v>64.147604566622107</c:v>
                </c:pt>
                <c:pt idx="2791">
                  <c:v>65.935581261689094</c:v>
                </c:pt>
                <c:pt idx="2792">
                  <c:v>66.376910133762593</c:v>
                </c:pt>
                <c:pt idx="2793">
                  <c:v>65.909199936212232</c:v>
                </c:pt>
                <c:pt idx="2794">
                  <c:v>65.417574468495872</c:v>
                </c:pt>
                <c:pt idx="2795">
                  <c:v>65.76929021588515</c:v>
                </c:pt>
                <c:pt idx="2796">
                  <c:v>65.6643397535085</c:v>
                </c:pt>
                <c:pt idx="2797">
                  <c:v>65.36312062269613</c:v>
                </c:pt>
                <c:pt idx="2798">
                  <c:v>65.426503722304091</c:v>
                </c:pt>
                <c:pt idx="2799">
                  <c:v>64.790772488123437</c:v>
                </c:pt>
                <c:pt idx="2800">
                  <c:v>63.754788969602437</c:v>
                </c:pt>
                <c:pt idx="2801">
                  <c:v>62.33584885805017</c:v>
                </c:pt>
                <c:pt idx="2802">
                  <c:v>61.081459445420066</c:v>
                </c:pt>
                <c:pt idx="2803">
                  <c:v>59.452905397377606</c:v>
                </c:pt>
                <c:pt idx="2804">
                  <c:v>57.39239543312619</c:v>
                </c:pt>
                <c:pt idx="2805">
                  <c:v>56.150612988099482</c:v>
                </c:pt>
                <c:pt idx="2806">
                  <c:v>55.22576896957618</c:v>
                </c:pt>
                <c:pt idx="2807">
                  <c:v>49.250576910484355</c:v>
                </c:pt>
                <c:pt idx="2808">
                  <c:v>46.525052121657374</c:v>
                </c:pt>
                <c:pt idx="2809">
                  <c:v>44.88068931964969</c:v>
                </c:pt>
                <c:pt idx="2810">
                  <c:v>44.212658843117488</c:v>
                </c:pt>
                <c:pt idx="2811">
                  <c:v>43.650466566508172</c:v>
                </c:pt>
                <c:pt idx="2812">
                  <c:v>41.6921246004474</c:v>
                </c:pt>
                <c:pt idx="2813">
                  <c:v>40.765025864676012</c:v>
                </c:pt>
                <c:pt idx="2814">
                  <c:v>40.765382050218527</c:v>
                </c:pt>
                <c:pt idx="2815">
                  <c:v>40.563982583961348</c:v>
                </c:pt>
                <c:pt idx="2816">
                  <c:v>40.25570517373977</c:v>
                </c:pt>
                <c:pt idx="2817">
                  <c:v>40.291970334201544</c:v>
                </c:pt>
                <c:pt idx="2818">
                  <c:v>40.793845433178575</c:v>
                </c:pt>
                <c:pt idx="2819">
                  <c:v>39.745509062686843</c:v>
                </c:pt>
                <c:pt idx="2820">
                  <c:v>39.631585803996217</c:v>
                </c:pt>
                <c:pt idx="2821">
                  <c:v>39.361318255368751</c:v>
                </c:pt>
                <c:pt idx="2822">
                  <c:v>39.964092755361087</c:v>
                </c:pt>
                <c:pt idx="2823">
                  <c:v>41.448588894468074</c:v>
                </c:pt>
                <c:pt idx="2824">
                  <c:v>41.663958954080705</c:v>
                </c:pt>
                <c:pt idx="2825">
                  <c:v>41.409663561497467</c:v>
                </c:pt>
                <c:pt idx="2826">
                  <c:v>41.010412009467174</c:v>
                </c:pt>
                <c:pt idx="2827">
                  <c:v>41.013022068866896</c:v>
                </c:pt>
                <c:pt idx="2828">
                  <c:v>41.011961946148126</c:v>
                </c:pt>
                <c:pt idx="2829">
                  <c:v>41.146646075441922</c:v>
                </c:pt>
                <c:pt idx="2830">
                  <c:v>40.957103880753365</c:v>
                </c:pt>
                <c:pt idx="2831">
                  <c:v>41.091814292460533</c:v>
                </c:pt>
                <c:pt idx="2832">
                  <c:v>40.285877168548112</c:v>
                </c:pt>
                <c:pt idx="2833">
                  <c:v>39.812939497045292</c:v>
                </c:pt>
                <c:pt idx="2834">
                  <c:v>39.989804781528882</c:v>
                </c:pt>
                <c:pt idx="2835">
                  <c:v>40.846333884028553</c:v>
                </c:pt>
                <c:pt idx="2836">
                  <c:v>40.654456438070014</c:v>
                </c:pt>
                <c:pt idx="2837">
                  <c:v>40.697584976193433</c:v>
                </c:pt>
                <c:pt idx="2838">
                  <c:v>40.446342344765441</c:v>
                </c:pt>
                <c:pt idx="2839">
                  <c:v>40.989552481745122</c:v>
                </c:pt>
                <c:pt idx="2840">
                  <c:v>40.352832322726705</c:v>
                </c:pt>
                <c:pt idx="2841">
                  <c:v>40.039376433678513</c:v>
                </c:pt>
                <c:pt idx="2842">
                  <c:v>40.213082983962465</c:v>
                </c:pt>
                <c:pt idx="2843">
                  <c:v>41.020081897761685</c:v>
                </c:pt>
                <c:pt idx="2844">
                  <c:v>41.238971015615888</c:v>
                </c:pt>
                <c:pt idx="2845">
                  <c:v>41.431376306581036</c:v>
                </c:pt>
                <c:pt idx="2846">
                  <c:v>41.268016377508616</c:v>
                </c:pt>
                <c:pt idx="2847">
                  <c:v>41.721706653144082</c:v>
                </c:pt>
                <c:pt idx="2848">
                  <c:v>41.377435517026953</c:v>
                </c:pt>
                <c:pt idx="2849">
                  <c:v>40.888395238486325</c:v>
                </c:pt>
                <c:pt idx="2850">
                  <c:v>41.097915990091451</c:v>
                </c:pt>
                <c:pt idx="2851">
                  <c:v>41.115103335093394</c:v>
                </c:pt>
                <c:pt idx="2852">
                  <c:v>41.270429593400365</c:v>
                </c:pt>
                <c:pt idx="2853">
                  <c:v>42.749338483697734</c:v>
                </c:pt>
                <c:pt idx="2854">
                  <c:v>43.422199373602936</c:v>
                </c:pt>
                <c:pt idx="2855">
                  <c:v>44.140316931793123</c:v>
                </c:pt>
                <c:pt idx="2856">
                  <c:v>44.0112818149804</c:v>
                </c:pt>
                <c:pt idx="2857">
                  <c:v>44.253273860676003</c:v>
                </c:pt>
                <c:pt idx="2858">
                  <c:v>44.861332577174437</c:v>
                </c:pt>
                <c:pt idx="2859">
                  <c:v>46.621372263257378</c:v>
                </c:pt>
                <c:pt idx="2860">
                  <c:v>49.15246715228438</c:v>
                </c:pt>
                <c:pt idx="2861">
                  <c:v>54.396969068471165</c:v>
                </c:pt>
                <c:pt idx="2862">
                  <c:v>59.638721530398634</c:v>
                </c:pt>
                <c:pt idx="2863">
                  <c:v>62.553290226815733</c:v>
                </c:pt>
                <c:pt idx="2864">
                  <c:v>63.224101284614761</c:v>
                </c:pt>
                <c:pt idx="2865">
                  <c:v>64.417343093418481</c:v>
                </c:pt>
                <c:pt idx="2866">
                  <c:v>65.461481848673685</c:v>
                </c:pt>
                <c:pt idx="2867">
                  <c:v>66.508786026414285</c:v>
                </c:pt>
                <c:pt idx="2868">
                  <c:v>65.555243279648749</c:v>
                </c:pt>
                <c:pt idx="2869">
                  <c:v>65.669404668772813</c:v>
                </c:pt>
                <c:pt idx="2870">
                  <c:v>65.920438100035824</c:v>
                </c:pt>
                <c:pt idx="2871">
                  <c:v>65.78082674394183</c:v>
                </c:pt>
                <c:pt idx="2872">
                  <c:v>64.159173202373353</c:v>
                </c:pt>
                <c:pt idx="2873">
                  <c:v>63.42738308162717</c:v>
                </c:pt>
                <c:pt idx="2874">
                  <c:v>62.637424409769935</c:v>
                </c:pt>
                <c:pt idx="2875">
                  <c:v>61.55013630621179</c:v>
                </c:pt>
                <c:pt idx="2876">
                  <c:v>59.697959324618161</c:v>
                </c:pt>
                <c:pt idx="2877">
                  <c:v>58.388262123118395</c:v>
                </c:pt>
                <c:pt idx="2878">
                  <c:v>57.656994375145004</c:v>
                </c:pt>
                <c:pt idx="2879">
                  <c:v>57.411038215803366</c:v>
                </c:pt>
                <c:pt idx="2880">
                  <c:v>56.78999594786805</c:v>
                </c:pt>
                <c:pt idx="2881">
                  <c:v>56.138619381414898</c:v>
                </c:pt>
                <c:pt idx="2882">
                  <c:v>56.349923787042641</c:v>
                </c:pt>
                <c:pt idx="2883">
                  <c:v>56.88302725732219</c:v>
                </c:pt>
                <c:pt idx="2884">
                  <c:v>58.553678807947684</c:v>
                </c:pt>
                <c:pt idx="2885">
                  <c:v>62.229983512709275</c:v>
                </c:pt>
                <c:pt idx="2886">
                  <c:v>64.799635761305822</c:v>
                </c:pt>
                <c:pt idx="2887">
                  <c:v>65.947907164379245</c:v>
                </c:pt>
                <c:pt idx="2888">
                  <c:v>66.948867896041662</c:v>
                </c:pt>
                <c:pt idx="2889">
                  <c:v>67.109789503633422</c:v>
                </c:pt>
                <c:pt idx="2890">
                  <c:v>67.158682991062904</c:v>
                </c:pt>
                <c:pt idx="2891">
                  <c:v>68.324331090197035</c:v>
                </c:pt>
                <c:pt idx="2892">
                  <c:v>67.991344445560529</c:v>
                </c:pt>
                <c:pt idx="2893">
                  <c:v>67.54504284280695</c:v>
                </c:pt>
                <c:pt idx="2894">
                  <c:v>67.630864670519955</c:v>
                </c:pt>
                <c:pt idx="2895">
                  <c:v>66.93806686367104</c:v>
                </c:pt>
                <c:pt idx="2896">
                  <c:v>66.054851383175617</c:v>
                </c:pt>
                <c:pt idx="2897">
                  <c:v>65.029010228363987</c:v>
                </c:pt>
                <c:pt idx="2898">
                  <c:v>63.877772756871984</c:v>
                </c:pt>
                <c:pt idx="2899">
                  <c:v>63.195917377854897</c:v>
                </c:pt>
                <c:pt idx="2900">
                  <c:v>61.044439214758391</c:v>
                </c:pt>
                <c:pt idx="2901">
                  <c:v>59.281283199384553</c:v>
                </c:pt>
                <c:pt idx="2902">
                  <c:v>58.006957654360384</c:v>
                </c:pt>
                <c:pt idx="2903">
                  <c:v>58.132711156884064</c:v>
                </c:pt>
                <c:pt idx="2904">
                  <c:v>57.244147303334657</c:v>
                </c:pt>
                <c:pt idx="2905">
                  <c:v>56.59154634907911</c:v>
                </c:pt>
                <c:pt idx="2906">
                  <c:v>56.835805037177529</c:v>
                </c:pt>
                <c:pt idx="2907">
                  <c:v>57.4705497001694</c:v>
                </c:pt>
                <c:pt idx="2908">
                  <c:v>58.275599204218025</c:v>
                </c:pt>
                <c:pt idx="2909">
                  <c:v>61.225281263751171</c:v>
                </c:pt>
                <c:pt idx="2910">
                  <c:v>63.911858222646252</c:v>
                </c:pt>
                <c:pt idx="2911">
                  <c:v>65.483119355445496</c:v>
                </c:pt>
                <c:pt idx="2912">
                  <c:v>67.008012270011236</c:v>
                </c:pt>
                <c:pt idx="2913">
                  <c:v>67.410330430498163</c:v>
                </c:pt>
                <c:pt idx="2914">
                  <c:v>68.094997792381946</c:v>
                </c:pt>
                <c:pt idx="2915">
                  <c:v>68.514827473787449</c:v>
                </c:pt>
                <c:pt idx="2916">
                  <c:v>68.198955917129837</c:v>
                </c:pt>
                <c:pt idx="2917">
                  <c:v>67.835139530869554</c:v>
                </c:pt>
                <c:pt idx="2918">
                  <c:v>68.004894383005734</c:v>
                </c:pt>
                <c:pt idx="2919">
                  <c:v>67.37036033236825</c:v>
                </c:pt>
                <c:pt idx="2920">
                  <c:v>66.57047402804173</c:v>
                </c:pt>
                <c:pt idx="2921">
                  <c:v>65.292045915971471</c:v>
                </c:pt>
                <c:pt idx="2922">
                  <c:v>63.96955100323391</c:v>
                </c:pt>
                <c:pt idx="2923">
                  <c:v>63.18739591334262</c:v>
                </c:pt>
                <c:pt idx="2924">
                  <c:v>61.473390482319594</c:v>
                </c:pt>
                <c:pt idx="2925">
                  <c:v>60.161889640394804</c:v>
                </c:pt>
                <c:pt idx="2926">
                  <c:v>59.597836941579303</c:v>
                </c:pt>
                <c:pt idx="2927">
                  <c:v>58.939004093677916</c:v>
                </c:pt>
                <c:pt idx="2928">
                  <c:v>58.313313192524213</c:v>
                </c:pt>
                <c:pt idx="2929">
                  <c:v>57.654875365373165</c:v>
                </c:pt>
                <c:pt idx="2930">
                  <c:v>58.164760598626046</c:v>
                </c:pt>
                <c:pt idx="2931">
                  <c:v>58.760913832979682</c:v>
                </c:pt>
                <c:pt idx="2932">
                  <c:v>59.897820524370474</c:v>
                </c:pt>
                <c:pt idx="2933">
                  <c:v>62.839443081840834</c:v>
                </c:pt>
                <c:pt idx="2934">
                  <c:v>65.721562530012733</c:v>
                </c:pt>
                <c:pt idx="2935">
                  <c:v>67.453392556493441</c:v>
                </c:pt>
                <c:pt idx="2936">
                  <c:v>68.282849772911561</c:v>
                </c:pt>
                <c:pt idx="2937">
                  <c:v>67.911290313077345</c:v>
                </c:pt>
                <c:pt idx="2938">
                  <c:v>68.35878931512525</c:v>
                </c:pt>
                <c:pt idx="2939">
                  <c:v>68.589219276059225</c:v>
                </c:pt>
                <c:pt idx="2940">
                  <c:v>67.805444561864036</c:v>
                </c:pt>
                <c:pt idx="2941">
                  <c:v>66.938650392089272</c:v>
                </c:pt>
                <c:pt idx="2942">
                  <c:v>66.373387446978896</c:v>
                </c:pt>
                <c:pt idx="2943">
                  <c:v>65.83820827406835</c:v>
                </c:pt>
                <c:pt idx="2944">
                  <c:v>64.238657673353416</c:v>
                </c:pt>
                <c:pt idx="2945">
                  <c:v>62.537976033338076</c:v>
                </c:pt>
                <c:pt idx="2946">
                  <c:v>60.5556982811379</c:v>
                </c:pt>
                <c:pt idx="2947">
                  <c:v>58.769474564202106</c:v>
                </c:pt>
                <c:pt idx="2948">
                  <c:v>56.056523438845744</c:v>
                </c:pt>
                <c:pt idx="2949">
                  <c:v>54.236378207399426</c:v>
                </c:pt>
                <c:pt idx="2950">
                  <c:v>52.881391798417816</c:v>
                </c:pt>
                <c:pt idx="2951">
                  <c:v>51.701529110986073</c:v>
                </c:pt>
                <c:pt idx="2952">
                  <c:v>41.731529018663672</c:v>
                </c:pt>
                <c:pt idx="2953">
                  <c:v>41.080129641429345</c:v>
                </c:pt>
                <c:pt idx="2954">
                  <c:v>41.3150936717186</c:v>
                </c:pt>
                <c:pt idx="2955">
                  <c:v>41.963402178298281</c:v>
                </c:pt>
                <c:pt idx="2956">
                  <c:v>42.795890776893607</c:v>
                </c:pt>
                <c:pt idx="2957">
                  <c:v>45.066733638937315</c:v>
                </c:pt>
                <c:pt idx="2958">
                  <c:v>46.415917577525711</c:v>
                </c:pt>
                <c:pt idx="2959">
                  <c:v>47.589771732597839</c:v>
                </c:pt>
                <c:pt idx="2960">
                  <c:v>47.876824269937657</c:v>
                </c:pt>
                <c:pt idx="2961">
                  <c:v>47.941064450814153</c:v>
                </c:pt>
                <c:pt idx="2962">
                  <c:v>47.704978710658359</c:v>
                </c:pt>
                <c:pt idx="2963">
                  <c:v>47.65703949058571</c:v>
                </c:pt>
                <c:pt idx="2964">
                  <c:v>46.815251723020737</c:v>
                </c:pt>
                <c:pt idx="2965">
                  <c:v>46.151621393218022</c:v>
                </c:pt>
                <c:pt idx="2966">
                  <c:v>46.160193598479111</c:v>
                </c:pt>
                <c:pt idx="2967">
                  <c:v>46.058666538127575</c:v>
                </c:pt>
                <c:pt idx="2968">
                  <c:v>45.228313797507909</c:v>
                </c:pt>
                <c:pt idx="2969">
                  <c:v>44.1689271628345</c:v>
                </c:pt>
                <c:pt idx="2970">
                  <c:v>43.184435854400213</c:v>
                </c:pt>
                <c:pt idx="2971">
                  <c:v>42.318461087896907</c:v>
                </c:pt>
                <c:pt idx="2972">
                  <c:v>41.670264536552715</c:v>
                </c:pt>
                <c:pt idx="2973">
                  <c:v>41.814621829635826</c:v>
                </c:pt>
                <c:pt idx="2974">
                  <c:v>41.959437515467492</c:v>
                </c:pt>
                <c:pt idx="2975">
                  <c:v>41.830982847715624</c:v>
                </c:pt>
                <c:pt idx="2976">
                  <c:v>41.771066319977429</c:v>
                </c:pt>
                <c:pt idx="2977">
                  <c:v>41.302241179301276</c:v>
                </c:pt>
                <c:pt idx="2978">
                  <c:v>41.28690350817525</c:v>
                </c:pt>
                <c:pt idx="2979">
                  <c:v>41.889511958233506</c:v>
                </c:pt>
                <c:pt idx="2980">
                  <c:v>42.673693775243684</c:v>
                </c:pt>
                <c:pt idx="2981">
                  <c:v>44.476904541654996</c:v>
                </c:pt>
                <c:pt idx="2982">
                  <c:v>45.156192246567358</c:v>
                </c:pt>
                <c:pt idx="2983">
                  <c:v>45.814679068844249</c:v>
                </c:pt>
                <c:pt idx="2984">
                  <c:v>45.980200961782018</c:v>
                </c:pt>
                <c:pt idx="2985">
                  <c:v>46.235988822784115</c:v>
                </c:pt>
                <c:pt idx="2986">
                  <c:v>46.284278010843273</c:v>
                </c:pt>
                <c:pt idx="2987">
                  <c:v>46.448017014694337</c:v>
                </c:pt>
                <c:pt idx="2988">
                  <c:v>45.677294813850558</c:v>
                </c:pt>
                <c:pt idx="2989">
                  <c:v>45.041722117541042</c:v>
                </c:pt>
                <c:pt idx="2990">
                  <c:v>45.043929408762608</c:v>
                </c:pt>
                <c:pt idx="2991">
                  <c:v>45.181037659188327</c:v>
                </c:pt>
                <c:pt idx="2992">
                  <c:v>44.455323287093286</c:v>
                </c:pt>
                <c:pt idx="2993">
                  <c:v>43.497613561755152</c:v>
                </c:pt>
                <c:pt idx="2994">
                  <c:v>42.39855315335582</c:v>
                </c:pt>
                <c:pt idx="2995">
                  <c:v>41.754228962575738</c:v>
                </c:pt>
                <c:pt idx="2996">
                  <c:v>41.031165603372315</c:v>
                </c:pt>
                <c:pt idx="2997">
                  <c:v>41.274636956666356</c:v>
                </c:pt>
                <c:pt idx="2998">
                  <c:v>41.658279481459353</c:v>
                </c:pt>
                <c:pt idx="2999">
                  <c:v>41.475918897385483</c:v>
                </c:pt>
                <c:pt idx="3000">
                  <c:v>45.102810429027386</c:v>
                </c:pt>
                <c:pt idx="3001">
                  <c:v>44.528015186017903</c:v>
                </c:pt>
                <c:pt idx="3002">
                  <c:v>44.083052672226003</c:v>
                </c:pt>
                <c:pt idx="3003">
                  <c:v>43.76236768769536</c:v>
                </c:pt>
                <c:pt idx="3004">
                  <c:v>42.342633729576576</c:v>
                </c:pt>
                <c:pt idx="3005">
                  <c:v>41.77528870736927</c:v>
                </c:pt>
                <c:pt idx="3006">
                  <c:v>41.498492842623271</c:v>
                </c:pt>
                <c:pt idx="3007">
                  <c:v>41.520660646119381</c:v>
                </c:pt>
                <c:pt idx="3008">
                  <c:v>41.006807788360767</c:v>
                </c:pt>
                <c:pt idx="3009">
                  <c:v>40.922244378291332</c:v>
                </c:pt>
                <c:pt idx="3010">
                  <c:v>40.650011297417905</c:v>
                </c:pt>
                <c:pt idx="3011">
                  <c:v>40.950836741214346</c:v>
                </c:pt>
                <c:pt idx="3012">
                  <c:v>41.022381510863667</c:v>
                </c:pt>
                <c:pt idx="3013">
                  <c:v>40.936776493447269</c:v>
                </c:pt>
                <c:pt idx="3014">
                  <c:v>40.919740213481028</c:v>
                </c:pt>
                <c:pt idx="3015">
                  <c:v>41.153158014086443</c:v>
                </c:pt>
                <c:pt idx="3016">
                  <c:v>40.790281027967055</c:v>
                </c:pt>
                <c:pt idx="3017">
                  <c:v>40.491463227119205</c:v>
                </c:pt>
                <c:pt idx="3018">
                  <c:v>40.558633230220295</c:v>
                </c:pt>
                <c:pt idx="3019">
                  <c:v>40.746017560315444</c:v>
                </c:pt>
                <c:pt idx="3020">
                  <c:v>41.012703659390176</c:v>
                </c:pt>
                <c:pt idx="3021">
                  <c:v>42.052160673431629</c:v>
                </c:pt>
                <c:pt idx="3022">
                  <c:v>42.870517002601716</c:v>
                </c:pt>
                <c:pt idx="3023">
                  <c:v>43.210204976169017</c:v>
                </c:pt>
                <c:pt idx="3024">
                  <c:v>45.133617418711211</c:v>
                </c:pt>
                <c:pt idx="3025">
                  <c:v>45.813369930065576</c:v>
                </c:pt>
                <c:pt idx="3026">
                  <c:v>46.601937948435172</c:v>
                </c:pt>
                <c:pt idx="3027">
                  <c:v>47.994423732165352</c:v>
                </c:pt>
                <c:pt idx="3028">
                  <c:v>51.216211089047164</c:v>
                </c:pt>
                <c:pt idx="3029">
                  <c:v>56.729623224120317</c:v>
                </c:pt>
                <c:pt idx="3030">
                  <c:v>61.752492942659494</c:v>
                </c:pt>
                <c:pt idx="3031">
                  <c:v>64.610120653194045</c:v>
                </c:pt>
                <c:pt idx="3032">
                  <c:v>66.436479086390719</c:v>
                </c:pt>
                <c:pt idx="3033">
                  <c:v>67.599369179674298</c:v>
                </c:pt>
                <c:pt idx="3034">
                  <c:v>67.938512715009836</c:v>
                </c:pt>
                <c:pt idx="3035">
                  <c:v>68.84695395779805</c:v>
                </c:pt>
                <c:pt idx="3036">
                  <c:v>68.42933639259445</c:v>
                </c:pt>
                <c:pt idx="3037">
                  <c:v>68.522282441115038</c:v>
                </c:pt>
                <c:pt idx="3038">
                  <c:v>69.188822371375025</c:v>
                </c:pt>
                <c:pt idx="3039">
                  <c:v>69.561011961876886</c:v>
                </c:pt>
                <c:pt idx="3040">
                  <c:v>68.482034455497981</c:v>
                </c:pt>
                <c:pt idx="3041">
                  <c:v>66.893533020595214</c:v>
                </c:pt>
                <c:pt idx="3042">
                  <c:v>65.968650598366395</c:v>
                </c:pt>
                <c:pt idx="3043">
                  <c:v>64.557573341506341</c:v>
                </c:pt>
                <c:pt idx="3044">
                  <c:v>62.735389673537554</c:v>
                </c:pt>
                <c:pt idx="3045">
                  <c:v>61.356736755471239</c:v>
                </c:pt>
                <c:pt idx="3046">
                  <c:v>60.308419018033767</c:v>
                </c:pt>
                <c:pt idx="3047">
                  <c:v>59.073949124958844</c:v>
                </c:pt>
                <c:pt idx="3048">
                  <c:v>58.251473733586245</c:v>
                </c:pt>
                <c:pt idx="3049">
                  <c:v>57.409364359504707</c:v>
                </c:pt>
                <c:pt idx="3050">
                  <c:v>57.682841402694358</c:v>
                </c:pt>
                <c:pt idx="3051">
                  <c:v>58.207965493044455</c:v>
                </c:pt>
                <c:pt idx="3052">
                  <c:v>59.707707903242877</c:v>
                </c:pt>
                <c:pt idx="3053">
                  <c:v>63.080322381149678</c:v>
                </c:pt>
                <c:pt idx="3054">
                  <c:v>66.101597009019756</c:v>
                </c:pt>
                <c:pt idx="3055">
                  <c:v>67.739314597010591</c:v>
                </c:pt>
                <c:pt idx="3056">
                  <c:v>68.118941149425495</c:v>
                </c:pt>
                <c:pt idx="3057">
                  <c:v>68.321043552558123</c:v>
                </c:pt>
                <c:pt idx="3058">
                  <c:v>68.65246994368573</c:v>
                </c:pt>
                <c:pt idx="3059">
                  <c:v>69.982231296469237</c:v>
                </c:pt>
                <c:pt idx="3060">
                  <c:v>69.114903868295229</c:v>
                </c:pt>
                <c:pt idx="3061">
                  <c:v>68.394550284752455</c:v>
                </c:pt>
                <c:pt idx="3062">
                  <c:v>68.329764743798322</c:v>
                </c:pt>
                <c:pt idx="3063">
                  <c:v>68.844400091767227</c:v>
                </c:pt>
                <c:pt idx="3064">
                  <c:v>68.440828770119381</c:v>
                </c:pt>
                <c:pt idx="3065">
                  <c:v>67.830221836347619</c:v>
                </c:pt>
                <c:pt idx="3066">
                  <c:v>66.570267985689085</c:v>
                </c:pt>
                <c:pt idx="3067">
                  <c:v>64.765615354311535</c:v>
                </c:pt>
                <c:pt idx="3068">
                  <c:v>62.359245246689305</c:v>
                </c:pt>
                <c:pt idx="3069">
                  <c:v>60.853324370676418</c:v>
                </c:pt>
                <c:pt idx="3070">
                  <c:v>60.640640667917268</c:v>
                </c:pt>
                <c:pt idx="3071">
                  <c:v>60.195778576480969</c:v>
                </c:pt>
                <c:pt idx="3072">
                  <c:v>59.392593770434118</c:v>
                </c:pt>
                <c:pt idx="3073">
                  <c:v>58.415212757051044</c:v>
                </c:pt>
                <c:pt idx="3074">
                  <c:v>58.801901119348599</c:v>
                </c:pt>
                <c:pt idx="3075">
                  <c:v>59.780671315188698</c:v>
                </c:pt>
                <c:pt idx="3076">
                  <c:v>61.071989068102354</c:v>
                </c:pt>
                <c:pt idx="3077">
                  <c:v>64.361412627102879</c:v>
                </c:pt>
                <c:pt idx="3078">
                  <c:v>66.833035828045013</c:v>
                </c:pt>
                <c:pt idx="3079">
                  <c:v>67.932364787790604</c:v>
                </c:pt>
                <c:pt idx="3080">
                  <c:v>69.844211242436657</c:v>
                </c:pt>
                <c:pt idx="3081">
                  <c:v>70.349111211828742</c:v>
                </c:pt>
                <c:pt idx="3082">
                  <c:v>71.038591923130582</c:v>
                </c:pt>
                <c:pt idx="3083">
                  <c:v>71.20435210341175</c:v>
                </c:pt>
                <c:pt idx="3084">
                  <c:v>69.958139306493905</c:v>
                </c:pt>
                <c:pt idx="3085">
                  <c:v>69.365945321578437</c:v>
                </c:pt>
                <c:pt idx="3086">
                  <c:v>69.534160259655494</c:v>
                </c:pt>
                <c:pt idx="3087">
                  <c:v>69.930532808664978</c:v>
                </c:pt>
                <c:pt idx="3088">
                  <c:v>68.298809984187329</c:v>
                </c:pt>
                <c:pt idx="3089">
                  <c:v>66.881403529910713</c:v>
                </c:pt>
                <c:pt idx="3090">
                  <c:v>65.471234546184064</c:v>
                </c:pt>
                <c:pt idx="3091">
                  <c:v>64.167808818860152</c:v>
                </c:pt>
                <c:pt idx="3092">
                  <c:v>61.710327478462752</c:v>
                </c:pt>
                <c:pt idx="3093">
                  <c:v>60.113078373768964</c:v>
                </c:pt>
                <c:pt idx="3094">
                  <c:v>59.485066735513875</c:v>
                </c:pt>
                <c:pt idx="3095">
                  <c:v>58.697130789572313</c:v>
                </c:pt>
                <c:pt idx="3096">
                  <c:v>57.562075635362881</c:v>
                </c:pt>
                <c:pt idx="3097">
                  <c:v>57.003992535630459</c:v>
                </c:pt>
                <c:pt idx="3098">
                  <c:v>57.335077726113937</c:v>
                </c:pt>
                <c:pt idx="3099">
                  <c:v>58.287825429874758</c:v>
                </c:pt>
                <c:pt idx="3100">
                  <c:v>60.390568133455666</c:v>
                </c:pt>
                <c:pt idx="3101">
                  <c:v>63.411212924864223</c:v>
                </c:pt>
                <c:pt idx="3102">
                  <c:v>66.655065250396362</c:v>
                </c:pt>
                <c:pt idx="3103">
                  <c:v>68.295840444136545</c:v>
                </c:pt>
                <c:pt idx="3104">
                  <c:v>69.182369273954478</c:v>
                </c:pt>
                <c:pt idx="3105">
                  <c:v>69.058707969218233</c:v>
                </c:pt>
                <c:pt idx="3106">
                  <c:v>68.666701694006989</c:v>
                </c:pt>
                <c:pt idx="3107">
                  <c:v>69.47085920432751</c:v>
                </c:pt>
                <c:pt idx="3108">
                  <c:v>69.043799172160107</c:v>
                </c:pt>
                <c:pt idx="3109">
                  <c:v>68.552678679827977</c:v>
                </c:pt>
                <c:pt idx="3110">
                  <c:v>68.139235703328609</c:v>
                </c:pt>
                <c:pt idx="3111">
                  <c:v>67.272993699599695</c:v>
                </c:pt>
                <c:pt idx="3112">
                  <c:v>67.016775905387703</c:v>
                </c:pt>
                <c:pt idx="3113">
                  <c:v>65.357926040987891</c:v>
                </c:pt>
                <c:pt idx="3114">
                  <c:v>64.007872664473922</c:v>
                </c:pt>
                <c:pt idx="3115">
                  <c:v>62.43886738651976</c:v>
                </c:pt>
                <c:pt idx="3116">
                  <c:v>60.121217488007801</c:v>
                </c:pt>
                <c:pt idx="3117">
                  <c:v>58.42063009201955</c:v>
                </c:pt>
                <c:pt idx="3118">
                  <c:v>57.795091354271065</c:v>
                </c:pt>
                <c:pt idx="3119">
                  <c:v>57.025118378732266</c:v>
                </c:pt>
                <c:pt idx="3120">
                  <c:v>46.91267307812759</c:v>
                </c:pt>
                <c:pt idx="3121">
                  <c:v>46.533042171462114</c:v>
                </c:pt>
                <c:pt idx="3122">
                  <c:v>46.446605374503498</c:v>
                </c:pt>
                <c:pt idx="3123">
                  <c:v>46.613313604585478</c:v>
                </c:pt>
                <c:pt idx="3124">
                  <c:v>47.688578327799718</c:v>
                </c:pt>
                <c:pt idx="3125">
                  <c:v>48.965958791490678</c:v>
                </c:pt>
                <c:pt idx="3126">
                  <c:v>50.205262353819663</c:v>
                </c:pt>
                <c:pt idx="3127">
                  <c:v>51.018186068916748</c:v>
                </c:pt>
                <c:pt idx="3128">
                  <c:v>51.122359532930695</c:v>
                </c:pt>
                <c:pt idx="3129">
                  <c:v>50.845760609761371</c:v>
                </c:pt>
                <c:pt idx="3130">
                  <c:v>50.469908800319978</c:v>
                </c:pt>
                <c:pt idx="3131">
                  <c:v>50.340484193831962</c:v>
                </c:pt>
                <c:pt idx="3132">
                  <c:v>49.668180294952982</c:v>
                </c:pt>
                <c:pt idx="3133">
                  <c:v>48.817901052286217</c:v>
                </c:pt>
                <c:pt idx="3134">
                  <c:v>48.159526950180734</c:v>
                </c:pt>
                <c:pt idx="3135">
                  <c:v>47.620818382586961</c:v>
                </c:pt>
                <c:pt idx="3136">
                  <c:v>47.120774344045337</c:v>
                </c:pt>
                <c:pt idx="3137">
                  <c:v>45.748842662857264</c:v>
                </c:pt>
                <c:pt idx="3138">
                  <c:v>44.520456246247555</c:v>
                </c:pt>
                <c:pt idx="3139">
                  <c:v>43.66995842804743</c:v>
                </c:pt>
                <c:pt idx="3140">
                  <c:v>42.833255915196531</c:v>
                </c:pt>
                <c:pt idx="3141">
                  <c:v>42.649595038141328</c:v>
                </c:pt>
                <c:pt idx="3142">
                  <c:v>42.624046198301372</c:v>
                </c:pt>
                <c:pt idx="3143">
                  <c:v>42.57575548037039</c:v>
                </c:pt>
                <c:pt idx="3144">
                  <c:v>47.069269894984039</c:v>
                </c:pt>
                <c:pt idx="3145">
                  <c:v>46.613031166710357</c:v>
                </c:pt>
                <c:pt idx="3146">
                  <c:v>46.454143661004224</c:v>
                </c:pt>
                <c:pt idx="3147">
                  <c:v>46.605481798445773</c:v>
                </c:pt>
                <c:pt idx="3148">
                  <c:v>47.269064153037192</c:v>
                </c:pt>
                <c:pt idx="3149">
                  <c:v>48.186259440082338</c:v>
                </c:pt>
                <c:pt idx="3150">
                  <c:v>48.727481724378457</c:v>
                </c:pt>
                <c:pt idx="3151">
                  <c:v>49.213478126788665</c:v>
                </c:pt>
                <c:pt idx="3152">
                  <c:v>49.40274610175971</c:v>
                </c:pt>
                <c:pt idx="3153">
                  <c:v>49.118959291578477</c:v>
                </c:pt>
                <c:pt idx="3154">
                  <c:v>48.936325095813075</c:v>
                </c:pt>
                <c:pt idx="3155">
                  <c:v>48.766533664049319</c:v>
                </c:pt>
                <c:pt idx="3156">
                  <c:v>48.141052453404157</c:v>
                </c:pt>
                <c:pt idx="3157">
                  <c:v>47.368377253495126</c:v>
                </c:pt>
                <c:pt idx="3158">
                  <c:v>46.62810154176956</c:v>
                </c:pt>
                <c:pt idx="3159">
                  <c:v>46.415032664358215</c:v>
                </c:pt>
                <c:pt idx="3160">
                  <c:v>45.954151932310729</c:v>
                </c:pt>
                <c:pt idx="3161">
                  <c:v>44.947846063861647</c:v>
                </c:pt>
                <c:pt idx="3162">
                  <c:v>43.745318462659846</c:v>
                </c:pt>
                <c:pt idx="3163">
                  <c:v>43.065277629307971</c:v>
                </c:pt>
                <c:pt idx="3164">
                  <c:v>42.408016724705298</c:v>
                </c:pt>
                <c:pt idx="3165">
                  <c:v>42.375042612742149</c:v>
                </c:pt>
                <c:pt idx="3166">
                  <c:v>42.377166369039386</c:v>
                </c:pt>
                <c:pt idx="3167">
                  <c:v>42.205379729439045</c:v>
                </c:pt>
                <c:pt idx="3168">
                  <c:v>48.597447463968734</c:v>
                </c:pt>
                <c:pt idx="3169">
                  <c:v>47.763567466563615</c:v>
                </c:pt>
                <c:pt idx="3170">
                  <c:v>47.16219736929159</c:v>
                </c:pt>
                <c:pt idx="3171">
                  <c:v>46.785378092445477</c:v>
                </c:pt>
                <c:pt idx="3172">
                  <c:v>45.415710052757774</c:v>
                </c:pt>
                <c:pt idx="3173">
                  <c:v>44.413255165894768</c:v>
                </c:pt>
                <c:pt idx="3174">
                  <c:v>44.05176591081554</c:v>
                </c:pt>
                <c:pt idx="3175">
                  <c:v>44.038938739738271</c:v>
                </c:pt>
                <c:pt idx="3176">
                  <c:v>43.788140124186455</c:v>
                </c:pt>
                <c:pt idx="3177">
                  <c:v>43.248646242003637</c:v>
                </c:pt>
                <c:pt idx="3178">
                  <c:v>43.491722476478628</c:v>
                </c:pt>
                <c:pt idx="3179">
                  <c:v>44.008619524187509</c:v>
                </c:pt>
                <c:pt idx="3180">
                  <c:v>44.131303181987263</c:v>
                </c:pt>
                <c:pt idx="3181">
                  <c:v>43.957299895410749</c:v>
                </c:pt>
                <c:pt idx="3182">
                  <c:v>44.12098935495122</c:v>
                </c:pt>
                <c:pt idx="3183">
                  <c:v>44.507951721215129</c:v>
                </c:pt>
                <c:pt idx="3184">
                  <c:v>44.264405109995614</c:v>
                </c:pt>
                <c:pt idx="3185">
                  <c:v>44.390979682958765</c:v>
                </c:pt>
                <c:pt idx="3186">
                  <c:v>44.103065651258611</c:v>
                </c:pt>
                <c:pt idx="3187">
                  <c:v>43.861887575828106</c:v>
                </c:pt>
                <c:pt idx="3188">
                  <c:v>43.722750087724592</c:v>
                </c:pt>
                <c:pt idx="3189">
                  <c:v>44.653081501500424</c:v>
                </c:pt>
                <c:pt idx="3190">
                  <c:v>44.891688686172614</c:v>
                </c:pt>
                <c:pt idx="3191">
                  <c:v>44.887772783102768</c:v>
                </c:pt>
                <c:pt idx="3192">
                  <c:v>42.640798843954279</c:v>
                </c:pt>
                <c:pt idx="3193">
                  <c:v>42.956096463313159</c:v>
                </c:pt>
                <c:pt idx="3194">
                  <c:v>43.815332164047362</c:v>
                </c:pt>
                <c:pt idx="3195">
                  <c:v>45.062446800791477</c:v>
                </c:pt>
                <c:pt idx="3196">
                  <c:v>48.447436098059306</c:v>
                </c:pt>
                <c:pt idx="3197">
                  <c:v>54.314191018819848</c:v>
                </c:pt>
                <c:pt idx="3198">
                  <c:v>59.264777098460151</c:v>
                </c:pt>
                <c:pt idx="3199">
                  <c:v>62.712811864392734</c:v>
                </c:pt>
                <c:pt idx="3200">
                  <c:v>64.934832515342961</c:v>
                </c:pt>
                <c:pt idx="3201">
                  <c:v>66.121066255915267</c:v>
                </c:pt>
                <c:pt idx="3202">
                  <c:v>67.063450078372185</c:v>
                </c:pt>
                <c:pt idx="3203">
                  <c:v>68.360723171178961</c:v>
                </c:pt>
                <c:pt idx="3204">
                  <c:v>68.854498971812049</c:v>
                </c:pt>
                <c:pt idx="3205">
                  <c:v>69.448402568876602</c:v>
                </c:pt>
                <c:pt idx="3206">
                  <c:v>70.095735252597748</c:v>
                </c:pt>
                <c:pt idx="3207">
                  <c:v>70.455908033359037</c:v>
                </c:pt>
                <c:pt idx="3208">
                  <c:v>69.880226170786571</c:v>
                </c:pt>
                <c:pt idx="3209">
                  <c:v>68.508791541031215</c:v>
                </c:pt>
                <c:pt idx="3210">
                  <c:v>67.134553205408011</c:v>
                </c:pt>
                <c:pt idx="3211">
                  <c:v>65.592771251232179</c:v>
                </c:pt>
                <c:pt idx="3212">
                  <c:v>63.701908498904537</c:v>
                </c:pt>
                <c:pt idx="3213">
                  <c:v>62.1460263241568</c:v>
                </c:pt>
                <c:pt idx="3214">
                  <c:v>61.200435733447762</c:v>
                </c:pt>
                <c:pt idx="3215">
                  <c:v>60.604376390073845</c:v>
                </c:pt>
                <c:pt idx="3216">
                  <c:v>59.530593210424556</c:v>
                </c:pt>
                <c:pt idx="3217">
                  <c:v>59.211201379473408</c:v>
                </c:pt>
                <c:pt idx="3218">
                  <c:v>59.258934164918578</c:v>
                </c:pt>
                <c:pt idx="3219">
                  <c:v>60.003091691031564</c:v>
                </c:pt>
                <c:pt idx="3220">
                  <c:v>61.658908506086163</c:v>
                </c:pt>
                <c:pt idx="3221">
                  <c:v>65.509497071993977</c:v>
                </c:pt>
                <c:pt idx="3222">
                  <c:v>68.595237556448268</c:v>
                </c:pt>
                <c:pt idx="3223">
                  <c:v>70.696655469484938</c:v>
                </c:pt>
                <c:pt idx="3224">
                  <c:v>71.339911299774883</c:v>
                </c:pt>
                <c:pt idx="3225">
                  <c:v>71.747388560711968</c:v>
                </c:pt>
                <c:pt idx="3226">
                  <c:v>72.595127353146964</c:v>
                </c:pt>
                <c:pt idx="3227">
                  <c:v>73.076479260838241</c:v>
                </c:pt>
                <c:pt idx="3228">
                  <c:v>72.460296120793217</c:v>
                </c:pt>
                <c:pt idx="3229">
                  <c:v>71.940695044249921</c:v>
                </c:pt>
                <c:pt idx="3230">
                  <c:v>71.940079231613439</c:v>
                </c:pt>
                <c:pt idx="3231">
                  <c:v>72.036825874018618</c:v>
                </c:pt>
                <c:pt idx="3232">
                  <c:v>70.909675783272746</c:v>
                </c:pt>
                <c:pt idx="3233">
                  <c:v>69.028402816720018</c:v>
                </c:pt>
                <c:pt idx="3234">
                  <c:v>67.802170479251657</c:v>
                </c:pt>
                <c:pt idx="3235">
                  <c:v>65.995694750617687</c:v>
                </c:pt>
                <c:pt idx="3236">
                  <c:v>63.966697537304313</c:v>
                </c:pt>
                <c:pt idx="3237">
                  <c:v>62.352591579149944</c:v>
                </c:pt>
                <c:pt idx="3238">
                  <c:v>61.621842634248416</c:v>
                </c:pt>
                <c:pt idx="3239">
                  <c:v>61.136424111498954</c:v>
                </c:pt>
                <c:pt idx="3240">
                  <c:v>60.444491172573855</c:v>
                </c:pt>
                <c:pt idx="3241">
                  <c:v>59.383839726177165</c:v>
                </c:pt>
                <c:pt idx="3242">
                  <c:v>59.611064723323203</c:v>
                </c:pt>
                <c:pt idx="3243">
                  <c:v>60.47153326538232</c:v>
                </c:pt>
                <c:pt idx="3244">
                  <c:v>61.787858106986704</c:v>
                </c:pt>
                <c:pt idx="3245">
                  <c:v>64.766834014901463</c:v>
                </c:pt>
                <c:pt idx="3246">
                  <c:v>67.46195477836018</c:v>
                </c:pt>
                <c:pt idx="3247">
                  <c:v>69.545361020074381</c:v>
                </c:pt>
                <c:pt idx="3248">
                  <c:v>70.556851977180884</c:v>
                </c:pt>
                <c:pt idx="3249">
                  <c:v>70.951000229855069</c:v>
                </c:pt>
                <c:pt idx="3250">
                  <c:v>71.260262249891326</c:v>
                </c:pt>
                <c:pt idx="3251">
                  <c:v>71.874423938913878</c:v>
                </c:pt>
                <c:pt idx="3252">
                  <c:v>71.282245252716649</c:v>
                </c:pt>
                <c:pt idx="3253">
                  <c:v>70.987846878906012</c:v>
                </c:pt>
                <c:pt idx="3254">
                  <c:v>71.253460753583582</c:v>
                </c:pt>
                <c:pt idx="3255">
                  <c:v>70.195125258535413</c:v>
                </c:pt>
                <c:pt idx="3256">
                  <c:v>68.495595690458202</c:v>
                </c:pt>
                <c:pt idx="3257">
                  <c:v>66.777138607020945</c:v>
                </c:pt>
                <c:pt idx="3258">
                  <c:v>65.559683104976941</c:v>
                </c:pt>
                <c:pt idx="3259">
                  <c:v>64.07551586869829</c:v>
                </c:pt>
                <c:pt idx="3260">
                  <c:v>61.656361171431207</c:v>
                </c:pt>
                <c:pt idx="3261">
                  <c:v>60.040493467803294</c:v>
                </c:pt>
                <c:pt idx="3262">
                  <c:v>59.613091587738289</c:v>
                </c:pt>
                <c:pt idx="3263">
                  <c:v>58.888785443043105</c:v>
                </c:pt>
                <c:pt idx="3264">
                  <c:v>47.98191557859078</c:v>
                </c:pt>
                <c:pt idx="3265">
                  <c:v>47.705166394549138</c:v>
                </c:pt>
                <c:pt idx="3266">
                  <c:v>47.991133272078962</c:v>
                </c:pt>
                <c:pt idx="3267">
                  <c:v>48.914430590188637</c:v>
                </c:pt>
                <c:pt idx="3268">
                  <c:v>50.729025603568942</c:v>
                </c:pt>
                <c:pt idx="3269">
                  <c:v>54.878306971951126</c:v>
                </c:pt>
                <c:pt idx="3270">
                  <c:v>58.107434261567619</c:v>
                </c:pt>
                <c:pt idx="3271">
                  <c:v>60.210730896431116</c:v>
                </c:pt>
                <c:pt idx="3272">
                  <c:v>60.826848408897639</c:v>
                </c:pt>
                <c:pt idx="3273">
                  <c:v>61.069703851486494</c:v>
                </c:pt>
                <c:pt idx="3274">
                  <c:v>60.84075464956782</c:v>
                </c:pt>
                <c:pt idx="3275">
                  <c:v>61.815138271387411</c:v>
                </c:pt>
                <c:pt idx="3276">
                  <c:v>61.823304884091577</c:v>
                </c:pt>
                <c:pt idx="3277">
                  <c:v>60.47968434400336</c:v>
                </c:pt>
                <c:pt idx="3278">
                  <c:v>60.776658002050347</c:v>
                </c:pt>
                <c:pt idx="3279">
                  <c:v>60.690131668362561</c:v>
                </c:pt>
                <c:pt idx="3280">
                  <c:v>60.017605506566852</c:v>
                </c:pt>
                <c:pt idx="3281">
                  <c:v>58.525424585925158</c:v>
                </c:pt>
                <c:pt idx="3282">
                  <c:v>57.20860057460397</c:v>
                </c:pt>
                <c:pt idx="3283">
                  <c:v>55.80542133987435</c:v>
                </c:pt>
                <c:pt idx="3284">
                  <c:v>54.56601043153907</c:v>
                </c:pt>
                <c:pt idx="3285">
                  <c:v>53.676594576680124</c:v>
                </c:pt>
                <c:pt idx="3286">
                  <c:v>53.570763359249156</c:v>
                </c:pt>
                <c:pt idx="3287">
                  <c:v>53.108381705260292</c:v>
                </c:pt>
                <c:pt idx="3288">
                  <c:v>47.765230770669447</c:v>
                </c:pt>
                <c:pt idx="3289">
                  <c:v>47.375363864293526</c:v>
                </c:pt>
                <c:pt idx="3290">
                  <c:v>47.804138470886592</c:v>
                </c:pt>
                <c:pt idx="3291">
                  <c:v>48.673006538828147</c:v>
                </c:pt>
                <c:pt idx="3292">
                  <c:v>50.81930381060787</c:v>
                </c:pt>
                <c:pt idx="3293">
                  <c:v>54.522527904612176</c:v>
                </c:pt>
                <c:pt idx="3294">
                  <c:v>58.105003903265938</c:v>
                </c:pt>
                <c:pt idx="3295">
                  <c:v>60.018132567023812</c:v>
                </c:pt>
                <c:pt idx="3296">
                  <c:v>60.626371847624917</c:v>
                </c:pt>
                <c:pt idx="3297">
                  <c:v>60.960058173255817</c:v>
                </c:pt>
                <c:pt idx="3298">
                  <c:v>60.605860777631293</c:v>
                </c:pt>
                <c:pt idx="3299">
                  <c:v>61.222665124091641</c:v>
                </c:pt>
                <c:pt idx="3300">
                  <c:v>61.579436274080699</c:v>
                </c:pt>
                <c:pt idx="3301">
                  <c:v>60.151459582327647</c:v>
                </c:pt>
                <c:pt idx="3302">
                  <c:v>60.36621375084885</c:v>
                </c:pt>
                <c:pt idx="3303">
                  <c:v>60.298653591205266</c:v>
                </c:pt>
                <c:pt idx="3304">
                  <c:v>59.522263705598654</c:v>
                </c:pt>
                <c:pt idx="3305">
                  <c:v>58.284940876165152</c:v>
                </c:pt>
                <c:pt idx="3306">
                  <c:v>57.127453034882976</c:v>
                </c:pt>
                <c:pt idx="3307">
                  <c:v>55.596040512699851</c:v>
                </c:pt>
                <c:pt idx="3308">
                  <c:v>54.253192145993971</c:v>
                </c:pt>
                <c:pt idx="3309">
                  <c:v>53.471575433688379</c:v>
                </c:pt>
                <c:pt idx="3310">
                  <c:v>53.296780006940857</c:v>
                </c:pt>
                <c:pt idx="3311">
                  <c:v>52.953621734892934</c:v>
                </c:pt>
                <c:pt idx="3312">
                  <c:v>52.295695434115721</c:v>
                </c:pt>
                <c:pt idx="3313">
                  <c:v>51.475224488651861</c:v>
                </c:pt>
                <c:pt idx="3314">
                  <c:v>51.248455550219184</c:v>
                </c:pt>
                <c:pt idx="3315">
                  <c:v>50.86312171289773</c:v>
                </c:pt>
                <c:pt idx="3316">
                  <c:v>49.950248058775543</c:v>
                </c:pt>
                <c:pt idx="3317">
                  <c:v>49.601808826102562</c:v>
                </c:pt>
                <c:pt idx="3318">
                  <c:v>49.857811771392065</c:v>
                </c:pt>
                <c:pt idx="3319">
                  <c:v>50.058232119682152</c:v>
                </c:pt>
                <c:pt idx="3320">
                  <c:v>49.814945135556599</c:v>
                </c:pt>
                <c:pt idx="3321">
                  <c:v>49.412872970613421</c:v>
                </c:pt>
                <c:pt idx="3322">
                  <c:v>49.045573419258197</c:v>
                </c:pt>
                <c:pt idx="3323">
                  <c:v>48.468533324712517</c:v>
                </c:pt>
                <c:pt idx="3324">
                  <c:v>47.311548340530514</c:v>
                </c:pt>
                <c:pt idx="3325">
                  <c:v>45.98432871287195</c:v>
                </c:pt>
                <c:pt idx="3326">
                  <c:v>45.602207606380013</c:v>
                </c:pt>
                <c:pt idx="3327">
                  <c:v>45.507952634831902</c:v>
                </c:pt>
                <c:pt idx="3328">
                  <c:v>44.578689130430156</c:v>
                </c:pt>
                <c:pt idx="3329">
                  <c:v>43.761198512574815</c:v>
                </c:pt>
                <c:pt idx="3330">
                  <c:v>43.13811908301021</c:v>
                </c:pt>
                <c:pt idx="3331">
                  <c:v>42.287546418773175</c:v>
                </c:pt>
                <c:pt idx="3332">
                  <c:v>41.639587860566273</c:v>
                </c:pt>
                <c:pt idx="3333">
                  <c:v>41.368170534808421</c:v>
                </c:pt>
                <c:pt idx="3334">
                  <c:v>41.502588937134703</c:v>
                </c:pt>
                <c:pt idx="3335">
                  <c:v>41.494346085817988</c:v>
                </c:pt>
                <c:pt idx="3336">
                  <c:v>49.211799190530996</c:v>
                </c:pt>
                <c:pt idx="3337">
                  <c:v>48.163507343232077</c:v>
                </c:pt>
                <c:pt idx="3338">
                  <c:v>47.672308905891924</c:v>
                </c:pt>
                <c:pt idx="3339">
                  <c:v>47.466319922232728</c:v>
                </c:pt>
                <c:pt idx="3340">
                  <c:v>46.065269209939494</c:v>
                </c:pt>
                <c:pt idx="3341">
                  <c:v>45.225818301971273</c:v>
                </c:pt>
                <c:pt idx="3342">
                  <c:v>44.830630305255553</c:v>
                </c:pt>
                <c:pt idx="3343">
                  <c:v>44.901069624829887</c:v>
                </c:pt>
                <c:pt idx="3344">
                  <c:v>44.631580388685791</c:v>
                </c:pt>
                <c:pt idx="3345">
                  <c:v>44.198872501248054</c:v>
                </c:pt>
                <c:pt idx="3346">
                  <c:v>44.171821778393408</c:v>
                </c:pt>
                <c:pt idx="3347">
                  <c:v>44.39411686165667</c:v>
                </c:pt>
                <c:pt idx="3348">
                  <c:v>44.277341274633457</c:v>
                </c:pt>
                <c:pt idx="3349">
                  <c:v>44.25380184297881</c:v>
                </c:pt>
                <c:pt idx="3350">
                  <c:v>44.289174637051389</c:v>
                </c:pt>
                <c:pt idx="3351">
                  <c:v>44.52557192187443</c:v>
                </c:pt>
                <c:pt idx="3352">
                  <c:v>44.627069581227715</c:v>
                </c:pt>
                <c:pt idx="3353">
                  <c:v>44.170766872929825</c:v>
                </c:pt>
                <c:pt idx="3354">
                  <c:v>44.022798140883502</c:v>
                </c:pt>
                <c:pt idx="3355">
                  <c:v>43.882571933226366</c:v>
                </c:pt>
                <c:pt idx="3356">
                  <c:v>43.685206660513003</c:v>
                </c:pt>
                <c:pt idx="3357">
                  <c:v>44.568318207793112</c:v>
                </c:pt>
                <c:pt idx="3358">
                  <c:v>45.194155545139566</c:v>
                </c:pt>
                <c:pt idx="3359">
                  <c:v>45.161808111825593</c:v>
                </c:pt>
                <c:pt idx="3360">
                  <c:v>42.321966985318035</c:v>
                </c:pt>
                <c:pt idx="3361">
                  <c:v>42.666404504802848</c:v>
                </c:pt>
                <c:pt idx="3362">
                  <c:v>43.302587325763852</c:v>
                </c:pt>
                <c:pt idx="3363">
                  <c:v>44.727943013649508</c:v>
                </c:pt>
                <c:pt idx="3364">
                  <c:v>47.437324065423113</c:v>
                </c:pt>
                <c:pt idx="3365">
                  <c:v>53.439152624766479</c:v>
                </c:pt>
                <c:pt idx="3366">
                  <c:v>58.233815305745082</c:v>
                </c:pt>
                <c:pt idx="3367">
                  <c:v>61.704102841901204</c:v>
                </c:pt>
                <c:pt idx="3368">
                  <c:v>64.376914367175118</c:v>
                </c:pt>
                <c:pt idx="3369">
                  <c:v>65.90033170075327</c:v>
                </c:pt>
                <c:pt idx="3370">
                  <c:v>66.892744214760228</c:v>
                </c:pt>
                <c:pt idx="3371">
                  <c:v>67.381761760974655</c:v>
                </c:pt>
                <c:pt idx="3372">
                  <c:v>67.568777117367944</c:v>
                </c:pt>
                <c:pt idx="3373">
                  <c:v>67.512595614777084</c:v>
                </c:pt>
                <c:pt idx="3374">
                  <c:v>67.23644221774201</c:v>
                </c:pt>
                <c:pt idx="3375">
                  <c:v>67.555257424311861</c:v>
                </c:pt>
                <c:pt idx="3376">
                  <c:v>66.647373290232323</c:v>
                </c:pt>
                <c:pt idx="3377">
                  <c:v>64.989223714852898</c:v>
                </c:pt>
                <c:pt idx="3378">
                  <c:v>64.214854123058046</c:v>
                </c:pt>
                <c:pt idx="3379">
                  <c:v>62.982368905240605</c:v>
                </c:pt>
                <c:pt idx="3380">
                  <c:v>61.219816502756139</c:v>
                </c:pt>
                <c:pt idx="3381">
                  <c:v>59.975812095429362</c:v>
                </c:pt>
                <c:pt idx="3382">
                  <c:v>59.726061775510288</c:v>
                </c:pt>
                <c:pt idx="3383">
                  <c:v>59.595884962428613</c:v>
                </c:pt>
                <c:pt idx="3384">
                  <c:v>58.257903608337053</c:v>
                </c:pt>
                <c:pt idx="3385">
                  <c:v>57.466572523771632</c:v>
                </c:pt>
                <c:pt idx="3386">
                  <c:v>57.709015607062803</c:v>
                </c:pt>
                <c:pt idx="3387">
                  <c:v>58.691752113287968</c:v>
                </c:pt>
                <c:pt idx="3388">
                  <c:v>60.34717955634973</c:v>
                </c:pt>
                <c:pt idx="3389">
                  <c:v>63.579102490586394</c:v>
                </c:pt>
                <c:pt idx="3390">
                  <c:v>66.313702930186864</c:v>
                </c:pt>
                <c:pt idx="3391">
                  <c:v>68.316014236234295</c:v>
                </c:pt>
                <c:pt idx="3392">
                  <c:v>69.556739598672138</c:v>
                </c:pt>
                <c:pt idx="3393">
                  <c:v>69.940561275378428</c:v>
                </c:pt>
                <c:pt idx="3394">
                  <c:v>69.122699683219622</c:v>
                </c:pt>
                <c:pt idx="3395">
                  <c:v>69.567368559690081</c:v>
                </c:pt>
                <c:pt idx="3396">
                  <c:v>69.525062935697832</c:v>
                </c:pt>
                <c:pt idx="3397">
                  <c:v>68.838097824017495</c:v>
                </c:pt>
                <c:pt idx="3398">
                  <c:v>68.926679050156721</c:v>
                </c:pt>
                <c:pt idx="3399">
                  <c:v>68.47407408128386</c:v>
                </c:pt>
                <c:pt idx="3400">
                  <c:v>67.491205025394819</c:v>
                </c:pt>
                <c:pt idx="3401">
                  <c:v>65.587372000133186</c:v>
                </c:pt>
                <c:pt idx="3402">
                  <c:v>64.456932410374264</c:v>
                </c:pt>
                <c:pt idx="3403">
                  <c:v>62.921506779419254</c:v>
                </c:pt>
                <c:pt idx="3404">
                  <c:v>61.410666365192768</c:v>
                </c:pt>
                <c:pt idx="3405">
                  <c:v>59.795258289979131</c:v>
                </c:pt>
                <c:pt idx="3406">
                  <c:v>58.628430071256766</c:v>
                </c:pt>
                <c:pt idx="3407">
                  <c:v>57.948796811449675</c:v>
                </c:pt>
                <c:pt idx="3408">
                  <c:v>56.721349010431226</c:v>
                </c:pt>
                <c:pt idx="3409">
                  <c:v>56.645535721870452</c:v>
                </c:pt>
                <c:pt idx="3410">
                  <c:v>56.487795168915959</c:v>
                </c:pt>
                <c:pt idx="3411">
                  <c:v>56.926487797245066</c:v>
                </c:pt>
                <c:pt idx="3412">
                  <c:v>58.687837524338782</c:v>
                </c:pt>
                <c:pt idx="3413">
                  <c:v>61.626027559394331</c:v>
                </c:pt>
                <c:pt idx="3414">
                  <c:v>64.246700033006277</c:v>
                </c:pt>
                <c:pt idx="3415">
                  <c:v>66.462922214766508</c:v>
                </c:pt>
                <c:pt idx="3416">
                  <c:v>67.159382279782449</c:v>
                </c:pt>
                <c:pt idx="3417">
                  <c:v>66.793610050464423</c:v>
                </c:pt>
                <c:pt idx="3418">
                  <c:v>66.715935417851654</c:v>
                </c:pt>
                <c:pt idx="3419">
                  <c:v>67.723347364015439</c:v>
                </c:pt>
                <c:pt idx="3420">
                  <c:v>67.655997385223912</c:v>
                </c:pt>
                <c:pt idx="3421">
                  <c:v>67.085391068563581</c:v>
                </c:pt>
                <c:pt idx="3422">
                  <c:v>66.683153599008492</c:v>
                </c:pt>
                <c:pt idx="3423">
                  <c:v>66.058286023874516</c:v>
                </c:pt>
                <c:pt idx="3424">
                  <c:v>65.155938770516869</c:v>
                </c:pt>
                <c:pt idx="3425">
                  <c:v>63.11052105064622</c:v>
                </c:pt>
                <c:pt idx="3426">
                  <c:v>63.037095715478394</c:v>
                </c:pt>
                <c:pt idx="3427">
                  <c:v>62.079782266170056</c:v>
                </c:pt>
                <c:pt idx="3428">
                  <c:v>59.976105301248474</c:v>
                </c:pt>
                <c:pt idx="3429">
                  <c:v>58.119028963981073</c:v>
                </c:pt>
                <c:pt idx="3430">
                  <c:v>58.460644693728526</c:v>
                </c:pt>
                <c:pt idx="3431">
                  <c:v>58.615704617042013</c:v>
                </c:pt>
                <c:pt idx="3432">
                  <c:v>57.513414904201753</c:v>
                </c:pt>
                <c:pt idx="3433">
                  <c:v>57.495662036196094</c:v>
                </c:pt>
                <c:pt idx="3434">
                  <c:v>57.711033154950762</c:v>
                </c:pt>
                <c:pt idx="3435">
                  <c:v>58.450427170162413</c:v>
                </c:pt>
                <c:pt idx="3436">
                  <c:v>59.779397893032986</c:v>
                </c:pt>
                <c:pt idx="3437">
                  <c:v>62.571836882546663</c:v>
                </c:pt>
                <c:pt idx="3438">
                  <c:v>65.89232446931112</c:v>
                </c:pt>
                <c:pt idx="3439">
                  <c:v>67.854132869945474</c:v>
                </c:pt>
                <c:pt idx="3440">
                  <c:v>68.407167588797535</c:v>
                </c:pt>
                <c:pt idx="3441">
                  <c:v>68.901691790958466</c:v>
                </c:pt>
                <c:pt idx="3442">
                  <c:v>69.247468458246175</c:v>
                </c:pt>
                <c:pt idx="3443">
                  <c:v>70.243395990063973</c:v>
                </c:pt>
                <c:pt idx="3444">
                  <c:v>69.426858933470768</c:v>
                </c:pt>
                <c:pt idx="3445">
                  <c:v>68.680330576761037</c:v>
                </c:pt>
                <c:pt idx="3446">
                  <c:v>68.831204456945358</c:v>
                </c:pt>
                <c:pt idx="3447">
                  <c:v>68.288032213713919</c:v>
                </c:pt>
                <c:pt idx="3448">
                  <c:v>67.564433124779882</c:v>
                </c:pt>
                <c:pt idx="3449">
                  <c:v>65.965195696672708</c:v>
                </c:pt>
                <c:pt idx="3450">
                  <c:v>64.892077913197966</c:v>
                </c:pt>
                <c:pt idx="3451">
                  <c:v>64.062033755570596</c:v>
                </c:pt>
                <c:pt idx="3452">
                  <c:v>62.168707144671082</c:v>
                </c:pt>
                <c:pt idx="3453">
                  <c:v>60.258573538441468</c:v>
                </c:pt>
                <c:pt idx="3454">
                  <c:v>60.126832215669026</c:v>
                </c:pt>
                <c:pt idx="3455">
                  <c:v>59.455298293433351</c:v>
                </c:pt>
                <c:pt idx="3456">
                  <c:v>58.8380935324438</c:v>
                </c:pt>
                <c:pt idx="3457">
                  <c:v>58.325005689051935</c:v>
                </c:pt>
                <c:pt idx="3458">
                  <c:v>57.779854556616705</c:v>
                </c:pt>
                <c:pt idx="3459">
                  <c:v>58.43103616248105</c:v>
                </c:pt>
                <c:pt idx="3460">
                  <c:v>59.584158024171117</c:v>
                </c:pt>
                <c:pt idx="3461">
                  <c:v>61.90256936734891</c:v>
                </c:pt>
                <c:pt idx="3462">
                  <c:v>65.136996446782121</c:v>
                </c:pt>
                <c:pt idx="3463">
                  <c:v>66.653323922827525</c:v>
                </c:pt>
                <c:pt idx="3464">
                  <c:v>67.257871406967197</c:v>
                </c:pt>
                <c:pt idx="3465">
                  <c:v>67.557600069962334</c:v>
                </c:pt>
                <c:pt idx="3466">
                  <c:v>67.896865681223872</c:v>
                </c:pt>
                <c:pt idx="3467">
                  <c:v>68.206055169644685</c:v>
                </c:pt>
                <c:pt idx="3468">
                  <c:v>66.843668103785248</c:v>
                </c:pt>
                <c:pt idx="3469">
                  <c:v>65.832467979235147</c:v>
                </c:pt>
                <c:pt idx="3470">
                  <c:v>65.809140022939502</c:v>
                </c:pt>
                <c:pt idx="3471">
                  <c:v>65.761881713510789</c:v>
                </c:pt>
                <c:pt idx="3472">
                  <c:v>64.880681231116952</c:v>
                </c:pt>
                <c:pt idx="3473">
                  <c:v>63.62051529707341</c:v>
                </c:pt>
                <c:pt idx="3474">
                  <c:v>62.432037567969523</c:v>
                </c:pt>
                <c:pt idx="3475">
                  <c:v>60.838567227066221</c:v>
                </c:pt>
                <c:pt idx="3476">
                  <c:v>58.626965160144458</c:v>
                </c:pt>
                <c:pt idx="3477">
                  <c:v>56.611478637179893</c:v>
                </c:pt>
                <c:pt idx="3478">
                  <c:v>56.350934757725653</c:v>
                </c:pt>
                <c:pt idx="3479">
                  <c:v>55.878321517118138</c:v>
                </c:pt>
                <c:pt idx="3480">
                  <c:v>54.897177803598737</c:v>
                </c:pt>
                <c:pt idx="3481">
                  <c:v>53.664691075523208</c:v>
                </c:pt>
                <c:pt idx="3482">
                  <c:v>53.061347208233883</c:v>
                </c:pt>
                <c:pt idx="3483">
                  <c:v>52.194623314494287</c:v>
                </c:pt>
                <c:pt idx="3484">
                  <c:v>50.649797856849119</c:v>
                </c:pt>
                <c:pt idx="3485">
                  <c:v>50.21084095296937</c:v>
                </c:pt>
                <c:pt idx="3486">
                  <c:v>49.620729064764568</c:v>
                </c:pt>
                <c:pt idx="3487">
                  <c:v>49.745140124376796</c:v>
                </c:pt>
                <c:pt idx="3488">
                  <c:v>49.981220058865162</c:v>
                </c:pt>
                <c:pt idx="3489">
                  <c:v>49.532410937351514</c:v>
                </c:pt>
                <c:pt idx="3490">
                  <c:v>49.560768504177098</c:v>
                </c:pt>
                <c:pt idx="3491">
                  <c:v>49.368811387201291</c:v>
                </c:pt>
                <c:pt idx="3492">
                  <c:v>47.837562875123147</c:v>
                </c:pt>
                <c:pt idx="3493">
                  <c:v>47.085243855492479</c:v>
                </c:pt>
                <c:pt idx="3494">
                  <c:v>46.936174204145431</c:v>
                </c:pt>
                <c:pt idx="3495">
                  <c:v>46.939506264977169</c:v>
                </c:pt>
                <c:pt idx="3496">
                  <c:v>46.18476200623131</c:v>
                </c:pt>
                <c:pt idx="3497">
                  <c:v>44.74896582576811</c:v>
                </c:pt>
                <c:pt idx="3498">
                  <c:v>43.956121442990543</c:v>
                </c:pt>
                <c:pt idx="3499">
                  <c:v>43.570745906855038</c:v>
                </c:pt>
                <c:pt idx="3500">
                  <c:v>42.771264253625851</c:v>
                </c:pt>
                <c:pt idx="3501">
                  <c:v>42.208481269968971</c:v>
                </c:pt>
                <c:pt idx="3502">
                  <c:v>42.101129732606445</c:v>
                </c:pt>
                <c:pt idx="3503">
                  <c:v>41.740540689412953</c:v>
                </c:pt>
                <c:pt idx="3504">
                  <c:v>40.999910027810579</c:v>
                </c:pt>
                <c:pt idx="3505">
                  <c:v>40.815211446542946</c:v>
                </c:pt>
                <c:pt idx="3506">
                  <c:v>40.646760182496628</c:v>
                </c:pt>
                <c:pt idx="3507">
                  <c:v>40.554023216458596</c:v>
                </c:pt>
                <c:pt idx="3508">
                  <c:v>40.186359104493313</c:v>
                </c:pt>
                <c:pt idx="3509">
                  <c:v>39.985594848862782</c:v>
                </c:pt>
                <c:pt idx="3510">
                  <c:v>39.860914198376001</c:v>
                </c:pt>
                <c:pt idx="3511">
                  <c:v>39.954308891615725</c:v>
                </c:pt>
                <c:pt idx="3512">
                  <c:v>39.940875675545151</c:v>
                </c:pt>
                <c:pt idx="3513">
                  <c:v>39.871590781557892</c:v>
                </c:pt>
                <c:pt idx="3514">
                  <c:v>39.952316606226596</c:v>
                </c:pt>
                <c:pt idx="3515">
                  <c:v>40.326646232431017</c:v>
                </c:pt>
                <c:pt idx="3516">
                  <c:v>40.556437079603811</c:v>
                </c:pt>
                <c:pt idx="3517">
                  <c:v>40.666714712580067</c:v>
                </c:pt>
                <c:pt idx="3518">
                  <c:v>40.625094471164772</c:v>
                </c:pt>
                <c:pt idx="3519">
                  <c:v>40.798582367460412</c:v>
                </c:pt>
                <c:pt idx="3520">
                  <c:v>40.764011677339425</c:v>
                </c:pt>
                <c:pt idx="3521">
                  <c:v>40.729064305316243</c:v>
                </c:pt>
                <c:pt idx="3522">
                  <c:v>40.680572134648081</c:v>
                </c:pt>
                <c:pt idx="3523">
                  <c:v>40.676763911018114</c:v>
                </c:pt>
                <c:pt idx="3524">
                  <c:v>40.500500886075741</c:v>
                </c:pt>
                <c:pt idx="3525">
                  <c:v>40.332809713347096</c:v>
                </c:pt>
                <c:pt idx="3526">
                  <c:v>40.65614225875089</c:v>
                </c:pt>
                <c:pt idx="3527">
                  <c:v>40.998569899320614</c:v>
                </c:pt>
                <c:pt idx="3528">
                  <c:v>45.270264118576016</c:v>
                </c:pt>
                <c:pt idx="3529">
                  <c:v>45.76118384465191</c:v>
                </c:pt>
                <c:pt idx="3530">
                  <c:v>46.592866043886268</c:v>
                </c:pt>
                <c:pt idx="3531">
                  <c:v>47.674054391573911</c:v>
                </c:pt>
                <c:pt idx="3532">
                  <c:v>50.785181784819756</c:v>
                </c:pt>
                <c:pt idx="3533">
                  <c:v>56.179679493605363</c:v>
                </c:pt>
                <c:pt idx="3534">
                  <c:v>60.4793922561675</c:v>
                </c:pt>
                <c:pt idx="3535">
                  <c:v>63.747048916544664</c:v>
                </c:pt>
                <c:pt idx="3536">
                  <c:v>65.030044617854131</c:v>
                </c:pt>
                <c:pt idx="3537">
                  <c:v>66.257329860184456</c:v>
                </c:pt>
                <c:pt idx="3538">
                  <c:v>67.346690253582608</c:v>
                </c:pt>
                <c:pt idx="3539">
                  <c:v>68.530201979519688</c:v>
                </c:pt>
                <c:pt idx="3540">
                  <c:v>68.086750763338316</c:v>
                </c:pt>
                <c:pt idx="3541">
                  <c:v>68.614772528990983</c:v>
                </c:pt>
                <c:pt idx="3542">
                  <c:v>69.591239522414426</c:v>
                </c:pt>
                <c:pt idx="3543">
                  <c:v>69.569507065520824</c:v>
                </c:pt>
                <c:pt idx="3544">
                  <c:v>68.465692462747285</c:v>
                </c:pt>
                <c:pt idx="3545">
                  <c:v>66.849789493612448</c:v>
                </c:pt>
                <c:pt idx="3546">
                  <c:v>65.466962967528985</c:v>
                </c:pt>
                <c:pt idx="3547">
                  <c:v>64.236629494817663</c:v>
                </c:pt>
                <c:pt idx="3548">
                  <c:v>62.200054845975849</c:v>
                </c:pt>
                <c:pt idx="3549">
                  <c:v>60.026871194880066</c:v>
                </c:pt>
                <c:pt idx="3550">
                  <c:v>59.824680059181681</c:v>
                </c:pt>
                <c:pt idx="3551">
                  <c:v>59.674690189932754</c:v>
                </c:pt>
                <c:pt idx="3552">
                  <c:v>45.514756857449697</c:v>
                </c:pt>
                <c:pt idx="3553">
                  <c:v>46.164007941596374</c:v>
                </c:pt>
                <c:pt idx="3554">
                  <c:v>46.95875264092998</c:v>
                </c:pt>
                <c:pt idx="3555">
                  <c:v>48.104583035440186</c:v>
                </c:pt>
                <c:pt idx="3556">
                  <c:v>51.212127763081348</c:v>
                </c:pt>
                <c:pt idx="3557">
                  <c:v>56.595910877254354</c:v>
                </c:pt>
                <c:pt idx="3558">
                  <c:v>60.349810759362605</c:v>
                </c:pt>
                <c:pt idx="3559">
                  <c:v>63.451288917583561</c:v>
                </c:pt>
                <c:pt idx="3560">
                  <c:v>64.820273398772244</c:v>
                </c:pt>
                <c:pt idx="3561">
                  <c:v>65.97308542219055</c:v>
                </c:pt>
                <c:pt idx="3562">
                  <c:v>67.145923036277139</c:v>
                </c:pt>
                <c:pt idx="3563">
                  <c:v>68.503347923649343</c:v>
                </c:pt>
                <c:pt idx="3564">
                  <c:v>68.341341636934658</c:v>
                </c:pt>
                <c:pt idx="3565">
                  <c:v>68.697190136917911</c:v>
                </c:pt>
                <c:pt idx="3566">
                  <c:v>69.408964218887832</c:v>
                </c:pt>
                <c:pt idx="3567">
                  <c:v>69.398740026649662</c:v>
                </c:pt>
                <c:pt idx="3568">
                  <c:v>68.390471607243327</c:v>
                </c:pt>
                <c:pt idx="3569">
                  <c:v>66.885639352715359</c:v>
                </c:pt>
                <c:pt idx="3570">
                  <c:v>65.664366290900517</c:v>
                </c:pt>
                <c:pt idx="3571">
                  <c:v>64.351978456751652</c:v>
                </c:pt>
                <c:pt idx="3572">
                  <c:v>62.093809425555513</c:v>
                </c:pt>
                <c:pt idx="3573">
                  <c:v>59.916035021392013</c:v>
                </c:pt>
                <c:pt idx="3574">
                  <c:v>59.773356880317735</c:v>
                </c:pt>
                <c:pt idx="3575">
                  <c:v>59.645832708068198</c:v>
                </c:pt>
                <c:pt idx="3576">
                  <c:v>59.376277216705901</c:v>
                </c:pt>
                <c:pt idx="3577">
                  <c:v>58.653833651728441</c:v>
                </c:pt>
                <c:pt idx="3578">
                  <c:v>58.817846914524495</c:v>
                </c:pt>
                <c:pt idx="3579">
                  <c:v>59.434250571863259</c:v>
                </c:pt>
                <c:pt idx="3580">
                  <c:v>60.398887949093357</c:v>
                </c:pt>
                <c:pt idx="3581">
                  <c:v>62.344814789554668</c:v>
                </c:pt>
                <c:pt idx="3582">
                  <c:v>65.399391078868064</c:v>
                </c:pt>
                <c:pt idx="3583">
                  <c:v>67.477528402794391</c:v>
                </c:pt>
                <c:pt idx="3584">
                  <c:v>68.707622666316468</c:v>
                </c:pt>
                <c:pt idx="3585">
                  <c:v>69.529579176162244</c:v>
                </c:pt>
                <c:pt idx="3586">
                  <c:v>70.706476560111341</c:v>
                </c:pt>
                <c:pt idx="3587">
                  <c:v>71.484556914855489</c:v>
                </c:pt>
                <c:pt idx="3588">
                  <c:v>70.430533285087108</c:v>
                </c:pt>
                <c:pt idx="3589">
                  <c:v>70.030856369848635</c:v>
                </c:pt>
                <c:pt idx="3590">
                  <c:v>70.101364415972569</c:v>
                </c:pt>
                <c:pt idx="3591">
                  <c:v>69.885281200725274</c:v>
                </c:pt>
                <c:pt idx="3592">
                  <c:v>69.811911254762947</c:v>
                </c:pt>
                <c:pt idx="3593">
                  <c:v>68.542650232728263</c:v>
                </c:pt>
                <c:pt idx="3594">
                  <c:v>67.104767012891585</c:v>
                </c:pt>
                <c:pt idx="3595">
                  <c:v>65.858935428650184</c:v>
                </c:pt>
                <c:pt idx="3596">
                  <c:v>63.709935030268149</c:v>
                </c:pt>
                <c:pt idx="3597">
                  <c:v>61.251436344721832</c:v>
                </c:pt>
                <c:pt idx="3598">
                  <c:v>61.063694966079545</c:v>
                </c:pt>
                <c:pt idx="3599">
                  <c:v>60.47360292698098</c:v>
                </c:pt>
                <c:pt idx="3600">
                  <c:v>59.696782519752226</c:v>
                </c:pt>
                <c:pt idx="3601">
                  <c:v>59.064580248752506</c:v>
                </c:pt>
                <c:pt idx="3602">
                  <c:v>59.088925883630701</c:v>
                </c:pt>
                <c:pt idx="3603">
                  <c:v>59.478690916234157</c:v>
                </c:pt>
                <c:pt idx="3604">
                  <c:v>60.568053996714873</c:v>
                </c:pt>
                <c:pt idx="3605">
                  <c:v>63.00637635999081</c:v>
                </c:pt>
                <c:pt idx="3606">
                  <c:v>65.767734375468066</c:v>
                </c:pt>
                <c:pt idx="3607">
                  <c:v>68.014065376175836</c:v>
                </c:pt>
                <c:pt idx="3608">
                  <c:v>69.183611667171419</c:v>
                </c:pt>
                <c:pt idx="3609">
                  <c:v>69.744319320858381</c:v>
                </c:pt>
                <c:pt idx="3610">
                  <c:v>70.569560877397947</c:v>
                </c:pt>
                <c:pt idx="3611">
                  <c:v>71.079558928890961</c:v>
                </c:pt>
                <c:pt idx="3612">
                  <c:v>70.517896419434905</c:v>
                </c:pt>
                <c:pt idx="3613">
                  <c:v>70.389924779290723</c:v>
                </c:pt>
                <c:pt idx="3614">
                  <c:v>70.137479805905585</c:v>
                </c:pt>
                <c:pt idx="3615">
                  <c:v>70.202006386632959</c:v>
                </c:pt>
                <c:pt idx="3616">
                  <c:v>68.972049733120016</c:v>
                </c:pt>
                <c:pt idx="3617">
                  <c:v>67.435767648536199</c:v>
                </c:pt>
                <c:pt idx="3618">
                  <c:v>65.943369917597877</c:v>
                </c:pt>
                <c:pt idx="3619">
                  <c:v>64.693754509220724</c:v>
                </c:pt>
                <c:pt idx="3620">
                  <c:v>62.987933049062939</c:v>
                </c:pt>
                <c:pt idx="3621">
                  <c:v>61.023080536933271</c:v>
                </c:pt>
                <c:pt idx="3622">
                  <c:v>60.753875327377351</c:v>
                </c:pt>
                <c:pt idx="3623">
                  <c:v>60.649285855909838</c:v>
                </c:pt>
                <c:pt idx="3624">
                  <c:v>59.6373214819289</c:v>
                </c:pt>
                <c:pt idx="3625">
                  <c:v>58.942962264360325</c:v>
                </c:pt>
                <c:pt idx="3626">
                  <c:v>58.7290395615615</c:v>
                </c:pt>
                <c:pt idx="3627">
                  <c:v>59.643819514430831</c:v>
                </c:pt>
                <c:pt idx="3628">
                  <c:v>61.184935699771017</c:v>
                </c:pt>
                <c:pt idx="3629">
                  <c:v>63.815833444376914</c:v>
                </c:pt>
                <c:pt idx="3630">
                  <c:v>66.249555247714468</c:v>
                </c:pt>
                <c:pt idx="3631">
                  <c:v>67.743707055153493</c:v>
                </c:pt>
                <c:pt idx="3632">
                  <c:v>68.828779649332475</c:v>
                </c:pt>
                <c:pt idx="3633">
                  <c:v>69.623824870410701</c:v>
                </c:pt>
                <c:pt idx="3634">
                  <c:v>69.964071384489799</c:v>
                </c:pt>
                <c:pt idx="3635">
                  <c:v>69.759178553992214</c:v>
                </c:pt>
                <c:pt idx="3636">
                  <c:v>68.365777710774111</c:v>
                </c:pt>
                <c:pt idx="3637">
                  <c:v>67.622911984892468</c:v>
                </c:pt>
                <c:pt idx="3638">
                  <c:v>67.838618282872687</c:v>
                </c:pt>
                <c:pt idx="3639">
                  <c:v>66.996216997478967</c:v>
                </c:pt>
                <c:pt idx="3640">
                  <c:v>65.229593684526932</c:v>
                </c:pt>
                <c:pt idx="3641">
                  <c:v>63.710285567053162</c:v>
                </c:pt>
                <c:pt idx="3642">
                  <c:v>62.736060973448254</c:v>
                </c:pt>
                <c:pt idx="3643">
                  <c:v>61.324731581943432</c:v>
                </c:pt>
                <c:pt idx="3644">
                  <c:v>59.175426895978433</c:v>
                </c:pt>
                <c:pt idx="3645">
                  <c:v>57.707496797389339</c:v>
                </c:pt>
                <c:pt idx="3646">
                  <c:v>57.509524008652086</c:v>
                </c:pt>
                <c:pt idx="3647">
                  <c:v>56.683354506396562</c:v>
                </c:pt>
                <c:pt idx="3648">
                  <c:v>55.68912126839588</c:v>
                </c:pt>
                <c:pt idx="3649">
                  <c:v>54.418369170517977</c:v>
                </c:pt>
                <c:pt idx="3650">
                  <c:v>53.607860260025689</c:v>
                </c:pt>
                <c:pt idx="3651">
                  <c:v>52.864024360042997</c:v>
                </c:pt>
                <c:pt idx="3652">
                  <c:v>51.404829731497813</c:v>
                </c:pt>
                <c:pt idx="3653">
                  <c:v>50.116178584400146</c:v>
                </c:pt>
                <c:pt idx="3654">
                  <c:v>49.494647757782076</c:v>
                </c:pt>
                <c:pt idx="3655">
                  <c:v>49.590036403578942</c:v>
                </c:pt>
                <c:pt idx="3656">
                  <c:v>49.053288268658356</c:v>
                </c:pt>
                <c:pt idx="3657">
                  <c:v>48.612674611662378</c:v>
                </c:pt>
                <c:pt idx="3658">
                  <c:v>48.639900955956882</c:v>
                </c:pt>
                <c:pt idx="3659">
                  <c:v>48.09865731229646</c:v>
                </c:pt>
                <c:pt idx="3660">
                  <c:v>46.582511145675895</c:v>
                </c:pt>
                <c:pt idx="3661">
                  <c:v>45.788504648724647</c:v>
                </c:pt>
                <c:pt idx="3662">
                  <c:v>45.270817618356283</c:v>
                </c:pt>
                <c:pt idx="3663">
                  <c:v>45.501642384289454</c:v>
                </c:pt>
                <c:pt idx="3664">
                  <c:v>44.843275931543097</c:v>
                </c:pt>
                <c:pt idx="3665">
                  <c:v>43.965297123844806</c:v>
                </c:pt>
                <c:pt idx="3666">
                  <c:v>43.062424182992096</c:v>
                </c:pt>
                <c:pt idx="3667">
                  <c:v>42.636798778320376</c:v>
                </c:pt>
                <c:pt idx="3668">
                  <c:v>41.881407089587029</c:v>
                </c:pt>
                <c:pt idx="3669">
                  <c:v>41.338013779877087</c:v>
                </c:pt>
                <c:pt idx="3670">
                  <c:v>41.339740691346037</c:v>
                </c:pt>
                <c:pt idx="3671">
                  <c:v>41.258433436929408</c:v>
                </c:pt>
                <c:pt idx="3672">
                  <c:v>41.017532895938707</c:v>
                </c:pt>
                <c:pt idx="3673">
                  <c:v>40.746761450682783</c:v>
                </c:pt>
                <c:pt idx="3674">
                  <c:v>40.64780702671252</c:v>
                </c:pt>
                <c:pt idx="3675">
                  <c:v>40.526393495959944</c:v>
                </c:pt>
                <c:pt idx="3676">
                  <c:v>40.653513527069414</c:v>
                </c:pt>
                <c:pt idx="3677">
                  <c:v>41.012007646165422</c:v>
                </c:pt>
                <c:pt idx="3678">
                  <c:v>41.029488667716272</c:v>
                </c:pt>
                <c:pt idx="3679">
                  <c:v>41.283834722593348</c:v>
                </c:pt>
                <c:pt idx="3680">
                  <c:v>41.361383533055502</c:v>
                </c:pt>
                <c:pt idx="3681">
                  <c:v>41.488042092059018</c:v>
                </c:pt>
                <c:pt idx="3682">
                  <c:v>41.813191164115878</c:v>
                </c:pt>
                <c:pt idx="3683">
                  <c:v>42.395456869308582</c:v>
                </c:pt>
                <c:pt idx="3684">
                  <c:v>42.420741257074212</c:v>
                </c:pt>
                <c:pt idx="3685">
                  <c:v>42.382324822236093</c:v>
                </c:pt>
                <c:pt idx="3686">
                  <c:v>42.200076311080174</c:v>
                </c:pt>
                <c:pt idx="3687">
                  <c:v>42.532839927864053</c:v>
                </c:pt>
                <c:pt idx="3688">
                  <c:v>42.322290082478929</c:v>
                </c:pt>
                <c:pt idx="3689">
                  <c:v>42.346490830649934</c:v>
                </c:pt>
                <c:pt idx="3690">
                  <c:v>41.973150815764214</c:v>
                </c:pt>
                <c:pt idx="3691">
                  <c:v>42.045676429389864</c:v>
                </c:pt>
                <c:pt idx="3692">
                  <c:v>41.854325573158491</c:v>
                </c:pt>
                <c:pt idx="3693">
                  <c:v>42.338373350367789</c:v>
                </c:pt>
                <c:pt idx="3694">
                  <c:v>42.989989204465139</c:v>
                </c:pt>
                <c:pt idx="3695">
                  <c:v>43.135728952491988</c:v>
                </c:pt>
                <c:pt idx="3696">
                  <c:v>40.952497338623878</c:v>
                </c:pt>
                <c:pt idx="3697">
                  <c:v>41.063716548866324</c:v>
                </c:pt>
                <c:pt idx="3698">
                  <c:v>41.835168086681385</c:v>
                </c:pt>
                <c:pt idx="3699">
                  <c:v>43.31123547543136</c:v>
                </c:pt>
                <c:pt idx="3700">
                  <c:v>45.715194073557321</c:v>
                </c:pt>
                <c:pt idx="3701">
                  <c:v>51.577822008163842</c:v>
                </c:pt>
                <c:pt idx="3702">
                  <c:v>56.711353024073404</c:v>
                </c:pt>
                <c:pt idx="3703">
                  <c:v>60.360772702867095</c:v>
                </c:pt>
                <c:pt idx="3704">
                  <c:v>62.59410369620899</c:v>
                </c:pt>
                <c:pt idx="3705">
                  <c:v>63.901519113497642</c:v>
                </c:pt>
                <c:pt idx="3706">
                  <c:v>64.873429952493069</c:v>
                </c:pt>
                <c:pt idx="3707">
                  <c:v>66.111497515684789</c:v>
                </c:pt>
                <c:pt idx="3708">
                  <c:v>66.098879701682449</c:v>
                </c:pt>
                <c:pt idx="3709">
                  <c:v>66.407474285715054</c:v>
                </c:pt>
                <c:pt idx="3710">
                  <c:v>66.874995504867726</c:v>
                </c:pt>
                <c:pt idx="3711">
                  <c:v>66.598123185758041</c:v>
                </c:pt>
                <c:pt idx="3712">
                  <c:v>65.47901653342079</c:v>
                </c:pt>
                <c:pt idx="3713">
                  <c:v>64.094887752981862</c:v>
                </c:pt>
                <c:pt idx="3714">
                  <c:v>63.178407386808104</c:v>
                </c:pt>
                <c:pt idx="3715">
                  <c:v>62.435884705262289</c:v>
                </c:pt>
                <c:pt idx="3716">
                  <c:v>60.605586224480177</c:v>
                </c:pt>
                <c:pt idx="3717">
                  <c:v>58.736631530872245</c:v>
                </c:pt>
                <c:pt idx="3718">
                  <c:v>58.958340888978242</c:v>
                </c:pt>
                <c:pt idx="3719">
                  <c:v>58.615458562657054</c:v>
                </c:pt>
                <c:pt idx="3720">
                  <c:v>58.305566117747041</c:v>
                </c:pt>
                <c:pt idx="3721">
                  <c:v>58.033343824431356</c:v>
                </c:pt>
                <c:pt idx="3722">
                  <c:v>58.216761451866624</c:v>
                </c:pt>
                <c:pt idx="3723">
                  <c:v>58.934282693479204</c:v>
                </c:pt>
                <c:pt idx="3724">
                  <c:v>60.487860018256022</c:v>
                </c:pt>
                <c:pt idx="3725">
                  <c:v>63.487554588002617</c:v>
                </c:pt>
                <c:pt idx="3726">
                  <c:v>66.379208197379015</c:v>
                </c:pt>
                <c:pt idx="3727">
                  <c:v>68.220041022490904</c:v>
                </c:pt>
                <c:pt idx="3728">
                  <c:v>69.210309126931008</c:v>
                </c:pt>
                <c:pt idx="3729">
                  <c:v>69.792453874180922</c:v>
                </c:pt>
                <c:pt idx="3730">
                  <c:v>70.705265627335493</c:v>
                </c:pt>
                <c:pt idx="3731">
                  <c:v>71.974271553050471</c:v>
                </c:pt>
                <c:pt idx="3732">
                  <c:v>71.098618209365227</c:v>
                </c:pt>
                <c:pt idx="3733">
                  <c:v>70.052684384889986</c:v>
                </c:pt>
                <c:pt idx="3734">
                  <c:v>70.184270543354785</c:v>
                </c:pt>
                <c:pt idx="3735">
                  <c:v>69.959548593035777</c:v>
                </c:pt>
                <c:pt idx="3736">
                  <c:v>69.130152865696729</c:v>
                </c:pt>
                <c:pt idx="3737">
                  <c:v>67.362938708400932</c:v>
                </c:pt>
                <c:pt idx="3738">
                  <c:v>66.552562445641243</c:v>
                </c:pt>
                <c:pt idx="3739">
                  <c:v>65.434899600030647</c:v>
                </c:pt>
                <c:pt idx="3740">
                  <c:v>63.367940402265717</c:v>
                </c:pt>
                <c:pt idx="3741">
                  <c:v>61.340264076362061</c:v>
                </c:pt>
                <c:pt idx="3742">
                  <c:v>61.220809683775755</c:v>
                </c:pt>
                <c:pt idx="3743">
                  <c:v>61.116332089088786</c:v>
                </c:pt>
                <c:pt idx="3744">
                  <c:v>60.43364436173097</c:v>
                </c:pt>
                <c:pt idx="3745">
                  <c:v>59.380094129223266</c:v>
                </c:pt>
                <c:pt idx="3746">
                  <c:v>59.465981270694925</c:v>
                </c:pt>
                <c:pt idx="3747">
                  <c:v>59.847315689635948</c:v>
                </c:pt>
                <c:pt idx="3748">
                  <c:v>60.91092671230281</c:v>
                </c:pt>
                <c:pt idx="3749">
                  <c:v>63.702605198610243</c:v>
                </c:pt>
                <c:pt idx="3750">
                  <c:v>66.73000451141607</c:v>
                </c:pt>
                <c:pt idx="3751">
                  <c:v>68.923515059474411</c:v>
                </c:pt>
                <c:pt idx="3752">
                  <c:v>70.383068286052278</c:v>
                </c:pt>
                <c:pt idx="3753">
                  <c:v>70.416600507024924</c:v>
                </c:pt>
                <c:pt idx="3754">
                  <c:v>70.961327943419988</c:v>
                </c:pt>
                <c:pt idx="3755">
                  <c:v>71.318261828620848</c:v>
                </c:pt>
                <c:pt idx="3756">
                  <c:v>70.393487281969328</c:v>
                </c:pt>
                <c:pt idx="3757">
                  <c:v>70.186932892988892</c:v>
                </c:pt>
                <c:pt idx="3758">
                  <c:v>70.511493042848628</c:v>
                </c:pt>
                <c:pt idx="3759">
                  <c:v>70.297759083082596</c:v>
                </c:pt>
                <c:pt idx="3760">
                  <c:v>69.25702564598302</c:v>
                </c:pt>
                <c:pt idx="3761">
                  <c:v>67.946113608572887</c:v>
                </c:pt>
                <c:pt idx="3762">
                  <c:v>66.893238736020322</c:v>
                </c:pt>
                <c:pt idx="3763">
                  <c:v>65.533937833517612</c:v>
                </c:pt>
                <c:pt idx="3764">
                  <c:v>62.999096033416031</c:v>
                </c:pt>
                <c:pt idx="3765">
                  <c:v>60.753222738975893</c:v>
                </c:pt>
                <c:pt idx="3766">
                  <c:v>60.548355837844319</c:v>
                </c:pt>
                <c:pt idx="3767">
                  <c:v>60.370568942883224</c:v>
                </c:pt>
                <c:pt idx="3768">
                  <c:v>59.756324621168467</c:v>
                </c:pt>
                <c:pt idx="3769">
                  <c:v>59.096849521307298</c:v>
                </c:pt>
                <c:pt idx="3770">
                  <c:v>59.202748406145844</c:v>
                </c:pt>
                <c:pt idx="3771">
                  <c:v>59.814409166625403</c:v>
                </c:pt>
                <c:pt idx="3772">
                  <c:v>61.048869252829661</c:v>
                </c:pt>
                <c:pt idx="3773">
                  <c:v>64.011329351018063</c:v>
                </c:pt>
                <c:pt idx="3774">
                  <c:v>67.013503156509728</c:v>
                </c:pt>
                <c:pt idx="3775">
                  <c:v>69.196957778616735</c:v>
                </c:pt>
                <c:pt idx="3776">
                  <c:v>70.393816263252617</c:v>
                </c:pt>
                <c:pt idx="3777">
                  <c:v>71.143889215295133</c:v>
                </c:pt>
                <c:pt idx="3778">
                  <c:v>72.368353825098836</c:v>
                </c:pt>
                <c:pt idx="3779">
                  <c:v>73.208573827091996</c:v>
                </c:pt>
                <c:pt idx="3780">
                  <c:v>72.294996510385928</c:v>
                </c:pt>
                <c:pt idx="3781">
                  <c:v>72.042909821213627</c:v>
                </c:pt>
                <c:pt idx="3782">
                  <c:v>71.96561955908966</c:v>
                </c:pt>
                <c:pt idx="3783">
                  <c:v>72.030643191249752</c:v>
                </c:pt>
                <c:pt idx="3784">
                  <c:v>70.868783525480566</c:v>
                </c:pt>
                <c:pt idx="3785">
                  <c:v>69.022125811469124</c:v>
                </c:pt>
                <c:pt idx="3786">
                  <c:v>67.39415374235935</c:v>
                </c:pt>
                <c:pt idx="3787">
                  <c:v>66.087993133785901</c:v>
                </c:pt>
                <c:pt idx="3788">
                  <c:v>63.978069309933829</c:v>
                </c:pt>
                <c:pt idx="3789">
                  <c:v>61.883181340956234</c:v>
                </c:pt>
                <c:pt idx="3790">
                  <c:v>61.553296903716841</c:v>
                </c:pt>
                <c:pt idx="3791">
                  <c:v>60.871446741954948</c:v>
                </c:pt>
                <c:pt idx="3792">
                  <c:v>60.35386342905074</c:v>
                </c:pt>
                <c:pt idx="3793">
                  <c:v>59.231905566364141</c:v>
                </c:pt>
                <c:pt idx="3794">
                  <c:v>59.374900861635695</c:v>
                </c:pt>
                <c:pt idx="3795">
                  <c:v>60.156906494818067</c:v>
                </c:pt>
                <c:pt idx="3796">
                  <c:v>61.327410485575221</c:v>
                </c:pt>
                <c:pt idx="3797">
                  <c:v>64.019580302809942</c:v>
                </c:pt>
                <c:pt idx="3798">
                  <c:v>67.183613350797557</c:v>
                </c:pt>
                <c:pt idx="3799">
                  <c:v>68.754762606816271</c:v>
                </c:pt>
                <c:pt idx="3800">
                  <c:v>70.13545064668277</c:v>
                </c:pt>
                <c:pt idx="3801">
                  <c:v>70.33454989181196</c:v>
                </c:pt>
                <c:pt idx="3802">
                  <c:v>70.763992895482005</c:v>
                </c:pt>
                <c:pt idx="3803">
                  <c:v>71.474377951904827</c:v>
                </c:pt>
                <c:pt idx="3804">
                  <c:v>70.44944795344658</c:v>
                </c:pt>
                <c:pt idx="3805">
                  <c:v>69.775931121190141</c:v>
                </c:pt>
                <c:pt idx="3806">
                  <c:v>70.128478197005577</c:v>
                </c:pt>
                <c:pt idx="3807">
                  <c:v>69.050134528291451</c:v>
                </c:pt>
                <c:pt idx="3808">
                  <c:v>67.542945388536822</c:v>
                </c:pt>
                <c:pt idx="3809">
                  <c:v>65.391881624567091</c:v>
                </c:pt>
                <c:pt idx="3810">
                  <c:v>64.087956354865298</c:v>
                </c:pt>
                <c:pt idx="3811">
                  <c:v>62.660590003514884</c:v>
                </c:pt>
                <c:pt idx="3812">
                  <c:v>60.080525702265732</c:v>
                </c:pt>
                <c:pt idx="3813">
                  <c:v>57.755659123769597</c:v>
                </c:pt>
                <c:pt idx="3814">
                  <c:v>56.73559823659599</c:v>
                </c:pt>
                <c:pt idx="3815">
                  <c:v>55.138829590109765</c:v>
                </c:pt>
                <c:pt idx="3816">
                  <c:v>53.906847758963522</c:v>
                </c:pt>
                <c:pt idx="3817">
                  <c:v>52.440301605962524</c:v>
                </c:pt>
                <c:pt idx="3818">
                  <c:v>51.701963574970243</c:v>
                </c:pt>
                <c:pt idx="3819">
                  <c:v>50.739177754535227</c:v>
                </c:pt>
                <c:pt idx="3820">
                  <c:v>48.957658413070654</c:v>
                </c:pt>
                <c:pt idx="3821">
                  <c:v>47.310204112768602</c:v>
                </c:pt>
                <c:pt idx="3822">
                  <c:v>46.571766522425328</c:v>
                </c:pt>
                <c:pt idx="3823">
                  <c:v>46.796634085159937</c:v>
                </c:pt>
                <c:pt idx="3824">
                  <c:v>46.395650365178007</c:v>
                </c:pt>
                <c:pt idx="3825">
                  <c:v>45.985042927648671</c:v>
                </c:pt>
                <c:pt idx="3826">
                  <c:v>46.432457767132547</c:v>
                </c:pt>
                <c:pt idx="3827">
                  <c:v>46.595206728162601</c:v>
                </c:pt>
                <c:pt idx="3828">
                  <c:v>46.619130059576264</c:v>
                </c:pt>
                <c:pt idx="3829">
                  <c:v>46.926617997095654</c:v>
                </c:pt>
                <c:pt idx="3830">
                  <c:v>46.713425513886463</c:v>
                </c:pt>
                <c:pt idx="3831">
                  <c:v>46.76129147663525</c:v>
                </c:pt>
                <c:pt idx="3832">
                  <c:v>46.11205871172298</c:v>
                </c:pt>
                <c:pt idx="3833">
                  <c:v>45.148665983290066</c:v>
                </c:pt>
                <c:pt idx="3834">
                  <c:v>44.352044994233552</c:v>
                </c:pt>
                <c:pt idx="3835">
                  <c:v>43.717148560111291</c:v>
                </c:pt>
                <c:pt idx="3836">
                  <c:v>42.822583882402625</c:v>
                </c:pt>
                <c:pt idx="3837">
                  <c:v>41.974699693303144</c:v>
                </c:pt>
                <c:pt idx="3838">
                  <c:v>41.885018097047947</c:v>
                </c:pt>
                <c:pt idx="3839">
                  <c:v>41.566354092809988</c:v>
                </c:pt>
                <c:pt idx="3840">
                  <c:v>41.033162360694462</c:v>
                </c:pt>
                <c:pt idx="3841">
                  <c:v>40.818555020640851</c:v>
                </c:pt>
                <c:pt idx="3842">
                  <c:v>40.694225769943692</c:v>
                </c:pt>
                <c:pt idx="3843">
                  <c:v>40.519069116922132</c:v>
                </c:pt>
                <c:pt idx="3844">
                  <c:v>40.274744291287959</c:v>
                </c:pt>
                <c:pt idx="3845">
                  <c:v>40.189457271459716</c:v>
                </c:pt>
                <c:pt idx="3846">
                  <c:v>39.906588227462692</c:v>
                </c:pt>
                <c:pt idx="3847">
                  <c:v>39.802326207406651</c:v>
                </c:pt>
                <c:pt idx="3848">
                  <c:v>40.088687281909692</c:v>
                </c:pt>
                <c:pt idx="3849">
                  <c:v>39.939093061050833</c:v>
                </c:pt>
                <c:pt idx="3850">
                  <c:v>40.488285977547754</c:v>
                </c:pt>
                <c:pt idx="3851">
                  <c:v>40.984847753226539</c:v>
                </c:pt>
                <c:pt idx="3852">
                  <c:v>41.257411207958889</c:v>
                </c:pt>
                <c:pt idx="3853">
                  <c:v>41.178769068713883</c:v>
                </c:pt>
                <c:pt idx="3854">
                  <c:v>41.253670337916638</c:v>
                </c:pt>
                <c:pt idx="3855">
                  <c:v>41.294433007719874</c:v>
                </c:pt>
                <c:pt idx="3856">
                  <c:v>41.631286952575223</c:v>
                </c:pt>
                <c:pt idx="3857">
                  <c:v>41.763150017840083</c:v>
                </c:pt>
                <c:pt idx="3858">
                  <c:v>41.650424276126252</c:v>
                </c:pt>
                <c:pt idx="3859">
                  <c:v>42.175795264252173</c:v>
                </c:pt>
                <c:pt idx="3860">
                  <c:v>41.92517935070083</c:v>
                </c:pt>
                <c:pt idx="3861">
                  <c:v>42.009739701026618</c:v>
                </c:pt>
                <c:pt idx="3862">
                  <c:v>42.591694685329195</c:v>
                </c:pt>
                <c:pt idx="3863">
                  <c:v>43.223747989963535</c:v>
                </c:pt>
                <c:pt idx="3864">
                  <c:v>43.124937785833261</c:v>
                </c:pt>
                <c:pt idx="3865">
                  <c:v>43.193455606010922</c:v>
                </c:pt>
                <c:pt idx="3866">
                  <c:v>43.935430024645406</c:v>
                </c:pt>
                <c:pt idx="3867">
                  <c:v>45.324188295291194</c:v>
                </c:pt>
                <c:pt idx="3868">
                  <c:v>47.941460922981371</c:v>
                </c:pt>
                <c:pt idx="3869">
                  <c:v>53.663635208986307</c:v>
                </c:pt>
                <c:pt idx="3870">
                  <c:v>59.063024682927789</c:v>
                </c:pt>
                <c:pt idx="3871">
                  <c:v>63.090086572312494</c:v>
                </c:pt>
                <c:pt idx="3872">
                  <c:v>64.663721418928461</c:v>
                </c:pt>
                <c:pt idx="3873">
                  <c:v>66.438967442525495</c:v>
                </c:pt>
                <c:pt idx="3874">
                  <c:v>68.813568506451759</c:v>
                </c:pt>
                <c:pt idx="3875">
                  <c:v>70.19523007436905</c:v>
                </c:pt>
                <c:pt idx="3876">
                  <c:v>69.437508547758341</c:v>
                </c:pt>
                <c:pt idx="3877">
                  <c:v>69.586337342361887</c:v>
                </c:pt>
                <c:pt idx="3878">
                  <c:v>70.775932505536716</c:v>
                </c:pt>
                <c:pt idx="3879">
                  <c:v>70.3793222183686</c:v>
                </c:pt>
                <c:pt idx="3880">
                  <c:v>69.124548513704667</c:v>
                </c:pt>
                <c:pt idx="3881">
                  <c:v>67.872274580372959</c:v>
                </c:pt>
                <c:pt idx="3882">
                  <c:v>66.283103512727507</c:v>
                </c:pt>
                <c:pt idx="3883">
                  <c:v>64.989489029931846</c:v>
                </c:pt>
                <c:pt idx="3884">
                  <c:v>62.571788848494151</c:v>
                </c:pt>
                <c:pt idx="3885">
                  <c:v>60.51888146458753</c:v>
                </c:pt>
                <c:pt idx="3886">
                  <c:v>60.538506248451775</c:v>
                </c:pt>
                <c:pt idx="3887">
                  <c:v>60.225760102247271</c:v>
                </c:pt>
                <c:pt idx="3888">
                  <c:v>59.43253054481751</c:v>
                </c:pt>
                <c:pt idx="3889">
                  <c:v>59.088191349017968</c:v>
                </c:pt>
                <c:pt idx="3890">
                  <c:v>59.1474386362883</c:v>
                </c:pt>
                <c:pt idx="3891">
                  <c:v>59.657554448684245</c:v>
                </c:pt>
                <c:pt idx="3892">
                  <c:v>61.260122662729955</c:v>
                </c:pt>
                <c:pt idx="3893">
                  <c:v>64.868286974538265</c:v>
                </c:pt>
                <c:pt idx="3894">
                  <c:v>67.316499017694028</c:v>
                </c:pt>
                <c:pt idx="3895">
                  <c:v>68.705946868257428</c:v>
                </c:pt>
                <c:pt idx="3896">
                  <c:v>70.004415673576773</c:v>
                </c:pt>
                <c:pt idx="3897">
                  <c:v>70.361099993532974</c:v>
                </c:pt>
                <c:pt idx="3898">
                  <c:v>71.144354923969217</c:v>
                </c:pt>
                <c:pt idx="3899">
                  <c:v>72.309051737035233</c:v>
                </c:pt>
                <c:pt idx="3900">
                  <c:v>70.659102333471381</c:v>
                </c:pt>
                <c:pt idx="3901">
                  <c:v>70.021790408263357</c:v>
                </c:pt>
                <c:pt idx="3902">
                  <c:v>70.615716796495335</c:v>
                </c:pt>
                <c:pt idx="3903">
                  <c:v>70.808055989152209</c:v>
                </c:pt>
                <c:pt idx="3904">
                  <c:v>69.255469158312451</c:v>
                </c:pt>
                <c:pt idx="3905">
                  <c:v>67.929096805051785</c:v>
                </c:pt>
                <c:pt idx="3906">
                  <c:v>66.637142821596925</c:v>
                </c:pt>
                <c:pt idx="3907">
                  <c:v>64.067806413076994</c:v>
                </c:pt>
                <c:pt idx="3908">
                  <c:v>61.275927650856858</c:v>
                </c:pt>
                <c:pt idx="3909">
                  <c:v>59.480468195790841</c:v>
                </c:pt>
                <c:pt idx="3910">
                  <c:v>59.200218998450474</c:v>
                </c:pt>
                <c:pt idx="3911">
                  <c:v>59.257567871697674</c:v>
                </c:pt>
                <c:pt idx="3912">
                  <c:v>58.21988062514999</c:v>
                </c:pt>
                <c:pt idx="3913">
                  <c:v>57.962714173111181</c:v>
                </c:pt>
                <c:pt idx="3914">
                  <c:v>58.404863036868385</c:v>
                </c:pt>
                <c:pt idx="3915">
                  <c:v>58.373391043284826</c:v>
                </c:pt>
                <c:pt idx="3916">
                  <c:v>59.160487403415104</c:v>
                </c:pt>
                <c:pt idx="3917">
                  <c:v>61.558904021246434</c:v>
                </c:pt>
                <c:pt idx="3918">
                  <c:v>63.8098162231299</c:v>
                </c:pt>
                <c:pt idx="3919">
                  <c:v>65.69080959579999</c:v>
                </c:pt>
                <c:pt idx="3920">
                  <c:v>66.63578243211218</c:v>
                </c:pt>
                <c:pt idx="3921">
                  <c:v>67.222043240662202</c:v>
                </c:pt>
                <c:pt idx="3922">
                  <c:v>67.748704322623965</c:v>
                </c:pt>
                <c:pt idx="3923">
                  <c:v>69.09824323070292</c:v>
                </c:pt>
                <c:pt idx="3924">
                  <c:v>68.281648980439996</c:v>
                </c:pt>
                <c:pt idx="3925">
                  <c:v>68.081440970513526</c:v>
                </c:pt>
                <c:pt idx="3926">
                  <c:v>68.55206837865282</c:v>
                </c:pt>
                <c:pt idx="3927">
                  <c:v>69.038714231265885</c:v>
                </c:pt>
                <c:pt idx="3928">
                  <c:v>68.154700412657206</c:v>
                </c:pt>
                <c:pt idx="3929">
                  <c:v>67.131925611323553</c:v>
                </c:pt>
                <c:pt idx="3930">
                  <c:v>66.398331026375203</c:v>
                </c:pt>
                <c:pt idx="3931">
                  <c:v>65.484304868812586</c:v>
                </c:pt>
                <c:pt idx="3932">
                  <c:v>63.13232521537811</c:v>
                </c:pt>
                <c:pt idx="3933">
                  <c:v>61.03875107286337</c:v>
                </c:pt>
                <c:pt idx="3934">
                  <c:v>60.89047222795292</c:v>
                </c:pt>
                <c:pt idx="3935">
                  <c:v>61.162371384880231</c:v>
                </c:pt>
                <c:pt idx="3936">
                  <c:v>60.620278073945499</c:v>
                </c:pt>
                <c:pt idx="3937">
                  <c:v>60.044838735284557</c:v>
                </c:pt>
                <c:pt idx="3938">
                  <c:v>59.924720692146686</c:v>
                </c:pt>
                <c:pt idx="3939">
                  <c:v>60.700597031164094</c:v>
                </c:pt>
                <c:pt idx="3940">
                  <c:v>61.61517192236785</c:v>
                </c:pt>
                <c:pt idx="3941">
                  <c:v>64.268170803363063</c:v>
                </c:pt>
                <c:pt idx="3942">
                  <c:v>67.718939175651997</c:v>
                </c:pt>
                <c:pt idx="3943">
                  <c:v>70.077346801304358</c:v>
                </c:pt>
                <c:pt idx="3944">
                  <c:v>70.95060105099158</c:v>
                </c:pt>
                <c:pt idx="3945">
                  <c:v>71.740486642048609</c:v>
                </c:pt>
                <c:pt idx="3946">
                  <c:v>72.805393505377523</c:v>
                </c:pt>
                <c:pt idx="3947">
                  <c:v>73.917519686017386</c:v>
                </c:pt>
                <c:pt idx="3948">
                  <c:v>73.559761415654791</c:v>
                </c:pt>
                <c:pt idx="3949">
                  <c:v>73.483537768397966</c:v>
                </c:pt>
                <c:pt idx="3950">
                  <c:v>73.26400971330628</c:v>
                </c:pt>
                <c:pt idx="3951">
                  <c:v>72.420407694282218</c:v>
                </c:pt>
                <c:pt idx="3952">
                  <c:v>70.453728475967722</c:v>
                </c:pt>
                <c:pt idx="3953">
                  <c:v>68.657867174569361</c:v>
                </c:pt>
                <c:pt idx="3954">
                  <c:v>66.440646653375538</c:v>
                </c:pt>
                <c:pt idx="3955">
                  <c:v>65.209993084405752</c:v>
                </c:pt>
                <c:pt idx="3956">
                  <c:v>63.291518263946656</c:v>
                </c:pt>
                <c:pt idx="3957">
                  <c:v>61.224638835267726</c:v>
                </c:pt>
                <c:pt idx="3958">
                  <c:v>61.145203771302057</c:v>
                </c:pt>
                <c:pt idx="3959">
                  <c:v>60.97615203256499</c:v>
                </c:pt>
                <c:pt idx="3960">
                  <c:v>59.737186414999087</c:v>
                </c:pt>
                <c:pt idx="3961">
                  <c:v>59.375803270260455</c:v>
                </c:pt>
                <c:pt idx="3962">
                  <c:v>59.169582962136047</c:v>
                </c:pt>
                <c:pt idx="3963">
                  <c:v>59.387112357372693</c:v>
                </c:pt>
                <c:pt idx="3964">
                  <c:v>60.797197590423863</c:v>
                </c:pt>
                <c:pt idx="3965">
                  <c:v>63.645853151897896</c:v>
                </c:pt>
                <c:pt idx="3966">
                  <c:v>66.932342907084347</c:v>
                </c:pt>
                <c:pt idx="3967">
                  <c:v>69.277958686007551</c:v>
                </c:pt>
                <c:pt idx="3968">
                  <c:v>69.82745510553778</c:v>
                </c:pt>
                <c:pt idx="3969">
                  <c:v>70.090846115683192</c:v>
                </c:pt>
                <c:pt idx="3970">
                  <c:v>70.946080672027747</c:v>
                </c:pt>
                <c:pt idx="3971">
                  <c:v>71.028198778124604</c:v>
                </c:pt>
                <c:pt idx="3972">
                  <c:v>69.536751450636061</c:v>
                </c:pt>
                <c:pt idx="3973">
                  <c:v>68.546616464658342</c:v>
                </c:pt>
                <c:pt idx="3974">
                  <c:v>68.214073267099508</c:v>
                </c:pt>
                <c:pt idx="3975">
                  <c:v>67.68002829800875</c:v>
                </c:pt>
                <c:pt idx="3976">
                  <c:v>66.128675995275657</c:v>
                </c:pt>
                <c:pt idx="3977">
                  <c:v>64.644840152770485</c:v>
                </c:pt>
                <c:pt idx="3978">
                  <c:v>62.671712818925734</c:v>
                </c:pt>
                <c:pt idx="3979">
                  <c:v>61.09627982373231</c:v>
                </c:pt>
                <c:pt idx="3980">
                  <c:v>59.281199174116715</c:v>
                </c:pt>
                <c:pt idx="3981">
                  <c:v>57.401517038895626</c:v>
                </c:pt>
                <c:pt idx="3982">
                  <c:v>56.7513361653413</c:v>
                </c:pt>
                <c:pt idx="3983">
                  <c:v>56.287287245270853</c:v>
                </c:pt>
                <c:pt idx="3984">
                  <c:v>54.959284813582151</c:v>
                </c:pt>
                <c:pt idx="3985">
                  <c:v>53.519121025586323</c:v>
                </c:pt>
                <c:pt idx="3986">
                  <c:v>52.646938294201576</c:v>
                </c:pt>
                <c:pt idx="3987">
                  <c:v>52.042583789662849</c:v>
                </c:pt>
                <c:pt idx="3988">
                  <c:v>50.189163375324</c:v>
                </c:pt>
                <c:pt idx="3989">
                  <c:v>48.739431710102309</c:v>
                </c:pt>
                <c:pt idx="3990">
                  <c:v>48.225755748676733</c:v>
                </c:pt>
                <c:pt idx="3991">
                  <c:v>48.751064620083881</c:v>
                </c:pt>
                <c:pt idx="3992">
                  <c:v>48.625237546416479</c:v>
                </c:pt>
                <c:pt idx="3993">
                  <c:v>48.432673462601535</c:v>
                </c:pt>
                <c:pt idx="3994">
                  <c:v>48.417439979669453</c:v>
                </c:pt>
                <c:pt idx="3995">
                  <c:v>48.56230699466218</c:v>
                </c:pt>
                <c:pt idx="3996">
                  <c:v>47.554796999405504</c:v>
                </c:pt>
                <c:pt idx="3997">
                  <c:v>47.070852390475601</c:v>
                </c:pt>
                <c:pt idx="3998">
                  <c:v>46.404112635418954</c:v>
                </c:pt>
                <c:pt idx="3999">
                  <c:v>46.492150364785985</c:v>
                </c:pt>
                <c:pt idx="4000">
                  <c:v>45.986358519348229</c:v>
                </c:pt>
                <c:pt idx="4001">
                  <c:v>45.051738227597475</c:v>
                </c:pt>
                <c:pt idx="4002">
                  <c:v>43.995331508644</c:v>
                </c:pt>
                <c:pt idx="4003">
                  <c:v>43.887083721371496</c:v>
                </c:pt>
                <c:pt idx="4004">
                  <c:v>42.844138658413527</c:v>
                </c:pt>
                <c:pt idx="4005">
                  <c:v>42.230636383374438</c:v>
                </c:pt>
                <c:pt idx="4006">
                  <c:v>42.306853205049265</c:v>
                </c:pt>
                <c:pt idx="4007">
                  <c:v>42.371535165835446</c:v>
                </c:pt>
                <c:pt idx="4008">
                  <c:v>41.699148810787932</c:v>
                </c:pt>
                <c:pt idx="4009">
                  <c:v>41.506782217734418</c:v>
                </c:pt>
                <c:pt idx="4010">
                  <c:v>41.413487613416684</c:v>
                </c:pt>
                <c:pt idx="4011">
                  <c:v>41.426461926781407</c:v>
                </c:pt>
                <c:pt idx="4012">
                  <c:v>40.767537423866791</c:v>
                </c:pt>
                <c:pt idx="4013">
                  <c:v>40.708925582587987</c:v>
                </c:pt>
                <c:pt idx="4014">
                  <c:v>40.469675812522404</c:v>
                </c:pt>
                <c:pt idx="4015">
                  <c:v>40.973187737054467</c:v>
                </c:pt>
                <c:pt idx="4016">
                  <c:v>40.68797975440409</c:v>
                </c:pt>
                <c:pt idx="4017">
                  <c:v>40.600299367790306</c:v>
                </c:pt>
                <c:pt idx="4018">
                  <c:v>40.603031738480951</c:v>
                </c:pt>
                <c:pt idx="4019">
                  <c:v>41.70250052458848</c:v>
                </c:pt>
                <c:pt idx="4020">
                  <c:v>41.464990159945074</c:v>
                </c:pt>
                <c:pt idx="4021">
                  <c:v>41.64896016917735</c:v>
                </c:pt>
                <c:pt idx="4022">
                  <c:v>41.780493390154298</c:v>
                </c:pt>
                <c:pt idx="4023">
                  <c:v>41.853619282333284</c:v>
                </c:pt>
                <c:pt idx="4024">
                  <c:v>41.895263138693146</c:v>
                </c:pt>
                <c:pt idx="4025">
                  <c:v>41.821955152539672</c:v>
                </c:pt>
                <c:pt idx="4026">
                  <c:v>41.562864474794154</c:v>
                </c:pt>
                <c:pt idx="4027">
                  <c:v>42.12473636093889</c:v>
                </c:pt>
                <c:pt idx="4028">
                  <c:v>41.937804853289776</c:v>
                </c:pt>
                <c:pt idx="4029">
                  <c:v>41.901037796801162</c:v>
                </c:pt>
                <c:pt idx="4030">
                  <c:v>42.509027119882774</c:v>
                </c:pt>
                <c:pt idx="4031">
                  <c:v>42.172695292821572</c:v>
                </c:pt>
                <c:pt idx="4032">
                  <c:v>41.349490839070064</c:v>
                </c:pt>
                <c:pt idx="4033">
                  <c:v>41.699943265380412</c:v>
                </c:pt>
                <c:pt idx="4034">
                  <c:v>41.968940392754597</c:v>
                </c:pt>
                <c:pt idx="4035">
                  <c:v>43.587400954531084</c:v>
                </c:pt>
                <c:pt idx="4036">
                  <c:v>46.368217684324748</c:v>
                </c:pt>
                <c:pt idx="4037">
                  <c:v>52.284633127096868</c:v>
                </c:pt>
                <c:pt idx="4038">
                  <c:v>57.258993179510625</c:v>
                </c:pt>
                <c:pt idx="4039">
                  <c:v>61.058764287260871</c:v>
                </c:pt>
                <c:pt idx="4040">
                  <c:v>63.323306901770216</c:v>
                </c:pt>
                <c:pt idx="4041">
                  <c:v>64.454268099366018</c:v>
                </c:pt>
                <c:pt idx="4042">
                  <c:v>65.788799435585489</c:v>
                </c:pt>
                <c:pt idx="4043">
                  <c:v>67.043133066735251</c:v>
                </c:pt>
                <c:pt idx="4044">
                  <c:v>66.238906692568932</c:v>
                </c:pt>
                <c:pt idx="4045">
                  <c:v>66.342344464759393</c:v>
                </c:pt>
                <c:pt idx="4046">
                  <c:v>66.861069905434874</c:v>
                </c:pt>
                <c:pt idx="4047">
                  <c:v>67.411108703754053</c:v>
                </c:pt>
                <c:pt idx="4048">
                  <c:v>66.393042769438381</c:v>
                </c:pt>
                <c:pt idx="4049">
                  <c:v>65.512644273313697</c:v>
                </c:pt>
                <c:pt idx="4050">
                  <c:v>64.638015610316657</c:v>
                </c:pt>
                <c:pt idx="4051">
                  <c:v>63.751880428287194</c:v>
                </c:pt>
                <c:pt idx="4052">
                  <c:v>61.955102792507752</c:v>
                </c:pt>
                <c:pt idx="4053">
                  <c:v>60.36510082793842</c:v>
                </c:pt>
                <c:pt idx="4054">
                  <c:v>60.39574720069453</c:v>
                </c:pt>
                <c:pt idx="4055">
                  <c:v>60.189538798111094</c:v>
                </c:pt>
                <c:pt idx="4056">
                  <c:v>59.096835065979938</c:v>
                </c:pt>
                <c:pt idx="4057">
                  <c:v>58.400769452915831</c:v>
                </c:pt>
                <c:pt idx="4058">
                  <c:v>58.169670231900277</c:v>
                </c:pt>
                <c:pt idx="4059">
                  <c:v>58.781947079608692</c:v>
                </c:pt>
                <c:pt idx="4060">
                  <c:v>60.04083125565645</c:v>
                </c:pt>
                <c:pt idx="4061">
                  <c:v>63.292337451466963</c:v>
                </c:pt>
                <c:pt idx="4062">
                  <c:v>66.004555219035069</c:v>
                </c:pt>
                <c:pt idx="4063">
                  <c:v>67.914102531308913</c:v>
                </c:pt>
                <c:pt idx="4064">
                  <c:v>69.126080915700868</c:v>
                </c:pt>
                <c:pt idx="4065">
                  <c:v>69.395400944098526</c:v>
                </c:pt>
                <c:pt idx="4066">
                  <c:v>70.257558052762278</c:v>
                </c:pt>
                <c:pt idx="4067">
                  <c:v>71.395407105968914</c:v>
                </c:pt>
                <c:pt idx="4068">
                  <c:v>70.101597054558468</c:v>
                </c:pt>
                <c:pt idx="4069">
                  <c:v>69.852350513585421</c:v>
                </c:pt>
                <c:pt idx="4070">
                  <c:v>69.672623407718405</c:v>
                </c:pt>
                <c:pt idx="4071">
                  <c:v>69.362843212250027</c:v>
                </c:pt>
                <c:pt idx="4072">
                  <c:v>68.12923194992922</c:v>
                </c:pt>
                <c:pt idx="4073">
                  <c:v>66.20147822149525</c:v>
                </c:pt>
                <c:pt idx="4074">
                  <c:v>65.093876930979718</c:v>
                </c:pt>
                <c:pt idx="4075">
                  <c:v>64.206967359215128</c:v>
                </c:pt>
                <c:pt idx="4076">
                  <c:v>62.21692674317601</c:v>
                </c:pt>
                <c:pt idx="4077">
                  <c:v>60.625240075909069</c:v>
                </c:pt>
                <c:pt idx="4078">
                  <c:v>60.177532540563362</c:v>
                </c:pt>
                <c:pt idx="4079">
                  <c:v>59.925370279645726</c:v>
                </c:pt>
                <c:pt idx="4080">
                  <c:v>58.560629133324625</c:v>
                </c:pt>
                <c:pt idx="4081">
                  <c:v>58.275152638555475</c:v>
                </c:pt>
                <c:pt idx="4082">
                  <c:v>58.720720530473464</c:v>
                </c:pt>
                <c:pt idx="4083">
                  <c:v>59.485102275613158</c:v>
                </c:pt>
                <c:pt idx="4084">
                  <c:v>60.622034464867674</c:v>
                </c:pt>
                <c:pt idx="4085">
                  <c:v>62.468912558876667</c:v>
                </c:pt>
                <c:pt idx="4086">
                  <c:v>65.171190906116948</c:v>
                </c:pt>
                <c:pt idx="4087">
                  <c:v>67.454665194099491</c:v>
                </c:pt>
                <c:pt idx="4088">
                  <c:v>69.271117648397308</c:v>
                </c:pt>
                <c:pt idx="4089">
                  <c:v>69.801482883477547</c:v>
                </c:pt>
                <c:pt idx="4090">
                  <c:v>70.016133099169693</c:v>
                </c:pt>
                <c:pt idx="4091">
                  <c:v>70.937465610741853</c:v>
                </c:pt>
                <c:pt idx="4092">
                  <c:v>70.124873720920547</c:v>
                </c:pt>
                <c:pt idx="4093">
                  <c:v>69.792931527623495</c:v>
                </c:pt>
                <c:pt idx="4094">
                  <c:v>70.329903886834913</c:v>
                </c:pt>
                <c:pt idx="4095">
                  <c:v>70.309333092998955</c:v>
                </c:pt>
                <c:pt idx="4096">
                  <c:v>69.49344578081471</c:v>
                </c:pt>
                <c:pt idx="4097">
                  <c:v>67.852575950772618</c:v>
                </c:pt>
                <c:pt idx="4098">
                  <c:v>66.537686678123507</c:v>
                </c:pt>
                <c:pt idx="4099">
                  <c:v>65.481101434896473</c:v>
                </c:pt>
                <c:pt idx="4100">
                  <c:v>63.12083595643805</c:v>
                </c:pt>
                <c:pt idx="4101">
                  <c:v>61.225617404050048</c:v>
                </c:pt>
                <c:pt idx="4102">
                  <c:v>60.416042068417489</c:v>
                </c:pt>
                <c:pt idx="4103">
                  <c:v>60.165206324053344</c:v>
                </c:pt>
                <c:pt idx="4104">
                  <c:v>59.246809185394589</c:v>
                </c:pt>
                <c:pt idx="4105">
                  <c:v>58.641979302607282</c:v>
                </c:pt>
                <c:pt idx="4106">
                  <c:v>58.925741183723297</c:v>
                </c:pt>
                <c:pt idx="4107">
                  <c:v>59.418150769590447</c:v>
                </c:pt>
                <c:pt idx="4108">
                  <c:v>60.81024614179951</c:v>
                </c:pt>
                <c:pt idx="4109">
                  <c:v>63.460463853115655</c:v>
                </c:pt>
                <c:pt idx="4110">
                  <c:v>66.227646855561147</c:v>
                </c:pt>
                <c:pt idx="4111">
                  <c:v>68.851656666101263</c:v>
                </c:pt>
                <c:pt idx="4112">
                  <c:v>69.892449768201971</c:v>
                </c:pt>
                <c:pt idx="4113">
                  <c:v>70.63677469759719</c:v>
                </c:pt>
                <c:pt idx="4114">
                  <c:v>71.052680610822577</c:v>
                </c:pt>
                <c:pt idx="4115">
                  <c:v>71.698367740873778</c:v>
                </c:pt>
                <c:pt idx="4116">
                  <c:v>71.515722110297204</c:v>
                </c:pt>
                <c:pt idx="4117">
                  <c:v>71.215684668172358</c:v>
                </c:pt>
                <c:pt idx="4118">
                  <c:v>71.31360797814726</c:v>
                </c:pt>
                <c:pt idx="4119">
                  <c:v>70.062176768825481</c:v>
                </c:pt>
                <c:pt idx="4120">
                  <c:v>68.670085378205911</c:v>
                </c:pt>
                <c:pt idx="4121">
                  <c:v>67.02079105398866</c:v>
                </c:pt>
                <c:pt idx="4122">
                  <c:v>66.094457685631383</c:v>
                </c:pt>
                <c:pt idx="4123">
                  <c:v>65.218238544350072</c:v>
                </c:pt>
                <c:pt idx="4124">
                  <c:v>63.22690526507499</c:v>
                </c:pt>
                <c:pt idx="4125">
                  <c:v>61.170801037469353</c:v>
                </c:pt>
                <c:pt idx="4126">
                  <c:v>59.911389644054701</c:v>
                </c:pt>
                <c:pt idx="4127">
                  <c:v>58.605068732373368</c:v>
                </c:pt>
                <c:pt idx="4128">
                  <c:v>57.786206368677028</c:v>
                </c:pt>
                <c:pt idx="4129">
                  <c:v>57.548179181949642</c:v>
                </c:pt>
                <c:pt idx="4130">
                  <c:v>57.167234782254923</c:v>
                </c:pt>
                <c:pt idx="4131">
                  <c:v>57.874266124275572</c:v>
                </c:pt>
                <c:pt idx="4132">
                  <c:v>59.111714442426084</c:v>
                </c:pt>
                <c:pt idx="4133">
                  <c:v>61.102262936683147</c:v>
                </c:pt>
                <c:pt idx="4134">
                  <c:v>64.067476137286775</c:v>
                </c:pt>
                <c:pt idx="4135">
                  <c:v>65.796854504942729</c:v>
                </c:pt>
                <c:pt idx="4136">
                  <c:v>67.186194519156302</c:v>
                </c:pt>
                <c:pt idx="4137">
                  <c:v>68.032402400239448</c:v>
                </c:pt>
                <c:pt idx="4138">
                  <c:v>67.961396714270535</c:v>
                </c:pt>
                <c:pt idx="4139">
                  <c:v>67.956301495775861</c:v>
                </c:pt>
                <c:pt idx="4140">
                  <c:v>66.263204371849568</c:v>
                </c:pt>
                <c:pt idx="4141">
                  <c:v>66.186890011039111</c:v>
                </c:pt>
                <c:pt idx="4142">
                  <c:v>66.300243294406727</c:v>
                </c:pt>
                <c:pt idx="4143">
                  <c:v>66.439176956510366</c:v>
                </c:pt>
                <c:pt idx="4144">
                  <c:v>65.257884466563311</c:v>
                </c:pt>
                <c:pt idx="4145">
                  <c:v>63.534649769944707</c:v>
                </c:pt>
                <c:pt idx="4146">
                  <c:v>62.521810976147883</c:v>
                </c:pt>
                <c:pt idx="4147">
                  <c:v>60.977856094025306</c:v>
                </c:pt>
                <c:pt idx="4148">
                  <c:v>58.436200480186429</c:v>
                </c:pt>
                <c:pt idx="4149">
                  <c:v>57.168477293154297</c:v>
                </c:pt>
                <c:pt idx="4150">
                  <c:v>56.764263699932947</c:v>
                </c:pt>
                <c:pt idx="4151">
                  <c:v>56.165027636558619</c:v>
                </c:pt>
                <c:pt idx="4152">
                  <c:v>55.08473116491664</c:v>
                </c:pt>
                <c:pt idx="4153">
                  <c:v>53.956868330424655</c:v>
                </c:pt>
                <c:pt idx="4154">
                  <c:v>52.732151899796044</c:v>
                </c:pt>
                <c:pt idx="4155">
                  <c:v>51.910759834198188</c:v>
                </c:pt>
                <c:pt idx="4156">
                  <c:v>50.097369026080443</c:v>
                </c:pt>
                <c:pt idx="4157">
                  <c:v>48.978122802359913</c:v>
                </c:pt>
                <c:pt idx="4158">
                  <c:v>48.393613069408168</c:v>
                </c:pt>
                <c:pt idx="4159">
                  <c:v>49.042226706961678</c:v>
                </c:pt>
                <c:pt idx="4160">
                  <c:v>48.875667070583987</c:v>
                </c:pt>
                <c:pt idx="4161">
                  <c:v>48.65312760010378</c:v>
                </c:pt>
                <c:pt idx="4162">
                  <c:v>48.528413684711701</c:v>
                </c:pt>
                <c:pt idx="4163">
                  <c:v>48.975841096603759</c:v>
                </c:pt>
                <c:pt idx="4164">
                  <c:v>47.78106859219934</c:v>
                </c:pt>
                <c:pt idx="4165">
                  <c:v>47.230400310465988</c:v>
                </c:pt>
                <c:pt idx="4166">
                  <c:v>46.521048054820255</c:v>
                </c:pt>
                <c:pt idx="4167">
                  <c:v>46.263072928226507</c:v>
                </c:pt>
                <c:pt idx="4168">
                  <c:v>45.598141677802737</c:v>
                </c:pt>
                <c:pt idx="4169">
                  <c:v>44.861951586850736</c:v>
                </c:pt>
                <c:pt idx="4170">
                  <c:v>43.901216245775373</c:v>
                </c:pt>
                <c:pt idx="4171">
                  <c:v>43.83967111063977</c:v>
                </c:pt>
                <c:pt idx="4172">
                  <c:v>42.249576510370147</c:v>
                </c:pt>
                <c:pt idx="4173">
                  <c:v>41.866286405281315</c:v>
                </c:pt>
                <c:pt idx="4174">
                  <c:v>41.868580016578463</c:v>
                </c:pt>
                <c:pt idx="4175">
                  <c:v>42.248518094046865</c:v>
                </c:pt>
                <c:pt idx="4176">
                  <c:v>41.779267197887698</c:v>
                </c:pt>
                <c:pt idx="4177">
                  <c:v>41.020488804439267</c:v>
                </c:pt>
                <c:pt idx="4178">
                  <c:v>40.98836128039305</c:v>
                </c:pt>
                <c:pt idx="4179">
                  <c:v>41.154983386536863</c:v>
                </c:pt>
                <c:pt idx="4180">
                  <c:v>40.843191468461704</c:v>
                </c:pt>
                <c:pt idx="4181">
                  <c:v>40.666286760358048</c:v>
                </c:pt>
                <c:pt idx="4182">
                  <c:v>40.297836725777742</c:v>
                </c:pt>
                <c:pt idx="4183">
                  <c:v>37.42043412741657</c:v>
                </c:pt>
                <c:pt idx="4184">
                  <c:v>34.55334208059665</c:v>
                </c:pt>
                <c:pt idx="4185">
                  <c:v>35.548313972095741</c:v>
                </c:pt>
                <c:pt idx="4186">
                  <c:v>37.262371673739402</c:v>
                </c:pt>
                <c:pt idx="4187">
                  <c:v>38.70193086815879</c:v>
                </c:pt>
                <c:pt idx="4188">
                  <c:v>39.215653333765069</c:v>
                </c:pt>
                <c:pt idx="4189">
                  <c:v>39.038417800686425</c:v>
                </c:pt>
                <c:pt idx="4190">
                  <c:v>39.448555292973552</c:v>
                </c:pt>
                <c:pt idx="4191">
                  <c:v>40.174191523923149</c:v>
                </c:pt>
                <c:pt idx="4192">
                  <c:v>39.922244974932632</c:v>
                </c:pt>
                <c:pt idx="4193">
                  <c:v>40.640918190414638</c:v>
                </c:pt>
                <c:pt idx="4194">
                  <c:v>40.928746549292683</c:v>
                </c:pt>
                <c:pt idx="4195">
                  <c:v>41.227864891498896</c:v>
                </c:pt>
                <c:pt idx="4196">
                  <c:v>40.906532928096823</c:v>
                </c:pt>
                <c:pt idx="4197">
                  <c:v>41.345203844014286</c:v>
                </c:pt>
                <c:pt idx="4198">
                  <c:v>42.336582125441019</c:v>
                </c:pt>
                <c:pt idx="4199">
                  <c:v>43.125881677520923</c:v>
                </c:pt>
                <c:pt idx="4200">
                  <c:v>42.95804650070346</c:v>
                </c:pt>
                <c:pt idx="4201">
                  <c:v>43.397790229430321</c:v>
                </c:pt>
                <c:pt idx="4202">
                  <c:v>43.99790536107723</c:v>
                </c:pt>
                <c:pt idx="4203">
                  <c:v>45.446151403075781</c:v>
                </c:pt>
                <c:pt idx="4204">
                  <c:v>48.303933650278253</c:v>
                </c:pt>
                <c:pt idx="4205">
                  <c:v>54.295381872388731</c:v>
                </c:pt>
                <c:pt idx="4206">
                  <c:v>58.80033252999965</c:v>
                </c:pt>
                <c:pt idx="4207">
                  <c:v>62.715693417199923</c:v>
                </c:pt>
                <c:pt idx="4208">
                  <c:v>65.396397472756689</c:v>
                </c:pt>
                <c:pt idx="4209">
                  <c:v>67.201743665641317</c:v>
                </c:pt>
                <c:pt idx="4210">
                  <c:v>68.272349007306929</c:v>
                </c:pt>
                <c:pt idx="4211">
                  <c:v>70.044523028668479</c:v>
                </c:pt>
                <c:pt idx="4212">
                  <c:v>69.883673815395966</c:v>
                </c:pt>
                <c:pt idx="4213">
                  <c:v>70.069533157489118</c:v>
                </c:pt>
                <c:pt idx="4214">
                  <c:v>70.886735531801918</c:v>
                </c:pt>
                <c:pt idx="4215">
                  <c:v>70.677881372809551</c:v>
                </c:pt>
                <c:pt idx="4216">
                  <c:v>69.88821323930263</c:v>
                </c:pt>
                <c:pt idx="4217">
                  <c:v>67.966188978916648</c:v>
                </c:pt>
                <c:pt idx="4218">
                  <c:v>66.875339098388324</c:v>
                </c:pt>
                <c:pt idx="4219">
                  <c:v>66.051833514866203</c:v>
                </c:pt>
                <c:pt idx="4220">
                  <c:v>64.059023262027921</c:v>
                </c:pt>
                <c:pt idx="4221">
                  <c:v>62.0155830191717</c:v>
                </c:pt>
                <c:pt idx="4222">
                  <c:v>61.218025787786644</c:v>
                </c:pt>
                <c:pt idx="4223">
                  <c:v>60.785919532250404</c:v>
                </c:pt>
                <c:pt idx="4224">
                  <c:v>59.779949902168916</c:v>
                </c:pt>
                <c:pt idx="4225">
                  <c:v>59.322429984697948</c:v>
                </c:pt>
                <c:pt idx="4226">
                  <c:v>59.091464588239468</c:v>
                </c:pt>
                <c:pt idx="4227">
                  <c:v>59.772554815593615</c:v>
                </c:pt>
                <c:pt idx="4228">
                  <c:v>61.226947706055611</c:v>
                </c:pt>
                <c:pt idx="4229">
                  <c:v>64.378145325580846</c:v>
                </c:pt>
                <c:pt idx="4230">
                  <c:v>66.373498068479989</c:v>
                </c:pt>
                <c:pt idx="4231">
                  <c:v>68.281393413390489</c:v>
                </c:pt>
                <c:pt idx="4232">
                  <c:v>69.293069465373904</c:v>
                </c:pt>
                <c:pt idx="4233">
                  <c:v>69.844699389230811</c:v>
                </c:pt>
                <c:pt idx="4234">
                  <c:v>70.683607349611606</c:v>
                </c:pt>
                <c:pt idx="4235">
                  <c:v>71.567927927134647</c:v>
                </c:pt>
                <c:pt idx="4236">
                  <c:v>70.608845730247097</c:v>
                </c:pt>
                <c:pt idx="4237">
                  <c:v>69.900024418579122</c:v>
                </c:pt>
                <c:pt idx="4238">
                  <c:v>70.591063265105774</c:v>
                </c:pt>
                <c:pt idx="4239">
                  <c:v>69.989096615891256</c:v>
                </c:pt>
                <c:pt idx="4240">
                  <c:v>69.546435166618195</c:v>
                </c:pt>
                <c:pt idx="4241">
                  <c:v>68.273870052946904</c:v>
                </c:pt>
                <c:pt idx="4242">
                  <c:v>67.054676381146422</c:v>
                </c:pt>
                <c:pt idx="4243">
                  <c:v>66.017724453761119</c:v>
                </c:pt>
                <c:pt idx="4244">
                  <c:v>64.147920740132321</c:v>
                </c:pt>
                <c:pt idx="4245">
                  <c:v>61.922717073170702</c:v>
                </c:pt>
                <c:pt idx="4246">
                  <c:v>60.93743972443896</c:v>
                </c:pt>
                <c:pt idx="4247">
                  <c:v>60.159724989446886</c:v>
                </c:pt>
                <c:pt idx="4248">
                  <c:v>59.155221349233472</c:v>
                </c:pt>
                <c:pt idx="4249">
                  <c:v>58.721875603314011</c:v>
                </c:pt>
                <c:pt idx="4250">
                  <c:v>58.660571815265442</c:v>
                </c:pt>
                <c:pt idx="4251">
                  <c:v>58.67741719468733</c:v>
                </c:pt>
                <c:pt idx="4252">
                  <c:v>59.140324163510186</c:v>
                </c:pt>
                <c:pt idx="4253">
                  <c:v>61.736894369546334</c:v>
                </c:pt>
                <c:pt idx="4254">
                  <c:v>64.153228924630326</c:v>
                </c:pt>
                <c:pt idx="4255">
                  <c:v>66.604698319877116</c:v>
                </c:pt>
                <c:pt idx="4256">
                  <c:v>67.911537348149352</c:v>
                </c:pt>
                <c:pt idx="4257">
                  <c:v>68.482725996789725</c:v>
                </c:pt>
                <c:pt idx="4258">
                  <c:v>69.258944399455899</c:v>
                </c:pt>
                <c:pt idx="4259">
                  <c:v>69.588631385161335</c:v>
                </c:pt>
                <c:pt idx="4260">
                  <c:v>68.913653525313393</c:v>
                </c:pt>
                <c:pt idx="4261">
                  <c:v>69.114254594616071</c:v>
                </c:pt>
                <c:pt idx="4262">
                  <c:v>69.695955698650906</c:v>
                </c:pt>
                <c:pt idx="4263">
                  <c:v>70.026507611121417</c:v>
                </c:pt>
                <c:pt idx="4264">
                  <c:v>69.306559620135545</c:v>
                </c:pt>
                <c:pt idx="4265">
                  <c:v>68.305104661419165</c:v>
                </c:pt>
                <c:pt idx="4266">
                  <c:v>67.52555045169666</c:v>
                </c:pt>
                <c:pt idx="4267">
                  <c:v>66.462979977234724</c:v>
                </c:pt>
                <c:pt idx="4268">
                  <c:v>64.384200656327252</c:v>
                </c:pt>
                <c:pt idx="4269">
                  <c:v>62.270580269874607</c:v>
                </c:pt>
                <c:pt idx="4270">
                  <c:v>61.117465861406245</c:v>
                </c:pt>
                <c:pt idx="4271">
                  <c:v>60.882205957829065</c:v>
                </c:pt>
                <c:pt idx="4272">
                  <c:v>60.012930394797678</c:v>
                </c:pt>
                <c:pt idx="4273">
                  <c:v>59.533957182813438</c:v>
                </c:pt>
                <c:pt idx="4274">
                  <c:v>59.407847985090797</c:v>
                </c:pt>
                <c:pt idx="4275">
                  <c:v>59.720033943229225</c:v>
                </c:pt>
                <c:pt idx="4276">
                  <c:v>60.860563233802047</c:v>
                </c:pt>
                <c:pt idx="4277">
                  <c:v>64.393640043933672</c:v>
                </c:pt>
                <c:pt idx="4278">
                  <c:v>66.795687871379485</c:v>
                </c:pt>
                <c:pt idx="4279">
                  <c:v>69.048495211791263</c:v>
                </c:pt>
                <c:pt idx="4280">
                  <c:v>70.736360115239719</c:v>
                </c:pt>
                <c:pt idx="4281">
                  <c:v>72.613617187869295</c:v>
                </c:pt>
                <c:pt idx="4282">
                  <c:v>73.373440150339633</c:v>
                </c:pt>
                <c:pt idx="4283">
                  <c:v>74.712549726059848</c:v>
                </c:pt>
                <c:pt idx="4284">
                  <c:v>73.260074981044752</c:v>
                </c:pt>
                <c:pt idx="4285">
                  <c:v>73.337877044134942</c:v>
                </c:pt>
                <c:pt idx="4286">
                  <c:v>73.698124259044576</c:v>
                </c:pt>
                <c:pt idx="4287">
                  <c:v>73.133956152975088</c:v>
                </c:pt>
                <c:pt idx="4288">
                  <c:v>71.4684382245498</c:v>
                </c:pt>
                <c:pt idx="4289">
                  <c:v>69.905627162244372</c:v>
                </c:pt>
                <c:pt idx="4290">
                  <c:v>68.262824947179197</c:v>
                </c:pt>
                <c:pt idx="4291">
                  <c:v>66.668236309200353</c:v>
                </c:pt>
                <c:pt idx="4292">
                  <c:v>64.354693802714834</c:v>
                </c:pt>
                <c:pt idx="4293">
                  <c:v>62.283194612244749</c:v>
                </c:pt>
                <c:pt idx="4294">
                  <c:v>62.193845213926409</c:v>
                </c:pt>
                <c:pt idx="4295">
                  <c:v>61.827064191050667</c:v>
                </c:pt>
                <c:pt idx="4296">
                  <c:v>60.553581899607394</c:v>
                </c:pt>
                <c:pt idx="4297">
                  <c:v>60.096929105640541</c:v>
                </c:pt>
                <c:pt idx="4298">
                  <c:v>59.834885265318249</c:v>
                </c:pt>
                <c:pt idx="4299">
                  <c:v>59.975205285500166</c:v>
                </c:pt>
                <c:pt idx="4300">
                  <c:v>61.175992814412581</c:v>
                </c:pt>
                <c:pt idx="4301">
                  <c:v>64.206089467767043</c:v>
                </c:pt>
                <c:pt idx="4302">
                  <c:v>66.492886166620579</c:v>
                </c:pt>
                <c:pt idx="4303">
                  <c:v>68.672969304275796</c:v>
                </c:pt>
                <c:pt idx="4304">
                  <c:v>70.157613272151167</c:v>
                </c:pt>
                <c:pt idx="4305">
                  <c:v>71.400676259121681</c:v>
                </c:pt>
                <c:pt idx="4306">
                  <c:v>72.147165447189991</c:v>
                </c:pt>
                <c:pt idx="4307">
                  <c:v>72.179362423494226</c:v>
                </c:pt>
                <c:pt idx="4308">
                  <c:v>71.486937905370254</c:v>
                </c:pt>
                <c:pt idx="4309">
                  <c:v>70.935749427989407</c:v>
                </c:pt>
                <c:pt idx="4310">
                  <c:v>69.95926491949497</c:v>
                </c:pt>
                <c:pt idx="4311">
                  <c:v>68.778521967352432</c:v>
                </c:pt>
                <c:pt idx="4312">
                  <c:v>67.476144398365079</c:v>
                </c:pt>
                <c:pt idx="4313">
                  <c:v>65.897071308532333</c:v>
                </c:pt>
                <c:pt idx="4314">
                  <c:v>63.916137372205505</c:v>
                </c:pt>
                <c:pt idx="4315">
                  <c:v>61.876841905166678</c:v>
                </c:pt>
                <c:pt idx="4316">
                  <c:v>59.736137982070147</c:v>
                </c:pt>
                <c:pt idx="4317">
                  <c:v>58.095288981821355</c:v>
                </c:pt>
                <c:pt idx="4318">
                  <c:v>58.162885368045174</c:v>
                </c:pt>
                <c:pt idx="4319">
                  <c:v>57.564863532555222</c:v>
                </c:pt>
                <c:pt idx="4320">
                  <c:v>56.677788930771108</c:v>
                </c:pt>
                <c:pt idx="4321">
                  <c:v>55.035402683931991</c:v>
                </c:pt>
                <c:pt idx="4322">
                  <c:v>53.663772446334377</c:v>
                </c:pt>
                <c:pt idx="4323">
                  <c:v>52.792034221169352</c:v>
                </c:pt>
                <c:pt idx="4324">
                  <c:v>50.849278177358585</c:v>
                </c:pt>
                <c:pt idx="4325">
                  <c:v>49.614057176059511</c:v>
                </c:pt>
                <c:pt idx="4326">
                  <c:v>48.857208519779107</c:v>
                </c:pt>
                <c:pt idx="4327">
                  <c:v>49.125900378883252</c:v>
                </c:pt>
                <c:pt idx="4328">
                  <c:v>48.882332251389506</c:v>
                </c:pt>
                <c:pt idx="4329">
                  <c:v>48.875604600817866</c:v>
                </c:pt>
                <c:pt idx="4330">
                  <c:v>48.960109110822096</c:v>
                </c:pt>
                <c:pt idx="4331">
                  <c:v>48.758954384829202</c:v>
                </c:pt>
                <c:pt idx="4332">
                  <c:v>47.923287673657839</c:v>
                </c:pt>
                <c:pt idx="4333">
                  <c:v>47.105270564144014</c:v>
                </c:pt>
                <c:pt idx="4334">
                  <c:v>46.452008862170615</c:v>
                </c:pt>
                <c:pt idx="4335">
                  <c:v>46.280425224793014</c:v>
                </c:pt>
                <c:pt idx="4336">
                  <c:v>45.526021048708039</c:v>
                </c:pt>
                <c:pt idx="4337">
                  <c:v>44.787310827360308</c:v>
                </c:pt>
                <c:pt idx="4338">
                  <c:v>43.868379018112947</c:v>
                </c:pt>
                <c:pt idx="4339">
                  <c:v>43.702732715213934</c:v>
                </c:pt>
                <c:pt idx="4340">
                  <c:v>43.009987355509303</c:v>
                </c:pt>
                <c:pt idx="4341">
                  <c:v>42.191349569151164</c:v>
                </c:pt>
                <c:pt idx="4342">
                  <c:v>42.23827195403215</c:v>
                </c:pt>
                <c:pt idx="4343">
                  <c:v>42.446955708839852</c:v>
                </c:pt>
                <c:pt idx="4344">
                  <c:v>41.991570295996389</c:v>
                </c:pt>
                <c:pt idx="4345">
                  <c:v>41.454952788593054</c:v>
                </c:pt>
                <c:pt idx="4346">
                  <c:v>41.167947245777462</c:v>
                </c:pt>
                <c:pt idx="4347">
                  <c:v>40.968141768664267</c:v>
                </c:pt>
                <c:pt idx="4348">
                  <c:v>40.648843044143206</c:v>
                </c:pt>
                <c:pt idx="4349">
                  <c:v>40.483138704183588</c:v>
                </c:pt>
                <c:pt idx="4350">
                  <c:v>40.059093127534609</c:v>
                </c:pt>
                <c:pt idx="4351">
                  <c:v>40.338594178325785</c:v>
                </c:pt>
                <c:pt idx="4352">
                  <c:v>40.545805196138403</c:v>
                </c:pt>
                <c:pt idx="4353">
                  <c:v>40.629184818849993</c:v>
                </c:pt>
                <c:pt idx="4354">
                  <c:v>41.057240052252375</c:v>
                </c:pt>
                <c:pt idx="4355">
                  <c:v>41.795269225659986</c:v>
                </c:pt>
                <c:pt idx="4356">
                  <c:v>42.110652713978403</c:v>
                </c:pt>
                <c:pt idx="4357">
                  <c:v>42.405421120632937</c:v>
                </c:pt>
                <c:pt idx="4358">
                  <c:v>42.470024646067536</c:v>
                </c:pt>
                <c:pt idx="4359">
                  <c:v>42.512516679057377</c:v>
                </c:pt>
                <c:pt idx="4360">
                  <c:v>42.765630892910366</c:v>
                </c:pt>
                <c:pt idx="4361">
                  <c:v>42.762625910829009</c:v>
                </c:pt>
                <c:pt idx="4362">
                  <c:v>42.760405066512192</c:v>
                </c:pt>
                <c:pt idx="4363">
                  <c:v>42.994799003796011</c:v>
                </c:pt>
                <c:pt idx="4364">
                  <c:v>42.756937710092764</c:v>
                </c:pt>
                <c:pt idx="4365">
                  <c:v>42.797572498302536</c:v>
                </c:pt>
                <c:pt idx="4366">
                  <c:v>43.228856957690887</c:v>
                </c:pt>
                <c:pt idx="4367">
                  <c:v>43.219581639030679</c:v>
                </c:pt>
                <c:pt idx="4368">
                  <c:v>43.071021317318419</c:v>
                </c:pt>
                <c:pt idx="4369">
                  <c:v>43.444446063566666</c:v>
                </c:pt>
                <c:pt idx="4370">
                  <c:v>43.925814878302958</c:v>
                </c:pt>
                <c:pt idx="4371">
                  <c:v>44.752241850140891</c:v>
                </c:pt>
                <c:pt idx="4372">
                  <c:v>48.078995458461108</c:v>
                </c:pt>
                <c:pt idx="4373">
                  <c:v>53.642027201281437</c:v>
                </c:pt>
                <c:pt idx="4374">
                  <c:v>58.731349824925026</c:v>
                </c:pt>
                <c:pt idx="4375">
                  <c:v>61.480242444783777</c:v>
                </c:pt>
                <c:pt idx="4376">
                  <c:v>64.170077285340909</c:v>
                </c:pt>
                <c:pt idx="4377">
                  <c:v>66.08177691151937</c:v>
                </c:pt>
                <c:pt idx="4378">
                  <c:v>68.099394879367779</c:v>
                </c:pt>
                <c:pt idx="4379">
                  <c:v>69.302175458605234</c:v>
                </c:pt>
                <c:pt idx="4380">
                  <c:v>68.934049698010313</c:v>
                </c:pt>
                <c:pt idx="4381">
                  <c:v>69.44561606425988</c:v>
                </c:pt>
                <c:pt idx="4382">
                  <c:v>70.388950388235287</c:v>
                </c:pt>
                <c:pt idx="4383">
                  <c:v>69.706996979739046</c:v>
                </c:pt>
                <c:pt idx="4384">
                  <c:v>68.583645619572337</c:v>
                </c:pt>
                <c:pt idx="4385">
                  <c:v>67.501981952477365</c:v>
                </c:pt>
                <c:pt idx="4386">
                  <c:v>65.988645454302016</c:v>
                </c:pt>
                <c:pt idx="4387">
                  <c:v>65.557732636084339</c:v>
                </c:pt>
                <c:pt idx="4388">
                  <c:v>63.741528236773107</c:v>
                </c:pt>
                <c:pt idx="4389">
                  <c:v>61.574392110154697</c:v>
                </c:pt>
                <c:pt idx="4390">
                  <c:v>61.345277819375255</c:v>
                </c:pt>
                <c:pt idx="4391">
                  <c:v>61.080994227089505</c:v>
                </c:pt>
                <c:pt idx="4392">
                  <c:v>60.280692699859074</c:v>
                </c:pt>
                <c:pt idx="4393">
                  <c:v>59.295027979736119</c:v>
                </c:pt>
                <c:pt idx="4394">
                  <c:v>59.588129394901451</c:v>
                </c:pt>
                <c:pt idx="4395">
                  <c:v>59.986841392521555</c:v>
                </c:pt>
                <c:pt idx="4396">
                  <c:v>61.277166984330144</c:v>
                </c:pt>
                <c:pt idx="4397">
                  <c:v>64.304071815103356</c:v>
                </c:pt>
                <c:pt idx="4398">
                  <c:v>67.169818869225466</c:v>
                </c:pt>
                <c:pt idx="4399">
                  <c:v>69.552024651394333</c:v>
                </c:pt>
                <c:pt idx="4400">
                  <c:v>71.340817395783006</c:v>
                </c:pt>
                <c:pt idx="4401">
                  <c:v>72.306256386621172</c:v>
                </c:pt>
                <c:pt idx="4402">
                  <c:v>73.862616705154991</c:v>
                </c:pt>
                <c:pt idx="4403">
                  <c:v>75.284301818647336</c:v>
                </c:pt>
                <c:pt idx="4404">
                  <c:v>74.567148628890763</c:v>
                </c:pt>
                <c:pt idx="4405">
                  <c:v>73.780680771487596</c:v>
                </c:pt>
                <c:pt idx="4406">
                  <c:v>73.328253758089829</c:v>
                </c:pt>
                <c:pt idx="4407">
                  <c:v>72.953538996460708</c:v>
                </c:pt>
                <c:pt idx="4408">
                  <c:v>71.197554000281244</c:v>
                </c:pt>
                <c:pt idx="4409">
                  <c:v>69.712656956301515</c:v>
                </c:pt>
                <c:pt idx="4410">
                  <c:v>68.164755710968791</c:v>
                </c:pt>
                <c:pt idx="4411">
                  <c:v>67.216562141420638</c:v>
                </c:pt>
                <c:pt idx="4412">
                  <c:v>65.306267820194577</c:v>
                </c:pt>
                <c:pt idx="4413">
                  <c:v>62.489370632541224</c:v>
                </c:pt>
                <c:pt idx="4414">
                  <c:v>61.233696362944222</c:v>
                </c:pt>
                <c:pt idx="4415">
                  <c:v>59.808558466042264</c:v>
                </c:pt>
                <c:pt idx="4416">
                  <c:v>58.999631207650673</c:v>
                </c:pt>
                <c:pt idx="4417">
                  <c:v>58.540753705459956</c:v>
                </c:pt>
                <c:pt idx="4418">
                  <c:v>59.229848437946202</c:v>
                </c:pt>
                <c:pt idx="4419">
                  <c:v>59.976559025926612</c:v>
                </c:pt>
                <c:pt idx="4420">
                  <c:v>61.405367928724189</c:v>
                </c:pt>
                <c:pt idx="4421">
                  <c:v>63.748776239902185</c:v>
                </c:pt>
                <c:pt idx="4422">
                  <c:v>66.643740589973504</c:v>
                </c:pt>
                <c:pt idx="4423">
                  <c:v>68.54659053529231</c:v>
                </c:pt>
                <c:pt idx="4424">
                  <c:v>70.206237011796162</c:v>
                </c:pt>
                <c:pt idx="4425">
                  <c:v>71.084145445390561</c:v>
                </c:pt>
                <c:pt idx="4426">
                  <c:v>72.644178574284211</c:v>
                </c:pt>
                <c:pt idx="4427">
                  <c:v>73.66367772390619</c:v>
                </c:pt>
                <c:pt idx="4428">
                  <c:v>73.064990629537874</c:v>
                </c:pt>
                <c:pt idx="4429">
                  <c:v>72.709329793831657</c:v>
                </c:pt>
                <c:pt idx="4430">
                  <c:v>72.438040271212287</c:v>
                </c:pt>
                <c:pt idx="4431">
                  <c:v>71.686253411611347</c:v>
                </c:pt>
                <c:pt idx="4432">
                  <c:v>70.306077113869819</c:v>
                </c:pt>
                <c:pt idx="4433">
                  <c:v>68.680443493069873</c:v>
                </c:pt>
                <c:pt idx="4434">
                  <c:v>67.554730265786191</c:v>
                </c:pt>
                <c:pt idx="4435">
                  <c:v>66.367363517832331</c:v>
                </c:pt>
                <c:pt idx="4436">
                  <c:v>64.669245021147475</c:v>
                </c:pt>
                <c:pt idx="4437">
                  <c:v>62.17643988180334</c:v>
                </c:pt>
                <c:pt idx="4438">
                  <c:v>61.833795313254534</c:v>
                </c:pt>
                <c:pt idx="4439">
                  <c:v>61.453397626985591</c:v>
                </c:pt>
                <c:pt idx="4440">
                  <c:v>60.393516627962015</c:v>
                </c:pt>
                <c:pt idx="4441">
                  <c:v>59.687926229061752</c:v>
                </c:pt>
                <c:pt idx="4442">
                  <c:v>59.369023368681908</c:v>
                </c:pt>
                <c:pt idx="4443">
                  <c:v>59.58337102280035</c:v>
                </c:pt>
                <c:pt idx="4444">
                  <c:v>60.631902687314472</c:v>
                </c:pt>
                <c:pt idx="4445">
                  <c:v>64.146809778596023</c:v>
                </c:pt>
                <c:pt idx="4446">
                  <c:v>66.978801034708098</c:v>
                </c:pt>
                <c:pt idx="4447">
                  <c:v>68.033309731913278</c:v>
                </c:pt>
                <c:pt idx="4448">
                  <c:v>69.063954056611223</c:v>
                </c:pt>
                <c:pt idx="4449">
                  <c:v>69.404289244414855</c:v>
                </c:pt>
                <c:pt idx="4450">
                  <c:v>70.036107517586871</c:v>
                </c:pt>
                <c:pt idx="4451">
                  <c:v>71.371168738642055</c:v>
                </c:pt>
                <c:pt idx="4452">
                  <c:v>71.154781039674361</c:v>
                </c:pt>
                <c:pt idx="4453">
                  <c:v>70.772145543202356</c:v>
                </c:pt>
                <c:pt idx="4454">
                  <c:v>71.605810632843742</c:v>
                </c:pt>
                <c:pt idx="4455">
                  <c:v>70.97389925324164</c:v>
                </c:pt>
                <c:pt idx="4456">
                  <c:v>70.043910530754275</c:v>
                </c:pt>
                <c:pt idx="4457">
                  <c:v>68.658230813333603</c:v>
                </c:pt>
                <c:pt idx="4458">
                  <c:v>68.042329130476631</c:v>
                </c:pt>
                <c:pt idx="4459">
                  <c:v>66.993506398041205</c:v>
                </c:pt>
                <c:pt idx="4460">
                  <c:v>65.127025624854426</c:v>
                </c:pt>
                <c:pt idx="4461">
                  <c:v>62.79780242252081</c:v>
                </c:pt>
                <c:pt idx="4462">
                  <c:v>62.414589340594183</c:v>
                </c:pt>
                <c:pt idx="4463">
                  <c:v>61.488951475504372</c:v>
                </c:pt>
                <c:pt idx="4464">
                  <c:v>60.264638401466165</c:v>
                </c:pt>
                <c:pt idx="4465">
                  <c:v>59.950343691542592</c:v>
                </c:pt>
                <c:pt idx="4466">
                  <c:v>60.028044018156514</c:v>
                </c:pt>
                <c:pt idx="4467">
                  <c:v>60.512885936138431</c:v>
                </c:pt>
                <c:pt idx="4468">
                  <c:v>61.550059616483196</c:v>
                </c:pt>
                <c:pt idx="4469">
                  <c:v>63.90147872880425</c:v>
                </c:pt>
                <c:pt idx="4470">
                  <c:v>66.400481280836971</c:v>
                </c:pt>
                <c:pt idx="4471">
                  <c:v>68.540735715823502</c:v>
                </c:pt>
                <c:pt idx="4472">
                  <c:v>69.778460273906887</c:v>
                </c:pt>
                <c:pt idx="4473">
                  <c:v>70.101928840606774</c:v>
                </c:pt>
                <c:pt idx="4474">
                  <c:v>71.351576670498346</c:v>
                </c:pt>
                <c:pt idx="4475">
                  <c:v>71.770554527117994</c:v>
                </c:pt>
                <c:pt idx="4476">
                  <c:v>70.255303257059239</c:v>
                </c:pt>
                <c:pt idx="4477">
                  <c:v>69.685876667712279</c:v>
                </c:pt>
                <c:pt idx="4478">
                  <c:v>69.439223710596238</c:v>
                </c:pt>
                <c:pt idx="4479">
                  <c:v>68.719071285584505</c:v>
                </c:pt>
                <c:pt idx="4480">
                  <c:v>67.702387080504181</c:v>
                </c:pt>
                <c:pt idx="4481">
                  <c:v>66.045722677231822</c:v>
                </c:pt>
                <c:pt idx="4482">
                  <c:v>64.649319303650046</c:v>
                </c:pt>
                <c:pt idx="4483">
                  <c:v>62.916315080930993</c:v>
                </c:pt>
                <c:pt idx="4484">
                  <c:v>61.635274516584573</c:v>
                </c:pt>
                <c:pt idx="4485">
                  <c:v>59.418485458472475</c:v>
                </c:pt>
                <c:pt idx="4486">
                  <c:v>58.184364670379452</c:v>
                </c:pt>
                <c:pt idx="4487">
                  <c:v>57.507988939187058</c:v>
                </c:pt>
                <c:pt idx="4488">
                  <c:v>56.653088620608486</c:v>
                </c:pt>
                <c:pt idx="4489">
                  <c:v>55.597375129728505</c:v>
                </c:pt>
                <c:pt idx="4490">
                  <c:v>54.896386820638462</c:v>
                </c:pt>
                <c:pt idx="4491">
                  <c:v>53.719487946045028</c:v>
                </c:pt>
                <c:pt idx="4492">
                  <c:v>52.355978856499192</c:v>
                </c:pt>
                <c:pt idx="4493">
                  <c:v>51.358169013539893</c:v>
                </c:pt>
                <c:pt idx="4494">
                  <c:v>50.42538317540177</c:v>
                </c:pt>
                <c:pt idx="4495">
                  <c:v>50.742028435313564</c:v>
                </c:pt>
                <c:pt idx="4496">
                  <c:v>50.850330003464769</c:v>
                </c:pt>
                <c:pt idx="4497">
                  <c:v>50.72983206177112</c:v>
                </c:pt>
                <c:pt idx="4498">
                  <c:v>50.838076553935075</c:v>
                </c:pt>
                <c:pt idx="4499">
                  <c:v>50.677985039103795</c:v>
                </c:pt>
                <c:pt idx="4500">
                  <c:v>49.381109869881072</c:v>
                </c:pt>
                <c:pt idx="4501">
                  <c:v>48.541292243791254</c:v>
                </c:pt>
                <c:pt idx="4502">
                  <c:v>47.720941118673167</c:v>
                </c:pt>
                <c:pt idx="4503">
                  <c:v>47.697473394856807</c:v>
                </c:pt>
                <c:pt idx="4504">
                  <c:v>47.040738491569066</c:v>
                </c:pt>
                <c:pt idx="4505">
                  <c:v>45.855650683833844</c:v>
                </c:pt>
                <c:pt idx="4506">
                  <c:v>44.861352347825687</c:v>
                </c:pt>
                <c:pt idx="4507">
                  <c:v>44.797223278793808</c:v>
                </c:pt>
                <c:pt idx="4508">
                  <c:v>43.471201952661673</c:v>
                </c:pt>
                <c:pt idx="4509">
                  <c:v>42.256578674865423</c:v>
                </c:pt>
                <c:pt idx="4510">
                  <c:v>42.236200978312816</c:v>
                </c:pt>
                <c:pt idx="4511">
                  <c:v>41.99719518357562</c:v>
                </c:pt>
                <c:pt idx="4512">
                  <c:v>41.289718923446685</c:v>
                </c:pt>
                <c:pt idx="4513">
                  <c:v>41.256656530033808</c:v>
                </c:pt>
                <c:pt idx="4514">
                  <c:v>40.573008925789154</c:v>
                </c:pt>
                <c:pt idx="4515">
                  <c:v>40.634899870798115</c:v>
                </c:pt>
                <c:pt idx="4516">
                  <c:v>40.468295730841341</c:v>
                </c:pt>
                <c:pt idx="4517">
                  <c:v>40.539743883200885</c:v>
                </c:pt>
                <c:pt idx="4518">
                  <c:v>40.212636182935022</c:v>
                </c:pt>
                <c:pt idx="4519">
                  <c:v>40.014475416100879</c:v>
                </c:pt>
                <c:pt idx="4520">
                  <c:v>39.451923815750433</c:v>
                </c:pt>
                <c:pt idx="4521">
                  <c:v>39.174741932961354</c:v>
                </c:pt>
                <c:pt idx="4522">
                  <c:v>39.925077669910166</c:v>
                </c:pt>
                <c:pt idx="4523">
                  <c:v>40.424663923729192</c:v>
                </c:pt>
                <c:pt idx="4524">
                  <c:v>40.973405979154222</c:v>
                </c:pt>
                <c:pt idx="4525">
                  <c:v>41.132637902158066</c:v>
                </c:pt>
                <c:pt idx="4526">
                  <c:v>41.230701195404841</c:v>
                </c:pt>
                <c:pt idx="4527">
                  <c:v>41.014043787880148</c:v>
                </c:pt>
                <c:pt idx="4528">
                  <c:v>41.089253208572906</c:v>
                </c:pt>
                <c:pt idx="4529">
                  <c:v>41.230137594547791</c:v>
                </c:pt>
                <c:pt idx="4530">
                  <c:v>41.734331920368135</c:v>
                </c:pt>
                <c:pt idx="4531">
                  <c:v>41.986647599970425</c:v>
                </c:pt>
                <c:pt idx="4532">
                  <c:v>41.970308510053428</c:v>
                </c:pt>
                <c:pt idx="4533">
                  <c:v>41.998297573906946</c:v>
                </c:pt>
                <c:pt idx="4534">
                  <c:v>42.87952726116162</c:v>
                </c:pt>
                <c:pt idx="4535">
                  <c:v>43.470370741917939</c:v>
                </c:pt>
                <c:pt idx="4536">
                  <c:v>43.714703177683745</c:v>
                </c:pt>
                <c:pt idx="4537">
                  <c:v>43.723427487508836</c:v>
                </c:pt>
                <c:pt idx="4538">
                  <c:v>44.400641902280412</c:v>
                </c:pt>
                <c:pt idx="4539">
                  <c:v>45.349163393969825</c:v>
                </c:pt>
                <c:pt idx="4540">
                  <c:v>48.46361945487017</c:v>
                </c:pt>
                <c:pt idx="4541">
                  <c:v>53.344075602091834</c:v>
                </c:pt>
                <c:pt idx="4542">
                  <c:v>58.651207175627221</c:v>
                </c:pt>
                <c:pt idx="4543">
                  <c:v>62.018228383305811</c:v>
                </c:pt>
                <c:pt idx="4544">
                  <c:v>65.465162524143778</c:v>
                </c:pt>
                <c:pt idx="4545">
                  <c:v>67.720678934121523</c:v>
                </c:pt>
                <c:pt idx="4546">
                  <c:v>70.071206052714459</c:v>
                </c:pt>
                <c:pt idx="4547">
                  <c:v>71.437824645969201</c:v>
                </c:pt>
                <c:pt idx="4548">
                  <c:v>71.372835102491521</c:v>
                </c:pt>
                <c:pt idx="4549">
                  <c:v>72.148719561597844</c:v>
                </c:pt>
                <c:pt idx="4550">
                  <c:v>72.624712171381191</c:v>
                </c:pt>
                <c:pt idx="4551">
                  <c:v>71.642202439233273</c:v>
                </c:pt>
                <c:pt idx="4552">
                  <c:v>70.279925896806205</c:v>
                </c:pt>
                <c:pt idx="4553">
                  <c:v>68.22238149101608</c:v>
                </c:pt>
                <c:pt idx="4554">
                  <c:v>67.085552038538651</c:v>
                </c:pt>
                <c:pt idx="4555">
                  <c:v>66.141638403099392</c:v>
                </c:pt>
                <c:pt idx="4556">
                  <c:v>64.239360551387634</c:v>
                </c:pt>
                <c:pt idx="4557">
                  <c:v>62.22839954618712</c:v>
                </c:pt>
                <c:pt idx="4558">
                  <c:v>62.003528433365325</c:v>
                </c:pt>
                <c:pt idx="4559">
                  <c:v>61.379717587772873</c:v>
                </c:pt>
                <c:pt idx="4560">
                  <c:v>60.401590859944534</c:v>
                </c:pt>
                <c:pt idx="4561">
                  <c:v>59.532610993677402</c:v>
                </c:pt>
                <c:pt idx="4562">
                  <c:v>59.2112017521345</c:v>
                </c:pt>
                <c:pt idx="4563">
                  <c:v>60.002971007681168</c:v>
                </c:pt>
                <c:pt idx="4564">
                  <c:v>61.921202990408894</c:v>
                </c:pt>
                <c:pt idx="4565">
                  <c:v>65.071139544435454</c:v>
                </c:pt>
                <c:pt idx="4566">
                  <c:v>67.898486737330884</c:v>
                </c:pt>
                <c:pt idx="4567">
                  <c:v>70.120612714072038</c:v>
                </c:pt>
                <c:pt idx="4568">
                  <c:v>71.581235262213369</c:v>
                </c:pt>
                <c:pt idx="4569">
                  <c:v>71.947457901487255</c:v>
                </c:pt>
                <c:pt idx="4570">
                  <c:v>72.551404381365145</c:v>
                </c:pt>
                <c:pt idx="4571">
                  <c:v>73.528578783597055</c:v>
                </c:pt>
                <c:pt idx="4572">
                  <c:v>73.182553296386857</c:v>
                </c:pt>
                <c:pt idx="4573">
                  <c:v>72.545502841964478</c:v>
                </c:pt>
                <c:pt idx="4574">
                  <c:v>72.504582869955797</c:v>
                </c:pt>
                <c:pt idx="4575">
                  <c:v>70.315066778001338</c:v>
                </c:pt>
                <c:pt idx="4576">
                  <c:v>68.761985268991538</c:v>
                </c:pt>
                <c:pt idx="4577">
                  <c:v>68.112805382725895</c:v>
                </c:pt>
                <c:pt idx="4578">
                  <c:v>67.856641879349866</c:v>
                </c:pt>
                <c:pt idx="4579">
                  <c:v>66.684837909431266</c:v>
                </c:pt>
                <c:pt idx="4580">
                  <c:v>64.408066617547533</c:v>
                </c:pt>
                <c:pt idx="4581">
                  <c:v>62.359595293130788</c:v>
                </c:pt>
                <c:pt idx="4582">
                  <c:v>61.45571418636009</c:v>
                </c:pt>
                <c:pt idx="4583">
                  <c:v>60.860486524459716</c:v>
                </c:pt>
                <c:pt idx="4584">
                  <c:v>59.919194559755041</c:v>
                </c:pt>
                <c:pt idx="4585">
                  <c:v>59.302479377362772</c:v>
                </c:pt>
                <c:pt idx="4586">
                  <c:v>59.04512488838585</c:v>
                </c:pt>
                <c:pt idx="4587">
                  <c:v>59.658827341268932</c:v>
                </c:pt>
                <c:pt idx="4588">
                  <c:v>60.908498746877569</c:v>
                </c:pt>
                <c:pt idx="4589">
                  <c:v>63.434525111711849</c:v>
                </c:pt>
                <c:pt idx="4590">
                  <c:v>66.175760762321104</c:v>
                </c:pt>
                <c:pt idx="4591">
                  <c:v>68.042943982039773</c:v>
                </c:pt>
                <c:pt idx="4592">
                  <c:v>69.054460888126073</c:v>
                </c:pt>
                <c:pt idx="4593">
                  <c:v>69.27524439918642</c:v>
                </c:pt>
                <c:pt idx="4594">
                  <c:v>70.254960016586011</c:v>
                </c:pt>
                <c:pt idx="4595">
                  <c:v>70.605614758638154</c:v>
                </c:pt>
                <c:pt idx="4596">
                  <c:v>70.059056006829053</c:v>
                </c:pt>
                <c:pt idx="4597">
                  <c:v>69.913135302424692</c:v>
                </c:pt>
                <c:pt idx="4598">
                  <c:v>70.295235892943197</c:v>
                </c:pt>
                <c:pt idx="4599">
                  <c:v>70.244140566912279</c:v>
                </c:pt>
                <c:pt idx="4600">
                  <c:v>68.8765119444341</c:v>
                </c:pt>
                <c:pt idx="4601">
                  <c:v>67.501687059876502</c:v>
                </c:pt>
                <c:pt idx="4602">
                  <c:v>66.366555078642293</c:v>
                </c:pt>
                <c:pt idx="4603">
                  <c:v>65.753997146406903</c:v>
                </c:pt>
                <c:pt idx="4604">
                  <c:v>64.022972303235179</c:v>
                </c:pt>
                <c:pt idx="4605">
                  <c:v>62.277874757570629</c:v>
                </c:pt>
                <c:pt idx="4606">
                  <c:v>61.474567012593141</c:v>
                </c:pt>
                <c:pt idx="4607">
                  <c:v>60.871512232237237</c:v>
                </c:pt>
                <c:pt idx="4608">
                  <c:v>60.028721398327015</c:v>
                </c:pt>
                <c:pt idx="4609">
                  <c:v>59.270736223805358</c:v>
                </c:pt>
                <c:pt idx="4610">
                  <c:v>59.774537117588402</c:v>
                </c:pt>
                <c:pt idx="4611">
                  <c:v>60.282450777563</c:v>
                </c:pt>
                <c:pt idx="4612">
                  <c:v>61.604258052143358</c:v>
                </c:pt>
                <c:pt idx="4613">
                  <c:v>64.458484386884308</c:v>
                </c:pt>
                <c:pt idx="4614">
                  <c:v>67.286496073722176</c:v>
                </c:pt>
                <c:pt idx="4615">
                  <c:v>69.415546943524816</c:v>
                </c:pt>
                <c:pt idx="4616">
                  <c:v>70.457764003245913</c:v>
                </c:pt>
                <c:pt idx="4617">
                  <c:v>70.712940072428523</c:v>
                </c:pt>
                <c:pt idx="4618">
                  <c:v>72.251139969025644</c:v>
                </c:pt>
                <c:pt idx="4619">
                  <c:v>72.479541927947537</c:v>
                </c:pt>
                <c:pt idx="4620">
                  <c:v>71.856238646753155</c:v>
                </c:pt>
                <c:pt idx="4621">
                  <c:v>71.570902743281835</c:v>
                </c:pt>
                <c:pt idx="4622">
                  <c:v>71.495077862999963</c:v>
                </c:pt>
                <c:pt idx="4623">
                  <c:v>70.755605333981777</c:v>
                </c:pt>
                <c:pt idx="4624">
                  <c:v>69.566685099259786</c:v>
                </c:pt>
                <c:pt idx="4625">
                  <c:v>68.325739984464107</c:v>
                </c:pt>
                <c:pt idx="4626">
                  <c:v>67.130128776866755</c:v>
                </c:pt>
                <c:pt idx="4627">
                  <c:v>65.825118004264908</c:v>
                </c:pt>
                <c:pt idx="4628">
                  <c:v>63.829722679933354</c:v>
                </c:pt>
                <c:pt idx="4629">
                  <c:v>61.527715112791469</c:v>
                </c:pt>
                <c:pt idx="4630">
                  <c:v>61.030450655215866</c:v>
                </c:pt>
                <c:pt idx="4631">
                  <c:v>60.954621204932252</c:v>
                </c:pt>
                <c:pt idx="4632">
                  <c:v>59.784750463427621</c:v>
                </c:pt>
                <c:pt idx="4633">
                  <c:v>59.119934031845588</c:v>
                </c:pt>
                <c:pt idx="4634">
                  <c:v>59.188352233831047</c:v>
                </c:pt>
                <c:pt idx="4635">
                  <c:v>59.825015375703423</c:v>
                </c:pt>
                <c:pt idx="4636">
                  <c:v>61.230601196880237</c:v>
                </c:pt>
                <c:pt idx="4637">
                  <c:v>64.185092271194591</c:v>
                </c:pt>
                <c:pt idx="4638">
                  <c:v>66.479825788158919</c:v>
                </c:pt>
                <c:pt idx="4639">
                  <c:v>68.284906901329521</c:v>
                </c:pt>
                <c:pt idx="4640">
                  <c:v>69.668726824183764</c:v>
                </c:pt>
                <c:pt idx="4641">
                  <c:v>70.383396031669875</c:v>
                </c:pt>
                <c:pt idx="4642">
                  <c:v>71.33943849092644</c:v>
                </c:pt>
                <c:pt idx="4643">
                  <c:v>71.668830289824896</c:v>
                </c:pt>
                <c:pt idx="4644">
                  <c:v>71.077023774369351</c:v>
                </c:pt>
                <c:pt idx="4645">
                  <c:v>70.841635675378868</c:v>
                </c:pt>
                <c:pt idx="4646">
                  <c:v>70.895011608796437</c:v>
                </c:pt>
                <c:pt idx="4647">
                  <c:v>69.759291587983483</c:v>
                </c:pt>
                <c:pt idx="4648">
                  <c:v>68.490014384612195</c:v>
                </c:pt>
                <c:pt idx="4649">
                  <c:v>66.663140580748404</c:v>
                </c:pt>
                <c:pt idx="4650">
                  <c:v>64.938480475092533</c:v>
                </c:pt>
                <c:pt idx="4651">
                  <c:v>63.36670744325837</c:v>
                </c:pt>
                <c:pt idx="4652">
                  <c:v>61.232239924968177</c:v>
                </c:pt>
                <c:pt idx="4653">
                  <c:v>59.573957976448533</c:v>
                </c:pt>
                <c:pt idx="4654">
                  <c:v>59.086826311076514</c:v>
                </c:pt>
                <c:pt idx="4655">
                  <c:v>58.156840354126693</c:v>
                </c:pt>
                <c:pt idx="4656">
                  <c:v>56.784170117508914</c:v>
                </c:pt>
                <c:pt idx="4657">
                  <c:v>55.631691900354255</c:v>
                </c:pt>
                <c:pt idx="4658">
                  <c:v>54.72074747344282</c:v>
                </c:pt>
                <c:pt idx="4659">
                  <c:v>53.771805698504231</c:v>
                </c:pt>
                <c:pt idx="4660">
                  <c:v>52.141576480042445</c:v>
                </c:pt>
                <c:pt idx="4661">
                  <c:v>51.746822908083381</c:v>
                </c:pt>
                <c:pt idx="4662">
                  <c:v>51.257876618591197</c:v>
                </c:pt>
                <c:pt idx="4663">
                  <c:v>51.669976897200492</c:v>
                </c:pt>
                <c:pt idx="4664">
                  <c:v>51.515857727376059</c:v>
                </c:pt>
                <c:pt idx="4665">
                  <c:v>51.440195798057125</c:v>
                </c:pt>
                <c:pt idx="4666">
                  <c:v>51.392168100397342</c:v>
                </c:pt>
                <c:pt idx="4667">
                  <c:v>51.110315930819461</c:v>
                </c:pt>
                <c:pt idx="4668">
                  <c:v>49.651939411038811</c:v>
                </c:pt>
                <c:pt idx="4669">
                  <c:v>48.353668273004558</c:v>
                </c:pt>
                <c:pt idx="4670">
                  <c:v>47.736693443904599</c:v>
                </c:pt>
                <c:pt idx="4671">
                  <c:v>47.671051351252942</c:v>
                </c:pt>
                <c:pt idx="4672">
                  <c:v>46.740974876886895</c:v>
                </c:pt>
                <c:pt idx="4673">
                  <c:v>45.740228484189721</c:v>
                </c:pt>
                <c:pt idx="4674">
                  <c:v>44.925443817315447</c:v>
                </c:pt>
                <c:pt idx="4675">
                  <c:v>44.004780977713466</c:v>
                </c:pt>
                <c:pt idx="4676">
                  <c:v>42.989218541340882</c:v>
                </c:pt>
                <c:pt idx="4677">
                  <c:v>41.774741542827449</c:v>
                </c:pt>
                <c:pt idx="4678">
                  <c:v>41.881940995239717</c:v>
                </c:pt>
                <c:pt idx="4679">
                  <c:v>41.752587723928912</c:v>
                </c:pt>
                <c:pt idx="4680">
                  <c:v>40.874378631293688</c:v>
                </c:pt>
                <c:pt idx="4681">
                  <c:v>40.027831903215365</c:v>
                </c:pt>
                <c:pt idx="4682">
                  <c:v>40.020586391031436</c:v>
                </c:pt>
                <c:pt idx="4683">
                  <c:v>40.121368129212513</c:v>
                </c:pt>
                <c:pt idx="4684">
                  <c:v>40.025212213468649</c:v>
                </c:pt>
                <c:pt idx="4685">
                  <c:v>40.018437666441486</c:v>
                </c:pt>
                <c:pt idx="4686">
                  <c:v>39.448796659674336</c:v>
                </c:pt>
                <c:pt idx="4687">
                  <c:v>39.572025285276879</c:v>
                </c:pt>
                <c:pt idx="4688">
                  <c:v>39.54565182491028</c:v>
                </c:pt>
                <c:pt idx="4689">
                  <c:v>39.3869987426405</c:v>
                </c:pt>
                <c:pt idx="4690">
                  <c:v>39.80148518979226</c:v>
                </c:pt>
                <c:pt idx="4691">
                  <c:v>40.364943945292858</c:v>
                </c:pt>
                <c:pt idx="4692">
                  <c:v>40.251651523364572</c:v>
                </c:pt>
                <c:pt idx="4693">
                  <c:v>40.324756742660192</c:v>
                </c:pt>
                <c:pt idx="4694">
                  <c:v>40.811105035203575</c:v>
                </c:pt>
                <c:pt idx="4695">
                  <c:v>40.677380272839351</c:v>
                </c:pt>
                <c:pt idx="4696">
                  <c:v>40.41079802852493</c:v>
                </c:pt>
                <c:pt idx="4697">
                  <c:v>40.154544949192285</c:v>
                </c:pt>
                <c:pt idx="4698">
                  <c:v>40.31839229935045</c:v>
                </c:pt>
                <c:pt idx="4699">
                  <c:v>40.190469065919856</c:v>
                </c:pt>
                <c:pt idx="4700">
                  <c:v>40.711099451994322</c:v>
                </c:pt>
                <c:pt idx="4701">
                  <c:v>41.528058282481048</c:v>
                </c:pt>
                <c:pt idx="4702">
                  <c:v>41.784981229921272</c:v>
                </c:pt>
                <c:pt idx="4703">
                  <c:v>41.564615373868754</c:v>
                </c:pt>
                <c:pt idx="4704">
                  <c:v>41.625318961818948</c:v>
                </c:pt>
                <c:pt idx="4705">
                  <c:v>42.165591117257648</c:v>
                </c:pt>
                <c:pt idx="4706">
                  <c:v>42.919208743087893</c:v>
                </c:pt>
                <c:pt idx="4707">
                  <c:v>44.041079442308011</c:v>
                </c:pt>
                <c:pt idx="4708">
                  <c:v>47.450470155934383</c:v>
                </c:pt>
                <c:pt idx="4709">
                  <c:v>52.452187454752256</c:v>
                </c:pt>
                <c:pt idx="4710">
                  <c:v>56.86329342105617</c:v>
                </c:pt>
                <c:pt idx="4711">
                  <c:v>60.180838220913024</c:v>
                </c:pt>
                <c:pt idx="4712">
                  <c:v>61.920231188367318</c:v>
                </c:pt>
                <c:pt idx="4713">
                  <c:v>62.390111626781881</c:v>
                </c:pt>
                <c:pt idx="4714">
                  <c:v>64.207884752738266</c:v>
                </c:pt>
                <c:pt idx="4715">
                  <c:v>64.842952709028438</c:v>
                </c:pt>
                <c:pt idx="4716">
                  <c:v>63.882385104668906</c:v>
                </c:pt>
                <c:pt idx="4717">
                  <c:v>63.947835688750231</c:v>
                </c:pt>
                <c:pt idx="4718">
                  <c:v>65.094412856847768</c:v>
                </c:pt>
                <c:pt idx="4719">
                  <c:v>65.234906968597699</c:v>
                </c:pt>
                <c:pt idx="4720">
                  <c:v>64.310391539082872</c:v>
                </c:pt>
                <c:pt idx="4721">
                  <c:v>62.91355207357639</c:v>
                </c:pt>
                <c:pt idx="4722">
                  <c:v>61.491807589289053</c:v>
                </c:pt>
                <c:pt idx="4723">
                  <c:v>60.115826710045049</c:v>
                </c:pt>
                <c:pt idx="4724">
                  <c:v>57.871604480736153</c:v>
                </c:pt>
                <c:pt idx="4725">
                  <c:v>55.950579834676951</c:v>
                </c:pt>
                <c:pt idx="4726">
                  <c:v>55.618543613103967</c:v>
                </c:pt>
                <c:pt idx="4727">
                  <c:v>54.804460902418064</c:v>
                </c:pt>
                <c:pt idx="4728">
                  <c:v>50.437156127496415</c:v>
                </c:pt>
                <c:pt idx="4729">
                  <c:v>50.366706138046801</c:v>
                </c:pt>
                <c:pt idx="4730">
                  <c:v>50.874931852645929</c:v>
                </c:pt>
                <c:pt idx="4731">
                  <c:v>52.44922664281637</c:v>
                </c:pt>
                <c:pt idx="4732">
                  <c:v>55.684139672304724</c:v>
                </c:pt>
                <c:pt idx="4733">
                  <c:v>61.007772776762785</c:v>
                </c:pt>
                <c:pt idx="4734">
                  <c:v>64.751609122788082</c:v>
                </c:pt>
                <c:pt idx="4735">
                  <c:v>67.457360769411409</c:v>
                </c:pt>
                <c:pt idx="4736">
                  <c:v>68.707125379518843</c:v>
                </c:pt>
                <c:pt idx="4737">
                  <c:v>69.079852661125472</c:v>
                </c:pt>
                <c:pt idx="4738">
                  <c:v>70.82438792005361</c:v>
                </c:pt>
                <c:pt idx="4739">
                  <c:v>71.75647015444909</c:v>
                </c:pt>
                <c:pt idx="4740">
                  <c:v>71.883112375206068</c:v>
                </c:pt>
                <c:pt idx="4741">
                  <c:v>71.805031738147804</c:v>
                </c:pt>
                <c:pt idx="4742">
                  <c:v>72.669485164805025</c:v>
                </c:pt>
                <c:pt idx="4743">
                  <c:v>73.104977850463968</c:v>
                </c:pt>
                <c:pt idx="4744">
                  <c:v>71.723174102535779</c:v>
                </c:pt>
                <c:pt idx="4745">
                  <c:v>70.183875718741845</c:v>
                </c:pt>
                <c:pt idx="4746">
                  <c:v>68.97398862990525</c:v>
                </c:pt>
                <c:pt idx="4747">
                  <c:v>67.872686586623288</c:v>
                </c:pt>
                <c:pt idx="4748">
                  <c:v>65.883611103953697</c:v>
                </c:pt>
                <c:pt idx="4749">
                  <c:v>63.812080374587566</c:v>
                </c:pt>
                <c:pt idx="4750">
                  <c:v>62.929680511911528</c:v>
                </c:pt>
                <c:pt idx="4751">
                  <c:v>62.272550489804743</c:v>
                </c:pt>
                <c:pt idx="4752">
                  <c:v>50.163474944487021</c:v>
                </c:pt>
                <c:pt idx="4753">
                  <c:v>50.19291369918956</c:v>
                </c:pt>
                <c:pt idx="4754">
                  <c:v>51.076820544453042</c:v>
                </c:pt>
                <c:pt idx="4755">
                  <c:v>52.610959690500614</c:v>
                </c:pt>
                <c:pt idx="4756">
                  <c:v>55.39611241047588</c:v>
                </c:pt>
                <c:pt idx="4757">
                  <c:v>60.610989476782414</c:v>
                </c:pt>
                <c:pt idx="4758">
                  <c:v>64.57346816056851</c:v>
                </c:pt>
                <c:pt idx="4759">
                  <c:v>67.253303484294364</c:v>
                </c:pt>
                <c:pt idx="4760">
                  <c:v>69.033452864768435</c:v>
                </c:pt>
                <c:pt idx="4761">
                  <c:v>69.362263567352556</c:v>
                </c:pt>
                <c:pt idx="4762">
                  <c:v>70.456298974451187</c:v>
                </c:pt>
                <c:pt idx="4763">
                  <c:v>71.504592351621923</c:v>
                </c:pt>
                <c:pt idx="4764">
                  <c:v>71.534479809884829</c:v>
                </c:pt>
                <c:pt idx="4765">
                  <c:v>71.500983050556513</c:v>
                </c:pt>
                <c:pt idx="4766">
                  <c:v>72.316003180395427</c:v>
                </c:pt>
                <c:pt idx="4767">
                  <c:v>72.364093328207574</c:v>
                </c:pt>
                <c:pt idx="4768">
                  <c:v>71.144217823917344</c:v>
                </c:pt>
                <c:pt idx="4769">
                  <c:v>69.870340060607674</c:v>
                </c:pt>
                <c:pt idx="4770">
                  <c:v>68.217792718936238</c:v>
                </c:pt>
                <c:pt idx="4771">
                  <c:v>67.355123789692499</c:v>
                </c:pt>
                <c:pt idx="4772">
                  <c:v>65.74268892229928</c:v>
                </c:pt>
                <c:pt idx="4773">
                  <c:v>63.337401179378496</c:v>
                </c:pt>
                <c:pt idx="4774">
                  <c:v>62.71891577837642</c:v>
                </c:pt>
                <c:pt idx="4775">
                  <c:v>62.250243840633765</c:v>
                </c:pt>
                <c:pt idx="4776">
                  <c:v>61.014824877843481</c:v>
                </c:pt>
                <c:pt idx="4777">
                  <c:v>60.273896048145438</c:v>
                </c:pt>
                <c:pt idx="4778">
                  <c:v>60.333764836037233</c:v>
                </c:pt>
                <c:pt idx="4779">
                  <c:v>61.273205538152929</c:v>
                </c:pt>
                <c:pt idx="4780">
                  <c:v>62.861325132739537</c:v>
                </c:pt>
                <c:pt idx="4781">
                  <c:v>65.717756463894304</c:v>
                </c:pt>
                <c:pt idx="4782">
                  <c:v>68.6228394058205</c:v>
                </c:pt>
                <c:pt idx="4783">
                  <c:v>70.198844788827088</c:v>
                </c:pt>
                <c:pt idx="4784">
                  <c:v>71.671141318124327</c:v>
                </c:pt>
                <c:pt idx="4785">
                  <c:v>72.805941434855271</c:v>
                </c:pt>
                <c:pt idx="4786">
                  <c:v>73.754888074001713</c:v>
                </c:pt>
                <c:pt idx="4787">
                  <c:v>74.764800752571063</c:v>
                </c:pt>
                <c:pt idx="4788">
                  <c:v>73.928435909890837</c:v>
                </c:pt>
                <c:pt idx="4789">
                  <c:v>73.867105368699114</c:v>
                </c:pt>
                <c:pt idx="4790">
                  <c:v>73.864528103474896</c:v>
                </c:pt>
                <c:pt idx="4791">
                  <c:v>73.25767933906522</c:v>
                </c:pt>
                <c:pt idx="4792">
                  <c:v>72.455585057036203</c:v>
                </c:pt>
                <c:pt idx="4793">
                  <c:v>70.618375615655992</c:v>
                </c:pt>
                <c:pt idx="4794">
                  <c:v>69.084197359808229</c:v>
                </c:pt>
                <c:pt idx="4795">
                  <c:v>67.439629731499849</c:v>
                </c:pt>
                <c:pt idx="4796">
                  <c:v>65.463087821813602</c:v>
                </c:pt>
                <c:pt idx="4797">
                  <c:v>63.058510410148749</c:v>
                </c:pt>
                <c:pt idx="4798">
                  <c:v>62.066701234438767</c:v>
                </c:pt>
                <c:pt idx="4799">
                  <c:v>61.93691098858492</c:v>
                </c:pt>
                <c:pt idx="4800">
                  <c:v>60.487270174213066</c:v>
                </c:pt>
                <c:pt idx="4801">
                  <c:v>59.968599181283516</c:v>
                </c:pt>
                <c:pt idx="4802">
                  <c:v>59.691546219616185</c:v>
                </c:pt>
                <c:pt idx="4803">
                  <c:v>60.596787794326616</c:v>
                </c:pt>
                <c:pt idx="4804">
                  <c:v>62.182348011421098</c:v>
                </c:pt>
                <c:pt idx="4805">
                  <c:v>65.088709023959694</c:v>
                </c:pt>
                <c:pt idx="4806">
                  <c:v>68.00738473974215</c:v>
                </c:pt>
                <c:pt idx="4807">
                  <c:v>69.794139832157995</c:v>
                </c:pt>
                <c:pt idx="4808">
                  <c:v>70.480368114417871</c:v>
                </c:pt>
                <c:pt idx="4809">
                  <c:v>70.613663786963059</c:v>
                </c:pt>
                <c:pt idx="4810">
                  <c:v>71.175953151591969</c:v>
                </c:pt>
                <c:pt idx="4811">
                  <c:v>71.854809569946269</c:v>
                </c:pt>
                <c:pt idx="4812">
                  <c:v>70.997687622501218</c:v>
                </c:pt>
                <c:pt idx="4813">
                  <c:v>70.489253511900486</c:v>
                </c:pt>
                <c:pt idx="4814">
                  <c:v>70.575937755819709</c:v>
                </c:pt>
                <c:pt idx="4815">
                  <c:v>70.097935306348759</c:v>
                </c:pt>
                <c:pt idx="4816">
                  <c:v>68.604533763742992</c:v>
                </c:pt>
                <c:pt idx="4817">
                  <c:v>67.323632339277566</c:v>
                </c:pt>
                <c:pt idx="4818">
                  <c:v>65.654231851142669</c:v>
                </c:pt>
                <c:pt idx="4819">
                  <c:v>64.595280759209174</c:v>
                </c:pt>
                <c:pt idx="4820">
                  <c:v>62.26461392667261</c:v>
                </c:pt>
                <c:pt idx="4821">
                  <c:v>60.274644547741993</c:v>
                </c:pt>
                <c:pt idx="4822">
                  <c:v>59.463910275361854</c:v>
                </c:pt>
                <c:pt idx="4823">
                  <c:v>58.945777150060735</c:v>
                </c:pt>
                <c:pt idx="4824">
                  <c:v>57.763199665850586</c:v>
                </c:pt>
                <c:pt idx="4825">
                  <c:v>56.169620390227948</c:v>
                </c:pt>
                <c:pt idx="4826">
                  <c:v>54.979083041760951</c:v>
                </c:pt>
                <c:pt idx="4827">
                  <c:v>54.647850434397661</c:v>
                </c:pt>
                <c:pt idx="4828">
                  <c:v>53.454361982796733</c:v>
                </c:pt>
                <c:pt idx="4829">
                  <c:v>52.345860558850447</c:v>
                </c:pt>
                <c:pt idx="4830">
                  <c:v>51.925788706580747</c:v>
                </c:pt>
                <c:pt idx="4831">
                  <c:v>52.245518031178925</c:v>
                </c:pt>
                <c:pt idx="4832">
                  <c:v>51.823973049639321</c:v>
                </c:pt>
                <c:pt idx="4833">
                  <c:v>51.314367586792734</c:v>
                </c:pt>
                <c:pt idx="4834">
                  <c:v>50.88648426783309</c:v>
                </c:pt>
                <c:pt idx="4835">
                  <c:v>50.803244432255944</c:v>
                </c:pt>
                <c:pt idx="4836">
                  <c:v>49.556961928101408</c:v>
                </c:pt>
                <c:pt idx="4837">
                  <c:v>48.9591929725784</c:v>
                </c:pt>
                <c:pt idx="4838">
                  <c:v>48.12495975130571</c:v>
                </c:pt>
                <c:pt idx="4839">
                  <c:v>47.595719540814301</c:v>
                </c:pt>
                <c:pt idx="4840">
                  <c:v>46.54626291187288</c:v>
                </c:pt>
                <c:pt idx="4841">
                  <c:v>45.541402399635999</c:v>
                </c:pt>
                <c:pt idx="4842">
                  <c:v>44.655823875199147</c:v>
                </c:pt>
                <c:pt idx="4843">
                  <c:v>43.96993751929184</c:v>
                </c:pt>
                <c:pt idx="4844">
                  <c:v>42.498344946784599</c:v>
                </c:pt>
                <c:pt idx="4845">
                  <c:v>41.412421940009118</c:v>
                </c:pt>
                <c:pt idx="4846">
                  <c:v>41.664224700661954</c:v>
                </c:pt>
                <c:pt idx="4847">
                  <c:v>41.609054521801447</c:v>
                </c:pt>
                <c:pt idx="4848">
                  <c:v>47.283532994263624</c:v>
                </c:pt>
                <c:pt idx="4849">
                  <c:v>46.544249424029381</c:v>
                </c:pt>
                <c:pt idx="4850">
                  <c:v>46.086905892934176</c:v>
                </c:pt>
                <c:pt idx="4851">
                  <c:v>45.682070504885253</c:v>
                </c:pt>
                <c:pt idx="4852">
                  <c:v>44.644720085117385</c:v>
                </c:pt>
                <c:pt idx="4853">
                  <c:v>43.982327303937502</c:v>
                </c:pt>
                <c:pt idx="4854">
                  <c:v>43.763569088192924</c:v>
                </c:pt>
                <c:pt idx="4855">
                  <c:v>44.209499069389572</c:v>
                </c:pt>
                <c:pt idx="4856">
                  <c:v>44.082252392352338</c:v>
                </c:pt>
                <c:pt idx="4857">
                  <c:v>44.072756281805994</c:v>
                </c:pt>
                <c:pt idx="4858">
                  <c:v>44.514027116818916</c:v>
                </c:pt>
                <c:pt idx="4859">
                  <c:v>45.281849014118819</c:v>
                </c:pt>
                <c:pt idx="4860">
                  <c:v>45.278009349661495</c:v>
                </c:pt>
                <c:pt idx="4861">
                  <c:v>45.20048513483097</c:v>
                </c:pt>
                <c:pt idx="4862">
                  <c:v>45.283796972452535</c:v>
                </c:pt>
                <c:pt idx="4863">
                  <c:v>45.585105522311615</c:v>
                </c:pt>
                <c:pt idx="4864">
                  <c:v>45.253731735238233</c:v>
                </c:pt>
                <c:pt idx="4865">
                  <c:v>44.970597258479813</c:v>
                </c:pt>
                <c:pt idx="4866">
                  <c:v>45.012811109776408</c:v>
                </c:pt>
                <c:pt idx="4867">
                  <c:v>45.103889930122591</c:v>
                </c:pt>
                <c:pt idx="4868">
                  <c:v>44.924087644785082</c:v>
                </c:pt>
                <c:pt idx="4869">
                  <c:v>45.211796046021156</c:v>
                </c:pt>
                <c:pt idx="4870">
                  <c:v>46.337271495918699</c:v>
                </c:pt>
                <c:pt idx="4871">
                  <c:v>47.125495724630305</c:v>
                </c:pt>
                <c:pt idx="4872">
                  <c:v>44.340127508479064</c:v>
                </c:pt>
                <c:pt idx="4873">
                  <c:v>44.355820306005562</c:v>
                </c:pt>
                <c:pt idx="4874">
                  <c:v>44.772261595914252</c:v>
                </c:pt>
                <c:pt idx="4875">
                  <c:v>46.430984657476372</c:v>
                </c:pt>
                <c:pt idx="4876">
                  <c:v>49.963323971320335</c:v>
                </c:pt>
                <c:pt idx="4877">
                  <c:v>56.140594563621583</c:v>
                </c:pt>
                <c:pt idx="4878">
                  <c:v>61.003010736892051</c:v>
                </c:pt>
                <c:pt idx="4879">
                  <c:v>64.530953650231112</c:v>
                </c:pt>
                <c:pt idx="4880">
                  <c:v>66.370291633661438</c:v>
                </c:pt>
                <c:pt idx="4881">
                  <c:v>67.943444609880473</c:v>
                </c:pt>
                <c:pt idx="4882">
                  <c:v>69.146946151021638</c:v>
                </c:pt>
                <c:pt idx="4883">
                  <c:v>70.469866113147532</c:v>
                </c:pt>
                <c:pt idx="4884">
                  <c:v>70.461105223694872</c:v>
                </c:pt>
                <c:pt idx="4885">
                  <c:v>71.26729913070875</c:v>
                </c:pt>
                <c:pt idx="4886">
                  <c:v>71.555900741724912</c:v>
                </c:pt>
                <c:pt idx="4887">
                  <c:v>71.723822552437824</c:v>
                </c:pt>
                <c:pt idx="4888">
                  <c:v>70.796615588041774</c:v>
                </c:pt>
                <c:pt idx="4889">
                  <c:v>69.580487053667326</c:v>
                </c:pt>
                <c:pt idx="4890">
                  <c:v>68.700489462415376</c:v>
                </c:pt>
                <c:pt idx="4891">
                  <c:v>67.691504454969632</c:v>
                </c:pt>
                <c:pt idx="4892">
                  <c:v>65.328038935772341</c:v>
                </c:pt>
                <c:pt idx="4893">
                  <c:v>63.292442443824292</c:v>
                </c:pt>
                <c:pt idx="4894">
                  <c:v>62.911636124868522</c:v>
                </c:pt>
                <c:pt idx="4895">
                  <c:v>62.027255921571836</c:v>
                </c:pt>
                <c:pt idx="4896">
                  <c:v>60.959138053422635</c:v>
                </c:pt>
                <c:pt idx="4897">
                  <c:v>60.361223877758853</c:v>
                </c:pt>
                <c:pt idx="4898">
                  <c:v>60.40511066350826</c:v>
                </c:pt>
                <c:pt idx="4899">
                  <c:v>60.737118876658627</c:v>
                </c:pt>
                <c:pt idx="4900">
                  <c:v>62.959002976741736</c:v>
                </c:pt>
                <c:pt idx="4901">
                  <c:v>65.785069019667375</c:v>
                </c:pt>
                <c:pt idx="4902">
                  <c:v>68.191715975248442</c:v>
                </c:pt>
                <c:pt idx="4903">
                  <c:v>70.47813607065477</c:v>
                </c:pt>
                <c:pt idx="4904">
                  <c:v>71.440381297151291</c:v>
                </c:pt>
                <c:pt idx="4905">
                  <c:v>72.149432383798924</c:v>
                </c:pt>
                <c:pt idx="4906">
                  <c:v>74.077520330385127</c:v>
                </c:pt>
                <c:pt idx="4907">
                  <c:v>74.409655189463251</c:v>
                </c:pt>
                <c:pt idx="4908">
                  <c:v>73.565012602620513</c:v>
                </c:pt>
                <c:pt idx="4909">
                  <c:v>73.329483108168759</c:v>
                </c:pt>
                <c:pt idx="4910">
                  <c:v>73.185650639576139</c:v>
                </c:pt>
                <c:pt idx="4911">
                  <c:v>72.330638267693345</c:v>
                </c:pt>
                <c:pt idx="4912">
                  <c:v>71.41011888299542</c:v>
                </c:pt>
                <c:pt idx="4913">
                  <c:v>70.581869441540789</c:v>
                </c:pt>
                <c:pt idx="4914">
                  <c:v>69.367386637359928</c:v>
                </c:pt>
                <c:pt idx="4915">
                  <c:v>68.638248117917598</c:v>
                </c:pt>
                <c:pt idx="4916">
                  <c:v>66.292472506616292</c:v>
                </c:pt>
                <c:pt idx="4917">
                  <c:v>63.977786165964019</c:v>
                </c:pt>
                <c:pt idx="4918">
                  <c:v>63.043889268220916</c:v>
                </c:pt>
                <c:pt idx="4919">
                  <c:v>62.204077447798532</c:v>
                </c:pt>
                <c:pt idx="4920">
                  <c:v>60.807570827482387</c:v>
                </c:pt>
                <c:pt idx="4921">
                  <c:v>59.756942159814173</c:v>
                </c:pt>
                <c:pt idx="4922">
                  <c:v>59.591162248109235</c:v>
                </c:pt>
                <c:pt idx="4923">
                  <c:v>60.067209089887363</c:v>
                </c:pt>
                <c:pt idx="4924">
                  <c:v>61.155857131814223</c:v>
                </c:pt>
                <c:pt idx="4925">
                  <c:v>63.572629328308473</c:v>
                </c:pt>
                <c:pt idx="4926">
                  <c:v>65.754156763033833</c:v>
                </c:pt>
                <c:pt idx="4927">
                  <c:v>67.918224319821505</c:v>
                </c:pt>
                <c:pt idx="4928">
                  <c:v>68.488791154020547</c:v>
                </c:pt>
                <c:pt idx="4929">
                  <c:v>68.756537316972839</c:v>
                </c:pt>
                <c:pt idx="4930">
                  <c:v>69.517103895218128</c:v>
                </c:pt>
                <c:pt idx="4931">
                  <c:v>69.913155524192021</c:v>
                </c:pt>
                <c:pt idx="4932">
                  <c:v>69.184692090112463</c:v>
                </c:pt>
                <c:pt idx="4933">
                  <c:v>69.191280738099323</c:v>
                </c:pt>
                <c:pt idx="4934">
                  <c:v>69.201570989418286</c:v>
                </c:pt>
                <c:pt idx="4935">
                  <c:v>69.521486271897984</c:v>
                </c:pt>
                <c:pt idx="4936">
                  <c:v>69.212298686010087</c:v>
                </c:pt>
                <c:pt idx="4937">
                  <c:v>67.722314837830709</c:v>
                </c:pt>
                <c:pt idx="4938">
                  <c:v>66.316266367723458</c:v>
                </c:pt>
                <c:pt idx="4939">
                  <c:v>65.65167857352408</c:v>
                </c:pt>
                <c:pt idx="4940">
                  <c:v>63.852779044752836</c:v>
                </c:pt>
                <c:pt idx="4941">
                  <c:v>61.754789692155249</c:v>
                </c:pt>
                <c:pt idx="4942">
                  <c:v>61.502584182937987</c:v>
                </c:pt>
                <c:pt idx="4943">
                  <c:v>61.418993810575827</c:v>
                </c:pt>
                <c:pt idx="4944">
                  <c:v>60.390244742088662</c:v>
                </c:pt>
                <c:pt idx="4945">
                  <c:v>59.585392513050309</c:v>
                </c:pt>
                <c:pt idx="4946">
                  <c:v>59.519629619365816</c:v>
                </c:pt>
                <c:pt idx="4947">
                  <c:v>59.876510233645213</c:v>
                </c:pt>
                <c:pt idx="4948">
                  <c:v>61.164040847700832</c:v>
                </c:pt>
                <c:pt idx="4949">
                  <c:v>63.583186267668268</c:v>
                </c:pt>
                <c:pt idx="4950">
                  <c:v>65.831908379581321</c:v>
                </c:pt>
                <c:pt idx="4951">
                  <c:v>67.555045537064302</c:v>
                </c:pt>
                <c:pt idx="4952">
                  <c:v>68.780215692371044</c:v>
                </c:pt>
                <c:pt idx="4953">
                  <c:v>69.58261891043972</c:v>
                </c:pt>
                <c:pt idx="4954">
                  <c:v>71.023072216871284</c:v>
                </c:pt>
                <c:pt idx="4955">
                  <c:v>72.174790225025816</c:v>
                </c:pt>
                <c:pt idx="4956">
                  <c:v>70.960159748986499</c:v>
                </c:pt>
                <c:pt idx="4957">
                  <c:v>70.085464869998731</c:v>
                </c:pt>
                <c:pt idx="4958">
                  <c:v>70.803194566454167</c:v>
                </c:pt>
                <c:pt idx="4959">
                  <c:v>70.247541315066144</c:v>
                </c:pt>
                <c:pt idx="4960">
                  <c:v>69.202414733342721</c:v>
                </c:pt>
                <c:pt idx="4961">
                  <c:v>67.826381328499451</c:v>
                </c:pt>
                <c:pt idx="4962">
                  <c:v>67.188258414315015</c:v>
                </c:pt>
                <c:pt idx="4963">
                  <c:v>66.218298926830556</c:v>
                </c:pt>
                <c:pt idx="4964">
                  <c:v>63.991286304120003</c:v>
                </c:pt>
                <c:pt idx="4965">
                  <c:v>61.950472988481046</c:v>
                </c:pt>
                <c:pt idx="4966">
                  <c:v>61.446983266704166</c:v>
                </c:pt>
                <c:pt idx="4967">
                  <c:v>61.296746421224441</c:v>
                </c:pt>
                <c:pt idx="4968">
                  <c:v>60.292977766739796</c:v>
                </c:pt>
                <c:pt idx="4969">
                  <c:v>59.854991331167206</c:v>
                </c:pt>
                <c:pt idx="4970">
                  <c:v>59.565615467712128</c:v>
                </c:pt>
                <c:pt idx="4971">
                  <c:v>59.987480623965176</c:v>
                </c:pt>
                <c:pt idx="4972">
                  <c:v>60.47520972389804</c:v>
                </c:pt>
                <c:pt idx="4973">
                  <c:v>63.306900183673122</c:v>
                </c:pt>
                <c:pt idx="4974">
                  <c:v>66.094852765222939</c:v>
                </c:pt>
                <c:pt idx="4975">
                  <c:v>67.527674541427501</c:v>
                </c:pt>
                <c:pt idx="4976">
                  <c:v>68.352068980479117</c:v>
                </c:pt>
                <c:pt idx="4977">
                  <c:v>68.693941375645593</c:v>
                </c:pt>
                <c:pt idx="4978">
                  <c:v>69.113032658531338</c:v>
                </c:pt>
                <c:pt idx="4979">
                  <c:v>70.079525083802494</c:v>
                </c:pt>
                <c:pt idx="4980">
                  <c:v>69.23764768143964</c:v>
                </c:pt>
                <c:pt idx="4981">
                  <c:v>68.316273176847318</c:v>
                </c:pt>
                <c:pt idx="4982">
                  <c:v>67.721567907333466</c:v>
                </c:pt>
                <c:pt idx="4983">
                  <c:v>67.644485178206466</c:v>
                </c:pt>
                <c:pt idx="4984">
                  <c:v>66.773183476468446</c:v>
                </c:pt>
                <c:pt idx="4985">
                  <c:v>65.070221111384029</c:v>
                </c:pt>
                <c:pt idx="4986">
                  <c:v>62.640911164179542</c:v>
                </c:pt>
                <c:pt idx="4987">
                  <c:v>60.762133810845903</c:v>
                </c:pt>
                <c:pt idx="4988">
                  <c:v>58.745033135811255</c:v>
                </c:pt>
                <c:pt idx="4989">
                  <c:v>57.034271013440474</c:v>
                </c:pt>
                <c:pt idx="4990">
                  <c:v>56.634143060606426</c:v>
                </c:pt>
                <c:pt idx="4991">
                  <c:v>55.665432321191084</c:v>
                </c:pt>
                <c:pt idx="4992">
                  <c:v>54.709952384035823</c:v>
                </c:pt>
                <c:pt idx="4993">
                  <c:v>53.447673873527599</c:v>
                </c:pt>
                <c:pt idx="4994">
                  <c:v>52.579725945032955</c:v>
                </c:pt>
                <c:pt idx="4995">
                  <c:v>52.26332758289702</c:v>
                </c:pt>
                <c:pt idx="4996">
                  <c:v>51.257226285769988</c:v>
                </c:pt>
                <c:pt idx="4997">
                  <c:v>50.299911718478391</c:v>
                </c:pt>
                <c:pt idx="4998">
                  <c:v>49.715929948215688</c:v>
                </c:pt>
                <c:pt idx="4999">
                  <c:v>49.509431379943067</c:v>
                </c:pt>
                <c:pt idx="5000">
                  <c:v>48.716623792544226</c:v>
                </c:pt>
                <c:pt idx="5001">
                  <c:v>48.079326342277312</c:v>
                </c:pt>
                <c:pt idx="5002">
                  <c:v>47.813640347872877</c:v>
                </c:pt>
                <c:pt idx="5003">
                  <c:v>47.483225535454238</c:v>
                </c:pt>
                <c:pt idx="5004">
                  <c:v>45.916918500280808</c:v>
                </c:pt>
                <c:pt idx="5005">
                  <c:v>45.660241921045404</c:v>
                </c:pt>
                <c:pt idx="5006">
                  <c:v>44.947165800471168</c:v>
                </c:pt>
                <c:pt idx="5007">
                  <c:v>44.84018806179089</c:v>
                </c:pt>
                <c:pt idx="5008">
                  <c:v>44.116762809446222</c:v>
                </c:pt>
                <c:pt idx="5009">
                  <c:v>43.186026175774565</c:v>
                </c:pt>
                <c:pt idx="5010">
                  <c:v>42.427660180851277</c:v>
                </c:pt>
                <c:pt idx="5011">
                  <c:v>41.887367803645276</c:v>
                </c:pt>
                <c:pt idx="5012">
                  <c:v>40.794408857511961</c:v>
                </c:pt>
                <c:pt idx="5013">
                  <c:v>40.382966816061632</c:v>
                </c:pt>
                <c:pt idx="5014">
                  <c:v>40.678399834341057</c:v>
                </c:pt>
                <c:pt idx="5015">
                  <c:v>40.394358869299694</c:v>
                </c:pt>
                <c:pt idx="5016">
                  <c:v>39.552528853735886</c:v>
                </c:pt>
                <c:pt idx="5017">
                  <c:v>39.261633690263821</c:v>
                </c:pt>
                <c:pt idx="5018">
                  <c:v>39.00378997573695</c:v>
                </c:pt>
                <c:pt idx="5019">
                  <c:v>39.022662023436517</c:v>
                </c:pt>
                <c:pt idx="5020">
                  <c:v>38.704978313990132</c:v>
                </c:pt>
                <c:pt idx="5021">
                  <c:v>38.34840304643572</c:v>
                </c:pt>
                <c:pt idx="5022">
                  <c:v>38.201044792088233</c:v>
                </c:pt>
                <c:pt idx="5023">
                  <c:v>38.107180290902477</c:v>
                </c:pt>
                <c:pt idx="5024">
                  <c:v>38.128373546433231</c:v>
                </c:pt>
                <c:pt idx="5025">
                  <c:v>38.133134605616902</c:v>
                </c:pt>
                <c:pt idx="5026">
                  <c:v>38.571402851424899</c:v>
                </c:pt>
                <c:pt idx="5027">
                  <c:v>39.232630086026376</c:v>
                </c:pt>
                <c:pt idx="5028">
                  <c:v>38.988497926173267</c:v>
                </c:pt>
                <c:pt idx="5029">
                  <c:v>38.864811829667993</c:v>
                </c:pt>
                <c:pt idx="5030">
                  <c:v>38.923719505007242</c:v>
                </c:pt>
                <c:pt idx="5031">
                  <c:v>39.628119192898971</c:v>
                </c:pt>
                <c:pt idx="5032">
                  <c:v>39.729692345542624</c:v>
                </c:pt>
                <c:pt idx="5033">
                  <c:v>39.804883662752133</c:v>
                </c:pt>
                <c:pt idx="5034">
                  <c:v>39.750910353614934</c:v>
                </c:pt>
                <c:pt idx="5035">
                  <c:v>40.08154701706173</c:v>
                </c:pt>
                <c:pt idx="5036">
                  <c:v>39.624404840635009</c:v>
                </c:pt>
                <c:pt idx="5037">
                  <c:v>39.726020731621013</c:v>
                </c:pt>
                <c:pt idx="5038">
                  <c:v>40.445609045818408</c:v>
                </c:pt>
                <c:pt idx="5039">
                  <c:v>41.075056919895985</c:v>
                </c:pt>
                <c:pt idx="5040">
                  <c:v>41.073361233503228</c:v>
                </c:pt>
                <c:pt idx="5041">
                  <c:v>41.407624811155152</c:v>
                </c:pt>
                <c:pt idx="5042">
                  <c:v>41.860527124346504</c:v>
                </c:pt>
                <c:pt idx="5043">
                  <c:v>43.731468572268511</c:v>
                </c:pt>
                <c:pt idx="5044">
                  <c:v>47.033783184301818</c:v>
                </c:pt>
                <c:pt idx="5045">
                  <c:v>52.95978990349321</c:v>
                </c:pt>
                <c:pt idx="5046">
                  <c:v>58.530500249519733</c:v>
                </c:pt>
                <c:pt idx="5047">
                  <c:v>61.555210734140651</c:v>
                </c:pt>
                <c:pt idx="5048">
                  <c:v>63.244513579807062</c:v>
                </c:pt>
                <c:pt idx="5049">
                  <c:v>64.701173151899354</c:v>
                </c:pt>
                <c:pt idx="5050">
                  <c:v>66.278190407821072</c:v>
                </c:pt>
                <c:pt idx="5051">
                  <c:v>67.834337054256849</c:v>
                </c:pt>
                <c:pt idx="5052">
                  <c:v>67.231349078303921</c:v>
                </c:pt>
                <c:pt idx="5053">
                  <c:v>67.08299623074744</c:v>
                </c:pt>
                <c:pt idx="5054">
                  <c:v>67.297712897795208</c:v>
                </c:pt>
                <c:pt idx="5055">
                  <c:v>67.349394066665866</c:v>
                </c:pt>
                <c:pt idx="5056">
                  <c:v>67.198404288884049</c:v>
                </c:pt>
                <c:pt idx="5057">
                  <c:v>65.73933154012748</c:v>
                </c:pt>
                <c:pt idx="5058">
                  <c:v>65.381368992648945</c:v>
                </c:pt>
                <c:pt idx="5059">
                  <c:v>64.47679612883536</c:v>
                </c:pt>
                <c:pt idx="5060">
                  <c:v>62.7016097506257</c:v>
                </c:pt>
                <c:pt idx="5061">
                  <c:v>60.439167826653801</c:v>
                </c:pt>
                <c:pt idx="5062">
                  <c:v>60.336106854047969</c:v>
                </c:pt>
                <c:pt idx="5063">
                  <c:v>59.821009190582238</c:v>
                </c:pt>
                <c:pt idx="5064">
                  <c:v>59.204259154571631</c:v>
                </c:pt>
                <c:pt idx="5065">
                  <c:v>58.648379187947612</c:v>
                </c:pt>
                <c:pt idx="5066">
                  <c:v>58.739454909322653</c:v>
                </c:pt>
                <c:pt idx="5067">
                  <c:v>59.409358145104321</c:v>
                </c:pt>
                <c:pt idx="5068">
                  <c:v>60.593790461604378</c:v>
                </c:pt>
                <c:pt idx="5069">
                  <c:v>63.717156496005209</c:v>
                </c:pt>
                <c:pt idx="5070">
                  <c:v>66.296564952971849</c:v>
                </c:pt>
                <c:pt idx="5071">
                  <c:v>68.138310366240233</c:v>
                </c:pt>
                <c:pt idx="5072">
                  <c:v>69.13677962318296</c:v>
                </c:pt>
                <c:pt idx="5073">
                  <c:v>69.653952969665951</c:v>
                </c:pt>
                <c:pt idx="5074">
                  <c:v>70.634612851414289</c:v>
                </c:pt>
                <c:pt idx="5075">
                  <c:v>70.941232410150135</c:v>
                </c:pt>
                <c:pt idx="5076">
                  <c:v>70.264874880509694</c:v>
                </c:pt>
                <c:pt idx="5077">
                  <c:v>70.045395134062886</c:v>
                </c:pt>
                <c:pt idx="5078">
                  <c:v>69.617970462830456</c:v>
                </c:pt>
                <c:pt idx="5079">
                  <c:v>68.95395852807647</c:v>
                </c:pt>
                <c:pt idx="5080">
                  <c:v>67.695099281093945</c:v>
                </c:pt>
                <c:pt idx="5081">
                  <c:v>66.407495547010654</c:v>
                </c:pt>
                <c:pt idx="5082">
                  <c:v>65.246888218625244</c:v>
                </c:pt>
                <c:pt idx="5083">
                  <c:v>63.901478924941664</c:v>
                </c:pt>
                <c:pt idx="5084">
                  <c:v>61.804185762092509</c:v>
                </c:pt>
                <c:pt idx="5085">
                  <c:v>60.320857189779289</c:v>
                </c:pt>
                <c:pt idx="5086">
                  <c:v>60.113952989722264</c:v>
                </c:pt>
                <c:pt idx="5087">
                  <c:v>59.843023536166207</c:v>
                </c:pt>
                <c:pt idx="5088">
                  <c:v>58.968828631058628</c:v>
                </c:pt>
                <c:pt idx="5089">
                  <c:v>58.360083845502295</c:v>
                </c:pt>
                <c:pt idx="5090">
                  <c:v>58.125692418777362</c:v>
                </c:pt>
                <c:pt idx="5091">
                  <c:v>59.028506263427445</c:v>
                </c:pt>
                <c:pt idx="5092">
                  <c:v>59.860023530710983</c:v>
                </c:pt>
                <c:pt idx="5093">
                  <c:v>62.365966895456111</c:v>
                </c:pt>
                <c:pt idx="5094">
                  <c:v>65.377848345694332</c:v>
                </c:pt>
                <c:pt idx="5095">
                  <c:v>66.996372024490427</c:v>
                </c:pt>
                <c:pt idx="5096">
                  <c:v>68.141902858329331</c:v>
                </c:pt>
                <c:pt idx="5097">
                  <c:v>68.779527230436713</c:v>
                </c:pt>
                <c:pt idx="5098">
                  <c:v>69.394703930572959</c:v>
                </c:pt>
                <c:pt idx="5099">
                  <c:v>69.555067017266666</c:v>
                </c:pt>
                <c:pt idx="5100">
                  <c:v>68.644252139116702</c:v>
                </c:pt>
                <c:pt idx="5101">
                  <c:v>68.523422744808357</c:v>
                </c:pt>
                <c:pt idx="5102">
                  <c:v>68.837464359013822</c:v>
                </c:pt>
                <c:pt idx="5103">
                  <c:v>68.288942095174122</c:v>
                </c:pt>
                <c:pt idx="5104">
                  <c:v>66.880253988145213</c:v>
                </c:pt>
                <c:pt idx="5105">
                  <c:v>65.426360287013765</c:v>
                </c:pt>
                <c:pt idx="5106">
                  <c:v>64.303606518317835</c:v>
                </c:pt>
                <c:pt idx="5107">
                  <c:v>63.366848348376067</c:v>
                </c:pt>
                <c:pt idx="5108">
                  <c:v>61.622803707573489</c:v>
                </c:pt>
                <c:pt idx="5109">
                  <c:v>59.998783473907672</c:v>
                </c:pt>
                <c:pt idx="5110">
                  <c:v>59.64204082268477</c:v>
                </c:pt>
                <c:pt idx="5111">
                  <c:v>59.27802937776697</c:v>
                </c:pt>
                <c:pt idx="5112">
                  <c:v>58.273498219474469</c:v>
                </c:pt>
                <c:pt idx="5113">
                  <c:v>57.410622777148305</c:v>
                </c:pt>
                <c:pt idx="5114">
                  <c:v>57.279104560683471</c:v>
                </c:pt>
                <c:pt idx="5115">
                  <c:v>58.161361674550115</c:v>
                </c:pt>
                <c:pt idx="5116">
                  <c:v>59.512957671819528</c:v>
                </c:pt>
                <c:pt idx="5117">
                  <c:v>62.045254588983809</c:v>
                </c:pt>
                <c:pt idx="5118">
                  <c:v>65.180841867151074</c:v>
                </c:pt>
                <c:pt idx="5119">
                  <c:v>66.427130078904341</c:v>
                </c:pt>
                <c:pt idx="5120">
                  <c:v>67.713163870290515</c:v>
                </c:pt>
                <c:pt idx="5121">
                  <c:v>68.747293027251402</c:v>
                </c:pt>
                <c:pt idx="5122">
                  <c:v>69.5918446651756</c:v>
                </c:pt>
                <c:pt idx="5123">
                  <c:v>69.268629292262503</c:v>
                </c:pt>
                <c:pt idx="5124">
                  <c:v>67.530316080882059</c:v>
                </c:pt>
                <c:pt idx="5125">
                  <c:v>67.773385646684986</c:v>
                </c:pt>
                <c:pt idx="5126">
                  <c:v>68.132686871236643</c:v>
                </c:pt>
                <c:pt idx="5127">
                  <c:v>67.039076258547695</c:v>
                </c:pt>
                <c:pt idx="5128">
                  <c:v>66.369445339950616</c:v>
                </c:pt>
                <c:pt idx="5129">
                  <c:v>64.328482744126418</c:v>
                </c:pt>
                <c:pt idx="5130">
                  <c:v>63.746527112570377</c:v>
                </c:pt>
                <c:pt idx="5131">
                  <c:v>62.913407677212739</c:v>
                </c:pt>
                <c:pt idx="5132">
                  <c:v>61.116484291721491</c:v>
                </c:pt>
                <c:pt idx="5133">
                  <c:v>59.023560050525639</c:v>
                </c:pt>
                <c:pt idx="5134">
                  <c:v>58.293174469795957</c:v>
                </c:pt>
                <c:pt idx="5135">
                  <c:v>57.936459120900977</c:v>
                </c:pt>
                <c:pt idx="5136">
                  <c:v>56.785410941626537</c:v>
                </c:pt>
                <c:pt idx="5137">
                  <c:v>56.252982772460911</c:v>
                </c:pt>
                <c:pt idx="5138">
                  <c:v>56.109835745286446</c:v>
                </c:pt>
                <c:pt idx="5139">
                  <c:v>56.627317831671661</c:v>
                </c:pt>
                <c:pt idx="5140">
                  <c:v>57.568402420289267</c:v>
                </c:pt>
                <c:pt idx="5141">
                  <c:v>59.781590454334804</c:v>
                </c:pt>
                <c:pt idx="5142">
                  <c:v>61.866657764188304</c:v>
                </c:pt>
                <c:pt idx="5143">
                  <c:v>63.542309112456905</c:v>
                </c:pt>
                <c:pt idx="5144">
                  <c:v>64.463541319355897</c:v>
                </c:pt>
                <c:pt idx="5145">
                  <c:v>64.938139509813283</c:v>
                </c:pt>
                <c:pt idx="5146">
                  <c:v>65.326190360265926</c:v>
                </c:pt>
                <c:pt idx="5147">
                  <c:v>65.912204643701202</c:v>
                </c:pt>
                <c:pt idx="5148">
                  <c:v>65.417078201612796</c:v>
                </c:pt>
                <c:pt idx="5149">
                  <c:v>65.01186650432274</c:v>
                </c:pt>
                <c:pt idx="5150">
                  <c:v>65.141161012864529</c:v>
                </c:pt>
                <c:pt idx="5151">
                  <c:v>64.058844286638305</c:v>
                </c:pt>
                <c:pt idx="5152">
                  <c:v>63.079106819530885</c:v>
                </c:pt>
                <c:pt idx="5153">
                  <c:v>61.896543810261832</c:v>
                </c:pt>
                <c:pt idx="5154">
                  <c:v>60.513590089065836</c:v>
                </c:pt>
                <c:pt idx="5155">
                  <c:v>59.427451076157119</c:v>
                </c:pt>
                <c:pt idx="5156">
                  <c:v>57.65237979138157</c:v>
                </c:pt>
                <c:pt idx="5157">
                  <c:v>56.131153822667002</c:v>
                </c:pt>
                <c:pt idx="5158">
                  <c:v>55.468570337080195</c:v>
                </c:pt>
                <c:pt idx="5159">
                  <c:v>54.682117994146417</c:v>
                </c:pt>
                <c:pt idx="5160">
                  <c:v>53.035707419475379</c:v>
                </c:pt>
                <c:pt idx="5161">
                  <c:v>52.078973732746952</c:v>
                </c:pt>
                <c:pt idx="5162">
                  <c:v>51.069994452513669</c:v>
                </c:pt>
                <c:pt idx="5163">
                  <c:v>50.217814854063384</c:v>
                </c:pt>
                <c:pt idx="5164">
                  <c:v>48.638663034672973</c:v>
                </c:pt>
                <c:pt idx="5165">
                  <c:v>47.929992238855938</c:v>
                </c:pt>
                <c:pt idx="5166">
                  <c:v>47.434887548406657</c:v>
                </c:pt>
                <c:pt idx="5167">
                  <c:v>47.245422573017706</c:v>
                </c:pt>
                <c:pt idx="5168">
                  <c:v>46.740953870569932</c:v>
                </c:pt>
                <c:pt idx="5169">
                  <c:v>46.452561224353893</c:v>
                </c:pt>
                <c:pt idx="5170">
                  <c:v>46.451714891415591</c:v>
                </c:pt>
                <c:pt idx="5171">
                  <c:v>46.557236604008409</c:v>
                </c:pt>
                <c:pt idx="5172">
                  <c:v>45.861554969158291</c:v>
                </c:pt>
                <c:pt idx="5173">
                  <c:v>45.195785898159961</c:v>
                </c:pt>
                <c:pt idx="5174">
                  <c:v>44.561844025600649</c:v>
                </c:pt>
                <c:pt idx="5175">
                  <c:v>44.373613813683257</c:v>
                </c:pt>
                <c:pt idx="5176">
                  <c:v>44.061277084715229</c:v>
                </c:pt>
                <c:pt idx="5177">
                  <c:v>43.316100330534134</c:v>
                </c:pt>
                <c:pt idx="5178">
                  <c:v>42.681292432840216</c:v>
                </c:pt>
                <c:pt idx="5179">
                  <c:v>42.073443720670184</c:v>
                </c:pt>
                <c:pt idx="5180">
                  <c:v>41.074449266575904</c:v>
                </c:pt>
                <c:pt idx="5181">
                  <c:v>40.445429089741729</c:v>
                </c:pt>
                <c:pt idx="5182">
                  <c:v>40.397529018696765</c:v>
                </c:pt>
                <c:pt idx="5183">
                  <c:v>40.345027171661471</c:v>
                </c:pt>
                <c:pt idx="5184">
                  <c:v>40.115030635183352</c:v>
                </c:pt>
                <c:pt idx="5185">
                  <c:v>39.75997686438496</c:v>
                </c:pt>
                <c:pt idx="5186">
                  <c:v>39.495002613425832</c:v>
                </c:pt>
                <c:pt idx="5187">
                  <c:v>39.151508907173728</c:v>
                </c:pt>
                <c:pt idx="5188">
                  <c:v>39.137978583469845</c:v>
                </c:pt>
                <c:pt idx="5189">
                  <c:v>38.676344213025565</c:v>
                </c:pt>
                <c:pt idx="5190">
                  <c:v>38.322150740149304</c:v>
                </c:pt>
                <c:pt idx="5191">
                  <c:v>38.374726236783296</c:v>
                </c:pt>
                <c:pt idx="5192">
                  <c:v>38.321980002531042</c:v>
                </c:pt>
                <c:pt idx="5193">
                  <c:v>38.616512298967471</c:v>
                </c:pt>
                <c:pt idx="5194">
                  <c:v>39.404097590441566</c:v>
                </c:pt>
                <c:pt idx="5195">
                  <c:v>40.376979780362525</c:v>
                </c:pt>
                <c:pt idx="5196">
                  <c:v>40.420524678986844</c:v>
                </c:pt>
                <c:pt idx="5197">
                  <c:v>40.490769587157139</c:v>
                </c:pt>
                <c:pt idx="5198">
                  <c:v>40.564797378003597</c:v>
                </c:pt>
                <c:pt idx="5199">
                  <c:v>40.636748818965607</c:v>
                </c:pt>
                <c:pt idx="5200">
                  <c:v>40.885698564804898</c:v>
                </c:pt>
                <c:pt idx="5201">
                  <c:v>40.682416610882555</c:v>
                </c:pt>
                <c:pt idx="5202">
                  <c:v>40.666064517055055</c:v>
                </c:pt>
                <c:pt idx="5203">
                  <c:v>40.768235516148124</c:v>
                </c:pt>
                <c:pt idx="5204">
                  <c:v>40.405512262533264</c:v>
                </c:pt>
                <c:pt idx="5205">
                  <c:v>40.203332698942255</c:v>
                </c:pt>
                <c:pt idx="5206">
                  <c:v>40.537751499743059</c:v>
                </c:pt>
                <c:pt idx="5207">
                  <c:v>41.420167681051879</c:v>
                </c:pt>
                <c:pt idx="5208">
                  <c:v>41.654658314080436</c:v>
                </c:pt>
                <c:pt idx="5209">
                  <c:v>41.184442225710534</c:v>
                </c:pt>
                <c:pt idx="5210">
                  <c:v>41.813932896971679</c:v>
                </c:pt>
                <c:pt idx="5211">
                  <c:v>43.615688108025303</c:v>
                </c:pt>
                <c:pt idx="5212">
                  <c:v>46.974012367047955</c:v>
                </c:pt>
                <c:pt idx="5213">
                  <c:v>53.036357713069116</c:v>
                </c:pt>
                <c:pt idx="5214">
                  <c:v>58.426252743632269</c:v>
                </c:pt>
                <c:pt idx="5215">
                  <c:v>62.184440013071125</c:v>
                </c:pt>
                <c:pt idx="5216">
                  <c:v>65.0328227081758</c:v>
                </c:pt>
                <c:pt idx="5217">
                  <c:v>66.409647684391601</c:v>
                </c:pt>
                <c:pt idx="5218">
                  <c:v>67.921411160512463</c:v>
                </c:pt>
                <c:pt idx="5219">
                  <c:v>69.383684871853717</c:v>
                </c:pt>
                <c:pt idx="5220">
                  <c:v>70.003404565597563</c:v>
                </c:pt>
                <c:pt idx="5221">
                  <c:v>70.565129799798399</c:v>
                </c:pt>
                <c:pt idx="5222">
                  <c:v>71.048686723517207</c:v>
                </c:pt>
                <c:pt idx="5223">
                  <c:v>71.201160673105306</c:v>
                </c:pt>
                <c:pt idx="5224">
                  <c:v>69.527177905038954</c:v>
                </c:pt>
                <c:pt idx="5225">
                  <c:v>68.051068758633704</c:v>
                </c:pt>
                <c:pt idx="5226">
                  <c:v>66.826119630577978</c:v>
                </c:pt>
                <c:pt idx="5227">
                  <c:v>65.940520256734089</c:v>
                </c:pt>
                <c:pt idx="5228">
                  <c:v>63.527748773127193</c:v>
                </c:pt>
                <c:pt idx="5229">
                  <c:v>61.282658635764534</c:v>
                </c:pt>
                <c:pt idx="5230">
                  <c:v>60.576570243971965</c:v>
                </c:pt>
                <c:pt idx="5231">
                  <c:v>59.689833939998266</c:v>
                </c:pt>
                <c:pt idx="5232">
                  <c:v>58.50107746040262</c:v>
                </c:pt>
                <c:pt idx="5233">
                  <c:v>57.997770558308659</c:v>
                </c:pt>
                <c:pt idx="5234">
                  <c:v>57.467678052301579</c:v>
                </c:pt>
                <c:pt idx="5235">
                  <c:v>58.288575361274432</c:v>
                </c:pt>
                <c:pt idx="5236">
                  <c:v>60.148439870326548</c:v>
                </c:pt>
                <c:pt idx="5237">
                  <c:v>63.289195310492495</c:v>
                </c:pt>
                <c:pt idx="5238">
                  <c:v>65.411113564806286</c:v>
                </c:pt>
                <c:pt idx="5239">
                  <c:v>66.72868205490704</c:v>
                </c:pt>
                <c:pt idx="5240">
                  <c:v>68.623915670648358</c:v>
                </c:pt>
                <c:pt idx="5241">
                  <c:v>69.24610418524064</c:v>
                </c:pt>
                <c:pt idx="5242">
                  <c:v>70.253558379403231</c:v>
                </c:pt>
                <c:pt idx="5243">
                  <c:v>70.324108398933632</c:v>
                </c:pt>
                <c:pt idx="5244">
                  <c:v>70.211527995043014</c:v>
                </c:pt>
                <c:pt idx="5245">
                  <c:v>69.447987855929966</c:v>
                </c:pt>
                <c:pt idx="5246">
                  <c:v>69.665955069100534</c:v>
                </c:pt>
                <c:pt idx="5247">
                  <c:v>69.0813864949248</c:v>
                </c:pt>
                <c:pt idx="5248">
                  <c:v>68.143361100769567</c:v>
                </c:pt>
                <c:pt idx="5249">
                  <c:v>67.148716601840732</c:v>
                </c:pt>
                <c:pt idx="5250">
                  <c:v>66.359166837262705</c:v>
                </c:pt>
                <c:pt idx="5251">
                  <c:v>65.283909606497659</c:v>
                </c:pt>
                <c:pt idx="5252">
                  <c:v>62.52891640699125</c:v>
                </c:pt>
                <c:pt idx="5253">
                  <c:v>60.668939432746363</c:v>
                </c:pt>
                <c:pt idx="5254">
                  <c:v>59.744727623947277</c:v>
                </c:pt>
                <c:pt idx="5255">
                  <c:v>58.439473385974331</c:v>
                </c:pt>
                <c:pt idx="5256">
                  <c:v>57.318526042854693</c:v>
                </c:pt>
                <c:pt idx="5257">
                  <c:v>56.822806442001038</c:v>
                </c:pt>
                <c:pt idx="5258">
                  <c:v>56.926427838037824</c:v>
                </c:pt>
                <c:pt idx="5259">
                  <c:v>57.790005589599723</c:v>
                </c:pt>
                <c:pt idx="5260">
                  <c:v>58.82433925904143</c:v>
                </c:pt>
                <c:pt idx="5261">
                  <c:v>62.086398000733688</c:v>
                </c:pt>
                <c:pt idx="5262">
                  <c:v>64.610760041547593</c:v>
                </c:pt>
                <c:pt idx="5263">
                  <c:v>66.115680381387861</c:v>
                </c:pt>
                <c:pt idx="5264">
                  <c:v>67.675214222882275</c:v>
                </c:pt>
                <c:pt idx="5265">
                  <c:v>68.338745954407329</c:v>
                </c:pt>
                <c:pt idx="5266">
                  <c:v>69.66592843363982</c:v>
                </c:pt>
                <c:pt idx="5267">
                  <c:v>69.712397839164836</c:v>
                </c:pt>
                <c:pt idx="5268">
                  <c:v>69.982033727252841</c:v>
                </c:pt>
                <c:pt idx="5269">
                  <c:v>70.202409135197385</c:v>
                </c:pt>
                <c:pt idx="5270">
                  <c:v>70.234436099591818</c:v>
                </c:pt>
                <c:pt idx="5271">
                  <c:v>69.949447790844303</c:v>
                </c:pt>
                <c:pt idx="5272">
                  <c:v>68.962861244492657</c:v>
                </c:pt>
                <c:pt idx="5273">
                  <c:v>67.904180253391019</c:v>
                </c:pt>
                <c:pt idx="5274">
                  <c:v>66.641498190154977</c:v>
                </c:pt>
                <c:pt idx="5275">
                  <c:v>65.738175172780018</c:v>
                </c:pt>
                <c:pt idx="5276">
                  <c:v>63.655029578074334</c:v>
                </c:pt>
                <c:pt idx="5277">
                  <c:v>61.571027098237522</c:v>
                </c:pt>
                <c:pt idx="5278">
                  <c:v>60.521190413830389</c:v>
                </c:pt>
                <c:pt idx="5279">
                  <c:v>60.223080002177262</c:v>
                </c:pt>
                <c:pt idx="5280">
                  <c:v>59.529089621014357</c:v>
                </c:pt>
                <c:pt idx="5281">
                  <c:v>58.766423215236237</c:v>
                </c:pt>
                <c:pt idx="5282">
                  <c:v>58.346417637798488</c:v>
                </c:pt>
                <c:pt idx="5283">
                  <c:v>59.020847803533599</c:v>
                </c:pt>
                <c:pt idx="5284">
                  <c:v>60.650716992159566</c:v>
                </c:pt>
                <c:pt idx="5285">
                  <c:v>63.788094514566538</c:v>
                </c:pt>
                <c:pt idx="5286">
                  <c:v>67.019790243223667</c:v>
                </c:pt>
                <c:pt idx="5287">
                  <c:v>68.693290140592282</c:v>
                </c:pt>
                <c:pt idx="5288">
                  <c:v>70.236940676290672</c:v>
                </c:pt>
                <c:pt idx="5289">
                  <c:v>70.699656411135578</c:v>
                </c:pt>
                <c:pt idx="5290">
                  <c:v>71.845035493457843</c:v>
                </c:pt>
                <c:pt idx="5291">
                  <c:v>71.786089610550476</c:v>
                </c:pt>
                <c:pt idx="5292">
                  <c:v>71.339549818522201</c:v>
                </c:pt>
                <c:pt idx="5293">
                  <c:v>71.178046683113806</c:v>
                </c:pt>
                <c:pt idx="5294">
                  <c:v>70.924680883800818</c:v>
                </c:pt>
                <c:pt idx="5295">
                  <c:v>70.107931469230238</c:v>
                </c:pt>
                <c:pt idx="5296">
                  <c:v>68.95842536152648</c:v>
                </c:pt>
                <c:pt idx="5297">
                  <c:v>67.897789429599186</c:v>
                </c:pt>
                <c:pt idx="5298">
                  <c:v>67.055947920382962</c:v>
                </c:pt>
                <c:pt idx="5299">
                  <c:v>66.20295252758963</c:v>
                </c:pt>
                <c:pt idx="5300">
                  <c:v>63.915266482863061</c:v>
                </c:pt>
                <c:pt idx="5301">
                  <c:v>61.752481331324631</c:v>
                </c:pt>
                <c:pt idx="5302">
                  <c:v>60.639206118876558</c:v>
                </c:pt>
                <c:pt idx="5303">
                  <c:v>59.843138884578956</c:v>
                </c:pt>
                <c:pt idx="5304">
                  <c:v>59.331516168050541</c:v>
                </c:pt>
                <c:pt idx="5305">
                  <c:v>58.493987838234759</c:v>
                </c:pt>
                <c:pt idx="5306">
                  <c:v>58.340695367993568</c:v>
                </c:pt>
                <c:pt idx="5307">
                  <c:v>59.262271933349062</c:v>
                </c:pt>
                <c:pt idx="5308">
                  <c:v>60.09953645834397</c:v>
                </c:pt>
                <c:pt idx="5309">
                  <c:v>62.678891212886846</c:v>
                </c:pt>
                <c:pt idx="5310">
                  <c:v>65.495435490492483</c:v>
                </c:pt>
                <c:pt idx="5311">
                  <c:v>67.266350760776845</c:v>
                </c:pt>
                <c:pt idx="5312">
                  <c:v>68.387911641338945</c:v>
                </c:pt>
                <c:pt idx="5313">
                  <c:v>69.297799632914987</c:v>
                </c:pt>
                <c:pt idx="5314">
                  <c:v>69.668422595442024</c:v>
                </c:pt>
                <c:pt idx="5315">
                  <c:v>69.992617753189393</c:v>
                </c:pt>
                <c:pt idx="5316">
                  <c:v>69.528529076065297</c:v>
                </c:pt>
                <c:pt idx="5317">
                  <c:v>68.670458294269764</c:v>
                </c:pt>
                <c:pt idx="5318">
                  <c:v>68.590681951205013</c:v>
                </c:pt>
                <c:pt idx="5319">
                  <c:v>67.371928411759924</c:v>
                </c:pt>
                <c:pt idx="5320">
                  <c:v>65.95117704965098</c:v>
                </c:pt>
                <c:pt idx="5321">
                  <c:v>63.977775103813912</c:v>
                </c:pt>
                <c:pt idx="5322">
                  <c:v>62.518223838610162</c:v>
                </c:pt>
                <c:pt idx="5323">
                  <c:v>61.074610758450682</c:v>
                </c:pt>
                <c:pt idx="5324">
                  <c:v>58.608156229464505</c:v>
                </c:pt>
                <c:pt idx="5325">
                  <c:v>56.342882963863204</c:v>
                </c:pt>
                <c:pt idx="5326">
                  <c:v>55.886034326689192</c:v>
                </c:pt>
                <c:pt idx="5327">
                  <c:v>54.847281504802645</c:v>
                </c:pt>
                <c:pt idx="5328">
                  <c:v>53.048745300975753</c:v>
                </c:pt>
                <c:pt idx="5329">
                  <c:v>51.808946589746938</c:v>
                </c:pt>
                <c:pt idx="5330">
                  <c:v>50.777482704867609</c:v>
                </c:pt>
                <c:pt idx="5331">
                  <c:v>50.081638001372085</c:v>
                </c:pt>
                <c:pt idx="5332">
                  <c:v>48.710852076497417</c:v>
                </c:pt>
                <c:pt idx="5333">
                  <c:v>47.84925564624325</c:v>
                </c:pt>
                <c:pt idx="5334">
                  <c:v>47.457941383053516</c:v>
                </c:pt>
                <c:pt idx="5335">
                  <c:v>47.482606231571815</c:v>
                </c:pt>
                <c:pt idx="5336">
                  <c:v>47.17816970185951</c:v>
                </c:pt>
                <c:pt idx="5337">
                  <c:v>46.827488638166493</c:v>
                </c:pt>
                <c:pt idx="5338">
                  <c:v>46.891407290981405</c:v>
                </c:pt>
                <c:pt idx="5339">
                  <c:v>46.703209441737201</c:v>
                </c:pt>
                <c:pt idx="5340">
                  <c:v>45.451776584861136</c:v>
                </c:pt>
                <c:pt idx="5341">
                  <c:v>44.837729008585647</c:v>
                </c:pt>
                <c:pt idx="5342">
                  <c:v>44.556439263040339</c:v>
                </c:pt>
                <c:pt idx="5343">
                  <c:v>44.760212168521846</c:v>
                </c:pt>
                <c:pt idx="5344">
                  <c:v>43.819933037805612</c:v>
                </c:pt>
                <c:pt idx="5345">
                  <c:v>42.867412265031952</c:v>
                </c:pt>
                <c:pt idx="5346">
                  <c:v>42.107815233247976</c:v>
                </c:pt>
                <c:pt idx="5347">
                  <c:v>41.644855268096066</c:v>
                </c:pt>
                <c:pt idx="5348">
                  <c:v>40.996946136517295</c:v>
                </c:pt>
                <c:pt idx="5349">
                  <c:v>40.168310735860814</c:v>
                </c:pt>
                <c:pt idx="5350">
                  <c:v>41.171914831055709</c:v>
                </c:pt>
                <c:pt idx="5351">
                  <c:v>40.551783307585197</c:v>
                </c:pt>
                <c:pt idx="5352">
                  <c:v>40.225814126162206</c:v>
                </c:pt>
                <c:pt idx="5353">
                  <c:v>39.994689897626451</c:v>
                </c:pt>
                <c:pt idx="5354">
                  <c:v>39.840712672448014</c:v>
                </c:pt>
                <c:pt idx="5355">
                  <c:v>40.116516768363766</c:v>
                </c:pt>
                <c:pt idx="5356">
                  <c:v>39.628669299501993</c:v>
                </c:pt>
                <c:pt idx="5357">
                  <c:v>39.231663246261363</c:v>
                </c:pt>
                <c:pt idx="5358">
                  <c:v>39.038123457270324</c:v>
                </c:pt>
                <c:pt idx="5359">
                  <c:v>38.824311277903874</c:v>
                </c:pt>
                <c:pt idx="5360">
                  <c:v>38.645529711278805</c:v>
                </c:pt>
                <c:pt idx="5361">
                  <c:v>38.610025720890484</c:v>
                </c:pt>
                <c:pt idx="5362">
                  <c:v>38.594687618262149</c:v>
                </c:pt>
                <c:pt idx="5363">
                  <c:v>39.032225075682014</c:v>
                </c:pt>
                <c:pt idx="5364">
                  <c:v>38.752025658017118</c:v>
                </c:pt>
                <c:pt idx="5365">
                  <c:v>39.430222642774254</c:v>
                </c:pt>
                <c:pt idx="5366">
                  <c:v>39.565374540184976</c:v>
                </c:pt>
                <c:pt idx="5367">
                  <c:v>39.956975320908022</c:v>
                </c:pt>
                <c:pt idx="5368">
                  <c:v>40.347891111328941</c:v>
                </c:pt>
                <c:pt idx="5369">
                  <c:v>40.100395077155646</c:v>
                </c:pt>
                <c:pt idx="5370">
                  <c:v>40.073284571617421</c:v>
                </c:pt>
                <c:pt idx="5371">
                  <c:v>40.537074707984793</c:v>
                </c:pt>
                <c:pt idx="5372">
                  <c:v>40.24860390100956</c:v>
                </c:pt>
                <c:pt idx="5373">
                  <c:v>40.610868722648362</c:v>
                </c:pt>
                <c:pt idx="5374">
                  <c:v>41.249581206283388</c:v>
                </c:pt>
                <c:pt idx="5375">
                  <c:v>41.851721260584988</c:v>
                </c:pt>
                <c:pt idx="5376">
                  <c:v>41.751952591757231</c:v>
                </c:pt>
                <c:pt idx="5377">
                  <c:v>41.881549916851384</c:v>
                </c:pt>
                <c:pt idx="5378">
                  <c:v>42.342227764358576</c:v>
                </c:pt>
                <c:pt idx="5379">
                  <c:v>43.805427656179099</c:v>
                </c:pt>
                <c:pt idx="5380">
                  <c:v>47.171535432310307</c:v>
                </c:pt>
                <c:pt idx="5381">
                  <c:v>52.389516588933127</c:v>
                </c:pt>
                <c:pt idx="5382">
                  <c:v>57.502946756248939</c:v>
                </c:pt>
                <c:pt idx="5383">
                  <c:v>60.572269185863661</c:v>
                </c:pt>
                <c:pt idx="5384">
                  <c:v>63.062135951391973</c:v>
                </c:pt>
                <c:pt idx="5385">
                  <c:v>64.286079561384796</c:v>
                </c:pt>
                <c:pt idx="5386">
                  <c:v>65.510035135759821</c:v>
                </c:pt>
                <c:pt idx="5387">
                  <c:v>66.838010794691598</c:v>
                </c:pt>
                <c:pt idx="5388">
                  <c:v>66.600815858236231</c:v>
                </c:pt>
                <c:pt idx="5389">
                  <c:v>66.927431351663472</c:v>
                </c:pt>
                <c:pt idx="5390">
                  <c:v>67.250593845929913</c:v>
                </c:pt>
                <c:pt idx="5391">
                  <c:v>67.397535779004002</c:v>
                </c:pt>
                <c:pt idx="5392">
                  <c:v>66.386049999925191</c:v>
                </c:pt>
                <c:pt idx="5393">
                  <c:v>65.172389972579296</c:v>
                </c:pt>
                <c:pt idx="5394">
                  <c:v>64.039735834514516</c:v>
                </c:pt>
                <c:pt idx="5395">
                  <c:v>63.491696578668758</c:v>
                </c:pt>
                <c:pt idx="5396">
                  <c:v>61.830916192551271</c:v>
                </c:pt>
                <c:pt idx="5397">
                  <c:v>59.919592502952838</c:v>
                </c:pt>
                <c:pt idx="5398">
                  <c:v>59.386333123043478</c:v>
                </c:pt>
                <c:pt idx="5399">
                  <c:v>59.039818665261976</c:v>
                </c:pt>
                <c:pt idx="5400">
                  <c:v>58.337186705034902</c:v>
                </c:pt>
                <c:pt idx="5401">
                  <c:v>57.425865145105213</c:v>
                </c:pt>
                <c:pt idx="5402">
                  <c:v>57.305805786281404</c:v>
                </c:pt>
                <c:pt idx="5403">
                  <c:v>58.540446201223411</c:v>
                </c:pt>
                <c:pt idx="5404">
                  <c:v>60.401807611399938</c:v>
                </c:pt>
                <c:pt idx="5405">
                  <c:v>64.019864231329407</c:v>
                </c:pt>
                <c:pt idx="5406">
                  <c:v>67.057659180086347</c:v>
                </c:pt>
                <c:pt idx="5407">
                  <c:v>68.985011925192609</c:v>
                </c:pt>
                <c:pt idx="5408">
                  <c:v>70.237229939747778</c:v>
                </c:pt>
                <c:pt idx="5409">
                  <c:v>70.397229564200941</c:v>
                </c:pt>
                <c:pt idx="5410">
                  <c:v>71.993256870106194</c:v>
                </c:pt>
                <c:pt idx="5411">
                  <c:v>72.966984274982195</c:v>
                </c:pt>
                <c:pt idx="5412">
                  <c:v>72.732379450751594</c:v>
                </c:pt>
                <c:pt idx="5413">
                  <c:v>71.861308975410083</c:v>
                </c:pt>
                <c:pt idx="5414">
                  <c:v>71.904538700825015</c:v>
                </c:pt>
                <c:pt idx="5415">
                  <c:v>70.760921187452638</c:v>
                </c:pt>
                <c:pt idx="5416">
                  <c:v>69.533854756020574</c:v>
                </c:pt>
                <c:pt idx="5417">
                  <c:v>68.106766292157303</c:v>
                </c:pt>
                <c:pt idx="5418">
                  <c:v>66.451951680443329</c:v>
                </c:pt>
                <c:pt idx="5419">
                  <c:v>65.720398591761096</c:v>
                </c:pt>
                <c:pt idx="5420">
                  <c:v>63.522463320955389</c:v>
                </c:pt>
                <c:pt idx="5421">
                  <c:v>61.59990401731973</c:v>
                </c:pt>
                <c:pt idx="5422">
                  <c:v>60.958702255704075</c:v>
                </c:pt>
                <c:pt idx="5423">
                  <c:v>60.422431480019945</c:v>
                </c:pt>
                <c:pt idx="5424">
                  <c:v>59.520243039125837</c:v>
                </c:pt>
                <c:pt idx="5425">
                  <c:v>58.465317746054865</c:v>
                </c:pt>
                <c:pt idx="5426">
                  <c:v>58.605781829166823</c:v>
                </c:pt>
                <c:pt idx="5427">
                  <c:v>59.268270658837992</c:v>
                </c:pt>
                <c:pt idx="5428">
                  <c:v>60.107208471333067</c:v>
                </c:pt>
                <c:pt idx="5429">
                  <c:v>63.112205125704129</c:v>
                </c:pt>
                <c:pt idx="5430">
                  <c:v>66.243810716313135</c:v>
                </c:pt>
                <c:pt idx="5431">
                  <c:v>67.96048997100894</c:v>
                </c:pt>
                <c:pt idx="5432">
                  <c:v>69.94784075856235</c:v>
                </c:pt>
                <c:pt idx="5433">
                  <c:v>70.45551065895971</c:v>
                </c:pt>
                <c:pt idx="5434">
                  <c:v>71.889188712269444</c:v>
                </c:pt>
                <c:pt idx="5435">
                  <c:v>72.747808266933575</c:v>
                </c:pt>
                <c:pt idx="5436">
                  <c:v>72.205692086376459</c:v>
                </c:pt>
                <c:pt idx="5437">
                  <c:v>72.218640411533926</c:v>
                </c:pt>
                <c:pt idx="5438">
                  <c:v>71.413307155489491</c:v>
                </c:pt>
                <c:pt idx="5439">
                  <c:v>70.415925460889639</c:v>
                </c:pt>
                <c:pt idx="5440">
                  <c:v>69.338451838127057</c:v>
                </c:pt>
                <c:pt idx="5441">
                  <c:v>67.953436614648808</c:v>
                </c:pt>
                <c:pt idx="5442">
                  <c:v>66.572977035641287</c:v>
                </c:pt>
                <c:pt idx="5443">
                  <c:v>65.687382624073962</c:v>
                </c:pt>
                <c:pt idx="5444">
                  <c:v>63.304718998341265</c:v>
                </c:pt>
                <c:pt idx="5445">
                  <c:v>61.220150191337353</c:v>
                </c:pt>
                <c:pt idx="5446">
                  <c:v>58.506736809325368</c:v>
                </c:pt>
                <c:pt idx="5447">
                  <c:v>57.816624810145157</c:v>
                </c:pt>
                <c:pt idx="5448">
                  <c:v>57.284373753063726</c:v>
                </c:pt>
                <c:pt idx="5449">
                  <c:v>56.850337995724345</c:v>
                </c:pt>
                <c:pt idx="5450">
                  <c:v>56.9586720442312</c:v>
                </c:pt>
                <c:pt idx="5451">
                  <c:v>57.298216641349399</c:v>
                </c:pt>
                <c:pt idx="5452">
                  <c:v>58.063949518287949</c:v>
                </c:pt>
                <c:pt idx="5453">
                  <c:v>60.472805353803622</c:v>
                </c:pt>
                <c:pt idx="5454">
                  <c:v>64.075712535682584</c:v>
                </c:pt>
                <c:pt idx="5455">
                  <c:v>66.58435253488166</c:v>
                </c:pt>
                <c:pt idx="5456">
                  <c:v>68.988936929038431</c:v>
                </c:pt>
                <c:pt idx="5457">
                  <c:v>69.546581014398726</c:v>
                </c:pt>
                <c:pt idx="5458">
                  <c:v>70.867071991184815</c:v>
                </c:pt>
                <c:pt idx="5459">
                  <c:v>71.657744858205007</c:v>
                </c:pt>
                <c:pt idx="5460">
                  <c:v>71.246201982510499</c:v>
                </c:pt>
                <c:pt idx="5461">
                  <c:v>71.453081998824487</c:v>
                </c:pt>
                <c:pt idx="5462">
                  <c:v>71.623821578457765</c:v>
                </c:pt>
                <c:pt idx="5463">
                  <c:v>70.53865817265644</c:v>
                </c:pt>
                <c:pt idx="5464">
                  <c:v>68.586487297643401</c:v>
                </c:pt>
                <c:pt idx="5465">
                  <c:v>65.883473788150667</c:v>
                </c:pt>
                <c:pt idx="5466">
                  <c:v>64.890298142696125</c:v>
                </c:pt>
                <c:pt idx="5467">
                  <c:v>63.748071322038868</c:v>
                </c:pt>
                <c:pt idx="5468">
                  <c:v>61.13476425941159</c:v>
                </c:pt>
                <c:pt idx="5469">
                  <c:v>59.307561454650759</c:v>
                </c:pt>
                <c:pt idx="5470">
                  <c:v>58.19040631073441</c:v>
                </c:pt>
                <c:pt idx="5471">
                  <c:v>57.207357671429762</c:v>
                </c:pt>
                <c:pt idx="5472">
                  <c:v>56.659523143815989</c:v>
                </c:pt>
                <c:pt idx="5473">
                  <c:v>56.588440434684877</c:v>
                </c:pt>
                <c:pt idx="5474">
                  <c:v>56.56611993821253</c:v>
                </c:pt>
                <c:pt idx="5475">
                  <c:v>57.263172750105142</c:v>
                </c:pt>
                <c:pt idx="5476">
                  <c:v>58.475557335079976</c:v>
                </c:pt>
                <c:pt idx="5477">
                  <c:v>61.057251008662462</c:v>
                </c:pt>
                <c:pt idx="5478">
                  <c:v>64.360072635909106</c:v>
                </c:pt>
                <c:pt idx="5479">
                  <c:v>65.688814897920679</c:v>
                </c:pt>
                <c:pt idx="5480">
                  <c:v>66.741301712601071</c:v>
                </c:pt>
                <c:pt idx="5481">
                  <c:v>66.980405222997575</c:v>
                </c:pt>
                <c:pt idx="5482">
                  <c:v>67.351740831202008</c:v>
                </c:pt>
                <c:pt idx="5483">
                  <c:v>67.585108773676978</c:v>
                </c:pt>
                <c:pt idx="5484">
                  <c:v>65.9740864487067</c:v>
                </c:pt>
                <c:pt idx="5485">
                  <c:v>64.451410396868283</c:v>
                </c:pt>
                <c:pt idx="5486">
                  <c:v>64.0478827550224</c:v>
                </c:pt>
                <c:pt idx="5487">
                  <c:v>63.154862149486021</c:v>
                </c:pt>
                <c:pt idx="5488">
                  <c:v>61.725186711596571</c:v>
                </c:pt>
                <c:pt idx="5489">
                  <c:v>60.047948493972086</c:v>
                </c:pt>
                <c:pt idx="5490">
                  <c:v>58.784488490913759</c:v>
                </c:pt>
                <c:pt idx="5491">
                  <c:v>57.097315932920452</c:v>
                </c:pt>
                <c:pt idx="5492">
                  <c:v>54.570759624409249</c:v>
                </c:pt>
                <c:pt idx="5493">
                  <c:v>53.284208049865747</c:v>
                </c:pt>
                <c:pt idx="5494">
                  <c:v>52.950544789994645</c:v>
                </c:pt>
                <c:pt idx="5495">
                  <c:v>52.366481799229113</c:v>
                </c:pt>
                <c:pt idx="5496">
                  <c:v>51.18653345858899</c:v>
                </c:pt>
                <c:pt idx="5497">
                  <c:v>39.304758580231351</c:v>
                </c:pt>
                <c:pt idx="5498">
                  <c:v>49.780310994982415</c:v>
                </c:pt>
                <c:pt idx="5499">
                  <c:v>39.467657684451275</c:v>
                </c:pt>
                <c:pt idx="5500">
                  <c:v>38.943440572727667</c:v>
                </c:pt>
                <c:pt idx="5501">
                  <c:v>48.570538332712736</c:v>
                </c:pt>
                <c:pt idx="5502">
                  <c:v>38.503208736434111</c:v>
                </c:pt>
                <c:pt idx="5503">
                  <c:v>47.680890486521356</c:v>
                </c:pt>
                <c:pt idx="5504">
                  <c:v>38.756172395208665</c:v>
                </c:pt>
                <c:pt idx="5505">
                  <c:v>45.870659726723915</c:v>
                </c:pt>
                <c:pt idx="5506">
                  <c:v>44.900945607143463</c:v>
                </c:pt>
                <c:pt idx="5507">
                  <c:v>39.381347435351699</c:v>
                </c:pt>
                <c:pt idx="5508">
                  <c:v>45.048401498695291</c:v>
                </c:pt>
                <c:pt idx="5509">
                  <c:v>39.368077366381492</c:v>
                </c:pt>
                <c:pt idx="5510">
                  <c:v>39.167544376374963</c:v>
                </c:pt>
                <c:pt idx="5511">
                  <c:v>44.442933620130077</c:v>
                </c:pt>
                <c:pt idx="5512">
                  <c:v>38.982916384962373</c:v>
                </c:pt>
                <c:pt idx="5513">
                  <c:v>43.963911785681084</c:v>
                </c:pt>
                <c:pt idx="5514">
                  <c:v>43.772057052435009</c:v>
                </c:pt>
                <c:pt idx="5515">
                  <c:v>38.812134714240187</c:v>
                </c:pt>
                <c:pt idx="5516">
                  <c:v>39.219746172395439</c:v>
                </c:pt>
                <c:pt idx="5517">
                  <c:v>43.598257297652246</c:v>
                </c:pt>
                <c:pt idx="5518">
                  <c:v>39.165560054164828</c:v>
                </c:pt>
                <c:pt idx="5519">
                  <c:v>43.385830593745723</c:v>
                </c:pt>
                <c:pt idx="5520">
                  <c:v>45.264400492537341</c:v>
                </c:pt>
                <c:pt idx="5521">
                  <c:v>44.409148617259198</c:v>
                </c:pt>
                <c:pt idx="5522">
                  <c:v>43.669467554943225</c:v>
                </c:pt>
                <c:pt idx="5523">
                  <c:v>43.235429345886182</c:v>
                </c:pt>
                <c:pt idx="5524">
                  <c:v>42.376555577520698</c:v>
                </c:pt>
                <c:pt idx="5525">
                  <c:v>41.618479885582808</c:v>
                </c:pt>
                <c:pt idx="5526">
                  <c:v>41.480922657004349</c:v>
                </c:pt>
                <c:pt idx="5527">
                  <c:v>41.28751708484522</c:v>
                </c:pt>
                <c:pt idx="5528">
                  <c:v>41.037578021893353</c:v>
                </c:pt>
                <c:pt idx="5529">
                  <c:v>40.816588233115446</c:v>
                </c:pt>
                <c:pt idx="5530">
                  <c:v>41.295698192104226</c:v>
                </c:pt>
                <c:pt idx="5531">
                  <c:v>41.478094257436162</c:v>
                </c:pt>
                <c:pt idx="5532">
                  <c:v>41.237564573066486</c:v>
                </c:pt>
                <c:pt idx="5533">
                  <c:v>41.210642104466373</c:v>
                </c:pt>
                <c:pt idx="5534">
                  <c:v>41.208762362724997</c:v>
                </c:pt>
                <c:pt idx="5535">
                  <c:v>41.052607227709508</c:v>
                </c:pt>
                <c:pt idx="5536">
                  <c:v>40.859626469573797</c:v>
                </c:pt>
                <c:pt idx="5537">
                  <c:v>40.365917983300946</c:v>
                </c:pt>
                <c:pt idx="5538">
                  <c:v>40.199805167564449</c:v>
                </c:pt>
                <c:pt idx="5539">
                  <c:v>40.383616854676724</c:v>
                </c:pt>
                <c:pt idx="5540">
                  <c:v>39.918992643959378</c:v>
                </c:pt>
                <c:pt idx="5541">
                  <c:v>39.830423009541285</c:v>
                </c:pt>
                <c:pt idx="5542">
                  <c:v>40.007703144267708</c:v>
                </c:pt>
                <c:pt idx="5543">
                  <c:v>40.3068787585986</c:v>
                </c:pt>
                <c:pt idx="5544">
                  <c:v>40.916671879015183</c:v>
                </c:pt>
                <c:pt idx="5545">
                  <c:v>41.157375968772747</c:v>
                </c:pt>
                <c:pt idx="5546">
                  <c:v>41.616001199022506</c:v>
                </c:pt>
                <c:pt idx="5547">
                  <c:v>42.985073961660888</c:v>
                </c:pt>
                <c:pt idx="5548">
                  <c:v>46.619807557429205</c:v>
                </c:pt>
                <c:pt idx="5549">
                  <c:v>52.588747658017802</c:v>
                </c:pt>
                <c:pt idx="5550">
                  <c:v>57.730453308651732</c:v>
                </c:pt>
                <c:pt idx="5551">
                  <c:v>61.021187928577582</c:v>
                </c:pt>
                <c:pt idx="5552">
                  <c:v>63.433935973763575</c:v>
                </c:pt>
                <c:pt idx="5553">
                  <c:v>64.7207350541089</c:v>
                </c:pt>
                <c:pt idx="5554">
                  <c:v>66.869577130370942</c:v>
                </c:pt>
                <c:pt idx="5555">
                  <c:v>67.820813654203647</c:v>
                </c:pt>
                <c:pt idx="5556">
                  <c:v>67.793088336329788</c:v>
                </c:pt>
                <c:pt idx="5557">
                  <c:v>68.275923572436454</c:v>
                </c:pt>
                <c:pt idx="5558">
                  <c:v>68.813985886867229</c:v>
                </c:pt>
                <c:pt idx="5559">
                  <c:v>68.362151698801085</c:v>
                </c:pt>
                <c:pt idx="5560">
                  <c:v>67.453152248934686</c:v>
                </c:pt>
                <c:pt idx="5561">
                  <c:v>66.082243443970597</c:v>
                </c:pt>
                <c:pt idx="5562">
                  <c:v>64.631960966051196</c:v>
                </c:pt>
                <c:pt idx="5563">
                  <c:v>63.62566280580247</c:v>
                </c:pt>
                <c:pt idx="5564">
                  <c:v>61.14478319384677</c:v>
                </c:pt>
                <c:pt idx="5565">
                  <c:v>58.981971681440001</c:v>
                </c:pt>
                <c:pt idx="5566">
                  <c:v>58.887967746167149</c:v>
                </c:pt>
                <c:pt idx="5567">
                  <c:v>58.455140116838599</c:v>
                </c:pt>
                <c:pt idx="5568">
                  <c:v>57.245693925293331</c:v>
                </c:pt>
                <c:pt idx="5569">
                  <c:v>56.720117698978136</c:v>
                </c:pt>
                <c:pt idx="5570">
                  <c:v>56.777237915228945</c:v>
                </c:pt>
                <c:pt idx="5571">
                  <c:v>57.206018268648229</c:v>
                </c:pt>
                <c:pt idx="5572">
                  <c:v>58.566580903516829</c:v>
                </c:pt>
                <c:pt idx="5573">
                  <c:v>61.586969441394942</c:v>
                </c:pt>
                <c:pt idx="5574">
                  <c:v>64.812190615198503</c:v>
                </c:pt>
                <c:pt idx="5575">
                  <c:v>66.659931301937362</c:v>
                </c:pt>
                <c:pt idx="5576">
                  <c:v>67.930670474359729</c:v>
                </c:pt>
                <c:pt idx="5577">
                  <c:v>68.525151146921644</c:v>
                </c:pt>
                <c:pt idx="5578">
                  <c:v>70.226684258675505</c:v>
                </c:pt>
                <c:pt idx="5579">
                  <c:v>70.684284082528634</c:v>
                </c:pt>
                <c:pt idx="5580">
                  <c:v>69.770357052814688</c:v>
                </c:pt>
                <c:pt idx="5581">
                  <c:v>70.10737949932178</c:v>
                </c:pt>
                <c:pt idx="5582">
                  <c:v>70.212455450415462</c:v>
                </c:pt>
                <c:pt idx="5583">
                  <c:v>68.821206705350832</c:v>
                </c:pt>
                <c:pt idx="5584">
                  <c:v>67.895430504543427</c:v>
                </c:pt>
                <c:pt idx="5585">
                  <c:v>66.866304950291465</c:v>
                </c:pt>
                <c:pt idx="5586">
                  <c:v>65.362976383242412</c:v>
                </c:pt>
                <c:pt idx="5587">
                  <c:v>64.141107652103443</c:v>
                </c:pt>
                <c:pt idx="5588">
                  <c:v>61.529979872275106</c:v>
                </c:pt>
                <c:pt idx="5589">
                  <c:v>59.747981955522143</c:v>
                </c:pt>
                <c:pt idx="5590">
                  <c:v>59.366186280226309</c:v>
                </c:pt>
                <c:pt idx="5591">
                  <c:v>58.009511618459904</c:v>
                </c:pt>
                <c:pt idx="5592">
                  <c:v>56.487311003711277</c:v>
                </c:pt>
                <c:pt idx="5593">
                  <c:v>55.866666561291318</c:v>
                </c:pt>
                <c:pt idx="5594">
                  <c:v>55.589219363423297</c:v>
                </c:pt>
                <c:pt idx="5595">
                  <c:v>56.298890361979332</c:v>
                </c:pt>
                <c:pt idx="5596">
                  <c:v>58.21677979071476</c:v>
                </c:pt>
                <c:pt idx="5597">
                  <c:v>61.240984005444538</c:v>
                </c:pt>
                <c:pt idx="5598">
                  <c:v>64.300093658018525</c:v>
                </c:pt>
                <c:pt idx="5599">
                  <c:v>66.142811187148354</c:v>
                </c:pt>
                <c:pt idx="5600">
                  <c:v>66.929920963077691</c:v>
                </c:pt>
                <c:pt idx="5601">
                  <c:v>67.611013269488424</c:v>
                </c:pt>
                <c:pt idx="5602">
                  <c:v>68.438529961180791</c:v>
                </c:pt>
                <c:pt idx="5603">
                  <c:v>69.454587938728025</c:v>
                </c:pt>
                <c:pt idx="5604">
                  <c:v>69.312687855158487</c:v>
                </c:pt>
                <c:pt idx="5605">
                  <c:v>69.234459408945554</c:v>
                </c:pt>
                <c:pt idx="5606">
                  <c:v>69.280815819706802</c:v>
                </c:pt>
                <c:pt idx="5607">
                  <c:v>68.898279176491087</c:v>
                </c:pt>
                <c:pt idx="5608">
                  <c:v>67.722072627739053</c:v>
                </c:pt>
                <c:pt idx="5609">
                  <c:v>66.228508957947483</c:v>
                </c:pt>
                <c:pt idx="5610">
                  <c:v>63.562414178005049</c:v>
                </c:pt>
                <c:pt idx="5611">
                  <c:v>62.260936860130904</c:v>
                </c:pt>
                <c:pt idx="5612">
                  <c:v>60.527994361855804</c:v>
                </c:pt>
                <c:pt idx="5613">
                  <c:v>58.560795124417496</c:v>
                </c:pt>
                <c:pt idx="5614">
                  <c:v>57.787622265049741</c:v>
                </c:pt>
                <c:pt idx="5615">
                  <c:v>58.037017458568322</c:v>
                </c:pt>
                <c:pt idx="5616">
                  <c:v>57.152473833578895</c:v>
                </c:pt>
                <c:pt idx="5617">
                  <c:v>56.720450622623432</c:v>
                </c:pt>
                <c:pt idx="5618">
                  <c:v>56.659048000932323</c:v>
                </c:pt>
                <c:pt idx="5619">
                  <c:v>57.329898325441484</c:v>
                </c:pt>
                <c:pt idx="5620">
                  <c:v>58.774636979374563</c:v>
                </c:pt>
                <c:pt idx="5621">
                  <c:v>62.000890797045301</c:v>
                </c:pt>
                <c:pt idx="5622">
                  <c:v>65.097237451350139</c:v>
                </c:pt>
                <c:pt idx="5623">
                  <c:v>66.51923995440464</c:v>
                </c:pt>
                <c:pt idx="5624">
                  <c:v>67.433063521633073</c:v>
                </c:pt>
                <c:pt idx="5625">
                  <c:v>66.619952338396374</c:v>
                </c:pt>
                <c:pt idx="5626">
                  <c:v>67.204340524993114</c:v>
                </c:pt>
                <c:pt idx="5627">
                  <c:v>67.773280438576506</c:v>
                </c:pt>
                <c:pt idx="5628">
                  <c:v>68.172721204369395</c:v>
                </c:pt>
                <c:pt idx="5629">
                  <c:v>68.275004217539191</c:v>
                </c:pt>
                <c:pt idx="5630">
                  <c:v>68.36268160325055</c:v>
                </c:pt>
                <c:pt idx="5631">
                  <c:v>67.468266951049287</c:v>
                </c:pt>
                <c:pt idx="5632">
                  <c:v>65.865450780085709</c:v>
                </c:pt>
                <c:pt idx="5633">
                  <c:v>65.060244169969025</c:v>
                </c:pt>
                <c:pt idx="5634">
                  <c:v>64.397841699600946</c:v>
                </c:pt>
                <c:pt idx="5635">
                  <c:v>64.109162653534028</c:v>
                </c:pt>
                <c:pt idx="5636">
                  <c:v>61.956251588951062</c:v>
                </c:pt>
                <c:pt idx="5637">
                  <c:v>60.308998800227421</c:v>
                </c:pt>
                <c:pt idx="5638">
                  <c:v>59.492805180244858</c:v>
                </c:pt>
                <c:pt idx="5639">
                  <c:v>59.00561841987345</c:v>
                </c:pt>
                <c:pt idx="5640">
                  <c:v>57.813222453664501</c:v>
                </c:pt>
                <c:pt idx="5641">
                  <c:v>57.095389941977025</c:v>
                </c:pt>
                <c:pt idx="5642">
                  <c:v>56.881992946287006</c:v>
                </c:pt>
                <c:pt idx="5643">
                  <c:v>57.576603003993426</c:v>
                </c:pt>
                <c:pt idx="5644">
                  <c:v>58.490639968727514</c:v>
                </c:pt>
                <c:pt idx="5645">
                  <c:v>60.994619566463413</c:v>
                </c:pt>
                <c:pt idx="5646">
                  <c:v>64.076673040209158</c:v>
                </c:pt>
                <c:pt idx="5647">
                  <c:v>65.797807085517803</c:v>
                </c:pt>
                <c:pt idx="5648">
                  <c:v>66.987375809369311</c:v>
                </c:pt>
                <c:pt idx="5649">
                  <c:v>68.086967299042584</c:v>
                </c:pt>
                <c:pt idx="5650">
                  <c:v>68.994039012342583</c:v>
                </c:pt>
                <c:pt idx="5651">
                  <c:v>69.459529483559393</c:v>
                </c:pt>
                <c:pt idx="5652">
                  <c:v>67.995140018327319</c:v>
                </c:pt>
                <c:pt idx="5653">
                  <c:v>67.417453768687352</c:v>
                </c:pt>
                <c:pt idx="5654">
                  <c:v>67.340983753225714</c:v>
                </c:pt>
                <c:pt idx="5655">
                  <c:v>65.98039583624454</c:v>
                </c:pt>
                <c:pt idx="5656">
                  <c:v>64.415905935750175</c:v>
                </c:pt>
                <c:pt idx="5657">
                  <c:v>62.78708531734933</c:v>
                </c:pt>
                <c:pt idx="5658">
                  <c:v>60.956202719736744</c:v>
                </c:pt>
                <c:pt idx="5659">
                  <c:v>59.615694546963653</c:v>
                </c:pt>
                <c:pt idx="5660">
                  <c:v>57.128131964539044</c:v>
                </c:pt>
                <c:pt idx="5661">
                  <c:v>55.72368405417911</c:v>
                </c:pt>
                <c:pt idx="5662">
                  <c:v>54.692006320678097</c:v>
                </c:pt>
                <c:pt idx="5663">
                  <c:v>53.713194053362848</c:v>
                </c:pt>
                <c:pt idx="5664">
                  <c:v>52.244962295432138</c:v>
                </c:pt>
                <c:pt idx="5665">
                  <c:v>51.095943118470586</c:v>
                </c:pt>
                <c:pt idx="5666">
                  <c:v>50.299514755967657</c:v>
                </c:pt>
                <c:pt idx="5667">
                  <c:v>49.329495838846981</c:v>
                </c:pt>
                <c:pt idx="5668">
                  <c:v>47.843252331138835</c:v>
                </c:pt>
                <c:pt idx="5669">
                  <c:v>47.114033473812043</c:v>
                </c:pt>
                <c:pt idx="5670">
                  <c:v>46.598561717457955</c:v>
                </c:pt>
                <c:pt idx="5671">
                  <c:v>46.178969126957604</c:v>
                </c:pt>
                <c:pt idx="5672">
                  <c:v>46.135518648884023</c:v>
                </c:pt>
                <c:pt idx="5673">
                  <c:v>46.404546491377126</c:v>
                </c:pt>
                <c:pt idx="5674">
                  <c:v>46.821418440204155</c:v>
                </c:pt>
                <c:pt idx="5675">
                  <c:v>47.101528223071178</c:v>
                </c:pt>
                <c:pt idx="5676">
                  <c:v>46.394886645318195</c:v>
                </c:pt>
                <c:pt idx="5677">
                  <c:v>46.308403618771251</c:v>
                </c:pt>
                <c:pt idx="5678">
                  <c:v>45.81716497326137</c:v>
                </c:pt>
                <c:pt idx="5679">
                  <c:v>45.767207087317516</c:v>
                </c:pt>
                <c:pt idx="5680">
                  <c:v>45.408097312494967</c:v>
                </c:pt>
                <c:pt idx="5681">
                  <c:v>44.190916873559345</c:v>
                </c:pt>
                <c:pt idx="5682">
                  <c:v>42.917009768092662</c:v>
                </c:pt>
                <c:pt idx="5683">
                  <c:v>42.494986348560836</c:v>
                </c:pt>
                <c:pt idx="5684">
                  <c:v>41.55931697662767</c:v>
                </c:pt>
                <c:pt idx="5685">
                  <c:v>41.199297398799878</c:v>
                </c:pt>
                <c:pt idx="5686">
                  <c:v>40.57436174436976</c:v>
                </c:pt>
                <c:pt idx="5687">
                  <c:v>40.269666411340623</c:v>
                </c:pt>
                <c:pt idx="5688">
                  <c:v>40.02043893492413</c:v>
                </c:pt>
                <c:pt idx="5689">
                  <c:v>39.772028606198845</c:v>
                </c:pt>
                <c:pt idx="5690">
                  <c:v>39.181700751088293</c:v>
                </c:pt>
                <c:pt idx="5691">
                  <c:v>39.233373662573861</c:v>
                </c:pt>
                <c:pt idx="5692">
                  <c:v>38.616349720665603</c:v>
                </c:pt>
                <c:pt idx="5693">
                  <c:v>38.670757591855669</c:v>
                </c:pt>
                <c:pt idx="5694">
                  <c:v>38.958075875776736</c:v>
                </c:pt>
                <c:pt idx="5695">
                  <c:v>38.626139880421924</c:v>
                </c:pt>
                <c:pt idx="5696">
                  <c:v>38.612299679218808</c:v>
                </c:pt>
                <c:pt idx="5697">
                  <c:v>39.298739221086528</c:v>
                </c:pt>
                <c:pt idx="5698">
                  <c:v>40.078549586270775</c:v>
                </c:pt>
                <c:pt idx="5699">
                  <c:v>40.193812110446743</c:v>
                </c:pt>
                <c:pt idx="5700">
                  <c:v>39.894331561279415</c:v>
                </c:pt>
                <c:pt idx="5701">
                  <c:v>39.986490510360525</c:v>
                </c:pt>
                <c:pt idx="5702">
                  <c:v>39.988838824382228</c:v>
                </c:pt>
                <c:pt idx="5703">
                  <c:v>40.33744495038016</c:v>
                </c:pt>
                <c:pt idx="5704">
                  <c:v>40.121189820690091</c:v>
                </c:pt>
                <c:pt idx="5705">
                  <c:v>39.803319800314839</c:v>
                </c:pt>
                <c:pt idx="5706">
                  <c:v>39.634943715739041</c:v>
                </c:pt>
                <c:pt idx="5707">
                  <c:v>39.859942651313055</c:v>
                </c:pt>
                <c:pt idx="5708">
                  <c:v>39.53593733496799</c:v>
                </c:pt>
                <c:pt idx="5709">
                  <c:v>39.934240131102783</c:v>
                </c:pt>
                <c:pt idx="5710">
                  <c:v>39.745796502066</c:v>
                </c:pt>
                <c:pt idx="5711">
                  <c:v>40.095340557174232</c:v>
                </c:pt>
                <c:pt idx="5712">
                  <c:v>39.900795858146253</c:v>
                </c:pt>
                <c:pt idx="5713">
                  <c:v>40.258975627810003</c:v>
                </c:pt>
                <c:pt idx="5714">
                  <c:v>40.906922339317148</c:v>
                </c:pt>
                <c:pt idx="5715">
                  <c:v>42.001084568867199</c:v>
                </c:pt>
                <c:pt idx="5716">
                  <c:v>45.227516655832858</c:v>
                </c:pt>
                <c:pt idx="5717">
                  <c:v>51.394093699065948</c:v>
                </c:pt>
                <c:pt idx="5718">
                  <c:v>56.910868394338614</c:v>
                </c:pt>
                <c:pt idx="5719">
                  <c:v>60.346924087368933</c:v>
                </c:pt>
                <c:pt idx="5720">
                  <c:v>62.450942488299553</c:v>
                </c:pt>
                <c:pt idx="5721">
                  <c:v>63.756908371649111</c:v>
                </c:pt>
                <c:pt idx="5722">
                  <c:v>65.194446605389558</c:v>
                </c:pt>
                <c:pt idx="5723">
                  <c:v>66.431229233159414</c:v>
                </c:pt>
                <c:pt idx="5724">
                  <c:v>65.519463716194764</c:v>
                </c:pt>
                <c:pt idx="5725">
                  <c:v>64.806639985243933</c:v>
                </c:pt>
                <c:pt idx="5726">
                  <c:v>65.889242581750025</c:v>
                </c:pt>
                <c:pt idx="5727">
                  <c:v>66.247934034697536</c:v>
                </c:pt>
                <c:pt idx="5728">
                  <c:v>65.577570444793153</c:v>
                </c:pt>
                <c:pt idx="5729">
                  <c:v>64.464061711140815</c:v>
                </c:pt>
                <c:pt idx="5730">
                  <c:v>63.819262240180883</c:v>
                </c:pt>
                <c:pt idx="5731">
                  <c:v>62.969877305663701</c:v>
                </c:pt>
                <c:pt idx="5732">
                  <c:v>60.70983873187167</c:v>
                </c:pt>
                <c:pt idx="5733">
                  <c:v>59.13296871630611</c:v>
                </c:pt>
                <c:pt idx="5734">
                  <c:v>58.769304513064789</c:v>
                </c:pt>
                <c:pt idx="5735">
                  <c:v>58.619795866959336</c:v>
                </c:pt>
                <c:pt idx="5736">
                  <c:v>57.632646621982758</c:v>
                </c:pt>
                <c:pt idx="5737">
                  <c:v>56.268306615899292</c:v>
                </c:pt>
                <c:pt idx="5738">
                  <c:v>54.890873162586288</c:v>
                </c:pt>
                <c:pt idx="5739">
                  <c:v>56.070897643770245</c:v>
                </c:pt>
                <c:pt idx="5740">
                  <c:v>57.864721469719449</c:v>
                </c:pt>
                <c:pt idx="5741">
                  <c:v>62.111070243632476</c:v>
                </c:pt>
                <c:pt idx="5742">
                  <c:v>64.747812883154069</c:v>
                </c:pt>
                <c:pt idx="5743">
                  <c:v>66.408340506987059</c:v>
                </c:pt>
                <c:pt idx="5744">
                  <c:v>67.539491526371421</c:v>
                </c:pt>
                <c:pt idx="5745">
                  <c:v>68.288516594669758</c:v>
                </c:pt>
                <c:pt idx="5746">
                  <c:v>69.635076999218114</c:v>
                </c:pt>
                <c:pt idx="5747">
                  <c:v>70.839898309785781</c:v>
                </c:pt>
                <c:pt idx="5748">
                  <c:v>70.021751867261642</c:v>
                </c:pt>
                <c:pt idx="5749">
                  <c:v>69.450169335467947</c:v>
                </c:pt>
                <c:pt idx="5750">
                  <c:v>69.565567370982748</c:v>
                </c:pt>
                <c:pt idx="5751">
                  <c:v>69.906264589223795</c:v>
                </c:pt>
                <c:pt idx="5752">
                  <c:v>68.324031725663161</c:v>
                </c:pt>
                <c:pt idx="5753">
                  <c:v>66.870582903412497</c:v>
                </c:pt>
                <c:pt idx="5754">
                  <c:v>65.087443466914252</c:v>
                </c:pt>
                <c:pt idx="5755">
                  <c:v>64.651354582360156</c:v>
                </c:pt>
                <c:pt idx="5756">
                  <c:v>62.912848999404751</c:v>
                </c:pt>
                <c:pt idx="5757">
                  <c:v>60.679425017315204</c:v>
                </c:pt>
                <c:pt idx="5758">
                  <c:v>60.059282667059485</c:v>
                </c:pt>
                <c:pt idx="5759">
                  <c:v>59.636746544329355</c:v>
                </c:pt>
                <c:pt idx="5760">
                  <c:v>58.744239465768423</c:v>
                </c:pt>
                <c:pt idx="5761">
                  <c:v>58.298961543402228</c:v>
                </c:pt>
                <c:pt idx="5762">
                  <c:v>58.263382785431965</c:v>
                </c:pt>
                <c:pt idx="5763">
                  <c:v>59.27738259503294</c:v>
                </c:pt>
                <c:pt idx="5764">
                  <c:v>60.4243759863352</c:v>
                </c:pt>
                <c:pt idx="5765">
                  <c:v>63.610876575013883</c:v>
                </c:pt>
                <c:pt idx="5766">
                  <c:v>66.775948464810924</c:v>
                </c:pt>
                <c:pt idx="5767">
                  <c:v>68.457357917189853</c:v>
                </c:pt>
                <c:pt idx="5768">
                  <c:v>69.746884543245443</c:v>
                </c:pt>
                <c:pt idx="5769">
                  <c:v>70.685843982990193</c:v>
                </c:pt>
                <c:pt idx="5770">
                  <c:v>71.875580776991129</c:v>
                </c:pt>
                <c:pt idx="5771">
                  <c:v>72.481681747898932</c:v>
                </c:pt>
                <c:pt idx="5772">
                  <c:v>71.350818285576167</c:v>
                </c:pt>
                <c:pt idx="5773">
                  <c:v>71.157063686890098</c:v>
                </c:pt>
                <c:pt idx="5774">
                  <c:v>71.149508630640526</c:v>
                </c:pt>
                <c:pt idx="5775">
                  <c:v>70.159975786521599</c:v>
                </c:pt>
                <c:pt idx="5776">
                  <c:v>69.011415492652148</c:v>
                </c:pt>
                <c:pt idx="5777">
                  <c:v>67.636473337535122</c:v>
                </c:pt>
                <c:pt idx="5778">
                  <c:v>66.438914250059014</c:v>
                </c:pt>
                <c:pt idx="5779">
                  <c:v>66.030514731390952</c:v>
                </c:pt>
                <c:pt idx="5780">
                  <c:v>63.548360128180235</c:v>
                </c:pt>
                <c:pt idx="5781">
                  <c:v>61.437183241235957</c:v>
                </c:pt>
                <c:pt idx="5782">
                  <c:v>60.566559390398211</c:v>
                </c:pt>
                <c:pt idx="5783">
                  <c:v>60.203390591035344</c:v>
                </c:pt>
                <c:pt idx="5784">
                  <c:v>59.123774245487652</c:v>
                </c:pt>
                <c:pt idx="5785">
                  <c:v>58.497399962358621</c:v>
                </c:pt>
                <c:pt idx="5786">
                  <c:v>58.579032177241558</c:v>
                </c:pt>
                <c:pt idx="5787">
                  <c:v>59.0885490644323</c:v>
                </c:pt>
                <c:pt idx="5788">
                  <c:v>60.288217060603465</c:v>
                </c:pt>
                <c:pt idx="5789">
                  <c:v>63.518228341541615</c:v>
                </c:pt>
                <c:pt idx="5790">
                  <c:v>67.052990364328139</c:v>
                </c:pt>
                <c:pt idx="5791">
                  <c:v>68.685677635694347</c:v>
                </c:pt>
                <c:pt idx="5792">
                  <c:v>70.129264649191612</c:v>
                </c:pt>
                <c:pt idx="5793">
                  <c:v>70.745803249070718</c:v>
                </c:pt>
                <c:pt idx="5794">
                  <c:v>71.907905752571295</c:v>
                </c:pt>
                <c:pt idx="5795">
                  <c:v>72.01809057332359</c:v>
                </c:pt>
                <c:pt idx="5796">
                  <c:v>71.404503429625777</c:v>
                </c:pt>
                <c:pt idx="5797">
                  <c:v>71.011489988797337</c:v>
                </c:pt>
                <c:pt idx="5798">
                  <c:v>71.156763694716489</c:v>
                </c:pt>
                <c:pt idx="5799">
                  <c:v>69.950629636441761</c:v>
                </c:pt>
                <c:pt idx="5800">
                  <c:v>68.576144442270206</c:v>
                </c:pt>
                <c:pt idx="5801">
                  <c:v>66.978849284511782</c:v>
                </c:pt>
                <c:pt idx="5802">
                  <c:v>65.670097916460051</c:v>
                </c:pt>
                <c:pt idx="5803">
                  <c:v>64.34051479374402</c:v>
                </c:pt>
                <c:pt idx="5804">
                  <c:v>62.333031952134398</c:v>
                </c:pt>
                <c:pt idx="5805">
                  <c:v>60.778749572198066</c:v>
                </c:pt>
                <c:pt idx="5806">
                  <c:v>59.369665561800467</c:v>
                </c:pt>
                <c:pt idx="5807">
                  <c:v>58.425926194452906</c:v>
                </c:pt>
                <c:pt idx="5808">
                  <c:v>57.111702749480642</c:v>
                </c:pt>
                <c:pt idx="5809">
                  <c:v>56.582158565226131</c:v>
                </c:pt>
                <c:pt idx="5810">
                  <c:v>56.46382205782681</c:v>
                </c:pt>
                <c:pt idx="5811">
                  <c:v>57.034059577308959</c:v>
                </c:pt>
                <c:pt idx="5812">
                  <c:v>57.949678468736103</c:v>
                </c:pt>
                <c:pt idx="5813">
                  <c:v>60.256225361715948</c:v>
                </c:pt>
                <c:pt idx="5814">
                  <c:v>63.155126326967967</c:v>
                </c:pt>
                <c:pt idx="5815">
                  <c:v>64.920477571112428</c:v>
                </c:pt>
                <c:pt idx="5816">
                  <c:v>65.991865285305877</c:v>
                </c:pt>
                <c:pt idx="5817">
                  <c:v>66.71754062605568</c:v>
                </c:pt>
                <c:pt idx="5818">
                  <c:v>66.533862959637901</c:v>
                </c:pt>
                <c:pt idx="5819">
                  <c:v>66.799882897602174</c:v>
                </c:pt>
                <c:pt idx="5820">
                  <c:v>65.913475869117889</c:v>
                </c:pt>
                <c:pt idx="5821">
                  <c:v>65.113799118003712</c:v>
                </c:pt>
                <c:pt idx="5822">
                  <c:v>65.538183227828014</c:v>
                </c:pt>
                <c:pt idx="5823">
                  <c:v>65.468933403210258</c:v>
                </c:pt>
                <c:pt idx="5824">
                  <c:v>64.148210788139068</c:v>
                </c:pt>
                <c:pt idx="5825">
                  <c:v>62.639324628257278</c:v>
                </c:pt>
                <c:pt idx="5826">
                  <c:v>61.136278087194761</c:v>
                </c:pt>
                <c:pt idx="5827">
                  <c:v>59.534728650101094</c:v>
                </c:pt>
                <c:pt idx="5828">
                  <c:v>57.519922920098011</c:v>
                </c:pt>
                <c:pt idx="5829">
                  <c:v>55.638183401480319</c:v>
                </c:pt>
                <c:pt idx="5830">
                  <c:v>55.027800123200926</c:v>
                </c:pt>
                <c:pt idx="5831">
                  <c:v>53.97716519874924</c:v>
                </c:pt>
                <c:pt idx="5832">
                  <c:v>53.154501025116353</c:v>
                </c:pt>
                <c:pt idx="5833">
                  <c:v>52.036966767193896</c:v>
                </c:pt>
                <c:pt idx="5834">
                  <c:v>50.911128541536733</c:v>
                </c:pt>
                <c:pt idx="5835">
                  <c:v>50.27731258919674</c:v>
                </c:pt>
                <c:pt idx="5836">
                  <c:v>49.125067579426471</c:v>
                </c:pt>
                <c:pt idx="5837">
                  <c:v>47.890555830627555</c:v>
                </c:pt>
                <c:pt idx="5838">
                  <c:v>47.820726361112328</c:v>
                </c:pt>
                <c:pt idx="5839">
                  <c:v>47.723071779007341</c:v>
                </c:pt>
                <c:pt idx="5840">
                  <c:v>47.546304347479243</c:v>
                </c:pt>
                <c:pt idx="5841">
                  <c:v>47.247831042384071</c:v>
                </c:pt>
                <c:pt idx="5842">
                  <c:v>47.769760936890201</c:v>
                </c:pt>
                <c:pt idx="5843">
                  <c:v>48.164416361687657</c:v>
                </c:pt>
                <c:pt idx="5844">
                  <c:v>47.486512504294673</c:v>
                </c:pt>
                <c:pt idx="5845">
                  <c:v>47.020100481441567</c:v>
                </c:pt>
                <c:pt idx="5846">
                  <c:v>46.780971728159983</c:v>
                </c:pt>
                <c:pt idx="5847">
                  <c:v>46.617178963043933</c:v>
                </c:pt>
                <c:pt idx="5848">
                  <c:v>46.069678888947273</c:v>
                </c:pt>
                <c:pt idx="5849">
                  <c:v>45.266312871544294</c:v>
                </c:pt>
                <c:pt idx="5850">
                  <c:v>44.873291389081899</c:v>
                </c:pt>
                <c:pt idx="5851">
                  <c:v>44.450322175329511</c:v>
                </c:pt>
                <c:pt idx="5852">
                  <c:v>43.310377393861998</c:v>
                </c:pt>
                <c:pt idx="5853">
                  <c:v>42.881716252762516</c:v>
                </c:pt>
                <c:pt idx="5854">
                  <c:v>42.930481564392416</c:v>
                </c:pt>
                <c:pt idx="5855">
                  <c:v>42.667483966670574</c:v>
                </c:pt>
                <c:pt idx="5856">
                  <c:v>42.075491473719772</c:v>
                </c:pt>
                <c:pt idx="5857">
                  <c:v>41.375629150291871</c:v>
                </c:pt>
                <c:pt idx="5858">
                  <c:v>40.77012824218626</c:v>
                </c:pt>
                <c:pt idx="5859">
                  <c:v>40.516296891109114</c:v>
                </c:pt>
                <c:pt idx="5860">
                  <c:v>40.293306892990586</c:v>
                </c:pt>
                <c:pt idx="5861">
                  <c:v>40.056854375871964</c:v>
                </c:pt>
                <c:pt idx="5862">
                  <c:v>40.482486704194379</c:v>
                </c:pt>
                <c:pt idx="5863">
                  <c:v>40.377735183996023</c:v>
                </c:pt>
                <c:pt idx="5864">
                  <c:v>40.101748935264538</c:v>
                </c:pt>
                <c:pt idx="5865">
                  <c:v>40.318655633441516</c:v>
                </c:pt>
                <c:pt idx="5866">
                  <c:v>41.076959413577299</c:v>
                </c:pt>
                <c:pt idx="5867">
                  <c:v>41.585996175994083</c:v>
                </c:pt>
                <c:pt idx="5868">
                  <c:v>41.54328621472434</c:v>
                </c:pt>
                <c:pt idx="5869">
                  <c:v>41.681683441002654</c:v>
                </c:pt>
                <c:pt idx="5870">
                  <c:v>41.658606344458583</c:v>
                </c:pt>
                <c:pt idx="5871">
                  <c:v>41.672213514800994</c:v>
                </c:pt>
                <c:pt idx="5872">
                  <c:v>41.922741480336221</c:v>
                </c:pt>
                <c:pt idx="5873">
                  <c:v>41.403926091043019</c:v>
                </c:pt>
                <c:pt idx="5874">
                  <c:v>41.179951247744945</c:v>
                </c:pt>
                <c:pt idx="5875">
                  <c:v>41.345931494203811</c:v>
                </c:pt>
                <c:pt idx="5876">
                  <c:v>41.353559611639817</c:v>
                </c:pt>
                <c:pt idx="5877">
                  <c:v>42.015642260341835</c:v>
                </c:pt>
                <c:pt idx="5878">
                  <c:v>42.64134489051284</c:v>
                </c:pt>
                <c:pt idx="5879">
                  <c:v>43.056075842563999</c:v>
                </c:pt>
                <c:pt idx="5880">
                  <c:v>42.990533015057196</c:v>
                </c:pt>
                <c:pt idx="5881">
                  <c:v>43.383937475432766</c:v>
                </c:pt>
                <c:pt idx="5882">
                  <c:v>44.195828134774111</c:v>
                </c:pt>
                <c:pt idx="5883">
                  <c:v>45.330172428156587</c:v>
                </c:pt>
                <c:pt idx="5884">
                  <c:v>48.75534645672569</c:v>
                </c:pt>
                <c:pt idx="5885">
                  <c:v>53.967221659535724</c:v>
                </c:pt>
                <c:pt idx="5886">
                  <c:v>58.925149084100084</c:v>
                </c:pt>
                <c:pt idx="5887">
                  <c:v>61.804506976334238</c:v>
                </c:pt>
                <c:pt idx="5888">
                  <c:v>64.231274413864142</c:v>
                </c:pt>
                <c:pt idx="5889">
                  <c:v>66.325614806411338</c:v>
                </c:pt>
                <c:pt idx="5890">
                  <c:v>68.274805255747168</c:v>
                </c:pt>
                <c:pt idx="5891">
                  <c:v>69.835492483300357</c:v>
                </c:pt>
                <c:pt idx="5892">
                  <c:v>69.731599319263736</c:v>
                </c:pt>
                <c:pt idx="5893">
                  <c:v>69.952801152199129</c:v>
                </c:pt>
                <c:pt idx="5894">
                  <c:v>71.278028945584623</c:v>
                </c:pt>
                <c:pt idx="5895">
                  <c:v>70.890487287470606</c:v>
                </c:pt>
                <c:pt idx="5896">
                  <c:v>69.323055306163312</c:v>
                </c:pt>
                <c:pt idx="5897">
                  <c:v>67.659910071640184</c:v>
                </c:pt>
                <c:pt idx="5898">
                  <c:v>66.410653908549193</c:v>
                </c:pt>
                <c:pt idx="5899">
                  <c:v>65.010156990242351</c:v>
                </c:pt>
                <c:pt idx="5900">
                  <c:v>63.216741875434948</c:v>
                </c:pt>
                <c:pt idx="5901">
                  <c:v>61.165893836299041</c:v>
                </c:pt>
                <c:pt idx="5902">
                  <c:v>60.661647024106912</c:v>
                </c:pt>
                <c:pt idx="5903">
                  <c:v>60.207069893543562</c:v>
                </c:pt>
                <c:pt idx="5904">
                  <c:v>59.52972183073858</c:v>
                </c:pt>
                <c:pt idx="5905">
                  <c:v>59.447959204089543</c:v>
                </c:pt>
                <c:pt idx="5906">
                  <c:v>59.139937419758681</c:v>
                </c:pt>
                <c:pt idx="5907">
                  <c:v>59.357681938510218</c:v>
                </c:pt>
                <c:pt idx="5908">
                  <c:v>61.094103404539595</c:v>
                </c:pt>
                <c:pt idx="5909">
                  <c:v>64.683679283347942</c:v>
                </c:pt>
                <c:pt idx="5910">
                  <c:v>68.157121748637849</c:v>
                </c:pt>
                <c:pt idx="5911">
                  <c:v>70.111655883343502</c:v>
                </c:pt>
                <c:pt idx="5912">
                  <c:v>71.093613017943241</c:v>
                </c:pt>
                <c:pt idx="5913">
                  <c:v>71.46660169188057</c:v>
                </c:pt>
                <c:pt idx="5914">
                  <c:v>72.287935798872795</c:v>
                </c:pt>
                <c:pt idx="5915">
                  <c:v>73.179973912878552</c:v>
                </c:pt>
                <c:pt idx="5916">
                  <c:v>73.18205804941833</c:v>
                </c:pt>
                <c:pt idx="5917">
                  <c:v>72.953624512372897</c:v>
                </c:pt>
                <c:pt idx="5918">
                  <c:v>72.830738970333655</c:v>
                </c:pt>
                <c:pt idx="5919">
                  <c:v>71.861963760550566</c:v>
                </c:pt>
                <c:pt idx="5920">
                  <c:v>69.687455142386881</c:v>
                </c:pt>
                <c:pt idx="5921">
                  <c:v>68.078061052152933</c:v>
                </c:pt>
                <c:pt idx="5922">
                  <c:v>66.40342216521168</c:v>
                </c:pt>
                <c:pt idx="5923">
                  <c:v>65.356761808530152</c:v>
                </c:pt>
                <c:pt idx="5924">
                  <c:v>63.108336413295909</c:v>
                </c:pt>
                <c:pt idx="5925">
                  <c:v>60.740579642860965</c:v>
                </c:pt>
                <c:pt idx="5926">
                  <c:v>59.87860219606776</c:v>
                </c:pt>
                <c:pt idx="5927">
                  <c:v>58.983487960940835</c:v>
                </c:pt>
                <c:pt idx="5928">
                  <c:v>57.932983840530063</c:v>
                </c:pt>
                <c:pt idx="5929">
                  <c:v>57.302100005222393</c:v>
                </c:pt>
                <c:pt idx="5930">
                  <c:v>57.240802356274862</c:v>
                </c:pt>
                <c:pt idx="5931">
                  <c:v>57.514135513058136</c:v>
                </c:pt>
                <c:pt idx="5932">
                  <c:v>58.968829886338078</c:v>
                </c:pt>
                <c:pt idx="5933">
                  <c:v>61.49830581792839</c:v>
                </c:pt>
                <c:pt idx="5934">
                  <c:v>64.464018384386236</c:v>
                </c:pt>
                <c:pt idx="5935">
                  <c:v>65.813795677877266</c:v>
                </c:pt>
                <c:pt idx="5936">
                  <c:v>67.109762711262761</c:v>
                </c:pt>
                <c:pt idx="5937">
                  <c:v>67.649657361022108</c:v>
                </c:pt>
                <c:pt idx="5938">
                  <c:v>67.735399380421683</c:v>
                </c:pt>
                <c:pt idx="5939">
                  <c:v>69.795483255756494</c:v>
                </c:pt>
                <c:pt idx="5940">
                  <c:v>68.344159131262671</c:v>
                </c:pt>
                <c:pt idx="5941">
                  <c:v>67.213246026560583</c:v>
                </c:pt>
                <c:pt idx="5942">
                  <c:v>66.46629660205204</c:v>
                </c:pt>
                <c:pt idx="5943">
                  <c:v>67.104273256567396</c:v>
                </c:pt>
                <c:pt idx="5944">
                  <c:v>66.771697833631563</c:v>
                </c:pt>
                <c:pt idx="5945">
                  <c:v>65.643742991079023</c:v>
                </c:pt>
                <c:pt idx="5946">
                  <c:v>64.962470924729018</c:v>
                </c:pt>
                <c:pt idx="5947">
                  <c:v>64.008539139404235</c:v>
                </c:pt>
                <c:pt idx="5948">
                  <c:v>62.039915100954637</c:v>
                </c:pt>
                <c:pt idx="5949">
                  <c:v>59.774105105321908</c:v>
                </c:pt>
                <c:pt idx="5950">
                  <c:v>59.019831046796902</c:v>
                </c:pt>
                <c:pt idx="5951">
                  <c:v>58.948279530020578</c:v>
                </c:pt>
                <c:pt idx="5952">
                  <c:v>58.200783450927467</c:v>
                </c:pt>
                <c:pt idx="5953">
                  <c:v>57.529415049054855</c:v>
                </c:pt>
                <c:pt idx="5954">
                  <c:v>57.518809232251662</c:v>
                </c:pt>
                <c:pt idx="5955">
                  <c:v>58.15717378772927</c:v>
                </c:pt>
                <c:pt idx="5956">
                  <c:v>59.119250649870239</c:v>
                </c:pt>
                <c:pt idx="5957">
                  <c:v>61.982191212973234</c:v>
                </c:pt>
                <c:pt idx="5958">
                  <c:v>65.390143023308298</c:v>
                </c:pt>
                <c:pt idx="5959">
                  <c:v>67.147931189182998</c:v>
                </c:pt>
                <c:pt idx="5960">
                  <c:v>68.35728609837615</c:v>
                </c:pt>
                <c:pt idx="5961">
                  <c:v>68.971162799737186</c:v>
                </c:pt>
                <c:pt idx="5962">
                  <c:v>69.890990839280761</c:v>
                </c:pt>
                <c:pt idx="5963">
                  <c:v>70.139911321417998</c:v>
                </c:pt>
                <c:pt idx="5964">
                  <c:v>69.218959747929915</c:v>
                </c:pt>
                <c:pt idx="5965">
                  <c:v>68.960366611960666</c:v>
                </c:pt>
                <c:pt idx="5966">
                  <c:v>68.883126168739665</c:v>
                </c:pt>
                <c:pt idx="5967">
                  <c:v>68.069848739431464</c:v>
                </c:pt>
                <c:pt idx="5968">
                  <c:v>66.653420540117324</c:v>
                </c:pt>
                <c:pt idx="5969">
                  <c:v>65.276607645966195</c:v>
                </c:pt>
                <c:pt idx="5970">
                  <c:v>64.570143454889774</c:v>
                </c:pt>
                <c:pt idx="5971">
                  <c:v>63.180220206464064</c:v>
                </c:pt>
                <c:pt idx="5972">
                  <c:v>60.841761756343779</c:v>
                </c:pt>
                <c:pt idx="5973">
                  <c:v>59.328191835032875</c:v>
                </c:pt>
                <c:pt idx="5974">
                  <c:v>58.951204213444939</c:v>
                </c:pt>
                <c:pt idx="5975">
                  <c:v>58.636607667656072</c:v>
                </c:pt>
                <c:pt idx="5976">
                  <c:v>57.808093950650793</c:v>
                </c:pt>
                <c:pt idx="5977">
                  <c:v>57.330512098248867</c:v>
                </c:pt>
                <c:pt idx="5978">
                  <c:v>56.719614116169552</c:v>
                </c:pt>
                <c:pt idx="5979">
                  <c:v>57.292465676640909</c:v>
                </c:pt>
                <c:pt idx="5980">
                  <c:v>58.486452552636457</c:v>
                </c:pt>
                <c:pt idx="5981">
                  <c:v>61.04318491600047</c:v>
                </c:pt>
                <c:pt idx="5982">
                  <c:v>63.90308328975479</c:v>
                </c:pt>
                <c:pt idx="5983">
                  <c:v>65.463003306202225</c:v>
                </c:pt>
                <c:pt idx="5984">
                  <c:v>65.941870564755803</c:v>
                </c:pt>
                <c:pt idx="5985">
                  <c:v>66.463757936670746</c:v>
                </c:pt>
                <c:pt idx="5986">
                  <c:v>67.450256495778774</c:v>
                </c:pt>
                <c:pt idx="5987">
                  <c:v>68.375848817761224</c:v>
                </c:pt>
                <c:pt idx="5988">
                  <c:v>66.992690270264546</c:v>
                </c:pt>
                <c:pt idx="5989">
                  <c:v>66.129559064751462</c:v>
                </c:pt>
                <c:pt idx="5990">
                  <c:v>65.070897510867468</c:v>
                </c:pt>
                <c:pt idx="5991">
                  <c:v>64.244446826016258</c:v>
                </c:pt>
                <c:pt idx="5992">
                  <c:v>62.610317807366251</c:v>
                </c:pt>
                <c:pt idx="5993">
                  <c:v>60.86447109523796</c:v>
                </c:pt>
                <c:pt idx="5994">
                  <c:v>59.77726844875076</c:v>
                </c:pt>
                <c:pt idx="5995">
                  <c:v>58.362642889560817</c:v>
                </c:pt>
                <c:pt idx="5996">
                  <c:v>56.291791462511831</c:v>
                </c:pt>
                <c:pt idx="5997">
                  <c:v>54.433137395892018</c:v>
                </c:pt>
                <c:pt idx="5998">
                  <c:v>53.445316184137539</c:v>
                </c:pt>
                <c:pt idx="5999">
                  <c:v>52.892276777601325</c:v>
                </c:pt>
                <c:pt idx="6000">
                  <c:v>51.9459648719412</c:v>
                </c:pt>
                <c:pt idx="6001">
                  <c:v>50.974863903938946</c:v>
                </c:pt>
                <c:pt idx="6002">
                  <c:v>49.998772690185611</c:v>
                </c:pt>
                <c:pt idx="6003">
                  <c:v>49.133743443310479</c:v>
                </c:pt>
                <c:pt idx="6004">
                  <c:v>47.849103620134208</c:v>
                </c:pt>
                <c:pt idx="6005">
                  <c:v>46.799281626419337</c:v>
                </c:pt>
                <c:pt idx="6006">
                  <c:v>46.360050287070919</c:v>
                </c:pt>
                <c:pt idx="6007">
                  <c:v>46.41977254070126</c:v>
                </c:pt>
                <c:pt idx="6008">
                  <c:v>45.936968588512016</c:v>
                </c:pt>
                <c:pt idx="6009">
                  <c:v>45.625733367256949</c:v>
                </c:pt>
                <c:pt idx="6010">
                  <c:v>45.630432956975298</c:v>
                </c:pt>
                <c:pt idx="6011">
                  <c:v>45.607185358177865</c:v>
                </c:pt>
                <c:pt idx="6012">
                  <c:v>44.776413177699901</c:v>
                </c:pt>
                <c:pt idx="6013">
                  <c:v>44.300836849962501</c:v>
                </c:pt>
                <c:pt idx="6014">
                  <c:v>44.055603535443758</c:v>
                </c:pt>
                <c:pt idx="6015">
                  <c:v>44.032558311229337</c:v>
                </c:pt>
                <c:pt idx="6016">
                  <c:v>43.369720180438868</c:v>
                </c:pt>
                <c:pt idx="6017">
                  <c:v>42.587941890132228</c:v>
                </c:pt>
                <c:pt idx="6018">
                  <c:v>41.92939202929071</c:v>
                </c:pt>
                <c:pt idx="6019">
                  <c:v>41.677038789373768</c:v>
                </c:pt>
                <c:pt idx="6020">
                  <c:v>40.972643651870023</c:v>
                </c:pt>
                <c:pt idx="6021">
                  <c:v>40.210735219125525</c:v>
                </c:pt>
                <c:pt idx="6022">
                  <c:v>40.22404555510667</c:v>
                </c:pt>
                <c:pt idx="6023">
                  <c:v>40.329814812728792</c:v>
                </c:pt>
                <c:pt idx="6024">
                  <c:v>39.827530551493922</c:v>
                </c:pt>
                <c:pt idx="6025">
                  <c:v>39.337101855432174</c:v>
                </c:pt>
                <c:pt idx="6026">
                  <c:v>39.272549325725024</c:v>
                </c:pt>
                <c:pt idx="6027">
                  <c:v>39.242726024010011</c:v>
                </c:pt>
                <c:pt idx="6028">
                  <c:v>39.142413466135231</c:v>
                </c:pt>
                <c:pt idx="6029">
                  <c:v>38.835634839957216</c:v>
                </c:pt>
                <c:pt idx="6030">
                  <c:v>38.931787499820018</c:v>
                </c:pt>
                <c:pt idx="6031">
                  <c:v>38.690642473543654</c:v>
                </c:pt>
                <c:pt idx="6032">
                  <c:v>38.334003382874954</c:v>
                </c:pt>
                <c:pt idx="6033">
                  <c:v>38.33350788092779</c:v>
                </c:pt>
                <c:pt idx="6034">
                  <c:v>38.59628019521675</c:v>
                </c:pt>
                <c:pt idx="6035">
                  <c:v>39.23337601622282</c:v>
                </c:pt>
                <c:pt idx="6036">
                  <c:v>39.119674059375605</c:v>
                </c:pt>
                <c:pt idx="6037">
                  <c:v>38.98302620230006</c:v>
                </c:pt>
                <c:pt idx="6038">
                  <c:v>38.907955195779849</c:v>
                </c:pt>
                <c:pt idx="6039">
                  <c:v>38.633450510227071</c:v>
                </c:pt>
                <c:pt idx="6040">
                  <c:v>38.478801553635634</c:v>
                </c:pt>
                <c:pt idx="6041">
                  <c:v>37.748591751255717</c:v>
                </c:pt>
                <c:pt idx="6042">
                  <c:v>37.558188611391579</c:v>
                </c:pt>
                <c:pt idx="6043">
                  <c:v>37.77565051574431</c:v>
                </c:pt>
                <c:pt idx="6044">
                  <c:v>37.870471912528231</c:v>
                </c:pt>
                <c:pt idx="6045">
                  <c:v>38.166842820690476</c:v>
                </c:pt>
                <c:pt idx="6046">
                  <c:v>38.905230513675811</c:v>
                </c:pt>
                <c:pt idx="6047">
                  <c:v>39.712070477715301</c:v>
                </c:pt>
                <c:pt idx="6048">
                  <c:v>39.852689803589875</c:v>
                </c:pt>
                <c:pt idx="6049">
                  <c:v>39.898309169179491</c:v>
                </c:pt>
                <c:pt idx="6050">
                  <c:v>40.534652234407133</c:v>
                </c:pt>
                <c:pt idx="6051">
                  <c:v>41.714143202213222</c:v>
                </c:pt>
                <c:pt idx="6052">
                  <c:v>44.883428947424626</c:v>
                </c:pt>
                <c:pt idx="6053">
                  <c:v>50.778041264993149</c:v>
                </c:pt>
                <c:pt idx="6054">
                  <c:v>56.518530333079049</c:v>
                </c:pt>
                <c:pt idx="6055">
                  <c:v>59.46150341432228</c:v>
                </c:pt>
                <c:pt idx="6056">
                  <c:v>61.551536550818923</c:v>
                </c:pt>
                <c:pt idx="6057">
                  <c:v>63.033056088928248</c:v>
                </c:pt>
                <c:pt idx="6058">
                  <c:v>64.983357440959139</c:v>
                </c:pt>
                <c:pt idx="6059">
                  <c:v>66.124184546580281</c:v>
                </c:pt>
                <c:pt idx="6060">
                  <c:v>65.449611455512112</c:v>
                </c:pt>
                <c:pt idx="6061">
                  <c:v>65.657351299018416</c:v>
                </c:pt>
                <c:pt idx="6062">
                  <c:v>66.232725912332981</c:v>
                </c:pt>
                <c:pt idx="6063">
                  <c:v>65.696299835044996</c:v>
                </c:pt>
                <c:pt idx="6064">
                  <c:v>64.633401261918138</c:v>
                </c:pt>
                <c:pt idx="6065">
                  <c:v>63.331026752674425</c:v>
                </c:pt>
                <c:pt idx="6066">
                  <c:v>62.04416180938572</c:v>
                </c:pt>
                <c:pt idx="6067">
                  <c:v>61.132225986305123</c:v>
                </c:pt>
                <c:pt idx="6068">
                  <c:v>58.958220087945406</c:v>
                </c:pt>
                <c:pt idx="6069">
                  <c:v>57.008971032750495</c:v>
                </c:pt>
                <c:pt idx="6070">
                  <c:v>56.295963089541104</c:v>
                </c:pt>
                <c:pt idx="6071">
                  <c:v>55.555636499770543</c:v>
                </c:pt>
                <c:pt idx="6072">
                  <c:v>54.9505970637709</c:v>
                </c:pt>
                <c:pt idx="6073">
                  <c:v>54.545637501125626</c:v>
                </c:pt>
                <c:pt idx="6074">
                  <c:v>54.687559826677841</c:v>
                </c:pt>
                <c:pt idx="6075">
                  <c:v>55.353620671692141</c:v>
                </c:pt>
                <c:pt idx="6076">
                  <c:v>56.981288767038826</c:v>
                </c:pt>
                <c:pt idx="6077">
                  <c:v>60.289197551532446</c:v>
                </c:pt>
                <c:pt idx="6078">
                  <c:v>63.389230451609926</c:v>
                </c:pt>
                <c:pt idx="6079">
                  <c:v>65.828256477469751</c:v>
                </c:pt>
                <c:pt idx="6080">
                  <c:v>66.829900826472382</c:v>
                </c:pt>
                <c:pt idx="6081">
                  <c:v>66.882423719052127</c:v>
                </c:pt>
                <c:pt idx="6082">
                  <c:v>67.946616093011954</c:v>
                </c:pt>
                <c:pt idx="6083">
                  <c:v>69.083057703368382</c:v>
                </c:pt>
                <c:pt idx="6084">
                  <c:v>68.735371579521157</c:v>
                </c:pt>
                <c:pt idx="6085">
                  <c:v>68.005556229093116</c:v>
                </c:pt>
                <c:pt idx="6086">
                  <c:v>67.647363730111238</c:v>
                </c:pt>
                <c:pt idx="6087">
                  <c:v>67.520217357747171</c:v>
                </c:pt>
                <c:pt idx="6088">
                  <c:v>66.100387625729482</c:v>
                </c:pt>
                <c:pt idx="6089">
                  <c:v>64.719393258450921</c:v>
                </c:pt>
                <c:pt idx="6090">
                  <c:v>63.460726186905923</c:v>
                </c:pt>
                <c:pt idx="6091">
                  <c:v>62.343367099307251</c:v>
                </c:pt>
                <c:pt idx="6092">
                  <c:v>60.16638126561385</c:v>
                </c:pt>
                <c:pt idx="6093">
                  <c:v>58.129848570564739</c:v>
                </c:pt>
                <c:pt idx="6094">
                  <c:v>58.086568810495685</c:v>
                </c:pt>
                <c:pt idx="6095">
                  <c:v>57.404375015985714</c:v>
                </c:pt>
                <c:pt idx="6096">
                  <c:v>56.660652856088994</c:v>
                </c:pt>
                <c:pt idx="6097">
                  <c:v>55.975498406553072</c:v>
                </c:pt>
                <c:pt idx="6098">
                  <c:v>55.696409185488569</c:v>
                </c:pt>
                <c:pt idx="6099">
                  <c:v>56.346420321725439</c:v>
                </c:pt>
                <c:pt idx="6100">
                  <c:v>57.547656613039436</c:v>
                </c:pt>
                <c:pt idx="6101">
                  <c:v>60.096020616755979</c:v>
                </c:pt>
                <c:pt idx="6102">
                  <c:v>63.157737308213534</c:v>
                </c:pt>
                <c:pt idx="6103">
                  <c:v>64.71284081743056</c:v>
                </c:pt>
                <c:pt idx="6104">
                  <c:v>66.234295894257571</c:v>
                </c:pt>
                <c:pt idx="6105">
                  <c:v>66.906558525824792</c:v>
                </c:pt>
                <c:pt idx="6106">
                  <c:v>67.814312326593196</c:v>
                </c:pt>
                <c:pt idx="6107">
                  <c:v>68.884276671578476</c:v>
                </c:pt>
                <c:pt idx="6108">
                  <c:v>67.676912615971347</c:v>
                </c:pt>
                <c:pt idx="6109">
                  <c:v>66.905784234158403</c:v>
                </c:pt>
                <c:pt idx="6110">
                  <c:v>66.772380078009917</c:v>
                </c:pt>
                <c:pt idx="6111">
                  <c:v>66.985657665242726</c:v>
                </c:pt>
                <c:pt idx="6112">
                  <c:v>65.552866584543352</c:v>
                </c:pt>
                <c:pt idx="6113">
                  <c:v>64.151196431071483</c:v>
                </c:pt>
                <c:pt idx="6114">
                  <c:v>62.567095495945544</c:v>
                </c:pt>
                <c:pt idx="6115">
                  <c:v>60.96664438913875</c:v>
                </c:pt>
                <c:pt idx="6116">
                  <c:v>59.092739461812037</c:v>
                </c:pt>
                <c:pt idx="6117">
                  <c:v>57.466531236846137</c:v>
                </c:pt>
                <c:pt idx="6118">
                  <c:v>57.251733623887908</c:v>
                </c:pt>
                <c:pt idx="6119">
                  <c:v>56.894022563800682</c:v>
                </c:pt>
                <c:pt idx="6120">
                  <c:v>56.097259787008092</c:v>
                </c:pt>
                <c:pt idx="6121">
                  <c:v>55.854939387668935</c:v>
                </c:pt>
                <c:pt idx="6122">
                  <c:v>55.51234383385971</c:v>
                </c:pt>
                <c:pt idx="6123">
                  <c:v>56.280246402477665</c:v>
                </c:pt>
                <c:pt idx="6124">
                  <c:v>57.665551968168799</c:v>
                </c:pt>
                <c:pt idx="6125">
                  <c:v>60.640088031141623</c:v>
                </c:pt>
                <c:pt idx="6126">
                  <c:v>63.821644721339986</c:v>
                </c:pt>
                <c:pt idx="6127">
                  <c:v>66.004721504334057</c:v>
                </c:pt>
                <c:pt idx="6128">
                  <c:v>67.270341392201161</c:v>
                </c:pt>
                <c:pt idx="6129">
                  <c:v>67.488057941757546</c:v>
                </c:pt>
                <c:pt idx="6130">
                  <c:v>68.741526548073523</c:v>
                </c:pt>
                <c:pt idx="6131">
                  <c:v>69.493965427277459</c:v>
                </c:pt>
                <c:pt idx="6132">
                  <c:v>69.087636256688995</c:v>
                </c:pt>
                <c:pt idx="6133">
                  <c:v>68.508860110670895</c:v>
                </c:pt>
                <c:pt idx="6134">
                  <c:v>68.172101939714452</c:v>
                </c:pt>
                <c:pt idx="6135">
                  <c:v>67.590342994756455</c:v>
                </c:pt>
                <c:pt idx="6136">
                  <c:v>66.071684778601565</c:v>
                </c:pt>
                <c:pt idx="6137">
                  <c:v>64.628161960879666</c:v>
                </c:pt>
                <c:pt idx="6138">
                  <c:v>63.472249691438357</c:v>
                </c:pt>
                <c:pt idx="6139">
                  <c:v>62.137873421457819</c:v>
                </c:pt>
                <c:pt idx="6140">
                  <c:v>60.213705771419534</c:v>
                </c:pt>
                <c:pt idx="6141">
                  <c:v>58.114825660759543</c:v>
                </c:pt>
                <c:pt idx="6142">
                  <c:v>57.74346673181666</c:v>
                </c:pt>
                <c:pt idx="6143">
                  <c:v>57.129642457986186</c:v>
                </c:pt>
                <c:pt idx="6144">
                  <c:v>56.225925145569313</c:v>
                </c:pt>
                <c:pt idx="6145">
                  <c:v>55.248694922629575</c:v>
                </c:pt>
                <c:pt idx="6146">
                  <c:v>55.186867506528792</c:v>
                </c:pt>
                <c:pt idx="6147">
                  <c:v>55.539572198369548</c:v>
                </c:pt>
                <c:pt idx="6148">
                  <c:v>56.381886771412859</c:v>
                </c:pt>
                <c:pt idx="6149">
                  <c:v>59.021762902248994</c:v>
                </c:pt>
                <c:pt idx="6150">
                  <c:v>62.002213096644404</c:v>
                </c:pt>
                <c:pt idx="6151">
                  <c:v>63.940712232878596</c:v>
                </c:pt>
                <c:pt idx="6152">
                  <c:v>64.596700558716421</c:v>
                </c:pt>
                <c:pt idx="6153">
                  <c:v>65.295049897752037</c:v>
                </c:pt>
                <c:pt idx="6154">
                  <c:v>66.023398179556253</c:v>
                </c:pt>
                <c:pt idx="6155">
                  <c:v>66.20122114418767</c:v>
                </c:pt>
                <c:pt idx="6156">
                  <c:v>64.827474976175594</c:v>
                </c:pt>
                <c:pt idx="6157">
                  <c:v>64.143840807343736</c:v>
                </c:pt>
                <c:pt idx="6158">
                  <c:v>64.131662753035712</c:v>
                </c:pt>
                <c:pt idx="6159">
                  <c:v>63.468850473156309</c:v>
                </c:pt>
                <c:pt idx="6160">
                  <c:v>62.190186309709169</c:v>
                </c:pt>
                <c:pt idx="6161">
                  <c:v>60.919568291366978</c:v>
                </c:pt>
                <c:pt idx="6162">
                  <c:v>59.216002176097007</c:v>
                </c:pt>
                <c:pt idx="6163">
                  <c:v>57.360980652826086</c:v>
                </c:pt>
                <c:pt idx="6164">
                  <c:v>55.37918490831904</c:v>
                </c:pt>
                <c:pt idx="6165">
                  <c:v>53.776602278173435</c:v>
                </c:pt>
                <c:pt idx="6166">
                  <c:v>53.101944808790087</c:v>
                </c:pt>
                <c:pt idx="6167">
                  <c:v>52.821607290772498</c:v>
                </c:pt>
                <c:pt idx="6168">
                  <c:v>51.641859088748895</c:v>
                </c:pt>
                <c:pt idx="6169">
                  <c:v>50.368696109014451</c:v>
                </c:pt>
                <c:pt idx="6170">
                  <c:v>49.32449547240536</c:v>
                </c:pt>
                <c:pt idx="6171">
                  <c:v>48.971590288900735</c:v>
                </c:pt>
                <c:pt idx="6172">
                  <c:v>47.556390203999825</c:v>
                </c:pt>
                <c:pt idx="6173">
                  <c:v>46.83025115517755</c:v>
                </c:pt>
                <c:pt idx="6174">
                  <c:v>46.719184265250263</c:v>
                </c:pt>
                <c:pt idx="6175">
                  <c:v>46.849202873894399</c:v>
                </c:pt>
                <c:pt idx="6176">
                  <c:v>46.40220857263833</c:v>
                </c:pt>
                <c:pt idx="6177">
                  <c:v>45.994885887596652</c:v>
                </c:pt>
                <c:pt idx="6178">
                  <c:v>45.72301824995165</c:v>
                </c:pt>
                <c:pt idx="6179">
                  <c:v>45.862527987251831</c:v>
                </c:pt>
                <c:pt idx="6180">
                  <c:v>44.976021183665402</c:v>
                </c:pt>
                <c:pt idx="6181">
                  <c:v>44.579833729532837</c:v>
                </c:pt>
                <c:pt idx="6182">
                  <c:v>44.240460948788659</c:v>
                </c:pt>
                <c:pt idx="6183">
                  <c:v>44.0916846797844</c:v>
                </c:pt>
                <c:pt idx="6184">
                  <c:v>43.587672977509563</c:v>
                </c:pt>
                <c:pt idx="6185">
                  <c:v>43.194865304441379</c:v>
                </c:pt>
                <c:pt idx="6186">
                  <c:v>42.685897994282648</c:v>
                </c:pt>
                <c:pt idx="6187">
                  <c:v>42.052204686667174</c:v>
                </c:pt>
                <c:pt idx="6188">
                  <c:v>41.5888416787447</c:v>
                </c:pt>
                <c:pt idx="6189">
                  <c:v>40.836290353961751</c:v>
                </c:pt>
                <c:pt idx="6190">
                  <c:v>40.760682460500178</c:v>
                </c:pt>
                <c:pt idx="6191">
                  <c:v>40.773748821152942</c:v>
                </c:pt>
                <c:pt idx="6192">
                  <c:v>40.257858350648995</c:v>
                </c:pt>
                <c:pt idx="6193">
                  <c:v>40.081695708834737</c:v>
                </c:pt>
                <c:pt idx="6194">
                  <c:v>39.725128561369232</c:v>
                </c:pt>
                <c:pt idx="6195">
                  <c:v>39.196039670892162</c:v>
                </c:pt>
                <c:pt idx="6196">
                  <c:v>39.294908206289143</c:v>
                </c:pt>
                <c:pt idx="6197">
                  <c:v>39.134082902167293</c:v>
                </c:pt>
                <c:pt idx="6198">
                  <c:v>39.389372829118308</c:v>
                </c:pt>
                <c:pt idx="6199">
                  <c:v>39.548330218584788</c:v>
                </c:pt>
                <c:pt idx="6200">
                  <c:v>39.029210424026175</c:v>
                </c:pt>
                <c:pt idx="6201">
                  <c:v>39.261335502554417</c:v>
                </c:pt>
                <c:pt idx="6202">
                  <c:v>39.379528300071016</c:v>
                </c:pt>
                <c:pt idx="6203">
                  <c:v>39.848548675928349</c:v>
                </c:pt>
                <c:pt idx="6204">
                  <c:v>39.456522924271951</c:v>
                </c:pt>
                <c:pt idx="6205">
                  <c:v>39.530274141751953</c:v>
                </c:pt>
                <c:pt idx="6206">
                  <c:v>39.422358022845302</c:v>
                </c:pt>
                <c:pt idx="6207">
                  <c:v>39.255767239846399</c:v>
                </c:pt>
                <c:pt idx="6208">
                  <c:v>39.449432301803292</c:v>
                </c:pt>
                <c:pt idx="6209">
                  <c:v>39.22595880534729</c:v>
                </c:pt>
                <c:pt idx="6210">
                  <c:v>38.989935986073689</c:v>
                </c:pt>
                <c:pt idx="6211">
                  <c:v>39.357034555421528</c:v>
                </c:pt>
                <c:pt idx="6212">
                  <c:v>39.473199880497063</c:v>
                </c:pt>
                <c:pt idx="6213">
                  <c:v>40.114858642285654</c:v>
                </c:pt>
                <c:pt idx="6214">
                  <c:v>40.14571758877026</c:v>
                </c:pt>
                <c:pt idx="6215">
                  <c:v>40.279143810377732</c:v>
                </c:pt>
                <c:pt idx="6216">
                  <c:v>40.061880357859742</c:v>
                </c:pt>
                <c:pt idx="6217">
                  <c:v>40.397612102505036</c:v>
                </c:pt>
                <c:pt idx="6218">
                  <c:v>41.372230853855669</c:v>
                </c:pt>
                <c:pt idx="6219">
                  <c:v>42.922625143007352</c:v>
                </c:pt>
                <c:pt idx="6220">
                  <c:v>45.626251719212775</c:v>
                </c:pt>
                <c:pt idx="6221">
                  <c:v>51.783401927633896</c:v>
                </c:pt>
                <c:pt idx="6222">
                  <c:v>57.539044964544537</c:v>
                </c:pt>
                <c:pt idx="6223">
                  <c:v>60.644227589703839</c:v>
                </c:pt>
                <c:pt idx="6224">
                  <c:v>62.705309686789789</c:v>
                </c:pt>
                <c:pt idx="6225">
                  <c:v>64.156561495419339</c:v>
                </c:pt>
                <c:pt idx="6226">
                  <c:v>65.583432050616466</c:v>
                </c:pt>
                <c:pt idx="6227">
                  <c:v>66.759903992902409</c:v>
                </c:pt>
                <c:pt idx="6228">
                  <c:v>66.498458528600537</c:v>
                </c:pt>
                <c:pt idx="6229">
                  <c:v>66.718759796602868</c:v>
                </c:pt>
                <c:pt idx="6230">
                  <c:v>66.553282583767839</c:v>
                </c:pt>
                <c:pt idx="6231">
                  <c:v>66.017460747008968</c:v>
                </c:pt>
                <c:pt idx="6232">
                  <c:v>64.792996392183881</c:v>
                </c:pt>
                <c:pt idx="6233">
                  <c:v>63.539888109909853</c:v>
                </c:pt>
                <c:pt idx="6234">
                  <c:v>62.518215640066295</c:v>
                </c:pt>
                <c:pt idx="6235">
                  <c:v>61.719597246434176</c:v>
                </c:pt>
                <c:pt idx="6236">
                  <c:v>60.520867297055752</c:v>
                </c:pt>
                <c:pt idx="6237">
                  <c:v>58.166854875470079</c:v>
                </c:pt>
                <c:pt idx="6238">
                  <c:v>58.012103005577885</c:v>
                </c:pt>
                <c:pt idx="6239">
                  <c:v>57.678811367263727</c:v>
                </c:pt>
                <c:pt idx="6240">
                  <c:v>57.220203279423892</c:v>
                </c:pt>
                <c:pt idx="6241">
                  <c:v>56.9352042027324</c:v>
                </c:pt>
                <c:pt idx="6242">
                  <c:v>57.259732048760185</c:v>
                </c:pt>
                <c:pt idx="6243">
                  <c:v>58.003844267130695</c:v>
                </c:pt>
                <c:pt idx="6244">
                  <c:v>59.416507608796977</c:v>
                </c:pt>
                <c:pt idx="6245">
                  <c:v>62.842939800031026</c:v>
                </c:pt>
                <c:pt idx="6246">
                  <c:v>66.078401935821603</c:v>
                </c:pt>
                <c:pt idx="6247">
                  <c:v>68.187040333908257</c:v>
                </c:pt>
                <c:pt idx="6248">
                  <c:v>69.051253315710539</c:v>
                </c:pt>
                <c:pt idx="6249">
                  <c:v>69.294695483757465</c:v>
                </c:pt>
                <c:pt idx="6250">
                  <c:v>70.736918773433956</c:v>
                </c:pt>
                <c:pt idx="6251">
                  <c:v>71.546268472586277</c:v>
                </c:pt>
                <c:pt idx="6252">
                  <c:v>70.861828551646923</c:v>
                </c:pt>
                <c:pt idx="6253">
                  <c:v>69.835191843873289</c:v>
                </c:pt>
                <c:pt idx="6254">
                  <c:v>69.678974042954252</c:v>
                </c:pt>
                <c:pt idx="6255">
                  <c:v>69.607452986318194</c:v>
                </c:pt>
                <c:pt idx="6256">
                  <c:v>68.458498044359501</c:v>
                </c:pt>
                <c:pt idx="6257">
                  <c:v>66.716081167563459</c:v>
                </c:pt>
                <c:pt idx="6258">
                  <c:v>64.764919851044056</c:v>
                </c:pt>
                <c:pt idx="6259">
                  <c:v>63.399200881262793</c:v>
                </c:pt>
                <c:pt idx="6260">
                  <c:v>61.223900985932701</c:v>
                </c:pt>
                <c:pt idx="6261">
                  <c:v>59.238155838085618</c:v>
                </c:pt>
                <c:pt idx="6262">
                  <c:v>59.078979049308643</c:v>
                </c:pt>
                <c:pt idx="6263">
                  <c:v>58.996392606296347</c:v>
                </c:pt>
                <c:pt idx="6264">
                  <c:v>58.421922519890607</c:v>
                </c:pt>
                <c:pt idx="6265">
                  <c:v>57.733036575680806</c:v>
                </c:pt>
                <c:pt idx="6266">
                  <c:v>58.218728396301941</c:v>
                </c:pt>
                <c:pt idx="6267">
                  <c:v>58.869802695387492</c:v>
                </c:pt>
                <c:pt idx="6268">
                  <c:v>60.22255859047781</c:v>
                </c:pt>
                <c:pt idx="6269">
                  <c:v>62.908187381889618</c:v>
                </c:pt>
                <c:pt idx="6270">
                  <c:v>66.43656368045707</c:v>
                </c:pt>
                <c:pt idx="6271">
                  <c:v>68.971457711951786</c:v>
                </c:pt>
                <c:pt idx="6272">
                  <c:v>69.797394379484018</c:v>
                </c:pt>
                <c:pt idx="6273">
                  <c:v>70.078984195657895</c:v>
                </c:pt>
                <c:pt idx="6274">
                  <c:v>70.465903803965702</c:v>
                </c:pt>
                <c:pt idx="6275">
                  <c:v>70.699771190749829</c:v>
                </c:pt>
                <c:pt idx="6276">
                  <c:v>69.441080935762585</c:v>
                </c:pt>
                <c:pt idx="6277">
                  <c:v>68.309626079911297</c:v>
                </c:pt>
                <c:pt idx="6278">
                  <c:v>67.87738315582547</c:v>
                </c:pt>
                <c:pt idx="6279">
                  <c:v>67.139625515052813</c:v>
                </c:pt>
                <c:pt idx="6280">
                  <c:v>64.879024870275558</c:v>
                </c:pt>
                <c:pt idx="6281">
                  <c:v>63.674463265256826</c:v>
                </c:pt>
                <c:pt idx="6282">
                  <c:v>62.347204508184312</c:v>
                </c:pt>
                <c:pt idx="6283">
                  <c:v>62.075749994772899</c:v>
                </c:pt>
                <c:pt idx="6284">
                  <c:v>60.519995172047615</c:v>
                </c:pt>
                <c:pt idx="6285">
                  <c:v>58.964807186446698</c:v>
                </c:pt>
                <c:pt idx="6286">
                  <c:v>58.766557961639165</c:v>
                </c:pt>
                <c:pt idx="6287">
                  <c:v>58.353492608501583</c:v>
                </c:pt>
                <c:pt idx="6288">
                  <c:v>57.595243256497973</c:v>
                </c:pt>
                <c:pt idx="6289">
                  <c:v>57.007665620582671</c:v>
                </c:pt>
                <c:pt idx="6290">
                  <c:v>57.097690300401183</c:v>
                </c:pt>
                <c:pt idx="6291">
                  <c:v>57.809618546377941</c:v>
                </c:pt>
                <c:pt idx="6292">
                  <c:v>59.095852162560774</c:v>
                </c:pt>
                <c:pt idx="6293">
                  <c:v>62.375759663840043</c:v>
                </c:pt>
                <c:pt idx="6294">
                  <c:v>65.52660319649307</c:v>
                </c:pt>
                <c:pt idx="6295">
                  <c:v>67.475517033234965</c:v>
                </c:pt>
                <c:pt idx="6296">
                  <c:v>68.451165976735098</c:v>
                </c:pt>
                <c:pt idx="6297">
                  <c:v>68.331916783110572</c:v>
                </c:pt>
                <c:pt idx="6298">
                  <c:v>68.987940805957621</c:v>
                </c:pt>
                <c:pt idx="6299">
                  <c:v>69.065437286957916</c:v>
                </c:pt>
                <c:pt idx="6300">
                  <c:v>68.197987606334223</c:v>
                </c:pt>
                <c:pt idx="6301">
                  <c:v>67.624278493864523</c:v>
                </c:pt>
                <c:pt idx="6302">
                  <c:v>67.674923233415925</c:v>
                </c:pt>
                <c:pt idx="6303">
                  <c:v>66.527340135366927</c:v>
                </c:pt>
                <c:pt idx="6304">
                  <c:v>64.821501160138141</c:v>
                </c:pt>
                <c:pt idx="6305">
                  <c:v>63.715190649939402</c:v>
                </c:pt>
                <c:pt idx="6306">
                  <c:v>62.679427040686186</c:v>
                </c:pt>
                <c:pt idx="6307">
                  <c:v>61.955087925291828</c:v>
                </c:pt>
                <c:pt idx="6308">
                  <c:v>60.346230525861834</c:v>
                </c:pt>
                <c:pt idx="6309">
                  <c:v>58.412391575339669</c:v>
                </c:pt>
                <c:pt idx="6310">
                  <c:v>57.237063682971645</c:v>
                </c:pt>
                <c:pt idx="6311">
                  <c:v>56.440411821886279</c:v>
                </c:pt>
                <c:pt idx="6312">
                  <c:v>55.387748169714087</c:v>
                </c:pt>
                <c:pt idx="6313">
                  <c:v>55.146265610563219</c:v>
                </c:pt>
                <c:pt idx="6314">
                  <c:v>55.433656367258493</c:v>
                </c:pt>
                <c:pt idx="6315">
                  <c:v>56.121877209499864</c:v>
                </c:pt>
                <c:pt idx="6316">
                  <c:v>57.048289032822467</c:v>
                </c:pt>
                <c:pt idx="6317">
                  <c:v>59.790163012643234</c:v>
                </c:pt>
                <c:pt idx="6318">
                  <c:v>62.817273689631676</c:v>
                </c:pt>
                <c:pt idx="6319">
                  <c:v>64.328448223941692</c:v>
                </c:pt>
                <c:pt idx="6320">
                  <c:v>64.491703160656783</c:v>
                </c:pt>
                <c:pt idx="6321">
                  <c:v>64.600467711172044</c:v>
                </c:pt>
                <c:pt idx="6322">
                  <c:v>65.022533025655349</c:v>
                </c:pt>
                <c:pt idx="6323">
                  <c:v>65.318900756391486</c:v>
                </c:pt>
                <c:pt idx="6324">
                  <c:v>64.156076663347463</c:v>
                </c:pt>
                <c:pt idx="6325">
                  <c:v>63.507165308814329</c:v>
                </c:pt>
                <c:pt idx="6326">
                  <c:v>63.328912234449348</c:v>
                </c:pt>
                <c:pt idx="6327">
                  <c:v>62.21845155465433</c:v>
                </c:pt>
                <c:pt idx="6328">
                  <c:v>61.540422679274123</c:v>
                </c:pt>
                <c:pt idx="6329">
                  <c:v>59.873224088581921</c:v>
                </c:pt>
                <c:pt idx="6330">
                  <c:v>58.127280837618798</c:v>
                </c:pt>
                <c:pt idx="6331">
                  <c:v>57.001043060437055</c:v>
                </c:pt>
                <c:pt idx="6332">
                  <c:v>55.650960341766059</c:v>
                </c:pt>
                <c:pt idx="6333">
                  <c:v>54.120721329340313</c:v>
                </c:pt>
                <c:pt idx="6334">
                  <c:v>53.560522671854528</c:v>
                </c:pt>
                <c:pt idx="6335">
                  <c:v>53.39185650004449</c:v>
                </c:pt>
                <c:pt idx="6336">
                  <c:v>51.658081574973707</c:v>
                </c:pt>
                <c:pt idx="6337">
                  <c:v>50.291534826853443</c:v>
                </c:pt>
                <c:pt idx="6338">
                  <c:v>49.513654767635714</c:v>
                </c:pt>
                <c:pt idx="6339">
                  <c:v>48.287941174397986</c:v>
                </c:pt>
                <c:pt idx="6340">
                  <c:v>47.146722343135053</c:v>
                </c:pt>
                <c:pt idx="6341">
                  <c:v>46.464331665889645</c:v>
                </c:pt>
                <c:pt idx="6342">
                  <c:v>46.517363731194273</c:v>
                </c:pt>
                <c:pt idx="6343">
                  <c:v>46.395721719968954</c:v>
                </c:pt>
                <c:pt idx="6344">
                  <c:v>45.835237976752978</c:v>
                </c:pt>
                <c:pt idx="6345">
                  <c:v>45.526002435267522</c:v>
                </c:pt>
                <c:pt idx="6346">
                  <c:v>45.273775507844725</c:v>
                </c:pt>
                <c:pt idx="6347">
                  <c:v>45.247321729207385</c:v>
                </c:pt>
                <c:pt idx="6348">
                  <c:v>44.390365027533036</c:v>
                </c:pt>
                <c:pt idx="6349">
                  <c:v>43.780265403180721</c:v>
                </c:pt>
                <c:pt idx="6350">
                  <c:v>43.548152602854557</c:v>
                </c:pt>
                <c:pt idx="6351">
                  <c:v>43.316187984344133</c:v>
                </c:pt>
                <c:pt idx="6352">
                  <c:v>43.155780354843863</c:v>
                </c:pt>
                <c:pt idx="6353">
                  <c:v>42.34602280755437</c:v>
                </c:pt>
                <c:pt idx="6354">
                  <c:v>41.50178516601509</c:v>
                </c:pt>
                <c:pt idx="6355">
                  <c:v>41.021852724397462</c:v>
                </c:pt>
                <c:pt idx="6356">
                  <c:v>40.71184285201813</c:v>
                </c:pt>
                <c:pt idx="6357">
                  <c:v>39.808168964424553</c:v>
                </c:pt>
                <c:pt idx="6358">
                  <c:v>39.869513431372631</c:v>
                </c:pt>
                <c:pt idx="6359">
                  <c:v>40.01851331664178</c:v>
                </c:pt>
                <c:pt idx="6360">
                  <c:v>39.54053159889542</c:v>
                </c:pt>
                <c:pt idx="6361">
                  <c:v>39.275202849175528</c:v>
                </c:pt>
                <c:pt idx="6362">
                  <c:v>38.55382079949247</c:v>
                </c:pt>
                <c:pt idx="6363">
                  <c:v>38.335073175168205</c:v>
                </c:pt>
                <c:pt idx="6364">
                  <c:v>38.180372575595861</c:v>
                </c:pt>
                <c:pt idx="6365">
                  <c:v>38.184223557181916</c:v>
                </c:pt>
                <c:pt idx="6366">
                  <c:v>38.641769678611283</c:v>
                </c:pt>
                <c:pt idx="6367">
                  <c:v>38.821562922014039</c:v>
                </c:pt>
                <c:pt idx="6368">
                  <c:v>38.336757877865828</c:v>
                </c:pt>
                <c:pt idx="6369">
                  <c:v>38.051743482842355</c:v>
                </c:pt>
                <c:pt idx="6370">
                  <c:v>38.096542817520792</c:v>
                </c:pt>
                <c:pt idx="6371">
                  <c:v>38.576841486916479</c:v>
                </c:pt>
                <c:pt idx="6372">
                  <c:v>38.657185039766702</c:v>
                </c:pt>
                <c:pt idx="6373">
                  <c:v>38.619062909117218</c:v>
                </c:pt>
                <c:pt idx="6374">
                  <c:v>38.148346023089999</c:v>
                </c:pt>
                <c:pt idx="6375">
                  <c:v>38.658014034157667</c:v>
                </c:pt>
                <c:pt idx="6376">
                  <c:v>38.517487853940665</c:v>
                </c:pt>
                <c:pt idx="6377">
                  <c:v>38.14332765123384</c:v>
                </c:pt>
                <c:pt idx="6378">
                  <c:v>38.174636007373493</c:v>
                </c:pt>
                <c:pt idx="6379">
                  <c:v>38.749808481469934</c:v>
                </c:pt>
                <c:pt idx="6380">
                  <c:v>39.05203756305076</c:v>
                </c:pt>
                <c:pt idx="6381">
                  <c:v>39.232201349254687</c:v>
                </c:pt>
                <c:pt idx="6382">
                  <c:v>39.775878803235244</c:v>
                </c:pt>
                <c:pt idx="6383">
                  <c:v>40.187717003032922</c:v>
                </c:pt>
                <c:pt idx="6384">
                  <c:v>40.317300520053173</c:v>
                </c:pt>
                <c:pt idx="6385">
                  <c:v>40.60113720797861</c:v>
                </c:pt>
                <c:pt idx="6386">
                  <c:v>40.68079173009599</c:v>
                </c:pt>
                <c:pt idx="6387">
                  <c:v>42.169357073275044</c:v>
                </c:pt>
                <c:pt idx="6388">
                  <c:v>45.42651226195288</c:v>
                </c:pt>
                <c:pt idx="6389">
                  <c:v>51.516454906958273</c:v>
                </c:pt>
                <c:pt idx="6390">
                  <c:v>57.416826564302831</c:v>
                </c:pt>
                <c:pt idx="6391">
                  <c:v>60.318985489671853</c:v>
                </c:pt>
                <c:pt idx="6392">
                  <c:v>62.69430045455497</c:v>
                </c:pt>
                <c:pt idx="6393">
                  <c:v>64.245097963000873</c:v>
                </c:pt>
                <c:pt idx="6394">
                  <c:v>65.311902181210868</c:v>
                </c:pt>
                <c:pt idx="6395">
                  <c:v>66.706591568779245</c:v>
                </c:pt>
                <c:pt idx="6396">
                  <c:v>66.360268678409284</c:v>
                </c:pt>
                <c:pt idx="6397">
                  <c:v>65.893763392216172</c:v>
                </c:pt>
                <c:pt idx="6398">
                  <c:v>66.160503958650565</c:v>
                </c:pt>
                <c:pt idx="6399">
                  <c:v>66.001093217167039</c:v>
                </c:pt>
                <c:pt idx="6400">
                  <c:v>64.795976033311462</c:v>
                </c:pt>
                <c:pt idx="6401">
                  <c:v>63.527215632410432</c:v>
                </c:pt>
                <c:pt idx="6402">
                  <c:v>62.11324285775936</c:v>
                </c:pt>
                <c:pt idx="6403">
                  <c:v>61.502163389731543</c:v>
                </c:pt>
                <c:pt idx="6404">
                  <c:v>60.177317554344668</c:v>
                </c:pt>
                <c:pt idx="6405">
                  <c:v>57.858918018639159</c:v>
                </c:pt>
                <c:pt idx="6406">
                  <c:v>57.515538013245525</c:v>
                </c:pt>
                <c:pt idx="6407">
                  <c:v>57.380823698403823</c:v>
                </c:pt>
                <c:pt idx="6408">
                  <c:v>56.689961787437689</c:v>
                </c:pt>
                <c:pt idx="6409">
                  <c:v>56.425374966711011</c:v>
                </c:pt>
                <c:pt idx="6410">
                  <c:v>56.779134818994002</c:v>
                </c:pt>
                <c:pt idx="6411">
                  <c:v>57.617274999470489</c:v>
                </c:pt>
                <c:pt idx="6412">
                  <c:v>59.117967636595019</c:v>
                </c:pt>
                <c:pt idx="6413">
                  <c:v>62.426889608124419</c:v>
                </c:pt>
                <c:pt idx="6414">
                  <c:v>64.961250891177201</c:v>
                </c:pt>
                <c:pt idx="6415">
                  <c:v>67.245971220532553</c:v>
                </c:pt>
                <c:pt idx="6416">
                  <c:v>67.478452484603309</c:v>
                </c:pt>
                <c:pt idx="6417">
                  <c:v>68.222637489567887</c:v>
                </c:pt>
                <c:pt idx="6418">
                  <c:v>69.133603923097098</c:v>
                </c:pt>
                <c:pt idx="6419">
                  <c:v>69.528596939610281</c:v>
                </c:pt>
                <c:pt idx="6420">
                  <c:v>68.494317129502264</c:v>
                </c:pt>
                <c:pt idx="6421">
                  <c:v>68.355940634948539</c:v>
                </c:pt>
                <c:pt idx="6422">
                  <c:v>68.442434900169232</c:v>
                </c:pt>
                <c:pt idx="6423">
                  <c:v>67.828447341942223</c:v>
                </c:pt>
                <c:pt idx="6424">
                  <c:v>66.632028362022012</c:v>
                </c:pt>
                <c:pt idx="6425">
                  <c:v>65.586801573694146</c:v>
                </c:pt>
                <c:pt idx="6426">
                  <c:v>64.708462481181414</c:v>
                </c:pt>
                <c:pt idx="6427">
                  <c:v>63.40748507834622</c:v>
                </c:pt>
                <c:pt idx="6428">
                  <c:v>61.722135617609354</c:v>
                </c:pt>
                <c:pt idx="6429">
                  <c:v>59.492528077307377</c:v>
                </c:pt>
                <c:pt idx="6430">
                  <c:v>58.346901449955823</c:v>
                </c:pt>
                <c:pt idx="6431">
                  <c:v>58.195882408471938</c:v>
                </c:pt>
                <c:pt idx="6432">
                  <c:v>57.37460880987171</c:v>
                </c:pt>
                <c:pt idx="6433">
                  <c:v>57.231700599611649</c:v>
                </c:pt>
                <c:pt idx="6434">
                  <c:v>57.392605339385874</c:v>
                </c:pt>
                <c:pt idx="6435">
                  <c:v>57.785332046929852</c:v>
                </c:pt>
                <c:pt idx="6436">
                  <c:v>59.275924352592703</c:v>
                </c:pt>
                <c:pt idx="6437">
                  <c:v>62.346623549166182</c:v>
                </c:pt>
                <c:pt idx="6438">
                  <c:v>65.502599115306367</c:v>
                </c:pt>
                <c:pt idx="6439">
                  <c:v>68.198178428423603</c:v>
                </c:pt>
                <c:pt idx="6440">
                  <c:v>68.869765700035686</c:v>
                </c:pt>
                <c:pt idx="6441">
                  <c:v>69.111098135610433</c:v>
                </c:pt>
                <c:pt idx="6442">
                  <c:v>69.901133418741281</c:v>
                </c:pt>
                <c:pt idx="6443">
                  <c:v>70.052122313904761</c:v>
                </c:pt>
                <c:pt idx="6444">
                  <c:v>69.196843626642206</c:v>
                </c:pt>
                <c:pt idx="6445">
                  <c:v>68.671642866177265</c:v>
                </c:pt>
                <c:pt idx="6446">
                  <c:v>68.562718032167865</c:v>
                </c:pt>
                <c:pt idx="6447">
                  <c:v>68.474614714449842</c:v>
                </c:pt>
                <c:pt idx="6448">
                  <c:v>67.153209953068995</c:v>
                </c:pt>
                <c:pt idx="6449">
                  <c:v>66.480690263807958</c:v>
                </c:pt>
                <c:pt idx="6450">
                  <c:v>65.099337494634113</c:v>
                </c:pt>
                <c:pt idx="6451">
                  <c:v>64.771802548240899</c:v>
                </c:pt>
                <c:pt idx="6452">
                  <c:v>63.576776771594702</c:v>
                </c:pt>
                <c:pt idx="6453">
                  <c:v>62.021288970343839</c:v>
                </c:pt>
                <c:pt idx="6454">
                  <c:v>61.353485679777442</c:v>
                </c:pt>
                <c:pt idx="6455">
                  <c:v>61.554094594576647</c:v>
                </c:pt>
                <c:pt idx="6456">
                  <c:v>60.967484720272203</c:v>
                </c:pt>
                <c:pt idx="6457">
                  <c:v>60.656989250885076</c:v>
                </c:pt>
                <c:pt idx="6458">
                  <c:v>60.249939589122675</c:v>
                </c:pt>
                <c:pt idx="6459">
                  <c:v>60.490546022062162</c:v>
                </c:pt>
                <c:pt idx="6460">
                  <c:v>61.778884016165804</c:v>
                </c:pt>
                <c:pt idx="6461">
                  <c:v>64.834144001274424</c:v>
                </c:pt>
                <c:pt idx="6462">
                  <c:v>68.032254885290925</c:v>
                </c:pt>
                <c:pt idx="6463">
                  <c:v>70.258677526662325</c:v>
                </c:pt>
                <c:pt idx="6464">
                  <c:v>70.860946423630693</c:v>
                </c:pt>
                <c:pt idx="6465">
                  <c:v>70.9233237894246</c:v>
                </c:pt>
                <c:pt idx="6466">
                  <c:v>71.870712057981308</c:v>
                </c:pt>
                <c:pt idx="6467">
                  <c:v>71.824695965245851</c:v>
                </c:pt>
                <c:pt idx="6468">
                  <c:v>71.363143560626597</c:v>
                </c:pt>
                <c:pt idx="6469">
                  <c:v>71.150469115553349</c:v>
                </c:pt>
                <c:pt idx="6470">
                  <c:v>71.369905947134114</c:v>
                </c:pt>
                <c:pt idx="6471">
                  <c:v>70.645327446026855</c:v>
                </c:pt>
                <c:pt idx="6472">
                  <c:v>69.034442829134463</c:v>
                </c:pt>
                <c:pt idx="6473">
                  <c:v>67.600595568078319</c:v>
                </c:pt>
                <c:pt idx="6474">
                  <c:v>66.514283973859648</c:v>
                </c:pt>
                <c:pt idx="6475">
                  <c:v>65.573238651952181</c:v>
                </c:pt>
                <c:pt idx="6476">
                  <c:v>63.825905767415968</c:v>
                </c:pt>
                <c:pt idx="6477">
                  <c:v>61.549723574253029</c:v>
                </c:pt>
                <c:pt idx="6478">
                  <c:v>60.992230710838378</c:v>
                </c:pt>
                <c:pt idx="6479">
                  <c:v>60.907798497084691</c:v>
                </c:pt>
                <c:pt idx="6480">
                  <c:v>60.474471148854605</c:v>
                </c:pt>
                <c:pt idx="6481">
                  <c:v>60.021472492965835</c:v>
                </c:pt>
                <c:pt idx="6482">
                  <c:v>59.58356490463337</c:v>
                </c:pt>
                <c:pt idx="6483">
                  <c:v>60.189041295562319</c:v>
                </c:pt>
                <c:pt idx="6484">
                  <c:v>61.282154503771181</c:v>
                </c:pt>
                <c:pt idx="6485">
                  <c:v>63.138226754778785</c:v>
                </c:pt>
                <c:pt idx="6486">
                  <c:v>65.901628149441308</c:v>
                </c:pt>
                <c:pt idx="6487">
                  <c:v>67.96212061823546</c:v>
                </c:pt>
                <c:pt idx="6488">
                  <c:v>68.107795738984635</c:v>
                </c:pt>
                <c:pt idx="6489">
                  <c:v>68.170172320228872</c:v>
                </c:pt>
                <c:pt idx="6490">
                  <c:v>68.934931610275385</c:v>
                </c:pt>
                <c:pt idx="6491">
                  <c:v>69.555104597195054</c:v>
                </c:pt>
                <c:pt idx="6492">
                  <c:v>68.4141538073211</c:v>
                </c:pt>
                <c:pt idx="6493">
                  <c:v>67.771456595997918</c:v>
                </c:pt>
                <c:pt idx="6494">
                  <c:v>67.353850308695584</c:v>
                </c:pt>
                <c:pt idx="6495">
                  <c:v>66.264555444807201</c:v>
                </c:pt>
                <c:pt idx="6496">
                  <c:v>65.263083245612194</c:v>
                </c:pt>
                <c:pt idx="6497">
                  <c:v>63.586524153781184</c:v>
                </c:pt>
                <c:pt idx="6498">
                  <c:v>62.152420678422068</c:v>
                </c:pt>
                <c:pt idx="6499">
                  <c:v>60.70344981061276</c:v>
                </c:pt>
                <c:pt idx="6500">
                  <c:v>59.168600137171843</c:v>
                </c:pt>
                <c:pt idx="6501">
                  <c:v>57.623006291596433</c:v>
                </c:pt>
                <c:pt idx="6502">
                  <c:v>57.018209791396863</c:v>
                </c:pt>
                <c:pt idx="6503">
                  <c:v>56.263956896098748</c:v>
                </c:pt>
                <c:pt idx="6504">
                  <c:v>54.493877367332381</c:v>
                </c:pt>
                <c:pt idx="6505">
                  <c:v>52.800812096122009</c:v>
                </c:pt>
                <c:pt idx="6506">
                  <c:v>51.787215486201497</c:v>
                </c:pt>
                <c:pt idx="6507">
                  <c:v>51.194321800677912</c:v>
                </c:pt>
                <c:pt idx="6508">
                  <c:v>50.373722149843459</c:v>
                </c:pt>
                <c:pt idx="6509">
                  <c:v>49.850940822826267</c:v>
                </c:pt>
                <c:pt idx="6510">
                  <c:v>50.057873835469309</c:v>
                </c:pt>
                <c:pt idx="6511">
                  <c:v>49.984654934928948</c:v>
                </c:pt>
                <c:pt idx="6512">
                  <c:v>49.431095195449053</c:v>
                </c:pt>
                <c:pt idx="6513">
                  <c:v>48.995177891904099</c:v>
                </c:pt>
                <c:pt idx="6514">
                  <c:v>49.004203861070799</c:v>
                </c:pt>
                <c:pt idx="6515">
                  <c:v>49.219487149491798</c:v>
                </c:pt>
                <c:pt idx="6516">
                  <c:v>48.370394283196738</c:v>
                </c:pt>
                <c:pt idx="6517">
                  <c:v>48.078889818850321</c:v>
                </c:pt>
                <c:pt idx="6518">
                  <c:v>47.675362961554086</c:v>
                </c:pt>
                <c:pt idx="6519">
                  <c:v>47.441207841184671</c:v>
                </c:pt>
                <c:pt idx="6520">
                  <c:v>46.801866580230168</c:v>
                </c:pt>
                <c:pt idx="6521">
                  <c:v>45.035559538857051</c:v>
                </c:pt>
                <c:pt idx="6522">
                  <c:v>44.506986725141793</c:v>
                </c:pt>
                <c:pt idx="6523">
                  <c:v>44.280807375773435</c:v>
                </c:pt>
                <c:pt idx="6524">
                  <c:v>43.900727608637673</c:v>
                </c:pt>
                <c:pt idx="6525">
                  <c:v>43.410493147456293</c:v>
                </c:pt>
                <c:pt idx="6526">
                  <c:v>43.103942236815094</c:v>
                </c:pt>
                <c:pt idx="6527">
                  <c:v>43.154062269558509</c:v>
                </c:pt>
                <c:pt idx="6528">
                  <c:v>42.424678892169453</c:v>
                </c:pt>
                <c:pt idx="6529">
                  <c:v>42.013673334918622</c:v>
                </c:pt>
                <c:pt idx="6530">
                  <c:v>42.113224546196271</c:v>
                </c:pt>
                <c:pt idx="6531">
                  <c:v>42.17022715845409</c:v>
                </c:pt>
                <c:pt idx="6532">
                  <c:v>41.921034437587238</c:v>
                </c:pt>
                <c:pt idx="6533">
                  <c:v>41.526948007425702</c:v>
                </c:pt>
                <c:pt idx="6534">
                  <c:v>41.401507638282325</c:v>
                </c:pt>
                <c:pt idx="6535">
                  <c:v>41.636036929995051</c:v>
                </c:pt>
                <c:pt idx="6536">
                  <c:v>41.254678641130823</c:v>
                </c:pt>
                <c:pt idx="6537">
                  <c:v>40.869147842618965</c:v>
                </c:pt>
                <c:pt idx="6538">
                  <c:v>41.389443696721344</c:v>
                </c:pt>
                <c:pt idx="6539">
                  <c:v>42.220081366161281</c:v>
                </c:pt>
                <c:pt idx="6540">
                  <c:v>42.102767833054656</c:v>
                </c:pt>
                <c:pt idx="6541">
                  <c:v>41.770464335028599</c:v>
                </c:pt>
                <c:pt idx="6542">
                  <c:v>41.665033257534454</c:v>
                </c:pt>
                <c:pt idx="6543">
                  <c:v>41.407265683551437</c:v>
                </c:pt>
                <c:pt idx="6544">
                  <c:v>41.803834762249018</c:v>
                </c:pt>
                <c:pt idx="6545">
                  <c:v>41.234406446892834</c:v>
                </c:pt>
                <c:pt idx="6546">
                  <c:v>40.91679846610171</c:v>
                </c:pt>
                <c:pt idx="6547">
                  <c:v>41.798217308277756</c:v>
                </c:pt>
                <c:pt idx="6548">
                  <c:v>42.499197359982702</c:v>
                </c:pt>
                <c:pt idx="6549">
                  <c:v>42.543212164621771</c:v>
                </c:pt>
                <c:pt idx="6550">
                  <c:v>42.49269063859338</c:v>
                </c:pt>
                <c:pt idx="6551">
                  <c:v>43.153086132880105</c:v>
                </c:pt>
                <c:pt idx="6552">
                  <c:v>43.185467301829163</c:v>
                </c:pt>
                <c:pt idx="6553">
                  <c:v>43.310486308967597</c:v>
                </c:pt>
                <c:pt idx="6554">
                  <c:v>43.943850184183731</c:v>
                </c:pt>
                <c:pt idx="6555">
                  <c:v>45.513013568506729</c:v>
                </c:pt>
                <c:pt idx="6556">
                  <c:v>48.813210700640042</c:v>
                </c:pt>
                <c:pt idx="6557">
                  <c:v>54.229973908967295</c:v>
                </c:pt>
                <c:pt idx="6558">
                  <c:v>59.379041675477367</c:v>
                </c:pt>
                <c:pt idx="6559">
                  <c:v>62.296566770738558</c:v>
                </c:pt>
                <c:pt idx="6560">
                  <c:v>64.078897238475733</c:v>
                </c:pt>
                <c:pt idx="6561">
                  <c:v>65.180737737798367</c:v>
                </c:pt>
                <c:pt idx="6562">
                  <c:v>66.904408232135538</c:v>
                </c:pt>
                <c:pt idx="6563">
                  <c:v>68.159898230632763</c:v>
                </c:pt>
                <c:pt idx="6564">
                  <c:v>67.917442319954759</c:v>
                </c:pt>
                <c:pt idx="6565">
                  <c:v>68.290429581702682</c:v>
                </c:pt>
                <c:pt idx="6566">
                  <c:v>68.683284700411136</c:v>
                </c:pt>
                <c:pt idx="6567">
                  <c:v>68.01263810383314</c:v>
                </c:pt>
                <c:pt idx="6568">
                  <c:v>67.52213379679857</c:v>
                </c:pt>
                <c:pt idx="6569">
                  <c:v>66.453122620800613</c:v>
                </c:pt>
                <c:pt idx="6570">
                  <c:v>65.406003008365886</c:v>
                </c:pt>
                <c:pt idx="6571">
                  <c:v>64.635122406947133</c:v>
                </c:pt>
                <c:pt idx="6572">
                  <c:v>63.612416194866888</c:v>
                </c:pt>
                <c:pt idx="6573">
                  <c:v>61.358232852432252</c:v>
                </c:pt>
                <c:pt idx="6574">
                  <c:v>60.733079622769573</c:v>
                </c:pt>
                <c:pt idx="6575">
                  <c:v>60.227102094042664</c:v>
                </c:pt>
                <c:pt idx="6576">
                  <c:v>59.408890749648478</c:v>
                </c:pt>
                <c:pt idx="6577">
                  <c:v>59.375210288018891</c:v>
                </c:pt>
                <c:pt idx="6578">
                  <c:v>59.254733058436081</c:v>
                </c:pt>
                <c:pt idx="6579">
                  <c:v>60.074465860358814</c:v>
                </c:pt>
                <c:pt idx="6580">
                  <c:v>61.945535209488007</c:v>
                </c:pt>
                <c:pt idx="6581">
                  <c:v>65.011449967298162</c:v>
                </c:pt>
                <c:pt idx="6582">
                  <c:v>68.101604073122246</c:v>
                </c:pt>
                <c:pt idx="6583">
                  <c:v>70.14195919215004</c:v>
                </c:pt>
                <c:pt idx="6584">
                  <c:v>70.959178257756719</c:v>
                </c:pt>
                <c:pt idx="6585">
                  <c:v>71.300475342662551</c:v>
                </c:pt>
                <c:pt idx="6586">
                  <c:v>71.665542457979839</c:v>
                </c:pt>
                <c:pt idx="6587">
                  <c:v>72.055263183141648</c:v>
                </c:pt>
                <c:pt idx="6588">
                  <c:v>71.211227621979262</c:v>
                </c:pt>
                <c:pt idx="6589">
                  <c:v>71.102465542795414</c:v>
                </c:pt>
                <c:pt idx="6590">
                  <c:v>70.945414608985999</c:v>
                </c:pt>
                <c:pt idx="6591">
                  <c:v>70.287339792959429</c:v>
                </c:pt>
                <c:pt idx="6592">
                  <c:v>68.793383554135204</c:v>
                </c:pt>
                <c:pt idx="6593">
                  <c:v>67.572627510541764</c:v>
                </c:pt>
                <c:pt idx="6594">
                  <c:v>66.477445072236549</c:v>
                </c:pt>
                <c:pt idx="6595">
                  <c:v>65.36440867670288</c:v>
                </c:pt>
                <c:pt idx="6596">
                  <c:v>63.827568993066841</c:v>
                </c:pt>
                <c:pt idx="6597">
                  <c:v>61.796972455671835</c:v>
                </c:pt>
                <c:pt idx="6598">
                  <c:v>60.794598298968126</c:v>
                </c:pt>
                <c:pt idx="6599">
                  <c:v>60.889900330483279</c:v>
                </c:pt>
                <c:pt idx="6600">
                  <c:v>60.373099233196967</c:v>
                </c:pt>
                <c:pt idx="6601">
                  <c:v>60.336775976833366</c:v>
                </c:pt>
                <c:pt idx="6602">
                  <c:v>60.104682849089762</c:v>
                </c:pt>
                <c:pt idx="6603">
                  <c:v>60.563859853110543</c:v>
                </c:pt>
                <c:pt idx="6604">
                  <c:v>62.098790590144368</c:v>
                </c:pt>
                <c:pt idx="6605">
                  <c:v>64.990255319191775</c:v>
                </c:pt>
                <c:pt idx="6606">
                  <c:v>67.68804206082676</c:v>
                </c:pt>
                <c:pt idx="6607">
                  <c:v>69.278398622225552</c:v>
                </c:pt>
                <c:pt idx="6608">
                  <c:v>69.666601106512388</c:v>
                </c:pt>
                <c:pt idx="6609">
                  <c:v>69.852920763500777</c:v>
                </c:pt>
                <c:pt idx="6610">
                  <c:v>70.347660854112519</c:v>
                </c:pt>
                <c:pt idx="6611">
                  <c:v>70.622339552778357</c:v>
                </c:pt>
                <c:pt idx="6612">
                  <c:v>69.900549596116917</c:v>
                </c:pt>
                <c:pt idx="6613">
                  <c:v>69.644903307099725</c:v>
                </c:pt>
                <c:pt idx="6614">
                  <c:v>69.949347799991017</c:v>
                </c:pt>
                <c:pt idx="6615">
                  <c:v>69.056180974013046</c:v>
                </c:pt>
                <c:pt idx="6616">
                  <c:v>68.246669951838314</c:v>
                </c:pt>
                <c:pt idx="6617">
                  <c:v>67.114652730795669</c:v>
                </c:pt>
                <c:pt idx="6618">
                  <c:v>66.035567152702043</c:v>
                </c:pt>
                <c:pt idx="6619">
                  <c:v>65.128278334899306</c:v>
                </c:pt>
                <c:pt idx="6620">
                  <c:v>63.218367481929931</c:v>
                </c:pt>
                <c:pt idx="6621">
                  <c:v>61.054342604643395</c:v>
                </c:pt>
                <c:pt idx="6622">
                  <c:v>60.674190815849478</c:v>
                </c:pt>
                <c:pt idx="6623">
                  <c:v>60.306455290252018</c:v>
                </c:pt>
                <c:pt idx="6624">
                  <c:v>59.302099066918423</c:v>
                </c:pt>
                <c:pt idx="6625">
                  <c:v>58.633225905603808</c:v>
                </c:pt>
                <c:pt idx="6626">
                  <c:v>58.782359811567453</c:v>
                </c:pt>
                <c:pt idx="6627">
                  <c:v>59.357393204624124</c:v>
                </c:pt>
                <c:pt idx="6628">
                  <c:v>60.969791806209642</c:v>
                </c:pt>
                <c:pt idx="6629">
                  <c:v>63.815784017748761</c:v>
                </c:pt>
                <c:pt idx="6630">
                  <c:v>67.04316444872137</c:v>
                </c:pt>
                <c:pt idx="6631">
                  <c:v>69.466203706299666</c:v>
                </c:pt>
                <c:pt idx="6632">
                  <c:v>69.830423606060293</c:v>
                </c:pt>
                <c:pt idx="6633">
                  <c:v>69.717596696668693</c:v>
                </c:pt>
                <c:pt idx="6634">
                  <c:v>70.305261476436698</c:v>
                </c:pt>
                <c:pt idx="6635">
                  <c:v>71.627841748176522</c:v>
                </c:pt>
                <c:pt idx="6636">
                  <c:v>70.810680366583114</c:v>
                </c:pt>
                <c:pt idx="6637">
                  <c:v>70.454447947227109</c:v>
                </c:pt>
                <c:pt idx="6638">
                  <c:v>70.271518290062332</c:v>
                </c:pt>
                <c:pt idx="6639">
                  <c:v>69.65599391674732</c:v>
                </c:pt>
                <c:pt idx="6640">
                  <c:v>68.37400035993727</c:v>
                </c:pt>
                <c:pt idx="6641">
                  <c:v>67.024200412574984</c:v>
                </c:pt>
                <c:pt idx="6642">
                  <c:v>65.915849700617059</c:v>
                </c:pt>
                <c:pt idx="6643">
                  <c:v>64.547280363877334</c:v>
                </c:pt>
                <c:pt idx="6644">
                  <c:v>62.845020602234769</c:v>
                </c:pt>
                <c:pt idx="6645">
                  <c:v>60.810091526676622</c:v>
                </c:pt>
                <c:pt idx="6646">
                  <c:v>60.574216183124044</c:v>
                </c:pt>
                <c:pt idx="6647">
                  <c:v>59.879385882716264</c:v>
                </c:pt>
                <c:pt idx="6648">
                  <c:v>58.591385186122231</c:v>
                </c:pt>
                <c:pt idx="6649">
                  <c:v>58.04437612242598</c:v>
                </c:pt>
                <c:pt idx="6650">
                  <c:v>58.097439295124353</c:v>
                </c:pt>
                <c:pt idx="6651">
                  <c:v>59.10102197211372</c:v>
                </c:pt>
                <c:pt idx="6652">
                  <c:v>60.110570855008909</c:v>
                </c:pt>
                <c:pt idx="6653">
                  <c:v>62.6144671139579</c:v>
                </c:pt>
                <c:pt idx="6654">
                  <c:v>65.034058668085578</c:v>
                </c:pt>
                <c:pt idx="6655">
                  <c:v>66.977683129907376</c:v>
                </c:pt>
                <c:pt idx="6656">
                  <c:v>67.065632362073544</c:v>
                </c:pt>
                <c:pt idx="6657">
                  <c:v>66.584595451068012</c:v>
                </c:pt>
                <c:pt idx="6658">
                  <c:v>66.276505705123455</c:v>
                </c:pt>
                <c:pt idx="6659">
                  <c:v>66.761580006712606</c:v>
                </c:pt>
                <c:pt idx="6660">
                  <c:v>65.836857711067992</c:v>
                </c:pt>
                <c:pt idx="6661">
                  <c:v>64.957600322800033</c:v>
                </c:pt>
                <c:pt idx="6662">
                  <c:v>64.705424332263476</c:v>
                </c:pt>
                <c:pt idx="6663">
                  <c:v>64.521215976846577</c:v>
                </c:pt>
                <c:pt idx="6664">
                  <c:v>63.7710712385108</c:v>
                </c:pt>
                <c:pt idx="6665">
                  <c:v>62.665177539929026</c:v>
                </c:pt>
                <c:pt idx="6666">
                  <c:v>61.420542746955974</c:v>
                </c:pt>
                <c:pt idx="6667">
                  <c:v>60.573059148909373</c:v>
                </c:pt>
                <c:pt idx="6668">
                  <c:v>58.626534697363539</c:v>
                </c:pt>
                <c:pt idx="6669">
                  <c:v>56.511928818477877</c:v>
                </c:pt>
                <c:pt idx="6670">
                  <c:v>55.574358620031404</c:v>
                </c:pt>
                <c:pt idx="6671">
                  <c:v>55.063511607358762</c:v>
                </c:pt>
                <c:pt idx="6672">
                  <c:v>53.252784208017154</c:v>
                </c:pt>
                <c:pt idx="6673">
                  <c:v>52.31934083881476</c:v>
                </c:pt>
                <c:pt idx="6674">
                  <c:v>51.555400716674818</c:v>
                </c:pt>
                <c:pt idx="6675">
                  <c:v>50.883306096415801</c:v>
                </c:pt>
                <c:pt idx="6676">
                  <c:v>49.799156485676228</c:v>
                </c:pt>
                <c:pt idx="6677">
                  <c:v>48.898320314177965</c:v>
                </c:pt>
                <c:pt idx="6678">
                  <c:v>48.911254497827926</c:v>
                </c:pt>
                <c:pt idx="6679">
                  <c:v>48.713931865388211</c:v>
                </c:pt>
                <c:pt idx="6680">
                  <c:v>48.398297693841869</c:v>
                </c:pt>
                <c:pt idx="6681">
                  <c:v>47.714745020105241</c:v>
                </c:pt>
                <c:pt idx="6682">
                  <c:v>47.433703741435068</c:v>
                </c:pt>
                <c:pt idx="6683">
                  <c:v>46.890786672978308</c:v>
                </c:pt>
                <c:pt idx="6684">
                  <c:v>46.494908978662529</c:v>
                </c:pt>
                <c:pt idx="6685">
                  <c:v>45.059013356530812</c:v>
                </c:pt>
                <c:pt idx="6686">
                  <c:v>43.818693978924706</c:v>
                </c:pt>
                <c:pt idx="6687">
                  <c:v>44.444080259061849</c:v>
                </c:pt>
                <c:pt idx="6688">
                  <c:v>44.69490258762692</c:v>
                </c:pt>
                <c:pt idx="6689">
                  <c:v>44.56313766952367</c:v>
                </c:pt>
                <c:pt idx="6690">
                  <c:v>44.115233427966174</c:v>
                </c:pt>
                <c:pt idx="6691">
                  <c:v>43.216611863614986</c:v>
                </c:pt>
                <c:pt idx="6692">
                  <c:v>42.913573322929565</c:v>
                </c:pt>
                <c:pt idx="6693">
                  <c:v>42.832153544478935</c:v>
                </c:pt>
                <c:pt idx="6694">
                  <c:v>42.740666366038312</c:v>
                </c:pt>
                <c:pt idx="6695">
                  <c:v>43.011872177209689</c:v>
                </c:pt>
                <c:pt idx="6696">
                  <c:v>42.798058330675218</c:v>
                </c:pt>
                <c:pt idx="6697">
                  <c:v>42.557703738174382</c:v>
                </c:pt>
                <c:pt idx="6698">
                  <c:v>42.382973370206855</c:v>
                </c:pt>
                <c:pt idx="6699">
                  <c:v>42.610153294975305</c:v>
                </c:pt>
                <c:pt idx="6700">
                  <c:v>42.257745064834701</c:v>
                </c:pt>
                <c:pt idx="6701">
                  <c:v>42.107546858425394</c:v>
                </c:pt>
                <c:pt idx="6702">
                  <c:v>42.338357522078532</c:v>
                </c:pt>
                <c:pt idx="6703">
                  <c:v>42.243888701908737</c:v>
                </c:pt>
                <c:pt idx="6704">
                  <c:v>41.777175451216316</c:v>
                </c:pt>
                <c:pt idx="6705">
                  <c:v>41.099929164115082</c:v>
                </c:pt>
                <c:pt idx="6706">
                  <c:v>40.984202166930736</c:v>
                </c:pt>
                <c:pt idx="6707">
                  <c:v>41.34434144742184</c:v>
                </c:pt>
                <c:pt idx="6708">
                  <c:v>41.400315691608093</c:v>
                </c:pt>
                <c:pt idx="6709">
                  <c:v>41.70528646040669</c:v>
                </c:pt>
                <c:pt idx="6710">
                  <c:v>41.523486633197386</c:v>
                </c:pt>
                <c:pt idx="6711">
                  <c:v>41.710687927858451</c:v>
                </c:pt>
                <c:pt idx="6712">
                  <c:v>41.661005261932914</c:v>
                </c:pt>
                <c:pt idx="6713">
                  <c:v>41.600917310095525</c:v>
                </c:pt>
                <c:pt idx="6714">
                  <c:v>41.498367059700136</c:v>
                </c:pt>
                <c:pt idx="6715">
                  <c:v>41.6092429117869</c:v>
                </c:pt>
                <c:pt idx="6716">
                  <c:v>42.014402671889904</c:v>
                </c:pt>
                <c:pt idx="6717">
                  <c:v>42.904147429577179</c:v>
                </c:pt>
                <c:pt idx="6718">
                  <c:v>43.145532410364936</c:v>
                </c:pt>
                <c:pt idx="6719">
                  <c:v>43.81176946523135</c:v>
                </c:pt>
                <c:pt idx="6720">
                  <c:v>44.000126617282611</c:v>
                </c:pt>
                <c:pt idx="6721">
                  <c:v>44.442148678202138</c:v>
                </c:pt>
                <c:pt idx="6722">
                  <c:v>44.772126516077726</c:v>
                </c:pt>
                <c:pt idx="6723">
                  <c:v>46.695418098745854</c:v>
                </c:pt>
                <c:pt idx="6724">
                  <c:v>50.545362137499886</c:v>
                </c:pt>
                <c:pt idx="6725">
                  <c:v>56.092983638351278</c:v>
                </c:pt>
                <c:pt idx="6726">
                  <c:v>61.85956435656837</c:v>
                </c:pt>
                <c:pt idx="6727">
                  <c:v>65.306058580802102</c:v>
                </c:pt>
                <c:pt idx="6728">
                  <c:v>67.394150290340889</c:v>
                </c:pt>
                <c:pt idx="6729">
                  <c:v>68.141965131958031</c:v>
                </c:pt>
                <c:pt idx="6730">
                  <c:v>69.759177298712771</c:v>
                </c:pt>
                <c:pt idx="6731">
                  <c:v>70.416655503955596</c:v>
                </c:pt>
                <c:pt idx="6732">
                  <c:v>69.962184993690116</c:v>
                </c:pt>
                <c:pt idx="6733">
                  <c:v>69.911176360395842</c:v>
                </c:pt>
                <c:pt idx="6734">
                  <c:v>70.211447539476097</c:v>
                </c:pt>
                <c:pt idx="6735">
                  <c:v>70.042515071900041</c:v>
                </c:pt>
                <c:pt idx="6736">
                  <c:v>69.275406016414962</c:v>
                </c:pt>
                <c:pt idx="6737">
                  <c:v>68.412130198787082</c:v>
                </c:pt>
                <c:pt idx="6738">
                  <c:v>67.184899325747722</c:v>
                </c:pt>
                <c:pt idx="6739">
                  <c:v>65.936449856223788</c:v>
                </c:pt>
                <c:pt idx="6740">
                  <c:v>64.741169944331205</c:v>
                </c:pt>
                <c:pt idx="6741">
                  <c:v>62.457650701653542</c:v>
                </c:pt>
                <c:pt idx="6742">
                  <c:v>62.149826035423025</c:v>
                </c:pt>
                <c:pt idx="6743">
                  <c:v>62.490140314978412</c:v>
                </c:pt>
                <c:pt idx="6744">
                  <c:v>61.649779250957621</c:v>
                </c:pt>
                <c:pt idx="6745">
                  <c:v>60.601304564362046</c:v>
                </c:pt>
                <c:pt idx="6746">
                  <c:v>60.974235789650997</c:v>
                </c:pt>
                <c:pt idx="6747">
                  <c:v>61.904309243500883</c:v>
                </c:pt>
                <c:pt idx="6748">
                  <c:v>63.159826563939781</c:v>
                </c:pt>
                <c:pt idx="6749">
                  <c:v>65.580443995193875</c:v>
                </c:pt>
                <c:pt idx="6750">
                  <c:v>69.058787934441639</c:v>
                </c:pt>
                <c:pt idx="6751">
                  <c:v>71.974239582652103</c:v>
                </c:pt>
                <c:pt idx="6752">
                  <c:v>72.129013047273489</c:v>
                </c:pt>
                <c:pt idx="6753">
                  <c:v>71.878772050387624</c:v>
                </c:pt>
                <c:pt idx="6754">
                  <c:v>72.048774133733247</c:v>
                </c:pt>
                <c:pt idx="6755">
                  <c:v>72.188431111389562</c:v>
                </c:pt>
                <c:pt idx="6756">
                  <c:v>71.734857360991327</c:v>
                </c:pt>
                <c:pt idx="6757">
                  <c:v>71.847273911686869</c:v>
                </c:pt>
                <c:pt idx="6758">
                  <c:v>72.099859358687411</c:v>
                </c:pt>
                <c:pt idx="6759">
                  <c:v>71.554331191302623</c:v>
                </c:pt>
                <c:pt idx="6760">
                  <c:v>70.491247209478985</c:v>
                </c:pt>
                <c:pt idx="6761">
                  <c:v>69.240329997862418</c:v>
                </c:pt>
                <c:pt idx="6762">
                  <c:v>67.914252419520153</c:v>
                </c:pt>
                <c:pt idx="6763">
                  <c:v>66.904998488067065</c:v>
                </c:pt>
                <c:pt idx="6764">
                  <c:v>65.310291049656982</c:v>
                </c:pt>
                <c:pt idx="6765">
                  <c:v>63.165149262606377</c:v>
                </c:pt>
                <c:pt idx="6766">
                  <c:v>62.150102353810865</c:v>
                </c:pt>
                <c:pt idx="6767">
                  <c:v>61.534393768237273</c:v>
                </c:pt>
                <c:pt idx="6768">
                  <c:v>60.464877518786373</c:v>
                </c:pt>
                <c:pt idx="6769">
                  <c:v>59.436464178709514</c:v>
                </c:pt>
                <c:pt idx="6770">
                  <c:v>59.0634936278692</c:v>
                </c:pt>
                <c:pt idx="6771">
                  <c:v>59.719862950632333</c:v>
                </c:pt>
                <c:pt idx="6772">
                  <c:v>61.075120715725205</c:v>
                </c:pt>
                <c:pt idx="6773">
                  <c:v>64.69513841558134</c:v>
                </c:pt>
                <c:pt idx="6774">
                  <c:v>67.932987504464009</c:v>
                </c:pt>
                <c:pt idx="6775">
                  <c:v>70.141862653315229</c:v>
                </c:pt>
                <c:pt idx="6776">
                  <c:v>70.642113028415622</c:v>
                </c:pt>
                <c:pt idx="6777">
                  <c:v>70.812832268599152</c:v>
                </c:pt>
                <c:pt idx="6778">
                  <c:v>70.933333485787614</c:v>
                </c:pt>
                <c:pt idx="6779">
                  <c:v>71.16957331149527</c:v>
                </c:pt>
                <c:pt idx="6780">
                  <c:v>70.393650448683431</c:v>
                </c:pt>
                <c:pt idx="6781">
                  <c:v>69.846435656454389</c:v>
                </c:pt>
                <c:pt idx="6782">
                  <c:v>70.158657605808173</c:v>
                </c:pt>
                <c:pt idx="6783">
                  <c:v>69.284868175575056</c:v>
                </c:pt>
                <c:pt idx="6784">
                  <c:v>68.066448187415006</c:v>
                </c:pt>
                <c:pt idx="6785">
                  <c:v>66.684793739285809</c:v>
                </c:pt>
                <c:pt idx="6786">
                  <c:v>65.544336784191003</c:v>
                </c:pt>
                <c:pt idx="6787">
                  <c:v>64.577261124707718</c:v>
                </c:pt>
                <c:pt idx="6788">
                  <c:v>63.018244379889673</c:v>
                </c:pt>
                <c:pt idx="6789">
                  <c:v>61.412529592163942</c:v>
                </c:pt>
                <c:pt idx="6790">
                  <c:v>61.047855634291579</c:v>
                </c:pt>
                <c:pt idx="6791">
                  <c:v>61.101713908835897</c:v>
                </c:pt>
                <c:pt idx="6792">
                  <c:v>60.84906628627536</c:v>
                </c:pt>
                <c:pt idx="6793">
                  <c:v>59.349308695041159</c:v>
                </c:pt>
                <c:pt idx="6794">
                  <c:v>59.381479290863339</c:v>
                </c:pt>
                <c:pt idx="6795">
                  <c:v>60.488938734801565</c:v>
                </c:pt>
                <c:pt idx="6796">
                  <c:v>61.956867146608907</c:v>
                </c:pt>
                <c:pt idx="6797">
                  <c:v>65.169553296012268</c:v>
                </c:pt>
                <c:pt idx="6798">
                  <c:v>68.831761702950217</c:v>
                </c:pt>
                <c:pt idx="6799">
                  <c:v>71.009047136542421</c:v>
                </c:pt>
                <c:pt idx="6800">
                  <c:v>71.645370803779898</c:v>
                </c:pt>
                <c:pt idx="6801">
                  <c:v>71.693707633616739</c:v>
                </c:pt>
                <c:pt idx="6802">
                  <c:v>71.852846646327905</c:v>
                </c:pt>
                <c:pt idx="6803">
                  <c:v>72.404700794475687</c:v>
                </c:pt>
                <c:pt idx="6804">
                  <c:v>71.817374175221914</c:v>
                </c:pt>
                <c:pt idx="6805">
                  <c:v>71.270623561795134</c:v>
                </c:pt>
                <c:pt idx="6806">
                  <c:v>70.911983555691123</c:v>
                </c:pt>
                <c:pt idx="6807">
                  <c:v>70.361732458235821</c:v>
                </c:pt>
                <c:pt idx="6808">
                  <c:v>69.015072592405176</c:v>
                </c:pt>
                <c:pt idx="6809">
                  <c:v>68.212879986690879</c:v>
                </c:pt>
                <c:pt idx="6810">
                  <c:v>66.857847995374428</c:v>
                </c:pt>
                <c:pt idx="6811">
                  <c:v>65.244517544938432</c:v>
                </c:pt>
                <c:pt idx="6812">
                  <c:v>63.230306346662474</c:v>
                </c:pt>
                <c:pt idx="6813">
                  <c:v>61.952960618907404</c:v>
                </c:pt>
                <c:pt idx="6814">
                  <c:v>61.45427702869177</c:v>
                </c:pt>
                <c:pt idx="6815">
                  <c:v>61.318961101562323</c:v>
                </c:pt>
                <c:pt idx="6816">
                  <c:v>60.252739176104853</c:v>
                </c:pt>
                <c:pt idx="6817">
                  <c:v>59.335769780518575</c:v>
                </c:pt>
                <c:pt idx="6818">
                  <c:v>59.213730100687847</c:v>
                </c:pt>
                <c:pt idx="6819">
                  <c:v>59.717223333324419</c:v>
                </c:pt>
                <c:pt idx="6820">
                  <c:v>60.497005474334905</c:v>
                </c:pt>
                <c:pt idx="6821">
                  <c:v>63.407055792389784</c:v>
                </c:pt>
                <c:pt idx="6822">
                  <c:v>66.32353190553728</c:v>
                </c:pt>
                <c:pt idx="6823">
                  <c:v>68.765318840081378</c:v>
                </c:pt>
                <c:pt idx="6824">
                  <c:v>69.109751907246917</c:v>
                </c:pt>
                <c:pt idx="6825">
                  <c:v>68.991994142512951</c:v>
                </c:pt>
                <c:pt idx="6826">
                  <c:v>68.650847749981736</c:v>
                </c:pt>
                <c:pt idx="6827">
                  <c:v>69.14593535686231</c:v>
                </c:pt>
                <c:pt idx="6828">
                  <c:v>67.796215982749416</c:v>
                </c:pt>
                <c:pt idx="6829">
                  <c:v>66.702381793023079</c:v>
                </c:pt>
                <c:pt idx="6830">
                  <c:v>66.355362104878708</c:v>
                </c:pt>
                <c:pt idx="6831">
                  <c:v>65.926283818728663</c:v>
                </c:pt>
                <c:pt idx="6832">
                  <c:v>64.852128566406378</c:v>
                </c:pt>
                <c:pt idx="6833">
                  <c:v>63.433751643822582</c:v>
                </c:pt>
                <c:pt idx="6834">
                  <c:v>61.708783955475219</c:v>
                </c:pt>
                <c:pt idx="6835">
                  <c:v>59.495016374600944</c:v>
                </c:pt>
                <c:pt idx="6836">
                  <c:v>57.383500856412631</c:v>
                </c:pt>
                <c:pt idx="6837">
                  <c:v>56.185648935778502</c:v>
                </c:pt>
                <c:pt idx="6838">
                  <c:v>55.5907135186239</c:v>
                </c:pt>
                <c:pt idx="6839">
                  <c:v>54.633546230915947</c:v>
                </c:pt>
                <c:pt idx="6840">
                  <c:v>53.85011867994227</c:v>
                </c:pt>
                <c:pt idx="6841">
                  <c:v>52.917197742353892</c:v>
                </c:pt>
                <c:pt idx="6842">
                  <c:v>52.661899244197933</c:v>
                </c:pt>
                <c:pt idx="6843">
                  <c:v>52.02384393857983</c:v>
                </c:pt>
                <c:pt idx="6844">
                  <c:v>50.308229278535826</c:v>
                </c:pt>
                <c:pt idx="6845">
                  <c:v>50.023473059189442</c:v>
                </c:pt>
                <c:pt idx="6846">
                  <c:v>50.138590853568154</c:v>
                </c:pt>
                <c:pt idx="6847">
                  <c:v>50.501060207301528</c:v>
                </c:pt>
                <c:pt idx="6848">
                  <c:v>49.318556431531285</c:v>
                </c:pt>
                <c:pt idx="6849">
                  <c:v>49.215527860826136</c:v>
                </c:pt>
                <c:pt idx="6850">
                  <c:v>48.800930949083217</c:v>
                </c:pt>
                <c:pt idx="6851">
                  <c:v>48.500495053803292</c:v>
                </c:pt>
                <c:pt idx="6852">
                  <c:v>47.923439582084413</c:v>
                </c:pt>
                <c:pt idx="6853">
                  <c:v>47.20503658511668</c:v>
                </c:pt>
                <c:pt idx="6854">
                  <c:v>47.094611613715571</c:v>
                </c:pt>
                <c:pt idx="6855">
                  <c:v>46.619950463148527</c:v>
                </c:pt>
                <c:pt idx="6856">
                  <c:v>45.826883346724429</c:v>
                </c:pt>
                <c:pt idx="6857">
                  <c:v>45.186212882133873</c:v>
                </c:pt>
                <c:pt idx="6858">
                  <c:v>44.446716875467317</c:v>
                </c:pt>
                <c:pt idx="6859">
                  <c:v>44.205922425203461</c:v>
                </c:pt>
                <c:pt idx="6860">
                  <c:v>43.529495639442395</c:v>
                </c:pt>
                <c:pt idx="6861">
                  <c:v>43.112289394008187</c:v>
                </c:pt>
                <c:pt idx="6862">
                  <c:v>43.044579091174725</c:v>
                </c:pt>
                <c:pt idx="6863">
                  <c:v>42.81273142940384</c:v>
                </c:pt>
                <c:pt idx="6864">
                  <c:v>42.532347171840669</c:v>
                </c:pt>
                <c:pt idx="6865">
                  <c:v>41.581722204462551</c:v>
                </c:pt>
                <c:pt idx="6866">
                  <c:v>42.248996080923028</c:v>
                </c:pt>
                <c:pt idx="6867">
                  <c:v>42.343966091024974</c:v>
                </c:pt>
                <c:pt idx="6868">
                  <c:v>42.288418190733985</c:v>
                </c:pt>
                <c:pt idx="6869">
                  <c:v>42.021570984387971</c:v>
                </c:pt>
                <c:pt idx="6870">
                  <c:v>42.021044630025699</c:v>
                </c:pt>
                <c:pt idx="6871">
                  <c:v>42.191345411038</c:v>
                </c:pt>
                <c:pt idx="6872">
                  <c:v>41.118419567635883</c:v>
                </c:pt>
                <c:pt idx="6873">
                  <c:v>40.867181937711926</c:v>
                </c:pt>
                <c:pt idx="6874">
                  <c:v>40.783940258443103</c:v>
                </c:pt>
                <c:pt idx="6875">
                  <c:v>41.338014427130545</c:v>
                </c:pt>
                <c:pt idx="6876">
                  <c:v>41.376145717397236</c:v>
                </c:pt>
                <c:pt idx="6877">
                  <c:v>41.34893065100399</c:v>
                </c:pt>
                <c:pt idx="6878">
                  <c:v>41.586607242105146</c:v>
                </c:pt>
                <c:pt idx="6879">
                  <c:v>41.894618846904258</c:v>
                </c:pt>
                <c:pt idx="6880">
                  <c:v>42.022533607198604</c:v>
                </c:pt>
                <c:pt idx="6881">
                  <c:v>42.126124798073747</c:v>
                </c:pt>
                <c:pt idx="6882">
                  <c:v>42.220324713849934</c:v>
                </c:pt>
                <c:pt idx="6883">
                  <c:v>42.370154338832229</c:v>
                </c:pt>
                <c:pt idx="6884">
                  <c:v>42.668683915751267</c:v>
                </c:pt>
                <c:pt idx="6885">
                  <c:v>43.152291187944073</c:v>
                </c:pt>
                <c:pt idx="6886">
                  <c:v>43.638806334584942</c:v>
                </c:pt>
                <c:pt idx="6887">
                  <c:v>43.0583383072399</c:v>
                </c:pt>
                <c:pt idx="6888">
                  <c:v>42.636191693798807</c:v>
                </c:pt>
                <c:pt idx="6889">
                  <c:v>42.653540616801813</c:v>
                </c:pt>
                <c:pt idx="6890">
                  <c:v>43.042520687863593</c:v>
                </c:pt>
                <c:pt idx="6891">
                  <c:v>44.655584881761065</c:v>
                </c:pt>
                <c:pt idx="6892">
                  <c:v>47.557292063439817</c:v>
                </c:pt>
                <c:pt idx="6893">
                  <c:v>53.159664715182004</c:v>
                </c:pt>
                <c:pt idx="6894">
                  <c:v>58.650198656661885</c:v>
                </c:pt>
                <c:pt idx="6895">
                  <c:v>61.940663214983395</c:v>
                </c:pt>
                <c:pt idx="6896">
                  <c:v>64.14978324139507</c:v>
                </c:pt>
                <c:pt idx="6897">
                  <c:v>64.877256887632257</c:v>
                </c:pt>
                <c:pt idx="6898">
                  <c:v>64.047226047735251</c:v>
                </c:pt>
                <c:pt idx="6899">
                  <c:v>64.656938222241379</c:v>
                </c:pt>
                <c:pt idx="6900">
                  <c:v>63.992372395432284</c:v>
                </c:pt>
                <c:pt idx="6901">
                  <c:v>63.940753892465167</c:v>
                </c:pt>
                <c:pt idx="6902">
                  <c:v>63.818881105959399</c:v>
                </c:pt>
                <c:pt idx="6903">
                  <c:v>63.060637383099568</c:v>
                </c:pt>
                <c:pt idx="6904">
                  <c:v>61.764501298877562</c:v>
                </c:pt>
                <c:pt idx="6905">
                  <c:v>60.672913470945502</c:v>
                </c:pt>
                <c:pt idx="6906">
                  <c:v>60.448554688660941</c:v>
                </c:pt>
                <c:pt idx="6907">
                  <c:v>59.308708427016128</c:v>
                </c:pt>
                <c:pt idx="6908">
                  <c:v>57.62501020793416</c:v>
                </c:pt>
                <c:pt idx="6909">
                  <c:v>55.712094470952131</c:v>
                </c:pt>
                <c:pt idx="6910">
                  <c:v>55.235395138841277</c:v>
                </c:pt>
                <c:pt idx="6911">
                  <c:v>54.702091471103984</c:v>
                </c:pt>
                <c:pt idx="6912">
                  <c:v>54.040318072261492</c:v>
                </c:pt>
                <c:pt idx="6913">
                  <c:v>53.41605424731307</c:v>
                </c:pt>
                <c:pt idx="6914">
                  <c:v>53.660123250919099</c:v>
                </c:pt>
                <c:pt idx="6915">
                  <c:v>54.462687968533878</c:v>
                </c:pt>
                <c:pt idx="6916">
                  <c:v>56.085692798811138</c:v>
                </c:pt>
                <c:pt idx="6917">
                  <c:v>59.515186989272593</c:v>
                </c:pt>
                <c:pt idx="6918">
                  <c:v>62.59777478055959</c:v>
                </c:pt>
                <c:pt idx="6919">
                  <c:v>64.760239992749476</c:v>
                </c:pt>
                <c:pt idx="6920">
                  <c:v>65.251542559442356</c:v>
                </c:pt>
                <c:pt idx="6921">
                  <c:v>65.245606931359262</c:v>
                </c:pt>
                <c:pt idx="6922">
                  <c:v>65.065139328302166</c:v>
                </c:pt>
                <c:pt idx="6923">
                  <c:v>64.326051679730057</c:v>
                </c:pt>
                <c:pt idx="6924">
                  <c:v>61.926596651591602</c:v>
                </c:pt>
                <c:pt idx="6925">
                  <c:v>61.971534498511289</c:v>
                </c:pt>
                <c:pt idx="6926">
                  <c:v>62.000310602963083</c:v>
                </c:pt>
                <c:pt idx="6927">
                  <c:v>61.636745429501715</c:v>
                </c:pt>
                <c:pt idx="6928">
                  <c:v>60.916944894623157</c:v>
                </c:pt>
                <c:pt idx="6929">
                  <c:v>59.980639586354911</c:v>
                </c:pt>
                <c:pt idx="6930">
                  <c:v>59.03178785810276</c:v>
                </c:pt>
                <c:pt idx="6931">
                  <c:v>58.311072754079817</c:v>
                </c:pt>
                <c:pt idx="6932">
                  <c:v>56.547116478446078</c:v>
                </c:pt>
                <c:pt idx="6933">
                  <c:v>54.573466359939971</c:v>
                </c:pt>
                <c:pt idx="6934">
                  <c:v>54.187233193351169</c:v>
                </c:pt>
                <c:pt idx="6935">
                  <c:v>54.072540330678322</c:v>
                </c:pt>
                <c:pt idx="6936">
                  <c:v>53.544722959824043</c:v>
                </c:pt>
                <c:pt idx="6937">
                  <c:v>52.625998428595054</c:v>
                </c:pt>
                <c:pt idx="6938">
                  <c:v>52.968556500544601</c:v>
                </c:pt>
                <c:pt idx="6939">
                  <c:v>53.194577723930372</c:v>
                </c:pt>
                <c:pt idx="6940">
                  <c:v>54.302179210583319</c:v>
                </c:pt>
                <c:pt idx="6941">
                  <c:v>56.854072177480795</c:v>
                </c:pt>
                <c:pt idx="6942">
                  <c:v>60.017270288113814</c:v>
                </c:pt>
                <c:pt idx="6943">
                  <c:v>62.489161334307518</c:v>
                </c:pt>
                <c:pt idx="6944">
                  <c:v>63.512060192555076</c:v>
                </c:pt>
                <c:pt idx="6945">
                  <c:v>63.396257760921586</c:v>
                </c:pt>
                <c:pt idx="6946">
                  <c:v>63.297135894441595</c:v>
                </c:pt>
                <c:pt idx="6947">
                  <c:v>63.329898197612152</c:v>
                </c:pt>
                <c:pt idx="6948">
                  <c:v>62.072910905715695</c:v>
                </c:pt>
                <c:pt idx="6949">
                  <c:v>61.535474230405804</c:v>
                </c:pt>
                <c:pt idx="6950">
                  <c:v>61.596704015808342</c:v>
                </c:pt>
                <c:pt idx="6951">
                  <c:v>60.909387465110882</c:v>
                </c:pt>
                <c:pt idx="6952">
                  <c:v>59.834077316471728</c:v>
                </c:pt>
                <c:pt idx="6953">
                  <c:v>58.87097336115238</c:v>
                </c:pt>
                <c:pt idx="6954">
                  <c:v>58.270772419387164</c:v>
                </c:pt>
                <c:pt idx="6955">
                  <c:v>57.571708845961098</c:v>
                </c:pt>
                <c:pt idx="6956">
                  <c:v>55.76883661272511</c:v>
                </c:pt>
                <c:pt idx="6957">
                  <c:v>53.761900386472561</c:v>
                </c:pt>
                <c:pt idx="6958">
                  <c:v>53.74433180918043</c:v>
                </c:pt>
                <c:pt idx="6959">
                  <c:v>53.581316356246951</c:v>
                </c:pt>
                <c:pt idx="6960">
                  <c:v>53.213717891473891</c:v>
                </c:pt>
                <c:pt idx="6961">
                  <c:v>52.375428979996904</c:v>
                </c:pt>
                <c:pt idx="6962">
                  <c:v>52.856791165288612</c:v>
                </c:pt>
                <c:pt idx="6963">
                  <c:v>53.767890266164173</c:v>
                </c:pt>
                <c:pt idx="6964">
                  <c:v>54.972433022377487</c:v>
                </c:pt>
                <c:pt idx="6965">
                  <c:v>57.677642505963021</c:v>
                </c:pt>
                <c:pt idx="6966">
                  <c:v>61.022894539824264</c:v>
                </c:pt>
                <c:pt idx="6967">
                  <c:v>63.655796259609097</c:v>
                </c:pt>
                <c:pt idx="6968">
                  <c:v>64.452476501778165</c:v>
                </c:pt>
                <c:pt idx="6969">
                  <c:v>65.795187807659659</c:v>
                </c:pt>
                <c:pt idx="6970">
                  <c:v>66.749425292756769</c:v>
                </c:pt>
                <c:pt idx="6971">
                  <c:v>67.287564512667288</c:v>
                </c:pt>
                <c:pt idx="6972">
                  <c:v>66.634847248925666</c:v>
                </c:pt>
                <c:pt idx="6973">
                  <c:v>66.090331739005649</c:v>
                </c:pt>
                <c:pt idx="6974">
                  <c:v>66.335430052142826</c:v>
                </c:pt>
                <c:pt idx="6975">
                  <c:v>66.118071943709182</c:v>
                </c:pt>
                <c:pt idx="6976">
                  <c:v>65.400512906417063</c:v>
                </c:pt>
                <c:pt idx="6977">
                  <c:v>64.687992188156002</c:v>
                </c:pt>
                <c:pt idx="6978">
                  <c:v>64.218660993339853</c:v>
                </c:pt>
                <c:pt idx="6979">
                  <c:v>63.633482882924859</c:v>
                </c:pt>
                <c:pt idx="6980">
                  <c:v>62.281825671168761</c:v>
                </c:pt>
                <c:pt idx="6981">
                  <c:v>60.341156529435281</c:v>
                </c:pt>
                <c:pt idx="6982">
                  <c:v>59.447578422915406</c:v>
                </c:pt>
                <c:pt idx="6983">
                  <c:v>58.718700393571666</c:v>
                </c:pt>
                <c:pt idx="6984">
                  <c:v>57.456166335627685</c:v>
                </c:pt>
                <c:pt idx="6985">
                  <c:v>56.845616262092051</c:v>
                </c:pt>
                <c:pt idx="6986">
                  <c:v>56.725840243375444</c:v>
                </c:pt>
                <c:pt idx="6987">
                  <c:v>57.623657938538301</c:v>
                </c:pt>
                <c:pt idx="6988">
                  <c:v>58.895724451291301</c:v>
                </c:pt>
                <c:pt idx="6989">
                  <c:v>61.223053986127205</c:v>
                </c:pt>
                <c:pt idx="6990">
                  <c:v>64.125888663726201</c:v>
                </c:pt>
                <c:pt idx="6991">
                  <c:v>66.585463162984354</c:v>
                </c:pt>
                <c:pt idx="6992">
                  <c:v>67.267492300135871</c:v>
                </c:pt>
                <c:pt idx="6993">
                  <c:v>67.642496894020596</c:v>
                </c:pt>
                <c:pt idx="6994">
                  <c:v>67.217848783238011</c:v>
                </c:pt>
                <c:pt idx="6995">
                  <c:v>67.547626168677226</c:v>
                </c:pt>
                <c:pt idx="6996">
                  <c:v>66.042497158242981</c:v>
                </c:pt>
                <c:pt idx="6997">
                  <c:v>64.678474718245354</c:v>
                </c:pt>
                <c:pt idx="6998">
                  <c:v>64.882389117256807</c:v>
                </c:pt>
                <c:pt idx="6999">
                  <c:v>64.17995984543262</c:v>
                </c:pt>
                <c:pt idx="7000">
                  <c:v>62.688531190225817</c:v>
                </c:pt>
                <c:pt idx="7001">
                  <c:v>61.081900578076265</c:v>
                </c:pt>
                <c:pt idx="7002">
                  <c:v>59.110969081028145</c:v>
                </c:pt>
                <c:pt idx="7003">
                  <c:v>59.178026108979203</c:v>
                </c:pt>
                <c:pt idx="7004">
                  <c:v>57.3177266455994</c:v>
                </c:pt>
                <c:pt idx="7005">
                  <c:v>55.549155668519766</c:v>
                </c:pt>
                <c:pt idx="7006">
                  <c:v>55.008485981771834</c:v>
                </c:pt>
                <c:pt idx="7007">
                  <c:v>54.497714599685757</c:v>
                </c:pt>
                <c:pt idx="7008">
                  <c:v>53.770231970355042</c:v>
                </c:pt>
                <c:pt idx="7009">
                  <c:v>52.494737701326365</c:v>
                </c:pt>
                <c:pt idx="7010">
                  <c:v>51.665426940714738</c:v>
                </c:pt>
                <c:pt idx="7011">
                  <c:v>50.968101282066506</c:v>
                </c:pt>
                <c:pt idx="7012">
                  <c:v>49.405580287381596</c:v>
                </c:pt>
                <c:pt idx="7013">
                  <c:v>48.944194560336129</c:v>
                </c:pt>
                <c:pt idx="7014">
                  <c:v>48.948008726929721</c:v>
                </c:pt>
                <c:pt idx="7015">
                  <c:v>49.454022246871958</c:v>
                </c:pt>
                <c:pt idx="7016">
                  <c:v>48.747358466363792</c:v>
                </c:pt>
                <c:pt idx="7017">
                  <c:v>48.271617736246583</c:v>
                </c:pt>
                <c:pt idx="7018">
                  <c:v>48.100003148385163</c:v>
                </c:pt>
                <c:pt idx="7019">
                  <c:v>47.855081986559654</c:v>
                </c:pt>
                <c:pt idx="7020">
                  <c:v>46.619139866446922</c:v>
                </c:pt>
                <c:pt idx="7021">
                  <c:v>45.857298532311503</c:v>
                </c:pt>
                <c:pt idx="7022">
                  <c:v>45.424794902375957</c:v>
                </c:pt>
                <c:pt idx="7023">
                  <c:v>45.434741050217056</c:v>
                </c:pt>
                <c:pt idx="7024">
                  <c:v>45.095846785920081</c:v>
                </c:pt>
                <c:pt idx="7025">
                  <c:v>44.563937714032434</c:v>
                </c:pt>
                <c:pt idx="7026">
                  <c:v>44.26353930061218</c:v>
                </c:pt>
                <c:pt idx="7027">
                  <c:v>44.156013652067898</c:v>
                </c:pt>
                <c:pt idx="7028">
                  <c:v>43.397847226962632</c:v>
                </c:pt>
                <c:pt idx="7029">
                  <c:v>43.298282423362238</c:v>
                </c:pt>
                <c:pt idx="7030">
                  <c:v>43.179755760740754</c:v>
                </c:pt>
                <c:pt idx="7031">
                  <c:v>43.178920078063982</c:v>
                </c:pt>
                <c:pt idx="7032">
                  <c:v>42.913497319681916</c:v>
                </c:pt>
                <c:pt idx="7033">
                  <c:v>42.47012379352995</c:v>
                </c:pt>
                <c:pt idx="7034">
                  <c:v>42.447891029322562</c:v>
                </c:pt>
                <c:pt idx="7035">
                  <c:v>42.289095296312098</c:v>
                </c:pt>
                <c:pt idx="7036">
                  <c:v>41.778258325875022</c:v>
                </c:pt>
                <c:pt idx="7037">
                  <c:v>41.411862399196515</c:v>
                </c:pt>
                <c:pt idx="7038">
                  <c:v>41.168210913302126</c:v>
                </c:pt>
                <c:pt idx="7039">
                  <c:v>41.572991147510436</c:v>
                </c:pt>
                <c:pt idx="7040">
                  <c:v>41.108552502399817</c:v>
                </c:pt>
                <c:pt idx="7041">
                  <c:v>40.721368618541348</c:v>
                </c:pt>
                <c:pt idx="7042">
                  <c:v>41.165342638997828</c:v>
                </c:pt>
                <c:pt idx="7043">
                  <c:v>41.244700228685232</c:v>
                </c:pt>
                <c:pt idx="7044">
                  <c:v>41.135731381440301</c:v>
                </c:pt>
                <c:pt idx="7045">
                  <c:v>40.950483419278065</c:v>
                </c:pt>
                <c:pt idx="7046">
                  <c:v>40.846370444042385</c:v>
                </c:pt>
                <c:pt idx="7047">
                  <c:v>41.116391546010064</c:v>
                </c:pt>
                <c:pt idx="7048">
                  <c:v>40.750719778275119</c:v>
                </c:pt>
                <c:pt idx="7049">
                  <c:v>41.068300358669617</c:v>
                </c:pt>
                <c:pt idx="7050">
                  <c:v>41.420750934877745</c:v>
                </c:pt>
                <c:pt idx="7051">
                  <c:v>41.724910538176246</c:v>
                </c:pt>
                <c:pt idx="7052">
                  <c:v>41.610458767611817</c:v>
                </c:pt>
                <c:pt idx="7053">
                  <c:v>42.374262005451037</c:v>
                </c:pt>
                <c:pt idx="7054">
                  <c:v>42.959252353520291</c:v>
                </c:pt>
                <c:pt idx="7055">
                  <c:v>43.476151617581962</c:v>
                </c:pt>
                <c:pt idx="7056">
                  <c:v>43.940885645636989</c:v>
                </c:pt>
                <c:pt idx="7057">
                  <c:v>44.250752298477138</c:v>
                </c:pt>
                <c:pt idx="7058">
                  <c:v>44.973898055007879</c:v>
                </c:pt>
                <c:pt idx="7059">
                  <c:v>46.479059330046631</c:v>
                </c:pt>
                <c:pt idx="7060">
                  <c:v>49.103837665813181</c:v>
                </c:pt>
                <c:pt idx="7061">
                  <c:v>54.707981889513313</c:v>
                </c:pt>
                <c:pt idx="7062">
                  <c:v>60.197492837086763</c:v>
                </c:pt>
                <c:pt idx="7063">
                  <c:v>63.637276278566375</c:v>
                </c:pt>
                <c:pt idx="7064">
                  <c:v>66.110751507033385</c:v>
                </c:pt>
                <c:pt idx="7065">
                  <c:v>67.146443781109397</c:v>
                </c:pt>
                <c:pt idx="7066">
                  <c:v>68.459615811864026</c:v>
                </c:pt>
                <c:pt idx="7067">
                  <c:v>69.610774808776966</c:v>
                </c:pt>
                <c:pt idx="7068">
                  <c:v>68.915784558308673</c:v>
                </c:pt>
                <c:pt idx="7069">
                  <c:v>68.977323534729493</c:v>
                </c:pt>
                <c:pt idx="7070">
                  <c:v>68.542769268524381</c:v>
                </c:pt>
                <c:pt idx="7071">
                  <c:v>67.229918903127512</c:v>
                </c:pt>
                <c:pt idx="7072">
                  <c:v>66.286726759163002</c:v>
                </c:pt>
                <c:pt idx="7073">
                  <c:v>65.225366079879905</c:v>
                </c:pt>
                <c:pt idx="7074">
                  <c:v>64.593160494157885</c:v>
                </c:pt>
                <c:pt idx="7075">
                  <c:v>64.607069363069414</c:v>
                </c:pt>
                <c:pt idx="7076">
                  <c:v>63.129174581653658</c:v>
                </c:pt>
                <c:pt idx="7077">
                  <c:v>61.419893414435563</c:v>
                </c:pt>
                <c:pt idx="7078">
                  <c:v>61.184762549662587</c:v>
                </c:pt>
                <c:pt idx="7079">
                  <c:v>61.121464867898105</c:v>
                </c:pt>
                <c:pt idx="7080">
                  <c:v>60.739659013070529</c:v>
                </c:pt>
                <c:pt idx="7081">
                  <c:v>59.790183881664007</c:v>
                </c:pt>
                <c:pt idx="7082">
                  <c:v>60.004031640357226</c:v>
                </c:pt>
                <c:pt idx="7083">
                  <c:v>60.72750394606733</c:v>
                </c:pt>
                <c:pt idx="7084">
                  <c:v>61.313356651501543</c:v>
                </c:pt>
                <c:pt idx="7085">
                  <c:v>64.202097247629681</c:v>
                </c:pt>
                <c:pt idx="7086">
                  <c:v>68.174366679584352</c:v>
                </c:pt>
                <c:pt idx="7087">
                  <c:v>70.299471892271526</c:v>
                </c:pt>
                <c:pt idx="7088">
                  <c:v>70.969531822232682</c:v>
                </c:pt>
                <c:pt idx="7089">
                  <c:v>70.845846216070939</c:v>
                </c:pt>
                <c:pt idx="7090">
                  <c:v>70.677465757630827</c:v>
                </c:pt>
                <c:pt idx="7091">
                  <c:v>69.367273721051092</c:v>
                </c:pt>
                <c:pt idx="7092">
                  <c:v>70.012318540301294</c:v>
                </c:pt>
                <c:pt idx="7093">
                  <c:v>68.574532663462833</c:v>
                </c:pt>
                <c:pt idx="7094">
                  <c:v>67.299741390150828</c:v>
                </c:pt>
                <c:pt idx="7095">
                  <c:v>67.310836667868855</c:v>
                </c:pt>
                <c:pt idx="7096">
                  <c:v>68.541056302425517</c:v>
                </c:pt>
                <c:pt idx="7097">
                  <c:v>67.805500931756626</c:v>
                </c:pt>
                <c:pt idx="7098">
                  <c:v>66.584025318835089</c:v>
                </c:pt>
                <c:pt idx="7099">
                  <c:v>66.017420617294206</c:v>
                </c:pt>
                <c:pt idx="7100">
                  <c:v>63.792142457343026</c:v>
                </c:pt>
                <c:pt idx="7101">
                  <c:v>62.137683501600542</c:v>
                </c:pt>
                <c:pt idx="7102">
                  <c:v>61.221521780268418</c:v>
                </c:pt>
                <c:pt idx="7103">
                  <c:v>60.022969786365067</c:v>
                </c:pt>
                <c:pt idx="7104">
                  <c:v>59.20763644469087</c:v>
                </c:pt>
                <c:pt idx="7105">
                  <c:v>58.693125173249626</c:v>
                </c:pt>
                <c:pt idx="7106">
                  <c:v>59.001175750552754</c:v>
                </c:pt>
                <c:pt idx="7107">
                  <c:v>59.889877116042605</c:v>
                </c:pt>
                <c:pt idx="7108">
                  <c:v>61.066161001776706</c:v>
                </c:pt>
                <c:pt idx="7109">
                  <c:v>63.658900997178854</c:v>
                </c:pt>
                <c:pt idx="7110">
                  <c:v>67.106027489978032</c:v>
                </c:pt>
                <c:pt idx="7111">
                  <c:v>69.0173596919402</c:v>
                </c:pt>
                <c:pt idx="7112">
                  <c:v>69.997713638551289</c:v>
                </c:pt>
                <c:pt idx="7113">
                  <c:v>68.556684001944546</c:v>
                </c:pt>
                <c:pt idx="7114">
                  <c:v>68.024179260732765</c:v>
                </c:pt>
                <c:pt idx="7115">
                  <c:v>66.76805819010832</c:v>
                </c:pt>
                <c:pt idx="7116">
                  <c:v>69.287669645476413</c:v>
                </c:pt>
                <c:pt idx="7117">
                  <c:v>68.782158727655698</c:v>
                </c:pt>
                <c:pt idx="7118">
                  <c:v>69.020569676845909</c:v>
                </c:pt>
                <c:pt idx="7119">
                  <c:v>67.632605566586506</c:v>
                </c:pt>
                <c:pt idx="7120">
                  <c:v>67.319684406968122</c:v>
                </c:pt>
                <c:pt idx="7121">
                  <c:v>66.647049545817978</c:v>
                </c:pt>
                <c:pt idx="7122">
                  <c:v>66.038333180572806</c:v>
                </c:pt>
                <c:pt idx="7123">
                  <c:v>64.900019928950186</c:v>
                </c:pt>
                <c:pt idx="7124">
                  <c:v>63.082082439841486</c:v>
                </c:pt>
                <c:pt idx="7125">
                  <c:v>61.309096644953847</c:v>
                </c:pt>
                <c:pt idx="7126">
                  <c:v>61.138049011899248</c:v>
                </c:pt>
                <c:pt idx="7127">
                  <c:v>60.887115551875809</c:v>
                </c:pt>
                <c:pt idx="7128">
                  <c:v>60.302620607685014</c:v>
                </c:pt>
                <c:pt idx="7129">
                  <c:v>59.234987002809213</c:v>
                </c:pt>
                <c:pt idx="7130">
                  <c:v>59.840760855739134</c:v>
                </c:pt>
                <c:pt idx="7131">
                  <c:v>60.727251791808825</c:v>
                </c:pt>
                <c:pt idx="7132">
                  <c:v>61.839497871249428</c:v>
                </c:pt>
                <c:pt idx="7133">
                  <c:v>64.971586803285973</c:v>
                </c:pt>
                <c:pt idx="7134">
                  <c:v>68.521734492023555</c:v>
                </c:pt>
                <c:pt idx="7135">
                  <c:v>70.902872031384746</c:v>
                </c:pt>
                <c:pt idx="7136">
                  <c:v>71.868565902791474</c:v>
                </c:pt>
                <c:pt idx="7137">
                  <c:v>71.621925616152325</c:v>
                </c:pt>
                <c:pt idx="7138">
                  <c:v>70.993843211518509</c:v>
                </c:pt>
                <c:pt idx="7139">
                  <c:v>71.39448567201508</c:v>
                </c:pt>
                <c:pt idx="7140">
                  <c:v>70.962631531509871</c:v>
                </c:pt>
                <c:pt idx="7141">
                  <c:v>70.745044589556159</c:v>
                </c:pt>
                <c:pt idx="7142">
                  <c:v>70.486266005662628</c:v>
                </c:pt>
                <c:pt idx="7143">
                  <c:v>68.879069027118518</c:v>
                </c:pt>
                <c:pt idx="7144">
                  <c:v>67.99946594665964</c:v>
                </c:pt>
                <c:pt idx="7145">
                  <c:v>67.475467645834286</c:v>
                </c:pt>
                <c:pt idx="7146">
                  <c:v>66.275190113423875</c:v>
                </c:pt>
                <c:pt idx="7147">
                  <c:v>65.429503251765368</c:v>
                </c:pt>
                <c:pt idx="7148">
                  <c:v>63.224612595237438</c:v>
                </c:pt>
                <c:pt idx="7149">
                  <c:v>61.050369860951179</c:v>
                </c:pt>
                <c:pt idx="7150">
                  <c:v>60.784527662710808</c:v>
                </c:pt>
                <c:pt idx="7151">
                  <c:v>60.665930174869381</c:v>
                </c:pt>
                <c:pt idx="7152">
                  <c:v>59.826130966082673</c:v>
                </c:pt>
                <c:pt idx="7153">
                  <c:v>59.185026822057615</c:v>
                </c:pt>
                <c:pt idx="7154">
                  <c:v>58.880269489992145</c:v>
                </c:pt>
                <c:pt idx="7155">
                  <c:v>59.676232791074447</c:v>
                </c:pt>
                <c:pt idx="7156">
                  <c:v>60.640227406387496</c:v>
                </c:pt>
                <c:pt idx="7157">
                  <c:v>63.493152389005068</c:v>
                </c:pt>
                <c:pt idx="7158">
                  <c:v>66.506068738690729</c:v>
                </c:pt>
                <c:pt idx="7159">
                  <c:v>69.336415049158859</c:v>
                </c:pt>
                <c:pt idx="7160">
                  <c:v>69.876549908408265</c:v>
                </c:pt>
                <c:pt idx="7161">
                  <c:v>69.331493902618476</c:v>
                </c:pt>
                <c:pt idx="7162">
                  <c:v>69.299392366779514</c:v>
                </c:pt>
                <c:pt idx="7163">
                  <c:v>69.202372563798875</c:v>
                </c:pt>
                <c:pt idx="7164">
                  <c:v>67.723105781563504</c:v>
                </c:pt>
                <c:pt idx="7165">
                  <c:v>66.652671687473415</c:v>
                </c:pt>
                <c:pt idx="7166">
                  <c:v>66.685407551320651</c:v>
                </c:pt>
                <c:pt idx="7167">
                  <c:v>65.800258097089099</c:v>
                </c:pt>
                <c:pt idx="7168">
                  <c:v>64.788822784166726</c:v>
                </c:pt>
                <c:pt idx="7169">
                  <c:v>63.354633282938146</c:v>
                </c:pt>
                <c:pt idx="7170">
                  <c:v>61.904746119975215</c:v>
                </c:pt>
                <c:pt idx="7171">
                  <c:v>60.219513125634343</c:v>
                </c:pt>
                <c:pt idx="7172">
                  <c:v>58.102832524804768</c:v>
                </c:pt>
                <c:pt idx="7173">
                  <c:v>56.432179601217364</c:v>
                </c:pt>
                <c:pt idx="7174">
                  <c:v>55.689307912758352</c:v>
                </c:pt>
                <c:pt idx="7175">
                  <c:v>54.730584431585953</c:v>
                </c:pt>
                <c:pt idx="7176">
                  <c:v>53.68054603946301</c:v>
                </c:pt>
                <c:pt idx="7177">
                  <c:v>51.800858981192839</c:v>
                </c:pt>
                <c:pt idx="7178">
                  <c:v>51.860026656287133</c:v>
                </c:pt>
                <c:pt idx="7179">
                  <c:v>51.570333677862273</c:v>
                </c:pt>
                <c:pt idx="7180">
                  <c:v>49.85209313012929</c:v>
                </c:pt>
                <c:pt idx="7181">
                  <c:v>49.144672474957012</c:v>
                </c:pt>
                <c:pt idx="7182">
                  <c:v>49.785036278701902</c:v>
                </c:pt>
                <c:pt idx="7183">
                  <c:v>50.080784587873168</c:v>
                </c:pt>
                <c:pt idx="7184">
                  <c:v>49.103160697531258</c:v>
                </c:pt>
                <c:pt idx="7185">
                  <c:v>48.673783360667173</c:v>
                </c:pt>
                <c:pt idx="7186">
                  <c:v>48.448908599689503</c:v>
                </c:pt>
                <c:pt idx="7187">
                  <c:v>48.251981988300933</c:v>
                </c:pt>
                <c:pt idx="7188">
                  <c:v>47.589475996606097</c:v>
                </c:pt>
                <c:pt idx="7189">
                  <c:v>47.026797318825594</c:v>
                </c:pt>
                <c:pt idx="7190">
                  <c:v>46.710328425675826</c:v>
                </c:pt>
                <c:pt idx="7191">
                  <c:v>46.903368201559196</c:v>
                </c:pt>
                <c:pt idx="7192">
                  <c:v>46.320244316728449</c:v>
                </c:pt>
                <c:pt idx="7193">
                  <c:v>45.50724573598071</c:v>
                </c:pt>
                <c:pt idx="7194">
                  <c:v>44.847080605085878</c:v>
                </c:pt>
                <c:pt idx="7195">
                  <c:v>44.698253987607615</c:v>
                </c:pt>
                <c:pt idx="7196">
                  <c:v>44.091175801265649</c:v>
                </c:pt>
                <c:pt idx="7197">
                  <c:v>43.997402817796925</c:v>
                </c:pt>
                <c:pt idx="7198">
                  <c:v>43.679654245707979</c:v>
                </c:pt>
                <c:pt idx="7199">
                  <c:v>43.797983280271851</c:v>
                </c:pt>
                <c:pt idx="7200">
                  <c:v>42.993272505535941</c:v>
                </c:pt>
                <c:pt idx="7201">
                  <c:v>42.795707917983201</c:v>
                </c:pt>
                <c:pt idx="7202">
                  <c:v>42.777773250209179</c:v>
                </c:pt>
                <c:pt idx="7203">
                  <c:v>42.101788597405132</c:v>
                </c:pt>
                <c:pt idx="7204">
                  <c:v>42.017521511739673</c:v>
                </c:pt>
                <c:pt idx="7205">
                  <c:v>41.841353946876346</c:v>
                </c:pt>
                <c:pt idx="7206">
                  <c:v>42.434860247996561</c:v>
                </c:pt>
                <c:pt idx="7207">
                  <c:v>41.919193531053679</c:v>
                </c:pt>
                <c:pt idx="7208">
                  <c:v>41.328190335601732</c:v>
                </c:pt>
                <c:pt idx="7209">
                  <c:v>41.43551149127893</c:v>
                </c:pt>
                <c:pt idx="7210">
                  <c:v>41.866571922513835</c:v>
                </c:pt>
                <c:pt idx="7211">
                  <c:v>42.171091712558088</c:v>
                </c:pt>
                <c:pt idx="7212">
                  <c:v>41.677833577399852</c:v>
                </c:pt>
                <c:pt idx="7213">
                  <c:v>42.025153336172799</c:v>
                </c:pt>
                <c:pt idx="7214">
                  <c:v>42.197916308588965</c:v>
                </c:pt>
                <c:pt idx="7215">
                  <c:v>41.735403419056865</c:v>
                </c:pt>
                <c:pt idx="7216">
                  <c:v>41.792388202423815</c:v>
                </c:pt>
                <c:pt idx="7217">
                  <c:v>41.938710851229189</c:v>
                </c:pt>
                <c:pt idx="7218">
                  <c:v>42.034189877146076</c:v>
                </c:pt>
                <c:pt idx="7219">
                  <c:v>41.930398076924639</c:v>
                </c:pt>
                <c:pt idx="7220">
                  <c:v>42.344576941384894</c:v>
                </c:pt>
                <c:pt idx="7221">
                  <c:v>42.546506763207582</c:v>
                </c:pt>
                <c:pt idx="7222">
                  <c:v>42.844587813089937</c:v>
                </c:pt>
                <c:pt idx="7223">
                  <c:v>42.331900933412044</c:v>
                </c:pt>
                <c:pt idx="7224">
                  <c:v>42.129028161361283</c:v>
                </c:pt>
                <c:pt idx="7225">
                  <c:v>42.345349624724513</c:v>
                </c:pt>
                <c:pt idx="7226">
                  <c:v>43.536855029008478</c:v>
                </c:pt>
                <c:pt idx="7227">
                  <c:v>44.7515197702539</c:v>
                </c:pt>
                <c:pt idx="7228">
                  <c:v>47.291261475214</c:v>
                </c:pt>
                <c:pt idx="7229">
                  <c:v>52.927076752358431</c:v>
                </c:pt>
                <c:pt idx="7230">
                  <c:v>58.940747343393397</c:v>
                </c:pt>
                <c:pt idx="7231">
                  <c:v>62.176845748952644</c:v>
                </c:pt>
                <c:pt idx="7232">
                  <c:v>63.408382975810476</c:v>
                </c:pt>
                <c:pt idx="7233">
                  <c:v>64.465307419080034</c:v>
                </c:pt>
                <c:pt idx="7234">
                  <c:v>65.602287544318344</c:v>
                </c:pt>
                <c:pt idx="7235">
                  <c:v>66.702074465310204</c:v>
                </c:pt>
                <c:pt idx="7236">
                  <c:v>66.545293514650183</c:v>
                </c:pt>
                <c:pt idx="7237">
                  <c:v>66.521964871873578</c:v>
                </c:pt>
                <c:pt idx="7238">
                  <c:v>68.144077178851703</c:v>
                </c:pt>
                <c:pt idx="7239">
                  <c:v>67.850150809726131</c:v>
                </c:pt>
                <c:pt idx="7240">
                  <c:v>66.543847805390641</c:v>
                </c:pt>
                <c:pt idx="7241">
                  <c:v>65.580688441252036</c:v>
                </c:pt>
                <c:pt idx="7242">
                  <c:v>65.276745707091408</c:v>
                </c:pt>
                <c:pt idx="7243">
                  <c:v>64.068615421065545</c:v>
                </c:pt>
                <c:pt idx="7244">
                  <c:v>62.632188129247645</c:v>
                </c:pt>
                <c:pt idx="7245">
                  <c:v>60.479713862684058</c:v>
                </c:pt>
                <c:pt idx="7246">
                  <c:v>60.083158729356555</c:v>
                </c:pt>
                <c:pt idx="7247">
                  <c:v>59.573120705058727</c:v>
                </c:pt>
                <c:pt idx="7248">
                  <c:v>58.574693519591129</c:v>
                </c:pt>
                <c:pt idx="7249">
                  <c:v>58.408897681528231</c:v>
                </c:pt>
                <c:pt idx="7250">
                  <c:v>58.883238127810827</c:v>
                </c:pt>
                <c:pt idx="7251">
                  <c:v>59.099151527285734</c:v>
                </c:pt>
                <c:pt idx="7252">
                  <c:v>61.259177966878909</c:v>
                </c:pt>
                <c:pt idx="7253">
                  <c:v>64.972564685587358</c:v>
                </c:pt>
                <c:pt idx="7254">
                  <c:v>68.390441343240468</c:v>
                </c:pt>
                <c:pt idx="7255">
                  <c:v>69.333784650309383</c:v>
                </c:pt>
                <c:pt idx="7256">
                  <c:v>70.109062907512481</c:v>
                </c:pt>
                <c:pt idx="7257">
                  <c:v>70.310737240740622</c:v>
                </c:pt>
                <c:pt idx="7258">
                  <c:v>71.545341252578737</c:v>
                </c:pt>
                <c:pt idx="7259">
                  <c:v>71.986830310077679</c:v>
                </c:pt>
                <c:pt idx="7260">
                  <c:v>70.997934657573254</c:v>
                </c:pt>
                <c:pt idx="7261">
                  <c:v>70.351268076121357</c:v>
                </c:pt>
                <c:pt idx="7262">
                  <c:v>70.461272980024447</c:v>
                </c:pt>
                <c:pt idx="7263">
                  <c:v>69.230207169439424</c:v>
                </c:pt>
                <c:pt idx="7264">
                  <c:v>68.410098195571763</c:v>
                </c:pt>
                <c:pt idx="7265">
                  <c:v>67.486809017164745</c:v>
                </c:pt>
                <c:pt idx="7266">
                  <c:v>66.400809830617959</c:v>
                </c:pt>
                <c:pt idx="7267">
                  <c:v>65.027639992781076</c:v>
                </c:pt>
                <c:pt idx="7268">
                  <c:v>63.271248305675179</c:v>
                </c:pt>
                <c:pt idx="7269">
                  <c:v>61.310956753340157</c:v>
                </c:pt>
                <c:pt idx="7270">
                  <c:v>61.496265773079145</c:v>
                </c:pt>
                <c:pt idx="7271">
                  <c:v>60.653723229520374</c:v>
                </c:pt>
                <c:pt idx="7272">
                  <c:v>60.054219418963179</c:v>
                </c:pt>
                <c:pt idx="7273">
                  <c:v>59.941724374074838</c:v>
                </c:pt>
                <c:pt idx="7274">
                  <c:v>60.28046545505206</c:v>
                </c:pt>
                <c:pt idx="7275">
                  <c:v>60.523168557712012</c:v>
                </c:pt>
                <c:pt idx="7276">
                  <c:v>61.898582933265239</c:v>
                </c:pt>
                <c:pt idx="7277">
                  <c:v>64.460567660419443</c:v>
                </c:pt>
                <c:pt idx="7278">
                  <c:v>68.285377081936616</c:v>
                </c:pt>
                <c:pt idx="7279">
                  <c:v>69.535752856223837</c:v>
                </c:pt>
                <c:pt idx="7280">
                  <c:v>69.959193721613943</c:v>
                </c:pt>
                <c:pt idx="7281">
                  <c:v>70.005596538487154</c:v>
                </c:pt>
                <c:pt idx="7282">
                  <c:v>70.833806536707982</c:v>
                </c:pt>
                <c:pt idx="7283">
                  <c:v>70.87551990416712</c:v>
                </c:pt>
                <c:pt idx="7284">
                  <c:v>69.48690444117193</c:v>
                </c:pt>
                <c:pt idx="7285">
                  <c:v>68.906782733657522</c:v>
                </c:pt>
                <c:pt idx="7286">
                  <c:v>69.458870795284369</c:v>
                </c:pt>
                <c:pt idx="7287">
                  <c:v>68.362983262592167</c:v>
                </c:pt>
                <c:pt idx="7288">
                  <c:v>67.421850600694569</c:v>
                </c:pt>
                <c:pt idx="7289">
                  <c:v>66.177494617054478</c:v>
                </c:pt>
                <c:pt idx="7290">
                  <c:v>65.380840774981252</c:v>
                </c:pt>
                <c:pt idx="7291">
                  <c:v>64.422327396205958</c:v>
                </c:pt>
                <c:pt idx="7292">
                  <c:v>62.889505254047329</c:v>
                </c:pt>
                <c:pt idx="7293">
                  <c:v>61.043115385287457</c:v>
                </c:pt>
                <c:pt idx="7294">
                  <c:v>60.668523072245449</c:v>
                </c:pt>
                <c:pt idx="7295">
                  <c:v>59.811572490058381</c:v>
                </c:pt>
                <c:pt idx="7296">
                  <c:v>59.207674279597896</c:v>
                </c:pt>
                <c:pt idx="7297">
                  <c:v>58.744578606969725</c:v>
                </c:pt>
                <c:pt idx="7298">
                  <c:v>58.685320022184392</c:v>
                </c:pt>
                <c:pt idx="7299">
                  <c:v>58.791812359994303</c:v>
                </c:pt>
                <c:pt idx="7300">
                  <c:v>60.299459460995195</c:v>
                </c:pt>
                <c:pt idx="7301">
                  <c:v>63.116683864695126</c:v>
                </c:pt>
                <c:pt idx="7302">
                  <c:v>66.704016637590243</c:v>
                </c:pt>
                <c:pt idx="7303">
                  <c:v>67.713845232050502</c:v>
                </c:pt>
                <c:pt idx="7304">
                  <c:v>68.098510378088861</c:v>
                </c:pt>
                <c:pt idx="7305">
                  <c:v>68.257579252061049</c:v>
                </c:pt>
                <c:pt idx="7306">
                  <c:v>69.06769932013151</c:v>
                </c:pt>
                <c:pt idx="7307">
                  <c:v>69.367828417269592</c:v>
                </c:pt>
                <c:pt idx="7308">
                  <c:v>67.979387183138627</c:v>
                </c:pt>
                <c:pt idx="7309">
                  <c:v>67.550706702890196</c:v>
                </c:pt>
                <c:pt idx="7310">
                  <c:v>67.261822595157696</c:v>
                </c:pt>
                <c:pt idx="7311">
                  <c:v>66.590682458006668</c:v>
                </c:pt>
                <c:pt idx="7312">
                  <c:v>65.704176125150042</c:v>
                </c:pt>
                <c:pt idx="7313">
                  <c:v>65.810497176156929</c:v>
                </c:pt>
                <c:pt idx="7314">
                  <c:v>65.57056677003979</c:v>
                </c:pt>
                <c:pt idx="7315">
                  <c:v>64.195430811544711</c:v>
                </c:pt>
                <c:pt idx="7316">
                  <c:v>62.922098957497433</c:v>
                </c:pt>
                <c:pt idx="7317">
                  <c:v>60.797614539337005</c:v>
                </c:pt>
                <c:pt idx="7318">
                  <c:v>60.335386519783967</c:v>
                </c:pt>
                <c:pt idx="7319">
                  <c:v>59.086661947924192</c:v>
                </c:pt>
                <c:pt idx="7320">
                  <c:v>57.868711983461317</c:v>
                </c:pt>
                <c:pt idx="7321">
                  <c:v>57.458560330052947</c:v>
                </c:pt>
                <c:pt idx="7322">
                  <c:v>57.729069892634655</c:v>
                </c:pt>
                <c:pt idx="7323">
                  <c:v>58.317636963344981</c:v>
                </c:pt>
                <c:pt idx="7324">
                  <c:v>59.24343079690582</c:v>
                </c:pt>
                <c:pt idx="7325">
                  <c:v>62.203729460799877</c:v>
                </c:pt>
                <c:pt idx="7326">
                  <c:v>66.045511064576644</c:v>
                </c:pt>
                <c:pt idx="7327">
                  <c:v>67.353594368984986</c:v>
                </c:pt>
                <c:pt idx="7328">
                  <c:v>67.579278687135982</c:v>
                </c:pt>
                <c:pt idx="7329">
                  <c:v>66.922605841725797</c:v>
                </c:pt>
                <c:pt idx="7330">
                  <c:v>67.631204870863314</c:v>
                </c:pt>
                <c:pt idx="7331">
                  <c:v>67.516001992074706</c:v>
                </c:pt>
                <c:pt idx="7332">
                  <c:v>66.182267130663092</c:v>
                </c:pt>
                <c:pt idx="7333">
                  <c:v>64.972643728964911</c:v>
                </c:pt>
                <c:pt idx="7334">
                  <c:v>64.744004836047779</c:v>
                </c:pt>
                <c:pt idx="7335">
                  <c:v>63.584276301342562</c:v>
                </c:pt>
                <c:pt idx="7336">
                  <c:v>63.238241713356388</c:v>
                </c:pt>
                <c:pt idx="7337">
                  <c:v>62.238242466907622</c:v>
                </c:pt>
                <c:pt idx="7338">
                  <c:v>61.294087719746223</c:v>
                </c:pt>
                <c:pt idx="7339">
                  <c:v>59.504794903408666</c:v>
                </c:pt>
                <c:pt idx="7340">
                  <c:v>57.508724572169307</c:v>
                </c:pt>
                <c:pt idx="7341">
                  <c:v>55.885492889359845</c:v>
                </c:pt>
                <c:pt idx="7342">
                  <c:v>55.399732224506636</c:v>
                </c:pt>
                <c:pt idx="7343">
                  <c:v>54.450078176551735</c:v>
                </c:pt>
                <c:pt idx="7344">
                  <c:v>53.785084495589324</c:v>
                </c:pt>
                <c:pt idx="7345">
                  <c:v>52.83998079639499</c:v>
                </c:pt>
                <c:pt idx="7346">
                  <c:v>52.227869331753467</c:v>
                </c:pt>
                <c:pt idx="7347">
                  <c:v>51.18093916844623</c:v>
                </c:pt>
                <c:pt idx="7348">
                  <c:v>50.122651805519276</c:v>
                </c:pt>
                <c:pt idx="7349">
                  <c:v>49.415362856620021</c:v>
                </c:pt>
                <c:pt idx="7350">
                  <c:v>49.694739281698794</c:v>
                </c:pt>
                <c:pt idx="7351">
                  <c:v>49.520009325619824</c:v>
                </c:pt>
                <c:pt idx="7352">
                  <c:v>48.747352170352819</c:v>
                </c:pt>
                <c:pt idx="7353">
                  <c:v>48.096071868142111</c:v>
                </c:pt>
                <c:pt idx="7354">
                  <c:v>48.442814767168862</c:v>
                </c:pt>
                <c:pt idx="7355">
                  <c:v>48.425130233437997</c:v>
                </c:pt>
                <c:pt idx="7356">
                  <c:v>47.613512950423271</c:v>
                </c:pt>
                <c:pt idx="7357">
                  <c:v>46.783143283144838</c:v>
                </c:pt>
                <c:pt idx="7358">
                  <c:v>46.620413641649989</c:v>
                </c:pt>
                <c:pt idx="7359">
                  <c:v>43.200595125536722</c:v>
                </c:pt>
                <c:pt idx="7360">
                  <c:v>40.835510491992814</c:v>
                </c:pt>
                <c:pt idx="7361">
                  <c:v>40.27401630766483</c:v>
                </c:pt>
                <c:pt idx="7362">
                  <c:v>39.735317939216536</c:v>
                </c:pt>
                <c:pt idx="7363">
                  <c:v>38.881590090867064</c:v>
                </c:pt>
                <c:pt idx="7364">
                  <c:v>38.545936153933631</c:v>
                </c:pt>
                <c:pt idx="7365">
                  <c:v>38.318545812948202</c:v>
                </c:pt>
                <c:pt idx="7366">
                  <c:v>38.482227093558549</c:v>
                </c:pt>
                <c:pt idx="7367">
                  <c:v>38.256071496430934</c:v>
                </c:pt>
                <c:pt idx="7368">
                  <c:v>37.484139853455645</c:v>
                </c:pt>
                <c:pt idx="7369">
                  <c:v>37.070222145961161</c:v>
                </c:pt>
                <c:pt idx="7370">
                  <c:v>37.239532550718863</c:v>
                </c:pt>
                <c:pt idx="7371">
                  <c:v>37.084791487998146</c:v>
                </c:pt>
                <c:pt idx="7372">
                  <c:v>36.977328132696321</c:v>
                </c:pt>
                <c:pt idx="7373">
                  <c:v>37.28468634493057</c:v>
                </c:pt>
                <c:pt idx="7374">
                  <c:v>37.413694904737547</c:v>
                </c:pt>
                <c:pt idx="7375">
                  <c:v>37.071603835969015</c:v>
                </c:pt>
                <c:pt idx="7376">
                  <c:v>36.736635948479744</c:v>
                </c:pt>
                <c:pt idx="7377">
                  <c:v>36.40000560027552</c:v>
                </c:pt>
                <c:pt idx="7378">
                  <c:v>36.963870203311679</c:v>
                </c:pt>
                <c:pt idx="7379">
                  <c:v>37.086550938663969</c:v>
                </c:pt>
                <c:pt idx="7380">
                  <c:v>36.976006048848376</c:v>
                </c:pt>
                <c:pt idx="7381">
                  <c:v>37.102218807125247</c:v>
                </c:pt>
                <c:pt idx="7382">
                  <c:v>37.276515162224676</c:v>
                </c:pt>
                <c:pt idx="7383">
                  <c:v>37.163801502575495</c:v>
                </c:pt>
                <c:pt idx="7384">
                  <c:v>36.713008823787611</c:v>
                </c:pt>
                <c:pt idx="7385">
                  <c:v>36.413172108691519</c:v>
                </c:pt>
                <c:pt idx="7386">
                  <c:v>36.81752462604269</c:v>
                </c:pt>
                <c:pt idx="7387">
                  <c:v>36.372057489913892</c:v>
                </c:pt>
                <c:pt idx="7388">
                  <c:v>36.608536897471879</c:v>
                </c:pt>
                <c:pt idx="7389">
                  <c:v>37.32108523188073</c:v>
                </c:pt>
                <c:pt idx="7390">
                  <c:v>38.131940874092194</c:v>
                </c:pt>
                <c:pt idx="7391">
                  <c:v>38.524443514255253</c:v>
                </c:pt>
                <c:pt idx="7392">
                  <c:v>38.551244730706465</c:v>
                </c:pt>
                <c:pt idx="7393">
                  <c:v>38.66028605072561</c:v>
                </c:pt>
                <c:pt idx="7394">
                  <c:v>39.32523846437627</c:v>
                </c:pt>
                <c:pt idx="7395">
                  <c:v>40.595761179549349</c:v>
                </c:pt>
                <c:pt idx="7396">
                  <c:v>43.762588950311276</c:v>
                </c:pt>
                <c:pt idx="7397">
                  <c:v>49.718290226619615</c:v>
                </c:pt>
                <c:pt idx="7398">
                  <c:v>55.215295212093345</c:v>
                </c:pt>
                <c:pt idx="7399">
                  <c:v>58.34976778249974</c:v>
                </c:pt>
                <c:pt idx="7400">
                  <c:v>60.161247153070121</c:v>
                </c:pt>
                <c:pt idx="7401">
                  <c:v>61.095148816952374</c:v>
                </c:pt>
                <c:pt idx="7402">
                  <c:v>62.920266582941352</c:v>
                </c:pt>
                <c:pt idx="7403">
                  <c:v>63.840390456545393</c:v>
                </c:pt>
                <c:pt idx="7404">
                  <c:v>63.114934063990042</c:v>
                </c:pt>
                <c:pt idx="7405">
                  <c:v>63.124062809161309</c:v>
                </c:pt>
                <c:pt idx="7406">
                  <c:v>63.653809779887418</c:v>
                </c:pt>
                <c:pt idx="7407">
                  <c:v>62.74269459574397</c:v>
                </c:pt>
                <c:pt idx="7408">
                  <c:v>61.540468281222708</c:v>
                </c:pt>
                <c:pt idx="7409">
                  <c:v>60.542698862184281</c:v>
                </c:pt>
                <c:pt idx="7410">
                  <c:v>60.056640244986575</c:v>
                </c:pt>
                <c:pt idx="7411">
                  <c:v>58.498692390229671</c:v>
                </c:pt>
                <c:pt idx="7412">
                  <c:v>56.927773399534139</c:v>
                </c:pt>
                <c:pt idx="7413">
                  <c:v>54.735086255950492</c:v>
                </c:pt>
                <c:pt idx="7414">
                  <c:v>55.284337327190457</c:v>
                </c:pt>
                <c:pt idx="7415">
                  <c:v>54.815641127249783</c:v>
                </c:pt>
                <c:pt idx="7416">
                  <c:v>54.378515460329105</c:v>
                </c:pt>
                <c:pt idx="7417">
                  <c:v>53.691129849648433</c:v>
                </c:pt>
                <c:pt idx="7418">
                  <c:v>54.15436499559118</c:v>
                </c:pt>
                <c:pt idx="7419">
                  <c:v>54.330674916989068</c:v>
                </c:pt>
                <c:pt idx="7420">
                  <c:v>56.513903667250958</c:v>
                </c:pt>
                <c:pt idx="7421">
                  <c:v>59.761528676313773</c:v>
                </c:pt>
                <c:pt idx="7422">
                  <c:v>63.196490256011593</c:v>
                </c:pt>
                <c:pt idx="7423">
                  <c:v>64.960356033842857</c:v>
                </c:pt>
                <c:pt idx="7424">
                  <c:v>66.095828078124214</c:v>
                </c:pt>
                <c:pt idx="7425">
                  <c:v>66.767690863960723</c:v>
                </c:pt>
                <c:pt idx="7426">
                  <c:v>67.775497281690093</c:v>
                </c:pt>
                <c:pt idx="7427">
                  <c:v>68.566663277394753</c:v>
                </c:pt>
                <c:pt idx="7428">
                  <c:v>67.384596044665244</c:v>
                </c:pt>
                <c:pt idx="7429">
                  <c:v>66.776678821696748</c:v>
                </c:pt>
                <c:pt idx="7430">
                  <c:v>66.704075145380628</c:v>
                </c:pt>
                <c:pt idx="7431">
                  <c:v>66.418016416700155</c:v>
                </c:pt>
                <c:pt idx="7432">
                  <c:v>65.47983430875172</c:v>
                </c:pt>
                <c:pt idx="7433">
                  <c:v>64.570167873997732</c:v>
                </c:pt>
                <c:pt idx="7434">
                  <c:v>63.940108737671665</c:v>
                </c:pt>
                <c:pt idx="7435">
                  <c:v>62.12870468386798</c:v>
                </c:pt>
                <c:pt idx="7436">
                  <c:v>59.972429725351112</c:v>
                </c:pt>
                <c:pt idx="7437">
                  <c:v>57.410645509474506</c:v>
                </c:pt>
                <c:pt idx="7438">
                  <c:v>57.153853699508794</c:v>
                </c:pt>
                <c:pt idx="7439">
                  <c:v>55.139300810245174</c:v>
                </c:pt>
                <c:pt idx="7440">
                  <c:v>53.810568335490522</c:v>
                </c:pt>
                <c:pt idx="7441">
                  <c:v>53.86921748210532</c:v>
                </c:pt>
                <c:pt idx="7442">
                  <c:v>54.211487977379512</c:v>
                </c:pt>
                <c:pt idx="7443">
                  <c:v>54.503892516315474</c:v>
                </c:pt>
                <c:pt idx="7444">
                  <c:v>55.570428575454052</c:v>
                </c:pt>
                <c:pt idx="7445">
                  <c:v>58.657661959829518</c:v>
                </c:pt>
                <c:pt idx="7446">
                  <c:v>62.144865681013727</c:v>
                </c:pt>
                <c:pt idx="7447">
                  <c:v>64.102554882149377</c:v>
                </c:pt>
                <c:pt idx="7448">
                  <c:v>64.098977767233478</c:v>
                </c:pt>
                <c:pt idx="7449">
                  <c:v>64.643251694701561</c:v>
                </c:pt>
                <c:pt idx="7450">
                  <c:v>65.139474427247748</c:v>
                </c:pt>
                <c:pt idx="7451">
                  <c:v>65.394075088101019</c:v>
                </c:pt>
                <c:pt idx="7452">
                  <c:v>64.316237179320751</c:v>
                </c:pt>
                <c:pt idx="7453">
                  <c:v>63.910116875463686</c:v>
                </c:pt>
                <c:pt idx="7454">
                  <c:v>64.936062767654008</c:v>
                </c:pt>
                <c:pt idx="7455">
                  <c:v>63.59713175543483</c:v>
                </c:pt>
                <c:pt idx="7456">
                  <c:v>62.541601986469885</c:v>
                </c:pt>
                <c:pt idx="7457">
                  <c:v>61.483636504651862</c:v>
                </c:pt>
                <c:pt idx="7458">
                  <c:v>60.918155768557774</c:v>
                </c:pt>
                <c:pt idx="7459">
                  <c:v>59.980235700193482</c:v>
                </c:pt>
                <c:pt idx="7460">
                  <c:v>58.963542237427234</c:v>
                </c:pt>
                <c:pt idx="7461">
                  <c:v>56.563736123319018</c:v>
                </c:pt>
                <c:pt idx="7462">
                  <c:v>56.723083120143237</c:v>
                </c:pt>
                <c:pt idx="7463">
                  <c:v>55.871625895786075</c:v>
                </c:pt>
                <c:pt idx="7464">
                  <c:v>55.173426170369297</c:v>
                </c:pt>
                <c:pt idx="7465">
                  <c:v>54.511341776044318</c:v>
                </c:pt>
                <c:pt idx="7466">
                  <c:v>55.15918934008905</c:v>
                </c:pt>
                <c:pt idx="7467">
                  <c:v>55.29646762203835</c:v>
                </c:pt>
                <c:pt idx="7468">
                  <c:v>56.64977087780791</c:v>
                </c:pt>
                <c:pt idx="7469">
                  <c:v>59.817056041017615</c:v>
                </c:pt>
                <c:pt idx="7470">
                  <c:v>63.95983123719521</c:v>
                </c:pt>
                <c:pt idx="7471">
                  <c:v>65.917528440737314</c:v>
                </c:pt>
                <c:pt idx="7472">
                  <c:v>65.683924329203023</c:v>
                </c:pt>
                <c:pt idx="7473">
                  <c:v>64.790421147175024</c:v>
                </c:pt>
                <c:pt idx="7474">
                  <c:v>65.945894049196838</c:v>
                </c:pt>
                <c:pt idx="7475">
                  <c:v>66.267293405414122</c:v>
                </c:pt>
                <c:pt idx="7476">
                  <c:v>66.313738686037297</c:v>
                </c:pt>
                <c:pt idx="7477">
                  <c:v>65.777193062995934</c:v>
                </c:pt>
                <c:pt idx="7478">
                  <c:v>66.31849062483127</c:v>
                </c:pt>
                <c:pt idx="7479">
                  <c:v>65.525690255289234</c:v>
                </c:pt>
                <c:pt idx="7480">
                  <c:v>64.238885467345185</c:v>
                </c:pt>
                <c:pt idx="7481">
                  <c:v>63.451730501355819</c:v>
                </c:pt>
                <c:pt idx="7482">
                  <c:v>62.678910022464784</c:v>
                </c:pt>
                <c:pt idx="7483">
                  <c:v>61.432138783103831</c:v>
                </c:pt>
                <c:pt idx="7484">
                  <c:v>59.760316488258489</c:v>
                </c:pt>
                <c:pt idx="7485">
                  <c:v>57.589105351900571</c:v>
                </c:pt>
                <c:pt idx="7486">
                  <c:v>57.250532086094161</c:v>
                </c:pt>
                <c:pt idx="7487">
                  <c:v>56.907645954707156</c:v>
                </c:pt>
                <c:pt idx="7488">
                  <c:v>56.143227041527645</c:v>
                </c:pt>
                <c:pt idx="7489">
                  <c:v>55.709011759613901</c:v>
                </c:pt>
                <c:pt idx="7490">
                  <c:v>55.439807236538911</c:v>
                </c:pt>
                <c:pt idx="7491">
                  <c:v>55.564564792505443</c:v>
                </c:pt>
                <c:pt idx="7492">
                  <c:v>56.710046748900957</c:v>
                </c:pt>
                <c:pt idx="7493">
                  <c:v>59.603948210715991</c:v>
                </c:pt>
                <c:pt idx="7494">
                  <c:v>63.082233642173378</c:v>
                </c:pt>
                <c:pt idx="7495">
                  <c:v>64.920702893772813</c:v>
                </c:pt>
                <c:pt idx="7496">
                  <c:v>65.426403633382094</c:v>
                </c:pt>
                <c:pt idx="7497">
                  <c:v>64.52670772634967</c:v>
                </c:pt>
                <c:pt idx="7498">
                  <c:v>65.348931630330981</c:v>
                </c:pt>
                <c:pt idx="7499">
                  <c:v>66.28453227571454</c:v>
                </c:pt>
                <c:pt idx="7500">
                  <c:v>65.518941402263209</c:v>
                </c:pt>
                <c:pt idx="7501">
                  <c:v>64.222363773496426</c:v>
                </c:pt>
                <c:pt idx="7502">
                  <c:v>64.317545494322275</c:v>
                </c:pt>
                <c:pt idx="7503">
                  <c:v>63.014074518097111</c:v>
                </c:pt>
                <c:pt idx="7504">
                  <c:v>62.138013071296072</c:v>
                </c:pt>
                <c:pt idx="7505">
                  <c:v>60.750082598603036</c:v>
                </c:pt>
                <c:pt idx="7506">
                  <c:v>59.149485702856957</c:v>
                </c:pt>
                <c:pt idx="7507">
                  <c:v>57.270404395373951</c:v>
                </c:pt>
                <c:pt idx="7508">
                  <c:v>55.559881442964915</c:v>
                </c:pt>
                <c:pt idx="7509">
                  <c:v>53.774764215632381</c:v>
                </c:pt>
                <c:pt idx="7510">
                  <c:v>53.097920539799397</c:v>
                </c:pt>
                <c:pt idx="7511">
                  <c:v>51.899915357390526</c:v>
                </c:pt>
                <c:pt idx="7512">
                  <c:v>55.001077753989854</c:v>
                </c:pt>
                <c:pt idx="7513">
                  <c:v>53.816529677188491</c:v>
                </c:pt>
                <c:pt idx="7514">
                  <c:v>53.122626165285915</c:v>
                </c:pt>
                <c:pt idx="7515">
                  <c:v>52.212787266904428</c:v>
                </c:pt>
                <c:pt idx="7516">
                  <c:v>51.539903899651648</c:v>
                </c:pt>
                <c:pt idx="7517">
                  <c:v>51.786386021080752</c:v>
                </c:pt>
                <c:pt idx="7518">
                  <c:v>52.278704932621743</c:v>
                </c:pt>
                <c:pt idx="7519">
                  <c:v>52.194665111377049</c:v>
                </c:pt>
                <c:pt idx="7520">
                  <c:v>51.228002497672406</c:v>
                </c:pt>
                <c:pt idx="7521">
                  <c:v>50.408699138616043</c:v>
                </c:pt>
                <c:pt idx="7522">
                  <c:v>50.624284910155808</c:v>
                </c:pt>
                <c:pt idx="7523">
                  <c:v>50.002795664669371</c:v>
                </c:pt>
                <c:pt idx="7524">
                  <c:v>48.819800898112454</c:v>
                </c:pt>
                <c:pt idx="7525">
                  <c:v>48.58604772214408</c:v>
                </c:pt>
                <c:pt idx="7526">
                  <c:v>48.914905438866178</c:v>
                </c:pt>
                <c:pt idx="7527">
                  <c:v>48.175322504098062</c:v>
                </c:pt>
                <c:pt idx="7528">
                  <c:v>47.593650193035494</c:v>
                </c:pt>
                <c:pt idx="7529">
                  <c:v>47.074971668429285</c:v>
                </c:pt>
                <c:pt idx="7530">
                  <c:v>46.447174329911938</c:v>
                </c:pt>
                <c:pt idx="7531">
                  <c:v>45.508130590306969</c:v>
                </c:pt>
                <c:pt idx="7532">
                  <c:v>45.068520097724949</c:v>
                </c:pt>
                <c:pt idx="7533">
                  <c:v>44.438257743424984</c:v>
                </c:pt>
                <c:pt idx="7534">
                  <c:v>44.444093027607444</c:v>
                </c:pt>
                <c:pt idx="7535">
                  <c:v>44.292893225883482</c:v>
                </c:pt>
                <c:pt idx="7536">
                  <c:v>43.835313427660246</c:v>
                </c:pt>
                <c:pt idx="7537">
                  <c:v>43.512154130433615</c:v>
                </c:pt>
                <c:pt idx="7538">
                  <c:v>43.70868511304586</c:v>
                </c:pt>
                <c:pt idx="7539">
                  <c:v>43.149180036680903</c:v>
                </c:pt>
                <c:pt idx="7540">
                  <c:v>43.350989704724213</c:v>
                </c:pt>
                <c:pt idx="7541">
                  <c:v>43.50954177622615</c:v>
                </c:pt>
                <c:pt idx="7542">
                  <c:v>44.121933972347307</c:v>
                </c:pt>
                <c:pt idx="7543">
                  <c:v>43.754795312512201</c:v>
                </c:pt>
                <c:pt idx="7544">
                  <c:v>43.1040030394132</c:v>
                </c:pt>
                <c:pt idx="7545">
                  <c:v>42.65173638796454</c:v>
                </c:pt>
                <c:pt idx="7546">
                  <c:v>42.912151777799345</c:v>
                </c:pt>
                <c:pt idx="7547">
                  <c:v>43.1545925270553</c:v>
                </c:pt>
                <c:pt idx="7548">
                  <c:v>43.031606523432991</c:v>
                </c:pt>
                <c:pt idx="7549">
                  <c:v>43.115363789120103</c:v>
                </c:pt>
                <c:pt idx="7550">
                  <c:v>43.356733922305686</c:v>
                </c:pt>
                <c:pt idx="7551">
                  <c:v>42.969085624280062</c:v>
                </c:pt>
                <c:pt idx="7552">
                  <c:v>42.464054321276038</c:v>
                </c:pt>
                <c:pt idx="7553">
                  <c:v>42.477482045499031</c:v>
                </c:pt>
                <c:pt idx="7554">
                  <c:v>43.186377379426773</c:v>
                </c:pt>
                <c:pt idx="7555">
                  <c:v>43.198509576807588</c:v>
                </c:pt>
                <c:pt idx="7556">
                  <c:v>43.703396758040327</c:v>
                </c:pt>
                <c:pt idx="7557">
                  <c:v>44.288506985296593</c:v>
                </c:pt>
                <c:pt idx="7558">
                  <c:v>44.797532391357137</c:v>
                </c:pt>
                <c:pt idx="7559">
                  <c:v>44.022432638813868</c:v>
                </c:pt>
                <c:pt idx="7560">
                  <c:v>43.805798042070343</c:v>
                </c:pt>
                <c:pt idx="7561">
                  <c:v>43.9571922355846</c:v>
                </c:pt>
                <c:pt idx="7562">
                  <c:v>44.601750555594911</c:v>
                </c:pt>
                <c:pt idx="7563">
                  <c:v>46.053135286549448</c:v>
                </c:pt>
                <c:pt idx="7564">
                  <c:v>49.157088463561088</c:v>
                </c:pt>
                <c:pt idx="7565">
                  <c:v>54.887855549255519</c:v>
                </c:pt>
                <c:pt idx="7566">
                  <c:v>61.057364454542302</c:v>
                </c:pt>
                <c:pt idx="7567">
                  <c:v>64.405812194505572</c:v>
                </c:pt>
                <c:pt idx="7568">
                  <c:v>66.07623247950707</c:v>
                </c:pt>
                <c:pt idx="7569">
                  <c:v>66.687624296365541</c:v>
                </c:pt>
                <c:pt idx="7570">
                  <c:v>68.472161800345646</c:v>
                </c:pt>
                <c:pt idx="7571">
                  <c:v>69.660583767582935</c:v>
                </c:pt>
                <c:pt idx="7572">
                  <c:v>69.096049649486545</c:v>
                </c:pt>
                <c:pt idx="7573">
                  <c:v>69.877618366967098</c:v>
                </c:pt>
                <c:pt idx="7574">
                  <c:v>70.382071044988209</c:v>
                </c:pt>
                <c:pt idx="7575">
                  <c:v>69.706595917956378</c:v>
                </c:pt>
                <c:pt idx="7576">
                  <c:v>68.305927575550314</c:v>
                </c:pt>
                <c:pt idx="7577">
                  <c:v>67.387232092272228</c:v>
                </c:pt>
                <c:pt idx="7578">
                  <c:v>67.124992604880177</c:v>
                </c:pt>
                <c:pt idx="7579">
                  <c:v>65.771999422747285</c:v>
                </c:pt>
                <c:pt idx="7580">
                  <c:v>63.976914570526894</c:v>
                </c:pt>
                <c:pt idx="7581">
                  <c:v>61.719982224948957</c:v>
                </c:pt>
                <c:pt idx="7582">
                  <c:v>61.219139338336788</c:v>
                </c:pt>
                <c:pt idx="7583">
                  <c:v>60.445159157762262</c:v>
                </c:pt>
                <c:pt idx="7584">
                  <c:v>59.759299300019485</c:v>
                </c:pt>
                <c:pt idx="7585">
                  <c:v>59.679872944554972</c:v>
                </c:pt>
                <c:pt idx="7586">
                  <c:v>59.924041880173071</c:v>
                </c:pt>
                <c:pt idx="7587">
                  <c:v>60.176142612784162</c:v>
                </c:pt>
                <c:pt idx="7588">
                  <c:v>61.898397779547103</c:v>
                </c:pt>
                <c:pt idx="7589">
                  <c:v>65.87043420025482</c:v>
                </c:pt>
                <c:pt idx="7590">
                  <c:v>69.788250708255589</c:v>
                </c:pt>
                <c:pt idx="7591">
                  <c:v>71.694607041339069</c:v>
                </c:pt>
                <c:pt idx="7592">
                  <c:v>72.238973153391385</c:v>
                </c:pt>
                <c:pt idx="7593">
                  <c:v>72.318008469695044</c:v>
                </c:pt>
                <c:pt idx="7594">
                  <c:v>73.477700660137572</c:v>
                </c:pt>
                <c:pt idx="7595">
                  <c:v>73.769664694057056</c:v>
                </c:pt>
                <c:pt idx="7596">
                  <c:v>72.233194415625164</c:v>
                </c:pt>
                <c:pt idx="7597">
                  <c:v>71.274958139787358</c:v>
                </c:pt>
                <c:pt idx="7598">
                  <c:v>71.300095032218195</c:v>
                </c:pt>
                <c:pt idx="7599">
                  <c:v>70.025946167775899</c:v>
                </c:pt>
                <c:pt idx="7600">
                  <c:v>68.769935130240285</c:v>
                </c:pt>
                <c:pt idx="7601">
                  <c:v>67.71348875230187</c:v>
                </c:pt>
                <c:pt idx="7602">
                  <c:v>66.676145432708367</c:v>
                </c:pt>
                <c:pt idx="7603">
                  <c:v>64.636652710273026</c:v>
                </c:pt>
                <c:pt idx="7604">
                  <c:v>62.480751570052099</c:v>
                </c:pt>
                <c:pt idx="7605">
                  <c:v>59.923684086303773</c:v>
                </c:pt>
                <c:pt idx="7606">
                  <c:v>59.259133695509107</c:v>
                </c:pt>
                <c:pt idx="7607">
                  <c:v>57.884822337926934</c:v>
                </c:pt>
                <c:pt idx="7608">
                  <c:v>50.182719574816851</c:v>
                </c:pt>
                <c:pt idx="7609">
                  <c:v>50.609268708250148</c:v>
                </c:pt>
                <c:pt idx="7610">
                  <c:v>51.30506269061059</c:v>
                </c:pt>
                <c:pt idx="7611">
                  <c:v>51.948013370312971</c:v>
                </c:pt>
                <c:pt idx="7612">
                  <c:v>54.566846329966992</c:v>
                </c:pt>
                <c:pt idx="7613">
                  <c:v>60.226325919457096</c:v>
                </c:pt>
                <c:pt idx="7614">
                  <c:v>66.093720718914724</c:v>
                </c:pt>
                <c:pt idx="7615">
                  <c:v>68.635114665830542</c:v>
                </c:pt>
                <c:pt idx="7616">
                  <c:v>70.018602429975402</c:v>
                </c:pt>
                <c:pt idx="7617">
                  <c:v>70.422448520525478</c:v>
                </c:pt>
                <c:pt idx="7618">
                  <c:v>70.967489423734449</c:v>
                </c:pt>
                <c:pt idx="7619">
                  <c:v>71.39658039997515</c:v>
                </c:pt>
                <c:pt idx="7620">
                  <c:v>70.953724048954513</c:v>
                </c:pt>
                <c:pt idx="7621">
                  <c:v>70.460717028526503</c:v>
                </c:pt>
                <c:pt idx="7622">
                  <c:v>70.883225142834021</c:v>
                </c:pt>
                <c:pt idx="7623">
                  <c:v>69.222557025771906</c:v>
                </c:pt>
                <c:pt idx="7624">
                  <c:v>68.346527980871542</c:v>
                </c:pt>
                <c:pt idx="7625">
                  <c:v>67.222997213812903</c:v>
                </c:pt>
                <c:pt idx="7626">
                  <c:v>66.656980434168332</c:v>
                </c:pt>
                <c:pt idx="7627">
                  <c:v>65.488732925895988</c:v>
                </c:pt>
                <c:pt idx="7628">
                  <c:v>63.766953941545005</c:v>
                </c:pt>
                <c:pt idx="7629">
                  <c:v>61.35671359164273</c:v>
                </c:pt>
                <c:pt idx="7630">
                  <c:v>60.398086374712769</c:v>
                </c:pt>
                <c:pt idx="7631">
                  <c:v>59.504993178719744</c:v>
                </c:pt>
                <c:pt idx="7632">
                  <c:v>50.186984406344926</c:v>
                </c:pt>
                <c:pt idx="7633">
                  <c:v>50.606800142380358</c:v>
                </c:pt>
                <c:pt idx="7634">
                  <c:v>51.299308979978328</c:v>
                </c:pt>
                <c:pt idx="7635">
                  <c:v>51.941613014242847</c:v>
                </c:pt>
                <c:pt idx="7636">
                  <c:v>54.573833686087561</c:v>
                </c:pt>
                <c:pt idx="7637">
                  <c:v>60.246411547787581</c:v>
                </c:pt>
                <c:pt idx="7638">
                  <c:v>66.119428528128125</c:v>
                </c:pt>
                <c:pt idx="7639">
                  <c:v>68.649998769188358</c:v>
                </c:pt>
                <c:pt idx="7640">
                  <c:v>70.039095690691909</c:v>
                </c:pt>
                <c:pt idx="7641">
                  <c:v>70.417312740813756</c:v>
                </c:pt>
                <c:pt idx="7642">
                  <c:v>70.990869474127081</c:v>
                </c:pt>
                <c:pt idx="7643">
                  <c:v>71.435313439825762</c:v>
                </c:pt>
                <c:pt idx="7644">
                  <c:v>70.973167150732834</c:v>
                </c:pt>
                <c:pt idx="7645">
                  <c:v>70.493449283445358</c:v>
                </c:pt>
                <c:pt idx="7646">
                  <c:v>70.875303329235379</c:v>
                </c:pt>
                <c:pt idx="7647">
                  <c:v>69.233241513291546</c:v>
                </c:pt>
                <c:pt idx="7648">
                  <c:v>68.352715743599404</c:v>
                </c:pt>
                <c:pt idx="7649">
                  <c:v>67.235596100554872</c:v>
                </c:pt>
                <c:pt idx="7650">
                  <c:v>66.681476074940193</c:v>
                </c:pt>
                <c:pt idx="7651">
                  <c:v>65.505481295753285</c:v>
                </c:pt>
                <c:pt idx="7652">
                  <c:v>63.770333938360558</c:v>
                </c:pt>
                <c:pt idx="7653">
                  <c:v>61.368443060072856</c:v>
                </c:pt>
                <c:pt idx="7654">
                  <c:v>60.409749332946049</c:v>
                </c:pt>
                <c:pt idx="7655">
                  <c:v>59.504857824290838</c:v>
                </c:pt>
                <c:pt idx="7656">
                  <c:v>58.544104517028416</c:v>
                </c:pt>
                <c:pt idx="7657">
                  <c:v>58.457911518874489</c:v>
                </c:pt>
                <c:pt idx="7658">
                  <c:v>59.059381155883756</c:v>
                </c:pt>
                <c:pt idx="7659">
                  <c:v>59.171023493367869</c:v>
                </c:pt>
                <c:pt idx="7660">
                  <c:v>60.348358459885979</c:v>
                </c:pt>
                <c:pt idx="7661">
                  <c:v>63.34363989860632</c:v>
                </c:pt>
                <c:pt idx="7662">
                  <c:v>66.537118056148657</c:v>
                </c:pt>
                <c:pt idx="7663">
                  <c:v>67.633369364901284</c:v>
                </c:pt>
                <c:pt idx="7664">
                  <c:v>68.944433428420453</c:v>
                </c:pt>
                <c:pt idx="7665">
                  <c:v>68.642514479317498</c:v>
                </c:pt>
                <c:pt idx="7666">
                  <c:v>69.123916990461382</c:v>
                </c:pt>
                <c:pt idx="7667">
                  <c:v>68.717575816263221</c:v>
                </c:pt>
                <c:pt idx="7668">
                  <c:v>67.066717492312506</c:v>
                </c:pt>
                <c:pt idx="7669">
                  <c:v>67.14666339617105</c:v>
                </c:pt>
                <c:pt idx="7670">
                  <c:v>67.596171296446983</c:v>
                </c:pt>
                <c:pt idx="7671">
                  <c:v>66.312545464469892</c:v>
                </c:pt>
                <c:pt idx="7672">
                  <c:v>65.109657754977306</c:v>
                </c:pt>
                <c:pt idx="7673">
                  <c:v>64.311253798379113</c:v>
                </c:pt>
                <c:pt idx="7674">
                  <c:v>63.382427641181508</c:v>
                </c:pt>
                <c:pt idx="7675">
                  <c:v>60.951124114080969</c:v>
                </c:pt>
                <c:pt idx="7676">
                  <c:v>59.374186411494094</c:v>
                </c:pt>
                <c:pt idx="7677">
                  <c:v>57.698476928096191</c:v>
                </c:pt>
                <c:pt idx="7678">
                  <c:v>57.007261655966275</c:v>
                </c:pt>
                <c:pt idx="7679">
                  <c:v>55.394908401350726</c:v>
                </c:pt>
                <c:pt idx="7680">
                  <c:v>54.546231974011533</c:v>
                </c:pt>
                <c:pt idx="7681">
                  <c:v>54.14050343502376</c:v>
                </c:pt>
                <c:pt idx="7682">
                  <c:v>53.609063974944718</c:v>
                </c:pt>
                <c:pt idx="7683">
                  <c:v>52.380411282182756</c:v>
                </c:pt>
                <c:pt idx="7684">
                  <c:v>51.300126931832914</c:v>
                </c:pt>
                <c:pt idx="7685">
                  <c:v>51.668333854089454</c:v>
                </c:pt>
                <c:pt idx="7686">
                  <c:v>52.1243882328084</c:v>
                </c:pt>
                <c:pt idx="7687">
                  <c:v>51.410317715162577</c:v>
                </c:pt>
                <c:pt idx="7688">
                  <c:v>50.779656123157899</c:v>
                </c:pt>
                <c:pt idx="7689">
                  <c:v>49.980266321079355</c:v>
                </c:pt>
                <c:pt idx="7690">
                  <c:v>50.129553606500181</c:v>
                </c:pt>
                <c:pt idx="7691">
                  <c:v>49.721691641640689</c:v>
                </c:pt>
                <c:pt idx="7692">
                  <c:v>48.437134588452828</c:v>
                </c:pt>
                <c:pt idx="7693">
                  <c:v>47.861052389806126</c:v>
                </c:pt>
                <c:pt idx="7694">
                  <c:v>47.499547600643766</c:v>
                </c:pt>
                <c:pt idx="7695">
                  <c:v>46.601180936474876</c:v>
                </c:pt>
                <c:pt idx="7696">
                  <c:v>45.979544117198685</c:v>
                </c:pt>
                <c:pt idx="7697">
                  <c:v>45.545671526573415</c:v>
                </c:pt>
                <c:pt idx="7698">
                  <c:v>45.254717698401045</c:v>
                </c:pt>
                <c:pt idx="7699">
                  <c:v>44.30793013989998</c:v>
                </c:pt>
                <c:pt idx="7700">
                  <c:v>44.055041170252402</c:v>
                </c:pt>
                <c:pt idx="7701">
                  <c:v>43.699303409452689</c:v>
                </c:pt>
                <c:pt idx="7702">
                  <c:v>43.868768095899668</c:v>
                </c:pt>
                <c:pt idx="7703">
                  <c:v>43.723657144806047</c:v>
                </c:pt>
                <c:pt idx="7704">
                  <c:v>50.110102894590227</c:v>
                </c:pt>
                <c:pt idx="7705">
                  <c:v>49.734694238020403</c:v>
                </c:pt>
                <c:pt idx="7706">
                  <c:v>49.377199772478662</c:v>
                </c:pt>
                <c:pt idx="7707">
                  <c:v>48.348412908311943</c:v>
                </c:pt>
                <c:pt idx="7708">
                  <c:v>47.049680258944257</c:v>
                </c:pt>
                <c:pt idx="7709">
                  <c:v>46.589357282858906</c:v>
                </c:pt>
                <c:pt idx="7710">
                  <c:v>47.161475465928284</c:v>
                </c:pt>
                <c:pt idx="7711">
                  <c:v>46.723811087988281</c:v>
                </c:pt>
                <c:pt idx="7712">
                  <c:v>46.28384584166686</c:v>
                </c:pt>
                <c:pt idx="7713">
                  <c:v>45.952812176481842</c:v>
                </c:pt>
                <c:pt idx="7714">
                  <c:v>46.268448583994676</c:v>
                </c:pt>
                <c:pt idx="7715">
                  <c:v>46.082861127583804</c:v>
                </c:pt>
                <c:pt idx="7716">
                  <c:v>45.55897886165215</c:v>
                </c:pt>
                <c:pt idx="7717">
                  <c:v>45.122085656793679</c:v>
                </c:pt>
                <c:pt idx="7718">
                  <c:v>45.383974430877032</c:v>
                </c:pt>
                <c:pt idx="7719">
                  <c:v>45.508889897074994</c:v>
                </c:pt>
                <c:pt idx="7720">
                  <c:v>45.311060190580726</c:v>
                </c:pt>
                <c:pt idx="7721">
                  <c:v>45.285891720026349</c:v>
                </c:pt>
                <c:pt idx="7722">
                  <c:v>45.561234167312477</c:v>
                </c:pt>
                <c:pt idx="7723">
                  <c:v>45.345076615985526</c:v>
                </c:pt>
                <c:pt idx="7724">
                  <c:v>45.475696052367752</c:v>
                </c:pt>
                <c:pt idx="7725">
                  <c:v>46.045433166467404</c:v>
                </c:pt>
                <c:pt idx="7726">
                  <c:v>46.78323097618231</c:v>
                </c:pt>
                <c:pt idx="7727">
                  <c:v>46.937195825089965</c:v>
                </c:pt>
                <c:pt idx="7728">
                  <c:v>44.048759261566175</c:v>
                </c:pt>
                <c:pt idx="7729">
                  <c:v>44.456311074334046</c:v>
                </c:pt>
                <c:pt idx="7730">
                  <c:v>45.379191678895452</c:v>
                </c:pt>
                <c:pt idx="7731">
                  <c:v>46.571188387785945</c:v>
                </c:pt>
                <c:pt idx="7732">
                  <c:v>49.852653435877805</c:v>
                </c:pt>
                <c:pt idx="7733">
                  <c:v>56.219472950380869</c:v>
                </c:pt>
                <c:pt idx="7734">
                  <c:v>61.64348726080835</c:v>
                </c:pt>
                <c:pt idx="7735">
                  <c:v>65.209435799173406</c:v>
                </c:pt>
                <c:pt idx="7736">
                  <c:v>67.018375464834207</c:v>
                </c:pt>
                <c:pt idx="7737">
                  <c:v>67.987636389307539</c:v>
                </c:pt>
                <c:pt idx="7738">
                  <c:v>69.864464470186789</c:v>
                </c:pt>
                <c:pt idx="7739">
                  <c:v>70.541314167438358</c:v>
                </c:pt>
                <c:pt idx="7740">
                  <c:v>69.179894863189787</c:v>
                </c:pt>
                <c:pt idx="7741">
                  <c:v>70.456984886599159</c:v>
                </c:pt>
                <c:pt idx="7742">
                  <c:v>71.003887800727341</c:v>
                </c:pt>
                <c:pt idx="7743">
                  <c:v>70.280570149367605</c:v>
                </c:pt>
                <c:pt idx="7744">
                  <c:v>68.807918258304994</c:v>
                </c:pt>
                <c:pt idx="7745">
                  <c:v>68.062784772037261</c:v>
                </c:pt>
                <c:pt idx="7746">
                  <c:v>67.368090944041654</c:v>
                </c:pt>
                <c:pt idx="7747">
                  <c:v>66.179426570575288</c:v>
                </c:pt>
                <c:pt idx="7748">
                  <c:v>64.344911704206183</c:v>
                </c:pt>
                <c:pt idx="7749">
                  <c:v>62.107946402278664</c:v>
                </c:pt>
                <c:pt idx="7750">
                  <c:v>62.067675939314057</c:v>
                </c:pt>
                <c:pt idx="7751">
                  <c:v>61.492001686873238</c:v>
                </c:pt>
                <c:pt idx="7752">
                  <c:v>61.116314691700232</c:v>
                </c:pt>
                <c:pt idx="7753">
                  <c:v>60.646693076216224</c:v>
                </c:pt>
                <c:pt idx="7754">
                  <c:v>61.157246922297233</c:v>
                </c:pt>
                <c:pt idx="7755">
                  <c:v>61.214328636773828</c:v>
                </c:pt>
                <c:pt idx="7756">
                  <c:v>62.963697231522438</c:v>
                </c:pt>
                <c:pt idx="7757">
                  <c:v>66.133272946285643</c:v>
                </c:pt>
                <c:pt idx="7758">
                  <c:v>69.747261440898811</c:v>
                </c:pt>
                <c:pt idx="7759">
                  <c:v>71.322553805566912</c:v>
                </c:pt>
                <c:pt idx="7760">
                  <c:v>71.353178034409055</c:v>
                </c:pt>
                <c:pt idx="7761">
                  <c:v>71.393781695611338</c:v>
                </c:pt>
                <c:pt idx="7762">
                  <c:v>71.796081713387522</c:v>
                </c:pt>
                <c:pt idx="7763">
                  <c:v>72.259077042115052</c:v>
                </c:pt>
                <c:pt idx="7764">
                  <c:v>71.486562969091025</c:v>
                </c:pt>
                <c:pt idx="7765">
                  <c:v>71.455058848199187</c:v>
                </c:pt>
                <c:pt idx="7766">
                  <c:v>71.204364460068788</c:v>
                </c:pt>
                <c:pt idx="7767">
                  <c:v>70.279321538594687</c:v>
                </c:pt>
                <c:pt idx="7768">
                  <c:v>69.155834529792926</c:v>
                </c:pt>
                <c:pt idx="7769">
                  <c:v>68.498639645043582</c:v>
                </c:pt>
                <c:pt idx="7770">
                  <c:v>68.190875369522615</c:v>
                </c:pt>
                <c:pt idx="7771">
                  <c:v>66.838678956403683</c:v>
                </c:pt>
                <c:pt idx="7772">
                  <c:v>64.865344207244391</c:v>
                </c:pt>
                <c:pt idx="7773">
                  <c:v>62.78008819358557</c:v>
                </c:pt>
                <c:pt idx="7774">
                  <c:v>62.502832465060401</c:v>
                </c:pt>
                <c:pt idx="7775">
                  <c:v>61.460309234837162</c:v>
                </c:pt>
                <c:pt idx="7776">
                  <c:v>60.284136029445378</c:v>
                </c:pt>
                <c:pt idx="7777">
                  <c:v>59.994369421035579</c:v>
                </c:pt>
                <c:pt idx="7778">
                  <c:v>60.144027347326279</c:v>
                </c:pt>
                <c:pt idx="7779">
                  <c:v>59.766760563358012</c:v>
                </c:pt>
                <c:pt idx="7780">
                  <c:v>61.386942564369633</c:v>
                </c:pt>
                <c:pt idx="7781">
                  <c:v>64.600402711233286</c:v>
                </c:pt>
                <c:pt idx="7782">
                  <c:v>67.716131782400765</c:v>
                </c:pt>
                <c:pt idx="7783">
                  <c:v>69.269778049478347</c:v>
                </c:pt>
                <c:pt idx="7784">
                  <c:v>70.017161271103859</c:v>
                </c:pt>
                <c:pt idx="7785">
                  <c:v>70.463777203675974</c:v>
                </c:pt>
                <c:pt idx="7786">
                  <c:v>70.969254562385274</c:v>
                </c:pt>
                <c:pt idx="7787">
                  <c:v>70.851614597781733</c:v>
                </c:pt>
                <c:pt idx="7788">
                  <c:v>70.003631731949625</c:v>
                </c:pt>
                <c:pt idx="7789">
                  <c:v>70.507394300482119</c:v>
                </c:pt>
                <c:pt idx="7790">
                  <c:v>71.212791876691398</c:v>
                </c:pt>
                <c:pt idx="7791">
                  <c:v>69.786646618034837</c:v>
                </c:pt>
                <c:pt idx="7792">
                  <c:v>69.15385603286397</c:v>
                </c:pt>
                <c:pt idx="7793">
                  <c:v>68.496048101015674</c:v>
                </c:pt>
                <c:pt idx="7794">
                  <c:v>68.053109274212758</c:v>
                </c:pt>
                <c:pt idx="7795">
                  <c:v>66.108018626385473</c:v>
                </c:pt>
                <c:pt idx="7796">
                  <c:v>64.252137138626026</c:v>
                </c:pt>
                <c:pt idx="7797">
                  <c:v>62.253920691424312</c:v>
                </c:pt>
                <c:pt idx="7798">
                  <c:v>62.275059499209135</c:v>
                </c:pt>
                <c:pt idx="7799">
                  <c:v>61.578001371992627</c:v>
                </c:pt>
                <c:pt idx="7800">
                  <c:v>60.935944451255089</c:v>
                </c:pt>
                <c:pt idx="7801">
                  <c:v>60.441871737805769</c:v>
                </c:pt>
                <c:pt idx="7802">
                  <c:v>60.433356353553307</c:v>
                </c:pt>
                <c:pt idx="7803">
                  <c:v>61.030738251504957</c:v>
                </c:pt>
                <c:pt idx="7804">
                  <c:v>62.32536774541434</c:v>
                </c:pt>
                <c:pt idx="7805">
                  <c:v>65.292610870176688</c:v>
                </c:pt>
                <c:pt idx="7806">
                  <c:v>69.588486890728973</c:v>
                </c:pt>
                <c:pt idx="7807">
                  <c:v>71.332228401159341</c:v>
                </c:pt>
                <c:pt idx="7808">
                  <c:v>71.963752703576318</c:v>
                </c:pt>
                <c:pt idx="7809">
                  <c:v>71.12526177056364</c:v>
                </c:pt>
                <c:pt idx="7810">
                  <c:v>71.820865656543162</c:v>
                </c:pt>
                <c:pt idx="7811">
                  <c:v>72.649616523294853</c:v>
                </c:pt>
                <c:pt idx="7812">
                  <c:v>71.504590115655418</c:v>
                </c:pt>
                <c:pt idx="7813">
                  <c:v>71.489701618819552</c:v>
                </c:pt>
                <c:pt idx="7814">
                  <c:v>71.587809709851513</c:v>
                </c:pt>
                <c:pt idx="7815">
                  <c:v>70.035917970390656</c:v>
                </c:pt>
                <c:pt idx="7816">
                  <c:v>68.605265964320509</c:v>
                </c:pt>
                <c:pt idx="7817">
                  <c:v>68.236757402336082</c:v>
                </c:pt>
                <c:pt idx="7818">
                  <c:v>67.765648986804479</c:v>
                </c:pt>
                <c:pt idx="7819">
                  <c:v>66.304757259677146</c:v>
                </c:pt>
                <c:pt idx="7820">
                  <c:v>64.232130632128047</c:v>
                </c:pt>
                <c:pt idx="7821">
                  <c:v>61.886092216306707</c:v>
                </c:pt>
                <c:pt idx="7822">
                  <c:v>61.601194601499095</c:v>
                </c:pt>
                <c:pt idx="7823">
                  <c:v>61.191514442818516</c:v>
                </c:pt>
                <c:pt idx="7824">
                  <c:v>60.218022343997234</c:v>
                </c:pt>
                <c:pt idx="7825">
                  <c:v>59.966238236012401</c:v>
                </c:pt>
                <c:pt idx="7826">
                  <c:v>60.3830272187136</c:v>
                </c:pt>
                <c:pt idx="7827">
                  <c:v>60.626523481459124</c:v>
                </c:pt>
                <c:pt idx="7828">
                  <c:v>61.802636394210055</c:v>
                </c:pt>
                <c:pt idx="7829">
                  <c:v>64.903256039359349</c:v>
                </c:pt>
                <c:pt idx="7830">
                  <c:v>68.049004628110097</c:v>
                </c:pt>
                <c:pt idx="7831">
                  <c:v>69.587972559590142</c:v>
                </c:pt>
                <c:pt idx="7832">
                  <c:v>70.146731333097563</c:v>
                </c:pt>
                <c:pt idx="7833">
                  <c:v>70.111750382349229</c:v>
                </c:pt>
                <c:pt idx="7834">
                  <c:v>70.111360559240339</c:v>
                </c:pt>
                <c:pt idx="7835">
                  <c:v>69.65004663810187</c:v>
                </c:pt>
                <c:pt idx="7836">
                  <c:v>68.139977730390513</c:v>
                </c:pt>
                <c:pt idx="7837">
                  <c:v>66.989602537808523</c:v>
                </c:pt>
                <c:pt idx="7838">
                  <c:v>66.881520368967799</c:v>
                </c:pt>
                <c:pt idx="7839">
                  <c:v>65.67928493405681</c:v>
                </c:pt>
                <c:pt idx="7840">
                  <c:v>64.530530876036778</c:v>
                </c:pt>
                <c:pt idx="7841">
                  <c:v>63.338360310943166</c:v>
                </c:pt>
                <c:pt idx="7842">
                  <c:v>62.405019207788072</c:v>
                </c:pt>
                <c:pt idx="7843">
                  <c:v>60.837938449746737</c:v>
                </c:pt>
                <c:pt idx="7844">
                  <c:v>58.493058480329431</c:v>
                </c:pt>
                <c:pt idx="7845">
                  <c:v>56.305294581956488</c:v>
                </c:pt>
                <c:pt idx="7846">
                  <c:v>56.105528626532063</c:v>
                </c:pt>
                <c:pt idx="7847">
                  <c:v>54.753776229289308</c:v>
                </c:pt>
                <c:pt idx="7848">
                  <c:v>53.66288413998965</c:v>
                </c:pt>
                <c:pt idx="7849">
                  <c:v>52.986719805701284</c:v>
                </c:pt>
                <c:pt idx="7850">
                  <c:v>52.642329986835378</c:v>
                </c:pt>
                <c:pt idx="7851">
                  <c:v>51.091163033957827</c:v>
                </c:pt>
                <c:pt idx="7852">
                  <c:v>50.131230306791338</c:v>
                </c:pt>
                <c:pt idx="7853">
                  <c:v>49.97195625347112</c:v>
                </c:pt>
                <c:pt idx="7854">
                  <c:v>50.605943669137794</c:v>
                </c:pt>
                <c:pt idx="7855">
                  <c:v>50.338899795807492</c:v>
                </c:pt>
                <c:pt idx="7856">
                  <c:v>49.205938839987134</c:v>
                </c:pt>
                <c:pt idx="7857">
                  <c:v>48.686859900851701</c:v>
                </c:pt>
                <c:pt idx="7858">
                  <c:v>48.868091145313656</c:v>
                </c:pt>
                <c:pt idx="7859">
                  <c:v>47.942634275828823</c:v>
                </c:pt>
                <c:pt idx="7860">
                  <c:v>47.380211184711555</c:v>
                </c:pt>
                <c:pt idx="7861">
                  <c:v>46.887864500112833</c:v>
                </c:pt>
                <c:pt idx="7862">
                  <c:v>47.146576436513314</c:v>
                </c:pt>
                <c:pt idx="7863">
                  <c:v>46.829401291765819</c:v>
                </c:pt>
                <c:pt idx="7864">
                  <c:v>46.297823574424164</c:v>
                </c:pt>
                <c:pt idx="7865">
                  <c:v>45.265635962103588</c:v>
                </c:pt>
                <c:pt idx="7866">
                  <c:v>45.169261980783638</c:v>
                </c:pt>
                <c:pt idx="7867">
                  <c:v>44.718741952613961</c:v>
                </c:pt>
                <c:pt idx="7868">
                  <c:v>43.969919533491037</c:v>
                </c:pt>
                <c:pt idx="7869">
                  <c:v>43.410554205033044</c:v>
                </c:pt>
                <c:pt idx="7870">
                  <c:v>43.611639655291562</c:v>
                </c:pt>
                <c:pt idx="7871">
                  <c:v>42.819015829035216</c:v>
                </c:pt>
                <c:pt idx="7872">
                  <c:v>42.561424366835574</c:v>
                </c:pt>
                <c:pt idx="7873">
                  <c:v>42.930577573656215</c:v>
                </c:pt>
                <c:pt idx="7874">
                  <c:v>43.091488432917735</c:v>
                </c:pt>
                <c:pt idx="7875">
                  <c:v>42.348271679907533</c:v>
                </c:pt>
                <c:pt idx="7876">
                  <c:v>42.478322023585129</c:v>
                </c:pt>
                <c:pt idx="7877">
                  <c:v>42.478148147768266</c:v>
                </c:pt>
                <c:pt idx="7878">
                  <c:v>43.043314397133905</c:v>
                </c:pt>
                <c:pt idx="7879">
                  <c:v>42.732956655438386</c:v>
                </c:pt>
                <c:pt idx="7880">
                  <c:v>42.115773881452846</c:v>
                </c:pt>
                <c:pt idx="7881">
                  <c:v>41.638294824669224</c:v>
                </c:pt>
                <c:pt idx="7882">
                  <c:v>41.783423192765149</c:v>
                </c:pt>
                <c:pt idx="7883">
                  <c:v>41.541195978311031</c:v>
                </c:pt>
                <c:pt idx="7884">
                  <c:v>41.706657990496531</c:v>
                </c:pt>
                <c:pt idx="7885">
                  <c:v>42.048096470863598</c:v>
                </c:pt>
                <c:pt idx="7886">
                  <c:v>42.024735818461153</c:v>
                </c:pt>
                <c:pt idx="7887">
                  <c:v>41.795491645486642</c:v>
                </c:pt>
                <c:pt idx="7888">
                  <c:v>41.831931152495081</c:v>
                </c:pt>
                <c:pt idx="7889">
                  <c:v>42.15452714307078</c:v>
                </c:pt>
                <c:pt idx="7890">
                  <c:v>42.624261772932314</c:v>
                </c:pt>
                <c:pt idx="7891">
                  <c:v>42.687803037750335</c:v>
                </c:pt>
                <c:pt idx="7892">
                  <c:v>42.885946054148583</c:v>
                </c:pt>
                <c:pt idx="7893">
                  <c:v>43.151919174112308</c:v>
                </c:pt>
                <c:pt idx="7894">
                  <c:v>43.89093674278665</c:v>
                </c:pt>
                <c:pt idx="7895">
                  <c:v>43.037588086898275</c:v>
                </c:pt>
                <c:pt idx="7896">
                  <c:v>43.470227443923797</c:v>
                </c:pt>
                <c:pt idx="7897">
                  <c:v>43.68574264522227</c:v>
                </c:pt>
                <c:pt idx="7898">
                  <c:v>44.897473759177288</c:v>
                </c:pt>
                <c:pt idx="7899">
                  <c:v>45.938232811823035</c:v>
                </c:pt>
                <c:pt idx="7900">
                  <c:v>48.564776403922842</c:v>
                </c:pt>
                <c:pt idx="7901">
                  <c:v>54.191092550004754</c:v>
                </c:pt>
                <c:pt idx="7902">
                  <c:v>59.354297901263955</c:v>
                </c:pt>
                <c:pt idx="7903">
                  <c:v>61.29304199351359</c:v>
                </c:pt>
                <c:pt idx="7904">
                  <c:v>62.245808134191243</c:v>
                </c:pt>
                <c:pt idx="7905">
                  <c:v>63.118750113502784</c:v>
                </c:pt>
                <c:pt idx="7906">
                  <c:v>64.719733615704186</c:v>
                </c:pt>
                <c:pt idx="7907">
                  <c:v>65.545380470594537</c:v>
                </c:pt>
                <c:pt idx="7908">
                  <c:v>64.719988241294104</c:v>
                </c:pt>
                <c:pt idx="7909">
                  <c:v>65.076126063575686</c:v>
                </c:pt>
                <c:pt idx="7910">
                  <c:v>65.672620733938359</c:v>
                </c:pt>
                <c:pt idx="7911">
                  <c:v>64.941725352844074</c:v>
                </c:pt>
                <c:pt idx="7912">
                  <c:v>64.258983511173938</c:v>
                </c:pt>
                <c:pt idx="7913">
                  <c:v>64.446413188239021</c:v>
                </c:pt>
                <c:pt idx="7914">
                  <c:v>63.837011165824528</c:v>
                </c:pt>
                <c:pt idx="7915">
                  <c:v>62.216560476170464</c:v>
                </c:pt>
                <c:pt idx="7916">
                  <c:v>61.272529236738208</c:v>
                </c:pt>
                <c:pt idx="7917">
                  <c:v>59.2062267854879</c:v>
                </c:pt>
                <c:pt idx="7918">
                  <c:v>58.969886949313199</c:v>
                </c:pt>
                <c:pt idx="7919">
                  <c:v>58.338375631192967</c:v>
                </c:pt>
                <c:pt idx="7920">
                  <c:v>57.966470086893018</c:v>
                </c:pt>
                <c:pt idx="7921">
                  <c:v>58.966551397235499</c:v>
                </c:pt>
                <c:pt idx="7922">
                  <c:v>59.844686624520875</c:v>
                </c:pt>
                <c:pt idx="7923">
                  <c:v>60.068576677615184</c:v>
                </c:pt>
                <c:pt idx="7924">
                  <c:v>61.818243381618252</c:v>
                </c:pt>
                <c:pt idx="7925">
                  <c:v>65.125976740809435</c:v>
                </c:pt>
                <c:pt idx="7926">
                  <c:v>67.857972044059252</c:v>
                </c:pt>
                <c:pt idx="7927">
                  <c:v>68.432551143639301</c:v>
                </c:pt>
                <c:pt idx="7928">
                  <c:v>67.189735505560662</c:v>
                </c:pt>
                <c:pt idx="7929">
                  <c:v>67.429144872639426</c:v>
                </c:pt>
                <c:pt idx="7930">
                  <c:v>69.983605533255371</c:v>
                </c:pt>
                <c:pt idx="7931">
                  <c:v>69.949646360361513</c:v>
                </c:pt>
                <c:pt idx="7932">
                  <c:v>68.508794443864929</c:v>
                </c:pt>
                <c:pt idx="7933">
                  <c:v>67.850476927403193</c:v>
                </c:pt>
                <c:pt idx="7934">
                  <c:v>68.221387505833064</c:v>
                </c:pt>
                <c:pt idx="7935">
                  <c:v>66.972803211451264</c:v>
                </c:pt>
                <c:pt idx="7936">
                  <c:v>66.333292330861752</c:v>
                </c:pt>
                <c:pt idx="7937">
                  <c:v>65.383751944537835</c:v>
                </c:pt>
                <c:pt idx="7938">
                  <c:v>65.047568828863376</c:v>
                </c:pt>
                <c:pt idx="7939">
                  <c:v>63.842155830561097</c:v>
                </c:pt>
                <c:pt idx="7940">
                  <c:v>61.689616662127456</c:v>
                </c:pt>
                <c:pt idx="7941">
                  <c:v>59.562969279800889</c:v>
                </c:pt>
                <c:pt idx="7942">
                  <c:v>59.699557040372994</c:v>
                </c:pt>
                <c:pt idx="7943">
                  <c:v>58.87506967141497</c:v>
                </c:pt>
                <c:pt idx="7944">
                  <c:v>58.495218051318332</c:v>
                </c:pt>
                <c:pt idx="7945">
                  <c:v>59.666224291149661</c:v>
                </c:pt>
                <c:pt idx="7946">
                  <c:v>60.487885241527366</c:v>
                </c:pt>
                <c:pt idx="7947">
                  <c:v>61.017984592730173</c:v>
                </c:pt>
                <c:pt idx="7948">
                  <c:v>62.071983234592103</c:v>
                </c:pt>
                <c:pt idx="7949">
                  <c:v>64.91766035137681</c:v>
                </c:pt>
                <c:pt idx="7950">
                  <c:v>67.94261122201145</c:v>
                </c:pt>
                <c:pt idx="7951">
                  <c:v>69.032401332868346</c:v>
                </c:pt>
                <c:pt idx="7952">
                  <c:v>70.287572176566684</c:v>
                </c:pt>
                <c:pt idx="7953">
                  <c:v>70.483473911129664</c:v>
                </c:pt>
                <c:pt idx="7954">
                  <c:v>71.080941109242346</c:v>
                </c:pt>
                <c:pt idx="7955">
                  <c:v>70.793399032532719</c:v>
                </c:pt>
                <c:pt idx="7956">
                  <c:v>69.635999492314014</c:v>
                </c:pt>
                <c:pt idx="7957">
                  <c:v>69.643258616434423</c:v>
                </c:pt>
                <c:pt idx="7958">
                  <c:v>69.752672126809003</c:v>
                </c:pt>
                <c:pt idx="7959">
                  <c:v>68.850901360536469</c:v>
                </c:pt>
                <c:pt idx="7960">
                  <c:v>67.80569397019876</c:v>
                </c:pt>
                <c:pt idx="7961">
                  <c:v>66.805279226253703</c:v>
                </c:pt>
                <c:pt idx="7962">
                  <c:v>66.973502715921981</c:v>
                </c:pt>
                <c:pt idx="7963">
                  <c:v>64.695304897017721</c:v>
                </c:pt>
                <c:pt idx="7964">
                  <c:v>62.664734877400996</c:v>
                </c:pt>
                <c:pt idx="7965">
                  <c:v>60.510287115412488</c:v>
                </c:pt>
                <c:pt idx="7966">
                  <c:v>60.089172282833935</c:v>
                </c:pt>
                <c:pt idx="7967">
                  <c:v>59.881841385834321</c:v>
                </c:pt>
                <c:pt idx="7968">
                  <c:v>59.525798062558458</c:v>
                </c:pt>
                <c:pt idx="7969">
                  <c:v>60.312991314570901</c:v>
                </c:pt>
                <c:pt idx="7970">
                  <c:v>60.484653661892452</c:v>
                </c:pt>
                <c:pt idx="7971">
                  <c:v>60.114997872564025</c:v>
                </c:pt>
                <c:pt idx="7972">
                  <c:v>61.176688337293804</c:v>
                </c:pt>
                <c:pt idx="7973">
                  <c:v>64.441663818845186</c:v>
                </c:pt>
                <c:pt idx="7974">
                  <c:v>67.185046860309967</c:v>
                </c:pt>
                <c:pt idx="7975">
                  <c:v>67.758179897583148</c:v>
                </c:pt>
                <c:pt idx="7976">
                  <c:v>68.183714588701221</c:v>
                </c:pt>
                <c:pt idx="7977">
                  <c:v>68.501643214935569</c:v>
                </c:pt>
                <c:pt idx="7978">
                  <c:v>69.021404104243231</c:v>
                </c:pt>
                <c:pt idx="7979">
                  <c:v>68.877942609954047</c:v>
                </c:pt>
                <c:pt idx="7980">
                  <c:v>67.662771579203735</c:v>
                </c:pt>
                <c:pt idx="7981">
                  <c:v>67.429925068041982</c:v>
                </c:pt>
                <c:pt idx="7982">
                  <c:v>67.000868513917325</c:v>
                </c:pt>
                <c:pt idx="7983">
                  <c:v>65.73309778317622</c:v>
                </c:pt>
                <c:pt idx="7984">
                  <c:v>65.077031021986812</c:v>
                </c:pt>
                <c:pt idx="7985">
                  <c:v>64.762441380234904</c:v>
                </c:pt>
                <c:pt idx="7986">
                  <c:v>64.604691903028097</c:v>
                </c:pt>
                <c:pt idx="7987">
                  <c:v>63.829260148685357</c:v>
                </c:pt>
                <c:pt idx="7988">
                  <c:v>61.462947126135823</c:v>
                </c:pt>
                <c:pt idx="7989">
                  <c:v>59.637777932917082</c:v>
                </c:pt>
                <c:pt idx="7990">
                  <c:v>58.692077799462716</c:v>
                </c:pt>
                <c:pt idx="7991">
                  <c:v>57.778142453522463</c:v>
                </c:pt>
                <c:pt idx="7992">
                  <c:v>56.850050066001643</c:v>
                </c:pt>
                <c:pt idx="7993">
                  <c:v>57.795186480916527</c:v>
                </c:pt>
                <c:pt idx="7994">
                  <c:v>58.739950058222476</c:v>
                </c:pt>
                <c:pt idx="7995">
                  <c:v>59.044550970700854</c:v>
                </c:pt>
                <c:pt idx="7996">
                  <c:v>60.106997976661141</c:v>
                </c:pt>
                <c:pt idx="7997">
                  <c:v>63.020248845412162</c:v>
                </c:pt>
                <c:pt idx="7998">
                  <c:v>65.323314201237594</c:v>
                </c:pt>
                <c:pt idx="7999">
                  <c:v>65.917320966581542</c:v>
                </c:pt>
                <c:pt idx="8000">
                  <c:v>65.689041397405546</c:v>
                </c:pt>
                <c:pt idx="8001">
                  <c:v>65.556110579676528</c:v>
                </c:pt>
                <c:pt idx="8002">
                  <c:v>65.876650245997666</c:v>
                </c:pt>
                <c:pt idx="8003">
                  <c:v>65.797844861583599</c:v>
                </c:pt>
                <c:pt idx="8004">
                  <c:v>64.647406277389621</c:v>
                </c:pt>
                <c:pt idx="8005">
                  <c:v>64.061048145455132</c:v>
                </c:pt>
                <c:pt idx="8006">
                  <c:v>63.715668107244547</c:v>
                </c:pt>
                <c:pt idx="8007">
                  <c:v>62.66253535322101</c:v>
                </c:pt>
                <c:pt idx="8008">
                  <c:v>61.352540081694286</c:v>
                </c:pt>
                <c:pt idx="8009">
                  <c:v>60.840142896975799</c:v>
                </c:pt>
                <c:pt idx="8010">
                  <c:v>59.841033722108484</c:v>
                </c:pt>
                <c:pt idx="8011">
                  <c:v>57.922023152305023</c:v>
                </c:pt>
                <c:pt idx="8012">
                  <c:v>55.718727897110448</c:v>
                </c:pt>
                <c:pt idx="8013">
                  <c:v>54.41662790179037</c:v>
                </c:pt>
                <c:pt idx="8014">
                  <c:v>54.226123143132398</c:v>
                </c:pt>
                <c:pt idx="8015">
                  <c:v>53.01952125789952</c:v>
                </c:pt>
                <c:pt idx="8016">
                  <c:v>52.179232588197969</c:v>
                </c:pt>
                <c:pt idx="8017">
                  <c:v>53.193706128493254</c:v>
                </c:pt>
                <c:pt idx="8018">
                  <c:v>53.658826409956241</c:v>
                </c:pt>
                <c:pt idx="8019">
                  <c:v>52.856795578380421</c:v>
                </c:pt>
                <c:pt idx="8020">
                  <c:v>51.442296214002191</c:v>
                </c:pt>
                <c:pt idx="8021">
                  <c:v>51.250671432259438</c:v>
                </c:pt>
                <c:pt idx="8022">
                  <c:v>51.696541630772522</c:v>
                </c:pt>
                <c:pt idx="8023">
                  <c:v>51.429421695353348</c:v>
                </c:pt>
                <c:pt idx="8024">
                  <c:v>50.619224133390908</c:v>
                </c:pt>
                <c:pt idx="8025">
                  <c:v>50.030196610489163</c:v>
                </c:pt>
                <c:pt idx="8026">
                  <c:v>49.866529863661142</c:v>
                </c:pt>
                <c:pt idx="8027">
                  <c:v>49.198393747518146</c:v>
                </c:pt>
                <c:pt idx="8028">
                  <c:v>48.256182310233768</c:v>
                </c:pt>
                <c:pt idx="8029">
                  <c:v>47.679669374213766</c:v>
                </c:pt>
                <c:pt idx="8030">
                  <c:v>47.729725407319229</c:v>
                </c:pt>
                <c:pt idx="8031">
                  <c:v>47.095886487288134</c:v>
                </c:pt>
                <c:pt idx="8032">
                  <c:v>46.538859254092614</c:v>
                </c:pt>
                <c:pt idx="8033">
                  <c:v>46.053191891806918</c:v>
                </c:pt>
                <c:pt idx="8034">
                  <c:v>45.815266010053485</c:v>
                </c:pt>
                <c:pt idx="8035">
                  <c:v>45.396169137251448</c:v>
                </c:pt>
                <c:pt idx="8036">
                  <c:v>44.646864690821651</c:v>
                </c:pt>
                <c:pt idx="8037">
                  <c:v>44.467995823433931</c:v>
                </c:pt>
                <c:pt idx="8038">
                  <c:v>44.695327715470206</c:v>
                </c:pt>
                <c:pt idx="8039">
                  <c:v>44.42894439372035</c:v>
                </c:pt>
                <c:pt idx="8040">
                  <c:v>44.12683776072663</c:v>
                </c:pt>
                <c:pt idx="8041">
                  <c:v>44.028505602313722</c:v>
                </c:pt>
                <c:pt idx="8042">
                  <c:v>44.228032642755032</c:v>
                </c:pt>
                <c:pt idx="8043">
                  <c:v>43.506912201153803</c:v>
                </c:pt>
                <c:pt idx="8044">
                  <c:v>43.188848612765383</c:v>
                </c:pt>
                <c:pt idx="8045">
                  <c:v>43.022980674589363</c:v>
                </c:pt>
                <c:pt idx="8046">
                  <c:v>43.564925313364839</c:v>
                </c:pt>
                <c:pt idx="8047">
                  <c:v>43.336514900920427</c:v>
                </c:pt>
                <c:pt idx="8048">
                  <c:v>43.172643563156626</c:v>
                </c:pt>
                <c:pt idx="8049">
                  <c:v>42.898566084503692</c:v>
                </c:pt>
                <c:pt idx="8050">
                  <c:v>43.11929026399654</c:v>
                </c:pt>
                <c:pt idx="8051">
                  <c:v>42.649505638708348</c:v>
                </c:pt>
                <c:pt idx="8052">
                  <c:v>42.271068287043903</c:v>
                </c:pt>
                <c:pt idx="8053">
                  <c:v>42.322187012268259</c:v>
                </c:pt>
                <c:pt idx="8054">
                  <c:v>42.652097163122527</c:v>
                </c:pt>
                <c:pt idx="8055">
                  <c:v>42.560191290145774</c:v>
                </c:pt>
                <c:pt idx="8056">
                  <c:v>42.54785250122756</c:v>
                </c:pt>
                <c:pt idx="8057">
                  <c:v>42.897545699224857</c:v>
                </c:pt>
                <c:pt idx="8058">
                  <c:v>43.470459827531059</c:v>
                </c:pt>
                <c:pt idx="8059">
                  <c:v>43.318382565861306</c:v>
                </c:pt>
                <c:pt idx="8060">
                  <c:v>43.330425226512951</c:v>
                </c:pt>
                <c:pt idx="8061">
                  <c:v>43.827564921079961</c:v>
                </c:pt>
                <c:pt idx="8062">
                  <c:v>44.349265060220183</c:v>
                </c:pt>
                <c:pt idx="8063">
                  <c:v>44.554126783324037</c:v>
                </c:pt>
                <c:pt idx="8064">
                  <c:v>44.82913399254339</c:v>
                </c:pt>
                <c:pt idx="8065">
                  <c:v>45.1973816721544</c:v>
                </c:pt>
                <c:pt idx="8066">
                  <c:v>46.24067236846205</c:v>
                </c:pt>
                <c:pt idx="8067">
                  <c:v>47.404221914956572</c:v>
                </c:pt>
                <c:pt idx="8068">
                  <c:v>50.111948586876657</c:v>
                </c:pt>
                <c:pt idx="8069">
                  <c:v>55.929974814862362</c:v>
                </c:pt>
                <c:pt idx="8070">
                  <c:v>62.536119710403845</c:v>
                </c:pt>
                <c:pt idx="8071">
                  <c:v>65.718673092481524</c:v>
                </c:pt>
                <c:pt idx="8072">
                  <c:v>67.519913893941322</c:v>
                </c:pt>
                <c:pt idx="8073">
                  <c:v>68.487299019035291</c:v>
                </c:pt>
                <c:pt idx="8074">
                  <c:v>69.345437723217017</c:v>
                </c:pt>
                <c:pt idx="8075">
                  <c:v>69.4551312393628</c:v>
                </c:pt>
                <c:pt idx="8076">
                  <c:v>68.476390032632395</c:v>
                </c:pt>
                <c:pt idx="8077">
                  <c:v>68.895805452207341</c:v>
                </c:pt>
                <c:pt idx="8078">
                  <c:v>69.930045622944135</c:v>
                </c:pt>
                <c:pt idx="8079">
                  <c:v>68.942386067645685</c:v>
                </c:pt>
                <c:pt idx="8080">
                  <c:v>67.615826128562944</c:v>
                </c:pt>
                <c:pt idx="8081">
                  <c:v>67.070300001007269</c:v>
                </c:pt>
                <c:pt idx="8082">
                  <c:v>67.353932823705335</c:v>
                </c:pt>
                <c:pt idx="8083">
                  <c:v>66.224006152895882</c:v>
                </c:pt>
                <c:pt idx="8084">
                  <c:v>64.187948071159411</c:v>
                </c:pt>
                <c:pt idx="8085">
                  <c:v>62.148687967696226</c:v>
                </c:pt>
                <c:pt idx="8086">
                  <c:v>61.788277350707588</c:v>
                </c:pt>
                <c:pt idx="8087">
                  <c:v>60.863229486570667</c:v>
                </c:pt>
                <c:pt idx="8088">
                  <c:v>60.478181480301586</c:v>
                </c:pt>
                <c:pt idx="8089">
                  <c:v>60.071331506039655</c:v>
                </c:pt>
                <c:pt idx="8090">
                  <c:v>60.580024969141974</c:v>
                </c:pt>
                <c:pt idx="8091">
                  <c:v>60.864648501528258</c:v>
                </c:pt>
                <c:pt idx="8092">
                  <c:v>62.848687842292065</c:v>
                </c:pt>
                <c:pt idx="8093">
                  <c:v>66.34511882847022</c:v>
                </c:pt>
                <c:pt idx="8094">
                  <c:v>69.686860120316226</c:v>
                </c:pt>
                <c:pt idx="8095">
                  <c:v>71.138035513809555</c:v>
                </c:pt>
                <c:pt idx="8096">
                  <c:v>71.245473665453787</c:v>
                </c:pt>
                <c:pt idx="8097">
                  <c:v>70.798943327248836</c:v>
                </c:pt>
                <c:pt idx="8098">
                  <c:v>71.782529736113219</c:v>
                </c:pt>
                <c:pt idx="8099">
                  <c:v>72.268002765449836</c:v>
                </c:pt>
                <c:pt idx="8100">
                  <c:v>71.223225877120555</c:v>
                </c:pt>
                <c:pt idx="8101">
                  <c:v>70.581796380354348</c:v>
                </c:pt>
                <c:pt idx="8102">
                  <c:v>70.895553967971651</c:v>
                </c:pt>
                <c:pt idx="8103">
                  <c:v>69.773546149085888</c:v>
                </c:pt>
                <c:pt idx="8104">
                  <c:v>68.40103405806444</c:v>
                </c:pt>
                <c:pt idx="8105">
                  <c:v>68.017624603359636</c:v>
                </c:pt>
                <c:pt idx="8106">
                  <c:v>66.751359913746384</c:v>
                </c:pt>
                <c:pt idx="8107">
                  <c:v>65.586778978664142</c:v>
                </c:pt>
                <c:pt idx="8108">
                  <c:v>64.132308221649069</c:v>
                </c:pt>
                <c:pt idx="8109">
                  <c:v>61.906569531051503</c:v>
                </c:pt>
                <c:pt idx="8110">
                  <c:v>61.30695043092279</c:v>
                </c:pt>
                <c:pt idx="8111">
                  <c:v>59.933020031038424</c:v>
                </c:pt>
                <c:pt idx="8112">
                  <c:v>59.245237300937085</c:v>
                </c:pt>
                <c:pt idx="8113">
                  <c:v>59.285949308446469</c:v>
                </c:pt>
                <c:pt idx="8114">
                  <c:v>59.524468976604858</c:v>
                </c:pt>
                <c:pt idx="8115">
                  <c:v>59.60624870643634</c:v>
                </c:pt>
                <c:pt idx="8116">
                  <c:v>60.673766766761972</c:v>
                </c:pt>
                <c:pt idx="8117">
                  <c:v>63.432297520268023</c:v>
                </c:pt>
                <c:pt idx="8118">
                  <c:v>67.075647707194051</c:v>
                </c:pt>
                <c:pt idx="8119">
                  <c:v>68.659367311961105</c:v>
                </c:pt>
                <c:pt idx="8120">
                  <c:v>69.189894850750832</c:v>
                </c:pt>
                <c:pt idx="8121">
                  <c:v>68.577553218854817</c:v>
                </c:pt>
                <c:pt idx="8122">
                  <c:v>69.68585683821982</c:v>
                </c:pt>
                <c:pt idx="8123">
                  <c:v>69.508162912392592</c:v>
                </c:pt>
                <c:pt idx="8124">
                  <c:v>68.580754965989186</c:v>
                </c:pt>
                <c:pt idx="8125">
                  <c:v>68.68680056161287</c:v>
                </c:pt>
                <c:pt idx="8126">
                  <c:v>69.194499823781015</c:v>
                </c:pt>
                <c:pt idx="8127">
                  <c:v>68.56751739698835</c:v>
                </c:pt>
                <c:pt idx="8128">
                  <c:v>68.061224263549747</c:v>
                </c:pt>
                <c:pt idx="8129">
                  <c:v>67.458589413395671</c:v>
                </c:pt>
                <c:pt idx="8130">
                  <c:v>65.830685109762186</c:v>
                </c:pt>
                <c:pt idx="8131">
                  <c:v>64.122994832716941</c:v>
                </c:pt>
                <c:pt idx="8132">
                  <c:v>62.519625534634159</c:v>
                </c:pt>
                <c:pt idx="8133">
                  <c:v>61.021233236320057</c:v>
                </c:pt>
                <c:pt idx="8134">
                  <c:v>61.066520168607894</c:v>
                </c:pt>
                <c:pt idx="8135">
                  <c:v>60.429254943717986</c:v>
                </c:pt>
                <c:pt idx="8136">
                  <c:v>59.877299902484815</c:v>
                </c:pt>
                <c:pt idx="8137">
                  <c:v>59.388225084145709</c:v>
                </c:pt>
                <c:pt idx="8138">
                  <c:v>59.805728477761036</c:v>
                </c:pt>
                <c:pt idx="8139">
                  <c:v>60.253562168690976</c:v>
                </c:pt>
                <c:pt idx="8140">
                  <c:v>61.642915539862386</c:v>
                </c:pt>
                <c:pt idx="8141">
                  <c:v>65.002411327654556</c:v>
                </c:pt>
                <c:pt idx="8142">
                  <c:v>68.686096487140418</c:v>
                </c:pt>
                <c:pt idx="8143">
                  <c:v>70.440157159544455</c:v>
                </c:pt>
                <c:pt idx="8144">
                  <c:v>70.87600177456406</c:v>
                </c:pt>
                <c:pt idx="8145">
                  <c:v>70.404165002748215</c:v>
                </c:pt>
                <c:pt idx="8146">
                  <c:v>71.12006616894088</c:v>
                </c:pt>
                <c:pt idx="8147">
                  <c:v>71.404661418312159</c:v>
                </c:pt>
                <c:pt idx="8148">
                  <c:v>70.705514074596891</c:v>
                </c:pt>
                <c:pt idx="8149">
                  <c:v>70.899644943296593</c:v>
                </c:pt>
                <c:pt idx="8150">
                  <c:v>71.167497295044427</c:v>
                </c:pt>
                <c:pt idx="8151">
                  <c:v>70.036740766839372</c:v>
                </c:pt>
                <c:pt idx="8152">
                  <c:v>68.633816903021838</c:v>
                </c:pt>
                <c:pt idx="8153">
                  <c:v>68.273168606715799</c:v>
                </c:pt>
                <c:pt idx="8154">
                  <c:v>66.929150221498475</c:v>
                </c:pt>
                <c:pt idx="8155">
                  <c:v>65.548813934468953</c:v>
                </c:pt>
                <c:pt idx="8156">
                  <c:v>63.918626826709804</c:v>
                </c:pt>
                <c:pt idx="8157">
                  <c:v>62.090183335127527</c:v>
                </c:pt>
                <c:pt idx="8158">
                  <c:v>62.126374120282179</c:v>
                </c:pt>
                <c:pt idx="8159">
                  <c:v>61.457737383005536</c:v>
                </c:pt>
                <c:pt idx="8160">
                  <c:v>60.973853105943959</c:v>
                </c:pt>
                <c:pt idx="8161">
                  <c:v>60.480378709673843</c:v>
                </c:pt>
                <c:pt idx="8162">
                  <c:v>60.664493370248415</c:v>
                </c:pt>
                <c:pt idx="8163">
                  <c:v>60.83076462578736</c:v>
                </c:pt>
                <c:pt idx="8164">
                  <c:v>61.879505843513847</c:v>
                </c:pt>
                <c:pt idx="8165">
                  <c:v>64.788419211825172</c:v>
                </c:pt>
                <c:pt idx="8166">
                  <c:v>68.065215934502348</c:v>
                </c:pt>
                <c:pt idx="8167">
                  <c:v>69.890327620231503</c:v>
                </c:pt>
                <c:pt idx="8168">
                  <c:v>70.591483450286248</c:v>
                </c:pt>
                <c:pt idx="8169">
                  <c:v>69.916563509816427</c:v>
                </c:pt>
                <c:pt idx="8170">
                  <c:v>69.700003190311321</c:v>
                </c:pt>
                <c:pt idx="8171">
                  <c:v>69.568042429000911</c:v>
                </c:pt>
                <c:pt idx="8172">
                  <c:v>68.115343538149901</c:v>
                </c:pt>
                <c:pt idx="8173">
                  <c:v>67.188048017711779</c:v>
                </c:pt>
                <c:pt idx="8174">
                  <c:v>67.893606426599945</c:v>
                </c:pt>
                <c:pt idx="8175">
                  <c:v>66.641505761059136</c:v>
                </c:pt>
                <c:pt idx="8176">
                  <c:v>65.296250572541169</c:v>
                </c:pt>
                <c:pt idx="8177">
                  <c:v>64.049831321382101</c:v>
                </c:pt>
                <c:pt idx="8178">
                  <c:v>61.880621218141926</c:v>
                </c:pt>
                <c:pt idx="8179">
                  <c:v>60.707961461461693</c:v>
                </c:pt>
                <c:pt idx="8180">
                  <c:v>59.022262209261982</c:v>
                </c:pt>
                <c:pt idx="8181">
                  <c:v>57.421105458883439</c:v>
                </c:pt>
                <c:pt idx="8182">
                  <c:v>57.004636611668197</c:v>
                </c:pt>
                <c:pt idx="8183">
                  <c:v>56.039793388222847</c:v>
                </c:pt>
                <c:pt idx="8184">
                  <c:v>54.857976093399081</c:v>
                </c:pt>
                <c:pt idx="8185">
                  <c:v>54.049260114229057</c:v>
                </c:pt>
                <c:pt idx="8186">
                  <c:v>53.72580874878031</c:v>
                </c:pt>
                <c:pt idx="8187">
                  <c:v>52.645398733189801</c:v>
                </c:pt>
                <c:pt idx="8188">
                  <c:v>50.828713856057263</c:v>
                </c:pt>
                <c:pt idx="8189">
                  <c:v>50.745513875602477</c:v>
                </c:pt>
                <c:pt idx="8190">
                  <c:v>51.354563380244095</c:v>
                </c:pt>
                <c:pt idx="8191">
                  <c:v>50.830417603697697</c:v>
                </c:pt>
                <c:pt idx="8192">
                  <c:v>49.874852856724921</c:v>
                </c:pt>
                <c:pt idx="8193">
                  <c:v>49.166102762551716</c:v>
                </c:pt>
                <c:pt idx="8194">
                  <c:v>49.596925082966891</c:v>
                </c:pt>
                <c:pt idx="8195">
                  <c:v>48.933383858391032</c:v>
                </c:pt>
                <c:pt idx="8196">
                  <c:v>48.342115916658635</c:v>
                </c:pt>
                <c:pt idx="8197">
                  <c:v>47.323954424195222</c:v>
                </c:pt>
                <c:pt idx="8198">
                  <c:v>47.254278118386019</c:v>
                </c:pt>
                <c:pt idx="8199">
                  <c:v>46.976218677582452</c:v>
                </c:pt>
                <c:pt idx="8200">
                  <c:v>46.328461081769184</c:v>
                </c:pt>
                <c:pt idx="8201">
                  <c:v>45.80870205576695</c:v>
                </c:pt>
                <c:pt idx="8202">
                  <c:v>45.215065480176833</c:v>
                </c:pt>
                <c:pt idx="8203">
                  <c:v>44.640782626545814</c:v>
                </c:pt>
                <c:pt idx="8204">
                  <c:v>44.222756507110354</c:v>
                </c:pt>
                <c:pt idx="8205">
                  <c:v>43.801784168362545</c:v>
                </c:pt>
                <c:pt idx="8206">
                  <c:v>44.170840502914771</c:v>
                </c:pt>
                <c:pt idx="8207">
                  <c:v>43.91468627683841</c:v>
                </c:pt>
                <c:pt idx="8208">
                  <c:v>43.647128503871578</c:v>
                </c:pt>
                <c:pt idx="8209">
                  <c:v>43.624554892067401</c:v>
                </c:pt>
                <c:pt idx="8210">
                  <c:v>43.918331647574128</c:v>
                </c:pt>
                <c:pt idx="8211">
                  <c:v>43.509434763653466</c:v>
                </c:pt>
                <c:pt idx="8212">
                  <c:v>42.986869266245861</c:v>
                </c:pt>
                <c:pt idx="8213">
                  <c:v>43.134528669977691</c:v>
                </c:pt>
                <c:pt idx="8214">
                  <c:v>43.811345298461397</c:v>
                </c:pt>
                <c:pt idx="8215">
                  <c:v>43.562126040202521</c:v>
                </c:pt>
                <c:pt idx="8216">
                  <c:v>43.116319978623579</c:v>
                </c:pt>
                <c:pt idx="8217">
                  <c:v>42.718092361959307</c:v>
                </c:pt>
                <c:pt idx="8218">
                  <c:v>43.238538398479029</c:v>
                </c:pt>
                <c:pt idx="8219">
                  <c:v>42.828051546231372</c:v>
                </c:pt>
                <c:pt idx="8220">
                  <c:v>42.708552787362187</c:v>
                </c:pt>
                <c:pt idx="8221">
                  <c:v>43.091489531287245</c:v>
                </c:pt>
                <c:pt idx="8222">
                  <c:v>43.111168154871429</c:v>
                </c:pt>
                <c:pt idx="8223">
                  <c:v>42.911760993617129</c:v>
                </c:pt>
                <c:pt idx="8224">
                  <c:v>42.784495899276791</c:v>
                </c:pt>
                <c:pt idx="8225">
                  <c:v>43.176176998270584</c:v>
                </c:pt>
                <c:pt idx="8226">
                  <c:v>43.801252126015285</c:v>
                </c:pt>
                <c:pt idx="8227">
                  <c:v>43.700394737633914</c:v>
                </c:pt>
                <c:pt idx="8228">
                  <c:v>43.741963885253057</c:v>
                </c:pt>
                <c:pt idx="8229">
                  <c:v>44.091076555734517</c:v>
                </c:pt>
                <c:pt idx="8230">
                  <c:v>44.472758922446701</c:v>
                </c:pt>
                <c:pt idx="8231">
                  <c:v>44.044969337556864</c:v>
                </c:pt>
                <c:pt idx="8232">
                  <c:v>44.040099892838626</c:v>
                </c:pt>
                <c:pt idx="8233">
                  <c:v>44.660828948938672</c:v>
                </c:pt>
                <c:pt idx="8234">
                  <c:v>45.474436242148521</c:v>
                </c:pt>
                <c:pt idx="8235">
                  <c:v>46.408422421642157</c:v>
                </c:pt>
                <c:pt idx="8236">
                  <c:v>49.617618698051047</c:v>
                </c:pt>
                <c:pt idx="8237">
                  <c:v>55.334236234614139</c:v>
                </c:pt>
                <c:pt idx="8238">
                  <c:v>61.063003777835156</c:v>
                </c:pt>
                <c:pt idx="8239">
                  <c:v>64.386055606299607</c:v>
                </c:pt>
                <c:pt idx="8240">
                  <c:v>65.51053540384612</c:v>
                </c:pt>
                <c:pt idx="8241">
                  <c:v>66.396535466811599</c:v>
                </c:pt>
                <c:pt idx="8242">
                  <c:v>67.561647149734171</c:v>
                </c:pt>
                <c:pt idx="8243">
                  <c:v>68.128434612116763</c:v>
                </c:pt>
                <c:pt idx="8244">
                  <c:v>67.944189284797474</c:v>
                </c:pt>
                <c:pt idx="8245">
                  <c:v>68.145281442955508</c:v>
                </c:pt>
                <c:pt idx="8246">
                  <c:v>68.843697507939112</c:v>
                </c:pt>
                <c:pt idx="8247">
                  <c:v>68.498709313052785</c:v>
                </c:pt>
                <c:pt idx="8248">
                  <c:v>67.755305484177796</c:v>
                </c:pt>
                <c:pt idx="8249">
                  <c:v>67.299905106049692</c:v>
                </c:pt>
                <c:pt idx="8250">
                  <c:v>65.824923867453236</c:v>
                </c:pt>
                <c:pt idx="8251">
                  <c:v>64.693694314648596</c:v>
                </c:pt>
                <c:pt idx="8252">
                  <c:v>63.37637727271165</c:v>
                </c:pt>
                <c:pt idx="8253">
                  <c:v>61.452207269024406</c:v>
                </c:pt>
                <c:pt idx="8254">
                  <c:v>61.550046985233777</c:v>
                </c:pt>
                <c:pt idx="8255">
                  <c:v>60.94015744366483</c:v>
                </c:pt>
                <c:pt idx="8256">
                  <c:v>60.759047569034209</c:v>
                </c:pt>
                <c:pt idx="8257">
                  <c:v>60.740805024362572</c:v>
                </c:pt>
                <c:pt idx="8258">
                  <c:v>61.555055491378042</c:v>
                </c:pt>
                <c:pt idx="8259">
                  <c:v>61.710508925183788</c:v>
                </c:pt>
                <c:pt idx="8260">
                  <c:v>63.641239588049018</c:v>
                </c:pt>
                <c:pt idx="8261">
                  <c:v>67.070357783089221</c:v>
                </c:pt>
                <c:pt idx="8262">
                  <c:v>70.967417519758754</c:v>
                </c:pt>
                <c:pt idx="8263">
                  <c:v>72.295993692608789</c:v>
                </c:pt>
                <c:pt idx="8264">
                  <c:v>72.562177954497898</c:v>
                </c:pt>
                <c:pt idx="8265">
                  <c:v>72.027654155140098</c:v>
                </c:pt>
                <c:pt idx="8266">
                  <c:v>73.052183935206557</c:v>
                </c:pt>
                <c:pt idx="8267">
                  <c:v>73.469078577132294</c:v>
                </c:pt>
                <c:pt idx="8268">
                  <c:v>72.266510944284434</c:v>
                </c:pt>
                <c:pt idx="8269">
                  <c:v>71.765135015024214</c:v>
                </c:pt>
                <c:pt idx="8270">
                  <c:v>72.161554538944173</c:v>
                </c:pt>
                <c:pt idx="8271">
                  <c:v>70.848299640132424</c:v>
                </c:pt>
                <c:pt idx="8272">
                  <c:v>69.464460417356705</c:v>
                </c:pt>
                <c:pt idx="8273">
                  <c:v>68.394443095656101</c:v>
                </c:pt>
                <c:pt idx="8274">
                  <c:v>65.909729350318145</c:v>
                </c:pt>
                <c:pt idx="8275">
                  <c:v>64.547824860950328</c:v>
                </c:pt>
                <c:pt idx="8276">
                  <c:v>64.406160338414139</c:v>
                </c:pt>
                <c:pt idx="8277">
                  <c:v>62.417828334223316</c:v>
                </c:pt>
                <c:pt idx="8278">
                  <c:v>62.660360326603943</c:v>
                </c:pt>
                <c:pt idx="8279">
                  <c:v>62.261831540941571</c:v>
                </c:pt>
                <c:pt idx="8280">
                  <c:v>61.361036695596297</c:v>
                </c:pt>
                <c:pt idx="8281">
                  <c:v>61.224717368687998</c:v>
                </c:pt>
                <c:pt idx="8282">
                  <c:v>61.67229294278205</c:v>
                </c:pt>
                <c:pt idx="8283">
                  <c:v>61.615293468722854</c:v>
                </c:pt>
                <c:pt idx="8284">
                  <c:v>62.795813196875336</c:v>
                </c:pt>
                <c:pt idx="8285">
                  <c:v>65.653293902418625</c:v>
                </c:pt>
                <c:pt idx="8286">
                  <c:v>69.440338516425825</c:v>
                </c:pt>
                <c:pt idx="8287">
                  <c:v>70.924191913229507</c:v>
                </c:pt>
                <c:pt idx="8288">
                  <c:v>71.644623579076523</c:v>
                </c:pt>
                <c:pt idx="8289">
                  <c:v>71.721062918646723</c:v>
                </c:pt>
                <c:pt idx="8290">
                  <c:v>72.057161773688449</c:v>
                </c:pt>
                <c:pt idx="8291">
                  <c:v>71.531288693398267</c:v>
                </c:pt>
                <c:pt idx="8292">
                  <c:v>70.87247891125665</c:v>
                </c:pt>
                <c:pt idx="8293">
                  <c:v>70.658282439856393</c:v>
                </c:pt>
                <c:pt idx="8294">
                  <c:v>70.730820037477969</c:v>
                </c:pt>
                <c:pt idx="8295">
                  <c:v>69.94563848845857</c:v>
                </c:pt>
                <c:pt idx="8296">
                  <c:v>68.875313270246608</c:v>
                </c:pt>
                <c:pt idx="8297">
                  <c:v>67.876955438968338</c:v>
                </c:pt>
                <c:pt idx="8298">
                  <c:v>66.207380408149376</c:v>
                </c:pt>
                <c:pt idx="8299">
                  <c:v>65.127000597720496</c:v>
                </c:pt>
                <c:pt idx="8300">
                  <c:v>63.896387746877707</c:v>
                </c:pt>
                <c:pt idx="8301">
                  <c:v>62.123275561040955</c:v>
                </c:pt>
                <c:pt idx="8302">
                  <c:v>62.652107491892885</c:v>
                </c:pt>
                <c:pt idx="8303">
                  <c:v>61.910463388276099</c:v>
                </c:pt>
                <c:pt idx="8304">
                  <c:v>61.198262334771215</c:v>
                </c:pt>
                <c:pt idx="8305">
                  <c:v>60.827622818246496</c:v>
                </c:pt>
                <c:pt idx="8306">
                  <c:v>61.336957650690231</c:v>
                </c:pt>
                <c:pt idx="8307">
                  <c:v>61.573048196212653</c:v>
                </c:pt>
                <c:pt idx="8308">
                  <c:v>62.804761574081347</c:v>
                </c:pt>
                <c:pt idx="8309">
                  <c:v>65.404331486102436</c:v>
                </c:pt>
                <c:pt idx="8310">
                  <c:v>69.031153683168753</c:v>
                </c:pt>
                <c:pt idx="8311">
                  <c:v>70.834903572487931</c:v>
                </c:pt>
                <c:pt idx="8312">
                  <c:v>71.506240808125568</c:v>
                </c:pt>
                <c:pt idx="8313">
                  <c:v>71.029865848068766</c:v>
                </c:pt>
                <c:pt idx="8314">
                  <c:v>71.196803990426616</c:v>
                </c:pt>
                <c:pt idx="8315">
                  <c:v>71.615847847285821</c:v>
                </c:pt>
                <c:pt idx="8316">
                  <c:v>70.959332323694852</c:v>
                </c:pt>
                <c:pt idx="8317">
                  <c:v>70.855194223256518</c:v>
                </c:pt>
                <c:pt idx="8318">
                  <c:v>71.03350309871557</c:v>
                </c:pt>
                <c:pt idx="8319">
                  <c:v>69.658003540683765</c:v>
                </c:pt>
                <c:pt idx="8320">
                  <c:v>68.915948548799904</c:v>
                </c:pt>
                <c:pt idx="8321">
                  <c:v>67.91728342903626</c:v>
                </c:pt>
                <c:pt idx="8322">
                  <c:v>66.30030762747829</c:v>
                </c:pt>
                <c:pt idx="8323">
                  <c:v>65.473233264880349</c:v>
                </c:pt>
                <c:pt idx="8324">
                  <c:v>64.147855426373695</c:v>
                </c:pt>
                <c:pt idx="8325">
                  <c:v>61.817708691415909</c:v>
                </c:pt>
                <c:pt idx="8326">
                  <c:v>61.256393619773746</c:v>
                </c:pt>
                <c:pt idx="8327">
                  <c:v>59.29750760775601</c:v>
                </c:pt>
                <c:pt idx="8328">
                  <c:v>58.761029004868767</c:v>
                </c:pt>
                <c:pt idx="8329">
                  <c:v>58.299132673295318</c:v>
                </c:pt>
                <c:pt idx="8330">
                  <c:v>58.793741606818791</c:v>
                </c:pt>
                <c:pt idx="8331">
                  <c:v>58.797213945128512</c:v>
                </c:pt>
                <c:pt idx="8332">
                  <c:v>60.079549271381211</c:v>
                </c:pt>
                <c:pt idx="8333">
                  <c:v>63.067714668224127</c:v>
                </c:pt>
                <c:pt idx="8334">
                  <c:v>66.823413228480845</c:v>
                </c:pt>
                <c:pt idx="8335">
                  <c:v>68.448096700809657</c:v>
                </c:pt>
                <c:pt idx="8336">
                  <c:v>68.709574567012183</c:v>
                </c:pt>
                <c:pt idx="8337">
                  <c:v>67.580174113268825</c:v>
                </c:pt>
                <c:pt idx="8338">
                  <c:v>67.541508564302106</c:v>
                </c:pt>
                <c:pt idx="8339">
                  <c:v>67.798384046488309</c:v>
                </c:pt>
                <c:pt idx="8340">
                  <c:v>66.950067511688758</c:v>
                </c:pt>
                <c:pt idx="8341">
                  <c:v>66.225942597963439</c:v>
                </c:pt>
                <c:pt idx="8342">
                  <c:v>66.400971663597659</c:v>
                </c:pt>
                <c:pt idx="8343">
                  <c:v>65.573350509118967</c:v>
                </c:pt>
                <c:pt idx="8344">
                  <c:v>64.33497085207523</c:v>
                </c:pt>
                <c:pt idx="8345">
                  <c:v>63.399278218244852</c:v>
                </c:pt>
                <c:pt idx="8346">
                  <c:v>61.931914191844236</c:v>
                </c:pt>
                <c:pt idx="8347">
                  <c:v>60.084318352585079</c:v>
                </c:pt>
                <c:pt idx="8348">
                  <c:v>58.774623426279312</c:v>
                </c:pt>
                <c:pt idx="8349">
                  <c:v>57.402826883768967</c:v>
                </c:pt>
                <c:pt idx="8350">
                  <c:v>57.060138321598359</c:v>
                </c:pt>
                <c:pt idx="8351">
                  <c:v>55.813485745372454</c:v>
                </c:pt>
                <c:pt idx="8352">
                  <c:v>54.879533340741389</c:v>
                </c:pt>
                <c:pt idx="8353">
                  <c:v>53.804390183495897</c:v>
                </c:pt>
                <c:pt idx="8354">
                  <c:v>53.393439544720799</c:v>
                </c:pt>
                <c:pt idx="8355">
                  <c:v>52.602135311367263</c:v>
                </c:pt>
                <c:pt idx="8356">
                  <c:v>51.253414394370395</c:v>
                </c:pt>
                <c:pt idx="8357">
                  <c:v>51.353749645343889</c:v>
                </c:pt>
                <c:pt idx="8358">
                  <c:v>52.014529098230852</c:v>
                </c:pt>
                <c:pt idx="8359">
                  <c:v>51.90175049748413</c:v>
                </c:pt>
                <c:pt idx="8360">
                  <c:v>51.087437462633822</c:v>
                </c:pt>
                <c:pt idx="8361">
                  <c:v>50.31708647145841</c:v>
                </c:pt>
                <c:pt idx="8362">
                  <c:v>50.214715745637399</c:v>
                </c:pt>
                <c:pt idx="8363">
                  <c:v>49.891115668801902</c:v>
                </c:pt>
                <c:pt idx="8364">
                  <c:v>48.717071848851127</c:v>
                </c:pt>
                <c:pt idx="8365">
                  <c:v>48.019431742701926</c:v>
                </c:pt>
                <c:pt idx="8366">
                  <c:v>48.202237774455099</c:v>
                </c:pt>
                <c:pt idx="8367">
                  <c:v>47.4912780942526</c:v>
                </c:pt>
                <c:pt idx="8368">
                  <c:v>46.636381737649756</c:v>
                </c:pt>
                <c:pt idx="8369">
                  <c:v>46.41341959104394</c:v>
                </c:pt>
                <c:pt idx="8370">
                  <c:v>45.45277019738306</c:v>
                </c:pt>
                <c:pt idx="8371">
                  <c:v>45.031973891963681</c:v>
                </c:pt>
                <c:pt idx="8372">
                  <c:v>44.4453268888469</c:v>
                </c:pt>
                <c:pt idx="8373">
                  <c:v>43.795608154265743</c:v>
                </c:pt>
                <c:pt idx="8374">
                  <c:v>44.209423713395381</c:v>
                </c:pt>
                <c:pt idx="8375">
                  <c:v>44.098938390512203</c:v>
                </c:pt>
                <c:pt idx="8376">
                  <c:v>43.570928118511972</c:v>
                </c:pt>
                <c:pt idx="8377">
                  <c:v>43.598301703162626</c:v>
                </c:pt>
                <c:pt idx="8378">
                  <c:v>43.605310752081103</c:v>
                </c:pt>
                <c:pt idx="8379">
                  <c:v>43.109377381060717</c:v>
                </c:pt>
                <c:pt idx="8380">
                  <c:v>43.213045516643092</c:v>
                </c:pt>
                <c:pt idx="8381">
                  <c:v>43.583647276715752</c:v>
                </c:pt>
                <c:pt idx="8382">
                  <c:v>44.145144618856094</c:v>
                </c:pt>
                <c:pt idx="8383">
                  <c:v>43.651171092096668</c:v>
                </c:pt>
                <c:pt idx="8384">
                  <c:v>43.231450659230333</c:v>
                </c:pt>
                <c:pt idx="8385">
                  <c:v>42.625898284667485</c:v>
                </c:pt>
                <c:pt idx="8386">
                  <c:v>43.028139480833431</c:v>
                </c:pt>
                <c:pt idx="8387">
                  <c:v>41.963379387130864</c:v>
                </c:pt>
                <c:pt idx="8388">
                  <c:v>42.188593897335821</c:v>
                </c:pt>
                <c:pt idx="8389">
                  <c:v>42.289727859083655</c:v>
                </c:pt>
                <c:pt idx="8390">
                  <c:v>42.397371543123263</c:v>
                </c:pt>
                <c:pt idx="8391">
                  <c:v>42.215998824745107</c:v>
                </c:pt>
                <c:pt idx="8392">
                  <c:v>42.252195709773332</c:v>
                </c:pt>
                <c:pt idx="8393">
                  <c:v>42.633716027754652</c:v>
                </c:pt>
                <c:pt idx="8394">
                  <c:v>43.085402857782192</c:v>
                </c:pt>
                <c:pt idx="8395">
                  <c:v>42.803907658296481</c:v>
                </c:pt>
                <c:pt idx="8396">
                  <c:v>43.038904639671159</c:v>
                </c:pt>
                <c:pt idx="8397">
                  <c:v>43.649965710009624</c:v>
                </c:pt>
                <c:pt idx="8398">
                  <c:v>44.456768584464264</c:v>
                </c:pt>
                <c:pt idx="8399">
                  <c:v>44.807309370679285</c:v>
                </c:pt>
                <c:pt idx="8400">
                  <c:v>44.994672929822372</c:v>
                </c:pt>
                <c:pt idx="8401">
                  <c:v>45.379028453340133</c:v>
                </c:pt>
                <c:pt idx="8402">
                  <c:v>46.364819623253432</c:v>
                </c:pt>
                <c:pt idx="8403">
                  <c:v>47.493001985205389</c:v>
                </c:pt>
                <c:pt idx="8404">
                  <c:v>50.669643805260577</c:v>
                </c:pt>
                <c:pt idx="8405">
                  <c:v>56.271961224707184</c:v>
                </c:pt>
                <c:pt idx="8406">
                  <c:v>62.595810895867913</c:v>
                </c:pt>
                <c:pt idx="8407">
                  <c:v>65.982667656675062</c:v>
                </c:pt>
                <c:pt idx="8408">
                  <c:v>67.730749315400189</c:v>
                </c:pt>
                <c:pt idx="8409">
                  <c:v>67.639617577179919</c:v>
                </c:pt>
                <c:pt idx="8410">
                  <c:v>69.250697448867243</c:v>
                </c:pt>
                <c:pt idx="8411">
                  <c:v>70.341869936212944</c:v>
                </c:pt>
                <c:pt idx="8412">
                  <c:v>69.574309097810129</c:v>
                </c:pt>
                <c:pt idx="8413">
                  <c:v>69.910716320093002</c:v>
                </c:pt>
                <c:pt idx="8414">
                  <c:v>70.755891792673864</c:v>
                </c:pt>
                <c:pt idx="8415">
                  <c:v>69.791534578124896</c:v>
                </c:pt>
                <c:pt idx="8416">
                  <c:v>69.050394724183903</c:v>
                </c:pt>
                <c:pt idx="8417">
                  <c:v>67.709358549494269</c:v>
                </c:pt>
                <c:pt idx="8418">
                  <c:v>66.443568806627283</c:v>
                </c:pt>
                <c:pt idx="8419">
                  <c:v>65.532340765016244</c:v>
                </c:pt>
                <c:pt idx="8420">
                  <c:v>64.23138052420471</c:v>
                </c:pt>
                <c:pt idx="8421">
                  <c:v>62.735244453396774</c:v>
                </c:pt>
                <c:pt idx="8422">
                  <c:v>62.390160111950451</c:v>
                </c:pt>
                <c:pt idx="8423">
                  <c:v>61.783544770676329</c:v>
                </c:pt>
                <c:pt idx="8424">
                  <c:v>61.030023075654917</c:v>
                </c:pt>
                <c:pt idx="8425">
                  <c:v>61.046698698145626</c:v>
                </c:pt>
                <c:pt idx="8426">
                  <c:v>61.822075161351542</c:v>
                </c:pt>
                <c:pt idx="8427">
                  <c:v>62.046716420738711</c:v>
                </c:pt>
                <c:pt idx="8428">
                  <c:v>63.409720848720198</c:v>
                </c:pt>
                <c:pt idx="8429">
                  <c:v>66.850991580590957</c:v>
                </c:pt>
                <c:pt idx="8430">
                  <c:v>69.425828290205203</c:v>
                </c:pt>
                <c:pt idx="8431">
                  <c:v>71.079538197166372</c:v>
                </c:pt>
                <c:pt idx="8432">
                  <c:v>71.755797834623849</c:v>
                </c:pt>
                <c:pt idx="8433">
                  <c:v>71.682143881687082</c:v>
                </c:pt>
                <c:pt idx="8434">
                  <c:v>72.77944817375662</c:v>
                </c:pt>
                <c:pt idx="8435">
                  <c:v>72.836134416366846</c:v>
                </c:pt>
                <c:pt idx="8436">
                  <c:v>71.500013641391376</c:v>
                </c:pt>
                <c:pt idx="8437">
                  <c:v>71.076782329213628</c:v>
                </c:pt>
                <c:pt idx="8438">
                  <c:v>71.674342672983855</c:v>
                </c:pt>
                <c:pt idx="8439">
                  <c:v>70.443498968405635</c:v>
                </c:pt>
                <c:pt idx="8440">
                  <c:v>69.998497344813529</c:v>
                </c:pt>
                <c:pt idx="8441">
                  <c:v>69.431883424814217</c:v>
                </c:pt>
                <c:pt idx="8442">
                  <c:v>67.416036420897782</c:v>
                </c:pt>
                <c:pt idx="8443">
                  <c:v>66.171500265429856</c:v>
                </c:pt>
                <c:pt idx="8444">
                  <c:v>64.171109791911888</c:v>
                </c:pt>
                <c:pt idx="8445">
                  <c:v>62.429122338368472</c:v>
                </c:pt>
                <c:pt idx="8446">
                  <c:v>61.058385859735694</c:v>
                </c:pt>
                <c:pt idx="8447">
                  <c:v>60.059705303957621</c:v>
                </c:pt>
                <c:pt idx="8448">
                  <c:v>59.013677627730111</c:v>
                </c:pt>
                <c:pt idx="8449">
                  <c:v>56.531041369873606</c:v>
                </c:pt>
                <c:pt idx="8450">
                  <c:v>55.919329417529177</c:v>
                </c:pt>
                <c:pt idx="8451">
                  <c:v>54.867953642840043</c:v>
                </c:pt>
                <c:pt idx="8452">
                  <c:v>55.491958389879272</c:v>
                </c:pt>
                <c:pt idx="8453">
                  <c:v>58.094304607371583</c:v>
                </c:pt>
                <c:pt idx="8454">
                  <c:v>62.111473678677839</c:v>
                </c:pt>
                <c:pt idx="8455">
                  <c:v>64.720564002670784</c:v>
                </c:pt>
                <c:pt idx="8456">
                  <c:v>65.81422008001212</c:v>
                </c:pt>
                <c:pt idx="8457">
                  <c:v>65.955010673075975</c:v>
                </c:pt>
                <c:pt idx="8458">
                  <c:v>66.868152309745909</c:v>
                </c:pt>
                <c:pt idx="8459">
                  <c:v>68.22233667361715</c:v>
                </c:pt>
                <c:pt idx="8460">
                  <c:v>67.698239990265293</c:v>
                </c:pt>
                <c:pt idx="8461">
                  <c:v>68.319217454399251</c:v>
                </c:pt>
                <c:pt idx="8462">
                  <c:v>68.884766309016982</c:v>
                </c:pt>
                <c:pt idx="8463">
                  <c:v>69.057653554098181</c:v>
                </c:pt>
                <c:pt idx="8464">
                  <c:v>68.79270146666677</c:v>
                </c:pt>
                <c:pt idx="8465">
                  <c:v>67.880174975766082</c:v>
                </c:pt>
                <c:pt idx="8466">
                  <c:v>66.492963346692704</c:v>
                </c:pt>
                <c:pt idx="8467">
                  <c:v>64.780413333731175</c:v>
                </c:pt>
                <c:pt idx="8468">
                  <c:v>63.649383841088067</c:v>
                </c:pt>
                <c:pt idx="8469">
                  <c:v>61.888765431953502</c:v>
                </c:pt>
                <c:pt idx="8470">
                  <c:v>61.824161945746376</c:v>
                </c:pt>
                <c:pt idx="8471">
                  <c:v>60.783950822578355</c:v>
                </c:pt>
                <c:pt idx="8472">
                  <c:v>59.933964844571925</c:v>
                </c:pt>
                <c:pt idx="8473">
                  <c:v>59.697976231663191</c:v>
                </c:pt>
                <c:pt idx="8474">
                  <c:v>60.040210382674715</c:v>
                </c:pt>
                <c:pt idx="8475">
                  <c:v>60.38626591813663</c:v>
                </c:pt>
                <c:pt idx="8476">
                  <c:v>61.10333396464209</c:v>
                </c:pt>
                <c:pt idx="8477">
                  <c:v>63.628680595656917</c:v>
                </c:pt>
                <c:pt idx="8478">
                  <c:v>67.333186074995922</c:v>
                </c:pt>
                <c:pt idx="8479">
                  <c:v>69.114720734792471</c:v>
                </c:pt>
                <c:pt idx="8480">
                  <c:v>69.219168673502551</c:v>
                </c:pt>
                <c:pt idx="8481">
                  <c:v>68.430575000359298</c:v>
                </c:pt>
                <c:pt idx="8482">
                  <c:v>69.347956382582169</c:v>
                </c:pt>
                <c:pt idx="8483">
                  <c:v>68.986946958070789</c:v>
                </c:pt>
                <c:pt idx="8484">
                  <c:v>68.921116475433678</c:v>
                </c:pt>
                <c:pt idx="8485">
                  <c:v>68.945846931916734</c:v>
                </c:pt>
                <c:pt idx="8486">
                  <c:v>69.312925357952224</c:v>
                </c:pt>
                <c:pt idx="8487">
                  <c:v>68.69882962994177</c:v>
                </c:pt>
                <c:pt idx="8488">
                  <c:v>68.055004746174674</c:v>
                </c:pt>
                <c:pt idx="8489">
                  <c:v>67.993038739377653</c:v>
                </c:pt>
                <c:pt idx="8490">
                  <c:v>66.134928856010987</c:v>
                </c:pt>
                <c:pt idx="8491">
                  <c:v>64.653887226322851</c:v>
                </c:pt>
                <c:pt idx="8492">
                  <c:v>63.330893359619644</c:v>
                </c:pt>
                <c:pt idx="8493">
                  <c:v>61.580765399261779</c:v>
                </c:pt>
                <c:pt idx="8494">
                  <c:v>61.552540068280223</c:v>
                </c:pt>
                <c:pt idx="8495">
                  <c:v>60.911531796222782</c:v>
                </c:pt>
                <c:pt idx="8496">
                  <c:v>60.621680103403101</c:v>
                </c:pt>
                <c:pt idx="8497">
                  <c:v>60.43180688760215</c:v>
                </c:pt>
                <c:pt idx="8498">
                  <c:v>60.997187927049076</c:v>
                </c:pt>
                <c:pt idx="8499">
                  <c:v>61.482532427538771</c:v>
                </c:pt>
                <c:pt idx="8500">
                  <c:v>62.283576158354791</c:v>
                </c:pt>
                <c:pt idx="8501">
                  <c:v>65.270114085397282</c:v>
                </c:pt>
                <c:pt idx="8502">
                  <c:v>68.481387711991445</c:v>
                </c:pt>
                <c:pt idx="8503">
                  <c:v>69.76868617780471</c:v>
                </c:pt>
                <c:pt idx="8504">
                  <c:v>70.090750282943063</c:v>
                </c:pt>
                <c:pt idx="8505">
                  <c:v>69.75496950394448</c:v>
                </c:pt>
                <c:pt idx="8506">
                  <c:v>70.551190254995447</c:v>
                </c:pt>
                <c:pt idx="8507">
                  <c:v>70.147348538309657</c:v>
                </c:pt>
                <c:pt idx="8508">
                  <c:v>67.759924324123105</c:v>
                </c:pt>
                <c:pt idx="8509">
                  <c:v>66.454508645445273</c:v>
                </c:pt>
                <c:pt idx="8510">
                  <c:v>67.003334726138149</c:v>
                </c:pt>
                <c:pt idx="8511">
                  <c:v>65.688175960683182</c:v>
                </c:pt>
                <c:pt idx="8512">
                  <c:v>64.320219514132475</c:v>
                </c:pt>
                <c:pt idx="8513">
                  <c:v>62.965016530219124</c:v>
                </c:pt>
                <c:pt idx="8514">
                  <c:v>61.016491124010507</c:v>
                </c:pt>
                <c:pt idx="8515">
                  <c:v>59.578725704304254</c:v>
                </c:pt>
                <c:pt idx="8516">
                  <c:v>58.062808528113685</c:v>
                </c:pt>
                <c:pt idx="8517">
                  <c:v>56.724418815927663</c:v>
                </c:pt>
                <c:pt idx="8518">
                  <c:v>56.570702630032557</c:v>
                </c:pt>
                <c:pt idx="8519">
                  <c:v>55.435249218805474</c:v>
                </c:pt>
                <c:pt idx="8520">
                  <c:v>54.181501293199233</c:v>
                </c:pt>
                <c:pt idx="8521">
                  <c:v>53.094884881826594</c:v>
                </c:pt>
                <c:pt idx="8522">
                  <c:v>53.327270980024416</c:v>
                </c:pt>
                <c:pt idx="8523">
                  <c:v>52.281646876138474</c:v>
                </c:pt>
                <c:pt idx="8524">
                  <c:v>51.537838180415001</c:v>
                </c:pt>
                <c:pt idx="8525">
                  <c:v>51.338150797638342</c:v>
                </c:pt>
                <c:pt idx="8526">
                  <c:v>52.072456282641113</c:v>
                </c:pt>
                <c:pt idx="8527">
                  <c:v>51.447412634951235</c:v>
                </c:pt>
                <c:pt idx="8528">
                  <c:v>50.946770691118971</c:v>
                </c:pt>
                <c:pt idx="8529">
                  <c:v>50.012393570533199</c:v>
                </c:pt>
                <c:pt idx="8530">
                  <c:v>50.094694241334331</c:v>
                </c:pt>
                <c:pt idx="8531">
                  <c:v>49.524455368504029</c:v>
                </c:pt>
                <c:pt idx="8532">
                  <c:v>48.746565208209525</c:v>
                </c:pt>
                <c:pt idx="8533">
                  <c:v>48.480484291123453</c:v>
                </c:pt>
                <c:pt idx="8534">
                  <c:v>47.877794267515029</c:v>
                </c:pt>
                <c:pt idx="8535">
                  <c:v>47.108168670948885</c:v>
                </c:pt>
                <c:pt idx="8536">
                  <c:v>46.424527970741167</c:v>
                </c:pt>
                <c:pt idx="8537">
                  <c:v>46.289875125364794</c:v>
                </c:pt>
                <c:pt idx="8538">
                  <c:v>45.678663715699052</c:v>
                </c:pt>
                <c:pt idx="8539">
                  <c:v>45.065824267434394</c:v>
                </c:pt>
                <c:pt idx="8540">
                  <c:v>44.70432200844467</c:v>
                </c:pt>
                <c:pt idx="8541">
                  <c:v>44.209768562195407</c:v>
                </c:pt>
                <c:pt idx="8542">
                  <c:v>44.392697630947929</c:v>
                </c:pt>
                <c:pt idx="8543">
                  <c:v>43.857491685280486</c:v>
                </c:pt>
                <c:pt idx="8544">
                  <c:v>43.518607580901502</c:v>
                </c:pt>
                <c:pt idx="8545">
                  <c:v>43.578583754027065</c:v>
                </c:pt>
                <c:pt idx="8546">
                  <c:v>43.927727276923648</c:v>
                </c:pt>
                <c:pt idx="8547">
                  <c:v>43.334769846740741</c:v>
                </c:pt>
                <c:pt idx="8548">
                  <c:v>43.165182260590605</c:v>
                </c:pt>
                <c:pt idx="8549">
                  <c:v>43.291589410657778</c:v>
                </c:pt>
                <c:pt idx="8550">
                  <c:v>43.748813729433181</c:v>
                </c:pt>
                <c:pt idx="8551">
                  <c:v>43.94665443923634</c:v>
                </c:pt>
                <c:pt idx="8552">
                  <c:v>43.646579476024328</c:v>
                </c:pt>
                <c:pt idx="8553">
                  <c:v>43.217243700678132</c:v>
                </c:pt>
                <c:pt idx="8554">
                  <c:v>43.454322053055044</c:v>
                </c:pt>
                <c:pt idx="8555">
                  <c:v>43.149821249112399</c:v>
                </c:pt>
                <c:pt idx="8556">
                  <c:v>42.948853167481992</c:v>
                </c:pt>
                <c:pt idx="8557">
                  <c:v>43.05284390988173</c:v>
                </c:pt>
                <c:pt idx="8558">
                  <c:v>43.463349355956161</c:v>
                </c:pt>
                <c:pt idx="8559">
                  <c:v>42.772525868309287</c:v>
                </c:pt>
                <c:pt idx="8560">
                  <c:v>42.439173427397002</c:v>
                </c:pt>
                <c:pt idx="8561">
                  <c:v>43.244632780184432</c:v>
                </c:pt>
                <c:pt idx="8562">
                  <c:v>43.705246843804829</c:v>
                </c:pt>
                <c:pt idx="8563">
                  <c:v>43.597595216199991</c:v>
                </c:pt>
                <c:pt idx="8564">
                  <c:v>43.619315630256402</c:v>
                </c:pt>
                <c:pt idx="8565">
                  <c:v>44.358967723076454</c:v>
                </c:pt>
                <c:pt idx="8566">
                  <c:v>45.385433320570741</c:v>
                </c:pt>
                <c:pt idx="8567">
                  <c:v>45.673424355819364</c:v>
                </c:pt>
                <c:pt idx="8568">
                  <c:v>46.10263760412348</c:v>
                </c:pt>
                <c:pt idx="8569">
                  <c:v>46.694919929329885</c:v>
                </c:pt>
                <c:pt idx="8570">
                  <c:v>47.612957548110096</c:v>
                </c:pt>
                <c:pt idx="8571">
                  <c:v>48.676548015576046</c:v>
                </c:pt>
                <c:pt idx="8572">
                  <c:v>51.529557023461479</c:v>
                </c:pt>
                <c:pt idx="8573">
                  <c:v>56.300971026886877</c:v>
                </c:pt>
                <c:pt idx="8574">
                  <c:v>61.670609809183745</c:v>
                </c:pt>
                <c:pt idx="8575">
                  <c:v>65.136744037544972</c:v>
                </c:pt>
                <c:pt idx="8576">
                  <c:v>67.039395119140465</c:v>
                </c:pt>
                <c:pt idx="8577">
                  <c:v>67.341556278335077</c:v>
                </c:pt>
                <c:pt idx="8578">
                  <c:v>68.228492818993985</c:v>
                </c:pt>
                <c:pt idx="8579">
                  <c:v>69.003502662147014</c:v>
                </c:pt>
                <c:pt idx="8580">
                  <c:v>68.66174877320563</c:v>
                </c:pt>
                <c:pt idx="8581">
                  <c:v>68.287088792756052</c:v>
                </c:pt>
                <c:pt idx="8582">
                  <c:v>68.549626350175046</c:v>
                </c:pt>
                <c:pt idx="8583">
                  <c:v>67.843895222680771</c:v>
                </c:pt>
                <c:pt idx="8584">
                  <c:v>67.216071856728675</c:v>
                </c:pt>
                <c:pt idx="8585">
                  <c:v>66.791048927349323</c:v>
                </c:pt>
                <c:pt idx="8586">
                  <c:v>65.116757438994469</c:v>
                </c:pt>
                <c:pt idx="8587">
                  <c:v>63.795863537120269</c:v>
                </c:pt>
                <c:pt idx="8588">
                  <c:v>62.758405830187321</c:v>
                </c:pt>
                <c:pt idx="8589">
                  <c:v>60.828727228793184</c:v>
                </c:pt>
                <c:pt idx="8590">
                  <c:v>60.645608769754396</c:v>
                </c:pt>
                <c:pt idx="8591">
                  <c:v>59.865839005014692</c:v>
                </c:pt>
                <c:pt idx="8592">
                  <c:v>59.044830976472056</c:v>
                </c:pt>
                <c:pt idx="8593">
                  <c:v>58.962981755155049</c:v>
                </c:pt>
                <c:pt idx="8594">
                  <c:v>59.642735423720154</c:v>
                </c:pt>
                <c:pt idx="8595">
                  <c:v>60.516093802760089</c:v>
                </c:pt>
                <c:pt idx="8596">
                  <c:v>61.936425607328275</c:v>
                </c:pt>
                <c:pt idx="8597">
                  <c:v>65.039395155212333</c:v>
                </c:pt>
                <c:pt idx="8598">
                  <c:v>68.256108692191262</c:v>
                </c:pt>
                <c:pt idx="8599">
                  <c:v>69.675527124053303</c:v>
                </c:pt>
                <c:pt idx="8600">
                  <c:v>70.281514119510234</c:v>
                </c:pt>
                <c:pt idx="8601">
                  <c:v>69.620219040977517</c:v>
                </c:pt>
                <c:pt idx="8602">
                  <c:v>70.994665674533621</c:v>
                </c:pt>
                <c:pt idx="8603">
                  <c:v>71.173056260839061</c:v>
                </c:pt>
                <c:pt idx="8604">
                  <c:v>69.94043388412851</c:v>
                </c:pt>
                <c:pt idx="8605">
                  <c:v>69.855218199477477</c:v>
                </c:pt>
                <c:pt idx="8606">
                  <c:v>70.05662843367864</c:v>
                </c:pt>
                <c:pt idx="8607">
                  <c:v>68.617770352056752</c:v>
                </c:pt>
                <c:pt idx="8608">
                  <c:v>67.414971041696319</c:v>
                </c:pt>
                <c:pt idx="8609">
                  <c:v>66.796042017092901</c:v>
                </c:pt>
                <c:pt idx="8610">
                  <c:v>65.18782951747778</c:v>
                </c:pt>
                <c:pt idx="8611">
                  <c:v>64.052860036090465</c:v>
                </c:pt>
                <c:pt idx="8612">
                  <c:v>62.682252145145817</c:v>
                </c:pt>
                <c:pt idx="8613">
                  <c:v>60.300180069851578</c:v>
                </c:pt>
                <c:pt idx="8614">
                  <c:v>59.726114634543165</c:v>
                </c:pt>
                <c:pt idx="8615">
                  <c:v>58.244197290532234</c:v>
                </c:pt>
                <c:pt idx="8616">
                  <c:v>57.728206279990253</c:v>
                </c:pt>
                <c:pt idx="8617">
                  <c:v>57.606878147467413</c:v>
                </c:pt>
                <c:pt idx="8618">
                  <c:v>57.829569997104002</c:v>
                </c:pt>
                <c:pt idx="8619">
                  <c:v>58.286071294532846</c:v>
                </c:pt>
                <c:pt idx="8620">
                  <c:v>59.145930300352717</c:v>
                </c:pt>
                <c:pt idx="8621">
                  <c:v>61.763030680166537</c:v>
                </c:pt>
                <c:pt idx="8622">
                  <c:v>65.489624076233213</c:v>
                </c:pt>
                <c:pt idx="8623">
                  <c:v>66.801093712695575</c:v>
                </c:pt>
                <c:pt idx="8624">
                  <c:v>66.70099774936628</c:v>
                </c:pt>
                <c:pt idx="8625">
                  <c:v>66.260412238089103</c:v>
                </c:pt>
                <c:pt idx="8626">
                  <c:v>67.140045621778327</c:v>
                </c:pt>
                <c:pt idx="8627">
                  <c:v>67.459075991090515</c:v>
                </c:pt>
                <c:pt idx="8628">
                  <c:v>65.996992317288985</c:v>
                </c:pt>
                <c:pt idx="8629">
                  <c:v>65.964821407646951</c:v>
                </c:pt>
                <c:pt idx="8630">
                  <c:v>65.819144776639689</c:v>
                </c:pt>
                <c:pt idx="8631">
                  <c:v>64.575847228936624</c:v>
                </c:pt>
                <c:pt idx="8632">
                  <c:v>63.187555078853492</c:v>
                </c:pt>
                <c:pt idx="8633">
                  <c:v>62.393670167484743</c:v>
                </c:pt>
                <c:pt idx="8634">
                  <c:v>60.705183724187364</c:v>
                </c:pt>
                <c:pt idx="8635">
                  <c:v>59.4884258829224</c:v>
                </c:pt>
                <c:pt idx="8636">
                  <c:v>58.577755773797172</c:v>
                </c:pt>
                <c:pt idx="8637">
                  <c:v>56.632266496291138</c:v>
                </c:pt>
                <c:pt idx="8638">
                  <c:v>56.648588757618079</c:v>
                </c:pt>
                <c:pt idx="8639">
                  <c:v>55.727323070062631</c:v>
                </c:pt>
                <c:pt idx="8640">
                  <c:v>55.083728647756139</c:v>
                </c:pt>
                <c:pt idx="8641">
                  <c:v>54.133195492301169</c:v>
                </c:pt>
                <c:pt idx="8642">
                  <c:v>54.028711778126905</c:v>
                </c:pt>
                <c:pt idx="8643">
                  <c:v>54.023509919720638</c:v>
                </c:pt>
                <c:pt idx="8644">
                  <c:v>54.745220774163315</c:v>
                </c:pt>
                <c:pt idx="8645">
                  <c:v>57.135914579415491</c:v>
                </c:pt>
                <c:pt idx="8646">
                  <c:v>59.760373328880846</c:v>
                </c:pt>
                <c:pt idx="8647">
                  <c:v>60.854490309529652</c:v>
                </c:pt>
                <c:pt idx="8648">
                  <c:v>60.487895264149195</c:v>
                </c:pt>
                <c:pt idx="8649">
                  <c:v>59.435616217830685</c:v>
                </c:pt>
                <c:pt idx="8650">
                  <c:v>58.907852941674996</c:v>
                </c:pt>
                <c:pt idx="8651">
                  <c:v>57.760845840367573</c:v>
                </c:pt>
                <c:pt idx="8652">
                  <c:v>54.532598109367171</c:v>
                </c:pt>
                <c:pt idx="8653">
                  <c:v>52.847725301772044</c:v>
                </c:pt>
                <c:pt idx="8654">
                  <c:v>51.44760949807295</c:v>
                </c:pt>
                <c:pt idx="8655">
                  <c:v>49.268409174914908</c:v>
                </c:pt>
                <c:pt idx="8656">
                  <c:v>46.7506702042039</c:v>
                </c:pt>
                <c:pt idx="8657">
                  <c:v>43.908665368208034</c:v>
                </c:pt>
                <c:pt idx="8658">
                  <c:v>40.824124911289395</c:v>
                </c:pt>
                <c:pt idx="8659">
                  <c:v>39.124011912862649</c:v>
                </c:pt>
                <c:pt idx="8660">
                  <c:v>38.837261348684308</c:v>
                </c:pt>
                <c:pt idx="8661">
                  <c:v>37.815464272742105</c:v>
                </c:pt>
                <c:pt idx="8662">
                  <c:v>38.255647839618248</c:v>
                </c:pt>
                <c:pt idx="8663">
                  <c:v>37.704309611322365</c:v>
                </c:pt>
                <c:pt idx="8664">
                  <c:v>39.285581087738095</c:v>
                </c:pt>
                <c:pt idx="8665">
                  <c:v>39.695978834758897</c:v>
                </c:pt>
                <c:pt idx="8666">
                  <c:v>40.412236539541404</c:v>
                </c:pt>
                <c:pt idx="8667">
                  <c:v>40.156877611448415</c:v>
                </c:pt>
                <c:pt idx="8668">
                  <c:v>40.846294107361139</c:v>
                </c:pt>
                <c:pt idx="8669">
                  <c:v>42.43414334613729</c:v>
                </c:pt>
                <c:pt idx="8670">
                  <c:v>43.631431509004436</c:v>
                </c:pt>
                <c:pt idx="8671">
                  <c:v>44.666346313987944</c:v>
                </c:pt>
                <c:pt idx="8672">
                  <c:v>44.985012632647368</c:v>
                </c:pt>
                <c:pt idx="8673">
                  <c:v>44.567306256423038</c:v>
                </c:pt>
                <c:pt idx="8674">
                  <c:v>44.973278378464371</c:v>
                </c:pt>
                <c:pt idx="8675">
                  <c:v>45.265687860063139</c:v>
                </c:pt>
                <c:pt idx="8676">
                  <c:v>44.503824597764911</c:v>
                </c:pt>
                <c:pt idx="8677">
                  <c:v>44.318336053451553</c:v>
                </c:pt>
                <c:pt idx="8678">
                  <c:v>44.144544301075271</c:v>
                </c:pt>
                <c:pt idx="8679">
                  <c:v>43.704228243376448</c:v>
                </c:pt>
                <c:pt idx="8680">
                  <c:v>43.25557332509711</c:v>
                </c:pt>
                <c:pt idx="8681">
                  <c:v>43.02622639573179</c:v>
                </c:pt>
                <c:pt idx="8682">
                  <c:v>42.512282039869874</c:v>
                </c:pt>
                <c:pt idx="8683">
                  <c:v>42.19880351656419</c:v>
                </c:pt>
                <c:pt idx="8684">
                  <c:v>42.379276493786406</c:v>
                </c:pt>
                <c:pt idx="8685">
                  <c:v>41.814655781022061</c:v>
                </c:pt>
                <c:pt idx="8686">
                  <c:v>42.26356659978449</c:v>
                </c:pt>
                <c:pt idx="8687">
                  <c:v>42.044605519113361</c:v>
                </c:pt>
                <c:pt idx="8688">
                  <c:v>39.285554923007155</c:v>
                </c:pt>
                <c:pt idx="8689">
                  <c:v>39.698112868656594</c:v>
                </c:pt>
                <c:pt idx="8690">
                  <c:v>40.40996654318883</c:v>
                </c:pt>
                <c:pt idx="8691">
                  <c:v>40.159916172254917</c:v>
                </c:pt>
                <c:pt idx="8692">
                  <c:v>40.847065319670143</c:v>
                </c:pt>
                <c:pt idx="8693">
                  <c:v>42.418516607691572</c:v>
                </c:pt>
                <c:pt idx="8694">
                  <c:v>43.644532311386968</c:v>
                </c:pt>
                <c:pt idx="8695">
                  <c:v>44.658482439381174</c:v>
                </c:pt>
                <c:pt idx="8696">
                  <c:v>44.953676817269859</c:v>
                </c:pt>
                <c:pt idx="8697">
                  <c:v>44.556201779860338</c:v>
                </c:pt>
                <c:pt idx="8698">
                  <c:v>44.950303587195073</c:v>
                </c:pt>
                <c:pt idx="8699">
                  <c:v>45.252441641402392</c:v>
                </c:pt>
                <c:pt idx="8700">
                  <c:v>44.491828755113822</c:v>
                </c:pt>
                <c:pt idx="8701">
                  <c:v>44.318033766470208</c:v>
                </c:pt>
                <c:pt idx="8702">
                  <c:v>44.117053857753788</c:v>
                </c:pt>
                <c:pt idx="8703">
                  <c:v>43.696330338928469</c:v>
                </c:pt>
                <c:pt idx="8704">
                  <c:v>43.238627935208193</c:v>
                </c:pt>
                <c:pt idx="8705">
                  <c:v>43.02088255345204</c:v>
                </c:pt>
                <c:pt idx="8706">
                  <c:v>42.508492017791866</c:v>
                </c:pt>
                <c:pt idx="8707">
                  <c:v>42.202077187287998</c:v>
                </c:pt>
                <c:pt idx="8708">
                  <c:v>42.382834740283144</c:v>
                </c:pt>
                <c:pt idx="8709">
                  <c:v>41.814367655161959</c:v>
                </c:pt>
                <c:pt idx="8710">
                  <c:v>42.259376633907067</c:v>
                </c:pt>
                <c:pt idx="8711">
                  <c:v>42.041400496484187</c:v>
                </c:pt>
                <c:pt idx="8712">
                  <c:v>39.629072813002331</c:v>
                </c:pt>
                <c:pt idx="8713">
                  <c:v>39.796906067673135</c:v>
                </c:pt>
                <c:pt idx="8714">
                  <c:v>39.998255518889927</c:v>
                </c:pt>
                <c:pt idx="8715">
                  <c:v>39.773180521227033</c:v>
                </c:pt>
                <c:pt idx="8716">
                  <c:v>39.711192213606125</c:v>
                </c:pt>
                <c:pt idx="8717">
                  <c:v>40.034383069342553</c:v>
                </c:pt>
                <c:pt idx="8718">
                  <c:v>40.420435966034823</c:v>
                </c:pt>
                <c:pt idx="8719">
                  <c:v>40.237748107073152</c:v>
                </c:pt>
                <c:pt idx="8720">
                  <c:v>39.845615558595213</c:v>
                </c:pt>
                <c:pt idx="8721">
                  <c:v>39.278569881308066</c:v>
                </c:pt>
                <c:pt idx="8722">
                  <c:v>39.612485942691137</c:v>
                </c:pt>
                <c:pt idx="8723">
                  <c:v>39.630098945107385</c:v>
                </c:pt>
                <c:pt idx="8724">
                  <c:v>39.690079903985833</c:v>
                </c:pt>
                <c:pt idx="8725">
                  <c:v>39.706460653489408</c:v>
                </c:pt>
                <c:pt idx="8726">
                  <c:v>39.919834563805892</c:v>
                </c:pt>
                <c:pt idx="8727">
                  <c:v>39.805573870309466</c:v>
                </c:pt>
                <c:pt idx="8728">
                  <c:v>39.798287385019904</c:v>
                </c:pt>
                <c:pt idx="8729">
                  <c:v>40.251240085912741</c:v>
                </c:pt>
                <c:pt idx="8730">
                  <c:v>40.200927701208123</c:v>
                </c:pt>
                <c:pt idx="8731">
                  <c:v>39.974565257564464</c:v>
                </c:pt>
                <c:pt idx="8732">
                  <c:v>40.599430812483085</c:v>
                </c:pt>
                <c:pt idx="8733">
                  <c:v>41.353603311055501</c:v>
                </c:pt>
                <c:pt idx="8734">
                  <c:v>42.297278129580349</c:v>
                </c:pt>
                <c:pt idx="8735">
                  <c:v>42.785990427138501</c:v>
                </c:pt>
              </c:numCache>
            </c:numRef>
          </c:val>
          <c:smooth val="0"/>
          <c:extLst>
            <c:ext xmlns:c16="http://schemas.microsoft.com/office/drawing/2014/chart" uri="{C3380CC4-5D6E-409C-BE32-E72D297353CC}">
              <c16:uniqueId val="{00000000-5B3D-4EDE-925B-9A73039FD868}"/>
            </c:ext>
          </c:extLst>
        </c:ser>
        <c:dLbls>
          <c:showLegendKey val="0"/>
          <c:showVal val="0"/>
          <c:showCatName val="0"/>
          <c:showSerName val="0"/>
          <c:showPercent val="0"/>
          <c:showBubbleSize val="0"/>
        </c:dLbls>
        <c:marker val="1"/>
        <c:smooth val="0"/>
        <c:axId val="1789561167"/>
        <c:axId val="1789564047"/>
      </c:lineChart>
      <c:catAx>
        <c:axId val="1789561167"/>
        <c:scaling>
          <c:orientation val="minMax"/>
        </c:scaling>
        <c:delete val="0"/>
        <c:axPos val="b"/>
        <c:majorGridlines>
          <c:spPr>
            <a:ln w="9525" cap="flat" cmpd="sng" algn="ctr">
              <a:no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Hours</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4047"/>
        <c:crosses val="autoZero"/>
        <c:auto val="1"/>
        <c:lblAlgn val="ctr"/>
        <c:lblOffset val="100"/>
        <c:tickLblSkip val="1000"/>
        <c:tickMarkSkip val="1000"/>
        <c:noMultiLvlLbl val="0"/>
      </c:catAx>
      <c:valAx>
        <c:axId val="1789564047"/>
        <c:scaling>
          <c:orientation val="minMax"/>
          <c:min val="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nb-NO">
                    <a:solidFill>
                      <a:schemeClr val="tx1"/>
                    </a:solidFill>
                  </a:rPr>
                  <a:t>Hourly</a:t>
                </a:r>
                <a:r>
                  <a:rPr lang="nb-NO" baseline="0">
                    <a:solidFill>
                      <a:schemeClr val="tx1"/>
                    </a:solidFill>
                  </a:rPr>
                  <a:t> Demand [user-defined unit]</a:t>
                </a:r>
                <a:endParaRPr lang="nb-NO">
                  <a:solidFill>
                    <a:schemeClr val="tx1"/>
                  </a:solidFill>
                </a:endParaRPr>
              </a:p>
            </c:rich>
          </c:tx>
          <c:layout>
            <c:manualLayout>
              <c:xMode val="edge"/>
              <c:yMode val="edge"/>
              <c:x val="1.8578761431516905E-2"/>
              <c:y val="0.29543252538744419"/>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nb-NO"/>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1167"/>
        <c:crosses val="autoZero"/>
        <c:crossBetween val="between"/>
      </c:valAx>
      <c:spPr>
        <a:solidFill>
          <a:schemeClr val="bg1"/>
        </a:solidFill>
        <a:ln>
          <a:solidFill>
            <a:schemeClr val="tx1"/>
          </a:solidFill>
        </a:ln>
        <a:effectLst/>
      </c:spPr>
    </c:plotArea>
    <c:legend>
      <c:legendPos val="r"/>
      <c:layout>
        <c:manualLayout>
          <c:xMode val="edge"/>
          <c:yMode val="edge"/>
          <c:x val="0.52011957967317612"/>
          <c:y val="4.6380887584744082E-2"/>
          <c:w val="0.20205367875343577"/>
          <c:h val="9.9517795428260086E-2"/>
        </c:manualLayout>
      </c:layout>
      <c:overlay val="0"/>
      <c:spPr>
        <a:solidFill>
          <a:schemeClr val="bg1"/>
        </a:solidFill>
        <a:ln>
          <a:solidFill>
            <a:schemeClr val="tx1"/>
          </a:solid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r>
              <a:rPr lang="nb-NO" b="1"/>
              <a:t>Excess Heat</a:t>
            </a:r>
            <a:r>
              <a:rPr lang="nb-NO" b="1" baseline="0"/>
              <a:t> </a:t>
            </a:r>
            <a:r>
              <a:rPr lang="nb-NO" b="1"/>
              <a:t>Profile </a:t>
            </a:r>
          </a:p>
          <a:p>
            <a:pPr>
              <a:defRPr b="1"/>
            </a:pPr>
            <a:r>
              <a:rPr lang="nb-NO" b="1" baseline="0"/>
              <a:t>(Hourly Basis) </a:t>
            </a:r>
            <a:endParaRPr lang="nb-NO" b="1"/>
          </a:p>
        </c:rich>
      </c:tx>
      <c:layout>
        <c:manualLayout>
          <c:xMode val="edge"/>
          <c:yMode val="edge"/>
          <c:x val="0.40206253955158733"/>
          <c:y val="5.7765214884059168E-2"/>
        </c:manualLayout>
      </c:layout>
      <c:overlay val="0"/>
      <c:spPr>
        <a:solidFill>
          <a:schemeClr val="bg1"/>
        </a:solidFill>
        <a:ln>
          <a:solidFill>
            <a:schemeClr val="tx1"/>
          </a:solid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5.03537601278101E-2"/>
          <c:y val="3.6813922356091031E-2"/>
          <c:w val="0.94332448405708369"/>
          <c:h val="0.87906287978594122"/>
        </c:manualLayout>
      </c:layout>
      <c:areaChart>
        <c:grouping val="stacked"/>
        <c:varyColors val="0"/>
        <c:ser>
          <c:idx val="0"/>
          <c:order val="0"/>
          <c:tx>
            <c:strRef>
              <c:f>Output!$N$7</c:f>
              <c:strCache>
                <c:ptCount val="1"/>
                <c:pt idx="0">
                  <c:v>T1</c:v>
                </c:pt>
              </c:strCache>
            </c:strRef>
          </c:tx>
          <c:spPr>
            <a:solidFill>
              <a:schemeClr val="accent5">
                <a:lumMod val="20000"/>
                <a:lumOff val="80000"/>
              </a:schemeClr>
            </a:solidFill>
            <a:ln>
              <a:noFill/>
            </a:ln>
            <a:effectLst/>
          </c:spPr>
          <c:val>
            <c:numRef>
              <c:f>Output!$N$8:$N$8767</c:f>
              <c:numCache>
                <c:formatCode>_(* #,##0.00_);_(* \(#,##0.00\);_(* "-"??_);_(@_)</c:formatCode>
                <c:ptCount val="8760"/>
                <c:pt idx="0">
                  <c:v>8.3231576650685354E-2</c:v>
                </c:pt>
                <c:pt idx="1">
                  <c:v>8.3231576650685354E-2</c:v>
                </c:pt>
                <c:pt idx="2">
                  <c:v>8.3231576650685354E-2</c:v>
                </c:pt>
                <c:pt idx="3">
                  <c:v>8.3231576650685354E-2</c:v>
                </c:pt>
                <c:pt idx="4">
                  <c:v>8.3231576650685354E-2</c:v>
                </c:pt>
                <c:pt idx="5">
                  <c:v>0.36067016548630321</c:v>
                </c:pt>
                <c:pt idx="6">
                  <c:v>0.40922191853253637</c:v>
                </c:pt>
                <c:pt idx="7">
                  <c:v>0.40922191853253637</c:v>
                </c:pt>
                <c:pt idx="8">
                  <c:v>0.40922191853253637</c:v>
                </c:pt>
                <c:pt idx="9">
                  <c:v>0.43696577741609816</c:v>
                </c:pt>
                <c:pt idx="10">
                  <c:v>0.43696577741609816</c:v>
                </c:pt>
                <c:pt idx="11">
                  <c:v>0.5548771776712359</c:v>
                </c:pt>
                <c:pt idx="12">
                  <c:v>0.5548771776712359</c:v>
                </c:pt>
                <c:pt idx="13">
                  <c:v>0.36760613020719374</c:v>
                </c:pt>
                <c:pt idx="14">
                  <c:v>0.5548771776712359</c:v>
                </c:pt>
                <c:pt idx="15">
                  <c:v>0.5548771776712359</c:v>
                </c:pt>
                <c:pt idx="16">
                  <c:v>0.5548771776712359</c:v>
                </c:pt>
                <c:pt idx="17">
                  <c:v>0.5548771776712359</c:v>
                </c:pt>
                <c:pt idx="18">
                  <c:v>0.5548771776712359</c:v>
                </c:pt>
                <c:pt idx="19">
                  <c:v>0.46470963629966</c:v>
                </c:pt>
                <c:pt idx="20">
                  <c:v>0.38147805964897463</c:v>
                </c:pt>
                <c:pt idx="21">
                  <c:v>0.27743858883561795</c:v>
                </c:pt>
                <c:pt idx="22">
                  <c:v>0.263566659393837</c:v>
                </c:pt>
                <c:pt idx="23">
                  <c:v>0.263566659393837</c:v>
                </c:pt>
                <c:pt idx="24">
                  <c:v>0.24811550477632668</c:v>
                </c:pt>
                <c:pt idx="25">
                  <c:v>0.24811550477632668</c:v>
                </c:pt>
                <c:pt idx="26">
                  <c:v>0.24811550477632668</c:v>
                </c:pt>
                <c:pt idx="27">
                  <c:v>0.24811550477632668</c:v>
                </c:pt>
                <c:pt idx="28">
                  <c:v>0.24811550477632668</c:v>
                </c:pt>
                <c:pt idx="29">
                  <c:v>0.32255015620922467</c:v>
                </c:pt>
                <c:pt idx="30">
                  <c:v>0.3597674819256737</c:v>
                </c:pt>
                <c:pt idx="31">
                  <c:v>0.37217325716449001</c:v>
                </c:pt>
                <c:pt idx="32">
                  <c:v>0.37217325716449001</c:v>
                </c:pt>
                <c:pt idx="33">
                  <c:v>0.40318769526153087</c:v>
                </c:pt>
                <c:pt idx="34">
                  <c:v>0.4217963581197553</c:v>
                </c:pt>
                <c:pt idx="35">
                  <c:v>0.49623100955265337</c:v>
                </c:pt>
                <c:pt idx="36">
                  <c:v>0.49623100955265337</c:v>
                </c:pt>
                <c:pt idx="37">
                  <c:v>0.49623100955265337</c:v>
                </c:pt>
                <c:pt idx="38">
                  <c:v>0.49623100955265337</c:v>
                </c:pt>
                <c:pt idx="39">
                  <c:v>0.49623100955265337</c:v>
                </c:pt>
                <c:pt idx="40">
                  <c:v>0.49623100955265337</c:v>
                </c:pt>
                <c:pt idx="41">
                  <c:v>0.49623100955265337</c:v>
                </c:pt>
                <c:pt idx="42">
                  <c:v>0.49623100955265337</c:v>
                </c:pt>
                <c:pt idx="43">
                  <c:v>0.41559347050034723</c:v>
                </c:pt>
                <c:pt idx="44">
                  <c:v>0.34115881906744916</c:v>
                </c:pt>
                <c:pt idx="45">
                  <c:v>0.24811550477632668</c:v>
                </c:pt>
                <c:pt idx="46">
                  <c:v>0.24811550477632668</c:v>
                </c:pt>
                <c:pt idx="47">
                  <c:v>0.24811550477632668</c:v>
                </c:pt>
                <c:pt idx="48">
                  <c:v>0.21934840475501685</c:v>
                </c:pt>
                <c:pt idx="49">
                  <c:v>0.24676695534939391</c:v>
                </c:pt>
                <c:pt idx="50">
                  <c:v>0.24676695534939391</c:v>
                </c:pt>
                <c:pt idx="51">
                  <c:v>0.24676695534939391</c:v>
                </c:pt>
                <c:pt idx="52">
                  <c:v>0.24676695534939391</c:v>
                </c:pt>
                <c:pt idx="53">
                  <c:v>0.31805518689477436</c:v>
                </c:pt>
                <c:pt idx="54">
                  <c:v>0.36740857796465326</c:v>
                </c:pt>
                <c:pt idx="55">
                  <c:v>0.36740857796465326</c:v>
                </c:pt>
                <c:pt idx="56">
                  <c:v>0.36740857796465326</c:v>
                </c:pt>
                <c:pt idx="57">
                  <c:v>0.39482712855903035</c:v>
                </c:pt>
                <c:pt idx="58">
                  <c:v>0.42772938927228282</c:v>
                </c:pt>
                <c:pt idx="59">
                  <c:v>0.49353391069878783</c:v>
                </c:pt>
                <c:pt idx="60">
                  <c:v>0.49353391069878783</c:v>
                </c:pt>
                <c:pt idx="61">
                  <c:v>0.49353391069878783</c:v>
                </c:pt>
                <c:pt idx="62">
                  <c:v>0.49353391069878783</c:v>
                </c:pt>
                <c:pt idx="63">
                  <c:v>0.49353391069878783</c:v>
                </c:pt>
                <c:pt idx="64">
                  <c:v>0.49353391069878783</c:v>
                </c:pt>
                <c:pt idx="65">
                  <c:v>0.49353391069878783</c:v>
                </c:pt>
                <c:pt idx="66">
                  <c:v>0.49353391069878783</c:v>
                </c:pt>
                <c:pt idx="67">
                  <c:v>0.41127825891565661</c:v>
                </c:pt>
                <c:pt idx="68">
                  <c:v>0.32902260713252524</c:v>
                </c:pt>
                <c:pt idx="69">
                  <c:v>0.24676695534939391</c:v>
                </c:pt>
                <c:pt idx="70">
                  <c:v>0.24676695534939391</c:v>
                </c:pt>
                <c:pt idx="71">
                  <c:v>0.24676695534939391</c:v>
                </c:pt>
                <c:pt idx="72">
                  <c:v>0.24567055227246085</c:v>
                </c:pt>
                <c:pt idx="73">
                  <c:v>0.24567055227246085</c:v>
                </c:pt>
                <c:pt idx="74">
                  <c:v>0.24567055227246085</c:v>
                </c:pt>
                <c:pt idx="75">
                  <c:v>0.24567055227246085</c:v>
                </c:pt>
                <c:pt idx="76">
                  <c:v>0.24567055227246085</c:v>
                </c:pt>
                <c:pt idx="77">
                  <c:v>0.31664204515117172</c:v>
                </c:pt>
                <c:pt idx="78">
                  <c:v>0.36577615560566396</c:v>
                </c:pt>
                <c:pt idx="79">
                  <c:v>0.36577615560566396</c:v>
                </c:pt>
                <c:pt idx="80">
                  <c:v>0.36577615560566396</c:v>
                </c:pt>
                <c:pt idx="81">
                  <c:v>0.39307288363593734</c:v>
                </c:pt>
                <c:pt idx="82">
                  <c:v>0.42582895727226544</c:v>
                </c:pt>
                <c:pt idx="83">
                  <c:v>0.49134110454492169</c:v>
                </c:pt>
                <c:pt idx="84">
                  <c:v>0.49134110454492169</c:v>
                </c:pt>
                <c:pt idx="85">
                  <c:v>0.49134110454492169</c:v>
                </c:pt>
                <c:pt idx="86">
                  <c:v>0.49134110454492169</c:v>
                </c:pt>
                <c:pt idx="87">
                  <c:v>0.49134110454492169</c:v>
                </c:pt>
                <c:pt idx="88">
                  <c:v>0.49134110454492169</c:v>
                </c:pt>
                <c:pt idx="89">
                  <c:v>0.49134110454492169</c:v>
                </c:pt>
                <c:pt idx="90">
                  <c:v>0.49134110454492169</c:v>
                </c:pt>
                <c:pt idx="91">
                  <c:v>0.40945092045410147</c:v>
                </c:pt>
                <c:pt idx="92">
                  <c:v>0.32756073636328109</c:v>
                </c:pt>
                <c:pt idx="93">
                  <c:v>0.24567055227246085</c:v>
                </c:pt>
                <c:pt idx="94">
                  <c:v>0.24567055227246085</c:v>
                </c:pt>
                <c:pt idx="95">
                  <c:v>0.24567055227246085</c:v>
                </c:pt>
                <c:pt idx="96">
                  <c:v>0.26755366258240498</c:v>
                </c:pt>
                <c:pt idx="97">
                  <c:v>0.26755366258240498</c:v>
                </c:pt>
                <c:pt idx="98">
                  <c:v>0.26755366258240498</c:v>
                </c:pt>
                <c:pt idx="99">
                  <c:v>0.26755366258240498</c:v>
                </c:pt>
                <c:pt idx="100">
                  <c:v>0.26755366258240498</c:v>
                </c:pt>
                <c:pt idx="101">
                  <c:v>0.34484694288398865</c:v>
                </c:pt>
                <c:pt idx="102">
                  <c:v>0.41619458623929673</c:v>
                </c:pt>
                <c:pt idx="103">
                  <c:v>0.41619458623929673</c:v>
                </c:pt>
                <c:pt idx="104">
                  <c:v>0.41619458623929673</c:v>
                </c:pt>
                <c:pt idx="105">
                  <c:v>0.44592277097067501</c:v>
                </c:pt>
                <c:pt idx="106">
                  <c:v>0.46375968180950206</c:v>
                </c:pt>
                <c:pt idx="107">
                  <c:v>0.53510732516480997</c:v>
                </c:pt>
                <c:pt idx="108">
                  <c:v>0.53510732516480997</c:v>
                </c:pt>
                <c:pt idx="109">
                  <c:v>0.53510732516480997</c:v>
                </c:pt>
                <c:pt idx="110">
                  <c:v>0.53510732516480997</c:v>
                </c:pt>
                <c:pt idx="111">
                  <c:v>0.44592277097067501</c:v>
                </c:pt>
                <c:pt idx="112">
                  <c:v>0.42214022318557243</c:v>
                </c:pt>
                <c:pt idx="113">
                  <c:v>0.42214022318557243</c:v>
                </c:pt>
                <c:pt idx="114">
                  <c:v>0.42214022318557243</c:v>
                </c:pt>
                <c:pt idx="115">
                  <c:v>0.42214022318557243</c:v>
                </c:pt>
                <c:pt idx="116">
                  <c:v>0.32701003204516166</c:v>
                </c:pt>
                <c:pt idx="117">
                  <c:v>0.12485837587178901</c:v>
                </c:pt>
                <c:pt idx="118">
                  <c:v>0.12485837587178901</c:v>
                </c:pt>
                <c:pt idx="119">
                  <c:v>0.12485837587178901</c:v>
                </c:pt>
                <c:pt idx="120">
                  <c:v>9.3432558813635963E-2</c:v>
                </c:pt>
                <c:pt idx="121">
                  <c:v>0.18241594815995593</c:v>
                </c:pt>
                <c:pt idx="122">
                  <c:v>0.18241594815995593</c:v>
                </c:pt>
                <c:pt idx="123">
                  <c:v>0.18241594815995593</c:v>
                </c:pt>
                <c:pt idx="124">
                  <c:v>0.18241594815995593</c:v>
                </c:pt>
                <c:pt idx="125">
                  <c:v>0.2269076428331159</c:v>
                </c:pt>
                <c:pt idx="126">
                  <c:v>0.28474684590822386</c:v>
                </c:pt>
                <c:pt idx="127">
                  <c:v>0.32478937111406786</c:v>
                </c:pt>
                <c:pt idx="128">
                  <c:v>0.32478937111406786</c:v>
                </c:pt>
                <c:pt idx="129">
                  <c:v>0.32478937111406786</c:v>
                </c:pt>
                <c:pt idx="130">
                  <c:v>0.32478937111406786</c:v>
                </c:pt>
                <c:pt idx="131">
                  <c:v>0.32478937111406786</c:v>
                </c:pt>
                <c:pt idx="132">
                  <c:v>0.32478937111406786</c:v>
                </c:pt>
                <c:pt idx="133">
                  <c:v>0.32478937111406786</c:v>
                </c:pt>
                <c:pt idx="134">
                  <c:v>0.32478937111406786</c:v>
                </c:pt>
                <c:pt idx="135">
                  <c:v>0.29364518484285584</c:v>
                </c:pt>
                <c:pt idx="136">
                  <c:v>0.26695016803895982</c:v>
                </c:pt>
                <c:pt idx="137">
                  <c:v>0.24025515123506391</c:v>
                </c:pt>
                <c:pt idx="138">
                  <c:v>0.23135681230043187</c:v>
                </c:pt>
                <c:pt idx="139">
                  <c:v>0.18686511762727193</c:v>
                </c:pt>
                <c:pt idx="140">
                  <c:v>0.13792425348679593</c:v>
                </c:pt>
                <c:pt idx="141">
                  <c:v>0.13792425348679593</c:v>
                </c:pt>
                <c:pt idx="142">
                  <c:v>0.13792425348679593</c:v>
                </c:pt>
                <c:pt idx="143">
                  <c:v>0.13792425348679593</c:v>
                </c:pt>
                <c:pt idx="144">
                  <c:v>0.14751712644053347</c:v>
                </c:pt>
                <c:pt idx="145">
                  <c:v>0.17131021135029695</c:v>
                </c:pt>
                <c:pt idx="146">
                  <c:v>0.17131021135029695</c:v>
                </c:pt>
                <c:pt idx="147">
                  <c:v>0.17131021135029695</c:v>
                </c:pt>
                <c:pt idx="148">
                  <c:v>0.17131021135029695</c:v>
                </c:pt>
                <c:pt idx="149">
                  <c:v>0.21413776418787114</c:v>
                </c:pt>
                <c:pt idx="150">
                  <c:v>0.25220670004349272</c:v>
                </c:pt>
                <c:pt idx="151">
                  <c:v>0.29979286986301967</c:v>
                </c:pt>
                <c:pt idx="152">
                  <c:v>0.29979286986301967</c:v>
                </c:pt>
                <c:pt idx="153">
                  <c:v>0.29979286986301967</c:v>
                </c:pt>
                <c:pt idx="154">
                  <c:v>0.29979286986301967</c:v>
                </c:pt>
                <c:pt idx="155">
                  <c:v>0.29979286986301967</c:v>
                </c:pt>
                <c:pt idx="156">
                  <c:v>0.29979286986301967</c:v>
                </c:pt>
                <c:pt idx="157">
                  <c:v>0.29979286986301967</c:v>
                </c:pt>
                <c:pt idx="158">
                  <c:v>0.29979286986301967</c:v>
                </c:pt>
                <c:pt idx="159">
                  <c:v>0.26648255098935075</c:v>
                </c:pt>
                <c:pt idx="160">
                  <c:v>0.26172393400739807</c:v>
                </c:pt>
                <c:pt idx="161">
                  <c:v>0.22365499815177656</c:v>
                </c:pt>
                <c:pt idx="162">
                  <c:v>0.20937914720591849</c:v>
                </c:pt>
                <c:pt idx="163">
                  <c:v>0.17606882833224963</c:v>
                </c:pt>
                <c:pt idx="164">
                  <c:v>0.14751712644053347</c:v>
                </c:pt>
                <c:pt idx="165">
                  <c:v>0.12848265851272272</c:v>
                </c:pt>
                <c:pt idx="166">
                  <c:v>0.12848265851272272</c:v>
                </c:pt>
                <c:pt idx="167">
                  <c:v>0.12848265851272272</c:v>
                </c:pt>
                <c:pt idx="168">
                  <c:v>7.5578004285698705E-2</c:v>
                </c:pt>
                <c:pt idx="169">
                  <c:v>7.5578004285698705E-2</c:v>
                </c:pt>
                <c:pt idx="170">
                  <c:v>7.5578004285698705E-2</c:v>
                </c:pt>
                <c:pt idx="171">
                  <c:v>7.5578004285698705E-2</c:v>
                </c:pt>
                <c:pt idx="172">
                  <c:v>7.5578004285698705E-2</c:v>
                </c:pt>
                <c:pt idx="173">
                  <c:v>0.32750468523802762</c:v>
                </c:pt>
                <c:pt idx="174">
                  <c:v>0.37159185440468523</c:v>
                </c:pt>
                <c:pt idx="175">
                  <c:v>0.37159185440468523</c:v>
                </c:pt>
                <c:pt idx="176">
                  <c:v>0.37159185440468523</c:v>
                </c:pt>
                <c:pt idx="177">
                  <c:v>0.39678452249991814</c:v>
                </c:pt>
                <c:pt idx="178">
                  <c:v>0.39678452249991814</c:v>
                </c:pt>
                <c:pt idx="179">
                  <c:v>0.50385336190465801</c:v>
                </c:pt>
                <c:pt idx="180">
                  <c:v>0.50385336190465801</c:v>
                </c:pt>
                <c:pt idx="181">
                  <c:v>0.33380285226183593</c:v>
                </c:pt>
                <c:pt idx="182">
                  <c:v>0.50385336190465801</c:v>
                </c:pt>
                <c:pt idx="183">
                  <c:v>0.50385336190465801</c:v>
                </c:pt>
                <c:pt idx="184">
                  <c:v>0.50385336190465801</c:v>
                </c:pt>
                <c:pt idx="185">
                  <c:v>0.50385336190465801</c:v>
                </c:pt>
                <c:pt idx="186">
                  <c:v>0.50385336190465801</c:v>
                </c:pt>
                <c:pt idx="187">
                  <c:v>0.42197719059515104</c:v>
                </c:pt>
                <c:pt idx="188">
                  <c:v>0.34639918630945232</c:v>
                </c:pt>
                <c:pt idx="189">
                  <c:v>0.25192668095232901</c:v>
                </c:pt>
                <c:pt idx="190">
                  <c:v>0.23933034690471255</c:v>
                </c:pt>
                <c:pt idx="191">
                  <c:v>0.23933034690471255</c:v>
                </c:pt>
                <c:pt idx="192">
                  <c:v>0.22149180195840767</c:v>
                </c:pt>
                <c:pt idx="193">
                  <c:v>0.22149180195840767</c:v>
                </c:pt>
                <c:pt idx="194">
                  <c:v>0.22149180195840767</c:v>
                </c:pt>
                <c:pt idx="195">
                  <c:v>0.22149180195840767</c:v>
                </c:pt>
                <c:pt idx="196">
                  <c:v>0.22149180195840767</c:v>
                </c:pt>
                <c:pt idx="197">
                  <c:v>0.28793934254592995</c:v>
                </c:pt>
                <c:pt idx="198">
                  <c:v>0.32116311283969107</c:v>
                </c:pt>
                <c:pt idx="199">
                  <c:v>0.33223770293761151</c:v>
                </c:pt>
                <c:pt idx="200">
                  <c:v>0.33223770293761151</c:v>
                </c:pt>
                <c:pt idx="201">
                  <c:v>0.35992417818241246</c:v>
                </c:pt>
                <c:pt idx="202">
                  <c:v>0.37653606332929301</c:v>
                </c:pt>
                <c:pt idx="203">
                  <c:v>0.44298360391681535</c:v>
                </c:pt>
                <c:pt idx="204">
                  <c:v>0.44298360391681535</c:v>
                </c:pt>
                <c:pt idx="205">
                  <c:v>0.44298360391681535</c:v>
                </c:pt>
                <c:pt idx="206">
                  <c:v>0.44298360391681535</c:v>
                </c:pt>
                <c:pt idx="207">
                  <c:v>0.44298360391681535</c:v>
                </c:pt>
                <c:pt idx="208">
                  <c:v>0.44298360391681535</c:v>
                </c:pt>
                <c:pt idx="209">
                  <c:v>0.44298360391681535</c:v>
                </c:pt>
                <c:pt idx="210">
                  <c:v>0.44298360391681535</c:v>
                </c:pt>
                <c:pt idx="211">
                  <c:v>0.37099876828033285</c:v>
                </c:pt>
                <c:pt idx="212">
                  <c:v>0.30455122769281051</c:v>
                </c:pt>
                <c:pt idx="213">
                  <c:v>0.22149180195840767</c:v>
                </c:pt>
                <c:pt idx="214">
                  <c:v>0.22149180195840767</c:v>
                </c:pt>
                <c:pt idx="215">
                  <c:v>0.22149180195840767</c:v>
                </c:pt>
                <c:pt idx="216">
                  <c:v>0.20141113208699959</c:v>
                </c:pt>
                <c:pt idx="217">
                  <c:v>0.22658752359787451</c:v>
                </c:pt>
                <c:pt idx="218">
                  <c:v>0.22658752359787451</c:v>
                </c:pt>
                <c:pt idx="219">
                  <c:v>0.22658752359787451</c:v>
                </c:pt>
                <c:pt idx="220">
                  <c:v>0.22658752359787451</c:v>
                </c:pt>
                <c:pt idx="221">
                  <c:v>0.29204614152614938</c:v>
                </c:pt>
                <c:pt idx="222">
                  <c:v>0.33736364624572435</c:v>
                </c:pt>
                <c:pt idx="223">
                  <c:v>0.33736364624572435</c:v>
                </c:pt>
                <c:pt idx="224">
                  <c:v>0.33736364624572435</c:v>
                </c:pt>
                <c:pt idx="225">
                  <c:v>0.36254003775659921</c:v>
                </c:pt>
                <c:pt idx="226">
                  <c:v>0.39275170756964911</c:v>
                </c:pt>
                <c:pt idx="227">
                  <c:v>0.45317504719574903</c:v>
                </c:pt>
                <c:pt idx="228">
                  <c:v>0.45317504719574903</c:v>
                </c:pt>
                <c:pt idx="229">
                  <c:v>0.45317504719574903</c:v>
                </c:pt>
                <c:pt idx="230">
                  <c:v>0.45317504719574903</c:v>
                </c:pt>
                <c:pt idx="231">
                  <c:v>0.45317504719574903</c:v>
                </c:pt>
                <c:pt idx="232">
                  <c:v>0.45317504719574903</c:v>
                </c:pt>
                <c:pt idx="233">
                  <c:v>0.45317504719574903</c:v>
                </c:pt>
                <c:pt idx="234">
                  <c:v>0.45317504719574903</c:v>
                </c:pt>
                <c:pt idx="235">
                  <c:v>0.37764587266312422</c:v>
                </c:pt>
                <c:pt idx="236">
                  <c:v>0.30211669813049941</c:v>
                </c:pt>
                <c:pt idx="237">
                  <c:v>0.22658752359787451</c:v>
                </c:pt>
                <c:pt idx="238">
                  <c:v>0.22658752359787451</c:v>
                </c:pt>
                <c:pt idx="239">
                  <c:v>0.22658752359787451</c:v>
                </c:pt>
                <c:pt idx="240">
                  <c:v>0.2231055874019359</c:v>
                </c:pt>
                <c:pt idx="241">
                  <c:v>0.2231055874019359</c:v>
                </c:pt>
                <c:pt idx="242">
                  <c:v>0.2231055874019359</c:v>
                </c:pt>
                <c:pt idx="243">
                  <c:v>0.2231055874019359</c:v>
                </c:pt>
                <c:pt idx="244">
                  <c:v>0.2231055874019359</c:v>
                </c:pt>
                <c:pt idx="245">
                  <c:v>0.28755831265138404</c:v>
                </c:pt>
                <c:pt idx="246">
                  <c:v>0.33217943013177126</c:v>
                </c:pt>
                <c:pt idx="247">
                  <c:v>0.33217943013177126</c:v>
                </c:pt>
                <c:pt idx="248">
                  <c:v>0.33217943013177126</c:v>
                </c:pt>
                <c:pt idx="249">
                  <c:v>0.35696893984309747</c:v>
                </c:pt>
                <c:pt idx="250">
                  <c:v>0.38671635149668898</c:v>
                </c:pt>
                <c:pt idx="251">
                  <c:v>0.44621117480387179</c:v>
                </c:pt>
                <c:pt idx="252">
                  <c:v>0.44621117480387179</c:v>
                </c:pt>
                <c:pt idx="253">
                  <c:v>0.44621117480387179</c:v>
                </c:pt>
                <c:pt idx="254">
                  <c:v>0.44621117480387179</c:v>
                </c:pt>
                <c:pt idx="255">
                  <c:v>0.44621117480387179</c:v>
                </c:pt>
                <c:pt idx="256">
                  <c:v>0.44621117480387179</c:v>
                </c:pt>
                <c:pt idx="257">
                  <c:v>0.44621117480387179</c:v>
                </c:pt>
                <c:pt idx="258">
                  <c:v>0.44621117480387179</c:v>
                </c:pt>
                <c:pt idx="259">
                  <c:v>0.37184264566989317</c:v>
                </c:pt>
                <c:pt idx="260">
                  <c:v>0.29747411653591455</c:v>
                </c:pt>
                <c:pt idx="261">
                  <c:v>0.2231055874019359</c:v>
                </c:pt>
                <c:pt idx="262">
                  <c:v>0.2231055874019359</c:v>
                </c:pt>
                <c:pt idx="263">
                  <c:v>0.2231055874019359</c:v>
                </c:pt>
                <c:pt idx="264">
                  <c:v>0.24550365693724796</c:v>
                </c:pt>
                <c:pt idx="265">
                  <c:v>0.24550365693724796</c:v>
                </c:pt>
                <c:pt idx="266">
                  <c:v>0.24550365693724796</c:v>
                </c:pt>
                <c:pt idx="267">
                  <c:v>0.24550365693724796</c:v>
                </c:pt>
                <c:pt idx="268">
                  <c:v>0.24550365693724796</c:v>
                </c:pt>
                <c:pt idx="269">
                  <c:v>0.31642693560800855</c:v>
                </c:pt>
                <c:pt idx="270">
                  <c:v>0.38189457745794131</c:v>
                </c:pt>
                <c:pt idx="271">
                  <c:v>0.38189457745794131</c:v>
                </c:pt>
                <c:pt idx="272">
                  <c:v>0.38189457745794131</c:v>
                </c:pt>
                <c:pt idx="273">
                  <c:v>0.40917276156208005</c:v>
                </c:pt>
                <c:pt idx="274">
                  <c:v>0.42553967202456322</c:v>
                </c:pt>
                <c:pt idx="275">
                  <c:v>0.49100731387449592</c:v>
                </c:pt>
                <c:pt idx="276">
                  <c:v>0.49100731387449592</c:v>
                </c:pt>
                <c:pt idx="277">
                  <c:v>0.49100731387449592</c:v>
                </c:pt>
                <c:pt idx="278">
                  <c:v>0.49100731387449592</c:v>
                </c:pt>
                <c:pt idx="279">
                  <c:v>0.40917276156208005</c:v>
                </c:pt>
                <c:pt idx="280">
                  <c:v>0.38735021427876909</c:v>
                </c:pt>
                <c:pt idx="281">
                  <c:v>0.38735021427876909</c:v>
                </c:pt>
                <c:pt idx="282">
                  <c:v>0.38735021427876909</c:v>
                </c:pt>
                <c:pt idx="283">
                  <c:v>0.38735021427876909</c:v>
                </c:pt>
                <c:pt idx="284">
                  <c:v>0.30006002514552532</c:v>
                </c:pt>
                <c:pt idx="285">
                  <c:v>0.11456837323738236</c:v>
                </c:pt>
                <c:pt idx="286">
                  <c:v>0.11456837323738236</c:v>
                </c:pt>
                <c:pt idx="287">
                  <c:v>0.11456837323738236</c:v>
                </c:pt>
                <c:pt idx="288">
                  <c:v>8.8216548305772149E-2</c:v>
                </c:pt>
                <c:pt idx="289">
                  <c:v>0.17223230859698371</c:v>
                </c:pt>
                <c:pt idx="290">
                  <c:v>0.17223230859698371</c:v>
                </c:pt>
                <c:pt idx="291">
                  <c:v>0.17223230859698371</c:v>
                </c:pt>
                <c:pt idx="292">
                  <c:v>0.17223230859698371</c:v>
                </c:pt>
                <c:pt idx="293">
                  <c:v>0.21424018874258952</c:v>
                </c:pt>
                <c:pt idx="294">
                  <c:v>0.26885043293187699</c:v>
                </c:pt>
                <c:pt idx="295">
                  <c:v>0.30665752506292226</c:v>
                </c:pt>
                <c:pt idx="296">
                  <c:v>0.30665752506292226</c:v>
                </c:pt>
                <c:pt idx="297">
                  <c:v>0.30665752506292226</c:v>
                </c:pt>
                <c:pt idx="298">
                  <c:v>0.30665752506292226</c:v>
                </c:pt>
                <c:pt idx="299">
                  <c:v>0.30665752506292226</c:v>
                </c:pt>
                <c:pt idx="300">
                  <c:v>0.30665752506292226</c:v>
                </c:pt>
                <c:pt idx="301">
                  <c:v>0.30665752506292226</c:v>
                </c:pt>
                <c:pt idx="302">
                  <c:v>0.30665752506292226</c:v>
                </c:pt>
                <c:pt idx="303">
                  <c:v>0.27725200896099816</c:v>
                </c:pt>
                <c:pt idx="304">
                  <c:v>0.2520472808736347</c:v>
                </c:pt>
                <c:pt idx="305">
                  <c:v>0.22684255278627119</c:v>
                </c:pt>
                <c:pt idx="306">
                  <c:v>0.21844097675715005</c:v>
                </c:pt>
                <c:pt idx="307">
                  <c:v>0.1764330966115443</c:v>
                </c:pt>
                <c:pt idx="308">
                  <c:v>0.13022442845137791</c:v>
                </c:pt>
                <c:pt idx="309">
                  <c:v>0.13022442845137791</c:v>
                </c:pt>
                <c:pt idx="310">
                  <c:v>0.13022442845137791</c:v>
                </c:pt>
                <c:pt idx="311">
                  <c:v>0.13022442845137791</c:v>
                </c:pt>
                <c:pt idx="312">
                  <c:v>0.14994797151918937</c:v>
                </c:pt>
                <c:pt idx="313">
                  <c:v>0.17413312821583285</c:v>
                </c:pt>
                <c:pt idx="314">
                  <c:v>0.17413312821583285</c:v>
                </c:pt>
                <c:pt idx="315">
                  <c:v>0.17413312821583285</c:v>
                </c:pt>
                <c:pt idx="316">
                  <c:v>0.17413312821583285</c:v>
                </c:pt>
                <c:pt idx="317">
                  <c:v>0.21766641026979103</c:v>
                </c:pt>
                <c:pt idx="318">
                  <c:v>0.25636266098442057</c:v>
                </c:pt>
                <c:pt idx="319">
                  <c:v>0.30473297437770747</c:v>
                </c:pt>
                <c:pt idx="320">
                  <c:v>0.30473297437770747</c:v>
                </c:pt>
                <c:pt idx="321">
                  <c:v>0.30473297437770747</c:v>
                </c:pt>
                <c:pt idx="322">
                  <c:v>0.30473297437770747</c:v>
                </c:pt>
                <c:pt idx="323">
                  <c:v>0.30473297437770747</c:v>
                </c:pt>
                <c:pt idx="324">
                  <c:v>0.30473297437770747</c:v>
                </c:pt>
                <c:pt idx="325">
                  <c:v>0.30473297437770747</c:v>
                </c:pt>
                <c:pt idx="326">
                  <c:v>0.30473297437770747</c:v>
                </c:pt>
                <c:pt idx="327">
                  <c:v>0.27087375500240662</c:v>
                </c:pt>
                <c:pt idx="328">
                  <c:v>0.2660367236630779</c:v>
                </c:pt>
                <c:pt idx="329">
                  <c:v>0.22734047294844845</c:v>
                </c:pt>
                <c:pt idx="330">
                  <c:v>0.21282937893046233</c:v>
                </c:pt>
                <c:pt idx="331">
                  <c:v>0.17897015955516155</c:v>
                </c:pt>
                <c:pt idx="332">
                  <c:v>0.14994797151918937</c:v>
                </c:pt>
                <c:pt idx="333">
                  <c:v>0.13059984616187464</c:v>
                </c:pt>
                <c:pt idx="334">
                  <c:v>0.13059984616187464</c:v>
                </c:pt>
                <c:pt idx="335">
                  <c:v>0.13059984616187464</c:v>
                </c:pt>
                <c:pt idx="336">
                  <c:v>8.0698048679282555E-2</c:v>
                </c:pt>
                <c:pt idx="337">
                  <c:v>8.0698048679282555E-2</c:v>
                </c:pt>
                <c:pt idx="338">
                  <c:v>8.0698048679282555E-2</c:v>
                </c:pt>
                <c:pt idx="339">
                  <c:v>8.0698048679282555E-2</c:v>
                </c:pt>
                <c:pt idx="340">
                  <c:v>8.0698048679282555E-2</c:v>
                </c:pt>
                <c:pt idx="341">
                  <c:v>0.34969154427689114</c:v>
                </c:pt>
                <c:pt idx="342">
                  <c:v>0.39676540600647259</c:v>
                </c:pt>
                <c:pt idx="343">
                  <c:v>0.39676540600647259</c:v>
                </c:pt>
                <c:pt idx="344">
                  <c:v>0.39676540600647259</c:v>
                </c:pt>
                <c:pt idx="345">
                  <c:v>0.42366475556623351</c:v>
                </c:pt>
                <c:pt idx="346">
                  <c:v>0.42366475556623351</c:v>
                </c:pt>
                <c:pt idx="347">
                  <c:v>0.53798699119521709</c:v>
                </c:pt>
                <c:pt idx="348">
                  <c:v>0.53798699119521709</c:v>
                </c:pt>
                <c:pt idx="349">
                  <c:v>0.35641638166683137</c:v>
                </c:pt>
                <c:pt idx="350">
                  <c:v>0.53798699119521709</c:v>
                </c:pt>
                <c:pt idx="351">
                  <c:v>0.53798699119521709</c:v>
                </c:pt>
                <c:pt idx="352">
                  <c:v>0.53798699119521709</c:v>
                </c:pt>
                <c:pt idx="353">
                  <c:v>0.53798699119521709</c:v>
                </c:pt>
                <c:pt idx="354">
                  <c:v>0.53798699119521709</c:v>
                </c:pt>
                <c:pt idx="355">
                  <c:v>0.45056410512599437</c:v>
                </c:pt>
                <c:pt idx="356">
                  <c:v>0.36986605644671178</c:v>
                </c:pt>
                <c:pt idx="357">
                  <c:v>0.26899349559760855</c:v>
                </c:pt>
                <c:pt idx="358">
                  <c:v>0.25554382081772814</c:v>
                </c:pt>
                <c:pt idx="359">
                  <c:v>0.25554382081772814</c:v>
                </c:pt>
                <c:pt idx="360">
                  <c:v>0.2370170742856833</c:v>
                </c:pt>
                <c:pt idx="361">
                  <c:v>0.2370170742856833</c:v>
                </c:pt>
                <c:pt idx="362">
                  <c:v>0.2370170742856833</c:v>
                </c:pt>
                <c:pt idx="363">
                  <c:v>0.2370170742856833</c:v>
                </c:pt>
                <c:pt idx="364">
                  <c:v>0.2370170742856833</c:v>
                </c:pt>
                <c:pt idx="365">
                  <c:v>0.30812219657138828</c:v>
                </c:pt>
                <c:pt idx="366">
                  <c:v>0.34367475771424078</c:v>
                </c:pt>
                <c:pt idx="367">
                  <c:v>0.35552561142852496</c:v>
                </c:pt>
                <c:pt idx="368">
                  <c:v>0.35552561142852496</c:v>
                </c:pt>
                <c:pt idx="369">
                  <c:v>0.3851527457142353</c:v>
                </c:pt>
                <c:pt idx="370">
                  <c:v>0.40292902628566157</c:v>
                </c:pt>
                <c:pt idx="371">
                  <c:v>0.47403414857136661</c:v>
                </c:pt>
                <c:pt idx="372">
                  <c:v>0.47403414857136661</c:v>
                </c:pt>
                <c:pt idx="373">
                  <c:v>0.47403414857136661</c:v>
                </c:pt>
                <c:pt idx="374">
                  <c:v>0.47403414857136661</c:v>
                </c:pt>
                <c:pt idx="375">
                  <c:v>0.47403414857136661</c:v>
                </c:pt>
                <c:pt idx="376">
                  <c:v>0.47403414857136661</c:v>
                </c:pt>
                <c:pt idx="377">
                  <c:v>0.47403414857136661</c:v>
                </c:pt>
                <c:pt idx="378">
                  <c:v>0.47403414857136661</c:v>
                </c:pt>
                <c:pt idx="379">
                  <c:v>0.39700359942851954</c:v>
                </c:pt>
                <c:pt idx="380">
                  <c:v>0.32589847714281445</c:v>
                </c:pt>
                <c:pt idx="381">
                  <c:v>0.2370170742856833</c:v>
                </c:pt>
                <c:pt idx="382">
                  <c:v>0.2370170742856833</c:v>
                </c:pt>
                <c:pt idx="383">
                  <c:v>0.2370170742856833</c:v>
                </c:pt>
                <c:pt idx="384">
                  <c:v>0.20614088401465888</c:v>
                </c:pt>
                <c:pt idx="385">
                  <c:v>0.23190849451649118</c:v>
                </c:pt>
                <c:pt idx="386">
                  <c:v>0.23190849451649118</c:v>
                </c:pt>
                <c:pt idx="387">
                  <c:v>0.23190849451649118</c:v>
                </c:pt>
                <c:pt idx="388">
                  <c:v>0.23190849451649118</c:v>
                </c:pt>
                <c:pt idx="389">
                  <c:v>0.29890428182125528</c:v>
                </c:pt>
                <c:pt idx="390">
                  <c:v>0.34528598072455358</c:v>
                </c:pt>
                <c:pt idx="391">
                  <c:v>0.34528598072455358</c:v>
                </c:pt>
                <c:pt idx="392">
                  <c:v>0.34528598072455358</c:v>
                </c:pt>
                <c:pt idx="393">
                  <c:v>0.37105359122638587</c:v>
                </c:pt>
                <c:pt idx="394">
                  <c:v>0.40197472382858473</c:v>
                </c:pt>
                <c:pt idx="395">
                  <c:v>0.46381698903298235</c:v>
                </c:pt>
                <c:pt idx="396">
                  <c:v>0.46381698903298235</c:v>
                </c:pt>
                <c:pt idx="397">
                  <c:v>0.46381698903298235</c:v>
                </c:pt>
                <c:pt idx="398">
                  <c:v>0.46381698903298235</c:v>
                </c:pt>
                <c:pt idx="399">
                  <c:v>0.46381698903298235</c:v>
                </c:pt>
                <c:pt idx="400">
                  <c:v>0.46381698903298235</c:v>
                </c:pt>
                <c:pt idx="401">
                  <c:v>0.46381698903298235</c:v>
                </c:pt>
                <c:pt idx="402">
                  <c:v>0.46381698903298235</c:v>
                </c:pt>
                <c:pt idx="403">
                  <c:v>0.38651415752748541</c:v>
                </c:pt>
                <c:pt idx="404">
                  <c:v>0.30921132602198825</c:v>
                </c:pt>
                <c:pt idx="405">
                  <c:v>0.23190849451649118</c:v>
                </c:pt>
                <c:pt idx="406">
                  <c:v>0.23190849451649118</c:v>
                </c:pt>
                <c:pt idx="407">
                  <c:v>0.23190849451649118</c:v>
                </c:pt>
                <c:pt idx="408">
                  <c:v>0.23523432171459929</c:v>
                </c:pt>
                <c:pt idx="409">
                  <c:v>0.23523432171459929</c:v>
                </c:pt>
                <c:pt idx="410">
                  <c:v>0.23523432171459929</c:v>
                </c:pt>
                <c:pt idx="411">
                  <c:v>0.23523432171459929</c:v>
                </c:pt>
                <c:pt idx="412">
                  <c:v>0.23523432171459929</c:v>
                </c:pt>
                <c:pt idx="413">
                  <c:v>0.30319090354326134</c:v>
                </c:pt>
                <c:pt idx="414">
                  <c:v>0.35023776788618122</c:v>
                </c:pt>
                <c:pt idx="415">
                  <c:v>0.35023776788618122</c:v>
                </c:pt>
                <c:pt idx="416">
                  <c:v>0.35023776788618122</c:v>
                </c:pt>
                <c:pt idx="417">
                  <c:v>0.37637491474335893</c:v>
                </c:pt>
                <c:pt idx="418">
                  <c:v>0.4077394909719721</c:v>
                </c:pt>
                <c:pt idx="419">
                  <c:v>0.47046864342919859</c:v>
                </c:pt>
                <c:pt idx="420">
                  <c:v>0.47046864342919859</c:v>
                </c:pt>
                <c:pt idx="421">
                  <c:v>0.47046864342919859</c:v>
                </c:pt>
                <c:pt idx="422">
                  <c:v>0.47046864342919859</c:v>
                </c:pt>
                <c:pt idx="423">
                  <c:v>0.47046864342919859</c:v>
                </c:pt>
                <c:pt idx="424">
                  <c:v>0.47046864342919859</c:v>
                </c:pt>
                <c:pt idx="425">
                  <c:v>0.47046864342919859</c:v>
                </c:pt>
                <c:pt idx="426">
                  <c:v>0.47046864342919859</c:v>
                </c:pt>
                <c:pt idx="427">
                  <c:v>0.39205720285766554</c:v>
                </c:pt>
                <c:pt idx="428">
                  <c:v>0.31364576228613245</c:v>
                </c:pt>
                <c:pt idx="429">
                  <c:v>0.23523432171459929</c:v>
                </c:pt>
                <c:pt idx="430">
                  <c:v>0.23523432171459929</c:v>
                </c:pt>
                <c:pt idx="431">
                  <c:v>0.23523432171459929</c:v>
                </c:pt>
                <c:pt idx="432">
                  <c:v>0.25944312715136331</c:v>
                </c:pt>
                <c:pt idx="433">
                  <c:v>0.25944312715136331</c:v>
                </c:pt>
                <c:pt idx="434">
                  <c:v>0.25944312715136331</c:v>
                </c:pt>
                <c:pt idx="435">
                  <c:v>0.25944312715136331</c:v>
                </c:pt>
                <c:pt idx="436">
                  <c:v>0.25944312715136331</c:v>
                </c:pt>
                <c:pt idx="437">
                  <c:v>0.33439336388397939</c:v>
                </c:pt>
                <c:pt idx="438">
                  <c:v>0.40357819779100962</c:v>
                </c:pt>
                <c:pt idx="439">
                  <c:v>0.40357819779100962</c:v>
                </c:pt>
                <c:pt idx="440">
                  <c:v>0.40357819779100962</c:v>
                </c:pt>
                <c:pt idx="441">
                  <c:v>0.43240521191893888</c:v>
                </c:pt>
                <c:pt idx="442">
                  <c:v>0.44970142039569638</c:v>
                </c:pt>
                <c:pt idx="443">
                  <c:v>0.51888625430272661</c:v>
                </c:pt>
                <c:pt idx="444">
                  <c:v>0.51888625430272661</c:v>
                </c:pt>
                <c:pt idx="445">
                  <c:v>0.51888625430272661</c:v>
                </c:pt>
                <c:pt idx="446">
                  <c:v>0.51888625430272661</c:v>
                </c:pt>
                <c:pt idx="447">
                  <c:v>0.43240521191893888</c:v>
                </c:pt>
                <c:pt idx="448">
                  <c:v>0.40934360061659547</c:v>
                </c:pt>
                <c:pt idx="449">
                  <c:v>0.40934360061659547</c:v>
                </c:pt>
                <c:pt idx="450">
                  <c:v>0.40934360061659547</c:v>
                </c:pt>
                <c:pt idx="451">
                  <c:v>0.40934360061659547</c:v>
                </c:pt>
                <c:pt idx="452">
                  <c:v>0.31709715540722178</c:v>
                </c:pt>
                <c:pt idx="453">
                  <c:v>0.12107345933730286</c:v>
                </c:pt>
                <c:pt idx="454">
                  <c:v>0.12107345933730286</c:v>
                </c:pt>
                <c:pt idx="455">
                  <c:v>0.12107345933730286</c:v>
                </c:pt>
                <c:pt idx="456">
                  <c:v>8.6188099774936203E-2</c:v>
                </c:pt>
                <c:pt idx="457">
                  <c:v>0.16827200432249448</c:v>
                </c:pt>
                <c:pt idx="458">
                  <c:v>0.16827200432249448</c:v>
                </c:pt>
                <c:pt idx="459">
                  <c:v>0.16827200432249448</c:v>
                </c:pt>
                <c:pt idx="460">
                  <c:v>0.16827200432249448</c:v>
                </c:pt>
                <c:pt idx="461">
                  <c:v>0.20931395659627364</c:v>
                </c:pt>
                <c:pt idx="462">
                  <c:v>0.26266849455218655</c:v>
                </c:pt>
                <c:pt idx="463">
                  <c:v>0.29960625159858778</c:v>
                </c:pt>
                <c:pt idx="464">
                  <c:v>0.29960625159858778</c:v>
                </c:pt>
                <c:pt idx="465">
                  <c:v>0.29960625159858778</c:v>
                </c:pt>
                <c:pt idx="466">
                  <c:v>0.29960625159858778</c:v>
                </c:pt>
                <c:pt idx="467">
                  <c:v>0.29960625159858778</c:v>
                </c:pt>
                <c:pt idx="468">
                  <c:v>0.29960625159858778</c:v>
                </c:pt>
                <c:pt idx="469">
                  <c:v>0.29960625159858778</c:v>
                </c:pt>
                <c:pt idx="470">
                  <c:v>0.29960625159858778</c:v>
                </c:pt>
                <c:pt idx="471">
                  <c:v>0.27087688500694235</c:v>
                </c:pt>
                <c:pt idx="472">
                  <c:v>0.24625171364267487</c:v>
                </c:pt>
                <c:pt idx="473">
                  <c:v>0.22162654227840739</c:v>
                </c:pt>
                <c:pt idx="474">
                  <c:v>0.21341815182365156</c:v>
                </c:pt>
                <c:pt idx="475">
                  <c:v>0.17237619954987241</c:v>
                </c:pt>
                <c:pt idx="476">
                  <c:v>0.12723005204871535</c:v>
                </c:pt>
                <c:pt idx="477">
                  <c:v>0.12723005204871535</c:v>
                </c:pt>
                <c:pt idx="478">
                  <c:v>0.12723005204871535</c:v>
                </c:pt>
                <c:pt idx="479">
                  <c:v>0.12723005204871535</c:v>
                </c:pt>
                <c:pt idx="480">
                  <c:v>0.14605861939333994</c:v>
                </c:pt>
                <c:pt idx="481">
                  <c:v>0.16961646123097537</c:v>
                </c:pt>
                <c:pt idx="482">
                  <c:v>0.16961646123097537</c:v>
                </c:pt>
                <c:pt idx="483">
                  <c:v>0.16961646123097537</c:v>
                </c:pt>
                <c:pt idx="484">
                  <c:v>0.16961646123097537</c:v>
                </c:pt>
                <c:pt idx="485">
                  <c:v>0.21202057653871922</c:v>
                </c:pt>
                <c:pt idx="486">
                  <c:v>0.24971312347893604</c:v>
                </c:pt>
                <c:pt idx="487">
                  <c:v>0.29682880715420695</c:v>
                </c:pt>
                <c:pt idx="488">
                  <c:v>0.29682880715420695</c:v>
                </c:pt>
                <c:pt idx="489">
                  <c:v>0.29682880715420695</c:v>
                </c:pt>
                <c:pt idx="490">
                  <c:v>0.29682880715420695</c:v>
                </c:pt>
                <c:pt idx="491">
                  <c:v>0.29682880715420695</c:v>
                </c:pt>
                <c:pt idx="492">
                  <c:v>0.29682880715420695</c:v>
                </c:pt>
                <c:pt idx="493">
                  <c:v>0.29682880715420695</c:v>
                </c:pt>
                <c:pt idx="494">
                  <c:v>0.29682880715420695</c:v>
                </c:pt>
                <c:pt idx="495">
                  <c:v>0.26384782858151729</c:v>
                </c:pt>
                <c:pt idx="496">
                  <c:v>0.25913626021399017</c:v>
                </c:pt>
                <c:pt idx="497">
                  <c:v>0.22144371327377346</c:v>
                </c:pt>
                <c:pt idx="498">
                  <c:v>0.20730900817119219</c:v>
                </c:pt>
                <c:pt idx="499">
                  <c:v>0.17432802959850252</c:v>
                </c:pt>
                <c:pt idx="500">
                  <c:v>0.14605861939333994</c:v>
                </c:pt>
                <c:pt idx="501">
                  <c:v>0.12721234592323155</c:v>
                </c:pt>
                <c:pt idx="502">
                  <c:v>0.12721234592323155</c:v>
                </c:pt>
                <c:pt idx="503">
                  <c:v>0.12721234592323155</c:v>
                </c:pt>
                <c:pt idx="504">
                  <c:v>8.0007086505263628E-2</c:v>
                </c:pt>
                <c:pt idx="505">
                  <c:v>8.0007086505263628E-2</c:v>
                </c:pt>
                <c:pt idx="506">
                  <c:v>8.0007086505263628E-2</c:v>
                </c:pt>
                <c:pt idx="507">
                  <c:v>8.0007086505263628E-2</c:v>
                </c:pt>
                <c:pt idx="508">
                  <c:v>8.0007086505263628E-2</c:v>
                </c:pt>
                <c:pt idx="509">
                  <c:v>0.34669737485614244</c:v>
                </c:pt>
                <c:pt idx="510">
                  <c:v>0.39336817531754625</c:v>
                </c:pt>
                <c:pt idx="511">
                  <c:v>0.39336817531754625</c:v>
                </c:pt>
                <c:pt idx="512">
                  <c:v>0.39336817531754625</c:v>
                </c:pt>
                <c:pt idx="513">
                  <c:v>0.42003720415263412</c:v>
                </c:pt>
                <c:pt idx="514">
                  <c:v>0.42003720415263412</c:v>
                </c:pt>
                <c:pt idx="515">
                  <c:v>0.53338057670175765</c:v>
                </c:pt>
                <c:pt idx="516">
                  <c:v>0.53338057670175765</c:v>
                </c:pt>
                <c:pt idx="517">
                  <c:v>0.35336463206491442</c:v>
                </c:pt>
                <c:pt idx="518">
                  <c:v>0.53338057670175765</c:v>
                </c:pt>
                <c:pt idx="519">
                  <c:v>0.53338057670175765</c:v>
                </c:pt>
                <c:pt idx="520">
                  <c:v>0.53338057670175765</c:v>
                </c:pt>
                <c:pt idx="521">
                  <c:v>0.53338057670175765</c:v>
                </c:pt>
                <c:pt idx="522">
                  <c:v>0.53338057670175765</c:v>
                </c:pt>
                <c:pt idx="523">
                  <c:v>0.446706232987722</c:v>
                </c:pt>
                <c:pt idx="524">
                  <c:v>0.36669914648245827</c:v>
                </c:pt>
                <c:pt idx="525">
                  <c:v>0.26669028835087882</c:v>
                </c:pt>
                <c:pt idx="526">
                  <c:v>0.2533557739333348</c:v>
                </c:pt>
                <c:pt idx="527">
                  <c:v>0.2533557739333348</c:v>
                </c:pt>
                <c:pt idx="528">
                  <c:v>0.22628221691643777</c:v>
                </c:pt>
                <c:pt idx="529">
                  <c:v>0.22628221691643777</c:v>
                </c:pt>
                <c:pt idx="530">
                  <c:v>0.22628221691643777</c:v>
                </c:pt>
                <c:pt idx="531">
                  <c:v>0.22628221691643777</c:v>
                </c:pt>
                <c:pt idx="532">
                  <c:v>0.22628221691643777</c:v>
                </c:pt>
                <c:pt idx="533">
                  <c:v>0.29416688199136903</c:v>
                </c:pt>
                <c:pt idx="534">
                  <c:v>0.32810921452883474</c:v>
                </c:pt>
                <c:pt idx="535">
                  <c:v>0.33942332537465664</c:v>
                </c:pt>
                <c:pt idx="536">
                  <c:v>0.33942332537465664</c:v>
                </c:pt>
                <c:pt idx="537">
                  <c:v>0.36770860248921128</c:v>
                </c:pt>
                <c:pt idx="538">
                  <c:v>0.38467976875794413</c:v>
                </c:pt>
                <c:pt idx="539">
                  <c:v>0.45256443383287553</c:v>
                </c:pt>
                <c:pt idx="540">
                  <c:v>0.45256443383287553</c:v>
                </c:pt>
                <c:pt idx="541">
                  <c:v>0.45256443383287553</c:v>
                </c:pt>
                <c:pt idx="542">
                  <c:v>0.45256443383287553</c:v>
                </c:pt>
                <c:pt idx="543">
                  <c:v>0.45256443383287553</c:v>
                </c:pt>
                <c:pt idx="544">
                  <c:v>0.45256443383287553</c:v>
                </c:pt>
                <c:pt idx="545">
                  <c:v>0.45256443383287553</c:v>
                </c:pt>
                <c:pt idx="546">
                  <c:v>0.45256443383287553</c:v>
                </c:pt>
                <c:pt idx="547">
                  <c:v>0.37902271333503318</c:v>
                </c:pt>
                <c:pt idx="548">
                  <c:v>0.31113804826010194</c:v>
                </c:pt>
                <c:pt idx="549">
                  <c:v>0.22628221691643777</c:v>
                </c:pt>
                <c:pt idx="550">
                  <c:v>0.22628221691643777</c:v>
                </c:pt>
                <c:pt idx="551">
                  <c:v>0.22628221691643777</c:v>
                </c:pt>
                <c:pt idx="552">
                  <c:v>0.19892854241479321</c:v>
                </c:pt>
                <c:pt idx="553">
                  <c:v>0.22379461021664229</c:v>
                </c:pt>
                <c:pt idx="554">
                  <c:v>0.22379461021664229</c:v>
                </c:pt>
                <c:pt idx="555">
                  <c:v>0.22379461021664229</c:v>
                </c:pt>
                <c:pt idx="556">
                  <c:v>0.22379461021664229</c:v>
                </c:pt>
                <c:pt idx="557">
                  <c:v>0.2884463865014501</c:v>
                </c:pt>
                <c:pt idx="558">
                  <c:v>0.33320530854477853</c:v>
                </c:pt>
                <c:pt idx="559">
                  <c:v>0.33320530854477853</c:v>
                </c:pt>
                <c:pt idx="560">
                  <c:v>0.33320530854477853</c:v>
                </c:pt>
                <c:pt idx="561">
                  <c:v>0.35807137634662772</c:v>
                </c:pt>
                <c:pt idx="562">
                  <c:v>0.3879106577088467</c:v>
                </c:pt>
                <c:pt idx="563">
                  <c:v>0.44758922043328458</c:v>
                </c:pt>
                <c:pt idx="564">
                  <c:v>0.44758922043328458</c:v>
                </c:pt>
                <c:pt idx="565">
                  <c:v>0.44758922043328458</c:v>
                </c:pt>
                <c:pt idx="566">
                  <c:v>0.44758922043328458</c:v>
                </c:pt>
                <c:pt idx="567">
                  <c:v>0.44758922043328458</c:v>
                </c:pt>
                <c:pt idx="568">
                  <c:v>0.44758922043328458</c:v>
                </c:pt>
                <c:pt idx="569">
                  <c:v>0.44758922043328458</c:v>
                </c:pt>
                <c:pt idx="570">
                  <c:v>0.44758922043328458</c:v>
                </c:pt>
                <c:pt idx="571">
                  <c:v>0.37299101702773718</c:v>
                </c:pt>
                <c:pt idx="572">
                  <c:v>0.29839281362218972</c:v>
                </c:pt>
                <c:pt idx="573">
                  <c:v>0.22379461021664229</c:v>
                </c:pt>
                <c:pt idx="574">
                  <c:v>0.22379461021664229</c:v>
                </c:pt>
                <c:pt idx="575">
                  <c:v>0.22379461021664229</c:v>
                </c:pt>
                <c:pt idx="576">
                  <c:v>0.2209400094497258</c:v>
                </c:pt>
                <c:pt idx="577">
                  <c:v>0.2209400094497258</c:v>
                </c:pt>
                <c:pt idx="578">
                  <c:v>0.2209400094497258</c:v>
                </c:pt>
                <c:pt idx="579">
                  <c:v>0.2209400094497258</c:v>
                </c:pt>
                <c:pt idx="580">
                  <c:v>0.2209400094497258</c:v>
                </c:pt>
                <c:pt idx="581">
                  <c:v>0.28476712329075771</c:v>
                </c:pt>
                <c:pt idx="582">
                  <c:v>0.32895512518070291</c:v>
                </c:pt>
                <c:pt idx="583">
                  <c:v>0.32895512518070291</c:v>
                </c:pt>
                <c:pt idx="584">
                  <c:v>0.32895512518070291</c:v>
                </c:pt>
                <c:pt idx="585">
                  <c:v>0.35350401511956131</c:v>
                </c:pt>
                <c:pt idx="586">
                  <c:v>0.38296268304619147</c:v>
                </c:pt>
                <c:pt idx="587">
                  <c:v>0.44188001889945161</c:v>
                </c:pt>
                <c:pt idx="588">
                  <c:v>0.44188001889945161</c:v>
                </c:pt>
                <c:pt idx="589">
                  <c:v>0.44188001889945161</c:v>
                </c:pt>
                <c:pt idx="590">
                  <c:v>0.44188001889945161</c:v>
                </c:pt>
                <c:pt idx="591">
                  <c:v>0.44188001889945161</c:v>
                </c:pt>
                <c:pt idx="592">
                  <c:v>0.44188001889945161</c:v>
                </c:pt>
                <c:pt idx="593">
                  <c:v>0.44188001889945161</c:v>
                </c:pt>
                <c:pt idx="594">
                  <c:v>0.44188001889945161</c:v>
                </c:pt>
                <c:pt idx="595">
                  <c:v>0.36823334908287636</c:v>
                </c:pt>
                <c:pt idx="596">
                  <c:v>0.29458667926630111</c:v>
                </c:pt>
                <c:pt idx="597">
                  <c:v>0.2209400094497258</c:v>
                </c:pt>
                <c:pt idx="598">
                  <c:v>0.2209400094497258</c:v>
                </c:pt>
                <c:pt idx="599">
                  <c:v>0.2209400094497258</c:v>
                </c:pt>
                <c:pt idx="600">
                  <c:v>0.25170125242173264</c:v>
                </c:pt>
                <c:pt idx="601">
                  <c:v>0.25170125242173264</c:v>
                </c:pt>
                <c:pt idx="602">
                  <c:v>0.25170125242173264</c:v>
                </c:pt>
                <c:pt idx="603">
                  <c:v>0.25170125242173264</c:v>
                </c:pt>
                <c:pt idx="604">
                  <c:v>0.25170125242173264</c:v>
                </c:pt>
                <c:pt idx="605">
                  <c:v>0.32441494756578876</c:v>
                </c:pt>
                <c:pt idx="606">
                  <c:v>0.39153528154491751</c:v>
                </c:pt>
                <c:pt idx="607">
                  <c:v>0.39153528154491751</c:v>
                </c:pt>
                <c:pt idx="608">
                  <c:v>0.39153528154491751</c:v>
                </c:pt>
                <c:pt idx="609">
                  <c:v>0.41950208736955447</c:v>
                </c:pt>
                <c:pt idx="610">
                  <c:v>0.43628217086433668</c:v>
                </c:pt>
                <c:pt idx="611">
                  <c:v>0.50340250484346527</c:v>
                </c:pt>
                <c:pt idx="612">
                  <c:v>0.50340250484346527</c:v>
                </c:pt>
                <c:pt idx="613">
                  <c:v>0.50340250484346527</c:v>
                </c:pt>
                <c:pt idx="614">
                  <c:v>0.50340250484346527</c:v>
                </c:pt>
                <c:pt idx="615">
                  <c:v>0.41950208736955447</c:v>
                </c:pt>
                <c:pt idx="616">
                  <c:v>0.39712864270984494</c:v>
                </c:pt>
                <c:pt idx="617">
                  <c:v>0.39712864270984494</c:v>
                </c:pt>
                <c:pt idx="618">
                  <c:v>0.39712864270984494</c:v>
                </c:pt>
                <c:pt idx="619">
                  <c:v>0.39712864270984494</c:v>
                </c:pt>
                <c:pt idx="620">
                  <c:v>0.3076348640710066</c:v>
                </c:pt>
                <c:pt idx="621">
                  <c:v>0.11746058446347525</c:v>
                </c:pt>
                <c:pt idx="622">
                  <c:v>0.11746058446347525</c:v>
                </c:pt>
                <c:pt idx="623">
                  <c:v>0.11746058446347525</c:v>
                </c:pt>
                <c:pt idx="624">
                  <c:v>8.3000537797908308E-2</c:v>
                </c:pt>
                <c:pt idx="625">
                  <c:v>0.16204866903401147</c:v>
                </c:pt>
                <c:pt idx="626">
                  <c:v>0.16204866903401147</c:v>
                </c:pt>
                <c:pt idx="627">
                  <c:v>0.16204866903401147</c:v>
                </c:pt>
                <c:pt idx="628">
                  <c:v>0.16204866903401147</c:v>
                </c:pt>
                <c:pt idx="629">
                  <c:v>0.20157273465206305</c:v>
                </c:pt>
                <c:pt idx="630">
                  <c:v>0.25295401995553007</c:v>
                </c:pt>
                <c:pt idx="631">
                  <c:v>0.2885256790117765</c:v>
                </c:pt>
                <c:pt idx="632">
                  <c:v>0.2885256790117765</c:v>
                </c:pt>
                <c:pt idx="633">
                  <c:v>0.2885256790117765</c:v>
                </c:pt>
                <c:pt idx="634">
                  <c:v>0.2885256790117765</c:v>
                </c:pt>
                <c:pt idx="635">
                  <c:v>0.2885256790117765</c:v>
                </c:pt>
                <c:pt idx="636">
                  <c:v>0.2885256790117765</c:v>
                </c:pt>
                <c:pt idx="637">
                  <c:v>0.2885256790117765</c:v>
                </c:pt>
                <c:pt idx="638">
                  <c:v>0.2885256790117765</c:v>
                </c:pt>
                <c:pt idx="639">
                  <c:v>0.26085883307914037</c:v>
                </c:pt>
                <c:pt idx="640">
                  <c:v>0.23714439370830948</c:v>
                </c:pt>
                <c:pt idx="641">
                  <c:v>0.21342995433747855</c:v>
                </c:pt>
                <c:pt idx="642">
                  <c:v>0.20552514121386814</c:v>
                </c:pt>
                <c:pt idx="643">
                  <c:v>0.16600107559581662</c:v>
                </c:pt>
                <c:pt idx="644">
                  <c:v>0.12252460341595989</c:v>
                </c:pt>
                <c:pt idx="645">
                  <c:v>0.12252460341595989</c:v>
                </c:pt>
                <c:pt idx="646">
                  <c:v>0.12252460341595989</c:v>
                </c:pt>
                <c:pt idx="647">
                  <c:v>0.12252460341595989</c:v>
                </c:pt>
                <c:pt idx="648">
                  <c:v>0.13730757711017869</c:v>
                </c:pt>
                <c:pt idx="649">
                  <c:v>0.15945396051504621</c:v>
                </c:pt>
                <c:pt idx="650">
                  <c:v>0.15945396051504621</c:v>
                </c:pt>
                <c:pt idx="651">
                  <c:v>0.15945396051504621</c:v>
                </c:pt>
                <c:pt idx="652">
                  <c:v>0.15945396051504621</c:v>
                </c:pt>
                <c:pt idx="653">
                  <c:v>0.19931745064380776</c:v>
                </c:pt>
                <c:pt idx="654">
                  <c:v>0.23475166409159581</c:v>
                </c:pt>
                <c:pt idx="655">
                  <c:v>0.27904443090133091</c:v>
                </c:pt>
                <c:pt idx="656">
                  <c:v>0.27904443090133091</c:v>
                </c:pt>
                <c:pt idx="657">
                  <c:v>0.27904443090133091</c:v>
                </c:pt>
                <c:pt idx="658">
                  <c:v>0.27904443090133091</c:v>
                </c:pt>
                <c:pt idx="659">
                  <c:v>0.27904443090133091</c:v>
                </c:pt>
                <c:pt idx="660">
                  <c:v>0.27904443090133091</c:v>
                </c:pt>
                <c:pt idx="661">
                  <c:v>0.27904443090133091</c:v>
                </c:pt>
                <c:pt idx="662">
                  <c:v>0.27904443090133091</c:v>
                </c:pt>
                <c:pt idx="663">
                  <c:v>0.24803949413451631</c:v>
                </c:pt>
                <c:pt idx="664">
                  <c:v>0.2436102174535428</c:v>
                </c:pt>
                <c:pt idx="665">
                  <c:v>0.20817600400575478</c:v>
                </c:pt>
                <c:pt idx="666">
                  <c:v>0.19488817396283428</c:v>
                </c:pt>
                <c:pt idx="667">
                  <c:v>0.16388323719601972</c:v>
                </c:pt>
                <c:pt idx="668">
                  <c:v>0.13730757711017869</c:v>
                </c:pt>
                <c:pt idx="669">
                  <c:v>0.11959047038628468</c:v>
                </c:pt>
                <c:pt idx="670">
                  <c:v>0.11959047038628468</c:v>
                </c:pt>
                <c:pt idx="671">
                  <c:v>0.11959047038628468</c:v>
                </c:pt>
                <c:pt idx="672">
                  <c:v>7.7429978269052721E-2</c:v>
                </c:pt>
                <c:pt idx="673">
                  <c:v>7.7429978269052721E-2</c:v>
                </c:pt>
                <c:pt idx="674">
                  <c:v>7.7429978269052721E-2</c:v>
                </c:pt>
                <c:pt idx="675">
                  <c:v>7.7429978269052721E-2</c:v>
                </c:pt>
                <c:pt idx="676">
                  <c:v>7.7429978269052721E-2</c:v>
                </c:pt>
                <c:pt idx="677">
                  <c:v>0.33552990583256181</c:v>
                </c:pt>
                <c:pt idx="678">
                  <c:v>0.38069739315617596</c:v>
                </c:pt>
                <c:pt idx="679">
                  <c:v>0.38069739315617596</c:v>
                </c:pt>
                <c:pt idx="680">
                  <c:v>0.38069739315617596</c:v>
                </c:pt>
                <c:pt idx="681">
                  <c:v>0.40650738591252683</c:v>
                </c:pt>
                <c:pt idx="682">
                  <c:v>0.40650738591252683</c:v>
                </c:pt>
                <c:pt idx="683">
                  <c:v>0.51619985512701827</c:v>
                </c:pt>
                <c:pt idx="684">
                  <c:v>0.51619985512701827</c:v>
                </c:pt>
                <c:pt idx="685">
                  <c:v>0.34198240402164959</c:v>
                </c:pt>
                <c:pt idx="686">
                  <c:v>0.51619985512701827</c:v>
                </c:pt>
                <c:pt idx="687">
                  <c:v>0.51619985512701827</c:v>
                </c:pt>
                <c:pt idx="688">
                  <c:v>0.51619985512701827</c:v>
                </c:pt>
                <c:pt idx="689">
                  <c:v>0.51619985512701827</c:v>
                </c:pt>
                <c:pt idx="690">
                  <c:v>0.51619985512701827</c:v>
                </c:pt>
                <c:pt idx="691">
                  <c:v>0.43231737866887776</c:v>
                </c:pt>
                <c:pt idx="692">
                  <c:v>0.35488740039982503</c:v>
                </c:pt>
                <c:pt idx="693">
                  <c:v>0.25809992756350914</c:v>
                </c:pt>
                <c:pt idx="694">
                  <c:v>0.24519493118533364</c:v>
                </c:pt>
                <c:pt idx="695">
                  <c:v>0.24519493118533364</c:v>
                </c:pt>
                <c:pt idx="696">
                  <c:v>0.22726390809693608</c:v>
                </c:pt>
                <c:pt idx="697">
                  <c:v>0.22726390809693608</c:v>
                </c:pt>
                <c:pt idx="698">
                  <c:v>0.22726390809693608</c:v>
                </c:pt>
                <c:pt idx="699">
                  <c:v>0.22726390809693608</c:v>
                </c:pt>
                <c:pt idx="700">
                  <c:v>0.22726390809693608</c:v>
                </c:pt>
                <c:pt idx="701">
                  <c:v>0.29544308052601692</c:v>
                </c:pt>
                <c:pt idx="702">
                  <c:v>0.32953266674055737</c:v>
                </c:pt>
                <c:pt idx="703">
                  <c:v>0.34089586214540413</c:v>
                </c:pt>
                <c:pt idx="704">
                  <c:v>0.34089586214540413</c:v>
                </c:pt>
                <c:pt idx="705">
                  <c:v>0.36930385065752114</c:v>
                </c:pt>
                <c:pt idx="706">
                  <c:v>0.38634864376479133</c:v>
                </c:pt>
                <c:pt idx="707">
                  <c:v>0.45452781619387217</c:v>
                </c:pt>
                <c:pt idx="708">
                  <c:v>0.45452781619387217</c:v>
                </c:pt>
                <c:pt idx="709">
                  <c:v>0.45452781619387217</c:v>
                </c:pt>
                <c:pt idx="710">
                  <c:v>0.45452781619387217</c:v>
                </c:pt>
                <c:pt idx="711">
                  <c:v>0.45452781619387217</c:v>
                </c:pt>
                <c:pt idx="712">
                  <c:v>0.45452781619387217</c:v>
                </c:pt>
                <c:pt idx="713">
                  <c:v>0.45452781619387217</c:v>
                </c:pt>
                <c:pt idx="714">
                  <c:v>0.45452781619387217</c:v>
                </c:pt>
                <c:pt idx="715">
                  <c:v>0.38066704606236801</c:v>
                </c:pt>
                <c:pt idx="716">
                  <c:v>0.31248787363328712</c:v>
                </c:pt>
                <c:pt idx="717">
                  <c:v>0.22726390809693608</c:v>
                </c:pt>
                <c:pt idx="718">
                  <c:v>0.22726390809693608</c:v>
                </c:pt>
                <c:pt idx="719">
                  <c:v>0.22726390809693608</c:v>
                </c:pt>
                <c:pt idx="720">
                  <c:v>0.21334498623667233</c:v>
                </c:pt>
                <c:pt idx="721">
                  <c:v>0.24001310951625637</c:v>
                </c:pt>
                <c:pt idx="722">
                  <c:v>0.24001310951625637</c:v>
                </c:pt>
                <c:pt idx="723">
                  <c:v>0.24001310951625637</c:v>
                </c:pt>
                <c:pt idx="724">
                  <c:v>0.24001310951625637</c:v>
                </c:pt>
                <c:pt idx="725">
                  <c:v>0.30935023004317486</c:v>
                </c:pt>
                <c:pt idx="726">
                  <c:v>0.35735285194642613</c:v>
                </c:pt>
                <c:pt idx="727">
                  <c:v>0.35735285194642613</c:v>
                </c:pt>
                <c:pt idx="728">
                  <c:v>0.35735285194642613</c:v>
                </c:pt>
                <c:pt idx="729">
                  <c:v>0.3840209752260102</c:v>
                </c:pt>
                <c:pt idx="730">
                  <c:v>0.41602272316151101</c:v>
                </c:pt>
                <c:pt idx="731">
                  <c:v>0.48002621903251275</c:v>
                </c:pt>
                <c:pt idx="732">
                  <c:v>0.48002621903251275</c:v>
                </c:pt>
                <c:pt idx="733">
                  <c:v>0.48002621903251275</c:v>
                </c:pt>
                <c:pt idx="734">
                  <c:v>0.48002621903251275</c:v>
                </c:pt>
                <c:pt idx="735">
                  <c:v>0.48002621903251275</c:v>
                </c:pt>
                <c:pt idx="736">
                  <c:v>0.48002621903251275</c:v>
                </c:pt>
                <c:pt idx="737">
                  <c:v>0.48002621903251275</c:v>
                </c:pt>
                <c:pt idx="738">
                  <c:v>0.48002621903251275</c:v>
                </c:pt>
                <c:pt idx="739">
                  <c:v>0.40002184919376066</c:v>
                </c:pt>
                <c:pt idx="740">
                  <c:v>0.32001747935500857</c:v>
                </c:pt>
                <c:pt idx="741">
                  <c:v>0.24001310951625637</c:v>
                </c:pt>
                <c:pt idx="742">
                  <c:v>0.24001310951625637</c:v>
                </c:pt>
                <c:pt idx="743">
                  <c:v>0.24001310951625637</c:v>
                </c:pt>
                <c:pt idx="744">
                  <c:v>0.25072034125207127</c:v>
                </c:pt>
                <c:pt idx="745">
                  <c:v>0.25072034125207127</c:v>
                </c:pt>
                <c:pt idx="746">
                  <c:v>0.25072034125207127</c:v>
                </c:pt>
                <c:pt idx="747">
                  <c:v>0.25072034125207127</c:v>
                </c:pt>
                <c:pt idx="748">
                  <c:v>0.25072034125207127</c:v>
                </c:pt>
                <c:pt idx="749">
                  <c:v>0.32315066205822512</c:v>
                </c:pt>
                <c:pt idx="750">
                  <c:v>0.37329473030863941</c:v>
                </c:pt>
                <c:pt idx="751">
                  <c:v>0.37329473030863941</c:v>
                </c:pt>
                <c:pt idx="752">
                  <c:v>0.37329473030863941</c:v>
                </c:pt>
                <c:pt idx="753">
                  <c:v>0.40115254600331401</c:v>
                </c:pt>
                <c:pt idx="754">
                  <c:v>0.43458192483692354</c:v>
                </c:pt>
                <c:pt idx="755">
                  <c:v>0.50144068250414253</c:v>
                </c:pt>
                <c:pt idx="756">
                  <c:v>0.50144068250414253</c:v>
                </c:pt>
                <c:pt idx="757">
                  <c:v>0.50144068250414253</c:v>
                </c:pt>
                <c:pt idx="758">
                  <c:v>0.50144068250414253</c:v>
                </c:pt>
                <c:pt idx="759">
                  <c:v>0.50144068250414253</c:v>
                </c:pt>
                <c:pt idx="760">
                  <c:v>0.50144068250414253</c:v>
                </c:pt>
                <c:pt idx="761">
                  <c:v>0.50144068250414253</c:v>
                </c:pt>
                <c:pt idx="762">
                  <c:v>0.50144068250414253</c:v>
                </c:pt>
                <c:pt idx="763">
                  <c:v>0.41786723542011872</c:v>
                </c:pt>
                <c:pt idx="764">
                  <c:v>0.33429378833609502</c:v>
                </c:pt>
                <c:pt idx="765">
                  <c:v>0.25072034125207127</c:v>
                </c:pt>
                <c:pt idx="766">
                  <c:v>0.25072034125207127</c:v>
                </c:pt>
                <c:pt idx="767">
                  <c:v>0.25072034125207127</c:v>
                </c:pt>
                <c:pt idx="768">
                  <c:v>0.26312973416547308</c:v>
                </c:pt>
                <c:pt idx="769">
                  <c:v>0.26312973416547308</c:v>
                </c:pt>
                <c:pt idx="770">
                  <c:v>0.26312973416547308</c:v>
                </c:pt>
                <c:pt idx="771">
                  <c:v>0.26312973416547308</c:v>
                </c:pt>
                <c:pt idx="772">
                  <c:v>0.26312973416547308</c:v>
                </c:pt>
                <c:pt idx="773">
                  <c:v>0.33914499070216542</c:v>
                </c:pt>
                <c:pt idx="774">
                  <c:v>0.40931291981295831</c:v>
                </c:pt>
                <c:pt idx="775">
                  <c:v>0.40931291981295831</c:v>
                </c:pt>
                <c:pt idx="776">
                  <c:v>0.40931291981295831</c:v>
                </c:pt>
                <c:pt idx="777">
                  <c:v>0.43854955694245534</c:v>
                </c:pt>
                <c:pt idx="778">
                  <c:v>0.45609153922015344</c:v>
                </c:pt>
                <c:pt idx="779">
                  <c:v>0.52625946833094617</c:v>
                </c:pt>
                <c:pt idx="780">
                  <c:v>0.52625946833094617</c:v>
                </c:pt>
                <c:pt idx="781">
                  <c:v>0.52625946833094617</c:v>
                </c:pt>
                <c:pt idx="782">
                  <c:v>0.52625946833094617</c:v>
                </c:pt>
                <c:pt idx="783">
                  <c:v>0.43854955694245534</c:v>
                </c:pt>
                <c:pt idx="784">
                  <c:v>0.41516024723885769</c:v>
                </c:pt>
                <c:pt idx="785">
                  <c:v>0.41516024723885769</c:v>
                </c:pt>
                <c:pt idx="786">
                  <c:v>0.41516024723885769</c:v>
                </c:pt>
                <c:pt idx="787">
                  <c:v>0.41516024723885769</c:v>
                </c:pt>
                <c:pt idx="788">
                  <c:v>0.32160300842446715</c:v>
                </c:pt>
                <c:pt idx="789">
                  <c:v>0.12279387594388746</c:v>
                </c:pt>
                <c:pt idx="790">
                  <c:v>0.12279387594388746</c:v>
                </c:pt>
                <c:pt idx="791">
                  <c:v>0.12279387594388746</c:v>
                </c:pt>
                <c:pt idx="792">
                  <c:v>9.6330342429115853E-2</c:v>
                </c:pt>
                <c:pt idx="793">
                  <c:v>0.18807352569494049</c:v>
                </c:pt>
                <c:pt idx="794">
                  <c:v>0.18807352569494049</c:v>
                </c:pt>
                <c:pt idx="795">
                  <c:v>0.18807352569494049</c:v>
                </c:pt>
                <c:pt idx="796">
                  <c:v>0.18807352569494049</c:v>
                </c:pt>
                <c:pt idx="797">
                  <c:v>0.23394511732785284</c:v>
                </c:pt>
                <c:pt idx="798">
                  <c:v>0.29357818645063882</c:v>
                </c:pt>
                <c:pt idx="799">
                  <c:v>0.33486261892025987</c:v>
                </c:pt>
                <c:pt idx="800">
                  <c:v>0.33486261892025987</c:v>
                </c:pt>
                <c:pt idx="801">
                  <c:v>0.33486261892025987</c:v>
                </c:pt>
                <c:pt idx="802">
                  <c:v>0.33486261892025987</c:v>
                </c:pt>
                <c:pt idx="803">
                  <c:v>0.33486261892025987</c:v>
                </c:pt>
                <c:pt idx="804">
                  <c:v>0.33486261892025987</c:v>
                </c:pt>
                <c:pt idx="805">
                  <c:v>0.33486261892025987</c:v>
                </c:pt>
                <c:pt idx="806">
                  <c:v>0.33486261892025987</c:v>
                </c:pt>
                <c:pt idx="807">
                  <c:v>0.30275250477722132</c:v>
                </c:pt>
                <c:pt idx="808">
                  <c:v>0.27522954979747388</c:v>
                </c:pt>
                <c:pt idx="809">
                  <c:v>0.24770659481772653</c:v>
                </c:pt>
                <c:pt idx="810">
                  <c:v>0.23853227649114406</c:v>
                </c:pt>
                <c:pt idx="811">
                  <c:v>0.19266068485823171</c:v>
                </c:pt>
                <c:pt idx="812">
                  <c:v>0.14220193406202816</c:v>
                </c:pt>
                <c:pt idx="813">
                  <c:v>0.14220193406202816</c:v>
                </c:pt>
                <c:pt idx="814">
                  <c:v>0.14220193406202816</c:v>
                </c:pt>
                <c:pt idx="815">
                  <c:v>0.14220193406202816</c:v>
                </c:pt>
                <c:pt idx="816">
                  <c:v>0.16258836592820006</c:v>
                </c:pt>
                <c:pt idx="817">
                  <c:v>0.18881229591661947</c:v>
                </c:pt>
                <c:pt idx="818">
                  <c:v>0.18881229591661947</c:v>
                </c:pt>
                <c:pt idx="819">
                  <c:v>0.18881229591661947</c:v>
                </c:pt>
                <c:pt idx="820">
                  <c:v>0.18881229591661947</c:v>
                </c:pt>
                <c:pt idx="821">
                  <c:v>0.23601536989577429</c:v>
                </c:pt>
                <c:pt idx="822">
                  <c:v>0.27797365787724532</c:v>
                </c:pt>
                <c:pt idx="823">
                  <c:v>0.33042151785408408</c:v>
                </c:pt>
                <c:pt idx="824">
                  <c:v>0.33042151785408408</c:v>
                </c:pt>
                <c:pt idx="825">
                  <c:v>0.33042151785408408</c:v>
                </c:pt>
                <c:pt idx="826">
                  <c:v>0.33042151785408408</c:v>
                </c:pt>
                <c:pt idx="827">
                  <c:v>0.33042151785408408</c:v>
                </c:pt>
                <c:pt idx="828">
                  <c:v>0.33042151785408408</c:v>
                </c:pt>
                <c:pt idx="829">
                  <c:v>0.33042151785408408</c:v>
                </c:pt>
                <c:pt idx="830">
                  <c:v>0.33042151785408408</c:v>
                </c:pt>
                <c:pt idx="831">
                  <c:v>0.29370801587029693</c:v>
                </c:pt>
                <c:pt idx="832">
                  <c:v>0.28846322987261303</c:v>
                </c:pt>
                <c:pt idx="833">
                  <c:v>0.24650494189114205</c:v>
                </c:pt>
                <c:pt idx="834">
                  <c:v>0.23077058389809044</c:v>
                </c:pt>
                <c:pt idx="835">
                  <c:v>0.19405708191430332</c:v>
                </c:pt>
                <c:pt idx="836">
                  <c:v>0.16258836592820006</c:v>
                </c:pt>
                <c:pt idx="837">
                  <c:v>0.14160922193746461</c:v>
                </c:pt>
                <c:pt idx="838">
                  <c:v>0.14160922193746461</c:v>
                </c:pt>
                <c:pt idx="839">
                  <c:v>0.14160922193746461</c:v>
                </c:pt>
                <c:pt idx="840">
                  <c:v>7.8049360345543287E-2</c:v>
                </c:pt>
                <c:pt idx="841">
                  <c:v>7.8049360345543287E-2</c:v>
                </c:pt>
                <c:pt idx="842">
                  <c:v>7.8049360345543287E-2</c:v>
                </c:pt>
                <c:pt idx="843">
                  <c:v>7.8049360345543287E-2</c:v>
                </c:pt>
                <c:pt idx="844">
                  <c:v>7.8049360345543287E-2</c:v>
                </c:pt>
                <c:pt idx="845">
                  <c:v>0.33821389483068759</c:v>
                </c:pt>
                <c:pt idx="846">
                  <c:v>0.38374268836558784</c:v>
                </c:pt>
                <c:pt idx="847">
                  <c:v>0.38374268836558784</c:v>
                </c:pt>
                <c:pt idx="848">
                  <c:v>0.38374268836558784</c:v>
                </c:pt>
                <c:pt idx="849">
                  <c:v>0.40975914181410228</c:v>
                </c:pt>
                <c:pt idx="850">
                  <c:v>0.40975914181410228</c:v>
                </c:pt>
                <c:pt idx="851">
                  <c:v>0.52032906897028852</c:v>
                </c:pt>
                <c:pt idx="852">
                  <c:v>0.52032906897028852</c:v>
                </c:pt>
                <c:pt idx="853">
                  <c:v>0.34471800819281612</c:v>
                </c:pt>
                <c:pt idx="854">
                  <c:v>0.52032906897028852</c:v>
                </c:pt>
                <c:pt idx="855">
                  <c:v>0.52032906897028852</c:v>
                </c:pt>
                <c:pt idx="856">
                  <c:v>0.52032906897028852</c:v>
                </c:pt>
                <c:pt idx="857">
                  <c:v>0.52032906897028852</c:v>
                </c:pt>
                <c:pt idx="858">
                  <c:v>0.52032906897028852</c:v>
                </c:pt>
                <c:pt idx="859">
                  <c:v>0.43577559526261672</c:v>
                </c:pt>
                <c:pt idx="860">
                  <c:v>0.35772623491707334</c:v>
                </c:pt>
                <c:pt idx="861">
                  <c:v>0.26016453448514426</c:v>
                </c:pt>
                <c:pt idx="862">
                  <c:v>0.24715630776088707</c:v>
                </c:pt>
                <c:pt idx="863">
                  <c:v>0.24715630776088707</c:v>
                </c:pt>
                <c:pt idx="864">
                  <c:v>0.22520051031301158</c:v>
                </c:pt>
                <c:pt idx="865">
                  <c:v>0.22520051031301158</c:v>
                </c:pt>
                <c:pt idx="866">
                  <c:v>0.22520051031301158</c:v>
                </c:pt>
                <c:pt idx="867">
                  <c:v>0.22520051031301158</c:v>
                </c:pt>
                <c:pt idx="868">
                  <c:v>0.22520051031301158</c:v>
                </c:pt>
                <c:pt idx="869">
                  <c:v>0.29276066340691503</c:v>
                </c:pt>
                <c:pt idx="870">
                  <c:v>0.32654073995386679</c:v>
                </c:pt>
                <c:pt idx="871">
                  <c:v>0.33780076546951737</c:v>
                </c:pt>
                <c:pt idx="872">
                  <c:v>0.33780076546951737</c:v>
                </c:pt>
                <c:pt idx="873">
                  <c:v>0.36595082925864375</c:v>
                </c:pt>
                <c:pt idx="874">
                  <c:v>0.38284086753211966</c:v>
                </c:pt>
                <c:pt idx="875">
                  <c:v>0.45040102062602316</c:v>
                </c:pt>
                <c:pt idx="876">
                  <c:v>0.45040102062602316</c:v>
                </c:pt>
                <c:pt idx="877">
                  <c:v>0.45040102062602316</c:v>
                </c:pt>
                <c:pt idx="878">
                  <c:v>0.45040102062602316</c:v>
                </c:pt>
                <c:pt idx="879">
                  <c:v>0.45040102062602316</c:v>
                </c:pt>
                <c:pt idx="880">
                  <c:v>0.45040102062602316</c:v>
                </c:pt>
                <c:pt idx="881">
                  <c:v>0.45040102062602316</c:v>
                </c:pt>
                <c:pt idx="882">
                  <c:v>0.45040102062602316</c:v>
                </c:pt>
                <c:pt idx="883">
                  <c:v>0.37721085477429434</c:v>
                </c:pt>
                <c:pt idx="884">
                  <c:v>0.30965070168039083</c:v>
                </c:pt>
                <c:pt idx="885">
                  <c:v>0.22520051031301158</c:v>
                </c:pt>
                <c:pt idx="886">
                  <c:v>0.22520051031301158</c:v>
                </c:pt>
                <c:pt idx="887">
                  <c:v>0.22520051031301158</c:v>
                </c:pt>
                <c:pt idx="888">
                  <c:v>0.20113528879008777</c:v>
                </c:pt>
                <c:pt idx="889">
                  <c:v>0.22627719988884873</c:v>
                </c:pt>
                <c:pt idx="890">
                  <c:v>0.22627719988884873</c:v>
                </c:pt>
                <c:pt idx="891">
                  <c:v>0.22627719988884873</c:v>
                </c:pt>
                <c:pt idx="892">
                  <c:v>0.22627719988884873</c:v>
                </c:pt>
                <c:pt idx="893">
                  <c:v>0.29164616874562727</c:v>
                </c:pt>
                <c:pt idx="894">
                  <c:v>0.33690160872339703</c:v>
                </c:pt>
                <c:pt idx="895">
                  <c:v>0.33690160872339703</c:v>
                </c:pt>
                <c:pt idx="896">
                  <c:v>0.33690160872339703</c:v>
                </c:pt>
                <c:pt idx="897">
                  <c:v>0.36204351982215804</c:v>
                </c:pt>
                <c:pt idx="898">
                  <c:v>0.39221381314067116</c:v>
                </c:pt>
                <c:pt idx="899">
                  <c:v>0.45255439977769746</c:v>
                </c:pt>
                <c:pt idx="900">
                  <c:v>0.45255439977769746</c:v>
                </c:pt>
                <c:pt idx="901">
                  <c:v>0.45255439977769746</c:v>
                </c:pt>
                <c:pt idx="902">
                  <c:v>0.45255439977769746</c:v>
                </c:pt>
                <c:pt idx="903">
                  <c:v>0.45255439977769746</c:v>
                </c:pt>
                <c:pt idx="904">
                  <c:v>0.45255439977769746</c:v>
                </c:pt>
                <c:pt idx="905">
                  <c:v>0.45255439977769746</c:v>
                </c:pt>
                <c:pt idx="906">
                  <c:v>0.45255439977769746</c:v>
                </c:pt>
                <c:pt idx="907">
                  <c:v>0.37712866648141452</c:v>
                </c:pt>
                <c:pt idx="908">
                  <c:v>0.30170293318513169</c:v>
                </c:pt>
                <c:pt idx="909">
                  <c:v>0.22627719988884873</c:v>
                </c:pt>
                <c:pt idx="910">
                  <c:v>0.22627719988884873</c:v>
                </c:pt>
                <c:pt idx="911">
                  <c:v>0.22627719988884873</c:v>
                </c:pt>
                <c:pt idx="912">
                  <c:v>0.22186811428638728</c:v>
                </c:pt>
                <c:pt idx="913">
                  <c:v>0.22186811428638728</c:v>
                </c:pt>
                <c:pt idx="914">
                  <c:v>0.22186811428638728</c:v>
                </c:pt>
                <c:pt idx="915">
                  <c:v>0.22186811428638728</c:v>
                </c:pt>
                <c:pt idx="916">
                  <c:v>0.22186811428638728</c:v>
                </c:pt>
                <c:pt idx="917">
                  <c:v>0.28596334730245476</c:v>
                </c:pt>
                <c:pt idx="918">
                  <c:v>0.33033697015973223</c:v>
                </c:pt>
                <c:pt idx="919">
                  <c:v>0.33033697015973223</c:v>
                </c:pt>
                <c:pt idx="920">
                  <c:v>0.33033697015973223</c:v>
                </c:pt>
                <c:pt idx="921">
                  <c:v>0.35498898285821973</c:v>
                </c:pt>
                <c:pt idx="922">
                  <c:v>0.38457139809640473</c:v>
                </c:pt>
                <c:pt idx="923">
                  <c:v>0.44373622857277456</c:v>
                </c:pt>
                <c:pt idx="924">
                  <c:v>0.44373622857277456</c:v>
                </c:pt>
                <c:pt idx="925">
                  <c:v>0.44373622857277456</c:v>
                </c:pt>
                <c:pt idx="926">
                  <c:v>0.44373622857277456</c:v>
                </c:pt>
                <c:pt idx="927">
                  <c:v>0.44373622857277456</c:v>
                </c:pt>
                <c:pt idx="928">
                  <c:v>0.44373622857277456</c:v>
                </c:pt>
                <c:pt idx="929">
                  <c:v>0.44373622857277456</c:v>
                </c:pt>
                <c:pt idx="930">
                  <c:v>0.44373622857277456</c:v>
                </c:pt>
                <c:pt idx="931">
                  <c:v>0.3697801904773122</c:v>
                </c:pt>
                <c:pt idx="932">
                  <c:v>0.29582415238184973</c:v>
                </c:pt>
                <c:pt idx="933">
                  <c:v>0.22186811428638728</c:v>
                </c:pt>
                <c:pt idx="934">
                  <c:v>0.22186811428638728</c:v>
                </c:pt>
                <c:pt idx="935">
                  <c:v>0.22186811428638728</c:v>
                </c:pt>
                <c:pt idx="936">
                  <c:v>0.25317589522737649</c:v>
                </c:pt>
                <c:pt idx="937">
                  <c:v>0.25317589522737649</c:v>
                </c:pt>
                <c:pt idx="938">
                  <c:v>0.25317589522737649</c:v>
                </c:pt>
                <c:pt idx="939">
                  <c:v>0.25317589522737649</c:v>
                </c:pt>
                <c:pt idx="940">
                  <c:v>0.25317589522737649</c:v>
                </c:pt>
                <c:pt idx="941">
                  <c:v>0.32631559829306306</c:v>
                </c:pt>
                <c:pt idx="942">
                  <c:v>0.39382917035369686</c:v>
                </c:pt>
                <c:pt idx="943">
                  <c:v>0.39382917035369686</c:v>
                </c:pt>
                <c:pt idx="944">
                  <c:v>0.39382917035369686</c:v>
                </c:pt>
                <c:pt idx="945">
                  <c:v>0.42195982537896093</c:v>
                </c:pt>
                <c:pt idx="946">
                  <c:v>0.43883821839411924</c:v>
                </c:pt>
                <c:pt idx="947">
                  <c:v>0.50635179045475298</c:v>
                </c:pt>
                <c:pt idx="948">
                  <c:v>0.50635179045475298</c:v>
                </c:pt>
                <c:pt idx="949">
                  <c:v>0.50635179045475298</c:v>
                </c:pt>
                <c:pt idx="950">
                  <c:v>0.50635179045475298</c:v>
                </c:pt>
                <c:pt idx="951">
                  <c:v>0.42195982537896093</c:v>
                </c:pt>
                <c:pt idx="952">
                  <c:v>0.39945530135874968</c:v>
                </c:pt>
                <c:pt idx="953">
                  <c:v>0.39945530135874968</c:v>
                </c:pt>
                <c:pt idx="954">
                  <c:v>0.39945530135874968</c:v>
                </c:pt>
                <c:pt idx="955">
                  <c:v>0.39945530135874968</c:v>
                </c:pt>
                <c:pt idx="956">
                  <c:v>0.30943720527790458</c:v>
                </c:pt>
                <c:pt idx="957">
                  <c:v>0.11814875110610905</c:v>
                </c:pt>
                <c:pt idx="958">
                  <c:v>0.11814875110610905</c:v>
                </c:pt>
                <c:pt idx="959">
                  <c:v>0.11814875110610905</c:v>
                </c:pt>
                <c:pt idx="960">
                  <c:v>9.0534775198156059E-2</c:v>
                </c:pt>
                <c:pt idx="961">
                  <c:v>0.17675837062497138</c:v>
                </c:pt>
                <c:pt idx="962">
                  <c:v>0.17675837062497138</c:v>
                </c:pt>
                <c:pt idx="963">
                  <c:v>0.17675837062497138</c:v>
                </c:pt>
                <c:pt idx="964">
                  <c:v>0.17675837062497138</c:v>
                </c:pt>
                <c:pt idx="965">
                  <c:v>0.219870168338379</c:v>
                </c:pt>
                <c:pt idx="966">
                  <c:v>0.27591550536580889</c:v>
                </c:pt>
                <c:pt idx="967">
                  <c:v>0.31471612330787579</c:v>
                </c:pt>
                <c:pt idx="968">
                  <c:v>0.31471612330787579</c:v>
                </c:pt>
                <c:pt idx="969">
                  <c:v>0.31471612330787579</c:v>
                </c:pt>
                <c:pt idx="970">
                  <c:v>0.31471612330787579</c:v>
                </c:pt>
                <c:pt idx="971">
                  <c:v>0.31471612330787579</c:v>
                </c:pt>
                <c:pt idx="972">
                  <c:v>0.31471612330787579</c:v>
                </c:pt>
                <c:pt idx="973">
                  <c:v>0.31471612330787579</c:v>
                </c:pt>
                <c:pt idx="974">
                  <c:v>0.31471612330787579</c:v>
                </c:pt>
                <c:pt idx="975">
                  <c:v>0.28453786490849048</c:v>
                </c:pt>
                <c:pt idx="976">
                  <c:v>0.25867078628044587</c:v>
                </c:pt>
                <c:pt idx="977">
                  <c:v>0.2328037076524013</c:v>
                </c:pt>
                <c:pt idx="978">
                  <c:v>0.22418134810971976</c:v>
                </c:pt>
                <c:pt idx="979">
                  <c:v>0.18106955039631212</c:v>
                </c:pt>
                <c:pt idx="980">
                  <c:v>0.1336465729115637</c:v>
                </c:pt>
                <c:pt idx="981">
                  <c:v>0.1336465729115637</c:v>
                </c:pt>
                <c:pt idx="982">
                  <c:v>0.1336465729115637</c:v>
                </c:pt>
                <c:pt idx="983">
                  <c:v>0.1336465729115637</c:v>
                </c:pt>
                <c:pt idx="984">
                  <c:v>0.14897563348772702</c:v>
                </c:pt>
                <c:pt idx="985">
                  <c:v>0.17300396146961847</c:v>
                </c:pt>
                <c:pt idx="986">
                  <c:v>0.17300396146961847</c:v>
                </c:pt>
                <c:pt idx="987">
                  <c:v>0.17300396146961847</c:v>
                </c:pt>
                <c:pt idx="988">
                  <c:v>0.17300396146961847</c:v>
                </c:pt>
                <c:pt idx="989">
                  <c:v>0.21625495183702306</c:v>
                </c:pt>
                <c:pt idx="990">
                  <c:v>0.25470027660804939</c:v>
                </c:pt>
                <c:pt idx="991">
                  <c:v>0.30275693257183228</c:v>
                </c:pt>
                <c:pt idx="992">
                  <c:v>0.30275693257183228</c:v>
                </c:pt>
                <c:pt idx="993">
                  <c:v>0.30275693257183228</c:v>
                </c:pt>
                <c:pt idx="994">
                  <c:v>0.30275693257183228</c:v>
                </c:pt>
                <c:pt idx="995">
                  <c:v>0.30275693257183228</c:v>
                </c:pt>
                <c:pt idx="996">
                  <c:v>0.30275693257183228</c:v>
                </c:pt>
                <c:pt idx="997">
                  <c:v>0.30275693257183228</c:v>
                </c:pt>
                <c:pt idx="998">
                  <c:v>0.30275693257183228</c:v>
                </c:pt>
                <c:pt idx="999">
                  <c:v>0.26911727339718428</c:v>
                </c:pt>
                <c:pt idx="1000">
                  <c:v>0.26431160780080593</c:v>
                </c:pt>
                <c:pt idx="1001">
                  <c:v>0.22586628302977965</c:v>
                </c:pt>
                <c:pt idx="1002">
                  <c:v>0.2114492862406448</c:v>
                </c:pt>
                <c:pt idx="1003">
                  <c:v>0.17780962706599676</c:v>
                </c:pt>
                <c:pt idx="1004">
                  <c:v>0.14897563348772702</c:v>
                </c:pt>
                <c:pt idx="1005">
                  <c:v>0.12975297110221387</c:v>
                </c:pt>
                <c:pt idx="1006">
                  <c:v>0.12975297110221387</c:v>
                </c:pt>
                <c:pt idx="1007">
                  <c:v>0.12975297110221387</c:v>
                </c:pt>
                <c:pt idx="1008">
                  <c:v>7.5630917828080235E-2</c:v>
                </c:pt>
                <c:pt idx="1009">
                  <c:v>7.5630917828080235E-2</c:v>
                </c:pt>
                <c:pt idx="1010">
                  <c:v>7.5630917828080235E-2</c:v>
                </c:pt>
                <c:pt idx="1011">
                  <c:v>7.5630917828080235E-2</c:v>
                </c:pt>
                <c:pt idx="1012">
                  <c:v>7.5630917828080235E-2</c:v>
                </c:pt>
                <c:pt idx="1013">
                  <c:v>0.32773397725501441</c:v>
                </c:pt>
                <c:pt idx="1014">
                  <c:v>0.37185201265472784</c:v>
                </c:pt>
                <c:pt idx="1015">
                  <c:v>0.37185201265472784</c:v>
                </c:pt>
                <c:pt idx="1016">
                  <c:v>0.37185201265472784</c:v>
                </c:pt>
                <c:pt idx="1017">
                  <c:v>0.39706231859742136</c:v>
                </c:pt>
                <c:pt idx="1018">
                  <c:v>0.39706231859742136</c:v>
                </c:pt>
                <c:pt idx="1019">
                  <c:v>0.50420611885386835</c:v>
                </c:pt>
                <c:pt idx="1020">
                  <c:v>0.50420611885386835</c:v>
                </c:pt>
                <c:pt idx="1021">
                  <c:v>0.33403655374068769</c:v>
                </c:pt>
                <c:pt idx="1022">
                  <c:v>0.50420611885386835</c:v>
                </c:pt>
                <c:pt idx="1023">
                  <c:v>0.50420611885386835</c:v>
                </c:pt>
                <c:pt idx="1024">
                  <c:v>0.50420611885386835</c:v>
                </c:pt>
                <c:pt idx="1025">
                  <c:v>0.50420611885386835</c:v>
                </c:pt>
                <c:pt idx="1026">
                  <c:v>0.50420611885386835</c:v>
                </c:pt>
                <c:pt idx="1027">
                  <c:v>0.42227262454011477</c:v>
                </c:pt>
                <c:pt idx="1028">
                  <c:v>0.34664170671203448</c:v>
                </c:pt>
                <c:pt idx="1029">
                  <c:v>0.25210305942693417</c:v>
                </c:pt>
                <c:pt idx="1030">
                  <c:v>0.23949790645558744</c:v>
                </c:pt>
                <c:pt idx="1031">
                  <c:v>0.23949790645558744</c:v>
                </c:pt>
                <c:pt idx="1032">
                  <c:v>0.21855574117767951</c:v>
                </c:pt>
                <c:pt idx="1033">
                  <c:v>0.21855574117767951</c:v>
                </c:pt>
                <c:pt idx="1034">
                  <c:v>0.21855574117767951</c:v>
                </c:pt>
                <c:pt idx="1035">
                  <c:v>0.21855574117767951</c:v>
                </c:pt>
                <c:pt idx="1036">
                  <c:v>0.21855574117767951</c:v>
                </c:pt>
                <c:pt idx="1037">
                  <c:v>0.2841224635309833</c:v>
                </c:pt>
                <c:pt idx="1038">
                  <c:v>0.31690582470763523</c:v>
                </c:pt>
                <c:pt idx="1039">
                  <c:v>0.32783361176651921</c:v>
                </c:pt>
                <c:pt idx="1040">
                  <c:v>0.32783361176651921</c:v>
                </c:pt>
                <c:pt idx="1041">
                  <c:v>0.3551530794137292</c:v>
                </c:pt>
                <c:pt idx="1042">
                  <c:v>0.37154476000205516</c:v>
                </c:pt>
                <c:pt idx="1043">
                  <c:v>0.43711148235535902</c:v>
                </c:pt>
                <c:pt idx="1044">
                  <c:v>0.43711148235535902</c:v>
                </c:pt>
                <c:pt idx="1045">
                  <c:v>0.43711148235535902</c:v>
                </c:pt>
                <c:pt idx="1046">
                  <c:v>0.43711148235535902</c:v>
                </c:pt>
                <c:pt idx="1047">
                  <c:v>0.43711148235535902</c:v>
                </c:pt>
                <c:pt idx="1048">
                  <c:v>0.43711148235535902</c:v>
                </c:pt>
                <c:pt idx="1049">
                  <c:v>0.43711148235535902</c:v>
                </c:pt>
                <c:pt idx="1050">
                  <c:v>0.43711148235535902</c:v>
                </c:pt>
                <c:pt idx="1051">
                  <c:v>0.36608086647261318</c:v>
                </c:pt>
                <c:pt idx="1052">
                  <c:v>0.30051414411930932</c:v>
                </c:pt>
                <c:pt idx="1053">
                  <c:v>0.21855574117767951</c:v>
                </c:pt>
                <c:pt idx="1054">
                  <c:v>0.21855574117767951</c:v>
                </c:pt>
                <c:pt idx="1055">
                  <c:v>0.21855574117767951</c:v>
                </c:pt>
                <c:pt idx="1056">
                  <c:v>0.2021007403292791</c:v>
                </c:pt>
                <c:pt idx="1057">
                  <c:v>0.22736333287043897</c:v>
                </c:pt>
                <c:pt idx="1058">
                  <c:v>0.22736333287043897</c:v>
                </c:pt>
                <c:pt idx="1059">
                  <c:v>0.22736333287043897</c:v>
                </c:pt>
                <c:pt idx="1060">
                  <c:v>0.22736333287043897</c:v>
                </c:pt>
                <c:pt idx="1061">
                  <c:v>0.2930460734774547</c:v>
                </c:pt>
                <c:pt idx="1062">
                  <c:v>0.33851874005154253</c:v>
                </c:pt>
                <c:pt idx="1063">
                  <c:v>0.33851874005154253</c:v>
                </c:pt>
                <c:pt idx="1064">
                  <c:v>0.33851874005154253</c:v>
                </c:pt>
                <c:pt idx="1065">
                  <c:v>0.36378133259270234</c:v>
                </c:pt>
                <c:pt idx="1066">
                  <c:v>0.39409644364209423</c:v>
                </c:pt>
                <c:pt idx="1067">
                  <c:v>0.45472666574087794</c:v>
                </c:pt>
                <c:pt idx="1068">
                  <c:v>0.45472666574087794</c:v>
                </c:pt>
                <c:pt idx="1069">
                  <c:v>0.45472666574087794</c:v>
                </c:pt>
                <c:pt idx="1070">
                  <c:v>0.45472666574087794</c:v>
                </c:pt>
                <c:pt idx="1071">
                  <c:v>0.45472666574087794</c:v>
                </c:pt>
                <c:pt idx="1072">
                  <c:v>0.45472666574087794</c:v>
                </c:pt>
                <c:pt idx="1073">
                  <c:v>0.45472666574087794</c:v>
                </c:pt>
                <c:pt idx="1074">
                  <c:v>0.45472666574087794</c:v>
                </c:pt>
                <c:pt idx="1075">
                  <c:v>0.37893888811739829</c:v>
                </c:pt>
                <c:pt idx="1076">
                  <c:v>0.30315111049391874</c:v>
                </c:pt>
                <c:pt idx="1077">
                  <c:v>0.22736333287043897</c:v>
                </c:pt>
                <c:pt idx="1078">
                  <c:v>0.22736333287043897</c:v>
                </c:pt>
                <c:pt idx="1079">
                  <c:v>0.22736333287043897</c:v>
                </c:pt>
                <c:pt idx="1080">
                  <c:v>0.23422436391867713</c:v>
                </c:pt>
                <c:pt idx="1081">
                  <c:v>0.23422436391867713</c:v>
                </c:pt>
                <c:pt idx="1082">
                  <c:v>0.23422436391867713</c:v>
                </c:pt>
                <c:pt idx="1083">
                  <c:v>0.23422436391867713</c:v>
                </c:pt>
                <c:pt idx="1084">
                  <c:v>0.23422436391867713</c:v>
                </c:pt>
                <c:pt idx="1085">
                  <c:v>0.30188918016185057</c:v>
                </c:pt>
                <c:pt idx="1086">
                  <c:v>0.34873405294558601</c:v>
                </c:pt>
                <c:pt idx="1087">
                  <c:v>0.34873405294558601</c:v>
                </c:pt>
                <c:pt idx="1088">
                  <c:v>0.34873405294558601</c:v>
                </c:pt>
                <c:pt idx="1089">
                  <c:v>0.37475898226988352</c:v>
                </c:pt>
                <c:pt idx="1090">
                  <c:v>0.40598889745904038</c:v>
                </c:pt>
                <c:pt idx="1091">
                  <c:v>0.46844872783735425</c:v>
                </c:pt>
                <c:pt idx="1092">
                  <c:v>0.46844872783735425</c:v>
                </c:pt>
                <c:pt idx="1093">
                  <c:v>0.46844872783735425</c:v>
                </c:pt>
                <c:pt idx="1094">
                  <c:v>0.46844872783735425</c:v>
                </c:pt>
                <c:pt idx="1095">
                  <c:v>0.46844872783735425</c:v>
                </c:pt>
                <c:pt idx="1096">
                  <c:v>0.46844872783735425</c:v>
                </c:pt>
                <c:pt idx="1097">
                  <c:v>0.46844872783735425</c:v>
                </c:pt>
                <c:pt idx="1098">
                  <c:v>0.46844872783735425</c:v>
                </c:pt>
                <c:pt idx="1099">
                  <c:v>0.39037393986446189</c:v>
                </c:pt>
                <c:pt idx="1100">
                  <c:v>0.31229915189156954</c:v>
                </c:pt>
                <c:pt idx="1101">
                  <c:v>0.23422436391867713</c:v>
                </c:pt>
                <c:pt idx="1102">
                  <c:v>0.23422436391867713</c:v>
                </c:pt>
                <c:pt idx="1103">
                  <c:v>0.23422436391867713</c:v>
                </c:pt>
                <c:pt idx="1104">
                  <c:v>0.24567304806500015</c:v>
                </c:pt>
                <c:pt idx="1105">
                  <c:v>0.24567304806500015</c:v>
                </c:pt>
                <c:pt idx="1106">
                  <c:v>0.24567304806500015</c:v>
                </c:pt>
                <c:pt idx="1107">
                  <c:v>0.24567304806500015</c:v>
                </c:pt>
                <c:pt idx="1108">
                  <c:v>0.24567304806500015</c:v>
                </c:pt>
                <c:pt idx="1109">
                  <c:v>0.31664526195044457</c:v>
                </c:pt>
                <c:pt idx="1110">
                  <c:v>0.38215807476777797</c:v>
                </c:pt>
                <c:pt idx="1111">
                  <c:v>0.38215807476777797</c:v>
                </c:pt>
                <c:pt idx="1112">
                  <c:v>0.38215807476777797</c:v>
                </c:pt>
                <c:pt idx="1113">
                  <c:v>0.40945508010833348</c:v>
                </c:pt>
                <c:pt idx="1114">
                  <c:v>0.42583328331266684</c:v>
                </c:pt>
                <c:pt idx="1115">
                  <c:v>0.4913460961300003</c:v>
                </c:pt>
                <c:pt idx="1116">
                  <c:v>0.4913460961300003</c:v>
                </c:pt>
                <c:pt idx="1117">
                  <c:v>0.4913460961300003</c:v>
                </c:pt>
                <c:pt idx="1118">
                  <c:v>0.4913460961300003</c:v>
                </c:pt>
                <c:pt idx="1119">
                  <c:v>0.40945508010833348</c:v>
                </c:pt>
                <c:pt idx="1120">
                  <c:v>0.38761747583588907</c:v>
                </c:pt>
                <c:pt idx="1121">
                  <c:v>0.38761747583588907</c:v>
                </c:pt>
                <c:pt idx="1122">
                  <c:v>0.38761747583588907</c:v>
                </c:pt>
                <c:pt idx="1123">
                  <c:v>0.38761747583588907</c:v>
                </c:pt>
                <c:pt idx="1124">
                  <c:v>0.30026705874611126</c:v>
                </c:pt>
                <c:pt idx="1125">
                  <c:v>0.11464742243033338</c:v>
                </c:pt>
                <c:pt idx="1126">
                  <c:v>0.11464742243033338</c:v>
                </c:pt>
                <c:pt idx="1127">
                  <c:v>0.11464742243033338</c:v>
                </c:pt>
                <c:pt idx="1128">
                  <c:v>8.0392532543976394E-2</c:v>
                </c:pt>
                <c:pt idx="1129">
                  <c:v>0.15695684925252537</c:v>
                </c:pt>
                <c:pt idx="1130">
                  <c:v>0.15695684925252537</c:v>
                </c:pt>
                <c:pt idx="1131">
                  <c:v>0.15695684925252537</c:v>
                </c:pt>
                <c:pt idx="1132">
                  <c:v>0.15695684925252537</c:v>
                </c:pt>
                <c:pt idx="1133">
                  <c:v>0.19523900760679982</c:v>
                </c:pt>
                <c:pt idx="1134">
                  <c:v>0.24500581346735667</c:v>
                </c:pt>
                <c:pt idx="1135">
                  <c:v>0.27945975598620365</c:v>
                </c:pt>
                <c:pt idx="1136">
                  <c:v>0.27945975598620365</c:v>
                </c:pt>
                <c:pt idx="1137">
                  <c:v>0.27945975598620365</c:v>
                </c:pt>
                <c:pt idx="1138">
                  <c:v>0.27945975598620365</c:v>
                </c:pt>
                <c:pt idx="1139">
                  <c:v>0.27945975598620365</c:v>
                </c:pt>
                <c:pt idx="1140">
                  <c:v>0.27945975598620365</c:v>
                </c:pt>
                <c:pt idx="1141">
                  <c:v>0.27945975598620365</c:v>
                </c:pt>
                <c:pt idx="1142">
                  <c:v>0.27945975598620365</c:v>
                </c:pt>
                <c:pt idx="1143">
                  <c:v>0.25266224513821151</c:v>
                </c:pt>
                <c:pt idx="1144">
                  <c:v>0.22969295012564689</c:v>
                </c:pt>
                <c:pt idx="1145">
                  <c:v>0.20672365511308222</c:v>
                </c:pt>
                <c:pt idx="1146">
                  <c:v>0.1990672234422273</c:v>
                </c:pt>
                <c:pt idx="1147">
                  <c:v>0.16078506508795279</c:v>
                </c:pt>
                <c:pt idx="1148">
                  <c:v>0.11867469089825089</c:v>
                </c:pt>
                <c:pt idx="1149">
                  <c:v>0.11867469089825089</c:v>
                </c:pt>
                <c:pt idx="1150">
                  <c:v>0.11867469089825089</c:v>
                </c:pt>
                <c:pt idx="1151">
                  <c:v>0.11867469089825089</c:v>
                </c:pt>
                <c:pt idx="1152">
                  <c:v>0.14216926726749049</c:v>
                </c:pt>
                <c:pt idx="1153">
                  <c:v>0.16509979424611801</c:v>
                </c:pt>
                <c:pt idx="1154">
                  <c:v>0.16509979424611801</c:v>
                </c:pt>
                <c:pt idx="1155">
                  <c:v>0.16509979424611801</c:v>
                </c:pt>
                <c:pt idx="1156">
                  <c:v>0.16509979424611801</c:v>
                </c:pt>
                <c:pt idx="1157">
                  <c:v>0.2063747428076475</c:v>
                </c:pt>
                <c:pt idx="1158">
                  <c:v>0.24306358597345151</c:v>
                </c:pt>
                <c:pt idx="1159">
                  <c:v>0.28892463993070655</c:v>
                </c:pt>
                <c:pt idx="1160">
                  <c:v>0.28892463993070655</c:v>
                </c:pt>
                <c:pt idx="1161">
                  <c:v>0.28892463993070655</c:v>
                </c:pt>
                <c:pt idx="1162">
                  <c:v>0.28892463993070655</c:v>
                </c:pt>
                <c:pt idx="1163">
                  <c:v>0.28892463993070655</c:v>
                </c:pt>
                <c:pt idx="1164">
                  <c:v>0.28892463993070655</c:v>
                </c:pt>
                <c:pt idx="1165">
                  <c:v>0.28892463993070655</c:v>
                </c:pt>
                <c:pt idx="1166">
                  <c:v>0.28892463993070655</c:v>
                </c:pt>
                <c:pt idx="1167">
                  <c:v>0.256821902160628</c:v>
                </c:pt>
                <c:pt idx="1168">
                  <c:v>0.25223579676490249</c:v>
                </c:pt>
                <c:pt idx="1169">
                  <c:v>0.21554695359909851</c:v>
                </c:pt>
                <c:pt idx="1170">
                  <c:v>0.20178863741192199</c:v>
                </c:pt>
                <c:pt idx="1171">
                  <c:v>0.16968589964184352</c:v>
                </c:pt>
                <c:pt idx="1172">
                  <c:v>0.14216926726749049</c:v>
                </c:pt>
                <c:pt idx="1173">
                  <c:v>0.1238248456845885</c:v>
                </c:pt>
                <c:pt idx="1174">
                  <c:v>0.1238248456845885</c:v>
                </c:pt>
                <c:pt idx="1175">
                  <c:v>0.1238248456845885</c:v>
                </c:pt>
                <c:pt idx="1176">
                  <c:v>8.0928369403955536E-2</c:v>
                </c:pt>
                <c:pt idx="1177">
                  <c:v>8.0928369403955536E-2</c:v>
                </c:pt>
                <c:pt idx="1178">
                  <c:v>8.0928369403955536E-2</c:v>
                </c:pt>
                <c:pt idx="1179">
                  <c:v>8.0928369403955536E-2</c:v>
                </c:pt>
                <c:pt idx="1180">
                  <c:v>8.0928369403955536E-2</c:v>
                </c:pt>
                <c:pt idx="1181">
                  <c:v>0.35068960075047401</c:v>
                </c:pt>
                <c:pt idx="1182">
                  <c:v>0.39789781623611481</c:v>
                </c:pt>
                <c:pt idx="1183">
                  <c:v>0.39789781623611481</c:v>
                </c:pt>
                <c:pt idx="1184">
                  <c:v>0.39789781623611481</c:v>
                </c:pt>
                <c:pt idx="1185">
                  <c:v>0.42487393937076667</c:v>
                </c:pt>
                <c:pt idx="1186">
                  <c:v>0.42487393937076667</c:v>
                </c:pt>
                <c:pt idx="1187">
                  <c:v>0.53952246269303705</c:v>
                </c:pt>
                <c:pt idx="1188">
                  <c:v>0.53952246269303705</c:v>
                </c:pt>
                <c:pt idx="1189">
                  <c:v>0.35743363153413704</c:v>
                </c:pt>
                <c:pt idx="1190">
                  <c:v>0.53952246269303705</c:v>
                </c:pt>
                <c:pt idx="1191">
                  <c:v>0.53952246269303705</c:v>
                </c:pt>
                <c:pt idx="1192">
                  <c:v>0.53952246269303705</c:v>
                </c:pt>
                <c:pt idx="1193">
                  <c:v>0.53952246269303705</c:v>
                </c:pt>
                <c:pt idx="1194">
                  <c:v>0.53952246269303705</c:v>
                </c:pt>
                <c:pt idx="1195">
                  <c:v>0.45185006250541854</c:v>
                </c:pt>
                <c:pt idx="1196">
                  <c:v>0.37092169310146295</c:v>
                </c:pt>
                <c:pt idx="1197">
                  <c:v>0.26976123134651853</c:v>
                </c:pt>
                <c:pt idx="1198">
                  <c:v>0.25627316977919257</c:v>
                </c:pt>
                <c:pt idx="1199">
                  <c:v>0.25627316977919257</c:v>
                </c:pt>
                <c:pt idx="1200">
                  <c:v>0.23331759745546882</c:v>
                </c:pt>
                <c:pt idx="1201">
                  <c:v>0.23331759745546882</c:v>
                </c:pt>
                <c:pt idx="1202">
                  <c:v>0.23331759745546882</c:v>
                </c:pt>
                <c:pt idx="1203">
                  <c:v>0.23331759745546882</c:v>
                </c:pt>
                <c:pt idx="1204">
                  <c:v>0.23331759745546882</c:v>
                </c:pt>
                <c:pt idx="1205">
                  <c:v>0.30331287669210943</c:v>
                </c:pt>
                <c:pt idx="1206">
                  <c:v>0.3383105163104298</c:v>
                </c:pt>
                <c:pt idx="1207">
                  <c:v>0.34997639618320325</c:v>
                </c:pt>
                <c:pt idx="1208">
                  <c:v>0.34997639618320325</c:v>
                </c:pt>
                <c:pt idx="1209">
                  <c:v>0.37914109586513683</c:v>
                </c:pt>
                <c:pt idx="1210">
                  <c:v>0.39663991567429696</c:v>
                </c:pt>
                <c:pt idx="1211">
                  <c:v>0.46663519491093763</c:v>
                </c:pt>
                <c:pt idx="1212">
                  <c:v>0.46663519491093763</c:v>
                </c:pt>
                <c:pt idx="1213">
                  <c:v>0.46663519491093763</c:v>
                </c:pt>
                <c:pt idx="1214">
                  <c:v>0.46663519491093763</c:v>
                </c:pt>
                <c:pt idx="1215">
                  <c:v>0.46663519491093763</c:v>
                </c:pt>
                <c:pt idx="1216">
                  <c:v>0.46663519491093763</c:v>
                </c:pt>
                <c:pt idx="1217">
                  <c:v>0.46663519491093763</c:v>
                </c:pt>
                <c:pt idx="1218">
                  <c:v>0.46663519491093763</c:v>
                </c:pt>
                <c:pt idx="1219">
                  <c:v>0.39080697573791034</c:v>
                </c:pt>
                <c:pt idx="1220">
                  <c:v>0.32081169650126962</c:v>
                </c:pt>
                <c:pt idx="1221">
                  <c:v>0.23331759745546882</c:v>
                </c:pt>
                <c:pt idx="1222">
                  <c:v>0.23331759745546882</c:v>
                </c:pt>
                <c:pt idx="1223">
                  <c:v>0.23331759745546882</c:v>
                </c:pt>
                <c:pt idx="1224">
                  <c:v>0.21454566994034124</c:v>
                </c:pt>
                <c:pt idx="1225">
                  <c:v>0.24136387868288386</c:v>
                </c:pt>
                <c:pt idx="1226">
                  <c:v>0.24136387868288386</c:v>
                </c:pt>
                <c:pt idx="1227">
                  <c:v>0.24136387868288386</c:v>
                </c:pt>
                <c:pt idx="1228">
                  <c:v>0.24136387868288386</c:v>
                </c:pt>
                <c:pt idx="1229">
                  <c:v>0.31109122141349471</c:v>
                </c:pt>
                <c:pt idx="1230">
                  <c:v>0.3593639971500715</c:v>
                </c:pt>
                <c:pt idx="1231">
                  <c:v>0.3593639971500715</c:v>
                </c:pt>
                <c:pt idx="1232">
                  <c:v>0.3593639971500715</c:v>
                </c:pt>
                <c:pt idx="1233">
                  <c:v>0.38618220589261421</c:v>
                </c:pt>
                <c:pt idx="1234">
                  <c:v>0.41836405638366542</c:v>
                </c:pt>
                <c:pt idx="1235">
                  <c:v>0.48272775736576773</c:v>
                </c:pt>
                <c:pt idx="1236">
                  <c:v>0.48272775736576773</c:v>
                </c:pt>
                <c:pt idx="1237">
                  <c:v>0.48272775736576773</c:v>
                </c:pt>
                <c:pt idx="1238">
                  <c:v>0.48272775736576773</c:v>
                </c:pt>
                <c:pt idx="1239">
                  <c:v>0.48272775736576773</c:v>
                </c:pt>
                <c:pt idx="1240">
                  <c:v>0.48272775736576773</c:v>
                </c:pt>
                <c:pt idx="1241">
                  <c:v>0.48272775736576773</c:v>
                </c:pt>
                <c:pt idx="1242">
                  <c:v>0.48272775736576773</c:v>
                </c:pt>
                <c:pt idx="1243">
                  <c:v>0.40227313113813984</c:v>
                </c:pt>
                <c:pt idx="1244">
                  <c:v>0.32181850491051184</c:v>
                </c:pt>
                <c:pt idx="1245">
                  <c:v>0.24136387868288386</c:v>
                </c:pt>
                <c:pt idx="1246">
                  <c:v>0.24136387868288386</c:v>
                </c:pt>
                <c:pt idx="1247">
                  <c:v>0.24136387868288386</c:v>
                </c:pt>
                <c:pt idx="1248">
                  <c:v>0.23725423730644341</c:v>
                </c:pt>
                <c:pt idx="1249">
                  <c:v>0.23725423730644341</c:v>
                </c:pt>
                <c:pt idx="1250">
                  <c:v>0.23725423730644341</c:v>
                </c:pt>
                <c:pt idx="1251">
                  <c:v>0.23725423730644341</c:v>
                </c:pt>
                <c:pt idx="1252">
                  <c:v>0.23725423730644341</c:v>
                </c:pt>
                <c:pt idx="1253">
                  <c:v>0.3057943503060826</c:v>
                </c:pt>
                <c:pt idx="1254">
                  <c:v>0.35324519776737134</c:v>
                </c:pt>
                <c:pt idx="1255">
                  <c:v>0.35324519776737134</c:v>
                </c:pt>
                <c:pt idx="1256">
                  <c:v>0.35324519776737134</c:v>
                </c:pt>
                <c:pt idx="1257">
                  <c:v>0.37960677969030943</c:v>
                </c:pt>
                <c:pt idx="1258">
                  <c:v>0.4112406779978352</c:v>
                </c:pt>
                <c:pt idx="1259">
                  <c:v>0.47450847461288681</c:v>
                </c:pt>
                <c:pt idx="1260">
                  <c:v>0.47450847461288681</c:v>
                </c:pt>
                <c:pt idx="1261">
                  <c:v>0.47450847461288681</c:v>
                </c:pt>
                <c:pt idx="1262">
                  <c:v>0.47450847461288681</c:v>
                </c:pt>
                <c:pt idx="1263">
                  <c:v>0.47450847461288681</c:v>
                </c:pt>
                <c:pt idx="1264">
                  <c:v>0.47450847461288681</c:v>
                </c:pt>
                <c:pt idx="1265">
                  <c:v>0.47450847461288681</c:v>
                </c:pt>
                <c:pt idx="1266">
                  <c:v>0.47450847461288681</c:v>
                </c:pt>
                <c:pt idx="1267">
                  <c:v>0.3954237288440724</c:v>
                </c:pt>
                <c:pt idx="1268">
                  <c:v>0.31633898307525793</c:v>
                </c:pt>
                <c:pt idx="1269">
                  <c:v>0.23725423730644341</c:v>
                </c:pt>
                <c:pt idx="1270">
                  <c:v>0.23725423730644341</c:v>
                </c:pt>
                <c:pt idx="1271">
                  <c:v>0.23725423730644341</c:v>
                </c:pt>
                <c:pt idx="1272">
                  <c:v>0.25612518083866448</c:v>
                </c:pt>
                <c:pt idx="1273">
                  <c:v>0.25612518083866448</c:v>
                </c:pt>
                <c:pt idx="1274">
                  <c:v>0.25612518083866448</c:v>
                </c:pt>
                <c:pt idx="1275">
                  <c:v>0.25612518083866448</c:v>
                </c:pt>
                <c:pt idx="1276">
                  <c:v>0.25612518083866448</c:v>
                </c:pt>
                <c:pt idx="1277">
                  <c:v>0.33011689974761199</c:v>
                </c:pt>
                <c:pt idx="1278">
                  <c:v>0.39841694797125587</c:v>
                </c:pt>
                <c:pt idx="1279">
                  <c:v>0.39841694797125587</c:v>
                </c:pt>
                <c:pt idx="1280">
                  <c:v>0.39841694797125587</c:v>
                </c:pt>
                <c:pt idx="1281">
                  <c:v>0.42687530139777419</c:v>
                </c:pt>
                <c:pt idx="1282">
                  <c:v>0.44395031345368513</c:v>
                </c:pt>
                <c:pt idx="1283">
                  <c:v>0.51225036167732896</c:v>
                </c:pt>
                <c:pt idx="1284">
                  <c:v>0.51225036167732896</c:v>
                </c:pt>
                <c:pt idx="1285">
                  <c:v>0.51225036167732896</c:v>
                </c:pt>
                <c:pt idx="1286">
                  <c:v>0.51225036167732896</c:v>
                </c:pt>
                <c:pt idx="1287">
                  <c:v>0.42687530139777419</c:v>
                </c:pt>
                <c:pt idx="1288">
                  <c:v>0.40410861865655956</c:v>
                </c:pt>
                <c:pt idx="1289">
                  <c:v>0.40410861865655956</c:v>
                </c:pt>
                <c:pt idx="1290">
                  <c:v>0.40410861865655956</c:v>
                </c:pt>
                <c:pt idx="1291">
                  <c:v>0.40410861865655956</c:v>
                </c:pt>
                <c:pt idx="1292">
                  <c:v>0.31304188769170099</c:v>
                </c:pt>
                <c:pt idx="1293">
                  <c:v>0.11952508439137675</c:v>
                </c:pt>
                <c:pt idx="1294">
                  <c:v>0.11952508439137675</c:v>
                </c:pt>
                <c:pt idx="1295">
                  <c:v>0.11952508439137675</c:v>
                </c:pt>
                <c:pt idx="1296">
                  <c:v>8.676765649803217E-2</c:v>
                </c:pt>
                <c:pt idx="1297">
                  <c:v>0.16940351982949139</c:v>
                </c:pt>
                <c:pt idx="1298">
                  <c:v>0.16940351982949139</c:v>
                </c:pt>
                <c:pt idx="1299">
                  <c:v>0.16940351982949139</c:v>
                </c:pt>
                <c:pt idx="1300">
                  <c:v>0.16940351982949139</c:v>
                </c:pt>
                <c:pt idx="1301">
                  <c:v>0.21072145149522106</c:v>
                </c:pt>
                <c:pt idx="1302">
                  <c:v>0.26443476266066951</c:v>
                </c:pt>
                <c:pt idx="1303">
                  <c:v>0.30162090115982609</c:v>
                </c:pt>
                <c:pt idx="1304">
                  <c:v>0.30162090115982609</c:v>
                </c:pt>
                <c:pt idx="1305">
                  <c:v>0.30162090115982609</c:v>
                </c:pt>
                <c:pt idx="1306">
                  <c:v>0.30162090115982609</c:v>
                </c:pt>
                <c:pt idx="1307">
                  <c:v>0.30162090115982609</c:v>
                </c:pt>
                <c:pt idx="1308">
                  <c:v>0.30162090115982609</c:v>
                </c:pt>
                <c:pt idx="1309">
                  <c:v>0.30162090115982609</c:v>
                </c:pt>
                <c:pt idx="1310">
                  <c:v>0.30162090115982609</c:v>
                </c:pt>
                <c:pt idx="1311">
                  <c:v>0.27269834899381545</c:v>
                </c:pt>
                <c:pt idx="1312">
                  <c:v>0.24790758999437762</c:v>
                </c:pt>
                <c:pt idx="1313">
                  <c:v>0.2231168309949399</c:v>
                </c:pt>
                <c:pt idx="1314">
                  <c:v>0.21485324466179395</c:v>
                </c:pt>
                <c:pt idx="1315">
                  <c:v>0.17353531299606434</c:v>
                </c:pt>
                <c:pt idx="1316">
                  <c:v>0.12808558816376178</c:v>
                </c:pt>
                <c:pt idx="1317">
                  <c:v>0.12808558816376178</c:v>
                </c:pt>
                <c:pt idx="1318">
                  <c:v>0.12808558816376178</c:v>
                </c:pt>
                <c:pt idx="1319">
                  <c:v>0.12808558816376178</c:v>
                </c:pt>
                <c:pt idx="1320">
                  <c:v>0.14508628136187757</c:v>
                </c:pt>
                <c:pt idx="1321">
                  <c:v>0.16848729448476102</c:v>
                </c:pt>
                <c:pt idx="1322">
                  <c:v>0.16848729448476102</c:v>
                </c:pt>
                <c:pt idx="1323">
                  <c:v>0.16848729448476102</c:v>
                </c:pt>
                <c:pt idx="1324">
                  <c:v>0.16848729448476102</c:v>
                </c:pt>
                <c:pt idx="1325">
                  <c:v>0.21060911810595132</c:v>
                </c:pt>
                <c:pt idx="1326">
                  <c:v>0.24805073910256487</c:v>
                </c:pt>
                <c:pt idx="1327">
                  <c:v>0.29485276534833182</c:v>
                </c:pt>
                <c:pt idx="1328">
                  <c:v>0.29485276534833182</c:v>
                </c:pt>
                <c:pt idx="1329">
                  <c:v>0.29485276534833182</c:v>
                </c:pt>
                <c:pt idx="1330">
                  <c:v>0.29485276534833182</c:v>
                </c:pt>
                <c:pt idx="1331">
                  <c:v>0.29485276534833182</c:v>
                </c:pt>
                <c:pt idx="1332">
                  <c:v>0.29485276534833182</c:v>
                </c:pt>
                <c:pt idx="1333">
                  <c:v>0.29485276534833182</c:v>
                </c:pt>
                <c:pt idx="1334">
                  <c:v>0.29485276534833182</c:v>
                </c:pt>
                <c:pt idx="1335">
                  <c:v>0.26209134697629494</c:v>
                </c:pt>
                <c:pt idx="1336">
                  <c:v>0.25741114435171819</c:v>
                </c:pt>
                <c:pt idx="1337">
                  <c:v>0.2199695233551047</c:v>
                </c:pt>
                <c:pt idx="1338">
                  <c:v>0.20592891548137462</c:v>
                </c:pt>
                <c:pt idx="1339">
                  <c:v>0.17316749710933774</c:v>
                </c:pt>
                <c:pt idx="1340">
                  <c:v>0.14508628136187757</c:v>
                </c:pt>
                <c:pt idx="1341">
                  <c:v>0.12636547086357081</c:v>
                </c:pt>
                <c:pt idx="1342">
                  <c:v>0.12636547086357081</c:v>
                </c:pt>
                <c:pt idx="1343">
                  <c:v>0.12636547086357081</c:v>
                </c:pt>
                <c:pt idx="1344">
                  <c:v>7.7218324099526545E-2</c:v>
                </c:pt>
                <c:pt idx="1345">
                  <c:v>7.7218324099526545E-2</c:v>
                </c:pt>
                <c:pt idx="1346">
                  <c:v>7.7218324099526545E-2</c:v>
                </c:pt>
                <c:pt idx="1347">
                  <c:v>7.7218324099526545E-2</c:v>
                </c:pt>
                <c:pt idx="1348">
                  <c:v>7.7218324099526545E-2</c:v>
                </c:pt>
                <c:pt idx="1349">
                  <c:v>0.33461273776461498</c:v>
                </c:pt>
                <c:pt idx="1350">
                  <c:v>0.37965676015600552</c:v>
                </c:pt>
                <c:pt idx="1351">
                  <c:v>0.37965676015600552</c:v>
                </c:pt>
                <c:pt idx="1352">
                  <c:v>0.37965676015600552</c:v>
                </c:pt>
                <c:pt idx="1353">
                  <c:v>0.40539620152251443</c:v>
                </c:pt>
                <c:pt idx="1354">
                  <c:v>0.40539620152251443</c:v>
                </c:pt>
                <c:pt idx="1355">
                  <c:v>0.51478882733017695</c:v>
                </c:pt>
                <c:pt idx="1356">
                  <c:v>0.51478882733017695</c:v>
                </c:pt>
                <c:pt idx="1357">
                  <c:v>0.34104759810624224</c:v>
                </c:pt>
                <c:pt idx="1358">
                  <c:v>0.51478882733017695</c:v>
                </c:pt>
                <c:pt idx="1359">
                  <c:v>0.51478882733017695</c:v>
                </c:pt>
                <c:pt idx="1360">
                  <c:v>0.51478882733017695</c:v>
                </c:pt>
                <c:pt idx="1361">
                  <c:v>0.51478882733017695</c:v>
                </c:pt>
                <c:pt idx="1362">
                  <c:v>0.51478882733017695</c:v>
                </c:pt>
                <c:pt idx="1363">
                  <c:v>0.43113564288902323</c:v>
                </c:pt>
                <c:pt idx="1364">
                  <c:v>0.35391731878949667</c:v>
                </c:pt>
                <c:pt idx="1365">
                  <c:v>0.25739441366508847</c:v>
                </c:pt>
                <c:pt idx="1366">
                  <c:v>0.24452469298183405</c:v>
                </c:pt>
                <c:pt idx="1367">
                  <c:v>0.24452469298183405</c:v>
                </c:pt>
                <c:pt idx="1368">
                  <c:v>0.22319162662093447</c:v>
                </c:pt>
                <c:pt idx="1369">
                  <c:v>0.22319162662093447</c:v>
                </c:pt>
                <c:pt idx="1370">
                  <c:v>0.22319162662093447</c:v>
                </c:pt>
                <c:pt idx="1371">
                  <c:v>0.22319162662093447</c:v>
                </c:pt>
                <c:pt idx="1372">
                  <c:v>0.22319162662093447</c:v>
                </c:pt>
                <c:pt idx="1373">
                  <c:v>0.29014911460721476</c:v>
                </c:pt>
                <c:pt idx="1374">
                  <c:v>0.32362785860035498</c:v>
                </c:pt>
                <c:pt idx="1375">
                  <c:v>0.3347874399314017</c:v>
                </c:pt>
                <c:pt idx="1376">
                  <c:v>0.3347874399314017</c:v>
                </c:pt>
                <c:pt idx="1377">
                  <c:v>0.36268639325901852</c:v>
                </c:pt>
                <c:pt idx="1378">
                  <c:v>0.37942576525558863</c:v>
                </c:pt>
                <c:pt idx="1379">
                  <c:v>0.44638325324186895</c:v>
                </c:pt>
                <c:pt idx="1380">
                  <c:v>0.44638325324186895</c:v>
                </c:pt>
                <c:pt idx="1381">
                  <c:v>0.44638325324186895</c:v>
                </c:pt>
                <c:pt idx="1382">
                  <c:v>0.44638325324186895</c:v>
                </c:pt>
                <c:pt idx="1383">
                  <c:v>0.44638325324186895</c:v>
                </c:pt>
                <c:pt idx="1384">
                  <c:v>0.44638325324186895</c:v>
                </c:pt>
                <c:pt idx="1385">
                  <c:v>0.44638325324186895</c:v>
                </c:pt>
                <c:pt idx="1386">
                  <c:v>0.44638325324186895</c:v>
                </c:pt>
                <c:pt idx="1387">
                  <c:v>0.37384597459006524</c:v>
                </c:pt>
                <c:pt idx="1388">
                  <c:v>0.30688848660378487</c:v>
                </c:pt>
                <c:pt idx="1389">
                  <c:v>0.22319162662093447</c:v>
                </c:pt>
                <c:pt idx="1390">
                  <c:v>0.22319162662093447</c:v>
                </c:pt>
                <c:pt idx="1391">
                  <c:v>0.22319162662093447</c:v>
                </c:pt>
                <c:pt idx="1392">
                  <c:v>0.19879062076633733</c:v>
                </c:pt>
                <c:pt idx="1393">
                  <c:v>0.22363944836212946</c:v>
                </c:pt>
                <c:pt idx="1394">
                  <c:v>0.22363944836212946</c:v>
                </c:pt>
                <c:pt idx="1395">
                  <c:v>0.22363944836212946</c:v>
                </c:pt>
                <c:pt idx="1396">
                  <c:v>0.22363944836212946</c:v>
                </c:pt>
                <c:pt idx="1397">
                  <c:v>0.28824640011118913</c:v>
                </c:pt>
                <c:pt idx="1398">
                  <c:v>0.33297428978361504</c:v>
                </c:pt>
                <c:pt idx="1399">
                  <c:v>0.33297428978361504</c:v>
                </c:pt>
                <c:pt idx="1400">
                  <c:v>0.33297428978361504</c:v>
                </c:pt>
                <c:pt idx="1401">
                  <c:v>0.35782311737940714</c:v>
                </c:pt>
                <c:pt idx="1402">
                  <c:v>0.38764171049435781</c:v>
                </c:pt>
                <c:pt idx="1403">
                  <c:v>0.44727889672425891</c:v>
                </c:pt>
                <c:pt idx="1404">
                  <c:v>0.44727889672425891</c:v>
                </c:pt>
                <c:pt idx="1405">
                  <c:v>0.44727889672425891</c:v>
                </c:pt>
                <c:pt idx="1406">
                  <c:v>0.44727889672425891</c:v>
                </c:pt>
                <c:pt idx="1407">
                  <c:v>0.44727889672425891</c:v>
                </c:pt>
                <c:pt idx="1408">
                  <c:v>0.44727889672425891</c:v>
                </c:pt>
                <c:pt idx="1409">
                  <c:v>0.44727889672425891</c:v>
                </c:pt>
                <c:pt idx="1410">
                  <c:v>0.44727889672425891</c:v>
                </c:pt>
                <c:pt idx="1411">
                  <c:v>0.37273241393688245</c:v>
                </c:pt>
                <c:pt idx="1412">
                  <c:v>0.29818593114950598</c:v>
                </c:pt>
                <c:pt idx="1413">
                  <c:v>0.22363944836212946</c:v>
                </c:pt>
                <c:pt idx="1414">
                  <c:v>0.22363944836212946</c:v>
                </c:pt>
                <c:pt idx="1415">
                  <c:v>0.22363944836212946</c:v>
                </c:pt>
                <c:pt idx="1416">
                  <c:v>0.2231055874019359</c:v>
                </c:pt>
                <c:pt idx="1417">
                  <c:v>0.2231055874019359</c:v>
                </c:pt>
                <c:pt idx="1418">
                  <c:v>0.2231055874019359</c:v>
                </c:pt>
                <c:pt idx="1419">
                  <c:v>0.2231055874019359</c:v>
                </c:pt>
                <c:pt idx="1420">
                  <c:v>0.2231055874019359</c:v>
                </c:pt>
                <c:pt idx="1421">
                  <c:v>0.28755831265138404</c:v>
                </c:pt>
                <c:pt idx="1422">
                  <c:v>0.33217943013177126</c:v>
                </c:pt>
                <c:pt idx="1423">
                  <c:v>0.33217943013177126</c:v>
                </c:pt>
                <c:pt idx="1424">
                  <c:v>0.33217943013177126</c:v>
                </c:pt>
                <c:pt idx="1425">
                  <c:v>0.35696893984309747</c:v>
                </c:pt>
                <c:pt idx="1426">
                  <c:v>0.38671635149668898</c:v>
                </c:pt>
                <c:pt idx="1427">
                  <c:v>0.44621117480387179</c:v>
                </c:pt>
                <c:pt idx="1428">
                  <c:v>0.44621117480387179</c:v>
                </c:pt>
                <c:pt idx="1429">
                  <c:v>0.44621117480387179</c:v>
                </c:pt>
                <c:pt idx="1430">
                  <c:v>0.44621117480387179</c:v>
                </c:pt>
                <c:pt idx="1431">
                  <c:v>0.44621117480387179</c:v>
                </c:pt>
                <c:pt idx="1432">
                  <c:v>0.44621117480387179</c:v>
                </c:pt>
                <c:pt idx="1433">
                  <c:v>0.44621117480387179</c:v>
                </c:pt>
                <c:pt idx="1434">
                  <c:v>0.44621117480387179</c:v>
                </c:pt>
                <c:pt idx="1435">
                  <c:v>0.37184264566989317</c:v>
                </c:pt>
                <c:pt idx="1436">
                  <c:v>0.29747411653591455</c:v>
                </c:pt>
                <c:pt idx="1437">
                  <c:v>0.2231055874019359</c:v>
                </c:pt>
                <c:pt idx="1438">
                  <c:v>0.2231055874019359</c:v>
                </c:pt>
                <c:pt idx="1439">
                  <c:v>0.2231055874019359</c:v>
                </c:pt>
                <c:pt idx="1440">
                  <c:v>0.24533426580949588</c:v>
                </c:pt>
                <c:pt idx="1441">
                  <c:v>0.24533426580949588</c:v>
                </c:pt>
                <c:pt idx="1442">
                  <c:v>0.24533426580949588</c:v>
                </c:pt>
                <c:pt idx="1443">
                  <c:v>0.24533426580949588</c:v>
                </c:pt>
                <c:pt idx="1444">
                  <c:v>0.24533426580949588</c:v>
                </c:pt>
                <c:pt idx="1445">
                  <c:v>0.31620860926557243</c:v>
                </c:pt>
                <c:pt idx="1446">
                  <c:v>0.38163108014810476</c:v>
                </c:pt>
                <c:pt idx="1447">
                  <c:v>0.38163108014810476</c:v>
                </c:pt>
                <c:pt idx="1448">
                  <c:v>0.38163108014810476</c:v>
                </c:pt>
                <c:pt idx="1449">
                  <c:v>0.40889044301582655</c:v>
                </c:pt>
                <c:pt idx="1450">
                  <c:v>0.4252460607364596</c:v>
                </c:pt>
                <c:pt idx="1451">
                  <c:v>0.49066853161899177</c:v>
                </c:pt>
                <c:pt idx="1452">
                  <c:v>0.49066853161899177</c:v>
                </c:pt>
                <c:pt idx="1453">
                  <c:v>0.49066853161899177</c:v>
                </c:pt>
                <c:pt idx="1454">
                  <c:v>0.49066853161899177</c:v>
                </c:pt>
                <c:pt idx="1455">
                  <c:v>0.40889044301582655</c:v>
                </c:pt>
                <c:pt idx="1456">
                  <c:v>0.38708295272164911</c:v>
                </c:pt>
                <c:pt idx="1457">
                  <c:v>0.38708295272164911</c:v>
                </c:pt>
                <c:pt idx="1458">
                  <c:v>0.38708295272164911</c:v>
                </c:pt>
                <c:pt idx="1459">
                  <c:v>0.38708295272164911</c:v>
                </c:pt>
                <c:pt idx="1460">
                  <c:v>0.29985299154493944</c:v>
                </c:pt>
                <c:pt idx="1461">
                  <c:v>0.11448932404443141</c:v>
                </c:pt>
                <c:pt idx="1462">
                  <c:v>0.11448932404443141</c:v>
                </c:pt>
                <c:pt idx="1463">
                  <c:v>0.11448932404443141</c:v>
                </c:pt>
                <c:pt idx="1464">
                  <c:v>8.3580094521004275E-2</c:v>
                </c:pt>
                <c:pt idx="1465">
                  <c:v>0.16318018454100838</c:v>
                </c:pt>
                <c:pt idx="1466">
                  <c:v>0.16318018454100838</c:v>
                </c:pt>
                <c:pt idx="1467">
                  <c:v>0.16318018454100838</c:v>
                </c:pt>
                <c:pt idx="1468">
                  <c:v>0.16318018454100838</c:v>
                </c:pt>
                <c:pt idx="1469">
                  <c:v>0.20298022955101042</c:v>
                </c:pt>
                <c:pt idx="1470">
                  <c:v>0.25472028806401303</c:v>
                </c:pt>
                <c:pt idx="1471">
                  <c:v>0.29054032857301487</c:v>
                </c:pt>
                <c:pt idx="1472">
                  <c:v>0.29054032857301487</c:v>
                </c:pt>
                <c:pt idx="1473">
                  <c:v>0.29054032857301487</c:v>
                </c:pt>
                <c:pt idx="1474">
                  <c:v>0.29054032857301487</c:v>
                </c:pt>
                <c:pt idx="1475">
                  <c:v>0.29054032857301487</c:v>
                </c:pt>
                <c:pt idx="1476">
                  <c:v>0.29054032857301487</c:v>
                </c:pt>
                <c:pt idx="1477">
                  <c:v>0.29054032857301487</c:v>
                </c:pt>
                <c:pt idx="1478">
                  <c:v>0.29054032857301487</c:v>
                </c:pt>
                <c:pt idx="1479">
                  <c:v>0.26268029706601348</c:v>
                </c:pt>
                <c:pt idx="1480">
                  <c:v>0.23880027006001223</c:v>
                </c:pt>
                <c:pt idx="1481">
                  <c:v>0.21492024305401103</c:v>
                </c:pt>
                <c:pt idx="1482">
                  <c:v>0.20696023405201058</c:v>
                </c:pt>
                <c:pt idx="1483">
                  <c:v>0.16716018904200855</c:v>
                </c:pt>
                <c:pt idx="1484">
                  <c:v>0.12338013953100631</c:v>
                </c:pt>
                <c:pt idx="1485">
                  <c:v>0.12338013953100631</c:v>
                </c:pt>
                <c:pt idx="1486">
                  <c:v>0.12338013953100631</c:v>
                </c:pt>
                <c:pt idx="1487">
                  <c:v>0.12338013953100631</c:v>
                </c:pt>
                <c:pt idx="1488">
                  <c:v>0.15432349266077003</c:v>
                </c:pt>
                <c:pt idx="1489">
                  <c:v>0.17921437857379743</c:v>
                </c:pt>
                <c:pt idx="1490">
                  <c:v>0.17921437857379743</c:v>
                </c:pt>
                <c:pt idx="1491">
                  <c:v>0.17921437857379743</c:v>
                </c:pt>
                <c:pt idx="1492">
                  <c:v>0.17921437857379743</c:v>
                </c:pt>
                <c:pt idx="1493">
                  <c:v>0.22401797321724681</c:v>
                </c:pt>
                <c:pt idx="1494">
                  <c:v>0.26384339067809065</c:v>
                </c:pt>
                <c:pt idx="1495">
                  <c:v>0.31362516250414557</c:v>
                </c:pt>
                <c:pt idx="1496">
                  <c:v>0.31362516250414557</c:v>
                </c:pt>
                <c:pt idx="1497">
                  <c:v>0.31362516250414557</c:v>
                </c:pt>
                <c:pt idx="1498">
                  <c:v>0.31362516250414557</c:v>
                </c:pt>
                <c:pt idx="1499">
                  <c:v>0.31362516250414557</c:v>
                </c:pt>
                <c:pt idx="1500">
                  <c:v>0.31362516250414557</c:v>
                </c:pt>
                <c:pt idx="1501">
                  <c:v>0.31362516250414557</c:v>
                </c:pt>
                <c:pt idx="1502">
                  <c:v>0.31362516250414557</c:v>
                </c:pt>
                <c:pt idx="1503">
                  <c:v>0.27877792222590714</c:v>
                </c:pt>
                <c:pt idx="1504">
                  <c:v>0.27379974504330162</c:v>
                </c:pt>
                <c:pt idx="1505">
                  <c:v>0.23397432758245779</c:v>
                </c:pt>
                <c:pt idx="1506">
                  <c:v>0.21903979603464138</c:v>
                </c:pt>
                <c:pt idx="1507">
                  <c:v>0.18419255575640295</c:v>
                </c:pt>
                <c:pt idx="1508">
                  <c:v>0.15432349266077003</c:v>
                </c:pt>
                <c:pt idx="1509">
                  <c:v>0.13441078393034811</c:v>
                </c:pt>
                <c:pt idx="1510">
                  <c:v>0.13441078393034811</c:v>
                </c:pt>
                <c:pt idx="1511">
                  <c:v>0.13441078393034811</c:v>
                </c:pt>
                <c:pt idx="1512">
                  <c:v>8.1273850490965013E-2</c:v>
                </c:pt>
                <c:pt idx="1513">
                  <c:v>8.1273850490965013E-2</c:v>
                </c:pt>
                <c:pt idx="1514">
                  <c:v>8.1273850490965013E-2</c:v>
                </c:pt>
                <c:pt idx="1515">
                  <c:v>8.1273850490965013E-2</c:v>
                </c:pt>
                <c:pt idx="1516">
                  <c:v>8.1273850490965013E-2</c:v>
                </c:pt>
                <c:pt idx="1517">
                  <c:v>0.35218668546084836</c:v>
                </c:pt>
                <c:pt idx="1518">
                  <c:v>0.399596431580578</c:v>
                </c:pt>
                <c:pt idx="1519">
                  <c:v>0.399596431580578</c:v>
                </c:pt>
                <c:pt idx="1520">
                  <c:v>0.399596431580578</c:v>
                </c:pt>
                <c:pt idx="1521">
                  <c:v>0.42668771507756637</c:v>
                </c:pt>
                <c:pt idx="1522">
                  <c:v>0.42668771507756637</c:v>
                </c:pt>
                <c:pt idx="1523">
                  <c:v>0.54182566993976677</c:v>
                </c:pt>
                <c:pt idx="1524">
                  <c:v>0.54182566993976677</c:v>
                </c:pt>
                <c:pt idx="1525">
                  <c:v>0.35895950633509549</c:v>
                </c:pt>
                <c:pt idx="1526">
                  <c:v>0.54182566993976677</c:v>
                </c:pt>
                <c:pt idx="1527">
                  <c:v>0.54182566993976677</c:v>
                </c:pt>
                <c:pt idx="1528">
                  <c:v>0.54182566993976677</c:v>
                </c:pt>
                <c:pt idx="1529">
                  <c:v>0.54182566993976677</c:v>
                </c:pt>
                <c:pt idx="1530">
                  <c:v>0.54182566993976677</c:v>
                </c:pt>
                <c:pt idx="1531">
                  <c:v>0.45377899857455473</c:v>
                </c:pt>
                <c:pt idx="1532">
                  <c:v>0.3725051480835897</c:v>
                </c:pt>
                <c:pt idx="1533">
                  <c:v>0.27091283496988339</c:v>
                </c:pt>
                <c:pt idx="1534">
                  <c:v>0.25736719322138923</c:v>
                </c:pt>
                <c:pt idx="1535">
                  <c:v>0.25736719322138923</c:v>
                </c:pt>
                <c:pt idx="1536">
                  <c:v>0.24777918870085269</c:v>
                </c:pt>
                <c:pt idx="1537">
                  <c:v>0.24777918870085269</c:v>
                </c:pt>
                <c:pt idx="1538">
                  <c:v>0.24777918870085269</c:v>
                </c:pt>
                <c:pt idx="1539">
                  <c:v>0.24777918870085269</c:v>
                </c:pt>
                <c:pt idx="1540">
                  <c:v>0.24777918870085269</c:v>
                </c:pt>
                <c:pt idx="1541">
                  <c:v>0.32211294531110851</c:v>
                </c:pt>
                <c:pt idx="1542">
                  <c:v>0.35927982361623634</c:v>
                </c:pt>
                <c:pt idx="1543">
                  <c:v>0.37166878305127904</c:v>
                </c:pt>
                <c:pt idx="1544">
                  <c:v>0.37166878305127904</c:v>
                </c:pt>
                <c:pt idx="1545">
                  <c:v>0.40264118163888563</c:v>
                </c:pt>
                <c:pt idx="1546">
                  <c:v>0.42122462079144957</c:v>
                </c:pt>
                <c:pt idx="1547">
                  <c:v>0.49555837740170539</c:v>
                </c:pt>
                <c:pt idx="1548">
                  <c:v>0.49555837740170539</c:v>
                </c:pt>
                <c:pt idx="1549">
                  <c:v>0.49555837740170539</c:v>
                </c:pt>
                <c:pt idx="1550">
                  <c:v>0.49555837740170539</c:v>
                </c:pt>
                <c:pt idx="1551">
                  <c:v>0.49555837740170539</c:v>
                </c:pt>
                <c:pt idx="1552">
                  <c:v>0.49555837740170539</c:v>
                </c:pt>
                <c:pt idx="1553">
                  <c:v>0.49555837740170539</c:v>
                </c:pt>
                <c:pt idx="1554">
                  <c:v>0.49555837740170539</c:v>
                </c:pt>
                <c:pt idx="1555">
                  <c:v>0.41503014107392827</c:v>
                </c:pt>
                <c:pt idx="1556">
                  <c:v>0.34069638446367245</c:v>
                </c:pt>
                <c:pt idx="1557">
                  <c:v>0.24777918870085269</c:v>
                </c:pt>
                <c:pt idx="1558">
                  <c:v>0.24777918870085269</c:v>
                </c:pt>
                <c:pt idx="1559">
                  <c:v>0.24777918870085269</c:v>
                </c:pt>
                <c:pt idx="1560">
                  <c:v>0.22535182327336148</c:v>
                </c:pt>
                <c:pt idx="1561">
                  <c:v>0.25352080118253162</c:v>
                </c:pt>
                <c:pt idx="1562">
                  <c:v>0.25352080118253162</c:v>
                </c:pt>
                <c:pt idx="1563">
                  <c:v>0.25352080118253162</c:v>
                </c:pt>
                <c:pt idx="1564">
                  <c:v>0.25352080118253162</c:v>
                </c:pt>
                <c:pt idx="1565">
                  <c:v>0.32676014374637413</c:v>
                </c:pt>
                <c:pt idx="1566">
                  <c:v>0.3774643039828805</c:v>
                </c:pt>
                <c:pt idx="1567">
                  <c:v>0.3774643039828805</c:v>
                </c:pt>
                <c:pt idx="1568">
                  <c:v>0.3774643039828805</c:v>
                </c:pt>
                <c:pt idx="1569">
                  <c:v>0.40563328189205061</c:v>
                </c:pt>
                <c:pt idx="1570">
                  <c:v>0.43943605538305486</c:v>
                </c:pt>
                <c:pt idx="1571">
                  <c:v>0.50704160236506324</c:v>
                </c:pt>
                <c:pt idx="1572">
                  <c:v>0.50704160236506324</c:v>
                </c:pt>
                <c:pt idx="1573">
                  <c:v>0.50704160236506324</c:v>
                </c:pt>
                <c:pt idx="1574">
                  <c:v>0.50704160236506324</c:v>
                </c:pt>
                <c:pt idx="1575">
                  <c:v>0.50704160236506324</c:v>
                </c:pt>
                <c:pt idx="1576">
                  <c:v>0.50704160236506324</c:v>
                </c:pt>
                <c:pt idx="1577">
                  <c:v>0.50704160236506324</c:v>
                </c:pt>
                <c:pt idx="1578">
                  <c:v>0.50704160236506324</c:v>
                </c:pt>
                <c:pt idx="1579">
                  <c:v>0.42253466863755268</c:v>
                </c:pt>
                <c:pt idx="1580">
                  <c:v>0.33802773491004218</c:v>
                </c:pt>
                <c:pt idx="1581">
                  <c:v>0.25352080118253162</c:v>
                </c:pt>
                <c:pt idx="1582">
                  <c:v>0.25352080118253162</c:v>
                </c:pt>
                <c:pt idx="1583">
                  <c:v>0.25352080118253162</c:v>
                </c:pt>
                <c:pt idx="1584">
                  <c:v>0.25880000361944794</c:v>
                </c:pt>
                <c:pt idx="1585">
                  <c:v>0.25880000361944794</c:v>
                </c:pt>
                <c:pt idx="1586">
                  <c:v>0.25880000361944794</c:v>
                </c:pt>
                <c:pt idx="1587">
                  <c:v>0.25880000361944794</c:v>
                </c:pt>
                <c:pt idx="1588">
                  <c:v>0.25880000361944794</c:v>
                </c:pt>
                <c:pt idx="1589">
                  <c:v>0.33356444910951061</c:v>
                </c:pt>
                <c:pt idx="1590">
                  <c:v>0.38532444983340036</c:v>
                </c:pt>
                <c:pt idx="1591">
                  <c:v>0.38532444983340036</c:v>
                </c:pt>
                <c:pt idx="1592">
                  <c:v>0.38532444983340036</c:v>
                </c:pt>
                <c:pt idx="1593">
                  <c:v>0.41408000579111665</c:v>
                </c:pt>
                <c:pt idx="1594">
                  <c:v>0.44858667294037646</c:v>
                </c:pt>
                <c:pt idx="1595">
                  <c:v>0.51760000723889588</c:v>
                </c:pt>
                <c:pt idx="1596">
                  <c:v>0.51760000723889588</c:v>
                </c:pt>
                <c:pt idx="1597">
                  <c:v>0.51760000723889588</c:v>
                </c:pt>
                <c:pt idx="1598">
                  <c:v>0.51760000723889588</c:v>
                </c:pt>
                <c:pt idx="1599">
                  <c:v>0.51760000723889588</c:v>
                </c:pt>
                <c:pt idx="1600">
                  <c:v>0.51760000723889588</c:v>
                </c:pt>
                <c:pt idx="1601">
                  <c:v>0.51760000723889588</c:v>
                </c:pt>
                <c:pt idx="1602">
                  <c:v>0.51760000723889588</c:v>
                </c:pt>
                <c:pt idx="1603">
                  <c:v>0.43133333936574658</c:v>
                </c:pt>
                <c:pt idx="1604">
                  <c:v>0.34506667149259734</c:v>
                </c:pt>
                <c:pt idx="1605">
                  <c:v>0.25880000361944794</c:v>
                </c:pt>
                <c:pt idx="1606">
                  <c:v>0.25880000361944794</c:v>
                </c:pt>
                <c:pt idx="1607">
                  <c:v>0.25880000361944794</c:v>
                </c:pt>
                <c:pt idx="1608">
                  <c:v>0.28783000116000917</c:v>
                </c:pt>
                <c:pt idx="1609">
                  <c:v>0.28783000116000917</c:v>
                </c:pt>
                <c:pt idx="1610">
                  <c:v>0.28783000116000917</c:v>
                </c:pt>
                <c:pt idx="1611">
                  <c:v>0.28783000116000917</c:v>
                </c:pt>
                <c:pt idx="1612">
                  <c:v>0.28783000116000917</c:v>
                </c:pt>
                <c:pt idx="1613">
                  <c:v>0.37098089038401183</c:v>
                </c:pt>
                <c:pt idx="1614">
                  <c:v>0.44773555736001436</c:v>
                </c:pt>
                <c:pt idx="1615">
                  <c:v>0.44773555736001436</c:v>
                </c:pt>
                <c:pt idx="1616">
                  <c:v>0.44773555736001436</c:v>
                </c:pt>
                <c:pt idx="1617">
                  <c:v>0.47971666860001522</c:v>
                </c:pt>
                <c:pt idx="1618">
                  <c:v>0.49890533534401582</c:v>
                </c:pt>
                <c:pt idx="1619">
                  <c:v>0.57566000232001835</c:v>
                </c:pt>
                <c:pt idx="1620">
                  <c:v>0.57566000232001835</c:v>
                </c:pt>
                <c:pt idx="1621">
                  <c:v>0.57566000232001835</c:v>
                </c:pt>
                <c:pt idx="1622">
                  <c:v>0.57566000232001835</c:v>
                </c:pt>
                <c:pt idx="1623">
                  <c:v>0.47971666860001522</c:v>
                </c:pt>
                <c:pt idx="1624">
                  <c:v>0.45413177960801449</c:v>
                </c:pt>
                <c:pt idx="1625">
                  <c:v>0.45413177960801449</c:v>
                </c:pt>
                <c:pt idx="1626">
                  <c:v>0.45413177960801449</c:v>
                </c:pt>
                <c:pt idx="1627">
                  <c:v>0.45413177960801449</c:v>
                </c:pt>
                <c:pt idx="1628">
                  <c:v>0.35179222364001123</c:v>
                </c:pt>
                <c:pt idx="1629">
                  <c:v>0.13432066720800429</c:v>
                </c:pt>
                <c:pt idx="1630">
                  <c:v>0.13432066720800429</c:v>
                </c:pt>
                <c:pt idx="1631">
                  <c:v>0.13432066720800429</c:v>
                </c:pt>
                <c:pt idx="1632">
                  <c:v>0.10125657457543169</c:v>
                </c:pt>
                <c:pt idx="1633">
                  <c:v>0.19769140750441425</c:v>
                </c:pt>
                <c:pt idx="1634">
                  <c:v>0.19769140750441425</c:v>
                </c:pt>
                <c:pt idx="1635">
                  <c:v>0.19769140750441425</c:v>
                </c:pt>
                <c:pt idx="1636">
                  <c:v>0.19769140750441425</c:v>
                </c:pt>
                <c:pt idx="1637">
                  <c:v>0.24590882396890557</c:v>
                </c:pt>
                <c:pt idx="1638">
                  <c:v>0.30859146537274423</c:v>
                </c:pt>
                <c:pt idx="1639">
                  <c:v>0.35198714019078642</c:v>
                </c:pt>
                <c:pt idx="1640">
                  <c:v>0.35198714019078642</c:v>
                </c:pt>
                <c:pt idx="1641">
                  <c:v>0.35198714019078642</c:v>
                </c:pt>
                <c:pt idx="1642">
                  <c:v>0.35198714019078642</c:v>
                </c:pt>
                <c:pt idx="1643">
                  <c:v>0.35198714019078642</c:v>
                </c:pt>
                <c:pt idx="1644">
                  <c:v>0.35198714019078642</c:v>
                </c:pt>
                <c:pt idx="1645">
                  <c:v>0.35198714019078642</c:v>
                </c:pt>
                <c:pt idx="1646">
                  <c:v>0.35198714019078642</c:v>
                </c:pt>
                <c:pt idx="1647">
                  <c:v>0.31823494866564245</c:v>
                </c:pt>
                <c:pt idx="1648">
                  <c:v>0.28930449878694769</c:v>
                </c:pt>
                <c:pt idx="1649">
                  <c:v>0.26037404890825294</c:v>
                </c:pt>
                <c:pt idx="1650">
                  <c:v>0.25073056561535462</c:v>
                </c:pt>
                <c:pt idx="1651">
                  <c:v>0.20251314915086338</c:v>
                </c:pt>
                <c:pt idx="1652">
                  <c:v>0.14947399103992298</c:v>
                </c:pt>
                <c:pt idx="1653">
                  <c:v>0.14947399103992298</c:v>
                </c:pt>
                <c:pt idx="1654">
                  <c:v>0.14947399103992298</c:v>
                </c:pt>
                <c:pt idx="1655">
                  <c:v>0.14947399103992298</c:v>
                </c:pt>
                <c:pt idx="1656">
                  <c:v>0.16404687297539366</c:v>
                </c:pt>
                <c:pt idx="1657">
                  <c:v>0.19050604603594098</c:v>
                </c:pt>
                <c:pt idx="1658">
                  <c:v>0.19050604603594098</c:v>
                </c:pt>
                <c:pt idx="1659">
                  <c:v>0.19050604603594098</c:v>
                </c:pt>
                <c:pt idx="1660">
                  <c:v>0.19050604603594098</c:v>
                </c:pt>
                <c:pt idx="1661">
                  <c:v>0.23813255754492629</c:v>
                </c:pt>
                <c:pt idx="1662">
                  <c:v>0.28046723444180205</c:v>
                </c:pt>
                <c:pt idx="1663">
                  <c:v>0.33338558056289674</c:v>
                </c:pt>
                <c:pt idx="1664">
                  <c:v>0.33338558056289674</c:v>
                </c:pt>
                <c:pt idx="1665">
                  <c:v>0.33338558056289674</c:v>
                </c:pt>
                <c:pt idx="1666">
                  <c:v>0.33338558056289674</c:v>
                </c:pt>
                <c:pt idx="1667">
                  <c:v>0.33338558056289674</c:v>
                </c:pt>
                <c:pt idx="1668">
                  <c:v>0.33338558056289674</c:v>
                </c:pt>
                <c:pt idx="1669">
                  <c:v>0.33338558056289674</c:v>
                </c:pt>
                <c:pt idx="1670">
                  <c:v>0.33338558056289674</c:v>
                </c:pt>
                <c:pt idx="1671">
                  <c:v>0.29634273827813046</c:v>
                </c:pt>
                <c:pt idx="1672">
                  <c:v>0.29105090366602099</c:v>
                </c:pt>
                <c:pt idx="1673">
                  <c:v>0.2487162267691452</c:v>
                </c:pt>
                <c:pt idx="1674">
                  <c:v>0.2328407229328168</c:v>
                </c:pt>
                <c:pt idx="1675">
                  <c:v>0.19579788064805051</c:v>
                </c:pt>
                <c:pt idx="1676">
                  <c:v>0.16404687297539366</c:v>
                </c:pt>
                <c:pt idx="1677">
                  <c:v>0.14287953452695579</c:v>
                </c:pt>
                <c:pt idx="1678">
                  <c:v>0.14287953452695579</c:v>
                </c:pt>
                <c:pt idx="1679">
                  <c:v>0.14287953452695579</c:v>
                </c:pt>
                <c:pt idx="1680">
                  <c:v>8.3692218100031315E-2</c:v>
                </c:pt>
                <c:pt idx="1681">
                  <c:v>8.3692218100031315E-2</c:v>
                </c:pt>
                <c:pt idx="1682">
                  <c:v>8.3692218100031315E-2</c:v>
                </c:pt>
                <c:pt idx="1683">
                  <c:v>8.3692218100031315E-2</c:v>
                </c:pt>
                <c:pt idx="1684">
                  <c:v>8.3692218100031315E-2</c:v>
                </c:pt>
                <c:pt idx="1685">
                  <c:v>0.36266627843346905</c:v>
                </c:pt>
                <c:pt idx="1686">
                  <c:v>0.4114867389918207</c:v>
                </c:pt>
                <c:pt idx="1687">
                  <c:v>0.4114867389918207</c:v>
                </c:pt>
                <c:pt idx="1688">
                  <c:v>0.4114867389918207</c:v>
                </c:pt>
                <c:pt idx="1689">
                  <c:v>0.43938414502516449</c:v>
                </c:pt>
                <c:pt idx="1690">
                  <c:v>0.43938414502516449</c:v>
                </c:pt>
                <c:pt idx="1691">
                  <c:v>0.5579481206668756</c:v>
                </c:pt>
                <c:pt idx="1692">
                  <c:v>0.5579481206668756</c:v>
                </c:pt>
                <c:pt idx="1693">
                  <c:v>0.36964062994180502</c:v>
                </c:pt>
                <c:pt idx="1694">
                  <c:v>0.5579481206668756</c:v>
                </c:pt>
                <c:pt idx="1695">
                  <c:v>0.5579481206668756</c:v>
                </c:pt>
                <c:pt idx="1696">
                  <c:v>0.5579481206668756</c:v>
                </c:pt>
                <c:pt idx="1697">
                  <c:v>0.5579481206668756</c:v>
                </c:pt>
                <c:pt idx="1698">
                  <c:v>0.5579481206668756</c:v>
                </c:pt>
                <c:pt idx="1699">
                  <c:v>0.46728155105850822</c:v>
                </c:pt>
                <c:pt idx="1700">
                  <c:v>0.38358933295847697</c:v>
                </c:pt>
                <c:pt idx="1701">
                  <c:v>0.2789740603334378</c:v>
                </c:pt>
                <c:pt idx="1702">
                  <c:v>0.2650253573167658</c:v>
                </c:pt>
                <c:pt idx="1703">
                  <c:v>0.2650253573167658</c:v>
                </c:pt>
                <c:pt idx="1704">
                  <c:v>0.23768970643663137</c:v>
                </c:pt>
                <c:pt idx="1705">
                  <c:v>0.23768970643663137</c:v>
                </c:pt>
                <c:pt idx="1706">
                  <c:v>0.23768970643663137</c:v>
                </c:pt>
                <c:pt idx="1707">
                  <c:v>0.23768970643663137</c:v>
                </c:pt>
                <c:pt idx="1708">
                  <c:v>0.23768970643663137</c:v>
                </c:pt>
                <c:pt idx="1709">
                  <c:v>0.30899661836762077</c:v>
                </c:pt>
                <c:pt idx="1710">
                  <c:v>0.34465007433311545</c:v>
                </c:pt>
                <c:pt idx="1711">
                  <c:v>0.35653455965494713</c:v>
                </c:pt>
                <c:pt idx="1712">
                  <c:v>0.35653455965494713</c:v>
                </c:pt>
                <c:pt idx="1713">
                  <c:v>0.38624577295952595</c:v>
                </c:pt>
                <c:pt idx="1714">
                  <c:v>0.40407250094227326</c:v>
                </c:pt>
                <c:pt idx="1715">
                  <c:v>0.47537941287326274</c:v>
                </c:pt>
                <c:pt idx="1716">
                  <c:v>0.47537941287326274</c:v>
                </c:pt>
                <c:pt idx="1717">
                  <c:v>0.47537941287326274</c:v>
                </c:pt>
                <c:pt idx="1718">
                  <c:v>0.47537941287326274</c:v>
                </c:pt>
                <c:pt idx="1719">
                  <c:v>0.47537941287326274</c:v>
                </c:pt>
                <c:pt idx="1720">
                  <c:v>0.47537941287326274</c:v>
                </c:pt>
                <c:pt idx="1721">
                  <c:v>0.47537941287326274</c:v>
                </c:pt>
                <c:pt idx="1722">
                  <c:v>0.47537941287326274</c:v>
                </c:pt>
                <c:pt idx="1723">
                  <c:v>0.39813025828135756</c:v>
                </c:pt>
                <c:pt idx="1724">
                  <c:v>0.32682334635036808</c:v>
                </c:pt>
                <c:pt idx="1725">
                  <c:v>0.23768970643663137</c:v>
                </c:pt>
                <c:pt idx="1726">
                  <c:v>0.23768970643663137</c:v>
                </c:pt>
                <c:pt idx="1727">
                  <c:v>0.23768970643663137</c:v>
                </c:pt>
                <c:pt idx="1728">
                  <c:v>0.21094361882933454</c:v>
                </c:pt>
                <c:pt idx="1729">
                  <c:v>0.23731157118300131</c:v>
                </c:pt>
                <c:pt idx="1730">
                  <c:v>0.23731157118300131</c:v>
                </c:pt>
                <c:pt idx="1731">
                  <c:v>0.23731157118300131</c:v>
                </c:pt>
                <c:pt idx="1732">
                  <c:v>0.23731157118300131</c:v>
                </c:pt>
                <c:pt idx="1733">
                  <c:v>0.30586824730253498</c:v>
                </c:pt>
                <c:pt idx="1734">
                  <c:v>0.35333056153913528</c:v>
                </c:pt>
                <c:pt idx="1735">
                  <c:v>0.35333056153913528</c:v>
                </c:pt>
                <c:pt idx="1736">
                  <c:v>0.35333056153913528</c:v>
                </c:pt>
                <c:pt idx="1737">
                  <c:v>0.37969851389280213</c:v>
                </c:pt>
                <c:pt idx="1738">
                  <c:v>0.41134005671720225</c:v>
                </c:pt>
                <c:pt idx="1739">
                  <c:v>0.47462314236600261</c:v>
                </c:pt>
                <c:pt idx="1740">
                  <c:v>0.47462314236600261</c:v>
                </c:pt>
                <c:pt idx="1741">
                  <c:v>0.47462314236600261</c:v>
                </c:pt>
                <c:pt idx="1742">
                  <c:v>0.47462314236600261</c:v>
                </c:pt>
                <c:pt idx="1743">
                  <c:v>0.47462314236600261</c:v>
                </c:pt>
                <c:pt idx="1744">
                  <c:v>0.47462314236600261</c:v>
                </c:pt>
                <c:pt idx="1745">
                  <c:v>0.47462314236600261</c:v>
                </c:pt>
                <c:pt idx="1746">
                  <c:v>0.47462314236600261</c:v>
                </c:pt>
                <c:pt idx="1747">
                  <c:v>0.3955192853050023</c:v>
                </c:pt>
                <c:pt idx="1748">
                  <c:v>0.31641542824400182</c:v>
                </c:pt>
                <c:pt idx="1749">
                  <c:v>0.23731157118300131</c:v>
                </c:pt>
                <c:pt idx="1750">
                  <c:v>0.23731157118300131</c:v>
                </c:pt>
                <c:pt idx="1751">
                  <c:v>0.23731157118300131</c:v>
                </c:pt>
                <c:pt idx="1752">
                  <c:v>0.23355105872139573</c:v>
                </c:pt>
                <c:pt idx="1753">
                  <c:v>0.23355105872139573</c:v>
                </c:pt>
                <c:pt idx="1754">
                  <c:v>0.23355105872139573</c:v>
                </c:pt>
                <c:pt idx="1755">
                  <c:v>0.23355105872139573</c:v>
                </c:pt>
                <c:pt idx="1756">
                  <c:v>0.23355105872139573</c:v>
                </c:pt>
                <c:pt idx="1757">
                  <c:v>0.30102136457424339</c:v>
                </c:pt>
                <c:pt idx="1758">
                  <c:v>0.34773157631852258</c:v>
                </c:pt>
                <c:pt idx="1759">
                  <c:v>0.34773157631852258</c:v>
                </c:pt>
                <c:pt idx="1760">
                  <c:v>0.34773157631852258</c:v>
                </c:pt>
                <c:pt idx="1761">
                  <c:v>0.37368169395423328</c:v>
                </c:pt>
                <c:pt idx="1762">
                  <c:v>0.40482183511708608</c:v>
                </c:pt>
                <c:pt idx="1763">
                  <c:v>0.46710211744279145</c:v>
                </c:pt>
                <c:pt idx="1764">
                  <c:v>0.46710211744279145</c:v>
                </c:pt>
                <c:pt idx="1765">
                  <c:v>0.46710211744279145</c:v>
                </c:pt>
                <c:pt idx="1766">
                  <c:v>0.46710211744279145</c:v>
                </c:pt>
                <c:pt idx="1767">
                  <c:v>0.46710211744279145</c:v>
                </c:pt>
                <c:pt idx="1768">
                  <c:v>0.46710211744279145</c:v>
                </c:pt>
                <c:pt idx="1769">
                  <c:v>0.46710211744279145</c:v>
                </c:pt>
                <c:pt idx="1770">
                  <c:v>0.46710211744279145</c:v>
                </c:pt>
                <c:pt idx="1771">
                  <c:v>0.38925176453565963</c:v>
                </c:pt>
                <c:pt idx="1772">
                  <c:v>0.31140141162852769</c:v>
                </c:pt>
                <c:pt idx="1773">
                  <c:v>0.23355105872139573</c:v>
                </c:pt>
                <c:pt idx="1774">
                  <c:v>0.23355105872139573</c:v>
                </c:pt>
                <c:pt idx="1775">
                  <c:v>0.23355105872139573</c:v>
                </c:pt>
                <c:pt idx="1776">
                  <c:v>0.25612518083866448</c:v>
                </c:pt>
                <c:pt idx="1777">
                  <c:v>0.25612518083866448</c:v>
                </c:pt>
                <c:pt idx="1778">
                  <c:v>0.25612518083866448</c:v>
                </c:pt>
                <c:pt idx="1779">
                  <c:v>0.25612518083866448</c:v>
                </c:pt>
                <c:pt idx="1780">
                  <c:v>0.25612518083866448</c:v>
                </c:pt>
                <c:pt idx="1781">
                  <c:v>0.33011689974761199</c:v>
                </c:pt>
                <c:pt idx="1782">
                  <c:v>0.39841694797125587</c:v>
                </c:pt>
                <c:pt idx="1783">
                  <c:v>0.39841694797125587</c:v>
                </c:pt>
                <c:pt idx="1784">
                  <c:v>0.39841694797125587</c:v>
                </c:pt>
                <c:pt idx="1785">
                  <c:v>0.42687530139777419</c:v>
                </c:pt>
                <c:pt idx="1786">
                  <c:v>0.44395031345368513</c:v>
                </c:pt>
                <c:pt idx="1787">
                  <c:v>0.51225036167732896</c:v>
                </c:pt>
                <c:pt idx="1788">
                  <c:v>0.51225036167732896</c:v>
                </c:pt>
                <c:pt idx="1789">
                  <c:v>0.51225036167732896</c:v>
                </c:pt>
                <c:pt idx="1790">
                  <c:v>0.51225036167732896</c:v>
                </c:pt>
                <c:pt idx="1791">
                  <c:v>0.42687530139777419</c:v>
                </c:pt>
                <c:pt idx="1792">
                  <c:v>0.40410861865655956</c:v>
                </c:pt>
                <c:pt idx="1793">
                  <c:v>0.40410861865655956</c:v>
                </c:pt>
                <c:pt idx="1794">
                  <c:v>0.40410861865655956</c:v>
                </c:pt>
                <c:pt idx="1795">
                  <c:v>0.40410861865655956</c:v>
                </c:pt>
                <c:pt idx="1796">
                  <c:v>0.31304188769170099</c:v>
                </c:pt>
                <c:pt idx="1797">
                  <c:v>0.11952508439137675</c:v>
                </c:pt>
                <c:pt idx="1798">
                  <c:v>0.11952508439137675</c:v>
                </c:pt>
                <c:pt idx="1799">
                  <c:v>0.11952508439137675</c:v>
                </c:pt>
                <c:pt idx="1800">
                  <c:v>7.8074305651592485E-2</c:v>
                </c:pt>
                <c:pt idx="1801">
                  <c:v>0.15243078722453771</c:v>
                </c:pt>
                <c:pt idx="1802">
                  <c:v>0.15243078722453771</c:v>
                </c:pt>
                <c:pt idx="1803">
                  <c:v>0.15243078722453771</c:v>
                </c:pt>
                <c:pt idx="1804">
                  <c:v>0.15243078722453771</c:v>
                </c:pt>
                <c:pt idx="1805">
                  <c:v>0.18960902801101034</c:v>
                </c:pt>
                <c:pt idx="1806">
                  <c:v>0.23794074103342475</c:v>
                </c:pt>
                <c:pt idx="1807">
                  <c:v>0.27140115774125007</c:v>
                </c:pt>
                <c:pt idx="1808">
                  <c:v>0.27140115774125007</c:v>
                </c:pt>
                <c:pt idx="1809">
                  <c:v>0.27140115774125007</c:v>
                </c:pt>
                <c:pt idx="1810">
                  <c:v>0.27140115774125007</c:v>
                </c:pt>
                <c:pt idx="1811">
                  <c:v>0.27140115774125007</c:v>
                </c:pt>
                <c:pt idx="1812">
                  <c:v>0.27140115774125007</c:v>
                </c:pt>
                <c:pt idx="1813">
                  <c:v>0.27140115774125007</c:v>
                </c:pt>
                <c:pt idx="1814">
                  <c:v>0.27140115774125007</c:v>
                </c:pt>
                <c:pt idx="1815">
                  <c:v>0.24537638919071925</c:v>
                </c:pt>
                <c:pt idx="1816">
                  <c:v>0.22306944471883569</c:v>
                </c:pt>
                <c:pt idx="1817">
                  <c:v>0.20076250024695208</c:v>
                </c:pt>
                <c:pt idx="1818">
                  <c:v>0.19332685208965758</c:v>
                </c:pt>
                <c:pt idx="1819">
                  <c:v>0.15614861130318497</c:v>
                </c:pt>
                <c:pt idx="1820">
                  <c:v>0.11525254643806508</c:v>
                </c:pt>
                <c:pt idx="1821">
                  <c:v>0.11525254643806508</c:v>
                </c:pt>
                <c:pt idx="1822">
                  <c:v>0.11525254643806508</c:v>
                </c:pt>
                <c:pt idx="1823">
                  <c:v>0.11525254643806508</c:v>
                </c:pt>
                <c:pt idx="1824">
                  <c:v>0.13730757711017869</c:v>
                </c:pt>
                <c:pt idx="1825">
                  <c:v>0.15945396051504621</c:v>
                </c:pt>
                <c:pt idx="1826">
                  <c:v>0.15945396051504621</c:v>
                </c:pt>
                <c:pt idx="1827">
                  <c:v>0.15945396051504621</c:v>
                </c:pt>
                <c:pt idx="1828">
                  <c:v>0.15945396051504621</c:v>
                </c:pt>
                <c:pt idx="1829">
                  <c:v>0.19931745064380776</c:v>
                </c:pt>
                <c:pt idx="1830">
                  <c:v>0.23475166409159581</c:v>
                </c:pt>
                <c:pt idx="1831">
                  <c:v>0.27904443090133091</c:v>
                </c:pt>
                <c:pt idx="1832">
                  <c:v>0.27904443090133091</c:v>
                </c:pt>
                <c:pt idx="1833">
                  <c:v>0.27904443090133091</c:v>
                </c:pt>
                <c:pt idx="1834">
                  <c:v>0.27904443090133091</c:v>
                </c:pt>
                <c:pt idx="1835">
                  <c:v>0.27904443090133091</c:v>
                </c:pt>
                <c:pt idx="1836">
                  <c:v>0.27904443090133091</c:v>
                </c:pt>
                <c:pt idx="1837">
                  <c:v>0.27904443090133091</c:v>
                </c:pt>
                <c:pt idx="1838">
                  <c:v>0.27904443090133091</c:v>
                </c:pt>
                <c:pt idx="1839">
                  <c:v>0.24803949413451631</c:v>
                </c:pt>
                <c:pt idx="1840">
                  <c:v>0.2436102174535428</c:v>
                </c:pt>
                <c:pt idx="1841">
                  <c:v>0.20817600400575478</c:v>
                </c:pt>
                <c:pt idx="1842">
                  <c:v>0.19488817396283428</c:v>
                </c:pt>
                <c:pt idx="1843">
                  <c:v>0.16388323719601972</c:v>
                </c:pt>
                <c:pt idx="1844">
                  <c:v>0.13730757711017869</c:v>
                </c:pt>
                <c:pt idx="1845">
                  <c:v>0.11959047038628468</c:v>
                </c:pt>
                <c:pt idx="1846">
                  <c:v>0.11959047038628468</c:v>
                </c:pt>
                <c:pt idx="1847">
                  <c:v>0.11959047038628468</c:v>
                </c:pt>
                <c:pt idx="1848">
                  <c:v>7.839484143255275E-2</c:v>
                </c:pt>
                <c:pt idx="1849">
                  <c:v>7.839484143255275E-2</c:v>
                </c:pt>
                <c:pt idx="1850">
                  <c:v>7.839484143255275E-2</c:v>
                </c:pt>
                <c:pt idx="1851">
                  <c:v>7.839484143255275E-2</c:v>
                </c:pt>
                <c:pt idx="1852">
                  <c:v>7.839484143255275E-2</c:v>
                </c:pt>
                <c:pt idx="1853">
                  <c:v>0.33971097954106189</c:v>
                </c:pt>
                <c:pt idx="1854">
                  <c:v>0.38544130371005103</c:v>
                </c:pt>
                <c:pt idx="1855">
                  <c:v>0.38544130371005103</c:v>
                </c:pt>
                <c:pt idx="1856">
                  <c:v>0.38544130371005103</c:v>
                </c:pt>
                <c:pt idx="1857">
                  <c:v>0.41157291752090197</c:v>
                </c:pt>
                <c:pt idx="1858">
                  <c:v>0.41157291752090197</c:v>
                </c:pt>
                <c:pt idx="1859">
                  <c:v>0.52263227621701835</c:v>
                </c:pt>
                <c:pt idx="1860">
                  <c:v>0.52263227621701835</c:v>
                </c:pt>
                <c:pt idx="1861">
                  <c:v>0.34624388299377468</c:v>
                </c:pt>
                <c:pt idx="1862">
                  <c:v>0.52263227621701835</c:v>
                </c:pt>
                <c:pt idx="1863">
                  <c:v>0.52263227621701835</c:v>
                </c:pt>
                <c:pt idx="1864">
                  <c:v>0.52263227621701835</c:v>
                </c:pt>
                <c:pt idx="1865">
                  <c:v>0.52263227621701835</c:v>
                </c:pt>
                <c:pt idx="1866">
                  <c:v>0.52263227621701835</c:v>
                </c:pt>
                <c:pt idx="1867">
                  <c:v>0.43770453133175291</c:v>
                </c:pt>
                <c:pt idx="1868">
                  <c:v>0.35930968989920009</c:v>
                </c:pt>
                <c:pt idx="1869">
                  <c:v>0.26131613810850918</c:v>
                </c:pt>
                <c:pt idx="1870">
                  <c:v>0.24825033120308368</c:v>
                </c:pt>
                <c:pt idx="1871">
                  <c:v>0.24825033120308368</c:v>
                </c:pt>
                <c:pt idx="1872">
                  <c:v>0.22643674643121292</c:v>
                </c:pt>
                <c:pt idx="1873">
                  <c:v>0.22643674643121292</c:v>
                </c:pt>
                <c:pt idx="1874">
                  <c:v>0.22643674643121292</c:v>
                </c:pt>
                <c:pt idx="1875">
                  <c:v>0.22643674643121292</c:v>
                </c:pt>
                <c:pt idx="1876">
                  <c:v>0.22643674643121292</c:v>
                </c:pt>
                <c:pt idx="1877">
                  <c:v>0.29436777036057676</c:v>
                </c:pt>
                <c:pt idx="1878">
                  <c:v>0.32833328232525871</c:v>
                </c:pt>
                <c:pt idx="1879">
                  <c:v>0.33965511964681944</c:v>
                </c:pt>
                <c:pt idx="1880">
                  <c:v>0.33965511964681944</c:v>
                </c:pt>
                <c:pt idx="1881">
                  <c:v>0.367959712950721</c:v>
                </c:pt>
                <c:pt idx="1882">
                  <c:v>0.38494246893306194</c:v>
                </c:pt>
                <c:pt idx="1883">
                  <c:v>0.45287349286242584</c:v>
                </c:pt>
                <c:pt idx="1884">
                  <c:v>0.45287349286242584</c:v>
                </c:pt>
                <c:pt idx="1885">
                  <c:v>0.45287349286242584</c:v>
                </c:pt>
                <c:pt idx="1886">
                  <c:v>0.45287349286242584</c:v>
                </c:pt>
                <c:pt idx="1887">
                  <c:v>0.45287349286242584</c:v>
                </c:pt>
                <c:pt idx="1888">
                  <c:v>0.45287349286242584</c:v>
                </c:pt>
                <c:pt idx="1889">
                  <c:v>0.45287349286242584</c:v>
                </c:pt>
                <c:pt idx="1890">
                  <c:v>0.45287349286242584</c:v>
                </c:pt>
                <c:pt idx="1891">
                  <c:v>0.37928155027228166</c:v>
                </c:pt>
                <c:pt idx="1892">
                  <c:v>0.31135052634291777</c:v>
                </c:pt>
                <c:pt idx="1893">
                  <c:v>0.22643674643121292</c:v>
                </c:pt>
                <c:pt idx="1894">
                  <c:v>0.22643674643121292</c:v>
                </c:pt>
                <c:pt idx="1895">
                  <c:v>0.22643674643121292</c:v>
                </c:pt>
                <c:pt idx="1896">
                  <c:v>0.20704139679241057</c:v>
                </c:pt>
                <c:pt idx="1897">
                  <c:v>0.23292157139146186</c:v>
                </c:pt>
                <c:pt idx="1898">
                  <c:v>0.23292157139146186</c:v>
                </c:pt>
                <c:pt idx="1899">
                  <c:v>0.23292157139146186</c:v>
                </c:pt>
                <c:pt idx="1900">
                  <c:v>0.23292157139146186</c:v>
                </c:pt>
                <c:pt idx="1901">
                  <c:v>0.30021002534899527</c:v>
                </c:pt>
                <c:pt idx="1902">
                  <c:v>0.34679433962728767</c:v>
                </c:pt>
                <c:pt idx="1903">
                  <c:v>0.34679433962728767</c:v>
                </c:pt>
                <c:pt idx="1904">
                  <c:v>0.34679433962728767</c:v>
                </c:pt>
                <c:pt idx="1905">
                  <c:v>0.37267451422633896</c:v>
                </c:pt>
                <c:pt idx="1906">
                  <c:v>0.40373072374520058</c:v>
                </c:pt>
                <c:pt idx="1907">
                  <c:v>0.46584314278292371</c:v>
                </c:pt>
                <c:pt idx="1908">
                  <c:v>0.46584314278292371</c:v>
                </c:pt>
                <c:pt idx="1909">
                  <c:v>0.46584314278292371</c:v>
                </c:pt>
                <c:pt idx="1910">
                  <c:v>0.46584314278292371</c:v>
                </c:pt>
                <c:pt idx="1911">
                  <c:v>0.46584314278292371</c:v>
                </c:pt>
                <c:pt idx="1912">
                  <c:v>0.46584314278292371</c:v>
                </c:pt>
                <c:pt idx="1913">
                  <c:v>0.46584314278292371</c:v>
                </c:pt>
                <c:pt idx="1914">
                  <c:v>0.46584314278292371</c:v>
                </c:pt>
                <c:pt idx="1915">
                  <c:v>0.3882026189857698</c:v>
                </c:pt>
                <c:pt idx="1916">
                  <c:v>0.31056209518861583</c:v>
                </c:pt>
                <c:pt idx="1917">
                  <c:v>0.23292157139146186</c:v>
                </c:pt>
                <c:pt idx="1918">
                  <c:v>0.23292157139146186</c:v>
                </c:pt>
                <c:pt idx="1919">
                  <c:v>0.23292157139146186</c:v>
                </c:pt>
                <c:pt idx="1920">
                  <c:v>0.23523432171459929</c:v>
                </c:pt>
                <c:pt idx="1921">
                  <c:v>0.23523432171459929</c:v>
                </c:pt>
                <c:pt idx="1922">
                  <c:v>0.23523432171459929</c:v>
                </c:pt>
                <c:pt idx="1923">
                  <c:v>0.23523432171459929</c:v>
                </c:pt>
                <c:pt idx="1924">
                  <c:v>0.23523432171459929</c:v>
                </c:pt>
                <c:pt idx="1925">
                  <c:v>0.30319090354326134</c:v>
                </c:pt>
                <c:pt idx="1926">
                  <c:v>0.35023776788618122</c:v>
                </c:pt>
                <c:pt idx="1927">
                  <c:v>0.35023776788618122</c:v>
                </c:pt>
                <c:pt idx="1928">
                  <c:v>0.35023776788618122</c:v>
                </c:pt>
                <c:pt idx="1929">
                  <c:v>0.37637491474335893</c:v>
                </c:pt>
                <c:pt idx="1930">
                  <c:v>0.4077394909719721</c:v>
                </c:pt>
                <c:pt idx="1931">
                  <c:v>0.47046864342919859</c:v>
                </c:pt>
                <c:pt idx="1932">
                  <c:v>0.47046864342919859</c:v>
                </c:pt>
                <c:pt idx="1933">
                  <c:v>0.47046864342919859</c:v>
                </c:pt>
                <c:pt idx="1934">
                  <c:v>0.47046864342919859</c:v>
                </c:pt>
                <c:pt idx="1935">
                  <c:v>0.47046864342919859</c:v>
                </c:pt>
                <c:pt idx="1936">
                  <c:v>0.47046864342919859</c:v>
                </c:pt>
                <c:pt idx="1937">
                  <c:v>0.47046864342919859</c:v>
                </c:pt>
                <c:pt idx="1938">
                  <c:v>0.47046864342919859</c:v>
                </c:pt>
                <c:pt idx="1939">
                  <c:v>0.39205720285766554</c:v>
                </c:pt>
                <c:pt idx="1940">
                  <c:v>0.31364576228613245</c:v>
                </c:pt>
                <c:pt idx="1941">
                  <c:v>0.23523432171459929</c:v>
                </c:pt>
                <c:pt idx="1942">
                  <c:v>0.23523432171459929</c:v>
                </c:pt>
                <c:pt idx="1943">
                  <c:v>0.23523432171459929</c:v>
                </c:pt>
                <c:pt idx="1944">
                  <c:v>0.25391321663019845</c:v>
                </c:pt>
                <c:pt idx="1945">
                  <c:v>0.25391321663019845</c:v>
                </c:pt>
                <c:pt idx="1946">
                  <c:v>0.25391321663019845</c:v>
                </c:pt>
                <c:pt idx="1947">
                  <c:v>0.25391321663019845</c:v>
                </c:pt>
                <c:pt idx="1948">
                  <c:v>0.25391321663019845</c:v>
                </c:pt>
                <c:pt idx="1949">
                  <c:v>0.32726592365670026</c:v>
                </c:pt>
                <c:pt idx="1950">
                  <c:v>0.39497611475808658</c:v>
                </c:pt>
                <c:pt idx="1951">
                  <c:v>0.39497611475808658</c:v>
                </c:pt>
                <c:pt idx="1952">
                  <c:v>0.39497611475808658</c:v>
                </c:pt>
                <c:pt idx="1953">
                  <c:v>0.42318869438366419</c:v>
                </c:pt>
                <c:pt idx="1954">
                  <c:v>0.44011624215901068</c:v>
                </c:pt>
                <c:pt idx="1955">
                  <c:v>0.50782643326039689</c:v>
                </c:pt>
                <c:pt idx="1956">
                  <c:v>0.50782643326039689</c:v>
                </c:pt>
                <c:pt idx="1957">
                  <c:v>0.50782643326039689</c:v>
                </c:pt>
                <c:pt idx="1958">
                  <c:v>0.50782643326039689</c:v>
                </c:pt>
                <c:pt idx="1959">
                  <c:v>0.42318869438366419</c:v>
                </c:pt>
                <c:pt idx="1960">
                  <c:v>0.40061863068320214</c:v>
                </c:pt>
                <c:pt idx="1961">
                  <c:v>0.40061863068320214</c:v>
                </c:pt>
                <c:pt idx="1962">
                  <c:v>0.40061863068320214</c:v>
                </c:pt>
                <c:pt idx="1963">
                  <c:v>0.40061863068320214</c:v>
                </c:pt>
                <c:pt idx="1964">
                  <c:v>0.31033837588135366</c:v>
                </c:pt>
                <c:pt idx="1965">
                  <c:v>0.11849283442742597</c:v>
                </c:pt>
                <c:pt idx="1966">
                  <c:v>0.11849283442742597</c:v>
                </c:pt>
                <c:pt idx="1967">
                  <c:v>0.11849283442742597</c:v>
                </c:pt>
                <c:pt idx="1968">
                  <c:v>8.5318764690292218E-2</c:v>
                </c:pt>
                <c:pt idx="1969">
                  <c:v>0.16657473106199913</c:v>
                </c:pt>
                <c:pt idx="1970">
                  <c:v>0.16657473106199913</c:v>
                </c:pt>
                <c:pt idx="1971">
                  <c:v>0.16657473106199913</c:v>
                </c:pt>
                <c:pt idx="1972">
                  <c:v>0.16657473106199913</c:v>
                </c:pt>
                <c:pt idx="1973">
                  <c:v>0.20720271424785255</c:v>
                </c:pt>
                <c:pt idx="1974">
                  <c:v>0.26001909238946203</c:v>
                </c:pt>
                <c:pt idx="1975">
                  <c:v>0.29658427725673009</c:v>
                </c:pt>
                <c:pt idx="1976">
                  <c:v>0.29658427725673009</c:v>
                </c:pt>
                <c:pt idx="1977">
                  <c:v>0.29658427725673009</c:v>
                </c:pt>
                <c:pt idx="1978">
                  <c:v>0.29658427725673009</c:v>
                </c:pt>
                <c:pt idx="1979">
                  <c:v>0.29658427725673009</c:v>
                </c:pt>
                <c:pt idx="1980">
                  <c:v>0.29658427725673009</c:v>
                </c:pt>
                <c:pt idx="1981">
                  <c:v>0.29658427725673009</c:v>
                </c:pt>
                <c:pt idx="1982">
                  <c:v>0.29658427725673009</c:v>
                </c:pt>
                <c:pt idx="1983">
                  <c:v>0.26814468902663269</c:v>
                </c:pt>
                <c:pt idx="1984">
                  <c:v>0.24376789911512062</c:v>
                </c:pt>
                <c:pt idx="1985">
                  <c:v>0.2193911092036086</c:v>
                </c:pt>
                <c:pt idx="1986">
                  <c:v>0.21126551256643786</c:v>
                </c:pt>
                <c:pt idx="1987">
                  <c:v>0.17063752938058444</c:v>
                </c:pt>
                <c:pt idx="1988">
                  <c:v>0.12594674787614565</c:v>
                </c:pt>
                <c:pt idx="1989">
                  <c:v>0.12594674787614565</c:v>
                </c:pt>
                <c:pt idx="1990">
                  <c:v>0.12594674787614565</c:v>
                </c:pt>
                <c:pt idx="1991">
                  <c:v>0.12594674787614565</c:v>
                </c:pt>
                <c:pt idx="1992">
                  <c:v>0.15529583069223238</c:v>
                </c:pt>
                <c:pt idx="1993">
                  <c:v>0.18034354532001182</c:v>
                </c:pt>
                <c:pt idx="1994">
                  <c:v>0.18034354532001182</c:v>
                </c:pt>
                <c:pt idx="1995">
                  <c:v>0.18034354532001182</c:v>
                </c:pt>
                <c:pt idx="1996">
                  <c:v>0.18034354532001182</c:v>
                </c:pt>
                <c:pt idx="1997">
                  <c:v>0.22542943165001478</c:v>
                </c:pt>
                <c:pt idx="1998">
                  <c:v>0.26550577505446188</c:v>
                </c:pt>
                <c:pt idx="1999">
                  <c:v>0.3156012043100207</c:v>
                </c:pt>
                <c:pt idx="2000">
                  <c:v>0.3156012043100207</c:v>
                </c:pt>
                <c:pt idx="2001">
                  <c:v>0.3156012043100207</c:v>
                </c:pt>
                <c:pt idx="2002">
                  <c:v>0.3156012043100207</c:v>
                </c:pt>
                <c:pt idx="2003">
                  <c:v>0.3156012043100207</c:v>
                </c:pt>
                <c:pt idx="2004">
                  <c:v>0.3156012043100207</c:v>
                </c:pt>
                <c:pt idx="2005">
                  <c:v>0.3156012043100207</c:v>
                </c:pt>
                <c:pt idx="2006">
                  <c:v>0.3156012043100207</c:v>
                </c:pt>
                <c:pt idx="2007">
                  <c:v>0.28053440383112949</c:v>
                </c:pt>
                <c:pt idx="2008">
                  <c:v>0.2755248609055736</c:v>
                </c:pt>
                <c:pt idx="2009">
                  <c:v>0.23544851750112655</c:v>
                </c:pt>
                <c:pt idx="2010">
                  <c:v>0.22041988872445889</c:v>
                </c:pt>
                <c:pt idx="2011">
                  <c:v>0.1853530882455677</c:v>
                </c:pt>
                <c:pt idx="2012">
                  <c:v>0.15529583069223238</c:v>
                </c:pt>
                <c:pt idx="2013">
                  <c:v>0.13525765899000886</c:v>
                </c:pt>
                <c:pt idx="2014">
                  <c:v>0.13525765899000886</c:v>
                </c:pt>
                <c:pt idx="2015">
                  <c:v>0.13525765899000886</c:v>
                </c:pt>
                <c:pt idx="2016">
                  <c:v>8.2770935201339393E-2</c:v>
                </c:pt>
                <c:pt idx="2017">
                  <c:v>8.2770935201339393E-2</c:v>
                </c:pt>
                <c:pt idx="2018">
                  <c:v>8.2770935201339393E-2</c:v>
                </c:pt>
                <c:pt idx="2019">
                  <c:v>8.2770935201339393E-2</c:v>
                </c:pt>
                <c:pt idx="2020">
                  <c:v>8.2770935201339393E-2</c:v>
                </c:pt>
                <c:pt idx="2021">
                  <c:v>0.35867405253913737</c:v>
                </c:pt>
                <c:pt idx="2022">
                  <c:v>0.40695709807325209</c:v>
                </c:pt>
                <c:pt idx="2023">
                  <c:v>0.40695709807325209</c:v>
                </c:pt>
                <c:pt idx="2024">
                  <c:v>0.40695709807325209</c:v>
                </c:pt>
                <c:pt idx="2025">
                  <c:v>0.43454740980703194</c:v>
                </c:pt>
                <c:pt idx="2026">
                  <c:v>0.43454740980703194</c:v>
                </c:pt>
                <c:pt idx="2027">
                  <c:v>0.55180623467559609</c:v>
                </c:pt>
                <c:pt idx="2028">
                  <c:v>0.55180623467559609</c:v>
                </c:pt>
                <c:pt idx="2029">
                  <c:v>0.36557163047258245</c:v>
                </c:pt>
                <c:pt idx="2030">
                  <c:v>0.55180623467559609</c:v>
                </c:pt>
                <c:pt idx="2031">
                  <c:v>0.55180623467559609</c:v>
                </c:pt>
                <c:pt idx="2032">
                  <c:v>0.55180623467559609</c:v>
                </c:pt>
                <c:pt idx="2033">
                  <c:v>0.55180623467559609</c:v>
                </c:pt>
                <c:pt idx="2034">
                  <c:v>0.55180623467559609</c:v>
                </c:pt>
                <c:pt idx="2035">
                  <c:v>0.46213772154081173</c:v>
                </c:pt>
                <c:pt idx="2036">
                  <c:v>0.37936678633947229</c:v>
                </c:pt>
                <c:pt idx="2037">
                  <c:v>0.27590311733779804</c:v>
                </c:pt>
                <c:pt idx="2038">
                  <c:v>0.26210796147090815</c:v>
                </c:pt>
                <c:pt idx="2039">
                  <c:v>0.26210796147090815</c:v>
                </c:pt>
                <c:pt idx="2040">
                  <c:v>0.24374339579516416</c:v>
                </c:pt>
                <c:pt idx="2041">
                  <c:v>0.24374339579516416</c:v>
                </c:pt>
                <c:pt idx="2042">
                  <c:v>0.24374339579516416</c:v>
                </c:pt>
                <c:pt idx="2043">
                  <c:v>0.24374339579516416</c:v>
                </c:pt>
                <c:pt idx="2044">
                  <c:v>0.24374339579516416</c:v>
                </c:pt>
                <c:pt idx="2045">
                  <c:v>0.31686641453371334</c:v>
                </c:pt>
                <c:pt idx="2046">
                  <c:v>0.35342792390298794</c:v>
                </c:pt>
                <c:pt idx="2047">
                  <c:v>0.3656150936927462</c:v>
                </c:pt>
                <c:pt idx="2048">
                  <c:v>0.3656150936927462</c:v>
                </c:pt>
                <c:pt idx="2049">
                  <c:v>0.3960830181671417</c:v>
                </c:pt>
                <c:pt idx="2050">
                  <c:v>0.414363772851779</c:v>
                </c:pt>
                <c:pt idx="2051">
                  <c:v>0.48748679159032832</c:v>
                </c:pt>
                <c:pt idx="2052">
                  <c:v>0.48748679159032832</c:v>
                </c:pt>
                <c:pt idx="2053">
                  <c:v>0.48748679159032832</c:v>
                </c:pt>
                <c:pt idx="2054">
                  <c:v>0.48748679159032832</c:v>
                </c:pt>
                <c:pt idx="2055">
                  <c:v>0.48748679159032832</c:v>
                </c:pt>
                <c:pt idx="2056">
                  <c:v>0.48748679159032832</c:v>
                </c:pt>
                <c:pt idx="2057">
                  <c:v>0.48748679159032832</c:v>
                </c:pt>
                <c:pt idx="2058">
                  <c:v>0.48748679159032832</c:v>
                </c:pt>
                <c:pt idx="2059">
                  <c:v>0.40827018795689995</c:v>
                </c:pt>
                <c:pt idx="2060">
                  <c:v>0.33514716921835064</c:v>
                </c:pt>
                <c:pt idx="2061">
                  <c:v>0.24374339579516416</c:v>
                </c:pt>
                <c:pt idx="2062">
                  <c:v>0.24374339579516416</c:v>
                </c:pt>
                <c:pt idx="2063">
                  <c:v>0.24374339579516416</c:v>
                </c:pt>
                <c:pt idx="2064">
                  <c:v>0.22084925938460301</c:v>
                </c:pt>
                <c:pt idx="2065">
                  <c:v>0.24845541680767835</c:v>
                </c:pt>
                <c:pt idx="2066">
                  <c:v>0.24845541680767835</c:v>
                </c:pt>
                <c:pt idx="2067">
                  <c:v>0.24845541680767835</c:v>
                </c:pt>
                <c:pt idx="2068">
                  <c:v>0.24845541680767835</c:v>
                </c:pt>
                <c:pt idx="2069">
                  <c:v>0.32023142610767436</c:v>
                </c:pt>
                <c:pt idx="2070">
                  <c:v>0.36992250946921007</c:v>
                </c:pt>
                <c:pt idx="2071">
                  <c:v>0.36992250946921007</c:v>
                </c:pt>
                <c:pt idx="2072">
                  <c:v>0.36992250946921007</c:v>
                </c:pt>
                <c:pt idx="2073">
                  <c:v>0.39752866689228544</c:v>
                </c:pt>
                <c:pt idx="2074">
                  <c:v>0.43065605579997585</c:v>
                </c:pt>
                <c:pt idx="2075">
                  <c:v>0.49691083361535671</c:v>
                </c:pt>
                <c:pt idx="2076">
                  <c:v>0.49691083361535671</c:v>
                </c:pt>
                <c:pt idx="2077">
                  <c:v>0.49691083361535671</c:v>
                </c:pt>
                <c:pt idx="2078">
                  <c:v>0.49691083361535671</c:v>
                </c:pt>
                <c:pt idx="2079">
                  <c:v>0.49691083361535671</c:v>
                </c:pt>
                <c:pt idx="2080">
                  <c:v>0.49691083361535671</c:v>
                </c:pt>
                <c:pt idx="2081">
                  <c:v>0.49691083361535671</c:v>
                </c:pt>
                <c:pt idx="2082">
                  <c:v>0.49691083361535671</c:v>
                </c:pt>
                <c:pt idx="2083">
                  <c:v>0.41409236134613064</c:v>
                </c:pt>
                <c:pt idx="2084">
                  <c:v>0.33127388907690453</c:v>
                </c:pt>
                <c:pt idx="2085">
                  <c:v>0.24845541680767835</c:v>
                </c:pt>
                <c:pt idx="2086">
                  <c:v>0.24845541680767835</c:v>
                </c:pt>
                <c:pt idx="2087">
                  <c:v>0.24845541680767835</c:v>
                </c:pt>
                <c:pt idx="2088">
                  <c:v>0.24634385746974219</c:v>
                </c:pt>
                <c:pt idx="2089">
                  <c:v>0.24634385746974219</c:v>
                </c:pt>
                <c:pt idx="2090">
                  <c:v>0.24634385746974219</c:v>
                </c:pt>
                <c:pt idx="2091">
                  <c:v>0.24634385746974219</c:v>
                </c:pt>
                <c:pt idx="2092">
                  <c:v>0.24634385746974219</c:v>
                </c:pt>
                <c:pt idx="2093">
                  <c:v>0.31750986073877885</c:v>
                </c:pt>
                <c:pt idx="2094">
                  <c:v>0.36677863223272733</c:v>
                </c:pt>
                <c:pt idx="2095">
                  <c:v>0.36677863223272733</c:v>
                </c:pt>
                <c:pt idx="2096">
                  <c:v>0.36677863223272733</c:v>
                </c:pt>
                <c:pt idx="2097">
                  <c:v>0.39415017195158758</c:v>
                </c:pt>
                <c:pt idx="2098">
                  <c:v>0.4269960196142199</c:v>
                </c:pt>
                <c:pt idx="2099">
                  <c:v>0.49268771493948438</c:v>
                </c:pt>
                <c:pt idx="2100">
                  <c:v>0.49268771493948438</c:v>
                </c:pt>
                <c:pt idx="2101">
                  <c:v>0.49268771493948438</c:v>
                </c:pt>
                <c:pt idx="2102">
                  <c:v>0.49268771493948438</c:v>
                </c:pt>
                <c:pt idx="2103">
                  <c:v>0.49268771493948438</c:v>
                </c:pt>
                <c:pt idx="2104">
                  <c:v>0.49268771493948438</c:v>
                </c:pt>
                <c:pt idx="2105">
                  <c:v>0.49268771493948438</c:v>
                </c:pt>
                <c:pt idx="2106">
                  <c:v>0.49268771493948438</c:v>
                </c:pt>
                <c:pt idx="2107">
                  <c:v>0.41057309578290374</c:v>
                </c:pt>
                <c:pt idx="2108">
                  <c:v>0.32845847662632299</c:v>
                </c:pt>
                <c:pt idx="2109">
                  <c:v>0.24634385746974219</c:v>
                </c:pt>
                <c:pt idx="2110">
                  <c:v>0.24634385746974219</c:v>
                </c:pt>
                <c:pt idx="2111">
                  <c:v>0.24634385746974219</c:v>
                </c:pt>
                <c:pt idx="2112">
                  <c:v>0.26755366258240498</c:v>
                </c:pt>
                <c:pt idx="2113">
                  <c:v>0.26755366258240498</c:v>
                </c:pt>
                <c:pt idx="2114">
                  <c:v>0.26755366258240498</c:v>
                </c:pt>
                <c:pt idx="2115">
                  <c:v>0.26755366258240498</c:v>
                </c:pt>
                <c:pt idx="2116">
                  <c:v>0.26755366258240498</c:v>
                </c:pt>
                <c:pt idx="2117">
                  <c:v>0.34484694288398865</c:v>
                </c:pt>
                <c:pt idx="2118">
                  <c:v>0.41619458623929673</c:v>
                </c:pt>
                <c:pt idx="2119">
                  <c:v>0.41619458623929673</c:v>
                </c:pt>
                <c:pt idx="2120">
                  <c:v>0.41619458623929673</c:v>
                </c:pt>
                <c:pt idx="2121">
                  <c:v>0.44592277097067501</c:v>
                </c:pt>
                <c:pt idx="2122">
                  <c:v>0.46375968180950206</c:v>
                </c:pt>
                <c:pt idx="2123">
                  <c:v>0.53510732516480997</c:v>
                </c:pt>
                <c:pt idx="2124">
                  <c:v>0.53510732516480997</c:v>
                </c:pt>
                <c:pt idx="2125">
                  <c:v>0.53510732516480997</c:v>
                </c:pt>
                <c:pt idx="2126">
                  <c:v>0.53510732516480997</c:v>
                </c:pt>
                <c:pt idx="2127">
                  <c:v>0.44592277097067501</c:v>
                </c:pt>
                <c:pt idx="2128">
                  <c:v>0.42214022318557243</c:v>
                </c:pt>
                <c:pt idx="2129">
                  <c:v>0.42214022318557243</c:v>
                </c:pt>
                <c:pt idx="2130">
                  <c:v>0.42214022318557243</c:v>
                </c:pt>
                <c:pt idx="2131">
                  <c:v>0.42214022318557243</c:v>
                </c:pt>
                <c:pt idx="2132">
                  <c:v>0.32701003204516166</c:v>
                </c:pt>
                <c:pt idx="2133">
                  <c:v>0.12485837587178901</c:v>
                </c:pt>
                <c:pt idx="2134">
                  <c:v>0.12485837587178901</c:v>
                </c:pt>
                <c:pt idx="2135">
                  <c:v>0.12485837587178901</c:v>
                </c:pt>
                <c:pt idx="2136">
                  <c:v>8.9665440113512046E-2</c:v>
                </c:pt>
                <c:pt idx="2137">
                  <c:v>0.17506109736447595</c:v>
                </c:pt>
                <c:pt idx="2138">
                  <c:v>0.17506109736447595</c:v>
                </c:pt>
                <c:pt idx="2139">
                  <c:v>0.17506109736447595</c:v>
                </c:pt>
                <c:pt idx="2140">
                  <c:v>0.17506109736447595</c:v>
                </c:pt>
                <c:pt idx="2141">
                  <c:v>0.21775892598995791</c:v>
                </c:pt>
                <c:pt idx="2142">
                  <c:v>0.27326610320308437</c:v>
                </c:pt>
                <c:pt idx="2143">
                  <c:v>0.3116941489660181</c:v>
                </c:pt>
                <c:pt idx="2144">
                  <c:v>0.3116941489660181</c:v>
                </c:pt>
                <c:pt idx="2145">
                  <c:v>0.3116941489660181</c:v>
                </c:pt>
                <c:pt idx="2146">
                  <c:v>0.3116941489660181</c:v>
                </c:pt>
                <c:pt idx="2147">
                  <c:v>0.3116941489660181</c:v>
                </c:pt>
                <c:pt idx="2148">
                  <c:v>0.3116941489660181</c:v>
                </c:pt>
                <c:pt idx="2149">
                  <c:v>0.3116941489660181</c:v>
                </c:pt>
                <c:pt idx="2150">
                  <c:v>0.3116941489660181</c:v>
                </c:pt>
                <c:pt idx="2151">
                  <c:v>0.28180566892818076</c:v>
                </c:pt>
                <c:pt idx="2152">
                  <c:v>0.25618697175289162</c:v>
                </c:pt>
                <c:pt idx="2153">
                  <c:v>0.23056827457760246</c:v>
                </c:pt>
                <c:pt idx="2154">
                  <c:v>0.22202870885250603</c:v>
                </c:pt>
                <c:pt idx="2155">
                  <c:v>0.17933088022702409</c:v>
                </c:pt>
                <c:pt idx="2156">
                  <c:v>0.13236326873899401</c:v>
                </c:pt>
                <c:pt idx="2157">
                  <c:v>0.13236326873899401</c:v>
                </c:pt>
                <c:pt idx="2158">
                  <c:v>0.13236326873899401</c:v>
                </c:pt>
                <c:pt idx="2159">
                  <c:v>0.13236326873899401</c:v>
                </c:pt>
                <c:pt idx="2160">
                  <c:v>0.14460011234614636</c:v>
                </c:pt>
                <c:pt idx="2161">
                  <c:v>0.16792271111165386</c:v>
                </c:pt>
                <c:pt idx="2162">
                  <c:v>0.16792271111165386</c:v>
                </c:pt>
                <c:pt idx="2163">
                  <c:v>0.16792271111165386</c:v>
                </c:pt>
                <c:pt idx="2164">
                  <c:v>0.16792271111165386</c:v>
                </c:pt>
                <c:pt idx="2165">
                  <c:v>0.20990338888956731</c:v>
                </c:pt>
                <c:pt idx="2166">
                  <c:v>0.24721954691437936</c:v>
                </c:pt>
                <c:pt idx="2167">
                  <c:v>0.29386474444539434</c:v>
                </c:pt>
                <c:pt idx="2168">
                  <c:v>0.29386474444539434</c:v>
                </c:pt>
                <c:pt idx="2169">
                  <c:v>0.29386474444539434</c:v>
                </c:pt>
                <c:pt idx="2170">
                  <c:v>0.29386474444539434</c:v>
                </c:pt>
                <c:pt idx="2171">
                  <c:v>0.29386474444539434</c:v>
                </c:pt>
                <c:pt idx="2172">
                  <c:v>0.29386474444539434</c:v>
                </c:pt>
                <c:pt idx="2173">
                  <c:v>0.29386474444539434</c:v>
                </c:pt>
                <c:pt idx="2174">
                  <c:v>0.29386474444539434</c:v>
                </c:pt>
                <c:pt idx="2175">
                  <c:v>0.26121310617368382</c:v>
                </c:pt>
                <c:pt idx="2176">
                  <c:v>0.25654858642058231</c:v>
                </c:pt>
                <c:pt idx="2177">
                  <c:v>0.21923242839577037</c:v>
                </c:pt>
                <c:pt idx="2178">
                  <c:v>0.20523886913646586</c:v>
                </c:pt>
                <c:pt idx="2179">
                  <c:v>0.17258723086475539</c:v>
                </c:pt>
                <c:pt idx="2180">
                  <c:v>0.14460011234614636</c:v>
                </c:pt>
                <c:pt idx="2181">
                  <c:v>0.12594203333374041</c:v>
                </c:pt>
                <c:pt idx="2182">
                  <c:v>0.12594203333374041</c:v>
                </c:pt>
                <c:pt idx="2183">
                  <c:v>0.12594203333374041</c:v>
                </c:pt>
                <c:pt idx="2184">
                  <c:v>7.8855482881898725E-2</c:v>
                </c:pt>
                <c:pt idx="2185">
                  <c:v>7.8855482881898725E-2</c:v>
                </c:pt>
                <c:pt idx="2186">
                  <c:v>7.8855482881898725E-2</c:v>
                </c:pt>
                <c:pt idx="2187">
                  <c:v>7.8855482881898725E-2</c:v>
                </c:pt>
                <c:pt idx="2188">
                  <c:v>7.8855482881898725E-2</c:v>
                </c:pt>
                <c:pt idx="2189">
                  <c:v>0.34170709248822778</c:v>
                </c:pt>
                <c:pt idx="2190">
                  <c:v>0.38770612416933542</c:v>
                </c:pt>
                <c:pt idx="2191">
                  <c:v>0.38770612416933542</c:v>
                </c:pt>
                <c:pt idx="2192">
                  <c:v>0.38770612416933542</c:v>
                </c:pt>
                <c:pt idx="2193">
                  <c:v>0.41399128512996836</c:v>
                </c:pt>
                <c:pt idx="2194">
                  <c:v>0.41399128512996836</c:v>
                </c:pt>
                <c:pt idx="2195">
                  <c:v>0.52570321921265828</c:v>
                </c:pt>
                <c:pt idx="2196">
                  <c:v>0.52570321921265828</c:v>
                </c:pt>
                <c:pt idx="2197">
                  <c:v>0.34827838272838602</c:v>
                </c:pt>
                <c:pt idx="2198">
                  <c:v>0.52570321921265828</c:v>
                </c:pt>
                <c:pt idx="2199">
                  <c:v>0.52570321921265828</c:v>
                </c:pt>
                <c:pt idx="2200">
                  <c:v>0.52570321921265828</c:v>
                </c:pt>
                <c:pt idx="2201">
                  <c:v>0.52570321921265828</c:v>
                </c:pt>
                <c:pt idx="2202">
                  <c:v>0.52570321921265828</c:v>
                </c:pt>
                <c:pt idx="2203">
                  <c:v>0.44027644609060129</c:v>
                </c:pt>
                <c:pt idx="2204">
                  <c:v>0.36142096320870248</c:v>
                </c:pt>
                <c:pt idx="2205">
                  <c:v>0.26285160960632914</c:v>
                </c:pt>
                <c:pt idx="2206">
                  <c:v>0.24970902912601267</c:v>
                </c:pt>
                <c:pt idx="2207">
                  <c:v>0.24970902912601267</c:v>
                </c:pt>
                <c:pt idx="2208">
                  <c:v>0.22489145128346125</c:v>
                </c:pt>
                <c:pt idx="2209">
                  <c:v>0.22489145128346125</c:v>
                </c:pt>
                <c:pt idx="2210">
                  <c:v>0.22489145128346125</c:v>
                </c:pt>
                <c:pt idx="2211">
                  <c:v>0.22489145128346125</c:v>
                </c:pt>
                <c:pt idx="2212">
                  <c:v>0.22489145128346125</c:v>
                </c:pt>
                <c:pt idx="2213">
                  <c:v>0.29235888666849963</c:v>
                </c:pt>
                <c:pt idx="2214">
                  <c:v>0.32609260436101878</c:v>
                </c:pt>
                <c:pt idx="2215">
                  <c:v>0.33733717692519188</c:v>
                </c:pt>
                <c:pt idx="2216">
                  <c:v>0.33733717692519188</c:v>
                </c:pt>
                <c:pt idx="2217">
                  <c:v>0.36544860833562459</c:v>
                </c:pt>
                <c:pt idx="2218">
                  <c:v>0.38231546718188414</c:v>
                </c:pt>
                <c:pt idx="2219">
                  <c:v>0.44978290256692249</c:v>
                </c:pt>
                <c:pt idx="2220">
                  <c:v>0.44978290256692249</c:v>
                </c:pt>
                <c:pt idx="2221">
                  <c:v>0.44978290256692249</c:v>
                </c:pt>
                <c:pt idx="2222">
                  <c:v>0.44978290256692249</c:v>
                </c:pt>
                <c:pt idx="2223">
                  <c:v>0.44978290256692249</c:v>
                </c:pt>
                <c:pt idx="2224">
                  <c:v>0.44978290256692249</c:v>
                </c:pt>
                <c:pt idx="2225">
                  <c:v>0.44978290256692249</c:v>
                </c:pt>
                <c:pt idx="2226">
                  <c:v>0.44978290256692249</c:v>
                </c:pt>
                <c:pt idx="2227">
                  <c:v>0.37669318089979764</c:v>
                </c:pt>
                <c:pt idx="2228">
                  <c:v>0.30922574551475918</c:v>
                </c:pt>
                <c:pt idx="2229">
                  <c:v>0.22489145128346125</c:v>
                </c:pt>
                <c:pt idx="2230">
                  <c:v>0.22489145128346125</c:v>
                </c:pt>
                <c:pt idx="2231">
                  <c:v>0.22489145128346125</c:v>
                </c:pt>
                <c:pt idx="2232">
                  <c:v>0.19865269911788144</c:v>
                </c:pt>
                <c:pt idx="2233">
                  <c:v>0.22348428650761659</c:v>
                </c:pt>
                <c:pt idx="2234">
                  <c:v>0.22348428650761659</c:v>
                </c:pt>
                <c:pt idx="2235">
                  <c:v>0.22348428650761659</c:v>
                </c:pt>
                <c:pt idx="2236">
                  <c:v>0.22348428650761659</c:v>
                </c:pt>
                <c:pt idx="2237">
                  <c:v>0.28804641372092804</c:v>
                </c:pt>
                <c:pt idx="2238">
                  <c:v>0.33274327102245144</c:v>
                </c:pt>
                <c:pt idx="2239">
                  <c:v>0.33274327102245144</c:v>
                </c:pt>
                <c:pt idx="2240">
                  <c:v>0.33274327102245144</c:v>
                </c:pt>
                <c:pt idx="2241">
                  <c:v>0.35757485841218656</c:v>
                </c:pt>
                <c:pt idx="2242">
                  <c:v>0.38737276327986869</c:v>
                </c:pt>
                <c:pt idx="2243">
                  <c:v>0.44696857301523318</c:v>
                </c:pt>
                <c:pt idx="2244">
                  <c:v>0.44696857301523318</c:v>
                </c:pt>
                <c:pt idx="2245">
                  <c:v>0.44696857301523318</c:v>
                </c:pt>
                <c:pt idx="2246">
                  <c:v>0.44696857301523318</c:v>
                </c:pt>
                <c:pt idx="2247">
                  <c:v>0.44696857301523318</c:v>
                </c:pt>
                <c:pt idx="2248">
                  <c:v>0.44696857301523318</c:v>
                </c:pt>
                <c:pt idx="2249">
                  <c:v>0.44696857301523318</c:v>
                </c:pt>
                <c:pt idx="2250">
                  <c:v>0.44696857301523318</c:v>
                </c:pt>
                <c:pt idx="2251">
                  <c:v>0.37247381084602776</c:v>
                </c:pt>
                <c:pt idx="2252">
                  <c:v>0.29797904867682212</c:v>
                </c:pt>
                <c:pt idx="2253">
                  <c:v>0.22348428650761659</c:v>
                </c:pt>
                <c:pt idx="2254">
                  <c:v>0.22348428650761659</c:v>
                </c:pt>
                <c:pt idx="2255">
                  <c:v>0.22348428650761659</c:v>
                </c:pt>
                <c:pt idx="2256">
                  <c:v>0.22078532531028217</c:v>
                </c:pt>
                <c:pt idx="2257">
                  <c:v>0.22078532531028217</c:v>
                </c:pt>
                <c:pt idx="2258">
                  <c:v>0.22078532531028217</c:v>
                </c:pt>
                <c:pt idx="2259">
                  <c:v>0.22078532531028217</c:v>
                </c:pt>
                <c:pt idx="2260">
                  <c:v>0.22078532531028217</c:v>
                </c:pt>
                <c:pt idx="2261">
                  <c:v>0.28456775262214146</c:v>
                </c:pt>
                <c:pt idx="2262">
                  <c:v>0.32872481768419792</c:v>
                </c:pt>
                <c:pt idx="2263">
                  <c:v>0.32872481768419792</c:v>
                </c:pt>
                <c:pt idx="2264">
                  <c:v>0.32872481768419792</c:v>
                </c:pt>
                <c:pt idx="2265">
                  <c:v>0.35325652049645156</c:v>
                </c:pt>
                <c:pt idx="2266">
                  <c:v>0.3826945638711558</c:v>
                </c:pt>
                <c:pt idx="2267">
                  <c:v>0.44157065062056433</c:v>
                </c:pt>
                <c:pt idx="2268">
                  <c:v>0.44157065062056433</c:v>
                </c:pt>
                <c:pt idx="2269">
                  <c:v>0.44157065062056433</c:v>
                </c:pt>
                <c:pt idx="2270">
                  <c:v>0.44157065062056433</c:v>
                </c:pt>
                <c:pt idx="2271">
                  <c:v>0.44157065062056433</c:v>
                </c:pt>
                <c:pt idx="2272">
                  <c:v>0.44157065062056433</c:v>
                </c:pt>
                <c:pt idx="2273">
                  <c:v>0.44157065062056433</c:v>
                </c:pt>
                <c:pt idx="2274">
                  <c:v>0.44157065062056433</c:v>
                </c:pt>
                <c:pt idx="2275">
                  <c:v>0.36797554218380363</c:v>
                </c:pt>
                <c:pt idx="2276">
                  <c:v>0.29438043374704292</c:v>
                </c:pt>
                <c:pt idx="2277">
                  <c:v>0.22078532531028217</c:v>
                </c:pt>
                <c:pt idx="2278">
                  <c:v>0.22078532531028217</c:v>
                </c:pt>
                <c:pt idx="2279">
                  <c:v>0.22078532531028217</c:v>
                </c:pt>
                <c:pt idx="2280">
                  <c:v>0.24533426580949588</c:v>
                </c:pt>
                <c:pt idx="2281">
                  <c:v>0.24533426580949588</c:v>
                </c:pt>
                <c:pt idx="2282">
                  <c:v>0.24533426580949588</c:v>
                </c:pt>
                <c:pt idx="2283">
                  <c:v>0.24533426580949588</c:v>
                </c:pt>
                <c:pt idx="2284">
                  <c:v>0.24533426580949588</c:v>
                </c:pt>
                <c:pt idx="2285">
                  <c:v>0.31620860926557243</c:v>
                </c:pt>
                <c:pt idx="2286">
                  <c:v>0.38163108014810476</c:v>
                </c:pt>
                <c:pt idx="2287">
                  <c:v>0.38163108014810476</c:v>
                </c:pt>
                <c:pt idx="2288">
                  <c:v>0.38163108014810476</c:v>
                </c:pt>
                <c:pt idx="2289">
                  <c:v>0.40889044301582655</c:v>
                </c:pt>
                <c:pt idx="2290">
                  <c:v>0.4252460607364596</c:v>
                </c:pt>
                <c:pt idx="2291">
                  <c:v>0.49066853161899177</c:v>
                </c:pt>
                <c:pt idx="2292">
                  <c:v>0.49066853161899177</c:v>
                </c:pt>
                <c:pt idx="2293">
                  <c:v>0.49066853161899177</c:v>
                </c:pt>
                <c:pt idx="2294">
                  <c:v>0.49066853161899177</c:v>
                </c:pt>
                <c:pt idx="2295">
                  <c:v>0.40889044301582655</c:v>
                </c:pt>
                <c:pt idx="2296">
                  <c:v>0.38708295272164911</c:v>
                </c:pt>
                <c:pt idx="2297">
                  <c:v>0.38708295272164911</c:v>
                </c:pt>
                <c:pt idx="2298">
                  <c:v>0.38708295272164911</c:v>
                </c:pt>
                <c:pt idx="2299">
                  <c:v>0.38708295272164911</c:v>
                </c:pt>
                <c:pt idx="2300">
                  <c:v>0.29985299154493944</c:v>
                </c:pt>
                <c:pt idx="2301">
                  <c:v>0.11448932404443141</c:v>
                </c:pt>
                <c:pt idx="2302">
                  <c:v>0.11448932404443141</c:v>
                </c:pt>
                <c:pt idx="2303">
                  <c:v>0.11448932404443141</c:v>
                </c:pt>
                <c:pt idx="2304">
                  <c:v>7.6045857120756538E-2</c:v>
                </c:pt>
                <c:pt idx="2305">
                  <c:v>0.1484704829500485</c:v>
                </c:pt>
                <c:pt idx="2306">
                  <c:v>0.1484704829500485</c:v>
                </c:pt>
                <c:pt idx="2307">
                  <c:v>0.1484704829500485</c:v>
                </c:pt>
                <c:pt idx="2308">
                  <c:v>0.1484704829500485</c:v>
                </c:pt>
                <c:pt idx="2309">
                  <c:v>0.18468279586469449</c:v>
                </c:pt>
                <c:pt idx="2310">
                  <c:v>0.23175880265373425</c:v>
                </c:pt>
                <c:pt idx="2311">
                  <c:v>0.26434988427691564</c:v>
                </c:pt>
                <c:pt idx="2312">
                  <c:v>0.26434988427691564</c:v>
                </c:pt>
                <c:pt idx="2313">
                  <c:v>0.26434988427691564</c:v>
                </c:pt>
                <c:pt idx="2314">
                  <c:v>0.26434988427691564</c:v>
                </c:pt>
                <c:pt idx="2315">
                  <c:v>0.26434988427691564</c:v>
                </c:pt>
                <c:pt idx="2316">
                  <c:v>0.26434988427691564</c:v>
                </c:pt>
                <c:pt idx="2317">
                  <c:v>0.26434988427691564</c:v>
                </c:pt>
                <c:pt idx="2318">
                  <c:v>0.26434988427691564</c:v>
                </c:pt>
                <c:pt idx="2319">
                  <c:v>0.23900126523666343</c:v>
                </c:pt>
                <c:pt idx="2320">
                  <c:v>0.21727387748787583</c:v>
                </c:pt>
                <c:pt idx="2321">
                  <c:v>0.19554648973908825</c:v>
                </c:pt>
                <c:pt idx="2322">
                  <c:v>0.18830402715615904</c:v>
                </c:pt>
                <c:pt idx="2323">
                  <c:v>0.15209171424151308</c:v>
                </c:pt>
                <c:pt idx="2324">
                  <c:v>0.1122581700354025</c:v>
                </c:pt>
                <c:pt idx="2325">
                  <c:v>0.1122581700354025</c:v>
                </c:pt>
                <c:pt idx="2326">
                  <c:v>0.1122581700354025</c:v>
                </c:pt>
                <c:pt idx="2327">
                  <c:v>0.1122581700354025</c:v>
                </c:pt>
                <c:pt idx="2328">
                  <c:v>0.11834698549666259</c:v>
                </c:pt>
                <c:pt idx="2329">
                  <c:v>0.13743520896386624</c:v>
                </c:pt>
                <c:pt idx="2330">
                  <c:v>0.13743520896386624</c:v>
                </c:pt>
                <c:pt idx="2331">
                  <c:v>0.13743520896386624</c:v>
                </c:pt>
                <c:pt idx="2332">
                  <c:v>0.13743520896386624</c:v>
                </c:pt>
                <c:pt idx="2333">
                  <c:v>0.17179401120483279</c:v>
                </c:pt>
                <c:pt idx="2334">
                  <c:v>0.20233516875235866</c:v>
                </c:pt>
                <c:pt idx="2335">
                  <c:v>0.24051161568676593</c:v>
                </c:pt>
                <c:pt idx="2336">
                  <c:v>0.24051161568676593</c:v>
                </c:pt>
                <c:pt idx="2337">
                  <c:v>0.24051161568676593</c:v>
                </c:pt>
                <c:pt idx="2338">
                  <c:v>0.24051161568676593</c:v>
                </c:pt>
                <c:pt idx="2339">
                  <c:v>0.24051161568676593</c:v>
                </c:pt>
                <c:pt idx="2340">
                  <c:v>0.24051161568676593</c:v>
                </c:pt>
                <c:pt idx="2341">
                  <c:v>0.24051161568676593</c:v>
                </c:pt>
                <c:pt idx="2342">
                  <c:v>0.24051161568676593</c:v>
                </c:pt>
                <c:pt idx="2343">
                  <c:v>0.21378810283268082</c:v>
                </c:pt>
                <c:pt idx="2344">
                  <c:v>0.20997045813924006</c:v>
                </c:pt>
                <c:pt idx="2345">
                  <c:v>0.17942930059171427</c:v>
                </c:pt>
                <c:pt idx="2346">
                  <c:v>0.16797636651139208</c:v>
                </c:pt>
                <c:pt idx="2347">
                  <c:v>0.141252853657307</c:v>
                </c:pt>
                <c:pt idx="2348">
                  <c:v>0.11834698549666259</c:v>
                </c:pt>
                <c:pt idx="2349">
                  <c:v>0.10307640672289968</c:v>
                </c:pt>
                <c:pt idx="2350">
                  <c:v>0.10307640672289968</c:v>
                </c:pt>
                <c:pt idx="2351">
                  <c:v>0.10307640672289968</c:v>
                </c:pt>
                <c:pt idx="2352">
                  <c:v>7.6054226167132574E-2</c:v>
                </c:pt>
                <c:pt idx="2353">
                  <c:v>7.6054226167132574E-2</c:v>
                </c:pt>
                <c:pt idx="2354">
                  <c:v>7.6054226167132574E-2</c:v>
                </c:pt>
                <c:pt idx="2355">
                  <c:v>7.6054226167132574E-2</c:v>
                </c:pt>
                <c:pt idx="2356">
                  <c:v>7.6054226167132574E-2</c:v>
                </c:pt>
                <c:pt idx="2357">
                  <c:v>0.32956831339090786</c:v>
                </c:pt>
                <c:pt idx="2358">
                  <c:v>0.37393327865506859</c:v>
                </c:pt>
                <c:pt idx="2359">
                  <c:v>0.37393327865506859</c:v>
                </c:pt>
                <c:pt idx="2360">
                  <c:v>0.37393327865506859</c:v>
                </c:pt>
                <c:pt idx="2361">
                  <c:v>0.3992846873774461</c:v>
                </c:pt>
                <c:pt idx="2362">
                  <c:v>0.3992846873774461</c:v>
                </c:pt>
                <c:pt idx="2363">
                  <c:v>0.50702817444755066</c:v>
                </c:pt>
                <c:pt idx="2364">
                  <c:v>0.50702817444755066</c:v>
                </c:pt>
                <c:pt idx="2365">
                  <c:v>0.33590616557150227</c:v>
                </c:pt>
                <c:pt idx="2366">
                  <c:v>0.50702817444755066</c:v>
                </c:pt>
                <c:pt idx="2367">
                  <c:v>0.50702817444755066</c:v>
                </c:pt>
                <c:pt idx="2368">
                  <c:v>0.50702817444755066</c:v>
                </c:pt>
                <c:pt idx="2369">
                  <c:v>0.50702817444755066</c:v>
                </c:pt>
                <c:pt idx="2370">
                  <c:v>0.50702817444755066</c:v>
                </c:pt>
                <c:pt idx="2371">
                  <c:v>0.42463609609982367</c:v>
                </c:pt>
                <c:pt idx="2372">
                  <c:v>0.34858186993269108</c:v>
                </c:pt>
                <c:pt idx="2373">
                  <c:v>0.25351408722377533</c:v>
                </c:pt>
                <c:pt idx="2374">
                  <c:v>0.24083838286258652</c:v>
                </c:pt>
                <c:pt idx="2375">
                  <c:v>0.24083838286258652</c:v>
                </c:pt>
                <c:pt idx="2376">
                  <c:v>0.21901932972200494</c:v>
                </c:pt>
                <c:pt idx="2377">
                  <c:v>0.21901932972200494</c:v>
                </c:pt>
                <c:pt idx="2378">
                  <c:v>0.21901932972200494</c:v>
                </c:pt>
                <c:pt idx="2379">
                  <c:v>0.21901932972200494</c:v>
                </c:pt>
                <c:pt idx="2380">
                  <c:v>0.21901932972200494</c:v>
                </c:pt>
                <c:pt idx="2381">
                  <c:v>0.28472512863860638</c:v>
                </c:pt>
                <c:pt idx="2382">
                  <c:v>0.31757802809690711</c:v>
                </c:pt>
                <c:pt idx="2383">
                  <c:v>0.32852899458300744</c:v>
                </c:pt>
                <c:pt idx="2384">
                  <c:v>0.32852899458300744</c:v>
                </c:pt>
                <c:pt idx="2385">
                  <c:v>0.35590641079825802</c:v>
                </c:pt>
                <c:pt idx="2386">
                  <c:v>0.37233286052740838</c:v>
                </c:pt>
                <c:pt idx="2387">
                  <c:v>0.43803865944400988</c:v>
                </c:pt>
                <c:pt idx="2388">
                  <c:v>0.43803865944400988</c:v>
                </c:pt>
                <c:pt idx="2389">
                  <c:v>0.43803865944400988</c:v>
                </c:pt>
                <c:pt idx="2390">
                  <c:v>0.43803865944400988</c:v>
                </c:pt>
                <c:pt idx="2391">
                  <c:v>0.43803865944400988</c:v>
                </c:pt>
                <c:pt idx="2392">
                  <c:v>0.43803865944400988</c:v>
                </c:pt>
                <c:pt idx="2393">
                  <c:v>0.43803865944400988</c:v>
                </c:pt>
                <c:pt idx="2394">
                  <c:v>0.43803865944400988</c:v>
                </c:pt>
                <c:pt idx="2395">
                  <c:v>0.3668573772843583</c:v>
                </c:pt>
                <c:pt idx="2396">
                  <c:v>0.30115157836775674</c:v>
                </c:pt>
                <c:pt idx="2397">
                  <c:v>0.21901932972200494</c:v>
                </c:pt>
                <c:pt idx="2398">
                  <c:v>0.21901932972200494</c:v>
                </c:pt>
                <c:pt idx="2399">
                  <c:v>0.21901932972200494</c:v>
                </c:pt>
                <c:pt idx="2400">
                  <c:v>0.19423920636729239</c:v>
                </c:pt>
                <c:pt idx="2401">
                  <c:v>0.21851910716320391</c:v>
                </c:pt>
                <c:pt idx="2402">
                  <c:v>0.21851910716320391</c:v>
                </c:pt>
                <c:pt idx="2403">
                  <c:v>0.21851910716320391</c:v>
                </c:pt>
                <c:pt idx="2404">
                  <c:v>0.21851910716320391</c:v>
                </c:pt>
                <c:pt idx="2405">
                  <c:v>0.28164684923257394</c:v>
                </c:pt>
                <c:pt idx="2406">
                  <c:v>0.32535067066521478</c:v>
                </c:pt>
                <c:pt idx="2407">
                  <c:v>0.32535067066521478</c:v>
                </c:pt>
                <c:pt idx="2408">
                  <c:v>0.32535067066521478</c:v>
                </c:pt>
                <c:pt idx="2409">
                  <c:v>0.34963057146112625</c:v>
                </c:pt>
                <c:pt idx="2410">
                  <c:v>0.37876645241622009</c:v>
                </c:pt>
                <c:pt idx="2411">
                  <c:v>0.43703821432640783</c:v>
                </c:pt>
                <c:pt idx="2412">
                  <c:v>0.43703821432640783</c:v>
                </c:pt>
                <c:pt idx="2413">
                  <c:v>0.43703821432640783</c:v>
                </c:pt>
                <c:pt idx="2414">
                  <c:v>0.43703821432640783</c:v>
                </c:pt>
                <c:pt idx="2415">
                  <c:v>0.43703821432640783</c:v>
                </c:pt>
                <c:pt idx="2416">
                  <c:v>0.43703821432640783</c:v>
                </c:pt>
                <c:pt idx="2417">
                  <c:v>0.43703821432640783</c:v>
                </c:pt>
                <c:pt idx="2418">
                  <c:v>0.43703821432640783</c:v>
                </c:pt>
                <c:pt idx="2419">
                  <c:v>0.36419851193867314</c:v>
                </c:pt>
                <c:pt idx="2420">
                  <c:v>0.29135880955093857</c:v>
                </c:pt>
                <c:pt idx="2421">
                  <c:v>0.21851910716320391</c:v>
                </c:pt>
                <c:pt idx="2422">
                  <c:v>0.21851910716320391</c:v>
                </c:pt>
                <c:pt idx="2423">
                  <c:v>0.21851910716320391</c:v>
                </c:pt>
                <c:pt idx="2424">
                  <c:v>0.21676353768474901</c:v>
                </c:pt>
                <c:pt idx="2425">
                  <c:v>0.21676353768474901</c:v>
                </c:pt>
                <c:pt idx="2426">
                  <c:v>0.21676353768474901</c:v>
                </c:pt>
                <c:pt idx="2427">
                  <c:v>0.21676353768474901</c:v>
                </c:pt>
                <c:pt idx="2428">
                  <c:v>0.21676353768474901</c:v>
                </c:pt>
                <c:pt idx="2429">
                  <c:v>0.27938411523812096</c:v>
                </c:pt>
                <c:pt idx="2430">
                  <c:v>0.32273682277507088</c:v>
                </c:pt>
                <c:pt idx="2431">
                  <c:v>0.32273682277507088</c:v>
                </c:pt>
                <c:pt idx="2432">
                  <c:v>0.32273682277507088</c:v>
                </c:pt>
                <c:pt idx="2433">
                  <c:v>0.34682166029559841</c:v>
                </c:pt>
                <c:pt idx="2434">
                  <c:v>0.37572346532023176</c:v>
                </c:pt>
                <c:pt idx="2435">
                  <c:v>0.43352707536949803</c:v>
                </c:pt>
                <c:pt idx="2436">
                  <c:v>0.43352707536949803</c:v>
                </c:pt>
                <c:pt idx="2437">
                  <c:v>0.43352707536949803</c:v>
                </c:pt>
                <c:pt idx="2438">
                  <c:v>0.43352707536949803</c:v>
                </c:pt>
                <c:pt idx="2439">
                  <c:v>0.43352707536949803</c:v>
                </c:pt>
                <c:pt idx="2440">
                  <c:v>0.43352707536949803</c:v>
                </c:pt>
                <c:pt idx="2441">
                  <c:v>0.43352707536949803</c:v>
                </c:pt>
                <c:pt idx="2442">
                  <c:v>0.43352707536949803</c:v>
                </c:pt>
                <c:pt idx="2443">
                  <c:v>0.36127256280791503</c:v>
                </c:pt>
                <c:pt idx="2444">
                  <c:v>0.28901805024633204</c:v>
                </c:pt>
                <c:pt idx="2445">
                  <c:v>0.21676353768474901</c:v>
                </c:pt>
                <c:pt idx="2446">
                  <c:v>0.21676353768474901</c:v>
                </c:pt>
                <c:pt idx="2447">
                  <c:v>0.21676353768474901</c:v>
                </c:pt>
                <c:pt idx="2448">
                  <c:v>0.23821983844390726</c:v>
                </c:pt>
                <c:pt idx="2449">
                  <c:v>0.23821983844390726</c:v>
                </c:pt>
                <c:pt idx="2450">
                  <c:v>0.23821983844390726</c:v>
                </c:pt>
                <c:pt idx="2451">
                  <c:v>0.23821983844390726</c:v>
                </c:pt>
                <c:pt idx="2452">
                  <c:v>0.23821983844390726</c:v>
                </c:pt>
                <c:pt idx="2453">
                  <c:v>0.30703890288325825</c:v>
                </c:pt>
                <c:pt idx="2454">
                  <c:v>0.37056419313496686</c:v>
                </c:pt>
                <c:pt idx="2455">
                  <c:v>0.37056419313496686</c:v>
                </c:pt>
                <c:pt idx="2456">
                  <c:v>0.37056419313496686</c:v>
                </c:pt>
                <c:pt idx="2457">
                  <c:v>0.39703306407317879</c:v>
                </c:pt>
                <c:pt idx="2458">
                  <c:v>0.41291438663610586</c:v>
                </c:pt>
                <c:pt idx="2459">
                  <c:v>0.47643967688781452</c:v>
                </c:pt>
                <c:pt idx="2460">
                  <c:v>0.47643967688781452</c:v>
                </c:pt>
                <c:pt idx="2461">
                  <c:v>0.47643967688781452</c:v>
                </c:pt>
                <c:pt idx="2462">
                  <c:v>0.47643967688781452</c:v>
                </c:pt>
                <c:pt idx="2463">
                  <c:v>0.39703306407317879</c:v>
                </c:pt>
                <c:pt idx="2464">
                  <c:v>0.37585796732260929</c:v>
                </c:pt>
                <c:pt idx="2465">
                  <c:v>0.37585796732260929</c:v>
                </c:pt>
                <c:pt idx="2466">
                  <c:v>0.37585796732260929</c:v>
                </c:pt>
                <c:pt idx="2467">
                  <c:v>0.37585796732260929</c:v>
                </c:pt>
                <c:pt idx="2468">
                  <c:v>0.29115758032033112</c:v>
                </c:pt>
                <c:pt idx="2469">
                  <c:v>0.11116925794049004</c:v>
                </c:pt>
                <c:pt idx="2470">
                  <c:v>0.11116925794049004</c:v>
                </c:pt>
                <c:pt idx="2471">
                  <c:v>0.11116925794049004</c:v>
                </c:pt>
                <c:pt idx="2472">
                  <c:v>6.8221841358960811E-2</c:v>
                </c:pt>
                <c:pt idx="2473">
                  <c:v>0.13319502360559018</c:v>
                </c:pt>
                <c:pt idx="2474">
                  <c:v>0.13319502360559018</c:v>
                </c:pt>
                <c:pt idx="2475">
                  <c:v>0.13319502360559018</c:v>
                </c:pt>
                <c:pt idx="2476">
                  <c:v>0.13319502360559018</c:v>
                </c:pt>
                <c:pt idx="2477">
                  <c:v>0.16568161472890486</c:v>
                </c:pt>
                <c:pt idx="2478">
                  <c:v>0.20791418318921398</c:v>
                </c:pt>
                <c:pt idx="2479">
                  <c:v>0.23715211520019713</c:v>
                </c:pt>
                <c:pt idx="2480">
                  <c:v>0.23715211520019713</c:v>
                </c:pt>
                <c:pt idx="2481">
                  <c:v>0.23715211520019713</c:v>
                </c:pt>
                <c:pt idx="2482">
                  <c:v>0.23715211520019713</c:v>
                </c:pt>
                <c:pt idx="2483">
                  <c:v>0.23715211520019713</c:v>
                </c:pt>
                <c:pt idx="2484">
                  <c:v>0.23715211520019713</c:v>
                </c:pt>
                <c:pt idx="2485">
                  <c:v>0.23715211520019713</c:v>
                </c:pt>
                <c:pt idx="2486">
                  <c:v>0.23715211520019713</c:v>
                </c:pt>
                <c:pt idx="2487">
                  <c:v>0.21441150141387688</c:v>
                </c:pt>
                <c:pt idx="2488">
                  <c:v>0.19491954673988807</c:v>
                </c:pt>
                <c:pt idx="2489">
                  <c:v>0.17542759206589928</c:v>
                </c:pt>
                <c:pt idx="2490">
                  <c:v>0.16893027384123629</c:v>
                </c:pt>
                <c:pt idx="2491">
                  <c:v>0.13644368271792162</c:v>
                </c:pt>
                <c:pt idx="2492">
                  <c:v>0.1007084324822755</c:v>
                </c:pt>
                <c:pt idx="2493">
                  <c:v>0.1007084324822755</c:v>
                </c:pt>
                <c:pt idx="2494">
                  <c:v>0.1007084324822755</c:v>
                </c:pt>
                <c:pt idx="2495">
                  <c:v>0.1007084324822755</c:v>
                </c:pt>
                <c:pt idx="2496">
                  <c:v>0.11494380238654432</c:v>
                </c:pt>
                <c:pt idx="2497">
                  <c:v>0.13348312535211598</c:v>
                </c:pt>
                <c:pt idx="2498">
                  <c:v>0.13348312535211598</c:v>
                </c:pt>
                <c:pt idx="2499">
                  <c:v>0.13348312535211598</c:v>
                </c:pt>
                <c:pt idx="2500">
                  <c:v>0.13348312535211598</c:v>
                </c:pt>
                <c:pt idx="2501">
                  <c:v>0.16685390669014497</c:v>
                </c:pt>
                <c:pt idx="2502">
                  <c:v>0.19651682343505963</c:v>
                </c:pt>
                <c:pt idx="2503">
                  <c:v>0.23359546936620296</c:v>
                </c:pt>
                <c:pt idx="2504">
                  <c:v>0.23359546936620296</c:v>
                </c:pt>
                <c:pt idx="2505">
                  <c:v>0.23359546936620296</c:v>
                </c:pt>
                <c:pt idx="2506">
                  <c:v>0.23359546936620296</c:v>
                </c:pt>
                <c:pt idx="2507">
                  <c:v>0.23359546936620296</c:v>
                </c:pt>
                <c:pt idx="2508">
                  <c:v>0.23359546936620296</c:v>
                </c:pt>
                <c:pt idx="2509">
                  <c:v>0.23359546936620296</c:v>
                </c:pt>
                <c:pt idx="2510">
                  <c:v>0.23359546936620296</c:v>
                </c:pt>
                <c:pt idx="2511">
                  <c:v>0.20764041721440263</c:v>
                </c:pt>
                <c:pt idx="2512">
                  <c:v>0.20393255262128829</c:v>
                </c:pt>
                <c:pt idx="2513">
                  <c:v>0.17426963587637365</c:v>
                </c:pt>
                <c:pt idx="2514">
                  <c:v>0.16314604209703065</c:v>
                </c:pt>
                <c:pt idx="2515">
                  <c:v>0.13719098994523032</c:v>
                </c:pt>
                <c:pt idx="2516">
                  <c:v>0.11494380238654432</c:v>
                </c:pt>
                <c:pt idx="2517">
                  <c:v>0.10011234401408702</c:v>
                </c:pt>
                <c:pt idx="2518">
                  <c:v>0.10011234401408702</c:v>
                </c:pt>
                <c:pt idx="2519">
                  <c:v>0.10011234401408702</c:v>
                </c:pt>
                <c:pt idx="2520">
                  <c:v>7.5260523031409413E-2</c:v>
                </c:pt>
                <c:pt idx="2521">
                  <c:v>7.5260523031409413E-2</c:v>
                </c:pt>
                <c:pt idx="2522">
                  <c:v>7.5260523031409413E-2</c:v>
                </c:pt>
                <c:pt idx="2523">
                  <c:v>7.5260523031409413E-2</c:v>
                </c:pt>
                <c:pt idx="2524">
                  <c:v>7.5260523031409413E-2</c:v>
                </c:pt>
                <c:pt idx="2525">
                  <c:v>0.32612893313610752</c:v>
                </c:pt>
                <c:pt idx="2526">
                  <c:v>0.37003090490442975</c:v>
                </c:pt>
                <c:pt idx="2527">
                  <c:v>0.37003090490442975</c:v>
                </c:pt>
                <c:pt idx="2528">
                  <c:v>0.37003090490442975</c:v>
                </c:pt>
                <c:pt idx="2529">
                  <c:v>0.39511774591489945</c:v>
                </c:pt>
                <c:pt idx="2530">
                  <c:v>0.39511774591489945</c:v>
                </c:pt>
                <c:pt idx="2531">
                  <c:v>0.50173682020939614</c:v>
                </c:pt>
                <c:pt idx="2532">
                  <c:v>0.50173682020939614</c:v>
                </c:pt>
                <c:pt idx="2533">
                  <c:v>0.33240064338872505</c:v>
                </c:pt>
                <c:pt idx="2534">
                  <c:v>0.50173682020939614</c:v>
                </c:pt>
                <c:pt idx="2535">
                  <c:v>0.50173682020939614</c:v>
                </c:pt>
                <c:pt idx="2536">
                  <c:v>0.50173682020939614</c:v>
                </c:pt>
                <c:pt idx="2537">
                  <c:v>0.50173682020939614</c:v>
                </c:pt>
                <c:pt idx="2538">
                  <c:v>0.50173682020939614</c:v>
                </c:pt>
                <c:pt idx="2539">
                  <c:v>0.42020458692536938</c:v>
                </c:pt>
                <c:pt idx="2540">
                  <c:v>0.34494406389395993</c:v>
                </c:pt>
                <c:pt idx="2541">
                  <c:v>0.25086841010469807</c:v>
                </c:pt>
                <c:pt idx="2542">
                  <c:v>0.23832498959946319</c:v>
                </c:pt>
                <c:pt idx="2543">
                  <c:v>0.23832498959946319</c:v>
                </c:pt>
                <c:pt idx="2544">
                  <c:v>0.21917385923678018</c:v>
                </c:pt>
                <c:pt idx="2545">
                  <c:v>0.21917385923678018</c:v>
                </c:pt>
                <c:pt idx="2546">
                  <c:v>0.21917385923678018</c:v>
                </c:pt>
                <c:pt idx="2547">
                  <c:v>0.21917385923678018</c:v>
                </c:pt>
                <c:pt idx="2548">
                  <c:v>0.21917385923678018</c:v>
                </c:pt>
                <c:pt idx="2549">
                  <c:v>0.28492601700781417</c:v>
                </c:pt>
                <c:pt idx="2550">
                  <c:v>0.31780209589333125</c:v>
                </c:pt>
                <c:pt idx="2551">
                  <c:v>0.32876078885517029</c:v>
                </c:pt>
                <c:pt idx="2552">
                  <c:v>0.32876078885517029</c:v>
                </c:pt>
                <c:pt idx="2553">
                  <c:v>0.3561575212597678</c:v>
                </c:pt>
                <c:pt idx="2554">
                  <c:v>0.37259556070252631</c:v>
                </c:pt>
                <c:pt idx="2555">
                  <c:v>0.43834771847356035</c:v>
                </c:pt>
                <c:pt idx="2556">
                  <c:v>0.43834771847356035</c:v>
                </c:pt>
                <c:pt idx="2557">
                  <c:v>0.43834771847356035</c:v>
                </c:pt>
                <c:pt idx="2558">
                  <c:v>0.43834771847356035</c:v>
                </c:pt>
                <c:pt idx="2559">
                  <c:v>0.43834771847356035</c:v>
                </c:pt>
                <c:pt idx="2560">
                  <c:v>0.43834771847356035</c:v>
                </c:pt>
                <c:pt idx="2561">
                  <c:v>0.43834771847356035</c:v>
                </c:pt>
                <c:pt idx="2562">
                  <c:v>0.43834771847356035</c:v>
                </c:pt>
                <c:pt idx="2563">
                  <c:v>0.36711621422160684</c:v>
                </c:pt>
                <c:pt idx="2564">
                  <c:v>0.30136405645057268</c:v>
                </c:pt>
                <c:pt idx="2565">
                  <c:v>0.21917385923678018</c:v>
                </c:pt>
                <c:pt idx="2566">
                  <c:v>0.21917385923678018</c:v>
                </c:pt>
                <c:pt idx="2567">
                  <c:v>0.21917385923678018</c:v>
                </c:pt>
                <c:pt idx="2568">
                  <c:v>0.19341167647655691</c:v>
                </c:pt>
                <c:pt idx="2569">
                  <c:v>0.21758813603612653</c:v>
                </c:pt>
                <c:pt idx="2570">
                  <c:v>0.21758813603612653</c:v>
                </c:pt>
                <c:pt idx="2571">
                  <c:v>0.21758813603612653</c:v>
                </c:pt>
                <c:pt idx="2572">
                  <c:v>0.21758813603612653</c:v>
                </c:pt>
                <c:pt idx="2573">
                  <c:v>0.28044693089100747</c:v>
                </c:pt>
                <c:pt idx="2574">
                  <c:v>0.32396455809823288</c:v>
                </c:pt>
                <c:pt idx="2575">
                  <c:v>0.32396455809823288</c:v>
                </c:pt>
                <c:pt idx="2576">
                  <c:v>0.32396455809823288</c:v>
                </c:pt>
                <c:pt idx="2577">
                  <c:v>0.34814101765780242</c:v>
                </c:pt>
                <c:pt idx="2578">
                  <c:v>0.37715276912928603</c:v>
                </c:pt>
                <c:pt idx="2579">
                  <c:v>0.43517627207225307</c:v>
                </c:pt>
                <c:pt idx="2580">
                  <c:v>0.43517627207225307</c:v>
                </c:pt>
                <c:pt idx="2581">
                  <c:v>0.43517627207225307</c:v>
                </c:pt>
                <c:pt idx="2582">
                  <c:v>0.43517627207225307</c:v>
                </c:pt>
                <c:pt idx="2583">
                  <c:v>0.43517627207225307</c:v>
                </c:pt>
                <c:pt idx="2584">
                  <c:v>0.43517627207225307</c:v>
                </c:pt>
                <c:pt idx="2585">
                  <c:v>0.43517627207225307</c:v>
                </c:pt>
                <c:pt idx="2586">
                  <c:v>0.43517627207225307</c:v>
                </c:pt>
                <c:pt idx="2587">
                  <c:v>0.36264689339354422</c:v>
                </c:pt>
                <c:pt idx="2588">
                  <c:v>0.29011751471483538</c:v>
                </c:pt>
                <c:pt idx="2589">
                  <c:v>0.21758813603612653</c:v>
                </c:pt>
                <c:pt idx="2590">
                  <c:v>0.21758813603612653</c:v>
                </c:pt>
                <c:pt idx="2591">
                  <c:v>0.21758813603612653</c:v>
                </c:pt>
                <c:pt idx="2592">
                  <c:v>0.21645416940586187</c:v>
                </c:pt>
                <c:pt idx="2593">
                  <c:v>0.21645416940586187</c:v>
                </c:pt>
                <c:pt idx="2594">
                  <c:v>0.21645416940586187</c:v>
                </c:pt>
                <c:pt idx="2595">
                  <c:v>0.21645416940586187</c:v>
                </c:pt>
                <c:pt idx="2596">
                  <c:v>0.21645416940586187</c:v>
                </c:pt>
                <c:pt idx="2597">
                  <c:v>0.27898537390088868</c:v>
                </c:pt>
                <c:pt idx="2598">
                  <c:v>0.32227620778206106</c:v>
                </c:pt>
                <c:pt idx="2599">
                  <c:v>0.32227620778206106</c:v>
                </c:pt>
                <c:pt idx="2600">
                  <c:v>0.32227620778206106</c:v>
                </c:pt>
                <c:pt idx="2601">
                  <c:v>0.34632667104937898</c:v>
                </c:pt>
                <c:pt idx="2602">
                  <c:v>0.37518722697016055</c:v>
                </c:pt>
                <c:pt idx="2603">
                  <c:v>0.43290833881172375</c:v>
                </c:pt>
                <c:pt idx="2604">
                  <c:v>0.43290833881172375</c:v>
                </c:pt>
                <c:pt idx="2605">
                  <c:v>0.43290833881172375</c:v>
                </c:pt>
                <c:pt idx="2606">
                  <c:v>0.43290833881172375</c:v>
                </c:pt>
                <c:pt idx="2607">
                  <c:v>0.43290833881172375</c:v>
                </c:pt>
                <c:pt idx="2608">
                  <c:v>0.43290833881172375</c:v>
                </c:pt>
                <c:pt idx="2609">
                  <c:v>0.43290833881172375</c:v>
                </c:pt>
                <c:pt idx="2610">
                  <c:v>0.43290833881172375</c:v>
                </c:pt>
                <c:pt idx="2611">
                  <c:v>0.36075694900976985</c:v>
                </c:pt>
                <c:pt idx="2612">
                  <c:v>0.28860555920781583</c:v>
                </c:pt>
                <c:pt idx="2613">
                  <c:v>0.21645416940586187</c:v>
                </c:pt>
                <c:pt idx="2614">
                  <c:v>0.21645416940586187</c:v>
                </c:pt>
                <c:pt idx="2615">
                  <c:v>0.21645416940586187</c:v>
                </c:pt>
                <c:pt idx="2616">
                  <c:v>0.23669531829413831</c:v>
                </c:pt>
                <c:pt idx="2617">
                  <c:v>0.23669531829413831</c:v>
                </c:pt>
                <c:pt idx="2618">
                  <c:v>0.23669531829413831</c:v>
                </c:pt>
                <c:pt idx="2619">
                  <c:v>0.23669531829413831</c:v>
                </c:pt>
                <c:pt idx="2620">
                  <c:v>0.23669531829413831</c:v>
                </c:pt>
                <c:pt idx="2621">
                  <c:v>0.30507396580133384</c:v>
                </c:pt>
                <c:pt idx="2622">
                  <c:v>0.36819271734643733</c:v>
                </c:pt>
                <c:pt idx="2623">
                  <c:v>0.36819271734643733</c:v>
                </c:pt>
                <c:pt idx="2624">
                  <c:v>0.36819271734643733</c:v>
                </c:pt>
                <c:pt idx="2625">
                  <c:v>0.39449219715689721</c:v>
                </c:pt>
                <c:pt idx="2626">
                  <c:v>0.41027188504317308</c:v>
                </c:pt>
                <c:pt idx="2627">
                  <c:v>0.47339063658827663</c:v>
                </c:pt>
                <c:pt idx="2628">
                  <c:v>0.47339063658827663</c:v>
                </c:pt>
                <c:pt idx="2629">
                  <c:v>0.47339063658827663</c:v>
                </c:pt>
                <c:pt idx="2630">
                  <c:v>0.47339063658827663</c:v>
                </c:pt>
                <c:pt idx="2631">
                  <c:v>0.39449219715689721</c:v>
                </c:pt>
                <c:pt idx="2632">
                  <c:v>0.37345261330852941</c:v>
                </c:pt>
                <c:pt idx="2633">
                  <c:v>0.37345261330852941</c:v>
                </c:pt>
                <c:pt idx="2634">
                  <c:v>0.37345261330852941</c:v>
                </c:pt>
                <c:pt idx="2635">
                  <c:v>0.37345261330852941</c:v>
                </c:pt>
                <c:pt idx="2636">
                  <c:v>0.28929427791505791</c:v>
                </c:pt>
                <c:pt idx="2637">
                  <c:v>0.11045781520393119</c:v>
                </c:pt>
                <c:pt idx="2638">
                  <c:v>0.11045781520393119</c:v>
                </c:pt>
                <c:pt idx="2639">
                  <c:v>0.11045781520393119</c:v>
                </c:pt>
                <c:pt idx="2640">
                  <c:v>6.1846717404905036E-2</c:v>
                </c:pt>
                <c:pt idx="2641">
                  <c:v>0.12074835302862413</c:v>
                </c:pt>
                <c:pt idx="2642">
                  <c:v>0.12074835302862413</c:v>
                </c:pt>
                <c:pt idx="2643">
                  <c:v>0.12074835302862413</c:v>
                </c:pt>
                <c:pt idx="2644">
                  <c:v>0.12074835302862413</c:v>
                </c:pt>
                <c:pt idx="2645">
                  <c:v>0.1501991708404837</c:v>
                </c:pt>
                <c:pt idx="2646">
                  <c:v>0.18848523399590111</c:v>
                </c:pt>
                <c:pt idx="2647">
                  <c:v>0.21499097002657469</c:v>
                </c:pt>
                <c:pt idx="2648">
                  <c:v>0.21499097002657469</c:v>
                </c:pt>
                <c:pt idx="2649">
                  <c:v>0.21499097002657469</c:v>
                </c:pt>
                <c:pt idx="2650">
                  <c:v>0.21499097002657469</c:v>
                </c:pt>
                <c:pt idx="2651">
                  <c:v>0.21499097002657469</c:v>
                </c:pt>
                <c:pt idx="2652">
                  <c:v>0.21499097002657469</c:v>
                </c:pt>
                <c:pt idx="2653">
                  <c:v>0.21499097002657469</c:v>
                </c:pt>
                <c:pt idx="2654">
                  <c:v>0.21499097002657469</c:v>
                </c:pt>
                <c:pt idx="2655">
                  <c:v>0.19437539755827304</c:v>
                </c:pt>
                <c:pt idx="2656">
                  <c:v>0.17670490687115728</c:v>
                </c:pt>
                <c:pt idx="2657">
                  <c:v>0.15903441618404154</c:v>
                </c:pt>
                <c:pt idx="2658">
                  <c:v>0.15314425262166961</c:v>
                </c:pt>
                <c:pt idx="2659">
                  <c:v>0.12369343480981007</c:v>
                </c:pt>
                <c:pt idx="2660">
                  <c:v>9.1297535216764591E-2</c:v>
                </c:pt>
                <c:pt idx="2661">
                  <c:v>9.1297535216764591E-2</c:v>
                </c:pt>
                <c:pt idx="2662">
                  <c:v>9.1297535216764591E-2</c:v>
                </c:pt>
                <c:pt idx="2663">
                  <c:v>9.1297535216764591E-2</c:v>
                </c:pt>
                <c:pt idx="2664">
                  <c:v>0.12077783057531852</c:v>
                </c:pt>
                <c:pt idx="2665">
                  <c:v>0.14025812582940214</c:v>
                </c:pt>
                <c:pt idx="2666">
                  <c:v>0.14025812582940214</c:v>
                </c:pt>
                <c:pt idx="2667">
                  <c:v>0.14025812582940214</c:v>
                </c:pt>
                <c:pt idx="2668">
                  <c:v>0.14025812582940214</c:v>
                </c:pt>
                <c:pt idx="2669">
                  <c:v>0.17532265728675264</c:v>
                </c:pt>
                <c:pt idx="2670">
                  <c:v>0.20649112969328645</c:v>
                </c:pt>
                <c:pt idx="2671">
                  <c:v>0.24545172020145378</c:v>
                </c:pt>
                <c:pt idx="2672">
                  <c:v>0.24545172020145378</c:v>
                </c:pt>
                <c:pt idx="2673">
                  <c:v>0.24545172020145378</c:v>
                </c:pt>
                <c:pt idx="2674">
                  <c:v>0.24545172020145378</c:v>
                </c:pt>
                <c:pt idx="2675">
                  <c:v>0.24545172020145378</c:v>
                </c:pt>
                <c:pt idx="2676">
                  <c:v>0.24545172020145378</c:v>
                </c:pt>
                <c:pt idx="2677">
                  <c:v>0.24545172020145378</c:v>
                </c:pt>
                <c:pt idx="2678">
                  <c:v>0.24545172020145378</c:v>
                </c:pt>
                <c:pt idx="2679">
                  <c:v>0.21817930684573664</c:v>
                </c:pt>
                <c:pt idx="2680">
                  <c:v>0.21428324779491989</c:v>
                </c:pt>
                <c:pt idx="2681">
                  <c:v>0.18311477538838614</c:v>
                </c:pt>
                <c:pt idx="2682">
                  <c:v>0.17142659823593595</c:v>
                </c:pt>
                <c:pt idx="2683">
                  <c:v>0.14415418488021886</c:v>
                </c:pt>
                <c:pt idx="2684">
                  <c:v>0.12077783057531852</c:v>
                </c:pt>
                <c:pt idx="2685">
                  <c:v>0.1051935943720516</c:v>
                </c:pt>
                <c:pt idx="2686">
                  <c:v>0.1051935943720516</c:v>
                </c:pt>
                <c:pt idx="2687">
                  <c:v>0.1051935943720516</c:v>
                </c:pt>
                <c:pt idx="2688">
                  <c:v>7.8625162157225731E-2</c:v>
                </c:pt>
                <c:pt idx="2689">
                  <c:v>7.8625162157225731E-2</c:v>
                </c:pt>
                <c:pt idx="2690">
                  <c:v>7.8625162157225731E-2</c:v>
                </c:pt>
                <c:pt idx="2691">
                  <c:v>7.8625162157225731E-2</c:v>
                </c:pt>
                <c:pt idx="2692">
                  <c:v>7.8625162157225731E-2</c:v>
                </c:pt>
                <c:pt idx="2693">
                  <c:v>0.34070903601464492</c:v>
                </c:pt>
                <c:pt idx="2694">
                  <c:v>0.38657371393969331</c:v>
                </c:pt>
                <c:pt idx="2695">
                  <c:v>0.38657371393969331</c:v>
                </c:pt>
                <c:pt idx="2696">
                  <c:v>0.38657371393969331</c:v>
                </c:pt>
                <c:pt idx="2697">
                  <c:v>0.41278210132543519</c:v>
                </c:pt>
                <c:pt idx="2698">
                  <c:v>0.41278210132543519</c:v>
                </c:pt>
                <c:pt idx="2699">
                  <c:v>0.52416774771483832</c:v>
                </c:pt>
                <c:pt idx="2700">
                  <c:v>0.52416774771483832</c:v>
                </c:pt>
                <c:pt idx="2701">
                  <c:v>0.3472611328610804</c:v>
                </c:pt>
                <c:pt idx="2702">
                  <c:v>0.52416774771483832</c:v>
                </c:pt>
                <c:pt idx="2703">
                  <c:v>0.52416774771483832</c:v>
                </c:pt>
                <c:pt idx="2704">
                  <c:v>0.52416774771483832</c:v>
                </c:pt>
                <c:pt idx="2705">
                  <c:v>0.52416774771483832</c:v>
                </c:pt>
                <c:pt idx="2706">
                  <c:v>0.52416774771483832</c:v>
                </c:pt>
                <c:pt idx="2707">
                  <c:v>0.43899048871117718</c:v>
                </c:pt>
                <c:pt idx="2708">
                  <c:v>0.36036532655395137</c:v>
                </c:pt>
                <c:pt idx="2709">
                  <c:v>0.26208387385741916</c:v>
                </c:pt>
                <c:pt idx="2710">
                  <c:v>0.24897968016454822</c:v>
                </c:pt>
                <c:pt idx="2711">
                  <c:v>0.24897968016454822</c:v>
                </c:pt>
                <c:pt idx="2712">
                  <c:v>0.22726390809693608</c:v>
                </c:pt>
                <c:pt idx="2713">
                  <c:v>0.22726390809693608</c:v>
                </c:pt>
                <c:pt idx="2714">
                  <c:v>0.22726390809693608</c:v>
                </c:pt>
                <c:pt idx="2715">
                  <c:v>0.22726390809693608</c:v>
                </c:pt>
                <c:pt idx="2716">
                  <c:v>0.22726390809693608</c:v>
                </c:pt>
                <c:pt idx="2717">
                  <c:v>0.29544308052601692</c:v>
                </c:pt>
                <c:pt idx="2718">
                  <c:v>0.32953266674055737</c:v>
                </c:pt>
                <c:pt idx="2719">
                  <c:v>0.34089586214540413</c:v>
                </c:pt>
                <c:pt idx="2720">
                  <c:v>0.34089586214540413</c:v>
                </c:pt>
                <c:pt idx="2721">
                  <c:v>0.36930385065752114</c:v>
                </c:pt>
                <c:pt idx="2722">
                  <c:v>0.38634864376479133</c:v>
                </c:pt>
                <c:pt idx="2723">
                  <c:v>0.45452781619387217</c:v>
                </c:pt>
                <c:pt idx="2724">
                  <c:v>0.45452781619387217</c:v>
                </c:pt>
                <c:pt idx="2725">
                  <c:v>0.45452781619387217</c:v>
                </c:pt>
                <c:pt idx="2726">
                  <c:v>0.45452781619387217</c:v>
                </c:pt>
                <c:pt idx="2727">
                  <c:v>0.45452781619387217</c:v>
                </c:pt>
                <c:pt idx="2728">
                  <c:v>0.45452781619387217</c:v>
                </c:pt>
                <c:pt idx="2729">
                  <c:v>0.45452781619387217</c:v>
                </c:pt>
                <c:pt idx="2730">
                  <c:v>0.45452781619387217</c:v>
                </c:pt>
                <c:pt idx="2731">
                  <c:v>0.38066704606236801</c:v>
                </c:pt>
                <c:pt idx="2732">
                  <c:v>0.31248787363328712</c:v>
                </c:pt>
                <c:pt idx="2733">
                  <c:v>0.22726390809693608</c:v>
                </c:pt>
                <c:pt idx="2734">
                  <c:v>0.22726390809693608</c:v>
                </c:pt>
                <c:pt idx="2735">
                  <c:v>0.22726390809693608</c:v>
                </c:pt>
                <c:pt idx="2736">
                  <c:v>0.20734156771832782</c:v>
                </c:pt>
                <c:pt idx="2737">
                  <c:v>0.23325926368311881</c:v>
                </c:pt>
                <c:pt idx="2738">
                  <c:v>0.23325926368311881</c:v>
                </c:pt>
                <c:pt idx="2739">
                  <c:v>0.23325926368311881</c:v>
                </c:pt>
                <c:pt idx="2740">
                  <c:v>0.23325926368311881</c:v>
                </c:pt>
                <c:pt idx="2741">
                  <c:v>0.3006452731915753</c:v>
                </c:pt>
                <c:pt idx="2742">
                  <c:v>0.34729712592819911</c:v>
                </c:pt>
                <c:pt idx="2743">
                  <c:v>0.34729712592819911</c:v>
                </c:pt>
                <c:pt idx="2744">
                  <c:v>0.34729712592819911</c:v>
                </c:pt>
                <c:pt idx="2745">
                  <c:v>0.3732148218929901</c:v>
                </c:pt>
                <c:pt idx="2746">
                  <c:v>0.40431605705073925</c:v>
                </c:pt>
                <c:pt idx="2747">
                  <c:v>0.46651852736623761</c:v>
                </c:pt>
                <c:pt idx="2748">
                  <c:v>0.46651852736623761</c:v>
                </c:pt>
                <c:pt idx="2749">
                  <c:v>0.46651852736623761</c:v>
                </c:pt>
                <c:pt idx="2750">
                  <c:v>0.46651852736623761</c:v>
                </c:pt>
                <c:pt idx="2751">
                  <c:v>0.46651852736623761</c:v>
                </c:pt>
                <c:pt idx="2752">
                  <c:v>0.46651852736623761</c:v>
                </c:pt>
                <c:pt idx="2753">
                  <c:v>0.46651852736623761</c:v>
                </c:pt>
                <c:pt idx="2754">
                  <c:v>0.46651852736623761</c:v>
                </c:pt>
                <c:pt idx="2755">
                  <c:v>0.38876543947186476</c:v>
                </c:pt>
                <c:pt idx="2756">
                  <c:v>0.3110123515774918</c:v>
                </c:pt>
                <c:pt idx="2757">
                  <c:v>0.23325926368311881</c:v>
                </c:pt>
                <c:pt idx="2758">
                  <c:v>0.23325926368311881</c:v>
                </c:pt>
                <c:pt idx="2759">
                  <c:v>0.23325926368311881</c:v>
                </c:pt>
                <c:pt idx="2760">
                  <c:v>0.22850126974178531</c:v>
                </c:pt>
                <c:pt idx="2761">
                  <c:v>0.22850126974178531</c:v>
                </c:pt>
                <c:pt idx="2762">
                  <c:v>0.22850126974178531</c:v>
                </c:pt>
                <c:pt idx="2763">
                  <c:v>0.22850126974178531</c:v>
                </c:pt>
                <c:pt idx="2764">
                  <c:v>0.22850126974178531</c:v>
                </c:pt>
                <c:pt idx="2765">
                  <c:v>0.29451274766718999</c:v>
                </c:pt>
                <c:pt idx="2766">
                  <c:v>0.34021300161554707</c:v>
                </c:pt>
                <c:pt idx="2767">
                  <c:v>0.34021300161554707</c:v>
                </c:pt>
                <c:pt idx="2768">
                  <c:v>0.34021300161554707</c:v>
                </c:pt>
                <c:pt idx="2769">
                  <c:v>0.36560203158685656</c:v>
                </c:pt>
                <c:pt idx="2770">
                  <c:v>0.39606886755242787</c:v>
                </c:pt>
                <c:pt idx="2771">
                  <c:v>0.45700253948357061</c:v>
                </c:pt>
                <c:pt idx="2772">
                  <c:v>0.45700253948357061</c:v>
                </c:pt>
                <c:pt idx="2773">
                  <c:v>0.45700253948357061</c:v>
                </c:pt>
                <c:pt idx="2774">
                  <c:v>0.45700253948357061</c:v>
                </c:pt>
                <c:pt idx="2775">
                  <c:v>0.45700253948357061</c:v>
                </c:pt>
                <c:pt idx="2776">
                  <c:v>0.45700253948357061</c:v>
                </c:pt>
                <c:pt idx="2777">
                  <c:v>0.45700253948357061</c:v>
                </c:pt>
                <c:pt idx="2778">
                  <c:v>0.45700253948357061</c:v>
                </c:pt>
                <c:pt idx="2779">
                  <c:v>0.38083544956964227</c:v>
                </c:pt>
                <c:pt idx="2780">
                  <c:v>0.30466835965571382</c:v>
                </c:pt>
                <c:pt idx="2781">
                  <c:v>0.22850126974178531</c:v>
                </c:pt>
                <c:pt idx="2782">
                  <c:v>0.22850126974178531</c:v>
                </c:pt>
                <c:pt idx="2783">
                  <c:v>0.22850126974178531</c:v>
                </c:pt>
                <c:pt idx="2784">
                  <c:v>0.24912062751185571</c:v>
                </c:pt>
                <c:pt idx="2785">
                  <c:v>0.24912062751185571</c:v>
                </c:pt>
                <c:pt idx="2786">
                  <c:v>0.24912062751185571</c:v>
                </c:pt>
                <c:pt idx="2787">
                  <c:v>0.24912062751185571</c:v>
                </c:pt>
                <c:pt idx="2788">
                  <c:v>0.24912062751185571</c:v>
                </c:pt>
                <c:pt idx="2789">
                  <c:v>0.32108880879305851</c:v>
                </c:pt>
                <c:pt idx="2790">
                  <c:v>0.38752097612955339</c:v>
                </c:pt>
                <c:pt idx="2791">
                  <c:v>0.38752097612955339</c:v>
                </c:pt>
                <c:pt idx="2792">
                  <c:v>0.38752097612955339</c:v>
                </c:pt>
                <c:pt idx="2793">
                  <c:v>0.41520104585309298</c:v>
                </c:pt>
                <c:pt idx="2794">
                  <c:v>0.43180908768721665</c:v>
                </c:pt>
                <c:pt idx="2795">
                  <c:v>0.49824125502371142</c:v>
                </c:pt>
                <c:pt idx="2796">
                  <c:v>0.49824125502371142</c:v>
                </c:pt>
                <c:pt idx="2797">
                  <c:v>0.49824125502371142</c:v>
                </c:pt>
                <c:pt idx="2798">
                  <c:v>0.49824125502371142</c:v>
                </c:pt>
                <c:pt idx="2799">
                  <c:v>0.41520104585309298</c:v>
                </c:pt>
                <c:pt idx="2800">
                  <c:v>0.39305699007426137</c:v>
                </c:pt>
                <c:pt idx="2801">
                  <c:v>0.39305699007426137</c:v>
                </c:pt>
                <c:pt idx="2802">
                  <c:v>0.39305699007426137</c:v>
                </c:pt>
                <c:pt idx="2803">
                  <c:v>0.39305699007426137</c:v>
                </c:pt>
                <c:pt idx="2804">
                  <c:v>0.30448076695893478</c:v>
                </c:pt>
                <c:pt idx="2805">
                  <c:v>0.11625629283886603</c:v>
                </c:pt>
                <c:pt idx="2806">
                  <c:v>0.11625629283886603</c:v>
                </c:pt>
                <c:pt idx="2807">
                  <c:v>0.11625629283886603</c:v>
                </c:pt>
                <c:pt idx="2808">
                  <c:v>7.3437851866824652E-2</c:v>
                </c:pt>
                <c:pt idx="2809">
                  <c:v>0.1433786631685624</c:v>
                </c:pt>
                <c:pt idx="2810">
                  <c:v>0.1433786631685624</c:v>
                </c:pt>
                <c:pt idx="2811">
                  <c:v>0.1433786631685624</c:v>
                </c:pt>
                <c:pt idx="2812">
                  <c:v>0.1433786631685624</c:v>
                </c:pt>
                <c:pt idx="2813">
                  <c:v>0.17834906881943127</c:v>
                </c:pt>
                <c:pt idx="2814">
                  <c:v>0.22381059616556082</c:v>
                </c:pt>
                <c:pt idx="2815">
                  <c:v>0.25528396125134278</c:v>
                </c:pt>
                <c:pt idx="2816">
                  <c:v>0.25528396125134278</c:v>
                </c:pt>
                <c:pt idx="2817">
                  <c:v>0.25528396125134278</c:v>
                </c:pt>
                <c:pt idx="2818">
                  <c:v>0.25528396125134278</c:v>
                </c:pt>
                <c:pt idx="2819">
                  <c:v>0.25528396125134278</c:v>
                </c:pt>
                <c:pt idx="2820">
                  <c:v>0.25528396125134278</c:v>
                </c:pt>
                <c:pt idx="2821">
                  <c:v>0.25528396125134278</c:v>
                </c:pt>
                <c:pt idx="2822">
                  <c:v>0.25528396125134278</c:v>
                </c:pt>
                <c:pt idx="2823">
                  <c:v>0.23080467729573456</c:v>
                </c:pt>
                <c:pt idx="2824">
                  <c:v>0.20982243390521327</c:v>
                </c:pt>
                <c:pt idx="2825">
                  <c:v>0.18884019051469195</c:v>
                </c:pt>
                <c:pt idx="2826">
                  <c:v>0.18184610938451815</c:v>
                </c:pt>
                <c:pt idx="2827">
                  <c:v>0.1468757037336493</c:v>
                </c:pt>
                <c:pt idx="2828">
                  <c:v>0.10840825751769351</c:v>
                </c:pt>
                <c:pt idx="2829">
                  <c:v>0.10840825751769351</c:v>
                </c:pt>
                <c:pt idx="2830">
                  <c:v>0.10840825751769351</c:v>
                </c:pt>
                <c:pt idx="2831">
                  <c:v>0.10840825751769351</c:v>
                </c:pt>
                <c:pt idx="2832">
                  <c:v>0.13925225317310339</c:v>
                </c:pt>
                <c:pt idx="2833">
                  <c:v>0.16171229400747492</c:v>
                </c:pt>
                <c:pt idx="2834">
                  <c:v>0.16171229400747492</c:v>
                </c:pt>
                <c:pt idx="2835">
                  <c:v>0.16171229400747492</c:v>
                </c:pt>
                <c:pt idx="2836">
                  <c:v>0.16171229400747492</c:v>
                </c:pt>
                <c:pt idx="2837">
                  <c:v>0.20214036750934361</c:v>
                </c:pt>
                <c:pt idx="2838">
                  <c:v>0.23807643284433802</c:v>
                </c:pt>
                <c:pt idx="2839">
                  <c:v>0.28299651451308105</c:v>
                </c:pt>
                <c:pt idx="2840">
                  <c:v>0.28299651451308105</c:v>
                </c:pt>
                <c:pt idx="2841">
                  <c:v>0.28299651451308105</c:v>
                </c:pt>
                <c:pt idx="2842">
                  <c:v>0.28299651451308105</c:v>
                </c:pt>
                <c:pt idx="2843">
                  <c:v>0.28299651451308105</c:v>
                </c:pt>
                <c:pt idx="2844">
                  <c:v>0.28299651451308105</c:v>
                </c:pt>
                <c:pt idx="2845">
                  <c:v>0.28299651451308105</c:v>
                </c:pt>
                <c:pt idx="2846">
                  <c:v>0.28299651451308105</c:v>
                </c:pt>
                <c:pt idx="2847">
                  <c:v>0.2515524573449609</c:v>
                </c:pt>
                <c:pt idx="2848">
                  <c:v>0.24706044917808664</c:v>
                </c:pt>
                <c:pt idx="2849">
                  <c:v>0.21112438384309226</c:v>
                </c:pt>
                <c:pt idx="2850">
                  <c:v>0.1976483593424693</c:v>
                </c:pt>
                <c:pt idx="2851">
                  <c:v>0.1662043021743492</c:v>
                </c:pt>
                <c:pt idx="2852">
                  <c:v>0.13925225317310339</c:v>
                </c:pt>
                <c:pt idx="2853">
                  <c:v>0.12128422050560619</c:v>
                </c:pt>
                <c:pt idx="2854">
                  <c:v>0.12128422050560619</c:v>
                </c:pt>
                <c:pt idx="2855">
                  <c:v>0.12128422050560619</c:v>
                </c:pt>
                <c:pt idx="2856">
                  <c:v>7.8279681070216253E-2</c:v>
                </c:pt>
                <c:pt idx="2857">
                  <c:v>7.8279681070216253E-2</c:v>
                </c:pt>
                <c:pt idx="2858">
                  <c:v>7.8279681070216253E-2</c:v>
                </c:pt>
                <c:pt idx="2859">
                  <c:v>7.8279681070216253E-2</c:v>
                </c:pt>
                <c:pt idx="2860">
                  <c:v>7.8279681070216253E-2</c:v>
                </c:pt>
                <c:pt idx="2861">
                  <c:v>0.33921195130427045</c:v>
                </c:pt>
                <c:pt idx="2862">
                  <c:v>0.38487509859522989</c:v>
                </c:pt>
                <c:pt idx="2863">
                  <c:v>0.38487509859522989</c:v>
                </c:pt>
                <c:pt idx="2864">
                  <c:v>0.38487509859522989</c:v>
                </c:pt>
                <c:pt idx="2865">
                  <c:v>0.41096832561863539</c:v>
                </c:pt>
                <c:pt idx="2866">
                  <c:v>0.41096832561863539</c:v>
                </c:pt>
                <c:pt idx="2867">
                  <c:v>0.52186454046810848</c:v>
                </c:pt>
                <c:pt idx="2868">
                  <c:v>0.52186454046810848</c:v>
                </c:pt>
                <c:pt idx="2869">
                  <c:v>0.34573525806012184</c:v>
                </c:pt>
                <c:pt idx="2870">
                  <c:v>0.52186454046810848</c:v>
                </c:pt>
                <c:pt idx="2871">
                  <c:v>0.52186454046810848</c:v>
                </c:pt>
                <c:pt idx="2872">
                  <c:v>0.52186454046810848</c:v>
                </c:pt>
                <c:pt idx="2873">
                  <c:v>0.52186454046810848</c:v>
                </c:pt>
                <c:pt idx="2874">
                  <c:v>0.52186454046810848</c:v>
                </c:pt>
                <c:pt idx="2875">
                  <c:v>0.43706155264204083</c:v>
                </c:pt>
                <c:pt idx="2876">
                  <c:v>0.35878187157182456</c:v>
                </c:pt>
                <c:pt idx="2877">
                  <c:v>0.26093227023405424</c:v>
                </c:pt>
                <c:pt idx="2878">
                  <c:v>0.24788565672235147</c:v>
                </c:pt>
                <c:pt idx="2879">
                  <c:v>0.24788565672235147</c:v>
                </c:pt>
                <c:pt idx="2880">
                  <c:v>0.22566409885733713</c:v>
                </c:pt>
                <c:pt idx="2881">
                  <c:v>0.22566409885733713</c:v>
                </c:pt>
                <c:pt idx="2882">
                  <c:v>0.22566409885733713</c:v>
                </c:pt>
                <c:pt idx="2883">
                  <c:v>0.22566409885733713</c:v>
                </c:pt>
                <c:pt idx="2884">
                  <c:v>0.22566409885733713</c:v>
                </c:pt>
                <c:pt idx="2885">
                  <c:v>0.29336332851453822</c:v>
                </c:pt>
                <c:pt idx="2886">
                  <c:v>0.32721294334313872</c:v>
                </c:pt>
                <c:pt idx="2887">
                  <c:v>0.33849614828600566</c:v>
                </c:pt>
                <c:pt idx="2888">
                  <c:v>0.33849614828600566</c:v>
                </c:pt>
                <c:pt idx="2889">
                  <c:v>0.36670416064317285</c:v>
                </c:pt>
                <c:pt idx="2890">
                  <c:v>0.3836289680574731</c:v>
                </c:pt>
                <c:pt idx="2891">
                  <c:v>0.45132819771467425</c:v>
                </c:pt>
                <c:pt idx="2892">
                  <c:v>0.45132819771467425</c:v>
                </c:pt>
                <c:pt idx="2893">
                  <c:v>0.45132819771467425</c:v>
                </c:pt>
                <c:pt idx="2894">
                  <c:v>0.45132819771467425</c:v>
                </c:pt>
                <c:pt idx="2895">
                  <c:v>0.45132819771467425</c:v>
                </c:pt>
                <c:pt idx="2896">
                  <c:v>0.45132819771467425</c:v>
                </c:pt>
                <c:pt idx="2897">
                  <c:v>0.45132819771467425</c:v>
                </c:pt>
                <c:pt idx="2898">
                  <c:v>0.45132819771467425</c:v>
                </c:pt>
                <c:pt idx="2899">
                  <c:v>0.37798736558603968</c:v>
                </c:pt>
                <c:pt idx="2900">
                  <c:v>0.31028813592883847</c:v>
                </c:pt>
                <c:pt idx="2901">
                  <c:v>0.22566409885733713</c:v>
                </c:pt>
                <c:pt idx="2902">
                  <c:v>0.22566409885733713</c:v>
                </c:pt>
                <c:pt idx="2903">
                  <c:v>0.22566409885733713</c:v>
                </c:pt>
                <c:pt idx="2904">
                  <c:v>0.19906646406324913</c:v>
                </c:pt>
                <c:pt idx="2905">
                  <c:v>0.22394977207115527</c:v>
                </c:pt>
                <c:pt idx="2906">
                  <c:v>0.22394977207115527</c:v>
                </c:pt>
                <c:pt idx="2907">
                  <c:v>0.22394977207115527</c:v>
                </c:pt>
                <c:pt idx="2908">
                  <c:v>0.22394977207115527</c:v>
                </c:pt>
                <c:pt idx="2909">
                  <c:v>0.2886463728917113</c:v>
                </c:pt>
                <c:pt idx="2910">
                  <c:v>0.3334363273059423</c:v>
                </c:pt>
                <c:pt idx="2911">
                  <c:v>0.3334363273059423</c:v>
                </c:pt>
                <c:pt idx="2912">
                  <c:v>0.3334363273059423</c:v>
                </c:pt>
                <c:pt idx="2913">
                  <c:v>0.35831963531384847</c:v>
                </c:pt>
                <c:pt idx="2914">
                  <c:v>0.38817960492333581</c:v>
                </c:pt>
                <c:pt idx="2915">
                  <c:v>0.44789954414231054</c:v>
                </c:pt>
                <c:pt idx="2916">
                  <c:v>0.44789954414231054</c:v>
                </c:pt>
                <c:pt idx="2917">
                  <c:v>0.44789954414231054</c:v>
                </c:pt>
                <c:pt idx="2918">
                  <c:v>0.44789954414231054</c:v>
                </c:pt>
                <c:pt idx="2919">
                  <c:v>0.44789954414231054</c:v>
                </c:pt>
                <c:pt idx="2920">
                  <c:v>0.44789954414231054</c:v>
                </c:pt>
                <c:pt idx="2921">
                  <c:v>0.44789954414231054</c:v>
                </c:pt>
                <c:pt idx="2922">
                  <c:v>0.44789954414231054</c:v>
                </c:pt>
                <c:pt idx="2923">
                  <c:v>0.3732496201185922</c:v>
                </c:pt>
                <c:pt idx="2924">
                  <c:v>0.29859969609487369</c:v>
                </c:pt>
                <c:pt idx="2925">
                  <c:v>0.22394977207115527</c:v>
                </c:pt>
                <c:pt idx="2926">
                  <c:v>0.22394977207115527</c:v>
                </c:pt>
                <c:pt idx="2927">
                  <c:v>0.22394977207115527</c:v>
                </c:pt>
                <c:pt idx="2928">
                  <c:v>0.22527116535414615</c:v>
                </c:pt>
                <c:pt idx="2929">
                  <c:v>0.22527116535414615</c:v>
                </c:pt>
                <c:pt idx="2930">
                  <c:v>0.22527116535414615</c:v>
                </c:pt>
                <c:pt idx="2931">
                  <c:v>0.22527116535414615</c:v>
                </c:pt>
                <c:pt idx="2932">
                  <c:v>0.22527116535414615</c:v>
                </c:pt>
                <c:pt idx="2933">
                  <c:v>0.29034950201201054</c:v>
                </c:pt>
                <c:pt idx="2934">
                  <c:v>0.33540373508283977</c:v>
                </c:pt>
                <c:pt idx="2935">
                  <c:v>0.33540373508283977</c:v>
                </c:pt>
                <c:pt idx="2936">
                  <c:v>0.33540373508283977</c:v>
                </c:pt>
                <c:pt idx="2937">
                  <c:v>0.36043386456663384</c:v>
                </c:pt>
                <c:pt idx="2938">
                  <c:v>0.39047001994718666</c:v>
                </c:pt>
                <c:pt idx="2939">
                  <c:v>0.4505423307082923</c:v>
                </c:pt>
                <c:pt idx="2940">
                  <c:v>0.4505423307082923</c:v>
                </c:pt>
                <c:pt idx="2941">
                  <c:v>0.4505423307082923</c:v>
                </c:pt>
                <c:pt idx="2942">
                  <c:v>0.4505423307082923</c:v>
                </c:pt>
                <c:pt idx="2943">
                  <c:v>0.4505423307082923</c:v>
                </c:pt>
                <c:pt idx="2944">
                  <c:v>0.4505423307082923</c:v>
                </c:pt>
                <c:pt idx="2945">
                  <c:v>0.4505423307082923</c:v>
                </c:pt>
                <c:pt idx="2946">
                  <c:v>0.4505423307082923</c:v>
                </c:pt>
                <c:pt idx="2947">
                  <c:v>0.37545194225691025</c:v>
                </c:pt>
                <c:pt idx="2948">
                  <c:v>0.3003615538055282</c:v>
                </c:pt>
                <c:pt idx="2949">
                  <c:v>0.22527116535414615</c:v>
                </c:pt>
                <c:pt idx="2950">
                  <c:v>0.22527116535414615</c:v>
                </c:pt>
                <c:pt idx="2951">
                  <c:v>0.22527116535414615</c:v>
                </c:pt>
                <c:pt idx="2952">
                  <c:v>0.24516487468174375</c:v>
                </c:pt>
                <c:pt idx="2953">
                  <c:v>0.24516487468174375</c:v>
                </c:pt>
                <c:pt idx="2954">
                  <c:v>0.24516487468174375</c:v>
                </c:pt>
                <c:pt idx="2955">
                  <c:v>0.24516487468174375</c:v>
                </c:pt>
                <c:pt idx="2956">
                  <c:v>0.24516487468174375</c:v>
                </c:pt>
                <c:pt idx="2957">
                  <c:v>0.31599028292313636</c:v>
                </c:pt>
                <c:pt idx="2958">
                  <c:v>0.3813675828382681</c:v>
                </c:pt>
                <c:pt idx="2959">
                  <c:v>0.3813675828382681</c:v>
                </c:pt>
                <c:pt idx="2960">
                  <c:v>0.3813675828382681</c:v>
                </c:pt>
                <c:pt idx="2961">
                  <c:v>0.40860812446957301</c:v>
                </c:pt>
                <c:pt idx="2962">
                  <c:v>0.42495244944835592</c:v>
                </c:pt>
                <c:pt idx="2963">
                  <c:v>0.4903297493634875</c:v>
                </c:pt>
                <c:pt idx="2964">
                  <c:v>0.4903297493634875</c:v>
                </c:pt>
                <c:pt idx="2965">
                  <c:v>0.4903297493634875</c:v>
                </c:pt>
                <c:pt idx="2966">
                  <c:v>0.4903297493634875</c:v>
                </c:pt>
                <c:pt idx="2967">
                  <c:v>0.40860812446957301</c:v>
                </c:pt>
                <c:pt idx="2968">
                  <c:v>0.38681569116452907</c:v>
                </c:pt>
                <c:pt idx="2969">
                  <c:v>0.38681569116452907</c:v>
                </c:pt>
                <c:pt idx="2970">
                  <c:v>0.38681569116452907</c:v>
                </c:pt>
                <c:pt idx="2971">
                  <c:v>0.38681569116452907</c:v>
                </c:pt>
                <c:pt idx="2972">
                  <c:v>0.2996459579443535</c:v>
                </c:pt>
                <c:pt idx="2973">
                  <c:v>0.11441027485148042</c:v>
                </c:pt>
                <c:pt idx="2974">
                  <c:v>0.11441027485148042</c:v>
                </c:pt>
                <c:pt idx="2975">
                  <c:v>0.11441027485148042</c:v>
                </c:pt>
                <c:pt idx="2976">
                  <c:v>6.8801398082056792E-2</c:v>
                </c:pt>
                <c:pt idx="2977">
                  <c:v>0.1343265391125871</c:v>
                </c:pt>
                <c:pt idx="2978">
                  <c:v>0.1343265391125871</c:v>
                </c:pt>
                <c:pt idx="2979">
                  <c:v>0.1343265391125871</c:v>
                </c:pt>
                <c:pt idx="2980">
                  <c:v>0.1343265391125871</c:v>
                </c:pt>
                <c:pt idx="2981">
                  <c:v>0.16708910962785223</c:v>
                </c:pt>
                <c:pt idx="2982">
                  <c:v>0.20968045129769688</c:v>
                </c:pt>
                <c:pt idx="2983">
                  <c:v>0.2391667647614355</c:v>
                </c:pt>
                <c:pt idx="2984">
                  <c:v>0.2391667647614355</c:v>
                </c:pt>
                <c:pt idx="2985">
                  <c:v>0.2391667647614355</c:v>
                </c:pt>
                <c:pt idx="2986">
                  <c:v>0.2391667647614355</c:v>
                </c:pt>
                <c:pt idx="2987">
                  <c:v>0.2391667647614355</c:v>
                </c:pt>
                <c:pt idx="2988">
                  <c:v>0.2391667647614355</c:v>
                </c:pt>
                <c:pt idx="2989">
                  <c:v>0.2391667647614355</c:v>
                </c:pt>
                <c:pt idx="2990">
                  <c:v>0.2391667647614355</c:v>
                </c:pt>
                <c:pt idx="2991">
                  <c:v>0.21623296540074988</c:v>
                </c:pt>
                <c:pt idx="2992">
                  <c:v>0.19657542309159082</c:v>
                </c:pt>
                <c:pt idx="2993">
                  <c:v>0.17691788078243176</c:v>
                </c:pt>
                <c:pt idx="2994">
                  <c:v>0.17036536667937871</c:v>
                </c:pt>
                <c:pt idx="2995">
                  <c:v>0.13760279616411358</c:v>
                </c:pt>
                <c:pt idx="2996">
                  <c:v>0.10156396859732192</c:v>
                </c:pt>
                <c:pt idx="2997">
                  <c:v>0.10156396859732192</c:v>
                </c:pt>
                <c:pt idx="2998">
                  <c:v>0.10156396859732192</c:v>
                </c:pt>
                <c:pt idx="2999">
                  <c:v>0.10156396859732192</c:v>
                </c:pt>
                <c:pt idx="3000">
                  <c:v>0.10716509813484544</c:v>
                </c:pt>
                <c:pt idx="3001">
                  <c:v>0.12444979138240113</c:v>
                </c:pt>
                <c:pt idx="3002">
                  <c:v>0.12444979138240113</c:v>
                </c:pt>
                <c:pt idx="3003">
                  <c:v>0.12444979138240113</c:v>
                </c:pt>
                <c:pt idx="3004">
                  <c:v>0.12444979138240113</c:v>
                </c:pt>
                <c:pt idx="3005">
                  <c:v>0.15556223922800141</c:v>
                </c:pt>
                <c:pt idx="3006">
                  <c:v>0.18321774842409058</c:v>
                </c:pt>
                <c:pt idx="3007">
                  <c:v>0.21778713491920201</c:v>
                </c:pt>
                <c:pt idx="3008">
                  <c:v>0.21778713491920201</c:v>
                </c:pt>
                <c:pt idx="3009">
                  <c:v>0.21778713491920201</c:v>
                </c:pt>
                <c:pt idx="3010">
                  <c:v>0.21778713491920201</c:v>
                </c:pt>
                <c:pt idx="3011">
                  <c:v>0.21778713491920201</c:v>
                </c:pt>
                <c:pt idx="3012">
                  <c:v>0.21778713491920201</c:v>
                </c:pt>
                <c:pt idx="3013">
                  <c:v>0.21778713491920201</c:v>
                </c:pt>
                <c:pt idx="3014">
                  <c:v>0.21778713491920201</c:v>
                </c:pt>
                <c:pt idx="3015">
                  <c:v>0.19358856437262398</c:v>
                </c:pt>
                <c:pt idx="3016">
                  <c:v>0.19013162572311285</c:v>
                </c:pt>
                <c:pt idx="3017">
                  <c:v>0.16247611652702373</c:v>
                </c:pt>
                <c:pt idx="3018">
                  <c:v>0.15210530057849025</c:v>
                </c:pt>
                <c:pt idx="3019">
                  <c:v>0.12790673003191227</c:v>
                </c:pt>
                <c:pt idx="3020">
                  <c:v>0.10716509813484544</c:v>
                </c:pt>
                <c:pt idx="3021">
                  <c:v>9.3337343536800857E-2</c:v>
                </c:pt>
                <c:pt idx="3022">
                  <c:v>9.3337343536800857E-2</c:v>
                </c:pt>
                <c:pt idx="3023">
                  <c:v>9.3337343536800857E-2</c:v>
                </c:pt>
                <c:pt idx="3024">
                  <c:v>7.4096425099015456E-2</c:v>
                </c:pt>
                <c:pt idx="3025">
                  <c:v>7.4096425099015456E-2</c:v>
                </c:pt>
                <c:pt idx="3026">
                  <c:v>7.4096425099015456E-2</c:v>
                </c:pt>
                <c:pt idx="3027">
                  <c:v>7.4096425099015456E-2</c:v>
                </c:pt>
                <c:pt idx="3028">
                  <c:v>7.4096425099015456E-2</c:v>
                </c:pt>
                <c:pt idx="3029">
                  <c:v>0.32108450876240036</c:v>
                </c:pt>
                <c:pt idx="3030">
                  <c:v>0.36430742340349276</c:v>
                </c:pt>
                <c:pt idx="3031">
                  <c:v>0.36430742340349276</c:v>
                </c:pt>
                <c:pt idx="3032">
                  <c:v>0.36430742340349276</c:v>
                </c:pt>
                <c:pt idx="3033">
                  <c:v>0.38900623176983129</c:v>
                </c:pt>
                <c:pt idx="3034">
                  <c:v>0.38900623176983129</c:v>
                </c:pt>
                <c:pt idx="3035">
                  <c:v>0.4939761673267698</c:v>
                </c:pt>
                <c:pt idx="3036">
                  <c:v>0.4939761673267698</c:v>
                </c:pt>
                <c:pt idx="3037">
                  <c:v>0.32725921085398496</c:v>
                </c:pt>
                <c:pt idx="3038">
                  <c:v>0.4939761673267698</c:v>
                </c:pt>
                <c:pt idx="3039">
                  <c:v>0.4939761673267698</c:v>
                </c:pt>
                <c:pt idx="3040">
                  <c:v>0.4939761673267698</c:v>
                </c:pt>
                <c:pt idx="3041">
                  <c:v>0.4939761673267698</c:v>
                </c:pt>
                <c:pt idx="3042">
                  <c:v>0.4939761673267698</c:v>
                </c:pt>
                <c:pt idx="3043">
                  <c:v>0.41370504013616977</c:v>
                </c:pt>
                <c:pt idx="3044">
                  <c:v>0.33960861503715423</c:v>
                </c:pt>
                <c:pt idx="3045">
                  <c:v>0.2469880836633849</c:v>
                </c:pt>
                <c:pt idx="3046">
                  <c:v>0.23463867948021566</c:v>
                </c:pt>
                <c:pt idx="3047">
                  <c:v>0.23463867948021566</c:v>
                </c:pt>
                <c:pt idx="3048">
                  <c:v>0.21237456058667289</c:v>
                </c:pt>
                <c:pt idx="3049">
                  <c:v>0.21237456058667289</c:v>
                </c:pt>
                <c:pt idx="3050">
                  <c:v>0.21237456058667289</c:v>
                </c:pt>
                <c:pt idx="3051">
                  <c:v>0.21237456058667289</c:v>
                </c:pt>
                <c:pt idx="3052">
                  <c:v>0.21237456058667289</c:v>
                </c:pt>
                <c:pt idx="3053">
                  <c:v>0.27608692876267471</c:v>
                </c:pt>
                <c:pt idx="3054">
                  <c:v>0.3079431128506756</c:v>
                </c:pt>
                <c:pt idx="3055">
                  <c:v>0.31856184088000933</c:v>
                </c:pt>
                <c:pt idx="3056">
                  <c:v>0.31856184088000933</c:v>
                </c:pt>
                <c:pt idx="3057">
                  <c:v>0.34510866095334347</c:v>
                </c:pt>
                <c:pt idx="3058">
                  <c:v>0.36103675299734383</c:v>
                </c:pt>
                <c:pt idx="3059">
                  <c:v>0.42474912117334579</c:v>
                </c:pt>
                <c:pt idx="3060">
                  <c:v>0.42474912117334579</c:v>
                </c:pt>
                <c:pt idx="3061">
                  <c:v>0.42474912117334579</c:v>
                </c:pt>
                <c:pt idx="3062">
                  <c:v>0.42474912117334579</c:v>
                </c:pt>
                <c:pt idx="3063">
                  <c:v>0.42474912117334579</c:v>
                </c:pt>
                <c:pt idx="3064">
                  <c:v>0.42474912117334579</c:v>
                </c:pt>
                <c:pt idx="3065">
                  <c:v>0.42474912117334579</c:v>
                </c:pt>
                <c:pt idx="3066">
                  <c:v>0.42474912117334579</c:v>
                </c:pt>
                <c:pt idx="3067">
                  <c:v>0.35572738898267708</c:v>
                </c:pt>
                <c:pt idx="3068">
                  <c:v>0.29201502080667513</c:v>
                </c:pt>
                <c:pt idx="3069">
                  <c:v>0.21237456058667289</c:v>
                </c:pt>
                <c:pt idx="3070">
                  <c:v>0.21237456058667289</c:v>
                </c:pt>
                <c:pt idx="3071">
                  <c:v>0.21237456058667289</c:v>
                </c:pt>
                <c:pt idx="3072">
                  <c:v>0.18734312394449704</c:v>
                </c:pt>
                <c:pt idx="3073">
                  <c:v>0.21076101443755912</c:v>
                </c:pt>
                <c:pt idx="3074">
                  <c:v>0.21076101443755912</c:v>
                </c:pt>
                <c:pt idx="3075">
                  <c:v>0.21076101443755912</c:v>
                </c:pt>
                <c:pt idx="3076">
                  <c:v>0.21076101443755912</c:v>
                </c:pt>
                <c:pt idx="3077">
                  <c:v>0.27164752971952061</c:v>
                </c:pt>
                <c:pt idx="3078">
                  <c:v>0.31379973260703248</c:v>
                </c:pt>
                <c:pt idx="3079">
                  <c:v>0.31379973260703248</c:v>
                </c:pt>
                <c:pt idx="3080">
                  <c:v>0.31379973260703248</c:v>
                </c:pt>
                <c:pt idx="3081">
                  <c:v>0.33721762310009457</c:v>
                </c:pt>
                <c:pt idx="3082">
                  <c:v>0.36531909169176918</c:v>
                </c:pt>
                <c:pt idx="3083">
                  <c:v>0.42152202887511825</c:v>
                </c:pt>
                <c:pt idx="3084">
                  <c:v>0.42152202887511825</c:v>
                </c:pt>
                <c:pt idx="3085">
                  <c:v>0.42152202887511825</c:v>
                </c:pt>
                <c:pt idx="3086">
                  <c:v>0.42152202887511825</c:v>
                </c:pt>
                <c:pt idx="3087">
                  <c:v>0.42152202887511825</c:v>
                </c:pt>
                <c:pt idx="3088">
                  <c:v>0.42152202887511825</c:v>
                </c:pt>
                <c:pt idx="3089">
                  <c:v>0.42152202887511825</c:v>
                </c:pt>
                <c:pt idx="3090">
                  <c:v>0.42152202887511825</c:v>
                </c:pt>
                <c:pt idx="3091">
                  <c:v>0.35126835739593182</c:v>
                </c:pt>
                <c:pt idx="3092">
                  <c:v>0.2810146859167455</c:v>
                </c:pt>
                <c:pt idx="3093">
                  <c:v>0.21076101443755912</c:v>
                </c:pt>
                <c:pt idx="3094">
                  <c:v>0.21076101443755912</c:v>
                </c:pt>
                <c:pt idx="3095">
                  <c:v>0.21076101443755912</c:v>
                </c:pt>
                <c:pt idx="3096">
                  <c:v>0.20902933071256993</c:v>
                </c:pt>
                <c:pt idx="3097">
                  <c:v>0.20902933071256993</c:v>
                </c:pt>
                <c:pt idx="3098">
                  <c:v>0.20902933071256993</c:v>
                </c:pt>
                <c:pt idx="3099">
                  <c:v>0.20902933071256993</c:v>
                </c:pt>
                <c:pt idx="3100">
                  <c:v>0.20902933071256993</c:v>
                </c:pt>
                <c:pt idx="3101">
                  <c:v>0.2694155818073124</c:v>
                </c:pt>
                <c:pt idx="3102">
                  <c:v>0.31122144794982631</c:v>
                </c:pt>
                <c:pt idx="3103">
                  <c:v>0.31122144794982631</c:v>
                </c:pt>
                <c:pt idx="3104">
                  <c:v>0.31122144794982631</c:v>
                </c:pt>
                <c:pt idx="3105">
                  <c:v>0.33444692914011193</c:v>
                </c:pt>
                <c:pt idx="3106">
                  <c:v>0.36231750656845457</c:v>
                </c:pt>
                <c:pt idx="3107">
                  <c:v>0.41805866142513987</c:v>
                </c:pt>
                <c:pt idx="3108">
                  <c:v>0.41805866142513987</c:v>
                </c:pt>
                <c:pt idx="3109">
                  <c:v>0.41805866142513987</c:v>
                </c:pt>
                <c:pt idx="3110">
                  <c:v>0.41805866142513987</c:v>
                </c:pt>
                <c:pt idx="3111">
                  <c:v>0.41805866142513987</c:v>
                </c:pt>
                <c:pt idx="3112">
                  <c:v>0.41805866142513987</c:v>
                </c:pt>
                <c:pt idx="3113">
                  <c:v>0.41805866142513987</c:v>
                </c:pt>
                <c:pt idx="3114">
                  <c:v>0.41805866142513987</c:v>
                </c:pt>
                <c:pt idx="3115">
                  <c:v>0.34838221785428319</c:v>
                </c:pt>
                <c:pt idx="3116">
                  <c:v>0.27870577428342658</c:v>
                </c:pt>
                <c:pt idx="3117">
                  <c:v>0.20902933071256993</c:v>
                </c:pt>
                <c:pt idx="3118">
                  <c:v>0.20902933071256993</c:v>
                </c:pt>
                <c:pt idx="3119">
                  <c:v>0.20902933071256993</c:v>
                </c:pt>
                <c:pt idx="3120">
                  <c:v>0.23246054010033557</c:v>
                </c:pt>
                <c:pt idx="3121">
                  <c:v>0.23246054010033557</c:v>
                </c:pt>
                <c:pt idx="3122">
                  <c:v>0.23246054010033557</c:v>
                </c:pt>
                <c:pt idx="3123">
                  <c:v>0.23246054010033557</c:v>
                </c:pt>
                <c:pt idx="3124">
                  <c:v>0.23246054010033557</c:v>
                </c:pt>
                <c:pt idx="3125">
                  <c:v>0.29961580724043252</c:v>
                </c:pt>
                <c:pt idx="3126">
                  <c:v>0.36160528460052205</c:v>
                </c:pt>
                <c:pt idx="3127">
                  <c:v>0.36160528460052205</c:v>
                </c:pt>
                <c:pt idx="3128">
                  <c:v>0.36160528460052205</c:v>
                </c:pt>
                <c:pt idx="3129">
                  <c:v>0.38743423350055933</c:v>
                </c:pt>
                <c:pt idx="3130">
                  <c:v>0.40293160284058166</c:v>
                </c:pt>
                <c:pt idx="3131">
                  <c:v>0.46492108020067113</c:v>
                </c:pt>
                <c:pt idx="3132">
                  <c:v>0.46492108020067113</c:v>
                </c:pt>
                <c:pt idx="3133">
                  <c:v>0.46492108020067113</c:v>
                </c:pt>
                <c:pt idx="3134">
                  <c:v>0.46492108020067113</c:v>
                </c:pt>
                <c:pt idx="3135">
                  <c:v>0.38743423350055933</c:v>
                </c:pt>
                <c:pt idx="3136">
                  <c:v>0.36677107438052953</c:v>
                </c:pt>
                <c:pt idx="3137">
                  <c:v>0.36677107438052953</c:v>
                </c:pt>
                <c:pt idx="3138">
                  <c:v>0.36677107438052953</c:v>
                </c:pt>
                <c:pt idx="3139">
                  <c:v>0.36677107438052953</c:v>
                </c:pt>
                <c:pt idx="3140">
                  <c:v>0.28411843790041014</c:v>
                </c:pt>
                <c:pt idx="3141">
                  <c:v>0.10848158538015659</c:v>
                </c:pt>
                <c:pt idx="3142">
                  <c:v>0.10848158538015659</c:v>
                </c:pt>
                <c:pt idx="3143">
                  <c:v>0.10848158538015659</c:v>
                </c:pt>
                <c:pt idx="3144">
                  <c:v>5.4892036727753266E-2</c:v>
                </c:pt>
                <c:pt idx="3145">
                  <c:v>0.10717016694466115</c:v>
                </c:pt>
                <c:pt idx="3146">
                  <c:v>0.10717016694466115</c:v>
                </c:pt>
                <c:pt idx="3147">
                  <c:v>0.10717016694466115</c:v>
                </c:pt>
                <c:pt idx="3148">
                  <c:v>0.10717016694466115</c:v>
                </c:pt>
                <c:pt idx="3149">
                  <c:v>0.1333092320531151</c:v>
                </c:pt>
                <c:pt idx="3150">
                  <c:v>0.16729001669410523</c:v>
                </c:pt>
                <c:pt idx="3151">
                  <c:v>0.19081517529171377</c:v>
                </c:pt>
                <c:pt idx="3152">
                  <c:v>0.19081517529171377</c:v>
                </c:pt>
                <c:pt idx="3153">
                  <c:v>0.19081517529171377</c:v>
                </c:pt>
                <c:pt idx="3154">
                  <c:v>0.19081517529171377</c:v>
                </c:pt>
                <c:pt idx="3155">
                  <c:v>0.19081517529171377</c:v>
                </c:pt>
                <c:pt idx="3156">
                  <c:v>0.19081517529171377</c:v>
                </c:pt>
                <c:pt idx="3157">
                  <c:v>0.19081517529171377</c:v>
                </c:pt>
                <c:pt idx="3158">
                  <c:v>0.19081517529171377</c:v>
                </c:pt>
                <c:pt idx="3159">
                  <c:v>0.17251782971579599</c:v>
                </c:pt>
                <c:pt idx="3160">
                  <c:v>0.15683439065072363</c:v>
                </c:pt>
                <c:pt idx="3161">
                  <c:v>0.14115095158565127</c:v>
                </c:pt>
                <c:pt idx="3162">
                  <c:v>0.13592313856396046</c:v>
                </c:pt>
                <c:pt idx="3163">
                  <c:v>0.10978407345550653</c:v>
                </c:pt>
                <c:pt idx="3164">
                  <c:v>8.1031101836207209E-2</c:v>
                </c:pt>
                <c:pt idx="3165">
                  <c:v>8.1031101836207209E-2</c:v>
                </c:pt>
                <c:pt idx="3166">
                  <c:v>8.1031101836207209E-2</c:v>
                </c:pt>
                <c:pt idx="3167">
                  <c:v>8.1031101836207209E-2</c:v>
                </c:pt>
                <c:pt idx="3168">
                  <c:v>8.5773661442673427E-2</c:v>
                </c:pt>
                <c:pt idx="3169">
                  <c:v>9.9608122965685275E-2</c:v>
                </c:pt>
                <c:pt idx="3170">
                  <c:v>9.9608122965685275E-2</c:v>
                </c:pt>
                <c:pt idx="3171">
                  <c:v>9.9608122965685275E-2</c:v>
                </c:pt>
                <c:pt idx="3172">
                  <c:v>9.9608122965685275E-2</c:v>
                </c:pt>
                <c:pt idx="3173">
                  <c:v>0.12451015370710659</c:v>
                </c:pt>
                <c:pt idx="3174">
                  <c:v>0.14664529214392558</c:v>
                </c:pt>
                <c:pt idx="3175">
                  <c:v>0.17431421518994925</c:v>
                </c:pt>
                <c:pt idx="3176">
                  <c:v>0.17431421518994925</c:v>
                </c:pt>
                <c:pt idx="3177">
                  <c:v>0.17431421518994925</c:v>
                </c:pt>
                <c:pt idx="3178">
                  <c:v>0.17431421518994925</c:v>
                </c:pt>
                <c:pt idx="3179">
                  <c:v>0.17431421518994925</c:v>
                </c:pt>
                <c:pt idx="3180">
                  <c:v>0.17431421518994925</c:v>
                </c:pt>
                <c:pt idx="3181">
                  <c:v>0.17431421518994925</c:v>
                </c:pt>
                <c:pt idx="3182">
                  <c:v>0.17431421518994925</c:v>
                </c:pt>
                <c:pt idx="3183">
                  <c:v>0.15494596905773264</c:v>
                </c:pt>
                <c:pt idx="3184">
                  <c:v>0.1521790767531303</c:v>
                </c:pt>
                <c:pt idx="3185">
                  <c:v>0.13004393831631134</c:v>
                </c:pt>
                <c:pt idx="3186">
                  <c:v>0.12174326140250424</c:v>
                </c:pt>
                <c:pt idx="3187">
                  <c:v>0.10237501527028765</c:v>
                </c:pt>
                <c:pt idx="3188">
                  <c:v>8.5773661442673427E-2</c:v>
                </c:pt>
                <c:pt idx="3189">
                  <c:v>7.4706092224263984E-2</c:v>
                </c:pt>
                <c:pt idx="3190">
                  <c:v>7.4706092224263984E-2</c:v>
                </c:pt>
                <c:pt idx="3191">
                  <c:v>7.4706092224263984E-2</c:v>
                </c:pt>
                <c:pt idx="3192">
                  <c:v>7.0815785471359777E-2</c:v>
                </c:pt>
                <c:pt idx="3193">
                  <c:v>7.0815785471359777E-2</c:v>
                </c:pt>
                <c:pt idx="3194">
                  <c:v>7.0815785471359777E-2</c:v>
                </c:pt>
                <c:pt idx="3195">
                  <c:v>7.0815785471359777E-2</c:v>
                </c:pt>
                <c:pt idx="3196">
                  <c:v>7.0815785471359777E-2</c:v>
                </c:pt>
                <c:pt idx="3197">
                  <c:v>0.30686840370922569</c:v>
                </c:pt>
                <c:pt idx="3198">
                  <c:v>0.34817761190085217</c:v>
                </c:pt>
                <c:pt idx="3199">
                  <c:v>0.34817761190085217</c:v>
                </c:pt>
                <c:pt idx="3200">
                  <c:v>0.34817761190085217</c:v>
                </c:pt>
                <c:pt idx="3201">
                  <c:v>0.37178287372463881</c:v>
                </c:pt>
                <c:pt idx="3202">
                  <c:v>0.37178287372463881</c:v>
                </c:pt>
                <c:pt idx="3203">
                  <c:v>0.47210523647573183</c:v>
                </c:pt>
                <c:pt idx="3204">
                  <c:v>0.47210523647573183</c:v>
                </c:pt>
                <c:pt idx="3205">
                  <c:v>0.31276971916517232</c:v>
                </c:pt>
                <c:pt idx="3206">
                  <c:v>0.47210523647573183</c:v>
                </c:pt>
                <c:pt idx="3207">
                  <c:v>0.47210523647573183</c:v>
                </c:pt>
                <c:pt idx="3208">
                  <c:v>0.47210523647573183</c:v>
                </c:pt>
                <c:pt idx="3209">
                  <c:v>0.47210523647573183</c:v>
                </c:pt>
                <c:pt idx="3210">
                  <c:v>0.47210523647573183</c:v>
                </c:pt>
                <c:pt idx="3211">
                  <c:v>0.39538813554842539</c:v>
                </c:pt>
                <c:pt idx="3212">
                  <c:v>0.32457235007706564</c:v>
                </c:pt>
                <c:pt idx="3213">
                  <c:v>0.23605261823786591</c:v>
                </c:pt>
                <c:pt idx="3214">
                  <c:v>0.22424998732597262</c:v>
                </c:pt>
                <c:pt idx="3215">
                  <c:v>0.22424998732597262</c:v>
                </c:pt>
                <c:pt idx="3216">
                  <c:v>0.21191097204234738</c:v>
                </c:pt>
                <c:pt idx="3217">
                  <c:v>0.21191097204234738</c:v>
                </c:pt>
                <c:pt idx="3218">
                  <c:v>0.21191097204234738</c:v>
                </c:pt>
                <c:pt idx="3219">
                  <c:v>0.21191097204234738</c:v>
                </c:pt>
                <c:pt idx="3220">
                  <c:v>0.21191097204234738</c:v>
                </c:pt>
                <c:pt idx="3221">
                  <c:v>0.27548426365505158</c:v>
                </c:pt>
                <c:pt idx="3222">
                  <c:v>0.30727090946140362</c:v>
                </c:pt>
                <c:pt idx="3223">
                  <c:v>0.31786645806352104</c:v>
                </c:pt>
                <c:pt idx="3224">
                  <c:v>0.31786645806352104</c:v>
                </c:pt>
                <c:pt idx="3225">
                  <c:v>0.34435532956881448</c:v>
                </c:pt>
                <c:pt idx="3226">
                  <c:v>0.3602486524719905</c:v>
                </c:pt>
                <c:pt idx="3227">
                  <c:v>0.42382194408469476</c:v>
                </c:pt>
                <c:pt idx="3228">
                  <c:v>0.42382194408469476</c:v>
                </c:pt>
                <c:pt idx="3229">
                  <c:v>0.42382194408469476</c:v>
                </c:pt>
                <c:pt idx="3230">
                  <c:v>0.42382194408469476</c:v>
                </c:pt>
                <c:pt idx="3231">
                  <c:v>0.42382194408469476</c:v>
                </c:pt>
                <c:pt idx="3232">
                  <c:v>0.42382194408469476</c:v>
                </c:pt>
                <c:pt idx="3233">
                  <c:v>0.42382194408469476</c:v>
                </c:pt>
                <c:pt idx="3234">
                  <c:v>0.42382194408469476</c:v>
                </c:pt>
                <c:pt idx="3235">
                  <c:v>0.3549508781709319</c:v>
                </c:pt>
                <c:pt idx="3236">
                  <c:v>0.2913775865582276</c:v>
                </c:pt>
                <c:pt idx="3237">
                  <c:v>0.21191097204234738</c:v>
                </c:pt>
                <c:pt idx="3238">
                  <c:v>0.21191097204234738</c:v>
                </c:pt>
                <c:pt idx="3239">
                  <c:v>0.21191097204234738</c:v>
                </c:pt>
                <c:pt idx="3240">
                  <c:v>0.19603218779721918</c:v>
                </c:pt>
                <c:pt idx="3241">
                  <c:v>0.22053621127187154</c:v>
                </c:pt>
                <c:pt idx="3242">
                  <c:v>0.22053621127187154</c:v>
                </c:pt>
                <c:pt idx="3243">
                  <c:v>0.22053621127187154</c:v>
                </c:pt>
                <c:pt idx="3244">
                  <c:v>0.22053621127187154</c:v>
                </c:pt>
                <c:pt idx="3245">
                  <c:v>0.28424667230596778</c:v>
                </c:pt>
                <c:pt idx="3246">
                  <c:v>0.32835391456034208</c:v>
                </c:pt>
                <c:pt idx="3247">
                  <c:v>0.32835391456034208</c:v>
                </c:pt>
                <c:pt idx="3248">
                  <c:v>0.32835391456034208</c:v>
                </c:pt>
                <c:pt idx="3249">
                  <c:v>0.35285793803499443</c:v>
                </c:pt>
                <c:pt idx="3250">
                  <c:v>0.38226276620457739</c:v>
                </c:pt>
                <c:pt idx="3251">
                  <c:v>0.44107242254374307</c:v>
                </c:pt>
                <c:pt idx="3252">
                  <c:v>0.44107242254374307</c:v>
                </c:pt>
                <c:pt idx="3253">
                  <c:v>0.44107242254374307</c:v>
                </c:pt>
                <c:pt idx="3254">
                  <c:v>0.44107242254374307</c:v>
                </c:pt>
                <c:pt idx="3255">
                  <c:v>0.44107242254374307</c:v>
                </c:pt>
                <c:pt idx="3256">
                  <c:v>0.44107242254374307</c:v>
                </c:pt>
                <c:pt idx="3257">
                  <c:v>0.44107242254374307</c:v>
                </c:pt>
                <c:pt idx="3258">
                  <c:v>0.44107242254374307</c:v>
                </c:pt>
                <c:pt idx="3259">
                  <c:v>0.36756035211978588</c:v>
                </c:pt>
                <c:pt idx="3260">
                  <c:v>0.29404828169582875</c:v>
                </c:pt>
                <c:pt idx="3261">
                  <c:v>0.22053621127187154</c:v>
                </c:pt>
                <c:pt idx="3262">
                  <c:v>0.22053621127187154</c:v>
                </c:pt>
                <c:pt idx="3263">
                  <c:v>0.22053621127187154</c:v>
                </c:pt>
                <c:pt idx="3264">
                  <c:v>0.2231055874019359</c:v>
                </c:pt>
                <c:pt idx="3265">
                  <c:v>0.2231055874019359</c:v>
                </c:pt>
                <c:pt idx="3266">
                  <c:v>0.2231055874019359</c:v>
                </c:pt>
                <c:pt idx="3267">
                  <c:v>0.2231055874019359</c:v>
                </c:pt>
                <c:pt idx="3268">
                  <c:v>0.2231055874019359</c:v>
                </c:pt>
                <c:pt idx="3269">
                  <c:v>0.28755831265138404</c:v>
                </c:pt>
                <c:pt idx="3270">
                  <c:v>0.33217943013177126</c:v>
                </c:pt>
                <c:pt idx="3271">
                  <c:v>0.33217943013177126</c:v>
                </c:pt>
                <c:pt idx="3272">
                  <c:v>0.33217943013177126</c:v>
                </c:pt>
                <c:pt idx="3273">
                  <c:v>0.35696893984309747</c:v>
                </c:pt>
                <c:pt idx="3274">
                  <c:v>0.38671635149668898</c:v>
                </c:pt>
                <c:pt idx="3275">
                  <c:v>0.44621117480387179</c:v>
                </c:pt>
                <c:pt idx="3276">
                  <c:v>0.44621117480387179</c:v>
                </c:pt>
                <c:pt idx="3277">
                  <c:v>0.44621117480387179</c:v>
                </c:pt>
                <c:pt idx="3278">
                  <c:v>0.44621117480387179</c:v>
                </c:pt>
                <c:pt idx="3279">
                  <c:v>0.44621117480387179</c:v>
                </c:pt>
                <c:pt idx="3280">
                  <c:v>0.44621117480387179</c:v>
                </c:pt>
                <c:pt idx="3281">
                  <c:v>0.44621117480387179</c:v>
                </c:pt>
                <c:pt idx="3282">
                  <c:v>0.44621117480387179</c:v>
                </c:pt>
                <c:pt idx="3283">
                  <c:v>0.37184264566989317</c:v>
                </c:pt>
                <c:pt idx="3284">
                  <c:v>0.29747411653591455</c:v>
                </c:pt>
                <c:pt idx="3285">
                  <c:v>0.2231055874019359</c:v>
                </c:pt>
                <c:pt idx="3286">
                  <c:v>0.2231055874019359</c:v>
                </c:pt>
                <c:pt idx="3287">
                  <c:v>0.2231055874019359</c:v>
                </c:pt>
                <c:pt idx="3288">
                  <c:v>0.23567897152762565</c:v>
                </c:pt>
                <c:pt idx="3289">
                  <c:v>0.23567897152762565</c:v>
                </c:pt>
                <c:pt idx="3290">
                  <c:v>0.23567897152762565</c:v>
                </c:pt>
                <c:pt idx="3291">
                  <c:v>0.23567897152762565</c:v>
                </c:pt>
                <c:pt idx="3292">
                  <c:v>0.23567897152762565</c:v>
                </c:pt>
                <c:pt idx="3293">
                  <c:v>0.30376400774671747</c:v>
                </c:pt>
                <c:pt idx="3294">
                  <c:v>0.36661173348741771</c:v>
                </c:pt>
                <c:pt idx="3295">
                  <c:v>0.36661173348741771</c:v>
                </c:pt>
                <c:pt idx="3296">
                  <c:v>0.36661173348741771</c:v>
                </c:pt>
                <c:pt idx="3297">
                  <c:v>0.39279828587937604</c:v>
                </c:pt>
                <c:pt idx="3298">
                  <c:v>0.40851021731455112</c:v>
                </c:pt>
                <c:pt idx="3299">
                  <c:v>0.4713579430552513</c:v>
                </c:pt>
                <c:pt idx="3300">
                  <c:v>0.4713579430552513</c:v>
                </c:pt>
                <c:pt idx="3301">
                  <c:v>0.4713579430552513</c:v>
                </c:pt>
                <c:pt idx="3302">
                  <c:v>0.4713579430552513</c:v>
                </c:pt>
                <c:pt idx="3303">
                  <c:v>0.39279828587937604</c:v>
                </c:pt>
                <c:pt idx="3304">
                  <c:v>0.37184904396580937</c:v>
                </c:pt>
                <c:pt idx="3305">
                  <c:v>0.37184904396580937</c:v>
                </c:pt>
                <c:pt idx="3306">
                  <c:v>0.37184904396580937</c:v>
                </c:pt>
                <c:pt idx="3307">
                  <c:v>0.37184904396580937</c:v>
                </c:pt>
                <c:pt idx="3308">
                  <c:v>0.28805207631154245</c:v>
                </c:pt>
                <c:pt idx="3309">
                  <c:v>0.10998352004622532</c:v>
                </c:pt>
                <c:pt idx="3310">
                  <c:v>0.10998352004622532</c:v>
                </c:pt>
                <c:pt idx="3311">
                  <c:v>0.10998352004622532</c:v>
                </c:pt>
                <c:pt idx="3312">
                  <c:v>5.286358819691734E-2</c:v>
                </c:pt>
                <c:pt idx="3313">
                  <c:v>0.10320986267017195</c:v>
                </c:pt>
                <c:pt idx="3314">
                  <c:v>0.10320986267017195</c:v>
                </c:pt>
                <c:pt idx="3315">
                  <c:v>0.10320986267017195</c:v>
                </c:pt>
                <c:pt idx="3316">
                  <c:v>0.10320986267017195</c:v>
                </c:pt>
                <c:pt idx="3317">
                  <c:v>0.12838299990679924</c:v>
                </c:pt>
                <c:pt idx="3318">
                  <c:v>0.16110807831441479</c:v>
                </c:pt>
                <c:pt idx="3319">
                  <c:v>0.18376390182737934</c:v>
                </c:pt>
                <c:pt idx="3320">
                  <c:v>0.18376390182737934</c:v>
                </c:pt>
                <c:pt idx="3321">
                  <c:v>0.18376390182737934</c:v>
                </c:pt>
                <c:pt idx="3322">
                  <c:v>0.18376390182737934</c:v>
                </c:pt>
                <c:pt idx="3323">
                  <c:v>0.18376390182737934</c:v>
                </c:pt>
                <c:pt idx="3324">
                  <c:v>0.18376390182737934</c:v>
                </c:pt>
                <c:pt idx="3325">
                  <c:v>0.18376390182737934</c:v>
                </c:pt>
                <c:pt idx="3326">
                  <c:v>0.18376390182737934</c:v>
                </c:pt>
                <c:pt idx="3327">
                  <c:v>0.1661427057617402</c:v>
                </c:pt>
                <c:pt idx="3328">
                  <c:v>0.15103882341976385</c:v>
                </c:pt>
                <c:pt idx="3329">
                  <c:v>0.13593494107778745</c:v>
                </c:pt>
                <c:pt idx="3330">
                  <c:v>0.13090031363046198</c:v>
                </c:pt>
                <c:pt idx="3331">
                  <c:v>0.10572717639383468</c:v>
                </c:pt>
                <c:pt idx="3332">
                  <c:v>7.8036725433544632E-2</c:v>
                </c:pt>
                <c:pt idx="3333">
                  <c:v>7.8036725433544632E-2</c:v>
                </c:pt>
                <c:pt idx="3334">
                  <c:v>7.8036725433544632E-2</c:v>
                </c:pt>
                <c:pt idx="3335">
                  <c:v>7.8036725433544632E-2</c:v>
                </c:pt>
                <c:pt idx="3336">
                  <c:v>7.9453464238168056E-2</c:v>
                </c:pt>
                <c:pt idx="3337">
                  <c:v>9.2268539115291953E-2</c:v>
                </c:pt>
                <c:pt idx="3338">
                  <c:v>9.2268539115291953E-2</c:v>
                </c:pt>
                <c:pt idx="3339">
                  <c:v>9.2268539115291953E-2</c:v>
                </c:pt>
                <c:pt idx="3340">
                  <c:v>9.2268539115291953E-2</c:v>
                </c:pt>
                <c:pt idx="3341">
                  <c:v>0.11533567389411491</c:v>
                </c:pt>
                <c:pt idx="3342">
                  <c:v>0.13583979369751314</c:v>
                </c:pt>
                <c:pt idx="3343">
                  <c:v>0.16146994345176091</c:v>
                </c:pt>
                <c:pt idx="3344">
                  <c:v>0.16146994345176091</c:v>
                </c:pt>
                <c:pt idx="3345">
                  <c:v>0.16146994345176091</c:v>
                </c:pt>
                <c:pt idx="3346">
                  <c:v>0.16146994345176091</c:v>
                </c:pt>
                <c:pt idx="3347">
                  <c:v>0.16146994345176091</c:v>
                </c:pt>
                <c:pt idx="3348">
                  <c:v>0.16146994345176091</c:v>
                </c:pt>
                <c:pt idx="3349">
                  <c:v>0.16146994345176091</c:v>
                </c:pt>
                <c:pt idx="3350">
                  <c:v>0.16146994345176091</c:v>
                </c:pt>
                <c:pt idx="3351">
                  <c:v>0.14352883862378749</c:v>
                </c:pt>
                <c:pt idx="3352">
                  <c:v>0.14096582364836266</c:v>
                </c:pt>
                <c:pt idx="3353">
                  <c:v>0.12046170384496446</c:v>
                </c:pt>
                <c:pt idx="3354">
                  <c:v>0.11277265891869015</c:v>
                </c:pt>
                <c:pt idx="3355">
                  <c:v>9.4831554090716724E-2</c:v>
                </c:pt>
                <c:pt idx="3356">
                  <c:v>7.9453464238168056E-2</c:v>
                </c:pt>
                <c:pt idx="3357">
                  <c:v>6.9201404336468958E-2</c:v>
                </c:pt>
                <c:pt idx="3358">
                  <c:v>6.9201404336468958E-2</c:v>
                </c:pt>
                <c:pt idx="3359">
                  <c:v>6.9201404336468958E-2</c:v>
                </c:pt>
                <c:pt idx="3360">
                  <c:v>7.229736465804297E-2</c:v>
                </c:pt>
                <c:pt idx="3361">
                  <c:v>7.229736465804297E-2</c:v>
                </c:pt>
                <c:pt idx="3362">
                  <c:v>7.229736465804297E-2</c:v>
                </c:pt>
                <c:pt idx="3363">
                  <c:v>7.229736465804297E-2</c:v>
                </c:pt>
                <c:pt idx="3364">
                  <c:v>7.229736465804297E-2</c:v>
                </c:pt>
                <c:pt idx="3365">
                  <c:v>0.31328858018485295</c:v>
                </c:pt>
                <c:pt idx="3366">
                  <c:v>0.35546204290204469</c:v>
                </c:pt>
                <c:pt idx="3367">
                  <c:v>0.35546204290204469</c:v>
                </c:pt>
                <c:pt idx="3368">
                  <c:v>0.35546204290204469</c:v>
                </c:pt>
                <c:pt idx="3369">
                  <c:v>0.37956116445472571</c:v>
                </c:pt>
                <c:pt idx="3370">
                  <c:v>0.37956116445472571</c:v>
                </c:pt>
                <c:pt idx="3371">
                  <c:v>0.48198243105361993</c:v>
                </c:pt>
                <c:pt idx="3372">
                  <c:v>0.48198243105361993</c:v>
                </c:pt>
                <c:pt idx="3373">
                  <c:v>0.31931336057302317</c:v>
                </c:pt>
                <c:pt idx="3374">
                  <c:v>0.48198243105361993</c:v>
                </c:pt>
                <c:pt idx="3375">
                  <c:v>0.48198243105361993</c:v>
                </c:pt>
                <c:pt idx="3376">
                  <c:v>0.48198243105361993</c:v>
                </c:pt>
                <c:pt idx="3377">
                  <c:v>0.48198243105361993</c:v>
                </c:pt>
                <c:pt idx="3378">
                  <c:v>0.48198243105361993</c:v>
                </c:pt>
                <c:pt idx="3379">
                  <c:v>0.40366028600740672</c:v>
                </c:pt>
                <c:pt idx="3380">
                  <c:v>0.33136292134936368</c:v>
                </c:pt>
                <c:pt idx="3381">
                  <c:v>0.24099121552680997</c:v>
                </c:pt>
                <c:pt idx="3382">
                  <c:v>0.22894165475046946</c:v>
                </c:pt>
                <c:pt idx="3383">
                  <c:v>0.22894165475046946</c:v>
                </c:pt>
                <c:pt idx="3384">
                  <c:v>0.20990208835027024</c:v>
                </c:pt>
                <c:pt idx="3385">
                  <c:v>0.20990208835027024</c:v>
                </c:pt>
                <c:pt idx="3386">
                  <c:v>0.20990208835027024</c:v>
                </c:pt>
                <c:pt idx="3387">
                  <c:v>0.20990208835027024</c:v>
                </c:pt>
                <c:pt idx="3388">
                  <c:v>0.20990208835027024</c:v>
                </c:pt>
                <c:pt idx="3389">
                  <c:v>0.27287271485535131</c:v>
                </c:pt>
                <c:pt idx="3390">
                  <c:v>0.30435802810789175</c:v>
                </c:pt>
                <c:pt idx="3391">
                  <c:v>0.31485313252540537</c:v>
                </c:pt>
                <c:pt idx="3392">
                  <c:v>0.31485313252540537</c:v>
                </c:pt>
                <c:pt idx="3393">
                  <c:v>0.34109089356918904</c:v>
                </c:pt>
                <c:pt idx="3394">
                  <c:v>0.35683355019545931</c:v>
                </c:pt>
                <c:pt idx="3395">
                  <c:v>0.41980417670054049</c:v>
                </c:pt>
                <c:pt idx="3396">
                  <c:v>0.41980417670054049</c:v>
                </c:pt>
                <c:pt idx="3397">
                  <c:v>0.41980417670054049</c:v>
                </c:pt>
                <c:pt idx="3398">
                  <c:v>0.41980417670054049</c:v>
                </c:pt>
                <c:pt idx="3399">
                  <c:v>0.41980417670054049</c:v>
                </c:pt>
                <c:pt idx="3400">
                  <c:v>0.41980417670054049</c:v>
                </c:pt>
                <c:pt idx="3401">
                  <c:v>0.41980417670054049</c:v>
                </c:pt>
                <c:pt idx="3402">
                  <c:v>0.41980417670054049</c:v>
                </c:pt>
                <c:pt idx="3403">
                  <c:v>0.35158599798670259</c:v>
                </c:pt>
                <c:pt idx="3404">
                  <c:v>0.28861537148162159</c:v>
                </c:pt>
                <c:pt idx="3405">
                  <c:v>0.20990208835027024</c:v>
                </c:pt>
                <c:pt idx="3406">
                  <c:v>0.20990208835027024</c:v>
                </c:pt>
                <c:pt idx="3407">
                  <c:v>0.20990208835027024</c:v>
                </c:pt>
                <c:pt idx="3408">
                  <c:v>0.193273754828101</c:v>
                </c:pt>
                <c:pt idx="3409">
                  <c:v>0.21743297418161361</c:v>
                </c:pt>
                <c:pt idx="3410">
                  <c:v>0.21743297418161361</c:v>
                </c:pt>
                <c:pt idx="3411">
                  <c:v>0.21743297418161361</c:v>
                </c:pt>
                <c:pt idx="3412">
                  <c:v>0.21743297418161361</c:v>
                </c:pt>
                <c:pt idx="3413">
                  <c:v>0.28024694450074639</c:v>
                </c:pt>
                <c:pt idx="3414">
                  <c:v>0.32373353933706922</c:v>
                </c:pt>
                <c:pt idx="3415">
                  <c:v>0.32373353933706922</c:v>
                </c:pt>
                <c:pt idx="3416">
                  <c:v>0.32373353933706922</c:v>
                </c:pt>
                <c:pt idx="3417">
                  <c:v>0.34789275869058173</c:v>
                </c:pt>
                <c:pt idx="3418">
                  <c:v>0.37688382191479697</c:v>
                </c:pt>
                <c:pt idx="3419">
                  <c:v>0.43486594836322723</c:v>
                </c:pt>
                <c:pt idx="3420">
                  <c:v>0.43486594836322723</c:v>
                </c:pt>
                <c:pt idx="3421">
                  <c:v>0.43486594836322723</c:v>
                </c:pt>
                <c:pt idx="3422">
                  <c:v>0.43486594836322723</c:v>
                </c:pt>
                <c:pt idx="3423">
                  <c:v>0.43486594836322723</c:v>
                </c:pt>
                <c:pt idx="3424">
                  <c:v>0.43486594836322723</c:v>
                </c:pt>
                <c:pt idx="3425">
                  <c:v>0.43486594836322723</c:v>
                </c:pt>
                <c:pt idx="3426">
                  <c:v>0.43486594836322723</c:v>
                </c:pt>
                <c:pt idx="3427">
                  <c:v>0.36238829030268932</c:v>
                </c:pt>
                <c:pt idx="3428">
                  <c:v>0.28991063224215152</c:v>
                </c:pt>
                <c:pt idx="3429">
                  <c:v>0.21743297418161361</c:v>
                </c:pt>
                <c:pt idx="3430">
                  <c:v>0.21743297418161361</c:v>
                </c:pt>
                <c:pt idx="3431">
                  <c:v>0.21743297418161361</c:v>
                </c:pt>
                <c:pt idx="3432">
                  <c:v>0.21753695838196699</c:v>
                </c:pt>
                <c:pt idx="3433">
                  <c:v>0.21753695838196699</c:v>
                </c:pt>
                <c:pt idx="3434">
                  <c:v>0.21753695838196699</c:v>
                </c:pt>
                <c:pt idx="3435">
                  <c:v>0.21753695838196699</c:v>
                </c:pt>
                <c:pt idx="3436">
                  <c:v>0.21753695838196699</c:v>
                </c:pt>
                <c:pt idx="3437">
                  <c:v>0.28038096858120187</c:v>
                </c:pt>
                <c:pt idx="3438">
                  <c:v>0.32388836025759521</c:v>
                </c:pt>
                <c:pt idx="3439">
                  <c:v>0.32388836025759521</c:v>
                </c:pt>
                <c:pt idx="3440">
                  <c:v>0.32388836025759521</c:v>
                </c:pt>
                <c:pt idx="3441">
                  <c:v>0.34805913341114708</c:v>
                </c:pt>
                <c:pt idx="3442">
                  <c:v>0.37706406119540931</c:v>
                </c:pt>
                <c:pt idx="3443">
                  <c:v>0.43507391676393398</c:v>
                </c:pt>
                <c:pt idx="3444">
                  <c:v>0.43507391676393398</c:v>
                </c:pt>
                <c:pt idx="3445">
                  <c:v>0.43507391676393398</c:v>
                </c:pt>
                <c:pt idx="3446">
                  <c:v>0.43507391676393398</c:v>
                </c:pt>
                <c:pt idx="3447">
                  <c:v>0.43507391676393398</c:v>
                </c:pt>
                <c:pt idx="3448">
                  <c:v>0.43507391676393398</c:v>
                </c:pt>
                <c:pt idx="3449">
                  <c:v>0.43507391676393398</c:v>
                </c:pt>
                <c:pt idx="3450">
                  <c:v>0.43507391676393398</c:v>
                </c:pt>
                <c:pt idx="3451">
                  <c:v>0.36256159730327825</c:v>
                </c:pt>
                <c:pt idx="3452">
                  <c:v>0.29004927784262258</c:v>
                </c:pt>
                <c:pt idx="3453">
                  <c:v>0.21753695838196699</c:v>
                </c:pt>
                <c:pt idx="3454">
                  <c:v>0.21753695838196699</c:v>
                </c:pt>
                <c:pt idx="3455">
                  <c:v>0.21753695838196699</c:v>
                </c:pt>
                <c:pt idx="3456">
                  <c:v>0.24245461663770998</c:v>
                </c:pt>
                <c:pt idx="3457">
                  <c:v>0.24245461663770998</c:v>
                </c:pt>
                <c:pt idx="3458">
                  <c:v>0.24245461663770998</c:v>
                </c:pt>
                <c:pt idx="3459">
                  <c:v>0.24245461663770998</c:v>
                </c:pt>
                <c:pt idx="3460">
                  <c:v>0.24245461663770998</c:v>
                </c:pt>
                <c:pt idx="3461">
                  <c:v>0.31249706144415956</c:v>
                </c:pt>
                <c:pt idx="3462">
                  <c:v>0.37715162588088236</c:v>
                </c:pt>
                <c:pt idx="3463">
                  <c:v>0.37715162588088236</c:v>
                </c:pt>
                <c:pt idx="3464">
                  <c:v>0.37715162588088236</c:v>
                </c:pt>
                <c:pt idx="3465">
                  <c:v>0.40409102772951672</c:v>
                </c:pt>
                <c:pt idx="3466">
                  <c:v>0.42025466883869739</c:v>
                </c:pt>
                <c:pt idx="3467">
                  <c:v>0.48490923327541996</c:v>
                </c:pt>
                <c:pt idx="3468">
                  <c:v>0.48490923327541996</c:v>
                </c:pt>
                <c:pt idx="3469">
                  <c:v>0.48490923327541996</c:v>
                </c:pt>
                <c:pt idx="3470">
                  <c:v>0.48490923327541996</c:v>
                </c:pt>
                <c:pt idx="3471">
                  <c:v>0.40409102772951672</c:v>
                </c:pt>
                <c:pt idx="3472">
                  <c:v>0.38253950625060917</c:v>
                </c:pt>
                <c:pt idx="3473">
                  <c:v>0.38253950625060917</c:v>
                </c:pt>
                <c:pt idx="3474">
                  <c:v>0.38253950625060917</c:v>
                </c:pt>
                <c:pt idx="3475">
                  <c:v>0.38253950625060917</c:v>
                </c:pt>
                <c:pt idx="3476">
                  <c:v>0.29633342033497889</c:v>
                </c:pt>
                <c:pt idx="3477">
                  <c:v>0.11314548776426467</c:v>
                </c:pt>
                <c:pt idx="3478">
                  <c:v>0.11314548776426467</c:v>
                </c:pt>
                <c:pt idx="3479">
                  <c:v>0.11314548776426467</c:v>
                </c:pt>
                <c:pt idx="3480">
                  <c:v>7.0250289889796744E-2</c:v>
                </c:pt>
                <c:pt idx="3481">
                  <c:v>0.13715532788007939</c:v>
                </c:pt>
                <c:pt idx="3482">
                  <c:v>0.13715532788007939</c:v>
                </c:pt>
                <c:pt idx="3483">
                  <c:v>0.13715532788007939</c:v>
                </c:pt>
                <c:pt idx="3484">
                  <c:v>0.13715532788007939</c:v>
                </c:pt>
                <c:pt idx="3485">
                  <c:v>0.17060784687522068</c:v>
                </c:pt>
                <c:pt idx="3486">
                  <c:v>0.21409612156890442</c:v>
                </c:pt>
                <c:pt idx="3487">
                  <c:v>0.24420338866453151</c:v>
                </c:pt>
                <c:pt idx="3488">
                  <c:v>0.24420338866453151</c:v>
                </c:pt>
                <c:pt idx="3489">
                  <c:v>0.24420338866453151</c:v>
                </c:pt>
                <c:pt idx="3490">
                  <c:v>0.24420338866453151</c:v>
                </c:pt>
                <c:pt idx="3491">
                  <c:v>0.24420338866453151</c:v>
                </c:pt>
                <c:pt idx="3492">
                  <c:v>0.24420338866453151</c:v>
                </c:pt>
                <c:pt idx="3493">
                  <c:v>0.24420338866453151</c:v>
                </c:pt>
                <c:pt idx="3494">
                  <c:v>0.24420338866453151</c:v>
                </c:pt>
                <c:pt idx="3495">
                  <c:v>0.22078662536793267</c:v>
                </c:pt>
                <c:pt idx="3496">
                  <c:v>0.20071511397084787</c:v>
                </c:pt>
                <c:pt idx="3497">
                  <c:v>0.18064360257376308</c:v>
                </c:pt>
                <c:pt idx="3498">
                  <c:v>0.1739530987747348</c:v>
                </c:pt>
                <c:pt idx="3499">
                  <c:v>0.14050057977959349</c:v>
                </c:pt>
                <c:pt idx="3500">
                  <c:v>0.10370280888493806</c:v>
                </c:pt>
                <c:pt idx="3501">
                  <c:v>0.10370280888493806</c:v>
                </c:pt>
                <c:pt idx="3502">
                  <c:v>0.10370280888493806</c:v>
                </c:pt>
                <c:pt idx="3503">
                  <c:v>0.10370280888493806</c:v>
                </c:pt>
                <c:pt idx="3504">
                  <c:v>0.10424808404045835</c:v>
                </c:pt>
                <c:pt idx="3505">
                  <c:v>0.12106229114375806</c:v>
                </c:pt>
                <c:pt idx="3506">
                  <c:v>0.12106229114375806</c:v>
                </c:pt>
                <c:pt idx="3507">
                  <c:v>0.12106229114375806</c:v>
                </c:pt>
                <c:pt idx="3508">
                  <c:v>0.12106229114375806</c:v>
                </c:pt>
                <c:pt idx="3509">
                  <c:v>0.1513278639296976</c:v>
                </c:pt>
                <c:pt idx="3510">
                  <c:v>0.1782305952949772</c:v>
                </c:pt>
                <c:pt idx="3511">
                  <c:v>0.21185900950157666</c:v>
                </c:pt>
                <c:pt idx="3512">
                  <c:v>0.21185900950157666</c:v>
                </c:pt>
                <c:pt idx="3513">
                  <c:v>0.21185900950157666</c:v>
                </c:pt>
                <c:pt idx="3514">
                  <c:v>0.21185900950157666</c:v>
                </c:pt>
                <c:pt idx="3515">
                  <c:v>0.21185900950157666</c:v>
                </c:pt>
                <c:pt idx="3516">
                  <c:v>0.21185900950157666</c:v>
                </c:pt>
                <c:pt idx="3517">
                  <c:v>0.21185900950157666</c:v>
                </c:pt>
                <c:pt idx="3518">
                  <c:v>0.21185900950157666</c:v>
                </c:pt>
                <c:pt idx="3519">
                  <c:v>0.18831911955695699</c:v>
                </c:pt>
                <c:pt idx="3520">
                  <c:v>0.18495627813629703</c:v>
                </c:pt>
                <c:pt idx="3521">
                  <c:v>0.15805354677101749</c:v>
                </c:pt>
                <c:pt idx="3522">
                  <c:v>0.14796502250903767</c:v>
                </c:pt>
                <c:pt idx="3523">
                  <c:v>0.12442513256441803</c:v>
                </c:pt>
                <c:pt idx="3524">
                  <c:v>0.10424808404045835</c:v>
                </c:pt>
                <c:pt idx="3525">
                  <c:v>9.0796718357818565E-2</c:v>
                </c:pt>
                <c:pt idx="3526">
                  <c:v>9.0796718357818565E-2</c:v>
                </c:pt>
                <c:pt idx="3527">
                  <c:v>9.0796718357818565E-2</c:v>
                </c:pt>
                <c:pt idx="3528">
                  <c:v>7.573674491284331E-2</c:v>
                </c:pt>
                <c:pt idx="3529">
                  <c:v>7.573674491284331E-2</c:v>
                </c:pt>
                <c:pt idx="3530">
                  <c:v>7.573674491284331E-2</c:v>
                </c:pt>
                <c:pt idx="3531">
                  <c:v>7.573674491284331E-2</c:v>
                </c:pt>
                <c:pt idx="3532">
                  <c:v>7.573674491284331E-2</c:v>
                </c:pt>
                <c:pt idx="3533">
                  <c:v>0.32819256128898772</c:v>
                </c:pt>
                <c:pt idx="3534">
                  <c:v>0.37237232915481305</c:v>
                </c:pt>
                <c:pt idx="3535">
                  <c:v>0.37237232915481305</c:v>
                </c:pt>
                <c:pt idx="3536">
                  <c:v>0.37237232915481305</c:v>
                </c:pt>
                <c:pt idx="3537">
                  <c:v>0.39761791079242748</c:v>
                </c:pt>
                <c:pt idx="3538">
                  <c:v>0.39761791079242748</c:v>
                </c:pt>
                <c:pt idx="3539">
                  <c:v>0.50491163275228879</c:v>
                </c:pt>
                <c:pt idx="3540">
                  <c:v>0.50491163275228879</c:v>
                </c:pt>
                <c:pt idx="3541">
                  <c:v>0.33450395669839139</c:v>
                </c:pt>
                <c:pt idx="3542">
                  <c:v>0.50491163275228879</c:v>
                </c:pt>
                <c:pt idx="3543">
                  <c:v>0.50491163275228879</c:v>
                </c:pt>
                <c:pt idx="3544">
                  <c:v>0.50491163275228879</c:v>
                </c:pt>
                <c:pt idx="3545">
                  <c:v>0.50491163275228879</c:v>
                </c:pt>
                <c:pt idx="3546">
                  <c:v>0.50491163275228879</c:v>
                </c:pt>
                <c:pt idx="3547">
                  <c:v>0.42286349243004195</c:v>
                </c:pt>
                <c:pt idx="3548">
                  <c:v>0.34712674751719858</c:v>
                </c:pt>
                <c:pt idx="3549">
                  <c:v>0.25245581637614439</c:v>
                </c:pt>
                <c:pt idx="3550">
                  <c:v>0.23983302555733718</c:v>
                </c:pt>
                <c:pt idx="3551">
                  <c:v>0.23983302555733718</c:v>
                </c:pt>
                <c:pt idx="3552">
                  <c:v>0.21963744778110564</c:v>
                </c:pt>
                <c:pt idx="3553">
                  <c:v>0.21963744778110564</c:v>
                </c:pt>
                <c:pt idx="3554">
                  <c:v>0.21963744778110564</c:v>
                </c:pt>
                <c:pt idx="3555">
                  <c:v>0.21963744778110564</c:v>
                </c:pt>
                <c:pt idx="3556">
                  <c:v>0.21963744778110564</c:v>
                </c:pt>
                <c:pt idx="3557">
                  <c:v>0.2855286821154373</c:v>
                </c:pt>
                <c:pt idx="3558">
                  <c:v>0.31847429928260312</c:v>
                </c:pt>
                <c:pt idx="3559">
                  <c:v>0.32945617167165847</c:v>
                </c:pt>
                <c:pt idx="3560">
                  <c:v>0.32945617167165847</c:v>
                </c:pt>
                <c:pt idx="3561">
                  <c:v>0.35691085264429662</c:v>
                </c:pt>
                <c:pt idx="3562">
                  <c:v>0.37338366122787958</c:v>
                </c:pt>
                <c:pt idx="3563">
                  <c:v>0.43927489556221128</c:v>
                </c:pt>
                <c:pt idx="3564">
                  <c:v>0.43927489556221128</c:v>
                </c:pt>
                <c:pt idx="3565">
                  <c:v>0.43927489556221128</c:v>
                </c:pt>
                <c:pt idx="3566">
                  <c:v>0.43927489556221128</c:v>
                </c:pt>
                <c:pt idx="3567">
                  <c:v>0.43927489556221128</c:v>
                </c:pt>
                <c:pt idx="3568">
                  <c:v>0.43927489556221128</c:v>
                </c:pt>
                <c:pt idx="3569">
                  <c:v>0.43927489556221128</c:v>
                </c:pt>
                <c:pt idx="3570">
                  <c:v>0.43927489556221128</c:v>
                </c:pt>
                <c:pt idx="3571">
                  <c:v>0.36789272503335196</c:v>
                </c:pt>
                <c:pt idx="3572">
                  <c:v>0.30200149069902021</c:v>
                </c:pt>
                <c:pt idx="3573">
                  <c:v>0.21963744778110564</c:v>
                </c:pt>
                <c:pt idx="3574">
                  <c:v>0.21963744778110564</c:v>
                </c:pt>
                <c:pt idx="3575">
                  <c:v>0.21963744778110564</c:v>
                </c:pt>
                <c:pt idx="3576">
                  <c:v>0.19161869504663018</c:v>
                </c:pt>
                <c:pt idx="3577">
                  <c:v>0.21557103192745886</c:v>
                </c:pt>
                <c:pt idx="3578">
                  <c:v>0.21557103192745886</c:v>
                </c:pt>
                <c:pt idx="3579">
                  <c:v>0.21557103192745886</c:v>
                </c:pt>
                <c:pt idx="3580">
                  <c:v>0.21557103192745886</c:v>
                </c:pt>
                <c:pt idx="3581">
                  <c:v>0.27784710781761368</c:v>
                </c:pt>
                <c:pt idx="3582">
                  <c:v>0.32096131420310547</c:v>
                </c:pt>
                <c:pt idx="3583">
                  <c:v>0.32096131420310547</c:v>
                </c:pt>
                <c:pt idx="3584">
                  <c:v>0.32096131420310547</c:v>
                </c:pt>
                <c:pt idx="3585">
                  <c:v>0.34491365108393424</c:v>
                </c:pt>
                <c:pt idx="3586">
                  <c:v>0.37365645534092873</c:v>
                </c:pt>
                <c:pt idx="3587">
                  <c:v>0.43114206385491771</c:v>
                </c:pt>
                <c:pt idx="3588">
                  <c:v>0.43114206385491771</c:v>
                </c:pt>
                <c:pt idx="3589">
                  <c:v>0.43114206385491771</c:v>
                </c:pt>
                <c:pt idx="3590">
                  <c:v>0.43114206385491771</c:v>
                </c:pt>
                <c:pt idx="3591">
                  <c:v>0.43114206385491771</c:v>
                </c:pt>
                <c:pt idx="3592">
                  <c:v>0.43114206385491771</c:v>
                </c:pt>
                <c:pt idx="3593">
                  <c:v>0.43114206385491771</c:v>
                </c:pt>
                <c:pt idx="3594">
                  <c:v>0.43114206385491771</c:v>
                </c:pt>
                <c:pt idx="3595">
                  <c:v>0.35928505321243148</c:v>
                </c:pt>
                <c:pt idx="3596">
                  <c:v>0.2874280425699452</c:v>
                </c:pt>
                <c:pt idx="3597">
                  <c:v>0.21557103192745886</c:v>
                </c:pt>
                <c:pt idx="3598">
                  <c:v>0.21557103192745886</c:v>
                </c:pt>
                <c:pt idx="3599">
                  <c:v>0.21557103192745886</c:v>
                </c:pt>
                <c:pt idx="3600">
                  <c:v>0.22063064117083861</c:v>
                </c:pt>
                <c:pt idx="3601">
                  <c:v>0.22063064117083861</c:v>
                </c:pt>
                <c:pt idx="3602">
                  <c:v>0.22063064117083861</c:v>
                </c:pt>
                <c:pt idx="3603">
                  <c:v>0.22063064117083861</c:v>
                </c:pt>
                <c:pt idx="3604">
                  <c:v>0.22063064117083861</c:v>
                </c:pt>
                <c:pt idx="3605">
                  <c:v>0.28436838195352532</c:v>
                </c:pt>
                <c:pt idx="3606">
                  <c:v>0.32849451018769305</c:v>
                </c:pt>
                <c:pt idx="3607">
                  <c:v>0.32849451018769305</c:v>
                </c:pt>
                <c:pt idx="3608">
                  <c:v>0.32849451018769305</c:v>
                </c:pt>
                <c:pt idx="3609">
                  <c:v>0.35300902587334176</c:v>
                </c:pt>
                <c:pt idx="3610">
                  <c:v>0.38242644469612019</c:v>
                </c:pt>
                <c:pt idx="3611">
                  <c:v>0.44126128234167722</c:v>
                </c:pt>
                <c:pt idx="3612">
                  <c:v>0.44126128234167722</c:v>
                </c:pt>
                <c:pt idx="3613">
                  <c:v>0.44126128234167722</c:v>
                </c:pt>
                <c:pt idx="3614">
                  <c:v>0.44126128234167722</c:v>
                </c:pt>
                <c:pt idx="3615">
                  <c:v>0.44126128234167722</c:v>
                </c:pt>
                <c:pt idx="3616">
                  <c:v>0.44126128234167722</c:v>
                </c:pt>
                <c:pt idx="3617">
                  <c:v>0.44126128234167722</c:v>
                </c:pt>
                <c:pt idx="3618">
                  <c:v>0.44126128234167722</c:v>
                </c:pt>
                <c:pt idx="3619">
                  <c:v>0.36771773528473106</c:v>
                </c:pt>
                <c:pt idx="3620">
                  <c:v>0.29417418822778479</c:v>
                </c:pt>
                <c:pt idx="3621">
                  <c:v>0.22063064117083861</c:v>
                </c:pt>
                <c:pt idx="3622">
                  <c:v>0.22063064117083861</c:v>
                </c:pt>
                <c:pt idx="3623">
                  <c:v>0.22063064117083861</c:v>
                </c:pt>
                <c:pt idx="3624">
                  <c:v>0.24330157227647056</c:v>
                </c:pt>
                <c:pt idx="3625">
                  <c:v>0.24330157227647056</c:v>
                </c:pt>
                <c:pt idx="3626">
                  <c:v>0.24330157227647056</c:v>
                </c:pt>
                <c:pt idx="3627">
                  <c:v>0.24330157227647056</c:v>
                </c:pt>
                <c:pt idx="3628">
                  <c:v>0.24330157227647056</c:v>
                </c:pt>
                <c:pt idx="3629">
                  <c:v>0.31358869315633986</c:v>
                </c:pt>
                <c:pt idx="3630">
                  <c:v>0.37846911243006537</c:v>
                </c:pt>
                <c:pt idx="3631">
                  <c:v>0.37846911243006537</c:v>
                </c:pt>
                <c:pt idx="3632">
                  <c:v>0.37846911243006537</c:v>
                </c:pt>
                <c:pt idx="3633">
                  <c:v>0.40550262046078428</c:v>
                </c:pt>
                <c:pt idx="3634">
                  <c:v>0.42172272527921567</c:v>
                </c:pt>
                <c:pt idx="3635">
                  <c:v>0.48660314455294112</c:v>
                </c:pt>
                <c:pt idx="3636">
                  <c:v>0.48660314455294112</c:v>
                </c:pt>
                <c:pt idx="3637">
                  <c:v>0.48660314455294112</c:v>
                </c:pt>
                <c:pt idx="3638">
                  <c:v>0.48660314455294112</c:v>
                </c:pt>
                <c:pt idx="3639">
                  <c:v>0.40550262046078428</c:v>
                </c:pt>
                <c:pt idx="3640">
                  <c:v>0.38387581403620913</c:v>
                </c:pt>
                <c:pt idx="3641">
                  <c:v>0.38387581403620913</c:v>
                </c:pt>
                <c:pt idx="3642">
                  <c:v>0.38387581403620913</c:v>
                </c:pt>
                <c:pt idx="3643">
                  <c:v>0.38387581403620913</c:v>
                </c:pt>
                <c:pt idx="3644">
                  <c:v>0.29736858833790847</c:v>
                </c:pt>
                <c:pt idx="3645">
                  <c:v>0.1135407337290196</c:v>
                </c:pt>
                <c:pt idx="3646">
                  <c:v>0.1135407337290196</c:v>
                </c:pt>
                <c:pt idx="3647">
                  <c:v>0.1135407337290196</c:v>
                </c:pt>
                <c:pt idx="3648">
                  <c:v>6.4744501020384926E-2</c:v>
                </c:pt>
                <c:pt idx="3649">
                  <c:v>0.12640593056360869</c:v>
                </c:pt>
                <c:pt idx="3650">
                  <c:v>0.12640593056360869</c:v>
                </c:pt>
                <c:pt idx="3651">
                  <c:v>0.12640593056360869</c:v>
                </c:pt>
                <c:pt idx="3652">
                  <c:v>0.12640593056360869</c:v>
                </c:pt>
                <c:pt idx="3653">
                  <c:v>0.15723664533522055</c:v>
                </c:pt>
                <c:pt idx="3654">
                  <c:v>0.19731657453831597</c:v>
                </c:pt>
                <c:pt idx="3655">
                  <c:v>0.22506421783276667</c:v>
                </c:pt>
                <c:pt idx="3656">
                  <c:v>0.22506421783276667</c:v>
                </c:pt>
                <c:pt idx="3657">
                  <c:v>0.22506421783276667</c:v>
                </c:pt>
                <c:pt idx="3658">
                  <c:v>0.22506421783276667</c:v>
                </c:pt>
                <c:pt idx="3659">
                  <c:v>0.22506421783276667</c:v>
                </c:pt>
                <c:pt idx="3660">
                  <c:v>0.22506421783276667</c:v>
                </c:pt>
                <c:pt idx="3661">
                  <c:v>0.22506421783276667</c:v>
                </c:pt>
                <c:pt idx="3662">
                  <c:v>0.22506421783276667</c:v>
                </c:pt>
                <c:pt idx="3663">
                  <c:v>0.20348271749263838</c:v>
                </c:pt>
                <c:pt idx="3664">
                  <c:v>0.18498428862967126</c:v>
                </c:pt>
                <c:pt idx="3665">
                  <c:v>0.1664858597667041</c:v>
                </c:pt>
                <c:pt idx="3666">
                  <c:v>0.16031971681238175</c:v>
                </c:pt>
                <c:pt idx="3667">
                  <c:v>0.12948900204076985</c:v>
                </c:pt>
                <c:pt idx="3668">
                  <c:v>9.5575215791996807E-2</c:v>
                </c:pt>
                <c:pt idx="3669">
                  <c:v>9.5575215791996807E-2</c:v>
                </c:pt>
                <c:pt idx="3670">
                  <c:v>9.5575215791996807E-2</c:v>
                </c:pt>
                <c:pt idx="3671">
                  <c:v>9.5575215791996807E-2</c:v>
                </c:pt>
                <c:pt idx="3672">
                  <c:v>0.10910977419777015</c:v>
                </c:pt>
                <c:pt idx="3673">
                  <c:v>0.12670812487482985</c:v>
                </c:pt>
                <c:pt idx="3674">
                  <c:v>0.12670812487482985</c:v>
                </c:pt>
                <c:pt idx="3675">
                  <c:v>0.12670812487482985</c:v>
                </c:pt>
                <c:pt idx="3676">
                  <c:v>0.12670812487482985</c:v>
                </c:pt>
                <c:pt idx="3677">
                  <c:v>0.15838515609353734</c:v>
                </c:pt>
                <c:pt idx="3678">
                  <c:v>0.18654251717683287</c:v>
                </c:pt>
                <c:pt idx="3679">
                  <c:v>0.22173921853095227</c:v>
                </c:pt>
                <c:pt idx="3680">
                  <c:v>0.22173921853095227</c:v>
                </c:pt>
                <c:pt idx="3681">
                  <c:v>0.22173921853095227</c:v>
                </c:pt>
                <c:pt idx="3682">
                  <c:v>0.22173921853095227</c:v>
                </c:pt>
                <c:pt idx="3683">
                  <c:v>0.22173921853095227</c:v>
                </c:pt>
                <c:pt idx="3684">
                  <c:v>0.22173921853095227</c:v>
                </c:pt>
                <c:pt idx="3685">
                  <c:v>0.22173921853095227</c:v>
                </c:pt>
                <c:pt idx="3686">
                  <c:v>0.22173921853095227</c:v>
                </c:pt>
                <c:pt idx="3687">
                  <c:v>0.19710152758306868</c:v>
                </c:pt>
                <c:pt idx="3688">
                  <c:v>0.19358185744765671</c:v>
                </c:pt>
                <c:pt idx="3689">
                  <c:v>0.16542449636436124</c:v>
                </c:pt>
                <c:pt idx="3690">
                  <c:v>0.15486548595812541</c:v>
                </c:pt>
                <c:pt idx="3691">
                  <c:v>0.13022779501024181</c:v>
                </c:pt>
                <c:pt idx="3692">
                  <c:v>0.10910977419777015</c:v>
                </c:pt>
                <c:pt idx="3693">
                  <c:v>9.5031093656122403E-2</c:v>
                </c:pt>
                <c:pt idx="3694">
                  <c:v>9.5031093656122403E-2</c:v>
                </c:pt>
                <c:pt idx="3695">
                  <c:v>9.5031093656122403E-2</c:v>
                </c:pt>
                <c:pt idx="3696">
                  <c:v>7.3884770929489293E-2</c:v>
                </c:pt>
                <c:pt idx="3697">
                  <c:v>7.3884770929489293E-2</c:v>
                </c:pt>
                <c:pt idx="3698">
                  <c:v>7.3884770929489293E-2</c:v>
                </c:pt>
                <c:pt idx="3699">
                  <c:v>7.3884770929489293E-2</c:v>
                </c:pt>
                <c:pt idx="3700">
                  <c:v>7.3884770929489293E-2</c:v>
                </c:pt>
                <c:pt idx="3701">
                  <c:v>0.32016734069445357</c:v>
                </c:pt>
                <c:pt idx="3702">
                  <c:v>0.36326679040332238</c:v>
                </c:pt>
                <c:pt idx="3703">
                  <c:v>0.36326679040332238</c:v>
                </c:pt>
                <c:pt idx="3704">
                  <c:v>0.36326679040332238</c:v>
                </c:pt>
                <c:pt idx="3705">
                  <c:v>0.38789504737981889</c:v>
                </c:pt>
                <c:pt idx="3706">
                  <c:v>0.38789504737981889</c:v>
                </c:pt>
                <c:pt idx="3707">
                  <c:v>0.49256513952992864</c:v>
                </c:pt>
                <c:pt idx="3708">
                  <c:v>0.49256513952992864</c:v>
                </c:pt>
                <c:pt idx="3709">
                  <c:v>0.32632440493857773</c:v>
                </c:pt>
                <c:pt idx="3710">
                  <c:v>0.49256513952992864</c:v>
                </c:pt>
                <c:pt idx="3711">
                  <c:v>0.49256513952992864</c:v>
                </c:pt>
                <c:pt idx="3712">
                  <c:v>0.49256513952992864</c:v>
                </c:pt>
                <c:pt idx="3713">
                  <c:v>0.49256513952992864</c:v>
                </c:pt>
                <c:pt idx="3714">
                  <c:v>0.49256513952992864</c:v>
                </c:pt>
                <c:pt idx="3715">
                  <c:v>0.41252330435631523</c:v>
                </c:pt>
                <c:pt idx="3716">
                  <c:v>0.33863853342682587</c:v>
                </c:pt>
                <c:pt idx="3717">
                  <c:v>0.24628256976496432</c:v>
                </c:pt>
                <c:pt idx="3718">
                  <c:v>0.23396844127671609</c:v>
                </c:pt>
                <c:pt idx="3719">
                  <c:v>0.23396844127671609</c:v>
                </c:pt>
                <c:pt idx="3720">
                  <c:v>0.21592873942650165</c:v>
                </c:pt>
                <c:pt idx="3721">
                  <c:v>0.21592873942650165</c:v>
                </c:pt>
                <c:pt idx="3722">
                  <c:v>0.21592873942650165</c:v>
                </c:pt>
                <c:pt idx="3723">
                  <c:v>0.21592873942650165</c:v>
                </c:pt>
                <c:pt idx="3724">
                  <c:v>0.21592873942650165</c:v>
                </c:pt>
                <c:pt idx="3725">
                  <c:v>0.28070736125445217</c:v>
                </c:pt>
                <c:pt idx="3726">
                  <c:v>0.31309667216842746</c:v>
                </c:pt>
                <c:pt idx="3727">
                  <c:v>0.32389310913975256</c:v>
                </c:pt>
                <c:pt idx="3728">
                  <c:v>0.32389310913975256</c:v>
                </c:pt>
                <c:pt idx="3729">
                  <c:v>0.35088420156806516</c:v>
                </c:pt>
                <c:pt idx="3730">
                  <c:v>0.36707885702505283</c:v>
                </c:pt>
                <c:pt idx="3731">
                  <c:v>0.4318574788530033</c:v>
                </c:pt>
                <c:pt idx="3732">
                  <c:v>0.4318574788530033</c:v>
                </c:pt>
                <c:pt idx="3733">
                  <c:v>0.4318574788530033</c:v>
                </c:pt>
                <c:pt idx="3734">
                  <c:v>0.4318574788530033</c:v>
                </c:pt>
                <c:pt idx="3735">
                  <c:v>0.4318574788530033</c:v>
                </c:pt>
                <c:pt idx="3736">
                  <c:v>0.4318574788530033</c:v>
                </c:pt>
                <c:pt idx="3737">
                  <c:v>0.4318574788530033</c:v>
                </c:pt>
                <c:pt idx="3738">
                  <c:v>0.4318574788530033</c:v>
                </c:pt>
                <c:pt idx="3739">
                  <c:v>0.36168063853939031</c:v>
                </c:pt>
                <c:pt idx="3740">
                  <c:v>0.29690201671143979</c:v>
                </c:pt>
                <c:pt idx="3741">
                  <c:v>0.21592873942650165</c:v>
                </c:pt>
                <c:pt idx="3742">
                  <c:v>0.21592873942650165</c:v>
                </c:pt>
                <c:pt idx="3743">
                  <c:v>0.21592873942650165</c:v>
                </c:pt>
                <c:pt idx="3744">
                  <c:v>0.19341167647655691</c:v>
                </c:pt>
                <c:pt idx="3745">
                  <c:v>0.21758813603612653</c:v>
                </c:pt>
                <c:pt idx="3746">
                  <c:v>0.21758813603612653</c:v>
                </c:pt>
                <c:pt idx="3747">
                  <c:v>0.21758813603612653</c:v>
                </c:pt>
                <c:pt idx="3748">
                  <c:v>0.21758813603612653</c:v>
                </c:pt>
                <c:pt idx="3749">
                  <c:v>0.28044693089100747</c:v>
                </c:pt>
                <c:pt idx="3750">
                  <c:v>0.32396455809823288</c:v>
                </c:pt>
                <c:pt idx="3751">
                  <c:v>0.32396455809823288</c:v>
                </c:pt>
                <c:pt idx="3752">
                  <c:v>0.32396455809823288</c:v>
                </c:pt>
                <c:pt idx="3753">
                  <c:v>0.34814101765780242</c:v>
                </c:pt>
                <c:pt idx="3754">
                  <c:v>0.37715276912928603</c:v>
                </c:pt>
                <c:pt idx="3755">
                  <c:v>0.43517627207225307</c:v>
                </c:pt>
                <c:pt idx="3756">
                  <c:v>0.43517627207225307</c:v>
                </c:pt>
                <c:pt idx="3757">
                  <c:v>0.43517627207225307</c:v>
                </c:pt>
                <c:pt idx="3758">
                  <c:v>0.43517627207225307</c:v>
                </c:pt>
                <c:pt idx="3759">
                  <c:v>0.43517627207225307</c:v>
                </c:pt>
                <c:pt idx="3760">
                  <c:v>0.43517627207225307</c:v>
                </c:pt>
                <c:pt idx="3761">
                  <c:v>0.43517627207225307</c:v>
                </c:pt>
                <c:pt idx="3762">
                  <c:v>0.43517627207225307</c:v>
                </c:pt>
                <c:pt idx="3763">
                  <c:v>0.36264689339354422</c:v>
                </c:pt>
                <c:pt idx="3764">
                  <c:v>0.29011751471483538</c:v>
                </c:pt>
                <c:pt idx="3765">
                  <c:v>0.21758813603612653</c:v>
                </c:pt>
                <c:pt idx="3766">
                  <c:v>0.21758813603612653</c:v>
                </c:pt>
                <c:pt idx="3767">
                  <c:v>0.21758813603612653</c:v>
                </c:pt>
                <c:pt idx="3768">
                  <c:v>0.21614480112697473</c:v>
                </c:pt>
                <c:pt idx="3769">
                  <c:v>0.21614480112697473</c:v>
                </c:pt>
                <c:pt idx="3770">
                  <c:v>0.21614480112697473</c:v>
                </c:pt>
                <c:pt idx="3771">
                  <c:v>0.21614480112697473</c:v>
                </c:pt>
                <c:pt idx="3772">
                  <c:v>0.21614480112697473</c:v>
                </c:pt>
                <c:pt idx="3773">
                  <c:v>0.27858663256365629</c:v>
                </c:pt>
                <c:pt idx="3774">
                  <c:v>0.32181559278905131</c:v>
                </c:pt>
                <c:pt idx="3775">
                  <c:v>0.32181559278905131</c:v>
                </c:pt>
                <c:pt idx="3776">
                  <c:v>0.32181559278905131</c:v>
                </c:pt>
                <c:pt idx="3777">
                  <c:v>0.34583168180315954</c:v>
                </c:pt>
                <c:pt idx="3778">
                  <c:v>0.37465098862008955</c:v>
                </c:pt>
                <c:pt idx="3779">
                  <c:v>0.43228960225394947</c:v>
                </c:pt>
                <c:pt idx="3780">
                  <c:v>0.43228960225394947</c:v>
                </c:pt>
                <c:pt idx="3781">
                  <c:v>0.43228960225394947</c:v>
                </c:pt>
                <c:pt idx="3782">
                  <c:v>0.43228960225394947</c:v>
                </c:pt>
                <c:pt idx="3783">
                  <c:v>0.43228960225394947</c:v>
                </c:pt>
                <c:pt idx="3784">
                  <c:v>0.43228960225394947</c:v>
                </c:pt>
                <c:pt idx="3785">
                  <c:v>0.43228960225394947</c:v>
                </c:pt>
                <c:pt idx="3786">
                  <c:v>0.43228960225394947</c:v>
                </c:pt>
                <c:pt idx="3787">
                  <c:v>0.36024133521162455</c:v>
                </c:pt>
                <c:pt idx="3788">
                  <c:v>0.28819306816929963</c:v>
                </c:pt>
                <c:pt idx="3789">
                  <c:v>0.21614480112697473</c:v>
                </c:pt>
                <c:pt idx="3790">
                  <c:v>0.21614480112697473</c:v>
                </c:pt>
                <c:pt idx="3791">
                  <c:v>0.21614480112697473</c:v>
                </c:pt>
                <c:pt idx="3792">
                  <c:v>0.23618714491088197</c:v>
                </c:pt>
                <c:pt idx="3793">
                  <c:v>0.23618714491088197</c:v>
                </c:pt>
                <c:pt idx="3794">
                  <c:v>0.23618714491088197</c:v>
                </c:pt>
                <c:pt idx="3795">
                  <c:v>0.23618714491088197</c:v>
                </c:pt>
                <c:pt idx="3796">
                  <c:v>0.23618714491088197</c:v>
                </c:pt>
                <c:pt idx="3797">
                  <c:v>0.30441898677402562</c:v>
                </c:pt>
                <c:pt idx="3798">
                  <c:v>0.36740222541692757</c:v>
                </c:pt>
                <c:pt idx="3799">
                  <c:v>0.36740222541692757</c:v>
                </c:pt>
                <c:pt idx="3800">
                  <c:v>0.36740222541692757</c:v>
                </c:pt>
                <c:pt idx="3801">
                  <c:v>0.39364524151813668</c:v>
                </c:pt>
                <c:pt idx="3802">
                  <c:v>0.40939105117886215</c:v>
                </c:pt>
                <c:pt idx="3803">
                  <c:v>0.47237428982176394</c:v>
                </c:pt>
                <c:pt idx="3804">
                  <c:v>0.47237428982176394</c:v>
                </c:pt>
                <c:pt idx="3805">
                  <c:v>0.47237428982176394</c:v>
                </c:pt>
                <c:pt idx="3806">
                  <c:v>0.47237428982176394</c:v>
                </c:pt>
                <c:pt idx="3807">
                  <c:v>0.39364524151813668</c:v>
                </c:pt>
                <c:pt idx="3808">
                  <c:v>0.37265082863716931</c:v>
                </c:pt>
                <c:pt idx="3809">
                  <c:v>0.37265082863716931</c:v>
                </c:pt>
                <c:pt idx="3810">
                  <c:v>0.37265082863716931</c:v>
                </c:pt>
                <c:pt idx="3811">
                  <c:v>0.37265082863716931</c:v>
                </c:pt>
                <c:pt idx="3812">
                  <c:v>0.28867317711330021</c:v>
                </c:pt>
                <c:pt idx="3813">
                  <c:v>0.11022066762507828</c:v>
                </c:pt>
                <c:pt idx="3814">
                  <c:v>0.11022066762507828</c:v>
                </c:pt>
                <c:pt idx="3815">
                  <c:v>0.11022066762507828</c:v>
                </c:pt>
                <c:pt idx="3816">
                  <c:v>4.4170237350477641E-2</c:v>
                </c:pt>
                <c:pt idx="3817">
                  <c:v>8.623713006521827E-2</c:v>
                </c:pt>
                <c:pt idx="3818">
                  <c:v>8.623713006521827E-2</c:v>
                </c:pt>
                <c:pt idx="3819">
                  <c:v>8.623713006521827E-2</c:v>
                </c:pt>
                <c:pt idx="3820">
                  <c:v>8.623713006521827E-2</c:v>
                </c:pt>
                <c:pt idx="3821">
                  <c:v>0.10727057642258857</c:v>
                </c:pt>
                <c:pt idx="3822">
                  <c:v>0.13461405668716997</c:v>
                </c:pt>
                <c:pt idx="3823">
                  <c:v>0.15354415840880323</c:v>
                </c:pt>
                <c:pt idx="3824">
                  <c:v>0.15354415840880323</c:v>
                </c:pt>
                <c:pt idx="3825">
                  <c:v>0.15354415840880323</c:v>
                </c:pt>
                <c:pt idx="3826">
                  <c:v>0.15354415840880323</c:v>
                </c:pt>
                <c:pt idx="3827">
                  <c:v>0.15354415840880323</c:v>
                </c:pt>
                <c:pt idx="3828">
                  <c:v>0.15354415840880323</c:v>
                </c:pt>
                <c:pt idx="3829">
                  <c:v>0.15354415840880323</c:v>
                </c:pt>
                <c:pt idx="3830">
                  <c:v>0.15354415840880323</c:v>
                </c:pt>
                <c:pt idx="3831">
                  <c:v>0.13882074595864402</c:v>
                </c:pt>
                <c:pt idx="3832">
                  <c:v>0.12620067814422184</c:v>
                </c:pt>
                <c:pt idx="3833">
                  <c:v>0.11358061032979964</c:v>
                </c:pt>
                <c:pt idx="3834">
                  <c:v>0.10937392105832561</c:v>
                </c:pt>
                <c:pt idx="3835">
                  <c:v>8.8340474700955282E-2</c:v>
                </c:pt>
                <c:pt idx="3836">
                  <c:v>6.5203683707847945E-2</c:v>
                </c:pt>
                <c:pt idx="3837">
                  <c:v>6.5203683707847945E-2</c:v>
                </c:pt>
                <c:pt idx="3838">
                  <c:v>6.5203683707847945E-2</c:v>
                </c:pt>
                <c:pt idx="3839">
                  <c:v>6.5203683707847945E-2</c:v>
                </c:pt>
                <c:pt idx="3840">
                  <c:v>6.8019759438419133E-2</c:v>
                </c:pt>
                <c:pt idx="3841">
                  <c:v>7.8990688380099608E-2</c:v>
                </c:pt>
                <c:pt idx="3842">
                  <c:v>7.8990688380099608E-2</c:v>
                </c:pt>
                <c:pt idx="3843">
                  <c:v>7.8990688380099608E-2</c:v>
                </c:pt>
                <c:pt idx="3844">
                  <c:v>7.8990688380099608E-2</c:v>
                </c:pt>
                <c:pt idx="3845">
                  <c:v>9.873836047512452E-2</c:v>
                </c:pt>
                <c:pt idx="3846">
                  <c:v>0.11629184678181334</c:v>
                </c:pt>
                <c:pt idx="3847">
                  <c:v>0.13823370466517435</c:v>
                </c:pt>
                <c:pt idx="3848">
                  <c:v>0.13823370466517435</c:v>
                </c:pt>
                <c:pt idx="3849">
                  <c:v>0.13823370466517435</c:v>
                </c:pt>
                <c:pt idx="3850">
                  <c:v>0.13823370466517435</c:v>
                </c:pt>
                <c:pt idx="3851">
                  <c:v>0.13823370466517435</c:v>
                </c:pt>
                <c:pt idx="3852">
                  <c:v>0.13823370466517435</c:v>
                </c:pt>
                <c:pt idx="3853">
                  <c:v>0.13823370466517435</c:v>
                </c:pt>
                <c:pt idx="3854">
                  <c:v>0.13823370466517435</c:v>
                </c:pt>
                <c:pt idx="3855">
                  <c:v>0.12287440414682163</c:v>
                </c:pt>
                <c:pt idx="3856">
                  <c:v>0.12068021835848555</c:v>
                </c:pt>
                <c:pt idx="3857">
                  <c:v>0.10312673205179672</c:v>
                </c:pt>
                <c:pt idx="3858">
                  <c:v>9.6544174686788428E-2</c:v>
                </c:pt>
                <c:pt idx="3859">
                  <c:v>8.1184874168435728E-2</c:v>
                </c:pt>
                <c:pt idx="3860">
                  <c:v>6.8019759438419133E-2</c:v>
                </c:pt>
                <c:pt idx="3861">
                  <c:v>5.9243016285074716E-2</c:v>
                </c:pt>
                <c:pt idx="3862">
                  <c:v>5.9243016285074716E-2</c:v>
                </c:pt>
                <c:pt idx="3863">
                  <c:v>5.9243016285074716E-2</c:v>
                </c:pt>
                <c:pt idx="3864">
                  <c:v>7.0445390674688968E-2</c:v>
                </c:pt>
                <c:pt idx="3865">
                  <c:v>7.0445390674688968E-2</c:v>
                </c:pt>
                <c:pt idx="3866">
                  <c:v>7.0445390674688968E-2</c:v>
                </c:pt>
                <c:pt idx="3867">
                  <c:v>7.0445390674688968E-2</c:v>
                </c:pt>
                <c:pt idx="3868">
                  <c:v>7.0445390674688968E-2</c:v>
                </c:pt>
                <c:pt idx="3869">
                  <c:v>0.30526335959031886</c:v>
                </c:pt>
                <c:pt idx="3870">
                  <c:v>0.34635650415055408</c:v>
                </c:pt>
                <c:pt idx="3871">
                  <c:v>0.34635650415055408</c:v>
                </c:pt>
                <c:pt idx="3872">
                  <c:v>0.34635650415055408</c:v>
                </c:pt>
                <c:pt idx="3873">
                  <c:v>0.36983830104211712</c:v>
                </c:pt>
                <c:pt idx="3874">
                  <c:v>0.36983830104211712</c:v>
                </c:pt>
                <c:pt idx="3875">
                  <c:v>0.46963593783125984</c:v>
                </c:pt>
                <c:pt idx="3876">
                  <c:v>0.46963593783125984</c:v>
                </c:pt>
                <c:pt idx="3877">
                  <c:v>0.31113380881320968</c:v>
                </c:pt>
                <c:pt idx="3878">
                  <c:v>0.46963593783125984</c:v>
                </c:pt>
                <c:pt idx="3879">
                  <c:v>0.46963593783125984</c:v>
                </c:pt>
                <c:pt idx="3880">
                  <c:v>0.46963593783125984</c:v>
                </c:pt>
                <c:pt idx="3881">
                  <c:v>0.46963593783125984</c:v>
                </c:pt>
                <c:pt idx="3882">
                  <c:v>0.46963593783125984</c:v>
                </c:pt>
                <c:pt idx="3883">
                  <c:v>0.39332009793368011</c:v>
                </c:pt>
                <c:pt idx="3884">
                  <c:v>0.32287470725899109</c:v>
                </c:pt>
                <c:pt idx="3885">
                  <c:v>0.23481796891562992</c:v>
                </c:pt>
                <c:pt idx="3886">
                  <c:v>0.2230770704698484</c:v>
                </c:pt>
                <c:pt idx="3887">
                  <c:v>0.2230770704698484</c:v>
                </c:pt>
                <c:pt idx="3888">
                  <c:v>0.20557526193656558</c:v>
                </c:pt>
                <c:pt idx="3889">
                  <c:v>0.20557526193656558</c:v>
                </c:pt>
                <c:pt idx="3890">
                  <c:v>0.20557526193656558</c:v>
                </c:pt>
                <c:pt idx="3891">
                  <c:v>0.20557526193656558</c:v>
                </c:pt>
                <c:pt idx="3892">
                  <c:v>0.20557526193656558</c:v>
                </c:pt>
                <c:pt idx="3893">
                  <c:v>0.2672478405175352</c:v>
                </c:pt>
                <c:pt idx="3894">
                  <c:v>0.29808412980802002</c:v>
                </c:pt>
                <c:pt idx="3895">
                  <c:v>0.30836289290484836</c:v>
                </c:pt>
                <c:pt idx="3896">
                  <c:v>0.30836289290484836</c:v>
                </c:pt>
                <c:pt idx="3897">
                  <c:v>0.33405980064691904</c:v>
                </c:pt>
                <c:pt idx="3898">
                  <c:v>0.34947794529216147</c:v>
                </c:pt>
                <c:pt idx="3899">
                  <c:v>0.41115052387313117</c:v>
                </c:pt>
                <c:pt idx="3900">
                  <c:v>0.41115052387313117</c:v>
                </c:pt>
                <c:pt idx="3901">
                  <c:v>0.41115052387313117</c:v>
                </c:pt>
                <c:pt idx="3902">
                  <c:v>0.41115052387313117</c:v>
                </c:pt>
                <c:pt idx="3903">
                  <c:v>0.41115052387313117</c:v>
                </c:pt>
                <c:pt idx="3904">
                  <c:v>0.41115052387313117</c:v>
                </c:pt>
                <c:pt idx="3905">
                  <c:v>0.41115052387313117</c:v>
                </c:pt>
                <c:pt idx="3906">
                  <c:v>0.41115052387313117</c:v>
                </c:pt>
                <c:pt idx="3907">
                  <c:v>0.34433856374374738</c:v>
                </c:pt>
                <c:pt idx="3908">
                  <c:v>0.28266598516277763</c:v>
                </c:pt>
                <c:pt idx="3909">
                  <c:v>0.20557526193656558</c:v>
                </c:pt>
                <c:pt idx="3910">
                  <c:v>0.20557526193656558</c:v>
                </c:pt>
                <c:pt idx="3911">
                  <c:v>0.20557526193656558</c:v>
                </c:pt>
                <c:pt idx="3912">
                  <c:v>0.18210210130317253</c:v>
                </c:pt>
                <c:pt idx="3913">
                  <c:v>0.20486486396606907</c:v>
                </c:pt>
                <c:pt idx="3914">
                  <c:v>0.20486486396606907</c:v>
                </c:pt>
                <c:pt idx="3915">
                  <c:v>0.20486486396606907</c:v>
                </c:pt>
                <c:pt idx="3916">
                  <c:v>0.20486486396606907</c:v>
                </c:pt>
                <c:pt idx="3917">
                  <c:v>0.2640480468896001</c:v>
                </c:pt>
                <c:pt idx="3918">
                  <c:v>0.30502101968281398</c:v>
                </c:pt>
                <c:pt idx="3919">
                  <c:v>0.30502101968281398</c:v>
                </c:pt>
                <c:pt idx="3920">
                  <c:v>0.30502101968281398</c:v>
                </c:pt>
                <c:pt idx="3921">
                  <c:v>0.32778378234571043</c:v>
                </c:pt>
                <c:pt idx="3922">
                  <c:v>0.35509909754118629</c:v>
                </c:pt>
                <c:pt idx="3923">
                  <c:v>0.40972972793213813</c:v>
                </c:pt>
                <c:pt idx="3924">
                  <c:v>0.40972972793213813</c:v>
                </c:pt>
                <c:pt idx="3925">
                  <c:v>0.40972972793213813</c:v>
                </c:pt>
                <c:pt idx="3926">
                  <c:v>0.40972972793213813</c:v>
                </c:pt>
                <c:pt idx="3927">
                  <c:v>0.40972972793213813</c:v>
                </c:pt>
                <c:pt idx="3928">
                  <c:v>0.40972972793213813</c:v>
                </c:pt>
                <c:pt idx="3929">
                  <c:v>0.40972972793213813</c:v>
                </c:pt>
                <c:pt idx="3930">
                  <c:v>0.40972972793213813</c:v>
                </c:pt>
                <c:pt idx="3931">
                  <c:v>0.34144143994344839</c:v>
                </c:pt>
                <c:pt idx="3932">
                  <c:v>0.27315315195475875</c:v>
                </c:pt>
                <c:pt idx="3933">
                  <c:v>0.20486486396606907</c:v>
                </c:pt>
                <c:pt idx="3934">
                  <c:v>0.20486486396606907</c:v>
                </c:pt>
                <c:pt idx="3935">
                  <c:v>0.20486486396606907</c:v>
                </c:pt>
                <c:pt idx="3936">
                  <c:v>0.20299664927427022</c:v>
                </c:pt>
                <c:pt idx="3937">
                  <c:v>0.20299664927427022</c:v>
                </c:pt>
                <c:pt idx="3938">
                  <c:v>0.20299664927427022</c:v>
                </c:pt>
                <c:pt idx="3939">
                  <c:v>0.20299664927427022</c:v>
                </c:pt>
                <c:pt idx="3940">
                  <c:v>0.20299664927427022</c:v>
                </c:pt>
                <c:pt idx="3941">
                  <c:v>0.26164012573128159</c:v>
                </c:pt>
                <c:pt idx="3942">
                  <c:v>0.30223945558613563</c:v>
                </c:pt>
                <c:pt idx="3943">
                  <c:v>0.30223945558613563</c:v>
                </c:pt>
                <c:pt idx="3944">
                  <c:v>0.30223945558613563</c:v>
                </c:pt>
                <c:pt idx="3945">
                  <c:v>0.32479463883883231</c:v>
                </c:pt>
                <c:pt idx="3946">
                  <c:v>0.35186085874206835</c:v>
                </c:pt>
                <c:pt idx="3947">
                  <c:v>0.40599329854854044</c:v>
                </c:pt>
                <c:pt idx="3948">
                  <c:v>0.40599329854854044</c:v>
                </c:pt>
                <c:pt idx="3949">
                  <c:v>0.40599329854854044</c:v>
                </c:pt>
                <c:pt idx="3950">
                  <c:v>0.40599329854854044</c:v>
                </c:pt>
                <c:pt idx="3951">
                  <c:v>0.40599329854854044</c:v>
                </c:pt>
                <c:pt idx="3952">
                  <c:v>0.40599329854854044</c:v>
                </c:pt>
                <c:pt idx="3953">
                  <c:v>0.40599329854854044</c:v>
                </c:pt>
                <c:pt idx="3954">
                  <c:v>0.40599329854854044</c:v>
                </c:pt>
                <c:pt idx="3955">
                  <c:v>0.3383277487904503</c:v>
                </c:pt>
                <c:pt idx="3956">
                  <c:v>0.27066219903236022</c:v>
                </c:pt>
                <c:pt idx="3957">
                  <c:v>0.20299664927427022</c:v>
                </c:pt>
                <c:pt idx="3958">
                  <c:v>0.20299664927427022</c:v>
                </c:pt>
                <c:pt idx="3959">
                  <c:v>0.20299664927427022</c:v>
                </c:pt>
                <c:pt idx="3960">
                  <c:v>0.22246646356296113</c:v>
                </c:pt>
                <c:pt idx="3961">
                  <c:v>0.22246646356296113</c:v>
                </c:pt>
                <c:pt idx="3962">
                  <c:v>0.22246646356296113</c:v>
                </c:pt>
                <c:pt idx="3963">
                  <c:v>0.22246646356296113</c:v>
                </c:pt>
                <c:pt idx="3964">
                  <c:v>0.22246646356296113</c:v>
                </c:pt>
                <c:pt idx="3965">
                  <c:v>0.28673455303670542</c:v>
                </c:pt>
                <c:pt idx="3966">
                  <c:v>0.34605894332016174</c:v>
                </c:pt>
                <c:pt idx="3967">
                  <c:v>0.34605894332016174</c:v>
                </c:pt>
                <c:pt idx="3968">
                  <c:v>0.34605894332016174</c:v>
                </c:pt>
                <c:pt idx="3969">
                  <c:v>0.37077743927160184</c:v>
                </c:pt>
                <c:pt idx="3970">
                  <c:v>0.38560853684246593</c:v>
                </c:pt>
                <c:pt idx="3971">
                  <c:v>0.44493292712592225</c:v>
                </c:pt>
                <c:pt idx="3972">
                  <c:v>0.44493292712592225</c:v>
                </c:pt>
                <c:pt idx="3973">
                  <c:v>0.44493292712592225</c:v>
                </c:pt>
                <c:pt idx="3974">
                  <c:v>0.44493292712592225</c:v>
                </c:pt>
                <c:pt idx="3975">
                  <c:v>0.37077743927160184</c:v>
                </c:pt>
                <c:pt idx="3976">
                  <c:v>0.35100264251044982</c:v>
                </c:pt>
                <c:pt idx="3977">
                  <c:v>0.35100264251044982</c:v>
                </c:pt>
                <c:pt idx="3978">
                  <c:v>0.35100264251044982</c:v>
                </c:pt>
                <c:pt idx="3979">
                  <c:v>0.35100264251044982</c:v>
                </c:pt>
                <c:pt idx="3980">
                  <c:v>0.27190345546584138</c:v>
                </c:pt>
                <c:pt idx="3981">
                  <c:v>0.10381768299604852</c:v>
                </c:pt>
                <c:pt idx="3982">
                  <c:v>0.10381768299604852</c:v>
                </c:pt>
                <c:pt idx="3983">
                  <c:v>0.10381768299604852</c:v>
                </c:pt>
                <c:pt idx="3984">
                  <c:v>4.059738239652326E-2</c:v>
                </c:pt>
                <c:pt idx="3985">
                  <c:v>7.9261556107497799E-2</c:v>
                </c:pt>
                <c:pt idx="3986">
                  <c:v>7.9261556107497799E-2</c:v>
                </c:pt>
                <c:pt idx="3987">
                  <c:v>7.9261556107497799E-2</c:v>
                </c:pt>
                <c:pt idx="3988">
                  <c:v>7.9261556107497799E-2</c:v>
                </c:pt>
                <c:pt idx="3989">
                  <c:v>9.859364296298509E-2</c:v>
                </c:pt>
                <c:pt idx="3990">
                  <c:v>0.12372535587511851</c:v>
                </c:pt>
                <c:pt idx="3991">
                  <c:v>0.14112423404505706</c:v>
                </c:pt>
                <c:pt idx="3992">
                  <c:v>0.14112423404505706</c:v>
                </c:pt>
                <c:pt idx="3993">
                  <c:v>0.14112423404505706</c:v>
                </c:pt>
                <c:pt idx="3994">
                  <c:v>0.14112423404505706</c:v>
                </c:pt>
                <c:pt idx="3995">
                  <c:v>0.14112423404505706</c:v>
                </c:pt>
                <c:pt idx="3996">
                  <c:v>0.14112423404505706</c:v>
                </c:pt>
                <c:pt idx="3997">
                  <c:v>0.14112423404505706</c:v>
                </c:pt>
                <c:pt idx="3998">
                  <c:v>0.14112423404505706</c:v>
                </c:pt>
                <c:pt idx="3999">
                  <c:v>0.12759177324621598</c:v>
                </c:pt>
                <c:pt idx="4000">
                  <c:v>0.11599252113292362</c:v>
                </c:pt>
                <c:pt idx="4001">
                  <c:v>0.10439326901963125</c:v>
                </c:pt>
                <c:pt idx="4002">
                  <c:v>0.1005268516485338</c:v>
                </c:pt>
                <c:pt idx="4003">
                  <c:v>8.119476479304652E-2</c:v>
                </c:pt>
                <c:pt idx="4004">
                  <c:v>5.9929469252010523E-2</c:v>
                </c:pt>
                <c:pt idx="4005">
                  <c:v>5.9929469252010523E-2</c:v>
                </c:pt>
                <c:pt idx="4006">
                  <c:v>5.9929469252010523E-2</c:v>
                </c:pt>
                <c:pt idx="4007">
                  <c:v>5.9929469252010523E-2</c:v>
                </c:pt>
                <c:pt idx="4008">
                  <c:v>6.7951081955346812E-2</c:v>
                </c:pt>
                <c:pt idx="4009">
                  <c:v>7.8910933883628562E-2</c:v>
                </c:pt>
                <c:pt idx="4010">
                  <c:v>7.8910933883628562E-2</c:v>
                </c:pt>
                <c:pt idx="4011">
                  <c:v>7.8910933883628562E-2</c:v>
                </c:pt>
                <c:pt idx="4012">
                  <c:v>7.8910933883628562E-2</c:v>
                </c:pt>
                <c:pt idx="4013">
                  <c:v>9.8638667354535692E-2</c:v>
                </c:pt>
                <c:pt idx="4014">
                  <c:v>0.11617443043978649</c:v>
                </c:pt>
                <c:pt idx="4015">
                  <c:v>0.13809413429634998</c:v>
                </c:pt>
                <c:pt idx="4016">
                  <c:v>0.13809413429634998</c:v>
                </c:pt>
                <c:pt idx="4017">
                  <c:v>0.13809413429634998</c:v>
                </c:pt>
                <c:pt idx="4018">
                  <c:v>0.13809413429634998</c:v>
                </c:pt>
                <c:pt idx="4019">
                  <c:v>0.13809413429634998</c:v>
                </c:pt>
                <c:pt idx="4020">
                  <c:v>0.13809413429634998</c:v>
                </c:pt>
                <c:pt idx="4021">
                  <c:v>0.13809413429634998</c:v>
                </c:pt>
                <c:pt idx="4022">
                  <c:v>0.13809413429634998</c:v>
                </c:pt>
                <c:pt idx="4023">
                  <c:v>0.12275034159675555</c:v>
                </c:pt>
                <c:pt idx="4024">
                  <c:v>0.12055837121109916</c:v>
                </c:pt>
                <c:pt idx="4025">
                  <c:v>0.10302260812584842</c:v>
                </c:pt>
                <c:pt idx="4026">
                  <c:v>9.6446696968879364E-2</c:v>
                </c:pt>
                <c:pt idx="4027">
                  <c:v>8.1102904269284903E-2</c:v>
                </c:pt>
                <c:pt idx="4028">
                  <c:v>6.7951081955346812E-2</c:v>
                </c:pt>
                <c:pt idx="4029">
                  <c:v>5.9183200412721418E-2</c:v>
                </c:pt>
                <c:pt idx="4030">
                  <c:v>5.9183200412721418E-2</c:v>
                </c:pt>
                <c:pt idx="4031">
                  <c:v>5.9183200412721418E-2</c:v>
                </c:pt>
                <c:pt idx="4032">
                  <c:v>6.7693886470848702E-2</c:v>
                </c:pt>
                <c:pt idx="4033">
                  <c:v>6.7693886470848702E-2</c:v>
                </c:pt>
                <c:pt idx="4034">
                  <c:v>6.7693886470848702E-2</c:v>
                </c:pt>
                <c:pt idx="4035">
                  <c:v>6.7693886470848702E-2</c:v>
                </c:pt>
                <c:pt idx="4036">
                  <c:v>6.7693886470848702E-2</c:v>
                </c:pt>
                <c:pt idx="4037">
                  <c:v>0.29334017470701101</c:v>
                </c:pt>
                <c:pt idx="4038">
                  <c:v>0.33282827514833946</c:v>
                </c:pt>
                <c:pt idx="4039">
                  <c:v>0.33282827514833946</c:v>
                </c:pt>
                <c:pt idx="4040">
                  <c:v>0.33282827514833946</c:v>
                </c:pt>
                <c:pt idx="4041">
                  <c:v>0.35539290397195572</c:v>
                </c:pt>
                <c:pt idx="4042">
                  <c:v>0.35539290397195572</c:v>
                </c:pt>
                <c:pt idx="4043">
                  <c:v>0.45129257647232468</c:v>
                </c:pt>
                <c:pt idx="4044">
                  <c:v>0.45129257647232468</c:v>
                </c:pt>
                <c:pt idx="4045">
                  <c:v>0.29898133191291515</c:v>
                </c:pt>
                <c:pt idx="4046">
                  <c:v>0.45129257647232468</c:v>
                </c:pt>
                <c:pt idx="4047">
                  <c:v>0.45129257647232468</c:v>
                </c:pt>
                <c:pt idx="4048">
                  <c:v>0.45129257647232468</c:v>
                </c:pt>
                <c:pt idx="4049">
                  <c:v>0.45129257647232468</c:v>
                </c:pt>
                <c:pt idx="4050">
                  <c:v>0.45129257647232468</c:v>
                </c:pt>
                <c:pt idx="4051">
                  <c:v>0.37795753279557198</c:v>
                </c:pt>
                <c:pt idx="4052">
                  <c:v>0.3102636463247232</c:v>
                </c:pt>
                <c:pt idx="4053">
                  <c:v>0.22564628823616234</c:v>
                </c:pt>
                <c:pt idx="4054">
                  <c:v>0.21436397382435421</c:v>
                </c:pt>
                <c:pt idx="4055">
                  <c:v>0.21436397382435421</c:v>
                </c:pt>
                <c:pt idx="4056">
                  <c:v>0.1976942566830322</c:v>
                </c:pt>
                <c:pt idx="4057">
                  <c:v>0.1976942566830322</c:v>
                </c:pt>
                <c:pt idx="4058">
                  <c:v>0.1976942566830322</c:v>
                </c:pt>
                <c:pt idx="4059">
                  <c:v>0.1976942566830322</c:v>
                </c:pt>
                <c:pt idx="4060">
                  <c:v>0.1976942566830322</c:v>
                </c:pt>
                <c:pt idx="4061">
                  <c:v>0.25700253368794179</c:v>
                </c:pt>
                <c:pt idx="4062">
                  <c:v>0.28665667219039659</c:v>
                </c:pt>
                <c:pt idx="4063">
                  <c:v>0.29654138502454824</c:v>
                </c:pt>
                <c:pt idx="4064">
                  <c:v>0.29654138502454824</c:v>
                </c:pt>
                <c:pt idx="4065">
                  <c:v>0.32125316710992724</c:v>
                </c:pt>
                <c:pt idx="4066">
                  <c:v>0.33608023636115464</c:v>
                </c:pt>
                <c:pt idx="4067">
                  <c:v>0.3953885133660644</c:v>
                </c:pt>
                <c:pt idx="4068">
                  <c:v>0.3953885133660644</c:v>
                </c:pt>
                <c:pt idx="4069">
                  <c:v>0.3953885133660644</c:v>
                </c:pt>
                <c:pt idx="4070">
                  <c:v>0.3953885133660644</c:v>
                </c:pt>
                <c:pt idx="4071">
                  <c:v>0.3953885133660644</c:v>
                </c:pt>
                <c:pt idx="4072">
                  <c:v>0.3953885133660644</c:v>
                </c:pt>
                <c:pt idx="4073">
                  <c:v>0.3953885133660644</c:v>
                </c:pt>
                <c:pt idx="4074">
                  <c:v>0.3953885133660644</c:v>
                </c:pt>
                <c:pt idx="4075">
                  <c:v>0.33113787994407889</c:v>
                </c:pt>
                <c:pt idx="4076">
                  <c:v>0.27182960293916919</c:v>
                </c:pt>
                <c:pt idx="4077">
                  <c:v>0.1976942566830322</c:v>
                </c:pt>
                <c:pt idx="4078">
                  <c:v>0.1976942566830322</c:v>
                </c:pt>
                <c:pt idx="4079">
                  <c:v>0.1976942566830322</c:v>
                </c:pt>
                <c:pt idx="4080">
                  <c:v>0.17589562712265663</c:v>
                </c:pt>
                <c:pt idx="4081">
                  <c:v>0.19788258051298871</c:v>
                </c:pt>
                <c:pt idx="4082">
                  <c:v>0.19788258051298871</c:v>
                </c:pt>
                <c:pt idx="4083">
                  <c:v>0.19788258051298871</c:v>
                </c:pt>
                <c:pt idx="4084">
                  <c:v>0.19788258051298871</c:v>
                </c:pt>
                <c:pt idx="4085">
                  <c:v>0.25504865932785209</c:v>
                </c:pt>
                <c:pt idx="4086">
                  <c:v>0.29462517543044997</c:v>
                </c:pt>
                <c:pt idx="4087">
                  <c:v>0.29462517543044997</c:v>
                </c:pt>
                <c:pt idx="4088">
                  <c:v>0.29462517543044997</c:v>
                </c:pt>
                <c:pt idx="4089">
                  <c:v>0.31661212882078194</c:v>
                </c:pt>
                <c:pt idx="4090">
                  <c:v>0.34299647288918045</c:v>
                </c:pt>
                <c:pt idx="4091">
                  <c:v>0.39576516102597742</c:v>
                </c:pt>
                <c:pt idx="4092">
                  <c:v>0.39576516102597742</c:v>
                </c:pt>
                <c:pt idx="4093">
                  <c:v>0.39576516102597742</c:v>
                </c:pt>
                <c:pt idx="4094">
                  <c:v>0.39576516102597742</c:v>
                </c:pt>
                <c:pt idx="4095">
                  <c:v>0.39576516102597742</c:v>
                </c:pt>
                <c:pt idx="4096">
                  <c:v>0.39576516102597742</c:v>
                </c:pt>
                <c:pt idx="4097">
                  <c:v>0.39576516102597742</c:v>
                </c:pt>
                <c:pt idx="4098">
                  <c:v>0.39576516102597742</c:v>
                </c:pt>
                <c:pt idx="4099">
                  <c:v>0.32980430085498125</c:v>
                </c:pt>
                <c:pt idx="4100">
                  <c:v>0.26384344068398502</c:v>
                </c:pt>
                <c:pt idx="4101">
                  <c:v>0.19788258051298871</c:v>
                </c:pt>
                <c:pt idx="4102">
                  <c:v>0.19788258051298871</c:v>
                </c:pt>
                <c:pt idx="4103">
                  <c:v>0.19788258051298871</c:v>
                </c:pt>
                <c:pt idx="4104">
                  <c:v>0.196035862999309</c:v>
                </c:pt>
                <c:pt idx="4105">
                  <c:v>0.196035862999309</c:v>
                </c:pt>
                <c:pt idx="4106">
                  <c:v>0.196035862999309</c:v>
                </c:pt>
                <c:pt idx="4107">
                  <c:v>0.196035862999309</c:v>
                </c:pt>
                <c:pt idx="4108">
                  <c:v>0.196035862999309</c:v>
                </c:pt>
                <c:pt idx="4109">
                  <c:v>0.25266844564355373</c:v>
                </c:pt>
                <c:pt idx="4110">
                  <c:v>0.29187561824341557</c:v>
                </c:pt>
                <c:pt idx="4111">
                  <c:v>0.29187561824341557</c:v>
                </c:pt>
                <c:pt idx="4112">
                  <c:v>0.29187561824341557</c:v>
                </c:pt>
                <c:pt idx="4113">
                  <c:v>0.31365738079889433</c:v>
                </c:pt>
                <c:pt idx="4114">
                  <c:v>0.33979549586546887</c:v>
                </c:pt>
                <c:pt idx="4115">
                  <c:v>0.392071725998618</c:v>
                </c:pt>
                <c:pt idx="4116">
                  <c:v>0.392071725998618</c:v>
                </c:pt>
                <c:pt idx="4117">
                  <c:v>0.392071725998618</c:v>
                </c:pt>
                <c:pt idx="4118">
                  <c:v>0.392071725998618</c:v>
                </c:pt>
                <c:pt idx="4119">
                  <c:v>0.392071725998618</c:v>
                </c:pt>
                <c:pt idx="4120">
                  <c:v>0.392071725998618</c:v>
                </c:pt>
                <c:pt idx="4121">
                  <c:v>0.392071725998618</c:v>
                </c:pt>
                <c:pt idx="4122">
                  <c:v>0.392071725998618</c:v>
                </c:pt>
                <c:pt idx="4123">
                  <c:v>0.32672643833218162</c:v>
                </c:pt>
                <c:pt idx="4124">
                  <c:v>0.26138115066574535</c:v>
                </c:pt>
                <c:pt idx="4125">
                  <c:v>0.196035862999309</c:v>
                </c:pt>
                <c:pt idx="4126">
                  <c:v>0.196035862999309</c:v>
                </c:pt>
                <c:pt idx="4127">
                  <c:v>0.196035862999309</c:v>
                </c:pt>
                <c:pt idx="4128">
                  <c:v>0.22365220145722584</c:v>
                </c:pt>
                <c:pt idx="4129">
                  <c:v>0.22365220145722584</c:v>
                </c:pt>
                <c:pt idx="4130">
                  <c:v>0.22365220145722584</c:v>
                </c:pt>
                <c:pt idx="4131">
                  <c:v>0.22365220145722584</c:v>
                </c:pt>
                <c:pt idx="4132">
                  <c:v>0.22365220145722584</c:v>
                </c:pt>
                <c:pt idx="4133">
                  <c:v>0.28826283743375775</c:v>
                </c:pt>
                <c:pt idx="4134">
                  <c:v>0.34790342448901801</c:v>
                </c:pt>
                <c:pt idx="4135">
                  <c:v>0.34790342448901801</c:v>
                </c:pt>
                <c:pt idx="4136">
                  <c:v>0.34790342448901801</c:v>
                </c:pt>
                <c:pt idx="4137">
                  <c:v>0.37275366909537644</c:v>
                </c:pt>
                <c:pt idx="4138">
                  <c:v>0.38766381585919146</c:v>
                </c:pt>
                <c:pt idx="4139">
                  <c:v>0.44730440291445167</c:v>
                </c:pt>
                <c:pt idx="4140">
                  <c:v>0.44730440291445167</c:v>
                </c:pt>
                <c:pt idx="4141">
                  <c:v>0.44730440291445167</c:v>
                </c:pt>
                <c:pt idx="4142">
                  <c:v>0.44730440291445167</c:v>
                </c:pt>
                <c:pt idx="4143">
                  <c:v>0.37275366909537644</c:v>
                </c:pt>
                <c:pt idx="4144">
                  <c:v>0.35287347341028968</c:v>
                </c:pt>
                <c:pt idx="4145">
                  <c:v>0.35287347341028968</c:v>
                </c:pt>
                <c:pt idx="4146">
                  <c:v>0.35287347341028968</c:v>
                </c:pt>
                <c:pt idx="4147">
                  <c:v>0.35287347341028968</c:v>
                </c:pt>
                <c:pt idx="4148">
                  <c:v>0.27335269066994267</c:v>
                </c:pt>
                <c:pt idx="4149">
                  <c:v>0.10437102734670541</c:v>
                </c:pt>
                <c:pt idx="4150">
                  <c:v>0.10437102734670541</c:v>
                </c:pt>
                <c:pt idx="4151">
                  <c:v>0.10437102734670541</c:v>
                </c:pt>
                <c:pt idx="4152">
                  <c:v>5.1994253112273382E-2</c:v>
                </c:pt>
                <c:pt idx="4153">
                  <c:v>0.10151258940967664</c:v>
                </c:pt>
                <c:pt idx="4154">
                  <c:v>0.10151258940967664</c:v>
                </c:pt>
                <c:pt idx="4155">
                  <c:v>0.10151258940967664</c:v>
                </c:pt>
                <c:pt idx="4156">
                  <c:v>0.10151258940967664</c:v>
                </c:pt>
                <c:pt idx="4157">
                  <c:v>0.12627175755837822</c:v>
                </c:pt>
                <c:pt idx="4158">
                  <c:v>0.15845867615169032</c:v>
                </c:pt>
                <c:pt idx="4159">
                  <c:v>0.18074192748552179</c:v>
                </c:pt>
                <c:pt idx="4160">
                  <c:v>0.18074192748552179</c:v>
                </c:pt>
                <c:pt idx="4161">
                  <c:v>0.18074192748552179</c:v>
                </c:pt>
                <c:pt idx="4162">
                  <c:v>0.18074192748552179</c:v>
                </c:pt>
                <c:pt idx="4163">
                  <c:v>0.18074192748552179</c:v>
                </c:pt>
                <c:pt idx="4164">
                  <c:v>0.18074192748552179</c:v>
                </c:pt>
                <c:pt idx="4165">
                  <c:v>0.18074192748552179</c:v>
                </c:pt>
                <c:pt idx="4166">
                  <c:v>0.18074192748552179</c:v>
                </c:pt>
                <c:pt idx="4167">
                  <c:v>0.16341050978143065</c:v>
                </c:pt>
                <c:pt idx="4168">
                  <c:v>0.14855500889220968</c:v>
                </c:pt>
                <c:pt idx="4169">
                  <c:v>0.13369950800298872</c:v>
                </c:pt>
                <c:pt idx="4170">
                  <c:v>0.12874767437324838</c:v>
                </c:pt>
                <c:pt idx="4171">
                  <c:v>0.10398850622454676</c:v>
                </c:pt>
                <c:pt idx="4172">
                  <c:v>7.6753421260974994E-2</c:v>
                </c:pt>
                <c:pt idx="4173">
                  <c:v>7.6753421260974994E-2</c:v>
                </c:pt>
                <c:pt idx="4174">
                  <c:v>7.6753421260974994E-2</c:v>
                </c:pt>
                <c:pt idx="4175">
                  <c:v>7.6753421260974994E-2</c:v>
                </c:pt>
                <c:pt idx="4176">
                  <c:v>7.0702421955006811E-2</c:v>
                </c:pt>
                <c:pt idx="4177">
                  <c:v>8.2106038399362744E-2</c:v>
                </c:pt>
                <c:pt idx="4178">
                  <c:v>8.2106038399362744E-2</c:v>
                </c:pt>
                <c:pt idx="4179">
                  <c:v>8.2106038399362744E-2</c:v>
                </c:pt>
                <c:pt idx="4180">
                  <c:v>8.2106038399362744E-2</c:v>
                </c:pt>
                <c:pt idx="4181">
                  <c:v>0.10263254799920343</c:v>
                </c:pt>
                <c:pt idx="4182">
                  <c:v>0.12087833431017293</c:v>
                </c:pt>
                <c:pt idx="4183">
                  <c:v>0.14368556719888478</c:v>
                </c:pt>
                <c:pt idx="4184">
                  <c:v>0.14368556719888478</c:v>
                </c:pt>
                <c:pt idx="4185">
                  <c:v>0.14368556719888478</c:v>
                </c:pt>
                <c:pt idx="4186">
                  <c:v>0.14368556719888478</c:v>
                </c:pt>
                <c:pt idx="4187">
                  <c:v>0.14368556719888478</c:v>
                </c:pt>
                <c:pt idx="4188">
                  <c:v>0.14368556719888478</c:v>
                </c:pt>
                <c:pt idx="4189">
                  <c:v>0.14368556719888478</c:v>
                </c:pt>
                <c:pt idx="4190">
                  <c:v>0.14368556719888478</c:v>
                </c:pt>
                <c:pt idx="4191">
                  <c:v>0.12772050417678651</c:v>
                </c:pt>
                <c:pt idx="4192">
                  <c:v>0.1254397808879153</c:v>
                </c:pt>
                <c:pt idx="4193">
                  <c:v>0.1071939945769458</c:v>
                </c:pt>
                <c:pt idx="4194">
                  <c:v>0.10035182471033226</c:v>
                </c:pt>
                <c:pt idx="4195">
                  <c:v>8.4386761688233933E-2</c:v>
                </c:pt>
                <c:pt idx="4196">
                  <c:v>7.0702421955006811E-2</c:v>
                </c:pt>
                <c:pt idx="4197">
                  <c:v>6.1579528799522068E-2</c:v>
                </c:pt>
                <c:pt idx="4198">
                  <c:v>6.1579528799522068E-2</c:v>
                </c:pt>
                <c:pt idx="4199">
                  <c:v>6.1579528799522068E-2</c:v>
                </c:pt>
                <c:pt idx="4200">
                  <c:v>6.8328848979427204E-2</c:v>
                </c:pt>
                <c:pt idx="4201">
                  <c:v>6.8328848979427204E-2</c:v>
                </c:pt>
                <c:pt idx="4202">
                  <c:v>6.8328848979427204E-2</c:v>
                </c:pt>
                <c:pt idx="4203">
                  <c:v>6.8328848979427204E-2</c:v>
                </c:pt>
                <c:pt idx="4204">
                  <c:v>6.8328848979427204E-2</c:v>
                </c:pt>
                <c:pt idx="4205">
                  <c:v>0.29609167891085125</c:v>
                </c:pt>
                <c:pt idx="4206">
                  <c:v>0.33595017414885042</c:v>
                </c:pt>
                <c:pt idx="4207">
                  <c:v>0.33595017414885042</c:v>
                </c:pt>
                <c:pt idx="4208">
                  <c:v>0.33595017414885042</c:v>
                </c:pt>
                <c:pt idx="4209">
                  <c:v>0.35872645714199286</c:v>
                </c:pt>
                <c:pt idx="4210">
                  <c:v>0.35872645714199286</c:v>
                </c:pt>
                <c:pt idx="4211">
                  <c:v>0.4555256598628481</c:v>
                </c:pt>
                <c:pt idx="4212">
                  <c:v>0.4555256598628481</c:v>
                </c:pt>
                <c:pt idx="4213">
                  <c:v>0.30178574965913685</c:v>
                </c:pt>
                <c:pt idx="4214">
                  <c:v>0.4555256598628481</c:v>
                </c:pt>
                <c:pt idx="4215">
                  <c:v>0.4555256598628481</c:v>
                </c:pt>
                <c:pt idx="4216">
                  <c:v>0.4555256598628481</c:v>
                </c:pt>
                <c:pt idx="4217">
                  <c:v>0.4555256598628481</c:v>
                </c:pt>
                <c:pt idx="4218">
                  <c:v>0.4555256598628481</c:v>
                </c:pt>
                <c:pt idx="4219">
                  <c:v>0.38150274013513524</c:v>
                </c:pt>
                <c:pt idx="4220">
                  <c:v>0.31317389115570798</c:v>
                </c:pt>
                <c:pt idx="4221">
                  <c:v>0.22776282993142405</c:v>
                </c:pt>
                <c:pt idx="4222">
                  <c:v>0.21637468843485283</c:v>
                </c:pt>
                <c:pt idx="4223">
                  <c:v>0.21637468843485283</c:v>
                </c:pt>
                <c:pt idx="4224">
                  <c:v>0.19274931221022684</c:v>
                </c:pt>
                <c:pt idx="4225">
                  <c:v>0.19274931221022684</c:v>
                </c:pt>
                <c:pt idx="4226">
                  <c:v>0.19274931221022684</c:v>
                </c:pt>
                <c:pt idx="4227">
                  <c:v>0.19274931221022684</c:v>
                </c:pt>
                <c:pt idx="4228">
                  <c:v>0.19274931221022684</c:v>
                </c:pt>
                <c:pt idx="4229">
                  <c:v>0.25057410587329482</c:v>
                </c:pt>
                <c:pt idx="4230">
                  <c:v>0.27948650270482883</c:v>
                </c:pt>
                <c:pt idx="4231">
                  <c:v>0.28912396831534026</c:v>
                </c:pt>
                <c:pt idx="4232">
                  <c:v>0.28912396831534026</c:v>
                </c:pt>
                <c:pt idx="4233">
                  <c:v>0.31321763234161859</c:v>
                </c:pt>
                <c:pt idx="4234">
                  <c:v>0.3276738307573856</c:v>
                </c:pt>
                <c:pt idx="4235">
                  <c:v>0.38549862442045368</c:v>
                </c:pt>
                <c:pt idx="4236">
                  <c:v>0.38549862442045368</c:v>
                </c:pt>
                <c:pt idx="4237">
                  <c:v>0.38549862442045368</c:v>
                </c:pt>
                <c:pt idx="4238">
                  <c:v>0.38549862442045368</c:v>
                </c:pt>
                <c:pt idx="4239">
                  <c:v>0.38549862442045368</c:v>
                </c:pt>
                <c:pt idx="4240">
                  <c:v>0.38549862442045368</c:v>
                </c:pt>
                <c:pt idx="4241">
                  <c:v>0.38549862442045368</c:v>
                </c:pt>
                <c:pt idx="4242">
                  <c:v>0.38549862442045368</c:v>
                </c:pt>
                <c:pt idx="4243">
                  <c:v>0.32285509795212991</c:v>
                </c:pt>
                <c:pt idx="4244">
                  <c:v>0.26503030428906188</c:v>
                </c:pt>
                <c:pt idx="4245">
                  <c:v>0.19274931221022684</c:v>
                </c:pt>
                <c:pt idx="4246">
                  <c:v>0.19274931221022684</c:v>
                </c:pt>
                <c:pt idx="4247">
                  <c:v>0.19274931221022684</c:v>
                </c:pt>
                <c:pt idx="4248">
                  <c:v>0.18058496317015751</c:v>
                </c:pt>
                <c:pt idx="4249">
                  <c:v>0.2031580835664272</c:v>
                </c:pt>
                <c:pt idx="4250">
                  <c:v>0.2031580835664272</c:v>
                </c:pt>
                <c:pt idx="4251">
                  <c:v>0.2031580835664272</c:v>
                </c:pt>
                <c:pt idx="4252">
                  <c:v>0.2031580835664272</c:v>
                </c:pt>
                <c:pt idx="4253">
                  <c:v>0.26184819659672837</c:v>
                </c:pt>
                <c:pt idx="4254">
                  <c:v>0.30247981331001383</c:v>
                </c:pt>
                <c:pt idx="4255">
                  <c:v>0.30247981331001383</c:v>
                </c:pt>
                <c:pt idx="4256">
                  <c:v>0.30247981331001383</c:v>
                </c:pt>
                <c:pt idx="4257">
                  <c:v>0.32505293370628352</c:v>
                </c:pt>
                <c:pt idx="4258">
                  <c:v>0.35214067818180717</c:v>
                </c:pt>
                <c:pt idx="4259">
                  <c:v>0.4063161671328544</c:v>
                </c:pt>
                <c:pt idx="4260">
                  <c:v>0.4063161671328544</c:v>
                </c:pt>
                <c:pt idx="4261">
                  <c:v>0.4063161671328544</c:v>
                </c:pt>
                <c:pt idx="4262">
                  <c:v>0.4063161671328544</c:v>
                </c:pt>
                <c:pt idx="4263">
                  <c:v>0.4063161671328544</c:v>
                </c:pt>
                <c:pt idx="4264">
                  <c:v>0.4063161671328544</c:v>
                </c:pt>
                <c:pt idx="4265">
                  <c:v>0.4063161671328544</c:v>
                </c:pt>
                <c:pt idx="4266">
                  <c:v>0.4063161671328544</c:v>
                </c:pt>
                <c:pt idx="4267">
                  <c:v>0.33859680594404529</c:v>
                </c:pt>
                <c:pt idx="4268">
                  <c:v>0.27087744475523629</c:v>
                </c:pt>
                <c:pt idx="4269">
                  <c:v>0.2031580835664272</c:v>
                </c:pt>
                <c:pt idx="4270">
                  <c:v>0.2031580835664272</c:v>
                </c:pt>
                <c:pt idx="4271">
                  <c:v>0.2031580835664272</c:v>
                </c:pt>
                <c:pt idx="4272">
                  <c:v>0.20129512374039077</c:v>
                </c:pt>
                <c:pt idx="4273">
                  <c:v>0.20129512374039077</c:v>
                </c:pt>
                <c:pt idx="4274">
                  <c:v>0.20129512374039077</c:v>
                </c:pt>
                <c:pt idx="4275">
                  <c:v>0.20129512374039077</c:v>
                </c:pt>
                <c:pt idx="4276">
                  <c:v>0.20129512374039077</c:v>
                </c:pt>
                <c:pt idx="4277">
                  <c:v>0.25944704837650368</c:v>
                </c:pt>
                <c:pt idx="4278">
                  <c:v>0.29970607312458186</c:v>
                </c:pt>
                <c:pt idx="4279">
                  <c:v>0.29970607312458186</c:v>
                </c:pt>
                <c:pt idx="4280">
                  <c:v>0.29970607312458186</c:v>
                </c:pt>
                <c:pt idx="4281">
                  <c:v>0.32207219798462533</c:v>
                </c:pt>
                <c:pt idx="4282">
                  <c:v>0.34891154781667738</c:v>
                </c:pt>
                <c:pt idx="4283">
                  <c:v>0.40259024748078154</c:v>
                </c:pt>
                <c:pt idx="4284">
                  <c:v>0.40259024748078154</c:v>
                </c:pt>
                <c:pt idx="4285">
                  <c:v>0.40259024748078154</c:v>
                </c:pt>
                <c:pt idx="4286">
                  <c:v>0.40259024748078154</c:v>
                </c:pt>
                <c:pt idx="4287">
                  <c:v>0.40259024748078154</c:v>
                </c:pt>
                <c:pt idx="4288">
                  <c:v>0.40259024748078154</c:v>
                </c:pt>
                <c:pt idx="4289">
                  <c:v>0.40259024748078154</c:v>
                </c:pt>
                <c:pt idx="4290">
                  <c:v>0.40259024748078154</c:v>
                </c:pt>
                <c:pt idx="4291">
                  <c:v>0.3354918729006513</c:v>
                </c:pt>
                <c:pt idx="4292">
                  <c:v>0.26839349832052106</c:v>
                </c:pt>
                <c:pt idx="4293">
                  <c:v>0.20129512374039077</c:v>
                </c:pt>
                <c:pt idx="4294">
                  <c:v>0.20129512374039077</c:v>
                </c:pt>
                <c:pt idx="4295">
                  <c:v>0.20129512374039077</c:v>
                </c:pt>
                <c:pt idx="4296">
                  <c:v>0.22890332641754124</c:v>
                </c:pt>
                <c:pt idx="4297">
                  <c:v>0.22890332641754124</c:v>
                </c:pt>
                <c:pt idx="4298">
                  <c:v>0.22890332641754124</c:v>
                </c:pt>
                <c:pt idx="4299">
                  <c:v>0.22890332641754124</c:v>
                </c:pt>
                <c:pt idx="4300">
                  <c:v>0.22890332641754124</c:v>
                </c:pt>
                <c:pt idx="4301">
                  <c:v>0.29503095404927543</c:v>
                </c:pt>
                <c:pt idx="4302">
                  <c:v>0.35607184109395312</c:v>
                </c:pt>
                <c:pt idx="4303">
                  <c:v>0.35607184109395312</c:v>
                </c:pt>
                <c:pt idx="4304">
                  <c:v>0.35607184109395312</c:v>
                </c:pt>
                <c:pt idx="4305">
                  <c:v>0.38150554402923542</c:v>
                </c:pt>
                <c:pt idx="4306">
                  <c:v>0.39676576579040485</c:v>
                </c:pt>
                <c:pt idx="4307">
                  <c:v>0.45780665283508248</c:v>
                </c:pt>
                <c:pt idx="4308">
                  <c:v>0.45780665283508248</c:v>
                </c:pt>
                <c:pt idx="4309">
                  <c:v>0.45780665283508248</c:v>
                </c:pt>
                <c:pt idx="4310">
                  <c:v>0.45780665283508248</c:v>
                </c:pt>
                <c:pt idx="4311">
                  <c:v>0.38150554402923542</c:v>
                </c:pt>
                <c:pt idx="4312">
                  <c:v>0.36115858168100962</c:v>
                </c:pt>
                <c:pt idx="4313">
                  <c:v>0.36115858168100962</c:v>
                </c:pt>
                <c:pt idx="4314">
                  <c:v>0.36115858168100962</c:v>
                </c:pt>
                <c:pt idx="4315">
                  <c:v>0.36115858168100962</c:v>
                </c:pt>
                <c:pt idx="4316">
                  <c:v>0.27977073228810601</c:v>
                </c:pt>
                <c:pt idx="4317">
                  <c:v>0.10682155232818592</c:v>
                </c:pt>
                <c:pt idx="4318">
                  <c:v>0.10682155232818592</c:v>
                </c:pt>
                <c:pt idx="4319">
                  <c:v>0.10682155232818592</c:v>
                </c:pt>
                <c:pt idx="4320">
                  <c:v>4.9965804581437442E-2</c:v>
                </c:pt>
                <c:pt idx="4321">
                  <c:v>9.7552285135187405E-2</c:v>
                </c:pt>
                <c:pt idx="4322">
                  <c:v>9.7552285135187405E-2</c:v>
                </c:pt>
                <c:pt idx="4323">
                  <c:v>9.7552285135187405E-2</c:v>
                </c:pt>
                <c:pt idx="4324">
                  <c:v>9.7552285135187405E-2</c:v>
                </c:pt>
                <c:pt idx="4325">
                  <c:v>0.12134552541206237</c:v>
                </c:pt>
                <c:pt idx="4326">
                  <c:v>0.15227673777199982</c:v>
                </c:pt>
                <c:pt idx="4327">
                  <c:v>0.1736906540211873</c:v>
                </c:pt>
                <c:pt idx="4328">
                  <c:v>0.1736906540211873</c:v>
                </c:pt>
                <c:pt idx="4329">
                  <c:v>0.1736906540211873</c:v>
                </c:pt>
                <c:pt idx="4330">
                  <c:v>0.1736906540211873</c:v>
                </c:pt>
                <c:pt idx="4331">
                  <c:v>0.1736906540211873</c:v>
                </c:pt>
                <c:pt idx="4332">
                  <c:v>0.1736906540211873</c:v>
                </c:pt>
                <c:pt idx="4333">
                  <c:v>0.1736906540211873</c:v>
                </c:pt>
                <c:pt idx="4334">
                  <c:v>0.1736906540211873</c:v>
                </c:pt>
                <c:pt idx="4335">
                  <c:v>0.15703538582737481</c:v>
                </c:pt>
                <c:pt idx="4336">
                  <c:v>0.14275944166124985</c:v>
                </c:pt>
                <c:pt idx="4337">
                  <c:v>0.12848349749512486</c:v>
                </c:pt>
                <c:pt idx="4338">
                  <c:v>0.12372484943974985</c:v>
                </c:pt>
                <c:pt idx="4339">
                  <c:v>9.9931609162874885E-2</c:v>
                </c:pt>
                <c:pt idx="4340">
                  <c:v>7.3759044858312417E-2</c:v>
                </c:pt>
                <c:pt idx="4341">
                  <c:v>7.3759044858312417E-2</c:v>
                </c:pt>
                <c:pt idx="4342">
                  <c:v>7.3759044858312417E-2</c:v>
                </c:pt>
                <c:pt idx="4343">
                  <c:v>7.3759044858312417E-2</c:v>
                </c:pt>
                <c:pt idx="4344">
                  <c:v>8.1884309316824E-2</c:v>
                </c:pt>
                <c:pt idx="4345">
                  <c:v>9.5091455980827869E-2</c:v>
                </c:pt>
                <c:pt idx="4346">
                  <c:v>9.5091455980827869E-2</c:v>
                </c:pt>
                <c:pt idx="4347">
                  <c:v>9.5091455980827869E-2</c:v>
                </c:pt>
                <c:pt idx="4348">
                  <c:v>9.5091455980827869E-2</c:v>
                </c:pt>
                <c:pt idx="4349">
                  <c:v>0.11886431997603482</c:v>
                </c:pt>
                <c:pt idx="4350">
                  <c:v>0.13999575463844102</c:v>
                </c:pt>
                <c:pt idx="4351">
                  <c:v>0.16641004796644876</c:v>
                </c:pt>
                <c:pt idx="4352">
                  <c:v>0.16641004796644876</c:v>
                </c:pt>
                <c:pt idx="4353">
                  <c:v>0.16641004796644876</c:v>
                </c:pt>
                <c:pt idx="4354">
                  <c:v>0.16641004796644876</c:v>
                </c:pt>
                <c:pt idx="4355">
                  <c:v>0.16641004796644876</c:v>
                </c:pt>
                <c:pt idx="4356">
                  <c:v>0.16641004796644876</c:v>
                </c:pt>
                <c:pt idx="4357">
                  <c:v>0.16641004796644876</c:v>
                </c:pt>
                <c:pt idx="4358">
                  <c:v>0.16641004796644876</c:v>
                </c:pt>
                <c:pt idx="4359">
                  <c:v>0.14792004263684336</c:v>
                </c:pt>
                <c:pt idx="4360">
                  <c:v>0.14527861330404257</c:v>
                </c:pt>
                <c:pt idx="4361">
                  <c:v>0.12414717864163638</c:v>
                </c:pt>
                <c:pt idx="4362">
                  <c:v>0.11622289064323406</c:v>
                </c:pt>
                <c:pt idx="4363">
                  <c:v>9.7732885313628642E-2</c:v>
                </c:pt>
                <c:pt idx="4364">
                  <c:v>8.1884309316824E-2</c:v>
                </c:pt>
                <c:pt idx="4365">
                  <c:v>7.1318591985620905E-2</c:v>
                </c:pt>
                <c:pt idx="4366">
                  <c:v>7.1318591985620905E-2</c:v>
                </c:pt>
                <c:pt idx="4367">
                  <c:v>7.1318591985620905E-2</c:v>
                </c:pt>
                <c:pt idx="4368">
                  <c:v>6.9651687538965806E-2</c:v>
                </c:pt>
                <c:pt idx="4369">
                  <c:v>6.9651687538965806E-2</c:v>
                </c:pt>
                <c:pt idx="4370">
                  <c:v>6.9651687538965806E-2</c:v>
                </c:pt>
                <c:pt idx="4371">
                  <c:v>6.9651687538965806E-2</c:v>
                </c:pt>
                <c:pt idx="4372">
                  <c:v>6.9651687538965806E-2</c:v>
                </c:pt>
                <c:pt idx="4373">
                  <c:v>0.30182397933551847</c:v>
                </c:pt>
                <c:pt idx="4374">
                  <c:v>0.34245413039991529</c:v>
                </c:pt>
                <c:pt idx="4375">
                  <c:v>0.34245413039991529</c:v>
                </c:pt>
                <c:pt idx="4376">
                  <c:v>0.34245413039991529</c:v>
                </c:pt>
                <c:pt idx="4377">
                  <c:v>0.36567135957957053</c:v>
                </c:pt>
                <c:pt idx="4378">
                  <c:v>0.36567135957957053</c:v>
                </c:pt>
                <c:pt idx="4379">
                  <c:v>0.46434458359310549</c:v>
                </c:pt>
                <c:pt idx="4380">
                  <c:v>0.46434458359310549</c:v>
                </c:pt>
                <c:pt idx="4381">
                  <c:v>0.30762828663043223</c:v>
                </c:pt>
                <c:pt idx="4382">
                  <c:v>0.46434458359310549</c:v>
                </c:pt>
                <c:pt idx="4383">
                  <c:v>0.46434458359310549</c:v>
                </c:pt>
                <c:pt idx="4384">
                  <c:v>0.46434458359310549</c:v>
                </c:pt>
                <c:pt idx="4385">
                  <c:v>0.46434458359310549</c:v>
                </c:pt>
                <c:pt idx="4386">
                  <c:v>0.46434458359310549</c:v>
                </c:pt>
                <c:pt idx="4387">
                  <c:v>0.38888858875922577</c:v>
                </c:pt>
                <c:pt idx="4388">
                  <c:v>0.31923690122025994</c:v>
                </c:pt>
                <c:pt idx="4389">
                  <c:v>0.23217229179655274</c:v>
                </c:pt>
                <c:pt idx="4390">
                  <c:v>0.22056367720672507</c:v>
                </c:pt>
                <c:pt idx="4391">
                  <c:v>0.22056367720672507</c:v>
                </c:pt>
                <c:pt idx="4392">
                  <c:v>0.20789320465819303</c:v>
                </c:pt>
                <c:pt idx="4393">
                  <c:v>0.20789320465819303</c:v>
                </c:pt>
                <c:pt idx="4394">
                  <c:v>0.20789320465819303</c:v>
                </c:pt>
                <c:pt idx="4395">
                  <c:v>0.20789320465819303</c:v>
                </c:pt>
                <c:pt idx="4396">
                  <c:v>0.20789320465819303</c:v>
                </c:pt>
                <c:pt idx="4397">
                  <c:v>0.27026116605565098</c:v>
                </c:pt>
                <c:pt idx="4398">
                  <c:v>0.30144514675437983</c:v>
                </c:pt>
                <c:pt idx="4399">
                  <c:v>0.31183980698728958</c:v>
                </c:pt>
                <c:pt idx="4400">
                  <c:v>0.31183980698728958</c:v>
                </c:pt>
                <c:pt idx="4401">
                  <c:v>0.3378264575695637</c:v>
                </c:pt>
                <c:pt idx="4402">
                  <c:v>0.35341844791892818</c:v>
                </c:pt>
                <c:pt idx="4403">
                  <c:v>0.41578640931638605</c:v>
                </c:pt>
                <c:pt idx="4404">
                  <c:v>0.41578640931638605</c:v>
                </c:pt>
                <c:pt idx="4405">
                  <c:v>0.41578640931638605</c:v>
                </c:pt>
                <c:pt idx="4406">
                  <c:v>0.41578640931638605</c:v>
                </c:pt>
                <c:pt idx="4407">
                  <c:v>0.41578640931638605</c:v>
                </c:pt>
                <c:pt idx="4408">
                  <c:v>0.41578640931638605</c:v>
                </c:pt>
                <c:pt idx="4409">
                  <c:v>0.41578640931638605</c:v>
                </c:pt>
                <c:pt idx="4410">
                  <c:v>0.41578640931638605</c:v>
                </c:pt>
                <c:pt idx="4411">
                  <c:v>0.34822111780247333</c:v>
                </c:pt>
                <c:pt idx="4412">
                  <c:v>0.28585315640501541</c:v>
                </c:pt>
                <c:pt idx="4413">
                  <c:v>0.20789320465819303</c:v>
                </c:pt>
                <c:pt idx="4414">
                  <c:v>0.20789320465819303</c:v>
                </c:pt>
                <c:pt idx="4415">
                  <c:v>0.20789320465819303</c:v>
                </c:pt>
                <c:pt idx="4416">
                  <c:v>0.18830857548368837</c:v>
                </c:pt>
                <c:pt idx="4417">
                  <c:v>0.21184714741914937</c:v>
                </c:pt>
                <c:pt idx="4418">
                  <c:v>0.21184714741914937</c:v>
                </c:pt>
                <c:pt idx="4419">
                  <c:v>0.21184714741914937</c:v>
                </c:pt>
                <c:pt idx="4420">
                  <c:v>0.21184714741914937</c:v>
                </c:pt>
                <c:pt idx="4421">
                  <c:v>0.27304743445134805</c:v>
                </c:pt>
                <c:pt idx="4422">
                  <c:v>0.31541686393517798</c:v>
                </c:pt>
                <c:pt idx="4423">
                  <c:v>0.31541686393517798</c:v>
                </c:pt>
                <c:pt idx="4424">
                  <c:v>0.31541686393517798</c:v>
                </c:pt>
                <c:pt idx="4425">
                  <c:v>0.33895543587063903</c:v>
                </c:pt>
                <c:pt idx="4426">
                  <c:v>0.3672017221931923</c:v>
                </c:pt>
                <c:pt idx="4427">
                  <c:v>0.42369429483829874</c:v>
                </c:pt>
                <c:pt idx="4428">
                  <c:v>0.42369429483829874</c:v>
                </c:pt>
                <c:pt idx="4429">
                  <c:v>0.42369429483829874</c:v>
                </c:pt>
                <c:pt idx="4430">
                  <c:v>0.42369429483829874</c:v>
                </c:pt>
                <c:pt idx="4431">
                  <c:v>0.42369429483829874</c:v>
                </c:pt>
                <c:pt idx="4432">
                  <c:v>0.42369429483829874</c:v>
                </c:pt>
                <c:pt idx="4433">
                  <c:v>0.42369429483829874</c:v>
                </c:pt>
                <c:pt idx="4434">
                  <c:v>0.42369429483829874</c:v>
                </c:pt>
                <c:pt idx="4435">
                  <c:v>0.3530785790319157</c:v>
                </c:pt>
                <c:pt idx="4436">
                  <c:v>0.28246286322553255</c:v>
                </c:pt>
                <c:pt idx="4437">
                  <c:v>0.21184714741914937</c:v>
                </c:pt>
                <c:pt idx="4438">
                  <c:v>0.21184714741914937</c:v>
                </c:pt>
                <c:pt idx="4439">
                  <c:v>0.21184714741914937</c:v>
                </c:pt>
                <c:pt idx="4440">
                  <c:v>0.20624501620258548</c:v>
                </c:pt>
                <c:pt idx="4441">
                  <c:v>0.20624501620258548</c:v>
                </c:pt>
                <c:pt idx="4442">
                  <c:v>0.20624501620258548</c:v>
                </c:pt>
                <c:pt idx="4443">
                  <c:v>0.20624501620258548</c:v>
                </c:pt>
                <c:pt idx="4444">
                  <c:v>0.20624501620258548</c:v>
                </c:pt>
                <c:pt idx="4445">
                  <c:v>0.26582690977222123</c:v>
                </c:pt>
                <c:pt idx="4446">
                  <c:v>0.30707591301273834</c:v>
                </c:pt>
                <c:pt idx="4447">
                  <c:v>0.30707591301273834</c:v>
                </c:pt>
                <c:pt idx="4448">
                  <c:v>0.30707591301273834</c:v>
                </c:pt>
                <c:pt idx="4449">
                  <c:v>0.32999202592413673</c:v>
                </c:pt>
                <c:pt idx="4450">
                  <c:v>0.35749136141781479</c:v>
                </c:pt>
                <c:pt idx="4451">
                  <c:v>0.41249003240517096</c:v>
                </c:pt>
                <c:pt idx="4452">
                  <c:v>0.41249003240517096</c:v>
                </c:pt>
                <c:pt idx="4453">
                  <c:v>0.41249003240517096</c:v>
                </c:pt>
                <c:pt idx="4454">
                  <c:v>0.41249003240517096</c:v>
                </c:pt>
                <c:pt idx="4455">
                  <c:v>0.41249003240517096</c:v>
                </c:pt>
                <c:pt idx="4456">
                  <c:v>0.41249003240517096</c:v>
                </c:pt>
                <c:pt idx="4457">
                  <c:v>0.41249003240517096</c:v>
                </c:pt>
                <c:pt idx="4458">
                  <c:v>0.41249003240517096</c:v>
                </c:pt>
                <c:pt idx="4459">
                  <c:v>0.34374169367097579</c:v>
                </c:pt>
                <c:pt idx="4460">
                  <c:v>0.27499335493678062</c:v>
                </c:pt>
                <c:pt idx="4461">
                  <c:v>0.20624501620258548</c:v>
                </c:pt>
                <c:pt idx="4462">
                  <c:v>0.20624501620258548</c:v>
                </c:pt>
                <c:pt idx="4463">
                  <c:v>0.20624501620258548</c:v>
                </c:pt>
                <c:pt idx="4464">
                  <c:v>0.22483793935149057</c:v>
                </c:pt>
                <c:pt idx="4465">
                  <c:v>0.22483793935149057</c:v>
                </c:pt>
                <c:pt idx="4466">
                  <c:v>0.22483793935149057</c:v>
                </c:pt>
                <c:pt idx="4467">
                  <c:v>0.22483793935149057</c:v>
                </c:pt>
                <c:pt idx="4468">
                  <c:v>0.22483793935149057</c:v>
                </c:pt>
                <c:pt idx="4469">
                  <c:v>0.28979112183081007</c:v>
                </c:pt>
                <c:pt idx="4470">
                  <c:v>0.34974790565787434</c:v>
                </c:pt>
                <c:pt idx="4471">
                  <c:v>0.34974790565787434</c:v>
                </c:pt>
                <c:pt idx="4472">
                  <c:v>0.34974790565787434</c:v>
                </c:pt>
                <c:pt idx="4473">
                  <c:v>0.37472989891915104</c:v>
                </c:pt>
                <c:pt idx="4474">
                  <c:v>0.3897190948759171</c:v>
                </c:pt>
                <c:pt idx="4475">
                  <c:v>0.44967587870298115</c:v>
                </c:pt>
                <c:pt idx="4476">
                  <c:v>0.44967587870298115</c:v>
                </c:pt>
                <c:pt idx="4477">
                  <c:v>0.44967587870298115</c:v>
                </c:pt>
                <c:pt idx="4478">
                  <c:v>0.44967587870298115</c:v>
                </c:pt>
                <c:pt idx="4479">
                  <c:v>0.37472989891915104</c:v>
                </c:pt>
                <c:pt idx="4480">
                  <c:v>0.35474430431012965</c:v>
                </c:pt>
                <c:pt idx="4481">
                  <c:v>0.35474430431012965</c:v>
                </c:pt>
                <c:pt idx="4482">
                  <c:v>0.35474430431012965</c:v>
                </c:pt>
                <c:pt idx="4483">
                  <c:v>0.35474430431012965</c:v>
                </c:pt>
                <c:pt idx="4484">
                  <c:v>0.27480192587404406</c:v>
                </c:pt>
                <c:pt idx="4485">
                  <c:v>0.10492437169736228</c:v>
                </c:pt>
                <c:pt idx="4486">
                  <c:v>0.10492437169736228</c:v>
                </c:pt>
                <c:pt idx="4487">
                  <c:v>0.10492437169736228</c:v>
                </c:pt>
                <c:pt idx="4488">
                  <c:v>4.0679252066847714E-2</c:v>
                </c:pt>
                <c:pt idx="4489">
                  <c:v>7.9421396892416965E-2</c:v>
                </c:pt>
                <c:pt idx="4490">
                  <c:v>7.9421396892416965E-2</c:v>
                </c:pt>
                <c:pt idx="4491">
                  <c:v>7.9421396892416965E-2</c:v>
                </c:pt>
                <c:pt idx="4492">
                  <c:v>7.9421396892416965E-2</c:v>
                </c:pt>
                <c:pt idx="4493">
                  <c:v>9.8792469305201594E-2</c:v>
                </c:pt>
                <c:pt idx="4494">
                  <c:v>0.1239748634418216</c:v>
                </c:pt>
                <c:pt idx="4495">
                  <c:v>0.14140882861332774</c:v>
                </c:pt>
                <c:pt idx="4496">
                  <c:v>0.14140882861332774</c:v>
                </c:pt>
                <c:pt idx="4497">
                  <c:v>0.14140882861332774</c:v>
                </c:pt>
                <c:pt idx="4498">
                  <c:v>0.14140882861332774</c:v>
                </c:pt>
                <c:pt idx="4499">
                  <c:v>0.14140882861332774</c:v>
                </c:pt>
                <c:pt idx="4500">
                  <c:v>0.14140882861332774</c:v>
                </c:pt>
                <c:pt idx="4501">
                  <c:v>0.14140882861332774</c:v>
                </c:pt>
                <c:pt idx="4502">
                  <c:v>0.14140882861332774</c:v>
                </c:pt>
                <c:pt idx="4503">
                  <c:v>0.12784907792437852</c:v>
                </c:pt>
                <c:pt idx="4504">
                  <c:v>0.11622643447670773</c:v>
                </c:pt>
                <c:pt idx="4505">
                  <c:v>0.104603791029037</c:v>
                </c:pt>
                <c:pt idx="4506">
                  <c:v>0.10072957654648004</c:v>
                </c:pt>
                <c:pt idx="4507">
                  <c:v>8.1358504133695428E-2</c:v>
                </c:pt>
                <c:pt idx="4508">
                  <c:v>6.0050324479632336E-2</c:v>
                </c:pt>
                <c:pt idx="4509">
                  <c:v>6.0050324479632336E-2</c:v>
                </c:pt>
                <c:pt idx="4510">
                  <c:v>6.0050324479632336E-2</c:v>
                </c:pt>
                <c:pt idx="4511">
                  <c:v>6.0050324479632336E-2</c:v>
                </c:pt>
                <c:pt idx="4512">
                  <c:v>6.7973974449704253E-2</c:v>
                </c:pt>
                <c:pt idx="4513">
                  <c:v>7.8937518715785582E-2</c:v>
                </c:pt>
                <c:pt idx="4514">
                  <c:v>7.8937518715785582E-2</c:v>
                </c:pt>
                <c:pt idx="4515">
                  <c:v>7.8937518715785582E-2</c:v>
                </c:pt>
                <c:pt idx="4516">
                  <c:v>7.8937518715785582E-2</c:v>
                </c:pt>
                <c:pt idx="4517">
                  <c:v>9.8671898394731963E-2</c:v>
                </c:pt>
                <c:pt idx="4518">
                  <c:v>0.11621356922046211</c:v>
                </c:pt>
                <c:pt idx="4519">
                  <c:v>0.13814065775262474</c:v>
                </c:pt>
                <c:pt idx="4520">
                  <c:v>0.13814065775262474</c:v>
                </c:pt>
                <c:pt idx="4521">
                  <c:v>0.13814065775262474</c:v>
                </c:pt>
                <c:pt idx="4522">
                  <c:v>0.13814065775262474</c:v>
                </c:pt>
                <c:pt idx="4523">
                  <c:v>0.13814065775262474</c:v>
                </c:pt>
                <c:pt idx="4524">
                  <c:v>0.13814065775262474</c:v>
                </c:pt>
                <c:pt idx="4525">
                  <c:v>0.13814065775262474</c:v>
                </c:pt>
                <c:pt idx="4526">
                  <c:v>0.13814065775262474</c:v>
                </c:pt>
                <c:pt idx="4527">
                  <c:v>0.1227916957801109</c:v>
                </c:pt>
                <c:pt idx="4528">
                  <c:v>0.12059898692689464</c:v>
                </c:pt>
                <c:pt idx="4529">
                  <c:v>0.10305731610116452</c:v>
                </c:pt>
                <c:pt idx="4530">
                  <c:v>9.6479189541515728E-2</c:v>
                </c:pt>
                <c:pt idx="4531">
                  <c:v>8.1130227569001859E-2</c:v>
                </c:pt>
                <c:pt idx="4532">
                  <c:v>6.7973974449704253E-2</c:v>
                </c:pt>
                <c:pt idx="4533">
                  <c:v>5.9203139036839193E-2</c:v>
                </c:pt>
                <c:pt idx="4534">
                  <c:v>5.9203139036839193E-2</c:v>
                </c:pt>
                <c:pt idx="4535">
                  <c:v>5.9203139036839193E-2</c:v>
                </c:pt>
                <c:pt idx="4536">
                  <c:v>6.848758960657185E-2</c:v>
                </c:pt>
                <c:pt idx="4537">
                  <c:v>6.848758960657185E-2</c:v>
                </c:pt>
                <c:pt idx="4538">
                  <c:v>6.848758960657185E-2</c:v>
                </c:pt>
                <c:pt idx="4539">
                  <c:v>6.848758960657185E-2</c:v>
                </c:pt>
                <c:pt idx="4540">
                  <c:v>6.848758960657185E-2</c:v>
                </c:pt>
                <c:pt idx="4541">
                  <c:v>0.29677955496181135</c:v>
                </c:pt>
                <c:pt idx="4542">
                  <c:v>0.3367306488989783</c:v>
                </c:pt>
                <c:pt idx="4543">
                  <c:v>0.3367306488989783</c:v>
                </c:pt>
                <c:pt idx="4544">
                  <c:v>0.3367306488989783</c:v>
                </c:pt>
                <c:pt idx="4545">
                  <c:v>0.35955984543450231</c:v>
                </c:pt>
                <c:pt idx="4546">
                  <c:v>0.35955984543450231</c:v>
                </c:pt>
                <c:pt idx="4547">
                  <c:v>0.45658393071047904</c:v>
                </c:pt>
                <c:pt idx="4548">
                  <c:v>0.45658393071047904</c:v>
                </c:pt>
                <c:pt idx="4549">
                  <c:v>0.30248685409569231</c:v>
                </c:pt>
                <c:pt idx="4550">
                  <c:v>0.45658393071047904</c:v>
                </c:pt>
                <c:pt idx="4551">
                  <c:v>0.45658393071047904</c:v>
                </c:pt>
                <c:pt idx="4552">
                  <c:v>0.45658393071047904</c:v>
                </c:pt>
                <c:pt idx="4553">
                  <c:v>0.45658393071047904</c:v>
                </c:pt>
                <c:pt idx="4554">
                  <c:v>0.45658393071047904</c:v>
                </c:pt>
                <c:pt idx="4555">
                  <c:v>0.38238904197002621</c:v>
                </c:pt>
                <c:pt idx="4556">
                  <c:v>0.31390145236345435</c:v>
                </c:pt>
                <c:pt idx="4557">
                  <c:v>0.22829196535523952</c:v>
                </c:pt>
                <c:pt idx="4558">
                  <c:v>0.21687736708747754</c:v>
                </c:pt>
                <c:pt idx="4559">
                  <c:v>0.21687736708747754</c:v>
                </c:pt>
                <c:pt idx="4560">
                  <c:v>0.19877596328645833</c:v>
                </c:pt>
                <c:pt idx="4561">
                  <c:v>0.19877596328645833</c:v>
                </c:pt>
                <c:pt idx="4562">
                  <c:v>0.19877596328645833</c:v>
                </c:pt>
                <c:pt idx="4563">
                  <c:v>0.19877596328645833</c:v>
                </c:pt>
                <c:pt idx="4564">
                  <c:v>0.19877596328645833</c:v>
                </c:pt>
                <c:pt idx="4565">
                  <c:v>0.25840875227239579</c:v>
                </c:pt>
                <c:pt idx="4566">
                  <c:v>0.28822514676536454</c:v>
                </c:pt>
                <c:pt idx="4567">
                  <c:v>0.29816394492968745</c:v>
                </c:pt>
                <c:pt idx="4568">
                  <c:v>0.29816394492968745</c:v>
                </c:pt>
                <c:pt idx="4569">
                  <c:v>0.32301094034049471</c:v>
                </c:pt>
                <c:pt idx="4570">
                  <c:v>0.33791913758697906</c:v>
                </c:pt>
                <c:pt idx="4571">
                  <c:v>0.39755192657291666</c:v>
                </c:pt>
                <c:pt idx="4572">
                  <c:v>0.39755192657291666</c:v>
                </c:pt>
                <c:pt idx="4573">
                  <c:v>0.39755192657291666</c:v>
                </c:pt>
                <c:pt idx="4574">
                  <c:v>0.39755192657291666</c:v>
                </c:pt>
                <c:pt idx="4575">
                  <c:v>0.39755192657291666</c:v>
                </c:pt>
                <c:pt idx="4576">
                  <c:v>0.39755192657291666</c:v>
                </c:pt>
                <c:pt idx="4577">
                  <c:v>0.39755192657291666</c:v>
                </c:pt>
                <c:pt idx="4578">
                  <c:v>0.39755192657291666</c:v>
                </c:pt>
                <c:pt idx="4579">
                  <c:v>0.33294973850481763</c:v>
                </c:pt>
                <c:pt idx="4580">
                  <c:v>0.27331694951888014</c:v>
                </c:pt>
                <c:pt idx="4581">
                  <c:v>0.19877596328645833</c:v>
                </c:pt>
                <c:pt idx="4582">
                  <c:v>0.19877596328645833</c:v>
                </c:pt>
                <c:pt idx="4583">
                  <c:v>0.19877596328645833</c:v>
                </c:pt>
                <c:pt idx="4584">
                  <c:v>0.17837821679486301</c:v>
                </c:pt>
                <c:pt idx="4585">
                  <c:v>0.20067549389422087</c:v>
                </c:pt>
                <c:pt idx="4586">
                  <c:v>0.20067549389422087</c:v>
                </c:pt>
                <c:pt idx="4587">
                  <c:v>0.20067549389422087</c:v>
                </c:pt>
                <c:pt idx="4588">
                  <c:v>0.20067549389422087</c:v>
                </c:pt>
                <c:pt idx="4589">
                  <c:v>0.25864841435255131</c:v>
                </c:pt>
                <c:pt idx="4590">
                  <c:v>0.29878351313139556</c:v>
                </c:pt>
                <c:pt idx="4591">
                  <c:v>0.29878351313139556</c:v>
                </c:pt>
                <c:pt idx="4592">
                  <c:v>0.29878351313139556</c:v>
                </c:pt>
                <c:pt idx="4593">
                  <c:v>0.32108079023075342</c:v>
                </c:pt>
                <c:pt idx="4594">
                  <c:v>0.34783752274998286</c:v>
                </c:pt>
                <c:pt idx="4595">
                  <c:v>0.40135098778844175</c:v>
                </c:pt>
                <c:pt idx="4596">
                  <c:v>0.40135098778844175</c:v>
                </c:pt>
                <c:pt idx="4597">
                  <c:v>0.40135098778844175</c:v>
                </c:pt>
                <c:pt idx="4598">
                  <c:v>0.40135098778844175</c:v>
                </c:pt>
                <c:pt idx="4599">
                  <c:v>0.40135098778844175</c:v>
                </c:pt>
                <c:pt idx="4600">
                  <c:v>0.40135098778844175</c:v>
                </c:pt>
                <c:pt idx="4601">
                  <c:v>0.40135098778844175</c:v>
                </c:pt>
                <c:pt idx="4602">
                  <c:v>0.40135098778844175</c:v>
                </c:pt>
                <c:pt idx="4603">
                  <c:v>0.33445915649036817</c:v>
                </c:pt>
                <c:pt idx="4604">
                  <c:v>0.26756732519229448</c:v>
                </c:pt>
                <c:pt idx="4605">
                  <c:v>0.20067549389422087</c:v>
                </c:pt>
                <c:pt idx="4606">
                  <c:v>0.20067549389422087</c:v>
                </c:pt>
                <c:pt idx="4607">
                  <c:v>0.20067549389422087</c:v>
                </c:pt>
                <c:pt idx="4608">
                  <c:v>0.20098575546150363</c:v>
                </c:pt>
                <c:pt idx="4609">
                  <c:v>0.20098575546150363</c:v>
                </c:pt>
                <c:pt idx="4610">
                  <c:v>0.20098575546150363</c:v>
                </c:pt>
                <c:pt idx="4611">
                  <c:v>0.20098575546150363</c:v>
                </c:pt>
                <c:pt idx="4612">
                  <c:v>0.20098575546150363</c:v>
                </c:pt>
                <c:pt idx="4613">
                  <c:v>0.25904830703927129</c:v>
                </c:pt>
                <c:pt idx="4614">
                  <c:v>0.299245458131572</c:v>
                </c:pt>
                <c:pt idx="4615">
                  <c:v>0.299245458131572</c:v>
                </c:pt>
                <c:pt idx="4616">
                  <c:v>0.299245458131572</c:v>
                </c:pt>
                <c:pt idx="4617">
                  <c:v>0.32157720873840573</c:v>
                </c:pt>
                <c:pt idx="4618">
                  <c:v>0.34837530946660622</c:v>
                </c:pt>
                <c:pt idx="4619">
                  <c:v>0.40197151092300726</c:v>
                </c:pt>
                <c:pt idx="4620">
                  <c:v>0.40197151092300726</c:v>
                </c:pt>
                <c:pt idx="4621">
                  <c:v>0.40197151092300726</c:v>
                </c:pt>
                <c:pt idx="4622">
                  <c:v>0.40197151092300726</c:v>
                </c:pt>
                <c:pt idx="4623">
                  <c:v>0.40197151092300726</c:v>
                </c:pt>
                <c:pt idx="4624">
                  <c:v>0.40197151092300726</c:v>
                </c:pt>
                <c:pt idx="4625">
                  <c:v>0.40197151092300726</c:v>
                </c:pt>
                <c:pt idx="4626">
                  <c:v>0.40197151092300726</c:v>
                </c:pt>
                <c:pt idx="4627">
                  <c:v>0.334976259102506</c:v>
                </c:pt>
                <c:pt idx="4628">
                  <c:v>0.2679810072820048</c:v>
                </c:pt>
                <c:pt idx="4629">
                  <c:v>0.20098575546150363</c:v>
                </c:pt>
                <c:pt idx="4630">
                  <c:v>0.20098575546150363</c:v>
                </c:pt>
                <c:pt idx="4631">
                  <c:v>0.20098575546150363</c:v>
                </c:pt>
                <c:pt idx="4632">
                  <c:v>0.22568489499025118</c:v>
                </c:pt>
                <c:pt idx="4633">
                  <c:v>0.22568489499025118</c:v>
                </c:pt>
                <c:pt idx="4634">
                  <c:v>0.22568489499025118</c:v>
                </c:pt>
                <c:pt idx="4635">
                  <c:v>0.22568489499025118</c:v>
                </c:pt>
                <c:pt idx="4636">
                  <c:v>0.22568489499025118</c:v>
                </c:pt>
                <c:pt idx="4637">
                  <c:v>0.29088275354299037</c:v>
                </c:pt>
                <c:pt idx="4638">
                  <c:v>0.3510653922070574</c:v>
                </c:pt>
                <c:pt idx="4639">
                  <c:v>0.3510653922070574</c:v>
                </c:pt>
                <c:pt idx="4640">
                  <c:v>0.3510653922070574</c:v>
                </c:pt>
                <c:pt idx="4641">
                  <c:v>0.37614149165041866</c:v>
                </c:pt>
                <c:pt idx="4642">
                  <c:v>0.39118715131643539</c:v>
                </c:pt>
                <c:pt idx="4643">
                  <c:v>0.45136978998050237</c:v>
                </c:pt>
                <c:pt idx="4644">
                  <c:v>0.45136978998050237</c:v>
                </c:pt>
                <c:pt idx="4645">
                  <c:v>0.45136978998050237</c:v>
                </c:pt>
                <c:pt idx="4646">
                  <c:v>0.45136978998050237</c:v>
                </c:pt>
                <c:pt idx="4647">
                  <c:v>0.37614149165041866</c:v>
                </c:pt>
                <c:pt idx="4648">
                  <c:v>0.35608061209572966</c:v>
                </c:pt>
                <c:pt idx="4649">
                  <c:v>0.35608061209572966</c:v>
                </c:pt>
                <c:pt idx="4650">
                  <c:v>0.35608061209572966</c:v>
                </c:pt>
                <c:pt idx="4651">
                  <c:v>0.35608061209572966</c:v>
                </c:pt>
                <c:pt idx="4652">
                  <c:v>0.27583709387697364</c:v>
                </c:pt>
                <c:pt idx="4653">
                  <c:v>0.10531961766211721</c:v>
                </c:pt>
                <c:pt idx="4654">
                  <c:v>0.10531961766211721</c:v>
                </c:pt>
                <c:pt idx="4655">
                  <c:v>0.10531961766211721</c:v>
                </c:pt>
                <c:pt idx="4656">
                  <c:v>4.8516912773697483E-2</c:v>
                </c:pt>
                <c:pt idx="4657">
                  <c:v>9.4723496367695087E-2</c:v>
                </c:pt>
                <c:pt idx="4658">
                  <c:v>9.4723496367695087E-2</c:v>
                </c:pt>
                <c:pt idx="4659">
                  <c:v>9.4723496367695087E-2</c:v>
                </c:pt>
                <c:pt idx="4660">
                  <c:v>9.4723496367695087E-2</c:v>
                </c:pt>
                <c:pt idx="4661">
                  <c:v>0.11782678816469391</c:v>
                </c:pt>
                <c:pt idx="4662">
                  <c:v>0.14786106750079236</c:v>
                </c:pt>
                <c:pt idx="4663">
                  <c:v>0.16865403011809124</c:v>
                </c:pt>
                <c:pt idx="4664">
                  <c:v>0.16865403011809124</c:v>
                </c:pt>
                <c:pt idx="4665">
                  <c:v>0.16865403011809124</c:v>
                </c:pt>
                <c:pt idx="4666">
                  <c:v>0.16865403011809124</c:v>
                </c:pt>
                <c:pt idx="4667">
                  <c:v>0.16865403011809124</c:v>
                </c:pt>
                <c:pt idx="4668">
                  <c:v>0.16865403011809124</c:v>
                </c:pt>
                <c:pt idx="4669">
                  <c:v>0.16865403011809124</c:v>
                </c:pt>
                <c:pt idx="4670">
                  <c:v>0.16865403011809124</c:v>
                </c:pt>
                <c:pt idx="4671">
                  <c:v>0.15248172586019207</c:v>
                </c:pt>
                <c:pt idx="4672">
                  <c:v>0.13861975078199282</c:v>
                </c:pt>
                <c:pt idx="4673">
                  <c:v>0.12475777570379354</c:v>
                </c:pt>
                <c:pt idx="4674">
                  <c:v>0.12013711734439377</c:v>
                </c:pt>
                <c:pt idx="4675">
                  <c:v>9.7033825547394967E-2</c:v>
                </c:pt>
                <c:pt idx="4676">
                  <c:v>7.1620204570696275E-2</c:v>
                </c:pt>
                <c:pt idx="4677">
                  <c:v>7.1620204570696275E-2</c:v>
                </c:pt>
                <c:pt idx="4678">
                  <c:v>7.1620204570696275E-2</c:v>
                </c:pt>
                <c:pt idx="4679">
                  <c:v>7.1620204570696275E-2</c:v>
                </c:pt>
                <c:pt idx="4680">
                  <c:v>6.8065544427134E-2</c:v>
                </c:pt>
                <c:pt idx="4681">
                  <c:v>7.9043858044413676E-2</c:v>
                </c:pt>
                <c:pt idx="4682">
                  <c:v>7.9043858044413676E-2</c:v>
                </c:pt>
                <c:pt idx="4683">
                  <c:v>7.9043858044413676E-2</c:v>
                </c:pt>
                <c:pt idx="4684">
                  <c:v>7.9043858044413676E-2</c:v>
                </c:pt>
                <c:pt idx="4685">
                  <c:v>9.8804822555517105E-2</c:v>
                </c:pt>
                <c:pt idx="4686">
                  <c:v>0.11637012434316457</c:v>
                </c:pt>
                <c:pt idx="4687">
                  <c:v>0.13832675157772392</c:v>
                </c:pt>
                <c:pt idx="4688">
                  <c:v>0.13832675157772392</c:v>
                </c:pt>
                <c:pt idx="4689">
                  <c:v>0.13832675157772392</c:v>
                </c:pt>
                <c:pt idx="4690">
                  <c:v>0.13832675157772392</c:v>
                </c:pt>
                <c:pt idx="4691">
                  <c:v>0.13832675157772392</c:v>
                </c:pt>
                <c:pt idx="4692">
                  <c:v>0.13832675157772392</c:v>
                </c:pt>
                <c:pt idx="4693">
                  <c:v>0.13832675157772392</c:v>
                </c:pt>
                <c:pt idx="4694">
                  <c:v>0.13832675157772392</c:v>
                </c:pt>
                <c:pt idx="4695">
                  <c:v>0.12295711251353239</c:v>
                </c:pt>
                <c:pt idx="4696">
                  <c:v>0.12076144979007644</c:v>
                </c:pt>
                <c:pt idx="4697">
                  <c:v>0.10319614800242896</c:v>
                </c:pt>
                <c:pt idx="4698">
                  <c:v>9.6609159832061156E-2</c:v>
                </c:pt>
                <c:pt idx="4699">
                  <c:v>8.1239520767869611E-2</c:v>
                </c:pt>
                <c:pt idx="4700">
                  <c:v>6.8065544427134E-2</c:v>
                </c:pt>
                <c:pt idx="4701">
                  <c:v>5.9282893533310267E-2</c:v>
                </c:pt>
                <c:pt idx="4702">
                  <c:v>5.9282893533310267E-2</c:v>
                </c:pt>
                <c:pt idx="4703">
                  <c:v>5.9282893533310267E-2</c:v>
                </c:pt>
                <c:pt idx="4704">
                  <c:v>6.9387119827058072E-2</c:v>
                </c:pt>
                <c:pt idx="4705">
                  <c:v>6.9387119827058072E-2</c:v>
                </c:pt>
                <c:pt idx="4706">
                  <c:v>6.9387119827058072E-2</c:v>
                </c:pt>
                <c:pt idx="4707">
                  <c:v>6.9387119827058072E-2</c:v>
                </c:pt>
                <c:pt idx="4708">
                  <c:v>6.9387119827058072E-2</c:v>
                </c:pt>
                <c:pt idx="4709">
                  <c:v>0.300677519250585</c:v>
                </c:pt>
                <c:pt idx="4710">
                  <c:v>0.34115333914970219</c:v>
                </c:pt>
                <c:pt idx="4711">
                  <c:v>0.34115333914970219</c:v>
                </c:pt>
                <c:pt idx="4712">
                  <c:v>0.34115333914970219</c:v>
                </c:pt>
                <c:pt idx="4713">
                  <c:v>0.36428237909205491</c:v>
                </c:pt>
                <c:pt idx="4714">
                  <c:v>0.36428237909205491</c:v>
                </c:pt>
                <c:pt idx="4715">
                  <c:v>0.46258079884705389</c:v>
                </c:pt>
                <c:pt idx="4716">
                  <c:v>0.46258079884705389</c:v>
                </c:pt>
                <c:pt idx="4717">
                  <c:v>0.30645977923617318</c:v>
                </c:pt>
                <c:pt idx="4718">
                  <c:v>0.46258079884705389</c:v>
                </c:pt>
                <c:pt idx="4719">
                  <c:v>0.46258079884705389</c:v>
                </c:pt>
                <c:pt idx="4720">
                  <c:v>0.46258079884705389</c:v>
                </c:pt>
                <c:pt idx="4721">
                  <c:v>0.46258079884705389</c:v>
                </c:pt>
                <c:pt idx="4722">
                  <c:v>0.46258079884705389</c:v>
                </c:pt>
                <c:pt idx="4723">
                  <c:v>0.38741141903440768</c:v>
                </c:pt>
                <c:pt idx="4724">
                  <c:v>0.31802429920734954</c:v>
                </c:pt>
                <c:pt idx="4725">
                  <c:v>0.23129039942352694</c:v>
                </c:pt>
                <c:pt idx="4726">
                  <c:v>0.21972587945235061</c:v>
                </c:pt>
                <c:pt idx="4727">
                  <c:v>0.21972587945235061</c:v>
                </c:pt>
                <c:pt idx="4728">
                  <c:v>0.20634790951044144</c:v>
                </c:pt>
                <c:pt idx="4729">
                  <c:v>0.20634790951044144</c:v>
                </c:pt>
                <c:pt idx="4730">
                  <c:v>0.20634790951044144</c:v>
                </c:pt>
                <c:pt idx="4731">
                  <c:v>0.20634790951044144</c:v>
                </c:pt>
                <c:pt idx="4732">
                  <c:v>0.20634790951044144</c:v>
                </c:pt>
                <c:pt idx="4733">
                  <c:v>0.26825228236357385</c:v>
                </c:pt>
                <c:pt idx="4734">
                  <c:v>0.29920446879014007</c:v>
                </c:pt>
                <c:pt idx="4735">
                  <c:v>0.30952186426566214</c:v>
                </c:pt>
                <c:pt idx="4736">
                  <c:v>0.30952186426566214</c:v>
                </c:pt>
                <c:pt idx="4737">
                  <c:v>0.33531535295446724</c:v>
                </c:pt>
                <c:pt idx="4738">
                  <c:v>0.35079144616775032</c:v>
                </c:pt>
                <c:pt idx="4739">
                  <c:v>0.41269581902088287</c:v>
                </c:pt>
                <c:pt idx="4740">
                  <c:v>0.41269581902088287</c:v>
                </c:pt>
                <c:pt idx="4741">
                  <c:v>0.41269581902088287</c:v>
                </c:pt>
                <c:pt idx="4742">
                  <c:v>0.41269581902088287</c:v>
                </c:pt>
                <c:pt idx="4743">
                  <c:v>0.41269581902088287</c:v>
                </c:pt>
                <c:pt idx="4744">
                  <c:v>0.41269581902088287</c:v>
                </c:pt>
                <c:pt idx="4745">
                  <c:v>0.41269581902088287</c:v>
                </c:pt>
                <c:pt idx="4746">
                  <c:v>0.41269581902088287</c:v>
                </c:pt>
                <c:pt idx="4747">
                  <c:v>0.34563274842998937</c:v>
                </c:pt>
                <c:pt idx="4748">
                  <c:v>0.28372837557685693</c:v>
                </c:pt>
                <c:pt idx="4749">
                  <c:v>0.20634790951044144</c:v>
                </c:pt>
                <c:pt idx="4750">
                  <c:v>0.20634790951044144</c:v>
                </c:pt>
                <c:pt idx="4751">
                  <c:v>0.20634790951044144</c:v>
                </c:pt>
                <c:pt idx="4752">
                  <c:v>0.18596390745993793</c:v>
                </c:pt>
                <c:pt idx="4753">
                  <c:v>0.20920939589243012</c:v>
                </c:pt>
                <c:pt idx="4754">
                  <c:v>0.20920939589243012</c:v>
                </c:pt>
                <c:pt idx="4755">
                  <c:v>0.20920939589243012</c:v>
                </c:pt>
                <c:pt idx="4756">
                  <c:v>0.20920939589243012</c:v>
                </c:pt>
                <c:pt idx="4757">
                  <c:v>0.26964766581690996</c:v>
                </c:pt>
                <c:pt idx="4758">
                  <c:v>0.31148954499539599</c:v>
                </c:pt>
                <c:pt idx="4759">
                  <c:v>0.31148954499539599</c:v>
                </c:pt>
                <c:pt idx="4760">
                  <c:v>0.31148954499539599</c:v>
                </c:pt>
                <c:pt idx="4761">
                  <c:v>0.33473503342788824</c:v>
                </c:pt>
                <c:pt idx="4762">
                  <c:v>0.36262961954687895</c:v>
                </c:pt>
                <c:pt idx="4763">
                  <c:v>0.41841879178486024</c:v>
                </c:pt>
                <c:pt idx="4764">
                  <c:v>0.41841879178486024</c:v>
                </c:pt>
                <c:pt idx="4765">
                  <c:v>0.41841879178486024</c:v>
                </c:pt>
                <c:pt idx="4766">
                  <c:v>0.41841879178486024</c:v>
                </c:pt>
                <c:pt idx="4767">
                  <c:v>0.41841879178486024</c:v>
                </c:pt>
                <c:pt idx="4768">
                  <c:v>0.41841879178486024</c:v>
                </c:pt>
                <c:pt idx="4769">
                  <c:v>0.41841879178486024</c:v>
                </c:pt>
                <c:pt idx="4770">
                  <c:v>0.41841879178486024</c:v>
                </c:pt>
                <c:pt idx="4771">
                  <c:v>0.34868232648738362</c:v>
                </c:pt>
                <c:pt idx="4772">
                  <c:v>0.27894586118990689</c:v>
                </c:pt>
                <c:pt idx="4773">
                  <c:v>0.20920939589243012</c:v>
                </c:pt>
                <c:pt idx="4774">
                  <c:v>0.20920939589243012</c:v>
                </c:pt>
                <c:pt idx="4775">
                  <c:v>0.20920939589243012</c:v>
                </c:pt>
                <c:pt idx="4776">
                  <c:v>0.21011211968867499</c:v>
                </c:pt>
                <c:pt idx="4777">
                  <c:v>0.21011211968867499</c:v>
                </c:pt>
                <c:pt idx="4778">
                  <c:v>0.21011211968867499</c:v>
                </c:pt>
                <c:pt idx="4779">
                  <c:v>0.21011211968867499</c:v>
                </c:pt>
                <c:pt idx="4780">
                  <c:v>0.21011211968867499</c:v>
                </c:pt>
                <c:pt idx="4781">
                  <c:v>0.27081117648762554</c:v>
                </c:pt>
                <c:pt idx="4782">
                  <c:v>0.31283360042536057</c:v>
                </c:pt>
                <c:pt idx="4783">
                  <c:v>0.31283360042536057</c:v>
                </c:pt>
                <c:pt idx="4784">
                  <c:v>0.31283360042536057</c:v>
                </c:pt>
                <c:pt idx="4785">
                  <c:v>0.33617939150187998</c:v>
                </c:pt>
                <c:pt idx="4786">
                  <c:v>0.36419434079370333</c:v>
                </c:pt>
                <c:pt idx="4787">
                  <c:v>0.42022423937734998</c:v>
                </c:pt>
                <c:pt idx="4788">
                  <c:v>0.42022423937734998</c:v>
                </c:pt>
                <c:pt idx="4789">
                  <c:v>0.42022423937734998</c:v>
                </c:pt>
                <c:pt idx="4790">
                  <c:v>0.42022423937734998</c:v>
                </c:pt>
                <c:pt idx="4791">
                  <c:v>0.42022423937734998</c:v>
                </c:pt>
                <c:pt idx="4792">
                  <c:v>0.42022423937734998</c:v>
                </c:pt>
                <c:pt idx="4793">
                  <c:v>0.42022423937734998</c:v>
                </c:pt>
                <c:pt idx="4794">
                  <c:v>0.42022423937734998</c:v>
                </c:pt>
                <c:pt idx="4795">
                  <c:v>0.35018686614779165</c:v>
                </c:pt>
                <c:pt idx="4796">
                  <c:v>0.28014949291823332</c:v>
                </c:pt>
                <c:pt idx="4797">
                  <c:v>0.21011211968867499</c:v>
                </c:pt>
                <c:pt idx="4798">
                  <c:v>0.21011211968867499</c:v>
                </c:pt>
                <c:pt idx="4799">
                  <c:v>0.21011211968867499</c:v>
                </c:pt>
                <c:pt idx="4800">
                  <c:v>0.22805637077878074</c:v>
                </c:pt>
                <c:pt idx="4801">
                  <c:v>0.22805637077878074</c:v>
                </c:pt>
                <c:pt idx="4802">
                  <c:v>0.22805637077878074</c:v>
                </c:pt>
                <c:pt idx="4803">
                  <c:v>0.22805637077878074</c:v>
                </c:pt>
                <c:pt idx="4804">
                  <c:v>0.22805637077878074</c:v>
                </c:pt>
                <c:pt idx="4805">
                  <c:v>0.29393932233709513</c:v>
                </c:pt>
                <c:pt idx="4806">
                  <c:v>0.35475435454477006</c:v>
                </c:pt>
                <c:pt idx="4807">
                  <c:v>0.35475435454477006</c:v>
                </c:pt>
                <c:pt idx="4808">
                  <c:v>0.35475435454477006</c:v>
                </c:pt>
                <c:pt idx="4809">
                  <c:v>0.38009395129796791</c:v>
                </c:pt>
                <c:pt idx="4810">
                  <c:v>0.39529770934988662</c:v>
                </c:pt>
                <c:pt idx="4811">
                  <c:v>0.45611274155756149</c:v>
                </c:pt>
                <c:pt idx="4812">
                  <c:v>0.45611274155756149</c:v>
                </c:pt>
                <c:pt idx="4813">
                  <c:v>0.45611274155756149</c:v>
                </c:pt>
                <c:pt idx="4814">
                  <c:v>0.45611274155756149</c:v>
                </c:pt>
                <c:pt idx="4815">
                  <c:v>0.38009395129796791</c:v>
                </c:pt>
                <c:pt idx="4816">
                  <c:v>0.35982227389540961</c:v>
                </c:pt>
                <c:pt idx="4817">
                  <c:v>0.35982227389540961</c:v>
                </c:pt>
                <c:pt idx="4818">
                  <c:v>0.35982227389540961</c:v>
                </c:pt>
                <c:pt idx="4819">
                  <c:v>0.35982227389540961</c:v>
                </c:pt>
                <c:pt idx="4820">
                  <c:v>0.27873556428517643</c:v>
                </c:pt>
                <c:pt idx="4821">
                  <c:v>0.10642630636343102</c:v>
                </c:pt>
                <c:pt idx="4822">
                  <c:v>0.10642630636343102</c:v>
                </c:pt>
                <c:pt idx="4823">
                  <c:v>0.10642630636343102</c:v>
                </c:pt>
                <c:pt idx="4824">
                  <c:v>5.0255582942985426E-2</c:v>
                </c:pt>
                <c:pt idx="4825">
                  <c:v>9.811804288868585E-2</c:v>
                </c:pt>
                <c:pt idx="4826">
                  <c:v>9.811804288868585E-2</c:v>
                </c:pt>
                <c:pt idx="4827">
                  <c:v>9.811804288868585E-2</c:v>
                </c:pt>
                <c:pt idx="4828">
                  <c:v>9.811804288868585E-2</c:v>
                </c:pt>
                <c:pt idx="4829">
                  <c:v>0.12204927286153607</c:v>
                </c:pt>
                <c:pt idx="4830">
                  <c:v>0.1531598718262413</c:v>
                </c:pt>
                <c:pt idx="4831">
                  <c:v>0.17469797880180651</c:v>
                </c:pt>
                <c:pt idx="4832">
                  <c:v>0.17469797880180651</c:v>
                </c:pt>
                <c:pt idx="4833">
                  <c:v>0.17469797880180651</c:v>
                </c:pt>
                <c:pt idx="4834">
                  <c:v>0.17469797880180651</c:v>
                </c:pt>
                <c:pt idx="4835">
                  <c:v>0.17469797880180651</c:v>
                </c:pt>
                <c:pt idx="4836">
                  <c:v>0.17469797880180651</c:v>
                </c:pt>
                <c:pt idx="4837">
                  <c:v>0.17469797880180651</c:v>
                </c:pt>
                <c:pt idx="4838">
                  <c:v>0.17469797880180651</c:v>
                </c:pt>
                <c:pt idx="4839">
                  <c:v>0.15794611782081136</c:v>
                </c:pt>
                <c:pt idx="4840">
                  <c:v>0.14358737983710124</c:v>
                </c:pt>
                <c:pt idx="4841">
                  <c:v>0.12922864185339111</c:v>
                </c:pt>
                <c:pt idx="4842">
                  <c:v>0.12444239585882107</c:v>
                </c:pt>
                <c:pt idx="4843">
                  <c:v>0.10051116588597085</c:v>
                </c:pt>
                <c:pt idx="4844">
                  <c:v>7.4186812915835634E-2</c:v>
                </c:pt>
                <c:pt idx="4845">
                  <c:v>7.4186812915835634E-2</c:v>
                </c:pt>
                <c:pt idx="4846">
                  <c:v>7.4186812915835634E-2</c:v>
                </c:pt>
                <c:pt idx="4847">
                  <c:v>7.4186812915835634E-2</c:v>
                </c:pt>
                <c:pt idx="4848">
                  <c:v>8.1884309316824E-2</c:v>
                </c:pt>
                <c:pt idx="4849">
                  <c:v>9.5091455980827869E-2</c:v>
                </c:pt>
                <c:pt idx="4850">
                  <c:v>9.5091455980827869E-2</c:v>
                </c:pt>
                <c:pt idx="4851">
                  <c:v>9.5091455980827869E-2</c:v>
                </c:pt>
                <c:pt idx="4852">
                  <c:v>9.5091455980827869E-2</c:v>
                </c:pt>
                <c:pt idx="4853">
                  <c:v>0.11886431997603482</c:v>
                </c:pt>
                <c:pt idx="4854">
                  <c:v>0.13999575463844102</c:v>
                </c:pt>
                <c:pt idx="4855">
                  <c:v>0.16641004796644876</c:v>
                </c:pt>
                <c:pt idx="4856">
                  <c:v>0.16641004796644876</c:v>
                </c:pt>
                <c:pt idx="4857">
                  <c:v>0.16641004796644876</c:v>
                </c:pt>
                <c:pt idx="4858">
                  <c:v>0.16641004796644876</c:v>
                </c:pt>
                <c:pt idx="4859">
                  <c:v>0.16641004796644876</c:v>
                </c:pt>
                <c:pt idx="4860">
                  <c:v>0.16641004796644876</c:v>
                </c:pt>
                <c:pt idx="4861">
                  <c:v>0.16641004796644876</c:v>
                </c:pt>
                <c:pt idx="4862">
                  <c:v>0.16641004796644876</c:v>
                </c:pt>
                <c:pt idx="4863">
                  <c:v>0.14792004263684336</c:v>
                </c:pt>
                <c:pt idx="4864">
                  <c:v>0.14527861330404257</c:v>
                </c:pt>
                <c:pt idx="4865">
                  <c:v>0.12414717864163638</c:v>
                </c:pt>
                <c:pt idx="4866">
                  <c:v>0.11622289064323406</c:v>
                </c:pt>
                <c:pt idx="4867">
                  <c:v>9.7732885313628642E-2</c:v>
                </c:pt>
                <c:pt idx="4868">
                  <c:v>8.1884309316824E-2</c:v>
                </c:pt>
                <c:pt idx="4869">
                  <c:v>7.1318591985620905E-2</c:v>
                </c:pt>
                <c:pt idx="4870">
                  <c:v>7.1318591985620905E-2</c:v>
                </c:pt>
                <c:pt idx="4871">
                  <c:v>7.1318591985620905E-2</c:v>
                </c:pt>
                <c:pt idx="4872">
                  <c:v>7.0762871928978219E-2</c:v>
                </c:pt>
                <c:pt idx="4873">
                  <c:v>7.0762871928978219E-2</c:v>
                </c:pt>
                <c:pt idx="4874">
                  <c:v>7.0762871928978219E-2</c:v>
                </c:pt>
                <c:pt idx="4875">
                  <c:v>7.0762871928978219E-2</c:v>
                </c:pt>
                <c:pt idx="4876">
                  <c:v>7.0762871928978219E-2</c:v>
                </c:pt>
                <c:pt idx="4877">
                  <c:v>0.30663911169223906</c:v>
                </c:pt>
                <c:pt idx="4878">
                  <c:v>0.34791745365080956</c:v>
                </c:pt>
                <c:pt idx="4879">
                  <c:v>0.34791745365080956</c:v>
                </c:pt>
                <c:pt idx="4880">
                  <c:v>0.34791745365080956</c:v>
                </c:pt>
                <c:pt idx="4881">
                  <c:v>0.37150507762713575</c:v>
                </c:pt>
                <c:pt idx="4882">
                  <c:v>0.37150507762713575</c:v>
                </c:pt>
                <c:pt idx="4883">
                  <c:v>0.47175247952652155</c:v>
                </c:pt>
                <c:pt idx="4884">
                  <c:v>0.47175247952652155</c:v>
                </c:pt>
                <c:pt idx="4885">
                  <c:v>0.3125360176863205</c:v>
                </c:pt>
                <c:pt idx="4886">
                  <c:v>0.47175247952652155</c:v>
                </c:pt>
                <c:pt idx="4887">
                  <c:v>0.47175247952652155</c:v>
                </c:pt>
                <c:pt idx="4888">
                  <c:v>0.47175247952652155</c:v>
                </c:pt>
                <c:pt idx="4889">
                  <c:v>0.47175247952652155</c:v>
                </c:pt>
                <c:pt idx="4890">
                  <c:v>0.47175247952652155</c:v>
                </c:pt>
                <c:pt idx="4891">
                  <c:v>0.39509270160346172</c:v>
                </c:pt>
                <c:pt idx="4892">
                  <c:v>0.32432982967448354</c:v>
                </c:pt>
                <c:pt idx="4893">
                  <c:v>0.23587623976326078</c:v>
                </c:pt>
                <c:pt idx="4894">
                  <c:v>0.22408242777509771</c:v>
                </c:pt>
                <c:pt idx="4895">
                  <c:v>0.22408242777509771</c:v>
                </c:pt>
                <c:pt idx="4896">
                  <c:v>0.2051116733922401</c:v>
                </c:pt>
                <c:pt idx="4897">
                  <c:v>0.2051116733922401</c:v>
                </c:pt>
                <c:pt idx="4898">
                  <c:v>0.2051116733922401</c:v>
                </c:pt>
                <c:pt idx="4899">
                  <c:v>0.2051116733922401</c:v>
                </c:pt>
                <c:pt idx="4900">
                  <c:v>0.2051116733922401</c:v>
                </c:pt>
                <c:pt idx="4901">
                  <c:v>0.26664517540991212</c:v>
                </c:pt>
                <c:pt idx="4902">
                  <c:v>0.29741192641874808</c:v>
                </c:pt>
                <c:pt idx="4903">
                  <c:v>0.30766751008836007</c:v>
                </c:pt>
                <c:pt idx="4904">
                  <c:v>0.30766751008836007</c:v>
                </c:pt>
                <c:pt idx="4905">
                  <c:v>0.3333064692623901</c:v>
                </c:pt>
                <c:pt idx="4906">
                  <c:v>0.34868984476680803</c:v>
                </c:pt>
                <c:pt idx="4907">
                  <c:v>0.41022334678448019</c:v>
                </c:pt>
                <c:pt idx="4908">
                  <c:v>0.41022334678448019</c:v>
                </c:pt>
                <c:pt idx="4909">
                  <c:v>0.41022334678448019</c:v>
                </c:pt>
                <c:pt idx="4910">
                  <c:v>0.41022334678448019</c:v>
                </c:pt>
                <c:pt idx="4911">
                  <c:v>0.41022334678448019</c:v>
                </c:pt>
                <c:pt idx="4912">
                  <c:v>0.41022334678448019</c:v>
                </c:pt>
                <c:pt idx="4913">
                  <c:v>0.41022334678448019</c:v>
                </c:pt>
                <c:pt idx="4914">
                  <c:v>0.41022334678448019</c:v>
                </c:pt>
                <c:pt idx="4915">
                  <c:v>0.34356205293200209</c:v>
                </c:pt>
                <c:pt idx="4916">
                  <c:v>0.28202855091433005</c:v>
                </c:pt>
                <c:pt idx="4917">
                  <c:v>0.2051116733922401</c:v>
                </c:pt>
                <c:pt idx="4918">
                  <c:v>0.2051116733922401</c:v>
                </c:pt>
                <c:pt idx="4919">
                  <c:v>0.2051116733922401</c:v>
                </c:pt>
                <c:pt idx="4920">
                  <c:v>0.18417092603001115</c:v>
                </c:pt>
                <c:pt idx="4921">
                  <c:v>0.20719229178376253</c:v>
                </c:pt>
                <c:pt idx="4922">
                  <c:v>0.20719229178376253</c:v>
                </c:pt>
                <c:pt idx="4923">
                  <c:v>0.20719229178376253</c:v>
                </c:pt>
                <c:pt idx="4924">
                  <c:v>0.20719229178376253</c:v>
                </c:pt>
                <c:pt idx="4925">
                  <c:v>0.26704784274351612</c:v>
                </c:pt>
                <c:pt idx="4926">
                  <c:v>0.30848630110026859</c:v>
                </c:pt>
                <c:pt idx="4927">
                  <c:v>0.30848630110026859</c:v>
                </c:pt>
                <c:pt idx="4928">
                  <c:v>0.30848630110026859</c:v>
                </c:pt>
                <c:pt idx="4929">
                  <c:v>0.33150766685401994</c:v>
                </c:pt>
                <c:pt idx="4930">
                  <c:v>0.35913330575852165</c:v>
                </c:pt>
                <c:pt idx="4931">
                  <c:v>0.41438458356752506</c:v>
                </c:pt>
                <c:pt idx="4932">
                  <c:v>0.41438458356752506</c:v>
                </c:pt>
                <c:pt idx="4933">
                  <c:v>0.41438458356752506</c:v>
                </c:pt>
                <c:pt idx="4934">
                  <c:v>0.41438458356752506</c:v>
                </c:pt>
                <c:pt idx="4935">
                  <c:v>0.41438458356752506</c:v>
                </c:pt>
                <c:pt idx="4936">
                  <c:v>0.41438458356752506</c:v>
                </c:pt>
                <c:pt idx="4937">
                  <c:v>0.41438458356752506</c:v>
                </c:pt>
                <c:pt idx="4938">
                  <c:v>0.41438458356752506</c:v>
                </c:pt>
                <c:pt idx="4939">
                  <c:v>0.34532048630627082</c:v>
                </c:pt>
                <c:pt idx="4940">
                  <c:v>0.2762563890450167</c:v>
                </c:pt>
                <c:pt idx="4941">
                  <c:v>0.20719229178376253</c:v>
                </c:pt>
                <c:pt idx="4942">
                  <c:v>0.20719229178376253</c:v>
                </c:pt>
                <c:pt idx="4943">
                  <c:v>0.20719229178376253</c:v>
                </c:pt>
                <c:pt idx="4944">
                  <c:v>0.20407943825037525</c:v>
                </c:pt>
                <c:pt idx="4945">
                  <c:v>0.20407943825037525</c:v>
                </c:pt>
                <c:pt idx="4946">
                  <c:v>0.20407943825037525</c:v>
                </c:pt>
                <c:pt idx="4947">
                  <c:v>0.20407943825037525</c:v>
                </c:pt>
                <c:pt idx="4948">
                  <c:v>0.20407943825037525</c:v>
                </c:pt>
                <c:pt idx="4949">
                  <c:v>0.26303572041159479</c:v>
                </c:pt>
                <c:pt idx="4950">
                  <c:v>0.30385160806166994</c:v>
                </c:pt>
                <c:pt idx="4951">
                  <c:v>0.30385160806166994</c:v>
                </c:pt>
                <c:pt idx="4952">
                  <c:v>0.30385160806166994</c:v>
                </c:pt>
                <c:pt idx="4953">
                  <c:v>0.32652710120060047</c:v>
                </c:pt>
                <c:pt idx="4954">
                  <c:v>0.35373769296731716</c:v>
                </c:pt>
                <c:pt idx="4955">
                  <c:v>0.4081588765007505</c:v>
                </c:pt>
                <c:pt idx="4956">
                  <c:v>0.4081588765007505</c:v>
                </c:pt>
                <c:pt idx="4957">
                  <c:v>0.4081588765007505</c:v>
                </c:pt>
                <c:pt idx="4958">
                  <c:v>0.4081588765007505</c:v>
                </c:pt>
                <c:pt idx="4959">
                  <c:v>0.4081588765007505</c:v>
                </c:pt>
                <c:pt idx="4960">
                  <c:v>0.4081588765007505</c:v>
                </c:pt>
                <c:pt idx="4961">
                  <c:v>0.4081588765007505</c:v>
                </c:pt>
                <c:pt idx="4962">
                  <c:v>0.4081588765007505</c:v>
                </c:pt>
                <c:pt idx="4963">
                  <c:v>0.34013239708395882</c:v>
                </c:pt>
                <c:pt idx="4964">
                  <c:v>0.27210591766716707</c:v>
                </c:pt>
                <c:pt idx="4965">
                  <c:v>0.20407943825037525</c:v>
                </c:pt>
                <c:pt idx="4966">
                  <c:v>0.20407943825037525</c:v>
                </c:pt>
                <c:pt idx="4967">
                  <c:v>0.20407943825037525</c:v>
                </c:pt>
                <c:pt idx="4968">
                  <c:v>0.223821592584978</c:v>
                </c:pt>
                <c:pt idx="4969">
                  <c:v>0.223821592584978</c:v>
                </c:pt>
                <c:pt idx="4970">
                  <c:v>0.223821592584978</c:v>
                </c:pt>
                <c:pt idx="4971">
                  <c:v>0.223821592584978</c:v>
                </c:pt>
                <c:pt idx="4972">
                  <c:v>0.223821592584978</c:v>
                </c:pt>
                <c:pt idx="4973">
                  <c:v>0.28848116377619382</c:v>
                </c:pt>
                <c:pt idx="4974">
                  <c:v>0.34816692179885461</c:v>
                </c:pt>
                <c:pt idx="4975">
                  <c:v>0.34816692179885461</c:v>
                </c:pt>
                <c:pt idx="4976">
                  <c:v>0.34816692179885461</c:v>
                </c:pt>
                <c:pt idx="4977">
                  <c:v>0.37303598764162998</c:v>
                </c:pt>
                <c:pt idx="4978">
                  <c:v>0.38795742714729514</c:v>
                </c:pt>
                <c:pt idx="4979">
                  <c:v>0.44764318516995599</c:v>
                </c:pt>
                <c:pt idx="4980">
                  <c:v>0.44764318516995599</c:v>
                </c:pt>
                <c:pt idx="4981">
                  <c:v>0.44764318516995599</c:v>
                </c:pt>
                <c:pt idx="4982">
                  <c:v>0.44764318516995599</c:v>
                </c:pt>
                <c:pt idx="4983">
                  <c:v>0.37303598764162998</c:v>
                </c:pt>
                <c:pt idx="4984">
                  <c:v>0.35314073496740972</c:v>
                </c:pt>
                <c:pt idx="4985">
                  <c:v>0.35314073496740972</c:v>
                </c:pt>
                <c:pt idx="4986">
                  <c:v>0.35314073496740972</c:v>
                </c:pt>
                <c:pt idx="4987">
                  <c:v>0.35314073496740972</c:v>
                </c:pt>
                <c:pt idx="4988">
                  <c:v>0.2735597242705286</c:v>
                </c:pt>
                <c:pt idx="4989">
                  <c:v>0.10445007653965639</c:v>
                </c:pt>
                <c:pt idx="4990">
                  <c:v>0.10445007653965639</c:v>
                </c:pt>
                <c:pt idx="4991">
                  <c:v>0.10445007653965639</c:v>
                </c:pt>
                <c:pt idx="4992">
                  <c:v>4.1852010458093725E-2</c:v>
                </c:pt>
                <c:pt idx="4993">
                  <c:v>8.1711068037230619E-2</c:v>
                </c:pt>
                <c:pt idx="4994">
                  <c:v>8.1711068037230619E-2</c:v>
                </c:pt>
                <c:pt idx="4995">
                  <c:v>8.1711068037230619E-2</c:v>
                </c:pt>
                <c:pt idx="4996">
                  <c:v>8.1711068037230619E-2</c:v>
                </c:pt>
                <c:pt idx="4997">
                  <c:v>0.10164059682679907</c:v>
                </c:pt>
                <c:pt idx="4998">
                  <c:v>0.12754898425323802</c:v>
                </c:pt>
                <c:pt idx="4999">
                  <c:v>0.14548556016384964</c:v>
                </c:pt>
                <c:pt idx="5000">
                  <c:v>0.14548556016384964</c:v>
                </c:pt>
                <c:pt idx="5001">
                  <c:v>0.14548556016384964</c:v>
                </c:pt>
                <c:pt idx="5002">
                  <c:v>0.14548556016384964</c:v>
                </c:pt>
                <c:pt idx="5003">
                  <c:v>0.14548556016384964</c:v>
                </c:pt>
                <c:pt idx="5004">
                  <c:v>0.14548556016384964</c:v>
                </c:pt>
                <c:pt idx="5005">
                  <c:v>0.14548556016384964</c:v>
                </c:pt>
                <c:pt idx="5006">
                  <c:v>0.14548556016384964</c:v>
                </c:pt>
                <c:pt idx="5007">
                  <c:v>0.13153489001115173</c:v>
                </c:pt>
                <c:pt idx="5008">
                  <c:v>0.11957717273741064</c:v>
                </c:pt>
                <c:pt idx="5009">
                  <c:v>0.10761945546366958</c:v>
                </c:pt>
                <c:pt idx="5010">
                  <c:v>0.10363354970575588</c:v>
                </c:pt>
                <c:pt idx="5011">
                  <c:v>8.3704020916187449E-2</c:v>
                </c:pt>
                <c:pt idx="5012">
                  <c:v>6.1781539247662158E-2</c:v>
                </c:pt>
                <c:pt idx="5013">
                  <c:v>6.1781539247662158E-2</c:v>
                </c:pt>
                <c:pt idx="5014">
                  <c:v>6.1781539247662158E-2</c:v>
                </c:pt>
                <c:pt idx="5015">
                  <c:v>6.1781539247662158E-2</c:v>
                </c:pt>
                <c:pt idx="5016">
                  <c:v>7.0216252939275636E-2</c:v>
                </c:pt>
                <c:pt idx="5017">
                  <c:v>8.154145502625558E-2</c:v>
                </c:pt>
                <c:pt idx="5018">
                  <c:v>8.154145502625558E-2</c:v>
                </c:pt>
                <c:pt idx="5019">
                  <c:v>8.154145502625558E-2</c:v>
                </c:pt>
                <c:pt idx="5020">
                  <c:v>8.154145502625558E-2</c:v>
                </c:pt>
                <c:pt idx="5021">
                  <c:v>0.10192681878281946</c:v>
                </c:pt>
                <c:pt idx="5022">
                  <c:v>0.12004714212198739</c:v>
                </c:pt>
                <c:pt idx="5023">
                  <c:v>0.14269754629594725</c:v>
                </c:pt>
                <c:pt idx="5024">
                  <c:v>0.14269754629594725</c:v>
                </c:pt>
                <c:pt idx="5025">
                  <c:v>0.14269754629594725</c:v>
                </c:pt>
                <c:pt idx="5026">
                  <c:v>0.14269754629594725</c:v>
                </c:pt>
                <c:pt idx="5027">
                  <c:v>0.14269754629594725</c:v>
                </c:pt>
                <c:pt idx="5028">
                  <c:v>0.14269754629594725</c:v>
                </c:pt>
                <c:pt idx="5029">
                  <c:v>0.14269754629594725</c:v>
                </c:pt>
                <c:pt idx="5030">
                  <c:v>0.14269754629594725</c:v>
                </c:pt>
                <c:pt idx="5031">
                  <c:v>0.12684226337417534</c:v>
                </c:pt>
                <c:pt idx="5032">
                  <c:v>0.12457722295677938</c:v>
                </c:pt>
                <c:pt idx="5033">
                  <c:v>0.10645689961761146</c:v>
                </c:pt>
                <c:pt idx="5034">
                  <c:v>9.9661778365423503E-2</c:v>
                </c:pt>
                <c:pt idx="5035">
                  <c:v>8.3806495443651582E-2</c:v>
                </c:pt>
                <c:pt idx="5036">
                  <c:v>7.0216252939275636E-2</c:v>
                </c:pt>
                <c:pt idx="5037">
                  <c:v>6.1156091269691695E-2</c:v>
                </c:pt>
                <c:pt idx="5038">
                  <c:v>6.1156091269691695E-2</c:v>
                </c:pt>
                <c:pt idx="5039">
                  <c:v>6.1156091269691695E-2</c:v>
                </c:pt>
                <c:pt idx="5040">
                  <c:v>6.9863341708491969E-2</c:v>
                </c:pt>
                <c:pt idx="5041">
                  <c:v>6.9863341708491969E-2</c:v>
                </c:pt>
                <c:pt idx="5042">
                  <c:v>6.9863341708491969E-2</c:v>
                </c:pt>
                <c:pt idx="5043">
                  <c:v>6.9863341708491969E-2</c:v>
                </c:pt>
                <c:pt idx="5044">
                  <c:v>6.9863341708491969E-2</c:v>
                </c:pt>
                <c:pt idx="5045">
                  <c:v>0.30274114740346519</c:v>
                </c:pt>
                <c:pt idx="5046">
                  <c:v>0.34349476340008556</c:v>
                </c:pt>
                <c:pt idx="5047">
                  <c:v>0.34349476340008556</c:v>
                </c:pt>
                <c:pt idx="5048">
                  <c:v>0.34349476340008556</c:v>
                </c:pt>
                <c:pt idx="5049">
                  <c:v>0.36678254396958287</c:v>
                </c:pt>
                <c:pt idx="5050">
                  <c:v>0.36678254396958287</c:v>
                </c:pt>
                <c:pt idx="5051">
                  <c:v>0.46575561138994653</c:v>
                </c:pt>
                <c:pt idx="5052">
                  <c:v>0.46575561138994653</c:v>
                </c:pt>
                <c:pt idx="5053">
                  <c:v>0.30856309254583958</c:v>
                </c:pt>
                <c:pt idx="5054">
                  <c:v>0.46575561138994653</c:v>
                </c:pt>
                <c:pt idx="5055">
                  <c:v>0.46575561138994653</c:v>
                </c:pt>
                <c:pt idx="5056">
                  <c:v>0.46575561138994653</c:v>
                </c:pt>
                <c:pt idx="5057">
                  <c:v>0.46575561138994653</c:v>
                </c:pt>
                <c:pt idx="5058">
                  <c:v>0.46575561138994653</c:v>
                </c:pt>
                <c:pt idx="5059">
                  <c:v>0.39007032453908025</c:v>
                </c:pt>
                <c:pt idx="5060">
                  <c:v>0.32020698283058818</c:v>
                </c:pt>
                <c:pt idx="5061">
                  <c:v>0.23287780569497327</c:v>
                </c:pt>
                <c:pt idx="5062">
                  <c:v>0.22123391541022461</c:v>
                </c:pt>
                <c:pt idx="5063">
                  <c:v>0.22123391541022461</c:v>
                </c:pt>
                <c:pt idx="5064">
                  <c:v>0.20449355533313943</c:v>
                </c:pt>
                <c:pt idx="5065">
                  <c:v>0.20449355533313943</c:v>
                </c:pt>
                <c:pt idx="5066">
                  <c:v>0.20449355533313943</c:v>
                </c:pt>
                <c:pt idx="5067">
                  <c:v>0.20449355533313943</c:v>
                </c:pt>
                <c:pt idx="5068">
                  <c:v>0.20449355533313943</c:v>
                </c:pt>
                <c:pt idx="5069">
                  <c:v>0.26584162193308125</c:v>
                </c:pt>
                <c:pt idx="5070">
                  <c:v>0.29651565523305218</c:v>
                </c:pt>
                <c:pt idx="5071">
                  <c:v>0.30674033299970921</c:v>
                </c:pt>
                <c:pt idx="5072">
                  <c:v>0.30674033299970921</c:v>
                </c:pt>
                <c:pt idx="5073">
                  <c:v>0.33230202741635156</c:v>
                </c:pt>
                <c:pt idx="5074">
                  <c:v>0.347639044066337</c:v>
                </c:pt>
                <c:pt idx="5075">
                  <c:v>0.40898711066627885</c:v>
                </c:pt>
                <c:pt idx="5076">
                  <c:v>0.40898711066627885</c:v>
                </c:pt>
                <c:pt idx="5077">
                  <c:v>0.40898711066627885</c:v>
                </c:pt>
                <c:pt idx="5078">
                  <c:v>0.40898711066627885</c:v>
                </c:pt>
                <c:pt idx="5079">
                  <c:v>0.40898711066627885</c:v>
                </c:pt>
                <c:pt idx="5080">
                  <c:v>0.40898711066627885</c:v>
                </c:pt>
                <c:pt idx="5081">
                  <c:v>0.40898711066627885</c:v>
                </c:pt>
                <c:pt idx="5082">
                  <c:v>0.40898711066627885</c:v>
                </c:pt>
                <c:pt idx="5083">
                  <c:v>0.3425267051830086</c:v>
                </c:pt>
                <c:pt idx="5084">
                  <c:v>0.28117863858306669</c:v>
                </c:pt>
                <c:pt idx="5085">
                  <c:v>0.20449355533313943</c:v>
                </c:pt>
                <c:pt idx="5086">
                  <c:v>0.20449355533313943</c:v>
                </c:pt>
                <c:pt idx="5087">
                  <c:v>0.20449355533313943</c:v>
                </c:pt>
                <c:pt idx="5088">
                  <c:v>0.18003327657633392</c:v>
                </c:pt>
                <c:pt idx="5089">
                  <c:v>0.20253743614837563</c:v>
                </c:pt>
                <c:pt idx="5090">
                  <c:v>0.20253743614837563</c:v>
                </c:pt>
                <c:pt idx="5091">
                  <c:v>0.20253743614837563</c:v>
                </c:pt>
                <c:pt idx="5092">
                  <c:v>0.20253743614837563</c:v>
                </c:pt>
                <c:pt idx="5093">
                  <c:v>0.26104825103568419</c:v>
                </c:pt>
                <c:pt idx="5094">
                  <c:v>0.30155573826535931</c:v>
                </c:pt>
                <c:pt idx="5095">
                  <c:v>0.30155573826535931</c:v>
                </c:pt>
                <c:pt idx="5096">
                  <c:v>0.30155573826535931</c:v>
                </c:pt>
                <c:pt idx="5097">
                  <c:v>0.32405989783740097</c:v>
                </c:pt>
                <c:pt idx="5098">
                  <c:v>0.3510648893238511</c:v>
                </c:pt>
                <c:pt idx="5099">
                  <c:v>0.40507487229675126</c:v>
                </c:pt>
                <c:pt idx="5100">
                  <c:v>0.40507487229675126</c:v>
                </c:pt>
                <c:pt idx="5101">
                  <c:v>0.40507487229675126</c:v>
                </c:pt>
                <c:pt idx="5102">
                  <c:v>0.40507487229675126</c:v>
                </c:pt>
                <c:pt idx="5103">
                  <c:v>0.40507487229675126</c:v>
                </c:pt>
                <c:pt idx="5104">
                  <c:v>0.40507487229675126</c:v>
                </c:pt>
                <c:pt idx="5105">
                  <c:v>0.40507487229675126</c:v>
                </c:pt>
                <c:pt idx="5106">
                  <c:v>0.40507487229675126</c:v>
                </c:pt>
                <c:pt idx="5107">
                  <c:v>0.33756239358062601</c:v>
                </c:pt>
                <c:pt idx="5108">
                  <c:v>0.27004991486450086</c:v>
                </c:pt>
                <c:pt idx="5109">
                  <c:v>0.20253743614837563</c:v>
                </c:pt>
                <c:pt idx="5110">
                  <c:v>0.20253743614837563</c:v>
                </c:pt>
                <c:pt idx="5111">
                  <c:v>0.20253743614837563</c:v>
                </c:pt>
                <c:pt idx="5112">
                  <c:v>0.20377006997148811</c:v>
                </c:pt>
                <c:pt idx="5113">
                  <c:v>0.20377006997148811</c:v>
                </c:pt>
                <c:pt idx="5114">
                  <c:v>0.20377006997148811</c:v>
                </c:pt>
                <c:pt idx="5115">
                  <c:v>0.20377006997148811</c:v>
                </c:pt>
                <c:pt idx="5116">
                  <c:v>0.20377006997148811</c:v>
                </c:pt>
                <c:pt idx="5117">
                  <c:v>0.26263697907436245</c:v>
                </c:pt>
                <c:pt idx="5118">
                  <c:v>0.30339099306866013</c:v>
                </c:pt>
                <c:pt idx="5119">
                  <c:v>0.30339099306866013</c:v>
                </c:pt>
                <c:pt idx="5120">
                  <c:v>0.30339099306866013</c:v>
                </c:pt>
                <c:pt idx="5121">
                  <c:v>0.32603211195438098</c:v>
                </c:pt>
                <c:pt idx="5122">
                  <c:v>0.35320145461724606</c:v>
                </c:pt>
                <c:pt idx="5123">
                  <c:v>0.40754013994297622</c:v>
                </c:pt>
                <c:pt idx="5124">
                  <c:v>0.40754013994297622</c:v>
                </c:pt>
                <c:pt idx="5125">
                  <c:v>0.40754013994297622</c:v>
                </c:pt>
                <c:pt idx="5126">
                  <c:v>0.40754013994297622</c:v>
                </c:pt>
                <c:pt idx="5127">
                  <c:v>0.40754013994297622</c:v>
                </c:pt>
                <c:pt idx="5128">
                  <c:v>0.40754013994297622</c:v>
                </c:pt>
                <c:pt idx="5129">
                  <c:v>0.40754013994297622</c:v>
                </c:pt>
                <c:pt idx="5130">
                  <c:v>0.40754013994297622</c:v>
                </c:pt>
                <c:pt idx="5131">
                  <c:v>0.33961678328581346</c:v>
                </c:pt>
                <c:pt idx="5132">
                  <c:v>0.27169342662865081</c:v>
                </c:pt>
                <c:pt idx="5133">
                  <c:v>0.20377006997148811</c:v>
                </c:pt>
                <c:pt idx="5134">
                  <c:v>0.20377006997148811</c:v>
                </c:pt>
                <c:pt idx="5135">
                  <c:v>0.20377006997148811</c:v>
                </c:pt>
                <c:pt idx="5136">
                  <c:v>0.22416037484048221</c:v>
                </c:pt>
                <c:pt idx="5137">
                  <c:v>0.22416037484048221</c:v>
                </c:pt>
                <c:pt idx="5138">
                  <c:v>0.22416037484048221</c:v>
                </c:pt>
                <c:pt idx="5139">
                  <c:v>0.22416037484048221</c:v>
                </c:pt>
                <c:pt idx="5140">
                  <c:v>0.22416037484048221</c:v>
                </c:pt>
                <c:pt idx="5141">
                  <c:v>0.2889178164610659</c:v>
                </c:pt>
                <c:pt idx="5142">
                  <c:v>0.34869391641852782</c:v>
                </c:pt>
                <c:pt idx="5143">
                  <c:v>0.34869391641852782</c:v>
                </c:pt>
                <c:pt idx="5144">
                  <c:v>0.34869391641852782</c:v>
                </c:pt>
                <c:pt idx="5145">
                  <c:v>0.37360062473413702</c:v>
                </c:pt>
                <c:pt idx="5146">
                  <c:v>0.38854464972350244</c:v>
                </c:pt>
                <c:pt idx="5147">
                  <c:v>0.44832074968096441</c:v>
                </c:pt>
                <c:pt idx="5148">
                  <c:v>0.44832074968096441</c:v>
                </c:pt>
                <c:pt idx="5149">
                  <c:v>0.44832074968096441</c:v>
                </c:pt>
                <c:pt idx="5150">
                  <c:v>0.44832074968096441</c:v>
                </c:pt>
                <c:pt idx="5151">
                  <c:v>0.37360062473413702</c:v>
                </c:pt>
                <c:pt idx="5152">
                  <c:v>0.35367525808164968</c:v>
                </c:pt>
                <c:pt idx="5153">
                  <c:v>0.35367525808164968</c:v>
                </c:pt>
                <c:pt idx="5154">
                  <c:v>0.35367525808164968</c:v>
                </c:pt>
                <c:pt idx="5155">
                  <c:v>0.35367525808164968</c:v>
                </c:pt>
                <c:pt idx="5156">
                  <c:v>0.27397379147170048</c:v>
                </c:pt>
                <c:pt idx="5157">
                  <c:v>0.10460817492555836</c:v>
                </c:pt>
                <c:pt idx="5158">
                  <c:v>0.10460817492555836</c:v>
                </c:pt>
                <c:pt idx="5159">
                  <c:v>0.10460817492555836</c:v>
                </c:pt>
                <c:pt idx="5160">
                  <c:v>4.8227134412149514E-2</c:v>
                </c:pt>
                <c:pt idx="5161">
                  <c:v>9.415773861419667E-2</c:v>
                </c:pt>
                <c:pt idx="5162">
                  <c:v>9.415773861419667E-2</c:v>
                </c:pt>
                <c:pt idx="5163">
                  <c:v>9.415773861419667E-2</c:v>
                </c:pt>
                <c:pt idx="5164">
                  <c:v>9.415773861419667E-2</c:v>
                </c:pt>
                <c:pt idx="5165">
                  <c:v>0.11712304071522026</c:v>
                </c:pt>
                <c:pt idx="5166">
                  <c:v>0.14697793344655088</c:v>
                </c:pt>
                <c:pt idx="5167">
                  <c:v>0.16764670533747209</c:v>
                </c:pt>
                <c:pt idx="5168">
                  <c:v>0.16764670533747209</c:v>
                </c:pt>
                <c:pt idx="5169">
                  <c:v>0.16764670533747209</c:v>
                </c:pt>
                <c:pt idx="5170">
                  <c:v>0.16764670533747209</c:v>
                </c:pt>
                <c:pt idx="5171">
                  <c:v>0.16764670533747209</c:v>
                </c:pt>
                <c:pt idx="5172">
                  <c:v>0.16764670533747209</c:v>
                </c:pt>
                <c:pt idx="5173">
                  <c:v>0.16764670533747209</c:v>
                </c:pt>
                <c:pt idx="5174">
                  <c:v>0.16764670533747209</c:v>
                </c:pt>
                <c:pt idx="5175">
                  <c:v>0.15157099386675557</c:v>
                </c:pt>
                <c:pt idx="5176">
                  <c:v>0.13779181260614143</c:v>
                </c:pt>
                <c:pt idx="5177">
                  <c:v>0.1240126313455273</c:v>
                </c:pt>
                <c:pt idx="5178">
                  <c:v>0.11941957092532257</c:v>
                </c:pt>
                <c:pt idx="5179">
                  <c:v>9.6454268824299028E-2</c:v>
                </c:pt>
                <c:pt idx="5180">
                  <c:v>7.1192436513173085E-2</c:v>
                </c:pt>
                <c:pt idx="5181">
                  <c:v>7.1192436513173085E-2</c:v>
                </c:pt>
                <c:pt idx="5182">
                  <c:v>7.1192436513173085E-2</c:v>
                </c:pt>
                <c:pt idx="5183">
                  <c:v>7.1192436513173085E-2</c:v>
                </c:pt>
                <c:pt idx="5184">
                  <c:v>8.0425802269630461E-2</c:v>
                </c:pt>
                <c:pt idx="5185">
                  <c:v>9.339770586150635E-2</c:v>
                </c:pt>
                <c:pt idx="5186">
                  <c:v>9.339770586150635E-2</c:v>
                </c:pt>
                <c:pt idx="5187">
                  <c:v>9.339770586150635E-2</c:v>
                </c:pt>
                <c:pt idx="5188">
                  <c:v>9.339770586150635E-2</c:v>
                </c:pt>
                <c:pt idx="5189">
                  <c:v>0.11674713232688293</c:v>
                </c:pt>
                <c:pt idx="5190">
                  <c:v>0.13750217807388432</c:v>
                </c:pt>
                <c:pt idx="5191">
                  <c:v>0.16344598525763612</c:v>
                </c:pt>
                <c:pt idx="5192">
                  <c:v>0.16344598525763612</c:v>
                </c:pt>
                <c:pt idx="5193">
                  <c:v>0.16344598525763612</c:v>
                </c:pt>
                <c:pt idx="5194">
                  <c:v>0.16344598525763612</c:v>
                </c:pt>
                <c:pt idx="5195">
                  <c:v>0.16344598525763612</c:v>
                </c:pt>
                <c:pt idx="5196">
                  <c:v>0.16344598525763612</c:v>
                </c:pt>
                <c:pt idx="5197">
                  <c:v>0.16344598525763612</c:v>
                </c:pt>
                <c:pt idx="5198">
                  <c:v>0.16344598525763612</c:v>
                </c:pt>
                <c:pt idx="5199">
                  <c:v>0.14528532022900986</c:v>
                </c:pt>
                <c:pt idx="5200">
                  <c:v>0.14269093951063466</c:v>
                </c:pt>
                <c:pt idx="5201">
                  <c:v>0.12193589376363329</c:v>
                </c:pt>
                <c:pt idx="5202">
                  <c:v>0.11415275160850775</c:v>
                </c:pt>
                <c:pt idx="5203">
                  <c:v>9.5992086579881522E-2</c:v>
                </c:pt>
                <c:pt idx="5204">
                  <c:v>8.0425802269630461E-2</c:v>
                </c:pt>
                <c:pt idx="5205">
                  <c:v>7.0048279396129759E-2</c:v>
                </c:pt>
                <c:pt idx="5206">
                  <c:v>7.0048279396129759E-2</c:v>
                </c:pt>
                <c:pt idx="5207">
                  <c:v>7.0048279396129759E-2</c:v>
                </c:pt>
                <c:pt idx="5208">
                  <c:v>7.1080353183267483E-2</c:v>
                </c:pt>
                <c:pt idx="5209">
                  <c:v>7.1080353183267483E-2</c:v>
                </c:pt>
                <c:pt idx="5210">
                  <c:v>7.1080353183267483E-2</c:v>
                </c:pt>
                <c:pt idx="5211">
                  <c:v>7.1080353183267483E-2</c:v>
                </c:pt>
                <c:pt idx="5212">
                  <c:v>7.1080353183267483E-2</c:v>
                </c:pt>
                <c:pt idx="5213">
                  <c:v>0.30801486379415904</c:v>
                </c:pt>
                <c:pt idx="5214">
                  <c:v>0.3494784031510651</c:v>
                </c:pt>
                <c:pt idx="5215">
                  <c:v>0.3494784031510651</c:v>
                </c:pt>
                <c:pt idx="5216">
                  <c:v>0.3494784031510651</c:v>
                </c:pt>
                <c:pt idx="5217">
                  <c:v>0.37317185421215426</c:v>
                </c:pt>
                <c:pt idx="5218">
                  <c:v>0.37317185421215426</c:v>
                </c:pt>
                <c:pt idx="5219">
                  <c:v>0.4738690212217832</c:v>
                </c:pt>
                <c:pt idx="5220">
                  <c:v>0.4738690212217832</c:v>
                </c:pt>
                <c:pt idx="5221">
                  <c:v>0.31393822655943132</c:v>
                </c:pt>
                <c:pt idx="5222">
                  <c:v>0.4738690212217832</c:v>
                </c:pt>
                <c:pt idx="5223">
                  <c:v>0.4738690212217832</c:v>
                </c:pt>
                <c:pt idx="5224">
                  <c:v>0.4738690212217832</c:v>
                </c:pt>
                <c:pt idx="5225">
                  <c:v>0.4738690212217832</c:v>
                </c:pt>
                <c:pt idx="5226">
                  <c:v>0.4738690212217832</c:v>
                </c:pt>
                <c:pt idx="5227">
                  <c:v>0.39686530527324348</c:v>
                </c:pt>
                <c:pt idx="5228">
                  <c:v>0.32578495208997588</c:v>
                </c:pt>
                <c:pt idx="5229">
                  <c:v>0.2369345106108916</c:v>
                </c:pt>
                <c:pt idx="5230">
                  <c:v>0.22508778508034702</c:v>
                </c:pt>
                <c:pt idx="5231">
                  <c:v>0.22508778508034702</c:v>
                </c:pt>
                <c:pt idx="5232">
                  <c:v>0.21113832446847156</c:v>
                </c:pt>
                <c:pt idx="5233">
                  <c:v>0.21113832446847156</c:v>
                </c:pt>
                <c:pt idx="5234">
                  <c:v>0.21113832446847156</c:v>
                </c:pt>
                <c:pt idx="5235">
                  <c:v>0.21113832446847156</c:v>
                </c:pt>
                <c:pt idx="5236">
                  <c:v>0.21113832446847156</c:v>
                </c:pt>
                <c:pt idx="5237">
                  <c:v>0.27447982180901298</c:v>
                </c:pt>
                <c:pt idx="5238">
                  <c:v>0.30615057047928373</c:v>
                </c:pt>
                <c:pt idx="5239">
                  <c:v>0.31670748670270726</c:v>
                </c:pt>
                <c:pt idx="5240">
                  <c:v>0.31670748670270726</c:v>
                </c:pt>
                <c:pt idx="5241">
                  <c:v>0.34309977726126623</c:v>
                </c:pt>
                <c:pt idx="5242">
                  <c:v>0.3589351515964016</c:v>
                </c:pt>
                <c:pt idx="5243">
                  <c:v>0.42227664893694311</c:v>
                </c:pt>
                <c:pt idx="5244">
                  <c:v>0.42227664893694311</c:v>
                </c:pt>
                <c:pt idx="5245">
                  <c:v>0.42227664893694311</c:v>
                </c:pt>
                <c:pt idx="5246">
                  <c:v>0.42227664893694311</c:v>
                </c:pt>
                <c:pt idx="5247">
                  <c:v>0.42227664893694311</c:v>
                </c:pt>
                <c:pt idx="5248">
                  <c:v>0.42227664893694311</c:v>
                </c:pt>
                <c:pt idx="5249">
                  <c:v>0.42227664893694311</c:v>
                </c:pt>
                <c:pt idx="5250">
                  <c:v>0.42227664893694311</c:v>
                </c:pt>
                <c:pt idx="5251">
                  <c:v>0.35365669348468987</c:v>
                </c:pt>
                <c:pt idx="5252">
                  <c:v>0.29031519614414836</c:v>
                </c:pt>
                <c:pt idx="5253">
                  <c:v>0.21113832446847156</c:v>
                </c:pt>
                <c:pt idx="5254">
                  <c:v>0.21113832446847156</c:v>
                </c:pt>
                <c:pt idx="5255">
                  <c:v>0.21113832446847156</c:v>
                </c:pt>
                <c:pt idx="5256">
                  <c:v>0.1840330043815552</c:v>
                </c:pt>
                <c:pt idx="5257">
                  <c:v>0.20703712992924961</c:v>
                </c:pt>
                <c:pt idx="5258">
                  <c:v>0.20703712992924961</c:v>
                </c:pt>
                <c:pt idx="5259">
                  <c:v>0.20703712992924961</c:v>
                </c:pt>
                <c:pt idx="5260">
                  <c:v>0.20703712992924961</c:v>
                </c:pt>
                <c:pt idx="5261">
                  <c:v>0.26684785635325503</c:v>
                </c:pt>
                <c:pt idx="5262">
                  <c:v>0.30825528233910499</c:v>
                </c:pt>
                <c:pt idx="5263">
                  <c:v>0.30825528233910499</c:v>
                </c:pt>
                <c:pt idx="5264">
                  <c:v>0.30825528233910499</c:v>
                </c:pt>
                <c:pt idx="5265">
                  <c:v>0.33125940788679942</c:v>
                </c:pt>
                <c:pt idx="5266">
                  <c:v>0.35886435854403265</c:v>
                </c:pt>
                <c:pt idx="5267">
                  <c:v>0.41407425985849922</c:v>
                </c:pt>
                <c:pt idx="5268">
                  <c:v>0.41407425985849922</c:v>
                </c:pt>
                <c:pt idx="5269">
                  <c:v>0.41407425985849922</c:v>
                </c:pt>
                <c:pt idx="5270">
                  <c:v>0.41407425985849922</c:v>
                </c:pt>
                <c:pt idx="5271">
                  <c:v>0.41407425985849922</c:v>
                </c:pt>
                <c:pt idx="5272">
                  <c:v>0.41407425985849922</c:v>
                </c:pt>
                <c:pt idx="5273">
                  <c:v>0.41407425985849922</c:v>
                </c:pt>
                <c:pt idx="5274">
                  <c:v>0.41407425985849922</c:v>
                </c:pt>
                <c:pt idx="5275">
                  <c:v>0.34506188321541603</c:v>
                </c:pt>
                <c:pt idx="5276">
                  <c:v>0.27604950657233285</c:v>
                </c:pt>
                <c:pt idx="5277">
                  <c:v>0.20703712992924961</c:v>
                </c:pt>
                <c:pt idx="5278">
                  <c:v>0.20703712992924961</c:v>
                </c:pt>
                <c:pt idx="5279">
                  <c:v>0.20703712992924961</c:v>
                </c:pt>
                <c:pt idx="5280">
                  <c:v>0.20485285894759314</c:v>
                </c:pt>
                <c:pt idx="5281">
                  <c:v>0.20485285894759314</c:v>
                </c:pt>
                <c:pt idx="5282">
                  <c:v>0.20485285894759314</c:v>
                </c:pt>
                <c:pt idx="5283">
                  <c:v>0.20485285894759314</c:v>
                </c:pt>
                <c:pt idx="5284">
                  <c:v>0.20485285894759314</c:v>
                </c:pt>
                <c:pt idx="5285">
                  <c:v>0.26403257375467565</c:v>
                </c:pt>
                <c:pt idx="5286">
                  <c:v>0.30500314554419428</c:v>
                </c:pt>
                <c:pt idx="5287">
                  <c:v>0.30500314554419428</c:v>
                </c:pt>
                <c:pt idx="5288">
                  <c:v>0.30500314554419428</c:v>
                </c:pt>
                <c:pt idx="5289">
                  <c:v>0.32776457431614908</c:v>
                </c:pt>
                <c:pt idx="5290">
                  <c:v>0.35507828884249482</c:v>
                </c:pt>
                <c:pt idx="5291">
                  <c:v>0.40970571789518628</c:v>
                </c:pt>
                <c:pt idx="5292">
                  <c:v>0.40970571789518628</c:v>
                </c:pt>
                <c:pt idx="5293">
                  <c:v>0.40970571789518628</c:v>
                </c:pt>
                <c:pt idx="5294">
                  <c:v>0.40970571789518628</c:v>
                </c:pt>
                <c:pt idx="5295">
                  <c:v>0.40970571789518628</c:v>
                </c:pt>
                <c:pt idx="5296">
                  <c:v>0.40970571789518628</c:v>
                </c:pt>
                <c:pt idx="5297">
                  <c:v>0.40970571789518628</c:v>
                </c:pt>
                <c:pt idx="5298">
                  <c:v>0.40970571789518628</c:v>
                </c:pt>
                <c:pt idx="5299">
                  <c:v>0.34142143157932198</c:v>
                </c:pt>
                <c:pt idx="5300">
                  <c:v>0.27313714526345761</c:v>
                </c:pt>
                <c:pt idx="5301">
                  <c:v>0.20485285894759314</c:v>
                </c:pt>
                <c:pt idx="5302">
                  <c:v>0.20485285894759314</c:v>
                </c:pt>
                <c:pt idx="5303">
                  <c:v>0.20485285894759314</c:v>
                </c:pt>
                <c:pt idx="5304">
                  <c:v>0.22771758852327648</c:v>
                </c:pt>
                <c:pt idx="5305">
                  <c:v>0.22771758852327648</c:v>
                </c:pt>
                <c:pt idx="5306">
                  <c:v>0.22771758852327648</c:v>
                </c:pt>
                <c:pt idx="5307">
                  <c:v>0.22771758852327648</c:v>
                </c:pt>
                <c:pt idx="5308">
                  <c:v>0.22771758852327648</c:v>
                </c:pt>
                <c:pt idx="5309">
                  <c:v>0.29350266965222305</c:v>
                </c:pt>
                <c:pt idx="5310">
                  <c:v>0.3542273599250968</c:v>
                </c:pt>
                <c:pt idx="5311">
                  <c:v>0.3542273599250968</c:v>
                </c:pt>
                <c:pt idx="5312">
                  <c:v>0.3542273599250968</c:v>
                </c:pt>
                <c:pt idx="5313">
                  <c:v>0.37952931420546082</c:v>
                </c:pt>
                <c:pt idx="5314">
                  <c:v>0.39471048677367926</c:v>
                </c:pt>
                <c:pt idx="5315">
                  <c:v>0.45543517704655295</c:v>
                </c:pt>
                <c:pt idx="5316">
                  <c:v>0.45543517704655295</c:v>
                </c:pt>
                <c:pt idx="5317">
                  <c:v>0.45543517704655295</c:v>
                </c:pt>
                <c:pt idx="5318">
                  <c:v>0.45543517704655295</c:v>
                </c:pt>
                <c:pt idx="5319">
                  <c:v>0.37952931420546082</c:v>
                </c:pt>
                <c:pt idx="5320">
                  <c:v>0.35928775078116965</c:v>
                </c:pt>
                <c:pt idx="5321">
                  <c:v>0.35928775078116965</c:v>
                </c:pt>
                <c:pt idx="5322">
                  <c:v>0.35928775078116965</c:v>
                </c:pt>
                <c:pt idx="5323">
                  <c:v>0.35928775078116965</c:v>
                </c:pt>
                <c:pt idx="5324">
                  <c:v>0.27832149708400461</c:v>
                </c:pt>
                <c:pt idx="5325">
                  <c:v>0.10626820797752902</c:v>
                </c:pt>
                <c:pt idx="5326">
                  <c:v>0.10626820797752902</c:v>
                </c:pt>
                <c:pt idx="5327">
                  <c:v>0.10626820797752902</c:v>
                </c:pt>
                <c:pt idx="5328">
                  <c:v>4.7357799327505522E-2</c:v>
                </c:pt>
                <c:pt idx="5329">
                  <c:v>9.2460465353701268E-2</c:v>
                </c:pt>
                <c:pt idx="5330">
                  <c:v>9.2460465353701268E-2</c:v>
                </c:pt>
                <c:pt idx="5331">
                  <c:v>9.2460465353701268E-2</c:v>
                </c:pt>
                <c:pt idx="5332">
                  <c:v>9.2460465353701268E-2</c:v>
                </c:pt>
                <c:pt idx="5333">
                  <c:v>0.11501179836679912</c:v>
                </c:pt>
                <c:pt idx="5334">
                  <c:v>0.14432853128382636</c:v>
                </c:pt>
                <c:pt idx="5335">
                  <c:v>0.16462473099561445</c:v>
                </c:pt>
                <c:pt idx="5336">
                  <c:v>0.16462473099561445</c:v>
                </c:pt>
                <c:pt idx="5337">
                  <c:v>0.16462473099561445</c:v>
                </c:pt>
                <c:pt idx="5338">
                  <c:v>0.16462473099561445</c:v>
                </c:pt>
                <c:pt idx="5339">
                  <c:v>0.16462473099561445</c:v>
                </c:pt>
                <c:pt idx="5340">
                  <c:v>0.16462473099561445</c:v>
                </c:pt>
                <c:pt idx="5341">
                  <c:v>0.16462473099561445</c:v>
                </c:pt>
                <c:pt idx="5342">
                  <c:v>0.16462473099561445</c:v>
                </c:pt>
                <c:pt idx="5343">
                  <c:v>0.14883879788644591</c:v>
                </c:pt>
                <c:pt idx="5344">
                  <c:v>0.13530799807858723</c:v>
                </c:pt>
                <c:pt idx="5345">
                  <c:v>0.12177719827072848</c:v>
                </c:pt>
                <c:pt idx="5346">
                  <c:v>0.11726693166810892</c:v>
                </c:pt>
                <c:pt idx="5347">
                  <c:v>9.4715598655011043E-2</c:v>
                </c:pt>
                <c:pt idx="5348">
                  <c:v>6.9909132340603392E-2</c:v>
                </c:pt>
                <c:pt idx="5349">
                  <c:v>6.9909132340603392E-2</c:v>
                </c:pt>
                <c:pt idx="5350">
                  <c:v>6.9909132340603392E-2</c:v>
                </c:pt>
                <c:pt idx="5351">
                  <c:v>6.9909132340603392E-2</c:v>
                </c:pt>
                <c:pt idx="5352">
                  <c:v>7.5077943096587441E-2</c:v>
                </c:pt>
                <c:pt idx="5353">
                  <c:v>8.7187288757327369E-2</c:v>
                </c:pt>
                <c:pt idx="5354">
                  <c:v>8.7187288757327369E-2</c:v>
                </c:pt>
                <c:pt idx="5355">
                  <c:v>8.7187288757327369E-2</c:v>
                </c:pt>
                <c:pt idx="5356">
                  <c:v>8.7187288757327369E-2</c:v>
                </c:pt>
                <c:pt idx="5357">
                  <c:v>0.1089841109466592</c:v>
                </c:pt>
                <c:pt idx="5358">
                  <c:v>0.12835906400384309</c:v>
                </c:pt>
                <c:pt idx="5359">
                  <c:v>0.15257775532532289</c:v>
                </c:pt>
                <c:pt idx="5360">
                  <c:v>0.15257775532532289</c:v>
                </c:pt>
                <c:pt idx="5361">
                  <c:v>0.15257775532532289</c:v>
                </c:pt>
                <c:pt idx="5362">
                  <c:v>0.15257775532532289</c:v>
                </c:pt>
                <c:pt idx="5363">
                  <c:v>0.15257775532532289</c:v>
                </c:pt>
                <c:pt idx="5364">
                  <c:v>0.15257775532532289</c:v>
                </c:pt>
                <c:pt idx="5365">
                  <c:v>0.15257775532532289</c:v>
                </c:pt>
                <c:pt idx="5366">
                  <c:v>0.15257775532532289</c:v>
                </c:pt>
                <c:pt idx="5367">
                  <c:v>0.13562467140028703</c:v>
                </c:pt>
                <c:pt idx="5368">
                  <c:v>0.13320280226813902</c:v>
                </c:pt>
                <c:pt idx="5369">
                  <c:v>0.11382784921095518</c:v>
                </c:pt>
                <c:pt idx="5370">
                  <c:v>0.10656224181451122</c:v>
                </c:pt>
                <c:pt idx="5371">
                  <c:v>8.9609157889475363E-2</c:v>
                </c:pt>
                <c:pt idx="5372">
                  <c:v>7.5077943096587441E-2</c:v>
                </c:pt>
                <c:pt idx="5373">
                  <c:v>6.5390466567995534E-2</c:v>
                </c:pt>
                <c:pt idx="5374">
                  <c:v>6.5390466567995534E-2</c:v>
                </c:pt>
                <c:pt idx="5375">
                  <c:v>6.5390466567995534E-2</c:v>
                </c:pt>
                <c:pt idx="5376">
                  <c:v>6.9545860454202718E-2</c:v>
                </c:pt>
                <c:pt idx="5377">
                  <c:v>6.9545860454202718E-2</c:v>
                </c:pt>
                <c:pt idx="5378">
                  <c:v>6.9545860454202718E-2</c:v>
                </c:pt>
                <c:pt idx="5379">
                  <c:v>6.9545860454202718E-2</c:v>
                </c:pt>
                <c:pt idx="5380">
                  <c:v>6.9545860454202718E-2</c:v>
                </c:pt>
                <c:pt idx="5381">
                  <c:v>0.3013653953015451</c:v>
                </c:pt>
                <c:pt idx="5382">
                  <c:v>0.34193381389982996</c:v>
                </c:pt>
                <c:pt idx="5383">
                  <c:v>0.34193381389982996</c:v>
                </c:pt>
                <c:pt idx="5384">
                  <c:v>0.34193381389982996</c:v>
                </c:pt>
                <c:pt idx="5385">
                  <c:v>0.36511576738456425</c:v>
                </c:pt>
                <c:pt idx="5386">
                  <c:v>0.36511576738456425</c:v>
                </c:pt>
                <c:pt idx="5387">
                  <c:v>0.46363906969468482</c:v>
                </c:pt>
                <c:pt idx="5388">
                  <c:v>0.46363906969468482</c:v>
                </c:pt>
                <c:pt idx="5389">
                  <c:v>0.30716088367272865</c:v>
                </c:pt>
                <c:pt idx="5390">
                  <c:v>0.46363906969468482</c:v>
                </c:pt>
                <c:pt idx="5391">
                  <c:v>0.46363906969468482</c:v>
                </c:pt>
                <c:pt idx="5392">
                  <c:v>0.46363906969468482</c:v>
                </c:pt>
                <c:pt idx="5393">
                  <c:v>0.46363906969468482</c:v>
                </c:pt>
                <c:pt idx="5394">
                  <c:v>0.46363906969468482</c:v>
                </c:pt>
                <c:pt idx="5395">
                  <c:v>0.38829772086929848</c:v>
                </c:pt>
                <c:pt idx="5396">
                  <c:v>0.31875186041509579</c:v>
                </c:pt>
                <c:pt idx="5397">
                  <c:v>0.23181953484734241</c:v>
                </c:pt>
                <c:pt idx="5398">
                  <c:v>0.22022855810497527</c:v>
                </c:pt>
                <c:pt idx="5399">
                  <c:v>0.22022855810497527</c:v>
                </c:pt>
                <c:pt idx="5400">
                  <c:v>0.20418449630358906</c:v>
                </c:pt>
                <c:pt idx="5401">
                  <c:v>0.20418449630358906</c:v>
                </c:pt>
                <c:pt idx="5402">
                  <c:v>0.20418449630358906</c:v>
                </c:pt>
                <c:pt idx="5403">
                  <c:v>0.20418449630358906</c:v>
                </c:pt>
                <c:pt idx="5404">
                  <c:v>0.20418449630358906</c:v>
                </c:pt>
                <c:pt idx="5405">
                  <c:v>0.26543984519466579</c:v>
                </c:pt>
                <c:pt idx="5406">
                  <c:v>0.29606751964020411</c:v>
                </c:pt>
                <c:pt idx="5407">
                  <c:v>0.30627674445538361</c:v>
                </c:pt>
                <c:pt idx="5408">
                  <c:v>0.30627674445538361</c:v>
                </c:pt>
                <c:pt idx="5409">
                  <c:v>0.33179980649333224</c:v>
                </c:pt>
                <c:pt idx="5410">
                  <c:v>0.34711364371610143</c:v>
                </c:pt>
                <c:pt idx="5411">
                  <c:v>0.40836899260717813</c:v>
                </c:pt>
                <c:pt idx="5412">
                  <c:v>0.40836899260717813</c:v>
                </c:pt>
                <c:pt idx="5413">
                  <c:v>0.40836899260717813</c:v>
                </c:pt>
                <c:pt idx="5414">
                  <c:v>0.40836899260717813</c:v>
                </c:pt>
                <c:pt idx="5415">
                  <c:v>0.40836899260717813</c:v>
                </c:pt>
                <c:pt idx="5416">
                  <c:v>0.40836899260717813</c:v>
                </c:pt>
                <c:pt idx="5417">
                  <c:v>0.40836899260717813</c:v>
                </c:pt>
                <c:pt idx="5418">
                  <c:v>0.40836899260717813</c:v>
                </c:pt>
                <c:pt idx="5419">
                  <c:v>0.34200903130851179</c:v>
                </c:pt>
                <c:pt idx="5420">
                  <c:v>0.28075368241743498</c:v>
                </c:pt>
                <c:pt idx="5421">
                  <c:v>0.20418449630358906</c:v>
                </c:pt>
                <c:pt idx="5422">
                  <c:v>0.20418449630358906</c:v>
                </c:pt>
                <c:pt idx="5423">
                  <c:v>0.20418449630358906</c:v>
                </c:pt>
                <c:pt idx="5424">
                  <c:v>0.18251586624854024</c:v>
                </c:pt>
                <c:pt idx="5425">
                  <c:v>0.20533034952960774</c:v>
                </c:pt>
                <c:pt idx="5426">
                  <c:v>0.20533034952960774</c:v>
                </c:pt>
                <c:pt idx="5427">
                  <c:v>0.20533034952960774</c:v>
                </c:pt>
                <c:pt idx="5428">
                  <c:v>0.20533034952960774</c:v>
                </c:pt>
                <c:pt idx="5429">
                  <c:v>0.2646480060603833</c:v>
                </c:pt>
                <c:pt idx="5430">
                  <c:v>0.3057140759663049</c:v>
                </c:pt>
                <c:pt idx="5431">
                  <c:v>0.3057140759663049</c:v>
                </c:pt>
                <c:pt idx="5432">
                  <c:v>0.3057140759663049</c:v>
                </c:pt>
                <c:pt idx="5433">
                  <c:v>0.32852855924737245</c:v>
                </c:pt>
                <c:pt idx="5434">
                  <c:v>0.35590593918465346</c:v>
                </c:pt>
                <c:pt idx="5435">
                  <c:v>0.41066069905921548</c:v>
                </c:pt>
                <c:pt idx="5436">
                  <c:v>0.41066069905921548</c:v>
                </c:pt>
                <c:pt idx="5437">
                  <c:v>0.41066069905921548</c:v>
                </c:pt>
                <c:pt idx="5438">
                  <c:v>0.41066069905921548</c:v>
                </c:pt>
                <c:pt idx="5439">
                  <c:v>0.41066069905921548</c:v>
                </c:pt>
                <c:pt idx="5440">
                  <c:v>0.41066069905921548</c:v>
                </c:pt>
                <c:pt idx="5441">
                  <c:v>0.41066069905921548</c:v>
                </c:pt>
                <c:pt idx="5442">
                  <c:v>0.41066069905921548</c:v>
                </c:pt>
                <c:pt idx="5443">
                  <c:v>0.34221724921601293</c:v>
                </c:pt>
                <c:pt idx="5444">
                  <c:v>0.27377379937281038</c:v>
                </c:pt>
                <c:pt idx="5445">
                  <c:v>0.20533034952960774</c:v>
                </c:pt>
                <c:pt idx="5446">
                  <c:v>0.20533034952960774</c:v>
                </c:pt>
                <c:pt idx="5447">
                  <c:v>0.20533034952960774</c:v>
                </c:pt>
                <c:pt idx="5448">
                  <c:v>0.20856527829423918</c:v>
                </c:pt>
                <c:pt idx="5449">
                  <c:v>0.20856527829423918</c:v>
                </c:pt>
                <c:pt idx="5450">
                  <c:v>0.20856527829423918</c:v>
                </c:pt>
                <c:pt idx="5451">
                  <c:v>0.20856527829423918</c:v>
                </c:pt>
                <c:pt idx="5452">
                  <c:v>0.20856527829423918</c:v>
                </c:pt>
                <c:pt idx="5453">
                  <c:v>0.26881746980146382</c:v>
                </c:pt>
                <c:pt idx="5454">
                  <c:v>0.31053052546031168</c:v>
                </c:pt>
                <c:pt idx="5455">
                  <c:v>0.31053052546031168</c:v>
                </c:pt>
                <c:pt idx="5456">
                  <c:v>0.31053052546031168</c:v>
                </c:pt>
                <c:pt idx="5457">
                  <c:v>0.33370444527078269</c:v>
                </c:pt>
                <c:pt idx="5458">
                  <c:v>0.36151314904334791</c:v>
                </c:pt>
                <c:pt idx="5459">
                  <c:v>0.41713055658847836</c:v>
                </c:pt>
                <c:pt idx="5460">
                  <c:v>0.41713055658847836</c:v>
                </c:pt>
                <c:pt idx="5461">
                  <c:v>0.41713055658847836</c:v>
                </c:pt>
                <c:pt idx="5462">
                  <c:v>0.41713055658847836</c:v>
                </c:pt>
                <c:pt idx="5463">
                  <c:v>0.41713055658847836</c:v>
                </c:pt>
                <c:pt idx="5464">
                  <c:v>0.41713055658847836</c:v>
                </c:pt>
                <c:pt idx="5465">
                  <c:v>0.41713055658847836</c:v>
                </c:pt>
                <c:pt idx="5466">
                  <c:v>0.41713055658847836</c:v>
                </c:pt>
                <c:pt idx="5467">
                  <c:v>0.34760879715706527</c:v>
                </c:pt>
                <c:pt idx="5468">
                  <c:v>0.27808703772565224</c:v>
                </c:pt>
                <c:pt idx="5469">
                  <c:v>0.20856527829423918</c:v>
                </c:pt>
                <c:pt idx="5470">
                  <c:v>0.20856527829423918</c:v>
                </c:pt>
                <c:pt idx="5471">
                  <c:v>0.20856527829423918</c:v>
                </c:pt>
                <c:pt idx="5472">
                  <c:v>0.22670124175676387</c:v>
                </c:pt>
                <c:pt idx="5473">
                  <c:v>0.22670124175676387</c:v>
                </c:pt>
                <c:pt idx="5474">
                  <c:v>0.22670124175676387</c:v>
                </c:pt>
                <c:pt idx="5475">
                  <c:v>0.22670124175676387</c:v>
                </c:pt>
                <c:pt idx="5476">
                  <c:v>0.22670124175676387</c:v>
                </c:pt>
                <c:pt idx="5477">
                  <c:v>0.29219271159760668</c:v>
                </c:pt>
                <c:pt idx="5478">
                  <c:v>0.35264637606607713</c:v>
                </c:pt>
                <c:pt idx="5479">
                  <c:v>0.35264637606607713</c:v>
                </c:pt>
                <c:pt idx="5480">
                  <c:v>0.35264637606607713</c:v>
                </c:pt>
                <c:pt idx="5481">
                  <c:v>0.37783540292793977</c:v>
                </c:pt>
                <c:pt idx="5482">
                  <c:v>0.39294881904505735</c:v>
                </c:pt>
                <c:pt idx="5483">
                  <c:v>0.45340248351352774</c:v>
                </c:pt>
                <c:pt idx="5484">
                  <c:v>0.45340248351352774</c:v>
                </c:pt>
                <c:pt idx="5485">
                  <c:v>0.45340248351352774</c:v>
                </c:pt>
                <c:pt idx="5486">
                  <c:v>0.45340248351352774</c:v>
                </c:pt>
                <c:pt idx="5487">
                  <c:v>0.37783540292793977</c:v>
                </c:pt>
                <c:pt idx="5488">
                  <c:v>0.35768418143844966</c:v>
                </c:pt>
                <c:pt idx="5489">
                  <c:v>0.35768418143844966</c:v>
                </c:pt>
                <c:pt idx="5490">
                  <c:v>0.35768418143844966</c:v>
                </c:pt>
                <c:pt idx="5491">
                  <c:v>0.35768418143844966</c:v>
                </c:pt>
                <c:pt idx="5492">
                  <c:v>0.2770792954804891</c:v>
                </c:pt>
                <c:pt idx="5493">
                  <c:v>0.10579391281982316</c:v>
                </c:pt>
                <c:pt idx="5494">
                  <c:v>0.10579391281982316</c:v>
                </c:pt>
                <c:pt idx="5495">
                  <c:v>0.10579391281982316</c:v>
                </c:pt>
                <c:pt idx="5496">
                  <c:v>4.0556447561361043E-2</c:v>
                </c:pt>
                <c:pt idx="5497">
                  <c:v>7.9181635715038223E-2</c:v>
                </c:pt>
                <c:pt idx="5498">
                  <c:v>7.9181635715038223E-2</c:v>
                </c:pt>
                <c:pt idx="5499">
                  <c:v>7.9181635715038223E-2</c:v>
                </c:pt>
                <c:pt idx="5500">
                  <c:v>7.9181635715038223E-2</c:v>
                </c:pt>
                <c:pt idx="5501">
                  <c:v>9.8494229791876831E-2</c:v>
                </c:pt>
                <c:pt idx="5502">
                  <c:v>0.123600602091767</c:v>
                </c:pt>
                <c:pt idx="5503">
                  <c:v>0.14098193676092174</c:v>
                </c:pt>
                <c:pt idx="5504">
                  <c:v>0.14098193676092174</c:v>
                </c:pt>
                <c:pt idx="5505">
                  <c:v>0.14098193676092174</c:v>
                </c:pt>
                <c:pt idx="5506">
                  <c:v>0.14098193676092174</c:v>
                </c:pt>
                <c:pt idx="5507">
                  <c:v>0.14098193676092174</c:v>
                </c:pt>
                <c:pt idx="5508">
                  <c:v>0.14098193676092174</c:v>
                </c:pt>
                <c:pt idx="5509">
                  <c:v>0.14098193676092174</c:v>
                </c:pt>
                <c:pt idx="5510">
                  <c:v>0.14098193676092174</c:v>
                </c:pt>
                <c:pt idx="5511">
                  <c:v>0.12746312090713469</c:v>
                </c:pt>
                <c:pt idx="5512">
                  <c:v>0.11587556446103157</c:v>
                </c:pt>
                <c:pt idx="5513">
                  <c:v>0.10428800801492841</c:v>
                </c:pt>
                <c:pt idx="5514">
                  <c:v>0.10042548919956067</c:v>
                </c:pt>
                <c:pt idx="5515">
                  <c:v>8.1112895122722087E-2</c:v>
                </c:pt>
                <c:pt idx="5516">
                  <c:v>5.986904163819963E-2</c:v>
                </c:pt>
                <c:pt idx="5517">
                  <c:v>5.986904163819963E-2</c:v>
                </c:pt>
                <c:pt idx="5518">
                  <c:v>5.986904163819963E-2</c:v>
                </c:pt>
                <c:pt idx="5519">
                  <c:v>5.986904163819963E-2</c:v>
                </c:pt>
                <c:pt idx="5520">
                  <c:v>6.7401662090768283E-2</c:v>
                </c:pt>
                <c:pt idx="5521">
                  <c:v>7.8272897911859929E-2</c:v>
                </c:pt>
                <c:pt idx="5522">
                  <c:v>7.8272897911859929E-2</c:v>
                </c:pt>
                <c:pt idx="5523">
                  <c:v>7.8272897911859929E-2</c:v>
                </c:pt>
                <c:pt idx="5524">
                  <c:v>7.8272897911859929E-2</c:v>
                </c:pt>
                <c:pt idx="5525">
                  <c:v>9.7841122389824925E-2</c:v>
                </c:pt>
                <c:pt idx="5526">
                  <c:v>0.11523509970357157</c:v>
                </c:pt>
                <c:pt idx="5527">
                  <c:v>0.13697757134575489</c:v>
                </c:pt>
                <c:pt idx="5528">
                  <c:v>0.13697757134575489</c:v>
                </c:pt>
                <c:pt idx="5529">
                  <c:v>0.13697757134575489</c:v>
                </c:pt>
                <c:pt idx="5530">
                  <c:v>0.13697757134575489</c:v>
                </c:pt>
                <c:pt idx="5531">
                  <c:v>0.13697757134575489</c:v>
                </c:pt>
                <c:pt idx="5532">
                  <c:v>0.13697757134575489</c:v>
                </c:pt>
                <c:pt idx="5533">
                  <c:v>0.13697757134575489</c:v>
                </c:pt>
                <c:pt idx="5534">
                  <c:v>0.13697757134575489</c:v>
                </c:pt>
                <c:pt idx="5535">
                  <c:v>0.12175784119622658</c:v>
                </c:pt>
                <c:pt idx="5536">
                  <c:v>0.11958359403200824</c:v>
                </c:pt>
                <c:pt idx="5537">
                  <c:v>0.10218961671826161</c:v>
                </c:pt>
                <c:pt idx="5538">
                  <c:v>9.5666875225606615E-2</c:v>
                </c:pt>
                <c:pt idx="5539">
                  <c:v>8.044714507607828E-2</c:v>
                </c:pt>
                <c:pt idx="5540">
                  <c:v>6.7401662090768283E-2</c:v>
                </c:pt>
                <c:pt idx="5541">
                  <c:v>5.8704673433894967E-2</c:v>
                </c:pt>
                <c:pt idx="5542">
                  <c:v>5.8704673433894967E-2</c:v>
                </c:pt>
                <c:pt idx="5543">
                  <c:v>5.8704673433894967E-2</c:v>
                </c:pt>
                <c:pt idx="5544">
                  <c:v>6.9757514623728895E-2</c:v>
                </c:pt>
                <c:pt idx="5545">
                  <c:v>6.9757514623728895E-2</c:v>
                </c:pt>
                <c:pt idx="5546">
                  <c:v>6.9757514623728895E-2</c:v>
                </c:pt>
                <c:pt idx="5547">
                  <c:v>6.9757514623728895E-2</c:v>
                </c:pt>
                <c:pt idx="5548">
                  <c:v>6.9757514623728895E-2</c:v>
                </c:pt>
                <c:pt idx="5549">
                  <c:v>0.30228256336949189</c:v>
                </c:pt>
                <c:pt idx="5550">
                  <c:v>0.3429744469000004</c:v>
                </c:pt>
                <c:pt idx="5551">
                  <c:v>0.3429744469000004</c:v>
                </c:pt>
                <c:pt idx="5552">
                  <c:v>0.3429744469000004</c:v>
                </c:pt>
                <c:pt idx="5553">
                  <c:v>0.36622695177457676</c:v>
                </c:pt>
                <c:pt idx="5554">
                  <c:v>0.36622695177457676</c:v>
                </c:pt>
                <c:pt idx="5555">
                  <c:v>0.46505009749152604</c:v>
                </c:pt>
                <c:pt idx="5556">
                  <c:v>0.46505009749152604</c:v>
                </c:pt>
                <c:pt idx="5557">
                  <c:v>0.30809568958813599</c:v>
                </c:pt>
                <c:pt idx="5558">
                  <c:v>0.46505009749152604</c:v>
                </c:pt>
                <c:pt idx="5559">
                  <c:v>0.46505009749152604</c:v>
                </c:pt>
                <c:pt idx="5560">
                  <c:v>0.46505009749152604</c:v>
                </c:pt>
                <c:pt idx="5561">
                  <c:v>0.46505009749152604</c:v>
                </c:pt>
                <c:pt idx="5562">
                  <c:v>0.46505009749152604</c:v>
                </c:pt>
                <c:pt idx="5563">
                  <c:v>0.38947945664915301</c:v>
                </c:pt>
                <c:pt idx="5564">
                  <c:v>0.31972194202542409</c:v>
                </c:pt>
                <c:pt idx="5565">
                  <c:v>0.23252504874576302</c:v>
                </c:pt>
                <c:pt idx="5566">
                  <c:v>0.22089879630847487</c:v>
                </c:pt>
                <c:pt idx="5567">
                  <c:v>0.22089879630847487</c:v>
                </c:pt>
                <c:pt idx="5568">
                  <c:v>0.2069660275695421</c:v>
                </c:pt>
                <c:pt idx="5569">
                  <c:v>0.2069660275695421</c:v>
                </c:pt>
                <c:pt idx="5570">
                  <c:v>0.2069660275695421</c:v>
                </c:pt>
                <c:pt idx="5571">
                  <c:v>0.2069660275695421</c:v>
                </c:pt>
                <c:pt idx="5572">
                  <c:v>0.2069660275695421</c:v>
                </c:pt>
                <c:pt idx="5573">
                  <c:v>0.26905583584040471</c:v>
                </c:pt>
                <c:pt idx="5574">
                  <c:v>0.30010073997583597</c:v>
                </c:pt>
                <c:pt idx="5575">
                  <c:v>0.31044904135431306</c:v>
                </c:pt>
                <c:pt idx="5576">
                  <c:v>0.31044904135431306</c:v>
                </c:pt>
                <c:pt idx="5577">
                  <c:v>0.33631979480050583</c:v>
                </c:pt>
                <c:pt idx="5578">
                  <c:v>0.35184224686822146</c:v>
                </c:pt>
                <c:pt idx="5579">
                  <c:v>0.41393205513908421</c:v>
                </c:pt>
                <c:pt idx="5580">
                  <c:v>0.41393205513908421</c:v>
                </c:pt>
                <c:pt idx="5581">
                  <c:v>0.41393205513908421</c:v>
                </c:pt>
                <c:pt idx="5582">
                  <c:v>0.41393205513908421</c:v>
                </c:pt>
                <c:pt idx="5583">
                  <c:v>0.41393205513908421</c:v>
                </c:pt>
                <c:pt idx="5584">
                  <c:v>0.41393205513908421</c:v>
                </c:pt>
                <c:pt idx="5585">
                  <c:v>0.41393205513908421</c:v>
                </c:pt>
                <c:pt idx="5586">
                  <c:v>0.41393205513908421</c:v>
                </c:pt>
                <c:pt idx="5587">
                  <c:v>0.34666809617898292</c:v>
                </c:pt>
                <c:pt idx="5588">
                  <c:v>0.28457828790812034</c:v>
                </c:pt>
                <c:pt idx="5589">
                  <c:v>0.2069660275695421</c:v>
                </c:pt>
                <c:pt idx="5590">
                  <c:v>0.2069660275695421</c:v>
                </c:pt>
                <c:pt idx="5591">
                  <c:v>0.2069660275695421</c:v>
                </c:pt>
                <c:pt idx="5592">
                  <c:v>0.18486053427229068</c:v>
                </c:pt>
                <c:pt idx="5593">
                  <c:v>0.20796810105632699</c:v>
                </c:pt>
                <c:pt idx="5594">
                  <c:v>0.20796810105632699</c:v>
                </c:pt>
                <c:pt idx="5595">
                  <c:v>0.20796810105632699</c:v>
                </c:pt>
                <c:pt idx="5596">
                  <c:v>0.20796810105632699</c:v>
                </c:pt>
                <c:pt idx="5597">
                  <c:v>0.26804777469482144</c:v>
                </c:pt>
                <c:pt idx="5598">
                  <c:v>0.30964139490608683</c:v>
                </c:pt>
                <c:pt idx="5599">
                  <c:v>0.30964139490608683</c:v>
                </c:pt>
                <c:pt idx="5600">
                  <c:v>0.30964139490608683</c:v>
                </c:pt>
                <c:pt idx="5601">
                  <c:v>0.33274896169012325</c:v>
                </c:pt>
                <c:pt idx="5602">
                  <c:v>0.36047804183096682</c:v>
                </c:pt>
                <c:pt idx="5603">
                  <c:v>0.41593620211265397</c:v>
                </c:pt>
                <c:pt idx="5604">
                  <c:v>0.41593620211265397</c:v>
                </c:pt>
                <c:pt idx="5605">
                  <c:v>0.41593620211265397</c:v>
                </c:pt>
                <c:pt idx="5606">
                  <c:v>0.41593620211265397</c:v>
                </c:pt>
                <c:pt idx="5607">
                  <c:v>0.41593620211265397</c:v>
                </c:pt>
                <c:pt idx="5608">
                  <c:v>0.41593620211265397</c:v>
                </c:pt>
                <c:pt idx="5609">
                  <c:v>0.41593620211265397</c:v>
                </c:pt>
                <c:pt idx="5610">
                  <c:v>0.41593620211265397</c:v>
                </c:pt>
                <c:pt idx="5611">
                  <c:v>0.34661350176054501</c:v>
                </c:pt>
                <c:pt idx="5612">
                  <c:v>0.27729080140843598</c:v>
                </c:pt>
                <c:pt idx="5613">
                  <c:v>0.20796810105632699</c:v>
                </c:pt>
                <c:pt idx="5614">
                  <c:v>0.20796810105632699</c:v>
                </c:pt>
                <c:pt idx="5615">
                  <c:v>0.20796810105632699</c:v>
                </c:pt>
                <c:pt idx="5616">
                  <c:v>0.20763717345757765</c:v>
                </c:pt>
                <c:pt idx="5617">
                  <c:v>0.20763717345757765</c:v>
                </c:pt>
                <c:pt idx="5618">
                  <c:v>0.20763717345757765</c:v>
                </c:pt>
                <c:pt idx="5619">
                  <c:v>0.20763717345757765</c:v>
                </c:pt>
                <c:pt idx="5620">
                  <c:v>0.20763717345757765</c:v>
                </c:pt>
                <c:pt idx="5621">
                  <c:v>0.26762124578976676</c:v>
                </c:pt>
                <c:pt idx="5622">
                  <c:v>0.30914868048128236</c:v>
                </c:pt>
                <c:pt idx="5623">
                  <c:v>0.30914868048128236</c:v>
                </c:pt>
                <c:pt idx="5624">
                  <c:v>0.30914868048128236</c:v>
                </c:pt>
                <c:pt idx="5625">
                  <c:v>0.33221947753212427</c:v>
                </c:pt>
                <c:pt idx="5626">
                  <c:v>0.35990443399313465</c:v>
                </c:pt>
                <c:pt idx="5627">
                  <c:v>0.4152743469151553</c:v>
                </c:pt>
                <c:pt idx="5628">
                  <c:v>0.4152743469151553</c:v>
                </c:pt>
                <c:pt idx="5629">
                  <c:v>0.4152743469151553</c:v>
                </c:pt>
                <c:pt idx="5630">
                  <c:v>0.4152743469151553</c:v>
                </c:pt>
                <c:pt idx="5631">
                  <c:v>0.4152743469151553</c:v>
                </c:pt>
                <c:pt idx="5632">
                  <c:v>0.4152743469151553</c:v>
                </c:pt>
                <c:pt idx="5633">
                  <c:v>0.4152743469151553</c:v>
                </c:pt>
                <c:pt idx="5634">
                  <c:v>0.4152743469151553</c:v>
                </c:pt>
                <c:pt idx="5635">
                  <c:v>0.34606195576262944</c:v>
                </c:pt>
                <c:pt idx="5636">
                  <c:v>0.27684956461010363</c:v>
                </c:pt>
                <c:pt idx="5637">
                  <c:v>0.20763717345757765</c:v>
                </c:pt>
                <c:pt idx="5638">
                  <c:v>0.20763717345757765</c:v>
                </c:pt>
                <c:pt idx="5639">
                  <c:v>0.20763717345757765</c:v>
                </c:pt>
                <c:pt idx="5640">
                  <c:v>0.22941149980079753</c:v>
                </c:pt>
                <c:pt idx="5641">
                  <c:v>0.22941149980079753</c:v>
                </c:pt>
                <c:pt idx="5642">
                  <c:v>0.22941149980079753</c:v>
                </c:pt>
                <c:pt idx="5643">
                  <c:v>0.22941149980079753</c:v>
                </c:pt>
                <c:pt idx="5644">
                  <c:v>0.22941149980079753</c:v>
                </c:pt>
                <c:pt idx="5645">
                  <c:v>0.29568593307658353</c:v>
                </c:pt>
                <c:pt idx="5646">
                  <c:v>0.35686233302346287</c:v>
                </c:pt>
                <c:pt idx="5647">
                  <c:v>0.35686233302346287</c:v>
                </c:pt>
                <c:pt idx="5648">
                  <c:v>0.35686233302346287</c:v>
                </c:pt>
                <c:pt idx="5649">
                  <c:v>0.38235249966799595</c:v>
                </c:pt>
                <c:pt idx="5650">
                  <c:v>0.39764659965471583</c:v>
                </c:pt>
                <c:pt idx="5651">
                  <c:v>0.45882299960159506</c:v>
                </c:pt>
                <c:pt idx="5652">
                  <c:v>0.45882299960159506</c:v>
                </c:pt>
                <c:pt idx="5653">
                  <c:v>0.45882299960159506</c:v>
                </c:pt>
                <c:pt idx="5654">
                  <c:v>0.45882299960159506</c:v>
                </c:pt>
                <c:pt idx="5655">
                  <c:v>0.38235249966799595</c:v>
                </c:pt>
                <c:pt idx="5656">
                  <c:v>0.36196036635236961</c:v>
                </c:pt>
                <c:pt idx="5657">
                  <c:v>0.36196036635236961</c:v>
                </c:pt>
                <c:pt idx="5658">
                  <c:v>0.36196036635236961</c:v>
                </c:pt>
                <c:pt idx="5659">
                  <c:v>0.36196036635236961</c:v>
                </c:pt>
                <c:pt idx="5660">
                  <c:v>0.28039183308986371</c:v>
                </c:pt>
                <c:pt idx="5661">
                  <c:v>0.10705869990703885</c:v>
                </c:pt>
                <c:pt idx="5662">
                  <c:v>0.10705869990703885</c:v>
                </c:pt>
                <c:pt idx="5663">
                  <c:v>0.10705869990703885</c:v>
                </c:pt>
                <c:pt idx="5664">
                  <c:v>4.065196217673956E-2</c:v>
                </c:pt>
                <c:pt idx="5665">
                  <c:v>7.9368116630777252E-2</c:v>
                </c:pt>
                <c:pt idx="5666">
                  <c:v>7.9368116630777252E-2</c:v>
                </c:pt>
                <c:pt idx="5667">
                  <c:v>7.9368116630777252E-2</c:v>
                </c:pt>
                <c:pt idx="5668">
                  <c:v>7.9368116630777252E-2</c:v>
                </c:pt>
                <c:pt idx="5669">
                  <c:v>9.8726193857796074E-2</c:v>
                </c:pt>
                <c:pt idx="5670">
                  <c:v>0.12389169425292057</c:v>
                </c:pt>
                <c:pt idx="5671">
                  <c:v>0.14131396375723751</c:v>
                </c:pt>
                <c:pt idx="5672">
                  <c:v>0.14131396375723751</c:v>
                </c:pt>
                <c:pt idx="5673">
                  <c:v>0.14131396375723751</c:v>
                </c:pt>
                <c:pt idx="5674">
                  <c:v>0.14131396375723751</c:v>
                </c:pt>
                <c:pt idx="5675">
                  <c:v>0.14131396375723751</c:v>
                </c:pt>
                <c:pt idx="5676">
                  <c:v>0.14131396375723751</c:v>
                </c:pt>
                <c:pt idx="5677">
                  <c:v>0.14131396375723751</c:v>
                </c:pt>
                <c:pt idx="5678">
                  <c:v>0.14131396375723751</c:v>
                </c:pt>
                <c:pt idx="5679">
                  <c:v>0.12776330969832431</c:v>
                </c:pt>
                <c:pt idx="5680">
                  <c:v>0.11614846336211303</c:v>
                </c:pt>
                <c:pt idx="5681">
                  <c:v>0.10453361702590173</c:v>
                </c:pt>
                <c:pt idx="5682">
                  <c:v>0.10066200158049797</c:v>
                </c:pt>
                <c:pt idx="5683">
                  <c:v>8.1303924353479121E-2</c:v>
                </c:pt>
                <c:pt idx="5684">
                  <c:v>6.0010039403758396E-2</c:v>
                </c:pt>
                <c:pt idx="5685">
                  <c:v>6.0010039403758396E-2</c:v>
                </c:pt>
                <c:pt idx="5686">
                  <c:v>6.0010039403758396E-2</c:v>
                </c:pt>
                <c:pt idx="5687">
                  <c:v>6.0010039403758396E-2</c:v>
                </c:pt>
                <c:pt idx="5688">
                  <c:v>6.9730083923544448E-2</c:v>
                </c:pt>
                <c:pt idx="5689">
                  <c:v>8.0976871653148388E-2</c:v>
                </c:pt>
                <c:pt idx="5690">
                  <c:v>8.0976871653148388E-2</c:v>
                </c:pt>
                <c:pt idx="5691">
                  <c:v>8.0976871653148388E-2</c:v>
                </c:pt>
                <c:pt idx="5692">
                  <c:v>8.0976871653148388E-2</c:v>
                </c:pt>
                <c:pt idx="5693">
                  <c:v>0.10122108956643547</c:v>
                </c:pt>
                <c:pt idx="5694">
                  <c:v>0.11921594993380179</c:v>
                </c:pt>
                <c:pt idx="5695">
                  <c:v>0.14170952539300966</c:v>
                </c:pt>
                <c:pt idx="5696">
                  <c:v>0.14170952539300966</c:v>
                </c:pt>
                <c:pt idx="5697">
                  <c:v>0.14170952539300966</c:v>
                </c:pt>
                <c:pt idx="5698">
                  <c:v>0.14170952539300966</c:v>
                </c:pt>
                <c:pt idx="5699">
                  <c:v>0.14170952539300966</c:v>
                </c:pt>
                <c:pt idx="5700">
                  <c:v>0.14170952539300966</c:v>
                </c:pt>
                <c:pt idx="5701">
                  <c:v>0.14170952539300966</c:v>
                </c:pt>
                <c:pt idx="5702">
                  <c:v>0.14170952539300966</c:v>
                </c:pt>
                <c:pt idx="5703">
                  <c:v>0.12596402257156417</c:v>
                </c:pt>
                <c:pt idx="5704">
                  <c:v>0.12371466502564338</c:v>
                </c:pt>
                <c:pt idx="5705">
                  <c:v>0.10571980465827709</c:v>
                </c:pt>
                <c:pt idx="5706">
                  <c:v>9.8971732020514694E-2</c:v>
                </c:pt>
                <c:pt idx="5707">
                  <c:v>8.322622919906919E-2</c:v>
                </c:pt>
                <c:pt idx="5708">
                  <c:v>6.9730083923544448E-2</c:v>
                </c:pt>
                <c:pt idx="5709">
                  <c:v>6.0732653739861295E-2</c:v>
                </c:pt>
                <c:pt idx="5710">
                  <c:v>6.0732653739861295E-2</c:v>
                </c:pt>
                <c:pt idx="5711">
                  <c:v>6.0732653739861295E-2</c:v>
                </c:pt>
                <c:pt idx="5712">
                  <c:v>7.0657044844215131E-2</c:v>
                </c:pt>
                <c:pt idx="5713">
                  <c:v>7.0657044844215131E-2</c:v>
                </c:pt>
                <c:pt idx="5714">
                  <c:v>7.0657044844215131E-2</c:v>
                </c:pt>
                <c:pt idx="5715">
                  <c:v>7.0657044844215131E-2</c:v>
                </c:pt>
                <c:pt idx="5716">
                  <c:v>7.0657044844215131E-2</c:v>
                </c:pt>
                <c:pt idx="5717">
                  <c:v>0.30618052765826553</c:v>
                </c:pt>
                <c:pt idx="5718">
                  <c:v>0.3473971371507244</c:v>
                </c:pt>
                <c:pt idx="5719">
                  <c:v>0.3473971371507244</c:v>
                </c:pt>
                <c:pt idx="5720">
                  <c:v>0.3473971371507244</c:v>
                </c:pt>
                <c:pt idx="5721">
                  <c:v>0.37094948543212947</c:v>
                </c:pt>
                <c:pt idx="5722">
                  <c:v>0.37094948543212947</c:v>
                </c:pt>
                <c:pt idx="5723">
                  <c:v>0.47104696562810089</c:v>
                </c:pt>
                <c:pt idx="5724">
                  <c:v>0.47104696562810089</c:v>
                </c:pt>
                <c:pt idx="5725">
                  <c:v>0.31206861472861686</c:v>
                </c:pt>
                <c:pt idx="5726">
                  <c:v>0.47104696562810089</c:v>
                </c:pt>
                <c:pt idx="5727">
                  <c:v>0.47104696562810089</c:v>
                </c:pt>
                <c:pt idx="5728">
                  <c:v>0.47104696562810089</c:v>
                </c:pt>
                <c:pt idx="5729">
                  <c:v>0.47104696562810089</c:v>
                </c:pt>
                <c:pt idx="5730">
                  <c:v>0.47104696562810089</c:v>
                </c:pt>
                <c:pt idx="5731">
                  <c:v>0.39450183371353453</c:v>
                </c:pt>
                <c:pt idx="5732">
                  <c:v>0.32384478886931933</c:v>
                </c:pt>
                <c:pt idx="5733">
                  <c:v>0.23552348281405044</c:v>
                </c:pt>
                <c:pt idx="5734">
                  <c:v>0.22374730867334797</c:v>
                </c:pt>
                <c:pt idx="5735">
                  <c:v>0.22374730867334797</c:v>
                </c:pt>
                <c:pt idx="5736">
                  <c:v>0.20820226368774344</c:v>
                </c:pt>
                <c:pt idx="5737">
                  <c:v>0.20820226368774344</c:v>
                </c:pt>
                <c:pt idx="5738">
                  <c:v>0.20820226368774344</c:v>
                </c:pt>
                <c:pt idx="5739">
                  <c:v>0.20820226368774344</c:v>
                </c:pt>
                <c:pt idx="5740">
                  <c:v>0.20820226368774344</c:v>
                </c:pt>
                <c:pt idx="5741">
                  <c:v>0.27066294279406644</c:v>
                </c:pt>
                <c:pt idx="5742">
                  <c:v>0.30189328234722795</c:v>
                </c:pt>
                <c:pt idx="5743">
                  <c:v>0.31230339553161512</c:v>
                </c:pt>
                <c:pt idx="5744">
                  <c:v>0.31230339553161512</c:v>
                </c:pt>
                <c:pt idx="5745">
                  <c:v>0.33832867849258302</c:v>
                </c:pt>
                <c:pt idx="5746">
                  <c:v>0.35394384826916375</c:v>
                </c:pt>
                <c:pt idx="5747">
                  <c:v>0.41640452737548689</c:v>
                </c:pt>
                <c:pt idx="5748">
                  <c:v>0.41640452737548689</c:v>
                </c:pt>
                <c:pt idx="5749">
                  <c:v>0.41640452737548689</c:v>
                </c:pt>
                <c:pt idx="5750">
                  <c:v>0.41640452737548689</c:v>
                </c:pt>
                <c:pt idx="5751">
                  <c:v>0.41640452737548689</c:v>
                </c:pt>
                <c:pt idx="5752">
                  <c:v>0.41640452737548689</c:v>
                </c:pt>
                <c:pt idx="5753">
                  <c:v>0.41640452737548689</c:v>
                </c:pt>
                <c:pt idx="5754">
                  <c:v>0.41640452737548689</c:v>
                </c:pt>
                <c:pt idx="5755">
                  <c:v>0.34873879167697019</c:v>
                </c:pt>
                <c:pt idx="5756">
                  <c:v>0.28627811257064717</c:v>
                </c:pt>
                <c:pt idx="5757">
                  <c:v>0.20820226368774344</c:v>
                </c:pt>
                <c:pt idx="5758">
                  <c:v>0.20820226368774344</c:v>
                </c:pt>
                <c:pt idx="5759">
                  <c:v>0.20820226368774344</c:v>
                </c:pt>
                <c:pt idx="5760">
                  <c:v>0.18568806416302611</c:v>
                </c:pt>
                <c:pt idx="5761">
                  <c:v>0.20889907218340439</c:v>
                </c:pt>
                <c:pt idx="5762">
                  <c:v>0.20889907218340439</c:v>
                </c:pt>
                <c:pt idx="5763">
                  <c:v>0.20889907218340439</c:v>
                </c:pt>
                <c:pt idx="5764">
                  <c:v>0.20889907218340439</c:v>
                </c:pt>
                <c:pt idx="5765">
                  <c:v>0.26924769303638785</c:v>
                </c:pt>
                <c:pt idx="5766">
                  <c:v>0.31102750747306873</c:v>
                </c:pt>
                <c:pt idx="5767">
                  <c:v>0.31102750747306873</c:v>
                </c:pt>
                <c:pt idx="5768">
                  <c:v>0.31102750747306873</c:v>
                </c:pt>
                <c:pt idx="5769">
                  <c:v>0.33423851549344702</c:v>
                </c:pt>
                <c:pt idx="5770">
                  <c:v>0.36209172511790094</c:v>
                </c:pt>
                <c:pt idx="5771">
                  <c:v>0.41779814436680879</c:v>
                </c:pt>
                <c:pt idx="5772">
                  <c:v>0.41779814436680879</c:v>
                </c:pt>
                <c:pt idx="5773">
                  <c:v>0.41779814436680879</c:v>
                </c:pt>
                <c:pt idx="5774">
                  <c:v>0.41779814436680879</c:v>
                </c:pt>
                <c:pt idx="5775">
                  <c:v>0.41779814436680879</c:v>
                </c:pt>
                <c:pt idx="5776">
                  <c:v>0.41779814436680879</c:v>
                </c:pt>
                <c:pt idx="5777">
                  <c:v>0.41779814436680879</c:v>
                </c:pt>
                <c:pt idx="5778">
                  <c:v>0.41779814436680879</c:v>
                </c:pt>
                <c:pt idx="5779">
                  <c:v>0.34816512030567398</c:v>
                </c:pt>
                <c:pt idx="5780">
                  <c:v>0.27853209624453923</c:v>
                </c:pt>
                <c:pt idx="5781">
                  <c:v>0.20889907218340439</c:v>
                </c:pt>
                <c:pt idx="5782">
                  <c:v>0.20889907218340439</c:v>
                </c:pt>
                <c:pt idx="5783">
                  <c:v>0.20889907218340439</c:v>
                </c:pt>
                <c:pt idx="5784">
                  <c:v>0.20887464657312629</c:v>
                </c:pt>
                <c:pt idx="5785">
                  <c:v>0.20887464657312629</c:v>
                </c:pt>
                <c:pt idx="5786">
                  <c:v>0.20887464657312629</c:v>
                </c:pt>
                <c:pt idx="5787">
                  <c:v>0.20887464657312629</c:v>
                </c:pt>
                <c:pt idx="5788">
                  <c:v>0.20887464657312629</c:v>
                </c:pt>
                <c:pt idx="5789">
                  <c:v>0.26921621113869615</c:v>
                </c:pt>
                <c:pt idx="5790">
                  <c:v>0.31099114045332144</c:v>
                </c:pt>
                <c:pt idx="5791">
                  <c:v>0.31099114045332144</c:v>
                </c:pt>
                <c:pt idx="5792">
                  <c:v>0.31099114045332144</c:v>
                </c:pt>
                <c:pt idx="5793">
                  <c:v>0.33419943451700213</c:v>
                </c:pt>
                <c:pt idx="5794">
                  <c:v>0.36204938739341896</c:v>
                </c:pt>
                <c:pt idx="5795">
                  <c:v>0.41774929314625259</c:v>
                </c:pt>
                <c:pt idx="5796">
                  <c:v>0.41774929314625259</c:v>
                </c:pt>
                <c:pt idx="5797">
                  <c:v>0.41774929314625259</c:v>
                </c:pt>
                <c:pt idx="5798">
                  <c:v>0.41774929314625259</c:v>
                </c:pt>
                <c:pt idx="5799">
                  <c:v>0.41774929314625259</c:v>
                </c:pt>
                <c:pt idx="5800">
                  <c:v>0.41774929314625259</c:v>
                </c:pt>
                <c:pt idx="5801">
                  <c:v>0.41774929314625259</c:v>
                </c:pt>
                <c:pt idx="5802">
                  <c:v>0.41774929314625259</c:v>
                </c:pt>
                <c:pt idx="5803">
                  <c:v>0.34812441095521057</c:v>
                </c:pt>
                <c:pt idx="5804">
                  <c:v>0.27849952876416845</c:v>
                </c:pt>
                <c:pt idx="5805">
                  <c:v>0.20887464657312629</c:v>
                </c:pt>
                <c:pt idx="5806">
                  <c:v>0.20887464657312629</c:v>
                </c:pt>
                <c:pt idx="5807">
                  <c:v>0.20887464657312629</c:v>
                </c:pt>
                <c:pt idx="5808">
                  <c:v>0.23110541107831864</c:v>
                </c:pt>
                <c:pt idx="5809">
                  <c:v>0.23110541107831864</c:v>
                </c:pt>
                <c:pt idx="5810">
                  <c:v>0.23110541107831864</c:v>
                </c:pt>
                <c:pt idx="5811">
                  <c:v>0.23110541107831864</c:v>
                </c:pt>
                <c:pt idx="5812">
                  <c:v>0.23110541107831864</c:v>
                </c:pt>
                <c:pt idx="5813">
                  <c:v>0.29786919650094407</c:v>
                </c:pt>
                <c:pt idx="5814">
                  <c:v>0.35949730612182912</c:v>
                </c:pt>
                <c:pt idx="5815">
                  <c:v>0.35949730612182912</c:v>
                </c:pt>
                <c:pt idx="5816">
                  <c:v>0.35949730612182912</c:v>
                </c:pt>
                <c:pt idx="5817">
                  <c:v>0.38517568513053113</c:v>
                </c:pt>
                <c:pt idx="5818">
                  <c:v>0.40058271253575239</c:v>
                </c:pt>
                <c:pt idx="5819">
                  <c:v>0.46221082215663728</c:v>
                </c:pt>
                <c:pt idx="5820">
                  <c:v>0.46221082215663728</c:v>
                </c:pt>
                <c:pt idx="5821">
                  <c:v>0.46221082215663728</c:v>
                </c:pt>
                <c:pt idx="5822">
                  <c:v>0.46221082215663728</c:v>
                </c:pt>
                <c:pt idx="5823">
                  <c:v>0.38517568513053113</c:v>
                </c:pt>
                <c:pt idx="5824">
                  <c:v>0.36463298192356952</c:v>
                </c:pt>
                <c:pt idx="5825">
                  <c:v>0.36463298192356952</c:v>
                </c:pt>
                <c:pt idx="5826">
                  <c:v>0.36463298192356952</c:v>
                </c:pt>
                <c:pt idx="5827">
                  <c:v>0.36463298192356952</c:v>
                </c:pt>
                <c:pt idx="5828">
                  <c:v>0.2824621690957228</c:v>
                </c:pt>
                <c:pt idx="5829">
                  <c:v>0.10784919183654872</c:v>
                </c:pt>
                <c:pt idx="5830">
                  <c:v>0.10784919183654872</c:v>
                </c:pt>
                <c:pt idx="5831">
                  <c:v>0.10784919183654872</c:v>
                </c:pt>
                <c:pt idx="5832">
                  <c:v>4.8516912773697483E-2</c:v>
                </c:pt>
                <c:pt idx="5833">
                  <c:v>9.4723496367695087E-2</c:v>
                </c:pt>
                <c:pt idx="5834">
                  <c:v>9.4723496367695087E-2</c:v>
                </c:pt>
                <c:pt idx="5835">
                  <c:v>9.4723496367695087E-2</c:v>
                </c:pt>
                <c:pt idx="5836">
                  <c:v>9.4723496367695087E-2</c:v>
                </c:pt>
                <c:pt idx="5837">
                  <c:v>0.11782678816469391</c:v>
                </c:pt>
                <c:pt idx="5838">
                  <c:v>0.14786106750079236</c:v>
                </c:pt>
                <c:pt idx="5839">
                  <c:v>0.16865403011809124</c:v>
                </c:pt>
                <c:pt idx="5840">
                  <c:v>0.16865403011809124</c:v>
                </c:pt>
                <c:pt idx="5841">
                  <c:v>0.16865403011809124</c:v>
                </c:pt>
                <c:pt idx="5842">
                  <c:v>0.16865403011809124</c:v>
                </c:pt>
                <c:pt idx="5843">
                  <c:v>0.16865403011809124</c:v>
                </c:pt>
                <c:pt idx="5844">
                  <c:v>0.16865403011809124</c:v>
                </c:pt>
                <c:pt idx="5845">
                  <c:v>0.16865403011809124</c:v>
                </c:pt>
                <c:pt idx="5846">
                  <c:v>0.16865403011809124</c:v>
                </c:pt>
                <c:pt idx="5847">
                  <c:v>0.15248172586019207</c:v>
                </c:pt>
                <c:pt idx="5848">
                  <c:v>0.13861975078199282</c:v>
                </c:pt>
                <c:pt idx="5849">
                  <c:v>0.12475777570379354</c:v>
                </c:pt>
                <c:pt idx="5850">
                  <c:v>0.12013711734439377</c:v>
                </c:pt>
                <c:pt idx="5851">
                  <c:v>9.7033825547394967E-2</c:v>
                </c:pt>
                <c:pt idx="5852">
                  <c:v>7.1620204570696275E-2</c:v>
                </c:pt>
                <c:pt idx="5853">
                  <c:v>7.1620204570696275E-2</c:v>
                </c:pt>
                <c:pt idx="5854">
                  <c:v>7.1620204570696275E-2</c:v>
                </c:pt>
                <c:pt idx="5855">
                  <c:v>7.1620204570696275E-2</c:v>
                </c:pt>
                <c:pt idx="5856">
                  <c:v>8.6259830458404615E-2</c:v>
                </c:pt>
                <c:pt idx="5857">
                  <c:v>0.10017270633879248</c:v>
                </c:pt>
                <c:pt idx="5858">
                  <c:v>0.10017270633879248</c:v>
                </c:pt>
                <c:pt idx="5859">
                  <c:v>0.10017270633879248</c:v>
                </c:pt>
                <c:pt idx="5860">
                  <c:v>0.10017270633879248</c:v>
                </c:pt>
                <c:pt idx="5861">
                  <c:v>0.12521588292349056</c:v>
                </c:pt>
                <c:pt idx="5862">
                  <c:v>0.14747648433211114</c:v>
                </c:pt>
                <c:pt idx="5863">
                  <c:v>0.17530223609288678</c:v>
                </c:pt>
                <c:pt idx="5864">
                  <c:v>0.17530223609288678</c:v>
                </c:pt>
                <c:pt idx="5865">
                  <c:v>0.17530223609288678</c:v>
                </c:pt>
                <c:pt idx="5866">
                  <c:v>0.17530223609288678</c:v>
                </c:pt>
                <c:pt idx="5867">
                  <c:v>0.17530223609288678</c:v>
                </c:pt>
                <c:pt idx="5868">
                  <c:v>0.17530223609288678</c:v>
                </c:pt>
                <c:pt idx="5869">
                  <c:v>0.17530223609288678</c:v>
                </c:pt>
                <c:pt idx="5870">
                  <c:v>0.17530223609288678</c:v>
                </c:pt>
                <c:pt idx="5871">
                  <c:v>0.15582420986034384</c:v>
                </c:pt>
                <c:pt idx="5872">
                  <c:v>0.15304163468426626</c:v>
                </c:pt>
                <c:pt idx="5873">
                  <c:v>0.13078103327564572</c:v>
                </c:pt>
                <c:pt idx="5874">
                  <c:v>0.12243330774741301</c:v>
                </c:pt>
                <c:pt idx="5875">
                  <c:v>0.10295528151487005</c:v>
                </c:pt>
                <c:pt idx="5876">
                  <c:v>8.6259830458404615E-2</c:v>
                </c:pt>
                <c:pt idx="5877">
                  <c:v>7.5129529754094357E-2</c:v>
                </c:pt>
                <c:pt idx="5878">
                  <c:v>7.5129529754094357E-2</c:v>
                </c:pt>
                <c:pt idx="5879">
                  <c:v>7.5129529754094357E-2</c:v>
                </c:pt>
                <c:pt idx="5880">
                  <c:v>7.2667759454713793E-2</c:v>
                </c:pt>
                <c:pt idx="5881">
                  <c:v>7.2667759454713793E-2</c:v>
                </c:pt>
                <c:pt idx="5882">
                  <c:v>7.2667759454713793E-2</c:v>
                </c:pt>
                <c:pt idx="5883">
                  <c:v>7.2667759454713793E-2</c:v>
                </c:pt>
                <c:pt idx="5884">
                  <c:v>7.2667759454713793E-2</c:v>
                </c:pt>
                <c:pt idx="5885">
                  <c:v>0.31489362430375972</c:v>
                </c:pt>
                <c:pt idx="5886">
                  <c:v>0.35728315065234278</c:v>
                </c:pt>
                <c:pt idx="5887">
                  <c:v>0.35728315065234278</c:v>
                </c:pt>
                <c:pt idx="5888">
                  <c:v>0.35728315065234278</c:v>
                </c:pt>
                <c:pt idx="5889">
                  <c:v>0.38150573713724739</c:v>
                </c:pt>
                <c:pt idx="5890">
                  <c:v>0.38150573713724739</c:v>
                </c:pt>
                <c:pt idx="5891">
                  <c:v>0.48445172969809192</c:v>
                </c:pt>
                <c:pt idx="5892">
                  <c:v>0.48445172969809192</c:v>
                </c:pt>
                <c:pt idx="5893">
                  <c:v>0.32094927092498599</c:v>
                </c:pt>
                <c:pt idx="5894">
                  <c:v>0.48445172969809192</c:v>
                </c:pt>
                <c:pt idx="5895">
                  <c:v>0.48445172969809192</c:v>
                </c:pt>
                <c:pt idx="5896">
                  <c:v>0.48445172969809192</c:v>
                </c:pt>
                <c:pt idx="5897">
                  <c:v>0.48445172969809192</c:v>
                </c:pt>
                <c:pt idx="5898">
                  <c:v>0.48445172969809192</c:v>
                </c:pt>
                <c:pt idx="5899">
                  <c:v>0.40572832362215205</c:v>
                </c:pt>
                <c:pt idx="5900">
                  <c:v>0.33306056416743823</c:v>
                </c:pt>
                <c:pt idx="5901">
                  <c:v>0.24222586484904596</c:v>
                </c:pt>
                <c:pt idx="5902">
                  <c:v>0.23011457160659371</c:v>
                </c:pt>
                <c:pt idx="5903">
                  <c:v>0.23011457160659371</c:v>
                </c:pt>
                <c:pt idx="5904">
                  <c:v>0.21067473592414609</c:v>
                </c:pt>
                <c:pt idx="5905">
                  <c:v>0.21067473592414609</c:v>
                </c:pt>
                <c:pt idx="5906">
                  <c:v>0.21067473592414609</c:v>
                </c:pt>
                <c:pt idx="5907">
                  <c:v>0.21067473592414609</c:v>
                </c:pt>
                <c:pt idx="5908">
                  <c:v>0.21067473592414609</c:v>
                </c:pt>
                <c:pt idx="5909">
                  <c:v>0.27387715670138985</c:v>
                </c:pt>
                <c:pt idx="5910">
                  <c:v>0.3054783670900118</c:v>
                </c:pt>
                <c:pt idx="5911">
                  <c:v>0.31601210388621914</c:v>
                </c:pt>
                <c:pt idx="5912">
                  <c:v>0.31601210388621914</c:v>
                </c:pt>
                <c:pt idx="5913">
                  <c:v>0.34234644587673735</c:v>
                </c:pt>
                <c:pt idx="5914">
                  <c:v>0.35814705107104827</c:v>
                </c:pt>
                <c:pt idx="5915">
                  <c:v>0.42134947184829219</c:v>
                </c:pt>
                <c:pt idx="5916">
                  <c:v>0.42134947184829219</c:v>
                </c:pt>
                <c:pt idx="5917">
                  <c:v>0.42134947184829219</c:v>
                </c:pt>
                <c:pt idx="5918">
                  <c:v>0.42134947184829219</c:v>
                </c:pt>
                <c:pt idx="5919">
                  <c:v>0.42134947184829219</c:v>
                </c:pt>
                <c:pt idx="5920">
                  <c:v>0.42134947184829219</c:v>
                </c:pt>
                <c:pt idx="5921">
                  <c:v>0.42134947184829219</c:v>
                </c:pt>
                <c:pt idx="5922">
                  <c:v>0.42134947184829219</c:v>
                </c:pt>
                <c:pt idx="5923">
                  <c:v>0.35288018267294469</c:v>
                </c:pt>
                <c:pt idx="5924">
                  <c:v>0.28967776189570082</c:v>
                </c:pt>
                <c:pt idx="5925">
                  <c:v>0.21067473592414609</c:v>
                </c:pt>
                <c:pt idx="5926">
                  <c:v>0.21067473592414609</c:v>
                </c:pt>
                <c:pt idx="5927">
                  <c:v>0.21067473592414609</c:v>
                </c:pt>
                <c:pt idx="5928">
                  <c:v>0.19120493010126241</c:v>
                </c:pt>
                <c:pt idx="5929">
                  <c:v>0.21510554636392024</c:v>
                </c:pt>
                <c:pt idx="5930">
                  <c:v>0.21510554636392024</c:v>
                </c:pt>
                <c:pt idx="5931">
                  <c:v>0.21510554636392024</c:v>
                </c:pt>
                <c:pt idx="5932">
                  <c:v>0.21510554636392024</c:v>
                </c:pt>
                <c:pt idx="5933">
                  <c:v>0.27724714864683048</c:v>
                </c:pt>
                <c:pt idx="5934">
                  <c:v>0.32026825791961455</c:v>
                </c:pt>
                <c:pt idx="5935">
                  <c:v>0.32026825791961455</c:v>
                </c:pt>
                <c:pt idx="5936">
                  <c:v>0.32026825791961455</c:v>
                </c:pt>
                <c:pt idx="5937">
                  <c:v>0.34416887418227232</c:v>
                </c:pt>
                <c:pt idx="5938">
                  <c:v>0.37284961369746167</c:v>
                </c:pt>
                <c:pt idx="5939">
                  <c:v>0.43021109272784047</c:v>
                </c:pt>
                <c:pt idx="5940">
                  <c:v>0.43021109272784047</c:v>
                </c:pt>
                <c:pt idx="5941">
                  <c:v>0.43021109272784047</c:v>
                </c:pt>
                <c:pt idx="5942">
                  <c:v>0.43021109272784047</c:v>
                </c:pt>
                <c:pt idx="5943">
                  <c:v>0.43021109272784047</c:v>
                </c:pt>
                <c:pt idx="5944">
                  <c:v>0.43021109272784047</c:v>
                </c:pt>
                <c:pt idx="5945">
                  <c:v>0.43021109272784047</c:v>
                </c:pt>
                <c:pt idx="5946">
                  <c:v>0.43021109272784047</c:v>
                </c:pt>
                <c:pt idx="5947">
                  <c:v>0.35850924393986705</c:v>
                </c:pt>
                <c:pt idx="5948">
                  <c:v>0.28680739515189363</c:v>
                </c:pt>
                <c:pt idx="5949">
                  <c:v>0.21510554636392024</c:v>
                </c:pt>
                <c:pt idx="5950">
                  <c:v>0.21510554636392024</c:v>
                </c:pt>
                <c:pt idx="5951">
                  <c:v>0.21510554636392024</c:v>
                </c:pt>
                <c:pt idx="5952">
                  <c:v>0.21165896108311089</c:v>
                </c:pt>
                <c:pt idx="5953">
                  <c:v>0.21165896108311089</c:v>
                </c:pt>
                <c:pt idx="5954">
                  <c:v>0.21165896108311089</c:v>
                </c:pt>
                <c:pt idx="5955">
                  <c:v>0.21165896108311089</c:v>
                </c:pt>
                <c:pt idx="5956">
                  <c:v>0.21165896108311089</c:v>
                </c:pt>
                <c:pt idx="5957">
                  <c:v>0.27280488317378732</c:v>
                </c:pt>
                <c:pt idx="5958">
                  <c:v>0.31513667539040952</c:v>
                </c:pt>
                <c:pt idx="5959">
                  <c:v>0.31513667539040952</c:v>
                </c:pt>
                <c:pt idx="5960">
                  <c:v>0.31513667539040952</c:v>
                </c:pt>
                <c:pt idx="5961">
                  <c:v>0.33865433773297732</c:v>
                </c:pt>
                <c:pt idx="5962">
                  <c:v>0.36687553254405886</c:v>
                </c:pt>
                <c:pt idx="5963">
                  <c:v>0.42331792216622177</c:v>
                </c:pt>
                <c:pt idx="5964">
                  <c:v>0.42331792216622177</c:v>
                </c:pt>
                <c:pt idx="5965">
                  <c:v>0.42331792216622177</c:v>
                </c:pt>
                <c:pt idx="5966">
                  <c:v>0.42331792216622177</c:v>
                </c:pt>
                <c:pt idx="5967">
                  <c:v>0.42331792216622177</c:v>
                </c:pt>
                <c:pt idx="5968">
                  <c:v>0.42331792216622177</c:v>
                </c:pt>
                <c:pt idx="5969">
                  <c:v>0.42331792216622177</c:v>
                </c:pt>
                <c:pt idx="5970">
                  <c:v>0.42331792216622177</c:v>
                </c:pt>
                <c:pt idx="5971">
                  <c:v>0.35276493513851809</c:v>
                </c:pt>
                <c:pt idx="5972">
                  <c:v>0.28221194811081457</c:v>
                </c:pt>
                <c:pt idx="5973">
                  <c:v>0.21165896108311089</c:v>
                </c:pt>
                <c:pt idx="5974">
                  <c:v>0.21165896108311089</c:v>
                </c:pt>
                <c:pt idx="5975">
                  <c:v>0.21165896108311089</c:v>
                </c:pt>
                <c:pt idx="5976">
                  <c:v>0.23042784656731022</c:v>
                </c:pt>
                <c:pt idx="5977">
                  <c:v>0.23042784656731022</c:v>
                </c:pt>
                <c:pt idx="5978">
                  <c:v>0.23042784656731022</c:v>
                </c:pt>
                <c:pt idx="5979">
                  <c:v>0.23042784656731022</c:v>
                </c:pt>
                <c:pt idx="5980">
                  <c:v>0.23042784656731022</c:v>
                </c:pt>
                <c:pt idx="5981">
                  <c:v>0.29699589113119984</c:v>
                </c:pt>
                <c:pt idx="5982">
                  <c:v>0.3584433168824826</c:v>
                </c:pt>
                <c:pt idx="5983">
                  <c:v>0.3584433168824826</c:v>
                </c:pt>
                <c:pt idx="5984">
                  <c:v>0.3584433168824826</c:v>
                </c:pt>
                <c:pt idx="5985">
                  <c:v>0.38404641094551706</c:v>
                </c:pt>
                <c:pt idx="5986">
                  <c:v>0.39940826738333773</c:v>
                </c:pt>
                <c:pt idx="5987">
                  <c:v>0.46085569313462044</c:v>
                </c:pt>
                <c:pt idx="5988">
                  <c:v>0.46085569313462044</c:v>
                </c:pt>
                <c:pt idx="5989">
                  <c:v>0.46085569313462044</c:v>
                </c:pt>
                <c:pt idx="5990">
                  <c:v>0.46085569313462044</c:v>
                </c:pt>
                <c:pt idx="5991">
                  <c:v>0.38404641094551706</c:v>
                </c:pt>
                <c:pt idx="5992">
                  <c:v>0.36356393569508949</c:v>
                </c:pt>
                <c:pt idx="5993">
                  <c:v>0.36356393569508949</c:v>
                </c:pt>
                <c:pt idx="5994">
                  <c:v>0.36356393569508949</c:v>
                </c:pt>
                <c:pt idx="5995">
                  <c:v>0.36356393569508949</c:v>
                </c:pt>
                <c:pt idx="5996">
                  <c:v>0.28163403469337916</c:v>
                </c:pt>
                <c:pt idx="5997">
                  <c:v>0.10753299506474477</c:v>
                </c:pt>
                <c:pt idx="5998">
                  <c:v>0.10753299506474477</c:v>
                </c:pt>
                <c:pt idx="5999">
                  <c:v>0.10753299506474477</c:v>
                </c:pt>
                <c:pt idx="6000">
                  <c:v>4.4460015712025618E-2</c:v>
                </c:pt>
                <c:pt idx="6001">
                  <c:v>8.6802887818716701E-2</c:v>
                </c:pt>
                <c:pt idx="6002">
                  <c:v>8.6802887818716701E-2</c:v>
                </c:pt>
                <c:pt idx="6003">
                  <c:v>8.6802887818716701E-2</c:v>
                </c:pt>
                <c:pt idx="6004">
                  <c:v>8.6802887818716701E-2</c:v>
                </c:pt>
                <c:pt idx="6005">
                  <c:v>0.10797432387206223</c:v>
                </c:pt>
                <c:pt idx="6006">
                  <c:v>0.13549719074141145</c:v>
                </c:pt>
                <c:pt idx="6007">
                  <c:v>0.15455148318942241</c:v>
                </c:pt>
                <c:pt idx="6008">
                  <c:v>0.15455148318942241</c:v>
                </c:pt>
                <c:pt idx="6009">
                  <c:v>0.15455148318942241</c:v>
                </c:pt>
                <c:pt idx="6010">
                  <c:v>0.15455148318942241</c:v>
                </c:pt>
                <c:pt idx="6011">
                  <c:v>0.15455148318942241</c:v>
                </c:pt>
                <c:pt idx="6012">
                  <c:v>0.15455148318942241</c:v>
                </c:pt>
                <c:pt idx="6013">
                  <c:v>0.15455148318942241</c:v>
                </c:pt>
                <c:pt idx="6014">
                  <c:v>0.15455148318942241</c:v>
                </c:pt>
                <c:pt idx="6015">
                  <c:v>0.13973147795208055</c:v>
                </c:pt>
                <c:pt idx="6016">
                  <c:v>0.12702861632007323</c:v>
                </c:pt>
                <c:pt idx="6017">
                  <c:v>0.1143257546880659</c:v>
                </c:pt>
                <c:pt idx="6018">
                  <c:v>0.11009146747739677</c:v>
                </c:pt>
                <c:pt idx="6019">
                  <c:v>8.8920031424051235E-2</c:v>
                </c:pt>
                <c:pt idx="6020">
                  <c:v>6.5631451765371163E-2</c:v>
                </c:pt>
                <c:pt idx="6021">
                  <c:v>6.5631451765371163E-2</c:v>
                </c:pt>
                <c:pt idx="6022">
                  <c:v>6.5631451765371163E-2</c:v>
                </c:pt>
                <c:pt idx="6023">
                  <c:v>6.5631451765371163E-2</c:v>
                </c:pt>
                <c:pt idx="6024">
                  <c:v>6.8180006898921189E-2</c:v>
                </c:pt>
                <c:pt idx="6025">
                  <c:v>7.917678220519879E-2</c:v>
                </c:pt>
                <c:pt idx="6026">
                  <c:v>7.917678220519879E-2</c:v>
                </c:pt>
                <c:pt idx="6027">
                  <c:v>7.917678220519879E-2</c:v>
                </c:pt>
                <c:pt idx="6028">
                  <c:v>7.917678220519879E-2</c:v>
                </c:pt>
                <c:pt idx="6029">
                  <c:v>9.897097775649849E-2</c:v>
                </c:pt>
                <c:pt idx="6030">
                  <c:v>0.11656581824654269</c:v>
                </c:pt>
                <c:pt idx="6031">
                  <c:v>0.13855936885909789</c:v>
                </c:pt>
                <c:pt idx="6032">
                  <c:v>0.13855936885909789</c:v>
                </c:pt>
                <c:pt idx="6033">
                  <c:v>0.13855936885909789</c:v>
                </c:pt>
                <c:pt idx="6034">
                  <c:v>0.13855936885909789</c:v>
                </c:pt>
                <c:pt idx="6035">
                  <c:v>0.13855936885909789</c:v>
                </c:pt>
                <c:pt idx="6036">
                  <c:v>0.13855936885909789</c:v>
                </c:pt>
                <c:pt idx="6037">
                  <c:v>0.13855936885909789</c:v>
                </c:pt>
                <c:pt idx="6038">
                  <c:v>0.13855936885909789</c:v>
                </c:pt>
                <c:pt idx="6039">
                  <c:v>0.12316388343030921</c:v>
                </c:pt>
                <c:pt idx="6040">
                  <c:v>0.12096452836905369</c:v>
                </c:pt>
                <c:pt idx="6041">
                  <c:v>0.10336968787900955</c:v>
                </c:pt>
                <c:pt idx="6042">
                  <c:v>9.6771622695242976E-2</c:v>
                </c:pt>
                <c:pt idx="6043">
                  <c:v>8.1376137266454318E-2</c:v>
                </c:pt>
                <c:pt idx="6044">
                  <c:v>6.8180006898921189E-2</c:v>
                </c:pt>
                <c:pt idx="6045">
                  <c:v>5.9382586653899103E-2</c:v>
                </c:pt>
                <c:pt idx="6046">
                  <c:v>5.9382586653899103E-2</c:v>
                </c:pt>
                <c:pt idx="6047">
                  <c:v>5.9382586653899103E-2</c:v>
                </c:pt>
                <c:pt idx="6048">
                  <c:v>7.1609488607082925E-2</c:v>
                </c:pt>
                <c:pt idx="6049">
                  <c:v>7.1609488607082925E-2</c:v>
                </c:pt>
                <c:pt idx="6050">
                  <c:v>7.1609488607082925E-2</c:v>
                </c:pt>
                <c:pt idx="6051">
                  <c:v>7.1609488607082925E-2</c:v>
                </c:pt>
                <c:pt idx="6052">
                  <c:v>7.1609488607082925E-2</c:v>
                </c:pt>
                <c:pt idx="6053">
                  <c:v>0.31030778396402597</c:v>
                </c:pt>
                <c:pt idx="6054">
                  <c:v>0.35207998565149101</c:v>
                </c:pt>
                <c:pt idx="6055">
                  <c:v>0.35207998565149101</c:v>
                </c:pt>
                <c:pt idx="6056">
                  <c:v>0.35207998565149101</c:v>
                </c:pt>
                <c:pt idx="6057">
                  <c:v>0.37594981518718534</c:v>
                </c:pt>
                <c:pt idx="6058">
                  <c:v>0.37594981518718534</c:v>
                </c:pt>
                <c:pt idx="6059">
                  <c:v>0.47739659071388618</c:v>
                </c:pt>
                <c:pt idx="6060">
                  <c:v>0.47739659071388618</c:v>
                </c:pt>
                <c:pt idx="6061">
                  <c:v>0.3162752413479496</c:v>
                </c:pt>
                <c:pt idx="6062">
                  <c:v>0.47739659071388618</c:v>
                </c:pt>
                <c:pt idx="6063">
                  <c:v>0.47739659071388618</c:v>
                </c:pt>
                <c:pt idx="6064">
                  <c:v>0.47739659071388618</c:v>
                </c:pt>
                <c:pt idx="6065">
                  <c:v>0.47739659071388618</c:v>
                </c:pt>
                <c:pt idx="6066">
                  <c:v>0.47739659071388618</c:v>
                </c:pt>
                <c:pt idx="6067">
                  <c:v>0.39981964472287967</c:v>
                </c:pt>
                <c:pt idx="6068">
                  <c:v>0.32821015611579668</c:v>
                </c:pt>
                <c:pt idx="6069">
                  <c:v>0.23869829535694309</c:v>
                </c:pt>
                <c:pt idx="6070">
                  <c:v>0.22676338058909593</c:v>
                </c:pt>
                <c:pt idx="6071">
                  <c:v>0.22676338058909593</c:v>
                </c:pt>
                <c:pt idx="6072">
                  <c:v>0.20912944077639439</c:v>
                </c:pt>
                <c:pt idx="6073">
                  <c:v>0.20912944077639439</c:v>
                </c:pt>
                <c:pt idx="6074">
                  <c:v>0.20912944077639439</c:v>
                </c:pt>
                <c:pt idx="6075">
                  <c:v>0.20912944077639439</c:v>
                </c:pt>
                <c:pt idx="6076">
                  <c:v>0.20912944077639439</c:v>
                </c:pt>
                <c:pt idx="6077">
                  <c:v>0.27186827300931271</c:v>
                </c:pt>
                <c:pt idx="6078">
                  <c:v>0.30323768912577187</c:v>
                </c:pt>
                <c:pt idx="6079">
                  <c:v>0.31369416116459165</c:v>
                </c:pt>
                <c:pt idx="6080">
                  <c:v>0.31369416116459165</c:v>
                </c:pt>
                <c:pt idx="6081">
                  <c:v>0.33983534126164089</c:v>
                </c:pt>
                <c:pt idx="6082">
                  <c:v>0.35552004931987047</c:v>
                </c:pt>
                <c:pt idx="6083">
                  <c:v>0.41825888155278879</c:v>
                </c:pt>
                <c:pt idx="6084">
                  <c:v>0.41825888155278879</c:v>
                </c:pt>
                <c:pt idx="6085">
                  <c:v>0.41825888155278879</c:v>
                </c:pt>
                <c:pt idx="6086">
                  <c:v>0.41825888155278879</c:v>
                </c:pt>
                <c:pt idx="6087">
                  <c:v>0.41825888155278879</c:v>
                </c:pt>
                <c:pt idx="6088">
                  <c:v>0.41825888155278879</c:v>
                </c:pt>
                <c:pt idx="6089">
                  <c:v>0.41825888155278879</c:v>
                </c:pt>
                <c:pt idx="6090">
                  <c:v>0.41825888155278879</c:v>
                </c:pt>
                <c:pt idx="6091">
                  <c:v>0.35029181330046061</c:v>
                </c:pt>
                <c:pt idx="6092">
                  <c:v>0.28755298106754229</c:v>
                </c:pt>
                <c:pt idx="6093">
                  <c:v>0.20912944077639439</c:v>
                </c:pt>
                <c:pt idx="6094">
                  <c:v>0.20912944077639439</c:v>
                </c:pt>
                <c:pt idx="6095">
                  <c:v>0.20912944077639439</c:v>
                </c:pt>
                <c:pt idx="6096">
                  <c:v>0.18927402702287968</c:v>
                </c:pt>
                <c:pt idx="6097">
                  <c:v>0.21293328040073964</c:v>
                </c:pt>
                <c:pt idx="6098">
                  <c:v>0.21293328040073964</c:v>
                </c:pt>
                <c:pt idx="6099">
                  <c:v>0.21293328040073964</c:v>
                </c:pt>
                <c:pt idx="6100">
                  <c:v>0.21293328040073964</c:v>
                </c:pt>
                <c:pt idx="6101">
                  <c:v>0.27444733918317554</c:v>
                </c:pt>
                <c:pt idx="6102">
                  <c:v>0.31703399526332349</c:v>
                </c:pt>
                <c:pt idx="6103">
                  <c:v>0.31703399526332349</c:v>
                </c:pt>
                <c:pt idx="6104">
                  <c:v>0.31703399526332349</c:v>
                </c:pt>
                <c:pt idx="6105">
                  <c:v>0.34069324864118344</c:v>
                </c:pt>
                <c:pt idx="6106">
                  <c:v>0.36908435269461537</c:v>
                </c:pt>
                <c:pt idx="6107">
                  <c:v>0.42586656080147928</c:v>
                </c:pt>
                <c:pt idx="6108">
                  <c:v>0.42586656080147928</c:v>
                </c:pt>
                <c:pt idx="6109">
                  <c:v>0.42586656080147928</c:v>
                </c:pt>
                <c:pt idx="6110">
                  <c:v>0.42586656080147928</c:v>
                </c:pt>
                <c:pt idx="6111">
                  <c:v>0.42586656080147928</c:v>
                </c:pt>
                <c:pt idx="6112">
                  <c:v>0.42586656080147928</c:v>
                </c:pt>
                <c:pt idx="6113">
                  <c:v>0.42586656080147928</c:v>
                </c:pt>
                <c:pt idx="6114">
                  <c:v>0.42586656080147928</c:v>
                </c:pt>
                <c:pt idx="6115">
                  <c:v>0.35488880066789946</c:v>
                </c:pt>
                <c:pt idx="6116">
                  <c:v>0.28391104053431959</c:v>
                </c:pt>
                <c:pt idx="6117">
                  <c:v>0.21293328040073964</c:v>
                </c:pt>
                <c:pt idx="6118">
                  <c:v>0.21293328040073964</c:v>
                </c:pt>
                <c:pt idx="6119">
                  <c:v>0.21293328040073964</c:v>
                </c:pt>
                <c:pt idx="6120">
                  <c:v>0.21707290596363618</c:v>
                </c:pt>
                <c:pt idx="6121">
                  <c:v>0.21707290596363618</c:v>
                </c:pt>
                <c:pt idx="6122">
                  <c:v>0.21707290596363618</c:v>
                </c:pt>
                <c:pt idx="6123">
                  <c:v>0.21707290596363618</c:v>
                </c:pt>
                <c:pt idx="6124">
                  <c:v>0.21707290596363618</c:v>
                </c:pt>
                <c:pt idx="6125">
                  <c:v>0.27978285657535329</c:v>
                </c:pt>
                <c:pt idx="6126">
                  <c:v>0.32319743776808058</c:v>
                </c:pt>
                <c:pt idx="6127">
                  <c:v>0.32319743776808058</c:v>
                </c:pt>
                <c:pt idx="6128">
                  <c:v>0.32319743776808058</c:v>
                </c:pt>
                <c:pt idx="6129">
                  <c:v>0.34731664954181796</c:v>
                </c:pt>
                <c:pt idx="6130">
                  <c:v>0.37625970367030276</c:v>
                </c:pt>
                <c:pt idx="6131">
                  <c:v>0.43414581192727236</c:v>
                </c:pt>
                <c:pt idx="6132">
                  <c:v>0.43414581192727236</c:v>
                </c:pt>
                <c:pt idx="6133">
                  <c:v>0.43414581192727236</c:v>
                </c:pt>
                <c:pt idx="6134">
                  <c:v>0.43414581192727236</c:v>
                </c:pt>
                <c:pt idx="6135">
                  <c:v>0.43414581192727236</c:v>
                </c:pt>
                <c:pt idx="6136">
                  <c:v>0.43414581192727236</c:v>
                </c:pt>
                <c:pt idx="6137">
                  <c:v>0.43414581192727236</c:v>
                </c:pt>
                <c:pt idx="6138">
                  <c:v>0.43414581192727236</c:v>
                </c:pt>
                <c:pt idx="6139">
                  <c:v>0.36178817660606033</c:v>
                </c:pt>
                <c:pt idx="6140">
                  <c:v>0.2894305412848483</c:v>
                </c:pt>
                <c:pt idx="6141">
                  <c:v>0.21707290596363618</c:v>
                </c:pt>
                <c:pt idx="6142">
                  <c:v>0.21707290596363618</c:v>
                </c:pt>
                <c:pt idx="6143">
                  <c:v>0.21707290596363618</c:v>
                </c:pt>
                <c:pt idx="6144">
                  <c:v>0.23686470942189042</c:v>
                </c:pt>
                <c:pt idx="6145">
                  <c:v>0.23686470942189042</c:v>
                </c:pt>
                <c:pt idx="6146">
                  <c:v>0.23686470942189042</c:v>
                </c:pt>
                <c:pt idx="6147">
                  <c:v>0.23686470942189042</c:v>
                </c:pt>
                <c:pt idx="6148">
                  <c:v>0.23686470942189042</c:v>
                </c:pt>
                <c:pt idx="6149">
                  <c:v>0.30529229214376985</c:v>
                </c:pt>
                <c:pt idx="6150">
                  <c:v>0.36845621465627404</c:v>
                </c:pt>
                <c:pt idx="6151">
                  <c:v>0.36845621465627404</c:v>
                </c:pt>
                <c:pt idx="6152">
                  <c:v>0.36845621465627404</c:v>
                </c:pt>
                <c:pt idx="6153">
                  <c:v>0.3947745157031507</c:v>
                </c:pt>
                <c:pt idx="6154">
                  <c:v>0.41056549633127676</c:v>
                </c:pt>
                <c:pt idx="6155">
                  <c:v>0.47372941884378084</c:v>
                </c:pt>
                <c:pt idx="6156">
                  <c:v>0.47372941884378084</c:v>
                </c:pt>
                <c:pt idx="6157">
                  <c:v>0.47372941884378084</c:v>
                </c:pt>
                <c:pt idx="6158">
                  <c:v>0.47372941884378084</c:v>
                </c:pt>
                <c:pt idx="6159">
                  <c:v>0.3947745157031507</c:v>
                </c:pt>
                <c:pt idx="6160">
                  <c:v>0.37371987486564939</c:v>
                </c:pt>
                <c:pt idx="6161">
                  <c:v>0.37371987486564939</c:v>
                </c:pt>
                <c:pt idx="6162">
                  <c:v>0.37371987486564939</c:v>
                </c:pt>
                <c:pt idx="6163">
                  <c:v>0.37371987486564939</c:v>
                </c:pt>
                <c:pt idx="6164">
                  <c:v>0.28950131151564384</c:v>
                </c:pt>
                <c:pt idx="6165">
                  <c:v>0.11053686439688219</c:v>
                </c:pt>
                <c:pt idx="6166">
                  <c:v>0.11053686439688219</c:v>
                </c:pt>
                <c:pt idx="6167">
                  <c:v>0.11053686439688219</c:v>
                </c:pt>
                <c:pt idx="6168">
                  <c:v>5.1704474750725378E-2</c:v>
                </c:pt>
                <c:pt idx="6169">
                  <c:v>0.10094683165617814</c:v>
                </c:pt>
                <c:pt idx="6170">
                  <c:v>0.10094683165617814</c:v>
                </c:pt>
                <c:pt idx="6171">
                  <c:v>0.10094683165617814</c:v>
                </c:pt>
                <c:pt idx="6172">
                  <c:v>0.10094683165617814</c:v>
                </c:pt>
                <c:pt idx="6173">
                  <c:v>0.12556801010890448</c:v>
                </c:pt>
                <c:pt idx="6174">
                  <c:v>0.15757554209744878</c:v>
                </c:pt>
                <c:pt idx="6175">
                  <c:v>0.17973460270490249</c:v>
                </c:pt>
                <c:pt idx="6176">
                  <c:v>0.17973460270490249</c:v>
                </c:pt>
                <c:pt idx="6177">
                  <c:v>0.17973460270490249</c:v>
                </c:pt>
                <c:pt idx="6178">
                  <c:v>0.17973460270490249</c:v>
                </c:pt>
                <c:pt idx="6179">
                  <c:v>0.17973460270490249</c:v>
                </c:pt>
                <c:pt idx="6180">
                  <c:v>0.17973460270490249</c:v>
                </c:pt>
                <c:pt idx="6181">
                  <c:v>0.17973460270490249</c:v>
                </c:pt>
                <c:pt idx="6182">
                  <c:v>0.17973460270490249</c:v>
                </c:pt>
                <c:pt idx="6183">
                  <c:v>0.16249977778799404</c:v>
                </c:pt>
                <c:pt idx="6184">
                  <c:v>0.14772707071635824</c:v>
                </c:pt>
                <c:pt idx="6185">
                  <c:v>0.13295436364472238</c:v>
                </c:pt>
                <c:pt idx="6186">
                  <c:v>0.12803012795417712</c:v>
                </c:pt>
                <c:pt idx="6187">
                  <c:v>0.10340894950145076</c:v>
                </c:pt>
                <c:pt idx="6188">
                  <c:v>7.6325653203451735E-2</c:v>
                </c:pt>
                <c:pt idx="6189">
                  <c:v>7.6325653203451735E-2</c:v>
                </c:pt>
                <c:pt idx="6190">
                  <c:v>7.6325653203451735E-2</c:v>
                </c:pt>
                <c:pt idx="6191">
                  <c:v>7.6325653203451735E-2</c:v>
                </c:pt>
                <c:pt idx="6192">
                  <c:v>9.5497041757297077E-2</c:v>
                </c:pt>
                <c:pt idx="6193">
                  <c:v>0.11089979042782887</c:v>
                </c:pt>
                <c:pt idx="6194">
                  <c:v>0.11089979042782887</c:v>
                </c:pt>
                <c:pt idx="6195">
                  <c:v>0.11089979042782887</c:v>
                </c:pt>
                <c:pt idx="6196">
                  <c:v>0.11089979042782887</c:v>
                </c:pt>
                <c:pt idx="6197">
                  <c:v>0.13862473803478603</c:v>
                </c:pt>
                <c:pt idx="6198">
                  <c:v>0.16326913590763695</c:v>
                </c:pt>
                <c:pt idx="6199">
                  <c:v>0.1940746332487005</c:v>
                </c:pt>
                <c:pt idx="6200">
                  <c:v>0.1940746332487005</c:v>
                </c:pt>
                <c:pt idx="6201">
                  <c:v>0.1940746332487005</c:v>
                </c:pt>
                <c:pt idx="6202">
                  <c:v>0.1940746332487005</c:v>
                </c:pt>
                <c:pt idx="6203">
                  <c:v>0.1940746332487005</c:v>
                </c:pt>
                <c:pt idx="6204">
                  <c:v>0.1940746332487005</c:v>
                </c:pt>
                <c:pt idx="6205">
                  <c:v>0.1940746332487005</c:v>
                </c:pt>
                <c:pt idx="6206">
                  <c:v>0.1940746332487005</c:v>
                </c:pt>
                <c:pt idx="6207">
                  <c:v>0.17251078510995599</c:v>
                </c:pt>
                <c:pt idx="6208">
                  <c:v>0.16943023537584964</c:v>
                </c:pt>
                <c:pt idx="6209">
                  <c:v>0.14478583750299881</c:v>
                </c:pt>
                <c:pt idx="6210">
                  <c:v>0.13554418830067974</c:v>
                </c:pt>
                <c:pt idx="6211">
                  <c:v>0.11398034016193523</c:v>
                </c:pt>
                <c:pt idx="6212">
                  <c:v>9.5497041757297077E-2</c:v>
                </c:pt>
                <c:pt idx="6213">
                  <c:v>8.3174842820871647E-2</c:v>
                </c:pt>
                <c:pt idx="6214">
                  <c:v>8.3174842820871647E-2</c:v>
                </c:pt>
                <c:pt idx="6215">
                  <c:v>8.3174842820871647E-2</c:v>
                </c:pt>
                <c:pt idx="6216">
                  <c:v>7.3567289675200015E-2</c:v>
                </c:pt>
                <c:pt idx="6217">
                  <c:v>7.3567289675200015E-2</c:v>
                </c:pt>
                <c:pt idx="6218">
                  <c:v>7.3567289675200015E-2</c:v>
                </c:pt>
                <c:pt idx="6219">
                  <c:v>7.3567289675200015E-2</c:v>
                </c:pt>
                <c:pt idx="6220">
                  <c:v>7.3567289675200015E-2</c:v>
                </c:pt>
                <c:pt idx="6221">
                  <c:v>0.31879158859253343</c:v>
                </c:pt>
                <c:pt idx="6222">
                  <c:v>0.36170584090306679</c:v>
                </c:pt>
                <c:pt idx="6223">
                  <c:v>0.36170584090306679</c:v>
                </c:pt>
                <c:pt idx="6224">
                  <c:v>0.36170584090306679</c:v>
                </c:pt>
                <c:pt idx="6225">
                  <c:v>0.38622827079480021</c:v>
                </c:pt>
                <c:pt idx="6226">
                  <c:v>0.38622827079480021</c:v>
                </c:pt>
                <c:pt idx="6227">
                  <c:v>0.49044859783466682</c:v>
                </c:pt>
                <c:pt idx="6228">
                  <c:v>0.49044859783466682</c:v>
                </c:pt>
                <c:pt idx="6229">
                  <c:v>0.3249221960654668</c:v>
                </c:pt>
                <c:pt idx="6230">
                  <c:v>0.49044859783466682</c:v>
                </c:pt>
                <c:pt idx="6231">
                  <c:v>0.49044859783466682</c:v>
                </c:pt>
                <c:pt idx="6232">
                  <c:v>0.49044859783466682</c:v>
                </c:pt>
                <c:pt idx="6233">
                  <c:v>0.49044859783466682</c:v>
                </c:pt>
                <c:pt idx="6234">
                  <c:v>0.49044859783466682</c:v>
                </c:pt>
                <c:pt idx="6235">
                  <c:v>0.41075070068653358</c:v>
                </c:pt>
                <c:pt idx="6236">
                  <c:v>0.33718341101133348</c:v>
                </c:pt>
                <c:pt idx="6237">
                  <c:v>0.24522429891733341</c:v>
                </c:pt>
                <c:pt idx="6238">
                  <c:v>0.23296308397146678</c:v>
                </c:pt>
                <c:pt idx="6239">
                  <c:v>0.23296308397146678</c:v>
                </c:pt>
                <c:pt idx="6240">
                  <c:v>0.21191097204234738</c:v>
                </c:pt>
                <c:pt idx="6241">
                  <c:v>0.21191097204234738</c:v>
                </c:pt>
                <c:pt idx="6242">
                  <c:v>0.21191097204234738</c:v>
                </c:pt>
                <c:pt idx="6243">
                  <c:v>0.21191097204234738</c:v>
                </c:pt>
                <c:pt idx="6244">
                  <c:v>0.21191097204234738</c:v>
                </c:pt>
                <c:pt idx="6245">
                  <c:v>0.27548426365505158</c:v>
                </c:pt>
                <c:pt idx="6246">
                  <c:v>0.30727090946140362</c:v>
                </c:pt>
                <c:pt idx="6247">
                  <c:v>0.31786645806352104</c:v>
                </c:pt>
                <c:pt idx="6248">
                  <c:v>0.31786645806352104</c:v>
                </c:pt>
                <c:pt idx="6249">
                  <c:v>0.34435532956881448</c:v>
                </c:pt>
                <c:pt idx="6250">
                  <c:v>0.3602486524719905</c:v>
                </c:pt>
                <c:pt idx="6251">
                  <c:v>0.42382194408469476</c:v>
                </c:pt>
                <c:pt idx="6252">
                  <c:v>0.42382194408469476</c:v>
                </c:pt>
                <c:pt idx="6253">
                  <c:v>0.42382194408469476</c:v>
                </c:pt>
                <c:pt idx="6254">
                  <c:v>0.42382194408469476</c:v>
                </c:pt>
                <c:pt idx="6255">
                  <c:v>0.42382194408469476</c:v>
                </c:pt>
                <c:pt idx="6256">
                  <c:v>0.42382194408469476</c:v>
                </c:pt>
                <c:pt idx="6257">
                  <c:v>0.42382194408469476</c:v>
                </c:pt>
                <c:pt idx="6258">
                  <c:v>0.42382194408469476</c:v>
                </c:pt>
                <c:pt idx="6259">
                  <c:v>0.3549508781709319</c:v>
                </c:pt>
                <c:pt idx="6260">
                  <c:v>0.2913775865582276</c:v>
                </c:pt>
                <c:pt idx="6261">
                  <c:v>0.21191097204234738</c:v>
                </c:pt>
                <c:pt idx="6262">
                  <c:v>0.21191097204234738</c:v>
                </c:pt>
                <c:pt idx="6263">
                  <c:v>0.21191097204234738</c:v>
                </c:pt>
                <c:pt idx="6264">
                  <c:v>0.18872234042905611</c:v>
                </c:pt>
                <c:pt idx="6265">
                  <c:v>0.21231263298268813</c:v>
                </c:pt>
                <c:pt idx="6266">
                  <c:v>0.21231263298268813</c:v>
                </c:pt>
                <c:pt idx="6267">
                  <c:v>0.21231263298268813</c:v>
                </c:pt>
                <c:pt idx="6268">
                  <c:v>0.21231263298268813</c:v>
                </c:pt>
                <c:pt idx="6269">
                  <c:v>0.27364739362213136</c:v>
                </c:pt>
                <c:pt idx="6270">
                  <c:v>0.31610992021866896</c:v>
                </c:pt>
                <c:pt idx="6271">
                  <c:v>0.31610992021866896</c:v>
                </c:pt>
                <c:pt idx="6272">
                  <c:v>0.31610992021866896</c:v>
                </c:pt>
                <c:pt idx="6273">
                  <c:v>0.339700212772301</c:v>
                </c:pt>
                <c:pt idx="6274">
                  <c:v>0.36800856383665936</c:v>
                </c:pt>
                <c:pt idx="6275">
                  <c:v>0.42462526596537625</c:v>
                </c:pt>
                <c:pt idx="6276">
                  <c:v>0.42462526596537625</c:v>
                </c:pt>
                <c:pt idx="6277">
                  <c:v>0.42462526596537625</c:v>
                </c:pt>
                <c:pt idx="6278">
                  <c:v>0.42462526596537625</c:v>
                </c:pt>
                <c:pt idx="6279">
                  <c:v>0.42462526596537625</c:v>
                </c:pt>
                <c:pt idx="6280">
                  <c:v>0.42462526596537625</c:v>
                </c:pt>
                <c:pt idx="6281">
                  <c:v>0.42462526596537625</c:v>
                </c:pt>
                <c:pt idx="6282">
                  <c:v>0.42462526596537625</c:v>
                </c:pt>
                <c:pt idx="6283">
                  <c:v>0.35385438830448018</c:v>
                </c:pt>
                <c:pt idx="6284">
                  <c:v>0.28308351064358417</c:v>
                </c:pt>
                <c:pt idx="6285">
                  <c:v>0.21231263298268813</c:v>
                </c:pt>
                <c:pt idx="6286">
                  <c:v>0.21231263298268813</c:v>
                </c:pt>
                <c:pt idx="6287">
                  <c:v>0.21231263298268813</c:v>
                </c:pt>
                <c:pt idx="6288">
                  <c:v>0.21397922317476456</c:v>
                </c:pt>
                <c:pt idx="6289">
                  <c:v>0.21397922317476456</c:v>
                </c:pt>
                <c:pt idx="6290">
                  <c:v>0.21397922317476456</c:v>
                </c:pt>
                <c:pt idx="6291">
                  <c:v>0.21397922317476456</c:v>
                </c:pt>
                <c:pt idx="6292">
                  <c:v>0.21397922317476456</c:v>
                </c:pt>
                <c:pt idx="6293">
                  <c:v>0.2757954432030299</c:v>
                </c:pt>
                <c:pt idx="6294">
                  <c:v>0.31859128783798285</c:v>
                </c:pt>
                <c:pt idx="6295">
                  <c:v>0.31859128783798285</c:v>
                </c:pt>
                <c:pt idx="6296">
                  <c:v>0.31859128783798285</c:v>
                </c:pt>
                <c:pt idx="6297">
                  <c:v>0.34236675707962333</c:v>
                </c:pt>
                <c:pt idx="6298">
                  <c:v>0.37089732016959193</c:v>
                </c:pt>
                <c:pt idx="6299">
                  <c:v>0.42795844634952912</c:v>
                </c:pt>
                <c:pt idx="6300">
                  <c:v>0.42795844634952912</c:v>
                </c:pt>
                <c:pt idx="6301">
                  <c:v>0.42795844634952912</c:v>
                </c:pt>
                <c:pt idx="6302">
                  <c:v>0.42795844634952912</c:v>
                </c:pt>
                <c:pt idx="6303">
                  <c:v>0.42795844634952912</c:v>
                </c:pt>
                <c:pt idx="6304">
                  <c:v>0.42795844634952912</c:v>
                </c:pt>
                <c:pt idx="6305">
                  <c:v>0.42795844634952912</c:v>
                </c:pt>
                <c:pt idx="6306">
                  <c:v>0.42795844634952912</c:v>
                </c:pt>
                <c:pt idx="6307">
                  <c:v>0.35663203862460763</c:v>
                </c:pt>
                <c:pt idx="6308">
                  <c:v>0.28530563089968614</c:v>
                </c:pt>
                <c:pt idx="6309">
                  <c:v>0.21397922317476456</c:v>
                </c:pt>
                <c:pt idx="6310">
                  <c:v>0.21397922317476456</c:v>
                </c:pt>
                <c:pt idx="6311">
                  <c:v>0.21397922317476456</c:v>
                </c:pt>
                <c:pt idx="6312">
                  <c:v>0.23195236671707919</c:v>
                </c:pt>
                <c:pt idx="6313">
                  <c:v>0.23195236671707919</c:v>
                </c:pt>
                <c:pt idx="6314">
                  <c:v>0.23195236671707919</c:v>
                </c:pt>
                <c:pt idx="6315">
                  <c:v>0.23195236671707919</c:v>
                </c:pt>
                <c:pt idx="6316">
                  <c:v>0.23195236671707919</c:v>
                </c:pt>
                <c:pt idx="6317">
                  <c:v>0.29896082821312431</c:v>
                </c:pt>
                <c:pt idx="6318">
                  <c:v>0.36081479267101219</c:v>
                </c:pt>
                <c:pt idx="6319">
                  <c:v>0.36081479267101219</c:v>
                </c:pt>
                <c:pt idx="6320">
                  <c:v>0.36081479267101219</c:v>
                </c:pt>
                <c:pt idx="6321">
                  <c:v>0.38658727786179875</c:v>
                </c:pt>
                <c:pt idx="6322">
                  <c:v>0.40205076897627068</c:v>
                </c:pt>
                <c:pt idx="6323">
                  <c:v>0.46390473343415839</c:v>
                </c:pt>
                <c:pt idx="6324">
                  <c:v>0.46390473343415839</c:v>
                </c:pt>
                <c:pt idx="6325">
                  <c:v>0.46390473343415839</c:v>
                </c:pt>
                <c:pt idx="6326">
                  <c:v>0.46390473343415839</c:v>
                </c:pt>
                <c:pt idx="6327">
                  <c:v>0.38658727786179875</c:v>
                </c:pt>
                <c:pt idx="6328">
                  <c:v>0.36596928970916948</c:v>
                </c:pt>
                <c:pt idx="6329">
                  <c:v>0.36596928970916948</c:v>
                </c:pt>
                <c:pt idx="6330">
                  <c:v>0.36596928970916948</c:v>
                </c:pt>
                <c:pt idx="6331">
                  <c:v>0.36596928970916948</c:v>
                </c:pt>
                <c:pt idx="6332">
                  <c:v>0.28349733709865238</c:v>
                </c:pt>
                <c:pt idx="6333">
                  <c:v>0.10824443780130363</c:v>
                </c:pt>
                <c:pt idx="6334">
                  <c:v>0.10824443780130363</c:v>
                </c:pt>
                <c:pt idx="6335">
                  <c:v>0.10824443780130363</c:v>
                </c:pt>
                <c:pt idx="6336">
                  <c:v>5.2284031473821352E-2</c:v>
                </c:pt>
                <c:pt idx="6337">
                  <c:v>0.10207834716317504</c:v>
                </c:pt>
                <c:pt idx="6338">
                  <c:v>0.10207834716317504</c:v>
                </c:pt>
                <c:pt idx="6339">
                  <c:v>0.10207834716317504</c:v>
                </c:pt>
                <c:pt idx="6340">
                  <c:v>0.10207834716317504</c:v>
                </c:pt>
                <c:pt idx="6341">
                  <c:v>0.12697550500785185</c:v>
                </c:pt>
                <c:pt idx="6342">
                  <c:v>0.15934181020593174</c:v>
                </c:pt>
                <c:pt idx="6343">
                  <c:v>0.18174925226614089</c:v>
                </c:pt>
                <c:pt idx="6344">
                  <c:v>0.18174925226614089</c:v>
                </c:pt>
                <c:pt idx="6345">
                  <c:v>0.18174925226614089</c:v>
                </c:pt>
                <c:pt idx="6346">
                  <c:v>0.18174925226614089</c:v>
                </c:pt>
                <c:pt idx="6347">
                  <c:v>0.18174925226614089</c:v>
                </c:pt>
                <c:pt idx="6348">
                  <c:v>0.18174925226614089</c:v>
                </c:pt>
                <c:pt idx="6349">
                  <c:v>0.18174925226614089</c:v>
                </c:pt>
                <c:pt idx="6350">
                  <c:v>0.18174925226614089</c:v>
                </c:pt>
                <c:pt idx="6351">
                  <c:v>0.16432124177486712</c:v>
                </c:pt>
                <c:pt idx="6352">
                  <c:v>0.14938294706806102</c:v>
                </c:pt>
                <c:pt idx="6353">
                  <c:v>0.13444465236125491</c:v>
                </c:pt>
                <c:pt idx="6354">
                  <c:v>0.12946522079231956</c:v>
                </c:pt>
                <c:pt idx="6355">
                  <c:v>0.1045680629476427</c:v>
                </c:pt>
                <c:pt idx="6356">
                  <c:v>7.7181189318498197E-2</c:v>
                </c:pt>
                <c:pt idx="6357">
                  <c:v>7.7181189318498197E-2</c:v>
                </c:pt>
                <c:pt idx="6358">
                  <c:v>7.7181189318498197E-2</c:v>
                </c:pt>
                <c:pt idx="6359">
                  <c:v>7.7181189318498197E-2</c:v>
                </c:pt>
                <c:pt idx="6360">
                  <c:v>9.4038534710103525E-2</c:v>
                </c:pt>
                <c:pt idx="6361">
                  <c:v>0.10920604030850734</c:v>
                </c:pt>
                <c:pt idx="6362">
                  <c:v>0.10920604030850734</c:v>
                </c:pt>
                <c:pt idx="6363">
                  <c:v>0.10920604030850734</c:v>
                </c:pt>
                <c:pt idx="6364">
                  <c:v>0.10920604030850734</c:v>
                </c:pt>
                <c:pt idx="6365">
                  <c:v>0.13650755038563417</c:v>
                </c:pt>
                <c:pt idx="6366">
                  <c:v>0.16077555934308022</c:v>
                </c:pt>
                <c:pt idx="6367">
                  <c:v>0.19111057053988781</c:v>
                </c:pt>
                <c:pt idx="6368">
                  <c:v>0.19111057053988781</c:v>
                </c:pt>
                <c:pt idx="6369">
                  <c:v>0.19111057053988781</c:v>
                </c:pt>
                <c:pt idx="6370">
                  <c:v>0.19111057053988781</c:v>
                </c:pt>
                <c:pt idx="6371">
                  <c:v>0.19111057053988781</c:v>
                </c:pt>
                <c:pt idx="6372">
                  <c:v>0.19111057053988781</c:v>
                </c:pt>
                <c:pt idx="6373">
                  <c:v>0.19111057053988781</c:v>
                </c:pt>
                <c:pt idx="6374">
                  <c:v>0.19111057053988781</c:v>
                </c:pt>
                <c:pt idx="6375">
                  <c:v>0.16987606270212249</c:v>
                </c:pt>
                <c:pt idx="6376">
                  <c:v>0.16684256158244173</c:v>
                </c:pt>
                <c:pt idx="6377">
                  <c:v>0.14257455262499569</c:v>
                </c:pt>
                <c:pt idx="6378">
                  <c:v>0.13347404926595341</c:v>
                </c:pt>
                <c:pt idx="6379">
                  <c:v>0.11223954142818808</c:v>
                </c:pt>
                <c:pt idx="6380">
                  <c:v>9.4038534710103525E-2</c:v>
                </c:pt>
                <c:pt idx="6381">
                  <c:v>8.1904530231380501E-2</c:v>
                </c:pt>
                <c:pt idx="6382">
                  <c:v>8.1904530231380501E-2</c:v>
                </c:pt>
                <c:pt idx="6383">
                  <c:v>8.1904530231380501E-2</c:v>
                </c:pt>
                <c:pt idx="6384">
                  <c:v>7.3567289675200015E-2</c:v>
                </c:pt>
                <c:pt idx="6385">
                  <c:v>7.3567289675200015E-2</c:v>
                </c:pt>
                <c:pt idx="6386">
                  <c:v>7.3567289675200015E-2</c:v>
                </c:pt>
                <c:pt idx="6387">
                  <c:v>7.3567289675200015E-2</c:v>
                </c:pt>
                <c:pt idx="6388">
                  <c:v>7.3567289675200015E-2</c:v>
                </c:pt>
                <c:pt idx="6389">
                  <c:v>0.31879158859253343</c:v>
                </c:pt>
                <c:pt idx="6390">
                  <c:v>0.36170584090306679</c:v>
                </c:pt>
                <c:pt idx="6391">
                  <c:v>0.36170584090306679</c:v>
                </c:pt>
                <c:pt idx="6392">
                  <c:v>0.36170584090306679</c:v>
                </c:pt>
                <c:pt idx="6393">
                  <c:v>0.38622827079480021</c:v>
                </c:pt>
                <c:pt idx="6394">
                  <c:v>0.38622827079480021</c:v>
                </c:pt>
                <c:pt idx="6395">
                  <c:v>0.49044859783466682</c:v>
                </c:pt>
                <c:pt idx="6396">
                  <c:v>0.49044859783466682</c:v>
                </c:pt>
                <c:pt idx="6397">
                  <c:v>0.3249221960654668</c:v>
                </c:pt>
                <c:pt idx="6398">
                  <c:v>0.49044859783466682</c:v>
                </c:pt>
                <c:pt idx="6399">
                  <c:v>0.49044859783466682</c:v>
                </c:pt>
                <c:pt idx="6400">
                  <c:v>0.49044859783466682</c:v>
                </c:pt>
                <c:pt idx="6401">
                  <c:v>0.49044859783466682</c:v>
                </c:pt>
                <c:pt idx="6402">
                  <c:v>0.49044859783466682</c:v>
                </c:pt>
                <c:pt idx="6403">
                  <c:v>0.41075070068653358</c:v>
                </c:pt>
                <c:pt idx="6404">
                  <c:v>0.33718341101133348</c:v>
                </c:pt>
                <c:pt idx="6405">
                  <c:v>0.24522429891733341</c:v>
                </c:pt>
                <c:pt idx="6406">
                  <c:v>0.23296308397146678</c:v>
                </c:pt>
                <c:pt idx="6407">
                  <c:v>0.23296308397146678</c:v>
                </c:pt>
                <c:pt idx="6408">
                  <c:v>0.20882038174684406</c:v>
                </c:pt>
                <c:pt idx="6409">
                  <c:v>0.20882038174684406</c:v>
                </c:pt>
                <c:pt idx="6410">
                  <c:v>0.20882038174684406</c:v>
                </c:pt>
                <c:pt idx="6411">
                  <c:v>0.20882038174684406</c:v>
                </c:pt>
                <c:pt idx="6412">
                  <c:v>0.20882038174684406</c:v>
                </c:pt>
                <c:pt idx="6413">
                  <c:v>0.27146649627089725</c:v>
                </c:pt>
                <c:pt idx="6414">
                  <c:v>0.30278955353292392</c:v>
                </c:pt>
                <c:pt idx="6415">
                  <c:v>0.31323057262026616</c:v>
                </c:pt>
                <c:pt idx="6416">
                  <c:v>0.31323057262026616</c:v>
                </c:pt>
                <c:pt idx="6417">
                  <c:v>0.33933312033862162</c:v>
                </c:pt>
                <c:pt idx="6418">
                  <c:v>0.35499464896963484</c:v>
                </c:pt>
                <c:pt idx="6419">
                  <c:v>0.41764076349368812</c:v>
                </c:pt>
                <c:pt idx="6420">
                  <c:v>0.41764076349368812</c:v>
                </c:pt>
                <c:pt idx="6421">
                  <c:v>0.41764076349368812</c:v>
                </c:pt>
                <c:pt idx="6422">
                  <c:v>0.41764076349368812</c:v>
                </c:pt>
                <c:pt idx="6423">
                  <c:v>0.41764076349368812</c:v>
                </c:pt>
                <c:pt idx="6424">
                  <c:v>0.41764076349368812</c:v>
                </c:pt>
                <c:pt idx="6425">
                  <c:v>0.41764076349368812</c:v>
                </c:pt>
                <c:pt idx="6426">
                  <c:v>0.41764076349368812</c:v>
                </c:pt>
                <c:pt idx="6427">
                  <c:v>0.34977413942596386</c:v>
                </c:pt>
                <c:pt idx="6428">
                  <c:v>0.28712802490191058</c:v>
                </c:pt>
                <c:pt idx="6429">
                  <c:v>0.20882038174684406</c:v>
                </c:pt>
                <c:pt idx="6430">
                  <c:v>0.20882038174684406</c:v>
                </c:pt>
                <c:pt idx="6431">
                  <c:v>0.20882038174684406</c:v>
                </c:pt>
                <c:pt idx="6432">
                  <c:v>0.18706728064758518</c:v>
                </c:pt>
                <c:pt idx="6433">
                  <c:v>0.21045069072853337</c:v>
                </c:pt>
                <c:pt idx="6434">
                  <c:v>0.21045069072853337</c:v>
                </c:pt>
                <c:pt idx="6435">
                  <c:v>0.21045069072853337</c:v>
                </c:pt>
                <c:pt idx="6436">
                  <c:v>0.21045069072853337</c:v>
                </c:pt>
                <c:pt idx="6437">
                  <c:v>0.27124755693899849</c:v>
                </c:pt>
                <c:pt idx="6438">
                  <c:v>0.31333769508470521</c:v>
                </c:pt>
                <c:pt idx="6439">
                  <c:v>0.31333769508470521</c:v>
                </c:pt>
                <c:pt idx="6440">
                  <c:v>0.31333769508470521</c:v>
                </c:pt>
                <c:pt idx="6441">
                  <c:v>0.33672110516565334</c:v>
                </c:pt>
                <c:pt idx="6442">
                  <c:v>0.36478119726279118</c:v>
                </c:pt>
                <c:pt idx="6443">
                  <c:v>0.42090138145706674</c:v>
                </c:pt>
                <c:pt idx="6444">
                  <c:v>0.42090138145706674</c:v>
                </c:pt>
                <c:pt idx="6445">
                  <c:v>0.42090138145706674</c:v>
                </c:pt>
                <c:pt idx="6446">
                  <c:v>0.42090138145706674</c:v>
                </c:pt>
                <c:pt idx="6447">
                  <c:v>0.42090138145706674</c:v>
                </c:pt>
                <c:pt idx="6448">
                  <c:v>0.42090138145706674</c:v>
                </c:pt>
                <c:pt idx="6449">
                  <c:v>0.42090138145706674</c:v>
                </c:pt>
                <c:pt idx="6450">
                  <c:v>0.42090138145706674</c:v>
                </c:pt>
                <c:pt idx="6451">
                  <c:v>0.35075115121422223</c:v>
                </c:pt>
                <c:pt idx="6452">
                  <c:v>0.28060092097137779</c:v>
                </c:pt>
                <c:pt idx="6453">
                  <c:v>0.21045069072853337</c:v>
                </c:pt>
                <c:pt idx="6454">
                  <c:v>0.21045069072853337</c:v>
                </c:pt>
                <c:pt idx="6455">
                  <c:v>0.21045069072853337</c:v>
                </c:pt>
                <c:pt idx="6456">
                  <c:v>0.21150427694366725</c:v>
                </c:pt>
                <c:pt idx="6457">
                  <c:v>0.21150427694366725</c:v>
                </c:pt>
                <c:pt idx="6458">
                  <c:v>0.21150427694366725</c:v>
                </c:pt>
                <c:pt idx="6459">
                  <c:v>0.21150427694366725</c:v>
                </c:pt>
                <c:pt idx="6460">
                  <c:v>0.21150427694366725</c:v>
                </c:pt>
                <c:pt idx="6461">
                  <c:v>0.27260551250517112</c:v>
                </c:pt>
                <c:pt idx="6462">
                  <c:v>0.31490636789390464</c:v>
                </c:pt>
                <c:pt idx="6463">
                  <c:v>0.31490636789390464</c:v>
                </c:pt>
                <c:pt idx="6464">
                  <c:v>0.31490636789390464</c:v>
                </c:pt>
                <c:pt idx="6465">
                  <c:v>0.33840684310986757</c:v>
                </c:pt>
                <c:pt idx="6466">
                  <c:v>0.36660741336902331</c:v>
                </c:pt>
                <c:pt idx="6467">
                  <c:v>0.42300855388733449</c:v>
                </c:pt>
                <c:pt idx="6468">
                  <c:v>0.42300855388733449</c:v>
                </c:pt>
                <c:pt idx="6469">
                  <c:v>0.42300855388733449</c:v>
                </c:pt>
                <c:pt idx="6470">
                  <c:v>0.42300855388733449</c:v>
                </c:pt>
                <c:pt idx="6471">
                  <c:v>0.42300855388733449</c:v>
                </c:pt>
                <c:pt idx="6472">
                  <c:v>0.42300855388733449</c:v>
                </c:pt>
                <c:pt idx="6473">
                  <c:v>0.42300855388733449</c:v>
                </c:pt>
                <c:pt idx="6474">
                  <c:v>0.42300855388733449</c:v>
                </c:pt>
                <c:pt idx="6475">
                  <c:v>0.35250712823944547</c:v>
                </c:pt>
                <c:pt idx="6476">
                  <c:v>0.28200570259155638</c:v>
                </c:pt>
                <c:pt idx="6477">
                  <c:v>0.21150427694366725</c:v>
                </c:pt>
                <c:pt idx="6478">
                  <c:v>0.21150427694366725</c:v>
                </c:pt>
                <c:pt idx="6479">
                  <c:v>0.21150427694366725</c:v>
                </c:pt>
                <c:pt idx="6480">
                  <c:v>0.23042784656731022</c:v>
                </c:pt>
                <c:pt idx="6481">
                  <c:v>0.23042784656731022</c:v>
                </c:pt>
                <c:pt idx="6482">
                  <c:v>0.23042784656731022</c:v>
                </c:pt>
                <c:pt idx="6483">
                  <c:v>0.23042784656731022</c:v>
                </c:pt>
                <c:pt idx="6484">
                  <c:v>0.23042784656731022</c:v>
                </c:pt>
                <c:pt idx="6485">
                  <c:v>0.29699589113119984</c:v>
                </c:pt>
                <c:pt idx="6486">
                  <c:v>0.3584433168824826</c:v>
                </c:pt>
                <c:pt idx="6487">
                  <c:v>0.3584433168824826</c:v>
                </c:pt>
                <c:pt idx="6488">
                  <c:v>0.3584433168824826</c:v>
                </c:pt>
                <c:pt idx="6489">
                  <c:v>0.38404641094551706</c:v>
                </c:pt>
                <c:pt idx="6490">
                  <c:v>0.39940826738333773</c:v>
                </c:pt>
                <c:pt idx="6491">
                  <c:v>0.46085569313462044</c:v>
                </c:pt>
                <c:pt idx="6492">
                  <c:v>0.46085569313462044</c:v>
                </c:pt>
                <c:pt idx="6493">
                  <c:v>0.46085569313462044</c:v>
                </c:pt>
                <c:pt idx="6494">
                  <c:v>0.46085569313462044</c:v>
                </c:pt>
                <c:pt idx="6495">
                  <c:v>0.38404641094551706</c:v>
                </c:pt>
                <c:pt idx="6496">
                  <c:v>0.36356393569508949</c:v>
                </c:pt>
                <c:pt idx="6497">
                  <c:v>0.36356393569508949</c:v>
                </c:pt>
                <c:pt idx="6498">
                  <c:v>0.36356393569508949</c:v>
                </c:pt>
                <c:pt idx="6499">
                  <c:v>0.36356393569508949</c:v>
                </c:pt>
                <c:pt idx="6500">
                  <c:v>0.28163403469337916</c:v>
                </c:pt>
                <c:pt idx="6501">
                  <c:v>0.10753299506474477</c:v>
                </c:pt>
                <c:pt idx="6502">
                  <c:v>0.10753299506474477</c:v>
                </c:pt>
                <c:pt idx="6503">
                  <c:v>0.10753299506474477</c:v>
                </c:pt>
                <c:pt idx="6504">
                  <c:v>5.1704474750725378E-2</c:v>
                </c:pt>
                <c:pt idx="6505">
                  <c:v>0.10094683165617814</c:v>
                </c:pt>
                <c:pt idx="6506">
                  <c:v>0.10094683165617814</c:v>
                </c:pt>
                <c:pt idx="6507">
                  <c:v>0.10094683165617814</c:v>
                </c:pt>
                <c:pt idx="6508">
                  <c:v>0.10094683165617814</c:v>
                </c:pt>
                <c:pt idx="6509">
                  <c:v>0.12556801010890448</c:v>
                </c:pt>
                <c:pt idx="6510">
                  <c:v>0.15757554209744878</c:v>
                </c:pt>
                <c:pt idx="6511">
                  <c:v>0.17973460270490249</c:v>
                </c:pt>
                <c:pt idx="6512">
                  <c:v>0.17973460270490249</c:v>
                </c:pt>
                <c:pt idx="6513">
                  <c:v>0.17973460270490249</c:v>
                </c:pt>
                <c:pt idx="6514">
                  <c:v>0.17973460270490249</c:v>
                </c:pt>
                <c:pt idx="6515">
                  <c:v>0.17973460270490249</c:v>
                </c:pt>
                <c:pt idx="6516">
                  <c:v>0.17973460270490249</c:v>
                </c:pt>
                <c:pt idx="6517">
                  <c:v>0.17973460270490249</c:v>
                </c:pt>
                <c:pt idx="6518">
                  <c:v>0.17973460270490249</c:v>
                </c:pt>
                <c:pt idx="6519">
                  <c:v>0.16249977778799404</c:v>
                </c:pt>
                <c:pt idx="6520">
                  <c:v>0.14772707071635824</c:v>
                </c:pt>
                <c:pt idx="6521">
                  <c:v>0.13295436364472238</c:v>
                </c:pt>
                <c:pt idx="6522">
                  <c:v>0.12803012795417712</c:v>
                </c:pt>
                <c:pt idx="6523">
                  <c:v>0.10340894950145076</c:v>
                </c:pt>
                <c:pt idx="6524">
                  <c:v>7.6325653203451735E-2</c:v>
                </c:pt>
                <c:pt idx="6525">
                  <c:v>7.6325653203451735E-2</c:v>
                </c:pt>
                <c:pt idx="6526">
                  <c:v>7.6325653203451735E-2</c:v>
                </c:pt>
                <c:pt idx="6527">
                  <c:v>7.6325653203451735E-2</c:v>
                </c:pt>
                <c:pt idx="6528">
                  <c:v>9.4038534710103525E-2</c:v>
                </c:pt>
                <c:pt idx="6529">
                  <c:v>0.10920604030850734</c:v>
                </c:pt>
                <c:pt idx="6530">
                  <c:v>0.10920604030850734</c:v>
                </c:pt>
                <c:pt idx="6531">
                  <c:v>0.10920604030850734</c:v>
                </c:pt>
                <c:pt idx="6532">
                  <c:v>0.10920604030850734</c:v>
                </c:pt>
                <c:pt idx="6533">
                  <c:v>0.13650755038563417</c:v>
                </c:pt>
                <c:pt idx="6534">
                  <c:v>0.16077555934308022</c:v>
                </c:pt>
                <c:pt idx="6535">
                  <c:v>0.19111057053988781</c:v>
                </c:pt>
                <c:pt idx="6536">
                  <c:v>0.19111057053988781</c:v>
                </c:pt>
                <c:pt idx="6537">
                  <c:v>0.19111057053988781</c:v>
                </c:pt>
                <c:pt idx="6538">
                  <c:v>0.19111057053988781</c:v>
                </c:pt>
                <c:pt idx="6539">
                  <c:v>0.19111057053988781</c:v>
                </c:pt>
                <c:pt idx="6540">
                  <c:v>0.19111057053988781</c:v>
                </c:pt>
                <c:pt idx="6541">
                  <c:v>0.19111057053988781</c:v>
                </c:pt>
                <c:pt idx="6542">
                  <c:v>0.19111057053988781</c:v>
                </c:pt>
                <c:pt idx="6543">
                  <c:v>0.16987606270212249</c:v>
                </c:pt>
                <c:pt idx="6544">
                  <c:v>0.16684256158244173</c:v>
                </c:pt>
                <c:pt idx="6545">
                  <c:v>0.14257455262499569</c:v>
                </c:pt>
                <c:pt idx="6546">
                  <c:v>0.13347404926595341</c:v>
                </c:pt>
                <c:pt idx="6547">
                  <c:v>0.11223954142818808</c:v>
                </c:pt>
                <c:pt idx="6548">
                  <c:v>9.4038534710103525E-2</c:v>
                </c:pt>
                <c:pt idx="6549">
                  <c:v>8.1904530231380501E-2</c:v>
                </c:pt>
                <c:pt idx="6550">
                  <c:v>8.1904530231380501E-2</c:v>
                </c:pt>
                <c:pt idx="6551">
                  <c:v>8.1904530231380501E-2</c:v>
                </c:pt>
                <c:pt idx="6552">
                  <c:v>7.3831857387107749E-2</c:v>
                </c:pt>
                <c:pt idx="6553">
                  <c:v>7.3831857387107749E-2</c:v>
                </c:pt>
                <c:pt idx="6554">
                  <c:v>7.3831857387107749E-2</c:v>
                </c:pt>
                <c:pt idx="6555">
                  <c:v>7.3831857387107749E-2</c:v>
                </c:pt>
                <c:pt idx="6556">
                  <c:v>7.3831857387107749E-2</c:v>
                </c:pt>
                <c:pt idx="6557">
                  <c:v>0.31993804867746695</c:v>
                </c:pt>
                <c:pt idx="6558">
                  <c:v>0.36300663215327988</c:v>
                </c:pt>
                <c:pt idx="6559">
                  <c:v>0.36300663215327988</c:v>
                </c:pt>
                <c:pt idx="6560">
                  <c:v>0.36300663215327988</c:v>
                </c:pt>
                <c:pt idx="6561">
                  <c:v>0.38761725128231572</c:v>
                </c:pt>
                <c:pt idx="6562">
                  <c:v>0.38761725128231572</c:v>
                </c:pt>
                <c:pt idx="6563">
                  <c:v>0.49221238258071842</c:v>
                </c:pt>
                <c:pt idx="6564">
                  <c:v>0.49221238258071842</c:v>
                </c:pt>
                <c:pt idx="6565">
                  <c:v>0.32609070345972596</c:v>
                </c:pt>
                <c:pt idx="6566">
                  <c:v>0.49221238258071842</c:v>
                </c:pt>
                <c:pt idx="6567">
                  <c:v>0.49221238258071842</c:v>
                </c:pt>
                <c:pt idx="6568">
                  <c:v>0.49221238258071842</c:v>
                </c:pt>
                <c:pt idx="6569">
                  <c:v>0.49221238258071842</c:v>
                </c:pt>
                <c:pt idx="6570">
                  <c:v>0.49221238258071842</c:v>
                </c:pt>
                <c:pt idx="6571">
                  <c:v>0.41222787041135173</c:v>
                </c:pt>
                <c:pt idx="6572">
                  <c:v>0.33839601302424388</c:v>
                </c:pt>
                <c:pt idx="6573">
                  <c:v>0.24610619129035921</c:v>
                </c:pt>
                <c:pt idx="6574">
                  <c:v>0.23380088172584124</c:v>
                </c:pt>
                <c:pt idx="6575">
                  <c:v>0.23380088172584124</c:v>
                </c:pt>
                <c:pt idx="6576">
                  <c:v>0.21515609185262588</c:v>
                </c:pt>
                <c:pt idx="6577">
                  <c:v>0.21515609185262588</c:v>
                </c:pt>
                <c:pt idx="6578">
                  <c:v>0.21515609185262588</c:v>
                </c:pt>
                <c:pt idx="6579">
                  <c:v>0.21515609185262588</c:v>
                </c:pt>
                <c:pt idx="6580">
                  <c:v>0.21515609185262588</c:v>
                </c:pt>
                <c:pt idx="6581">
                  <c:v>0.27970291940841363</c:v>
                </c:pt>
                <c:pt idx="6582">
                  <c:v>0.31197633318630746</c:v>
                </c:pt>
                <c:pt idx="6583">
                  <c:v>0.32273413777893883</c:v>
                </c:pt>
                <c:pt idx="6584">
                  <c:v>0.32273413777893883</c:v>
                </c:pt>
                <c:pt idx="6585">
                  <c:v>0.34962864926051701</c:v>
                </c:pt>
                <c:pt idx="6586">
                  <c:v>0.36576535614946387</c:v>
                </c:pt>
                <c:pt idx="6587">
                  <c:v>0.43031218370525176</c:v>
                </c:pt>
                <c:pt idx="6588">
                  <c:v>0.43031218370525176</c:v>
                </c:pt>
                <c:pt idx="6589">
                  <c:v>0.43031218370525176</c:v>
                </c:pt>
                <c:pt idx="6590">
                  <c:v>0.43031218370525176</c:v>
                </c:pt>
                <c:pt idx="6591">
                  <c:v>0.43031218370525176</c:v>
                </c:pt>
                <c:pt idx="6592">
                  <c:v>0.43031218370525176</c:v>
                </c:pt>
                <c:pt idx="6593">
                  <c:v>0.43031218370525176</c:v>
                </c:pt>
                <c:pt idx="6594">
                  <c:v>0.43031218370525176</c:v>
                </c:pt>
                <c:pt idx="6595">
                  <c:v>0.36038645385314833</c:v>
                </c:pt>
                <c:pt idx="6596">
                  <c:v>0.29583962629736055</c:v>
                </c:pt>
                <c:pt idx="6597">
                  <c:v>0.21515609185262588</c:v>
                </c:pt>
                <c:pt idx="6598">
                  <c:v>0.21515609185262588</c:v>
                </c:pt>
                <c:pt idx="6599">
                  <c:v>0.21515609185262588</c:v>
                </c:pt>
                <c:pt idx="6600">
                  <c:v>0.1924462249373656</c:v>
                </c:pt>
                <c:pt idx="6601">
                  <c:v>0.21650200305453624</c:v>
                </c:pt>
                <c:pt idx="6602">
                  <c:v>0.21650200305453624</c:v>
                </c:pt>
                <c:pt idx="6603">
                  <c:v>0.21650200305453624</c:v>
                </c:pt>
                <c:pt idx="6604">
                  <c:v>0.21650200305453624</c:v>
                </c:pt>
                <c:pt idx="6605">
                  <c:v>0.27904702615918009</c:v>
                </c:pt>
                <c:pt idx="6606">
                  <c:v>0.32234742677008738</c:v>
                </c:pt>
                <c:pt idx="6607">
                  <c:v>0.32234742677008738</c:v>
                </c:pt>
                <c:pt idx="6608">
                  <c:v>0.32234742677008738</c:v>
                </c:pt>
                <c:pt idx="6609">
                  <c:v>0.34640320488725806</c:v>
                </c:pt>
                <c:pt idx="6610">
                  <c:v>0.37527013862786296</c:v>
                </c:pt>
                <c:pt idx="6611">
                  <c:v>0.43300400610907247</c:v>
                </c:pt>
                <c:pt idx="6612">
                  <c:v>0.43300400610907247</c:v>
                </c:pt>
                <c:pt idx="6613">
                  <c:v>0.43300400610907247</c:v>
                </c:pt>
                <c:pt idx="6614">
                  <c:v>0.43300400610907247</c:v>
                </c:pt>
                <c:pt idx="6615">
                  <c:v>0.43300400610907247</c:v>
                </c:pt>
                <c:pt idx="6616">
                  <c:v>0.43300400610907247</c:v>
                </c:pt>
                <c:pt idx="6617">
                  <c:v>0.43300400610907247</c:v>
                </c:pt>
                <c:pt idx="6618">
                  <c:v>0.43300400610907247</c:v>
                </c:pt>
                <c:pt idx="6619">
                  <c:v>0.36083667175756046</c:v>
                </c:pt>
                <c:pt idx="6620">
                  <c:v>0.28866933740604839</c:v>
                </c:pt>
                <c:pt idx="6621">
                  <c:v>0.21650200305453624</c:v>
                </c:pt>
                <c:pt idx="6622">
                  <c:v>0.21650200305453624</c:v>
                </c:pt>
                <c:pt idx="6623">
                  <c:v>0.21650200305453624</c:v>
                </c:pt>
                <c:pt idx="6624">
                  <c:v>0.21769164252141054</c:v>
                </c:pt>
                <c:pt idx="6625">
                  <c:v>0.21769164252141054</c:v>
                </c:pt>
                <c:pt idx="6626">
                  <c:v>0.21769164252141054</c:v>
                </c:pt>
                <c:pt idx="6627">
                  <c:v>0.21769164252141054</c:v>
                </c:pt>
                <c:pt idx="6628">
                  <c:v>0.21769164252141054</c:v>
                </c:pt>
                <c:pt idx="6629">
                  <c:v>0.28058033924981812</c:v>
                </c:pt>
                <c:pt idx="6630">
                  <c:v>0.3241186677541002</c:v>
                </c:pt>
                <c:pt idx="6631">
                  <c:v>0.3241186677541002</c:v>
                </c:pt>
                <c:pt idx="6632">
                  <c:v>0.3241186677541002</c:v>
                </c:pt>
                <c:pt idx="6633">
                  <c:v>0.34830662803425699</c:v>
                </c:pt>
                <c:pt idx="6634">
                  <c:v>0.37733218037044497</c:v>
                </c:pt>
                <c:pt idx="6635">
                  <c:v>0.43538328504282109</c:v>
                </c:pt>
                <c:pt idx="6636">
                  <c:v>0.43538328504282109</c:v>
                </c:pt>
                <c:pt idx="6637">
                  <c:v>0.43538328504282109</c:v>
                </c:pt>
                <c:pt idx="6638">
                  <c:v>0.43538328504282109</c:v>
                </c:pt>
                <c:pt idx="6639">
                  <c:v>0.43538328504282109</c:v>
                </c:pt>
                <c:pt idx="6640">
                  <c:v>0.43538328504282109</c:v>
                </c:pt>
                <c:pt idx="6641">
                  <c:v>0.43538328504282109</c:v>
                </c:pt>
                <c:pt idx="6642">
                  <c:v>0.43538328504282109</c:v>
                </c:pt>
                <c:pt idx="6643">
                  <c:v>0.36281940420235098</c:v>
                </c:pt>
                <c:pt idx="6644">
                  <c:v>0.29025552336188082</c:v>
                </c:pt>
                <c:pt idx="6645">
                  <c:v>0.21769164252141054</c:v>
                </c:pt>
                <c:pt idx="6646">
                  <c:v>0.21769164252141054</c:v>
                </c:pt>
                <c:pt idx="6647">
                  <c:v>0.21769164252141054</c:v>
                </c:pt>
                <c:pt idx="6648">
                  <c:v>0.24177705212670159</c:v>
                </c:pt>
                <c:pt idx="6649">
                  <c:v>0.24177705212670159</c:v>
                </c:pt>
                <c:pt idx="6650">
                  <c:v>0.24177705212670159</c:v>
                </c:pt>
                <c:pt idx="6651">
                  <c:v>0.24177705212670159</c:v>
                </c:pt>
                <c:pt idx="6652">
                  <c:v>0.24177705212670159</c:v>
                </c:pt>
                <c:pt idx="6653">
                  <c:v>0.31162375607441534</c:v>
                </c:pt>
                <c:pt idx="6654">
                  <c:v>0.37609763664153578</c:v>
                </c:pt>
                <c:pt idx="6655">
                  <c:v>0.37609763664153578</c:v>
                </c:pt>
                <c:pt idx="6656">
                  <c:v>0.37609763664153578</c:v>
                </c:pt>
                <c:pt idx="6657">
                  <c:v>0.40296175354450264</c:v>
                </c:pt>
                <c:pt idx="6658">
                  <c:v>0.41908022368628267</c:v>
                </c:pt>
                <c:pt idx="6659">
                  <c:v>0.48355410425340317</c:v>
                </c:pt>
                <c:pt idx="6660">
                  <c:v>0.48355410425340317</c:v>
                </c:pt>
                <c:pt idx="6661">
                  <c:v>0.48355410425340317</c:v>
                </c:pt>
                <c:pt idx="6662">
                  <c:v>0.48355410425340317</c:v>
                </c:pt>
                <c:pt idx="6663">
                  <c:v>0.40296175354450264</c:v>
                </c:pt>
                <c:pt idx="6664">
                  <c:v>0.3814704600221292</c:v>
                </c:pt>
                <c:pt idx="6665">
                  <c:v>0.3814704600221292</c:v>
                </c:pt>
                <c:pt idx="6666">
                  <c:v>0.3814704600221292</c:v>
                </c:pt>
                <c:pt idx="6667">
                  <c:v>0.3814704600221292</c:v>
                </c:pt>
                <c:pt idx="6668">
                  <c:v>0.2955052859326352</c:v>
                </c:pt>
                <c:pt idx="6669">
                  <c:v>0.11282929099246072</c:v>
                </c:pt>
                <c:pt idx="6670">
                  <c:v>0.11282929099246072</c:v>
                </c:pt>
                <c:pt idx="6671">
                  <c:v>0.11282929099246072</c:v>
                </c:pt>
                <c:pt idx="6672">
                  <c:v>6.9380954805152786E-2</c:v>
                </c:pt>
                <c:pt idx="6673">
                  <c:v>0.13545805461958402</c:v>
                </c:pt>
                <c:pt idx="6674">
                  <c:v>0.13545805461958402</c:v>
                </c:pt>
                <c:pt idx="6675">
                  <c:v>0.13545805461958402</c:v>
                </c:pt>
                <c:pt idx="6676">
                  <c:v>0.13545805461958402</c:v>
                </c:pt>
                <c:pt idx="6677">
                  <c:v>0.16849660452679965</c:v>
                </c:pt>
                <c:pt idx="6678">
                  <c:v>0.21144671940617993</c:v>
                </c:pt>
                <c:pt idx="6679">
                  <c:v>0.24118141432267398</c:v>
                </c:pt>
                <c:pt idx="6680">
                  <c:v>0.24118141432267398</c:v>
                </c:pt>
                <c:pt idx="6681">
                  <c:v>0.24118141432267398</c:v>
                </c:pt>
                <c:pt idx="6682">
                  <c:v>0.24118141432267398</c:v>
                </c:pt>
                <c:pt idx="6683">
                  <c:v>0.24118141432267398</c:v>
                </c:pt>
                <c:pt idx="6684">
                  <c:v>0.24118141432267398</c:v>
                </c:pt>
                <c:pt idx="6685">
                  <c:v>0.24118141432267398</c:v>
                </c:pt>
                <c:pt idx="6686">
                  <c:v>0.24118141432267398</c:v>
                </c:pt>
                <c:pt idx="6687">
                  <c:v>0.21805442938762307</c:v>
                </c:pt>
                <c:pt idx="6688">
                  <c:v>0.19823129944329368</c:v>
                </c:pt>
                <c:pt idx="6689">
                  <c:v>0.17840816949896432</c:v>
                </c:pt>
                <c:pt idx="6690">
                  <c:v>0.17180045951752118</c:v>
                </c:pt>
                <c:pt idx="6691">
                  <c:v>0.13876190961030557</c:v>
                </c:pt>
                <c:pt idx="6692">
                  <c:v>0.10241950471236838</c:v>
                </c:pt>
                <c:pt idx="6693">
                  <c:v>0.10241950471236838</c:v>
                </c:pt>
                <c:pt idx="6694">
                  <c:v>0.10241950471236838</c:v>
                </c:pt>
                <c:pt idx="6695">
                  <c:v>0.10241950471236838</c:v>
                </c:pt>
                <c:pt idx="6696">
                  <c:v>0.12709802777982385</c:v>
                </c:pt>
                <c:pt idx="6697">
                  <c:v>0.14759770967979546</c:v>
                </c:pt>
                <c:pt idx="6698">
                  <c:v>0.14759770967979546</c:v>
                </c:pt>
                <c:pt idx="6699">
                  <c:v>0.14759770967979546</c:v>
                </c:pt>
                <c:pt idx="6700">
                  <c:v>0.14759770967979546</c:v>
                </c:pt>
                <c:pt idx="6701">
                  <c:v>0.18449713709974433</c:v>
                </c:pt>
                <c:pt idx="6702">
                  <c:v>0.21729662813969888</c:v>
                </c:pt>
                <c:pt idx="6703">
                  <c:v>0.25829599193964203</c:v>
                </c:pt>
                <c:pt idx="6704">
                  <c:v>0.25829599193964203</c:v>
                </c:pt>
                <c:pt idx="6705">
                  <c:v>0.25829599193964203</c:v>
                </c:pt>
                <c:pt idx="6706">
                  <c:v>0.25829599193964203</c:v>
                </c:pt>
                <c:pt idx="6707">
                  <c:v>0.25829599193964203</c:v>
                </c:pt>
                <c:pt idx="6708">
                  <c:v>0.25829599193964203</c:v>
                </c:pt>
                <c:pt idx="6709">
                  <c:v>0.25829599193964203</c:v>
                </c:pt>
                <c:pt idx="6710">
                  <c:v>0.25829599193964203</c:v>
                </c:pt>
                <c:pt idx="6711">
                  <c:v>0.22959643727968182</c:v>
                </c:pt>
                <c:pt idx="6712">
                  <c:v>0.22549650089968748</c:v>
                </c:pt>
                <c:pt idx="6713">
                  <c:v>0.19269700985973301</c:v>
                </c:pt>
                <c:pt idx="6714">
                  <c:v>0.18039720071975002</c:v>
                </c:pt>
                <c:pt idx="6715">
                  <c:v>0.15169764605978975</c:v>
                </c:pt>
                <c:pt idx="6716">
                  <c:v>0.12709802777982385</c:v>
                </c:pt>
                <c:pt idx="6717">
                  <c:v>0.1106982822598466</c:v>
                </c:pt>
                <c:pt idx="6718">
                  <c:v>0.1106982822598466</c:v>
                </c:pt>
                <c:pt idx="6719">
                  <c:v>0.1106982822598466</c:v>
                </c:pt>
                <c:pt idx="6720">
                  <c:v>7.668918867571109E-2</c:v>
                </c:pt>
                <c:pt idx="6721">
                  <c:v>7.668918867571109E-2</c:v>
                </c:pt>
                <c:pt idx="6722">
                  <c:v>7.668918867571109E-2</c:v>
                </c:pt>
                <c:pt idx="6723">
                  <c:v>7.668918867571109E-2</c:v>
                </c:pt>
                <c:pt idx="6724">
                  <c:v>7.668918867571109E-2</c:v>
                </c:pt>
                <c:pt idx="6725">
                  <c:v>0.3323198175947481</c:v>
                </c:pt>
                <c:pt idx="6726">
                  <c:v>0.37705517765557955</c:v>
                </c:pt>
                <c:pt idx="6727">
                  <c:v>0.37705517765557955</c:v>
                </c:pt>
                <c:pt idx="6728">
                  <c:v>0.37705517765557955</c:v>
                </c:pt>
                <c:pt idx="6729">
                  <c:v>0.40261824054748324</c:v>
                </c:pt>
                <c:pt idx="6730">
                  <c:v>0.40261824054748324</c:v>
                </c:pt>
                <c:pt idx="6731">
                  <c:v>0.51126125783807408</c:v>
                </c:pt>
                <c:pt idx="6732">
                  <c:v>0.51126125783807408</c:v>
                </c:pt>
                <c:pt idx="6733">
                  <c:v>0.33871058331772413</c:v>
                </c:pt>
                <c:pt idx="6734">
                  <c:v>0.51126125783807408</c:v>
                </c:pt>
                <c:pt idx="6735">
                  <c:v>0.51126125783807408</c:v>
                </c:pt>
                <c:pt idx="6736">
                  <c:v>0.51126125783807408</c:v>
                </c:pt>
                <c:pt idx="6737">
                  <c:v>0.51126125783807408</c:v>
                </c:pt>
                <c:pt idx="6738">
                  <c:v>0.51126125783807408</c:v>
                </c:pt>
                <c:pt idx="6739">
                  <c:v>0.42818130343938693</c:v>
                </c:pt>
                <c:pt idx="6740">
                  <c:v>0.35149211476367581</c:v>
                </c:pt>
                <c:pt idx="6741">
                  <c:v>0.25563062891903704</c:v>
                </c:pt>
                <c:pt idx="6742">
                  <c:v>0.24284909747308511</c:v>
                </c:pt>
                <c:pt idx="6743">
                  <c:v>0.24284909747308511</c:v>
                </c:pt>
                <c:pt idx="6744">
                  <c:v>0.22102821341408213</c:v>
                </c:pt>
                <c:pt idx="6745">
                  <c:v>0.22102821341408213</c:v>
                </c:pt>
                <c:pt idx="6746">
                  <c:v>0.22102821341408213</c:v>
                </c:pt>
                <c:pt idx="6747">
                  <c:v>0.22102821341408213</c:v>
                </c:pt>
                <c:pt idx="6748">
                  <c:v>0.22102821341408213</c:v>
                </c:pt>
                <c:pt idx="6749">
                  <c:v>0.28733667743830676</c:v>
                </c:pt>
                <c:pt idx="6750">
                  <c:v>0.32049090945041903</c:v>
                </c:pt>
                <c:pt idx="6751">
                  <c:v>0.33154232012112322</c:v>
                </c:pt>
                <c:pt idx="6752">
                  <c:v>0.33154232012112322</c:v>
                </c:pt>
                <c:pt idx="6753">
                  <c:v>0.35917084679788341</c:v>
                </c:pt>
                <c:pt idx="6754">
                  <c:v>0.37574796280393957</c:v>
                </c:pt>
                <c:pt idx="6755">
                  <c:v>0.44205642682816426</c:v>
                </c:pt>
                <c:pt idx="6756">
                  <c:v>0.44205642682816426</c:v>
                </c:pt>
                <c:pt idx="6757">
                  <c:v>0.44205642682816426</c:v>
                </c:pt>
                <c:pt idx="6758">
                  <c:v>0.44205642682816426</c:v>
                </c:pt>
                <c:pt idx="6759">
                  <c:v>0.44205642682816426</c:v>
                </c:pt>
                <c:pt idx="6760">
                  <c:v>0.44205642682816426</c:v>
                </c:pt>
                <c:pt idx="6761">
                  <c:v>0.44205642682816426</c:v>
                </c:pt>
                <c:pt idx="6762">
                  <c:v>0.44205642682816426</c:v>
                </c:pt>
                <c:pt idx="6763">
                  <c:v>0.37022225746858756</c:v>
                </c:pt>
                <c:pt idx="6764">
                  <c:v>0.30391379344436287</c:v>
                </c:pt>
                <c:pt idx="6765">
                  <c:v>0.22102821341408213</c:v>
                </c:pt>
                <c:pt idx="6766">
                  <c:v>0.22102821341408213</c:v>
                </c:pt>
                <c:pt idx="6767">
                  <c:v>0.22102821341408213</c:v>
                </c:pt>
                <c:pt idx="6768">
                  <c:v>0.19437712801574827</c:v>
                </c:pt>
                <c:pt idx="6769">
                  <c:v>0.21867426901771683</c:v>
                </c:pt>
                <c:pt idx="6770">
                  <c:v>0.21867426901771683</c:v>
                </c:pt>
                <c:pt idx="6771">
                  <c:v>0.21867426901771683</c:v>
                </c:pt>
                <c:pt idx="6772">
                  <c:v>0.21867426901771683</c:v>
                </c:pt>
                <c:pt idx="6773">
                  <c:v>0.28184683562283497</c:v>
                </c:pt>
                <c:pt idx="6774">
                  <c:v>0.32558168942637844</c:v>
                </c:pt>
                <c:pt idx="6775">
                  <c:v>0.32558168942637844</c:v>
                </c:pt>
                <c:pt idx="6776">
                  <c:v>0.32558168942637844</c:v>
                </c:pt>
                <c:pt idx="6777">
                  <c:v>0.34987883042834689</c:v>
                </c:pt>
                <c:pt idx="6778">
                  <c:v>0.37903539963070915</c:v>
                </c:pt>
                <c:pt idx="6779">
                  <c:v>0.43734853803543366</c:v>
                </c:pt>
                <c:pt idx="6780">
                  <c:v>0.43734853803543366</c:v>
                </c:pt>
                <c:pt idx="6781">
                  <c:v>0.43734853803543366</c:v>
                </c:pt>
                <c:pt idx="6782">
                  <c:v>0.43734853803543366</c:v>
                </c:pt>
                <c:pt idx="6783">
                  <c:v>0.43734853803543366</c:v>
                </c:pt>
                <c:pt idx="6784">
                  <c:v>0.43734853803543366</c:v>
                </c:pt>
                <c:pt idx="6785">
                  <c:v>0.43734853803543366</c:v>
                </c:pt>
                <c:pt idx="6786">
                  <c:v>0.43734853803543366</c:v>
                </c:pt>
                <c:pt idx="6787">
                  <c:v>0.36445711502952804</c:v>
                </c:pt>
                <c:pt idx="6788">
                  <c:v>0.29156569202362242</c:v>
                </c:pt>
                <c:pt idx="6789">
                  <c:v>0.21867426901771683</c:v>
                </c:pt>
                <c:pt idx="6790">
                  <c:v>0.21867426901771683</c:v>
                </c:pt>
                <c:pt idx="6791">
                  <c:v>0.21867426901771683</c:v>
                </c:pt>
                <c:pt idx="6792">
                  <c:v>0.21954785219473355</c:v>
                </c:pt>
                <c:pt idx="6793">
                  <c:v>0.21954785219473355</c:v>
                </c:pt>
                <c:pt idx="6794">
                  <c:v>0.21954785219473355</c:v>
                </c:pt>
                <c:pt idx="6795">
                  <c:v>0.21954785219473355</c:v>
                </c:pt>
                <c:pt idx="6796">
                  <c:v>0.21954785219473355</c:v>
                </c:pt>
                <c:pt idx="6797">
                  <c:v>0.28297278727321212</c:v>
                </c:pt>
                <c:pt idx="6798">
                  <c:v>0.32688235771215884</c:v>
                </c:pt>
                <c:pt idx="6799">
                  <c:v>0.32688235771215884</c:v>
                </c:pt>
                <c:pt idx="6800">
                  <c:v>0.32688235771215884</c:v>
                </c:pt>
                <c:pt idx="6801">
                  <c:v>0.35127656351157371</c:v>
                </c:pt>
                <c:pt idx="6802">
                  <c:v>0.38054961047087144</c:v>
                </c:pt>
                <c:pt idx="6803">
                  <c:v>0.4390957043894671</c:v>
                </c:pt>
                <c:pt idx="6804">
                  <c:v>0.4390957043894671</c:v>
                </c:pt>
                <c:pt idx="6805">
                  <c:v>0.4390957043894671</c:v>
                </c:pt>
                <c:pt idx="6806">
                  <c:v>0.4390957043894671</c:v>
                </c:pt>
                <c:pt idx="6807">
                  <c:v>0.4390957043894671</c:v>
                </c:pt>
                <c:pt idx="6808">
                  <c:v>0.4390957043894671</c:v>
                </c:pt>
                <c:pt idx="6809">
                  <c:v>0.4390957043894671</c:v>
                </c:pt>
                <c:pt idx="6810">
                  <c:v>0.4390957043894671</c:v>
                </c:pt>
                <c:pt idx="6811">
                  <c:v>0.36591308699122255</c:v>
                </c:pt>
                <c:pt idx="6812">
                  <c:v>0.29273046959297805</c:v>
                </c:pt>
                <c:pt idx="6813">
                  <c:v>0.21954785219473355</c:v>
                </c:pt>
                <c:pt idx="6814">
                  <c:v>0.21954785219473355</c:v>
                </c:pt>
                <c:pt idx="6815">
                  <c:v>0.21954785219473355</c:v>
                </c:pt>
                <c:pt idx="6816">
                  <c:v>0.2422852255099579</c:v>
                </c:pt>
                <c:pt idx="6817">
                  <c:v>0.2422852255099579</c:v>
                </c:pt>
                <c:pt idx="6818">
                  <c:v>0.2422852255099579</c:v>
                </c:pt>
                <c:pt idx="6819">
                  <c:v>0.2422852255099579</c:v>
                </c:pt>
                <c:pt idx="6820">
                  <c:v>0.2422852255099579</c:v>
                </c:pt>
                <c:pt idx="6821">
                  <c:v>0.31227873510172349</c:v>
                </c:pt>
                <c:pt idx="6822">
                  <c:v>0.37688812857104564</c:v>
                </c:pt>
                <c:pt idx="6823">
                  <c:v>0.37688812857104564</c:v>
                </c:pt>
                <c:pt idx="6824">
                  <c:v>0.37688812857104564</c:v>
                </c:pt>
                <c:pt idx="6825">
                  <c:v>0.40380870918326317</c:v>
                </c:pt>
                <c:pt idx="6826">
                  <c:v>0.41996105755059371</c:v>
                </c:pt>
                <c:pt idx="6827">
                  <c:v>0.4845704510199158</c:v>
                </c:pt>
                <c:pt idx="6828">
                  <c:v>0.4845704510199158</c:v>
                </c:pt>
                <c:pt idx="6829">
                  <c:v>0.4845704510199158</c:v>
                </c:pt>
                <c:pt idx="6830">
                  <c:v>0.4845704510199158</c:v>
                </c:pt>
                <c:pt idx="6831">
                  <c:v>0.40380870918326317</c:v>
                </c:pt>
                <c:pt idx="6832">
                  <c:v>0.38227224469348919</c:v>
                </c:pt>
                <c:pt idx="6833">
                  <c:v>0.38227224469348919</c:v>
                </c:pt>
                <c:pt idx="6834">
                  <c:v>0.38227224469348919</c:v>
                </c:pt>
                <c:pt idx="6835">
                  <c:v>0.38227224469348919</c:v>
                </c:pt>
                <c:pt idx="6836">
                  <c:v>0.29612638673439295</c:v>
                </c:pt>
                <c:pt idx="6837">
                  <c:v>0.11306643857131368</c:v>
                </c:pt>
                <c:pt idx="6838">
                  <c:v>0.11306643857131368</c:v>
                </c:pt>
                <c:pt idx="6839">
                  <c:v>0.11306643857131368</c:v>
                </c:pt>
                <c:pt idx="6840">
                  <c:v>6.6772949551220873E-2</c:v>
                </c:pt>
                <c:pt idx="6841">
                  <c:v>0.13036623483809789</c:v>
                </c:pt>
                <c:pt idx="6842">
                  <c:v>0.13036623483809789</c:v>
                </c:pt>
                <c:pt idx="6843">
                  <c:v>0.13036623483809789</c:v>
                </c:pt>
                <c:pt idx="6844">
                  <c:v>0.13036623483809789</c:v>
                </c:pt>
                <c:pt idx="6845">
                  <c:v>0.1621628774815364</c:v>
                </c:pt>
                <c:pt idx="6846">
                  <c:v>0.20349851291800644</c:v>
                </c:pt>
                <c:pt idx="6847">
                  <c:v>0.2321154912971011</c:v>
                </c:pt>
                <c:pt idx="6848">
                  <c:v>0.2321154912971011</c:v>
                </c:pt>
                <c:pt idx="6849">
                  <c:v>0.2321154912971011</c:v>
                </c:pt>
                <c:pt idx="6850">
                  <c:v>0.2321154912971011</c:v>
                </c:pt>
                <c:pt idx="6851">
                  <c:v>0.2321154912971011</c:v>
                </c:pt>
                <c:pt idx="6852">
                  <c:v>0.2321154912971011</c:v>
                </c:pt>
                <c:pt idx="6853">
                  <c:v>0.2321154912971011</c:v>
                </c:pt>
                <c:pt idx="6854">
                  <c:v>0.2321154912971011</c:v>
                </c:pt>
                <c:pt idx="6855">
                  <c:v>0.20985784144669417</c:v>
                </c:pt>
                <c:pt idx="6856">
                  <c:v>0.19077985586063104</c:v>
                </c:pt>
                <c:pt idx="6857">
                  <c:v>0.17170187027456796</c:v>
                </c:pt>
                <c:pt idx="6858">
                  <c:v>0.16534254174588023</c:v>
                </c:pt>
                <c:pt idx="6859">
                  <c:v>0.13354589910244175</c:v>
                </c:pt>
                <c:pt idx="6860">
                  <c:v>9.8569592194659369E-2</c:v>
                </c:pt>
                <c:pt idx="6861">
                  <c:v>9.8569592194659369E-2</c:v>
                </c:pt>
                <c:pt idx="6862">
                  <c:v>9.8569592194659369E-2</c:v>
                </c:pt>
                <c:pt idx="6863">
                  <c:v>9.8569592194659369E-2</c:v>
                </c:pt>
                <c:pt idx="6864">
                  <c:v>0.11737464746520021</c:v>
                </c:pt>
                <c:pt idx="6865">
                  <c:v>0.13630604221765186</c:v>
                </c:pt>
                <c:pt idx="6866">
                  <c:v>0.13630604221765186</c:v>
                </c:pt>
                <c:pt idx="6867">
                  <c:v>0.13630604221765186</c:v>
                </c:pt>
                <c:pt idx="6868">
                  <c:v>0.13630604221765186</c:v>
                </c:pt>
                <c:pt idx="6869">
                  <c:v>0.17038255277206482</c:v>
                </c:pt>
                <c:pt idx="6870">
                  <c:v>0.20067278437598748</c:v>
                </c:pt>
                <c:pt idx="6871">
                  <c:v>0.23853557388089078</c:v>
                </c:pt>
                <c:pt idx="6872">
                  <c:v>0.23853557388089078</c:v>
                </c:pt>
                <c:pt idx="6873">
                  <c:v>0.23853557388089078</c:v>
                </c:pt>
                <c:pt idx="6874">
                  <c:v>0.23853557388089078</c:v>
                </c:pt>
                <c:pt idx="6875">
                  <c:v>0.23853557388089078</c:v>
                </c:pt>
                <c:pt idx="6876">
                  <c:v>0.23853557388089078</c:v>
                </c:pt>
                <c:pt idx="6877">
                  <c:v>0.23853557388089078</c:v>
                </c:pt>
                <c:pt idx="6878">
                  <c:v>0.23853557388089078</c:v>
                </c:pt>
                <c:pt idx="6879">
                  <c:v>0.21203162122745844</c:v>
                </c:pt>
                <c:pt idx="6880">
                  <c:v>0.20824534227696812</c:v>
                </c:pt>
                <c:pt idx="6881">
                  <c:v>0.17795511067304548</c:v>
                </c:pt>
                <c:pt idx="6882">
                  <c:v>0.16659627382157449</c:v>
                </c:pt>
                <c:pt idx="6883">
                  <c:v>0.14009232116814219</c:v>
                </c:pt>
                <c:pt idx="6884">
                  <c:v>0.11737464746520021</c:v>
                </c:pt>
                <c:pt idx="6885">
                  <c:v>0.10222953166323891</c:v>
                </c:pt>
                <c:pt idx="6886">
                  <c:v>0.10222953166323891</c:v>
                </c:pt>
                <c:pt idx="6887">
                  <c:v>0.10222953166323891</c:v>
                </c:pt>
                <c:pt idx="6888">
                  <c:v>7.6265880336658751E-2</c:v>
                </c:pt>
                <c:pt idx="6889">
                  <c:v>7.6265880336658751E-2</c:v>
                </c:pt>
                <c:pt idx="6890">
                  <c:v>7.6265880336658751E-2</c:v>
                </c:pt>
                <c:pt idx="6891">
                  <c:v>7.6265880336658751E-2</c:v>
                </c:pt>
                <c:pt idx="6892">
                  <c:v>7.6265880336658751E-2</c:v>
                </c:pt>
                <c:pt idx="6893">
                  <c:v>0.33048548145885459</c:v>
                </c:pt>
                <c:pt idx="6894">
                  <c:v>0.37497391165523891</c:v>
                </c:pt>
                <c:pt idx="6895">
                  <c:v>0.37497391165523891</c:v>
                </c:pt>
                <c:pt idx="6896">
                  <c:v>0.37497391165523891</c:v>
                </c:pt>
                <c:pt idx="6897">
                  <c:v>0.4003958717674585</c:v>
                </c:pt>
                <c:pt idx="6898">
                  <c:v>0.4003958717674585</c:v>
                </c:pt>
                <c:pt idx="6899">
                  <c:v>0.50843920224439176</c:v>
                </c:pt>
                <c:pt idx="6900">
                  <c:v>0.50843920224439176</c:v>
                </c:pt>
                <c:pt idx="6901">
                  <c:v>0.3368409714869095</c:v>
                </c:pt>
                <c:pt idx="6902">
                  <c:v>0.50843920224439176</c:v>
                </c:pt>
                <c:pt idx="6903">
                  <c:v>0.50843920224439176</c:v>
                </c:pt>
                <c:pt idx="6904">
                  <c:v>0.50843920224439176</c:v>
                </c:pt>
                <c:pt idx="6905">
                  <c:v>0.50843920224439176</c:v>
                </c:pt>
                <c:pt idx="6906">
                  <c:v>0.50843920224439176</c:v>
                </c:pt>
                <c:pt idx="6907">
                  <c:v>0.42581783187967803</c:v>
                </c:pt>
                <c:pt idx="6908">
                  <c:v>0.34955195154301927</c:v>
                </c:pt>
                <c:pt idx="6909">
                  <c:v>0.25421960112219588</c:v>
                </c:pt>
                <c:pt idx="6910">
                  <c:v>0.24150862106608606</c:v>
                </c:pt>
                <c:pt idx="6911">
                  <c:v>0.24150862106608606</c:v>
                </c:pt>
                <c:pt idx="6912">
                  <c:v>0.22566409885733713</c:v>
                </c:pt>
                <c:pt idx="6913">
                  <c:v>0.22566409885733713</c:v>
                </c:pt>
                <c:pt idx="6914">
                  <c:v>0.22566409885733713</c:v>
                </c:pt>
                <c:pt idx="6915">
                  <c:v>0.22566409885733713</c:v>
                </c:pt>
                <c:pt idx="6916">
                  <c:v>0.22566409885733713</c:v>
                </c:pt>
                <c:pt idx="6917">
                  <c:v>0.29336332851453822</c:v>
                </c:pt>
                <c:pt idx="6918">
                  <c:v>0.32721294334313872</c:v>
                </c:pt>
                <c:pt idx="6919">
                  <c:v>0.33849614828600566</c:v>
                </c:pt>
                <c:pt idx="6920">
                  <c:v>0.33849614828600566</c:v>
                </c:pt>
                <c:pt idx="6921">
                  <c:v>0.36670416064317285</c:v>
                </c:pt>
                <c:pt idx="6922">
                  <c:v>0.3836289680574731</c:v>
                </c:pt>
                <c:pt idx="6923">
                  <c:v>0.45132819771467425</c:v>
                </c:pt>
                <c:pt idx="6924">
                  <c:v>0.45132819771467425</c:v>
                </c:pt>
                <c:pt idx="6925">
                  <c:v>0.45132819771467425</c:v>
                </c:pt>
                <c:pt idx="6926">
                  <c:v>0.45132819771467425</c:v>
                </c:pt>
                <c:pt idx="6927">
                  <c:v>0.45132819771467425</c:v>
                </c:pt>
                <c:pt idx="6928">
                  <c:v>0.45132819771467425</c:v>
                </c:pt>
                <c:pt idx="6929">
                  <c:v>0.45132819771467425</c:v>
                </c:pt>
                <c:pt idx="6930">
                  <c:v>0.45132819771467425</c:v>
                </c:pt>
                <c:pt idx="6931">
                  <c:v>0.37798736558603968</c:v>
                </c:pt>
                <c:pt idx="6932">
                  <c:v>0.31028813592883847</c:v>
                </c:pt>
                <c:pt idx="6933">
                  <c:v>0.22566409885733713</c:v>
                </c:pt>
                <c:pt idx="6934">
                  <c:v>0.22566409885733713</c:v>
                </c:pt>
                <c:pt idx="6935">
                  <c:v>0.22566409885733713</c:v>
                </c:pt>
                <c:pt idx="6936">
                  <c:v>0.19658387439104283</c:v>
                </c:pt>
                <c:pt idx="6937">
                  <c:v>0.22115685868992313</c:v>
                </c:pt>
                <c:pt idx="6938">
                  <c:v>0.22115685868992313</c:v>
                </c:pt>
                <c:pt idx="6939">
                  <c:v>0.22115685868992313</c:v>
                </c:pt>
                <c:pt idx="6940">
                  <c:v>0.22115685868992313</c:v>
                </c:pt>
                <c:pt idx="6941">
                  <c:v>0.28504661786701202</c:v>
                </c:pt>
                <c:pt idx="6942">
                  <c:v>0.32927798960499671</c:v>
                </c:pt>
                <c:pt idx="6943">
                  <c:v>0.32927798960499671</c:v>
                </c:pt>
                <c:pt idx="6944">
                  <c:v>0.32927798960499671</c:v>
                </c:pt>
                <c:pt idx="6945">
                  <c:v>0.35385097390387699</c:v>
                </c:pt>
                <c:pt idx="6946">
                  <c:v>0.38333855506253345</c:v>
                </c:pt>
                <c:pt idx="6947">
                  <c:v>0.44231371737984626</c:v>
                </c:pt>
                <c:pt idx="6948">
                  <c:v>0.44231371737984626</c:v>
                </c:pt>
                <c:pt idx="6949">
                  <c:v>0.44231371737984626</c:v>
                </c:pt>
                <c:pt idx="6950">
                  <c:v>0.44231371737984626</c:v>
                </c:pt>
                <c:pt idx="6951">
                  <c:v>0.44231371737984626</c:v>
                </c:pt>
                <c:pt idx="6952">
                  <c:v>0.44231371737984626</c:v>
                </c:pt>
                <c:pt idx="6953">
                  <c:v>0.44231371737984626</c:v>
                </c:pt>
                <c:pt idx="6954">
                  <c:v>0.44231371737984626</c:v>
                </c:pt>
                <c:pt idx="6955">
                  <c:v>0.36859476448320527</c:v>
                </c:pt>
                <c:pt idx="6956">
                  <c:v>0.29487581158656423</c:v>
                </c:pt>
                <c:pt idx="6957">
                  <c:v>0.22115685868992313</c:v>
                </c:pt>
                <c:pt idx="6958">
                  <c:v>0.22115685868992313</c:v>
                </c:pt>
                <c:pt idx="6959">
                  <c:v>0.22115685868992313</c:v>
                </c:pt>
                <c:pt idx="6960">
                  <c:v>0.2235696398202667</c:v>
                </c:pt>
                <c:pt idx="6961">
                  <c:v>0.2235696398202667</c:v>
                </c:pt>
                <c:pt idx="6962">
                  <c:v>0.2235696398202667</c:v>
                </c:pt>
                <c:pt idx="6963">
                  <c:v>0.2235696398202667</c:v>
                </c:pt>
                <c:pt idx="6964">
                  <c:v>0.2235696398202667</c:v>
                </c:pt>
                <c:pt idx="6965">
                  <c:v>0.28815642465723262</c:v>
                </c:pt>
                <c:pt idx="6966">
                  <c:v>0.332870352621286</c:v>
                </c:pt>
                <c:pt idx="6967">
                  <c:v>0.332870352621286</c:v>
                </c:pt>
                <c:pt idx="6968">
                  <c:v>0.332870352621286</c:v>
                </c:pt>
                <c:pt idx="6969">
                  <c:v>0.35771142371242676</c:v>
                </c:pt>
                <c:pt idx="6970">
                  <c:v>0.38752070902179564</c:v>
                </c:pt>
                <c:pt idx="6971">
                  <c:v>0.4471392796405334</c:v>
                </c:pt>
                <c:pt idx="6972">
                  <c:v>0.4471392796405334</c:v>
                </c:pt>
                <c:pt idx="6973">
                  <c:v>0.4471392796405334</c:v>
                </c:pt>
                <c:pt idx="6974">
                  <c:v>0.4471392796405334</c:v>
                </c:pt>
                <c:pt idx="6975">
                  <c:v>0.4471392796405334</c:v>
                </c:pt>
                <c:pt idx="6976">
                  <c:v>0.4471392796405334</c:v>
                </c:pt>
                <c:pt idx="6977">
                  <c:v>0.4471392796405334</c:v>
                </c:pt>
                <c:pt idx="6978">
                  <c:v>0.4471392796405334</c:v>
                </c:pt>
                <c:pt idx="6979">
                  <c:v>0.37261606636711114</c:v>
                </c:pt>
                <c:pt idx="6980">
                  <c:v>0.29809285309368894</c:v>
                </c:pt>
                <c:pt idx="6981">
                  <c:v>0.2235696398202667</c:v>
                </c:pt>
                <c:pt idx="6982">
                  <c:v>0.2235696398202667</c:v>
                </c:pt>
                <c:pt idx="6983">
                  <c:v>0.2235696398202667</c:v>
                </c:pt>
                <c:pt idx="6984">
                  <c:v>0.25501919873443152</c:v>
                </c:pt>
                <c:pt idx="6985">
                  <c:v>0.25501919873443152</c:v>
                </c:pt>
                <c:pt idx="6986">
                  <c:v>0.25501919873443152</c:v>
                </c:pt>
                <c:pt idx="6987">
                  <c:v>0.25501919873443152</c:v>
                </c:pt>
                <c:pt idx="6988">
                  <c:v>0.25501919873443152</c:v>
                </c:pt>
                <c:pt idx="6989">
                  <c:v>0.32869141170215621</c:v>
                </c:pt>
                <c:pt idx="6990">
                  <c:v>0.39669653136467131</c:v>
                </c:pt>
                <c:pt idx="6991">
                  <c:v>0.39669653136467131</c:v>
                </c:pt>
                <c:pt idx="6992">
                  <c:v>0.39669653136467131</c:v>
                </c:pt>
                <c:pt idx="6993">
                  <c:v>0.42503199789071927</c:v>
                </c:pt>
                <c:pt idx="6994">
                  <c:v>0.44203327780634794</c:v>
                </c:pt>
                <c:pt idx="6995">
                  <c:v>0.51003839746886304</c:v>
                </c:pt>
                <c:pt idx="6996">
                  <c:v>0.51003839746886304</c:v>
                </c:pt>
                <c:pt idx="6997">
                  <c:v>0.51003839746886304</c:v>
                </c:pt>
                <c:pt idx="6998">
                  <c:v>0.51003839746886304</c:v>
                </c:pt>
                <c:pt idx="6999">
                  <c:v>0.42503199789071927</c:v>
                </c:pt>
                <c:pt idx="7000">
                  <c:v>0.40236362466988096</c:v>
                </c:pt>
                <c:pt idx="7001">
                  <c:v>0.40236362466988096</c:v>
                </c:pt>
                <c:pt idx="7002">
                  <c:v>0.40236362466988096</c:v>
                </c:pt>
                <c:pt idx="7003">
                  <c:v>0.40236362466988096</c:v>
                </c:pt>
                <c:pt idx="7004">
                  <c:v>0.31169013178652738</c:v>
                </c:pt>
                <c:pt idx="7005">
                  <c:v>0.11900895940940137</c:v>
                </c:pt>
                <c:pt idx="7006">
                  <c:v>0.11900895940940137</c:v>
                </c:pt>
                <c:pt idx="7007">
                  <c:v>0.11900895940940137</c:v>
                </c:pt>
                <c:pt idx="7008">
                  <c:v>8.5028986328744227E-2</c:v>
                </c:pt>
                <c:pt idx="7009">
                  <c:v>0.16600897330850065</c:v>
                </c:pt>
                <c:pt idx="7010">
                  <c:v>0.16600897330850065</c:v>
                </c:pt>
                <c:pt idx="7011">
                  <c:v>0.16600897330850065</c:v>
                </c:pt>
                <c:pt idx="7012">
                  <c:v>0.16600897330850065</c:v>
                </c:pt>
                <c:pt idx="7013">
                  <c:v>0.20649896679837887</c:v>
                </c:pt>
                <c:pt idx="7014">
                  <c:v>0.25913595833522052</c:v>
                </c:pt>
                <c:pt idx="7015">
                  <c:v>0.29557695247611088</c:v>
                </c:pt>
                <c:pt idx="7016">
                  <c:v>0.29557695247611088</c:v>
                </c:pt>
                <c:pt idx="7017">
                  <c:v>0.29557695247611088</c:v>
                </c:pt>
                <c:pt idx="7018">
                  <c:v>0.29557695247611088</c:v>
                </c:pt>
                <c:pt idx="7019">
                  <c:v>0.29557695247611088</c:v>
                </c:pt>
                <c:pt idx="7020">
                  <c:v>0.29557695247611088</c:v>
                </c:pt>
                <c:pt idx="7021">
                  <c:v>0.29557695247611088</c:v>
                </c:pt>
                <c:pt idx="7022">
                  <c:v>0.29557695247611088</c:v>
                </c:pt>
                <c:pt idx="7023">
                  <c:v>0.26723395703319613</c:v>
                </c:pt>
                <c:pt idx="7024">
                  <c:v>0.24293996093926923</c:v>
                </c:pt>
                <c:pt idx="7025">
                  <c:v>0.21864596484534232</c:v>
                </c:pt>
                <c:pt idx="7026">
                  <c:v>0.21054796614736668</c:v>
                </c:pt>
                <c:pt idx="7027">
                  <c:v>0.17005797265748845</c:v>
                </c:pt>
                <c:pt idx="7028">
                  <c:v>0.12551897981862242</c:v>
                </c:pt>
                <c:pt idx="7029">
                  <c:v>0.12551897981862242</c:v>
                </c:pt>
                <c:pt idx="7030">
                  <c:v>0.12551897981862242</c:v>
                </c:pt>
                <c:pt idx="7031">
                  <c:v>0.12551897981862242</c:v>
                </c:pt>
                <c:pt idx="7032">
                  <c:v>0.14022459120456574</c:v>
                </c:pt>
                <c:pt idx="7033">
                  <c:v>0.16284146075368924</c:v>
                </c:pt>
                <c:pt idx="7034">
                  <c:v>0.16284146075368924</c:v>
                </c:pt>
                <c:pt idx="7035">
                  <c:v>0.16284146075368924</c:v>
                </c:pt>
                <c:pt idx="7036">
                  <c:v>0.16284146075368924</c:v>
                </c:pt>
                <c:pt idx="7037">
                  <c:v>0.2035518259421116</c:v>
                </c:pt>
                <c:pt idx="7038">
                  <c:v>0.23973881722070917</c:v>
                </c:pt>
                <c:pt idx="7039">
                  <c:v>0.28497255631895624</c:v>
                </c:pt>
                <c:pt idx="7040">
                  <c:v>0.28497255631895624</c:v>
                </c:pt>
                <c:pt idx="7041">
                  <c:v>0.28497255631895624</c:v>
                </c:pt>
                <c:pt idx="7042">
                  <c:v>0.28497255631895624</c:v>
                </c:pt>
                <c:pt idx="7043">
                  <c:v>0.28497255631895624</c:v>
                </c:pt>
                <c:pt idx="7044">
                  <c:v>0.28497255631895624</c:v>
                </c:pt>
                <c:pt idx="7045">
                  <c:v>0.28497255631895624</c:v>
                </c:pt>
                <c:pt idx="7046">
                  <c:v>0.28497255631895624</c:v>
                </c:pt>
                <c:pt idx="7047">
                  <c:v>0.2533089389501833</c:v>
                </c:pt>
                <c:pt idx="7048">
                  <c:v>0.24878556504035856</c:v>
                </c:pt>
                <c:pt idx="7049">
                  <c:v>0.21259857376176095</c:v>
                </c:pt>
                <c:pt idx="7050">
                  <c:v>0.19902845203228689</c:v>
                </c:pt>
                <c:pt idx="7051">
                  <c:v>0.16736483466351398</c:v>
                </c:pt>
                <c:pt idx="7052">
                  <c:v>0.14022459120456574</c:v>
                </c:pt>
                <c:pt idx="7053">
                  <c:v>0.12213109556526695</c:v>
                </c:pt>
                <c:pt idx="7054">
                  <c:v>0.12213109556526695</c:v>
                </c:pt>
                <c:pt idx="7055">
                  <c:v>0.12213109556526695</c:v>
                </c:pt>
                <c:pt idx="7056">
                  <c:v>7.6318793879040281E-2</c:v>
                </c:pt>
                <c:pt idx="7057">
                  <c:v>7.6318793879040281E-2</c:v>
                </c:pt>
                <c:pt idx="7058">
                  <c:v>7.6318793879040281E-2</c:v>
                </c:pt>
                <c:pt idx="7059">
                  <c:v>7.6318793879040281E-2</c:v>
                </c:pt>
                <c:pt idx="7060">
                  <c:v>7.6318793879040281E-2</c:v>
                </c:pt>
                <c:pt idx="7061">
                  <c:v>0.33071477347584122</c:v>
                </c:pt>
                <c:pt idx="7062">
                  <c:v>0.37523406990528146</c:v>
                </c:pt>
                <c:pt idx="7063">
                  <c:v>0.37523406990528146</c:v>
                </c:pt>
                <c:pt idx="7064">
                  <c:v>0.37523406990528146</c:v>
                </c:pt>
                <c:pt idx="7065">
                  <c:v>0.4006736678649615</c:v>
                </c:pt>
                <c:pt idx="7066">
                  <c:v>0.4006736678649615</c:v>
                </c:pt>
                <c:pt idx="7067">
                  <c:v>0.50879195919360209</c:v>
                </c:pt>
                <c:pt idx="7068">
                  <c:v>0.50879195919360209</c:v>
                </c:pt>
                <c:pt idx="7069">
                  <c:v>0.33707467296576132</c:v>
                </c:pt>
                <c:pt idx="7070">
                  <c:v>0.50879195919360209</c:v>
                </c:pt>
                <c:pt idx="7071">
                  <c:v>0.50879195919360209</c:v>
                </c:pt>
                <c:pt idx="7072">
                  <c:v>0.50879195919360209</c:v>
                </c:pt>
                <c:pt idx="7073">
                  <c:v>0.50879195919360209</c:v>
                </c:pt>
                <c:pt idx="7074">
                  <c:v>0.50879195919360209</c:v>
                </c:pt>
                <c:pt idx="7075">
                  <c:v>0.4261132658246416</c:v>
                </c:pt>
                <c:pt idx="7076">
                  <c:v>0.34979447194560132</c:v>
                </c:pt>
                <c:pt idx="7077">
                  <c:v>0.25439597959680105</c:v>
                </c:pt>
                <c:pt idx="7078">
                  <c:v>0.24167618061696097</c:v>
                </c:pt>
                <c:pt idx="7079">
                  <c:v>0.24167618061696097</c:v>
                </c:pt>
                <c:pt idx="7080">
                  <c:v>0.22149180195840767</c:v>
                </c:pt>
                <c:pt idx="7081">
                  <c:v>0.22149180195840767</c:v>
                </c:pt>
                <c:pt idx="7082">
                  <c:v>0.22149180195840767</c:v>
                </c:pt>
                <c:pt idx="7083">
                  <c:v>0.22149180195840767</c:v>
                </c:pt>
                <c:pt idx="7084">
                  <c:v>0.22149180195840767</c:v>
                </c:pt>
                <c:pt idx="7085">
                  <c:v>0.28793934254592995</c:v>
                </c:pt>
                <c:pt idx="7086">
                  <c:v>0.32116311283969107</c:v>
                </c:pt>
                <c:pt idx="7087">
                  <c:v>0.33223770293761151</c:v>
                </c:pt>
                <c:pt idx="7088">
                  <c:v>0.33223770293761151</c:v>
                </c:pt>
                <c:pt idx="7089">
                  <c:v>0.35992417818241246</c:v>
                </c:pt>
                <c:pt idx="7090">
                  <c:v>0.37653606332929301</c:v>
                </c:pt>
                <c:pt idx="7091">
                  <c:v>0.44298360391681535</c:v>
                </c:pt>
                <c:pt idx="7092">
                  <c:v>0.44298360391681535</c:v>
                </c:pt>
                <c:pt idx="7093">
                  <c:v>0.44298360391681535</c:v>
                </c:pt>
                <c:pt idx="7094">
                  <c:v>0.44298360391681535</c:v>
                </c:pt>
                <c:pt idx="7095">
                  <c:v>0.44298360391681535</c:v>
                </c:pt>
                <c:pt idx="7096">
                  <c:v>0.44298360391681535</c:v>
                </c:pt>
                <c:pt idx="7097">
                  <c:v>0.44298360391681535</c:v>
                </c:pt>
                <c:pt idx="7098">
                  <c:v>0.44298360391681535</c:v>
                </c:pt>
                <c:pt idx="7099">
                  <c:v>0.37099876828033285</c:v>
                </c:pt>
                <c:pt idx="7100">
                  <c:v>0.30455122769281051</c:v>
                </c:pt>
                <c:pt idx="7101">
                  <c:v>0.22149180195840767</c:v>
                </c:pt>
                <c:pt idx="7102">
                  <c:v>0.22149180195840767</c:v>
                </c:pt>
                <c:pt idx="7103">
                  <c:v>0.22149180195840767</c:v>
                </c:pt>
                <c:pt idx="7104">
                  <c:v>0.1979630908756019</c:v>
                </c:pt>
                <c:pt idx="7105">
                  <c:v>0.22270847723505213</c:v>
                </c:pt>
                <c:pt idx="7106">
                  <c:v>0.22270847723505213</c:v>
                </c:pt>
                <c:pt idx="7107">
                  <c:v>0.22270847723505213</c:v>
                </c:pt>
                <c:pt idx="7108">
                  <c:v>0.22270847723505213</c:v>
                </c:pt>
                <c:pt idx="7109">
                  <c:v>0.28704648176962272</c:v>
                </c:pt>
                <c:pt idx="7110">
                  <c:v>0.3315881772166332</c:v>
                </c:pt>
                <c:pt idx="7111">
                  <c:v>0.3315881772166332</c:v>
                </c:pt>
                <c:pt idx="7112">
                  <c:v>0.3315881772166332</c:v>
                </c:pt>
                <c:pt idx="7113">
                  <c:v>0.35633356357608342</c:v>
                </c:pt>
                <c:pt idx="7114">
                  <c:v>0.38602802720742374</c:v>
                </c:pt>
                <c:pt idx="7115">
                  <c:v>0.44541695447010426</c:v>
                </c:pt>
                <c:pt idx="7116">
                  <c:v>0.44541695447010426</c:v>
                </c:pt>
                <c:pt idx="7117">
                  <c:v>0.44541695447010426</c:v>
                </c:pt>
                <c:pt idx="7118">
                  <c:v>0.44541695447010426</c:v>
                </c:pt>
                <c:pt idx="7119">
                  <c:v>0.44541695447010426</c:v>
                </c:pt>
                <c:pt idx="7120">
                  <c:v>0.44541695447010426</c:v>
                </c:pt>
                <c:pt idx="7121">
                  <c:v>0.44541695447010426</c:v>
                </c:pt>
                <c:pt idx="7122">
                  <c:v>0.44541695447010426</c:v>
                </c:pt>
                <c:pt idx="7123">
                  <c:v>0.37118079539175353</c:v>
                </c:pt>
                <c:pt idx="7124">
                  <c:v>0.29694463631340284</c:v>
                </c:pt>
                <c:pt idx="7125">
                  <c:v>0.22270847723505213</c:v>
                </c:pt>
                <c:pt idx="7126">
                  <c:v>0.22270847723505213</c:v>
                </c:pt>
                <c:pt idx="7127">
                  <c:v>0.22270847723505213</c:v>
                </c:pt>
                <c:pt idx="7128">
                  <c:v>0.22341495568082315</c:v>
                </c:pt>
                <c:pt idx="7129">
                  <c:v>0.22341495568082315</c:v>
                </c:pt>
                <c:pt idx="7130">
                  <c:v>0.22341495568082315</c:v>
                </c:pt>
                <c:pt idx="7131">
                  <c:v>0.22341495568082315</c:v>
                </c:pt>
                <c:pt idx="7132">
                  <c:v>0.22341495568082315</c:v>
                </c:pt>
                <c:pt idx="7133">
                  <c:v>0.28795705398861648</c:v>
                </c:pt>
                <c:pt idx="7134">
                  <c:v>0.33264004512478118</c:v>
                </c:pt>
                <c:pt idx="7135">
                  <c:v>0.33264004512478118</c:v>
                </c:pt>
                <c:pt idx="7136">
                  <c:v>0.33264004512478118</c:v>
                </c:pt>
                <c:pt idx="7137">
                  <c:v>0.35746392908931701</c:v>
                </c:pt>
                <c:pt idx="7138">
                  <c:v>0.38725258984676014</c:v>
                </c:pt>
                <c:pt idx="7139">
                  <c:v>0.44682991136164629</c:v>
                </c:pt>
                <c:pt idx="7140">
                  <c:v>0.44682991136164629</c:v>
                </c:pt>
                <c:pt idx="7141">
                  <c:v>0.44682991136164629</c:v>
                </c:pt>
                <c:pt idx="7142">
                  <c:v>0.44682991136164629</c:v>
                </c:pt>
                <c:pt idx="7143">
                  <c:v>0.44682991136164629</c:v>
                </c:pt>
                <c:pt idx="7144">
                  <c:v>0.44682991136164629</c:v>
                </c:pt>
                <c:pt idx="7145">
                  <c:v>0.44682991136164629</c:v>
                </c:pt>
                <c:pt idx="7146">
                  <c:v>0.44682991136164629</c:v>
                </c:pt>
                <c:pt idx="7147">
                  <c:v>0.37235825946803863</c:v>
                </c:pt>
                <c:pt idx="7148">
                  <c:v>0.29788660757443092</c:v>
                </c:pt>
                <c:pt idx="7149">
                  <c:v>0.22341495568082315</c:v>
                </c:pt>
                <c:pt idx="7150">
                  <c:v>0.22341495568082315</c:v>
                </c:pt>
                <c:pt idx="7151">
                  <c:v>0.22341495568082315</c:v>
                </c:pt>
                <c:pt idx="7152">
                  <c:v>0.25317589522737649</c:v>
                </c:pt>
                <c:pt idx="7153">
                  <c:v>0.25317589522737649</c:v>
                </c:pt>
                <c:pt idx="7154">
                  <c:v>0.25317589522737649</c:v>
                </c:pt>
                <c:pt idx="7155">
                  <c:v>0.25317589522737649</c:v>
                </c:pt>
                <c:pt idx="7156">
                  <c:v>0.25317589522737649</c:v>
                </c:pt>
                <c:pt idx="7157">
                  <c:v>0.32631559829306306</c:v>
                </c:pt>
                <c:pt idx="7158">
                  <c:v>0.39382917035369686</c:v>
                </c:pt>
                <c:pt idx="7159">
                  <c:v>0.39382917035369686</c:v>
                </c:pt>
                <c:pt idx="7160">
                  <c:v>0.39382917035369686</c:v>
                </c:pt>
                <c:pt idx="7161">
                  <c:v>0.42195982537896093</c:v>
                </c:pt>
                <c:pt idx="7162">
                  <c:v>0.43883821839411924</c:v>
                </c:pt>
                <c:pt idx="7163">
                  <c:v>0.50635179045475298</c:v>
                </c:pt>
                <c:pt idx="7164">
                  <c:v>0.50635179045475298</c:v>
                </c:pt>
                <c:pt idx="7165">
                  <c:v>0.50635179045475298</c:v>
                </c:pt>
                <c:pt idx="7166">
                  <c:v>0.50635179045475298</c:v>
                </c:pt>
                <c:pt idx="7167">
                  <c:v>0.42195982537896093</c:v>
                </c:pt>
                <c:pt idx="7168">
                  <c:v>0.39945530135874968</c:v>
                </c:pt>
                <c:pt idx="7169">
                  <c:v>0.39945530135874968</c:v>
                </c:pt>
                <c:pt idx="7170">
                  <c:v>0.39945530135874968</c:v>
                </c:pt>
                <c:pt idx="7171">
                  <c:v>0.39945530135874968</c:v>
                </c:pt>
                <c:pt idx="7172">
                  <c:v>0.30943720527790458</c:v>
                </c:pt>
                <c:pt idx="7173">
                  <c:v>0.11814875110610905</c:v>
                </c:pt>
                <c:pt idx="7174">
                  <c:v>0.11814875110610905</c:v>
                </c:pt>
                <c:pt idx="7175">
                  <c:v>0.11814875110610905</c:v>
                </c:pt>
                <c:pt idx="7176">
                  <c:v>8.6477878136484193E-2</c:v>
                </c:pt>
                <c:pt idx="7177">
                  <c:v>0.16883776207599294</c:v>
                </c:pt>
                <c:pt idx="7178">
                  <c:v>0.16883776207599294</c:v>
                </c:pt>
                <c:pt idx="7179">
                  <c:v>0.16883776207599294</c:v>
                </c:pt>
                <c:pt idx="7180">
                  <c:v>0.16883776207599294</c:v>
                </c:pt>
                <c:pt idx="7181">
                  <c:v>0.21001770404574732</c:v>
                </c:pt>
                <c:pt idx="7182">
                  <c:v>0.263551628606428</c:v>
                </c:pt>
                <c:pt idx="7183">
                  <c:v>0.30061357637920688</c:v>
                </c:pt>
                <c:pt idx="7184">
                  <c:v>0.30061357637920688</c:v>
                </c:pt>
                <c:pt idx="7185">
                  <c:v>0.30061357637920688</c:v>
                </c:pt>
                <c:pt idx="7186">
                  <c:v>0.30061357637920688</c:v>
                </c:pt>
                <c:pt idx="7187">
                  <c:v>0.30061357637920688</c:v>
                </c:pt>
                <c:pt idx="7188">
                  <c:v>0.30061357637920688</c:v>
                </c:pt>
                <c:pt idx="7189">
                  <c:v>0.30061357637920688</c:v>
                </c:pt>
                <c:pt idx="7190">
                  <c:v>0.30061357637920688</c:v>
                </c:pt>
                <c:pt idx="7191">
                  <c:v>0.27178761700037884</c:v>
                </c:pt>
                <c:pt idx="7192">
                  <c:v>0.24707965181852623</c:v>
                </c:pt>
                <c:pt idx="7193">
                  <c:v>0.22237168663667364</c:v>
                </c:pt>
                <c:pt idx="7194">
                  <c:v>0.21413569824272277</c:v>
                </c:pt>
                <c:pt idx="7195">
                  <c:v>0.17295575627296839</c:v>
                </c:pt>
                <c:pt idx="7196">
                  <c:v>0.12765782010623855</c:v>
                </c:pt>
                <c:pt idx="7197">
                  <c:v>0.12765782010623855</c:v>
                </c:pt>
                <c:pt idx="7198">
                  <c:v>0.12765782010623855</c:v>
                </c:pt>
                <c:pt idx="7199">
                  <c:v>0.12765782010623855</c:v>
                </c:pt>
                <c:pt idx="7200">
                  <c:v>0.15383732364503885</c:v>
                </c:pt>
                <c:pt idx="7201">
                  <c:v>0.17864979520069027</c:v>
                </c:pt>
                <c:pt idx="7202">
                  <c:v>0.17864979520069027</c:v>
                </c:pt>
                <c:pt idx="7203">
                  <c:v>0.17864979520069027</c:v>
                </c:pt>
                <c:pt idx="7204">
                  <c:v>0.17864979520069027</c:v>
                </c:pt>
                <c:pt idx="7205">
                  <c:v>0.22331224400086283</c:v>
                </c:pt>
                <c:pt idx="7206">
                  <c:v>0.26301219848990504</c:v>
                </c:pt>
                <c:pt idx="7207">
                  <c:v>0.31263714160120792</c:v>
                </c:pt>
                <c:pt idx="7208">
                  <c:v>0.31263714160120792</c:v>
                </c:pt>
                <c:pt idx="7209">
                  <c:v>0.31263714160120792</c:v>
                </c:pt>
                <c:pt idx="7210">
                  <c:v>0.31263714160120792</c:v>
                </c:pt>
                <c:pt idx="7211">
                  <c:v>0.31263714160120792</c:v>
                </c:pt>
                <c:pt idx="7212">
                  <c:v>0.31263714160120792</c:v>
                </c:pt>
                <c:pt idx="7213">
                  <c:v>0.31263714160120792</c:v>
                </c:pt>
                <c:pt idx="7214">
                  <c:v>0.31263714160120792</c:v>
                </c:pt>
                <c:pt idx="7215">
                  <c:v>0.27789968142329596</c:v>
                </c:pt>
                <c:pt idx="7216">
                  <c:v>0.27293718711216564</c:v>
                </c:pt>
                <c:pt idx="7217">
                  <c:v>0.2332372326231234</c:v>
                </c:pt>
                <c:pt idx="7218">
                  <c:v>0.21834974968973256</c:v>
                </c:pt>
                <c:pt idx="7219">
                  <c:v>0.18361228951182054</c:v>
                </c:pt>
                <c:pt idx="7220">
                  <c:v>0.15383732364503885</c:v>
                </c:pt>
                <c:pt idx="7221">
                  <c:v>0.13398734640051771</c:v>
                </c:pt>
                <c:pt idx="7222">
                  <c:v>0.13398734640051771</c:v>
                </c:pt>
                <c:pt idx="7223">
                  <c:v>0.13398734640051771</c:v>
                </c:pt>
                <c:pt idx="7224">
                  <c:v>8.1273850490965013E-2</c:v>
                </c:pt>
                <c:pt idx="7225">
                  <c:v>8.1273850490965013E-2</c:v>
                </c:pt>
                <c:pt idx="7226">
                  <c:v>8.1273850490965013E-2</c:v>
                </c:pt>
                <c:pt idx="7227">
                  <c:v>8.1273850490965013E-2</c:v>
                </c:pt>
                <c:pt idx="7228">
                  <c:v>8.1273850490965013E-2</c:v>
                </c:pt>
                <c:pt idx="7229">
                  <c:v>0.35218668546084836</c:v>
                </c:pt>
                <c:pt idx="7230">
                  <c:v>0.399596431580578</c:v>
                </c:pt>
                <c:pt idx="7231">
                  <c:v>0.399596431580578</c:v>
                </c:pt>
                <c:pt idx="7232">
                  <c:v>0.399596431580578</c:v>
                </c:pt>
                <c:pt idx="7233">
                  <c:v>0.42668771507756637</c:v>
                </c:pt>
                <c:pt idx="7234">
                  <c:v>0.42668771507756637</c:v>
                </c:pt>
                <c:pt idx="7235">
                  <c:v>0.54182566993976677</c:v>
                </c:pt>
                <c:pt idx="7236">
                  <c:v>0.54182566993976677</c:v>
                </c:pt>
                <c:pt idx="7237">
                  <c:v>0.35895950633509549</c:v>
                </c:pt>
                <c:pt idx="7238">
                  <c:v>0.54182566993976677</c:v>
                </c:pt>
                <c:pt idx="7239">
                  <c:v>0.54182566993976677</c:v>
                </c:pt>
                <c:pt idx="7240">
                  <c:v>0.54182566993976677</c:v>
                </c:pt>
                <c:pt idx="7241">
                  <c:v>0.54182566993976677</c:v>
                </c:pt>
                <c:pt idx="7242">
                  <c:v>0.54182566993976677</c:v>
                </c:pt>
                <c:pt idx="7243">
                  <c:v>0.45377899857455473</c:v>
                </c:pt>
                <c:pt idx="7244">
                  <c:v>0.3725051480835897</c:v>
                </c:pt>
                <c:pt idx="7245">
                  <c:v>0.27091283496988339</c:v>
                </c:pt>
                <c:pt idx="7246">
                  <c:v>0.25736719322138923</c:v>
                </c:pt>
                <c:pt idx="7247">
                  <c:v>0.25736719322138923</c:v>
                </c:pt>
                <c:pt idx="7248">
                  <c:v>0.24374339579516416</c:v>
                </c:pt>
                <c:pt idx="7249">
                  <c:v>0.24374339579516416</c:v>
                </c:pt>
                <c:pt idx="7250">
                  <c:v>0.24374339579516416</c:v>
                </c:pt>
                <c:pt idx="7251">
                  <c:v>0.24374339579516416</c:v>
                </c:pt>
                <c:pt idx="7252">
                  <c:v>0.24374339579516416</c:v>
                </c:pt>
                <c:pt idx="7253">
                  <c:v>0.31686641453371334</c:v>
                </c:pt>
                <c:pt idx="7254">
                  <c:v>0.35342792390298794</c:v>
                </c:pt>
                <c:pt idx="7255">
                  <c:v>0.3656150936927462</c:v>
                </c:pt>
                <c:pt idx="7256">
                  <c:v>0.3656150936927462</c:v>
                </c:pt>
                <c:pt idx="7257">
                  <c:v>0.3960830181671417</c:v>
                </c:pt>
                <c:pt idx="7258">
                  <c:v>0.414363772851779</c:v>
                </c:pt>
                <c:pt idx="7259">
                  <c:v>0.48748679159032832</c:v>
                </c:pt>
                <c:pt idx="7260">
                  <c:v>0.48748679159032832</c:v>
                </c:pt>
                <c:pt idx="7261">
                  <c:v>0.48748679159032832</c:v>
                </c:pt>
                <c:pt idx="7262">
                  <c:v>0.48748679159032832</c:v>
                </c:pt>
                <c:pt idx="7263">
                  <c:v>0.48748679159032832</c:v>
                </c:pt>
                <c:pt idx="7264">
                  <c:v>0.48748679159032832</c:v>
                </c:pt>
                <c:pt idx="7265">
                  <c:v>0.48748679159032832</c:v>
                </c:pt>
                <c:pt idx="7266">
                  <c:v>0.48748679159032832</c:v>
                </c:pt>
                <c:pt idx="7267">
                  <c:v>0.40827018795689995</c:v>
                </c:pt>
                <c:pt idx="7268">
                  <c:v>0.33514716921835064</c:v>
                </c:pt>
                <c:pt idx="7269">
                  <c:v>0.24374339579516416</c:v>
                </c:pt>
                <c:pt idx="7270">
                  <c:v>0.24374339579516416</c:v>
                </c:pt>
                <c:pt idx="7271">
                  <c:v>0.24374339579516416</c:v>
                </c:pt>
                <c:pt idx="7272">
                  <c:v>0.21754737919951353</c:v>
                </c:pt>
                <c:pt idx="7273">
                  <c:v>0.24474080159945266</c:v>
                </c:pt>
                <c:pt idx="7274">
                  <c:v>0.24474080159945266</c:v>
                </c:pt>
                <c:pt idx="7275">
                  <c:v>0.24474080159945266</c:v>
                </c:pt>
                <c:pt idx="7276">
                  <c:v>0.24474080159945266</c:v>
                </c:pt>
                <c:pt idx="7277">
                  <c:v>0.31544369983929454</c:v>
                </c:pt>
                <c:pt idx="7278">
                  <c:v>0.36439186015918512</c:v>
                </c:pt>
                <c:pt idx="7279">
                  <c:v>0.36439186015918512</c:v>
                </c:pt>
                <c:pt idx="7280">
                  <c:v>0.36439186015918512</c:v>
                </c:pt>
                <c:pt idx="7281">
                  <c:v>0.39158528255912434</c:v>
                </c:pt>
                <c:pt idx="7282">
                  <c:v>0.42421738943905135</c:v>
                </c:pt>
                <c:pt idx="7283">
                  <c:v>0.48948160319890532</c:v>
                </c:pt>
                <c:pt idx="7284">
                  <c:v>0.48948160319890532</c:v>
                </c:pt>
                <c:pt idx="7285">
                  <c:v>0.48948160319890532</c:v>
                </c:pt>
                <c:pt idx="7286">
                  <c:v>0.48948160319890532</c:v>
                </c:pt>
                <c:pt idx="7287">
                  <c:v>0.48948160319890532</c:v>
                </c:pt>
                <c:pt idx="7288">
                  <c:v>0.48948160319890532</c:v>
                </c:pt>
                <c:pt idx="7289">
                  <c:v>0.48948160319890532</c:v>
                </c:pt>
                <c:pt idx="7290">
                  <c:v>0.48948160319890532</c:v>
                </c:pt>
                <c:pt idx="7291">
                  <c:v>0.40790133599908784</c:v>
                </c:pt>
                <c:pt idx="7292">
                  <c:v>0.32632106879927031</c:v>
                </c:pt>
                <c:pt idx="7293">
                  <c:v>0.24474080159945266</c:v>
                </c:pt>
                <c:pt idx="7294">
                  <c:v>0.24474080159945266</c:v>
                </c:pt>
                <c:pt idx="7295">
                  <c:v>0.24474080159945266</c:v>
                </c:pt>
                <c:pt idx="7296">
                  <c:v>0.23759088990508409</c:v>
                </c:pt>
                <c:pt idx="7297">
                  <c:v>0.23759088990508409</c:v>
                </c:pt>
                <c:pt idx="7298">
                  <c:v>0.23759088990508409</c:v>
                </c:pt>
                <c:pt idx="7299">
                  <c:v>0.23759088990508409</c:v>
                </c:pt>
                <c:pt idx="7300">
                  <c:v>0.23759088990508409</c:v>
                </c:pt>
                <c:pt idx="7301">
                  <c:v>0.30622825809988613</c:v>
                </c:pt>
                <c:pt idx="7302">
                  <c:v>0.353746436080903</c:v>
                </c:pt>
                <c:pt idx="7303">
                  <c:v>0.353746436080903</c:v>
                </c:pt>
                <c:pt idx="7304">
                  <c:v>0.353746436080903</c:v>
                </c:pt>
                <c:pt idx="7305">
                  <c:v>0.3801454238481346</c:v>
                </c:pt>
                <c:pt idx="7306">
                  <c:v>0.41182420916881241</c:v>
                </c:pt>
                <c:pt idx="7307">
                  <c:v>0.47518177981016818</c:v>
                </c:pt>
                <c:pt idx="7308">
                  <c:v>0.47518177981016818</c:v>
                </c:pt>
                <c:pt idx="7309">
                  <c:v>0.47518177981016818</c:v>
                </c:pt>
                <c:pt idx="7310">
                  <c:v>0.47518177981016818</c:v>
                </c:pt>
                <c:pt idx="7311">
                  <c:v>0.47518177981016818</c:v>
                </c:pt>
                <c:pt idx="7312">
                  <c:v>0.47518177981016818</c:v>
                </c:pt>
                <c:pt idx="7313">
                  <c:v>0.47518177981016818</c:v>
                </c:pt>
                <c:pt idx="7314">
                  <c:v>0.47518177981016818</c:v>
                </c:pt>
                <c:pt idx="7315">
                  <c:v>0.39598481650847356</c:v>
                </c:pt>
                <c:pt idx="7316">
                  <c:v>0.31678785320677882</c:v>
                </c:pt>
                <c:pt idx="7317">
                  <c:v>0.23759088990508409</c:v>
                </c:pt>
                <c:pt idx="7318">
                  <c:v>0.23759088990508409</c:v>
                </c:pt>
                <c:pt idx="7319">
                  <c:v>0.23759088990508409</c:v>
                </c:pt>
                <c:pt idx="7320">
                  <c:v>0.25022660961608872</c:v>
                </c:pt>
                <c:pt idx="7321">
                  <c:v>0.25022660961608872</c:v>
                </c:pt>
                <c:pt idx="7322">
                  <c:v>0.25022660961608872</c:v>
                </c:pt>
                <c:pt idx="7323">
                  <c:v>0.25022660961608872</c:v>
                </c:pt>
                <c:pt idx="7324">
                  <c:v>0.25022660961608872</c:v>
                </c:pt>
                <c:pt idx="7325">
                  <c:v>0.32251429683851429</c:v>
                </c:pt>
                <c:pt idx="7326">
                  <c:v>0.38924139273613806</c:v>
                </c:pt>
                <c:pt idx="7327">
                  <c:v>0.38924139273613806</c:v>
                </c:pt>
                <c:pt idx="7328">
                  <c:v>0.38924139273613806</c:v>
                </c:pt>
                <c:pt idx="7329">
                  <c:v>0.41704434936014784</c:v>
                </c:pt>
                <c:pt idx="7330">
                  <c:v>0.43372612333455374</c:v>
                </c:pt>
                <c:pt idx="7331">
                  <c:v>0.50045321923217745</c:v>
                </c:pt>
                <c:pt idx="7332">
                  <c:v>0.50045321923217745</c:v>
                </c:pt>
                <c:pt idx="7333">
                  <c:v>0.50045321923217745</c:v>
                </c:pt>
                <c:pt idx="7334">
                  <c:v>0.50045321923217745</c:v>
                </c:pt>
                <c:pt idx="7335">
                  <c:v>0.41704434936014784</c:v>
                </c:pt>
                <c:pt idx="7336">
                  <c:v>0.39480198406094003</c:v>
                </c:pt>
                <c:pt idx="7337">
                  <c:v>0.39480198406094003</c:v>
                </c:pt>
                <c:pt idx="7338">
                  <c:v>0.39480198406094003</c:v>
                </c:pt>
                <c:pt idx="7339">
                  <c:v>0.39480198406094003</c:v>
                </c:pt>
                <c:pt idx="7340">
                  <c:v>0.30583252286410839</c:v>
                </c:pt>
                <c:pt idx="7341">
                  <c:v>0.1167724178208414</c:v>
                </c:pt>
                <c:pt idx="7342">
                  <c:v>0.1167724178208414</c:v>
                </c:pt>
                <c:pt idx="7343">
                  <c:v>0.1167724178208414</c:v>
                </c:pt>
                <c:pt idx="7344">
                  <c:v>7.8653862374688452E-2</c:v>
                </c:pt>
                <c:pt idx="7345">
                  <c:v>0.15356230273153462</c:v>
                </c:pt>
                <c:pt idx="7346">
                  <c:v>0.15356230273153462</c:v>
                </c:pt>
                <c:pt idx="7347">
                  <c:v>0.15356230273153462</c:v>
                </c:pt>
                <c:pt idx="7348">
                  <c:v>0.15356230273153462</c:v>
                </c:pt>
                <c:pt idx="7349">
                  <c:v>0.19101652290995769</c:v>
                </c:pt>
                <c:pt idx="7350">
                  <c:v>0.23970700914190771</c:v>
                </c:pt>
                <c:pt idx="7351">
                  <c:v>0.27341580730248849</c:v>
                </c:pt>
                <c:pt idx="7352">
                  <c:v>0.27341580730248849</c:v>
                </c:pt>
                <c:pt idx="7353">
                  <c:v>0.27341580730248849</c:v>
                </c:pt>
                <c:pt idx="7354">
                  <c:v>0.27341580730248849</c:v>
                </c:pt>
                <c:pt idx="7355">
                  <c:v>0.27341580730248849</c:v>
                </c:pt>
                <c:pt idx="7356">
                  <c:v>0.27341580730248849</c:v>
                </c:pt>
                <c:pt idx="7357">
                  <c:v>0.27341580730248849</c:v>
                </c:pt>
                <c:pt idx="7358">
                  <c:v>0.27341580730248849</c:v>
                </c:pt>
                <c:pt idx="7359">
                  <c:v>0.2471978531775923</c:v>
                </c:pt>
                <c:pt idx="7360">
                  <c:v>0.22472532107053844</c:v>
                </c:pt>
                <c:pt idx="7361">
                  <c:v>0.20225278896348461</c:v>
                </c:pt>
                <c:pt idx="7362">
                  <c:v>0.1947619449278</c:v>
                </c:pt>
                <c:pt idx="7363">
                  <c:v>0.1573077247493769</c:v>
                </c:pt>
                <c:pt idx="7364">
                  <c:v>0.11610808255311154</c:v>
                </c:pt>
                <c:pt idx="7365">
                  <c:v>0.11610808255311154</c:v>
                </c:pt>
                <c:pt idx="7366">
                  <c:v>0.11610808255311154</c:v>
                </c:pt>
                <c:pt idx="7367">
                  <c:v>0.11610808255311154</c:v>
                </c:pt>
                <c:pt idx="7368">
                  <c:v>0.12952887285847978</c:v>
                </c:pt>
                <c:pt idx="7369">
                  <c:v>0.15042062654533137</c:v>
                </c:pt>
                <c:pt idx="7370">
                  <c:v>0.15042062654533137</c:v>
                </c:pt>
                <c:pt idx="7371">
                  <c:v>0.15042062654533137</c:v>
                </c:pt>
                <c:pt idx="7372">
                  <c:v>0.15042062654533137</c:v>
                </c:pt>
                <c:pt idx="7373">
                  <c:v>0.18802578318166416</c:v>
                </c:pt>
                <c:pt idx="7374">
                  <c:v>0.22145258908062673</c:v>
                </c:pt>
                <c:pt idx="7375">
                  <c:v>0.26323609645432983</c:v>
                </c:pt>
                <c:pt idx="7376">
                  <c:v>0.26323609645432983</c:v>
                </c:pt>
                <c:pt idx="7377">
                  <c:v>0.26323609645432983</c:v>
                </c:pt>
                <c:pt idx="7378">
                  <c:v>0.26323609645432983</c:v>
                </c:pt>
                <c:pt idx="7379">
                  <c:v>0.26323609645432983</c:v>
                </c:pt>
                <c:pt idx="7380">
                  <c:v>0.26323609645432983</c:v>
                </c:pt>
                <c:pt idx="7381">
                  <c:v>0.26323609645432983</c:v>
                </c:pt>
                <c:pt idx="7382">
                  <c:v>0.26323609645432983</c:v>
                </c:pt>
                <c:pt idx="7383">
                  <c:v>0.23398764129273766</c:v>
                </c:pt>
                <c:pt idx="7384">
                  <c:v>0.22980929055536736</c:v>
                </c:pt>
                <c:pt idx="7385">
                  <c:v>0.19638248465640482</c:v>
                </c:pt>
                <c:pt idx="7386">
                  <c:v>0.18384743244429388</c:v>
                </c:pt>
                <c:pt idx="7387">
                  <c:v>0.15459897728270169</c:v>
                </c:pt>
                <c:pt idx="7388">
                  <c:v>0.12952887285847978</c:v>
                </c:pt>
                <c:pt idx="7389">
                  <c:v>0.11281546990899852</c:v>
                </c:pt>
                <c:pt idx="7390">
                  <c:v>0.11281546990899852</c:v>
                </c:pt>
                <c:pt idx="7391">
                  <c:v>0.11281546990899852</c:v>
                </c:pt>
                <c:pt idx="7392">
                  <c:v>7.6636275133329559E-2</c:v>
                </c:pt>
                <c:pt idx="7393">
                  <c:v>7.6636275133329559E-2</c:v>
                </c:pt>
                <c:pt idx="7394">
                  <c:v>7.6636275133329559E-2</c:v>
                </c:pt>
                <c:pt idx="7395">
                  <c:v>7.6636275133329559E-2</c:v>
                </c:pt>
                <c:pt idx="7396">
                  <c:v>7.6636275133329559E-2</c:v>
                </c:pt>
                <c:pt idx="7397">
                  <c:v>0.33209052557776148</c:v>
                </c:pt>
                <c:pt idx="7398">
                  <c:v>0.37679501940553706</c:v>
                </c:pt>
                <c:pt idx="7399">
                  <c:v>0.37679501940553706</c:v>
                </c:pt>
                <c:pt idx="7400">
                  <c:v>0.37679501940553706</c:v>
                </c:pt>
                <c:pt idx="7401">
                  <c:v>0.40234044444998024</c:v>
                </c:pt>
                <c:pt idx="7402">
                  <c:v>0.40234044444998024</c:v>
                </c:pt>
                <c:pt idx="7403">
                  <c:v>0.51090850088886386</c:v>
                </c:pt>
                <c:pt idx="7404">
                  <c:v>0.51090850088886386</c:v>
                </c:pt>
                <c:pt idx="7405">
                  <c:v>0.33847688183887226</c:v>
                </c:pt>
                <c:pt idx="7406">
                  <c:v>0.51090850088886386</c:v>
                </c:pt>
                <c:pt idx="7407">
                  <c:v>0.51090850088886386</c:v>
                </c:pt>
                <c:pt idx="7408">
                  <c:v>0.51090850088886386</c:v>
                </c:pt>
                <c:pt idx="7409">
                  <c:v>0.51090850088886386</c:v>
                </c:pt>
                <c:pt idx="7410">
                  <c:v>0.51090850088886386</c:v>
                </c:pt>
                <c:pt idx="7411">
                  <c:v>0.42788586949442348</c:v>
                </c:pt>
                <c:pt idx="7412">
                  <c:v>0.35124959436109382</c:v>
                </c:pt>
                <c:pt idx="7413">
                  <c:v>0.25545425044443193</c:v>
                </c:pt>
                <c:pt idx="7414">
                  <c:v>0.24268153792221028</c:v>
                </c:pt>
                <c:pt idx="7415">
                  <c:v>0.24268153792221028</c:v>
                </c:pt>
                <c:pt idx="7416">
                  <c:v>0.22427333322436058</c:v>
                </c:pt>
                <c:pt idx="7417">
                  <c:v>0.22427333322436058</c:v>
                </c:pt>
                <c:pt idx="7418">
                  <c:v>0.22427333322436058</c:v>
                </c:pt>
                <c:pt idx="7419">
                  <c:v>0.22427333322436058</c:v>
                </c:pt>
                <c:pt idx="7420">
                  <c:v>0.22427333322436058</c:v>
                </c:pt>
                <c:pt idx="7421">
                  <c:v>0.29155533319166876</c:v>
                </c:pt>
                <c:pt idx="7422">
                  <c:v>0.32519633317532276</c:v>
                </c:pt>
                <c:pt idx="7423">
                  <c:v>0.33640999983654085</c:v>
                </c:pt>
                <c:pt idx="7424">
                  <c:v>0.33640999983654085</c:v>
                </c:pt>
                <c:pt idx="7425">
                  <c:v>0.36444416648958589</c:v>
                </c:pt>
                <c:pt idx="7426">
                  <c:v>0.38126466648141299</c:v>
                </c:pt>
                <c:pt idx="7427">
                  <c:v>0.44854666644872115</c:v>
                </c:pt>
                <c:pt idx="7428">
                  <c:v>0.44854666644872115</c:v>
                </c:pt>
                <c:pt idx="7429">
                  <c:v>0.44854666644872115</c:v>
                </c:pt>
                <c:pt idx="7430">
                  <c:v>0.44854666644872115</c:v>
                </c:pt>
                <c:pt idx="7431">
                  <c:v>0.44854666644872115</c:v>
                </c:pt>
                <c:pt idx="7432">
                  <c:v>0.44854666644872115</c:v>
                </c:pt>
                <c:pt idx="7433">
                  <c:v>0.44854666644872115</c:v>
                </c:pt>
                <c:pt idx="7434">
                  <c:v>0.44854666644872115</c:v>
                </c:pt>
                <c:pt idx="7435">
                  <c:v>0.37565783315080398</c:v>
                </c:pt>
                <c:pt idx="7436">
                  <c:v>0.30837583318349576</c:v>
                </c:pt>
                <c:pt idx="7437">
                  <c:v>0.22427333322436058</c:v>
                </c:pt>
                <c:pt idx="7438">
                  <c:v>0.22427333322436058</c:v>
                </c:pt>
                <c:pt idx="7439">
                  <c:v>0.22427333322436058</c:v>
                </c:pt>
                <c:pt idx="7440">
                  <c:v>0.20044568054780829</c:v>
                </c:pt>
                <c:pt idx="7441">
                  <c:v>0.2255013906162843</c:v>
                </c:pt>
                <c:pt idx="7442">
                  <c:v>0.2255013906162843</c:v>
                </c:pt>
                <c:pt idx="7443">
                  <c:v>0.2255013906162843</c:v>
                </c:pt>
                <c:pt idx="7444">
                  <c:v>0.2255013906162843</c:v>
                </c:pt>
                <c:pt idx="7445">
                  <c:v>0.290646236794322</c:v>
                </c:pt>
                <c:pt idx="7446">
                  <c:v>0.33574651491757879</c:v>
                </c:pt>
                <c:pt idx="7447">
                  <c:v>0.33574651491757879</c:v>
                </c:pt>
                <c:pt idx="7448">
                  <c:v>0.33574651491757879</c:v>
                </c:pt>
                <c:pt idx="7449">
                  <c:v>0.3608022249860548</c:v>
                </c:pt>
                <c:pt idx="7450">
                  <c:v>0.39086907706822605</c:v>
                </c:pt>
                <c:pt idx="7451">
                  <c:v>0.45100278123256859</c:v>
                </c:pt>
                <c:pt idx="7452">
                  <c:v>0.45100278123256859</c:v>
                </c:pt>
                <c:pt idx="7453">
                  <c:v>0.45100278123256859</c:v>
                </c:pt>
                <c:pt idx="7454">
                  <c:v>0.45100278123256859</c:v>
                </c:pt>
                <c:pt idx="7455">
                  <c:v>0.45100278123256859</c:v>
                </c:pt>
                <c:pt idx="7456">
                  <c:v>0.45100278123256859</c:v>
                </c:pt>
                <c:pt idx="7457">
                  <c:v>0.45100278123256859</c:v>
                </c:pt>
                <c:pt idx="7458">
                  <c:v>0.45100278123256859</c:v>
                </c:pt>
                <c:pt idx="7459">
                  <c:v>0.37583565102714045</c:v>
                </c:pt>
                <c:pt idx="7460">
                  <c:v>0.30066852082171242</c:v>
                </c:pt>
                <c:pt idx="7461">
                  <c:v>0.2255013906162843</c:v>
                </c:pt>
                <c:pt idx="7462">
                  <c:v>0.2255013906162843</c:v>
                </c:pt>
                <c:pt idx="7463">
                  <c:v>0.2255013906162843</c:v>
                </c:pt>
                <c:pt idx="7464">
                  <c:v>0.22619927019080757</c:v>
                </c:pt>
                <c:pt idx="7465">
                  <c:v>0.22619927019080757</c:v>
                </c:pt>
                <c:pt idx="7466">
                  <c:v>0.22619927019080757</c:v>
                </c:pt>
                <c:pt idx="7467">
                  <c:v>0.22619927019080757</c:v>
                </c:pt>
                <c:pt idx="7468">
                  <c:v>0.22619927019080757</c:v>
                </c:pt>
                <c:pt idx="7469">
                  <c:v>0.29154572602370749</c:v>
                </c:pt>
                <c:pt idx="7470">
                  <c:v>0.33678558006186909</c:v>
                </c:pt>
                <c:pt idx="7471">
                  <c:v>0.33678558006186909</c:v>
                </c:pt>
                <c:pt idx="7472">
                  <c:v>0.33678558006186909</c:v>
                </c:pt>
                <c:pt idx="7473">
                  <c:v>0.36191883230529215</c:v>
                </c:pt>
                <c:pt idx="7474">
                  <c:v>0.39207873499739981</c:v>
                </c:pt>
                <c:pt idx="7475">
                  <c:v>0.45239854038161514</c:v>
                </c:pt>
                <c:pt idx="7476">
                  <c:v>0.45239854038161514</c:v>
                </c:pt>
                <c:pt idx="7477">
                  <c:v>0.45239854038161514</c:v>
                </c:pt>
                <c:pt idx="7478">
                  <c:v>0.45239854038161514</c:v>
                </c:pt>
                <c:pt idx="7479">
                  <c:v>0.45239854038161514</c:v>
                </c:pt>
                <c:pt idx="7480">
                  <c:v>0.45239854038161514</c:v>
                </c:pt>
                <c:pt idx="7481">
                  <c:v>0.45239854038161514</c:v>
                </c:pt>
                <c:pt idx="7482">
                  <c:v>0.45239854038161514</c:v>
                </c:pt>
                <c:pt idx="7483">
                  <c:v>0.37699878365134598</c:v>
                </c:pt>
                <c:pt idx="7484">
                  <c:v>0.30159902692107676</c:v>
                </c:pt>
                <c:pt idx="7485">
                  <c:v>0.22619927019080757</c:v>
                </c:pt>
                <c:pt idx="7486">
                  <c:v>0.22619927019080757</c:v>
                </c:pt>
                <c:pt idx="7487">
                  <c:v>0.22619927019080757</c:v>
                </c:pt>
                <c:pt idx="7488">
                  <c:v>0.24652000370376065</c:v>
                </c:pt>
                <c:pt idx="7489">
                  <c:v>0.24652000370376065</c:v>
                </c:pt>
                <c:pt idx="7490">
                  <c:v>0.24652000370376065</c:v>
                </c:pt>
                <c:pt idx="7491">
                  <c:v>0.24652000370376065</c:v>
                </c:pt>
                <c:pt idx="7492">
                  <c:v>0.24652000370376065</c:v>
                </c:pt>
                <c:pt idx="7493">
                  <c:v>0.31773689366262475</c:v>
                </c:pt>
                <c:pt idx="7494">
                  <c:v>0.38347556131696109</c:v>
                </c:pt>
                <c:pt idx="7495">
                  <c:v>0.38347556131696109</c:v>
                </c:pt>
                <c:pt idx="7496">
                  <c:v>0.38347556131696109</c:v>
                </c:pt>
                <c:pt idx="7497">
                  <c:v>0.41086667283960104</c:v>
                </c:pt>
                <c:pt idx="7498">
                  <c:v>0.42730133975318513</c:v>
                </c:pt>
                <c:pt idx="7499">
                  <c:v>0.4930400074075213</c:v>
                </c:pt>
                <c:pt idx="7500">
                  <c:v>0.4930400074075213</c:v>
                </c:pt>
                <c:pt idx="7501">
                  <c:v>0.4930400074075213</c:v>
                </c:pt>
                <c:pt idx="7502">
                  <c:v>0.4930400074075213</c:v>
                </c:pt>
                <c:pt idx="7503">
                  <c:v>0.41086667283960104</c:v>
                </c:pt>
                <c:pt idx="7504">
                  <c:v>0.38895378362148902</c:v>
                </c:pt>
                <c:pt idx="7505">
                  <c:v>0.38895378362148902</c:v>
                </c:pt>
                <c:pt idx="7506">
                  <c:v>0.38895378362148902</c:v>
                </c:pt>
                <c:pt idx="7507">
                  <c:v>0.38895378362148902</c:v>
                </c:pt>
                <c:pt idx="7508">
                  <c:v>0.30130222674904078</c:v>
                </c:pt>
                <c:pt idx="7509">
                  <c:v>0.11504266839508831</c:v>
                </c:pt>
                <c:pt idx="7510">
                  <c:v>0.11504266839508831</c:v>
                </c:pt>
                <c:pt idx="7511">
                  <c:v>0.11504266839508831</c:v>
                </c:pt>
                <c:pt idx="7512">
                  <c:v>7.7784527290044495E-2</c:v>
                </c:pt>
                <c:pt idx="7513">
                  <c:v>0.15186502947103928</c:v>
                </c:pt>
                <c:pt idx="7514">
                  <c:v>0.15186502947103928</c:v>
                </c:pt>
                <c:pt idx="7515">
                  <c:v>0.15186502947103928</c:v>
                </c:pt>
                <c:pt idx="7516">
                  <c:v>0.15186502947103928</c:v>
                </c:pt>
                <c:pt idx="7517">
                  <c:v>0.18890528056153663</c:v>
                </c:pt>
                <c:pt idx="7518">
                  <c:v>0.23705760697918321</c:v>
                </c:pt>
                <c:pt idx="7519">
                  <c:v>0.27039383296063085</c:v>
                </c:pt>
                <c:pt idx="7520">
                  <c:v>0.27039383296063085</c:v>
                </c:pt>
                <c:pt idx="7521">
                  <c:v>0.27039383296063085</c:v>
                </c:pt>
                <c:pt idx="7522">
                  <c:v>0.27039383296063085</c:v>
                </c:pt>
                <c:pt idx="7523">
                  <c:v>0.27039383296063085</c:v>
                </c:pt>
                <c:pt idx="7524">
                  <c:v>0.27039383296063085</c:v>
                </c:pt>
                <c:pt idx="7525">
                  <c:v>0.27039383296063085</c:v>
                </c:pt>
                <c:pt idx="7526">
                  <c:v>0.27039383296063085</c:v>
                </c:pt>
                <c:pt idx="7527">
                  <c:v>0.24446565719728269</c:v>
                </c:pt>
                <c:pt idx="7528">
                  <c:v>0.22224150654298427</c:v>
                </c:pt>
                <c:pt idx="7529">
                  <c:v>0.20001735588868585</c:v>
                </c:pt>
                <c:pt idx="7530">
                  <c:v>0.19260930567058637</c:v>
                </c:pt>
                <c:pt idx="7531">
                  <c:v>0.15556905458008899</c:v>
                </c:pt>
                <c:pt idx="7532">
                  <c:v>0.11482477838054185</c:v>
                </c:pt>
                <c:pt idx="7533">
                  <c:v>0.11482477838054185</c:v>
                </c:pt>
                <c:pt idx="7534">
                  <c:v>0.11482477838054185</c:v>
                </c:pt>
                <c:pt idx="7535">
                  <c:v>0.11482477838054185</c:v>
                </c:pt>
                <c:pt idx="7536">
                  <c:v>0.13876608415737224</c:v>
                </c:pt>
                <c:pt idx="7537">
                  <c:v>0.16114771063436772</c:v>
                </c:pt>
                <c:pt idx="7538">
                  <c:v>0.16114771063436772</c:v>
                </c:pt>
                <c:pt idx="7539">
                  <c:v>0.16114771063436772</c:v>
                </c:pt>
                <c:pt idx="7540">
                  <c:v>0.16114771063436772</c:v>
                </c:pt>
                <c:pt idx="7541">
                  <c:v>0.20143463829295963</c:v>
                </c:pt>
                <c:pt idx="7542">
                  <c:v>0.23724524065615249</c:v>
                </c:pt>
                <c:pt idx="7543">
                  <c:v>0.28200849361014357</c:v>
                </c:pt>
                <c:pt idx="7544">
                  <c:v>0.28200849361014357</c:v>
                </c:pt>
                <c:pt idx="7545">
                  <c:v>0.28200849361014357</c:v>
                </c:pt>
                <c:pt idx="7546">
                  <c:v>0.28200849361014357</c:v>
                </c:pt>
                <c:pt idx="7547">
                  <c:v>0.28200849361014357</c:v>
                </c:pt>
                <c:pt idx="7548">
                  <c:v>0.28200849361014357</c:v>
                </c:pt>
                <c:pt idx="7549">
                  <c:v>0.28200849361014357</c:v>
                </c:pt>
                <c:pt idx="7550">
                  <c:v>0.28200849361014357</c:v>
                </c:pt>
                <c:pt idx="7551">
                  <c:v>0.25067421654234984</c:v>
                </c:pt>
                <c:pt idx="7552">
                  <c:v>0.24619789124695074</c:v>
                </c:pt>
                <c:pt idx="7553">
                  <c:v>0.21038728888375788</c:v>
                </c:pt>
                <c:pt idx="7554">
                  <c:v>0.19695831299756059</c:v>
                </c:pt>
                <c:pt idx="7555">
                  <c:v>0.16562403592976685</c:v>
                </c:pt>
                <c:pt idx="7556">
                  <c:v>0.13876608415737224</c:v>
                </c:pt>
                <c:pt idx="7557">
                  <c:v>0.12086078297577581</c:v>
                </c:pt>
                <c:pt idx="7558">
                  <c:v>0.12086078297577581</c:v>
                </c:pt>
                <c:pt idx="7559">
                  <c:v>0.12086078297577581</c:v>
                </c:pt>
                <c:pt idx="7560">
                  <c:v>8.0698048679282555E-2</c:v>
                </c:pt>
                <c:pt idx="7561">
                  <c:v>8.0698048679282555E-2</c:v>
                </c:pt>
                <c:pt idx="7562">
                  <c:v>8.0698048679282555E-2</c:v>
                </c:pt>
                <c:pt idx="7563">
                  <c:v>8.0698048679282555E-2</c:v>
                </c:pt>
                <c:pt idx="7564">
                  <c:v>8.0698048679282555E-2</c:v>
                </c:pt>
                <c:pt idx="7565">
                  <c:v>0.34969154427689114</c:v>
                </c:pt>
                <c:pt idx="7566">
                  <c:v>0.39676540600647259</c:v>
                </c:pt>
                <c:pt idx="7567">
                  <c:v>0.39676540600647259</c:v>
                </c:pt>
                <c:pt idx="7568">
                  <c:v>0.39676540600647259</c:v>
                </c:pt>
                <c:pt idx="7569">
                  <c:v>0.42366475556623351</c:v>
                </c:pt>
                <c:pt idx="7570">
                  <c:v>0.42366475556623351</c:v>
                </c:pt>
                <c:pt idx="7571">
                  <c:v>0.53798699119521709</c:v>
                </c:pt>
                <c:pt idx="7572">
                  <c:v>0.53798699119521709</c:v>
                </c:pt>
                <c:pt idx="7573">
                  <c:v>0.35641638166683137</c:v>
                </c:pt>
                <c:pt idx="7574">
                  <c:v>0.53798699119521709</c:v>
                </c:pt>
                <c:pt idx="7575">
                  <c:v>0.53798699119521709</c:v>
                </c:pt>
                <c:pt idx="7576">
                  <c:v>0.53798699119521709</c:v>
                </c:pt>
                <c:pt idx="7577">
                  <c:v>0.53798699119521709</c:v>
                </c:pt>
                <c:pt idx="7578">
                  <c:v>0.53798699119521709</c:v>
                </c:pt>
                <c:pt idx="7579">
                  <c:v>0.45056410512599437</c:v>
                </c:pt>
                <c:pt idx="7580">
                  <c:v>0.36986605644671178</c:v>
                </c:pt>
                <c:pt idx="7581">
                  <c:v>0.26899349559760855</c:v>
                </c:pt>
                <c:pt idx="7582">
                  <c:v>0.25554382081772814</c:v>
                </c:pt>
                <c:pt idx="7583">
                  <c:v>0.25554382081772814</c:v>
                </c:pt>
                <c:pt idx="7584">
                  <c:v>0.24105286719137184</c:v>
                </c:pt>
                <c:pt idx="7585">
                  <c:v>0.24105286719137184</c:v>
                </c:pt>
                <c:pt idx="7586">
                  <c:v>0.24105286719137184</c:v>
                </c:pt>
                <c:pt idx="7587">
                  <c:v>0.24105286719137184</c:v>
                </c:pt>
                <c:pt idx="7588">
                  <c:v>0.24105286719137184</c:v>
                </c:pt>
                <c:pt idx="7589">
                  <c:v>0.31336872734878335</c:v>
                </c:pt>
                <c:pt idx="7590">
                  <c:v>0.34952665742748906</c:v>
                </c:pt>
                <c:pt idx="7591">
                  <c:v>0.3615793007870578</c:v>
                </c:pt>
                <c:pt idx="7592">
                  <c:v>0.3615793007870578</c:v>
                </c:pt>
                <c:pt idx="7593">
                  <c:v>0.39171090918597923</c:v>
                </c:pt>
                <c:pt idx="7594">
                  <c:v>0.40978987422533208</c:v>
                </c:pt>
                <c:pt idx="7595">
                  <c:v>0.48210573438274368</c:v>
                </c:pt>
                <c:pt idx="7596">
                  <c:v>0.48210573438274368</c:v>
                </c:pt>
                <c:pt idx="7597">
                  <c:v>0.48210573438274368</c:v>
                </c:pt>
                <c:pt idx="7598">
                  <c:v>0.48210573438274368</c:v>
                </c:pt>
                <c:pt idx="7599">
                  <c:v>0.48210573438274368</c:v>
                </c:pt>
                <c:pt idx="7600">
                  <c:v>0.48210573438274368</c:v>
                </c:pt>
                <c:pt idx="7601">
                  <c:v>0.48210573438274368</c:v>
                </c:pt>
                <c:pt idx="7602">
                  <c:v>0.48210573438274368</c:v>
                </c:pt>
                <c:pt idx="7603">
                  <c:v>0.40376355254554791</c:v>
                </c:pt>
                <c:pt idx="7604">
                  <c:v>0.33144769238813626</c:v>
                </c:pt>
                <c:pt idx="7605">
                  <c:v>0.24105286719137184</c:v>
                </c:pt>
                <c:pt idx="7606">
                  <c:v>0.24105286719137184</c:v>
                </c:pt>
                <c:pt idx="7607">
                  <c:v>0.24105286719137184</c:v>
                </c:pt>
                <c:pt idx="7608">
                  <c:v>0.21244447345892067</c:v>
                </c:pt>
                <c:pt idx="7609">
                  <c:v>0.23900003264128575</c:v>
                </c:pt>
                <c:pt idx="7610">
                  <c:v>0.23900003264128575</c:v>
                </c:pt>
                <c:pt idx="7611">
                  <c:v>0.23900003264128575</c:v>
                </c:pt>
                <c:pt idx="7612">
                  <c:v>0.23900003264128575</c:v>
                </c:pt>
                <c:pt idx="7613">
                  <c:v>0.30804448651543498</c:v>
                </c:pt>
                <c:pt idx="7614">
                  <c:v>0.35584449304369214</c:v>
                </c:pt>
                <c:pt idx="7615">
                  <c:v>0.35584449304369214</c:v>
                </c:pt>
                <c:pt idx="7616">
                  <c:v>0.35584449304369214</c:v>
                </c:pt>
                <c:pt idx="7617">
                  <c:v>0.38240005222605716</c:v>
                </c:pt>
                <c:pt idx="7618">
                  <c:v>0.41426672324489527</c:v>
                </c:pt>
                <c:pt idx="7619">
                  <c:v>0.4780000652825715</c:v>
                </c:pt>
                <c:pt idx="7620">
                  <c:v>0.4780000652825715</c:v>
                </c:pt>
                <c:pt idx="7621">
                  <c:v>0.4780000652825715</c:v>
                </c:pt>
                <c:pt idx="7622">
                  <c:v>0.4780000652825715</c:v>
                </c:pt>
                <c:pt idx="7623">
                  <c:v>0.4780000652825715</c:v>
                </c:pt>
                <c:pt idx="7624">
                  <c:v>0.4780000652825715</c:v>
                </c:pt>
                <c:pt idx="7625">
                  <c:v>0.4780000652825715</c:v>
                </c:pt>
                <c:pt idx="7626">
                  <c:v>0.4780000652825715</c:v>
                </c:pt>
                <c:pt idx="7627">
                  <c:v>0.39833338773547627</c:v>
                </c:pt>
                <c:pt idx="7628">
                  <c:v>0.318666710188381</c:v>
                </c:pt>
                <c:pt idx="7629">
                  <c:v>0.23900003264128575</c:v>
                </c:pt>
                <c:pt idx="7630">
                  <c:v>0.23900003264128575</c:v>
                </c:pt>
                <c:pt idx="7631">
                  <c:v>0.23900003264128575</c:v>
                </c:pt>
                <c:pt idx="7632">
                  <c:v>0.24836377306158636</c:v>
                </c:pt>
                <c:pt idx="7633">
                  <c:v>0.24836377306158636</c:v>
                </c:pt>
                <c:pt idx="7634">
                  <c:v>0.24836377306158636</c:v>
                </c:pt>
                <c:pt idx="7635">
                  <c:v>0.24836377306158636</c:v>
                </c:pt>
                <c:pt idx="7636">
                  <c:v>0.24836377306158636</c:v>
                </c:pt>
                <c:pt idx="7637">
                  <c:v>0.32011330750160016</c:v>
                </c:pt>
                <c:pt idx="7638">
                  <c:v>0.36978606211391757</c:v>
                </c:pt>
                <c:pt idx="7639">
                  <c:v>0.36978606211391757</c:v>
                </c:pt>
                <c:pt idx="7640">
                  <c:v>0.36978606211391757</c:v>
                </c:pt>
                <c:pt idx="7641">
                  <c:v>0.39738203689853818</c:v>
                </c:pt>
                <c:pt idx="7642">
                  <c:v>0.43049720664008312</c:v>
                </c:pt>
                <c:pt idx="7643">
                  <c:v>0.49672754612317271</c:v>
                </c:pt>
                <c:pt idx="7644">
                  <c:v>0.49672754612317271</c:v>
                </c:pt>
                <c:pt idx="7645">
                  <c:v>0.49672754612317271</c:v>
                </c:pt>
                <c:pt idx="7646">
                  <c:v>0.49672754612317271</c:v>
                </c:pt>
                <c:pt idx="7647">
                  <c:v>0.49672754612317271</c:v>
                </c:pt>
                <c:pt idx="7648">
                  <c:v>0.49672754612317271</c:v>
                </c:pt>
                <c:pt idx="7649">
                  <c:v>0.49672754612317271</c:v>
                </c:pt>
                <c:pt idx="7650">
                  <c:v>0.49672754612317271</c:v>
                </c:pt>
                <c:pt idx="7651">
                  <c:v>0.41393962176931065</c:v>
                </c:pt>
                <c:pt idx="7652">
                  <c:v>0.33115169741544853</c:v>
                </c:pt>
                <c:pt idx="7653">
                  <c:v>0.24836377306158636</c:v>
                </c:pt>
                <c:pt idx="7654">
                  <c:v>0.24836377306158636</c:v>
                </c:pt>
                <c:pt idx="7655">
                  <c:v>0.24836377306158636</c:v>
                </c:pt>
                <c:pt idx="7656">
                  <c:v>0.27529553731203565</c:v>
                </c:pt>
                <c:pt idx="7657">
                  <c:v>0.27529553731203565</c:v>
                </c:pt>
                <c:pt idx="7658">
                  <c:v>0.27529553731203565</c:v>
                </c:pt>
                <c:pt idx="7659">
                  <c:v>0.27529553731203565</c:v>
                </c:pt>
                <c:pt idx="7660">
                  <c:v>0.27529553731203565</c:v>
                </c:pt>
                <c:pt idx="7661">
                  <c:v>0.35482535920217922</c:v>
                </c:pt>
                <c:pt idx="7662">
                  <c:v>0.42823750248538872</c:v>
                </c:pt>
                <c:pt idx="7663">
                  <c:v>0.42823750248538872</c:v>
                </c:pt>
                <c:pt idx="7664">
                  <c:v>0.42823750248538872</c:v>
                </c:pt>
                <c:pt idx="7665">
                  <c:v>0.45882589552005937</c:v>
                </c:pt>
                <c:pt idx="7666">
                  <c:v>0.47717893134086181</c:v>
                </c:pt>
                <c:pt idx="7667">
                  <c:v>0.55059107462407131</c:v>
                </c:pt>
                <c:pt idx="7668">
                  <c:v>0.55059107462407131</c:v>
                </c:pt>
                <c:pt idx="7669">
                  <c:v>0.55059107462407131</c:v>
                </c:pt>
                <c:pt idx="7670">
                  <c:v>0.55059107462407131</c:v>
                </c:pt>
                <c:pt idx="7671">
                  <c:v>0.45882589552005937</c:v>
                </c:pt>
                <c:pt idx="7672">
                  <c:v>0.43435518109232296</c:v>
                </c:pt>
                <c:pt idx="7673">
                  <c:v>0.43435518109232296</c:v>
                </c:pt>
                <c:pt idx="7674">
                  <c:v>0.43435518109232296</c:v>
                </c:pt>
                <c:pt idx="7675">
                  <c:v>0.43435518109232296</c:v>
                </c:pt>
                <c:pt idx="7676">
                  <c:v>0.33647232338137684</c:v>
                </c:pt>
                <c:pt idx="7677">
                  <c:v>0.12847125074561661</c:v>
                </c:pt>
                <c:pt idx="7678">
                  <c:v>0.12847125074561661</c:v>
                </c:pt>
                <c:pt idx="7679">
                  <c:v>0.12847125074561661</c:v>
                </c:pt>
                <c:pt idx="7680">
                  <c:v>9.4881450621375887E-2</c:v>
                </c:pt>
                <c:pt idx="7681">
                  <c:v>0.18524473692744817</c:v>
                </c:pt>
                <c:pt idx="7682">
                  <c:v>0.18524473692744817</c:v>
                </c:pt>
                <c:pt idx="7683">
                  <c:v>0.18524473692744817</c:v>
                </c:pt>
                <c:pt idx="7684">
                  <c:v>0.18524473692744817</c:v>
                </c:pt>
                <c:pt idx="7685">
                  <c:v>0.23042638008048436</c:v>
                </c:pt>
                <c:pt idx="7686">
                  <c:v>0.28916251617943134</c:v>
                </c:pt>
                <c:pt idx="7687">
                  <c:v>0.32982599501716386</c:v>
                </c:pt>
                <c:pt idx="7688">
                  <c:v>0.32982599501716386</c:v>
                </c:pt>
                <c:pt idx="7689">
                  <c:v>0.32982599501716386</c:v>
                </c:pt>
                <c:pt idx="7690">
                  <c:v>0.32982599501716386</c:v>
                </c:pt>
                <c:pt idx="7691">
                  <c:v>0.32982599501716386</c:v>
                </c:pt>
                <c:pt idx="7692">
                  <c:v>0.32982599501716386</c:v>
                </c:pt>
                <c:pt idx="7693">
                  <c:v>0.32982599501716386</c:v>
                </c:pt>
                <c:pt idx="7694">
                  <c:v>0.32982599501716386</c:v>
                </c:pt>
                <c:pt idx="7695">
                  <c:v>0.29819884481003855</c:v>
                </c:pt>
                <c:pt idx="7696">
                  <c:v>0.27108985891821691</c:v>
                </c:pt>
                <c:pt idx="7697">
                  <c:v>0.24398087302639518</c:v>
                </c:pt>
                <c:pt idx="7698">
                  <c:v>0.23494454439578794</c:v>
                </c:pt>
                <c:pt idx="7699">
                  <c:v>0.18976290124275177</c:v>
                </c:pt>
                <c:pt idx="7700">
                  <c:v>0.14006309377441203</c:v>
                </c:pt>
                <c:pt idx="7701">
                  <c:v>0.14006309377441203</c:v>
                </c:pt>
                <c:pt idx="7702">
                  <c:v>0.14006309377441203</c:v>
                </c:pt>
                <c:pt idx="7703">
                  <c:v>0.14006309377441203</c:v>
                </c:pt>
                <c:pt idx="7704">
                  <c:v>0.16112985888100653</c:v>
                </c:pt>
                <c:pt idx="7705">
                  <c:v>0.18711854579729795</c:v>
                </c:pt>
                <c:pt idx="7706">
                  <c:v>0.18711854579729795</c:v>
                </c:pt>
                <c:pt idx="7707">
                  <c:v>0.18711854579729795</c:v>
                </c:pt>
                <c:pt idx="7708">
                  <c:v>0.18711854579729795</c:v>
                </c:pt>
                <c:pt idx="7709">
                  <c:v>0.23389818224662243</c:v>
                </c:pt>
                <c:pt idx="7710">
                  <c:v>0.27548008131268864</c:v>
                </c:pt>
                <c:pt idx="7711">
                  <c:v>0.32745745514527141</c:v>
                </c:pt>
                <c:pt idx="7712">
                  <c:v>0.32745745514527141</c:v>
                </c:pt>
                <c:pt idx="7713">
                  <c:v>0.32745745514527141</c:v>
                </c:pt>
                <c:pt idx="7714">
                  <c:v>0.32745745514527141</c:v>
                </c:pt>
                <c:pt idx="7715">
                  <c:v>0.32745745514527141</c:v>
                </c:pt>
                <c:pt idx="7716">
                  <c:v>0.32745745514527141</c:v>
                </c:pt>
                <c:pt idx="7717">
                  <c:v>0.32745745514527141</c:v>
                </c:pt>
                <c:pt idx="7718">
                  <c:v>0.32745745514527141</c:v>
                </c:pt>
                <c:pt idx="7719">
                  <c:v>0.29107329346246347</c:v>
                </c:pt>
                <c:pt idx="7720">
                  <c:v>0.28587555607920517</c:v>
                </c:pt>
                <c:pt idx="7721">
                  <c:v>0.24429365701313899</c:v>
                </c:pt>
                <c:pt idx="7722">
                  <c:v>0.22870044486336416</c:v>
                </c:pt>
                <c:pt idx="7723">
                  <c:v>0.19231628318055621</c:v>
                </c:pt>
                <c:pt idx="7724">
                  <c:v>0.16112985888100653</c:v>
                </c:pt>
                <c:pt idx="7725">
                  <c:v>0.14033890934797344</c:v>
                </c:pt>
                <c:pt idx="7726">
                  <c:v>0.14033890934797344</c:v>
                </c:pt>
                <c:pt idx="7727">
                  <c:v>0.14033890934797344</c:v>
                </c:pt>
                <c:pt idx="7728">
                  <c:v>8.4958982085732729E-2</c:v>
                </c:pt>
                <c:pt idx="7729">
                  <c:v>8.4958982085732729E-2</c:v>
                </c:pt>
                <c:pt idx="7730">
                  <c:v>8.4958982085732729E-2</c:v>
                </c:pt>
                <c:pt idx="7731">
                  <c:v>8.4958982085732729E-2</c:v>
                </c:pt>
                <c:pt idx="7732">
                  <c:v>8.4958982085732729E-2</c:v>
                </c:pt>
                <c:pt idx="7733">
                  <c:v>0.36815558903817508</c:v>
                </c:pt>
                <c:pt idx="7734">
                  <c:v>0.41771499525485251</c:v>
                </c:pt>
                <c:pt idx="7735">
                  <c:v>0.41771499525485251</c:v>
                </c:pt>
                <c:pt idx="7736">
                  <c:v>0.41771499525485251</c:v>
                </c:pt>
                <c:pt idx="7737">
                  <c:v>0.44603465595009684</c:v>
                </c:pt>
                <c:pt idx="7738">
                  <c:v>0.44603465595009684</c:v>
                </c:pt>
                <c:pt idx="7739">
                  <c:v>0.56639321390488495</c:v>
                </c:pt>
                <c:pt idx="7740">
                  <c:v>0.56639321390488495</c:v>
                </c:pt>
                <c:pt idx="7741">
                  <c:v>0.37523550421198615</c:v>
                </c:pt>
                <c:pt idx="7742">
                  <c:v>0.56639321390488495</c:v>
                </c:pt>
                <c:pt idx="7743">
                  <c:v>0.56639321390488495</c:v>
                </c:pt>
                <c:pt idx="7744">
                  <c:v>0.56639321390488495</c:v>
                </c:pt>
                <c:pt idx="7745">
                  <c:v>0.56639321390488495</c:v>
                </c:pt>
                <c:pt idx="7746">
                  <c:v>0.56639321390488495</c:v>
                </c:pt>
                <c:pt idx="7747">
                  <c:v>0.47435431664534106</c:v>
                </c:pt>
                <c:pt idx="7748">
                  <c:v>0.38939533455960834</c:v>
                </c:pt>
                <c:pt idx="7749">
                  <c:v>0.28319660695244248</c:v>
                </c:pt>
                <c:pt idx="7750">
                  <c:v>0.26903677660482028</c:v>
                </c:pt>
                <c:pt idx="7751">
                  <c:v>0.26903677660482028</c:v>
                </c:pt>
                <c:pt idx="7752">
                  <c:v>0.25551445843675569</c:v>
                </c:pt>
                <c:pt idx="7753">
                  <c:v>0.25551445843675569</c:v>
                </c:pt>
                <c:pt idx="7754">
                  <c:v>0.25551445843675569</c:v>
                </c:pt>
                <c:pt idx="7755">
                  <c:v>0.25551445843675569</c:v>
                </c:pt>
                <c:pt idx="7756">
                  <c:v>0.25551445843675569</c:v>
                </c:pt>
                <c:pt idx="7757">
                  <c:v>0.33216879596778226</c:v>
                </c:pt>
                <c:pt idx="7758">
                  <c:v>0.37049596473329566</c:v>
                </c:pt>
                <c:pt idx="7759">
                  <c:v>0.38327168765513353</c:v>
                </c:pt>
                <c:pt idx="7760">
                  <c:v>0.38327168765513353</c:v>
                </c:pt>
                <c:pt idx="7761">
                  <c:v>0.41521099495972791</c:v>
                </c:pt>
                <c:pt idx="7762">
                  <c:v>0.43437457934248458</c:v>
                </c:pt>
                <c:pt idx="7763">
                  <c:v>0.51102891687351137</c:v>
                </c:pt>
                <c:pt idx="7764">
                  <c:v>0.51102891687351137</c:v>
                </c:pt>
                <c:pt idx="7765">
                  <c:v>0.51102891687351137</c:v>
                </c:pt>
                <c:pt idx="7766">
                  <c:v>0.51102891687351137</c:v>
                </c:pt>
                <c:pt idx="7767">
                  <c:v>0.51102891687351137</c:v>
                </c:pt>
                <c:pt idx="7768">
                  <c:v>0.51102891687351137</c:v>
                </c:pt>
                <c:pt idx="7769">
                  <c:v>0.51102891687351137</c:v>
                </c:pt>
                <c:pt idx="7770">
                  <c:v>0.51102891687351137</c:v>
                </c:pt>
                <c:pt idx="7771">
                  <c:v>0.42798671788156578</c:v>
                </c:pt>
                <c:pt idx="7772">
                  <c:v>0.35133238035053899</c:v>
                </c:pt>
                <c:pt idx="7773">
                  <c:v>0.25551445843675569</c:v>
                </c:pt>
                <c:pt idx="7774">
                  <c:v>0.25551445843675569</c:v>
                </c:pt>
                <c:pt idx="7775">
                  <c:v>0.25551445843675569</c:v>
                </c:pt>
                <c:pt idx="7776">
                  <c:v>0.23015455808803706</c:v>
                </c:pt>
                <c:pt idx="7777">
                  <c:v>0.25892387784904164</c:v>
                </c:pt>
                <c:pt idx="7778">
                  <c:v>0.25892387784904164</c:v>
                </c:pt>
                <c:pt idx="7779">
                  <c:v>0.25892387784904164</c:v>
                </c:pt>
                <c:pt idx="7780">
                  <c:v>0.25892387784904164</c:v>
                </c:pt>
                <c:pt idx="7781">
                  <c:v>0.33372410922765378</c:v>
                </c:pt>
                <c:pt idx="7782">
                  <c:v>0.38550888479746204</c:v>
                </c:pt>
                <c:pt idx="7783">
                  <c:v>0.38550888479746204</c:v>
                </c:pt>
                <c:pt idx="7784">
                  <c:v>0.38550888479746204</c:v>
                </c:pt>
                <c:pt idx="7785">
                  <c:v>0.41427820455846676</c:v>
                </c:pt>
                <c:pt idx="7786">
                  <c:v>0.44880138827167226</c:v>
                </c:pt>
                <c:pt idx="7787">
                  <c:v>0.51784775569808328</c:v>
                </c:pt>
                <c:pt idx="7788">
                  <c:v>0.51784775569808328</c:v>
                </c:pt>
                <c:pt idx="7789">
                  <c:v>0.51784775569808328</c:v>
                </c:pt>
                <c:pt idx="7790">
                  <c:v>0.51784775569808328</c:v>
                </c:pt>
                <c:pt idx="7791">
                  <c:v>0.51784775569808328</c:v>
                </c:pt>
                <c:pt idx="7792">
                  <c:v>0.51784775569808328</c:v>
                </c:pt>
                <c:pt idx="7793">
                  <c:v>0.51784775569808328</c:v>
                </c:pt>
                <c:pt idx="7794">
                  <c:v>0.51784775569808328</c:v>
                </c:pt>
                <c:pt idx="7795">
                  <c:v>0.43153979641506951</c:v>
                </c:pt>
                <c:pt idx="7796">
                  <c:v>0.34523183713205563</c:v>
                </c:pt>
                <c:pt idx="7797">
                  <c:v>0.25892387784904164</c:v>
                </c:pt>
                <c:pt idx="7798">
                  <c:v>0.25892387784904164</c:v>
                </c:pt>
                <c:pt idx="7799">
                  <c:v>0.25892387784904164</c:v>
                </c:pt>
                <c:pt idx="7800">
                  <c:v>0.23355105872139573</c:v>
                </c:pt>
                <c:pt idx="7801">
                  <c:v>0.23355105872139573</c:v>
                </c:pt>
                <c:pt idx="7802">
                  <c:v>0.23355105872139573</c:v>
                </c:pt>
                <c:pt idx="7803">
                  <c:v>0.23355105872139573</c:v>
                </c:pt>
                <c:pt idx="7804">
                  <c:v>0.23355105872139573</c:v>
                </c:pt>
                <c:pt idx="7805">
                  <c:v>0.30102136457424339</c:v>
                </c:pt>
                <c:pt idx="7806">
                  <c:v>0.34773157631852258</c:v>
                </c:pt>
                <c:pt idx="7807">
                  <c:v>0.34773157631852258</c:v>
                </c:pt>
                <c:pt idx="7808">
                  <c:v>0.34773157631852258</c:v>
                </c:pt>
                <c:pt idx="7809">
                  <c:v>0.37368169395423328</c:v>
                </c:pt>
                <c:pt idx="7810">
                  <c:v>0.40482183511708608</c:v>
                </c:pt>
                <c:pt idx="7811">
                  <c:v>0.46710211744279145</c:v>
                </c:pt>
                <c:pt idx="7812">
                  <c:v>0.46710211744279145</c:v>
                </c:pt>
                <c:pt idx="7813">
                  <c:v>0.46710211744279145</c:v>
                </c:pt>
                <c:pt idx="7814">
                  <c:v>0.46710211744279145</c:v>
                </c:pt>
                <c:pt idx="7815">
                  <c:v>0.46710211744279145</c:v>
                </c:pt>
                <c:pt idx="7816">
                  <c:v>0.46710211744279145</c:v>
                </c:pt>
                <c:pt idx="7817">
                  <c:v>0.46710211744279145</c:v>
                </c:pt>
                <c:pt idx="7818">
                  <c:v>0.46710211744279145</c:v>
                </c:pt>
                <c:pt idx="7819">
                  <c:v>0.38925176453565963</c:v>
                </c:pt>
                <c:pt idx="7820">
                  <c:v>0.31140141162852769</c:v>
                </c:pt>
                <c:pt idx="7821">
                  <c:v>0.23355105872139573</c:v>
                </c:pt>
                <c:pt idx="7822">
                  <c:v>0.23355105872139573</c:v>
                </c:pt>
                <c:pt idx="7823">
                  <c:v>0.23355105872139573</c:v>
                </c:pt>
                <c:pt idx="7824">
                  <c:v>0.25428187733160951</c:v>
                </c:pt>
                <c:pt idx="7825">
                  <c:v>0.25428187733160951</c:v>
                </c:pt>
                <c:pt idx="7826">
                  <c:v>0.25428187733160951</c:v>
                </c:pt>
                <c:pt idx="7827">
                  <c:v>0.25428187733160951</c:v>
                </c:pt>
                <c:pt idx="7828">
                  <c:v>0.25428187733160951</c:v>
                </c:pt>
                <c:pt idx="7829">
                  <c:v>0.32774108633851889</c:v>
                </c:pt>
                <c:pt idx="7830">
                  <c:v>0.39554958696028147</c:v>
                </c:pt>
                <c:pt idx="7831">
                  <c:v>0.39554958696028147</c:v>
                </c:pt>
                <c:pt idx="7832">
                  <c:v>0.39554958696028147</c:v>
                </c:pt>
                <c:pt idx="7833">
                  <c:v>0.4238031288860159</c:v>
                </c:pt>
                <c:pt idx="7834">
                  <c:v>0.44075525404145649</c:v>
                </c:pt>
                <c:pt idx="7835">
                  <c:v>0.50856375466321901</c:v>
                </c:pt>
                <c:pt idx="7836">
                  <c:v>0.50856375466321901</c:v>
                </c:pt>
                <c:pt idx="7837">
                  <c:v>0.50856375466321901</c:v>
                </c:pt>
                <c:pt idx="7838">
                  <c:v>0.50856375466321901</c:v>
                </c:pt>
                <c:pt idx="7839">
                  <c:v>0.4238031288860159</c:v>
                </c:pt>
                <c:pt idx="7840">
                  <c:v>0.40120029534542839</c:v>
                </c:pt>
                <c:pt idx="7841">
                  <c:v>0.40120029534542839</c:v>
                </c:pt>
                <c:pt idx="7842">
                  <c:v>0.40120029534542839</c:v>
                </c:pt>
                <c:pt idx="7843">
                  <c:v>0.40120029534542839</c:v>
                </c:pt>
                <c:pt idx="7844">
                  <c:v>0.3107889611830783</c:v>
                </c:pt>
                <c:pt idx="7845">
                  <c:v>0.11866487608808442</c:v>
                </c:pt>
                <c:pt idx="7846">
                  <c:v>0.11866487608808442</c:v>
                </c:pt>
                <c:pt idx="7847">
                  <c:v>0.11866487608808442</c:v>
                </c:pt>
                <c:pt idx="7848">
                  <c:v>8.5608543051840208E-2</c:v>
                </c:pt>
                <c:pt idx="7849">
                  <c:v>0.16714048881549762</c:v>
                </c:pt>
                <c:pt idx="7850">
                  <c:v>0.16714048881549762</c:v>
                </c:pt>
                <c:pt idx="7851">
                  <c:v>0.16714048881549762</c:v>
                </c:pt>
                <c:pt idx="7852">
                  <c:v>0.16714048881549762</c:v>
                </c:pt>
                <c:pt idx="7853">
                  <c:v>0.20790646169732629</c:v>
                </c:pt>
                <c:pt idx="7854">
                  <c:v>0.26090222644370359</c:v>
                </c:pt>
                <c:pt idx="7855">
                  <c:v>0.29759160203734936</c:v>
                </c:pt>
                <c:pt idx="7856">
                  <c:v>0.29759160203734936</c:v>
                </c:pt>
                <c:pt idx="7857">
                  <c:v>0.29759160203734936</c:v>
                </c:pt>
                <c:pt idx="7858">
                  <c:v>0.29759160203734936</c:v>
                </c:pt>
                <c:pt idx="7859">
                  <c:v>0.29759160203734936</c:v>
                </c:pt>
                <c:pt idx="7860">
                  <c:v>0.29759160203734936</c:v>
                </c:pt>
                <c:pt idx="7861">
                  <c:v>0.29759160203734936</c:v>
                </c:pt>
                <c:pt idx="7862">
                  <c:v>0.29759160203734936</c:v>
                </c:pt>
                <c:pt idx="7863">
                  <c:v>0.26905542102006924</c:v>
                </c:pt>
                <c:pt idx="7864">
                  <c:v>0.24459583729097206</c:v>
                </c:pt>
                <c:pt idx="7865">
                  <c:v>0.22013625356187491</c:v>
                </c:pt>
                <c:pt idx="7866">
                  <c:v>0.21198305898550912</c:v>
                </c:pt>
                <c:pt idx="7867">
                  <c:v>0.17121708610368042</c:v>
                </c:pt>
                <c:pt idx="7868">
                  <c:v>0.12637451593366889</c:v>
                </c:pt>
                <c:pt idx="7869">
                  <c:v>0.12637451593366889</c:v>
                </c:pt>
                <c:pt idx="7870">
                  <c:v>0.12637451593366889</c:v>
                </c:pt>
                <c:pt idx="7871">
                  <c:v>0.12637451593366889</c:v>
                </c:pt>
                <c:pt idx="7872">
                  <c:v>0.15821284478661946</c:v>
                </c:pt>
                <c:pt idx="7873">
                  <c:v>0.18373104555865485</c:v>
                </c:pt>
                <c:pt idx="7874">
                  <c:v>0.18373104555865485</c:v>
                </c:pt>
                <c:pt idx="7875">
                  <c:v>0.18373104555865485</c:v>
                </c:pt>
                <c:pt idx="7876">
                  <c:v>0.18373104555865485</c:v>
                </c:pt>
                <c:pt idx="7877">
                  <c:v>0.22966380694831853</c:v>
                </c:pt>
                <c:pt idx="7878">
                  <c:v>0.27049292818357523</c:v>
                </c:pt>
                <c:pt idx="7879">
                  <c:v>0.32152932972764608</c:v>
                </c:pt>
                <c:pt idx="7880">
                  <c:v>0.32152932972764608</c:v>
                </c:pt>
                <c:pt idx="7881">
                  <c:v>0.32152932972764608</c:v>
                </c:pt>
                <c:pt idx="7882">
                  <c:v>0.32152932972764608</c:v>
                </c:pt>
                <c:pt idx="7883">
                  <c:v>0.32152932972764608</c:v>
                </c:pt>
                <c:pt idx="7884">
                  <c:v>0.32152932972764608</c:v>
                </c:pt>
                <c:pt idx="7885">
                  <c:v>0.32152932972764608</c:v>
                </c:pt>
                <c:pt idx="7886">
                  <c:v>0.32152932972764608</c:v>
                </c:pt>
                <c:pt idx="7887">
                  <c:v>0.28580384864679648</c:v>
                </c:pt>
                <c:pt idx="7888">
                  <c:v>0.28070020849238936</c:v>
                </c:pt>
                <c:pt idx="7889">
                  <c:v>0.23987108725713277</c:v>
                </c:pt>
                <c:pt idx="7890">
                  <c:v>0.22456016679391153</c:v>
                </c:pt>
                <c:pt idx="7891">
                  <c:v>0.18883468571306197</c:v>
                </c:pt>
                <c:pt idx="7892">
                  <c:v>0.15821284478661946</c:v>
                </c:pt>
                <c:pt idx="7893">
                  <c:v>0.13779828416899115</c:v>
                </c:pt>
                <c:pt idx="7894">
                  <c:v>0.13779828416899115</c:v>
                </c:pt>
                <c:pt idx="7895">
                  <c:v>0.13779828416899115</c:v>
                </c:pt>
                <c:pt idx="7896">
                  <c:v>8.4613500998723265E-2</c:v>
                </c:pt>
                <c:pt idx="7897">
                  <c:v>8.4613500998723265E-2</c:v>
                </c:pt>
                <c:pt idx="7898">
                  <c:v>8.4613500998723265E-2</c:v>
                </c:pt>
                <c:pt idx="7899">
                  <c:v>8.4613500998723265E-2</c:v>
                </c:pt>
                <c:pt idx="7900">
                  <c:v>8.4613500998723265E-2</c:v>
                </c:pt>
                <c:pt idx="7901">
                  <c:v>0.36665850432780084</c:v>
                </c:pt>
                <c:pt idx="7902">
                  <c:v>0.41601637991038937</c:v>
                </c:pt>
                <c:pt idx="7903">
                  <c:v>0.41601637991038937</c:v>
                </c:pt>
                <c:pt idx="7904">
                  <c:v>0.41601637991038937</c:v>
                </c:pt>
                <c:pt idx="7905">
                  <c:v>0.44422088024329714</c:v>
                </c:pt>
                <c:pt idx="7906">
                  <c:v>0.44422088024329714</c:v>
                </c:pt>
                <c:pt idx="7907">
                  <c:v>0.56409000665815512</c:v>
                </c:pt>
                <c:pt idx="7908">
                  <c:v>0.56409000665815512</c:v>
                </c:pt>
                <c:pt idx="7909">
                  <c:v>0.37370962941102781</c:v>
                </c:pt>
                <c:pt idx="7910">
                  <c:v>0.56409000665815512</c:v>
                </c:pt>
                <c:pt idx="7911">
                  <c:v>0.56409000665815512</c:v>
                </c:pt>
                <c:pt idx="7912">
                  <c:v>0.56409000665815512</c:v>
                </c:pt>
                <c:pt idx="7913">
                  <c:v>0.56409000665815512</c:v>
                </c:pt>
                <c:pt idx="7914">
                  <c:v>0.56409000665815512</c:v>
                </c:pt>
                <c:pt idx="7915">
                  <c:v>0.47242538057620487</c:v>
                </c:pt>
                <c:pt idx="7916">
                  <c:v>0.38781187957748164</c:v>
                </c:pt>
                <c:pt idx="7917">
                  <c:v>0.28204500332907756</c:v>
                </c:pt>
                <c:pt idx="7918">
                  <c:v>0.26794275316262367</c:v>
                </c:pt>
                <c:pt idx="7919">
                  <c:v>0.26794275316262367</c:v>
                </c:pt>
                <c:pt idx="7920">
                  <c:v>0.25585077451222965</c:v>
                </c:pt>
                <c:pt idx="7921">
                  <c:v>0.25585077451222965</c:v>
                </c:pt>
                <c:pt idx="7922">
                  <c:v>0.25585077451222965</c:v>
                </c:pt>
                <c:pt idx="7923">
                  <c:v>0.25585077451222965</c:v>
                </c:pt>
                <c:pt idx="7924">
                  <c:v>0.25585077451222965</c:v>
                </c:pt>
                <c:pt idx="7925">
                  <c:v>0.33260600686589847</c:v>
                </c:pt>
                <c:pt idx="7926">
                  <c:v>0.37098362304273291</c:v>
                </c:pt>
                <c:pt idx="7927">
                  <c:v>0.3837761617683445</c:v>
                </c:pt>
                <c:pt idx="7928">
                  <c:v>0.3837761617683445</c:v>
                </c:pt>
                <c:pt idx="7929">
                  <c:v>0.41575750858237315</c:v>
                </c:pt>
                <c:pt idx="7930">
                  <c:v>0.43494631667079037</c:v>
                </c:pt>
                <c:pt idx="7931">
                  <c:v>0.5117015490244593</c:v>
                </c:pt>
                <c:pt idx="7932">
                  <c:v>0.5117015490244593</c:v>
                </c:pt>
                <c:pt idx="7933">
                  <c:v>0.5117015490244593</c:v>
                </c:pt>
                <c:pt idx="7934">
                  <c:v>0.5117015490244593</c:v>
                </c:pt>
                <c:pt idx="7935">
                  <c:v>0.5117015490244593</c:v>
                </c:pt>
                <c:pt idx="7936">
                  <c:v>0.5117015490244593</c:v>
                </c:pt>
                <c:pt idx="7937">
                  <c:v>0.5117015490244593</c:v>
                </c:pt>
                <c:pt idx="7938">
                  <c:v>0.5117015490244593</c:v>
                </c:pt>
                <c:pt idx="7939">
                  <c:v>0.42855004730798463</c:v>
                </c:pt>
                <c:pt idx="7940">
                  <c:v>0.35179481495431575</c:v>
                </c:pt>
                <c:pt idx="7941">
                  <c:v>0.25585077451222965</c:v>
                </c:pt>
                <c:pt idx="7942">
                  <c:v>0.25585077451222965</c:v>
                </c:pt>
                <c:pt idx="7943">
                  <c:v>0.25585077451222965</c:v>
                </c:pt>
                <c:pt idx="7944">
                  <c:v>0.23345643827312659</c:v>
                </c:pt>
                <c:pt idx="7945">
                  <c:v>0.26263849305726733</c:v>
                </c:pt>
                <c:pt idx="7946">
                  <c:v>0.26263849305726733</c:v>
                </c:pt>
                <c:pt idx="7947">
                  <c:v>0.26263849305726733</c:v>
                </c:pt>
                <c:pt idx="7948">
                  <c:v>0.26263849305726733</c:v>
                </c:pt>
                <c:pt idx="7949">
                  <c:v>0.33851183549603353</c:v>
                </c:pt>
                <c:pt idx="7950">
                  <c:v>0.39103953410748699</c:v>
                </c:pt>
                <c:pt idx="7951">
                  <c:v>0.39103953410748699</c:v>
                </c:pt>
                <c:pt idx="7952">
                  <c:v>0.39103953410748699</c:v>
                </c:pt>
                <c:pt idx="7953">
                  <c:v>0.42022158889162781</c:v>
                </c:pt>
                <c:pt idx="7954">
                  <c:v>0.45524005463259676</c:v>
                </c:pt>
                <c:pt idx="7955">
                  <c:v>0.52527698611453466</c:v>
                </c:pt>
                <c:pt idx="7956">
                  <c:v>0.52527698611453466</c:v>
                </c:pt>
                <c:pt idx="7957">
                  <c:v>0.52527698611453466</c:v>
                </c:pt>
                <c:pt idx="7958">
                  <c:v>0.52527698611453466</c:v>
                </c:pt>
                <c:pt idx="7959">
                  <c:v>0.52527698611453466</c:v>
                </c:pt>
                <c:pt idx="7960">
                  <c:v>0.52527698611453466</c:v>
                </c:pt>
                <c:pt idx="7961">
                  <c:v>0.52527698611453466</c:v>
                </c:pt>
                <c:pt idx="7962">
                  <c:v>0.52527698611453466</c:v>
                </c:pt>
                <c:pt idx="7963">
                  <c:v>0.43773082176211231</c:v>
                </c:pt>
                <c:pt idx="7964">
                  <c:v>0.35018465740968985</c:v>
                </c:pt>
                <c:pt idx="7965">
                  <c:v>0.26263849305726733</c:v>
                </c:pt>
                <c:pt idx="7966">
                  <c:v>0.26263849305726733</c:v>
                </c:pt>
                <c:pt idx="7967">
                  <c:v>0.26263849305726733</c:v>
                </c:pt>
                <c:pt idx="7968">
                  <c:v>0.2510569938507119</c:v>
                </c:pt>
                <c:pt idx="7969">
                  <c:v>0.2510569938507119</c:v>
                </c:pt>
                <c:pt idx="7970">
                  <c:v>0.2510569938507119</c:v>
                </c:pt>
                <c:pt idx="7971">
                  <c:v>0.2510569938507119</c:v>
                </c:pt>
                <c:pt idx="7972">
                  <c:v>0.2510569938507119</c:v>
                </c:pt>
                <c:pt idx="7973">
                  <c:v>0.32358456985202871</c:v>
                </c:pt>
                <c:pt idx="7974">
                  <c:v>0.37379596862217124</c:v>
                </c:pt>
                <c:pt idx="7975">
                  <c:v>0.37379596862217124</c:v>
                </c:pt>
                <c:pt idx="7976">
                  <c:v>0.37379596862217124</c:v>
                </c:pt>
                <c:pt idx="7977">
                  <c:v>0.40169119016113908</c:v>
                </c:pt>
                <c:pt idx="7978">
                  <c:v>0.43516545600790069</c:v>
                </c:pt>
                <c:pt idx="7979">
                  <c:v>0.50211398770142379</c:v>
                </c:pt>
                <c:pt idx="7980">
                  <c:v>0.50211398770142379</c:v>
                </c:pt>
                <c:pt idx="7981">
                  <c:v>0.50211398770142379</c:v>
                </c:pt>
                <c:pt idx="7982">
                  <c:v>0.50211398770142379</c:v>
                </c:pt>
                <c:pt idx="7983">
                  <c:v>0.50211398770142379</c:v>
                </c:pt>
                <c:pt idx="7984">
                  <c:v>0.50211398770142379</c:v>
                </c:pt>
                <c:pt idx="7985">
                  <c:v>0.50211398770142379</c:v>
                </c:pt>
                <c:pt idx="7986">
                  <c:v>0.50211398770142379</c:v>
                </c:pt>
                <c:pt idx="7987">
                  <c:v>0.41842832308451988</c:v>
                </c:pt>
                <c:pt idx="7988">
                  <c:v>0.33474265846761592</c:v>
                </c:pt>
                <c:pt idx="7989">
                  <c:v>0.2510569938507119</c:v>
                </c:pt>
                <c:pt idx="7990">
                  <c:v>0.2510569938507119</c:v>
                </c:pt>
                <c:pt idx="7991">
                  <c:v>0.2510569938507119</c:v>
                </c:pt>
                <c:pt idx="7992">
                  <c:v>0.28193142993743336</c:v>
                </c:pt>
                <c:pt idx="7993">
                  <c:v>0.28193142993743336</c:v>
                </c:pt>
                <c:pt idx="7994">
                  <c:v>0.28193142993743336</c:v>
                </c:pt>
                <c:pt idx="7995">
                  <c:v>0.28193142993743336</c:v>
                </c:pt>
                <c:pt idx="7996">
                  <c:v>0.28193142993743336</c:v>
                </c:pt>
                <c:pt idx="7997">
                  <c:v>0.36337828747491413</c:v>
                </c:pt>
                <c:pt idx="7998">
                  <c:v>0.43856000212489638</c:v>
                </c:pt>
                <c:pt idx="7999">
                  <c:v>0.43856000212489638</c:v>
                </c:pt>
                <c:pt idx="8000">
                  <c:v>0.43856000212489638</c:v>
                </c:pt>
                <c:pt idx="8001">
                  <c:v>0.46988571656238892</c:v>
                </c:pt>
                <c:pt idx="8002">
                  <c:v>0.48868114522488448</c:v>
                </c:pt>
                <c:pt idx="8003">
                  <c:v>0.56386285987486673</c:v>
                </c:pt>
                <c:pt idx="8004">
                  <c:v>0.56386285987486673</c:v>
                </c:pt>
                <c:pt idx="8005">
                  <c:v>0.56386285987486673</c:v>
                </c:pt>
                <c:pt idx="8006">
                  <c:v>0.56386285987486673</c:v>
                </c:pt>
                <c:pt idx="8007">
                  <c:v>0.46988571656238892</c:v>
                </c:pt>
                <c:pt idx="8008">
                  <c:v>0.4448251450123949</c:v>
                </c:pt>
                <c:pt idx="8009">
                  <c:v>0.4448251450123949</c:v>
                </c:pt>
                <c:pt idx="8010">
                  <c:v>0.4448251450123949</c:v>
                </c:pt>
                <c:pt idx="8011">
                  <c:v>0.4448251450123949</c:v>
                </c:pt>
                <c:pt idx="8012">
                  <c:v>0.34458285881241851</c:v>
                </c:pt>
                <c:pt idx="8013">
                  <c:v>0.1315680006374689</c:v>
                </c:pt>
                <c:pt idx="8014">
                  <c:v>0.1315680006374689</c:v>
                </c:pt>
                <c:pt idx="8015">
                  <c:v>0.1315680006374689</c:v>
                </c:pt>
                <c:pt idx="8016">
                  <c:v>0.10850103361413144</c:v>
                </c:pt>
                <c:pt idx="8017">
                  <c:v>0.21183535134187567</c:v>
                </c:pt>
                <c:pt idx="8018">
                  <c:v>0.21183535134187567</c:v>
                </c:pt>
                <c:pt idx="8019">
                  <c:v>0.21183535134187567</c:v>
                </c:pt>
                <c:pt idx="8020">
                  <c:v>0.21183535134187567</c:v>
                </c:pt>
                <c:pt idx="8021">
                  <c:v>0.26350251020574783</c:v>
                </c:pt>
                <c:pt idx="8022">
                  <c:v>0.33066981672878154</c:v>
                </c:pt>
                <c:pt idx="8023">
                  <c:v>0.37717025970626644</c:v>
                </c:pt>
                <c:pt idx="8024">
                  <c:v>0.37717025970626644</c:v>
                </c:pt>
                <c:pt idx="8025">
                  <c:v>0.37717025970626644</c:v>
                </c:pt>
                <c:pt idx="8026">
                  <c:v>0.37717025970626644</c:v>
                </c:pt>
                <c:pt idx="8027">
                  <c:v>0.37717025970626644</c:v>
                </c:pt>
                <c:pt idx="8028">
                  <c:v>0.37717025970626644</c:v>
                </c:pt>
                <c:pt idx="8029">
                  <c:v>0.37717025970626644</c:v>
                </c:pt>
                <c:pt idx="8030">
                  <c:v>0.37717025970626644</c:v>
                </c:pt>
                <c:pt idx="8031">
                  <c:v>0.34100324850155594</c:v>
                </c:pt>
                <c:pt idx="8032">
                  <c:v>0.31000295318323262</c:v>
                </c:pt>
                <c:pt idx="8033">
                  <c:v>0.27900265786490946</c:v>
                </c:pt>
                <c:pt idx="8034">
                  <c:v>0.26866922609213501</c:v>
                </c:pt>
                <c:pt idx="8035">
                  <c:v>0.21700206722826287</c:v>
                </c:pt>
                <c:pt idx="8036">
                  <c:v>0.16016819247800357</c:v>
                </c:pt>
                <c:pt idx="8037">
                  <c:v>0.16016819247800357</c:v>
                </c:pt>
                <c:pt idx="8038">
                  <c:v>0.16016819247800357</c:v>
                </c:pt>
                <c:pt idx="8039">
                  <c:v>0.16016819247800357</c:v>
                </c:pt>
                <c:pt idx="8040">
                  <c:v>0.18884149277768392</c:v>
                </c:pt>
                <c:pt idx="8041">
                  <c:v>0.21929979806440714</c:v>
                </c:pt>
                <c:pt idx="8042">
                  <c:v>0.21929979806440714</c:v>
                </c:pt>
                <c:pt idx="8043">
                  <c:v>0.21929979806440714</c:v>
                </c:pt>
                <c:pt idx="8044">
                  <c:v>0.21929979806440714</c:v>
                </c:pt>
                <c:pt idx="8045">
                  <c:v>0.27412474758050892</c:v>
                </c:pt>
                <c:pt idx="8046">
                  <c:v>0.32285803603926605</c:v>
                </c:pt>
                <c:pt idx="8047">
                  <c:v>0.38377464661271249</c:v>
                </c:pt>
                <c:pt idx="8048">
                  <c:v>0.38377464661271249</c:v>
                </c:pt>
                <c:pt idx="8049">
                  <c:v>0.38377464661271249</c:v>
                </c:pt>
                <c:pt idx="8050">
                  <c:v>0.38377464661271249</c:v>
                </c:pt>
                <c:pt idx="8051">
                  <c:v>0.38377464661271249</c:v>
                </c:pt>
                <c:pt idx="8052">
                  <c:v>0.38377464661271249</c:v>
                </c:pt>
                <c:pt idx="8053">
                  <c:v>0.38377464661271249</c:v>
                </c:pt>
                <c:pt idx="8054">
                  <c:v>0.38377464661271249</c:v>
                </c:pt>
                <c:pt idx="8055">
                  <c:v>0.34113301921129996</c:v>
                </c:pt>
                <c:pt idx="8056">
                  <c:v>0.3350413581539553</c:v>
                </c:pt>
                <c:pt idx="8057">
                  <c:v>0.28630806969519823</c:v>
                </c:pt>
                <c:pt idx="8058">
                  <c:v>0.26803308652316427</c:v>
                </c:pt>
                <c:pt idx="8059">
                  <c:v>0.22539145912175176</c:v>
                </c:pt>
                <c:pt idx="8060">
                  <c:v>0.18884149277768392</c:v>
                </c:pt>
                <c:pt idx="8061">
                  <c:v>0.16447484854830535</c:v>
                </c:pt>
                <c:pt idx="8062">
                  <c:v>0.16447484854830535</c:v>
                </c:pt>
                <c:pt idx="8063">
                  <c:v>0.16447484854830535</c:v>
                </c:pt>
                <c:pt idx="8064">
                  <c:v>8.9680556941528836E-2</c:v>
                </c:pt>
                <c:pt idx="8065">
                  <c:v>8.9680556941528836E-2</c:v>
                </c:pt>
                <c:pt idx="8066">
                  <c:v>8.9680556941528836E-2</c:v>
                </c:pt>
                <c:pt idx="8067">
                  <c:v>8.9680556941528836E-2</c:v>
                </c:pt>
                <c:pt idx="8068">
                  <c:v>8.9680556941528836E-2</c:v>
                </c:pt>
                <c:pt idx="8069">
                  <c:v>0.38861574674662508</c:v>
                </c:pt>
                <c:pt idx="8070">
                  <c:v>0.44092940496251681</c:v>
                </c:pt>
                <c:pt idx="8071">
                  <c:v>0.44092940496251681</c:v>
                </c:pt>
                <c:pt idx="8072">
                  <c:v>0.44092940496251681</c:v>
                </c:pt>
                <c:pt idx="8073">
                  <c:v>0.47082292394302644</c:v>
                </c:pt>
                <c:pt idx="8074">
                  <c:v>0.47082292394302644</c:v>
                </c:pt>
                <c:pt idx="8075">
                  <c:v>0.59787037961019229</c:v>
                </c:pt>
                <c:pt idx="8076">
                  <c:v>0.59787037961019229</c:v>
                </c:pt>
                <c:pt idx="8077">
                  <c:v>0.39608912649175249</c:v>
                </c:pt>
                <c:pt idx="8078">
                  <c:v>0.59787037961019229</c:v>
                </c:pt>
                <c:pt idx="8079">
                  <c:v>0.59787037961019229</c:v>
                </c:pt>
                <c:pt idx="8080">
                  <c:v>0.59787037961019229</c:v>
                </c:pt>
                <c:pt idx="8081">
                  <c:v>0.59787037961019229</c:v>
                </c:pt>
                <c:pt idx="8082">
                  <c:v>0.59787037961019229</c:v>
                </c:pt>
                <c:pt idx="8083">
                  <c:v>0.50071644292353612</c:v>
                </c:pt>
                <c:pt idx="8084">
                  <c:v>0.41103588598200719</c:v>
                </c:pt>
                <c:pt idx="8085">
                  <c:v>0.29893518980509615</c:v>
                </c:pt>
                <c:pt idx="8086">
                  <c:v>0.28398843031484133</c:v>
                </c:pt>
                <c:pt idx="8087">
                  <c:v>0.28398843031484133</c:v>
                </c:pt>
                <c:pt idx="8088">
                  <c:v>0.26257709602171053</c:v>
                </c:pt>
                <c:pt idx="8089">
                  <c:v>0.26257709602171053</c:v>
                </c:pt>
                <c:pt idx="8090">
                  <c:v>0.26257709602171053</c:v>
                </c:pt>
                <c:pt idx="8091">
                  <c:v>0.26257709602171053</c:v>
                </c:pt>
                <c:pt idx="8092">
                  <c:v>0.26257709602171053</c:v>
                </c:pt>
                <c:pt idx="8093">
                  <c:v>0.34135022482822369</c:v>
                </c:pt>
                <c:pt idx="8094">
                  <c:v>0.38073678923148024</c:v>
                </c:pt>
                <c:pt idx="8095">
                  <c:v>0.39386564403256574</c:v>
                </c:pt>
                <c:pt idx="8096">
                  <c:v>0.39386564403256574</c:v>
                </c:pt>
                <c:pt idx="8097">
                  <c:v>0.4266877810352796</c:v>
                </c:pt>
                <c:pt idx="8098">
                  <c:v>0.44638106323690785</c:v>
                </c:pt>
                <c:pt idx="8099">
                  <c:v>0.52515419204342106</c:v>
                </c:pt>
                <c:pt idx="8100">
                  <c:v>0.52515419204342106</c:v>
                </c:pt>
                <c:pt idx="8101">
                  <c:v>0.52515419204342106</c:v>
                </c:pt>
                <c:pt idx="8102">
                  <c:v>0.52515419204342106</c:v>
                </c:pt>
                <c:pt idx="8103">
                  <c:v>0.52515419204342106</c:v>
                </c:pt>
                <c:pt idx="8104">
                  <c:v>0.52515419204342106</c:v>
                </c:pt>
                <c:pt idx="8105">
                  <c:v>0.52515419204342106</c:v>
                </c:pt>
                <c:pt idx="8106">
                  <c:v>0.52515419204342106</c:v>
                </c:pt>
                <c:pt idx="8107">
                  <c:v>0.43981663583636527</c:v>
                </c:pt>
                <c:pt idx="8108">
                  <c:v>0.361043507029852</c:v>
                </c:pt>
                <c:pt idx="8109">
                  <c:v>0.26257709602171053</c:v>
                </c:pt>
                <c:pt idx="8110">
                  <c:v>0.26257709602171053</c:v>
                </c:pt>
                <c:pt idx="8111">
                  <c:v>0.26257709602171053</c:v>
                </c:pt>
                <c:pt idx="8112">
                  <c:v>0.22505165234744426</c:v>
                </c:pt>
                <c:pt idx="8113">
                  <c:v>0.2531831088908747</c:v>
                </c:pt>
                <c:pt idx="8114">
                  <c:v>0.2531831088908747</c:v>
                </c:pt>
                <c:pt idx="8115">
                  <c:v>0.2531831088908747</c:v>
                </c:pt>
                <c:pt idx="8116">
                  <c:v>0.2531831088908747</c:v>
                </c:pt>
                <c:pt idx="8117">
                  <c:v>0.32632489590379415</c:v>
                </c:pt>
                <c:pt idx="8118">
                  <c:v>0.37696151768196912</c:v>
                </c:pt>
                <c:pt idx="8119">
                  <c:v>0.37696151768196912</c:v>
                </c:pt>
                <c:pt idx="8120">
                  <c:v>0.37696151768196912</c:v>
                </c:pt>
                <c:pt idx="8121">
                  <c:v>0.40509297422539958</c:v>
                </c:pt>
                <c:pt idx="8122">
                  <c:v>0.43885072207751624</c:v>
                </c:pt>
                <c:pt idx="8123">
                  <c:v>0.50636621778174939</c:v>
                </c:pt>
                <c:pt idx="8124">
                  <c:v>0.50636621778174939</c:v>
                </c:pt>
                <c:pt idx="8125">
                  <c:v>0.50636621778174939</c:v>
                </c:pt>
                <c:pt idx="8126">
                  <c:v>0.50636621778174939</c:v>
                </c:pt>
                <c:pt idx="8127">
                  <c:v>0.50636621778174939</c:v>
                </c:pt>
                <c:pt idx="8128">
                  <c:v>0.50636621778174939</c:v>
                </c:pt>
                <c:pt idx="8129">
                  <c:v>0.50636621778174939</c:v>
                </c:pt>
                <c:pt idx="8130">
                  <c:v>0.50636621778174939</c:v>
                </c:pt>
                <c:pt idx="8131">
                  <c:v>0.42197184815145788</c:v>
                </c:pt>
                <c:pt idx="8132">
                  <c:v>0.33757747852116632</c:v>
                </c:pt>
                <c:pt idx="8133">
                  <c:v>0.2531831088908747</c:v>
                </c:pt>
                <c:pt idx="8134">
                  <c:v>0.2531831088908747</c:v>
                </c:pt>
                <c:pt idx="8135">
                  <c:v>0.2531831088908747</c:v>
                </c:pt>
                <c:pt idx="8136">
                  <c:v>0.25139364644935264</c:v>
                </c:pt>
                <c:pt idx="8137">
                  <c:v>0.25139364644935264</c:v>
                </c:pt>
                <c:pt idx="8138">
                  <c:v>0.25139364644935264</c:v>
                </c:pt>
                <c:pt idx="8139">
                  <c:v>0.25139364644935264</c:v>
                </c:pt>
                <c:pt idx="8140">
                  <c:v>0.25139364644935264</c:v>
                </c:pt>
                <c:pt idx="8141">
                  <c:v>0.3240184776458323</c:v>
                </c:pt>
                <c:pt idx="8142">
                  <c:v>0.3742972069357029</c:v>
                </c:pt>
                <c:pt idx="8143">
                  <c:v>0.3742972069357029</c:v>
                </c:pt>
                <c:pt idx="8144">
                  <c:v>0.3742972069357029</c:v>
                </c:pt>
                <c:pt idx="8145">
                  <c:v>0.40222983431896425</c:v>
                </c:pt>
                <c:pt idx="8146">
                  <c:v>0.43574898717887794</c:v>
                </c:pt>
                <c:pt idx="8147">
                  <c:v>0.50278729289870527</c:v>
                </c:pt>
                <c:pt idx="8148">
                  <c:v>0.50278729289870527</c:v>
                </c:pt>
                <c:pt idx="8149">
                  <c:v>0.50278729289870527</c:v>
                </c:pt>
                <c:pt idx="8150">
                  <c:v>0.50278729289870527</c:v>
                </c:pt>
                <c:pt idx="8151">
                  <c:v>0.50278729289870527</c:v>
                </c:pt>
                <c:pt idx="8152">
                  <c:v>0.50278729289870527</c:v>
                </c:pt>
                <c:pt idx="8153">
                  <c:v>0.50278729289870527</c:v>
                </c:pt>
                <c:pt idx="8154">
                  <c:v>0.50278729289870527</c:v>
                </c:pt>
                <c:pt idx="8155">
                  <c:v>0.41898941074892099</c:v>
                </c:pt>
                <c:pt idx="8156">
                  <c:v>0.33519152859913687</c:v>
                </c:pt>
                <c:pt idx="8157">
                  <c:v>0.25139364644935264</c:v>
                </c:pt>
                <c:pt idx="8158">
                  <c:v>0.25139364644935264</c:v>
                </c:pt>
                <c:pt idx="8159">
                  <c:v>0.25139364644935264</c:v>
                </c:pt>
                <c:pt idx="8160">
                  <c:v>0.28377473344448823</c:v>
                </c:pt>
                <c:pt idx="8161">
                  <c:v>0.28377473344448823</c:v>
                </c:pt>
                <c:pt idx="8162">
                  <c:v>0.28377473344448823</c:v>
                </c:pt>
                <c:pt idx="8163">
                  <c:v>0.28377473344448823</c:v>
                </c:pt>
                <c:pt idx="8164">
                  <c:v>0.28377473344448823</c:v>
                </c:pt>
                <c:pt idx="8165">
                  <c:v>0.36575410088400712</c:v>
                </c:pt>
                <c:pt idx="8166">
                  <c:v>0.44142736313587061</c:v>
                </c:pt>
                <c:pt idx="8167">
                  <c:v>0.44142736313587061</c:v>
                </c:pt>
                <c:pt idx="8168">
                  <c:v>0.44142736313587061</c:v>
                </c:pt>
                <c:pt idx="8169">
                  <c:v>0.47295788907414704</c:v>
                </c:pt>
                <c:pt idx="8170">
                  <c:v>0.49187620463711301</c:v>
                </c:pt>
                <c:pt idx="8171">
                  <c:v>0.56754946688897645</c:v>
                </c:pt>
                <c:pt idx="8172">
                  <c:v>0.56754946688897645</c:v>
                </c:pt>
                <c:pt idx="8173">
                  <c:v>0.56754946688897645</c:v>
                </c:pt>
                <c:pt idx="8174">
                  <c:v>0.56754946688897645</c:v>
                </c:pt>
                <c:pt idx="8175">
                  <c:v>0.47295788907414704</c:v>
                </c:pt>
                <c:pt idx="8176">
                  <c:v>0.44773346832352601</c:v>
                </c:pt>
                <c:pt idx="8177">
                  <c:v>0.44773346832352601</c:v>
                </c:pt>
                <c:pt idx="8178">
                  <c:v>0.44773346832352601</c:v>
                </c:pt>
                <c:pt idx="8179">
                  <c:v>0.44773346832352601</c:v>
                </c:pt>
                <c:pt idx="8180">
                  <c:v>0.3468357853210412</c:v>
                </c:pt>
                <c:pt idx="8181">
                  <c:v>0.13242820894076118</c:v>
                </c:pt>
                <c:pt idx="8182">
                  <c:v>0.13242820894076118</c:v>
                </c:pt>
                <c:pt idx="8183">
                  <c:v>0.13242820894076118</c:v>
                </c:pt>
                <c:pt idx="8184">
                  <c:v>0.11081926050651533</c:v>
                </c:pt>
                <c:pt idx="8185">
                  <c:v>0.21636141336986334</c:v>
                </c:pt>
                <c:pt idx="8186">
                  <c:v>0.21636141336986334</c:v>
                </c:pt>
                <c:pt idx="8187">
                  <c:v>0.21636141336986334</c:v>
                </c:pt>
                <c:pt idx="8188">
                  <c:v>0.21636141336986334</c:v>
                </c:pt>
                <c:pt idx="8189">
                  <c:v>0.26913248980153726</c:v>
                </c:pt>
                <c:pt idx="8190">
                  <c:v>0.33773488916271344</c:v>
                </c:pt>
                <c:pt idx="8191">
                  <c:v>0.38522885795122003</c:v>
                </c:pt>
                <c:pt idx="8192">
                  <c:v>0.38522885795122003</c:v>
                </c:pt>
                <c:pt idx="8193">
                  <c:v>0.38522885795122003</c:v>
                </c:pt>
                <c:pt idx="8194">
                  <c:v>0.38522885795122003</c:v>
                </c:pt>
                <c:pt idx="8195">
                  <c:v>0.38522885795122003</c:v>
                </c:pt>
                <c:pt idx="8196">
                  <c:v>0.38522885795122003</c:v>
                </c:pt>
                <c:pt idx="8197">
                  <c:v>0.38522885795122003</c:v>
                </c:pt>
                <c:pt idx="8198">
                  <c:v>0.38522885795122003</c:v>
                </c:pt>
                <c:pt idx="8199">
                  <c:v>0.3482891044490482</c:v>
                </c:pt>
                <c:pt idx="8200">
                  <c:v>0.31662645859004385</c:v>
                </c:pt>
                <c:pt idx="8201">
                  <c:v>0.28496381273103949</c:v>
                </c:pt>
                <c:pt idx="8202">
                  <c:v>0.27440959744470467</c:v>
                </c:pt>
                <c:pt idx="8203">
                  <c:v>0.22163852101303066</c:v>
                </c:pt>
                <c:pt idx="8204">
                  <c:v>0.16359033693818931</c:v>
                </c:pt>
                <c:pt idx="8205">
                  <c:v>0.16359033693818931</c:v>
                </c:pt>
                <c:pt idx="8206">
                  <c:v>0.16359033693818931</c:v>
                </c:pt>
                <c:pt idx="8207">
                  <c:v>0.16359033693818931</c:v>
                </c:pt>
                <c:pt idx="8208">
                  <c:v>0.15869901380235063</c:v>
                </c:pt>
                <c:pt idx="8209">
                  <c:v>0.18429562893176199</c:v>
                </c:pt>
                <c:pt idx="8210">
                  <c:v>0.18429562893176199</c:v>
                </c:pt>
                <c:pt idx="8211">
                  <c:v>0.18429562893176199</c:v>
                </c:pt>
                <c:pt idx="8212">
                  <c:v>0.18429562893176199</c:v>
                </c:pt>
                <c:pt idx="8213">
                  <c:v>0.23036953616470252</c:v>
                </c:pt>
                <c:pt idx="8214">
                  <c:v>0.27132412037176079</c:v>
                </c:pt>
                <c:pt idx="8215">
                  <c:v>0.32251735063058351</c:v>
                </c:pt>
                <c:pt idx="8216">
                  <c:v>0.32251735063058351</c:v>
                </c:pt>
                <c:pt idx="8217">
                  <c:v>0.32251735063058351</c:v>
                </c:pt>
                <c:pt idx="8218">
                  <c:v>0.32251735063058351</c:v>
                </c:pt>
                <c:pt idx="8219">
                  <c:v>0.32251735063058351</c:v>
                </c:pt>
                <c:pt idx="8220">
                  <c:v>0.32251735063058351</c:v>
                </c:pt>
                <c:pt idx="8221">
                  <c:v>0.32251735063058351</c:v>
                </c:pt>
                <c:pt idx="8222">
                  <c:v>0.32251735063058351</c:v>
                </c:pt>
                <c:pt idx="8223">
                  <c:v>0.28668208944940754</c:v>
                </c:pt>
                <c:pt idx="8224">
                  <c:v>0.28156276642352523</c:v>
                </c:pt>
                <c:pt idx="8225">
                  <c:v>0.2406081822164671</c:v>
                </c:pt>
                <c:pt idx="8226">
                  <c:v>0.22525021313882029</c:v>
                </c:pt>
                <c:pt idx="8227">
                  <c:v>0.18941495195764432</c:v>
                </c:pt>
                <c:pt idx="8228">
                  <c:v>0.15869901380235063</c:v>
                </c:pt>
                <c:pt idx="8229">
                  <c:v>0.13822172169882149</c:v>
                </c:pt>
                <c:pt idx="8230">
                  <c:v>0.13822172169882149</c:v>
                </c:pt>
                <c:pt idx="8231">
                  <c:v>0.13822172169882149</c:v>
                </c:pt>
                <c:pt idx="8232">
                  <c:v>8.2195133389656935E-2</c:v>
                </c:pt>
                <c:pt idx="8233">
                  <c:v>8.2195133389656935E-2</c:v>
                </c:pt>
                <c:pt idx="8234">
                  <c:v>8.2195133389656935E-2</c:v>
                </c:pt>
                <c:pt idx="8235">
                  <c:v>8.2195133389656935E-2</c:v>
                </c:pt>
                <c:pt idx="8236">
                  <c:v>8.2195133389656935E-2</c:v>
                </c:pt>
                <c:pt idx="8237">
                  <c:v>0.35617891135518009</c:v>
                </c:pt>
                <c:pt idx="8238">
                  <c:v>0.40412607249914662</c:v>
                </c:pt>
                <c:pt idx="8239">
                  <c:v>0.40412607249914662</c:v>
                </c:pt>
                <c:pt idx="8240">
                  <c:v>0.40412607249914662</c:v>
                </c:pt>
                <c:pt idx="8241">
                  <c:v>0.43152445029569897</c:v>
                </c:pt>
                <c:pt idx="8242">
                  <c:v>0.43152445029569897</c:v>
                </c:pt>
                <c:pt idx="8243">
                  <c:v>0.54796755593104629</c:v>
                </c:pt>
                <c:pt idx="8244">
                  <c:v>0.54796755593104629</c:v>
                </c:pt>
                <c:pt idx="8245">
                  <c:v>0.36302850580431817</c:v>
                </c:pt>
                <c:pt idx="8246">
                  <c:v>0.54796755593104629</c:v>
                </c:pt>
                <c:pt idx="8247">
                  <c:v>0.54796755593104629</c:v>
                </c:pt>
                <c:pt idx="8248">
                  <c:v>0.54796755593104629</c:v>
                </c:pt>
                <c:pt idx="8249">
                  <c:v>0.54796755593104629</c:v>
                </c:pt>
                <c:pt idx="8250">
                  <c:v>0.54796755593104629</c:v>
                </c:pt>
                <c:pt idx="8251">
                  <c:v>0.45892282809225132</c:v>
                </c:pt>
                <c:pt idx="8252">
                  <c:v>0.37672769470259437</c:v>
                </c:pt>
                <c:pt idx="8253">
                  <c:v>0.27398377796552315</c:v>
                </c:pt>
                <c:pt idx="8254">
                  <c:v>0.260284589067247</c:v>
                </c:pt>
                <c:pt idx="8255">
                  <c:v>0.260284589067247</c:v>
                </c:pt>
                <c:pt idx="8256">
                  <c:v>0.24609760832348246</c:v>
                </c:pt>
                <c:pt idx="8257">
                  <c:v>0.24609760832348246</c:v>
                </c:pt>
                <c:pt idx="8258">
                  <c:v>0.24609760832348246</c:v>
                </c:pt>
                <c:pt idx="8259">
                  <c:v>0.24609760832348246</c:v>
                </c:pt>
                <c:pt idx="8260">
                  <c:v>0.24609760832348246</c:v>
                </c:pt>
                <c:pt idx="8261">
                  <c:v>0.31992689082052717</c:v>
                </c:pt>
                <c:pt idx="8262">
                  <c:v>0.35684153206904956</c:v>
                </c:pt>
                <c:pt idx="8263">
                  <c:v>0.36914641248522367</c:v>
                </c:pt>
                <c:pt idx="8264">
                  <c:v>0.36914641248522367</c:v>
                </c:pt>
                <c:pt idx="8265">
                  <c:v>0.39990861352565898</c:v>
                </c:pt>
                <c:pt idx="8266">
                  <c:v>0.41836593414992013</c:v>
                </c:pt>
                <c:pt idx="8267">
                  <c:v>0.49219521664696492</c:v>
                </c:pt>
                <c:pt idx="8268">
                  <c:v>0.49219521664696492</c:v>
                </c:pt>
                <c:pt idx="8269">
                  <c:v>0.49219521664696492</c:v>
                </c:pt>
                <c:pt idx="8270">
                  <c:v>0.49219521664696492</c:v>
                </c:pt>
                <c:pt idx="8271">
                  <c:v>0.49219521664696492</c:v>
                </c:pt>
                <c:pt idx="8272">
                  <c:v>0.49219521664696492</c:v>
                </c:pt>
                <c:pt idx="8273">
                  <c:v>0.49219521664696492</c:v>
                </c:pt>
                <c:pt idx="8274">
                  <c:v>0.49219521664696492</c:v>
                </c:pt>
                <c:pt idx="8275">
                  <c:v>0.41221349394183315</c:v>
                </c:pt>
                <c:pt idx="8276">
                  <c:v>0.33838421144478831</c:v>
                </c:pt>
                <c:pt idx="8277">
                  <c:v>0.24609760832348246</c:v>
                </c:pt>
                <c:pt idx="8278">
                  <c:v>0.24609760832348246</c:v>
                </c:pt>
                <c:pt idx="8279">
                  <c:v>0.24609760832348246</c:v>
                </c:pt>
                <c:pt idx="8280">
                  <c:v>0.22775319068069924</c:v>
                </c:pt>
                <c:pt idx="8281">
                  <c:v>0.25622233951578666</c:v>
                </c:pt>
                <c:pt idx="8282">
                  <c:v>0.25622233951578666</c:v>
                </c:pt>
                <c:pt idx="8283">
                  <c:v>0.25622233951578666</c:v>
                </c:pt>
                <c:pt idx="8284">
                  <c:v>0.25622233951578666</c:v>
                </c:pt>
                <c:pt idx="8285">
                  <c:v>0.33024212648701384</c:v>
                </c:pt>
                <c:pt idx="8286">
                  <c:v>0.38148659439017124</c:v>
                </c:pt>
                <c:pt idx="8287">
                  <c:v>0.38148659439017124</c:v>
                </c:pt>
                <c:pt idx="8288">
                  <c:v>0.38148659439017124</c:v>
                </c:pt>
                <c:pt idx="8289">
                  <c:v>0.40995574322525863</c:v>
                </c:pt>
                <c:pt idx="8290">
                  <c:v>0.44411872182736351</c:v>
                </c:pt>
                <c:pt idx="8291">
                  <c:v>0.51244467903157331</c:v>
                </c:pt>
                <c:pt idx="8292">
                  <c:v>0.51244467903157331</c:v>
                </c:pt>
                <c:pt idx="8293">
                  <c:v>0.51244467903157331</c:v>
                </c:pt>
                <c:pt idx="8294">
                  <c:v>0.51244467903157331</c:v>
                </c:pt>
                <c:pt idx="8295">
                  <c:v>0.51244467903157331</c:v>
                </c:pt>
                <c:pt idx="8296">
                  <c:v>0.51244467903157331</c:v>
                </c:pt>
                <c:pt idx="8297">
                  <c:v>0.51244467903157331</c:v>
                </c:pt>
                <c:pt idx="8298">
                  <c:v>0.51244467903157331</c:v>
                </c:pt>
                <c:pt idx="8299">
                  <c:v>0.42703723252631104</c:v>
                </c:pt>
                <c:pt idx="8300">
                  <c:v>0.34162978602104882</c:v>
                </c:pt>
                <c:pt idx="8301">
                  <c:v>0.25622233951578666</c:v>
                </c:pt>
                <c:pt idx="8302">
                  <c:v>0.25622233951578666</c:v>
                </c:pt>
                <c:pt idx="8303">
                  <c:v>0.25622233951578666</c:v>
                </c:pt>
                <c:pt idx="8304">
                  <c:v>0.25947330881672931</c:v>
                </c:pt>
                <c:pt idx="8305">
                  <c:v>0.25947330881672931</c:v>
                </c:pt>
                <c:pt idx="8306">
                  <c:v>0.25947330881672931</c:v>
                </c:pt>
                <c:pt idx="8307">
                  <c:v>0.25947330881672931</c:v>
                </c:pt>
                <c:pt idx="8308">
                  <c:v>0.25947330881672931</c:v>
                </c:pt>
                <c:pt idx="8309">
                  <c:v>0.33443226469711779</c:v>
                </c:pt>
                <c:pt idx="8310">
                  <c:v>0.38632692646046368</c:v>
                </c:pt>
                <c:pt idx="8311">
                  <c:v>0.38632692646046368</c:v>
                </c:pt>
                <c:pt idx="8312">
                  <c:v>0.38632692646046368</c:v>
                </c:pt>
                <c:pt idx="8313">
                  <c:v>0.41515729410676694</c:v>
                </c:pt>
                <c:pt idx="8314">
                  <c:v>0.44975373528233087</c:v>
                </c:pt>
                <c:pt idx="8315">
                  <c:v>0.51894661763345862</c:v>
                </c:pt>
                <c:pt idx="8316">
                  <c:v>0.51894661763345862</c:v>
                </c:pt>
                <c:pt idx="8317">
                  <c:v>0.51894661763345862</c:v>
                </c:pt>
                <c:pt idx="8318">
                  <c:v>0.51894661763345862</c:v>
                </c:pt>
                <c:pt idx="8319">
                  <c:v>0.51894661763345862</c:v>
                </c:pt>
                <c:pt idx="8320">
                  <c:v>0.51894661763345862</c:v>
                </c:pt>
                <c:pt idx="8321">
                  <c:v>0.51894661763345862</c:v>
                </c:pt>
                <c:pt idx="8322">
                  <c:v>0.51894661763345862</c:v>
                </c:pt>
                <c:pt idx="8323">
                  <c:v>0.43245551469454885</c:v>
                </c:pt>
                <c:pt idx="8324">
                  <c:v>0.34596441175563913</c:v>
                </c:pt>
                <c:pt idx="8325">
                  <c:v>0.25947330881672931</c:v>
                </c:pt>
                <c:pt idx="8326">
                  <c:v>0.25947330881672931</c:v>
                </c:pt>
                <c:pt idx="8327">
                  <c:v>0.25947330881672931</c:v>
                </c:pt>
                <c:pt idx="8328">
                  <c:v>0.2856180369515432</c:v>
                </c:pt>
                <c:pt idx="8329">
                  <c:v>0.2856180369515432</c:v>
                </c:pt>
                <c:pt idx="8330">
                  <c:v>0.2856180369515432</c:v>
                </c:pt>
                <c:pt idx="8331">
                  <c:v>0.2856180369515432</c:v>
                </c:pt>
                <c:pt idx="8332">
                  <c:v>0.2856180369515432</c:v>
                </c:pt>
                <c:pt idx="8333">
                  <c:v>0.3681299142931001</c:v>
                </c:pt>
                <c:pt idx="8334">
                  <c:v>0.44429472414684507</c:v>
                </c:pt>
                <c:pt idx="8335">
                  <c:v>0.44429472414684507</c:v>
                </c:pt>
                <c:pt idx="8336">
                  <c:v>0.44429472414684507</c:v>
                </c:pt>
                <c:pt idx="8337">
                  <c:v>0.47603006158590533</c:v>
                </c:pt>
                <c:pt idx="8338">
                  <c:v>0.49507126404934154</c:v>
                </c:pt>
                <c:pt idx="8339">
                  <c:v>0.57123607390308639</c:v>
                </c:pt>
                <c:pt idx="8340">
                  <c:v>0.57123607390308639</c:v>
                </c:pt>
                <c:pt idx="8341">
                  <c:v>0.57123607390308639</c:v>
                </c:pt>
                <c:pt idx="8342">
                  <c:v>0.57123607390308639</c:v>
                </c:pt>
                <c:pt idx="8343">
                  <c:v>0.47603006158590533</c:v>
                </c:pt>
                <c:pt idx="8344">
                  <c:v>0.45064179163465712</c:v>
                </c:pt>
                <c:pt idx="8345">
                  <c:v>0.45064179163465712</c:v>
                </c:pt>
                <c:pt idx="8346">
                  <c:v>0.45064179163465712</c:v>
                </c:pt>
                <c:pt idx="8347">
                  <c:v>0.45064179163465712</c:v>
                </c:pt>
                <c:pt idx="8348">
                  <c:v>0.34908871182966389</c:v>
                </c:pt>
                <c:pt idx="8349">
                  <c:v>0.13328841724405349</c:v>
                </c:pt>
                <c:pt idx="8350">
                  <c:v>0.13328841724405349</c:v>
                </c:pt>
                <c:pt idx="8351">
                  <c:v>0.13328841724405349</c:v>
                </c:pt>
                <c:pt idx="8352">
                  <c:v>8.9085883390416079E-2</c:v>
                </c:pt>
                <c:pt idx="8353">
                  <c:v>0.17392958185747906</c:v>
                </c:pt>
                <c:pt idx="8354">
                  <c:v>0.17392958185747906</c:v>
                </c:pt>
                <c:pt idx="8355">
                  <c:v>0.17392958185747906</c:v>
                </c:pt>
                <c:pt idx="8356">
                  <c:v>0.17392958185747906</c:v>
                </c:pt>
                <c:pt idx="8357">
                  <c:v>0.21635143109101052</c:v>
                </c:pt>
                <c:pt idx="8358">
                  <c:v>0.2714998350946014</c:v>
                </c:pt>
                <c:pt idx="8359">
                  <c:v>0.30967949940477979</c:v>
                </c:pt>
                <c:pt idx="8360">
                  <c:v>0.30967949940477979</c:v>
                </c:pt>
                <c:pt idx="8361">
                  <c:v>0.30967949940477979</c:v>
                </c:pt>
                <c:pt idx="8362">
                  <c:v>0.30967949940477979</c:v>
                </c:pt>
                <c:pt idx="8363">
                  <c:v>0.30967949940477979</c:v>
                </c:pt>
                <c:pt idx="8364">
                  <c:v>0.30967949940477979</c:v>
                </c:pt>
                <c:pt idx="8365">
                  <c:v>0.30967949940477979</c:v>
                </c:pt>
                <c:pt idx="8366">
                  <c:v>0.30967949940477979</c:v>
                </c:pt>
                <c:pt idx="8367">
                  <c:v>0.27998420494130777</c:v>
                </c:pt>
                <c:pt idx="8368">
                  <c:v>0.25453109540118884</c:v>
                </c:pt>
                <c:pt idx="8369">
                  <c:v>0.22907798586106992</c:v>
                </c:pt>
                <c:pt idx="8370">
                  <c:v>0.22059361601436364</c:v>
                </c:pt>
                <c:pt idx="8371">
                  <c:v>0.17817176678083216</c:v>
                </c:pt>
                <c:pt idx="8372">
                  <c:v>0.13150773262394755</c:v>
                </c:pt>
                <c:pt idx="8373">
                  <c:v>0.13150773262394755</c:v>
                </c:pt>
                <c:pt idx="8374">
                  <c:v>0.13150773262394755</c:v>
                </c:pt>
                <c:pt idx="8375">
                  <c:v>0.13150773262394755</c:v>
                </c:pt>
                <c:pt idx="8376">
                  <c:v>0.12904270384274857</c:v>
                </c:pt>
                <c:pt idx="8377">
                  <c:v>0.14985604317222417</c:v>
                </c:pt>
                <c:pt idx="8378">
                  <c:v>0.14985604317222417</c:v>
                </c:pt>
                <c:pt idx="8379">
                  <c:v>0.14985604317222417</c:v>
                </c:pt>
                <c:pt idx="8380">
                  <c:v>0.14985604317222417</c:v>
                </c:pt>
                <c:pt idx="8381">
                  <c:v>0.18732005396528023</c:v>
                </c:pt>
                <c:pt idx="8382">
                  <c:v>0.22062139689244117</c:v>
                </c:pt>
                <c:pt idx="8383">
                  <c:v>0.26224807555139229</c:v>
                </c:pt>
                <c:pt idx="8384">
                  <c:v>0.26224807555139229</c:v>
                </c:pt>
                <c:pt idx="8385">
                  <c:v>0.26224807555139229</c:v>
                </c:pt>
                <c:pt idx="8386">
                  <c:v>0.26224807555139229</c:v>
                </c:pt>
                <c:pt idx="8387">
                  <c:v>0.26224807555139229</c:v>
                </c:pt>
                <c:pt idx="8388">
                  <c:v>0.26224807555139229</c:v>
                </c:pt>
                <c:pt idx="8389">
                  <c:v>0.26224807555139229</c:v>
                </c:pt>
                <c:pt idx="8390">
                  <c:v>0.26224807555139229</c:v>
                </c:pt>
                <c:pt idx="8391">
                  <c:v>0.23310940049012652</c:v>
                </c:pt>
                <c:pt idx="8392">
                  <c:v>0.22894673262423135</c:v>
                </c:pt>
                <c:pt idx="8393">
                  <c:v>0.19564538969707049</c:v>
                </c:pt>
                <c:pt idx="8394">
                  <c:v>0.18315738609938509</c:v>
                </c:pt>
                <c:pt idx="8395">
                  <c:v>0.15401871103811932</c:v>
                </c:pt>
                <c:pt idx="8396">
                  <c:v>0.12904270384274857</c:v>
                </c:pt>
                <c:pt idx="8397">
                  <c:v>0.11239203237916813</c:v>
                </c:pt>
                <c:pt idx="8398">
                  <c:v>0.11239203237916813</c:v>
                </c:pt>
                <c:pt idx="8399">
                  <c:v>0.11239203237916813</c:v>
                </c:pt>
                <c:pt idx="8400">
                  <c:v>7.758871889619734E-2</c:v>
                </c:pt>
                <c:pt idx="8401">
                  <c:v>7.758871889619734E-2</c:v>
                </c:pt>
                <c:pt idx="8402">
                  <c:v>7.758871889619734E-2</c:v>
                </c:pt>
                <c:pt idx="8403">
                  <c:v>7.758871889619734E-2</c:v>
                </c:pt>
                <c:pt idx="8404">
                  <c:v>7.758871889619734E-2</c:v>
                </c:pt>
                <c:pt idx="8405">
                  <c:v>0.33621778188352186</c:v>
                </c:pt>
                <c:pt idx="8406">
                  <c:v>0.38147786790630361</c:v>
                </c:pt>
                <c:pt idx="8407">
                  <c:v>0.38147786790630361</c:v>
                </c:pt>
                <c:pt idx="8408">
                  <c:v>0.38147786790630361</c:v>
                </c:pt>
                <c:pt idx="8409">
                  <c:v>0.40734077420503612</c:v>
                </c:pt>
                <c:pt idx="8410">
                  <c:v>0.40734077420503612</c:v>
                </c:pt>
                <c:pt idx="8411">
                  <c:v>0.51725812597464893</c:v>
                </c:pt>
                <c:pt idx="8412">
                  <c:v>0.51725812597464893</c:v>
                </c:pt>
                <c:pt idx="8413">
                  <c:v>0.34268350845820489</c:v>
                </c:pt>
                <c:pt idx="8414">
                  <c:v>0.51725812597464893</c:v>
                </c:pt>
                <c:pt idx="8415">
                  <c:v>0.51725812597464893</c:v>
                </c:pt>
                <c:pt idx="8416">
                  <c:v>0.51725812597464893</c:v>
                </c:pt>
                <c:pt idx="8417">
                  <c:v>0.51725812597464893</c:v>
                </c:pt>
                <c:pt idx="8418">
                  <c:v>0.51725812597464893</c:v>
                </c:pt>
                <c:pt idx="8419">
                  <c:v>0.43320368050376851</c:v>
                </c:pt>
                <c:pt idx="8420">
                  <c:v>0.35561496160757117</c:v>
                </c:pt>
                <c:pt idx="8421">
                  <c:v>0.25862906298732447</c:v>
                </c:pt>
                <c:pt idx="8422">
                  <c:v>0.24569760983795824</c:v>
                </c:pt>
                <c:pt idx="8423">
                  <c:v>0.24569760983795824</c:v>
                </c:pt>
                <c:pt idx="8424">
                  <c:v>0.22411880370958542</c:v>
                </c:pt>
                <c:pt idx="8425">
                  <c:v>0.22411880370958542</c:v>
                </c:pt>
                <c:pt idx="8426">
                  <c:v>0.22411880370958542</c:v>
                </c:pt>
                <c:pt idx="8427">
                  <c:v>0.22411880370958542</c:v>
                </c:pt>
                <c:pt idx="8428">
                  <c:v>0.22411880370958542</c:v>
                </c:pt>
                <c:pt idx="8429">
                  <c:v>0.29135444482246109</c:v>
                </c:pt>
                <c:pt idx="8430">
                  <c:v>0.32497226537889884</c:v>
                </c:pt>
                <c:pt idx="8431">
                  <c:v>0.33617820556437811</c:v>
                </c:pt>
                <c:pt idx="8432">
                  <c:v>0.33617820556437811</c:v>
                </c:pt>
                <c:pt idx="8433">
                  <c:v>0.36419305602807633</c:v>
                </c:pt>
                <c:pt idx="8434">
                  <c:v>0.38100196630629524</c:v>
                </c:pt>
                <c:pt idx="8435">
                  <c:v>0.44823760741917085</c:v>
                </c:pt>
                <c:pt idx="8436">
                  <c:v>0.44823760741917085</c:v>
                </c:pt>
                <c:pt idx="8437">
                  <c:v>0.44823760741917085</c:v>
                </c:pt>
                <c:pt idx="8438">
                  <c:v>0.44823760741917085</c:v>
                </c:pt>
                <c:pt idx="8439">
                  <c:v>0.44823760741917085</c:v>
                </c:pt>
                <c:pt idx="8440">
                  <c:v>0.44823760741917085</c:v>
                </c:pt>
                <c:pt idx="8441">
                  <c:v>0.44823760741917085</c:v>
                </c:pt>
                <c:pt idx="8442">
                  <c:v>0.44823760741917085</c:v>
                </c:pt>
                <c:pt idx="8443">
                  <c:v>0.3753989962135556</c:v>
                </c:pt>
                <c:pt idx="8444">
                  <c:v>0.30816335510067999</c:v>
                </c:pt>
                <c:pt idx="8445">
                  <c:v>0.22411880370958542</c:v>
                </c:pt>
                <c:pt idx="8446">
                  <c:v>0.22411880370958542</c:v>
                </c:pt>
                <c:pt idx="8447">
                  <c:v>0.22411880370958542</c:v>
                </c:pt>
                <c:pt idx="8448">
                  <c:v>0.20524037123690722</c:v>
                </c:pt>
                <c:pt idx="8449">
                  <c:v>0.23089541764152061</c:v>
                </c:pt>
                <c:pt idx="8450">
                  <c:v>0.23089541764152061</c:v>
                </c:pt>
                <c:pt idx="8451">
                  <c:v>0.23089541764152061</c:v>
                </c:pt>
                <c:pt idx="8452">
                  <c:v>0.23089541764152061</c:v>
                </c:pt>
                <c:pt idx="8453">
                  <c:v>0.29759853829351546</c:v>
                </c:pt>
                <c:pt idx="8454">
                  <c:v>0.34377762182181959</c:v>
                </c:pt>
                <c:pt idx="8455">
                  <c:v>0.34377762182181959</c:v>
                </c:pt>
                <c:pt idx="8456">
                  <c:v>0.34377762182181959</c:v>
                </c:pt>
                <c:pt idx="8457">
                  <c:v>0.369432668226433</c:v>
                </c:pt>
                <c:pt idx="8458">
                  <c:v>0.40021872391196905</c:v>
                </c:pt>
                <c:pt idx="8459">
                  <c:v>0.46179083528304121</c:v>
                </c:pt>
                <c:pt idx="8460">
                  <c:v>0.46179083528304121</c:v>
                </c:pt>
                <c:pt idx="8461">
                  <c:v>0.46179083528304121</c:v>
                </c:pt>
                <c:pt idx="8462">
                  <c:v>0.46179083528304121</c:v>
                </c:pt>
                <c:pt idx="8463">
                  <c:v>0.46179083528304121</c:v>
                </c:pt>
                <c:pt idx="8464">
                  <c:v>0.46179083528304121</c:v>
                </c:pt>
                <c:pt idx="8465">
                  <c:v>0.46179083528304121</c:v>
                </c:pt>
                <c:pt idx="8466">
                  <c:v>0.46179083528304121</c:v>
                </c:pt>
                <c:pt idx="8467">
                  <c:v>0.38482569606920108</c:v>
                </c:pt>
                <c:pt idx="8468">
                  <c:v>0.30786055685536079</c:v>
                </c:pt>
                <c:pt idx="8469">
                  <c:v>0.23089541764152061</c:v>
                </c:pt>
                <c:pt idx="8470">
                  <c:v>0.23089541764152061</c:v>
                </c:pt>
                <c:pt idx="8471">
                  <c:v>0.23089541764152061</c:v>
                </c:pt>
                <c:pt idx="8472">
                  <c:v>0.24129406849013182</c:v>
                </c:pt>
                <c:pt idx="8473">
                  <c:v>0.24129406849013182</c:v>
                </c:pt>
                <c:pt idx="8474">
                  <c:v>0.24129406849013182</c:v>
                </c:pt>
                <c:pt idx="8475">
                  <c:v>0.24129406849013182</c:v>
                </c:pt>
                <c:pt idx="8476">
                  <c:v>0.24129406849013182</c:v>
                </c:pt>
                <c:pt idx="8477">
                  <c:v>0.31100124383172539</c:v>
                </c:pt>
                <c:pt idx="8478">
                  <c:v>0.35926005752975182</c:v>
                </c:pt>
                <c:pt idx="8479">
                  <c:v>0.35926005752975182</c:v>
                </c:pt>
                <c:pt idx="8480">
                  <c:v>0.35926005752975182</c:v>
                </c:pt>
                <c:pt idx="8481">
                  <c:v>0.38607050958421085</c:v>
                </c:pt>
                <c:pt idx="8482">
                  <c:v>0.41824305204956175</c:v>
                </c:pt>
                <c:pt idx="8483">
                  <c:v>0.48258813698026365</c:v>
                </c:pt>
                <c:pt idx="8484">
                  <c:v>0.48258813698026365</c:v>
                </c:pt>
                <c:pt idx="8485">
                  <c:v>0.48258813698026365</c:v>
                </c:pt>
                <c:pt idx="8486">
                  <c:v>0.48258813698026365</c:v>
                </c:pt>
                <c:pt idx="8487">
                  <c:v>0.48258813698026365</c:v>
                </c:pt>
                <c:pt idx="8488">
                  <c:v>0.48258813698026365</c:v>
                </c:pt>
                <c:pt idx="8489">
                  <c:v>0.48258813698026365</c:v>
                </c:pt>
                <c:pt idx="8490">
                  <c:v>0.48258813698026365</c:v>
                </c:pt>
                <c:pt idx="8491">
                  <c:v>0.40215678081688638</c:v>
                </c:pt>
                <c:pt idx="8492">
                  <c:v>0.32172542465350912</c:v>
                </c:pt>
                <c:pt idx="8493">
                  <c:v>0.24129406849013182</c:v>
                </c:pt>
                <c:pt idx="8494">
                  <c:v>0.24129406849013182</c:v>
                </c:pt>
                <c:pt idx="8495">
                  <c:v>0.24129406849013182</c:v>
                </c:pt>
                <c:pt idx="8496">
                  <c:v>0.26792232328381593</c:v>
                </c:pt>
                <c:pt idx="8497">
                  <c:v>0.26792232328381593</c:v>
                </c:pt>
                <c:pt idx="8498">
                  <c:v>0.26792232328381593</c:v>
                </c:pt>
                <c:pt idx="8499">
                  <c:v>0.26792232328381593</c:v>
                </c:pt>
                <c:pt idx="8500">
                  <c:v>0.26792232328381593</c:v>
                </c:pt>
                <c:pt idx="8501">
                  <c:v>0.34532210556580717</c:v>
                </c:pt>
                <c:pt idx="8502">
                  <c:v>0.41676805844149156</c:v>
                </c:pt>
                <c:pt idx="8503">
                  <c:v>0.41676805844149156</c:v>
                </c:pt>
                <c:pt idx="8504">
                  <c:v>0.41676805844149156</c:v>
                </c:pt>
                <c:pt idx="8505">
                  <c:v>0.44653720547302661</c:v>
                </c:pt>
                <c:pt idx="8506">
                  <c:v>0.46439869369194758</c:v>
                </c:pt>
                <c:pt idx="8507">
                  <c:v>0.53584464656763187</c:v>
                </c:pt>
                <c:pt idx="8508">
                  <c:v>0.53584464656763187</c:v>
                </c:pt>
                <c:pt idx="8509">
                  <c:v>0.53584464656763187</c:v>
                </c:pt>
                <c:pt idx="8510">
                  <c:v>0.53584464656763187</c:v>
                </c:pt>
                <c:pt idx="8511">
                  <c:v>0.44653720547302661</c:v>
                </c:pt>
                <c:pt idx="8512">
                  <c:v>0.42272188784779846</c:v>
                </c:pt>
                <c:pt idx="8513">
                  <c:v>0.42272188784779846</c:v>
                </c:pt>
                <c:pt idx="8514">
                  <c:v>0.42272188784779846</c:v>
                </c:pt>
                <c:pt idx="8515">
                  <c:v>0.42272188784779846</c:v>
                </c:pt>
                <c:pt idx="8516">
                  <c:v>0.32746061734688608</c:v>
                </c:pt>
                <c:pt idx="8517">
                  <c:v>0.12503041753244742</c:v>
                </c:pt>
                <c:pt idx="8518">
                  <c:v>0.12503041753244742</c:v>
                </c:pt>
                <c:pt idx="8519">
                  <c:v>0.12503041753244742</c:v>
                </c:pt>
                <c:pt idx="8520">
                  <c:v>9.2853002090539954E-2</c:v>
                </c:pt>
                <c:pt idx="8521">
                  <c:v>0.18128443265295899</c:v>
                </c:pt>
                <c:pt idx="8522">
                  <c:v>0.18128443265295899</c:v>
                </c:pt>
                <c:pt idx="8523">
                  <c:v>0.18128443265295899</c:v>
                </c:pt>
                <c:pt idx="8524">
                  <c:v>0.18128443265295899</c:v>
                </c:pt>
                <c:pt idx="8525">
                  <c:v>0.22550014793416848</c:v>
                </c:pt>
                <c:pt idx="8526">
                  <c:v>0.28298057779974084</c:v>
                </c:pt>
                <c:pt idx="8527">
                  <c:v>0.32277472155282938</c:v>
                </c:pt>
                <c:pt idx="8528">
                  <c:v>0.32277472155282938</c:v>
                </c:pt>
                <c:pt idx="8529">
                  <c:v>0.32277472155282938</c:v>
                </c:pt>
                <c:pt idx="8530">
                  <c:v>0.32277472155282938</c:v>
                </c:pt>
                <c:pt idx="8531">
                  <c:v>0.32277472155282938</c:v>
                </c:pt>
                <c:pt idx="8532">
                  <c:v>0.32277472155282938</c:v>
                </c:pt>
                <c:pt idx="8533">
                  <c:v>0.32277472155282938</c:v>
                </c:pt>
                <c:pt idx="8534">
                  <c:v>0.32277472155282938</c:v>
                </c:pt>
                <c:pt idx="8535">
                  <c:v>0.29182372085598274</c:v>
                </c:pt>
                <c:pt idx="8536">
                  <c:v>0.26529429168725704</c:v>
                </c:pt>
                <c:pt idx="8537">
                  <c:v>0.23876486251853132</c:v>
                </c:pt>
                <c:pt idx="8538">
                  <c:v>0.22992171946228943</c:v>
                </c:pt>
                <c:pt idx="8539">
                  <c:v>0.18570600418107991</c:v>
                </c:pt>
                <c:pt idx="8540">
                  <c:v>0.13706871737174947</c:v>
                </c:pt>
                <c:pt idx="8541">
                  <c:v>0.13706871737174947</c:v>
                </c:pt>
                <c:pt idx="8542">
                  <c:v>0.13706871737174947</c:v>
                </c:pt>
                <c:pt idx="8543">
                  <c:v>0.13706871737174947</c:v>
                </c:pt>
                <c:pt idx="8544">
                  <c:v>0.16112985888100653</c:v>
                </c:pt>
                <c:pt idx="8545">
                  <c:v>0.18711854579729795</c:v>
                </c:pt>
                <c:pt idx="8546">
                  <c:v>0.18711854579729795</c:v>
                </c:pt>
                <c:pt idx="8547">
                  <c:v>0.18711854579729795</c:v>
                </c:pt>
                <c:pt idx="8548">
                  <c:v>0.18711854579729795</c:v>
                </c:pt>
                <c:pt idx="8549">
                  <c:v>0.23389818224662243</c:v>
                </c:pt>
                <c:pt idx="8550">
                  <c:v>0.27548008131268864</c:v>
                </c:pt>
                <c:pt idx="8551">
                  <c:v>0.32745745514527141</c:v>
                </c:pt>
                <c:pt idx="8552">
                  <c:v>0.32745745514527141</c:v>
                </c:pt>
                <c:pt idx="8553">
                  <c:v>0.32745745514527141</c:v>
                </c:pt>
                <c:pt idx="8554">
                  <c:v>0.32745745514527141</c:v>
                </c:pt>
                <c:pt idx="8555">
                  <c:v>0.32745745514527141</c:v>
                </c:pt>
                <c:pt idx="8556">
                  <c:v>0.32745745514527141</c:v>
                </c:pt>
                <c:pt idx="8557">
                  <c:v>0.32745745514527141</c:v>
                </c:pt>
                <c:pt idx="8558">
                  <c:v>0.32745745514527141</c:v>
                </c:pt>
                <c:pt idx="8559">
                  <c:v>0.29107329346246347</c:v>
                </c:pt>
                <c:pt idx="8560">
                  <c:v>0.28587555607920517</c:v>
                </c:pt>
                <c:pt idx="8561">
                  <c:v>0.24429365701313899</c:v>
                </c:pt>
                <c:pt idx="8562">
                  <c:v>0.22870044486336416</c:v>
                </c:pt>
                <c:pt idx="8563">
                  <c:v>0.19231628318055621</c:v>
                </c:pt>
                <c:pt idx="8564">
                  <c:v>0.16112985888100653</c:v>
                </c:pt>
                <c:pt idx="8565">
                  <c:v>0.14033890934797344</c:v>
                </c:pt>
                <c:pt idx="8566">
                  <c:v>0.14033890934797344</c:v>
                </c:pt>
                <c:pt idx="8567">
                  <c:v>0.14033890934797344</c:v>
                </c:pt>
                <c:pt idx="8568">
                  <c:v>8.530446317274222E-2</c:v>
                </c:pt>
                <c:pt idx="8569">
                  <c:v>8.530446317274222E-2</c:v>
                </c:pt>
                <c:pt idx="8570">
                  <c:v>8.530446317274222E-2</c:v>
                </c:pt>
                <c:pt idx="8571">
                  <c:v>8.530446317274222E-2</c:v>
                </c:pt>
                <c:pt idx="8572">
                  <c:v>8.530446317274222E-2</c:v>
                </c:pt>
                <c:pt idx="8573">
                  <c:v>0.36965267374854954</c:v>
                </c:pt>
                <c:pt idx="8574">
                  <c:v>0.41941361059931581</c:v>
                </c:pt>
                <c:pt idx="8575">
                  <c:v>0.41941361059931581</c:v>
                </c:pt>
                <c:pt idx="8576">
                  <c:v>0.41941361059931581</c:v>
                </c:pt>
                <c:pt idx="8577">
                  <c:v>0.44784843165689658</c:v>
                </c:pt>
                <c:pt idx="8578">
                  <c:v>0.44784843165689658</c:v>
                </c:pt>
                <c:pt idx="8579">
                  <c:v>0.56869642115161478</c:v>
                </c:pt>
                <c:pt idx="8580">
                  <c:v>0.56869642115161478</c:v>
                </c:pt>
                <c:pt idx="8581">
                  <c:v>0.37676137901294476</c:v>
                </c:pt>
                <c:pt idx="8582">
                  <c:v>0.56869642115161478</c:v>
                </c:pt>
                <c:pt idx="8583">
                  <c:v>0.56869642115161478</c:v>
                </c:pt>
                <c:pt idx="8584">
                  <c:v>0.56869642115161478</c:v>
                </c:pt>
                <c:pt idx="8585">
                  <c:v>0.56869642115161478</c:v>
                </c:pt>
                <c:pt idx="8586">
                  <c:v>0.56869642115161478</c:v>
                </c:pt>
                <c:pt idx="8587">
                  <c:v>0.47628325271447725</c:v>
                </c:pt>
                <c:pt idx="8588">
                  <c:v>0.39097878954173515</c:v>
                </c:pt>
                <c:pt idx="8589">
                  <c:v>0.28434821057580739</c:v>
                </c:pt>
                <c:pt idx="8590">
                  <c:v>0.27013080004701695</c:v>
                </c:pt>
                <c:pt idx="8591">
                  <c:v>0.27013080004701695</c:v>
                </c:pt>
                <c:pt idx="8592">
                  <c:v>0.24071655111589779</c:v>
                </c:pt>
                <c:pt idx="8593">
                  <c:v>0.24071655111589779</c:v>
                </c:pt>
                <c:pt idx="8594">
                  <c:v>0.24071655111589779</c:v>
                </c:pt>
                <c:pt idx="8595">
                  <c:v>0.24071655111589779</c:v>
                </c:pt>
                <c:pt idx="8596">
                  <c:v>0.24071655111589779</c:v>
                </c:pt>
                <c:pt idx="8597">
                  <c:v>0.31293151645066708</c:v>
                </c:pt>
                <c:pt idx="8598">
                  <c:v>0.34903899911805175</c:v>
                </c:pt>
                <c:pt idx="8599">
                  <c:v>0.36107482667384672</c:v>
                </c:pt>
                <c:pt idx="8600">
                  <c:v>0.36107482667384672</c:v>
                </c:pt>
                <c:pt idx="8601">
                  <c:v>0.39116439556333393</c:v>
                </c:pt>
                <c:pt idx="8602">
                  <c:v>0.40921813689702624</c:v>
                </c:pt>
                <c:pt idx="8603">
                  <c:v>0.48143310223179558</c:v>
                </c:pt>
                <c:pt idx="8604">
                  <c:v>0.48143310223179558</c:v>
                </c:pt>
                <c:pt idx="8605">
                  <c:v>0.48143310223179558</c:v>
                </c:pt>
                <c:pt idx="8606">
                  <c:v>0.48143310223179558</c:v>
                </c:pt>
                <c:pt idx="8607">
                  <c:v>0.48143310223179558</c:v>
                </c:pt>
                <c:pt idx="8608">
                  <c:v>0.48143310223179558</c:v>
                </c:pt>
                <c:pt idx="8609">
                  <c:v>0.48143310223179558</c:v>
                </c:pt>
                <c:pt idx="8610">
                  <c:v>0.48143310223179558</c:v>
                </c:pt>
                <c:pt idx="8611">
                  <c:v>0.40320022311912884</c:v>
                </c:pt>
                <c:pt idx="8612">
                  <c:v>0.33098525778435944</c:v>
                </c:pt>
                <c:pt idx="8613">
                  <c:v>0.24071655111589779</c:v>
                </c:pt>
                <c:pt idx="8614">
                  <c:v>0.24071655111589779</c:v>
                </c:pt>
                <c:pt idx="8615">
                  <c:v>0.24071655111589779</c:v>
                </c:pt>
                <c:pt idx="8616">
                  <c:v>0.20974293512566566</c:v>
                </c:pt>
                <c:pt idx="8617">
                  <c:v>0.23596080201637382</c:v>
                </c:pt>
                <c:pt idx="8618">
                  <c:v>0.23596080201637382</c:v>
                </c:pt>
                <c:pt idx="8619">
                  <c:v>0.23596080201637382</c:v>
                </c:pt>
                <c:pt idx="8620">
                  <c:v>0.23596080201637382</c:v>
                </c:pt>
                <c:pt idx="8621">
                  <c:v>0.30412725593221518</c:v>
                </c:pt>
                <c:pt idx="8622">
                  <c:v>0.35131941633549002</c:v>
                </c:pt>
                <c:pt idx="8623">
                  <c:v>0.35131941633549002</c:v>
                </c:pt>
                <c:pt idx="8624">
                  <c:v>0.35131941633549002</c:v>
                </c:pt>
                <c:pt idx="8625">
                  <c:v>0.37753728322619817</c:v>
                </c:pt>
                <c:pt idx="8626">
                  <c:v>0.40899872349504801</c:v>
                </c:pt>
                <c:pt idx="8627">
                  <c:v>0.47192160403274763</c:v>
                </c:pt>
                <c:pt idx="8628">
                  <c:v>0.47192160403274763</c:v>
                </c:pt>
                <c:pt idx="8629">
                  <c:v>0.47192160403274763</c:v>
                </c:pt>
                <c:pt idx="8630">
                  <c:v>0.47192160403274763</c:v>
                </c:pt>
                <c:pt idx="8631">
                  <c:v>0.47192160403274763</c:v>
                </c:pt>
                <c:pt idx="8632">
                  <c:v>0.47192160403274763</c:v>
                </c:pt>
                <c:pt idx="8633">
                  <c:v>0.47192160403274763</c:v>
                </c:pt>
                <c:pt idx="8634">
                  <c:v>0.47192160403274763</c:v>
                </c:pt>
                <c:pt idx="8635">
                  <c:v>0.39326800336062312</c:v>
                </c:pt>
                <c:pt idx="8636">
                  <c:v>0.31461440268849855</c:v>
                </c:pt>
                <c:pt idx="8637">
                  <c:v>0.23596080201637382</c:v>
                </c:pt>
                <c:pt idx="8638">
                  <c:v>0.23596080201637382</c:v>
                </c:pt>
                <c:pt idx="8639">
                  <c:v>0.23596080201637382</c:v>
                </c:pt>
                <c:pt idx="8640">
                  <c:v>0.23725423730644341</c:v>
                </c:pt>
                <c:pt idx="8641">
                  <c:v>0.23725423730644341</c:v>
                </c:pt>
                <c:pt idx="8642">
                  <c:v>0.23725423730644341</c:v>
                </c:pt>
                <c:pt idx="8643">
                  <c:v>0.23725423730644341</c:v>
                </c:pt>
                <c:pt idx="8644">
                  <c:v>0.23725423730644341</c:v>
                </c:pt>
                <c:pt idx="8645">
                  <c:v>0.3057943503060826</c:v>
                </c:pt>
                <c:pt idx="8646">
                  <c:v>0.35324519776737134</c:v>
                </c:pt>
                <c:pt idx="8647">
                  <c:v>0.35324519776737134</c:v>
                </c:pt>
                <c:pt idx="8648">
                  <c:v>0.35324519776737134</c:v>
                </c:pt>
                <c:pt idx="8649">
                  <c:v>0.37960677969030943</c:v>
                </c:pt>
                <c:pt idx="8650">
                  <c:v>0.4112406779978352</c:v>
                </c:pt>
                <c:pt idx="8651">
                  <c:v>0.47450847461288681</c:v>
                </c:pt>
                <c:pt idx="8652">
                  <c:v>0.47450847461288681</c:v>
                </c:pt>
                <c:pt idx="8653">
                  <c:v>0.47450847461288681</c:v>
                </c:pt>
                <c:pt idx="8654">
                  <c:v>0.47450847461288681</c:v>
                </c:pt>
                <c:pt idx="8655">
                  <c:v>0.47450847461288681</c:v>
                </c:pt>
                <c:pt idx="8656">
                  <c:v>0.47450847461288681</c:v>
                </c:pt>
                <c:pt idx="8657">
                  <c:v>0.47450847461288681</c:v>
                </c:pt>
                <c:pt idx="8658">
                  <c:v>0.47450847461288681</c:v>
                </c:pt>
                <c:pt idx="8659">
                  <c:v>0.3954237288440724</c:v>
                </c:pt>
                <c:pt idx="8660">
                  <c:v>0.31633898307525793</c:v>
                </c:pt>
                <c:pt idx="8661">
                  <c:v>0.23725423730644341</c:v>
                </c:pt>
                <c:pt idx="8662">
                  <c:v>0.23725423730644341</c:v>
                </c:pt>
                <c:pt idx="8663">
                  <c:v>0.23725423730644341</c:v>
                </c:pt>
                <c:pt idx="8664">
                  <c:v>0.27013428749228191</c:v>
                </c:pt>
                <c:pt idx="8665">
                  <c:v>0.27013428749228191</c:v>
                </c:pt>
                <c:pt idx="8666">
                  <c:v>0.27013428749228191</c:v>
                </c:pt>
                <c:pt idx="8667">
                  <c:v>0.27013428749228191</c:v>
                </c:pt>
                <c:pt idx="8668">
                  <c:v>0.27013428749228191</c:v>
                </c:pt>
                <c:pt idx="8669">
                  <c:v>0.3481730816567189</c:v>
                </c:pt>
                <c:pt idx="8670">
                  <c:v>0.42020889165466085</c:v>
                </c:pt>
                <c:pt idx="8671">
                  <c:v>0.42020889165466085</c:v>
                </c:pt>
                <c:pt idx="8672">
                  <c:v>0.42020889165466085</c:v>
                </c:pt>
                <c:pt idx="8673">
                  <c:v>0.4502238124871365</c:v>
                </c:pt>
                <c:pt idx="8674">
                  <c:v>0.46823276498662203</c:v>
                </c:pt>
                <c:pt idx="8675">
                  <c:v>0.54026857498456382</c:v>
                </c:pt>
                <c:pt idx="8676">
                  <c:v>0.54026857498456382</c:v>
                </c:pt>
                <c:pt idx="8677">
                  <c:v>0.54026857498456382</c:v>
                </c:pt>
                <c:pt idx="8678">
                  <c:v>0.54026857498456382</c:v>
                </c:pt>
                <c:pt idx="8679">
                  <c:v>0.4502238124871365</c:v>
                </c:pt>
                <c:pt idx="8680">
                  <c:v>0.42621187582115599</c:v>
                </c:pt>
                <c:pt idx="8681">
                  <c:v>0.42621187582115599</c:v>
                </c:pt>
                <c:pt idx="8682">
                  <c:v>0.42621187582115599</c:v>
                </c:pt>
                <c:pt idx="8683">
                  <c:v>0.42621187582115599</c:v>
                </c:pt>
                <c:pt idx="8684">
                  <c:v>0.33016412915723348</c:v>
                </c:pt>
                <c:pt idx="8685">
                  <c:v>0.12606266749639822</c:v>
                </c:pt>
                <c:pt idx="8686">
                  <c:v>0.12606266749639822</c:v>
                </c:pt>
                <c:pt idx="8687">
                  <c:v>0.12606266749639822</c:v>
                </c:pt>
                <c:pt idx="8688">
                  <c:v>9.5171228982923892E-2</c:v>
                </c:pt>
                <c:pt idx="8689">
                  <c:v>0.18581049468094665</c:v>
                </c:pt>
                <c:pt idx="8690">
                  <c:v>0.18581049468094665</c:v>
                </c:pt>
                <c:pt idx="8691">
                  <c:v>0.18581049468094665</c:v>
                </c:pt>
                <c:pt idx="8692">
                  <c:v>0.18581049468094665</c:v>
                </c:pt>
                <c:pt idx="8693">
                  <c:v>0.23113012752995804</c:v>
                </c:pt>
                <c:pt idx="8694">
                  <c:v>0.2900456502336729</c:v>
                </c:pt>
                <c:pt idx="8695">
                  <c:v>0.33083331979778313</c:v>
                </c:pt>
                <c:pt idx="8696">
                  <c:v>0.33083331979778313</c:v>
                </c:pt>
                <c:pt idx="8697">
                  <c:v>0.33083331979778313</c:v>
                </c:pt>
                <c:pt idx="8698">
                  <c:v>0.33083331979778313</c:v>
                </c:pt>
                <c:pt idx="8699">
                  <c:v>0.33083331979778313</c:v>
                </c:pt>
                <c:pt idx="8700">
                  <c:v>0.33083331979778313</c:v>
                </c:pt>
                <c:pt idx="8701">
                  <c:v>0.33083331979778313</c:v>
                </c:pt>
                <c:pt idx="8702">
                  <c:v>0.33083331979778313</c:v>
                </c:pt>
                <c:pt idx="8703">
                  <c:v>0.29910957680347511</c:v>
                </c:pt>
                <c:pt idx="8704">
                  <c:v>0.27191779709406827</c:v>
                </c:pt>
                <c:pt idx="8705">
                  <c:v>0.24472601738466146</c:v>
                </c:pt>
                <c:pt idx="8706">
                  <c:v>0.23566209081485917</c:v>
                </c:pt>
                <c:pt idx="8707">
                  <c:v>0.19034245796584778</c:v>
                </c:pt>
                <c:pt idx="8708">
                  <c:v>0.14049086183193527</c:v>
                </c:pt>
                <c:pt idx="8709">
                  <c:v>0.14049086183193527</c:v>
                </c:pt>
                <c:pt idx="8710">
                  <c:v>0.14049086183193527</c:v>
                </c:pt>
                <c:pt idx="8711">
                  <c:v>0.14049086183193527</c:v>
                </c:pt>
                <c:pt idx="8712">
                  <c:v>0.15626816872369473</c:v>
                </c:pt>
                <c:pt idx="8713">
                  <c:v>0.18147271206622614</c:v>
                </c:pt>
                <c:pt idx="8714">
                  <c:v>0.18147271206622614</c:v>
                </c:pt>
                <c:pt idx="8715">
                  <c:v>0.18147271206622614</c:v>
                </c:pt>
                <c:pt idx="8716">
                  <c:v>0.18147271206622614</c:v>
                </c:pt>
                <c:pt idx="8717">
                  <c:v>0.22684089008278266</c:v>
                </c:pt>
                <c:pt idx="8718">
                  <c:v>0.26716815943083294</c:v>
                </c:pt>
                <c:pt idx="8719">
                  <c:v>0.31757724611589577</c:v>
                </c:pt>
                <c:pt idx="8720">
                  <c:v>0.31757724611589577</c:v>
                </c:pt>
                <c:pt idx="8721">
                  <c:v>0.31757724611589577</c:v>
                </c:pt>
                <c:pt idx="8722">
                  <c:v>0.31757724611589577</c:v>
                </c:pt>
                <c:pt idx="8723">
                  <c:v>0.31757724611589577</c:v>
                </c:pt>
                <c:pt idx="8724">
                  <c:v>0.31757724611589577</c:v>
                </c:pt>
                <c:pt idx="8725">
                  <c:v>0.31757724611589577</c:v>
                </c:pt>
                <c:pt idx="8726">
                  <c:v>0.31757724611589577</c:v>
                </c:pt>
                <c:pt idx="8727">
                  <c:v>0.28229088543635183</c:v>
                </c:pt>
                <c:pt idx="8728">
                  <c:v>0.27724997676784552</c:v>
                </c:pt>
                <c:pt idx="8729">
                  <c:v>0.23692270741979524</c:v>
                </c:pt>
                <c:pt idx="8730">
                  <c:v>0.22179998141427645</c:v>
                </c:pt>
                <c:pt idx="8731">
                  <c:v>0.18651362073473246</c:v>
                </c:pt>
                <c:pt idx="8732">
                  <c:v>0.15626816872369473</c:v>
                </c:pt>
                <c:pt idx="8733">
                  <c:v>0.13610453404966963</c:v>
                </c:pt>
                <c:pt idx="8734">
                  <c:v>0.13610453404966963</c:v>
                </c:pt>
                <c:pt idx="8735">
                  <c:v>0.13610453404966963</c:v>
                </c:pt>
                <c:pt idx="8736">
                  <c:v>8.4498340636386754E-2</c:v>
                </c:pt>
                <c:pt idx="8737">
                  <c:v>8.4498340636386754E-2</c:v>
                </c:pt>
                <c:pt idx="8738">
                  <c:v>8.4498340636386754E-2</c:v>
                </c:pt>
                <c:pt idx="8739">
                  <c:v>8.4498340636386754E-2</c:v>
                </c:pt>
                <c:pt idx="8740">
                  <c:v>8.4498340636386754E-2</c:v>
                </c:pt>
                <c:pt idx="8741">
                  <c:v>0.36615947609100929</c:v>
                </c:pt>
                <c:pt idx="8742">
                  <c:v>0.41545017479556828</c:v>
                </c:pt>
                <c:pt idx="8743">
                  <c:v>0.41545017479556828</c:v>
                </c:pt>
                <c:pt idx="8744">
                  <c:v>0.41545017479556828</c:v>
                </c:pt>
                <c:pt idx="8745">
                  <c:v>0.44361628834103051</c:v>
                </c:pt>
                <c:pt idx="8746">
                  <c:v>0.44361628834103051</c:v>
                </c:pt>
                <c:pt idx="8747">
                  <c:v>0.56332227090924514</c:v>
                </c:pt>
                <c:pt idx="8748">
                  <c:v>0.56332227090924514</c:v>
                </c:pt>
                <c:pt idx="8749">
                  <c:v>0.37320100447737486</c:v>
                </c:pt>
                <c:pt idx="8750">
                  <c:v>0.56332227090924514</c:v>
                </c:pt>
                <c:pt idx="8751">
                  <c:v>0.56332227090924514</c:v>
                </c:pt>
                <c:pt idx="8752">
                  <c:v>0.56332227090924514</c:v>
                </c:pt>
                <c:pt idx="8753">
                  <c:v>0.56332227090924514</c:v>
                </c:pt>
                <c:pt idx="8754">
                  <c:v>0.56332227090924514</c:v>
                </c:pt>
                <c:pt idx="8755">
                  <c:v>0.47178240188649279</c:v>
                </c:pt>
                <c:pt idx="8756">
                  <c:v>0.387284061250106</c:v>
                </c:pt>
                <c:pt idx="8757">
                  <c:v>0.28166113545462257</c:v>
                </c:pt>
                <c:pt idx="8758">
                  <c:v>0.26757807868189143</c:v>
                </c:pt>
                <c:pt idx="8759">
                  <c:v>0.26757807868189143</c:v>
                </c:pt>
              </c:numCache>
            </c:numRef>
          </c:val>
          <c:extLst>
            <c:ext xmlns:c16="http://schemas.microsoft.com/office/drawing/2014/chart" uri="{C3380CC4-5D6E-409C-BE32-E72D297353CC}">
              <c16:uniqueId val="{00000000-2C0B-4701-B4D5-C67566BB76AF}"/>
            </c:ext>
          </c:extLst>
        </c:ser>
        <c:ser>
          <c:idx val="2"/>
          <c:order val="1"/>
          <c:tx>
            <c:strRef>
              <c:f>Output!$O$7</c:f>
              <c:strCache>
                <c:ptCount val="1"/>
                <c:pt idx="0">
                  <c:v>T2</c:v>
                </c:pt>
              </c:strCache>
            </c:strRef>
          </c:tx>
          <c:spPr>
            <a:solidFill>
              <a:schemeClr val="accent5">
                <a:lumMod val="40000"/>
                <a:lumOff val="60000"/>
              </a:schemeClr>
            </a:solidFill>
            <a:ln w="25400">
              <a:noFill/>
            </a:ln>
            <a:effectLst/>
          </c:spPr>
          <c:val>
            <c:numRef>
              <c:f>Output!$O$8:$O$8767</c:f>
              <c:numCache>
                <c:formatCode>_(* #,##0.00_);_(* \(#,##0.00\);_(* "-"??_);_(@_)</c:formatCode>
                <c:ptCount val="8760"/>
                <c:pt idx="0">
                  <c:v>0.20807894162671339</c:v>
                </c:pt>
                <c:pt idx="1">
                  <c:v>0.20807894162671339</c:v>
                </c:pt>
                <c:pt idx="2">
                  <c:v>0.20807894162671339</c:v>
                </c:pt>
                <c:pt idx="3">
                  <c:v>0.20807894162671339</c:v>
                </c:pt>
                <c:pt idx="4">
                  <c:v>0.20807894162671339</c:v>
                </c:pt>
                <c:pt idx="5">
                  <c:v>0.9016754137157581</c:v>
                </c:pt>
                <c:pt idx="6">
                  <c:v>1.023054796331341</c:v>
                </c:pt>
                <c:pt idx="7">
                  <c:v>1.023054796331341</c:v>
                </c:pt>
                <c:pt idx="8">
                  <c:v>1.023054796331341</c:v>
                </c:pt>
                <c:pt idx="9">
                  <c:v>1.0924144435402454</c:v>
                </c:pt>
                <c:pt idx="10">
                  <c:v>1.0924144435402454</c:v>
                </c:pt>
                <c:pt idx="11">
                  <c:v>1.3871929441780897</c:v>
                </c:pt>
                <c:pt idx="12">
                  <c:v>1.3871929441780897</c:v>
                </c:pt>
                <c:pt idx="13">
                  <c:v>0.91901532551798426</c:v>
                </c:pt>
                <c:pt idx="14">
                  <c:v>1.3871929441780897</c:v>
                </c:pt>
                <c:pt idx="15">
                  <c:v>1.3871929441780897</c:v>
                </c:pt>
                <c:pt idx="16">
                  <c:v>1.3871929441780897</c:v>
                </c:pt>
                <c:pt idx="17">
                  <c:v>1.3871929441780897</c:v>
                </c:pt>
                <c:pt idx="18">
                  <c:v>1.3871929441780897</c:v>
                </c:pt>
                <c:pt idx="19">
                  <c:v>1.1617740907491498</c:v>
                </c:pt>
                <c:pt idx="20">
                  <c:v>0.95369514912243636</c:v>
                </c:pt>
                <c:pt idx="21">
                  <c:v>0.69359647208904485</c:v>
                </c:pt>
                <c:pt idx="22">
                  <c:v>0.65891664848459242</c:v>
                </c:pt>
                <c:pt idx="23">
                  <c:v>0.65891664848459242</c:v>
                </c:pt>
                <c:pt idx="24">
                  <c:v>0.62028876194081661</c:v>
                </c:pt>
                <c:pt idx="25">
                  <c:v>0.62028876194081661</c:v>
                </c:pt>
                <c:pt idx="26">
                  <c:v>0.62028876194081661</c:v>
                </c:pt>
                <c:pt idx="27">
                  <c:v>0.62028876194081661</c:v>
                </c:pt>
                <c:pt idx="28">
                  <c:v>0.62028876194081661</c:v>
                </c:pt>
                <c:pt idx="29">
                  <c:v>0.80637539052306162</c:v>
                </c:pt>
                <c:pt idx="30">
                  <c:v>0.89941870481418407</c:v>
                </c:pt>
                <c:pt idx="31">
                  <c:v>0.93043314291122503</c:v>
                </c:pt>
                <c:pt idx="32">
                  <c:v>0.93043314291122503</c:v>
                </c:pt>
                <c:pt idx="33">
                  <c:v>1.007969238153827</c:v>
                </c:pt>
                <c:pt idx="34">
                  <c:v>1.0544908952993883</c:v>
                </c:pt>
                <c:pt idx="35">
                  <c:v>1.2405775238816332</c:v>
                </c:pt>
                <c:pt idx="36">
                  <c:v>1.2405775238816332</c:v>
                </c:pt>
                <c:pt idx="37">
                  <c:v>1.2405775238816332</c:v>
                </c:pt>
                <c:pt idx="38">
                  <c:v>1.2405775238816332</c:v>
                </c:pt>
                <c:pt idx="39">
                  <c:v>1.2405775238816332</c:v>
                </c:pt>
                <c:pt idx="40">
                  <c:v>1.2405775238816332</c:v>
                </c:pt>
                <c:pt idx="41">
                  <c:v>1.2405775238816332</c:v>
                </c:pt>
                <c:pt idx="42">
                  <c:v>1.2405775238816332</c:v>
                </c:pt>
                <c:pt idx="43">
                  <c:v>1.038983676250868</c:v>
                </c:pt>
                <c:pt idx="44">
                  <c:v>0.85289704766862284</c:v>
                </c:pt>
                <c:pt idx="45">
                  <c:v>0.62028876194081661</c:v>
                </c:pt>
                <c:pt idx="46">
                  <c:v>0.62028876194081661</c:v>
                </c:pt>
                <c:pt idx="47">
                  <c:v>0.62028876194081661</c:v>
                </c:pt>
                <c:pt idx="48">
                  <c:v>0.54837101188754211</c:v>
                </c:pt>
                <c:pt idx="49">
                  <c:v>0.61691738837348475</c:v>
                </c:pt>
                <c:pt idx="50">
                  <c:v>0.61691738837348475</c:v>
                </c:pt>
                <c:pt idx="51">
                  <c:v>0.61691738837348475</c:v>
                </c:pt>
                <c:pt idx="52">
                  <c:v>0.61691738837348475</c:v>
                </c:pt>
                <c:pt idx="53">
                  <c:v>0.79513796723693597</c:v>
                </c:pt>
                <c:pt idx="54">
                  <c:v>0.91852144491163301</c:v>
                </c:pt>
                <c:pt idx="55">
                  <c:v>0.91852144491163301</c:v>
                </c:pt>
                <c:pt idx="56">
                  <c:v>0.91852144491163301</c:v>
                </c:pt>
                <c:pt idx="57">
                  <c:v>0.98706782139757587</c:v>
                </c:pt>
                <c:pt idx="58">
                  <c:v>1.0693234731807071</c:v>
                </c:pt>
                <c:pt idx="59">
                  <c:v>1.2338347767469695</c:v>
                </c:pt>
                <c:pt idx="60">
                  <c:v>1.2338347767469695</c:v>
                </c:pt>
                <c:pt idx="61">
                  <c:v>1.2338347767469695</c:v>
                </c:pt>
                <c:pt idx="62">
                  <c:v>1.2338347767469695</c:v>
                </c:pt>
                <c:pt idx="63">
                  <c:v>1.2338347767469695</c:v>
                </c:pt>
                <c:pt idx="64">
                  <c:v>1.2338347767469695</c:v>
                </c:pt>
                <c:pt idx="65">
                  <c:v>1.2338347767469695</c:v>
                </c:pt>
                <c:pt idx="66">
                  <c:v>1.2338347767469695</c:v>
                </c:pt>
                <c:pt idx="67">
                  <c:v>1.0281956472891416</c:v>
                </c:pt>
                <c:pt idx="68">
                  <c:v>0.82255651783131312</c:v>
                </c:pt>
                <c:pt idx="69">
                  <c:v>0.61691738837348475</c:v>
                </c:pt>
                <c:pt idx="70">
                  <c:v>0.61691738837348475</c:v>
                </c:pt>
                <c:pt idx="71">
                  <c:v>0.61691738837348475</c:v>
                </c:pt>
                <c:pt idx="72">
                  <c:v>0.6141763806811521</c:v>
                </c:pt>
                <c:pt idx="73">
                  <c:v>0.6141763806811521</c:v>
                </c:pt>
                <c:pt idx="74">
                  <c:v>0.6141763806811521</c:v>
                </c:pt>
                <c:pt idx="75">
                  <c:v>0.6141763806811521</c:v>
                </c:pt>
                <c:pt idx="76">
                  <c:v>0.6141763806811521</c:v>
                </c:pt>
                <c:pt idx="77">
                  <c:v>0.79160511287792923</c:v>
                </c:pt>
                <c:pt idx="78">
                  <c:v>0.9144403890141598</c:v>
                </c:pt>
                <c:pt idx="79">
                  <c:v>0.9144403890141598</c:v>
                </c:pt>
                <c:pt idx="80">
                  <c:v>0.9144403890141598</c:v>
                </c:pt>
                <c:pt idx="81">
                  <c:v>0.98268220908984338</c:v>
                </c:pt>
                <c:pt idx="82">
                  <c:v>1.0645723931806634</c:v>
                </c:pt>
                <c:pt idx="83">
                  <c:v>1.2283527613623042</c:v>
                </c:pt>
                <c:pt idx="84">
                  <c:v>1.2283527613623042</c:v>
                </c:pt>
                <c:pt idx="85">
                  <c:v>1.2283527613623042</c:v>
                </c:pt>
                <c:pt idx="86">
                  <c:v>1.2283527613623042</c:v>
                </c:pt>
                <c:pt idx="87">
                  <c:v>1.2283527613623042</c:v>
                </c:pt>
                <c:pt idx="88">
                  <c:v>1.2283527613623042</c:v>
                </c:pt>
                <c:pt idx="89">
                  <c:v>1.2283527613623042</c:v>
                </c:pt>
                <c:pt idx="90">
                  <c:v>1.2283527613623042</c:v>
                </c:pt>
                <c:pt idx="91">
                  <c:v>1.0236273011352535</c:v>
                </c:pt>
                <c:pt idx="92">
                  <c:v>0.81890184090820284</c:v>
                </c:pt>
                <c:pt idx="93">
                  <c:v>0.6141763806811521</c:v>
                </c:pt>
                <c:pt idx="94">
                  <c:v>0.6141763806811521</c:v>
                </c:pt>
                <c:pt idx="95">
                  <c:v>0.6141763806811521</c:v>
                </c:pt>
                <c:pt idx="96">
                  <c:v>0.6688841564560124</c:v>
                </c:pt>
                <c:pt idx="97">
                  <c:v>0.6688841564560124</c:v>
                </c:pt>
                <c:pt idx="98">
                  <c:v>0.6688841564560124</c:v>
                </c:pt>
                <c:pt idx="99">
                  <c:v>0.6688841564560124</c:v>
                </c:pt>
                <c:pt idx="100">
                  <c:v>0.6688841564560124</c:v>
                </c:pt>
                <c:pt idx="101">
                  <c:v>0.86211735720997162</c:v>
                </c:pt>
                <c:pt idx="102">
                  <c:v>1.0404864655982418</c:v>
                </c:pt>
                <c:pt idx="103">
                  <c:v>1.0404864655982418</c:v>
                </c:pt>
                <c:pt idx="104">
                  <c:v>1.0404864655982418</c:v>
                </c:pt>
                <c:pt idx="105">
                  <c:v>1.1148069274266874</c:v>
                </c:pt>
                <c:pt idx="106">
                  <c:v>1.1593992045237551</c:v>
                </c:pt>
                <c:pt idx="107">
                  <c:v>1.3377683129120248</c:v>
                </c:pt>
                <c:pt idx="108">
                  <c:v>1.3377683129120248</c:v>
                </c:pt>
                <c:pt idx="109">
                  <c:v>1.3377683129120248</c:v>
                </c:pt>
                <c:pt idx="110">
                  <c:v>1.3377683129120248</c:v>
                </c:pt>
                <c:pt idx="111">
                  <c:v>1.1148069274266874</c:v>
                </c:pt>
                <c:pt idx="112">
                  <c:v>1.0553505579639308</c:v>
                </c:pt>
                <c:pt idx="113">
                  <c:v>1.0553505579639308</c:v>
                </c:pt>
                <c:pt idx="114">
                  <c:v>1.0553505579639308</c:v>
                </c:pt>
                <c:pt idx="115">
                  <c:v>1.0553505579639308</c:v>
                </c:pt>
                <c:pt idx="116">
                  <c:v>0.81752508011290426</c:v>
                </c:pt>
                <c:pt idx="117">
                  <c:v>0.31214593967947252</c:v>
                </c:pt>
                <c:pt idx="118">
                  <c:v>0.31214593967947252</c:v>
                </c:pt>
                <c:pt idx="119">
                  <c:v>0.31214593967947252</c:v>
                </c:pt>
                <c:pt idx="120">
                  <c:v>0.23358139703408989</c:v>
                </c:pt>
                <c:pt idx="121">
                  <c:v>0.45603987039988986</c:v>
                </c:pt>
                <c:pt idx="122">
                  <c:v>0.45603987039988986</c:v>
                </c:pt>
                <c:pt idx="123">
                  <c:v>0.45603987039988986</c:v>
                </c:pt>
                <c:pt idx="124">
                  <c:v>0.45603987039988986</c:v>
                </c:pt>
                <c:pt idx="125">
                  <c:v>0.56726910708278977</c:v>
                </c:pt>
                <c:pt idx="126">
                  <c:v>0.71186711477055975</c:v>
                </c:pt>
                <c:pt idx="127">
                  <c:v>0.81197342778516968</c:v>
                </c:pt>
                <c:pt idx="128">
                  <c:v>0.81197342778516968</c:v>
                </c:pt>
                <c:pt idx="129">
                  <c:v>0.81197342778516968</c:v>
                </c:pt>
                <c:pt idx="130">
                  <c:v>0.81197342778516968</c:v>
                </c:pt>
                <c:pt idx="131">
                  <c:v>0.81197342778516968</c:v>
                </c:pt>
                <c:pt idx="132">
                  <c:v>0.81197342778516968</c:v>
                </c:pt>
                <c:pt idx="133">
                  <c:v>0.81197342778516968</c:v>
                </c:pt>
                <c:pt idx="134">
                  <c:v>0.81197342778516968</c:v>
                </c:pt>
                <c:pt idx="135">
                  <c:v>0.73411296210713961</c:v>
                </c:pt>
                <c:pt idx="136">
                  <c:v>0.6673754200973997</c:v>
                </c:pt>
                <c:pt idx="137">
                  <c:v>0.60063787808765978</c:v>
                </c:pt>
                <c:pt idx="138">
                  <c:v>0.5783920307510797</c:v>
                </c:pt>
                <c:pt idx="139">
                  <c:v>0.46716279406817979</c:v>
                </c:pt>
                <c:pt idx="140">
                  <c:v>0.34481063371698989</c:v>
                </c:pt>
                <c:pt idx="141">
                  <c:v>0.34481063371698989</c:v>
                </c:pt>
                <c:pt idx="142">
                  <c:v>0.34481063371698989</c:v>
                </c:pt>
                <c:pt idx="143">
                  <c:v>0.34481063371698989</c:v>
                </c:pt>
                <c:pt idx="144">
                  <c:v>0.36879281610133369</c:v>
                </c:pt>
                <c:pt idx="145">
                  <c:v>0.42827552837574234</c:v>
                </c:pt>
                <c:pt idx="146">
                  <c:v>0.42827552837574234</c:v>
                </c:pt>
                <c:pt idx="147">
                  <c:v>0.42827552837574234</c:v>
                </c:pt>
                <c:pt idx="148">
                  <c:v>0.42827552837574234</c:v>
                </c:pt>
                <c:pt idx="149">
                  <c:v>0.53534441046967796</c:v>
                </c:pt>
                <c:pt idx="150">
                  <c:v>0.63051675010873176</c:v>
                </c:pt>
                <c:pt idx="151">
                  <c:v>0.74948217465754918</c:v>
                </c:pt>
                <c:pt idx="152">
                  <c:v>0.74948217465754918</c:v>
                </c:pt>
                <c:pt idx="153">
                  <c:v>0.74948217465754918</c:v>
                </c:pt>
                <c:pt idx="154">
                  <c:v>0.74948217465754918</c:v>
                </c:pt>
                <c:pt idx="155">
                  <c:v>0.74948217465754918</c:v>
                </c:pt>
                <c:pt idx="156">
                  <c:v>0.74948217465754918</c:v>
                </c:pt>
                <c:pt idx="157">
                  <c:v>0.74948217465754918</c:v>
                </c:pt>
                <c:pt idx="158">
                  <c:v>0.74948217465754918</c:v>
                </c:pt>
                <c:pt idx="159">
                  <c:v>0.66620637747337696</c:v>
                </c:pt>
                <c:pt idx="160">
                  <c:v>0.65430983501849516</c:v>
                </c:pt>
                <c:pt idx="161">
                  <c:v>0.55913749537944146</c:v>
                </c:pt>
                <c:pt idx="162">
                  <c:v>0.52344786801479626</c:v>
                </c:pt>
                <c:pt idx="163">
                  <c:v>0.4401720708306241</c:v>
                </c:pt>
                <c:pt idx="164">
                  <c:v>0.36879281610133369</c:v>
                </c:pt>
                <c:pt idx="165">
                  <c:v>0.32120664628180678</c:v>
                </c:pt>
                <c:pt idx="166">
                  <c:v>0.32120664628180678</c:v>
                </c:pt>
                <c:pt idx="167">
                  <c:v>0.32120664628180678</c:v>
                </c:pt>
                <c:pt idx="168">
                  <c:v>0.18894501071424671</c:v>
                </c:pt>
                <c:pt idx="169">
                  <c:v>0.18894501071424671</c:v>
                </c:pt>
                <c:pt idx="170">
                  <c:v>0.18894501071424671</c:v>
                </c:pt>
                <c:pt idx="171">
                  <c:v>0.18894501071424671</c:v>
                </c:pt>
                <c:pt idx="172">
                  <c:v>0.18894501071424671</c:v>
                </c:pt>
                <c:pt idx="173">
                  <c:v>0.81876171309506918</c:v>
                </c:pt>
                <c:pt idx="174">
                  <c:v>0.92897963601171296</c:v>
                </c:pt>
                <c:pt idx="175">
                  <c:v>0.92897963601171296</c:v>
                </c:pt>
                <c:pt idx="176">
                  <c:v>0.92897963601171296</c:v>
                </c:pt>
                <c:pt idx="177">
                  <c:v>0.99196130624979539</c:v>
                </c:pt>
                <c:pt idx="178">
                  <c:v>0.99196130624979539</c:v>
                </c:pt>
                <c:pt idx="179">
                  <c:v>1.2596334047616449</c:v>
                </c:pt>
                <c:pt idx="180">
                  <c:v>1.2596334047616449</c:v>
                </c:pt>
                <c:pt idx="181">
                  <c:v>0.8345071306545897</c:v>
                </c:pt>
                <c:pt idx="182">
                  <c:v>1.2596334047616449</c:v>
                </c:pt>
                <c:pt idx="183">
                  <c:v>1.2596334047616449</c:v>
                </c:pt>
                <c:pt idx="184">
                  <c:v>1.2596334047616449</c:v>
                </c:pt>
                <c:pt idx="185">
                  <c:v>1.2596334047616449</c:v>
                </c:pt>
                <c:pt idx="186">
                  <c:v>1.2596334047616449</c:v>
                </c:pt>
                <c:pt idx="187">
                  <c:v>1.0549429764878775</c:v>
                </c:pt>
                <c:pt idx="188">
                  <c:v>0.86599796577363075</c:v>
                </c:pt>
                <c:pt idx="189">
                  <c:v>0.62981670238082244</c:v>
                </c:pt>
                <c:pt idx="190">
                  <c:v>0.59832586726178139</c:v>
                </c:pt>
                <c:pt idx="191">
                  <c:v>0.59832586726178139</c:v>
                </c:pt>
                <c:pt idx="192">
                  <c:v>0.55372950489601913</c:v>
                </c:pt>
                <c:pt idx="193">
                  <c:v>0.55372950489601913</c:v>
                </c:pt>
                <c:pt idx="194">
                  <c:v>0.55372950489601913</c:v>
                </c:pt>
                <c:pt idx="195">
                  <c:v>0.55372950489601913</c:v>
                </c:pt>
                <c:pt idx="196">
                  <c:v>0.55372950489601913</c:v>
                </c:pt>
                <c:pt idx="197">
                  <c:v>0.71984835636482492</c:v>
                </c:pt>
                <c:pt idx="198">
                  <c:v>0.80290778209922775</c:v>
                </c:pt>
                <c:pt idx="199">
                  <c:v>0.8305942573440287</c:v>
                </c:pt>
                <c:pt idx="200">
                  <c:v>0.8305942573440287</c:v>
                </c:pt>
                <c:pt idx="201">
                  <c:v>0.89981044545603106</c:v>
                </c:pt>
                <c:pt idx="202">
                  <c:v>0.94134015832323248</c:v>
                </c:pt>
                <c:pt idx="203">
                  <c:v>1.1074590097920383</c:v>
                </c:pt>
                <c:pt idx="204">
                  <c:v>1.1074590097920383</c:v>
                </c:pt>
                <c:pt idx="205">
                  <c:v>1.1074590097920383</c:v>
                </c:pt>
                <c:pt idx="206">
                  <c:v>1.1074590097920383</c:v>
                </c:pt>
                <c:pt idx="207">
                  <c:v>1.1074590097920383</c:v>
                </c:pt>
                <c:pt idx="208">
                  <c:v>1.1074590097920383</c:v>
                </c:pt>
                <c:pt idx="209">
                  <c:v>1.1074590097920383</c:v>
                </c:pt>
                <c:pt idx="210">
                  <c:v>1.1074590097920383</c:v>
                </c:pt>
                <c:pt idx="211">
                  <c:v>0.92749692070083212</c:v>
                </c:pt>
                <c:pt idx="212">
                  <c:v>0.76137806923202633</c:v>
                </c:pt>
                <c:pt idx="213">
                  <c:v>0.55372950489601913</c:v>
                </c:pt>
                <c:pt idx="214">
                  <c:v>0.55372950489601913</c:v>
                </c:pt>
                <c:pt idx="215">
                  <c:v>0.55372950489601913</c:v>
                </c:pt>
                <c:pt idx="216">
                  <c:v>0.50352783021749892</c:v>
                </c:pt>
                <c:pt idx="217">
                  <c:v>0.56646880899468621</c:v>
                </c:pt>
                <c:pt idx="218">
                  <c:v>0.56646880899468621</c:v>
                </c:pt>
                <c:pt idx="219">
                  <c:v>0.56646880899468621</c:v>
                </c:pt>
                <c:pt idx="220">
                  <c:v>0.56646880899468621</c:v>
                </c:pt>
                <c:pt idx="221">
                  <c:v>0.7301153538153734</c:v>
                </c:pt>
                <c:pt idx="222">
                  <c:v>0.84340911561431076</c:v>
                </c:pt>
                <c:pt idx="223">
                  <c:v>0.84340911561431076</c:v>
                </c:pt>
                <c:pt idx="224">
                  <c:v>0.84340911561431076</c:v>
                </c:pt>
                <c:pt idx="225">
                  <c:v>0.90635009439149794</c:v>
                </c:pt>
                <c:pt idx="226">
                  <c:v>0.98187926892412269</c:v>
                </c:pt>
                <c:pt idx="227">
                  <c:v>1.1329376179893724</c:v>
                </c:pt>
                <c:pt idx="228">
                  <c:v>1.1329376179893724</c:v>
                </c:pt>
                <c:pt idx="229">
                  <c:v>1.1329376179893724</c:v>
                </c:pt>
                <c:pt idx="230">
                  <c:v>1.1329376179893724</c:v>
                </c:pt>
                <c:pt idx="231">
                  <c:v>1.1329376179893724</c:v>
                </c:pt>
                <c:pt idx="232">
                  <c:v>1.1329376179893724</c:v>
                </c:pt>
                <c:pt idx="233">
                  <c:v>1.1329376179893724</c:v>
                </c:pt>
                <c:pt idx="234">
                  <c:v>1.1329376179893724</c:v>
                </c:pt>
                <c:pt idx="235">
                  <c:v>0.94411468165781043</c:v>
                </c:pt>
                <c:pt idx="236">
                  <c:v>0.75529174532624843</c:v>
                </c:pt>
                <c:pt idx="237">
                  <c:v>0.56646880899468621</c:v>
                </c:pt>
                <c:pt idx="238">
                  <c:v>0.56646880899468621</c:v>
                </c:pt>
                <c:pt idx="239">
                  <c:v>0.56646880899468621</c:v>
                </c:pt>
                <c:pt idx="240">
                  <c:v>0.55776396850483967</c:v>
                </c:pt>
                <c:pt idx="241">
                  <c:v>0.55776396850483967</c:v>
                </c:pt>
                <c:pt idx="242">
                  <c:v>0.55776396850483967</c:v>
                </c:pt>
                <c:pt idx="243">
                  <c:v>0.55776396850483967</c:v>
                </c:pt>
                <c:pt idx="244">
                  <c:v>0.55776396850483967</c:v>
                </c:pt>
                <c:pt idx="245">
                  <c:v>0.71889578162846013</c:v>
                </c:pt>
                <c:pt idx="246">
                  <c:v>0.83044857532942806</c:v>
                </c:pt>
                <c:pt idx="247">
                  <c:v>0.83044857532942806</c:v>
                </c:pt>
                <c:pt idx="248">
                  <c:v>0.83044857532942806</c:v>
                </c:pt>
                <c:pt idx="249">
                  <c:v>0.89242234960774358</c:v>
                </c:pt>
                <c:pt idx="250">
                  <c:v>0.96679087874172231</c:v>
                </c:pt>
                <c:pt idx="251">
                  <c:v>1.1155279370096793</c:v>
                </c:pt>
                <c:pt idx="252">
                  <c:v>1.1155279370096793</c:v>
                </c:pt>
                <c:pt idx="253">
                  <c:v>1.1155279370096793</c:v>
                </c:pt>
                <c:pt idx="254">
                  <c:v>1.1155279370096793</c:v>
                </c:pt>
                <c:pt idx="255">
                  <c:v>1.1155279370096793</c:v>
                </c:pt>
                <c:pt idx="256">
                  <c:v>1.1155279370096793</c:v>
                </c:pt>
                <c:pt idx="257">
                  <c:v>1.1155279370096793</c:v>
                </c:pt>
                <c:pt idx="258">
                  <c:v>1.1155279370096793</c:v>
                </c:pt>
                <c:pt idx="259">
                  <c:v>0.92960661417473289</c:v>
                </c:pt>
                <c:pt idx="260">
                  <c:v>0.74368529133978634</c:v>
                </c:pt>
                <c:pt idx="261">
                  <c:v>0.55776396850483967</c:v>
                </c:pt>
                <c:pt idx="262">
                  <c:v>0.55776396850483967</c:v>
                </c:pt>
                <c:pt idx="263">
                  <c:v>0.55776396850483967</c:v>
                </c:pt>
                <c:pt idx="264">
                  <c:v>0.6137591423431199</c:v>
                </c:pt>
                <c:pt idx="265">
                  <c:v>0.6137591423431199</c:v>
                </c:pt>
                <c:pt idx="266">
                  <c:v>0.6137591423431199</c:v>
                </c:pt>
                <c:pt idx="267">
                  <c:v>0.6137591423431199</c:v>
                </c:pt>
                <c:pt idx="268">
                  <c:v>0.6137591423431199</c:v>
                </c:pt>
                <c:pt idx="269">
                  <c:v>0.79106733902002124</c:v>
                </c:pt>
                <c:pt idx="270">
                  <c:v>0.95473644364485333</c:v>
                </c:pt>
                <c:pt idx="271">
                  <c:v>0.95473644364485333</c:v>
                </c:pt>
                <c:pt idx="272">
                  <c:v>0.95473644364485333</c:v>
                </c:pt>
                <c:pt idx="273">
                  <c:v>1.0229319039052001</c:v>
                </c:pt>
                <c:pt idx="274">
                  <c:v>1.0638491800614078</c:v>
                </c:pt>
                <c:pt idx="275">
                  <c:v>1.2275182846862398</c:v>
                </c:pt>
                <c:pt idx="276">
                  <c:v>1.2275182846862398</c:v>
                </c:pt>
                <c:pt idx="277">
                  <c:v>1.2275182846862398</c:v>
                </c:pt>
                <c:pt idx="278">
                  <c:v>1.2275182846862398</c:v>
                </c:pt>
                <c:pt idx="279">
                  <c:v>1.0229319039052001</c:v>
                </c:pt>
                <c:pt idx="280">
                  <c:v>0.9683755356969227</c:v>
                </c:pt>
                <c:pt idx="281">
                  <c:v>0.9683755356969227</c:v>
                </c:pt>
                <c:pt idx="282">
                  <c:v>0.9683755356969227</c:v>
                </c:pt>
                <c:pt idx="283">
                  <c:v>0.9683755356969227</c:v>
                </c:pt>
                <c:pt idx="284">
                  <c:v>0.75015006286381325</c:v>
                </c:pt>
                <c:pt idx="285">
                  <c:v>0.2864209330934559</c:v>
                </c:pt>
                <c:pt idx="286">
                  <c:v>0.2864209330934559</c:v>
                </c:pt>
                <c:pt idx="287">
                  <c:v>0.2864209330934559</c:v>
                </c:pt>
                <c:pt idx="288">
                  <c:v>0.22054137076443037</c:v>
                </c:pt>
                <c:pt idx="289">
                  <c:v>0.43058077149245932</c:v>
                </c:pt>
                <c:pt idx="290">
                  <c:v>0.43058077149245932</c:v>
                </c:pt>
                <c:pt idx="291">
                  <c:v>0.43058077149245932</c:v>
                </c:pt>
                <c:pt idx="292">
                  <c:v>0.43058077149245932</c:v>
                </c:pt>
                <c:pt idx="293">
                  <c:v>0.53560047185647375</c:v>
                </c:pt>
                <c:pt idx="294">
                  <c:v>0.67212608232969251</c:v>
                </c:pt>
                <c:pt idx="295">
                  <c:v>0.76664381265730563</c:v>
                </c:pt>
                <c:pt idx="296">
                  <c:v>0.76664381265730563</c:v>
                </c:pt>
                <c:pt idx="297">
                  <c:v>0.76664381265730563</c:v>
                </c:pt>
                <c:pt idx="298">
                  <c:v>0.76664381265730563</c:v>
                </c:pt>
                <c:pt idx="299">
                  <c:v>0.76664381265730563</c:v>
                </c:pt>
                <c:pt idx="300">
                  <c:v>0.76664381265730563</c:v>
                </c:pt>
                <c:pt idx="301">
                  <c:v>0.76664381265730563</c:v>
                </c:pt>
                <c:pt idx="302">
                  <c:v>0.76664381265730563</c:v>
                </c:pt>
                <c:pt idx="303">
                  <c:v>0.69313002240249544</c:v>
                </c:pt>
                <c:pt idx="304">
                  <c:v>0.63011820218408676</c:v>
                </c:pt>
                <c:pt idx="305">
                  <c:v>0.56710638196567797</c:v>
                </c:pt>
                <c:pt idx="306">
                  <c:v>0.54610244189287516</c:v>
                </c:pt>
                <c:pt idx="307">
                  <c:v>0.44108274152886073</c:v>
                </c:pt>
                <c:pt idx="308">
                  <c:v>0.32556107112844479</c:v>
                </c:pt>
                <c:pt idx="309">
                  <c:v>0.32556107112844479</c:v>
                </c:pt>
                <c:pt idx="310">
                  <c:v>0.32556107112844479</c:v>
                </c:pt>
                <c:pt idx="311">
                  <c:v>0.32556107112844479</c:v>
                </c:pt>
                <c:pt idx="312">
                  <c:v>0.37486992879797348</c:v>
                </c:pt>
                <c:pt idx="313">
                  <c:v>0.43533282053958211</c:v>
                </c:pt>
                <c:pt idx="314">
                  <c:v>0.43533282053958211</c:v>
                </c:pt>
                <c:pt idx="315">
                  <c:v>0.43533282053958211</c:v>
                </c:pt>
                <c:pt idx="316">
                  <c:v>0.43533282053958211</c:v>
                </c:pt>
                <c:pt idx="317">
                  <c:v>0.54416602567447758</c:v>
                </c:pt>
                <c:pt idx="318">
                  <c:v>0.6409066524610515</c:v>
                </c:pt>
                <c:pt idx="319">
                  <c:v>0.76183243594426864</c:v>
                </c:pt>
                <c:pt idx="320">
                  <c:v>0.76183243594426864</c:v>
                </c:pt>
                <c:pt idx="321">
                  <c:v>0.76183243594426864</c:v>
                </c:pt>
                <c:pt idx="322">
                  <c:v>0.76183243594426864</c:v>
                </c:pt>
                <c:pt idx="323">
                  <c:v>0.76183243594426864</c:v>
                </c:pt>
                <c:pt idx="324">
                  <c:v>0.76183243594426864</c:v>
                </c:pt>
                <c:pt idx="325">
                  <c:v>0.76183243594426864</c:v>
                </c:pt>
                <c:pt idx="326">
                  <c:v>0.76183243594426864</c:v>
                </c:pt>
                <c:pt idx="327">
                  <c:v>0.67718438750601662</c:v>
                </c:pt>
                <c:pt idx="328">
                  <c:v>0.66509180915769484</c:v>
                </c:pt>
                <c:pt idx="329">
                  <c:v>0.56835118237112114</c:v>
                </c:pt>
                <c:pt idx="330">
                  <c:v>0.53207344732615591</c:v>
                </c:pt>
                <c:pt idx="331">
                  <c:v>0.44742539888790384</c:v>
                </c:pt>
                <c:pt idx="332">
                  <c:v>0.37486992879797348</c:v>
                </c:pt>
                <c:pt idx="333">
                  <c:v>0.32649961540468658</c:v>
                </c:pt>
                <c:pt idx="334">
                  <c:v>0.32649961540468658</c:v>
                </c:pt>
                <c:pt idx="335">
                  <c:v>0.32649961540468658</c:v>
                </c:pt>
                <c:pt idx="336">
                  <c:v>0.20174512169820641</c:v>
                </c:pt>
                <c:pt idx="337">
                  <c:v>0.20174512169820641</c:v>
                </c:pt>
                <c:pt idx="338">
                  <c:v>0.20174512169820641</c:v>
                </c:pt>
                <c:pt idx="339">
                  <c:v>0.20174512169820641</c:v>
                </c:pt>
                <c:pt idx="340">
                  <c:v>0.20174512169820641</c:v>
                </c:pt>
                <c:pt idx="341">
                  <c:v>0.87422886069222783</c:v>
                </c:pt>
                <c:pt idx="342">
                  <c:v>0.99191351501618152</c:v>
                </c:pt>
                <c:pt idx="343">
                  <c:v>0.99191351501618152</c:v>
                </c:pt>
                <c:pt idx="344">
                  <c:v>0.99191351501618152</c:v>
                </c:pt>
                <c:pt idx="345">
                  <c:v>1.0591618889155836</c:v>
                </c:pt>
                <c:pt idx="346">
                  <c:v>1.0591618889155836</c:v>
                </c:pt>
                <c:pt idx="347">
                  <c:v>1.3449674779880427</c:v>
                </c:pt>
                <c:pt idx="348">
                  <c:v>1.3449674779880427</c:v>
                </c:pt>
                <c:pt idx="349">
                  <c:v>0.89104095416707829</c:v>
                </c:pt>
                <c:pt idx="350">
                  <c:v>1.3449674779880427</c:v>
                </c:pt>
                <c:pt idx="351">
                  <c:v>1.3449674779880427</c:v>
                </c:pt>
                <c:pt idx="352">
                  <c:v>1.3449674779880427</c:v>
                </c:pt>
                <c:pt idx="353">
                  <c:v>1.3449674779880427</c:v>
                </c:pt>
                <c:pt idx="354">
                  <c:v>1.3449674779880427</c:v>
                </c:pt>
                <c:pt idx="355">
                  <c:v>1.1264102628149859</c:v>
                </c:pt>
                <c:pt idx="356">
                  <c:v>0.92466514111677944</c:v>
                </c:pt>
                <c:pt idx="357">
                  <c:v>0.67248373899402136</c:v>
                </c:pt>
                <c:pt idx="358">
                  <c:v>0.63885955204432032</c:v>
                </c:pt>
                <c:pt idx="359">
                  <c:v>0.63885955204432032</c:v>
                </c:pt>
                <c:pt idx="360">
                  <c:v>0.59254268571420821</c:v>
                </c:pt>
                <c:pt idx="361">
                  <c:v>0.59254268571420821</c:v>
                </c:pt>
                <c:pt idx="362">
                  <c:v>0.59254268571420821</c:v>
                </c:pt>
                <c:pt idx="363">
                  <c:v>0.59254268571420821</c:v>
                </c:pt>
                <c:pt idx="364">
                  <c:v>0.59254268571420821</c:v>
                </c:pt>
                <c:pt idx="365">
                  <c:v>0.7703054914284706</c:v>
                </c:pt>
                <c:pt idx="366">
                  <c:v>0.8591868942856018</c:v>
                </c:pt>
                <c:pt idx="367">
                  <c:v>0.88881402857131231</c:v>
                </c:pt>
                <c:pt idx="368">
                  <c:v>0.88881402857131231</c:v>
                </c:pt>
                <c:pt idx="369">
                  <c:v>0.96288186428558831</c:v>
                </c:pt>
                <c:pt idx="370">
                  <c:v>1.0073225657141538</c:v>
                </c:pt>
                <c:pt idx="371">
                  <c:v>1.1850853714284164</c:v>
                </c:pt>
                <c:pt idx="372">
                  <c:v>1.1850853714284164</c:v>
                </c:pt>
                <c:pt idx="373">
                  <c:v>1.1850853714284164</c:v>
                </c:pt>
                <c:pt idx="374">
                  <c:v>1.1850853714284164</c:v>
                </c:pt>
                <c:pt idx="375">
                  <c:v>1.1850853714284164</c:v>
                </c:pt>
                <c:pt idx="376">
                  <c:v>1.1850853714284164</c:v>
                </c:pt>
                <c:pt idx="377">
                  <c:v>1.1850853714284164</c:v>
                </c:pt>
                <c:pt idx="378">
                  <c:v>1.1850853714284164</c:v>
                </c:pt>
                <c:pt idx="379">
                  <c:v>0.99250899857129882</c:v>
                </c:pt>
                <c:pt idx="380">
                  <c:v>0.8147461928570362</c:v>
                </c:pt>
                <c:pt idx="381">
                  <c:v>0.59254268571420821</c:v>
                </c:pt>
                <c:pt idx="382">
                  <c:v>0.59254268571420821</c:v>
                </c:pt>
                <c:pt idx="383">
                  <c:v>0.59254268571420821</c:v>
                </c:pt>
                <c:pt idx="384">
                  <c:v>0.51535221003664711</c:v>
                </c:pt>
                <c:pt idx="385">
                  <c:v>0.57977123629122795</c:v>
                </c:pt>
                <c:pt idx="386">
                  <c:v>0.57977123629122795</c:v>
                </c:pt>
                <c:pt idx="387">
                  <c:v>0.57977123629122795</c:v>
                </c:pt>
                <c:pt idx="388">
                  <c:v>0.57977123629122795</c:v>
                </c:pt>
                <c:pt idx="389">
                  <c:v>0.7472607045531382</c:v>
                </c:pt>
                <c:pt idx="390">
                  <c:v>0.86321495181138397</c:v>
                </c:pt>
                <c:pt idx="391">
                  <c:v>0.86321495181138397</c:v>
                </c:pt>
                <c:pt idx="392">
                  <c:v>0.86321495181138397</c:v>
                </c:pt>
                <c:pt idx="393">
                  <c:v>0.9276339780659647</c:v>
                </c:pt>
                <c:pt idx="394">
                  <c:v>1.0049368095714617</c:v>
                </c:pt>
                <c:pt idx="395">
                  <c:v>1.1595424725824559</c:v>
                </c:pt>
                <c:pt idx="396">
                  <c:v>1.1595424725824559</c:v>
                </c:pt>
                <c:pt idx="397">
                  <c:v>1.1595424725824559</c:v>
                </c:pt>
                <c:pt idx="398">
                  <c:v>1.1595424725824559</c:v>
                </c:pt>
                <c:pt idx="399">
                  <c:v>1.1595424725824559</c:v>
                </c:pt>
                <c:pt idx="400">
                  <c:v>1.1595424725824559</c:v>
                </c:pt>
                <c:pt idx="401">
                  <c:v>1.1595424725824559</c:v>
                </c:pt>
                <c:pt idx="402">
                  <c:v>1.1595424725824559</c:v>
                </c:pt>
                <c:pt idx="403">
                  <c:v>0.96628539381871337</c:v>
                </c:pt>
                <c:pt idx="404">
                  <c:v>0.77302831505497072</c:v>
                </c:pt>
                <c:pt idx="405">
                  <c:v>0.57977123629122795</c:v>
                </c:pt>
                <c:pt idx="406">
                  <c:v>0.57977123629122795</c:v>
                </c:pt>
                <c:pt idx="407">
                  <c:v>0.57977123629122795</c:v>
                </c:pt>
                <c:pt idx="408">
                  <c:v>0.58808580428649815</c:v>
                </c:pt>
                <c:pt idx="409">
                  <c:v>0.58808580428649815</c:v>
                </c:pt>
                <c:pt idx="410">
                  <c:v>0.58808580428649815</c:v>
                </c:pt>
                <c:pt idx="411">
                  <c:v>0.58808580428649815</c:v>
                </c:pt>
                <c:pt idx="412">
                  <c:v>0.58808580428649815</c:v>
                </c:pt>
                <c:pt idx="413">
                  <c:v>0.75797725885815315</c:v>
                </c:pt>
                <c:pt idx="414">
                  <c:v>0.87559441971545304</c:v>
                </c:pt>
                <c:pt idx="415">
                  <c:v>0.87559441971545304</c:v>
                </c:pt>
                <c:pt idx="416">
                  <c:v>0.87559441971545304</c:v>
                </c:pt>
                <c:pt idx="417">
                  <c:v>0.94093728685839728</c:v>
                </c:pt>
                <c:pt idx="418">
                  <c:v>1.0193487274299302</c:v>
                </c:pt>
                <c:pt idx="419">
                  <c:v>1.1761716085729963</c:v>
                </c:pt>
                <c:pt idx="420">
                  <c:v>1.1761716085729963</c:v>
                </c:pt>
                <c:pt idx="421">
                  <c:v>1.1761716085729963</c:v>
                </c:pt>
                <c:pt idx="422">
                  <c:v>1.1761716085729963</c:v>
                </c:pt>
                <c:pt idx="423">
                  <c:v>1.1761716085729963</c:v>
                </c:pt>
                <c:pt idx="424">
                  <c:v>1.1761716085729963</c:v>
                </c:pt>
                <c:pt idx="425">
                  <c:v>1.1761716085729963</c:v>
                </c:pt>
                <c:pt idx="426">
                  <c:v>1.1761716085729963</c:v>
                </c:pt>
                <c:pt idx="427">
                  <c:v>0.98014300714416369</c:v>
                </c:pt>
                <c:pt idx="428">
                  <c:v>0.78411440571533109</c:v>
                </c:pt>
                <c:pt idx="429">
                  <c:v>0.58808580428649815</c:v>
                </c:pt>
                <c:pt idx="430">
                  <c:v>0.58808580428649815</c:v>
                </c:pt>
                <c:pt idx="431">
                  <c:v>0.58808580428649815</c:v>
                </c:pt>
                <c:pt idx="432">
                  <c:v>0.64860781787840815</c:v>
                </c:pt>
                <c:pt idx="433">
                  <c:v>0.64860781787840815</c:v>
                </c:pt>
                <c:pt idx="434">
                  <c:v>0.64860781787840815</c:v>
                </c:pt>
                <c:pt idx="435">
                  <c:v>0.64860781787840815</c:v>
                </c:pt>
                <c:pt idx="436">
                  <c:v>0.64860781787840815</c:v>
                </c:pt>
                <c:pt idx="437">
                  <c:v>0.83598340970994833</c:v>
                </c:pt>
                <c:pt idx="438">
                  <c:v>1.0089454944775238</c:v>
                </c:pt>
                <c:pt idx="439">
                  <c:v>1.0089454944775238</c:v>
                </c:pt>
                <c:pt idx="440">
                  <c:v>1.0089454944775238</c:v>
                </c:pt>
                <c:pt idx="441">
                  <c:v>1.081013029797347</c:v>
                </c:pt>
                <c:pt idx="442">
                  <c:v>1.1242535509892408</c:v>
                </c:pt>
                <c:pt idx="443">
                  <c:v>1.2972156357568163</c:v>
                </c:pt>
                <c:pt idx="444">
                  <c:v>1.2972156357568163</c:v>
                </c:pt>
                <c:pt idx="445">
                  <c:v>1.2972156357568163</c:v>
                </c:pt>
                <c:pt idx="446">
                  <c:v>1.2972156357568163</c:v>
                </c:pt>
                <c:pt idx="447">
                  <c:v>1.081013029797347</c:v>
                </c:pt>
                <c:pt idx="448">
                  <c:v>1.0233590015414886</c:v>
                </c:pt>
                <c:pt idx="449">
                  <c:v>1.0233590015414886</c:v>
                </c:pt>
                <c:pt idx="450">
                  <c:v>1.0233590015414886</c:v>
                </c:pt>
                <c:pt idx="451">
                  <c:v>1.0233590015414886</c:v>
                </c:pt>
                <c:pt idx="452">
                  <c:v>0.79274288851805441</c:v>
                </c:pt>
                <c:pt idx="453">
                  <c:v>0.30268364834325712</c:v>
                </c:pt>
                <c:pt idx="454">
                  <c:v>0.30268364834325712</c:v>
                </c:pt>
                <c:pt idx="455">
                  <c:v>0.30268364834325712</c:v>
                </c:pt>
                <c:pt idx="456">
                  <c:v>0.2154702494373405</c:v>
                </c:pt>
                <c:pt idx="457">
                  <c:v>0.42068001080623624</c:v>
                </c:pt>
                <c:pt idx="458">
                  <c:v>0.42068001080623624</c:v>
                </c:pt>
                <c:pt idx="459">
                  <c:v>0.42068001080623624</c:v>
                </c:pt>
                <c:pt idx="460">
                  <c:v>0.42068001080623624</c:v>
                </c:pt>
                <c:pt idx="461">
                  <c:v>0.52328489149068413</c:v>
                </c:pt>
                <c:pt idx="462">
                  <c:v>0.65667123638046632</c:v>
                </c:pt>
                <c:pt idx="463">
                  <c:v>0.74901562899646945</c:v>
                </c:pt>
                <c:pt idx="464">
                  <c:v>0.74901562899646945</c:v>
                </c:pt>
                <c:pt idx="465">
                  <c:v>0.74901562899646945</c:v>
                </c:pt>
                <c:pt idx="466">
                  <c:v>0.74901562899646945</c:v>
                </c:pt>
                <c:pt idx="467">
                  <c:v>0.74901562899646945</c:v>
                </c:pt>
                <c:pt idx="468">
                  <c:v>0.74901562899646945</c:v>
                </c:pt>
                <c:pt idx="469">
                  <c:v>0.74901562899646945</c:v>
                </c:pt>
                <c:pt idx="470">
                  <c:v>0.74901562899646945</c:v>
                </c:pt>
                <c:pt idx="471">
                  <c:v>0.67719221251735595</c:v>
                </c:pt>
                <c:pt idx="472">
                  <c:v>0.61562928410668716</c:v>
                </c:pt>
                <c:pt idx="473">
                  <c:v>0.55406635569601848</c:v>
                </c:pt>
                <c:pt idx="474">
                  <c:v>0.53354537955912895</c:v>
                </c:pt>
                <c:pt idx="475">
                  <c:v>0.430940498874681</c:v>
                </c:pt>
                <c:pt idx="476">
                  <c:v>0.3180751301217884</c:v>
                </c:pt>
                <c:pt idx="477">
                  <c:v>0.3180751301217884</c:v>
                </c:pt>
                <c:pt idx="478">
                  <c:v>0.3180751301217884</c:v>
                </c:pt>
                <c:pt idx="479">
                  <c:v>0.3180751301217884</c:v>
                </c:pt>
                <c:pt idx="480">
                  <c:v>0.36514654848334982</c:v>
                </c:pt>
                <c:pt idx="481">
                  <c:v>0.4240411530774385</c:v>
                </c:pt>
                <c:pt idx="482">
                  <c:v>0.4240411530774385</c:v>
                </c:pt>
                <c:pt idx="483">
                  <c:v>0.4240411530774385</c:v>
                </c:pt>
                <c:pt idx="484">
                  <c:v>0.4240411530774385</c:v>
                </c:pt>
                <c:pt idx="485">
                  <c:v>0.53005144134679816</c:v>
                </c:pt>
                <c:pt idx="486">
                  <c:v>0.6242828086973401</c:v>
                </c:pt>
                <c:pt idx="487">
                  <c:v>0.74207201788551735</c:v>
                </c:pt>
                <c:pt idx="488">
                  <c:v>0.74207201788551735</c:v>
                </c:pt>
                <c:pt idx="489">
                  <c:v>0.74207201788551735</c:v>
                </c:pt>
                <c:pt idx="490">
                  <c:v>0.74207201788551735</c:v>
                </c:pt>
                <c:pt idx="491">
                  <c:v>0.74207201788551735</c:v>
                </c:pt>
                <c:pt idx="492">
                  <c:v>0.74207201788551735</c:v>
                </c:pt>
                <c:pt idx="493">
                  <c:v>0.74207201788551735</c:v>
                </c:pt>
                <c:pt idx="494">
                  <c:v>0.74207201788551735</c:v>
                </c:pt>
                <c:pt idx="495">
                  <c:v>0.65961957145379324</c:v>
                </c:pt>
                <c:pt idx="496">
                  <c:v>0.64784065053497542</c:v>
                </c:pt>
                <c:pt idx="497">
                  <c:v>0.55360928318443359</c:v>
                </c:pt>
                <c:pt idx="498">
                  <c:v>0.51827252042798044</c:v>
                </c:pt>
                <c:pt idx="499">
                  <c:v>0.43582007399625627</c:v>
                </c:pt>
                <c:pt idx="500">
                  <c:v>0.36514654848334982</c:v>
                </c:pt>
                <c:pt idx="501">
                  <c:v>0.31803086480807891</c:v>
                </c:pt>
                <c:pt idx="502">
                  <c:v>0.31803086480807891</c:v>
                </c:pt>
                <c:pt idx="503">
                  <c:v>0.31803086480807891</c:v>
                </c:pt>
                <c:pt idx="504">
                  <c:v>0.20001771626315909</c:v>
                </c:pt>
                <c:pt idx="505">
                  <c:v>0.20001771626315909</c:v>
                </c:pt>
                <c:pt idx="506">
                  <c:v>0.20001771626315909</c:v>
                </c:pt>
                <c:pt idx="507">
                  <c:v>0.20001771626315909</c:v>
                </c:pt>
                <c:pt idx="508">
                  <c:v>0.20001771626315909</c:v>
                </c:pt>
                <c:pt idx="509">
                  <c:v>0.86674343714035595</c:v>
                </c:pt>
                <c:pt idx="510">
                  <c:v>0.98342043829386561</c:v>
                </c:pt>
                <c:pt idx="511">
                  <c:v>0.98342043829386561</c:v>
                </c:pt>
                <c:pt idx="512">
                  <c:v>0.98342043829386561</c:v>
                </c:pt>
                <c:pt idx="513">
                  <c:v>1.0500930103815853</c:v>
                </c:pt>
                <c:pt idx="514">
                  <c:v>1.0500930103815853</c:v>
                </c:pt>
                <c:pt idx="515">
                  <c:v>1.3334514417543939</c:v>
                </c:pt>
                <c:pt idx="516">
                  <c:v>1.3334514417543939</c:v>
                </c:pt>
                <c:pt idx="517">
                  <c:v>0.88341158016228594</c:v>
                </c:pt>
                <c:pt idx="518">
                  <c:v>1.3334514417543939</c:v>
                </c:pt>
                <c:pt idx="519">
                  <c:v>1.3334514417543939</c:v>
                </c:pt>
                <c:pt idx="520">
                  <c:v>1.3334514417543939</c:v>
                </c:pt>
                <c:pt idx="521">
                  <c:v>1.3334514417543939</c:v>
                </c:pt>
                <c:pt idx="522">
                  <c:v>1.3334514417543939</c:v>
                </c:pt>
                <c:pt idx="523">
                  <c:v>1.1167655824693048</c:v>
                </c:pt>
                <c:pt idx="524">
                  <c:v>0.91674786620614568</c:v>
                </c:pt>
                <c:pt idx="525">
                  <c:v>0.66672572087719695</c:v>
                </c:pt>
                <c:pt idx="526">
                  <c:v>0.63338943483333698</c:v>
                </c:pt>
                <c:pt idx="527">
                  <c:v>0.63338943483333698</c:v>
                </c:pt>
                <c:pt idx="528">
                  <c:v>0.56570554229109438</c:v>
                </c:pt>
                <c:pt idx="529">
                  <c:v>0.56570554229109438</c:v>
                </c:pt>
                <c:pt idx="530">
                  <c:v>0.56570554229109438</c:v>
                </c:pt>
                <c:pt idx="531">
                  <c:v>0.56570554229109438</c:v>
                </c:pt>
                <c:pt idx="532">
                  <c:v>0.56570554229109438</c:v>
                </c:pt>
                <c:pt idx="533">
                  <c:v>0.73541720497842256</c:v>
                </c:pt>
                <c:pt idx="534">
                  <c:v>0.8202730363220867</c:v>
                </c:pt>
                <c:pt idx="535">
                  <c:v>0.84855831343664145</c:v>
                </c:pt>
                <c:pt idx="536">
                  <c:v>0.84855831343664145</c:v>
                </c:pt>
                <c:pt idx="537">
                  <c:v>0.91927150622302822</c:v>
                </c:pt>
                <c:pt idx="538">
                  <c:v>0.96169942189486035</c:v>
                </c:pt>
                <c:pt idx="539">
                  <c:v>1.1314110845821888</c:v>
                </c:pt>
                <c:pt idx="540">
                  <c:v>1.1314110845821888</c:v>
                </c:pt>
                <c:pt idx="541">
                  <c:v>1.1314110845821888</c:v>
                </c:pt>
                <c:pt idx="542">
                  <c:v>1.1314110845821888</c:v>
                </c:pt>
                <c:pt idx="543">
                  <c:v>1.1314110845821888</c:v>
                </c:pt>
                <c:pt idx="544">
                  <c:v>1.1314110845821888</c:v>
                </c:pt>
                <c:pt idx="545">
                  <c:v>1.1314110845821888</c:v>
                </c:pt>
                <c:pt idx="546">
                  <c:v>1.1314110845821888</c:v>
                </c:pt>
                <c:pt idx="547">
                  <c:v>0.94755678333758298</c:v>
                </c:pt>
                <c:pt idx="548">
                  <c:v>0.77784512065025468</c:v>
                </c:pt>
                <c:pt idx="549">
                  <c:v>0.56570554229109438</c:v>
                </c:pt>
                <c:pt idx="550">
                  <c:v>0.56570554229109438</c:v>
                </c:pt>
                <c:pt idx="551">
                  <c:v>0.56570554229109438</c:v>
                </c:pt>
                <c:pt idx="552">
                  <c:v>0.49732135603698302</c:v>
                </c:pt>
                <c:pt idx="553">
                  <c:v>0.55948652554160572</c:v>
                </c:pt>
                <c:pt idx="554">
                  <c:v>0.55948652554160572</c:v>
                </c:pt>
                <c:pt idx="555">
                  <c:v>0.55948652554160572</c:v>
                </c:pt>
                <c:pt idx="556">
                  <c:v>0.55948652554160572</c:v>
                </c:pt>
                <c:pt idx="557">
                  <c:v>0.72111596625362517</c:v>
                </c:pt>
                <c:pt idx="558">
                  <c:v>0.83301327136194636</c:v>
                </c:pt>
                <c:pt idx="559">
                  <c:v>0.83301327136194636</c:v>
                </c:pt>
                <c:pt idx="560">
                  <c:v>0.83301327136194636</c:v>
                </c:pt>
                <c:pt idx="561">
                  <c:v>0.89517844086656917</c:v>
                </c:pt>
                <c:pt idx="562">
                  <c:v>0.96977664427211674</c:v>
                </c:pt>
                <c:pt idx="563">
                  <c:v>1.1189730510832114</c:v>
                </c:pt>
                <c:pt idx="564">
                  <c:v>1.1189730510832114</c:v>
                </c:pt>
                <c:pt idx="565">
                  <c:v>1.1189730510832114</c:v>
                </c:pt>
                <c:pt idx="566">
                  <c:v>1.1189730510832114</c:v>
                </c:pt>
                <c:pt idx="567">
                  <c:v>1.1189730510832114</c:v>
                </c:pt>
                <c:pt idx="568">
                  <c:v>1.1189730510832114</c:v>
                </c:pt>
                <c:pt idx="569">
                  <c:v>1.1189730510832114</c:v>
                </c:pt>
                <c:pt idx="570">
                  <c:v>1.1189730510832114</c:v>
                </c:pt>
                <c:pt idx="571">
                  <c:v>0.9324775425693429</c:v>
                </c:pt>
                <c:pt idx="572">
                  <c:v>0.74598203405547436</c:v>
                </c:pt>
                <c:pt idx="573">
                  <c:v>0.55948652554160572</c:v>
                </c:pt>
                <c:pt idx="574">
                  <c:v>0.55948652554160572</c:v>
                </c:pt>
                <c:pt idx="575">
                  <c:v>0.55948652554160572</c:v>
                </c:pt>
                <c:pt idx="576">
                  <c:v>0.55235002362431451</c:v>
                </c:pt>
                <c:pt idx="577">
                  <c:v>0.55235002362431451</c:v>
                </c:pt>
                <c:pt idx="578">
                  <c:v>0.55235002362431451</c:v>
                </c:pt>
                <c:pt idx="579">
                  <c:v>0.55235002362431451</c:v>
                </c:pt>
                <c:pt idx="580">
                  <c:v>0.55235002362431451</c:v>
                </c:pt>
                <c:pt idx="581">
                  <c:v>0.71191780822689421</c:v>
                </c:pt>
                <c:pt idx="582">
                  <c:v>0.82238781295175711</c:v>
                </c:pt>
                <c:pt idx="583">
                  <c:v>0.82238781295175711</c:v>
                </c:pt>
                <c:pt idx="584">
                  <c:v>0.82238781295175711</c:v>
                </c:pt>
                <c:pt idx="585">
                  <c:v>0.88376003779890322</c:v>
                </c:pt>
                <c:pt idx="586">
                  <c:v>0.95740670761547852</c:v>
                </c:pt>
                <c:pt idx="587">
                  <c:v>1.104700047248629</c:v>
                </c:pt>
                <c:pt idx="588">
                  <c:v>1.104700047248629</c:v>
                </c:pt>
                <c:pt idx="589">
                  <c:v>1.104700047248629</c:v>
                </c:pt>
                <c:pt idx="590">
                  <c:v>1.104700047248629</c:v>
                </c:pt>
                <c:pt idx="591">
                  <c:v>1.104700047248629</c:v>
                </c:pt>
                <c:pt idx="592">
                  <c:v>1.104700047248629</c:v>
                </c:pt>
                <c:pt idx="593">
                  <c:v>1.104700047248629</c:v>
                </c:pt>
                <c:pt idx="594">
                  <c:v>1.104700047248629</c:v>
                </c:pt>
                <c:pt idx="595">
                  <c:v>0.92058337270719082</c:v>
                </c:pt>
                <c:pt idx="596">
                  <c:v>0.73646669816575272</c:v>
                </c:pt>
                <c:pt idx="597">
                  <c:v>0.55235002362431451</c:v>
                </c:pt>
                <c:pt idx="598">
                  <c:v>0.55235002362431451</c:v>
                </c:pt>
                <c:pt idx="599">
                  <c:v>0.55235002362431451</c:v>
                </c:pt>
                <c:pt idx="600">
                  <c:v>0.62925313105433156</c:v>
                </c:pt>
                <c:pt idx="601">
                  <c:v>0.62925313105433156</c:v>
                </c:pt>
                <c:pt idx="602">
                  <c:v>0.62925313105433156</c:v>
                </c:pt>
                <c:pt idx="603">
                  <c:v>0.62925313105433156</c:v>
                </c:pt>
                <c:pt idx="604">
                  <c:v>0.62925313105433156</c:v>
                </c:pt>
                <c:pt idx="605">
                  <c:v>0.81103736891447198</c:v>
                </c:pt>
                <c:pt idx="606">
                  <c:v>0.97883820386229381</c:v>
                </c:pt>
                <c:pt idx="607">
                  <c:v>0.97883820386229381</c:v>
                </c:pt>
                <c:pt idx="608">
                  <c:v>0.97883820386229381</c:v>
                </c:pt>
                <c:pt idx="609">
                  <c:v>1.0487552184238862</c:v>
                </c:pt>
                <c:pt idx="610">
                  <c:v>1.0907054271608416</c:v>
                </c:pt>
                <c:pt idx="611">
                  <c:v>1.2585062621086631</c:v>
                </c:pt>
                <c:pt idx="612">
                  <c:v>1.2585062621086631</c:v>
                </c:pt>
                <c:pt idx="613">
                  <c:v>1.2585062621086631</c:v>
                </c:pt>
                <c:pt idx="614">
                  <c:v>1.2585062621086631</c:v>
                </c:pt>
                <c:pt idx="615">
                  <c:v>1.0487552184238862</c:v>
                </c:pt>
                <c:pt idx="616">
                  <c:v>0.99282160677461229</c:v>
                </c:pt>
                <c:pt idx="617">
                  <c:v>0.99282160677461229</c:v>
                </c:pt>
                <c:pt idx="618">
                  <c:v>0.99282160677461229</c:v>
                </c:pt>
                <c:pt idx="619">
                  <c:v>0.99282160677461229</c:v>
                </c:pt>
                <c:pt idx="620">
                  <c:v>0.76908716017751655</c:v>
                </c:pt>
                <c:pt idx="621">
                  <c:v>0.29365146115868812</c:v>
                </c:pt>
                <c:pt idx="622">
                  <c:v>0.29365146115868812</c:v>
                </c:pt>
                <c:pt idx="623">
                  <c:v>0.29365146115868812</c:v>
                </c:pt>
                <c:pt idx="624">
                  <c:v>0.20750134449477076</c:v>
                </c:pt>
                <c:pt idx="625">
                  <c:v>0.40512167258502868</c:v>
                </c:pt>
                <c:pt idx="626">
                  <c:v>0.40512167258502868</c:v>
                </c:pt>
                <c:pt idx="627">
                  <c:v>0.40512167258502868</c:v>
                </c:pt>
                <c:pt idx="628">
                  <c:v>0.40512167258502868</c:v>
                </c:pt>
                <c:pt idx="629">
                  <c:v>0.50393183663015761</c:v>
                </c:pt>
                <c:pt idx="630">
                  <c:v>0.63238504988882527</c:v>
                </c:pt>
                <c:pt idx="631">
                  <c:v>0.72131419752944126</c:v>
                </c:pt>
                <c:pt idx="632">
                  <c:v>0.72131419752944126</c:v>
                </c:pt>
                <c:pt idx="633">
                  <c:v>0.72131419752944126</c:v>
                </c:pt>
                <c:pt idx="634">
                  <c:v>0.72131419752944126</c:v>
                </c:pt>
                <c:pt idx="635">
                  <c:v>0.72131419752944126</c:v>
                </c:pt>
                <c:pt idx="636">
                  <c:v>0.72131419752944126</c:v>
                </c:pt>
                <c:pt idx="637">
                  <c:v>0.72131419752944126</c:v>
                </c:pt>
                <c:pt idx="638">
                  <c:v>0.72131419752944126</c:v>
                </c:pt>
                <c:pt idx="639">
                  <c:v>0.65214708269785104</c:v>
                </c:pt>
                <c:pt idx="640">
                  <c:v>0.59286098427077372</c:v>
                </c:pt>
                <c:pt idx="641">
                  <c:v>0.53357488584369628</c:v>
                </c:pt>
                <c:pt idx="642">
                  <c:v>0.51381285303467039</c:v>
                </c:pt>
                <c:pt idx="643">
                  <c:v>0.41500268898954151</c:v>
                </c:pt>
                <c:pt idx="644">
                  <c:v>0.30631150853989969</c:v>
                </c:pt>
                <c:pt idx="645">
                  <c:v>0.30631150853989969</c:v>
                </c:pt>
                <c:pt idx="646">
                  <c:v>0.30631150853989969</c:v>
                </c:pt>
                <c:pt idx="647">
                  <c:v>0.30631150853989969</c:v>
                </c:pt>
                <c:pt idx="648">
                  <c:v>0.34326894277544673</c:v>
                </c:pt>
                <c:pt idx="649">
                  <c:v>0.39863490128761553</c:v>
                </c:pt>
                <c:pt idx="650">
                  <c:v>0.39863490128761553</c:v>
                </c:pt>
                <c:pt idx="651">
                  <c:v>0.39863490128761553</c:v>
                </c:pt>
                <c:pt idx="652">
                  <c:v>0.39863490128761553</c:v>
                </c:pt>
                <c:pt idx="653">
                  <c:v>0.49829362660951942</c:v>
                </c:pt>
                <c:pt idx="654">
                  <c:v>0.58687916022898956</c:v>
                </c:pt>
                <c:pt idx="655">
                  <c:v>0.69761107725332727</c:v>
                </c:pt>
                <c:pt idx="656">
                  <c:v>0.69761107725332727</c:v>
                </c:pt>
                <c:pt idx="657">
                  <c:v>0.69761107725332727</c:v>
                </c:pt>
                <c:pt idx="658">
                  <c:v>0.69761107725332727</c:v>
                </c:pt>
                <c:pt idx="659">
                  <c:v>0.69761107725332727</c:v>
                </c:pt>
                <c:pt idx="660">
                  <c:v>0.69761107725332727</c:v>
                </c:pt>
                <c:pt idx="661">
                  <c:v>0.69761107725332727</c:v>
                </c:pt>
                <c:pt idx="662">
                  <c:v>0.69761107725332727</c:v>
                </c:pt>
                <c:pt idx="663">
                  <c:v>0.6200987353362909</c:v>
                </c:pt>
                <c:pt idx="664">
                  <c:v>0.60902554363385708</c:v>
                </c:pt>
                <c:pt idx="665">
                  <c:v>0.520440010014387</c:v>
                </c:pt>
                <c:pt idx="666">
                  <c:v>0.48722043490708572</c:v>
                </c:pt>
                <c:pt idx="667">
                  <c:v>0.40970809299004934</c:v>
                </c:pt>
                <c:pt idx="668">
                  <c:v>0.34326894277544673</c:v>
                </c:pt>
                <c:pt idx="669">
                  <c:v>0.29897617596571169</c:v>
                </c:pt>
                <c:pt idx="670">
                  <c:v>0.29897617596571169</c:v>
                </c:pt>
                <c:pt idx="671">
                  <c:v>0.29897617596571169</c:v>
                </c:pt>
                <c:pt idx="672">
                  <c:v>0.19357494567263178</c:v>
                </c:pt>
                <c:pt idx="673">
                  <c:v>0.19357494567263178</c:v>
                </c:pt>
                <c:pt idx="674">
                  <c:v>0.19357494567263178</c:v>
                </c:pt>
                <c:pt idx="675">
                  <c:v>0.19357494567263178</c:v>
                </c:pt>
                <c:pt idx="676">
                  <c:v>0.19357494567263178</c:v>
                </c:pt>
                <c:pt idx="677">
                  <c:v>0.83882476458140454</c:v>
                </c:pt>
                <c:pt idx="678">
                  <c:v>0.95174348289043975</c:v>
                </c:pt>
                <c:pt idx="679">
                  <c:v>0.95174348289043975</c:v>
                </c:pt>
                <c:pt idx="680">
                  <c:v>0.95174348289043975</c:v>
                </c:pt>
                <c:pt idx="681">
                  <c:v>1.0162684647813169</c:v>
                </c:pt>
                <c:pt idx="682">
                  <c:v>1.0162684647813169</c:v>
                </c:pt>
                <c:pt idx="683">
                  <c:v>1.2904996378175455</c:v>
                </c:pt>
                <c:pt idx="684">
                  <c:v>1.2904996378175455</c:v>
                </c:pt>
                <c:pt idx="685">
                  <c:v>0.85495601005412392</c:v>
                </c:pt>
                <c:pt idx="686">
                  <c:v>1.2904996378175455</c:v>
                </c:pt>
                <c:pt idx="687">
                  <c:v>1.2904996378175455</c:v>
                </c:pt>
                <c:pt idx="688">
                  <c:v>1.2904996378175455</c:v>
                </c:pt>
                <c:pt idx="689">
                  <c:v>1.2904996378175455</c:v>
                </c:pt>
                <c:pt idx="690">
                  <c:v>1.2904996378175455</c:v>
                </c:pt>
                <c:pt idx="691">
                  <c:v>1.0807934466721942</c:v>
                </c:pt>
                <c:pt idx="692">
                  <c:v>0.88721850099956256</c:v>
                </c:pt>
                <c:pt idx="693">
                  <c:v>0.64524981890877275</c:v>
                </c:pt>
                <c:pt idx="694">
                  <c:v>0.61298732796333399</c:v>
                </c:pt>
                <c:pt idx="695">
                  <c:v>0.61298732796333399</c:v>
                </c:pt>
                <c:pt idx="696">
                  <c:v>0.56815977024234021</c:v>
                </c:pt>
                <c:pt idx="697">
                  <c:v>0.56815977024234021</c:v>
                </c:pt>
                <c:pt idx="698">
                  <c:v>0.56815977024234021</c:v>
                </c:pt>
                <c:pt idx="699">
                  <c:v>0.56815977024234021</c:v>
                </c:pt>
                <c:pt idx="700">
                  <c:v>0.56815977024234021</c:v>
                </c:pt>
                <c:pt idx="701">
                  <c:v>0.73860770131504228</c:v>
                </c:pt>
                <c:pt idx="702">
                  <c:v>0.82383166685139331</c:v>
                </c:pt>
                <c:pt idx="703">
                  <c:v>0.85223965536351032</c:v>
                </c:pt>
                <c:pt idx="704">
                  <c:v>0.85223965536351032</c:v>
                </c:pt>
                <c:pt idx="705">
                  <c:v>0.92325962664380279</c:v>
                </c:pt>
                <c:pt idx="706">
                  <c:v>0.96587160941197836</c:v>
                </c:pt>
                <c:pt idx="707">
                  <c:v>1.1363195404846804</c:v>
                </c:pt>
                <c:pt idx="708">
                  <c:v>1.1363195404846804</c:v>
                </c:pt>
                <c:pt idx="709">
                  <c:v>1.1363195404846804</c:v>
                </c:pt>
                <c:pt idx="710">
                  <c:v>1.1363195404846804</c:v>
                </c:pt>
                <c:pt idx="711">
                  <c:v>1.1363195404846804</c:v>
                </c:pt>
                <c:pt idx="712">
                  <c:v>1.1363195404846804</c:v>
                </c:pt>
                <c:pt idx="713">
                  <c:v>1.1363195404846804</c:v>
                </c:pt>
                <c:pt idx="714">
                  <c:v>1.1363195404846804</c:v>
                </c:pt>
                <c:pt idx="715">
                  <c:v>0.9516676151559198</c:v>
                </c:pt>
                <c:pt idx="716">
                  <c:v>0.78121968408321785</c:v>
                </c:pt>
                <c:pt idx="717">
                  <c:v>0.56815977024234021</c:v>
                </c:pt>
                <c:pt idx="718">
                  <c:v>0.56815977024234021</c:v>
                </c:pt>
                <c:pt idx="719">
                  <c:v>0.56815977024234021</c:v>
                </c:pt>
                <c:pt idx="720">
                  <c:v>0.53336246559168077</c:v>
                </c:pt>
                <c:pt idx="721">
                  <c:v>0.60003277379064091</c:v>
                </c:pt>
                <c:pt idx="722">
                  <c:v>0.60003277379064091</c:v>
                </c:pt>
                <c:pt idx="723">
                  <c:v>0.60003277379064091</c:v>
                </c:pt>
                <c:pt idx="724">
                  <c:v>0.60003277379064091</c:v>
                </c:pt>
                <c:pt idx="725">
                  <c:v>0.7733755751079372</c:v>
                </c:pt>
                <c:pt idx="726">
                  <c:v>0.89338212986606547</c:v>
                </c:pt>
                <c:pt idx="727">
                  <c:v>0.89338212986606547</c:v>
                </c:pt>
                <c:pt idx="728">
                  <c:v>0.89338212986606547</c:v>
                </c:pt>
                <c:pt idx="729">
                  <c:v>0.96005243806502538</c:v>
                </c:pt>
                <c:pt idx="730">
                  <c:v>1.0400568079037775</c:v>
                </c:pt>
                <c:pt idx="731">
                  <c:v>1.2000655475812818</c:v>
                </c:pt>
                <c:pt idx="732">
                  <c:v>1.2000655475812818</c:v>
                </c:pt>
                <c:pt idx="733">
                  <c:v>1.2000655475812818</c:v>
                </c:pt>
                <c:pt idx="734">
                  <c:v>1.2000655475812818</c:v>
                </c:pt>
                <c:pt idx="735">
                  <c:v>1.2000655475812818</c:v>
                </c:pt>
                <c:pt idx="736">
                  <c:v>1.2000655475812818</c:v>
                </c:pt>
                <c:pt idx="737">
                  <c:v>1.2000655475812818</c:v>
                </c:pt>
                <c:pt idx="738">
                  <c:v>1.2000655475812818</c:v>
                </c:pt>
                <c:pt idx="739">
                  <c:v>1.0000546229844016</c:v>
                </c:pt>
                <c:pt idx="740">
                  <c:v>0.80004369838752132</c:v>
                </c:pt>
                <c:pt idx="741">
                  <c:v>0.60003277379064091</c:v>
                </c:pt>
                <c:pt idx="742">
                  <c:v>0.60003277379064091</c:v>
                </c:pt>
                <c:pt idx="743">
                  <c:v>0.60003277379064091</c:v>
                </c:pt>
                <c:pt idx="744">
                  <c:v>0.62680085313017819</c:v>
                </c:pt>
                <c:pt idx="745">
                  <c:v>0.62680085313017819</c:v>
                </c:pt>
                <c:pt idx="746">
                  <c:v>0.62680085313017819</c:v>
                </c:pt>
                <c:pt idx="747">
                  <c:v>0.62680085313017819</c:v>
                </c:pt>
                <c:pt idx="748">
                  <c:v>0.62680085313017819</c:v>
                </c:pt>
                <c:pt idx="749">
                  <c:v>0.80787665514556284</c:v>
                </c:pt>
                <c:pt idx="750">
                  <c:v>0.93323682577159839</c:v>
                </c:pt>
                <c:pt idx="751">
                  <c:v>0.93323682577159839</c:v>
                </c:pt>
                <c:pt idx="752">
                  <c:v>0.93323682577159839</c:v>
                </c:pt>
                <c:pt idx="753">
                  <c:v>1.0028813650082848</c:v>
                </c:pt>
                <c:pt idx="754">
                  <c:v>1.0864548120923088</c:v>
                </c:pt>
                <c:pt idx="755">
                  <c:v>1.2536017062603564</c:v>
                </c:pt>
                <c:pt idx="756">
                  <c:v>1.2536017062603564</c:v>
                </c:pt>
                <c:pt idx="757">
                  <c:v>1.2536017062603564</c:v>
                </c:pt>
                <c:pt idx="758">
                  <c:v>1.2536017062603564</c:v>
                </c:pt>
                <c:pt idx="759">
                  <c:v>1.2536017062603564</c:v>
                </c:pt>
                <c:pt idx="760">
                  <c:v>1.2536017062603564</c:v>
                </c:pt>
                <c:pt idx="761">
                  <c:v>1.2536017062603564</c:v>
                </c:pt>
                <c:pt idx="762">
                  <c:v>1.2536017062603564</c:v>
                </c:pt>
                <c:pt idx="763">
                  <c:v>1.0446680885502968</c:v>
                </c:pt>
                <c:pt idx="764">
                  <c:v>0.83573447084023755</c:v>
                </c:pt>
                <c:pt idx="765">
                  <c:v>0.62680085313017819</c:v>
                </c:pt>
                <c:pt idx="766">
                  <c:v>0.62680085313017819</c:v>
                </c:pt>
                <c:pt idx="767">
                  <c:v>0.62680085313017819</c:v>
                </c:pt>
                <c:pt idx="768">
                  <c:v>0.65782433541368268</c:v>
                </c:pt>
                <c:pt idx="769">
                  <c:v>0.65782433541368268</c:v>
                </c:pt>
                <c:pt idx="770">
                  <c:v>0.65782433541368268</c:v>
                </c:pt>
                <c:pt idx="771">
                  <c:v>0.65782433541368268</c:v>
                </c:pt>
                <c:pt idx="772">
                  <c:v>0.65782433541368268</c:v>
                </c:pt>
                <c:pt idx="773">
                  <c:v>0.84786247675541337</c:v>
                </c:pt>
                <c:pt idx="774">
                  <c:v>1.0232822995323956</c:v>
                </c:pt>
                <c:pt idx="775">
                  <c:v>1.0232822995323956</c:v>
                </c:pt>
                <c:pt idx="776">
                  <c:v>1.0232822995323956</c:v>
                </c:pt>
                <c:pt idx="777">
                  <c:v>1.0963738923561381</c:v>
                </c:pt>
                <c:pt idx="778">
                  <c:v>1.1402288480503835</c:v>
                </c:pt>
                <c:pt idx="779">
                  <c:v>1.3156486708273654</c:v>
                </c:pt>
                <c:pt idx="780">
                  <c:v>1.3156486708273654</c:v>
                </c:pt>
                <c:pt idx="781">
                  <c:v>1.3156486708273654</c:v>
                </c:pt>
                <c:pt idx="782">
                  <c:v>1.3156486708273654</c:v>
                </c:pt>
                <c:pt idx="783">
                  <c:v>1.0963738923561381</c:v>
                </c:pt>
                <c:pt idx="784">
                  <c:v>1.0379006180971442</c:v>
                </c:pt>
                <c:pt idx="785">
                  <c:v>1.0379006180971442</c:v>
                </c:pt>
                <c:pt idx="786">
                  <c:v>1.0379006180971442</c:v>
                </c:pt>
                <c:pt idx="787">
                  <c:v>1.0379006180971442</c:v>
                </c:pt>
                <c:pt idx="788">
                  <c:v>0.80400752106116791</c:v>
                </c:pt>
                <c:pt idx="789">
                  <c:v>0.30698468985971866</c:v>
                </c:pt>
                <c:pt idx="790">
                  <c:v>0.30698468985971866</c:v>
                </c:pt>
                <c:pt idx="791">
                  <c:v>0.30698468985971866</c:v>
                </c:pt>
                <c:pt idx="792">
                  <c:v>0.24082585607278964</c:v>
                </c:pt>
                <c:pt idx="793">
                  <c:v>0.47018381423735128</c:v>
                </c:pt>
                <c:pt idx="794">
                  <c:v>0.47018381423735128</c:v>
                </c:pt>
                <c:pt idx="795">
                  <c:v>0.47018381423735128</c:v>
                </c:pt>
                <c:pt idx="796">
                  <c:v>0.47018381423735128</c:v>
                </c:pt>
                <c:pt idx="797">
                  <c:v>0.58486279331963209</c:v>
                </c:pt>
                <c:pt idx="798">
                  <c:v>0.73394546612659706</c:v>
                </c:pt>
                <c:pt idx="799">
                  <c:v>0.8371565473006497</c:v>
                </c:pt>
                <c:pt idx="800">
                  <c:v>0.8371565473006497</c:v>
                </c:pt>
                <c:pt idx="801">
                  <c:v>0.8371565473006497</c:v>
                </c:pt>
                <c:pt idx="802">
                  <c:v>0.8371565473006497</c:v>
                </c:pt>
                <c:pt idx="803">
                  <c:v>0.8371565473006497</c:v>
                </c:pt>
                <c:pt idx="804">
                  <c:v>0.8371565473006497</c:v>
                </c:pt>
                <c:pt idx="805">
                  <c:v>0.8371565473006497</c:v>
                </c:pt>
                <c:pt idx="806">
                  <c:v>0.8371565473006497</c:v>
                </c:pt>
                <c:pt idx="807">
                  <c:v>0.75688126194305327</c:v>
                </c:pt>
                <c:pt idx="808">
                  <c:v>0.68807387449368484</c:v>
                </c:pt>
                <c:pt idx="809">
                  <c:v>0.6192664870443163</c:v>
                </c:pt>
                <c:pt idx="810">
                  <c:v>0.59633069122786009</c:v>
                </c:pt>
                <c:pt idx="811">
                  <c:v>0.48165171214557928</c:v>
                </c:pt>
                <c:pt idx="812">
                  <c:v>0.35550483515507042</c:v>
                </c:pt>
                <c:pt idx="813">
                  <c:v>0.35550483515507042</c:v>
                </c:pt>
                <c:pt idx="814">
                  <c:v>0.35550483515507042</c:v>
                </c:pt>
                <c:pt idx="815">
                  <c:v>0.35550483515507042</c:v>
                </c:pt>
                <c:pt idx="816">
                  <c:v>0.40647091482050018</c:v>
                </c:pt>
                <c:pt idx="817">
                  <c:v>0.47203073979154869</c:v>
                </c:pt>
                <c:pt idx="818">
                  <c:v>0.47203073979154869</c:v>
                </c:pt>
                <c:pt idx="819">
                  <c:v>0.47203073979154869</c:v>
                </c:pt>
                <c:pt idx="820">
                  <c:v>0.47203073979154869</c:v>
                </c:pt>
                <c:pt idx="821">
                  <c:v>0.5900384247394358</c:v>
                </c:pt>
                <c:pt idx="822">
                  <c:v>0.69493414469311332</c:v>
                </c:pt>
                <c:pt idx="823">
                  <c:v>0.82605379463521011</c:v>
                </c:pt>
                <c:pt idx="824">
                  <c:v>0.82605379463521011</c:v>
                </c:pt>
                <c:pt idx="825">
                  <c:v>0.82605379463521011</c:v>
                </c:pt>
                <c:pt idx="826">
                  <c:v>0.82605379463521011</c:v>
                </c:pt>
                <c:pt idx="827">
                  <c:v>0.82605379463521011</c:v>
                </c:pt>
                <c:pt idx="828">
                  <c:v>0.82605379463521011</c:v>
                </c:pt>
                <c:pt idx="829">
                  <c:v>0.82605379463521011</c:v>
                </c:pt>
                <c:pt idx="830">
                  <c:v>0.82605379463521011</c:v>
                </c:pt>
                <c:pt idx="831">
                  <c:v>0.73427003967574234</c:v>
                </c:pt>
                <c:pt idx="832">
                  <c:v>0.72115807468153259</c:v>
                </c:pt>
                <c:pt idx="833">
                  <c:v>0.61626235472785518</c:v>
                </c:pt>
                <c:pt idx="834">
                  <c:v>0.57692645974522616</c:v>
                </c:pt>
                <c:pt idx="835">
                  <c:v>0.48514270478575833</c:v>
                </c:pt>
                <c:pt idx="836">
                  <c:v>0.40647091482050018</c:v>
                </c:pt>
                <c:pt idx="837">
                  <c:v>0.35402305484366153</c:v>
                </c:pt>
                <c:pt idx="838">
                  <c:v>0.35402305484366153</c:v>
                </c:pt>
                <c:pt idx="839">
                  <c:v>0.35402305484366153</c:v>
                </c:pt>
                <c:pt idx="840">
                  <c:v>0.19512340086385821</c:v>
                </c:pt>
                <c:pt idx="841">
                  <c:v>0.19512340086385821</c:v>
                </c:pt>
                <c:pt idx="842">
                  <c:v>0.19512340086385821</c:v>
                </c:pt>
                <c:pt idx="843">
                  <c:v>0.19512340086385821</c:v>
                </c:pt>
                <c:pt idx="844">
                  <c:v>0.19512340086385821</c:v>
                </c:pt>
                <c:pt idx="845">
                  <c:v>0.84553473707671889</c:v>
                </c:pt>
                <c:pt idx="846">
                  <c:v>0.95935672091396951</c:v>
                </c:pt>
                <c:pt idx="847">
                  <c:v>0.95935672091396951</c:v>
                </c:pt>
                <c:pt idx="848">
                  <c:v>0.95935672091396951</c:v>
                </c:pt>
                <c:pt idx="849">
                  <c:v>1.0243978545352557</c:v>
                </c:pt>
                <c:pt idx="850">
                  <c:v>1.0243978545352557</c:v>
                </c:pt>
                <c:pt idx="851">
                  <c:v>1.3008226724257215</c:v>
                </c:pt>
                <c:pt idx="852">
                  <c:v>1.3008226724257215</c:v>
                </c:pt>
                <c:pt idx="853">
                  <c:v>0.86179502048204037</c:v>
                </c:pt>
                <c:pt idx="854">
                  <c:v>1.3008226724257215</c:v>
                </c:pt>
                <c:pt idx="855">
                  <c:v>1.3008226724257215</c:v>
                </c:pt>
                <c:pt idx="856">
                  <c:v>1.3008226724257215</c:v>
                </c:pt>
                <c:pt idx="857">
                  <c:v>1.3008226724257215</c:v>
                </c:pt>
                <c:pt idx="858">
                  <c:v>1.3008226724257215</c:v>
                </c:pt>
                <c:pt idx="859">
                  <c:v>1.0894389881565416</c:v>
                </c:pt>
                <c:pt idx="860">
                  <c:v>0.89431558729268334</c:v>
                </c:pt>
                <c:pt idx="861">
                  <c:v>0.65041133621286074</c:v>
                </c:pt>
                <c:pt idx="862">
                  <c:v>0.61789076940221765</c:v>
                </c:pt>
                <c:pt idx="863">
                  <c:v>0.61789076940221765</c:v>
                </c:pt>
                <c:pt idx="864">
                  <c:v>0.5630012757825289</c:v>
                </c:pt>
                <c:pt idx="865">
                  <c:v>0.5630012757825289</c:v>
                </c:pt>
                <c:pt idx="866">
                  <c:v>0.5630012757825289</c:v>
                </c:pt>
                <c:pt idx="867">
                  <c:v>0.5630012757825289</c:v>
                </c:pt>
                <c:pt idx="868">
                  <c:v>0.5630012757825289</c:v>
                </c:pt>
                <c:pt idx="869">
                  <c:v>0.73190165851728761</c:v>
                </c:pt>
                <c:pt idx="870">
                  <c:v>0.8163518498846668</c:v>
                </c:pt>
                <c:pt idx="871">
                  <c:v>0.84450191367379335</c:v>
                </c:pt>
                <c:pt idx="872">
                  <c:v>0.84450191367379335</c:v>
                </c:pt>
                <c:pt idx="873">
                  <c:v>0.91487707314660938</c:v>
                </c:pt>
                <c:pt idx="874">
                  <c:v>0.95710216883029897</c:v>
                </c:pt>
                <c:pt idx="875">
                  <c:v>1.1260025515650578</c:v>
                </c:pt>
                <c:pt idx="876">
                  <c:v>1.1260025515650578</c:v>
                </c:pt>
                <c:pt idx="877">
                  <c:v>1.1260025515650578</c:v>
                </c:pt>
                <c:pt idx="878">
                  <c:v>1.1260025515650578</c:v>
                </c:pt>
                <c:pt idx="879">
                  <c:v>1.1260025515650578</c:v>
                </c:pt>
                <c:pt idx="880">
                  <c:v>1.1260025515650578</c:v>
                </c:pt>
                <c:pt idx="881">
                  <c:v>1.1260025515650578</c:v>
                </c:pt>
                <c:pt idx="882">
                  <c:v>1.1260025515650578</c:v>
                </c:pt>
                <c:pt idx="883">
                  <c:v>0.94302713693573592</c:v>
                </c:pt>
                <c:pt idx="884">
                  <c:v>0.77412675420097721</c:v>
                </c:pt>
                <c:pt idx="885">
                  <c:v>0.5630012757825289</c:v>
                </c:pt>
                <c:pt idx="886">
                  <c:v>0.5630012757825289</c:v>
                </c:pt>
                <c:pt idx="887">
                  <c:v>0.5630012757825289</c:v>
                </c:pt>
                <c:pt idx="888">
                  <c:v>0.50283822197521943</c:v>
                </c:pt>
                <c:pt idx="889">
                  <c:v>0.56569299972212184</c:v>
                </c:pt>
                <c:pt idx="890">
                  <c:v>0.56569299972212184</c:v>
                </c:pt>
                <c:pt idx="891">
                  <c:v>0.56569299972212184</c:v>
                </c:pt>
                <c:pt idx="892">
                  <c:v>0.56569299972212184</c:v>
                </c:pt>
                <c:pt idx="893">
                  <c:v>0.72911542186406819</c:v>
                </c:pt>
                <c:pt idx="894">
                  <c:v>0.84225402180849251</c:v>
                </c:pt>
                <c:pt idx="895">
                  <c:v>0.84225402180849251</c:v>
                </c:pt>
                <c:pt idx="896">
                  <c:v>0.84225402180849251</c:v>
                </c:pt>
                <c:pt idx="897">
                  <c:v>0.90510879955539492</c:v>
                </c:pt>
                <c:pt idx="898">
                  <c:v>0.9805345328516778</c:v>
                </c:pt>
                <c:pt idx="899">
                  <c:v>1.1313859994442437</c:v>
                </c:pt>
                <c:pt idx="900">
                  <c:v>1.1313859994442437</c:v>
                </c:pt>
                <c:pt idx="901">
                  <c:v>1.1313859994442437</c:v>
                </c:pt>
                <c:pt idx="902">
                  <c:v>1.1313859994442437</c:v>
                </c:pt>
                <c:pt idx="903">
                  <c:v>1.1313859994442437</c:v>
                </c:pt>
                <c:pt idx="904">
                  <c:v>1.1313859994442437</c:v>
                </c:pt>
                <c:pt idx="905">
                  <c:v>1.1313859994442437</c:v>
                </c:pt>
                <c:pt idx="906">
                  <c:v>1.1313859994442437</c:v>
                </c:pt>
                <c:pt idx="907">
                  <c:v>0.94282166620353625</c:v>
                </c:pt>
                <c:pt idx="908">
                  <c:v>0.75425733296282915</c:v>
                </c:pt>
                <c:pt idx="909">
                  <c:v>0.56569299972212184</c:v>
                </c:pt>
                <c:pt idx="910">
                  <c:v>0.56569299972212184</c:v>
                </c:pt>
                <c:pt idx="911">
                  <c:v>0.56569299972212184</c:v>
                </c:pt>
                <c:pt idx="912">
                  <c:v>0.55467028571596821</c:v>
                </c:pt>
                <c:pt idx="913">
                  <c:v>0.55467028571596821</c:v>
                </c:pt>
                <c:pt idx="914">
                  <c:v>0.55467028571596821</c:v>
                </c:pt>
                <c:pt idx="915">
                  <c:v>0.55467028571596821</c:v>
                </c:pt>
                <c:pt idx="916">
                  <c:v>0.55467028571596821</c:v>
                </c:pt>
                <c:pt idx="917">
                  <c:v>0.71490836825613679</c:v>
                </c:pt>
                <c:pt idx="918">
                  <c:v>0.82584242539933062</c:v>
                </c:pt>
                <c:pt idx="919">
                  <c:v>0.82584242539933062</c:v>
                </c:pt>
                <c:pt idx="920">
                  <c:v>0.82584242539933062</c:v>
                </c:pt>
                <c:pt idx="921">
                  <c:v>0.88747245714554923</c:v>
                </c:pt>
                <c:pt idx="922">
                  <c:v>0.9614284952410117</c:v>
                </c:pt>
                <c:pt idx="923">
                  <c:v>1.1093405714319364</c:v>
                </c:pt>
                <c:pt idx="924">
                  <c:v>1.1093405714319364</c:v>
                </c:pt>
                <c:pt idx="925">
                  <c:v>1.1093405714319364</c:v>
                </c:pt>
                <c:pt idx="926">
                  <c:v>1.1093405714319364</c:v>
                </c:pt>
                <c:pt idx="927">
                  <c:v>1.1093405714319364</c:v>
                </c:pt>
                <c:pt idx="928">
                  <c:v>1.1093405714319364</c:v>
                </c:pt>
                <c:pt idx="929">
                  <c:v>1.1093405714319364</c:v>
                </c:pt>
                <c:pt idx="930">
                  <c:v>1.1093405714319364</c:v>
                </c:pt>
                <c:pt idx="931">
                  <c:v>0.92445047619328036</c:v>
                </c:pt>
                <c:pt idx="932">
                  <c:v>0.73956038095462429</c:v>
                </c:pt>
                <c:pt idx="933">
                  <c:v>0.55467028571596821</c:v>
                </c:pt>
                <c:pt idx="934">
                  <c:v>0.55467028571596821</c:v>
                </c:pt>
                <c:pt idx="935">
                  <c:v>0.55467028571596821</c:v>
                </c:pt>
                <c:pt idx="936">
                  <c:v>0.63293973806844128</c:v>
                </c:pt>
                <c:pt idx="937">
                  <c:v>0.63293973806844128</c:v>
                </c:pt>
                <c:pt idx="938">
                  <c:v>0.63293973806844128</c:v>
                </c:pt>
                <c:pt idx="939">
                  <c:v>0.63293973806844128</c:v>
                </c:pt>
                <c:pt idx="940">
                  <c:v>0.63293973806844128</c:v>
                </c:pt>
                <c:pt idx="941">
                  <c:v>0.81578899573265762</c:v>
                </c:pt>
                <c:pt idx="942">
                  <c:v>0.98457292588424195</c:v>
                </c:pt>
                <c:pt idx="943">
                  <c:v>0.98457292588424195</c:v>
                </c:pt>
                <c:pt idx="944">
                  <c:v>0.98457292588424195</c:v>
                </c:pt>
                <c:pt idx="945">
                  <c:v>1.0548995634474023</c:v>
                </c:pt>
                <c:pt idx="946">
                  <c:v>1.097095545985298</c:v>
                </c:pt>
                <c:pt idx="947">
                  <c:v>1.2658794761368826</c:v>
                </c:pt>
                <c:pt idx="948">
                  <c:v>1.2658794761368826</c:v>
                </c:pt>
                <c:pt idx="949">
                  <c:v>1.2658794761368826</c:v>
                </c:pt>
                <c:pt idx="950">
                  <c:v>1.2658794761368826</c:v>
                </c:pt>
                <c:pt idx="951">
                  <c:v>1.0548995634474023</c:v>
                </c:pt>
                <c:pt idx="952">
                  <c:v>0.99863825339687418</c:v>
                </c:pt>
                <c:pt idx="953">
                  <c:v>0.99863825339687418</c:v>
                </c:pt>
                <c:pt idx="954">
                  <c:v>0.99863825339687418</c:v>
                </c:pt>
                <c:pt idx="955">
                  <c:v>0.99863825339687418</c:v>
                </c:pt>
                <c:pt idx="956">
                  <c:v>0.77359301319476159</c:v>
                </c:pt>
                <c:pt idx="957">
                  <c:v>0.29537187776527263</c:v>
                </c:pt>
                <c:pt idx="958">
                  <c:v>0.29537187776527263</c:v>
                </c:pt>
                <c:pt idx="959">
                  <c:v>0.29537187776527263</c:v>
                </c:pt>
                <c:pt idx="960">
                  <c:v>0.22633693799539015</c:v>
                </c:pt>
                <c:pt idx="961">
                  <c:v>0.44189592656242849</c:v>
                </c:pt>
                <c:pt idx="962">
                  <c:v>0.44189592656242849</c:v>
                </c:pt>
                <c:pt idx="963">
                  <c:v>0.44189592656242849</c:v>
                </c:pt>
                <c:pt idx="964">
                  <c:v>0.44189592656242849</c:v>
                </c:pt>
                <c:pt idx="965">
                  <c:v>0.54967542084594756</c:v>
                </c:pt>
                <c:pt idx="966">
                  <c:v>0.68978876341452233</c:v>
                </c:pt>
                <c:pt idx="967">
                  <c:v>0.78679030826968954</c:v>
                </c:pt>
                <c:pt idx="968">
                  <c:v>0.78679030826968954</c:v>
                </c:pt>
                <c:pt idx="969">
                  <c:v>0.78679030826968954</c:v>
                </c:pt>
                <c:pt idx="970">
                  <c:v>0.78679030826968954</c:v>
                </c:pt>
                <c:pt idx="971">
                  <c:v>0.78679030826968954</c:v>
                </c:pt>
                <c:pt idx="972">
                  <c:v>0.78679030826968954</c:v>
                </c:pt>
                <c:pt idx="973">
                  <c:v>0.78679030826968954</c:v>
                </c:pt>
                <c:pt idx="974">
                  <c:v>0.78679030826968954</c:v>
                </c:pt>
                <c:pt idx="975">
                  <c:v>0.71134466227122617</c:v>
                </c:pt>
                <c:pt idx="976">
                  <c:v>0.64667696570111466</c:v>
                </c:pt>
                <c:pt idx="977">
                  <c:v>0.58200926913100326</c:v>
                </c:pt>
                <c:pt idx="978">
                  <c:v>0.56045337027429942</c:v>
                </c:pt>
                <c:pt idx="979">
                  <c:v>0.45267387599078029</c:v>
                </c:pt>
                <c:pt idx="980">
                  <c:v>0.33411643227890925</c:v>
                </c:pt>
                <c:pt idx="981">
                  <c:v>0.33411643227890925</c:v>
                </c:pt>
                <c:pt idx="982">
                  <c:v>0.33411643227890925</c:v>
                </c:pt>
                <c:pt idx="983">
                  <c:v>0.33411643227890925</c:v>
                </c:pt>
                <c:pt idx="984">
                  <c:v>0.37243908371931755</c:v>
                </c:pt>
                <c:pt idx="985">
                  <c:v>0.43250990367404618</c:v>
                </c:pt>
                <c:pt idx="986">
                  <c:v>0.43250990367404618</c:v>
                </c:pt>
                <c:pt idx="987">
                  <c:v>0.43250990367404618</c:v>
                </c:pt>
                <c:pt idx="988">
                  <c:v>0.43250990367404618</c:v>
                </c:pt>
                <c:pt idx="989">
                  <c:v>0.54063737959255764</c:v>
                </c:pt>
                <c:pt idx="990">
                  <c:v>0.63675069152012354</c:v>
                </c:pt>
                <c:pt idx="991">
                  <c:v>0.75689233142958079</c:v>
                </c:pt>
                <c:pt idx="992">
                  <c:v>0.75689233142958079</c:v>
                </c:pt>
                <c:pt idx="993">
                  <c:v>0.75689233142958079</c:v>
                </c:pt>
                <c:pt idx="994">
                  <c:v>0.75689233142958079</c:v>
                </c:pt>
                <c:pt idx="995">
                  <c:v>0.75689233142958079</c:v>
                </c:pt>
                <c:pt idx="996">
                  <c:v>0.75689233142958079</c:v>
                </c:pt>
                <c:pt idx="997">
                  <c:v>0.75689233142958079</c:v>
                </c:pt>
                <c:pt idx="998">
                  <c:v>0.75689233142958079</c:v>
                </c:pt>
                <c:pt idx="999">
                  <c:v>0.67279318349296069</c:v>
                </c:pt>
                <c:pt idx="1000">
                  <c:v>0.6607790195020149</c:v>
                </c:pt>
                <c:pt idx="1001">
                  <c:v>0.56466570757444912</c:v>
                </c:pt>
                <c:pt idx="1002">
                  <c:v>0.52862321560161196</c:v>
                </c:pt>
                <c:pt idx="1003">
                  <c:v>0.44452406766499192</c:v>
                </c:pt>
                <c:pt idx="1004">
                  <c:v>0.37243908371931755</c:v>
                </c:pt>
                <c:pt idx="1005">
                  <c:v>0.32438242775553466</c:v>
                </c:pt>
                <c:pt idx="1006">
                  <c:v>0.32438242775553466</c:v>
                </c:pt>
                <c:pt idx="1007">
                  <c:v>0.32438242775553466</c:v>
                </c:pt>
                <c:pt idx="1008">
                  <c:v>0.18907729457020056</c:v>
                </c:pt>
                <c:pt idx="1009">
                  <c:v>0.18907729457020056</c:v>
                </c:pt>
                <c:pt idx="1010">
                  <c:v>0.18907729457020056</c:v>
                </c:pt>
                <c:pt idx="1011">
                  <c:v>0.18907729457020056</c:v>
                </c:pt>
                <c:pt idx="1012">
                  <c:v>0.18907729457020056</c:v>
                </c:pt>
                <c:pt idx="1013">
                  <c:v>0.81933494313753596</c:v>
                </c:pt>
                <c:pt idx="1014">
                  <c:v>0.92963003163681956</c:v>
                </c:pt>
                <c:pt idx="1015">
                  <c:v>0.92963003163681956</c:v>
                </c:pt>
                <c:pt idx="1016">
                  <c:v>0.92963003163681956</c:v>
                </c:pt>
                <c:pt idx="1017">
                  <c:v>0.99265579649355318</c:v>
                </c:pt>
                <c:pt idx="1018">
                  <c:v>0.99265579649355318</c:v>
                </c:pt>
                <c:pt idx="1019">
                  <c:v>1.2605152971346707</c:v>
                </c:pt>
                <c:pt idx="1020">
                  <c:v>1.2605152971346707</c:v>
                </c:pt>
                <c:pt idx="1021">
                  <c:v>0.83509138435171926</c:v>
                </c:pt>
                <c:pt idx="1022">
                  <c:v>1.2605152971346707</c:v>
                </c:pt>
                <c:pt idx="1023">
                  <c:v>1.2605152971346707</c:v>
                </c:pt>
                <c:pt idx="1024">
                  <c:v>1.2605152971346707</c:v>
                </c:pt>
                <c:pt idx="1025">
                  <c:v>1.2605152971346707</c:v>
                </c:pt>
                <c:pt idx="1026">
                  <c:v>1.2605152971346707</c:v>
                </c:pt>
                <c:pt idx="1027">
                  <c:v>1.0556815613502868</c:v>
                </c:pt>
                <c:pt idx="1028">
                  <c:v>0.86660426678008606</c:v>
                </c:pt>
                <c:pt idx="1029">
                  <c:v>0.63025764856733535</c:v>
                </c:pt>
                <c:pt idx="1030">
                  <c:v>0.59874476613896854</c:v>
                </c:pt>
                <c:pt idx="1031">
                  <c:v>0.59874476613896854</c:v>
                </c:pt>
                <c:pt idx="1032">
                  <c:v>0.54638935294419866</c:v>
                </c:pt>
                <c:pt idx="1033">
                  <c:v>0.54638935294419866</c:v>
                </c:pt>
                <c:pt idx="1034">
                  <c:v>0.54638935294419866</c:v>
                </c:pt>
                <c:pt idx="1035">
                  <c:v>0.54638935294419866</c:v>
                </c:pt>
                <c:pt idx="1036">
                  <c:v>0.54638935294419866</c:v>
                </c:pt>
                <c:pt idx="1037">
                  <c:v>0.71030615882745829</c:v>
                </c:pt>
                <c:pt idx="1038">
                  <c:v>0.7922645617690881</c:v>
                </c:pt>
                <c:pt idx="1039">
                  <c:v>0.81958402941629804</c:v>
                </c:pt>
                <c:pt idx="1040">
                  <c:v>0.81958402941629804</c:v>
                </c:pt>
                <c:pt idx="1041">
                  <c:v>0.88788269853432289</c:v>
                </c:pt>
                <c:pt idx="1042">
                  <c:v>0.92886190000513769</c:v>
                </c:pt>
                <c:pt idx="1043">
                  <c:v>1.0927787058883973</c:v>
                </c:pt>
                <c:pt idx="1044">
                  <c:v>1.0927787058883973</c:v>
                </c:pt>
                <c:pt idx="1045">
                  <c:v>1.0927787058883973</c:v>
                </c:pt>
                <c:pt idx="1046">
                  <c:v>1.0927787058883973</c:v>
                </c:pt>
                <c:pt idx="1047">
                  <c:v>1.0927787058883973</c:v>
                </c:pt>
                <c:pt idx="1048">
                  <c:v>1.0927787058883973</c:v>
                </c:pt>
                <c:pt idx="1049">
                  <c:v>1.0927787058883973</c:v>
                </c:pt>
                <c:pt idx="1050">
                  <c:v>1.0927787058883973</c:v>
                </c:pt>
                <c:pt idx="1051">
                  <c:v>0.91520216618153283</c:v>
                </c:pt>
                <c:pt idx="1052">
                  <c:v>0.7512853602982732</c:v>
                </c:pt>
                <c:pt idx="1053">
                  <c:v>0.54638935294419866</c:v>
                </c:pt>
                <c:pt idx="1054">
                  <c:v>0.54638935294419866</c:v>
                </c:pt>
                <c:pt idx="1055">
                  <c:v>0.54638935294419866</c:v>
                </c:pt>
                <c:pt idx="1056">
                  <c:v>0.50525185082319768</c:v>
                </c:pt>
                <c:pt idx="1057">
                  <c:v>0.56840833217609732</c:v>
                </c:pt>
                <c:pt idx="1058">
                  <c:v>0.56840833217609732</c:v>
                </c:pt>
                <c:pt idx="1059">
                  <c:v>0.56840833217609732</c:v>
                </c:pt>
                <c:pt idx="1060">
                  <c:v>0.56840833217609732</c:v>
                </c:pt>
                <c:pt idx="1061">
                  <c:v>0.73261518369363665</c:v>
                </c:pt>
                <c:pt idx="1062">
                  <c:v>0.84629685012885625</c:v>
                </c:pt>
                <c:pt idx="1063">
                  <c:v>0.84629685012885625</c:v>
                </c:pt>
                <c:pt idx="1064">
                  <c:v>0.84629685012885625</c:v>
                </c:pt>
                <c:pt idx="1065">
                  <c:v>0.90945333148175589</c:v>
                </c:pt>
                <c:pt idx="1066">
                  <c:v>0.98524110910523555</c:v>
                </c:pt>
                <c:pt idx="1067">
                  <c:v>1.1368166643521946</c:v>
                </c:pt>
                <c:pt idx="1068">
                  <c:v>1.1368166643521946</c:v>
                </c:pt>
                <c:pt idx="1069">
                  <c:v>1.1368166643521946</c:v>
                </c:pt>
                <c:pt idx="1070">
                  <c:v>1.1368166643521946</c:v>
                </c:pt>
                <c:pt idx="1071">
                  <c:v>1.1368166643521946</c:v>
                </c:pt>
                <c:pt idx="1072">
                  <c:v>1.1368166643521946</c:v>
                </c:pt>
                <c:pt idx="1073">
                  <c:v>1.1368166643521946</c:v>
                </c:pt>
                <c:pt idx="1074">
                  <c:v>1.1368166643521946</c:v>
                </c:pt>
                <c:pt idx="1075">
                  <c:v>0.94734722029349572</c:v>
                </c:pt>
                <c:pt idx="1076">
                  <c:v>0.75787777623479669</c:v>
                </c:pt>
                <c:pt idx="1077">
                  <c:v>0.56840833217609732</c:v>
                </c:pt>
                <c:pt idx="1078">
                  <c:v>0.56840833217609732</c:v>
                </c:pt>
                <c:pt idx="1079">
                  <c:v>0.56840833217609732</c:v>
                </c:pt>
                <c:pt idx="1080">
                  <c:v>0.58556090979669284</c:v>
                </c:pt>
                <c:pt idx="1081">
                  <c:v>0.58556090979669284</c:v>
                </c:pt>
                <c:pt idx="1082">
                  <c:v>0.58556090979669284</c:v>
                </c:pt>
                <c:pt idx="1083">
                  <c:v>0.58556090979669284</c:v>
                </c:pt>
                <c:pt idx="1084">
                  <c:v>0.58556090979669284</c:v>
                </c:pt>
                <c:pt idx="1085">
                  <c:v>0.75472295040462634</c:v>
                </c:pt>
                <c:pt idx="1086">
                  <c:v>0.87183513236396493</c:v>
                </c:pt>
                <c:pt idx="1087">
                  <c:v>0.87183513236396493</c:v>
                </c:pt>
                <c:pt idx="1088">
                  <c:v>0.87183513236396493</c:v>
                </c:pt>
                <c:pt idx="1089">
                  <c:v>0.93689745567470861</c:v>
                </c:pt>
                <c:pt idx="1090">
                  <c:v>1.014972243647601</c:v>
                </c:pt>
                <c:pt idx="1091">
                  <c:v>1.1711218195933857</c:v>
                </c:pt>
                <c:pt idx="1092">
                  <c:v>1.1711218195933857</c:v>
                </c:pt>
                <c:pt idx="1093">
                  <c:v>1.1711218195933857</c:v>
                </c:pt>
                <c:pt idx="1094">
                  <c:v>1.1711218195933857</c:v>
                </c:pt>
                <c:pt idx="1095">
                  <c:v>1.1711218195933857</c:v>
                </c:pt>
                <c:pt idx="1096">
                  <c:v>1.1711218195933857</c:v>
                </c:pt>
                <c:pt idx="1097">
                  <c:v>1.1711218195933857</c:v>
                </c:pt>
                <c:pt idx="1098">
                  <c:v>1.1711218195933857</c:v>
                </c:pt>
                <c:pt idx="1099">
                  <c:v>0.97593484966115474</c:v>
                </c:pt>
                <c:pt idx="1100">
                  <c:v>0.78074787972892379</c:v>
                </c:pt>
                <c:pt idx="1101">
                  <c:v>0.58556090979669284</c:v>
                </c:pt>
                <c:pt idx="1102">
                  <c:v>0.58556090979669284</c:v>
                </c:pt>
                <c:pt idx="1103">
                  <c:v>0.58556090979669284</c:v>
                </c:pt>
                <c:pt idx="1104">
                  <c:v>0.61418262016250036</c:v>
                </c:pt>
                <c:pt idx="1105">
                  <c:v>0.61418262016250036</c:v>
                </c:pt>
                <c:pt idx="1106">
                  <c:v>0.61418262016250036</c:v>
                </c:pt>
                <c:pt idx="1107">
                  <c:v>0.61418262016250036</c:v>
                </c:pt>
                <c:pt idx="1108">
                  <c:v>0.61418262016250036</c:v>
                </c:pt>
                <c:pt idx="1109">
                  <c:v>0.79161315487611139</c:v>
                </c:pt>
                <c:pt idx="1110">
                  <c:v>0.95539518691944481</c:v>
                </c:pt>
                <c:pt idx="1111">
                  <c:v>0.95539518691944481</c:v>
                </c:pt>
                <c:pt idx="1112">
                  <c:v>0.95539518691944481</c:v>
                </c:pt>
                <c:pt idx="1113">
                  <c:v>1.0236377002708337</c:v>
                </c:pt>
                <c:pt idx="1114">
                  <c:v>1.0645832082816671</c:v>
                </c:pt>
                <c:pt idx="1115">
                  <c:v>1.2283652403250007</c:v>
                </c:pt>
                <c:pt idx="1116">
                  <c:v>1.2283652403250007</c:v>
                </c:pt>
                <c:pt idx="1117">
                  <c:v>1.2283652403250007</c:v>
                </c:pt>
                <c:pt idx="1118">
                  <c:v>1.2283652403250007</c:v>
                </c:pt>
                <c:pt idx="1119">
                  <c:v>1.0236377002708337</c:v>
                </c:pt>
                <c:pt idx="1120">
                  <c:v>0.96904368958972265</c:v>
                </c:pt>
                <c:pt idx="1121">
                  <c:v>0.96904368958972265</c:v>
                </c:pt>
                <c:pt idx="1122">
                  <c:v>0.96904368958972265</c:v>
                </c:pt>
                <c:pt idx="1123">
                  <c:v>0.96904368958972265</c:v>
                </c:pt>
                <c:pt idx="1124">
                  <c:v>0.75066764686527809</c:v>
                </c:pt>
                <c:pt idx="1125">
                  <c:v>0.28661855607583342</c:v>
                </c:pt>
                <c:pt idx="1126">
                  <c:v>0.28661855607583342</c:v>
                </c:pt>
                <c:pt idx="1127">
                  <c:v>0.28661855607583342</c:v>
                </c:pt>
                <c:pt idx="1128">
                  <c:v>0.20098133135994098</c:v>
                </c:pt>
                <c:pt idx="1129">
                  <c:v>0.39239212313131344</c:v>
                </c:pt>
                <c:pt idx="1130">
                  <c:v>0.39239212313131344</c:v>
                </c:pt>
                <c:pt idx="1131">
                  <c:v>0.39239212313131344</c:v>
                </c:pt>
                <c:pt idx="1132">
                  <c:v>0.39239212313131344</c:v>
                </c:pt>
                <c:pt idx="1133">
                  <c:v>0.4880975190169996</c:v>
                </c:pt>
                <c:pt idx="1134">
                  <c:v>0.61251453366839159</c:v>
                </c:pt>
                <c:pt idx="1135">
                  <c:v>0.69864938996550918</c:v>
                </c:pt>
                <c:pt idx="1136">
                  <c:v>0.69864938996550918</c:v>
                </c:pt>
                <c:pt idx="1137">
                  <c:v>0.69864938996550918</c:v>
                </c:pt>
                <c:pt idx="1138">
                  <c:v>0.69864938996550918</c:v>
                </c:pt>
                <c:pt idx="1139">
                  <c:v>0.69864938996550918</c:v>
                </c:pt>
                <c:pt idx="1140">
                  <c:v>0.69864938996550918</c:v>
                </c:pt>
                <c:pt idx="1141">
                  <c:v>0.69864938996550918</c:v>
                </c:pt>
                <c:pt idx="1142">
                  <c:v>0.69864938996550918</c:v>
                </c:pt>
                <c:pt idx="1143">
                  <c:v>0.63165561284552885</c:v>
                </c:pt>
                <c:pt idx="1144">
                  <c:v>0.57423237531411719</c:v>
                </c:pt>
                <c:pt idx="1145">
                  <c:v>0.51680913778270554</c:v>
                </c:pt>
                <c:pt idx="1146">
                  <c:v>0.49766805860556818</c:v>
                </c:pt>
                <c:pt idx="1147">
                  <c:v>0.40196266271988196</c:v>
                </c:pt>
                <c:pt idx="1148">
                  <c:v>0.29668672724562722</c:v>
                </c:pt>
                <c:pt idx="1149">
                  <c:v>0.29668672724562722</c:v>
                </c:pt>
                <c:pt idx="1150">
                  <c:v>0.29668672724562722</c:v>
                </c:pt>
                <c:pt idx="1151">
                  <c:v>0.29668672724562722</c:v>
                </c:pt>
                <c:pt idx="1152">
                  <c:v>0.35542316816872621</c:v>
                </c:pt>
                <c:pt idx="1153">
                  <c:v>0.41274948561529495</c:v>
                </c:pt>
                <c:pt idx="1154">
                  <c:v>0.41274948561529495</c:v>
                </c:pt>
                <c:pt idx="1155">
                  <c:v>0.41274948561529495</c:v>
                </c:pt>
                <c:pt idx="1156">
                  <c:v>0.41274948561529495</c:v>
                </c:pt>
                <c:pt idx="1157">
                  <c:v>0.51593685701911873</c:v>
                </c:pt>
                <c:pt idx="1158">
                  <c:v>0.60765896493362881</c:v>
                </c:pt>
                <c:pt idx="1159">
                  <c:v>0.72231159982676629</c:v>
                </c:pt>
                <c:pt idx="1160">
                  <c:v>0.72231159982676629</c:v>
                </c:pt>
                <c:pt idx="1161">
                  <c:v>0.72231159982676629</c:v>
                </c:pt>
                <c:pt idx="1162">
                  <c:v>0.72231159982676629</c:v>
                </c:pt>
                <c:pt idx="1163">
                  <c:v>0.72231159982676629</c:v>
                </c:pt>
                <c:pt idx="1164">
                  <c:v>0.72231159982676629</c:v>
                </c:pt>
                <c:pt idx="1165">
                  <c:v>0.72231159982676629</c:v>
                </c:pt>
                <c:pt idx="1166">
                  <c:v>0.72231159982676629</c:v>
                </c:pt>
                <c:pt idx="1167">
                  <c:v>0.64205475540157009</c:v>
                </c:pt>
                <c:pt idx="1168">
                  <c:v>0.63058949191225622</c:v>
                </c:pt>
                <c:pt idx="1169">
                  <c:v>0.53886738399774625</c:v>
                </c:pt>
                <c:pt idx="1170">
                  <c:v>0.50447159352980497</c:v>
                </c:pt>
                <c:pt idx="1171">
                  <c:v>0.42421474910460877</c:v>
                </c:pt>
                <c:pt idx="1172">
                  <c:v>0.35542316816872621</c:v>
                </c:pt>
                <c:pt idx="1173">
                  <c:v>0.30956211421147123</c:v>
                </c:pt>
                <c:pt idx="1174">
                  <c:v>0.30956211421147123</c:v>
                </c:pt>
                <c:pt idx="1175">
                  <c:v>0.30956211421147123</c:v>
                </c:pt>
                <c:pt idx="1176">
                  <c:v>0.20232092350988887</c:v>
                </c:pt>
                <c:pt idx="1177">
                  <c:v>0.20232092350988887</c:v>
                </c:pt>
                <c:pt idx="1178">
                  <c:v>0.20232092350988887</c:v>
                </c:pt>
                <c:pt idx="1179">
                  <c:v>0.20232092350988887</c:v>
                </c:pt>
                <c:pt idx="1180">
                  <c:v>0.20232092350988887</c:v>
                </c:pt>
                <c:pt idx="1181">
                  <c:v>0.87672400187618493</c:v>
                </c:pt>
                <c:pt idx="1182">
                  <c:v>0.99474454059028683</c:v>
                </c:pt>
                <c:pt idx="1183">
                  <c:v>0.99474454059028683</c:v>
                </c:pt>
                <c:pt idx="1184">
                  <c:v>0.99474454059028683</c:v>
                </c:pt>
                <c:pt idx="1185">
                  <c:v>1.0621848484269165</c:v>
                </c:pt>
                <c:pt idx="1186">
                  <c:v>1.0621848484269165</c:v>
                </c:pt>
                <c:pt idx="1187">
                  <c:v>1.3488061567325926</c:v>
                </c:pt>
                <c:pt idx="1188">
                  <c:v>1.3488061567325926</c:v>
                </c:pt>
                <c:pt idx="1189">
                  <c:v>0.89358407883534252</c:v>
                </c:pt>
                <c:pt idx="1190">
                  <c:v>1.3488061567325926</c:v>
                </c:pt>
                <c:pt idx="1191">
                  <c:v>1.3488061567325926</c:v>
                </c:pt>
                <c:pt idx="1192">
                  <c:v>1.3488061567325926</c:v>
                </c:pt>
                <c:pt idx="1193">
                  <c:v>1.3488061567325926</c:v>
                </c:pt>
                <c:pt idx="1194">
                  <c:v>1.3488061567325926</c:v>
                </c:pt>
                <c:pt idx="1195">
                  <c:v>1.1296251562635462</c:v>
                </c:pt>
                <c:pt idx="1196">
                  <c:v>0.92730423275365714</c:v>
                </c:pt>
                <c:pt idx="1197">
                  <c:v>0.67440307836629632</c:v>
                </c:pt>
                <c:pt idx="1198">
                  <c:v>0.64068292444798136</c:v>
                </c:pt>
                <c:pt idx="1199">
                  <c:v>0.64068292444798136</c:v>
                </c:pt>
                <c:pt idx="1200">
                  <c:v>0.58329399363867207</c:v>
                </c:pt>
                <c:pt idx="1201">
                  <c:v>0.58329399363867207</c:v>
                </c:pt>
                <c:pt idx="1202">
                  <c:v>0.58329399363867207</c:v>
                </c:pt>
                <c:pt idx="1203">
                  <c:v>0.58329399363867207</c:v>
                </c:pt>
                <c:pt idx="1204">
                  <c:v>0.58329399363867207</c:v>
                </c:pt>
                <c:pt idx="1205">
                  <c:v>0.75828219173027356</c:v>
                </c:pt>
                <c:pt idx="1206">
                  <c:v>0.84577629077607452</c:v>
                </c:pt>
                <c:pt idx="1207">
                  <c:v>0.87494099045800811</c:v>
                </c:pt>
                <c:pt idx="1208">
                  <c:v>0.87494099045800811</c:v>
                </c:pt>
                <c:pt idx="1209">
                  <c:v>0.947852739662842</c:v>
                </c:pt>
                <c:pt idx="1210">
                  <c:v>0.99159978918574232</c:v>
                </c:pt>
                <c:pt idx="1211">
                  <c:v>1.1665879872773441</c:v>
                </c:pt>
                <c:pt idx="1212">
                  <c:v>1.1665879872773441</c:v>
                </c:pt>
                <c:pt idx="1213">
                  <c:v>1.1665879872773441</c:v>
                </c:pt>
                <c:pt idx="1214">
                  <c:v>1.1665879872773441</c:v>
                </c:pt>
                <c:pt idx="1215">
                  <c:v>1.1665879872773441</c:v>
                </c:pt>
                <c:pt idx="1216">
                  <c:v>1.1665879872773441</c:v>
                </c:pt>
                <c:pt idx="1217">
                  <c:v>1.1665879872773441</c:v>
                </c:pt>
                <c:pt idx="1218">
                  <c:v>1.1665879872773441</c:v>
                </c:pt>
                <c:pt idx="1219">
                  <c:v>0.9770174393447757</c:v>
                </c:pt>
                <c:pt idx="1220">
                  <c:v>0.80202924125317399</c:v>
                </c:pt>
                <c:pt idx="1221">
                  <c:v>0.58329399363867207</c:v>
                </c:pt>
                <c:pt idx="1222">
                  <c:v>0.58329399363867207</c:v>
                </c:pt>
                <c:pt idx="1223">
                  <c:v>0.58329399363867207</c:v>
                </c:pt>
                <c:pt idx="1224">
                  <c:v>0.53636417485085308</c:v>
                </c:pt>
                <c:pt idx="1225">
                  <c:v>0.60340969670720956</c:v>
                </c:pt>
                <c:pt idx="1226">
                  <c:v>0.60340969670720956</c:v>
                </c:pt>
                <c:pt idx="1227">
                  <c:v>0.60340969670720956</c:v>
                </c:pt>
                <c:pt idx="1228">
                  <c:v>0.60340969670720956</c:v>
                </c:pt>
                <c:pt idx="1229">
                  <c:v>0.77772805353373686</c:v>
                </c:pt>
                <c:pt idx="1230">
                  <c:v>0.89840999287517886</c:v>
                </c:pt>
                <c:pt idx="1231">
                  <c:v>0.89840999287517886</c:v>
                </c:pt>
                <c:pt idx="1232">
                  <c:v>0.89840999287517886</c:v>
                </c:pt>
                <c:pt idx="1233">
                  <c:v>0.96545551473153546</c:v>
                </c:pt>
                <c:pt idx="1234">
                  <c:v>1.0459101409591636</c:v>
                </c:pt>
                <c:pt idx="1235">
                  <c:v>1.2068193934144191</c:v>
                </c:pt>
                <c:pt idx="1236">
                  <c:v>1.2068193934144191</c:v>
                </c:pt>
                <c:pt idx="1237">
                  <c:v>1.2068193934144191</c:v>
                </c:pt>
                <c:pt idx="1238">
                  <c:v>1.2068193934144191</c:v>
                </c:pt>
                <c:pt idx="1239">
                  <c:v>1.2068193934144191</c:v>
                </c:pt>
                <c:pt idx="1240">
                  <c:v>1.2068193934144191</c:v>
                </c:pt>
                <c:pt idx="1241">
                  <c:v>1.2068193934144191</c:v>
                </c:pt>
                <c:pt idx="1242">
                  <c:v>1.2068193934144191</c:v>
                </c:pt>
                <c:pt idx="1243">
                  <c:v>1.0056828278453496</c:v>
                </c:pt>
                <c:pt idx="1244">
                  <c:v>0.80454626227627968</c:v>
                </c:pt>
                <c:pt idx="1245">
                  <c:v>0.60340969670720956</c:v>
                </c:pt>
                <c:pt idx="1246">
                  <c:v>0.60340969670720956</c:v>
                </c:pt>
                <c:pt idx="1247">
                  <c:v>0.60340969670720956</c:v>
                </c:pt>
                <c:pt idx="1248">
                  <c:v>0.59313559326610843</c:v>
                </c:pt>
                <c:pt idx="1249">
                  <c:v>0.59313559326610843</c:v>
                </c:pt>
                <c:pt idx="1250">
                  <c:v>0.59313559326610843</c:v>
                </c:pt>
                <c:pt idx="1251">
                  <c:v>0.59313559326610843</c:v>
                </c:pt>
                <c:pt idx="1252">
                  <c:v>0.59313559326610843</c:v>
                </c:pt>
                <c:pt idx="1253">
                  <c:v>0.76448587576520655</c:v>
                </c:pt>
                <c:pt idx="1254">
                  <c:v>0.88311299441842828</c:v>
                </c:pt>
                <c:pt idx="1255">
                  <c:v>0.88311299441842828</c:v>
                </c:pt>
                <c:pt idx="1256">
                  <c:v>0.88311299441842828</c:v>
                </c:pt>
                <c:pt idx="1257">
                  <c:v>0.94901694922577362</c:v>
                </c:pt>
                <c:pt idx="1258">
                  <c:v>1.028101694994588</c:v>
                </c:pt>
                <c:pt idx="1259">
                  <c:v>1.1862711865322169</c:v>
                </c:pt>
                <c:pt idx="1260">
                  <c:v>1.1862711865322169</c:v>
                </c:pt>
                <c:pt idx="1261">
                  <c:v>1.1862711865322169</c:v>
                </c:pt>
                <c:pt idx="1262">
                  <c:v>1.1862711865322169</c:v>
                </c:pt>
                <c:pt idx="1263">
                  <c:v>1.1862711865322169</c:v>
                </c:pt>
                <c:pt idx="1264">
                  <c:v>1.1862711865322169</c:v>
                </c:pt>
                <c:pt idx="1265">
                  <c:v>1.1862711865322169</c:v>
                </c:pt>
                <c:pt idx="1266">
                  <c:v>1.1862711865322169</c:v>
                </c:pt>
                <c:pt idx="1267">
                  <c:v>0.98855932211018083</c:v>
                </c:pt>
                <c:pt idx="1268">
                  <c:v>0.79084745768814479</c:v>
                </c:pt>
                <c:pt idx="1269">
                  <c:v>0.59313559326610843</c:v>
                </c:pt>
                <c:pt idx="1270">
                  <c:v>0.59313559326610843</c:v>
                </c:pt>
                <c:pt idx="1271">
                  <c:v>0.59313559326610843</c:v>
                </c:pt>
                <c:pt idx="1272">
                  <c:v>0.64031295209666117</c:v>
                </c:pt>
                <c:pt idx="1273">
                  <c:v>0.64031295209666117</c:v>
                </c:pt>
                <c:pt idx="1274">
                  <c:v>0.64031295209666117</c:v>
                </c:pt>
                <c:pt idx="1275">
                  <c:v>0.64031295209666117</c:v>
                </c:pt>
                <c:pt idx="1276">
                  <c:v>0.64031295209666117</c:v>
                </c:pt>
                <c:pt idx="1277">
                  <c:v>0.82529224936903001</c:v>
                </c:pt>
                <c:pt idx="1278">
                  <c:v>0.99604236992813966</c:v>
                </c:pt>
                <c:pt idx="1279">
                  <c:v>0.99604236992813966</c:v>
                </c:pt>
                <c:pt idx="1280">
                  <c:v>0.99604236992813966</c:v>
                </c:pt>
                <c:pt idx="1281">
                  <c:v>1.0671882534944352</c:v>
                </c:pt>
                <c:pt idx="1282">
                  <c:v>1.1098757836342128</c:v>
                </c:pt>
                <c:pt idx="1283">
                  <c:v>1.2806259041933223</c:v>
                </c:pt>
                <c:pt idx="1284">
                  <c:v>1.2806259041933223</c:v>
                </c:pt>
                <c:pt idx="1285">
                  <c:v>1.2806259041933223</c:v>
                </c:pt>
                <c:pt idx="1286">
                  <c:v>1.2806259041933223</c:v>
                </c:pt>
                <c:pt idx="1287">
                  <c:v>1.0671882534944352</c:v>
                </c:pt>
                <c:pt idx="1288">
                  <c:v>1.0102715466413987</c:v>
                </c:pt>
                <c:pt idx="1289">
                  <c:v>1.0102715466413987</c:v>
                </c:pt>
                <c:pt idx="1290">
                  <c:v>1.0102715466413987</c:v>
                </c:pt>
                <c:pt idx="1291">
                  <c:v>1.0102715466413987</c:v>
                </c:pt>
                <c:pt idx="1292">
                  <c:v>0.78260471922925245</c:v>
                </c:pt>
                <c:pt idx="1293">
                  <c:v>0.29881271097844186</c:v>
                </c:pt>
                <c:pt idx="1294">
                  <c:v>0.29881271097844186</c:v>
                </c:pt>
                <c:pt idx="1295">
                  <c:v>0.29881271097844186</c:v>
                </c:pt>
                <c:pt idx="1296">
                  <c:v>0.21691914124508044</c:v>
                </c:pt>
                <c:pt idx="1297">
                  <c:v>0.42350879957372856</c:v>
                </c:pt>
                <c:pt idx="1298">
                  <c:v>0.42350879957372856</c:v>
                </c:pt>
                <c:pt idx="1299">
                  <c:v>0.42350879957372856</c:v>
                </c:pt>
                <c:pt idx="1300">
                  <c:v>0.42350879957372856</c:v>
                </c:pt>
                <c:pt idx="1301">
                  <c:v>0.52680362873805264</c:v>
                </c:pt>
                <c:pt idx="1302">
                  <c:v>0.6610869066516738</c:v>
                </c:pt>
                <c:pt idx="1303">
                  <c:v>0.75405225289956535</c:v>
                </c:pt>
                <c:pt idx="1304">
                  <c:v>0.75405225289956535</c:v>
                </c:pt>
                <c:pt idx="1305">
                  <c:v>0.75405225289956535</c:v>
                </c:pt>
                <c:pt idx="1306">
                  <c:v>0.75405225289956535</c:v>
                </c:pt>
                <c:pt idx="1307">
                  <c:v>0.75405225289956535</c:v>
                </c:pt>
                <c:pt idx="1308">
                  <c:v>0.75405225289956535</c:v>
                </c:pt>
                <c:pt idx="1309">
                  <c:v>0.75405225289956535</c:v>
                </c:pt>
                <c:pt idx="1310">
                  <c:v>0.75405225289956535</c:v>
                </c:pt>
                <c:pt idx="1311">
                  <c:v>0.68174587248453855</c:v>
                </c:pt>
                <c:pt idx="1312">
                  <c:v>0.61976897498594408</c:v>
                </c:pt>
                <c:pt idx="1313">
                  <c:v>0.55779207748734982</c:v>
                </c:pt>
                <c:pt idx="1314">
                  <c:v>0.53713311165448496</c:v>
                </c:pt>
                <c:pt idx="1315">
                  <c:v>0.43383828249016088</c:v>
                </c:pt>
                <c:pt idx="1316">
                  <c:v>0.32021397040940447</c:v>
                </c:pt>
                <c:pt idx="1317">
                  <c:v>0.32021397040940447</c:v>
                </c:pt>
                <c:pt idx="1318">
                  <c:v>0.32021397040940447</c:v>
                </c:pt>
                <c:pt idx="1319">
                  <c:v>0.32021397040940447</c:v>
                </c:pt>
                <c:pt idx="1320">
                  <c:v>0.36271570340469395</c:v>
                </c:pt>
                <c:pt idx="1321">
                  <c:v>0.42121823621190257</c:v>
                </c:pt>
                <c:pt idx="1322">
                  <c:v>0.42121823621190257</c:v>
                </c:pt>
                <c:pt idx="1323">
                  <c:v>0.42121823621190257</c:v>
                </c:pt>
                <c:pt idx="1324">
                  <c:v>0.42121823621190257</c:v>
                </c:pt>
                <c:pt idx="1325">
                  <c:v>0.52652279526487833</c:v>
                </c:pt>
                <c:pt idx="1326">
                  <c:v>0.62012684775641214</c:v>
                </c:pt>
                <c:pt idx="1327">
                  <c:v>0.73713191337082962</c:v>
                </c:pt>
                <c:pt idx="1328">
                  <c:v>0.73713191337082962</c:v>
                </c:pt>
                <c:pt idx="1329">
                  <c:v>0.73713191337082962</c:v>
                </c:pt>
                <c:pt idx="1330">
                  <c:v>0.73713191337082962</c:v>
                </c:pt>
                <c:pt idx="1331">
                  <c:v>0.73713191337082962</c:v>
                </c:pt>
                <c:pt idx="1332">
                  <c:v>0.73713191337082962</c:v>
                </c:pt>
                <c:pt idx="1333">
                  <c:v>0.73713191337082962</c:v>
                </c:pt>
                <c:pt idx="1334">
                  <c:v>0.73713191337082962</c:v>
                </c:pt>
                <c:pt idx="1335">
                  <c:v>0.65522836744073731</c:v>
                </c:pt>
                <c:pt idx="1336">
                  <c:v>0.64352786087929548</c:v>
                </c:pt>
                <c:pt idx="1337">
                  <c:v>0.54992380838776178</c:v>
                </c:pt>
                <c:pt idx="1338">
                  <c:v>0.5148222887034366</c:v>
                </c:pt>
                <c:pt idx="1339">
                  <c:v>0.43291874277334441</c:v>
                </c:pt>
                <c:pt idx="1340">
                  <c:v>0.36271570340469395</c:v>
                </c:pt>
                <c:pt idx="1341">
                  <c:v>0.31591367715892699</c:v>
                </c:pt>
                <c:pt idx="1342">
                  <c:v>0.31591367715892699</c:v>
                </c:pt>
                <c:pt idx="1343">
                  <c:v>0.31591367715892699</c:v>
                </c:pt>
                <c:pt idx="1344">
                  <c:v>0.19304581024881637</c:v>
                </c:pt>
                <c:pt idx="1345">
                  <c:v>0.19304581024881637</c:v>
                </c:pt>
                <c:pt idx="1346">
                  <c:v>0.19304581024881637</c:v>
                </c:pt>
                <c:pt idx="1347">
                  <c:v>0.19304581024881637</c:v>
                </c:pt>
                <c:pt idx="1348">
                  <c:v>0.19304581024881637</c:v>
                </c:pt>
                <c:pt idx="1349">
                  <c:v>0.8365318444115375</c:v>
                </c:pt>
                <c:pt idx="1350">
                  <c:v>0.94914190039001378</c:v>
                </c:pt>
                <c:pt idx="1351">
                  <c:v>0.94914190039001378</c:v>
                </c:pt>
                <c:pt idx="1352">
                  <c:v>0.94914190039001378</c:v>
                </c:pt>
                <c:pt idx="1353">
                  <c:v>1.013490503806286</c:v>
                </c:pt>
                <c:pt idx="1354">
                  <c:v>1.013490503806286</c:v>
                </c:pt>
                <c:pt idx="1355">
                  <c:v>1.2869720683254424</c:v>
                </c:pt>
                <c:pt idx="1356">
                  <c:v>1.2869720683254424</c:v>
                </c:pt>
                <c:pt idx="1357">
                  <c:v>0.85261899526560569</c:v>
                </c:pt>
                <c:pt idx="1358">
                  <c:v>1.2869720683254424</c:v>
                </c:pt>
                <c:pt idx="1359">
                  <c:v>1.2869720683254424</c:v>
                </c:pt>
                <c:pt idx="1360">
                  <c:v>1.2869720683254424</c:v>
                </c:pt>
                <c:pt idx="1361">
                  <c:v>1.2869720683254424</c:v>
                </c:pt>
                <c:pt idx="1362">
                  <c:v>1.2869720683254424</c:v>
                </c:pt>
                <c:pt idx="1363">
                  <c:v>1.0778391072225582</c:v>
                </c:pt>
                <c:pt idx="1364">
                  <c:v>0.88479329697374176</c:v>
                </c:pt>
                <c:pt idx="1365">
                  <c:v>0.64348603416272121</c:v>
                </c:pt>
                <c:pt idx="1366">
                  <c:v>0.61131173245458514</c:v>
                </c:pt>
                <c:pt idx="1367">
                  <c:v>0.61131173245458514</c:v>
                </c:pt>
                <c:pt idx="1368">
                  <c:v>0.5579790665523362</c:v>
                </c:pt>
                <c:pt idx="1369">
                  <c:v>0.5579790665523362</c:v>
                </c:pt>
                <c:pt idx="1370">
                  <c:v>0.5579790665523362</c:v>
                </c:pt>
                <c:pt idx="1371">
                  <c:v>0.5579790665523362</c:v>
                </c:pt>
                <c:pt idx="1372">
                  <c:v>0.5579790665523362</c:v>
                </c:pt>
                <c:pt idx="1373">
                  <c:v>0.72537278651803694</c:v>
                </c:pt>
                <c:pt idx="1374">
                  <c:v>0.80906964650088742</c:v>
                </c:pt>
                <c:pt idx="1375">
                  <c:v>0.83696859982850424</c:v>
                </c:pt>
                <c:pt idx="1376">
                  <c:v>0.83696859982850424</c:v>
                </c:pt>
                <c:pt idx="1377">
                  <c:v>0.90671598314754631</c:v>
                </c:pt>
                <c:pt idx="1378">
                  <c:v>0.94856441313897155</c:v>
                </c:pt>
                <c:pt idx="1379">
                  <c:v>1.1159581331046724</c:v>
                </c:pt>
                <c:pt idx="1380">
                  <c:v>1.1159581331046724</c:v>
                </c:pt>
                <c:pt idx="1381">
                  <c:v>1.1159581331046724</c:v>
                </c:pt>
                <c:pt idx="1382">
                  <c:v>1.1159581331046724</c:v>
                </c:pt>
                <c:pt idx="1383">
                  <c:v>1.1159581331046724</c:v>
                </c:pt>
                <c:pt idx="1384">
                  <c:v>1.1159581331046724</c:v>
                </c:pt>
                <c:pt idx="1385">
                  <c:v>1.1159581331046724</c:v>
                </c:pt>
                <c:pt idx="1386">
                  <c:v>1.1159581331046724</c:v>
                </c:pt>
                <c:pt idx="1387">
                  <c:v>0.93461493647516314</c:v>
                </c:pt>
                <c:pt idx="1388">
                  <c:v>0.76722121650946218</c:v>
                </c:pt>
                <c:pt idx="1389">
                  <c:v>0.5579790665523362</c:v>
                </c:pt>
                <c:pt idx="1390">
                  <c:v>0.5579790665523362</c:v>
                </c:pt>
                <c:pt idx="1391">
                  <c:v>0.5579790665523362</c:v>
                </c:pt>
                <c:pt idx="1392">
                  <c:v>0.49697655191584328</c:v>
                </c:pt>
                <c:pt idx="1393">
                  <c:v>0.55909862090532358</c:v>
                </c:pt>
                <c:pt idx="1394">
                  <c:v>0.55909862090532358</c:v>
                </c:pt>
                <c:pt idx="1395">
                  <c:v>0.55909862090532358</c:v>
                </c:pt>
                <c:pt idx="1396">
                  <c:v>0.55909862090532358</c:v>
                </c:pt>
                <c:pt idx="1397">
                  <c:v>0.72061600027797268</c:v>
                </c:pt>
                <c:pt idx="1398">
                  <c:v>0.83243572445903746</c:v>
                </c:pt>
                <c:pt idx="1399">
                  <c:v>0.83243572445903746</c:v>
                </c:pt>
                <c:pt idx="1400">
                  <c:v>0.83243572445903746</c:v>
                </c:pt>
                <c:pt idx="1401">
                  <c:v>0.89455779344851782</c:v>
                </c:pt>
                <c:pt idx="1402">
                  <c:v>0.96910427623589435</c:v>
                </c:pt>
                <c:pt idx="1403">
                  <c:v>1.1181972418106472</c:v>
                </c:pt>
                <c:pt idx="1404">
                  <c:v>1.1181972418106472</c:v>
                </c:pt>
                <c:pt idx="1405">
                  <c:v>1.1181972418106472</c:v>
                </c:pt>
                <c:pt idx="1406">
                  <c:v>1.1181972418106472</c:v>
                </c:pt>
                <c:pt idx="1407">
                  <c:v>1.1181972418106472</c:v>
                </c:pt>
                <c:pt idx="1408">
                  <c:v>1.1181972418106472</c:v>
                </c:pt>
                <c:pt idx="1409">
                  <c:v>1.1181972418106472</c:v>
                </c:pt>
                <c:pt idx="1410">
                  <c:v>1.1181972418106472</c:v>
                </c:pt>
                <c:pt idx="1411">
                  <c:v>0.93183103484220586</c:v>
                </c:pt>
                <c:pt idx="1412">
                  <c:v>0.74546482787376489</c:v>
                </c:pt>
                <c:pt idx="1413">
                  <c:v>0.55909862090532358</c:v>
                </c:pt>
                <c:pt idx="1414">
                  <c:v>0.55909862090532358</c:v>
                </c:pt>
                <c:pt idx="1415">
                  <c:v>0.55909862090532358</c:v>
                </c:pt>
                <c:pt idx="1416">
                  <c:v>0.55776396850483967</c:v>
                </c:pt>
                <c:pt idx="1417">
                  <c:v>0.55776396850483967</c:v>
                </c:pt>
                <c:pt idx="1418">
                  <c:v>0.55776396850483967</c:v>
                </c:pt>
                <c:pt idx="1419">
                  <c:v>0.55776396850483967</c:v>
                </c:pt>
                <c:pt idx="1420">
                  <c:v>0.55776396850483967</c:v>
                </c:pt>
                <c:pt idx="1421">
                  <c:v>0.71889578162846013</c:v>
                </c:pt>
                <c:pt idx="1422">
                  <c:v>0.83044857532942806</c:v>
                </c:pt>
                <c:pt idx="1423">
                  <c:v>0.83044857532942806</c:v>
                </c:pt>
                <c:pt idx="1424">
                  <c:v>0.83044857532942806</c:v>
                </c:pt>
                <c:pt idx="1425">
                  <c:v>0.89242234960774358</c:v>
                </c:pt>
                <c:pt idx="1426">
                  <c:v>0.96679087874172231</c:v>
                </c:pt>
                <c:pt idx="1427">
                  <c:v>1.1155279370096793</c:v>
                </c:pt>
                <c:pt idx="1428">
                  <c:v>1.1155279370096793</c:v>
                </c:pt>
                <c:pt idx="1429">
                  <c:v>1.1155279370096793</c:v>
                </c:pt>
                <c:pt idx="1430">
                  <c:v>1.1155279370096793</c:v>
                </c:pt>
                <c:pt idx="1431">
                  <c:v>1.1155279370096793</c:v>
                </c:pt>
                <c:pt idx="1432">
                  <c:v>1.1155279370096793</c:v>
                </c:pt>
                <c:pt idx="1433">
                  <c:v>1.1155279370096793</c:v>
                </c:pt>
                <c:pt idx="1434">
                  <c:v>1.1155279370096793</c:v>
                </c:pt>
                <c:pt idx="1435">
                  <c:v>0.92960661417473289</c:v>
                </c:pt>
                <c:pt idx="1436">
                  <c:v>0.74368529133978634</c:v>
                </c:pt>
                <c:pt idx="1437">
                  <c:v>0.55776396850483967</c:v>
                </c:pt>
                <c:pt idx="1438">
                  <c:v>0.55776396850483967</c:v>
                </c:pt>
                <c:pt idx="1439">
                  <c:v>0.55776396850483967</c:v>
                </c:pt>
                <c:pt idx="1440">
                  <c:v>0.61333566452373967</c:v>
                </c:pt>
                <c:pt idx="1441">
                  <c:v>0.61333566452373967</c:v>
                </c:pt>
                <c:pt idx="1442">
                  <c:v>0.61333566452373967</c:v>
                </c:pt>
                <c:pt idx="1443">
                  <c:v>0.61333566452373967</c:v>
                </c:pt>
                <c:pt idx="1444">
                  <c:v>0.61333566452373967</c:v>
                </c:pt>
                <c:pt idx="1445">
                  <c:v>0.79052152316393121</c:v>
                </c:pt>
                <c:pt idx="1446">
                  <c:v>0.95407770037026174</c:v>
                </c:pt>
                <c:pt idx="1447">
                  <c:v>0.95407770037026174</c:v>
                </c:pt>
                <c:pt idx="1448">
                  <c:v>0.95407770037026174</c:v>
                </c:pt>
                <c:pt idx="1449">
                  <c:v>1.0222261075395662</c:v>
                </c:pt>
                <c:pt idx="1450">
                  <c:v>1.063115151841149</c:v>
                </c:pt>
                <c:pt idx="1451">
                  <c:v>1.2266713290474793</c:v>
                </c:pt>
                <c:pt idx="1452">
                  <c:v>1.2266713290474793</c:v>
                </c:pt>
                <c:pt idx="1453">
                  <c:v>1.2266713290474793</c:v>
                </c:pt>
                <c:pt idx="1454">
                  <c:v>1.2266713290474793</c:v>
                </c:pt>
                <c:pt idx="1455">
                  <c:v>1.0222261075395662</c:v>
                </c:pt>
                <c:pt idx="1456">
                  <c:v>0.96770738180412275</c:v>
                </c:pt>
                <c:pt idx="1457">
                  <c:v>0.96770738180412275</c:v>
                </c:pt>
                <c:pt idx="1458">
                  <c:v>0.96770738180412275</c:v>
                </c:pt>
                <c:pt idx="1459">
                  <c:v>0.96770738180412275</c:v>
                </c:pt>
                <c:pt idx="1460">
                  <c:v>0.74963247886234852</c:v>
                </c:pt>
                <c:pt idx="1461">
                  <c:v>0.28622331011107849</c:v>
                </c:pt>
                <c:pt idx="1462">
                  <c:v>0.28622331011107849</c:v>
                </c:pt>
                <c:pt idx="1463">
                  <c:v>0.28622331011107849</c:v>
                </c:pt>
                <c:pt idx="1464">
                  <c:v>0.20895023630251072</c:v>
                </c:pt>
                <c:pt idx="1465">
                  <c:v>0.407950461352521</c:v>
                </c:pt>
                <c:pt idx="1466">
                  <c:v>0.407950461352521</c:v>
                </c:pt>
                <c:pt idx="1467">
                  <c:v>0.407950461352521</c:v>
                </c:pt>
                <c:pt idx="1468">
                  <c:v>0.407950461352521</c:v>
                </c:pt>
                <c:pt idx="1469">
                  <c:v>0.50745057387752601</c:v>
                </c:pt>
                <c:pt idx="1470">
                  <c:v>0.63680072016003264</c:v>
                </c:pt>
                <c:pt idx="1471">
                  <c:v>0.72635082143253726</c:v>
                </c:pt>
                <c:pt idx="1472">
                  <c:v>0.72635082143253726</c:v>
                </c:pt>
                <c:pt idx="1473">
                  <c:v>0.72635082143253726</c:v>
                </c:pt>
                <c:pt idx="1474">
                  <c:v>0.72635082143253726</c:v>
                </c:pt>
                <c:pt idx="1475">
                  <c:v>0.72635082143253726</c:v>
                </c:pt>
                <c:pt idx="1476">
                  <c:v>0.72635082143253726</c:v>
                </c:pt>
                <c:pt idx="1477">
                  <c:v>0.72635082143253726</c:v>
                </c:pt>
                <c:pt idx="1478">
                  <c:v>0.72635082143253726</c:v>
                </c:pt>
                <c:pt idx="1479">
                  <c:v>0.65670074266503364</c:v>
                </c:pt>
                <c:pt idx="1480">
                  <c:v>0.59700067515003064</c:v>
                </c:pt>
                <c:pt idx="1481">
                  <c:v>0.53730060763502763</c:v>
                </c:pt>
                <c:pt idx="1482">
                  <c:v>0.51740058513002651</c:v>
                </c:pt>
                <c:pt idx="1483">
                  <c:v>0.41790047260502144</c:v>
                </c:pt>
                <c:pt idx="1484">
                  <c:v>0.30845034882751582</c:v>
                </c:pt>
                <c:pt idx="1485">
                  <c:v>0.30845034882751582</c:v>
                </c:pt>
                <c:pt idx="1486">
                  <c:v>0.30845034882751582</c:v>
                </c:pt>
                <c:pt idx="1487">
                  <c:v>0.30845034882751582</c:v>
                </c:pt>
                <c:pt idx="1488">
                  <c:v>0.38580873165192509</c:v>
                </c:pt>
                <c:pt idx="1489">
                  <c:v>0.44803594643449357</c:v>
                </c:pt>
                <c:pt idx="1490">
                  <c:v>0.44803594643449357</c:v>
                </c:pt>
                <c:pt idx="1491">
                  <c:v>0.44803594643449357</c:v>
                </c:pt>
                <c:pt idx="1492">
                  <c:v>0.44803594643449357</c:v>
                </c:pt>
                <c:pt idx="1493">
                  <c:v>0.56004493304311709</c:v>
                </c:pt>
                <c:pt idx="1494">
                  <c:v>0.65960847669522671</c:v>
                </c:pt>
                <c:pt idx="1495">
                  <c:v>0.7840629062603639</c:v>
                </c:pt>
                <c:pt idx="1496">
                  <c:v>0.7840629062603639</c:v>
                </c:pt>
                <c:pt idx="1497">
                  <c:v>0.7840629062603639</c:v>
                </c:pt>
                <c:pt idx="1498">
                  <c:v>0.7840629062603639</c:v>
                </c:pt>
                <c:pt idx="1499">
                  <c:v>0.7840629062603639</c:v>
                </c:pt>
                <c:pt idx="1500">
                  <c:v>0.7840629062603639</c:v>
                </c:pt>
                <c:pt idx="1501">
                  <c:v>0.7840629062603639</c:v>
                </c:pt>
                <c:pt idx="1502">
                  <c:v>0.7840629062603639</c:v>
                </c:pt>
                <c:pt idx="1503">
                  <c:v>0.6969448055647679</c:v>
                </c:pt>
                <c:pt idx="1504">
                  <c:v>0.68449936260825406</c:v>
                </c:pt>
                <c:pt idx="1505">
                  <c:v>0.58493581895614455</c:v>
                </c:pt>
                <c:pt idx="1506">
                  <c:v>0.54759949008660347</c:v>
                </c:pt>
                <c:pt idx="1507">
                  <c:v>0.46048138939100736</c:v>
                </c:pt>
                <c:pt idx="1508">
                  <c:v>0.38580873165192509</c:v>
                </c:pt>
                <c:pt idx="1509">
                  <c:v>0.33602695982587022</c:v>
                </c:pt>
                <c:pt idx="1510">
                  <c:v>0.33602695982587022</c:v>
                </c:pt>
                <c:pt idx="1511">
                  <c:v>0.33602695982587022</c:v>
                </c:pt>
                <c:pt idx="1512">
                  <c:v>0.20318462622741251</c:v>
                </c:pt>
                <c:pt idx="1513">
                  <c:v>0.20318462622741251</c:v>
                </c:pt>
                <c:pt idx="1514">
                  <c:v>0.20318462622741251</c:v>
                </c:pt>
                <c:pt idx="1515">
                  <c:v>0.20318462622741251</c:v>
                </c:pt>
                <c:pt idx="1516">
                  <c:v>0.20318462622741251</c:v>
                </c:pt>
                <c:pt idx="1517">
                  <c:v>0.88046671365212092</c:v>
                </c:pt>
                <c:pt idx="1518">
                  <c:v>0.9989910789514449</c:v>
                </c:pt>
                <c:pt idx="1519">
                  <c:v>0.9989910789514449</c:v>
                </c:pt>
                <c:pt idx="1520">
                  <c:v>0.9989910789514449</c:v>
                </c:pt>
                <c:pt idx="1521">
                  <c:v>1.0667192876939158</c:v>
                </c:pt>
                <c:pt idx="1522">
                  <c:v>1.0667192876939158</c:v>
                </c:pt>
                <c:pt idx="1523">
                  <c:v>1.3545641748494168</c:v>
                </c:pt>
                <c:pt idx="1524">
                  <c:v>1.3545641748494168</c:v>
                </c:pt>
                <c:pt idx="1525">
                  <c:v>0.8973987658377387</c:v>
                </c:pt>
                <c:pt idx="1526">
                  <c:v>1.3545641748494168</c:v>
                </c:pt>
                <c:pt idx="1527">
                  <c:v>1.3545641748494168</c:v>
                </c:pt>
                <c:pt idx="1528">
                  <c:v>1.3545641748494168</c:v>
                </c:pt>
                <c:pt idx="1529">
                  <c:v>1.3545641748494168</c:v>
                </c:pt>
                <c:pt idx="1530">
                  <c:v>1.3545641748494168</c:v>
                </c:pt>
                <c:pt idx="1531">
                  <c:v>1.1344474964363866</c:v>
                </c:pt>
                <c:pt idx="1532">
                  <c:v>0.93126287020897403</c:v>
                </c:pt>
                <c:pt idx="1533">
                  <c:v>0.67728208742470841</c:v>
                </c:pt>
                <c:pt idx="1534">
                  <c:v>0.64341798305347297</c:v>
                </c:pt>
                <c:pt idx="1535">
                  <c:v>0.64341798305347297</c:v>
                </c:pt>
                <c:pt idx="1536">
                  <c:v>0.61944797175213173</c:v>
                </c:pt>
                <c:pt idx="1537">
                  <c:v>0.61944797175213173</c:v>
                </c:pt>
                <c:pt idx="1538">
                  <c:v>0.61944797175213173</c:v>
                </c:pt>
                <c:pt idx="1539">
                  <c:v>0.61944797175213173</c:v>
                </c:pt>
                <c:pt idx="1540">
                  <c:v>0.61944797175213173</c:v>
                </c:pt>
                <c:pt idx="1541">
                  <c:v>0.80528236327777125</c:v>
                </c:pt>
                <c:pt idx="1542">
                  <c:v>0.89819955904059079</c:v>
                </c:pt>
                <c:pt idx="1543">
                  <c:v>0.9291719576281976</c:v>
                </c:pt>
                <c:pt idx="1544">
                  <c:v>0.9291719576281976</c:v>
                </c:pt>
                <c:pt idx="1545">
                  <c:v>1.0066029540972139</c:v>
                </c:pt>
                <c:pt idx="1546">
                  <c:v>1.0530615519786237</c:v>
                </c:pt>
                <c:pt idx="1547">
                  <c:v>1.2388959435042635</c:v>
                </c:pt>
                <c:pt idx="1548">
                  <c:v>1.2388959435042635</c:v>
                </c:pt>
                <c:pt idx="1549">
                  <c:v>1.2388959435042635</c:v>
                </c:pt>
                <c:pt idx="1550">
                  <c:v>1.2388959435042635</c:v>
                </c:pt>
                <c:pt idx="1551">
                  <c:v>1.2388959435042635</c:v>
                </c:pt>
                <c:pt idx="1552">
                  <c:v>1.2388959435042635</c:v>
                </c:pt>
                <c:pt idx="1553">
                  <c:v>1.2388959435042635</c:v>
                </c:pt>
                <c:pt idx="1554">
                  <c:v>1.2388959435042635</c:v>
                </c:pt>
                <c:pt idx="1555">
                  <c:v>1.0375753526848206</c:v>
                </c:pt>
                <c:pt idx="1556">
                  <c:v>0.85174096115918096</c:v>
                </c:pt>
                <c:pt idx="1557">
                  <c:v>0.61944797175213173</c:v>
                </c:pt>
                <c:pt idx="1558">
                  <c:v>0.61944797175213173</c:v>
                </c:pt>
                <c:pt idx="1559">
                  <c:v>0.61944797175213173</c:v>
                </c:pt>
                <c:pt idx="1560">
                  <c:v>0.56337955818340368</c:v>
                </c:pt>
                <c:pt idx="1561">
                  <c:v>0.63380200295632905</c:v>
                </c:pt>
                <c:pt idx="1562">
                  <c:v>0.63380200295632905</c:v>
                </c:pt>
                <c:pt idx="1563">
                  <c:v>0.63380200295632905</c:v>
                </c:pt>
                <c:pt idx="1564">
                  <c:v>0.63380200295632905</c:v>
                </c:pt>
                <c:pt idx="1565">
                  <c:v>0.81690035936593519</c:v>
                </c:pt>
                <c:pt idx="1566">
                  <c:v>0.94366075995720111</c:v>
                </c:pt>
                <c:pt idx="1567">
                  <c:v>0.94366075995720111</c:v>
                </c:pt>
                <c:pt idx="1568">
                  <c:v>0.94366075995720111</c:v>
                </c:pt>
                <c:pt idx="1569">
                  <c:v>1.0140832047301265</c:v>
                </c:pt>
                <c:pt idx="1570">
                  <c:v>1.0985901384576371</c:v>
                </c:pt>
                <c:pt idx="1571">
                  <c:v>1.2676040059126581</c:v>
                </c:pt>
                <c:pt idx="1572">
                  <c:v>1.2676040059126581</c:v>
                </c:pt>
                <c:pt idx="1573">
                  <c:v>1.2676040059126581</c:v>
                </c:pt>
                <c:pt idx="1574">
                  <c:v>1.2676040059126581</c:v>
                </c:pt>
                <c:pt idx="1575">
                  <c:v>1.2676040059126581</c:v>
                </c:pt>
                <c:pt idx="1576">
                  <c:v>1.2676040059126581</c:v>
                </c:pt>
                <c:pt idx="1577">
                  <c:v>1.2676040059126581</c:v>
                </c:pt>
                <c:pt idx="1578">
                  <c:v>1.2676040059126581</c:v>
                </c:pt>
                <c:pt idx="1579">
                  <c:v>1.0563366715938816</c:v>
                </c:pt>
                <c:pt idx="1580">
                  <c:v>0.84506933727510536</c:v>
                </c:pt>
                <c:pt idx="1581">
                  <c:v>0.63380200295632905</c:v>
                </c:pt>
                <c:pt idx="1582">
                  <c:v>0.63380200295632905</c:v>
                </c:pt>
                <c:pt idx="1583">
                  <c:v>0.63380200295632905</c:v>
                </c:pt>
                <c:pt idx="1584">
                  <c:v>0.64700000904861987</c:v>
                </c:pt>
                <c:pt idx="1585">
                  <c:v>0.64700000904861987</c:v>
                </c:pt>
                <c:pt idx="1586">
                  <c:v>0.64700000904861987</c:v>
                </c:pt>
                <c:pt idx="1587">
                  <c:v>0.64700000904861987</c:v>
                </c:pt>
                <c:pt idx="1588">
                  <c:v>0.64700000904861987</c:v>
                </c:pt>
                <c:pt idx="1589">
                  <c:v>0.83391112277377666</c:v>
                </c:pt>
                <c:pt idx="1590">
                  <c:v>0.96331112458350066</c:v>
                </c:pt>
                <c:pt idx="1591">
                  <c:v>0.96331112458350066</c:v>
                </c:pt>
                <c:pt idx="1592">
                  <c:v>0.96331112458350066</c:v>
                </c:pt>
                <c:pt idx="1593">
                  <c:v>1.0352000144777915</c:v>
                </c:pt>
                <c:pt idx="1594">
                  <c:v>1.1214666823509412</c:v>
                </c:pt>
                <c:pt idx="1595">
                  <c:v>1.2940000180972397</c:v>
                </c:pt>
                <c:pt idx="1596">
                  <c:v>1.2940000180972397</c:v>
                </c:pt>
                <c:pt idx="1597">
                  <c:v>1.2940000180972397</c:v>
                </c:pt>
                <c:pt idx="1598">
                  <c:v>1.2940000180972397</c:v>
                </c:pt>
                <c:pt idx="1599">
                  <c:v>1.2940000180972397</c:v>
                </c:pt>
                <c:pt idx="1600">
                  <c:v>1.2940000180972397</c:v>
                </c:pt>
                <c:pt idx="1601">
                  <c:v>1.2940000180972397</c:v>
                </c:pt>
                <c:pt idx="1602">
                  <c:v>1.2940000180972397</c:v>
                </c:pt>
                <c:pt idx="1603">
                  <c:v>1.0783333484143662</c:v>
                </c:pt>
                <c:pt idx="1604">
                  <c:v>0.86266667873149327</c:v>
                </c:pt>
                <c:pt idx="1605">
                  <c:v>0.64700000904861987</c:v>
                </c:pt>
                <c:pt idx="1606">
                  <c:v>0.64700000904861987</c:v>
                </c:pt>
                <c:pt idx="1607">
                  <c:v>0.64700000904861987</c:v>
                </c:pt>
                <c:pt idx="1608">
                  <c:v>0.71957500290002285</c:v>
                </c:pt>
                <c:pt idx="1609">
                  <c:v>0.71957500290002285</c:v>
                </c:pt>
                <c:pt idx="1610">
                  <c:v>0.71957500290002285</c:v>
                </c:pt>
                <c:pt idx="1611">
                  <c:v>0.71957500290002285</c:v>
                </c:pt>
                <c:pt idx="1612">
                  <c:v>0.71957500290002285</c:v>
                </c:pt>
                <c:pt idx="1613">
                  <c:v>0.92745222596002941</c:v>
                </c:pt>
                <c:pt idx="1614">
                  <c:v>1.1193388934000357</c:v>
                </c:pt>
                <c:pt idx="1615">
                  <c:v>1.1193388934000357</c:v>
                </c:pt>
                <c:pt idx="1616">
                  <c:v>1.1193388934000357</c:v>
                </c:pt>
                <c:pt idx="1617">
                  <c:v>1.1992916715000381</c:v>
                </c:pt>
                <c:pt idx="1618">
                  <c:v>1.2472633383600396</c:v>
                </c:pt>
                <c:pt idx="1619">
                  <c:v>1.4391500058000457</c:v>
                </c:pt>
                <c:pt idx="1620">
                  <c:v>1.4391500058000457</c:v>
                </c:pt>
                <c:pt idx="1621">
                  <c:v>1.4391500058000457</c:v>
                </c:pt>
                <c:pt idx="1622">
                  <c:v>1.4391500058000457</c:v>
                </c:pt>
                <c:pt idx="1623">
                  <c:v>1.1992916715000381</c:v>
                </c:pt>
                <c:pt idx="1624">
                  <c:v>1.1353294490200361</c:v>
                </c:pt>
                <c:pt idx="1625">
                  <c:v>1.1353294490200361</c:v>
                </c:pt>
                <c:pt idx="1626">
                  <c:v>1.1353294490200361</c:v>
                </c:pt>
                <c:pt idx="1627">
                  <c:v>1.1353294490200361</c:v>
                </c:pt>
                <c:pt idx="1628">
                  <c:v>0.87948055910002798</c:v>
                </c:pt>
                <c:pt idx="1629">
                  <c:v>0.33580166802001071</c:v>
                </c:pt>
                <c:pt idx="1630">
                  <c:v>0.33580166802001071</c:v>
                </c:pt>
                <c:pt idx="1631">
                  <c:v>0.33580166802001071</c:v>
                </c:pt>
                <c:pt idx="1632">
                  <c:v>0.25314143643857923</c:v>
                </c:pt>
                <c:pt idx="1633">
                  <c:v>0.49422851876103568</c:v>
                </c:pt>
                <c:pt idx="1634">
                  <c:v>0.49422851876103568</c:v>
                </c:pt>
                <c:pt idx="1635">
                  <c:v>0.49422851876103568</c:v>
                </c:pt>
                <c:pt idx="1636">
                  <c:v>0.49422851876103568</c:v>
                </c:pt>
                <c:pt idx="1637">
                  <c:v>0.61477205992226391</c:v>
                </c:pt>
                <c:pt idx="1638">
                  <c:v>0.77147866343186056</c:v>
                </c:pt>
                <c:pt idx="1639">
                  <c:v>0.87996785047696613</c:v>
                </c:pt>
                <c:pt idx="1640">
                  <c:v>0.87996785047696613</c:v>
                </c:pt>
                <c:pt idx="1641">
                  <c:v>0.87996785047696613</c:v>
                </c:pt>
                <c:pt idx="1642">
                  <c:v>0.87996785047696613</c:v>
                </c:pt>
                <c:pt idx="1643">
                  <c:v>0.87996785047696613</c:v>
                </c:pt>
                <c:pt idx="1644">
                  <c:v>0.87996785047696613</c:v>
                </c:pt>
                <c:pt idx="1645">
                  <c:v>0.87996785047696613</c:v>
                </c:pt>
                <c:pt idx="1646">
                  <c:v>0.87996785047696613</c:v>
                </c:pt>
                <c:pt idx="1647">
                  <c:v>0.7955873716641062</c:v>
                </c:pt>
                <c:pt idx="1648">
                  <c:v>0.72326124696736938</c:v>
                </c:pt>
                <c:pt idx="1649">
                  <c:v>0.65093512227063233</c:v>
                </c:pt>
                <c:pt idx="1650">
                  <c:v>0.62682641403838668</c:v>
                </c:pt>
                <c:pt idx="1651">
                  <c:v>0.50628287287715845</c:v>
                </c:pt>
                <c:pt idx="1652">
                  <c:v>0.37368497759980746</c:v>
                </c:pt>
                <c:pt idx="1653">
                  <c:v>0.37368497759980746</c:v>
                </c:pt>
                <c:pt idx="1654">
                  <c:v>0.37368497759980746</c:v>
                </c:pt>
                <c:pt idx="1655">
                  <c:v>0.37368497759980746</c:v>
                </c:pt>
                <c:pt idx="1656">
                  <c:v>0.41011718243848411</c:v>
                </c:pt>
                <c:pt idx="1657">
                  <c:v>0.47626511508985248</c:v>
                </c:pt>
                <c:pt idx="1658">
                  <c:v>0.47626511508985248</c:v>
                </c:pt>
                <c:pt idx="1659">
                  <c:v>0.47626511508985248</c:v>
                </c:pt>
                <c:pt idx="1660">
                  <c:v>0.47626511508985248</c:v>
                </c:pt>
                <c:pt idx="1661">
                  <c:v>0.59533139386231571</c:v>
                </c:pt>
                <c:pt idx="1662">
                  <c:v>0.70116808610450509</c:v>
                </c:pt>
                <c:pt idx="1663">
                  <c:v>0.83346395140724194</c:v>
                </c:pt>
                <c:pt idx="1664">
                  <c:v>0.83346395140724194</c:v>
                </c:pt>
                <c:pt idx="1665">
                  <c:v>0.83346395140724194</c:v>
                </c:pt>
                <c:pt idx="1666">
                  <c:v>0.83346395140724194</c:v>
                </c:pt>
                <c:pt idx="1667">
                  <c:v>0.83346395140724194</c:v>
                </c:pt>
                <c:pt idx="1668">
                  <c:v>0.83346395140724194</c:v>
                </c:pt>
                <c:pt idx="1669">
                  <c:v>0.83346395140724194</c:v>
                </c:pt>
                <c:pt idx="1670">
                  <c:v>0.83346395140724194</c:v>
                </c:pt>
                <c:pt idx="1671">
                  <c:v>0.74085684569532617</c:v>
                </c:pt>
                <c:pt idx="1672">
                  <c:v>0.72762725916505255</c:v>
                </c:pt>
                <c:pt idx="1673">
                  <c:v>0.62179056692286305</c:v>
                </c:pt>
                <c:pt idx="1674">
                  <c:v>0.58210180733204198</c:v>
                </c:pt>
                <c:pt idx="1675">
                  <c:v>0.48949470162012626</c:v>
                </c:pt>
                <c:pt idx="1676">
                  <c:v>0.41011718243848411</c:v>
                </c:pt>
                <c:pt idx="1677">
                  <c:v>0.35719883631738947</c:v>
                </c:pt>
                <c:pt idx="1678">
                  <c:v>0.35719883631738947</c:v>
                </c:pt>
                <c:pt idx="1679">
                  <c:v>0.35719883631738947</c:v>
                </c:pt>
                <c:pt idx="1680">
                  <c:v>0.20923054525007828</c:v>
                </c:pt>
                <c:pt idx="1681">
                  <c:v>0.20923054525007828</c:v>
                </c:pt>
                <c:pt idx="1682">
                  <c:v>0.20923054525007828</c:v>
                </c:pt>
                <c:pt idx="1683">
                  <c:v>0.20923054525007828</c:v>
                </c:pt>
                <c:pt idx="1684">
                  <c:v>0.20923054525007828</c:v>
                </c:pt>
                <c:pt idx="1685">
                  <c:v>0.90666569608367265</c:v>
                </c:pt>
                <c:pt idx="1686">
                  <c:v>1.0287168474795516</c:v>
                </c:pt>
                <c:pt idx="1687">
                  <c:v>1.0287168474795516</c:v>
                </c:pt>
                <c:pt idx="1688">
                  <c:v>1.0287168474795516</c:v>
                </c:pt>
                <c:pt idx="1689">
                  <c:v>1.098460362562911</c:v>
                </c:pt>
                <c:pt idx="1690">
                  <c:v>1.098460362562911</c:v>
                </c:pt>
                <c:pt idx="1691">
                  <c:v>1.3948703016671888</c:v>
                </c:pt>
                <c:pt idx="1692">
                  <c:v>1.3948703016671888</c:v>
                </c:pt>
                <c:pt idx="1693">
                  <c:v>0.9241015748545125</c:v>
                </c:pt>
                <c:pt idx="1694">
                  <c:v>1.3948703016671888</c:v>
                </c:pt>
                <c:pt idx="1695">
                  <c:v>1.3948703016671888</c:v>
                </c:pt>
                <c:pt idx="1696">
                  <c:v>1.3948703016671888</c:v>
                </c:pt>
                <c:pt idx="1697">
                  <c:v>1.3948703016671888</c:v>
                </c:pt>
                <c:pt idx="1698">
                  <c:v>1.3948703016671888</c:v>
                </c:pt>
                <c:pt idx="1699">
                  <c:v>1.1682038776462706</c:v>
                </c:pt>
                <c:pt idx="1700">
                  <c:v>0.9589733323961922</c:v>
                </c:pt>
                <c:pt idx="1701">
                  <c:v>0.69743515083359442</c:v>
                </c:pt>
                <c:pt idx="1702">
                  <c:v>0.66256339329191449</c:v>
                </c:pt>
                <c:pt idx="1703">
                  <c:v>0.66256339329191449</c:v>
                </c:pt>
                <c:pt idx="1704">
                  <c:v>0.59422426609157841</c:v>
                </c:pt>
                <c:pt idx="1705">
                  <c:v>0.59422426609157841</c:v>
                </c:pt>
                <c:pt idx="1706">
                  <c:v>0.59422426609157841</c:v>
                </c:pt>
                <c:pt idx="1707">
                  <c:v>0.59422426609157841</c:v>
                </c:pt>
                <c:pt idx="1708">
                  <c:v>0.59422426609157841</c:v>
                </c:pt>
                <c:pt idx="1709">
                  <c:v>0.77249154591905178</c:v>
                </c:pt>
                <c:pt idx="1710">
                  <c:v>0.86162518583278858</c:v>
                </c:pt>
                <c:pt idx="1711">
                  <c:v>0.89133639913736762</c:v>
                </c:pt>
                <c:pt idx="1712">
                  <c:v>0.89133639913736762</c:v>
                </c:pt>
                <c:pt idx="1713">
                  <c:v>0.96561443239881473</c:v>
                </c:pt>
                <c:pt idx="1714">
                  <c:v>1.010181252355683</c:v>
                </c:pt>
                <c:pt idx="1715">
                  <c:v>1.1884485321831568</c:v>
                </c:pt>
                <c:pt idx="1716">
                  <c:v>1.1884485321831568</c:v>
                </c:pt>
                <c:pt idx="1717">
                  <c:v>1.1884485321831568</c:v>
                </c:pt>
                <c:pt idx="1718">
                  <c:v>1.1884485321831568</c:v>
                </c:pt>
                <c:pt idx="1719">
                  <c:v>1.1884485321831568</c:v>
                </c:pt>
                <c:pt idx="1720">
                  <c:v>1.1884485321831568</c:v>
                </c:pt>
                <c:pt idx="1721">
                  <c:v>1.1884485321831568</c:v>
                </c:pt>
                <c:pt idx="1722">
                  <c:v>1.1884485321831568</c:v>
                </c:pt>
                <c:pt idx="1723">
                  <c:v>0.99532564570339388</c:v>
                </c:pt>
                <c:pt idx="1724">
                  <c:v>0.81705836587592029</c:v>
                </c:pt>
                <c:pt idx="1725">
                  <c:v>0.59422426609157841</c:v>
                </c:pt>
                <c:pt idx="1726">
                  <c:v>0.59422426609157841</c:v>
                </c:pt>
                <c:pt idx="1727">
                  <c:v>0.59422426609157841</c:v>
                </c:pt>
                <c:pt idx="1728">
                  <c:v>0.52735904707333625</c:v>
                </c:pt>
                <c:pt idx="1729">
                  <c:v>0.59327892795750325</c:v>
                </c:pt>
                <c:pt idx="1730">
                  <c:v>0.59327892795750325</c:v>
                </c:pt>
                <c:pt idx="1731">
                  <c:v>0.59327892795750325</c:v>
                </c:pt>
                <c:pt idx="1732">
                  <c:v>0.59327892795750325</c:v>
                </c:pt>
                <c:pt idx="1733">
                  <c:v>0.76467061825633753</c:v>
                </c:pt>
                <c:pt idx="1734">
                  <c:v>0.88332640384783823</c:v>
                </c:pt>
                <c:pt idx="1735">
                  <c:v>0.88332640384783823</c:v>
                </c:pt>
                <c:pt idx="1736">
                  <c:v>0.88332640384783823</c:v>
                </c:pt>
                <c:pt idx="1737">
                  <c:v>0.94924628473200523</c:v>
                </c:pt>
                <c:pt idx="1738">
                  <c:v>1.0283501417930057</c:v>
                </c:pt>
                <c:pt idx="1739">
                  <c:v>1.1865578559150065</c:v>
                </c:pt>
                <c:pt idx="1740">
                  <c:v>1.1865578559150065</c:v>
                </c:pt>
                <c:pt idx="1741">
                  <c:v>1.1865578559150065</c:v>
                </c:pt>
                <c:pt idx="1742">
                  <c:v>1.1865578559150065</c:v>
                </c:pt>
                <c:pt idx="1743">
                  <c:v>1.1865578559150065</c:v>
                </c:pt>
                <c:pt idx="1744">
                  <c:v>1.1865578559150065</c:v>
                </c:pt>
                <c:pt idx="1745">
                  <c:v>1.1865578559150065</c:v>
                </c:pt>
                <c:pt idx="1746">
                  <c:v>1.1865578559150065</c:v>
                </c:pt>
                <c:pt idx="1747">
                  <c:v>0.9887982132625055</c:v>
                </c:pt>
                <c:pt idx="1748">
                  <c:v>0.79103857061000438</c:v>
                </c:pt>
                <c:pt idx="1749">
                  <c:v>0.59327892795750325</c:v>
                </c:pt>
                <c:pt idx="1750">
                  <c:v>0.59327892795750325</c:v>
                </c:pt>
                <c:pt idx="1751">
                  <c:v>0.59327892795750325</c:v>
                </c:pt>
                <c:pt idx="1752">
                  <c:v>0.5838776468034893</c:v>
                </c:pt>
                <c:pt idx="1753">
                  <c:v>0.5838776468034893</c:v>
                </c:pt>
                <c:pt idx="1754">
                  <c:v>0.5838776468034893</c:v>
                </c:pt>
                <c:pt idx="1755">
                  <c:v>0.5838776468034893</c:v>
                </c:pt>
                <c:pt idx="1756">
                  <c:v>0.5838776468034893</c:v>
                </c:pt>
                <c:pt idx="1757">
                  <c:v>0.75255341143560861</c:v>
                </c:pt>
                <c:pt idx="1758">
                  <c:v>0.8693289407963064</c:v>
                </c:pt>
                <c:pt idx="1759">
                  <c:v>0.8693289407963064</c:v>
                </c:pt>
                <c:pt idx="1760">
                  <c:v>0.8693289407963064</c:v>
                </c:pt>
                <c:pt idx="1761">
                  <c:v>0.93420423488558302</c:v>
                </c:pt>
                <c:pt idx="1762">
                  <c:v>1.012054587792715</c:v>
                </c:pt>
                <c:pt idx="1763">
                  <c:v>1.1677552936069786</c:v>
                </c:pt>
                <c:pt idx="1764">
                  <c:v>1.1677552936069786</c:v>
                </c:pt>
                <c:pt idx="1765">
                  <c:v>1.1677552936069786</c:v>
                </c:pt>
                <c:pt idx="1766">
                  <c:v>1.1677552936069786</c:v>
                </c:pt>
                <c:pt idx="1767">
                  <c:v>1.1677552936069786</c:v>
                </c:pt>
                <c:pt idx="1768">
                  <c:v>1.1677552936069786</c:v>
                </c:pt>
                <c:pt idx="1769">
                  <c:v>1.1677552936069786</c:v>
                </c:pt>
                <c:pt idx="1770">
                  <c:v>1.1677552936069786</c:v>
                </c:pt>
                <c:pt idx="1771">
                  <c:v>0.97312941133914899</c:v>
                </c:pt>
                <c:pt idx="1772">
                  <c:v>0.77850352907131926</c:v>
                </c:pt>
                <c:pt idx="1773">
                  <c:v>0.5838776468034893</c:v>
                </c:pt>
                <c:pt idx="1774">
                  <c:v>0.5838776468034893</c:v>
                </c:pt>
                <c:pt idx="1775">
                  <c:v>0.5838776468034893</c:v>
                </c:pt>
                <c:pt idx="1776">
                  <c:v>0.64031295209666117</c:v>
                </c:pt>
                <c:pt idx="1777">
                  <c:v>0.64031295209666117</c:v>
                </c:pt>
                <c:pt idx="1778">
                  <c:v>0.64031295209666117</c:v>
                </c:pt>
                <c:pt idx="1779">
                  <c:v>0.64031295209666117</c:v>
                </c:pt>
                <c:pt idx="1780">
                  <c:v>0.64031295209666117</c:v>
                </c:pt>
                <c:pt idx="1781">
                  <c:v>0.82529224936903001</c:v>
                </c:pt>
                <c:pt idx="1782">
                  <c:v>0.99604236992813966</c:v>
                </c:pt>
                <c:pt idx="1783">
                  <c:v>0.99604236992813966</c:v>
                </c:pt>
                <c:pt idx="1784">
                  <c:v>0.99604236992813966</c:v>
                </c:pt>
                <c:pt idx="1785">
                  <c:v>1.0671882534944352</c:v>
                </c:pt>
                <c:pt idx="1786">
                  <c:v>1.1098757836342128</c:v>
                </c:pt>
                <c:pt idx="1787">
                  <c:v>1.2806259041933223</c:v>
                </c:pt>
                <c:pt idx="1788">
                  <c:v>1.2806259041933223</c:v>
                </c:pt>
                <c:pt idx="1789">
                  <c:v>1.2806259041933223</c:v>
                </c:pt>
                <c:pt idx="1790">
                  <c:v>1.2806259041933223</c:v>
                </c:pt>
                <c:pt idx="1791">
                  <c:v>1.0671882534944352</c:v>
                </c:pt>
                <c:pt idx="1792">
                  <c:v>1.0102715466413987</c:v>
                </c:pt>
                <c:pt idx="1793">
                  <c:v>1.0102715466413987</c:v>
                </c:pt>
                <c:pt idx="1794">
                  <c:v>1.0102715466413987</c:v>
                </c:pt>
                <c:pt idx="1795">
                  <c:v>1.0102715466413987</c:v>
                </c:pt>
                <c:pt idx="1796">
                  <c:v>0.78260471922925245</c:v>
                </c:pt>
                <c:pt idx="1797">
                  <c:v>0.29881271097844186</c:v>
                </c:pt>
                <c:pt idx="1798">
                  <c:v>0.29881271097844186</c:v>
                </c:pt>
                <c:pt idx="1799">
                  <c:v>0.29881271097844186</c:v>
                </c:pt>
                <c:pt idx="1800">
                  <c:v>0.1951857641289812</c:v>
                </c:pt>
                <c:pt idx="1801">
                  <c:v>0.38107696806134433</c:v>
                </c:pt>
                <c:pt idx="1802">
                  <c:v>0.38107696806134433</c:v>
                </c:pt>
                <c:pt idx="1803">
                  <c:v>0.38107696806134433</c:v>
                </c:pt>
                <c:pt idx="1804">
                  <c:v>0.38107696806134433</c:v>
                </c:pt>
                <c:pt idx="1805">
                  <c:v>0.47402257002752585</c:v>
                </c:pt>
                <c:pt idx="1806">
                  <c:v>0.59485185258356188</c:v>
                </c:pt>
                <c:pt idx="1807">
                  <c:v>0.67850289435312516</c:v>
                </c:pt>
                <c:pt idx="1808">
                  <c:v>0.67850289435312516</c:v>
                </c:pt>
                <c:pt idx="1809">
                  <c:v>0.67850289435312516</c:v>
                </c:pt>
                <c:pt idx="1810">
                  <c:v>0.67850289435312516</c:v>
                </c:pt>
                <c:pt idx="1811">
                  <c:v>0.67850289435312516</c:v>
                </c:pt>
                <c:pt idx="1812">
                  <c:v>0.67850289435312516</c:v>
                </c:pt>
                <c:pt idx="1813">
                  <c:v>0.67850289435312516</c:v>
                </c:pt>
                <c:pt idx="1814">
                  <c:v>0.67850289435312516</c:v>
                </c:pt>
                <c:pt idx="1815">
                  <c:v>0.61344097297679812</c:v>
                </c:pt>
                <c:pt idx="1816">
                  <c:v>0.5576736117970893</c:v>
                </c:pt>
                <c:pt idx="1817">
                  <c:v>0.50190625061738026</c:v>
                </c:pt>
                <c:pt idx="1818">
                  <c:v>0.48331713022414396</c:v>
                </c:pt>
                <c:pt idx="1819">
                  <c:v>0.3903715282579624</c:v>
                </c:pt>
                <c:pt idx="1820">
                  <c:v>0.28813136609516271</c:v>
                </c:pt>
                <c:pt idx="1821">
                  <c:v>0.28813136609516271</c:v>
                </c:pt>
                <c:pt idx="1822">
                  <c:v>0.28813136609516271</c:v>
                </c:pt>
                <c:pt idx="1823">
                  <c:v>0.28813136609516271</c:v>
                </c:pt>
                <c:pt idx="1824">
                  <c:v>0.34326894277544673</c:v>
                </c:pt>
                <c:pt idx="1825">
                  <c:v>0.39863490128761553</c:v>
                </c:pt>
                <c:pt idx="1826">
                  <c:v>0.39863490128761553</c:v>
                </c:pt>
                <c:pt idx="1827">
                  <c:v>0.39863490128761553</c:v>
                </c:pt>
                <c:pt idx="1828">
                  <c:v>0.39863490128761553</c:v>
                </c:pt>
                <c:pt idx="1829">
                  <c:v>0.49829362660951942</c:v>
                </c:pt>
                <c:pt idx="1830">
                  <c:v>0.58687916022898956</c:v>
                </c:pt>
                <c:pt idx="1831">
                  <c:v>0.69761107725332727</c:v>
                </c:pt>
                <c:pt idx="1832">
                  <c:v>0.69761107725332727</c:v>
                </c:pt>
                <c:pt idx="1833">
                  <c:v>0.69761107725332727</c:v>
                </c:pt>
                <c:pt idx="1834">
                  <c:v>0.69761107725332727</c:v>
                </c:pt>
                <c:pt idx="1835">
                  <c:v>0.69761107725332727</c:v>
                </c:pt>
                <c:pt idx="1836">
                  <c:v>0.69761107725332727</c:v>
                </c:pt>
                <c:pt idx="1837">
                  <c:v>0.69761107725332727</c:v>
                </c:pt>
                <c:pt idx="1838">
                  <c:v>0.69761107725332727</c:v>
                </c:pt>
                <c:pt idx="1839">
                  <c:v>0.6200987353362909</c:v>
                </c:pt>
                <c:pt idx="1840">
                  <c:v>0.60902554363385708</c:v>
                </c:pt>
                <c:pt idx="1841">
                  <c:v>0.520440010014387</c:v>
                </c:pt>
                <c:pt idx="1842">
                  <c:v>0.48722043490708572</c:v>
                </c:pt>
                <c:pt idx="1843">
                  <c:v>0.40970809299004934</c:v>
                </c:pt>
                <c:pt idx="1844">
                  <c:v>0.34326894277544673</c:v>
                </c:pt>
                <c:pt idx="1845">
                  <c:v>0.29897617596571169</c:v>
                </c:pt>
                <c:pt idx="1846">
                  <c:v>0.29897617596571169</c:v>
                </c:pt>
                <c:pt idx="1847">
                  <c:v>0.29897617596571169</c:v>
                </c:pt>
                <c:pt idx="1848">
                  <c:v>0.19598710358138188</c:v>
                </c:pt>
                <c:pt idx="1849">
                  <c:v>0.19598710358138188</c:v>
                </c:pt>
                <c:pt idx="1850">
                  <c:v>0.19598710358138188</c:v>
                </c:pt>
                <c:pt idx="1851">
                  <c:v>0.19598710358138188</c:v>
                </c:pt>
                <c:pt idx="1852">
                  <c:v>0.19598710358138188</c:v>
                </c:pt>
                <c:pt idx="1853">
                  <c:v>0.84927744885265477</c:v>
                </c:pt>
                <c:pt idx="1854">
                  <c:v>0.96360325927512758</c:v>
                </c:pt>
                <c:pt idx="1855">
                  <c:v>0.96360325927512758</c:v>
                </c:pt>
                <c:pt idx="1856">
                  <c:v>0.96360325927512758</c:v>
                </c:pt>
                <c:pt idx="1857">
                  <c:v>1.0289322938022549</c:v>
                </c:pt>
                <c:pt idx="1858">
                  <c:v>1.0289322938022549</c:v>
                </c:pt>
                <c:pt idx="1859">
                  <c:v>1.3065806905425459</c:v>
                </c:pt>
                <c:pt idx="1860">
                  <c:v>1.3065806905425459</c:v>
                </c:pt>
                <c:pt idx="1861">
                  <c:v>0.86560970748443655</c:v>
                </c:pt>
                <c:pt idx="1862">
                  <c:v>1.3065806905425459</c:v>
                </c:pt>
                <c:pt idx="1863">
                  <c:v>1.3065806905425459</c:v>
                </c:pt>
                <c:pt idx="1864">
                  <c:v>1.3065806905425459</c:v>
                </c:pt>
                <c:pt idx="1865">
                  <c:v>1.3065806905425459</c:v>
                </c:pt>
                <c:pt idx="1866">
                  <c:v>1.3065806905425459</c:v>
                </c:pt>
                <c:pt idx="1867">
                  <c:v>1.0942613283293823</c:v>
                </c:pt>
                <c:pt idx="1868">
                  <c:v>0.89827422474800023</c:v>
                </c:pt>
                <c:pt idx="1869">
                  <c:v>0.65329034527127294</c:v>
                </c:pt>
                <c:pt idx="1870">
                  <c:v>0.62062582800770916</c:v>
                </c:pt>
                <c:pt idx="1871">
                  <c:v>0.62062582800770916</c:v>
                </c:pt>
                <c:pt idx="1872">
                  <c:v>0.5660918660780323</c:v>
                </c:pt>
                <c:pt idx="1873">
                  <c:v>0.5660918660780323</c:v>
                </c:pt>
                <c:pt idx="1874">
                  <c:v>0.5660918660780323</c:v>
                </c:pt>
                <c:pt idx="1875">
                  <c:v>0.5660918660780323</c:v>
                </c:pt>
                <c:pt idx="1876">
                  <c:v>0.5660918660780323</c:v>
                </c:pt>
                <c:pt idx="1877">
                  <c:v>0.73591942590144188</c:v>
                </c:pt>
                <c:pt idx="1878">
                  <c:v>0.82083320581314678</c:v>
                </c:pt>
                <c:pt idx="1879">
                  <c:v>0.84913779911704845</c:v>
                </c:pt>
                <c:pt idx="1880">
                  <c:v>0.84913779911704845</c:v>
                </c:pt>
                <c:pt idx="1881">
                  <c:v>0.91989928237680252</c:v>
                </c:pt>
                <c:pt idx="1882">
                  <c:v>0.9623561723326548</c:v>
                </c:pt>
                <c:pt idx="1883">
                  <c:v>1.1321837321560646</c:v>
                </c:pt>
                <c:pt idx="1884">
                  <c:v>1.1321837321560646</c:v>
                </c:pt>
                <c:pt idx="1885">
                  <c:v>1.1321837321560646</c:v>
                </c:pt>
                <c:pt idx="1886">
                  <c:v>1.1321837321560646</c:v>
                </c:pt>
                <c:pt idx="1887">
                  <c:v>1.1321837321560646</c:v>
                </c:pt>
                <c:pt idx="1888">
                  <c:v>1.1321837321560646</c:v>
                </c:pt>
                <c:pt idx="1889">
                  <c:v>1.1321837321560646</c:v>
                </c:pt>
                <c:pt idx="1890">
                  <c:v>1.1321837321560646</c:v>
                </c:pt>
                <c:pt idx="1891">
                  <c:v>0.94820387568070408</c:v>
                </c:pt>
                <c:pt idx="1892">
                  <c:v>0.7783763158572945</c:v>
                </c:pt>
                <c:pt idx="1893">
                  <c:v>0.5660918660780323</c:v>
                </c:pt>
                <c:pt idx="1894">
                  <c:v>0.5660918660780323</c:v>
                </c:pt>
                <c:pt idx="1895">
                  <c:v>0.5660918660780323</c:v>
                </c:pt>
                <c:pt idx="1896">
                  <c:v>0.5176034919810264</c:v>
                </c:pt>
                <c:pt idx="1897">
                  <c:v>0.58230392847865464</c:v>
                </c:pt>
                <c:pt idx="1898">
                  <c:v>0.58230392847865464</c:v>
                </c:pt>
                <c:pt idx="1899">
                  <c:v>0.58230392847865464</c:v>
                </c:pt>
                <c:pt idx="1900">
                  <c:v>0.58230392847865464</c:v>
                </c:pt>
                <c:pt idx="1901">
                  <c:v>0.75052506337248814</c:v>
                </c:pt>
                <c:pt idx="1902">
                  <c:v>0.86698584906821929</c:v>
                </c:pt>
                <c:pt idx="1903">
                  <c:v>0.86698584906821929</c:v>
                </c:pt>
                <c:pt idx="1904">
                  <c:v>0.86698584906821929</c:v>
                </c:pt>
                <c:pt idx="1905">
                  <c:v>0.93168628556584732</c:v>
                </c:pt>
                <c:pt idx="1906">
                  <c:v>1.0093268093630015</c:v>
                </c:pt>
                <c:pt idx="1907">
                  <c:v>1.1646078569573093</c:v>
                </c:pt>
                <c:pt idx="1908">
                  <c:v>1.1646078569573093</c:v>
                </c:pt>
                <c:pt idx="1909">
                  <c:v>1.1646078569573093</c:v>
                </c:pt>
                <c:pt idx="1910">
                  <c:v>1.1646078569573093</c:v>
                </c:pt>
                <c:pt idx="1911">
                  <c:v>1.1646078569573093</c:v>
                </c:pt>
                <c:pt idx="1912">
                  <c:v>1.1646078569573093</c:v>
                </c:pt>
                <c:pt idx="1913">
                  <c:v>1.1646078569573093</c:v>
                </c:pt>
                <c:pt idx="1914">
                  <c:v>1.1646078569573093</c:v>
                </c:pt>
                <c:pt idx="1915">
                  <c:v>0.97050654746442444</c:v>
                </c:pt>
                <c:pt idx="1916">
                  <c:v>0.7764052379715396</c:v>
                </c:pt>
                <c:pt idx="1917">
                  <c:v>0.58230392847865464</c:v>
                </c:pt>
                <c:pt idx="1918">
                  <c:v>0.58230392847865464</c:v>
                </c:pt>
                <c:pt idx="1919">
                  <c:v>0.58230392847865464</c:v>
                </c:pt>
                <c:pt idx="1920">
                  <c:v>0.58808580428649815</c:v>
                </c:pt>
                <c:pt idx="1921">
                  <c:v>0.58808580428649815</c:v>
                </c:pt>
                <c:pt idx="1922">
                  <c:v>0.58808580428649815</c:v>
                </c:pt>
                <c:pt idx="1923">
                  <c:v>0.58808580428649815</c:v>
                </c:pt>
                <c:pt idx="1924">
                  <c:v>0.58808580428649815</c:v>
                </c:pt>
                <c:pt idx="1925">
                  <c:v>0.75797725885815315</c:v>
                </c:pt>
                <c:pt idx="1926">
                  <c:v>0.87559441971545304</c:v>
                </c:pt>
                <c:pt idx="1927">
                  <c:v>0.87559441971545304</c:v>
                </c:pt>
                <c:pt idx="1928">
                  <c:v>0.87559441971545304</c:v>
                </c:pt>
                <c:pt idx="1929">
                  <c:v>0.94093728685839728</c:v>
                </c:pt>
                <c:pt idx="1930">
                  <c:v>1.0193487274299302</c:v>
                </c:pt>
                <c:pt idx="1931">
                  <c:v>1.1761716085729963</c:v>
                </c:pt>
                <c:pt idx="1932">
                  <c:v>1.1761716085729963</c:v>
                </c:pt>
                <c:pt idx="1933">
                  <c:v>1.1761716085729963</c:v>
                </c:pt>
                <c:pt idx="1934">
                  <c:v>1.1761716085729963</c:v>
                </c:pt>
                <c:pt idx="1935">
                  <c:v>1.1761716085729963</c:v>
                </c:pt>
                <c:pt idx="1936">
                  <c:v>1.1761716085729963</c:v>
                </c:pt>
                <c:pt idx="1937">
                  <c:v>1.1761716085729963</c:v>
                </c:pt>
                <c:pt idx="1938">
                  <c:v>1.1761716085729963</c:v>
                </c:pt>
                <c:pt idx="1939">
                  <c:v>0.98014300714416369</c:v>
                </c:pt>
                <c:pt idx="1940">
                  <c:v>0.78411440571533109</c:v>
                </c:pt>
                <c:pt idx="1941">
                  <c:v>0.58808580428649815</c:v>
                </c:pt>
                <c:pt idx="1942">
                  <c:v>0.58808580428649815</c:v>
                </c:pt>
                <c:pt idx="1943">
                  <c:v>0.58808580428649815</c:v>
                </c:pt>
                <c:pt idx="1944">
                  <c:v>0.63478304157549614</c:v>
                </c:pt>
                <c:pt idx="1945">
                  <c:v>0.63478304157549614</c:v>
                </c:pt>
                <c:pt idx="1946">
                  <c:v>0.63478304157549614</c:v>
                </c:pt>
                <c:pt idx="1947">
                  <c:v>0.63478304157549614</c:v>
                </c:pt>
                <c:pt idx="1948">
                  <c:v>0.63478304157549614</c:v>
                </c:pt>
                <c:pt idx="1949">
                  <c:v>0.8181648091417506</c:v>
                </c:pt>
                <c:pt idx="1950">
                  <c:v>0.98744028689521646</c:v>
                </c:pt>
                <c:pt idx="1951">
                  <c:v>0.98744028689521646</c:v>
                </c:pt>
                <c:pt idx="1952">
                  <c:v>0.98744028689521646</c:v>
                </c:pt>
                <c:pt idx="1953">
                  <c:v>1.0579717359591603</c:v>
                </c:pt>
                <c:pt idx="1954">
                  <c:v>1.1002906053975268</c:v>
                </c:pt>
                <c:pt idx="1955">
                  <c:v>1.2695660831509923</c:v>
                </c:pt>
                <c:pt idx="1956">
                  <c:v>1.2695660831509923</c:v>
                </c:pt>
                <c:pt idx="1957">
                  <c:v>1.2695660831509923</c:v>
                </c:pt>
                <c:pt idx="1958">
                  <c:v>1.2695660831509923</c:v>
                </c:pt>
                <c:pt idx="1959">
                  <c:v>1.0579717359591603</c:v>
                </c:pt>
                <c:pt idx="1960">
                  <c:v>1.0015465767080052</c:v>
                </c:pt>
                <c:pt idx="1961">
                  <c:v>1.0015465767080052</c:v>
                </c:pt>
                <c:pt idx="1962">
                  <c:v>1.0015465767080052</c:v>
                </c:pt>
                <c:pt idx="1963">
                  <c:v>1.0015465767080052</c:v>
                </c:pt>
                <c:pt idx="1964">
                  <c:v>0.77584593970338411</c:v>
                </c:pt>
                <c:pt idx="1965">
                  <c:v>0.29623208606856488</c:v>
                </c:pt>
                <c:pt idx="1966">
                  <c:v>0.29623208606856488</c:v>
                </c:pt>
                <c:pt idx="1967">
                  <c:v>0.29623208606856488</c:v>
                </c:pt>
                <c:pt idx="1968">
                  <c:v>0.21329691172573056</c:v>
                </c:pt>
                <c:pt idx="1969">
                  <c:v>0.41643682765499779</c:v>
                </c:pt>
                <c:pt idx="1970">
                  <c:v>0.41643682765499779</c:v>
                </c:pt>
                <c:pt idx="1971">
                  <c:v>0.41643682765499779</c:v>
                </c:pt>
                <c:pt idx="1972">
                  <c:v>0.41643682765499779</c:v>
                </c:pt>
                <c:pt idx="1973">
                  <c:v>0.51800678561963143</c:v>
                </c:pt>
                <c:pt idx="1974">
                  <c:v>0.65004773097365509</c:v>
                </c:pt>
                <c:pt idx="1975">
                  <c:v>0.74146069314182528</c:v>
                </c:pt>
                <c:pt idx="1976">
                  <c:v>0.74146069314182528</c:v>
                </c:pt>
                <c:pt idx="1977">
                  <c:v>0.74146069314182528</c:v>
                </c:pt>
                <c:pt idx="1978">
                  <c:v>0.74146069314182528</c:v>
                </c:pt>
                <c:pt idx="1979">
                  <c:v>0.74146069314182528</c:v>
                </c:pt>
                <c:pt idx="1980">
                  <c:v>0.74146069314182528</c:v>
                </c:pt>
                <c:pt idx="1981">
                  <c:v>0.74146069314182528</c:v>
                </c:pt>
                <c:pt idx="1982">
                  <c:v>0.74146069314182528</c:v>
                </c:pt>
                <c:pt idx="1983">
                  <c:v>0.67036172256658177</c:v>
                </c:pt>
                <c:pt idx="1984">
                  <c:v>0.60941974778780161</c:v>
                </c:pt>
                <c:pt idx="1985">
                  <c:v>0.54847777300902156</c:v>
                </c:pt>
                <c:pt idx="1986">
                  <c:v>0.52816378141609466</c:v>
                </c:pt>
                <c:pt idx="1987">
                  <c:v>0.42659382345146113</c:v>
                </c:pt>
                <c:pt idx="1988">
                  <c:v>0.31486686969036415</c:v>
                </c:pt>
                <c:pt idx="1989">
                  <c:v>0.31486686969036415</c:v>
                </c:pt>
                <c:pt idx="1990">
                  <c:v>0.31486686969036415</c:v>
                </c:pt>
                <c:pt idx="1991">
                  <c:v>0.31486686969036415</c:v>
                </c:pt>
                <c:pt idx="1992">
                  <c:v>0.38823957673058102</c:v>
                </c:pt>
                <c:pt idx="1993">
                  <c:v>0.45085886330002956</c:v>
                </c:pt>
                <c:pt idx="1994">
                  <c:v>0.45085886330002956</c:v>
                </c:pt>
                <c:pt idx="1995">
                  <c:v>0.45085886330002956</c:v>
                </c:pt>
                <c:pt idx="1996">
                  <c:v>0.45085886330002956</c:v>
                </c:pt>
                <c:pt idx="1997">
                  <c:v>0.56357357912503692</c:v>
                </c:pt>
                <c:pt idx="1998">
                  <c:v>0.66376443763615467</c:v>
                </c:pt>
                <c:pt idx="1999">
                  <c:v>0.78900301077505175</c:v>
                </c:pt>
                <c:pt idx="2000">
                  <c:v>0.78900301077505175</c:v>
                </c:pt>
                <c:pt idx="2001">
                  <c:v>0.78900301077505175</c:v>
                </c:pt>
                <c:pt idx="2002">
                  <c:v>0.78900301077505175</c:v>
                </c:pt>
                <c:pt idx="2003">
                  <c:v>0.78900301077505175</c:v>
                </c:pt>
                <c:pt idx="2004">
                  <c:v>0.78900301077505175</c:v>
                </c:pt>
                <c:pt idx="2005">
                  <c:v>0.78900301077505175</c:v>
                </c:pt>
                <c:pt idx="2006">
                  <c:v>0.78900301077505175</c:v>
                </c:pt>
                <c:pt idx="2007">
                  <c:v>0.70133600957782372</c:v>
                </c:pt>
                <c:pt idx="2008">
                  <c:v>0.688812152263934</c:v>
                </c:pt>
                <c:pt idx="2009">
                  <c:v>0.58862129375281635</c:v>
                </c:pt>
                <c:pt idx="2010">
                  <c:v>0.55104972181114731</c:v>
                </c:pt>
                <c:pt idx="2011">
                  <c:v>0.46338272061391922</c:v>
                </c:pt>
                <c:pt idx="2012">
                  <c:v>0.38823957673058102</c:v>
                </c:pt>
                <c:pt idx="2013">
                  <c:v>0.33814414747502214</c:v>
                </c:pt>
                <c:pt idx="2014">
                  <c:v>0.33814414747502214</c:v>
                </c:pt>
                <c:pt idx="2015">
                  <c:v>0.33814414747502214</c:v>
                </c:pt>
                <c:pt idx="2016">
                  <c:v>0.20692733800334848</c:v>
                </c:pt>
                <c:pt idx="2017">
                  <c:v>0.20692733800334848</c:v>
                </c:pt>
                <c:pt idx="2018">
                  <c:v>0.20692733800334848</c:v>
                </c:pt>
                <c:pt idx="2019">
                  <c:v>0.20692733800334848</c:v>
                </c:pt>
                <c:pt idx="2020">
                  <c:v>0.20692733800334848</c:v>
                </c:pt>
                <c:pt idx="2021">
                  <c:v>0.89668513134784356</c:v>
                </c:pt>
                <c:pt idx="2022">
                  <c:v>1.0173927451831302</c:v>
                </c:pt>
                <c:pt idx="2023">
                  <c:v>1.0173927451831302</c:v>
                </c:pt>
                <c:pt idx="2024">
                  <c:v>1.0173927451831302</c:v>
                </c:pt>
                <c:pt idx="2025">
                  <c:v>1.0863685245175796</c:v>
                </c:pt>
                <c:pt idx="2026">
                  <c:v>1.0863685245175796</c:v>
                </c:pt>
                <c:pt idx="2027">
                  <c:v>1.3795155866889901</c:v>
                </c:pt>
                <c:pt idx="2028">
                  <c:v>1.3795155866889901</c:v>
                </c:pt>
                <c:pt idx="2029">
                  <c:v>0.91392907618145602</c:v>
                </c:pt>
                <c:pt idx="2030">
                  <c:v>1.3795155866889901</c:v>
                </c:pt>
                <c:pt idx="2031">
                  <c:v>1.3795155866889901</c:v>
                </c:pt>
                <c:pt idx="2032">
                  <c:v>1.3795155866889901</c:v>
                </c:pt>
                <c:pt idx="2033">
                  <c:v>1.3795155866889901</c:v>
                </c:pt>
                <c:pt idx="2034">
                  <c:v>1.3795155866889901</c:v>
                </c:pt>
                <c:pt idx="2035">
                  <c:v>1.1553443038520292</c:v>
                </c:pt>
                <c:pt idx="2036">
                  <c:v>0.94841696584868074</c:v>
                </c:pt>
                <c:pt idx="2037">
                  <c:v>0.68975779334449505</c:v>
                </c:pt>
                <c:pt idx="2038">
                  <c:v>0.65526990367727034</c:v>
                </c:pt>
                <c:pt idx="2039">
                  <c:v>0.65526990367727034</c:v>
                </c:pt>
                <c:pt idx="2040">
                  <c:v>0.60935848948791038</c:v>
                </c:pt>
                <c:pt idx="2041">
                  <c:v>0.60935848948791038</c:v>
                </c:pt>
                <c:pt idx="2042">
                  <c:v>0.60935848948791038</c:v>
                </c:pt>
                <c:pt idx="2043">
                  <c:v>0.60935848948791038</c:v>
                </c:pt>
                <c:pt idx="2044">
                  <c:v>0.60935848948791038</c:v>
                </c:pt>
                <c:pt idx="2045">
                  <c:v>0.7921660363342834</c:v>
                </c:pt>
                <c:pt idx="2046">
                  <c:v>0.8835698097574699</c:v>
                </c:pt>
                <c:pt idx="2047">
                  <c:v>0.91403773423186541</c:v>
                </c:pt>
                <c:pt idx="2048">
                  <c:v>0.91403773423186541</c:v>
                </c:pt>
                <c:pt idx="2049">
                  <c:v>0.99020754541785416</c:v>
                </c:pt>
                <c:pt idx="2050">
                  <c:v>1.0359094321294473</c:v>
                </c:pt>
                <c:pt idx="2051">
                  <c:v>1.2187169789758208</c:v>
                </c:pt>
                <c:pt idx="2052">
                  <c:v>1.2187169789758208</c:v>
                </c:pt>
                <c:pt idx="2053">
                  <c:v>1.2187169789758208</c:v>
                </c:pt>
                <c:pt idx="2054">
                  <c:v>1.2187169789758208</c:v>
                </c:pt>
                <c:pt idx="2055">
                  <c:v>1.2187169789758208</c:v>
                </c:pt>
                <c:pt idx="2056">
                  <c:v>1.2187169789758208</c:v>
                </c:pt>
                <c:pt idx="2057">
                  <c:v>1.2187169789758208</c:v>
                </c:pt>
                <c:pt idx="2058">
                  <c:v>1.2187169789758208</c:v>
                </c:pt>
                <c:pt idx="2059">
                  <c:v>1.0206754698922498</c:v>
                </c:pt>
                <c:pt idx="2060">
                  <c:v>0.83786792304587665</c:v>
                </c:pt>
                <c:pt idx="2061">
                  <c:v>0.60935848948791038</c:v>
                </c:pt>
                <c:pt idx="2062">
                  <c:v>0.60935848948791038</c:v>
                </c:pt>
                <c:pt idx="2063">
                  <c:v>0.60935848948791038</c:v>
                </c:pt>
                <c:pt idx="2064">
                  <c:v>0.55212314846150745</c:v>
                </c:pt>
                <c:pt idx="2065">
                  <c:v>0.62113854201919583</c:v>
                </c:pt>
                <c:pt idx="2066">
                  <c:v>0.62113854201919583</c:v>
                </c:pt>
                <c:pt idx="2067">
                  <c:v>0.62113854201919583</c:v>
                </c:pt>
                <c:pt idx="2068">
                  <c:v>0.62113854201919583</c:v>
                </c:pt>
                <c:pt idx="2069">
                  <c:v>0.8005785652691858</c:v>
                </c:pt>
                <c:pt idx="2070">
                  <c:v>0.92480627367302515</c:v>
                </c:pt>
                <c:pt idx="2071">
                  <c:v>0.92480627367302515</c:v>
                </c:pt>
                <c:pt idx="2072">
                  <c:v>0.92480627367302515</c:v>
                </c:pt>
                <c:pt idx="2073">
                  <c:v>0.99382166723071352</c:v>
                </c:pt>
                <c:pt idx="2074">
                  <c:v>1.0766401394999396</c:v>
                </c:pt>
                <c:pt idx="2075">
                  <c:v>1.2422770840383917</c:v>
                </c:pt>
                <c:pt idx="2076">
                  <c:v>1.2422770840383917</c:v>
                </c:pt>
                <c:pt idx="2077">
                  <c:v>1.2422770840383917</c:v>
                </c:pt>
                <c:pt idx="2078">
                  <c:v>1.2422770840383917</c:v>
                </c:pt>
                <c:pt idx="2079">
                  <c:v>1.2422770840383917</c:v>
                </c:pt>
                <c:pt idx="2080">
                  <c:v>1.2422770840383917</c:v>
                </c:pt>
                <c:pt idx="2081">
                  <c:v>1.2422770840383917</c:v>
                </c:pt>
                <c:pt idx="2082">
                  <c:v>1.2422770840383917</c:v>
                </c:pt>
                <c:pt idx="2083">
                  <c:v>1.0352309033653266</c:v>
                </c:pt>
                <c:pt idx="2084">
                  <c:v>0.82818472269226129</c:v>
                </c:pt>
                <c:pt idx="2085">
                  <c:v>0.62113854201919583</c:v>
                </c:pt>
                <c:pt idx="2086">
                  <c:v>0.62113854201919583</c:v>
                </c:pt>
                <c:pt idx="2087">
                  <c:v>0.62113854201919583</c:v>
                </c:pt>
                <c:pt idx="2088">
                  <c:v>0.61585964367435553</c:v>
                </c:pt>
                <c:pt idx="2089">
                  <c:v>0.61585964367435553</c:v>
                </c:pt>
                <c:pt idx="2090">
                  <c:v>0.61585964367435553</c:v>
                </c:pt>
                <c:pt idx="2091">
                  <c:v>0.61585964367435553</c:v>
                </c:pt>
                <c:pt idx="2092">
                  <c:v>0.61585964367435553</c:v>
                </c:pt>
                <c:pt idx="2093">
                  <c:v>0.79377465184694718</c:v>
                </c:pt>
                <c:pt idx="2094">
                  <c:v>0.91694658058181822</c:v>
                </c:pt>
                <c:pt idx="2095">
                  <c:v>0.91694658058181822</c:v>
                </c:pt>
                <c:pt idx="2096">
                  <c:v>0.91694658058181822</c:v>
                </c:pt>
                <c:pt idx="2097">
                  <c:v>0.98537542987896876</c:v>
                </c:pt>
                <c:pt idx="2098">
                  <c:v>1.0674900490355497</c:v>
                </c:pt>
                <c:pt idx="2099">
                  <c:v>1.2317192873487111</c:v>
                </c:pt>
                <c:pt idx="2100">
                  <c:v>1.2317192873487111</c:v>
                </c:pt>
                <c:pt idx="2101">
                  <c:v>1.2317192873487111</c:v>
                </c:pt>
                <c:pt idx="2102">
                  <c:v>1.2317192873487111</c:v>
                </c:pt>
                <c:pt idx="2103">
                  <c:v>1.2317192873487111</c:v>
                </c:pt>
                <c:pt idx="2104">
                  <c:v>1.2317192873487111</c:v>
                </c:pt>
                <c:pt idx="2105">
                  <c:v>1.2317192873487111</c:v>
                </c:pt>
                <c:pt idx="2106">
                  <c:v>1.2317192873487111</c:v>
                </c:pt>
                <c:pt idx="2107">
                  <c:v>1.0264327394572592</c:v>
                </c:pt>
                <c:pt idx="2108">
                  <c:v>0.82114619156580737</c:v>
                </c:pt>
                <c:pt idx="2109">
                  <c:v>0.61585964367435553</c:v>
                </c:pt>
                <c:pt idx="2110">
                  <c:v>0.61585964367435553</c:v>
                </c:pt>
                <c:pt idx="2111">
                  <c:v>0.61585964367435553</c:v>
                </c:pt>
                <c:pt idx="2112">
                  <c:v>0.6688841564560124</c:v>
                </c:pt>
                <c:pt idx="2113">
                  <c:v>0.6688841564560124</c:v>
                </c:pt>
                <c:pt idx="2114">
                  <c:v>0.6688841564560124</c:v>
                </c:pt>
                <c:pt idx="2115">
                  <c:v>0.6688841564560124</c:v>
                </c:pt>
                <c:pt idx="2116">
                  <c:v>0.6688841564560124</c:v>
                </c:pt>
                <c:pt idx="2117">
                  <c:v>0.86211735720997162</c:v>
                </c:pt>
                <c:pt idx="2118">
                  <c:v>1.0404864655982418</c:v>
                </c:pt>
                <c:pt idx="2119">
                  <c:v>1.0404864655982418</c:v>
                </c:pt>
                <c:pt idx="2120">
                  <c:v>1.0404864655982418</c:v>
                </c:pt>
                <c:pt idx="2121">
                  <c:v>1.1148069274266874</c:v>
                </c:pt>
                <c:pt idx="2122">
                  <c:v>1.1593992045237551</c:v>
                </c:pt>
                <c:pt idx="2123">
                  <c:v>1.3377683129120248</c:v>
                </c:pt>
                <c:pt idx="2124">
                  <c:v>1.3377683129120248</c:v>
                </c:pt>
                <c:pt idx="2125">
                  <c:v>1.3377683129120248</c:v>
                </c:pt>
                <c:pt idx="2126">
                  <c:v>1.3377683129120248</c:v>
                </c:pt>
                <c:pt idx="2127">
                  <c:v>1.1148069274266874</c:v>
                </c:pt>
                <c:pt idx="2128">
                  <c:v>1.0553505579639308</c:v>
                </c:pt>
                <c:pt idx="2129">
                  <c:v>1.0553505579639308</c:v>
                </c:pt>
                <c:pt idx="2130">
                  <c:v>1.0553505579639308</c:v>
                </c:pt>
                <c:pt idx="2131">
                  <c:v>1.0553505579639308</c:v>
                </c:pt>
                <c:pt idx="2132">
                  <c:v>0.81752508011290426</c:v>
                </c:pt>
                <c:pt idx="2133">
                  <c:v>0.31214593967947252</c:v>
                </c:pt>
                <c:pt idx="2134">
                  <c:v>0.31214593967947252</c:v>
                </c:pt>
                <c:pt idx="2135">
                  <c:v>0.31214593967947252</c:v>
                </c:pt>
                <c:pt idx="2136">
                  <c:v>0.22416360028378016</c:v>
                </c:pt>
                <c:pt idx="2137">
                  <c:v>0.43765274341118993</c:v>
                </c:pt>
                <c:pt idx="2138">
                  <c:v>0.43765274341118993</c:v>
                </c:pt>
                <c:pt idx="2139">
                  <c:v>0.43765274341118993</c:v>
                </c:pt>
                <c:pt idx="2140">
                  <c:v>0.43765274341118993</c:v>
                </c:pt>
                <c:pt idx="2141">
                  <c:v>0.54439731497489474</c:v>
                </c:pt>
                <c:pt idx="2142">
                  <c:v>0.683165258007711</c:v>
                </c:pt>
                <c:pt idx="2143">
                  <c:v>0.77923537241504537</c:v>
                </c:pt>
                <c:pt idx="2144">
                  <c:v>0.77923537241504537</c:v>
                </c:pt>
                <c:pt idx="2145">
                  <c:v>0.77923537241504537</c:v>
                </c:pt>
                <c:pt idx="2146">
                  <c:v>0.77923537241504537</c:v>
                </c:pt>
                <c:pt idx="2147">
                  <c:v>0.77923537241504537</c:v>
                </c:pt>
                <c:pt idx="2148">
                  <c:v>0.77923537241504537</c:v>
                </c:pt>
                <c:pt idx="2149">
                  <c:v>0.77923537241504537</c:v>
                </c:pt>
                <c:pt idx="2150">
                  <c:v>0.77923537241504537</c:v>
                </c:pt>
                <c:pt idx="2151">
                  <c:v>0.70451417232045188</c:v>
                </c:pt>
                <c:pt idx="2152">
                  <c:v>0.640467429382229</c:v>
                </c:pt>
                <c:pt idx="2153">
                  <c:v>0.57642068644400613</c:v>
                </c:pt>
                <c:pt idx="2154">
                  <c:v>0.55507177213126513</c:v>
                </c:pt>
                <c:pt idx="2155">
                  <c:v>0.44832720056756031</c:v>
                </c:pt>
                <c:pt idx="2156">
                  <c:v>0.330908171847485</c:v>
                </c:pt>
                <c:pt idx="2157">
                  <c:v>0.330908171847485</c:v>
                </c:pt>
                <c:pt idx="2158">
                  <c:v>0.330908171847485</c:v>
                </c:pt>
                <c:pt idx="2159">
                  <c:v>0.330908171847485</c:v>
                </c:pt>
                <c:pt idx="2160">
                  <c:v>0.36150028086536595</c:v>
                </c:pt>
                <c:pt idx="2161">
                  <c:v>0.41980677777913472</c:v>
                </c:pt>
                <c:pt idx="2162">
                  <c:v>0.41980677777913472</c:v>
                </c:pt>
                <c:pt idx="2163">
                  <c:v>0.41980677777913472</c:v>
                </c:pt>
                <c:pt idx="2164">
                  <c:v>0.41980677777913472</c:v>
                </c:pt>
                <c:pt idx="2165">
                  <c:v>0.52475847222391825</c:v>
                </c:pt>
                <c:pt idx="2166">
                  <c:v>0.61804886728594832</c:v>
                </c:pt>
                <c:pt idx="2167">
                  <c:v>0.73466186111348586</c:v>
                </c:pt>
                <c:pt idx="2168">
                  <c:v>0.73466186111348586</c:v>
                </c:pt>
                <c:pt idx="2169">
                  <c:v>0.73466186111348586</c:v>
                </c:pt>
                <c:pt idx="2170">
                  <c:v>0.73466186111348586</c:v>
                </c:pt>
                <c:pt idx="2171">
                  <c:v>0.73466186111348586</c:v>
                </c:pt>
                <c:pt idx="2172">
                  <c:v>0.73466186111348586</c:v>
                </c:pt>
                <c:pt idx="2173">
                  <c:v>0.73466186111348586</c:v>
                </c:pt>
                <c:pt idx="2174">
                  <c:v>0.73466186111348586</c:v>
                </c:pt>
                <c:pt idx="2175">
                  <c:v>0.65303276543420952</c:v>
                </c:pt>
                <c:pt idx="2176">
                  <c:v>0.64137146605145567</c:v>
                </c:pt>
                <c:pt idx="2177">
                  <c:v>0.54808107098942593</c:v>
                </c:pt>
                <c:pt idx="2178">
                  <c:v>0.51309717284116474</c:v>
                </c:pt>
                <c:pt idx="2179">
                  <c:v>0.43146807716188845</c:v>
                </c:pt>
                <c:pt idx="2180">
                  <c:v>0.36150028086536595</c:v>
                </c:pt>
                <c:pt idx="2181">
                  <c:v>0.31485508333435103</c:v>
                </c:pt>
                <c:pt idx="2182">
                  <c:v>0.31485508333435103</c:v>
                </c:pt>
                <c:pt idx="2183">
                  <c:v>0.31485508333435103</c:v>
                </c:pt>
                <c:pt idx="2184">
                  <c:v>0.19713870720474683</c:v>
                </c:pt>
                <c:pt idx="2185">
                  <c:v>0.19713870720474683</c:v>
                </c:pt>
                <c:pt idx="2186">
                  <c:v>0.19713870720474683</c:v>
                </c:pt>
                <c:pt idx="2187">
                  <c:v>0.19713870720474683</c:v>
                </c:pt>
                <c:pt idx="2188">
                  <c:v>0.19713870720474683</c:v>
                </c:pt>
                <c:pt idx="2189">
                  <c:v>0.85426773122056943</c:v>
                </c:pt>
                <c:pt idx="2190">
                  <c:v>0.96926531042333841</c:v>
                </c:pt>
                <c:pt idx="2191">
                  <c:v>0.96926531042333841</c:v>
                </c:pt>
                <c:pt idx="2192">
                  <c:v>0.96926531042333841</c:v>
                </c:pt>
                <c:pt idx="2193">
                  <c:v>1.0349782128249208</c:v>
                </c:pt>
                <c:pt idx="2194">
                  <c:v>1.0349782128249208</c:v>
                </c:pt>
                <c:pt idx="2195">
                  <c:v>1.3142580480316457</c:v>
                </c:pt>
                <c:pt idx="2196">
                  <c:v>1.3142580480316457</c:v>
                </c:pt>
                <c:pt idx="2197">
                  <c:v>0.87069595682096512</c:v>
                </c:pt>
                <c:pt idx="2198">
                  <c:v>1.3142580480316457</c:v>
                </c:pt>
                <c:pt idx="2199">
                  <c:v>1.3142580480316457</c:v>
                </c:pt>
                <c:pt idx="2200">
                  <c:v>1.3142580480316457</c:v>
                </c:pt>
                <c:pt idx="2201">
                  <c:v>1.3142580480316457</c:v>
                </c:pt>
                <c:pt idx="2202">
                  <c:v>1.3142580480316457</c:v>
                </c:pt>
                <c:pt idx="2203">
                  <c:v>1.1006911152265031</c:v>
                </c:pt>
                <c:pt idx="2204">
                  <c:v>0.90355240802175618</c:v>
                </c:pt>
                <c:pt idx="2205">
                  <c:v>0.65712902401582285</c:v>
                </c:pt>
                <c:pt idx="2206">
                  <c:v>0.62427257281503157</c:v>
                </c:pt>
                <c:pt idx="2207">
                  <c:v>0.62427257281503157</c:v>
                </c:pt>
                <c:pt idx="2208">
                  <c:v>0.56222862820865305</c:v>
                </c:pt>
                <c:pt idx="2209">
                  <c:v>0.56222862820865305</c:v>
                </c:pt>
                <c:pt idx="2210">
                  <c:v>0.56222862820865305</c:v>
                </c:pt>
                <c:pt idx="2211">
                  <c:v>0.56222862820865305</c:v>
                </c:pt>
                <c:pt idx="2212">
                  <c:v>0.56222862820865305</c:v>
                </c:pt>
                <c:pt idx="2213">
                  <c:v>0.73089721667124896</c:v>
                </c:pt>
                <c:pt idx="2214">
                  <c:v>0.81523151090254686</c:v>
                </c:pt>
                <c:pt idx="2215">
                  <c:v>0.84334294231297957</c:v>
                </c:pt>
                <c:pt idx="2216">
                  <c:v>0.84334294231297957</c:v>
                </c:pt>
                <c:pt idx="2217">
                  <c:v>0.91362152083906123</c:v>
                </c:pt>
                <c:pt idx="2218">
                  <c:v>0.95578866795471018</c:v>
                </c:pt>
                <c:pt idx="2219">
                  <c:v>1.1244572564173061</c:v>
                </c:pt>
                <c:pt idx="2220">
                  <c:v>1.1244572564173061</c:v>
                </c:pt>
                <c:pt idx="2221">
                  <c:v>1.1244572564173061</c:v>
                </c:pt>
                <c:pt idx="2222">
                  <c:v>1.1244572564173061</c:v>
                </c:pt>
                <c:pt idx="2223">
                  <c:v>1.1244572564173061</c:v>
                </c:pt>
                <c:pt idx="2224">
                  <c:v>1.1244572564173061</c:v>
                </c:pt>
                <c:pt idx="2225">
                  <c:v>1.1244572564173061</c:v>
                </c:pt>
                <c:pt idx="2226">
                  <c:v>1.1244572564173061</c:v>
                </c:pt>
                <c:pt idx="2227">
                  <c:v>0.94173295224949405</c:v>
                </c:pt>
                <c:pt idx="2228">
                  <c:v>0.77306436378689791</c:v>
                </c:pt>
                <c:pt idx="2229">
                  <c:v>0.56222862820865305</c:v>
                </c:pt>
                <c:pt idx="2230">
                  <c:v>0.56222862820865305</c:v>
                </c:pt>
                <c:pt idx="2231">
                  <c:v>0.56222862820865305</c:v>
                </c:pt>
                <c:pt idx="2232">
                  <c:v>0.49663174779470354</c:v>
                </c:pt>
                <c:pt idx="2233">
                  <c:v>0.55871071626904145</c:v>
                </c:pt>
                <c:pt idx="2234">
                  <c:v>0.55871071626904145</c:v>
                </c:pt>
                <c:pt idx="2235">
                  <c:v>0.55871071626904145</c:v>
                </c:pt>
                <c:pt idx="2236">
                  <c:v>0.55871071626904145</c:v>
                </c:pt>
                <c:pt idx="2237">
                  <c:v>0.72011603430232007</c:v>
                </c:pt>
                <c:pt idx="2238">
                  <c:v>0.83185817755612845</c:v>
                </c:pt>
                <c:pt idx="2239">
                  <c:v>0.83185817755612845</c:v>
                </c:pt>
                <c:pt idx="2240">
                  <c:v>0.83185817755612845</c:v>
                </c:pt>
                <c:pt idx="2241">
                  <c:v>0.89393714603046637</c:v>
                </c:pt>
                <c:pt idx="2242">
                  <c:v>0.96843190819967173</c:v>
                </c:pt>
                <c:pt idx="2243">
                  <c:v>1.1174214325380829</c:v>
                </c:pt>
                <c:pt idx="2244">
                  <c:v>1.1174214325380829</c:v>
                </c:pt>
                <c:pt idx="2245">
                  <c:v>1.1174214325380829</c:v>
                </c:pt>
                <c:pt idx="2246">
                  <c:v>1.1174214325380829</c:v>
                </c:pt>
                <c:pt idx="2247">
                  <c:v>1.1174214325380829</c:v>
                </c:pt>
                <c:pt idx="2248">
                  <c:v>1.1174214325380829</c:v>
                </c:pt>
                <c:pt idx="2249">
                  <c:v>1.1174214325380829</c:v>
                </c:pt>
                <c:pt idx="2250">
                  <c:v>1.1174214325380829</c:v>
                </c:pt>
                <c:pt idx="2251">
                  <c:v>0.93118452711506916</c:v>
                </c:pt>
                <c:pt idx="2252">
                  <c:v>0.74494762169205531</c:v>
                </c:pt>
                <c:pt idx="2253">
                  <c:v>0.55871071626904145</c:v>
                </c:pt>
                <c:pt idx="2254">
                  <c:v>0.55871071626904145</c:v>
                </c:pt>
                <c:pt idx="2255">
                  <c:v>0.55871071626904145</c:v>
                </c:pt>
                <c:pt idx="2256">
                  <c:v>0.55196331327570536</c:v>
                </c:pt>
                <c:pt idx="2257">
                  <c:v>0.55196331327570536</c:v>
                </c:pt>
                <c:pt idx="2258">
                  <c:v>0.55196331327570536</c:v>
                </c:pt>
                <c:pt idx="2259">
                  <c:v>0.55196331327570536</c:v>
                </c:pt>
                <c:pt idx="2260">
                  <c:v>0.55196331327570536</c:v>
                </c:pt>
                <c:pt idx="2261">
                  <c:v>0.71141938155535367</c:v>
                </c:pt>
                <c:pt idx="2262">
                  <c:v>0.82181204421049492</c:v>
                </c:pt>
                <c:pt idx="2263">
                  <c:v>0.82181204421049492</c:v>
                </c:pt>
                <c:pt idx="2264">
                  <c:v>0.82181204421049492</c:v>
                </c:pt>
                <c:pt idx="2265">
                  <c:v>0.88314130124112877</c:v>
                </c:pt>
                <c:pt idx="2266">
                  <c:v>0.95673640967788942</c:v>
                </c:pt>
                <c:pt idx="2267">
                  <c:v>1.1039266265514107</c:v>
                </c:pt>
                <c:pt idx="2268">
                  <c:v>1.1039266265514107</c:v>
                </c:pt>
                <c:pt idx="2269">
                  <c:v>1.1039266265514107</c:v>
                </c:pt>
                <c:pt idx="2270">
                  <c:v>1.1039266265514107</c:v>
                </c:pt>
                <c:pt idx="2271">
                  <c:v>1.1039266265514107</c:v>
                </c:pt>
                <c:pt idx="2272">
                  <c:v>1.1039266265514107</c:v>
                </c:pt>
                <c:pt idx="2273">
                  <c:v>1.1039266265514107</c:v>
                </c:pt>
                <c:pt idx="2274">
                  <c:v>1.1039266265514107</c:v>
                </c:pt>
                <c:pt idx="2275">
                  <c:v>0.91993885545950915</c:v>
                </c:pt>
                <c:pt idx="2276">
                  <c:v>0.73595108436760726</c:v>
                </c:pt>
                <c:pt idx="2277">
                  <c:v>0.55196331327570536</c:v>
                </c:pt>
                <c:pt idx="2278">
                  <c:v>0.55196331327570536</c:v>
                </c:pt>
                <c:pt idx="2279">
                  <c:v>0.55196331327570536</c:v>
                </c:pt>
                <c:pt idx="2280">
                  <c:v>0.61333566452373967</c:v>
                </c:pt>
                <c:pt idx="2281">
                  <c:v>0.61333566452373967</c:v>
                </c:pt>
                <c:pt idx="2282">
                  <c:v>0.61333566452373967</c:v>
                </c:pt>
                <c:pt idx="2283">
                  <c:v>0.61333566452373967</c:v>
                </c:pt>
                <c:pt idx="2284">
                  <c:v>0.61333566452373967</c:v>
                </c:pt>
                <c:pt idx="2285">
                  <c:v>0.79052152316393121</c:v>
                </c:pt>
                <c:pt idx="2286">
                  <c:v>0.95407770037026174</c:v>
                </c:pt>
                <c:pt idx="2287">
                  <c:v>0.95407770037026174</c:v>
                </c:pt>
                <c:pt idx="2288">
                  <c:v>0.95407770037026174</c:v>
                </c:pt>
                <c:pt idx="2289">
                  <c:v>1.0222261075395662</c:v>
                </c:pt>
                <c:pt idx="2290">
                  <c:v>1.063115151841149</c:v>
                </c:pt>
                <c:pt idx="2291">
                  <c:v>1.2266713290474793</c:v>
                </c:pt>
                <c:pt idx="2292">
                  <c:v>1.2266713290474793</c:v>
                </c:pt>
                <c:pt idx="2293">
                  <c:v>1.2266713290474793</c:v>
                </c:pt>
                <c:pt idx="2294">
                  <c:v>1.2266713290474793</c:v>
                </c:pt>
                <c:pt idx="2295">
                  <c:v>1.0222261075395662</c:v>
                </c:pt>
                <c:pt idx="2296">
                  <c:v>0.96770738180412275</c:v>
                </c:pt>
                <c:pt idx="2297">
                  <c:v>0.96770738180412275</c:v>
                </c:pt>
                <c:pt idx="2298">
                  <c:v>0.96770738180412275</c:v>
                </c:pt>
                <c:pt idx="2299">
                  <c:v>0.96770738180412275</c:v>
                </c:pt>
                <c:pt idx="2300">
                  <c:v>0.74963247886234852</c:v>
                </c:pt>
                <c:pt idx="2301">
                  <c:v>0.28622331011107849</c:v>
                </c:pt>
                <c:pt idx="2302">
                  <c:v>0.28622331011107849</c:v>
                </c:pt>
                <c:pt idx="2303">
                  <c:v>0.28622331011107849</c:v>
                </c:pt>
                <c:pt idx="2304">
                  <c:v>0.19011464280189136</c:v>
                </c:pt>
                <c:pt idx="2305">
                  <c:v>0.37117620737512125</c:v>
                </c:pt>
                <c:pt idx="2306">
                  <c:v>0.37117620737512125</c:v>
                </c:pt>
                <c:pt idx="2307">
                  <c:v>0.37117620737512125</c:v>
                </c:pt>
                <c:pt idx="2308">
                  <c:v>0.37117620737512125</c:v>
                </c:pt>
                <c:pt idx="2309">
                  <c:v>0.46170698966173629</c:v>
                </c:pt>
                <c:pt idx="2310">
                  <c:v>0.57939700663433569</c:v>
                </c:pt>
                <c:pt idx="2311">
                  <c:v>0.66087471069228909</c:v>
                </c:pt>
                <c:pt idx="2312">
                  <c:v>0.66087471069228909</c:v>
                </c:pt>
                <c:pt idx="2313">
                  <c:v>0.66087471069228909</c:v>
                </c:pt>
                <c:pt idx="2314">
                  <c:v>0.66087471069228909</c:v>
                </c:pt>
                <c:pt idx="2315">
                  <c:v>0.66087471069228909</c:v>
                </c:pt>
                <c:pt idx="2316">
                  <c:v>0.66087471069228909</c:v>
                </c:pt>
                <c:pt idx="2317">
                  <c:v>0.66087471069228909</c:v>
                </c:pt>
                <c:pt idx="2318">
                  <c:v>0.66087471069228909</c:v>
                </c:pt>
                <c:pt idx="2319">
                  <c:v>0.59750316309165852</c:v>
                </c:pt>
                <c:pt idx="2320">
                  <c:v>0.54318469371968958</c:v>
                </c:pt>
                <c:pt idx="2321">
                  <c:v>0.4888662243477207</c:v>
                </c:pt>
                <c:pt idx="2322">
                  <c:v>0.4707600678903977</c:v>
                </c:pt>
                <c:pt idx="2323">
                  <c:v>0.38022928560378272</c:v>
                </c:pt>
                <c:pt idx="2324">
                  <c:v>0.28064542508850626</c:v>
                </c:pt>
                <c:pt idx="2325">
                  <c:v>0.28064542508850626</c:v>
                </c:pt>
                <c:pt idx="2326">
                  <c:v>0.28064542508850626</c:v>
                </c:pt>
                <c:pt idx="2327">
                  <c:v>0.28064542508850626</c:v>
                </c:pt>
                <c:pt idx="2328">
                  <c:v>0.29586746374165646</c:v>
                </c:pt>
                <c:pt idx="2329">
                  <c:v>0.34358802240966563</c:v>
                </c:pt>
                <c:pt idx="2330">
                  <c:v>0.34358802240966563</c:v>
                </c:pt>
                <c:pt idx="2331">
                  <c:v>0.34358802240966563</c:v>
                </c:pt>
                <c:pt idx="2332">
                  <c:v>0.34358802240966563</c:v>
                </c:pt>
                <c:pt idx="2333">
                  <c:v>0.42948502801208199</c:v>
                </c:pt>
                <c:pt idx="2334">
                  <c:v>0.5058379218808966</c:v>
                </c:pt>
                <c:pt idx="2335">
                  <c:v>0.60127903921691483</c:v>
                </c:pt>
                <c:pt idx="2336">
                  <c:v>0.60127903921691483</c:v>
                </c:pt>
                <c:pt idx="2337">
                  <c:v>0.60127903921691483</c:v>
                </c:pt>
                <c:pt idx="2338">
                  <c:v>0.60127903921691483</c:v>
                </c:pt>
                <c:pt idx="2339">
                  <c:v>0.60127903921691483</c:v>
                </c:pt>
                <c:pt idx="2340">
                  <c:v>0.60127903921691483</c:v>
                </c:pt>
                <c:pt idx="2341">
                  <c:v>0.60127903921691483</c:v>
                </c:pt>
                <c:pt idx="2342">
                  <c:v>0.60127903921691483</c:v>
                </c:pt>
                <c:pt idx="2343">
                  <c:v>0.53447025708170204</c:v>
                </c:pt>
                <c:pt idx="2344">
                  <c:v>0.52492614534810011</c:v>
                </c:pt>
                <c:pt idx="2345">
                  <c:v>0.44857325147928567</c:v>
                </c:pt>
                <c:pt idx="2346">
                  <c:v>0.41994091627848024</c:v>
                </c:pt>
                <c:pt idx="2347">
                  <c:v>0.3531321341432675</c:v>
                </c:pt>
                <c:pt idx="2348">
                  <c:v>0.29586746374165646</c:v>
                </c:pt>
                <c:pt idx="2349">
                  <c:v>0.25769101680724921</c:v>
                </c:pt>
                <c:pt idx="2350">
                  <c:v>0.25769101680724921</c:v>
                </c:pt>
                <c:pt idx="2351">
                  <c:v>0.25769101680724921</c:v>
                </c:pt>
                <c:pt idx="2352">
                  <c:v>0.19013556541783147</c:v>
                </c:pt>
                <c:pt idx="2353">
                  <c:v>0.19013556541783147</c:v>
                </c:pt>
                <c:pt idx="2354">
                  <c:v>0.19013556541783147</c:v>
                </c:pt>
                <c:pt idx="2355">
                  <c:v>0.19013556541783147</c:v>
                </c:pt>
                <c:pt idx="2356">
                  <c:v>0.19013556541783147</c:v>
                </c:pt>
                <c:pt idx="2357">
                  <c:v>0.82392078347726971</c:v>
                </c:pt>
                <c:pt idx="2358">
                  <c:v>0.93483319663767139</c:v>
                </c:pt>
                <c:pt idx="2359">
                  <c:v>0.93483319663767139</c:v>
                </c:pt>
                <c:pt idx="2360">
                  <c:v>0.93483319663767139</c:v>
                </c:pt>
                <c:pt idx="2361">
                  <c:v>0.99821171844361511</c:v>
                </c:pt>
                <c:pt idx="2362">
                  <c:v>0.99821171844361511</c:v>
                </c:pt>
                <c:pt idx="2363">
                  <c:v>1.2675704361188764</c:v>
                </c:pt>
                <c:pt idx="2364">
                  <c:v>1.2675704361188764</c:v>
                </c:pt>
                <c:pt idx="2365">
                  <c:v>0.8397654139287557</c:v>
                </c:pt>
                <c:pt idx="2366">
                  <c:v>1.2675704361188764</c:v>
                </c:pt>
                <c:pt idx="2367">
                  <c:v>1.2675704361188764</c:v>
                </c:pt>
                <c:pt idx="2368">
                  <c:v>1.2675704361188764</c:v>
                </c:pt>
                <c:pt idx="2369">
                  <c:v>1.2675704361188764</c:v>
                </c:pt>
                <c:pt idx="2370">
                  <c:v>1.2675704361188764</c:v>
                </c:pt>
                <c:pt idx="2371">
                  <c:v>1.0615902402495592</c:v>
                </c:pt>
                <c:pt idx="2372">
                  <c:v>0.87145467483172756</c:v>
                </c:pt>
                <c:pt idx="2373">
                  <c:v>0.63378521805943822</c:v>
                </c:pt>
                <c:pt idx="2374">
                  <c:v>0.60209595715646635</c:v>
                </c:pt>
                <c:pt idx="2375">
                  <c:v>0.60209595715646635</c:v>
                </c:pt>
                <c:pt idx="2376">
                  <c:v>0.54754832430501232</c:v>
                </c:pt>
                <c:pt idx="2377">
                  <c:v>0.54754832430501232</c:v>
                </c:pt>
                <c:pt idx="2378">
                  <c:v>0.54754832430501232</c:v>
                </c:pt>
                <c:pt idx="2379">
                  <c:v>0.54754832430501232</c:v>
                </c:pt>
                <c:pt idx="2380">
                  <c:v>0.54754832430501232</c:v>
                </c:pt>
                <c:pt idx="2381">
                  <c:v>0.71181282159651604</c:v>
                </c:pt>
                <c:pt idx="2382">
                  <c:v>0.79394507024226768</c:v>
                </c:pt>
                <c:pt idx="2383">
                  <c:v>0.82132248645751849</c:v>
                </c:pt>
                <c:pt idx="2384">
                  <c:v>0.82132248645751849</c:v>
                </c:pt>
                <c:pt idx="2385">
                  <c:v>0.889766026995645</c:v>
                </c:pt>
                <c:pt idx="2386">
                  <c:v>0.93083215131852093</c:v>
                </c:pt>
                <c:pt idx="2387">
                  <c:v>1.0950966486100246</c:v>
                </c:pt>
                <c:pt idx="2388">
                  <c:v>1.0950966486100246</c:v>
                </c:pt>
                <c:pt idx="2389">
                  <c:v>1.0950966486100246</c:v>
                </c:pt>
                <c:pt idx="2390">
                  <c:v>1.0950966486100246</c:v>
                </c:pt>
                <c:pt idx="2391">
                  <c:v>1.0950966486100246</c:v>
                </c:pt>
                <c:pt idx="2392">
                  <c:v>1.0950966486100246</c:v>
                </c:pt>
                <c:pt idx="2393">
                  <c:v>1.0950966486100246</c:v>
                </c:pt>
                <c:pt idx="2394">
                  <c:v>1.0950966486100246</c:v>
                </c:pt>
                <c:pt idx="2395">
                  <c:v>0.91714344321089569</c:v>
                </c:pt>
                <c:pt idx="2396">
                  <c:v>0.75287894591939197</c:v>
                </c:pt>
                <c:pt idx="2397">
                  <c:v>0.54754832430501232</c:v>
                </c:pt>
                <c:pt idx="2398">
                  <c:v>0.54754832430501232</c:v>
                </c:pt>
                <c:pt idx="2399">
                  <c:v>0.54754832430501232</c:v>
                </c:pt>
                <c:pt idx="2400">
                  <c:v>0.48559801591823099</c:v>
                </c:pt>
                <c:pt idx="2401">
                  <c:v>0.54629776790800977</c:v>
                </c:pt>
                <c:pt idx="2402">
                  <c:v>0.54629776790800977</c:v>
                </c:pt>
                <c:pt idx="2403">
                  <c:v>0.54629776790800977</c:v>
                </c:pt>
                <c:pt idx="2404">
                  <c:v>0.54629776790800977</c:v>
                </c:pt>
                <c:pt idx="2405">
                  <c:v>0.7041171230814347</c:v>
                </c:pt>
                <c:pt idx="2406">
                  <c:v>0.81337667666303681</c:v>
                </c:pt>
                <c:pt idx="2407">
                  <c:v>0.81337667666303681</c:v>
                </c:pt>
                <c:pt idx="2408">
                  <c:v>0.81337667666303681</c:v>
                </c:pt>
                <c:pt idx="2409">
                  <c:v>0.87407642865281565</c:v>
                </c:pt>
                <c:pt idx="2410">
                  <c:v>0.94691613104055028</c:v>
                </c:pt>
                <c:pt idx="2411">
                  <c:v>1.0925955358160195</c:v>
                </c:pt>
                <c:pt idx="2412">
                  <c:v>1.0925955358160195</c:v>
                </c:pt>
                <c:pt idx="2413">
                  <c:v>1.0925955358160195</c:v>
                </c:pt>
                <c:pt idx="2414">
                  <c:v>1.0925955358160195</c:v>
                </c:pt>
                <c:pt idx="2415">
                  <c:v>1.0925955358160195</c:v>
                </c:pt>
                <c:pt idx="2416">
                  <c:v>1.0925955358160195</c:v>
                </c:pt>
                <c:pt idx="2417">
                  <c:v>1.0925955358160195</c:v>
                </c:pt>
                <c:pt idx="2418">
                  <c:v>1.0925955358160195</c:v>
                </c:pt>
                <c:pt idx="2419">
                  <c:v>0.91049627984668291</c:v>
                </c:pt>
                <c:pt idx="2420">
                  <c:v>0.72839702387734628</c:v>
                </c:pt>
                <c:pt idx="2421">
                  <c:v>0.54629776790800977</c:v>
                </c:pt>
                <c:pt idx="2422">
                  <c:v>0.54629776790800977</c:v>
                </c:pt>
                <c:pt idx="2423">
                  <c:v>0.54629776790800977</c:v>
                </c:pt>
                <c:pt idx="2424">
                  <c:v>0.54190884421187246</c:v>
                </c:pt>
                <c:pt idx="2425">
                  <c:v>0.54190884421187246</c:v>
                </c:pt>
                <c:pt idx="2426">
                  <c:v>0.54190884421187246</c:v>
                </c:pt>
                <c:pt idx="2427">
                  <c:v>0.54190884421187246</c:v>
                </c:pt>
                <c:pt idx="2428">
                  <c:v>0.54190884421187246</c:v>
                </c:pt>
                <c:pt idx="2429">
                  <c:v>0.69846028809530236</c:v>
                </c:pt>
                <c:pt idx="2430">
                  <c:v>0.80684205693767708</c:v>
                </c:pt>
                <c:pt idx="2431">
                  <c:v>0.80684205693767708</c:v>
                </c:pt>
                <c:pt idx="2432">
                  <c:v>0.80684205693767708</c:v>
                </c:pt>
                <c:pt idx="2433">
                  <c:v>0.86705415073899605</c:v>
                </c:pt>
                <c:pt idx="2434">
                  <c:v>0.93930866330057916</c:v>
                </c:pt>
                <c:pt idx="2435">
                  <c:v>1.0838176884237449</c:v>
                </c:pt>
                <c:pt idx="2436">
                  <c:v>1.0838176884237449</c:v>
                </c:pt>
                <c:pt idx="2437">
                  <c:v>1.0838176884237449</c:v>
                </c:pt>
                <c:pt idx="2438">
                  <c:v>1.0838176884237449</c:v>
                </c:pt>
                <c:pt idx="2439">
                  <c:v>1.0838176884237449</c:v>
                </c:pt>
                <c:pt idx="2440">
                  <c:v>1.0838176884237449</c:v>
                </c:pt>
                <c:pt idx="2441">
                  <c:v>1.0838176884237449</c:v>
                </c:pt>
                <c:pt idx="2442">
                  <c:v>1.0838176884237449</c:v>
                </c:pt>
                <c:pt idx="2443">
                  <c:v>0.90318140701978766</c:v>
                </c:pt>
                <c:pt idx="2444">
                  <c:v>0.72254512561583006</c:v>
                </c:pt>
                <c:pt idx="2445">
                  <c:v>0.54190884421187246</c:v>
                </c:pt>
                <c:pt idx="2446">
                  <c:v>0.54190884421187246</c:v>
                </c:pt>
                <c:pt idx="2447">
                  <c:v>0.54190884421187246</c:v>
                </c:pt>
                <c:pt idx="2448">
                  <c:v>0.5955495961097681</c:v>
                </c:pt>
                <c:pt idx="2449">
                  <c:v>0.5955495961097681</c:v>
                </c:pt>
                <c:pt idx="2450">
                  <c:v>0.5955495961097681</c:v>
                </c:pt>
                <c:pt idx="2451">
                  <c:v>0.5955495961097681</c:v>
                </c:pt>
                <c:pt idx="2452">
                  <c:v>0.5955495961097681</c:v>
                </c:pt>
                <c:pt idx="2453">
                  <c:v>0.76759725720814564</c:v>
                </c:pt>
                <c:pt idx="2454">
                  <c:v>0.926410482837417</c:v>
                </c:pt>
                <c:pt idx="2455">
                  <c:v>0.926410482837417</c:v>
                </c:pt>
                <c:pt idx="2456">
                  <c:v>0.926410482837417</c:v>
                </c:pt>
                <c:pt idx="2457">
                  <c:v>0.99258266018294683</c:v>
                </c:pt>
                <c:pt idx="2458">
                  <c:v>1.0322859665902646</c:v>
                </c:pt>
                <c:pt idx="2459">
                  <c:v>1.1910991922195362</c:v>
                </c:pt>
                <c:pt idx="2460">
                  <c:v>1.1910991922195362</c:v>
                </c:pt>
                <c:pt idx="2461">
                  <c:v>1.1910991922195362</c:v>
                </c:pt>
                <c:pt idx="2462">
                  <c:v>1.1910991922195362</c:v>
                </c:pt>
                <c:pt idx="2463">
                  <c:v>0.99258266018294683</c:v>
                </c:pt>
                <c:pt idx="2464">
                  <c:v>0.93964491830652308</c:v>
                </c:pt>
                <c:pt idx="2465">
                  <c:v>0.93964491830652308</c:v>
                </c:pt>
                <c:pt idx="2466">
                  <c:v>0.93964491830652308</c:v>
                </c:pt>
                <c:pt idx="2467">
                  <c:v>0.93964491830652308</c:v>
                </c:pt>
                <c:pt idx="2468">
                  <c:v>0.72789395080082775</c:v>
                </c:pt>
                <c:pt idx="2469">
                  <c:v>0.2779231448512251</c:v>
                </c:pt>
                <c:pt idx="2470">
                  <c:v>0.2779231448512251</c:v>
                </c:pt>
                <c:pt idx="2471">
                  <c:v>0.2779231448512251</c:v>
                </c:pt>
                <c:pt idx="2472">
                  <c:v>0.17055460339740205</c:v>
                </c:pt>
                <c:pt idx="2473">
                  <c:v>0.33298755901397548</c:v>
                </c:pt>
                <c:pt idx="2474">
                  <c:v>0.33298755901397548</c:v>
                </c:pt>
                <c:pt idx="2475">
                  <c:v>0.33298755901397548</c:v>
                </c:pt>
                <c:pt idx="2476">
                  <c:v>0.33298755901397548</c:v>
                </c:pt>
                <c:pt idx="2477">
                  <c:v>0.41420403682226214</c:v>
                </c:pt>
                <c:pt idx="2478">
                  <c:v>0.51978545797303488</c:v>
                </c:pt>
                <c:pt idx="2479">
                  <c:v>0.59288028800049286</c:v>
                </c:pt>
                <c:pt idx="2480">
                  <c:v>0.59288028800049286</c:v>
                </c:pt>
                <c:pt idx="2481">
                  <c:v>0.59288028800049286</c:v>
                </c:pt>
                <c:pt idx="2482">
                  <c:v>0.59288028800049286</c:v>
                </c:pt>
                <c:pt idx="2483">
                  <c:v>0.59288028800049286</c:v>
                </c:pt>
                <c:pt idx="2484">
                  <c:v>0.59288028800049286</c:v>
                </c:pt>
                <c:pt idx="2485">
                  <c:v>0.59288028800049286</c:v>
                </c:pt>
                <c:pt idx="2486">
                  <c:v>0.59288028800049286</c:v>
                </c:pt>
                <c:pt idx="2487">
                  <c:v>0.53602875353469226</c:v>
                </c:pt>
                <c:pt idx="2488">
                  <c:v>0.48729886684972018</c:v>
                </c:pt>
                <c:pt idx="2489">
                  <c:v>0.43856898016474821</c:v>
                </c:pt>
                <c:pt idx="2490">
                  <c:v>0.42232568460309078</c:v>
                </c:pt>
                <c:pt idx="2491">
                  <c:v>0.34110920679480411</c:v>
                </c:pt>
                <c:pt idx="2492">
                  <c:v>0.25177108120568875</c:v>
                </c:pt>
                <c:pt idx="2493">
                  <c:v>0.25177108120568875</c:v>
                </c:pt>
                <c:pt idx="2494">
                  <c:v>0.25177108120568875</c:v>
                </c:pt>
                <c:pt idx="2495">
                  <c:v>0.25177108120568875</c:v>
                </c:pt>
                <c:pt idx="2496">
                  <c:v>0.28735950596636078</c:v>
                </c:pt>
                <c:pt idx="2497">
                  <c:v>0.33370781338028999</c:v>
                </c:pt>
                <c:pt idx="2498">
                  <c:v>0.33370781338028999</c:v>
                </c:pt>
                <c:pt idx="2499">
                  <c:v>0.33370781338028999</c:v>
                </c:pt>
                <c:pt idx="2500">
                  <c:v>0.33370781338028999</c:v>
                </c:pt>
                <c:pt idx="2501">
                  <c:v>0.41713476672536243</c:v>
                </c:pt>
                <c:pt idx="2502">
                  <c:v>0.49129205858764918</c:v>
                </c:pt>
                <c:pt idx="2503">
                  <c:v>0.58398867341550742</c:v>
                </c:pt>
                <c:pt idx="2504">
                  <c:v>0.58398867341550742</c:v>
                </c:pt>
                <c:pt idx="2505">
                  <c:v>0.58398867341550742</c:v>
                </c:pt>
                <c:pt idx="2506">
                  <c:v>0.58398867341550742</c:v>
                </c:pt>
                <c:pt idx="2507">
                  <c:v>0.58398867341550742</c:v>
                </c:pt>
                <c:pt idx="2508">
                  <c:v>0.58398867341550742</c:v>
                </c:pt>
                <c:pt idx="2509">
                  <c:v>0.58398867341550742</c:v>
                </c:pt>
                <c:pt idx="2510">
                  <c:v>0.58398867341550742</c:v>
                </c:pt>
                <c:pt idx="2511">
                  <c:v>0.51910104303600657</c:v>
                </c:pt>
                <c:pt idx="2512">
                  <c:v>0.50983138155322083</c:v>
                </c:pt>
                <c:pt idx="2513">
                  <c:v>0.43567408969093413</c:v>
                </c:pt>
                <c:pt idx="2514">
                  <c:v>0.40786510524257669</c:v>
                </c:pt>
                <c:pt idx="2515">
                  <c:v>0.34297747486307584</c:v>
                </c:pt>
                <c:pt idx="2516">
                  <c:v>0.28735950596636078</c:v>
                </c:pt>
                <c:pt idx="2517">
                  <c:v>0.25028086003521754</c:v>
                </c:pt>
                <c:pt idx="2518">
                  <c:v>0.25028086003521754</c:v>
                </c:pt>
                <c:pt idx="2519">
                  <c:v>0.25028086003521754</c:v>
                </c:pt>
                <c:pt idx="2520">
                  <c:v>0.18815130757852355</c:v>
                </c:pt>
                <c:pt idx="2521">
                  <c:v>0.18815130757852355</c:v>
                </c:pt>
                <c:pt idx="2522">
                  <c:v>0.18815130757852355</c:v>
                </c:pt>
                <c:pt idx="2523">
                  <c:v>0.18815130757852355</c:v>
                </c:pt>
                <c:pt idx="2524">
                  <c:v>0.18815130757852355</c:v>
                </c:pt>
                <c:pt idx="2525">
                  <c:v>0.81532233284026878</c:v>
                </c:pt>
                <c:pt idx="2526">
                  <c:v>0.92507726226107412</c:v>
                </c:pt>
                <c:pt idx="2527">
                  <c:v>0.92507726226107412</c:v>
                </c:pt>
                <c:pt idx="2528">
                  <c:v>0.92507726226107412</c:v>
                </c:pt>
                <c:pt idx="2529">
                  <c:v>0.98779436478724869</c:v>
                </c:pt>
                <c:pt idx="2530">
                  <c:v>0.98779436478724869</c:v>
                </c:pt>
                <c:pt idx="2531">
                  <c:v>1.2543420505234903</c:v>
                </c:pt>
                <c:pt idx="2532">
                  <c:v>1.2543420505234903</c:v>
                </c:pt>
                <c:pt idx="2533">
                  <c:v>0.83100160847181248</c:v>
                </c:pt>
                <c:pt idx="2534">
                  <c:v>1.2543420505234903</c:v>
                </c:pt>
                <c:pt idx="2535">
                  <c:v>1.2543420505234903</c:v>
                </c:pt>
                <c:pt idx="2536">
                  <c:v>1.2543420505234903</c:v>
                </c:pt>
                <c:pt idx="2537">
                  <c:v>1.2543420505234903</c:v>
                </c:pt>
                <c:pt idx="2538">
                  <c:v>1.2543420505234903</c:v>
                </c:pt>
                <c:pt idx="2539">
                  <c:v>1.0505114673134235</c:v>
                </c:pt>
                <c:pt idx="2540">
                  <c:v>0.86236015973489966</c:v>
                </c:pt>
                <c:pt idx="2541">
                  <c:v>0.62717102526174517</c:v>
                </c:pt>
                <c:pt idx="2542">
                  <c:v>0.595812473998658</c:v>
                </c:pt>
                <c:pt idx="2543">
                  <c:v>0.595812473998658</c:v>
                </c:pt>
                <c:pt idx="2544">
                  <c:v>0.54793464809195036</c:v>
                </c:pt>
                <c:pt idx="2545">
                  <c:v>0.54793464809195036</c:v>
                </c:pt>
                <c:pt idx="2546">
                  <c:v>0.54793464809195036</c:v>
                </c:pt>
                <c:pt idx="2547">
                  <c:v>0.54793464809195036</c:v>
                </c:pt>
                <c:pt idx="2548">
                  <c:v>0.54793464809195036</c:v>
                </c:pt>
                <c:pt idx="2549">
                  <c:v>0.71231504251953548</c:v>
                </c:pt>
                <c:pt idx="2550">
                  <c:v>0.79450523973332798</c:v>
                </c:pt>
                <c:pt idx="2551">
                  <c:v>0.82190197213792571</c:v>
                </c:pt>
                <c:pt idx="2552">
                  <c:v>0.82190197213792571</c:v>
                </c:pt>
                <c:pt idx="2553">
                  <c:v>0.8903938031494194</c:v>
                </c:pt>
                <c:pt idx="2554">
                  <c:v>0.9314889017563156</c:v>
                </c:pt>
                <c:pt idx="2555">
                  <c:v>1.0958692961839007</c:v>
                </c:pt>
                <c:pt idx="2556">
                  <c:v>1.0958692961839007</c:v>
                </c:pt>
                <c:pt idx="2557">
                  <c:v>1.0958692961839007</c:v>
                </c:pt>
                <c:pt idx="2558">
                  <c:v>1.0958692961839007</c:v>
                </c:pt>
                <c:pt idx="2559">
                  <c:v>1.0958692961839007</c:v>
                </c:pt>
                <c:pt idx="2560">
                  <c:v>1.0958692961839007</c:v>
                </c:pt>
                <c:pt idx="2561">
                  <c:v>1.0958692961839007</c:v>
                </c:pt>
                <c:pt idx="2562">
                  <c:v>1.0958692961839007</c:v>
                </c:pt>
                <c:pt idx="2563">
                  <c:v>0.91779053555401691</c:v>
                </c:pt>
                <c:pt idx="2564">
                  <c:v>0.75341014112643168</c:v>
                </c:pt>
                <c:pt idx="2565">
                  <c:v>0.54793464809195036</c:v>
                </c:pt>
                <c:pt idx="2566">
                  <c:v>0.54793464809195036</c:v>
                </c:pt>
                <c:pt idx="2567">
                  <c:v>0.54793464809195036</c:v>
                </c:pt>
                <c:pt idx="2568">
                  <c:v>0.48352919119139226</c:v>
                </c:pt>
                <c:pt idx="2569">
                  <c:v>0.54397034009031631</c:v>
                </c:pt>
                <c:pt idx="2570">
                  <c:v>0.54397034009031631</c:v>
                </c:pt>
                <c:pt idx="2571">
                  <c:v>0.54397034009031631</c:v>
                </c:pt>
                <c:pt idx="2572">
                  <c:v>0.54397034009031631</c:v>
                </c:pt>
                <c:pt idx="2573">
                  <c:v>0.70111732722751874</c:v>
                </c:pt>
                <c:pt idx="2574">
                  <c:v>0.80991139524558209</c:v>
                </c:pt>
                <c:pt idx="2575">
                  <c:v>0.80991139524558209</c:v>
                </c:pt>
                <c:pt idx="2576">
                  <c:v>0.80991139524558209</c:v>
                </c:pt>
                <c:pt idx="2577">
                  <c:v>0.87035254414450614</c:v>
                </c:pt>
                <c:pt idx="2578">
                  <c:v>0.94288192282321492</c:v>
                </c:pt>
                <c:pt idx="2579">
                  <c:v>1.0879406801806326</c:v>
                </c:pt>
                <c:pt idx="2580">
                  <c:v>1.0879406801806326</c:v>
                </c:pt>
                <c:pt idx="2581">
                  <c:v>1.0879406801806326</c:v>
                </c:pt>
                <c:pt idx="2582">
                  <c:v>1.0879406801806326</c:v>
                </c:pt>
                <c:pt idx="2583">
                  <c:v>1.0879406801806326</c:v>
                </c:pt>
                <c:pt idx="2584">
                  <c:v>1.0879406801806326</c:v>
                </c:pt>
                <c:pt idx="2585">
                  <c:v>1.0879406801806326</c:v>
                </c:pt>
                <c:pt idx="2586">
                  <c:v>1.0879406801806326</c:v>
                </c:pt>
                <c:pt idx="2587">
                  <c:v>0.90661723348386036</c:v>
                </c:pt>
                <c:pt idx="2588">
                  <c:v>0.72529378678708845</c:v>
                </c:pt>
                <c:pt idx="2589">
                  <c:v>0.54397034009031631</c:v>
                </c:pt>
                <c:pt idx="2590">
                  <c:v>0.54397034009031631</c:v>
                </c:pt>
                <c:pt idx="2591">
                  <c:v>0.54397034009031631</c:v>
                </c:pt>
                <c:pt idx="2592">
                  <c:v>0.5411354235146546</c:v>
                </c:pt>
                <c:pt idx="2593">
                  <c:v>0.5411354235146546</c:v>
                </c:pt>
                <c:pt idx="2594">
                  <c:v>0.5411354235146546</c:v>
                </c:pt>
                <c:pt idx="2595">
                  <c:v>0.5411354235146546</c:v>
                </c:pt>
                <c:pt idx="2596">
                  <c:v>0.5411354235146546</c:v>
                </c:pt>
                <c:pt idx="2597">
                  <c:v>0.69746343475222161</c:v>
                </c:pt>
                <c:pt idx="2598">
                  <c:v>0.80569051945515269</c:v>
                </c:pt>
                <c:pt idx="2599">
                  <c:v>0.80569051945515269</c:v>
                </c:pt>
                <c:pt idx="2600">
                  <c:v>0.80569051945515269</c:v>
                </c:pt>
                <c:pt idx="2601">
                  <c:v>0.86581667762344749</c:v>
                </c:pt>
                <c:pt idx="2602">
                  <c:v>0.9379680674254014</c:v>
                </c:pt>
                <c:pt idx="2603">
                  <c:v>1.0822708470293092</c:v>
                </c:pt>
                <c:pt idx="2604">
                  <c:v>1.0822708470293092</c:v>
                </c:pt>
                <c:pt idx="2605">
                  <c:v>1.0822708470293092</c:v>
                </c:pt>
                <c:pt idx="2606">
                  <c:v>1.0822708470293092</c:v>
                </c:pt>
                <c:pt idx="2607">
                  <c:v>1.0822708470293092</c:v>
                </c:pt>
                <c:pt idx="2608">
                  <c:v>1.0822708470293092</c:v>
                </c:pt>
                <c:pt idx="2609">
                  <c:v>1.0822708470293092</c:v>
                </c:pt>
                <c:pt idx="2610">
                  <c:v>1.0822708470293092</c:v>
                </c:pt>
                <c:pt idx="2611">
                  <c:v>0.90189237252442445</c:v>
                </c:pt>
                <c:pt idx="2612">
                  <c:v>0.72151389801953958</c:v>
                </c:pt>
                <c:pt idx="2613">
                  <c:v>0.5411354235146546</c:v>
                </c:pt>
                <c:pt idx="2614">
                  <c:v>0.5411354235146546</c:v>
                </c:pt>
                <c:pt idx="2615">
                  <c:v>0.5411354235146546</c:v>
                </c:pt>
                <c:pt idx="2616">
                  <c:v>0.59173829573534575</c:v>
                </c:pt>
                <c:pt idx="2617">
                  <c:v>0.59173829573534575</c:v>
                </c:pt>
                <c:pt idx="2618">
                  <c:v>0.59173829573534575</c:v>
                </c:pt>
                <c:pt idx="2619">
                  <c:v>0.59173829573534575</c:v>
                </c:pt>
                <c:pt idx="2620">
                  <c:v>0.59173829573534575</c:v>
                </c:pt>
                <c:pt idx="2621">
                  <c:v>0.76268491450333442</c:v>
                </c:pt>
                <c:pt idx="2622">
                  <c:v>0.92048179336609337</c:v>
                </c:pt>
                <c:pt idx="2623">
                  <c:v>0.92048179336609337</c:v>
                </c:pt>
                <c:pt idx="2624">
                  <c:v>0.92048179336609337</c:v>
                </c:pt>
                <c:pt idx="2625">
                  <c:v>0.98623049289224285</c:v>
                </c:pt>
                <c:pt idx="2626">
                  <c:v>1.0256797126079327</c:v>
                </c:pt>
                <c:pt idx="2627">
                  <c:v>1.1834765914706915</c:v>
                </c:pt>
                <c:pt idx="2628">
                  <c:v>1.1834765914706915</c:v>
                </c:pt>
                <c:pt idx="2629">
                  <c:v>1.1834765914706915</c:v>
                </c:pt>
                <c:pt idx="2630">
                  <c:v>1.1834765914706915</c:v>
                </c:pt>
                <c:pt idx="2631">
                  <c:v>0.98623049289224285</c:v>
                </c:pt>
                <c:pt idx="2632">
                  <c:v>0.93363153327132342</c:v>
                </c:pt>
                <c:pt idx="2633">
                  <c:v>0.93363153327132342</c:v>
                </c:pt>
                <c:pt idx="2634">
                  <c:v>0.93363153327132342</c:v>
                </c:pt>
                <c:pt idx="2635">
                  <c:v>0.93363153327132342</c:v>
                </c:pt>
                <c:pt idx="2636">
                  <c:v>0.72323569478764471</c:v>
                </c:pt>
                <c:pt idx="2637">
                  <c:v>0.27614453800982797</c:v>
                </c:pt>
                <c:pt idx="2638">
                  <c:v>0.27614453800982797</c:v>
                </c:pt>
                <c:pt idx="2639">
                  <c:v>0.27614453800982797</c:v>
                </c:pt>
                <c:pt idx="2640">
                  <c:v>0.1546167935122626</c:v>
                </c:pt>
                <c:pt idx="2641">
                  <c:v>0.30187088257156036</c:v>
                </c:pt>
                <c:pt idx="2642">
                  <c:v>0.30187088257156036</c:v>
                </c:pt>
                <c:pt idx="2643">
                  <c:v>0.30187088257156036</c:v>
                </c:pt>
                <c:pt idx="2644">
                  <c:v>0.30187088257156036</c:v>
                </c:pt>
                <c:pt idx="2645">
                  <c:v>0.37549792710120922</c:v>
                </c:pt>
                <c:pt idx="2646">
                  <c:v>0.47121308498975278</c:v>
                </c:pt>
                <c:pt idx="2647">
                  <c:v>0.5374774250664367</c:v>
                </c:pt>
                <c:pt idx="2648">
                  <c:v>0.5374774250664367</c:v>
                </c:pt>
                <c:pt idx="2649">
                  <c:v>0.5374774250664367</c:v>
                </c:pt>
                <c:pt idx="2650">
                  <c:v>0.5374774250664367</c:v>
                </c:pt>
                <c:pt idx="2651">
                  <c:v>0.5374774250664367</c:v>
                </c:pt>
                <c:pt idx="2652">
                  <c:v>0.5374774250664367</c:v>
                </c:pt>
                <c:pt idx="2653">
                  <c:v>0.5374774250664367</c:v>
                </c:pt>
                <c:pt idx="2654">
                  <c:v>0.5374774250664367</c:v>
                </c:pt>
                <c:pt idx="2655">
                  <c:v>0.48593849389568256</c:v>
                </c:pt>
                <c:pt idx="2656">
                  <c:v>0.44176226717789319</c:v>
                </c:pt>
                <c:pt idx="2657">
                  <c:v>0.39758604046010387</c:v>
                </c:pt>
                <c:pt idx="2658">
                  <c:v>0.3828606315541741</c:v>
                </c:pt>
                <c:pt idx="2659">
                  <c:v>0.30923358702452519</c:v>
                </c:pt>
                <c:pt idx="2660">
                  <c:v>0.22824383804191148</c:v>
                </c:pt>
                <c:pt idx="2661">
                  <c:v>0.22824383804191148</c:v>
                </c:pt>
                <c:pt idx="2662">
                  <c:v>0.22824383804191148</c:v>
                </c:pt>
                <c:pt idx="2663">
                  <c:v>0.22824383804191148</c:v>
                </c:pt>
                <c:pt idx="2664">
                  <c:v>0.30194457643829631</c:v>
                </c:pt>
                <c:pt idx="2665">
                  <c:v>0.35064531457350534</c:v>
                </c:pt>
                <c:pt idx="2666">
                  <c:v>0.35064531457350534</c:v>
                </c:pt>
                <c:pt idx="2667">
                  <c:v>0.35064531457350534</c:v>
                </c:pt>
                <c:pt idx="2668">
                  <c:v>0.35064531457350534</c:v>
                </c:pt>
                <c:pt idx="2669">
                  <c:v>0.43830664321688162</c:v>
                </c:pt>
                <c:pt idx="2670">
                  <c:v>0.51622782423321611</c:v>
                </c:pt>
                <c:pt idx="2671">
                  <c:v>0.6136293005036344</c:v>
                </c:pt>
                <c:pt idx="2672">
                  <c:v>0.6136293005036344</c:v>
                </c:pt>
                <c:pt idx="2673">
                  <c:v>0.6136293005036344</c:v>
                </c:pt>
                <c:pt idx="2674">
                  <c:v>0.6136293005036344</c:v>
                </c:pt>
                <c:pt idx="2675">
                  <c:v>0.6136293005036344</c:v>
                </c:pt>
                <c:pt idx="2676">
                  <c:v>0.6136293005036344</c:v>
                </c:pt>
                <c:pt idx="2677">
                  <c:v>0.6136293005036344</c:v>
                </c:pt>
                <c:pt idx="2678">
                  <c:v>0.6136293005036344</c:v>
                </c:pt>
                <c:pt idx="2679">
                  <c:v>0.54544826711434158</c:v>
                </c:pt>
                <c:pt idx="2680">
                  <c:v>0.53570811948729979</c:v>
                </c:pt>
                <c:pt idx="2681">
                  <c:v>0.45778693847096535</c:v>
                </c:pt>
                <c:pt idx="2682">
                  <c:v>0.42856649558983989</c:v>
                </c:pt>
                <c:pt idx="2683">
                  <c:v>0.36038546220054718</c:v>
                </c:pt>
                <c:pt idx="2684">
                  <c:v>0.30194457643829631</c:v>
                </c:pt>
                <c:pt idx="2685">
                  <c:v>0.26298398593012901</c:v>
                </c:pt>
                <c:pt idx="2686">
                  <c:v>0.26298398593012901</c:v>
                </c:pt>
                <c:pt idx="2687">
                  <c:v>0.26298398593012901</c:v>
                </c:pt>
                <c:pt idx="2688">
                  <c:v>0.19656290539306434</c:v>
                </c:pt>
                <c:pt idx="2689">
                  <c:v>0.19656290539306434</c:v>
                </c:pt>
                <c:pt idx="2690">
                  <c:v>0.19656290539306434</c:v>
                </c:pt>
                <c:pt idx="2691">
                  <c:v>0.19656290539306434</c:v>
                </c:pt>
                <c:pt idx="2692">
                  <c:v>0.19656290539306434</c:v>
                </c:pt>
                <c:pt idx="2693">
                  <c:v>0.8517725900366121</c:v>
                </c:pt>
                <c:pt idx="2694">
                  <c:v>0.96643428484923322</c:v>
                </c:pt>
                <c:pt idx="2695">
                  <c:v>0.96643428484923322</c:v>
                </c:pt>
                <c:pt idx="2696">
                  <c:v>0.96643428484923322</c:v>
                </c:pt>
                <c:pt idx="2697">
                  <c:v>1.0319552533135881</c:v>
                </c:pt>
                <c:pt idx="2698">
                  <c:v>1.0319552533135881</c:v>
                </c:pt>
                <c:pt idx="2699">
                  <c:v>1.3104193692870958</c:v>
                </c:pt>
                <c:pt idx="2700">
                  <c:v>1.3104193692870958</c:v>
                </c:pt>
                <c:pt idx="2701">
                  <c:v>0.868152832152701</c:v>
                </c:pt>
                <c:pt idx="2702">
                  <c:v>1.3104193692870958</c:v>
                </c:pt>
                <c:pt idx="2703">
                  <c:v>1.3104193692870958</c:v>
                </c:pt>
                <c:pt idx="2704">
                  <c:v>1.3104193692870958</c:v>
                </c:pt>
                <c:pt idx="2705">
                  <c:v>1.3104193692870958</c:v>
                </c:pt>
                <c:pt idx="2706">
                  <c:v>1.3104193692870958</c:v>
                </c:pt>
                <c:pt idx="2707">
                  <c:v>1.0974762217779428</c:v>
                </c:pt>
                <c:pt idx="2708">
                  <c:v>0.90091331638487837</c:v>
                </c:pt>
                <c:pt idx="2709">
                  <c:v>0.6552096846435479</c:v>
                </c:pt>
                <c:pt idx="2710">
                  <c:v>0.62244920041137053</c:v>
                </c:pt>
                <c:pt idx="2711">
                  <c:v>0.62244920041137053</c:v>
                </c:pt>
                <c:pt idx="2712">
                  <c:v>0.56815977024234021</c:v>
                </c:pt>
                <c:pt idx="2713">
                  <c:v>0.56815977024234021</c:v>
                </c:pt>
                <c:pt idx="2714">
                  <c:v>0.56815977024234021</c:v>
                </c:pt>
                <c:pt idx="2715">
                  <c:v>0.56815977024234021</c:v>
                </c:pt>
                <c:pt idx="2716">
                  <c:v>0.56815977024234021</c:v>
                </c:pt>
                <c:pt idx="2717">
                  <c:v>0.73860770131504228</c:v>
                </c:pt>
                <c:pt idx="2718">
                  <c:v>0.82383166685139331</c:v>
                </c:pt>
                <c:pt idx="2719">
                  <c:v>0.85223965536351032</c:v>
                </c:pt>
                <c:pt idx="2720">
                  <c:v>0.85223965536351032</c:v>
                </c:pt>
                <c:pt idx="2721">
                  <c:v>0.92325962664380279</c:v>
                </c:pt>
                <c:pt idx="2722">
                  <c:v>0.96587160941197836</c:v>
                </c:pt>
                <c:pt idx="2723">
                  <c:v>1.1363195404846804</c:v>
                </c:pt>
                <c:pt idx="2724">
                  <c:v>1.1363195404846804</c:v>
                </c:pt>
                <c:pt idx="2725">
                  <c:v>1.1363195404846804</c:v>
                </c:pt>
                <c:pt idx="2726">
                  <c:v>1.1363195404846804</c:v>
                </c:pt>
                <c:pt idx="2727">
                  <c:v>1.1363195404846804</c:v>
                </c:pt>
                <c:pt idx="2728">
                  <c:v>1.1363195404846804</c:v>
                </c:pt>
                <c:pt idx="2729">
                  <c:v>1.1363195404846804</c:v>
                </c:pt>
                <c:pt idx="2730">
                  <c:v>1.1363195404846804</c:v>
                </c:pt>
                <c:pt idx="2731">
                  <c:v>0.9516676151559198</c:v>
                </c:pt>
                <c:pt idx="2732">
                  <c:v>0.78121968408321785</c:v>
                </c:pt>
                <c:pt idx="2733">
                  <c:v>0.56815977024234021</c:v>
                </c:pt>
                <c:pt idx="2734">
                  <c:v>0.56815977024234021</c:v>
                </c:pt>
                <c:pt idx="2735">
                  <c:v>0.56815977024234021</c:v>
                </c:pt>
                <c:pt idx="2736">
                  <c:v>0.51835391929581953</c:v>
                </c:pt>
                <c:pt idx="2737">
                  <c:v>0.58314815920779695</c:v>
                </c:pt>
                <c:pt idx="2738">
                  <c:v>0.58314815920779695</c:v>
                </c:pt>
                <c:pt idx="2739">
                  <c:v>0.58314815920779695</c:v>
                </c:pt>
                <c:pt idx="2740">
                  <c:v>0.58314815920779695</c:v>
                </c:pt>
                <c:pt idx="2741">
                  <c:v>0.75161318297893831</c:v>
                </c:pt>
                <c:pt idx="2742">
                  <c:v>0.86824281482049781</c:v>
                </c:pt>
                <c:pt idx="2743">
                  <c:v>0.86824281482049781</c:v>
                </c:pt>
                <c:pt idx="2744">
                  <c:v>0.86824281482049781</c:v>
                </c:pt>
                <c:pt idx="2745">
                  <c:v>0.93303705473247511</c:v>
                </c:pt>
                <c:pt idx="2746">
                  <c:v>1.010790142626848</c:v>
                </c:pt>
                <c:pt idx="2747">
                  <c:v>1.1662963184155939</c:v>
                </c:pt>
                <c:pt idx="2748">
                  <c:v>1.1662963184155939</c:v>
                </c:pt>
                <c:pt idx="2749">
                  <c:v>1.1662963184155939</c:v>
                </c:pt>
                <c:pt idx="2750">
                  <c:v>1.1662963184155939</c:v>
                </c:pt>
                <c:pt idx="2751">
                  <c:v>1.1662963184155939</c:v>
                </c:pt>
                <c:pt idx="2752">
                  <c:v>1.1662963184155939</c:v>
                </c:pt>
                <c:pt idx="2753">
                  <c:v>1.1662963184155939</c:v>
                </c:pt>
                <c:pt idx="2754">
                  <c:v>1.1662963184155939</c:v>
                </c:pt>
                <c:pt idx="2755">
                  <c:v>0.97191359867966165</c:v>
                </c:pt>
                <c:pt idx="2756">
                  <c:v>0.7775308789437293</c:v>
                </c:pt>
                <c:pt idx="2757">
                  <c:v>0.58314815920779695</c:v>
                </c:pt>
                <c:pt idx="2758">
                  <c:v>0.58314815920779695</c:v>
                </c:pt>
                <c:pt idx="2759">
                  <c:v>0.58314815920779695</c:v>
                </c:pt>
                <c:pt idx="2760">
                  <c:v>0.57125317435446332</c:v>
                </c:pt>
                <c:pt idx="2761">
                  <c:v>0.57125317435446332</c:v>
                </c:pt>
                <c:pt idx="2762">
                  <c:v>0.57125317435446332</c:v>
                </c:pt>
                <c:pt idx="2763">
                  <c:v>0.57125317435446332</c:v>
                </c:pt>
                <c:pt idx="2764">
                  <c:v>0.57125317435446332</c:v>
                </c:pt>
                <c:pt idx="2765">
                  <c:v>0.736281869167975</c:v>
                </c:pt>
                <c:pt idx="2766">
                  <c:v>0.8505325040388676</c:v>
                </c:pt>
                <c:pt idx="2767">
                  <c:v>0.8505325040388676</c:v>
                </c:pt>
                <c:pt idx="2768">
                  <c:v>0.8505325040388676</c:v>
                </c:pt>
                <c:pt idx="2769">
                  <c:v>0.91400507896714123</c:v>
                </c:pt>
                <c:pt idx="2770">
                  <c:v>0.99017216888106963</c:v>
                </c:pt>
                <c:pt idx="2771">
                  <c:v>1.1425063487089266</c:v>
                </c:pt>
                <c:pt idx="2772">
                  <c:v>1.1425063487089266</c:v>
                </c:pt>
                <c:pt idx="2773">
                  <c:v>1.1425063487089266</c:v>
                </c:pt>
                <c:pt idx="2774">
                  <c:v>1.1425063487089266</c:v>
                </c:pt>
                <c:pt idx="2775">
                  <c:v>1.1425063487089266</c:v>
                </c:pt>
                <c:pt idx="2776">
                  <c:v>1.1425063487089266</c:v>
                </c:pt>
                <c:pt idx="2777">
                  <c:v>1.1425063487089266</c:v>
                </c:pt>
                <c:pt idx="2778">
                  <c:v>1.1425063487089266</c:v>
                </c:pt>
                <c:pt idx="2779">
                  <c:v>0.95208862392410554</c:v>
                </c:pt>
                <c:pt idx="2780">
                  <c:v>0.76167089913928443</c:v>
                </c:pt>
                <c:pt idx="2781">
                  <c:v>0.57125317435446332</c:v>
                </c:pt>
                <c:pt idx="2782">
                  <c:v>0.57125317435446332</c:v>
                </c:pt>
                <c:pt idx="2783">
                  <c:v>0.57125317435446332</c:v>
                </c:pt>
                <c:pt idx="2784">
                  <c:v>0.62280156877963921</c:v>
                </c:pt>
                <c:pt idx="2785">
                  <c:v>0.62280156877963921</c:v>
                </c:pt>
                <c:pt idx="2786">
                  <c:v>0.62280156877963921</c:v>
                </c:pt>
                <c:pt idx="2787">
                  <c:v>0.62280156877963921</c:v>
                </c:pt>
                <c:pt idx="2788">
                  <c:v>0.62280156877963921</c:v>
                </c:pt>
                <c:pt idx="2789">
                  <c:v>0.80272202198264631</c:v>
                </c:pt>
                <c:pt idx="2790">
                  <c:v>0.96880244032388352</c:v>
                </c:pt>
                <c:pt idx="2791">
                  <c:v>0.96880244032388352</c:v>
                </c:pt>
                <c:pt idx="2792">
                  <c:v>0.96880244032388352</c:v>
                </c:pt>
                <c:pt idx="2793">
                  <c:v>1.0380026146327324</c:v>
                </c:pt>
                <c:pt idx="2794">
                  <c:v>1.0795227192180417</c:v>
                </c:pt>
                <c:pt idx="2795">
                  <c:v>1.2456031375592784</c:v>
                </c:pt>
                <c:pt idx="2796">
                  <c:v>1.2456031375592784</c:v>
                </c:pt>
                <c:pt idx="2797">
                  <c:v>1.2456031375592784</c:v>
                </c:pt>
                <c:pt idx="2798">
                  <c:v>1.2456031375592784</c:v>
                </c:pt>
                <c:pt idx="2799">
                  <c:v>1.0380026146327324</c:v>
                </c:pt>
                <c:pt idx="2800">
                  <c:v>0.98264247518565329</c:v>
                </c:pt>
                <c:pt idx="2801">
                  <c:v>0.98264247518565329</c:v>
                </c:pt>
                <c:pt idx="2802">
                  <c:v>0.98264247518565329</c:v>
                </c:pt>
                <c:pt idx="2803">
                  <c:v>0.98264247518565329</c:v>
                </c:pt>
                <c:pt idx="2804">
                  <c:v>0.761201917397337</c:v>
                </c:pt>
                <c:pt idx="2805">
                  <c:v>0.29064073209716507</c:v>
                </c:pt>
                <c:pt idx="2806">
                  <c:v>0.29064073209716507</c:v>
                </c:pt>
                <c:pt idx="2807">
                  <c:v>0.29064073209716507</c:v>
                </c:pt>
                <c:pt idx="2808">
                  <c:v>0.18359462966706161</c:v>
                </c:pt>
                <c:pt idx="2809">
                  <c:v>0.35844665792140601</c:v>
                </c:pt>
                <c:pt idx="2810">
                  <c:v>0.35844665792140601</c:v>
                </c:pt>
                <c:pt idx="2811">
                  <c:v>0.35844665792140601</c:v>
                </c:pt>
                <c:pt idx="2812">
                  <c:v>0.35844665792140601</c:v>
                </c:pt>
                <c:pt idx="2813">
                  <c:v>0.44587267204857822</c:v>
                </c:pt>
                <c:pt idx="2814">
                  <c:v>0.55952649041390212</c:v>
                </c:pt>
                <c:pt idx="2815">
                  <c:v>0.63820990312835701</c:v>
                </c:pt>
                <c:pt idx="2816">
                  <c:v>0.63820990312835701</c:v>
                </c:pt>
                <c:pt idx="2817">
                  <c:v>0.63820990312835701</c:v>
                </c:pt>
                <c:pt idx="2818">
                  <c:v>0.63820990312835701</c:v>
                </c:pt>
                <c:pt idx="2819">
                  <c:v>0.63820990312835701</c:v>
                </c:pt>
                <c:pt idx="2820">
                  <c:v>0.63820990312835701</c:v>
                </c:pt>
                <c:pt idx="2821">
                  <c:v>0.63820990312835701</c:v>
                </c:pt>
                <c:pt idx="2822">
                  <c:v>0.63820990312835701</c:v>
                </c:pt>
                <c:pt idx="2823">
                  <c:v>0.57701169323933643</c:v>
                </c:pt>
                <c:pt idx="2824">
                  <c:v>0.52455608476303317</c:v>
                </c:pt>
                <c:pt idx="2825">
                  <c:v>0.47210047628672985</c:v>
                </c:pt>
                <c:pt idx="2826">
                  <c:v>0.45461527346129538</c:v>
                </c:pt>
                <c:pt idx="2827">
                  <c:v>0.36718925933412322</c:v>
                </c:pt>
                <c:pt idx="2828">
                  <c:v>0.2710206437942338</c:v>
                </c:pt>
                <c:pt idx="2829">
                  <c:v>0.2710206437942338</c:v>
                </c:pt>
                <c:pt idx="2830">
                  <c:v>0.2710206437942338</c:v>
                </c:pt>
                <c:pt idx="2831">
                  <c:v>0.2710206437942338</c:v>
                </c:pt>
                <c:pt idx="2832">
                  <c:v>0.34813063293275842</c:v>
                </c:pt>
                <c:pt idx="2833">
                  <c:v>0.40428073501868728</c:v>
                </c:pt>
                <c:pt idx="2834">
                  <c:v>0.40428073501868728</c:v>
                </c:pt>
                <c:pt idx="2835">
                  <c:v>0.40428073501868728</c:v>
                </c:pt>
                <c:pt idx="2836">
                  <c:v>0.40428073501868728</c:v>
                </c:pt>
                <c:pt idx="2837">
                  <c:v>0.50535091877335903</c:v>
                </c:pt>
                <c:pt idx="2838">
                  <c:v>0.59519108211084515</c:v>
                </c:pt>
                <c:pt idx="2839">
                  <c:v>0.70749128628270264</c:v>
                </c:pt>
                <c:pt idx="2840">
                  <c:v>0.70749128628270264</c:v>
                </c:pt>
                <c:pt idx="2841">
                  <c:v>0.70749128628270264</c:v>
                </c:pt>
                <c:pt idx="2842">
                  <c:v>0.70749128628270264</c:v>
                </c:pt>
                <c:pt idx="2843">
                  <c:v>0.70749128628270264</c:v>
                </c:pt>
                <c:pt idx="2844">
                  <c:v>0.70749128628270264</c:v>
                </c:pt>
                <c:pt idx="2845">
                  <c:v>0.70749128628270264</c:v>
                </c:pt>
                <c:pt idx="2846">
                  <c:v>0.70749128628270264</c:v>
                </c:pt>
                <c:pt idx="2847">
                  <c:v>0.62888114336240231</c:v>
                </c:pt>
                <c:pt idx="2848">
                  <c:v>0.61765112294521662</c:v>
                </c:pt>
                <c:pt idx="2849">
                  <c:v>0.52781095960773061</c:v>
                </c:pt>
                <c:pt idx="2850">
                  <c:v>0.49412089835617334</c:v>
                </c:pt>
                <c:pt idx="2851">
                  <c:v>0.41551075543587301</c:v>
                </c:pt>
                <c:pt idx="2852">
                  <c:v>0.34813063293275842</c:v>
                </c:pt>
                <c:pt idx="2853">
                  <c:v>0.30321055126401547</c:v>
                </c:pt>
                <c:pt idx="2854">
                  <c:v>0.30321055126401547</c:v>
                </c:pt>
                <c:pt idx="2855">
                  <c:v>0.30321055126401547</c:v>
                </c:pt>
                <c:pt idx="2856">
                  <c:v>0.19569920267554064</c:v>
                </c:pt>
                <c:pt idx="2857">
                  <c:v>0.19569920267554064</c:v>
                </c:pt>
                <c:pt idx="2858">
                  <c:v>0.19569920267554064</c:v>
                </c:pt>
                <c:pt idx="2859">
                  <c:v>0.19569920267554064</c:v>
                </c:pt>
                <c:pt idx="2860">
                  <c:v>0.19569920267554064</c:v>
                </c:pt>
                <c:pt idx="2861">
                  <c:v>0.84802987826067611</c:v>
                </c:pt>
                <c:pt idx="2862">
                  <c:v>0.96218774648807481</c:v>
                </c:pt>
                <c:pt idx="2863">
                  <c:v>0.96218774648807481</c:v>
                </c:pt>
                <c:pt idx="2864">
                  <c:v>0.96218774648807481</c:v>
                </c:pt>
                <c:pt idx="2865">
                  <c:v>1.0274208140465884</c:v>
                </c:pt>
                <c:pt idx="2866">
                  <c:v>1.0274208140465884</c:v>
                </c:pt>
                <c:pt idx="2867">
                  <c:v>1.3046613511702712</c:v>
                </c:pt>
                <c:pt idx="2868">
                  <c:v>1.3046613511702712</c:v>
                </c:pt>
                <c:pt idx="2869">
                  <c:v>0.8643381451503046</c:v>
                </c:pt>
                <c:pt idx="2870">
                  <c:v>1.3046613511702712</c:v>
                </c:pt>
                <c:pt idx="2871">
                  <c:v>1.3046613511702712</c:v>
                </c:pt>
                <c:pt idx="2872">
                  <c:v>1.3046613511702712</c:v>
                </c:pt>
                <c:pt idx="2873">
                  <c:v>1.3046613511702712</c:v>
                </c:pt>
                <c:pt idx="2874">
                  <c:v>1.3046613511702712</c:v>
                </c:pt>
                <c:pt idx="2875">
                  <c:v>1.0926538816051019</c:v>
                </c:pt>
                <c:pt idx="2876">
                  <c:v>0.89695467892956138</c:v>
                </c:pt>
                <c:pt idx="2877">
                  <c:v>0.65233067558513558</c:v>
                </c:pt>
                <c:pt idx="2878">
                  <c:v>0.61971414180587869</c:v>
                </c:pt>
                <c:pt idx="2879">
                  <c:v>0.61971414180587869</c:v>
                </c:pt>
                <c:pt idx="2880">
                  <c:v>0.56416024714334279</c:v>
                </c:pt>
                <c:pt idx="2881">
                  <c:v>0.56416024714334279</c:v>
                </c:pt>
                <c:pt idx="2882">
                  <c:v>0.56416024714334279</c:v>
                </c:pt>
                <c:pt idx="2883">
                  <c:v>0.56416024714334279</c:v>
                </c:pt>
                <c:pt idx="2884">
                  <c:v>0.56416024714334279</c:v>
                </c:pt>
                <c:pt idx="2885">
                  <c:v>0.73340832128634548</c:v>
                </c:pt>
                <c:pt idx="2886">
                  <c:v>0.81803235835784693</c:v>
                </c:pt>
                <c:pt idx="2887">
                  <c:v>0.84624037071501423</c:v>
                </c:pt>
                <c:pt idx="2888">
                  <c:v>0.84624037071501423</c:v>
                </c:pt>
                <c:pt idx="2889">
                  <c:v>0.91676040160793193</c:v>
                </c:pt>
                <c:pt idx="2890">
                  <c:v>0.95907242014368255</c:v>
                </c:pt>
                <c:pt idx="2891">
                  <c:v>1.1283204942866856</c:v>
                </c:pt>
                <c:pt idx="2892">
                  <c:v>1.1283204942866856</c:v>
                </c:pt>
                <c:pt idx="2893">
                  <c:v>1.1283204942866856</c:v>
                </c:pt>
                <c:pt idx="2894">
                  <c:v>1.1283204942866856</c:v>
                </c:pt>
                <c:pt idx="2895">
                  <c:v>1.1283204942866856</c:v>
                </c:pt>
                <c:pt idx="2896">
                  <c:v>1.1283204942866856</c:v>
                </c:pt>
                <c:pt idx="2897">
                  <c:v>1.1283204942866856</c:v>
                </c:pt>
                <c:pt idx="2898">
                  <c:v>1.1283204942866856</c:v>
                </c:pt>
                <c:pt idx="2899">
                  <c:v>0.94496841396509912</c:v>
                </c:pt>
                <c:pt idx="2900">
                  <c:v>0.77572033982209632</c:v>
                </c:pt>
                <c:pt idx="2901">
                  <c:v>0.56416024714334279</c:v>
                </c:pt>
                <c:pt idx="2902">
                  <c:v>0.56416024714334279</c:v>
                </c:pt>
                <c:pt idx="2903">
                  <c:v>0.56416024714334279</c:v>
                </c:pt>
                <c:pt idx="2904">
                  <c:v>0.49766616015812282</c:v>
                </c:pt>
                <c:pt idx="2905">
                  <c:v>0.55987443017788818</c:v>
                </c:pt>
                <c:pt idx="2906">
                  <c:v>0.55987443017788818</c:v>
                </c:pt>
                <c:pt idx="2907">
                  <c:v>0.55987443017788818</c:v>
                </c:pt>
                <c:pt idx="2908">
                  <c:v>0.55987443017788818</c:v>
                </c:pt>
                <c:pt idx="2909">
                  <c:v>0.72161593222927822</c:v>
                </c:pt>
                <c:pt idx="2910">
                  <c:v>0.83359081826485582</c:v>
                </c:pt>
                <c:pt idx="2911">
                  <c:v>0.83359081826485582</c:v>
                </c:pt>
                <c:pt idx="2912">
                  <c:v>0.83359081826485582</c:v>
                </c:pt>
                <c:pt idx="2913">
                  <c:v>0.89579908828462107</c:v>
                </c:pt>
                <c:pt idx="2914">
                  <c:v>0.97044901230833958</c:v>
                </c:pt>
                <c:pt idx="2915">
                  <c:v>1.1197488603557764</c:v>
                </c:pt>
                <c:pt idx="2916">
                  <c:v>1.1197488603557764</c:v>
                </c:pt>
                <c:pt idx="2917">
                  <c:v>1.1197488603557764</c:v>
                </c:pt>
                <c:pt idx="2918">
                  <c:v>1.1197488603557764</c:v>
                </c:pt>
                <c:pt idx="2919">
                  <c:v>1.1197488603557764</c:v>
                </c:pt>
                <c:pt idx="2920">
                  <c:v>1.1197488603557764</c:v>
                </c:pt>
                <c:pt idx="2921">
                  <c:v>1.1197488603557764</c:v>
                </c:pt>
                <c:pt idx="2922">
                  <c:v>1.1197488603557764</c:v>
                </c:pt>
                <c:pt idx="2923">
                  <c:v>0.93312405029648038</c:v>
                </c:pt>
                <c:pt idx="2924">
                  <c:v>0.74649924023718428</c:v>
                </c:pt>
                <c:pt idx="2925">
                  <c:v>0.55987443017788818</c:v>
                </c:pt>
                <c:pt idx="2926">
                  <c:v>0.55987443017788818</c:v>
                </c:pt>
                <c:pt idx="2927">
                  <c:v>0.55987443017788818</c:v>
                </c:pt>
                <c:pt idx="2928">
                  <c:v>0.56317791338536527</c:v>
                </c:pt>
                <c:pt idx="2929">
                  <c:v>0.56317791338536527</c:v>
                </c:pt>
                <c:pt idx="2930">
                  <c:v>0.56317791338536527</c:v>
                </c:pt>
                <c:pt idx="2931">
                  <c:v>0.56317791338536527</c:v>
                </c:pt>
                <c:pt idx="2932">
                  <c:v>0.56317791338536527</c:v>
                </c:pt>
                <c:pt idx="2933">
                  <c:v>0.72587375503002627</c:v>
                </c:pt>
                <c:pt idx="2934">
                  <c:v>0.83850933770709934</c:v>
                </c:pt>
                <c:pt idx="2935">
                  <c:v>0.83850933770709934</c:v>
                </c:pt>
                <c:pt idx="2936">
                  <c:v>0.83850933770709934</c:v>
                </c:pt>
                <c:pt idx="2937">
                  <c:v>0.90108466141658439</c:v>
                </c:pt>
                <c:pt idx="2938">
                  <c:v>0.97617504986796644</c:v>
                </c:pt>
                <c:pt idx="2939">
                  <c:v>1.1263558267707305</c:v>
                </c:pt>
                <c:pt idx="2940">
                  <c:v>1.1263558267707305</c:v>
                </c:pt>
                <c:pt idx="2941">
                  <c:v>1.1263558267707305</c:v>
                </c:pt>
                <c:pt idx="2942">
                  <c:v>1.1263558267707305</c:v>
                </c:pt>
                <c:pt idx="2943">
                  <c:v>1.1263558267707305</c:v>
                </c:pt>
                <c:pt idx="2944">
                  <c:v>1.1263558267707305</c:v>
                </c:pt>
                <c:pt idx="2945">
                  <c:v>1.1263558267707305</c:v>
                </c:pt>
                <c:pt idx="2946">
                  <c:v>1.1263558267707305</c:v>
                </c:pt>
                <c:pt idx="2947">
                  <c:v>0.93862985564227541</c:v>
                </c:pt>
                <c:pt idx="2948">
                  <c:v>0.75090388451382051</c:v>
                </c:pt>
                <c:pt idx="2949">
                  <c:v>0.56317791338536527</c:v>
                </c:pt>
                <c:pt idx="2950">
                  <c:v>0.56317791338536527</c:v>
                </c:pt>
                <c:pt idx="2951">
                  <c:v>0.56317791338536527</c:v>
                </c:pt>
                <c:pt idx="2952">
                  <c:v>0.61291218670435943</c:v>
                </c:pt>
                <c:pt idx="2953">
                  <c:v>0.61291218670435943</c:v>
                </c:pt>
                <c:pt idx="2954">
                  <c:v>0.61291218670435943</c:v>
                </c:pt>
                <c:pt idx="2955">
                  <c:v>0.61291218670435943</c:v>
                </c:pt>
                <c:pt idx="2956">
                  <c:v>0.61291218670435943</c:v>
                </c:pt>
                <c:pt idx="2957">
                  <c:v>0.78997570730784095</c:v>
                </c:pt>
                <c:pt idx="2958">
                  <c:v>0.95341895709567026</c:v>
                </c:pt>
                <c:pt idx="2959">
                  <c:v>0.95341895709567026</c:v>
                </c:pt>
                <c:pt idx="2960">
                  <c:v>0.95341895709567026</c:v>
                </c:pt>
                <c:pt idx="2961">
                  <c:v>1.0215203111739324</c:v>
                </c:pt>
                <c:pt idx="2962">
                  <c:v>1.0623811236208898</c:v>
                </c:pt>
                <c:pt idx="2963">
                  <c:v>1.2258243734087189</c:v>
                </c:pt>
                <c:pt idx="2964">
                  <c:v>1.2258243734087189</c:v>
                </c:pt>
                <c:pt idx="2965">
                  <c:v>1.2258243734087189</c:v>
                </c:pt>
                <c:pt idx="2966">
                  <c:v>1.2258243734087189</c:v>
                </c:pt>
                <c:pt idx="2967">
                  <c:v>1.0215203111739324</c:v>
                </c:pt>
                <c:pt idx="2968">
                  <c:v>0.96703922791132269</c:v>
                </c:pt>
                <c:pt idx="2969">
                  <c:v>0.96703922791132269</c:v>
                </c:pt>
                <c:pt idx="2970">
                  <c:v>0.96703922791132269</c:v>
                </c:pt>
                <c:pt idx="2971">
                  <c:v>0.96703922791132269</c:v>
                </c:pt>
                <c:pt idx="2972">
                  <c:v>0.74911489486088367</c:v>
                </c:pt>
                <c:pt idx="2973">
                  <c:v>0.28602568712870108</c:v>
                </c:pt>
                <c:pt idx="2974">
                  <c:v>0.28602568712870108</c:v>
                </c:pt>
                <c:pt idx="2975">
                  <c:v>0.28602568712870108</c:v>
                </c:pt>
                <c:pt idx="2976">
                  <c:v>0.17200349520514197</c:v>
                </c:pt>
                <c:pt idx="2977">
                  <c:v>0.33581634778146774</c:v>
                </c:pt>
                <c:pt idx="2978">
                  <c:v>0.33581634778146774</c:v>
                </c:pt>
                <c:pt idx="2979">
                  <c:v>0.33581634778146774</c:v>
                </c:pt>
                <c:pt idx="2980">
                  <c:v>0.33581634778146774</c:v>
                </c:pt>
                <c:pt idx="2981">
                  <c:v>0.4177227740696306</c:v>
                </c:pt>
                <c:pt idx="2982">
                  <c:v>0.52420112824424225</c:v>
                </c:pt>
                <c:pt idx="2983">
                  <c:v>0.59791691190358887</c:v>
                </c:pt>
                <c:pt idx="2984">
                  <c:v>0.59791691190358887</c:v>
                </c:pt>
                <c:pt idx="2985">
                  <c:v>0.59791691190358887</c:v>
                </c:pt>
                <c:pt idx="2986">
                  <c:v>0.59791691190358887</c:v>
                </c:pt>
                <c:pt idx="2987">
                  <c:v>0.59791691190358887</c:v>
                </c:pt>
                <c:pt idx="2988">
                  <c:v>0.59791691190358887</c:v>
                </c:pt>
                <c:pt idx="2989">
                  <c:v>0.59791691190358887</c:v>
                </c:pt>
                <c:pt idx="2990">
                  <c:v>0.59791691190358887</c:v>
                </c:pt>
                <c:pt idx="2991">
                  <c:v>0.54058241350187475</c:v>
                </c:pt>
                <c:pt idx="2992">
                  <c:v>0.4914385577289771</c:v>
                </c:pt>
                <c:pt idx="2993">
                  <c:v>0.44229470195607945</c:v>
                </c:pt>
                <c:pt idx="2994">
                  <c:v>0.42591341669844679</c:v>
                </c:pt>
                <c:pt idx="2995">
                  <c:v>0.34400699041028393</c:v>
                </c:pt>
                <c:pt idx="2996">
                  <c:v>0.25390992149330477</c:v>
                </c:pt>
                <c:pt idx="2997">
                  <c:v>0.25390992149330477</c:v>
                </c:pt>
                <c:pt idx="2998">
                  <c:v>0.25390992149330477</c:v>
                </c:pt>
                <c:pt idx="2999">
                  <c:v>0.25390992149330477</c:v>
                </c:pt>
                <c:pt idx="3000">
                  <c:v>0.26791274533711357</c:v>
                </c:pt>
                <c:pt idx="3001">
                  <c:v>0.31112447845600283</c:v>
                </c:pt>
                <c:pt idx="3002">
                  <c:v>0.31112447845600283</c:v>
                </c:pt>
                <c:pt idx="3003">
                  <c:v>0.31112447845600283</c:v>
                </c:pt>
                <c:pt idx="3004">
                  <c:v>0.31112447845600283</c:v>
                </c:pt>
                <c:pt idx="3005">
                  <c:v>0.38890559807000352</c:v>
                </c:pt>
                <c:pt idx="3006">
                  <c:v>0.45804437106022644</c:v>
                </c:pt>
                <c:pt idx="3007">
                  <c:v>0.54446783729800508</c:v>
                </c:pt>
                <c:pt idx="3008">
                  <c:v>0.54446783729800508</c:v>
                </c:pt>
                <c:pt idx="3009">
                  <c:v>0.54446783729800508</c:v>
                </c:pt>
                <c:pt idx="3010">
                  <c:v>0.54446783729800508</c:v>
                </c:pt>
                <c:pt idx="3011">
                  <c:v>0.54446783729800508</c:v>
                </c:pt>
                <c:pt idx="3012">
                  <c:v>0.54446783729800508</c:v>
                </c:pt>
                <c:pt idx="3013">
                  <c:v>0.54446783729800508</c:v>
                </c:pt>
                <c:pt idx="3014">
                  <c:v>0.54446783729800508</c:v>
                </c:pt>
                <c:pt idx="3015">
                  <c:v>0.48397141093155999</c:v>
                </c:pt>
                <c:pt idx="3016">
                  <c:v>0.4753290643077821</c:v>
                </c:pt>
                <c:pt idx="3017">
                  <c:v>0.40619029131755929</c:v>
                </c:pt>
                <c:pt idx="3018">
                  <c:v>0.38026325144622569</c:v>
                </c:pt>
                <c:pt idx="3019">
                  <c:v>0.31976682507978071</c:v>
                </c:pt>
                <c:pt idx="3020">
                  <c:v>0.26791274533711357</c:v>
                </c:pt>
                <c:pt idx="3021">
                  <c:v>0.23334335884200216</c:v>
                </c:pt>
                <c:pt idx="3022">
                  <c:v>0.23334335884200216</c:v>
                </c:pt>
                <c:pt idx="3023">
                  <c:v>0.23334335884200216</c:v>
                </c:pt>
                <c:pt idx="3024">
                  <c:v>0.18524106274753865</c:v>
                </c:pt>
                <c:pt idx="3025">
                  <c:v>0.18524106274753865</c:v>
                </c:pt>
                <c:pt idx="3026">
                  <c:v>0.18524106274753865</c:v>
                </c:pt>
                <c:pt idx="3027">
                  <c:v>0.18524106274753865</c:v>
                </c:pt>
                <c:pt idx="3028">
                  <c:v>0.18524106274753865</c:v>
                </c:pt>
                <c:pt idx="3029">
                  <c:v>0.80271127190600089</c:v>
                </c:pt>
                <c:pt idx="3030">
                  <c:v>0.91076855850873184</c:v>
                </c:pt>
                <c:pt idx="3031">
                  <c:v>0.91076855850873184</c:v>
                </c:pt>
                <c:pt idx="3032">
                  <c:v>0.91076855850873184</c:v>
                </c:pt>
                <c:pt idx="3033">
                  <c:v>0.97251557942457811</c:v>
                </c:pt>
                <c:pt idx="3034">
                  <c:v>0.97251557942457811</c:v>
                </c:pt>
                <c:pt idx="3035">
                  <c:v>1.2349404183169246</c:v>
                </c:pt>
                <c:pt idx="3036">
                  <c:v>1.2349404183169246</c:v>
                </c:pt>
                <c:pt idx="3037">
                  <c:v>0.81814802713496237</c:v>
                </c:pt>
                <c:pt idx="3038">
                  <c:v>1.2349404183169246</c:v>
                </c:pt>
                <c:pt idx="3039">
                  <c:v>1.2349404183169246</c:v>
                </c:pt>
                <c:pt idx="3040">
                  <c:v>1.2349404183169246</c:v>
                </c:pt>
                <c:pt idx="3041">
                  <c:v>1.2349404183169246</c:v>
                </c:pt>
                <c:pt idx="3042">
                  <c:v>1.2349404183169246</c:v>
                </c:pt>
                <c:pt idx="3043">
                  <c:v>1.0342626003404243</c:v>
                </c:pt>
                <c:pt idx="3044">
                  <c:v>0.84902153759288557</c:v>
                </c:pt>
                <c:pt idx="3045">
                  <c:v>0.61747020915846229</c:v>
                </c:pt>
                <c:pt idx="3046">
                  <c:v>0.5865966987005391</c:v>
                </c:pt>
                <c:pt idx="3047">
                  <c:v>0.5865966987005391</c:v>
                </c:pt>
                <c:pt idx="3048">
                  <c:v>0.5309364014666822</c:v>
                </c:pt>
                <c:pt idx="3049">
                  <c:v>0.5309364014666822</c:v>
                </c:pt>
                <c:pt idx="3050">
                  <c:v>0.5309364014666822</c:v>
                </c:pt>
                <c:pt idx="3051">
                  <c:v>0.5309364014666822</c:v>
                </c:pt>
                <c:pt idx="3052">
                  <c:v>0.5309364014666822</c:v>
                </c:pt>
                <c:pt idx="3053">
                  <c:v>0.69021732190668683</c:v>
                </c:pt>
                <c:pt idx="3054">
                  <c:v>0.76985778212668909</c:v>
                </c:pt>
                <c:pt idx="3055">
                  <c:v>0.79640460220002329</c:v>
                </c:pt>
                <c:pt idx="3056">
                  <c:v>0.79640460220002329</c:v>
                </c:pt>
                <c:pt idx="3057">
                  <c:v>0.86277165238335851</c:v>
                </c:pt>
                <c:pt idx="3058">
                  <c:v>0.90259188249335964</c:v>
                </c:pt>
                <c:pt idx="3059">
                  <c:v>1.0618728029333644</c:v>
                </c:pt>
                <c:pt idx="3060">
                  <c:v>1.0618728029333644</c:v>
                </c:pt>
                <c:pt idx="3061">
                  <c:v>1.0618728029333644</c:v>
                </c:pt>
                <c:pt idx="3062">
                  <c:v>1.0618728029333644</c:v>
                </c:pt>
                <c:pt idx="3063">
                  <c:v>1.0618728029333644</c:v>
                </c:pt>
                <c:pt idx="3064">
                  <c:v>1.0618728029333644</c:v>
                </c:pt>
                <c:pt idx="3065">
                  <c:v>1.0618728029333644</c:v>
                </c:pt>
                <c:pt idx="3066">
                  <c:v>1.0618728029333644</c:v>
                </c:pt>
                <c:pt idx="3067">
                  <c:v>0.8893184724566926</c:v>
                </c:pt>
                <c:pt idx="3068">
                  <c:v>0.73003755201668785</c:v>
                </c:pt>
                <c:pt idx="3069">
                  <c:v>0.5309364014666822</c:v>
                </c:pt>
                <c:pt idx="3070">
                  <c:v>0.5309364014666822</c:v>
                </c:pt>
                <c:pt idx="3071">
                  <c:v>0.5309364014666822</c:v>
                </c:pt>
                <c:pt idx="3072">
                  <c:v>0.46835780986124254</c:v>
                </c:pt>
                <c:pt idx="3073">
                  <c:v>0.5269025360938977</c:v>
                </c:pt>
                <c:pt idx="3074">
                  <c:v>0.5269025360938977</c:v>
                </c:pt>
                <c:pt idx="3075">
                  <c:v>0.5269025360938977</c:v>
                </c:pt>
                <c:pt idx="3076">
                  <c:v>0.5269025360938977</c:v>
                </c:pt>
                <c:pt idx="3077">
                  <c:v>0.67911882429880155</c:v>
                </c:pt>
                <c:pt idx="3078">
                  <c:v>0.78449933151758111</c:v>
                </c:pt>
                <c:pt idx="3079">
                  <c:v>0.78449933151758111</c:v>
                </c:pt>
                <c:pt idx="3080">
                  <c:v>0.78449933151758111</c:v>
                </c:pt>
                <c:pt idx="3081">
                  <c:v>0.8430440577502365</c:v>
                </c:pt>
                <c:pt idx="3082">
                  <c:v>0.91329772922942276</c:v>
                </c:pt>
                <c:pt idx="3083">
                  <c:v>1.0538050721877954</c:v>
                </c:pt>
                <c:pt idx="3084">
                  <c:v>1.0538050721877954</c:v>
                </c:pt>
                <c:pt idx="3085">
                  <c:v>1.0538050721877954</c:v>
                </c:pt>
                <c:pt idx="3086">
                  <c:v>1.0538050721877954</c:v>
                </c:pt>
                <c:pt idx="3087">
                  <c:v>1.0538050721877954</c:v>
                </c:pt>
                <c:pt idx="3088">
                  <c:v>1.0538050721877954</c:v>
                </c:pt>
                <c:pt idx="3089">
                  <c:v>1.0538050721877954</c:v>
                </c:pt>
                <c:pt idx="3090">
                  <c:v>1.0538050721877954</c:v>
                </c:pt>
                <c:pt idx="3091">
                  <c:v>0.87817089348982968</c:v>
                </c:pt>
                <c:pt idx="3092">
                  <c:v>0.70253671479186364</c:v>
                </c:pt>
                <c:pt idx="3093">
                  <c:v>0.5269025360938977</c:v>
                </c:pt>
                <c:pt idx="3094">
                  <c:v>0.5269025360938977</c:v>
                </c:pt>
                <c:pt idx="3095">
                  <c:v>0.5269025360938977</c:v>
                </c:pt>
                <c:pt idx="3096">
                  <c:v>0.52257332678142476</c:v>
                </c:pt>
                <c:pt idx="3097">
                  <c:v>0.52257332678142476</c:v>
                </c:pt>
                <c:pt idx="3098">
                  <c:v>0.52257332678142476</c:v>
                </c:pt>
                <c:pt idx="3099">
                  <c:v>0.52257332678142476</c:v>
                </c:pt>
                <c:pt idx="3100">
                  <c:v>0.52257332678142476</c:v>
                </c:pt>
                <c:pt idx="3101">
                  <c:v>0.67353895451828094</c:v>
                </c:pt>
                <c:pt idx="3102">
                  <c:v>0.77805361987456589</c:v>
                </c:pt>
                <c:pt idx="3103">
                  <c:v>0.77805361987456589</c:v>
                </c:pt>
                <c:pt idx="3104">
                  <c:v>0.77805361987456589</c:v>
                </c:pt>
                <c:pt idx="3105">
                  <c:v>0.83611732285027973</c:v>
                </c:pt>
                <c:pt idx="3106">
                  <c:v>0.90579376642113618</c:v>
                </c:pt>
                <c:pt idx="3107">
                  <c:v>1.0451466535628495</c:v>
                </c:pt>
                <c:pt idx="3108">
                  <c:v>1.0451466535628495</c:v>
                </c:pt>
                <c:pt idx="3109">
                  <c:v>1.0451466535628495</c:v>
                </c:pt>
                <c:pt idx="3110">
                  <c:v>1.0451466535628495</c:v>
                </c:pt>
                <c:pt idx="3111">
                  <c:v>1.0451466535628495</c:v>
                </c:pt>
                <c:pt idx="3112">
                  <c:v>1.0451466535628495</c:v>
                </c:pt>
                <c:pt idx="3113">
                  <c:v>1.0451466535628495</c:v>
                </c:pt>
                <c:pt idx="3114">
                  <c:v>1.0451466535628495</c:v>
                </c:pt>
                <c:pt idx="3115">
                  <c:v>0.8709555446357079</c:v>
                </c:pt>
                <c:pt idx="3116">
                  <c:v>0.69676443570856639</c:v>
                </c:pt>
                <c:pt idx="3117">
                  <c:v>0.52257332678142476</c:v>
                </c:pt>
                <c:pt idx="3118">
                  <c:v>0.52257332678142476</c:v>
                </c:pt>
                <c:pt idx="3119">
                  <c:v>0.52257332678142476</c:v>
                </c:pt>
                <c:pt idx="3120">
                  <c:v>0.58115135025083886</c:v>
                </c:pt>
                <c:pt idx="3121">
                  <c:v>0.58115135025083886</c:v>
                </c:pt>
                <c:pt idx="3122">
                  <c:v>0.58115135025083886</c:v>
                </c:pt>
                <c:pt idx="3123">
                  <c:v>0.58115135025083886</c:v>
                </c:pt>
                <c:pt idx="3124">
                  <c:v>0.58115135025083886</c:v>
                </c:pt>
                <c:pt idx="3125">
                  <c:v>0.74903951810108116</c:v>
                </c:pt>
                <c:pt idx="3126">
                  <c:v>0.90401321150130498</c:v>
                </c:pt>
                <c:pt idx="3127">
                  <c:v>0.90401321150130498</c:v>
                </c:pt>
                <c:pt idx="3128">
                  <c:v>0.90401321150130498</c:v>
                </c:pt>
                <c:pt idx="3129">
                  <c:v>0.96858558375139814</c:v>
                </c:pt>
                <c:pt idx="3130">
                  <c:v>1.007329007101454</c:v>
                </c:pt>
                <c:pt idx="3131">
                  <c:v>1.1623027005016777</c:v>
                </c:pt>
                <c:pt idx="3132">
                  <c:v>1.1623027005016777</c:v>
                </c:pt>
                <c:pt idx="3133">
                  <c:v>1.1623027005016777</c:v>
                </c:pt>
                <c:pt idx="3134">
                  <c:v>1.1623027005016777</c:v>
                </c:pt>
                <c:pt idx="3135">
                  <c:v>0.96858558375139814</c:v>
                </c:pt>
                <c:pt idx="3136">
                  <c:v>0.91692768595132357</c:v>
                </c:pt>
                <c:pt idx="3137">
                  <c:v>0.91692768595132357</c:v>
                </c:pt>
                <c:pt idx="3138">
                  <c:v>0.91692768595132357</c:v>
                </c:pt>
                <c:pt idx="3139">
                  <c:v>0.91692768595132357</c:v>
                </c:pt>
                <c:pt idx="3140">
                  <c:v>0.7102960947510254</c:v>
                </c:pt>
                <c:pt idx="3141">
                  <c:v>0.27120396345039149</c:v>
                </c:pt>
                <c:pt idx="3142">
                  <c:v>0.27120396345039149</c:v>
                </c:pt>
                <c:pt idx="3143">
                  <c:v>0.27120396345039149</c:v>
                </c:pt>
                <c:pt idx="3144">
                  <c:v>0.13723009181938317</c:v>
                </c:pt>
                <c:pt idx="3145">
                  <c:v>0.26792541736165287</c:v>
                </c:pt>
                <c:pt idx="3146">
                  <c:v>0.26792541736165287</c:v>
                </c:pt>
                <c:pt idx="3147">
                  <c:v>0.26792541736165287</c:v>
                </c:pt>
                <c:pt idx="3148">
                  <c:v>0.26792541736165287</c:v>
                </c:pt>
                <c:pt idx="3149">
                  <c:v>0.33327308013278778</c:v>
                </c:pt>
                <c:pt idx="3150">
                  <c:v>0.41822504173526304</c:v>
                </c:pt>
                <c:pt idx="3151">
                  <c:v>0.47703793822928442</c:v>
                </c:pt>
                <c:pt idx="3152">
                  <c:v>0.47703793822928442</c:v>
                </c:pt>
                <c:pt idx="3153">
                  <c:v>0.47703793822928442</c:v>
                </c:pt>
                <c:pt idx="3154">
                  <c:v>0.47703793822928442</c:v>
                </c:pt>
                <c:pt idx="3155">
                  <c:v>0.47703793822928442</c:v>
                </c:pt>
                <c:pt idx="3156">
                  <c:v>0.47703793822928442</c:v>
                </c:pt>
                <c:pt idx="3157">
                  <c:v>0.47703793822928442</c:v>
                </c:pt>
                <c:pt idx="3158">
                  <c:v>0.47703793822928442</c:v>
                </c:pt>
                <c:pt idx="3159">
                  <c:v>0.43129457428948997</c:v>
                </c:pt>
                <c:pt idx="3160">
                  <c:v>0.39208597662680911</c:v>
                </c:pt>
                <c:pt idx="3161">
                  <c:v>0.35287737896412824</c:v>
                </c:pt>
                <c:pt idx="3162">
                  <c:v>0.33980784640990119</c:v>
                </c:pt>
                <c:pt idx="3163">
                  <c:v>0.27446018363876634</c:v>
                </c:pt>
                <c:pt idx="3164">
                  <c:v>0.20257775459051802</c:v>
                </c:pt>
                <c:pt idx="3165">
                  <c:v>0.20257775459051802</c:v>
                </c:pt>
                <c:pt idx="3166">
                  <c:v>0.20257775459051802</c:v>
                </c:pt>
                <c:pt idx="3167">
                  <c:v>0.20257775459051802</c:v>
                </c:pt>
                <c:pt idx="3168">
                  <c:v>0.21443415360668361</c:v>
                </c:pt>
                <c:pt idx="3169">
                  <c:v>0.24902030741421319</c:v>
                </c:pt>
                <c:pt idx="3170">
                  <c:v>0.24902030741421319</c:v>
                </c:pt>
                <c:pt idx="3171">
                  <c:v>0.24902030741421319</c:v>
                </c:pt>
                <c:pt idx="3172">
                  <c:v>0.24902030741421319</c:v>
                </c:pt>
                <c:pt idx="3173">
                  <c:v>0.31127538426776652</c:v>
                </c:pt>
                <c:pt idx="3174">
                  <c:v>0.36661323035981391</c:v>
                </c:pt>
                <c:pt idx="3175">
                  <c:v>0.43578553797487313</c:v>
                </c:pt>
                <c:pt idx="3176">
                  <c:v>0.43578553797487313</c:v>
                </c:pt>
                <c:pt idx="3177">
                  <c:v>0.43578553797487313</c:v>
                </c:pt>
                <c:pt idx="3178">
                  <c:v>0.43578553797487313</c:v>
                </c:pt>
                <c:pt idx="3179">
                  <c:v>0.43578553797487313</c:v>
                </c:pt>
                <c:pt idx="3180">
                  <c:v>0.43578553797487313</c:v>
                </c:pt>
                <c:pt idx="3181">
                  <c:v>0.43578553797487313</c:v>
                </c:pt>
                <c:pt idx="3182">
                  <c:v>0.43578553797487313</c:v>
                </c:pt>
                <c:pt idx="3183">
                  <c:v>0.38736492264433164</c:v>
                </c:pt>
                <c:pt idx="3184">
                  <c:v>0.38044769188282573</c:v>
                </c:pt>
                <c:pt idx="3185">
                  <c:v>0.3251098457907784</c:v>
                </c:pt>
                <c:pt idx="3186">
                  <c:v>0.30435815350626061</c:v>
                </c:pt>
                <c:pt idx="3187">
                  <c:v>0.25593753817571913</c:v>
                </c:pt>
                <c:pt idx="3188">
                  <c:v>0.21443415360668361</c:v>
                </c:pt>
                <c:pt idx="3189">
                  <c:v>0.18676523056065994</c:v>
                </c:pt>
                <c:pt idx="3190">
                  <c:v>0.18676523056065994</c:v>
                </c:pt>
                <c:pt idx="3191">
                  <c:v>0.18676523056065994</c:v>
                </c:pt>
                <c:pt idx="3192">
                  <c:v>0.17703946367839943</c:v>
                </c:pt>
                <c:pt idx="3193">
                  <c:v>0.17703946367839943</c:v>
                </c:pt>
                <c:pt idx="3194">
                  <c:v>0.17703946367839943</c:v>
                </c:pt>
                <c:pt idx="3195">
                  <c:v>0.17703946367839943</c:v>
                </c:pt>
                <c:pt idx="3196">
                  <c:v>0.17703946367839943</c:v>
                </c:pt>
                <c:pt idx="3197">
                  <c:v>0.76717100927306403</c:v>
                </c:pt>
                <c:pt idx="3198">
                  <c:v>0.87044402975213042</c:v>
                </c:pt>
                <c:pt idx="3199">
                  <c:v>0.87044402975213042</c:v>
                </c:pt>
                <c:pt idx="3200">
                  <c:v>0.87044402975213042</c:v>
                </c:pt>
                <c:pt idx="3201">
                  <c:v>0.92945718431159696</c:v>
                </c:pt>
                <c:pt idx="3202">
                  <c:v>0.92945718431159696</c:v>
                </c:pt>
                <c:pt idx="3203">
                  <c:v>1.1802630911893295</c:v>
                </c:pt>
                <c:pt idx="3204">
                  <c:v>1.1802630911893295</c:v>
                </c:pt>
                <c:pt idx="3205">
                  <c:v>0.78192429791293083</c:v>
                </c:pt>
                <c:pt idx="3206">
                  <c:v>1.1802630911893295</c:v>
                </c:pt>
                <c:pt idx="3207">
                  <c:v>1.1802630911893295</c:v>
                </c:pt>
                <c:pt idx="3208">
                  <c:v>1.1802630911893295</c:v>
                </c:pt>
                <c:pt idx="3209">
                  <c:v>1.1802630911893295</c:v>
                </c:pt>
                <c:pt idx="3210">
                  <c:v>1.1802630911893295</c:v>
                </c:pt>
                <c:pt idx="3211">
                  <c:v>0.9884703388710635</c:v>
                </c:pt>
                <c:pt idx="3212">
                  <c:v>0.81143087519266399</c:v>
                </c:pt>
                <c:pt idx="3213">
                  <c:v>0.59013154559466474</c:v>
                </c:pt>
                <c:pt idx="3214">
                  <c:v>0.56062496831493147</c:v>
                </c:pt>
                <c:pt idx="3215">
                  <c:v>0.56062496831493147</c:v>
                </c:pt>
                <c:pt idx="3216">
                  <c:v>0.52977743010586842</c:v>
                </c:pt>
                <c:pt idx="3217">
                  <c:v>0.52977743010586842</c:v>
                </c:pt>
                <c:pt idx="3218">
                  <c:v>0.52977743010586842</c:v>
                </c:pt>
                <c:pt idx="3219">
                  <c:v>0.52977743010586842</c:v>
                </c:pt>
                <c:pt idx="3220">
                  <c:v>0.52977743010586842</c:v>
                </c:pt>
                <c:pt idx="3221">
                  <c:v>0.68871065913762886</c:v>
                </c:pt>
                <c:pt idx="3222">
                  <c:v>0.76817727365350919</c:v>
                </c:pt>
                <c:pt idx="3223">
                  <c:v>0.79466614515880263</c:v>
                </c:pt>
                <c:pt idx="3224">
                  <c:v>0.79466614515880263</c:v>
                </c:pt>
                <c:pt idx="3225">
                  <c:v>0.86088832392203618</c:v>
                </c:pt>
                <c:pt idx="3226">
                  <c:v>0.90062163117997618</c:v>
                </c:pt>
                <c:pt idx="3227">
                  <c:v>1.0595548602117368</c:v>
                </c:pt>
                <c:pt idx="3228">
                  <c:v>1.0595548602117368</c:v>
                </c:pt>
                <c:pt idx="3229">
                  <c:v>1.0595548602117368</c:v>
                </c:pt>
                <c:pt idx="3230">
                  <c:v>1.0595548602117368</c:v>
                </c:pt>
                <c:pt idx="3231">
                  <c:v>1.0595548602117368</c:v>
                </c:pt>
                <c:pt idx="3232">
                  <c:v>1.0595548602117368</c:v>
                </c:pt>
                <c:pt idx="3233">
                  <c:v>1.0595548602117368</c:v>
                </c:pt>
                <c:pt idx="3234">
                  <c:v>1.0595548602117368</c:v>
                </c:pt>
                <c:pt idx="3235">
                  <c:v>0.88737719542732962</c:v>
                </c:pt>
                <c:pt idx="3236">
                  <c:v>0.72844396639556896</c:v>
                </c:pt>
                <c:pt idx="3237">
                  <c:v>0.52977743010586842</c:v>
                </c:pt>
                <c:pt idx="3238">
                  <c:v>0.52977743010586842</c:v>
                </c:pt>
                <c:pt idx="3239">
                  <c:v>0.52977743010586842</c:v>
                </c:pt>
                <c:pt idx="3240">
                  <c:v>0.49008046949304784</c:v>
                </c:pt>
                <c:pt idx="3241">
                  <c:v>0.55134052817967871</c:v>
                </c:pt>
                <c:pt idx="3242">
                  <c:v>0.55134052817967871</c:v>
                </c:pt>
                <c:pt idx="3243">
                  <c:v>0.55134052817967871</c:v>
                </c:pt>
                <c:pt idx="3244">
                  <c:v>0.55134052817967871</c:v>
                </c:pt>
                <c:pt idx="3245">
                  <c:v>0.71061668076491935</c:v>
                </c:pt>
                <c:pt idx="3246">
                  <c:v>0.82088478640085516</c:v>
                </c:pt>
                <c:pt idx="3247">
                  <c:v>0.82088478640085516</c:v>
                </c:pt>
                <c:pt idx="3248">
                  <c:v>0.82088478640085516</c:v>
                </c:pt>
                <c:pt idx="3249">
                  <c:v>0.88214484508748614</c:v>
                </c:pt>
                <c:pt idx="3250">
                  <c:v>0.95565691551144338</c:v>
                </c:pt>
                <c:pt idx="3251">
                  <c:v>1.1026810563593574</c:v>
                </c:pt>
                <c:pt idx="3252">
                  <c:v>1.1026810563593574</c:v>
                </c:pt>
                <c:pt idx="3253">
                  <c:v>1.1026810563593574</c:v>
                </c:pt>
                <c:pt idx="3254">
                  <c:v>1.1026810563593574</c:v>
                </c:pt>
                <c:pt idx="3255">
                  <c:v>1.1026810563593574</c:v>
                </c:pt>
                <c:pt idx="3256">
                  <c:v>1.1026810563593574</c:v>
                </c:pt>
                <c:pt idx="3257">
                  <c:v>1.1026810563593574</c:v>
                </c:pt>
                <c:pt idx="3258">
                  <c:v>1.1026810563593574</c:v>
                </c:pt>
                <c:pt idx="3259">
                  <c:v>0.91890088029946471</c:v>
                </c:pt>
                <c:pt idx="3260">
                  <c:v>0.73512070423957188</c:v>
                </c:pt>
                <c:pt idx="3261">
                  <c:v>0.55134052817967871</c:v>
                </c:pt>
                <c:pt idx="3262">
                  <c:v>0.55134052817967871</c:v>
                </c:pt>
                <c:pt idx="3263">
                  <c:v>0.55134052817967871</c:v>
                </c:pt>
                <c:pt idx="3264">
                  <c:v>0.55776396850483967</c:v>
                </c:pt>
                <c:pt idx="3265">
                  <c:v>0.55776396850483967</c:v>
                </c:pt>
                <c:pt idx="3266">
                  <c:v>0.55776396850483967</c:v>
                </c:pt>
                <c:pt idx="3267">
                  <c:v>0.55776396850483967</c:v>
                </c:pt>
                <c:pt idx="3268">
                  <c:v>0.55776396850483967</c:v>
                </c:pt>
                <c:pt idx="3269">
                  <c:v>0.71889578162846013</c:v>
                </c:pt>
                <c:pt idx="3270">
                  <c:v>0.83044857532942806</c:v>
                </c:pt>
                <c:pt idx="3271">
                  <c:v>0.83044857532942806</c:v>
                </c:pt>
                <c:pt idx="3272">
                  <c:v>0.83044857532942806</c:v>
                </c:pt>
                <c:pt idx="3273">
                  <c:v>0.89242234960774358</c:v>
                </c:pt>
                <c:pt idx="3274">
                  <c:v>0.96679087874172231</c:v>
                </c:pt>
                <c:pt idx="3275">
                  <c:v>1.1155279370096793</c:v>
                </c:pt>
                <c:pt idx="3276">
                  <c:v>1.1155279370096793</c:v>
                </c:pt>
                <c:pt idx="3277">
                  <c:v>1.1155279370096793</c:v>
                </c:pt>
                <c:pt idx="3278">
                  <c:v>1.1155279370096793</c:v>
                </c:pt>
                <c:pt idx="3279">
                  <c:v>1.1155279370096793</c:v>
                </c:pt>
                <c:pt idx="3280">
                  <c:v>1.1155279370096793</c:v>
                </c:pt>
                <c:pt idx="3281">
                  <c:v>1.1155279370096793</c:v>
                </c:pt>
                <c:pt idx="3282">
                  <c:v>1.1155279370096793</c:v>
                </c:pt>
                <c:pt idx="3283">
                  <c:v>0.92960661417473289</c:v>
                </c:pt>
                <c:pt idx="3284">
                  <c:v>0.74368529133978634</c:v>
                </c:pt>
                <c:pt idx="3285">
                  <c:v>0.55776396850483967</c:v>
                </c:pt>
                <c:pt idx="3286">
                  <c:v>0.55776396850483967</c:v>
                </c:pt>
                <c:pt idx="3287">
                  <c:v>0.55776396850483967</c:v>
                </c:pt>
                <c:pt idx="3288">
                  <c:v>0.58919742881906412</c:v>
                </c:pt>
                <c:pt idx="3289">
                  <c:v>0.58919742881906412</c:v>
                </c:pt>
                <c:pt idx="3290">
                  <c:v>0.58919742881906412</c:v>
                </c:pt>
                <c:pt idx="3291">
                  <c:v>0.58919742881906412</c:v>
                </c:pt>
                <c:pt idx="3292">
                  <c:v>0.58919742881906412</c:v>
                </c:pt>
                <c:pt idx="3293">
                  <c:v>0.75941001936679375</c:v>
                </c:pt>
                <c:pt idx="3294">
                  <c:v>0.91652933371854417</c:v>
                </c:pt>
                <c:pt idx="3295">
                  <c:v>0.91652933371854417</c:v>
                </c:pt>
                <c:pt idx="3296">
                  <c:v>0.91652933371854417</c:v>
                </c:pt>
                <c:pt idx="3297">
                  <c:v>0.98199571469844016</c:v>
                </c:pt>
                <c:pt idx="3298">
                  <c:v>1.0212755432863776</c:v>
                </c:pt>
                <c:pt idx="3299">
                  <c:v>1.1783948576381282</c:v>
                </c:pt>
                <c:pt idx="3300">
                  <c:v>1.1783948576381282</c:v>
                </c:pt>
                <c:pt idx="3301">
                  <c:v>1.1783948576381282</c:v>
                </c:pt>
                <c:pt idx="3302">
                  <c:v>1.1783948576381282</c:v>
                </c:pt>
                <c:pt idx="3303">
                  <c:v>0.98199571469844016</c:v>
                </c:pt>
                <c:pt idx="3304">
                  <c:v>0.92962260991452328</c:v>
                </c:pt>
                <c:pt idx="3305">
                  <c:v>0.92962260991452328</c:v>
                </c:pt>
                <c:pt idx="3306">
                  <c:v>0.92962260991452328</c:v>
                </c:pt>
                <c:pt idx="3307">
                  <c:v>0.92962260991452328</c:v>
                </c:pt>
                <c:pt idx="3308">
                  <c:v>0.72013019077885609</c:v>
                </c:pt>
                <c:pt idx="3309">
                  <c:v>0.27495880011556323</c:v>
                </c:pt>
                <c:pt idx="3310">
                  <c:v>0.27495880011556323</c:v>
                </c:pt>
                <c:pt idx="3311">
                  <c:v>0.27495880011556323</c:v>
                </c:pt>
                <c:pt idx="3312">
                  <c:v>0.13215897049229336</c:v>
                </c:pt>
                <c:pt idx="3313">
                  <c:v>0.2580246566754299</c:v>
                </c:pt>
                <c:pt idx="3314">
                  <c:v>0.2580246566754299</c:v>
                </c:pt>
                <c:pt idx="3315">
                  <c:v>0.2580246566754299</c:v>
                </c:pt>
                <c:pt idx="3316">
                  <c:v>0.2580246566754299</c:v>
                </c:pt>
                <c:pt idx="3317">
                  <c:v>0.32095749976699811</c:v>
                </c:pt>
                <c:pt idx="3318">
                  <c:v>0.40277019578603696</c:v>
                </c:pt>
                <c:pt idx="3319">
                  <c:v>0.45940975456844835</c:v>
                </c:pt>
                <c:pt idx="3320">
                  <c:v>0.45940975456844835</c:v>
                </c:pt>
                <c:pt idx="3321">
                  <c:v>0.45940975456844835</c:v>
                </c:pt>
                <c:pt idx="3322">
                  <c:v>0.45940975456844835</c:v>
                </c:pt>
                <c:pt idx="3323">
                  <c:v>0.45940975456844835</c:v>
                </c:pt>
                <c:pt idx="3324">
                  <c:v>0.45940975456844835</c:v>
                </c:pt>
                <c:pt idx="3325">
                  <c:v>0.45940975456844835</c:v>
                </c:pt>
                <c:pt idx="3326">
                  <c:v>0.45940975456844835</c:v>
                </c:pt>
                <c:pt idx="3327">
                  <c:v>0.41535676440435054</c:v>
                </c:pt>
                <c:pt idx="3328">
                  <c:v>0.37759705854940961</c:v>
                </c:pt>
                <c:pt idx="3329">
                  <c:v>0.33983735269446863</c:v>
                </c:pt>
                <c:pt idx="3330">
                  <c:v>0.32725078407615499</c:v>
                </c:pt>
                <c:pt idx="3331">
                  <c:v>0.26431794098458672</c:v>
                </c:pt>
                <c:pt idx="3332">
                  <c:v>0.1950918135838616</c:v>
                </c:pt>
                <c:pt idx="3333">
                  <c:v>0.1950918135838616</c:v>
                </c:pt>
                <c:pt idx="3334">
                  <c:v>0.1950918135838616</c:v>
                </c:pt>
                <c:pt idx="3335">
                  <c:v>0.1950918135838616</c:v>
                </c:pt>
                <c:pt idx="3336">
                  <c:v>0.19863366059542015</c:v>
                </c:pt>
                <c:pt idx="3337">
                  <c:v>0.2306713477882299</c:v>
                </c:pt>
                <c:pt idx="3338">
                  <c:v>0.2306713477882299</c:v>
                </c:pt>
                <c:pt idx="3339">
                  <c:v>0.2306713477882299</c:v>
                </c:pt>
                <c:pt idx="3340">
                  <c:v>0.2306713477882299</c:v>
                </c:pt>
                <c:pt idx="3341">
                  <c:v>0.2883391847352873</c:v>
                </c:pt>
                <c:pt idx="3342">
                  <c:v>0.33959948424378289</c:v>
                </c:pt>
                <c:pt idx="3343">
                  <c:v>0.40367485862940228</c:v>
                </c:pt>
                <c:pt idx="3344">
                  <c:v>0.40367485862940228</c:v>
                </c:pt>
                <c:pt idx="3345">
                  <c:v>0.40367485862940228</c:v>
                </c:pt>
                <c:pt idx="3346">
                  <c:v>0.40367485862940228</c:v>
                </c:pt>
                <c:pt idx="3347">
                  <c:v>0.40367485862940228</c:v>
                </c:pt>
                <c:pt idx="3348">
                  <c:v>0.40367485862940228</c:v>
                </c:pt>
                <c:pt idx="3349">
                  <c:v>0.40367485862940228</c:v>
                </c:pt>
                <c:pt idx="3350">
                  <c:v>0.40367485862940228</c:v>
                </c:pt>
                <c:pt idx="3351">
                  <c:v>0.35882209655946867</c:v>
                </c:pt>
                <c:pt idx="3352">
                  <c:v>0.35241455912090669</c:v>
                </c:pt>
                <c:pt idx="3353">
                  <c:v>0.30115425961241121</c:v>
                </c:pt>
                <c:pt idx="3354">
                  <c:v>0.28193164729672543</c:v>
                </c:pt>
                <c:pt idx="3355">
                  <c:v>0.23707888522679182</c:v>
                </c:pt>
                <c:pt idx="3356">
                  <c:v>0.19863366059542015</c:v>
                </c:pt>
                <c:pt idx="3357">
                  <c:v>0.17300351084117241</c:v>
                </c:pt>
                <c:pt idx="3358">
                  <c:v>0.17300351084117241</c:v>
                </c:pt>
                <c:pt idx="3359">
                  <c:v>0.17300351084117241</c:v>
                </c:pt>
                <c:pt idx="3360">
                  <c:v>0.18074341164510743</c:v>
                </c:pt>
                <c:pt idx="3361">
                  <c:v>0.18074341164510743</c:v>
                </c:pt>
                <c:pt idx="3362">
                  <c:v>0.18074341164510743</c:v>
                </c:pt>
                <c:pt idx="3363">
                  <c:v>0.18074341164510743</c:v>
                </c:pt>
                <c:pt idx="3364">
                  <c:v>0.18074341164510743</c:v>
                </c:pt>
                <c:pt idx="3365">
                  <c:v>0.78322145046213232</c:v>
                </c:pt>
                <c:pt idx="3366">
                  <c:v>0.88865510725511176</c:v>
                </c:pt>
                <c:pt idx="3367">
                  <c:v>0.88865510725511176</c:v>
                </c:pt>
                <c:pt idx="3368">
                  <c:v>0.88865510725511176</c:v>
                </c:pt>
                <c:pt idx="3369">
                  <c:v>0.94890291113681413</c:v>
                </c:pt>
                <c:pt idx="3370">
                  <c:v>0.94890291113681413</c:v>
                </c:pt>
                <c:pt idx="3371">
                  <c:v>1.2049560776340498</c:v>
                </c:pt>
                <c:pt idx="3372">
                  <c:v>1.2049560776340498</c:v>
                </c:pt>
                <c:pt idx="3373">
                  <c:v>0.79828340143255805</c:v>
                </c:pt>
                <c:pt idx="3374">
                  <c:v>1.2049560776340498</c:v>
                </c:pt>
                <c:pt idx="3375">
                  <c:v>1.2049560776340498</c:v>
                </c:pt>
                <c:pt idx="3376">
                  <c:v>1.2049560776340498</c:v>
                </c:pt>
                <c:pt idx="3377">
                  <c:v>1.2049560776340498</c:v>
                </c:pt>
                <c:pt idx="3378">
                  <c:v>1.2049560776340498</c:v>
                </c:pt>
                <c:pt idx="3379">
                  <c:v>1.0091507150185168</c:v>
                </c:pt>
                <c:pt idx="3380">
                  <c:v>0.82840730337340929</c:v>
                </c:pt>
                <c:pt idx="3381">
                  <c:v>0.60247803881702489</c:v>
                </c:pt>
                <c:pt idx="3382">
                  <c:v>0.57235413687617365</c:v>
                </c:pt>
                <c:pt idx="3383">
                  <c:v>0.57235413687617365</c:v>
                </c:pt>
                <c:pt idx="3384">
                  <c:v>0.52475522087567561</c:v>
                </c:pt>
                <c:pt idx="3385">
                  <c:v>0.52475522087567561</c:v>
                </c:pt>
                <c:pt idx="3386">
                  <c:v>0.52475522087567561</c:v>
                </c:pt>
                <c:pt idx="3387">
                  <c:v>0.52475522087567561</c:v>
                </c:pt>
                <c:pt idx="3388">
                  <c:v>0.52475522087567561</c:v>
                </c:pt>
                <c:pt idx="3389">
                  <c:v>0.68218178713837818</c:v>
                </c:pt>
                <c:pt idx="3390">
                  <c:v>0.76089507026972947</c:v>
                </c:pt>
                <c:pt idx="3391">
                  <c:v>0.7871328313135133</c:v>
                </c:pt>
                <c:pt idx="3392">
                  <c:v>0.7871328313135133</c:v>
                </c:pt>
                <c:pt idx="3393">
                  <c:v>0.85272723392297267</c:v>
                </c:pt>
                <c:pt idx="3394">
                  <c:v>0.89208387548864831</c:v>
                </c:pt>
                <c:pt idx="3395">
                  <c:v>1.0495104417513512</c:v>
                </c:pt>
                <c:pt idx="3396">
                  <c:v>1.0495104417513512</c:v>
                </c:pt>
                <c:pt idx="3397">
                  <c:v>1.0495104417513512</c:v>
                </c:pt>
                <c:pt idx="3398">
                  <c:v>1.0495104417513512</c:v>
                </c:pt>
                <c:pt idx="3399">
                  <c:v>1.0495104417513512</c:v>
                </c:pt>
                <c:pt idx="3400">
                  <c:v>1.0495104417513512</c:v>
                </c:pt>
                <c:pt idx="3401">
                  <c:v>1.0495104417513512</c:v>
                </c:pt>
                <c:pt idx="3402">
                  <c:v>1.0495104417513512</c:v>
                </c:pt>
                <c:pt idx="3403">
                  <c:v>0.87896499496675651</c:v>
                </c:pt>
                <c:pt idx="3404">
                  <c:v>0.72153842870405394</c:v>
                </c:pt>
                <c:pt idx="3405">
                  <c:v>0.52475522087567561</c:v>
                </c:pt>
                <c:pt idx="3406">
                  <c:v>0.52475522087567561</c:v>
                </c:pt>
                <c:pt idx="3407">
                  <c:v>0.52475522087567561</c:v>
                </c:pt>
                <c:pt idx="3408">
                  <c:v>0.48318438707025246</c:v>
                </c:pt>
                <c:pt idx="3409">
                  <c:v>0.54358243545403395</c:v>
                </c:pt>
                <c:pt idx="3410">
                  <c:v>0.54358243545403395</c:v>
                </c:pt>
                <c:pt idx="3411">
                  <c:v>0.54358243545403395</c:v>
                </c:pt>
                <c:pt idx="3412">
                  <c:v>0.54358243545403395</c:v>
                </c:pt>
                <c:pt idx="3413">
                  <c:v>0.70061736125186591</c:v>
                </c:pt>
                <c:pt idx="3414">
                  <c:v>0.80933384834267297</c:v>
                </c:pt>
                <c:pt idx="3415">
                  <c:v>0.80933384834267297</c:v>
                </c:pt>
                <c:pt idx="3416">
                  <c:v>0.80933384834267297</c:v>
                </c:pt>
                <c:pt idx="3417">
                  <c:v>0.86973189672645435</c:v>
                </c:pt>
                <c:pt idx="3418">
                  <c:v>0.94220955478699242</c:v>
                </c:pt>
                <c:pt idx="3419">
                  <c:v>1.0871648709080679</c:v>
                </c:pt>
                <c:pt idx="3420">
                  <c:v>1.0871648709080679</c:v>
                </c:pt>
                <c:pt idx="3421">
                  <c:v>1.0871648709080679</c:v>
                </c:pt>
                <c:pt idx="3422">
                  <c:v>1.0871648709080679</c:v>
                </c:pt>
                <c:pt idx="3423">
                  <c:v>1.0871648709080679</c:v>
                </c:pt>
                <c:pt idx="3424">
                  <c:v>1.0871648709080679</c:v>
                </c:pt>
                <c:pt idx="3425">
                  <c:v>1.0871648709080679</c:v>
                </c:pt>
                <c:pt idx="3426">
                  <c:v>1.0871648709080679</c:v>
                </c:pt>
                <c:pt idx="3427">
                  <c:v>0.90597072575672333</c:v>
                </c:pt>
                <c:pt idx="3428">
                  <c:v>0.72477658060537875</c:v>
                </c:pt>
                <c:pt idx="3429">
                  <c:v>0.54358243545403395</c:v>
                </c:pt>
                <c:pt idx="3430">
                  <c:v>0.54358243545403395</c:v>
                </c:pt>
                <c:pt idx="3431">
                  <c:v>0.54358243545403395</c:v>
                </c:pt>
                <c:pt idx="3432">
                  <c:v>0.54384239595491735</c:v>
                </c:pt>
                <c:pt idx="3433">
                  <c:v>0.54384239595491735</c:v>
                </c:pt>
                <c:pt idx="3434">
                  <c:v>0.54384239595491735</c:v>
                </c:pt>
                <c:pt idx="3435">
                  <c:v>0.54384239595491735</c:v>
                </c:pt>
                <c:pt idx="3436">
                  <c:v>0.54384239595491735</c:v>
                </c:pt>
                <c:pt idx="3437">
                  <c:v>0.70095242145300463</c:v>
                </c:pt>
                <c:pt idx="3438">
                  <c:v>0.80972090064398816</c:v>
                </c:pt>
                <c:pt idx="3439">
                  <c:v>0.80972090064398816</c:v>
                </c:pt>
                <c:pt idx="3440">
                  <c:v>0.80972090064398816</c:v>
                </c:pt>
                <c:pt idx="3441">
                  <c:v>0.87014783352786762</c:v>
                </c:pt>
                <c:pt idx="3442">
                  <c:v>0.94266015298852324</c:v>
                </c:pt>
                <c:pt idx="3443">
                  <c:v>1.0876847919098347</c:v>
                </c:pt>
                <c:pt idx="3444">
                  <c:v>1.0876847919098347</c:v>
                </c:pt>
                <c:pt idx="3445">
                  <c:v>1.0876847919098347</c:v>
                </c:pt>
                <c:pt idx="3446">
                  <c:v>1.0876847919098347</c:v>
                </c:pt>
                <c:pt idx="3447">
                  <c:v>1.0876847919098347</c:v>
                </c:pt>
                <c:pt idx="3448">
                  <c:v>1.0876847919098347</c:v>
                </c:pt>
                <c:pt idx="3449">
                  <c:v>1.0876847919098347</c:v>
                </c:pt>
                <c:pt idx="3450">
                  <c:v>1.0876847919098347</c:v>
                </c:pt>
                <c:pt idx="3451">
                  <c:v>0.90640399325819565</c:v>
                </c:pt>
                <c:pt idx="3452">
                  <c:v>0.72512319460655639</c:v>
                </c:pt>
                <c:pt idx="3453">
                  <c:v>0.54384239595491735</c:v>
                </c:pt>
                <c:pt idx="3454">
                  <c:v>0.54384239595491735</c:v>
                </c:pt>
                <c:pt idx="3455">
                  <c:v>0.54384239595491735</c:v>
                </c:pt>
                <c:pt idx="3456">
                  <c:v>0.60613654159427499</c:v>
                </c:pt>
                <c:pt idx="3457">
                  <c:v>0.60613654159427499</c:v>
                </c:pt>
                <c:pt idx="3458">
                  <c:v>0.60613654159427499</c:v>
                </c:pt>
                <c:pt idx="3459">
                  <c:v>0.60613654159427499</c:v>
                </c:pt>
                <c:pt idx="3460">
                  <c:v>0.60613654159427499</c:v>
                </c:pt>
                <c:pt idx="3461">
                  <c:v>0.78124265361039891</c:v>
                </c:pt>
                <c:pt idx="3462">
                  <c:v>0.94287906470220573</c:v>
                </c:pt>
                <c:pt idx="3463">
                  <c:v>0.94287906470220573</c:v>
                </c:pt>
                <c:pt idx="3464">
                  <c:v>0.94287906470220573</c:v>
                </c:pt>
                <c:pt idx="3465">
                  <c:v>1.0102275693237917</c:v>
                </c:pt>
                <c:pt idx="3466">
                  <c:v>1.0506366720967435</c:v>
                </c:pt>
                <c:pt idx="3467">
                  <c:v>1.21227308318855</c:v>
                </c:pt>
                <c:pt idx="3468">
                  <c:v>1.21227308318855</c:v>
                </c:pt>
                <c:pt idx="3469">
                  <c:v>1.21227308318855</c:v>
                </c:pt>
                <c:pt idx="3470">
                  <c:v>1.21227308318855</c:v>
                </c:pt>
                <c:pt idx="3471">
                  <c:v>1.0102275693237917</c:v>
                </c:pt>
                <c:pt idx="3472">
                  <c:v>0.95634876562652293</c:v>
                </c:pt>
                <c:pt idx="3473">
                  <c:v>0.95634876562652293</c:v>
                </c:pt>
                <c:pt idx="3474">
                  <c:v>0.95634876562652293</c:v>
                </c:pt>
                <c:pt idx="3475">
                  <c:v>0.95634876562652293</c:v>
                </c:pt>
                <c:pt idx="3476">
                  <c:v>0.74083355083744729</c:v>
                </c:pt>
                <c:pt idx="3477">
                  <c:v>0.28286371941066168</c:v>
                </c:pt>
                <c:pt idx="3478">
                  <c:v>0.28286371941066168</c:v>
                </c:pt>
                <c:pt idx="3479">
                  <c:v>0.28286371941066168</c:v>
                </c:pt>
                <c:pt idx="3480">
                  <c:v>0.17562572472449187</c:v>
                </c:pt>
                <c:pt idx="3481">
                  <c:v>0.34288831970019851</c:v>
                </c:pt>
                <c:pt idx="3482">
                  <c:v>0.34288831970019851</c:v>
                </c:pt>
                <c:pt idx="3483">
                  <c:v>0.34288831970019851</c:v>
                </c:pt>
                <c:pt idx="3484">
                  <c:v>0.34288831970019851</c:v>
                </c:pt>
                <c:pt idx="3485">
                  <c:v>0.42651961718805176</c:v>
                </c:pt>
                <c:pt idx="3486">
                  <c:v>0.53524030392226107</c:v>
                </c:pt>
                <c:pt idx="3487">
                  <c:v>0.61050847166132882</c:v>
                </c:pt>
                <c:pt idx="3488">
                  <c:v>0.61050847166132882</c:v>
                </c:pt>
                <c:pt idx="3489">
                  <c:v>0.61050847166132882</c:v>
                </c:pt>
                <c:pt idx="3490">
                  <c:v>0.61050847166132882</c:v>
                </c:pt>
                <c:pt idx="3491">
                  <c:v>0.61050847166132882</c:v>
                </c:pt>
                <c:pt idx="3492">
                  <c:v>0.61050847166132882</c:v>
                </c:pt>
                <c:pt idx="3493">
                  <c:v>0.61050847166132882</c:v>
                </c:pt>
                <c:pt idx="3494">
                  <c:v>0.61050847166132882</c:v>
                </c:pt>
                <c:pt idx="3495">
                  <c:v>0.55196656341983164</c:v>
                </c:pt>
                <c:pt idx="3496">
                  <c:v>0.50178778492711973</c:v>
                </c:pt>
                <c:pt idx="3497">
                  <c:v>0.45160900643440771</c:v>
                </c:pt>
                <c:pt idx="3498">
                  <c:v>0.43488274693683704</c:v>
                </c:pt>
                <c:pt idx="3499">
                  <c:v>0.35125144944898373</c:v>
                </c:pt>
                <c:pt idx="3500">
                  <c:v>0.25925702221234515</c:v>
                </c:pt>
                <c:pt idx="3501">
                  <c:v>0.25925702221234515</c:v>
                </c:pt>
                <c:pt idx="3502">
                  <c:v>0.25925702221234515</c:v>
                </c:pt>
                <c:pt idx="3503">
                  <c:v>0.25925702221234515</c:v>
                </c:pt>
                <c:pt idx="3504">
                  <c:v>0.26062021010114589</c:v>
                </c:pt>
                <c:pt idx="3505">
                  <c:v>0.30265572785939515</c:v>
                </c:pt>
                <c:pt idx="3506">
                  <c:v>0.30265572785939515</c:v>
                </c:pt>
                <c:pt idx="3507">
                  <c:v>0.30265572785939515</c:v>
                </c:pt>
                <c:pt idx="3508">
                  <c:v>0.30265572785939515</c:v>
                </c:pt>
                <c:pt idx="3509">
                  <c:v>0.37831965982424404</c:v>
                </c:pt>
                <c:pt idx="3510">
                  <c:v>0.44557648823744295</c:v>
                </c:pt>
                <c:pt idx="3511">
                  <c:v>0.52964752375394164</c:v>
                </c:pt>
                <c:pt idx="3512">
                  <c:v>0.52964752375394164</c:v>
                </c:pt>
                <c:pt idx="3513">
                  <c:v>0.52964752375394164</c:v>
                </c:pt>
                <c:pt idx="3514">
                  <c:v>0.52964752375394164</c:v>
                </c:pt>
                <c:pt idx="3515">
                  <c:v>0.52964752375394164</c:v>
                </c:pt>
                <c:pt idx="3516">
                  <c:v>0.52964752375394164</c:v>
                </c:pt>
                <c:pt idx="3517">
                  <c:v>0.52964752375394164</c:v>
                </c:pt>
                <c:pt idx="3518">
                  <c:v>0.52964752375394164</c:v>
                </c:pt>
                <c:pt idx="3519">
                  <c:v>0.47079779889239254</c:v>
                </c:pt>
                <c:pt idx="3520">
                  <c:v>0.46239069534074262</c:v>
                </c:pt>
                <c:pt idx="3521">
                  <c:v>0.39513386692754371</c:v>
                </c:pt>
                <c:pt idx="3522">
                  <c:v>0.36991255627259423</c:v>
                </c:pt>
                <c:pt idx="3523">
                  <c:v>0.31106283141104513</c:v>
                </c:pt>
                <c:pt idx="3524">
                  <c:v>0.26062021010114589</c:v>
                </c:pt>
                <c:pt idx="3525">
                  <c:v>0.22699179589454641</c:v>
                </c:pt>
                <c:pt idx="3526">
                  <c:v>0.22699179589454641</c:v>
                </c:pt>
                <c:pt idx="3527">
                  <c:v>0.22699179589454641</c:v>
                </c:pt>
                <c:pt idx="3528">
                  <c:v>0.18934186228210828</c:v>
                </c:pt>
                <c:pt idx="3529">
                  <c:v>0.18934186228210828</c:v>
                </c:pt>
                <c:pt idx="3530">
                  <c:v>0.18934186228210828</c:v>
                </c:pt>
                <c:pt idx="3531">
                  <c:v>0.18934186228210828</c:v>
                </c:pt>
                <c:pt idx="3532">
                  <c:v>0.18934186228210828</c:v>
                </c:pt>
                <c:pt idx="3533">
                  <c:v>0.82048140322246921</c:v>
                </c:pt>
                <c:pt idx="3534">
                  <c:v>0.93093082288703244</c:v>
                </c:pt>
                <c:pt idx="3535">
                  <c:v>0.93093082288703244</c:v>
                </c:pt>
                <c:pt idx="3536">
                  <c:v>0.93093082288703244</c:v>
                </c:pt>
                <c:pt idx="3537">
                  <c:v>0.99404477698106852</c:v>
                </c:pt>
                <c:pt idx="3538">
                  <c:v>0.99404477698106852</c:v>
                </c:pt>
                <c:pt idx="3539">
                  <c:v>1.2622790818807221</c:v>
                </c:pt>
                <c:pt idx="3540">
                  <c:v>1.2622790818807221</c:v>
                </c:pt>
                <c:pt idx="3541">
                  <c:v>0.83625989174597848</c:v>
                </c:pt>
                <c:pt idx="3542">
                  <c:v>1.2622790818807221</c:v>
                </c:pt>
                <c:pt idx="3543">
                  <c:v>1.2622790818807221</c:v>
                </c:pt>
                <c:pt idx="3544">
                  <c:v>1.2622790818807221</c:v>
                </c:pt>
                <c:pt idx="3545">
                  <c:v>1.2622790818807221</c:v>
                </c:pt>
                <c:pt idx="3546">
                  <c:v>1.2622790818807221</c:v>
                </c:pt>
                <c:pt idx="3547">
                  <c:v>1.0571587310751047</c:v>
                </c:pt>
                <c:pt idx="3548">
                  <c:v>0.86781686879299635</c:v>
                </c:pt>
                <c:pt idx="3549">
                  <c:v>0.63113954094036107</c:v>
                </c:pt>
                <c:pt idx="3550">
                  <c:v>0.59958256389334297</c:v>
                </c:pt>
                <c:pt idx="3551">
                  <c:v>0.59958256389334297</c:v>
                </c:pt>
                <c:pt idx="3552">
                  <c:v>0.54909361945276403</c:v>
                </c:pt>
                <c:pt idx="3553">
                  <c:v>0.54909361945276403</c:v>
                </c:pt>
                <c:pt idx="3554">
                  <c:v>0.54909361945276403</c:v>
                </c:pt>
                <c:pt idx="3555">
                  <c:v>0.54909361945276403</c:v>
                </c:pt>
                <c:pt idx="3556">
                  <c:v>0.54909361945276403</c:v>
                </c:pt>
                <c:pt idx="3557">
                  <c:v>0.71382170528859323</c:v>
                </c:pt>
                <c:pt idx="3558">
                  <c:v>0.79618574820650778</c:v>
                </c:pt>
                <c:pt idx="3559">
                  <c:v>0.82364042917914604</c:v>
                </c:pt>
                <c:pt idx="3560">
                  <c:v>0.82364042917914604</c:v>
                </c:pt>
                <c:pt idx="3561">
                  <c:v>0.89227713161074151</c:v>
                </c:pt>
                <c:pt idx="3562">
                  <c:v>0.93345915306969873</c:v>
                </c:pt>
                <c:pt idx="3563">
                  <c:v>1.0981872389055281</c:v>
                </c:pt>
                <c:pt idx="3564">
                  <c:v>1.0981872389055281</c:v>
                </c:pt>
                <c:pt idx="3565">
                  <c:v>1.0981872389055281</c:v>
                </c:pt>
                <c:pt idx="3566">
                  <c:v>1.0981872389055281</c:v>
                </c:pt>
                <c:pt idx="3567">
                  <c:v>1.0981872389055281</c:v>
                </c:pt>
                <c:pt idx="3568">
                  <c:v>1.0981872389055281</c:v>
                </c:pt>
                <c:pt idx="3569">
                  <c:v>1.0981872389055281</c:v>
                </c:pt>
                <c:pt idx="3570">
                  <c:v>1.0981872389055281</c:v>
                </c:pt>
                <c:pt idx="3571">
                  <c:v>0.91973181258337977</c:v>
                </c:pt>
                <c:pt idx="3572">
                  <c:v>0.75500372674755056</c:v>
                </c:pt>
                <c:pt idx="3573">
                  <c:v>0.54909361945276403</c:v>
                </c:pt>
                <c:pt idx="3574">
                  <c:v>0.54909361945276403</c:v>
                </c:pt>
                <c:pt idx="3575">
                  <c:v>0.54909361945276403</c:v>
                </c:pt>
                <c:pt idx="3576">
                  <c:v>0.47904673761657535</c:v>
                </c:pt>
                <c:pt idx="3577">
                  <c:v>0.53892757981864714</c:v>
                </c:pt>
                <c:pt idx="3578">
                  <c:v>0.53892757981864714</c:v>
                </c:pt>
                <c:pt idx="3579">
                  <c:v>0.53892757981864714</c:v>
                </c:pt>
                <c:pt idx="3580">
                  <c:v>0.53892757981864714</c:v>
                </c:pt>
                <c:pt idx="3581">
                  <c:v>0.6946177695440342</c:v>
                </c:pt>
                <c:pt idx="3582">
                  <c:v>0.80240328550776363</c:v>
                </c:pt>
                <c:pt idx="3583">
                  <c:v>0.80240328550776363</c:v>
                </c:pt>
                <c:pt idx="3584">
                  <c:v>0.80240328550776363</c:v>
                </c:pt>
                <c:pt idx="3585">
                  <c:v>0.86228412770983554</c:v>
                </c:pt>
                <c:pt idx="3586">
                  <c:v>0.93414113835232182</c:v>
                </c:pt>
                <c:pt idx="3587">
                  <c:v>1.0778551596372943</c:v>
                </c:pt>
                <c:pt idx="3588">
                  <c:v>1.0778551596372943</c:v>
                </c:pt>
                <c:pt idx="3589">
                  <c:v>1.0778551596372943</c:v>
                </c:pt>
                <c:pt idx="3590">
                  <c:v>1.0778551596372943</c:v>
                </c:pt>
                <c:pt idx="3591">
                  <c:v>1.0778551596372943</c:v>
                </c:pt>
                <c:pt idx="3592">
                  <c:v>1.0778551596372943</c:v>
                </c:pt>
                <c:pt idx="3593">
                  <c:v>1.0778551596372943</c:v>
                </c:pt>
                <c:pt idx="3594">
                  <c:v>1.0778551596372943</c:v>
                </c:pt>
                <c:pt idx="3595">
                  <c:v>0.89821263303107857</c:v>
                </c:pt>
                <c:pt idx="3596">
                  <c:v>0.71857010642486296</c:v>
                </c:pt>
                <c:pt idx="3597">
                  <c:v>0.53892757981864714</c:v>
                </c:pt>
                <c:pt idx="3598">
                  <c:v>0.53892757981864714</c:v>
                </c:pt>
                <c:pt idx="3599">
                  <c:v>0.53892757981864714</c:v>
                </c:pt>
                <c:pt idx="3600">
                  <c:v>0.55157660292709643</c:v>
                </c:pt>
                <c:pt idx="3601">
                  <c:v>0.55157660292709643</c:v>
                </c:pt>
                <c:pt idx="3602">
                  <c:v>0.55157660292709643</c:v>
                </c:pt>
                <c:pt idx="3603">
                  <c:v>0.55157660292709643</c:v>
                </c:pt>
                <c:pt idx="3604">
                  <c:v>0.55157660292709643</c:v>
                </c:pt>
                <c:pt idx="3605">
                  <c:v>0.71092095488381324</c:v>
                </c:pt>
                <c:pt idx="3606">
                  <c:v>0.82123627546923261</c:v>
                </c:pt>
                <c:pt idx="3607">
                  <c:v>0.82123627546923261</c:v>
                </c:pt>
                <c:pt idx="3608">
                  <c:v>0.82123627546923261</c:v>
                </c:pt>
                <c:pt idx="3609">
                  <c:v>0.88252256468335444</c:v>
                </c:pt>
                <c:pt idx="3610">
                  <c:v>0.95606611174030043</c:v>
                </c:pt>
                <c:pt idx="3611">
                  <c:v>1.1031532058541929</c:v>
                </c:pt>
                <c:pt idx="3612">
                  <c:v>1.1031532058541929</c:v>
                </c:pt>
                <c:pt idx="3613">
                  <c:v>1.1031532058541929</c:v>
                </c:pt>
                <c:pt idx="3614">
                  <c:v>1.1031532058541929</c:v>
                </c:pt>
                <c:pt idx="3615">
                  <c:v>1.1031532058541929</c:v>
                </c:pt>
                <c:pt idx="3616">
                  <c:v>1.1031532058541929</c:v>
                </c:pt>
                <c:pt idx="3617">
                  <c:v>1.1031532058541929</c:v>
                </c:pt>
                <c:pt idx="3618">
                  <c:v>1.1031532058541929</c:v>
                </c:pt>
                <c:pt idx="3619">
                  <c:v>0.91929433821182749</c:v>
                </c:pt>
                <c:pt idx="3620">
                  <c:v>0.73543547056946201</c:v>
                </c:pt>
                <c:pt idx="3621">
                  <c:v>0.55157660292709643</c:v>
                </c:pt>
                <c:pt idx="3622">
                  <c:v>0.55157660292709643</c:v>
                </c:pt>
                <c:pt idx="3623">
                  <c:v>0.55157660292709643</c:v>
                </c:pt>
                <c:pt idx="3624">
                  <c:v>0.60825393069117639</c:v>
                </c:pt>
                <c:pt idx="3625">
                  <c:v>0.60825393069117639</c:v>
                </c:pt>
                <c:pt idx="3626">
                  <c:v>0.60825393069117639</c:v>
                </c:pt>
                <c:pt idx="3627">
                  <c:v>0.60825393069117639</c:v>
                </c:pt>
                <c:pt idx="3628">
                  <c:v>0.60825393069117639</c:v>
                </c:pt>
                <c:pt idx="3629">
                  <c:v>0.78397173289084965</c:v>
                </c:pt>
                <c:pt idx="3630">
                  <c:v>0.94617278107516334</c:v>
                </c:pt>
                <c:pt idx="3631">
                  <c:v>0.94617278107516334</c:v>
                </c:pt>
                <c:pt idx="3632">
                  <c:v>0.94617278107516334</c:v>
                </c:pt>
                <c:pt idx="3633">
                  <c:v>1.0137565511519606</c:v>
                </c:pt>
                <c:pt idx="3634">
                  <c:v>1.0543068131980391</c:v>
                </c:pt>
                <c:pt idx="3635">
                  <c:v>1.2165078613823528</c:v>
                </c:pt>
                <c:pt idx="3636">
                  <c:v>1.2165078613823528</c:v>
                </c:pt>
                <c:pt idx="3637">
                  <c:v>1.2165078613823528</c:v>
                </c:pt>
                <c:pt idx="3638">
                  <c:v>1.2165078613823528</c:v>
                </c:pt>
                <c:pt idx="3639">
                  <c:v>1.0137565511519606</c:v>
                </c:pt>
                <c:pt idx="3640">
                  <c:v>0.95968953509052279</c:v>
                </c:pt>
                <c:pt idx="3641">
                  <c:v>0.95968953509052279</c:v>
                </c:pt>
                <c:pt idx="3642">
                  <c:v>0.95968953509052279</c:v>
                </c:pt>
                <c:pt idx="3643">
                  <c:v>0.95968953509052279</c:v>
                </c:pt>
                <c:pt idx="3644">
                  <c:v>0.74342147084477117</c:v>
                </c:pt>
                <c:pt idx="3645">
                  <c:v>0.28385183432254901</c:v>
                </c:pt>
                <c:pt idx="3646">
                  <c:v>0.28385183432254901</c:v>
                </c:pt>
                <c:pt idx="3647">
                  <c:v>0.28385183432254901</c:v>
                </c:pt>
                <c:pt idx="3648">
                  <c:v>0.16186125255096231</c:v>
                </c:pt>
                <c:pt idx="3649">
                  <c:v>0.31601482640902179</c:v>
                </c:pt>
                <c:pt idx="3650">
                  <c:v>0.31601482640902179</c:v>
                </c:pt>
                <c:pt idx="3651">
                  <c:v>0.31601482640902179</c:v>
                </c:pt>
                <c:pt idx="3652">
                  <c:v>0.31601482640902179</c:v>
                </c:pt>
                <c:pt idx="3653">
                  <c:v>0.39309161333805137</c:v>
                </c:pt>
                <c:pt idx="3654">
                  <c:v>0.49329143634578992</c:v>
                </c:pt>
                <c:pt idx="3655">
                  <c:v>0.56266054458191672</c:v>
                </c:pt>
                <c:pt idx="3656">
                  <c:v>0.56266054458191672</c:v>
                </c:pt>
                <c:pt idx="3657">
                  <c:v>0.56266054458191672</c:v>
                </c:pt>
                <c:pt idx="3658">
                  <c:v>0.56266054458191672</c:v>
                </c:pt>
                <c:pt idx="3659">
                  <c:v>0.56266054458191672</c:v>
                </c:pt>
                <c:pt idx="3660">
                  <c:v>0.56266054458191672</c:v>
                </c:pt>
                <c:pt idx="3661">
                  <c:v>0.56266054458191672</c:v>
                </c:pt>
                <c:pt idx="3662">
                  <c:v>0.56266054458191672</c:v>
                </c:pt>
                <c:pt idx="3663">
                  <c:v>0.508706793731596</c:v>
                </c:pt>
                <c:pt idx="3664">
                  <c:v>0.46246072157417811</c:v>
                </c:pt>
                <c:pt idx="3665">
                  <c:v>0.41621464941676029</c:v>
                </c:pt>
                <c:pt idx="3666">
                  <c:v>0.40079929203095438</c:v>
                </c:pt>
                <c:pt idx="3667">
                  <c:v>0.32372250510192463</c:v>
                </c:pt>
                <c:pt idx="3668">
                  <c:v>0.23893803947999198</c:v>
                </c:pt>
                <c:pt idx="3669">
                  <c:v>0.23893803947999198</c:v>
                </c:pt>
                <c:pt idx="3670">
                  <c:v>0.23893803947999198</c:v>
                </c:pt>
                <c:pt idx="3671">
                  <c:v>0.23893803947999198</c:v>
                </c:pt>
                <c:pt idx="3672">
                  <c:v>0.27277443549442543</c:v>
                </c:pt>
                <c:pt idx="3673">
                  <c:v>0.31677031218707469</c:v>
                </c:pt>
                <c:pt idx="3674">
                  <c:v>0.31677031218707469</c:v>
                </c:pt>
                <c:pt idx="3675">
                  <c:v>0.31677031218707469</c:v>
                </c:pt>
                <c:pt idx="3676">
                  <c:v>0.31677031218707469</c:v>
                </c:pt>
                <c:pt idx="3677">
                  <c:v>0.39596289023384329</c:v>
                </c:pt>
                <c:pt idx="3678">
                  <c:v>0.4663562929420822</c:v>
                </c:pt>
                <c:pt idx="3679">
                  <c:v>0.55434804632738066</c:v>
                </c:pt>
                <c:pt idx="3680">
                  <c:v>0.55434804632738066</c:v>
                </c:pt>
                <c:pt idx="3681">
                  <c:v>0.55434804632738066</c:v>
                </c:pt>
                <c:pt idx="3682">
                  <c:v>0.55434804632738066</c:v>
                </c:pt>
                <c:pt idx="3683">
                  <c:v>0.55434804632738066</c:v>
                </c:pt>
                <c:pt idx="3684">
                  <c:v>0.55434804632738066</c:v>
                </c:pt>
                <c:pt idx="3685">
                  <c:v>0.55434804632738066</c:v>
                </c:pt>
                <c:pt idx="3686">
                  <c:v>0.55434804632738066</c:v>
                </c:pt>
                <c:pt idx="3687">
                  <c:v>0.49275381895767167</c:v>
                </c:pt>
                <c:pt idx="3688">
                  <c:v>0.48395464361914181</c:v>
                </c:pt>
                <c:pt idx="3689">
                  <c:v>0.41356124091090307</c:v>
                </c:pt>
                <c:pt idx="3690">
                  <c:v>0.38716371489531348</c:v>
                </c:pt>
                <c:pt idx="3691">
                  <c:v>0.32556948752560455</c:v>
                </c:pt>
                <c:pt idx="3692">
                  <c:v>0.27277443549442543</c:v>
                </c:pt>
                <c:pt idx="3693">
                  <c:v>0.23757773414030603</c:v>
                </c:pt>
                <c:pt idx="3694">
                  <c:v>0.23757773414030603</c:v>
                </c:pt>
                <c:pt idx="3695">
                  <c:v>0.23757773414030603</c:v>
                </c:pt>
                <c:pt idx="3696">
                  <c:v>0.18471192732372321</c:v>
                </c:pt>
                <c:pt idx="3697">
                  <c:v>0.18471192732372321</c:v>
                </c:pt>
                <c:pt idx="3698">
                  <c:v>0.18471192732372321</c:v>
                </c:pt>
                <c:pt idx="3699">
                  <c:v>0.18471192732372321</c:v>
                </c:pt>
                <c:pt idx="3700">
                  <c:v>0.18471192732372321</c:v>
                </c:pt>
                <c:pt idx="3701">
                  <c:v>0.80041835173613396</c:v>
                </c:pt>
                <c:pt idx="3702">
                  <c:v>0.90816697600830576</c:v>
                </c:pt>
                <c:pt idx="3703">
                  <c:v>0.90816697600830576</c:v>
                </c:pt>
                <c:pt idx="3704">
                  <c:v>0.90816697600830576</c:v>
                </c:pt>
                <c:pt idx="3705">
                  <c:v>0.96973761844954698</c:v>
                </c:pt>
                <c:pt idx="3706">
                  <c:v>0.96973761844954698</c:v>
                </c:pt>
                <c:pt idx="3707">
                  <c:v>1.2314128488248217</c:v>
                </c:pt>
                <c:pt idx="3708">
                  <c:v>1.2314128488248217</c:v>
                </c:pt>
                <c:pt idx="3709">
                  <c:v>0.81581101234644426</c:v>
                </c:pt>
                <c:pt idx="3710">
                  <c:v>1.2314128488248217</c:v>
                </c:pt>
                <c:pt idx="3711">
                  <c:v>1.2314128488248217</c:v>
                </c:pt>
                <c:pt idx="3712">
                  <c:v>1.2314128488248217</c:v>
                </c:pt>
                <c:pt idx="3713">
                  <c:v>1.2314128488248217</c:v>
                </c:pt>
                <c:pt idx="3714">
                  <c:v>1.2314128488248217</c:v>
                </c:pt>
                <c:pt idx="3715">
                  <c:v>1.031308260890788</c:v>
                </c:pt>
                <c:pt idx="3716">
                  <c:v>0.84659633356706476</c:v>
                </c:pt>
                <c:pt idx="3717">
                  <c:v>0.61570642441241086</c:v>
                </c:pt>
                <c:pt idx="3718">
                  <c:v>0.58492110319179025</c:v>
                </c:pt>
                <c:pt idx="3719">
                  <c:v>0.58492110319179025</c:v>
                </c:pt>
                <c:pt idx="3720">
                  <c:v>0.53982184856625404</c:v>
                </c:pt>
                <c:pt idx="3721">
                  <c:v>0.53982184856625404</c:v>
                </c:pt>
                <c:pt idx="3722">
                  <c:v>0.53982184856625404</c:v>
                </c:pt>
                <c:pt idx="3723">
                  <c:v>0.53982184856625404</c:v>
                </c:pt>
                <c:pt idx="3724">
                  <c:v>0.53982184856625404</c:v>
                </c:pt>
                <c:pt idx="3725">
                  <c:v>0.70176840313613031</c:v>
                </c:pt>
                <c:pt idx="3726">
                  <c:v>0.78274168042106851</c:v>
                </c:pt>
                <c:pt idx="3727">
                  <c:v>0.80973277284938128</c:v>
                </c:pt>
                <c:pt idx="3728">
                  <c:v>0.80973277284938128</c:v>
                </c:pt>
                <c:pt idx="3729">
                  <c:v>0.87721050392016298</c:v>
                </c:pt>
                <c:pt idx="3730">
                  <c:v>0.91769714256263191</c:v>
                </c:pt>
                <c:pt idx="3731">
                  <c:v>1.0796436971325081</c:v>
                </c:pt>
                <c:pt idx="3732">
                  <c:v>1.0796436971325081</c:v>
                </c:pt>
                <c:pt idx="3733">
                  <c:v>1.0796436971325081</c:v>
                </c:pt>
                <c:pt idx="3734">
                  <c:v>1.0796436971325081</c:v>
                </c:pt>
                <c:pt idx="3735">
                  <c:v>1.0796436971325081</c:v>
                </c:pt>
                <c:pt idx="3736">
                  <c:v>1.0796436971325081</c:v>
                </c:pt>
                <c:pt idx="3737">
                  <c:v>1.0796436971325081</c:v>
                </c:pt>
                <c:pt idx="3738">
                  <c:v>1.0796436971325081</c:v>
                </c:pt>
                <c:pt idx="3739">
                  <c:v>0.90420159634847574</c:v>
                </c:pt>
                <c:pt idx="3740">
                  <c:v>0.74225504177859936</c:v>
                </c:pt>
                <c:pt idx="3741">
                  <c:v>0.53982184856625404</c:v>
                </c:pt>
                <c:pt idx="3742">
                  <c:v>0.53982184856625404</c:v>
                </c:pt>
                <c:pt idx="3743">
                  <c:v>0.53982184856625404</c:v>
                </c:pt>
                <c:pt idx="3744">
                  <c:v>0.48352919119139226</c:v>
                </c:pt>
                <c:pt idx="3745">
                  <c:v>0.54397034009031631</c:v>
                </c:pt>
                <c:pt idx="3746">
                  <c:v>0.54397034009031631</c:v>
                </c:pt>
                <c:pt idx="3747">
                  <c:v>0.54397034009031631</c:v>
                </c:pt>
                <c:pt idx="3748">
                  <c:v>0.54397034009031631</c:v>
                </c:pt>
                <c:pt idx="3749">
                  <c:v>0.70111732722751874</c:v>
                </c:pt>
                <c:pt idx="3750">
                  <c:v>0.80991139524558209</c:v>
                </c:pt>
                <c:pt idx="3751">
                  <c:v>0.80991139524558209</c:v>
                </c:pt>
                <c:pt idx="3752">
                  <c:v>0.80991139524558209</c:v>
                </c:pt>
                <c:pt idx="3753">
                  <c:v>0.87035254414450614</c:v>
                </c:pt>
                <c:pt idx="3754">
                  <c:v>0.94288192282321492</c:v>
                </c:pt>
                <c:pt idx="3755">
                  <c:v>1.0879406801806326</c:v>
                </c:pt>
                <c:pt idx="3756">
                  <c:v>1.0879406801806326</c:v>
                </c:pt>
                <c:pt idx="3757">
                  <c:v>1.0879406801806326</c:v>
                </c:pt>
                <c:pt idx="3758">
                  <c:v>1.0879406801806326</c:v>
                </c:pt>
                <c:pt idx="3759">
                  <c:v>1.0879406801806326</c:v>
                </c:pt>
                <c:pt idx="3760">
                  <c:v>1.0879406801806326</c:v>
                </c:pt>
                <c:pt idx="3761">
                  <c:v>1.0879406801806326</c:v>
                </c:pt>
                <c:pt idx="3762">
                  <c:v>1.0879406801806326</c:v>
                </c:pt>
                <c:pt idx="3763">
                  <c:v>0.90661723348386036</c:v>
                </c:pt>
                <c:pt idx="3764">
                  <c:v>0.72529378678708845</c:v>
                </c:pt>
                <c:pt idx="3765">
                  <c:v>0.54397034009031631</c:v>
                </c:pt>
                <c:pt idx="3766">
                  <c:v>0.54397034009031631</c:v>
                </c:pt>
                <c:pt idx="3767">
                  <c:v>0.54397034009031631</c:v>
                </c:pt>
                <c:pt idx="3768">
                  <c:v>0.54036200281743674</c:v>
                </c:pt>
                <c:pt idx="3769">
                  <c:v>0.54036200281743674</c:v>
                </c:pt>
                <c:pt idx="3770">
                  <c:v>0.54036200281743674</c:v>
                </c:pt>
                <c:pt idx="3771">
                  <c:v>0.54036200281743674</c:v>
                </c:pt>
                <c:pt idx="3772">
                  <c:v>0.54036200281743674</c:v>
                </c:pt>
                <c:pt idx="3773">
                  <c:v>0.69646658140914075</c:v>
                </c:pt>
                <c:pt idx="3774">
                  <c:v>0.80453898197262819</c:v>
                </c:pt>
                <c:pt idx="3775">
                  <c:v>0.80453898197262819</c:v>
                </c:pt>
                <c:pt idx="3776">
                  <c:v>0.80453898197262819</c:v>
                </c:pt>
                <c:pt idx="3777">
                  <c:v>0.86457920450789894</c:v>
                </c:pt>
                <c:pt idx="3778">
                  <c:v>0.93662747155022374</c:v>
                </c:pt>
                <c:pt idx="3779">
                  <c:v>1.0807240056348735</c:v>
                </c:pt>
                <c:pt idx="3780">
                  <c:v>1.0807240056348735</c:v>
                </c:pt>
                <c:pt idx="3781">
                  <c:v>1.0807240056348735</c:v>
                </c:pt>
                <c:pt idx="3782">
                  <c:v>1.0807240056348735</c:v>
                </c:pt>
                <c:pt idx="3783">
                  <c:v>1.0807240056348735</c:v>
                </c:pt>
                <c:pt idx="3784">
                  <c:v>1.0807240056348735</c:v>
                </c:pt>
                <c:pt idx="3785">
                  <c:v>1.0807240056348735</c:v>
                </c:pt>
                <c:pt idx="3786">
                  <c:v>1.0807240056348735</c:v>
                </c:pt>
                <c:pt idx="3787">
                  <c:v>0.90060333802906134</c:v>
                </c:pt>
                <c:pt idx="3788">
                  <c:v>0.72048267042324909</c:v>
                </c:pt>
                <c:pt idx="3789">
                  <c:v>0.54036200281743674</c:v>
                </c:pt>
                <c:pt idx="3790">
                  <c:v>0.54036200281743674</c:v>
                </c:pt>
                <c:pt idx="3791">
                  <c:v>0.54036200281743674</c:v>
                </c:pt>
                <c:pt idx="3792">
                  <c:v>0.59046786227720494</c:v>
                </c:pt>
                <c:pt idx="3793">
                  <c:v>0.59046786227720494</c:v>
                </c:pt>
                <c:pt idx="3794">
                  <c:v>0.59046786227720494</c:v>
                </c:pt>
                <c:pt idx="3795">
                  <c:v>0.59046786227720494</c:v>
                </c:pt>
                <c:pt idx="3796">
                  <c:v>0.59046786227720494</c:v>
                </c:pt>
                <c:pt idx="3797">
                  <c:v>0.76104746693506409</c:v>
                </c:pt>
                <c:pt idx="3798">
                  <c:v>0.91850556354231871</c:v>
                </c:pt>
                <c:pt idx="3799">
                  <c:v>0.91850556354231871</c:v>
                </c:pt>
                <c:pt idx="3800">
                  <c:v>0.91850556354231871</c:v>
                </c:pt>
                <c:pt idx="3801">
                  <c:v>0.98411310379534145</c:v>
                </c:pt>
                <c:pt idx="3802">
                  <c:v>1.0234776279471554</c:v>
                </c:pt>
                <c:pt idx="3803">
                  <c:v>1.1809357245544099</c:v>
                </c:pt>
                <c:pt idx="3804">
                  <c:v>1.1809357245544099</c:v>
                </c:pt>
                <c:pt idx="3805">
                  <c:v>1.1809357245544099</c:v>
                </c:pt>
                <c:pt idx="3806">
                  <c:v>1.1809357245544099</c:v>
                </c:pt>
                <c:pt idx="3807">
                  <c:v>0.98411310379534145</c:v>
                </c:pt>
                <c:pt idx="3808">
                  <c:v>0.93162707159292335</c:v>
                </c:pt>
                <c:pt idx="3809">
                  <c:v>0.93162707159292335</c:v>
                </c:pt>
                <c:pt idx="3810">
                  <c:v>0.93162707159292335</c:v>
                </c:pt>
                <c:pt idx="3811">
                  <c:v>0.93162707159292335</c:v>
                </c:pt>
                <c:pt idx="3812">
                  <c:v>0.7216829427832504</c:v>
                </c:pt>
                <c:pt idx="3813">
                  <c:v>0.27555166906269563</c:v>
                </c:pt>
                <c:pt idx="3814">
                  <c:v>0.27555166906269563</c:v>
                </c:pt>
                <c:pt idx="3815">
                  <c:v>0.27555166906269563</c:v>
                </c:pt>
                <c:pt idx="3816">
                  <c:v>0.11042559337619411</c:v>
                </c:pt>
                <c:pt idx="3817">
                  <c:v>0.21559282516304568</c:v>
                </c:pt>
                <c:pt idx="3818">
                  <c:v>0.21559282516304568</c:v>
                </c:pt>
                <c:pt idx="3819">
                  <c:v>0.21559282516304568</c:v>
                </c:pt>
                <c:pt idx="3820">
                  <c:v>0.21559282516304568</c:v>
                </c:pt>
                <c:pt idx="3821">
                  <c:v>0.26817644105647143</c:v>
                </c:pt>
                <c:pt idx="3822">
                  <c:v>0.33653514171792492</c:v>
                </c:pt>
                <c:pt idx="3823">
                  <c:v>0.38386039602200811</c:v>
                </c:pt>
                <c:pt idx="3824">
                  <c:v>0.38386039602200811</c:v>
                </c:pt>
                <c:pt idx="3825">
                  <c:v>0.38386039602200811</c:v>
                </c:pt>
                <c:pt idx="3826">
                  <c:v>0.38386039602200811</c:v>
                </c:pt>
                <c:pt idx="3827">
                  <c:v>0.38386039602200811</c:v>
                </c:pt>
                <c:pt idx="3828">
                  <c:v>0.38386039602200811</c:v>
                </c:pt>
                <c:pt idx="3829">
                  <c:v>0.38386039602200811</c:v>
                </c:pt>
                <c:pt idx="3830">
                  <c:v>0.38386039602200811</c:v>
                </c:pt>
                <c:pt idx="3831">
                  <c:v>0.34705186489661011</c:v>
                </c:pt>
                <c:pt idx="3832">
                  <c:v>0.31550169536055461</c:v>
                </c:pt>
                <c:pt idx="3833">
                  <c:v>0.28395152582449912</c:v>
                </c:pt>
                <c:pt idx="3834">
                  <c:v>0.27343480264581399</c:v>
                </c:pt>
                <c:pt idx="3835">
                  <c:v>0.22085118675238821</c:v>
                </c:pt>
                <c:pt idx="3836">
                  <c:v>0.16300920926961987</c:v>
                </c:pt>
                <c:pt idx="3837">
                  <c:v>0.16300920926961987</c:v>
                </c:pt>
                <c:pt idx="3838">
                  <c:v>0.16300920926961987</c:v>
                </c:pt>
                <c:pt idx="3839">
                  <c:v>0.16300920926961987</c:v>
                </c:pt>
                <c:pt idx="3840">
                  <c:v>0.17004939859604781</c:v>
                </c:pt>
                <c:pt idx="3841">
                  <c:v>0.19747672095024907</c:v>
                </c:pt>
                <c:pt idx="3842">
                  <c:v>0.19747672095024907</c:v>
                </c:pt>
                <c:pt idx="3843">
                  <c:v>0.19747672095024907</c:v>
                </c:pt>
                <c:pt idx="3844">
                  <c:v>0.19747672095024907</c:v>
                </c:pt>
                <c:pt idx="3845">
                  <c:v>0.2468459011878113</c:v>
                </c:pt>
                <c:pt idx="3846">
                  <c:v>0.29072961695453337</c:v>
                </c:pt>
                <c:pt idx="3847">
                  <c:v>0.34558426166293588</c:v>
                </c:pt>
                <c:pt idx="3848">
                  <c:v>0.34558426166293588</c:v>
                </c:pt>
                <c:pt idx="3849">
                  <c:v>0.34558426166293588</c:v>
                </c:pt>
                <c:pt idx="3850">
                  <c:v>0.34558426166293588</c:v>
                </c:pt>
                <c:pt idx="3851">
                  <c:v>0.34558426166293588</c:v>
                </c:pt>
                <c:pt idx="3852">
                  <c:v>0.34558426166293588</c:v>
                </c:pt>
                <c:pt idx="3853">
                  <c:v>0.34558426166293588</c:v>
                </c:pt>
                <c:pt idx="3854">
                  <c:v>0.34558426166293588</c:v>
                </c:pt>
                <c:pt idx="3855">
                  <c:v>0.30718601036705412</c:v>
                </c:pt>
                <c:pt idx="3856">
                  <c:v>0.30170054589621387</c:v>
                </c:pt>
                <c:pt idx="3857">
                  <c:v>0.2578168301294918</c:v>
                </c:pt>
                <c:pt idx="3858">
                  <c:v>0.24136043671697111</c:v>
                </c:pt>
                <c:pt idx="3859">
                  <c:v>0.20296218542108932</c:v>
                </c:pt>
                <c:pt idx="3860">
                  <c:v>0.17004939859604781</c:v>
                </c:pt>
                <c:pt idx="3861">
                  <c:v>0.14810754071268678</c:v>
                </c:pt>
                <c:pt idx="3862">
                  <c:v>0.14810754071268678</c:v>
                </c:pt>
                <c:pt idx="3863">
                  <c:v>0.14810754071268678</c:v>
                </c:pt>
                <c:pt idx="3864">
                  <c:v>0.17611347668672239</c:v>
                </c:pt>
                <c:pt idx="3865">
                  <c:v>0.17611347668672239</c:v>
                </c:pt>
                <c:pt idx="3866">
                  <c:v>0.17611347668672239</c:v>
                </c:pt>
                <c:pt idx="3867">
                  <c:v>0.17611347668672239</c:v>
                </c:pt>
                <c:pt idx="3868">
                  <c:v>0.17611347668672239</c:v>
                </c:pt>
                <c:pt idx="3869">
                  <c:v>0.76315839897579718</c:v>
                </c:pt>
                <c:pt idx="3870">
                  <c:v>0.8658912603763852</c:v>
                </c:pt>
                <c:pt idx="3871">
                  <c:v>0.8658912603763852</c:v>
                </c:pt>
                <c:pt idx="3872">
                  <c:v>0.8658912603763852</c:v>
                </c:pt>
                <c:pt idx="3873">
                  <c:v>0.92459575260529281</c:v>
                </c:pt>
                <c:pt idx="3874">
                  <c:v>0.92459575260529281</c:v>
                </c:pt>
                <c:pt idx="3875">
                  <c:v>1.1740898445781496</c:v>
                </c:pt>
                <c:pt idx="3876">
                  <c:v>1.1740898445781496</c:v>
                </c:pt>
                <c:pt idx="3877">
                  <c:v>0.77783452203302406</c:v>
                </c:pt>
                <c:pt idx="3878">
                  <c:v>1.1740898445781496</c:v>
                </c:pt>
                <c:pt idx="3879">
                  <c:v>1.1740898445781496</c:v>
                </c:pt>
                <c:pt idx="3880">
                  <c:v>1.1740898445781496</c:v>
                </c:pt>
                <c:pt idx="3881">
                  <c:v>1.1740898445781496</c:v>
                </c:pt>
                <c:pt idx="3882">
                  <c:v>1.1740898445781496</c:v>
                </c:pt>
                <c:pt idx="3883">
                  <c:v>0.9833002448342002</c:v>
                </c:pt>
                <c:pt idx="3884">
                  <c:v>0.80718676814747758</c:v>
                </c:pt>
                <c:pt idx="3885">
                  <c:v>0.58704492228907479</c:v>
                </c:pt>
                <c:pt idx="3886">
                  <c:v>0.55769267617462093</c:v>
                </c:pt>
                <c:pt idx="3887">
                  <c:v>0.55769267617462093</c:v>
                </c:pt>
                <c:pt idx="3888">
                  <c:v>0.51393815484141392</c:v>
                </c:pt>
                <c:pt idx="3889">
                  <c:v>0.51393815484141392</c:v>
                </c:pt>
                <c:pt idx="3890">
                  <c:v>0.51393815484141392</c:v>
                </c:pt>
                <c:pt idx="3891">
                  <c:v>0.51393815484141392</c:v>
                </c:pt>
                <c:pt idx="3892">
                  <c:v>0.51393815484141392</c:v>
                </c:pt>
                <c:pt idx="3893">
                  <c:v>0.66811960129383796</c:v>
                </c:pt>
                <c:pt idx="3894">
                  <c:v>0.74521032452005009</c:v>
                </c:pt>
                <c:pt idx="3895">
                  <c:v>0.77090723226212088</c:v>
                </c:pt>
                <c:pt idx="3896">
                  <c:v>0.77090723226212088</c:v>
                </c:pt>
                <c:pt idx="3897">
                  <c:v>0.83514950161729751</c:v>
                </c:pt>
                <c:pt idx="3898">
                  <c:v>0.87369486323040357</c:v>
                </c:pt>
                <c:pt idx="3899">
                  <c:v>1.0278763096828278</c:v>
                </c:pt>
                <c:pt idx="3900">
                  <c:v>1.0278763096828278</c:v>
                </c:pt>
                <c:pt idx="3901">
                  <c:v>1.0278763096828278</c:v>
                </c:pt>
                <c:pt idx="3902">
                  <c:v>1.0278763096828278</c:v>
                </c:pt>
                <c:pt idx="3903">
                  <c:v>1.0278763096828278</c:v>
                </c:pt>
                <c:pt idx="3904">
                  <c:v>1.0278763096828278</c:v>
                </c:pt>
                <c:pt idx="3905">
                  <c:v>1.0278763096828278</c:v>
                </c:pt>
                <c:pt idx="3906">
                  <c:v>1.0278763096828278</c:v>
                </c:pt>
                <c:pt idx="3907">
                  <c:v>0.86084640935936829</c:v>
                </c:pt>
                <c:pt idx="3908">
                  <c:v>0.70666496290694403</c:v>
                </c:pt>
                <c:pt idx="3909">
                  <c:v>0.51393815484141392</c:v>
                </c:pt>
                <c:pt idx="3910">
                  <c:v>0.51393815484141392</c:v>
                </c:pt>
                <c:pt idx="3911">
                  <c:v>0.51393815484141392</c:v>
                </c:pt>
                <c:pt idx="3912">
                  <c:v>0.45525525325793126</c:v>
                </c:pt>
                <c:pt idx="3913">
                  <c:v>0.51216215991517255</c:v>
                </c:pt>
                <c:pt idx="3914">
                  <c:v>0.51216215991517255</c:v>
                </c:pt>
                <c:pt idx="3915">
                  <c:v>0.51216215991517255</c:v>
                </c:pt>
                <c:pt idx="3916">
                  <c:v>0.51216215991517255</c:v>
                </c:pt>
                <c:pt idx="3917">
                  <c:v>0.66012011722400021</c:v>
                </c:pt>
                <c:pt idx="3918">
                  <c:v>0.76255254920703475</c:v>
                </c:pt>
                <c:pt idx="3919">
                  <c:v>0.76255254920703475</c:v>
                </c:pt>
                <c:pt idx="3920">
                  <c:v>0.76255254920703475</c:v>
                </c:pt>
                <c:pt idx="3921">
                  <c:v>0.81945945586427615</c:v>
                </c:pt>
                <c:pt idx="3922">
                  <c:v>0.88774774385296584</c:v>
                </c:pt>
                <c:pt idx="3923">
                  <c:v>1.0243243198303451</c:v>
                </c:pt>
                <c:pt idx="3924">
                  <c:v>1.0243243198303451</c:v>
                </c:pt>
                <c:pt idx="3925">
                  <c:v>1.0243243198303451</c:v>
                </c:pt>
                <c:pt idx="3926">
                  <c:v>1.0243243198303451</c:v>
                </c:pt>
                <c:pt idx="3927">
                  <c:v>1.0243243198303451</c:v>
                </c:pt>
                <c:pt idx="3928">
                  <c:v>1.0243243198303451</c:v>
                </c:pt>
                <c:pt idx="3929">
                  <c:v>1.0243243198303451</c:v>
                </c:pt>
                <c:pt idx="3930">
                  <c:v>1.0243243198303451</c:v>
                </c:pt>
                <c:pt idx="3931">
                  <c:v>0.853603599858621</c:v>
                </c:pt>
                <c:pt idx="3932">
                  <c:v>0.68288287988689689</c:v>
                </c:pt>
                <c:pt idx="3933">
                  <c:v>0.51216215991517255</c:v>
                </c:pt>
                <c:pt idx="3934">
                  <c:v>0.51216215991517255</c:v>
                </c:pt>
                <c:pt idx="3935">
                  <c:v>0.51216215991517255</c:v>
                </c:pt>
                <c:pt idx="3936">
                  <c:v>0.50749162318567542</c:v>
                </c:pt>
                <c:pt idx="3937">
                  <c:v>0.50749162318567542</c:v>
                </c:pt>
                <c:pt idx="3938">
                  <c:v>0.50749162318567542</c:v>
                </c:pt>
                <c:pt idx="3939">
                  <c:v>0.50749162318567542</c:v>
                </c:pt>
                <c:pt idx="3940">
                  <c:v>0.50749162318567542</c:v>
                </c:pt>
                <c:pt idx="3941">
                  <c:v>0.65410031432820392</c:v>
                </c:pt>
                <c:pt idx="3942">
                  <c:v>0.75559863896533908</c:v>
                </c:pt>
                <c:pt idx="3943">
                  <c:v>0.75559863896533908</c:v>
                </c:pt>
                <c:pt idx="3944">
                  <c:v>0.75559863896533908</c:v>
                </c:pt>
                <c:pt idx="3945">
                  <c:v>0.81198659709708065</c:v>
                </c:pt>
                <c:pt idx="3946">
                  <c:v>0.87965214685517068</c:v>
                </c:pt>
                <c:pt idx="3947">
                  <c:v>1.0149832463713508</c:v>
                </c:pt>
                <c:pt idx="3948">
                  <c:v>1.0149832463713508</c:v>
                </c:pt>
                <c:pt idx="3949">
                  <c:v>1.0149832463713508</c:v>
                </c:pt>
                <c:pt idx="3950">
                  <c:v>1.0149832463713508</c:v>
                </c:pt>
                <c:pt idx="3951">
                  <c:v>1.0149832463713508</c:v>
                </c:pt>
                <c:pt idx="3952">
                  <c:v>1.0149832463713508</c:v>
                </c:pt>
                <c:pt idx="3953">
                  <c:v>1.0149832463713508</c:v>
                </c:pt>
                <c:pt idx="3954">
                  <c:v>1.0149832463713508</c:v>
                </c:pt>
                <c:pt idx="3955">
                  <c:v>0.84581937197612567</c:v>
                </c:pt>
                <c:pt idx="3956">
                  <c:v>0.67665549758090049</c:v>
                </c:pt>
                <c:pt idx="3957">
                  <c:v>0.50749162318567542</c:v>
                </c:pt>
                <c:pt idx="3958">
                  <c:v>0.50749162318567542</c:v>
                </c:pt>
                <c:pt idx="3959">
                  <c:v>0.50749162318567542</c:v>
                </c:pt>
                <c:pt idx="3960">
                  <c:v>0.55616615890740273</c:v>
                </c:pt>
                <c:pt idx="3961">
                  <c:v>0.55616615890740273</c:v>
                </c:pt>
                <c:pt idx="3962">
                  <c:v>0.55616615890740273</c:v>
                </c:pt>
                <c:pt idx="3963">
                  <c:v>0.55616615890740273</c:v>
                </c:pt>
                <c:pt idx="3964">
                  <c:v>0.55616615890740273</c:v>
                </c:pt>
                <c:pt idx="3965">
                  <c:v>0.71683638259176363</c:v>
                </c:pt>
                <c:pt idx="3966">
                  <c:v>0.86514735830040446</c:v>
                </c:pt>
                <c:pt idx="3967">
                  <c:v>0.86514735830040446</c:v>
                </c:pt>
                <c:pt idx="3968">
                  <c:v>0.86514735830040446</c:v>
                </c:pt>
                <c:pt idx="3969">
                  <c:v>0.92694359817900451</c:v>
                </c:pt>
                <c:pt idx="3970">
                  <c:v>0.96402134210616486</c:v>
                </c:pt>
                <c:pt idx="3971">
                  <c:v>1.1123323178148055</c:v>
                </c:pt>
                <c:pt idx="3972">
                  <c:v>1.1123323178148055</c:v>
                </c:pt>
                <c:pt idx="3973">
                  <c:v>1.1123323178148055</c:v>
                </c:pt>
                <c:pt idx="3974">
                  <c:v>1.1123323178148055</c:v>
                </c:pt>
                <c:pt idx="3975">
                  <c:v>0.92694359817900451</c:v>
                </c:pt>
                <c:pt idx="3976">
                  <c:v>0.87750660627612442</c:v>
                </c:pt>
                <c:pt idx="3977">
                  <c:v>0.87750660627612442</c:v>
                </c:pt>
                <c:pt idx="3978">
                  <c:v>0.87750660627612442</c:v>
                </c:pt>
                <c:pt idx="3979">
                  <c:v>0.87750660627612442</c:v>
                </c:pt>
                <c:pt idx="3980">
                  <c:v>0.6797586386646034</c:v>
                </c:pt>
                <c:pt idx="3981">
                  <c:v>0.2595442074901213</c:v>
                </c:pt>
                <c:pt idx="3982">
                  <c:v>0.2595442074901213</c:v>
                </c:pt>
                <c:pt idx="3983">
                  <c:v>0.2595442074901213</c:v>
                </c:pt>
                <c:pt idx="3984">
                  <c:v>0.10149345599130814</c:v>
                </c:pt>
                <c:pt idx="3985">
                  <c:v>0.19815389026874453</c:v>
                </c:pt>
                <c:pt idx="3986">
                  <c:v>0.19815389026874453</c:v>
                </c:pt>
                <c:pt idx="3987">
                  <c:v>0.19815389026874453</c:v>
                </c:pt>
                <c:pt idx="3988">
                  <c:v>0.19815389026874453</c:v>
                </c:pt>
                <c:pt idx="3989">
                  <c:v>0.24648410740746271</c:v>
                </c:pt>
                <c:pt idx="3990">
                  <c:v>0.30931338968779631</c:v>
                </c:pt>
                <c:pt idx="3991">
                  <c:v>0.35281058511264263</c:v>
                </c:pt>
                <c:pt idx="3992">
                  <c:v>0.35281058511264263</c:v>
                </c:pt>
                <c:pt idx="3993">
                  <c:v>0.35281058511264263</c:v>
                </c:pt>
                <c:pt idx="3994">
                  <c:v>0.35281058511264263</c:v>
                </c:pt>
                <c:pt idx="3995">
                  <c:v>0.35281058511264263</c:v>
                </c:pt>
                <c:pt idx="3996">
                  <c:v>0.35281058511264263</c:v>
                </c:pt>
                <c:pt idx="3997">
                  <c:v>0.35281058511264263</c:v>
                </c:pt>
                <c:pt idx="3998">
                  <c:v>0.35281058511264263</c:v>
                </c:pt>
                <c:pt idx="3999">
                  <c:v>0.31897943311553995</c:v>
                </c:pt>
                <c:pt idx="4000">
                  <c:v>0.28998130283230905</c:v>
                </c:pt>
                <c:pt idx="4001">
                  <c:v>0.26098317254907816</c:v>
                </c:pt>
                <c:pt idx="4002">
                  <c:v>0.25131712912133447</c:v>
                </c:pt>
                <c:pt idx="4003">
                  <c:v>0.20298691198261629</c:v>
                </c:pt>
                <c:pt idx="4004">
                  <c:v>0.14982367313002634</c:v>
                </c:pt>
                <c:pt idx="4005">
                  <c:v>0.14982367313002634</c:v>
                </c:pt>
                <c:pt idx="4006">
                  <c:v>0.14982367313002634</c:v>
                </c:pt>
                <c:pt idx="4007">
                  <c:v>0.14982367313002634</c:v>
                </c:pt>
                <c:pt idx="4008">
                  <c:v>0.16987770488836704</c:v>
                </c:pt>
                <c:pt idx="4009">
                  <c:v>0.19727733470907141</c:v>
                </c:pt>
                <c:pt idx="4010">
                  <c:v>0.19727733470907141</c:v>
                </c:pt>
                <c:pt idx="4011">
                  <c:v>0.19727733470907141</c:v>
                </c:pt>
                <c:pt idx="4012">
                  <c:v>0.19727733470907141</c:v>
                </c:pt>
                <c:pt idx="4013">
                  <c:v>0.24659666838633923</c:v>
                </c:pt>
                <c:pt idx="4014">
                  <c:v>0.29043607609946626</c:v>
                </c:pt>
                <c:pt idx="4015">
                  <c:v>0.34523533574087495</c:v>
                </c:pt>
                <c:pt idx="4016">
                  <c:v>0.34523533574087495</c:v>
                </c:pt>
                <c:pt idx="4017">
                  <c:v>0.34523533574087495</c:v>
                </c:pt>
                <c:pt idx="4018">
                  <c:v>0.34523533574087495</c:v>
                </c:pt>
                <c:pt idx="4019">
                  <c:v>0.34523533574087495</c:v>
                </c:pt>
                <c:pt idx="4020">
                  <c:v>0.34523533574087495</c:v>
                </c:pt>
                <c:pt idx="4021">
                  <c:v>0.34523533574087495</c:v>
                </c:pt>
                <c:pt idx="4022">
                  <c:v>0.34523533574087495</c:v>
                </c:pt>
                <c:pt idx="4023">
                  <c:v>0.30687585399188888</c:v>
                </c:pt>
                <c:pt idx="4024">
                  <c:v>0.30139592802774795</c:v>
                </c:pt>
                <c:pt idx="4025">
                  <c:v>0.25755652031462106</c:v>
                </c:pt>
                <c:pt idx="4026">
                  <c:v>0.24111674242219841</c:v>
                </c:pt>
                <c:pt idx="4027">
                  <c:v>0.20275726067321229</c:v>
                </c:pt>
                <c:pt idx="4028">
                  <c:v>0.16987770488836704</c:v>
                </c:pt>
                <c:pt idx="4029">
                  <c:v>0.14795800103180357</c:v>
                </c:pt>
                <c:pt idx="4030">
                  <c:v>0.14795800103180357</c:v>
                </c:pt>
                <c:pt idx="4031">
                  <c:v>0.14795800103180357</c:v>
                </c:pt>
                <c:pt idx="4032">
                  <c:v>0.16923471617712174</c:v>
                </c:pt>
                <c:pt idx="4033">
                  <c:v>0.16923471617712174</c:v>
                </c:pt>
                <c:pt idx="4034">
                  <c:v>0.16923471617712174</c:v>
                </c:pt>
                <c:pt idx="4035">
                  <c:v>0.16923471617712174</c:v>
                </c:pt>
                <c:pt idx="4036">
                  <c:v>0.16923471617712174</c:v>
                </c:pt>
                <c:pt idx="4037">
                  <c:v>0.73335043676752754</c:v>
                </c:pt>
                <c:pt idx="4038">
                  <c:v>0.83207068787084859</c:v>
                </c:pt>
                <c:pt idx="4039">
                  <c:v>0.83207068787084859</c:v>
                </c:pt>
                <c:pt idx="4040">
                  <c:v>0.83207068787084859</c:v>
                </c:pt>
                <c:pt idx="4041">
                  <c:v>0.88848225992988927</c:v>
                </c:pt>
                <c:pt idx="4042">
                  <c:v>0.88848225992988927</c:v>
                </c:pt>
                <c:pt idx="4043">
                  <c:v>1.1282314411808116</c:v>
                </c:pt>
                <c:pt idx="4044">
                  <c:v>1.1282314411808116</c:v>
                </c:pt>
                <c:pt idx="4045">
                  <c:v>0.74745332978228785</c:v>
                </c:pt>
                <c:pt idx="4046">
                  <c:v>1.1282314411808116</c:v>
                </c:pt>
                <c:pt idx="4047">
                  <c:v>1.1282314411808116</c:v>
                </c:pt>
                <c:pt idx="4048">
                  <c:v>1.1282314411808116</c:v>
                </c:pt>
                <c:pt idx="4049">
                  <c:v>1.1282314411808116</c:v>
                </c:pt>
                <c:pt idx="4050">
                  <c:v>1.1282314411808116</c:v>
                </c:pt>
                <c:pt idx="4051">
                  <c:v>0.94489383198892973</c:v>
                </c:pt>
                <c:pt idx="4052">
                  <c:v>0.77565911581180791</c:v>
                </c:pt>
                <c:pt idx="4053">
                  <c:v>0.56411572059040582</c:v>
                </c:pt>
                <c:pt idx="4054">
                  <c:v>0.53590993456088554</c:v>
                </c:pt>
                <c:pt idx="4055">
                  <c:v>0.53590993456088554</c:v>
                </c:pt>
                <c:pt idx="4056">
                  <c:v>0.49423564170758039</c:v>
                </c:pt>
                <c:pt idx="4057">
                  <c:v>0.49423564170758039</c:v>
                </c:pt>
                <c:pt idx="4058">
                  <c:v>0.49423564170758039</c:v>
                </c:pt>
                <c:pt idx="4059">
                  <c:v>0.49423564170758039</c:v>
                </c:pt>
                <c:pt idx="4060">
                  <c:v>0.49423564170758039</c:v>
                </c:pt>
                <c:pt idx="4061">
                  <c:v>0.64250633421985448</c:v>
                </c:pt>
                <c:pt idx="4062">
                  <c:v>0.71664168047599153</c:v>
                </c:pt>
                <c:pt idx="4063">
                  <c:v>0.74135346256137058</c:v>
                </c:pt>
                <c:pt idx="4064">
                  <c:v>0.74135346256137058</c:v>
                </c:pt>
                <c:pt idx="4065">
                  <c:v>0.8031329177748181</c:v>
                </c:pt>
                <c:pt idx="4066">
                  <c:v>0.84020059090288668</c:v>
                </c:pt>
                <c:pt idx="4067">
                  <c:v>0.98847128341516077</c:v>
                </c:pt>
                <c:pt idx="4068">
                  <c:v>0.98847128341516077</c:v>
                </c:pt>
                <c:pt idx="4069">
                  <c:v>0.98847128341516077</c:v>
                </c:pt>
                <c:pt idx="4070">
                  <c:v>0.98847128341516077</c:v>
                </c:pt>
                <c:pt idx="4071">
                  <c:v>0.98847128341516077</c:v>
                </c:pt>
                <c:pt idx="4072">
                  <c:v>0.98847128341516077</c:v>
                </c:pt>
                <c:pt idx="4073">
                  <c:v>0.98847128341516077</c:v>
                </c:pt>
                <c:pt idx="4074">
                  <c:v>0.98847128341516077</c:v>
                </c:pt>
                <c:pt idx="4075">
                  <c:v>0.82784469986019726</c:v>
                </c:pt>
                <c:pt idx="4076">
                  <c:v>0.67957400734792306</c:v>
                </c:pt>
                <c:pt idx="4077">
                  <c:v>0.49423564170758039</c:v>
                </c:pt>
                <c:pt idx="4078">
                  <c:v>0.49423564170758039</c:v>
                </c:pt>
                <c:pt idx="4079">
                  <c:v>0.49423564170758039</c:v>
                </c:pt>
                <c:pt idx="4080">
                  <c:v>0.43973906780664163</c:v>
                </c:pt>
                <c:pt idx="4081">
                  <c:v>0.49470645128247176</c:v>
                </c:pt>
                <c:pt idx="4082">
                  <c:v>0.49470645128247176</c:v>
                </c:pt>
                <c:pt idx="4083">
                  <c:v>0.49470645128247176</c:v>
                </c:pt>
                <c:pt idx="4084">
                  <c:v>0.49470645128247176</c:v>
                </c:pt>
                <c:pt idx="4085">
                  <c:v>0.6376216483196302</c:v>
                </c:pt>
                <c:pt idx="4086">
                  <c:v>0.73656293857612487</c:v>
                </c:pt>
                <c:pt idx="4087">
                  <c:v>0.73656293857612487</c:v>
                </c:pt>
                <c:pt idx="4088">
                  <c:v>0.73656293857612487</c:v>
                </c:pt>
                <c:pt idx="4089">
                  <c:v>0.79153032205195484</c:v>
                </c:pt>
                <c:pt idx="4090">
                  <c:v>0.85749118222295106</c:v>
                </c:pt>
                <c:pt idx="4091">
                  <c:v>0.98941290256494352</c:v>
                </c:pt>
                <c:pt idx="4092">
                  <c:v>0.98941290256494352</c:v>
                </c:pt>
                <c:pt idx="4093">
                  <c:v>0.98941290256494352</c:v>
                </c:pt>
                <c:pt idx="4094">
                  <c:v>0.98941290256494352</c:v>
                </c:pt>
                <c:pt idx="4095">
                  <c:v>0.98941290256494352</c:v>
                </c:pt>
                <c:pt idx="4096">
                  <c:v>0.98941290256494352</c:v>
                </c:pt>
                <c:pt idx="4097">
                  <c:v>0.98941290256494352</c:v>
                </c:pt>
                <c:pt idx="4098">
                  <c:v>0.98941290256494352</c:v>
                </c:pt>
                <c:pt idx="4099">
                  <c:v>0.82451075213745306</c:v>
                </c:pt>
                <c:pt idx="4100">
                  <c:v>0.65960860170996249</c:v>
                </c:pt>
                <c:pt idx="4101">
                  <c:v>0.49470645128247176</c:v>
                </c:pt>
                <c:pt idx="4102">
                  <c:v>0.49470645128247176</c:v>
                </c:pt>
                <c:pt idx="4103">
                  <c:v>0.49470645128247176</c:v>
                </c:pt>
                <c:pt idx="4104">
                  <c:v>0.49008965749827244</c:v>
                </c:pt>
                <c:pt idx="4105">
                  <c:v>0.49008965749827244</c:v>
                </c:pt>
                <c:pt idx="4106">
                  <c:v>0.49008965749827244</c:v>
                </c:pt>
                <c:pt idx="4107">
                  <c:v>0.49008965749827244</c:v>
                </c:pt>
                <c:pt idx="4108">
                  <c:v>0.49008965749827244</c:v>
                </c:pt>
                <c:pt idx="4109">
                  <c:v>0.63167111410888432</c:v>
                </c:pt>
                <c:pt idx="4110">
                  <c:v>0.72968904560853898</c:v>
                </c:pt>
                <c:pt idx="4111">
                  <c:v>0.72968904560853898</c:v>
                </c:pt>
                <c:pt idx="4112">
                  <c:v>0.72968904560853898</c:v>
                </c:pt>
                <c:pt idx="4113">
                  <c:v>0.7841434519972359</c:v>
                </c:pt>
                <c:pt idx="4114">
                  <c:v>0.84948873966367222</c:v>
                </c:pt>
                <c:pt idx="4115">
                  <c:v>0.98017931499654487</c:v>
                </c:pt>
                <c:pt idx="4116">
                  <c:v>0.98017931499654487</c:v>
                </c:pt>
                <c:pt idx="4117">
                  <c:v>0.98017931499654487</c:v>
                </c:pt>
                <c:pt idx="4118">
                  <c:v>0.98017931499654487</c:v>
                </c:pt>
                <c:pt idx="4119">
                  <c:v>0.98017931499654487</c:v>
                </c:pt>
                <c:pt idx="4120">
                  <c:v>0.98017931499654487</c:v>
                </c:pt>
                <c:pt idx="4121">
                  <c:v>0.98017931499654487</c:v>
                </c:pt>
                <c:pt idx="4122">
                  <c:v>0.98017931499654487</c:v>
                </c:pt>
                <c:pt idx="4123">
                  <c:v>0.816816095830454</c:v>
                </c:pt>
                <c:pt idx="4124">
                  <c:v>0.65345287666436325</c:v>
                </c:pt>
                <c:pt idx="4125">
                  <c:v>0.49008965749827244</c:v>
                </c:pt>
                <c:pt idx="4126">
                  <c:v>0.49008965749827244</c:v>
                </c:pt>
                <c:pt idx="4127">
                  <c:v>0.49008965749827244</c:v>
                </c:pt>
                <c:pt idx="4128">
                  <c:v>0.55913050364306449</c:v>
                </c:pt>
                <c:pt idx="4129">
                  <c:v>0.55913050364306449</c:v>
                </c:pt>
                <c:pt idx="4130">
                  <c:v>0.55913050364306449</c:v>
                </c:pt>
                <c:pt idx="4131">
                  <c:v>0.55913050364306449</c:v>
                </c:pt>
                <c:pt idx="4132">
                  <c:v>0.55913050364306449</c:v>
                </c:pt>
                <c:pt idx="4133">
                  <c:v>0.72065709358439434</c:v>
                </c:pt>
                <c:pt idx="4134">
                  <c:v>0.86975856122254491</c:v>
                </c:pt>
                <c:pt idx="4135">
                  <c:v>0.86975856122254491</c:v>
                </c:pt>
                <c:pt idx="4136">
                  <c:v>0.86975856122254491</c:v>
                </c:pt>
                <c:pt idx="4137">
                  <c:v>0.93188417273844093</c:v>
                </c:pt>
                <c:pt idx="4138">
                  <c:v>0.96915953964797863</c:v>
                </c:pt>
                <c:pt idx="4139">
                  <c:v>1.118261007286129</c:v>
                </c:pt>
                <c:pt idx="4140">
                  <c:v>1.118261007286129</c:v>
                </c:pt>
                <c:pt idx="4141">
                  <c:v>1.118261007286129</c:v>
                </c:pt>
                <c:pt idx="4142">
                  <c:v>1.118261007286129</c:v>
                </c:pt>
                <c:pt idx="4143">
                  <c:v>0.93188417273844093</c:v>
                </c:pt>
                <c:pt idx="4144">
                  <c:v>0.88218368352572429</c:v>
                </c:pt>
                <c:pt idx="4145">
                  <c:v>0.88218368352572429</c:v>
                </c:pt>
                <c:pt idx="4146">
                  <c:v>0.88218368352572429</c:v>
                </c:pt>
                <c:pt idx="4147">
                  <c:v>0.88218368352572429</c:v>
                </c:pt>
                <c:pt idx="4148">
                  <c:v>0.68338172667485664</c:v>
                </c:pt>
                <c:pt idx="4149">
                  <c:v>0.26092756836676345</c:v>
                </c:pt>
                <c:pt idx="4150">
                  <c:v>0.26092756836676345</c:v>
                </c:pt>
                <c:pt idx="4151">
                  <c:v>0.26092756836676345</c:v>
                </c:pt>
                <c:pt idx="4152">
                  <c:v>0.12998563278068345</c:v>
                </c:pt>
                <c:pt idx="4153">
                  <c:v>0.25378147352419161</c:v>
                </c:pt>
                <c:pt idx="4154">
                  <c:v>0.25378147352419161</c:v>
                </c:pt>
                <c:pt idx="4155">
                  <c:v>0.25378147352419161</c:v>
                </c:pt>
                <c:pt idx="4156">
                  <c:v>0.25378147352419161</c:v>
                </c:pt>
                <c:pt idx="4157">
                  <c:v>0.31567939389594563</c:v>
                </c:pt>
                <c:pt idx="4158">
                  <c:v>0.39614669037922584</c:v>
                </c:pt>
                <c:pt idx="4159">
                  <c:v>0.45185481871380451</c:v>
                </c:pt>
                <c:pt idx="4160">
                  <c:v>0.45185481871380451</c:v>
                </c:pt>
                <c:pt idx="4161">
                  <c:v>0.45185481871380451</c:v>
                </c:pt>
                <c:pt idx="4162">
                  <c:v>0.45185481871380451</c:v>
                </c:pt>
                <c:pt idx="4163">
                  <c:v>0.45185481871380451</c:v>
                </c:pt>
                <c:pt idx="4164">
                  <c:v>0.45185481871380451</c:v>
                </c:pt>
                <c:pt idx="4165">
                  <c:v>0.45185481871380451</c:v>
                </c:pt>
                <c:pt idx="4166">
                  <c:v>0.45185481871380451</c:v>
                </c:pt>
                <c:pt idx="4167">
                  <c:v>0.40852627445357664</c:v>
                </c:pt>
                <c:pt idx="4168">
                  <c:v>0.37138752223052424</c:v>
                </c:pt>
                <c:pt idx="4169">
                  <c:v>0.33424877000747183</c:v>
                </c:pt>
                <c:pt idx="4170">
                  <c:v>0.32186918593312097</c:v>
                </c:pt>
                <c:pt idx="4171">
                  <c:v>0.2599712655613669</c:v>
                </c:pt>
                <c:pt idx="4172">
                  <c:v>0.19188355315243749</c:v>
                </c:pt>
                <c:pt idx="4173">
                  <c:v>0.19188355315243749</c:v>
                </c:pt>
                <c:pt idx="4174">
                  <c:v>0.19188355315243749</c:v>
                </c:pt>
                <c:pt idx="4175">
                  <c:v>0.19188355315243749</c:v>
                </c:pt>
                <c:pt idx="4176">
                  <c:v>0.17675605488751703</c:v>
                </c:pt>
                <c:pt idx="4177">
                  <c:v>0.20526509599840684</c:v>
                </c:pt>
                <c:pt idx="4178">
                  <c:v>0.20526509599840684</c:v>
                </c:pt>
                <c:pt idx="4179">
                  <c:v>0.20526509599840684</c:v>
                </c:pt>
                <c:pt idx="4180">
                  <c:v>0.20526509599840684</c:v>
                </c:pt>
                <c:pt idx="4181">
                  <c:v>0.25658136999800857</c:v>
                </c:pt>
                <c:pt idx="4182">
                  <c:v>0.30219583577543235</c:v>
                </c:pt>
                <c:pt idx="4183">
                  <c:v>0.35921391799721197</c:v>
                </c:pt>
                <c:pt idx="4184">
                  <c:v>0.35921391799721197</c:v>
                </c:pt>
                <c:pt idx="4185">
                  <c:v>0.35921391799721197</c:v>
                </c:pt>
                <c:pt idx="4186">
                  <c:v>0.35921391799721197</c:v>
                </c:pt>
                <c:pt idx="4187">
                  <c:v>0.35921391799721197</c:v>
                </c:pt>
                <c:pt idx="4188">
                  <c:v>0.35921391799721197</c:v>
                </c:pt>
                <c:pt idx="4189">
                  <c:v>0.35921391799721197</c:v>
                </c:pt>
                <c:pt idx="4190">
                  <c:v>0.35921391799721197</c:v>
                </c:pt>
                <c:pt idx="4191">
                  <c:v>0.31930126044196627</c:v>
                </c:pt>
                <c:pt idx="4192">
                  <c:v>0.31359945221978824</c:v>
                </c:pt>
                <c:pt idx="4193">
                  <c:v>0.26798498644236451</c:v>
                </c:pt>
                <c:pt idx="4194">
                  <c:v>0.25087956177583065</c:v>
                </c:pt>
                <c:pt idx="4195">
                  <c:v>0.21096690422058484</c:v>
                </c:pt>
                <c:pt idx="4196">
                  <c:v>0.17675605488751703</c:v>
                </c:pt>
                <c:pt idx="4197">
                  <c:v>0.15394882199880516</c:v>
                </c:pt>
                <c:pt idx="4198">
                  <c:v>0.15394882199880516</c:v>
                </c:pt>
                <c:pt idx="4199">
                  <c:v>0.15394882199880516</c:v>
                </c:pt>
                <c:pt idx="4200">
                  <c:v>0.17082212244856801</c:v>
                </c:pt>
                <c:pt idx="4201">
                  <c:v>0.17082212244856801</c:v>
                </c:pt>
                <c:pt idx="4202">
                  <c:v>0.17082212244856801</c:v>
                </c:pt>
                <c:pt idx="4203">
                  <c:v>0.17082212244856801</c:v>
                </c:pt>
                <c:pt idx="4204">
                  <c:v>0.17082212244856801</c:v>
                </c:pt>
                <c:pt idx="4205">
                  <c:v>0.7402291972771281</c:v>
                </c:pt>
                <c:pt idx="4206">
                  <c:v>0.83987543537212617</c:v>
                </c:pt>
                <c:pt idx="4207">
                  <c:v>0.83987543537212617</c:v>
                </c:pt>
                <c:pt idx="4208">
                  <c:v>0.83987543537212617</c:v>
                </c:pt>
                <c:pt idx="4209">
                  <c:v>0.89681614285498212</c:v>
                </c:pt>
                <c:pt idx="4210">
                  <c:v>0.89681614285498212</c:v>
                </c:pt>
                <c:pt idx="4211">
                  <c:v>1.1388141496571202</c:v>
                </c:pt>
                <c:pt idx="4212">
                  <c:v>1.1388141496571202</c:v>
                </c:pt>
                <c:pt idx="4213">
                  <c:v>0.75446437414784207</c:v>
                </c:pt>
                <c:pt idx="4214">
                  <c:v>1.1388141496571202</c:v>
                </c:pt>
                <c:pt idx="4215">
                  <c:v>1.1388141496571202</c:v>
                </c:pt>
                <c:pt idx="4216">
                  <c:v>1.1388141496571202</c:v>
                </c:pt>
                <c:pt idx="4217">
                  <c:v>1.1388141496571202</c:v>
                </c:pt>
                <c:pt idx="4218">
                  <c:v>1.1388141496571202</c:v>
                </c:pt>
                <c:pt idx="4219">
                  <c:v>0.95375685033783819</c:v>
                </c:pt>
                <c:pt idx="4220">
                  <c:v>0.78293472788926999</c:v>
                </c:pt>
                <c:pt idx="4221">
                  <c:v>0.56940707482856012</c:v>
                </c:pt>
                <c:pt idx="4222">
                  <c:v>0.54093672108713209</c:v>
                </c:pt>
                <c:pt idx="4223">
                  <c:v>0.54093672108713209</c:v>
                </c:pt>
                <c:pt idx="4224">
                  <c:v>0.48187328052556705</c:v>
                </c:pt>
                <c:pt idx="4225">
                  <c:v>0.48187328052556705</c:v>
                </c:pt>
                <c:pt idx="4226">
                  <c:v>0.48187328052556705</c:v>
                </c:pt>
                <c:pt idx="4227">
                  <c:v>0.48187328052556705</c:v>
                </c:pt>
                <c:pt idx="4228">
                  <c:v>0.48187328052556705</c:v>
                </c:pt>
                <c:pt idx="4229">
                  <c:v>0.62643526468323707</c:v>
                </c:pt>
                <c:pt idx="4230">
                  <c:v>0.69871625676207216</c:v>
                </c:pt>
                <c:pt idx="4231">
                  <c:v>0.7228099207883506</c:v>
                </c:pt>
                <c:pt idx="4232">
                  <c:v>0.7228099207883506</c:v>
                </c:pt>
                <c:pt idx="4233">
                  <c:v>0.78304408085404653</c:v>
                </c:pt>
                <c:pt idx="4234">
                  <c:v>0.81918457689346391</c:v>
                </c:pt>
                <c:pt idx="4235">
                  <c:v>0.9637465610511341</c:v>
                </c:pt>
                <c:pt idx="4236">
                  <c:v>0.9637465610511341</c:v>
                </c:pt>
                <c:pt idx="4237">
                  <c:v>0.9637465610511341</c:v>
                </c:pt>
                <c:pt idx="4238">
                  <c:v>0.9637465610511341</c:v>
                </c:pt>
                <c:pt idx="4239">
                  <c:v>0.9637465610511341</c:v>
                </c:pt>
                <c:pt idx="4240">
                  <c:v>0.9637465610511341</c:v>
                </c:pt>
                <c:pt idx="4241">
                  <c:v>0.9637465610511341</c:v>
                </c:pt>
                <c:pt idx="4242">
                  <c:v>0.9637465610511341</c:v>
                </c:pt>
                <c:pt idx="4243">
                  <c:v>0.80713774488032486</c:v>
                </c:pt>
                <c:pt idx="4244">
                  <c:v>0.66257576072265467</c:v>
                </c:pt>
                <c:pt idx="4245">
                  <c:v>0.48187328052556705</c:v>
                </c:pt>
                <c:pt idx="4246">
                  <c:v>0.48187328052556705</c:v>
                </c:pt>
                <c:pt idx="4247">
                  <c:v>0.48187328052556705</c:v>
                </c:pt>
                <c:pt idx="4248">
                  <c:v>0.45146240792539377</c:v>
                </c:pt>
                <c:pt idx="4249">
                  <c:v>0.50789520891606799</c:v>
                </c:pt>
                <c:pt idx="4250">
                  <c:v>0.50789520891606799</c:v>
                </c:pt>
                <c:pt idx="4251">
                  <c:v>0.50789520891606799</c:v>
                </c:pt>
                <c:pt idx="4252">
                  <c:v>0.50789520891606799</c:v>
                </c:pt>
                <c:pt idx="4253">
                  <c:v>0.65462049149182089</c:v>
                </c:pt>
                <c:pt idx="4254">
                  <c:v>0.75619953327503464</c:v>
                </c:pt>
                <c:pt idx="4255">
                  <c:v>0.75619953327503464</c:v>
                </c:pt>
                <c:pt idx="4256">
                  <c:v>0.75619953327503464</c:v>
                </c:pt>
                <c:pt idx="4257">
                  <c:v>0.8126323342657088</c:v>
                </c:pt>
                <c:pt idx="4258">
                  <c:v>0.88035169545451775</c:v>
                </c:pt>
                <c:pt idx="4259">
                  <c:v>1.015790417832136</c:v>
                </c:pt>
                <c:pt idx="4260">
                  <c:v>1.015790417832136</c:v>
                </c:pt>
                <c:pt idx="4261">
                  <c:v>1.015790417832136</c:v>
                </c:pt>
                <c:pt idx="4262">
                  <c:v>1.015790417832136</c:v>
                </c:pt>
                <c:pt idx="4263">
                  <c:v>1.015790417832136</c:v>
                </c:pt>
                <c:pt idx="4264">
                  <c:v>1.015790417832136</c:v>
                </c:pt>
                <c:pt idx="4265">
                  <c:v>1.015790417832136</c:v>
                </c:pt>
                <c:pt idx="4266">
                  <c:v>1.015790417832136</c:v>
                </c:pt>
                <c:pt idx="4267">
                  <c:v>0.84649201486011327</c:v>
                </c:pt>
                <c:pt idx="4268">
                  <c:v>0.67719361188809069</c:v>
                </c:pt>
                <c:pt idx="4269">
                  <c:v>0.50789520891606799</c:v>
                </c:pt>
                <c:pt idx="4270">
                  <c:v>0.50789520891606799</c:v>
                </c:pt>
                <c:pt idx="4271">
                  <c:v>0.50789520891606799</c:v>
                </c:pt>
                <c:pt idx="4272">
                  <c:v>0.50323780935097695</c:v>
                </c:pt>
                <c:pt idx="4273">
                  <c:v>0.50323780935097695</c:v>
                </c:pt>
                <c:pt idx="4274">
                  <c:v>0.50323780935097695</c:v>
                </c:pt>
                <c:pt idx="4275">
                  <c:v>0.50323780935097695</c:v>
                </c:pt>
                <c:pt idx="4276">
                  <c:v>0.50323780935097695</c:v>
                </c:pt>
                <c:pt idx="4277">
                  <c:v>0.64861762094125919</c:v>
                </c:pt>
                <c:pt idx="4278">
                  <c:v>0.7492651828114546</c:v>
                </c:pt>
                <c:pt idx="4279">
                  <c:v>0.7492651828114546</c:v>
                </c:pt>
                <c:pt idx="4280">
                  <c:v>0.7492651828114546</c:v>
                </c:pt>
                <c:pt idx="4281">
                  <c:v>0.80518049496156319</c:v>
                </c:pt>
                <c:pt idx="4282">
                  <c:v>0.87227886954169342</c:v>
                </c:pt>
                <c:pt idx="4283">
                  <c:v>1.0064756187019539</c:v>
                </c:pt>
                <c:pt idx="4284">
                  <c:v>1.0064756187019539</c:v>
                </c:pt>
                <c:pt idx="4285">
                  <c:v>1.0064756187019539</c:v>
                </c:pt>
                <c:pt idx="4286">
                  <c:v>1.0064756187019539</c:v>
                </c:pt>
                <c:pt idx="4287">
                  <c:v>1.0064756187019539</c:v>
                </c:pt>
                <c:pt idx="4288">
                  <c:v>1.0064756187019539</c:v>
                </c:pt>
                <c:pt idx="4289">
                  <c:v>1.0064756187019539</c:v>
                </c:pt>
                <c:pt idx="4290">
                  <c:v>1.0064756187019539</c:v>
                </c:pt>
                <c:pt idx="4291">
                  <c:v>0.83872968225162825</c:v>
                </c:pt>
                <c:pt idx="4292">
                  <c:v>0.6709837458013026</c:v>
                </c:pt>
                <c:pt idx="4293">
                  <c:v>0.50323780935097695</c:v>
                </c:pt>
                <c:pt idx="4294">
                  <c:v>0.50323780935097695</c:v>
                </c:pt>
                <c:pt idx="4295">
                  <c:v>0.50323780935097695</c:v>
                </c:pt>
                <c:pt idx="4296">
                  <c:v>0.57225831604385313</c:v>
                </c:pt>
                <c:pt idx="4297">
                  <c:v>0.57225831604385313</c:v>
                </c:pt>
                <c:pt idx="4298">
                  <c:v>0.57225831604385313</c:v>
                </c:pt>
                <c:pt idx="4299">
                  <c:v>0.57225831604385313</c:v>
                </c:pt>
                <c:pt idx="4300">
                  <c:v>0.57225831604385313</c:v>
                </c:pt>
                <c:pt idx="4301">
                  <c:v>0.73757738512318849</c:v>
                </c:pt>
                <c:pt idx="4302">
                  <c:v>0.89017960273488261</c:v>
                </c:pt>
                <c:pt idx="4303">
                  <c:v>0.89017960273488261</c:v>
                </c:pt>
                <c:pt idx="4304">
                  <c:v>0.89017960273488261</c:v>
                </c:pt>
                <c:pt idx="4305">
                  <c:v>0.95376386007308855</c:v>
                </c:pt>
                <c:pt idx="4306">
                  <c:v>0.99191441447601214</c:v>
                </c:pt>
                <c:pt idx="4307">
                  <c:v>1.1445166320877063</c:v>
                </c:pt>
                <c:pt idx="4308">
                  <c:v>1.1445166320877063</c:v>
                </c:pt>
                <c:pt idx="4309">
                  <c:v>1.1445166320877063</c:v>
                </c:pt>
                <c:pt idx="4310">
                  <c:v>1.1445166320877063</c:v>
                </c:pt>
                <c:pt idx="4311">
                  <c:v>0.95376386007308855</c:v>
                </c:pt>
                <c:pt idx="4312">
                  <c:v>0.90289645420252385</c:v>
                </c:pt>
                <c:pt idx="4313">
                  <c:v>0.90289645420252385</c:v>
                </c:pt>
                <c:pt idx="4314">
                  <c:v>0.90289645420252385</c:v>
                </c:pt>
                <c:pt idx="4315">
                  <c:v>0.90289645420252385</c:v>
                </c:pt>
                <c:pt idx="4316">
                  <c:v>0.69942683072026501</c:v>
                </c:pt>
                <c:pt idx="4317">
                  <c:v>0.26705388082046477</c:v>
                </c:pt>
                <c:pt idx="4318">
                  <c:v>0.26705388082046477</c:v>
                </c:pt>
                <c:pt idx="4319">
                  <c:v>0.26705388082046477</c:v>
                </c:pt>
                <c:pt idx="4320">
                  <c:v>0.12491451145359361</c:v>
                </c:pt>
                <c:pt idx="4321">
                  <c:v>0.2438807128379685</c:v>
                </c:pt>
                <c:pt idx="4322">
                  <c:v>0.2438807128379685</c:v>
                </c:pt>
                <c:pt idx="4323">
                  <c:v>0.2438807128379685</c:v>
                </c:pt>
                <c:pt idx="4324">
                  <c:v>0.2438807128379685</c:v>
                </c:pt>
                <c:pt idx="4325">
                  <c:v>0.3033638135301559</c:v>
                </c:pt>
                <c:pt idx="4326">
                  <c:v>0.38069184442999954</c:v>
                </c:pt>
                <c:pt idx="4327">
                  <c:v>0.43422663505296827</c:v>
                </c:pt>
                <c:pt idx="4328">
                  <c:v>0.43422663505296827</c:v>
                </c:pt>
                <c:pt idx="4329">
                  <c:v>0.43422663505296827</c:v>
                </c:pt>
                <c:pt idx="4330">
                  <c:v>0.43422663505296827</c:v>
                </c:pt>
                <c:pt idx="4331">
                  <c:v>0.43422663505296827</c:v>
                </c:pt>
                <c:pt idx="4332">
                  <c:v>0.43422663505296827</c:v>
                </c:pt>
                <c:pt idx="4333">
                  <c:v>0.43422663505296827</c:v>
                </c:pt>
                <c:pt idx="4334">
                  <c:v>0.43422663505296827</c:v>
                </c:pt>
                <c:pt idx="4335">
                  <c:v>0.39258846456843705</c:v>
                </c:pt>
                <c:pt idx="4336">
                  <c:v>0.35689860415312458</c:v>
                </c:pt>
                <c:pt idx="4337">
                  <c:v>0.32120874373781216</c:v>
                </c:pt>
                <c:pt idx="4338">
                  <c:v>0.3093121235993746</c:v>
                </c:pt>
                <c:pt idx="4339">
                  <c:v>0.24982902290718723</c:v>
                </c:pt>
                <c:pt idx="4340">
                  <c:v>0.18439761214578104</c:v>
                </c:pt>
                <c:pt idx="4341">
                  <c:v>0.18439761214578104</c:v>
                </c:pt>
                <c:pt idx="4342">
                  <c:v>0.18439761214578104</c:v>
                </c:pt>
                <c:pt idx="4343">
                  <c:v>0.18439761214578104</c:v>
                </c:pt>
                <c:pt idx="4344">
                  <c:v>0.20471077329206</c:v>
                </c:pt>
                <c:pt idx="4345">
                  <c:v>0.23772863995206966</c:v>
                </c:pt>
                <c:pt idx="4346">
                  <c:v>0.23772863995206966</c:v>
                </c:pt>
                <c:pt idx="4347">
                  <c:v>0.23772863995206966</c:v>
                </c:pt>
                <c:pt idx="4348">
                  <c:v>0.23772863995206966</c:v>
                </c:pt>
                <c:pt idx="4349">
                  <c:v>0.29716079994008709</c:v>
                </c:pt>
                <c:pt idx="4350">
                  <c:v>0.34998938659610257</c:v>
                </c:pt>
                <c:pt idx="4351">
                  <c:v>0.41602511991612195</c:v>
                </c:pt>
                <c:pt idx="4352">
                  <c:v>0.41602511991612195</c:v>
                </c:pt>
                <c:pt idx="4353">
                  <c:v>0.41602511991612195</c:v>
                </c:pt>
                <c:pt idx="4354">
                  <c:v>0.41602511991612195</c:v>
                </c:pt>
                <c:pt idx="4355">
                  <c:v>0.41602511991612195</c:v>
                </c:pt>
                <c:pt idx="4356">
                  <c:v>0.41602511991612195</c:v>
                </c:pt>
                <c:pt idx="4357">
                  <c:v>0.41602511991612195</c:v>
                </c:pt>
                <c:pt idx="4358">
                  <c:v>0.41602511991612195</c:v>
                </c:pt>
                <c:pt idx="4359">
                  <c:v>0.36980010659210838</c:v>
                </c:pt>
                <c:pt idx="4360">
                  <c:v>0.36319653326010642</c:v>
                </c:pt>
                <c:pt idx="4361">
                  <c:v>0.31036794660409095</c:v>
                </c:pt>
                <c:pt idx="4362">
                  <c:v>0.29055722660808514</c:v>
                </c:pt>
                <c:pt idx="4363">
                  <c:v>0.24433221328407165</c:v>
                </c:pt>
                <c:pt idx="4364">
                  <c:v>0.20471077329206</c:v>
                </c:pt>
                <c:pt idx="4365">
                  <c:v>0.17829647996405226</c:v>
                </c:pt>
                <c:pt idx="4366">
                  <c:v>0.17829647996405226</c:v>
                </c:pt>
                <c:pt idx="4367">
                  <c:v>0.17829647996405226</c:v>
                </c:pt>
                <c:pt idx="4368">
                  <c:v>0.17412921884741453</c:v>
                </c:pt>
                <c:pt idx="4369">
                  <c:v>0.17412921884741453</c:v>
                </c:pt>
                <c:pt idx="4370">
                  <c:v>0.17412921884741453</c:v>
                </c:pt>
                <c:pt idx="4371">
                  <c:v>0.17412921884741453</c:v>
                </c:pt>
                <c:pt idx="4372">
                  <c:v>0.17412921884741453</c:v>
                </c:pt>
                <c:pt idx="4373">
                  <c:v>0.75455994833879614</c:v>
                </c:pt>
                <c:pt idx="4374">
                  <c:v>0.85613532599978803</c:v>
                </c:pt>
                <c:pt idx="4375">
                  <c:v>0.85613532599978803</c:v>
                </c:pt>
                <c:pt idx="4376">
                  <c:v>0.85613532599978803</c:v>
                </c:pt>
                <c:pt idx="4377">
                  <c:v>0.91417839894892627</c:v>
                </c:pt>
                <c:pt idx="4378">
                  <c:v>0.91417839894892627</c:v>
                </c:pt>
                <c:pt idx="4379">
                  <c:v>1.1608614589827635</c:v>
                </c:pt>
                <c:pt idx="4380">
                  <c:v>1.1608614589827635</c:v>
                </c:pt>
                <c:pt idx="4381">
                  <c:v>0.76907071657608073</c:v>
                </c:pt>
                <c:pt idx="4382">
                  <c:v>1.1608614589827635</c:v>
                </c:pt>
                <c:pt idx="4383">
                  <c:v>1.1608614589827635</c:v>
                </c:pt>
                <c:pt idx="4384">
                  <c:v>1.1608614589827635</c:v>
                </c:pt>
                <c:pt idx="4385">
                  <c:v>1.1608614589827635</c:v>
                </c:pt>
                <c:pt idx="4386">
                  <c:v>1.1608614589827635</c:v>
                </c:pt>
                <c:pt idx="4387">
                  <c:v>0.9722214718980644</c:v>
                </c:pt>
                <c:pt idx="4388">
                  <c:v>0.7980922530506499</c:v>
                </c:pt>
                <c:pt idx="4389">
                  <c:v>0.58043072949138175</c:v>
                </c:pt>
                <c:pt idx="4390">
                  <c:v>0.55140919301681257</c:v>
                </c:pt>
                <c:pt idx="4391">
                  <c:v>0.55140919301681257</c:v>
                </c:pt>
                <c:pt idx="4392">
                  <c:v>0.51973301164548258</c:v>
                </c:pt>
                <c:pt idx="4393">
                  <c:v>0.51973301164548258</c:v>
                </c:pt>
                <c:pt idx="4394">
                  <c:v>0.51973301164548258</c:v>
                </c:pt>
                <c:pt idx="4395">
                  <c:v>0.51973301164548258</c:v>
                </c:pt>
                <c:pt idx="4396">
                  <c:v>0.51973301164548258</c:v>
                </c:pt>
                <c:pt idx="4397">
                  <c:v>0.6756529151391274</c:v>
                </c:pt>
                <c:pt idx="4398">
                  <c:v>0.75361286688594964</c:v>
                </c:pt>
                <c:pt idx="4399">
                  <c:v>0.77959951746822387</c:v>
                </c:pt>
                <c:pt idx="4400">
                  <c:v>0.77959951746822387</c:v>
                </c:pt>
                <c:pt idx="4401">
                  <c:v>0.84456614392390916</c:v>
                </c:pt>
                <c:pt idx="4402">
                  <c:v>0.88354611979732045</c:v>
                </c:pt>
                <c:pt idx="4403">
                  <c:v>1.0394660232909652</c:v>
                </c:pt>
                <c:pt idx="4404">
                  <c:v>1.0394660232909652</c:v>
                </c:pt>
                <c:pt idx="4405">
                  <c:v>1.0394660232909652</c:v>
                </c:pt>
                <c:pt idx="4406">
                  <c:v>1.0394660232909652</c:v>
                </c:pt>
                <c:pt idx="4407">
                  <c:v>1.0394660232909652</c:v>
                </c:pt>
                <c:pt idx="4408">
                  <c:v>1.0394660232909652</c:v>
                </c:pt>
                <c:pt idx="4409">
                  <c:v>1.0394660232909652</c:v>
                </c:pt>
                <c:pt idx="4410">
                  <c:v>1.0394660232909652</c:v>
                </c:pt>
                <c:pt idx="4411">
                  <c:v>0.87055279450618339</c:v>
                </c:pt>
                <c:pt idx="4412">
                  <c:v>0.71463289101253846</c:v>
                </c:pt>
                <c:pt idx="4413">
                  <c:v>0.51973301164548258</c:v>
                </c:pt>
                <c:pt idx="4414">
                  <c:v>0.51973301164548258</c:v>
                </c:pt>
                <c:pt idx="4415">
                  <c:v>0.51973301164548258</c:v>
                </c:pt>
                <c:pt idx="4416">
                  <c:v>0.47077143870922084</c:v>
                </c:pt>
                <c:pt idx="4417">
                  <c:v>0.5296178685478734</c:v>
                </c:pt>
                <c:pt idx="4418">
                  <c:v>0.5296178685478734</c:v>
                </c:pt>
                <c:pt idx="4419">
                  <c:v>0.5296178685478734</c:v>
                </c:pt>
                <c:pt idx="4420">
                  <c:v>0.5296178685478734</c:v>
                </c:pt>
                <c:pt idx="4421">
                  <c:v>0.68261858612837012</c:v>
                </c:pt>
                <c:pt idx="4422">
                  <c:v>0.78854215983794507</c:v>
                </c:pt>
                <c:pt idx="4423">
                  <c:v>0.78854215983794507</c:v>
                </c:pt>
                <c:pt idx="4424">
                  <c:v>0.78854215983794507</c:v>
                </c:pt>
                <c:pt idx="4425">
                  <c:v>0.84738858967659747</c:v>
                </c:pt>
                <c:pt idx="4426">
                  <c:v>0.91800430548298062</c:v>
                </c:pt>
                <c:pt idx="4427">
                  <c:v>1.0592357370957468</c:v>
                </c:pt>
                <c:pt idx="4428">
                  <c:v>1.0592357370957468</c:v>
                </c:pt>
                <c:pt idx="4429">
                  <c:v>1.0592357370957468</c:v>
                </c:pt>
                <c:pt idx="4430">
                  <c:v>1.0592357370957468</c:v>
                </c:pt>
                <c:pt idx="4431">
                  <c:v>1.0592357370957468</c:v>
                </c:pt>
                <c:pt idx="4432">
                  <c:v>1.0592357370957468</c:v>
                </c:pt>
                <c:pt idx="4433">
                  <c:v>1.0592357370957468</c:v>
                </c:pt>
                <c:pt idx="4434">
                  <c:v>1.0592357370957468</c:v>
                </c:pt>
                <c:pt idx="4435">
                  <c:v>0.88269644757978905</c:v>
                </c:pt>
                <c:pt idx="4436">
                  <c:v>0.70615715806383139</c:v>
                </c:pt>
                <c:pt idx="4437">
                  <c:v>0.5296178685478734</c:v>
                </c:pt>
                <c:pt idx="4438">
                  <c:v>0.5296178685478734</c:v>
                </c:pt>
                <c:pt idx="4439">
                  <c:v>0.5296178685478734</c:v>
                </c:pt>
                <c:pt idx="4440">
                  <c:v>0.51561254050646366</c:v>
                </c:pt>
                <c:pt idx="4441">
                  <c:v>0.51561254050646366</c:v>
                </c:pt>
                <c:pt idx="4442">
                  <c:v>0.51561254050646366</c:v>
                </c:pt>
                <c:pt idx="4443">
                  <c:v>0.51561254050646366</c:v>
                </c:pt>
                <c:pt idx="4444">
                  <c:v>0.51561254050646366</c:v>
                </c:pt>
                <c:pt idx="4445">
                  <c:v>0.66456727443055308</c:v>
                </c:pt>
                <c:pt idx="4446">
                  <c:v>0.76768978253184583</c:v>
                </c:pt>
                <c:pt idx="4447">
                  <c:v>0.76768978253184583</c:v>
                </c:pt>
                <c:pt idx="4448">
                  <c:v>0.76768978253184583</c:v>
                </c:pt>
                <c:pt idx="4449">
                  <c:v>0.8249800648103417</c:v>
                </c:pt>
                <c:pt idx="4450">
                  <c:v>0.89372840354453686</c:v>
                </c:pt>
                <c:pt idx="4451">
                  <c:v>1.0312250810129273</c:v>
                </c:pt>
                <c:pt idx="4452">
                  <c:v>1.0312250810129273</c:v>
                </c:pt>
                <c:pt idx="4453">
                  <c:v>1.0312250810129273</c:v>
                </c:pt>
                <c:pt idx="4454">
                  <c:v>1.0312250810129273</c:v>
                </c:pt>
                <c:pt idx="4455">
                  <c:v>1.0312250810129273</c:v>
                </c:pt>
                <c:pt idx="4456">
                  <c:v>1.0312250810129273</c:v>
                </c:pt>
                <c:pt idx="4457">
                  <c:v>1.0312250810129273</c:v>
                </c:pt>
                <c:pt idx="4458">
                  <c:v>1.0312250810129273</c:v>
                </c:pt>
                <c:pt idx="4459">
                  <c:v>0.85935423417743928</c:v>
                </c:pt>
                <c:pt idx="4460">
                  <c:v>0.68748338734195158</c:v>
                </c:pt>
                <c:pt idx="4461">
                  <c:v>0.51561254050646366</c:v>
                </c:pt>
                <c:pt idx="4462">
                  <c:v>0.51561254050646366</c:v>
                </c:pt>
                <c:pt idx="4463">
                  <c:v>0.51561254050646366</c:v>
                </c:pt>
                <c:pt idx="4464">
                  <c:v>0.56209484837872647</c:v>
                </c:pt>
                <c:pt idx="4465">
                  <c:v>0.56209484837872647</c:v>
                </c:pt>
                <c:pt idx="4466">
                  <c:v>0.56209484837872647</c:v>
                </c:pt>
                <c:pt idx="4467">
                  <c:v>0.56209484837872647</c:v>
                </c:pt>
                <c:pt idx="4468">
                  <c:v>0.56209484837872647</c:v>
                </c:pt>
                <c:pt idx="4469">
                  <c:v>0.72447780457702526</c:v>
                </c:pt>
                <c:pt idx="4470">
                  <c:v>0.8743697641446857</c:v>
                </c:pt>
                <c:pt idx="4471">
                  <c:v>0.8743697641446857</c:v>
                </c:pt>
                <c:pt idx="4472">
                  <c:v>0.8743697641446857</c:v>
                </c:pt>
                <c:pt idx="4473">
                  <c:v>0.93682474729787746</c:v>
                </c:pt>
                <c:pt idx="4474">
                  <c:v>0.97429773718979251</c:v>
                </c:pt>
                <c:pt idx="4475">
                  <c:v>1.1241896967574529</c:v>
                </c:pt>
                <c:pt idx="4476">
                  <c:v>1.1241896967574529</c:v>
                </c:pt>
                <c:pt idx="4477">
                  <c:v>1.1241896967574529</c:v>
                </c:pt>
                <c:pt idx="4478">
                  <c:v>1.1241896967574529</c:v>
                </c:pt>
                <c:pt idx="4479">
                  <c:v>0.93682474729787746</c:v>
                </c:pt>
                <c:pt idx="4480">
                  <c:v>0.88686076077532416</c:v>
                </c:pt>
                <c:pt idx="4481">
                  <c:v>0.88686076077532416</c:v>
                </c:pt>
                <c:pt idx="4482">
                  <c:v>0.88686076077532416</c:v>
                </c:pt>
                <c:pt idx="4483">
                  <c:v>0.88686076077532416</c:v>
                </c:pt>
                <c:pt idx="4484">
                  <c:v>0.6870048146851101</c:v>
                </c:pt>
                <c:pt idx="4485">
                  <c:v>0.26231092924340571</c:v>
                </c:pt>
                <c:pt idx="4486">
                  <c:v>0.26231092924340571</c:v>
                </c:pt>
                <c:pt idx="4487">
                  <c:v>0.26231092924340571</c:v>
                </c:pt>
                <c:pt idx="4488">
                  <c:v>0.10169813016711927</c:v>
                </c:pt>
                <c:pt idx="4489">
                  <c:v>0.19855349223104243</c:v>
                </c:pt>
                <c:pt idx="4490">
                  <c:v>0.19855349223104243</c:v>
                </c:pt>
                <c:pt idx="4491">
                  <c:v>0.19855349223104243</c:v>
                </c:pt>
                <c:pt idx="4492">
                  <c:v>0.19855349223104243</c:v>
                </c:pt>
                <c:pt idx="4493">
                  <c:v>0.24698117326300395</c:v>
                </c:pt>
                <c:pt idx="4494">
                  <c:v>0.30993715860455401</c:v>
                </c:pt>
                <c:pt idx="4495">
                  <c:v>0.35352207153331938</c:v>
                </c:pt>
                <c:pt idx="4496">
                  <c:v>0.35352207153331938</c:v>
                </c:pt>
                <c:pt idx="4497">
                  <c:v>0.35352207153331938</c:v>
                </c:pt>
                <c:pt idx="4498">
                  <c:v>0.35352207153331938</c:v>
                </c:pt>
                <c:pt idx="4499">
                  <c:v>0.35352207153331938</c:v>
                </c:pt>
                <c:pt idx="4500">
                  <c:v>0.35352207153331938</c:v>
                </c:pt>
                <c:pt idx="4501">
                  <c:v>0.35352207153331938</c:v>
                </c:pt>
                <c:pt idx="4502">
                  <c:v>0.35352207153331938</c:v>
                </c:pt>
                <c:pt idx="4503">
                  <c:v>0.31962269481094635</c:v>
                </c:pt>
                <c:pt idx="4504">
                  <c:v>0.29056608619176938</c:v>
                </c:pt>
                <c:pt idx="4505">
                  <c:v>0.26150947757259252</c:v>
                </c:pt>
                <c:pt idx="4506">
                  <c:v>0.25182394136620012</c:v>
                </c:pt>
                <c:pt idx="4507">
                  <c:v>0.20339626033423855</c:v>
                </c:pt>
                <c:pt idx="4508">
                  <c:v>0.15012581119908083</c:v>
                </c:pt>
                <c:pt idx="4509">
                  <c:v>0.15012581119908083</c:v>
                </c:pt>
                <c:pt idx="4510">
                  <c:v>0.15012581119908083</c:v>
                </c:pt>
                <c:pt idx="4511">
                  <c:v>0.15012581119908083</c:v>
                </c:pt>
                <c:pt idx="4512">
                  <c:v>0.16993493612426064</c:v>
                </c:pt>
                <c:pt idx="4513">
                  <c:v>0.19734379678946395</c:v>
                </c:pt>
                <c:pt idx="4514">
                  <c:v>0.19734379678946395</c:v>
                </c:pt>
                <c:pt idx="4515">
                  <c:v>0.19734379678946395</c:v>
                </c:pt>
                <c:pt idx="4516">
                  <c:v>0.19734379678946395</c:v>
                </c:pt>
                <c:pt idx="4517">
                  <c:v>0.2466797459868299</c:v>
                </c:pt>
                <c:pt idx="4518">
                  <c:v>0.29053392305115527</c:v>
                </c:pt>
                <c:pt idx="4519">
                  <c:v>0.34535164438156191</c:v>
                </c:pt>
                <c:pt idx="4520">
                  <c:v>0.34535164438156191</c:v>
                </c:pt>
                <c:pt idx="4521">
                  <c:v>0.34535164438156191</c:v>
                </c:pt>
                <c:pt idx="4522">
                  <c:v>0.34535164438156191</c:v>
                </c:pt>
                <c:pt idx="4523">
                  <c:v>0.34535164438156191</c:v>
                </c:pt>
                <c:pt idx="4524">
                  <c:v>0.34535164438156191</c:v>
                </c:pt>
                <c:pt idx="4525">
                  <c:v>0.34535164438156191</c:v>
                </c:pt>
                <c:pt idx="4526">
                  <c:v>0.34535164438156191</c:v>
                </c:pt>
                <c:pt idx="4527">
                  <c:v>0.30697923945027727</c:v>
                </c:pt>
                <c:pt idx="4528">
                  <c:v>0.30149746731723659</c:v>
                </c:pt>
                <c:pt idx="4529">
                  <c:v>0.25764329025291127</c:v>
                </c:pt>
                <c:pt idx="4530">
                  <c:v>0.2411979738537893</c:v>
                </c:pt>
                <c:pt idx="4531">
                  <c:v>0.20282556892250464</c:v>
                </c:pt>
                <c:pt idx="4532">
                  <c:v>0.16993493612426064</c:v>
                </c:pt>
                <c:pt idx="4533">
                  <c:v>0.14800784759209798</c:v>
                </c:pt>
                <c:pt idx="4534">
                  <c:v>0.14800784759209798</c:v>
                </c:pt>
                <c:pt idx="4535">
                  <c:v>0.14800784759209798</c:v>
                </c:pt>
                <c:pt idx="4536">
                  <c:v>0.17121897401642963</c:v>
                </c:pt>
                <c:pt idx="4537">
                  <c:v>0.17121897401642963</c:v>
                </c:pt>
                <c:pt idx="4538">
                  <c:v>0.17121897401642963</c:v>
                </c:pt>
                <c:pt idx="4539">
                  <c:v>0.17121897401642963</c:v>
                </c:pt>
                <c:pt idx="4540">
                  <c:v>0.17121897401642963</c:v>
                </c:pt>
                <c:pt idx="4541">
                  <c:v>0.74194888740452836</c:v>
                </c:pt>
                <c:pt idx="4542">
                  <c:v>0.84182662224744575</c:v>
                </c:pt>
                <c:pt idx="4543">
                  <c:v>0.84182662224744575</c:v>
                </c:pt>
                <c:pt idx="4544">
                  <c:v>0.84182662224744575</c:v>
                </c:pt>
                <c:pt idx="4545">
                  <c:v>0.89889961358625559</c:v>
                </c:pt>
                <c:pt idx="4546">
                  <c:v>0.89889961358625559</c:v>
                </c:pt>
                <c:pt idx="4547">
                  <c:v>1.1414598267761975</c:v>
                </c:pt>
                <c:pt idx="4548">
                  <c:v>1.1414598267761975</c:v>
                </c:pt>
                <c:pt idx="4549">
                  <c:v>0.75621713523923084</c:v>
                </c:pt>
                <c:pt idx="4550">
                  <c:v>1.1414598267761975</c:v>
                </c:pt>
                <c:pt idx="4551">
                  <c:v>1.1414598267761975</c:v>
                </c:pt>
                <c:pt idx="4552">
                  <c:v>1.1414598267761975</c:v>
                </c:pt>
                <c:pt idx="4553">
                  <c:v>1.1414598267761975</c:v>
                </c:pt>
                <c:pt idx="4554">
                  <c:v>1.1414598267761975</c:v>
                </c:pt>
                <c:pt idx="4555">
                  <c:v>0.95597260492506553</c:v>
                </c:pt>
                <c:pt idx="4556">
                  <c:v>0.78475363090863581</c:v>
                </c:pt>
                <c:pt idx="4557">
                  <c:v>0.57072991338809875</c:v>
                </c:pt>
                <c:pt idx="4558">
                  <c:v>0.54219341771869378</c:v>
                </c:pt>
                <c:pt idx="4559">
                  <c:v>0.54219341771869378</c:v>
                </c:pt>
                <c:pt idx="4560">
                  <c:v>0.49693990821614575</c:v>
                </c:pt>
                <c:pt idx="4561">
                  <c:v>0.49693990821614575</c:v>
                </c:pt>
                <c:pt idx="4562">
                  <c:v>0.49693990821614575</c:v>
                </c:pt>
                <c:pt idx="4563">
                  <c:v>0.49693990821614575</c:v>
                </c:pt>
                <c:pt idx="4564">
                  <c:v>0.49693990821614575</c:v>
                </c:pt>
                <c:pt idx="4565">
                  <c:v>0.64602188068098942</c:v>
                </c:pt>
                <c:pt idx="4566">
                  <c:v>0.7205628669134112</c:v>
                </c:pt>
                <c:pt idx="4567">
                  <c:v>0.74540986232421858</c:v>
                </c:pt>
                <c:pt idx="4568">
                  <c:v>0.74540986232421858</c:v>
                </c:pt>
                <c:pt idx="4569">
                  <c:v>0.80752735085123684</c:v>
                </c:pt>
                <c:pt idx="4570">
                  <c:v>0.84479784396744773</c:v>
                </c:pt>
                <c:pt idx="4571">
                  <c:v>0.99387981643229151</c:v>
                </c:pt>
                <c:pt idx="4572">
                  <c:v>0.99387981643229151</c:v>
                </c:pt>
                <c:pt idx="4573">
                  <c:v>0.99387981643229151</c:v>
                </c:pt>
                <c:pt idx="4574">
                  <c:v>0.99387981643229151</c:v>
                </c:pt>
                <c:pt idx="4575">
                  <c:v>0.99387981643229151</c:v>
                </c:pt>
                <c:pt idx="4576">
                  <c:v>0.99387981643229151</c:v>
                </c:pt>
                <c:pt idx="4577">
                  <c:v>0.99387981643229151</c:v>
                </c:pt>
                <c:pt idx="4578">
                  <c:v>0.99387981643229151</c:v>
                </c:pt>
                <c:pt idx="4579">
                  <c:v>0.83237434626204421</c:v>
                </c:pt>
                <c:pt idx="4580">
                  <c:v>0.68329237379720031</c:v>
                </c:pt>
                <c:pt idx="4581">
                  <c:v>0.49693990821614575</c:v>
                </c:pt>
                <c:pt idx="4582">
                  <c:v>0.49693990821614575</c:v>
                </c:pt>
                <c:pt idx="4583">
                  <c:v>0.49693990821614575</c:v>
                </c:pt>
                <c:pt idx="4584">
                  <c:v>0.44594554198715747</c:v>
                </c:pt>
                <c:pt idx="4585">
                  <c:v>0.50168873473555209</c:v>
                </c:pt>
                <c:pt idx="4586">
                  <c:v>0.50168873473555209</c:v>
                </c:pt>
                <c:pt idx="4587">
                  <c:v>0.50168873473555209</c:v>
                </c:pt>
                <c:pt idx="4588">
                  <c:v>0.50168873473555209</c:v>
                </c:pt>
                <c:pt idx="4589">
                  <c:v>0.64662103588137831</c:v>
                </c:pt>
                <c:pt idx="4590">
                  <c:v>0.74695878282848882</c:v>
                </c:pt>
                <c:pt idx="4591">
                  <c:v>0.74695878282848882</c:v>
                </c:pt>
                <c:pt idx="4592">
                  <c:v>0.74695878282848882</c:v>
                </c:pt>
                <c:pt idx="4593">
                  <c:v>0.80270197557688361</c:v>
                </c:pt>
                <c:pt idx="4594">
                  <c:v>0.86959380687495724</c:v>
                </c:pt>
                <c:pt idx="4595">
                  <c:v>1.0033774694711042</c:v>
                </c:pt>
                <c:pt idx="4596">
                  <c:v>1.0033774694711042</c:v>
                </c:pt>
                <c:pt idx="4597">
                  <c:v>1.0033774694711042</c:v>
                </c:pt>
                <c:pt idx="4598">
                  <c:v>1.0033774694711042</c:v>
                </c:pt>
                <c:pt idx="4599">
                  <c:v>1.0033774694711042</c:v>
                </c:pt>
                <c:pt idx="4600">
                  <c:v>1.0033774694711042</c:v>
                </c:pt>
                <c:pt idx="4601">
                  <c:v>1.0033774694711042</c:v>
                </c:pt>
                <c:pt idx="4602">
                  <c:v>1.0033774694711042</c:v>
                </c:pt>
                <c:pt idx="4603">
                  <c:v>0.83614789122592037</c:v>
                </c:pt>
                <c:pt idx="4604">
                  <c:v>0.66891831298073623</c:v>
                </c:pt>
                <c:pt idx="4605">
                  <c:v>0.50168873473555209</c:v>
                </c:pt>
                <c:pt idx="4606">
                  <c:v>0.50168873473555209</c:v>
                </c:pt>
                <c:pt idx="4607">
                  <c:v>0.50168873473555209</c:v>
                </c:pt>
                <c:pt idx="4608">
                  <c:v>0.50246438865375898</c:v>
                </c:pt>
                <c:pt idx="4609">
                  <c:v>0.50246438865375898</c:v>
                </c:pt>
                <c:pt idx="4610">
                  <c:v>0.50246438865375898</c:v>
                </c:pt>
                <c:pt idx="4611">
                  <c:v>0.50246438865375898</c:v>
                </c:pt>
                <c:pt idx="4612">
                  <c:v>0.50246438865375898</c:v>
                </c:pt>
                <c:pt idx="4613">
                  <c:v>0.6476207675981781</c:v>
                </c:pt>
                <c:pt idx="4614">
                  <c:v>0.74811364532892999</c:v>
                </c:pt>
                <c:pt idx="4615">
                  <c:v>0.74811364532892999</c:v>
                </c:pt>
                <c:pt idx="4616">
                  <c:v>0.74811364532892999</c:v>
                </c:pt>
                <c:pt idx="4617">
                  <c:v>0.80394302184601441</c:v>
                </c:pt>
                <c:pt idx="4618">
                  <c:v>0.87093827366651555</c:v>
                </c:pt>
                <c:pt idx="4619">
                  <c:v>1.004928777307518</c:v>
                </c:pt>
                <c:pt idx="4620">
                  <c:v>1.004928777307518</c:v>
                </c:pt>
                <c:pt idx="4621">
                  <c:v>1.004928777307518</c:v>
                </c:pt>
                <c:pt idx="4622">
                  <c:v>1.004928777307518</c:v>
                </c:pt>
                <c:pt idx="4623">
                  <c:v>1.004928777307518</c:v>
                </c:pt>
                <c:pt idx="4624">
                  <c:v>1.004928777307518</c:v>
                </c:pt>
                <c:pt idx="4625">
                  <c:v>1.004928777307518</c:v>
                </c:pt>
                <c:pt idx="4626">
                  <c:v>1.004928777307518</c:v>
                </c:pt>
                <c:pt idx="4627">
                  <c:v>0.83744064775626492</c:v>
                </c:pt>
                <c:pt idx="4628">
                  <c:v>0.66995251820501189</c:v>
                </c:pt>
                <c:pt idx="4629">
                  <c:v>0.50246438865375898</c:v>
                </c:pt>
                <c:pt idx="4630">
                  <c:v>0.50246438865375898</c:v>
                </c:pt>
                <c:pt idx="4631">
                  <c:v>0.50246438865375898</c:v>
                </c:pt>
                <c:pt idx="4632">
                  <c:v>0.56421223747562788</c:v>
                </c:pt>
                <c:pt idx="4633">
                  <c:v>0.56421223747562788</c:v>
                </c:pt>
                <c:pt idx="4634">
                  <c:v>0.56421223747562788</c:v>
                </c:pt>
                <c:pt idx="4635">
                  <c:v>0.56421223747562788</c:v>
                </c:pt>
                <c:pt idx="4636">
                  <c:v>0.56421223747562788</c:v>
                </c:pt>
                <c:pt idx="4637">
                  <c:v>0.72720688385747589</c:v>
                </c:pt>
                <c:pt idx="4638">
                  <c:v>0.87766348051764342</c:v>
                </c:pt>
                <c:pt idx="4639">
                  <c:v>0.87766348051764342</c:v>
                </c:pt>
                <c:pt idx="4640">
                  <c:v>0.87766348051764342</c:v>
                </c:pt>
                <c:pt idx="4641">
                  <c:v>0.94035372912604642</c:v>
                </c:pt>
                <c:pt idx="4642">
                  <c:v>0.97796787829108833</c:v>
                </c:pt>
                <c:pt idx="4643">
                  <c:v>1.1284244749512558</c:v>
                </c:pt>
                <c:pt idx="4644">
                  <c:v>1.1284244749512558</c:v>
                </c:pt>
                <c:pt idx="4645">
                  <c:v>1.1284244749512558</c:v>
                </c:pt>
                <c:pt idx="4646">
                  <c:v>1.1284244749512558</c:v>
                </c:pt>
                <c:pt idx="4647">
                  <c:v>0.94035372912604642</c:v>
                </c:pt>
                <c:pt idx="4648">
                  <c:v>0.89020153023932402</c:v>
                </c:pt>
                <c:pt idx="4649">
                  <c:v>0.89020153023932402</c:v>
                </c:pt>
                <c:pt idx="4650">
                  <c:v>0.89020153023932402</c:v>
                </c:pt>
                <c:pt idx="4651">
                  <c:v>0.89020153023932402</c:v>
                </c:pt>
                <c:pt idx="4652">
                  <c:v>0.6895927346924341</c:v>
                </c:pt>
                <c:pt idx="4653">
                  <c:v>0.26329904415529304</c:v>
                </c:pt>
                <c:pt idx="4654">
                  <c:v>0.26329904415529304</c:v>
                </c:pt>
                <c:pt idx="4655">
                  <c:v>0.26329904415529304</c:v>
                </c:pt>
                <c:pt idx="4656">
                  <c:v>0.12129228193424371</c:v>
                </c:pt>
                <c:pt idx="4657">
                  <c:v>0.23680874091923773</c:v>
                </c:pt>
                <c:pt idx="4658">
                  <c:v>0.23680874091923773</c:v>
                </c:pt>
                <c:pt idx="4659">
                  <c:v>0.23680874091923773</c:v>
                </c:pt>
                <c:pt idx="4660">
                  <c:v>0.23680874091923773</c:v>
                </c:pt>
                <c:pt idx="4661">
                  <c:v>0.2945669704117348</c:v>
                </c:pt>
                <c:pt idx="4662">
                  <c:v>0.36965266875198088</c:v>
                </c:pt>
                <c:pt idx="4663">
                  <c:v>0.42163507529522815</c:v>
                </c:pt>
                <c:pt idx="4664">
                  <c:v>0.42163507529522815</c:v>
                </c:pt>
                <c:pt idx="4665">
                  <c:v>0.42163507529522815</c:v>
                </c:pt>
                <c:pt idx="4666">
                  <c:v>0.42163507529522815</c:v>
                </c:pt>
                <c:pt idx="4667">
                  <c:v>0.42163507529522815</c:v>
                </c:pt>
                <c:pt idx="4668">
                  <c:v>0.42163507529522815</c:v>
                </c:pt>
                <c:pt idx="4669">
                  <c:v>0.42163507529522815</c:v>
                </c:pt>
                <c:pt idx="4670">
                  <c:v>0.42163507529522815</c:v>
                </c:pt>
                <c:pt idx="4671">
                  <c:v>0.38120431465048027</c:v>
                </c:pt>
                <c:pt idx="4672">
                  <c:v>0.34654937695498206</c:v>
                </c:pt>
                <c:pt idx="4673">
                  <c:v>0.31189443925948385</c:v>
                </c:pt>
                <c:pt idx="4674">
                  <c:v>0.30034279336098441</c:v>
                </c:pt>
                <c:pt idx="4675">
                  <c:v>0.24258456386848742</c:v>
                </c:pt>
                <c:pt idx="4676">
                  <c:v>0.17905051142674072</c:v>
                </c:pt>
                <c:pt idx="4677">
                  <c:v>0.17905051142674072</c:v>
                </c:pt>
                <c:pt idx="4678">
                  <c:v>0.17905051142674072</c:v>
                </c:pt>
                <c:pt idx="4679">
                  <c:v>0.17905051142674072</c:v>
                </c:pt>
                <c:pt idx="4680">
                  <c:v>0.17016386106783499</c:v>
                </c:pt>
                <c:pt idx="4681">
                  <c:v>0.19760964511103418</c:v>
                </c:pt>
                <c:pt idx="4682">
                  <c:v>0.19760964511103418</c:v>
                </c:pt>
                <c:pt idx="4683">
                  <c:v>0.19760964511103418</c:v>
                </c:pt>
                <c:pt idx="4684">
                  <c:v>0.19760964511103418</c:v>
                </c:pt>
                <c:pt idx="4685">
                  <c:v>0.24701205638879273</c:v>
                </c:pt>
                <c:pt idx="4686">
                  <c:v>0.29092531085791146</c:v>
                </c:pt>
                <c:pt idx="4687">
                  <c:v>0.34581687894430985</c:v>
                </c:pt>
                <c:pt idx="4688">
                  <c:v>0.34581687894430985</c:v>
                </c:pt>
                <c:pt idx="4689">
                  <c:v>0.34581687894430985</c:v>
                </c:pt>
                <c:pt idx="4690">
                  <c:v>0.34581687894430985</c:v>
                </c:pt>
                <c:pt idx="4691">
                  <c:v>0.34581687894430985</c:v>
                </c:pt>
                <c:pt idx="4692">
                  <c:v>0.34581687894430985</c:v>
                </c:pt>
                <c:pt idx="4693">
                  <c:v>0.34581687894430985</c:v>
                </c:pt>
                <c:pt idx="4694">
                  <c:v>0.34581687894430985</c:v>
                </c:pt>
                <c:pt idx="4695">
                  <c:v>0.30739278128383102</c:v>
                </c:pt>
                <c:pt idx="4696">
                  <c:v>0.30190362447519109</c:v>
                </c:pt>
                <c:pt idx="4697">
                  <c:v>0.25799037000607239</c:v>
                </c:pt>
                <c:pt idx="4698">
                  <c:v>0.24152289958015291</c:v>
                </c:pt>
                <c:pt idx="4699">
                  <c:v>0.20309880191967405</c:v>
                </c:pt>
                <c:pt idx="4700">
                  <c:v>0.17016386106783499</c:v>
                </c:pt>
                <c:pt idx="4701">
                  <c:v>0.14820723383327566</c:v>
                </c:pt>
                <c:pt idx="4702">
                  <c:v>0.14820723383327566</c:v>
                </c:pt>
                <c:pt idx="4703">
                  <c:v>0.14820723383327566</c:v>
                </c:pt>
                <c:pt idx="4704">
                  <c:v>0.17346779956764519</c:v>
                </c:pt>
                <c:pt idx="4705">
                  <c:v>0.17346779956764519</c:v>
                </c:pt>
                <c:pt idx="4706">
                  <c:v>0.17346779956764519</c:v>
                </c:pt>
                <c:pt idx="4707">
                  <c:v>0.17346779956764519</c:v>
                </c:pt>
                <c:pt idx="4708">
                  <c:v>0.17346779956764519</c:v>
                </c:pt>
                <c:pt idx="4709">
                  <c:v>0.75169379812646253</c:v>
                </c:pt>
                <c:pt idx="4710">
                  <c:v>0.85288334787425557</c:v>
                </c:pt>
                <c:pt idx="4711">
                  <c:v>0.85288334787425557</c:v>
                </c:pt>
                <c:pt idx="4712">
                  <c:v>0.85288334787425557</c:v>
                </c:pt>
                <c:pt idx="4713">
                  <c:v>0.91070594773013736</c:v>
                </c:pt>
                <c:pt idx="4714">
                  <c:v>0.91070594773013736</c:v>
                </c:pt>
                <c:pt idx="4715">
                  <c:v>1.1564519971176348</c:v>
                </c:pt>
                <c:pt idx="4716">
                  <c:v>1.1564519971176348</c:v>
                </c:pt>
                <c:pt idx="4717">
                  <c:v>0.76614944809043306</c:v>
                </c:pt>
                <c:pt idx="4718">
                  <c:v>1.1564519971176348</c:v>
                </c:pt>
                <c:pt idx="4719">
                  <c:v>1.1564519971176348</c:v>
                </c:pt>
                <c:pt idx="4720">
                  <c:v>1.1564519971176348</c:v>
                </c:pt>
                <c:pt idx="4721">
                  <c:v>1.1564519971176348</c:v>
                </c:pt>
                <c:pt idx="4722">
                  <c:v>1.1564519971176348</c:v>
                </c:pt>
                <c:pt idx="4723">
                  <c:v>0.96852854758601914</c:v>
                </c:pt>
                <c:pt idx="4724">
                  <c:v>0.7950607480183739</c:v>
                </c:pt>
                <c:pt idx="4725">
                  <c:v>0.5782259985588174</c:v>
                </c:pt>
                <c:pt idx="4726">
                  <c:v>0.54931469863087656</c:v>
                </c:pt>
                <c:pt idx="4727">
                  <c:v>0.54931469863087656</c:v>
                </c:pt>
                <c:pt idx="4728">
                  <c:v>0.51586977377610355</c:v>
                </c:pt>
                <c:pt idx="4729">
                  <c:v>0.51586977377610355</c:v>
                </c:pt>
                <c:pt idx="4730">
                  <c:v>0.51586977377610355</c:v>
                </c:pt>
                <c:pt idx="4731">
                  <c:v>0.51586977377610355</c:v>
                </c:pt>
                <c:pt idx="4732">
                  <c:v>0.51586977377610355</c:v>
                </c:pt>
                <c:pt idx="4733">
                  <c:v>0.67063070590893448</c:v>
                </c:pt>
                <c:pt idx="4734">
                  <c:v>0.74801117197535005</c:v>
                </c:pt>
                <c:pt idx="4735">
                  <c:v>0.77380466066415532</c:v>
                </c:pt>
                <c:pt idx="4736">
                  <c:v>0.77380466066415532</c:v>
                </c:pt>
                <c:pt idx="4737">
                  <c:v>0.8382883823861681</c:v>
                </c:pt>
                <c:pt idx="4738">
                  <c:v>0.87697861541937583</c:v>
                </c:pt>
                <c:pt idx="4739">
                  <c:v>1.0317395475522071</c:v>
                </c:pt>
                <c:pt idx="4740">
                  <c:v>1.0317395475522071</c:v>
                </c:pt>
                <c:pt idx="4741">
                  <c:v>1.0317395475522071</c:v>
                </c:pt>
                <c:pt idx="4742">
                  <c:v>1.0317395475522071</c:v>
                </c:pt>
                <c:pt idx="4743">
                  <c:v>1.0317395475522071</c:v>
                </c:pt>
                <c:pt idx="4744">
                  <c:v>1.0317395475522071</c:v>
                </c:pt>
                <c:pt idx="4745">
                  <c:v>1.0317395475522071</c:v>
                </c:pt>
                <c:pt idx="4746">
                  <c:v>1.0317395475522071</c:v>
                </c:pt>
                <c:pt idx="4747">
                  <c:v>0.86408187107497347</c:v>
                </c:pt>
                <c:pt idx="4748">
                  <c:v>0.70932093894214221</c:v>
                </c:pt>
                <c:pt idx="4749">
                  <c:v>0.51586977377610355</c:v>
                </c:pt>
                <c:pt idx="4750">
                  <c:v>0.51586977377610355</c:v>
                </c:pt>
                <c:pt idx="4751">
                  <c:v>0.51586977377610355</c:v>
                </c:pt>
                <c:pt idx="4752">
                  <c:v>0.46490976864984485</c:v>
                </c:pt>
                <c:pt idx="4753">
                  <c:v>0.52302348973107526</c:v>
                </c:pt>
                <c:pt idx="4754">
                  <c:v>0.52302348973107526</c:v>
                </c:pt>
                <c:pt idx="4755">
                  <c:v>0.52302348973107526</c:v>
                </c:pt>
                <c:pt idx="4756">
                  <c:v>0.52302348973107526</c:v>
                </c:pt>
                <c:pt idx="4757">
                  <c:v>0.67411916454227494</c:v>
                </c:pt>
                <c:pt idx="4758">
                  <c:v>0.77872386248849002</c:v>
                </c:pt>
                <c:pt idx="4759">
                  <c:v>0.77872386248849002</c:v>
                </c:pt>
                <c:pt idx="4760">
                  <c:v>0.77872386248849002</c:v>
                </c:pt>
                <c:pt idx="4761">
                  <c:v>0.83683758356972049</c:v>
                </c:pt>
                <c:pt idx="4762">
                  <c:v>0.90657404886719717</c:v>
                </c:pt>
                <c:pt idx="4763">
                  <c:v>1.0460469794621505</c:v>
                </c:pt>
                <c:pt idx="4764">
                  <c:v>1.0460469794621505</c:v>
                </c:pt>
                <c:pt idx="4765">
                  <c:v>1.0460469794621505</c:v>
                </c:pt>
                <c:pt idx="4766">
                  <c:v>1.0460469794621505</c:v>
                </c:pt>
                <c:pt idx="4767">
                  <c:v>1.0460469794621505</c:v>
                </c:pt>
                <c:pt idx="4768">
                  <c:v>1.0460469794621505</c:v>
                </c:pt>
                <c:pt idx="4769">
                  <c:v>1.0460469794621505</c:v>
                </c:pt>
                <c:pt idx="4770">
                  <c:v>1.0460469794621505</c:v>
                </c:pt>
                <c:pt idx="4771">
                  <c:v>0.871705816218459</c:v>
                </c:pt>
                <c:pt idx="4772">
                  <c:v>0.69736465297476713</c:v>
                </c:pt>
                <c:pt idx="4773">
                  <c:v>0.52302348973107526</c:v>
                </c:pt>
                <c:pt idx="4774">
                  <c:v>0.52302348973107526</c:v>
                </c:pt>
                <c:pt idx="4775">
                  <c:v>0.52302348973107526</c:v>
                </c:pt>
                <c:pt idx="4776">
                  <c:v>0.5252802992216874</c:v>
                </c:pt>
                <c:pt idx="4777">
                  <c:v>0.5252802992216874</c:v>
                </c:pt>
                <c:pt idx="4778">
                  <c:v>0.5252802992216874</c:v>
                </c:pt>
                <c:pt idx="4779">
                  <c:v>0.5252802992216874</c:v>
                </c:pt>
                <c:pt idx="4780">
                  <c:v>0.5252802992216874</c:v>
                </c:pt>
                <c:pt idx="4781">
                  <c:v>0.67702794121906384</c:v>
                </c:pt>
                <c:pt idx="4782">
                  <c:v>0.78208400106340148</c:v>
                </c:pt>
                <c:pt idx="4783">
                  <c:v>0.78208400106340148</c:v>
                </c:pt>
                <c:pt idx="4784">
                  <c:v>0.78208400106340148</c:v>
                </c:pt>
                <c:pt idx="4785">
                  <c:v>0.84044847875469997</c:v>
                </c:pt>
                <c:pt idx="4786">
                  <c:v>0.91048585198425824</c:v>
                </c:pt>
                <c:pt idx="4787">
                  <c:v>1.0505605984433748</c:v>
                </c:pt>
                <c:pt idx="4788">
                  <c:v>1.0505605984433748</c:v>
                </c:pt>
                <c:pt idx="4789">
                  <c:v>1.0505605984433748</c:v>
                </c:pt>
                <c:pt idx="4790">
                  <c:v>1.0505605984433748</c:v>
                </c:pt>
                <c:pt idx="4791">
                  <c:v>1.0505605984433748</c:v>
                </c:pt>
                <c:pt idx="4792">
                  <c:v>1.0505605984433748</c:v>
                </c:pt>
                <c:pt idx="4793">
                  <c:v>1.0505605984433748</c:v>
                </c:pt>
                <c:pt idx="4794">
                  <c:v>1.0505605984433748</c:v>
                </c:pt>
                <c:pt idx="4795">
                  <c:v>0.87546716536947911</c:v>
                </c:pt>
                <c:pt idx="4796">
                  <c:v>0.70037373229558331</c:v>
                </c:pt>
                <c:pt idx="4797">
                  <c:v>0.5252802992216874</c:v>
                </c:pt>
                <c:pt idx="4798">
                  <c:v>0.5252802992216874</c:v>
                </c:pt>
                <c:pt idx="4799">
                  <c:v>0.5252802992216874</c:v>
                </c:pt>
                <c:pt idx="4800">
                  <c:v>0.57014092694695184</c:v>
                </c:pt>
                <c:pt idx="4801">
                  <c:v>0.57014092694695184</c:v>
                </c:pt>
                <c:pt idx="4802">
                  <c:v>0.57014092694695184</c:v>
                </c:pt>
                <c:pt idx="4803">
                  <c:v>0.57014092694695184</c:v>
                </c:pt>
                <c:pt idx="4804">
                  <c:v>0.57014092694695184</c:v>
                </c:pt>
                <c:pt idx="4805">
                  <c:v>0.73484830584273775</c:v>
                </c:pt>
                <c:pt idx="4806">
                  <c:v>0.886885886361925</c:v>
                </c:pt>
                <c:pt idx="4807">
                  <c:v>0.886885886361925</c:v>
                </c:pt>
                <c:pt idx="4808">
                  <c:v>0.886885886361925</c:v>
                </c:pt>
                <c:pt idx="4809">
                  <c:v>0.9502348782449197</c:v>
                </c:pt>
                <c:pt idx="4810">
                  <c:v>0.98824427337471643</c:v>
                </c:pt>
                <c:pt idx="4811">
                  <c:v>1.1402818538939037</c:v>
                </c:pt>
                <c:pt idx="4812">
                  <c:v>1.1402818538939037</c:v>
                </c:pt>
                <c:pt idx="4813">
                  <c:v>1.1402818538939037</c:v>
                </c:pt>
                <c:pt idx="4814">
                  <c:v>1.1402818538939037</c:v>
                </c:pt>
                <c:pt idx="4815">
                  <c:v>0.9502348782449197</c:v>
                </c:pt>
                <c:pt idx="4816">
                  <c:v>0.89955568473852399</c:v>
                </c:pt>
                <c:pt idx="4817">
                  <c:v>0.89955568473852399</c:v>
                </c:pt>
                <c:pt idx="4818">
                  <c:v>0.89955568473852399</c:v>
                </c:pt>
                <c:pt idx="4819">
                  <c:v>0.89955568473852399</c:v>
                </c:pt>
                <c:pt idx="4820">
                  <c:v>0.69683891071294102</c:v>
                </c:pt>
                <c:pt idx="4821">
                  <c:v>0.2660657659085775</c:v>
                </c:pt>
                <c:pt idx="4822">
                  <c:v>0.2660657659085775</c:v>
                </c:pt>
                <c:pt idx="4823">
                  <c:v>0.2660657659085775</c:v>
                </c:pt>
                <c:pt idx="4824">
                  <c:v>0.12563895735746355</c:v>
                </c:pt>
                <c:pt idx="4825">
                  <c:v>0.24529510722171466</c:v>
                </c:pt>
                <c:pt idx="4826">
                  <c:v>0.24529510722171466</c:v>
                </c:pt>
                <c:pt idx="4827">
                  <c:v>0.24529510722171466</c:v>
                </c:pt>
                <c:pt idx="4828">
                  <c:v>0.24529510722171466</c:v>
                </c:pt>
                <c:pt idx="4829">
                  <c:v>0.30512318215384016</c:v>
                </c:pt>
                <c:pt idx="4830">
                  <c:v>0.38289967956560328</c:v>
                </c:pt>
                <c:pt idx="4831">
                  <c:v>0.43674494700451627</c:v>
                </c:pt>
                <c:pt idx="4832">
                  <c:v>0.43674494700451627</c:v>
                </c:pt>
                <c:pt idx="4833">
                  <c:v>0.43674494700451627</c:v>
                </c:pt>
                <c:pt idx="4834">
                  <c:v>0.43674494700451627</c:v>
                </c:pt>
                <c:pt idx="4835">
                  <c:v>0.43674494700451627</c:v>
                </c:pt>
                <c:pt idx="4836">
                  <c:v>0.43674494700451627</c:v>
                </c:pt>
                <c:pt idx="4837">
                  <c:v>0.43674494700451627</c:v>
                </c:pt>
                <c:pt idx="4838">
                  <c:v>0.43674494700451627</c:v>
                </c:pt>
                <c:pt idx="4839">
                  <c:v>0.3948652945520284</c:v>
                </c:pt>
                <c:pt idx="4840">
                  <c:v>0.35896844959275309</c:v>
                </c:pt>
                <c:pt idx="4841">
                  <c:v>0.32307160463347778</c:v>
                </c:pt>
                <c:pt idx="4842">
                  <c:v>0.31110598964705266</c:v>
                </c:pt>
                <c:pt idx="4843">
                  <c:v>0.25127791471492711</c:v>
                </c:pt>
                <c:pt idx="4844">
                  <c:v>0.18546703228958908</c:v>
                </c:pt>
                <c:pt idx="4845">
                  <c:v>0.18546703228958908</c:v>
                </c:pt>
                <c:pt idx="4846">
                  <c:v>0.18546703228958908</c:v>
                </c:pt>
                <c:pt idx="4847">
                  <c:v>0.18546703228958908</c:v>
                </c:pt>
                <c:pt idx="4848">
                  <c:v>0.20471077329206</c:v>
                </c:pt>
                <c:pt idx="4849">
                  <c:v>0.23772863995206966</c:v>
                </c:pt>
                <c:pt idx="4850">
                  <c:v>0.23772863995206966</c:v>
                </c:pt>
                <c:pt idx="4851">
                  <c:v>0.23772863995206966</c:v>
                </c:pt>
                <c:pt idx="4852">
                  <c:v>0.23772863995206966</c:v>
                </c:pt>
                <c:pt idx="4853">
                  <c:v>0.29716079994008709</c:v>
                </c:pt>
                <c:pt idx="4854">
                  <c:v>0.34998938659610257</c:v>
                </c:pt>
                <c:pt idx="4855">
                  <c:v>0.41602511991612195</c:v>
                </c:pt>
                <c:pt idx="4856">
                  <c:v>0.41602511991612195</c:v>
                </c:pt>
                <c:pt idx="4857">
                  <c:v>0.41602511991612195</c:v>
                </c:pt>
                <c:pt idx="4858">
                  <c:v>0.41602511991612195</c:v>
                </c:pt>
                <c:pt idx="4859">
                  <c:v>0.41602511991612195</c:v>
                </c:pt>
                <c:pt idx="4860">
                  <c:v>0.41602511991612195</c:v>
                </c:pt>
                <c:pt idx="4861">
                  <c:v>0.41602511991612195</c:v>
                </c:pt>
                <c:pt idx="4862">
                  <c:v>0.41602511991612195</c:v>
                </c:pt>
                <c:pt idx="4863">
                  <c:v>0.36980010659210838</c:v>
                </c:pt>
                <c:pt idx="4864">
                  <c:v>0.36319653326010642</c:v>
                </c:pt>
                <c:pt idx="4865">
                  <c:v>0.31036794660409095</c:v>
                </c:pt>
                <c:pt idx="4866">
                  <c:v>0.29055722660808514</c:v>
                </c:pt>
                <c:pt idx="4867">
                  <c:v>0.24433221328407165</c:v>
                </c:pt>
                <c:pt idx="4868">
                  <c:v>0.20471077329206</c:v>
                </c:pt>
                <c:pt idx="4869">
                  <c:v>0.17829647996405226</c:v>
                </c:pt>
                <c:pt idx="4870">
                  <c:v>0.17829647996405226</c:v>
                </c:pt>
                <c:pt idx="4871">
                  <c:v>0.17829647996405226</c:v>
                </c:pt>
                <c:pt idx="4872">
                  <c:v>0.17690717982244555</c:v>
                </c:pt>
                <c:pt idx="4873">
                  <c:v>0.17690717982244555</c:v>
                </c:pt>
                <c:pt idx="4874">
                  <c:v>0.17690717982244555</c:v>
                </c:pt>
                <c:pt idx="4875">
                  <c:v>0.17690717982244555</c:v>
                </c:pt>
                <c:pt idx="4876">
                  <c:v>0.17690717982244555</c:v>
                </c:pt>
                <c:pt idx="4877">
                  <c:v>0.76659777923059746</c:v>
                </c:pt>
                <c:pt idx="4878">
                  <c:v>0.86979363412702393</c:v>
                </c:pt>
                <c:pt idx="4879">
                  <c:v>0.86979363412702393</c:v>
                </c:pt>
                <c:pt idx="4880">
                  <c:v>0.86979363412702393</c:v>
                </c:pt>
                <c:pt idx="4881">
                  <c:v>0.92876269406783918</c:v>
                </c:pt>
                <c:pt idx="4882">
                  <c:v>0.92876269406783918</c:v>
                </c:pt>
                <c:pt idx="4883">
                  <c:v>1.1793811988163039</c:v>
                </c:pt>
                <c:pt idx="4884">
                  <c:v>1.1793811988163039</c:v>
                </c:pt>
                <c:pt idx="4885">
                  <c:v>0.78134004421580128</c:v>
                </c:pt>
                <c:pt idx="4886">
                  <c:v>1.1793811988163039</c:v>
                </c:pt>
                <c:pt idx="4887">
                  <c:v>1.1793811988163039</c:v>
                </c:pt>
                <c:pt idx="4888">
                  <c:v>1.1793811988163039</c:v>
                </c:pt>
                <c:pt idx="4889">
                  <c:v>1.1793811988163039</c:v>
                </c:pt>
                <c:pt idx="4890">
                  <c:v>1.1793811988163039</c:v>
                </c:pt>
                <c:pt idx="4891">
                  <c:v>0.98773175400865432</c:v>
                </c:pt>
                <c:pt idx="4892">
                  <c:v>0.81082457418620879</c:v>
                </c:pt>
                <c:pt idx="4893">
                  <c:v>0.58969059940815194</c:v>
                </c:pt>
                <c:pt idx="4894">
                  <c:v>0.56020606943774431</c:v>
                </c:pt>
                <c:pt idx="4895">
                  <c:v>0.56020606943774431</c:v>
                </c:pt>
                <c:pt idx="4896">
                  <c:v>0.51277918348060014</c:v>
                </c:pt>
                <c:pt idx="4897">
                  <c:v>0.51277918348060014</c:v>
                </c:pt>
                <c:pt idx="4898">
                  <c:v>0.51277918348060014</c:v>
                </c:pt>
                <c:pt idx="4899">
                  <c:v>0.51277918348060014</c:v>
                </c:pt>
                <c:pt idx="4900">
                  <c:v>0.51277918348060014</c:v>
                </c:pt>
                <c:pt idx="4901">
                  <c:v>0.66661293852478021</c:v>
                </c:pt>
                <c:pt idx="4902">
                  <c:v>0.74352981604687018</c:v>
                </c:pt>
                <c:pt idx="4903">
                  <c:v>0.76916877522090021</c:v>
                </c:pt>
                <c:pt idx="4904">
                  <c:v>0.76916877522090021</c:v>
                </c:pt>
                <c:pt idx="4905">
                  <c:v>0.83326617315597518</c:v>
                </c:pt>
                <c:pt idx="4906">
                  <c:v>0.87172461191702022</c:v>
                </c:pt>
                <c:pt idx="4907">
                  <c:v>1.0255583669612003</c:v>
                </c:pt>
                <c:pt idx="4908">
                  <c:v>1.0255583669612003</c:v>
                </c:pt>
                <c:pt idx="4909">
                  <c:v>1.0255583669612003</c:v>
                </c:pt>
                <c:pt idx="4910">
                  <c:v>1.0255583669612003</c:v>
                </c:pt>
                <c:pt idx="4911">
                  <c:v>1.0255583669612003</c:v>
                </c:pt>
                <c:pt idx="4912">
                  <c:v>1.0255583669612003</c:v>
                </c:pt>
                <c:pt idx="4913">
                  <c:v>1.0255583669612003</c:v>
                </c:pt>
                <c:pt idx="4914">
                  <c:v>1.0255583669612003</c:v>
                </c:pt>
                <c:pt idx="4915">
                  <c:v>0.85890513233000521</c:v>
                </c:pt>
                <c:pt idx="4916">
                  <c:v>0.70507137728582503</c:v>
                </c:pt>
                <c:pt idx="4917">
                  <c:v>0.51277918348060014</c:v>
                </c:pt>
                <c:pt idx="4918">
                  <c:v>0.51277918348060014</c:v>
                </c:pt>
                <c:pt idx="4919">
                  <c:v>0.51277918348060014</c:v>
                </c:pt>
                <c:pt idx="4920">
                  <c:v>0.46042731507502782</c:v>
                </c:pt>
                <c:pt idx="4921">
                  <c:v>0.51798072945940621</c:v>
                </c:pt>
                <c:pt idx="4922">
                  <c:v>0.51798072945940621</c:v>
                </c:pt>
                <c:pt idx="4923">
                  <c:v>0.51798072945940621</c:v>
                </c:pt>
                <c:pt idx="4924">
                  <c:v>0.51798072945940621</c:v>
                </c:pt>
                <c:pt idx="4925">
                  <c:v>0.66761960685879029</c:v>
                </c:pt>
                <c:pt idx="4926">
                  <c:v>0.77121575275067156</c:v>
                </c:pt>
                <c:pt idx="4927">
                  <c:v>0.77121575275067156</c:v>
                </c:pt>
                <c:pt idx="4928">
                  <c:v>0.77121575275067156</c:v>
                </c:pt>
                <c:pt idx="4929">
                  <c:v>0.82876916713505</c:v>
                </c:pt>
                <c:pt idx="4930">
                  <c:v>0.89783326439630406</c:v>
                </c:pt>
                <c:pt idx="4931">
                  <c:v>1.0359614589188124</c:v>
                </c:pt>
                <c:pt idx="4932">
                  <c:v>1.0359614589188124</c:v>
                </c:pt>
                <c:pt idx="4933">
                  <c:v>1.0359614589188124</c:v>
                </c:pt>
                <c:pt idx="4934">
                  <c:v>1.0359614589188124</c:v>
                </c:pt>
                <c:pt idx="4935">
                  <c:v>1.0359614589188124</c:v>
                </c:pt>
                <c:pt idx="4936">
                  <c:v>1.0359614589188124</c:v>
                </c:pt>
                <c:pt idx="4937">
                  <c:v>1.0359614589188124</c:v>
                </c:pt>
                <c:pt idx="4938">
                  <c:v>1.0359614589188124</c:v>
                </c:pt>
                <c:pt idx="4939">
                  <c:v>0.86330121576567709</c:v>
                </c:pt>
                <c:pt idx="4940">
                  <c:v>0.69064097261254165</c:v>
                </c:pt>
                <c:pt idx="4941">
                  <c:v>0.51798072945940621</c:v>
                </c:pt>
                <c:pt idx="4942">
                  <c:v>0.51798072945940621</c:v>
                </c:pt>
                <c:pt idx="4943">
                  <c:v>0.51798072945940621</c:v>
                </c:pt>
                <c:pt idx="4944">
                  <c:v>0.51019859562593806</c:v>
                </c:pt>
                <c:pt idx="4945">
                  <c:v>0.51019859562593806</c:v>
                </c:pt>
                <c:pt idx="4946">
                  <c:v>0.51019859562593806</c:v>
                </c:pt>
                <c:pt idx="4947">
                  <c:v>0.51019859562593806</c:v>
                </c:pt>
                <c:pt idx="4948">
                  <c:v>0.51019859562593806</c:v>
                </c:pt>
                <c:pt idx="4949">
                  <c:v>0.65758930102898705</c:v>
                </c:pt>
                <c:pt idx="4950">
                  <c:v>0.75962902015417477</c:v>
                </c:pt>
                <c:pt idx="4951">
                  <c:v>0.75962902015417477</c:v>
                </c:pt>
                <c:pt idx="4952">
                  <c:v>0.75962902015417477</c:v>
                </c:pt>
                <c:pt idx="4953">
                  <c:v>0.81631775300150111</c:v>
                </c:pt>
                <c:pt idx="4954">
                  <c:v>0.88434423241829285</c:v>
                </c:pt>
                <c:pt idx="4955">
                  <c:v>1.0203971912518761</c:v>
                </c:pt>
                <c:pt idx="4956">
                  <c:v>1.0203971912518761</c:v>
                </c:pt>
                <c:pt idx="4957">
                  <c:v>1.0203971912518761</c:v>
                </c:pt>
                <c:pt idx="4958">
                  <c:v>1.0203971912518761</c:v>
                </c:pt>
                <c:pt idx="4959">
                  <c:v>1.0203971912518761</c:v>
                </c:pt>
                <c:pt idx="4960">
                  <c:v>1.0203971912518761</c:v>
                </c:pt>
                <c:pt idx="4961">
                  <c:v>1.0203971912518761</c:v>
                </c:pt>
                <c:pt idx="4962">
                  <c:v>1.0203971912518761</c:v>
                </c:pt>
                <c:pt idx="4963">
                  <c:v>0.85033099270989698</c:v>
                </c:pt>
                <c:pt idx="4964">
                  <c:v>0.68026479416791763</c:v>
                </c:pt>
                <c:pt idx="4965">
                  <c:v>0.51019859562593806</c:v>
                </c:pt>
                <c:pt idx="4966">
                  <c:v>0.51019859562593806</c:v>
                </c:pt>
                <c:pt idx="4967">
                  <c:v>0.51019859562593806</c:v>
                </c:pt>
                <c:pt idx="4968">
                  <c:v>0.55955398146244495</c:v>
                </c:pt>
                <c:pt idx="4969">
                  <c:v>0.55955398146244495</c:v>
                </c:pt>
                <c:pt idx="4970">
                  <c:v>0.55955398146244495</c:v>
                </c:pt>
                <c:pt idx="4971">
                  <c:v>0.55955398146244495</c:v>
                </c:pt>
                <c:pt idx="4972">
                  <c:v>0.55955398146244495</c:v>
                </c:pt>
                <c:pt idx="4973">
                  <c:v>0.72120290944048449</c:v>
                </c:pt>
                <c:pt idx="4974">
                  <c:v>0.87041730449713661</c:v>
                </c:pt>
                <c:pt idx="4975">
                  <c:v>0.87041730449713661</c:v>
                </c:pt>
                <c:pt idx="4976">
                  <c:v>0.87041730449713661</c:v>
                </c:pt>
                <c:pt idx="4977">
                  <c:v>0.93258996910407488</c:v>
                </c:pt>
                <c:pt idx="4978">
                  <c:v>0.96989356786823788</c:v>
                </c:pt>
                <c:pt idx="4979">
                  <c:v>1.1191079629248899</c:v>
                </c:pt>
                <c:pt idx="4980">
                  <c:v>1.1191079629248899</c:v>
                </c:pt>
                <c:pt idx="4981">
                  <c:v>1.1191079629248899</c:v>
                </c:pt>
                <c:pt idx="4982">
                  <c:v>1.1191079629248899</c:v>
                </c:pt>
                <c:pt idx="4983">
                  <c:v>0.93258996910407488</c:v>
                </c:pt>
                <c:pt idx="4984">
                  <c:v>0.88285183741852435</c:v>
                </c:pt>
                <c:pt idx="4985">
                  <c:v>0.88285183741852435</c:v>
                </c:pt>
                <c:pt idx="4986">
                  <c:v>0.88285183741852435</c:v>
                </c:pt>
                <c:pt idx="4987">
                  <c:v>0.88285183741852435</c:v>
                </c:pt>
                <c:pt idx="4988">
                  <c:v>0.68389931067632148</c:v>
                </c:pt>
                <c:pt idx="4989">
                  <c:v>0.26112519134914097</c:v>
                </c:pt>
                <c:pt idx="4990">
                  <c:v>0.26112519134914097</c:v>
                </c:pt>
                <c:pt idx="4991">
                  <c:v>0.26112519134914097</c:v>
                </c:pt>
                <c:pt idx="4992">
                  <c:v>0.1046300261452343</c:v>
                </c:pt>
                <c:pt idx="4993">
                  <c:v>0.20427767009307654</c:v>
                </c:pt>
                <c:pt idx="4994">
                  <c:v>0.20427767009307654</c:v>
                </c:pt>
                <c:pt idx="4995">
                  <c:v>0.20427767009307654</c:v>
                </c:pt>
                <c:pt idx="4996">
                  <c:v>0.20427767009307654</c:v>
                </c:pt>
                <c:pt idx="4997">
                  <c:v>0.25410149206699767</c:v>
                </c:pt>
                <c:pt idx="4998">
                  <c:v>0.3188724606330951</c:v>
                </c:pt>
                <c:pt idx="4999">
                  <c:v>0.36371390040962409</c:v>
                </c:pt>
                <c:pt idx="5000">
                  <c:v>0.36371390040962409</c:v>
                </c:pt>
                <c:pt idx="5001">
                  <c:v>0.36371390040962409</c:v>
                </c:pt>
                <c:pt idx="5002">
                  <c:v>0.36371390040962409</c:v>
                </c:pt>
                <c:pt idx="5003">
                  <c:v>0.36371390040962409</c:v>
                </c:pt>
                <c:pt idx="5004">
                  <c:v>0.36371390040962409</c:v>
                </c:pt>
                <c:pt idx="5005">
                  <c:v>0.36371390040962409</c:v>
                </c:pt>
                <c:pt idx="5006">
                  <c:v>0.36371390040962409</c:v>
                </c:pt>
                <c:pt idx="5007">
                  <c:v>0.32883722502787932</c:v>
                </c:pt>
                <c:pt idx="5008">
                  <c:v>0.2989429318435266</c:v>
                </c:pt>
                <c:pt idx="5009">
                  <c:v>0.26904863865917394</c:v>
                </c:pt>
                <c:pt idx="5010">
                  <c:v>0.25908387426438972</c:v>
                </c:pt>
                <c:pt idx="5011">
                  <c:v>0.2092600522904686</c:v>
                </c:pt>
                <c:pt idx="5012">
                  <c:v>0.15445384811915541</c:v>
                </c:pt>
                <c:pt idx="5013">
                  <c:v>0.15445384811915541</c:v>
                </c:pt>
                <c:pt idx="5014">
                  <c:v>0.15445384811915541</c:v>
                </c:pt>
                <c:pt idx="5015">
                  <c:v>0.15445384811915541</c:v>
                </c:pt>
                <c:pt idx="5016">
                  <c:v>0.17554063234818909</c:v>
                </c:pt>
                <c:pt idx="5017">
                  <c:v>0.20385363756563896</c:v>
                </c:pt>
                <c:pt idx="5018">
                  <c:v>0.20385363756563896</c:v>
                </c:pt>
                <c:pt idx="5019">
                  <c:v>0.20385363756563896</c:v>
                </c:pt>
                <c:pt idx="5020">
                  <c:v>0.20385363756563896</c:v>
                </c:pt>
                <c:pt idx="5021">
                  <c:v>0.25481704695704871</c:v>
                </c:pt>
                <c:pt idx="5022">
                  <c:v>0.30011785530496848</c:v>
                </c:pt>
                <c:pt idx="5023">
                  <c:v>0.35674386573986816</c:v>
                </c:pt>
                <c:pt idx="5024">
                  <c:v>0.35674386573986816</c:v>
                </c:pt>
                <c:pt idx="5025">
                  <c:v>0.35674386573986816</c:v>
                </c:pt>
                <c:pt idx="5026">
                  <c:v>0.35674386573986816</c:v>
                </c:pt>
                <c:pt idx="5027">
                  <c:v>0.35674386573986816</c:v>
                </c:pt>
                <c:pt idx="5028">
                  <c:v>0.35674386573986816</c:v>
                </c:pt>
                <c:pt idx="5029">
                  <c:v>0.35674386573986816</c:v>
                </c:pt>
                <c:pt idx="5030">
                  <c:v>0.35674386573986816</c:v>
                </c:pt>
                <c:pt idx="5031">
                  <c:v>0.31710565843543836</c:v>
                </c:pt>
                <c:pt idx="5032">
                  <c:v>0.31144305739194844</c:v>
                </c:pt>
                <c:pt idx="5033">
                  <c:v>0.26614224904402861</c:v>
                </c:pt>
                <c:pt idx="5034">
                  <c:v>0.24915444591355876</c:v>
                </c:pt>
                <c:pt idx="5035">
                  <c:v>0.20951623860912896</c:v>
                </c:pt>
                <c:pt idx="5036">
                  <c:v>0.17554063234818909</c:v>
                </c:pt>
                <c:pt idx="5037">
                  <c:v>0.15289022817422923</c:v>
                </c:pt>
                <c:pt idx="5038">
                  <c:v>0.15289022817422923</c:v>
                </c:pt>
                <c:pt idx="5039">
                  <c:v>0.15289022817422923</c:v>
                </c:pt>
                <c:pt idx="5040">
                  <c:v>0.17465835427122992</c:v>
                </c:pt>
                <c:pt idx="5041">
                  <c:v>0.17465835427122992</c:v>
                </c:pt>
                <c:pt idx="5042">
                  <c:v>0.17465835427122992</c:v>
                </c:pt>
                <c:pt idx="5043">
                  <c:v>0.17465835427122992</c:v>
                </c:pt>
                <c:pt idx="5044">
                  <c:v>0.17465835427122992</c:v>
                </c:pt>
                <c:pt idx="5045">
                  <c:v>0.75685286850866296</c:v>
                </c:pt>
                <c:pt idx="5046">
                  <c:v>0.85873690850021378</c:v>
                </c:pt>
                <c:pt idx="5047">
                  <c:v>0.85873690850021378</c:v>
                </c:pt>
                <c:pt idx="5048">
                  <c:v>0.85873690850021378</c:v>
                </c:pt>
                <c:pt idx="5049">
                  <c:v>0.91695635992395708</c:v>
                </c:pt>
                <c:pt idx="5050">
                  <c:v>0.91695635992395708</c:v>
                </c:pt>
                <c:pt idx="5051">
                  <c:v>1.1643890284748664</c:v>
                </c:pt>
                <c:pt idx="5052">
                  <c:v>1.1643890284748664</c:v>
                </c:pt>
                <c:pt idx="5053">
                  <c:v>0.77140773136459895</c:v>
                </c:pt>
                <c:pt idx="5054">
                  <c:v>1.1643890284748664</c:v>
                </c:pt>
                <c:pt idx="5055">
                  <c:v>1.1643890284748664</c:v>
                </c:pt>
                <c:pt idx="5056">
                  <c:v>1.1643890284748664</c:v>
                </c:pt>
                <c:pt idx="5057">
                  <c:v>1.1643890284748664</c:v>
                </c:pt>
                <c:pt idx="5058">
                  <c:v>1.1643890284748664</c:v>
                </c:pt>
                <c:pt idx="5059">
                  <c:v>0.97517581134770048</c:v>
                </c:pt>
                <c:pt idx="5060">
                  <c:v>0.80051745707647037</c:v>
                </c:pt>
                <c:pt idx="5061">
                  <c:v>0.58219451423743318</c:v>
                </c:pt>
                <c:pt idx="5062">
                  <c:v>0.55308478852556153</c:v>
                </c:pt>
                <c:pt idx="5063">
                  <c:v>0.55308478852556153</c:v>
                </c:pt>
                <c:pt idx="5064">
                  <c:v>0.51123388833284855</c:v>
                </c:pt>
                <c:pt idx="5065">
                  <c:v>0.51123388833284855</c:v>
                </c:pt>
                <c:pt idx="5066">
                  <c:v>0.51123388833284855</c:v>
                </c:pt>
                <c:pt idx="5067">
                  <c:v>0.51123388833284855</c:v>
                </c:pt>
                <c:pt idx="5068">
                  <c:v>0.51123388833284855</c:v>
                </c:pt>
                <c:pt idx="5069">
                  <c:v>0.66460405483270313</c:v>
                </c:pt>
                <c:pt idx="5070">
                  <c:v>0.74128913808263031</c:v>
                </c:pt>
                <c:pt idx="5071">
                  <c:v>0.76685083249927288</c:v>
                </c:pt>
                <c:pt idx="5072">
                  <c:v>0.76685083249927288</c:v>
                </c:pt>
                <c:pt idx="5073">
                  <c:v>0.83075506854087899</c:v>
                </c:pt>
                <c:pt idx="5074">
                  <c:v>0.86909761016584242</c:v>
                </c:pt>
                <c:pt idx="5075">
                  <c:v>1.0224677766656971</c:v>
                </c:pt>
                <c:pt idx="5076">
                  <c:v>1.0224677766656971</c:v>
                </c:pt>
                <c:pt idx="5077">
                  <c:v>1.0224677766656971</c:v>
                </c:pt>
                <c:pt idx="5078">
                  <c:v>1.0224677766656971</c:v>
                </c:pt>
                <c:pt idx="5079">
                  <c:v>1.0224677766656971</c:v>
                </c:pt>
                <c:pt idx="5080">
                  <c:v>1.0224677766656971</c:v>
                </c:pt>
                <c:pt idx="5081">
                  <c:v>1.0224677766656971</c:v>
                </c:pt>
                <c:pt idx="5082">
                  <c:v>1.0224677766656971</c:v>
                </c:pt>
                <c:pt idx="5083">
                  <c:v>0.85631676295752135</c:v>
                </c:pt>
                <c:pt idx="5084">
                  <c:v>0.70294659645766677</c:v>
                </c:pt>
                <c:pt idx="5085">
                  <c:v>0.51123388833284855</c:v>
                </c:pt>
                <c:pt idx="5086">
                  <c:v>0.51123388833284855</c:v>
                </c:pt>
                <c:pt idx="5087">
                  <c:v>0.51123388833284855</c:v>
                </c:pt>
                <c:pt idx="5088">
                  <c:v>0.4500831914408347</c:v>
                </c:pt>
                <c:pt idx="5089">
                  <c:v>0.50634359037093901</c:v>
                </c:pt>
                <c:pt idx="5090">
                  <c:v>0.50634359037093901</c:v>
                </c:pt>
                <c:pt idx="5091">
                  <c:v>0.50634359037093901</c:v>
                </c:pt>
                <c:pt idx="5092">
                  <c:v>0.50634359037093901</c:v>
                </c:pt>
                <c:pt idx="5093">
                  <c:v>0.65262062758921036</c:v>
                </c:pt>
                <c:pt idx="5094">
                  <c:v>0.75388934566339816</c:v>
                </c:pt>
                <c:pt idx="5095">
                  <c:v>0.75388934566339816</c:v>
                </c:pt>
                <c:pt idx="5096">
                  <c:v>0.75388934566339816</c:v>
                </c:pt>
                <c:pt idx="5097">
                  <c:v>0.81014974459350242</c:v>
                </c:pt>
                <c:pt idx="5098">
                  <c:v>0.87766222330962762</c:v>
                </c:pt>
                <c:pt idx="5099">
                  <c:v>1.012687180741878</c:v>
                </c:pt>
                <c:pt idx="5100">
                  <c:v>1.012687180741878</c:v>
                </c:pt>
                <c:pt idx="5101">
                  <c:v>1.012687180741878</c:v>
                </c:pt>
                <c:pt idx="5102">
                  <c:v>1.012687180741878</c:v>
                </c:pt>
                <c:pt idx="5103">
                  <c:v>1.012687180741878</c:v>
                </c:pt>
                <c:pt idx="5104">
                  <c:v>1.012687180741878</c:v>
                </c:pt>
                <c:pt idx="5105">
                  <c:v>1.012687180741878</c:v>
                </c:pt>
                <c:pt idx="5106">
                  <c:v>1.012687180741878</c:v>
                </c:pt>
                <c:pt idx="5107">
                  <c:v>0.84390598395156513</c:v>
                </c:pt>
                <c:pt idx="5108">
                  <c:v>0.67512478716125202</c:v>
                </c:pt>
                <c:pt idx="5109">
                  <c:v>0.50634359037093901</c:v>
                </c:pt>
                <c:pt idx="5110">
                  <c:v>0.50634359037093901</c:v>
                </c:pt>
                <c:pt idx="5111">
                  <c:v>0.50634359037093901</c:v>
                </c:pt>
                <c:pt idx="5112">
                  <c:v>0.50942517492872019</c:v>
                </c:pt>
                <c:pt idx="5113">
                  <c:v>0.50942517492872019</c:v>
                </c:pt>
                <c:pt idx="5114">
                  <c:v>0.50942517492872019</c:v>
                </c:pt>
                <c:pt idx="5115">
                  <c:v>0.50942517492872019</c:v>
                </c:pt>
                <c:pt idx="5116">
                  <c:v>0.50942517492872019</c:v>
                </c:pt>
                <c:pt idx="5117">
                  <c:v>0.65659244768590608</c:v>
                </c:pt>
                <c:pt idx="5118">
                  <c:v>0.75847748267165016</c:v>
                </c:pt>
                <c:pt idx="5119">
                  <c:v>0.75847748267165016</c:v>
                </c:pt>
                <c:pt idx="5120">
                  <c:v>0.75847748267165016</c:v>
                </c:pt>
                <c:pt idx="5121">
                  <c:v>0.81508027988595244</c:v>
                </c:pt>
                <c:pt idx="5122">
                  <c:v>0.8830036365431152</c:v>
                </c:pt>
                <c:pt idx="5123">
                  <c:v>1.0188503498574404</c:v>
                </c:pt>
                <c:pt idx="5124">
                  <c:v>1.0188503498574404</c:v>
                </c:pt>
                <c:pt idx="5125">
                  <c:v>1.0188503498574404</c:v>
                </c:pt>
                <c:pt idx="5126">
                  <c:v>1.0188503498574404</c:v>
                </c:pt>
                <c:pt idx="5127">
                  <c:v>1.0188503498574404</c:v>
                </c:pt>
                <c:pt idx="5128">
                  <c:v>1.0188503498574404</c:v>
                </c:pt>
                <c:pt idx="5129">
                  <c:v>1.0188503498574404</c:v>
                </c:pt>
                <c:pt idx="5130">
                  <c:v>1.0188503498574404</c:v>
                </c:pt>
                <c:pt idx="5131">
                  <c:v>0.84904195821453377</c:v>
                </c:pt>
                <c:pt idx="5132">
                  <c:v>0.67923356657162703</c:v>
                </c:pt>
                <c:pt idx="5133">
                  <c:v>0.50942517492872019</c:v>
                </c:pt>
                <c:pt idx="5134">
                  <c:v>0.50942517492872019</c:v>
                </c:pt>
                <c:pt idx="5135">
                  <c:v>0.50942517492872019</c:v>
                </c:pt>
                <c:pt idx="5136">
                  <c:v>0.56040093710120553</c:v>
                </c:pt>
                <c:pt idx="5137">
                  <c:v>0.56040093710120553</c:v>
                </c:pt>
                <c:pt idx="5138">
                  <c:v>0.56040093710120553</c:v>
                </c:pt>
                <c:pt idx="5139">
                  <c:v>0.56040093710120553</c:v>
                </c:pt>
                <c:pt idx="5140">
                  <c:v>0.56040093710120553</c:v>
                </c:pt>
                <c:pt idx="5141">
                  <c:v>0.72229454115266478</c:v>
                </c:pt>
                <c:pt idx="5142">
                  <c:v>0.87173479104631968</c:v>
                </c:pt>
                <c:pt idx="5143">
                  <c:v>0.87173479104631968</c:v>
                </c:pt>
                <c:pt idx="5144">
                  <c:v>0.87173479104631968</c:v>
                </c:pt>
                <c:pt idx="5145">
                  <c:v>0.93400156183534244</c:v>
                </c:pt>
                <c:pt idx="5146">
                  <c:v>0.97136162430875617</c:v>
                </c:pt>
                <c:pt idx="5147">
                  <c:v>1.1208018742024111</c:v>
                </c:pt>
                <c:pt idx="5148">
                  <c:v>1.1208018742024111</c:v>
                </c:pt>
                <c:pt idx="5149">
                  <c:v>1.1208018742024111</c:v>
                </c:pt>
                <c:pt idx="5150">
                  <c:v>1.1208018742024111</c:v>
                </c:pt>
                <c:pt idx="5151">
                  <c:v>0.93400156183534244</c:v>
                </c:pt>
                <c:pt idx="5152">
                  <c:v>0.88418814520412425</c:v>
                </c:pt>
                <c:pt idx="5153">
                  <c:v>0.88418814520412425</c:v>
                </c:pt>
                <c:pt idx="5154">
                  <c:v>0.88418814520412425</c:v>
                </c:pt>
                <c:pt idx="5155">
                  <c:v>0.88418814520412425</c:v>
                </c:pt>
                <c:pt idx="5156">
                  <c:v>0.68493447867925106</c:v>
                </c:pt>
                <c:pt idx="5157">
                  <c:v>0.2615204373138959</c:v>
                </c:pt>
                <c:pt idx="5158">
                  <c:v>0.2615204373138959</c:v>
                </c:pt>
                <c:pt idx="5159">
                  <c:v>0.2615204373138959</c:v>
                </c:pt>
                <c:pt idx="5160">
                  <c:v>0.12056783603037378</c:v>
                </c:pt>
                <c:pt idx="5161">
                  <c:v>0.23539434653549166</c:v>
                </c:pt>
                <c:pt idx="5162">
                  <c:v>0.23539434653549166</c:v>
                </c:pt>
                <c:pt idx="5163">
                  <c:v>0.23539434653549166</c:v>
                </c:pt>
                <c:pt idx="5164">
                  <c:v>0.23539434653549166</c:v>
                </c:pt>
                <c:pt idx="5165">
                  <c:v>0.2928076017880506</c:v>
                </c:pt>
                <c:pt idx="5166">
                  <c:v>0.3674448336163772</c:v>
                </c:pt>
                <c:pt idx="5167">
                  <c:v>0.41911676334368025</c:v>
                </c:pt>
                <c:pt idx="5168">
                  <c:v>0.41911676334368025</c:v>
                </c:pt>
                <c:pt idx="5169">
                  <c:v>0.41911676334368025</c:v>
                </c:pt>
                <c:pt idx="5170">
                  <c:v>0.41911676334368025</c:v>
                </c:pt>
                <c:pt idx="5171">
                  <c:v>0.41911676334368025</c:v>
                </c:pt>
                <c:pt idx="5172">
                  <c:v>0.41911676334368025</c:v>
                </c:pt>
                <c:pt idx="5173">
                  <c:v>0.41911676334368025</c:v>
                </c:pt>
                <c:pt idx="5174">
                  <c:v>0.41911676334368025</c:v>
                </c:pt>
                <c:pt idx="5175">
                  <c:v>0.37892748466688897</c:v>
                </c:pt>
                <c:pt idx="5176">
                  <c:v>0.3444795315153536</c:v>
                </c:pt>
                <c:pt idx="5177">
                  <c:v>0.31003157836381828</c:v>
                </c:pt>
                <c:pt idx="5178">
                  <c:v>0.29854892731330646</c:v>
                </c:pt>
                <c:pt idx="5179">
                  <c:v>0.24113567206074757</c:v>
                </c:pt>
                <c:pt idx="5180">
                  <c:v>0.17798109128293271</c:v>
                </c:pt>
                <c:pt idx="5181">
                  <c:v>0.17798109128293271</c:v>
                </c:pt>
                <c:pt idx="5182">
                  <c:v>0.17798109128293271</c:v>
                </c:pt>
                <c:pt idx="5183">
                  <c:v>0.17798109128293271</c:v>
                </c:pt>
                <c:pt idx="5184">
                  <c:v>0.20106450567407616</c:v>
                </c:pt>
                <c:pt idx="5185">
                  <c:v>0.23349426465376585</c:v>
                </c:pt>
                <c:pt idx="5186">
                  <c:v>0.23349426465376585</c:v>
                </c:pt>
                <c:pt idx="5187">
                  <c:v>0.23349426465376585</c:v>
                </c:pt>
                <c:pt idx="5188">
                  <c:v>0.23349426465376585</c:v>
                </c:pt>
                <c:pt idx="5189">
                  <c:v>0.29186783081720735</c:v>
                </c:pt>
                <c:pt idx="5190">
                  <c:v>0.34375544518471085</c:v>
                </c:pt>
                <c:pt idx="5191">
                  <c:v>0.40861496314409029</c:v>
                </c:pt>
                <c:pt idx="5192">
                  <c:v>0.40861496314409029</c:v>
                </c:pt>
                <c:pt idx="5193">
                  <c:v>0.40861496314409029</c:v>
                </c:pt>
                <c:pt idx="5194">
                  <c:v>0.40861496314409029</c:v>
                </c:pt>
                <c:pt idx="5195">
                  <c:v>0.40861496314409029</c:v>
                </c:pt>
                <c:pt idx="5196">
                  <c:v>0.40861496314409029</c:v>
                </c:pt>
                <c:pt idx="5197">
                  <c:v>0.40861496314409029</c:v>
                </c:pt>
                <c:pt idx="5198">
                  <c:v>0.40861496314409029</c:v>
                </c:pt>
                <c:pt idx="5199">
                  <c:v>0.36321330057252471</c:v>
                </c:pt>
                <c:pt idx="5200">
                  <c:v>0.35672734877658668</c:v>
                </c:pt>
                <c:pt idx="5201">
                  <c:v>0.30483973440908324</c:v>
                </c:pt>
                <c:pt idx="5202">
                  <c:v>0.28538187902126944</c:v>
                </c:pt>
                <c:pt idx="5203">
                  <c:v>0.23998021644970385</c:v>
                </c:pt>
                <c:pt idx="5204">
                  <c:v>0.20106450567407616</c:v>
                </c:pt>
                <c:pt idx="5205">
                  <c:v>0.17512069849032441</c:v>
                </c:pt>
                <c:pt idx="5206">
                  <c:v>0.17512069849032441</c:v>
                </c:pt>
                <c:pt idx="5207">
                  <c:v>0.17512069849032441</c:v>
                </c:pt>
                <c:pt idx="5208">
                  <c:v>0.17770088295816869</c:v>
                </c:pt>
                <c:pt idx="5209">
                  <c:v>0.17770088295816869</c:v>
                </c:pt>
                <c:pt idx="5210">
                  <c:v>0.17770088295816869</c:v>
                </c:pt>
                <c:pt idx="5211">
                  <c:v>0.17770088295816869</c:v>
                </c:pt>
                <c:pt idx="5212">
                  <c:v>0.17770088295816869</c:v>
                </c:pt>
                <c:pt idx="5213">
                  <c:v>0.77003715948539753</c:v>
                </c:pt>
                <c:pt idx="5214">
                  <c:v>0.87369600787766288</c:v>
                </c:pt>
                <c:pt idx="5215">
                  <c:v>0.87369600787766288</c:v>
                </c:pt>
                <c:pt idx="5216">
                  <c:v>0.87369600787766288</c:v>
                </c:pt>
                <c:pt idx="5217">
                  <c:v>0.93292963553038566</c:v>
                </c:pt>
                <c:pt idx="5218">
                  <c:v>0.93292963553038566</c:v>
                </c:pt>
                <c:pt idx="5219">
                  <c:v>1.184672553054458</c:v>
                </c:pt>
                <c:pt idx="5220">
                  <c:v>1.184672553054458</c:v>
                </c:pt>
                <c:pt idx="5221">
                  <c:v>0.78484556639857839</c:v>
                </c:pt>
                <c:pt idx="5222">
                  <c:v>1.184672553054458</c:v>
                </c:pt>
                <c:pt idx="5223">
                  <c:v>1.184672553054458</c:v>
                </c:pt>
                <c:pt idx="5224">
                  <c:v>1.184672553054458</c:v>
                </c:pt>
                <c:pt idx="5225">
                  <c:v>1.184672553054458</c:v>
                </c:pt>
                <c:pt idx="5226">
                  <c:v>1.184672553054458</c:v>
                </c:pt>
                <c:pt idx="5227">
                  <c:v>0.99216326318310855</c:v>
                </c:pt>
                <c:pt idx="5228">
                  <c:v>0.81446238022493977</c:v>
                </c:pt>
                <c:pt idx="5229">
                  <c:v>0.59233627652722898</c:v>
                </c:pt>
                <c:pt idx="5230">
                  <c:v>0.56271946270086759</c:v>
                </c:pt>
                <c:pt idx="5231">
                  <c:v>0.56271946270086759</c:v>
                </c:pt>
                <c:pt idx="5232">
                  <c:v>0.5278458111711789</c:v>
                </c:pt>
                <c:pt idx="5233">
                  <c:v>0.5278458111711789</c:v>
                </c:pt>
                <c:pt idx="5234">
                  <c:v>0.5278458111711789</c:v>
                </c:pt>
                <c:pt idx="5235">
                  <c:v>0.5278458111711789</c:v>
                </c:pt>
                <c:pt idx="5236">
                  <c:v>0.5278458111711789</c:v>
                </c:pt>
                <c:pt idx="5237">
                  <c:v>0.68619955452253245</c:v>
                </c:pt>
                <c:pt idx="5238">
                  <c:v>0.76537642619820923</c:v>
                </c:pt>
                <c:pt idx="5239">
                  <c:v>0.79176871675676819</c:v>
                </c:pt>
                <c:pt idx="5240">
                  <c:v>0.79176871675676819</c:v>
                </c:pt>
                <c:pt idx="5241">
                  <c:v>0.85774944315316548</c:v>
                </c:pt>
                <c:pt idx="5242">
                  <c:v>0.89733787899100392</c:v>
                </c:pt>
                <c:pt idx="5243">
                  <c:v>1.0556916223423578</c:v>
                </c:pt>
                <c:pt idx="5244">
                  <c:v>1.0556916223423578</c:v>
                </c:pt>
                <c:pt idx="5245">
                  <c:v>1.0556916223423578</c:v>
                </c:pt>
                <c:pt idx="5246">
                  <c:v>1.0556916223423578</c:v>
                </c:pt>
                <c:pt idx="5247">
                  <c:v>1.0556916223423578</c:v>
                </c:pt>
                <c:pt idx="5248">
                  <c:v>1.0556916223423578</c:v>
                </c:pt>
                <c:pt idx="5249">
                  <c:v>1.0556916223423578</c:v>
                </c:pt>
                <c:pt idx="5250">
                  <c:v>1.0556916223423578</c:v>
                </c:pt>
                <c:pt idx="5251">
                  <c:v>0.88414173371172455</c:v>
                </c:pt>
                <c:pt idx="5252">
                  <c:v>0.72578799036037078</c:v>
                </c:pt>
                <c:pt idx="5253">
                  <c:v>0.5278458111711789</c:v>
                </c:pt>
                <c:pt idx="5254">
                  <c:v>0.5278458111711789</c:v>
                </c:pt>
                <c:pt idx="5255">
                  <c:v>0.5278458111711789</c:v>
                </c:pt>
                <c:pt idx="5256">
                  <c:v>0.46008251095388802</c:v>
                </c:pt>
                <c:pt idx="5257">
                  <c:v>0.51759282482312396</c:v>
                </c:pt>
                <c:pt idx="5258">
                  <c:v>0.51759282482312396</c:v>
                </c:pt>
                <c:pt idx="5259">
                  <c:v>0.51759282482312396</c:v>
                </c:pt>
                <c:pt idx="5260">
                  <c:v>0.51759282482312396</c:v>
                </c:pt>
                <c:pt idx="5261">
                  <c:v>0.66711964088313758</c:v>
                </c:pt>
                <c:pt idx="5262">
                  <c:v>0.77063820584776255</c:v>
                </c:pt>
                <c:pt idx="5263">
                  <c:v>0.77063820584776255</c:v>
                </c:pt>
                <c:pt idx="5264">
                  <c:v>0.77063820584776255</c:v>
                </c:pt>
                <c:pt idx="5265">
                  <c:v>0.82814851971699843</c:v>
                </c:pt>
                <c:pt idx="5266">
                  <c:v>0.89716089636008167</c:v>
                </c:pt>
                <c:pt idx="5267">
                  <c:v>1.0351856496462479</c:v>
                </c:pt>
                <c:pt idx="5268">
                  <c:v>1.0351856496462479</c:v>
                </c:pt>
                <c:pt idx="5269">
                  <c:v>1.0351856496462479</c:v>
                </c:pt>
                <c:pt idx="5270">
                  <c:v>1.0351856496462479</c:v>
                </c:pt>
                <c:pt idx="5271">
                  <c:v>1.0351856496462479</c:v>
                </c:pt>
                <c:pt idx="5272">
                  <c:v>1.0351856496462479</c:v>
                </c:pt>
                <c:pt idx="5273">
                  <c:v>1.0351856496462479</c:v>
                </c:pt>
                <c:pt idx="5274">
                  <c:v>1.0351856496462479</c:v>
                </c:pt>
                <c:pt idx="5275">
                  <c:v>0.86265470803853994</c:v>
                </c:pt>
                <c:pt idx="5276">
                  <c:v>0.69012376643083206</c:v>
                </c:pt>
                <c:pt idx="5277">
                  <c:v>0.51759282482312396</c:v>
                </c:pt>
                <c:pt idx="5278">
                  <c:v>0.51759282482312396</c:v>
                </c:pt>
                <c:pt idx="5279">
                  <c:v>0.51759282482312396</c:v>
                </c:pt>
                <c:pt idx="5280">
                  <c:v>0.51213214736898283</c:v>
                </c:pt>
                <c:pt idx="5281">
                  <c:v>0.51213214736898283</c:v>
                </c:pt>
                <c:pt idx="5282">
                  <c:v>0.51213214736898283</c:v>
                </c:pt>
                <c:pt idx="5283">
                  <c:v>0.51213214736898283</c:v>
                </c:pt>
                <c:pt idx="5284">
                  <c:v>0.51213214736898283</c:v>
                </c:pt>
                <c:pt idx="5285">
                  <c:v>0.66008143438668909</c:v>
                </c:pt>
                <c:pt idx="5286">
                  <c:v>0.76250786386048564</c:v>
                </c:pt>
                <c:pt idx="5287">
                  <c:v>0.76250786386048564</c:v>
                </c:pt>
                <c:pt idx="5288">
                  <c:v>0.76250786386048564</c:v>
                </c:pt>
                <c:pt idx="5289">
                  <c:v>0.81941143579037257</c:v>
                </c:pt>
                <c:pt idx="5290">
                  <c:v>0.88769572210623704</c:v>
                </c:pt>
                <c:pt idx="5291">
                  <c:v>1.0242642947379657</c:v>
                </c:pt>
                <c:pt idx="5292">
                  <c:v>1.0242642947379657</c:v>
                </c:pt>
                <c:pt idx="5293">
                  <c:v>1.0242642947379657</c:v>
                </c:pt>
                <c:pt idx="5294">
                  <c:v>1.0242642947379657</c:v>
                </c:pt>
                <c:pt idx="5295">
                  <c:v>1.0242642947379657</c:v>
                </c:pt>
                <c:pt idx="5296">
                  <c:v>1.0242642947379657</c:v>
                </c:pt>
                <c:pt idx="5297">
                  <c:v>1.0242642947379657</c:v>
                </c:pt>
                <c:pt idx="5298">
                  <c:v>1.0242642947379657</c:v>
                </c:pt>
                <c:pt idx="5299">
                  <c:v>0.85355357894830486</c:v>
                </c:pt>
                <c:pt idx="5300">
                  <c:v>0.68284286315864395</c:v>
                </c:pt>
                <c:pt idx="5301">
                  <c:v>0.51213214736898283</c:v>
                </c:pt>
                <c:pt idx="5302">
                  <c:v>0.51213214736898283</c:v>
                </c:pt>
                <c:pt idx="5303">
                  <c:v>0.51213214736898283</c:v>
                </c:pt>
                <c:pt idx="5304">
                  <c:v>0.56929397130819115</c:v>
                </c:pt>
                <c:pt idx="5305">
                  <c:v>0.56929397130819115</c:v>
                </c:pt>
                <c:pt idx="5306">
                  <c:v>0.56929397130819115</c:v>
                </c:pt>
                <c:pt idx="5307">
                  <c:v>0.56929397130819115</c:v>
                </c:pt>
                <c:pt idx="5308">
                  <c:v>0.56929397130819115</c:v>
                </c:pt>
                <c:pt idx="5309">
                  <c:v>0.73375667413055756</c:v>
                </c:pt>
                <c:pt idx="5310">
                  <c:v>0.88556839981274205</c:v>
                </c:pt>
                <c:pt idx="5311">
                  <c:v>0.88556839981274205</c:v>
                </c:pt>
                <c:pt idx="5312">
                  <c:v>0.88556839981274205</c:v>
                </c:pt>
                <c:pt idx="5313">
                  <c:v>0.94882328551365203</c:v>
                </c:pt>
                <c:pt idx="5314">
                  <c:v>0.98677621693419804</c:v>
                </c:pt>
                <c:pt idx="5315">
                  <c:v>1.1385879426163823</c:v>
                </c:pt>
                <c:pt idx="5316">
                  <c:v>1.1385879426163823</c:v>
                </c:pt>
                <c:pt idx="5317">
                  <c:v>1.1385879426163823</c:v>
                </c:pt>
                <c:pt idx="5318">
                  <c:v>1.1385879426163823</c:v>
                </c:pt>
                <c:pt idx="5319">
                  <c:v>0.94882328551365203</c:v>
                </c:pt>
                <c:pt idx="5320">
                  <c:v>0.89821937695292409</c:v>
                </c:pt>
                <c:pt idx="5321">
                  <c:v>0.89821937695292409</c:v>
                </c:pt>
                <c:pt idx="5322">
                  <c:v>0.89821937695292409</c:v>
                </c:pt>
                <c:pt idx="5323">
                  <c:v>0.89821937695292409</c:v>
                </c:pt>
                <c:pt idx="5324">
                  <c:v>0.69580374271001144</c:v>
                </c:pt>
                <c:pt idx="5325">
                  <c:v>0.26567051994382251</c:v>
                </c:pt>
                <c:pt idx="5326">
                  <c:v>0.26567051994382251</c:v>
                </c:pt>
                <c:pt idx="5327">
                  <c:v>0.26567051994382251</c:v>
                </c:pt>
                <c:pt idx="5328">
                  <c:v>0.11839449831876379</c:v>
                </c:pt>
                <c:pt idx="5329">
                  <c:v>0.23115116338425318</c:v>
                </c:pt>
                <c:pt idx="5330">
                  <c:v>0.23115116338425318</c:v>
                </c:pt>
                <c:pt idx="5331">
                  <c:v>0.23115116338425318</c:v>
                </c:pt>
                <c:pt idx="5332">
                  <c:v>0.23115116338425318</c:v>
                </c:pt>
                <c:pt idx="5333">
                  <c:v>0.28752949591699778</c:v>
                </c:pt>
                <c:pt idx="5334">
                  <c:v>0.36082132820956592</c:v>
                </c:pt>
                <c:pt idx="5335">
                  <c:v>0.41156182748903614</c:v>
                </c:pt>
                <c:pt idx="5336">
                  <c:v>0.41156182748903614</c:v>
                </c:pt>
                <c:pt idx="5337">
                  <c:v>0.41156182748903614</c:v>
                </c:pt>
                <c:pt idx="5338">
                  <c:v>0.41156182748903614</c:v>
                </c:pt>
                <c:pt idx="5339">
                  <c:v>0.41156182748903614</c:v>
                </c:pt>
                <c:pt idx="5340">
                  <c:v>0.41156182748903614</c:v>
                </c:pt>
                <c:pt idx="5341">
                  <c:v>0.41156182748903614</c:v>
                </c:pt>
                <c:pt idx="5342">
                  <c:v>0.41156182748903614</c:v>
                </c:pt>
                <c:pt idx="5343">
                  <c:v>0.37209699471611479</c:v>
                </c:pt>
                <c:pt idx="5344">
                  <c:v>0.33826999519646805</c:v>
                </c:pt>
                <c:pt idx="5345">
                  <c:v>0.30444299567682126</c:v>
                </c:pt>
                <c:pt idx="5346">
                  <c:v>0.29316732917027233</c:v>
                </c:pt>
                <c:pt idx="5347">
                  <c:v>0.23678899663752759</c:v>
                </c:pt>
                <c:pt idx="5348">
                  <c:v>0.17477283085150846</c:v>
                </c:pt>
                <c:pt idx="5349">
                  <c:v>0.17477283085150846</c:v>
                </c:pt>
                <c:pt idx="5350">
                  <c:v>0.17477283085150846</c:v>
                </c:pt>
                <c:pt idx="5351">
                  <c:v>0.17477283085150846</c:v>
                </c:pt>
                <c:pt idx="5352">
                  <c:v>0.18769485774146863</c:v>
                </c:pt>
                <c:pt idx="5353">
                  <c:v>0.21796822189331844</c:v>
                </c:pt>
                <c:pt idx="5354">
                  <c:v>0.21796822189331844</c:v>
                </c:pt>
                <c:pt idx="5355">
                  <c:v>0.21796822189331844</c:v>
                </c:pt>
                <c:pt idx="5356">
                  <c:v>0.21796822189331844</c:v>
                </c:pt>
                <c:pt idx="5357">
                  <c:v>0.27246027736664802</c:v>
                </c:pt>
                <c:pt idx="5358">
                  <c:v>0.32089766000960773</c:v>
                </c:pt>
                <c:pt idx="5359">
                  <c:v>0.38144438831330724</c:v>
                </c:pt>
                <c:pt idx="5360">
                  <c:v>0.38144438831330724</c:v>
                </c:pt>
                <c:pt idx="5361">
                  <c:v>0.38144438831330724</c:v>
                </c:pt>
                <c:pt idx="5362">
                  <c:v>0.38144438831330724</c:v>
                </c:pt>
                <c:pt idx="5363">
                  <c:v>0.38144438831330724</c:v>
                </c:pt>
                <c:pt idx="5364">
                  <c:v>0.38144438831330724</c:v>
                </c:pt>
                <c:pt idx="5365">
                  <c:v>0.38144438831330724</c:v>
                </c:pt>
                <c:pt idx="5366">
                  <c:v>0.38144438831330724</c:v>
                </c:pt>
                <c:pt idx="5367">
                  <c:v>0.33906167850071756</c:v>
                </c:pt>
                <c:pt idx="5368">
                  <c:v>0.33300700567034758</c:v>
                </c:pt>
                <c:pt idx="5369">
                  <c:v>0.28456962302738797</c:v>
                </c:pt>
                <c:pt idx="5370">
                  <c:v>0.2664056045362781</c:v>
                </c:pt>
                <c:pt idx="5371">
                  <c:v>0.22402289472368839</c:v>
                </c:pt>
                <c:pt idx="5372">
                  <c:v>0.18769485774146863</c:v>
                </c:pt>
                <c:pt idx="5373">
                  <c:v>0.16347616641998883</c:v>
                </c:pt>
                <c:pt idx="5374">
                  <c:v>0.16347616641998883</c:v>
                </c:pt>
                <c:pt idx="5375">
                  <c:v>0.16347616641998883</c:v>
                </c:pt>
                <c:pt idx="5376">
                  <c:v>0.17386465113550678</c:v>
                </c:pt>
                <c:pt idx="5377">
                  <c:v>0.17386465113550678</c:v>
                </c:pt>
                <c:pt idx="5378">
                  <c:v>0.17386465113550678</c:v>
                </c:pt>
                <c:pt idx="5379">
                  <c:v>0.17386465113550678</c:v>
                </c:pt>
                <c:pt idx="5380">
                  <c:v>0.17386465113550678</c:v>
                </c:pt>
                <c:pt idx="5381">
                  <c:v>0.75341348825386278</c:v>
                </c:pt>
                <c:pt idx="5382">
                  <c:v>0.85483453474957505</c:v>
                </c:pt>
                <c:pt idx="5383">
                  <c:v>0.85483453474957505</c:v>
                </c:pt>
                <c:pt idx="5384">
                  <c:v>0.85483453474957505</c:v>
                </c:pt>
                <c:pt idx="5385">
                  <c:v>0.91278941846141071</c:v>
                </c:pt>
                <c:pt idx="5386">
                  <c:v>0.91278941846141071</c:v>
                </c:pt>
                <c:pt idx="5387">
                  <c:v>1.1590976742367121</c:v>
                </c:pt>
                <c:pt idx="5388">
                  <c:v>1.1590976742367121</c:v>
                </c:pt>
                <c:pt idx="5389">
                  <c:v>0.76790220918182162</c:v>
                </c:pt>
                <c:pt idx="5390">
                  <c:v>1.1590976742367121</c:v>
                </c:pt>
                <c:pt idx="5391">
                  <c:v>1.1590976742367121</c:v>
                </c:pt>
                <c:pt idx="5392">
                  <c:v>1.1590976742367121</c:v>
                </c:pt>
                <c:pt idx="5393">
                  <c:v>1.1590976742367121</c:v>
                </c:pt>
                <c:pt idx="5394">
                  <c:v>1.1590976742367121</c:v>
                </c:pt>
                <c:pt idx="5395">
                  <c:v>0.97074430217324625</c:v>
                </c:pt>
                <c:pt idx="5396">
                  <c:v>0.7968796510377395</c:v>
                </c:pt>
                <c:pt idx="5397">
                  <c:v>0.57954883711835603</c:v>
                </c:pt>
                <c:pt idx="5398">
                  <c:v>0.55057139526243815</c:v>
                </c:pt>
                <c:pt idx="5399">
                  <c:v>0.55057139526243815</c:v>
                </c:pt>
                <c:pt idx="5400">
                  <c:v>0.5104612407589727</c:v>
                </c:pt>
                <c:pt idx="5401">
                  <c:v>0.5104612407589727</c:v>
                </c:pt>
                <c:pt idx="5402">
                  <c:v>0.5104612407589727</c:v>
                </c:pt>
                <c:pt idx="5403">
                  <c:v>0.5104612407589727</c:v>
                </c:pt>
                <c:pt idx="5404">
                  <c:v>0.5104612407589727</c:v>
                </c:pt>
                <c:pt idx="5405">
                  <c:v>0.66359961298666448</c:v>
                </c:pt>
                <c:pt idx="5406">
                  <c:v>0.74016879910051037</c:v>
                </c:pt>
                <c:pt idx="5407">
                  <c:v>0.765691861138459</c:v>
                </c:pt>
                <c:pt idx="5408">
                  <c:v>0.765691861138459</c:v>
                </c:pt>
                <c:pt idx="5409">
                  <c:v>0.82949951623333062</c:v>
                </c:pt>
                <c:pt idx="5410">
                  <c:v>0.86778410929025362</c:v>
                </c:pt>
                <c:pt idx="5411">
                  <c:v>1.0209224815179454</c:v>
                </c:pt>
                <c:pt idx="5412">
                  <c:v>1.0209224815179454</c:v>
                </c:pt>
                <c:pt idx="5413">
                  <c:v>1.0209224815179454</c:v>
                </c:pt>
                <c:pt idx="5414">
                  <c:v>1.0209224815179454</c:v>
                </c:pt>
                <c:pt idx="5415">
                  <c:v>1.0209224815179454</c:v>
                </c:pt>
                <c:pt idx="5416">
                  <c:v>1.0209224815179454</c:v>
                </c:pt>
                <c:pt idx="5417">
                  <c:v>1.0209224815179454</c:v>
                </c:pt>
                <c:pt idx="5418">
                  <c:v>1.0209224815179454</c:v>
                </c:pt>
                <c:pt idx="5419">
                  <c:v>0.85502257827127937</c:v>
                </c:pt>
                <c:pt idx="5420">
                  <c:v>0.70188420604358737</c:v>
                </c:pt>
                <c:pt idx="5421">
                  <c:v>0.5104612407589727</c:v>
                </c:pt>
                <c:pt idx="5422">
                  <c:v>0.5104612407589727</c:v>
                </c:pt>
                <c:pt idx="5423">
                  <c:v>0.5104612407589727</c:v>
                </c:pt>
                <c:pt idx="5424">
                  <c:v>0.45628966562135059</c:v>
                </c:pt>
                <c:pt idx="5425">
                  <c:v>0.5133258738240194</c:v>
                </c:pt>
                <c:pt idx="5426">
                  <c:v>0.5133258738240194</c:v>
                </c:pt>
                <c:pt idx="5427">
                  <c:v>0.5133258738240194</c:v>
                </c:pt>
                <c:pt idx="5428">
                  <c:v>0.5133258738240194</c:v>
                </c:pt>
                <c:pt idx="5429">
                  <c:v>0.66162001515095825</c:v>
                </c:pt>
                <c:pt idx="5430">
                  <c:v>0.76428518991576222</c:v>
                </c:pt>
                <c:pt idx="5431">
                  <c:v>0.76428518991576222</c:v>
                </c:pt>
                <c:pt idx="5432">
                  <c:v>0.76428518991576222</c:v>
                </c:pt>
                <c:pt idx="5433">
                  <c:v>0.82132139811843097</c:v>
                </c:pt>
                <c:pt idx="5434">
                  <c:v>0.88976484796163369</c:v>
                </c:pt>
                <c:pt idx="5435">
                  <c:v>1.0266517476480388</c:v>
                </c:pt>
                <c:pt idx="5436">
                  <c:v>1.0266517476480388</c:v>
                </c:pt>
                <c:pt idx="5437">
                  <c:v>1.0266517476480388</c:v>
                </c:pt>
                <c:pt idx="5438">
                  <c:v>1.0266517476480388</c:v>
                </c:pt>
                <c:pt idx="5439">
                  <c:v>1.0266517476480388</c:v>
                </c:pt>
                <c:pt idx="5440">
                  <c:v>1.0266517476480388</c:v>
                </c:pt>
                <c:pt idx="5441">
                  <c:v>1.0266517476480388</c:v>
                </c:pt>
                <c:pt idx="5442">
                  <c:v>1.0266517476480388</c:v>
                </c:pt>
                <c:pt idx="5443">
                  <c:v>0.85554312304003222</c:v>
                </c:pt>
                <c:pt idx="5444">
                  <c:v>0.68443449843202586</c:v>
                </c:pt>
                <c:pt idx="5445">
                  <c:v>0.5133258738240194</c:v>
                </c:pt>
                <c:pt idx="5446">
                  <c:v>0.5133258738240194</c:v>
                </c:pt>
                <c:pt idx="5447">
                  <c:v>0.5133258738240194</c:v>
                </c:pt>
                <c:pt idx="5448">
                  <c:v>0.52141319573559797</c:v>
                </c:pt>
                <c:pt idx="5449">
                  <c:v>0.52141319573559797</c:v>
                </c:pt>
                <c:pt idx="5450">
                  <c:v>0.52141319573559797</c:v>
                </c:pt>
                <c:pt idx="5451">
                  <c:v>0.52141319573559797</c:v>
                </c:pt>
                <c:pt idx="5452">
                  <c:v>0.52141319573559797</c:v>
                </c:pt>
                <c:pt idx="5453">
                  <c:v>0.67204367450365954</c:v>
                </c:pt>
                <c:pt idx="5454">
                  <c:v>0.77632631365077909</c:v>
                </c:pt>
                <c:pt idx="5455">
                  <c:v>0.77632631365077909</c:v>
                </c:pt>
                <c:pt idx="5456">
                  <c:v>0.77632631365077909</c:v>
                </c:pt>
                <c:pt idx="5457">
                  <c:v>0.83426111317695661</c:v>
                </c:pt>
                <c:pt idx="5458">
                  <c:v>0.90378287260836965</c:v>
                </c:pt>
                <c:pt idx="5459">
                  <c:v>1.0428263914711959</c:v>
                </c:pt>
                <c:pt idx="5460">
                  <c:v>1.0428263914711959</c:v>
                </c:pt>
                <c:pt idx="5461">
                  <c:v>1.0428263914711959</c:v>
                </c:pt>
                <c:pt idx="5462">
                  <c:v>1.0428263914711959</c:v>
                </c:pt>
                <c:pt idx="5463">
                  <c:v>1.0428263914711959</c:v>
                </c:pt>
                <c:pt idx="5464">
                  <c:v>1.0428263914711959</c:v>
                </c:pt>
                <c:pt idx="5465">
                  <c:v>1.0428263914711959</c:v>
                </c:pt>
                <c:pt idx="5466">
                  <c:v>1.0428263914711959</c:v>
                </c:pt>
                <c:pt idx="5467">
                  <c:v>0.86902199289266324</c:v>
                </c:pt>
                <c:pt idx="5468">
                  <c:v>0.69521759431413055</c:v>
                </c:pt>
                <c:pt idx="5469">
                  <c:v>0.52141319573559797</c:v>
                </c:pt>
                <c:pt idx="5470">
                  <c:v>0.52141319573559797</c:v>
                </c:pt>
                <c:pt idx="5471">
                  <c:v>0.52141319573559797</c:v>
                </c:pt>
                <c:pt idx="5472">
                  <c:v>0.56675310439190962</c:v>
                </c:pt>
                <c:pt idx="5473">
                  <c:v>0.56675310439190962</c:v>
                </c:pt>
                <c:pt idx="5474">
                  <c:v>0.56675310439190962</c:v>
                </c:pt>
                <c:pt idx="5475">
                  <c:v>0.56675310439190962</c:v>
                </c:pt>
                <c:pt idx="5476">
                  <c:v>0.56675310439190962</c:v>
                </c:pt>
                <c:pt idx="5477">
                  <c:v>0.73048177899401678</c:v>
                </c:pt>
                <c:pt idx="5478">
                  <c:v>0.88161594016519274</c:v>
                </c:pt>
                <c:pt idx="5479">
                  <c:v>0.88161594016519274</c:v>
                </c:pt>
                <c:pt idx="5480">
                  <c:v>0.88161594016519274</c:v>
                </c:pt>
                <c:pt idx="5481">
                  <c:v>0.94458850731984934</c:v>
                </c:pt>
                <c:pt idx="5482">
                  <c:v>0.9823720476126433</c:v>
                </c:pt>
                <c:pt idx="5483">
                  <c:v>1.1335062087838192</c:v>
                </c:pt>
                <c:pt idx="5484">
                  <c:v>1.1335062087838192</c:v>
                </c:pt>
                <c:pt idx="5485">
                  <c:v>1.1335062087838192</c:v>
                </c:pt>
                <c:pt idx="5486">
                  <c:v>1.1335062087838192</c:v>
                </c:pt>
                <c:pt idx="5487">
                  <c:v>0.94458850731984934</c:v>
                </c:pt>
                <c:pt idx="5488">
                  <c:v>0.89421045359612417</c:v>
                </c:pt>
                <c:pt idx="5489">
                  <c:v>0.89421045359612417</c:v>
                </c:pt>
                <c:pt idx="5490">
                  <c:v>0.89421045359612417</c:v>
                </c:pt>
                <c:pt idx="5491">
                  <c:v>0.89421045359612417</c:v>
                </c:pt>
                <c:pt idx="5492">
                  <c:v>0.69269823870122282</c:v>
                </c:pt>
                <c:pt idx="5493">
                  <c:v>0.26448478204955783</c:v>
                </c:pt>
                <c:pt idx="5494">
                  <c:v>0.26448478204955783</c:v>
                </c:pt>
                <c:pt idx="5495">
                  <c:v>0.26448478204955783</c:v>
                </c:pt>
                <c:pt idx="5496">
                  <c:v>0.10139111890340261</c:v>
                </c:pt>
                <c:pt idx="5497">
                  <c:v>0.19795408928759556</c:v>
                </c:pt>
                <c:pt idx="5498">
                  <c:v>0.19795408928759556</c:v>
                </c:pt>
                <c:pt idx="5499">
                  <c:v>0.19795408928759556</c:v>
                </c:pt>
                <c:pt idx="5500">
                  <c:v>0.19795408928759556</c:v>
                </c:pt>
                <c:pt idx="5501">
                  <c:v>0.2462355744796921</c:v>
                </c:pt>
                <c:pt idx="5502">
                  <c:v>0.30900150522941749</c:v>
                </c:pt>
                <c:pt idx="5503">
                  <c:v>0.35245484190230436</c:v>
                </c:pt>
                <c:pt idx="5504">
                  <c:v>0.35245484190230436</c:v>
                </c:pt>
                <c:pt idx="5505">
                  <c:v>0.35245484190230436</c:v>
                </c:pt>
                <c:pt idx="5506">
                  <c:v>0.35245484190230436</c:v>
                </c:pt>
                <c:pt idx="5507">
                  <c:v>0.35245484190230436</c:v>
                </c:pt>
                <c:pt idx="5508">
                  <c:v>0.35245484190230436</c:v>
                </c:pt>
                <c:pt idx="5509">
                  <c:v>0.35245484190230436</c:v>
                </c:pt>
                <c:pt idx="5510">
                  <c:v>0.35245484190230436</c:v>
                </c:pt>
                <c:pt idx="5511">
                  <c:v>0.31865780226783674</c:v>
                </c:pt>
                <c:pt idx="5512">
                  <c:v>0.28968891115257894</c:v>
                </c:pt>
                <c:pt idx="5513">
                  <c:v>0.26072002003732103</c:v>
                </c:pt>
                <c:pt idx="5514">
                  <c:v>0.25106372299890173</c:v>
                </c:pt>
                <c:pt idx="5515">
                  <c:v>0.20278223780680521</c:v>
                </c:pt>
                <c:pt idx="5516">
                  <c:v>0.14967260409549907</c:v>
                </c:pt>
                <c:pt idx="5517">
                  <c:v>0.14967260409549907</c:v>
                </c:pt>
                <c:pt idx="5518">
                  <c:v>0.14967260409549907</c:v>
                </c:pt>
                <c:pt idx="5519">
                  <c:v>0.14967260409549907</c:v>
                </c:pt>
                <c:pt idx="5520">
                  <c:v>0.16850415522692072</c:v>
                </c:pt>
                <c:pt idx="5521">
                  <c:v>0.19568224477964985</c:v>
                </c:pt>
                <c:pt idx="5522">
                  <c:v>0.19568224477964985</c:v>
                </c:pt>
                <c:pt idx="5523">
                  <c:v>0.19568224477964985</c:v>
                </c:pt>
                <c:pt idx="5524">
                  <c:v>0.19568224477964985</c:v>
                </c:pt>
                <c:pt idx="5525">
                  <c:v>0.24460280597456233</c:v>
                </c:pt>
                <c:pt idx="5526">
                  <c:v>0.28808774925892899</c:v>
                </c:pt>
                <c:pt idx="5527">
                  <c:v>0.34244392836438731</c:v>
                </c:pt>
                <c:pt idx="5528">
                  <c:v>0.34244392836438731</c:v>
                </c:pt>
                <c:pt idx="5529">
                  <c:v>0.34244392836438731</c:v>
                </c:pt>
                <c:pt idx="5530">
                  <c:v>0.34244392836438731</c:v>
                </c:pt>
                <c:pt idx="5531">
                  <c:v>0.34244392836438731</c:v>
                </c:pt>
                <c:pt idx="5532">
                  <c:v>0.34244392836438731</c:v>
                </c:pt>
                <c:pt idx="5533">
                  <c:v>0.34244392836438731</c:v>
                </c:pt>
                <c:pt idx="5534">
                  <c:v>0.34244392836438731</c:v>
                </c:pt>
                <c:pt idx="5535">
                  <c:v>0.30439460299056648</c:v>
                </c:pt>
                <c:pt idx="5536">
                  <c:v>0.29895898508002067</c:v>
                </c:pt>
                <c:pt idx="5537">
                  <c:v>0.25547404179565403</c:v>
                </c:pt>
                <c:pt idx="5538">
                  <c:v>0.23916718806401654</c:v>
                </c:pt>
                <c:pt idx="5539">
                  <c:v>0.20111786269019571</c:v>
                </c:pt>
                <c:pt idx="5540">
                  <c:v>0.16850415522692072</c:v>
                </c:pt>
                <c:pt idx="5541">
                  <c:v>0.14676168358473743</c:v>
                </c:pt>
                <c:pt idx="5542">
                  <c:v>0.14676168358473743</c:v>
                </c:pt>
                <c:pt idx="5543">
                  <c:v>0.14676168358473743</c:v>
                </c:pt>
                <c:pt idx="5544">
                  <c:v>0.17439378655932222</c:v>
                </c:pt>
                <c:pt idx="5545">
                  <c:v>0.17439378655932222</c:v>
                </c:pt>
                <c:pt idx="5546">
                  <c:v>0.17439378655932222</c:v>
                </c:pt>
                <c:pt idx="5547">
                  <c:v>0.17439378655932222</c:v>
                </c:pt>
                <c:pt idx="5548">
                  <c:v>0.17439378655932222</c:v>
                </c:pt>
                <c:pt idx="5549">
                  <c:v>0.75570640842372971</c:v>
                </c:pt>
                <c:pt idx="5550">
                  <c:v>0.85743611725000102</c:v>
                </c:pt>
                <c:pt idx="5551">
                  <c:v>0.85743611725000102</c:v>
                </c:pt>
                <c:pt idx="5552">
                  <c:v>0.85743611725000102</c:v>
                </c:pt>
                <c:pt idx="5553">
                  <c:v>0.91556737943644173</c:v>
                </c:pt>
                <c:pt idx="5554">
                  <c:v>0.91556737943644173</c:v>
                </c:pt>
                <c:pt idx="5555">
                  <c:v>1.1626252437288149</c:v>
                </c:pt>
                <c:pt idx="5556">
                  <c:v>1.1626252437288149</c:v>
                </c:pt>
                <c:pt idx="5557">
                  <c:v>0.77023922397033984</c:v>
                </c:pt>
                <c:pt idx="5558">
                  <c:v>1.1626252437288149</c:v>
                </c:pt>
                <c:pt idx="5559">
                  <c:v>1.1626252437288149</c:v>
                </c:pt>
                <c:pt idx="5560">
                  <c:v>1.1626252437288149</c:v>
                </c:pt>
                <c:pt idx="5561">
                  <c:v>1.1626252437288149</c:v>
                </c:pt>
                <c:pt idx="5562">
                  <c:v>1.1626252437288149</c:v>
                </c:pt>
                <c:pt idx="5563">
                  <c:v>0.97369864162288255</c:v>
                </c:pt>
                <c:pt idx="5564">
                  <c:v>0.7993048550635603</c:v>
                </c:pt>
                <c:pt idx="5565">
                  <c:v>0.58131262186440746</c:v>
                </c:pt>
                <c:pt idx="5566">
                  <c:v>0.55224699077118711</c:v>
                </c:pt>
                <c:pt idx="5567">
                  <c:v>0.55224699077118711</c:v>
                </c:pt>
                <c:pt idx="5568">
                  <c:v>0.51741506892385525</c:v>
                </c:pt>
                <c:pt idx="5569">
                  <c:v>0.51741506892385525</c:v>
                </c:pt>
                <c:pt idx="5570">
                  <c:v>0.51741506892385525</c:v>
                </c:pt>
                <c:pt idx="5571">
                  <c:v>0.51741506892385525</c:v>
                </c:pt>
                <c:pt idx="5572">
                  <c:v>0.51741506892385525</c:v>
                </c:pt>
                <c:pt idx="5573">
                  <c:v>0.67263958960101167</c:v>
                </c:pt>
                <c:pt idx="5574">
                  <c:v>0.75025184993958993</c:v>
                </c:pt>
                <c:pt idx="5575">
                  <c:v>0.77612260338578276</c:v>
                </c:pt>
                <c:pt idx="5576">
                  <c:v>0.77612260338578276</c:v>
                </c:pt>
                <c:pt idx="5577">
                  <c:v>0.84079948700126461</c:v>
                </c:pt>
                <c:pt idx="5578">
                  <c:v>0.87960561717055374</c:v>
                </c:pt>
                <c:pt idx="5579">
                  <c:v>1.0348301378477105</c:v>
                </c:pt>
                <c:pt idx="5580">
                  <c:v>1.0348301378477105</c:v>
                </c:pt>
                <c:pt idx="5581">
                  <c:v>1.0348301378477105</c:v>
                </c:pt>
                <c:pt idx="5582">
                  <c:v>1.0348301378477105</c:v>
                </c:pt>
                <c:pt idx="5583">
                  <c:v>1.0348301378477105</c:v>
                </c:pt>
                <c:pt idx="5584">
                  <c:v>1.0348301378477105</c:v>
                </c:pt>
                <c:pt idx="5585">
                  <c:v>1.0348301378477105</c:v>
                </c:pt>
                <c:pt idx="5586">
                  <c:v>1.0348301378477105</c:v>
                </c:pt>
                <c:pt idx="5587">
                  <c:v>0.86667024044745744</c:v>
                </c:pt>
                <c:pt idx="5588">
                  <c:v>0.7114457197703008</c:v>
                </c:pt>
                <c:pt idx="5589">
                  <c:v>0.51741506892385525</c:v>
                </c:pt>
                <c:pt idx="5590">
                  <c:v>0.51741506892385525</c:v>
                </c:pt>
                <c:pt idx="5591">
                  <c:v>0.51741506892385525</c:v>
                </c:pt>
                <c:pt idx="5592">
                  <c:v>0.46215133568072664</c:v>
                </c:pt>
                <c:pt idx="5593">
                  <c:v>0.51992025264081743</c:v>
                </c:pt>
                <c:pt idx="5594">
                  <c:v>0.51992025264081743</c:v>
                </c:pt>
                <c:pt idx="5595">
                  <c:v>0.51992025264081743</c:v>
                </c:pt>
                <c:pt idx="5596">
                  <c:v>0.51992025264081743</c:v>
                </c:pt>
                <c:pt idx="5597">
                  <c:v>0.67011943673705354</c:v>
                </c:pt>
                <c:pt idx="5598">
                  <c:v>0.77410348726521716</c:v>
                </c:pt>
                <c:pt idx="5599">
                  <c:v>0.77410348726521716</c:v>
                </c:pt>
                <c:pt idx="5600">
                  <c:v>0.77410348726521716</c:v>
                </c:pt>
                <c:pt idx="5601">
                  <c:v>0.83187240422530795</c:v>
                </c:pt>
                <c:pt idx="5602">
                  <c:v>0.90119510457741692</c:v>
                </c:pt>
                <c:pt idx="5603">
                  <c:v>1.0398405052816349</c:v>
                </c:pt>
                <c:pt idx="5604">
                  <c:v>1.0398405052816349</c:v>
                </c:pt>
                <c:pt idx="5605">
                  <c:v>1.0398405052816349</c:v>
                </c:pt>
                <c:pt idx="5606">
                  <c:v>1.0398405052816349</c:v>
                </c:pt>
                <c:pt idx="5607">
                  <c:v>1.0398405052816349</c:v>
                </c:pt>
                <c:pt idx="5608">
                  <c:v>1.0398405052816349</c:v>
                </c:pt>
                <c:pt idx="5609">
                  <c:v>1.0398405052816349</c:v>
                </c:pt>
                <c:pt idx="5610">
                  <c:v>1.0398405052816349</c:v>
                </c:pt>
                <c:pt idx="5611">
                  <c:v>0.86653375440136249</c:v>
                </c:pt>
                <c:pt idx="5612">
                  <c:v>0.69322700352109001</c:v>
                </c:pt>
                <c:pt idx="5613">
                  <c:v>0.51992025264081743</c:v>
                </c:pt>
                <c:pt idx="5614">
                  <c:v>0.51992025264081743</c:v>
                </c:pt>
                <c:pt idx="5615">
                  <c:v>0.51992025264081743</c:v>
                </c:pt>
                <c:pt idx="5616">
                  <c:v>0.51909293364394415</c:v>
                </c:pt>
                <c:pt idx="5617">
                  <c:v>0.51909293364394415</c:v>
                </c:pt>
                <c:pt idx="5618">
                  <c:v>0.51909293364394415</c:v>
                </c:pt>
                <c:pt idx="5619">
                  <c:v>0.51909293364394415</c:v>
                </c:pt>
                <c:pt idx="5620">
                  <c:v>0.51909293364394415</c:v>
                </c:pt>
                <c:pt idx="5621">
                  <c:v>0.66905311447441695</c:v>
                </c:pt>
                <c:pt idx="5622">
                  <c:v>0.77287170120320581</c:v>
                </c:pt>
                <c:pt idx="5623">
                  <c:v>0.77287170120320581</c:v>
                </c:pt>
                <c:pt idx="5624">
                  <c:v>0.77287170120320581</c:v>
                </c:pt>
                <c:pt idx="5625">
                  <c:v>0.8305486938303106</c:v>
                </c:pt>
                <c:pt idx="5626">
                  <c:v>0.89976108498283647</c:v>
                </c:pt>
                <c:pt idx="5627">
                  <c:v>1.0381858672878883</c:v>
                </c:pt>
                <c:pt idx="5628">
                  <c:v>1.0381858672878883</c:v>
                </c:pt>
                <c:pt idx="5629">
                  <c:v>1.0381858672878883</c:v>
                </c:pt>
                <c:pt idx="5630">
                  <c:v>1.0381858672878883</c:v>
                </c:pt>
                <c:pt idx="5631">
                  <c:v>1.0381858672878883</c:v>
                </c:pt>
                <c:pt idx="5632">
                  <c:v>1.0381858672878883</c:v>
                </c:pt>
                <c:pt idx="5633">
                  <c:v>1.0381858672878883</c:v>
                </c:pt>
                <c:pt idx="5634">
                  <c:v>1.0381858672878883</c:v>
                </c:pt>
                <c:pt idx="5635">
                  <c:v>0.86515488940657348</c:v>
                </c:pt>
                <c:pt idx="5636">
                  <c:v>0.69212391152525898</c:v>
                </c:pt>
                <c:pt idx="5637">
                  <c:v>0.51909293364394415</c:v>
                </c:pt>
                <c:pt idx="5638">
                  <c:v>0.51909293364394415</c:v>
                </c:pt>
                <c:pt idx="5639">
                  <c:v>0.51909293364394415</c:v>
                </c:pt>
                <c:pt idx="5640">
                  <c:v>0.57352874950199384</c:v>
                </c:pt>
                <c:pt idx="5641">
                  <c:v>0.57352874950199384</c:v>
                </c:pt>
                <c:pt idx="5642">
                  <c:v>0.57352874950199384</c:v>
                </c:pt>
                <c:pt idx="5643">
                  <c:v>0.57352874950199384</c:v>
                </c:pt>
                <c:pt idx="5644">
                  <c:v>0.57352874950199384</c:v>
                </c:pt>
                <c:pt idx="5645">
                  <c:v>0.73921483269145882</c:v>
                </c:pt>
                <c:pt idx="5646">
                  <c:v>0.89215583255865727</c:v>
                </c:pt>
                <c:pt idx="5647">
                  <c:v>0.89215583255865727</c:v>
                </c:pt>
                <c:pt idx="5648">
                  <c:v>0.89215583255865727</c:v>
                </c:pt>
                <c:pt idx="5649">
                  <c:v>0.95588124916998973</c:v>
                </c:pt>
                <c:pt idx="5650">
                  <c:v>0.99411649913678946</c:v>
                </c:pt>
                <c:pt idx="5651">
                  <c:v>1.1470574990039877</c:v>
                </c:pt>
                <c:pt idx="5652">
                  <c:v>1.1470574990039877</c:v>
                </c:pt>
                <c:pt idx="5653">
                  <c:v>1.1470574990039877</c:v>
                </c:pt>
                <c:pt idx="5654">
                  <c:v>1.1470574990039877</c:v>
                </c:pt>
                <c:pt idx="5655">
                  <c:v>0.95588124916998973</c:v>
                </c:pt>
                <c:pt idx="5656">
                  <c:v>0.90490091588092381</c:v>
                </c:pt>
                <c:pt idx="5657">
                  <c:v>0.90490091588092381</c:v>
                </c:pt>
                <c:pt idx="5658">
                  <c:v>0.90490091588092381</c:v>
                </c:pt>
                <c:pt idx="5659">
                  <c:v>0.90490091588092381</c:v>
                </c:pt>
                <c:pt idx="5660">
                  <c:v>0.70097958272465921</c:v>
                </c:pt>
                <c:pt idx="5661">
                  <c:v>0.26764674976759711</c:v>
                </c:pt>
                <c:pt idx="5662">
                  <c:v>0.26764674976759711</c:v>
                </c:pt>
                <c:pt idx="5663">
                  <c:v>0.26764674976759711</c:v>
                </c:pt>
                <c:pt idx="5664">
                  <c:v>0.1016299054418489</c:v>
                </c:pt>
                <c:pt idx="5665">
                  <c:v>0.19842029157694313</c:v>
                </c:pt>
                <c:pt idx="5666">
                  <c:v>0.19842029157694313</c:v>
                </c:pt>
                <c:pt idx="5667">
                  <c:v>0.19842029157694313</c:v>
                </c:pt>
                <c:pt idx="5668">
                  <c:v>0.19842029157694313</c:v>
                </c:pt>
                <c:pt idx="5669">
                  <c:v>0.24681548464449019</c:v>
                </c:pt>
                <c:pt idx="5670">
                  <c:v>0.30972923563230143</c:v>
                </c:pt>
                <c:pt idx="5671">
                  <c:v>0.35328490939309382</c:v>
                </c:pt>
                <c:pt idx="5672">
                  <c:v>0.35328490939309382</c:v>
                </c:pt>
                <c:pt idx="5673">
                  <c:v>0.35328490939309382</c:v>
                </c:pt>
                <c:pt idx="5674">
                  <c:v>0.35328490939309382</c:v>
                </c:pt>
                <c:pt idx="5675">
                  <c:v>0.35328490939309382</c:v>
                </c:pt>
                <c:pt idx="5676">
                  <c:v>0.35328490939309382</c:v>
                </c:pt>
                <c:pt idx="5677">
                  <c:v>0.35328490939309382</c:v>
                </c:pt>
                <c:pt idx="5678">
                  <c:v>0.35328490939309382</c:v>
                </c:pt>
                <c:pt idx="5679">
                  <c:v>0.31940827424581081</c:v>
                </c:pt>
                <c:pt idx="5680">
                  <c:v>0.29037115840528255</c:v>
                </c:pt>
                <c:pt idx="5681">
                  <c:v>0.26133404256475434</c:v>
                </c:pt>
                <c:pt idx="5682">
                  <c:v>0.2516550039512449</c:v>
                </c:pt>
                <c:pt idx="5683">
                  <c:v>0.20325981088369779</c:v>
                </c:pt>
                <c:pt idx="5684">
                  <c:v>0.15002509850939599</c:v>
                </c:pt>
                <c:pt idx="5685">
                  <c:v>0.15002509850939599</c:v>
                </c:pt>
                <c:pt idx="5686">
                  <c:v>0.15002509850939599</c:v>
                </c:pt>
                <c:pt idx="5687">
                  <c:v>0.15002509850939599</c:v>
                </c:pt>
                <c:pt idx="5688">
                  <c:v>0.17432520980886113</c:v>
                </c:pt>
                <c:pt idx="5689">
                  <c:v>0.20244217913287096</c:v>
                </c:pt>
                <c:pt idx="5690">
                  <c:v>0.20244217913287096</c:v>
                </c:pt>
                <c:pt idx="5691">
                  <c:v>0.20244217913287096</c:v>
                </c:pt>
                <c:pt idx="5692">
                  <c:v>0.20244217913287096</c:v>
                </c:pt>
                <c:pt idx="5693">
                  <c:v>0.25305272391608868</c:v>
                </c:pt>
                <c:pt idx="5694">
                  <c:v>0.2980398748345045</c:v>
                </c:pt>
                <c:pt idx="5695">
                  <c:v>0.35427381348252418</c:v>
                </c:pt>
                <c:pt idx="5696">
                  <c:v>0.35427381348252418</c:v>
                </c:pt>
                <c:pt idx="5697">
                  <c:v>0.35427381348252418</c:v>
                </c:pt>
                <c:pt idx="5698">
                  <c:v>0.35427381348252418</c:v>
                </c:pt>
                <c:pt idx="5699">
                  <c:v>0.35427381348252418</c:v>
                </c:pt>
                <c:pt idx="5700">
                  <c:v>0.35427381348252418</c:v>
                </c:pt>
                <c:pt idx="5701">
                  <c:v>0.35427381348252418</c:v>
                </c:pt>
                <c:pt idx="5702">
                  <c:v>0.35427381348252418</c:v>
                </c:pt>
                <c:pt idx="5703">
                  <c:v>0.3149100564289104</c:v>
                </c:pt>
                <c:pt idx="5704">
                  <c:v>0.30928666256410847</c:v>
                </c:pt>
                <c:pt idx="5705">
                  <c:v>0.26429951164569271</c:v>
                </c:pt>
                <c:pt idx="5706">
                  <c:v>0.24742933005128676</c:v>
                </c:pt>
                <c:pt idx="5707">
                  <c:v>0.20806557299767295</c:v>
                </c:pt>
                <c:pt idx="5708">
                  <c:v>0.17432520980886113</c:v>
                </c:pt>
                <c:pt idx="5709">
                  <c:v>0.15183163434965324</c:v>
                </c:pt>
                <c:pt idx="5710">
                  <c:v>0.15183163434965324</c:v>
                </c:pt>
                <c:pt idx="5711">
                  <c:v>0.15183163434965324</c:v>
                </c:pt>
                <c:pt idx="5712">
                  <c:v>0.17664261211053783</c:v>
                </c:pt>
                <c:pt idx="5713">
                  <c:v>0.17664261211053783</c:v>
                </c:pt>
                <c:pt idx="5714">
                  <c:v>0.17664261211053783</c:v>
                </c:pt>
                <c:pt idx="5715">
                  <c:v>0.17664261211053783</c:v>
                </c:pt>
                <c:pt idx="5716">
                  <c:v>0.17664261211053783</c:v>
                </c:pt>
                <c:pt idx="5717">
                  <c:v>0.76545131914566389</c:v>
                </c:pt>
                <c:pt idx="5718">
                  <c:v>0.86849284287681094</c:v>
                </c:pt>
                <c:pt idx="5719">
                  <c:v>0.86849284287681094</c:v>
                </c:pt>
                <c:pt idx="5720">
                  <c:v>0.86849284287681094</c:v>
                </c:pt>
                <c:pt idx="5721">
                  <c:v>0.92737371358032361</c:v>
                </c:pt>
                <c:pt idx="5722">
                  <c:v>0.92737371358032361</c:v>
                </c:pt>
                <c:pt idx="5723">
                  <c:v>1.1776174140702522</c:v>
                </c:pt>
                <c:pt idx="5724">
                  <c:v>1.1776174140702522</c:v>
                </c:pt>
                <c:pt idx="5725">
                  <c:v>0.78017153682154206</c:v>
                </c:pt>
                <c:pt idx="5726">
                  <c:v>1.1776174140702522</c:v>
                </c:pt>
                <c:pt idx="5727">
                  <c:v>1.1776174140702522</c:v>
                </c:pt>
                <c:pt idx="5728">
                  <c:v>1.1776174140702522</c:v>
                </c:pt>
                <c:pt idx="5729">
                  <c:v>1.1776174140702522</c:v>
                </c:pt>
                <c:pt idx="5730">
                  <c:v>1.1776174140702522</c:v>
                </c:pt>
                <c:pt idx="5731">
                  <c:v>0.98625458428383628</c:v>
                </c:pt>
                <c:pt idx="5732">
                  <c:v>0.80961197217329828</c:v>
                </c:pt>
                <c:pt idx="5733">
                  <c:v>0.58880870703512611</c:v>
                </c:pt>
                <c:pt idx="5734">
                  <c:v>0.55936827168336989</c:v>
                </c:pt>
                <c:pt idx="5735">
                  <c:v>0.55936827168336989</c:v>
                </c:pt>
                <c:pt idx="5736">
                  <c:v>0.52050565921935854</c:v>
                </c:pt>
                <c:pt idx="5737">
                  <c:v>0.52050565921935854</c:v>
                </c:pt>
                <c:pt idx="5738">
                  <c:v>0.52050565921935854</c:v>
                </c:pt>
                <c:pt idx="5739">
                  <c:v>0.52050565921935854</c:v>
                </c:pt>
                <c:pt idx="5740">
                  <c:v>0.52050565921935854</c:v>
                </c:pt>
                <c:pt idx="5741">
                  <c:v>0.67665735698516605</c:v>
                </c:pt>
                <c:pt idx="5742">
                  <c:v>0.75473320586806969</c:v>
                </c:pt>
                <c:pt idx="5743">
                  <c:v>0.78075848882903764</c:v>
                </c:pt>
                <c:pt idx="5744">
                  <c:v>0.78075848882903764</c:v>
                </c:pt>
                <c:pt idx="5745">
                  <c:v>0.84582169623145753</c:v>
                </c:pt>
                <c:pt idx="5746">
                  <c:v>0.88485962067290935</c:v>
                </c:pt>
                <c:pt idx="5747">
                  <c:v>1.0410113184387171</c:v>
                </c:pt>
                <c:pt idx="5748">
                  <c:v>1.0410113184387171</c:v>
                </c:pt>
                <c:pt idx="5749">
                  <c:v>1.0410113184387171</c:v>
                </c:pt>
                <c:pt idx="5750">
                  <c:v>1.0410113184387171</c:v>
                </c:pt>
                <c:pt idx="5751">
                  <c:v>1.0410113184387171</c:v>
                </c:pt>
                <c:pt idx="5752">
                  <c:v>1.0410113184387171</c:v>
                </c:pt>
                <c:pt idx="5753">
                  <c:v>1.0410113184387171</c:v>
                </c:pt>
                <c:pt idx="5754">
                  <c:v>1.0410113184387171</c:v>
                </c:pt>
                <c:pt idx="5755">
                  <c:v>0.87184697919242549</c:v>
                </c:pt>
                <c:pt idx="5756">
                  <c:v>0.71569528142661787</c:v>
                </c:pt>
                <c:pt idx="5757">
                  <c:v>0.52050565921935854</c:v>
                </c:pt>
                <c:pt idx="5758">
                  <c:v>0.52050565921935854</c:v>
                </c:pt>
                <c:pt idx="5759">
                  <c:v>0.52050565921935854</c:v>
                </c:pt>
                <c:pt idx="5760">
                  <c:v>0.46422016040756525</c:v>
                </c:pt>
                <c:pt idx="5761">
                  <c:v>0.52224768045851089</c:v>
                </c:pt>
                <c:pt idx="5762">
                  <c:v>0.52224768045851089</c:v>
                </c:pt>
                <c:pt idx="5763">
                  <c:v>0.52224768045851089</c:v>
                </c:pt>
                <c:pt idx="5764">
                  <c:v>0.52224768045851089</c:v>
                </c:pt>
                <c:pt idx="5765">
                  <c:v>0.67311923259096962</c:v>
                </c:pt>
                <c:pt idx="5766">
                  <c:v>0.77756876868267188</c:v>
                </c:pt>
                <c:pt idx="5767">
                  <c:v>0.77756876868267188</c:v>
                </c:pt>
                <c:pt idx="5768">
                  <c:v>0.77756876868267188</c:v>
                </c:pt>
                <c:pt idx="5769">
                  <c:v>0.83559628873361758</c:v>
                </c:pt>
                <c:pt idx="5770">
                  <c:v>0.90522931279475238</c:v>
                </c:pt>
                <c:pt idx="5771">
                  <c:v>1.0444953609170218</c:v>
                </c:pt>
                <c:pt idx="5772">
                  <c:v>1.0444953609170218</c:v>
                </c:pt>
                <c:pt idx="5773">
                  <c:v>1.0444953609170218</c:v>
                </c:pt>
                <c:pt idx="5774">
                  <c:v>1.0444953609170218</c:v>
                </c:pt>
                <c:pt idx="5775">
                  <c:v>1.0444953609170218</c:v>
                </c:pt>
                <c:pt idx="5776">
                  <c:v>1.0444953609170218</c:v>
                </c:pt>
                <c:pt idx="5777">
                  <c:v>1.0444953609170218</c:v>
                </c:pt>
                <c:pt idx="5778">
                  <c:v>1.0444953609170218</c:v>
                </c:pt>
                <c:pt idx="5779">
                  <c:v>0.87041280076418492</c:v>
                </c:pt>
                <c:pt idx="5780">
                  <c:v>0.69633024061134796</c:v>
                </c:pt>
                <c:pt idx="5781">
                  <c:v>0.52224768045851089</c:v>
                </c:pt>
                <c:pt idx="5782">
                  <c:v>0.52224768045851089</c:v>
                </c:pt>
                <c:pt idx="5783">
                  <c:v>0.52224768045851089</c:v>
                </c:pt>
                <c:pt idx="5784">
                  <c:v>0.52218661643281572</c:v>
                </c:pt>
                <c:pt idx="5785">
                  <c:v>0.52218661643281572</c:v>
                </c:pt>
                <c:pt idx="5786">
                  <c:v>0.52218661643281572</c:v>
                </c:pt>
                <c:pt idx="5787">
                  <c:v>0.52218661643281572</c:v>
                </c:pt>
                <c:pt idx="5788">
                  <c:v>0.52218661643281572</c:v>
                </c:pt>
                <c:pt idx="5789">
                  <c:v>0.6730405278467404</c:v>
                </c:pt>
                <c:pt idx="5790">
                  <c:v>0.77747785113330359</c:v>
                </c:pt>
                <c:pt idx="5791">
                  <c:v>0.77747785113330359</c:v>
                </c:pt>
                <c:pt idx="5792">
                  <c:v>0.77747785113330359</c:v>
                </c:pt>
                <c:pt idx="5793">
                  <c:v>0.8354985862925054</c:v>
                </c:pt>
                <c:pt idx="5794">
                  <c:v>0.90512346848354741</c:v>
                </c:pt>
                <c:pt idx="5795">
                  <c:v>1.0443732328656314</c:v>
                </c:pt>
                <c:pt idx="5796">
                  <c:v>1.0443732328656314</c:v>
                </c:pt>
                <c:pt idx="5797">
                  <c:v>1.0443732328656314</c:v>
                </c:pt>
                <c:pt idx="5798">
                  <c:v>1.0443732328656314</c:v>
                </c:pt>
                <c:pt idx="5799">
                  <c:v>1.0443732328656314</c:v>
                </c:pt>
                <c:pt idx="5800">
                  <c:v>1.0443732328656314</c:v>
                </c:pt>
                <c:pt idx="5801">
                  <c:v>1.0443732328656314</c:v>
                </c:pt>
                <c:pt idx="5802">
                  <c:v>1.0443732328656314</c:v>
                </c:pt>
                <c:pt idx="5803">
                  <c:v>0.87031102738802635</c:v>
                </c:pt>
                <c:pt idx="5804">
                  <c:v>0.69624882191042115</c:v>
                </c:pt>
                <c:pt idx="5805">
                  <c:v>0.52218661643281572</c:v>
                </c:pt>
                <c:pt idx="5806">
                  <c:v>0.52218661643281572</c:v>
                </c:pt>
                <c:pt idx="5807">
                  <c:v>0.52218661643281572</c:v>
                </c:pt>
                <c:pt idx="5808">
                  <c:v>0.57776352769579653</c:v>
                </c:pt>
                <c:pt idx="5809">
                  <c:v>0.57776352769579653</c:v>
                </c:pt>
                <c:pt idx="5810">
                  <c:v>0.57776352769579653</c:v>
                </c:pt>
                <c:pt idx="5811">
                  <c:v>0.57776352769579653</c:v>
                </c:pt>
                <c:pt idx="5812">
                  <c:v>0.57776352769579653</c:v>
                </c:pt>
                <c:pt idx="5813">
                  <c:v>0.74467299125236019</c:v>
                </c:pt>
                <c:pt idx="5814">
                  <c:v>0.89874326530457271</c:v>
                </c:pt>
                <c:pt idx="5815">
                  <c:v>0.89874326530457271</c:v>
                </c:pt>
                <c:pt idx="5816">
                  <c:v>0.89874326530457271</c:v>
                </c:pt>
                <c:pt idx="5817">
                  <c:v>0.96293921282632766</c:v>
                </c:pt>
                <c:pt idx="5818">
                  <c:v>1.0014567813393809</c:v>
                </c:pt>
                <c:pt idx="5819">
                  <c:v>1.1555270553915931</c:v>
                </c:pt>
                <c:pt idx="5820">
                  <c:v>1.1555270553915931</c:v>
                </c:pt>
                <c:pt idx="5821">
                  <c:v>1.1555270553915931</c:v>
                </c:pt>
                <c:pt idx="5822">
                  <c:v>1.1555270553915931</c:v>
                </c:pt>
                <c:pt idx="5823">
                  <c:v>0.96293921282632766</c:v>
                </c:pt>
                <c:pt idx="5824">
                  <c:v>0.91158245480892375</c:v>
                </c:pt>
                <c:pt idx="5825">
                  <c:v>0.91158245480892375</c:v>
                </c:pt>
                <c:pt idx="5826">
                  <c:v>0.91158245480892375</c:v>
                </c:pt>
                <c:pt idx="5827">
                  <c:v>0.91158245480892375</c:v>
                </c:pt>
                <c:pt idx="5828">
                  <c:v>0.70615542273930698</c:v>
                </c:pt>
                <c:pt idx="5829">
                  <c:v>0.26962297959137177</c:v>
                </c:pt>
                <c:pt idx="5830">
                  <c:v>0.26962297959137177</c:v>
                </c:pt>
                <c:pt idx="5831">
                  <c:v>0.26962297959137177</c:v>
                </c:pt>
                <c:pt idx="5832">
                  <c:v>0.12129228193424371</c:v>
                </c:pt>
                <c:pt idx="5833">
                  <c:v>0.23680874091923773</c:v>
                </c:pt>
                <c:pt idx="5834">
                  <c:v>0.23680874091923773</c:v>
                </c:pt>
                <c:pt idx="5835">
                  <c:v>0.23680874091923773</c:v>
                </c:pt>
                <c:pt idx="5836">
                  <c:v>0.23680874091923773</c:v>
                </c:pt>
                <c:pt idx="5837">
                  <c:v>0.2945669704117348</c:v>
                </c:pt>
                <c:pt idx="5838">
                  <c:v>0.36965266875198088</c:v>
                </c:pt>
                <c:pt idx="5839">
                  <c:v>0.42163507529522815</c:v>
                </c:pt>
                <c:pt idx="5840">
                  <c:v>0.42163507529522815</c:v>
                </c:pt>
                <c:pt idx="5841">
                  <c:v>0.42163507529522815</c:v>
                </c:pt>
                <c:pt idx="5842">
                  <c:v>0.42163507529522815</c:v>
                </c:pt>
                <c:pt idx="5843">
                  <c:v>0.42163507529522815</c:v>
                </c:pt>
                <c:pt idx="5844">
                  <c:v>0.42163507529522815</c:v>
                </c:pt>
                <c:pt idx="5845">
                  <c:v>0.42163507529522815</c:v>
                </c:pt>
                <c:pt idx="5846">
                  <c:v>0.42163507529522815</c:v>
                </c:pt>
                <c:pt idx="5847">
                  <c:v>0.38120431465048027</c:v>
                </c:pt>
                <c:pt idx="5848">
                  <c:v>0.34654937695498206</c:v>
                </c:pt>
                <c:pt idx="5849">
                  <c:v>0.31189443925948385</c:v>
                </c:pt>
                <c:pt idx="5850">
                  <c:v>0.30034279336098441</c:v>
                </c:pt>
                <c:pt idx="5851">
                  <c:v>0.24258456386848742</c:v>
                </c:pt>
                <c:pt idx="5852">
                  <c:v>0.17905051142674072</c:v>
                </c:pt>
                <c:pt idx="5853">
                  <c:v>0.17905051142674072</c:v>
                </c:pt>
                <c:pt idx="5854">
                  <c:v>0.17905051142674072</c:v>
                </c:pt>
                <c:pt idx="5855">
                  <c:v>0.17905051142674072</c:v>
                </c:pt>
                <c:pt idx="5856">
                  <c:v>0.21564957614601155</c:v>
                </c:pt>
                <c:pt idx="5857">
                  <c:v>0.25043176584698118</c:v>
                </c:pt>
                <c:pt idx="5858">
                  <c:v>0.25043176584698118</c:v>
                </c:pt>
                <c:pt idx="5859">
                  <c:v>0.25043176584698118</c:v>
                </c:pt>
                <c:pt idx="5860">
                  <c:v>0.25043176584698118</c:v>
                </c:pt>
                <c:pt idx="5861">
                  <c:v>0.31303970730872643</c:v>
                </c:pt>
                <c:pt idx="5862">
                  <c:v>0.36869121083027784</c:v>
                </c:pt>
                <c:pt idx="5863">
                  <c:v>0.43825559023221705</c:v>
                </c:pt>
                <c:pt idx="5864">
                  <c:v>0.43825559023221705</c:v>
                </c:pt>
                <c:pt idx="5865">
                  <c:v>0.43825559023221705</c:v>
                </c:pt>
                <c:pt idx="5866">
                  <c:v>0.43825559023221705</c:v>
                </c:pt>
                <c:pt idx="5867">
                  <c:v>0.43825559023221705</c:v>
                </c:pt>
                <c:pt idx="5868">
                  <c:v>0.43825559023221705</c:v>
                </c:pt>
                <c:pt idx="5869">
                  <c:v>0.43825559023221705</c:v>
                </c:pt>
                <c:pt idx="5870">
                  <c:v>0.43825559023221705</c:v>
                </c:pt>
                <c:pt idx="5871">
                  <c:v>0.38956052465085961</c:v>
                </c:pt>
                <c:pt idx="5872">
                  <c:v>0.38260408671066565</c:v>
                </c:pt>
                <c:pt idx="5873">
                  <c:v>0.3269525831891143</c:v>
                </c:pt>
                <c:pt idx="5874">
                  <c:v>0.30608326936853253</c:v>
                </c:pt>
                <c:pt idx="5875">
                  <c:v>0.25738820378717508</c:v>
                </c:pt>
                <c:pt idx="5876">
                  <c:v>0.21564957614601155</c:v>
                </c:pt>
                <c:pt idx="5877">
                  <c:v>0.1878238243852359</c:v>
                </c:pt>
                <c:pt idx="5878">
                  <c:v>0.1878238243852359</c:v>
                </c:pt>
                <c:pt idx="5879">
                  <c:v>0.1878238243852359</c:v>
                </c:pt>
                <c:pt idx="5880">
                  <c:v>0.18166939863678447</c:v>
                </c:pt>
                <c:pt idx="5881">
                  <c:v>0.18166939863678447</c:v>
                </c:pt>
                <c:pt idx="5882">
                  <c:v>0.18166939863678447</c:v>
                </c:pt>
                <c:pt idx="5883">
                  <c:v>0.18166939863678447</c:v>
                </c:pt>
                <c:pt idx="5884">
                  <c:v>0.18166939863678447</c:v>
                </c:pt>
                <c:pt idx="5885">
                  <c:v>0.78723406075939939</c:v>
                </c:pt>
                <c:pt idx="5886">
                  <c:v>0.89320787663085699</c:v>
                </c:pt>
                <c:pt idx="5887">
                  <c:v>0.89320787663085699</c:v>
                </c:pt>
                <c:pt idx="5888">
                  <c:v>0.89320787663085699</c:v>
                </c:pt>
                <c:pt idx="5889">
                  <c:v>0.95376434284311851</c:v>
                </c:pt>
                <c:pt idx="5890">
                  <c:v>0.95376434284311851</c:v>
                </c:pt>
                <c:pt idx="5891">
                  <c:v>1.2111293242452299</c:v>
                </c:pt>
                <c:pt idx="5892">
                  <c:v>1.2111293242452299</c:v>
                </c:pt>
                <c:pt idx="5893">
                  <c:v>0.80237317731246482</c:v>
                </c:pt>
                <c:pt idx="5894">
                  <c:v>1.2111293242452299</c:v>
                </c:pt>
                <c:pt idx="5895">
                  <c:v>1.2111293242452299</c:v>
                </c:pt>
                <c:pt idx="5896">
                  <c:v>1.2111293242452299</c:v>
                </c:pt>
                <c:pt idx="5897">
                  <c:v>1.2111293242452299</c:v>
                </c:pt>
                <c:pt idx="5898">
                  <c:v>1.2111293242452299</c:v>
                </c:pt>
                <c:pt idx="5899">
                  <c:v>1.0143208090553801</c:v>
                </c:pt>
                <c:pt idx="5900">
                  <c:v>0.83265141041859547</c:v>
                </c:pt>
                <c:pt idx="5901">
                  <c:v>0.60556466212261495</c:v>
                </c:pt>
                <c:pt idx="5902">
                  <c:v>0.57528642901648419</c:v>
                </c:pt>
                <c:pt idx="5903">
                  <c:v>0.57528642901648419</c:v>
                </c:pt>
                <c:pt idx="5904">
                  <c:v>0.52668683981036513</c:v>
                </c:pt>
                <c:pt idx="5905">
                  <c:v>0.52668683981036513</c:v>
                </c:pt>
                <c:pt idx="5906">
                  <c:v>0.52668683981036513</c:v>
                </c:pt>
                <c:pt idx="5907">
                  <c:v>0.52668683981036513</c:v>
                </c:pt>
                <c:pt idx="5908">
                  <c:v>0.52668683981036513</c:v>
                </c:pt>
                <c:pt idx="5909">
                  <c:v>0.68469289175347459</c:v>
                </c:pt>
                <c:pt idx="5910">
                  <c:v>0.76369591772502943</c:v>
                </c:pt>
                <c:pt idx="5911">
                  <c:v>0.79003025971554774</c:v>
                </c:pt>
                <c:pt idx="5912">
                  <c:v>0.79003025971554774</c:v>
                </c:pt>
                <c:pt idx="5913">
                  <c:v>0.85586611469184326</c:v>
                </c:pt>
                <c:pt idx="5914">
                  <c:v>0.89536762767762068</c:v>
                </c:pt>
                <c:pt idx="5915">
                  <c:v>1.0533736796207303</c:v>
                </c:pt>
                <c:pt idx="5916">
                  <c:v>1.0533736796207303</c:v>
                </c:pt>
                <c:pt idx="5917">
                  <c:v>1.0533736796207303</c:v>
                </c:pt>
                <c:pt idx="5918">
                  <c:v>1.0533736796207303</c:v>
                </c:pt>
                <c:pt idx="5919">
                  <c:v>1.0533736796207303</c:v>
                </c:pt>
                <c:pt idx="5920">
                  <c:v>1.0533736796207303</c:v>
                </c:pt>
                <c:pt idx="5921">
                  <c:v>1.0533736796207303</c:v>
                </c:pt>
                <c:pt idx="5922">
                  <c:v>1.0533736796207303</c:v>
                </c:pt>
                <c:pt idx="5923">
                  <c:v>0.88220045668236158</c:v>
                </c:pt>
                <c:pt idx="5924">
                  <c:v>0.72419440473925201</c:v>
                </c:pt>
                <c:pt idx="5925">
                  <c:v>0.52668683981036513</c:v>
                </c:pt>
                <c:pt idx="5926">
                  <c:v>0.52668683981036513</c:v>
                </c:pt>
                <c:pt idx="5927">
                  <c:v>0.52668683981036513</c:v>
                </c:pt>
                <c:pt idx="5928">
                  <c:v>0.47801232525315596</c:v>
                </c:pt>
                <c:pt idx="5929">
                  <c:v>0.53776386590980052</c:v>
                </c:pt>
                <c:pt idx="5930">
                  <c:v>0.53776386590980052</c:v>
                </c:pt>
                <c:pt idx="5931">
                  <c:v>0.53776386590980052</c:v>
                </c:pt>
                <c:pt idx="5932">
                  <c:v>0.53776386590980052</c:v>
                </c:pt>
                <c:pt idx="5933">
                  <c:v>0.69311787161707616</c:v>
                </c:pt>
                <c:pt idx="5934">
                  <c:v>0.80067064479903638</c:v>
                </c:pt>
                <c:pt idx="5935">
                  <c:v>0.80067064479903638</c:v>
                </c:pt>
                <c:pt idx="5936">
                  <c:v>0.80067064479903638</c:v>
                </c:pt>
                <c:pt idx="5937">
                  <c:v>0.86042218545568072</c:v>
                </c:pt>
                <c:pt idx="5938">
                  <c:v>0.93212403424365409</c:v>
                </c:pt>
                <c:pt idx="5939">
                  <c:v>1.075527731819601</c:v>
                </c:pt>
                <c:pt idx="5940">
                  <c:v>1.075527731819601</c:v>
                </c:pt>
                <c:pt idx="5941">
                  <c:v>1.075527731819601</c:v>
                </c:pt>
                <c:pt idx="5942">
                  <c:v>1.075527731819601</c:v>
                </c:pt>
                <c:pt idx="5943">
                  <c:v>1.075527731819601</c:v>
                </c:pt>
                <c:pt idx="5944">
                  <c:v>1.075527731819601</c:v>
                </c:pt>
                <c:pt idx="5945">
                  <c:v>1.075527731819601</c:v>
                </c:pt>
                <c:pt idx="5946">
                  <c:v>1.075527731819601</c:v>
                </c:pt>
                <c:pt idx="5947">
                  <c:v>0.89627310984966757</c:v>
                </c:pt>
                <c:pt idx="5948">
                  <c:v>0.7170184878797341</c:v>
                </c:pt>
                <c:pt idx="5949">
                  <c:v>0.53776386590980052</c:v>
                </c:pt>
                <c:pt idx="5950">
                  <c:v>0.53776386590980052</c:v>
                </c:pt>
                <c:pt idx="5951">
                  <c:v>0.53776386590980052</c:v>
                </c:pt>
                <c:pt idx="5952">
                  <c:v>0.52914740270777716</c:v>
                </c:pt>
                <c:pt idx="5953">
                  <c:v>0.52914740270777716</c:v>
                </c:pt>
                <c:pt idx="5954">
                  <c:v>0.52914740270777716</c:v>
                </c:pt>
                <c:pt idx="5955">
                  <c:v>0.52914740270777716</c:v>
                </c:pt>
                <c:pt idx="5956">
                  <c:v>0.52914740270777716</c:v>
                </c:pt>
                <c:pt idx="5957">
                  <c:v>0.68201220793446826</c:v>
                </c:pt>
                <c:pt idx="5958">
                  <c:v>0.78784168847602376</c:v>
                </c:pt>
                <c:pt idx="5959">
                  <c:v>0.78784168847602376</c:v>
                </c:pt>
                <c:pt idx="5960">
                  <c:v>0.78784168847602376</c:v>
                </c:pt>
                <c:pt idx="5961">
                  <c:v>0.84663584433244343</c:v>
                </c:pt>
                <c:pt idx="5962">
                  <c:v>0.91718883136014695</c:v>
                </c:pt>
                <c:pt idx="5963">
                  <c:v>1.0582948054155543</c:v>
                </c:pt>
                <c:pt idx="5964">
                  <c:v>1.0582948054155543</c:v>
                </c:pt>
                <c:pt idx="5965">
                  <c:v>1.0582948054155543</c:v>
                </c:pt>
                <c:pt idx="5966">
                  <c:v>1.0582948054155543</c:v>
                </c:pt>
                <c:pt idx="5967">
                  <c:v>1.0582948054155543</c:v>
                </c:pt>
                <c:pt idx="5968">
                  <c:v>1.0582948054155543</c:v>
                </c:pt>
                <c:pt idx="5969">
                  <c:v>1.0582948054155543</c:v>
                </c:pt>
                <c:pt idx="5970">
                  <c:v>1.0582948054155543</c:v>
                </c:pt>
                <c:pt idx="5971">
                  <c:v>0.8819123378462953</c:v>
                </c:pt>
                <c:pt idx="5972">
                  <c:v>0.70552987027703629</c:v>
                </c:pt>
                <c:pt idx="5973">
                  <c:v>0.52914740270777716</c:v>
                </c:pt>
                <c:pt idx="5974">
                  <c:v>0.52914740270777716</c:v>
                </c:pt>
                <c:pt idx="5975">
                  <c:v>0.52914740270777716</c:v>
                </c:pt>
                <c:pt idx="5976">
                  <c:v>0.57606961641827548</c:v>
                </c:pt>
                <c:pt idx="5977">
                  <c:v>0.57606961641827548</c:v>
                </c:pt>
                <c:pt idx="5978">
                  <c:v>0.57606961641827548</c:v>
                </c:pt>
                <c:pt idx="5979">
                  <c:v>0.57606961641827548</c:v>
                </c:pt>
                <c:pt idx="5980">
                  <c:v>0.57606961641827548</c:v>
                </c:pt>
                <c:pt idx="5981">
                  <c:v>0.74248972782799949</c:v>
                </c:pt>
                <c:pt idx="5982">
                  <c:v>0.89610829220620647</c:v>
                </c:pt>
                <c:pt idx="5983">
                  <c:v>0.89610829220620647</c:v>
                </c:pt>
                <c:pt idx="5984">
                  <c:v>0.89610829220620647</c:v>
                </c:pt>
                <c:pt idx="5985">
                  <c:v>0.96011602736379253</c:v>
                </c:pt>
                <c:pt idx="5986">
                  <c:v>0.99852066845834431</c:v>
                </c:pt>
                <c:pt idx="5987">
                  <c:v>1.152139232836551</c:v>
                </c:pt>
                <c:pt idx="5988">
                  <c:v>1.152139232836551</c:v>
                </c:pt>
                <c:pt idx="5989">
                  <c:v>1.152139232836551</c:v>
                </c:pt>
                <c:pt idx="5990">
                  <c:v>1.152139232836551</c:v>
                </c:pt>
                <c:pt idx="5991">
                  <c:v>0.96011602736379253</c:v>
                </c:pt>
                <c:pt idx="5992">
                  <c:v>0.90890983923772373</c:v>
                </c:pt>
                <c:pt idx="5993">
                  <c:v>0.90890983923772373</c:v>
                </c:pt>
                <c:pt idx="5994">
                  <c:v>0.90890983923772373</c:v>
                </c:pt>
                <c:pt idx="5995">
                  <c:v>0.90890983923772373</c:v>
                </c:pt>
                <c:pt idx="5996">
                  <c:v>0.70408508673344794</c:v>
                </c:pt>
                <c:pt idx="5997">
                  <c:v>0.26883248766186191</c:v>
                </c:pt>
                <c:pt idx="5998">
                  <c:v>0.26883248766186191</c:v>
                </c:pt>
                <c:pt idx="5999">
                  <c:v>0.26883248766186191</c:v>
                </c:pt>
                <c:pt idx="6000">
                  <c:v>0.11115003928006405</c:v>
                </c:pt>
                <c:pt idx="6001">
                  <c:v>0.21700721954679175</c:v>
                </c:pt>
                <c:pt idx="6002">
                  <c:v>0.21700721954679175</c:v>
                </c:pt>
                <c:pt idx="6003">
                  <c:v>0.21700721954679175</c:v>
                </c:pt>
                <c:pt idx="6004">
                  <c:v>0.21700721954679175</c:v>
                </c:pt>
                <c:pt idx="6005">
                  <c:v>0.26993580968015557</c:v>
                </c:pt>
                <c:pt idx="6006">
                  <c:v>0.33874297685352861</c:v>
                </c:pt>
                <c:pt idx="6007">
                  <c:v>0.38637870797355606</c:v>
                </c:pt>
                <c:pt idx="6008">
                  <c:v>0.38637870797355606</c:v>
                </c:pt>
                <c:pt idx="6009">
                  <c:v>0.38637870797355606</c:v>
                </c:pt>
                <c:pt idx="6010">
                  <c:v>0.38637870797355606</c:v>
                </c:pt>
                <c:pt idx="6011">
                  <c:v>0.38637870797355606</c:v>
                </c:pt>
                <c:pt idx="6012">
                  <c:v>0.38637870797355606</c:v>
                </c:pt>
                <c:pt idx="6013">
                  <c:v>0.38637870797355606</c:v>
                </c:pt>
                <c:pt idx="6014">
                  <c:v>0.38637870797355606</c:v>
                </c:pt>
                <c:pt idx="6015">
                  <c:v>0.34932869488020135</c:v>
                </c:pt>
                <c:pt idx="6016">
                  <c:v>0.31757154080018307</c:v>
                </c:pt>
                <c:pt idx="6017">
                  <c:v>0.28581438672016474</c:v>
                </c:pt>
                <c:pt idx="6018">
                  <c:v>0.27522866869349194</c:v>
                </c:pt>
                <c:pt idx="6019">
                  <c:v>0.22230007856012809</c:v>
                </c:pt>
                <c:pt idx="6020">
                  <c:v>0.16407862941342791</c:v>
                </c:pt>
                <c:pt idx="6021">
                  <c:v>0.16407862941342791</c:v>
                </c:pt>
                <c:pt idx="6022">
                  <c:v>0.16407862941342791</c:v>
                </c:pt>
                <c:pt idx="6023">
                  <c:v>0.16407862941342791</c:v>
                </c:pt>
                <c:pt idx="6024">
                  <c:v>0.17045001724730297</c:v>
                </c:pt>
                <c:pt idx="6025">
                  <c:v>0.19794195551299698</c:v>
                </c:pt>
                <c:pt idx="6026">
                  <c:v>0.19794195551299698</c:v>
                </c:pt>
                <c:pt idx="6027">
                  <c:v>0.19794195551299698</c:v>
                </c:pt>
                <c:pt idx="6028">
                  <c:v>0.19794195551299698</c:v>
                </c:pt>
                <c:pt idx="6029">
                  <c:v>0.24742744439124623</c:v>
                </c:pt>
                <c:pt idx="6030">
                  <c:v>0.29141454561635671</c:v>
                </c:pt>
                <c:pt idx="6031">
                  <c:v>0.34639842214774474</c:v>
                </c:pt>
                <c:pt idx="6032">
                  <c:v>0.34639842214774474</c:v>
                </c:pt>
                <c:pt idx="6033">
                  <c:v>0.34639842214774474</c:v>
                </c:pt>
                <c:pt idx="6034">
                  <c:v>0.34639842214774474</c:v>
                </c:pt>
                <c:pt idx="6035">
                  <c:v>0.34639842214774474</c:v>
                </c:pt>
                <c:pt idx="6036">
                  <c:v>0.34639842214774474</c:v>
                </c:pt>
                <c:pt idx="6037">
                  <c:v>0.34639842214774474</c:v>
                </c:pt>
                <c:pt idx="6038">
                  <c:v>0.34639842214774474</c:v>
                </c:pt>
                <c:pt idx="6039">
                  <c:v>0.30790970857577304</c:v>
                </c:pt>
                <c:pt idx="6040">
                  <c:v>0.30241132092263423</c:v>
                </c:pt>
                <c:pt idx="6041">
                  <c:v>0.25842421969752388</c:v>
                </c:pt>
                <c:pt idx="6042">
                  <c:v>0.24192905673810744</c:v>
                </c:pt>
                <c:pt idx="6043">
                  <c:v>0.2034403431661358</c:v>
                </c:pt>
                <c:pt idx="6044">
                  <c:v>0.17045001724730297</c:v>
                </c:pt>
                <c:pt idx="6045">
                  <c:v>0.14845646663474776</c:v>
                </c:pt>
                <c:pt idx="6046">
                  <c:v>0.14845646663474776</c:v>
                </c:pt>
                <c:pt idx="6047">
                  <c:v>0.14845646663474776</c:v>
                </c:pt>
                <c:pt idx="6048">
                  <c:v>0.17902372151770729</c:v>
                </c:pt>
                <c:pt idx="6049">
                  <c:v>0.17902372151770729</c:v>
                </c:pt>
                <c:pt idx="6050">
                  <c:v>0.17902372151770729</c:v>
                </c:pt>
                <c:pt idx="6051">
                  <c:v>0.17902372151770729</c:v>
                </c:pt>
                <c:pt idx="6052">
                  <c:v>0.17902372151770729</c:v>
                </c:pt>
                <c:pt idx="6053">
                  <c:v>0.77576945991006496</c:v>
                </c:pt>
                <c:pt idx="6054">
                  <c:v>0.88019996412872759</c:v>
                </c:pt>
                <c:pt idx="6055">
                  <c:v>0.88019996412872759</c:v>
                </c:pt>
                <c:pt idx="6056">
                  <c:v>0.88019996412872759</c:v>
                </c:pt>
                <c:pt idx="6057">
                  <c:v>0.93987453796796327</c:v>
                </c:pt>
                <c:pt idx="6058">
                  <c:v>0.93987453796796327</c:v>
                </c:pt>
                <c:pt idx="6059">
                  <c:v>1.1934914767847153</c:v>
                </c:pt>
                <c:pt idx="6060">
                  <c:v>1.1934914767847153</c:v>
                </c:pt>
                <c:pt idx="6061">
                  <c:v>0.79068810336987394</c:v>
                </c:pt>
                <c:pt idx="6062">
                  <c:v>1.1934914767847153</c:v>
                </c:pt>
                <c:pt idx="6063">
                  <c:v>1.1934914767847153</c:v>
                </c:pt>
                <c:pt idx="6064">
                  <c:v>1.1934914767847153</c:v>
                </c:pt>
                <c:pt idx="6065">
                  <c:v>1.1934914767847153</c:v>
                </c:pt>
                <c:pt idx="6066">
                  <c:v>1.1934914767847153</c:v>
                </c:pt>
                <c:pt idx="6067">
                  <c:v>0.99954911180719908</c:v>
                </c:pt>
                <c:pt idx="6068">
                  <c:v>0.82052539028949179</c:v>
                </c:pt>
                <c:pt idx="6069">
                  <c:v>0.59674573839235767</c:v>
                </c:pt>
                <c:pt idx="6070">
                  <c:v>0.56690845147273983</c:v>
                </c:pt>
                <c:pt idx="6071">
                  <c:v>0.56690845147273983</c:v>
                </c:pt>
                <c:pt idx="6072">
                  <c:v>0.52282360194098598</c:v>
                </c:pt>
                <c:pt idx="6073">
                  <c:v>0.52282360194098598</c:v>
                </c:pt>
                <c:pt idx="6074">
                  <c:v>0.52282360194098598</c:v>
                </c:pt>
                <c:pt idx="6075">
                  <c:v>0.52282360194098598</c:v>
                </c:pt>
                <c:pt idx="6076">
                  <c:v>0.52282360194098598</c:v>
                </c:pt>
                <c:pt idx="6077">
                  <c:v>0.67967068252328167</c:v>
                </c:pt>
                <c:pt idx="6078">
                  <c:v>0.75809422281442973</c:v>
                </c:pt>
                <c:pt idx="6079">
                  <c:v>0.78423540291147897</c:v>
                </c:pt>
                <c:pt idx="6080">
                  <c:v>0.78423540291147897</c:v>
                </c:pt>
                <c:pt idx="6081">
                  <c:v>0.84958835315410219</c:v>
                </c:pt>
                <c:pt idx="6082">
                  <c:v>0.88880012329967606</c:v>
                </c:pt>
                <c:pt idx="6083">
                  <c:v>1.045647203881972</c:v>
                </c:pt>
                <c:pt idx="6084">
                  <c:v>1.045647203881972</c:v>
                </c:pt>
                <c:pt idx="6085">
                  <c:v>1.045647203881972</c:v>
                </c:pt>
                <c:pt idx="6086">
                  <c:v>1.045647203881972</c:v>
                </c:pt>
                <c:pt idx="6087">
                  <c:v>1.045647203881972</c:v>
                </c:pt>
                <c:pt idx="6088">
                  <c:v>1.045647203881972</c:v>
                </c:pt>
                <c:pt idx="6089">
                  <c:v>1.045647203881972</c:v>
                </c:pt>
                <c:pt idx="6090">
                  <c:v>1.045647203881972</c:v>
                </c:pt>
                <c:pt idx="6091">
                  <c:v>0.87572953325115155</c:v>
                </c:pt>
                <c:pt idx="6092">
                  <c:v>0.71888245266885564</c:v>
                </c:pt>
                <c:pt idx="6093">
                  <c:v>0.52282360194098598</c:v>
                </c:pt>
                <c:pt idx="6094">
                  <c:v>0.52282360194098598</c:v>
                </c:pt>
                <c:pt idx="6095">
                  <c:v>0.52282360194098598</c:v>
                </c:pt>
                <c:pt idx="6096">
                  <c:v>0.47318506755719925</c:v>
                </c:pt>
                <c:pt idx="6097">
                  <c:v>0.53233320100184911</c:v>
                </c:pt>
                <c:pt idx="6098">
                  <c:v>0.53233320100184911</c:v>
                </c:pt>
                <c:pt idx="6099">
                  <c:v>0.53233320100184911</c:v>
                </c:pt>
                <c:pt idx="6100">
                  <c:v>0.53233320100184911</c:v>
                </c:pt>
                <c:pt idx="6101">
                  <c:v>0.6861183479579388</c:v>
                </c:pt>
                <c:pt idx="6102">
                  <c:v>0.7925849881583088</c:v>
                </c:pt>
                <c:pt idx="6103">
                  <c:v>0.7925849881583088</c:v>
                </c:pt>
                <c:pt idx="6104">
                  <c:v>0.7925849881583088</c:v>
                </c:pt>
                <c:pt idx="6105">
                  <c:v>0.85173312160295855</c:v>
                </c:pt>
                <c:pt idx="6106">
                  <c:v>0.92271088173653837</c:v>
                </c:pt>
                <c:pt idx="6107">
                  <c:v>1.0646664020036982</c:v>
                </c:pt>
                <c:pt idx="6108">
                  <c:v>1.0646664020036982</c:v>
                </c:pt>
                <c:pt idx="6109">
                  <c:v>1.0646664020036982</c:v>
                </c:pt>
                <c:pt idx="6110">
                  <c:v>1.0646664020036982</c:v>
                </c:pt>
                <c:pt idx="6111">
                  <c:v>1.0646664020036982</c:v>
                </c:pt>
                <c:pt idx="6112">
                  <c:v>1.0646664020036982</c:v>
                </c:pt>
                <c:pt idx="6113">
                  <c:v>1.0646664020036982</c:v>
                </c:pt>
                <c:pt idx="6114">
                  <c:v>1.0646664020036982</c:v>
                </c:pt>
                <c:pt idx="6115">
                  <c:v>0.88722200166974852</c:v>
                </c:pt>
                <c:pt idx="6116">
                  <c:v>0.70977760133579892</c:v>
                </c:pt>
                <c:pt idx="6117">
                  <c:v>0.53233320100184911</c:v>
                </c:pt>
                <c:pt idx="6118">
                  <c:v>0.53233320100184911</c:v>
                </c:pt>
                <c:pt idx="6119">
                  <c:v>0.53233320100184911</c:v>
                </c:pt>
                <c:pt idx="6120">
                  <c:v>0.54268226490909044</c:v>
                </c:pt>
                <c:pt idx="6121">
                  <c:v>0.54268226490909044</c:v>
                </c:pt>
                <c:pt idx="6122">
                  <c:v>0.54268226490909044</c:v>
                </c:pt>
                <c:pt idx="6123">
                  <c:v>0.54268226490909044</c:v>
                </c:pt>
                <c:pt idx="6124">
                  <c:v>0.54268226490909044</c:v>
                </c:pt>
                <c:pt idx="6125">
                  <c:v>0.69945714143838322</c:v>
                </c:pt>
                <c:pt idx="6126">
                  <c:v>0.80799359442020136</c:v>
                </c:pt>
                <c:pt idx="6127">
                  <c:v>0.80799359442020136</c:v>
                </c:pt>
                <c:pt idx="6128">
                  <c:v>0.80799359442020136</c:v>
                </c:pt>
                <c:pt idx="6129">
                  <c:v>0.86829162385454473</c:v>
                </c:pt>
                <c:pt idx="6130">
                  <c:v>0.94064925917575681</c:v>
                </c:pt>
                <c:pt idx="6131">
                  <c:v>1.0853645298181809</c:v>
                </c:pt>
                <c:pt idx="6132">
                  <c:v>1.0853645298181809</c:v>
                </c:pt>
                <c:pt idx="6133">
                  <c:v>1.0853645298181809</c:v>
                </c:pt>
                <c:pt idx="6134">
                  <c:v>1.0853645298181809</c:v>
                </c:pt>
                <c:pt idx="6135">
                  <c:v>1.0853645298181809</c:v>
                </c:pt>
                <c:pt idx="6136">
                  <c:v>1.0853645298181809</c:v>
                </c:pt>
                <c:pt idx="6137">
                  <c:v>1.0853645298181809</c:v>
                </c:pt>
                <c:pt idx="6138">
                  <c:v>1.0853645298181809</c:v>
                </c:pt>
                <c:pt idx="6139">
                  <c:v>0.90447044151515077</c:v>
                </c:pt>
                <c:pt idx="6140">
                  <c:v>0.72357635321212066</c:v>
                </c:pt>
                <c:pt idx="6141">
                  <c:v>0.54268226490909044</c:v>
                </c:pt>
                <c:pt idx="6142">
                  <c:v>0.54268226490909044</c:v>
                </c:pt>
                <c:pt idx="6143">
                  <c:v>0.54268226490909044</c:v>
                </c:pt>
                <c:pt idx="6144">
                  <c:v>0.59216177355472599</c:v>
                </c:pt>
                <c:pt idx="6145">
                  <c:v>0.59216177355472599</c:v>
                </c:pt>
                <c:pt idx="6146">
                  <c:v>0.59216177355472599</c:v>
                </c:pt>
                <c:pt idx="6147">
                  <c:v>0.59216177355472599</c:v>
                </c:pt>
                <c:pt idx="6148">
                  <c:v>0.59216177355472599</c:v>
                </c:pt>
                <c:pt idx="6149">
                  <c:v>0.76323073035942457</c:v>
                </c:pt>
                <c:pt idx="6150">
                  <c:v>0.92114053664068496</c:v>
                </c:pt>
                <c:pt idx="6151">
                  <c:v>0.92114053664068496</c:v>
                </c:pt>
                <c:pt idx="6152">
                  <c:v>0.92114053664068496</c:v>
                </c:pt>
                <c:pt idx="6153">
                  <c:v>0.98693628925787669</c:v>
                </c:pt>
                <c:pt idx="6154">
                  <c:v>1.0264137408281919</c:v>
                </c:pt>
                <c:pt idx="6155">
                  <c:v>1.184323547109452</c:v>
                </c:pt>
                <c:pt idx="6156">
                  <c:v>1.184323547109452</c:v>
                </c:pt>
                <c:pt idx="6157">
                  <c:v>1.184323547109452</c:v>
                </c:pt>
                <c:pt idx="6158">
                  <c:v>1.184323547109452</c:v>
                </c:pt>
                <c:pt idx="6159">
                  <c:v>0.98693628925787669</c:v>
                </c:pt>
                <c:pt idx="6160">
                  <c:v>0.93429968716412337</c:v>
                </c:pt>
                <c:pt idx="6161">
                  <c:v>0.93429968716412337</c:v>
                </c:pt>
                <c:pt idx="6162">
                  <c:v>0.93429968716412337</c:v>
                </c:pt>
                <c:pt idx="6163">
                  <c:v>0.93429968716412337</c:v>
                </c:pt>
                <c:pt idx="6164">
                  <c:v>0.72375327878910956</c:v>
                </c:pt>
                <c:pt idx="6165">
                  <c:v>0.27634216099220549</c:v>
                </c:pt>
                <c:pt idx="6166">
                  <c:v>0.27634216099220549</c:v>
                </c:pt>
                <c:pt idx="6167">
                  <c:v>0.27634216099220549</c:v>
                </c:pt>
                <c:pt idx="6168">
                  <c:v>0.12926118687681343</c:v>
                </c:pt>
                <c:pt idx="6169">
                  <c:v>0.25236707914044532</c:v>
                </c:pt>
                <c:pt idx="6170">
                  <c:v>0.25236707914044532</c:v>
                </c:pt>
                <c:pt idx="6171">
                  <c:v>0.25236707914044532</c:v>
                </c:pt>
                <c:pt idx="6172">
                  <c:v>0.25236707914044532</c:v>
                </c:pt>
                <c:pt idx="6173">
                  <c:v>0.31392002527226126</c:v>
                </c:pt>
                <c:pt idx="6174">
                  <c:v>0.39393885524362193</c:v>
                </c:pt>
                <c:pt idx="6175">
                  <c:v>0.44933650676225623</c:v>
                </c:pt>
                <c:pt idx="6176">
                  <c:v>0.44933650676225623</c:v>
                </c:pt>
                <c:pt idx="6177">
                  <c:v>0.44933650676225623</c:v>
                </c:pt>
                <c:pt idx="6178">
                  <c:v>0.44933650676225623</c:v>
                </c:pt>
                <c:pt idx="6179">
                  <c:v>0.44933650676225623</c:v>
                </c:pt>
                <c:pt idx="6180">
                  <c:v>0.44933650676225623</c:v>
                </c:pt>
                <c:pt idx="6181">
                  <c:v>0.44933650676225623</c:v>
                </c:pt>
                <c:pt idx="6182">
                  <c:v>0.44933650676225623</c:v>
                </c:pt>
                <c:pt idx="6183">
                  <c:v>0.40624944446998512</c:v>
                </c:pt>
                <c:pt idx="6184">
                  <c:v>0.36931767679089555</c:v>
                </c:pt>
                <c:pt idx="6185">
                  <c:v>0.33238590911180599</c:v>
                </c:pt>
                <c:pt idx="6186">
                  <c:v>0.32007531988544285</c:v>
                </c:pt>
                <c:pt idx="6187">
                  <c:v>0.25852237375362686</c:v>
                </c:pt>
                <c:pt idx="6188">
                  <c:v>0.19081413300862934</c:v>
                </c:pt>
                <c:pt idx="6189">
                  <c:v>0.19081413300862934</c:v>
                </c:pt>
                <c:pt idx="6190">
                  <c:v>0.19081413300862934</c:v>
                </c:pt>
                <c:pt idx="6191">
                  <c:v>0.19081413300862934</c:v>
                </c:pt>
                <c:pt idx="6192">
                  <c:v>0.23874260439324269</c:v>
                </c:pt>
                <c:pt idx="6193">
                  <c:v>0.27724947606957218</c:v>
                </c:pt>
                <c:pt idx="6194">
                  <c:v>0.27724947606957218</c:v>
                </c:pt>
                <c:pt idx="6195">
                  <c:v>0.27724947606957218</c:v>
                </c:pt>
                <c:pt idx="6196">
                  <c:v>0.27724947606957218</c:v>
                </c:pt>
                <c:pt idx="6197">
                  <c:v>0.34656184508696514</c:v>
                </c:pt>
                <c:pt idx="6198">
                  <c:v>0.40817283976909235</c:v>
                </c:pt>
                <c:pt idx="6199">
                  <c:v>0.48518658312175128</c:v>
                </c:pt>
                <c:pt idx="6200">
                  <c:v>0.48518658312175128</c:v>
                </c:pt>
                <c:pt idx="6201">
                  <c:v>0.48518658312175128</c:v>
                </c:pt>
                <c:pt idx="6202">
                  <c:v>0.48518658312175128</c:v>
                </c:pt>
                <c:pt idx="6203">
                  <c:v>0.48518658312175128</c:v>
                </c:pt>
                <c:pt idx="6204">
                  <c:v>0.48518658312175128</c:v>
                </c:pt>
                <c:pt idx="6205">
                  <c:v>0.48518658312175128</c:v>
                </c:pt>
                <c:pt idx="6206">
                  <c:v>0.48518658312175128</c:v>
                </c:pt>
                <c:pt idx="6207">
                  <c:v>0.43127696277489003</c:v>
                </c:pt>
                <c:pt idx="6208">
                  <c:v>0.42357558843962412</c:v>
                </c:pt>
                <c:pt idx="6209">
                  <c:v>0.36196459375749701</c:v>
                </c:pt>
                <c:pt idx="6210">
                  <c:v>0.33886047075169934</c:v>
                </c:pt>
                <c:pt idx="6211">
                  <c:v>0.28495085040483809</c:v>
                </c:pt>
                <c:pt idx="6212">
                  <c:v>0.23874260439324269</c:v>
                </c:pt>
                <c:pt idx="6213">
                  <c:v>0.20793710705217913</c:v>
                </c:pt>
                <c:pt idx="6214">
                  <c:v>0.20793710705217913</c:v>
                </c:pt>
                <c:pt idx="6215">
                  <c:v>0.20793710705217913</c:v>
                </c:pt>
                <c:pt idx="6216">
                  <c:v>0.18391822418800005</c:v>
                </c:pt>
                <c:pt idx="6217">
                  <c:v>0.18391822418800005</c:v>
                </c:pt>
                <c:pt idx="6218">
                  <c:v>0.18391822418800005</c:v>
                </c:pt>
                <c:pt idx="6219">
                  <c:v>0.18391822418800005</c:v>
                </c:pt>
                <c:pt idx="6220">
                  <c:v>0.18391822418800005</c:v>
                </c:pt>
                <c:pt idx="6221">
                  <c:v>0.79697897148133368</c:v>
                </c:pt>
                <c:pt idx="6222">
                  <c:v>0.90426460225766703</c:v>
                </c:pt>
                <c:pt idx="6223">
                  <c:v>0.90426460225766703</c:v>
                </c:pt>
                <c:pt idx="6224">
                  <c:v>0.90426460225766703</c:v>
                </c:pt>
                <c:pt idx="6225">
                  <c:v>0.96557067698700028</c:v>
                </c:pt>
                <c:pt idx="6226">
                  <c:v>0.96557067698700028</c:v>
                </c:pt>
                <c:pt idx="6227">
                  <c:v>1.226121494586667</c:v>
                </c:pt>
                <c:pt idx="6228">
                  <c:v>1.226121494586667</c:v>
                </c:pt>
                <c:pt idx="6229">
                  <c:v>0.81230549016366693</c:v>
                </c:pt>
                <c:pt idx="6230">
                  <c:v>1.226121494586667</c:v>
                </c:pt>
                <c:pt idx="6231">
                  <c:v>1.226121494586667</c:v>
                </c:pt>
                <c:pt idx="6232">
                  <c:v>1.226121494586667</c:v>
                </c:pt>
                <c:pt idx="6233">
                  <c:v>1.226121494586667</c:v>
                </c:pt>
                <c:pt idx="6234">
                  <c:v>1.226121494586667</c:v>
                </c:pt>
                <c:pt idx="6235">
                  <c:v>1.0268767517163337</c:v>
                </c:pt>
                <c:pt idx="6236">
                  <c:v>0.84295852752833367</c:v>
                </c:pt>
                <c:pt idx="6237">
                  <c:v>0.61306074729333349</c:v>
                </c:pt>
                <c:pt idx="6238">
                  <c:v>0.58240770992866686</c:v>
                </c:pt>
                <c:pt idx="6239">
                  <c:v>0.58240770992866686</c:v>
                </c:pt>
                <c:pt idx="6240">
                  <c:v>0.52977743010586842</c:v>
                </c:pt>
                <c:pt idx="6241">
                  <c:v>0.52977743010586842</c:v>
                </c:pt>
                <c:pt idx="6242">
                  <c:v>0.52977743010586842</c:v>
                </c:pt>
                <c:pt idx="6243">
                  <c:v>0.52977743010586842</c:v>
                </c:pt>
                <c:pt idx="6244">
                  <c:v>0.52977743010586842</c:v>
                </c:pt>
                <c:pt idx="6245">
                  <c:v>0.68871065913762886</c:v>
                </c:pt>
                <c:pt idx="6246">
                  <c:v>0.76817727365350919</c:v>
                </c:pt>
                <c:pt idx="6247">
                  <c:v>0.79466614515880263</c:v>
                </c:pt>
                <c:pt idx="6248">
                  <c:v>0.79466614515880263</c:v>
                </c:pt>
                <c:pt idx="6249">
                  <c:v>0.86088832392203618</c:v>
                </c:pt>
                <c:pt idx="6250">
                  <c:v>0.90062163117997618</c:v>
                </c:pt>
                <c:pt idx="6251">
                  <c:v>1.0595548602117368</c:v>
                </c:pt>
                <c:pt idx="6252">
                  <c:v>1.0595548602117368</c:v>
                </c:pt>
                <c:pt idx="6253">
                  <c:v>1.0595548602117368</c:v>
                </c:pt>
                <c:pt idx="6254">
                  <c:v>1.0595548602117368</c:v>
                </c:pt>
                <c:pt idx="6255">
                  <c:v>1.0595548602117368</c:v>
                </c:pt>
                <c:pt idx="6256">
                  <c:v>1.0595548602117368</c:v>
                </c:pt>
                <c:pt idx="6257">
                  <c:v>1.0595548602117368</c:v>
                </c:pt>
                <c:pt idx="6258">
                  <c:v>1.0595548602117368</c:v>
                </c:pt>
                <c:pt idx="6259">
                  <c:v>0.88737719542732962</c:v>
                </c:pt>
                <c:pt idx="6260">
                  <c:v>0.72844396639556896</c:v>
                </c:pt>
                <c:pt idx="6261">
                  <c:v>0.52977743010586842</c:v>
                </c:pt>
                <c:pt idx="6262">
                  <c:v>0.52977743010586842</c:v>
                </c:pt>
                <c:pt idx="6263">
                  <c:v>0.52977743010586842</c:v>
                </c:pt>
                <c:pt idx="6264">
                  <c:v>0.47180585107264023</c:v>
                </c:pt>
                <c:pt idx="6265">
                  <c:v>0.53078158245672025</c:v>
                </c:pt>
                <c:pt idx="6266">
                  <c:v>0.53078158245672025</c:v>
                </c:pt>
                <c:pt idx="6267">
                  <c:v>0.53078158245672025</c:v>
                </c:pt>
                <c:pt idx="6268">
                  <c:v>0.53078158245672025</c:v>
                </c:pt>
                <c:pt idx="6269">
                  <c:v>0.68411848405532838</c:v>
                </c:pt>
                <c:pt idx="6270">
                  <c:v>0.79027480054667232</c:v>
                </c:pt>
                <c:pt idx="6271">
                  <c:v>0.79027480054667232</c:v>
                </c:pt>
                <c:pt idx="6272">
                  <c:v>0.79027480054667232</c:v>
                </c:pt>
                <c:pt idx="6273">
                  <c:v>0.84925053193075239</c:v>
                </c:pt>
                <c:pt idx="6274">
                  <c:v>0.92002140959164835</c:v>
                </c:pt>
                <c:pt idx="6275">
                  <c:v>1.0615631649134405</c:v>
                </c:pt>
                <c:pt idx="6276">
                  <c:v>1.0615631649134405</c:v>
                </c:pt>
                <c:pt idx="6277">
                  <c:v>1.0615631649134405</c:v>
                </c:pt>
                <c:pt idx="6278">
                  <c:v>1.0615631649134405</c:v>
                </c:pt>
                <c:pt idx="6279">
                  <c:v>1.0615631649134405</c:v>
                </c:pt>
                <c:pt idx="6280">
                  <c:v>1.0615631649134405</c:v>
                </c:pt>
                <c:pt idx="6281">
                  <c:v>1.0615631649134405</c:v>
                </c:pt>
                <c:pt idx="6282">
                  <c:v>1.0615631649134405</c:v>
                </c:pt>
                <c:pt idx="6283">
                  <c:v>0.88463597076120037</c:v>
                </c:pt>
                <c:pt idx="6284">
                  <c:v>0.70770877660896037</c:v>
                </c:pt>
                <c:pt idx="6285">
                  <c:v>0.53078158245672025</c:v>
                </c:pt>
                <c:pt idx="6286">
                  <c:v>0.53078158245672025</c:v>
                </c:pt>
                <c:pt idx="6287">
                  <c:v>0.53078158245672025</c:v>
                </c:pt>
                <c:pt idx="6288">
                  <c:v>0.53494805793691136</c:v>
                </c:pt>
                <c:pt idx="6289">
                  <c:v>0.53494805793691136</c:v>
                </c:pt>
                <c:pt idx="6290">
                  <c:v>0.53494805793691136</c:v>
                </c:pt>
                <c:pt idx="6291">
                  <c:v>0.53494805793691136</c:v>
                </c:pt>
                <c:pt idx="6292">
                  <c:v>0.53494805793691136</c:v>
                </c:pt>
                <c:pt idx="6293">
                  <c:v>0.68948860800757472</c:v>
                </c:pt>
                <c:pt idx="6294">
                  <c:v>0.79647821959495702</c:v>
                </c:pt>
                <c:pt idx="6295">
                  <c:v>0.79647821959495702</c:v>
                </c:pt>
                <c:pt idx="6296">
                  <c:v>0.79647821959495702</c:v>
                </c:pt>
                <c:pt idx="6297">
                  <c:v>0.85591689269905824</c:v>
                </c:pt>
                <c:pt idx="6298">
                  <c:v>0.92724330042397973</c:v>
                </c:pt>
                <c:pt idx="6299">
                  <c:v>1.0698961158738227</c:v>
                </c:pt>
                <c:pt idx="6300">
                  <c:v>1.0698961158738227</c:v>
                </c:pt>
                <c:pt idx="6301">
                  <c:v>1.0698961158738227</c:v>
                </c:pt>
                <c:pt idx="6302">
                  <c:v>1.0698961158738227</c:v>
                </c:pt>
                <c:pt idx="6303">
                  <c:v>1.0698961158738227</c:v>
                </c:pt>
                <c:pt idx="6304">
                  <c:v>1.0698961158738227</c:v>
                </c:pt>
                <c:pt idx="6305">
                  <c:v>1.0698961158738227</c:v>
                </c:pt>
                <c:pt idx="6306">
                  <c:v>1.0698961158738227</c:v>
                </c:pt>
                <c:pt idx="6307">
                  <c:v>0.89158009656151904</c:v>
                </c:pt>
                <c:pt idx="6308">
                  <c:v>0.71326407724921537</c:v>
                </c:pt>
                <c:pt idx="6309">
                  <c:v>0.53494805793691136</c:v>
                </c:pt>
                <c:pt idx="6310">
                  <c:v>0.53494805793691136</c:v>
                </c:pt>
                <c:pt idx="6311">
                  <c:v>0.53494805793691136</c:v>
                </c:pt>
                <c:pt idx="6312">
                  <c:v>0.57988091679269804</c:v>
                </c:pt>
                <c:pt idx="6313">
                  <c:v>0.57988091679269804</c:v>
                </c:pt>
                <c:pt idx="6314">
                  <c:v>0.57988091679269804</c:v>
                </c:pt>
                <c:pt idx="6315">
                  <c:v>0.57988091679269804</c:v>
                </c:pt>
                <c:pt idx="6316">
                  <c:v>0.57988091679269804</c:v>
                </c:pt>
                <c:pt idx="6317">
                  <c:v>0.74740207053281082</c:v>
                </c:pt>
                <c:pt idx="6318">
                  <c:v>0.90203698167753044</c:v>
                </c:pt>
                <c:pt idx="6319">
                  <c:v>0.90203698167753044</c:v>
                </c:pt>
                <c:pt idx="6320">
                  <c:v>0.90203698167753044</c:v>
                </c:pt>
                <c:pt idx="6321">
                  <c:v>0.96646819465449663</c:v>
                </c:pt>
                <c:pt idx="6322">
                  <c:v>1.0051269224406765</c:v>
                </c:pt>
                <c:pt idx="6323">
                  <c:v>1.1597618335853961</c:v>
                </c:pt>
                <c:pt idx="6324">
                  <c:v>1.1597618335853961</c:v>
                </c:pt>
                <c:pt idx="6325">
                  <c:v>1.1597618335853961</c:v>
                </c:pt>
                <c:pt idx="6326">
                  <c:v>1.1597618335853961</c:v>
                </c:pt>
                <c:pt idx="6327">
                  <c:v>0.96646819465449663</c:v>
                </c:pt>
                <c:pt idx="6328">
                  <c:v>0.91492322427292361</c:v>
                </c:pt>
                <c:pt idx="6329">
                  <c:v>0.91492322427292361</c:v>
                </c:pt>
                <c:pt idx="6330">
                  <c:v>0.91492322427292361</c:v>
                </c:pt>
                <c:pt idx="6331">
                  <c:v>0.91492322427292361</c:v>
                </c:pt>
                <c:pt idx="6332">
                  <c:v>0.70874334274663098</c:v>
                </c:pt>
                <c:pt idx="6333">
                  <c:v>0.2706110945032591</c:v>
                </c:pt>
                <c:pt idx="6334">
                  <c:v>0.2706110945032591</c:v>
                </c:pt>
                <c:pt idx="6335">
                  <c:v>0.2706110945032591</c:v>
                </c:pt>
                <c:pt idx="6336">
                  <c:v>0.13071007868455339</c:v>
                </c:pt>
                <c:pt idx="6337">
                  <c:v>0.25519586790793763</c:v>
                </c:pt>
                <c:pt idx="6338">
                  <c:v>0.25519586790793763</c:v>
                </c:pt>
                <c:pt idx="6339">
                  <c:v>0.25519586790793763</c:v>
                </c:pt>
                <c:pt idx="6340">
                  <c:v>0.25519586790793763</c:v>
                </c:pt>
                <c:pt idx="6341">
                  <c:v>0.31743876251962966</c:v>
                </c:pt>
                <c:pt idx="6342">
                  <c:v>0.39835452551482942</c:v>
                </c:pt>
                <c:pt idx="6343">
                  <c:v>0.45437313066535229</c:v>
                </c:pt>
                <c:pt idx="6344">
                  <c:v>0.45437313066535229</c:v>
                </c:pt>
                <c:pt idx="6345">
                  <c:v>0.45437313066535229</c:v>
                </c:pt>
                <c:pt idx="6346">
                  <c:v>0.45437313066535229</c:v>
                </c:pt>
                <c:pt idx="6347">
                  <c:v>0.45437313066535229</c:v>
                </c:pt>
                <c:pt idx="6348">
                  <c:v>0.45437313066535229</c:v>
                </c:pt>
                <c:pt idx="6349">
                  <c:v>0.45437313066535229</c:v>
                </c:pt>
                <c:pt idx="6350">
                  <c:v>0.45437313066535229</c:v>
                </c:pt>
                <c:pt idx="6351">
                  <c:v>0.41080310443716783</c:v>
                </c:pt>
                <c:pt idx="6352">
                  <c:v>0.37345736767015253</c:v>
                </c:pt>
                <c:pt idx="6353">
                  <c:v>0.33611163090313734</c:v>
                </c:pt>
                <c:pt idx="6354">
                  <c:v>0.32366305198079887</c:v>
                </c:pt>
                <c:pt idx="6355">
                  <c:v>0.26142015736910679</c:v>
                </c:pt>
                <c:pt idx="6356">
                  <c:v>0.1929529732962455</c:v>
                </c:pt>
                <c:pt idx="6357">
                  <c:v>0.1929529732962455</c:v>
                </c:pt>
                <c:pt idx="6358">
                  <c:v>0.1929529732962455</c:v>
                </c:pt>
                <c:pt idx="6359">
                  <c:v>0.1929529732962455</c:v>
                </c:pt>
                <c:pt idx="6360">
                  <c:v>0.23509633677525882</c:v>
                </c:pt>
                <c:pt idx="6361">
                  <c:v>0.27301510077126834</c:v>
                </c:pt>
                <c:pt idx="6362">
                  <c:v>0.27301510077126834</c:v>
                </c:pt>
                <c:pt idx="6363">
                  <c:v>0.27301510077126834</c:v>
                </c:pt>
                <c:pt idx="6364">
                  <c:v>0.27301510077126834</c:v>
                </c:pt>
                <c:pt idx="6365">
                  <c:v>0.34126887596408539</c:v>
                </c:pt>
                <c:pt idx="6366">
                  <c:v>0.40193889835770058</c:v>
                </c:pt>
                <c:pt idx="6367">
                  <c:v>0.47777642634971951</c:v>
                </c:pt>
                <c:pt idx="6368">
                  <c:v>0.47777642634971951</c:v>
                </c:pt>
                <c:pt idx="6369">
                  <c:v>0.47777642634971951</c:v>
                </c:pt>
                <c:pt idx="6370">
                  <c:v>0.47777642634971951</c:v>
                </c:pt>
                <c:pt idx="6371">
                  <c:v>0.47777642634971951</c:v>
                </c:pt>
                <c:pt idx="6372">
                  <c:v>0.47777642634971951</c:v>
                </c:pt>
                <c:pt idx="6373">
                  <c:v>0.47777642634971951</c:v>
                </c:pt>
                <c:pt idx="6374">
                  <c:v>0.47777642634971951</c:v>
                </c:pt>
                <c:pt idx="6375">
                  <c:v>0.4246901567553063</c:v>
                </c:pt>
                <c:pt idx="6376">
                  <c:v>0.41710640395610432</c:v>
                </c:pt>
                <c:pt idx="6377">
                  <c:v>0.35643638156248919</c:v>
                </c:pt>
                <c:pt idx="6378">
                  <c:v>0.33368512316488358</c:v>
                </c:pt>
                <c:pt idx="6379">
                  <c:v>0.28059885357047026</c:v>
                </c:pt>
                <c:pt idx="6380">
                  <c:v>0.23509633677525882</c:v>
                </c:pt>
                <c:pt idx="6381">
                  <c:v>0.20476132557845125</c:v>
                </c:pt>
                <c:pt idx="6382">
                  <c:v>0.20476132557845125</c:v>
                </c:pt>
                <c:pt idx="6383">
                  <c:v>0.20476132557845125</c:v>
                </c:pt>
                <c:pt idx="6384">
                  <c:v>0.18391822418800005</c:v>
                </c:pt>
                <c:pt idx="6385">
                  <c:v>0.18391822418800005</c:v>
                </c:pt>
                <c:pt idx="6386">
                  <c:v>0.18391822418800005</c:v>
                </c:pt>
                <c:pt idx="6387">
                  <c:v>0.18391822418800005</c:v>
                </c:pt>
                <c:pt idx="6388">
                  <c:v>0.18391822418800005</c:v>
                </c:pt>
                <c:pt idx="6389">
                  <c:v>0.79697897148133368</c:v>
                </c:pt>
                <c:pt idx="6390">
                  <c:v>0.90426460225766703</c:v>
                </c:pt>
                <c:pt idx="6391">
                  <c:v>0.90426460225766703</c:v>
                </c:pt>
                <c:pt idx="6392">
                  <c:v>0.90426460225766703</c:v>
                </c:pt>
                <c:pt idx="6393">
                  <c:v>0.96557067698700028</c:v>
                </c:pt>
                <c:pt idx="6394">
                  <c:v>0.96557067698700028</c:v>
                </c:pt>
                <c:pt idx="6395">
                  <c:v>1.226121494586667</c:v>
                </c:pt>
                <c:pt idx="6396">
                  <c:v>1.226121494586667</c:v>
                </c:pt>
                <c:pt idx="6397">
                  <c:v>0.81230549016366693</c:v>
                </c:pt>
                <c:pt idx="6398">
                  <c:v>1.226121494586667</c:v>
                </c:pt>
                <c:pt idx="6399">
                  <c:v>1.226121494586667</c:v>
                </c:pt>
                <c:pt idx="6400">
                  <c:v>1.226121494586667</c:v>
                </c:pt>
                <c:pt idx="6401">
                  <c:v>1.226121494586667</c:v>
                </c:pt>
                <c:pt idx="6402">
                  <c:v>1.226121494586667</c:v>
                </c:pt>
                <c:pt idx="6403">
                  <c:v>1.0268767517163337</c:v>
                </c:pt>
                <c:pt idx="6404">
                  <c:v>0.84295852752833367</c:v>
                </c:pt>
                <c:pt idx="6405">
                  <c:v>0.61306074729333349</c:v>
                </c:pt>
                <c:pt idx="6406">
                  <c:v>0.58240770992866686</c:v>
                </c:pt>
                <c:pt idx="6407">
                  <c:v>0.58240770992866686</c:v>
                </c:pt>
                <c:pt idx="6408">
                  <c:v>0.52205095436711013</c:v>
                </c:pt>
                <c:pt idx="6409">
                  <c:v>0.52205095436711013</c:v>
                </c:pt>
                <c:pt idx="6410">
                  <c:v>0.52205095436711013</c:v>
                </c:pt>
                <c:pt idx="6411">
                  <c:v>0.52205095436711013</c:v>
                </c:pt>
                <c:pt idx="6412">
                  <c:v>0.52205095436711013</c:v>
                </c:pt>
                <c:pt idx="6413">
                  <c:v>0.67866624067724313</c:v>
                </c:pt>
                <c:pt idx="6414">
                  <c:v>0.75697388383230968</c:v>
                </c:pt>
                <c:pt idx="6415">
                  <c:v>0.7830764315506652</c:v>
                </c:pt>
                <c:pt idx="6416">
                  <c:v>0.7830764315506652</c:v>
                </c:pt>
                <c:pt idx="6417">
                  <c:v>0.84833280084655405</c:v>
                </c:pt>
                <c:pt idx="6418">
                  <c:v>0.88748662242408716</c:v>
                </c:pt>
                <c:pt idx="6419">
                  <c:v>1.0441019087342203</c:v>
                </c:pt>
                <c:pt idx="6420">
                  <c:v>1.0441019087342203</c:v>
                </c:pt>
                <c:pt idx="6421">
                  <c:v>1.0441019087342203</c:v>
                </c:pt>
                <c:pt idx="6422">
                  <c:v>1.0441019087342203</c:v>
                </c:pt>
                <c:pt idx="6423">
                  <c:v>1.0441019087342203</c:v>
                </c:pt>
                <c:pt idx="6424">
                  <c:v>1.0441019087342203</c:v>
                </c:pt>
                <c:pt idx="6425">
                  <c:v>1.0441019087342203</c:v>
                </c:pt>
                <c:pt idx="6426">
                  <c:v>1.0441019087342203</c:v>
                </c:pt>
                <c:pt idx="6427">
                  <c:v>0.87443534856490956</c:v>
                </c:pt>
                <c:pt idx="6428">
                  <c:v>0.71782006225477646</c:v>
                </c:pt>
                <c:pt idx="6429">
                  <c:v>0.52205095436711013</c:v>
                </c:pt>
                <c:pt idx="6430">
                  <c:v>0.52205095436711013</c:v>
                </c:pt>
                <c:pt idx="6431">
                  <c:v>0.52205095436711013</c:v>
                </c:pt>
                <c:pt idx="6432">
                  <c:v>0.46766820161896294</c:v>
                </c:pt>
                <c:pt idx="6433">
                  <c:v>0.52612672682133332</c:v>
                </c:pt>
                <c:pt idx="6434">
                  <c:v>0.52612672682133332</c:v>
                </c:pt>
                <c:pt idx="6435">
                  <c:v>0.52612672682133332</c:v>
                </c:pt>
                <c:pt idx="6436">
                  <c:v>0.52612672682133332</c:v>
                </c:pt>
                <c:pt idx="6437">
                  <c:v>0.67811889234749623</c:v>
                </c:pt>
                <c:pt idx="6438">
                  <c:v>0.78334423771176298</c:v>
                </c:pt>
                <c:pt idx="6439">
                  <c:v>0.78334423771176298</c:v>
                </c:pt>
                <c:pt idx="6440">
                  <c:v>0.78334423771176298</c:v>
                </c:pt>
                <c:pt idx="6441">
                  <c:v>0.84180276291413336</c:v>
                </c:pt>
                <c:pt idx="6442">
                  <c:v>0.91195299315697775</c:v>
                </c:pt>
                <c:pt idx="6443">
                  <c:v>1.0522534536426666</c:v>
                </c:pt>
                <c:pt idx="6444">
                  <c:v>1.0522534536426666</c:v>
                </c:pt>
                <c:pt idx="6445">
                  <c:v>1.0522534536426666</c:v>
                </c:pt>
                <c:pt idx="6446">
                  <c:v>1.0522534536426666</c:v>
                </c:pt>
                <c:pt idx="6447">
                  <c:v>1.0522534536426666</c:v>
                </c:pt>
                <c:pt idx="6448">
                  <c:v>1.0522534536426666</c:v>
                </c:pt>
                <c:pt idx="6449">
                  <c:v>1.0522534536426666</c:v>
                </c:pt>
                <c:pt idx="6450">
                  <c:v>1.0522534536426666</c:v>
                </c:pt>
                <c:pt idx="6451">
                  <c:v>0.87687787803555561</c:v>
                </c:pt>
                <c:pt idx="6452">
                  <c:v>0.70150230242844447</c:v>
                </c:pt>
                <c:pt idx="6453">
                  <c:v>0.52612672682133332</c:v>
                </c:pt>
                <c:pt idx="6454">
                  <c:v>0.52612672682133332</c:v>
                </c:pt>
                <c:pt idx="6455">
                  <c:v>0.52612672682133332</c:v>
                </c:pt>
                <c:pt idx="6456">
                  <c:v>0.52876069235916812</c:v>
                </c:pt>
                <c:pt idx="6457">
                  <c:v>0.52876069235916812</c:v>
                </c:pt>
                <c:pt idx="6458">
                  <c:v>0.52876069235916812</c:v>
                </c:pt>
                <c:pt idx="6459">
                  <c:v>0.52876069235916812</c:v>
                </c:pt>
                <c:pt idx="6460">
                  <c:v>0.52876069235916812</c:v>
                </c:pt>
                <c:pt idx="6461">
                  <c:v>0.68151378126292783</c:v>
                </c:pt>
                <c:pt idx="6462">
                  <c:v>0.78726591973476157</c:v>
                </c:pt>
                <c:pt idx="6463">
                  <c:v>0.78726591973476157</c:v>
                </c:pt>
                <c:pt idx="6464">
                  <c:v>0.78726591973476157</c:v>
                </c:pt>
                <c:pt idx="6465">
                  <c:v>0.84601710777466899</c:v>
                </c:pt>
                <c:pt idx="6466">
                  <c:v>0.91651853342255807</c:v>
                </c:pt>
                <c:pt idx="6467">
                  <c:v>1.0575213847183362</c:v>
                </c:pt>
                <c:pt idx="6468">
                  <c:v>1.0575213847183362</c:v>
                </c:pt>
                <c:pt idx="6469">
                  <c:v>1.0575213847183362</c:v>
                </c:pt>
                <c:pt idx="6470">
                  <c:v>1.0575213847183362</c:v>
                </c:pt>
                <c:pt idx="6471">
                  <c:v>1.0575213847183362</c:v>
                </c:pt>
                <c:pt idx="6472">
                  <c:v>1.0575213847183362</c:v>
                </c:pt>
                <c:pt idx="6473">
                  <c:v>1.0575213847183362</c:v>
                </c:pt>
                <c:pt idx="6474">
                  <c:v>1.0575213847183362</c:v>
                </c:pt>
                <c:pt idx="6475">
                  <c:v>0.88126782059861353</c:v>
                </c:pt>
                <c:pt idx="6476">
                  <c:v>0.70501425647889093</c:v>
                </c:pt>
                <c:pt idx="6477">
                  <c:v>0.52876069235916812</c:v>
                </c:pt>
                <c:pt idx="6478">
                  <c:v>0.52876069235916812</c:v>
                </c:pt>
                <c:pt idx="6479">
                  <c:v>0.52876069235916812</c:v>
                </c:pt>
                <c:pt idx="6480">
                  <c:v>0.57606961641827548</c:v>
                </c:pt>
                <c:pt idx="6481">
                  <c:v>0.57606961641827548</c:v>
                </c:pt>
                <c:pt idx="6482">
                  <c:v>0.57606961641827548</c:v>
                </c:pt>
                <c:pt idx="6483">
                  <c:v>0.57606961641827548</c:v>
                </c:pt>
                <c:pt idx="6484">
                  <c:v>0.57606961641827548</c:v>
                </c:pt>
                <c:pt idx="6485">
                  <c:v>0.74248972782799949</c:v>
                </c:pt>
                <c:pt idx="6486">
                  <c:v>0.89610829220620647</c:v>
                </c:pt>
                <c:pt idx="6487">
                  <c:v>0.89610829220620647</c:v>
                </c:pt>
                <c:pt idx="6488">
                  <c:v>0.89610829220620647</c:v>
                </c:pt>
                <c:pt idx="6489">
                  <c:v>0.96011602736379253</c:v>
                </c:pt>
                <c:pt idx="6490">
                  <c:v>0.99852066845834431</c:v>
                </c:pt>
                <c:pt idx="6491">
                  <c:v>1.152139232836551</c:v>
                </c:pt>
                <c:pt idx="6492">
                  <c:v>1.152139232836551</c:v>
                </c:pt>
                <c:pt idx="6493">
                  <c:v>1.152139232836551</c:v>
                </c:pt>
                <c:pt idx="6494">
                  <c:v>1.152139232836551</c:v>
                </c:pt>
                <c:pt idx="6495">
                  <c:v>0.96011602736379253</c:v>
                </c:pt>
                <c:pt idx="6496">
                  <c:v>0.90890983923772373</c:v>
                </c:pt>
                <c:pt idx="6497">
                  <c:v>0.90890983923772373</c:v>
                </c:pt>
                <c:pt idx="6498">
                  <c:v>0.90890983923772373</c:v>
                </c:pt>
                <c:pt idx="6499">
                  <c:v>0.90890983923772373</c:v>
                </c:pt>
                <c:pt idx="6500">
                  <c:v>0.70408508673344794</c:v>
                </c:pt>
                <c:pt idx="6501">
                  <c:v>0.26883248766186191</c:v>
                </c:pt>
                <c:pt idx="6502">
                  <c:v>0.26883248766186191</c:v>
                </c:pt>
                <c:pt idx="6503">
                  <c:v>0.26883248766186191</c:v>
                </c:pt>
                <c:pt idx="6504">
                  <c:v>0.12926118687681343</c:v>
                </c:pt>
                <c:pt idx="6505">
                  <c:v>0.25236707914044532</c:v>
                </c:pt>
                <c:pt idx="6506">
                  <c:v>0.25236707914044532</c:v>
                </c:pt>
                <c:pt idx="6507">
                  <c:v>0.25236707914044532</c:v>
                </c:pt>
                <c:pt idx="6508">
                  <c:v>0.25236707914044532</c:v>
                </c:pt>
                <c:pt idx="6509">
                  <c:v>0.31392002527226126</c:v>
                </c:pt>
                <c:pt idx="6510">
                  <c:v>0.39393885524362193</c:v>
                </c:pt>
                <c:pt idx="6511">
                  <c:v>0.44933650676225623</c:v>
                </c:pt>
                <c:pt idx="6512">
                  <c:v>0.44933650676225623</c:v>
                </c:pt>
                <c:pt idx="6513">
                  <c:v>0.44933650676225623</c:v>
                </c:pt>
                <c:pt idx="6514">
                  <c:v>0.44933650676225623</c:v>
                </c:pt>
                <c:pt idx="6515">
                  <c:v>0.44933650676225623</c:v>
                </c:pt>
                <c:pt idx="6516">
                  <c:v>0.44933650676225623</c:v>
                </c:pt>
                <c:pt idx="6517">
                  <c:v>0.44933650676225623</c:v>
                </c:pt>
                <c:pt idx="6518">
                  <c:v>0.44933650676225623</c:v>
                </c:pt>
                <c:pt idx="6519">
                  <c:v>0.40624944446998512</c:v>
                </c:pt>
                <c:pt idx="6520">
                  <c:v>0.36931767679089555</c:v>
                </c:pt>
                <c:pt idx="6521">
                  <c:v>0.33238590911180599</c:v>
                </c:pt>
                <c:pt idx="6522">
                  <c:v>0.32007531988544285</c:v>
                </c:pt>
                <c:pt idx="6523">
                  <c:v>0.25852237375362686</c:v>
                </c:pt>
                <c:pt idx="6524">
                  <c:v>0.19081413300862934</c:v>
                </c:pt>
                <c:pt idx="6525">
                  <c:v>0.19081413300862934</c:v>
                </c:pt>
                <c:pt idx="6526">
                  <c:v>0.19081413300862934</c:v>
                </c:pt>
                <c:pt idx="6527">
                  <c:v>0.19081413300862934</c:v>
                </c:pt>
                <c:pt idx="6528">
                  <c:v>0.23509633677525882</c:v>
                </c:pt>
                <c:pt idx="6529">
                  <c:v>0.27301510077126834</c:v>
                </c:pt>
                <c:pt idx="6530">
                  <c:v>0.27301510077126834</c:v>
                </c:pt>
                <c:pt idx="6531">
                  <c:v>0.27301510077126834</c:v>
                </c:pt>
                <c:pt idx="6532">
                  <c:v>0.27301510077126834</c:v>
                </c:pt>
                <c:pt idx="6533">
                  <c:v>0.34126887596408539</c:v>
                </c:pt>
                <c:pt idx="6534">
                  <c:v>0.40193889835770058</c:v>
                </c:pt>
                <c:pt idx="6535">
                  <c:v>0.47777642634971951</c:v>
                </c:pt>
                <c:pt idx="6536">
                  <c:v>0.47777642634971951</c:v>
                </c:pt>
                <c:pt idx="6537">
                  <c:v>0.47777642634971951</c:v>
                </c:pt>
                <c:pt idx="6538">
                  <c:v>0.47777642634971951</c:v>
                </c:pt>
                <c:pt idx="6539">
                  <c:v>0.47777642634971951</c:v>
                </c:pt>
                <c:pt idx="6540">
                  <c:v>0.47777642634971951</c:v>
                </c:pt>
                <c:pt idx="6541">
                  <c:v>0.47777642634971951</c:v>
                </c:pt>
                <c:pt idx="6542">
                  <c:v>0.47777642634971951</c:v>
                </c:pt>
                <c:pt idx="6543">
                  <c:v>0.4246901567553063</c:v>
                </c:pt>
                <c:pt idx="6544">
                  <c:v>0.41710640395610432</c:v>
                </c:pt>
                <c:pt idx="6545">
                  <c:v>0.35643638156248919</c:v>
                </c:pt>
                <c:pt idx="6546">
                  <c:v>0.33368512316488358</c:v>
                </c:pt>
                <c:pt idx="6547">
                  <c:v>0.28059885357047026</c:v>
                </c:pt>
                <c:pt idx="6548">
                  <c:v>0.23509633677525882</c:v>
                </c:pt>
                <c:pt idx="6549">
                  <c:v>0.20476132557845125</c:v>
                </c:pt>
                <c:pt idx="6550">
                  <c:v>0.20476132557845125</c:v>
                </c:pt>
                <c:pt idx="6551">
                  <c:v>0.20476132557845125</c:v>
                </c:pt>
                <c:pt idx="6552">
                  <c:v>0.18457964346776937</c:v>
                </c:pt>
                <c:pt idx="6553">
                  <c:v>0.18457964346776937</c:v>
                </c:pt>
                <c:pt idx="6554">
                  <c:v>0.18457964346776937</c:v>
                </c:pt>
                <c:pt idx="6555">
                  <c:v>0.18457964346776937</c:v>
                </c:pt>
                <c:pt idx="6556">
                  <c:v>0.18457964346776937</c:v>
                </c:pt>
                <c:pt idx="6557">
                  <c:v>0.79984512169366739</c:v>
                </c:pt>
                <c:pt idx="6558">
                  <c:v>0.90751658038319949</c:v>
                </c:pt>
                <c:pt idx="6559">
                  <c:v>0.90751658038319949</c:v>
                </c:pt>
                <c:pt idx="6560">
                  <c:v>0.90751658038319949</c:v>
                </c:pt>
                <c:pt idx="6561">
                  <c:v>0.96904312820578931</c:v>
                </c:pt>
                <c:pt idx="6562">
                  <c:v>0.96904312820578931</c:v>
                </c:pt>
                <c:pt idx="6563">
                  <c:v>1.2305309564517961</c:v>
                </c:pt>
                <c:pt idx="6564">
                  <c:v>1.2305309564517961</c:v>
                </c:pt>
                <c:pt idx="6565">
                  <c:v>0.81522675864931482</c:v>
                </c:pt>
                <c:pt idx="6566">
                  <c:v>1.2305309564517961</c:v>
                </c:pt>
                <c:pt idx="6567">
                  <c:v>1.2305309564517961</c:v>
                </c:pt>
                <c:pt idx="6568">
                  <c:v>1.2305309564517961</c:v>
                </c:pt>
                <c:pt idx="6569">
                  <c:v>1.2305309564517961</c:v>
                </c:pt>
                <c:pt idx="6570">
                  <c:v>1.2305309564517961</c:v>
                </c:pt>
                <c:pt idx="6571">
                  <c:v>1.0305696760283791</c:v>
                </c:pt>
                <c:pt idx="6572">
                  <c:v>0.84599003256060967</c:v>
                </c:pt>
                <c:pt idx="6573">
                  <c:v>0.61526547822589805</c:v>
                </c:pt>
                <c:pt idx="6574">
                  <c:v>0.58450220431460309</c:v>
                </c:pt>
                <c:pt idx="6575">
                  <c:v>0.58450220431460309</c:v>
                </c:pt>
                <c:pt idx="6576">
                  <c:v>0.53789022963156463</c:v>
                </c:pt>
                <c:pt idx="6577">
                  <c:v>0.53789022963156463</c:v>
                </c:pt>
                <c:pt idx="6578">
                  <c:v>0.53789022963156463</c:v>
                </c:pt>
                <c:pt idx="6579">
                  <c:v>0.53789022963156463</c:v>
                </c:pt>
                <c:pt idx="6580">
                  <c:v>0.53789022963156463</c:v>
                </c:pt>
                <c:pt idx="6581">
                  <c:v>0.69925729852103402</c:v>
                </c:pt>
                <c:pt idx="6582">
                  <c:v>0.77994083296576866</c:v>
                </c:pt>
                <c:pt idx="6583">
                  <c:v>0.80683534444734695</c:v>
                </c:pt>
                <c:pt idx="6584">
                  <c:v>0.80683534444734695</c:v>
                </c:pt>
                <c:pt idx="6585">
                  <c:v>0.87407162315129239</c:v>
                </c:pt>
                <c:pt idx="6586">
                  <c:v>0.91441339037365976</c:v>
                </c:pt>
                <c:pt idx="6587">
                  <c:v>1.0757804592631293</c:v>
                </c:pt>
                <c:pt idx="6588">
                  <c:v>1.0757804592631293</c:v>
                </c:pt>
                <c:pt idx="6589">
                  <c:v>1.0757804592631293</c:v>
                </c:pt>
                <c:pt idx="6590">
                  <c:v>1.0757804592631293</c:v>
                </c:pt>
                <c:pt idx="6591">
                  <c:v>1.0757804592631293</c:v>
                </c:pt>
                <c:pt idx="6592">
                  <c:v>1.0757804592631293</c:v>
                </c:pt>
                <c:pt idx="6593">
                  <c:v>1.0757804592631293</c:v>
                </c:pt>
                <c:pt idx="6594">
                  <c:v>1.0757804592631293</c:v>
                </c:pt>
                <c:pt idx="6595">
                  <c:v>0.90096613463287079</c:v>
                </c:pt>
                <c:pt idx="6596">
                  <c:v>0.73959906574340128</c:v>
                </c:pt>
                <c:pt idx="6597">
                  <c:v>0.53789022963156463</c:v>
                </c:pt>
                <c:pt idx="6598">
                  <c:v>0.53789022963156463</c:v>
                </c:pt>
                <c:pt idx="6599">
                  <c:v>0.53789022963156463</c:v>
                </c:pt>
                <c:pt idx="6600">
                  <c:v>0.48111556234341396</c:v>
                </c:pt>
                <c:pt idx="6601">
                  <c:v>0.5412550076363406</c:v>
                </c:pt>
                <c:pt idx="6602">
                  <c:v>0.5412550076363406</c:v>
                </c:pt>
                <c:pt idx="6603">
                  <c:v>0.5412550076363406</c:v>
                </c:pt>
                <c:pt idx="6604">
                  <c:v>0.5412550076363406</c:v>
                </c:pt>
                <c:pt idx="6605">
                  <c:v>0.69761756539795017</c:v>
                </c:pt>
                <c:pt idx="6606">
                  <c:v>0.80586856692521835</c:v>
                </c:pt>
                <c:pt idx="6607">
                  <c:v>0.80586856692521835</c:v>
                </c:pt>
                <c:pt idx="6608">
                  <c:v>0.80586856692521835</c:v>
                </c:pt>
                <c:pt idx="6609">
                  <c:v>0.86600801221814505</c:v>
                </c:pt>
                <c:pt idx="6610">
                  <c:v>0.93817534656965718</c:v>
                </c:pt>
                <c:pt idx="6611">
                  <c:v>1.0825100152726812</c:v>
                </c:pt>
                <c:pt idx="6612">
                  <c:v>1.0825100152726812</c:v>
                </c:pt>
                <c:pt idx="6613">
                  <c:v>1.0825100152726812</c:v>
                </c:pt>
                <c:pt idx="6614">
                  <c:v>1.0825100152726812</c:v>
                </c:pt>
                <c:pt idx="6615">
                  <c:v>1.0825100152726812</c:v>
                </c:pt>
                <c:pt idx="6616">
                  <c:v>1.0825100152726812</c:v>
                </c:pt>
                <c:pt idx="6617">
                  <c:v>1.0825100152726812</c:v>
                </c:pt>
                <c:pt idx="6618">
                  <c:v>1.0825100152726812</c:v>
                </c:pt>
                <c:pt idx="6619">
                  <c:v>0.90209167939390111</c:v>
                </c:pt>
                <c:pt idx="6620">
                  <c:v>0.72167334351512102</c:v>
                </c:pt>
                <c:pt idx="6621">
                  <c:v>0.5412550076363406</c:v>
                </c:pt>
                <c:pt idx="6622">
                  <c:v>0.5412550076363406</c:v>
                </c:pt>
                <c:pt idx="6623">
                  <c:v>0.5412550076363406</c:v>
                </c:pt>
                <c:pt idx="6624">
                  <c:v>0.54422910630352639</c:v>
                </c:pt>
                <c:pt idx="6625">
                  <c:v>0.54422910630352639</c:v>
                </c:pt>
                <c:pt idx="6626">
                  <c:v>0.54422910630352639</c:v>
                </c:pt>
                <c:pt idx="6627">
                  <c:v>0.54422910630352639</c:v>
                </c:pt>
                <c:pt idx="6628">
                  <c:v>0.54422910630352639</c:v>
                </c:pt>
                <c:pt idx="6629">
                  <c:v>0.70145084812454517</c:v>
                </c:pt>
                <c:pt idx="6630">
                  <c:v>0.81029666938525058</c:v>
                </c:pt>
                <c:pt idx="6631">
                  <c:v>0.81029666938525058</c:v>
                </c:pt>
                <c:pt idx="6632">
                  <c:v>0.81029666938525058</c:v>
                </c:pt>
                <c:pt idx="6633">
                  <c:v>0.87076657008564229</c:v>
                </c:pt>
                <c:pt idx="6634">
                  <c:v>0.94333045092611234</c:v>
                </c:pt>
                <c:pt idx="6635">
                  <c:v>1.0884582126070528</c:v>
                </c:pt>
                <c:pt idx="6636">
                  <c:v>1.0884582126070528</c:v>
                </c:pt>
                <c:pt idx="6637">
                  <c:v>1.0884582126070528</c:v>
                </c:pt>
                <c:pt idx="6638">
                  <c:v>1.0884582126070528</c:v>
                </c:pt>
                <c:pt idx="6639">
                  <c:v>1.0884582126070528</c:v>
                </c:pt>
                <c:pt idx="6640">
                  <c:v>1.0884582126070528</c:v>
                </c:pt>
                <c:pt idx="6641">
                  <c:v>1.0884582126070528</c:v>
                </c:pt>
                <c:pt idx="6642">
                  <c:v>1.0884582126070528</c:v>
                </c:pt>
                <c:pt idx="6643">
                  <c:v>0.90704851050587731</c:v>
                </c:pt>
                <c:pt idx="6644">
                  <c:v>0.72563880840470196</c:v>
                </c:pt>
                <c:pt idx="6645">
                  <c:v>0.54422910630352639</c:v>
                </c:pt>
                <c:pt idx="6646">
                  <c:v>0.54422910630352639</c:v>
                </c:pt>
                <c:pt idx="6647">
                  <c:v>0.54422910630352639</c:v>
                </c:pt>
                <c:pt idx="6648">
                  <c:v>0.60444263031675394</c:v>
                </c:pt>
                <c:pt idx="6649">
                  <c:v>0.60444263031675394</c:v>
                </c:pt>
                <c:pt idx="6650">
                  <c:v>0.60444263031675394</c:v>
                </c:pt>
                <c:pt idx="6651">
                  <c:v>0.60444263031675394</c:v>
                </c:pt>
                <c:pt idx="6652">
                  <c:v>0.60444263031675394</c:v>
                </c:pt>
                <c:pt idx="6653">
                  <c:v>0.77905939018603843</c:v>
                </c:pt>
                <c:pt idx="6654">
                  <c:v>0.94024409160383937</c:v>
                </c:pt>
                <c:pt idx="6655">
                  <c:v>0.94024409160383937</c:v>
                </c:pt>
                <c:pt idx="6656">
                  <c:v>0.94024409160383937</c:v>
                </c:pt>
                <c:pt idx="6657">
                  <c:v>1.0074043838612565</c:v>
                </c:pt>
                <c:pt idx="6658">
                  <c:v>1.0477005592157067</c:v>
                </c:pt>
                <c:pt idx="6659">
                  <c:v>1.2088852606335079</c:v>
                </c:pt>
                <c:pt idx="6660">
                  <c:v>1.2088852606335079</c:v>
                </c:pt>
                <c:pt idx="6661">
                  <c:v>1.2088852606335079</c:v>
                </c:pt>
                <c:pt idx="6662">
                  <c:v>1.2088852606335079</c:v>
                </c:pt>
                <c:pt idx="6663">
                  <c:v>1.0074043838612565</c:v>
                </c:pt>
                <c:pt idx="6664">
                  <c:v>0.9536761500553228</c:v>
                </c:pt>
                <c:pt idx="6665">
                  <c:v>0.9536761500553228</c:v>
                </c:pt>
                <c:pt idx="6666">
                  <c:v>0.9536761500553228</c:v>
                </c:pt>
                <c:pt idx="6667">
                  <c:v>0.9536761500553228</c:v>
                </c:pt>
                <c:pt idx="6668">
                  <c:v>0.73876321483158802</c:v>
                </c:pt>
                <c:pt idx="6669">
                  <c:v>0.28207322748115182</c:v>
                </c:pt>
                <c:pt idx="6670">
                  <c:v>0.28207322748115182</c:v>
                </c:pt>
                <c:pt idx="6671">
                  <c:v>0.28207322748115182</c:v>
                </c:pt>
                <c:pt idx="6672">
                  <c:v>0.17345238701288196</c:v>
                </c:pt>
                <c:pt idx="6673">
                  <c:v>0.33864513654896006</c:v>
                </c:pt>
                <c:pt idx="6674">
                  <c:v>0.33864513654896006</c:v>
                </c:pt>
                <c:pt idx="6675">
                  <c:v>0.33864513654896006</c:v>
                </c:pt>
                <c:pt idx="6676">
                  <c:v>0.33864513654896006</c:v>
                </c:pt>
                <c:pt idx="6677">
                  <c:v>0.42124151131699916</c:v>
                </c:pt>
                <c:pt idx="6678">
                  <c:v>0.52861679851544985</c:v>
                </c:pt>
                <c:pt idx="6679">
                  <c:v>0.60295353580668498</c:v>
                </c:pt>
                <c:pt idx="6680">
                  <c:v>0.60295353580668498</c:v>
                </c:pt>
                <c:pt idx="6681">
                  <c:v>0.60295353580668498</c:v>
                </c:pt>
                <c:pt idx="6682">
                  <c:v>0.60295353580668498</c:v>
                </c:pt>
                <c:pt idx="6683">
                  <c:v>0.60295353580668498</c:v>
                </c:pt>
                <c:pt idx="6684">
                  <c:v>0.60295353580668498</c:v>
                </c:pt>
                <c:pt idx="6685">
                  <c:v>0.60295353580668498</c:v>
                </c:pt>
                <c:pt idx="6686">
                  <c:v>0.60295353580668498</c:v>
                </c:pt>
                <c:pt idx="6687">
                  <c:v>0.54513607346905768</c:v>
                </c:pt>
                <c:pt idx="6688">
                  <c:v>0.49557824860823418</c:v>
                </c:pt>
                <c:pt idx="6689">
                  <c:v>0.4460204237474108</c:v>
                </c:pt>
                <c:pt idx="6690">
                  <c:v>0.42950114879380297</c:v>
                </c:pt>
                <c:pt idx="6691">
                  <c:v>0.34690477402576392</c:v>
                </c:pt>
                <c:pt idx="6692">
                  <c:v>0.25604876178092101</c:v>
                </c:pt>
                <c:pt idx="6693">
                  <c:v>0.25604876178092101</c:v>
                </c:pt>
                <c:pt idx="6694">
                  <c:v>0.25604876178092101</c:v>
                </c:pt>
                <c:pt idx="6695">
                  <c:v>0.25604876178092101</c:v>
                </c:pt>
                <c:pt idx="6696">
                  <c:v>0.31774506944955966</c:v>
                </c:pt>
                <c:pt idx="6697">
                  <c:v>0.36899427419948871</c:v>
                </c:pt>
                <c:pt idx="6698">
                  <c:v>0.36899427419948871</c:v>
                </c:pt>
                <c:pt idx="6699">
                  <c:v>0.36899427419948871</c:v>
                </c:pt>
                <c:pt idx="6700">
                  <c:v>0.36899427419948871</c:v>
                </c:pt>
                <c:pt idx="6701">
                  <c:v>0.46124284274936084</c:v>
                </c:pt>
                <c:pt idx="6702">
                  <c:v>0.54324157034924725</c:v>
                </c:pt>
                <c:pt idx="6703">
                  <c:v>0.64573997984910514</c:v>
                </c:pt>
                <c:pt idx="6704">
                  <c:v>0.64573997984910514</c:v>
                </c:pt>
                <c:pt idx="6705">
                  <c:v>0.64573997984910514</c:v>
                </c:pt>
                <c:pt idx="6706">
                  <c:v>0.64573997984910514</c:v>
                </c:pt>
                <c:pt idx="6707">
                  <c:v>0.64573997984910514</c:v>
                </c:pt>
                <c:pt idx="6708">
                  <c:v>0.64573997984910514</c:v>
                </c:pt>
                <c:pt idx="6709">
                  <c:v>0.64573997984910514</c:v>
                </c:pt>
                <c:pt idx="6710">
                  <c:v>0.64573997984910514</c:v>
                </c:pt>
                <c:pt idx="6711">
                  <c:v>0.57399109319920461</c:v>
                </c:pt>
                <c:pt idx="6712">
                  <c:v>0.56374125224921867</c:v>
                </c:pt>
                <c:pt idx="6713">
                  <c:v>0.48174252464933248</c:v>
                </c:pt>
                <c:pt idx="6714">
                  <c:v>0.45099300179937507</c:v>
                </c:pt>
                <c:pt idx="6715">
                  <c:v>0.37924411514947443</c:v>
                </c:pt>
                <c:pt idx="6716">
                  <c:v>0.31774506944955966</c:v>
                </c:pt>
                <c:pt idx="6717">
                  <c:v>0.27674570564961648</c:v>
                </c:pt>
                <c:pt idx="6718">
                  <c:v>0.27674570564961648</c:v>
                </c:pt>
                <c:pt idx="6719">
                  <c:v>0.27674570564961648</c:v>
                </c:pt>
                <c:pt idx="6720">
                  <c:v>0.19172297168927771</c:v>
                </c:pt>
                <c:pt idx="6721">
                  <c:v>0.19172297168927771</c:v>
                </c:pt>
                <c:pt idx="6722">
                  <c:v>0.19172297168927771</c:v>
                </c:pt>
                <c:pt idx="6723">
                  <c:v>0.19172297168927771</c:v>
                </c:pt>
                <c:pt idx="6724">
                  <c:v>0.19172297168927771</c:v>
                </c:pt>
                <c:pt idx="6725">
                  <c:v>0.83079954398687017</c:v>
                </c:pt>
                <c:pt idx="6726">
                  <c:v>0.94263794413894897</c:v>
                </c:pt>
                <c:pt idx="6727">
                  <c:v>0.94263794413894897</c:v>
                </c:pt>
                <c:pt idx="6728">
                  <c:v>0.94263794413894897</c:v>
                </c:pt>
                <c:pt idx="6729">
                  <c:v>1.0065456013687082</c:v>
                </c:pt>
                <c:pt idx="6730">
                  <c:v>1.0065456013687082</c:v>
                </c:pt>
                <c:pt idx="6731">
                  <c:v>1.278153144595185</c:v>
                </c:pt>
                <c:pt idx="6732">
                  <c:v>1.278153144595185</c:v>
                </c:pt>
                <c:pt idx="6733">
                  <c:v>0.84677645829431014</c:v>
                </c:pt>
                <c:pt idx="6734">
                  <c:v>1.278153144595185</c:v>
                </c:pt>
                <c:pt idx="6735">
                  <c:v>1.278153144595185</c:v>
                </c:pt>
                <c:pt idx="6736">
                  <c:v>1.278153144595185</c:v>
                </c:pt>
                <c:pt idx="6737">
                  <c:v>1.278153144595185</c:v>
                </c:pt>
                <c:pt idx="6738">
                  <c:v>1.278153144595185</c:v>
                </c:pt>
                <c:pt idx="6739">
                  <c:v>1.0704532585984674</c:v>
                </c:pt>
                <c:pt idx="6740">
                  <c:v>0.87873028690918964</c:v>
                </c:pt>
                <c:pt idx="6741">
                  <c:v>0.63907657229759252</c:v>
                </c:pt>
                <c:pt idx="6742">
                  <c:v>0.6071227436827128</c:v>
                </c:pt>
                <c:pt idx="6743">
                  <c:v>0.6071227436827128</c:v>
                </c:pt>
                <c:pt idx="6744">
                  <c:v>0.55257053353520524</c:v>
                </c:pt>
                <c:pt idx="6745">
                  <c:v>0.55257053353520524</c:v>
                </c:pt>
                <c:pt idx="6746">
                  <c:v>0.55257053353520524</c:v>
                </c:pt>
                <c:pt idx="6747">
                  <c:v>0.55257053353520524</c:v>
                </c:pt>
                <c:pt idx="6748">
                  <c:v>0.55257053353520524</c:v>
                </c:pt>
                <c:pt idx="6749">
                  <c:v>0.71834169359576683</c:v>
                </c:pt>
                <c:pt idx="6750">
                  <c:v>0.80122727362604751</c:v>
                </c:pt>
                <c:pt idx="6751">
                  <c:v>0.82885580030280792</c:v>
                </c:pt>
                <c:pt idx="6752">
                  <c:v>0.82885580030280792</c:v>
                </c:pt>
                <c:pt idx="6753">
                  <c:v>0.8979271169947084</c:v>
                </c:pt>
                <c:pt idx="6754">
                  <c:v>0.9393699070098489</c:v>
                </c:pt>
                <c:pt idx="6755">
                  <c:v>1.1051410670704105</c:v>
                </c:pt>
                <c:pt idx="6756">
                  <c:v>1.1051410670704105</c:v>
                </c:pt>
                <c:pt idx="6757">
                  <c:v>1.1051410670704105</c:v>
                </c:pt>
                <c:pt idx="6758">
                  <c:v>1.1051410670704105</c:v>
                </c:pt>
                <c:pt idx="6759">
                  <c:v>1.1051410670704105</c:v>
                </c:pt>
                <c:pt idx="6760">
                  <c:v>1.1051410670704105</c:v>
                </c:pt>
                <c:pt idx="6761">
                  <c:v>1.1051410670704105</c:v>
                </c:pt>
                <c:pt idx="6762">
                  <c:v>1.1051410670704105</c:v>
                </c:pt>
                <c:pt idx="6763">
                  <c:v>0.92555564367146881</c:v>
                </c:pt>
                <c:pt idx="6764">
                  <c:v>0.75978448361090722</c:v>
                </c:pt>
                <c:pt idx="6765">
                  <c:v>0.55257053353520524</c:v>
                </c:pt>
                <c:pt idx="6766">
                  <c:v>0.55257053353520524</c:v>
                </c:pt>
                <c:pt idx="6767">
                  <c:v>0.55257053353520524</c:v>
                </c:pt>
                <c:pt idx="6768">
                  <c:v>0.48594282003937073</c:v>
                </c:pt>
                <c:pt idx="6769">
                  <c:v>0.54668567254429201</c:v>
                </c:pt>
                <c:pt idx="6770">
                  <c:v>0.54668567254429201</c:v>
                </c:pt>
                <c:pt idx="6771">
                  <c:v>0.54668567254429201</c:v>
                </c:pt>
                <c:pt idx="6772">
                  <c:v>0.54668567254429201</c:v>
                </c:pt>
                <c:pt idx="6773">
                  <c:v>0.70461708905708742</c:v>
                </c:pt>
                <c:pt idx="6774">
                  <c:v>0.81395422356594593</c:v>
                </c:pt>
                <c:pt idx="6775">
                  <c:v>0.81395422356594593</c:v>
                </c:pt>
                <c:pt idx="6776">
                  <c:v>0.81395422356594593</c:v>
                </c:pt>
                <c:pt idx="6777">
                  <c:v>0.87469707607086733</c:v>
                </c:pt>
                <c:pt idx="6778">
                  <c:v>0.94758849907677278</c:v>
                </c:pt>
                <c:pt idx="6779">
                  <c:v>1.093371345088584</c:v>
                </c:pt>
                <c:pt idx="6780">
                  <c:v>1.093371345088584</c:v>
                </c:pt>
                <c:pt idx="6781">
                  <c:v>1.093371345088584</c:v>
                </c:pt>
                <c:pt idx="6782">
                  <c:v>1.093371345088584</c:v>
                </c:pt>
                <c:pt idx="6783">
                  <c:v>1.093371345088584</c:v>
                </c:pt>
                <c:pt idx="6784">
                  <c:v>1.093371345088584</c:v>
                </c:pt>
                <c:pt idx="6785">
                  <c:v>1.093371345088584</c:v>
                </c:pt>
                <c:pt idx="6786">
                  <c:v>1.093371345088584</c:v>
                </c:pt>
                <c:pt idx="6787">
                  <c:v>0.91114278757381995</c:v>
                </c:pt>
                <c:pt idx="6788">
                  <c:v>0.72891423005905609</c:v>
                </c:pt>
                <c:pt idx="6789">
                  <c:v>0.54668567254429201</c:v>
                </c:pt>
                <c:pt idx="6790">
                  <c:v>0.54668567254429201</c:v>
                </c:pt>
                <c:pt idx="6791">
                  <c:v>0.54668567254429201</c:v>
                </c:pt>
                <c:pt idx="6792">
                  <c:v>0.54886963048683379</c:v>
                </c:pt>
                <c:pt idx="6793">
                  <c:v>0.54886963048683379</c:v>
                </c:pt>
                <c:pt idx="6794">
                  <c:v>0.54886963048683379</c:v>
                </c:pt>
                <c:pt idx="6795">
                  <c:v>0.54886963048683379</c:v>
                </c:pt>
                <c:pt idx="6796">
                  <c:v>0.54886963048683379</c:v>
                </c:pt>
                <c:pt idx="6797">
                  <c:v>0.70743196818303022</c:v>
                </c:pt>
                <c:pt idx="6798">
                  <c:v>0.81720589428039714</c:v>
                </c:pt>
                <c:pt idx="6799">
                  <c:v>0.81720589428039714</c:v>
                </c:pt>
                <c:pt idx="6800">
                  <c:v>0.81720589428039714</c:v>
                </c:pt>
                <c:pt idx="6801">
                  <c:v>0.8781914087789342</c:v>
                </c:pt>
                <c:pt idx="6802">
                  <c:v>0.95137402617717859</c:v>
                </c:pt>
                <c:pt idx="6803">
                  <c:v>1.0977392609736676</c:v>
                </c:pt>
                <c:pt idx="6804">
                  <c:v>1.0977392609736676</c:v>
                </c:pt>
                <c:pt idx="6805">
                  <c:v>1.0977392609736676</c:v>
                </c:pt>
                <c:pt idx="6806">
                  <c:v>1.0977392609736676</c:v>
                </c:pt>
                <c:pt idx="6807">
                  <c:v>1.0977392609736676</c:v>
                </c:pt>
                <c:pt idx="6808">
                  <c:v>1.0977392609736676</c:v>
                </c:pt>
                <c:pt idx="6809">
                  <c:v>1.0977392609736676</c:v>
                </c:pt>
                <c:pt idx="6810">
                  <c:v>1.0977392609736676</c:v>
                </c:pt>
                <c:pt idx="6811">
                  <c:v>0.9147827174780564</c:v>
                </c:pt>
                <c:pt idx="6812">
                  <c:v>0.73182617398244509</c:v>
                </c:pt>
                <c:pt idx="6813">
                  <c:v>0.54886963048683379</c:v>
                </c:pt>
                <c:pt idx="6814">
                  <c:v>0.54886963048683379</c:v>
                </c:pt>
                <c:pt idx="6815">
                  <c:v>0.54886963048683379</c:v>
                </c:pt>
                <c:pt idx="6816">
                  <c:v>0.60571306377489464</c:v>
                </c:pt>
                <c:pt idx="6817">
                  <c:v>0.60571306377489464</c:v>
                </c:pt>
                <c:pt idx="6818">
                  <c:v>0.60571306377489464</c:v>
                </c:pt>
                <c:pt idx="6819">
                  <c:v>0.60571306377489464</c:v>
                </c:pt>
                <c:pt idx="6820">
                  <c:v>0.60571306377489464</c:v>
                </c:pt>
                <c:pt idx="6821">
                  <c:v>0.78069683775430876</c:v>
                </c:pt>
                <c:pt idx="6822">
                  <c:v>0.94222032142761414</c:v>
                </c:pt>
                <c:pt idx="6823">
                  <c:v>0.94222032142761414</c:v>
                </c:pt>
                <c:pt idx="6824">
                  <c:v>0.94222032142761414</c:v>
                </c:pt>
                <c:pt idx="6825">
                  <c:v>1.0095217729581578</c:v>
                </c:pt>
                <c:pt idx="6826">
                  <c:v>1.0499026438764842</c:v>
                </c:pt>
                <c:pt idx="6827">
                  <c:v>1.2114261275497893</c:v>
                </c:pt>
                <c:pt idx="6828">
                  <c:v>1.2114261275497893</c:v>
                </c:pt>
                <c:pt idx="6829">
                  <c:v>1.2114261275497893</c:v>
                </c:pt>
                <c:pt idx="6830">
                  <c:v>1.2114261275497893</c:v>
                </c:pt>
                <c:pt idx="6831">
                  <c:v>1.0095217729581578</c:v>
                </c:pt>
                <c:pt idx="6832">
                  <c:v>0.95568061173372298</c:v>
                </c:pt>
                <c:pt idx="6833">
                  <c:v>0.95568061173372298</c:v>
                </c:pt>
                <c:pt idx="6834">
                  <c:v>0.95568061173372298</c:v>
                </c:pt>
                <c:pt idx="6835">
                  <c:v>0.95568061173372298</c:v>
                </c:pt>
                <c:pt idx="6836">
                  <c:v>0.74031596683598244</c:v>
                </c:pt>
                <c:pt idx="6837">
                  <c:v>0.28266609642828422</c:v>
                </c:pt>
                <c:pt idx="6838">
                  <c:v>0.28266609642828422</c:v>
                </c:pt>
                <c:pt idx="6839">
                  <c:v>0.28266609642828422</c:v>
                </c:pt>
                <c:pt idx="6840">
                  <c:v>0.16693237387805218</c:v>
                </c:pt>
                <c:pt idx="6841">
                  <c:v>0.32591558709524476</c:v>
                </c:pt>
                <c:pt idx="6842">
                  <c:v>0.32591558709524476</c:v>
                </c:pt>
                <c:pt idx="6843">
                  <c:v>0.32591558709524476</c:v>
                </c:pt>
                <c:pt idx="6844">
                  <c:v>0.32591558709524476</c:v>
                </c:pt>
                <c:pt idx="6845">
                  <c:v>0.40540719370384104</c:v>
                </c:pt>
                <c:pt idx="6846">
                  <c:v>0.50874628229501617</c:v>
                </c:pt>
                <c:pt idx="6847">
                  <c:v>0.58028872824275279</c:v>
                </c:pt>
                <c:pt idx="6848">
                  <c:v>0.58028872824275279</c:v>
                </c:pt>
                <c:pt idx="6849">
                  <c:v>0.58028872824275279</c:v>
                </c:pt>
                <c:pt idx="6850">
                  <c:v>0.58028872824275279</c:v>
                </c:pt>
                <c:pt idx="6851">
                  <c:v>0.58028872824275279</c:v>
                </c:pt>
                <c:pt idx="6852">
                  <c:v>0.58028872824275279</c:v>
                </c:pt>
                <c:pt idx="6853">
                  <c:v>0.58028872824275279</c:v>
                </c:pt>
                <c:pt idx="6854">
                  <c:v>0.58028872824275279</c:v>
                </c:pt>
                <c:pt idx="6855">
                  <c:v>0.52464460361673537</c:v>
                </c:pt>
                <c:pt idx="6856">
                  <c:v>0.47694963965157761</c:v>
                </c:pt>
                <c:pt idx="6857">
                  <c:v>0.42925467568641995</c:v>
                </c:pt>
                <c:pt idx="6858">
                  <c:v>0.41335635436470064</c:v>
                </c:pt>
                <c:pt idx="6859">
                  <c:v>0.33386474775610436</c:v>
                </c:pt>
                <c:pt idx="6860">
                  <c:v>0.24642398048664843</c:v>
                </c:pt>
                <c:pt idx="6861">
                  <c:v>0.24642398048664843</c:v>
                </c:pt>
                <c:pt idx="6862">
                  <c:v>0.24642398048664843</c:v>
                </c:pt>
                <c:pt idx="6863">
                  <c:v>0.24642398048664843</c:v>
                </c:pt>
                <c:pt idx="6864">
                  <c:v>0.29343661866300053</c:v>
                </c:pt>
                <c:pt idx="6865">
                  <c:v>0.34076510554412964</c:v>
                </c:pt>
                <c:pt idx="6866">
                  <c:v>0.34076510554412964</c:v>
                </c:pt>
                <c:pt idx="6867">
                  <c:v>0.34076510554412964</c:v>
                </c:pt>
                <c:pt idx="6868">
                  <c:v>0.34076510554412964</c:v>
                </c:pt>
                <c:pt idx="6869">
                  <c:v>0.42595638193016205</c:v>
                </c:pt>
                <c:pt idx="6870">
                  <c:v>0.50168196093996875</c:v>
                </c:pt>
                <c:pt idx="6871">
                  <c:v>0.59633893470222687</c:v>
                </c:pt>
                <c:pt idx="6872">
                  <c:v>0.59633893470222687</c:v>
                </c:pt>
                <c:pt idx="6873">
                  <c:v>0.59633893470222687</c:v>
                </c:pt>
                <c:pt idx="6874">
                  <c:v>0.59633893470222687</c:v>
                </c:pt>
                <c:pt idx="6875">
                  <c:v>0.59633893470222687</c:v>
                </c:pt>
                <c:pt idx="6876">
                  <c:v>0.59633893470222687</c:v>
                </c:pt>
                <c:pt idx="6877">
                  <c:v>0.59633893470222687</c:v>
                </c:pt>
                <c:pt idx="6878">
                  <c:v>0.59633893470222687</c:v>
                </c:pt>
                <c:pt idx="6879">
                  <c:v>0.53007905306864611</c:v>
                </c:pt>
                <c:pt idx="6880">
                  <c:v>0.52061335569242029</c:v>
                </c:pt>
                <c:pt idx="6881">
                  <c:v>0.4448877766826137</c:v>
                </c:pt>
                <c:pt idx="6882">
                  <c:v>0.41649068455393629</c:v>
                </c:pt>
                <c:pt idx="6883">
                  <c:v>0.35023080292035547</c:v>
                </c:pt>
                <c:pt idx="6884">
                  <c:v>0.29343661866300053</c:v>
                </c:pt>
                <c:pt idx="6885">
                  <c:v>0.25557382915809729</c:v>
                </c:pt>
                <c:pt idx="6886">
                  <c:v>0.25557382915809729</c:v>
                </c:pt>
                <c:pt idx="6887">
                  <c:v>0.25557382915809729</c:v>
                </c:pt>
                <c:pt idx="6888">
                  <c:v>0.19066470084164686</c:v>
                </c:pt>
                <c:pt idx="6889">
                  <c:v>0.19066470084164686</c:v>
                </c:pt>
                <c:pt idx="6890">
                  <c:v>0.19066470084164686</c:v>
                </c:pt>
                <c:pt idx="6891">
                  <c:v>0.19066470084164686</c:v>
                </c:pt>
                <c:pt idx="6892">
                  <c:v>0.19066470084164686</c:v>
                </c:pt>
                <c:pt idx="6893">
                  <c:v>0.82621370364713653</c:v>
                </c:pt>
                <c:pt idx="6894">
                  <c:v>0.93743477913809714</c:v>
                </c:pt>
                <c:pt idx="6895">
                  <c:v>0.93743477913809714</c:v>
                </c:pt>
                <c:pt idx="6896">
                  <c:v>0.93743477913809714</c:v>
                </c:pt>
                <c:pt idx="6897">
                  <c:v>1.0009896794186461</c:v>
                </c:pt>
                <c:pt idx="6898">
                  <c:v>1.0009896794186461</c:v>
                </c:pt>
                <c:pt idx="6899">
                  <c:v>1.2710980056109793</c:v>
                </c:pt>
                <c:pt idx="6900">
                  <c:v>1.2710980056109793</c:v>
                </c:pt>
                <c:pt idx="6901">
                  <c:v>0.84210242871727381</c:v>
                </c:pt>
                <c:pt idx="6902">
                  <c:v>1.2710980056109793</c:v>
                </c:pt>
                <c:pt idx="6903">
                  <c:v>1.2710980056109793</c:v>
                </c:pt>
                <c:pt idx="6904">
                  <c:v>1.2710980056109793</c:v>
                </c:pt>
                <c:pt idx="6905">
                  <c:v>1.2710980056109793</c:v>
                </c:pt>
                <c:pt idx="6906">
                  <c:v>1.2710980056109793</c:v>
                </c:pt>
                <c:pt idx="6907">
                  <c:v>1.064544579699195</c:v>
                </c:pt>
                <c:pt idx="6908">
                  <c:v>0.87387987885754814</c:v>
                </c:pt>
                <c:pt idx="6909">
                  <c:v>0.63554900280548965</c:v>
                </c:pt>
                <c:pt idx="6910">
                  <c:v>0.60377155266521509</c:v>
                </c:pt>
                <c:pt idx="6911">
                  <c:v>0.60377155266521509</c:v>
                </c:pt>
                <c:pt idx="6912">
                  <c:v>0.56416024714334279</c:v>
                </c:pt>
                <c:pt idx="6913">
                  <c:v>0.56416024714334279</c:v>
                </c:pt>
                <c:pt idx="6914">
                  <c:v>0.56416024714334279</c:v>
                </c:pt>
                <c:pt idx="6915">
                  <c:v>0.56416024714334279</c:v>
                </c:pt>
                <c:pt idx="6916">
                  <c:v>0.56416024714334279</c:v>
                </c:pt>
                <c:pt idx="6917">
                  <c:v>0.73340832128634548</c:v>
                </c:pt>
                <c:pt idx="6918">
                  <c:v>0.81803235835784693</c:v>
                </c:pt>
                <c:pt idx="6919">
                  <c:v>0.84624037071501423</c:v>
                </c:pt>
                <c:pt idx="6920">
                  <c:v>0.84624037071501423</c:v>
                </c:pt>
                <c:pt idx="6921">
                  <c:v>0.91676040160793193</c:v>
                </c:pt>
                <c:pt idx="6922">
                  <c:v>0.95907242014368255</c:v>
                </c:pt>
                <c:pt idx="6923">
                  <c:v>1.1283204942866856</c:v>
                </c:pt>
                <c:pt idx="6924">
                  <c:v>1.1283204942866856</c:v>
                </c:pt>
                <c:pt idx="6925">
                  <c:v>1.1283204942866856</c:v>
                </c:pt>
                <c:pt idx="6926">
                  <c:v>1.1283204942866856</c:v>
                </c:pt>
                <c:pt idx="6927">
                  <c:v>1.1283204942866856</c:v>
                </c:pt>
                <c:pt idx="6928">
                  <c:v>1.1283204942866856</c:v>
                </c:pt>
                <c:pt idx="6929">
                  <c:v>1.1283204942866856</c:v>
                </c:pt>
                <c:pt idx="6930">
                  <c:v>1.1283204942866856</c:v>
                </c:pt>
                <c:pt idx="6931">
                  <c:v>0.94496841396509912</c:v>
                </c:pt>
                <c:pt idx="6932">
                  <c:v>0.77572033982209632</c:v>
                </c:pt>
                <c:pt idx="6933">
                  <c:v>0.56416024714334279</c:v>
                </c:pt>
                <c:pt idx="6934">
                  <c:v>0.56416024714334279</c:v>
                </c:pt>
                <c:pt idx="6935">
                  <c:v>0.56416024714334279</c:v>
                </c:pt>
                <c:pt idx="6936">
                  <c:v>0.49145968597760697</c:v>
                </c:pt>
                <c:pt idx="6937">
                  <c:v>0.5528921467248078</c:v>
                </c:pt>
                <c:pt idx="6938">
                  <c:v>0.5528921467248078</c:v>
                </c:pt>
                <c:pt idx="6939">
                  <c:v>0.5528921467248078</c:v>
                </c:pt>
                <c:pt idx="6940">
                  <c:v>0.5528921467248078</c:v>
                </c:pt>
                <c:pt idx="6941">
                  <c:v>0.71261654466753011</c:v>
                </c:pt>
                <c:pt idx="6942">
                  <c:v>0.82319497401249175</c:v>
                </c:pt>
                <c:pt idx="6943">
                  <c:v>0.82319497401249175</c:v>
                </c:pt>
                <c:pt idx="6944">
                  <c:v>0.82319497401249175</c:v>
                </c:pt>
                <c:pt idx="6945">
                  <c:v>0.88462743475969252</c:v>
                </c:pt>
                <c:pt idx="6946">
                  <c:v>0.95834638765633351</c:v>
                </c:pt>
                <c:pt idx="6947">
                  <c:v>1.1057842934496156</c:v>
                </c:pt>
                <c:pt idx="6948">
                  <c:v>1.1057842934496156</c:v>
                </c:pt>
                <c:pt idx="6949">
                  <c:v>1.1057842934496156</c:v>
                </c:pt>
                <c:pt idx="6950">
                  <c:v>1.1057842934496156</c:v>
                </c:pt>
                <c:pt idx="6951">
                  <c:v>1.1057842934496156</c:v>
                </c:pt>
                <c:pt idx="6952">
                  <c:v>1.1057842934496156</c:v>
                </c:pt>
                <c:pt idx="6953">
                  <c:v>1.1057842934496156</c:v>
                </c:pt>
                <c:pt idx="6954">
                  <c:v>1.1057842934496156</c:v>
                </c:pt>
                <c:pt idx="6955">
                  <c:v>0.92148691120801307</c:v>
                </c:pt>
                <c:pt idx="6956">
                  <c:v>0.73718952896641055</c:v>
                </c:pt>
                <c:pt idx="6957">
                  <c:v>0.5528921467248078</c:v>
                </c:pt>
                <c:pt idx="6958">
                  <c:v>0.5528921467248078</c:v>
                </c:pt>
                <c:pt idx="6959">
                  <c:v>0.5528921467248078</c:v>
                </c:pt>
                <c:pt idx="6960">
                  <c:v>0.55892409955066669</c:v>
                </c:pt>
                <c:pt idx="6961">
                  <c:v>0.55892409955066669</c:v>
                </c:pt>
                <c:pt idx="6962">
                  <c:v>0.55892409955066669</c:v>
                </c:pt>
                <c:pt idx="6963">
                  <c:v>0.55892409955066669</c:v>
                </c:pt>
                <c:pt idx="6964">
                  <c:v>0.55892409955066669</c:v>
                </c:pt>
                <c:pt idx="6965">
                  <c:v>0.72039106164308153</c:v>
                </c:pt>
                <c:pt idx="6966">
                  <c:v>0.83217588155321509</c:v>
                </c:pt>
                <c:pt idx="6967">
                  <c:v>0.83217588155321509</c:v>
                </c:pt>
                <c:pt idx="6968">
                  <c:v>0.83217588155321509</c:v>
                </c:pt>
                <c:pt idx="6969">
                  <c:v>0.89427855928106681</c:v>
                </c:pt>
                <c:pt idx="6970">
                  <c:v>0.96880177255448907</c:v>
                </c:pt>
                <c:pt idx="6971">
                  <c:v>1.1178481991013334</c:v>
                </c:pt>
                <c:pt idx="6972">
                  <c:v>1.1178481991013334</c:v>
                </c:pt>
                <c:pt idx="6973">
                  <c:v>1.1178481991013334</c:v>
                </c:pt>
                <c:pt idx="6974">
                  <c:v>1.1178481991013334</c:v>
                </c:pt>
                <c:pt idx="6975">
                  <c:v>1.1178481991013334</c:v>
                </c:pt>
                <c:pt idx="6976">
                  <c:v>1.1178481991013334</c:v>
                </c:pt>
                <c:pt idx="6977">
                  <c:v>1.1178481991013334</c:v>
                </c:pt>
                <c:pt idx="6978">
                  <c:v>1.1178481991013334</c:v>
                </c:pt>
                <c:pt idx="6979">
                  <c:v>0.93154016591777788</c:v>
                </c:pt>
                <c:pt idx="6980">
                  <c:v>0.74523213273422229</c:v>
                </c:pt>
                <c:pt idx="6981">
                  <c:v>0.55892409955066669</c:v>
                </c:pt>
                <c:pt idx="6982">
                  <c:v>0.55892409955066669</c:v>
                </c:pt>
                <c:pt idx="6983">
                  <c:v>0.55892409955066669</c:v>
                </c:pt>
                <c:pt idx="6984">
                  <c:v>0.63754799683607877</c:v>
                </c:pt>
                <c:pt idx="6985">
                  <c:v>0.63754799683607877</c:v>
                </c:pt>
                <c:pt idx="6986">
                  <c:v>0.63754799683607877</c:v>
                </c:pt>
                <c:pt idx="6987">
                  <c:v>0.63754799683607877</c:v>
                </c:pt>
                <c:pt idx="6988">
                  <c:v>0.63754799683607877</c:v>
                </c:pt>
                <c:pt idx="6989">
                  <c:v>0.82172852925539042</c:v>
                </c:pt>
                <c:pt idx="6990">
                  <c:v>0.99174132841167828</c:v>
                </c:pt>
                <c:pt idx="6991">
                  <c:v>0.99174132841167828</c:v>
                </c:pt>
                <c:pt idx="6992">
                  <c:v>0.99174132841167828</c:v>
                </c:pt>
                <c:pt idx="6993">
                  <c:v>1.062579994726798</c:v>
                </c:pt>
                <c:pt idx="6994">
                  <c:v>1.1050831945158699</c:v>
                </c:pt>
                <c:pt idx="6995">
                  <c:v>1.2750959936721575</c:v>
                </c:pt>
                <c:pt idx="6996">
                  <c:v>1.2750959936721575</c:v>
                </c:pt>
                <c:pt idx="6997">
                  <c:v>1.2750959936721575</c:v>
                </c:pt>
                <c:pt idx="6998">
                  <c:v>1.2750959936721575</c:v>
                </c:pt>
                <c:pt idx="6999">
                  <c:v>1.062579994726798</c:v>
                </c:pt>
                <c:pt idx="7000">
                  <c:v>1.0059090616747022</c:v>
                </c:pt>
                <c:pt idx="7001">
                  <c:v>1.0059090616747022</c:v>
                </c:pt>
                <c:pt idx="7002">
                  <c:v>1.0059090616747022</c:v>
                </c:pt>
                <c:pt idx="7003">
                  <c:v>1.0059090616747022</c:v>
                </c:pt>
                <c:pt idx="7004">
                  <c:v>0.77922532946631851</c:v>
                </c:pt>
                <c:pt idx="7005">
                  <c:v>0.29752239852350343</c:v>
                </c:pt>
                <c:pt idx="7006">
                  <c:v>0.29752239852350343</c:v>
                </c:pt>
                <c:pt idx="7007">
                  <c:v>0.29752239852350343</c:v>
                </c:pt>
                <c:pt idx="7008">
                  <c:v>0.21257246582186057</c:v>
                </c:pt>
                <c:pt idx="7009">
                  <c:v>0.41502243327125166</c:v>
                </c:pt>
                <c:pt idx="7010">
                  <c:v>0.41502243327125166</c:v>
                </c:pt>
                <c:pt idx="7011">
                  <c:v>0.41502243327125166</c:v>
                </c:pt>
                <c:pt idx="7012">
                  <c:v>0.41502243327125166</c:v>
                </c:pt>
                <c:pt idx="7013">
                  <c:v>0.51624741699594723</c:v>
                </c:pt>
                <c:pt idx="7014">
                  <c:v>0.64783989583805135</c:v>
                </c:pt>
                <c:pt idx="7015">
                  <c:v>0.73894238119027733</c:v>
                </c:pt>
                <c:pt idx="7016">
                  <c:v>0.73894238119027733</c:v>
                </c:pt>
                <c:pt idx="7017">
                  <c:v>0.73894238119027733</c:v>
                </c:pt>
                <c:pt idx="7018">
                  <c:v>0.73894238119027733</c:v>
                </c:pt>
                <c:pt idx="7019">
                  <c:v>0.73894238119027733</c:v>
                </c:pt>
                <c:pt idx="7020">
                  <c:v>0.73894238119027733</c:v>
                </c:pt>
                <c:pt idx="7021">
                  <c:v>0.73894238119027733</c:v>
                </c:pt>
                <c:pt idx="7022">
                  <c:v>0.73894238119027733</c:v>
                </c:pt>
                <c:pt idx="7023">
                  <c:v>0.66808489258299042</c:v>
                </c:pt>
                <c:pt idx="7024">
                  <c:v>0.6073499023481731</c:v>
                </c:pt>
                <c:pt idx="7025">
                  <c:v>0.54661491211335589</c:v>
                </c:pt>
                <c:pt idx="7026">
                  <c:v>0.52636991536841671</c:v>
                </c:pt>
                <c:pt idx="7027">
                  <c:v>0.42514493164372114</c:v>
                </c:pt>
                <c:pt idx="7028">
                  <c:v>0.31379744954655608</c:v>
                </c:pt>
                <c:pt idx="7029">
                  <c:v>0.31379744954655608</c:v>
                </c:pt>
                <c:pt idx="7030">
                  <c:v>0.31379744954655608</c:v>
                </c:pt>
                <c:pt idx="7031">
                  <c:v>0.31379744954655608</c:v>
                </c:pt>
                <c:pt idx="7032">
                  <c:v>0.35056147801141435</c:v>
                </c:pt>
                <c:pt idx="7033">
                  <c:v>0.40710365188422315</c:v>
                </c:pt>
                <c:pt idx="7034">
                  <c:v>0.40710365188422315</c:v>
                </c:pt>
                <c:pt idx="7035">
                  <c:v>0.40710365188422315</c:v>
                </c:pt>
                <c:pt idx="7036">
                  <c:v>0.40710365188422315</c:v>
                </c:pt>
                <c:pt idx="7037">
                  <c:v>0.50887956485527897</c:v>
                </c:pt>
                <c:pt idx="7038">
                  <c:v>0.59934704305177289</c:v>
                </c:pt>
                <c:pt idx="7039">
                  <c:v>0.7124313907973906</c:v>
                </c:pt>
                <c:pt idx="7040">
                  <c:v>0.7124313907973906</c:v>
                </c:pt>
                <c:pt idx="7041">
                  <c:v>0.7124313907973906</c:v>
                </c:pt>
                <c:pt idx="7042">
                  <c:v>0.7124313907973906</c:v>
                </c:pt>
                <c:pt idx="7043">
                  <c:v>0.7124313907973906</c:v>
                </c:pt>
                <c:pt idx="7044">
                  <c:v>0.7124313907973906</c:v>
                </c:pt>
                <c:pt idx="7045">
                  <c:v>0.7124313907973906</c:v>
                </c:pt>
                <c:pt idx="7046">
                  <c:v>0.7124313907973906</c:v>
                </c:pt>
                <c:pt idx="7047">
                  <c:v>0.63327234737545834</c:v>
                </c:pt>
                <c:pt idx="7048">
                  <c:v>0.62196391260089645</c:v>
                </c:pt>
                <c:pt idx="7049">
                  <c:v>0.53149643440440242</c:v>
                </c:pt>
                <c:pt idx="7050">
                  <c:v>0.49757113008071724</c:v>
                </c:pt>
                <c:pt idx="7051">
                  <c:v>0.41841208665878493</c:v>
                </c:pt>
                <c:pt idx="7052">
                  <c:v>0.35056147801141435</c:v>
                </c:pt>
                <c:pt idx="7053">
                  <c:v>0.30532773891316739</c:v>
                </c:pt>
                <c:pt idx="7054">
                  <c:v>0.30532773891316739</c:v>
                </c:pt>
                <c:pt idx="7055">
                  <c:v>0.30532773891316739</c:v>
                </c:pt>
                <c:pt idx="7056">
                  <c:v>0.1907969846976007</c:v>
                </c:pt>
                <c:pt idx="7057">
                  <c:v>0.1907969846976007</c:v>
                </c:pt>
                <c:pt idx="7058">
                  <c:v>0.1907969846976007</c:v>
                </c:pt>
                <c:pt idx="7059">
                  <c:v>0.1907969846976007</c:v>
                </c:pt>
                <c:pt idx="7060">
                  <c:v>0.1907969846976007</c:v>
                </c:pt>
                <c:pt idx="7061">
                  <c:v>0.8267869336896031</c:v>
                </c:pt>
                <c:pt idx="7062">
                  <c:v>0.93808517476320352</c:v>
                </c:pt>
                <c:pt idx="7063">
                  <c:v>0.93808517476320352</c:v>
                </c:pt>
                <c:pt idx="7064">
                  <c:v>0.93808517476320352</c:v>
                </c:pt>
                <c:pt idx="7065">
                  <c:v>1.0016841696624037</c:v>
                </c:pt>
                <c:pt idx="7066">
                  <c:v>1.0016841696624037</c:v>
                </c:pt>
                <c:pt idx="7067">
                  <c:v>1.2719798979840051</c:v>
                </c:pt>
                <c:pt idx="7068">
                  <c:v>1.2719798979840051</c:v>
                </c:pt>
                <c:pt idx="7069">
                  <c:v>0.84268668241440314</c:v>
                </c:pt>
                <c:pt idx="7070">
                  <c:v>1.2719798979840051</c:v>
                </c:pt>
                <c:pt idx="7071">
                  <c:v>1.2719798979840051</c:v>
                </c:pt>
                <c:pt idx="7072">
                  <c:v>1.2719798979840051</c:v>
                </c:pt>
                <c:pt idx="7073">
                  <c:v>1.2719798979840051</c:v>
                </c:pt>
                <c:pt idx="7074">
                  <c:v>1.2719798979840051</c:v>
                </c:pt>
                <c:pt idx="7075">
                  <c:v>1.0652831645616039</c:v>
                </c:pt>
                <c:pt idx="7076">
                  <c:v>0.87448617986400334</c:v>
                </c:pt>
                <c:pt idx="7077">
                  <c:v>0.63598994899200256</c:v>
                </c:pt>
                <c:pt idx="7078">
                  <c:v>0.60419045154240236</c:v>
                </c:pt>
                <c:pt idx="7079">
                  <c:v>0.60419045154240236</c:v>
                </c:pt>
                <c:pt idx="7080">
                  <c:v>0.55372950489601913</c:v>
                </c:pt>
                <c:pt idx="7081">
                  <c:v>0.55372950489601913</c:v>
                </c:pt>
                <c:pt idx="7082">
                  <c:v>0.55372950489601913</c:v>
                </c:pt>
                <c:pt idx="7083">
                  <c:v>0.55372950489601913</c:v>
                </c:pt>
                <c:pt idx="7084">
                  <c:v>0.55372950489601913</c:v>
                </c:pt>
                <c:pt idx="7085">
                  <c:v>0.71984835636482492</c:v>
                </c:pt>
                <c:pt idx="7086">
                  <c:v>0.80290778209922775</c:v>
                </c:pt>
                <c:pt idx="7087">
                  <c:v>0.8305942573440287</c:v>
                </c:pt>
                <c:pt idx="7088">
                  <c:v>0.8305942573440287</c:v>
                </c:pt>
                <c:pt idx="7089">
                  <c:v>0.89981044545603106</c:v>
                </c:pt>
                <c:pt idx="7090">
                  <c:v>0.94134015832323248</c:v>
                </c:pt>
                <c:pt idx="7091">
                  <c:v>1.1074590097920383</c:v>
                </c:pt>
                <c:pt idx="7092">
                  <c:v>1.1074590097920383</c:v>
                </c:pt>
                <c:pt idx="7093">
                  <c:v>1.1074590097920383</c:v>
                </c:pt>
                <c:pt idx="7094">
                  <c:v>1.1074590097920383</c:v>
                </c:pt>
                <c:pt idx="7095">
                  <c:v>1.1074590097920383</c:v>
                </c:pt>
                <c:pt idx="7096">
                  <c:v>1.1074590097920383</c:v>
                </c:pt>
                <c:pt idx="7097">
                  <c:v>1.1074590097920383</c:v>
                </c:pt>
                <c:pt idx="7098">
                  <c:v>1.1074590097920383</c:v>
                </c:pt>
                <c:pt idx="7099">
                  <c:v>0.92749692070083212</c:v>
                </c:pt>
                <c:pt idx="7100">
                  <c:v>0.76137806923202633</c:v>
                </c:pt>
                <c:pt idx="7101">
                  <c:v>0.55372950489601913</c:v>
                </c:pt>
                <c:pt idx="7102">
                  <c:v>0.55372950489601913</c:v>
                </c:pt>
                <c:pt idx="7103">
                  <c:v>0.55372950489601913</c:v>
                </c:pt>
                <c:pt idx="7104">
                  <c:v>0.49490772718900466</c:v>
                </c:pt>
                <c:pt idx="7105">
                  <c:v>0.55677119308763034</c:v>
                </c:pt>
                <c:pt idx="7106">
                  <c:v>0.55677119308763034</c:v>
                </c:pt>
                <c:pt idx="7107">
                  <c:v>0.55677119308763034</c:v>
                </c:pt>
                <c:pt idx="7108">
                  <c:v>0.55677119308763034</c:v>
                </c:pt>
                <c:pt idx="7109">
                  <c:v>0.71761620442405682</c:v>
                </c:pt>
                <c:pt idx="7110">
                  <c:v>0.82897044304158285</c:v>
                </c:pt>
                <c:pt idx="7111">
                  <c:v>0.82897044304158285</c:v>
                </c:pt>
                <c:pt idx="7112">
                  <c:v>0.82897044304158285</c:v>
                </c:pt>
                <c:pt idx="7113">
                  <c:v>0.89083390894020842</c:v>
                </c:pt>
                <c:pt idx="7114">
                  <c:v>0.96507006801855921</c:v>
                </c:pt>
                <c:pt idx="7115">
                  <c:v>1.1135423861752607</c:v>
                </c:pt>
                <c:pt idx="7116">
                  <c:v>1.1135423861752607</c:v>
                </c:pt>
                <c:pt idx="7117">
                  <c:v>1.1135423861752607</c:v>
                </c:pt>
                <c:pt idx="7118">
                  <c:v>1.1135423861752607</c:v>
                </c:pt>
                <c:pt idx="7119">
                  <c:v>1.1135423861752607</c:v>
                </c:pt>
                <c:pt idx="7120">
                  <c:v>1.1135423861752607</c:v>
                </c:pt>
                <c:pt idx="7121">
                  <c:v>1.1135423861752607</c:v>
                </c:pt>
                <c:pt idx="7122">
                  <c:v>1.1135423861752607</c:v>
                </c:pt>
                <c:pt idx="7123">
                  <c:v>0.92795198847938387</c:v>
                </c:pt>
                <c:pt idx="7124">
                  <c:v>0.74236159078350705</c:v>
                </c:pt>
                <c:pt idx="7125">
                  <c:v>0.55677119308763034</c:v>
                </c:pt>
                <c:pt idx="7126">
                  <c:v>0.55677119308763034</c:v>
                </c:pt>
                <c:pt idx="7127">
                  <c:v>0.55677119308763034</c:v>
                </c:pt>
                <c:pt idx="7128">
                  <c:v>0.55853738920205787</c:v>
                </c:pt>
                <c:pt idx="7129">
                  <c:v>0.55853738920205787</c:v>
                </c:pt>
                <c:pt idx="7130">
                  <c:v>0.55853738920205787</c:v>
                </c:pt>
                <c:pt idx="7131">
                  <c:v>0.55853738920205787</c:v>
                </c:pt>
                <c:pt idx="7132">
                  <c:v>0.55853738920205787</c:v>
                </c:pt>
                <c:pt idx="7133">
                  <c:v>0.71989263497154121</c:v>
                </c:pt>
                <c:pt idx="7134">
                  <c:v>0.8316001128119529</c:v>
                </c:pt>
                <c:pt idx="7135">
                  <c:v>0.8316001128119529</c:v>
                </c:pt>
                <c:pt idx="7136">
                  <c:v>0.8316001128119529</c:v>
                </c:pt>
                <c:pt idx="7137">
                  <c:v>0.89365982272329259</c:v>
                </c:pt>
                <c:pt idx="7138">
                  <c:v>0.9681314746169003</c:v>
                </c:pt>
                <c:pt idx="7139">
                  <c:v>1.1170747784041157</c:v>
                </c:pt>
                <c:pt idx="7140">
                  <c:v>1.1170747784041157</c:v>
                </c:pt>
                <c:pt idx="7141">
                  <c:v>1.1170747784041157</c:v>
                </c:pt>
                <c:pt idx="7142">
                  <c:v>1.1170747784041157</c:v>
                </c:pt>
                <c:pt idx="7143">
                  <c:v>1.1170747784041157</c:v>
                </c:pt>
                <c:pt idx="7144">
                  <c:v>1.1170747784041157</c:v>
                </c:pt>
                <c:pt idx="7145">
                  <c:v>1.1170747784041157</c:v>
                </c:pt>
                <c:pt idx="7146">
                  <c:v>1.1170747784041157</c:v>
                </c:pt>
                <c:pt idx="7147">
                  <c:v>0.93089564867009655</c:v>
                </c:pt>
                <c:pt idx="7148">
                  <c:v>0.74471651893607715</c:v>
                </c:pt>
                <c:pt idx="7149">
                  <c:v>0.55853738920205787</c:v>
                </c:pt>
                <c:pt idx="7150">
                  <c:v>0.55853738920205787</c:v>
                </c:pt>
                <c:pt idx="7151">
                  <c:v>0.55853738920205787</c:v>
                </c:pt>
                <c:pt idx="7152">
                  <c:v>0.63293973806844128</c:v>
                </c:pt>
                <c:pt idx="7153">
                  <c:v>0.63293973806844128</c:v>
                </c:pt>
                <c:pt idx="7154">
                  <c:v>0.63293973806844128</c:v>
                </c:pt>
                <c:pt idx="7155">
                  <c:v>0.63293973806844128</c:v>
                </c:pt>
                <c:pt idx="7156">
                  <c:v>0.63293973806844128</c:v>
                </c:pt>
                <c:pt idx="7157">
                  <c:v>0.81578899573265762</c:v>
                </c:pt>
                <c:pt idx="7158">
                  <c:v>0.98457292588424195</c:v>
                </c:pt>
                <c:pt idx="7159">
                  <c:v>0.98457292588424195</c:v>
                </c:pt>
                <c:pt idx="7160">
                  <c:v>0.98457292588424195</c:v>
                </c:pt>
                <c:pt idx="7161">
                  <c:v>1.0548995634474023</c:v>
                </c:pt>
                <c:pt idx="7162">
                  <c:v>1.097095545985298</c:v>
                </c:pt>
                <c:pt idx="7163">
                  <c:v>1.2658794761368826</c:v>
                </c:pt>
                <c:pt idx="7164">
                  <c:v>1.2658794761368826</c:v>
                </c:pt>
                <c:pt idx="7165">
                  <c:v>1.2658794761368826</c:v>
                </c:pt>
                <c:pt idx="7166">
                  <c:v>1.2658794761368826</c:v>
                </c:pt>
                <c:pt idx="7167">
                  <c:v>1.0548995634474023</c:v>
                </c:pt>
                <c:pt idx="7168">
                  <c:v>0.99863825339687418</c:v>
                </c:pt>
                <c:pt idx="7169">
                  <c:v>0.99863825339687418</c:v>
                </c:pt>
                <c:pt idx="7170">
                  <c:v>0.99863825339687418</c:v>
                </c:pt>
                <c:pt idx="7171">
                  <c:v>0.99863825339687418</c:v>
                </c:pt>
                <c:pt idx="7172">
                  <c:v>0.77359301319476159</c:v>
                </c:pt>
                <c:pt idx="7173">
                  <c:v>0.29537187776527263</c:v>
                </c:pt>
                <c:pt idx="7174">
                  <c:v>0.29537187776527263</c:v>
                </c:pt>
                <c:pt idx="7175">
                  <c:v>0.29537187776527263</c:v>
                </c:pt>
                <c:pt idx="7176">
                  <c:v>0.21619469534121047</c:v>
                </c:pt>
                <c:pt idx="7177">
                  <c:v>0.42209440518998237</c:v>
                </c:pt>
                <c:pt idx="7178">
                  <c:v>0.42209440518998237</c:v>
                </c:pt>
                <c:pt idx="7179">
                  <c:v>0.42209440518998237</c:v>
                </c:pt>
                <c:pt idx="7180">
                  <c:v>0.42209440518998237</c:v>
                </c:pt>
                <c:pt idx="7181">
                  <c:v>0.52504426011436833</c:v>
                </c:pt>
                <c:pt idx="7182">
                  <c:v>0.65887907151607006</c:v>
                </c:pt>
                <c:pt idx="7183">
                  <c:v>0.75153394094801729</c:v>
                </c:pt>
                <c:pt idx="7184">
                  <c:v>0.75153394094801729</c:v>
                </c:pt>
                <c:pt idx="7185">
                  <c:v>0.75153394094801729</c:v>
                </c:pt>
                <c:pt idx="7186">
                  <c:v>0.75153394094801729</c:v>
                </c:pt>
                <c:pt idx="7187">
                  <c:v>0.75153394094801729</c:v>
                </c:pt>
                <c:pt idx="7188">
                  <c:v>0.75153394094801729</c:v>
                </c:pt>
                <c:pt idx="7189">
                  <c:v>0.75153394094801729</c:v>
                </c:pt>
                <c:pt idx="7190">
                  <c:v>0.75153394094801729</c:v>
                </c:pt>
                <c:pt idx="7191">
                  <c:v>0.6794690425009472</c:v>
                </c:pt>
                <c:pt idx="7192">
                  <c:v>0.61769912954631567</c:v>
                </c:pt>
                <c:pt idx="7193">
                  <c:v>0.55592921659168404</c:v>
                </c:pt>
                <c:pt idx="7194">
                  <c:v>0.5353392456068069</c:v>
                </c:pt>
                <c:pt idx="7195">
                  <c:v>0.43238939068242094</c:v>
                </c:pt>
                <c:pt idx="7196">
                  <c:v>0.31914455026559641</c:v>
                </c:pt>
                <c:pt idx="7197">
                  <c:v>0.31914455026559641</c:v>
                </c:pt>
                <c:pt idx="7198">
                  <c:v>0.31914455026559641</c:v>
                </c:pt>
                <c:pt idx="7199">
                  <c:v>0.31914455026559641</c:v>
                </c:pt>
                <c:pt idx="7200">
                  <c:v>0.38459330911259709</c:v>
                </c:pt>
                <c:pt idx="7201">
                  <c:v>0.44662448800172566</c:v>
                </c:pt>
                <c:pt idx="7202">
                  <c:v>0.44662448800172566</c:v>
                </c:pt>
                <c:pt idx="7203">
                  <c:v>0.44662448800172566</c:v>
                </c:pt>
                <c:pt idx="7204">
                  <c:v>0.44662448800172566</c:v>
                </c:pt>
                <c:pt idx="7205">
                  <c:v>0.55828061000215712</c:v>
                </c:pt>
                <c:pt idx="7206">
                  <c:v>0.65753049622476267</c:v>
                </c:pt>
                <c:pt idx="7207">
                  <c:v>0.78159285400301992</c:v>
                </c:pt>
                <c:pt idx="7208">
                  <c:v>0.78159285400301992</c:v>
                </c:pt>
                <c:pt idx="7209">
                  <c:v>0.78159285400301992</c:v>
                </c:pt>
                <c:pt idx="7210">
                  <c:v>0.78159285400301992</c:v>
                </c:pt>
                <c:pt idx="7211">
                  <c:v>0.78159285400301992</c:v>
                </c:pt>
                <c:pt idx="7212">
                  <c:v>0.78159285400301992</c:v>
                </c:pt>
                <c:pt idx="7213">
                  <c:v>0.78159285400301992</c:v>
                </c:pt>
                <c:pt idx="7214">
                  <c:v>0.78159285400301992</c:v>
                </c:pt>
                <c:pt idx="7215">
                  <c:v>0.69474920355823988</c:v>
                </c:pt>
                <c:pt idx="7216">
                  <c:v>0.68234296778041414</c:v>
                </c:pt>
                <c:pt idx="7217">
                  <c:v>0.58309308155780848</c:v>
                </c:pt>
                <c:pt idx="7218">
                  <c:v>0.54587437422433138</c:v>
                </c:pt>
                <c:pt idx="7219">
                  <c:v>0.4590307237795514</c:v>
                </c:pt>
                <c:pt idx="7220">
                  <c:v>0.38459330911259709</c:v>
                </c:pt>
                <c:pt idx="7221">
                  <c:v>0.33496836600129426</c:v>
                </c:pt>
                <c:pt idx="7222">
                  <c:v>0.33496836600129426</c:v>
                </c:pt>
                <c:pt idx="7223">
                  <c:v>0.33496836600129426</c:v>
                </c:pt>
                <c:pt idx="7224">
                  <c:v>0.20318462622741251</c:v>
                </c:pt>
                <c:pt idx="7225">
                  <c:v>0.20318462622741251</c:v>
                </c:pt>
                <c:pt idx="7226">
                  <c:v>0.20318462622741251</c:v>
                </c:pt>
                <c:pt idx="7227">
                  <c:v>0.20318462622741251</c:v>
                </c:pt>
                <c:pt idx="7228">
                  <c:v>0.20318462622741251</c:v>
                </c:pt>
                <c:pt idx="7229">
                  <c:v>0.88046671365212092</c:v>
                </c:pt>
                <c:pt idx="7230">
                  <c:v>0.9989910789514449</c:v>
                </c:pt>
                <c:pt idx="7231">
                  <c:v>0.9989910789514449</c:v>
                </c:pt>
                <c:pt idx="7232">
                  <c:v>0.9989910789514449</c:v>
                </c:pt>
                <c:pt idx="7233">
                  <c:v>1.0667192876939158</c:v>
                </c:pt>
                <c:pt idx="7234">
                  <c:v>1.0667192876939158</c:v>
                </c:pt>
                <c:pt idx="7235">
                  <c:v>1.3545641748494168</c:v>
                </c:pt>
                <c:pt idx="7236">
                  <c:v>1.3545641748494168</c:v>
                </c:pt>
                <c:pt idx="7237">
                  <c:v>0.8973987658377387</c:v>
                </c:pt>
                <c:pt idx="7238">
                  <c:v>1.3545641748494168</c:v>
                </c:pt>
                <c:pt idx="7239">
                  <c:v>1.3545641748494168</c:v>
                </c:pt>
                <c:pt idx="7240">
                  <c:v>1.3545641748494168</c:v>
                </c:pt>
                <c:pt idx="7241">
                  <c:v>1.3545641748494168</c:v>
                </c:pt>
                <c:pt idx="7242">
                  <c:v>1.3545641748494168</c:v>
                </c:pt>
                <c:pt idx="7243">
                  <c:v>1.1344474964363866</c:v>
                </c:pt>
                <c:pt idx="7244">
                  <c:v>0.93126287020897403</c:v>
                </c:pt>
                <c:pt idx="7245">
                  <c:v>0.67728208742470841</c:v>
                </c:pt>
                <c:pt idx="7246">
                  <c:v>0.64341798305347297</c:v>
                </c:pt>
                <c:pt idx="7247">
                  <c:v>0.64341798305347297</c:v>
                </c:pt>
                <c:pt idx="7248">
                  <c:v>0.60935848948791038</c:v>
                </c:pt>
                <c:pt idx="7249">
                  <c:v>0.60935848948791038</c:v>
                </c:pt>
                <c:pt idx="7250">
                  <c:v>0.60935848948791038</c:v>
                </c:pt>
                <c:pt idx="7251">
                  <c:v>0.60935848948791038</c:v>
                </c:pt>
                <c:pt idx="7252">
                  <c:v>0.60935848948791038</c:v>
                </c:pt>
                <c:pt idx="7253">
                  <c:v>0.7921660363342834</c:v>
                </c:pt>
                <c:pt idx="7254">
                  <c:v>0.8835698097574699</c:v>
                </c:pt>
                <c:pt idx="7255">
                  <c:v>0.91403773423186541</c:v>
                </c:pt>
                <c:pt idx="7256">
                  <c:v>0.91403773423186541</c:v>
                </c:pt>
                <c:pt idx="7257">
                  <c:v>0.99020754541785416</c:v>
                </c:pt>
                <c:pt idx="7258">
                  <c:v>1.0359094321294473</c:v>
                </c:pt>
                <c:pt idx="7259">
                  <c:v>1.2187169789758208</c:v>
                </c:pt>
                <c:pt idx="7260">
                  <c:v>1.2187169789758208</c:v>
                </c:pt>
                <c:pt idx="7261">
                  <c:v>1.2187169789758208</c:v>
                </c:pt>
                <c:pt idx="7262">
                  <c:v>1.2187169789758208</c:v>
                </c:pt>
                <c:pt idx="7263">
                  <c:v>1.2187169789758208</c:v>
                </c:pt>
                <c:pt idx="7264">
                  <c:v>1.2187169789758208</c:v>
                </c:pt>
                <c:pt idx="7265">
                  <c:v>1.2187169789758208</c:v>
                </c:pt>
                <c:pt idx="7266">
                  <c:v>1.2187169789758208</c:v>
                </c:pt>
                <c:pt idx="7267">
                  <c:v>1.0206754698922498</c:v>
                </c:pt>
                <c:pt idx="7268">
                  <c:v>0.83786792304587665</c:v>
                </c:pt>
                <c:pt idx="7269">
                  <c:v>0.60935848948791038</c:v>
                </c:pt>
                <c:pt idx="7270">
                  <c:v>0.60935848948791038</c:v>
                </c:pt>
                <c:pt idx="7271">
                  <c:v>0.60935848948791038</c:v>
                </c:pt>
                <c:pt idx="7272">
                  <c:v>0.54386844799878376</c:v>
                </c:pt>
                <c:pt idx="7273">
                  <c:v>0.6118520039986316</c:v>
                </c:pt>
                <c:pt idx="7274">
                  <c:v>0.6118520039986316</c:v>
                </c:pt>
                <c:pt idx="7275">
                  <c:v>0.6118520039986316</c:v>
                </c:pt>
                <c:pt idx="7276">
                  <c:v>0.6118520039986316</c:v>
                </c:pt>
                <c:pt idx="7277">
                  <c:v>0.78860924959823642</c:v>
                </c:pt>
                <c:pt idx="7278">
                  <c:v>0.9109796503979628</c:v>
                </c:pt>
                <c:pt idx="7279">
                  <c:v>0.9109796503979628</c:v>
                </c:pt>
                <c:pt idx="7280">
                  <c:v>0.9109796503979628</c:v>
                </c:pt>
                <c:pt idx="7281">
                  <c:v>0.97896320639781076</c:v>
                </c:pt>
                <c:pt idx="7282">
                  <c:v>1.0605434735976282</c:v>
                </c:pt>
                <c:pt idx="7283">
                  <c:v>1.2237040079972632</c:v>
                </c:pt>
                <c:pt idx="7284">
                  <c:v>1.2237040079972632</c:v>
                </c:pt>
                <c:pt idx="7285">
                  <c:v>1.2237040079972632</c:v>
                </c:pt>
                <c:pt idx="7286">
                  <c:v>1.2237040079972632</c:v>
                </c:pt>
                <c:pt idx="7287">
                  <c:v>1.2237040079972632</c:v>
                </c:pt>
                <c:pt idx="7288">
                  <c:v>1.2237040079972632</c:v>
                </c:pt>
                <c:pt idx="7289">
                  <c:v>1.2237040079972632</c:v>
                </c:pt>
                <c:pt idx="7290">
                  <c:v>1.2237040079972632</c:v>
                </c:pt>
                <c:pt idx="7291">
                  <c:v>1.0197533399977197</c:v>
                </c:pt>
                <c:pt idx="7292">
                  <c:v>0.81580267199817569</c:v>
                </c:pt>
                <c:pt idx="7293">
                  <c:v>0.6118520039986316</c:v>
                </c:pt>
                <c:pt idx="7294">
                  <c:v>0.6118520039986316</c:v>
                </c:pt>
                <c:pt idx="7295">
                  <c:v>0.6118520039986316</c:v>
                </c:pt>
                <c:pt idx="7296">
                  <c:v>0.5939772247627102</c:v>
                </c:pt>
                <c:pt idx="7297">
                  <c:v>0.5939772247627102</c:v>
                </c:pt>
                <c:pt idx="7298">
                  <c:v>0.5939772247627102</c:v>
                </c:pt>
                <c:pt idx="7299">
                  <c:v>0.5939772247627102</c:v>
                </c:pt>
                <c:pt idx="7300">
                  <c:v>0.5939772247627102</c:v>
                </c:pt>
                <c:pt idx="7301">
                  <c:v>0.7655706452497153</c:v>
                </c:pt>
                <c:pt idx="7302">
                  <c:v>0.88436609020225754</c:v>
                </c:pt>
                <c:pt idx="7303">
                  <c:v>0.88436609020225754</c:v>
                </c:pt>
                <c:pt idx="7304">
                  <c:v>0.88436609020225754</c:v>
                </c:pt>
                <c:pt idx="7305">
                  <c:v>0.95036355962033636</c:v>
                </c:pt>
                <c:pt idx="7306">
                  <c:v>1.029560522922031</c:v>
                </c:pt>
                <c:pt idx="7307">
                  <c:v>1.1879544495254204</c:v>
                </c:pt>
                <c:pt idx="7308">
                  <c:v>1.1879544495254204</c:v>
                </c:pt>
                <c:pt idx="7309">
                  <c:v>1.1879544495254204</c:v>
                </c:pt>
                <c:pt idx="7310">
                  <c:v>1.1879544495254204</c:v>
                </c:pt>
                <c:pt idx="7311">
                  <c:v>1.1879544495254204</c:v>
                </c:pt>
                <c:pt idx="7312">
                  <c:v>1.1879544495254204</c:v>
                </c:pt>
                <c:pt idx="7313">
                  <c:v>1.1879544495254204</c:v>
                </c:pt>
                <c:pt idx="7314">
                  <c:v>1.1879544495254204</c:v>
                </c:pt>
                <c:pt idx="7315">
                  <c:v>0.9899620412711837</c:v>
                </c:pt>
                <c:pt idx="7316">
                  <c:v>0.79196963301694689</c:v>
                </c:pt>
                <c:pt idx="7317">
                  <c:v>0.5939772247627102</c:v>
                </c:pt>
                <c:pt idx="7318">
                  <c:v>0.5939772247627102</c:v>
                </c:pt>
                <c:pt idx="7319">
                  <c:v>0.5939772247627102</c:v>
                </c:pt>
                <c:pt idx="7320">
                  <c:v>0.62556652404022173</c:v>
                </c:pt>
                <c:pt idx="7321">
                  <c:v>0.62556652404022173</c:v>
                </c:pt>
                <c:pt idx="7322">
                  <c:v>0.62556652404022173</c:v>
                </c:pt>
                <c:pt idx="7323">
                  <c:v>0.62556652404022173</c:v>
                </c:pt>
                <c:pt idx="7324">
                  <c:v>0.62556652404022173</c:v>
                </c:pt>
                <c:pt idx="7325">
                  <c:v>0.80628574209628567</c:v>
                </c:pt>
                <c:pt idx="7326">
                  <c:v>0.97310348184034501</c:v>
                </c:pt>
                <c:pt idx="7327">
                  <c:v>0.97310348184034501</c:v>
                </c:pt>
                <c:pt idx="7328">
                  <c:v>0.97310348184034501</c:v>
                </c:pt>
                <c:pt idx="7329">
                  <c:v>1.0426108734003696</c:v>
                </c:pt>
                <c:pt idx="7330">
                  <c:v>1.0843153083363841</c:v>
                </c:pt>
                <c:pt idx="7331">
                  <c:v>1.2511330480804435</c:v>
                </c:pt>
                <c:pt idx="7332">
                  <c:v>1.2511330480804435</c:v>
                </c:pt>
                <c:pt idx="7333">
                  <c:v>1.2511330480804435</c:v>
                </c:pt>
                <c:pt idx="7334">
                  <c:v>1.2511330480804435</c:v>
                </c:pt>
                <c:pt idx="7335">
                  <c:v>1.0426108734003696</c:v>
                </c:pt>
                <c:pt idx="7336">
                  <c:v>0.98700496015234984</c:v>
                </c:pt>
                <c:pt idx="7337">
                  <c:v>0.98700496015234984</c:v>
                </c:pt>
                <c:pt idx="7338">
                  <c:v>0.98700496015234984</c:v>
                </c:pt>
                <c:pt idx="7339">
                  <c:v>0.98700496015234984</c:v>
                </c:pt>
                <c:pt idx="7340">
                  <c:v>0.76458130716027095</c:v>
                </c:pt>
                <c:pt idx="7341">
                  <c:v>0.29193104455210345</c:v>
                </c:pt>
                <c:pt idx="7342">
                  <c:v>0.29193104455210345</c:v>
                </c:pt>
                <c:pt idx="7343">
                  <c:v>0.29193104455210345</c:v>
                </c:pt>
                <c:pt idx="7344">
                  <c:v>0.19663465593672116</c:v>
                </c:pt>
                <c:pt idx="7345">
                  <c:v>0.3839057568288366</c:v>
                </c:pt>
                <c:pt idx="7346">
                  <c:v>0.3839057568288366</c:v>
                </c:pt>
                <c:pt idx="7347">
                  <c:v>0.3839057568288366</c:v>
                </c:pt>
                <c:pt idx="7348">
                  <c:v>0.3839057568288366</c:v>
                </c:pt>
                <c:pt idx="7349">
                  <c:v>0.47754130727489424</c:v>
                </c:pt>
                <c:pt idx="7350">
                  <c:v>0.59926752285476936</c:v>
                </c:pt>
                <c:pt idx="7351">
                  <c:v>0.68353951825622128</c:v>
                </c:pt>
                <c:pt idx="7352">
                  <c:v>0.68353951825622128</c:v>
                </c:pt>
                <c:pt idx="7353">
                  <c:v>0.68353951825622128</c:v>
                </c:pt>
                <c:pt idx="7354">
                  <c:v>0.68353951825622128</c:v>
                </c:pt>
                <c:pt idx="7355">
                  <c:v>0.68353951825622128</c:v>
                </c:pt>
                <c:pt idx="7356">
                  <c:v>0.68353951825622128</c:v>
                </c:pt>
                <c:pt idx="7357">
                  <c:v>0.68353951825622128</c:v>
                </c:pt>
                <c:pt idx="7358">
                  <c:v>0.68353951825622128</c:v>
                </c:pt>
                <c:pt idx="7359">
                  <c:v>0.61799463294398072</c:v>
                </c:pt>
                <c:pt idx="7360">
                  <c:v>0.56181330267634622</c:v>
                </c:pt>
                <c:pt idx="7361">
                  <c:v>0.50563197240871161</c:v>
                </c:pt>
                <c:pt idx="7362">
                  <c:v>0.48690486231949998</c:v>
                </c:pt>
                <c:pt idx="7363">
                  <c:v>0.39326931187344233</c:v>
                </c:pt>
                <c:pt idx="7364">
                  <c:v>0.29027020638277889</c:v>
                </c:pt>
                <c:pt idx="7365">
                  <c:v>0.29027020638277889</c:v>
                </c:pt>
                <c:pt idx="7366">
                  <c:v>0.29027020638277889</c:v>
                </c:pt>
                <c:pt idx="7367">
                  <c:v>0.29027020638277889</c:v>
                </c:pt>
                <c:pt idx="7368">
                  <c:v>0.32382218214619946</c:v>
                </c:pt>
                <c:pt idx="7369">
                  <c:v>0.37605156636332843</c:v>
                </c:pt>
                <c:pt idx="7370">
                  <c:v>0.37605156636332843</c:v>
                </c:pt>
                <c:pt idx="7371">
                  <c:v>0.37605156636332843</c:v>
                </c:pt>
                <c:pt idx="7372">
                  <c:v>0.37605156636332843</c:v>
                </c:pt>
                <c:pt idx="7373">
                  <c:v>0.47006445795416041</c:v>
                </c:pt>
                <c:pt idx="7374">
                  <c:v>0.55363147270156687</c:v>
                </c:pt>
                <c:pt idx="7375">
                  <c:v>0.65809024113582459</c:v>
                </c:pt>
                <c:pt idx="7376">
                  <c:v>0.65809024113582459</c:v>
                </c:pt>
                <c:pt idx="7377">
                  <c:v>0.65809024113582459</c:v>
                </c:pt>
                <c:pt idx="7378">
                  <c:v>0.65809024113582459</c:v>
                </c:pt>
                <c:pt idx="7379">
                  <c:v>0.65809024113582459</c:v>
                </c:pt>
                <c:pt idx="7380">
                  <c:v>0.65809024113582459</c:v>
                </c:pt>
                <c:pt idx="7381">
                  <c:v>0.65809024113582459</c:v>
                </c:pt>
                <c:pt idx="7382">
                  <c:v>0.65809024113582459</c:v>
                </c:pt>
                <c:pt idx="7383">
                  <c:v>0.58496910323184415</c:v>
                </c:pt>
                <c:pt idx="7384">
                  <c:v>0.57452322638841835</c:v>
                </c:pt>
                <c:pt idx="7385">
                  <c:v>0.49095621164101205</c:v>
                </c:pt>
                <c:pt idx="7386">
                  <c:v>0.45961858111073478</c:v>
                </c:pt>
                <c:pt idx="7387">
                  <c:v>0.38649744320675422</c:v>
                </c:pt>
                <c:pt idx="7388">
                  <c:v>0.32382218214619946</c:v>
                </c:pt>
                <c:pt idx="7389">
                  <c:v>0.28203867477249633</c:v>
                </c:pt>
                <c:pt idx="7390">
                  <c:v>0.28203867477249633</c:v>
                </c:pt>
                <c:pt idx="7391">
                  <c:v>0.28203867477249633</c:v>
                </c:pt>
                <c:pt idx="7392">
                  <c:v>0.19159068783332392</c:v>
                </c:pt>
                <c:pt idx="7393">
                  <c:v>0.19159068783332392</c:v>
                </c:pt>
                <c:pt idx="7394">
                  <c:v>0.19159068783332392</c:v>
                </c:pt>
                <c:pt idx="7395">
                  <c:v>0.19159068783332392</c:v>
                </c:pt>
                <c:pt idx="7396">
                  <c:v>0.19159068783332392</c:v>
                </c:pt>
                <c:pt idx="7397">
                  <c:v>0.8302263139444036</c:v>
                </c:pt>
                <c:pt idx="7398">
                  <c:v>0.94198754851384248</c:v>
                </c:pt>
                <c:pt idx="7399">
                  <c:v>0.94198754851384248</c:v>
                </c:pt>
                <c:pt idx="7400">
                  <c:v>0.94198754851384248</c:v>
                </c:pt>
                <c:pt idx="7401">
                  <c:v>1.0058511111249506</c:v>
                </c:pt>
                <c:pt idx="7402">
                  <c:v>1.0058511111249506</c:v>
                </c:pt>
                <c:pt idx="7403">
                  <c:v>1.2772712522221594</c:v>
                </c:pt>
                <c:pt idx="7404">
                  <c:v>1.2772712522221594</c:v>
                </c:pt>
                <c:pt idx="7405">
                  <c:v>0.8461922045971807</c:v>
                </c:pt>
                <c:pt idx="7406">
                  <c:v>1.2772712522221594</c:v>
                </c:pt>
                <c:pt idx="7407">
                  <c:v>1.2772712522221594</c:v>
                </c:pt>
                <c:pt idx="7408">
                  <c:v>1.2772712522221594</c:v>
                </c:pt>
                <c:pt idx="7409">
                  <c:v>1.2772712522221594</c:v>
                </c:pt>
                <c:pt idx="7410">
                  <c:v>1.2772712522221594</c:v>
                </c:pt>
                <c:pt idx="7411">
                  <c:v>1.0697146737360586</c:v>
                </c:pt>
                <c:pt idx="7412">
                  <c:v>0.87812398590273455</c:v>
                </c:pt>
                <c:pt idx="7413">
                  <c:v>0.63863562611107971</c:v>
                </c:pt>
                <c:pt idx="7414">
                  <c:v>0.60670384480552575</c:v>
                </c:pt>
                <c:pt idx="7415">
                  <c:v>0.60670384480552575</c:v>
                </c:pt>
                <c:pt idx="7416">
                  <c:v>0.56068333306090135</c:v>
                </c:pt>
                <c:pt idx="7417">
                  <c:v>0.56068333306090135</c:v>
                </c:pt>
                <c:pt idx="7418">
                  <c:v>0.56068333306090135</c:v>
                </c:pt>
                <c:pt idx="7419">
                  <c:v>0.56068333306090135</c:v>
                </c:pt>
                <c:pt idx="7420">
                  <c:v>0.56068333306090135</c:v>
                </c:pt>
                <c:pt idx="7421">
                  <c:v>0.72888833297917177</c:v>
                </c:pt>
                <c:pt idx="7422">
                  <c:v>0.81299083293830687</c:v>
                </c:pt>
                <c:pt idx="7423">
                  <c:v>0.84102499959135202</c:v>
                </c:pt>
                <c:pt idx="7424">
                  <c:v>0.84102499959135202</c:v>
                </c:pt>
                <c:pt idx="7425">
                  <c:v>0.9111104162239646</c:v>
                </c:pt>
                <c:pt idx="7426">
                  <c:v>0.95316166620353227</c:v>
                </c:pt>
                <c:pt idx="7427">
                  <c:v>1.1213666661218027</c:v>
                </c:pt>
                <c:pt idx="7428">
                  <c:v>1.1213666661218027</c:v>
                </c:pt>
                <c:pt idx="7429">
                  <c:v>1.1213666661218027</c:v>
                </c:pt>
                <c:pt idx="7430">
                  <c:v>1.1213666661218027</c:v>
                </c:pt>
                <c:pt idx="7431">
                  <c:v>1.1213666661218027</c:v>
                </c:pt>
                <c:pt idx="7432">
                  <c:v>1.1213666661218027</c:v>
                </c:pt>
                <c:pt idx="7433">
                  <c:v>1.1213666661218027</c:v>
                </c:pt>
                <c:pt idx="7434">
                  <c:v>1.1213666661218027</c:v>
                </c:pt>
                <c:pt idx="7435">
                  <c:v>0.93914458287700975</c:v>
                </c:pt>
                <c:pt idx="7436">
                  <c:v>0.77093958295873932</c:v>
                </c:pt>
                <c:pt idx="7437">
                  <c:v>0.56068333306090135</c:v>
                </c:pt>
                <c:pt idx="7438">
                  <c:v>0.56068333306090135</c:v>
                </c:pt>
                <c:pt idx="7439">
                  <c:v>0.56068333306090135</c:v>
                </c:pt>
                <c:pt idx="7440">
                  <c:v>0.50111420136952067</c:v>
                </c:pt>
                <c:pt idx="7441">
                  <c:v>0.56375347654071073</c:v>
                </c:pt>
                <c:pt idx="7442">
                  <c:v>0.56375347654071073</c:v>
                </c:pt>
                <c:pt idx="7443">
                  <c:v>0.56375347654071073</c:v>
                </c:pt>
                <c:pt idx="7444">
                  <c:v>0.56375347654071073</c:v>
                </c:pt>
                <c:pt idx="7445">
                  <c:v>0.72661559198580494</c:v>
                </c:pt>
                <c:pt idx="7446">
                  <c:v>0.83936628729394691</c:v>
                </c:pt>
                <c:pt idx="7447">
                  <c:v>0.83936628729394691</c:v>
                </c:pt>
                <c:pt idx="7448">
                  <c:v>0.83936628729394691</c:v>
                </c:pt>
                <c:pt idx="7449">
                  <c:v>0.90200556246513708</c:v>
                </c:pt>
                <c:pt idx="7450">
                  <c:v>0.97717269267056495</c:v>
                </c:pt>
                <c:pt idx="7451">
                  <c:v>1.1275069530814215</c:v>
                </c:pt>
                <c:pt idx="7452">
                  <c:v>1.1275069530814215</c:v>
                </c:pt>
                <c:pt idx="7453">
                  <c:v>1.1275069530814215</c:v>
                </c:pt>
                <c:pt idx="7454">
                  <c:v>1.1275069530814215</c:v>
                </c:pt>
                <c:pt idx="7455">
                  <c:v>1.1275069530814215</c:v>
                </c:pt>
                <c:pt idx="7456">
                  <c:v>1.1275069530814215</c:v>
                </c:pt>
                <c:pt idx="7457">
                  <c:v>1.1275069530814215</c:v>
                </c:pt>
                <c:pt idx="7458">
                  <c:v>1.1275069530814215</c:v>
                </c:pt>
                <c:pt idx="7459">
                  <c:v>0.93958912756785118</c:v>
                </c:pt>
                <c:pt idx="7460">
                  <c:v>0.7516713020542809</c:v>
                </c:pt>
                <c:pt idx="7461">
                  <c:v>0.56375347654071073</c:v>
                </c:pt>
                <c:pt idx="7462">
                  <c:v>0.56375347654071073</c:v>
                </c:pt>
                <c:pt idx="7463">
                  <c:v>0.56375347654071073</c:v>
                </c:pt>
                <c:pt idx="7464">
                  <c:v>0.56549817547701886</c:v>
                </c:pt>
                <c:pt idx="7465">
                  <c:v>0.56549817547701886</c:v>
                </c:pt>
                <c:pt idx="7466">
                  <c:v>0.56549817547701886</c:v>
                </c:pt>
                <c:pt idx="7467">
                  <c:v>0.56549817547701886</c:v>
                </c:pt>
                <c:pt idx="7468">
                  <c:v>0.56549817547701886</c:v>
                </c:pt>
                <c:pt idx="7469">
                  <c:v>0.72886431505926874</c:v>
                </c:pt>
                <c:pt idx="7470">
                  <c:v>0.84196395015467262</c:v>
                </c:pt>
                <c:pt idx="7471">
                  <c:v>0.84196395015467262</c:v>
                </c:pt>
                <c:pt idx="7472">
                  <c:v>0.84196395015467262</c:v>
                </c:pt>
                <c:pt idx="7473">
                  <c:v>0.90479708076323029</c:v>
                </c:pt>
                <c:pt idx="7474">
                  <c:v>0.98019683749349951</c:v>
                </c:pt>
                <c:pt idx="7475">
                  <c:v>1.1309963509540377</c:v>
                </c:pt>
                <c:pt idx="7476">
                  <c:v>1.1309963509540377</c:v>
                </c:pt>
                <c:pt idx="7477">
                  <c:v>1.1309963509540377</c:v>
                </c:pt>
                <c:pt idx="7478">
                  <c:v>1.1309963509540377</c:v>
                </c:pt>
                <c:pt idx="7479">
                  <c:v>1.1309963509540377</c:v>
                </c:pt>
                <c:pt idx="7480">
                  <c:v>1.1309963509540377</c:v>
                </c:pt>
                <c:pt idx="7481">
                  <c:v>1.1309963509540377</c:v>
                </c:pt>
                <c:pt idx="7482">
                  <c:v>1.1309963509540377</c:v>
                </c:pt>
                <c:pt idx="7483">
                  <c:v>0.94249695912836495</c:v>
                </c:pt>
                <c:pt idx="7484">
                  <c:v>0.75399756730269196</c:v>
                </c:pt>
                <c:pt idx="7485">
                  <c:v>0.56549817547701886</c:v>
                </c:pt>
                <c:pt idx="7486">
                  <c:v>0.56549817547701886</c:v>
                </c:pt>
                <c:pt idx="7487">
                  <c:v>0.56549817547701886</c:v>
                </c:pt>
                <c:pt idx="7488">
                  <c:v>0.61630000925940154</c:v>
                </c:pt>
                <c:pt idx="7489">
                  <c:v>0.61630000925940154</c:v>
                </c:pt>
                <c:pt idx="7490">
                  <c:v>0.61630000925940154</c:v>
                </c:pt>
                <c:pt idx="7491">
                  <c:v>0.61630000925940154</c:v>
                </c:pt>
                <c:pt idx="7492">
                  <c:v>0.61630000925940154</c:v>
                </c:pt>
                <c:pt idx="7493">
                  <c:v>0.79434223415656191</c:v>
                </c:pt>
                <c:pt idx="7494">
                  <c:v>0.95868890329240253</c:v>
                </c:pt>
                <c:pt idx="7495">
                  <c:v>0.95868890329240253</c:v>
                </c:pt>
                <c:pt idx="7496">
                  <c:v>0.95868890329240253</c:v>
                </c:pt>
                <c:pt idx="7497">
                  <c:v>1.0271666820990026</c:v>
                </c:pt>
                <c:pt idx="7498">
                  <c:v>1.0682533493829627</c:v>
                </c:pt>
                <c:pt idx="7499">
                  <c:v>1.2326000185188031</c:v>
                </c:pt>
                <c:pt idx="7500">
                  <c:v>1.2326000185188031</c:v>
                </c:pt>
                <c:pt idx="7501">
                  <c:v>1.2326000185188031</c:v>
                </c:pt>
                <c:pt idx="7502">
                  <c:v>1.2326000185188031</c:v>
                </c:pt>
                <c:pt idx="7503">
                  <c:v>1.0271666820990026</c:v>
                </c:pt>
                <c:pt idx="7504">
                  <c:v>0.97238445905372251</c:v>
                </c:pt>
                <c:pt idx="7505">
                  <c:v>0.97238445905372251</c:v>
                </c:pt>
                <c:pt idx="7506">
                  <c:v>0.97238445905372251</c:v>
                </c:pt>
                <c:pt idx="7507">
                  <c:v>0.97238445905372251</c:v>
                </c:pt>
                <c:pt idx="7508">
                  <c:v>0.75325556687260187</c:v>
                </c:pt>
                <c:pt idx="7509">
                  <c:v>0.28760667098772075</c:v>
                </c:pt>
                <c:pt idx="7510">
                  <c:v>0.28760667098772075</c:v>
                </c:pt>
                <c:pt idx="7511">
                  <c:v>0.28760667098772075</c:v>
                </c:pt>
                <c:pt idx="7512">
                  <c:v>0.19446131822511123</c:v>
                </c:pt>
                <c:pt idx="7513">
                  <c:v>0.37966257367759815</c:v>
                </c:pt>
                <c:pt idx="7514">
                  <c:v>0.37966257367759815</c:v>
                </c:pt>
                <c:pt idx="7515">
                  <c:v>0.37966257367759815</c:v>
                </c:pt>
                <c:pt idx="7516">
                  <c:v>0.37966257367759815</c:v>
                </c:pt>
                <c:pt idx="7517">
                  <c:v>0.47226320140384165</c:v>
                </c:pt>
                <c:pt idx="7518">
                  <c:v>0.59264401744795803</c:v>
                </c:pt>
                <c:pt idx="7519">
                  <c:v>0.67598458240157711</c:v>
                </c:pt>
                <c:pt idx="7520">
                  <c:v>0.67598458240157711</c:v>
                </c:pt>
                <c:pt idx="7521">
                  <c:v>0.67598458240157711</c:v>
                </c:pt>
                <c:pt idx="7522">
                  <c:v>0.67598458240157711</c:v>
                </c:pt>
                <c:pt idx="7523">
                  <c:v>0.67598458240157711</c:v>
                </c:pt>
                <c:pt idx="7524">
                  <c:v>0.67598458240157711</c:v>
                </c:pt>
                <c:pt idx="7525">
                  <c:v>0.67598458240157711</c:v>
                </c:pt>
                <c:pt idx="7526">
                  <c:v>0.67598458240157711</c:v>
                </c:pt>
                <c:pt idx="7527">
                  <c:v>0.61116414299320676</c:v>
                </c:pt>
                <c:pt idx="7528">
                  <c:v>0.55560376635746067</c:v>
                </c:pt>
                <c:pt idx="7529">
                  <c:v>0.50004338972171458</c:v>
                </c:pt>
                <c:pt idx="7530">
                  <c:v>0.4815232641764659</c:v>
                </c:pt>
                <c:pt idx="7531">
                  <c:v>0.38892263645022246</c:v>
                </c:pt>
                <c:pt idx="7532">
                  <c:v>0.28706194595135465</c:v>
                </c:pt>
                <c:pt idx="7533">
                  <c:v>0.28706194595135465</c:v>
                </c:pt>
                <c:pt idx="7534">
                  <c:v>0.28706194595135465</c:v>
                </c:pt>
                <c:pt idx="7535">
                  <c:v>0.28706194595135465</c:v>
                </c:pt>
                <c:pt idx="7536">
                  <c:v>0.3469152103934306</c:v>
                </c:pt>
                <c:pt idx="7537">
                  <c:v>0.40286927658591931</c:v>
                </c:pt>
                <c:pt idx="7538">
                  <c:v>0.40286927658591931</c:v>
                </c:pt>
                <c:pt idx="7539">
                  <c:v>0.40286927658591931</c:v>
                </c:pt>
                <c:pt idx="7540">
                  <c:v>0.40286927658591931</c:v>
                </c:pt>
                <c:pt idx="7541">
                  <c:v>0.50358659573239917</c:v>
                </c:pt>
                <c:pt idx="7542">
                  <c:v>0.59311310164038122</c:v>
                </c:pt>
                <c:pt idx="7543">
                  <c:v>0.70502123402535888</c:v>
                </c:pt>
                <c:pt idx="7544">
                  <c:v>0.70502123402535888</c:v>
                </c:pt>
                <c:pt idx="7545">
                  <c:v>0.70502123402535888</c:v>
                </c:pt>
                <c:pt idx="7546">
                  <c:v>0.70502123402535888</c:v>
                </c:pt>
                <c:pt idx="7547">
                  <c:v>0.70502123402535888</c:v>
                </c:pt>
                <c:pt idx="7548">
                  <c:v>0.70502123402535888</c:v>
                </c:pt>
                <c:pt idx="7549">
                  <c:v>0.70502123402535888</c:v>
                </c:pt>
                <c:pt idx="7550">
                  <c:v>0.70502123402535888</c:v>
                </c:pt>
                <c:pt idx="7551">
                  <c:v>0.62668554135587462</c:v>
                </c:pt>
                <c:pt idx="7552">
                  <c:v>0.61549472811737682</c:v>
                </c:pt>
                <c:pt idx="7553">
                  <c:v>0.52596822220939476</c:v>
                </c:pt>
                <c:pt idx="7554">
                  <c:v>0.49239578249390142</c:v>
                </c:pt>
                <c:pt idx="7555">
                  <c:v>0.41406008982441717</c:v>
                </c:pt>
                <c:pt idx="7556">
                  <c:v>0.3469152103934306</c:v>
                </c:pt>
                <c:pt idx="7557">
                  <c:v>0.30215195743943951</c:v>
                </c:pt>
                <c:pt idx="7558">
                  <c:v>0.30215195743943951</c:v>
                </c:pt>
                <c:pt idx="7559">
                  <c:v>0.30215195743943951</c:v>
                </c:pt>
                <c:pt idx="7560">
                  <c:v>0.20174512169820641</c:v>
                </c:pt>
                <c:pt idx="7561">
                  <c:v>0.20174512169820641</c:v>
                </c:pt>
                <c:pt idx="7562">
                  <c:v>0.20174512169820641</c:v>
                </c:pt>
                <c:pt idx="7563">
                  <c:v>0.20174512169820641</c:v>
                </c:pt>
                <c:pt idx="7564">
                  <c:v>0.20174512169820641</c:v>
                </c:pt>
                <c:pt idx="7565">
                  <c:v>0.87422886069222783</c:v>
                </c:pt>
                <c:pt idx="7566">
                  <c:v>0.99191351501618152</c:v>
                </c:pt>
                <c:pt idx="7567">
                  <c:v>0.99191351501618152</c:v>
                </c:pt>
                <c:pt idx="7568">
                  <c:v>0.99191351501618152</c:v>
                </c:pt>
                <c:pt idx="7569">
                  <c:v>1.0591618889155836</c:v>
                </c:pt>
                <c:pt idx="7570">
                  <c:v>1.0591618889155836</c:v>
                </c:pt>
                <c:pt idx="7571">
                  <c:v>1.3449674779880427</c:v>
                </c:pt>
                <c:pt idx="7572">
                  <c:v>1.3449674779880427</c:v>
                </c:pt>
                <c:pt idx="7573">
                  <c:v>0.89104095416707829</c:v>
                </c:pt>
                <c:pt idx="7574">
                  <c:v>1.3449674779880427</c:v>
                </c:pt>
                <c:pt idx="7575">
                  <c:v>1.3449674779880427</c:v>
                </c:pt>
                <c:pt idx="7576">
                  <c:v>1.3449674779880427</c:v>
                </c:pt>
                <c:pt idx="7577">
                  <c:v>1.3449674779880427</c:v>
                </c:pt>
                <c:pt idx="7578">
                  <c:v>1.3449674779880427</c:v>
                </c:pt>
                <c:pt idx="7579">
                  <c:v>1.1264102628149859</c:v>
                </c:pt>
                <c:pt idx="7580">
                  <c:v>0.92466514111677944</c:v>
                </c:pt>
                <c:pt idx="7581">
                  <c:v>0.67248373899402136</c:v>
                </c:pt>
                <c:pt idx="7582">
                  <c:v>0.63885955204432032</c:v>
                </c:pt>
                <c:pt idx="7583">
                  <c:v>0.63885955204432032</c:v>
                </c:pt>
                <c:pt idx="7584">
                  <c:v>0.60263216797842956</c:v>
                </c:pt>
                <c:pt idx="7585">
                  <c:v>0.60263216797842956</c:v>
                </c:pt>
                <c:pt idx="7586">
                  <c:v>0.60263216797842956</c:v>
                </c:pt>
                <c:pt idx="7587">
                  <c:v>0.60263216797842956</c:v>
                </c:pt>
                <c:pt idx="7588">
                  <c:v>0.60263216797842956</c:v>
                </c:pt>
                <c:pt idx="7589">
                  <c:v>0.78342181837195835</c:v>
                </c:pt>
                <c:pt idx="7590">
                  <c:v>0.8738166435687228</c:v>
                </c:pt>
                <c:pt idx="7591">
                  <c:v>0.90394825196764428</c:v>
                </c:pt>
                <c:pt idx="7592">
                  <c:v>0.90394825196764428</c:v>
                </c:pt>
                <c:pt idx="7593">
                  <c:v>0.97927727296494793</c:v>
                </c:pt>
                <c:pt idx="7594">
                  <c:v>1.0244746855633302</c:v>
                </c:pt>
                <c:pt idx="7595">
                  <c:v>1.2052643359568591</c:v>
                </c:pt>
                <c:pt idx="7596">
                  <c:v>1.2052643359568591</c:v>
                </c:pt>
                <c:pt idx="7597">
                  <c:v>1.2052643359568591</c:v>
                </c:pt>
                <c:pt idx="7598">
                  <c:v>1.2052643359568591</c:v>
                </c:pt>
                <c:pt idx="7599">
                  <c:v>1.2052643359568591</c:v>
                </c:pt>
                <c:pt idx="7600">
                  <c:v>1.2052643359568591</c:v>
                </c:pt>
                <c:pt idx="7601">
                  <c:v>1.2052643359568591</c:v>
                </c:pt>
                <c:pt idx="7602">
                  <c:v>1.2052643359568591</c:v>
                </c:pt>
                <c:pt idx="7603">
                  <c:v>1.0094088813638695</c:v>
                </c:pt>
                <c:pt idx="7604">
                  <c:v>0.82861923097034074</c:v>
                </c:pt>
                <c:pt idx="7605">
                  <c:v>0.60263216797842956</c:v>
                </c:pt>
                <c:pt idx="7606">
                  <c:v>0.60263216797842956</c:v>
                </c:pt>
                <c:pt idx="7607">
                  <c:v>0.60263216797842956</c:v>
                </c:pt>
                <c:pt idx="7608">
                  <c:v>0.5311111836473017</c:v>
                </c:pt>
                <c:pt idx="7609">
                  <c:v>0.59750008160321433</c:v>
                </c:pt>
                <c:pt idx="7610">
                  <c:v>0.59750008160321433</c:v>
                </c:pt>
                <c:pt idx="7611">
                  <c:v>0.59750008160321433</c:v>
                </c:pt>
                <c:pt idx="7612">
                  <c:v>0.59750008160321433</c:v>
                </c:pt>
                <c:pt idx="7613">
                  <c:v>0.77011121628858736</c:v>
                </c:pt>
                <c:pt idx="7614">
                  <c:v>0.88961123260923025</c:v>
                </c:pt>
                <c:pt idx="7615">
                  <c:v>0.88961123260923025</c:v>
                </c:pt>
                <c:pt idx="7616">
                  <c:v>0.88961123260923025</c:v>
                </c:pt>
                <c:pt idx="7617">
                  <c:v>0.95600013056514288</c:v>
                </c:pt>
                <c:pt idx="7618">
                  <c:v>1.0356668081122382</c:v>
                </c:pt>
                <c:pt idx="7619">
                  <c:v>1.1950001632064287</c:v>
                </c:pt>
                <c:pt idx="7620">
                  <c:v>1.1950001632064287</c:v>
                </c:pt>
                <c:pt idx="7621">
                  <c:v>1.1950001632064287</c:v>
                </c:pt>
                <c:pt idx="7622">
                  <c:v>1.1950001632064287</c:v>
                </c:pt>
                <c:pt idx="7623">
                  <c:v>1.1950001632064287</c:v>
                </c:pt>
                <c:pt idx="7624">
                  <c:v>1.1950001632064287</c:v>
                </c:pt>
                <c:pt idx="7625">
                  <c:v>1.1950001632064287</c:v>
                </c:pt>
                <c:pt idx="7626">
                  <c:v>1.1950001632064287</c:v>
                </c:pt>
                <c:pt idx="7627">
                  <c:v>0.99583346933869055</c:v>
                </c:pt>
                <c:pt idx="7628">
                  <c:v>0.79666677547095244</c:v>
                </c:pt>
                <c:pt idx="7629">
                  <c:v>0.59750008160321433</c:v>
                </c:pt>
                <c:pt idx="7630">
                  <c:v>0.59750008160321433</c:v>
                </c:pt>
                <c:pt idx="7631">
                  <c:v>0.59750008160321433</c:v>
                </c:pt>
                <c:pt idx="7632">
                  <c:v>0.62090943265396581</c:v>
                </c:pt>
                <c:pt idx="7633">
                  <c:v>0.62090943265396581</c:v>
                </c:pt>
                <c:pt idx="7634">
                  <c:v>0.62090943265396581</c:v>
                </c:pt>
                <c:pt idx="7635">
                  <c:v>0.62090943265396581</c:v>
                </c:pt>
                <c:pt idx="7636">
                  <c:v>0.62090943265396581</c:v>
                </c:pt>
                <c:pt idx="7637">
                  <c:v>0.80028326875400047</c:v>
                </c:pt>
                <c:pt idx="7638">
                  <c:v>0.92446515528479378</c:v>
                </c:pt>
                <c:pt idx="7639">
                  <c:v>0.92446515528479378</c:v>
                </c:pt>
                <c:pt idx="7640">
                  <c:v>0.92446515528479378</c:v>
                </c:pt>
                <c:pt idx="7641">
                  <c:v>0.99345509224634543</c:v>
                </c:pt>
                <c:pt idx="7642">
                  <c:v>1.0762430166002077</c:v>
                </c:pt>
                <c:pt idx="7643">
                  <c:v>1.2418188653079316</c:v>
                </c:pt>
                <c:pt idx="7644">
                  <c:v>1.2418188653079316</c:v>
                </c:pt>
                <c:pt idx="7645">
                  <c:v>1.2418188653079316</c:v>
                </c:pt>
                <c:pt idx="7646">
                  <c:v>1.2418188653079316</c:v>
                </c:pt>
                <c:pt idx="7647">
                  <c:v>1.2418188653079316</c:v>
                </c:pt>
                <c:pt idx="7648">
                  <c:v>1.2418188653079316</c:v>
                </c:pt>
                <c:pt idx="7649">
                  <c:v>1.2418188653079316</c:v>
                </c:pt>
                <c:pt idx="7650">
                  <c:v>1.2418188653079316</c:v>
                </c:pt>
                <c:pt idx="7651">
                  <c:v>1.0348490544232767</c:v>
                </c:pt>
                <c:pt idx="7652">
                  <c:v>0.8278792435386213</c:v>
                </c:pt>
                <c:pt idx="7653">
                  <c:v>0.62090943265396581</c:v>
                </c:pt>
                <c:pt idx="7654">
                  <c:v>0.62090943265396581</c:v>
                </c:pt>
                <c:pt idx="7655">
                  <c:v>0.62090943265396581</c:v>
                </c:pt>
                <c:pt idx="7656">
                  <c:v>0.68823884328008911</c:v>
                </c:pt>
                <c:pt idx="7657">
                  <c:v>0.68823884328008911</c:v>
                </c:pt>
                <c:pt idx="7658">
                  <c:v>0.68823884328008911</c:v>
                </c:pt>
                <c:pt idx="7659">
                  <c:v>0.68823884328008911</c:v>
                </c:pt>
                <c:pt idx="7660">
                  <c:v>0.68823884328008911</c:v>
                </c:pt>
                <c:pt idx="7661">
                  <c:v>0.88706339800544798</c:v>
                </c:pt>
                <c:pt idx="7662">
                  <c:v>1.0705937562134717</c:v>
                </c:pt>
                <c:pt idx="7663">
                  <c:v>1.0705937562134717</c:v>
                </c:pt>
                <c:pt idx="7664">
                  <c:v>1.0705937562134717</c:v>
                </c:pt>
                <c:pt idx="7665">
                  <c:v>1.1470647388001483</c:v>
                </c:pt>
                <c:pt idx="7666">
                  <c:v>1.1929473283521543</c:v>
                </c:pt>
                <c:pt idx="7667">
                  <c:v>1.3764776865601782</c:v>
                </c:pt>
                <c:pt idx="7668">
                  <c:v>1.3764776865601782</c:v>
                </c:pt>
                <c:pt idx="7669">
                  <c:v>1.3764776865601782</c:v>
                </c:pt>
                <c:pt idx="7670">
                  <c:v>1.3764776865601782</c:v>
                </c:pt>
                <c:pt idx="7671">
                  <c:v>1.1470647388001483</c:v>
                </c:pt>
                <c:pt idx="7672">
                  <c:v>1.0858879527308074</c:v>
                </c:pt>
                <c:pt idx="7673">
                  <c:v>1.0858879527308074</c:v>
                </c:pt>
                <c:pt idx="7674">
                  <c:v>1.0858879527308074</c:v>
                </c:pt>
                <c:pt idx="7675">
                  <c:v>1.0858879527308074</c:v>
                </c:pt>
                <c:pt idx="7676">
                  <c:v>0.84118080845344212</c:v>
                </c:pt>
                <c:pt idx="7677">
                  <c:v>0.32117812686404151</c:v>
                </c:pt>
                <c:pt idx="7678">
                  <c:v>0.32117812686404151</c:v>
                </c:pt>
                <c:pt idx="7679">
                  <c:v>0.32117812686404151</c:v>
                </c:pt>
                <c:pt idx="7680">
                  <c:v>0.23720362655343974</c:v>
                </c:pt>
                <c:pt idx="7681">
                  <c:v>0.46311184231862046</c:v>
                </c:pt>
                <c:pt idx="7682">
                  <c:v>0.46311184231862046</c:v>
                </c:pt>
                <c:pt idx="7683">
                  <c:v>0.46311184231862046</c:v>
                </c:pt>
                <c:pt idx="7684">
                  <c:v>0.46311184231862046</c:v>
                </c:pt>
                <c:pt idx="7685">
                  <c:v>0.57606595020121087</c:v>
                </c:pt>
                <c:pt idx="7686">
                  <c:v>0.72290629044857846</c:v>
                </c:pt>
                <c:pt idx="7687">
                  <c:v>0.82456498754290963</c:v>
                </c:pt>
                <c:pt idx="7688">
                  <c:v>0.82456498754290963</c:v>
                </c:pt>
                <c:pt idx="7689">
                  <c:v>0.82456498754290963</c:v>
                </c:pt>
                <c:pt idx="7690">
                  <c:v>0.82456498754290963</c:v>
                </c:pt>
                <c:pt idx="7691">
                  <c:v>0.82456498754290963</c:v>
                </c:pt>
                <c:pt idx="7692">
                  <c:v>0.82456498754290963</c:v>
                </c:pt>
                <c:pt idx="7693">
                  <c:v>0.82456498754290963</c:v>
                </c:pt>
                <c:pt idx="7694">
                  <c:v>0.82456498754290963</c:v>
                </c:pt>
                <c:pt idx="7695">
                  <c:v>0.74549711202509639</c:v>
                </c:pt>
                <c:pt idx="7696">
                  <c:v>0.67772464729554227</c:v>
                </c:pt>
                <c:pt idx="7697">
                  <c:v>0.60995218256598793</c:v>
                </c:pt>
                <c:pt idx="7698">
                  <c:v>0.58736136098946978</c:v>
                </c:pt>
                <c:pt idx="7699">
                  <c:v>0.47440725310687948</c:v>
                </c:pt>
                <c:pt idx="7700">
                  <c:v>0.3501577344360301</c:v>
                </c:pt>
                <c:pt idx="7701">
                  <c:v>0.3501577344360301</c:v>
                </c:pt>
                <c:pt idx="7702">
                  <c:v>0.3501577344360301</c:v>
                </c:pt>
                <c:pt idx="7703">
                  <c:v>0.3501577344360301</c:v>
                </c:pt>
                <c:pt idx="7704">
                  <c:v>0.40282464720251637</c:v>
                </c:pt>
                <c:pt idx="7705">
                  <c:v>0.46779636449324485</c:v>
                </c:pt>
                <c:pt idx="7706">
                  <c:v>0.46779636449324485</c:v>
                </c:pt>
                <c:pt idx="7707">
                  <c:v>0.46779636449324485</c:v>
                </c:pt>
                <c:pt idx="7708">
                  <c:v>0.46779636449324485</c:v>
                </c:pt>
                <c:pt idx="7709">
                  <c:v>0.584745455616556</c:v>
                </c:pt>
                <c:pt idx="7710">
                  <c:v>0.68870020328172155</c:v>
                </c:pt>
                <c:pt idx="7711">
                  <c:v>0.81864363786317862</c:v>
                </c:pt>
                <c:pt idx="7712">
                  <c:v>0.81864363786317862</c:v>
                </c:pt>
                <c:pt idx="7713">
                  <c:v>0.81864363786317862</c:v>
                </c:pt>
                <c:pt idx="7714">
                  <c:v>0.81864363786317862</c:v>
                </c:pt>
                <c:pt idx="7715">
                  <c:v>0.81864363786317862</c:v>
                </c:pt>
                <c:pt idx="7716">
                  <c:v>0.81864363786317862</c:v>
                </c:pt>
                <c:pt idx="7717">
                  <c:v>0.81864363786317862</c:v>
                </c:pt>
                <c:pt idx="7718">
                  <c:v>0.81864363786317862</c:v>
                </c:pt>
                <c:pt idx="7719">
                  <c:v>0.72768323365615872</c:v>
                </c:pt>
                <c:pt idx="7720">
                  <c:v>0.71468889019801296</c:v>
                </c:pt>
                <c:pt idx="7721">
                  <c:v>0.61073414253284752</c:v>
                </c:pt>
                <c:pt idx="7722">
                  <c:v>0.57175111215841046</c:v>
                </c:pt>
                <c:pt idx="7723">
                  <c:v>0.48079070795139051</c:v>
                </c:pt>
                <c:pt idx="7724">
                  <c:v>0.40282464720251637</c:v>
                </c:pt>
                <c:pt idx="7725">
                  <c:v>0.35084727336993365</c:v>
                </c:pt>
                <c:pt idx="7726">
                  <c:v>0.35084727336993365</c:v>
                </c:pt>
                <c:pt idx="7727">
                  <c:v>0.35084727336993365</c:v>
                </c:pt>
                <c:pt idx="7728">
                  <c:v>0.21239745521433179</c:v>
                </c:pt>
                <c:pt idx="7729">
                  <c:v>0.21239745521433179</c:v>
                </c:pt>
                <c:pt idx="7730">
                  <c:v>0.21239745521433179</c:v>
                </c:pt>
                <c:pt idx="7731">
                  <c:v>0.21239745521433179</c:v>
                </c:pt>
                <c:pt idx="7732">
                  <c:v>0.21239745521433179</c:v>
                </c:pt>
                <c:pt idx="7733">
                  <c:v>0.92038897259543773</c:v>
                </c:pt>
                <c:pt idx="7734">
                  <c:v>1.0442874881371311</c:v>
                </c:pt>
                <c:pt idx="7735">
                  <c:v>1.0442874881371311</c:v>
                </c:pt>
                <c:pt idx="7736">
                  <c:v>1.0442874881371311</c:v>
                </c:pt>
                <c:pt idx="7737">
                  <c:v>1.1150866398752419</c:v>
                </c:pt>
                <c:pt idx="7738">
                  <c:v>1.1150866398752419</c:v>
                </c:pt>
                <c:pt idx="7739">
                  <c:v>1.4159830347622122</c:v>
                </c:pt>
                <c:pt idx="7740">
                  <c:v>1.4159830347622122</c:v>
                </c:pt>
                <c:pt idx="7741">
                  <c:v>0.93808876052996537</c:v>
                </c:pt>
                <c:pt idx="7742">
                  <c:v>1.4159830347622122</c:v>
                </c:pt>
                <c:pt idx="7743">
                  <c:v>1.4159830347622122</c:v>
                </c:pt>
                <c:pt idx="7744">
                  <c:v>1.4159830347622122</c:v>
                </c:pt>
                <c:pt idx="7745">
                  <c:v>1.4159830347622122</c:v>
                </c:pt>
                <c:pt idx="7746">
                  <c:v>1.4159830347622122</c:v>
                </c:pt>
                <c:pt idx="7747">
                  <c:v>1.1858857916133525</c:v>
                </c:pt>
                <c:pt idx="7748">
                  <c:v>0.97348833639902066</c:v>
                </c:pt>
                <c:pt idx="7749">
                  <c:v>0.70799151738110611</c:v>
                </c:pt>
                <c:pt idx="7750">
                  <c:v>0.6725919415120506</c:v>
                </c:pt>
                <c:pt idx="7751">
                  <c:v>0.6725919415120506</c:v>
                </c:pt>
                <c:pt idx="7752">
                  <c:v>0.63878614609188911</c:v>
                </c:pt>
                <c:pt idx="7753">
                  <c:v>0.63878614609188911</c:v>
                </c:pt>
                <c:pt idx="7754">
                  <c:v>0.63878614609188911</c:v>
                </c:pt>
                <c:pt idx="7755">
                  <c:v>0.63878614609188911</c:v>
                </c:pt>
                <c:pt idx="7756">
                  <c:v>0.63878614609188911</c:v>
                </c:pt>
                <c:pt idx="7757">
                  <c:v>0.83042198991945571</c:v>
                </c:pt>
                <c:pt idx="7758">
                  <c:v>0.92623991183323906</c:v>
                </c:pt>
                <c:pt idx="7759">
                  <c:v>0.95817921913783366</c:v>
                </c:pt>
                <c:pt idx="7760">
                  <c:v>0.95817921913783366</c:v>
                </c:pt>
                <c:pt idx="7761">
                  <c:v>1.0380274873993196</c:v>
                </c:pt>
                <c:pt idx="7762">
                  <c:v>1.0859364483562115</c:v>
                </c:pt>
                <c:pt idx="7763">
                  <c:v>1.2775722921837782</c:v>
                </c:pt>
                <c:pt idx="7764">
                  <c:v>1.2775722921837782</c:v>
                </c:pt>
                <c:pt idx="7765">
                  <c:v>1.2775722921837782</c:v>
                </c:pt>
                <c:pt idx="7766">
                  <c:v>1.2775722921837782</c:v>
                </c:pt>
                <c:pt idx="7767">
                  <c:v>1.2775722921837782</c:v>
                </c:pt>
                <c:pt idx="7768">
                  <c:v>1.2775722921837782</c:v>
                </c:pt>
                <c:pt idx="7769">
                  <c:v>1.2775722921837782</c:v>
                </c:pt>
                <c:pt idx="7770">
                  <c:v>1.2775722921837782</c:v>
                </c:pt>
                <c:pt idx="7771">
                  <c:v>1.0699667947039144</c:v>
                </c:pt>
                <c:pt idx="7772">
                  <c:v>0.87833095087634738</c:v>
                </c:pt>
                <c:pt idx="7773">
                  <c:v>0.63878614609188911</c:v>
                </c:pt>
                <c:pt idx="7774">
                  <c:v>0.63878614609188911</c:v>
                </c:pt>
                <c:pt idx="7775">
                  <c:v>0.63878614609188911</c:v>
                </c:pt>
                <c:pt idx="7776">
                  <c:v>0.57538639522009261</c:v>
                </c:pt>
                <c:pt idx="7777">
                  <c:v>0.64730969462260413</c:v>
                </c:pt>
                <c:pt idx="7778">
                  <c:v>0.64730969462260413</c:v>
                </c:pt>
                <c:pt idx="7779">
                  <c:v>0.64730969462260413</c:v>
                </c:pt>
                <c:pt idx="7780">
                  <c:v>0.64730969462260413</c:v>
                </c:pt>
                <c:pt idx="7781">
                  <c:v>0.8343102730691343</c:v>
                </c:pt>
                <c:pt idx="7782">
                  <c:v>0.96377221199365515</c:v>
                </c:pt>
                <c:pt idx="7783">
                  <c:v>0.96377221199365515</c:v>
                </c:pt>
                <c:pt idx="7784">
                  <c:v>0.96377221199365515</c:v>
                </c:pt>
                <c:pt idx="7785">
                  <c:v>1.0356955113961668</c:v>
                </c:pt>
                <c:pt idx="7786">
                  <c:v>1.1220034706791806</c:v>
                </c:pt>
                <c:pt idx="7787">
                  <c:v>1.2946193892452083</c:v>
                </c:pt>
                <c:pt idx="7788">
                  <c:v>1.2946193892452083</c:v>
                </c:pt>
                <c:pt idx="7789">
                  <c:v>1.2946193892452083</c:v>
                </c:pt>
                <c:pt idx="7790">
                  <c:v>1.2946193892452083</c:v>
                </c:pt>
                <c:pt idx="7791">
                  <c:v>1.2946193892452083</c:v>
                </c:pt>
                <c:pt idx="7792">
                  <c:v>1.2946193892452083</c:v>
                </c:pt>
                <c:pt idx="7793">
                  <c:v>1.2946193892452083</c:v>
                </c:pt>
                <c:pt idx="7794">
                  <c:v>1.2946193892452083</c:v>
                </c:pt>
                <c:pt idx="7795">
                  <c:v>1.0788494910376736</c:v>
                </c:pt>
                <c:pt idx="7796">
                  <c:v>0.86307959283013902</c:v>
                </c:pt>
                <c:pt idx="7797">
                  <c:v>0.64730969462260413</c:v>
                </c:pt>
                <c:pt idx="7798">
                  <c:v>0.64730969462260413</c:v>
                </c:pt>
                <c:pt idx="7799">
                  <c:v>0.64730969462260413</c:v>
                </c:pt>
                <c:pt idx="7800">
                  <c:v>0.5838776468034893</c:v>
                </c:pt>
                <c:pt idx="7801">
                  <c:v>0.5838776468034893</c:v>
                </c:pt>
                <c:pt idx="7802">
                  <c:v>0.5838776468034893</c:v>
                </c:pt>
                <c:pt idx="7803">
                  <c:v>0.5838776468034893</c:v>
                </c:pt>
                <c:pt idx="7804">
                  <c:v>0.5838776468034893</c:v>
                </c:pt>
                <c:pt idx="7805">
                  <c:v>0.75255341143560861</c:v>
                </c:pt>
                <c:pt idx="7806">
                  <c:v>0.8693289407963064</c:v>
                </c:pt>
                <c:pt idx="7807">
                  <c:v>0.8693289407963064</c:v>
                </c:pt>
                <c:pt idx="7808">
                  <c:v>0.8693289407963064</c:v>
                </c:pt>
                <c:pt idx="7809">
                  <c:v>0.93420423488558302</c:v>
                </c:pt>
                <c:pt idx="7810">
                  <c:v>1.012054587792715</c:v>
                </c:pt>
                <c:pt idx="7811">
                  <c:v>1.1677552936069786</c:v>
                </c:pt>
                <c:pt idx="7812">
                  <c:v>1.1677552936069786</c:v>
                </c:pt>
                <c:pt idx="7813">
                  <c:v>1.1677552936069786</c:v>
                </c:pt>
                <c:pt idx="7814">
                  <c:v>1.1677552936069786</c:v>
                </c:pt>
                <c:pt idx="7815">
                  <c:v>1.1677552936069786</c:v>
                </c:pt>
                <c:pt idx="7816">
                  <c:v>1.1677552936069786</c:v>
                </c:pt>
                <c:pt idx="7817">
                  <c:v>1.1677552936069786</c:v>
                </c:pt>
                <c:pt idx="7818">
                  <c:v>1.1677552936069786</c:v>
                </c:pt>
                <c:pt idx="7819">
                  <c:v>0.97312941133914899</c:v>
                </c:pt>
                <c:pt idx="7820">
                  <c:v>0.77850352907131926</c:v>
                </c:pt>
                <c:pt idx="7821">
                  <c:v>0.5838776468034893</c:v>
                </c:pt>
                <c:pt idx="7822">
                  <c:v>0.5838776468034893</c:v>
                </c:pt>
                <c:pt idx="7823">
                  <c:v>0.5838776468034893</c:v>
                </c:pt>
                <c:pt idx="7824">
                  <c:v>0.63570469332902368</c:v>
                </c:pt>
                <c:pt idx="7825">
                  <c:v>0.63570469332902368</c:v>
                </c:pt>
                <c:pt idx="7826">
                  <c:v>0.63570469332902368</c:v>
                </c:pt>
                <c:pt idx="7827">
                  <c:v>0.63570469332902368</c:v>
                </c:pt>
                <c:pt idx="7828">
                  <c:v>0.63570469332902368</c:v>
                </c:pt>
                <c:pt idx="7829">
                  <c:v>0.81935271584629721</c:v>
                </c:pt>
                <c:pt idx="7830">
                  <c:v>0.98887396740070366</c:v>
                </c:pt>
                <c:pt idx="7831">
                  <c:v>0.98887396740070366</c:v>
                </c:pt>
                <c:pt idx="7832">
                  <c:v>0.98887396740070366</c:v>
                </c:pt>
                <c:pt idx="7833">
                  <c:v>1.0595078222150396</c:v>
                </c:pt>
                <c:pt idx="7834">
                  <c:v>1.1018881351036411</c:v>
                </c:pt>
                <c:pt idx="7835">
                  <c:v>1.2714093866580474</c:v>
                </c:pt>
                <c:pt idx="7836">
                  <c:v>1.2714093866580474</c:v>
                </c:pt>
                <c:pt idx="7837">
                  <c:v>1.2714093866580474</c:v>
                </c:pt>
                <c:pt idx="7838">
                  <c:v>1.2714093866580474</c:v>
                </c:pt>
                <c:pt idx="7839">
                  <c:v>1.0595078222150396</c:v>
                </c:pt>
                <c:pt idx="7840">
                  <c:v>1.0030007383635708</c:v>
                </c:pt>
                <c:pt idx="7841">
                  <c:v>1.0030007383635708</c:v>
                </c:pt>
                <c:pt idx="7842">
                  <c:v>1.0030007383635708</c:v>
                </c:pt>
                <c:pt idx="7843">
                  <c:v>1.0030007383635708</c:v>
                </c:pt>
                <c:pt idx="7844">
                  <c:v>0.77697240295769576</c:v>
                </c:pt>
                <c:pt idx="7845">
                  <c:v>0.29666219022021106</c:v>
                </c:pt>
                <c:pt idx="7846">
                  <c:v>0.29666219022021106</c:v>
                </c:pt>
                <c:pt idx="7847">
                  <c:v>0.29666219022021106</c:v>
                </c:pt>
                <c:pt idx="7848">
                  <c:v>0.21402135762960053</c:v>
                </c:pt>
                <c:pt idx="7849">
                  <c:v>0.41785122203874403</c:v>
                </c:pt>
                <c:pt idx="7850">
                  <c:v>0.41785122203874403</c:v>
                </c:pt>
                <c:pt idx="7851">
                  <c:v>0.41785122203874403</c:v>
                </c:pt>
                <c:pt idx="7852">
                  <c:v>0.41785122203874403</c:v>
                </c:pt>
                <c:pt idx="7853">
                  <c:v>0.51976615424331574</c:v>
                </c:pt>
                <c:pt idx="7854">
                  <c:v>0.65225556610925894</c:v>
                </c:pt>
                <c:pt idx="7855">
                  <c:v>0.74397900509337345</c:v>
                </c:pt>
                <c:pt idx="7856">
                  <c:v>0.74397900509337345</c:v>
                </c:pt>
                <c:pt idx="7857">
                  <c:v>0.74397900509337345</c:v>
                </c:pt>
                <c:pt idx="7858">
                  <c:v>0.74397900509337345</c:v>
                </c:pt>
                <c:pt idx="7859">
                  <c:v>0.74397900509337345</c:v>
                </c:pt>
                <c:pt idx="7860">
                  <c:v>0.74397900509337345</c:v>
                </c:pt>
                <c:pt idx="7861">
                  <c:v>0.74397900509337345</c:v>
                </c:pt>
                <c:pt idx="7862">
                  <c:v>0.74397900509337345</c:v>
                </c:pt>
                <c:pt idx="7863">
                  <c:v>0.67263855255017313</c:v>
                </c:pt>
                <c:pt idx="7864">
                  <c:v>0.61148959322743013</c:v>
                </c:pt>
                <c:pt idx="7865">
                  <c:v>0.55034063390468724</c:v>
                </c:pt>
                <c:pt idx="7866">
                  <c:v>0.52995764746377283</c:v>
                </c:pt>
                <c:pt idx="7867">
                  <c:v>0.42804271525920107</c:v>
                </c:pt>
                <c:pt idx="7868">
                  <c:v>0.31593628983417227</c:v>
                </c:pt>
                <c:pt idx="7869">
                  <c:v>0.31593628983417227</c:v>
                </c:pt>
                <c:pt idx="7870">
                  <c:v>0.31593628983417227</c:v>
                </c:pt>
                <c:pt idx="7871">
                  <c:v>0.31593628983417227</c:v>
                </c:pt>
                <c:pt idx="7872">
                  <c:v>0.39553211196654869</c:v>
                </c:pt>
                <c:pt idx="7873">
                  <c:v>0.45932761389663718</c:v>
                </c:pt>
                <c:pt idx="7874">
                  <c:v>0.45932761389663718</c:v>
                </c:pt>
                <c:pt idx="7875">
                  <c:v>0.45932761389663718</c:v>
                </c:pt>
                <c:pt idx="7876">
                  <c:v>0.45932761389663718</c:v>
                </c:pt>
                <c:pt idx="7877">
                  <c:v>0.5741595173707964</c:v>
                </c:pt>
                <c:pt idx="7878">
                  <c:v>0.67623232045893811</c:v>
                </c:pt>
                <c:pt idx="7879">
                  <c:v>0.80382332431911507</c:v>
                </c:pt>
                <c:pt idx="7880">
                  <c:v>0.80382332431911507</c:v>
                </c:pt>
                <c:pt idx="7881">
                  <c:v>0.80382332431911507</c:v>
                </c:pt>
                <c:pt idx="7882">
                  <c:v>0.80382332431911507</c:v>
                </c:pt>
                <c:pt idx="7883">
                  <c:v>0.80382332431911507</c:v>
                </c:pt>
                <c:pt idx="7884">
                  <c:v>0.80382332431911507</c:v>
                </c:pt>
                <c:pt idx="7885">
                  <c:v>0.80382332431911507</c:v>
                </c:pt>
                <c:pt idx="7886">
                  <c:v>0.80382332431911507</c:v>
                </c:pt>
                <c:pt idx="7887">
                  <c:v>0.71450962161699116</c:v>
                </c:pt>
                <c:pt idx="7888">
                  <c:v>0.70175052123097348</c:v>
                </c:pt>
                <c:pt idx="7889">
                  <c:v>0.59967771814283199</c:v>
                </c:pt>
                <c:pt idx="7890">
                  <c:v>0.56140041698477883</c:v>
                </c:pt>
                <c:pt idx="7891">
                  <c:v>0.47208671428265492</c:v>
                </c:pt>
                <c:pt idx="7892">
                  <c:v>0.39553211196654869</c:v>
                </c:pt>
                <c:pt idx="7893">
                  <c:v>0.3444957104224779</c:v>
                </c:pt>
                <c:pt idx="7894">
                  <c:v>0.3444957104224779</c:v>
                </c:pt>
                <c:pt idx="7895">
                  <c:v>0.3444957104224779</c:v>
                </c:pt>
                <c:pt idx="7896">
                  <c:v>0.21153375249680817</c:v>
                </c:pt>
                <c:pt idx="7897">
                  <c:v>0.21153375249680817</c:v>
                </c:pt>
                <c:pt idx="7898">
                  <c:v>0.21153375249680817</c:v>
                </c:pt>
                <c:pt idx="7899">
                  <c:v>0.21153375249680817</c:v>
                </c:pt>
                <c:pt idx="7900">
                  <c:v>0.21153375249680817</c:v>
                </c:pt>
                <c:pt idx="7901">
                  <c:v>0.91664626081950207</c:v>
                </c:pt>
                <c:pt idx="7902">
                  <c:v>1.0400409497759735</c:v>
                </c:pt>
                <c:pt idx="7903">
                  <c:v>1.0400409497759735</c:v>
                </c:pt>
                <c:pt idx="7904">
                  <c:v>1.0400409497759735</c:v>
                </c:pt>
                <c:pt idx="7905">
                  <c:v>1.1105522006082429</c:v>
                </c:pt>
                <c:pt idx="7906">
                  <c:v>1.1105522006082429</c:v>
                </c:pt>
                <c:pt idx="7907">
                  <c:v>1.4102250166453878</c:v>
                </c:pt>
                <c:pt idx="7908">
                  <c:v>1.4102250166453878</c:v>
                </c:pt>
                <c:pt idx="7909">
                  <c:v>0.93427407352756953</c:v>
                </c:pt>
                <c:pt idx="7910">
                  <c:v>1.4102250166453878</c:v>
                </c:pt>
                <c:pt idx="7911">
                  <c:v>1.4102250166453878</c:v>
                </c:pt>
                <c:pt idx="7912">
                  <c:v>1.4102250166453878</c:v>
                </c:pt>
                <c:pt idx="7913">
                  <c:v>1.4102250166453878</c:v>
                </c:pt>
                <c:pt idx="7914">
                  <c:v>1.4102250166453878</c:v>
                </c:pt>
                <c:pt idx="7915">
                  <c:v>1.1810634514405123</c:v>
                </c:pt>
                <c:pt idx="7916">
                  <c:v>0.96952969894370411</c:v>
                </c:pt>
                <c:pt idx="7917">
                  <c:v>0.7051125083226939</c:v>
                </c:pt>
                <c:pt idx="7918">
                  <c:v>0.6698568829065592</c:v>
                </c:pt>
                <c:pt idx="7919">
                  <c:v>0.6698568829065592</c:v>
                </c:pt>
                <c:pt idx="7920">
                  <c:v>0.63962693628057421</c:v>
                </c:pt>
                <c:pt idx="7921">
                  <c:v>0.63962693628057421</c:v>
                </c:pt>
                <c:pt idx="7922">
                  <c:v>0.63962693628057421</c:v>
                </c:pt>
                <c:pt idx="7923">
                  <c:v>0.63962693628057421</c:v>
                </c:pt>
                <c:pt idx="7924">
                  <c:v>0.63962693628057421</c:v>
                </c:pt>
                <c:pt idx="7925">
                  <c:v>0.83151501716474618</c:v>
                </c:pt>
                <c:pt idx="7926">
                  <c:v>0.92745905760683223</c:v>
                </c:pt>
                <c:pt idx="7927">
                  <c:v>0.95944040442086109</c:v>
                </c:pt>
                <c:pt idx="7928">
                  <c:v>0.95944040442086109</c:v>
                </c:pt>
                <c:pt idx="7929">
                  <c:v>1.0393937714559327</c:v>
                </c:pt>
                <c:pt idx="7930">
                  <c:v>1.0873657916769759</c:v>
                </c:pt>
                <c:pt idx="7931">
                  <c:v>1.2792538725611484</c:v>
                </c:pt>
                <c:pt idx="7932">
                  <c:v>1.2792538725611484</c:v>
                </c:pt>
                <c:pt idx="7933">
                  <c:v>1.2792538725611484</c:v>
                </c:pt>
                <c:pt idx="7934">
                  <c:v>1.2792538725611484</c:v>
                </c:pt>
                <c:pt idx="7935">
                  <c:v>1.2792538725611484</c:v>
                </c:pt>
                <c:pt idx="7936">
                  <c:v>1.2792538725611484</c:v>
                </c:pt>
                <c:pt idx="7937">
                  <c:v>1.2792538725611484</c:v>
                </c:pt>
                <c:pt idx="7938">
                  <c:v>1.2792538725611484</c:v>
                </c:pt>
                <c:pt idx="7939">
                  <c:v>1.0713751182699616</c:v>
                </c:pt>
                <c:pt idx="7940">
                  <c:v>0.87948703738578926</c:v>
                </c:pt>
                <c:pt idx="7941">
                  <c:v>0.63962693628057421</c:v>
                </c:pt>
                <c:pt idx="7942">
                  <c:v>0.63962693628057421</c:v>
                </c:pt>
                <c:pt idx="7943">
                  <c:v>0.63962693628057421</c:v>
                </c:pt>
                <c:pt idx="7944">
                  <c:v>0.58364109568281641</c:v>
                </c:pt>
                <c:pt idx="7945">
                  <c:v>0.65659623264316835</c:v>
                </c:pt>
                <c:pt idx="7946">
                  <c:v>0.65659623264316835</c:v>
                </c:pt>
                <c:pt idx="7947">
                  <c:v>0.65659623264316835</c:v>
                </c:pt>
                <c:pt idx="7948">
                  <c:v>0.65659623264316835</c:v>
                </c:pt>
                <c:pt idx="7949">
                  <c:v>0.8462795887400838</c:v>
                </c:pt>
                <c:pt idx="7950">
                  <c:v>0.97759883526871749</c:v>
                </c:pt>
                <c:pt idx="7951">
                  <c:v>0.97759883526871749</c:v>
                </c:pt>
                <c:pt idx="7952">
                  <c:v>0.97759883526871749</c:v>
                </c:pt>
                <c:pt idx="7953">
                  <c:v>1.0505539722290695</c:v>
                </c:pt>
                <c:pt idx="7954">
                  <c:v>1.138100136581492</c:v>
                </c:pt>
                <c:pt idx="7955">
                  <c:v>1.3131924652863367</c:v>
                </c:pt>
                <c:pt idx="7956">
                  <c:v>1.3131924652863367</c:v>
                </c:pt>
                <c:pt idx="7957">
                  <c:v>1.3131924652863367</c:v>
                </c:pt>
                <c:pt idx="7958">
                  <c:v>1.3131924652863367</c:v>
                </c:pt>
                <c:pt idx="7959">
                  <c:v>1.3131924652863367</c:v>
                </c:pt>
                <c:pt idx="7960">
                  <c:v>1.3131924652863367</c:v>
                </c:pt>
                <c:pt idx="7961">
                  <c:v>1.3131924652863367</c:v>
                </c:pt>
                <c:pt idx="7962">
                  <c:v>1.3131924652863367</c:v>
                </c:pt>
                <c:pt idx="7963">
                  <c:v>1.0943270544052806</c:v>
                </c:pt>
                <c:pt idx="7964">
                  <c:v>0.87546164352422462</c:v>
                </c:pt>
                <c:pt idx="7965">
                  <c:v>0.65659623264316835</c:v>
                </c:pt>
                <c:pt idx="7966">
                  <c:v>0.65659623264316835</c:v>
                </c:pt>
                <c:pt idx="7967">
                  <c:v>0.65659623264316835</c:v>
                </c:pt>
                <c:pt idx="7968">
                  <c:v>0.62764248462677974</c:v>
                </c:pt>
                <c:pt idx="7969">
                  <c:v>0.62764248462677974</c:v>
                </c:pt>
                <c:pt idx="7970">
                  <c:v>0.62764248462677974</c:v>
                </c:pt>
                <c:pt idx="7971">
                  <c:v>0.62764248462677974</c:v>
                </c:pt>
                <c:pt idx="7972">
                  <c:v>0.62764248462677974</c:v>
                </c:pt>
                <c:pt idx="7973">
                  <c:v>0.80896142463007181</c:v>
                </c:pt>
                <c:pt idx="7974">
                  <c:v>0.93448992155542787</c:v>
                </c:pt>
                <c:pt idx="7975">
                  <c:v>0.93448992155542787</c:v>
                </c:pt>
                <c:pt idx="7976">
                  <c:v>0.93448992155542787</c:v>
                </c:pt>
                <c:pt idx="7977">
                  <c:v>1.0042279754028476</c:v>
                </c:pt>
                <c:pt idx="7978">
                  <c:v>1.0879136400197518</c:v>
                </c:pt>
                <c:pt idx="7979">
                  <c:v>1.2552849692535595</c:v>
                </c:pt>
                <c:pt idx="7980">
                  <c:v>1.2552849692535595</c:v>
                </c:pt>
                <c:pt idx="7981">
                  <c:v>1.2552849692535595</c:v>
                </c:pt>
                <c:pt idx="7982">
                  <c:v>1.2552849692535595</c:v>
                </c:pt>
                <c:pt idx="7983">
                  <c:v>1.2552849692535595</c:v>
                </c:pt>
                <c:pt idx="7984">
                  <c:v>1.2552849692535595</c:v>
                </c:pt>
                <c:pt idx="7985">
                  <c:v>1.2552849692535595</c:v>
                </c:pt>
                <c:pt idx="7986">
                  <c:v>1.2552849692535595</c:v>
                </c:pt>
                <c:pt idx="7987">
                  <c:v>1.0460708077112997</c:v>
                </c:pt>
                <c:pt idx="7988">
                  <c:v>0.83685664616903988</c:v>
                </c:pt>
                <c:pt idx="7989">
                  <c:v>0.62764248462677974</c:v>
                </c:pt>
                <c:pt idx="7990">
                  <c:v>0.62764248462677974</c:v>
                </c:pt>
                <c:pt idx="7991">
                  <c:v>0.62764248462677974</c:v>
                </c:pt>
                <c:pt idx="7992">
                  <c:v>0.7048285748435833</c:v>
                </c:pt>
                <c:pt idx="7993">
                  <c:v>0.7048285748435833</c:v>
                </c:pt>
                <c:pt idx="7994">
                  <c:v>0.7048285748435833</c:v>
                </c:pt>
                <c:pt idx="7995">
                  <c:v>0.7048285748435833</c:v>
                </c:pt>
                <c:pt idx="7996">
                  <c:v>0.7048285748435833</c:v>
                </c:pt>
                <c:pt idx="7997">
                  <c:v>0.9084457186872853</c:v>
                </c:pt>
                <c:pt idx="7998">
                  <c:v>1.0964000053122409</c:v>
                </c:pt>
                <c:pt idx="7999">
                  <c:v>1.0964000053122409</c:v>
                </c:pt>
                <c:pt idx="8000">
                  <c:v>1.0964000053122409</c:v>
                </c:pt>
                <c:pt idx="8001">
                  <c:v>1.1747142914059723</c:v>
                </c:pt>
                <c:pt idx="8002">
                  <c:v>1.2217028630622111</c:v>
                </c:pt>
                <c:pt idx="8003">
                  <c:v>1.4096571496871666</c:v>
                </c:pt>
                <c:pt idx="8004">
                  <c:v>1.4096571496871666</c:v>
                </c:pt>
                <c:pt idx="8005">
                  <c:v>1.4096571496871666</c:v>
                </c:pt>
                <c:pt idx="8006">
                  <c:v>1.4096571496871666</c:v>
                </c:pt>
                <c:pt idx="8007">
                  <c:v>1.1747142914059723</c:v>
                </c:pt>
                <c:pt idx="8008">
                  <c:v>1.1120628625309872</c:v>
                </c:pt>
                <c:pt idx="8009">
                  <c:v>1.1120628625309872</c:v>
                </c:pt>
                <c:pt idx="8010">
                  <c:v>1.1120628625309872</c:v>
                </c:pt>
                <c:pt idx="8011">
                  <c:v>1.1120628625309872</c:v>
                </c:pt>
                <c:pt idx="8012">
                  <c:v>0.86145714703104637</c:v>
                </c:pt>
                <c:pt idx="8013">
                  <c:v>0.32892000159367224</c:v>
                </c:pt>
                <c:pt idx="8014">
                  <c:v>0.32892000159367224</c:v>
                </c:pt>
                <c:pt idx="8015">
                  <c:v>0.32892000159367224</c:v>
                </c:pt>
                <c:pt idx="8016">
                  <c:v>0.27125258403532859</c:v>
                </c:pt>
                <c:pt idx="8017">
                  <c:v>0.52958837835468919</c:v>
                </c:pt>
                <c:pt idx="8018">
                  <c:v>0.52958837835468919</c:v>
                </c:pt>
                <c:pt idx="8019">
                  <c:v>0.52958837835468919</c:v>
                </c:pt>
                <c:pt idx="8020">
                  <c:v>0.52958837835468919</c:v>
                </c:pt>
                <c:pt idx="8021">
                  <c:v>0.65875627551436955</c:v>
                </c:pt>
                <c:pt idx="8022">
                  <c:v>0.82667454182195388</c:v>
                </c:pt>
                <c:pt idx="8023">
                  <c:v>0.94292564926566613</c:v>
                </c:pt>
                <c:pt idx="8024">
                  <c:v>0.94292564926566613</c:v>
                </c:pt>
                <c:pt idx="8025">
                  <c:v>0.94292564926566613</c:v>
                </c:pt>
                <c:pt idx="8026">
                  <c:v>0.94292564926566613</c:v>
                </c:pt>
                <c:pt idx="8027">
                  <c:v>0.94292564926566613</c:v>
                </c:pt>
                <c:pt idx="8028">
                  <c:v>0.94292564926566613</c:v>
                </c:pt>
                <c:pt idx="8029">
                  <c:v>0.94292564926566613</c:v>
                </c:pt>
                <c:pt idx="8030">
                  <c:v>0.94292564926566613</c:v>
                </c:pt>
                <c:pt idx="8031">
                  <c:v>0.85250812125388986</c:v>
                </c:pt>
                <c:pt idx="8032">
                  <c:v>0.77500738295808169</c:v>
                </c:pt>
                <c:pt idx="8033">
                  <c:v>0.69750664466227363</c:v>
                </c:pt>
                <c:pt idx="8034">
                  <c:v>0.67167306523033743</c:v>
                </c:pt>
                <c:pt idx="8035">
                  <c:v>0.54250516807065718</c:v>
                </c:pt>
                <c:pt idx="8036">
                  <c:v>0.40042048119500889</c:v>
                </c:pt>
                <c:pt idx="8037">
                  <c:v>0.40042048119500889</c:v>
                </c:pt>
                <c:pt idx="8038">
                  <c:v>0.40042048119500889</c:v>
                </c:pt>
                <c:pt idx="8039">
                  <c:v>0.40042048119500889</c:v>
                </c:pt>
                <c:pt idx="8040">
                  <c:v>0.47210373194420985</c:v>
                </c:pt>
                <c:pt idx="8041">
                  <c:v>0.54824949516101784</c:v>
                </c:pt>
                <c:pt idx="8042">
                  <c:v>0.54824949516101784</c:v>
                </c:pt>
                <c:pt idx="8043">
                  <c:v>0.54824949516101784</c:v>
                </c:pt>
                <c:pt idx="8044">
                  <c:v>0.54824949516101784</c:v>
                </c:pt>
                <c:pt idx="8045">
                  <c:v>0.68531186895127227</c:v>
                </c:pt>
                <c:pt idx="8046">
                  <c:v>0.80714509009816515</c:v>
                </c:pt>
                <c:pt idx="8047">
                  <c:v>0.95943661653178125</c:v>
                </c:pt>
                <c:pt idx="8048">
                  <c:v>0.95943661653178125</c:v>
                </c:pt>
                <c:pt idx="8049">
                  <c:v>0.95943661653178125</c:v>
                </c:pt>
                <c:pt idx="8050">
                  <c:v>0.95943661653178125</c:v>
                </c:pt>
                <c:pt idx="8051">
                  <c:v>0.95943661653178125</c:v>
                </c:pt>
                <c:pt idx="8052">
                  <c:v>0.95943661653178125</c:v>
                </c:pt>
                <c:pt idx="8053">
                  <c:v>0.95943661653178125</c:v>
                </c:pt>
                <c:pt idx="8054">
                  <c:v>0.95943661653178125</c:v>
                </c:pt>
                <c:pt idx="8055">
                  <c:v>0.85283254802825004</c:v>
                </c:pt>
                <c:pt idx="8056">
                  <c:v>0.83760339538488826</c:v>
                </c:pt>
                <c:pt idx="8057">
                  <c:v>0.7157701742379956</c:v>
                </c:pt>
                <c:pt idx="8058">
                  <c:v>0.67008271630791072</c:v>
                </c:pt>
                <c:pt idx="8059">
                  <c:v>0.56347864780437951</c:v>
                </c:pt>
                <c:pt idx="8060">
                  <c:v>0.47210373194420985</c:v>
                </c:pt>
                <c:pt idx="8061">
                  <c:v>0.41118712137076341</c:v>
                </c:pt>
                <c:pt idx="8062">
                  <c:v>0.41118712137076341</c:v>
                </c:pt>
                <c:pt idx="8063">
                  <c:v>0.41118712137076341</c:v>
                </c:pt>
                <c:pt idx="8064">
                  <c:v>0.22420139235382208</c:v>
                </c:pt>
                <c:pt idx="8065">
                  <c:v>0.22420139235382208</c:v>
                </c:pt>
                <c:pt idx="8066">
                  <c:v>0.22420139235382208</c:v>
                </c:pt>
                <c:pt idx="8067">
                  <c:v>0.22420139235382208</c:v>
                </c:pt>
                <c:pt idx="8068">
                  <c:v>0.22420139235382208</c:v>
                </c:pt>
                <c:pt idx="8069">
                  <c:v>0.9715393668665625</c:v>
                </c:pt>
                <c:pt idx="8070">
                  <c:v>1.102323512406292</c:v>
                </c:pt>
                <c:pt idx="8071">
                  <c:v>1.102323512406292</c:v>
                </c:pt>
                <c:pt idx="8072">
                  <c:v>1.102323512406292</c:v>
                </c:pt>
                <c:pt idx="8073">
                  <c:v>1.1770573098575661</c:v>
                </c:pt>
                <c:pt idx="8074">
                  <c:v>1.1770573098575661</c:v>
                </c:pt>
                <c:pt idx="8075">
                  <c:v>1.4946759490254806</c:v>
                </c:pt>
                <c:pt idx="8076">
                  <c:v>1.4946759490254806</c:v>
                </c:pt>
                <c:pt idx="8077">
                  <c:v>0.99022281622938102</c:v>
                </c:pt>
                <c:pt idx="8078">
                  <c:v>1.4946759490254806</c:v>
                </c:pt>
                <c:pt idx="8079">
                  <c:v>1.4946759490254806</c:v>
                </c:pt>
                <c:pt idx="8080">
                  <c:v>1.4946759490254806</c:v>
                </c:pt>
                <c:pt idx="8081">
                  <c:v>1.4946759490254806</c:v>
                </c:pt>
                <c:pt idx="8082">
                  <c:v>1.4946759490254806</c:v>
                </c:pt>
                <c:pt idx="8083">
                  <c:v>1.2517911073088401</c:v>
                </c:pt>
                <c:pt idx="8084">
                  <c:v>1.0275897149550179</c:v>
                </c:pt>
                <c:pt idx="8085">
                  <c:v>0.74733797451274031</c:v>
                </c:pt>
                <c:pt idx="8086">
                  <c:v>0.70997107578710328</c:v>
                </c:pt>
                <c:pt idx="8087">
                  <c:v>0.70997107578710328</c:v>
                </c:pt>
                <c:pt idx="8088">
                  <c:v>0.65644274005427627</c:v>
                </c:pt>
                <c:pt idx="8089">
                  <c:v>0.65644274005427627</c:v>
                </c:pt>
                <c:pt idx="8090">
                  <c:v>0.65644274005427627</c:v>
                </c:pt>
                <c:pt idx="8091">
                  <c:v>0.65644274005427627</c:v>
                </c:pt>
                <c:pt idx="8092">
                  <c:v>0.65644274005427627</c:v>
                </c:pt>
                <c:pt idx="8093">
                  <c:v>0.8533755620705592</c:v>
                </c:pt>
                <c:pt idx="8094">
                  <c:v>0.95184197307870055</c:v>
                </c:pt>
                <c:pt idx="8095">
                  <c:v>0.98466411008141441</c:v>
                </c:pt>
                <c:pt idx="8096">
                  <c:v>0.98466411008141441</c:v>
                </c:pt>
                <c:pt idx="8097">
                  <c:v>1.0667194525881989</c:v>
                </c:pt>
                <c:pt idx="8098">
                  <c:v>1.1159526580922696</c:v>
                </c:pt>
                <c:pt idx="8099">
                  <c:v>1.3128854801085525</c:v>
                </c:pt>
                <c:pt idx="8100">
                  <c:v>1.3128854801085525</c:v>
                </c:pt>
                <c:pt idx="8101">
                  <c:v>1.3128854801085525</c:v>
                </c:pt>
                <c:pt idx="8102">
                  <c:v>1.3128854801085525</c:v>
                </c:pt>
                <c:pt idx="8103">
                  <c:v>1.3128854801085525</c:v>
                </c:pt>
                <c:pt idx="8104">
                  <c:v>1.3128854801085525</c:v>
                </c:pt>
                <c:pt idx="8105">
                  <c:v>1.3128854801085525</c:v>
                </c:pt>
                <c:pt idx="8106">
                  <c:v>1.3128854801085525</c:v>
                </c:pt>
                <c:pt idx="8107">
                  <c:v>1.0995415895909131</c:v>
                </c:pt>
                <c:pt idx="8108">
                  <c:v>0.90260876757462982</c:v>
                </c:pt>
                <c:pt idx="8109">
                  <c:v>0.65644274005427627</c:v>
                </c:pt>
                <c:pt idx="8110">
                  <c:v>0.65644274005427627</c:v>
                </c:pt>
                <c:pt idx="8111">
                  <c:v>0.65644274005427627</c:v>
                </c:pt>
                <c:pt idx="8112">
                  <c:v>0.56262913086861055</c:v>
                </c:pt>
                <c:pt idx="8113">
                  <c:v>0.63295777222718674</c:v>
                </c:pt>
                <c:pt idx="8114">
                  <c:v>0.63295777222718674</c:v>
                </c:pt>
                <c:pt idx="8115">
                  <c:v>0.63295777222718674</c:v>
                </c:pt>
                <c:pt idx="8116">
                  <c:v>0.63295777222718674</c:v>
                </c:pt>
                <c:pt idx="8117">
                  <c:v>0.81581223975948536</c:v>
                </c:pt>
                <c:pt idx="8118">
                  <c:v>0.94240379420492271</c:v>
                </c:pt>
                <c:pt idx="8119">
                  <c:v>0.94240379420492271</c:v>
                </c:pt>
                <c:pt idx="8120">
                  <c:v>0.94240379420492271</c:v>
                </c:pt>
                <c:pt idx="8121">
                  <c:v>1.0127324355634988</c:v>
                </c:pt>
                <c:pt idx="8122">
                  <c:v>1.0971268051937906</c:v>
                </c:pt>
                <c:pt idx="8123">
                  <c:v>1.2659155444543735</c:v>
                </c:pt>
                <c:pt idx="8124">
                  <c:v>1.2659155444543735</c:v>
                </c:pt>
                <c:pt idx="8125">
                  <c:v>1.2659155444543735</c:v>
                </c:pt>
                <c:pt idx="8126">
                  <c:v>1.2659155444543735</c:v>
                </c:pt>
                <c:pt idx="8127">
                  <c:v>1.2659155444543735</c:v>
                </c:pt>
                <c:pt idx="8128">
                  <c:v>1.2659155444543735</c:v>
                </c:pt>
                <c:pt idx="8129">
                  <c:v>1.2659155444543735</c:v>
                </c:pt>
                <c:pt idx="8130">
                  <c:v>1.2659155444543735</c:v>
                </c:pt>
                <c:pt idx="8131">
                  <c:v>1.0549296203786447</c:v>
                </c:pt>
                <c:pt idx="8132">
                  <c:v>0.84394369630291577</c:v>
                </c:pt>
                <c:pt idx="8133">
                  <c:v>0.63295777222718674</c:v>
                </c:pt>
                <c:pt idx="8134">
                  <c:v>0.63295777222718674</c:v>
                </c:pt>
                <c:pt idx="8135">
                  <c:v>0.63295777222718674</c:v>
                </c:pt>
                <c:pt idx="8136">
                  <c:v>0.62848411612338151</c:v>
                </c:pt>
                <c:pt idx="8137">
                  <c:v>0.62848411612338151</c:v>
                </c:pt>
                <c:pt idx="8138">
                  <c:v>0.62848411612338151</c:v>
                </c:pt>
                <c:pt idx="8139">
                  <c:v>0.62848411612338151</c:v>
                </c:pt>
                <c:pt idx="8140">
                  <c:v>0.62848411612338151</c:v>
                </c:pt>
                <c:pt idx="8141">
                  <c:v>0.81004619411458056</c:v>
                </c:pt>
                <c:pt idx="8142">
                  <c:v>0.93574301733925713</c:v>
                </c:pt>
                <c:pt idx="8143">
                  <c:v>0.93574301733925713</c:v>
                </c:pt>
                <c:pt idx="8144">
                  <c:v>0.93574301733925713</c:v>
                </c:pt>
                <c:pt idx="8145">
                  <c:v>1.0055745857974105</c:v>
                </c:pt>
                <c:pt idx="8146">
                  <c:v>1.0893724679471948</c:v>
                </c:pt>
                <c:pt idx="8147">
                  <c:v>1.256968232246763</c:v>
                </c:pt>
                <c:pt idx="8148">
                  <c:v>1.256968232246763</c:v>
                </c:pt>
                <c:pt idx="8149">
                  <c:v>1.256968232246763</c:v>
                </c:pt>
                <c:pt idx="8150">
                  <c:v>1.256968232246763</c:v>
                </c:pt>
                <c:pt idx="8151">
                  <c:v>1.256968232246763</c:v>
                </c:pt>
                <c:pt idx="8152">
                  <c:v>1.256968232246763</c:v>
                </c:pt>
                <c:pt idx="8153">
                  <c:v>1.256968232246763</c:v>
                </c:pt>
                <c:pt idx="8154">
                  <c:v>1.256968232246763</c:v>
                </c:pt>
                <c:pt idx="8155">
                  <c:v>1.0474735268723026</c:v>
                </c:pt>
                <c:pt idx="8156">
                  <c:v>0.8379788214978422</c:v>
                </c:pt>
                <c:pt idx="8157">
                  <c:v>0.62848411612338151</c:v>
                </c:pt>
                <c:pt idx="8158">
                  <c:v>0.62848411612338151</c:v>
                </c:pt>
                <c:pt idx="8159">
                  <c:v>0.62848411612338151</c:v>
                </c:pt>
                <c:pt idx="8160">
                  <c:v>0.70943683361122056</c:v>
                </c:pt>
                <c:pt idx="8161">
                  <c:v>0.70943683361122056</c:v>
                </c:pt>
                <c:pt idx="8162">
                  <c:v>0.70943683361122056</c:v>
                </c:pt>
                <c:pt idx="8163">
                  <c:v>0.70943683361122056</c:v>
                </c:pt>
                <c:pt idx="8164">
                  <c:v>0.70943683361122056</c:v>
                </c:pt>
                <c:pt idx="8165">
                  <c:v>0.91438525221001765</c:v>
                </c:pt>
                <c:pt idx="8166">
                  <c:v>1.1035684078396766</c:v>
                </c:pt>
                <c:pt idx="8167">
                  <c:v>1.1035684078396766</c:v>
                </c:pt>
                <c:pt idx="8168">
                  <c:v>1.1035684078396766</c:v>
                </c:pt>
                <c:pt idx="8169">
                  <c:v>1.1823947226853677</c:v>
                </c:pt>
                <c:pt idx="8170">
                  <c:v>1.2296905115927825</c:v>
                </c:pt>
                <c:pt idx="8171">
                  <c:v>1.4188736672224411</c:v>
                </c:pt>
                <c:pt idx="8172">
                  <c:v>1.4188736672224411</c:v>
                </c:pt>
                <c:pt idx="8173">
                  <c:v>1.4188736672224411</c:v>
                </c:pt>
                <c:pt idx="8174">
                  <c:v>1.4188736672224411</c:v>
                </c:pt>
                <c:pt idx="8175">
                  <c:v>1.1823947226853677</c:v>
                </c:pt>
                <c:pt idx="8176">
                  <c:v>1.1193336708088149</c:v>
                </c:pt>
                <c:pt idx="8177">
                  <c:v>1.1193336708088149</c:v>
                </c:pt>
                <c:pt idx="8178">
                  <c:v>1.1193336708088149</c:v>
                </c:pt>
                <c:pt idx="8179">
                  <c:v>1.1193336708088149</c:v>
                </c:pt>
                <c:pt idx="8180">
                  <c:v>0.86708946330260306</c:v>
                </c:pt>
                <c:pt idx="8181">
                  <c:v>0.33107052235190298</c:v>
                </c:pt>
                <c:pt idx="8182">
                  <c:v>0.33107052235190298</c:v>
                </c:pt>
                <c:pt idx="8183">
                  <c:v>0.33107052235190298</c:v>
                </c:pt>
                <c:pt idx="8184">
                  <c:v>0.27704815126628834</c:v>
                </c:pt>
                <c:pt idx="8185">
                  <c:v>0.54090353342465824</c:v>
                </c:pt>
                <c:pt idx="8186">
                  <c:v>0.54090353342465824</c:v>
                </c:pt>
                <c:pt idx="8187">
                  <c:v>0.54090353342465824</c:v>
                </c:pt>
                <c:pt idx="8188">
                  <c:v>0.54090353342465824</c:v>
                </c:pt>
                <c:pt idx="8189">
                  <c:v>0.67283122450384314</c:v>
                </c:pt>
                <c:pt idx="8190">
                  <c:v>0.8443372229067837</c:v>
                </c:pt>
                <c:pt idx="8191">
                  <c:v>0.96307214487805015</c:v>
                </c:pt>
                <c:pt idx="8192">
                  <c:v>0.96307214487805015</c:v>
                </c:pt>
                <c:pt idx="8193">
                  <c:v>0.96307214487805015</c:v>
                </c:pt>
                <c:pt idx="8194">
                  <c:v>0.96307214487805015</c:v>
                </c:pt>
                <c:pt idx="8195">
                  <c:v>0.96307214487805015</c:v>
                </c:pt>
                <c:pt idx="8196">
                  <c:v>0.96307214487805015</c:v>
                </c:pt>
                <c:pt idx="8197">
                  <c:v>0.96307214487805015</c:v>
                </c:pt>
                <c:pt idx="8198">
                  <c:v>0.96307214487805015</c:v>
                </c:pt>
                <c:pt idx="8199">
                  <c:v>0.87072276112262059</c:v>
                </c:pt>
                <c:pt idx="8200">
                  <c:v>0.7915661464751097</c:v>
                </c:pt>
                <c:pt idx="8201">
                  <c:v>0.7124095318275987</c:v>
                </c:pt>
                <c:pt idx="8202">
                  <c:v>0.6860239936117617</c:v>
                </c:pt>
                <c:pt idx="8203">
                  <c:v>0.55409630253257669</c:v>
                </c:pt>
                <c:pt idx="8204">
                  <c:v>0.40897584234547329</c:v>
                </c:pt>
                <c:pt idx="8205">
                  <c:v>0.40897584234547329</c:v>
                </c:pt>
                <c:pt idx="8206">
                  <c:v>0.40897584234547329</c:v>
                </c:pt>
                <c:pt idx="8207">
                  <c:v>0.40897584234547329</c:v>
                </c:pt>
                <c:pt idx="8208">
                  <c:v>0.39674753450587652</c:v>
                </c:pt>
                <c:pt idx="8209">
                  <c:v>0.46073907232940503</c:v>
                </c:pt>
                <c:pt idx="8210">
                  <c:v>0.46073907232940503</c:v>
                </c:pt>
                <c:pt idx="8211">
                  <c:v>0.46073907232940503</c:v>
                </c:pt>
                <c:pt idx="8212">
                  <c:v>0.46073907232940503</c:v>
                </c:pt>
                <c:pt idx="8213">
                  <c:v>0.57592384041175637</c:v>
                </c:pt>
                <c:pt idx="8214">
                  <c:v>0.67831030092940192</c:v>
                </c:pt>
                <c:pt idx="8215">
                  <c:v>0.80629337657645883</c:v>
                </c:pt>
                <c:pt idx="8216">
                  <c:v>0.80629337657645883</c:v>
                </c:pt>
                <c:pt idx="8217">
                  <c:v>0.80629337657645883</c:v>
                </c:pt>
                <c:pt idx="8218">
                  <c:v>0.80629337657645883</c:v>
                </c:pt>
                <c:pt idx="8219">
                  <c:v>0.80629337657645883</c:v>
                </c:pt>
                <c:pt idx="8220">
                  <c:v>0.80629337657645883</c:v>
                </c:pt>
                <c:pt idx="8221">
                  <c:v>0.80629337657645883</c:v>
                </c:pt>
                <c:pt idx="8222">
                  <c:v>0.80629337657645883</c:v>
                </c:pt>
                <c:pt idx="8223">
                  <c:v>0.71670522362351896</c:v>
                </c:pt>
                <c:pt idx="8224">
                  <c:v>0.70390691605881317</c:v>
                </c:pt>
                <c:pt idx="8225">
                  <c:v>0.60152045554116784</c:v>
                </c:pt>
                <c:pt idx="8226">
                  <c:v>0.56312553284705069</c:v>
                </c:pt>
                <c:pt idx="8227">
                  <c:v>0.47353737989411082</c:v>
                </c:pt>
                <c:pt idx="8228">
                  <c:v>0.39674753450587652</c:v>
                </c:pt>
                <c:pt idx="8229">
                  <c:v>0.3455543042470538</c:v>
                </c:pt>
                <c:pt idx="8230">
                  <c:v>0.3455543042470538</c:v>
                </c:pt>
                <c:pt idx="8231">
                  <c:v>0.3455543042470538</c:v>
                </c:pt>
                <c:pt idx="8232">
                  <c:v>0.20548783347414237</c:v>
                </c:pt>
                <c:pt idx="8233">
                  <c:v>0.20548783347414237</c:v>
                </c:pt>
                <c:pt idx="8234">
                  <c:v>0.20548783347414237</c:v>
                </c:pt>
                <c:pt idx="8235">
                  <c:v>0.20548783347414237</c:v>
                </c:pt>
                <c:pt idx="8236">
                  <c:v>0.20548783347414237</c:v>
                </c:pt>
                <c:pt idx="8237">
                  <c:v>0.89044727838795013</c:v>
                </c:pt>
                <c:pt idx="8238">
                  <c:v>1.0103151812478666</c:v>
                </c:pt>
                <c:pt idx="8239">
                  <c:v>1.0103151812478666</c:v>
                </c:pt>
                <c:pt idx="8240">
                  <c:v>1.0103151812478666</c:v>
                </c:pt>
                <c:pt idx="8241">
                  <c:v>1.0788111257392474</c:v>
                </c:pt>
                <c:pt idx="8242">
                  <c:v>1.0788111257392474</c:v>
                </c:pt>
                <c:pt idx="8243">
                  <c:v>1.3699188898276158</c:v>
                </c:pt>
                <c:pt idx="8244">
                  <c:v>1.3699188898276158</c:v>
                </c:pt>
                <c:pt idx="8245">
                  <c:v>0.90757126451079539</c:v>
                </c:pt>
                <c:pt idx="8246">
                  <c:v>1.3699188898276158</c:v>
                </c:pt>
                <c:pt idx="8247">
                  <c:v>1.3699188898276158</c:v>
                </c:pt>
                <c:pt idx="8248">
                  <c:v>1.3699188898276158</c:v>
                </c:pt>
                <c:pt idx="8249">
                  <c:v>1.3699188898276158</c:v>
                </c:pt>
                <c:pt idx="8250">
                  <c:v>1.3699188898276158</c:v>
                </c:pt>
                <c:pt idx="8251">
                  <c:v>1.1473070702306283</c:v>
                </c:pt>
                <c:pt idx="8252">
                  <c:v>0.94181923675648571</c:v>
                </c:pt>
                <c:pt idx="8253">
                  <c:v>0.68495944491380789</c:v>
                </c:pt>
                <c:pt idx="8254">
                  <c:v>0.65071147266811746</c:v>
                </c:pt>
                <c:pt idx="8255">
                  <c:v>0.65071147266811746</c:v>
                </c:pt>
                <c:pt idx="8256">
                  <c:v>0.6152440208087061</c:v>
                </c:pt>
                <c:pt idx="8257">
                  <c:v>0.6152440208087061</c:v>
                </c:pt>
                <c:pt idx="8258">
                  <c:v>0.6152440208087061</c:v>
                </c:pt>
                <c:pt idx="8259">
                  <c:v>0.6152440208087061</c:v>
                </c:pt>
                <c:pt idx="8260">
                  <c:v>0.6152440208087061</c:v>
                </c:pt>
                <c:pt idx="8261">
                  <c:v>0.79981722705131797</c:v>
                </c:pt>
                <c:pt idx="8262">
                  <c:v>0.89210383017262374</c:v>
                </c:pt>
                <c:pt idx="8263">
                  <c:v>0.9228660312130591</c:v>
                </c:pt>
                <c:pt idx="8264">
                  <c:v>0.9228660312130591</c:v>
                </c:pt>
                <c:pt idx="8265">
                  <c:v>0.99977153381414741</c:v>
                </c:pt>
                <c:pt idx="8266">
                  <c:v>1.0459148353748002</c:v>
                </c:pt>
                <c:pt idx="8267">
                  <c:v>1.2304880416174122</c:v>
                </c:pt>
                <c:pt idx="8268">
                  <c:v>1.2304880416174122</c:v>
                </c:pt>
                <c:pt idx="8269">
                  <c:v>1.2304880416174122</c:v>
                </c:pt>
                <c:pt idx="8270">
                  <c:v>1.2304880416174122</c:v>
                </c:pt>
                <c:pt idx="8271">
                  <c:v>1.2304880416174122</c:v>
                </c:pt>
                <c:pt idx="8272">
                  <c:v>1.2304880416174122</c:v>
                </c:pt>
                <c:pt idx="8273">
                  <c:v>1.2304880416174122</c:v>
                </c:pt>
                <c:pt idx="8274">
                  <c:v>1.2304880416174122</c:v>
                </c:pt>
                <c:pt idx="8275">
                  <c:v>1.0305337348545827</c:v>
                </c:pt>
                <c:pt idx="8276">
                  <c:v>0.8459605286119708</c:v>
                </c:pt>
                <c:pt idx="8277">
                  <c:v>0.6152440208087061</c:v>
                </c:pt>
                <c:pt idx="8278">
                  <c:v>0.6152440208087061</c:v>
                </c:pt>
                <c:pt idx="8279">
                  <c:v>0.6152440208087061</c:v>
                </c:pt>
                <c:pt idx="8280">
                  <c:v>0.56938297670174809</c:v>
                </c:pt>
                <c:pt idx="8281">
                  <c:v>0.64055584878946659</c:v>
                </c:pt>
                <c:pt idx="8282">
                  <c:v>0.64055584878946659</c:v>
                </c:pt>
                <c:pt idx="8283">
                  <c:v>0.64055584878946659</c:v>
                </c:pt>
                <c:pt idx="8284">
                  <c:v>0.64055584878946659</c:v>
                </c:pt>
                <c:pt idx="8285">
                  <c:v>0.82560531621753463</c:v>
                </c:pt>
                <c:pt idx="8286">
                  <c:v>0.95371648597542802</c:v>
                </c:pt>
                <c:pt idx="8287">
                  <c:v>0.95371648597542802</c:v>
                </c:pt>
                <c:pt idx="8288">
                  <c:v>0.95371648597542802</c:v>
                </c:pt>
                <c:pt idx="8289">
                  <c:v>1.0248893580631464</c:v>
                </c:pt>
                <c:pt idx="8290">
                  <c:v>1.1102968045684087</c:v>
                </c:pt>
                <c:pt idx="8291">
                  <c:v>1.2811116975789332</c:v>
                </c:pt>
                <c:pt idx="8292">
                  <c:v>1.2811116975789332</c:v>
                </c:pt>
                <c:pt idx="8293">
                  <c:v>1.2811116975789332</c:v>
                </c:pt>
                <c:pt idx="8294">
                  <c:v>1.2811116975789332</c:v>
                </c:pt>
                <c:pt idx="8295">
                  <c:v>1.2811116975789332</c:v>
                </c:pt>
                <c:pt idx="8296">
                  <c:v>1.2811116975789332</c:v>
                </c:pt>
                <c:pt idx="8297">
                  <c:v>1.2811116975789332</c:v>
                </c:pt>
                <c:pt idx="8298">
                  <c:v>1.2811116975789332</c:v>
                </c:pt>
                <c:pt idx="8299">
                  <c:v>1.0675930813157775</c:v>
                </c:pt>
                <c:pt idx="8300">
                  <c:v>0.85407446505262208</c:v>
                </c:pt>
                <c:pt idx="8301">
                  <c:v>0.64055584878946659</c:v>
                </c:pt>
                <c:pt idx="8302">
                  <c:v>0.64055584878946659</c:v>
                </c:pt>
                <c:pt idx="8303">
                  <c:v>0.64055584878946659</c:v>
                </c:pt>
                <c:pt idx="8304">
                  <c:v>0.6486832720418233</c:v>
                </c:pt>
                <c:pt idx="8305">
                  <c:v>0.6486832720418233</c:v>
                </c:pt>
                <c:pt idx="8306">
                  <c:v>0.6486832720418233</c:v>
                </c:pt>
                <c:pt idx="8307">
                  <c:v>0.6486832720418233</c:v>
                </c:pt>
                <c:pt idx="8308">
                  <c:v>0.6486832720418233</c:v>
                </c:pt>
                <c:pt idx="8309">
                  <c:v>0.83608066174279438</c:v>
                </c:pt>
                <c:pt idx="8310">
                  <c:v>0.96581731615115918</c:v>
                </c:pt>
                <c:pt idx="8311">
                  <c:v>0.96581731615115918</c:v>
                </c:pt>
                <c:pt idx="8312">
                  <c:v>0.96581731615115918</c:v>
                </c:pt>
                <c:pt idx="8313">
                  <c:v>1.0378932352669172</c:v>
                </c:pt>
                <c:pt idx="8314">
                  <c:v>1.1243843382058269</c:v>
                </c:pt>
                <c:pt idx="8315">
                  <c:v>1.2973665440836466</c:v>
                </c:pt>
                <c:pt idx="8316">
                  <c:v>1.2973665440836466</c:v>
                </c:pt>
                <c:pt idx="8317">
                  <c:v>1.2973665440836466</c:v>
                </c:pt>
                <c:pt idx="8318">
                  <c:v>1.2973665440836466</c:v>
                </c:pt>
                <c:pt idx="8319">
                  <c:v>1.2973665440836466</c:v>
                </c:pt>
                <c:pt idx="8320">
                  <c:v>1.2973665440836466</c:v>
                </c:pt>
                <c:pt idx="8321">
                  <c:v>1.2973665440836466</c:v>
                </c:pt>
                <c:pt idx="8322">
                  <c:v>1.2973665440836466</c:v>
                </c:pt>
                <c:pt idx="8323">
                  <c:v>1.081138786736372</c:v>
                </c:pt>
                <c:pt idx="8324">
                  <c:v>0.8649110293890977</c:v>
                </c:pt>
                <c:pt idx="8325">
                  <c:v>0.6486832720418233</c:v>
                </c:pt>
                <c:pt idx="8326">
                  <c:v>0.6486832720418233</c:v>
                </c:pt>
                <c:pt idx="8327">
                  <c:v>0.6486832720418233</c:v>
                </c:pt>
                <c:pt idx="8328">
                  <c:v>0.71404509237885805</c:v>
                </c:pt>
                <c:pt idx="8329">
                  <c:v>0.71404509237885805</c:v>
                </c:pt>
                <c:pt idx="8330">
                  <c:v>0.71404509237885805</c:v>
                </c:pt>
                <c:pt idx="8331">
                  <c:v>0.71404509237885805</c:v>
                </c:pt>
                <c:pt idx="8332">
                  <c:v>0.71404509237885805</c:v>
                </c:pt>
                <c:pt idx="8333">
                  <c:v>0.92032478573275023</c:v>
                </c:pt>
                <c:pt idx="8334">
                  <c:v>1.1107368103671125</c:v>
                </c:pt>
                <c:pt idx="8335">
                  <c:v>1.1107368103671125</c:v>
                </c:pt>
                <c:pt idx="8336">
                  <c:v>1.1107368103671125</c:v>
                </c:pt>
                <c:pt idx="8337">
                  <c:v>1.1900751539647634</c:v>
                </c:pt>
                <c:pt idx="8338">
                  <c:v>1.2376781601233537</c:v>
                </c:pt>
                <c:pt idx="8339">
                  <c:v>1.4280901847577161</c:v>
                </c:pt>
                <c:pt idx="8340">
                  <c:v>1.4280901847577161</c:v>
                </c:pt>
                <c:pt idx="8341">
                  <c:v>1.4280901847577161</c:v>
                </c:pt>
                <c:pt idx="8342">
                  <c:v>1.4280901847577161</c:v>
                </c:pt>
                <c:pt idx="8343">
                  <c:v>1.1900751539647634</c:v>
                </c:pt>
                <c:pt idx="8344">
                  <c:v>1.1266044790866427</c:v>
                </c:pt>
                <c:pt idx="8345">
                  <c:v>1.1266044790866427</c:v>
                </c:pt>
                <c:pt idx="8346">
                  <c:v>1.1266044790866427</c:v>
                </c:pt>
                <c:pt idx="8347">
                  <c:v>1.1266044790866427</c:v>
                </c:pt>
                <c:pt idx="8348">
                  <c:v>0.87272177957415986</c:v>
                </c:pt>
                <c:pt idx="8349">
                  <c:v>0.33322104311013373</c:v>
                </c:pt>
                <c:pt idx="8350">
                  <c:v>0.33322104311013373</c:v>
                </c:pt>
                <c:pt idx="8351">
                  <c:v>0.33322104311013373</c:v>
                </c:pt>
                <c:pt idx="8352">
                  <c:v>0.22271470847604022</c:v>
                </c:pt>
                <c:pt idx="8353">
                  <c:v>0.43482395464369766</c:v>
                </c:pt>
                <c:pt idx="8354">
                  <c:v>0.43482395464369766</c:v>
                </c:pt>
                <c:pt idx="8355">
                  <c:v>0.43482395464369766</c:v>
                </c:pt>
                <c:pt idx="8356">
                  <c:v>0.43482395464369766</c:v>
                </c:pt>
                <c:pt idx="8357">
                  <c:v>0.54087857772752623</c:v>
                </c:pt>
                <c:pt idx="8358">
                  <c:v>0.67874958773650362</c:v>
                </c:pt>
                <c:pt idx="8359">
                  <c:v>0.77419874851194947</c:v>
                </c:pt>
                <c:pt idx="8360">
                  <c:v>0.77419874851194947</c:v>
                </c:pt>
                <c:pt idx="8361">
                  <c:v>0.77419874851194947</c:v>
                </c:pt>
                <c:pt idx="8362">
                  <c:v>0.77419874851194947</c:v>
                </c:pt>
                <c:pt idx="8363">
                  <c:v>0.77419874851194947</c:v>
                </c:pt>
                <c:pt idx="8364">
                  <c:v>0.77419874851194947</c:v>
                </c:pt>
                <c:pt idx="8365">
                  <c:v>0.77419874851194947</c:v>
                </c:pt>
                <c:pt idx="8366">
                  <c:v>0.77419874851194947</c:v>
                </c:pt>
                <c:pt idx="8367">
                  <c:v>0.69996051235326939</c:v>
                </c:pt>
                <c:pt idx="8368">
                  <c:v>0.63632773850297208</c:v>
                </c:pt>
                <c:pt idx="8369">
                  <c:v>0.57269496465267489</c:v>
                </c:pt>
                <c:pt idx="8370">
                  <c:v>0.55148404003590912</c:v>
                </c:pt>
                <c:pt idx="8371">
                  <c:v>0.44542941695208044</c:v>
                </c:pt>
                <c:pt idx="8372">
                  <c:v>0.32876933155986893</c:v>
                </c:pt>
                <c:pt idx="8373">
                  <c:v>0.32876933155986893</c:v>
                </c:pt>
                <c:pt idx="8374">
                  <c:v>0.32876933155986893</c:v>
                </c:pt>
                <c:pt idx="8375">
                  <c:v>0.32876933155986893</c:v>
                </c:pt>
                <c:pt idx="8376">
                  <c:v>0.32260675960687146</c:v>
                </c:pt>
                <c:pt idx="8377">
                  <c:v>0.37464010793056046</c:v>
                </c:pt>
                <c:pt idx="8378">
                  <c:v>0.37464010793056046</c:v>
                </c:pt>
                <c:pt idx="8379">
                  <c:v>0.37464010793056046</c:v>
                </c:pt>
                <c:pt idx="8380">
                  <c:v>0.37464010793056046</c:v>
                </c:pt>
                <c:pt idx="8381">
                  <c:v>0.46830013491320061</c:v>
                </c:pt>
                <c:pt idx="8382">
                  <c:v>0.55155349223110295</c:v>
                </c:pt>
                <c:pt idx="8383">
                  <c:v>0.65562018887848073</c:v>
                </c:pt>
                <c:pt idx="8384">
                  <c:v>0.65562018887848073</c:v>
                </c:pt>
                <c:pt idx="8385">
                  <c:v>0.65562018887848073</c:v>
                </c:pt>
                <c:pt idx="8386">
                  <c:v>0.65562018887848073</c:v>
                </c:pt>
                <c:pt idx="8387">
                  <c:v>0.65562018887848073</c:v>
                </c:pt>
                <c:pt idx="8388">
                  <c:v>0.65562018887848073</c:v>
                </c:pt>
                <c:pt idx="8389">
                  <c:v>0.65562018887848073</c:v>
                </c:pt>
                <c:pt idx="8390">
                  <c:v>0.65562018887848073</c:v>
                </c:pt>
                <c:pt idx="8391">
                  <c:v>0.58277350122531635</c:v>
                </c:pt>
                <c:pt idx="8392">
                  <c:v>0.57236683156057844</c:v>
                </c:pt>
                <c:pt idx="8393">
                  <c:v>0.4891134742426762</c:v>
                </c:pt>
                <c:pt idx="8394">
                  <c:v>0.45789346524846275</c:v>
                </c:pt>
                <c:pt idx="8395">
                  <c:v>0.38504677759529832</c:v>
                </c:pt>
                <c:pt idx="8396">
                  <c:v>0.32260675960687146</c:v>
                </c:pt>
                <c:pt idx="8397">
                  <c:v>0.28098008094792032</c:v>
                </c:pt>
                <c:pt idx="8398">
                  <c:v>0.28098008094792032</c:v>
                </c:pt>
                <c:pt idx="8399">
                  <c:v>0.28098008094792032</c:v>
                </c:pt>
                <c:pt idx="8400">
                  <c:v>0.19397179724049335</c:v>
                </c:pt>
                <c:pt idx="8401">
                  <c:v>0.19397179724049335</c:v>
                </c:pt>
                <c:pt idx="8402">
                  <c:v>0.19397179724049335</c:v>
                </c:pt>
                <c:pt idx="8403">
                  <c:v>0.19397179724049335</c:v>
                </c:pt>
                <c:pt idx="8404">
                  <c:v>0.19397179724049335</c:v>
                </c:pt>
                <c:pt idx="8405">
                  <c:v>0.84054445470880468</c:v>
                </c:pt>
                <c:pt idx="8406">
                  <c:v>0.95369466976575901</c:v>
                </c:pt>
                <c:pt idx="8407">
                  <c:v>0.95369466976575901</c:v>
                </c:pt>
                <c:pt idx="8408">
                  <c:v>0.95369466976575901</c:v>
                </c:pt>
                <c:pt idx="8409">
                  <c:v>1.0183519355125901</c:v>
                </c:pt>
                <c:pt idx="8410">
                  <c:v>1.0183519355125901</c:v>
                </c:pt>
                <c:pt idx="8411">
                  <c:v>1.2931453149366223</c:v>
                </c:pt>
                <c:pt idx="8412">
                  <c:v>1.2931453149366223</c:v>
                </c:pt>
                <c:pt idx="8413">
                  <c:v>0.85670877114551225</c:v>
                </c:pt>
                <c:pt idx="8414">
                  <c:v>1.2931453149366223</c:v>
                </c:pt>
                <c:pt idx="8415">
                  <c:v>1.2931453149366223</c:v>
                </c:pt>
                <c:pt idx="8416">
                  <c:v>1.2931453149366223</c:v>
                </c:pt>
                <c:pt idx="8417">
                  <c:v>1.2931453149366223</c:v>
                </c:pt>
                <c:pt idx="8418">
                  <c:v>1.2931453149366223</c:v>
                </c:pt>
                <c:pt idx="8419">
                  <c:v>1.0830092012594212</c:v>
                </c:pt>
                <c:pt idx="8420">
                  <c:v>0.88903740401892783</c:v>
                </c:pt>
                <c:pt idx="8421">
                  <c:v>0.64657265746831116</c:v>
                </c:pt>
                <c:pt idx="8422">
                  <c:v>0.61424402459489558</c:v>
                </c:pt>
                <c:pt idx="8423">
                  <c:v>0.61424402459489558</c:v>
                </c:pt>
                <c:pt idx="8424">
                  <c:v>0.56029700927396353</c:v>
                </c:pt>
                <c:pt idx="8425">
                  <c:v>0.56029700927396353</c:v>
                </c:pt>
                <c:pt idx="8426">
                  <c:v>0.56029700927396353</c:v>
                </c:pt>
                <c:pt idx="8427">
                  <c:v>0.56029700927396353</c:v>
                </c:pt>
                <c:pt idx="8428">
                  <c:v>0.56029700927396353</c:v>
                </c:pt>
                <c:pt idx="8429">
                  <c:v>0.72838611205615267</c:v>
                </c:pt>
                <c:pt idx="8430">
                  <c:v>0.81243066344724713</c:v>
                </c:pt>
                <c:pt idx="8431">
                  <c:v>0.84044551391094535</c:v>
                </c:pt>
                <c:pt idx="8432">
                  <c:v>0.84044551391094535</c:v>
                </c:pt>
                <c:pt idx="8433">
                  <c:v>0.91048264007019075</c:v>
                </c:pt>
                <c:pt idx="8434">
                  <c:v>0.95250491576573793</c:v>
                </c:pt>
                <c:pt idx="8435">
                  <c:v>1.1205940185479271</c:v>
                </c:pt>
                <c:pt idx="8436">
                  <c:v>1.1205940185479271</c:v>
                </c:pt>
                <c:pt idx="8437">
                  <c:v>1.1205940185479271</c:v>
                </c:pt>
                <c:pt idx="8438">
                  <c:v>1.1205940185479271</c:v>
                </c:pt>
                <c:pt idx="8439">
                  <c:v>1.1205940185479271</c:v>
                </c:pt>
                <c:pt idx="8440">
                  <c:v>1.1205940185479271</c:v>
                </c:pt>
                <c:pt idx="8441">
                  <c:v>1.1205940185479271</c:v>
                </c:pt>
                <c:pt idx="8442">
                  <c:v>1.1205940185479271</c:v>
                </c:pt>
                <c:pt idx="8443">
                  <c:v>0.93849749053388898</c:v>
                </c:pt>
                <c:pt idx="8444">
                  <c:v>0.77040838775169984</c:v>
                </c:pt>
                <c:pt idx="8445">
                  <c:v>0.56029700927396353</c:v>
                </c:pt>
                <c:pt idx="8446">
                  <c:v>0.56029700927396353</c:v>
                </c:pt>
                <c:pt idx="8447">
                  <c:v>0.56029700927396353</c:v>
                </c:pt>
                <c:pt idx="8448">
                  <c:v>0.51310092809226804</c:v>
                </c:pt>
                <c:pt idx="8449">
                  <c:v>0.57723854410380149</c:v>
                </c:pt>
                <c:pt idx="8450">
                  <c:v>0.57723854410380149</c:v>
                </c:pt>
                <c:pt idx="8451">
                  <c:v>0.57723854410380149</c:v>
                </c:pt>
                <c:pt idx="8452">
                  <c:v>0.57723854410380149</c:v>
                </c:pt>
                <c:pt idx="8453">
                  <c:v>0.74399634573378859</c:v>
                </c:pt>
                <c:pt idx="8454">
                  <c:v>0.85944405455454898</c:v>
                </c:pt>
                <c:pt idx="8455">
                  <c:v>0.85944405455454898</c:v>
                </c:pt>
                <c:pt idx="8456">
                  <c:v>0.85944405455454898</c:v>
                </c:pt>
                <c:pt idx="8457">
                  <c:v>0.92358167056608242</c:v>
                </c:pt>
                <c:pt idx="8458">
                  <c:v>1.0005468097799226</c:v>
                </c:pt>
                <c:pt idx="8459">
                  <c:v>1.154477088207603</c:v>
                </c:pt>
                <c:pt idx="8460">
                  <c:v>1.154477088207603</c:v>
                </c:pt>
                <c:pt idx="8461">
                  <c:v>1.154477088207603</c:v>
                </c:pt>
                <c:pt idx="8462">
                  <c:v>1.154477088207603</c:v>
                </c:pt>
                <c:pt idx="8463">
                  <c:v>1.154477088207603</c:v>
                </c:pt>
                <c:pt idx="8464">
                  <c:v>1.154477088207603</c:v>
                </c:pt>
                <c:pt idx="8465">
                  <c:v>1.154477088207603</c:v>
                </c:pt>
                <c:pt idx="8466">
                  <c:v>1.154477088207603</c:v>
                </c:pt>
                <c:pt idx="8467">
                  <c:v>0.96206424017300263</c:v>
                </c:pt>
                <c:pt idx="8468">
                  <c:v>0.76965139213840206</c:v>
                </c:pt>
                <c:pt idx="8469">
                  <c:v>0.57723854410380149</c:v>
                </c:pt>
                <c:pt idx="8470">
                  <c:v>0.57723854410380149</c:v>
                </c:pt>
                <c:pt idx="8471">
                  <c:v>0.57723854410380149</c:v>
                </c:pt>
                <c:pt idx="8472">
                  <c:v>0.60323517122532955</c:v>
                </c:pt>
                <c:pt idx="8473">
                  <c:v>0.60323517122532955</c:v>
                </c:pt>
                <c:pt idx="8474">
                  <c:v>0.60323517122532955</c:v>
                </c:pt>
                <c:pt idx="8475">
                  <c:v>0.60323517122532955</c:v>
                </c:pt>
                <c:pt idx="8476">
                  <c:v>0.60323517122532955</c:v>
                </c:pt>
                <c:pt idx="8477">
                  <c:v>0.77750310957931357</c:v>
                </c:pt>
                <c:pt idx="8478">
                  <c:v>0.89815014382437941</c:v>
                </c:pt>
                <c:pt idx="8479">
                  <c:v>0.89815014382437941</c:v>
                </c:pt>
                <c:pt idx="8480">
                  <c:v>0.89815014382437941</c:v>
                </c:pt>
                <c:pt idx="8481">
                  <c:v>0.96517627396052719</c:v>
                </c:pt>
                <c:pt idx="8482">
                  <c:v>1.0456076301239043</c:v>
                </c:pt>
                <c:pt idx="8483">
                  <c:v>1.2064703424506591</c:v>
                </c:pt>
                <c:pt idx="8484">
                  <c:v>1.2064703424506591</c:v>
                </c:pt>
                <c:pt idx="8485">
                  <c:v>1.2064703424506591</c:v>
                </c:pt>
                <c:pt idx="8486">
                  <c:v>1.2064703424506591</c:v>
                </c:pt>
                <c:pt idx="8487">
                  <c:v>1.2064703424506591</c:v>
                </c:pt>
                <c:pt idx="8488">
                  <c:v>1.2064703424506591</c:v>
                </c:pt>
                <c:pt idx="8489">
                  <c:v>1.2064703424506591</c:v>
                </c:pt>
                <c:pt idx="8490">
                  <c:v>1.2064703424506591</c:v>
                </c:pt>
                <c:pt idx="8491">
                  <c:v>1.0053919520422159</c:v>
                </c:pt>
                <c:pt idx="8492">
                  <c:v>0.80431356163377277</c:v>
                </c:pt>
                <c:pt idx="8493">
                  <c:v>0.60323517122532955</c:v>
                </c:pt>
                <c:pt idx="8494">
                  <c:v>0.60323517122532955</c:v>
                </c:pt>
                <c:pt idx="8495">
                  <c:v>0.60323517122532955</c:v>
                </c:pt>
                <c:pt idx="8496">
                  <c:v>0.66980580820953972</c:v>
                </c:pt>
                <c:pt idx="8497">
                  <c:v>0.66980580820953972</c:v>
                </c:pt>
                <c:pt idx="8498">
                  <c:v>0.66980580820953972</c:v>
                </c:pt>
                <c:pt idx="8499">
                  <c:v>0.66980580820953972</c:v>
                </c:pt>
                <c:pt idx="8500">
                  <c:v>0.66980580820953972</c:v>
                </c:pt>
                <c:pt idx="8501">
                  <c:v>0.8633052639145179</c:v>
                </c:pt>
                <c:pt idx="8502">
                  <c:v>1.0419201461037289</c:v>
                </c:pt>
                <c:pt idx="8503">
                  <c:v>1.0419201461037289</c:v>
                </c:pt>
                <c:pt idx="8504">
                  <c:v>1.0419201461037289</c:v>
                </c:pt>
                <c:pt idx="8505">
                  <c:v>1.1163430136825665</c:v>
                </c:pt>
                <c:pt idx="8506">
                  <c:v>1.160996734229869</c:v>
                </c:pt>
                <c:pt idx="8507">
                  <c:v>1.3396116164190794</c:v>
                </c:pt>
                <c:pt idx="8508">
                  <c:v>1.3396116164190794</c:v>
                </c:pt>
                <c:pt idx="8509">
                  <c:v>1.3396116164190794</c:v>
                </c:pt>
                <c:pt idx="8510">
                  <c:v>1.3396116164190794</c:v>
                </c:pt>
                <c:pt idx="8511">
                  <c:v>1.1163430136825665</c:v>
                </c:pt>
                <c:pt idx="8512">
                  <c:v>1.0568047196194961</c:v>
                </c:pt>
                <c:pt idx="8513">
                  <c:v>1.0568047196194961</c:v>
                </c:pt>
                <c:pt idx="8514">
                  <c:v>1.0568047196194961</c:v>
                </c:pt>
                <c:pt idx="8515">
                  <c:v>1.0568047196194961</c:v>
                </c:pt>
                <c:pt idx="8516">
                  <c:v>0.81865154336721535</c:v>
                </c:pt>
                <c:pt idx="8517">
                  <c:v>0.31257604383111859</c:v>
                </c:pt>
                <c:pt idx="8518">
                  <c:v>0.31257604383111859</c:v>
                </c:pt>
                <c:pt idx="8519">
                  <c:v>0.31257604383111859</c:v>
                </c:pt>
                <c:pt idx="8520">
                  <c:v>0.2321325052263499</c:v>
                </c:pt>
                <c:pt idx="8521">
                  <c:v>0.45321108163239754</c:v>
                </c:pt>
                <c:pt idx="8522">
                  <c:v>0.45321108163239754</c:v>
                </c:pt>
                <c:pt idx="8523">
                  <c:v>0.45321108163239754</c:v>
                </c:pt>
                <c:pt idx="8524">
                  <c:v>0.45321108163239754</c:v>
                </c:pt>
                <c:pt idx="8525">
                  <c:v>0.56375036983542126</c:v>
                </c:pt>
                <c:pt idx="8526">
                  <c:v>0.70745144449935216</c:v>
                </c:pt>
                <c:pt idx="8527">
                  <c:v>0.80693680388207356</c:v>
                </c:pt>
                <c:pt idx="8528">
                  <c:v>0.80693680388207356</c:v>
                </c:pt>
                <c:pt idx="8529">
                  <c:v>0.80693680388207356</c:v>
                </c:pt>
                <c:pt idx="8530">
                  <c:v>0.80693680388207356</c:v>
                </c:pt>
                <c:pt idx="8531">
                  <c:v>0.80693680388207356</c:v>
                </c:pt>
                <c:pt idx="8532">
                  <c:v>0.80693680388207356</c:v>
                </c:pt>
                <c:pt idx="8533">
                  <c:v>0.80693680388207356</c:v>
                </c:pt>
                <c:pt idx="8534">
                  <c:v>0.80693680388207356</c:v>
                </c:pt>
                <c:pt idx="8535">
                  <c:v>0.7295593021399569</c:v>
                </c:pt>
                <c:pt idx="8536">
                  <c:v>0.66323572921814267</c:v>
                </c:pt>
                <c:pt idx="8537">
                  <c:v>0.59691215629632832</c:v>
                </c:pt>
                <c:pt idx="8538">
                  <c:v>0.57480429865572358</c:v>
                </c:pt>
                <c:pt idx="8539">
                  <c:v>0.4642650104526998</c:v>
                </c:pt>
                <c:pt idx="8540">
                  <c:v>0.34267179342937371</c:v>
                </c:pt>
                <c:pt idx="8541">
                  <c:v>0.34267179342937371</c:v>
                </c:pt>
                <c:pt idx="8542">
                  <c:v>0.34267179342937371</c:v>
                </c:pt>
                <c:pt idx="8543">
                  <c:v>0.34267179342937371</c:v>
                </c:pt>
                <c:pt idx="8544">
                  <c:v>0.40282464720251637</c:v>
                </c:pt>
                <c:pt idx="8545">
                  <c:v>0.46779636449324485</c:v>
                </c:pt>
                <c:pt idx="8546">
                  <c:v>0.46779636449324485</c:v>
                </c:pt>
                <c:pt idx="8547">
                  <c:v>0.46779636449324485</c:v>
                </c:pt>
                <c:pt idx="8548">
                  <c:v>0.46779636449324485</c:v>
                </c:pt>
                <c:pt idx="8549">
                  <c:v>0.584745455616556</c:v>
                </c:pt>
                <c:pt idx="8550">
                  <c:v>0.68870020328172155</c:v>
                </c:pt>
                <c:pt idx="8551">
                  <c:v>0.81864363786317862</c:v>
                </c:pt>
                <c:pt idx="8552">
                  <c:v>0.81864363786317862</c:v>
                </c:pt>
                <c:pt idx="8553">
                  <c:v>0.81864363786317862</c:v>
                </c:pt>
                <c:pt idx="8554">
                  <c:v>0.81864363786317862</c:v>
                </c:pt>
                <c:pt idx="8555">
                  <c:v>0.81864363786317862</c:v>
                </c:pt>
                <c:pt idx="8556">
                  <c:v>0.81864363786317862</c:v>
                </c:pt>
                <c:pt idx="8557">
                  <c:v>0.81864363786317862</c:v>
                </c:pt>
                <c:pt idx="8558">
                  <c:v>0.81864363786317862</c:v>
                </c:pt>
                <c:pt idx="8559">
                  <c:v>0.72768323365615872</c:v>
                </c:pt>
                <c:pt idx="8560">
                  <c:v>0.71468889019801296</c:v>
                </c:pt>
                <c:pt idx="8561">
                  <c:v>0.61073414253284752</c:v>
                </c:pt>
                <c:pt idx="8562">
                  <c:v>0.57175111215841046</c:v>
                </c:pt>
                <c:pt idx="8563">
                  <c:v>0.48079070795139051</c:v>
                </c:pt>
                <c:pt idx="8564">
                  <c:v>0.40282464720251637</c:v>
                </c:pt>
                <c:pt idx="8565">
                  <c:v>0.35084727336993365</c:v>
                </c:pt>
                <c:pt idx="8566">
                  <c:v>0.35084727336993365</c:v>
                </c:pt>
                <c:pt idx="8567">
                  <c:v>0.35084727336993365</c:v>
                </c:pt>
                <c:pt idx="8568">
                  <c:v>0.21326115793185552</c:v>
                </c:pt>
                <c:pt idx="8569">
                  <c:v>0.21326115793185552</c:v>
                </c:pt>
                <c:pt idx="8570">
                  <c:v>0.21326115793185552</c:v>
                </c:pt>
                <c:pt idx="8571">
                  <c:v>0.21326115793185552</c:v>
                </c:pt>
                <c:pt idx="8572">
                  <c:v>0.21326115793185552</c:v>
                </c:pt>
                <c:pt idx="8573">
                  <c:v>0.92413168437137372</c:v>
                </c:pt>
                <c:pt idx="8574">
                  <c:v>1.0485340264982894</c:v>
                </c:pt>
                <c:pt idx="8575">
                  <c:v>1.0485340264982894</c:v>
                </c:pt>
                <c:pt idx="8576">
                  <c:v>1.0485340264982894</c:v>
                </c:pt>
                <c:pt idx="8577">
                  <c:v>1.1196210791422414</c:v>
                </c:pt>
                <c:pt idx="8578">
                  <c:v>1.1196210791422414</c:v>
                </c:pt>
                <c:pt idx="8579">
                  <c:v>1.4217410528790368</c:v>
                </c:pt>
                <c:pt idx="8580">
                  <c:v>1.4217410528790368</c:v>
                </c:pt>
                <c:pt idx="8581">
                  <c:v>0.94190344753236188</c:v>
                </c:pt>
                <c:pt idx="8582">
                  <c:v>1.4217410528790368</c:v>
                </c:pt>
                <c:pt idx="8583">
                  <c:v>1.4217410528790368</c:v>
                </c:pt>
                <c:pt idx="8584">
                  <c:v>1.4217410528790368</c:v>
                </c:pt>
                <c:pt idx="8585">
                  <c:v>1.4217410528790368</c:v>
                </c:pt>
                <c:pt idx="8586">
                  <c:v>1.4217410528790368</c:v>
                </c:pt>
                <c:pt idx="8587">
                  <c:v>1.1907081317861932</c:v>
                </c:pt>
                <c:pt idx="8588">
                  <c:v>0.97744697385433765</c:v>
                </c:pt>
                <c:pt idx="8589">
                  <c:v>0.71087052643951842</c:v>
                </c:pt>
                <c:pt idx="8590">
                  <c:v>0.67532700011754232</c:v>
                </c:pt>
                <c:pt idx="8591">
                  <c:v>0.67532700011754232</c:v>
                </c:pt>
                <c:pt idx="8592">
                  <c:v>0.60179137778974445</c:v>
                </c:pt>
                <c:pt idx="8593">
                  <c:v>0.60179137778974445</c:v>
                </c:pt>
                <c:pt idx="8594">
                  <c:v>0.60179137778974445</c:v>
                </c:pt>
                <c:pt idx="8595">
                  <c:v>0.60179137778974445</c:v>
                </c:pt>
                <c:pt idx="8596">
                  <c:v>0.60179137778974445</c:v>
                </c:pt>
                <c:pt idx="8597">
                  <c:v>0.78232879112666776</c:v>
                </c:pt>
                <c:pt idx="8598">
                  <c:v>0.8725974977951293</c:v>
                </c:pt>
                <c:pt idx="8599">
                  <c:v>0.90268706668461673</c:v>
                </c:pt>
                <c:pt idx="8600">
                  <c:v>0.90268706668461673</c:v>
                </c:pt>
                <c:pt idx="8601">
                  <c:v>0.97791098890833461</c:v>
                </c:pt>
                <c:pt idx="8602">
                  <c:v>1.0230453422425656</c:v>
                </c:pt>
                <c:pt idx="8603">
                  <c:v>1.2035827555794889</c:v>
                </c:pt>
                <c:pt idx="8604">
                  <c:v>1.2035827555794889</c:v>
                </c:pt>
                <c:pt idx="8605">
                  <c:v>1.2035827555794889</c:v>
                </c:pt>
                <c:pt idx="8606">
                  <c:v>1.2035827555794889</c:v>
                </c:pt>
                <c:pt idx="8607">
                  <c:v>1.2035827555794889</c:v>
                </c:pt>
                <c:pt idx="8608">
                  <c:v>1.2035827555794889</c:v>
                </c:pt>
                <c:pt idx="8609">
                  <c:v>1.2035827555794889</c:v>
                </c:pt>
                <c:pt idx="8610">
                  <c:v>1.2035827555794889</c:v>
                </c:pt>
                <c:pt idx="8611">
                  <c:v>1.0080005577978219</c:v>
                </c:pt>
                <c:pt idx="8612">
                  <c:v>0.82746314446089853</c:v>
                </c:pt>
                <c:pt idx="8613">
                  <c:v>0.60179137778974445</c:v>
                </c:pt>
                <c:pt idx="8614">
                  <c:v>0.60179137778974445</c:v>
                </c:pt>
                <c:pt idx="8615">
                  <c:v>0.60179137778974445</c:v>
                </c:pt>
                <c:pt idx="8616">
                  <c:v>0.52435733781416416</c:v>
                </c:pt>
                <c:pt idx="8617">
                  <c:v>0.5899020050409346</c:v>
                </c:pt>
                <c:pt idx="8618">
                  <c:v>0.5899020050409346</c:v>
                </c:pt>
                <c:pt idx="8619">
                  <c:v>0.5899020050409346</c:v>
                </c:pt>
                <c:pt idx="8620">
                  <c:v>0.5899020050409346</c:v>
                </c:pt>
                <c:pt idx="8621">
                  <c:v>0.76031813983053798</c:v>
                </c:pt>
                <c:pt idx="8622">
                  <c:v>0.87829854083872494</c:v>
                </c:pt>
                <c:pt idx="8623">
                  <c:v>0.87829854083872494</c:v>
                </c:pt>
                <c:pt idx="8624">
                  <c:v>0.87829854083872494</c:v>
                </c:pt>
                <c:pt idx="8625">
                  <c:v>0.94384320806549549</c:v>
                </c:pt>
                <c:pt idx="8626">
                  <c:v>1.0224968087376201</c:v>
                </c:pt>
                <c:pt idx="8627">
                  <c:v>1.1798040100818692</c:v>
                </c:pt>
                <c:pt idx="8628">
                  <c:v>1.1798040100818692</c:v>
                </c:pt>
                <c:pt idx="8629">
                  <c:v>1.1798040100818692</c:v>
                </c:pt>
                <c:pt idx="8630">
                  <c:v>1.1798040100818692</c:v>
                </c:pt>
                <c:pt idx="8631">
                  <c:v>1.1798040100818692</c:v>
                </c:pt>
                <c:pt idx="8632">
                  <c:v>1.1798040100818692</c:v>
                </c:pt>
                <c:pt idx="8633">
                  <c:v>1.1798040100818692</c:v>
                </c:pt>
                <c:pt idx="8634">
                  <c:v>1.1798040100818692</c:v>
                </c:pt>
                <c:pt idx="8635">
                  <c:v>0.98317000840155777</c:v>
                </c:pt>
                <c:pt idx="8636">
                  <c:v>0.78653600672124624</c:v>
                </c:pt>
                <c:pt idx="8637">
                  <c:v>0.5899020050409346</c:v>
                </c:pt>
                <c:pt idx="8638">
                  <c:v>0.5899020050409346</c:v>
                </c:pt>
                <c:pt idx="8639">
                  <c:v>0.5899020050409346</c:v>
                </c:pt>
                <c:pt idx="8640">
                  <c:v>0.59313559326610843</c:v>
                </c:pt>
                <c:pt idx="8641">
                  <c:v>0.59313559326610843</c:v>
                </c:pt>
                <c:pt idx="8642">
                  <c:v>0.59313559326610843</c:v>
                </c:pt>
                <c:pt idx="8643">
                  <c:v>0.59313559326610843</c:v>
                </c:pt>
                <c:pt idx="8644">
                  <c:v>0.59313559326610843</c:v>
                </c:pt>
                <c:pt idx="8645">
                  <c:v>0.76448587576520655</c:v>
                </c:pt>
                <c:pt idx="8646">
                  <c:v>0.88311299441842828</c:v>
                </c:pt>
                <c:pt idx="8647">
                  <c:v>0.88311299441842828</c:v>
                </c:pt>
                <c:pt idx="8648">
                  <c:v>0.88311299441842828</c:v>
                </c:pt>
                <c:pt idx="8649">
                  <c:v>0.94901694922577362</c:v>
                </c:pt>
                <c:pt idx="8650">
                  <c:v>1.028101694994588</c:v>
                </c:pt>
                <c:pt idx="8651">
                  <c:v>1.1862711865322169</c:v>
                </c:pt>
                <c:pt idx="8652">
                  <c:v>1.1862711865322169</c:v>
                </c:pt>
                <c:pt idx="8653">
                  <c:v>1.1862711865322169</c:v>
                </c:pt>
                <c:pt idx="8654">
                  <c:v>1.1862711865322169</c:v>
                </c:pt>
                <c:pt idx="8655">
                  <c:v>1.1862711865322169</c:v>
                </c:pt>
                <c:pt idx="8656">
                  <c:v>1.1862711865322169</c:v>
                </c:pt>
                <c:pt idx="8657">
                  <c:v>1.1862711865322169</c:v>
                </c:pt>
                <c:pt idx="8658">
                  <c:v>1.1862711865322169</c:v>
                </c:pt>
                <c:pt idx="8659">
                  <c:v>0.98855932211018083</c:v>
                </c:pt>
                <c:pt idx="8660">
                  <c:v>0.79084745768814479</c:v>
                </c:pt>
                <c:pt idx="8661">
                  <c:v>0.59313559326610843</c:v>
                </c:pt>
                <c:pt idx="8662">
                  <c:v>0.59313559326610843</c:v>
                </c:pt>
                <c:pt idx="8663">
                  <c:v>0.59313559326610843</c:v>
                </c:pt>
                <c:pt idx="8664">
                  <c:v>0.67533571873070475</c:v>
                </c:pt>
                <c:pt idx="8665">
                  <c:v>0.67533571873070475</c:v>
                </c:pt>
                <c:pt idx="8666">
                  <c:v>0.67533571873070475</c:v>
                </c:pt>
                <c:pt idx="8667">
                  <c:v>0.67533571873070475</c:v>
                </c:pt>
                <c:pt idx="8668">
                  <c:v>0.67533571873070475</c:v>
                </c:pt>
                <c:pt idx="8669">
                  <c:v>0.8704327041417973</c:v>
                </c:pt>
                <c:pt idx="8670">
                  <c:v>1.0505222291366521</c:v>
                </c:pt>
                <c:pt idx="8671">
                  <c:v>1.0505222291366521</c:v>
                </c:pt>
                <c:pt idx="8672">
                  <c:v>1.0505222291366521</c:v>
                </c:pt>
                <c:pt idx="8673">
                  <c:v>1.1255595312178412</c:v>
                </c:pt>
                <c:pt idx="8674">
                  <c:v>1.1705819124665551</c:v>
                </c:pt>
                <c:pt idx="8675">
                  <c:v>1.3506714374614095</c:v>
                </c:pt>
                <c:pt idx="8676">
                  <c:v>1.3506714374614095</c:v>
                </c:pt>
                <c:pt idx="8677">
                  <c:v>1.3506714374614095</c:v>
                </c:pt>
                <c:pt idx="8678">
                  <c:v>1.3506714374614095</c:v>
                </c:pt>
                <c:pt idx="8679">
                  <c:v>1.1255595312178412</c:v>
                </c:pt>
                <c:pt idx="8680">
                  <c:v>1.0655296895528898</c:v>
                </c:pt>
                <c:pt idx="8681">
                  <c:v>1.0655296895528898</c:v>
                </c:pt>
                <c:pt idx="8682">
                  <c:v>1.0655296895528898</c:v>
                </c:pt>
                <c:pt idx="8683">
                  <c:v>1.0655296895528898</c:v>
                </c:pt>
                <c:pt idx="8684">
                  <c:v>0.82541032289308358</c:v>
                </c:pt>
                <c:pt idx="8685">
                  <c:v>0.31515666874099552</c:v>
                </c:pt>
                <c:pt idx="8686">
                  <c:v>0.31515666874099552</c:v>
                </c:pt>
                <c:pt idx="8687">
                  <c:v>0.31515666874099552</c:v>
                </c:pt>
                <c:pt idx="8688">
                  <c:v>0.23792807245730974</c:v>
                </c:pt>
                <c:pt idx="8689">
                  <c:v>0.46452623670236665</c:v>
                </c:pt>
                <c:pt idx="8690">
                  <c:v>0.46452623670236665</c:v>
                </c:pt>
                <c:pt idx="8691">
                  <c:v>0.46452623670236665</c:v>
                </c:pt>
                <c:pt idx="8692">
                  <c:v>0.46452623670236665</c:v>
                </c:pt>
                <c:pt idx="8693">
                  <c:v>0.57782531882489507</c:v>
                </c:pt>
                <c:pt idx="8694">
                  <c:v>0.7251141255841822</c:v>
                </c:pt>
                <c:pt idx="8695">
                  <c:v>0.8270832994944578</c:v>
                </c:pt>
                <c:pt idx="8696">
                  <c:v>0.8270832994944578</c:v>
                </c:pt>
                <c:pt idx="8697">
                  <c:v>0.8270832994944578</c:v>
                </c:pt>
                <c:pt idx="8698">
                  <c:v>0.8270832994944578</c:v>
                </c:pt>
                <c:pt idx="8699">
                  <c:v>0.8270832994944578</c:v>
                </c:pt>
                <c:pt idx="8700">
                  <c:v>0.8270832994944578</c:v>
                </c:pt>
                <c:pt idx="8701">
                  <c:v>0.8270832994944578</c:v>
                </c:pt>
                <c:pt idx="8702">
                  <c:v>0.8270832994944578</c:v>
                </c:pt>
                <c:pt idx="8703">
                  <c:v>0.74777394200868785</c:v>
                </c:pt>
                <c:pt idx="8704">
                  <c:v>0.67979449273517067</c:v>
                </c:pt>
                <c:pt idx="8705">
                  <c:v>0.61181504346165372</c:v>
                </c:pt>
                <c:pt idx="8706">
                  <c:v>0.58915522703714795</c:v>
                </c:pt>
                <c:pt idx="8707">
                  <c:v>0.47585614491461947</c:v>
                </c:pt>
                <c:pt idx="8708">
                  <c:v>0.35122715457983822</c:v>
                </c:pt>
                <c:pt idx="8709">
                  <c:v>0.35122715457983822</c:v>
                </c:pt>
                <c:pt idx="8710">
                  <c:v>0.35122715457983822</c:v>
                </c:pt>
                <c:pt idx="8711">
                  <c:v>0.35122715457983822</c:v>
                </c:pt>
                <c:pt idx="8712">
                  <c:v>0.39067042180923683</c:v>
                </c:pt>
                <c:pt idx="8713">
                  <c:v>0.45368178016556543</c:v>
                </c:pt>
                <c:pt idx="8714">
                  <c:v>0.45368178016556543</c:v>
                </c:pt>
                <c:pt idx="8715">
                  <c:v>0.45368178016556543</c:v>
                </c:pt>
                <c:pt idx="8716">
                  <c:v>0.45368178016556543</c:v>
                </c:pt>
                <c:pt idx="8717">
                  <c:v>0.56710222520695674</c:v>
                </c:pt>
                <c:pt idx="8718">
                  <c:v>0.6679203985770823</c:v>
                </c:pt>
                <c:pt idx="8719">
                  <c:v>0.79394311528973938</c:v>
                </c:pt>
                <c:pt idx="8720">
                  <c:v>0.79394311528973938</c:v>
                </c:pt>
                <c:pt idx="8721">
                  <c:v>0.79394311528973938</c:v>
                </c:pt>
                <c:pt idx="8722">
                  <c:v>0.79394311528973938</c:v>
                </c:pt>
                <c:pt idx="8723">
                  <c:v>0.79394311528973938</c:v>
                </c:pt>
                <c:pt idx="8724">
                  <c:v>0.79394311528973938</c:v>
                </c:pt>
                <c:pt idx="8725">
                  <c:v>0.79394311528973938</c:v>
                </c:pt>
                <c:pt idx="8726">
                  <c:v>0.79394311528973938</c:v>
                </c:pt>
                <c:pt idx="8727">
                  <c:v>0.70572721359087953</c:v>
                </c:pt>
                <c:pt idx="8728">
                  <c:v>0.69312494191961371</c:v>
                </c:pt>
                <c:pt idx="8729">
                  <c:v>0.59230676854948816</c:v>
                </c:pt>
                <c:pt idx="8730">
                  <c:v>0.55449995353569115</c:v>
                </c:pt>
                <c:pt idx="8731">
                  <c:v>0.46628405183683119</c:v>
                </c:pt>
                <c:pt idx="8732">
                  <c:v>0.39067042180923683</c:v>
                </c:pt>
                <c:pt idx="8733">
                  <c:v>0.34026133512417411</c:v>
                </c:pt>
                <c:pt idx="8734">
                  <c:v>0.34026133512417411</c:v>
                </c:pt>
                <c:pt idx="8735">
                  <c:v>0.34026133512417411</c:v>
                </c:pt>
                <c:pt idx="8736">
                  <c:v>0.2112458515909669</c:v>
                </c:pt>
                <c:pt idx="8737">
                  <c:v>0.2112458515909669</c:v>
                </c:pt>
                <c:pt idx="8738">
                  <c:v>0.2112458515909669</c:v>
                </c:pt>
                <c:pt idx="8739">
                  <c:v>0.2112458515909669</c:v>
                </c:pt>
                <c:pt idx="8740">
                  <c:v>0.2112458515909669</c:v>
                </c:pt>
                <c:pt idx="8741">
                  <c:v>0.91539869022752329</c:v>
                </c:pt>
                <c:pt idx="8742">
                  <c:v>1.0386254369889207</c:v>
                </c:pt>
                <c:pt idx="8743">
                  <c:v>1.0386254369889207</c:v>
                </c:pt>
                <c:pt idx="8744">
                  <c:v>1.0386254369889207</c:v>
                </c:pt>
                <c:pt idx="8745">
                  <c:v>1.1090407208525763</c:v>
                </c:pt>
                <c:pt idx="8746">
                  <c:v>1.1090407208525763</c:v>
                </c:pt>
                <c:pt idx="8747">
                  <c:v>1.4083056772731128</c:v>
                </c:pt>
                <c:pt idx="8748">
                  <c:v>1.4083056772731128</c:v>
                </c:pt>
                <c:pt idx="8749">
                  <c:v>0.93300251119343713</c:v>
                </c:pt>
                <c:pt idx="8750">
                  <c:v>1.4083056772731128</c:v>
                </c:pt>
                <c:pt idx="8751">
                  <c:v>1.4083056772731128</c:v>
                </c:pt>
                <c:pt idx="8752">
                  <c:v>1.4083056772731128</c:v>
                </c:pt>
                <c:pt idx="8753">
                  <c:v>1.4083056772731128</c:v>
                </c:pt>
                <c:pt idx="8754">
                  <c:v>1.4083056772731128</c:v>
                </c:pt>
                <c:pt idx="8755">
                  <c:v>1.1794560047162319</c:v>
                </c:pt>
                <c:pt idx="8756">
                  <c:v>0.96821015312526482</c:v>
                </c:pt>
                <c:pt idx="8757">
                  <c:v>0.70415283863655642</c:v>
                </c:pt>
                <c:pt idx="8758">
                  <c:v>0.66894519670472852</c:v>
                </c:pt>
                <c:pt idx="8759">
                  <c:v>0.66894519670472852</c:v>
                </c:pt>
              </c:numCache>
            </c:numRef>
          </c:val>
          <c:extLst>
            <c:ext xmlns:c16="http://schemas.microsoft.com/office/drawing/2014/chart" uri="{C3380CC4-5D6E-409C-BE32-E72D297353CC}">
              <c16:uniqueId val="{00000001-2C0B-4701-B4D5-C67566BB76AF}"/>
            </c:ext>
          </c:extLst>
        </c:ser>
        <c:ser>
          <c:idx val="3"/>
          <c:order val="2"/>
          <c:tx>
            <c:strRef>
              <c:f>Output!$P$7</c:f>
              <c:strCache>
                <c:ptCount val="1"/>
                <c:pt idx="0">
                  <c:v>T3</c:v>
                </c:pt>
              </c:strCache>
            </c:strRef>
          </c:tx>
          <c:spPr>
            <a:solidFill>
              <a:schemeClr val="accent5">
                <a:lumMod val="60000"/>
                <a:lumOff val="40000"/>
              </a:schemeClr>
            </a:solidFill>
            <a:ln w="25400">
              <a:noFill/>
            </a:ln>
            <a:effectLst/>
          </c:spPr>
          <c:val>
            <c:numRef>
              <c:f>Output!$P$8:$P$8767</c:f>
              <c:numCache>
                <c:formatCode>_(* #,##0.00_);_(* \(#,##0.00\);_(* "-"??_);_(@_)</c:formatCode>
                <c:ptCount val="8760"/>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pt idx="365">
                  <c:v>0</c:v>
                </c:pt>
                <c:pt idx="366">
                  <c:v>0</c:v>
                </c:pt>
                <c:pt idx="367">
                  <c:v>0</c:v>
                </c:pt>
                <c:pt idx="368">
                  <c:v>0</c:v>
                </c:pt>
                <c:pt idx="369">
                  <c:v>0</c:v>
                </c:pt>
                <c:pt idx="370">
                  <c:v>0</c:v>
                </c:pt>
                <c:pt idx="371">
                  <c:v>0</c:v>
                </c:pt>
                <c:pt idx="372">
                  <c:v>0</c:v>
                </c:pt>
                <c:pt idx="373">
                  <c:v>0</c:v>
                </c:pt>
                <c:pt idx="374">
                  <c:v>0</c:v>
                </c:pt>
                <c:pt idx="375">
                  <c:v>0</c:v>
                </c:pt>
                <c:pt idx="376">
                  <c:v>0</c:v>
                </c:pt>
                <c:pt idx="377">
                  <c:v>0</c:v>
                </c:pt>
                <c:pt idx="378">
                  <c:v>0</c:v>
                </c:pt>
                <c:pt idx="379">
                  <c:v>0</c:v>
                </c:pt>
                <c:pt idx="380">
                  <c:v>0</c:v>
                </c:pt>
                <c:pt idx="381">
                  <c:v>0</c:v>
                </c:pt>
                <c:pt idx="382">
                  <c:v>0</c:v>
                </c:pt>
                <c:pt idx="383">
                  <c:v>0</c:v>
                </c:pt>
                <c:pt idx="384">
                  <c:v>0</c:v>
                </c:pt>
                <c:pt idx="385">
                  <c:v>0</c:v>
                </c:pt>
                <c:pt idx="386">
                  <c:v>0</c:v>
                </c:pt>
                <c:pt idx="387">
                  <c:v>0</c:v>
                </c:pt>
                <c:pt idx="388">
                  <c:v>0</c:v>
                </c:pt>
                <c:pt idx="389">
                  <c:v>0</c:v>
                </c:pt>
                <c:pt idx="390">
                  <c:v>0</c:v>
                </c:pt>
                <c:pt idx="391">
                  <c:v>0</c:v>
                </c:pt>
                <c:pt idx="392">
                  <c:v>0</c:v>
                </c:pt>
                <c:pt idx="393">
                  <c:v>0</c:v>
                </c:pt>
                <c:pt idx="394">
                  <c:v>0</c:v>
                </c:pt>
                <c:pt idx="395">
                  <c:v>0</c:v>
                </c:pt>
                <c:pt idx="396">
                  <c:v>0</c:v>
                </c:pt>
                <c:pt idx="397">
                  <c:v>0</c:v>
                </c:pt>
                <c:pt idx="398">
                  <c:v>0</c:v>
                </c:pt>
                <c:pt idx="399">
                  <c:v>0</c:v>
                </c:pt>
                <c:pt idx="400">
                  <c:v>0</c:v>
                </c:pt>
                <c:pt idx="401">
                  <c:v>0</c:v>
                </c:pt>
                <c:pt idx="402">
                  <c:v>0</c:v>
                </c:pt>
                <c:pt idx="403">
                  <c:v>0</c:v>
                </c:pt>
                <c:pt idx="404">
                  <c:v>0</c:v>
                </c:pt>
                <c:pt idx="405">
                  <c:v>0</c:v>
                </c:pt>
                <c:pt idx="406">
                  <c:v>0</c:v>
                </c:pt>
                <c:pt idx="407">
                  <c:v>0</c:v>
                </c:pt>
                <c:pt idx="408">
                  <c:v>0</c:v>
                </c:pt>
                <c:pt idx="409">
                  <c:v>0</c:v>
                </c:pt>
                <c:pt idx="410">
                  <c:v>0</c:v>
                </c:pt>
                <c:pt idx="411">
                  <c:v>0</c:v>
                </c:pt>
                <c:pt idx="412">
                  <c:v>0</c:v>
                </c:pt>
                <c:pt idx="413">
                  <c:v>0</c:v>
                </c:pt>
                <c:pt idx="414">
                  <c:v>0</c:v>
                </c:pt>
                <c:pt idx="415">
                  <c:v>0</c:v>
                </c:pt>
                <c:pt idx="416">
                  <c:v>0</c:v>
                </c:pt>
                <c:pt idx="417">
                  <c:v>0</c:v>
                </c:pt>
                <c:pt idx="418">
                  <c:v>0</c:v>
                </c:pt>
                <c:pt idx="419">
                  <c:v>0</c:v>
                </c:pt>
                <c:pt idx="420">
                  <c:v>0</c:v>
                </c:pt>
                <c:pt idx="421">
                  <c:v>0</c:v>
                </c:pt>
                <c:pt idx="422">
                  <c:v>0</c:v>
                </c:pt>
                <c:pt idx="423">
                  <c:v>0</c:v>
                </c:pt>
                <c:pt idx="424">
                  <c:v>0</c:v>
                </c:pt>
                <c:pt idx="425">
                  <c:v>0</c:v>
                </c:pt>
                <c:pt idx="426">
                  <c:v>0</c:v>
                </c:pt>
                <c:pt idx="427">
                  <c:v>0</c:v>
                </c:pt>
                <c:pt idx="428">
                  <c:v>0</c:v>
                </c:pt>
                <c:pt idx="429">
                  <c:v>0</c:v>
                </c:pt>
                <c:pt idx="430">
                  <c:v>0</c:v>
                </c:pt>
                <c:pt idx="431">
                  <c:v>0</c:v>
                </c:pt>
                <c:pt idx="432">
                  <c:v>0</c:v>
                </c:pt>
                <c:pt idx="433">
                  <c:v>0</c:v>
                </c:pt>
                <c:pt idx="434">
                  <c:v>0</c:v>
                </c:pt>
                <c:pt idx="435">
                  <c:v>0</c:v>
                </c:pt>
                <c:pt idx="436">
                  <c:v>0</c:v>
                </c:pt>
                <c:pt idx="437">
                  <c:v>0</c:v>
                </c:pt>
                <c:pt idx="438">
                  <c:v>0</c:v>
                </c:pt>
                <c:pt idx="439">
                  <c:v>0</c:v>
                </c:pt>
                <c:pt idx="440">
                  <c:v>0</c:v>
                </c:pt>
                <c:pt idx="441">
                  <c:v>0</c:v>
                </c:pt>
                <c:pt idx="442">
                  <c:v>0</c:v>
                </c:pt>
                <c:pt idx="443">
                  <c:v>0</c:v>
                </c:pt>
                <c:pt idx="444">
                  <c:v>0</c:v>
                </c:pt>
                <c:pt idx="445">
                  <c:v>0</c:v>
                </c:pt>
                <c:pt idx="446">
                  <c:v>0</c:v>
                </c:pt>
                <c:pt idx="447">
                  <c:v>0</c:v>
                </c:pt>
                <c:pt idx="448">
                  <c:v>0</c:v>
                </c:pt>
                <c:pt idx="449">
                  <c:v>0</c:v>
                </c:pt>
                <c:pt idx="450">
                  <c:v>0</c:v>
                </c:pt>
                <c:pt idx="451">
                  <c:v>0</c:v>
                </c:pt>
                <c:pt idx="452">
                  <c:v>0</c:v>
                </c:pt>
                <c:pt idx="453">
                  <c:v>0</c:v>
                </c:pt>
                <c:pt idx="454">
                  <c:v>0</c:v>
                </c:pt>
                <c:pt idx="455">
                  <c:v>0</c:v>
                </c:pt>
                <c:pt idx="456">
                  <c:v>0</c:v>
                </c:pt>
                <c:pt idx="457">
                  <c:v>0</c:v>
                </c:pt>
                <c:pt idx="458">
                  <c:v>0</c:v>
                </c:pt>
                <c:pt idx="459">
                  <c:v>0</c:v>
                </c:pt>
                <c:pt idx="460">
                  <c:v>0</c:v>
                </c:pt>
                <c:pt idx="461">
                  <c:v>0</c:v>
                </c:pt>
                <c:pt idx="462">
                  <c:v>0</c:v>
                </c:pt>
                <c:pt idx="463">
                  <c:v>0</c:v>
                </c:pt>
                <c:pt idx="464">
                  <c:v>0</c:v>
                </c:pt>
                <c:pt idx="465">
                  <c:v>0</c:v>
                </c:pt>
                <c:pt idx="466">
                  <c:v>0</c:v>
                </c:pt>
                <c:pt idx="467">
                  <c:v>0</c:v>
                </c:pt>
                <c:pt idx="468">
                  <c:v>0</c:v>
                </c:pt>
                <c:pt idx="469">
                  <c:v>0</c:v>
                </c:pt>
                <c:pt idx="470">
                  <c:v>0</c:v>
                </c:pt>
                <c:pt idx="471">
                  <c:v>0</c:v>
                </c:pt>
                <c:pt idx="472">
                  <c:v>0</c:v>
                </c:pt>
                <c:pt idx="473">
                  <c:v>0</c:v>
                </c:pt>
                <c:pt idx="474">
                  <c:v>0</c:v>
                </c:pt>
                <c:pt idx="475">
                  <c:v>0</c:v>
                </c:pt>
                <c:pt idx="476">
                  <c:v>0</c:v>
                </c:pt>
                <c:pt idx="477">
                  <c:v>0</c:v>
                </c:pt>
                <c:pt idx="478">
                  <c:v>0</c:v>
                </c:pt>
                <c:pt idx="479">
                  <c:v>0</c:v>
                </c:pt>
                <c:pt idx="480">
                  <c:v>0</c:v>
                </c:pt>
                <c:pt idx="481">
                  <c:v>0</c:v>
                </c:pt>
                <c:pt idx="482">
                  <c:v>0</c:v>
                </c:pt>
                <c:pt idx="483">
                  <c:v>0</c:v>
                </c:pt>
                <c:pt idx="484">
                  <c:v>0</c:v>
                </c:pt>
                <c:pt idx="485">
                  <c:v>0</c:v>
                </c:pt>
                <c:pt idx="486">
                  <c:v>0</c:v>
                </c:pt>
                <c:pt idx="487">
                  <c:v>0</c:v>
                </c:pt>
                <c:pt idx="488">
                  <c:v>0</c:v>
                </c:pt>
                <c:pt idx="489">
                  <c:v>0</c:v>
                </c:pt>
                <c:pt idx="490">
                  <c:v>0</c:v>
                </c:pt>
                <c:pt idx="491">
                  <c:v>0</c:v>
                </c:pt>
                <c:pt idx="492">
                  <c:v>0</c:v>
                </c:pt>
                <c:pt idx="493">
                  <c:v>0</c:v>
                </c:pt>
                <c:pt idx="494">
                  <c:v>0</c:v>
                </c:pt>
                <c:pt idx="495">
                  <c:v>0</c:v>
                </c:pt>
                <c:pt idx="496">
                  <c:v>0</c:v>
                </c:pt>
                <c:pt idx="497">
                  <c:v>0</c:v>
                </c:pt>
                <c:pt idx="498">
                  <c:v>0</c:v>
                </c:pt>
                <c:pt idx="499">
                  <c:v>0</c:v>
                </c:pt>
                <c:pt idx="500">
                  <c:v>0</c:v>
                </c:pt>
                <c:pt idx="501">
                  <c:v>0</c:v>
                </c:pt>
                <c:pt idx="502">
                  <c:v>0</c:v>
                </c:pt>
                <c:pt idx="503">
                  <c:v>0</c:v>
                </c:pt>
                <c:pt idx="504">
                  <c:v>0</c:v>
                </c:pt>
                <c:pt idx="505">
                  <c:v>0</c:v>
                </c:pt>
                <c:pt idx="506">
                  <c:v>0</c:v>
                </c:pt>
                <c:pt idx="507">
                  <c:v>0</c:v>
                </c:pt>
                <c:pt idx="508">
                  <c:v>0</c:v>
                </c:pt>
                <c:pt idx="509">
                  <c:v>0</c:v>
                </c:pt>
                <c:pt idx="510">
                  <c:v>0</c:v>
                </c:pt>
                <c:pt idx="511">
                  <c:v>0</c:v>
                </c:pt>
                <c:pt idx="512">
                  <c:v>0</c:v>
                </c:pt>
                <c:pt idx="513">
                  <c:v>0</c:v>
                </c:pt>
                <c:pt idx="514">
                  <c:v>0</c:v>
                </c:pt>
                <c:pt idx="515">
                  <c:v>0</c:v>
                </c:pt>
                <c:pt idx="516">
                  <c:v>0</c:v>
                </c:pt>
                <c:pt idx="517">
                  <c:v>0</c:v>
                </c:pt>
                <c:pt idx="518">
                  <c:v>0</c:v>
                </c:pt>
                <c:pt idx="519">
                  <c:v>0</c:v>
                </c:pt>
                <c:pt idx="520">
                  <c:v>0</c:v>
                </c:pt>
                <c:pt idx="521">
                  <c:v>0</c:v>
                </c:pt>
                <c:pt idx="522">
                  <c:v>0</c:v>
                </c:pt>
                <c:pt idx="523">
                  <c:v>0</c:v>
                </c:pt>
                <c:pt idx="524">
                  <c:v>0</c:v>
                </c:pt>
                <c:pt idx="525">
                  <c:v>0</c:v>
                </c:pt>
                <c:pt idx="526">
                  <c:v>0</c:v>
                </c:pt>
                <c:pt idx="527">
                  <c:v>0</c:v>
                </c:pt>
                <c:pt idx="528">
                  <c:v>0</c:v>
                </c:pt>
                <c:pt idx="529">
                  <c:v>0</c:v>
                </c:pt>
                <c:pt idx="530">
                  <c:v>0</c:v>
                </c:pt>
                <c:pt idx="531">
                  <c:v>0</c:v>
                </c:pt>
                <c:pt idx="532">
                  <c:v>0</c:v>
                </c:pt>
                <c:pt idx="533">
                  <c:v>0</c:v>
                </c:pt>
                <c:pt idx="534">
                  <c:v>0</c:v>
                </c:pt>
                <c:pt idx="535">
                  <c:v>0</c:v>
                </c:pt>
                <c:pt idx="536">
                  <c:v>0</c:v>
                </c:pt>
                <c:pt idx="537">
                  <c:v>0</c:v>
                </c:pt>
                <c:pt idx="538">
                  <c:v>0</c:v>
                </c:pt>
                <c:pt idx="539">
                  <c:v>0</c:v>
                </c:pt>
                <c:pt idx="540">
                  <c:v>0</c:v>
                </c:pt>
                <c:pt idx="541">
                  <c:v>0</c:v>
                </c:pt>
                <c:pt idx="542">
                  <c:v>0</c:v>
                </c:pt>
                <c:pt idx="543">
                  <c:v>0</c:v>
                </c:pt>
                <c:pt idx="544">
                  <c:v>0</c:v>
                </c:pt>
                <c:pt idx="545">
                  <c:v>0</c:v>
                </c:pt>
                <c:pt idx="546">
                  <c:v>0</c:v>
                </c:pt>
                <c:pt idx="547">
                  <c:v>0</c:v>
                </c:pt>
                <c:pt idx="548">
                  <c:v>0</c:v>
                </c:pt>
                <c:pt idx="549">
                  <c:v>0</c:v>
                </c:pt>
                <c:pt idx="550">
                  <c:v>0</c:v>
                </c:pt>
                <c:pt idx="551">
                  <c:v>0</c:v>
                </c:pt>
                <c:pt idx="552">
                  <c:v>0</c:v>
                </c:pt>
                <c:pt idx="553">
                  <c:v>0</c:v>
                </c:pt>
                <c:pt idx="554">
                  <c:v>0</c:v>
                </c:pt>
                <c:pt idx="555">
                  <c:v>0</c:v>
                </c:pt>
                <c:pt idx="556">
                  <c:v>0</c:v>
                </c:pt>
                <c:pt idx="557">
                  <c:v>0</c:v>
                </c:pt>
                <c:pt idx="558">
                  <c:v>0</c:v>
                </c:pt>
                <c:pt idx="559">
                  <c:v>0</c:v>
                </c:pt>
                <c:pt idx="560">
                  <c:v>0</c:v>
                </c:pt>
                <c:pt idx="561">
                  <c:v>0</c:v>
                </c:pt>
                <c:pt idx="562">
                  <c:v>0</c:v>
                </c:pt>
                <c:pt idx="563">
                  <c:v>0</c:v>
                </c:pt>
                <c:pt idx="564">
                  <c:v>0</c:v>
                </c:pt>
                <c:pt idx="565">
                  <c:v>0</c:v>
                </c:pt>
                <c:pt idx="566">
                  <c:v>0</c:v>
                </c:pt>
                <c:pt idx="567">
                  <c:v>0</c:v>
                </c:pt>
                <c:pt idx="568">
                  <c:v>0</c:v>
                </c:pt>
                <c:pt idx="569">
                  <c:v>0</c:v>
                </c:pt>
                <c:pt idx="570">
                  <c:v>0</c:v>
                </c:pt>
                <c:pt idx="571">
                  <c:v>0</c:v>
                </c:pt>
                <c:pt idx="572">
                  <c:v>0</c:v>
                </c:pt>
                <c:pt idx="573">
                  <c:v>0</c:v>
                </c:pt>
                <c:pt idx="574">
                  <c:v>0</c:v>
                </c:pt>
                <c:pt idx="575">
                  <c:v>0</c:v>
                </c:pt>
                <c:pt idx="576">
                  <c:v>0</c:v>
                </c:pt>
                <c:pt idx="577">
                  <c:v>0</c:v>
                </c:pt>
                <c:pt idx="578">
                  <c:v>0</c:v>
                </c:pt>
                <c:pt idx="579">
                  <c:v>0</c:v>
                </c:pt>
                <c:pt idx="580">
                  <c:v>0</c:v>
                </c:pt>
                <c:pt idx="581">
                  <c:v>0</c:v>
                </c:pt>
                <c:pt idx="582">
                  <c:v>0</c:v>
                </c:pt>
                <c:pt idx="583">
                  <c:v>0</c:v>
                </c:pt>
                <c:pt idx="584">
                  <c:v>0</c:v>
                </c:pt>
                <c:pt idx="585">
                  <c:v>0</c:v>
                </c:pt>
                <c:pt idx="586">
                  <c:v>0</c:v>
                </c:pt>
                <c:pt idx="587">
                  <c:v>0</c:v>
                </c:pt>
                <c:pt idx="588">
                  <c:v>0</c:v>
                </c:pt>
                <c:pt idx="589">
                  <c:v>0</c:v>
                </c:pt>
                <c:pt idx="590">
                  <c:v>0</c:v>
                </c:pt>
                <c:pt idx="591">
                  <c:v>0</c:v>
                </c:pt>
                <c:pt idx="592">
                  <c:v>0</c:v>
                </c:pt>
                <c:pt idx="593">
                  <c:v>0</c:v>
                </c:pt>
                <c:pt idx="594">
                  <c:v>0</c:v>
                </c:pt>
                <c:pt idx="595">
                  <c:v>0</c:v>
                </c:pt>
                <c:pt idx="596">
                  <c:v>0</c:v>
                </c:pt>
                <c:pt idx="597">
                  <c:v>0</c:v>
                </c:pt>
                <c:pt idx="598">
                  <c:v>0</c:v>
                </c:pt>
                <c:pt idx="599">
                  <c:v>0</c:v>
                </c:pt>
                <c:pt idx="600">
                  <c:v>0</c:v>
                </c:pt>
                <c:pt idx="601">
                  <c:v>0</c:v>
                </c:pt>
                <c:pt idx="602">
                  <c:v>0</c:v>
                </c:pt>
                <c:pt idx="603">
                  <c:v>0</c:v>
                </c:pt>
                <c:pt idx="604">
                  <c:v>0</c:v>
                </c:pt>
                <c:pt idx="605">
                  <c:v>0</c:v>
                </c:pt>
                <c:pt idx="606">
                  <c:v>0</c:v>
                </c:pt>
                <c:pt idx="607">
                  <c:v>0</c:v>
                </c:pt>
                <c:pt idx="608">
                  <c:v>0</c:v>
                </c:pt>
                <c:pt idx="609">
                  <c:v>0</c:v>
                </c:pt>
                <c:pt idx="610">
                  <c:v>0</c:v>
                </c:pt>
                <c:pt idx="611">
                  <c:v>0</c:v>
                </c:pt>
                <c:pt idx="612">
                  <c:v>0</c:v>
                </c:pt>
                <c:pt idx="613">
                  <c:v>0</c:v>
                </c:pt>
                <c:pt idx="614">
                  <c:v>0</c:v>
                </c:pt>
                <c:pt idx="615">
                  <c:v>0</c:v>
                </c:pt>
                <c:pt idx="616">
                  <c:v>0</c:v>
                </c:pt>
                <c:pt idx="617">
                  <c:v>0</c:v>
                </c:pt>
                <c:pt idx="618">
                  <c:v>0</c:v>
                </c:pt>
                <c:pt idx="619">
                  <c:v>0</c:v>
                </c:pt>
                <c:pt idx="620">
                  <c:v>0</c:v>
                </c:pt>
                <c:pt idx="621">
                  <c:v>0</c:v>
                </c:pt>
                <c:pt idx="622">
                  <c:v>0</c:v>
                </c:pt>
                <c:pt idx="623">
                  <c:v>0</c:v>
                </c:pt>
                <c:pt idx="624">
                  <c:v>0</c:v>
                </c:pt>
                <c:pt idx="625">
                  <c:v>0</c:v>
                </c:pt>
                <c:pt idx="626">
                  <c:v>0</c:v>
                </c:pt>
                <c:pt idx="627">
                  <c:v>0</c:v>
                </c:pt>
                <c:pt idx="628">
                  <c:v>0</c:v>
                </c:pt>
                <c:pt idx="629">
                  <c:v>0</c:v>
                </c:pt>
                <c:pt idx="630">
                  <c:v>0</c:v>
                </c:pt>
                <c:pt idx="631">
                  <c:v>0</c:v>
                </c:pt>
                <c:pt idx="632">
                  <c:v>0</c:v>
                </c:pt>
                <c:pt idx="633">
                  <c:v>0</c:v>
                </c:pt>
                <c:pt idx="634">
                  <c:v>0</c:v>
                </c:pt>
                <c:pt idx="635">
                  <c:v>0</c:v>
                </c:pt>
                <c:pt idx="636">
                  <c:v>0</c:v>
                </c:pt>
                <c:pt idx="637">
                  <c:v>0</c:v>
                </c:pt>
                <c:pt idx="638">
                  <c:v>0</c:v>
                </c:pt>
                <c:pt idx="639">
                  <c:v>0</c:v>
                </c:pt>
                <c:pt idx="640">
                  <c:v>0</c:v>
                </c:pt>
                <c:pt idx="641">
                  <c:v>0</c:v>
                </c:pt>
                <c:pt idx="642">
                  <c:v>0</c:v>
                </c:pt>
                <c:pt idx="643">
                  <c:v>0</c:v>
                </c:pt>
                <c:pt idx="644">
                  <c:v>0</c:v>
                </c:pt>
                <c:pt idx="645">
                  <c:v>0</c:v>
                </c:pt>
                <c:pt idx="646">
                  <c:v>0</c:v>
                </c:pt>
                <c:pt idx="647">
                  <c:v>0</c:v>
                </c:pt>
                <c:pt idx="648">
                  <c:v>0</c:v>
                </c:pt>
                <c:pt idx="649">
                  <c:v>0</c:v>
                </c:pt>
                <c:pt idx="650">
                  <c:v>0</c:v>
                </c:pt>
                <c:pt idx="651">
                  <c:v>0</c:v>
                </c:pt>
                <c:pt idx="652">
                  <c:v>0</c:v>
                </c:pt>
                <c:pt idx="653">
                  <c:v>0</c:v>
                </c:pt>
                <c:pt idx="654">
                  <c:v>0</c:v>
                </c:pt>
                <c:pt idx="655">
                  <c:v>0</c:v>
                </c:pt>
                <c:pt idx="656">
                  <c:v>0</c:v>
                </c:pt>
                <c:pt idx="657">
                  <c:v>0</c:v>
                </c:pt>
                <c:pt idx="658">
                  <c:v>0</c:v>
                </c:pt>
                <c:pt idx="659">
                  <c:v>0</c:v>
                </c:pt>
                <c:pt idx="660">
                  <c:v>0</c:v>
                </c:pt>
                <c:pt idx="661">
                  <c:v>0</c:v>
                </c:pt>
                <c:pt idx="662">
                  <c:v>0</c:v>
                </c:pt>
                <c:pt idx="663">
                  <c:v>0</c:v>
                </c:pt>
                <c:pt idx="664">
                  <c:v>0</c:v>
                </c:pt>
                <c:pt idx="665">
                  <c:v>0</c:v>
                </c:pt>
                <c:pt idx="666">
                  <c:v>0</c:v>
                </c:pt>
                <c:pt idx="667">
                  <c:v>0</c:v>
                </c:pt>
                <c:pt idx="668">
                  <c:v>0</c:v>
                </c:pt>
                <c:pt idx="669">
                  <c:v>0</c:v>
                </c:pt>
                <c:pt idx="670">
                  <c:v>0</c:v>
                </c:pt>
                <c:pt idx="671">
                  <c:v>0</c:v>
                </c:pt>
                <c:pt idx="672">
                  <c:v>0</c:v>
                </c:pt>
                <c:pt idx="673">
                  <c:v>0</c:v>
                </c:pt>
                <c:pt idx="674">
                  <c:v>0</c:v>
                </c:pt>
                <c:pt idx="675">
                  <c:v>0</c:v>
                </c:pt>
                <c:pt idx="676">
                  <c:v>0</c:v>
                </c:pt>
                <c:pt idx="677">
                  <c:v>0</c:v>
                </c:pt>
                <c:pt idx="678">
                  <c:v>0</c:v>
                </c:pt>
                <c:pt idx="679">
                  <c:v>0</c:v>
                </c:pt>
                <c:pt idx="680">
                  <c:v>0</c:v>
                </c:pt>
                <c:pt idx="681">
                  <c:v>0</c:v>
                </c:pt>
                <c:pt idx="682">
                  <c:v>0</c:v>
                </c:pt>
                <c:pt idx="683">
                  <c:v>0</c:v>
                </c:pt>
                <c:pt idx="684">
                  <c:v>0</c:v>
                </c:pt>
                <c:pt idx="685">
                  <c:v>0</c:v>
                </c:pt>
                <c:pt idx="686">
                  <c:v>0</c:v>
                </c:pt>
                <c:pt idx="687">
                  <c:v>0</c:v>
                </c:pt>
                <c:pt idx="688">
                  <c:v>0</c:v>
                </c:pt>
                <c:pt idx="689">
                  <c:v>0</c:v>
                </c:pt>
                <c:pt idx="690">
                  <c:v>0</c:v>
                </c:pt>
                <c:pt idx="691">
                  <c:v>0</c:v>
                </c:pt>
                <c:pt idx="692">
                  <c:v>0</c:v>
                </c:pt>
                <c:pt idx="693">
                  <c:v>0</c:v>
                </c:pt>
                <c:pt idx="694">
                  <c:v>0</c:v>
                </c:pt>
                <c:pt idx="695">
                  <c:v>0</c:v>
                </c:pt>
                <c:pt idx="696">
                  <c:v>0</c:v>
                </c:pt>
                <c:pt idx="697">
                  <c:v>0</c:v>
                </c:pt>
                <c:pt idx="698">
                  <c:v>0</c:v>
                </c:pt>
                <c:pt idx="699">
                  <c:v>0</c:v>
                </c:pt>
                <c:pt idx="700">
                  <c:v>0</c:v>
                </c:pt>
                <c:pt idx="701">
                  <c:v>0</c:v>
                </c:pt>
                <c:pt idx="702">
                  <c:v>0</c:v>
                </c:pt>
                <c:pt idx="703">
                  <c:v>0</c:v>
                </c:pt>
                <c:pt idx="704">
                  <c:v>0</c:v>
                </c:pt>
                <c:pt idx="705">
                  <c:v>0</c:v>
                </c:pt>
                <c:pt idx="706">
                  <c:v>0</c:v>
                </c:pt>
                <c:pt idx="707">
                  <c:v>0</c:v>
                </c:pt>
                <c:pt idx="708">
                  <c:v>0</c:v>
                </c:pt>
                <c:pt idx="709">
                  <c:v>0</c:v>
                </c:pt>
                <c:pt idx="710">
                  <c:v>0</c:v>
                </c:pt>
                <c:pt idx="711">
                  <c:v>0</c:v>
                </c:pt>
                <c:pt idx="712">
                  <c:v>0</c:v>
                </c:pt>
                <c:pt idx="713">
                  <c:v>0</c:v>
                </c:pt>
                <c:pt idx="714">
                  <c:v>0</c:v>
                </c:pt>
                <c:pt idx="715">
                  <c:v>0</c:v>
                </c:pt>
                <c:pt idx="716">
                  <c:v>0</c:v>
                </c:pt>
                <c:pt idx="717">
                  <c:v>0</c:v>
                </c:pt>
                <c:pt idx="718">
                  <c:v>0</c:v>
                </c:pt>
                <c:pt idx="719">
                  <c:v>0</c:v>
                </c:pt>
                <c:pt idx="720">
                  <c:v>0</c:v>
                </c:pt>
                <c:pt idx="721">
                  <c:v>0</c:v>
                </c:pt>
                <c:pt idx="722">
                  <c:v>0</c:v>
                </c:pt>
                <c:pt idx="723">
                  <c:v>0</c:v>
                </c:pt>
                <c:pt idx="724">
                  <c:v>0</c:v>
                </c:pt>
                <c:pt idx="725">
                  <c:v>0</c:v>
                </c:pt>
                <c:pt idx="726">
                  <c:v>0</c:v>
                </c:pt>
                <c:pt idx="727">
                  <c:v>0</c:v>
                </c:pt>
                <c:pt idx="728">
                  <c:v>0</c:v>
                </c:pt>
                <c:pt idx="729">
                  <c:v>0</c:v>
                </c:pt>
                <c:pt idx="730">
                  <c:v>0</c:v>
                </c:pt>
                <c:pt idx="731">
                  <c:v>0</c:v>
                </c:pt>
                <c:pt idx="732">
                  <c:v>0</c:v>
                </c:pt>
                <c:pt idx="733">
                  <c:v>0</c:v>
                </c:pt>
                <c:pt idx="734">
                  <c:v>0</c:v>
                </c:pt>
                <c:pt idx="735">
                  <c:v>0</c:v>
                </c:pt>
                <c:pt idx="736">
                  <c:v>0</c:v>
                </c:pt>
                <c:pt idx="737">
                  <c:v>0</c:v>
                </c:pt>
                <c:pt idx="738">
                  <c:v>0</c:v>
                </c:pt>
                <c:pt idx="739">
                  <c:v>0</c:v>
                </c:pt>
                <c:pt idx="740">
                  <c:v>0</c:v>
                </c:pt>
                <c:pt idx="741">
                  <c:v>0</c:v>
                </c:pt>
                <c:pt idx="742">
                  <c:v>0</c:v>
                </c:pt>
                <c:pt idx="743">
                  <c:v>0</c:v>
                </c:pt>
                <c:pt idx="744">
                  <c:v>0</c:v>
                </c:pt>
                <c:pt idx="745">
                  <c:v>0</c:v>
                </c:pt>
                <c:pt idx="746">
                  <c:v>0</c:v>
                </c:pt>
                <c:pt idx="747">
                  <c:v>0</c:v>
                </c:pt>
                <c:pt idx="748">
                  <c:v>0</c:v>
                </c:pt>
                <c:pt idx="749">
                  <c:v>0</c:v>
                </c:pt>
                <c:pt idx="750">
                  <c:v>0</c:v>
                </c:pt>
                <c:pt idx="751">
                  <c:v>0</c:v>
                </c:pt>
                <c:pt idx="752">
                  <c:v>0</c:v>
                </c:pt>
                <c:pt idx="753">
                  <c:v>0</c:v>
                </c:pt>
                <c:pt idx="754">
                  <c:v>0</c:v>
                </c:pt>
                <c:pt idx="755">
                  <c:v>0</c:v>
                </c:pt>
                <c:pt idx="756">
                  <c:v>0</c:v>
                </c:pt>
                <c:pt idx="757">
                  <c:v>0</c:v>
                </c:pt>
                <c:pt idx="758">
                  <c:v>0</c:v>
                </c:pt>
                <c:pt idx="759">
                  <c:v>0</c:v>
                </c:pt>
                <c:pt idx="760">
                  <c:v>0</c:v>
                </c:pt>
                <c:pt idx="761">
                  <c:v>0</c:v>
                </c:pt>
                <c:pt idx="762">
                  <c:v>0</c:v>
                </c:pt>
                <c:pt idx="763">
                  <c:v>0</c:v>
                </c:pt>
                <c:pt idx="764">
                  <c:v>0</c:v>
                </c:pt>
                <c:pt idx="765">
                  <c:v>0</c:v>
                </c:pt>
                <c:pt idx="766">
                  <c:v>0</c:v>
                </c:pt>
                <c:pt idx="767">
                  <c:v>0</c:v>
                </c:pt>
                <c:pt idx="768">
                  <c:v>0</c:v>
                </c:pt>
                <c:pt idx="769">
                  <c:v>0</c:v>
                </c:pt>
                <c:pt idx="770">
                  <c:v>0</c:v>
                </c:pt>
                <c:pt idx="771">
                  <c:v>0</c:v>
                </c:pt>
                <c:pt idx="772">
                  <c:v>0</c:v>
                </c:pt>
                <c:pt idx="773">
                  <c:v>0</c:v>
                </c:pt>
                <c:pt idx="774">
                  <c:v>0</c:v>
                </c:pt>
                <c:pt idx="775">
                  <c:v>0</c:v>
                </c:pt>
                <c:pt idx="776">
                  <c:v>0</c:v>
                </c:pt>
                <c:pt idx="777">
                  <c:v>0</c:v>
                </c:pt>
                <c:pt idx="778">
                  <c:v>0</c:v>
                </c:pt>
                <c:pt idx="779">
                  <c:v>0</c:v>
                </c:pt>
                <c:pt idx="780">
                  <c:v>0</c:v>
                </c:pt>
                <c:pt idx="781">
                  <c:v>0</c:v>
                </c:pt>
                <c:pt idx="782">
                  <c:v>0</c:v>
                </c:pt>
                <c:pt idx="783">
                  <c:v>0</c:v>
                </c:pt>
                <c:pt idx="784">
                  <c:v>0</c:v>
                </c:pt>
                <c:pt idx="785">
                  <c:v>0</c:v>
                </c:pt>
                <c:pt idx="786">
                  <c:v>0</c:v>
                </c:pt>
                <c:pt idx="787">
                  <c:v>0</c:v>
                </c:pt>
                <c:pt idx="788">
                  <c:v>0</c:v>
                </c:pt>
                <c:pt idx="789">
                  <c:v>0</c:v>
                </c:pt>
                <c:pt idx="790">
                  <c:v>0</c:v>
                </c:pt>
                <c:pt idx="791">
                  <c:v>0</c:v>
                </c:pt>
                <c:pt idx="792">
                  <c:v>0</c:v>
                </c:pt>
                <c:pt idx="793">
                  <c:v>0</c:v>
                </c:pt>
                <c:pt idx="794">
                  <c:v>0</c:v>
                </c:pt>
                <c:pt idx="795">
                  <c:v>0</c:v>
                </c:pt>
                <c:pt idx="796">
                  <c:v>0</c:v>
                </c:pt>
                <c:pt idx="797">
                  <c:v>0</c:v>
                </c:pt>
                <c:pt idx="798">
                  <c:v>0</c:v>
                </c:pt>
                <c:pt idx="799">
                  <c:v>0</c:v>
                </c:pt>
                <c:pt idx="800">
                  <c:v>0</c:v>
                </c:pt>
                <c:pt idx="801">
                  <c:v>0</c:v>
                </c:pt>
                <c:pt idx="802">
                  <c:v>0</c:v>
                </c:pt>
                <c:pt idx="803">
                  <c:v>0</c:v>
                </c:pt>
                <c:pt idx="804">
                  <c:v>0</c:v>
                </c:pt>
                <c:pt idx="805">
                  <c:v>0</c:v>
                </c:pt>
                <c:pt idx="806">
                  <c:v>0</c:v>
                </c:pt>
                <c:pt idx="807">
                  <c:v>0</c:v>
                </c:pt>
                <c:pt idx="808">
                  <c:v>0</c:v>
                </c:pt>
                <c:pt idx="809">
                  <c:v>0</c:v>
                </c:pt>
                <c:pt idx="810">
                  <c:v>0</c:v>
                </c:pt>
                <c:pt idx="811">
                  <c:v>0</c:v>
                </c:pt>
                <c:pt idx="812">
                  <c:v>0</c:v>
                </c:pt>
                <c:pt idx="813">
                  <c:v>0</c:v>
                </c:pt>
                <c:pt idx="814">
                  <c:v>0</c:v>
                </c:pt>
                <c:pt idx="815">
                  <c:v>0</c:v>
                </c:pt>
                <c:pt idx="816">
                  <c:v>0</c:v>
                </c:pt>
                <c:pt idx="817">
                  <c:v>0</c:v>
                </c:pt>
                <c:pt idx="818">
                  <c:v>0</c:v>
                </c:pt>
                <c:pt idx="819">
                  <c:v>0</c:v>
                </c:pt>
                <c:pt idx="820">
                  <c:v>0</c:v>
                </c:pt>
                <c:pt idx="821">
                  <c:v>0</c:v>
                </c:pt>
                <c:pt idx="822">
                  <c:v>0</c:v>
                </c:pt>
                <c:pt idx="823">
                  <c:v>0</c:v>
                </c:pt>
                <c:pt idx="824">
                  <c:v>0</c:v>
                </c:pt>
                <c:pt idx="825">
                  <c:v>0</c:v>
                </c:pt>
                <c:pt idx="826">
                  <c:v>0</c:v>
                </c:pt>
                <c:pt idx="827">
                  <c:v>0</c:v>
                </c:pt>
                <c:pt idx="828">
                  <c:v>0</c:v>
                </c:pt>
                <c:pt idx="829">
                  <c:v>0</c:v>
                </c:pt>
                <c:pt idx="830">
                  <c:v>0</c:v>
                </c:pt>
                <c:pt idx="831">
                  <c:v>0</c:v>
                </c:pt>
                <c:pt idx="832">
                  <c:v>0</c:v>
                </c:pt>
                <c:pt idx="833">
                  <c:v>0</c:v>
                </c:pt>
                <c:pt idx="834">
                  <c:v>0</c:v>
                </c:pt>
                <c:pt idx="835">
                  <c:v>0</c:v>
                </c:pt>
                <c:pt idx="836">
                  <c:v>0</c:v>
                </c:pt>
                <c:pt idx="837">
                  <c:v>0</c:v>
                </c:pt>
                <c:pt idx="838">
                  <c:v>0</c:v>
                </c:pt>
                <c:pt idx="839">
                  <c:v>0</c:v>
                </c:pt>
                <c:pt idx="840">
                  <c:v>0</c:v>
                </c:pt>
                <c:pt idx="841">
                  <c:v>0</c:v>
                </c:pt>
                <c:pt idx="842">
                  <c:v>0</c:v>
                </c:pt>
                <c:pt idx="843">
                  <c:v>0</c:v>
                </c:pt>
                <c:pt idx="844">
                  <c:v>0</c:v>
                </c:pt>
                <c:pt idx="845">
                  <c:v>0</c:v>
                </c:pt>
                <c:pt idx="846">
                  <c:v>0</c:v>
                </c:pt>
                <c:pt idx="847">
                  <c:v>0</c:v>
                </c:pt>
                <c:pt idx="848">
                  <c:v>0</c:v>
                </c:pt>
                <c:pt idx="849">
                  <c:v>0</c:v>
                </c:pt>
                <c:pt idx="850">
                  <c:v>0</c:v>
                </c:pt>
                <c:pt idx="851">
                  <c:v>0</c:v>
                </c:pt>
                <c:pt idx="852">
                  <c:v>0</c:v>
                </c:pt>
                <c:pt idx="853">
                  <c:v>0</c:v>
                </c:pt>
                <c:pt idx="854">
                  <c:v>0</c:v>
                </c:pt>
                <c:pt idx="855">
                  <c:v>0</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pt idx="1050">
                  <c:v>0</c:v>
                </c:pt>
                <c:pt idx="1051">
                  <c:v>0</c:v>
                </c:pt>
                <c:pt idx="1052">
                  <c:v>0</c:v>
                </c:pt>
                <c:pt idx="1053">
                  <c:v>0</c:v>
                </c:pt>
                <c:pt idx="1054">
                  <c:v>0</c:v>
                </c:pt>
                <c:pt idx="1055">
                  <c:v>0</c:v>
                </c:pt>
                <c:pt idx="1056">
                  <c:v>0</c:v>
                </c:pt>
                <c:pt idx="1057">
                  <c:v>0</c:v>
                </c:pt>
                <c:pt idx="1058">
                  <c:v>0</c:v>
                </c:pt>
                <c:pt idx="1059">
                  <c:v>0</c:v>
                </c:pt>
                <c:pt idx="1060">
                  <c:v>0</c:v>
                </c:pt>
                <c:pt idx="1061">
                  <c:v>0</c:v>
                </c:pt>
                <c:pt idx="1062">
                  <c:v>0</c:v>
                </c:pt>
                <c:pt idx="1063">
                  <c:v>0</c:v>
                </c:pt>
                <c:pt idx="1064">
                  <c:v>0</c:v>
                </c:pt>
                <c:pt idx="1065">
                  <c:v>0</c:v>
                </c:pt>
                <c:pt idx="1066">
                  <c:v>0</c:v>
                </c:pt>
                <c:pt idx="1067">
                  <c:v>0</c:v>
                </c:pt>
                <c:pt idx="1068">
                  <c:v>0</c:v>
                </c:pt>
                <c:pt idx="1069">
                  <c:v>0</c:v>
                </c:pt>
                <c:pt idx="1070">
                  <c:v>0</c:v>
                </c:pt>
                <c:pt idx="1071">
                  <c:v>0</c:v>
                </c:pt>
                <c:pt idx="1072">
                  <c:v>0</c:v>
                </c:pt>
                <c:pt idx="1073">
                  <c:v>0</c:v>
                </c:pt>
                <c:pt idx="1074">
                  <c:v>0</c:v>
                </c:pt>
                <c:pt idx="1075">
                  <c:v>0</c:v>
                </c:pt>
                <c:pt idx="1076">
                  <c:v>0</c:v>
                </c:pt>
                <c:pt idx="1077">
                  <c:v>0</c:v>
                </c:pt>
                <c:pt idx="1078">
                  <c:v>0</c:v>
                </c:pt>
                <c:pt idx="1079">
                  <c:v>0</c:v>
                </c:pt>
                <c:pt idx="1080">
                  <c:v>0</c:v>
                </c:pt>
                <c:pt idx="1081">
                  <c:v>0</c:v>
                </c:pt>
                <c:pt idx="1082">
                  <c:v>0</c:v>
                </c:pt>
                <c:pt idx="1083">
                  <c:v>0</c:v>
                </c:pt>
                <c:pt idx="1084">
                  <c:v>0</c:v>
                </c:pt>
                <c:pt idx="1085">
                  <c:v>0</c:v>
                </c:pt>
                <c:pt idx="1086">
                  <c:v>0</c:v>
                </c:pt>
                <c:pt idx="1087">
                  <c:v>0</c:v>
                </c:pt>
                <c:pt idx="1088">
                  <c:v>0</c:v>
                </c:pt>
                <c:pt idx="1089">
                  <c:v>0</c:v>
                </c:pt>
                <c:pt idx="1090">
                  <c:v>0</c:v>
                </c:pt>
                <c:pt idx="1091">
                  <c:v>0</c:v>
                </c:pt>
                <c:pt idx="1092">
                  <c:v>0</c:v>
                </c:pt>
                <c:pt idx="1093">
                  <c:v>0</c:v>
                </c:pt>
                <c:pt idx="1094">
                  <c:v>0</c:v>
                </c:pt>
                <c:pt idx="1095">
                  <c:v>0</c:v>
                </c:pt>
                <c:pt idx="1096">
                  <c:v>0</c:v>
                </c:pt>
                <c:pt idx="1097">
                  <c:v>0</c:v>
                </c:pt>
                <c:pt idx="1098">
                  <c:v>0</c:v>
                </c:pt>
                <c:pt idx="1099">
                  <c:v>0</c:v>
                </c:pt>
                <c:pt idx="1100">
                  <c:v>0</c:v>
                </c:pt>
                <c:pt idx="1101">
                  <c:v>0</c:v>
                </c:pt>
                <c:pt idx="1102">
                  <c:v>0</c:v>
                </c:pt>
                <c:pt idx="1103">
                  <c:v>0</c:v>
                </c:pt>
                <c:pt idx="1104">
                  <c:v>0</c:v>
                </c:pt>
                <c:pt idx="1105">
                  <c:v>0</c:v>
                </c:pt>
                <c:pt idx="1106">
                  <c:v>0</c:v>
                </c:pt>
                <c:pt idx="1107">
                  <c:v>0</c:v>
                </c:pt>
                <c:pt idx="1108">
                  <c:v>0</c:v>
                </c:pt>
                <c:pt idx="1109">
                  <c:v>0</c:v>
                </c:pt>
                <c:pt idx="1110">
                  <c:v>0</c:v>
                </c:pt>
                <c:pt idx="1111">
                  <c:v>0</c:v>
                </c:pt>
                <c:pt idx="1112">
                  <c:v>0</c:v>
                </c:pt>
                <c:pt idx="1113">
                  <c:v>0</c:v>
                </c:pt>
                <c:pt idx="1114">
                  <c:v>0</c:v>
                </c:pt>
                <c:pt idx="1115">
                  <c:v>0</c:v>
                </c:pt>
                <c:pt idx="1116">
                  <c:v>0</c:v>
                </c:pt>
                <c:pt idx="1117">
                  <c:v>0</c:v>
                </c:pt>
                <c:pt idx="1118">
                  <c:v>0</c:v>
                </c:pt>
                <c:pt idx="1119">
                  <c:v>0</c:v>
                </c:pt>
                <c:pt idx="1120">
                  <c:v>0</c:v>
                </c:pt>
                <c:pt idx="1121">
                  <c:v>0</c:v>
                </c:pt>
                <c:pt idx="1122">
                  <c:v>0</c:v>
                </c:pt>
                <c:pt idx="1123">
                  <c:v>0</c:v>
                </c:pt>
                <c:pt idx="1124">
                  <c:v>0</c:v>
                </c:pt>
                <c:pt idx="1125">
                  <c:v>0</c:v>
                </c:pt>
                <c:pt idx="1126">
                  <c:v>0</c:v>
                </c:pt>
                <c:pt idx="1127">
                  <c:v>0</c:v>
                </c:pt>
                <c:pt idx="1128">
                  <c:v>0</c:v>
                </c:pt>
                <c:pt idx="1129">
                  <c:v>0</c:v>
                </c:pt>
                <c:pt idx="1130">
                  <c:v>0</c:v>
                </c:pt>
                <c:pt idx="1131">
                  <c:v>0</c:v>
                </c:pt>
                <c:pt idx="1132">
                  <c:v>0</c:v>
                </c:pt>
                <c:pt idx="1133">
                  <c:v>0</c:v>
                </c:pt>
                <c:pt idx="1134">
                  <c:v>0</c:v>
                </c:pt>
                <c:pt idx="1135">
                  <c:v>0</c:v>
                </c:pt>
                <c:pt idx="1136">
                  <c:v>0</c:v>
                </c:pt>
                <c:pt idx="1137">
                  <c:v>0</c:v>
                </c:pt>
                <c:pt idx="1138">
                  <c:v>0</c:v>
                </c:pt>
                <c:pt idx="1139">
                  <c:v>0</c:v>
                </c:pt>
                <c:pt idx="1140">
                  <c:v>0</c:v>
                </c:pt>
                <c:pt idx="1141">
                  <c:v>0</c:v>
                </c:pt>
                <c:pt idx="1142">
                  <c:v>0</c:v>
                </c:pt>
                <c:pt idx="1143">
                  <c:v>0</c:v>
                </c:pt>
                <c:pt idx="1144">
                  <c:v>0</c:v>
                </c:pt>
                <c:pt idx="1145">
                  <c:v>0</c:v>
                </c:pt>
                <c:pt idx="1146">
                  <c:v>0</c:v>
                </c:pt>
                <c:pt idx="1147">
                  <c:v>0</c:v>
                </c:pt>
                <c:pt idx="1148">
                  <c:v>0</c:v>
                </c:pt>
                <c:pt idx="1149">
                  <c:v>0</c:v>
                </c:pt>
                <c:pt idx="1150">
                  <c:v>0</c:v>
                </c:pt>
                <c:pt idx="1151">
                  <c:v>0</c:v>
                </c:pt>
                <c:pt idx="1152">
                  <c:v>0</c:v>
                </c:pt>
                <c:pt idx="1153">
                  <c:v>0</c:v>
                </c:pt>
                <c:pt idx="1154">
                  <c:v>0</c:v>
                </c:pt>
                <c:pt idx="1155">
                  <c:v>0</c:v>
                </c:pt>
                <c:pt idx="1156">
                  <c:v>0</c:v>
                </c:pt>
                <c:pt idx="1157">
                  <c:v>0</c:v>
                </c:pt>
                <c:pt idx="1158">
                  <c:v>0</c:v>
                </c:pt>
                <c:pt idx="1159">
                  <c:v>0</c:v>
                </c:pt>
                <c:pt idx="1160">
                  <c:v>0</c:v>
                </c:pt>
                <c:pt idx="1161">
                  <c:v>0</c:v>
                </c:pt>
                <c:pt idx="1162">
                  <c:v>0</c:v>
                </c:pt>
                <c:pt idx="1163">
                  <c:v>0</c:v>
                </c:pt>
                <c:pt idx="1164">
                  <c:v>0</c:v>
                </c:pt>
                <c:pt idx="1165">
                  <c:v>0</c:v>
                </c:pt>
                <c:pt idx="1166">
                  <c:v>0</c:v>
                </c:pt>
                <c:pt idx="1167">
                  <c:v>0</c:v>
                </c:pt>
                <c:pt idx="1168">
                  <c:v>0</c:v>
                </c:pt>
                <c:pt idx="1169">
                  <c:v>0</c:v>
                </c:pt>
                <c:pt idx="1170">
                  <c:v>0</c:v>
                </c:pt>
                <c:pt idx="1171">
                  <c:v>0</c:v>
                </c:pt>
                <c:pt idx="1172">
                  <c:v>0</c:v>
                </c:pt>
                <c:pt idx="1173">
                  <c:v>0</c:v>
                </c:pt>
                <c:pt idx="1174">
                  <c:v>0</c:v>
                </c:pt>
                <c:pt idx="1175">
                  <c:v>0</c:v>
                </c:pt>
                <c:pt idx="1176">
                  <c:v>0</c:v>
                </c:pt>
                <c:pt idx="1177">
                  <c:v>0</c:v>
                </c:pt>
                <c:pt idx="1178">
                  <c:v>0</c:v>
                </c:pt>
                <c:pt idx="1179">
                  <c:v>0</c:v>
                </c:pt>
                <c:pt idx="1180">
                  <c:v>0</c:v>
                </c:pt>
                <c:pt idx="1181">
                  <c:v>0</c:v>
                </c:pt>
                <c:pt idx="1182">
                  <c:v>0</c:v>
                </c:pt>
                <c:pt idx="1183">
                  <c:v>0</c:v>
                </c:pt>
                <c:pt idx="1184">
                  <c:v>0</c:v>
                </c:pt>
                <c:pt idx="1185">
                  <c:v>0</c:v>
                </c:pt>
                <c:pt idx="1186">
                  <c:v>0</c:v>
                </c:pt>
                <c:pt idx="1187">
                  <c:v>0</c:v>
                </c:pt>
                <c:pt idx="1188">
                  <c:v>0</c:v>
                </c:pt>
                <c:pt idx="1189">
                  <c:v>0</c:v>
                </c:pt>
                <c:pt idx="1190">
                  <c:v>0</c:v>
                </c:pt>
                <c:pt idx="1191">
                  <c:v>0</c:v>
                </c:pt>
                <c:pt idx="1192">
                  <c:v>0</c:v>
                </c:pt>
                <c:pt idx="1193">
                  <c:v>0</c:v>
                </c:pt>
                <c:pt idx="1194">
                  <c:v>0</c:v>
                </c:pt>
                <c:pt idx="1195">
                  <c:v>0</c:v>
                </c:pt>
                <c:pt idx="1196">
                  <c:v>0</c:v>
                </c:pt>
                <c:pt idx="1197">
                  <c:v>0</c:v>
                </c:pt>
                <c:pt idx="1198">
                  <c:v>0</c:v>
                </c:pt>
                <c:pt idx="1199">
                  <c:v>0</c:v>
                </c:pt>
                <c:pt idx="1200">
                  <c:v>0</c:v>
                </c:pt>
                <c:pt idx="1201">
                  <c:v>0</c:v>
                </c:pt>
                <c:pt idx="1202">
                  <c:v>0</c:v>
                </c:pt>
                <c:pt idx="1203">
                  <c:v>0</c:v>
                </c:pt>
                <c:pt idx="1204">
                  <c:v>0</c:v>
                </c:pt>
                <c:pt idx="1205">
                  <c:v>0</c:v>
                </c:pt>
                <c:pt idx="1206">
                  <c:v>0</c:v>
                </c:pt>
                <c:pt idx="1207">
                  <c:v>0</c:v>
                </c:pt>
                <c:pt idx="1208">
                  <c:v>0</c:v>
                </c:pt>
                <c:pt idx="1209">
                  <c:v>0</c:v>
                </c:pt>
                <c:pt idx="1210">
                  <c:v>0</c:v>
                </c:pt>
                <c:pt idx="1211">
                  <c:v>0</c:v>
                </c:pt>
                <c:pt idx="1212">
                  <c:v>0</c:v>
                </c:pt>
                <c:pt idx="1213">
                  <c:v>0</c:v>
                </c:pt>
                <c:pt idx="1214">
                  <c:v>0</c:v>
                </c:pt>
                <c:pt idx="1215">
                  <c:v>0</c:v>
                </c:pt>
                <c:pt idx="1216">
                  <c:v>0</c:v>
                </c:pt>
                <c:pt idx="1217">
                  <c:v>0</c:v>
                </c:pt>
                <c:pt idx="1218">
                  <c:v>0</c:v>
                </c:pt>
                <c:pt idx="1219">
                  <c:v>0</c:v>
                </c:pt>
                <c:pt idx="1220">
                  <c:v>0</c:v>
                </c:pt>
                <c:pt idx="1221">
                  <c:v>0</c:v>
                </c:pt>
                <c:pt idx="1222">
                  <c:v>0</c:v>
                </c:pt>
                <c:pt idx="1223">
                  <c:v>0</c:v>
                </c:pt>
                <c:pt idx="1224">
                  <c:v>0</c:v>
                </c:pt>
                <c:pt idx="1225">
                  <c:v>0</c:v>
                </c:pt>
                <c:pt idx="1226">
                  <c:v>0</c:v>
                </c:pt>
                <c:pt idx="1227">
                  <c:v>0</c:v>
                </c:pt>
                <c:pt idx="1228">
                  <c:v>0</c:v>
                </c:pt>
                <c:pt idx="1229">
                  <c:v>0</c:v>
                </c:pt>
                <c:pt idx="1230">
                  <c:v>0</c:v>
                </c:pt>
                <c:pt idx="1231">
                  <c:v>0</c:v>
                </c:pt>
                <c:pt idx="1232">
                  <c:v>0</c:v>
                </c:pt>
                <c:pt idx="1233">
                  <c:v>0</c:v>
                </c:pt>
                <c:pt idx="1234">
                  <c:v>0</c:v>
                </c:pt>
                <c:pt idx="1235">
                  <c:v>0</c:v>
                </c:pt>
                <c:pt idx="1236">
                  <c:v>0</c:v>
                </c:pt>
                <c:pt idx="1237">
                  <c:v>0</c:v>
                </c:pt>
                <c:pt idx="1238">
                  <c:v>0</c:v>
                </c:pt>
                <c:pt idx="1239">
                  <c:v>0</c:v>
                </c:pt>
                <c:pt idx="1240">
                  <c:v>0</c:v>
                </c:pt>
                <c:pt idx="1241">
                  <c:v>0</c:v>
                </c:pt>
                <c:pt idx="1242">
                  <c:v>0</c:v>
                </c:pt>
                <c:pt idx="1243">
                  <c:v>0</c:v>
                </c:pt>
                <c:pt idx="1244">
                  <c:v>0</c:v>
                </c:pt>
                <c:pt idx="1245">
                  <c:v>0</c:v>
                </c:pt>
                <c:pt idx="1246">
                  <c:v>0</c:v>
                </c:pt>
                <c:pt idx="1247">
                  <c:v>0</c:v>
                </c:pt>
                <c:pt idx="1248">
                  <c:v>0</c:v>
                </c:pt>
                <c:pt idx="1249">
                  <c:v>0</c:v>
                </c:pt>
                <c:pt idx="1250">
                  <c:v>0</c:v>
                </c:pt>
                <c:pt idx="1251">
                  <c:v>0</c:v>
                </c:pt>
                <c:pt idx="1252">
                  <c:v>0</c:v>
                </c:pt>
                <c:pt idx="1253">
                  <c:v>0</c:v>
                </c:pt>
                <c:pt idx="1254">
                  <c:v>0</c:v>
                </c:pt>
                <c:pt idx="1255">
                  <c:v>0</c:v>
                </c:pt>
                <c:pt idx="1256">
                  <c:v>0</c:v>
                </c:pt>
                <c:pt idx="1257">
                  <c:v>0</c:v>
                </c:pt>
                <c:pt idx="1258">
                  <c:v>0</c:v>
                </c:pt>
                <c:pt idx="1259">
                  <c:v>0</c:v>
                </c:pt>
                <c:pt idx="1260">
                  <c:v>0</c:v>
                </c:pt>
                <c:pt idx="1261">
                  <c:v>0</c:v>
                </c:pt>
                <c:pt idx="1262">
                  <c:v>0</c:v>
                </c:pt>
                <c:pt idx="1263">
                  <c:v>0</c:v>
                </c:pt>
                <c:pt idx="1264">
                  <c:v>0</c:v>
                </c:pt>
                <c:pt idx="1265">
                  <c:v>0</c:v>
                </c:pt>
                <c:pt idx="1266">
                  <c:v>0</c:v>
                </c:pt>
                <c:pt idx="1267">
                  <c:v>0</c:v>
                </c:pt>
                <c:pt idx="1268">
                  <c:v>0</c:v>
                </c:pt>
                <c:pt idx="1269">
                  <c:v>0</c:v>
                </c:pt>
                <c:pt idx="1270">
                  <c:v>0</c:v>
                </c:pt>
                <c:pt idx="1271">
                  <c:v>0</c:v>
                </c:pt>
                <c:pt idx="1272">
                  <c:v>0</c:v>
                </c:pt>
                <c:pt idx="1273">
                  <c:v>0</c:v>
                </c:pt>
                <c:pt idx="1274">
                  <c:v>0</c:v>
                </c:pt>
                <c:pt idx="1275">
                  <c:v>0</c:v>
                </c:pt>
                <c:pt idx="1276">
                  <c:v>0</c:v>
                </c:pt>
                <c:pt idx="1277">
                  <c:v>0</c:v>
                </c:pt>
                <c:pt idx="1278">
                  <c:v>0</c:v>
                </c:pt>
                <c:pt idx="1279">
                  <c:v>0</c:v>
                </c:pt>
                <c:pt idx="1280">
                  <c:v>0</c:v>
                </c:pt>
                <c:pt idx="1281">
                  <c:v>0</c:v>
                </c:pt>
                <c:pt idx="1282">
                  <c:v>0</c:v>
                </c:pt>
                <c:pt idx="1283">
                  <c:v>0</c:v>
                </c:pt>
                <c:pt idx="1284">
                  <c:v>0</c:v>
                </c:pt>
                <c:pt idx="1285">
                  <c:v>0</c:v>
                </c:pt>
                <c:pt idx="1286">
                  <c:v>0</c:v>
                </c:pt>
                <c:pt idx="1287">
                  <c:v>0</c:v>
                </c:pt>
                <c:pt idx="1288">
                  <c:v>0</c:v>
                </c:pt>
                <c:pt idx="1289">
                  <c:v>0</c:v>
                </c:pt>
                <c:pt idx="1290">
                  <c:v>0</c:v>
                </c:pt>
                <c:pt idx="1291">
                  <c:v>0</c:v>
                </c:pt>
                <c:pt idx="1292">
                  <c:v>0</c:v>
                </c:pt>
                <c:pt idx="1293">
                  <c:v>0</c:v>
                </c:pt>
                <c:pt idx="1294">
                  <c:v>0</c:v>
                </c:pt>
                <c:pt idx="1295">
                  <c:v>0</c:v>
                </c:pt>
                <c:pt idx="1296">
                  <c:v>0</c:v>
                </c:pt>
                <c:pt idx="1297">
                  <c:v>0</c:v>
                </c:pt>
                <c:pt idx="1298">
                  <c:v>0</c:v>
                </c:pt>
                <c:pt idx="1299">
                  <c:v>0</c:v>
                </c:pt>
                <c:pt idx="1300">
                  <c:v>0</c:v>
                </c:pt>
                <c:pt idx="1301">
                  <c:v>0</c:v>
                </c:pt>
                <c:pt idx="1302">
                  <c:v>0</c:v>
                </c:pt>
                <c:pt idx="1303">
                  <c:v>0</c:v>
                </c:pt>
                <c:pt idx="1304">
                  <c:v>0</c:v>
                </c:pt>
                <c:pt idx="1305">
                  <c:v>0</c:v>
                </c:pt>
                <c:pt idx="1306">
                  <c:v>0</c:v>
                </c:pt>
                <c:pt idx="1307">
                  <c:v>0</c:v>
                </c:pt>
                <c:pt idx="1308">
                  <c:v>0</c:v>
                </c:pt>
                <c:pt idx="1309">
                  <c:v>0</c:v>
                </c:pt>
                <c:pt idx="1310">
                  <c:v>0</c:v>
                </c:pt>
                <c:pt idx="1311">
                  <c:v>0</c:v>
                </c:pt>
                <c:pt idx="1312">
                  <c:v>0</c:v>
                </c:pt>
                <c:pt idx="1313">
                  <c:v>0</c:v>
                </c:pt>
                <c:pt idx="1314">
                  <c:v>0</c:v>
                </c:pt>
                <c:pt idx="1315">
                  <c:v>0</c:v>
                </c:pt>
                <c:pt idx="1316">
                  <c:v>0</c:v>
                </c:pt>
                <c:pt idx="1317">
                  <c:v>0</c:v>
                </c:pt>
                <c:pt idx="1318">
                  <c:v>0</c:v>
                </c:pt>
                <c:pt idx="1319">
                  <c:v>0</c:v>
                </c:pt>
                <c:pt idx="1320">
                  <c:v>0</c:v>
                </c:pt>
                <c:pt idx="1321">
                  <c:v>0</c:v>
                </c:pt>
                <c:pt idx="1322">
                  <c:v>0</c:v>
                </c:pt>
                <c:pt idx="1323">
                  <c:v>0</c:v>
                </c:pt>
                <c:pt idx="1324">
                  <c:v>0</c:v>
                </c:pt>
                <c:pt idx="1325">
                  <c:v>0</c:v>
                </c:pt>
                <c:pt idx="1326">
                  <c:v>0</c:v>
                </c:pt>
                <c:pt idx="1327">
                  <c:v>0</c:v>
                </c:pt>
                <c:pt idx="1328">
                  <c:v>0</c:v>
                </c:pt>
                <c:pt idx="1329">
                  <c:v>0</c:v>
                </c:pt>
                <c:pt idx="1330">
                  <c:v>0</c:v>
                </c:pt>
                <c:pt idx="1331">
                  <c:v>0</c:v>
                </c:pt>
                <c:pt idx="1332">
                  <c:v>0</c:v>
                </c:pt>
                <c:pt idx="1333">
                  <c:v>0</c:v>
                </c:pt>
                <c:pt idx="1334">
                  <c:v>0</c:v>
                </c:pt>
                <c:pt idx="1335">
                  <c:v>0</c:v>
                </c:pt>
                <c:pt idx="1336">
                  <c:v>0</c:v>
                </c:pt>
                <c:pt idx="1337">
                  <c:v>0</c:v>
                </c:pt>
                <c:pt idx="1338">
                  <c:v>0</c:v>
                </c:pt>
                <c:pt idx="1339">
                  <c:v>0</c:v>
                </c:pt>
                <c:pt idx="1340">
                  <c:v>0</c:v>
                </c:pt>
                <c:pt idx="1341">
                  <c:v>0</c:v>
                </c:pt>
                <c:pt idx="1342">
                  <c:v>0</c:v>
                </c:pt>
                <c:pt idx="1343">
                  <c:v>0</c:v>
                </c:pt>
                <c:pt idx="1344">
                  <c:v>0</c:v>
                </c:pt>
                <c:pt idx="1345">
                  <c:v>0</c:v>
                </c:pt>
                <c:pt idx="1346">
                  <c:v>0</c:v>
                </c:pt>
                <c:pt idx="1347">
                  <c:v>0</c:v>
                </c:pt>
                <c:pt idx="1348">
                  <c:v>0</c:v>
                </c:pt>
                <c:pt idx="1349">
                  <c:v>0</c:v>
                </c:pt>
                <c:pt idx="1350">
                  <c:v>0</c:v>
                </c:pt>
                <c:pt idx="1351">
                  <c:v>0</c:v>
                </c:pt>
                <c:pt idx="1352">
                  <c:v>0</c:v>
                </c:pt>
                <c:pt idx="1353">
                  <c:v>0</c:v>
                </c:pt>
                <c:pt idx="1354">
                  <c:v>0</c:v>
                </c:pt>
                <c:pt idx="1355">
                  <c:v>0</c:v>
                </c:pt>
                <c:pt idx="1356">
                  <c:v>0</c:v>
                </c:pt>
                <c:pt idx="1357">
                  <c:v>0</c:v>
                </c:pt>
                <c:pt idx="1358">
                  <c:v>0</c:v>
                </c:pt>
                <c:pt idx="1359">
                  <c:v>0</c:v>
                </c:pt>
                <c:pt idx="1360">
                  <c:v>0</c:v>
                </c:pt>
                <c:pt idx="1361">
                  <c:v>0</c:v>
                </c:pt>
                <c:pt idx="1362">
                  <c:v>0</c:v>
                </c:pt>
                <c:pt idx="1363">
                  <c:v>0</c:v>
                </c:pt>
                <c:pt idx="1364">
                  <c:v>0</c:v>
                </c:pt>
                <c:pt idx="1365">
                  <c:v>0</c:v>
                </c:pt>
                <c:pt idx="1366">
                  <c:v>0</c:v>
                </c:pt>
                <c:pt idx="1367">
                  <c:v>0</c:v>
                </c:pt>
                <c:pt idx="1368">
                  <c:v>0</c:v>
                </c:pt>
                <c:pt idx="1369">
                  <c:v>0</c:v>
                </c:pt>
                <c:pt idx="1370">
                  <c:v>0</c:v>
                </c:pt>
                <c:pt idx="1371">
                  <c:v>0</c:v>
                </c:pt>
                <c:pt idx="1372">
                  <c:v>0</c:v>
                </c:pt>
                <c:pt idx="1373">
                  <c:v>0</c:v>
                </c:pt>
                <c:pt idx="1374">
                  <c:v>0</c:v>
                </c:pt>
                <c:pt idx="1375">
                  <c:v>0</c:v>
                </c:pt>
                <c:pt idx="1376">
                  <c:v>0</c:v>
                </c:pt>
                <c:pt idx="1377">
                  <c:v>0</c:v>
                </c:pt>
                <c:pt idx="1378">
                  <c:v>0</c:v>
                </c:pt>
                <c:pt idx="1379">
                  <c:v>0</c:v>
                </c:pt>
                <c:pt idx="1380">
                  <c:v>0</c:v>
                </c:pt>
                <c:pt idx="1381">
                  <c:v>0</c:v>
                </c:pt>
                <c:pt idx="1382">
                  <c:v>0</c:v>
                </c:pt>
                <c:pt idx="1383">
                  <c:v>0</c:v>
                </c:pt>
                <c:pt idx="1384">
                  <c:v>0</c:v>
                </c:pt>
                <c:pt idx="1385">
                  <c:v>0</c:v>
                </c:pt>
                <c:pt idx="1386">
                  <c:v>0</c:v>
                </c:pt>
                <c:pt idx="1387">
                  <c:v>0</c:v>
                </c:pt>
                <c:pt idx="1388">
                  <c:v>0</c:v>
                </c:pt>
                <c:pt idx="1389">
                  <c:v>0</c:v>
                </c:pt>
                <c:pt idx="1390">
                  <c:v>0</c:v>
                </c:pt>
                <c:pt idx="1391">
                  <c:v>0</c:v>
                </c:pt>
                <c:pt idx="1392">
                  <c:v>0</c:v>
                </c:pt>
                <c:pt idx="1393">
                  <c:v>0</c:v>
                </c:pt>
                <c:pt idx="1394">
                  <c:v>0</c:v>
                </c:pt>
                <c:pt idx="1395">
                  <c:v>0</c:v>
                </c:pt>
                <c:pt idx="1396">
                  <c:v>0</c:v>
                </c:pt>
                <c:pt idx="1397">
                  <c:v>0</c:v>
                </c:pt>
                <c:pt idx="1398">
                  <c:v>0</c:v>
                </c:pt>
                <c:pt idx="1399">
                  <c:v>0</c:v>
                </c:pt>
                <c:pt idx="1400">
                  <c:v>0</c:v>
                </c:pt>
                <c:pt idx="1401">
                  <c:v>0</c:v>
                </c:pt>
                <c:pt idx="1402">
                  <c:v>0</c:v>
                </c:pt>
                <c:pt idx="1403">
                  <c:v>0</c:v>
                </c:pt>
                <c:pt idx="1404">
                  <c:v>0</c:v>
                </c:pt>
                <c:pt idx="1405">
                  <c:v>0</c:v>
                </c:pt>
                <c:pt idx="1406">
                  <c:v>0</c:v>
                </c:pt>
                <c:pt idx="1407">
                  <c:v>0</c:v>
                </c:pt>
                <c:pt idx="1408">
                  <c:v>0</c:v>
                </c:pt>
                <c:pt idx="1409">
                  <c:v>0</c:v>
                </c:pt>
                <c:pt idx="1410">
                  <c:v>0</c:v>
                </c:pt>
                <c:pt idx="1411">
                  <c:v>0</c:v>
                </c:pt>
                <c:pt idx="1412">
                  <c:v>0</c:v>
                </c:pt>
                <c:pt idx="1413">
                  <c:v>0</c:v>
                </c:pt>
                <c:pt idx="1414">
                  <c:v>0</c:v>
                </c:pt>
                <c:pt idx="1415">
                  <c:v>0</c:v>
                </c:pt>
                <c:pt idx="1416">
                  <c:v>0</c:v>
                </c:pt>
                <c:pt idx="1417">
                  <c:v>0</c:v>
                </c:pt>
                <c:pt idx="1418">
                  <c:v>0</c:v>
                </c:pt>
                <c:pt idx="1419">
                  <c:v>0</c:v>
                </c:pt>
                <c:pt idx="1420">
                  <c:v>0</c:v>
                </c:pt>
                <c:pt idx="1421">
                  <c:v>0</c:v>
                </c:pt>
                <c:pt idx="1422">
                  <c:v>0</c:v>
                </c:pt>
                <c:pt idx="1423">
                  <c:v>0</c:v>
                </c:pt>
                <c:pt idx="1424">
                  <c:v>0</c:v>
                </c:pt>
                <c:pt idx="1425">
                  <c:v>0</c:v>
                </c:pt>
                <c:pt idx="1426">
                  <c:v>0</c:v>
                </c:pt>
                <c:pt idx="1427">
                  <c:v>0</c:v>
                </c:pt>
                <c:pt idx="1428">
                  <c:v>0</c:v>
                </c:pt>
                <c:pt idx="1429">
                  <c:v>0</c:v>
                </c:pt>
                <c:pt idx="1430">
                  <c:v>0</c:v>
                </c:pt>
                <c:pt idx="1431">
                  <c:v>0</c:v>
                </c:pt>
                <c:pt idx="1432">
                  <c:v>0</c:v>
                </c:pt>
                <c:pt idx="1433">
                  <c:v>0</c:v>
                </c:pt>
                <c:pt idx="1434">
                  <c:v>0</c:v>
                </c:pt>
                <c:pt idx="1435">
                  <c:v>0</c:v>
                </c:pt>
                <c:pt idx="1436">
                  <c:v>0</c:v>
                </c:pt>
                <c:pt idx="1437">
                  <c:v>0</c:v>
                </c:pt>
                <c:pt idx="1438">
                  <c:v>0</c:v>
                </c:pt>
                <c:pt idx="1439">
                  <c:v>0</c:v>
                </c:pt>
                <c:pt idx="1440">
                  <c:v>0</c:v>
                </c:pt>
                <c:pt idx="1441">
                  <c:v>0</c:v>
                </c:pt>
                <c:pt idx="1442">
                  <c:v>0</c:v>
                </c:pt>
                <c:pt idx="1443">
                  <c:v>0</c:v>
                </c:pt>
                <c:pt idx="1444">
                  <c:v>0</c:v>
                </c:pt>
                <c:pt idx="1445">
                  <c:v>0</c:v>
                </c:pt>
                <c:pt idx="1446">
                  <c:v>0</c:v>
                </c:pt>
                <c:pt idx="1447">
                  <c:v>0</c:v>
                </c:pt>
                <c:pt idx="1448">
                  <c:v>0</c:v>
                </c:pt>
                <c:pt idx="1449">
                  <c:v>0</c:v>
                </c:pt>
                <c:pt idx="1450">
                  <c:v>0</c:v>
                </c:pt>
                <c:pt idx="1451">
                  <c:v>0</c:v>
                </c:pt>
                <c:pt idx="1452">
                  <c:v>0</c:v>
                </c:pt>
                <c:pt idx="1453">
                  <c:v>0</c:v>
                </c:pt>
                <c:pt idx="1454">
                  <c:v>0</c:v>
                </c:pt>
                <c:pt idx="1455">
                  <c:v>0</c:v>
                </c:pt>
                <c:pt idx="1456">
                  <c:v>0</c:v>
                </c:pt>
                <c:pt idx="1457">
                  <c:v>0</c:v>
                </c:pt>
                <c:pt idx="1458">
                  <c:v>0</c:v>
                </c:pt>
                <c:pt idx="1459">
                  <c:v>0</c:v>
                </c:pt>
                <c:pt idx="1460">
                  <c:v>0</c:v>
                </c:pt>
                <c:pt idx="1461">
                  <c:v>0</c:v>
                </c:pt>
                <c:pt idx="1462">
                  <c:v>0</c:v>
                </c:pt>
                <c:pt idx="1463">
                  <c:v>0</c:v>
                </c:pt>
                <c:pt idx="1464">
                  <c:v>0</c:v>
                </c:pt>
                <c:pt idx="1465">
                  <c:v>0</c:v>
                </c:pt>
                <c:pt idx="1466">
                  <c:v>0</c:v>
                </c:pt>
                <c:pt idx="1467">
                  <c:v>0</c:v>
                </c:pt>
                <c:pt idx="1468">
                  <c:v>0</c:v>
                </c:pt>
                <c:pt idx="1469">
                  <c:v>0</c:v>
                </c:pt>
                <c:pt idx="1470">
                  <c:v>0</c:v>
                </c:pt>
                <c:pt idx="1471">
                  <c:v>0</c:v>
                </c:pt>
                <c:pt idx="1472">
                  <c:v>0</c:v>
                </c:pt>
                <c:pt idx="1473">
                  <c:v>0</c:v>
                </c:pt>
                <c:pt idx="1474">
                  <c:v>0</c:v>
                </c:pt>
                <c:pt idx="1475">
                  <c:v>0</c:v>
                </c:pt>
                <c:pt idx="1476">
                  <c:v>0</c:v>
                </c:pt>
                <c:pt idx="1477">
                  <c:v>0</c:v>
                </c:pt>
                <c:pt idx="1478">
                  <c:v>0</c:v>
                </c:pt>
                <c:pt idx="1479">
                  <c:v>0</c:v>
                </c:pt>
                <c:pt idx="1480">
                  <c:v>0</c:v>
                </c:pt>
                <c:pt idx="1481">
                  <c:v>0</c:v>
                </c:pt>
                <c:pt idx="1482">
                  <c:v>0</c:v>
                </c:pt>
                <c:pt idx="1483">
                  <c:v>0</c:v>
                </c:pt>
                <c:pt idx="1484">
                  <c:v>0</c:v>
                </c:pt>
                <c:pt idx="1485">
                  <c:v>0</c:v>
                </c:pt>
                <c:pt idx="1486">
                  <c:v>0</c:v>
                </c:pt>
                <c:pt idx="1487">
                  <c:v>0</c:v>
                </c:pt>
                <c:pt idx="1488">
                  <c:v>0</c:v>
                </c:pt>
                <c:pt idx="1489">
                  <c:v>0</c:v>
                </c:pt>
                <c:pt idx="1490">
                  <c:v>0</c:v>
                </c:pt>
                <c:pt idx="1491">
                  <c:v>0</c:v>
                </c:pt>
                <c:pt idx="1492">
                  <c:v>0</c:v>
                </c:pt>
                <c:pt idx="1493">
                  <c:v>0</c:v>
                </c:pt>
                <c:pt idx="1494">
                  <c:v>0</c:v>
                </c:pt>
                <c:pt idx="1495">
                  <c:v>0</c:v>
                </c:pt>
                <c:pt idx="1496">
                  <c:v>0</c:v>
                </c:pt>
                <c:pt idx="1497">
                  <c:v>0</c:v>
                </c:pt>
                <c:pt idx="1498">
                  <c:v>0</c:v>
                </c:pt>
                <c:pt idx="1499">
                  <c:v>0</c:v>
                </c:pt>
                <c:pt idx="1500">
                  <c:v>0</c:v>
                </c:pt>
                <c:pt idx="1501">
                  <c:v>0</c:v>
                </c:pt>
                <c:pt idx="1502">
                  <c:v>0</c:v>
                </c:pt>
                <c:pt idx="1503">
                  <c:v>0</c:v>
                </c:pt>
                <c:pt idx="1504">
                  <c:v>0</c:v>
                </c:pt>
                <c:pt idx="1505">
                  <c:v>0</c:v>
                </c:pt>
                <c:pt idx="1506">
                  <c:v>0</c:v>
                </c:pt>
                <c:pt idx="1507">
                  <c:v>0</c:v>
                </c:pt>
                <c:pt idx="1508">
                  <c:v>0</c:v>
                </c:pt>
                <c:pt idx="1509">
                  <c:v>0</c:v>
                </c:pt>
                <c:pt idx="1510">
                  <c:v>0</c:v>
                </c:pt>
                <c:pt idx="1511">
                  <c:v>0</c:v>
                </c:pt>
                <c:pt idx="1512">
                  <c:v>0</c:v>
                </c:pt>
                <c:pt idx="1513">
                  <c:v>0</c:v>
                </c:pt>
                <c:pt idx="1514">
                  <c:v>0</c:v>
                </c:pt>
                <c:pt idx="1515">
                  <c:v>0</c:v>
                </c:pt>
                <c:pt idx="1516">
                  <c:v>0</c:v>
                </c:pt>
                <c:pt idx="1517">
                  <c:v>0</c:v>
                </c:pt>
                <c:pt idx="1518">
                  <c:v>0</c:v>
                </c:pt>
                <c:pt idx="1519">
                  <c:v>0</c:v>
                </c:pt>
                <c:pt idx="1520">
                  <c:v>0</c:v>
                </c:pt>
                <c:pt idx="1521">
                  <c:v>0</c:v>
                </c:pt>
                <c:pt idx="1522">
                  <c:v>0</c:v>
                </c:pt>
                <c:pt idx="1523">
                  <c:v>0</c:v>
                </c:pt>
                <c:pt idx="1524">
                  <c:v>0</c:v>
                </c:pt>
                <c:pt idx="1525">
                  <c:v>0</c:v>
                </c:pt>
                <c:pt idx="1526">
                  <c:v>0</c:v>
                </c:pt>
                <c:pt idx="1527">
                  <c:v>0</c:v>
                </c:pt>
                <c:pt idx="1528">
                  <c:v>0</c:v>
                </c:pt>
                <c:pt idx="1529">
                  <c:v>0</c:v>
                </c:pt>
                <c:pt idx="1530">
                  <c:v>0</c:v>
                </c:pt>
                <c:pt idx="1531">
                  <c:v>0</c:v>
                </c:pt>
                <c:pt idx="1532">
                  <c:v>0</c:v>
                </c:pt>
                <c:pt idx="1533">
                  <c:v>0</c:v>
                </c:pt>
                <c:pt idx="1534">
                  <c:v>0</c:v>
                </c:pt>
                <c:pt idx="1535">
                  <c:v>0</c:v>
                </c:pt>
                <c:pt idx="1536">
                  <c:v>0</c:v>
                </c:pt>
                <c:pt idx="1537">
                  <c:v>0</c:v>
                </c:pt>
                <c:pt idx="1538">
                  <c:v>0</c:v>
                </c:pt>
                <c:pt idx="1539">
                  <c:v>0</c:v>
                </c:pt>
                <c:pt idx="1540">
                  <c:v>0</c:v>
                </c:pt>
                <c:pt idx="1541">
                  <c:v>0</c:v>
                </c:pt>
                <c:pt idx="1542">
                  <c:v>0</c:v>
                </c:pt>
                <c:pt idx="1543">
                  <c:v>0</c:v>
                </c:pt>
                <c:pt idx="1544">
                  <c:v>0</c:v>
                </c:pt>
                <c:pt idx="1545">
                  <c:v>0</c:v>
                </c:pt>
                <c:pt idx="1546">
                  <c:v>0</c:v>
                </c:pt>
                <c:pt idx="1547">
                  <c:v>0</c:v>
                </c:pt>
                <c:pt idx="1548">
                  <c:v>0</c:v>
                </c:pt>
                <c:pt idx="1549">
                  <c:v>0</c:v>
                </c:pt>
                <c:pt idx="1550">
                  <c:v>0</c:v>
                </c:pt>
                <c:pt idx="1551">
                  <c:v>0</c:v>
                </c:pt>
                <c:pt idx="1552">
                  <c:v>0</c:v>
                </c:pt>
                <c:pt idx="1553">
                  <c:v>0</c:v>
                </c:pt>
                <c:pt idx="1554">
                  <c:v>0</c:v>
                </c:pt>
                <c:pt idx="1555">
                  <c:v>0</c:v>
                </c:pt>
                <c:pt idx="1556">
                  <c:v>0</c:v>
                </c:pt>
                <c:pt idx="1557">
                  <c:v>0</c:v>
                </c:pt>
                <c:pt idx="1558">
                  <c:v>0</c:v>
                </c:pt>
                <c:pt idx="1559">
                  <c:v>0</c:v>
                </c:pt>
                <c:pt idx="1560">
                  <c:v>0</c:v>
                </c:pt>
                <c:pt idx="1561">
                  <c:v>0</c:v>
                </c:pt>
                <c:pt idx="1562">
                  <c:v>0</c:v>
                </c:pt>
                <c:pt idx="1563">
                  <c:v>0</c:v>
                </c:pt>
                <c:pt idx="1564">
                  <c:v>0</c:v>
                </c:pt>
                <c:pt idx="1565">
                  <c:v>0</c:v>
                </c:pt>
                <c:pt idx="1566">
                  <c:v>0</c:v>
                </c:pt>
                <c:pt idx="1567">
                  <c:v>0</c:v>
                </c:pt>
                <c:pt idx="1568">
                  <c:v>0</c:v>
                </c:pt>
                <c:pt idx="1569">
                  <c:v>0</c:v>
                </c:pt>
                <c:pt idx="1570">
                  <c:v>0</c:v>
                </c:pt>
                <c:pt idx="1571">
                  <c:v>0</c:v>
                </c:pt>
                <c:pt idx="1572">
                  <c:v>0</c:v>
                </c:pt>
                <c:pt idx="1573">
                  <c:v>0</c:v>
                </c:pt>
                <c:pt idx="1574">
                  <c:v>0</c:v>
                </c:pt>
                <c:pt idx="1575">
                  <c:v>0</c:v>
                </c:pt>
                <c:pt idx="1576">
                  <c:v>0</c:v>
                </c:pt>
                <c:pt idx="1577">
                  <c:v>0</c:v>
                </c:pt>
                <c:pt idx="1578">
                  <c:v>0</c:v>
                </c:pt>
                <c:pt idx="1579">
                  <c:v>0</c:v>
                </c:pt>
                <c:pt idx="1580">
                  <c:v>0</c:v>
                </c:pt>
                <c:pt idx="1581">
                  <c:v>0</c:v>
                </c:pt>
                <c:pt idx="1582">
                  <c:v>0</c:v>
                </c:pt>
                <c:pt idx="1583">
                  <c:v>0</c:v>
                </c:pt>
                <c:pt idx="1584">
                  <c:v>0</c:v>
                </c:pt>
                <c:pt idx="1585">
                  <c:v>0</c:v>
                </c:pt>
                <c:pt idx="1586">
                  <c:v>0</c:v>
                </c:pt>
                <c:pt idx="1587">
                  <c:v>0</c:v>
                </c:pt>
                <c:pt idx="1588">
                  <c:v>0</c:v>
                </c:pt>
                <c:pt idx="1589">
                  <c:v>0</c:v>
                </c:pt>
                <c:pt idx="1590">
                  <c:v>0</c:v>
                </c:pt>
                <c:pt idx="1591">
                  <c:v>0</c:v>
                </c:pt>
                <c:pt idx="1592">
                  <c:v>0</c:v>
                </c:pt>
                <c:pt idx="1593">
                  <c:v>0</c:v>
                </c:pt>
                <c:pt idx="1594">
                  <c:v>0</c:v>
                </c:pt>
                <c:pt idx="1595">
                  <c:v>0</c:v>
                </c:pt>
                <c:pt idx="1596">
                  <c:v>0</c:v>
                </c:pt>
                <c:pt idx="1597">
                  <c:v>0</c:v>
                </c:pt>
                <c:pt idx="1598">
                  <c:v>0</c:v>
                </c:pt>
                <c:pt idx="1599">
                  <c:v>0</c:v>
                </c:pt>
                <c:pt idx="1600">
                  <c:v>0</c:v>
                </c:pt>
                <c:pt idx="1601">
                  <c:v>0</c:v>
                </c:pt>
                <c:pt idx="1602">
                  <c:v>0</c:v>
                </c:pt>
                <c:pt idx="1603">
                  <c:v>0</c:v>
                </c:pt>
                <c:pt idx="1604">
                  <c:v>0</c:v>
                </c:pt>
                <c:pt idx="1605">
                  <c:v>0</c:v>
                </c:pt>
                <c:pt idx="1606">
                  <c:v>0</c:v>
                </c:pt>
                <c:pt idx="1607">
                  <c:v>0</c:v>
                </c:pt>
                <c:pt idx="1608">
                  <c:v>0</c:v>
                </c:pt>
                <c:pt idx="1609">
                  <c:v>0</c:v>
                </c:pt>
                <c:pt idx="1610">
                  <c:v>0</c:v>
                </c:pt>
                <c:pt idx="1611">
                  <c:v>0</c:v>
                </c:pt>
                <c:pt idx="1612">
                  <c:v>0</c:v>
                </c:pt>
                <c:pt idx="1613">
                  <c:v>0</c:v>
                </c:pt>
                <c:pt idx="1614">
                  <c:v>0</c:v>
                </c:pt>
                <c:pt idx="1615">
                  <c:v>0</c:v>
                </c:pt>
                <c:pt idx="1616">
                  <c:v>0</c:v>
                </c:pt>
                <c:pt idx="1617">
                  <c:v>0</c:v>
                </c:pt>
                <c:pt idx="1618">
                  <c:v>0</c:v>
                </c:pt>
                <c:pt idx="1619">
                  <c:v>0</c:v>
                </c:pt>
                <c:pt idx="1620">
                  <c:v>0</c:v>
                </c:pt>
                <c:pt idx="1621">
                  <c:v>0</c:v>
                </c:pt>
                <c:pt idx="1622">
                  <c:v>0</c:v>
                </c:pt>
                <c:pt idx="1623">
                  <c:v>0</c:v>
                </c:pt>
                <c:pt idx="1624">
                  <c:v>0</c:v>
                </c:pt>
                <c:pt idx="1625">
                  <c:v>0</c:v>
                </c:pt>
                <c:pt idx="1626">
                  <c:v>0</c:v>
                </c:pt>
                <c:pt idx="1627">
                  <c:v>0</c:v>
                </c:pt>
                <c:pt idx="1628">
                  <c:v>0</c:v>
                </c:pt>
                <c:pt idx="1629">
                  <c:v>0</c:v>
                </c:pt>
                <c:pt idx="1630">
                  <c:v>0</c:v>
                </c:pt>
                <c:pt idx="1631">
                  <c:v>0</c:v>
                </c:pt>
                <c:pt idx="1632">
                  <c:v>0</c:v>
                </c:pt>
                <c:pt idx="1633">
                  <c:v>0</c:v>
                </c:pt>
                <c:pt idx="1634">
                  <c:v>0</c:v>
                </c:pt>
                <c:pt idx="1635">
                  <c:v>0</c:v>
                </c:pt>
                <c:pt idx="1636">
                  <c:v>0</c:v>
                </c:pt>
                <c:pt idx="1637">
                  <c:v>0</c:v>
                </c:pt>
                <c:pt idx="1638">
                  <c:v>0</c:v>
                </c:pt>
                <c:pt idx="1639">
                  <c:v>0</c:v>
                </c:pt>
                <c:pt idx="1640">
                  <c:v>0</c:v>
                </c:pt>
                <c:pt idx="1641">
                  <c:v>0</c:v>
                </c:pt>
                <c:pt idx="1642">
                  <c:v>0</c:v>
                </c:pt>
                <c:pt idx="1643">
                  <c:v>0</c:v>
                </c:pt>
                <c:pt idx="1644">
                  <c:v>0</c:v>
                </c:pt>
                <c:pt idx="1645">
                  <c:v>0</c:v>
                </c:pt>
                <c:pt idx="1646">
                  <c:v>0</c:v>
                </c:pt>
                <c:pt idx="1647">
                  <c:v>0</c:v>
                </c:pt>
                <c:pt idx="1648">
                  <c:v>0</c:v>
                </c:pt>
                <c:pt idx="1649">
                  <c:v>0</c:v>
                </c:pt>
                <c:pt idx="1650">
                  <c:v>0</c:v>
                </c:pt>
                <c:pt idx="1651">
                  <c:v>0</c:v>
                </c:pt>
                <c:pt idx="1652">
                  <c:v>0</c:v>
                </c:pt>
                <c:pt idx="1653">
                  <c:v>0</c:v>
                </c:pt>
                <c:pt idx="1654">
                  <c:v>0</c:v>
                </c:pt>
                <c:pt idx="1655">
                  <c:v>0</c:v>
                </c:pt>
                <c:pt idx="1656">
                  <c:v>0</c:v>
                </c:pt>
                <c:pt idx="1657">
                  <c:v>0</c:v>
                </c:pt>
                <c:pt idx="1658">
                  <c:v>0</c:v>
                </c:pt>
                <c:pt idx="1659">
                  <c:v>0</c:v>
                </c:pt>
                <c:pt idx="1660">
                  <c:v>0</c:v>
                </c:pt>
                <c:pt idx="1661">
                  <c:v>0</c:v>
                </c:pt>
                <c:pt idx="1662">
                  <c:v>0</c:v>
                </c:pt>
                <c:pt idx="1663">
                  <c:v>0</c:v>
                </c:pt>
                <c:pt idx="1664">
                  <c:v>0</c:v>
                </c:pt>
                <c:pt idx="1665">
                  <c:v>0</c:v>
                </c:pt>
                <c:pt idx="1666">
                  <c:v>0</c:v>
                </c:pt>
                <c:pt idx="1667">
                  <c:v>0</c:v>
                </c:pt>
                <c:pt idx="1668">
                  <c:v>0</c:v>
                </c:pt>
                <c:pt idx="1669">
                  <c:v>0</c:v>
                </c:pt>
                <c:pt idx="1670">
                  <c:v>0</c:v>
                </c:pt>
                <c:pt idx="1671">
                  <c:v>0</c:v>
                </c:pt>
                <c:pt idx="1672">
                  <c:v>0</c:v>
                </c:pt>
                <c:pt idx="1673">
                  <c:v>0</c:v>
                </c:pt>
                <c:pt idx="1674">
                  <c:v>0</c:v>
                </c:pt>
                <c:pt idx="1675">
                  <c:v>0</c:v>
                </c:pt>
                <c:pt idx="1676">
                  <c:v>0</c:v>
                </c:pt>
                <c:pt idx="1677">
                  <c:v>0</c:v>
                </c:pt>
                <c:pt idx="1678">
                  <c:v>0</c:v>
                </c:pt>
                <c:pt idx="1679">
                  <c:v>0</c:v>
                </c:pt>
                <c:pt idx="1680">
                  <c:v>0</c:v>
                </c:pt>
                <c:pt idx="1681">
                  <c:v>0</c:v>
                </c:pt>
                <c:pt idx="1682">
                  <c:v>0</c:v>
                </c:pt>
                <c:pt idx="1683">
                  <c:v>0</c:v>
                </c:pt>
                <c:pt idx="1684">
                  <c:v>0</c:v>
                </c:pt>
                <c:pt idx="1685">
                  <c:v>0</c:v>
                </c:pt>
                <c:pt idx="1686">
                  <c:v>0</c:v>
                </c:pt>
                <c:pt idx="1687">
                  <c:v>0</c:v>
                </c:pt>
                <c:pt idx="1688">
                  <c:v>0</c:v>
                </c:pt>
                <c:pt idx="1689">
                  <c:v>0</c:v>
                </c:pt>
                <c:pt idx="1690">
                  <c:v>0</c:v>
                </c:pt>
                <c:pt idx="1691">
                  <c:v>0</c:v>
                </c:pt>
                <c:pt idx="1692">
                  <c:v>0</c:v>
                </c:pt>
                <c:pt idx="1693">
                  <c:v>0</c:v>
                </c:pt>
                <c:pt idx="1694">
                  <c:v>0</c:v>
                </c:pt>
                <c:pt idx="1695">
                  <c:v>0</c:v>
                </c:pt>
                <c:pt idx="1696">
                  <c:v>0</c:v>
                </c:pt>
                <c:pt idx="1697">
                  <c:v>0</c:v>
                </c:pt>
                <c:pt idx="1698">
                  <c:v>0</c:v>
                </c:pt>
                <c:pt idx="1699">
                  <c:v>0</c:v>
                </c:pt>
                <c:pt idx="1700">
                  <c:v>0</c:v>
                </c:pt>
                <c:pt idx="1701">
                  <c:v>0</c:v>
                </c:pt>
                <c:pt idx="1702">
                  <c:v>0</c:v>
                </c:pt>
                <c:pt idx="1703">
                  <c:v>0</c:v>
                </c:pt>
                <c:pt idx="1704">
                  <c:v>0</c:v>
                </c:pt>
                <c:pt idx="1705">
                  <c:v>0</c:v>
                </c:pt>
                <c:pt idx="1706">
                  <c:v>0</c:v>
                </c:pt>
                <c:pt idx="1707">
                  <c:v>0</c:v>
                </c:pt>
                <c:pt idx="1708">
                  <c:v>0</c:v>
                </c:pt>
                <c:pt idx="1709">
                  <c:v>0</c:v>
                </c:pt>
                <c:pt idx="1710">
                  <c:v>0</c:v>
                </c:pt>
                <c:pt idx="1711">
                  <c:v>0</c:v>
                </c:pt>
                <c:pt idx="1712">
                  <c:v>0</c:v>
                </c:pt>
                <c:pt idx="1713">
                  <c:v>0</c:v>
                </c:pt>
                <c:pt idx="1714">
                  <c:v>0</c:v>
                </c:pt>
                <c:pt idx="1715">
                  <c:v>0</c:v>
                </c:pt>
                <c:pt idx="1716">
                  <c:v>0</c:v>
                </c:pt>
                <c:pt idx="1717">
                  <c:v>0</c:v>
                </c:pt>
                <c:pt idx="1718">
                  <c:v>0</c:v>
                </c:pt>
                <c:pt idx="1719">
                  <c:v>0</c:v>
                </c:pt>
                <c:pt idx="1720">
                  <c:v>0</c:v>
                </c:pt>
                <c:pt idx="1721">
                  <c:v>0</c:v>
                </c:pt>
                <c:pt idx="1722">
                  <c:v>0</c:v>
                </c:pt>
                <c:pt idx="1723">
                  <c:v>0</c:v>
                </c:pt>
                <c:pt idx="1724">
                  <c:v>0</c:v>
                </c:pt>
                <c:pt idx="1725">
                  <c:v>0</c:v>
                </c:pt>
                <c:pt idx="1726">
                  <c:v>0</c:v>
                </c:pt>
                <c:pt idx="1727">
                  <c:v>0</c:v>
                </c:pt>
                <c:pt idx="1728">
                  <c:v>0</c:v>
                </c:pt>
                <c:pt idx="1729">
                  <c:v>0</c:v>
                </c:pt>
                <c:pt idx="1730">
                  <c:v>0</c:v>
                </c:pt>
                <c:pt idx="1731">
                  <c:v>0</c:v>
                </c:pt>
                <c:pt idx="1732">
                  <c:v>0</c:v>
                </c:pt>
                <c:pt idx="1733">
                  <c:v>0</c:v>
                </c:pt>
                <c:pt idx="1734">
                  <c:v>0</c:v>
                </c:pt>
                <c:pt idx="1735">
                  <c:v>0</c:v>
                </c:pt>
                <c:pt idx="1736">
                  <c:v>0</c:v>
                </c:pt>
                <c:pt idx="1737">
                  <c:v>0</c:v>
                </c:pt>
                <c:pt idx="1738">
                  <c:v>0</c:v>
                </c:pt>
                <c:pt idx="1739">
                  <c:v>0</c:v>
                </c:pt>
                <c:pt idx="1740">
                  <c:v>0</c:v>
                </c:pt>
                <c:pt idx="1741">
                  <c:v>0</c:v>
                </c:pt>
                <c:pt idx="1742">
                  <c:v>0</c:v>
                </c:pt>
                <c:pt idx="1743">
                  <c:v>0</c:v>
                </c:pt>
                <c:pt idx="1744">
                  <c:v>0</c:v>
                </c:pt>
                <c:pt idx="1745">
                  <c:v>0</c:v>
                </c:pt>
                <c:pt idx="1746">
                  <c:v>0</c:v>
                </c:pt>
                <c:pt idx="1747">
                  <c:v>0</c:v>
                </c:pt>
                <c:pt idx="1748">
                  <c:v>0</c:v>
                </c:pt>
                <c:pt idx="1749">
                  <c:v>0</c:v>
                </c:pt>
                <c:pt idx="1750">
                  <c:v>0</c:v>
                </c:pt>
                <c:pt idx="1751">
                  <c:v>0</c:v>
                </c:pt>
                <c:pt idx="1752">
                  <c:v>0</c:v>
                </c:pt>
                <c:pt idx="1753">
                  <c:v>0</c:v>
                </c:pt>
                <c:pt idx="1754">
                  <c:v>0</c:v>
                </c:pt>
                <c:pt idx="1755">
                  <c:v>0</c:v>
                </c:pt>
                <c:pt idx="1756">
                  <c:v>0</c:v>
                </c:pt>
                <c:pt idx="1757">
                  <c:v>0</c:v>
                </c:pt>
                <c:pt idx="1758">
                  <c:v>0</c:v>
                </c:pt>
                <c:pt idx="1759">
                  <c:v>0</c:v>
                </c:pt>
                <c:pt idx="1760">
                  <c:v>0</c:v>
                </c:pt>
                <c:pt idx="1761">
                  <c:v>0</c:v>
                </c:pt>
                <c:pt idx="1762">
                  <c:v>0</c:v>
                </c:pt>
                <c:pt idx="1763">
                  <c:v>0</c:v>
                </c:pt>
                <c:pt idx="1764">
                  <c:v>0</c:v>
                </c:pt>
                <c:pt idx="1765">
                  <c:v>0</c:v>
                </c:pt>
                <c:pt idx="1766">
                  <c:v>0</c:v>
                </c:pt>
                <c:pt idx="1767">
                  <c:v>0</c:v>
                </c:pt>
                <c:pt idx="1768">
                  <c:v>0</c:v>
                </c:pt>
                <c:pt idx="1769">
                  <c:v>0</c:v>
                </c:pt>
                <c:pt idx="1770">
                  <c:v>0</c:v>
                </c:pt>
                <c:pt idx="1771">
                  <c:v>0</c:v>
                </c:pt>
                <c:pt idx="1772">
                  <c:v>0</c:v>
                </c:pt>
                <c:pt idx="1773">
                  <c:v>0</c:v>
                </c:pt>
                <c:pt idx="1774">
                  <c:v>0</c:v>
                </c:pt>
                <c:pt idx="1775">
                  <c:v>0</c:v>
                </c:pt>
                <c:pt idx="1776">
                  <c:v>0</c:v>
                </c:pt>
                <c:pt idx="1777">
                  <c:v>0</c:v>
                </c:pt>
                <c:pt idx="1778">
                  <c:v>0</c:v>
                </c:pt>
                <c:pt idx="1779">
                  <c:v>0</c:v>
                </c:pt>
                <c:pt idx="1780">
                  <c:v>0</c:v>
                </c:pt>
                <c:pt idx="1781">
                  <c:v>0</c:v>
                </c:pt>
                <c:pt idx="1782">
                  <c:v>0</c:v>
                </c:pt>
                <c:pt idx="1783">
                  <c:v>0</c:v>
                </c:pt>
                <c:pt idx="1784">
                  <c:v>0</c:v>
                </c:pt>
                <c:pt idx="1785">
                  <c:v>0</c:v>
                </c:pt>
                <c:pt idx="1786">
                  <c:v>0</c:v>
                </c:pt>
                <c:pt idx="1787">
                  <c:v>0</c:v>
                </c:pt>
                <c:pt idx="1788">
                  <c:v>0</c:v>
                </c:pt>
                <c:pt idx="1789">
                  <c:v>0</c:v>
                </c:pt>
                <c:pt idx="1790">
                  <c:v>0</c:v>
                </c:pt>
                <c:pt idx="1791">
                  <c:v>0</c:v>
                </c:pt>
                <c:pt idx="1792">
                  <c:v>0</c:v>
                </c:pt>
                <c:pt idx="1793">
                  <c:v>0</c:v>
                </c:pt>
                <c:pt idx="1794">
                  <c:v>0</c:v>
                </c:pt>
                <c:pt idx="1795">
                  <c:v>0</c:v>
                </c:pt>
                <c:pt idx="1796">
                  <c:v>0</c:v>
                </c:pt>
                <c:pt idx="1797">
                  <c:v>0</c:v>
                </c:pt>
                <c:pt idx="1798">
                  <c:v>0</c:v>
                </c:pt>
                <c:pt idx="1799">
                  <c:v>0</c:v>
                </c:pt>
                <c:pt idx="1800">
                  <c:v>0</c:v>
                </c:pt>
                <c:pt idx="1801">
                  <c:v>0</c:v>
                </c:pt>
                <c:pt idx="1802">
                  <c:v>0</c:v>
                </c:pt>
                <c:pt idx="1803">
                  <c:v>0</c:v>
                </c:pt>
                <c:pt idx="1804">
                  <c:v>0</c:v>
                </c:pt>
                <c:pt idx="1805">
                  <c:v>0</c:v>
                </c:pt>
                <c:pt idx="1806">
                  <c:v>0</c:v>
                </c:pt>
                <c:pt idx="1807">
                  <c:v>0</c:v>
                </c:pt>
                <c:pt idx="1808">
                  <c:v>0</c:v>
                </c:pt>
                <c:pt idx="1809">
                  <c:v>0</c:v>
                </c:pt>
                <c:pt idx="1810">
                  <c:v>0</c:v>
                </c:pt>
                <c:pt idx="1811">
                  <c:v>0</c:v>
                </c:pt>
                <c:pt idx="1812">
                  <c:v>0</c:v>
                </c:pt>
                <c:pt idx="1813">
                  <c:v>0</c:v>
                </c:pt>
                <c:pt idx="1814">
                  <c:v>0</c:v>
                </c:pt>
                <c:pt idx="1815">
                  <c:v>0</c:v>
                </c:pt>
                <c:pt idx="1816">
                  <c:v>0</c:v>
                </c:pt>
                <c:pt idx="1817">
                  <c:v>0</c:v>
                </c:pt>
                <c:pt idx="1818">
                  <c:v>0</c:v>
                </c:pt>
                <c:pt idx="1819">
                  <c:v>0</c:v>
                </c:pt>
                <c:pt idx="1820">
                  <c:v>0</c:v>
                </c:pt>
                <c:pt idx="1821">
                  <c:v>0</c:v>
                </c:pt>
                <c:pt idx="1822">
                  <c:v>0</c:v>
                </c:pt>
                <c:pt idx="1823">
                  <c:v>0</c:v>
                </c:pt>
                <c:pt idx="1824">
                  <c:v>0</c:v>
                </c:pt>
                <c:pt idx="1825">
                  <c:v>0</c:v>
                </c:pt>
                <c:pt idx="1826">
                  <c:v>0</c:v>
                </c:pt>
                <c:pt idx="1827">
                  <c:v>0</c:v>
                </c:pt>
                <c:pt idx="1828">
                  <c:v>0</c:v>
                </c:pt>
                <c:pt idx="1829">
                  <c:v>0</c:v>
                </c:pt>
                <c:pt idx="1830">
                  <c:v>0</c:v>
                </c:pt>
                <c:pt idx="1831">
                  <c:v>0</c:v>
                </c:pt>
                <c:pt idx="1832">
                  <c:v>0</c:v>
                </c:pt>
                <c:pt idx="1833">
                  <c:v>0</c:v>
                </c:pt>
                <c:pt idx="1834">
                  <c:v>0</c:v>
                </c:pt>
                <c:pt idx="1835">
                  <c:v>0</c:v>
                </c:pt>
                <c:pt idx="1836">
                  <c:v>0</c:v>
                </c:pt>
                <c:pt idx="1837">
                  <c:v>0</c:v>
                </c:pt>
                <c:pt idx="1838">
                  <c:v>0</c:v>
                </c:pt>
                <c:pt idx="1839">
                  <c:v>0</c:v>
                </c:pt>
                <c:pt idx="1840">
                  <c:v>0</c:v>
                </c:pt>
                <c:pt idx="1841">
                  <c:v>0</c:v>
                </c:pt>
                <c:pt idx="1842">
                  <c:v>0</c:v>
                </c:pt>
                <c:pt idx="1843">
                  <c:v>0</c:v>
                </c:pt>
                <c:pt idx="1844">
                  <c:v>0</c:v>
                </c:pt>
                <c:pt idx="1845">
                  <c:v>0</c:v>
                </c:pt>
                <c:pt idx="1846">
                  <c:v>0</c:v>
                </c:pt>
                <c:pt idx="1847">
                  <c:v>0</c:v>
                </c:pt>
                <c:pt idx="1848">
                  <c:v>0</c:v>
                </c:pt>
                <c:pt idx="1849">
                  <c:v>0</c:v>
                </c:pt>
                <c:pt idx="1850">
                  <c:v>0</c:v>
                </c:pt>
                <c:pt idx="1851">
                  <c:v>0</c:v>
                </c:pt>
                <c:pt idx="1852">
                  <c:v>0</c:v>
                </c:pt>
                <c:pt idx="1853">
                  <c:v>0</c:v>
                </c:pt>
                <c:pt idx="1854">
                  <c:v>0</c:v>
                </c:pt>
                <c:pt idx="1855">
                  <c:v>0</c:v>
                </c:pt>
                <c:pt idx="1856">
                  <c:v>0</c:v>
                </c:pt>
                <c:pt idx="1857">
                  <c:v>0</c:v>
                </c:pt>
                <c:pt idx="1858">
                  <c:v>0</c:v>
                </c:pt>
                <c:pt idx="1859">
                  <c:v>0</c:v>
                </c:pt>
                <c:pt idx="1860">
                  <c:v>0</c:v>
                </c:pt>
                <c:pt idx="1861">
                  <c:v>0</c:v>
                </c:pt>
                <c:pt idx="1862">
                  <c:v>0</c:v>
                </c:pt>
                <c:pt idx="1863">
                  <c:v>0</c:v>
                </c:pt>
                <c:pt idx="1864">
                  <c:v>0</c:v>
                </c:pt>
                <c:pt idx="1865">
                  <c:v>0</c:v>
                </c:pt>
                <c:pt idx="1866">
                  <c:v>0</c:v>
                </c:pt>
                <c:pt idx="1867">
                  <c:v>0</c:v>
                </c:pt>
                <c:pt idx="1868">
                  <c:v>0</c:v>
                </c:pt>
                <c:pt idx="1869">
                  <c:v>0</c:v>
                </c:pt>
                <c:pt idx="1870">
                  <c:v>0</c:v>
                </c:pt>
                <c:pt idx="1871">
                  <c:v>0</c:v>
                </c:pt>
                <c:pt idx="1872">
                  <c:v>0</c:v>
                </c:pt>
                <c:pt idx="1873">
                  <c:v>0</c:v>
                </c:pt>
                <c:pt idx="1874">
                  <c:v>0</c:v>
                </c:pt>
                <c:pt idx="1875">
                  <c:v>0</c:v>
                </c:pt>
                <c:pt idx="1876">
                  <c:v>0</c:v>
                </c:pt>
                <c:pt idx="1877">
                  <c:v>0</c:v>
                </c:pt>
                <c:pt idx="1878">
                  <c:v>0</c:v>
                </c:pt>
                <c:pt idx="1879">
                  <c:v>0</c:v>
                </c:pt>
                <c:pt idx="1880">
                  <c:v>0</c:v>
                </c:pt>
                <c:pt idx="1881">
                  <c:v>0</c:v>
                </c:pt>
                <c:pt idx="1882">
                  <c:v>0</c:v>
                </c:pt>
                <c:pt idx="1883">
                  <c:v>0</c:v>
                </c:pt>
                <c:pt idx="1884">
                  <c:v>0</c:v>
                </c:pt>
                <c:pt idx="1885">
                  <c:v>0</c:v>
                </c:pt>
                <c:pt idx="1886">
                  <c:v>0</c:v>
                </c:pt>
                <c:pt idx="1887">
                  <c:v>0</c:v>
                </c:pt>
                <c:pt idx="1888">
                  <c:v>0</c:v>
                </c:pt>
                <c:pt idx="1889">
                  <c:v>0</c:v>
                </c:pt>
                <c:pt idx="1890">
                  <c:v>0</c:v>
                </c:pt>
                <c:pt idx="1891">
                  <c:v>0</c:v>
                </c:pt>
                <c:pt idx="1892">
                  <c:v>0</c:v>
                </c:pt>
                <c:pt idx="1893">
                  <c:v>0</c:v>
                </c:pt>
                <c:pt idx="1894">
                  <c:v>0</c:v>
                </c:pt>
                <c:pt idx="1895">
                  <c:v>0</c:v>
                </c:pt>
                <c:pt idx="1896">
                  <c:v>0</c:v>
                </c:pt>
                <c:pt idx="1897">
                  <c:v>0</c:v>
                </c:pt>
                <c:pt idx="1898">
                  <c:v>0</c:v>
                </c:pt>
                <c:pt idx="1899">
                  <c:v>0</c:v>
                </c:pt>
                <c:pt idx="1900">
                  <c:v>0</c:v>
                </c:pt>
                <c:pt idx="1901">
                  <c:v>0</c:v>
                </c:pt>
                <c:pt idx="1902">
                  <c:v>0</c:v>
                </c:pt>
                <c:pt idx="1903">
                  <c:v>0</c:v>
                </c:pt>
                <c:pt idx="1904">
                  <c:v>0</c:v>
                </c:pt>
                <c:pt idx="1905">
                  <c:v>0</c:v>
                </c:pt>
                <c:pt idx="1906">
                  <c:v>0</c:v>
                </c:pt>
                <c:pt idx="1907">
                  <c:v>0</c:v>
                </c:pt>
                <c:pt idx="1908">
                  <c:v>0</c:v>
                </c:pt>
                <c:pt idx="1909">
                  <c:v>0</c:v>
                </c:pt>
                <c:pt idx="1910">
                  <c:v>0</c:v>
                </c:pt>
                <c:pt idx="1911">
                  <c:v>0</c:v>
                </c:pt>
                <c:pt idx="1912">
                  <c:v>0</c:v>
                </c:pt>
                <c:pt idx="1913">
                  <c:v>0</c:v>
                </c:pt>
                <c:pt idx="1914">
                  <c:v>0</c:v>
                </c:pt>
                <c:pt idx="1915">
                  <c:v>0</c:v>
                </c:pt>
                <c:pt idx="1916">
                  <c:v>0</c:v>
                </c:pt>
                <c:pt idx="1917">
                  <c:v>0</c:v>
                </c:pt>
                <c:pt idx="1918">
                  <c:v>0</c:v>
                </c:pt>
                <c:pt idx="1919">
                  <c:v>0</c:v>
                </c:pt>
                <c:pt idx="1920">
                  <c:v>0</c:v>
                </c:pt>
                <c:pt idx="1921">
                  <c:v>0</c:v>
                </c:pt>
                <c:pt idx="1922">
                  <c:v>0</c:v>
                </c:pt>
                <c:pt idx="1923">
                  <c:v>0</c:v>
                </c:pt>
                <c:pt idx="1924">
                  <c:v>0</c:v>
                </c:pt>
                <c:pt idx="1925">
                  <c:v>0</c:v>
                </c:pt>
                <c:pt idx="1926">
                  <c:v>0</c:v>
                </c:pt>
                <c:pt idx="1927">
                  <c:v>0</c:v>
                </c:pt>
                <c:pt idx="1928">
                  <c:v>0</c:v>
                </c:pt>
                <c:pt idx="1929">
                  <c:v>0</c:v>
                </c:pt>
                <c:pt idx="1930">
                  <c:v>0</c:v>
                </c:pt>
                <c:pt idx="1931">
                  <c:v>0</c:v>
                </c:pt>
                <c:pt idx="1932">
                  <c:v>0</c:v>
                </c:pt>
                <c:pt idx="1933">
                  <c:v>0</c:v>
                </c:pt>
                <c:pt idx="1934">
                  <c:v>0</c:v>
                </c:pt>
                <c:pt idx="1935">
                  <c:v>0</c:v>
                </c:pt>
                <c:pt idx="1936">
                  <c:v>0</c:v>
                </c:pt>
                <c:pt idx="1937">
                  <c:v>0</c:v>
                </c:pt>
                <c:pt idx="1938">
                  <c:v>0</c:v>
                </c:pt>
                <c:pt idx="1939">
                  <c:v>0</c:v>
                </c:pt>
                <c:pt idx="1940">
                  <c:v>0</c:v>
                </c:pt>
                <c:pt idx="1941">
                  <c:v>0</c:v>
                </c:pt>
                <c:pt idx="1942">
                  <c:v>0</c:v>
                </c:pt>
                <c:pt idx="1943">
                  <c:v>0</c:v>
                </c:pt>
                <c:pt idx="1944">
                  <c:v>0</c:v>
                </c:pt>
                <c:pt idx="1945">
                  <c:v>0</c:v>
                </c:pt>
                <c:pt idx="1946">
                  <c:v>0</c:v>
                </c:pt>
                <c:pt idx="1947">
                  <c:v>0</c:v>
                </c:pt>
                <c:pt idx="1948">
                  <c:v>0</c:v>
                </c:pt>
                <c:pt idx="1949">
                  <c:v>0</c:v>
                </c:pt>
                <c:pt idx="1950">
                  <c:v>0</c:v>
                </c:pt>
                <c:pt idx="1951">
                  <c:v>0</c:v>
                </c:pt>
                <c:pt idx="1952">
                  <c:v>0</c:v>
                </c:pt>
                <c:pt idx="1953">
                  <c:v>0</c:v>
                </c:pt>
                <c:pt idx="1954">
                  <c:v>0</c:v>
                </c:pt>
                <c:pt idx="1955">
                  <c:v>0</c:v>
                </c:pt>
                <c:pt idx="1956">
                  <c:v>0</c:v>
                </c:pt>
                <c:pt idx="1957">
                  <c:v>0</c:v>
                </c:pt>
                <c:pt idx="1958">
                  <c:v>0</c:v>
                </c:pt>
                <c:pt idx="1959">
                  <c:v>0</c:v>
                </c:pt>
                <c:pt idx="1960">
                  <c:v>0</c:v>
                </c:pt>
                <c:pt idx="1961">
                  <c:v>0</c:v>
                </c:pt>
                <c:pt idx="1962">
                  <c:v>0</c:v>
                </c:pt>
                <c:pt idx="1963">
                  <c:v>0</c:v>
                </c:pt>
                <c:pt idx="1964">
                  <c:v>0</c:v>
                </c:pt>
                <c:pt idx="1965">
                  <c:v>0</c:v>
                </c:pt>
                <c:pt idx="1966">
                  <c:v>0</c:v>
                </c:pt>
                <c:pt idx="1967">
                  <c:v>0</c:v>
                </c:pt>
                <c:pt idx="1968">
                  <c:v>0</c:v>
                </c:pt>
                <c:pt idx="1969">
                  <c:v>0</c:v>
                </c:pt>
                <c:pt idx="1970">
                  <c:v>0</c:v>
                </c:pt>
                <c:pt idx="1971">
                  <c:v>0</c:v>
                </c:pt>
                <c:pt idx="1972">
                  <c:v>0</c:v>
                </c:pt>
                <c:pt idx="1973">
                  <c:v>0</c:v>
                </c:pt>
                <c:pt idx="1974">
                  <c:v>0</c:v>
                </c:pt>
                <c:pt idx="1975">
                  <c:v>0</c:v>
                </c:pt>
                <c:pt idx="1976">
                  <c:v>0</c:v>
                </c:pt>
                <c:pt idx="1977">
                  <c:v>0</c:v>
                </c:pt>
                <c:pt idx="1978">
                  <c:v>0</c:v>
                </c:pt>
                <c:pt idx="1979">
                  <c:v>0</c:v>
                </c:pt>
                <c:pt idx="1980">
                  <c:v>0</c:v>
                </c:pt>
                <c:pt idx="1981">
                  <c:v>0</c:v>
                </c:pt>
                <c:pt idx="1982">
                  <c:v>0</c:v>
                </c:pt>
                <c:pt idx="1983">
                  <c:v>0</c:v>
                </c:pt>
                <c:pt idx="1984">
                  <c:v>0</c:v>
                </c:pt>
                <c:pt idx="1985">
                  <c:v>0</c:v>
                </c:pt>
                <c:pt idx="1986">
                  <c:v>0</c:v>
                </c:pt>
                <c:pt idx="1987">
                  <c:v>0</c:v>
                </c:pt>
                <c:pt idx="1988">
                  <c:v>0</c:v>
                </c:pt>
                <c:pt idx="1989">
                  <c:v>0</c:v>
                </c:pt>
                <c:pt idx="1990">
                  <c:v>0</c:v>
                </c:pt>
                <c:pt idx="1991">
                  <c:v>0</c:v>
                </c:pt>
                <c:pt idx="1992">
                  <c:v>0</c:v>
                </c:pt>
                <c:pt idx="1993">
                  <c:v>0</c:v>
                </c:pt>
                <c:pt idx="1994">
                  <c:v>0</c:v>
                </c:pt>
                <c:pt idx="1995">
                  <c:v>0</c:v>
                </c:pt>
                <c:pt idx="1996">
                  <c:v>0</c:v>
                </c:pt>
                <c:pt idx="1997">
                  <c:v>0</c:v>
                </c:pt>
                <c:pt idx="1998">
                  <c:v>0</c:v>
                </c:pt>
                <c:pt idx="1999">
                  <c:v>0</c:v>
                </c:pt>
                <c:pt idx="2000">
                  <c:v>0</c:v>
                </c:pt>
                <c:pt idx="2001">
                  <c:v>0</c:v>
                </c:pt>
                <c:pt idx="2002">
                  <c:v>0</c:v>
                </c:pt>
                <c:pt idx="2003">
                  <c:v>0</c:v>
                </c:pt>
                <c:pt idx="2004">
                  <c:v>0</c:v>
                </c:pt>
                <c:pt idx="2005">
                  <c:v>0</c:v>
                </c:pt>
                <c:pt idx="2006">
                  <c:v>0</c:v>
                </c:pt>
                <c:pt idx="2007">
                  <c:v>0</c:v>
                </c:pt>
                <c:pt idx="2008">
                  <c:v>0</c:v>
                </c:pt>
                <c:pt idx="2009">
                  <c:v>0</c:v>
                </c:pt>
                <c:pt idx="2010">
                  <c:v>0</c:v>
                </c:pt>
                <c:pt idx="2011">
                  <c:v>0</c:v>
                </c:pt>
                <c:pt idx="2012">
                  <c:v>0</c:v>
                </c:pt>
                <c:pt idx="2013">
                  <c:v>0</c:v>
                </c:pt>
                <c:pt idx="2014">
                  <c:v>0</c:v>
                </c:pt>
                <c:pt idx="2015">
                  <c:v>0</c:v>
                </c:pt>
                <c:pt idx="2016">
                  <c:v>0</c:v>
                </c:pt>
                <c:pt idx="2017">
                  <c:v>0</c:v>
                </c:pt>
                <c:pt idx="2018">
                  <c:v>0</c:v>
                </c:pt>
                <c:pt idx="2019">
                  <c:v>0</c:v>
                </c:pt>
                <c:pt idx="2020">
                  <c:v>0</c:v>
                </c:pt>
                <c:pt idx="2021">
                  <c:v>0</c:v>
                </c:pt>
                <c:pt idx="2022">
                  <c:v>0</c:v>
                </c:pt>
                <c:pt idx="2023">
                  <c:v>0</c:v>
                </c:pt>
                <c:pt idx="2024">
                  <c:v>0</c:v>
                </c:pt>
                <c:pt idx="2025">
                  <c:v>0</c:v>
                </c:pt>
                <c:pt idx="2026">
                  <c:v>0</c:v>
                </c:pt>
                <c:pt idx="2027">
                  <c:v>0</c:v>
                </c:pt>
                <c:pt idx="2028">
                  <c:v>0</c:v>
                </c:pt>
                <c:pt idx="2029">
                  <c:v>0</c:v>
                </c:pt>
                <c:pt idx="2030">
                  <c:v>0</c:v>
                </c:pt>
                <c:pt idx="2031">
                  <c:v>0</c:v>
                </c:pt>
                <c:pt idx="2032">
                  <c:v>0</c:v>
                </c:pt>
                <c:pt idx="2033">
                  <c:v>0</c:v>
                </c:pt>
                <c:pt idx="2034">
                  <c:v>0</c:v>
                </c:pt>
                <c:pt idx="2035">
                  <c:v>0</c:v>
                </c:pt>
                <c:pt idx="2036">
                  <c:v>0</c:v>
                </c:pt>
                <c:pt idx="2037">
                  <c:v>0</c:v>
                </c:pt>
                <c:pt idx="2038">
                  <c:v>0</c:v>
                </c:pt>
                <c:pt idx="2039">
                  <c:v>0</c:v>
                </c:pt>
                <c:pt idx="2040">
                  <c:v>0</c:v>
                </c:pt>
                <c:pt idx="2041">
                  <c:v>0</c:v>
                </c:pt>
                <c:pt idx="2042">
                  <c:v>0</c:v>
                </c:pt>
                <c:pt idx="2043">
                  <c:v>0</c:v>
                </c:pt>
                <c:pt idx="2044">
                  <c:v>0</c:v>
                </c:pt>
                <c:pt idx="2045">
                  <c:v>0</c:v>
                </c:pt>
                <c:pt idx="2046">
                  <c:v>0</c:v>
                </c:pt>
                <c:pt idx="2047">
                  <c:v>0</c:v>
                </c:pt>
                <c:pt idx="2048">
                  <c:v>0</c:v>
                </c:pt>
                <c:pt idx="2049">
                  <c:v>0</c:v>
                </c:pt>
                <c:pt idx="2050">
                  <c:v>0</c:v>
                </c:pt>
                <c:pt idx="2051">
                  <c:v>0</c:v>
                </c:pt>
                <c:pt idx="2052">
                  <c:v>0</c:v>
                </c:pt>
                <c:pt idx="2053">
                  <c:v>0</c:v>
                </c:pt>
                <c:pt idx="2054">
                  <c:v>0</c:v>
                </c:pt>
                <c:pt idx="2055">
                  <c:v>0</c:v>
                </c:pt>
                <c:pt idx="2056">
                  <c:v>0</c:v>
                </c:pt>
                <c:pt idx="2057">
                  <c:v>0</c:v>
                </c:pt>
                <c:pt idx="2058">
                  <c:v>0</c:v>
                </c:pt>
                <c:pt idx="2059">
                  <c:v>0</c:v>
                </c:pt>
                <c:pt idx="2060">
                  <c:v>0</c:v>
                </c:pt>
                <c:pt idx="2061">
                  <c:v>0</c:v>
                </c:pt>
                <c:pt idx="2062">
                  <c:v>0</c:v>
                </c:pt>
                <c:pt idx="2063">
                  <c:v>0</c:v>
                </c:pt>
                <c:pt idx="2064">
                  <c:v>0</c:v>
                </c:pt>
                <c:pt idx="2065">
                  <c:v>0</c:v>
                </c:pt>
                <c:pt idx="2066">
                  <c:v>0</c:v>
                </c:pt>
                <c:pt idx="2067">
                  <c:v>0</c:v>
                </c:pt>
                <c:pt idx="2068">
                  <c:v>0</c:v>
                </c:pt>
                <c:pt idx="2069">
                  <c:v>0</c:v>
                </c:pt>
                <c:pt idx="2070">
                  <c:v>0</c:v>
                </c:pt>
                <c:pt idx="2071">
                  <c:v>0</c:v>
                </c:pt>
                <c:pt idx="2072">
                  <c:v>0</c:v>
                </c:pt>
                <c:pt idx="2073">
                  <c:v>0</c:v>
                </c:pt>
                <c:pt idx="2074">
                  <c:v>0</c:v>
                </c:pt>
                <c:pt idx="2075">
                  <c:v>0</c:v>
                </c:pt>
                <c:pt idx="2076">
                  <c:v>0</c:v>
                </c:pt>
                <c:pt idx="2077">
                  <c:v>0</c:v>
                </c:pt>
                <c:pt idx="2078">
                  <c:v>0</c:v>
                </c:pt>
                <c:pt idx="2079">
                  <c:v>0</c:v>
                </c:pt>
                <c:pt idx="2080">
                  <c:v>0</c:v>
                </c:pt>
                <c:pt idx="2081">
                  <c:v>0</c:v>
                </c:pt>
                <c:pt idx="2082">
                  <c:v>0</c:v>
                </c:pt>
                <c:pt idx="2083">
                  <c:v>0</c:v>
                </c:pt>
                <c:pt idx="2084">
                  <c:v>0</c:v>
                </c:pt>
                <c:pt idx="2085">
                  <c:v>0</c:v>
                </c:pt>
                <c:pt idx="2086">
                  <c:v>0</c:v>
                </c:pt>
                <c:pt idx="2087">
                  <c:v>0</c:v>
                </c:pt>
                <c:pt idx="2088">
                  <c:v>0</c:v>
                </c:pt>
                <c:pt idx="2089">
                  <c:v>0</c:v>
                </c:pt>
                <c:pt idx="2090">
                  <c:v>0</c:v>
                </c:pt>
                <c:pt idx="2091">
                  <c:v>0</c:v>
                </c:pt>
                <c:pt idx="2092">
                  <c:v>0</c:v>
                </c:pt>
                <c:pt idx="2093">
                  <c:v>0</c:v>
                </c:pt>
                <c:pt idx="2094">
                  <c:v>0</c:v>
                </c:pt>
                <c:pt idx="2095">
                  <c:v>0</c:v>
                </c:pt>
                <c:pt idx="2096">
                  <c:v>0</c:v>
                </c:pt>
                <c:pt idx="2097">
                  <c:v>0</c:v>
                </c:pt>
                <c:pt idx="2098">
                  <c:v>0</c:v>
                </c:pt>
                <c:pt idx="2099">
                  <c:v>0</c:v>
                </c:pt>
                <c:pt idx="2100">
                  <c:v>0</c:v>
                </c:pt>
                <c:pt idx="2101">
                  <c:v>0</c:v>
                </c:pt>
                <c:pt idx="2102">
                  <c:v>0</c:v>
                </c:pt>
                <c:pt idx="2103">
                  <c:v>0</c:v>
                </c:pt>
                <c:pt idx="2104">
                  <c:v>0</c:v>
                </c:pt>
                <c:pt idx="2105">
                  <c:v>0</c:v>
                </c:pt>
                <c:pt idx="2106">
                  <c:v>0</c:v>
                </c:pt>
                <c:pt idx="2107">
                  <c:v>0</c:v>
                </c:pt>
                <c:pt idx="2108">
                  <c:v>0</c:v>
                </c:pt>
                <c:pt idx="2109">
                  <c:v>0</c:v>
                </c:pt>
                <c:pt idx="2110">
                  <c:v>0</c:v>
                </c:pt>
                <c:pt idx="2111">
                  <c:v>0</c:v>
                </c:pt>
                <c:pt idx="2112">
                  <c:v>0</c:v>
                </c:pt>
                <c:pt idx="2113">
                  <c:v>0</c:v>
                </c:pt>
                <c:pt idx="2114">
                  <c:v>0</c:v>
                </c:pt>
                <c:pt idx="2115">
                  <c:v>0</c:v>
                </c:pt>
                <c:pt idx="2116">
                  <c:v>0</c:v>
                </c:pt>
                <c:pt idx="2117">
                  <c:v>0</c:v>
                </c:pt>
                <c:pt idx="2118">
                  <c:v>0</c:v>
                </c:pt>
                <c:pt idx="2119">
                  <c:v>0</c:v>
                </c:pt>
                <c:pt idx="2120">
                  <c:v>0</c:v>
                </c:pt>
                <c:pt idx="2121">
                  <c:v>0</c:v>
                </c:pt>
                <c:pt idx="2122">
                  <c:v>0</c:v>
                </c:pt>
                <c:pt idx="2123">
                  <c:v>0</c:v>
                </c:pt>
                <c:pt idx="2124">
                  <c:v>0</c:v>
                </c:pt>
                <c:pt idx="2125">
                  <c:v>0</c:v>
                </c:pt>
                <c:pt idx="2126">
                  <c:v>0</c:v>
                </c:pt>
                <c:pt idx="2127">
                  <c:v>0</c:v>
                </c:pt>
                <c:pt idx="2128">
                  <c:v>0</c:v>
                </c:pt>
                <c:pt idx="2129">
                  <c:v>0</c:v>
                </c:pt>
                <c:pt idx="2130">
                  <c:v>0</c:v>
                </c:pt>
                <c:pt idx="2131">
                  <c:v>0</c:v>
                </c:pt>
                <c:pt idx="2132">
                  <c:v>0</c:v>
                </c:pt>
                <c:pt idx="2133">
                  <c:v>0</c:v>
                </c:pt>
                <c:pt idx="2134">
                  <c:v>0</c:v>
                </c:pt>
                <c:pt idx="2135">
                  <c:v>0</c:v>
                </c:pt>
                <c:pt idx="2136">
                  <c:v>0</c:v>
                </c:pt>
                <c:pt idx="2137">
                  <c:v>0</c:v>
                </c:pt>
                <c:pt idx="2138">
                  <c:v>0</c:v>
                </c:pt>
                <c:pt idx="2139">
                  <c:v>0</c:v>
                </c:pt>
                <c:pt idx="2140">
                  <c:v>0</c:v>
                </c:pt>
                <c:pt idx="2141">
                  <c:v>0</c:v>
                </c:pt>
                <c:pt idx="2142">
                  <c:v>0</c:v>
                </c:pt>
                <c:pt idx="2143">
                  <c:v>0</c:v>
                </c:pt>
                <c:pt idx="2144">
                  <c:v>0</c:v>
                </c:pt>
                <c:pt idx="2145">
                  <c:v>0</c:v>
                </c:pt>
                <c:pt idx="2146">
                  <c:v>0</c:v>
                </c:pt>
                <c:pt idx="2147">
                  <c:v>0</c:v>
                </c:pt>
                <c:pt idx="2148">
                  <c:v>0</c:v>
                </c:pt>
                <c:pt idx="2149">
                  <c:v>0</c:v>
                </c:pt>
                <c:pt idx="2150">
                  <c:v>0</c:v>
                </c:pt>
                <c:pt idx="2151">
                  <c:v>0</c:v>
                </c:pt>
                <c:pt idx="2152">
                  <c:v>0</c:v>
                </c:pt>
                <c:pt idx="2153">
                  <c:v>0</c:v>
                </c:pt>
                <c:pt idx="2154">
                  <c:v>0</c:v>
                </c:pt>
                <c:pt idx="2155">
                  <c:v>0</c:v>
                </c:pt>
                <c:pt idx="2156">
                  <c:v>0</c:v>
                </c:pt>
                <c:pt idx="2157">
                  <c:v>0</c:v>
                </c:pt>
                <c:pt idx="2158">
                  <c:v>0</c:v>
                </c:pt>
                <c:pt idx="2159">
                  <c:v>0</c:v>
                </c:pt>
                <c:pt idx="2160">
                  <c:v>0</c:v>
                </c:pt>
                <c:pt idx="2161">
                  <c:v>0</c:v>
                </c:pt>
                <c:pt idx="2162">
                  <c:v>0</c:v>
                </c:pt>
                <c:pt idx="2163">
                  <c:v>0</c:v>
                </c:pt>
                <c:pt idx="2164">
                  <c:v>0</c:v>
                </c:pt>
                <c:pt idx="2165">
                  <c:v>0</c:v>
                </c:pt>
                <c:pt idx="2166">
                  <c:v>0</c:v>
                </c:pt>
                <c:pt idx="2167">
                  <c:v>0</c:v>
                </c:pt>
                <c:pt idx="2168">
                  <c:v>0</c:v>
                </c:pt>
                <c:pt idx="2169">
                  <c:v>0</c:v>
                </c:pt>
                <c:pt idx="2170">
                  <c:v>0</c:v>
                </c:pt>
                <c:pt idx="2171">
                  <c:v>0</c:v>
                </c:pt>
                <c:pt idx="2172">
                  <c:v>0</c:v>
                </c:pt>
                <c:pt idx="2173">
                  <c:v>0</c:v>
                </c:pt>
                <c:pt idx="2174">
                  <c:v>0</c:v>
                </c:pt>
                <c:pt idx="2175">
                  <c:v>0</c:v>
                </c:pt>
                <c:pt idx="2176">
                  <c:v>0</c:v>
                </c:pt>
                <c:pt idx="2177">
                  <c:v>0</c:v>
                </c:pt>
                <c:pt idx="2178">
                  <c:v>0</c:v>
                </c:pt>
                <c:pt idx="2179">
                  <c:v>0</c:v>
                </c:pt>
                <c:pt idx="2180">
                  <c:v>0</c:v>
                </c:pt>
                <c:pt idx="2181">
                  <c:v>0</c:v>
                </c:pt>
                <c:pt idx="2182">
                  <c:v>0</c:v>
                </c:pt>
                <c:pt idx="2183">
                  <c:v>0</c:v>
                </c:pt>
                <c:pt idx="2184">
                  <c:v>0</c:v>
                </c:pt>
                <c:pt idx="2185">
                  <c:v>0</c:v>
                </c:pt>
                <c:pt idx="2186">
                  <c:v>0</c:v>
                </c:pt>
                <c:pt idx="2187">
                  <c:v>0</c:v>
                </c:pt>
                <c:pt idx="2188">
                  <c:v>0</c:v>
                </c:pt>
                <c:pt idx="2189">
                  <c:v>0</c:v>
                </c:pt>
                <c:pt idx="2190">
                  <c:v>0</c:v>
                </c:pt>
                <c:pt idx="2191">
                  <c:v>0</c:v>
                </c:pt>
                <c:pt idx="2192">
                  <c:v>0</c:v>
                </c:pt>
                <c:pt idx="2193">
                  <c:v>0</c:v>
                </c:pt>
                <c:pt idx="2194">
                  <c:v>0</c:v>
                </c:pt>
                <c:pt idx="2195">
                  <c:v>0</c:v>
                </c:pt>
                <c:pt idx="2196">
                  <c:v>0</c:v>
                </c:pt>
                <c:pt idx="2197">
                  <c:v>0</c:v>
                </c:pt>
                <c:pt idx="2198">
                  <c:v>0</c:v>
                </c:pt>
                <c:pt idx="2199">
                  <c:v>0</c:v>
                </c:pt>
                <c:pt idx="2200">
                  <c:v>0</c:v>
                </c:pt>
                <c:pt idx="2201">
                  <c:v>0</c:v>
                </c:pt>
                <c:pt idx="2202">
                  <c:v>0</c:v>
                </c:pt>
                <c:pt idx="2203">
                  <c:v>0</c:v>
                </c:pt>
                <c:pt idx="2204">
                  <c:v>0</c:v>
                </c:pt>
                <c:pt idx="2205">
                  <c:v>0</c:v>
                </c:pt>
                <c:pt idx="2206">
                  <c:v>0</c:v>
                </c:pt>
                <c:pt idx="2207">
                  <c:v>0</c:v>
                </c:pt>
                <c:pt idx="2208">
                  <c:v>0</c:v>
                </c:pt>
                <c:pt idx="2209">
                  <c:v>0</c:v>
                </c:pt>
                <c:pt idx="2210">
                  <c:v>0</c:v>
                </c:pt>
                <c:pt idx="2211">
                  <c:v>0</c:v>
                </c:pt>
                <c:pt idx="2212">
                  <c:v>0</c:v>
                </c:pt>
                <c:pt idx="2213">
                  <c:v>0</c:v>
                </c:pt>
                <c:pt idx="2214">
                  <c:v>0</c:v>
                </c:pt>
                <c:pt idx="2215">
                  <c:v>0</c:v>
                </c:pt>
                <c:pt idx="2216">
                  <c:v>0</c:v>
                </c:pt>
                <c:pt idx="2217">
                  <c:v>0</c:v>
                </c:pt>
                <c:pt idx="2218">
                  <c:v>0</c:v>
                </c:pt>
                <c:pt idx="2219">
                  <c:v>0</c:v>
                </c:pt>
                <c:pt idx="2220">
                  <c:v>0</c:v>
                </c:pt>
                <c:pt idx="2221">
                  <c:v>0</c:v>
                </c:pt>
                <c:pt idx="2222">
                  <c:v>0</c:v>
                </c:pt>
                <c:pt idx="2223">
                  <c:v>0</c:v>
                </c:pt>
                <c:pt idx="2224">
                  <c:v>0</c:v>
                </c:pt>
                <c:pt idx="2225">
                  <c:v>0</c:v>
                </c:pt>
                <c:pt idx="2226">
                  <c:v>0</c:v>
                </c:pt>
                <c:pt idx="2227">
                  <c:v>0</c:v>
                </c:pt>
                <c:pt idx="2228">
                  <c:v>0</c:v>
                </c:pt>
                <c:pt idx="2229">
                  <c:v>0</c:v>
                </c:pt>
                <c:pt idx="2230">
                  <c:v>0</c:v>
                </c:pt>
                <c:pt idx="2231">
                  <c:v>0</c:v>
                </c:pt>
                <c:pt idx="2232">
                  <c:v>0</c:v>
                </c:pt>
                <c:pt idx="2233">
                  <c:v>0</c:v>
                </c:pt>
                <c:pt idx="2234">
                  <c:v>0</c:v>
                </c:pt>
                <c:pt idx="2235">
                  <c:v>0</c:v>
                </c:pt>
                <c:pt idx="2236">
                  <c:v>0</c:v>
                </c:pt>
                <c:pt idx="2237">
                  <c:v>0</c:v>
                </c:pt>
                <c:pt idx="2238">
                  <c:v>0</c:v>
                </c:pt>
                <c:pt idx="2239">
                  <c:v>0</c:v>
                </c:pt>
                <c:pt idx="2240">
                  <c:v>0</c:v>
                </c:pt>
                <c:pt idx="2241">
                  <c:v>0</c:v>
                </c:pt>
                <c:pt idx="2242">
                  <c:v>0</c:v>
                </c:pt>
                <c:pt idx="2243">
                  <c:v>0</c:v>
                </c:pt>
                <c:pt idx="2244">
                  <c:v>0</c:v>
                </c:pt>
                <c:pt idx="2245">
                  <c:v>0</c:v>
                </c:pt>
                <c:pt idx="2246">
                  <c:v>0</c:v>
                </c:pt>
                <c:pt idx="2247">
                  <c:v>0</c:v>
                </c:pt>
                <c:pt idx="2248">
                  <c:v>0</c:v>
                </c:pt>
                <c:pt idx="2249">
                  <c:v>0</c:v>
                </c:pt>
                <c:pt idx="2250">
                  <c:v>0</c:v>
                </c:pt>
                <c:pt idx="2251">
                  <c:v>0</c:v>
                </c:pt>
                <c:pt idx="2252">
                  <c:v>0</c:v>
                </c:pt>
                <c:pt idx="2253">
                  <c:v>0</c:v>
                </c:pt>
                <c:pt idx="2254">
                  <c:v>0</c:v>
                </c:pt>
                <c:pt idx="2255">
                  <c:v>0</c:v>
                </c:pt>
                <c:pt idx="2256">
                  <c:v>0</c:v>
                </c:pt>
                <c:pt idx="2257">
                  <c:v>0</c:v>
                </c:pt>
                <c:pt idx="2258">
                  <c:v>0</c:v>
                </c:pt>
                <c:pt idx="2259">
                  <c:v>0</c:v>
                </c:pt>
                <c:pt idx="2260">
                  <c:v>0</c:v>
                </c:pt>
                <c:pt idx="2261">
                  <c:v>0</c:v>
                </c:pt>
                <c:pt idx="2262">
                  <c:v>0</c:v>
                </c:pt>
                <c:pt idx="2263">
                  <c:v>0</c:v>
                </c:pt>
                <c:pt idx="2264">
                  <c:v>0</c:v>
                </c:pt>
                <c:pt idx="2265">
                  <c:v>0</c:v>
                </c:pt>
                <c:pt idx="2266">
                  <c:v>0</c:v>
                </c:pt>
                <c:pt idx="2267">
                  <c:v>0</c:v>
                </c:pt>
                <c:pt idx="2268">
                  <c:v>0</c:v>
                </c:pt>
                <c:pt idx="2269">
                  <c:v>0</c:v>
                </c:pt>
                <c:pt idx="2270">
                  <c:v>0</c:v>
                </c:pt>
                <c:pt idx="2271">
                  <c:v>0</c:v>
                </c:pt>
                <c:pt idx="2272">
                  <c:v>0</c:v>
                </c:pt>
                <c:pt idx="2273">
                  <c:v>0</c:v>
                </c:pt>
                <c:pt idx="2274">
                  <c:v>0</c:v>
                </c:pt>
                <c:pt idx="2275">
                  <c:v>0</c:v>
                </c:pt>
                <c:pt idx="2276">
                  <c:v>0</c:v>
                </c:pt>
                <c:pt idx="2277">
                  <c:v>0</c:v>
                </c:pt>
                <c:pt idx="2278">
                  <c:v>0</c:v>
                </c:pt>
                <c:pt idx="2279">
                  <c:v>0</c:v>
                </c:pt>
                <c:pt idx="2280">
                  <c:v>0</c:v>
                </c:pt>
                <c:pt idx="2281">
                  <c:v>0</c:v>
                </c:pt>
                <c:pt idx="2282">
                  <c:v>0</c:v>
                </c:pt>
                <c:pt idx="2283">
                  <c:v>0</c:v>
                </c:pt>
                <c:pt idx="2284">
                  <c:v>0</c:v>
                </c:pt>
                <c:pt idx="2285">
                  <c:v>0</c:v>
                </c:pt>
                <c:pt idx="2286">
                  <c:v>0</c:v>
                </c:pt>
                <c:pt idx="2287">
                  <c:v>0</c:v>
                </c:pt>
                <c:pt idx="2288">
                  <c:v>0</c:v>
                </c:pt>
                <c:pt idx="2289">
                  <c:v>0</c:v>
                </c:pt>
                <c:pt idx="2290">
                  <c:v>0</c:v>
                </c:pt>
                <c:pt idx="2291">
                  <c:v>0</c:v>
                </c:pt>
                <c:pt idx="2292">
                  <c:v>0</c:v>
                </c:pt>
                <c:pt idx="2293">
                  <c:v>0</c:v>
                </c:pt>
                <c:pt idx="2294">
                  <c:v>0</c:v>
                </c:pt>
                <c:pt idx="2295">
                  <c:v>0</c:v>
                </c:pt>
                <c:pt idx="2296">
                  <c:v>0</c:v>
                </c:pt>
                <c:pt idx="2297">
                  <c:v>0</c:v>
                </c:pt>
                <c:pt idx="2298">
                  <c:v>0</c:v>
                </c:pt>
                <c:pt idx="2299">
                  <c:v>0</c:v>
                </c:pt>
                <c:pt idx="2300">
                  <c:v>0</c:v>
                </c:pt>
                <c:pt idx="2301">
                  <c:v>0</c:v>
                </c:pt>
                <c:pt idx="2302">
                  <c:v>0</c:v>
                </c:pt>
                <c:pt idx="2303">
                  <c:v>0</c:v>
                </c:pt>
                <c:pt idx="2304">
                  <c:v>0</c:v>
                </c:pt>
                <c:pt idx="2305">
                  <c:v>0</c:v>
                </c:pt>
                <c:pt idx="2306">
                  <c:v>0</c:v>
                </c:pt>
                <c:pt idx="2307">
                  <c:v>0</c:v>
                </c:pt>
                <c:pt idx="2308">
                  <c:v>0</c:v>
                </c:pt>
                <c:pt idx="2309">
                  <c:v>0</c:v>
                </c:pt>
                <c:pt idx="2310">
                  <c:v>0</c:v>
                </c:pt>
                <c:pt idx="2311">
                  <c:v>0</c:v>
                </c:pt>
                <c:pt idx="2312">
                  <c:v>0</c:v>
                </c:pt>
                <c:pt idx="2313">
                  <c:v>0</c:v>
                </c:pt>
                <c:pt idx="2314">
                  <c:v>0</c:v>
                </c:pt>
                <c:pt idx="2315">
                  <c:v>0</c:v>
                </c:pt>
                <c:pt idx="2316">
                  <c:v>0</c:v>
                </c:pt>
                <c:pt idx="2317">
                  <c:v>0</c:v>
                </c:pt>
                <c:pt idx="2318">
                  <c:v>0</c:v>
                </c:pt>
                <c:pt idx="2319">
                  <c:v>0</c:v>
                </c:pt>
                <c:pt idx="2320">
                  <c:v>0</c:v>
                </c:pt>
                <c:pt idx="2321">
                  <c:v>0</c:v>
                </c:pt>
                <c:pt idx="2322">
                  <c:v>0</c:v>
                </c:pt>
                <c:pt idx="2323">
                  <c:v>0</c:v>
                </c:pt>
                <c:pt idx="2324">
                  <c:v>0</c:v>
                </c:pt>
                <c:pt idx="2325">
                  <c:v>0</c:v>
                </c:pt>
                <c:pt idx="2326">
                  <c:v>0</c:v>
                </c:pt>
                <c:pt idx="2327">
                  <c:v>0</c:v>
                </c:pt>
                <c:pt idx="2328">
                  <c:v>0</c:v>
                </c:pt>
                <c:pt idx="2329">
                  <c:v>0</c:v>
                </c:pt>
                <c:pt idx="2330">
                  <c:v>0</c:v>
                </c:pt>
                <c:pt idx="2331">
                  <c:v>0</c:v>
                </c:pt>
                <c:pt idx="2332">
                  <c:v>0</c:v>
                </c:pt>
                <c:pt idx="2333">
                  <c:v>0</c:v>
                </c:pt>
                <c:pt idx="2334">
                  <c:v>0</c:v>
                </c:pt>
                <c:pt idx="2335">
                  <c:v>0</c:v>
                </c:pt>
                <c:pt idx="2336">
                  <c:v>0</c:v>
                </c:pt>
                <c:pt idx="2337">
                  <c:v>0</c:v>
                </c:pt>
                <c:pt idx="2338">
                  <c:v>0</c:v>
                </c:pt>
                <c:pt idx="2339">
                  <c:v>0</c:v>
                </c:pt>
                <c:pt idx="2340">
                  <c:v>0</c:v>
                </c:pt>
                <c:pt idx="2341">
                  <c:v>0</c:v>
                </c:pt>
                <c:pt idx="2342">
                  <c:v>0</c:v>
                </c:pt>
                <c:pt idx="2343">
                  <c:v>0</c:v>
                </c:pt>
                <c:pt idx="2344">
                  <c:v>0</c:v>
                </c:pt>
                <c:pt idx="2345">
                  <c:v>0</c:v>
                </c:pt>
                <c:pt idx="2346">
                  <c:v>0</c:v>
                </c:pt>
                <c:pt idx="2347">
                  <c:v>0</c:v>
                </c:pt>
                <c:pt idx="2348">
                  <c:v>0</c:v>
                </c:pt>
                <c:pt idx="2349">
                  <c:v>0</c:v>
                </c:pt>
                <c:pt idx="2350">
                  <c:v>0</c:v>
                </c:pt>
                <c:pt idx="2351">
                  <c:v>0</c:v>
                </c:pt>
                <c:pt idx="2352">
                  <c:v>0</c:v>
                </c:pt>
                <c:pt idx="2353">
                  <c:v>0</c:v>
                </c:pt>
                <c:pt idx="2354">
                  <c:v>0</c:v>
                </c:pt>
                <c:pt idx="2355">
                  <c:v>0</c:v>
                </c:pt>
                <c:pt idx="2356">
                  <c:v>0</c:v>
                </c:pt>
                <c:pt idx="2357">
                  <c:v>0</c:v>
                </c:pt>
                <c:pt idx="2358">
                  <c:v>0</c:v>
                </c:pt>
                <c:pt idx="2359">
                  <c:v>0</c:v>
                </c:pt>
                <c:pt idx="2360">
                  <c:v>0</c:v>
                </c:pt>
                <c:pt idx="2361">
                  <c:v>0</c:v>
                </c:pt>
                <c:pt idx="2362">
                  <c:v>0</c:v>
                </c:pt>
                <c:pt idx="2363">
                  <c:v>0</c:v>
                </c:pt>
                <c:pt idx="2364">
                  <c:v>0</c:v>
                </c:pt>
                <c:pt idx="2365">
                  <c:v>0</c:v>
                </c:pt>
                <c:pt idx="2366">
                  <c:v>0</c:v>
                </c:pt>
                <c:pt idx="2367">
                  <c:v>0</c:v>
                </c:pt>
                <c:pt idx="2368">
                  <c:v>0</c:v>
                </c:pt>
                <c:pt idx="2369">
                  <c:v>0</c:v>
                </c:pt>
                <c:pt idx="2370">
                  <c:v>0</c:v>
                </c:pt>
                <c:pt idx="2371">
                  <c:v>0</c:v>
                </c:pt>
                <c:pt idx="2372">
                  <c:v>0</c:v>
                </c:pt>
                <c:pt idx="2373">
                  <c:v>0</c:v>
                </c:pt>
                <c:pt idx="2374">
                  <c:v>0</c:v>
                </c:pt>
                <c:pt idx="2375">
                  <c:v>0</c:v>
                </c:pt>
                <c:pt idx="2376">
                  <c:v>0</c:v>
                </c:pt>
                <c:pt idx="2377">
                  <c:v>0</c:v>
                </c:pt>
                <c:pt idx="2378">
                  <c:v>0</c:v>
                </c:pt>
                <c:pt idx="2379">
                  <c:v>0</c:v>
                </c:pt>
                <c:pt idx="2380">
                  <c:v>0</c:v>
                </c:pt>
                <c:pt idx="2381">
                  <c:v>0</c:v>
                </c:pt>
                <c:pt idx="2382">
                  <c:v>0</c:v>
                </c:pt>
                <c:pt idx="2383">
                  <c:v>0</c:v>
                </c:pt>
                <c:pt idx="2384">
                  <c:v>0</c:v>
                </c:pt>
                <c:pt idx="2385">
                  <c:v>0</c:v>
                </c:pt>
                <c:pt idx="2386">
                  <c:v>0</c:v>
                </c:pt>
                <c:pt idx="2387">
                  <c:v>0</c:v>
                </c:pt>
                <c:pt idx="2388">
                  <c:v>0</c:v>
                </c:pt>
                <c:pt idx="2389">
                  <c:v>0</c:v>
                </c:pt>
                <c:pt idx="2390">
                  <c:v>0</c:v>
                </c:pt>
                <c:pt idx="2391">
                  <c:v>0</c:v>
                </c:pt>
                <c:pt idx="2392">
                  <c:v>0</c:v>
                </c:pt>
                <c:pt idx="2393">
                  <c:v>0</c:v>
                </c:pt>
                <c:pt idx="2394">
                  <c:v>0</c:v>
                </c:pt>
                <c:pt idx="2395">
                  <c:v>0</c:v>
                </c:pt>
                <c:pt idx="2396">
                  <c:v>0</c:v>
                </c:pt>
                <c:pt idx="2397">
                  <c:v>0</c:v>
                </c:pt>
                <c:pt idx="2398">
                  <c:v>0</c:v>
                </c:pt>
                <c:pt idx="2399">
                  <c:v>0</c:v>
                </c:pt>
                <c:pt idx="2400">
                  <c:v>0</c:v>
                </c:pt>
                <c:pt idx="2401">
                  <c:v>0</c:v>
                </c:pt>
                <c:pt idx="2402">
                  <c:v>0</c:v>
                </c:pt>
                <c:pt idx="2403">
                  <c:v>0</c:v>
                </c:pt>
                <c:pt idx="2404">
                  <c:v>0</c:v>
                </c:pt>
                <c:pt idx="2405">
                  <c:v>0</c:v>
                </c:pt>
                <c:pt idx="2406">
                  <c:v>0</c:v>
                </c:pt>
                <c:pt idx="2407">
                  <c:v>0</c:v>
                </c:pt>
                <c:pt idx="2408">
                  <c:v>0</c:v>
                </c:pt>
                <c:pt idx="2409">
                  <c:v>0</c:v>
                </c:pt>
                <c:pt idx="2410">
                  <c:v>0</c:v>
                </c:pt>
                <c:pt idx="2411">
                  <c:v>0</c:v>
                </c:pt>
                <c:pt idx="2412">
                  <c:v>0</c:v>
                </c:pt>
                <c:pt idx="2413">
                  <c:v>0</c:v>
                </c:pt>
                <c:pt idx="2414">
                  <c:v>0</c:v>
                </c:pt>
                <c:pt idx="2415">
                  <c:v>0</c:v>
                </c:pt>
                <c:pt idx="2416">
                  <c:v>0</c:v>
                </c:pt>
                <c:pt idx="2417">
                  <c:v>0</c:v>
                </c:pt>
                <c:pt idx="2418">
                  <c:v>0</c:v>
                </c:pt>
                <c:pt idx="2419">
                  <c:v>0</c:v>
                </c:pt>
                <c:pt idx="2420">
                  <c:v>0</c:v>
                </c:pt>
                <c:pt idx="2421">
                  <c:v>0</c:v>
                </c:pt>
                <c:pt idx="2422">
                  <c:v>0</c:v>
                </c:pt>
                <c:pt idx="2423">
                  <c:v>0</c:v>
                </c:pt>
                <c:pt idx="2424">
                  <c:v>0</c:v>
                </c:pt>
                <c:pt idx="2425">
                  <c:v>0</c:v>
                </c:pt>
                <c:pt idx="2426">
                  <c:v>0</c:v>
                </c:pt>
                <c:pt idx="2427">
                  <c:v>0</c:v>
                </c:pt>
                <c:pt idx="2428">
                  <c:v>0</c:v>
                </c:pt>
                <c:pt idx="2429">
                  <c:v>0</c:v>
                </c:pt>
                <c:pt idx="2430">
                  <c:v>0</c:v>
                </c:pt>
                <c:pt idx="2431">
                  <c:v>0</c:v>
                </c:pt>
                <c:pt idx="2432">
                  <c:v>0</c:v>
                </c:pt>
                <c:pt idx="2433">
                  <c:v>0</c:v>
                </c:pt>
                <c:pt idx="2434">
                  <c:v>0</c:v>
                </c:pt>
                <c:pt idx="2435">
                  <c:v>0</c:v>
                </c:pt>
                <c:pt idx="2436">
                  <c:v>0</c:v>
                </c:pt>
                <c:pt idx="2437">
                  <c:v>0</c:v>
                </c:pt>
                <c:pt idx="2438">
                  <c:v>0</c:v>
                </c:pt>
                <c:pt idx="2439">
                  <c:v>0</c:v>
                </c:pt>
                <c:pt idx="2440">
                  <c:v>0</c:v>
                </c:pt>
                <c:pt idx="2441">
                  <c:v>0</c:v>
                </c:pt>
                <c:pt idx="2442">
                  <c:v>0</c:v>
                </c:pt>
                <c:pt idx="2443">
                  <c:v>0</c:v>
                </c:pt>
                <c:pt idx="2444">
                  <c:v>0</c:v>
                </c:pt>
                <c:pt idx="2445">
                  <c:v>0</c:v>
                </c:pt>
                <c:pt idx="2446">
                  <c:v>0</c:v>
                </c:pt>
                <c:pt idx="2447">
                  <c:v>0</c:v>
                </c:pt>
                <c:pt idx="2448">
                  <c:v>0</c:v>
                </c:pt>
                <c:pt idx="2449">
                  <c:v>0</c:v>
                </c:pt>
                <c:pt idx="2450">
                  <c:v>0</c:v>
                </c:pt>
                <c:pt idx="2451">
                  <c:v>0</c:v>
                </c:pt>
                <c:pt idx="2452">
                  <c:v>0</c:v>
                </c:pt>
                <c:pt idx="2453">
                  <c:v>0</c:v>
                </c:pt>
                <c:pt idx="2454">
                  <c:v>0</c:v>
                </c:pt>
                <c:pt idx="2455">
                  <c:v>0</c:v>
                </c:pt>
                <c:pt idx="2456">
                  <c:v>0</c:v>
                </c:pt>
                <c:pt idx="2457">
                  <c:v>0</c:v>
                </c:pt>
                <c:pt idx="2458">
                  <c:v>0</c:v>
                </c:pt>
                <c:pt idx="2459">
                  <c:v>0</c:v>
                </c:pt>
                <c:pt idx="2460">
                  <c:v>0</c:v>
                </c:pt>
                <c:pt idx="2461">
                  <c:v>0</c:v>
                </c:pt>
                <c:pt idx="2462">
                  <c:v>0</c:v>
                </c:pt>
                <c:pt idx="2463">
                  <c:v>0</c:v>
                </c:pt>
                <c:pt idx="2464">
                  <c:v>0</c:v>
                </c:pt>
                <c:pt idx="2465">
                  <c:v>0</c:v>
                </c:pt>
                <c:pt idx="2466">
                  <c:v>0</c:v>
                </c:pt>
                <c:pt idx="2467">
                  <c:v>0</c:v>
                </c:pt>
                <c:pt idx="2468">
                  <c:v>0</c:v>
                </c:pt>
                <c:pt idx="2469">
                  <c:v>0</c:v>
                </c:pt>
                <c:pt idx="2470">
                  <c:v>0</c:v>
                </c:pt>
                <c:pt idx="2471">
                  <c:v>0</c:v>
                </c:pt>
                <c:pt idx="2472">
                  <c:v>0</c:v>
                </c:pt>
                <c:pt idx="2473">
                  <c:v>0</c:v>
                </c:pt>
                <c:pt idx="2474">
                  <c:v>0</c:v>
                </c:pt>
                <c:pt idx="2475">
                  <c:v>0</c:v>
                </c:pt>
                <c:pt idx="2476">
                  <c:v>0</c:v>
                </c:pt>
                <c:pt idx="2477">
                  <c:v>0</c:v>
                </c:pt>
                <c:pt idx="2478">
                  <c:v>0</c:v>
                </c:pt>
                <c:pt idx="2479">
                  <c:v>0</c:v>
                </c:pt>
                <c:pt idx="2480">
                  <c:v>0</c:v>
                </c:pt>
                <c:pt idx="2481">
                  <c:v>0</c:v>
                </c:pt>
                <c:pt idx="2482">
                  <c:v>0</c:v>
                </c:pt>
                <c:pt idx="2483">
                  <c:v>0</c:v>
                </c:pt>
                <c:pt idx="2484">
                  <c:v>0</c:v>
                </c:pt>
                <c:pt idx="2485">
                  <c:v>0</c:v>
                </c:pt>
                <c:pt idx="2486">
                  <c:v>0</c:v>
                </c:pt>
                <c:pt idx="2487">
                  <c:v>0</c:v>
                </c:pt>
                <c:pt idx="2488">
                  <c:v>0</c:v>
                </c:pt>
                <c:pt idx="2489">
                  <c:v>0</c:v>
                </c:pt>
                <c:pt idx="2490">
                  <c:v>0</c:v>
                </c:pt>
                <c:pt idx="2491">
                  <c:v>0</c:v>
                </c:pt>
                <c:pt idx="2492">
                  <c:v>0</c:v>
                </c:pt>
                <c:pt idx="2493">
                  <c:v>0</c:v>
                </c:pt>
                <c:pt idx="2494">
                  <c:v>0</c:v>
                </c:pt>
                <c:pt idx="2495">
                  <c:v>0</c:v>
                </c:pt>
                <c:pt idx="2496">
                  <c:v>0</c:v>
                </c:pt>
                <c:pt idx="2497">
                  <c:v>0</c:v>
                </c:pt>
                <c:pt idx="2498">
                  <c:v>0</c:v>
                </c:pt>
                <c:pt idx="2499">
                  <c:v>0</c:v>
                </c:pt>
                <c:pt idx="2500">
                  <c:v>0</c:v>
                </c:pt>
                <c:pt idx="2501">
                  <c:v>0</c:v>
                </c:pt>
                <c:pt idx="2502">
                  <c:v>0</c:v>
                </c:pt>
                <c:pt idx="2503">
                  <c:v>0</c:v>
                </c:pt>
                <c:pt idx="2504">
                  <c:v>0</c:v>
                </c:pt>
                <c:pt idx="2505">
                  <c:v>0</c:v>
                </c:pt>
                <c:pt idx="2506">
                  <c:v>0</c:v>
                </c:pt>
                <c:pt idx="2507">
                  <c:v>0</c:v>
                </c:pt>
                <c:pt idx="2508">
                  <c:v>0</c:v>
                </c:pt>
                <c:pt idx="2509">
                  <c:v>0</c:v>
                </c:pt>
                <c:pt idx="2510">
                  <c:v>0</c:v>
                </c:pt>
                <c:pt idx="2511">
                  <c:v>0</c:v>
                </c:pt>
                <c:pt idx="2512">
                  <c:v>0</c:v>
                </c:pt>
                <c:pt idx="2513">
                  <c:v>0</c:v>
                </c:pt>
                <c:pt idx="2514">
                  <c:v>0</c:v>
                </c:pt>
                <c:pt idx="2515">
                  <c:v>0</c:v>
                </c:pt>
                <c:pt idx="2516">
                  <c:v>0</c:v>
                </c:pt>
                <c:pt idx="2517">
                  <c:v>0</c:v>
                </c:pt>
                <c:pt idx="2518">
                  <c:v>0</c:v>
                </c:pt>
                <c:pt idx="2519">
                  <c:v>0</c:v>
                </c:pt>
                <c:pt idx="2520">
                  <c:v>0</c:v>
                </c:pt>
                <c:pt idx="2521">
                  <c:v>0</c:v>
                </c:pt>
                <c:pt idx="2522">
                  <c:v>0</c:v>
                </c:pt>
                <c:pt idx="2523">
                  <c:v>0</c:v>
                </c:pt>
                <c:pt idx="2524">
                  <c:v>0</c:v>
                </c:pt>
                <c:pt idx="2525">
                  <c:v>0</c:v>
                </c:pt>
                <c:pt idx="2526">
                  <c:v>0</c:v>
                </c:pt>
                <c:pt idx="2527">
                  <c:v>0</c:v>
                </c:pt>
                <c:pt idx="2528">
                  <c:v>0</c:v>
                </c:pt>
                <c:pt idx="2529">
                  <c:v>0</c:v>
                </c:pt>
                <c:pt idx="2530">
                  <c:v>0</c:v>
                </c:pt>
                <c:pt idx="2531">
                  <c:v>0</c:v>
                </c:pt>
                <c:pt idx="2532">
                  <c:v>0</c:v>
                </c:pt>
                <c:pt idx="2533">
                  <c:v>0</c:v>
                </c:pt>
                <c:pt idx="2534">
                  <c:v>0</c:v>
                </c:pt>
                <c:pt idx="2535">
                  <c:v>0</c:v>
                </c:pt>
                <c:pt idx="2536">
                  <c:v>0</c:v>
                </c:pt>
                <c:pt idx="2537">
                  <c:v>0</c:v>
                </c:pt>
                <c:pt idx="2538">
                  <c:v>0</c:v>
                </c:pt>
                <c:pt idx="2539">
                  <c:v>0</c:v>
                </c:pt>
                <c:pt idx="2540">
                  <c:v>0</c:v>
                </c:pt>
                <c:pt idx="2541">
                  <c:v>0</c:v>
                </c:pt>
                <c:pt idx="2542">
                  <c:v>0</c:v>
                </c:pt>
                <c:pt idx="2543">
                  <c:v>0</c:v>
                </c:pt>
                <c:pt idx="2544">
                  <c:v>0</c:v>
                </c:pt>
                <c:pt idx="2545">
                  <c:v>0</c:v>
                </c:pt>
                <c:pt idx="2546">
                  <c:v>0</c:v>
                </c:pt>
                <c:pt idx="2547">
                  <c:v>0</c:v>
                </c:pt>
                <c:pt idx="2548">
                  <c:v>0</c:v>
                </c:pt>
                <c:pt idx="2549">
                  <c:v>0</c:v>
                </c:pt>
                <c:pt idx="2550">
                  <c:v>0</c:v>
                </c:pt>
                <c:pt idx="2551">
                  <c:v>0</c:v>
                </c:pt>
                <c:pt idx="2552">
                  <c:v>0</c:v>
                </c:pt>
                <c:pt idx="2553">
                  <c:v>0</c:v>
                </c:pt>
                <c:pt idx="2554">
                  <c:v>0</c:v>
                </c:pt>
                <c:pt idx="2555">
                  <c:v>0</c:v>
                </c:pt>
                <c:pt idx="2556">
                  <c:v>0</c:v>
                </c:pt>
                <c:pt idx="2557">
                  <c:v>0</c:v>
                </c:pt>
                <c:pt idx="2558">
                  <c:v>0</c:v>
                </c:pt>
                <c:pt idx="2559">
                  <c:v>0</c:v>
                </c:pt>
                <c:pt idx="2560">
                  <c:v>0</c:v>
                </c:pt>
                <c:pt idx="2561">
                  <c:v>0</c:v>
                </c:pt>
                <c:pt idx="2562">
                  <c:v>0</c:v>
                </c:pt>
                <c:pt idx="2563">
                  <c:v>0</c:v>
                </c:pt>
                <c:pt idx="2564">
                  <c:v>0</c:v>
                </c:pt>
                <c:pt idx="2565">
                  <c:v>0</c:v>
                </c:pt>
                <c:pt idx="2566">
                  <c:v>0</c:v>
                </c:pt>
                <c:pt idx="2567">
                  <c:v>0</c:v>
                </c:pt>
                <c:pt idx="2568">
                  <c:v>0</c:v>
                </c:pt>
                <c:pt idx="2569">
                  <c:v>0</c:v>
                </c:pt>
                <c:pt idx="2570">
                  <c:v>0</c:v>
                </c:pt>
                <c:pt idx="2571">
                  <c:v>0</c:v>
                </c:pt>
                <c:pt idx="2572">
                  <c:v>0</c:v>
                </c:pt>
                <c:pt idx="2573">
                  <c:v>0</c:v>
                </c:pt>
                <c:pt idx="2574">
                  <c:v>0</c:v>
                </c:pt>
                <c:pt idx="2575">
                  <c:v>0</c:v>
                </c:pt>
                <c:pt idx="2576">
                  <c:v>0</c:v>
                </c:pt>
                <c:pt idx="2577">
                  <c:v>0</c:v>
                </c:pt>
                <c:pt idx="2578">
                  <c:v>0</c:v>
                </c:pt>
                <c:pt idx="2579">
                  <c:v>0</c:v>
                </c:pt>
                <c:pt idx="2580">
                  <c:v>0</c:v>
                </c:pt>
                <c:pt idx="2581">
                  <c:v>0</c:v>
                </c:pt>
                <c:pt idx="2582">
                  <c:v>0</c:v>
                </c:pt>
                <c:pt idx="2583">
                  <c:v>0</c:v>
                </c:pt>
                <c:pt idx="2584">
                  <c:v>0</c:v>
                </c:pt>
                <c:pt idx="2585">
                  <c:v>0</c:v>
                </c:pt>
                <c:pt idx="2586">
                  <c:v>0</c:v>
                </c:pt>
                <c:pt idx="2587">
                  <c:v>0</c:v>
                </c:pt>
                <c:pt idx="2588">
                  <c:v>0</c:v>
                </c:pt>
                <c:pt idx="2589">
                  <c:v>0</c:v>
                </c:pt>
                <c:pt idx="2590">
                  <c:v>0</c:v>
                </c:pt>
                <c:pt idx="2591">
                  <c:v>0</c:v>
                </c:pt>
                <c:pt idx="2592">
                  <c:v>0</c:v>
                </c:pt>
                <c:pt idx="2593">
                  <c:v>0</c:v>
                </c:pt>
                <c:pt idx="2594">
                  <c:v>0</c:v>
                </c:pt>
                <c:pt idx="2595">
                  <c:v>0</c:v>
                </c:pt>
                <c:pt idx="2596">
                  <c:v>0</c:v>
                </c:pt>
                <c:pt idx="2597">
                  <c:v>0</c:v>
                </c:pt>
                <c:pt idx="2598">
                  <c:v>0</c:v>
                </c:pt>
                <c:pt idx="2599">
                  <c:v>0</c:v>
                </c:pt>
                <c:pt idx="2600">
                  <c:v>0</c:v>
                </c:pt>
                <c:pt idx="2601">
                  <c:v>0</c:v>
                </c:pt>
                <c:pt idx="2602">
                  <c:v>0</c:v>
                </c:pt>
                <c:pt idx="2603">
                  <c:v>0</c:v>
                </c:pt>
                <c:pt idx="2604">
                  <c:v>0</c:v>
                </c:pt>
                <c:pt idx="2605">
                  <c:v>0</c:v>
                </c:pt>
                <c:pt idx="2606">
                  <c:v>0</c:v>
                </c:pt>
                <c:pt idx="2607">
                  <c:v>0</c:v>
                </c:pt>
                <c:pt idx="2608">
                  <c:v>0</c:v>
                </c:pt>
                <c:pt idx="2609">
                  <c:v>0</c:v>
                </c:pt>
                <c:pt idx="2610">
                  <c:v>0</c:v>
                </c:pt>
                <c:pt idx="2611">
                  <c:v>0</c:v>
                </c:pt>
                <c:pt idx="2612">
                  <c:v>0</c:v>
                </c:pt>
                <c:pt idx="2613">
                  <c:v>0</c:v>
                </c:pt>
                <c:pt idx="2614">
                  <c:v>0</c:v>
                </c:pt>
                <c:pt idx="2615">
                  <c:v>0</c:v>
                </c:pt>
                <c:pt idx="2616">
                  <c:v>0</c:v>
                </c:pt>
                <c:pt idx="2617">
                  <c:v>0</c:v>
                </c:pt>
                <c:pt idx="2618">
                  <c:v>0</c:v>
                </c:pt>
                <c:pt idx="2619">
                  <c:v>0</c:v>
                </c:pt>
                <c:pt idx="2620">
                  <c:v>0</c:v>
                </c:pt>
                <c:pt idx="2621">
                  <c:v>0</c:v>
                </c:pt>
                <c:pt idx="2622">
                  <c:v>0</c:v>
                </c:pt>
                <c:pt idx="2623">
                  <c:v>0</c:v>
                </c:pt>
                <c:pt idx="2624">
                  <c:v>0</c:v>
                </c:pt>
                <c:pt idx="2625">
                  <c:v>0</c:v>
                </c:pt>
                <c:pt idx="2626">
                  <c:v>0</c:v>
                </c:pt>
                <c:pt idx="2627">
                  <c:v>0</c:v>
                </c:pt>
                <c:pt idx="2628">
                  <c:v>0</c:v>
                </c:pt>
                <c:pt idx="2629">
                  <c:v>0</c:v>
                </c:pt>
                <c:pt idx="2630">
                  <c:v>0</c:v>
                </c:pt>
                <c:pt idx="2631">
                  <c:v>0</c:v>
                </c:pt>
                <c:pt idx="2632">
                  <c:v>0</c:v>
                </c:pt>
                <c:pt idx="2633">
                  <c:v>0</c:v>
                </c:pt>
                <c:pt idx="2634">
                  <c:v>0</c:v>
                </c:pt>
                <c:pt idx="2635">
                  <c:v>0</c:v>
                </c:pt>
                <c:pt idx="2636">
                  <c:v>0</c:v>
                </c:pt>
                <c:pt idx="2637">
                  <c:v>0</c:v>
                </c:pt>
                <c:pt idx="2638">
                  <c:v>0</c:v>
                </c:pt>
                <c:pt idx="2639">
                  <c:v>0</c:v>
                </c:pt>
                <c:pt idx="2640">
                  <c:v>0</c:v>
                </c:pt>
                <c:pt idx="2641">
                  <c:v>0</c:v>
                </c:pt>
                <c:pt idx="2642">
                  <c:v>0</c:v>
                </c:pt>
                <c:pt idx="2643">
                  <c:v>0</c:v>
                </c:pt>
                <c:pt idx="2644">
                  <c:v>0</c:v>
                </c:pt>
                <c:pt idx="2645">
                  <c:v>0</c:v>
                </c:pt>
                <c:pt idx="2646">
                  <c:v>0</c:v>
                </c:pt>
                <c:pt idx="2647">
                  <c:v>0</c:v>
                </c:pt>
                <c:pt idx="2648">
                  <c:v>0</c:v>
                </c:pt>
                <c:pt idx="2649">
                  <c:v>0</c:v>
                </c:pt>
                <c:pt idx="2650">
                  <c:v>0</c:v>
                </c:pt>
                <c:pt idx="2651">
                  <c:v>0</c:v>
                </c:pt>
                <c:pt idx="2652">
                  <c:v>0</c:v>
                </c:pt>
                <c:pt idx="2653">
                  <c:v>0</c:v>
                </c:pt>
                <c:pt idx="2654">
                  <c:v>0</c:v>
                </c:pt>
                <c:pt idx="2655">
                  <c:v>0</c:v>
                </c:pt>
                <c:pt idx="2656">
                  <c:v>0</c:v>
                </c:pt>
                <c:pt idx="2657">
                  <c:v>0</c:v>
                </c:pt>
                <c:pt idx="2658">
                  <c:v>0</c:v>
                </c:pt>
                <c:pt idx="2659">
                  <c:v>0</c:v>
                </c:pt>
                <c:pt idx="2660">
                  <c:v>0</c:v>
                </c:pt>
                <c:pt idx="2661">
                  <c:v>0</c:v>
                </c:pt>
                <c:pt idx="2662">
                  <c:v>0</c:v>
                </c:pt>
                <c:pt idx="2663">
                  <c:v>0</c:v>
                </c:pt>
                <c:pt idx="2664">
                  <c:v>0</c:v>
                </c:pt>
                <c:pt idx="2665">
                  <c:v>0</c:v>
                </c:pt>
                <c:pt idx="2666">
                  <c:v>0</c:v>
                </c:pt>
                <c:pt idx="2667">
                  <c:v>0</c:v>
                </c:pt>
                <c:pt idx="2668">
                  <c:v>0</c:v>
                </c:pt>
                <c:pt idx="2669">
                  <c:v>0</c:v>
                </c:pt>
                <c:pt idx="2670">
                  <c:v>0</c:v>
                </c:pt>
                <c:pt idx="2671">
                  <c:v>0</c:v>
                </c:pt>
                <c:pt idx="2672">
                  <c:v>0</c:v>
                </c:pt>
                <c:pt idx="2673">
                  <c:v>0</c:v>
                </c:pt>
                <c:pt idx="2674">
                  <c:v>0</c:v>
                </c:pt>
                <c:pt idx="2675">
                  <c:v>0</c:v>
                </c:pt>
                <c:pt idx="2676">
                  <c:v>0</c:v>
                </c:pt>
                <c:pt idx="2677">
                  <c:v>0</c:v>
                </c:pt>
                <c:pt idx="2678">
                  <c:v>0</c:v>
                </c:pt>
                <c:pt idx="2679">
                  <c:v>0</c:v>
                </c:pt>
                <c:pt idx="2680">
                  <c:v>0</c:v>
                </c:pt>
                <c:pt idx="2681">
                  <c:v>0</c:v>
                </c:pt>
                <c:pt idx="2682">
                  <c:v>0</c:v>
                </c:pt>
                <c:pt idx="2683">
                  <c:v>0</c:v>
                </c:pt>
                <c:pt idx="2684">
                  <c:v>0</c:v>
                </c:pt>
                <c:pt idx="2685">
                  <c:v>0</c:v>
                </c:pt>
                <c:pt idx="2686">
                  <c:v>0</c:v>
                </c:pt>
                <c:pt idx="2687">
                  <c:v>0</c:v>
                </c:pt>
                <c:pt idx="2688">
                  <c:v>0</c:v>
                </c:pt>
                <c:pt idx="2689">
                  <c:v>0</c:v>
                </c:pt>
                <c:pt idx="2690">
                  <c:v>0</c:v>
                </c:pt>
                <c:pt idx="2691">
                  <c:v>0</c:v>
                </c:pt>
                <c:pt idx="2692">
                  <c:v>0</c:v>
                </c:pt>
                <c:pt idx="2693">
                  <c:v>0</c:v>
                </c:pt>
                <c:pt idx="2694">
                  <c:v>0</c:v>
                </c:pt>
                <c:pt idx="2695">
                  <c:v>0</c:v>
                </c:pt>
                <c:pt idx="2696">
                  <c:v>0</c:v>
                </c:pt>
                <c:pt idx="2697">
                  <c:v>0</c:v>
                </c:pt>
                <c:pt idx="2698">
                  <c:v>0</c:v>
                </c:pt>
                <c:pt idx="2699">
                  <c:v>0</c:v>
                </c:pt>
                <c:pt idx="2700">
                  <c:v>0</c:v>
                </c:pt>
                <c:pt idx="2701">
                  <c:v>0</c:v>
                </c:pt>
                <c:pt idx="2702">
                  <c:v>0</c:v>
                </c:pt>
                <c:pt idx="2703">
                  <c:v>0</c:v>
                </c:pt>
                <c:pt idx="2704">
                  <c:v>0</c:v>
                </c:pt>
                <c:pt idx="2705">
                  <c:v>0</c:v>
                </c:pt>
                <c:pt idx="2706">
                  <c:v>0</c:v>
                </c:pt>
                <c:pt idx="2707">
                  <c:v>0</c:v>
                </c:pt>
                <c:pt idx="2708">
                  <c:v>0</c:v>
                </c:pt>
                <c:pt idx="2709">
                  <c:v>0</c:v>
                </c:pt>
                <c:pt idx="2710">
                  <c:v>0</c:v>
                </c:pt>
                <c:pt idx="2711">
                  <c:v>0</c:v>
                </c:pt>
                <c:pt idx="2712">
                  <c:v>0</c:v>
                </c:pt>
                <c:pt idx="2713">
                  <c:v>0</c:v>
                </c:pt>
                <c:pt idx="2714">
                  <c:v>0</c:v>
                </c:pt>
                <c:pt idx="2715">
                  <c:v>0</c:v>
                </c:pt>
                <c:pt idx="2716">
                  <c:v>0</c:v>
                </c:pt>
                <c:pt idx="2717">
                  <c:v>0</c:v>
                </c:pt>
                <c:pt idx="2718">
                  <c:v>0</c:v>
                </c:pt>
                <c:pt idx="2719">
                  <c:v>0</c:v>
                </c:pt>
                <c:pt idx="2720">
                  <c:v>0</c:v>
                </c:pt>
                <c:pt idx="2721">
                  <c:v>0</c:v>
                </c:pt>
                <c:pt idx="2722">
                  <c:v>0</c:v>
                </c:pt>
                <c:pt idx="2723">
                  <c:v>0</c:v>
                </c:pt>
                <c:pt idx="2724">
                  <c:v>0</c:v>
                </c:pt>
                <c:pt idx="2725">
                  <c:v>0</c:v>
                </c:pt>
                <c:pt idx="2726">
                  <c:v>0</c:v>
                </c:pt>
                <c:pt idx="2727">
                  <c:v>0</c:v>
                </c:pt>
                <c:pt idx="2728">
                  <c:v>0</c:v>
                </c:pt>
                <c:pt idx="2729">
                  <c:v>0</c:v>
                </c:pt>
                <c:pt idx="2730">
                  <c:v>0</c:v>
                </c:pt>
                <c:pt idx="2731">
                  <c:v>0</c:v>
                </c:pt>
                <c:pt idx="2732">
                  <c:v>0</c:v>
                </c:pt>
                <c:pt idx="2733">
                  <c:v>0</c:v>
                </c:pt>
                <c:pt idx="2734">
                  <c:v>0</c:v>
                </c:pt>
                <c:pt idx="2735">
                  <c:v>0</c:v>
                </c:pt>
                <c:pt idx="2736">
                  <c:v>0</c:v>
                </c:pt>
                <c:pt idx="2737">
                  <c:v>0</c:v>
                </c:pt>
                <c:pt idx="2738">
                  <c:v>0</c:v>
                </c:pt>
                <c:pt idx="2739">
                  <c:v>0</c:v>
                </c:pt>
                <c:pt idx="2740">
                  <c:v>0</c:v>
                </c:pt>
                <c:pt idx="2741">
                  <c:v>0</c:v>
                </c:pt>
                <c:pt idx="2742">
                  <c:v>0</c:v>
                </c:pt>
                <c:pt idx="2743">
                  <c:v>0</c:v>
                </c:pt>
                <c:pt idx="2744">
                  <c:v>0</c:v>
                </c:pt>
                <c:pt idx="2745">
                  <c:v>0</c:v>
                </c:pt>
                <c:pt idx="2746">
                  <c:v>0</c:v>
                </c:pt>
                <c:pt idx="2747">
                  <c:v>0</c:v>
                </c:pt>
                <c:pt idx="2748">
                  <c:v>0</c:v>
                </c:pt>
                <c:pt idx="2749">
                  <c:v>0</c:v>
                </c:pt>
                <c:pt idx="2750">
                  <c:v>0</c:v>
                </c:pt>
                <c:pt idx="2751">
                  <c:v>0</c:v>
                </c:pt>
                <c:pt idx="2752">
                  <c:v>0</c:v>
                </c:pt>
                <c:pt idx="2753">
                  <c:v>0</c:v>
                </c:pt>
                <c:pt idx="2754">
                  <c:v>0</c:v>
                </c:pt>
                <c:pt idx="2755">
                  <c:v>0</c:v>
                </c:pt>
                <c:pt idx="2756">
                  <c:v>0</c:v>
                </c:pt>
                <c:pt idx="2757">
                  <c:v>0</c:v>
                </c:pt>
                <c:pt idx="2758">
                  <c:v>0</c:v>
                </c:pt>
                <c:pt idx="2759">
                  <c:v>0</c:v>
                </c:pt>
                <c:pt idx="2760">
                  <c:v>0</c:v>
                </c:pt>
                <c:pt idx="2761">
                  <c:v>0</c:v>
                </c:pt>
                <c:pt idx="2762">
                  <c:v>0</c:v>
                </c:pt>
                <c:pt idx="2763">
                  <c:v>0</c:v>
                </c:pt>
                <c:pt idx="2764">
                  <c:v>0</c:v>
                </c:pt>
                <c:pt idx="2765">
                  <c:v>0</c:v>
                </c:pt>
                <c:pt idx="2766">
                  <c:v>0</c:v>
                </c:pt>
                <c:pt idx="2767">
                  <c:v>0</c:v>
                </c:pt>
                <c:pt idx="2768">
                  <c:v>0</c:v>
                </c:pt>
                <c:pt idx="2769">
                  <c:v>0</c:v>
                </c:pt>
                <c:pt idx="2770">
                  <c:v>0</c:v>
                </c:pt>
                <c:pt idx="2771">
                  <c:v>0</c:v>
                </c:pt>
                <c:pt idx="2772">
                  <c:v>0</c:v>
                </c:pt>
                <c:pt idx="2773">
                  <c:v>0</c:v>
                </c:pt>
                <c:pt idx="2774">
                  <c:v>0</c:v>
                </c:pt>
                <c:pt idx="2775">
                  <c:v>0</c:v>
                </c:pt>
                <c:pt idx="2776">
                  <c:v>0</c:v>
                </c:pt>
                <c:pt idx="2777">
                  <c:v>0</c:v>
                </c:pt>
                <c:pt idx="2778">
                  <c:v>0</c:v>
                </c:pt>
                <c:pt idx="2779">
                  <c:v>0</c:v>
                </c:pt>
                <c:pt idx="2780">
                  <c:v>0</c:v>
                </c:pt>
                <c:pt idx="2781">
                  <c:v>0</c:v>
                </c:pt>
                <c:pt idx="2782">
                  <c:v>0</c:v>
                </c:pt>
                <c:pt idx="2783">
                  <c:v>0</c:v>
                </c:pt>
                <c:pt idx="2784">
                  <c:v>0</c:v>
                </c:pt>
                <c:pt idx="2785">
                  <c:v>0</c:v>
                </c:pt>
                <c:pt idx="2786">
                  <c:v>0</c:v>
                </c:pt>
                <c:pt idx="2787">
                  <c:v>0</c:v>
                </c:pt>
                <c:pt idx="2788">
                  <c:v>0</c:v>
                </c:pt>
                <c:pt idx="2789">
                  <c:v>0</c:v>
                </c:pt>
                <c:pt idx="2790">
                  <c:v>0</c:v>
                </c:pt>
                <c:pt idx="2791">
                  <c:v>0</c:v>
                </c:pt>
                <c:pt idx="2792">
                  <c:v>0</c:v>
                </c:pt>
                <c:pt idx="2793">
                  <c:v>0</c:v>
                </c:pt>
                <c:pt idx="2794">
                  <c:v>0</c:v>
                </c:pt>
                <c:pt idx="2795">
                  <c:v>0</c:v>
                </c:pt>
                <c:pt idx="2796">
                  <c:v>0</c:v>
                </c:pt>
                <c:pt idx="2797">
                  <c:v>0</c:v>
                </c:pt>
                <c:pt idx="2798">
                  <c:v>0</c:v>
                </c:pt>
                <c:pt idx="2799">
                  <c:v>0</c:v>
                </c:pt>
                <c:pt idx="2800">
                  <c:v>0</c:v>
                </c:pt>
                <c:pt idx="2801">
                  <c:v>0</c:v>
                </c:pt>
                <c:pt idx="2802">
                  <c:v>0</c:v>
                </c:pt>
                <c:pt idx="2803">
                  <c:v>0</c:v>
                </c:pt>
                <c:pt idx="2804">
                  <c:v>0</c:v>
                </c:pt>
                <c:pt idx="2805">
                  <c:v>0</c:v>
                </c:pt>
                <c:pt idx="2806">
                  <c:v>0</c:v>
                </c:pt>
                <c:pt idx="2807">
                  <c:v>0</c:v>
                </c:pt>
                <c:pt idx="2808">
                  <c:v>0</c:v>
                </c:pt>
                <c:pt idx="2809">
                  <c:v>0</c:v>
                </c:pt>
                <c:pt idx="2810">
                  <c:v>0</c:v>
                </c:pt>
                <c:pt idx="2811">
                  <c:v>0</c:v>
                </c:pt>
                <c:pt idx="2812">
                  <c:v>0</c:v>
                </c:pt>
                <c:pt idx="2813">
                  <c:v>0</c:v>
                </c:pt>
                <c:pt idx="2814">
                  <c:v>0</c:v>
                </c:pt>
                <c:pt idx="2815">
                  <c:v>0</c:v>
                </c:pt>
                <c:pt idx="2816">
                  <c:v>0</c:v>
                </c:pt>
                <c:pt idx="2817">
                  <c:v>0</c:v>
                </c:pt>
                <c:pt idx="2818">
                  <c:v>0</c:v>
                </c:pt>
                <c:pt idx="2819">
                  <c:v>0</c:v>
                </c:pt>
                <c:pt idx="2820">
                  <c:v>0</c:v>
                </c:pt>
                <c:pt idx="2821">
                  <c:v>0</c:v>
                </c:pt>
                <c:pt idx="2822">
                  <c:v>0</c:v>
                </c:pt>
                <c:pt idx="2823">
                  <c:v>0</c:v>
                </c:pt>
                <c:pt idx="2824">
                  <c:v>0</c:v>
                </c:pt>
                <c:pt idx="2825">
                  <c:v>0</c:v>
                </c:pt>
                <c:pt idx="2826">
                  <c:v>0</c:v>
                </c:pt>
                <c:pt idx="2827">
                  <c:v>0</c:v>
                </c:pt>
                <c:pt idx="2828">
                  <c:v>0</c:v>
                </c:pt>
                <c:pt idx="2829">
                  <c:v>0</c:v>
                </c:pt>
                <c:pt idx="2830">
                  <c:v>0</c:v>
                </c:pt>
                <c:pt idx="2831">
                  <c:v>0</c:v>
                </c:pt>
                <c:pt idx="2832">
                  <c:v>0</c:v>
                </c:pt>
                <c:pt idx="2833">
                  <c:v>0</c:v>
                </c:pt>
                <c:pt idx="2834">
                  <c:v>0</c:v>
                </c:pt>
                <c:pt idx="2835">
                  <c:v>0</c:v>
                </c:pt>
                <c:pt idx="2836">
                  <c:v>0</c:v>
                </c:pt>
                <c:pt idx="2837">
                  <c:v>0</c:v>
                </c:pt>
                <c:pt idx="2838">
                  <c:v>0</c:v>
                </c:pt>
                <c:pt idx="2839">
                  <c:v>0</c:v>
                </c:pt>
                <c:pt idx="2840">
                  <c:v>0</c:v>
                </c:pt>
                <c:pt idx="2841">
                  <c:v>0</c:v>
                </c:pt>
                <c:pt idx="2842">
                  <c:v>0</c:v>
                </c:pt>
                <c:pt idx="2843">
                  <c:v>0</c:v>
                </c:pt>
                <c:pt idx="2844">
                  <c:v>0</c:v>
                </c:pt>
                <c:pt idx="2845">
                  <c:v>0</c:v>
                </c:pt>
                <c:pt idx="2846">
                  <c:v>0</c:v>
                </c:pt>
                <c:pt idx="2847">
                  <c:v>0</c:v>
                </c:pt>
                <c:pt idx="2848">
                  <c:v>0</c:v>
                </c:pt>
                <c:pt idx="2849">
                  <c:v>0</c:v>
                </c:pt>
                <c:pt idx="2850">
                  <c:v>0</c:v>
                </c:pt>
                <c:pt idx="2851">
                  <c:v>0</c:v>
                </c:pt>
                <c:pt idx="2852">
                  <c:v>0</c:v>
                </c:pt>
                <c:pt idx="2853">
                  <c:v>0</c:v>
                </c:pt>
                <c:pt idx="2854">
                  <c:v>0</c:v>
                </c:pt>
                <c:pt idx="2855">
                  <c:v>0</c:v>
                </c:pt>
                <c:pt idx="2856">
                  <c:v>0</c:v>
                </c:pt>
                <c:pt idx="2857">
                  <c:v>0</c:v>
                </c:pt>
                <c:pt idx="2858">
                  <c:v>0</c:v>
                </c:pt>
                <c:pt idx="2859">
                  <c:v>0</c:v>
                </c:pt>
                <c:pt idx="2860">
                  <c:v>0</c:v>
                </c:pt>
                <c:pt idx="2861">
                  <c:v>0</c:v>
                </c:pt>
                <c:pt idx="2862">
                  <c:v>0</c:v>
                </c:pt>
                <c:pt idx="2863">
                  <c:v>0</c:v>
                </c:pt>
                <c:pt idx="2864">
                  <c:v>0</c:v>
                </c:pt>
                <c:pt idx="2865">
                  <c:v>0</c:v>
                </c:pt>
                <c:pt idx="2866">
                  <c:v>0</c:v>
                </c:pt>
                <c:pt idx="2867">
                  <c:v>0</c:v>
                </c:pt>
                <c:pt idx="2868">
                  <c:v>0</c:v>
                </c:pt>
                <c:pt idx="2869">
                  <c:v>0</c:v>
                </c:pt>
                <c:pt idx="2870">
                  <c:v>0</c:v>
                </c:pt>
                <c:pt idx="2871">
                  <c:v>0</c:v>
                </c:pt>
                <c:pt idx="2872">
                  <c:v>0</c:v>
                </c:pt>
                <c:pt idx="2873">
                  <c:v>0</c:v>
                </c:pt>
                <c:pt idx="2874">
                  <c:v>0</c:v>
                </c:pt>
                <c:pt idx="2875">
                  <c:v>0</c:v>
                </c:pt>
                <c:pt idx="2876">
                  <c:v>0</c:v>
                </c:pt>
                <c:pt idx="2877">
                  <c:v>0</c:v>
                </c:pt>
                <c:pt idx="2878">
                  <c:v>0</c:v>
                </c:pt>
                <c:pt idx="2879">
                  <c:v>0</c:v>
                </c:pt>
                <c:pt idx="2880">
                  <c:v>0</c:v>
                </c:pt>
                <c:pt idx="2881">
                  <c:v>0</c:v>
                </c:pt>
                <c:pt idx="2882">
                  <c:v>0</c:v>
                </c:pt>
                <c:pt idx="2883">
                  <c:v>0</c:v>
                </c:pt>
                <c:pt idx="2884">
                  <c:v>0</c:v>
                </c:pt>
                <c:pt idx="2885">
                  <c:v>0</c:v>
                </c:pt>
                <c:pt idx="2886">
                  <c:v>0</c:v>
                </c:pt>
                <c:pt idx="2887">
                  <c:v>0</c:v>
                </c:pt>
                <c:pt idx="2888">
                  <c:v>0</c:v>
                </c:pt>
                <c:pt idx="2889">
                  <c:v>0</c:v>
                </c:pt>
                <c:pt idx="2890">
                  <c:v>0</c:v>
                </c:pt>
                <c:pt idx="2891">
                  <c:v>0</c:v>
                </c:pt>
                <c:pt idx="2892">
                  <c:v>0</c:v>
                </c:pt>
                <c:pt idx="2893">
                  <c:v>0</c:v>
                </c:pt>
                <c:pt idx="2894">
                  <c:v>0</c:v>
                </c:pt>
                <c:pt idx="2895">
                  <c:v>0</c:v>
                </c:pt>
                <c:pt idx="2896">
                  <c:v>0</c:v>
                </c:pt>
                <c:pt idx="2897">
                  <c:v>0</c:v>
                </c:pt>
                <c:pt idx="2898">
                  <c:v>0</c:v>
                </c:pt>
                <c:pt idx="2899">
                  <c:v>0</c:v>
                </c:pt>
                <c:pt idx="2900">
                  <c:v>0</c:v>
                </c:pt>
                <c:pt idx="2901">
                  <c:v>0</c:v>
                </c:pt>
                <c:pt idx="2902">
                  <c:v>0</c:v>
                </c:pt>
                <c:pt idx="2903">
                  <c:v>0</c:v>
                </c:pt>
                <c:pt idx="2904">
                  <c:v>0</c:v>
                </c:pt>
                <c:pt idx="2905">
                  <c:v>0</c:v>
                </c:pt>
                <c:pt idx="2906">
                  <c:v>0</c:v>
                </c:pt>
                <c:pt idx="2907">
                  <c:v>0</c:v>
                </c:pt>
                <c:pt idx="2908">
                  <c:v>0</c:v>
                </c:pt>
                <c:pt idx="2909">
                  <c:v>0</c:v>
                </c:pt>
                <c:pt idx="2910">
                  <c:v>0</c:v>
                </c:pt>
                <c:pt idx="2911">
                  <c:v>0</c:v>
                </c:pt>
                <c:pt idx="2912">
                  <c:v>0</c:v>
                </c:pt>
                <c:pt idx="2913">
                  <c:v>0</c:v>
                </c:pt>
                <c:pt idx="2914">
                  <c:v>0</c:v>
                </c:pt>
                <c:pt idx="2915">
                  <c:v>0</c:v>
                </c:pt>
                <c:pt idx="2916">
                  <c:v>0</c:v>
                </c:pt>
                <c:pt idx="2917">
                  <c:v>0</c:v>
                </c:pt>
                <c:pt idx="2918">
                  <c:v>0</c:v>
                </c:pt>
                <c:pt idx="2919">
                  <c:v>0</c:v>
                </c:pt>
                <c:pt idx="2920">
                  <c:v>0</c:v>
                </c:pt>
                <c:pt idx="2921">
                  <c:v>0</c:v>
                </c:pt>
                <c:pt idx="2922">
                  <c:v>0</c:v>
                </c:pt>
                <c:pt idx="2923">
                  <c:v>0</c:v>
                </c:pt>
                <c:pt idx="2924">
                  <c:v>0</c:v>
                </c:pt>
                <c:pt idx="2925">
                  <c:v>0</c:v>
                </c:pt>
                <c:pt idx="2926">
                  <c:v>0</c:v>
                </c:pt>
                <c:pt idx="2927">
                  <c:v>0</c:v>
                </c:pt>
                <c:pt idx="2928">
                  <c:v>0</c:v>
                </c:pt>
                <c:pt idx="2929">
                  <c:v>0</c:v>
                </c:pt>
                <c:pt idx="2930">
                  <c:v>0</c:v>
                </c:pt>
                <c:pt idx="2931">
                  <c:v>0</c:v>
                </c:pt>
                <c:pt idx="2932">
                  <c:v>0</c:v>
                </c:pt>
                <c:pt idx="2933">
                  <c:v>0</c:v>
                </c:pt>
                <c:pt idx="2934">
                  <c:v>0</c:v>
                </c:pt>
                <c:pt idx="2935">
                  <c:v>0</c:v>
                </c:pt>
                <c:pt idx="2936">
                  <c:v>0</c:v>
                </c:pt>
                <c:pt idx="2937">
                  <c:v>0</c:v>
                </c:pt>
                <c:pt idx="2938">
                  <c:v>0</c:v>
                </c:pt>
                <c:pt idx="2939">
                  <c:v>0</c:v>
                </c:pt>
                <c:pt idx="2940">
                  <c:v>0</c:v>
                </c:pt>
                <c:pt idx="2941">
                  <c:v>0</c:v>
                </c:pt>
                <c:pt idx="2942">
                  <c:v>0</c:v>
                </c:pt>
                <c:pt idx="2943">
                  <c:v>0</c:v>
                </c:pt>
                <c:pt idx="2944">
                  <c:v>0</c:v>
                </c:pt>
                <c:pt idx="2945">
                  <c:v>0</c:v>
                </c:pt>
                <c:pt idx="2946">
                  <c:v>0</c:v>
                </c:pt>
                <c:pt idx="2947">
                  <c:v>0</c:v>
                </c:pt>
                <c:pt idx="2948">
                  <c:v>0</c:v>
                </c:pt>
                <c:pt idx="2949">
                  <c:v>0</c:v>
                </c:pt>
                <c:pt idx="2950">
                  <c:v>0</c:v>
                </c:pt>
                <c:pt idx="2951">
                  <c:v>0</c:v>
                </c:pt>
                <c:pt idx="2952">
                  <c:v>0</c:v>
                </c:pt>
                <c:pt idx="2953">
                  <c:v>0</c:v>
                </c:pt>
                <c:pt idx="2954">
                  <c:v>0</c:v>
                </c:pt>
                <c:pt idx="2955">
                  <c:v>0</c:v>
                </c:pt>
                <c:pt idx="2956">
                  <c:v>0</c:v>
                </c:pt>
                <c:pt idx="2957">
                  <c:v>0</c:v>
                </c:pt>
                <c:pt idx="2958">
                  <c:v>0</c:v>
                </c:pt>
                <c:pt idx="2959">
                  <c:v>0</c:v>
                </c:pt>
                <c:pt idx="2960">
                  <c:v>0</c:v>
                </c:pt>
                <c:pt idx="2961">
                  <c:v>0</c:v>
                </c:pt>
                <c:pt idx="2962">
                  <c:v>0</c:v>
                </c:pt>
                <c:pt idx="2963">
                  <c:v>0</c:v>
                </c:pt>
                <c:pt idx="2964">
                  <c:v>0</c:v>
                </c:pt>
                <c:pt idx="2965">
                  <c:v>0</c:v>
                </c:pt>
                <c:pt idx="2966">
                  <c:v>0</c:v>
                </c:pt>
                <c:pt idx="2967">
                  <c:v>0</c:v>
                </c:pt>
                <c:pt idx="2968">
                  <c:v>0</c:v>
                </c:pt>
                <c:pt idx="2969">
                  <c:v>0</c:v>
                </c:pt>
                <c:pt idx="2970">
                  <c:v>0</c:v>
                </c:pt>
                <c:pt idx="2971">
                  <c:v>0</c:v>
                </c:pt>
                <c:pt idx="2972">
                  <c:v>0</c:v>
                </c:pt>
                <c:pt idx="2973">
                  <c:v>0</c:v>
                </c:pt>
                <c:pt idx="2974">
                  <c:v>0</c:v>
                </c:pt>
                <c:pt idx="2975">
                  <c:v>0</c:v>
                </c:pt>
                <c:pt idx="2976">
                  <c:v>0</c:v>
                </c:pt>
                <c:pt idx="2977">
                  <c:v>0</c:v>
                </c:pt>
                <c:pt idx="2978">
                  <c:v>0</c:v>
                </c:pt>
                <c:pt idx="2979">
                  <c:v>0</c:v>
                </c:pt>
                <c:pt idx="2980">
                  <c:v>0</c:v>
                </c:pt>
                <c:pt idx="2981">
                  <c:v>0</c:v>
                </c:pt>
                <c:pt idx="2982">
                  <c:v>0</c:v>
                </c:pt>
                <c:pt idx="2983">
                  <c:v>0</c:v>
                </c:pt>
                <c:pt idx="2984">
                  <c:v>0</c:v>
                </c:pt>
                <c:pt idx="2985">
                  <c:v>0</c:v>
                </c:pt>
                <c:pt idx="2986">
                  <c:v>0</c:v>
                </c:pt>
                <c:pt idx="2987">
                  <c:v>0</c:v>
                </c:pt>
                <c:pt idx="2988">
                  <c:v>0</c:v>
                </c:pt>
                <c:pt idx="2989">
                  <c:v>0</c:v>
                </c:pt>
                <c:pt idx="2990">
                  <c:v>0</c:v>
                </c:pt>
                <c:pt idx="2991">
                  <c:v>0</c:v>
                </c:pt>
                <c:pt idx="2992">
                  <c:v>0</c:v>
                </c:pt>
                <c:pt idx="2993">
                  <c:v>0</c:v>
                </c:pt>
                <c:pt idx="2994">
                  <c:v>0</c:v>
                </c:pt>
                <c:pt idx="2995">
                  <c:v>0</c:v>
                </c:pt>
                <c:pt idx="2996">
                  <c:v>0</c:v>
                </c:pt>
                <c:pt idx="2997">
                  <c:v>0</c:v>
                </c:pt>
                <c:pt idx="2998">
                  <c:v>0</c:v>
                </c:pt>
                <c:pt idx="2999">
                  <c:v>0</c:v>
                </c:pt>
                <c:pt idx="3000">
                  <c:v>0</c:v>
                </c:pt>
                <c:pt idx="3001">
                  <c:v>0</c:v>
                </c:pt>
                <c:pt idx="3002">
                  <c:v>0</c:v>
                </c:pt>
                <c:pt idx="3003">
                  <c:v>0</c:v>
                </c:pt>
                <c:pt idx="3004">
                  <c:v>0</c:v>
                </c:pt>
                <c:pt idx="3005">
                  <c:v>0</c:v>
                </c:pt>
                <c:pt idx="3006">
                  <c:v>0</c:v>
                </c:pt>
                <c:pt idx="3007">
                  <c:v>0</c:v>
                </c:pt>
                <c:pt idx="3008">
                  <c:v>0</c:v>
                </c:pt>
                <c:pt idx="3009">
                  <c:v>0</c:v>
                </c:pt>
                <c:pt idx="3010">
                  <c:v>0</c:v>
                </c:pt>
                <c:pt idx="3011">
                  <c:v>0</c:v>
                </c:pt>
                <c:pt idx="3012">
                  <c:v>0</c:v>
                </c:pt>
                <c:pt idx="3013">
                  <c:v>0</c:v>
                </c:pt>
                <c:pt idx="3014">
                  <c:v>0</c:v>
                </c:pt>
                <c:pt idx="3015">
                  <c:v>0</c:v>
                </c:pt>
                <c:pt idx="3016">
                  <c:v>0</c:v>
                </c:pt>
                <c:pt idx="3017">
                  <c:v>0</c:v>
                </c:pt>
                <c:pt idx="3018">
                  <c:v>0</c:v>
                </c:pt>
                <c:pt idx="3019">
                  <c:v>0</c:v>
                </c:pt>
                <c:pt idx="3020">
                  <c:v>0</c:v>
                </c:pt>
                <c:pt idx="3021">
                  <c:v>0</c:v>
                </c:pt>
                <c:pt idx="3022">
                  <c:v>0</c:v>
                </c:pt>
                <c:pt idx="3023">
                  <c:v>0</c:v>
                </c:pt>
                <c:pt idx="3024">
                  <c:v>0</c:v>
                </c:pt>
                <c:pt idx="3025">
                  <c:v>0</c:v>
                </c:pt>
                <c:pt idx="3026">
                  <c:v>0</c:v>
                </c:pt>
                <c:pt idx="3027">
                  <c:v>0</c:v>
                </c:pt>
                <c:pt idx="3028">
                  <c:v>0</c:v>
                </c:pt>
                <c:pt idx="3029">
                  <c:v>0</c:v>
                </c:pt>
                <c:pt idx="3030">
                  <c:v>0</c:v>
                </c:pt>
                <c:pt idx="3031">
                  <c:v>0</c:v>
                </c:pt>
                <c:pt idx="3032">
                  <c:v>0</c:v>
                </c:pt>
                <c:pt idx="3033">
                  <c:v>0</c:v>
                </c:pt>
                <c:pt idx="3034">
                  <c:v>0</c:v>
                </c:pt>
                <c:pt idx="3035">
                  <c:v>0</c:v>
                </c:pt>
                <c:pt idx="3036">
                  <c:v>0</c:v>
                </c:pt>
                <c:pt idx="3037">
                  <c:v>0</c:v>
                </c:pt>
                <c:pt idx="3038">
                  <c:v>0</c:v>
                </c:pt>
                <c:pt idx="3039">
                  <c:v>0</c:v>
                </c:pt>
                <c:pt idx="3040">
                  <c:v>0</c:v>
                </c:pt>
                <c:pt idx="3041">
                  <c:v>0</c:v>
                </c:pt>
                <c:pt idx="3042">
                  <c:v>0</c:v>
                </c:pt>
                <c:pt idx="3043">
                  <c:v>0</c:v>
                </c:pt>
                <c:pt idx="3044">
                  <c:v>0</c:v>
                </c:pt>
                <c:pt idx="3045">
                  <c:v>0</c:v>
                </c:pt>
                <c:pt idx="3046">
                  <c:v>0</c:v>
                </c:pt>
                <c:pt idx="3047">
                  <c:v>0</c:v>
                </c:pt>
                <c:pt idx="3048">
                  <c:v>0</c:v>
                </c:pt>
                <c:pt idx="3049">
                  <c:v>0</c:v>
                </c:pt>
                <c:pt idx="3050">
                  <c:v>0</c:v>
                </c:pt>
                <c:pt idx="3051">
                  <c:v>0</c:v>
                </c:pt>
                <c:pt idx="3052">
                  <c:v>0</c:v>
                </c:pt>
                <c:pt idx="3053">
                  <c:v>0</c:v>
                </c:pt>
                <c:pt idx="3054">
                  <c:v>0</c:v>
                </c:pt>
                <c:pt idx="3055">
                  <c:v>0</c:v>
                </c:pt>
                <c:pt idx="3056">
                  <c:v>0</c:v>
                </c:pt>
                <c:pt idx="3057">
                  <c:v>0</c:v>
                </c:pt>
                <c:pt idx="3058">
                  <c:v>0</c:v>
                </c:pt>
                <c:pt idx="3059">
                  <c:v>0</c:v>
                </c:pt>
                <c:pt idx="3060">
                  <c:v>0</c:v>
                </c:pt>
                <c:pt idx="3061">
                  <c:v>0</c:v>
                </c:pt>
                <c:pt idx="3062">
                  <c:v>0</c:v>
                </c:pt>
                <c:pt idx="3063">
                  <c:v>0</c:v>
                </c:pt>
                <c:pt idx="3064">
                  <c:v>0</c:v>
                </c:pt>
                <c:pt idx="3065">
                  <c:v>0</c:v>
                </c:pt>
                <c:pt idx="3066">
                  <c:v>0</c:v>
                </c:pt>
                <c:pt idx="3067">
                  <c:v>0</c:v>
                </c:pt>
                <c:pt idx="3068">
                  <c:v>0</c:v>
                </c:pt>
                <c:pt idx="3069">
                  <c:v>0</c:v>
                </c:pt>
                <c:pt idx="3070">
                  <c:v>0</c:v>
                </c:pt>
                <c:pt idx="3071">
                  <c:v>0</c:v>
                </c:pt>
                <c:pt idx="3072">
                  <c:v>0</c:v>
                </c:pt>
                <c:pt idx="3073">
                  <c:v>0</c:v>
                </c:pt>
                <c:pt idx="3074">
                  <c:v>0</c:v>
                </c:pt>
                <c:pt idx="3075">
                  <c:v>0</c:v>
                </c:pt>
                <c:pt idx="3076">
                  <c:v>0</c:v>
                </c:pt>
                <c:pt idx="3077">
                  <c:v>0</c:v>
                </c:pt>
                <c:pt idx="3078">
                  <c:v>0</c:v>
                </c:pt>
                <c:pt idx="3079">
                  <c:v>0</c:v>
                </c:pt>
                <c:pt idx="3080">
                  <c:v>0</c:v>
                </c:pt>
                <c:pt idx="3081">
                  <c:v>0</c:v>
                </c:pt>
                <c:pt idx="3082">
                  <c:v>0</c:v>
                </c:pt>
                <c:pt idx="3083">
                  <c:v>0</c:v>
                </c:pt>
                <c:pt idx="3084">
                  <c:v>0</c:v>
                </c:pt>
                <c:pt idx="3085">
                  <c:v>0</c:v>
                </c:pt>
                <c:pt idx="3086">
                  <c:v>0</c:v>
                </c:pt>
                <c:pt idx="3087">
                  <c:v>0</c:v>
                </c:pt>
                <c:pt idx="3088">
                  <c:v>0</c:v>
                </c:pt>
                <c:pt idx="3089">
                  <c:v>0</c:v>
                </c:pt>
                <c:pt idx="3090">
                  <c:v>0</c:v>
                </c:pt>
                <c:pt idx="3091">
                  <c:v>0</c:v>
                </c:pt>
                <c:pt idx="3092">
                  <c:v>0</c:v>
                </c:pt>
                <c:pt idx="3093">
                  <c:v>0</c:v>
                </c:pt>
                <c:pt idx="3094">
                  <c:v>0</c:v>
                </c:pt>
                <c:pt idx="3095">
                  <c:v>0</c:v>
                </c:pt>
                <c:pt idx="3096">
                  <c:v>0</c:v>
                </c:pt>
                <c:pt idx="3097">
                  <c:v>0</c:v>
                </c:pt>
                <c:pt idx="3098">
                  <c:v>0</c:v>
                </c:pt>
                <c:pt idx="3099">
                  <c:v>0</c:v>
                </c:pt>
                <c:pt idx="3100">
                  <c:v>0</c:v>
                </c:pt>
                <c:pt idx="3101">
                  <c:v>0</c:v>
                </c:pt>
                <c:pt idx="3102">
                  <c:v>0</c:v>
                </c:pt>
                <c:pt idx="3103">
                  <c:v>0</c:v>
                </c:pt>
                <c:pt idx="3104">
                  <c:v>0</c:v>
                </c:pt>
                <c:pt idx="3105">
                  <c:v>0</c:v>
                </c:pt>
                <c:pt idx="3106">
                  <c:v>0</c:v>
                </c:pt>
                <c:pt idx="3107">
                  <c:v>0</c:v>
                </c:pt>
                <c:pt idx="3108">
                  <c:v>0</c:v>
                </c:pt>
                <c:pt idx="3109">
                  <c:v>0</c:v>
                </c:pt>
                <c:pt idx="3110">
                  <c:v>0</c:v>
                </c:pt>
                <c:pt idx="3111">
                  <c:v>0</c:v>
                </c:pt>
                <c:pt idx="3112">
                  <c:v>0</c:v>
                </c:pt>
                <c:pt idx="3113">
                  <c:v>0</c:v>
                </c:pt>
                <c:pt idx="3114">
                  <c:v>0</c:v>
                </c:pt>
                <c:pt idx="3115">
                  <c:v>0</c:v>
                </c:pt>
                <c:pt idx="3116">
                  <c:v>0</c:v>
                </c:pt>
                <c:pt idx="3117">
                  <c:v>0</c:v>
                </c:pt>
                <c:pt idx="3118">
                  <c:v>0</c:v>
                </c:pt>
                <c:pt idx="3119">
                  <c:v>0</c:v>
                </c:pt>
                <c:pt idx="3120">
                  <c:v>0</c:v>
                </c:pt>
                <c:pt idx="3121">
                  <c:v>0</c:v>
                </c:pt>
                <c:pt idx="3122">
                  <c:v>0</c:v>
                </c:pt>
                <c:pt idx="3123">
                  <c:v>0</c:v>
                </c:pt>
                <c:pt idx="3124">
                  <c:v>0</c:v>
                </c:pt>
                <c:pt idx="3125">
                  <c:v>0</c:v>
                </c:pt>
                <c:pt idx="3126">
                  <c:v>0</c:v>
                </c:pt>
                <c:pt idx="3127">
                  <c:v>0</c:v>
                </c:pt>
                <c:pt idx="3128">
                  <c:v>0</c:v>
                </c:pt>
                <c:pt idx="3129">
                  <c:v>0</c:v>
                </c:pt>
                <c:pt idx="3130">
                  <c:v>0</c:v>
                </c:pt>
                <c:pt idx="3131">
                  <c:v>0</c:v>
                </c:pt>
                <c:pt idx="3132">
                  <c:v>0</c:v>
                </c:pt>
                <c:pt idx="3133">
                  <c:v>0</c:v>
                </c:pt>
                <c:pt idx="3134">
                  <c:v>0</c:v>
                </c:pt>
                <c:pt idx="3135">
                  <c:v>0</c:v>
                </c:pt>
                <c:pt idx="3136">
                  <c:v>0</c:v>
                </c:pt>
                <c:pt idx="3137">
                  <c:v>0</c:v>
                </c:pt>
                <c:pt idx="3138">
                  <c:v>0</c:v>
                </c:pt>
                <c:pt idx="3139">
                  <c:v>0</c:v>
                </c:pt>
                <c:pt idx="3140">
                  <c:v>0</c:v>
                </c:pt>
                <c:pt idx="3141">
                  <c:v>0</c:v>
                </c:pt>
                <c:pt idx="3142">
                  <c:v>0</c:v>
                </c:pt>
                <c:pt idx="3143">
                  <c:v>0</c:v>
                </c:pt>
                <c:pt idx="3144">
                  <c:v>0</c:v>
                </c:pt>
                <c:pt idx="3145">
                  <c:v>0</c:v>
                </c:pt>
                <c:pt idx="3146">
                  <c:v>0</c:v>
                </c:pt>
                <c:pt idx="3147">
                  <c:v>0</c:v>
                </c:pt>
                <c:pt idx="3148">
                  <c:v>0</c:v>
                </c:pt>
                <c:pt idx="3149">
                  <c:v>0</c:v>
                </c:pt>
                <c:pt idx="3150">
                  <c:v>0</c:v>
                </c:pt>
                <c:pt idx="3151">
                  <c:v>0</c:v>
                </c:pt>
                <c:pt idx="3152">
                  <c:v>0</c:v>
                </c:pt>
                <c:pt idx="3153">
                  <c:v>0</c:v>
                </c:pt>
                <c:pt idx="3154">
                  <c:v>0</c:v>
                </c:pt>
                <c:pt idx="3155">
                  <c:v>0</c:v>
                </c:pt>
                <c:pt idx="3156">
                  <c:v>0</c:v>
                </c:pt>
                <c:pt idx="3157">
                  <c:v>0</c:v>
                </c:pt>
                <c:pt idx="3158">
                  <c:v>0</c:v>
                </c:pt>
                <c:pt idx="3159">
                  <c:v>0</c:v>
                </c:pt>
                <c:pt idx="3160">
                  <c:v>0</c:v>
                </c:pt>
                <c:pt idx="3161">
                  <c:v>0</c:v>
                </c:pt>
                <c:pt idx="3162">
                  <c:v>0</c:v>
                </c:pt>
                <c:pt idx="3163">
                  <c:v>0</c:v>
                </c:pt>
                <c:pt idx="3164">
                  <c:v>0</c:v>
                </c:pt>
                <c:pt idx="3165">
                  <c:v>0</c:v>
                </c:pt>
                <c:pt idx="3166">
                  <c:v>0</c:v>
                </c:pt>
                <c:pt idx="3167">
                  <c:v>0</c:v>
                </c:pt>
                <c:pt idx="3168">
                  <c:v>0</c:v>
                </c:pt>
                <c:pt idx="3169">
                  <c:v>0</c:v>
                </c:pt>
                <c:pt idx="3170">
                  <c:v>0</c:v>
                </c:pt>
                <c:pt idx="3171">
                  <c:v>0</c:v>
                </c:pt>
                <c:pt idx="3172">
                  <c:v>0</c:v>
                </c:pt>
                <c:pt idx="3173">
                  <c:v>0</c:v>
                </c:pt>
                <c:pt idx="3174">
                  <c:v>0</c:v>
                </c:pt>
                <c:pt idx="3175">
                  <c:v>0</c:v>
                </c:pt>
                <c:pt idx="3176">
                  <c:v>0</c:v>
                </c:pt>
                <c:pt idx="3177">
                  <c:v>0</c:v>
                </c:pt>
                <c:pt idx="3178">
                  <c:v>0</c:v>
                </c:pt>
                <c:pt idx="3179">
                  <c:v>0</c:v>
                </c:pt>
                <c:pt idx="3180">
                  <c:v>0</c:v>
                </c:pt>
                <c:pt idx="3181">
                  <c:v>0</c:v>
                </c:pt>
                <c:pt idx="3182">
                  <c:v>0</c:v>
                </c:pt>
                <c:pt idx="3183">
                  <c:v>0</c:v>
                </c:pt>
                <c:pt idx="3184">
                  <c:v>0</c:v>
                </c:pt>
                <c:pt idx="3185">
                  <c:v>0</c:v>
                </c:pt>
                <c:pt idx="3186">
                  <c:v>0</c:v>
                </c:pt>
                <c:pt idx="3187">
                  <c:v>0</c:v>
                </c:pt>
                <c:pt idx="3188">
                  <c:v>0</c:v>
                </c:pt>
                <c:pt idx="3189">
                  <c:v>0</c:v>
                </c:pt>
                <c:pt idx="3190">
                  <c:v>0</c:v>
                </c:pt>
                <c:pt idx="3191">
                  <c:v>0</c:v>
                </c:pt>
                <c:pt idx="3192">
                  <c:v>0</c:v>
                </c:pt>
                <c:pt idx="3193">
                  <c:v>0</c:v>
                </c:pt>
                <c:pt idx="3194">
                  <c:v>0</c:v>
                </c:pt>
                <c:pt idx="3195">
                  <c:v>0</c:v>
                </c:pt>
                <c:pt idx="3196">
                  <c:v>0</c:v>
                </c:pt>
                <c:pt idx="3197">
                  <c:v>0</c:v>
                </c:pt>
                <c:pt idx="3198">
                  <c:v>0</c:v>
                </c:pt>
                <c:pt idx="3199">
                  <c:v>0</c:v>
                </c:pt>
                <c:pt idx="3200">
                  <c:v>0</c:v>
                </c:pt>
                <c:pt idx="3201">
                  <c:v>0</c:v>
                </c:pt>
                <c:pt idx="3202">
                  <c:v>0</c:v>
                </c:pt>
                <c:pt idx="3203">
                  <c:v>0</c:v>
                </c:pt>
                <c:pt idx="3204">
                  <c:v>0</c:v>
                </c:pt>
                <c:pt idx="3205">
                  <c:v>0</c:v>
                </c:pt>
                <c:pt idx="3206">
                  <c:v>0</c:v>
                </c:pt>
                <c:pt idx="3207">
                  <c:v>0</c:v>
                </c:pt>
                <c:pt idx="3208">
                  <c:v>0</c:v>
                </c:pt>
                <c:pt idx="3209">
                  <c:v>0</c:v>
                </c:pt>
                <c:pt idx="3210">
                  <c:v>0</c:v>
                </c:pt>
                <c:pt idx="3211">
                  <c:v>0</c:v>
                </c:pt>
                <c:pt idx="3212">
                  <c:v>0</c:v>
                </c:pt>
                <c:pt idx="3213">
                  <c:v>0</c:v>
                </c:pt>
                <c:pt idx="3214">
                  <c:v>0</c:v>
                </c:pt>
                <c:pt idx="3215">
                  <c:v>0</c:v>
                </c:pt>
                <c:pt idx="3216">
                  <c:v>0</c:v>
                </c:pt>
                <c:pt idx="3217">
                  <c:v>0</c:v>
                </c:pt>
                <c:pt idx="3218">
                  <c:v>0</c:v>
                </c:pt>
                <c:pt idx="3219">
                  <c:v>0</c:v>
                </c:pt>
                <c:pt idx="3220">
                  <c:v>0</c:v>
                </c:pt>
                <c:pt idx="3221">
                  <c:v>0</c:v>
                </c:pt>
                <c:pt idx="3222">
                  <c:v>0</c:v>
                </c:pt>
                <c:pt idx="3223">
                  <c:v>0</c:v>
                </c:pt>
                <c:pt idx="3224">
                  <c:v>0</c:v>
                </c:pt>
                <c:pt idx="3225">
                  <c:v>0</c:v>
                </c:pt>
                <c:pt idx="3226">
                  <c:v>0</c:v>
                </c:pt>
                <c:pt idx="3227">
                  <c:v>0</c:v>
                </c:pt>
                <c:pt idx="3228">
                  <c:v>0</c:v>
                </c:pt>
                <c:pt idx="3229">
                  <c:v>0</c:v>
                </c:pt>
                <c:pt idx="3230">
                  <c:v>0</c:v>
                </c:pt>
                <c:pt idx="3231">
                  <c:v>0</c:v>
                </c:pt>
                <c:pt idx="3232">
                  <c:v>0</c:v>
                </c:pt>
                <c:pt idx="3233">
                  <c:v>0</c:v>
                </c:pt>
                <c:pt idx="3234">
                  <c:v>0</c:v>
                </c:pt>
                <c:pt idx="3235">
                  <c:v>0</c:v>
                </c:pt>
                <c:pt idx="3236">
                  <c:v>0</c:v>
                </c:pt>
                <c:pt idx="3237">
                  <c:v>0</c:v>
                </c:pt>
                <c:pt idx="3238">
                  <c:v>0</c:v>
                </c:pt>
                <c:pt idx="3239">
                  <c:v>0</c:v>
                </c:pt>
                <c:pt idx="3240">
                  <c:v>0</c:v>
                </c:pt>
                <c:pt idx="3241">
                  <c:v>0</c:v>
                </c:pt>
                <c:pt idx="3242">
                  <c:v>0</c:v>
                </c:pt>
                <c:pt idx="3243">
                  <c:v>0</c:v>
                </c:pt>
                <c:pt idx="3244">
                  <c:v>0</c:v>
                </c:pt>
                <c:pt idx="3245">
                  <c:v>0</c:v>
                </c:pt>
                <c:pt idx="3246">
                  <c:v>0</c:v>
                </c:pt>
                <c:pt idx="3247">
                  <c:v>0</c:v>
                </c:pt>
                <c:pt idx="3248">
                  <c:v>0</c:v>
                </c:pt>
                <c:pt idx="3249">
                  <c:v>0</c:v>
                </c:pt>
                <c:pt idx="3250">
                  <c:v>0</c:v>
                </c:pt>
                <c:pt idx="3251">
                  <c:v>0</c:v>
                </c:pt>
                <c:pt idx="3252">
                  <c:v>0</c:v>
                </c:pt>
                <c:pt idx="3253">
                  <c:v>0</c:v>
                </c:pt>
                <c:pt idx="3254">
                  <c:v>0</c:v>
                </c:pt>
                <c:pt idx="3255">
                  <c:v>0</c:v>
                </c:pt>
                <c:pt idx="3256">
                  <c:v>0</c:v>
                </c:pt>
                <c:pt idx="3257">
                  <c:v>0</c:v>
                </c:pt>
                <c:pt idx="3258">
                  <c:v>0</c:v>
                </c:pt>
                <c:pt idx="3259">
                  <c:v>0</c:v>
                </c:pt>
                <c:pt idx="3260">
                  <c:v>0</c:v>
                </c:pt>
                <c:pt idx="3261">
                  <c:v>0</c:v>
                </c:pt>
                <c:pt idx="3262">
                  <c:v>0</c:v>
                </c:pt>
                <c:pt idx="3263">
                  <c:v>0</c:v>
                </c:pt>
                <c:pt idx="3264">
                  <c:v>0</c:v>
                </c:pt>
                <c:pt idx="3265">
                  <c:v>0</c:v>
                </c:pt>
                <c:pt idx="3266">
                  <c:v>0</c:v>
                </c:pt>
                <c:pt idx="3267">
                  <c:v>0</c:v>
                </c:pt>
                <c:pt idx="3268">
                  <c:v>0</c:v>
                </c:pt>
                <c:pt idx="3269">
                  <c:v>0</c:v>
                </c:pt>
                <c:pt idx="3270">
                  <c:v>0</c:v>
                </c:pt>
                <c:pt idx="3271">
                  <c:v>0</c:v>
                </c:pt>
                <c:pt idx="3272">
                  <c:v>0</c:v>
                </c:pt>
                <c:pt idx="3273">
                  <c:v>0</c:v>
                </c:pt>
                <c:pt idx="3274">
                  <c:v>0</c:v>
                </c:pt>
                <c:pt idx="3275">
                  <c:v>0</c:v>
                </c:pt>
                <c:pt idx="3276">
                  <c:v>0</c:v>
                </c:pt>
                <c:pt idx="3277">
                  <c:v>0</c:v>
                </c:pt>
                <c:pt idx="3278">
                  <c:v>0</c:v>
                </c:pt>
                <c:pt idx="3279">
                  <c:v>0</c:v>
                </c:pt>
                <c:pt idx="3280">
                  <c:v>0</c:v>
                </c:pt>
                <c:pt idx="3281">
                  <c:v>0</c:v>
                </c:pt>
                <c:pt idx="3282">
                  <c:v>0</c:v>
                </c:pt>
                <c:pt idx="3283">
                  <c:v>0</c:v>
                </c:pt>
                <c:pt idx="3284">
                  <c:v>0</c:v>
                </c:pt>
                <c:pt idx="3285">
                  <c:v>0</c:v>
                </c:pt>
                <c:pt idx="3286">
                  <c:v>0</c:v>
                </c:pt>
                <c:pt idx="3287">
                  <c:v>0</c:v>
                </c:pt>
                <c:pt idx="3288">
                  <c:v>0</c:v>
                </c:pt>
                <c:pt idx="3289">
                  <c:v>0</c:v>
                </c:pt>
                <c:pt idx="3290">
                  <c:v>0</c:v>
                </c:pt>
                <c:pt idx="3291">
                  <c:v>0</c:v>
                </c:pt>
                <c:pt idx="3292">
                  <c:v>0</c:v>
                </c:pt>
                <c:pt idx="3293">
                  <c:v>0</c:v>
                </c:pt>
                <c:pt idx="3294">
                  <c:v>0</c:v>
                </c:pt>
                <c:pt idx="3295">
                  <c:v>0</c:v>
                </c:pt>
                <c:pt idx="3296">
                  <c:v>0</c:v>
                </c:pt>
                <c:pt idx="3297">
                  <c:v>0</c:v>
                </c:pt>
                <c:pt idx="3298">
                  <c:v>0</c:v>
                </c:pt>
                <c:pt idx="3299">
                  <c:v>0</c:v>
                </c:pt>
                <c:pt idx="3300">
                  <c:v>0</c:v>
                </c:pt>
                <c:pt idx="3301">
                  <c:v>0</c:v>
                </c:pt>
                <c:pt idx="3302">
                  <c:v>0</c:v>
                </c:pt>
                <c:pt idx="3303">
                  <c:v>0</c:v>
                </c:pt>
                <c:pt idx="3304">
                  <c:v>0</c:v>
                </c:pt>
                <c:pt idx="3305">
                  <c:v>0</c:v>
                </c:pt>
                <c:pt idx="3306">
                  <c:v>0</c:v>
                </c:pt>
                <c:pt idx="3307">
                  <c:v>0</c:v>
                </c:pt>
                <c:pt idx="3308">
                  <c:v>0</c:v>
                </c:pt>
                <c:pt idx="3309">
                  <c:v>0</c:v>
                </c:pt>
                <c:pt idx="3310">
                  <c:v>0</c:v>
                </c:pt>
                <c:pt idx="3311">
                  <c:v>0</c:v>
                </c:pt>
                <c:pt idx="3312">
                  <c:v>0</c:v>
                </c:pt>
                <c:pt idx="3313">
                  <c:v>0</c:v>
                </c:pt>
                <c:pt idx="3314">
                  <c:v>0</c:v>
                </c:pt>
                <c:pt idx="3315">
                  <c:v>0</c:v>
                </c:pt>
                <c:pt idx="3316">
                  <c:v>0</c:v>
                </c:pt>
                <c:pt idx="3317">
                  <c:v>0</c:v>
                </c:pt>
                <c:pt idx="3318">
                  <c:v>0</c:v>
                </c:pt>
                <c:pt idx="3319">
                  <c:v>0</c:v>
                </c:pt>
                <c:pt idx="3320">
                  <c:v>0</c:v>
                </c:pt>
                <c:pt idx="3321">
                  <c:v>0</c:v>
                </c:pt>
                <c:pt idx="3322">
                  <c:v>0</c:v>
                </c:pt>
                <c:pt idx="3323">
                  <c:v>0</c:v>
                </c:pt>
                <c:pt idx="3324">
                  <c:v>0</c:v>
                </c:pt>
                <c:pt idx="3325">
                  <c:v>0</c:v>
                </c:pt>
                <c:pt idx="3326">
                  <c:v>0</c:v>
                </c:pt>
                <c:pt idx="3327">
                  <c:v>0</c:v>
                </c:pt>
                <c:pt idx="3328">
                  <c:v>0</c:v>
                </c:pt>
                <c:pt idx="3329">
                  <c:v>0</c:v>
                </c:pt>
                <c:pt idx="3330">
                  <c:v>0</c:v>
                </c:pt>
                <c:pt idx="3331">
                  <c:v>0</c:v>
                </c:pt>
                <c:pt idx="3332">
                  <c:v>0</c:v>
                </c:pt>
                <c:pt idx="3333">
                  <c:v>0</c:v>
                </c:pt>
                <c:pt idx="3334">
                  <c:v>0</c:v>
                </c:pt>
                <c:pt idx="3335">
                  <c:v>0</c:v>
                </c:pt>
                <c:pt idx="3336">
                  <c:v>0</c:v>
                </c:pt>
                <c:pt idx="3337">
                  <c:v>0</c:v>
                </c:pt>
                <c:pt idx="3338">
                  <c:v>0</c:v>
                </c:pt>
                <c:pt idx="3339">
                  <c:v>0</c:v>
                </c:pt>
                <c:pt idx="3340">
                  <c:v>0</c:v>
                </c:pt>
                <c:pt idx="3341">
                  <c:v>0</c:v>
                </c:pt>
                <c:pt idx="3342">
                  <c:v>0</c:v>
                </c:pt>
                <c:pt idx="3343">
                  <c:v>0</c:v>
                </c:pt>
                <c:pt idx="3344">
                  <c:v>0</c:v>
                </c:pt>
                <c:pt idx="3345">
                  <c:v>0</c:v>
                </c:pt>
                <c:pt idx="3346">
                  <c:v>0</c:v>
                </c:pt>
                <c:pt idx="3347">
                  <c:v>0</c:v>
                </c:pt>
                <c:pt idx="3348">
                  <c:v>0</c:v>
                </c:pt>
                <c:pt idx="3349">
                  <c:v>0</c:v>
                </c:pt>
                <c:pt idx="3350">
                  <c:v>0</c:v>
                </c:pt>
                <c:pt idx="3351">
                  <c:v>0</c:v>
                </c:pt>
                <c:pt idx="3352">
                  <c:v>0</c:v>
                </c:pt>
                <c:pt idx="3353">
                  <c:v>0</c:v>
                </c:pt>
                <c:pt idx="3354">
                  <c:v>0</c:v>
                </c:pt>
                <c:pt idx="3355">
                  <c:v>0</c:v>
                </c:pt>
                <c:pt idx="3356">
                  <c:v>0</c:v>
                </c:pt>
                <c:pt idx="3357">
                  <c:v>0</c:v>
                </c:pt>
                <c:pt idx="3358">
                  <c:v>0</c:v>
                </c:pt>
                <c:pt idx="3359">
                  <c:v>0</c:v>
                </c:pt>
                <c:pt idx="3360">
                  <c:v>0</c:v>
                </c:pt>
                <c:pt idx="3361">
                  <c:v>0</c:v>
                </c:pt>
                <c:pt idx="3362">
                  <c:v>0</c:v>
                </c:pt>
                <c:pt idx="3363">
                  <c:v>0</c:v>
                </c:pt>
                <c:pt idx="3364">
                  <c:v>0</c:v>
                </c:pt>
                <c:pt idx="3365">
                  <c:v>0</c:v>
                </c:pt>
                <c:pt idx="3366">
                  <c:v>0</c:v>
                </c:pt>
                <c:pt idx="3367">
                  <c:v>0</c:v>
                </c:pt>
                <c:pt idx="3368">
                  <c:v>0</c:v>
                </c:pt>
                <c:pt idx="3369">
                  <c:v>0</c:v>
                </c:pt>
                <c:pt idx="3370">
                  <c:v>0</c:v>
                </c:pt>
                <c:pt idx="3371">
                  <c:v>0</c:v>
                </c:pt>
                <c:pt idx="3372">
                  <c:v>0</c:v>
                </c:pt>
                <c:pt idx="3373">
                  <c:v>0</c:v>
                </c:pt>
                <c:pt idx="3374">
                  <c:v>0</c:v>
                </c:pt>
                <c:pt idx="3375">
                  <c:v>0</c:v>
                </c:pt>
                <c:pt idx="3376">
                  <c:v>0</c:v>
                </c:pt>
                <c:pt idx="3377">
                  <c:v>0</c:v>
                </c:pt>
                <c:pt idx="3378">
                  <c:v>0</c:v>
                </c:pt>
                <c:pt idx="3379">
                  <c:v>0</c:v>
                </c:pt>
                <c:pt idx="3380">
                  <c:v>0</c:v>
                </c:pt>
                <c:pt idx="3381">
                  <c:v>0</c:v>
                </c:pt>
                <c:pt idx="3382">
                  <c:v>0</c:v>
                </c:pt>
                <c:pt idx="3383">
                  <c:v>0</c:v>
                </c:pt>
                <c:pt idx="3384">
                  <c:v>0</c:v>
                </c:pt>
                <c:pt idx="3385">
                  <c:v>0</c:v>
                </c:pt>
                <c:pt idx="3386">
                  <c:v>0</c:v>
                </c:pt>
                <c:pt idx="3387">
                  <c:v>0</c:v>
                </c:pt>
                <c:pt idx="3388">
                  <c:v>0</c:v>
                </c:pt>
                <c:pt idx="3389">
                  <c:v>0</c:v>
                </c:pt>
                <c:pt idx="3390">
                  <c:v>0</c:v>
                </c:pt>
                <c:pt idx="3391">
                  <c:v>0</c:v>
                </c:pt>
                <c:pt idx="3392">
                  <c:v>0</c:v>
                </c:pt>
                <c:pt idx="3393">
                  <c:v>0</c:v>
                </c:pt>
                <c:pt idx="3394">
                  <c:v>0</c:v>
                </c:pt>
                <c:pt idx="3395">
                  <c:v>0</c:v>
                </c:pt>
                <c:pt idx="3396">
                  <c:v>0</c:v>
                </c:pt>
                <c:pt idx="3397">
                  <c:v>0</c:v>
                </c:pt>
                <c:pt idx="3398">
                  <c:v>0</c:v>
                </c:pt>
                <c:pt idx="3399">
                  <c:v>0</c:v>
                </c:pt>
                <c:pt idx="3400">
                  <c:v>0</c:v>
                </c:pt>
                <c:pt idx="3401">
                  <c:v>0</c:v>
                </c:pt>
                <c:pt idx="3402">
                  <c:v>0</c:v>
                </c:pt>
                <c:pt idx="3403">
                  <c:v>0</c:v>
                </c:pt>
                <c:pt idx="3404">
                  <c:v>0</c:v>
                </c:pt>
                <c:pt idx="3405">
                  <c:v>0</c:v>
                </c:pt>
                <c:pt idx="3406">
                  <c:v>0</c:v>
                </c:pt>
                <c:pt idx="3407">
                  <c:v>0</c:v>
                </c:pt>
                <c:pt idx="3408">
                  <c:v>0</c:v>
                </c:pt>
                <c:pt idx="3409">
                  <c:v>0</c:v>
                </c:pt>
                <c:pt idx="3410">
                  <c:v>0</c:v>
                </c:pt>
                <c:pt idx="3411">
                  <c:v>0</c:v>
                </c:pt>
                <c:pt idx="3412">
                  <c:v>0</c:v>
                </c:pt>
                <c:pt idx="3413">
                  <c:v>0</c:v>
                </c:pt>
                <c:pt idx="3414">
                  <c:v>0</c:v>
                </c:pt>
                <c:pt idx="3415">
                  <c:v>0</c:v>
                </c:pt>
                <c:pt idx="3416">
                  <c:v>0</c:v>
                </c:pt>
                <c:pt idx="3417">
                  <c:v>0</c:v>
                </c:pt>
                <c:pt idx="3418">
                  <c:v>0</c:v>
                </c:pt>
                <c:pt idx="3419">
                  <c:v>0</c:v>
                </c:pt>
                <c:pt idx="3420">
                  <c:v>0</c:v>
                </c:pt>
                <c:pt idx="3421">
                  <c:v>0</c:v>
                </c:pt>
                <c:pt idx="3422">
                  <c:v>0</c:v>
                </c:pt>
                <c:pt idx="3423">
                  <c:v>0</c:v>
                </c:pt>
                <c:pt idx="3424">
                  <c:v>0</c:v>
                </c:pt>
                <c:pt idx="3425">
                  <c:v>0</c:v>
                </c:pt>
                <c:pt idx="3426">
                  <c:v>0</c:v>
                </c:pt>
                <c:pt idx="3427">
                  <c:v>0</c:v>
                </c:pt>
                <c:pt idx="3428">
                  <c:v>0</c:v>
                </c:pt>
                <c:pt idx="3429">
                  <c:v>0</c:v>
                </c:pt>
                <c:pt idx="3430">
                  <c:v>0</c:v>
                </c:pt>
                <c:pt idx="3431">
                  <c:v>0</c:v>
                </c:pt>
                <c:pt idx="3432">
                  <c:v>0</c:v>
                </c:pt>
                <c:pt idx="3433">
                  <c:v>0</c:v>
                </c:pt>
                <c:pt idx="3434">
                  <c:v>0</c:v>
                </c:pt>
                <c:pt idx="3435">
                  <c:v>0</c:v>
                </c:pt>
                <c:pt idx="3436">
                  <c:v>0</c:v>
                </c:pt>
                <c:pt idx="3437">
                  <c:v>0</c:v>
                </c:pt>
                <c:pt idx="3438">
                  <c:v>0</c:v>
                </c:pt>
                <c:pt idx="3439">
                  <c:v>0</c:v>
                </c:pt>
                <c:pt idx="3440">
                  <c:v>0</c:v>
                </c:pt>
                <c:pt idx="3441">
                  <c:v>0</c:v>
                </c:pt>
                <c:pt idx="3442">
                  <c:v>0</c:v>
                </c:pt>
                <c:pt idx="3443">
                  <c:v>0</c:v>
                </c:pt>
                <c:pt idx="3444">
                  <c:v>0</c:v>
                </c:pt>
                <c:pt idx="3445">
                  <c:v>0</c:v>
                </c:pt>
                <c:pt idx="3446">
                  <c:v>0</c:v>
                </c:pt>
                <c:pt idx="3447">
                  <c:v>0</c:v>
                </c:pt>
                <c:pt idx="3448">
                  <c:v>0</c:v>
                </c:pt>
                <c:pt idx="3449">
                  <c:v>0</c:v>
                </c:pt>
                <c:pt idx="3450">
                  <c:v>0</c:v>
                </c:pt>
                <c:pt idx="3451">
                  <c:v>0</c:v>
                </c:pt>
                <c:pt idx="3452">
                  <c:v>0</c:v>
                </c:pt>
                <c:pt idx="3453">
                  <c:v>0</c:v>
                </c:pt>
                <c:pt idx="3454">
                  <c:v>0</c:v>
                </c:pt>
                <c:pt idx="3455">
                  <c:v>0</c:v>
                </c:pt>
                <c:pt idx="3456">
                  <c:v>0</c:v>
                </c:pt>
                <c:pt idx="3457">
                  <c:v>0</c:v>
                </c:pt>
                <c:pt idx="3458">
                  <c:v>0</c:v>
                </c:pt>
                <c:pt idx="3459">
                  <c:v>0</c:v>
                </c:pt>
                <c:pt idx="3460">
                  <c:v>0</c:v>
                </c:pt>
                <c:pt idx="3461">
                  <c:v>0</c:v>
                </c:pt>
                <c:pt idx="3462">
                  <c:v>0</c:v>
                </c:pt>
                <c:pt idx="3463">
                  <c:v>0</c:v>
                </c:pt>
                <c:pt idx="3464">
                  <c:v>0</c:v>
                </c:pt>
                <c:pt idx="3465">
                  <c:v>0</c:v>
                </c:pt>
                <c:pt idx="3466">
                  <c:v>0</c:v>
                </c:pt>
                <c:pt idx="3467">
                  <c:v>0</c:v>
                </c:pt>
                <c:pt idx="3468">
                  <c:v>0</c:v>
                </c:pt>
                <c:pt idx="3469">
                  <c:v>0</c:v>
                </c:pt>
                <c:pt idx="3470">
                  <c:v>0</c:v>
                </c:pt>
                <c:pt idx="3471">
                  <c:v>0</c:v>
                </c:pt>
                <c:pt idx="3472">
                  <c:v>0</c:v>
                </c:pt>
                <c:pt idx="3473">
                  <c:v>0</c:v>
                </c:pt>
                <c:pt idx="3474">
                  <c:v>0</c:v>
                </c:pt>
                <c:pt idx="3475">
                  <c:v>0</c:v>
                </c:pt>
                <c:pt idx="3476">
                  <c:v>0</c:v>
                </c:pt>
                <c:pt idx="3477">
                  <c:v>0</c:v>
                </c:pt>
                <c:pt idx="3478">
                  <c:v>0</c:v>
                </c:pt>
                <c:pt idx="3479">
                  <c:v>0</c:v>
                </c:pt>
                <c:pt idx="3480">
                  <c:v>0</c:v>
                </c:pt>
                <c:pt idx="3481">
                  <c:v>0</c:v>
                </c:pt>
                <c:pt idx="3482">
                  <c:v>0</c:v>
                </c:pt>
                <c:pt idx="3483">
                  <c:v>0</c:v>
                </c:pt>
                <c:pt idx="3484">
                  <c:v>0</c:v>
                </c:pt>
                <c:pt idx="3485">
                  <c:v>0</c:v>
                </c:pt>
                <c:pt idx="3486">
                  <c:v>0</c:v>
                </c:pt>
                <c:pt idx="3487">
                  <c:v>0</c:v>
                </c:pt>
                <c:pt idx="3488">
                  <c:v>0</c:v>
                </c:pt>
                <c:pt idx="3489">
                  <c:v>0</c:v>
                </c:pt>
                <c:pt idx="3490">
                  <c:v>0</c:v>
                </c:pt>
                <c:pt idx="3491">
                  <c:v>0</c:v>
                </c:pt>
                <c:pt idx="3492">
                  <c:v>0</c:v>
                </c:pt>
                <c:pt idx="3493">
                  <c:v>0</c:v>
                </c:pt>
                <c:pt idx="3494">
                  <c:v>0</c:v>
                </c:pt>
                <c:pt idx="3495">
                  <c:v>0</c:v>
                </c:pt>
                <c:pt idx="3496">
                  <c:v>0</c:v>
                </c:pt>
                <c:pt idx="3497">
                  <c:v>0</c:v>
                </c:pt>
                <c:pt idx="3498">
                  <c:v>0</c:v>
                </c:pt>
                <c:pt idx="3499">
                  <c:v>0</c:v>
                </c:pt>
                <c:pt idx="3500">
                  <c:v>0</c:v>
                </c:pt>
                <c:pt idx="3501">
                  <c:v>0</c:v>
                </c:pt>
                <c:pt idx="3502">
                  <c:v>0</c:v>
                </c:pt>
                <c:pt idx="3503">
                  <c:v>0</c:v>
                </c:pt>
                <c:pt idx="3504">
                  <c:v>0</c:v>
                </c:pt>
                <c:pt idx="3505">
                  <c:v>0</c:v>
                </c:pt>
                <c:pt idx="3506">
                  <c:v>0</c:v>
                </c:pt>
                <c:pt idx="3507">
                  <c:v>0</c:v>
                </c:pt>
                <c:pt idx="3508">
                  <c:v>0</c:v>
                </c:pt>
                <c:pt idx="3509">
                  <c:v>0</c:v>
                </c:pt>
                <c:pt idx="3510">
                  <c:v>0</c:v>
                </c:pt>
                <c:pt idx="3511">
                  <c:v>0</c:v>
                </c:pt>
                <c:pt idx="3512">
                  <c:v>0</c:v>
                </c:pt>
                <c:pt idx="3513">
                  <c:v>0</c:v>
                </c:pt>
                <c:pt idx="3514">
                  <c:v>0</c:v>
                </c:pt>
                <c:pt idx="3515">
                  <c:v>0</c:v>
                </c:pt>
                <c:pt idx="3516">
                  <c:v>0</c:v>
                </c:pt>
                <c:pt idx="3517">
                  <c:v>0</c:v>
                </c:pt>
                <c:pt idx="3518">
                  <c:v>0</c:v>
                </c:pt>
                <c:pt idx="3519">
                  <c:v>0</c:v>
                </c:pt>
                <c:pt idx="3520">
                  <c:v>0</c:v>
                </c:pt>
                <c:pt idx="3521">
                  <c:v>0</c:v>
                </c:pt>
                <c:pt idx="3522">
                  <c:v>0</c:v>
                </c:pt>
                <c:pt idx="3523">
                  <c:v>0</c:v>
                </c:pt>
                <c:pt idx="3524">
                  <c:v>0</c:v>
                </c:pt>
                <c:pt idx="3525">
                  <c:v>0</c:v>
                </c:pt>
                <c:pt idx="3526">
                  <c:v>0</c:v>
                </c:pt>
                <c:pt idx="3527">
                  <c:v>0</c:v>
                </c:pt>
                <c:pt idx="3528">
                  <c:v>0</c:v>
                </c:pt>
                <c:pt idx="3529">
                  <c:v>0</c:v>
                </c:pt>
                <c:pt idx="3530">
                  <c:v>0</c:v>
                </c:pt>
                <c:pt idx="3531">
                  <c:v>0</c:v>
                </c:pt>
                <c:pt idx="3532">
                  <c:v>0</c:v>
                </c:pt>
                <c:pt idx="3533">
                  <c:v>0</c:v>
                </c:pt>
                <c:pt idx="3534">
                  <c:v>0</c:v>
                </c:pt>
                <c:pt idx="3535">
                  <c:v>0</c:v>
                </c:pt>
                <c:pt idx="3536">
                  <c:v>0</c:v>
                </c:pt>
                <c:pt idx="3537">
                  <c:v>0</c:v>
                </c:pt>
                <c:pt idx="3538">
                  <c:v>0</c:v>
                </c:pt>
                <c:pt idx="3539">
                  <c:v>0</c:v>
                </c:pt>
                <c:pt idx="3540">
                  <c:v>0</c:v>
                </c:pt>
                <c:pt idx="3541">
                  <c:v>0</c:v>
                </c:pt>
                <c:pt idx="3542">
                  <c:v>0</c:v>
                </c:pt>
                <c:pt idx="3543">
                  <c:v>0</c:v>
                </c:pt>
                <c:pt idx="3544">
                  <c:v>0</c:v>
                </c:pt>
                <c:pt idx="3545">
                  <c:v>0</c:v>
                </c:pt>
                <c:pt idx="3546">
                  <c:v>0</c:v>
                </c:pt>
                <c:pt idx="3547">
                  <c:v>0</c:v>
                </c:pt>
                <c:pt idx="3548">
                  <c:v>0</c:v>
                </c:pt>
                <c:pt idx="3549">
                  <c:v>0</c:v>
                </c:pt>
                <c:pt idx="3550">
                  <c:v>0</c:v>
                </c:pt>
                <c:pt idx="3551">
                  <c:v>0</c:v>
                </c:pt>
                <c:pt idx="3552">
                  <c:v>0</c:v>
                </c:pt>
                <c:pt idx="3553">
                  <c:v>0</c:v>
                </c:pt>
                <c:pt idx="3554">
                  <c:v>0</c:v>
                </c:pt>
                <c:pt idx="3555">
                  <c:v>0</c:v>
                </c:pt>
                <c:pt idx="3556">
                  <c:v>0</c:v>
                </c:pt>
                <c:pt idx="3557">
                  <c:v>0</c:v>
                </c:pt>
                <c:pt idx="3558">
                  <c:v>0</c:v>
                </c:pt>
                <c:pt idx="3559">
                  <c:v>0</c:v>
                </c:pt>
                <c:pt idx="3560">
                  <c:v>0</c:v>
                </c:pt>
                <c:pt idx="3561">
                  <c:v>0</c:v>
                </c:pt>
                <c:pt idx="3562">
                  <c:v>0</c:v>
                </c:pt>
                <c:pt idx="3563">
                  <c:v>0</c:v>
                </c:pt>
                <c:pt idx="3564">
                  <c:v>0</c:v>
                </c:pt>
                <c:pt idx="3565">
                  <c:v>0</c:v>
                </c:pt>
                <c:pt idx="3566">
                  <c:v>0</c:v>
                </c:pt>
                <c:pt idx="3567">
                  <c:v>0</c:v>
                </c:pt>
                <c:pt idx="3568">
                  <c:v>0</c:v>
                </c:pt>
                <c:pt idx="3569">
                  <c:v>0</c:v>
                </c:pt>
                <c:pt idx="3570">
                  <c:v>0</c:v>
                </c:pt>
                <c:pt idx="3571">
                  <c:v>0</c:v>
                </c:pt>
                <c:pt idx="3572">
                  <c:v>0</c:v>
                </c:pt>
                <c:pt idx="3573">
                  <c:v>0</c:v>
                </c:pt>
                <c:pt idx="3574">
                  <c:v>0</c:v>
                </c:pt>
                <c:pt idx="3575">
                  <c:v>0</c:v>
                </c:pt>
                <c:pt idx="3576">
                  <c:v>0</c:v>
                </c:pt>
                <c:pt idx="3577">
                  <c:v>0</c:v>
                </c:pt>
                <c:pt idx="3578">
                  <c:v>0</c:v>
                </c:pt>
                <c:pt idx="3579">
                  <c:v>0</c:v>
                </c:pt>
                <c:pt idx="3580">
                  <c:v>0</c:v>
                </c:pt>
                <c:pt idx="3581">
                  <c:v>0</c:v>
                </c:pt>
                <c:pt idx="3582">
                  <c:v>0</c:v>
                </c:pt>
                <c:pt idx="3583">
                  <c:v>0</c:v>
                </c:pt>
                <c:pt idx="3584">
                  <c:v>0</c:v>
                </c:pt>
                <c:pt idx="3585">
                  <c:v>0</c:v>
                </c:pt>
                <c:pt idx="3586">
                  <c:v>0</c:v>
                </c:pt>
                <c:pt idx="3587">
                  <c:v>0</c:v>
                </c:pt>
                <c:pt idx="3588">
                  <c:v>0</c:v>
                </c:pt>
                <c:pt idx="3589">
                  <c:v>0</c:v>
                </c:pt>
                <c:pt idx="3590">
                  <c:v>0</c:v>
                </c:pt>
                <c:pt idx="3591">
                  <c:v>0</c:v>
                </c:pt>
                <c:pt idx="3592">
                  <c:v>0</c:v>
                </c:pt>
                <c:pt idx="3593">
                  <c:v>0</c:v>
                </c:pt>
                <c:pt idx="3594">
                  <c:v>0</c:v>
                </c:pt>
                <c:pt idx="3595">
                  <c:v>0</c:v>
                </c:pt>
                <c:pt idx="3596">
                  <c:v>0</c:v>
                </c:pt>
                <c:pt idx="3597">
                  <c:v>0</c:v>
                </c:pt>
                <c:pt idx="3598">
                  <c:v>0</c:v>
                </c:pt>
                <c:pt idx="3599">
                  <c:v>0</c:v>
                </c:pt>
                <c:pt idx="3600">
                  <c:v>0</c:v>
                </c:pt>
                <c:pt idx="3601">
                  <c:v>0</c:v>
                </c:pt>
                <c:pt idx="3602">
                  <c:v>0</c:v>
                </c:pt>
                <c:pt idx="3603">
                  <c:v>0</c:v>
                </c:pt>
                <c:pt idx="3604">
                  <c:v>0</c:v>
                </c:pt>
                <c:pt idx="3605">
                  <c:v>0</c:v>
                </c:pt>
                <c:pt idx="3606">
                  <c:v>0</c:v>
                </c:pt>
                <c:pt idx="3607">
                  <c:v>0</c:v>
                </c:pt>
                <c:pt idx="3608">
                  <c:v>0</c:v>
                </c:pt>
                <c:pt idx="3609">
                  <c:v>0</c:v>
                </c:pt>
                <c:pt idx="3610">
                  <c:v>0</c:v>
                </c:pt>
                <c:pt idx="3611">
                  <c:v>0</c:v>
                </c:pt>
                <c:pt idx="3612">
                  <c:v>0</c:v>
                </c:pt>
                <c:pt idx="3613">
                  <c:v>0</c:v>
                </c:pt>
                <c:pt idx="3614">
                  <c:v>0</c:v>
                </c:pt>
                <c:pt idx="3615">
                  <c:v>0</c:v>
                </c:pt>
                <c:pt idx="3616">
                  <c:v>0</c:v>
                </c:pt>
                <c:pt idx="3617">
                  <c:v>0</c:v>
                </c:pt>
                <c:pt idx="3618">
                  <c:v>0</c:v>
                </c:pt>
                <c:pt idx="3619">
                  <c:v>0</c:v>
                </c:pt>
                <c:pt idx="3620">
                  <c:v>0</c:v>
                </c:pt>
                <c:pt idx="3621">
                  <c:v>0</c:v>
                </c:pt>
                <c:pt idx="3622">
                  <c:v>0</c:v>
                </c:pt>
                <c:pt idx="3623">
                  <c:v>0</c:v>
                </c:pt>
                <c:pt idx="3624">
                  <c:v>0</c:v>
                </c:pt>
                <c:pt idx="3625">
                  <c:v>0</c:v>
                </c:pt>
                <c:pt idx="3626">
                  <c:v>0</c:v>
                </c:pt>
                <c:pt idx="3627">
                  <c:v>0</c:v>
                </c:pt>
                <c:pt idx="3628">
                  <c:v>0</c:v>
                </c:pt>
                <c:pt idx="3629">
                  <c:v>0</c:v>
                </c:pt>
                <c:pt idx="3630">
                  <c:v>0</c:v>
                </c:pt>
                <c:pt idx="3631">
                  <c:v>0</c:v>
                </c:pt>
                <c:pt idx="3632">
                  <c:v>0</c:v>
                </c:pt>
                <c:pt idx="3633">
                  <c:v>0</c:v>
                </c:pt>
                <c:pt idx="3634">
                  <c:v>0</c:v>
                </c:pt>
                <c:pt idx="3635">
                  <c:v>0</c:v>
                </c:pt>
                <c:pt idx="3636">
                  <c:v>0</c:v>
                </c:pt>
                <c:pt idx="3637">
                  <c:v>0</c:v>
                </c:pt>
                <c:pt idx="3638">
                  <c:v>0</c:v>
                </c:pt>
                <c:pt idx="3639">
                  <c:v>0</c:v>
                </c:pt>
                <c:pt idx="3640">
                  <c:v>0</c:v>
                </c:pt>
                <c:pt idx="3641">
                  <c:v>0</c:v>
                </c:pt>
                <c:pt idx="3642">
                  <c:v>0</c:v>
                </c:pt>
                <c:pt idx="3643">
                  <c:v>0</c:v>
                </c:pt>
                <c:pt idx="3644">
                  <c:v>0</c:v>
                </c:pt>
                <c:pt idx="3645">
                  <c:v>0</c:v>
                </c:pt>
                <c:pt idx="3646">
                  <c:v>0</c:v>
                </c:pt>
                <c:pt idx="3647">
                  <c:v>0</c:v>
                </c:pt>
                <c:pt idx="3648">
                  <c:v>0</c:v>
                </c:pt>
                <c:pt idx="3649">
                  <c:v>0</c:v>
                </c:pt>
                <c:pt idx="3650">
                  <c:v>0</c:v>
                </c:pt>
                <c:pt idx="3651">
                  <c:v>0</c:v>
                </c:pt>
                <c:pt idx="3652">
                  <c:v>0</c:v>
                </c:pt>
                <c:pt idx="3653">
                  <c:v>0</c:v>
                </c:pt>
                <c:pt idx="3654">
                  <c:v>0</c:v>
                </c:pt>
                <c:pt idx="3655">
                  <c:v>0</c:v>
                </c:pt>
                <c:pt idx="3656">
                  <c:v>0</c:v>
                </c:pt>
                <c:pt idx="3657">
                  <c:v>0</c:v>
                </c:pt>
                <c:pt idx="3658">
                  <c:v>0</c:v>
                </c:pt>
                <c:pt idx="3659">
                  <c:v>0</c:v>
                </c:pt>
                <c:pt idx="3660">
                  <c:v>0</c:v>
                </c:pt>
                <c:pt idx="3661">
                  <c:v>0</c:v>
                </c:pt>
                <c:pt idx="3662">
                  <c:v>0</c:v>
                </c:pt>
                <c:pt idx="3663">
                  <c:v>0</c:v>
                </c:pt>
                <c:pt idx="3664">
                  <c:v>0</c:v>
                </c:pt>
                <c:pt idx="3665">
                  <c:v>0</c:v>
                </c:pt>
                <c:pt idx="3666">
                  <c:v>0</c:v>
                </c:pt>
                <c:pt idx="3667">
                  <c:v>0</c:v>
                </c:pt>
                <c:pt idx="3668">
                  <c:v>0</c:v>
                </c:pt>
                <c:pt idx="3669">
                  <c:v>0</c:v>
                </c:pt>
                <c:pt idx="3670">
                  <c:v>0</c:v>
                </c:pt>
                <c:pt idx="3671">
                  <c:v>0</c:v>
                </c:pt>
                <c:pt idx="3672">
                  <c:v>0</c:v>
                </c:pt>
                <c:pt idx="3673">
                  <c:v>0</c:v>
                </c:pt>
                <c:pt idx="3674">
                  <c:v>0</c:v>
                </c:pt>
                <c:pt idx="3675">
                  <c:v>0</c:v>
                </c:pt>
                <c:pt idx="3676">
                  <c:v>0</c:v>
                </c:pt>
                <c:pt idx="3677">
                  <c:v>0</c:v>
                </c:pt>
                <c:pt idx="3678">
                  <c:v>0</c:v>
                </c:pt>
                <c:pt idx="3679">
                  <c:v>0</c:v>
                </c:pt>
                <c:pt idx="3680">
                  <c:v>0</c:v>
                </c:pt>
                <c:pt idx="3681">
                  <c:v>0</c:v>
                </c:pt>
                <c:pt idx="3682">
                  <c:v>0</c:v>
                </c:pt>
                <c:pt idx="3683">
                  <c:v>0</c:v>
                </c:pt>
                <c:pt idx="3684">
                  <c:v>0</c:v>
                </c:pt>
                <c:pt idx="3685">
                  <c:v>0</c:v>
                </c:pt>
                <c:pt idx="3686">
                  <c:v>0</c:v>
                </c:pt>
                <c:pt idx="3687">
                  <c:v>0</c:v>
                </c:pt>
                <c:pt idx="3688">
                  <c:v>0</c:v>
                </c:pt>
                <c:pt idx="3689">
                  <c:v>0</c:v>
                </c:pt>
                <c:pt idx="3690">
                  <c:v>0</c:v>
                </c:pt>
                <c:pt idx="3691">
                  <c:v>0</c:v>
                </c:pt>
                <c:pt idx="3692">
                  <c:v>0</c:v>
                </c:pt>
                <c:pt idx="3693">
                  <c:v>0</c:v>
                </c:pt>
                <c:pt idx="3694">
                  <c:v>0</c:v>
                </c:pt>
                <c:pt idx="3695">
                  <c:v>0</c:v>
                </c:pt>
                <c:pt idx="3696">
                  <c:v>0</c:v>
                </c:pt>
                <c:pt idx="3697">
                  <c:v>0</c:v>
                </c:pt>
                <c:pt idx="3698">
                  <c:v>0</c:v>
                </c:pt>
                <c:pt idx="3699">
                  <c:v>0</c:v>
                </c:pt>
                <c:pt idx="3700">
                  <c:v>0</c:v>
                </c:pt>
                <c:pt idx="3701">
                  <c:v>0</c:v>
                </c:pt>
                <c:pt idx="3702">
                  <c:v>0</c:v>
                </c:pt>
                <c:pt idx="3703">
                  <c:v>0</c:v>
                </c:pt>
                <c:pt idx="3704">
                  <c:v>0</c:v>
                </c:pt>
                <c:pt idx="3705">
                  <c:v>0</c:v>
                </c:pt>
                <c:pt idx="3706">
                  <c:v>0</c:v>
                </c:pt>
                <c:pt idx="3707">
                  <c:v>0</c:v>
                </c:pt>
                <c:pt idx="3708">
                  <c:v>0</c:v>
                </c:pt>
                <c:pt idx="3709">
                  <c:v>0</c:v>
                </c:pt>
                <c:pt idx="3710">
                  <c:v>0</c:v>
                </c:pt>
                <c:pt idx="3711">
                  <c:v>0</c:v>
                </c:pt>
                <c:pt idx="3712">
                  <c:v>0</c:v>
                </c:pt>
                <c:pt idx="3713">
                  <c:v>0</c:v>
                </c:pt>
                <c:pt idx="3714">
                  <c:v>0</c:v>
                </c:pt>
                <c:pt idx="3715">
                  <c:v>0</c:v>
                </c:pt>
                <c:pt idx="3716">
                  <c:v>0</c:v>
                </c:pt>
                <c:pt idx="3717">
                  <c:v>0</c:v>
                </c:pt>
                <c:pt idx="3718">
                  <c:v>0</c:v>
                </c:pt>
                <c:pt idx="3719">
                  <c:v>0</c:v>
                </c:pt>
                <c:pt idx="3720">
                  <c:v>0</c:v>
                </c:pt>
                <c:pt idx="3721">
                  <c:v>0</c:v>
                </c:pt>
                <c:pt idx="3722">
                  <c:v>0</c:v>
                </c:pt>
                <c:pt idx="3723">
                  <c:v>0</c:v>
                </c:pt>
                <c:pt idx="3724">
                  <c:v>0</c:v>
                </c:pt>
                <c:pt idx="3725">
                  <c:v>0</c:v>
                </c:pt>
                <c:pt idx="3726">
                  <c:v>0</c:v>
                </c:pt>
                <c:pt idx="3727">
                  <c:v>0</c:v>
                </c:pt>
                <c:pt idx="3728">
                  <c:v>0</c:v>
                </c:pt>
                <c:pt idx="3729">
                  <c:v>0</c:v>
                </c:pt>
                <c:pt idx="3730">
                  <c:v>0</c:v>
                </c:pt>
                <c:pt idx="3731">
                  <c:v>0</c:v>
                </c:pt>
                <c:pt idx="3732">
                  <c:v>0</c:v>
                </c:pt>
                <c:pt idx="3733">
                  <c:v>0</c:v>
                </c:pt>
                <c:pt idx="3734">
                  <c:v>0</c:v>
                </c:pt>
                <c:pt idx="3735">
                  <c:v>0</c:v>
                </c:pt>
                <c:pt idx="3736">
                  <c:v>0</c:v>
                </c:pt>
                <c:pt idx="3737">
                  <c:v>0</c:v>
                </c:pt>
                <c:pt idx="3738">
                  <c:v>0</c:v>
                </c:pt>
                <c:pt idx="3739">
                  <c:v>0</c:v>
                </c:pt>
                <c:pt idx="3740">
                  <c:v>0</c:v>
                </c:pt>
                <c:pt idx="3741">
                  <c:v>0</c:v>
                </c:pt>
                <c:pt idx="3742">
                  <c:v>0</c:v>
                </c:pt>
                <c:pt idx="3743">
                  <c:v>0</c:v>
                </c:pt>
                <c:pt idx="3744">
                  <c:v>0</c:v>
                </c:pt>
                <c:pt idx="3745">
                  <c:v>0</c:v>
                </c:pt>
                <c:pt idx="3746">
                  <c:v>0</c:v>
                </c:pt>
                <c:pt idx="3747">
                  <c:v>0</c:v>
                </c:pt>
                <c:pt idx="3748">
                  <c:v>0</c:v>
                </c:pt>
                <c:pt idx="3749">
                  <c:v>0</c:v>
                </c:pt>
                <c:pt idx="3750">
                  <c:v>0</c:v>
                </c:pt>
                <c:pt idx="3751">
                  <c:v>0</c:v>
                </c:pt>
                <c:pt idx="3752">
                  <c:v>0</c:v>
                </c:pt>
                <c:pt idx="3753">
                  <c:v>0</c:v>
                </c:pt>
                <c:pt idx="3754">
                  <c:v>0</c:v>
                </c:pt>
                <c:pt idx="3755">
                  <c:v>0</c:v>
                </c:pt>
                <c:pt idx="3756">
                  <c:v>0</c:v>
                </c:pt>
                <c:pt idx="3757">
                  <c:v>0</c:v>
                </c:pt>
                <c:pt idx="3758">
                  <c:v>0</c:v>
                </c:pt>
                <c:pt idx="3759">
                  <c:v>0</c:v>
                </c:pt>
                <c:pt idx="3760">
                  <c:v>0</c:v>
                </c:pt>
                <c:pt idx="3761">
                  <c:v>0</c:v>
                </c:pt>
                <c:pt idx="3762">
                  <c:v>0</c:v>
                </c:pt>
                <c:pt idx="3763">
                  <c:v>0</c:v>
                </c:pt>
                <c:pt idx="3764">
                  <c:v>0</c:v>
                </c:pt>
                <c:pt idx="3765">
                  <c:v>0</c:v>
                </c:pt>
                <c:pt idx="3766">
                  <c:v>0</c:v>
                </c:pt>
                <c:pt idx="3767">
                  <c:v>0</c:v>
                </c:pt>
                <c:pt idx="3768">
                  <c:v>0</c:v>
                </c:pt>
                <c:pt idx="3769">
                  <c:v>0</c:v>
                </c:pt>
                <c:pt idx="3770">
                  <c:v>0</c:v>
                </c:pt>
                <c:pt idx="3771">
                  <c:v>0</c:v>
                </c:pt>
                <c:pt idx="3772">
                  <c:v>0</c:v>
                </c:pt>
                <c:pt idx="3773">
                  <c:v>0</c:v>
                </c:pt>
                <c:pt idx="3774">
                  <c:v>0</c:v>
                </c:pt>
                <c:pt idx="3775">
                  <c:v>0</c:v>
                </c:pt>
                <c:pt idx="3776">
                  <c:v>0</c:v>
                </c:pt>
                <c:pt idx="3777">
                  <c:v>0</c:v>
                </c:pt>
                <c:pt idx="3778">
                  <c:v>0</c:v>
                </c:pt>
                <c:pt idx="3779">
                  <c:v>0</c:v>
                </c:pt>
                <c:pt idx="3780">
                  <c:v>0</c:v>
                </c:pt>
                <c:pt idx="3781">
                  <c:v>0</c:v>
                </c:pt>
                <c:pt idx="3782">
                  <c:v>0</c:v>
                </c:pt>
                <c:pt idx="3783">
                  <c:v>0</c:v>
                </c:pt>
                <c:pt idx="3784">
                  <c:v>0</c:v>
                </c:pt>
                <c:pt idx="3785">
                  <c:v>0</c:v>
                </c:pt>
                <c:pt idx="3786">
                  <c:v>0</c:v>
                </c:pt>
                <c:pt idx="3787">
                  <c:v>0</c:v>
                </c:pt>
                <c:pt idx="3788">
                  <c:v>0</c:v>
                </c:pt>
                <c:pt idx="3789">
                  <c:v>0</c:v>
                </c:pt>
                <c:pt idx="3790">
                  <c:v>0</c:v>
                </c:pt>
                <c:pt idx="3791">
                  <c:v>0</c:v>
                </c:pt>
                <c:pt idx="3792">
                  <c:v>0</c:v>
                </c:pt>
                <c:pt idx="3793">
                  <c:v>0</c:v>
                </c:pt>
                <c:pt idx="3794">
                  <c:v>0</c:v>
                </c:pt>
                <c:pt idx="3795">
                  <c:v>0</c:v>
                </c:pt>
                <c:pt idx="3796">
                  <c:v>0</c:v>
                </c:pt>
                <c:pt idx="3797">
                  <c:v>0</c:v>
                </c:pt>
                <c:pt idx="3798">
                  <c:v>0</c:v>
                </c:pt>
                <c:pt idx="3799">
                  <c:v>0</c:v>
                </c:pt>
                <c:pt idx="3800">
                  <c:v>0</c:v>
                </c:pt>
                <c:pt idx="3801">
                  <c:v>0</c:v>
                </c:pt>
                <c:pt idx="3802">
                  <c:v>0</c:v>
                </c:pt>
                <c:pt idx="3803">
                  <c:v>0</c:v>
                </c:pt>
                <c:pt idx="3804">
                  <c:v>0</c:v>
                </c:pt>
                <c:pt idx="3805">
                  <c:v>0</c:v>
                </c:pt>
                <c:pt idx="3806">
                  <c:v>0</c:v>
                </c:pt>
                <c:pt idx="3807">
                  <c:v>0</c:v>
                </c:pt>
                <c:pt idx="3808">
                  <c:v>0</c:v>
                </c:pt>
                <c:pt idx="3809">
                  <c:v>0</c:v>
                </c:pt>
                <c:pt idx="3810">
                  <c:v>0</c:v>
                </c:pt>
                <c:pt idx="3811">
                  <c:v>0</c:v>
                </c:pt>
                <c:pt idx="3812">
                  <c:v>0</c:v>
                </c:pt>
                <c:pt idx="3813">
                  <c:v>0</c:v>
                </c:pt>
                <c:pt idx="3814">
                  <c:v>0</c:v>
                </c:pt>
                <c:pt idx="3815">
                  <c:v>0</c:v>
                </c:pt>
                <c:pt idx="3816">
                  <c:v>0</c:v>
                </c:pt>
                <c:pt idx="3817">
                  <c:v>0</c:v>
                </c:pt>
                <c:pt idx="3818">
                  <c:v>0</c:v>
                </c:pt>
                <c:pt idx="3819">
                  <c:v>0</c:v>
                </c:pt>
                <c:pt idx="3820">
                  <c:v>0</c:v>
                </c:pt>
                <c:pt idx="3821">
                  <c:v>0</c:v>
                </c:pt>
                <c:pt idx="3822">
                  <c:v>0</c:v>
                </c:pt>
                <c:pt idx="3823">
                  <c:v>0</c:v>
                </c:pt>
                <c:pt idx="3824">
                  <c:v>0</c:v>
                </c:pt>
                <c:pt idx="3825">
                  <c:v>0</c:v>
                </c:pt>
                <c:pt idx="3826">
                  <c:v>0</c:v>
                </c:pt>
                <c:pt idx="3827">
                  <c:v>0</c:v>
                </c:pt>
                <c:pt idx="3828">
                  <c:v>0</c:v>
                </c:pt>
                <c:pt idx="3829">
                  <c:v>0</c:v>
                </c:pt>
                <c:pt idx="3830">
                  <c:v>0</c:v>
                </c:pt>
                <c:pt idx="3831">
                  <c:v>0</c:v>
                </c:pt>
                <c:pt idx="3832">
                  <c:v>0</c:v>
                </c:pt>
                <c:pt idx="3833">
                  <c:v>0</c:v>
                </c:pt>
                <c:pt idx="3834">
                  <c:v>0</c:v>
                </c:pt>
                <c:pt idx="3835">
                  <c:v>0</c:v>
                </c:pt>
                <c:pt idx="3836">
                  <c:v>0</c:v>
                </c:pt>
                <c:pt idx="3837">
                  <c:v>0</c:v>
                </c:pt>
                <c:pt idx="3838">
                  <c:v>0</c:v>
                </c:pt>
                <c:pt idx="3839">
                  <c:v>0</c:v>
                </c:pt>
                <c:pt idx="3840">
                  <c:v>0</c:v>
                </c:pt>
                <c:pt idx="3841">
                  <c:v>0</c:v>
                </c:pt>
                <c:pt idx="3842">
                  <c:v>0</c:v>
                </c:pt>
                <c:pt idx="3843">
                  <c:v>0</c:v>
                </c:pt>
                <c:pt idx="3844">
                  <c:v>0</c:v>
                </c:pt>
                <c:pt idx="3845">
                  <c:v>0</c:v>
                </c:pt>
                <c:pt idx="3846">
                  <c:v>0</c:v>
                </c:pt>
                <c:pt idx="3847">
                  <c:v>0</c:v>
                </c:pt>
                <c:pt idx="3848">
                  <c:v>0</c:v>
                </c:pt>
                <c:pt idx="3849">
                  <c:v>0</c:v>
                </c:pt>
                <c:pt idx="3850">
                  <c:v>0</c:v>
                </c:pt>
                <c:pt idx="3851">
                  <c:v>0</c:v>
                </c:pt>
                <c:pt idx="3852">
                  <c:v>0</c:v>
                </c:pt>
                <c:pt idx="3853">
                  <c:v>0</c:v>
                </c:pt>
                <c:pt idx="3854">
                  <c:v>0</c:v>
                </c:pt>
                <c:pt idx="3855">
                  <c:v>0</c:v>
                </c:pt>
                <c:pt idx="3856">
                  <c:v>0</c:v>
                </c:pt>
                <c:pt idx="3857">
                  <c:v>0</c:v>
                </c:pt>
                <c:pt idx="3858">
                  <c:v>0</c:v>
                </c:pt>
                <c:pt idx="3859">
                  <c:v>0</c:v>
                </c:pt>
                <c:pt idx="3860">
                  <c:v>0</c:v>
                </c:pt>
                <c:pt idx="3861">
                  <c:v>0</c:v>
                </c:pt>
                <c:pt idx="3862">
                  <c:v>0</c:v>
                </c:pt>
                <c:pt idx="3863">
                  <c:v>0</c:v>
                </c:pt>
                <c:pt idx="3864">
                  <c:v>0</c:v>
                </c:pt>
                <c:pt idx="3865">
                  <c:v>0</c:v>
                </c:pt>
                <c:pt idx="3866">
                  <c:v>0</c:v>
                </c:pt>
                <c:pt idx="3867">
                  <c:v>0</c:v>
                </c:pt>
                <c:pt idx="3868">
                  <c:v>0</c:v>
                </c:pt>
                <c:pt idx="3869">
                  <c:v>0</c:v>
                </c:pt>
                <c:pt idx="3870">
                  <c:v>0</c:v>
                </c:pt>
                <c:pt idx="3871">
                  <c:v>0</c:v>
                </c:pt>
                <c:pt idx="3872">
                  <c:v>0</c:v>
                </c:pt>
                <c:pt idx="3873">
                  <c:v>0</c:v>
                </c:pt>
                <c:pt idx="3874">
                  <c:v>0</c:v>
                </c:pt>
                <c:pt idx="3875">
                  <c:v>0</c:v>
                </c:pt>
                <c:pt idx="3876">
                  <c:v>0</c:v>
                </c:pt>
                <c:pt idx="3877">
                  <c:v>0</c:v>
                </c:pt>
                <c:pt idx="3878">
                  <c:v>0</c:v>
                </c:pt>
                <c:pt idx="3879">
                  <c:v>0</c:v>
                </c:pt>
                <c:pt idx="3880">
                  <c:v>0</c:v>
                </c:pt>
                <c:pt idx="3881">
                  <c:v>0</c:v>
                </c:pt>
                <c:pt idx="3882">
                  <c:v>0</c:v>
                </c:pt>
                <c:pt idx="3883">
                  <c:v>0</c:v>
                </c:pt>
                <c:pt idx="3884">
                  <c:v>0</c:v>
                </c:pt>
                <c:pt idx="3885">
                  <c:v>0</c:v>
                </c:pt>
                <c:pt idx="3886">
                  <c:v>0</c:v>
                </c:pt>
                <c:pt idx="3887">
                  <c:v>0</c:v>
                </c:pt>
                <c:pt idx="3888">
                  <c:v>0</c:v>
                </c:pt>
                <c:pt idx="3889">
                  <c:v>0</c:v>
                </c:pt>
                <c:pt idx="3890">
                  <c:v>0</c:v>
                </c:pt>
                <c:pt idx="3891">
                  <c:v>0</c:v>
                </c:pt>
                <c:pt idx="3892">
                  <c:v>0</c:v>
                </c:pt>
                <c:pt idx="3893">
                  <c:v>0</c:v>
                </c:pt>
                <c:pt idx="3894">
                  <c:v>0</c:v>
                </c:pt>
                <c:pt idx="3895">
                  <c:v>0</c:v>
                </c:pt>
                <c:pt idx="3896">
                  <c:v>0</c:v>
                </c:pt>
                <c:pt idx="3897">
                  <c:v>0</c:v>
                </c:pt>
                <c:pt idx="3898">
                  <c:v>0</c:v>
                </c:pt>
                <c:pt idx="3899">
                  <c:v>0</c:v>
                </c:pt>
                <c:pt idx="3900">
                  <c:v>0</c:v>
                </c:pt>
                <c:pt idx="3901">
                  <c:v>0</c:v>
                </c:pt>
                <c:pt idx="3902">
                  <c:v>0</c:v>
                </c:pt>
                <c:pt idx="3903">
                  <c:v>0</c:v>
                </c:pt>
                <c:pt idx="3904">
                  <c:v>0</c:v>
                </c:pt>
                <c:pt idx="3905">
                  <c:v>0</c:v>
                </c:pt>
                <c:pt idx="3906">
                  <c:v>0</c:v>
                </c:pt>
                <c:pt idx="3907">
                  <c:v>0</c:v>
                </c:pt>
                <c:pt idx="3908">
                  <c:v>0</c:v>
                </c:pt>
                <c:pt idx="3909">
                  <c:v>0</c:v>
                </c:pt>
                <c:pt idx="3910">
                  <c:v>0</c:v>
                </c:pt>
                <c:pt idx="3911">
                  <c:v>0</c:v>
                </c:pt>
                <c:pt idx="3912">
                  <c:v>0</c:v>
                </c:pt>
                <c:pt idx="3913">
                  <c:v>0</c:v>
                </c:pt>
                <c:pt idx="3914">
                  <c:v>0</c:v>
                </c:pt>
                <c:pt idx="3915">
                  <c:v>0</c:v>
                </c:pt>
                <c:pt idx="3916">
                  <c:v>0</c:v>
                </c:pt>
                <c:pt idx="3917">
                  <c:v>0</c:v>
                </c:pt>
                <c:pt idx="3918">
                  <c:v>0</c:v>
                </c:pt>
                <c:pt idx="3919">
                  <c:v>0</c:v>
                </c:pt>
                <c:pt idx="3920">
                  <c:v>0</c:v>
                </c:pt>
                <c:pt idx="3921">
                  <c:v>0</c:v>
                </c:pt>
                <c:pt idx="3922">
                  <c:v>0</c:v>
                </c:pt>
                <c:pt idx="3923">
                  <c:v>0</c:v>
                </c:pt>
                <c:pt idx="3924">
                  <c:v>0</c:v>
                </c:pt>
                <c:pt idx="3925">
                  <c:v>0</c:v>
                </c:pt>
                <c:pt idx="3926">
                  <c:v>0</c:v>
                </c:pt>
                <c:pt idx="3927">
                  <c:v>0</c:v>
                </c:pt>
                <c:pt idx="3928">
                  <c:v>0</c:v>
                </c:pt>
                <c:pt idx="3929">
                  <c:v>0</c:v>
                </c:pt>
                <c:pt idx="3930">
                  <c:v>0</c:v>
                </c:pt>
                <c:pt idx="3931">
                  <c:v>0</c:v>
                </c:pt>
                <c:pt idx="3932">
                  <c:v>0</c:v>
                </c:pt>
                <c:pt idx="3933">
                  <c:v>0</c:v>
                </c:pt>
                <c:pt idx="3934">
                  <c:v>0</c:v>
                </c:pt>
                <c:pt idx="3935">
                  <c:v>0</c:v>
                </c:pt>
                <c:pt idx="3936">
                  <c:v>0</c:v>
                </c:pt>
                <c:pt idx="3937">
                  <c:v>0</c:v>
                </c:pt>
                <c:pt idx="3938">
                  <c:v>0</c:v>
                </c:pt>
                <c:pt idx="3939">
                  <c:v>0</c:v>
                </c:pt>
                <c:pt idx="3940">
                  <c:v>0</c:v>
                </c:pt>
                <c:pt idx="3941">
                  <c:v>0</c:v>
                </c:pt>
                <c:pt idx="3942">
                  <c:v>0</c:v>
                </c:pt>
                <c:pt idx="3943">
                  <c:v>0</c:v>
                </c:pt>
                <c:pt idx="3944">
                  <c:v>0</c:v>
                </c:pt>
                <c:pt idx="3945">
                  <c:v>0</c:v>
                </c:pt>
                <c:pt idx="3946">
                  <c:v>0</c:v>
                </c:pt>
                <c:pt idx="3947">
                  <c:v>0</c:v>
                </c:pt>
                <c:pt idx="3948">
                  <c:v>0</c:v>
                </c:pt>
                <c:pt idx="3949">
                  <c:v>0</c:v>
                </c:pt>
                <c:pt idx="3950">
                  <c:v>0</c:v>
                </c:pt>
                <c:pt idx="3951">
                  <c:v>0</c:v>
                </c:pt>
                <c:pt idx="3952">
                  <c:v>0</c:v>
                </c:pt>
                <c:pt idx="3953">
                  <c:v>0</c:v>
                </c:pt>
                <c:pt idx="3954">
                  <c:v>0</c:v>
                </c:pt>
                <c:pt idx="3955">
                  <c:v>0</c:v>
                </c:pt>
                <c:pt idx="3956">
                  <c:v>0</c:v>
                </c:pt>
                <c:pt idx="3957">
                  <c:v>0</c:v>
                </c:pt>
                <c:pt idx="3958">
                  <c:v>0</c:v>
                </c:pt>
                <c:pt idx="3959">
                  <c:v>0</c:v>
                </c:pt>
                <c:pt idx="3960">
                  <c:v>0</c:v>
                </c:pt>
                <c:pt idx="3961">
                  <c:v>0</c:v>
                </c:pt>
                <c:pt idx="3962">
                  <c:v>0</c:v>
                </c:pt>
                <c:pt idx="3963">
                  <c:v>0</c:v>
                </c:pt>
                <c:pt idx="3964">
                  <c:v>0</c:v>
                </c:pt>
                <c:pt idx="3965">
                  <c:v>0</c:v>
                </c:pt>
                <c:pt idx="3966">
                  <c:v>0</c:v>
                </c:pt>
                <c:pt idx="3967">
                  <c:v>0</c:v>
                </c:pt>
                <c:pt idx="3968">
                  <c:v>0</c:v>
                </c:pt>
                <c:pt idx="3969">
                  <c:v>0</c:v>
                </c:pt>
                <c:pt idx="3970">
                  <c:v>0</c:v>
                </c:pt>
                <c:pt idx="3971">
                  <c:v>0</c:v>
                </c:pt>
                <c:pt idx="3972">
                  <c:v>0</c:v>
                </c:pt>
                <c:pt idx="3973">
                  <c:v>0</c:v>
                </c:pt>
                <c:pt idx="3974">
                  <c:v>0</c:v>
                </c:pt>
                <c:pt idx="3975">
                  <c:v>0</c:v>
                </c:pt>
                <c:pt idx="3976">
                  <c:v>0</c:v>
                </c:pt>
                <c:pt idx="3977">
                  <c:v>0</c:v>
                </c:pt>
                <c:pt idx="3978">
                  <c:v>0</c:v>
                </c:pt>
                <c:pt idx="3979">
                  <c:v>0</c:v>
                </c:pt>
                <c:pt idx="3980">
                  <c:v>0</c:v>
                </c:pt>
                <c:pt idx="3981">
                  <c:v>0</c:v>
                </c:pt>
                <c:pt idx="3982">
                  <c:v>0</c:v>
                </c:pt>
                <c:pt idx="3983">
                  <c:v>0</c:v>
                </c:pt>
                <c:pt idx="3984">
                  <c:v>0</c:v>
                </c:pt>
                <c:pt idx="3985">
                  <c:v>0</c:v>
                </c:pt>
                <c:pt idx="3986">
                  <c:v>0</c:v>
                </c:pt>
                <c:pt idx="3987">
                  <c:v>0</c:v>
                </c:pt>
                <c:pt idx="3988">
                  <c:v>0</c:v>
                </c:pt>
                <c:pt idx="3989">
                  <c:v>0</c:v>
                </c:pt>
                <c:pt idx="3990">
                  <c:v>0</c:v>
                </c:pt>
                <c:pt idx="3991">
                  <c:v>0</c:v>
                </c:pt>
                <c:pt idx="3992">
                  <c:v>0</c:v>
                </c:pt>
                <c:pt idx="3993">
                  <c:v>0</c:v>
                </c:pt>
                <c:pt idx="3994">
                  <c:v>0</c:v>
                </c:pt>
                <c:pt idx="3995">
                  <c:v>0</c:v>
                </c:pt>
                <c:pt idx="3996">
                  <c:v>0</c:v>
                </c:pt>
                <c:pt idx="3997">
                  <c:v>0</c:v>
                </c:pt>
                <c:pt idx="3998">
                  <c:v>0</c:v>
                </c:pt>
                <c:pt idx="3999">
                  <c:v>0</c:v>
                </c:pt>
                <c:pt idx="4000">
                  <c:v>0</c:v>
                </c:pt>
                <c:pt idx="4001">
                  <c:v>0</c:v>
                </c:pt>
                <c:pt idx="4002">
                  <c:v>0</c:v>
                </c:pt>
                <c:pt idx="4003">
                  <c:v>0</c:v>
                </c:pt>
                <c:pt idx="4004">
                  <c:v>0</c:v>
                </c:pt>
                <c:pt idx="4005">
                  <c:v>0</c:v>
                </c:pt>
                <c:pt idx="4006">
                  <c:v>0</c:v>
                </c:pt>
                <c:pt idx="4007">
                  <c:v>0</c:v>
                </c:pt>
                <c:pt idx="4008">
                  <c:v>0</c:v>
                </c:pt>
                <c:pt idx="4009">
                  <c:v>0</c:v>
                </c:pt>
                <c:pt idx="4010">
                  <c:v>0</c:v>
                </c:pt>
                <c:pt idx="4011">
                  <c:v>0</c:v>
                </c:pt>
                <c:pt idx="4012">
                  <c:v>0</c:v>
                </c:pt>
                <c:pt idx="4013">
                  <c:v>0</c:v>
                </c:pt>
                <c:pt idx="4014">
                  <c:v>0</c:v>
                </c:pt>
                <c:pt idx="4015">
                  <c:v>0</c:v>
                </c:pt>
                <c:pt idx="4016">
                  <c:v>0</c:v>
                </c:pt>
                <c:pt idx="4017">
                  <c:v>0</c:v>
                </c:pt>
                <c:pt idx="4018">
                  <c:v>0</c:v>
                </c:pt>
                <c:pt idx="4019">
                  <c:v>0</c:v>
                </c:pt>
                <c:pt idx="4020">
                  <c:v>0</c:v>
                </c:pt>
                <c:pt idx="4021">
                  <c:v>0</c:v>
                </c:pt>
                <c:pt idx="4022">
                  <c:v>0</c:v>
                </c:pt>
                <c:pt idx="4023">
                  <c:v>0</c:v>
                </c:pt>
                <c:pt idx="4024">
                  <c:v>0</c:v>
                </c:pt>
                <c:pt idx="4025">
                  <c:v>0</c:v>
                </c:pt>
                <c:pt idx="4026">
                  <c:v>0</c:v>
                </c:pt>
                <c:pt idx="4027">
                  <c:v>0</c:v>
                </c:pt>
                <c:pt idx="4028">
                  <c:v>0</c:v>
                </c:pt>
                <c:pt idx="4029">
                  <c:v>0</c:v>
                </c:pt>
                <c:pt idx="4030">
                  <c:v>0</c:v>
                </c:pt>
                <c:pt idx="4031">
                  <c:v>0</c:v>
                </c:pt>
                <c:pt idx="4032">
                  <c:v>0</c:v>
                </c:pt>
                <c:pt idx="4033">
                  <c:v>0</c:v>
                </c:pt>
                <c:pt idx="4034">
                  <c:v>0</c:v>
                </c:pt>
                <c:pt idx="4035">
                  <c:v>0</c:v>
                </c:pt>
                <c:pt idx="4036">
                  <c:v>0</c:v>
                </c:pt>
                <c:pt idx="4037">
                  <c:v>0</c:v>
                </c:pt>
                <c:pt idx="4038">
                  <c:v>0</c:v>
                </c:pt>
                <c:pt idx="4039">
                  <c:v>0</c:v>
                </c:pt>
                <c:pt idx="4040">
                  <c:v>0</c:v>
                </c:pt>
                <c:pt idx="4041">
                  <c:v>0</c:v>
                </c:pt>
                <c:pt idx="4042">
                  <c:v>0</c:v>
                </c:pt>
                <c:pt idx="4043">
                  <c:v>0</c:v>
                </c:pt>
                <c:pt idx="4044">
                  <c:v>0</c:v>
                </c:pt>
                <c:pt idx="4045">
                  <c:v>0</c:v>
                </c:pt>
                <c:pt idx="4046">
                  <c:v>0</c:v>
                </c:pt>
                <c:pt idx="4047">
                  <c:v>0</c:v>
                </c:pt>
                <c:pt idx="4048">
                  <c:v>0</c:v>
                </c:pt>
                <c:pt idx="4049">
                  <c:v>0</c:v>
                </c:pt>
                <c:pt idx="4050">
                  <c:v>0</c:v>
                </c:pt>
                <c:pt idx="4051">
                  <c:v>0</c:v>
                </c:pt>
                <c:pt idx="4052">
                  <c:v>0</c:v>
                </c:pt>
                <c:pt idx="4053">
                  <c:v>0</c:v>
                </c:pt>
                <c:pt idx="4054">
                  <c:v>0</c:v>
                </c:pt>
                <c:pt idx="4055">
                  <c:v>0</c:v>
                </c:pt>
                <c:pt idx="4056">
                  <c:v>0</c:v>
                </c:pt>
                <c:pt idx="4057">
                  <c:v>0</c:v>
                </c:pt>
                <c:pt idx="4058">
                  <c:v>0</c:v>
                </c:pt>
                <c:pt idx="4059">
                  <c:v>0</c:v>
                </c:pt>
                <c:pt idx="4060">
                  <c:v>0</c:v>
                </c:pt>
                <c:pt idx="4061">
                  <c:v>0</c:v>
                </c:pt>
                <c:pt idx="4062">
                  <c:v>0</c:v>
                </c:pt>
                <c:pt idx="4063">
                  <c:v>0</c:v>
                </c:pt>
                <c:pt idx="4064">
                  <c:v>0</c:v>
                </c:pt>
                <c:pt idx="4065">
                  <c:v>0</c:v>
                </c:pt>
                <c:pt idx="4066">
                  <c:v>0</c:v>
                </c:pt>
                <c:pt idx="4067">
                  <c:v>0</c:v>
                </c:pt>
                <c:pt idx="4068">
                  <c:v>0</c:v>
                </c:pt>
                <c:pt idx="4069">
                  <c:v>0</c:v>
                </c:pt>
                <c:pt idx="4070">
                  <c:v>0</c:v>
                </c:pt>
                <c:pt idx="4071">
                  <c:v>0</c:v>
                </c:pt>
                <c:pt idx="4072">
                  <c:v>0</c:v>
                </c:pt>
                <c:pt idx="4073">
                  <c:v>0</c:v>
                </c:pt>
                <c:pt idx="4074">
                  <c:v>0</c:v>
                </c:pt>
                <c:pt idx="4075">
                  <c:v>0</c:v>
                </c:pt>
                <c:pt idx="4076">
                  <c:v>0</c:v>
                </c:pt>
                <c:pt idx="4077">
                  <c:v>0</c:v>
                </c:pt>
                <c:pt idx="4078">
                  <c:v>0</c:v>
                </c:pt>
                <c:pt idx="4079">
                  <c:v>0</c:v>
                </c:pt>
                <c:pt idx="4080">
                  <c:v>0</c:v>
                </c:pt>
                <c:pt idx="4081">
                  <c:v>0</c:v>
                </c:pt>
                <c:pt idx="4082">
                  <c:v>0</c:v>
                </c:pt>
                <c:pt idx="4083">
                  <c:v>0</c:v>
                </c:pt>
                <c:pt idx="4084">
                  <c:v>0</c:v>
                </c:pt>
                <c:pt idx="4085">
                  <c:v>0</c:v>
                </c:pt>
                <c:pt idx="4086">
                  <c:v>0</c:v>
                </c:pt>
                <c:pt idx="4087">
                  <c:v>0</c:v>
                </c:pt>
                <c:pt idx="4088">
                  <c:v>0</c:v>
                </c:pt>
                <c:pt idx="4089">
                  <c:v>0</c:v>
                </c:pt>
                <c:pt idx="4090">
                  <c:v>0</c:v>
                </c:pt>
                <c:pt idx="4091">
                  <c:v>0</c:v>
                </c:pt>
                <c:pt idx="4092">
                  <c:v>0</c:v>
                </c:pt>
                <c:pt idx="4093">
                  <c:v>0</c:v>
                </c:pt>
                <c:pt idx="4094">
                  <c:v>0</c:v>
                </c:pt>
                <c:pt idx="4095">
                  <c:v>0</c:v>
                </c:pt>
                <c:pt idx="4096">
                  <c:v>0</c:v>
                </c:pt>
                <c:pt idx="4097">
                  <c:v>0</c:v>
                </c:pt>
                <c:pt idx="4098">
                  <c:v>0</c:v>
                </c:pt>
                <c:pt idx="4099">
                  <c:v>0</c:v>
                </c:pt>
                <c:pt idx="4100">
                  <c:v>0</c:v>
                </c:pt>
                <c:pt idx="4101">
                  <c:v>0</c:v>
                </c:pt>
                <c:pt idx="4102">
                  <c:v>0</c:v>
                </c:pt>
                <c:pt idx="4103">
                  <c:v>0</c:v>
                </c:pt>
                <c:pt idx="4104">
                  <c:v>0</c:v>
                </c:pt>
                <c:pt idx="4105">
                  <c:v>0</c:v>
                </c:pt>
                <c:pt idx="4106">
                  <c:v>0</c:v>
                </c:pt>
                <c:pt idx="4107">
                  <c:v>0</c:v>
                </c:pt>
                <c:pt idx="4108">
                  <c:v>0</c:v>
                </c:pt>
                <c:pt idx="4109">
                  <c:v>0</c:v>
                </c:pt>
                <c:pt idx="4110">
                  <c:v>0</c:v>
                </c:pt>
                <c:pt idx="4111">
                  <c:v>0</c:v>
                </c:pt>
                <c:pt idx="4112">
                  <c:v>0</c:v>
                </c:pt>
                <c:pt idx="4113">
                  <c:v>0</c:v>
                </c:pt>
                <c:pt idx="4114">
                  <c:v>0</c:v>
                </c:pt>
                <c:pt idx="4115">
                  <c:v>0</c:v>
                </c:pt>
                <c:pt idx="4116">
                  <c:v>0</c:v>
                </c:pt>
                <c:pt idx="4117">
                  <c:v>0</c:v>
                </c:pt>
                <c:pt idx="4118">
                  <c:v>0</c:v>
                </c:pt>
                <c:pt idx="4119">
                  <c:v>0</c:v>
                </c:pt>
                <c:pt idx="4120">
                  <c:v>0</c:v>
                </c:pt>
                <c:pt idx="4121">
                  <c:v>0</c:v>
                </c:pt>
                <c:pt idx="4122">
                  <c:v>0</c:v>
                </c:pt>
                <c:pt idx="4123">
                  <c:v>0</c:v>
                </c:pt>
                <c:pt idx="4124">
                  <c:v>0</c:v>
                </c:pt>
                <c:pt idx="4125">
                  <c:v>0</c:v>
                </c:pt>
                <c:pt idx="4126">
                  <c:v>0</c:v>
                </c:pt>
                <c:pt idx="4127">
                  <c:v>0</c:v>
                </c:pt>
                <c:pt idx="4128">
                  <c:v>0</c:v>
                </c:pt>
                <c:pt idx="4129">
                  <c:v>0</c:v>
                </c:pt>
                <c:pt idx="4130">
                  <c:v>0</c:v>
                </c:pt>
                <c:pt idx="4131">
                  <c:v>0</c:v>
                </c:pt>
                <c:pt idx="4132">
                  <c:v>0</c:v>
                </c:pt>
                <c:pt idx="4133">
                  <c:v>0</c:v>
                </c:pt>
                <c:pt idx="4134">
                  <c:v>0</c:v>
                </c:pt>
                <c:pt idx="4135">
                  <c:v>0</c:v>
                </c:pt>
                <c:pt idx="4136">
                  <c:v>0</c:v>
                </c:pt>
                <c:pt idx="4137">
                  <c:v>0</c:v>
                </c:pt>
                <c:pt idx="4138">
                  <c:v>0</c:v>
                </c:pt>
                <c:pt idx="4139">
                  <c:v>0</c:v>
                </c:pt>
                <c:pt idx="4140">
                  <c:v>0</c:v>
                </c:pt>
                <c:pt idx="4141">
                  <c:v>0</c:v>
                </c:pt>
                <c:pt idx="4142">
                  <c:v>0</c:v>
                </c:pt>
                <c:pt idx="4143">
                  <c:v>0</c:v>
                </c:pt>
                <c:pt idx="4144">
                  <c:v>0</c:v>
                </c:pt>
                <c:pt idx="4145">
                  <c:v>0</c:v>
                </c:pt>
                <c:pt idx="4146">
                  <c:v>0</c:v>
                </c:pt>
                <c:pt idx="4147">
                  <c:v>0</c:v>
                </c:pt>
                <c:pt idx="4148">
                  <c:v>0</c:v>
                </c:pt>
                <c:pt idx="4149">
                  <c:v>0</c:v>
                </c:pt>
                <c:pt idx="4150">
                  <c:v>0</c:v>
                </c:pt>
                <c:pt idx="4151">
                  <c:v>0</c:v>
                </c:pt>
                <c:pt idx="4152">
                  <c:v>0</c:v>
                </c:pt>
                <c:pt idx="4153">
                  <c:v>0</c:v>
                </c:pt>
                <c:pt idx="4154">
                  <c:v>0</c:v>
                </c:pt>
                <c:pt idx="4155">
                  <c:v>0</c:v>
                </c:pt>
                <c:pt idx="4156">
                  <c:v>0</c:v>
                </c:pt>
                <c:pt idx="4157">
                  <c:v>0</c:v>
                </c:pt>
                <c:pt idx="4158">
                  <c:v>0</c:v>
                </c:pt>
                <c:pt idx="4159">
                  <c:v>0</c:v>
                </c:pt>
                <c:pt idx="4160">
                  <c:v>0</c:v>
                </c:pt>
                <c:pt idx="4161">
                  <c:v>0</c:v>
                </c:pt>
                <c:pt idx="4162">
                  <c:v>0</c:v>
                </c:pt>
                <c:pt idx="4163">
                  <c:v>0</c:v>
                </c:pt>
                <c:pt idx="4164">
                  <c:v>0</c:v>
                </c:pt>
                <c:pt idx="4165">
                  <c:v>0</c:v>
                </c:pt>
                <c:pt idx="4166">
                  <c:v>0</c:v>
                </c:pt>
                <c:pt idx="4167">
                  <c:v>0</c:v>
                </c:pt>
                <c:pt idx="4168">
                  <c:v>0</c:v>
                </c:pt>
                <c:pt idx="4169">
                  <c:v>0</c:v>
                </c:pt>
                <c:pt idx="4170">
                  <c:v>0</c:v>
                </c:pt>
                <c:pt idx="4171">
                  <c:v>0</c:v>
                </c:pt>
                <c:pt idx="4172">
                  <c:v>0</c:v>
                </c:pt>
                <c:pt idx="4173">
                  <c:v>0</c:v>
                </c:pt>
                <c:pt idx="4174">
                  <c:v>0</c:v>
                </c:pt>
                <c:pt idx="4175">
                  <c:v>0</c:v>
                </c:pt>
                <c:pt idx="4176">
                  <c:v>0</c:v>
                </c:pt>
                <c:pt idx="4177">
                  <c:v>0</c:v>
                </c:pt>
                <c:pt idx="4178">
                  <c:v>0</c:v>
                </c:pt>
                <c:pt idx="4179">
                  <c:v>0</c:v>
                </c:pt>
                <c:pt idx="4180">
                  <c:v>0</c:v>
                </c:pt>
                <c:pt idx="4181">
                  <c:v>0</c:v>
                </c:pt>
                <c:pt idx="4182">
                  <c:v>0</c:v>
                </c:pt>
                <c:pt idx="4183">
                  <c:v>0</c:v>
                </c:pt>
                <c:pt idx="4184">
                  <c:v>0</c:v>
                </c:pt>
                <c:pt idx="4185">
                  <c:v>0</c:v>
                </c:pt>
                <c:pt idx="4186">
                  <c:v>0</c:v>
                </c:pt>
                <c:pt idx="4187">
                  <c:v>0</c:v>
                </c:pt>
                <c:pt idx="4188">
                  <c:v>0</c:v>
                </c:pt>
                <c:pt idx="4189">
                  <c:v>0</c:v>
                </c:pt>
                <c:pt idx="4190">
                  <c:v>0</c:v>
                </c:pt>
                <c:pt idx="4191">
                  <c:v>0</c:v>
                </c:pt>
                <c:pt idx="4192">
                  <c:v>0</c:v>
                </c:pt>
                <c:pt idx="4193">
                  <c:v>0</c:v>
                </c:pt>
                <c:pt idx="4194">
                  <c:v>0</c:v>
                </c:pt>
                <c:pt idx="4195">
                  <c:v>0</c:v>
                </c:pt>
                <c:pt idx="4196">
                  <c:v>0</c:v>
                </c:pt>
                <c:pt idx="4197">
                  <c:v>0</c:v>
                </c:pt>
                <c:pt idx="4198">
                  <c:v>0</c:v>
                </c:pt>
                <c:pt idx="4199">
                  <c:v>0</c:v>
                </c:pt>
                <c:pt idx="4200">
                  <c:v>0</c:v>
                </c:pt>
                <c:pt idx="4201">
                  <c:v>0</c:v>
                </c:pt>
                <c:pt idx="4202">
                  <c:v>0</c:v>
                </c:pt>
                <c:pt idx="4203">
                  <c:v>0</c:v>
                </c:pt>
                <c:pt idx="4204">
                  <c:v>0</c:v>
                </c:pt>
                <c:pt idx="4205">
                  <c:v>0</c:v>
                </c:pt>
                <c:pt idx="4206">
                  <c:v>0</c:v>
                </c:pt>
                <c:pt idx="4207">
                  <c:v>0</c:v>
                </c:pt>
                <c:pt idx="4208">
                  <c:v>0</c:v>
                </c:pt>
                <c:pt idx="4209">
                  <c:v>0</c:v>
                </c:pt>
                <c:pt idx="4210">
                  <c:v>0</c:v>
                </c:pt>
                <c:pt idx="4211">
                  <c:v>0</c:v>
                </c:pt>
                <c:pt idx="4212">
                  <c:v>0</c:v>
                </c:pt>
                <c:pt idx="4213">
                  <c:v>0</c:v>
                </c:pt>
                <c:pt idx="4214">
                  <c:v>0</c:v>
                </c:pt>
                <c:pt idx="4215">
                  <c:v>0</c:v>
                </c:pt>
                <c:pt idx="4216">
                  <c:v>0</c:v>
                </c:pt>
                <c:pt idx="4217">
                  <c:v>0</c:v>
                </c:pt>
                <c:pt idx="4218">
                  <c:v>0</c:v>
                </c:pt>
                <c:pt idx="4219">
                  <c:v>0</c:v>
                </c:pt>
                <c:pt idx="4220">
                  <c:v>0</c:v>
                </c:pt>
                <c:pt idx="4221">
                  <c:v>0</c:v>
                </c:pt>
                <c:pt idx="4222">
                  <c:v>0</c:v>
                </c:pt>
                <c:pt idx="4223">
                  <c:v>0</c:v>
                </c:pt>
                <c:pt idx="4224">
                  <c:v>0</c:v>
                </c:pt>
                <c:pt idx="4225">
                  <c:v>0</c:v>
                </c:pt>
                <c:pt idx="4226">
                  <c:v>0</c:v>
                </c:pt>
                <c:pt idx="4227">
                  <c:v>0</c:v>
                </c:pt>
                <c:pt idx="4228">
                  <c:v>0</c:v>
                </c:pt>
                <c:pt idx="4229">
                  <c:v>0</c:v>
                </c:pt>
                <c:pt idx="4230">
                  <c:v>0</c:v>
                </c:pt>
                <c:pt idx="4231">
                  <c:v>0</c:v>
                </c:pt>
                <c:pt idx="4232">
                  <c:v>0</c:v>
                </c:pt>
                <c:pt idx="4233">
                  <c:v>0</c:v>
                </c:pt>
                <c:pt idx="4234">
                  <c:v>0</c:v>
                </c:pt>
                <c:pt idx="4235">
                  <c:v>0</c:v>
                </c:pt>
                <c:pt idx="4236">
                  <c:v>0</c:v>
                </c:pt>
                <c:pt idx="4237">
                  <c:v>0</c:v>
                </c:pt>
                <c:pt idx="4238">
                  <c:v>0</c:v>
                </c:pt>
                <c:pt idx="4239">
                  <c:v>0</c:v>
                </c:pt>
                <c:pt idx="4240">
                  <c:v>0</c:v>
                </c:pt>
                <c:pt idx="4241">
                  <c:v>0</c:v>
                </c:pt>
                <c:pt idx="4242">
                  <c:v>0</c:v>
                </c:pt>
                <c:pt idx="4243">
                  <c:v>0</c:v>
                </c:pt>
                <c:pt idx="4244">
                  <c:v>0</c:v>
                </c:pt>
                <c:pt idx="4245">
                  <c:v>0</c:v>
                </c:pt>
                <c:pt idx="4246">
                  <c:v>0</c:v>
                </c:pt>
                <c:pt idx="4247">
                  <c:v>0</c:v>
                </c:pt>
                <c:pt idx="4248">
                  <c:v>0</c:v>
                </c:pt>
                <c:pt idx="4249">
                  <c:v>0</c:v>
                </c:pt>
                <c:pt idx="4250">
                  <c:v>0</c:v>
                </c:pt>
                <c:pt idx="4251">
                  <c:v>0</c:v>
                </c:pt>
                <c:pt idx="4252">
                  <c:v>0</c:v>
                </c:pt>
                <c:pt idx="4253">
                  <c:v>0</c:v>
                </c:pt>
                <c:pt idx="4254">
                  <c:v>0</c:v>
                </c:pt>
                <c:pt idx="4255">
                  <c:v>0</c:v>
                </c:pt>
                <c:pt idx="4256">
                  <c:v>0</c:v>
                </c:pt>
                <c:pt idx="4257">
                  <c:v>0</c:v>
                </c:pt>
                <c:pt idx="4258">
                  <c:v>0</c:v>
                </c:pt>
                <c:pt idx="4259">
                  <c:v>0</c:v>
                </c:pt>
                <c:pt idx="4260">
                  <c:v>0</c:v>
                </c:pt>
                <c:pt idx="4261">
                  <c:v>0</c:v>
                </c:pt>
                <c:pt idx="4262">
                  <c:v>0</c:v>
                </c:pt>
                <c:pt idx="4263">
                  <c:v>0</c:v>
                </c:pt>
                <c:pt idx="4264">
                  <c:v>0</c:v>
                </c:pt>
                <c:pt idx="4265">
                  <c:v>0</c:v>
                </c:pt>
                <c:pt idx="4266">
                  <c:v>0</c:v>
                </c:pt>
                <c:pt idx="4267">
                  <c:v>0</c:v>
                </c:pt>
                <c:pt idx="4268">
                  <c:v>0</c:v>
                </c:pt>
                <c:pt idx="4269">
                  <c:v>0</c:v>
                </c:pt>
                <c:pt idx="4270">
                  <c:v>0</c:v>
                </c:pt>
                <c:pt idx="4271">
                  <c:v>0</c:v>
                </c:pt>
                <c:pt idx="4272">
                  <c:v>0</c:v>
                </c:pt>
                <c:pt idx="4273">
                  <c:v>0</c:v>
                </c:pt>
                <c:pt idx="4274">
                  <c:v>0</c:v>
                </c:pt>
                <c:pt idx="4275">
                  <c:v>0</c:v>
                </c:pt>
                <c:pt idx="4276">
                  <c:v>0</c:v>
                </c:pt>
                <c:pt idx="4277">
                  <c:v>0</c:v>
                </c:pt>
                <c:pt idx="4278">
                  <c:v>0</c:v>
                </c:pt>
                <c:pt idx="4279">
                  <c:v>0</c:v>
                </c:pt>
                <c:pt idx="4280">
                  <c:v>0</c:v>
                </c:pt>
                <c:pt idx="4281">
                  <c:v>0</c:v>
                </c:pt>
                <c:pt idx="4282">
                  <c:v>0</c:v>
                </c:pt>
                <c:pt idx="4283">
                  <c:v>0</c:v>
                </c:pt>
                <c:pt idx="4284">
                  <c:v>0</c:v>
                </c:pt>
                <c:pt idx="4285">
                  <c:v>0</c:v>
                </c:pt>
                <c:pt idx="4286">
                  <c:v>0</c:v>
                </c:pt>
                <c:pt idx="4287">
                  <c:v>0</c:v>
                </c:pt>
                <c:pt idx="4288">
                  <c:v>0</c:v>
                </c:pt>
                <c:pt idx="4289">
                  <c:v>0</c:v>
                </c:pt>
                <c:pt idx="4290">
                  <c:v>0</c:v>
                </c:pt>
                <c:pt idx="4291">
                  <c:v>0</c:v>
                </c:pt>
                <c:pt idx="4292">
                  <c:v>0</c:v>
                </c:pt>
                <c:pt idx="4293">
                  <c:v>0</c:v>
                </c:pt>
                <c:pt idx="4294">
                  <c:v>0</c:v>
                </c:pt>
                <c:pt idx="4295">
                  <c:v>0</c:v>
                </c:pt>
                <c:pt idx="4296">
                  <c:v>0</c:v>
                </c:pt>
                <c:pt idx="4297">
                  <c:v>0</c:v>
                </c:pt>
                <c:pt idx="4298">
                  <c:v>0</c:v>
                </c:pt>
                <c:pt idx="4299">
                  <c:v>0</c:v>
                </c:pt>
                <c:pt idx="4300">
                  <c:v>0</c:v>
                </c:pt>
                <c:pt idx="4301">
                  <c:v>0</c:v>
                </c:pt>
                <c:pt idx="4302">
                  <c:v>0</c:v>
                </c:pt>
                <c:pt idx="4303">
                  <c:v>0</c:v>
                </c:pt>
                <c:pt idx="4304">
                  <c:v>0</c:v>
                </c:pt>
                <c:pt idx="4305">
                  <c:v>0</c:v>
                </c:pt>
                <c:pt idx="4306">
                  <c:v>0</c:v>
                </c:pt>
                <c:pt idx="4307">
                  <c:v>0</c:v>
                </c:pt>
                <c:pt idx="4308">
                  <c:v>0</c:v>
                </c:pt>
                <c:pt idx="4309">
                  <c:v>0</c:v>
                </c:pt>
                <c:pt idx="4310">
                  <c:v>0</c:v>
                </c:pt>
                <c:pt idx="4311">
                  <c:v>0</c:v>
                </c:pt>
                <c:pt idx="4312">
                  <c:v>0</c:v>
                </c:pt>
                <c:pt idx="4313">
                  <c:v>0</c:v>
                </c:pt>
                <c:pt idx="4314">
                  <c:v>0</c:v>
                </c:pt>
                <c:pt idx="4315">
                  <c:v>0</c:v>
                </c:pt>
                <c:pt idx="4316">
                  <c:v>0</c:v>
                </c:pt>
                <c:pt idx="4317">
                  <c:v>0</c:v>
                </c:pt>
                <c:pt idx="4318">
                  <c:v>0</c:v>
                </c:pt>
                <c:pt idx="4319">
                  <c:v>0</c:v>
                </c:pt>
                <c:pt idx="4320">
                  <c:v>0</c:v>
                </c:pt>
                <c:pt idx="4321">
                  <c:v>0</c:v>
                </c:pt>
                <c:pt idx="4322">
                  <c:v>0</c:v>
                </c:pt>
                <c:pt idx="4323">
                  <c:v>0</c:v>
                </c:pt>
                <c:pt idx="4324">
                  <c:v>0</c:v>
                </c:pt>
                <c:pt idx="4325">
                  <c:v>0</c:v>
                </c:pt>
                <c:pt idx="4326">
                  <c:v>0</c:v>
                </c:pt>
                <c:pt idx="4327">
                  <c:v>0</c:v>
                </c:pt>
                <c:pt idx="4328">
                  <c:v>0</c:v>
                </c:pt>
                <c:pt idx="4329">
                  <c:v>0</c:v>
                </c:pt>
                <c:pt idx="4330">
                  <c:v>0</c:v>
                </c:pt>
                <c:pt idx="4331">
                  <c:v>0</c:v>
                </c:pt>
                <c:pt idx="4332">
                  <c:v>0</c:v>
                </c:pt>
                <c:pt idx="4333">
                  <c:v>0</c:v>
                </c:pt>
                <c:pt idx="4334">
                  <c:v>0</c:v>
                </c:pt>
                <c:pt idx="4335">
                  <c:v>0</c:v>
                </c:pt>
                <c:pt idx="4336">
                  <c:v>0</c:v>
                </c:pt>
                <c:pt idx="4337">
                  <c:v>0</c:v>
                </c:pt>
                <c:pt idx="4338">
                  <c:v>0</c:v>
                </c:pt>
                <c:pt idx="4339">
                  <c:v>0</c:v>
                </c:pt>
                <c:pt idx="4340">
                  <c:v>0</c:v>
                </c:pt>
                <c:pt idx="4341">
                  <c:v>0</c:v>
                </c:pt>
                <c:pt idx="4342">
                  <c:v>0</c:v>
                </c:pt>
                <c:pt idx="4343">
                  <c:v>0</c:v>
                </c:pt>
                <c:pt idx="4344">
                  <c:v>0</c:v>
                </c:pt>
                <c:pt idx="4345">
                  <c:v>0</c:v>
                </c:pt>
                <c:pt idx="4346">
                  <c:v>0</c:v>
                </c:pt>
                <c:pt idx="4347">
                  <c:v>0</c:v>
                </c:pt>
                <c:pt idx="4348">
                  <c:v>0</c:v>
                </c:pt>
                <c:pt idx="4349">
                  <c:v>0</c:v>
                </c:pt>
                <c:pt idx="4350">
                  <c:v>0</c:v>
                </c:pt>
                <c:pt idx="4351">
                  <c:v>0</c:v>
                </c:pt>
                <c:pt idx="4352">
                  <c:v>0</c:v>
                </c:pt>
                <c:pt idx="4353">
                  <c:v>0</c:v>
                </c:pt>
                <c:pt idx="4354">
                  <c:v>0</c:v>
                </c:pt>
                <c:pt idx="4355">
                  <c:v>0</c:v>
                </c:pt>
                <c:pt idx="4356">
                  <c:v>0</c:v>
                </c:pt>
                <c:pt idx="4357">
                  <c:v>0</c:v>
                </c:pt>
                <c:pt idx="4358">
                  <c:v>0</c:v>
                </c:pt>
                <c:pt idx="4359">
                  <c:v>0</c:v>
                </c:pt>
                <c:pt idx="4360">
                  <c:v>0</c:v>
                </c:pt>
                <c:pt idx="4361">
                  <c:v>0</c:v>
                </c:pt>
                <c:pt idx="4362">
                  <c:v>0</c:v>
                </c:pt>
                <c:pt idx="4363">
                  <c:v>0</c:v>
                </c:pt>
                <c:pt idx="4364">
                  <c:v>0</c:v>
                </c:pt>
                <c:pt idx="4365">
                  <c:v>0</c:v>
                </c:pt>
                <c:pt idx="4366">
                  <c:v>0</c:v>
                </c:pt>
                <c:pt idx="4367">
                  <c:v>0</c:v>
                </c:pt>
                <c:pt idx="4368">
                  <c:v>0</c:v>
                </c:pt>
                <c:pt idx="4369">
                  <c:v>0</c:v>
                </c:pt>
                <c:pt idx="4370">
                  <c:v>0</c:v>
                </c:pt>
                <c:pt idx="4371">
                  <c:v>0</c:v>
                </c:pt>
                <c:pt idx="4372">
                  <c:v>0</c:v>
                </c:pt>
                <c:pt idx="4373">
                  <c:v>0</c:v>
                </c:pt>
                <c:pt idx="4374">
                  <c:v>0</c:v>
                </c:pt>
                <c:pt idx="4375">
                  <c:v>0</c:v>
                </c:pt>
                <c:pt idx="4376">
                  <c:v>0</c:v>
                </c:pt>
                <c:pt idx="4377">
                  <c:v>0</c:v>
                </c:pt>
                <c:pt idx="4378">
                  <c:v>0</c:v>
                </c:pt>
                <c:pt idx="4379">
                  <c:v>0</c:v>
                </c:pt>
                <c:pt idx="4380">
                  <c:v>0</c:v>
                </c:pt>
                <c:pt idx="4381">
                  <c:v>0</c:v>
                </c:pt>
                <c:pt idx="4382">
                  <c:v>0</c:v>
                </c:pt>
                <c:pt idx="4383">
                  <c:v>0</c:v>
                </c:pt>
                <c:pt idx="4384">
                  <c:v>0</c:v>
                </c:pt>
                <c:pt idx="4385">
                  <c:v>0</c:v>
                </c:pt>
                <c:pt idx="4386">
                  <c:v>0</c:v>
                </c:pt>
                <c:pt idx="4387">
                  <c:v>0</c:v>
                </c:pt>
                <c:pt idx="4388">
                  <c:v>0</c:v>
                </c:pt>
                <c:pt idx="4389">
                  <c:v>0</c:v>
                </c:pt>
                <c:pt idx="4390">
                  <c:v>0</c:v>
                </c:pt>
                <c:pt idx="4391">
                  <c:v>0</c:v>
                </c:pt>
                <c:pt idx="4392">
                  <c:v>0</c:v>
                </c:pt>
                <c:pt idx="4393">
                  <c:v>0</c:v>
                </c:pt>
                <c:pt idx="4394">
                  <c:v>0</c:v>
                </c:pt>
                <c:pt idx="4395">
                  <c:v>0</c:v>
                </c:pt>
                <c:pt idx="4396">
                  <c:v>0</c:v>
                </c:pt>
                <c:pt idx="4397">
                  <c:v>0</c:v>
                </c:pt>
                <c:pt idx="4398">
                  <c:v>0</c:v>
                </c:pt>
                <c:pt idx="4399">
                  <c:v>0</c:v>
                </c:pt>
                <c:pt idx="4400">
                  <c:v>0</c:v>
                </c:pt>
                <c:pt idx="4401">
                  <c:v>0</c:v>
                </c:pt>
                <c:pt idx="4402">
                  <c:v>0</c:v>
                </c:pt>
                <c:pt idx="4403">
                  <c:v>0</c:v>
                </c:pt>
                <c:pt idx="4404">
                  <c:v>0</c:v>
                </c:pt>
                <c:pt idx="4405">
                  <c:v>0</c:v>
                </c:pt>
                <c:pt idx="4406">
                  <c:v>0</c:v>
                </c:pt>
                <c:pt idx="4407">
                  <c:v>0</c:v>
                </c:pt>
                <c:pt idx="4408">
                  <c:v>0</c:v>
                </c:pt>
                <c:pt idx="4409">
                  <c:v>0</c:v>
                </c:pt>
                <c:pt idx="4410">
                  <c:v>0</c:v>
                </c:pt>
                <c:pt idx="4411">
                  <c:v>0</c:v>
                </c:pt>
                <c:pt idx="4412">
                  <c:v>0</c:v>
                </c:pt>
                <c:pt idx="4413">
                  <c:v>0</c:v>
                </c:pt>
                <c:pt idx="4414">
                  <c:v>0</c:v>
                </c:pt>
                <c:pt idx="4415">
                  <c:v>0</c:v>
                </c:pt>
                <c:pt idx="4416">
                  <c:v>0</c:v>
                </c:pt>
                <c:pt idx="4417">
                  <c:v>0</c:v>
                </c:pt>
                <c:pt idx="4418">
                  <c:v>0</c:v>
                </c:pt>
                <c:pt idx="4419">
                  <c:v>0</c:v>
                </c:pt>
                <c:pt idx="4420">
                  <c:v>0</c:v>
                </c:pt>
                <c:pt idx="4421">
                  <c:v>0</c:v>
                </c:pt>
                <c:pt idx="4422">
                  <c:v>0</c:v>
                </c:pt>
                <c:pt idx="4423">
                  <c:v>0</c:v>
                </c:pt>
                <c:pt idx="4424">
                  <c:v>0</c:v>
                </c:pt>
                <c:pt idx="4425">
                  <c:v>0</c:v>
                </c:pt>
                <c:pt idx="4426">
                  <c:v>0</c:v>
                </c:pt>
                <c:pt idx="4427">
                  <c:v>0</c:v>
                </c:pt>
                <c:pt idx="4428">
                  <c:v>0</c:v>
                </c:pt>
                <c:pt idx="4429">
                  <c:v>0</c:v>
                </c:pt>
                <c:pt idx="4430">
                  <c:v>0</c:v>
                </c:pt>
                <c:pt idx="4431">
                  <c:v>0</c:v>
                </c:pt>
                <c:pt idx="4432">
                  <c:v>0</c:v>
                </c:pt>
                <c:pt idx="4433">
                  <c:v>0</c:v>
                </c:pt>
                <c:pt idx="4434">
                  <c:v>0</c:v>
                </c:pt>
                <c:pt idx="4435">
                  <c:v>0</c:v>
                </c:pt>
                <c:pt idx="4436">
                  <c:v>0</c:v>
                </c:pt>
                <c:pt idx="4437">
                  <c:v>0</c:v>
                </c:pt>
                <c:pt idx="4438">
                  <c:v>0</c:v>
                </c:pt>
                <c:pt idx="4439">
                  <c:v>0</c:v>
                </c:pt>
                <c:pt idx="4440">
                  <c:v>0</c:v>
                </c:pt>
                <c:pt idx="4441">
                  <c:v>0</c:v>
                </c:pt>
                <c:pt idx="4442">
                  <c:v>0</c:v>
                </c:pt>
                <c:pt idx="4443">
                  <c:v>0</c:v>
                </c:pt>
                <c:pt idx="4444">
                  <c:v>0</c:v>
                </c:pt>
                <c:pt idx="4445">
                  <c:v>0</c:v>
                </c:pt>
                <c:pt idx="4446">
                  <c:v>0</c:v>
                </c:pt>
                <c:pt idx="4447">
                  <c:v>0</c:v>
                </c:pt>
                <c:pt idx="4448">
                  <c:v>0</c:v>
                </c:pt>
                <c:pt idx="4449">
                  <c:v>0</c:v>
                </c:pt>
                <c:pt idx="4450">
                  <c:v>0</c:v>
                </c:pt>
                <c:pt idx="4451">
                  <c:v>0</c:v>
                </c:pt>
                <c:pt idx="4452">
                  <c:v>0</c:v>
                </c:pt>
                <c:pt idx="4453">
                  <c:v>0</c:v>
                </c:pt>
                <c:pt idx="4454">
                  <c:v>0</c:v>
                </c:pt>
                <c:pt idx="4455">
                  <c:v>0</c:v>
                </c:pt>
                <c:pt idx="4456">
                  <c:v>0</c:v>
                </c:pt>
                <c:pt idx="4457">
                  <c:v>0</c:v>
                </c:pt>
                <c:pt idx="4458">
                  <c:v>0</c:v>
                </c:pt>
                <c:pt idx="4459">
                  <c:v>0</c:v>
                </c:pt>
                <c:pt idx="4460">
                  <c:v>0</c:v>
                </c:pt>
                <c:pt idx="4461">
                  <c:v>0</c:v>
                </c:pt>
                <c:pt idx="4462">
                  <c:v>0</c:v>
                </c:pt>
                <c:pt idx="4463">
                  <c:v>0</c:v>
                </c:pt>
                <c:pt idx="4464">
                  <c:v>0</c:v>
                </c:pt>
                <c:pt idx="4465">
                  <c:v>0</c:v>
                </c:pt>
                <c:pt idx="4466">
                  <c:v>0</c:v>
                </c:pt>
                <c:pt idx="4467">
                  <c:v>0</c:v>
                </c:pt>
                <c:pt idx="4468">
                  <c:v>0</c:v>
                </c:pt>
                <c:pt idx="4469">
                  <c:v>0</c:v>
                </c:pt>
                <c:pt idx="4470">
                  <c:v>0</c:v>
                </c:pt>
                <c:pt idx="4471">
                  <c:v>0</c:v>
                </c:pt>
                <c:pt idx="4472">
                  <c:v>0</c:v>
                </c:pt>
                <c:pt idx="4473">
                  <c:v>0</c:v>
                </c:pt>
                <c:pt idx="4474">
                  <c:v>0</c:v>
                </c:pt>
                <c:pt idx="4475">
                  <c:v>0</c:v>
                </c:pt>
                <c:pt idx="4476">
                  <c:v>0</c:v>
                </c:pt>
                <c:pt idx="4477">
                  <c:v>0</c:v>
                </c:pt>
                <c:pt idx="4478">
                  <c:v>0</c:v>
                </c:pt>
                <c:pt idx="4479">
                  <c:v>0</c:v>
                </c:pt>
                <c:pt idx="4480">
                  <c:v>0</c:v>
                </c:pt>
                <c:pt idx="4481">
                  <c:v>0</c:v>
                </c:pt>
                <c:pt idx="4482">
                  <c:v>0</c:v>
                </c:pt>
                <c:pt idx="4483">
                  <c:v>0</c:v>
                </c:pt>
                <c:pt idx="4484">
                  <c:v>0</c:v>
                </c:pt>
                <c:pt idx="4485">
                  <c:v>0</c:v>
                </c:pt>
                <c:pt idx="4486">
                  <c:v>0</c:v>
                </c:pt>
                <c:pt idx="4487">
                  <c:v>0</c:v>
                </c:pt>
                <c:pt idx="4488">
                  <c:v>0</c:v>
                </c:pt>
                <c:pt idx="4489">
                  <c:v>0</c:v>
                </c:pt>
                <c:pt idx="4490">
                  <c:v>0</c:v>
                </c:pt>
                <c:pt idx="4491">
                  <c:v>0</c:v>
                </c:pt>
                <c:pt idx="4492">
                  <c:v>0</c:v>
                </c:pt>
                <c:pt idx="4493">
                  <c:v>0</c:v>
                </c:pt>
                <c:pt idx="4494">
                  <c:v>0</c:v>
                </c:pt>
                <c:pt idx="4495">
                  <c:v>0</c:v>
                </c:pt>
                <c:pt idx="4496">
                  <c:v>0</c:v>
                </c:pt>
                <c:pt idx="4497">
                  <c:v>0</c:v>
                </c:pt>
                <c:pt idx="4498">
                  <c:v>0</c:v>
                </c:pt>
                <c:pt idx="4499">
                  <c:v>0</c:v>
                </c:pt>
                <c:pt idx="4500">
                  <c:v>0</c:v>
                </c:pt>
                <c:pt idx="4501">
                  <c:v>0</c:v>
                </c:pt>
                <c:pt idx="4502">
                  <c:v>0</c:v>
                </c:pt>
                <c:pt idx="4503">
                  <c:v>0</c:v>
                </c:pt>
                <c:pt idx="4504">
                  <c:v>0</c:v>
                </c:pt>
                <c:pt idx="4505">
                  <c:v>0</c:v>
                </c:pt>
                <c:pt idx="4506">
                  <c:v>0</c:v>
                </c:pt>
                <c:pt idx="4507">
                  <c:v>0</c:v>
                </c:pt>
                <c:pt idx="4508">
                  <c:v>0</c:v>
                </c:pt>
                <c:pt idx="4509">
                  <c:v>0</c:v>
                </c:pt>
                <c:pt idx="4510">
                  <c:v>0</c:v>
                </c:pt>
                <c:pt idx="4511">
                  <c:v>0</c:v>
                </c:pt>
                <c:pt idx="4512">
                  <c:v>0</c:v>
                </c:pt>
                <c:pt idx="4513">
                  <c:v>0</c:v>
                </c:pt>
                <c:pt idx="4514">
                  <c:v>0</c:v>
                </c:pt>
                <c:pt idx="4515">
                  <c:v>0</c:v>
                </c:pt>
                <c:pt idx="4516">
                  <c:v>0</c:v>
                </c:pt>
                <c:pt idx="4517">
                  <c:v>0</c:v>
                </c:pt>
                <c:pt idx="4518">
                  <c:v>0</c:v>
                </c:pt>
                <c:pt idx="4519">
                  <c:v>0</c:v>
                </c:pt>
                <c:pt idx="4520">
                  <c:v>0</c:v>
                </c:pt>
                <c:pt idx="4521">
                  <c:v>0</c:v>
                </c:pt>
                <c:pt idx="4522">
                  <c:v>0</c:v>
                </c:pt>
                <c:pt idx="4523">
                  <c:v>0</c:v>
                </c:pt>
                <c:pt idx="4524">
                  <c:v>0</c:v>
                </c:pt>
                <c:pt idx="4525">
                  <c:v>0</c:v>
                </c:pt>
                <c:pt idx="4526">
                  <c:v>0</c:v>
                </c:pt>
                <c:pt idx="4527">
                  <c:v>0</c:v>
                </c:pt>
                <c:pt idx="4528">
                  <c:v>0</c:v>
                </c:pt>
                <c:pt idx="4529">
                  <c:v>0</c:v>
                </c:pt>
                <c:pt idx="4530">
                  <c:v>0</c:v>
                </c:pt>
                <c:pt idx="4531">
                  <c:v>0</c:v>
                </c:pt>
                <c:pt idx="4532">
                  <c:v>0</c:v>
                </c:pt>
                <c:pt idx="4533">
                  <c:v>0</c:v>
                </c:pt>
                <c:pt idx="4534">
                  <c:v>0</c:v>
                </c:pt>
                <c:pt idx="4535">
                  <c:v>0</c:v>
                </c:pt>
                <c:pt idx="4536">
                  <c:v>0</c:v>
                </c:pt>
                <c:pt idx="4537">
                  <c:v>0</c:v>
                </c:pt>
                <c:pt idx="4538">
                  <c:v>0</c:v>
                </c:pt>
                <c:pt idx="4539">
                  <c:v>0</c:v>
                </c:pt>
                <c:pt idx="4540">
                  <c:v>0</c:v>
                </c:pt>
                <c:pt idx="4541">
                  <c:v>0</c:v>
                </c:pt>
                <c:pt idx="4542">
                  <c:v>0</c:v>
                </c:pt>
                <c:pt idx="4543">
                  <c:v>0</c:v>
                </c:pt>
                <c:pt idx="4544">
                  <c:v>0</c:v>
                </c:pt>
                <c:pt idx="4545">
                  <c:v>0</c:v>
                </c:pt>
                <c:pt idx="4546">
                  <c:v>0</c:v>
                </c:pt>
                <c:pt idx="4547">
                  <c:v>0</c:v>
                </c:pt>
                <c:pt idx="4548">
                  <c:v>0</c:v>
                </c:pt>
                <c:pt idx="4549">
                  <c:v>0</c:v>
                </c:pt>
                <c:pt idx="4550">
                  <c:v>0</c:v>
                </c:pt>
                <c:pt idx="4551">
                  <c:v>0</c:v>
                </c:pt>
                <c:pt idx="4552">
                  <c:v>0</c:v>
                </c:pt>
                <c:pt idx="4553">
                  <c:v>0</c:v>
                </c:pt>
                <c:pt idx="4554">
                  <c:v>0</c:v>
                </c:pt>
                <c:pt idx="4555">
                  <c:v>0</c:v>
                </c:pt>
                <c:pt idx="4556">
                  <c:v>0</c:v>
                </c:pt>
                <c:pt idx="4557">
                  <c:v>0</c:v>
                </c:pt>
                <c:pt idx="4558">
                  <c:v>0</c:v>
                </c:pt>
                <c:pt idx="4559">
                  <c:v>0</c:v>
                </c:pt>
                <c:pt idx="4560">
                  <c:v>0</c:v>
                </c:pt>
                <c:pt idx="4561">
                  <c:v>0</c:v>
                </c:pt>
                <c:pt idx="4562">
                  <c:v>0</c:v>
                </c:pt>
                <c:pt idx="4563">
                  <c:v>0</c:v>
                </c:pt>
                <c:pt idx="4564">
                  <c:v>0</c:v>
                </c:pt>
                <c:pt idx="4565">
                  <c:v>0</c:v>
                </c:pt>
                <c:pt idx="4566">
                  <c:v>0</c:v>
                </c:pt>
                <c:pt idx="4567">
                  <c:v>0</c:v>
                </c:pt>
                <c:pt idx="4568">
                  <c:v>0</c:v>
                </c:pt>
                <c:pt idx="4569">
                  <c:v>0</c:v>
                </c:pt>
                <c:pt idx="4570">
                  <c:v>0</c:v>
                </c:pt>
                <c:pt idx="4571">
                  <c:v>0</c:v>
                </c:pt>
                <c:pt idx="4572">
                  <c:v>0</c:v>
                </c:pt>
                <c:pt idx="4573">
                  <c:v>0</c:v>
                </c:pt>
                <c:pt idx="4574">
                  <c:v>0</c:v>
                </c:pt>
                <c:pt idx="4575">
                  <c:v>0</c:v>
                </c:pt>
                <c:pt idx="4576">
                  <c:v>0</c:v>
                </c:pt>
                <c:pt idx="4577">
                  <c:v>0</c:v>
                </c:pt>
                <c:pt idx="4578">
                  <c:v>0</c:v>
                </c:pt>
                <c:pt idx="4579">
                  <c:v>0</c:v>
                </c:pt>
                <c:pt idx="4580">
                  <c:v>0</c:v>
                </c:pt>
                <c:pt idx="4581">
                  <c:v>0</c:v>
                </c:pt>
                <c:pt idx="4582">
                  <c:v>0</c:v>
                </c:pt>
                <c:pt idx="4583">
                  <c:v>0</c:v>
                </c:pt>
                <c:pt idx="4584">
                  <c:v>0</c:v>
                </c:pt>
                <c:pt idx="4585">
                  <c:v>0</c:v>
                </c:pt>
                <c:pt idx="4586">
                  <c:v>0</c:v>
                </c:pt>
                <c:pt idx="4587">
                  <c:v>0</c:v>
                </c:pt>
                <c:pt idx="4588">
                  <c:v>0</c:v>
                </c:pt>
                <c:pt idx="4589">
                  <c:v>0</c:v>
                </c:pt>
                <c:pt idx="4590">
                  <c:v>0</c:v>
                </c:pt>
                <c:pt idx="4591">
                  <c:v>0</c:v>
                </c:pt>
                <c:pt idx="4592">
                  <c:v>0</c:v>
                </c:pt>
                <c:pt idx="4593">
                  <c:v>0</c:v>
                </c:pt>
                <c:pt idx="4594">
                  <c:v>0</c:v>
                </c:pt>
                <c:pt idx="4595">
                  <c:v>0</c:v>
                </c:pt>
                <c:pt idx="4596">
                  <c:v>0</c:v>
                </c:pt>
                <c:pt idx="4597">
                  <c:v>0</c:v>
                </c:pt>
                <c:pt idx="4598">
                  <c:v>0</c:v>
                </c:pt>
                <c:pt idx="4599">
                  <c:v>0</c:v>
                </c:pt>
                <c:pt idx="4600">
                  <c:v>0</c:v>
                </c:pt>
                <c:pt idx="4601">
                  <c:v>0</c:v>
                </c:pt>
                <c:pt idx="4602">
                  <c:v>0</c:v>
                </c:pt>
                <c:pt idx="4603">
                  <c:v>0</c:v>
                </c:pt>
                <c:pt idx="4604">
                  <c:v>0</c:v>
                </c:pt>
                <c:pt idx="4605">
                  <c:v>0</c:v>
                </c:pt>
                <c:pt idx="4606">
                  <c:v>0</c:v>
                </c:pt>
                <c:pt idx="4607">
                  <c:v>0</c:v>
                </c:pt>
                <c:pt idx="4608">
                  <c:v>0</c:v>
                </c:pt>
                <c:pt idx="4609">
                  <c:v>0</c:v>
                </c:pt>
                <c:pt idx="4610">
                  <c:v>0</c:v>
                </c:pt>
                <c:pt idx="4611">
                  <c:v>0</c:v>
                </c:pt>
                <c:pt idx="4612">
                  <c:v>0</c:v>
                </c:pt>
                <c:pt idx="4613">
                  <c:v>0</c:v>
                </c:pt>
                <c:pt idx="4614">
                  <c:v>0</c:v>
                </c:pt>
                <c:pt idx="4615">
                  <c:v>0</c:v>
                </c:pt>
                <c:pt idx="4616">
                  <c:v>0</c:v>
                </c:pt>
                <c:pt idx="4617">
                  <c:v>0</c:v>
                </c:pt>
                <c:pt idx="4618">
                  <c:v>0</c:v>
                </c:pt>
                <c:pt idx="4619">
                  <c:v>0</c:v>
                </c:pt>
                <c:pt idx="4620">
                  <c:v>0</c:v>
                </c:pt>
                <c:pt idx="4621">
                  <c:v>0</c:v>
                </c:pt>
                <c:pt idx="4622">
                  <c:v>0</c:v>
                </c:pt>
                <c:pt idx="4623">
                  <c:v>0</c:v>
                </c:pt>
                <c:pt idx="4624">
                  <c:v>0</c:v>
                </c:pt>
                <c:pt idx="4625">
                  <c:v>0</c:v>
                </c:pt>
                <c:pt idx="4626">
                  <c:v>0</c:v>
                </c:pt>
                <c:pt idx="4627">
                  <c:v>0</c:v>
                </c:pt>
                <c:pt idx="4628">
                  <c:v>0</c:v>
                </c:pt>
                <c:pt idx="4629">
                  <c:v>0</c:v>
                </c:pt>
                <c:pt idx="4630">
                  <c:v>0</c:v>
                </c:pt>
                <c:pt idx="4631">
                  <c:v>0</c:v>
                </c:pt>
                <c:pt idx="4632">
                  <c:v>0</c:v>
                </c:pt>
                <c:pt idx="4633">
                  <c:v>0</c:v>
                </c:pt>
                <c:pt idx="4634">
                  <c:v>0</c:v>
                </c:pt>
                <c:pt idx="4635">
                  <c:v>0</c:v>
                </c:pt>
                <c:pt idx="4636">
                  <c:v>0</c:v>
                </c:pt>
                <c:pt idx="4637">
                  <c:v>0</c:v>
                </c:pt>
                <c:pt idx="4638">
                  <c:v>0</c:v>
                </c:pt>
                <c:pt idx="4639">
                  <c:v>0</c:v>
                </c:pt>
                <c:pt idx="4640">
                  <c:v>0</c:v>
                </c:pt>
                <c:pt idx="4641">
                  <c:v>0</c:v>
                </c:pt>
                <c:pt idx="4642">
                  <c:v>0</c:v>
                </c:pt>
                <c:pt idx="4643">
                  <c:v>0</c:v>
                </c:pt>
                <c:pt idx="4644">
                  <c:v>0</c:v>
                </c:pt>
                <c:pt idx="4645">
                  <c:v>0</c:v>
                </c:pt>
                <c:pt idx="4646">
                  <c:v>0</c:v>
                </c:pt>
                <c:pt idx="4647">
                  <c:v>0</c:v>
                </c:pt>
                <c:pt idx="4648">
                  <c:v>0</c:v>
                </c:pt>
                <c:pt idx="4649">
                  <c:v>0</c:v>
                </c:pt>
                <c:pt idx="4650">
                  <c:v>0</c:v>
                </c:pt>
                <c:pt idx="4651">
                  <c:v>0</c:v>
                </c:pt>
                <c:pt idx="4652">
                  <c:v>0</c:v>
                </c:pt>
                <c:pt idx="4653">
                  <c:v>0</c:v>
                </c:pt>
                <c:pt idx="4654">
                  <c:v>0</c:v>
                </c:pt>
                <c:pt idx="4655">
                  <c:v>0</c:v>
                </c:pt>
                <c:pt idx="4656">
                  <c:v>0</c:v>
                </c:pt>
                <c:pt idx="4657">
                  <c:v>0</c:v>
                </c:pt>
                <c:pt idx="4658">
                  <c:v>0</c:v>
                </c:pt>
                <c:pt idx="4659">
                  <c:v>0</c:v>
                </c:pt>
                <c:pt idx="4660">
                  <c:v>0</c:v>
                </c:pt>
                <c:pt idx="4661">
                  <c:v>0</c:v>
                </c:pt>
                <c:pt idx="4662">
                  <c:v>0</c:v>
                </c:pt>
                <c:pt idx="4663">
                  <c:v>0</c:v>
                </c:pt>
                <c:pt idx="4664">
                  <c:v>0</c:v>
                </c:pt>
                <c:pt idx="4665">
                  <c:v>0</c:v>
                </c:pt>
                <c:pt idx="4666">
                  <c:v>0</c:v>
                </c:pt>
                <c:pt idx="4667">
                  <c:v>0</c:v>
                </c:pt>
                <c:pt idx="4668">
                  <c:v>0</c:v>
                </c:pt>
                <c:pt idx="4669">
                  <c:v>0</c:v>
                </c:pt>
                <c:pt idx="4670">
                  <c:v>0</c:v>
                </c:pt>
                <c:pt idx="4671">
                  <c:v>0</c:v>
                </c:pt>
                <c:pt idx="4672">
                  <c:v>0</c:v>
                </c:pt>
                <c:pt idx="4673">
                  <c:v>0</c:v>
                </c:pt>
                <c:pt idx="4674">
                  <c:v>0</c:v>
                </c:pt>
                <c:pt idx="4675">
                  <c:v>0</c:v>
                </c:pt>
                <c:pt idx="4676">
                  <c:v>0</c:v>
                </c:pt>
                <c:pt idx="4677">
                  <c:v>0</c:v>
                </c:pt>
                <c:pt idx="4678">
                  <c:v>0</c:v>
                </c:pt>
                <c:pt idx="4679">
                  <c:v>0</c:v>
                </c:pt>
                <c:pt idx="4680">
                  <c:v>0</c:v>
                </c:pt>
                <c:pt idx="4681">
                  <c:v>0</c:v>
                </c:pt>
                <c:pt idx="4682">
                  <c:v>0</c:v>
                </c:pt>
                <c:pt idx="4683">
                  <c:v>0</c:v>
                </c:pt>
                <c:pt idx="4684">
                  <c:v>0</c:v>
                </c:pt>
                <c:pt idx="4685">
                  <c:v>0</c:v>
                </c:pt>
                <c:pt idx="4686">
                  <c:v>0</c:v>
                </c:pt>
                <c:pt idx="4687">
                  <c:v>0</c:v>
                </c:pt>
                <c:pt idx="4688">
                  <c:v>0</c:v>
                </c:pt>
                <c:pt idx="4689">
                  <c:v>0</c:v>
                </c:pt>
                <c:pt idx="4690">
                  <c:v>0</c:v>
                </c:pt>
                <c:pt idx="4691">
                  <c:v>0</c:v>
                </c:pt>
                <c:pt idx="4692">
                  <c:v>0</c:v>
                </c:pt>
                <c:pt idx="4693">
                  <c:v>0</c:v>
                </c:pt>
                <c:pt idx="4694">
                  <c:v>0</c:v>
                </c:pt>
                <c:pt idx="4695">
                  <c:v>0</c:v>
                </c:pt>
                <c:pt idx="4696">
                  <c:v>0</c:v>
                </c:pt>
                <c:pt idx="4697">
                  <c:v>0</c:v>
                </c:pt>
                <c:pt idx="4698">
                  <c:v>0</c:v>
                </c:pt>
                <c:pt idx="4699">
                  <c:v>0</c:v>
                </c:pt>
                <c:pt idx="4700">
                  <c:v>0</c:v>
                </c:pt>
                <c:pt idx="4701">
                  <c:v>0</c:v>
                </c:pt>
                <c:pt idx="4702">
                  <c:v>0</c:v>
                </c:pt>
                <c:pt idx="4703">
                  <c:v>0</c:v>
                </c:pt>
                <c:pt idx="4704">
                  <c:v>0</c:v>
                </c:pt>
                <c:pt idx="4705">
                  <c:v>0</c:v>
                </c:pt>
                <c:pt idx="4706">
                  <c:v>0</c:v>
                </c:pt>
                <c:pt idx="4707">
                  <c:v>0</c:v>
                </c:pt>
                <c:pt idx="4708">
                  <c:v>0</c:v>
                </c:pt>
                <c:pt idx="4709">
                  <c:v>0</c:v>
                </c:pt>
                <c:pt idx="4710">
                  <c:v>0</c:v>
                </c:pt>
                <c:pt idx="4711">
                  <c:v>0</c:v>
                </c:pt>
                <c:pt idx="4712">
                  <c:v>0</c:v>
                </c:pt>
                <c:pt idx="4713">
                  <c:v>0</c:v>
                </c:pt>
                <c:pt idx="4714">
                  <c:v>0</c:v>
                </c:pt>
                <c:pt idx="4715">
                  <c:v>0</c:v>
                </c:pt>
                <c:pt idx="4716">
                  <c:v>0</c:v>
                </c:pt>
                <c:pt idx="4717">
                  <c:v>0</c:v>
                </c:pt>
                <c:pt idx="4718">
                  <c:v>0</c:v>
                </c:pt>
                <c:pt idx="4719">
                  <c:v>0</c:v>
                </c:pt>
                <c:pt idx="4720">
                  <c:v>0</c:v>
                </c:pt>
                <c:pt idx="4721">
                  <c:v>0</c:v>
                </c:pt>
                <c:pt idx="4722">
                  <c:v>0</c:v>
                </c:pt>
                <c:pt idx="4723">
                  <c:v>0</c:v>
                </c:pt>
                <c:pt idx="4724">
                  <c:v>0</c:v>
                </c:pt>
                <c:pt idx="4725">
                  <c:v>0</c:v>
                </c:pt>
                <c:pt idx="4726">
                  <c:v>0</c:v>
                </c:pt>
                <c:pt idx="4727">
                  <c:v>0</c:v>
                </c:pt>
                <c:pt idx="4728">
                  <c:v>0</c:v>
                </c:pt>
                <c:pt idx="4729">
                  <c:v>0</c:v>
                </c:pt>
                <c:pt idx="4730">
                  <c:v>0</c:v>
                </c:pt>
                <c:pt idx="4731">
                  <c:v>0</c:v>
                </c:pt>
                <c:pt idx="4732">
                  <c:v>0</c:v>
                </c:pt>
                <c:pt idx="4733">
                  <c:v>0</c:v>
                </c:pt>
                <c:pt idx="4734">
                  <c:v>0</c:v>
                </c:pt>
                <c:pt idx="4735">
                  <c:v>0</c:v>
                </c:pt>
                <c:pt idx="4736">
                  <c:v>0</c:v>
                </c:pt>
                <c:pt idx="4737">
                  <c:v>0</c:v>
                </c:pt>
                <c:pt idx="4738">
                  <c:v>0</c:v>
                </c:pt>
                <c:pt idx="4739">
                  <c:v>0</c:v>
                </c:pt>
                <c:pt idx="4740">
                  <c:v>0</c:v>
                </c:pt>
                <c:pt idx="4741">
                  <c:v>0</c:v>
                </c:pt>
                <c:pt idx="4742">
                  <c:v>0</c:v>
                </c:pt>
                <c:pt idx="4743">
                  <c:v>0</c:v>
                </c:pt>
                <c:pt idx="4744">
                  <c:v>0</c:v>
                </c:pt>
                <c:pt idx="4745">
                  <c:v>0</c:v>
                </c:pt>
                <c:pt idx="4746">
                  <c:v>0</c:v>
                </c:pt>
                <c:pt idx="4747">
                  <c:v>0</c:v>
                </c:pt>
                <c:pt idx="4748">
                  <c:v>0</c:v>
                </c:pt>
                <c:pt idx="4749">
                  <c:v>0</c:v>
                </c:pt>
                <c:pt idx="4750">
                  <c:v>0</c:v>
                </c:pt>
                <c:pt idx="4751">
                  <c:v>0</c:v>
                </c:pt>
                <c:pt idx="4752">
                  <c:v>0</c:v>
                </c:pt>
                <c:pt idx="4753">
                  <c:v>0</c:v>
                </c:pt>
                <c:pt idx="4754">
                  <c:v>0</c:v>
                </c:pt>
                <c:pt idx="4755">
                  <c:v>0</c:v>
                </c:pt>
                <c:pt idx="4756">
                  <c:v>0</c:v>
                </c:pt>
                <c:pt idx="4757">
                  <c:v>0</c:v>
                </c:pt>
                <c:pt idx="4758">
                  <c:v>0</c:v>
                </c:pt>
                <c:pt idx="4759">
                  <c:v>0</c:v>
                </c:pt>
                <c:pt idx="4760">
                  <c:v>0</c:v>
                </c:pt>
                <c:pt idx="4761">
                  <c:v>0</c:v>
                </c:pt>
                <c:pt idx="4762">
                  <c:v>0</c:v>
                </c:pt>
                <c:pt idx="4763">
                  <c:v>0</c:v>
                </c:pt>
                <c:pt idx="4764">
                  <c:v>0</c:v>
                </c:pt>
                <c:pt idx="4765">
                  <c:v>0</c:v>
                </c:pt>
                <c:pt idx="4766">
                  <c:v>0</c:v>
                </c:pt>
                <c:pt idx="4767">
                  <c:v>0</c:v>
                </c:pt>
                <c:pt idx="4768">
                  <c:v>0</c:v>
                </c:pt>
                <c:pt idx="4769">
                  <c:v>0</c:v>
                </c:pt>
                <c:pt idx="4770">
                  <c:v>0</c:v>
                </c:pt>
                <c:pt idx="4771">
                  <c:v>0</c:v>
                </c:pt>
                <c:pt idx="4772">
                  <c:v>0</c:v>
                </c:pt>
                <c:pt idx="4773">
                  <c:v>0</c:v>
                </c:pt>
                <c:pt idx="4774">
                  <c:v>0</c:v>
                </c:pt>
                <c:pt idx="4775">
                  <c:v>0</c:v>
                </c:pt>
                <c:pt idx="4776">
                  <c:v>0</c:v>
                </c:pt>
                <c:pt idx="4777">
                  <c:v>0</c:v>
                </c:pt>
                <c:pt idx="4778">
                  <c:v>0</c:v>
                </c:pt>
                <c:pt idx="4779">
                  <c:v>0</c:v>
                </c:pt>
                <c:pt idx="4780">
                  <c:v>0</c:v>
                </c:pt>
                <c:pt idx="4781">
                  <c:v>0</c:v>
                </c:pt>
                <c:pt idx="4782">
                  <c:v>0</c:v>
                </c:pt>
                <c:pt idx="4783">
                  <c:v>0</c:v>
                </c:pt>
                <c:pt idx="4784">
                  <c:v>0</c:v>
                </c:pt>
                <c:pt idx="4785">
                  <c:v>0</c:v>
                </c:pt>
                <c:pt idx="4786">
                  <c:v>0</c:v>
                </c:pt>
                <c:pt idx="4787">
                  <c:v>0</c:v>
                </c:pt>
                <c:pt idx="4788">
                  <c:v>0</c:v>
                </c:pt>
                <c:pt idx="4789">
                  <c:v>0</c:v>
                </c:pt>
                <c:pt idx="4790">
                  <c:v>0</c:v>
                </c:pt>
                <c:pt idx="4791">
                  <c:v>0</c:v>
                </c:pt>
                <c:pt idx="4792">
                  <c:v>0</c:v>
                </c:pt>
                <c:pt idx="4793">
                  <c:v>0</c:v>
                </c:pt>
                <c:pt idx="4794">
                  <c:v>0</c:v>
                </c:pt>
                <c:pt idx="4795">
                  <c:v>0</c:v>
                </c:pt>
                <c:pt idx="4796">
                  <c:v>0</c:v>
                </c:pt>
                <c:pt idx="4797">
                  <c:v>0</c:v>
                </c:pt>
                <c:pt idx="4798">
                  <c:v>0</c:v>
                </c:pt>
                <c:pt idx="4799">
                  <c:v>0</c:v>
                </c:pt>
                <c:pt idx="4800">
                  <c:v>0</c:v>
                </c:pt>
                <c:pt idx="4801">
                  <c:v>0</c:v>
                </c:pt>
                <c:pt idx="4802">
                  <c:v>0</c:v>
                </c:pt>
                <c:pt idx="4803">
                  <c:v>0</c:v>
                </c:pt>
                <c:pt idx="4804">
                  <c:v>0</c:v>
                </c:pt>
                <c:pt idx="4805">
                  <c:v>0</c:v>
                </c:pt>
                <c:pt idx="4806">
                  <c:v>0</c:v>
                </c:pt>
                <c:pt idx="4807">
                  <c:v>0</c:v>
                </c:pt>
                <c:pt idx="4808">
                  <c:v>0</c:v>
                </c:pt>
                <c:pt idx="4809">
                  <c:v>0</c:v>
                </c:pt>
                <c:pt idx="4810">
                  <c:v>0</c:v>
                </c:pt>
                <c:pt idx="4811">
                  <c:v>0</c:v>
                </c:pt>
                <c:pt idx="4812">
                  <c:v>0</c:v>
                </c:pt>
                <c:pt idx="4813">
                  <c:v>0</c:v>
                </c:pt>
                <c:pt idx="4814">
                  <c:v>0</c:v>
                </c:pt>
                <c:pt idx="4815">
                  <c:v>0</c:v>
                </c:pt>
                <c:pt idx="4816">
                  <c:v>0</c:v>
                </c:pt>
                <c:pt idx="4817">
                  <c:v>0</c:v>
                </c:pt>
                <c:pt idx="4818">
                  <c:v>0</c:v>
                </c:pt>
                <c:pt idx="4819">
                  <c:v>0</c:v>
                </c:pt>
                <c:pt idx="4820">
                  <c:v>0</c:v>
                </c:pt>
                <c:pt idx="4821">
                  <c:v>0</c:v>
                </c:pt>
                <c:pt idx="4822">
                  <c:v>0</c:v>
                </c:pt>
                <c:pt idx="4823">
                  <c:v>0</c:v>
                </c:pt>
                <c:pt idx="4824">
                  <c:v>0</c:v>
                </c:pt>
                <c:pt idx="4825">
                  <c:v>0</c:v>
                </c:pt>
                <c:pt idx="4826">
                  <c:v>0</c:v>
                </c:pt>
                <c:pt idx="4827">
                  <c:v>0</c:v>
                </c:pt>
                <c:pt idx="4828">
                  <c:v>0</c:v>
                </c:pt>
                <c:pt idx="4829">
                  <c:v>0</c:v>
                </c:pt>
                <c:pt idx="4830">
                  <c:v>0</c:v>
                </c:pt>
                <c:pt idx="4831">
                  <c:v>0</c:v>
                </c:pt>
                <c:pt idx="4832">
                  <c:v>0</c:v>
                </c:pt>
                <c:pt idx="4833">
                  <c:v>0</c:v>
                </c:pt>
                <c:pt idx="4834">
                  <c:v>0</c:v>
                </c:pt>
                <c:pt idx="4835">
                  <c:v>0</c:v>
                </c:pt>
                <c:pt idx="4836">
                  <c:v>0</c:v>
                </c:pt>
                <c:pt idx="4837">
                  <c:v>0</c:v>
                </c:pt>
                <c:pt idx="4838">
                  <c:v>0</c:v>
                </c:pt>
                <c:pt idx="4839">
                  <c:v>0</c:v>
                </c:pt>
                <c:pt idx="4840">
                  <c:v>0</c:v>
                </c:pt>
                <c:pt idx="4841">
                  <c:v>0</c:v>
                </c:pt>
                <c:pt idx="4842">
                  <c:v>0</c:v>
                </c:pt>
                <c:pt idx="4843">
                  <c:v>0</c:v>
                </c:pt>
                <c:pt idx="4844">
                  <c:v>0</c:v>
                </c:pt>
                <c:pt idx="4845">
                  <c:v>0</c:v>
                </c:pt>
                <c:pt idx="4846">
                  <c:v>0</c:v>
                </c:pt>
                <c:pt idx="4847">
                  <c:v>0</c:v>
                </c:pt>
                <c:pt idx="4848">
                  <c:v>0</c:v>
                </c:pt>
                <c:pt idx="4849">
                  <c:v>0</c:v>
                </c:pt>
                <c:pt idx="4850">
                  <c:v>0</c:v>
                </c:pt>
                <c:pt idx="4851">
                  <c:v>0</c:v>
                </c:pt>
                <c:pt idx="4852">
                  <c:v>0</c:v>
                </c:pt>
                <c:pt idx="4853">
                  <c:v>0</c:v>
                </c:pt>
                <c:pt idx="4854">
                  <c:v>0</c:v>
                </c:pt>
                <c:pt idx="4855">
                  <c:v>0</c:v>
                </c:pt>
                <c:pt idx="4856">
                  <c:v>0</c:v>
                </c:pt>
                <c:pt idx="4857">
                  <c:v>0</c:v>
                </c:pt>
                <c:pt idx="4858">
                  <c:v>0</c:v>
                </c:pt>
                <c:pt idx="4859">
                  <c:v>0</c:v>
                </c:pt>
                <c:pt idx="4860">
                  <c:v>0</c:v>
                </c:pt>
                <c:pt idx="4861">
                  <c:v>0</c:v>
                </c:pt>
                <c:pt idx="4862">
                  <c:v>0</c:v>
                </c:pt>
                <c:pt idx="4863">
                  <c:v>0</c:v>
                </c:pt>
                <c:pt idx="4864">
                  <c:v>0</c:v>
                </c:pt>
                <c:pt idx="4865">
                  <c:v>0</c:v>
                </c:pt>
                <c:pt idx="4866">
                  <c:v>0</c:v>
                </c:pt>
                <c:pt idx="4867">
                  <c:v>0</c:v>
                </c:pt>
                <c:pt idx="4868">
                  <c:v>0</c:v>
                </c:pt>
                <c:pt idx="4869">
                  <c:v>0</c:v>
                </c:pt>
                <c:pt idx="4870">
                  <c:v>0</c:v>
                </c:pt>
                <c:pt idx="4871">
                  <c:v>0</c:v>
                </c:pt>
                <c:pt idx="4872">
                  <c:v>0</c:v>
                </c:pt>
                <c:pt idx="4873">
                  <c:v>0</c:v>
                </c:pt>
                <c:pt idx="4874">
                  <c:v>0</c:v>
                </c:pt>
                <c:pt idx="4875">
                  <c:v>0</c:v>
                </c:pt>
                <c:pt idx="4876">
                  <c:v>0</c:v>
                </c:pt>
                <c:pt idx="4877">
                  <c:v>0</c:v>
                </c:pt>
                <c:pt idx="4878">
                  <c:v>0</c:v>
                </c:pt>
                <c:pt idx="4879">
                  <c:v>0</c:v>
                </c:pt>
                <c:pt idx="4880">
                  <c:v>0</c:v>
                </c:pt>
                <c:pt idx="4881">
                  <c:v>0</c:v>
                </c:pt>
                <c:pt idx="4882">
                  <c:v>0</c:v>
                </c:pt>
                <c:pt idx="4883">
                  <c:v>0</c:v>
                </c:pt>
                <c:pt idx="4884">
                  <c:v>0</c:v>
                </c:pt>
                <c:pt idx="4885">
                  <c:v>0</c:v>
                </c:pt>
                <c:pt idx="4886">
                  <c:v>0</c:v>
                </c:pt>
                <c:pt idx="4887">
                  <c:v>0</c:v>
                </c:pt>
                <c:pt idx="4888">
                  <c:v>0</c:v>
                </c:pt>
                <c:pt idx="4889">
                  <c:v>0</c:v>
                </c:pt>
                <c:pt idx="4890">
                  <c:v>0</c:v>
                </c:pt>
                <c:pt idx="4891">
                  <c:v>0</c:v>
                </c:pt>
                <c:pt idx="4892">
                  <c:v>0</c:v>
                </c:pt>
                <c:pt idx="4893">
                  <c:v>0</c:v>
                </c:pt>
                <c:pt idx="4894">
                  <c:v>0</c:v>
                </c:pt>
                <c:pt idx="4895">
                  <c:v>0</c:v>
                </c:pt>
                <c:pt idx="4896">
                  <c:v>0</c:v>
                </c:pt>
                <c:pt idx="4897">
                  <c:v>0</c:v>
                </c:pt>
                <c:pt idx="4898">
                  <c:v>0</c:v>
                </c:pt>
                <c:pt idx="4899">
                  <c:v>0</c:v>
                </c:pt>
                <c:pt idx="4900">
                  <c:v>0</c:v>
                </c:pt>
                <c:pt idx="4901">
                  <c:v>0</c:v>
                </c:pt>
                <c:pt idx="4902">
                  <c:v>0</c:v>
                </c:pt>
                <c:pt idx="4903">
                  <c:v>0</c:v>
                </c:pt>
                <c:pt idx="4904">
                  <c:v>0</c:v>
                </c:pt>
                <c:pt idx="4905">
                  <c:v>0</c:v>
                </c:pt>
                <c:pt idx="4906">
                  <c:v>0</c:v>
                </c:pt>
                <c:pt idx="4907">
                  <c:v>0</c:v>
                </c:pt>
                <c:pt idx="4908">
                  <c:v>0</c:v>
                </c:pt>
                <c:pt idx="4909">
                  <c:v>0</c:v>
                </c:pt>
                <c:pt idx="4910">
                  <c:v>0</c:v>
                </c:pt>
                <c:pt idx="4911">
                  <c:v>0</c:v>
                </c:pt>
                <c:pt idx="4912">
                  <c:v>0</c:v>
                </c:pt>
                <c:pt idx="4913">
                  <c:v>0</c:v>
                </c:pt>
                <c:pt idx="4914">
                  <c:v>0</c:v>
                </c:pt>
                <c:pt idx="4915">
                  <c:v>0</c:v>
                </c:pt>
                <c:pt idx="4916">
                  <c:v>0</c:v>
                </c:pt>
                <c:pt idx="4917">
                  <c:v>0</c:v>
                </c:pt>
                <c:pt idx="4918">
                  <c:v>0</c:v>
                </c:pt>
                <c:pt idx="4919">
                  <c:v>0</c:v>
                </c:pt>
                <c:pt idx="4920">
                  <c:v>0</c:v>
                </c:pt>
                <c:pt idx="4921">
                  <c:v>0</c:v>
                </c:pt>
                <c:pt idx="4922">
                  <c:v>0</c:v>
                </c:pt>
                <c:pt idx="4923">
                  <c:v>0</c:v>
                </c:pt>
                <c:pt idx="4924">
                  <c:v>0</c:v>
                </c:pt>
                <c:pt idx="4925">
                  <c:v>0</c:v>
                </c:pt>
                <c:pt idx="4926">
                  <c:v>0</c:v>
                </c:pt>
                <c:pt idx="4927">
                  <c:v>0</c:v>
                </c:pt>
                <c:pt idx="4928">
                  <c:v>0</c:v>
                </c:pt>
                <c:pt idx="4929">
                  <c:v>0</c:v>
                </c:pt>
                <c:pt idx="4930">
                  <c:v>0</c:v>
                </c:pt>
                <c:pt idx="4931">
                  <c:v>0</c:v>
                </c:pt>
                <c:pt idx="4932">
                  <c:v>0</c:v>
                </c:pt>
                <c:pt idx="4933">
                  <c:v>0</c:v>
                </c:pt>
                <c:pt idx="4934">
                  <c:v>0</c:v>
                </c:pt>
                <c:pt idx="4935">
                  <c:v>0</c:v>
                </c:pt>
                <c:pt idx="4936">
                  <c:v>0</c:v>
                </c:pt>
                <c:pt idx="4937">
                  <c:v>0</c:v>
                </c:pt>
                <c:pt idx="4938">
                  <c:v>0</c:v>
                </c:pt>
                <c:pt idx="4939">
                  <c:v>0</c:v>
                </c:pt>
                <c:pt idx="4940">
                  <c:v>0</c:v>
                </c:pt>
                <c:pt idx="4941">
                  <c:v>0</c:v>
                </c:pt>
                <c:pt idx="4942">
                  <c:v>0</c:v>
                </c:pt>
                <c:pt idx="4943">
                  <c:v>0</c:v>
                </c:pt>
                <c:pt idx="4944">
                  <c:v>0</c:v>
                </c:pt>
                <c:pt idx="4945">
                  <c:v>0</c:v>
                </c:pt>
                <c:pt idx="4946">
                  <c:v>0</c:v>
                </c:pt>
                <c:pt idx="4947">
                  <c:v>0</c:v>
                </c:pt>
                <c:pt idx="4948">
                  <c:v>0</c:v>
                </c:pt>
                <c:pt idx="4949">
                  <c:v>0</c:v>
                </c:pt>
                <c:pt idx="4950">
                  <c:v>0</c:v>
                </c:pt>
                <c:pt idx="4951">
                  <c:v>0</c:v>
                </c:pt>
                <c:pt idx="4952">
                  <c:v>0</c:v>
                </c:pt>
                <c:pt idx="4953">
                  <c:v>0</c:v>
                </c:pt>
                <c:pt idx="4954">
                  <c:v>0</c:v>
                </c:pt>
                <c:pt idx="4955">
                  <c:v>0</c:v>
                </c:pt>
                <c:pt idx="4956">
                  <c:v>0</c:v>
                </c:pt>
                <c:pt idx="4957">
                  <c:v>0</c:v>
                </c:pt>
                <c:pt idx="4958">
                  <c:v>0</c:v>
                </c:pt>
                <c:pt idx="4959">
                  <c:v>0</c:v>
                </c:pt>
                <c:pt idx="4960">
                  <c:v>0</c:v>
                </c:pt>
                <c:pt idx="4961">
                  <c:v>0</c:v>
                </c:pt>
                <c:pt idx="4962">
                  <c:v>0</c:v>
                </c:pt>
                <c:pt idx="4963">
                  <c:v>0</c:v>
                </c:pt>
                <c:pt idx="4964">
                  <c:v>0</c:v>
                </c:pt>
                <c:pt idx="4965">
                  <c:v>0</c:v>
                </c:pt>
                <c:pt idx="4966">
                  <c:v>0</c:v>
                </c:pt>
                <c:pt idx="4967">
                  <c:v>0</c:v>
                </c:pt>
                <c:pt idx="4968">
                  <c:v>0</c:v>
                </c:pt>
                <c:pt idx="4969">
                  <c:v>0</c:v>
                </c:pt>
                <c:pt idx="4970">
                  <c:v>0</c:v>
                </c:pt>
                <c:pt idx="4971">
                  <c:v>0</c:v>
                </c:pt>
                <c:pt idx="4972">
                  <c:v>0</c:v>
                </c:pt>
                <c:pt idx="4973">
                  <c:v>0</c:v>
                </c:pt>
                <c:pt idx="4974">
                  <c:v>0</c:v>
                </c:pt>
                <c:pt idx="4975">
                  <c:v>0</c:v>
                </c:pt>
                <c:pt idx="4976">
                  <c:v>0</c:v>
                </c:pt>
                <c:pt idx="4977">
                  <c:v>0</c:v>
                </c:pt>
                <c:pt idx="4978">
                  <c:v>0</c:v>
                </c:pt>
                <c:pt idx="4979">
                  <c:v>0</c:v>
                </c:pt>
                <c:pt idx="4980">
                  <c:v>0</c:v>
                </c:pt>
                <c:pt idx="4981">
                  <c:v>0</c:v>
                </c:pt>
                <c:pt idx="4982">
                  <c:v>0</c:v>
                </c:pt>
                <c:pt idx="4983">
                  <c:v>0</c:v>
                </c:pt>
                <c:pt idx="4984">
                  <c:v>0</c:v>
                </c:pt>
                <c:pt idx="4985">
                  <c:v>0</c:v>
                </c:pt>
                <c:pt idx="4986">
                  <c:v>0</c:v>
                </c:pt>
                <c:pt idx="4987">
                  <c:v>0</c:v>
                </c:pt>
                <c:pt idx="4988">
                  <c:v>0</c:v>
                </c:pt>
                <c:pt idx="4989">
                  <c:v>0</c:v>
                </c:pt>
                <c:pt idx="4990">
                  <c:v>0</c:v>
                </c:pt>
                <c:pt idx="4991">
                  <c:v>0</c:v>
                </c:pt>
                <c:pt idx="4992">
                  <c:v>0</c:v>
                </c:pt>
                <c:pt idx="4993">
                  <c:v>0</c:v>
                </c:pt>
                <c:pt idx="4994">
                  <c:v>0</c:v>
                </c:pt>
                <c:pt idx="4995">
                  <c:v>0</c:v>
                </c:pt>
                <c:pt idx="4996">
                  <c:v>0</c:v>
                </c:pt>
                <c:pt idx="4997">
                  <c:v>0</c:v>
                </c:pt>
                <c:pt idx="4998">
                  <c:v>0</c:v>
                </c:pt>
                <c:pt idx="4999">
                  <c:v>0</c:v>
                </c:pt>
                <c:pt idx="5000">
                  <c:v>0</c:v>
                </c:pt>
                <c:pt idx="5001">
                  <c:v>0</c:v>
                </c:pt>
                <c:pt idx="5002">
                  <c:v>0</c:v>
                </c:pt>
                <c:pt idx="5003">
                  <c:v>0</c:v>
                </c:pt>
                <c:pt idx="5004">
                  <c:v>0</c:v>
                </c:pt>
                <c:pt idx="5005">
                  <c:v>0</c:v>
                </c:pt>
                <c:pt idx="5006">
                  <c:v>0</c:v>
                </c:pt>
                <c:pt idx="5007">
                  <c:v>0</c:v>
                </c:pt>
                <c:pt idx="5008">
                  <c:v>0</c:v>
                </c:pt>
                <c:pt idx="5009">
                  <c:v>0</c:v>
                </c:pt>
                <c:pt idx="5010">
                  <c:v>0</c:v>
                </c:pt>
                <c:pt idx="5011">
                  <c:v>0</c:v>
                </c:pt>
                <c:pt idx="5012">
                  <c:v>0</c:v>
                </c:pt>
                <c:pt idx="5013">
                  <c:v>0</c:v>
                </c:pt>
                <c:pt idx="5014">
                  <c:v>0</c:v>
                </c:pt>
                <c:pt idx="5015">
                  <c:v>0</c:v>
                </c:pt>
                <c:pt idx="5016">
                  <c:v>0</c:v>
                </c:pt>
                <c:pt idx="5017">
                  <c:v>0</c:v>
                </c:pt>
                <c:pt idx="5018">
                  <c:v>0</c:v>
                </c:pt>
                <c:pt idx="5019">
                  <c:v>0</c:v>
                </c:pt>
                <c:pt idx="5020">
                  <c:v>0</c:v>
                </c:pt>
                <c:pt idx="5021">
                  <c:v>0</c:v>
                </c:pt>
                <c:pt idx="5022">
                  <c:v>0</c:v>
                </c:pt>
                <c:pt idx="5023">
                  <c:v>0</c:v>
                </c:pt>
                <c:pt idx="5024">
                  <c:v>0</c:v>
                </c:pt>
                <c:pt idx="5025">
                  <c:v>0</c:v>
                </c:pt>
                <c:pt idx="5026">
                  <c:v>0</c:v>
                </c:pt>
                <c:pt idx="5027">
                  <c:v>0</c:v>
                </c:pt>
                <c:pt idx="5028">
                  <c:v>0</c:v>
                </c:pt>
                <c:pt idx="5029">
                  <c:v>0</c:v>
                </c:pt>
                <c:pt idx="5030">
                  <c:v>0</c:v>
                </c:pt>
                <c:pt idx="5031">
                  <c:v>0</c:v>
                </c:pt>
                <c:pt idx="5032">
                  <c:v>0</c:v>
                </c:pt>
                <c:pt idx="5033">
                  <c:v>0</c:v>
                </c:pt>
                <c:pt idx="5034">
                  <c:v>0</c:v>
                </c:pt>
                <c:pt idx="5035">
                  <c:v>0</c:v>
                </c:pt>
                <c:pt idx="5036">
                  <c:v>0</c:v>
                </c:pt>
                <c:pt idx="5037">
                  <c:v>0</c:v>
                </c:pt>
                <c:pt idx="5038">
                  <c:v>0</c:v>
                </c:pt>
                <c:pt idx="5039">
                  <c:v>0</c:v>
                </c:pt>
                <c:pt idx="5040">
                  <c:v>0</c:v>
                </c:pt>
                <c:pt idx="5041">
                  <c:v>0</c:v>
                </c:pt>
                <c:pt idx="5042">
                  <c:v>0</c:v>
                </c:pt>
                <c:pt idx="5043">
                  <c:v>0</c:v>
                </c:pt>
                <c:pt idx="5044">
                  <c:v>0</c:v>
                </c:pt>
                <c:pt idx="5045">
                  <c:v>0</c:v>
                </c:pt>
                <c:pt idx="5046">
                  <c:v>0</c:v>
                </c:pt>
                <c:pt idx="5047">
                  <c:v>0</c:v>
                </c:pt>
                <c:pt idx="5048">
                  <c:v>0</c:v>
                </c:pt>
                <c:pt idx="5049">
                  <c:v>0</c:v>
                </c:pt>
                <c:pt idx="5050">
                  <c:v>0</c:v>
                </c:pt>
                <c:pt idx="5051">
                  <c:v>0</c:v>
                </c:pt>
                <c:pt idx="5052">
                  <c:v>0</c:v>
                </c:pt>
                <c:pt idx="5053">
                  <c:v>0</c:v>
                </c:pt>
                <c:pt idx="5054">
                  <c:v>0</c:v>
                </c:pt>
                <c:pt idx="5055">
                  <c:v>0</c:v>
                </c:pt>
                <c:pt idx="5056">
                  <c:v>0</c:v>
                </c:pt>
                <c:pt idx="5057">
                  <c:v>0</c:v>
                </c:pt>
                <c:pt idx="5058">
                  <c:v>0</c:v>
                </c:pt>
                <c:pt idx="5059">
                  <c:v>0</c:v>
                </c:pt>
                <c:pt idx="5060">
                  <c:v>0</c:v>
                </c:pt>
                <c:pt idx="5061">
                  <c:v>0</c:v>
                </c:pt>
                <c:pt idx="5062">
                  <c:v>0</c:v>
                </c:pt>
                <c:pt idx="5063">
                  <c:v>0</c:v>
                </c:pt>
                <c:pt idx="5064">
                  <c:v>0</c:v>
                </c:pt>
                <c:pt idx="5065">
                  <c:v>0</c:v>
                </c:pt>
                <c:pt idx="5066">
                  <c:v>0</c:v>
                </c:pt>
                <c:pt idx="5067">
                  <c:v>0</c:v>
                </c:pt>
                <c:pt idx="5068">
                  <c:v>0</c:v>
                </c:pt>
                <c:pt idx="5069">
                  <c:v>0</c:v>
                </c:pt>
                <c:pt idx="5070">
                  <c:v>0</c:v>
                </c:pt>
                <c:pt idx="5071">
                  <c:v>0</c:v>
                </c:pt>
                <c:pt idx="5072">
                  <c:v>0</c:v>
                </c:pt>
                <c:pt idx="5073">
                  <c:v>0</c:v>
                </c:pt>
                <c:pt idx="5074">
                  <c:v>0</c:v>
                </c:pt>
                <c:pt idx="5075">
                  <c:v>0</c:v>
                </c:pt>
                <c:pt idx="5076">
                  <c:v>0</c:v>
                </c:pt>
                <c:pt idx="5077">
                  <c:v>0</c:v>
                </c:pt>
                <c:pt idx="5078">
                  <c:v>0</c:v>
                </c:pt>
                <c:pt idx="5079">
                  <c:v>0</c:v>
                </c:pt>
                <c:pt idx="5080">
                  <c:v>0</c:v>
                </c:pt>
                <c:pt idx="5081">
                  <c:v>0</c:v>
                </c:pt>
                <c:pt idx="5082">
                  <c:v>0</c:v>
                </c:pt>
                <c:pt idx="5083">
                  <c:v>0</c:v>
                </c:pt>
                <c:pt idx="5084">
                  <c:v>0</c:v>
                </c:pt>
                <c:pt idx="5085">
                  <c:v>0</c:v>
                </c:pt>
                <c:pt idx="5086">
                  <c:v>0</c:v>
                </c:pt>
                <c:pt idx="5087">
                  <c:v>0</c:v>
                </c:pt>
                <c:pt idx="5088">
                  <c:v>0</c:v>
                </c:pt>
                <c:pt idx="5089">
                  <c:v>0</c:v>
                </c:pt>
                <c:pt idx="5090">
                  <c:v>0</c:v>
                </c:pt>
                <c:pt idx="5091">
                  <c:v>0</c:v>
                </c:pt>
                <c:pt idx="5092">
                  <c:v>0</c:v>
                </c:pt>
                <c:pt idx="5093">
                  <c:v>0</c:v>
                </c:pt>
                <c:pt idx="5094">
                  <c:v>0</c:v>
                </c:pt>
                <c:pt idx="5095">
                  <c:v>0</c:v>
                </c:pt>
                <c:pt idx="5096">
                  <c:v>0</c:v>
                </c:pt>
                <c:pt idx="5097">
                  <c:v>0</c:v>
                </c:pt>
                <c:pt idx="5098">
                  <c:v>0</c:v>
                </c:pt>
                <c:pt idx="5099">
                  <c:v>0</c:v>
                </c:pt>
                <c:pt idx="5100">
                  <c:v>0</c:v>
                </c:pt>
                <c:pt idx="5101">
                  <c:v>0</c:v>
                </c:pt>
                <c:pt idx="5102">
                  <c:v>0</c:v>
                </c:pt>
                <c:pt idx="5103">
                  <c:v>0</c:v>
                </c:pt>
                <c:pt idx="5104">
                  <c:v>0</c:v>
                </c:pt>
                <c:pt idx="5105">
                  <c:v>0</c:v>
                </c:pt>
                <c:pt idx="5106">
                  <c:v>0</c:v>
                </c:pt>
                <c:pt idx="5107">
                  <c:v>0</c:v>
                </c:pt>
                <c:pt idx="5108">
                  <c:v>0</c:v>
                </c:pt>
                <c:pt idx="5109">
                  <c:v>0</c:v>
                </c:pt>
                <c:pt idx="5110">
                  <c:v>0</c:v>
                </c:pt>
                <c:pt idx="5111">
                  <c:v>0</c:v>
                </c:pt>
                <c:pt idx="5112">
                  <c:v>0</c:v>
                </c:pt>
                <c:pt idx="5113">
                  <c:v>0</c:v>
                </c:pt>
                <c:pt idx="5114">
                  <c:v>0</c:v>
                </c:pt>
                <c:pt idx="5115">
                  <c:v>0</c:v>
                </c:pt>
                <c:pt idx="5116">
                  <c:v>0</c:v>
                </c:pt>
                <c:pt idx="5117">
                  <c:v>0</c:v>
                </c:pt>
                <c:pt idx="5118">
                  <c:v>0</c:v>
                </c:pt>
                <c:pt idx="5119">
                  <c:v>0</c:v>
                </c:pt>
                <c:pt idx="5120">
                  <c:v>0</c:v>
                </c:pt>
                <c:pt idx="5121">
                  <c:v>0</c:v>
                </c:pt>
                <c:pt idx="5122">
                  <c:v>0</c:v>
                </c:pt>
                <c:pt idx="5123">
                  <c:v>0</c:v>
                </c:pt>
                <c:pt idx="5124">
                  <c:v>0</c:v>
                </c:pt>
                <c:pt idx="5125">
                  <c:v>0</c:v>
                </c:pt>
                <c:pt idx="5126">
                  <c:v>0</c:v>
                </c:pt>
                <c:pt idx="5127">
                  <c:v>0</c:v>
                </c:pt>
                <c:pt idx="5128">
                  <c:v>0</c:v>
                </c:pt>
                <c:pt idx="5129">
                  <c:v>0</c:v>
                </c:pt>
                <c:pt idx="5130">
                  <c:v>0</c:v>
                </c:pt>
                <c:pt idx="5131">
                  <c:v>0</c:v>
                </c:pt>
                <c:pt idx="5132">
                  <c:v>0</c:v>
                </c:pt>
                <c:pt idx="5133">
                  <c:v>0</c:v>
                </c:pt>
                <c:pt idx="5134">
                  <c:v>0</c:v>
                </c:pt>
                <c:pt idx="5135">
                  <c:v>0</c:v>
                </c:pt>
                <c:pt idx="5136">
                  <c:v>0</c:v>
                </c:pt>
                <c:pt idx="5137">
                  <c:v>0</c:v>
                </c:pt>
                <c:pt idx="5138">
                  <c:v>0</c:v>
                </c:pt>
                <c:pt idx="5139">
                  <c:v>0</c:v>
                </c:pt>
                <c:pt idx="5140">
                  <c:v>0</c:v>
                </c:pt>
                <c:pt idx="5141">
                  <c:v>0</c:v>
                </c:pt>
                <c:pt idx="5142">
                  <c:v>0</c:v>
                </c:pt>
                <c:pt idx="5143">
                  <c:v>0</c:v>
                </c:pt>
                <c:pt idx="5144">
                  <c:v>0</c:v>
                </c:pt>
                <c:pt idx="5145">
                  <c:v>0</c:v>
                </c:pt>
                <c:pt idx="5146">
                  <c:v>0</c:v>
                </c:pt>
                <c:pt idx="5147">
                  <c:v>0</c:v>
                </c:pt>
                <c:pt idx="5148">
                  <c:v>0</c:v>
                </c:pt>
                <c:pt idx="5149">
                  <c:v>0</c:v>
                </c:pt>
                <c:pt idx="5150">
                  <c:v>0</c:v>
                </c:pt>
                <c:pt idx="5151">
                  <c:v>0</c:v>
                </c:pt>
                <c:pt idx="5152">
                  <c:v>0</c:v>
                </c:pt>
                <c:pt idx="5153">
                  <c:v>0</c:v>
                </c:pt>
                <c:pt idx="5154">
                  <c:v>0</c:v>
                </c:pt>
                <c:pt idx="5155">
                  <c:v>0</c:v>
                </c:pt>
                <c:pt idx="5156">
                  <c:v>0</c:v>
                </c:pt>
                <c:pt idx="5157">
                  <c:v>0</c:v>
                </c:pt>
                <c:pt idx="5158">
                  <c:v>0</c:v>
                </c:pt>
                <c:pt idx="5159">
                  <c:v>0</c:v>
                </c:pt>
                <c:pt idx="5160">
                  <c:v>0</c:v>
                </c:pt>
                <c:pt idx="5161">
                  <c:v>0</c:v>
                </c:pt>
                <c:pt idx="5162">
                  <c:v>0</c:v>
                </c:pt>
                <c:pt idx="5163">
                  <c:v>0</c:v>
                </c:pt>
                <c:pt idx="5164">
                  <c:v>0</c:v>
                </c:pt>
                <c:pt idx="5165">
                  <c:v>0</c:v>
                </c:pt>
                <c:pt idx="5166">
                  <c:v>0</c:v>
                </c:pt>
                <c:pt idx="5167">
                  <c:v>0</c:v>
                </c:pt>
                <c:pt idx="5168">
                  <c:v>0</c:v>
                </c:pt>
                <c:pt idx="5169">
                  <c:v>0</c:v>
                </c:pt>
                <c:pt idx="5170">
                  <c:v>0</c:v>
                </c:pt>
                <c:pt idx="5171">
                  <c:v>0</c:v>
                </c:pt>
                <c:pt idx="5172">
                  <c:v>0</c:v>
                </c:pt>
                <c:pt idx="5173">
                  <c:v>0</c:v>
                </c:pt>
                <c:pt idx="5174">
                  <c:v>0</c:v>
                </c:pt>
                <c:pt idx="5175">
                  <c:v>0</c:v>
                </c:pt>
                <c:pt idx="5176">
                  <c:v>0</c:v>
                </c:pt>
                <c:pt idx="5177">
                  <c:v>0</c:v>
                </c:pt>
                <c:pt idx="5178">
                  <c:v>0</c:v>
                </c:pt>
                <c:pt idx="5179">
                  <c:v>0</c:v>
                </c:pt>
                <c:pt idx="5180">
                  <c:v>0</c:v>
                </c:pt>
                <c:pt idx="5181">
                  <c:v>0</c:v>
                </c:pt>
                <c:pt idx="5182">
                  <c:v>0</c:v>
                </c:pt>
                <c:pt idx="5183">
                  <c:v>0</c:v>
                </c:pt>
                <c:pt idx="5184">
                  <c:v>0</c:v>
                </c:pt>
                <c:pt idx="5185">
                  <c:v>0</c:v>
                </c:pt>
                <c:pt idx="5186">
                  <c:v>0</c:v>
                </c:pt>
                <c:pt idx="5187">
                  <c:v>0</c:v>
                </c:pt>
                <c:pt idx="5188">
                  <c:v>0</c:v>
                </c:pt>
                <c:pt idx="5189">
                  <c:v>0</c:v>
                </c:pt>
                <c:pt idx="5190">
                  <c:v>0</c:v>
                </c:pt>
                <c:pt idx="5191">
                  <c:v>0</c:v>
                </c:pt>
                <c:pt idx="5192">
                  <c:v>0</c:v>
                </c:pt>
                <c:pt idx="5193">
                  <c:v>0</c:v>
                </c:pt>
                <c:pt idx="5194">
                  <c:v>0</c:v>
                </c:pt>
                <c:pt idx="5195">
                  <c:v>0</c:v>
                </c:pt>
                <c:pt idx="5196">
                  <c:v>0</c:v>
                </c:pt>
                <c:pt idx="5197">
                  <c:v>0</c:v>
                </c:pt>
                <c:pt idx="5198">
                  <c:v>0</c:v>
                </c:pt>
                <c:pt idx="5199">
                  <c:v>0</c:v>
                </c:pt>
                <c:pt idx="5200">
                  <c:v>0</c:v>
                </c:pt>
                <c:pt idx="5201">
                  <c:v>0</c:v>
                </c:pt>
                <c:pt idx="5202">
                  <c:v>0</c:v>
                </c:pt>
                <c:pt idx="5203">
                  <c:v>0</c:v>
                </c:pt>
                <c:pt idx="5204">
                  <c:v>0</c:v>
                </c:pt>
                <c:pt idx="5205">
                  <c:v>0</c:v>
                </c:pt>
                <c:pt idx="5206">
                  <c:v>0</c:v>
                </c:pt>
                <c:pt idx="5207">
                  <c:v>0</c:v>
                </c:pt>
                <c:pt idx="5208">
                  <c:v>0</c:v>
                </c:pt>
                <c:pt idx="5209">
                  <c:v>0</c:v>
                </c:pt>
                <c:pt idx="5210">
                  <c:v>0</c:v>
                </c:pt>
                <c:pt idx="5211">
                  <c:v>0</c:v>
                </c:pt>
                <c:pt idx="5212">
                  <c:v>0</c:v>
                </c:pt>
                <c:pt idx="5213">
                  <c:v>0</c:v>
                </c:pt>
                <c:pt idx="5214">
                  <c:v>0</c:v>
                </c:pt>
                <c:pt idx="5215">
                  <c:v>0</c:v>
                </c:pt>
                <c:pt idx="5216">
                  <c:v>0</c:v>
                </c:pt>
                <c:pt idx="5217">
                  <c:v>0</c:v>
                </c:pt>
                <c:pt idx="5218">
                  <c:v>0</c:v>
                </c:pt>
                <c:pt idx="5219">
                  <c:v>0</c:v>
                </c:pt>
                <c:pt idx="5220">
                  <c:v>0</c:v>
                </c:pt>
                <c:pt idx="5221">
                  <c:v>0</c:v>
                </c:pt>
                <c:pt idx="5222">
                  <c:v>0</c:v>
                </c:pt>
                <c:pt idx="5223">
                  <c:v>0</c:v>
                </c:pt>
                <c:pt idx="5224">
                  <c:v>0</c:v>
                </c:pt>
                <c:pt idx="5225">
                  <c:v>0</c:v>
                </c:pt>
                <c:pt idx="5226">
                  <c:v>0</c:v>
                </c:pt>
                <c:pt idx="5227">
                  <c:v>0</c:v>
                </c:pt>
                <c:pt idx="5228">
                  <c:v>0</c:v>
                </c:pt>
                <c:pt idx="5229">
                  <c:v>0</c:v>
                </c:pt>
                <c:pt idx="5230">
                  <c:v>0</c:v>
                </c:pt>
                <c:pt idx="5231">
                  <c:v>0</c:v>
                </c:pt>
                <c:pt idx="5232">
                  <c:v>0</c:v>
                </c:pt>
                <c:pt idx="5233">
                  <c:v>0</c:v>
                </c:pt>
                <c:pt idx="5234">
                  <c:v>0</c:v>
                </c:pt>
                <c:pt idx="5235">
                  <c:v>0</c:v>
                </c:pt>
                <c:pt idx="5236">
                  <c:v>0</c:v>
                </c:pt>
                <c:pt idx="5237">
                  <c:v>0</c:v>
                </c:pt>
                <c:pt idx="5238">
                  <c:v>0</c:v>
                </c:pt>
                <c:pt idx="5239">
                  <c:v>0</c:v>
                </c:pt>
                <c:pt idx="5240">
                  <c:v>0</c:v>
                </c:pt>
                <c:pt idx="5241">
                  <c:v>0</c:v>
                </c:pt>
                <c:pt idx="5242">
                  <c:v>0</c:v>
                </c:pt>
                <c:pt idx="5243">
                  <c:v>0</c:v>
                </c:pt>
                <c:pt idx="5244">
                  <c:v>0</c:v>
                </c:pt>
                <c:pt idx="5245">
                  <c:v>0</c:v>
                </c:pt>
                <c:pt idx="5246">
                  <c:v>0</c:v>
                </c:pt>
                <c:pt idx="5247">
                  <c:v>0</c:v>
                </c:pt>
                <c:pt idx="5248">
                  <c:v>0</c:v>
                </c:pt>
                <c:pt idx="5249">
                  <c:v>0</c:v>
                </c:pt>
                <c:pt idx="5250">
                  <c:v>0</c:v>
                </c:pt>
                <c:pt idx="5251">
                  <c:v>0</c:v>
                </c:pt>
                <c:pt idx="5252">
                  <c:v>0</c:v>
                </c:pt>
                <c:pt idx="5253">
                  <c:v>0</c:v>
                </c:pt>
                <c:pt idx="5254">
                  <c:v>0</c:v>
                </c:pt>
                <c:pt idx="5255">
                  <c:v>0</c:v>
                </c:pt>
                <c:pt idx="5256">
                  <c:v>0</c:v>
                </c:pt>
                <c:pt idx="5257">
                  <c:v>0</c:v>
                </c:pt>
                <c:pt idx="5258">
                  <c:v>0</c:v>
                </c:pt>
                <c:pt idx="5259">
                  <c:v>0</c:v>
                </c:pt>
                <c:pt idx="5260">
                  <c:v>0</c:v>
                </c:pt>
                <c:pt idx="5261">
                  <c:v>0</c:v>
                </c:pt>
                <c:pt idx="5262">
                  <c:v>0</c:v>
                </c:pt>
                <c:pt idx="5263">
                  <c:v>0</c:v>
                </c:pt>
                <c:pt idx="5264">
                  <c:v>0</c:v>
                </c:pt>
                <c:pt idx="5265">
                  <c:v>0</c:v>
                </c:pt>
                <c:pt idx="5266">
                  <c:v>0</c:v>
                </c:pt>
                <c:pt idx="5267">
                  <c:v>0</c:v>
                </c:pt>
                <c:pt idx="5268">
                  <c:v>0</c:v>
                </c:pt>
                <c:pt idx="5269">
                  <c:v>0</c:v>
                </c:pt>
                <c:pt idx="5270">
                  <c:v>0</c:v>
                </c:pt>
                <c:pt idx="5271">
                  <c:v>0</c:v>
                </c:pt>
                <c:pt idx="5272">
                  <c:v>0</c:v>
                </c:pt>
                <c:pt idx="5273">
                  <c:v>0</c:v>
                </c:pt>
                <c:pt idx="5274">
                  <c:v>0</c:v>
                </c:pt>
                <c:pt idx="5275">
                  <c:v>0</c:v>
                </c:pt>
                <c:pt idx="5276">
                  <c:v>0</c:v>
                </c:pt>
                <c:pt idx="5277">
                  <c:v>0</c:v>
                </c:pt>
                <c:pt idx="5278">
                  <c:v>0</c:v>
                </c:pt>
                <c:pt idx="5279">
                  <c:v>0</c:v>
                </c:pt>
                <c:pt idx="5280">
                  <c:v>0</c:v>
                </c:pt>
                <c:pt idx="5281">
                  <c:v>0</c:v>
                </c:pt>
                <c:pt idx="5282">
                  <c:v>0</c:v>
                </c:pt>
                <c:pt idx="5283">
                  <c:v>0</c:v>
                </c:pt>
                <c:pt idx="5284">
                  <c:v>0</c:v>
                </c:pt>
                <c:pt idx="5285">
                  <c:v>0</c:v>
                </c:pt>
                <c:pt idx="5286">
                  <c:v>0</c:v>
                </c:pt>
                <c:pt idx="5287">
                  <c:v>0</c:v>
                </c:pt>
                <c:pt idx="5288">
                  <c:v>0</c:v>
                </c:pt>
                <c:pt idx="5289">
                  <c:v>0</c:v>
                </c:pt>
                <c:pt idx="5290">
                  <c:v>0</c:v>
                </c:pt>
                <c:pt idx="5291">
                  <c:v>0</c:v>
                </c:pt>
                <c:pt idx="5292">
                  <c:v>0</c:v>
                </c:pt>
                <c:pt idx="5293">
                  <c:v>0</c:v>
                </c:pt>
                <c:pt idx="5294">
                  <c:v>0</c:v>
                </c:pt>
                <c:pt idx="5295">
                  <c:v>0</c:v>
                </c:pt>
                <c:pt idx="5296">
                  <c:v>0</c:v>
                </c:pt>
                <c:pt idx="5297">
                  <c:v>0</c:v>
                </c:pt>
                <c:pt idx="5298">
                  <c:v>0</c:v>
                </c:pt>
                <c:pt idx="5299">
                  <c:v>0</c:v>
                </c:pt>
                <c:pt idx="5300">
                  <c:v>0</c:v>
                </c:pt>
                <c:pt idx="5301">
                  <c:v>0</c:v>
                </c:pt>
                <c:pt idx="5302">
                  <c:v>0</c:v>
                </c:pt>
                <c:pt idx="5303">
                  <c:v>0</c:v>
                </c:pt>
                <c:pt idx="5304">
                  <c:v>0</c:v>
                </c:pt>
                <c:pt idx="5305">
                  <c:v>0</c:v>
                </c:pt>
                <c:pt idx="5306">
                  <c:v>0</c:v>
                </c:pt>
                <c:pt idx="5307">
                  <c:v>0</c:v>
                </c:pt>
                <c:pt idx="5308">
                  <c:v>0</c:v>
                </c:pt>
                <c:pt idx="5309">
                  <c:v>0</c:v>
                </c:pt>
                <c:pt idx="5310">
                  <c:v>0</c:v>
                </c:pt>
                <c:pt idx="5311">
                  <c:v>0</c:v>
                </c:pt>
                <c:pt idx="5312">
                  <c:v>0</c:v>
                </c:pt>
                <c:pt idx="5313">
                  <c:v>0</c:v>
                </c:pt>
                <c:pt idx="5314">
                  <c:v>0</c:v>
                </c:pt>
                <c:pt idx="5315">
                  <c:v>0</c:v>
                </c:pt>
                <c:pt idx="5316">
                  <c:v>0</c:v>
                </c:pt>
                <c:pt idx="5317">
                  <c:v>0</c:v>
                </c:pt>
                <c:pt idx="5318">
                  <c:v>0</c:v>
                </c:pt>
                <c:pt idx="5319">
                  <c:v>0</c:v>
                </c:pt>
                <c:pt idx="5320">
                  <c:v>0</c:v>
                </c:pt>
                <c:pt idx="5321">
                  <c:v>0</c:v>
                </c:pt>
                <c:pt idx="5322">
                  <c:v>0</c:v>
                </c:pt>
                <c:pt idx="5323">
                  <c:v>0</c:v>
                </c:pt>
                <c:pt idx="5324">
                  <c:v>0</c:v>
                </c:pt>
                <c:pt idx="5325">
                  <c:v>0</c:v>
                </c:pt>
                <c:pt idx="5326">
                  <c:v>0</c:v>
                </c:pt>
                <c:pt idx="5327">
                  <c:v>0</c:v>
                </c:pt>
                <c:pt idx="5328">
                  <c:v>0</c:v>
                </c:pt>
                <c:pt idx="5329">
                  <c:v>0</c:v>
                </c:pt>
                <c:pt idx="5330">
                  <c:v>0</c:v>
                </c:pt>
                <c:pt idx="5331">
                  <c:v>0</c:v>
                </c:pt>
                <c:pt idx="5332">
                  <c:v>0</c:v>
                </c:pt>
                <c:pt idx="5333">
                  <c:v>0</c:v>
                </c:pt>
                <c:pt idx="5334">
                  <c:v>0</c:v>
                </c:pt>
                <c:pt idx="5335">
                  <c:v>0</c:v>
                </c:pt>
                <c:pt idx="5336">
                  <c:v>0</c:v>
                </c:pt>
                <c:pt idx="5337">
                  <c:v>0</c:v>
                </c:pt>
                <c:pt idx="5338">
                  <c:v>0</c:v>
                </c:pt>
                <c:pt idx="5339">
                  <c:v>0</c:v>
                </c:pt>
                <c:pt idx="5340">
                  <c:v>0</c:v>
                </c:pt>
                <c:pt idx="5341">
                  <c:v>0</c:v>
                </c:pt>
                <c:pt idx="5342">
                  <c:v>0</c:v>
                </c:pt>
                <c:pt idx="5343">
                  <c:v>0</c:v>
                </c:pt>
                <c:pt idx="5344">
                  <c:v>0</c:v>
                </c:pt>
                <c:pt idx="5345">
                  <c:v>0</c:v>
                </c:pt>
                <c:pt idx="5346">
                  <c:v>0</c:v>
                </c:pt>
                <c:pt idx="5347">
                  <c:v>0</c:v>
                </c:pt>
                <c:pt idx="5348">
                  <c:v>0</c:v>
                </c:pt>
                <c:pt idx="5349">
                  <c:v>0</c:v>
                </c:pt>
                <c:pt idx="5350">
                  <c:v>0</c:v>
                </c:pt>
                <c:pt idx="5351">
                  <c:v>0</c:v>
                </c:pt>
                <c:pt idx="5352">
                  <c:v>0</c:v>
                </c:pt>
                <c:pt idx="5353">
                  <c:v>0</c:v>
                </c:pt>
                <c:pt idx="5354">
                  <c:v>0</c:v>
                </c:pt>
                <c:pt idx="5355">
                  <c:v>0</c:v>
                </c:pt>
                <c:pt idx="5356">
                  <c:v>0</c:v>
                </c:pt>
                <c:pt idx="5357">
                  <c:v>0</c:v>
                </c:pt>
                <c:pt idx="5358">
                  <c:v>0</c:v>
                </c:pt>
                <c:pt idx="5359">
                  <c:v>0</c:v>
                </c:pt>
                <c:pt idx="5360">
                  <c:v>0</c:v>
                </c:pt>
                <c:pt idx="5361">
                  <c:v>0</c:v>
                </c:pt>
                <c:pt idx="5362">
                  <c:v>0</c:v>
                </c:pt>
                <c:pt idx="5363">
                  <c:v>0</c:v>
                </c:pt>
                <c:pt idx="5364">
                  <c:v>0</c:v>
                </c:pt>
                <c:pt idx="5365">
                  <c:v>0</c:v>
                </c:pt>
                <c:pt idx="5366">
                  <c:v>0</c:v>
                </c:pt>
                <c:pt idx="5367">
                  <c:v>0</c:v>
                </c:pt>
                <c:pt idx="5368">
                  <c:v>0</c:v>
                </c:pt>
                <c:pt idx="5369">
                  <c:v>0</c:v>
                </c:pt>
                <c:pt idx="5370">
                  <c:v>0</c:v>
                </c:pt>
                <c:pt idx="5371">
                  <c:v>0</c:v>
                </c:pt>
                <c:pt idx="5372">
                  <c:v>0</c:v>
                </c:pt>
                <c:pt idx="5373">
                  <c:v>0</c:v>
                </c:pt>
                <c:pt idx="5374">
                  <c:v>0</c:v>
                </c:pt>
                <c:pt idx="5375">
                  <c:v>0</c:v>
                </c:pt>
                <c:pt idx="5376">
                  <c:v>0</c:v>
                </c:pt>
                <c:pt idx="5377">
                  <c:v>0</c:v>
                </c:pt>
                <c:pt idx="5378">
                  <c:v>0</c:v>
                </c:pt>
                <c:pt idx="5379">
                  <c:v>0</c:v>
                </c:pt>
                <c:pt idx="5380">
                  <c:v>0</c:v>
                </c:pt>
                <c:pt idx="5381">
                  <c:v>0</c:v>
                </c:pt>
                <c:pt idx="5382">
                  <c:v>0</c:v>
                </c:pt>
                <c:pt idx="5383">
                  <c:v>0</c:v>
                </c:pt>
                <c:pt idx="5384">
                  <c:v>0</c:v>
                </c:pt>
                <c:pt idx="5385">
                  <c:v>0</c:v>
                </c:pt>
                <c:pt idx="5386">
                  <c:v>0</c:v>
                </c:pt>
                <c:pt idx="5387">
                  <c:v>0</c:v>
                </c:pt>
                <c:pt idx="5388">
                  <c:v>0</c:v>
                </c:pt>
                <c:pt idx="5389">
                  <c:v>0</c:v>
                </c:pt>
                <c:pt idx="5390">
                  <c:v>0</c:v>
                </c:pt>
                <c:pt idx="5391">
                  <c:v>0</c:v>
                </c:pt>
                <c:pt idx="5392">
                  <c:v>0</c:v>
                </c:pt>
                <c:pt idx="5393">
                  <c:v>0</c:v>
                </c:pt>
                <c:pt idx="5394">
                  <c:v>0</c:v>
                </c:pt>
                <c:pt idx="5395">
                  <c:v>0</c:v>
                </c:pt>
                <c:pt idx="5396">
                  <c:v>0</c:v>
                </c:pt>
                <c:pt idx="5397">
                  <c:v>0</c:v>
                </c:pt>
                <c:pt idx="5398">
                  <c:v>0</c:v>
                </c:pt>
                <c:pt idx="5399">
                  <c:v>0</c:v>
                </c:pt>
                <c:pt idx="5400">
                  <c:v>0</c:v>
                </c:pt>
                <c:pt idx="5401">
                  <c:v>0</c:v>
                </c:pt>
                <c:pt idx="5402">
                  <c:v>0</c:v>
                </c:pt>
                <c:pt idx="5403">
                  <c:v>0</c:v>
                </c:pt>
                <c:pt idx="5404">
                  <c:v>0</c:v>
                </c:pt>
                <c:pt idx="5405">
                  <c:v>0</c:v>
                </c:pt>
                <c:pt idx="5406">
                  <c:v>0</c:v>
                </c:pt>
                <c:pt idx="5407">
                  <c:v>0</c:v>
                </c:pt>
                <c:pt idx="5408">
                  <c:v>0</c:v>
                </c:pt>
                <c:pt idx="5409">
                  <c:v>0</c:v>
                </c:pt>
                <c:pt idx="5410">
                  <c:v>0</c:v>
                </c:pt>
                <c:pt idx="5411">
                  <c:v>0</c:v>
                </c:pt>
                <c:pt idx="5412">
                  <c:v>0</c:v>
                </c:pt>
                <c:pt idx="5413">
                  <c:v>0</c:v>
                </c:pt>
                <c:pt idx="5414">
                  <c:v>0</c:v>
                </c:pt>
                <c:pt idx="5415">
                  <c:v>0</c:v>
                </c:pt>
                <c:pt idx="5416">
                  <c:v>0</c:v>
                </c:pt>
                <c:pt idx="5417">
                  <c:v>0</c:v>
                </c:pt>
                <c:pt idx="5418">
                  <c:v>0</c:v>
                </c:pt>
                <c:pt idx="5419">
                  <c:v>0</c:v>
                </c:pt>
                <c:pt idx="5420">
                  <c:v>0</c:v>
                </c:pt>
                <c:pt idx="5421">
                  <c:v>0</c:v>
                </c:pt>
                <c:pt idx="5422">
                  <c:v>0</c:v>
                </c:pt>
                <c:pt idx="5423">
                  <c:v>0</c:v>
                </c:pt>
                <c:pt idx="5424">
                  <c:v>0</c:v>
                </c:pt>
                <c:pt idx="5425">
                  <c:v>0</c:v>
                </c:pt>
                <c:pt idx="5426">
                  <c:v>0</c:v>
                </c:pt>
                <c:pt idx="5427">
                  <c:v>0</c:v>
                </c:pt>
                <c:pt idx="5428">
                  <c:v>0</c:v>
                </c:pt>
                <c:pt idx="5429">
                  <c:v>0</c:v>
                </c:pt>
                <c:pt idx="5430">
                  <c:v>0</c:v>
                </c:pt>
                <c:pt idx="5431">
                  <c:v>0</c:v>
                </c:pt>
                <c:pt idx="5432">
                  <c:v>0</c:v>
                </c:pt>
                <c:pt idx="5433">
                  <c:v>0</c:v>
                </c:pt>
                <c:pt idx="5434">
                  <c:v>0</c:v>
                </c:pt>
                <c:pt idx="5435">
                  <c:v>0</c:v>
                </c:pt>
                <c:pt idx="5436">
                  <c:v>0</c:v>
                </c:pt>
                <c:pt idx="5437">
                  <c:v>0</c:v>
                </c:pt>
                <c:pt idx="5438">
                  <c:v>0</c:v>
                </c:pt>
                <c:pt idx="5439">
                  <c:v>0</c:v>
                </c:pt>
                <c:pt idx="5440">
                  <c:v>0</c:v>
                </c:pt>
                <c:pt idx="5441">
                  <c:v>0</c:v>
                </c:pt>
                <c:pt idx="5442">
                  <c:v>0</c:v>
                </c:pt>
                <c:pt idx="5443">
                  <c:v>0</c:v>
                </c:pt>
                <c:pt idx="5444">
                  <c:v>0</c:v>
                </c:pt>
                <c:pt idx="5445">
                  <c:v>0</c:v>
                </c:pt>
                <c:pt idx="5446">
                  <c:v>0</c:v>
                </c:pt>
                <c:pt idx="5447">
                  <c:v>0</c:v>
                </c:pt>
                <c:pt idx="5448">
                  <c:v>0</c:v>
                </c:pt>
                <c:pt idx="5449">
                  <c:v>0</c:v>
                </c:pt>
                <c:pt idx="5450">
                  <c:v>0</c:v>
                </c:pt>
                <c:pt idx="5451">
                  <c:v>0</c:v>
                </c:pt>
                <c:pt idx="5452">
                  <c:v>0</c:v>
                </c:pt>
                <c:pt idx="5453">
                  <c:v>0</c:v>
                </c:pt>
                <c:pt idx="5454">
                  <c:v>0</c:v>
                </c:pt>
                <c:pt idx="5455">
                  <c:v>0</c:v>
                </c:pt>
                <c:pt idx="5456">
                  <c:v>0</c:v>
                </c:pt>
                <c:pt idx="5457">
                  <c:v>0</c:v>
                </c:pt>
                <c:pt idx="5458">
                  <c:v>0</c:v>
                </c:pt>
                <c:pt idx="5459">
                  <c:v>0</c:v>
                </c:pt>
                <c:pt idx="5460">
                  <c:v>0</c:v>
                </c:pt>
                <c:pt idx="5461">
                  <c:v>0</c:v>
                </c:pt>
                <c:pt idx="5462">
                  <c:v>0</c:v>
                </c:pt>
                <c:pt idx="5463">
                  <c:v>0</c:v>
                </c:pt>
                <c:pt idx="5464">
                  <c:v>0</c:v>
                </c:pt>
                <c:pt idx="5465">
                  <c:v>0</c:v>
                </c:pt>
                <c:pt idx="5466">
                  <c:v>0</c:v>
                </c:pt>
                <c:pt idx="5467">
                  <c:v>0</c:v>
                </c:pt>
                <c:pt idx="5468">
                  <c:v>0</c:v>
                </c:pt>
                <c:pt idx="5469">
                  <c:v>0</c:v>
                </c:pt>
                <c:pt idx="5470">
                  <c:v>0</c:v>
                </c:pt>
                <c:pt idx="5471">
                  <c:v>0</c:v>
                </c:pt>
                <c:pt idx="5472">
                  <c:v>0</c:v>
                </c:pt>
                <c:pt idx="5473">
                  <c:v>0</c:v>
                </c:pt>
                <c:pt idx="5474">
                  <c:v>0</c:v>
                </c:pt>
                <c:pt idx="5475">
                  <c:v>0</c:v>
                </c:pt>
                <c:pt idx="5476">
                  <c:v>0</c:v>
                </c:pt>
                <c:pt idx="5477">
                  <c:v>0</c:v>
                </c:pt>
                <c:pt idx="5478">
                  <c:v>0</c:v>
                </c:pt>
                <c:pt idx="5479">
                  <c:v>0</c:v>
                </c:pt>
                <c:pt idx="5480">
                  <c:v>0</c:v>
                </c:pt>
                <c:pt idx="5481">
                  <c:v>0</c:v>
                </c:pt>
                <c:pt idx="5482">
                  <c:v>0</c:v>
                </c:pt>
                <c:pt idx="5483">
                  <c:v>0</c:v>
                </c:pt>
                <c:pt idx="5484">
                  <c:v>0</c:v>
                </c:pt>
                <c:pt idx="5485">
                  <c:v>0</c:v>
                </c:pt>
                <c:pt idx="5486">
                  <c:v>0</c:v>
                </c:pt>
                <c:pt idx="5487">
                  <c:v>0</c:v>
                </c:pt>
                <c:pt idx="5488">
                  <c:v>0</c:v>
                </c:pt>
                <c:pt idx="5489">
                  <c:v>0</c:v>
                </c:pt>
                <c:pt idx="5490">
                  <c:v>0</c:v>
                </c:pt>
                <c:pt idx="5491">
                  <c:v>0</c:v>
                </c:pt>
                <c:pt idx="5492">
                  <c:v>0</c:v>
                </c:pt>
                <c:pt idx="5493">
                  <c:v>0</c:v>
                </c:pt>
                <c:pt idx="5494">
                  <c:v>0</c:v>
                </c:pt>
                <c:pt idx="5495">
                  <c:v>0</c:v>
                </c:pt>
                <c:pt idx="5496">
                  <c:v>0</c:v>
                </c:pt>
                <c:pt idx="5497">
                  <c:v>0</c:v>
                </c:pt>
                <c:pt idx="5498">
                  <c:v>0</c:v>
                </c:pt>
                <c:pt idx="5499">
                  <c:v>0</c:v>
                </c:pt>
                <c:pt idx="5500">
                  <c:v>0</c:v>
                </c:pt>
                <c:pt idx="5501">
                  <c:v>0</c:v>
                </c:pt>
                <c:pt idx="5502">
                  <c:v>0</c:v>
                </c:pt>
                <c:pt idx="5503">
                  <c:v>0</c:v>
                </c:pt>
                <c:pt idx="5504">
                  <c:v>0</c:v>
                </c:pt>
                <c:pt idx="5505">
                  <c:v>0</c:v>
                </c:pt>
                <c:pt idx="5506">
                  <c:v>0</c:v>
                </c:pt>
                <c:pt idx="5507">
                  <c:v>0</c:v>
                </c:pt>
                <c:pt idx="5508">
                  <c:v>0</c:v>
                </c:pt>
                <c:pt idx="5509">
                  <c:v>0</c:v>
                </c:pt>
                <c:pt idx="5510">
                  <c:v>0</c:v>
                </c:pt>
                <c:pt idx="5511">
                  <c:v>0</c:v>
                </c:pt>
                <c:pt idx="5512">
                  <c:v>0</c:v>
                </c:pt>
                <c:pt idx="5513">
                  <c:v>0</c:v>
                </c:pt>
                <c:pt idx="5514">
                  <c:v>0</c:v>
                </c:pt>
                <c:pt idx="5515">
                  <c:v>0</c:v>
                </c:pt>
                <c:pt idx="5516">
                  <c:v>0</c:v>
                </c:pt>
                <c:pt idx="5517">
                  <c:v>0</c:v>
                </c:pt>
                <c:pt idx="5518">
                  <c:v>0</c:v>
                </c:pt>
                <c:pt idx="5519">
                  <c:v>0</c:v>
                </c:pt>
                <c:pt idx="5520">
                  <c:v>0</c:v>
                </c:pt>
                <c:pt idx="5521">
                  <c:v>0</c:v>
                </c:pt>
                <c:pt idx="5522">
                  <c:v>0</c:v>
                </c:pt>
                <c:pt idx="5523">
                  <c:v>0</c:v>
                </c:pt>
                <c:pt idx="5524">
                  <c:v>0</c:v>
                </c:pt>
                <c:pt idx="5525">
                  <c:v>0</c:v>
                </c:pt>
                <c:pt idx="5526">
                  <c:v>0</c:v>
                </c:pt>
                <c:pt idx="5527">
                  <c:v>0</c:v>
                </c:pt>
                <c:pt idx="5528">
                  <c:v>0</c:v>
                </c:pt>
                <c:pt idx="5529">
                  <c:v>0</c:v>
                </c:pt>
                <c:pt idx="5530">
                  <c:v>0</c:v>
                </c:pt>
                <c:pt idx="5531">
                  <c:v>0</c:v>
                </c:pt>
                <c:pt idx="5532">
                  <c:v>0</c:v>
                </c:pt>
                <c:pt idx="5533">
                  <c:v>0</c:v>
                </c:pt>
                <c:pt idx="5534">
                  <c:v>0</c:v>
                </c:pt>
                <c:pt idx="5535">
                  <c:v>0</c:v>
                </c:pt>
                <c:pt idx="5536">
                  <c:v>0</c:v>
                </c:pt>
                <c:pt idx="5537">
                  <c:v>0</c:v>
                </c:pt>
                <c:pt idx="5538">
                  <c:v>0</c:v>
                </c:pt>
                <c:pt idx="5539">
                  <c:v>0</c:v>
                </c:pt>
                <c:pt idx="5540">
                  <c:v>0</c:v>
                </c:pt>
                <c:pt idx="5541">
                  <c:v>0</c:v>
                </c:pt>
                <c:pt idx="5542">
                  <c:v>0</c:v>
                </c:pt>
                <c:pt idx="5543">
                  <c:v>0</c:v>
                </c:pt>
                <c:pt idx="5544">
                  <c:v>0</c:v>
                </c:pt>
                <c:pt idx="5545">
                  <c:v>0</c:v>
                </c:pt>
                <c:pt idx="5546">
                  <c:v>0</c:v>
                </c:pt>
                <c:pt idx="5547">
                  <c:v>0</c:v>
                </c:pt>
                <c:pt idx="5548">
                  <c:v>0</c:v>
                </c:pt>
                <c:pt idx="5549">
                  <c:v>0</c:v>
                </c:pt>
                <c:pt idx="5550">
                  <c:v>0</c:v>
                </c:pt>
                <c:pt idx="5551">
                  <c:v>0</c:v>
                </c:pt>
                <c:pt idx="5552">
                  <c:v>0</c:v>
                </c:pt>
                <c:pt idx="5553">
                  <c:v>0</c:v>
                </c:pt>
                <c:pt idx="5554">
                  <c:v>0</c:v>
                </c:pt>
                <c:pt idx="5555">
                  <c:v>0</c:v>
                </c:pt>
                <c:pt idx="5556">
                  <c:v>0</c:v>
                </c:pt>
                <c:pt idx="5557">
                  <c:v>0</c:v>
                </c:pt>
                <c:pt idx="5558">
                  <c:v>0</c:v>
                </c:pt>
                <c:pt idx="5559">
                  <c:v>0</c:v>
                </c:pt>
                <c:pt idx="5560">
                  <c:v>0</c:v>
                </c:pt>
                <c:pt idx="5561">
                  <c:v>0</c:v>
                </c:pt>
                <c:pt idx="5562">
                  <c:v>0</c:v>
                </c:pt>
                <c:pt idx="5563">
                  <c:v>0</c:v>
                </c:pt>
                <c:pt idx="5564">
                  <c:v>0</c:v>
                </c:pt>
                <c:pt idx="5565">
                  <c:v>0</c:v>
                </c:pt>
                <c:pt idx="5566">
                  <c:v>0</c:v>
                </c:pt>
                <c:pt idx="5567">
                  <c:v>0</c:v>
                </c:pt>
                <c:pt idx="5568">
                  <c:v>0</c:v>
                </c:pt>
                <c:pt idx="5569">
                  <c:v>0</c:v>
                </c:pt>
                <c:pt idx="5570">
                  <c:v>0</c:v>
                </c:pt>
                <c:pt idx="5571">
                  <c:v>0</c:v>
                </c:pt>
                <c:pt idx="5572">
                  <c:v>0</c:v>
                </c:pt>
                <c:pt idx="5573">
                  <c:v>0</c:v>
                </c:pt>
                <c:pt idx="5574">
                  <c:v>0</c:v>
                </c:pt>
                <c:pt idx="5575">
                  <c:v>0</c:v>
                </c:pt>
                <c:pt idx="5576">
                  <c:v>0</c:v>
                </c:pt>
                <c:pt idx="5577">
                  <c:v>0</c:v>
                </c:pt>
                <c:pt idx="5578">
                  <c:v>0</c:v>
                </c:pt>
                <c:pt idx="5579">
                  <c:v>0</c:v>
                </c:pt>
                <c:pt idx="5580">
                  <c:v>0</c:v>
                </c:pt>
                <c:pt idx="5581">
                  <c:v>0</c:v>
                </c:pt>
                <c:pt idx="5582">
                  <c:v>0</c:v>
                </c:pt>
                <c:pt idx="5583">
                  <c:v>0</c:v>
                </c:pt>
                <c:pt idx="5584">
                  <c:v>0</c:v>
                </c:pt>
                <c:pt idx="5585">
                  <c:v>0</c:v>
                </c:pt>
                <c:pt idx="5586">
                  <c:v>0</c:v>
                </c:pt>
                <c:pt idx="5587">
                  <c:v>0</c:v>
                </c:pt>
                <c:pt idx="5588">
                  <c:v>0</c:v>
                </c:pt>
                <c:pt idx="5589">
                  <c:v>0</c:v>
                </c:pt>
                <c:pt idx="5590">
                  <c:v>0</c:v>
                </c:pt>
                <c:pt idx="5591">
                  <c:v>0</c:v>
                </c:pt>
                <c:pt idx="5592">
                  <c:v>0</c:v>
                </c:pt>
                <c:pt idx="5593">
                  <c:v>0</c:v>
                </c:pt>
                <c:pt idx="5594">
                  <c:v>0</c:v>
                </c:pt>
                <c:pt idx="5595">
                  <c:v>0</c:v>
                </c:pt>
                <c:pt idx="5596">
                  <c:v>0</c:v>
                </c:pt>
                <c:pt idx="5597">
                  <c:v>0</c:v>
                </c:pt>
                <c:pt idx="5598">
                  <c:v>0</c:v>
                </c:pt>
                <c:pt idx="5599">
                  <c:v>0</c:v>
                </c:pt>
                <c:pt idx="5600">
                  <c:v>0</c:v>
                </c:pt>
                <c:pt idx="5601">
                  <c:v>0</c:v>
                </c:pt>
                <c:pt idx="5602">
                  <c:v>0</c:v>
                </c:pt>
                <c:pt idx="5603">
                  <c:v>0</c:v>
                </c:pt>
                <c:pt idx="5604">
                  <c:v>0</c:v>
                </c:pt>
                <c:pt idx="5605">
                  <c:v>0</c:v>
                </c:pt>
                <c:pt idx="5606">
                  <c:v>0</c:v>
                </c:pt>
                <c:pt idx="5607">
                  <c:v>0</c:v>
                </c:pt>
                <c:pt idx="5608">
                  <c:v>0</c:v>
                </c:pt>
                <c:pt idx="5609">
                  <c:v>0</c:v>
                </c:pt>
                <c:pt idx="5610">
                  <c:v>0</c:v>
                </c:pt>
                <c:pt idx="5611">
                  <c:v>0</c:v>
                </c:pt>
                <c:pt idx="5612">
                  <c:v>0</c:v>
                </c:pt>
                <c:pt idx="5613">
                  <c:v>0</c:v>
                </c:pt>
                <c:pt idx="5614">
                  <c:v>0</c:v>
                </c:pt>
                <c:pt idx="5615">
                  <c:v>0</c:v>
                </c:pt>
                <c:pt idx="5616">
                  <c:v>0</c:v>
                </c:pt>
                <c:pt idx="5617">
                  <c:v>0</c:v>
                </c:pt>
                <c:pt idx="5618">
                  <c:v>0</c:v>
                </c:pt>
                <c:pt idx="5619">
                  <c:v>0</c:v>
                </c:pt>
                <c:pt idx="5620">
                  <c:v>0</c:v>
                </c:pt>
                <c:pt idx="5621">
                  <c:v>0</c:v>
                </c:pt>
                <c:pt idx="5622">
                  <c:v>0</c:v>
                </c:pt>
                <c:pt idx="5623">
                  <c:v>0</c:v>
                </c:pt>
                <c:pt idx="5624">
                  <c:v>0</c:v>
                </c:pt>
                <c:pt idx="5625">
                  <c:v>0</c:v>
                </c:pt>
                <c:pt idx="5626">
                  <c:v>0</c:v>
                </c:pt>
                <c:pt idx="5627">
                  <c:v>0</c:v>
                </c:pt>
                <c:pt idx="5628">
                  <c:v>0</c:v>
                </c:pt>
                <c:pt idx="5629">
                  <c:v>0</c:v>
                </c:pt>
                <c:pt idx="5630">
                  <c:v>0</c:v>
                </c:pt>
                <c:pt idx="5631">
                  <c:v>0</c:v>
                </c:pt>
                <c:pt idx="5632">
                  <c:v>0</c:v>
                </c:pt>
                <c:pt idx="5633">
                  <c:v>0</c:v>
                </c:pt>
                <c:pt idx="5634">
                  <c:v>0</c:v>
                </c:pt>
                <c:pt idx="5635">
                  <c:v>0</c:v>
                </c:pt>
                <c:pt idx="5636">
                  <c:v>0</c:v>
                </c:pt>
                <c:pt idx="5637">
                  <c:v>0</c:v>
                </c:pt>
                <c:pt idx="5638">
                  <c:v>0</c:v>
                </c:pt>
                <c:pt idx="5639">
                  <c:v>0</c:v>
                </c:pt>
                <c:pt idx="5640">
                  <c:v>0</c:v>
                </c:pt>
                <c:pt idx="5641">
                  <c:v>0</c:v>
                </c:pt>
                <c:pt idx="5642">
                  <c:v>0</c:v>
                </c:pt>
                <c:pt idx="5643">
                  <c:v>0</c:v>
                </c:pt>
                <c:pt idx="5644">
                  <c:v>0</c:v>
                </c:pt>
                <c:pt idx="5645">
                  <c:v>0</c:v>
                </c:pt>
                <c:pt idx="5646">
                  <c:v>0</c:v>
                </c:pt>
                <c:pt idx="5647">
                  <c:v>0</c:v>
                </c:pt>
                <c:pt idx="5648">
                  <c:v>0</c:v>
                </c:pt>
                <c:pt idx="5649">
                  <c:v>0</c:v>
                </c:pt>
                <c:pt idx="5650">
                  <c:v>0</c:v>
                </c:pt>
                <c:pt idx="5651">
                  <c:v>0</c:v>
                </c:pt>
                <c:pt idx="5652">
                  <c:v>0</c:v>
                </c:pt>
                <c:pt idx="5653">
                  <c:v>0</c:v>
                </c:pt>
                <c:pt idx="5654">
                  <c:v>0</c:v>
                </c:pt>
                <c:pt idx="5655">
                  <c:v>0</c:v>
                </c:pt>
                <c:pt idx="5656">
                  <c:v>0</c:v>
                </c:pt>
                <c:pt idx="5657">
                  <c:v>0</c:v>
                </c:pt>
                <c:pt idx="5658">
                  <c:v>0</c:v>
                </c:pt>
                <c:pt idx="5659">
                  <c:v>0</c:v>
                </c:pt>
                <c:pt idx="5660">
                  <c:v>0</c:v>
                </c:pt>
                <c:pt idx="5661">
                  <c:v>0</c:v>
                </c:pt>
                <c:pt idx="5662">
                  <c:v>0</c:v>
                </c:pt>
                <c:pt idx="5663">
                  <c:v>0</c:v>
                </c:pt>
                <c:pt idx="5664">
                  <c:v>0</c:v>
                </c:pt>
                <c:pt idx="5665">
                  <c:v>0</c:v>
                </c:pt>
                <c:pt idx="5666">
                  <c:v>0</c:v>
                </c:pt>
                <c:pt idx="5667">
                  <c:v>0</c:v>
                </c:pt>
                <c:pt idx="5668">
                  <c:v>0</c:v>
                </c:pt>
                <c:pt idx="5669">
                  <c:v>0</c:v>
                </c:pt>
                <c:pt idx="5670">
                  <c:v>0</c:v>
                </c:pt>
                <c:pt idx="5671">
                  <c:v>0</c:v>
                </c:pt>
                <c:pt idx="5672">
                  <c:v>0</c:v>
                </c:pt>
                <c:pt idx="5673">
                  <c:v>0</c:v>
                </c:pt>
                <c:pt idx="5674">
                  <c:v>0</c:v>
                </c:pt>
                <c:pt idx="5675">
                  <c:v>0</c:v>
                </c:pt>
                <c:pt idx="5676">
                  <c:v>0</c:v>
                </c:pt>
                <c:pt idx="5677">
                  <c:v>0</c:v>
                </c:pt>
                <c:pt idx="5678">
                  <c:v>0</c:v>
                </c:pt>
                <c:pt idx="5679">
                  <c:v>0</c:v>
                </c:pt>
                <c:pt idx="5680">
                  <c:v>0</c:v>
                </c:pt>
                <c:pt idx="5681">
                  <c:v>0</c:v>
                </c:pt>
                <c:pt idx="5682">
                  <c:v>0</c:v>
                </c:pt>
                <c:pt idx="5683">
                  <c:v>0</c:v>
                </c:pt>
                <c:pt idx="5684">
                  <c:v>0</c:v>
                </c:pt>
                <c:pt idx="5685">
                  <c:v>0</c:v>
                </c:pt>
                <c:pt idx="5686">
                  <c:v>0</c:v>
                </c:pt>
                <c:pt idx="5687">
                  <c:v>0</c:v>
                </c:pt>
                <c:pt idx="5688">
                  <c:v>0</c:v>
                </c:pt>
                <c:pt idx="5689">
                  <c:v>0</c:v>
                </c:pt>
                <c:pt idx="5690">
                  <c:v>0</c:v>
                </c:pt>
                <c:pt idx="5691">
                  <c:v>0</c:v>
                </c:pt>
                <c:pt idx="5692">
                  <c:v>0</c:v>
                </c:pt>
                <c:pt idx="5693">
                  <c:v>0</c:v>
                </c:pt>
                <c:pt idx="5694">
                  <c:v>0</c:v>
                </c:pt>
                <c:pt idx="5695">
                  <c:v>0</c:v>
                </c:pt>
                <c:pt idx="5696">
                  <c:v>0</c:v>
                </c:pt>
                <c:pt idx="5697">
                  <c:v>0</c:v>
                </c:pt>
                <c:pt idx="5698">
                  <c:v>0</c:v>
                </c:pt>
                <c:pt idx="5699">
                  <c:v>0</c:v>
                </c:pt>
                <c:pt idx="5700">
                  <c:v>0</c:v>
                </c:pt>
                <c:pt idx="5701">
                  <c:v>0</c:v>
                </c:pt>
                <c:pt idx="5702">
                  <c:v>0</c:v>
                </c:pt>
                <c:pt idx="5703">
                  <c:v>0</c:v>
                </c:pt>
                <c:pt idx="5704">
                  <c:v>0</c:v>
                </c:pt>
                <c:pt idx="5705">
                  <c:v>0</c:v>
                </c:pt>
                <c:pt idx="5706">
                  <c:v>0</c:v>
                </c:pt>
                <c:pt idx="5707">
                  <c:v>0</c:v>
                </c:pt>
                <c:pt idx="5708">
                  <c:v>0</c:v>
                </c:pt>
                <c:pt idx="5709">
                  <c:v>0</c:v>
                </c:pt>
                <c:pt idx="5710">
                  <c:v>0</c:v>
                </c:pt>
                <c:pt idx="5711">
                  <c:v>0</c:v>
                </c:pt>
                <c:pt idx="5712">
                  <c:v>0</c:v>
                </c:pt>
                <c:pt idx="5713">
                  <c:v>0</c:v>
                </c:pt>
                <c:pt idx="5714">
                  <c:v>0</c:v>
                </c:pt>
                <c:pt idx="5715">
                  <c:v>0</c:v>
                </c:pt>
                <c:pt idx="5716">
                  <c:v>0</c:v>
                </c:pt>
                <c:pt idx="5717">
                  <c:v>0</c:v>
                </c:pt>
                <c:pt idx="5718">
                  <c:v>0</c:v>
                </c:pt>
                <c:pt idx="5719">
                  <c:v>0</c:v>
                </c:pt>
                <c:pt idx="5720">
                  <c:v>0</c:v>
                </c:pt>
                <c:pt idx="5721">
                  <c:v>0</c:v>
                </c:pt>
                <c:pt idx="5722">
                  <c:v>0</c:v>
                </c:pt>
                <c:pt idx="5723">
                  <c:v>0</c:v>
                </c:pt>
                <c:pt idx="5724">
                  <c:v>0</c:v>
                </c:pt>
                <c:pt idx="5725">
                  <c:v>0</c:v>
                </c:pt>
                <c:pt idx="5726">
                  <c:v>0</c:v>
                </c:pt>
                <c:pt idx="5727">
                  <c:v>0</c:v>
                </c:pt>
                <c:pt idx="5728">
                  <c:v>0</c:v>
                </c:pt>
                <c:pt idx="5729">
                  <c:v>0</c:v>
                </c:pt>
                <c:pt idx="5730">
                  <c:v>0</c:v>
                </c:pt>
                <c:pt idx="5731">
                  <c:v>0</c:v>
                </c:pt>
                <c:pt idx="5732">
                  <c:v>0</c:v>
                </c:pt>
                <c:pt idx="5733">
                  <c:v>0</c:v>
                </c:pt>
                <c:pt idx="5734">
                  <c:v>0</c:v>
                </c:pt>
                <c:pt idx="5735">
                  <c:v>0</c:v>
                </c:pt>
                <c:pt idx="5736">
                  <c:v>0</c:v>
                </c:pt>
                <c:pt idx="5737">
                  <c:v>0</c:v>
                </c:pt>
                <c:pt idx="5738">
                  <c:v>0</c:v>
                </c:pt>
                <c:pt idx="5739">
                  <c:v>0</c:v>
                </c:pt>
                <c:pt idx="5740">
                  <c:v>0</c:v>
                </c:pt>
                <c:pt idx="5741">
                  <c:v>0</c:v>
                </c:pt>
                <c:pt idx="5742">
                  <c:v>0</c:v>
                </c:pt>
                <c:pt idx="5743">
                  <c:v>0</c:v>
                </c:pt>
                <c:pt idx="5744">
                  <c:v>0</c:v>
                </c:pt>
                <c:pt idx="5745">
                  <c:v>0</c:v>
                </c:pt>
                <c:pt idx="5746">
                  <c:v>0</c:v>
                </c:pt>
                <c:pt idx="5747">
                  <c:v>0</c:v>
                </c:pt>
                <c:pt idx="5748">
                  <c:v>0</c:v>
                </c:pt>
                <c:pt idx="5749">
                  <c:v>0</c:v>
                </c:pt>
                <c:pt idx="5750">
                  <c:v>0</c:v>
                </c:pt>
                <c:pt idx="5751">
                  <c:v>0</c:v>
                </c:pt>
                <c:pt idx="5752">
                  <c:v>0</c:v>
                </c:pt>
                <c:pt idx="5753">
                  <c:v>0</c:v>
                </c:pt>
                <c:pt idx="5754">
                  <c:v>0</c:v>
                </c:pt>
                <c:pt idx="5755">
                  <c:v>0</c:v>
                </c:pt>
                <c:pt idx="5756">
                  <c:v>0</c:v>
                </c:pt>
                <c:pt idx="5757">
                  <c:v>0</c:v>
                </c:pt>
                <c:pt idx="5758">
                  <c:v>0</c:v>
                </c:pt>
                <c:pt idx="5759">
                  <c:v>0</c:v>
                </c:pt>
                <c:pt idx="5760">
                  <c:v>0</c:v>
                </c:pt>
                <c:pt idx="5761">
                  <c:v>0</c:v>
                </c:pt>
                <c:pt idx="5762">
                  <c:v>0</c:v>
                </c:pt>
                <c:pt idx="5763">
                  <c:v>0</c:v>
                </c:pt>
                <c:pt idx="5764">
                  <c:v>0</c:v>
                </c:pt>
                <c:pt idx="5765">
                  <c:v>0</c:v>
                </c:pt>
                <c:pt idx="5766">
                  <c:v>0</c:v>
                </c:pt>
                <c:pt idx="5767">
                  <c:v>0</c:v>
                </c:pt>
                <c:pt idx="5768">
                  <c:v>0</c:v>
                </c:pt>
                <c:pt idx="5769">
                  <c:v>0</c:v>
                </c:pt>
                <c:pt idx="5770">
                  <c:v>0</c:v>
                </c:pt>
                <c:pt idx="5771">
                  <c:v>0</c:v>
                </c:pt>
                <c:pt idx="5772">
                  <c:v>0</c:v>
                </c:pt>
                <c:pt idx="5773">
                  <c:v>0</c:v>
                </c:pt>
                <c:pt idx="5774">
                  <c:v>0</c:v>
                </c:pt>
                <c:pt idx="5775">
                  <c:v>0</c:v>
                </c:pt>
                <c:pt idx="5776">
                  <c:v>0</c:v>
                </c:pt>
                <c:pt idx="5777">
                  <c:v>0</c:v>
                </c:pt>
                <c:pt idx="5778">
                  <c:v>0</c:v>
                </c:pt>
                <c:pt idx="5779">
                  <c:v>0</c:v>
                </c:pt>
                <c:pt idx="5780">
                  <c:v>0</c:v>
                </c:pt>
                <c:pt idx="5781">
                  <c:v>0</c:v>
                </c:pt>
                <c:pt idx="5782">
                  <c:v>0</c:v>
                </c:pt>
                <c:pt idx="5783">
                  <c:v>0</c:v>
                </c:pt>
                <c:pt idx="5784">
                  <c:v>0</c:v>
                </c:pt>
                <c:pt idx="5785">
                  <c:v>0</c:v>
                </c:pt>
                <c:pt idx="5786">
                  <c:v>0</c:v>
                </c:pt>
                <c:pt idx="5787">
                  <c:v>0</c:v>
                </c:pt>
                <c:pt idx="5788">
                  <c:v>0</c:v>
                </c:pt>
                <c:pt idx="5789">
                  <c:v>0</c:v>
                </c:pt>
                <c:pt idx="5790">
                  <c:v>0</c:v>
                </c:pt>
                <c:pt idx="5791">
                  <c:v>0</c:v>
                </c:pt>
                <c:pt idx="5792">
                  <c:v>0</c:v>
                </c:pt>
                <c:pt idx="5793">
                  <c:v>0</c:v>
                </c:pt>
                <c:pt idx="5794">
                  <c:v>0</c:v>
                </c:pt>
                <c:pt idx="5795">
                  <c:v>0</c:v>
                </c:pt>
                <c:pt idx="5796">
                  <c:v>0</c:v>
                </c:pt>
                <c:pt idx="5797">
                  <c:v>0</c:v>
                </c:pt>
                <c:pt idx="5798">
                  <c:v>0</c:v>
                </c:pt>
                <c:pt idx="5799">
                  <c:v>0</c:v>
                </c:pt>
                <c:pt idx="5800">
                  <c:v>0</c:v>
                </c:pt>
                <c:pt idx="5801">
                  <c:v>0</c:v>
                </c:pt>
                <c:pt idx="5802">
                  <c:v>0</c:v>
                </c:pt>
                <c:pt idx="5803">
                  <c:v>0</c:v>
                </c:pt>
                <c:pt idx="5804">
                  <c:v>0</c:v>
                </c:pt>
                <c:pt idx="5805">
                  <c:v>0</c:v>
                </c:pt>
                <c:pt idx="5806">
                  <c:v>0</c:v>
                </c:pt>
                <c:pt idx="5807">
                  <c:v>0</c:v>
                </c:pt>
                <c:pt idx="5808">
                  <c:v>0</c:v>
                </c:pt>
                <c:pt idx="5809">
                  <c:v>0</c:v>
                </c:pt>
                <c:pt idx="5810">
                  <c:v>0</c:v>
                </c:pt>
                <c:pt idx="5811">
                  <c:v>0</c:v>
                </c:pt>
                <c:pt idx="5812">
                  <c:v>0</c:v>
                </c:pt>
                <c:pt idx="5813">
                  <c:v>0</c:v>
                </c:pt>
                <c:pt idx="5814">
                  <c:v>0</c:v>
                </c:pt>
                <c:pt idx="5815">
                  <c:v>0</c:v>
                </c:pt>
                <c:pt idx="5816">
                  <c:v>0</c:v>
                </c:pt>
                <c:pt idx="5817">
                  <c:v>0</c:v>
                </c:pt>
                <c:pt idx="5818">
                  <c:v>0</c:v>
                </c:pt>
                <c:pt idx="5819">
                  <c:v>0</c:v>
                </c:pt>
                <c:pt idx="5820">
                  <c:v>0</c:v>
                </c:pt>
                <c:pt idx="5821">
                  <c:v>0</c:v>
                </c:pt>
                <c:pt idx="5822">
                  <c:v>0</c:v>
                </c:pt>
                <c:pt idx="5823">
                  <c:v>0</c:v>
                </c:pt>
                <c:pt idx="5824">
                  <c:v>0</c:v>
                </c:pt>
                <c:pt idx="5825">
                  <c:v>0</c:v>
                </c:pt>
                <c:pt idx="5826">
                  <c:v>0</c:v>
                </c:pt>
                <c:pt idx="5827">
                  <c:v>0</c:v>
                </c:pt>
                <c:pt idx="5828">
                  <c:v>0</c:v>
                </c:pt>
                <c:pt idx="5829">
                  <c:v>0</c:v>
                </c:pt>
                <c:pt idx="5830">
                  <c:v>0</c:v>
                </c:pt>
                <c:pt idx="5831">
                  <c:v>0</c:v>
                </c:pt>
                <c:pt idx="5832">
                  <c:v>0</c:v>
                </c:pt>
                <c:pt idx="5833">
                  <c:v>0</c:v>
                </c:pt>
                <c:pt idx="5834">
                  <c:v>0</c:v>
                </c:pt>
                <c:pt idx="5835">
                  <c:v>0</c:v>
                </c:pt>
                <c:pt idx="5836">
                  <c:v>0</c:v>
                </c:pt>
                <c:pt idx="5837">
                  <c:v>0</c:v>
                </c:pt>
                <c:pt idx="5838">
                  <c:v>0</c:v>
                </c:pt>
                <c:pt idx="5839">
                  <c:v>0</c:v>
                </c:pt>
                <c:pt idx="5840">
                  <c:v>0</c:v>
                </c:pt>
                <c:pt idx="5841">
                  <c:v>0</c:v>
                </c:pt>
                <c:pt idx="5842">
                  <c:v>0</c:v>
                </c:pt>
                <c:pt idx="5843">
                  <c:v>0</c:v>
                </c:pt>
                <c:pt idx="5844">
                  <c:v>0</c:v>
                </c:pt>
                <c:pt idx="5845">
                  <c:v>0</c:v>
                </c:pt>
                <c:pt idx="5846">
                  <c:v>0</c:v>
                </c:pt>
                <c:pt idx="5847">
                  <c:v>0</c:v>
                </c:pt>
                <c:pt idx="5848">
                  <c:v>0</c:v>
                </c:pt>
                <c:pt idx="5849">
                  <c:v>0</c:v>
                </c:pt>
                <c:pt idx="5850">
                  <c:v>0</c:v>
                </c:pt>
                <c:pt idx="5851">
                  <c:v>0</c:v>
                </c:pt>
                <c:pt idx="5852">
                  <c:v>0</c:v>
                </c:pt>
                <c:pt idx="5853">
                  <c:v>0</c:v>
                </c:pt>
                <c:pt idx="5854">
                  <c:v>0</c:v>
                </c:pt>
                <c:pt idx="5855">
                  <c:v>0</c:v>
                </c:pt>
                <c:pt idx="5856">
                  <c:v>0</c:v>
                </c:pt>
                <c:pt idx="5857">
                  <c:v>0</c:v>
                </c:pt>
                <c:pt idx="5858">
                  <c:v>0</c:v>
                </c:pt>
                <c:pt idx="5859">
                  <c:v>0</c:v>
                </c:pt>
                <c:pt idx="5860">
                  <c:v>0</c:v>
                </c:pt>
                <c:pt idx="5861">
                  <c:v>0</c:v>
                </c:pt>
                <c:pt idx="5862">
                  <c:v>0</c:v>
                </c:pt>
                <c:pt idx="5863">
                  <c:v>0</c:v>
                </c:pt>
                <c:pt idx="5864">
                  <c:v>0</c:v>
                </c:pt>
                <c:pt idx="5865">
                  <c:v>0</c:v>
                </c:pt>
                <c:pt idx="5866">
                  <c:v>0</c:v>
                </c:pt>
                <c:pt idx="5867">
                  <c:v>0</c:v>
                </c:pt>
                <c:pt idx="5868">
                  <c:v>0</c:v>
                </c:pt>
                <c:pt idx="5869">
                  <c:v>0</c:v>
                </c:pt>
                <c:pt idx="5870">
                  <c:v>0</c:v>
                </c:pt>
                <c:pt idx="5871">
                  <c:v>0</c:v>
                </c:pt>
                <c:pt idx="5872">
                  <c:v>0</c:v>
                </c:pt>
                <c:pt idx="5873">
                  <c:v>0</c:v>
                </c:pt>
                <c:pt idx="5874">
                  <c:v>0</c:v>
                </c:pt>
                <c:pt idx="5875">
                  <c:v>0</c:v>
                </c:pt>
                <c:pt idx="5876">
                  <c:v>0</c:v>
                </c:pt>
                <c:pt idx="5877">
                  <c:v>0</c:v>
                </c:pt>
                <c:pt idx="5878">
                  <c:v>0</c:v>
                </c:pt>
                <c:pt idx="5879">
                  <c:v>0</c:v>
                </c:pt>
                <c:pt idx="5880">
                  <c:v>0</c:v>
                </c:pt>
                <c:pt idx="5881">
                  <c:v>0</c:v>
                </c:pt>
                <c:pt idx="5882">
                  <c:v>0</c:v>
                </c:pt>
                <c:pt idx="5883">
                  <c:v>0</c:v>
                </c:pt>
                <c:pt idx="5884">
                  <c:v>0</c:v>
                </c:pt>
                <c:pt idx="5885">
                  <c:v>0</c:v>
                </c:pt>
                <c:pt idx="5886">
                  <c:v>0</c:v>
                </c:pt>
                <c:pt idx="5887">
                  <c:v>0</c:v>
                </c:pt>
                <c:pt idx="5888">
                  <c:v>0</c:v>
                </c:pt>
                <c:pt idx="5889">
                  <c:v>0</c:v>
                </c:pt>
                <c:pt idx="5890">
                  <c:v>0</c:v>
                </c:pt>
                <c:pt idx="5891">
                  <c:v>0</c:v>
                </c:pt>
                <c:pt idx="5892">
                  <c:v>0</c:v>
                </c:pt>
                <c:pt idx="5893">
                  <c:v>0</c:v>
                </c:pt>
                <c:pt idx="5894">
                  <c:v>0</c:v>
                </c:pt>
                <c:pt idx="5895">
                  <c:v>0</c:v>
                </c:pt>
                <c:pt idx="5896">
                  <c:v>0</c:v>
                </c:pt>
                <c:pt idx="5897">
                  <c:v>0</c:v>
                </c:pt>
                <c:pt idx="5898">
                  <c:v>0</c:v>
                </c:pt>
                <c:pt idx="5899">
                  <c:v>0</c:v>
                </c:pt>
                <c:pt idx="5900">
                  <c:v>0</c:v>
                </c:pt>
                <c:pt idx="5901">
                  <c:v>0</c:v>
                </c:pt>
                <c:pt idx="5902">
                  <c:v>0</c:v>
                </c:pt>
                <c:pt idx="5903">
                  <c:v>0</c:v>
                </c:pt>
                <c:pt idx="5904">
                  <c:v>0</c:v>
                </c:pt>
                <c:pt idx="5905">
                  <c:v>0</c:v>
                </c:pt>
                <c:pt idx="5906">
                  <c:v>0</c:v>
                </c:pt>
                <c:pt idx="5907">
                  <c:v>0</c:v>
                </c:pt>
                <c:pt idx="5908">
                  <c:v>0</c:v>
                </c:pt>
                <c:pt idx="5909">
                  <c:v>0</c:v>
                </c:pt>
                <c:pt idx="5910">
                  <c:v>0</c:v>
                </c:pt>
                <c:pt idx="5911">
                  <c:v>0</c:v>
                </c:pt>
                <c:pt idx="5912">
                  <c:v>0</c:v>
                </c:pt>
                <c:pt idx="5913">
                  <c:v>0</c:v>
                </c:pt>
                <c:pt idx="5914">
                  <c:v>0</c:v>
                </c:pt>
                <c:pt idx="5915">
                  <c:v>0</c:v>
                </c:pt>
                <c:pt idx="5916">
                  <c:v>0</c:v>
                </c:pt>
                <c:pt idx="5917">
                  <c:v>0</c:v>
                </c:pt>
                <c:pt idx="5918">
                  <c:v>0</c:v>
                </c:pt>
                <c:pt idx="5919">
                  <c:v>0</c:v>
                </c:pt>
                <c:pt idx="5920">
                  <c:v>0</c:v>
                </c:pt>
                <c:pt idx="5921">
                  <c:v>0</c:v>
                </c:pt>
                <c:pt idx="5922">
                  <c:v>0</c:v>
                </c:pt>
                <c:pt idx="5923">
                  <c:v>0</c:v>
                </c:pt>
                <c:pt idx="5924">
                  <c:v>0</c:v>
                </c:pt>
                <c:pt idx="5925">
                  <c:v>0</c:v>
                </c:pt>
                <c:pt idx="5926">
                  <c:v>0</c:v>
                </c:pt>
                <c:pt idx="5927">
                  <c:v>0</c:v>
                </c:pt>
                <c:pt idx="5928">
                  <c:v>0</c:v>
                </c:pt>
                <c:pt idx="5929">
                  <c:v>0</c:v>
                </c:pt>
                <c:pt idx="5930">
                  <c:v>0</c:v>
                </c:pt>
                <c:pt idx="5931">
                  <c:v>0</c:v>
                </c:pt>
                <c:pt idx="5932">
                  <c:v>0</c:v>
                </c:pt>
                <c:pt idx="5933">
                  <c:v>0</c:v>
                </c:pt>
                <c:pt idx="5934">
                  <c:v>0</c:v>
                </c:pt>
                <c:pt idx="5935">
                  <c:v>0</c:v>
                </c:pt>
                <c:pt idx="5936">
                  <c:v>0</c:v>
                </c:pt>
                <c:pt idx="5937">
                  <c:v>0</c:v>
                </c:pt>
                <c:pt idx="5938">
                  <c:v>0</c:v>
                </c:pt>
                <c:pt idx="5939">
                  <c:v>0</c:v>
                </c:pt>
                <c:pt idx="5940">
                  <c:v>0</c:v>
                </c:pt>
                <c:pt idx="5941">
                  <c:v>0</c:v>
                </c:pt>
                <c:pt idx="5942">
                  <c:v>0</c:v>
                </c:pt>
                <c:pt idx="5943">
                  <c:v>0</c:v>
                </c:pt>
                <c:pt idx="5944">
                  <c:v>0</c:v>
                </c:pt>
                <c:pt idx="5945">
                  <c:v>0</c:v>
                </c:pt>
                <c:pt idx="5946">
                  <c:v>0</c:v>
                </c:pt>
                <c:pt idx="5947">
                  <c:v>0</c:v>
                </c:pt>
                <c:pt idx="5948">
                  <c:v>0</c:v>
                </c:pt>
                <c:pt idx="5949">
                  <c:v>0</c:v>
                </c:pt>
                <c:pt idx="5950">
                  <c:v>0</c:v>
                </c:pt>
                <c:pt idx="5951">
                  <c:v>0</c:v>
                </c:pt>
                <c:pt idx="5952">
                  <c:v>0</c:v>
                </c:pt>
                <c:pt idx="5953">
                  <c:v>0</c:v>
                </c:pt>
                <c:pt idx="5954">
                  <c:v>0</c:v>
                </c:pt>
                <c:pt idx="5955">
                  <c:v>0</c:v>
                </c:pt>
                <c:pt idx="5956">
                  <c:v>0</c:v>
                </c:pt>
                <c:pt idx="5957">
                  <c:v>0</c:v>
                </c:pt>
                <c:pt idx="5958">
                  <c:v>0</c:v>
                </c:pt>
                <c:pt idx="5959">
                  <c:v>0</c:v>
                </c:pt>
                <c:pt idx="5960">
                  <c:v>0</c:v>
                </c:pt>
                <c:pt idx="5961">
                  <c:v>0</c:v>
                </c:pt>
                <c:pt idx="5962">
                  <c:v>0</c:v>
                </c:pt>
                <c:pt idx="5963">
                  <c:v>0</c:v>
                </c:pt>
                <c:pt idx="5964">
                  <c:v>0</c:v>
                </c:pt>
                <c:pt idx="5965">
                  <c:v>0</c:v>
                </c:pt>
                <c:pt idx="5966">
                  <c:v>0</c:v>
                </c:pt>
                <c:pt idx="5967">
                  <c:v>0</c:v>
                </c:pt>
                <c:pt idx="5968">
                  <c:v>0</c:v>
                </c:pt>
                <c:pt idx="5969">
                  <c:v>0</c:v>
                </c:pt>
                <c:pt idx="5970">
                  <c:v>0</c:v>
                </c:pt>
                <c:pt idx="5971">
                  <c:v>0</c:v>
                </c:pt>
                <c:pt idx="5972">
                  <c:v>0</c:v>
                </c:pt>
                <c:pt idx="5973">
                  <c:v>0</c:v>
                </c:pt>
                <c:pt idx="5974">
                  <c:v>0</c:v>
                </c:pt>
                <c:pt idx="5975">
                  <c:v>0</c:v>
                </c:pt>
                <c:pt idx="5976">
                  <c:v>0</c:v>
                </c:pt>
                <c:pt idx="5977">
                  <c:v>0</c:v>
                </c:pt>
                <c:pt idx="5978">
                  <c:v>0</c:v>
                </c:pt>
                <c:pt idx="5979">
                  <c:v>0</c:v>
                </c:pt>
                <c:pt idx="5980">
                  <c:v>0</c:v>
                </c:pt>
                <c:pt idx="5981">
                  <c:v>0</c:v>
                </c:pt>
                <c:pt idx="5982">
                  <c:v>0</c:v>
                </c:pt>
                <c:pt idx="5983">
                  <c:v>0</c:v>
                </c:pt>
                <c:pt idx="5984">
                  <c:v>0</c:v>
                </c:pt>
                <c:pt idx="5985">
                  <c:v>0</c:v>
                </c:pt>
                <c:pt idx="5986">
                  <c:v>0</c:v>
                </c:pt>
                <c:pt idx="5987">
                  <c:v>0</c:v>
                </c:pt>
                <c:pt idx="5988">
                  <c:v>0</c:v>
                </c:pt>
                <c:pt idx="5989">
                  <c:v>0</c:v>
                </c:pt>
                <c:pt idx="5990">
                  <c:v>0</c:v>
                </c:pt>
                <c:pt idx="5991">
                  <c:v>0</c:v>
                </c:pt>
                <c:pt idx="5992">
                  <c:v>0</c:v>
                </c:pt>
                <c:pt idx="5993">
                  <c:v>0</c:v>
                </c:pt>
                <c:pt idx="5994">
                  <c:v>0</c:v>
                </c:pt>
                <c:pt idx="5995">
                  <c:v>0</c:v>
                </c:pt>
                <c:pt idx="5996">
                  <c:v>0</c:v>
                </c:pt>
                <c:pt idx="5997">
                  <c:v>0</c:v>
                </c:pt>
                <c:pt idx="5998">
                  <c:v>0</c:v>
                </c:pt>
                <c:pt idx="5999">
                  <c:v>0</c:v>
                </c:pt>
                <c:pt idx="6000">
                  <c:v>0</c:v>
                </c:pt>
                <c:pt idx="6001">
                  <c:v>0</c:v>
                </c:pt>
                <c:pt idx="6002">
                  <c:v>0</c:v>
                </c:pt>
                <c:pt idx="6003">
                  <c:v>0</c:v>
                </c:pt>
                <c:pt idx="6004">
                  <c:v>0</c:v>
                </c:pt>
                <c:pt idx="6005">
                  <c:v>0</c:v>
                </c:pt>
                <c:pt idx="6006">
                  <c:v>0</c:v>
                </c:pt>
                <c:pt idx="6007">
                  <c:v>0</c:v>
                </c:pt>
                <c:pt idx="6008">
                  <c:v>0</c:v>
                </c:pt>
                <c:pt idx="6009">
                  <c:v>0</c:v>
                </c:pt>
                <c:pt idx="6010">
                  <c:v>0</c:v>
                </c:pt>
                <c:pt idx="6011">
                  <c:v>0</c:v>
                </c:pt>
                <c:pt idx="6012">
                  <c:v>0</c:v>
                </c:pt>
                <c:pt idx="6013">
                  <c:v>0</c:v>
                </c:pt>
                <c:pt idx="6014">
                  <c:v>0</c:v>
                </c:pt>
                <c:pt idx="6015">
                  <c:v>0</c:v>
                </c:pt>
                <c:pt idx="6016">
                  <c:v>0</c:v>
                </c:pt>
                <c:pt idx="6017">
                  <c:v>0</c:v>
                </c:pt>
                <c:pt idx="6018">
                  <c:v>0</c:v>
                </c:pt>
                <c:pt idx="6019">
                  <c:v>0</c:v>
                </c:pt>
                <c:pt idx="6020">
                  <c:v>0</c:v>
                </c:pt>
                <c:pt idx="6021">
                  <c:v>0</c:v>
                </c:pt>
                <c:pt idx="6022">
                  <c:v>0</c:v>
                </c:pt>
                <c:pt idx="6023">
                  <c:v>0</c:v>
                </c:pt>
                <c:pt idx="6024">
                  <c:v>0</c:v>
                </c:pt>
                <c:pt idx="6025">
                  <c:v>0</c:v>
                </c:pt>
                <c:pt idx="6026">
                  <c:v>0</c:v>
                </c:pt>
                <c:pt idx="6027">
                  <c:v>0</c:v>
                </c:pt>
                <c:pt idx="6028">
                  <c:v>0</c:v>
                </c:pt>
                <c:pt idx="6029">
                  <c:v>0</c:v>
                </c:pt>
                <c:pt idx="6030">
                  <c:v>0</c:v>
                </c:pt>
                <c:pt idx="6031">
                  <c:v>0</c:v>
                </c:pt>
                <c:pt idx="6032">
                  <c:v>0</c:v>
                </c:pt>
                <c:pt idx="6033">
                  <c:v>0</c:v>
                </c:pt>
                <c:pt idx="6034">
                  <c:v>0</c:v>
                </c:pt>
                <c:pt idx="6035">
                  <c:v>0</c:v>
                </c:pt>
                <c:pt idx="6036">
                  <c:v>0</c:v>
                </c:pt>
                <c:pt idx="6037">
                  <c:v>0</c:v>
                </c:pt>
                <c:pt idx="6038">
                  <c:v>0</c:v>
                </c:pt>
                <c:pt idx="6039">
                  <c:v>0</c:v>
                </c:pt>
                <c:pt idx="6040">
                  <c:v>0</c:v>
                </c:pt>
                <c:pt idx="6041">
                  <c:v>0</c:v>
                </c:pt>
                <c:pt idx="6042">
                  <c:v>0</c:v>
                </c:pt>
                <c:pt idx="6043">
                  <c:v>0</c:v>
                </c:pt>
                <c:pt idx="6044">
                  <c:v>0</c:v>
                </c:pt>
                <c:pt idx="6045">
                  <c:v>0</c:v>
                </c:pt>
                <c:pt idx="6046">
                  <c:v>0</c:v>
                </c:pt>
                <c:pt idx="6047">
                  <c:v>0</c:v>
                </c:pt>
                <c:pt idx="6048">
                  <c:v>0</c:v>
                </c:pt>
                <c:pt idx="6049">
                  <c:v>0</c:v>
                </c:pt>
                <c:pt idx="6050">
                  <c:v>0</c:v>
                </c:pt>
                <c:pt idx="6051">
                  <c:v>0</c:v>
                </c:pt>
                <c:pt idx="6052">
                  <c:v>0</c:v>
                </c:pt>
                <c:pt idx="6053">
                  <c:v>0</c:v>
                </c:pt>
                <c:pt idx="6054">
                  <c:v>0</c:v>
                </c:pt>
                <c:pt idx="6055">
                  <c:v>0</c:v>
                </c:pt>
                <c:pt idx="6056">
                  <c:v>0</c:v>
                </c:pt>
                <c:pt idx="6057">
                  <c:v>0</c:v>
                </c:pt>
                <c:pt idx="6058">
                  <c:v>0</c:v>
                </c:pt>
                <c:pt idx="6059">
                  <c:v>0</c:v>
                </c:pt>
                <c:pt idx="6060">
                  <c:v>0</c:v>
                </c:pt>
                <c:pt idx="6061">
                  <c:v>0</c:v>
                </c:pt>
                <c:pt idx="6062">
                  <c:v>0</c:v>
                </c:pt>
                <c:pt idx="6063">
                  <c:v>0</c:v>
                </c:pt>
                <c:pt idx="6064">
                  <c:v>0</c:v>
                </c:pt>
                <c:pt idx="6065">
                  <c:v>0</c:v>
                </c:pt>
                <c:pt idx="6066">
                  <c:v>0</c:v>
                </c:pt>
                <c:pt idx="6067">
                  <c:v>0</c:v>
                </c:pt>
                <c:pt idx="6068">
                  <c:v>0</c:v>
                </c:pt>
                <c:pt idx="6069">
                  <c:v>0</c:v>
                </c:pt>
                <c:pt idx="6070">
                  <c:v>0</c:v>
                </c:pt>
                <c:pt idx="6071">
                  <c:v>0</c:v>
                </c:pt>
                <c:pt idx="6072">
                  <c:v>0</c:v>
                </c:pt>
                <c:pt idx="6073">
                  <c:v>0</c:v>
                </c:pt>
                <c:pt idx="6074">
                  <c:v>0</c:v>
                </c:pt>
                <c:pt idx="6075">
                  <c:v>0</c:v>
                </c:pt>
                <c:pt idx="6076">
                  <c:v>0</c:v>
                </c:pt>
                <c:pt idx="6077">
                  <c:v>0</c:v>
                </c:pt>
                <c:pt idx="6078">
                  <c:v>0</c:v>
                </c:pt>
                <c:pt idx="6079">
                  <c:v>0</c:v>
                </c:pt>
                <c:pt idx="6080">
                  <c:v>0</c:v>
                </c:pt>
                <c:pt idx="6081">
                  <c:v>0</c:v>
                </c:pt>
                <c:pt idx="6082">
                  <c:v>0</c:v>
                </c:pt>
                <c:pt idx="6083">
                  <c:v>0</c:v>
                </c:pt>
                <c:pt idx="6084">
                  <c:v>0</c:v>
                </c:pt>
                <c:pt idx="6085">
                  <c:v>0</c:v>
                </c:pt>
                <c:pt idx="6086">
                  <c:v>0</c:v>
                </c:pt>
                <c:pt idx="6087">
                  <c:v>0</c:v>
                </c:pt>
                <c:pt idx="6088">
                  <c:v>0</c:v>
                </c:pt>
                <c:pt idx="6089">
                  <c:v>0</c:v>
                </c:pt>
                <c:pt idx="6090">
                  <c:v>0</c:v>
                </c:pt>
                <c:pt idx="6091">
                  <c:v>0</c:v>
                </c:pt>
                <c:pt idx="6092">
                  <c:v>0</c:v>
                </c:pt>
                <c:pt idx="6093">
                  <c:v>0</c:v>
                </c:pt>
                <c:pt idx="6094">
                  <c:v>0</c:v>
                </c:pt>
                <c:pt idx="6095">
                  <c:v>0</c:v>
                </c:pt>
                <c:pt idx="6096">
                  <c:v>0</c:v>
                </c:pt>
                <c:pt idx="6097">
                  <c:v>0</c:v>
                </c:pt>
                <c:pt idx="6098">
                  <c:v>0</c:v>
                </c:pt>
                <c:pt idx="6099">
                  <c:v>0</c:v>
                </c:pt>
                <c:pt idx="6100">
                  <c:v>0</c:v>
                </c:pt>
                <c:pt idx="6101">
                  <c:v>0</c:v>
                </c:pt>
                <c:pt idx="6102">
                  <c:v>0</c:v>
                </c:pt>
                <c:pt idx="6103">
                  <c:v>0</c:v>
                </c:pt>
                <c:pt idx="6104">
                  <c:v>0</c:v>
                </c:pt>
                <c:pt idx="6105">
                  <c:v>0</c:v>
                </c:pt>
                <c:pt idx="6106">
                  <c:v>0</c:v>
                </c:pt>
                <c:pt idx="6107">
                  <c:v>0</c:v>
                </c:pt>
                <c:pt idx="6108">
                  <c:v>0</c:v>
                </c:pt>
                <c:pt idx="6109">
                  <c:v>0</c:v>
                </c:pt>
                <c:pt idx="6110">
                  <c:v>0</c:v>
                </c:pt>
                <c:pt idx="6111">
                  <c:v>0</c:v>
                </c:pt>
                <c:pt idx="6112">
                  <c:v>0</c:v>
                </c:pt>
                <c:pt idx="6113">
                  <c:v>0</c:v>
                </c:pt>
                <c:pt idx="6114">
                  <c:v>0</c:v>
                </c:pt>
                <c:pt idx="6115">
                  <c:v>0</c:v>
                </c:pt>
                <c:pt idx="6116">
                  <c:v>0</c:v>
                </c:pt>
                <c:pt idx="6117">
                  <c:v>0</c:v>
                </c:pt>
                <c:pt idx="6118">
                  <c:v>0</c:v>
                </c:pt>
                <c:pt idx="6119">
                  <c:v>0</c:v>
                </c:pt>
                <c:pt idx="6120">
                  <c:v>0</c:v>
                </c:pt>
                <c:pt idx="6121">
                  <c:v>0</c:v>
                </c:pt>
                <c:pt idx="6122">
                  <c:v>0</c:v>
                </c:pt>
                <c:pt idx="6123">
                  <c:v>0</c:v>
                </c:pt>
                <c:pt idx="6124">
                  <c:v>0</c:v>
                </c:pt>
                <c:pt idx="6125">
                  <c:v>0</c:v>
                </c:pt>
                <c:pt idx="6126">
                  <c:v>0</c:v>
                </c:pt>
                <c:pt idx="6127">
                  <c:v>0</c:v>
                </c:pt>
                <c:pt idx="6128">
                  <c:v>0</c:v>
                </c:pt>
                <c:pt idx="6129">
                  <c:v>0</c:v>
                </c:pt>
                <c:pt idx="6130">
                  <c:v>0</c:v>
                </c:pt>
                <c:pt idx="6131">
                  <c:v>0</c:v>
                </c:pt>
                <c:pt idx="6132">
                  <c:v>0</c:v>
                </c:pt>
                <c:pt idx="6133">
                  <c:v>0</c:v>
                </c:pt>
                <c:pt idx="6134">
                  <c:v>0</c:v>
                </c:pt>
                <c:pt idx="6135">
                  <c:v>0</c:v>
                </c:pt>
                <c:pt idx="6136">
                  <c:v>0</c:v>
                </c:pt>
                <c:pt idx="6137">
                  <c:v>0</c:v>
                </c:pt>
                <c:pt idx="6138">
                  <c:v>0</c:v>
                </c:pt>
                <c:pt idx="6139">
                  <c:v>0</c:v>
                </c:pt>
                <c:pt idx="6140">
                  <c:v>0</c:v>
                </c:pt>
                <c:pt idx="6141">
                  <c:v>0</c:v>
                </c:pt>
                <c:pt idx="6142">
                  <c:v>0</c:v>
                </c:pt>
                <c:pt idx="6143">
                  <c:v>0</c:v>
                </c:pt>
                <c:pt idx="6144">
                  <c:v>0</c:v>
                </c:pt>
                <c:pt idx="6145">
                  <c:v>0</c:v>
                </c:pt>
                <c:pt idx="6146">
                  <c:v>0</c:v>
                </c:pt>
                <c:pt idx="6147">
                  <c:v>0</c:v>
                </c:pt>
                <c:pt idx="6148">
                  <c:v>0</c:v>
                </c:pt>
                <c:pt idx="6149">
                  <c:v>0</c:v>
                </c:pt>
                <c:pt idx="6150">
                  <c:v>0</c:v>
                </c:pt>
                <c:pt idx="6151">
                  <c:v>0</c:v>
                </c:pt>
                <c:pt idx="6152">
                  <c:v>0</c:v>
                </c:pt>
                <c:pt idx="6153">
                  <c:v>0</c:v>
                </c:pt>
                <c:pt idx="6154">
                  <c:v>0</c:v>
                </c:pt>
                <c:pt idx="6155">
                  <c:v>0</c:v>
                </c:pt>
                <c:pt idx="6156">
                  <c:v>0</c:v>
                </c:pt>
                <c:pt idx="6157">
                  <c:v>0</c:v>
                </c:pt>
                <c:pt idx="6158">
                  <c:v>0</c:v>
                </c:pt>
                <c:pt idx="6159">
                  <c:v>0</c:v>
                </c:pt>
                <c:pt idx="6160">
                  <c:v>0</c:v>
                </c:pt>
                <c:pt idx="6161">
                  <c:v>0</c:v>
                </c:pt>
                <c:pt idx="6162">
                  <c:v>0</c:v>
                </c:pt>
                <c:pt idx="6163">
                  <c:v>0</c:v>
                </c:pt>
                <c:pt idx="6164">
                  <c:v>0</c:v>
                </c:pt>
                <c:pt idx="6165">
                  <c:v>0</c:v>
                </c:pt>
                <c:pt idx="6166">
                  <c:v>0</c:v>
                </c:pt>
                <c:pt idx="6167">
                  <c:v>0</c:v>
                </c:pt>
                <c:pt idx="6168">
                  <c:v>0</c:v>
                </c:pt>
                <c:pt idx="6169">
                  <c:v>0</c:v>
                </c:pt>
                <c:pt idx="6170">
                  <c:v>0</c:v>
                </c:pt>
                <c:pt idx="6171">
                  <c:v>0</c:v>
                </c:pt>
                <c:pt idx="6172">
                  <c:v>0</c:v>
                </c:pt>
                <c:pt idx="6173">
                  <c:v>0</c:v>
                </c:pt>
                <c:pt idx="6174">
                  <c:v>0</c:v>
                </c:pt>
                <c:pt idx="6175">
                  <c:v>0</c:v>
                </c:pt>
                <c:pt idx="6176">
                  <c:v>0</c:v>
                </c:pt>
                <c:pt idx="6177">
                  <c:v>0</c:v>
                </c:pt>
                <c:pt idx="6178">
                  <c:v>0</c:v>
                </c:pt>
                <c:pt idx="6179">
                  <c:v>0</c:v>
                </c:pt>
                <c:pt idx="6180">
                  <c:v>0</c:v>
                </c:pt>
                <c:pt idx="6181">
                  <c:v>0</c:v>
                </c:pt>
                <c:pt idx="6182">
                  <c:v>0</c:v>
                </c:pt>
                <c:pt idx="6183">
                  <c:v>0</c:v>
                </c:pt>
                <c:pt idx="6184">
                  <c:v>0</c:v>
                </c:pt>
                <c:pt idx="6185">
                  <c:v>0</c:v>
                </c:pt>
                <c:pt idx="6186">
                  <c:v>0</c:v>
                </c:pt>
                <c:pt idx="6187">
                  <c:v>0</c:v>
                </c:pt>
                <c:pt idx="6188">
                  <c:v>0</c:v>
                </c:pt>
                <c:pt idx="6189">
                  <c:v>0</c:v>
                </c:pt>
                <c:pt idx="6190">
                  <c:v>0</c:v>
                </c:pt>
                <c:pt idx="6191">
                  <c:v>0</c:v>
                </c:pt>
                <c:pt idx="6192">
                  <c:v>0</c:v>
                </c:pt>
                <c:pt idx="6193">
                  <c:v>0</c:v>
                </c:pt>
                <c:pt idx="6194">
                  <c:v>0</c:v>
                </c:pt>
                <c:pt idx="6195">
                  <c:v>0</c:v>
                </c:pt>
                <c:pt idx="6196">
                  <c:v>0</c:v>
                </c:pt>
                <c:pt idx="6197">
                  <c:v>0</c:v>
                </c:pt>
                <c:pt idx="6198">
                  <c:v>0</c:v>
                </c:pt>
                <c:pt idx="6199">
                  <c:v>0</c:v>
                </c:pt>
                <c:pt idx="6200">
                  <c:v>0</c:v>
                </c:pt>
                <c:pt idx="6201">
                  <c:v>0</c:v>
                </c:pt>
                <c:pt idx="6202">
                  <c:v>0</c:v>
                </c:pt>
                <c:pt idx="6203">
                  <c:v>0</c:v>
                </c:pt>
                <c:pt idx="6204">
                  <c:v>0</c:v>
                </c:pt>
                <c:pt idx="6205">
                  <c:v>0</c:v>
                </c:pt>
                <c:pt idx="6206">
                  <c:v>0</c:v>
                </c:pt>
                <c:pt idx="6207">
                  <c:v>0</c:v>
                </c:pt>
                <c:pt idx="6208">
                  <c:v>0</c:v>
                </c:pt>
                <c:pt idx="6209">
                  <c:v>0</c:v>
                </c:pt>
                <c:pt idx="6210">
                  <c:v>0</c:v>
                </c:pt>
                <c:pt idx="6211">
                  <c:v>0</c:v>
                </c:pt>
                <c:pt idx="6212">
                  <c:v>0</c:v>
                </c:pt>
                <c:pt idx="6213">
                  <c:v>0</c:v>
                </c:pt>
                <c:pt idx="6214">
                  <c:v>0</c:v>
                </c:pt>
                <c:pt idx="6215">
                  <c:v>0</c:v>
                </c:pt>
                <c:pt idx="6216">
                  <c:v>0</c:v>
                </c:pt>
                <c:pt idx="6217">
                  <c:v>0</c:v>
                </c:pt>
                <c:pt idx="6218">
                  <c:v>0</c:v>
                </c:pt>
                <c:pt idx="6219">
                  <c:v>0</c:v>
                </c:pt>
                <c:pt idx="6220">
                  <c:v>0</c:v>
                </c:pt>
                <c:pt idx="6221">
                  <c:v>0</c:v>
                </c:pt>
                <c:pt idx="6222">
                  <c:v>0</c:v>
                </c:pt>
                <c:pt idx="6223">
                  <c:v>0</c:v>
                </c:pt>
                <c:pt idx="6224">
                  <c:v>0</c:v>
                </c:pt>
                <c:pt idx="6225">
                  <c:v>0</c:v>
                </c:pt>
                <c:pt idx="6226">
                  <c:v>0</c:v>
                </c:pt>
                <c:pt idx="6227">
                  <c:v>0</c:v>
                </c:pt>
                <c:pt idx="6228">
                  <c:v>0</c:v>
                </c:pt>
                <c:pt idx="6229">
                  <c:v>0</c:v>
                </c:pt>
                <c:pt idx="6230">
                  <c:v>0</c:v>
                </c:pt>
                <c:pt idx="6231">
                  <c:v>0</c:v>
                </c:pt>
                <c:pt idx="6232">
                  <c:v>0</c:v>
                </c:pt>
                <c:pt idx="6233">
                  <c:v>0</c:v>
                </c:pt>
                <c:pt idx="6234">
                  <c:v>0</c:v>
                </c:pt>
                <c:pt idx="6235">
                  <c:v>0</c:v>
                </c:pt>
                <c:pt idx="6236">
                  <c:v>0</c:v>
                </c:pt>
                <c:pt idx="6237">
                  <c:v>0</c:v>
                </c:pt>
                <c:pt idx="6238">
                  <c:v>0</c:v>
                </c:pt>
                <c:pt idx="6239">
                  <c:v>0</c:v>
                </c:pt>
                <c:pt idx="6240">
                  <c:v>0</c:v>
                </c:pt>
                <c:pt idx="6241">
                  <c:v>0</c:v>
                </c:pt>
                <c:pt idx="6242">
                  <c:v>0</c:v>
                </c:pt>
                <c:pt idx="6243">
                  <c:v>0</c:v>
                </c:pt>
                <c:pt idx="6244">
                  <c:v>0</c:v>
                </c:pt>
                <c:pt idx="6245">
                  <c:v>0</c:v>
                </c:pt>
                <c:pt idx="6246">
                  <c:v>0</c:v>
                </c:pt>
                <c:pt idx="6247">
                  <c:v>0</c:v>
                </c:pt>
                <c:pt idx="6248">
                  <c:v>0</c:v>
                </c:pt>
                <c:pt idx="6249">
                  <c:v>0</c:v>
                </c:pt>
                <c:pt idx="6250">
                  <c:v>0</c:v>
                </c:pt>
                <c:pt idx="6251">
                  <c:v>0</c:v>
                </c:pt>
                <c:pt idx="6252">
                  <c:v>0</c:v>
                </c:pt>
                <c:pt idx="6253">
                  <c:v>0</c:v>
                </c:pt>
                <c:pt idx="6254">
                  <c:v>0</c:v>
                </c:pt>
                <c:pt idx="6255">
                  <c:v>0</c:v>
                </c:pt>
                <c:pt idx="6256">
                  <c:v>0</c:v>
                </c:pt>
                <c:pt idx="6257">
                  <c:v>0</c:v>
                </c:pt>
                <c:pt idx="6258">
                  <c:v>0</c:v>
                </c:pt>
                <c:pt idx="6259">
                  <c:v>0</c:v>
                </c:pt>
                <c:pt idx="6260">
                  <c:v>0</c:v>
                </c:pt>
                <c:pt idx="6261">
                  <c:v>0</c:v>
                </c:pt>
                <c:pt idx="6262">
                  <c:v>0</c:v>
                </c:pt>
                <c:pt idx="6263">
                  <c:v>0</c:v>
                </c:pt>
                <c:pt idx="6264">
                  <c:v>0</c:v>
                </c:pt>
                <c:pt idx="6265">
                  <c:v>0</c:v>
                </c:pt>
                <c:pt idx="6266">
                  <c:v>0</c:v>
                </c:pt>
                <c:pt idx="6267">
                  <c:v>0</c:v>
                </c:pt>
                <c:pt idx="6268">
                  <c:v>0</c:v>
                </c:pt>
                <c:pt idx="6269">
                  <c:v>0</c:v>
                </c:pt>
                <c:pt idx="6270">
                  <c:v>0</c:v>
                </c:pt>
                <c:pt idx="6271">
                  <c:v>0</c:v>
                </c:pt>
                <c:pt idx="6272">
                  <c:v>0</c:v>
                </c:pt>
                <c:pt idx="6273">
                  <c:v>0</c:v>
                </c:pt>
                <c:pt idx="6274">
                  <c:v>0</c:v>
                </c:pt>
                <c:pt idx="6275">
                  <c:v>0</c:v>
                </c:pt>
                <c:pt idx="6276">
                  <c:v>0</c:v>
                </c:pt>
                <c:pt idx="6277">
                  <c:v>0</c:v>
                </c:pt>
                <c:pt idx="6278">
                  <c:v>0</c:v>
                </c:pt>
                <c:pt idx="6279">
                  <c:v>0</c:v>
                </c:pt>
                <c:pt idx="6280">
                  <c:v>0</c:v>
                </c:pt>
                <c:pt idx="6281">
                  <c:v>0</c:v>
                </c:pt>
                <c:pt idx="6282">
                  <c:v>0</c:v>
                </c:pt>
                <c:pt idx="6283">
                  <c:v>0</c:v>
                </c:pt>
                <c:pt idx="6284">
                  <c:v>0</c:v>
                </c:pt>
                <c:pt idx="6285">
                  <c:v>0</c:v>
                </c:pt>
                <c:pt idx="6286">
                  <c:v>0</c:v>
                </c:pt>
                <c:pt idx="6287">
                  <c:v>0</c:v>
                </c:pt>
                <c:pt idx="6288">
                  <c:v>0</c:v>
                </c:pt>
                <c:pt idx="6289">
                  <c:v>0</c:v>
                </c:pt>
                <c:pt idx="6290">
                  <c:v>0</c:v>
                </c:pt>
                <c:pt idx="6291">
                  <c:v>0</c:v>
                </c:pt>
                <c:pt idx="6292">
                  <c:v>0</c:v>
                </c:pt>
                <c:pt idx="6293">
                  <c:v>0</c:v>
                </c:pt>
                <c:pt idx="6294">
                  <c:v>0</c:v>
                </c:pt>
                <c:pt idx="6295">
                  <c:v>0</c:v>
                </c:pt>
                <c:pt idx="6296">
                  <c:v>0</c:v>
                </c:pt>
                <c:pt idx="6297">
                  <c:v>0</c:v>
                </c:pt>
                <c:pt idx="6298">
                  <c:v>0</c:v>
                </c:pt>
                <c:pt idx="6299">
                  <c:v>0</c:v>
                </c:pt>
                <c:pt idx="6300">
                  <c:v>0</c:v>
                </c:pt>
                <c:pt idx="6301">
                  <c:v>0</c:v>
                </c:pt>
                <c:pt idx="6302">
                  <c:v>0</c:v>
                </c:pt>
                <c:pt idx="6303">
                  <c:v>0</c:v>
                </c:pt>
                <c:pt idx="6304">
                  <c:v>0</c:v>
                </c:pt>
                <c:pt idx="6305">
                  <c:v>0</c:v>
                </c:pt>
                <c:pt idx="6306">
                  <c:v>0</c:v>
                </c:pt>
                <c:pt idx="6307">
                  <c:v>0</c:v>
                </c:pt>
                <c:pt idx="6308">
                  <c:v>0</c:v>
                </c:pt>
                <c:pt idx="6309">
                  <c:v>0</c:v>
                </c:pt>
                <c:pt idx="6310">
                  <c:v>0</c:v>
                </c:pt>
                <c:pt idx="6311">
                  <c:v>0</c:v>
                </c:pt>
                <c:pt idx="6312">
                  <c:v>0</c:v>
                </c:pt>
                <c:pt idx="6313">
                  <c:v>0</c:v>
                </c:pt>
                <c:pt idx="6314">
                  <c:v>0</c:v>
                </c:pt>
                <c:pt idx="6315">
                  <c:v>0</c:v>
                </c:pt>
                <c:pt idx="6316">
                  <c:v>0</c:v>
                </c:pt>
                <c:pt idx="6317">
                  <c:v>0</c:v>
                </c:pt>
                <c:pt idx="6318">
                  <c:v>0</c:v>
                </c:pt>
                <c:pt idx="6319">
                  <c:v>0</c:v>
                </c:pt>
                <c:pt idx="6320">
                  <c:v>0</c:v>
                </c:pt>
                <c:pt idx="6321">
                  <c:v>0</c:v>
                </c:pt>
                <c:pt idx="6322">
                  <c:v>0</c:v>
                </c:pt>
                <c:pt idx="6323">
                  <c:v>0</c:v>
                </c:pt>
                <c:pt idx="6324">
                  <c:v>0</c:v>
                </c:pt>
                <c:pt idx="6325">
                  <c:v>0</c:v>
                </c:pt>
                <c:pt idx="6326">
                  <c:v>0</c:v>
                </c:pt>
                <c:pt idx="6327">
                  <c:v>0</c:v>
                </c:pt>
                <c:pt idx="6328">
                  <c:v>0</c:v>
                </c:pt>
                <c:pt idx="6329">
                  <c:v>0</c:v>
                </c:pt>
                <c:pt idx="6330">
                  <c:v>0</c:v>
                </c:pt>
                <c:pt idx="6331">
                  <c:v>0</c:v>
                </c:pt>
                <c:pt idx="6332">
                  <c:v>0</c:v>
                </c:pt>
                <c:pt idx="6333">
                  <c:v>0</c:v>
                </c:pt>
                <c:pt idx="6334">
                  <c:v>0</c:v>
                </c:pt>
                <c:pt idx="6335">
                  <c:v>0</c:v>
                </c:pt>
                <c:pt idx="6336">
                  <c:v>0</c:v>
                </c:pt>
                <c:pt idx="6337">
                  <c:v>0</c:v>
                </c:pt>
                <c:pt idx="6338">
                  <c:v>0</c:v>
                </c:pt>
                <c:pt idx="6339">
                  <c:v>0</c:v>
                </c:pt>
                <c:pt idx="6340">
                  <c:v>0</c:v>
                </c:pt>
                <c:pt idx="6341">
                  <c:v>0</c:v>
                </c:pt>
                <c:pt idx="6342">
                  <c:v>0</c:v>
                </c:pt>
                <c:pt idx="6343">
                  <c:v>0</c:v>
                </c:pt>
                <c:pt idx="6344">
                  <c:v>0</c:v>
                </c:pt>
                <c:pt idx="6345">
                  <c:v>0</c:v>
                </c:pt>
                <c:pt idx="6346">
                  <c:v>0</c:v>
                </c:pt>
                <c:pt idx="6347">
                  <c:v>0</c:v>
                </c:pt>
                <c:pt idx="6348">
                  <c:v>0</c:v>
                </c:pt>
                <c:pt idx="6349">
                  <c:v>0</c:v>
                </c:pt>
                <c:pt idx="6350">
                  <c:v>0</c:v>
                </c:pt>
                <c:pt idx="6351">
                  <c:v>0</c:v>
                </c:pt>
                <c:pt idx="6352">
                  <c:v>0</c:v>
                </c:pt>
                <c:pt idx="6353">
                  <c:v>0</c:v>
                </c:pt>
                <c:pt idx="6354">
                  <c:v>0</c:v>
                </c:pt>
                <c:pt idx="6355">
                  <c:v>0</c:v>
                </c:pt>
                <c:pt idx="6356">
                  <c:v>0</c:v>
                </c:pt>
                <c:pt idx="6357">
                  <c:v>0</c:v>
                </c:pt>
                <c:pt idx="6358">
                  <c:v>0</c:v>
                </c:pt>
                <c:pt idx="6359">
                  <c:v>0</c:v>
                </c:pt>
                <c:pt idx="6360">
                  <c:v>0</c:v>
                </c:pt>
                <c:pt idx="6361">
                  <c:v>0</c:v>
                </c:pt>
                <c:pt idx="6362">
                  <c:v>0</c:v>
                </c:pt>
                <c:pt idx="6363">
                  <c:v>0</c:v>
                </c:pt>
                <c:pt idx="6364">
                  <c:v>0</c:v>
                </c:pt>
                <c:pt idx="6365">
                  <c:v>0</c:v>
                </c:pt>
                <c:pt idx="6366">
                  <c:v>0</c:v>
                </c:pt>
                <c:pt idx="6367">
                  <c:v>0</c:v>
                </c:pt>
                <c:pt idx="6368">
                  <c:v>0</c:v>
                </c:pt>
                <c:pt idx="6369">
                  <c:v>0</c:v>
                </c:pt>
                <c:pt idx="6370">
                  <c:v>0</c:v>
                </c:pt>
                <c:pt idx="6371">
                  <c:v>0</c:v>
                </c:pt>
                <c:pt idx="6372">
                  <c:v>0</c:v>
                </c:pt>
                <c:pt idx="6373">
                  <c:v>0</c:v>
                </c:pt>
                <c:pt idx="6374">
                  <c:v>0</c:v>
                </c:pt>
                <c:pt idx="6375">
                  <c:v>0</c:v>
                </c:pt>
                <c:pt idx="6376">
                  <c:v>0</c:v>
                </c:pt>
                <c:pt idx="6377">
                  <c:v>0</c:v>
                </c:pt>
                <c:pt idx="6378">
                  <c:v>0</c:v>
                </c:pt>
                <c:pt idx="6379">
                  <c:v>0</c:v>
                </c:pt>
                <c:pt idx="6380">
                  <c:v>0</c:v>
                </c:pt>
                <c:pt idx="6381">
                  <c:v>0</c:v>
                </c:pt>
                <c:pt idx="6382">
                  <c:v>0</c:v>
                </c:pt>
                <c:pt idx="6383">
                  <c:v>0</c:v>
                </c:pt>
                <c:pt idx="6384">
                  <c:v>0</c:v>
                </c:pt>
                <c:pt idx="6385">
                  <c:v>0</c:v>
                </c:pt>
                <c:pt idx="6386">
                  <c:v>0</c:v>
                </c:pt>
                <c:pt idx="6387">
                  <c:v>0</c:v>
                </c:pt>
                <c:pt idx="6388">
                  <c:v>0</c:v>
                </c:pt>
                <c:pt idx="6389">
                  <c:v>0</c:v>
                </c:pt>
                <c:pt idx="6390">
                  <c:v>0</c:v>
                </c:pt>
                <c:pt idx="6391">
                  <c:v>0</c:v>
                </c:pt>
                <c:pt idx="6392">
                  <c:v>0</c:v>
                </c:pt>
                <c:pt idx="6393">
                  <c:v>0</c:v>
                </c:pt>
                <c:pt idx="6394">
                  <c:v>0</c:v>
                </c:pt>
                <c:pt idx="6395">
                  <c:v>0</c:v>
                </c:pt>
                <c:pt idx="6396">
                  <c:v>0</c:v>
                </c:pt>
                <c:pt idx="6397">
                  <c:v>0</c:v>
                </c:pt>
                <c:pt idx="6398">
                  <c:v>0</c:v>
                </c:pt>
                <c:pt idx="6399">
                  <c:v>0</c:v>
                </c:pt>
                <c:pt idx="6400">
                  <c:v>0</c:v>
                </c:pt>
                <c:pt idx="6401">
                  <c:v>0</c:v>
                </c:pt>
                <c:pt idx="6402">
                  <c:v>0</c:v>
                </c:pt>
                <c:pt idx="6403">
                  <c:v>0</c:v>
                </c:pt>
                <c:pt idx="6404">
                  <c:v>0</c:v>
                </c:pt>
                <c:pt idx="6405">
                  <c:v>0</c:v>
                </c:pt>
                <c:pt idx="6406">
                  <c:v>0</c:v>
                </c:pt>
                <c:pt idx="6407">
                  <c:v>0</c:v>
                </c:pt>
                <c:pt idx="6408">
                  <c:v>0</c:v>
                </c:pt>
                <c:pt idx="6409">
                  <c:v>0</c:v>
                </c:pt>
                <c:pt idx="6410">
                  <c:v>0</c:v>
                </c:pt>
                <c:pt idx="6411">
                  <c:v>0</c:v>
                </c:pt>
                <c:pt idx="6412">
                  <c:v>0</c:v>
                </c:pt>
                <c:pt idx="6413">
                  <c:v>0</c:v>
                </c:pt>
                <c:pt idx="6414">
                  <c:v>0</c:v>
                </c:pt>
                <c:pt idx="6415">
                  <c:v>0</c:v>
                </c:pt>
                <c:pt idx="6416">
                  <c:v>0</c:v>
                </c:pt>
                <c:pt idx="6417">
                  <c:v>0</c:v>
                </c:pt>
                <c:pt idx="6418">
                  <c:v>0</c:v>
                </c:pt>
                <c:pt idx="6419">
                  <c:v>0</c:v>
                </c:pt>
                <c:pt idx="6420">
                  <c:v>0</c:v>
                </c:pt>
                <c:pt idx="6421">
                  <c:v>0</c:v>
                </c:pt>
                <c:pt idx="6422">
                  <c:v>0</c:v>
                </c:pt>
                <c:pt idx="6423">
                  <c:v>0</c:v>
                </c:pt>
                <c:pt idx="6424">
                  <c:v>0</c:v>
                </c:pt>
                <c:pt idx="6425">
                  <c:v>0</c:v>
                </c:pt>
                <c:pt idx="6426">
                  <c:v>0</c:v>
                </c:pt>
                <c:pt idx="6427">
                  <c:v>0</c:v>
                </c:pt>
                <c:pt idx="6428">
                  <c:v>0</c:v>
                </c:pt>
                <c:pt idx="6429">
                  <c:v>0</c:v>
                </c:pt>
                <c:pt idx="6430">
                  <c:v>0</c:v>
                </c:pt>
                <c:pt idx="6431">
                  <c:v>0</c:v>
                </c:pt>
                <c:pt idx="6432">
                  <c:v>0</c:v>
                </c:pt>
                <c:pt idx="6433">
                  <c:v>0</c:v>
                </c:pt>
                <c:pt idx="6434">
                  <c:v>0</c:v>
                </c:pt>
                <c:pt idx="6435">
                  <c:v>0</c:v>
                </c:pt>
                <c:pt idx="6436">
                  <c:v>0</c:v>
                </c:pt>
                <c:pt idx="6437">
                  <c:v>0</c:v>
                </c:pt>
                <c:pt idx="6438">
                  <c:v>0</c:v>
                </c:pt>
                <c:pt idx="6439">
                  <c:v>0</c:v>
                </c:pt>
                <c:pt idx="6440">
                  <c:v>0</c:v>
                </c:pt>
                <c:pt idx="6441">
                  <c:v>0</c:v>
                </c:pt>
                <c:pt idx="6442">
                  <c:v>0</c:v>
                </c:pt>
                <c:pt idx="6443">
                  <c:v>0</c:v>
                </c:pt>
                <c:pt idx="6444">
                  <c:v>0</c:v>
                </c:pt>
                <c:pt idx="6445">
                  <c:v>0</c:v>
                </c:pt>
                <c:pt idx="6446">
                  <c:v>0</c:v>
                </c:pt>
                <c:pt idx="6447">
                  <c:v>0</c:v>
                </c:pt>
                <c:pt idx="6448">
                  <c:v>0</c:v>
                </c:pt>
                <c:pt idx="6449">
                  <c:v>0</c:v>
                </c:pt>
                <c:pt idx="6450">
                  <c:v>0</c:v>
                </c:pt>
                <c:pt idx="6451">
                  <c:v>0</c:v>
                </c:pt>
                <c:pt idx="6452">
                  <c:v>0</c:v>
                </c:pt>
                <c:pt idx="6453">
                  <c:v>0</c:v>
                </c:pt>
                <c:pt idx="6454">
                  <c:v>0</c:v>
                </c:pt>
                <c:pt idx="6455">
                  <c:v>0</c:v>
                </c:pt>
                <c:pt idx="6456">
                  <c:v>0</c:v>
                </c:pt>
                <c:pt idx="6457">
                  <c:v>0</c:v>
                </c:pt>
                <c:pt idx="6458">
                  <c:v>0</c:v>
                </c:pt>
                <c:pt idx="6459">
                  <c:v>0</c:v>
                </c:pt>
                <c:pt idx="6460">
                  <c:v>0</c:v>
                </c:pt>
                <c:pt idx="6461">
                  <c:v>0</c:v>
                </c:pt>
                <c:pt idx="6462">
                  <c:v>0</c:v>
                </c:pt>
                <c:pt idx="6463">
                  <c:v>0</c:v>
                </c:pt>
                <c:pt idx="6464">
                  <c:v>0</c:v>
                </c:pt>
                <c:pt idx="6465">
                  <c:v>0</c:v>
                </c:pt>
                <c:pt idx="6466">
                  <c:v>0</c:v>
                </c:pt>
                <c:pt idx="6467">
                  <c:v>0</c:v>
                </c:pt>
                <c:pt idx="6468">
                  <c:v>0</c:v>
                </c:pt>
                <c:pt idx="6469">
                  <c:v>0</c:v>
                </c:pt>
                <c:pt idx="6470">
                  <c:v>0</c:v>
                </c:pt>
                <c:pt idx="6471">
                  <c:v>0</c:v>
                </c:pt>
                <c:pt idx="6472">
                  <c:v>0</c:v>
                </c:pt>
                <c:pt idx="6473">
                  <c:v>0</c:v>
                </c:pt>
                <c:pt idx="6474">
                  <c:v>0</c:v>
                </c:pt>
                <c:pt idx="6475">
                  <c:v>0</c:v>
                </c:pt>
                <c:pt idx="6476">
                  <c:v>0</c:v>
                </c:pt>
                <c:pt idx="6477">
                  <c:v>0</c:v>
                </c:pt>
                <c:pt idx="6478">
                  <c:v>0</c:v>
                </c:pt>
                <c:pt idx="6479">
                  <c:v>0</c:v>
                </c:pt>
                <c:pt idx="6480">
                  <c:v>0</c:v>
                </c:pt>
                <c:pt idx="6481">
                  <c:v>0</c:v>
                </c:pt>
                <c:pt idx="6482">
                  <c:v>0</c:v>
                </c:pt>
                <c:pt idx="6483">
                  <c:v>0</c:v>
                </c:pt>
                <c:pt idx="6484">
                  <c:v>0</c:v>
                </c:pt>
                <c:pt idx="6485">
                  <c:v>0</c:v>
                </c:pt>
                <c:pt idx="6486">
                  <c:v>0</c:v>
                </c:pt>
                <c:pt idx="6487">
                  <c:v>0</c:v>
                </c:pt>
                <c:pt idx="6488">
                  <c:v>0</c:v>
                </c:pt>
                <c:pt idx="6489">
                  <c:v>0</c:v>
                </c:pt>
                <c:pt idx="6490">
                  <c:v>0</c:v>
                </c:pt>
                <c:pt idx="6491">
                  <c:v>0</c:v>
                </c:pt>
                <c:pt idx="6492">
                  <c:v>0</c:v>
                </c:pt>
                <c:pt idx="6493">
                  <c:v>0</c:v>
                </c:pt>
                <c:pt idx="6494">
                  <c:v>0</c:v>
                </c:pt>
                <c:pt idx="6495">
                  <c:v>0</c:v>
                </c:pt>
                <c:pt idx="6496">
                  <c:v>0</c:v>
                </c:pt>
                <c:pt idx="6497">
                  <c:v>0</c:v>
                </c:pt>
                <c:pt idx="6498">
                  <c:v>0</c:v>
                </c:pt>
                <c:pt idx="6499">
                  <c:v>0</c:v>
                </c:pt>
                <c:pt idx="6500">
                  <c:v>0</c:v>
                </c:pt>
                <c:pt idx="6501">
                  <c:v>0</c:v>
                </c:pt>
                <c:pt idx="6502">
                  <c:v>0</c:v>
                </c:pt>
                <c:pt idx="6503">
                  <c:v>0</c:v>
                </c:pt>
                <c:pt idx="6504">
                  <c:v>0</c:v>
                </c:pt>
                <c:pt idx="6505">
                  <c:v>0</c:v>
                </c:pt>
                <c:pt idx="6506">
                  <c:v>0</c:v>
                </c:pt>
                <c:pt idx="6507">
                  <c:v>0</c:v>
                </c:pt>
                <c:pt idx="6508">
                  <c:v>0</c:v>
                </c:pt>
                <c:pt idx="6509">
                  <c:v>0</c:v>
                </c:pt>
                <c:pt idx="6510">
                  <c:v>0</c:v>
                </c:pt>
                <c:pt idx="6511">
                  <c:v>0</c:v>
                </c:pt>
                <c:pt idx="6512">
                  <c:v>0</c:v>
                </c:pt>
                <c:pt idx="6513">
                  <c:v>0</c:v>
                </c:pt>
                <c:pt idx="6514">
                  <c:v>0</c:v>
                </c:pt>
                <c:pt idx="6515">
                  <c:v>0</c:v>
                </c:pt>
                <c:pt idx="6516">
                  <c:v>0</c:v>
                </c:pt>
                <c:pt idx="6517">
                  <c:v>0</c:v>
                </c:pt>
                <c:pt idx="6518">
                  <c:v>0</c:v>
                </c:pt>
                <c:pt idx="6519">
                  <c:v>0</c:v>
                </c:pt>
                <c:pt idx="6520">
                  <c:v>0</c:v>
                </c:pt>
                <c:pt idx="6521">
                  <c:v>0</c:v>
                </c:pt>
                <c:pt idx="6522">
                  <c:v>0</c:v>
                </c:pt>
                <c:pt idx="6523">
                  <c:v>0</c:v>
                </c:pt>
                <c:pt idx="6524">
                  <c:v>0</c:v>
                </c:pt>
                <c:pt idx="6525">
                  <c:v>0</c:v>
                </c:pt>
                <c:pt idx="6526">
                  <c:v>0</c:v>
                </c:pt>
                <c:pt idx="6527">
                  <c:v>0</c:v>
                </c:pt>
                <c:pt idx="6528">
                  <c:v>0</c:v>
                </c:pt>
                <c:pt idx="6529">
                  <c:v>0</c:v>
                </c:pt>
                <c:pt idx="6530">
                  <c:v>0</c:v>
                </c:pt>
                <c:pt idx="6531">
                  <c:v>0</c:v>
                </c:pt>
                <c:pt idx="6532">
                  <c:v>0</c:v>
                </c:pt>
                <c:pt idx="6533">
                  <c:v>0</c:v>
                </c:pt>
                <c:pt idx="6534">
                  <c:v>0</c:v>
                </c:pt>
                <c:pt idx="6535">
                  <c:v>0</c:v>
                </c:pt>
                <c:pt idx="6536">
                  <c:v>0</c:v>
                </c:pt>
                <c:pt idx="6537">
                  <c:v>0</c:v>
                </c:pt>
                <c:pt idx="6538">
                  <c:v>0</c:v>
                </c:pt>
                <c:pt idx="6539">
                  <c:v>0</c:v>
                </c:pt>
                <c:pt idx="6540">
                  <c:v>0</c:v>
                </c:pt>
                <c:pt idx="6541">
                  <c:v>0</c:v>
                </c:pt>
                <c:pt idx="6542">
                  <c:v>0</c:v>
                </c:pt>
                <c:pt idx="6543">
                  <c:v>0</c:v>
                </c:pt>
                <c:pt idx="6544">
                  <c:v>0</c:v>
                </c:pt>
                <c:pt idx="6545">
                  <c:v>0</c:v>
                </c:pt>
                <c:pt idx="6546">
                  <c:v>0</c:v>
                </c:pt>
                <c:pt idx="6547">
                  <c:v>0</c:v>
                </c:pt>
                <c:pt idx="6548">
                  <c:v>0</c:v>
                </c:pt>
                <c:pt idx="6549">
                  <c:v>0</c:v>
                </c:pt>
                <c:pt idx="6550">
                  <c:v>0</c:v>
                </c:pt>
                <c:pt idx="6551">
                  <c:v>0</c:v>
                </c:pt>
                <c:pt idx="6552">
                  <c:v>0</c:v>
                </c:pt>
                <c:pt idx="6553">
                  <c:v>0</c:v>
                </c:pt>
                <c:pt idx="6554">
                  <c:v>0</c:v>
                </c:pt>
                <c:pt idx="6555">
                  <c:v>0</c:v>
                </c:pt>
                <c:pt idx="6556">
                  <c:v>0</c:v>
                </c:pt>
                <c:pt idx="6557">
                  <c:v>0</c:v>
                </c:pt>
                <c:pt idx="6558">
                  <c:v>0</c:v>
                </c:pt>
                <c:pt idx="6559">
                  <c:v>0</c:v>
                </c:pt>
                <c:pt idx="6560">
                  <c:v>0</c:v>
                </c:pt>
                <c:pt idx="6561">
                  <c:v>0</c:v>
                </c:pt>
                <c:pt idx="6562">
                  <c:v>0</c:v>
                </c:pt>
                <c:pt idx="6563">
                  <c:v>0</c:v>
                </c:pt>
                <c:pt idx="6564">
                  <c:v>0</c:v>
                </c:pt>
                <c:pt idx="6565">
                  <c:v>0</c:v>
                </c:pt>
                <c:pt idx="6566">
                  <c:v>0</c:v>
                </c:pt>
                <c:pt idx="6567">
                  <c:v>0</c:v>
                </c:pt>
                <c:pt idx="6568">
                  <c:v>0</c:v>
                </c:pt>
                <c:pt idx="6569">
                  <c:v>0</c:v>
                </c:pt>
                <c:pt idx="6570">
                  <c:v>0</c:v>
                </c:pt>
                <c:pt idx="6571">
                  <c:v>0</c:v>
                </c:pt>
                <c:pt idx="6572">
                  <c:v>0</c:v>
                </c:pt>
                <c:pt idx="6573">
                  <c:v>0</c:v>
                </c:pt>
                <c:pt idx="6574">
                  <c:v>0</c:v>
                </c:pt>
                <c:pt idx="6575">
                  <c:v>0</c:v>
                </c:pt>
                <c:pt idx="6576">
                  <c:v>0</c:v>
                </c:pt>
                <c:pt idx="6577">
                  <c:v>0</c:v>
                </c:pt>
                <c:pt idx="6578">
                  <c:v>0</c:v>
                </c:pt>
                <c:pt idx="6579">
                  <c:v>0</c:v>
                </c:pt>
                <c:pt idx="6580">
                  <c:v>0</c:v>
                </c:pt>
                <c:pt idx="6581">
                  <c:v>0</c:v>
                </c:pt>
                <c:pt idx="6582">
                  <c:v>0</c:v>
                </c:pt>
                <c:pt idx="6583">
                  <c:v>0</c:v>
                </c:pt>
                <c:pt idx="6584">
                  <c:v>0</c:v>
                </c:pt>
                <c:pt idx="6585">
                  <c:v>0</c:v>
                </c:pt>
                <c:pt idx="6586">
                  <c:v>0</c:v>
                </c:pt>
                <c:pt idx="6587">
                  <c:v>0</c:v>
                </c:pt>
                <c:pt idx="6588">
                  <c:v>0</c:v>
                </c:pt>
                <c:pt idx="6589">
                  <c:v>0</c:v>
                </c:pt>
                <c:pt idx="6590">
                  <c:v>0</c:v>
                </c:pt>
                <c:pt idx="6591">
                  <c:v>0</c:v>
                </c:pt>
                <c:pt idx="6592">
                  <c:v>0</c:v>
                </c:pt>
                <c:pt idx="6593">
                  <c:v>0</c:v>
                </c:pt>
                <c:pt idx="6594">
                  <c:v>0</c:v>
                </c:pt>
                <c:pt idx="6595">
                  <c:v>0</c:v>
                </c:pt>
                <c:pt idx="6596">
                  <c:v>0</c:v>
                </c:pt>
                <c:pt idx="6597">
                  <c:v>0</c:v>
                </c:pt>
                <c:pt idx="6598">
                  <c:v>0</c:v>
                </c:pt>
                <c:pt idx="6599">
                  <c:v>0</c:v>
                </c:pt>
                <c:pt idx="6600">
                  <c:v>0</c:v>
                </c:pt>
                <c:pt idx="6601">
                  <c:v>0</c:v>
                </c:pt>
                <c:pt idx="6602">
                  <c:v>0</c:v>
                </c:pt>
                <c:pt idx="6603">
                  <c:v>0</c:v>
                </c:pt>
                <c:pt idx="6604">
                  <c:v>0</c:v>
                </c:pt>
                <c:pt idx="6605">
                  <c:v>0</c:v>
                </c:pt>
                <c:pt idx="6606">
                  <c:v>0</c:v>
                </c:pt>
                <c:pt idx="6607">
                  <c:v>0</c:v>
                </c:pt>
                <c:pt idx="6608">
                  <c:v>0</c:v>
                </c:pt>
                <c:pt idx="6609">
                  <c:v>0</c:v>
                </c:pt>
                <c:pt idx="6610">
                  <c:v>0</c:v>
                </c:pt>
                <c:pt idx="6611">
                  <c:v>0</c:v>
                </c:pt>
                <c:pt idx="6612">
                  <c:v>0</c:v>
                </c:pt>
                <c:pt idx="6613">
                  <c:v>0</c:v>
                </c:pt>
                <c:pt idx="6614">
                  <c:v>0</c:v>
                </c:pt>
                <c:pt idx="6615">
                  <c:v>0</c:v>
                </c:pt>
                <c:pt idx="6616">
                  <c:v>0</c:v>
                </c:pt>
                <c:pt idx="6617">
                  <c:v>0</c:v>
                </c:pt>
                <c:pt idx="6618">
                  <c:v>0</c:v>
                </c:pt>
                <c:pt idx="6619">
                  <c:v>0</c:v>
                </c:pt>
                <c:pt idx="6620">
                  <c:v>0</c:v>
                </c:pt>
                <c:pt idx="6621">
                  <c:v>0</c:v>
                </c:pt>
                <c:pt idx="6622">
                  <c:v>0</c:v>
                </c:pt>
                <c:pt idx="6623">
                  <c:v>0</c:v>
                </c:pt>
                <c:pt idx="6624">
                  <c:v>0</c:v>
                </c:pt>
                <c:pt idx="6625">
                  <c:v>0</c:v>
                </c:pt>
                <c:pt idx="6626">
                  <c:v>0</c:v>
                </c:pt>
                <c:pt idx="6627">
                  <c:v>0</c:v>
                </c:pt>
                <c:pt idx="6628">
                  <c:v>0</c:v>
                </c:pt>
                <c:pt idx="6629">
                  <c:v>0</c:v>
                </c:pt>
                <c:pt idx="6630">
                  <c:v>0</c:v>
                </c:pt>
                <c:pt idx="6631">
                  <c:v>0</c:v>
                </c:pt>
                <c:pt idx="6632">
                  <c:v>0</c:v>
                </c:pt>
                <c:pt idx="6633">
                  <c:v>0</c:v>
                </c:pt>
                <c:pt idx="6634">
                  <c:v>0</c:v>
                </c:pt>
                <c:pt idx="6635">
                  <c:v>0</c:v>
                </c:pt>
                <c:pt idx="6636">
                  <c:v>0</c:v>
                </c:pt>
                <c:pt idx="6637">
                  <c:v>0</c:v>
                </c:pt>
                <c:pt idx="6638">
                  <c:v>0</c:v>
                </c:pt>
                <c:pt idx="6639">
                  <c:v>0</c:v>
                </c:pt>
                <c:pt idx="6640">
                  <c:v>0</c:v>
                </c:pt>
                <c:pt idx="6641">
                  <c:v>0</c:v>
                </c:pt>
                <c:pt idx="6642">
                  <c:v>0</c:v>
                </c:pt>
                <c:pt idx="6643">
                  <c:v>0</c:v>
                </c:pt>
                <c:pt idx="6644">
                  <c:v>0</c:v>
                </c:pt>
                <c:pt idx="6645">
                  <c:v>0</c:v>
                </c:pt>
                <c:pt idx="6646">
                  <c:v>0</c:v>
                </c:pt>
                <c:pt idx="6647">
                  <c:v>0</c:v>
                </c:pt>
                <c:pt idx="6648">
                  <c:v>0</c:v>
                </c:pt>
                <c:pt idx="6649">
                  <c:v>0</c:v>
                </c:pt>
                <c:pt idx="6650">
                  <c:v>0</c:v>
                </c:pt>
                <c:pt idx="6651">
                  <c:v>0</c:v>
                </c:pt>
                <c:pt idx="6652">
                  <c:v>0</c:v>
                </c:pt>
                <c:pt idx="6653">
                  <c:v>0</c:v>
                </c:pt>
                <c:pt idx="6654">
                  <c:v>0</c:v>
                </c:pt>
                <c:pt idx="6655">
                  <c:v>0</c:v>
                </c:pt>
                <c:pt idx="6656">
                  <c:v>0</c:v>
                </c:pt>
                <c:pt idx="6657">
                  <c:v>0</c:v>
                </c:pt>
                <c:pt idx="6658">
                  <c:v>0</c:v>
                </c:pt>
                <c:pt idx="6659">
                  <c:v>0</c:v>
                </c:pt>
                <c:pt idx="6660">
                  <c:v>0</c:v>
                </c:pt>
                <c:pt idx="6661">
                  <c:v>0</c:v>
                </c:pt>
                <c:pt idx="6662">
                  <c:v>0</c:v>
                </c:pt>
                <c:pt idx="6663">
                  <c:v>0</c:v>
                </c:pt>
                <c:pt idx="6664">
                  <c:v>0</c:v>
                </c:pt>
                <c:pt idx="6665">
                  <c:v>0</c:v>
                </c:pt>
                <c:pt idx="6666">
                  <c:v>0</c:v>
                </c:pt>
                <c:pt idx="6667">
                  <c:v>0</c:v>
                </c:pt>
                <c:pt idx="6668">
                  <c:v>0</c:v>
                </c:pt>
                <c:pt idx="6669">
                  <c:v>0</c:v>
                </c:pt>
                <c:pt idx="6670">
                  <c:v>0</c:v>
                </c:pt>
                <c:pt idx="6671">
                  <c:v>0</c:v>
                </c:pt>
                <c:pt idx="6672">
                  <c:v>0</c:v>
                </c:pt>
                <c:pt idx="6673">
                  <c:v>0</c:v>
                </c:pt>
                <c:pt idx="6674">
                  <c:v>0</c:v>
                </c:pt>
                <c:pt idx="6675">
                  <c:v>0</c:v>
                </c:pt>
                <c:pt idx="6676">
                  <c:v>0</c:v>
                </c:pt>
                <c:pt idx="6677">
                  <c:v>0</c:v>
                </c:pt>
                <c:pt idx="6678">
                  <c:v>0</c:v>
                </c:pt>
                <c:pt idx="6679">
                  <c:v>0</c:v>
                </c:pt>
                <c:pt idx="6680">
                  <c:v>0</c:v>
                </c:pt>
                <c:pt idx="6681">
                  <c:v>0</c:v>
                </c:pt>
                <c:pt idx="6682">
                  <c:v>0</c:v>
                </c:pt>
                <c:pt idx="6683">
                  <c:v>0</c:v>
                </c:pt>
                <c:pt idx="6684">
                  <c:v>0</c:v>
                </c:pt>
                <c:pt idx="6685">
                  <c:v>0</c:v>
                </c:pt>
                <c:pt idx="6686">
                  <c:v>0</c:v>
                </c:pt>
                <c:pt idx="6687">
                  <c:v>0</c:v>
                </c:pt>
                <c:pt idx="6688">
                  <c:v>0</c:v>
                </c:pt>
                <c:pt idx="6689">
                  <c:v>0</c:v>
                </c:pt>
                <c:pt idx="6690">
                  <c:v>0</c:v>
                </c:pt>
                <c:pt idx="6691">
                  <c:v>0</c:v>
                </c:pt>
                <c:pt idx="6692">
                  <c:v>0</c:v>
                </c:pt>
                <c:pt idx="6693">
                  <c:v>0</c:v>
                </c:pt>
                <c:pt idx="6694">
                  <c:v>0</c:v>
                </c:pt>
                <c:pt idx="6695">
                  <c:v>0</c:v>
                </c:pt>
                <c:pt idx="6696">
                  <c:v>0</c:v>
                </c:pt>
                <c:pt idx="6697">
                  <c:v>0</c:v>
                </c:pt>
                <c:pt idx="6698">
                  <c:v>0</c:v>
                </c:pt>
                <c:pt idx="6699">
                  <c:v>0</c:v>
                </c:pt>
                <c:pt idx="6700">
                  <c:v>0</c:v>
                </c:pt>
                <c:pt idx="6701">
                  <c:v>0</c:v>
                </c:pt>
                <c:pt idx="6702">
                  <c:v>0</c:v>
                </c:pt>
                <c:pt idx="6703">
                  <c:v>0</c:v>
                </c:pt>
                <c:pt idx="6704">
                  <c:v>0</c:v>
                </c:pt>
                <c:pt idx="6705">
                  <c:v>0</c:v>
                </c:pt>
                <c:pt idx="6706">
                  <c:v>0</c:v>
                </c:pt>
                <c:pt idx="6707">
                  <c:v>0</c:v>
                </c:pt>
                <c:pt idx="6708">
                  <c:v>0</c:v>
                </c:pt>
                <c:pt idx="6709">
                  <c:v>0</c:v>
                </c:pt>
                <c:pt idx="6710">
                  <c:v>0</c:v>
                </c:pt>
                <c:pt idx="6711">
                  <c:v>0</c:v>
                </c:pt>
                <c:pt idx="6712">
                  <c:v>0</c:v>
                </c:pt>
                <c:pt idx="6713">
                  <c:v>0</c:v>
                </c:pt>
                <c:pt idx="6714">
                  <c:v>0</c:v>
                </c:pt>
                <c:pt idx="6715">
                  <c:v>0</c:v>
                </c:pt>
                <c:pt idx="6716">
                  <c:v>0</c:v>
                </c:pt>
                <c:pt idx="6717">
                  <c:v>0</c:v>
                </c:pt>
                <c:pt idx="6718">
                  <c:v>0</c:v>
                </c:pt>
                <c:pt idx="6719">
                  <c:v>0</c:v>
                </c:pt>
                <c:pt idx="6720">
                  <c:v>0</c:v>
                </c:pt>
                <c:pt idx="6721">
                  <c:v>0</c:v>
                </c:pt>
                <c:pt idx="6722">
                  <c:v>0</c:v>
                </c:pt>
                <c:pt idx="6723">
                  <c:v>0</c:v>
                </c:pt>
                <c:pt idx="6724">
                  <c:v>0</c:v>
                </c:pt>
                <c:pt idx="6725">
                  <c:v>0</c:v>
                </c:pt>
                <c:pt idx="6726">
                  <c:v>0</c:v>
                </c:pt>
                <c:pt idx="6727">
                  <c:v>0</c:v>
                </c:pt>
                <c:pt idx="6728">
                  <c:v>0</c:v>
                </c:pt>
                <c:pt idx="6729">
                  <c:v>0</c:v>
                </c:pt>
                <c:pt idx="6730">
                  <c:v>0</c:v>
                </c:pt>
                <c:pt idx="6731">
                  <c:v>0</c:v>
                </c:pt>
                <c:pt idx="6732">
                  <c:v>0</c:v>
                </c:pt>
                <c:pt idx="6733">
                  <c:v>0</c:v>
                </c:pt>
                <c:pt idx="6734">
                  <c:v>0</c:v>
                </c:pt>
                <c:pt idx="6735">
                  <c:v>0</c:v>
                </c:pt>
                <c:pt idx="6736">
                  <c:v>0</c:v>
                </c:pt>
                <c:pt idx="6737">
                  <c:v>0</c:v>
                </c:pt>
                <c:pt idx="6738">
                  <c:v>0</c:v>
                </c:pt>
                <c:pt idx="6739">
                  <c:v>0</c:v>
                </c:pt>
                <c:pt idx="6740">
                  <c:v>0</c:v>
                </c:pt>
                <c:pt idx="6741">
                  <c:v>0</c:v>
                </c:pt>
                <c:pt idx="6742">
                  <c:v>0</c:v>
                </c:pt>
                <c:pt idx="6743">
                  <c:v>0</c:v>
                </c:pt>
                <c:pt idx="6744">
                  <c:v>0</c:v>
                </c:pt>
                <c:pt idx="6745">
                  <c:v>0</c:v>
                </c:pt>
                <c:pt idx="6746">
                  <c:v>0</c:v>
                </c:pt>
                <c:pt idx="6747">
                  <c:v>0</c:v>
                </c:pt>
                <c:pt idx="6748">
                  <c:v>0</c:v>
                </c:pt>
                <c:pt idx="6749">
                  <c:v>0</c:v>
                </c:pt>
                <c:pt idx="6750">
                  <c:v>0</c:v>
                </c:pt>
                <c:pt idx="6751">
                  <c:v>0</c:v>
                </c:pt>
                <c:pt idx="6752">
                  <c:v>0</c:v>
                </c:pt>
                <c:pt idx="6753">
                  <c:v>0</c:v>
                </c:pt>
                <c:pt idx="6754">
                  <c:v>0</c:v>
                </c:pt>
                <c:pt idx="6755">
                  <c:v>0</c:v>
                </c:pt>
                <c:pt idx="6756">
                  <c:v>0</c:v>
                </c:pt>
                <c:pt idx="6757">
                  <c:v>0</c:v>
                </c:pt>
                <c:pt idx="6758">
                  <c:v>0</c:v>
                </c:pt>
                <c:pt idx="6759">
                  <c:v>0</c:v>
                </c:pt>
                <c:pt idx="6760">
                  <c:v>0</c:v>
                </c:pt>
                <c:pt idx="6761">
                  <c:v>0</c:v>
                </c:pt>
                <c:pt idx="6762">
                  <c:v>0</c:v>
                </c:pt>
                <c:pt idx="6763">
                  <c:v>0</c:v>
                </c:pt>
                <c:pt idx="6764">
                  <c:v>0</c:v>
                </c:pt>
                <c:pt idx="6765">
                  <c:v>0</c:v>
                </c:pt>
                <c:pt idx="6766">
                  <c:v>0</c:v>
                </c:pt>
                <c:pt idx="6767">
                  <c:v>0</c:v>
                </c:pt>
                <c:pt idx="6768">
                  <c:v>0</c:v>
                </c:pt>
                <c:pt idx="6769">
                  <c:v>0</c:v>
                </c:pt>
                <c:pt idx="6770">
                  <c:v>0</c:v>
                </c:pt>
                <c:pt idx="6771">
                  <c:v>0</c:v>
                </c:pt>
                <c:pt idx="6772">
                  <c:v>0</c:v>
                </c:pt>
                <c:pt idx="6773">
                  <c:v>0</c:v>
                </c:pt>
                <c:pt idx="6774">
                  <c:v>0</c:v>
                </c:pt>
                <c:pt idx="6775">
                  <c:v>0</c:v>
                </c:pt>
                <c:pt idx="6776">
                  <c:v>0</c:v>
                </c:pt>
                <c:pt idx="6777">
                  <c:v>0</c:v>
                </c:pt>
                <c:pt idx="6778">
                  <c:v>0</c:v>
                </c:pt>
                <c:pt idx="6779">
                  <c:v>0</c:v>
                </c:pt>
                <c:pt idx="6780">
                  <c:v>0</c:v>
                </c:pt>
                <c:pt idx="6781">
                  <c:v>0</c:v>
                </c:pt>
                <c:pt idx="6782">
                  <c:v>0</c:v>
                </c:pt>
                <c:pt idx="6783">
                  <c:v>0</c:v>
                </c:pt>
                <c:pt idx="6784">
                  <c:v>0</c:v>
                </c:pt>
                <c:pt idx="6785">
                  <c:v>0</c:v>
                </c:pt>
                <c:pt idx="6786">
                  <c:v>0</c:v>
                </c:pt>
                <c:pt idx="6787">
                  <c:v>0</c:v>
                </c:pt>
                <c:pt idx="6788">
                  <c:v>0</c:v>
                </c:pt>
                <c:pt idx="6789">
                  <c:v>0</c:v>
                </c:pt>
                <c:pt idx="6790">
                  <c:v>0</c:v>
                </c:pt>
                <c:pt idx="6791">
                  <c:v>0</c:v>
                </c:pt>
                <c:pt idx="6792">
                  <c:v>0</c:v>
                </c:pt>
                <c:pt idx="6793">
                  <c:v>0</c:v>
                </c:pt>
                <c:pt idx="6794">
                  <c:v>0</c:v>
                </c:pt>
                <c:pt idx="6795">
                  <c:v>0</c:v>
                </c:pt>
                <c:pt idx="6796">
                  <c:v>0</c:v>
                </c:pt>
                <c:pt idx="6797">
                  <c:v>0</c:v>
                </c:pt>
                <c:pt idx="6798">
                  <c:v>0</c:v>
                </c:pt>
                <c:pt idx="6799">
                  <c:v>0</c:v>
                </c:pt>
                <c:pt idx="6800">
                  <c:v>0</c:v>
                </c:pt>
                <c:pt idx="6801">
                  <c:v>0</c:v>
                </c:pt>
                <c:pt idx="6802">
                  <c:v>0</c:v>
                </c:pt>
                <c:pt idx="6803">
                  <c:v>0</c:v>
                </c:pt>
                <c:pt idx="6804">
                  <c:v>0</c:v>
                </c:pt>
                <c:pt idx="6805">
                  <c:v>0</c:v>
                </c:pt>
                <c:pt idx="6806">
                  <c:v>0</c:v>
                </c:pt>
                <c:pt idx="6807">
                  <c:v>0</c:v>
                </c:pt>
                <c:pt idx="6808">
                  <c:v>0</c:v>
                </c:pt>
                <c:pt idx="6809">
                  <c:v>0</c:v>
                </c:pt>
                <c:pt idx="6810">
                  <c:v>0</c:v>
                </c:pt>
                <c:pt idx="6811">
                  <c:v>0</c:v>
                </c:pt>
                <c:pt idx="6812">
                  <c:v>0</c:v>
                </c:pt>
                <c:pt idx="6813">
                  <c:v>0</c:v>
                </c:pt>
                <c:pt idx="6814">
                  <c:v>0</c:v>
                </c:pt>
                <c:pt idx="6815">
                  <c:v>0</c:v>
                </c:pt>
                <c:pt idx="6816">
                  <c:v>0</c:v>
                </c:pt>
                <c:pt idx="6817">
                  <c:v>0</c:v>
                </c:pt>
                <c:pt idx="6818">
                  <c:v>0</c:v>
                </c:pt>
                <c:pt idx="6819">
                  <c:v>0</c:v>
                </c:pt>
                <c:pt idx="6820">
                  <c:v>0</c:v>
                </c:pt>
                <c:pt idx="6821">
                  <c:v>0</c:v>
                </c:pt>
                <c:pt idx="6822">
                  <c:v>0</c:v>
                </c:pt>
                <c:pt idx="6823">
                  <c:v>0</c:v>
                </c:pt>
                <c:pt idx="6824">
                  <c:v>0</c:v>
                </c:pt>
                <c:pt idx="6825">
                  <c:v>0</c:v>
                </c:pt>
                <c:pt idx="6826">
                  <c:v>0</c:v>
                </c:pt>
                <c:pt idx="6827">
                  <c:v>0</c:v>
                </c:pt>
                <c:pt idx="6828">
                  <c:v>0</c:v>
                </c:pt>
                <c:pt idx="6829">
                  <c:v>0</c:v>
                </c:pt>
                <c:pt idx="6830">
                  <c:v>0</c:v>
                </c:pt>
                <c:pt idx="6831">
                  <c:v>0</c:v>
                </c:pt>
                <c:pt idx="6832">
                  <c:v>0</c:v>
                </c:pt>
                <c:pt idx="6833">
                  <c:v>0</c:v>
                </c:pt>
                <c:pt idx="6834">
                  <c:v>0</c:v>
                </c:pt>
                <c:pt idx="6835">
                  <c:v>0</c:v>
                </c:pt>
                <c:pt idx="6836">
                  <c:v>0</c:v>
                </c:pt>
                <c:pt idx="6837">
                  <c:v>0</c:v>
                </c:pt>
                <c:pt idx="6838">
                  <c:v>0</c:v>
                </c:pt>
                <c:pt idx="6839">
                  <c:v>0</c:v>
                </c:pt>
                <c:pt idx="6840">
                  <c:v>0</c:v>
                </c:pt>
                <c:pt idx="6841">
                  <c:v>0</c:v>
                </c:pt>
                <c:pt idx="6842">
                  <c:v>0</c:v>
                </c:pt>
                <c:pt idx="6843">
                  <c:v>0</c:v>
                </c:pt>
                <c:pt idx="6844">
                  <c:v>0</c:v>
                </c:pt>
                <c:pt idx="6845">
                  <c:v>0</c:v>
                </c:pt>
                <c:pt idx="6846">
                  <c:v>0</c:v>
                </c:pt>
                <c:pt idx="6847">
                  <c:v>0</c:v>
                </c:pt>
                <c:pt idx="6848">
                  <c:v>0</c:v>
                </c:pt>
                <c:pt idx="6849">
                  <c:v>0</c:v>
                </c:pt>
                <c:pt idx="6850">
                  <c:v>0</c:v>
                </c:pt>
                <c:pt idx="6851">
                  <c:v>0</c:v>
                </c:pt>
                <c:pt idx="6852">
                  <c:v>0</c:v>
                </c:pt>
                <c:pt idx="6853">
                  <c:v>0</c:v>
                </c:pt>
                <c:pt idx="6854">
                  <c:v>0</c:v>
                </c:pt>
                <c:pt idx="6855">
                  <c:v>0</c:v>
                </c:pt>
                <c:pt idx="6856">
                  <c:v>0</c:v>
                </c:pt>
                <c:pt idx="6857">
                  <c:v>0</c:v>
                </c:pt>
                <c:pt idx="6858">
                  <c:v>0</c:v>
                </c:pt>
                <c:pt idx="6859">
                  <c:v>0</c:v>
                </c:pt>
                <c:pt idx="6860">
                  <c:v>0</c:v>
                </c:pt>
                <c:pt idx="6861">
                  <c:v>0</c:v>
                </c:pt>
                <c:pt idx="6862">
                  <c:v>0</c:v>
                </c:pt>
                <c:pt idx="6863">
                  <c:v>0</c:v>
                </c:pt>
                <c:pt idx="6864">
                  <c:v>0</c:v>
                </c:pt>
                <c:pt idx="6865">
                  <c:v>0</c:v>
                </c:pt>
                <c:pt idx="6866">
                  <c:v>0</c:v>
                </c:pt>
                <c:pt idx="6867">
                  <c:v>0</c:v>
                </c:pt>
                <c:pt idx="6868">
                  <c:v>0</c:v>
                </c:pt>
                <c:pt idx="6869">
                  <c:v>0</c:v>
                </c:pt>
                <c:pt idx="6870">
                  <c:v>0</c:v>
                </c:pt>
                <c:pt idx="6871">
                  <c:v>0</c:v>
                </c:pt>
                <c:pt idx="6872">
                  <c:v>0</c:v>
                </c:pt>
                <c:pt idx="6873">
                  <c:v>0</c:v>
                </c:pt>
                <c:pt idx="6874">
                  <c:v>0</c:v>
                </c:pt>
                <c:pt idx="6875">
                  <c:v>0</c:v>
                </c:pt>
                <c:pt idx="6876">
                  <c:v>0</c:v>
                </c:pt>
                <c:pt idx="6877">
                  <c:v>0</c:v>
                </c:pt>
                <c:pt idx="6878">
                  <c:v>0</c:v>
                </c:pt>
                <c:pt idx="6879">
                  <c:v>0</c:v>
                </c:pt>
                <c:pt idx="6880">
                  <c:v>0</c:v>
                </c:pt>
                <c:pt idx="6881">
                  <c:v>0</c:v>
                </c:pt>
                <c:pt idx="6882">
                  <c:v>0</c:v>
                </c:pt>
                <c:pt idx="6883">
                  <c:v>0</c:v>
                </c:pt>
                <c:pt idx="6884">
                  <c:v>0</c:v>
                </c:pt>
                <c:pt idx="6885">
                  <c:v>0</c:v>
                </c:pt>
                <c:pt idx="6886">
                  <c:v>0</c:v>
                </c:pt>
                <c:pt idx="6887">
                  <c:v>0</c:v>
                </c:pt>
                <c:pt idx="6888">
                  <c:v>0</c:v>
                </c:pt>
                <c:pt idx="6889">
                  <c:v>0</c:v>
                </c:pt>
                <c:pt idx="6890">
                  <c:v>0</c:v>
                </c:pt>
                <c:pt idx="6891">
                  <c:v>0</c:v>
                </c:pt>
                <c:pt idx="6892">
                  <c:v>0</c:v>
                </c:pt>
                <c:pt idx="6893">
                  <c:v>0</c:v>
                </c:pt>
                <c:pt idx="6894">
                  <c:v>0</c:v>
                </c:pt>
                <c:pt idx="6895">
                  <c:v>0</c:v>
                </c:pt>
                <c:pt idx="6896">
                  <c:v>0</c:v>
                </c:pt>
                <c:pt idx="6897">
                  <c:v>0</c:v>
                </c:pt>
                <c:pt idx="6898">
                  <c:v>0</c:v>
                </c:pt>
                <c:pt idx="6899">
                  <c:v>0</c:v>
                </c:pt>
                <c:pt idx="6900">
                  <c:v>0</c:v>
                </c:pt>
                <c:pt idx="6901">
                  <c:v>0</c:v>
                </c:pt>
                <c:pt idx="6902">
                  <c:v>0</c:v>
                </c:pt>
                <c:pt idx="6903">
                  <c:v>0</c:v>
                </c:pt>
                <c:pt idx="6904">
                  <c:v>0</c:v>
                </c:pt>
                <c:pt idx="6905">
                  <c:v>0</c:v>
                </c:pt>
                <c:pt idx="6906">
                  <c:v>0</c:v>
                </c:pt>
                <c:pt idx="6907">
                  <c:v>0</c:v>
                </c:pt>
                <c:pt idx="6908">
                  <c:v>0</c:v>
                </c:pt>
                <c:pt idx="6909">
                  <c:v>0</c:v>
                </c:pt>
                <c:pt idx="6910">
                  <c:v>0</c:v>
                </c:pt>
                <c:pt idx="6911">
                  <c:v>0</c:v>
                </c:pt>
                <c:pt idx="6912">
                  <c:v>0</c:v>
                </c:pt>
                <c:pt idx="6913">
                  <c:v>0</c:v>
                </c:pt>
                <c:pt idx="6914">
                  <c:v>0</c:v>
                </c:pt>
                <c:pt idx="6915">
                  <c:v>0</c:v>
                </c:pt>
                <c:pt idx="6916">
                  <c:v>0</c:v>
                </c:pt>
                <c:pt idx="6917">
                  <c:v>0</c:v>
                </c:pt>
                <c:pt idx="6918">
                  <c:v>0</c:v>
                </c:pt>
                <c:pt idx="6919">
                  <c:v>0</c:v>
                </c:pt>
                <c:pt idx="6920">
                  <c:v>0</c:v>
                </c:pt>
                <c:pt idx="6921">
                  <c:v>0</c:v>
                </c:pt>
                <c:pt idx="6922">
                  <c:v>0</c:v>
                </c:pt>
                <c:pt idx="6923">
                  <c:v>0</c:v>
                </c:pt>
                <c:pt idx="6924">
                  <c:v>0</c:v>
                </c:pt>
                <c:pt idx="6925">
                  <c:v>0</c:v>
                </c:pt>
                <c:pt idx="6926">
                  <c:v>0</c:v>
                </c:pt>
                <c:pt idx="6927">
                  <c:v>0</c:v>
                </c:pt>
                <c:pt idx="6928">
                  <c:v>0</c:v>
                </c:pt>
                <c:pt idx="6929">
                  <c:v>0</c:v>
                </c:pt>
                <c:pt idx="6930">
                  <c:v>0</c:v>
                </c:pt>
                <c:pt idx="6931">
                  <c:v>0</c:v>
                </c:pt>
                <c:pt idx="6932">
                  <c:v>0</c:v>
                </c:pt>
                <c:pt idx="6933">
                  <c:v>0</c:v>
                </c:pt>
                <c:pt idx="6934">
                  <c:v>0</c:v>
                </c:pt>
                <c:pt idx="6935">
                  <c:v>0</c:v>
                </c:pt>
                <c:pt idx="6936">
                  <c:v>0</c:v>
                </c:pt>
                <c:pt idx="6937">
                  <c:v>0</c:v>
                </c:pt>
                <c:pt idx="6938">
                  <c:v>0</c:v>
                </c:pt>
                <c:pt idx="6939">
                  <c:v>0</c:v>
                </c:pt>
                <c:pt idx="6940">
                  <c:v>0</c:v>
                </c:pt>
                <c:pt idx="6941">
                  <c:v>0</c:v>
                </c:pt>
                <c:pt idx="6942">
                  <c:v>0</c:v>
                </c:pt>
                <c:pt idx="6943">
                  <c:v>0</c:v>
                </c:pt>
                <c:pt idx="6944">
                  <c:v>0</c:v>
                </c:pt>
                <c:pt idx="6945">
                  <c:v>0</c:v>
                </c:pt>
                <c:pt idx="6946">
                  <c:v>0</c:v>
                </c:pt>
                <c:pt idx="6947">
                  <c:v>0</c:v>
                </c:pt>
                <c:pt idx="6948">
                  <c:v>0</c:v>
                </c:pt>
                <c:pt idx="6949">
                  <c:v>0</c:v>
                </c:pt>
                <c:pt idx="6950">
                  <c:v>0</c:v>
                </c:pt>
                <c:pt idx="6951">
                  <c:v>0</c:v>
                </c:pt>
                <c:pt idx="6952">
                  <c:v>0</c:v>
                </c:pt>
                <c:pt idx="6953">
                  <c:v>0</c:v>
                </c:pt>
                <c:pt idx="6954">
                  <c:v>0</c:v>
                </c:pt>
                <c:pt idx="6955">
                  <c:v>0</c:v>
                </c:pt>
                <c:pt idx="6956">
                  <c:v>0</c:v>
                </c:pt>
                <c:pt idx="6957">
                  <c:v>0</c:v>
                </c:pt>
                <c:pt idx="6958">
                  <c:v>0</c:v>
                </c:pt>
                <c:pt idx="6959">
                  <c:v>0</c:v>
                </c:pt>
                <c:pt idx="6960">
                  <c:v>0</c:v>
                </c:pt>
                <c:pt idx="6961">
                  <c:v>0</c:v>
                </c:pt>
                <c:pt idx="6962">
                  <c:v>0</c:v>
                </c:pt>
                <c:pt idx="6963">
                  <c:v>0</c:v>
                </c:pt>
                <c:pt idx="6964">
                  <c:v>0</c:v>
                </c:pt>
                <c:pt idx="6965">
                  <c:v>0</c:v>
                </c:pt>
                <c:pt idx="6966">
                  <c:v>0</c:v>
                </c:pt>
                <c:pt idx="6967">
                  <c:v>0</c:v>
                </c:pt>
                <c:pt idx="6968">
                  <c:v>0</c:v>
                </c:pt>
                <c:pt idx="6969">
                  <c:v>0</c:v>
                </c:pt>
                <c:pt idx="6970">
                  <c:v>0</c:v>
                </c:pt>
                <c:pt idx="6971">
                  <c:v>0</c:v>
                </c:pt>
                <c:pt idx="6972">
                  <c:v>0</c:v>
                </c:pt>
                <c:pt idx="6973">
                  <c:v>0</c:v>
                </c:pt>
                <c:pt idx="6974">
                  <c:v>0</c:v>
                </c:pt>
                <c:pt idx="6975">
                  <c:v>0</c:v>
                </c:pt>
                <c:pt idx="6976">
                  <c:v>0</c:v>
                </c:pt>
                <c:pt idx="6977">
                  <c:v>0</c:v>
                </c:pt>
                <c:pt idx="6978">
                  <c:v>0</c:v>
                </c:pt>
                <c:pt idx="6979">
                  <c:v>0</c:v>
                </c:pt>
                <c:pt idx="6980">
                  <c:v>0</c:v>
                </c:pt>
                <c:pt idx="6981">
                  <c:v>0</c:v>
                </c:pt>
                <c:pt idx="6982">
                  <c:v>0</c:v>
                </c:pt>
                <c:pt idx="6983">
                  <c:v>0</c:v>
                </c:pt>
                <c:pt idx="6984">
                  <c:v>0</c:v>
                </c:pt>
                <c:pt idx="6985">
                  <c:v>0</c:v>
                </c:pt>
                <c:pt idx="6986">
                  <c:v>0</c:v>
                </c:pt>
                <c:pt idx="6987">
                  <c:v>0</c:v>
                </c:pt>
                <c:pt idx="6988">
                  <c:v>0</c:v>
                </c:pt>
                <c:pt idx="6989">
                  <c:v>0</c:v>
                </c:pt>
                <c:pt idx="6990">
                  <c:v>0</c:v>
                </c:pt>
                <c:pt idx="6991">
                  <c:v>0</c:v>
                </c:pt>
                <c:pt idx="6992">
                  <c:v>0</c:v>
                </c:pt>
                <c:pt idx="6993">
                  <c:v>0</c:v>
                </c:pt>
                <c:pt idx="6994">
                  <c:v>0</c:v>
                </c:pt>
                <c:pt idx="6995">
                  <c:v>0</c:v>
                </c:pt>
                <c:pt idx="6996">
                  <c:v>0</c:v>
                </c:pt>
                <c:pt idx="6997">
                  <c:v>0</c:v>
                </c:pt>
                <c:pt idx="6998">
                  <c:v>0</c:v>
                </c:pt>
                <c:pt idx="6999">
                  <c:v>0</c:v>
                </c:pt>
                <c:pt idx="7000">
                  <c:v>0</c:v>
                </c:pt>
                <c:pt idx="7001">
                  <c:v>0</c:v>
                </c:pt>
                <c:pt idx="7002">
                  <c:v>0</c:v>
                </c:pt>
                <c:pt idx="7003">
                  <c:v>0</c:v>
                </c:pt>
                <c:pt idx="7004">
                  <c:v>0</c:v>
                </c:pt>
                <c:pt idx="7005">
                  <c:v>0</c:v>
                </c:pt>
                <c:pt idx="7006">
                  <c:v>0</c:v>
                </c:pt>
                <c:pt idx="7007">
                  <c:v>0</c:v>
                </c:pt>
                <c:pt idx="7008">
                  <c:v>0</c:v>
                </c:pt>
                <c:pt idx="7009">
                  <c:v>0</c:v>
                </c:pt>
                <c:pt idx="7010">
                  <c:v>0</c:v>
                </c:pt>
                <c:pt idx="7011">
                  <c:v>0</c:v>
                </c:pt>
                <c:pt idx="7012">
                  <c:v>0</c:v>
                </c:pt>
                <c:pt idx="7013">
                  <c:v>0</c:v>
                </c:pt>
                <c:pt idx="7014">
                  <c:v>0</c:v>
                </c:pt>
                <c:pt idx="7015">
                  <c:v>0</c:v>
                </c:pt>
                <c:pt idx="7016">
                  <c:v>0</c:v>
                </c:pt>
                <c:pt idx="7017">
                  <c:v>0</c:v>
                </c:pt>
                <c:pt idx="7018">
                  <c:v>0</c:v>
                </c:pt>
                <c:pt idx="7019">
                  <c:v>0</c:v>
                </c:pt>
                <c:pt idx="7020">
                  <c:v>0</c:v>
                </c:pt>
                <c:pt idx="7021">
                  <c:v>0</c:v>
                </c:pt>
                <c:pt idx="7022">
                  <c:v>0</c:v>
                </c:pt>
                <c:pt idx="7023">
                  <c:v>0</c:v>
                </c:pt>
                <c:pt idx="7024">
                  <c:v>0</c:v>
                </c:pt>
                <c:pt idx="7025">
                  <c:v>0</c:v>
                </c:pt>
                <c:pt idx="7026">
                  <c:v>0</c:v>
                </c:pt>
                <c:pt idx="7027">
                  <c:v>0</c:v>
                </c:pt>
                <c:pt idx="7028">
                  <c:v>0</c:v>
                </c:pt>
                <c:pt idx="7029">
                  <c:v>0</c:v>
                </c:pt>
                <c:pt idx="7030">
                  <c:v>0</c:v>
                </c:pt>
                <c:pt idx="7031">
                  <c:v>0</c:v>
                </c:pt>
                <c:pt idx="7032">
                  <c:v>0</c:v>
                </c:pt>
                <c:pt idx="7033">
                  <c:v>0</c:v>
                </c:pt>
                <c:pt idx="7034">
                  <c:v>0</c:v>
                </c:pt>
                <c:pt idx="7035">
                  <c:v>0</c:v>
                </c:pt>
                <c:pt idx="7036">
                  <c:v>0</c:v>
                </c:pt>
                <c:pt idx="7037">
                  <c:v>0</c:v>
                </c:pt>
                <c:pt idx="7038">
                  <c:v>0</c:v>
                </c:pt>
                <c:pt idx="7039">
                  <c:v>0</c:v>
                </c:pt>
                <c:pt idx="7040">
                  <c:v>0</c:v>
                </c:pt>
                <c:pt idx="7041">
                  <c:v>0</c:v>
                </c:pt>
                <c:pt idx="7042">
                  <c:v>0</c:v>
                </c:pt>
                <c:pt idx="7043">
                  <c:v>0</c:v>
                </c:pt>
                <c:pt idx="7044">
                  <c:v>0</c:v>
                </c:pt>
                <c:pt idx="7045">
                  <c:v>0</c:v>
                </c:pt>
                <c:pt idx="7046">
                  <c:v>0</c:v>
                </c:pt>
                <c:pt idx="7047">
                  <c:v>0</c:v>
                </c:pt>
                <c:pt idx="7048">
                  <c:v>0</c:v>
                </c:pt>
                <c:pt idx="7049">
                  <c:v>0</c:v>
                </c:pt>
                <c:pt idx="7050">
                  <c:v>0</c:v>
                </c:pt>
                <c:pt idx="7051">
                  <c:v>0</c:v>
                </c:pt>
                <c:pt idx="7052">
                  <c:v>0</c:v>
                </c:pt>
                <c:pt idx="7053">
                  <c:v>0</c:v>
                </c:pt>
                <c:pt idx="7054">
                  <c:v>0</c:v>
                </c:pt>
                <c:pt idx="7055">
                  <c:v>0</c:v>
                </c:pt>
                <c:pt idx="7056">
                  <c:v>0</c:v>
                </c:pt>
                <c:pt idx="7057">
                  <c:v>0</c:v>
                </c:pt>
                <c:pt idx="7058">
                  <c:v>0</c:v>
                </c:pt>
                <c:pt idx="7059">
                  <c:v>0</c:v>
                </c:pt>
                <c:pt idx="7060">
                  <c:v>0</c:v>
                </c:pt>
                <c:pt idx="7061">
                  <c:v>0</c:v>
                </c:pt>
                <c:pt idx="7062">
                  <c:v>0</c:v>
                </c:pt>
                <c:pt idx="7063">
                  <c:v>0</c:v>
                </c:pt>
                <c:pt idx="7064">
                  <c:v>0</c:v>
                </c:pt>
                <c:pt idx="7065">
                  <c:v>0</c:v>
                </c:pt>
                <c:pt idx="7066">
                  <c:v>0</c:v>
                </c:pt>
                <c:pt idx="7067">
                  <c:v>0</c:v>
                </c:pt>
                <c:pt idx="7068">
                  <c:v>0</c:v>
                </c:pt>
                <c:pt idx="7069">
                  <c:v>0</c:v>
                </c:pt>
                <c:pt idx="7070">
                  <c:v>0</c:v>
                </c:pt>
                <c:pt idx="7071">
                  <c:v>0</c:v>
                </c:pt>
                <c:pt idx="7072">
                  <c:v>0</c:v>
                </c:pt>
                <c:pt idx="7073">
                  <c:v>0</c:v>
                </c:pt>
                <c:pt idx="7074">
                  <c:v>0</c:v>
                </c:pt>
                <c:pt idx="7075">
                  <c:v>0</c:v>
                </c:pt>
                <c:pt idx="7076">
                  <c:v>0</c:v>
                </c:pt>
                <c:pt idx="7077">
                  <c:v>0</c:v>
                </c:pt>
                <c:pt idx="7078">
                  <c:v>0</c:v>
                </c:pt>
                <c:pt idx="7079">
                  <c:v>0</c:v>
                </c:pt>
                <c:pt idx="7080">
                  <c:v>0</c:v>
                </c:pt>
                <c:pt idx="7081">
                  <c:v>0</c:v>
                </c:pt>
                <c:pt idx="7082">
                  <c:v>0</c:v>
                </c:pt>
                <c:pt idx="7083">
                  <c:v>0</c:v>
                </c:pt>
                <c:pt idx="7084">
                  <c:v>0</c:v>
                </c:pt>
                <c:pt idx="7085">
                  <c:v>0</c:v>
                </c:pt>
                <c:pt idx="7086">
                  <c:v>0</c:v>
                </c:pt>
                <c:pt idx="7087">
                  <c:v>0</c:v>
                </c:pt>
                <c:pt idx="7088">
                  <c:v>0</c:v>
                </c:pt>
                <c:pt idx="7089">
                  <c:v>0</c:v>
                </c:pt>
                <c:pt idx="7090">
                  <c:v>0</c:v>
                </c:pt>
                <c:pt idx="7091">
                  <c:v>0</c:v>
                </c:pt>
                <c:pt idx="7092">
                  <c:v>0</c:v>
                </c:pt>
                <c:pt idx="7093">
                  <c:v>0</c:v>
                </c:pt>
                <c:pt idx="7094">
                  <c:v>0</c:v>
                </c:pt>
                <c:pt idx="7095">
                  <c:v>0</c:v>
                </c:pt>
                <c:pt idx="7096">
                  <c:v>0</c:v>
                </c:pt>
                <c:pt idx="7097">
                  <c:v>0</c:v>
                </c:pt>
                <c:pt idx="7098">
                  <c:v>0</c:v>
                </c:pt>
                <c:pt idx="7099">
                  <c:v>0</c:v>
                </c:pt>
                <c:pt idx="7100">
                  <c:v>0</c:v>
                </c:pt>
                <c:pt idx="7101">
                  <c:v>0</c:v>
                </c:pt>
                <c:pt idx="7102">
                  <c:v>0</c:v>
                </c:pt>
                <c:pt idx="7103">
                  <c:v>0</c:v>
                </c:pt>
                <c:pt idx="7104">
                  <c:v>0</c:v>
                </c:pt>
                <c:pt idx="7105">
                  <c:v>0</c:v>
                </c:pt>
                <c:pt idx="7106">
                  <c:v>0</c:v>
                </c:pt>
                <c:pt idx="7107">
                  <c:v>0</c:v>
                </c:pt>
                <c:pt idx="7108">
                  <c:v>0</c:v>
                </c:pt>
                <c:pt idx="7109">
                  <c:v>0</c:v>
                </c:pt>
                <c:pt idx="7110">
                  <c:v>0</c:v>
                </c:pt>
                <c:pt idx="7111">
                  <c:v>0</c:v>
                </c:pt>
                <c:pt idx="7112">
                  <c:v>0</c:v>
                </c:pt>
                <c:pt idx="7113">
                  <c:v>0</c:v>
                </c:pt>
                <c:pt idx="7114">
                  <c:v>0</c:v>
                </c:pt>
                <c:pt idx="7115">
                  <c:v>0</c:v>
                </c:pt>
                <c:pt idx="7116">
                  <c:v>0</c:v>
                </c:pt>
                <c:pt idx="7117">
                  <c:v>0</c:v>
                </c:pt>
                <c:pt idx="7118">
                  <c:v>0</c:v>
                </c:pt>
                <c:pt idx="7119">
                  <c:v>0</c:v>
                </c:pt>
                <c:pt idx="7120">
                  <c:v>0</c:v>
                </c:pt>
                <c:pt idx="7121">
                  <c:v>0</c:v>
                </c:pt>
                <c:pt idx="7122">
                  <c:v>0</c:v>
                </c:pt>
                <c:pt idx="7123">
                  <c:v>0</c:v>
                </c:pt>
                <c:pt idx="7124">
                  <c:v>0</c:v>
                </c:pt>
                <c:pt idx="7125">
                  <c:v>0</c:v>
                </c:pt>
                <c:pt idx="7126">
                  <c:v>0</c:v>
                </c:pt>
                <c:pt idx="7127">
                  <c:v>0</c:v>
                </c:pt>
                <c:pt idx="7128">
                  <c:v>0</c:v>
                </c:pt>
                <c:pt idx="7129">
                  <c:v>0</c:v>
                </c:pt>
                <c:pt idx="7130">
                  <c:v>0</c:v>
                </c:pt>
                <c:pt idx="7131">
                  <c:v>0</c:v>
                </c:pt>
                <c:pt idx="7132">
                  <c:v>0</c:v>
                </c:pt>
                <c:pt idx="7133">
                  <c:v>0</c:v>
                </c:pt>
                <c:pt idx="7134">
                  <c:v>0</c:v>
                </c:pt>
                <c:pt idx="7135">
                  <c:v>0</c:v>
                </c:pt>
                <c:pt idx="7136">
                  <c:v>0</c:v>
                </c:pt>
                <c:pt idx="7137">
                  <c:v>0</c:v>
                </c:pt>
                <c:pt idx="7138">
                  <c:v>0</c:v>
                </c:pt>
                <c:pt idx="7139">
                  <c:v>0</c:v>
                </c:pt>
                <c:pt idx="7140">
                  <c:v>0</c:v>
                </c:pt>
                <c:pt idx="7141">
                  <c:v>0</c:v>
                </c:pt>
                <c:pt idx="7142">
                  <c:v>0</c:v>
                </c:pt>
                <c:pt idx="7143">
                  <c:v>0</c:v>
                </c:pt>
                <c:pt idx="7144">
                  <c:v>0</c:v>
                </c:pt>
                <c:pt idx="7145">
                  <c:v>0</c:v>
                </c:pt>
                <c:pt idx="7146">
                  <c:v>0</c:v>
                </c:pt>
                <c:pt idx="7147">
                  <c:v>0</c:v>
                </c:pt>
                <c:pt idx="7148">
                  <c:v>0</c:v>
                </c:pt>
                <c:pt idx="7149">
                  <c:v>0</c:v>
                </c:pt>
                <c:pt idx="7150">
                  <c:v>0</c:v>
                </c:pt>
                <c:pt idx="7151">
                  <c:v>0</c:v>
                </c:pt>
                <c:pt idx="7152">
                  <c:v>0</c:v>
                </c:pt>
                <c:pt idx="7153">
                  <c:v>0</c:v>
                </c:pt>
                <c:pt idx="7154">
                  <c:v>0</c:v>
                </c:pt>
                <c:pt idx="7155">
                  <c:v>0</c:v>
                </c:pt>
                <c:pt idx="7156">
                  <c:v>0</c:v>
                </c:pt>
                <c:pt idx="7157">
                  <c:v>0</c:v>
                </c:pt>
                <c:pt idx="7158">
                  <c:v>0</c:v>
                </c:pt>
                <c:pt idx="7159">
                  <c:v>0</c:v>
                </c:pt>
                <c:pt idx="7160">
                  <c:v>0</c:v>
                </c:pt>
                <c:pt idx="7161">
                  <c:v>0</c:v>
                </c:pt>
                <c:pt idx="7162">
                  <c:v>0</c:v>
                </c:pt>
                <c:pt idx="7163">
                  <c:v>0</c:v>
                </c:pt>
                <c:pt idx="7164">
                  <c:v>0</c:v>
                </c:pt>
                <c:pt idx="7165">
                  <c:v>0</c:v>
                </c:pt>
                <c:pt idx="7166">
                  <c:v>0</c:v>
                </c:pt>
                <c:pt idx="7167">
                  <c:v>0</c:v>
                </c:pt>
                <c:pt idx="7168">
                  <c:v>0</c:v>
                </c:pt>
                <c:pt idx="7169">
                  <c:v>0</c:v>
                </c:pt>
                <c:pt idx="7170">
                  <c:v>0</c:v>
                </c:pt>
                <c:pt idx="7171">
                  <c:v>0</c:v>
                </c:pt>
                <c:pt idx="7172">
                  <c:v>0</c:v>
                </c:pt>
                <c:pt idx="7173">
                  <c:v>0</c:v>
                </c:pt>
                <c:pt idx="7174">
                  <c:v>0</c:v>
                </c:pt>
                <c:pt idx="7175">
                  <c:v>0</c:v>
                </c:pt>
                <c:pt idx="7176">
                  <c:v>0</c:v>
                </c:pt>
                <c:pt idx="7177">
                  <c:v>0</c:v>
                </c:pt>
                <c:pt idx="7178">
                  <c:v>0</c:v>
                </c:pt>
                <c:pt idx="7179">
                  <c:v>0</c:v>
                </c:pt>
                <c:pt idx="7180">
                  <c:v>0</c:v>
                </c:pt>
                <c:pt idx="7181">
                  <c:v>0</c:v>
                </c:pt>
                <c:pt idx="7182">
                  <c:v>0</c:v>
                </c:pt>
                <c:pt idx="7183">
                  <c:v>0</c:v>
                </c:pt>
                <c:pt idx="7184">
                  <c:v>0</c:v>
                </c:pt>
                <c:pt idx="7185">
                  <c:v>0</c:v>
                </c:pt>
                <c:pt idx="7186">
                  <c:v>0</c:v>
                </c:pt>
                <c:pt idx="7187">
                  <c:v>0</c:v>
                </c:pt>
                <c:pt idx="7188">
                  <c:v>0</c:v>
                </c:pt>
                <c:pt idx="7189">
                  <c:v>0</c:v>
                </c:pt>
                <c:pt idx="7190">
                  <c:v>0</c:v>
                </c:pt>
                <c:pt idx="7191">
                  <c:v>0</c:v>
                </c:pt>
                <c:pt idx="7192">
                  <c:v>0</c:v>
                </c:pt>
                <c:pt idx="7193">
                  <c:v>0</c:v>
                </c:pt>
                <c:pt idx="7194">
                  <c:v>0</c:v>
                </c:pt>
                <c:pt idx="7195">
                  <c:v>0</c:v>
                </c:pt>
                <c:pt idx="7196">
                  <c:v>0</c:v>
                </c:pt>
                <c:pt idx="7197">
                  <c:v>0</c:v>
                </c:pt>
                <c:pt idx="7198">
                  <c:v>0</c:v>
                </c:pt>
                <c:pt idx="7199">
                  <c:v>0</c:v>
                </c:pt>
                <c:pt idx="7200">
                  <c:v>0</c:v>
                </c:pt>
                <c:pt idx="7201">
                  <c:v>0</c:v>
                </c:pt>
                <c:pt idx="7202">
                  <c:v>0</c:v>
                </c:pt>
                <c:pt idx="7203">
                  <c:v>0</c:v>
                </c:pt>
                <c:pt idx="7204">
                  <c:v>0</c:v>
                </c:pt>
                <c:pt idx="7205">
                  <c:v>0</c:v>
                </c:pt>
                <c:pt idx="7206">
                  <c:v>0</c:v>
                </c:pt>
                <c:pt idx="7207">
                  <c:v>0</c:v>
                </c:pt>
                <c:pt idx="7208">
                  <c:v>0</c:v>
                </c:pt>
                <c:pt idx="7209">
                  <c:v>0</c:v>
                </c:pt>
                <c:pt idx="7210">
                  <c:v>0</c:v>
                </c:pt>
                <c:pt idx="7211">
                  <c:v>0</c:v>
                </c:pt>
                <c:pt idx="7212">
                  <c:v>0</c:v>
                </c:pt>
                <c:pt idx="7213">
                  <c:v>0</c:v>
                </c:pt>
                <c:pt idx="7214">
                  <c:v>0</c:v>
                </c:pt>
                <c:pt idx="7215">
                  <c:v>0</c:v>
                </c:pt>
                <c:pt idx="7216">
                  <c:v>0</c:v>
                </c:pt>
                <c:pt idx="7217">
                  <c:v>0</c:v>
                </c:pt>
                <c:pt idx="7218">
                  <c:v>0</c:v>
                </c:pt>
                <c:pt idx="7219">
                  <c:v>0</c:v>
                </c:pt>
                <c:pt idx="7220">
                  <c:v>0</c:v>
                </c:pt>
                <c:pt idx="7221">
                  <c:v>0</c:v>
                </c:pt>
                <c:pt idx="7222">
                  <c:v>0</c:v>
                </c:pt>
                <c:pt idx="7223">
                  <c:v>0</c:v>
                </c:pt>
                <c:pt idx="7224">
                  <c:v>0</c:v>
                </c:pt>
                <c:pt idx="7225">
                  <c:v>0</c:v>
                </c:pt>
                <c:pt idx="7226">
                  <c:v>0</c:v>
                </c:pt>
                <c:pt idx="7227">
                  <c:v>0</c:v>
                </c:pt>
                <c:pt idx="7228">
                  <c:v>0</c:v>
                </c:pt>
                <c:pt idx="7229">
                  <c:v>0</c:v>
                </c:pt>
                <c:pt idx="7230">
                  <c:v>0</c:v>
                </c:pt>
                <c:pt idx="7231">
                  <c:v>0</c:v>
                </c:pt>
                <c:pt idx="7232">
                  <c:v>0</c:v>
                </c:pt>
                <c:pt idx="7233">
                  <c:v>0</c:v>
                </c:pt>
                <c:pt idx="7234">
                  <c:v>0</c:v>
                </c:pt>
                <c:pt idx="7235">
                  <c:v>0</c:v>
                </c:pt>
                <c:pt idx="7236">
                  <c:v>0</c:v>
                </c:pt>
                <c:pt idx="7237">
                  <c:v>0</c:v>
                </c:pt>
                <c:pt idx="7238">
                  <c:v>0</c:v>
                </c:pt>
                <c:pt idx="7239">
                  <c:v>0</c:v>
                </c:pt>
                <c:pt idx="7240">
                  <c:v>0</c:v>
                </c:pt>
                <c:pt idx="7241">
                  <c:v>0</c:v>
                </c:pt>
                <c:pt idx="7242">
                  <c:v>0</c:v>
                </c:pt>
                <c:pt idx="7243">
                  <c:v>0</c:v>
                </c:pt>
                <c:pt idx="7244">
                  <c:v>0</c:v>
                </c:pt>
                <c:pt idx="7245">
                  <c:v>0</c:v>
                </c:pt>
                <c:pt idx="7246">
                  <c:v>0</c:v>
                </c:pt>
                <c:pt idx="7247">
                  <c:v>0</c:v>
                </c:pt>
                <c:pt idx="7248">
                  <c:v>0</c:v>
                </c:pt>
                <c:pt idx="7249">
                  <c:v>0</c:v>
                </c:pt>
                <c:pt idx="7250">
                  <c:v>0</c:v>
                </c:pt>
                <c:pt idx="7251">
                  <c:v>0</c:v>
                </c:pt>
                <c:pt idx="7252">
                  <c:v>0</c:v>
                </c:pt>
                <c:pt idx="7253">
                  <c:v>0</c:v>
                </c:pt>
                <c:pt idx="7254">
                  <c:v>0</c:v>
                </c:pt>
                <c:pt idx="7255">
                  <c:v>0</c:v>
                </c:pt>
                <c:pt idx="7256">
                  <c:v>0</c:v>
                </c:pt>
                <c:pt idx="7257">
                  <c:v>0</c:v>
                </c:pt>
                <c:pt idx="7258">
                  <c:v>0</c:v>
                </c:pt>
                <c:pt idx="7259">
                  <c:v>0</c:v>
                </c:pt>
                <c:pt idx="7260">
                  <c:v>0</c:v>
                </c:pt>
                <c:pt idx="7261">
                  <c:v>0</c:v>
                </c:pt>
                <c:pt idx="7262">
                  <c:v>0</c:v>
                </c:pt>
                <c:pt idx="7263">
                  <c:v>0</c:v>
                </c:pt>
                <c:pt idx="7264">
                  <c:v>0</c:v>
                </c:pt>
                <c:pt idx="7265">
                  <c:v>0</c:v>
                </c:pt>
                <c:pt idx="7266">
                  <c:v>0</c:v>
                </c:pt>
                <c:pt idx="7267">
                  <c:v>0</c:v>
                </c:pt>
                <c:pt idx="7268">
                  <c:v>0</c:v>
                </c:pt>
                <c:pt idx="7269">
                  <c:v>0</c:v>
                </c:pt>
                <c:pt idx="7270">
                  <c:v>0</c:v>
                </c:pt>
                <c:pt idx="7271">
                  <c:v>0</c:v>
                </c:pt>
                <c:pt idx="7272">
                  <c:v>0</c:v>
                </c:pt>
                <c:pt idx="7273">
                  <c:v>0</c:v>
                </c:pt>
                <c:pt idx="7274">
                  <c:v>0</c:v>
                </c:pt>
                <c:pt idx="7275">
                  <c:v>0</c:v>
                </c:pt>
                <c:pt idx="7276">
                  <c:v>0</c:v>
                </c:pt>
                <c:pt idx="7277">
                  <c:v>0</c:v>
                </c:pt>
                <c:pt idx="7278">
                  <c:v>0</c:v>
                </c:pt>
                <c:pt idx="7279">
                  <c:v>0</c:v>
                </c:pt>
                <c:pt idx="7280">
                  <c:v>0</c:v>
                </c:pt>
                <c:pt idx="7281">
                  <c:v>0</c:v>
                </c:pt>
                <c:pt idx="7282">
                  <c:v>0</c:v>
                </c:pt>
                <c:pt idx="7283">
                  <c:v>0</c:v>
                </c:pt>
                <c:pt idx="7284">
                  <c:v>0</c:v>
                </c:pt>
                <c:pt idx="7285">
                  <c:v>0</c:v>
                </c:pt>
                <c:pt idx="7286">
                  <c:v>0</c:v>
                </c:pt>
                <c:pt idx="7287">
                  <c:v>0</c:v>
                </c:pt>
                <c:pt idx="7288">
                  <c:v>0</c:v>
                </c:pt>
                <c:pt idx="7289">
                  <c:v>0</c:v>
                </c:pt>
                <c:pt idx="7290">
                  <c:v>0</c:v>
                </c:pt>
                <c:pt idx="7291">
                  <c:v>0</c:v>
                </c:pt>
                <c:pt idx="7292">
                  <c:v>0</c:v>
                </c:pt>
                <c:pt idx="7293">
                  <c:v>0</c:v>
                </c:pt>
                <c:pt idx="7294">
                  <c:v>0</c:v>
                </c:pt>
                <c:pt idx="7295">
                  <c:v>0</c:v>
                </c:pt>
                <c:pt idx="7296">
                  <c:v>0</c:v>
                </c:pt>
                <c:pt idx="7297">
                  <c:v>0</c:v>
                </c:pt>
                <c:pt idx="7298">
                  <c:v>0</c:v>
                </c:pt>
                <c:pt idx="7299">
                  <c:v>0</c:v>
                </c:pt>
                <c:pt idx="7300">
                  <c:v>0</c:v>
                </c:pt>
                <c:pt idx="7301">
                  <c:v>0</c:v>
                </c:pt>
                <c:pt idx="7302">
                  <c:v>0</c:v>
                </c:pt>
                <c:pt idx="7303">
                  <c:v>0</c:v>
                </c:pt>
                <c:pt idx="7304">
                  <c:v>0</c:v>
                </c:pt>
                <c:pt idx="7305">
                  <c:v>0</c:v>
                </c:pt>
                <c:pt idx="7306">
                  <c:v>0</c:v>
                </c:pt>
                <c:pt idx="7307">
                  <c:v>0</c:v>
                </c:pt>
                <c:pt idx="7308">
                  <c:v>0</c:v>
                </c:pt>
                <c:pt idx="7309">
                  <c:v>0</c:v>
                </c:pt>
                <c:pt idx="7310">
                  <c:v>0</c:v>
                </c:pt>
                <c:pt idx="7311">
                  <c:v>0</c:v>
                </c:pt>
                <c:pt idx="7312">
                  <c:v>0</c:v>
                </c:pt>
                <c:pt idx="7313">
                  <c:v>0</c:v>
                </c:pt>
                <c:pt idx="7314">
                  <c:v>0</c:v>
                </c:pt>
                <c:pt idx="7315">
                  <c:v>0</c:v>
                </c:pt>
                <c:pt idx="7316">
                  <c:v>0</c:v>
                </c:pt>
                <c:pt idx="7317">
                  <c:v>0</c:v>
                </c:pt>
                <c:pt idx="7318">
                  <c:v>0</c:v>
                </c:pt>
                <c:pt idx="7319">
                  <c:v>0</c:v>
                </c:pt>
                <c:pt idx="7320">
                  <c:v>0</c:v>
                </c:pt>
                <c:pt idx="7321">
                  <c:v>0</c:v>
                </c:pt>
                <c:pt idx="7322">
                  <c:v>0</c:v>
                </c:pt>
                <c:pt idx="7323">
                  <c:v>0</c:v>
                </c:pt>
                <c:pt idx="7324">
                  <c:v>0</c:v>
                </c:pt>
                <c:pt idx="7325">
                  <c:v>0</c:v>
                </c:pt>
                <c:pt idx="7326">
                  <c:v>0</c:v>
                </c:pt>
                <c:pt idx="7327">
                  <c:v>0</c:v>
                </c:pt>
                <c:pt idx="7328">
                  <c:v>0</c:v>
                </c:pt>
                <c:pt idx="7329">
                  <c:v>0</c:v>
                </c:pt>
                <c:pt idx="7330">
                  <c:v>0</c:v>
                </c:pt>
                <c:pt idx="7331">
                  <c:v>0</c:v>
                </c:pt>
                <c:pt idx="7332">
                  <c:v>0</c:v>
                </c:pt>
                <c:pt idx="7333">
                  <c:v>0</c:v>
                </c:pt>
                <c:pt idx="7334">
                  <c:v>0</c:v>
                </c:pt>
                <c:pt idx="7335">
                  <c:v>0</c:v>
                </c:pt>
                <c:pt idx="7336">
                  <c:v>0</c:v>
                </c:pt>
                <c:pt idx="7337">
                  <c:v>0</c:v>
                </c:pt>
                <c:pt idx="7338">
                  <c:v>0</c:v>
                </c:pt>
                <c:pt idx="7339">
                  <c:v>0</c:v>
                </c:pt>
                <c:pt idx="7340">
                  <c:v>0</c:v>
                </c:pt>
                <c:pt idx="7341">
                  <c:v>0</c:v>
                </c:pt>
                <c:pt idx="7342">
                  <c:v>0</c:v>
                </c:pt>
                <c:pt idx="7343">
                  <c:v>0</c:v>
                </c:pt>
                <c:pt idx="7344">
                  <c:v>0</c:v>
                </c:pt>
                <c:pt idx="7345">
                  <c:v>0</c:v>
                </c:pt>
                <c:pt idx="7346">
                  <c:v>0</c:v>
                </c:pt>
                <c:pt idx="7347">
                  <c:v>0</c:v>
                </c:pt>
                <c:pt idx="7348">
                  <c:v>0</c:v>
                </c:pt>
                <c:pt idx="7349">
                  <c:v>0</c:v>
                </c:pt>
                <c:pt idx="7350">
                  <c:v>0</c:v>
                </c:pt>
                <c:pt idx="7351">
                  <c:v>0</c:v>
                </c:pt>
                <c:pt idx="7352">
                  <c:v>0</c:v>
                </c:pt>
                <c:pt idx="7353">
                  <c:v>0</c:v>
                </c:pt>
                <c:pt idx="7354">
                  <c:v>0</c:v>
                </c:pt>
                <c:pt idx="7355">
                  <c:v>0</c:v>
                </c:pt>
                <c:pt idx="7356">
                  <c:v>0</c:v>
                </c:pt>
                <c:pt idx="7357">
                  <c:v>0</c:v>
                </c:pt>
                <c:pt idx="7358">
                  <c:v>0</c:v>
                </c:pt>
                <c:pt idx="7359">
                  <c:v>0</c:v>
                </c:pt>
                <c:pt idx="7360">
                  <c:v>0</c:v>
                </c:pt>
                <c:pt idx="7361">
                  <c:v>0</c:v>
                </c:pt>
                <c:pt idx="7362">
                  <c:v>0</c:v>
                </c:pt>
                <c:pt idx="7363">
                  <c:v>0</c:v>
                </c:pt>
                <c:pt idx="7364">
                  <c:v>0</c:v>
                </c:pt>
                <c:pt idx="7365">
                  <c:v>0</c:v>
                </c:pt>
                <c:pt idx="7366">
                  <c:v>0</c:v>
                </c:pt>
                <c:pt idx="7367">
                  <c:v>0</c:v>
                </c:pt>
                <c:pt idx="7368">
                  <c:v>0</c:v>
                </c:pt>
                <c:pt idx="7369">
                  <c:v>0</c:v>
                </c:pt>
                <c:pt idx="7370">
                  <c:v>0</c:v>
                </c:pt>
                <c:pt idx="7371">
                  <c:v>0</c:v>
                </c:pt>
                <c:pt idx="7372">
                  <c:v>0</c:v>
                </c:pt>
                <c:pt idx="7373">
                  <c:v>0</c:v>
                </c:pt>
                <c:pt idx="7374">
                  <c:v>0</c:v>
                </c:pt>
                <c:pt idx="7375">
                  <c:v>0</c:v>
                </c:pt>
                <c:pt idx="7376">
                  <c:v>0</c:v>
                </c:pt>
                <c:pt idx="7377">
                  <c:v>0</c:v>
                </c:pt>
                <c:pt idx="7378">
                  <c:v>0</c:v>
                </c:pt>
                <c:pt idx="7379">
                  <c:v>0</c:v>
                </c:pt>
                <c:pt idx="7380">
                  <c:v>0</c:v>
                </c:pt>
                <c:pt idx="7381">
                  <c:v>0</c:v>
                </c:pt>
                <c:pt idx="7382">
                  <c:v>0</c:v>
                </c:pt>
                <c:pt idx="7383">
                  <c:v>0</c:v>
                </c:pt>
                <c:pt idx="7384">
                  <c:v>0</c:v>
                </c:pt>
                <c:pt idx="7385">
                  <c:v>0</c:v>
                </c:pt>
                <c:pt idx="7386">
                  <c:v>0</c:v>
                </c:pt>
                <c:pt idx="7387">
                  <c:v>0</c:v>
                </c:pt>
                <c:pt idx="7388">
                  <c:v>0</c:v>
                </c:pt>
                <c:pt idx="7389">
                  <c:v>0</c:v>
                </c:pt>
                <c:pt idx="7390">
                  <c:v>0</c:v>
                </c:pt>
                <c:pt idx="7391">
                  <c:v>0</c:v>
                </c:pt>
                <c:pt idx="7392">
                  <c:v>0</c:v>
                </c:pt>
                <c:pt idx="7393">
                  <c:v>0</c:v>
                </c:pt>
                <c:pt idx="7394">
                  <c:v>0</c:v>
                </c:pt>
                <c:pt idx="7395">
                  <c:v>0</c:v>
                </c:pt>
                <c:pt idx="7396">
                  <c:v>0</c:v>
                </c:pt>
                <c:pt idx="7397">
                  <c:v>0</c:v>
                </c:pt>
                <c:pt idx="7398">
                  <c:v>0</c:v>
                </c:pt>
                <c:pt idx="7399">
                  <c:v>0</c:v>
                </c:pt>
                <c:pt idx="7400">
                  <c:v>0</c:v>
                </c:pt>
                <c:pt idx="7401">
                  <c:v>0</c:v>
                </c:pt>
                <c:pt idx="7402">
                  <c:v>0</c:v>
                </c:pt>
                <c:pt idx="7403">
                  <c:v>0</c:v>
                </c:pt>
                <c:pt idx="7404">
                  <c:v>0</c:v>
                </c:pt>
                <c:pt idx="7405">
                  <c:v>0</c:v>
                </c:pt>
                <c:pt idx="7406">
                  <c:v>0</c:v>
                </c:pt>
                <c:pt idx="7407">
                  <c:v>0</c:v>
                </c:pt>
                <c:pt idx="7408">
                  <c:v>0</c:v>
                </c:pt>
                <c:pt idx="7409">
                  <c:v>0</c:v>
                </c:pt>
                <c:pt idx="7410">
                  <c:v>0</c:v>
                </c:pt>
                <c:pt idx="7411">
                  <c:v>0</c:v>
                </c:pt>
                <c:pt idx="7412">
                  <c:v>0</c:v>
                </c:pt>
                <c:pt idx="7413">
                  <c:v>0</c:v>
                </c:pt>
                <c:pt idx="7414">
                  <c:v>0</c:v>
                </c:pt>
                <c:pt idx="7415">
                  <c:v>0</c:v>
                </c:pt>
                <c:pt idx="7416">
                  <c:v>0</c:v>
                </c:pt>
                <c:pt idx="7417">
                  <c:v>0</c:v>
                </c:pt>
                <c:pt idx="7418">
                  <c:v>0</c:v>
                </c:pt>
                <c:pt idx="7419">
                  <c:v>0</c:v>
                </c:pt>
                <c:pt idx="7420">
                  <c:v>0</c:v>
                </c:pt>
                <c:pt idx="7421">
                  <c:v>0</c:v>
                </c:pt>
                <c:pt idx="7422">
                  <c:v>0</c:v>
                </c:pt>
                <c:pt idx="7423">
                  <c:v>0</c:v>
                </c:pt>
                <c:pt idx="7424">
                  <c:v>0</c:v>
                </c:pt>
                <c:pt idx="7425">
                  <c:v>0</c:v>
                </c:pt>
                <c:pt idx="7426">
                  <c:v>0</c:v>
                </c:pt>
                <c:pt idx="7427">
                  <c:v>0</c:v>
                </c:pt>
                <c:pt idx="7428">
                  <c:v>0</c:v>
                </c:pt>
                <c:pt idx="7429">
                  <c:v>0</c:v>
                </c:pt>
                <c:pt idx="7430">
                  <c:v>0</c:v>
                </c:pt>
                <c:pt idx="7431">
                  <c:v>0</c:v>
                </c:pt>
                <c:pt idx="7432">
                  <c:v>0</c:v>
                </c:pt>
                <c:pt idx="7433">
                  <c:v>0</c:v>
                </c:pt>
                <c:pt idx="7434">
                  <c:v>0</c:v>
                </c:pt>
                <c:pt idx="7435">
                  <c:v>0</c:v>
                </c:pt>
                <c:pt idx="7436">
                  <c:v>0</c:v>
                </c:pt>
                <c:pt idx="7437">
                  <c:v>0</c:v>
                </c:pt>
                <c:pt idx="7438">
                  <c:v>0</c:v>
                </c:pt>
                <c:pt idx="7439">
                  <c:v>0</c:v>
                </c:pt>
                <c:pt idx="7440">
                  <c:v>0</c:v>
                </c:pt>
                <c:pt idx="7441">
                  <c:v>0</c:v>
                </c:pt>
                <c:pt idx="7442">
                  <c:v>0</c:v>
                </c:pt>
                <c:pt idx="7443">
                  <c:v>0</c:v>
                </c:pt>
                <c:pt idx="7444">
                  <c:v>0</c:v>
                </c:pt>
                <c:pt idx="7445">
                  <c:v>0</c:v>
                </c:pt>
                <c:pt idx="7446">
                  <c:v>0</c:v>
                </c:pt>
                <c:pt idx="7447">
                  <c:v>0</c:v>
                </c:pt>
                <c:pt idx="7448">
                  <c:v>0</c:v>
                </c:pt>
                <c:pt idx="7449">
                  <c:v>0</c:v>
                </c:pt>
                <c:pt idx="7450">
                  <c:v>0</c:v>
                </c:pt>
                <c:pt idx="7451">
                  <c:v>0</c:v>
                </c:pt>
                <c:pt idx="7452">
                  <c:v>0</c:v>
                </c:pt>
                <c:pt idx="7453">
                  <c:v>0</c:v>
                </c:pt>
                <c:pt idx="7454">
                  <c:v>0</c:v>
                </c:pt>
                <c:pt idx="7455">
                  <c:v>0</c:v>
                </c:pt>
                <c:pt idx="7456">
                  <c:v>0</c:v>
                </c:pt>
                <c:pt idx="7457">
                  <c:v>0</c:v>
                </c:pt>
                <c:pt idx="7458">
                  <c:v>0</c:v>
                </c:pt>
                <c:pt idx="7459">
                  <c:v>0</c:v>
                </c:pt>
                <c:pt idx="7460">
                  <c:v>0</c:v>
                </c:pt>
                <c:pt idx="7461">
                  <c:v>0</c:v>
                </c:pt>
                <c:pt idx="7462">
                  <c:v>0</c:v>
                </c:pt>
                <c:pt idx="7463">
                  <c:v>0</c:v>
                </c:pt>
                <c:pt idx="7464">
                  <c:v>0</c:v>
                </c:pt>
                <c:pt idx="7465">
                  <c:v>0</c:v>
                </c:pt>
                <c:pt idx="7466">
                  <c:v>0</c:v>
                </c:pt>
                <c:pt idx="7467">
                  <c:v>0</c:v>
                </c:pt>
                <c:pt idx="7468">
                  <c:v>0</c:v>
                </c:pt>
                <c:pt idx="7469">
                  <c:v>0</c:v>
                </c:pt>
                <c:pt idx="7470">
                  <c:v>0</c:v>
                </c:pt>
                <c:pt idx="7471">
                  <c:v>0</c:v>
                </c:pt>
                <c:pt idx="7472">
                  <c:v>0</c:v>
                </c:pt>
                <c:pt idx="7473">
                  <c:v>0</c:v>
                </c:pt>
                <c:pt idx="7474">
                  <c:v>0</c:v>
                </c:pt>
                <c:pt idx="7475">
                  <c:v>0</c:v>
                </c:pt>
                <c:pt idx="7476">
                  <c:v>0</c:v>
                </c:pt>
                <c:pt idx="7477">
                  <c:v>0</c:v>
                </c:pt>
                <c:pt idx="7478">
                  <c:v>0</c:v>
                </c:pt>
                <c:pt idx="7479">
                  <c:v>0</c:v>
                </c:pt>
                <c:pt idx="7480">
                  <c:v>0</c:v>
                </c:pt>
                <c:pt idx="7481">
                  <c:v>0</c:v>
                </c:pt>
                <c:pt idx="7482">
                  <c:v>0</c:v>
                </c:pt>
                <c:pt idx="7483">
                  <c:v>0</c:v>
                </c:pt>
                <c:pt idx="7484">
                  <c:v>0</c:v>
                </c:pt>
                <c:pt idx="7485">
                  <c:v>0</c:v>
                </c:pt>
                <c:pt idx="7486">
                  <c:v>0</c:v>
                </c:pt>
                <c:pt idx="7487">
                  <c:v>0</c:v>
                </c:pt>
                <c:pt idx="7488">
                  <c:v>0</c:v>
                </c:pt>
                <c:pt idx="7489">
                  <c:v>0</c:v>
                </c:pt>
                <c:pt idx="7490">
                  <c:v>0</c:v>
                </c:pt>
                <c:pt idx="7491">
                  <c:v>0</c:v>
                </c:pt>
                <c:pt idx="7492">
                  <c:v>0</c:v>
                </c:pt>
                <c:pt idx="7493">
                  <c:v>0</c:v>
                </c:pt>
                <c:pt idx="7494">
                  <c:v>0</c:v>
                </c:pt>
                <c:pt idx="7495">
                  <c:v>0</c:v>
                </c:pt>
                <c:pt idx="7496">
                  <c:v>0</c:v>
                </c:pt>
                <c:pt idx="7497">
                  <c:v>0</c:v>
                </c:pt>
                <c:pt idx="7498">
                  <c:v>0</c:v>
                </c:pt>
                <c:pt idx="7499">
                  <c:v>0</c:v>
                </c:pt>
                <c:pt idx="7500">
                  <c:v>0</c:v>
                </c:pt>
                <c:pt idx="7501">
                  <c:v>0</c:v>
                </c:pt>
                <c:pt idx="7502">
                  <c:v>0</c:v>
                </c:pt>
                <c:pt idx="7503">
                  <c:v>0</c:v>
                </c:pt>
                <c:pt idx="7504">
                  <c:v>0</c:v>
                </c:pt>
                <c:pt idx="7505">
                  <c:v>0</c:v>
                </c:pt>
                <c:pt idx="7506">
                  <c:v>0</c:v>
                </c:pt>
                <c:pt idx="7507">
                  <c:v>0</c:v>
                </c:pt>
                <c:pt idx="7508">
                  <c:v>0</c:v>
                </c:pt>
                <c:pt idx="7509">
                  <c:v>0</c:v>
                </c:pt>
                <c:pt idx="7510">
                  <c:v>0</c:v>
                </c:pt>
                <c:pt idx="7511">
                  <c:v>0</c:v>
                </c:pt>
                <c:pt idx="7512">
                  <c:v>0</c:v>
                </c:pt>
                <c:pt idx="7513">
                  <c:v>0</c:v>
                </c:pt>
                <c:pt idx="7514">
                  <c:v>0</c:v>
                </c:pt>
                <c:pt idx="7515">
                  <c:v>0</c:v>
                </c:pt>
                <c:pt idx="7516">
                  <c:v>0</c:v>
                </c:pt>
                <c:pt idx="7517">
                  <c:v>0</c:v>
                </c:pt>
                <c:pt idx="7518">
                  <c:v>0</c:v>
                </c:pt>
                <c:pt idx="7519">
                  <c:v>0</c:v>
                </c:pt>
                <c:pt idx="7520">
                  <c:v>0</c:v>
                </c:pt>
                <c:pt idx="7521">
                  <c:v>0</c:v>
                </c:pt>
                <c:pt idx="7522">
                  <c:v>0</c:v>
                </c:pt>
                <c:pt idx="7523">
                  <c:v>0</c:v>
                </c:pt>
                <c:pt idx="7524">
                  <c:v>0</c:v>
                </c:pt>
                <c:pt idx="7525">
                  <c:v>0</c:v>
                </c:pt>
                <c:pt idx="7526">
                  <c:v>0</c:v>
                </c:pt>
                <c:pt idx="7527">
                  <c:v>0</c:v>
                </c:pt>
                <c:pt idx="7528">
                  <c:v>0</c:v>
                </c:pt>
                <c:pt idx="7529">
                  <c:v>0</c:v>
                </c:pt>
                <c:pt idx="7530">
                  <c:v>0</c:v>
                </c:pt>
                <c:pt idx="7531">
                  <c:v>0</c:v>
                </c:pt>
                <c:pt idx="7532">
                  <c:v>0</c:v>
                </c:pt>
                <c:pt idx="7533">
                  <c:v>0</c:v>
                </c:pt>
                <c:pt idx="7534">
                  <c:v>0</c:v>
                </c:pt>
                <c:pt idx="7535">
                  <c:v>0</c:v>
                </c:pt>
                <c:pt idx="7536">
                  <c:v>0</c:v>
                </c:pt>
                <c:pt idx="7537">
                  <c:v>0</c:v>
                </c:pt>
                <c:pt idx="7538">
                  <c:v>0</c:v>
                </c:pt>
                <c:pt idx="7539">
                  <c:v>0</c:v>
                </c:pt>
                <c:pt idx="7540">
                  <c:v>0</c:v>
                </c:pt>
                <c:pt idx="7541">
                  <c:v>0</c:v>
                </c:pt>
                <c:pt idx="7542">
                  <c:v>0</c:v>
                </c:pt>
                <c:pt idx="7543">
                  <c:v>0</c:v>
                </c:pt>
                <c:pt idx="7544">
                  <c:v>0</c:v>
                </c:pt>
                <c:pt idx="7545">
                  <c:v>0</c:v>
                </c:pt>
                <c:pt idx="7546">
                  <c:v>0</c:v>
                </c:pt>
                <c:pt idx="7547">
                  <c:v>0</c:v>
                </c:pt>
                <c:pt idx="7548">
                  <c:v>0</c:v>
                </c:pt>
                <c:pt idx="7549">
                  <c:v>0</c:v>
                </c:pt>
                <c:pt idx="7550">
                  <c:v>0</c:v>
                </c:pt>
                <c:pt idx="7551">
                  <c:v>0</c:v>
                </c:pt>
                <c:pt idx="7552">
                  <c:v>0</c:v>
                </c:pt>
                <c:pt idx="7553">
                  <c:v>0</c:v>
                </c:pt>
                <c:pt idx="7554">
                  <c:v>0</c:v>
                </c:pt>
                <c:pt idx="7555">
                  <c:v>0</c:v>
                </c:pt>
                <c:pt idx="7556">
                  <c:v>0</c:v>
                </c:pt>
                <c:pt idx="7557">
                  <c:v>0</c:v>
                </c:pt>
                <c:pt idx="7558">
                  <c:v>0</c:v>
                </c:pt>
                <c:pt idx="7559">
                  <c:v>0</c:v>
                </c:pt>
                <c:pt idx="7560">
                  <c:v>0</c:v>
                </c:pt>
                <c:pt idx="7561">
                  <c:v>0</c:v>
                </c:pt>
                <c:pt idx="7562">
                  <c:v>0</c:v>
                </c:pt>
                <c:pt idx="7563">
                  <c:v>0</c:v>
                </c:pt>
                <c:pt idx="7564">
                  <c:v>0</c:v>
                </c:pt>
                <c:pt idx="7565">
                  <c:v>0</c:v>
                </c:pt>
                <c:pt idx="7566">
                  <c:v>0</c:v>
                </c:pt>
                <c:pt idx="7567">
                  <c:v>0</c:v>
                </c:pt>
                <c:pt idx="7568">
                  <c:v>0</c:v>
                </c:pt>
                <c:pt idx="7569">
                  <c:v>0</c:v>
                </c:pt>
                <c:pt idx="7570">
                  <c:v>0</c:v>
                </c:pt>
                <c:pt idx="7571">
                  <c:v>0</c:v>
                </c:pt>
                <c:pt idx="7572">
                  <c:v>0</c:v>
                </c:pt>
                <c:pt idx="7573">
                  <c:v>0</c:v>
                </c:pt>
                <c:pt idx="7574">
                  <c:v>0</c:v>
                </c:pt>
                <c:pt idx="7575">
                  <c:v>0</c:v>
                </c:pt>
                <c:pt idx="7576">
                  <c:v>0</c:v>
                </c:pt>
                <c:pt idx="7577">
                  <c:v>0</c:v>
                </c:pt>
                <c:pt idx="7578">
                  <c:v>0</c:v>
                </c:pt>
                <c:pt idx="7579">
                  <c:v>0</c:v>
                </c:pt>
                <c:pt idx="7580">
                  <c:v>0</c:v>
                </c:pt>
                <c:pt idx="7581">
                  <c:v>0</c:v>
                </c:pt>
                <c:pt idx="7582">
                  <c:v>0</c:v>
                </c:pt>
                <c:pt idx="7583">
                  <c:v>0</c:v>
                </c:pt>
                <c:pt idx="7584">
                  <c:v>0</c:v>
                </c:pt>
                <c:pt idx="7585">
                  <c:v>0</c:v>
                </c:pt>
                <c:pt idx="7586">
                  <c:v>0</c:v>
                </c:pt>
                <c:pt idx="7587">
                  <c:v>0</c:v>
                </c:pt>
                <c:pt idx="7588">
                  <c:v>0</c:v>
                </c:pt>
                <c:pt idx="7589">
                  <c:v>0</c:v>
                </c:pt>
                <c:pt idx="7590">
                  <c:v>0</c:v>
                </c:pt>
                <c:pt idx="7591">
                  <c:v>0</c:v>
                </c:pt>
                <c:pt idx="7592">
                  <c:v>0</c:v>
                </c:pt>
                <c:pt idx="7593">
                  <c:v>0</c:v>
                </c:pt>
                <c:pt idx="7594">
                  <c:v>0</c:v>
                </c:pt>
                <c:pt idx="7595">
                  <c:v>0</c:v>
                </c:pt>
                <c:pt idx="7596">
                  <c:v>0</c:v>
                </c:pt>
                <c:pt idx="7597">
                  <c:v>0</c:v>
                </c:pt>
                <c:pt idx="7598">
                  <c:v>0</c:v>
                </c:pt>
                <c:pt idx="7599">
                  <c:v>0</c:v>
                </c:pt>
                <c:pt idx="7600">
                  <c:v>0</c:v>
                </c:pt>
                <c:pt idx="7601">
                  <c:v>0</c:v>
                </c:pt>
                <c:pt idx="7602">
                  <c:v>0</c:v>
                </c:pt>
                <c:pt idx="7603">
                  <c:v>0</c:v>
                </c:pt>
                <c:pt idx="7604">
                  <c:v>0</c:v>
                </c:pt>
                <c:pt idx="7605">
                  <c:v>0</c:v>
                </c:pt>
                <c:pt idx="7606">
                  <c:v>0</c:v>
                </c:pt>
                <c:pt idx="7607">
                  <c:v>0</c:v>
                </c:pt>
                <c:pt idx="7608">
                  <c:v>0</c:v>
                </c:pt>
                <c:pt idx="7609">
                  <c:v>0</c:v>
                </c:pt>
                <c:pt idx="7610">
                  <c:v>0</c:v>
                </c:pt>
                <c:pt idx="7611">
                  <c:v>0</c:v>
                </c:pt>
                <c:pt idx="7612">
                  <c:v>0</c:v>
                </c:pt>
                <c:pt idx="7613">
                  <c:v>0</c:v>
                </c:pt>
                <c:pt idx="7614">
                  <c:v>0</c:v>
                </c:pt>
                <c:pt idx="7615">
                  <c:v>0</c:v>
                </c:pt>
                <c:pt idx="7616">
                  <c:v>0</c:v>
                </c:pt>
                <c:pt idx="7617">
                  <c:v>0</c:v>
                </c:pt>
                <c:pt idx="7618">
                  <c:v>0</c:v>
                </c:pt>
                <c:pt idx="7619">
                  <c:v>0</c:v>
                </c:pt>
                <c:pt idx="7620">
                  <c:v>0</c:v>
                </c:pt>
                <c:pt idx="7621">
                  <c:v>0</c:v>
                </c:pt>
                <c:pt idx="7622">
                  <c:v>0</c:v>
                </c:pt>
                <c:pt idx="7623">
                  <c:v>0</c:v>
                </c:pt>
                <c:pt idx="7624">
                  <c:v>0</c:v>
                </c:pt>
                <c:pt idx="7625">
                  <c:v>0</c:v>
                </c:pt>
                <c:pt idx="7626">
                  <c:v>0</c:v>
                </c:pt>
                <c:pt idx="7627">
                  <c:v>0</c:v>
                </c:pt>
                <c:pt idx="7628">
                  <c:v>0</c:v>
                </c:pt>
                <c:pt idx="7629">
                  <c:v>0</c:v>
                </c:pt>
                <c:pt idx="7630">
                  <c:v>0</c:v>
                </c:pt>
                <c:pt idx="7631">
                  <c:v>0</c:v>
                </c:pt>
                <c:pt idx="7632">
                  <c:v>0</c:v>
                </c:pt>
                <c:pt idx="7633">
                  <c:v>0</c:v>
                </c:pt>
                <c:pt idx="7634">
                  <c:v>0</c:v>
                </c:pt>
                <c:pt idx="7635">
                  <c:v>0</c:v>
                </c:pt>
                <c:pt idx="7636">
                  <c:v>0</c:v>
                </c:pt>
                <c:pt idx="7637">
                  <c:v>0</c:v>
                </c:pt>
                <c:pt idx="7638">
                  <c:v>0</c:v>
                </c:pt>
                <c:pt idx="7639">
                  <c:v>0</c:v>
                </c:pt>
                <c:pt idx="7640">
                  <c:v>0</c:v>
                </c:pt>
                <c:pt idx="7641">
                  <c:v>0</c:v>
                </c:pt>
                <c:pt idx="7642">
                  <c:v>0</c:v>
                </c:pt>
                <c:pt idx="7643">
                  <c:v>0</c:v>
                </c:pt>
                <c:pt idx="7644">
                  <c:v>0</c:v>
                </c:pt>
                <c:pt idx="7645">
                  <c:v>0</c:v>
                </c:pt>
                <c:pt idx="7646">
                  <c:v>0</c:v>
                </c:pt>
                <c:pt idx="7647">
                  <c:v>0</c:v>
                </c:pt>
                <c:pt idx="7648">
                  <c:v>0</c:v>
                </c:pt>
                <c:pt idx="7649">
                  <c:v>0</c:v>
                </c:pt>
                <c:pt idx="7650">
                  <c:v>0</c:v>
                </c:pt>
                <c:pt idx="7651">
                  <c:v>0</c:v>
                </c:pt>
                <c:pt idx="7652">
                  <c:v>0</c:v>
                </c:pt>
                <c:pt idx="7653">
                  <c:v>0</c:v>
                </c:pt>
                <c:pt idx="7654">
                  <c:v>0</c:v>
                </c:pt>
                <c:pt idx="7655">
                  <c:v>0</c:v>
                </c:pt>
                <c:pt idx="7656">
                  <c:v>0</c:v>
                </c:pt>
                <c:pt idx="7657">
                  <c:v>0</c:v>
                </c:pt>
                <c:pt idx="7658">
                  <c:v>0</c:v>
                </c:pt>
                <c:pt idx="7659">
                  <c:v>0</c:v>
                </c:pt>
                <c:pt idx="7660">
                  <c:v>0</c:v>
                </c:pt>
                <c:pt idx="7661">
                  <c:v>0</c:v>
                </c:pt>
                <c:pt idx="7662">
                  <c:v>0</c:v>
                </c:pt>
                <c:pt idx="7663">
                  <c:v>0</c:v>
                </c:pt>
                <c:pt idx="7664">
                  <c:v>0</c:v>
                </c:pt>
                <c:pt idx="7665">
                  <c:v>0</c:v>
                </c:pt>
                <c:pt idx="7666">
                  <c:v>0</c:v>
                </c:pt>
                <c:pt idx="7667">
                  <c:v>0</c:v>
                </c:pt>
                <c:pt idx="7668">
                  <c:v>0</c:v>
                </c:pt>
                <c:pt idx="7669">
                  <c:v>0</c:v>
                </c:pt>
                <c:pt idx="7670">
                  <c:v>0</c:v>
                </c:pt>
                <c:pt idx="7671">
                  <c:v>0</c:v>
                </c:pt>
                <c:pt idx="7672">
                  <c:v>0</c:v>
                </c:pt>
                <c:pt idx="7673">
                  <c:v>0</c:v>
                </c:pt>
                <c:pt idx="7674">
                  <c:v>0</c:v>
                </c:pt>
                <c:pt idx="7675">
                  <c:v>0</c:v>
                </c:pt>
                <c:pt idx="7676">
                  <c:v>0</c:v>
                </c:pt>
                <c:pt idx="7677">
                  <c:v>0</c:v>
                </c:pt>
                <c:pt idx="7678">
                  <c:v>0</c:v>
                </c:pt>
                <c:pt idx="7679">
                  <c:v>0</c:v>
                </c:pt>
                <c:pt idx="7680">
                  <c:v>0</c:v>
                </c:pt>
                <c:pt idx="7681">
                  <c:v>0</c:v>
                </c:pt>
                <c:pt idx="7682">
                  <c:v>0</c:v>
                </c:pt>
                <c:pt idx="7683">
                  <c:v>0</c:v>
                </c:pt>
                <c:pt idx="7684">
                  <c:v>0</c:v>
                </c:pt>
                <c:pt idx="7685">
                  <c:v>0</c:v>
                </c:pt>
                <c:pt idx="7686">
                  <c:v>0</c:v>
                </c:pt>
                <c:pt idx="7687">
                  <c:v>0</c:v>
                </c:pt>
                <c:pt idx="7688">
                  <c:v>0</c:v>
                </c:pt>
                <c:pt idx="7689">
                  <c:v>0</c:v>
                </c:pt>
                <c:pt idx="7690">
                  <c:v>0</c:v>
                </c:pt>
                <c:pt idx="7691">
                  <c:v>0</c:v>
                </c:pt>
                <c:pt idx="7692">
                  <c:v>0</c:v>
                </c:pt>
                <c:pt idx="7693">
                  <c:v>0</c:v>
                </c:pt>
                <c:pt idx="7694">
                  <c:v>0</c:v>
                </c:pt>
                <c:pt idx="7695">
                  <c:v>0</c:v>
                </c:pt>
                <c:pt idx="7696">
                  <c:v>0</c:v>
                </c:pt>
                <c:pt idx="7697">
                  <c:v>0</c:v>
                </c:pt>
                <c:pt idx="7698">
                  <c:v>0</c:v>
                </c:pt>
                <c:pt idx="7699">
                  <c:v>0</c:v>
                </c:pt>
                <c:pt idx="7700">
                  <c:v>0</c:v>
                </c:pt>
                <c:pt idx="7701">
                  <c:v>0</c:v>
                </c:pt>
                <c:pt idx="7702">
                  <c:v>0</c:v>
                </c:pt>
                <c:pt idx="7703">
                  <c:v>0</c:v>
                </c:pt>
                <c:pt idx="7704">
                  <c:v>0</c:v>
                </c:pt>
                <c:pt idx="7705">
                  <c:v>0</c:v>
                </c:pt>
                <c:pt idx="7706">
                  <c:v>0</c:v>
                </c:pt>
                <c:pt idx="7707">
                  <c:v>0</c:v>
                </c:pt>
                <c:pt idx="7708">
                  <c:v>0</c:v>
                </c:pt>
                <c:pt idx="7709">
                  <c:v>0</c:v>
                </c:pt>
                <c:pt idx="7710">
                  <c:v>0</c:v>
                </c:pt>
                <c:pt idx="7711">
                  <c:v>0</c:v>
                </c:pt>
                <c:pt idx="7712">
                  <c:v>0</c:v>
                </c:pt>
                <c:pt idx="7713">
                  <c:v>0</c:v>
                </c:pt>
                <c:pt idx="7714">
                  <c:v>0</c:v>
                </c:pt>
                <c:pt idx="7715">
                  <c:v>0</c:v>
                </c:pt>
                <c:pt idx="7716">
                  <c:v>0</c:v>
                </c:pt>
                <c:pt idx="7717">
                  <c:v>0</c:v>
                </c:pt>
                <c:pt idx="7718">
                  <c:v>0</c:v>
                </c:pt>
                <c:pt idx="7719">
                  <c:v>0</c:v>
                </c:pt>
                <c:pt idx="7720">
                  <c:v>0</c:v>
                </c:pt>
                <c:pt idx="7721">
                  <c:v>0</c:v>
                </c:pt>
                <c:pt idx="7722">
                  <c:v>0</c:v>
                </c:pt>
                <c:pt idx="7723">
                  <c:v>0</c:v>
                </c:pt>
                <c:pt idx="7724">
                  <c:v>0</c:v>
                </c:pt>
                <c:pt idx="7725">
                  <c:v>0</c:v>
                </c:pt>
                <c:pt idx="7726">
                  <c:v>0</c:v>
                </c:pt>
                <c:pt idx="7727">
                  <c:v>0</c:v>
                </c:pt>
                <c:pt idx="7728">
                  <c:v>0</c:v>
                </c:pt>
                <c:pt idx="7729">
                  <c:v>0</c:v>
                </c:pt>
                <c:pt idx="7730">
                  <c:v>0</c:v>
                </c:pt>
                <c:pt idx="7731">
                  <c:v>0</c:v>
                </c:pt>
                <c:pt idx="7732">
                  <c:v>0</c:v>
                </c:pt>
                <c:pt idx="7733">
                  <c:v>0</c:v>
                </c:pt>
                <c:pt idx="7734">
                  <c:v>0</c:v>
                </c:pt>
                <c:pt idx="7735">
                  <c:v>0</c:v>
                </c:pt>
                <c:pt idx="7736">
                  <c:v>0</c:v>
                </c:pt>
                <c:pt idx="7737">
                  <c:v>0</c:v>
                </c:pt>
                <c:pt idx="7738">
                  <c:v>0</c:v>
                </c:pt>
                <c:pt idx="7739">
                  <c:v>0</c:v>
                </c:pt>
                <c:pt idx="7740">
                  <c:v>0</c:v>
                </c:pt>
                <c:pt idx="7741">
                  <c:v>0</c:v>
                </c:pt>
                <c:pt idx="7742">
                  <c:v>0</c:v>
                </c:pt>
                <c:pt idx="7743">
                  <c:v>0</c:v>
                </c:pt>
                <c:pt idx="7744">
                  <c:v>0</c:v>
                </c:pt>
                <c:pt idx="7745">
                  <c:v>0</c:v>
                </c:pt>
                <c:pt idx="7746">
                  <c:v>0</c:v>
                </c:pt>
                <c:pt idx="7747">
                  <c:v>0</c:v>
                </c:pt>
                <c:pt idx="7748">
                  <c:v>0</c:v>
                </c:pt>
                <c:pt idx="7749">
                  <c:v>0</c:v>
                </c:pt>
                <c:pt idx="7750">
                  <c:v>0</c:v>
                </c:pt>
                <c:pt idx="7751">
                  <c:v>0</c:v>
                </c:pt>
                <c:pt idx="7752">
                  <c:v>0</c:v>
                </c:pt>
                <c:pt idx="7753">
                  <c:v>0</c:v>
                </c:pt>
                <c:pt idx="7754">
                  <c:v>0</c:v>
                </c:pt>
                <c:pt idx="7755">
                  <c:v>0</c:v>
                </c:pt>
                <c:pt idx="7756">
                  <c:v>0</c:v>
                </c:pt>
                <c:pt idx="7757">
                  <c:v>0</c:v>
                </c:pt>
                <c:pt idx="7758">
                  <c:v>0</c:v>
                </c:pt>
                <c:pt idx="7759">
                  <c:v>0</c:v>
                </c:pt>
                <c:pt idx="7760">
                  <c:v>0</c:v>
                </c:pt>
                <c:pt idx="7761">
                  <c:v>0</c:v>
                </c:pt>
                <c:pt idx="7762">
                  <c:v>0</c:v>
                </c:pt>
                <c:pt idx="7763">
                  <c:v>0</c:v>
                </c:pt>
                <c:pt idx="7764">
                  <c:v>0</c:v>
                </c:pt>
                <c:pt idx="7765">
                  <c:v>0</c:v>
                </c:pt>
                <c:pt idx="7766">
                  <c:v>0</c:v>
                </c:pt>
                <c:pt idx="7767">
                  <c:v>0</c:v>
                </c:pt>
                <c:pt idx="7768">
                  <c:v>0</c:v>
                </c:pt>
                <c:pt idx="7769">
                  <c:v>0</c:v>
                </c:pt>
                <c:pt idx="7770">
                  <c:v>0</c:v>
                </c:pt>
                <c:pt idx="7771">
                  <c:v>0</c:v>
                </c:pt>
                <c:pt idx="7772">
                  <c:v>0</c:v>
                </c:pt>
                <c:pt idx="7773">
                  <c:v>0</c:v>
                </c:pt>
                <c:pt idx="7774">
                  <c:v>0</c:v>
                </c:pt>
                <c:pt idx="7775">
                  <c:v>0</c:v>
                </c:pt>
                <c:pt idx="7776">
                  <c:v>0</c:v>
                </c:pt>
                <c:pt idx="7777">
                  <c:v>0</c:v>
                </c:pt>
                <c:pt idx="7778">
                  <c:v>0</c:v>
                </c:pt>
                <c:pt idx="7779">
                  <c:v>0</c:v>
                </c:pt>
                <c:pt idx="7780">
                  <c:v>0</c:v>
                </c:pt>
                <c:pt idx="7781">
                  <c:v>0</c:v>
                </c:pt>
                <c:pt idx="7782">
                  <c:v>0</c:v>
                </c:pt>
                <c:pt idx="7783">
                  <c:v>0</c:v>
                </c:pt>
                <c:pt idx="7784">
                  <c:v>0</c:v>
                </c:pt>
                <c:pt idx="7785">
                  <c:v>0</c:v>
                </c:pt>
                <c:pt idx="7786">
                  <c:v>0</c:v>
                </c:pt>
                <c:pt idx="7787">
                  <c:v>0</c:v>
                </c:pt>
                <c:pt idx="7788">
                  <c:v>0</c:v>
                </c:pt>
                <c:pt idx="7789">
                  <c:v>0</c:v>
                </c:pt>
                <c:pt idx="7790">
                  <c:v>0</c:v>
                </c:pt>
                <c:pt idx="7791">
                  <c:v>0</c:v>
                </c:pt>
                <c:pt idx="7792">
                  <c:v>0</c:v>
                </c:pt>
                <c:pt idx="7793">
                  <c:v>0</c:v>
                </c:pt>
                <c:pt idx="7794">
                  <c:v>0</c:v>
                </c:pt>
                <c:pt idx="7795">
                  <c:v>0</c:v>
                </c:pt>
                <c:pt idx="7796">
                  <c:v>0</c:v>
                </c:pt>
                <c:pt idx="7797">
                  <c:v>0</c:v>
                </c:pt>
                <c:pt idx="7798">
                  <c:v>0</c:v>
                </c:pt>
                <c:pt idx="7799">
                  <c:v>0</c:v>
                </c:pt>
                <c:pt idx="7800">
                  <c:v>0</c:v>
                </c:pt>
                <c:pt idx="7801">
                  <c:v>0</c:v>
                </c:pt>
                <c:pt idx="7802">
                  <c:v>0</c:v>
                </c:pt>
                <c:pt idx="7803">
                  <c:v>0</c:v>
                </c:pt>
                <c:pt idx="7804">
                  <c:v>0</c:v>
                </c:pt>
                <c:pt idx="7805">
                  <c:v>0</c:v>
                </c:pt>
                <c:pt idx="7806">
                  <c:v>0</c:v>
                </c:pt>
                <c:pt idx="7807">
                  <c:v>0</c:v>
                </c:pt>
                <c:pt idx="7808">
                  <c:v>0</c:v>
                </c:pt>
                <c:pt idx="7809">
                  <c:v>0</c:v>
                </c:pt>
                <c:pt idx="7810">
                  <c:v>0</c:v>
                </c:pt>
                <c:pt idx="7811">
                  <c:v>0</c:v>
                </c:pt>
                <c:pt idx="7812">
                  <c:v>0</c:v>
                </c:pt>
                <c:pt idx="7813">
                  <c:v>0</c:v>
                </c:pt>
                <c:pt idx="7814">
                  <c:v>0</c:v>
                </c:pt>
                <c:pt idx="7815">
                  <c:v>0</c:v>
                </c:pt>
                <c:pt idx="7816">
                  <c:v>0</c:v>
                </c:pt>
                <c:pt idx="7817">
                  <c:v>0</c:v>
                </c:pt>
                <c:pt idx="7818">
                  <c:v>0</c:v>
                </c:pt>
                <c:pt idx="7819">
                  <c:v>0</c:v>
                </c:pt>
                <c:pt idx="7820">
                  <c:v>0</c:v>
                </c:pt>
                <c:pt idx="7821">
                  <c:v>0</c:v>
                </c:pt>
                <c:pt idx="7822">
                  <c:v>0</c:v>
                </c:pt>
                <c:pt idx="7823">
                  <c:v>0</c:v>
                </c:pt>
                <c:pt idx="7824">
                  <c:v>0</c:v>
                </c:pt>
                <c:pt idx="7825">
                  <c:v>0</c:v>
                </c:pt>
                <c:pt idx="7826">
                  <c:v>0</c:v>
                </c:pt>
                <c:pt idx="7827">
                  <c:v>0</c:v>
                </c:pt>
                <c:pt idx="7828">
                  <c:v>0</c:v>
                </c:pt>
                <c:pt idx="7829">
                  <c:v>0</c:v>
                </c:pt>
                <c:pt idx="7830">
                  <c:v>0</c:v>
                </c:pt>
                <c:pt idx="7831">
                  <c:v>0</c:v>
                </c:pt>
                <c:pt idx="7832">
                  <c:v>0</c:v>
                </c:pt>
                <c:pt idx="7833">
                  <c:v>0</c:v>
                </c:pt>
                <c:pt idx="7834">
                  <c:v>0</c:v>
                </c:pt>
                <c:pt idx="7835">
                  <c:v>0</c:v>
                </c:pt>
                <c:pt idx="7836">
                  <c:v>0</c:v>
                </c:pt>
                <c:pt idx="7837">
                  <c:v>0</c:v>
                </c:pt>
                <c:pt idx="7838">
                  <c:v>0</c:v>
                </c:pt>
                <c:pt idx="7839">
                  <c:v>0</c:v>
                </c:pt>
                <c:pt idx="7840">
                  <c:v>0</c:v>
                </c:pt>
                <c:pt idx="7841">
                  <c:v>0</c:v>
                </c:pt>
                <c:pt idx="7842">
                  <c:v>0</c:v>
                </c:pt>
                <c:pt idx="7843">
                  <c:v>0</c:v>
                </c:pt>
                <c:pt idx="7844">
                  <c:v>0</c:v>
                </c:pt>
                <c:pt idx="7845">
                  <c:v>0</c:v>
                </c:pt>
                <c:pt idx="7846">
                  <c:v>0</c:v>
                </c:pt>
                <c:pt idx="7847">
                  <c:v>0</c:v>
                </c:pt>
                <c:pt idx="7848">
                  <c:v>0</c:v>
                </c:pt>
                <c:pt idx="7849">
                  <c:v>0</c:v>
                </c:pt>
                <c:pt idx="7850">
                  <c:v>0</c:v>
                </c:pt>
                <c:pt idx="7851">
                  <c:v>0</c:v>
                </c:pt>
                <c:pt idx="7852">
                  <c:v>0</c:v>
                </c:pt>
                <c:pt idx="7853">
                  <c:v>0</c:v>
                </c:pt>
                <c:pt idx="7854">
                  <c:v>0</c:v>
                </c:pt>
                <c:pt idx="7855">
                  <c:v>0</c:v>
                </c:pt>
                <c:pt idx="7856">
                  <c:v>0</c:v>
                </c:pt>
                <c:pt idx="7857">
                  <c:v>0</c:v>
                </c:pt>
                <c:pt idx="7858">
                  <c:v>0</c:v>
                </c:pt>
                <c:pt idx="7859">
                  <c:v>0</c:v>
                </c:pt>
                <c:pt idx="7860">
                  <c:v>0</c:v>
                </c:pt>
                <c:pt idx="7861">
                  <c:v>0</c:v>
                </c:pt>
                <c:pt idx="7862">
                  <c:v>0</c:v>
                </c:pt>
                <c:pt idx="7863">
                  <c:v>0</c:v>
                </c:pt>
                <c:pt idx="7864">
                  <c:v>0</c:v>
                </c:pt>
                <c:pt idx="7865">
                  <c:v>0</c:v>
                </c:pt>
                <c:pt idx="7866">
                  <c:v>0</c:v>
                </c:pt>
                <c:pt idx="7867">
                  <c:v>0</c:v>
                </c:pt>
                <c:pt idx="7868">
                  <c:v>0</c:v>
                </c:pt>
                <c:pt idx="7869">
                  <c:v>0</c:v>
                </c:pt>
                <c:pt idx="7870">
                  <c:v>0</c:v>
                </c:pt>
                <c:pt idx="7871">
                  <c:v>0</c:v>
                </c:pt>
                <c:pt idx="7872">
                  <c:v>0</c:v>
                </c:pt>
                <c:pt idx="7873">
                  <c:v>0</c:v>
                </c:pt>
                <c:pt idx="7874">
                  <c:v>0</c:v>
                </c:pt>
                <c:pt idx="7875">
                  <c:v>0</c:v>
                </c:pt>
                <c:pt idx="7876">
                  <c:v>0</c:v>
                </c:pt>
                <c:pt idx="7877">
                  <c:v>0</c:v>
                </c:pt>
                <c:pt idx="7878">
                  <c:v>0</c:v>
                </c:pt>
                <c:pt idx="7879">
                  <c:v>0</c:v>
                </c:pt>
                <c:pt idx="7880">
                  <c:v>0</c:v>
                </c:pt>
                <c:pt idx="7881">
                  <c:v>0</c:v>
                </c:pt>
                <c:pt idx="7882">
                  <c:v>0</c:v>
                </c:pt>
                <c:pt idx="7883">
                  <c:v>0</c:v>
                </c:pt>
                <c:pt idx="7884">
                  <c:v>0</c:v>
                </c:pt>
                <c:pt idx="7885">
                  <c:v>0</c:v>
                </c:pt>
                <c:pt idx="7886">
                  <c:v>0</c:v>
                </c:pt>
                <c:pt idx="7887">
                  <c:v>0</c:v>
                </c:pt>
                <c:pt idx="7888">
                  <c:v>0</c:v>
                </c:pt>
                <c:pt idx="7889">
                  <c:v>0</c:v>
                </c:pt>
                <c:pt idx="7890">
                  <c:v>0</c:v>
                </c:pt>
                <c:pt idx="7891">
                  <c:v>0</c:v>
                </c:pt>
                <c:pt idx="7892">
                  <c:v>0</c:v>
                </c:pt>
                <c:pt idx="7893">
                  <c:v>0</c:v>
                </c:pt>
                <c:pt idx="7894">
                  <c:v>0</c:v>
                </c:pt>
                <c:pt idx="7895">
                  <c:v>0</c:v>
                </c:pt>
                <c:pt idx="7896">
                  <c:v>0</c:v>
                </c:pt>
                <c:pt idx="7897">
                  <c:v>0</c:v>
                </c:pt>
                <c:pt idx="7898">
                  <c:v>0</c:v>
                </c:pt>
                <c:pt idx="7899">
                  <c:v>0</c:v>
                </c:pt>
                <c:pt idx="7900">
                  <c:v>0</c:v>
                </c:pt>
                <c:pt idx="7901">
                  <c:v>0</c:v>
                </c:pt>
                <c:pt idx="7902">
                  <c:v>0</c:v>
                </c:pt>
                <c:pt idx="7903">
                  <c:v>0</c:v>
                </c:pt>
                <c:pt idx="7904">
                  <c:v>0</c:v>
                </c:pt>
                <c:pt idx="7905">
                  <c:v>0</c:v>
                </c:pt>
                <c:pt idx="7906">
                  <c:v>0</c:v>
                </c:pt>
                <c:pt idx="7907">
                  <c:v>0</c:v>
                </c:pt>
                <c:pt idx="7908">
                  <c:v>0</c:v>
                </c:pt>
                <c:pt idx="7909">
                  <c:v>0</c:v>
                </c:pt>
                <c:pt idx="7910">
                  <c:v>0</c:v>
                </c:pt>
                <c:pt idx="7911">
                  <c:v>0</c:v>
                </c:pt>
                <c:pt idx="7912">
                  <c:v>0</c:v>
                </c:pt>
                <c:pt idx="7913">
                  <c:v>0</c:v>
                </c:pt>
                <c:pt idx="7914">
                  <c:v>0</c:v>
                </c:pt>
                <c:pt idx="7915">
                  <c:v>0</c:v>
                </c:pt>
                <c:pt idx="7916">
                  <c:v>0</c:v>
                </c:pt>
                <c:pt idx="7917">
                  <c:v>0</c:v>
                </c:pt>
                <c:pt idx="7918">
                  <c:v>0</c:v>
                </c:pt>
                <c:pt idx="7919">
                  <c:v>0</c:v>
                </c:pt>
                <c:pt idx="7920">
                  <c:v>0</c:v>
                </c:pt>
                <c:pt idx="7921">
                  <c:v>0</c:v>
                </c:pt>
                <c:pt idx="7922">
                  <c:v>0</c:v>
                </c:pt>
                <c:pt idx="7923">
                  <c:v>0</c:v>
                </c:pt>
                <c:pt idx="7924">
                  <c:v>0</c:v>
                </c:pt>
                <c:pt idx="7925">
                  <c:v>0</c:v>
                </c:pt>
                <c:pt idx="7926">
                  <c:v>0</c:v>
                </c:pt>
                <c:pt idx="7927">
                  <c:v>0</c:v>
                </c:pt>
                <c:pt idx="7928">
                  <c:v>0</c:v>
                </c:pt>
                <c:pt idx="7929">
                  <c:v>0</c:v>
                </c:pt>
                <c:pt idx="7930">
                  <c:v>0</c:v>
                </c:pt>
                <c:pt idx="7931">
                  <c:v>0</c:v>
                </c:pt>
                <c:pt idx="7932">
                  <c:v>0</c:v>
                </c:pt>
                <c:pt idx="7933">
                  <c:v>0</c:v>
                </c:pt>
                <c:pt idx="7934">
                  <c:v>0</c:v>
                </c:pt>
                <c:pt idx="7935">
                  <c:v>0</c:v>
                </c:pt>
                <c:pt idx="7936">
                  <c:v>0</c:v>
                </c:pt>
                <c:pt idx="7937">
                  <c:v>0</c:v>
                </c:pt>
                <c:pt idx="7938">
                  <c:v>0</c:v>
                </c:pt>
                <c:pt idx="7939">
                  <c:v>0</c:v>
                </c:pt>
                <c:pt idx="7940">
                  <c:v>0</c:v>
                </c:pt>
                <c:pt idx="7941">
                  <c:v>0</c:v>
                </c:pt>
                <c:pt idx="7942">
                  <c:v>0</c:v>
                </c:pt>
                <c:pt idx="7943">
                  <c:v>0</c:v>
                </c:pt>
                <c:pt idx="7944">
                  <c:v>0</c:v>
                </c:pt>
                <c:pt idx="7945">
                  <c:v>0</c:v>
                </c:pt>
                <c:pt idx="7946">
                  <c:v>0</c:v>
                </c:pt>
                <c:pt idx="7947">
                  <c:v>0</c:v>
                </c:pt>
                <c:pt idx="7948">
                  <c:v>0</c:v>
                </c:pt>
                <c:pt idx="7949">
                  <c:v>0</c:v>
                </c:pt>
                <c:pt idx="7950">
                  <c:v>0</c:v>
                </c:pt>
                <c:pt idx="7951">
                  <c:v>0</c:v>
                </c:pt>
                <c:pt idx="7952">
                  <c:v>0</c:v>
                </c:pt>
                <c:pt idx="7953">
                  <c:v>0</c:v>
                </c:pt>
                <c:pt idx="7954">
                  <c:v>0</c:v>
                </c:pt>
                <c:pt idx="7955">
                  <c:v>0</c:v>
                </c:pt>
                <c:pt idx="7956">
                  <c:v>0</c:v>
                </c:pt>
                <c:pt idx="7957">
                  <c:v>0</c:v>
                </c:pt>
                <c:pt idx="7958">
                  <c:v>0</c:v>
                </c:pt>
                <c:pt idx="7959">
                  <c:v>0</c:v>
                </c:pt>
                <c:pt idx="7960">
                  <c:v>0</c:v>
                </c:pt>
                <c:pt idx="7961">
                  <c:v>0</c:v>
                </c:pt>
                <c:pt idx="7962">
                  <c:v>0</c:v>
                </c:pt>
                <c:pt idx="7963">
                  <c:v>0</c:v>
                </c:pt>
                <c:pt idx="7964">
                  <c:v>0</c:v>
                </c:pt>
                <c:pt idx="7965">
                  <c:v>0</c:v>
                </c:pt>
                <c:pt idx="7966">
                  <c:v>0</c:v>
                </c:pt>
                <c:pt idx="7967">
                  <c:v>0</c:v>
                </c:pt>
                <c:pt idx="7968">
                  <c:v>0</c:v>
                </c:pt>
                <c:pt idx="7969">
                  <c:v>0</c:v>
                </c:pt>
                <c:pt idx="7970">
                  <c:v>0</c:v>
                </c:pt>
                <c:pt idx="7971">
                  <c:v>0</c:v>
                </c:pt>
                <c:pt idx="7972">
                  <c:v>0</c:v>
                </c:pt>
                <c:pt idx="7973">
                  <c:v>0</c:v>
                </c:pt>
                <c:pt idx="7974">
                  <c:v>0</c:v>
                </c:pt>
                <c:pt idx="7975">
                  <c:v>0</c:v>
                </c:pt>
                <c:pt idx="7976">
                  <c:v>0</c:v>
                </c:pt>
                <c:pt idx="7977">
                  <c:v>0</c:v>
                </c:pt>
                <c:pt idx="7978">
                  <c:v>0</c:v>
                </c:pt>
                <c:pt idx="7979">
                  <c:v>0</c:v>
                </c:pt>
                <c:pt idx="7980">
                  <c:v>0</c:v>
                </c:pt>
                <c:pt idx="7981">
                  <c:v>0</c:v>
                </c:pt>
                <c:pt idx="7982">
                  <c:v>0</c:v>
                </c:pt>
                <c:pt idx="7983">
                  <c:v>0</c:v>
                </c:pt>
                <c:pt idx="7984">
                  <c:v>0</c:v>
                </c:pt>
                <c:pt idx="7985">
                  <c:v>0</c:v>
                </c:pt>
                <c:pt idx="7986">
                  <c:v>0</c:v>
                </c:pt>
                <c:pt idx="7987">
                  <c:v>0</c:v>
                </c:pt>
                <c:pt idx="7988">
                  <c:v>0</c:v>
                </c:pt>
                <c:pt idx="7989">
                  <c:v>0</c:v>
                </c:pt>
                <c:pt idx="7990">
                  <c:v>0</c:v>
                </c:pt>
                <c:pt idx="7991">
                  <c:v>0</c:v>
                </c:pt>
                <c:pt idx="7992">
                  <c:v>0</c:v>
                </c:pt>
                <c:pt idx="7993">
                  <c:v>0</c:v>
                </c:pt>
                <c:pt idx="7994">
                  <c:v>0</c:v>
                </c:pt>
                <c:pt idx="7995">
                  <c:v>0</c:v>
                </c:pt>
                <c:pt idx="7996">
                  <c:v>0</c:v>
                </c:pt>
                <c:pt idx="7997">
                  <c:v>0</c:v>
                </c:pt>
                <c:pt idx="7998">
                  <c:v>0</c:v>
                </c:pt>
                <c:pt idx="7999">
                  <c:v>0</c:v>
                </c:pt>
                <c:pt idx="8000">
                  <c:v>0</c:v>
                </c:pt>
                <c:pt idx="8001">
                  <c:v>0</c:v>
                </c:pt>
                <c:pt idx="8002">
                  <c:v>0</c:v>
                </c:pt>
                <c:pt idx="8003">
                  <c:v>0</c:v>
                </c:pt>
                <c:pt idx="8004">
                  <c:v>0</c:v>
                </c:pt>
                <c:pt idx="8005">
                  <c:v>0</c:v>
                </c:pt>
                <c:pt idx="8006">
                  <c:v>0</c:v>
                </c:pt>
                <c:pt idx="8007">
                  <c:v>0</c:v>
                </c:pt>
                <c:pt idx="8008">
                  <c:v>0</c:v>
                </c:pt>
                <c:pt idx="8009">
                  <c:v>0</c:v>
                </c:pt>
                <c:pt idx="8010">
                  <c:v>0</c:v>
                </c:pt>
                <c:pt idx="8011">
                  <c:v>0</c:v>
                </c:pt>
                <c:pt idx="8012">
                  <c:v>0</c:v>
                </c:pt>
                <c:pt idx="8013">
                  <c:v>0</c:v>
                </c:pt>
                <c:pt idx="8014">
                  <c:v>0</c:v>
                </c:pt>
                <c:pt idx="8015">
                  <c:v>0</c:v>
                </c:pt>
                <c:pt idx="8016">
                  <c:v>0</c:v>
                </c:pt>
                <c:pt idx="8017">
                  <c:v>0</c:v>
                </c:pt>
                <c:pt idx="8018">
                  <c:v>0</c:v>
                </c:pt>
                <c:pt idx="8019">
                  <c:v>0</c:v>
                </c:pt>
                <c:pt idx="8020">
                  <c:v>0</c:v>
                </c:pt>
                <c:pt idx="8021">
                  <c:v>0</c:v>
                </c:pt>
                <c:pt idx="8022">
                  <c:v>0</c:v>
                </c:pt>
                <c:pt idx="8023">
                  <c:v>0</c:v>
                </c:pt>
                <c:pt idx="8024">
                  <c:v>0</c:v>
                </c:pt>
                <c:pt idx="8025">
                  <c:v>0</c:v>
                </c:pt>
                <c:pt idx="8026">
                  <c:v>0</c:v>
                </c:pt>
                <c:pt idx="8027">
                  <c:v>0</c:v>
                </c:pt>
                <c:pt idx="8028">
                  <c:v>0</c:v>
                </c:pt>
                <c:pt idx="8029">
                  <c:v>0</c:v>
                </c:pt>
                <c:pt idx="8030">
                  <c:v>0</c:v>
                </c:pt>
                <c:pt idx="8031">
                  <c:v>0</c:v>
                </c:pt>
                <c:pt idx="8032">
                  <c:v>0</c:v>
                </c:pt>
                <c:pt idx="8033">
                  <c:v>0</c:v>
                </c:pt>
                <c:pt idx="8034">
                  <c:v>0</c:v>
                </c:pt>
                <c:pt idx="8035">
                  <c:v>0</c:v>
                </c:pt>
                <c:pt idx="8036">
                  <c:v>0</c:v>
                </c:pt>
                <c:pt idx="8037">
                  <c:v>0</c:v>
                </c:pt>
                <c:pt idx="8038">
                  <c:v>0</c:v>
                </c:pt>
                <c:pt idx="8039">
                  <c:v>0</c:v>
                </c:pt>
                <c:pt idx="8040">
                  <c:v>0</c:v>
                </c:pt>
                <c:pt idx="8041">
                  <c:v>0</c:v>
                </c:pt>
                <c:pt idx="8042">
                  <c:v>0</c:v>
                </c:pt>
                <c:pt idx="8043">
                  <c:v>0</c:v>
                </c:pt>
                <c:pt idx="8044">
                  <c:v>0</c:v>
                </c:pt>
                <c:pt idx="8045">
                  <c:v>0</c:v>
                </c:pt>
                <c:pt idx="8046">
                  <c:v>0</c:v>
                </c:pt>
                <c:pt idx="8047">
                  <c:v>0</c:v>
                </c:pt>
                <c:pt idx="8048">
                  <c:v>0</c:v>
                </c:pt>
                <c:pt idx="8049">
                  <c:v>0</c:v>
                </c:pt>
                <c:pt idx="8050">
                  <c:v>0</c:v>
                </c:pt>
                <c:pt idx="8051">
                  <c:v>0</c:v>
                </c:pt>
                <c:pt idx="8052">
                  <c:v>0</c:v>
                </c:pt>
                <c:pt idx="8053">
                  <c:v>0</c:v>
                </c:pt>
                <c:pt idx="8054">
                  <c:v>0</c:v>
                </c:pt>
                <c:pt idx="8055">
                  <c:v>0</c:v>
                </c:pt>
                <c:pt idx="8056">
                  <c:v>0</c:v>
                </c:pt>
                <c:pt idx="8057">
                  <c:v>0</c:v>
                </c:pt>
                <c:pt idx="8058">
                  <c:v>0</c:v>
                </c:pt>
                <c:pt idx="8059">
                  <c:v>0</c:v>
                </c:pt>
                <c:pt idx="8060">
                  <c:v>0</c:v>
                </c:pt>
                <c:pt idx="8061">
                  <c:v>0</c:v>
                </c:pt>
                <c:pt idx="8062">
                  <c:v>0</c:v>
                </c:pt>
                <c:pt idx="8063">
                  <c:v>0</c:v>
                </c:pt>
                <c:pt idx="8064">
                  <c:v>0</c:v>
                </c:pt>
                <c:pt idx="8065">
                  <c:v>0</c:v>
                </c:pt>
                <c:pt idx="8066">
                  <c:v>0</c:v>
                </c:pt>
                <c:pt idx="8067">
                  <c:v>0</c:v>
                </c:pt>
                <c:pt idx="8068">
                  <c:v>0</c:v>
                </c:pt>
                <c:pt idx="8069">
                  <c:v>0</c:v>
                </c:pt>
                <c:pt idx="8070">
                  <c:v>0</c:v>
                </c:pt>
                <c:pt idx="8071">
                  <c:v>0</c:v>
                </c:pt>
                <c:pt idx="8072">
                  <c:v>0</c:v>
                </c:pt>
                <c:pt idx="8073">
                  <c:v>0</c:v>
                </c:pt>
                <c:pt idx="8074">
                  <c:v>0</c:v>
                </c:pt>
                <c:pt idx="8075">
                  <c:v>0</c:v>
                </c:pt>
                <c:pt idx="8076">
                  <c:v>0</c:v>
                </c:pt>
                <c:pt idx="8077">
                  <c:v>0</c:v>
                </c:pt>
                <c:pt idx="8078">
                  <c:v>0</c:v>
                </c:pt>
                <c:pt idx="8079">
                  <c:v>0</c:v>
                </c:pt>
                <c:pt idx="8080">
                  <c:v>0</c:v>
                </c:pt>
                <c:pt idx="8081">
                  <c:v>0</c:v>
                </c:pt>
                <c:pt idx="8082">
                  <c:v>0</c:v>
                </c:pt>
                <c:pt idx="8083">
                  <c:v>0</c:v>
                </c:pt>
                <c:pt idx="8084">
                  <c:v>0</c:v>
                </c:pt>
                <c:pt idx="8085">
                  <c:v>0</c:v>
                </c:pt>
                <c:pt idx="8086">
                  <c:v>0</c:v>
                </c:pt>
                <c:pt idx="8087">
                  <c:v>0</c:v>
                </c:pt>
                <c:pt idx="8088">
                  <c:v>0</c:v>
                </c:pt>
                <c:pt idx="8089">
                  <c:v>0</c:v>
                </c:pt>
                <c:pt idx="8090">
                  <c:v>0</c:v>
                </c:pt>
                <c:pt idx="8091">
                  <c:v>0</c:v>
                </c:pt>
                <c:pt idx="8092">
                  <c:v>0</c:v>
                </c:pt>
                <c:pt idx="8093">
                  <c:v>0</c:v>
                </c:pt>
                <c:pt idx="8094">
                  <c:v>0</c:v>
                </c:pt>
                <c:pt idx="8095">
                  <c:v>0</c:v>
                </c:pt>
                <c:pt idx="8096">
                  <c:v>0</c:v>
                </c:pt>
                <c:pt idx="8097">
                  <c:v>0</c:v>
                </c:pt>
                <c:pt idx="8098">
                  <c:v>0</c:v>
                </c:pt>
                <c:pt idx="8099">
                  <c:v>0</c:v>
                </c:pt>
                <c:pt idx="8100">
                  <c:v>0</c:v>
                </c:pt>
                <c:pt idx="8101">
                  <c:v>0</c:v>
                </c:pt>
                <c:pt idx="8102">
                  <c:v>0</c:v>
                </c:pt>
                <c:pt idx="8103">
                  <c:v>0</c:v>
                </c:pt>
                <c:pt idx="8104">
                  <c:v>0</c:v>
                </c:pt>
                <c:pt idx="8105">
                  <c:v>0</c:v>
                </c:pt>
                <c:pt idx="8106">
                  <c:v>0</c:v>
                </c:pt>
                <c:pt idx="8107">
                  <c:v>0</c:v>
                </c:pt>
                <c:pt idx="8108">
                  <c:v>0</c:v>
                </c:pt>
                <c:pt idx="8109">
                  <c:v>0</c:v>
                </c:pt>
                <c:pt idx="8110">
                  <c:v>0</c:v>
                </c:pt>
                <c:pt idx="8111">
                  <c:v>0</c:v>
                </c:pt>
                <c:pt idx="8112">
                  <c:v>0</c:v>
                </c:pt>
                <c:pt idx="8113">
                  <c:v>0</c:v>
                </c:pt>
                <c:pt idx="8114">
                  <c:v>0</c:v>
                </c:pt>
                <c:pt idx="8115">
                  <c:v>0</c:v>
                </c:pt>
                <c:pt idx="8116">
                  <c:v>0</c:v>
                </c:pt>
                <c:pt idx="8117">
                  <c:v>0</c:v>
                </c:pt>
                <c:pt idx="8118">
                  <c:v>0</c:v>
                </c:pt>
                <c:pt idx="8119">
                  <c:v>0</c:v>
                </c:pt>
                <c:pt idx="8120">
                  <c:v>0</c:v>
                </c:pt>
                <c:pt idx="8121">
                  <c:v>0</c:v>
                </c:pt>
                <c:pt idx="8122">
                  <c:v>0</c:v>
                </c:pt>
                <c:pt idx="8123">
                  <c:v>0</c:v>
                </c:pt>
                <c:pt idx="8124">
                  <c:v>0</c:v>
                </c:pt>
                <c:pt idx="8125">
                  <c:v>0</c:v>
                </c:pt>
                <c:pt idx="8126">
                  <c:v>0</c:v>
                </c:pt>
                <c:pt idx="8127">
                  <c:v>0</c:v>
                </c:pt>
                <c:pt idx="8128">
                  <c:v>0</c:v>
                </c:pt>
                <c:pt idx="8129">
                  <c:v>0</c:v>
                </c:pt>
                <c:pt idx="8130">
                  <c:v>0</c:v>
                </c:pt>
                <c:pt idx="8131">
                  <c:v>0</c:v>
                </c:pt>
                <c:pt idx="8132">
                  <c:v>0</c:v>
                </c:pt>
                <c:pt idx="8133">
                  <c:v>0</c:v>
                </c:pt>
                <c:pt idx="8134">
                  <c:v>0</c:v>
                </c:pt>
                <c:pt idx="8135">
                  <c:v>0</c:v>
                </c:pt>
                <c:pt idx="8136">
                  <c:v>0</c:v>
                </c:pt>
                <c:pt idx="8137">
                  <c:v>0</c:v>
                </c:pt>
                <c:pt idx="8138">
                  <c:v>0</c:v>
                </c:pt>
                <c:pt idx="8139">
                  <c:v>0</c:v>
                </c:pt>
                <c:pt idx="8140">
                  <c:v>0</c:v>
                </c:pt>
                <c:pt idx="8141">
                  <c:v>0</c:v>
                </c:pt>
                <c:pt idx="8142">
                  <c:v>0</c:v>
                </c:pt>
                <c:pt idx="8143">
                  <c:v>0</c:v>
                </c:pt>
                <c:pt idx="8144">
                  <c:v>0</c:v>
                </c:pt>
                <c:pt idx="8145">
                  <c:v>0</c:v>
                </c:pt>
                <c:pt idx="8146">
                  <c:v>0</c:v>
                </c:pt>
                <c:pt idx="8147">
                  <c:v>0</c:v>
                </c:pt>
                <c:pt idx="8148">
                  <c:v>0</c:v>
                </c:pt>
                <c:pt idx="8149">
                  <c:v>0</c:v>
                </c:pt>
                <c:pt idx="8150">
                  <c:v>0</c:v>
                </c:pt>
                <c:pt idx="8151">
                  <c:v>0</c:v>
                </c:pt>
                <c:pt idx="8152">
                  <c:v>0</c:v>
                </c:pt>
                <c:pt idx="8153">
                  <c:v>0</c:v>
                </c:pt>
                <c:pt idx="8154">
                  <c:v>0</c:v>
                </c:pt>
                <c:pt idx="8155">
                  <c:v>0</c:v>
                </c:pt>
                <c:pt idx="8156">
                  <c:v>0</c:v>
                </c:pt>
                <c:pt idx="8157">
                  <c:v>0</c:v>
                </c:pt>
                <c:pt idx="8158">
                  <c:v>0</c:v>
                </c:pt>
                <c:pt idx="8159">
                  <c:v>0</c:v>
                </c:pt>
                <c:pt idx="8160">
                  <c:v>0</c:v>
                </c:pt>
                <c:pt idx="8161">
                  <c:v>0</c:v>
                </c:pt>
                <c:pt idx="8162">
                  <c:v>0</c:v>
                </c:pt>
                <c:pt idx="8163">
                  <c:v>0</c:v>
                </c:pt>
                <c:pt idx="8164">
                  <c:v>0</c:v>
                </c:pt>
                <c:pt idx="8165">
                  <c:v>0</c:v>
                </c:pt>
                <c:pt idx="8166">
                  <c:v>0</c:v>
                </c:pt>
                <c:pt idx="8167">
                  <c:v>0</c:v>
                </c:pt>
                <c:pt idx="8168">
                  <c:v>0</c:v>
                </c:pt>
                <c:pt idx="8169">
                  <c:v>0</c:v>
                </c:pt>
                <c:pt idx="8170">
                  <c:v>0</c:v>
                </c:pt>
                <c:pt idx="8171">
                  <c:v>0</c:v>
                </c:pt>
                <c:pt idx="8172">
                  <c:v>0</c:v>
                </c:pt>
                <c:pt idx="8173">
                  <c:v>0</c:v>
                </c:pt>
                <c:pt idx="8174">
                  <c:v>0</c:v>
                </c:pt>
                <c:pt idx="8175">
                  <c:v>0</c:v>
                </c:pt>
                <c:pt idx="8176">
                  <c:v>0</c:v>
                </c:pt>
                <c:pt idx="8177">
                  <c:v>0</c:v>
                </c:pt>
                <c:pt idx="8178">
                  <c:v>0</c:v>
                </c:pt>
                <c:pt idx="8179">
                  <c:v>0</c:v>
                </c:pt>
                <c:pt idx="8180">
                  <c:v>0</c:v>
                </c:pt>
                <c:pt idx="8181">
                  <c:v>0</c:v>
                </c:pt>
                <c:pt idx="8182">
                  <c:v>0</c:v>
                </c:pt>
                <c:pt idx="8183">
                  <c:v>0</c:v>
                </c:pt>
                <c:pt idx="8184">
                  <c:v>0</c:v>
                </c:pt>
                <c:pt idx="8185">
                  <c:v>0</c:v>
                </c:pt>
                <c:pt idx="8186">
                  <c:v>0</c:v>
                </c:pt>
                <c:pt idx="8187">
                  <c:v>0</c:v>
                </c:pt>
                <c:pt idx="8188">
                  <c:v>0</c:v>
                </c:pt>
                <c:pt idx="8189">
                  <c:v>0</c:v>
                </c:pt>
                <c:pt idx="8190">
                  <c:v>0</c:v>
                </c:pt>
                <c:pt idx="8191">
                  <c:v>0</c:v>
                </c:pt>
                <c:pt idx="8192">
                  <c:v>0</c:v>
                </c:pt>
                <c:pt idx="8193">
                  <c:v>0</c:v>
                </c:pt>
                <c:pt idx="8194">
                  <c:v>0</c:v>
                </c:pt>
                <c:pt idx="8195">
                  <c:v>0</c:v>
                </c:pt>
                <c:pt idx="8196">
                  <c:v>0</c:v>
                </c:pt>
                <c:pt idx="8197">
                  <c:v>0</c:v>
                </c:pt>
                <c:pt idx="8198">
                  <c:v>0</c:v>
                </c:pt>
                <c:pt idx="8199">
                  <c:v>0</c:v>
                </c:pt>
                <c:pt idx="8200">
                  <c:v>0</c:v>
                </c:pt>
                <c:pt idx="8201">
                  <c:v>0</c:v>
                </c:pt>
                <c:pt idx="8202">
                  <c:v>0</c:v>
                </c:pt>
                <c:pt idx="8203">
                  <c:v>0</c:v>
                </c:pt>
                <c:pt idx="8204">
                  <c:v>0</c:v>
                </c:pt>
                <c:pt idx="8205">
                  <c:v>0</c:v>
                </c:pt>
                <c:pt idx="8206">
                  <c:v>0</c:v>
                </c:pt>
                <c:pt idx="8207">
                  <c:v>0</c:v>
                </c:pt>
                <c:pt idx="8208">
                  <c:v>0</c:v>
                </c:pt>
                <c:pt idx="8209">
                  <c:v>0</c:v>
                </c:pt>
                <c:pt idx="8210">
                  <c:v>0</c:v>
                </c:pt>
                <c:pt idx="8211">
                  <c:v>0</c:v>
                </c:pt>
                <c:pt idx="8212">
                  <c:v>0</c:v>
                </c:pt>
                <c:pt idx="8213">
                  <c:v>0</c:v>
                </c:pt>
                <c:pt idx="8214">
                  <c:v>0</c:v>
                </c:pt>
                <c:pt idx="8215">
                  <c:v>0</c:v>
                </c:pt>
                <c:pt idx="8216">
                  <c:v>0</c:v>
                </c:pt>
                <c:pt idx="8217">
                  <c:v>0</c:v>
                </c:pt>
                <c:pt idx="8218">
                  <c:v>0</c:v>
                </c:pt>
                <c:pt idx="8219">
                  <c:v>0</c:v>
                </c:pt>
                <c:pt idx="8220">
                  <c:v>0</c:v>
                </c:pt>
                <c:pt idx="8221">
                  <c:v>0</c:v>
                </c:pt>
                <c:pt idx="8222">
                  <c:v>0</c:v>
                </c:pt>
                <c:pt idx="8223">
                  <c:v>0</c:v>
                </c:pt>
                <c:pt idx="8224">
                  <c:v>0</c:v>
                </c:pt>
                <c:pt idx="8225">
                  <c:v>0</c:v>
                </c:pt>
                <c:pt idx="8226">
                  <c:v>0</c:v>
                </c:pt>
                <c:pt idx="8227">
                  <c:v>0</c:v>
                </c:pt>
                <c:pt idx="8228">
                  <c:v>0</c:v>
                </c:pt>
                <c:pt idx="8229">
                  <c:v>0</c:v>
                </c:pt>
                <c:pt idx="8230">
                  <c:v>0</c:v>
                </c:pt>
                <c:pt idx="8231">
                  <c:v>0</c:v>
                </c:pt>
                <c:pt idx="8232">
                  <c:v>0</c:v>
                </c:pt>
                <c:pt idx="8233">
                  <c:v>0</c:v>
                </c:pt>
                <c:pt idx="8234">
                  <c:v>0</c:v>
                </c:pt>
                <c:pt idx="8235">
                  <c:v>0</c:v>
                </c:pt>
                <c:pt idx="8236">
                  <c:v>0</c:v>
                </c:pt>
                <c:pt idx="8237">
                  <c:v>0</c:v>
                </c:pt>
                <c:pt idx="8238">
                  <c:v>0</c:v>
                </c:pt>
                <c:pt idx="8239">
                  <c:v>0</c:v>
                </c:pt>
                <c:pt idx="8240">
                  <c:v>0</c:v>
                </c:pt>
                <c:pt idx="8241">
                  <c:v>0</c:v>
                </c:pt>
                <c:pt idx="8242">
                  <c:v>0</c:v>
                </c:pt>
                <c:pt idx="8243">
                  <c:v>0</c:v>
                </c:pt>
                <c:pt idx="8244">
                  <c:v>0</c:v>
                </c:pt>
                <c:pt idx="8245">
                  <c:v>0</c:v>
                </c:pt>
                <c:pt idx="8246">
                  <c:v>0</c:v>
                </c:pt>
                <c:pt idx="8247">
                  <c:v>0</c:v>
                </c:pt>
                <c:pt idx="8248">
                  <c:v>0</c:v>
                </c:pt>
                <c:pt idx="8249">
                  <c:v>0</c:v>
                </c:pt>
                <c:pt idx="8250">
                  <c:v>0</c:v>
                </c:pt>
                <c:pt idx="8251">
                  <c:v>0</c:v>
                </c:pt>
                <c:pt idx="8252">
                  <c:v>0</c:v>
                </c:pt>
                <c:pt idx="8253">
                  <c:v>0</c:v>
                </c:pt>
                <c:pt idx="8254">
                  <c:v>0</c:v>
                </c:pt>
                <c:pt idx="8255">
                  <c:v>0</c:v>
                </c:pt>
                <c:pt idx="8256">
                  <c:v>0</c:v>
                </c:pt>
                <c:pt idx="8257">
                  <c:v>0</c:v>
                </c:pt>
                <c:pt idx="8258">
                  <c:v>0</c:v>
                </c:pt>
                <c:pt idx="8259">
                  <c:v>0</c:v>
                </c:pt>
                <c:pt idx="8260">
                  <c:v>0</c:v>
                </c:pt>
                <c:pt idx="8261">
                  <c:v>0</c:v>
                </c:pt>
                <c:pt idx="8262">
                  <c:v>0</c:v>
                </c:pt>
                <c:pt idx="8263">
                  <c:v>0</c:v>
                </c:pt>
                <c:pt idx="8264">
                  <c:v>0</c:v>
                </c:pt>
                <c:pt idx="8265">
                  <c:v>0</c:v>
                </c:pt>
                <c:pt idx="8266">
                  <c:v>0</c:v>
                </c:pt>
                <c:pt idx="8267">
                  <c:v>0</c:v>
                </c:pt>
                <c:pt idx="8268">
                  <c:v>0</c:v>
                </c:pt>
                <c:pt idx="8269">
                  <c:v>0</c:v>
                </c:pt>
                <c:pt idx="8270">
                  <c:v>0</c:v>
                </c:pt>
                <c:pt idx="8271">
                  <c:v>0</c:v>
                </c:pt>
                <c:pt idx="8272">
                  <c:v>0</c:v>
                </c:pt>
                <c:pt idx="8273">
                  <c:v>0</c:v>
                </c:pt>
                <c:pt idx="8274">
                  <c:v>0</c:v>
                </c:pt>
                <c:pt idx="8275">
                  <c:v>0</c:v>
                </c:pt>
                <c:pt idx="8276">
                  <c:v>0</c:v>
                </c:pt>
                <c:pt idx="8277">
                  <c:v>0</c:v>
                </c:pt>
                <c:pt idx="8278">
                  <c:v>0</c:v>
                </c:pt>
                <c:pt idx="8279">
                  <c:v>0</c:v>
                </c:pt>
                <c:pt idx="8280">
                  <c:v>0</c:v>
                </c:pt>
                <c:pt idx="8281">
                  <c:v>0</c:v>
                </c:pt>
                <c:pt idx="8282">
                  <c:v>0</c:v>
                </c:pt>
                <c:pt idx="8283">
                  <c:v>0</c:v>
                </c:pt>
                <c:pt idx="8284">
                  <c:v>0</c:v>
                </c:pt>
                <c:pt idx="8285">
                  <c:v>0</c:v>
                </c:pt>
                <c:pt idx="8286">
                  <c:v>0</c:v>
                </c:pt>
                <c:pt idx="8287">
                  <c:v>0</c:v>
                </c:pt>
                <c:pt idx="8288">
                  <c:v>0</c:v>
                </c:pt>
                <c:pt idx="8289">
                  <c:v>0</c:v>
                </c:pt>
                <c:pt idx="8290">
                  <c:v>0</c:v>
                </c:pt>
                <c:pt idx="8291">
                  <c:v>0</c:v>
                </c:pt>
                <c:pt idx="8292">
                  <c:v>0</c:v>
                </c:pt>
                <c:pt idx="8293">
                  <c:v>0</c:v>
                </c:pt>
                <c:pt idx="8294">
                  <c:v>0</c:v>
                </c:pt>
                <c:pt idx="8295">
                  <c:v>0</c:v>
                </c:pt>
                <c:pt idx="8296">
                  <c:v>0</c:v>
                </c:pt>
                <c:pt idx="8297">
                  <c:v>0</c:v>
                </c:pt>
                <c:pt idx="8298">
                  <c:v>0</c:v>
                </c:pt>
                <c:pt idx="8299">
                  <c:v>0</c:v>
                </c:pt>
                <c:pt idx="8300">
                  <c:v>0</c:v>
                </c:pt>
                <c:pt idx="8301">
                  <c:v>0</c:v>
                </c:pt>
                <c:pt idx="8302">
                  <c:v>0</c:v>
                </c:pt>
                <c:pt idx="8303">
                  <c:v>0</c:v>
                </c:pt>
                <c:pt idx="8304">
                  <c:v>0</c:v>
                </c:pt>
                <c:pt idx="8305">
                  <c:v>0</c:v>
                </c:pt>
                <c:pt idx="8306">
                  <c:v>0</c:v>
                </c:pt>
                <c:pt idx="8307">
                  <c:v>0</c:v>
                </c:pt>
                <c:pt idx="8308">
                  <c:v>0</c:v>
                </c:pt>
                <c:pt idx="8309">
                  <c:v>0</c:v>
                </c:pt>
                <c:pt idx="8310">
                  <c:v>0</c:v>
                </c:pt>
                <c:pt idx="8311">
                  <c:v>0</c:v>
                </c:pt>
                <c:pt idx="8312">
                  <c:v>0</c:v>
                </c:pt>
                <c:pt idx="8313">
                  <c:v>0</c:v>
                </c:pt>
                <c:pt idx="8314">
                  <c:v>0</c:v>
                </c:pt>
                <c:pt idx="8315">
                  <c:v>0</c:v>
                </c:pt>
                <c:pt idx="8316">
                  <c:v>0</c:v>
                </c:pt>
                <c:pt idx="8317">
                  <c:v>0</c:v>
                </c:pt>
                <c:pt idx="8318">
                  <c:v>0</c:v>
                </c:pt>
                <c:pt idx="8319">
                  <c:v>0</c:v>
                </c:pt>
                <c:pt idx="8320">
                  <c:v>0</c:v>
                </c:pt>
                <c:pt idx="8321">
                  <c:v>0</c:v>
                </c:pt>
                <c:pt idx="8322">
                  <c:v>0</c:v>
                </c:pt>
                <c:pt idx="8323">
                  <c:v>0</c:v>
                </c:pt>
                <c:pt idx="8324">
                  <c:v>0</c:v>
                </c:pt>
                <c:pt idx="8325">
                  <c:v>0</c:v>
                </c:pt>
                <c:pt idx="8326">
                  <c:v>0</c:v>
                </c:pt>
                <c:pt idx="8327">
                  <c:v>0</c:v>
                </c:pt>
                <c:pt idx="8328">
                  <c:v>0</c:v>
                </c:pt>
                <c:pt idx="8329">
                  <c:v>0</c:v>
                </c:pt>
                <c:pt idx="8330">
                  <c:v>0</c:v>
                </c:pt>
                <c:pt idx="8331">
                  <c:v>0</c:v>
                </c:pt>
                <c:pt idx="8332">
                  <c:v>0</c:v>
                </c:pt>
                <c:pt idx="8333">
                  <c:v>0</c:v>
                </c:pt>
                <c:pt idx="8334">
                  <c:v>0</c:v>
                </c:pt>
                <c:pt idx="8335">
                  <c:v>0</c:v>
                </c:pt>
                <c:pt idx="8336">
                  <c:v>0</c:v>
                </c:pt>
                <c:pt idx="8337">
                  <c:v>0</c:v>
                </c:pt>
                <c:pt idx="8338">
                  <c:v>0</c:v>
                </c:pt>
                <c:pt idx="8339">
                  <c:v>0</c:v>
                </c:pt>
                <c:pt idx="8340">
                  <c:v>0</c:v>
                </c:pt>
                <c:pt idx="8341">
                  <c:v>0</c:v>
                </c:pt>
                <c:pt idx="8342">
                  <c:v>0</c:v>
                </c:pt>
                <c:pt idx="8343">
                  <c:v>0</c:v>
                </c:pt>
                <c:pt idx="8344">
                  <c:v>0</c:v>
                </c:pt>
                <c:pt idx="8345">
                  <c:v>0</c:v>
                </c:pt>
                <c:pt idx="8346">
                  <c:v>0</c:v>
                </c:pt>
                <c:pt idx="8347">
                  <c:v>0</c:v>
                </c:pt>
                <c:pt idx="8348">
                  <c:v>0</c:v>
                </c:pt>
                <c:pt idx="8349">
                  <c:v>0</c:v>
                </c:pt>
                <c:pt idx="8350">
                  <c:v>0</c:v>
                </c:pt>
                <c:pt idx="8351">
                  <c:v>0</c:v>
                </c:pt>
                <c:pt idx="8352">
                  <c:v>0</c:v>
                </c:pt>
                <c:pt idx="8353">
                  <c:v>0</c:v>
                </c:pt>
                <c:pt idx="8354">
                  <c:v>0</c:v>
                </c:pt>
                <c:pt idx="8355">
                  <c:v>0</c:v>
                </c:pt>
                <c:pt idx="8356">
                  <c:v>0</c:v>
                </c:pt>
                <c:pt idx="8357">
                  <c:v>0</c:v>
                </c:pt>
                <c:pt idx="8358">
                  <c:v>0</c:v>
                </c:pt>
                <c:pt idx="8359">
                  <c:v>0</c:v>
                </c:pt>
                <c:pt idx="8360">
                  <c:v>0</c:v>
                </c:pt>
                <c:pt idx="8361">
                  <c:v>0</c:v>
                </c:pt>
                <c:pt idx="8362">
                  <c:v>0</c:v>
                </c:pt>
                <c:pt idx="8363">
                  <c:v>0</c:v>
                </c:pt>
                <c:pt idx="8364">
                  <c:v>0</c:v>
                </c:pt>
                <c:pt idx="8365">
                  <c:v>0</c:v>
                </c:pt>
                <c:pt idx="8366">
                  <c:v>0</c:v>
                </c:pt>
                <c:pt idx="8367">
                  <c:v>0</c:v>
                </c:pt>
                <c:pt idx="8368">
                  <c:v>0</c:v>
                </c:pt>
                <c:pt idx="8369">
                  <c:v>0</c:v>
                </c:pt>
                <c:pt idx="8370">
                  <c:v>0</c:v>
                </c:pt>
                <c:pt idx="8371">
                  <c:v>0</c:v>
                </c:pt>
                <c:pt idx="8372">
                  <c:v>0</c:v>
                </c:pt>
                <c:pt idx="8373">
                  <c:v>0</c:v>
                </c:pt>
                <c:pt idx="8374">
                  <c:v>0</c:v>
                </c:pt>
                <c:pt idx="8375">
                  <c:v>0</c:v>
                </c:pt>
                <c:pt idx="8376">
                  <c:v>0</c:v>
                </c:pt>
                <c:pt idx="8377">
                  <c:v>0</c:v>
                </c:pt>
                <c:pt idx="8378">
                  <c:v>0</c:v>
                </c:pt>
                <c:pt idx="8379">
                  <c:v>0</c:v>
                </c:pt>
                <c:pt idx="8380">
                  <c:v>0</c:v>
                </c:pt>
                <c:pt idx="8381">
                  <c:v>0</c:v>
                </c:pt>
                <c:pt idx="8382">
                  <c:v>0</c:v>
                </c:pt>
                <c:pt idx="8383">
                  <c:v>0</c:v>
                </c:pt>
                <c:pt idx="8384">
                  <c:v>0</c:v>
                </c:pt>
                <c:pt idx="8385">
                  <c:v>0</c:v>
                </c:pt>
                <c:pt idx="8386">
                  <c:v>0</c:v>
                </c:pt>
                <c:pt idx="8387">
                  <c:v>0</c:v>
                </c:pt>
                <c:pt idx="8388">
                  <c:v>0</c:v>
                </c:pt>
                <c:pt idx="8389">
                  <c:v>0</c:v>
                </c:pt>
                <c:pt idx="8390">
                  <c:v>0</c:v>
                </c:pt>
                <c:pt idx="8391">
                  <c:v>0</c:v>
                </c:pt>
                <c:pt idx="8392">
                  <c:v>0</c:v>
                </c:pt>
                <c:pt idx="8393">
                  <c:v>0</c:v>
                </c:pt>
                <c:pt idx="8394">
                  <c:v>0</c:v>
                </c:pt>
                <c:pt idx="8395">
                  <c:v>0</c:v>
                </c:pt>
                <c:pt idx="8396">
                  <c:v>0</c:v>
                </c:pt>
                <c:pt idx="8397">
                  <c:v>0</c:v>
                </c:pt>
                <c:pt idx="8398">
                  <c:v>0</c:v>
                </c:pt>
                <c:pt idx="8399">
                  <c:v>0</c:v>
                </c:pt>
                <c:pt idx="8400">
                  <c:v>0</c:v>
                </c:pt>
                <c:pt idx="8401">
                  <c:v>0</c:v>
                </c:pt>
                <c:pt idx="8402">
                  <c:v>0</c:v>
                </c:pt>
                <c:pt idx="8403">
                  <c:v>0</c:v>
                </c:pt>
                <c:pt idx="8404">
                  <c:v>0</c:v>
                </c:pt>
                <c:pt idx="8405">
                  <c:v>0</c:v>
                </c:pt>
                <c:pt idx="8406">
                  <c:v>0</c:v>
                </c:pt>
                <c:pt idx="8407">
                  <c:v>0</c:v>
                </c:pt>
                <c:pt idx="8408">
                  <c:v>0</c:v>
                </c:pt>
                <c:pt idx="8409">
                  <c:v>0</c:v>
                </c:pt>
                <c:pt idx="8410">
                  <c:v>0</c:v>
                </c:pt>
                <c:pt idx="8411">
                  <c:v>0</c:v>
                </c:pt>
                <c:pt idx="8412">
                  <c:v>0</c:v>
                </c:pt>
                <c:pt idx="8413">
                  <c:v>0</c:v>
                </c:pt>
                <c:pt idx="8414">
                  <c:v>0</c:v>
                </c:pt>
                <c:pt idx="8415">
                  <c:v>0</c:v>
                </c:pt>
                <c:pt idx="8416">
                  <c:v>0</c:v>
                </c:pt>
                <c:pt idx="8417">
                  <c:v>0</c:v>
                </c:pt>
                <c:pt idx="8418">
                  <c:v>0</c:v>
                </c:pt>
                <c:pt idx="8419">
                  <c:v>0</c:v>
                </c:pt>
                <c:pt idx="8420">
                  <c:v>0</c:v>
                </c:pt>
                <c:pt idx="8421">
                  <c:v>0</c:v>
                </c:pt>
                <c:pt idx="8422">
                  <c:v>0</c:v>
                </c:pt>
                <c:pt idx="8423">
                  <c:v>0</c:v>
                </c:pt>
                <c:pt idx="8424">
                  <c:v>0</c:v>
                </c:pt>
                <c:pt idx="8425">
                  <c:v>0</c:v>
                </c:pt>
                <c:pt idx="8426">
                  <c:v>0</c:v>
                </c:pt>
                <c:pt idx="8427">
                  <c:v>0</c:v>
                </c:pt>
                <c:pt idx="8428">
                  <c:v>0</c:v>
                </c:pt>
                <c:pt idx="8429">
                  <c:v>0</c:v>
                </c:pt>
                <c:pt idx="8430">
                  <c:v>0</c:v>
                </c:pt>
                <c:pt idx="8431">
                  <c:v>0</c:v>
                </c:pt>
                <c:pt idx="8432">
                  <c:v>0</c:v>
                </c:pt>
                <c:pt idx="8433">
                  <c:v>0</c:v>
                </c:pt>
                <c:pt idx="8434">
                  <c:v>0</c:v>
                </c:pt>
                <c:pt idx="8435">
                  <c:v>0</c:v>
                </c:pt>
                <c:pt idx="8436">
                  <c:v>0</c:v>
                </c:pt>
                <c:pt idx="8437">
                  <c:v>0</c:v>
                </c:pt>
                <c:pt idx="8438">
                  <c:v>0</c:v>
                </c:pt>
                <c:pt idx="8439">
                  <c:v>0</c:v>
                </c:pt>
                <c:pt idx="8440">
                  <c:v>0</c:v>
                </c:pt>
                <c:pt idx="8441">
                  <c:v>0</c:v>
                </c:pt>
                <c:pt idx="8442">
                  <c:v>0</c:v>
                </c:pt>
                <c:pt idx="8443">
                  <c:v>0</c:v>
                </c:pt>
                <c:pt idx="8444">
                  <c:v>0</c:v>
                </c:pt>
                <c:pt idx="8445">
                  <c:v>0</c:v>
                </c:pt>
                <c:pt idx="8446">
                  <c:v>0</c:v>
                </c:pt>
                <c:pt idx="8447">
                  <c:v>0</c:v>
                </c:pt>
                <c:pt idx="8448">
                  <c:v>0</c:v>
                </c:pt>
                <c:pt idx="8449">
                  <c:v>0</c:v>
                </c:pt>
                <c:pt idx="8450">
                  <c:v>0</c:v>
                </c:pt>
                <c:pt idx="8451">
                  <c:v>0</c:v>
                </c:pt>
                <c:pt idx="8452">
                  <c:v>0</c:v>
                </c:pt>
                <c:pt idx="8453">
                  <c:v>0</c:v>
                </c:pt>
                <c:pt idx="8454">
                  <c:v>0</c:v>
                </c:pt>
                <c:pt idx="8455">
                  <c:v>0</c:v>
                </c:pt>
                <c:pt idx="8456">
                  <c:v>0</c:v>
                </c:pt>
                <c:pt idx="8457">
                  <c:v>0</c:v>
                </c:pt>
                <c:pt idx="8458">
                  <c:v>0</c:v>
                </c:pt>
                <c:pt idx="8459">
                  <c:v>0</c:v>
                </c:pt>
                <c:pt idx="8460">
                  <c:v>0</c:v>
                </c:pt>
                <c:pt idx="8461">
                  <c:v>0</c:v>
                </c:pt>
                <c:pt idx="8462">
                  <c:v>0</c:v>
                </c:pt>
                <c:pt idx="8463">
                  <c:v>0</c:v>
                </c:pt>
                <c:pt idx="8464">
                  <c:v>0</c:v>
                </c:pt>
                <c:pt idx="8465">
                  <c:v>0</c:v>
                </c:pt>
                <c:pt idx="8466">
                  <c:v>0</c:v>
                </c:pt>
                <c:pt idx="8467">
                  <c:v>0</c:v>
                </c:pt>
                <c:pt idx="8468">
                  <c:v>0</c:v>
                </c:pt>
                <c:pt idx="8469">
                  <c:v>0</c:v>
                </c:pt>
                <c:pt idx="8470">
                  <c:v>0</c:v>
                </c:pt>
                <c:pt idx="8471">
                  <c:v>0</c:v>
                </c:pt>
                <c:pt idx="8472">
                  <c:v>0</c:v>
                </c:pt>
                <c:pt idx="8473">
                  <c:v>0</c:v>
                </c:pt>
                <c:pt idx="8474">
                  <c:v>0</c:v>
                </c:pt>
                <c:pt idx="8475">
                  <c:v>0</c:v>
                </c:pt>
                <c:pt idx="8476">
                  <c:v>0</c:v>
                </c:pt>
                <c:pt idx="8477">
                  <c:v>0</c:v>
                </c:pt>
                <c:pt idx="8478">
                  <c:v>0</c:v>
                </c:pt>
                <c:pt idx="8479">
                  <c:v>0</c:v>
                </c:pt>
                <c:pt idx="8480">
                  <c:v>0</c:v>
                </c:pt>
                <c:pt idx="8481">
                  <c:v>0</c:v>
                </c:pt>
                <c:pt idx="8482">
                  <c:v>0</c:v>
                </c:pt>
                <c:pt idx="8483">
                  <c:v>0</c:v>
                </c:pt>
                <c:pt idx="8484">
                  <c:v>0</c:v>
                </c:pt>
                <c:pt idx="8485">
                  <c:v>0</c:v>
                </c:pt>
                <c:pt idx="8486">
                  <c:v>0</c:v>
                </c:pt>
                <c:pt idx="8487">
                  <c:v>0</c:v>
                </c:pt>
                <c:pt idx="8488">
                  <c:v>0</c:v>
                </c:pt>
                <c:pt idx="8489">
                  <c:v>0</c:v>
                </c:pt>
                <c:pt idx="8490">
                  <c:v>0</c:v>
                </c:pt>
                <c:pt idx="8491">
                  <c:v>0</c:v>
                </c:pt>
                <c:pt idx="8492">
                  <c:v>0</c:v>
                </c:pt>
                <c:pt idx="8493">
                  <c:v>0</c:v>
                </c:pt>
                <c:pt idx="8494">
                  <c:v>0</c:v>
                </c:pt>
                <c:pt idx="8495">
                  <c:v>0</c:v>
                </c:pt>
                <c:pt idx="8496">
                  <c:v>0</c:v>
                </c:pt>
                <c:pt idx="8497">
                  <c:v>0</c:v>
                </c:pt>
                <c:pt idx="8498">
                  <c:v>0</c:v>
                </c:pt>
                <c:pt idx="8499">
                  <c:v>0</c:v>
                </c:pt>
                <c:pt idx="8500">
                  <c:v>0</c:v>
                </c:pt>
                <c:pt idx="8501">
                  <c:v>0</c:v>
                </c:pt>
                <c:pt idx="8502">
                  <c:v>0</c:v>
                </c:pt>
                <c:pt idx="8503">
                  <c:v>0</c:v>
                </c:pt>
                <c:pt idx="8504">
                  <c:v>0</c:v>
                </c:pt>
                <c:pt idx="8505">
                  <c:v>0</c:v>
                </c:pt>
                <c:pt idx="8506">
                  <c:v>0</c:v>
                </c:pt>
                <c:pt idx="8507">
                  <c:v>0</c:v>
                </c:pt>
                <c:pt idx="8508">
                  <c:v>0</c:v>
                </c:pt>
                <c:pt idx="8509">
                  <c:v>0</c:v>
                </c:pt>
                <c:pt idx="8510">
                  <c:v>0</c:v>
                </c:pt>
                <c:pt idx="8511">
                  <c:v>0</c:v>
                </c:pt>
                <c:pt idx="8512">
                  <c:v>0</c:v>
                </c:pt>
                <c:pt idx="8513">
                  <c:v>0</c:v>
                </c:pt>
                <c:pt idx="8514">
                  <c:v>0</c:v>
                </c:pt>
                <c:pt idx="8515">
                  <c:v>0</c:v>
                </c:pt>
                <c:pt idx="8516">
                  <c:v>0</c:v>
                </c:pt>
                <c:pt idx="8517">
                  <c:v>0</c:v>
                </c:pt>
                <c:pt idx="8518">
                  <c:v>0</c:v>
                </c:pt>
                <c:pt idx="8519">
                  <c:v>0</c:v>
                </c:pt>
                <c:pt idx="8520">
                  <c:v>0</c:v>
                </c:pt>
                <c:pt idx="8521">
                  <c:v>0</c:v>
                </c:pt>
                <c:pt idx="8522">
                  <c:v>0</c:v>
                </c:pt>
                <c:pt idx="8523">
                  <c:v>0</c:v>
                </c:pt>
                <c:pt idx="8524">
                  <c:v>0</c:v>
                </c:pt>
                <c:pt idx="8525">
                  <c:v>0</c:v>
                </c:pt>
                <c:pt idx="8526">
                  <c:v>0</c:v>
                </c:pt>
                <c:pt idx="8527">
                  <c:v>0</c:v>
                </c:pt>
                <c:pt idx="8528">
                  <c:v>0</c:v>
                </c:pt>
                <c:pt idx="8529">
                  <c:v>0</c:v>
                </c:pt>
                <c:pt idx="8530">
                  <c:v>0</c:v>
                </c:pt>
                <c:pt idx="8531">
                  <c:v>0</c:v>
                </c:pt>
                <c:pt idx="8532">
                  <c:v>0</c:v>
                </c:pt>
                <c:pt idx="8533">
                  <c:v>0</c:v>
                </c:pt>
                <c:pt idx="8534">
                  <c:v>0</c:v>
                </c:pt>
                <c:pt idx="8535">
                  <c:v>0</c:v>
                </c:pt>
                <c:pt idx="8536">
                  <c:v>0</c:v>
                </c:pt>
                <c:pt idx="8537">
                  <c:v>0</c:v>
                </c:pt>
                <c:pt idx="8538">
                  <c:v>0</c:v>
                </c:pt>
                <c:pt idx="8539">
                  <c:v>0</c:v>
                </c:pt>
                <c:pt idx="8540">
                  <c:v>0</c:v>
                </c:pt>
                <c:pt idx="8541">
                  <c:v>0</c:v>
                </c:pt>
                <c:pt idx="8542">
                  <c:v>0</c:v>
                </c:pt>
                <c:pt idx="8543">
                  <c:v>0</c:v>
                </c:pt>
                <c:pt idx="8544">
                  <c:v>0</c:v>
                </c:pt>
                <c:pt idx="8545">
                  <c:v>0</c:v>
                </c:pt>
                <c:pt idx="8546">
                  <c:v>0</c:v>
                </c:pt>
                <c:pt idx="8547">
                  <c:v>0</c:v>
                </c:pt>
                <c:pt idx="8548">
                  <c:v>0</c:v>
                </c:pt>
                <c:pt idx="8549">
                  <c:v>0</c:v>
                </c:pt>
                <c:pt idx="8550">
                  <c:v>0</c:v>
                </c:pt>
                <c:pt idx="8551">
                  <c:v>0</c:v>
                </c:pt>
                <c:pt idx="8552">
                  <c:v>0</c:v>
                </c:pt>
                <c:pt idx="8553">
                  <c:v>0</c:v>
                </c:pt>
                <c:pt idx="8554">
                  <c:v>0</c:v>
                </c:pt>
                <c:pt idx="8555">
                  <c:v>0</c:v>
                </c:pt>
                <c:pt idx="8556">
                  <c:v>0</c:v>
                </c:pt>
                <c:pt idx="8557">
                  <c:v>0</c:v>
                </c:pt>
                <c:pt idx="8558">
                  <c:v>0</c:v>
                </c:pt>
                <c:pt idx="8559">
                  <c:v>0</c:v>
                </c:pt>
                <c:pt idx="8560">
                  <c:v>0</c:v>
                </c:pt>
                <c:pt idx="8561">
                  <c:v>0</c:v>
                </c:pt>
                <c:pt idx="8562">
                  <c:v>0</c:v>
                </c:pt>
                <c:pt idx="8563">
                  <c:v>0</c:v>
                </c:pt>
                <c:pt idx="8564">
                  <c:v>0</c:v>
                </c:pt>
                <c:pt idx="8565">
                  <c:v>0</c:v>
                </c:pt>
                <c:pt idx="8566">
                  <c:v>0</c:v>
                </c:pt>
                <c:pt idx="8567">
                  <c:v>0</c:v>
                </c:pt>
                <c:pt idx="8568">
                  <c:v>0</c:v>
                </c:pt>
                <c:pt idx="8569">
                  <c:v>0</c:v>
                </c:pt>
                <c:pt idx="8570">
                  <c:v>0</c:v>
                </c:pt>
                <c:pt idx="8571">
                  <c:v>0</c:v>
                </c:pt>
                <c:pt idx="8572">
                  <c:v>0</c:v>
                </c:pt>
                <c:pt idx="8573">
                  <c:v>0</c:v>
                </c:pt>
                <c:pt idx="8574">
                  <c:v>0</c:v>
                </c:pt>
                <c:pt idx="8575">
                  <c:v>0</c:v>
                </c:pt>
                <c:pt idx="8576">
                  <c:v>0</c:v>
                </c:pt>
                <c:pt idx="8577">
                  <c:v>0</c:v>
                </c:pt>
                <c:pt idx="8578">
                  <c:v>0</c:v>
                </c:pt>
                <c:pt idx="8579">
                  <c:v>0</c:v>
                </c:pt>
                <c:pt idx="8580">
                  <c:v>0</c:v>
                </c:pt>
                <c:pt idx="8581">
                  <c:v>0</c:v>
                </c:pt>
                <c:pt idx="8582">
                  <c:v>0</c:v>
                </c:pt>
                <c:pt idx="8583">
                  <c:v>0</c:v>
                </c:pt>
                <c:pt idx="8584">
                  <c:v>0</c:v>
                </c:pt>
                <c:pt idx="8585">
                  <c:v>0</c:v>
                </c:pt>
                <c:pt idx="8586">
                  <c:v>0</c:v>
                </c:pt>
                <c:pt idx="8587">
                  <c:v>0</c:v>
                </c:pt>
                <c:pt idx="8588">
                  <c:v>0</c:v>
                </c:pt>
                <c:pt idx="8589">
                  <c:v>0</c:v>
                </c:pt>
                <c:pt idx="8590">
                  <c:v>0</c:v>
                </c:pt>
                <c:pt idx="8591">
                  <c:v>0</c:v>
                </c:pt>
                <c:pt idx="8592">
                  <c:v>0</c:v>
                </c:pt>
                <c:pt idx="8593">
                  <c:v>0</c:v>
                </c:pt>
                <c:pt idx="8594">
                  <c:v>0</c:v>
                </c:pt>
                <c:pt idx="8595">
                  <c:v>0</c:v>
                </c:pt>
                <c:pt idx="8596">
                  <c:v>0</c:v>
                </c:pt>
                <c:pt idx="8597">
                  <c:v>0</c:v>
                </c:pt>
                <c:pt idx="8598">
                  <c:v>0</c:v>
                </c:pt>
                <c:pt idx="8599">
                  <c:v>0</c:v>
                </c:pt>
                <c:pt idx="8600">
                  <c:v>0</c:v>
                </c:pt>
                <c:pt idx="8601">
                  <c:v>0</c:v>
                </c:pt>
                <c:pt idx="8602">
                  <c:v>0</c:v>
                </c:pt>
                <c:pt idx="8603">
                  <c:v>0</c:v>
                </c:pt>
                <c:pt idx="8604">
                  <c:v>0</c:v>
                </c:pt>
                <c:pt idx="8605">
                  <c:v>0</c:v>
                </c:pt>
                <c:pt idx="8606">
                  <c:v>0</c:v>
                </c:pt>
                <c:pt idx="8607">
                  <c:v>0</c:v>
                </c:pt>
                <c:pt idx="8608">
                  <c:v>0</c:v>
                </c:pt>
                <c:pt idx="8609">
                  <c:v>0</c:v>
                </c:pt>
                <c:pt idx="8610">
                  <c:v>0</c:v>
                </c:pt>
                <c:pt idx="8611">
                  <c:v>0</c:v>
                </c:pt>
                <c:pt idx="8612">
                  <c:v>0</c:v>
                </c:pt>
                <c:pt idx="8613">
                  <c:v>0</c:v>
                </c:pt>
                <c:pt idx="8614">
                  <c:v>0</c:v>
                </c:pt>
                <c:pt idx="8615">
                  <c:v>0</c:v>
                </c:pt>
                <c:pt idx="8616">
                  <c:v>0</c:v>
                </c:pt>
                <c:pt idx="8617">
                  <c:v>0</c:v>
                </c:pt>
                <c:pt idx="8618">
                  <c:v>0</c:v>
                </c:pt>
                <c:pt idx="8619">
                  <c:v>0</c:v>
                </c:pt>
                <c:pt idx="8620">
                  <c:v>0</c:v>
                </c:pt>
                <c:pt idx="8621">
                  <c:v>0</c:v>
                </c:pt>
                <c:pt idx="8622">
                  <c:v>0</c:v>
                </c:pt>
                <c:pt idx="8623">
                  <c:v>0</c:v>
                </c:pt>
                <c:pt idx="8624">
                  <c:v>0</c:v>
                </c:pt>
                <c:pt idx="8625">
                  <c:v>0</c:v>
                </c:pt>
                <c:pt idx="8626">
                  <c:v>0</c:v>
                </c:pt>
                <c:pt idx="8627">
                  <c:v>0</c:v>
                </c:pt>
                <c:pt idx="8628">
                  <c:v>0</c:v>
                </c:pt>
                <c:pt idx="8629">
                  <c:v>0</c:v>
                </c:pt>
                <c:pt idx="8630">
                  <c:v>0</c:v>
                </c:pt>
                <c:pt idx="8631">
                  <c:v>0</c:v>
                </c:pt>
                <c:pt idx="8632">
                  <c:v>0</c:v>
                </c:pt>
                <c:pt idx="8633">
                  <c:v>0</c:v>
                </c:pt>
                <c:pt idx="8634">
                  <c:v>0</c:v>
                </c:pt>
                <c:pt idx="8635">
                  <c:v>0</c:v>
                </c:pt>
                <c:pt idx="8636">
                  <c:v>0</c:v>
                </c:pt>
                <c:pt idx="8637">
                  <c:v>0</c:v>
                </c:pt>
                <c:pt idx="8638">
                  <c:v>0</c:v>
                </c:pt>
                <c:pt idx="8639">
                  <c:v>0</c:v>
                </c:pt>
                <c:pt idx="8640">
                  <c:v>0</c:v>
                </c:pt>
                <c:pt idx="8641">
                  <c:v>0</c:v>
                </c:pt>
                <c:pt idx="8642">
                  <c:v>0</c:v>
                </c:pt>
                <c:pt idx="8643">
                  <c:v>0</c:v>
                </c:pt>
                <c:pt idx="8644">
                  <c:v>0</c:v>
                </c:pt>
                <c:pt idx="8645">
                  <c:v>0</c:v>
                </c:pt>
                <c:pt idx="8646">
                  <c:v>0</c:v>
                </c:pt>
                <c:pt idx="8647">
                  <c:v>0</c:v>
                </c:pt>
                <c:pt idx="8648">
                  <c:v>0</c:v>
                </c:pt>
                <c:pt idx="8649">
                  <c:v>0</c:v>
                </c:pt>
                <c:pt idx="8650">
                  <c:v>0</c:v>
                </c:pt>
                <c:pt idx="8651">
                  <c:v>0</c:v>
                </c:pt>
                <c:pt idx="8652">
                  <c:v>0</c:v>
                </c:pt>
                <c:pt idx="8653">
                  <c:v>0</c:v>
                </c:pt>
                <c:pt idx="8654">
                  <c:v>0</c:v>
                </c:pt>
                <c:pt idx="8655">
                  <c:v>0</c:v>
                </c:pt>
                <c:pt idx="8656">
                  <c:v>0</c:v>
                </c:pt>
                <c:pt idx="8657">
                  <c:v>0</c:v>
                </c:pt>
                <c:pt idx="8658">
                  <c:v>0</c:v>
                </c:pt>
                <c:pt idx="8659">
                  <c:v>0</c:v>
                </c:pt>
                <c:pt idx="8660">
                  <c:v>0</c:v>
                </c:pt>
                <c:pt idx="8661">
                  <c:v>0</c:v>
                </c:pt>
                <c:pt idx="8662">
                  <c:v>0</c:v>
                </c:pt>
                <c:pt idx="8663">
                  <c:v>0</c:v>
                </c:pt>
                <c:pt idx="8664">
                  <c:v>0</c:v>
                </c:pt>
                <c:pt idx="8665">
                  <c:v>0</c:v>
                </c:pt>
                <c:pt idx="8666">
                  <c:v>0</c:v>
                </c:pt>
                <c:pt idx="8667">
                  <c:v>0</c:v>
                </c:pt>
                <c:pt idx="8668">
                  <c:v>0</c:v>
                </c:pt>
                <c:pt idx="8669">
                  <c:v>0</c:v>
                </c:pt>
                <c:pt idx="8670">
                  <c:v>0</c:v>
                </c:pt>
                <c:pt idx="8671">
                  <c:v>0</c:v>
                </c:pt>
                <c:pt idx="8672">
                  <c:v>0</c:v>
                </c:pt>
                <c:pt idx="8673">
                  <c:v>0</c:v>
                </c:pt>
                <c:pt idx="8674">
                  <c:v>0</c:v>
                </c:pt>
                <c:pt idx="8675">
                  <c:v>0</c:v>
                </c:pt>
                <c:pt idx="8676">
                  <c:v>0</c:v>
                </c:pt>
                <c:pt idx="8677">
                  <c:v>0</c:v>
                </c:pt>
                <c:pt idx="8678">
                  <c:v>0</c:v>
                </c:pt>
                <c:pt idx="8679">
                  <c:v>0</c:v>
                </c:pt>
                <c:pt idx="8680">
                  <c:v>0</c:v>
                </c:pt>
                <c:pt idx="8681">
                  <c:v>0</c:v>
                </c:pt>
                <c:pt idx="8682">
                  <c:v>0</c:v>
                </c:pt>
                <c:pt idx="8683">
                  <c:v>0</c:v>
                </c:pt>
                <c:pt idx="8684">
                  <c:v>0</c:v>
                </c:pt>
                <c:pt idx="8685">
                  <c:v>0</c:v>
                </c:pt>
                <c:pt idx="8686">
                  <c:v>0</c:v>
                </c:pt>
                <c:pt idx="8687">
                  <c:v>0</c:v>
                </c:pt>
                <c:pt idx="8688">
                  <c:v>0</c:v>
                </c:pt>
                <c:pt idx="8689">
                  <c:v>0</c:v>
                </c:pt>
                <c:pt idx="8690">
                  <c:v>0</c:v>
                </c:pt>
                <c:pt idx="8691">
                  <c:v>0</c:v>
                </c:pt>
                <c:pt idx="8692">
                  <c:v>0</c:v>
                </c:pt>
                <c:pt idx="8693">
                  <c:v>0</c:v>
                </c:pt>
                <c:pt idx="8694">
                  <c:v>0</c:v>
                </c:pt>
                <c:pt idx="8695">
                  <c:v>0</c:v>
                </c:pt>
                <c:pt idx="8696">
                  <c:v>0</c:v>
                </c:pt>
                <c:pt idx="8697">
                  <c:v>0</c:v>
                </c:pt>
                <c:pt idx="8698">
                  <c:v>0</c:v>
                </c:pt>
                <c:pt idx="8699">
                  <c:v>0</c:v>
                </c:pt>
                <c:pt idx="8700">
                  <c:v>0</c:v>
                </c:pt>
                <c:pt idx="8701">
                  <c:v>0</c:v>
                </c:pt>
                <c:pt idx="8702">
                  <c:v>0</c:v>
                </c:pt>
                <c:pt idx="8703">
                  <c:v>0</c:v>
                </c:pt>
                <c:pt idx="8704">
                  <c:v>0</c:v>
                </c:pt>
                <c:pt idx="8705">
                  <c:v>0</c:v>
                </c:pt>
                <c:pt idx="8706">
                  <c:v>0</c:v>
                </c:pt>
                <c:pt idx="8707">
                  <c:v>0</c:v>
                </c:pt>
                <c:pt idx="8708">
                  <c:v>0</c:v>
                </c:pt>
                <c:pt idx="8709">
                  <c:v>0</c:v>
                </c:pt>
                <c:pt idx="8710">
                  <c:v>0</c:v>
                </c:pt>
                <c:pt idx="8711">
                  <c:v>0</c:v>
                </c:pt>
                <c:pt idx="8712">
                  <c:v>0</c:v>
                </c:pt>
                <c:pt idx="8713">
                  <c:v>0</c:v>
                </c:pt>
                <c:pt idx="8714">
                  <c:v>0</c:v>
                </c:pt>
                <c:pt idx="8715">
                  <c:v>0</c:v>
                </c:pt>
                <c:pt idx="8716">
                  <c:v>0</c:v>
                </c:pt>
                <c:pt idx="8717">
                  <c:v>0</c:v>
                </c:pt>
                <c:pt idx="8718">
                  <c:v>0</c:v>
                </c:pt>
                <c:pt idx="8719">
                  <c:v>0</c:v>
                </c:pt>
                <c:pt idx="8720">
                  <c:v>0</c:v>
                </c:pt>
                <c:pt idx="8721">
                  <c:v>0</c:v>
                </c:pt>
                <c:pt idx="8722">
                  <c:v>0</c:v>
                </c:pt>
                <c:pt idx="8723">
                  <c:v>0</c:v>
                </c:pt>
                <c:pt idx="8724">
                  <c:v>0</c:v>
                </c:pt>
                <c:pt idx="8725">
                  <c:v>0</c:v>
                </c:pt>
                <c:pt idx="8726">
                  <c:v>0</c:v>
                </c:pt>
                <c:pt idx="8727">
                  <c:v>0</c:v>
                </c:pt>
                <c:pt idx="8728">
                  <c:v>0</c:v>
                </c:pt>
                <c:pt idx="8729">
                  <c:v>0</c:v>
                </c:pt>
                <c:pt idx="8730">
                  <c:v>0</c:v>
                </c:pt>
                <c:pt idx="8731">
                  <c:v>0</c:v>
                </c:pt>
                <c:pt idx="8732">
                  <c:v>0</c:v>
                </c:pt>
                <c:pt idx="8733">
                  <c:v>0</c:v>
                </c:pt>
                <c:pt idx="8734">
                  <c:v>0</c:v>
                </c:pt>
                <c:pt idx="8735">
                  <c:v>0</c:v>
                </c:pt>
                <c:pt idx="8736">
                  <c:v>0</c:v>
                </c:pt>
                <c:pt idx="8737">
                  <c:v>0</c:v>
                </c:pt>
                <c:pt idx="8738">
                  <c:v>0</c:v>
                </c:pt>
                <c:pt idx="8739">
                  <c:v>0</c:v>
                </c:pt>
                <c:pt idx="8740">
                  <c:v>0</c:v>
                </c:pt>
                <c:pt idx="8741">
                  <c:v>0</c:v>
                </c:pt>
                <c:pt idx="8742">
                  <c:v>0</c:v>
                </c:pt>
                <c:pt idx="8743">
                  <c:v>0</c:v>
                </c:pt>
                <c:pt idx="8744">
                  <c:v>0</c:v>
                </c:pt>
                <c:pt idx="8745">
                  <c:v>0</c:v>
                </c:pt>
                <c:pt idx="8746">
                  <c:v>0</c:v>
                </c:pt>
                <c:pt idx="8747">
                  <c:v>0</c:v>
                </c:pt>
                <c:pt idx="8748">
                  <c:v>0</c:v>
                </c:pt>
                <c:pt idx="8749">
                  <c:v>0</c:v>
                </c:pt>
                <c:pt idx="8750">
                  <c:v>0</c:v>
                </c:pt>
                <c:pt idx="8751">
                  <c:v>0</c:v>
                </c:pt>
                <c:pt idx="8752">
                  <c:v>0</c:v>
                </c:pt>
                <c:pt idx="8753">
                  <c:v>0</c:v>
                </c:pt>
                <c:pt idx="8754">
                  <c:v>0</c:v>
                </c:pt>
                <c:pt idx="8755">
                  <c:v>0</c:v>
                </c:pt>
                <c:pt idx="8756">
                  <c:v>0</c:v>
                </c:pt>
                <c:pt idx="8757">
                  <c:v>0</c:v>
                </c:pt>
                <c:pt idx="8758">
                  <c:v>0</c:v>
                </c:pt>
                <c:pt idx="8759">
                  <c:v>0</c:v>
                </c:pt>
              </c:numCache>
            </c:numRef>
          </c:val>
          <c:extLst>
            <c:ext xmlns:c16="http://schemas.microsoft.com/office/drawing/2014/chart" uri="{C3380CC4-5D6E-409C-BE32-E72D297353CC}">
              <c16:uniqueId val="{00000002-2C0B-4701-B4D5-C67566BB76AF}"/>
            </c:ext>
          </c:extLst>
        </c:ser>
        <c:ser>
          <c:idx val="4"/>
          <c:order val="3"/>
          <c:tx>
            <c:strRef>
              <c:f>Output!$Q$7</c:f>
              <c:strCache>
                <c:ptCount val="1"/>
                <c:pt idx="0">
                  <c:v>T4</c:v>
                </c:pt>
              </c:strCache>
            </c:strRef>
          </c:tx>
          <c:spPr>
            <a:solidFill>
              <a:schemeClr val="accent5"/>
            </a:solidFill>
            <a:ln w="25400">
              <a:noFill/>
            </a:ln>
            <a:effectLst/>
          </c:spPr>
          <c:val>
            <c:numRef>
              <c:f>Output!$Q$8:$Q$8767</c:f>
              <c:numCache>
                <c:formatCode>_(* #,##0.00_);_(* \(#,##0.00\);_(* "-"??_);_(@_)</c:formatCode>
                <c:ptCount val="8760"/>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pt idx="365">
                  <c:v>0</c:v>
                </c:pt>
                <c:pt idx="366">
                  <c:v>0</c:v>
                </c:pt>
                <c:pt idx="367">
                  <c:v>0</c:v>
                </c:pt>
                <c:pt idx="368">
                  <c:v>0</c:v>
                </c:pt>
                <c:pt idx="369">
                  <c:v>0</c:v>
                </c:pt>
                <c:pt idx="370">
                  <c:v>0</c:v>
                </c:pt>
                <c:pt idx="371">
                  <c:v>0</c:v>
                </c:pt>
                <c:pt idx="372">
                  <c:v>0</c:v>
                </c:pt>
                <c:pt idx="373">
                  <c:v>0</c:v>
                </c:pt>
                <c:pt idx="374">
                  <c:v>0</c:v>
                </c:pt>
                <c:pt idx="375">
                  <c:v>0</c:v>
                </c:pt>
                <c:pt idx="376">
                  <c:v>0</c:v>
                </c:pt>
                <c:pt idx="377">
                  <c:v>0</c:v>
                </c:pt>
                <c:pt idx="378">
                  <c:v>0</c:v>
                </c:pt>
                <c:pt idx="379">
                  <c:v>0</c:v>
                </c:pt>
                <c:pt idx="380">
                  <c:v>0</c:v>
                </c:pt>
                <c:pt idx="381">
                  <c:v>0</c:v>
                </c:pt>
                <c:pt idx="382">
                  <c:v>0</c:v>
                </c:pt>
                <c:pt idx="383">
                  <c:v>0</c:v>
                </c:pt>
                <c:pt idx="384">
                  <c:v>0</c:v>
                </c:pt>
                <c:pt idx="385">
                  <c:v>0</c:v>
                </c:pt>
                <c:pt idx="386">
                  <c:v>0</c:v>
                </c:pt>
                <c:pt idx="387">
                  <c:v>0</c:v>
                </c:pt>
                <c:pt idx="388">
                  <c:v>0</c:v>
                </c:pt>
                <c:pt idx="389">
                  <c:v>0</c:v>
                </c:pt>
                <c:pt idx="390">
                  <c:v>0</c:v>
                </c:pt>
                <c:pt idx="391">
                  <c:v>0</c:v>
                </c:pt>
                <c:pt idx="392">
                  <c:v>0</c:v>
                </c:pt>
                <c:pt idx="393">
                  <c:v>0</c:v>
                </c:pt>
                <c:pt idx="394">
                  <c:v>0</c:v>
                </c:pt>
                <c:pt idx="395">
                  <c:v>0</c:v>
                </c:pt>
                <c:pt idx="396">
                  <c:v>0</c:v>
                </c:pt>
                <c:pt idx="397">
                  <c:v>0</c:v>
                </c:pt>
                <c:pt idx="398">
                  <c:v>0</c:v>
                </c:pt>
                <c:pt idx="399">
                  <c:v>0</c:v>
                </c:pt>
                <c:pt idx="400">
                  <c:v>0</c:v>
                </c:pt>
                <c:pt idx="401">
                  <c:v>0</c:v>
                </c:pt>
                <c:pt idx="402">
                  <c:v>0</c:v>
                </c:pt>
                <c:pt idx="403">
                  <c:v>0</c:v>
                </c:pt>
                <c:pt idx="404">
                  <c:v>0</c:v>
                </c:pt>
                <c:pt idx="405">
                  <c:v>0</c:v>
                </c:pt>
                <c:pt idx="406">
                  <c:v>0</c:v>
                </c:pt>
                <c:pt idx="407">
                  <c:v>0</c:v>
                </c:pt>
                <c:pt idx="408">
                  <c:v>0</c:v>
                </c:pt>
                <c:pt idx="409">
                  <c:v>0</c:v>
                </c:pt>
                <c:pt idx="410">
                  <c:v>0</c:v>
                </c:pt>
                <c:pt idx="411">
                  <c:v>0</c:v>
                </c:pt>
                <c:pt idx="412">
                  <c:v>0</c:v>
                </c:pt>
                <c:pt idx="413">
                  <c:v>0</c:v>
                </c:pt>
                <c:pt idx="414">
                  <c:v>0</c:v>
                </c:pt>
                <c:pt idx="415">
                  <c:v>0</c:v>
                </c:pt>
                <c:pt idx="416">
                  <c:v>0</c:v>
                </c:pt>
                <c:pt idx="417">
                  <c:v>0</c:v>
                </c:pt>
                <c:pt idx="418">
                  <c:v>0</c:v>
                </c:pt>
                <c:pt idx="419">
                  <c:v>0</c:v>
                </c:pt>
                <c:pt idx="420">
                  <c:v>0</c:v>
                </c:pt>
                <c:pt idx="421">
                  <c:v>0</c:v>
                </c:pt>
                <c:pt idx="422">
                  <c:v>0</c:v>
                </c:pt>
                <c:pt idx="423">
                  <c:v>0</c:v>
                </c:pt>
                <c:pt idx="424">
                  <c:v>0</c:v>
                </c:pt>
                <c:pt idx="425">
                  <c:v>0</c:v>
                </c:pt>
                <c:pt idx="426">
                  <c:v>0</c:v>
                </c:pt>
                <c:pt idx="427">
                  <c:v>0</c:v>
                </c:pt>
                <c:pt idx="428">
                  <c:v>0</c:v>
                </c:pt>
                <c:pt idx="429">
                  <c:v>0</c:v>
                </c:pt>
                <c:pt idx="430">
                  <c:v>0</c:v>
                </c:pt>
                <c:pt idx="431">
                  <c:v>0</c:v>
                </c:pt>
                <c:pt idx="432">
                  <c:v>0</c:v>
                </c:pt>
                <c:pt idx="433">
                  <c:v>0</c:v>
                </c:pt>
                <c:pt idx="434">
                  <c:v>0</c:v>
                </c:pt>
                <c:pt idx="435">
                  <c:v>0</c:v>
                </c:pt>
                <c:pt idx="436">
                  <c:v>0</c:v>
                </c:pt>
                <c:pt idx="437">
                  <c:v>0</c:v>
                </c:pt>
                <c:pt idx="438">
                  <c:v>0</c:v>
                </c:pt>
                <c:pt idx="439">
                  <c:v>0</c:v>
                </c:pt>
                <c:pt idx="440">
                  <c:v>0</c:v>
                </c:pt>
                <c:pt idx="441">
                  <c:v>0</c:v>
                </c:pt>
                <c:pt idx="442">
                  <c:v>0</c:v>
                </c:pt>
                <c:pt idx="443">
                  <c:v>0</c:v>
                </c:pt>
                <c:pt idx="444">
                  <c:v>0</c:v>
                </c:pt>
                <c:pt idx="445">
                  <c:v>0</c:v>
                </c:pt>
                <c:pt idx="446">
                  <c:v>0</c:v>
                </c:pt>
                <c:pt idx="447">
                  <c:v>0</c:v>
                </c:pt>
                <c:pt idx="448">
                  <c:v>0</c:v>
                </c:pt>
                <c:pt idx="449">
                  <c:v>0</c:v>
                </c:pt>
                <c:pt idx="450">
                  <c:v>0</c:v>
                </c:pt>
                <c:pt idx="451">
                  <c:v>0</c:v>
                </c:pt>
                <c:pt idx="452">
                  <c:v>0</c:v>
                </c:pt>
                <c:pt idx="453">
                  <c:v>0</c:v>
                </c:pt>
                <c:pt idx="454">
                  <c:v>0</c:v>
                </c:pt>
                <c:pt idx="455">
                  <c:v>0</c:v>
                </c:pt>
                <c:pt idx="456">
                  <c:v>0</c:v>
                </c:pt>
                <c:pt idx="457">
                  <c:v>0</c:v>
                </c:pt>
                <c:pt idx="458">
                  <c:v>0</c:v>
                </c:pt>
                <c:pt idx="459">
                  <c:v>0</c:v>
                </c:pt>
                <c:pt idx="460">
                  <c:v>0</c:v>
                </c:pt>
                <c:pt idx="461">
                  <c:v>0</c:v>
                </c:pt>
                <c:pt idx="462">
                  <c:v>0</c:v>
                </c:pt>
                <c:pt idx="463">
                  <c:v>0</c:v>
                </c:pt>
                <c:pt idx="464">
                  <c:v>0</c:v>
                </c:pt>
                <c:pt idx="465">
                  <c:v>0</c:v>
                </c:pt>
                <c:pt idx="466">
                  <c:v>0</c:v>
                </c:pt>
                <c:pt idx="467">
                  <c:v>0</c:v>
                </c:pt>
                <c:pt idx="468">
                  <c:v>0</c:v>
                </c:pt>
                <c:pt idx="469">
                  <c:v>0</c:v>
                </c:pt>
                <c:pt idx="470">
                  <c:v>0</c:v>
                </c:pt>
                <c:pt idx="471">
                  <c:v>0</c:v>
                </c:pt>
                <c:pt idx="472">
                  <c:v>0</c:v>
                </c:pt>
                <c:pt idx="473">
                  <c:v>0</c:v>
                </c:pt>
                <c:pt idx="474">
                  <c:v>0</c:v>
                </c:pt>
                <c:pt idx="475">
                  <c:v>0</c:v>
                </c:pt>
                <c:pt idx="476">
                  <c:v>0</c:v>
                </c:pt>
                <c:pt idx="477">
                  <c:v>0</c:v>
                </c:pt>
                <c:pt idx="478">
                  <c:v>0</c:v>
                </c:pt>
                <c:pt idx="479">
                  <c:v>0</c:v>
                </c:pt>
                <c:pt idx="480">
                  <c:v>0</c:v>
                </c:pt>
                <c:pt idx="481">
                  <c:v>0</c:v>
                </c:pt>
                <c:pt idx="482">
                  <c:v>0</c:v>
                </c:pt>
                <c:pt idx="483">
                  <c:v>0</c:v>
                </c:pt>
                <c:pt idx="484">
                  <c:v>0</c:v>
                </c:pt>
                <c:pt idx="485">
                  <c:v>0</c:v>
                </c:pt>
                <c:pt idx="486">
                  <c:v>0</c:v>
                </c:pt>
                <c:pt idx="487">
                  <c:v>0</c:v>
                </c:pt>
                <c:pt idx="488">
                  <c:v>0</c:v>
                </c:pt>
                <c:pt idx="489">
                  <c:v>0</c:v>
                </c:pt>
                <c:pt idx="490">
                  <c:v>0</c:v>
                </c:pt>
                <c:pt idx="491">
                  <c:v>0</c:v>
                </c:pt>
                <c:pt idx="492">
                  <c:v>0</c:v>
                </c:pt>
                <c:pt idx="493">
                  <c:v>0</c:v>
                </c:pt>
                <c:pt idx="494">
                  <c:v>0</c:v>
                </c:pt>
                <c:pt idx="495">
                  <c:v>0</c:v>
                </c:pt>
                <c:pt idx="496">
                  <c:v>0</c:v>
                </c:pt>
                <c:pt idx="497">
                  <c:v>0</c:v>
                </c:pt>
                <c:pt idx="498">
                  <c:v>0</c:v>
                </c:pt>
                <c:pt idx="499">
                  <c:v>0</c:v>
                </c:pt>
                <c:pt idx="500">
                  <c:v>0</c:v>
                </c:pt>
                <c:pt idx="501">
                  <c:v>0</c:v>
                </c:pt>
                <c:pt idx="502">
                  <c:v>0</c:v>
                </c:pt>
                <c:pt idx="503">
                  <c:v>0</c:v>
                </c:pt>
                <c:pt idx="504">
                  <c:v>0</c:v>
                </c:pt>
                <c:pt idx="505">
                  <c:v>0</c:v>
                </c:pt>
                <c:pt idx="506">
                  <c:v>0</c:v>
                </c:pt>
                <c:pt idx="507">
                  <c:v>0</c:v>
                </c:pt>
                <c:pt idx="508">
                  <c:v>0</c:v>
                </c:pt>
                <c:pt idx="509">
                  <c:v>0</c:v>
                </c:pt>
                <c:pt idx="510">
                  <c:v>0</c:v>
                </c:pt>
                <c:pt idx="511">
                  <c:v>0</c:v>
                </c:pt>
                <c:pt idx="512">
                  <c:v>0</c:v>
                </c:pt>
                <c:pt idx="513">
                  <c:v>0</c:v>
                </c:pt>
                <c:pt idx="514">
                  <c:v>0</c:v>
                </c:pt>
                <c:pt idx="515">
                  <c:v>0</c:v>
                </c:pt>
                <c:pt idx="516">
                  <c:v>0</c:v>
                </c:pt>
                <c:pt idx="517">
                  <c:v>0</c:v>
                </c:pt>
                <c:pt idx="518">
                  <c:v>0</c:v>
                </c:pt>
                <c:pt idx="519">
                  <c:v>0</c:v>
                </c:pt>
                <c:pt idx="520">
                  <c:v>0</c:v>
                </c:pt>
                <c:pt idx="521">
                  <c:v>0</c:v>
                </c:pt>
                <c:pt idx="522">
                  <c:v>0</c:v>
                </c:pt>
                <c:pt idx="523">
                  <c:v>0</c:v>
                </c:pt>
                <c:pt idx="524">
                  <c:v>0</c:v>
                </c:pt>
                <c:pt idx="525">
                  <c:v>0</c:v>
                </c:pt>
                <c:pt idx="526">
                  <c:v>0</c:v>
                </c:pt>
                <c:pt idx="527">
                  <c:v>0</c:v>
                </c:pt>
                <c:pt idx="528">
                  <c:v>0</c:v>
                </c:pt>
                <c:pt idx="529">
                  <c:v>0</c:v>
                </c:pt>
                <c:pt idx="530">
                  <c:v>0</c:v>
                </c:pt>
                <c:pt idx="531">
                  <c:v>0</c:v>
                </c:pt>
                <c:pt idx="532">
                  <c:v>0</c:v>
                </c:pt>
                <c:pt idx="533">
                  <c:v>0</c:v>
                </c:pt>
                <c:pt idx="534">
                  <c:v>0</c:v>
                </c:pt>
                <c:pt idx="535">
                  <c:v>0</c:v>
                </c:pt>
                <c:pt idx="536">
                  <c:v>0</c:v>
                </c:pt>
                <c:pt idx="537">
                  <c:v>0</c:v>
                </c:pt>
                <c:pt idx="538">
                  <c:v>0</c:v>
                </c:pt>
                <c:pt idx="539">
                  <c:v>0</c:v>
                </c:pt>
                <c:pt idx="540">
                  <c:v>0</c:v>
                </c:pt>
                <c:pt idx="541">
                  <c:v>0</c:v>
                </c:pt>
                <c:pt idx="542">
                  <c:v>0</c:v>
                </c:pt>
                <c:pt idx="543">
                  <c:v>0</c:v>
                </c:pt>
                <c:pt idx="544">
                  <c:v>0</c:v>
                </c:pt>
                <c:pt idx="545">
                  <c:v>0</c:v>
                </c:pt>
                <c:pt idx="546">
                  <c:v>0</c:v>
                </c:pt>
                <c:pt idx="547">
                  <c:v>0</c:v>
                </c:pt>
                <c:pt idx="548">
                  <c:v>0</c:v>
                </c:pt>
                <c:pt idx="549">
                  <c:v>0</c:v>
                </c:pt>
                <c:pt idx="550">
                  <c:v>0</c:v>
                </c:pt>
                <c:pt idx="551">
                  <c:v>0</c:v>
                </c:pt>
                <c:pt idx="552">
                  <c:v>0</c:v>
                </c:pt>
                <c:pt idx="553">
                  <c:v>0</c:v>
                </c:pt>
                <c:pt idx="554">
                  <c:v>0</c:v>
                </c:pt>
                <c:pt idx="555">
                  <c:v>0</c:v>
                </c:pt>
                <c:pt idx="556">
                  <c:v>0</c:v>
                </c:pt>
                <c:pt idx="557">
                  <c:v>0</c:v>
                </c:pt>
                <c:pt idx="558">
                  <c:v>0</c:v>
                </c:pt>
                <c:pt idx="559">
                  <c:v>0</c:v>
                </c:pt>
                <c:pt idx="560">
                  <c:v>0</c:v>
                </c:pt>
                <c:pt idx="561">
                  <c:v>0</c:v>
                </c:pt>
                <c:pt idx="562">
                  <c:v>0</c:v>
                </c:pt>
                <c:pt idx="563">
                  <c:v>0</c:v>
                </c:pt>
                <c:pt idx="564">
                  <c:v>0</c:v>
                </c:pt>
                <c:pt idx="565">
                  <c:v>0</c:v>
                </c:pt>
                <c:pt idx="566">
                  <c:v>0</c:v>
                </c:pt>
                <c:pt idx="567">
                  <c:v>0</c:v>
                </c:pt>
                <c:pt idx="568">
                  <c:v>0</c:v>
                </c:pt>
                <c:pt idx="569">
                  <c:v>0</c:v>
                </c:pt>
                <c:pt idx="570">
                  <c:v>0</c:v>
                </c:pt>
                <c:pt idx="571">
                  <c:v>0</c:v>
                </c:pt>
                <c:pt idx="572">
                  <c:v>0</c:v>
                </c:pt>
                <c:pt idx="573">
                  <c:v>0</c:v>
                </c:pt>
                <c:pt idx="574">
                  <c:v>0</c:v>
                </c:pt>
                <c:pt idx="575">
                  <c:v>0</c:v>
                </c:pt>
                <c:pt idx="576">
                  <c:v>0</c:v>
                </c:pt>
                <c:pt idx="577">
                  <c:v>0</c:v>
                </c:pt>
                <c:pt idx="578">
                  <c:v>0</c:v>
                </c:pt>
                <c:pt idx="579">
                  <c:v>0</c:v>
                </c:pt>
                <c:pt idx="580">
                  <c:v>0</c:v>
                </c:pt>
                <c:pt idx="581">
                  <c:v>0</c:v>
                </c:pt>
                <c:pt idx="582">
                  <c:v>0</c:v>
                </c:pt>
                <c:pt idx="583">
                  <c:v>0</c:v>
                </c:pt>
                <c:pt idx="584">
                  <c:v>0</c:v>
                </c:pt>
                <c:pt idx="585">
                  <c:v>0</c:v>
                </c:pt>
                <c:pt idx="586">
                  <c:v>0</c:v>
                </c:pt>
                <c:pt idx="587">
                  <c:v>0</c:v>
                </c:pt>
                <c:pt idx="588">
                  <c:v>0</c:v>
                </c:pt>
                <c:pt idx="589">
                  <c:v>0</c:v>
                </c:pt>
                <c:pt idx="590">
                  <c:v>0</c:v>
                </c:pt>
                <c:pt idx="591">
                  <c:v>0</c:v>
                </c:pt>
                <c:pt idx="592">
                  <c:v>0</c:v>
                </c:pt>
                <c:pt idx="593">
                  <c:v>0</c:v>
                </c:pt>
                <c:pt idx="594">
                  <c:v>0</c:v>
                </c:pt>
                <c:pt idx="595">
                  <c:v>0</c:v>
                </c:pt>
                <c:pt idx="596">
                  <c:v>0</c:v>
                </c:pt>
                <c:pt idx="597">
                  <c:v>0</c:v>
                </c:pt>
                <c:pt idx="598">
                  <c:v>0</c:v>
                </c:pt>
                <c:pt idx="599">
                  <c:v>0</c:v>
                </c:pt>
                <c:pt idx="600">
                  <c:v>0</c:v>
                </c:pt>
                <c:pt idx="601">
                  <c:v>0</c:v>
                </c:pt>
                <c:pt idx="602">
                  <c:v>0</c:v>
                </c:pt>
                <c:pt idx="603">
                  <c:v>0</c:v>
                </c:pt>
                <c:pt idx="604">
                  <c:v>0</c:v>
                </c:pt>
                <c:pt idx="605">
                  <c:v>0</c:v>
                </c:pt>
                <c:pt idx="606">
                  <c:v>0</c:v>
                </c:pt>
                <c:pt idx="607">
                  <c:v>0</c:v>
                </c:pt>
                <c:pt idx="608">
                  <c:v>0</c:v>
                </c:pt>
                <c:pt idx="609">
                  <c:v>0</c:v>
                </c:pt>
                <c:pt idx="610">
                  <c:v>0</c:v>
                </c:pt>
                <c:pt idx="611">
                  <c:v>0</c:v>
                </c:pt>
                <c:pt idx="612">
                  <c:v>0</c:v>
                </c:pt>
                <c:pt idx="613">
                  <c:v>0</c:v>
                </c:pt>
                <c:pt idx="614">
                  <c:v>0</c:v>
                </c:pt>
                <c:pt idx="615">
                  <c:v>0</c:v>
                </c:pt>
                <c:pt idx="616">
                  <c:v>0</c:v>
                </c:pt>
                <c:pt idx="617">
                  <c:v>0</c:v>
                </c:pt>
                <c:pt idx="618">
                  <c:v>0</c:v>
                </c:pt>
                <c:pt idx="619">
                  <c:v>0</c:v>
                </c:pt>
                <c:pt idx="620">
                  <c:v>0</c:v>
                </c:pt>
                <c:pt idx="621">
                  <c:v>0</c:v>
                </c:pt>
                <c:pt idx="622">
                  <c:v>0</c:v>
                </c:pt>
                <c:pt idx="623">
                  <c:v>0</c:v>
                </c:pt>
                <c:pt idx="624">
                  <c:v>0</c:v>
                </c:pt>
                <c:pt idx="625">
                  <c:v>0</c:v>
                </c:pt>
                <c:pt idx="626">
                  <c:v>0</c:v>
                </c:pt>
                <c:pt idx="627">
                  <c:v>0</c:v>
                </c:pt>
                <c:pt idx="628">
                  <c:v>0</c:v>
                </c:pt>
                <c:pt idx="629">
                  <c:v>0</c:v>
                </c:pt>
                <c:pt idx="630">
                  <c:v>0</c:v>
                </c:pt>
                <c:pt idx="631">
                  <c:v>0</c:v>
                </c:pt>
                <c:pt idx="632">
                  <c:v>0</c:v>
                </c:pt>
                <c:pt idx="633">
                  <c:v>0</c:v>
                </c:pt>
                <c:pt idx="634">
                  <c:v>0</c:v>
                </c:pt>
                <c:pt idx="635">
                  <c:v>0</c:v>
                </c:pt>
                <c:pt idx="636">
                  <c:v>0</c:v>
                </c:pt>
                <c:pt idx="637">
                  <c:v>0</c:v>
                </c:pt>
                <c:pt idx="638">
                  <c:v>0</c:v>
                </c:pt>
                <c:pt idx="639">
                  <c:v>0</c:v>
                </c:pt>
                <c:pt idx="640">
                  <c:v>0</c:v>
                </c:pt>
                <c:pt idx="641">
                  <c:v>0</c:v>
                </c:pt>
                <c:pt idx="642">
                  <c:v>0</c:v>
                </c:pt>
                <c:pt idx="643">
                  <c:v>0</c:v>
                </c:pt>
                <c:pt idx="644">
                  <c:v>0</c:v>
                </c:pt>
                <c:pt idx="645">
                  <c:v>0</c:v>
                </c:pt>
                <c:pt idx="646">
                  <c:v>0</c:v>
                </c:pt>
                <c:pt idx="647">
                  <c:v>0</c:v>
                </c:pt>
                <c:pt idx="648">
                  <c:v>0</c:v>
                </c:pt>
                <c:pt idx="649">
                  <c:v>0</c:v>
                </c:pt>
                <c:pt idx="650">
                  <c:v>0</c:v>
                </c:pt>
                <c:pt idx="651">
                  <c:v>0</c:v>
                </c:pt>
                <c:pt idx="652">
                  <c:v>0</c:v>
                </c:pt>
                <c:pt idx="653">
                  <c:v>0</c:v>
                </c:pt>
                <c:pt idx="654">
                  <c:v>0</c:v>
                </c:pt>
                <c:pt idx="655">
                  <c:v>0</c:v>
                </c:pt>
                <c:pt idx="656">
                  <c:v>0</c:v>
                </c:pt>
                <c:pt idx="657">
                  <c:v>0</c:v>
                </c:pt>
                <c:pt idx="658">
                  <c:v>0</c:v>
                </c:pt>
                <c:pt idx="659">
                  <c:v>0</c:v>
                </c:pt>
                <c:pt idx="660">
                  <c:v>0</c:v>
                </c:pt>
                <c:pt idx="661">
                  <c:v>0</c:v>
                </c:pt>
                <c:pt idx="662">
                  <c:v>0</c:v>
                </c:pt>
                <c:pt idx="663">
                  <c:v>0</c:v>
                </c:pt>
                <c:pt idx="664">
                  <c:v>0</c:v>
                </c:pt>
                <c:pt idx="665">
                  <c:v>0</c:v>
                </c:pt>
                <c:pt idx="666">
                  <c:v>0</c:v>
                </c:pt>
                <c:pt idx="667">
                  <c:v>0</c:v>
                </c:pt>
                <c:pt idx="668">
                  <c:v>0</c:v>
                </c:pt>
                <c:pt idx="669">
                  <c:v>0</c:v>
                </c:pt>
                <c:pt idx="670">
                  <c:v>0</c:v>
                </c:pt>
                <c:pt idx="671">
                  <c:v>0</c:v>
                </c:pt>
                <c:pt idx="672">
                  <c:v>0</c:v>
                </c:pt>
                <c:pt idx="673">
                  <c:v>0</c:v>
                </c:pt>
                <c:pt idx="674">
                  <c:v>0</c:v>
                </c:pt>
                <c:pt idx="675">
                  <c:v>0</c:v>
                </c:pt>
                <c:pt idx="676">
                  <c:v>0</c:v>
                </c:pt>
                <c:pt idx="677">
                  <c:v>0</c:v>
                </c:pt>
                <c:pt idx="678">
                  <c:v>0</c:v>
                </c:pt>
                <c:pt idx="679">
                  <c:v>0</c:v>
                </c:pt>
                <c:pt idx="680">
                  <c:v>0</c:v>
                </c:pt>
                <c:pt idx="681">
                  <c:v>0</c:v>
                </c:pt>
                <c:pt idx="682">
                  <c:v>0</c:v>
                </c:pt>
                <c:pt idx="683">
                  <c:v>0</c:v>
                </c:pt>
                <c:pt idx="684">
                  <c:v>0</c:v>
                </c:pt>
                <c:pt idx="685">
                  <c:v>0</c:v>
                </c:pt>
                <c:pt idx="686">
                  <c:v>0</c:v>
                </c:pt>
                <c:pt idx="687">
                  <c:v>0</c:v>
                </c:pt>
                <c:pt idx="688">
                  <c:v>0</c:v>
                </c:pt>
                <c:pt idx="689">
                  <c:v>0</c:v>
                </c:pt>
                <c:pt idx="690">
                  <c:v>0</c:v>
                </c:pt>
                <c:pt idx="691">
                  <c:v>0</c:v>
                </c:pt>
                <c:pt idx="692">
                  <c:v>0</c:v>
                </c:pt>
                <c:pt idx="693">
                  <c:v>0</c:v>
                </c:pt>
                <c:pt idx="694">
                  <c:v>0</c:v>
                </c:pt>
                <c:pt idx="695">
                  <c:v>0</c:v>
                </c:pt>
                <c:pt idx="696">
                  <c:v>0</c:v>
                </c:pt>
                <c:pt idx="697">
                  <c:v>0</c:v>
                </c:pt>
                <c:pt idx="698">
                  <c:v>0</c:v>
                </c:pt>
                <c:pt idx="699">
                  <c:v>0</c:v>
                </c:pt>
                <c:pt idx="700">
                  <c:v>0</c:v>
                </c:pt>
                <c:pt idx="701">
                  <c:v>0</c:v>
                </c:pt>
                <c:pt idx="702">
                  <c:v>0</c:v>
                </c:pt>
                <c:pt idx="703">
                  <c:v>0</c:v>
                </c:pt>
                <c:pt idx="704">
                  <c:v>0</c:v>
                </c:pt>
                <c:pt idx="705">
                  <c:v>0</c:v>
                </c:pt>
                <c:pt idx="706">
                  <c:v>0</c:v>
                </c:pt>
                <c:pt idx="707">
                  <c:v>0</c:v>
                </c:pt>
                <c:pt idx="708">
                  <c:v>0</c:v>
                </c:pt>
                <c:pt idx="709">
                  <c:v>0</c:v>
                </c:pt>
                <c:pt idx="710">
                  <c:v>0</c:v>
                </c:pt>
                <c:pt idx="711">
                  <c:v>0</c:v>
                </c:pt>
                <c:pt idx="712">
                  <c:v>0</c:v>
                </c:pt>
                <c:pt idx="713">
                  <c:v>0</c:v>
                </c:pt>
                <c:pt idx="714">
                  <c:v>0</c:v>
                </c:pt>
                <c:pt idx="715">
                  <c:v>0</c:v>
                </c:pt>
                <c:pt idx="716">
                  <c:v>0</c:v>
                </c:pt>
                <c:pt idx="717">
                  <c:v>0</c:v>
                </c:pt>
                <c:pt idx="718">
                  <c:v>0</c:v>
                </c:pt>
                <c:pt idx="719">
                  <c:v>0</c:v>
                </c:pt>
                <c:pt idx="720">
                  <c:v>0</c:v>
                </c:pt>
                <c:pt idx="721">
                  <c:v>0</c:v>
                </c:pt>
                <c:pt idx="722">
                  <c:v>0</c:v>
                </c:pt>
                <c:pt idx="723">
                  <c:v>0</c:v>
                </c:pt>
                <c:pt idx="724">
                  <c:v>0</c:v>
                </c:pt>
                <c:pt idx="725">
                  <c:v>0</c:v>
                </c:pt>
                <c:pt idx="726">
                  <c:v>0</c:v>
                </c:pt>
                <c:pt idx="727">
                  <c:v>0</c:v>
                </c:pt>
                <c:pt idx="728">
                  <c:v>0</c:v>
                </c:pt>
                <c:pt idx="729">
                  <c:v>0</c:v>
                </c:pt>
                <c:pt idx="730">
                  <c:v>0</c:v>
                </c:pt>
                <c:pt idx="731">
                  <c:v>0</c:v>
                </c:pt>
                <c:pt idx="732">
                  <c:v>0</c:v>
                </c:pt>
                <c:pt idx="733">
                  <c:v>0</c:v>
                </c:pt>
                <c:pt idx="734">
                  <c:v>0</c:v>
                </c:pt>
                <c:pt idx="735">
                  <c:v>0</c:v>
                </c:pt>
                <c:pt idx="736">
                  <c:v>0</c:v>
                </c:pt>
                <c:pt idx="737">
                  <c:v>0</c:v>
                </c:pt>
                <c:pt idx="738">
                  <c:v>0</c:v>
                </c:pt>
                <c:pt idx="739">
                  <c:v>0</c:v>
                </c:pt>
                <c:pt idx="740">
                  <c:v>0</c:v>
                </c:pt>
                <c:pt idx="741">
                  <c:v>0</c:v>
                </c:pt>
                <c:pt idx="742">
                  <c:v>0</c:v>
                </c:pt>
                <c:pt idx="743">
                  <c:v>0</c:v>
                </c:pt>
                <c:pt idx="744">
                  <c:v>0</c:v>
                </c:pt>
                <c:pt idx="745">
                  <c:v>0</c:v>
                </c:pt>
                <c:pt idx="746">
                  <c:v>0</c:v>
                </c:pt>
                <c:pt idx="747">
                  <c:v>0</c:v>
                </c:pt>
                <c:pt idx="748">
                  <c:v>0</c:v>
                </c:pt>
                <c:pt idx="749">
                  <c:v>0</c:v>
                </c:pt>
                <c:pt idx="750">
                  <c:v>0</c:v>
                </c:pt>
                <c:pt idx="751">
                  <c:v>0</c:v>
                </c:pt>
                <c:pt idx="752">
                  <c:v>0</c:v>
                </c:pt>
                <c:pt idx="753">
                  <c:v>0</c:v>
                </c:pt>
                <c:pt idx="754">
                  <c:v>0</c:v>
                </c:pt>
                <c:pt idx="755">
                  <c:v>0</c:v>
                </c:pt>
                <c:pt idx="756">
                  <c:v>0</c:v>
                </c:pt>
                <c:pt idx="757">
                  <c:v>0</c:v>
                </c:pt>
                <c:pt idx="758">
                  <c:v>0</c:v>
                </c:pt>
                <c:pt idx="759">
                  <c:v>0</c:v>
                </c:pt>
                <c:pt idx="760">
                  <c:v>0</c:v>
                </c:pt>
                <c:pt idx="761">
                  <c:v>0</c:v>
                </c:pt>
                <c:pt idx="762">
                  <c:v>0</c:v>
                </c:pt>
                <c:pt idx="763">
                  <c:v>0</c:v>
                </c:pt>
                <c:pt idx="764">
                  <c:v>0</c:v>
                </c:pt>
                <c:pt idx="765">
                  <c:v>0</c:v>
                </c:pt>
                <c:pt idx="766">
                  <c:v>0</c:v>
                </c:pt>
                <c:pt idx="767">
                  <c:v>0</c:v>
                </c:pt>
                <c:pt idx="768">
                  <c:v>0</c:v>
                </c:pt>
                <c:pt idx="769">
                  <c:v>0</c:v>
                </c:pt>
                <c:pt idx="770">
                  <c:v>0</c:v>
                </c:pt>
                <c:pt idx="771">
                  <c:v>0</c:v>
                </c:pt>
                <c:pt idx="772">
                  <c:v>0</c:v>
                </c:pt>
                <c:pt idx="773">
                  <c:v>0</c:v>
                </c:pt>
                <c:pt idx="774">
                  <c:v>0</c:v>
                </c:pt>
                <c:pt idx="775">
                  <c:v>0</c:v>
                </c:pt>
                <c:pt idx="776">
                  <c:v>0</c:v>
                </c:pt>
                <c:pt idx="777">
                  <c:v>0</c:v>
                </c:pt>
                <c:pt idx="778">
                  <c:v>0</c:v>
                </c:pt>
                <c:pt idx="779">
                  <c:v>0</c:v>
                </c:pt>
                <c:pt idx="780">
                  <c:v>0</c:v>
                </c:pt>
                <c:pt idx="781">
                  <c:v>0</c:v>
                </c:pt>
                <c:pt idx="782">
                  <c:v>0</c:v>
                </c:pt>
                <c:pt idx="783">
                  <c:v>0</c:v>
                </c:pt>
                <c:pt idx="784">
                  <c:v>0</c:v>
                </c:pt>
                <c:pt idx="785">
                  <c:v>0</c:v>
                </c:pt>
                <c:pt idx="786">
                  <c:v>0</c:v>
                </c:pt>
                <c:pt idx="787">
                  <c:v>0</c:v>
                </c:pt>
                <c:pt idx="788">
                  <c:v>0</c:v>
                </c:pt>
                <c:pt idx="789">
                  <c:v>0</c:v>
                </c:pt>
                <c:pt idx="790">
                  <c:v>0</c:v>
                </c:pt>
                <c:pt idx="791">
                  <c:v>0</c:v>
                </c:pt>
                <c:pt idx="792">
                  <c:v>0</c:v>
                </c:pt>
                <c:pt idx="793">
                  <c:v>0</c:v>
                </c:pt>
                <c:pt idx="794">
                  <c:v>0</c:v>
                </c:pt>
                <c:pt idx="795">
                  <c:v>0</c:v>
                </c:pt>
                <c:pt idx="796">
                  <c:v>0</c:v>
                </c:pt>
                <c:pt idx="797">
                  <c:v>0</c:v>
                </c:pt>
                <c:pt idx="798">
                  <c:v>0</c:v>
                </c:pt>
                <c:pt idx="799">
                  <c:v>0</c:v>
                </c:pt>
                <c:pt idx="800">
                  <c:v>0</c:v>
                </c:pt>
                <c:pt idx="801">
                  <c:v>0</c:v>
                </c:pt>
                <c:pt idx="802">
                  <c:v>0</c:v>
                </c:pt>
                <c:pt idx="803">
                  <c:v>0</c:v>
                </c:pt>
                <c:pt idx="804">
                  <c:v>0</c:v>
                </c:pt>
                <c:pt idx="805">
                  <c:v>0</c:v>
                </c:pt>
                <c:pt idx="806">
                  <c:v>0</c:v>
                </c:pt>
                <c:pt idx="807">
                  <c:v>0</c:v>
                </c:pt>
                <c:pt idx="808">
                  <c:v>0</c:v>
                </c:pt>
                <c:pt idx="809">
                  <c:v>0</c:v>
                </c:pt>
                <c:pt idx="810">
                  <c:v>0</c:v>
                </c:pt>
                <c:pt idx="811">
                  <c:v>0</c:v>
                </c:pt>
                <c:pt idx="812">
                  <c:v>0</c:v>
                </c:pt>
                <c:pt idx="813">
                  <c:v>0</c:v>
                </c:pt>
                <c:pt idx="814">
                  <c:v>0</c:v>
                </c:pt>
                <c:pt idx="815">
                  <c:v>0</c:v>
                </c:pt>
                <c:pt idx="816">
                  <c:v>0</c:v>
                </c:pt>
                <c:pt idx="817">
                  <c:v>0</c:v>
                </c:pt>
                <c:pt idx="818">
                  <c:v>0</c:v>
                </c:pt>
                <c:pt idx="819">
                  <c:v>0</c:v>
                </c:pt>
                <c:pt idx="820">
                  <c:v>0</c:v>
                </c:pt>
                <c:pt idx="821">
                  <c:v>0</c:v>
                </c:pt>
                <c:pt idx="822">
                  <c:v>0</c:v>
                </c:pt>
                <c:pt idx="823">
                  <c:v>0</c:v>
                </c:pt>
                <c:pt idx="824">
                  <c:v>0</c:v>
                </c:pt>
                <c:pt idx="825">
                  <c:v>0</c:v>
                </c:pt>
                <c:pt idx="826">
                  <c:v>0</c:v>
                </c:pt>
                <c:pt idx="827">
                  <c:v>0</c:v>
                </c:pt>
                <c:pt idx="828">
                  <c:v>0</c:v>
                </c:pt>
                <c:pt idx="829">
                  <c:v>0</c:v>
                </c:pt>
                <c:pt idx="830">
                  <c:v>0</c:v>
                </c:pt>
                <c:pt idx="831">
                  <c:v>0</c:v>
                </c:pt>
                <c:pt idx="832">
                  <c:v>0</c:v>
                </c:pt>
                <c:pt idx="833">
                  <c:v>0</c:v>
                </c:pt>
                <c:pt idx="834">
                  <c:v>0</c:v>
                </c:pt>
                <c:pt idx="835">
                  <c:v>0</c:v>
                </c:pt>
                <c:pt idx="836">
                  <c:v>0</c:v>
                </c:pt>
                <c:pt idx="837">
                  <c:v>0</c:v>
                </c:pt>
                <c:pt idx="838">
                  <c:v>0</c:v>
                </c:pt>
                <c:pt idx="839">
                  <c:v>0</c:v>
                </c:pt>
                <c:pt idx="840">
                  <c:v>0</c:v>
                </c:pt>
                <c:pt idx="841">
                  <c:v>0</c:v>
                </c:pt>
                <c:pt idx="842">
                  <c:v>0</c:v>
                </c:pt>
                <c:pt idx="843">
                  <c:v>0</c:v>
                </c:pt>
                <c:pt idx="844">
                  <c:v>0</c:v>
                </c:pt>
                <c:pt idx="845">
                  <c:v>0</c:v>
                </c:pt>
                <c:pt idx="846">
                  <c:v>0</c:v>
                </c:pt>
                <c:pt idx="847">
                  <c:v>0</c:v>
                </c:pt>
                <c:pt idx="848">
                  <c:v>0</c:v>
                </c:pt>
                <c:pt idx="849">
                  <c:v>0</c:v>
                </c:pt>
                <c:pt idx="850">
                  <c:v>0</c:v>
                </c:pt>
                <c:pt idx="851">
                  <c:v>0</c:v>
                </c:pt>
                <c:pt idx="852">
                  <c:v>0</c:v>
                </c:pt>
                <c:pt idx="853">
                  <c:v>0</c:v>
                </c:pt>
                <c:pt idx="854">
                  <c:v>0</c:v>
                </c:pt>
                <c:pt idx="855">
                  <c:v>0</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pt idx="1050">
                  <c:v>0</c:v>
                </c:pt>
                <c:pt idx="1051">
                  <c:v>0</c:v>
                </c:pt>
                <c:pt idx="1052">
                  <c:v>0</c:v>
                </c:pt>
                <c:pt idx="1053">
                  <c:v>0</c:v>
                </c:pt>
                <c:pt idx="1054">
                  <c:v>0</c:v>
                </c:pt>
                <c:pt idx="1055">
                  <c:v>0</c:v>
                </c:pt>
                <c:pt idx="1056">
                  <c:v>0</c:v>
                </c:pt>
                <c:pt idx="1057">
                  <c:v>0</c:v>
                </c:pt>
                <c:pt idx="1058">
                  <c:v>0</c:v>
                </c:pt>
                <c:pt idx="1059">
                  <c:v>0</c:v>
                </c:pt>
                <c:pt idx="1060">
                  <c:v>0</c:v>
                </c:pt>
                <c:pt idx="1061">
                  <c:v>0</c:v>
                </c:pt>
                <c:pt idx="1062">
                  <c:v>0</c:v>
                </c:pt>
                <c:pt idx="1063">
                  <c:v>0</c:v>
                </c:pt>
                <c:pt idx="1064">
                  <c:v>0</c:v>
                </c:pt>
                <c:pt idx="1065">
                  <c:v>0</c:v>
                </c:pt>
                <c:pt idx="1066">
                  <c:v>0</c:v>
                </c:pt>
                <c:pt idx="1067">
                  <c:v>0</c:v>
                </c:pt>
                <c:pt idx="1068">
                  <c:v>0</c:v>
                </c:pt>
                <c:pt idx="1069">
                  <c:v>0</c:v>
                </c:pt>
                <c:pt idx="1070">
                  <c:v>0</c:v>
                </c:pt>
                <c:pt idx="1071">
                  <c:v>0</c:v>
                </c:pt>
                <c:pt idx="1072">
                  <c:v>0</c:v>
                </c:pt>
                <c:pt idx="1073">
                  <c:v>0</c:v>
                </c:pt>
                <c:pt idx="1074">
                  <c:v>0</c:v>
                </c:pt>
                <c:pt idx="1075">
                  <c:v>0</c:v>
                </c:pt>
                <c:pt idx="1076">
                  <c:v>0</c:v>
                </c:pt>
                <c:pt idx="1077">
                  <c:v>0</c:v>
                </c:pt>
                <c:pt idx="1078">
                  <c:v>0</c:v>
                </c:pt>
                <c:pt idx="1079">
                  <c:v>0</c:v>
                </c:pt>
                <c:pt idx="1080">
                  <c:v>0</c:v>
                </c:pt>
                <c:pt idx="1081">
                  <c:v>0</c:v>
                </c:pt>
                <c:pt idx="1082">
                  <c:v>0</c:v>
                </c:pt>
                <c:pt idx="1083">
                  <c:v>0</c:v>
                </c:pt>
                <c:pt idx="1084">
                  <c:v>0</c:v>
                </c:pt>
                <c:pt idx="1085">
                  <c:v>0</c:v>
                </c:pt>
                <c:pt idx="1086">
                  <c:v>0</c:v>
                </c:pt>
                <c:pt idx="1087">
                  <c:v>0</c:v>
                </c:pt>
                <c:pt idx="1088">
                  <c:v>0</c:v>
                </c:pt>
                <c:pt idx="1089">
                  <c:v>0</c:v>
                </c:pt>
                <c:pt idx="1090">
                  <c:v>0</c:v>
                </c:pt>
                <c:pt idx="1091">
                  <c:v>0</c:v>
                </c:pt>
                <c:pt idx="1092">
                  <c:v>0</c:v>
                </c:pt>
                <c:pt idx="1093">
                  <c:v>0</c:v>
                </c:pt>
                <c:pt idx="1094">
                  <c:v>0</c:v>
                </c:pt>
                <c:pt idx="1095">
                  <c:v>0</c:v>
                </c:pt>
                <c:pt idx="1096">
                  <c:v>0</c:v>
                </c:pt>
                <c:pt idx="1097">
                  <c:v>0</c:v>
                </c:pt>
                <c:pt idx="1098">
                  <c:v>0</c:v>
                </c:pt>
                <c:pt idx="1099">
                  <c:v>0</c:v>
                </c:pt>
                <c:pt idx="1100">
                  <c:v>0</c:v>
                </c:pt>
                <c:pt idx="1101">
                  <c:v>0</c:v>
                </c:pt>
                <c:pt idx="1102">
                  <c:v>0</c:v>
                </c:pt>
                <c:pt idx="1103">
                  <c:v>0</c:v>
                </c:pt>
                <c:pt idx="1104">
                  <c:v>0</c:v>
                </c:pt>
                <c:pt idx="1105">
                  <c:v>0</c:v>
                </c:pt>
                <c:pt idx="1106">
                  <c:v>0</c:v>
                </c:pt>
                <c:pt idx="1107">
                  <c:v>0</c:v>
                </c:pt>
                <c:pt idx="1108">
                  <c:v>0</c:v>
                </c:pt>
                <c:pt idx="1109">
                  <c:v>0</c:v>
                </c:pt>
                <c:pt idx="1110">
                  <c:v>0</c:v>
                </c:pt>
                <c:pt idx="1111">
                  <c:v>0</c:v>
                </c:pt>
                <c:pt idx="1112">
                  <c:v>0</c:v>
                </c:pt>
                <c:pt idx="1113">
                  <c:v>0</c:v>
                </c:pt>
                <c:pt idx="1114">
                  <c:v>0</c:v>
                </c:pt>
                <c:pt idx="1115">
                  <c:v>0</c:v>
                </c:pt>
                <c:pt idx="1116">
                  <c:v>0</c:v>
                </c:pt>
                <c:pt idx="1117">
                  <c:v>0</c:v>
                </c:pt>
                <c:pt idx="1118">
                  <c:v>0</c:v>
                </c:pt>
                <c:pt idx="1119">
                  <c:v>0</c:v>
                </c:pt>
                <c:pt idx="1120">
                  <c:v>0</c:v>
                </c:pt>
                <c:pt idx="1121">
                  <c:v>0</c:v>
                </c:pt>
                <c:pt idx="1122">
                  <c:v>0</c:v>
                </c:pt>
                <c:pt idx="1123">
                  <c:v>0</c:v>
                </c:pt>
                <c:pt idx="1124">
                  <c:v>0</c:v>
                </c:pt>
                <c:pt idx="1125">
                  <c:v>0</c:v>
                </c:pt>
                <c:pt idx="1126">
                  <c:v>0</c:v>
                </c:pt>
                <c:pt idx="1127">
                  <c:v>0</c:v>
                </c:pt>
                <c:pt idx="1128">
                  <c:v>0</c:v>
                </c:pt>
                <c:pt idx="1129">
                  <c:v>0</c:v>
                </c:pt>
                <c:pt idx="1130">
                  <c:v>0</c:v>
                </c:pt>
                <c:pt idx="1131">
                  <c:v>0</c:v>
                </c:pt>
                <c:pt idx="1132">
                  <c:v>0</c:v>
                </c:pt>
                <c:pt idx="1133">
                  <c:v>0</c:v>
                </c:pt>
                <c:pt idx="1134">
                  <c:v>0</c:v>
                </c:pt>
                <c:pt idx="1135">
                  <c:v>0</c:v>
                </c:pt>
                <c:pt idx="1136">
                  <c:v>0</c:v>
                </c:pt>
                <c:pt idx="1137">
                  <c:v>0</c:v>
                </c:pt>
                <c:pt idx="1138">
                  <c:v>0</c:v>
                </c:pt>
                <c:pt idx="1139">
                  <c:v>0</c:v>
                </c:pt>
                <c:pt idx="1140">
                  <c:v>0</c:v>
                </c:pt>
                <c:pt idx="1141">
                  <c:v>0</c:v>
                </c:pt>
                <c:pt idx="1142">
                  <c:v>0</c:v>
                </c:pt>
                <c:pt idx="1143">
                  <c:v>0</c:v>
                </c:pt>
                <c:pt idx="1144">
                  <c:v>0</c:v>
                </c:pt>
                <c:pt idx="1145">
                  <c:v>0</c:v>
                </c:pt>
                <c:pt idx="1146">
                  <c:v>0</c:v>
                </c:pt>
                <c:pt idx="1147">
                  <c:v>0</c:v>
                </c:pt>
                <c:pt idx="1148">
                  <c:v>0</c:v>
                </c:pt>
                <c:pt idx="1149">
                  <c:v>0</c:v>
                </c:pt>
                <c:pt idx="1150">
                  <c:v>0</c:v>
                </c:pt>
                <c:pt idx="1151">
                  <c:v>0</c:v>
                </c:pt>
                <c:pt idx="1152">
                  <c:v>0</c:v>
                </c:pt>
                <c:pt idx="1153">
                  <c:v>0</c:v>
                </c:pt>
                <c:pt idx="1154">
                  <c:v>0</c:v>
                </c:pt>
                <c:pt idx="1155">
                  <c:v>0</c:v>
                </c:pt>
                <c:pt idx="1156">
                  <c:v>0</c:v>
                </c:pt>
                <c:pt idx="1157">
                  <c:v>0</c:v>
                </c:pt>
                <c:pt idx="1158">
                  <c:v>0</c:v>
                </c:pt>
                <c:pt idx="1159">
                  <c:v>0</c:v>
                </c:pt>
                <c:pt idx="1160">
                  <c:v>0</c:v>
                </c:pt>
                <c:pt idx="1161">
                  <c:v>0</c:v>
                </c:pt>
                <c:pt idx="1162">
                  <c:v>0</c:v>
                </c:pt>
                <c:pt idx="1163">
                  <c:v>0</c:v>
                </c:pt>
                <c:pt idx="1164">
                  <c:v>0</c:v>
                </c:pt>
                <c:pt idx="1165">
                  <c:v>0</c:v>
                </c:pt>
                <c:pt idx="1166">
                  <c:v>0</c:v>
                </c:pt>
                <c:pt idx="1167">
                  <c:v>0</c:v>
                </c:pt>
                <c:pt idx="1168">
                  <c:v>0</c:v>
                </c:pt>
                <c:pt idx="1169">
                  <c:v>0</c:v>
                </c:pt>
                <c:pt idx="1170">
                  <c:v>0</c:v>
                </c:pt>
                <c:pt idx="1171">
                  <c:v>0</c:v>
                </c:pt>
                <c:pt idx="1172">
                  <c:v>0</c:v>
                </c:pt>
                <c:pt idx="1173">
                  <c:v>0</c:v>
                </c:pt>
                <c:pt idx="1174">
                  <c:v>0</c:v>
                </c:pt>
                <c:pt idx="1175">
                  <c:v>0</c:v>
                </c:pt>
                <c:pt idx="1176">
                  <c:v>0</c:v>
                </c:pt>
                <c:pt idx="1177">
                  <c:v>0</c:v>
                </c:pt>
                <c:pt idx="1178">
                  <c:v>0</c:v>
                </c:pt>
                <c:pt idx="1179">
                  <c:v>0</c:v>
                </c:pt>
                <c:pt idx="1180">
                  <c:v>0</c:v>
                </c:pt>
                <c:pt idx="1181">
                  <c:v>0</c:v>
                </c:pt>
                <c:pt idx="1182">
                  <c:v>0</c:v>
                </c:pt>
                <c:pt idx="1183">
                  <c:v>0</c:v>
                </c:pt>
                <c:pt idx="1184">
                  <c:v>0</c:v>
                </c:pt>
                <c:pt idx="1185">
                  <c:v>0</c:v>
                </c:pt>
                <c:pt idx="1186">
                  <c:v>0</c:v>
                </c:pt>
                <c:pt idx="1187">
                  <c:v>0</c:v>
                </c:pt>
                <c:pt idx="1188">
                  <c:v>0</c:v>
                </c:pt>
                <c:pt idx="1189">
                  <c:v>0</c:v>
                </c:pt>
                <c:pt idx="1190">
                  <c:v>0</c:v>
                </c:pt>
                <c:pt idx="1191">
                  <c:v>0</c:v>
                </c:pt>
                <c:pt idx="1192">
                  <c:v>0</c:v>
                </c:pt>
                <c:pt idx="1193">
                  <c:v>0</c:v>
                </c:pt>
                <c:pt idx="1194">
                  <c:v>0</c:v>
                </c:pt>
                <c:pt idx="1195">
                  <c:v>0</c:v>
                </c:pt>
                <c:pt idx="1196">
                  <c:v>0</c:v>
                </c:pt>
                <c:pt idx="1197">
                  <c:v>0</c:v>
                </c:pt>
                <c:pt idx="1198">
                  <c:v>0</c:v>
                </c:pt>
                <c:pt idx="1199">
                  <c:v>0</c:v>
                </c:pt>
                <c:pt idx="1200">
                  <c:v>0</c:v>
                </c:pt>
                <c:pt idx="1201">
                  <c:v>0</c:v>
                </c:pt>
                <c:pt idx="1202">
                  <c:v>0</c:v>
                </c:pt>
                <c:pt idx="1203">
                  <c:v>0</c:v>
                </c:pt>
                <c:pt idx="1204">
                  <c:v>0</c:v>
                </c:pt>
                <c:pt idx="1205">
                  <c:v>0</c:v>
                </c:pt>
                <c:pt idx="1206">
                  <c:v>0</c:v>
                </c:pt>
                <c:pt idx="1207">
                  <c:v>0</c:v>
                </c:pt>
                <c:pt idx="1208">
                  <c:v>0</c:v>
                </c:pt>
                <c:pt idx="1209">
                  <c:v>0</c:v>
                </c:pt>
                <c:pt idx="1210">
                  <c:v>0</c:v>
                </c:pt>
                <c:pt idx="1211">
                  <c:v>0</c:v>
                </c:pt>
                <c:pt idx="1212">
                  <c:v>0</c:v>
                </c:pt>
                <c:pt idx="1213">
                  <c:v>0</c:v>
                </c:pt>
                <c:pt idx="1214">
                  <c:v>0</c:v>
                </c:pt>
                <c:pt idx="1215">
                  <c:v>0</c:v>
                </c:pt>
                <c:pt idx="1216">
                  <c:v>0</c:v>
                </c:pt>
                <c:pt idx="1217">
                  <c:v>0</c:v>
                </c:pt>
                <c:pt idx="1218">
                  <c:v>0</c:v>
                </c:pt>
                <c:pt idx="1219">
                  <c:v>0</c:v>
                </c:pt>
                <c:pt idx="1220">
                  <c:v>0</c:v>
                </c:pt>
                <c:pt idx="1221">
                  <c:v>0</c:v>
                </c:pt>
                <c:pt idx="1222">
                  <c:v>0</c:v>
                </c:pt>
                <c:pt idx="1223">
                  <c:v>0</c:v>
                </c:pt>
                <c:pt idx="1224">
                  <c:v>0</c:v>
                </c:pt>
                <c:pt idx="1225">
                  <c:v>0</c:v>
                </c:pt>
                <c:pt idx="1226">
                  <c:v>0</c:v>
                </c:pt>
                <c:pt idx="1227">
                  <c:v>0</c:v>
                </c:pt>
                <c:pt idx="1228">
                  <c:v>0</c:v>
                </c:pt>
                <c:pt idx="1229">
                  <c:v>0</c:v>
                </c:pt>
                <c:pt idx="1230">
                  <c:v>0</c:v>
                </c:pt>
                <c:pt idx="1231">
                  <c:v>0</c:v>
                </c:pt>
                <c:pt idx="1232">
                  <c:v>0</c:v>
                </c:pt>
                <c:pt idx="1233">
                  <c:v>0</c:v>
                </c:pt>
                <c:pt idx="1234">
                  <c:v>0</c:v>
                </c:pt>
                <c:pt idx="1235">
                  <c:v>0</c:v>
                </c:pt>
                <c:pt idx="1236">
                  <c:v>0</c:v>
                </c:pt>
                <c:pt idx="1237">
                  <c:v>0</c:v>
                </c:pt>
                <c:pt idx="1238">
                  <c:v>0</c:v>
                </c:pt>
                <c:pt idx="1239">
                  <c:v>0</c:v>
                </c:pt>
                <c:pt idx="1240">
                  <c:v>0</c:v>
                </c:pt>
                <c:pt idx="1241">
                  <c:v>0</c:v>
                </c:pt>
                <c:pt idx="1242">
                  <c:v>0</c:v>
                </c:pt>
                <c:pt idx="1243">
                  <c:v>0</c:v>
                </c:pt>
                <c:pt idx="1244">
                  <c:v>0</c:v>
                </c:pt>
                <c:pt idx="1245">
                  <c:v>0</c:v>
                </c:pt>
                <c:pt idx="1246">
                  <c:v>0</c:v>
                </c:pt>
                <c:pt idx="1247">
                  <c:v>0</c:v>
                </c:pt>
                <c:pt idx="1248">
                  <c:v>0</c:v>
                </c:pt>
                <c:pt idx="1249">
                  <c:v>0</c:v>
                </c:pt>
                <c:pt idx="1250">
                  <c:v>0</c:v>
                </c:pt>
                <c:pt idx="1251">
                  <c:v>0</c:v>
                </c:pt>
                <c:pt idx="1252">
                  <c:v>0</c:v>
                </c:pt>
                <c:pt idx="1253">
                  <c:v>0</c:v>
                </c:pt>
                <c:pt idx="1254">
                  <c:v>0</c:v>
                </c:pt>
                <c:pt idx="1255">
                  <c:v>0</c:v>
                </c:pt>
                <c:pt idx="1256">
                  <c:v>0</c:v>
                </c:pt>
                <c:pt idx="1257">
                  <c:v>0</c:v>
                </c:pt>
                <c:pt idx="1258">
                  <c:v>0</c:v>
                </c:pt>
                <c:pt idx="1259">
                  <c:v>0</c:v>
                </c:pt>
                <c:pt idx="1260">
                  <c:v>0</c:v>
                </c:pt>
                <c:pt idx="1261">
                  <c:v>0</c:v>
                </c:pt>
                <c:pt idx="1262">
                  <c:v>0</c:v>
                </c:pt>
                <c:pt idx="1263">
                  <c:v>0</c:v>
                </c:pt>
                <c:pt idx="1264">
                  <c:v>0</c:v>
                </c:pt>
                <c:pt idx="1265">
                  <c:v>0</c:v>
                </c:pt>
                <c:pt idx="1266">
                  <c:v>0</c:v>
                </c:pt>
                <c:pt idx="1267">
                  <c:v>0</c:v>
                </c:pt>
                <c:pt idx="1268">
                  <c:v>0</c:v>
                </c:pt>
                <c:pt idx="1269">
                  <c:v>0</c:v>
                </c:pt>
                <c:pt idx="1270">
                  <c:v>0</c:v>
                </c:pt>
                <c:pt idx="1271">
                  <c:v>0</c:v>
                </c:pt>
                <c:pt idx="1272">
                  <c:v>0</c:v>
                </c:pt>
                <c:pt idx="1273">
                  <c:v>0</c:v>
                </c:pt>
                <c:pt idx="1274">
                  <c:v>0</c:v>
                </c:pt>
                <c:pt idx="1275">
                  <c:v>0</c:v>
                </c:pt>
                <c:pt idx="1276">
                  <c:v>0</c:v>
                </c:pt>
                <c:pt idx="1277">
                  <c:v>0</c:v>
                </c:pt>
                <c:pt idx="1278">
                  <c:v>0</c:v>
                </c:pt>
                <c:pt idx="1279">
                  <c:v>0</c:v>
                </c:pt>
                <c:pt idx="1280">
                  <c:v>0</c:v>
                </c:pt>
                <c:pt idx="1281">
                  <c:v>0</c:v>
                </c:pt>
                <c:pt idx="1282">
                  <c:v>0</c:v>
                </c:pt>
                <c:pt idx="1283">
                  <c:v>0</c:v>
                </c:pt>
                <c:pt idx="1284">
                  <c:v>0</c:v>
                </c:pt>
                <c:pt idx="1285">
                  <c:v>0</c:v>
                </c:pt>
                <c:pt idx="1286">
                  <c:v>0</c:v>
                </c:pt>
                <c:pt idx="1287">
                  <c:v>0</c:v>
                </c:pt>
                <c:pt idx="1288">
                  <c:v>0</c:v>
                </c:pt>
                <c:pt idx="1289">
                  <c:v>0</c:v>
                </c:pt>
                <c:pt idx="1290">
                  <c:v>0</c:v>
                </c:pt>
                <c:pt idx="1291">
                  <c:v>0</c:v>
                </c:pt>
                <c:pt idx="1292">
                  <c:v>0</c:v>
                </c:pt>
                <c:pt idx="1293">
                  <c:v>0</c:v>
                </c:pt>
                <c:pt idx="1294">
                  <c:v>0</c:v>
                </c:pt>
                <c:pt idx="1295">
                  <c:v>0</c:v>
                </c:pt>
                <c:pt idx="1296">
                  <c:v>0</c:v>
                </c:pt>
                <c:pt idx="1297">
                  <c:v>0</c:v>
                </c:pt>
                <c:pt idx="1298">
                  <c:v>0</c:v>
                </c:pt>
                <c:pt idx="1299">
                  <c:v>0</c:v>
                </c:pt>
                <c:pt idx="1300">
                  <c:v>0</c:v>
                </c:pt>
                <c:pt idx="1301">
                  <c:v>0</c:v>
                </c:pt>
                <c:pt idx="1302">
                  <c:v>0</c:v>
                </c:pt>
                <c:pt idx="1303">
                  <c:v>0</c:v>
                </c:pt>
                <c:pt idx="1304">
                  <c:v>0</c:v>
                </c:pt>
                <c:pt idx="1305">
                  <c:v>0</c:v>
                </c:pt>
                <c:pt idx="1306">
                  <c:v>0</c:v>
                </c:pt>
                <c:pt idx="1307">
                  <c:v>0</c:v>
                </c:pt>
                <c:pt idx="1308">
                  <c:v>0</c:v>
                </c:pt>
                <c:pt idx="1309">
                  <c:v>0</c:v>
                </c:pt>
                <c:pt idx="1310">
                  <c:v>0</c:v>
                </c:pt>
                <c:pt idx="1311">
                  <c:v>0</c:v>
                </c:pt>
                <c:pt idx="1312">
                  <c:v>0</c:v>
                </c:pt>
                <c:pt idx="1313">
                  <c:v>0</c:v>
                </c:pt>
                <c:pt idx="1314">
                  <c:v>0</c:v>
                </c:pt>
                <c:pt idx="1315">
                  <c:v>0</c:v>
                </c:pt>
                <c:pt idx="1316">
                  <c:v>0</c:v>
                </c:pt>
                <c:pt idx="1317">
                  <c:v>0</c:v>
                </c:pt>
                <c:pt idx="1318">
                  <c:v>0</c:v>
                </c:pt>
                <c:pt idx="1319">
                  <c:v>0</c:v>
                </c:pt>
                <c:pt idx="1320">
                  <c:v>0</c:v>
                </c:pt>
                <c:pt idx="1321">
                  <c:v>0</c:v>
                </c:pt>
                <c:pt idx="1322">
                  <c:v>0</c:v>
                </c:pt>
                <c:pt idx="1323">
                  <c:v>0</c:v>
                </c:pt>
                <c:pt idx="1324">
                  <c:v>0</c:v>
                </c:pt>
                <c:pt idx="1325">
                  <c:v>0</c:v>
                </c:pt>
                <c:pt idx="1326">
                  <c:v>0</c:v>
                </c:pt>
                <c:pt idx="1327">
                  <c:v>0</c:v>
                </c:pt>
                <c:pt idx="1328">
                  <c:v>0</c:v>
                </c:pt>
                <c:pt idx="1329">
                  <c:v>0</c:v>
                </c:pt>
                <c:pt idx="1330">
                  <c:v>0</c:v>
                </c:pt>
                <c:pt idx="1331">
                  <c:v>0</c:v>
                </c:pt>
                <c:pt idx="1332">
                  <c:v>0</c:v>
                </c:pt>
                <c:pt idx="1333">
                  <c:v>0</c:v>
                </c:pt>
                <c:pt idx="1334">
                  <c:v>0</c:v>
                </c:pt>
                <c:pt idx="1335">
                  <c:v>0</c:v>
                </c:pt>
                <c:pt idx="1336">
                  <c:v>0</c:v>
                </c:pt>
                <c:pt idx="1337">
                  <c:v>0</c:v>
                </c:pt>
                <c:pt idx="1338">
                  <c:v>0</c:v>
                </c:pt>
                <c:pt idx="1339">
                  <c:v>0</c:v>
                </c:pt>
                <c:pt idx="1340">
                  <c:v>0</c:v>
                </c:pt>
                <c:pt idx="1341">
                  <c:v>0</c:v>
                </c:pt>
                <c:pt idx="1342">
                  <c:v>0</c:v>
                </c:pt>
                <c:pt idx="1343">
                  <c:v>0</c:v>
                </c:pt>
                <c:pt idx="1344">
                  <c:v>0</c:v>
                </c:pt>
                <c:pt idx="1345">
                  <c:v>0</c:v>
                </c:pt>
                <c:pt idx="1346">
                  <c:v>0</c:v>
                </c:pt>
                <c:pt idx="1347">
                  <c:v>0</c:v>
                </c:pt>
                <c:pt idx="1348">
                  <c:v>0</c:v>
                </c:pt>
                <c:pt idx="1349">
                  <c:v>0</c:v>
                </c:pt>
                <c:pt idx="1350">
                  <c:v>0</c:v>
                </c:pt>
                <c:pt idx="1351">
                  <c:v>0</c:v>
                </c:pt>
                <c:pt idx="1352">
                  <c:v>0</c:v>
                </c:pt>
                <c:pt idx="1353">
                  <c:v>0</c:v>
                </c:pt>
                <c:pt idx="1354">
                  <c:v>0</c:v>
                </c:pt>
                <c:pt idx="1355">
                  <c:v>0</c:v>
                </c:pt>
                <c:pt idx="1356">
                  <c:v>0</c:v>
                </c:pt>
                <c:pt idx="1357">
                  <c:v>0</c:v>
                </c:pt>
                <c:pt idx="1358">
                  <c:v>0</c:v>
                </c:pt>
                <c:pt idx="1359">
                  <c:v>0</c:v>
                </c:pt>
                <c:pt idx="1360">
                  <c:v>0</c:v>
                </c:pt>
                <c:pt idx="1361">
                  <c:v>0</c:v>
                </c:pt>
                <c:pt idx="1362">
                  <c:v>0</c:v>
                </c:pt>
                <c:pt idx="1363">
                  <c:v>0</c:v>
                </c:pt>
                <c:pt idx="1364">
                  <c:v>0</c:v>
                </c:pt>
                <c:pt idx="1365">
                  <c:v>0</c:v>
                </c:pt>
                <c:pt idx="1366">
                  <c:v>0</c:v>
                </c:pt>
                <c:pt idx="1367">
                  <c:v>0</c:v>
                </c:pt>
                <c:pt idx="1368">
                  <c:v>0</c:v>
                </c:pt>
                <c:pt idx="1369">
                  <c:v>0</c:v>
                </c:pt>
                <c:pt idx="1370">
                  <c:v>0</c:v>
                </c:pt>
                <c:pt idx="1371">
                  <c:v>0</c:v>
                </c:pt>
                <c:pt idx="1372">
                  <c:v>0</c:v>
                </c:pt>
                <c:pt idx="1373">
                  <c:v>0</c:v>
                </c:pt>
                <c:pt idx="1374">
                  <c:v>0</c:v>
                </c:pt>
                <c:pt idx="1375">
                  <c:v>0</c:v>
                </c:pt>
                <c:pt idx="1376">
                  <c:v>0</c:v>
                </c:pt>
                <c:pt idx="1377">
                  <c:v>0</c:v>
                </c:pt>
                <c:pt idx="1378">
                  <c:v>0</c:v>
                </c:pt>
                <c:pt idx="1379">
                  <c:v>0</c:v>
                </c:pt>
                <c:pt idx="1380">
                  <c:v>0</c:v>
                </c:pt>
                <c:pt idx="1381">
                  <c:v>0</c:v>
                </c:pt>
                <c:pt idx="1382">
                  <c:v>0</c:v>
                </c:pt>
                <c:pt idx="1383">
                  <c:v>0</c:v>
                </c:pt>
                <c:pt idx="1384">
                  <c:v>0</c:v>
                </c:pt>
                <c:pt idx="1385">
                  <c:v>0</c:v>
                </c:pt>
                <c:pt idx="1386">
                  <c:v>0</c:v>
                </c:pt>
                <c:pt idx="1387">
                  <c:v>0</c:v>
                </c:pt>
                <c:pt idx="1388">
                  <c:v>0</c:v>
                </c:pt>
                <c:pt idx="1389">
                  <c:v>0</c:v>
                </c:pt>
                <c:pt idx="1390">
                  <c:v>0</c:v>
                </c:pt>
                <c:pt idx="1391">
                  <c:v>0</c:v>
                </c:pt>
                <c:pt idx="1392">
                  <c:v>0</c:v>
                </c:pt>
                <c:pt idx="1393">
                  <c:v>0</c:v>
                </c:pt>
                <c:pt idx="1394">
                  <c:v>0</c:v>
                </c:pt>
                <c:pt idx="1395">
                  <c:v>0</c:v>
                </c:pt>
                <c:pt idx="1396">
                  <c:v>0</c:v>
                </c:pt>
                <c:pt idx="1397">
                  <c:v>0</c:v>
                </c:pt>
                <c:pt idx="1398">
                  <c:v>0</c:v>
                </c:pt>
                <c:pt idx="1399">
                  <c:v>0</c:v>
                </c:pt>
                <c:pt idx="1400">
                  <c:v>0</c:v>
                </c:pt>
                <c:pt idx="1401">
                  <c:v>0</c:v>
                </c:pt>
                <c:pt idx="1402">
                  <c:v>0</c:v>
                </c:pt>
                <c:pt idx="1403">
                  <c:v>0</c:v>
                </c:pt>
                <c:pt idx="1404">
                  <c:v>0</c:v>
                </c:pt>
                <c:pt idx="1405">
                  <c:v>0</c:v>
                </c:pt>
                <c:pt idx="1406">
                  <c:v>0</c:v>
                </c:pt>
                <c:pt idx="1407">
                  <c:v>0</c:v>
                </c:pt>
                <c:pt idx="1408">
                  <c:v>0</c:v>
                </c:pt>
                <c:pt idx="1409">
                  <c:v>0</c:v>
                </c:pt>
                <c:pt idx="1410">
                  <c:v>0</c:v>
                </c:pt>
                <c:pt idx="1411">
                  <c:v>0</c:v>
                </c:pt>
                <c:pt idx="1412">
                  <c:v>0</c:v>
                </c:pt>
                <c:pt idx="1413">
                  <c:v>0</c:v>
                </c:pt>
                <c:pt idx="1414">
                  <c:v>0</c:v>
                </c:pt>
                <c:pt idx="1415">
                  <c:v>0</c:v>
                </c:pt>
                <c:pt idx="1416">
                  <c:v>0</c:v>
                </c:pt>
                <c:pt idx="1417">
                  <c:v>0</c:v>
                </c:pt>
                <c:pt idx="1418">
                  <c:v>0</c:v>
                </c:pt>
                <c:pt idx="1419">
                  <c:v>0</c:v>
                </c:pt>
                <c:pt idx="1420">
                  <c:v>0</c:v>
                </c:pt>
                <c:pt idx="1421">
                  <c:v>0</c:v>
                </c:pt>
                <c:pt idx="1422">
                  <c:v>0</c:v>
                </c:pt>
                <c:pt idx="1423">
                  <c:v>0</c:v>
                </c:pt>
                <c:pt idx="1424">
                  <c:v>0</c:v>
                </c:pt>
                <c:pt idx="1425">
                  <c:v>0</c:v>
                </c:pt>
                <c:pt idx="1426">
                  <c:v>0</c:v>
                </c:pt>
                <c:pt idx="1427">
                  <c:v>0</c:v>
                </c:pt>
                <c:pt idx="1428">
                  <c:v>0</c:v>
                </c:pt>
                <c:pt idx="1429">
                  <c:v>0</c:v>
                </c:pt>
                <c:pt idx="1430">
                  <c:v>0</c:v>
                </c:pt>
                <c:pt idx="1431">
                  <c:v>0</c:v>
                </c:pt>
                <c:pt idx="1432">
                  <c:v>0</c:v>
                </c:pt>
                <c:pt idx="1433">
                  <c:v>0</c:v>
                </c:pt>
                <c:pt idx="1434">
                  <c:v>0</c:v>
                </c:pt>
                <c:pt idx="1435">
                  <c:v>0</c:v>
                </c:pt>
                <c:pt idx="1436">
                  <c:v>0</c:v>
                </c:pt>
                <c:pt idx="1437">
                  <c:v>0</c:v>
                </c:pt>
                <c:pt idx="1438">
                  <c:v>0</c:v>
                </c:pt>
                <c:pt idx="1439">
                  <c:v>0</c:v>
                </c:pt>
                <c:pt idx="1440">
                  <c:v>0</c:v>
                </c:pt>
                <c:pt idx="1441">
                  <c:v>0</c:v>
                </c:pt>
                <c:pt idx="1442">
                  <c:v>0</c:v>
                </c:pt>
                <c:pt idx="1443">
                  <c:v>0</c:v>
                </c:pt>
                <c:pt idx="1444">
                  <c:v>0</c:v>
                </c:pt>
                <c:pt idx="1445">
                  <c:v>0</c:v>
                </c:pt>
                <c:pt idx="1446">
                  <c:v>0</c:v>
                </c:pt>
                <c:pt idx="1447">
                  <c:v>0</c:v>
                </c:pt>
                <c:pt idx="1448">
                  <c:v>0</c:v>
                </c:pt>
                <c:pt idx="1449">
                  <c:v>0</c:v>
                </c:pt>
                <c:pt idx="1450">
                  <c:v>0</c:v>
                </c:pt>
                <c:pt idx="1451">
                  <c:v>0</c:v>
                </c:pt>
                <c:pt idx="1452">
                  <c:v>0</c:v>
                </c:pt>
                <c:pt idx="1453">
                  <c:v>0</c:v>
                </c:pt>
                <c:pt idx="1454">
                  <c:v>0</c:v>
                </c:pt>
                <c:pt idx="1455">
                  <c:v>0</c:v>
                </c:pt>
                <c:pt idx="1456">
                  <c:v>0</c:v>
                </c:pt>
                <c:pt idx="1457">
                  <c:v>0</c:v>
                </c:pt>
                <c:pt idx="1458">
                  <c:v>0</c:v>
                </c:pt>
                <c:pt idx="1459">
                  <c:v>0</c:v>
                </c:pt>
                <c:pt idx="1460">
                  <c:v>0</c:v>
                </c:pt>
                <c:pt idx="1461">
                  <c:v>0</c:v>
                </c:pt>
                <c:pt idx="1462">
                  <c:v>0</c:v>
                </c:pt>
                <c:pt idx="1463">
                  <c:v>0</c:v>
                </c:pt>
                <c:pt idx="1464">
                  <c:v>0</c:v>
                </c:pt>
                <c:pt idx="1465">
                  <c:v>0</c:v>
                </c:pt>
                <c:pt idx="1466">
                  <c:v>0</c:v>
                </c:pt>
                <c:pt idx="1467">
                  <c:v>0</c:v>
                </c:pt>
                <c:pt idx="1468">
                  <c:v>0</c:v>
                </c:pt>
                <c:pt idx="1469">
                  <c:v>0</c:v>
                </c:pt>
                <c:pt idx="1470">
                  <c:v>0</c:v>
                </c:pt>
                <c:pt idx="1471">
                  <c:v>0</c:v>
                </c:pt>
                <c:pt idx="1472">
                  <c:v>0</c:v>
                </c:pt>
                <c:pt idx="1473">
                  <c:v>0</c:v>
                </c:pt>
                <c:pt idx="1474">
                  <c:v>0</c:v>
                </c:pt>
                <c:pt idx="1475">
                  <c:v>0</c:v>
                </c:pt>
                <c:pt idx="1476">
                  <c:v>0</c:v>
                </c:pt>
                <c:pt idx="1477">
                  <c:v>0</c:v>
                </c:pt>
                <c:pt idx="1478">
                  <c:v>0</c:v>
                </c:pt>
                <c:pt idx="1479">
                  <c:v>0</c:v>
                </c:pt>
                <c:pt idx="1480">
                  <c:v>0</c:v>
                </c:pt>
                <c:pt idx="1481">
                  <c:v>0</c:v>
                </c:pt>
                <c:pt idx="1482">
                  <c:v>0</c:v>
                </c:pt>
                <c:pt idx="1483">
                  <c:v>0</c:v>
                </c:pt>
                <c:pt idx="1484">
                  <c:v>0</c:v>
                </c:pt>
                <c:pt idx="1485">
                  <c:v>0</c:v>
                </c:pt>
                <c:pt idx="1486">
                  <c:v>0</c:v>
                </c:pt>
                <c:pt idx="1487">
                  <c:v>0</c:v>
                </c:pt>
                <c:pt idx="1488">
                  <c:v>0</c:v>
                </c:pt>
                <c:pt idx="1489">
                  <c:v>0</c:v>
                </c:pt>
                <c:pt idx="1490">
                  <c:v>0</c:v>
                </c:pt>
                <c:pt idx="1491">
                  <c:v>0</c:v>
                </c:pt>
                <c:pt idx="1492">
                  <c:v>0</c:v>
                </c:pt>
                <c:pt idx="1493">
                  <c:v>0</c:v>
                </c:pt>
                <c:pt idx="1494">
                  <c:v>0</c:v>
                </c:pt>
                <c:pt idx="1495">
                  <c:v>0</c:v>
                </c:pt>
                <c:pt idx="1496">
                  <c:v>0</c:v>
                </c:pt>
                <c:pt idx="1497">
                  <c:v>0</c:v>
                </c:pt>
                <c:pt idx="1498">
                  <c:v>0</c:v>
                </c:pt>
                <c:pt idx="1499">
                  <c:v>0</c:v>
                </c:pt>
                <c:pt idx="1500">
                  <c:v>0</c:v>
                </c:pt>
                <c:pt idx="1501">
                  <c:v>0</c:v>
                </c:pt>
                <c:pt idx="1502">
                  <c:v>0</c:v>
                </c:pt>
                <c:pt idx="1503">
                  <c:v>0</c:v>
                </c:pt>
                <c:pt idx="1504">
                  <c:v>0</c:v>
                </c:pt>
                <c:pt idx="1505">
                  <c:v>0</c:v>
                </c:pt>
                <c:pt idx="1506">
                  <c:v>0</c:v>
                </c:pt>
                <c:pt idx="1507">
                  <c:v>0</c:v>
                </c:pt>
                <c:pt idx="1508">
                  <c:v>0</c:v>
                </c:pt>
                <c:pt idx="1509">
                  <c:v>0</c:v>
                </c:pt>
                <c:pt idx="1510">
                  <c:v>0</c:v>
                </c:pt>
                <c:pt idx="1511">
                  <c:v>0</c:v>
                </c:pt>
                <c:pt idx="1512">
                  <c:v>0</c:v>
                </c:pt>
                <c:pt idx="1513">
                  <c:v>0</c:v>
                </c:pt>
                <c:pt idx="1514">
                  <c:v>0</c:v>
                </c:pt>
                <c:pt idx="1515">
                  <c:v>0</c:v>
                </c:pt>
                <c:pt idx="1516">
                  <c:v>0</c:v>
                </c:pt>
                <c:pt idx="1517">
                  <c:v>0</c:v>
                </c:pt>
                <c:pt idx="1518">
                  <c:v>0</c:v>
                </c:pt>
                <c:pt idx="1519">
                  <c:v>0</c:v>
                </c:pt>
                <c:pt idx="1520">
                  <c:v>0</c:v>
                </c:pt>
                <c:pt idx="1521">
                  <c:v>0</c:v>
                </c:pt>
                <c:pt idx="1522">
                  <c:v>0</c:v>
                </c:pt>
                <c:pt idx="1523">
                  <c:v>0</c:v>
                </c:pt>
                <c:pt idx="1524">
                  <c:v>0</c:v>
                </c:pt>
                <c:pt idx="1525">
                  <c:v>0</c:v>
                </c:pt>
                <c:pt idx="1526">
                  <c:v>0</c:v>
                </c:pt>
                <c:pt idx="1527">
                  <c:v>0</c:v>
                </c:pt>
                <c:pt idx="1528">
                  <c:v>0</c:v>
                </c:pt>
                <c:pt idx="1529">
                  <c:v>0</c:v>
                </c:pt>
                <c:pt idx="1530">
                  <c:v>0</c:v>
                </c:pt>
                <c:pt idx="1531">
                  <c:v>0</c:v>
                </c:pt>
                <c:pt idx="1532">
                  <c:v>0</c:v>
                </c:pt>
                <c:pt idx="1533">
                  <c:v>0</c:v>
                </c:pt>
                <c:pt idx="1534">
                  <c:v>0</c:v>
                </c:pt>
                <c:pt idx="1535">
                  <c:v>0</c:v>
                </c:pt>
                <c:pt idx="1536">
                  <c:v>0</c:v>
                </c:pt>
                <c:pt idx="1537">
                  <c:v>0</c:v>
                </c:pt>
                <c:pt idx="1538">
                  <c:v>0</c:v>
                </c:pt>
                <c:pt idx="1539">
                  <c:v>0</c:v>
                </c:pt>
                <c:pt idx="1540">
                  <c:v>0</c:v>
                </c:pt>
                <c:pt idx="1541">
                  <c:v>0</c:v>
                </c:pt>
                <c:pt idx="1542">
                  <c:v>0</c:v>
                </c:pt>
                <c:pt idx="1543">
                  <c:v>0</c:v>
                </c:pt>
                <c:pt idx="1544">
                  <c:v>0</c:v>
                </c:pt>
                <c:pt idx="1545">
                  <c:v>0</c:v>
                </c:pt>
                <c:pt idx="1546">
                  <c:v>0</c:v>
                </c:pt>
                <c:pt idx="1547">
                  <c:v>0</c:v>
                </c:pt>
                <c:pt idx="1548">
                  <c:v>0</c:v>
                </c:pt>
                <c:pt idx="1549">
                  <c:v>0</c:v>
                </c:pt>
                <c:pt idx="1550">
                  <c:v>0</c:v>
                </c:pt>
                <c:pt idx="1551">
                  <c:v>0</c:v>
                </c:pt>
                <c:pt idx="1552">
                  <c:v>0</c:v>
                </c:pt>
                <c:pt idx="1553">
                  <c:v>0</c:v>
                </c:pt>
                <c:pt idx="1554">
                  <c:v>0</c:v>
                </c:pt>
                <c:pt idx="1555">
                  <c:v>0</c:v>
                </c:pt>
                <c:pt idx="1556">
                  <c:v>0</c:v>
                </c:pt>
                <c:pt idx="1557">
                  <c:v>0</c:v>
                </c:pt>
                <c:pt idx="1558">
                  <c:v>0</c:v>
                </c:pt>
                <c:pt idx="1559">
                  <c:v>0</c:v>
                </c:pt>
                <c:pt idx="1560">
                  <c:v>0</c:v>
                </c:pt>
                <c:pt idx="1561">
                  <c:v>0</c:v>
                </c:pt>
                <c:pt idx="1562">
                  <c:v>0</c:v>
                </c:pt>
                <c:pt idx="1563">
                  <c:v>0</c:v>
                </c:pt>
                <c:pt idx="1564">
                  <c:v>0</c:v>
                </c:pt>
                <c:pt idx="1565">
                  <c:v>0</c:v>
                </c:pt>
                <c:pt idx="1566">
                  <c:v>0</c:v>
                </c:pt>
                <c:pt idx="1567">
                  <c:v>0</c:v>
                </c:pt>
                <c:pt idx="1568">
                  <c:v>0</c:v>
                </c:pt>
                <c:pt idx="1569">
                  <c:v>0</c:v>
                </c:pt>
                <c:pt idx="1570">
                  <c:v>0</c:v>
                </c:pt>
                <c:pt idx="1571">
                  <c:v>0</c:v>
                </c:pt>
                <c:pt idx="1572">
                  <c:v>0</c:v>
                </c:pt>
                <c:pt idx="1573">
                  <c:v>0</c:v>
                </c:pt>
                <c:pt idx="1574">
                  <c:v>0</c:v>
                </c:pt>
                <c:pt idx="1575">
                  <c:v>0</c:v>
                </c:pt>
                <c:pt idx="1576">
                  <c:v>0</c:v>
                </c:pt>
                <c:pt idx="1577">
                  <c:v>0</c:v>
                </c:pt>
                <c:pt idx="1578">
                  <c:v>0</c:v>
                </c:pt>
                <c:pt idx="1579">
                  <c:v>0</c:v>
                </c:pt>
                <c:pt idx="1580">
                  <c:v>0</c:v>
                </c:pt>
                <c:pt idx="1581">
                  <c:v>0</c:v>
                </c:pt>
                <c:pt idx="1582">
                  <c:v>0</c:v>
                </c:pt>
                <c:pt idx="1583">
                  <c:v>0</c:v>
                </c:pt>
                <c:pt idx="1584">
                  <c:v>0</c:v>
                </c:pt>
                <c:pt idx="1585">
                  <c:v>0</c:v>
                </c:pt>
                <c:pt idx="1586">
                  <c:v>0</c:v>
                </c:pt>
                <c:pt idx="1587">
                  <c:v>0</c:v>
                </c:pt>
                <c:pt idx="1588">
                  <c:v>0</c:v>
                </c:pt>
                <c:pt idx="1589">
                  <c:v>0</c:v>
                </c:pt>
                <c:pt idx="1590">
                  <c:v>0</c:v>
                </c:pt>
                <c:pt idx="1591">
                  <c:v>0</c:v>
                </c:pt>
                <c:pt idx="1592">
                  <c:v>0</c:v>
                </c:pt>
                <c:pt idx="1593">
                  <c:v>0</c:v>
                </c:pt>
                <c:pt idx="1594">
                  <c:v>0</c:v>
                </c:pt>
                <c:pt idx="1595">
                  <c:v>0</c:v>
                </c:pt>
                <c:pt idx="1596">
                  <c:v>0</c:v>
                </c:pt>
                <c:pt idx="1597">
                  <c:v>0</c:v>
                </c:pt>
                <c:pt idx="1598">
                  <c:v>0</c:v>
                </c:pt>
                <c:pt idx="1599">
                  <c:v>0</c:v>
                </c:pt>
                <c:pt idx="1600">
                  <c:v>0</c:v>
                </c:pt>
                <c:pt idx="1601">
                  <c:v>0</c:v>
                </c:pt>
                <c:pt idx="1602">
                  <c:v>0</c:v>
                </c:pt>
                <c:pt idx="1603">
                  <c:v>0</c:v>
                </c:pt>
                <c:pt idx="1604">
                  <c:v>0</c:v>
                </c:pt>
                <c:pt idx="1605">
                  <c:v>0</c:v>
                </c:pt>
                <c:pt idx="1606">
                  <c:v>0</c:v>
                </c:pt>
                <c:pt idx="1607">
                  <c:v>0</c:v>
                </c:pt>
                <c:pt idx="1608">
                  <c:v>0</c:v>
                </c:pt>
                <c:pt idx="1609">
                  <c:v>0</c:v>
                </c:pt>
                <c:pt idx="1610">
                  <c:v>0</c:v>
                </c:pt>
                <c:pt idx="1611">
                  <c:v>0</c:v>
                </c:pt>
                <c:pt idx="1612">
                  <c:v>0</c:v>
                </c:pt>
                <c:pt idx="1613">
                  <c:v>0</c:v>
                </c:pt>
                <c:pt idx="1614">
                  <c:v>0</c:v>
                </c:pt>
                <c:pt idx="1615">
                  <c:v>0</c:v>
                </c:pt>
                <c:pt idx="1616">
                  <c:v>0</c:v>
                </c:pt>
                <c:pt idx="1617">
                  <c:v>0</c:v>
                </c:pt>
                <c:pt idx="1618">
                  <c:v>0</c:v>
                </c:pt>
                <c:pt idx="1619">
                  <c:v>0</c:v>
                </c:pt>
                <c:pt idx="1620">
                  <c:v>0</c:v>
                </c:pt>
                <c:pt idx="1621">
                  <c:v>0</c:v>
                </c:pt>
                <c:pt idx="1622">
                  <c:v>0</c:v>
                </c:pt>
                <c:pt idx="1623">
                  <c:v>0</c:v>
                </c:pt>
                <c:pt idx="1624">
                  <c:v>0</c:v>
                </c:pt>
                <c:pt idx="1625">
                  <c:v>0</c:v>
                </c:pt>
                <c:pt idx="1626">
                  <c:v>0</c:v>
                </c:pt>
                <c:pt idx="1627">
                  <c:v>0</c:v>
                </c:pt>
                <c:pt idx="1628">
                  <c:v>0</c:v>
                </c:pt>
                <c:pt idx="1629">
                  <c:v>0</c:v>
                </c:pt>
                <c:pt idx="1630">
                  <c:v>0</c:v>
                </c:pt>
                <c:pt idx="1631">
                  <c:v>0</c:v>
                </c:pt>
                <c:pt idx="1632">
                  <c:v>0</c:v>
                </c:pt>
                <c:pt idx="1633">
                  <c:v>0</c:v>
                </c:pt>
                <c:pt idx="1634">
                  <c:v>0</c:v>
                </c:pt>
                <c:pt idx="1635">
                  <c:v>0</c:v>
                </c:pt>
                <c:pt idx="1636">
                  <c:v>0</c:v>
                </c:pt>
                <c:pt idx="1637">
                  <c:v>0</c:v>
                </c:pt>
                <c:pt idx="1638">
                  <c:v>0</c:v>
                </c:pt>
                <c:pt idx="1639">
                  <c:v>0</c:v>
                </c:pt>
                <c:pt idx="1640">
                  <c:v>0</c:v>
                </c:pt>
                <c:pt idx="1641">
                  <c:v>0</c:v>
                </c:pt>
                <c:pt idx="1642">
                  <c:v>0</c:v>
                </c:pt>
                <c:pt idx="1643">
                  <c:v>0</c:v>
                </c:pt>
                <c:pt idx="1644">
                  <c:v>0</c:v>
                </c:pt>
                <c:pt idx="1645">
                  <c:v>0</c:v>
                </c:pt>
                <c:pt idx="1646">
                  <c:v>0</c:v>
                </c:pt>
                <c:pt idx="1647">
                  <c:v>0</c:v>
                </c:pt>
                <c:pt idx="1648">
                  <c:v>0</c:v>
                </c:pt>
                <c:pt idx="1649">
                  <c:v>0</c:v>
                </c:pt>
                <c:pt idx="1650">
                  <c:v>0</c:v>
                </c:pt>
                <c:pt idx="1651">
                  <c:v>0</c:v>
                </c:pt>
                <c:pt idx="1652">
                  <c:v>0</c:v>
                </c:pt>
                <c:pt idx="1653">
                  <c:v>0</c:v>
                </c:pt>
                <c:pt idx="1654">
                  <c:v>0</c:v>
                </c:pt>
                <c:pt idx="1655">
                  <c:v>0</c:v>
                </c:pt>
                <c:pt idx="1656">
                  <c:v>0</c:v>
                </c:pt>
                <c:pt idx="1657">
                  <c:v>0</c:v>
                </c:pt>
                <c:pt idx="1658">
                  <c:v>0</c:v>
                </c:pt>
                <c:pt idx="1659">
                  <c:v>0</c:v>
                </c:pt>
                <c:pt idx="1660">
                  <c:v>0</c:v>
                </c:pt>
                <c:pt idx="1661">
                  <c:v>0</c:v>
                </c:pt>
                <c:pt idx="1662">
                  <c:v>0</c:v>
                </c:pt>
                <c:pt idx="1663">
                  <c:v>0</c:v>
                </c:pt>
                <c:pt idx="1664">
                  <c:v>0</c:v>
                </c:pt>
                <c:pt idx="1665">
                  <c:v>0</c:v>
                </c:pt>
                <c:pt idx="1666">
                  <c:v>0</c:v>
                </c:pt>
                <c:pt idx="1667">
                  <c:v>0</c:v>
                </c:pt>
                <c:pt idx="1668">
                  <c:v>0</c:v>
                </c:pt>
                <c:pt idx="1669">
                  <c:v>0</c:v>
                </c:pt>
                <c:pt idx="1670">
                  <c:v>0</c:v>
                </c:pt>
                <c:pt idx="1671">
                  <c:v>0</c:v>
                </c:pt>
                <c:pt idx="1672">
                  <c:v>0</c:v>
                </c:pt>
                <c:pt idx="1673">
                  <c:v>0</c:v>
                </c:pt>
                <c:pt idx="1674">
                  <c:v>0</c:v>
                </c:pt>
                <c:pt idx="1675">
                  <c:v>0</c:v>
                </c:pt>
                <c:pt idx="1676">
                  <c:v>0</c:v>
                </c:pt>
                <c:pt idx="1677">
                  <c:v>0</c:v>
                </c:pt>
                <c:pt idx="1678">
                  <c:v>0</c:v>
                </c:pt>
                <c:pt idx="1679">
                  <c:v>0</c:v>
                </c:pt>
                <c:pt idx="1680">
                  <c:v>0</c:v>
                </c:pt>
                <c:pt idx="1681">
                  <c:v>0</c:v>
                </c:pt>
                <c:pt idx="1682">
                  <c:v>0</c:v>
                </c:pt>
                <c:pt idx="1683">
                  <c:v>0</c:v>
                </c:pt>
                <c:pt idx="1684">
                  <c:v>0</c:v>
                </c:pt>
                <c:pt idx="1685">
                  <c:v>0</c:v>
                </c:pt>
                <c:pt idx="1686">
                  <c:v>0</c:v>
                </c:pt>
                <c:pt idx="1687">
                  <c:v>0</c:v>
                </c:pt>
                <c:pt idx="1688">
                  <c:v>0</c:v>
                </c:pt>
                <c:pt idx="1689">
                  <c:v>0</c:v>
                </c:pt>
                <c:pt idx="1690">
                  <c:v>0</c:v>
                </c:pt>
                <c:pt idx="1691">
                  <c:v>0</c:v>
                </c:pt>
                <c:pt idx="1692">
                  <c:v>0</c:v>
                </c:pt>
                <c:pt idx="1693">
                  <c:v>0</c:v>
                </c:pt>
                <c:pt idx="1694">
                  <c:v>0</c:v>
                </c:pt>
                <c:pt idx="1695">
                  <c:v>0</c:v>
                </c:pt>
                <c:pt idx="1696">
                  <c:v>0</c:v>
                </c:pt>
                <c:pt idx="1697">
                  <c:v>0</c:v>
                </c:pt>
                <c:pt idx="1698">
                  <c:v>0</c:v>
                </c:pt>
                <c:pt idx="1699">
                  <c:v>0</c:v>
                </c:pt>
                <c:pt idx="1700">
                  <c:v>0</c:v>
                </c:pt>
                <c:pt idx="1701">
                  <c:v>0</c:v>
                </c:pt>
                <c:pt idx="1702">
                  <c:v>0</c:v>
                </c:pt>
                <c:pt idx="1703">
                  <c:v>0</c:v>
                </c:pt>
                <c:pt idx="1704">
                  <c:v>0</c:v>
                </c:pt>
                <c:pt idx="1705">
                  <c:v>0</c:v>
                </c:pt>
                <c:pt idx="1706">
                  <c:v>0</c:v>
                </c:pt>
                <c:pt idx="1707">
                  <c:v>0</c:v>
                </c:pt>
                <c:pt idx="1708">
                  <c:v>0</c:v>
                </c:pt>
                <c:pt idx="1709">
                  <c:v>0</c:v>
                </c:pt>
                <c:pt idx="1710">
                  <c:v>0</c:v>
                </c:pt>
                <c:pt idx="1711">
                  <c:v>0</c:v>
                </c:pt>
                <c:pt idx="1712">
                  <c:v>0</c:v>
                </c:pt>
                <c:pt idx="1713">
                  <c:v>0</c:v>
                </c:pt>
                <c:pt idx="1714">
                  <c:v>0</c:v>
                </c:pt>
                <c:pt idx="1715">
                  <c:v>0</c:v>
                </c:pt>
                <c:pt idx="1716">
                  <c:v>0</c:v>
                </c:pt>
                <c:pt idx="1717">
                  <c:v>0</c:v>
                </c:pt>
                <c:pt idx="1718">
                  <c:v>0</c:v>
                </c:pt>
                <c:pt idx="1719">
                  <c:v>0</c:v>
                </c:pt>
                <c:pt idx="1720">
                  <c:v>0</c:v>
                </c:pt>
                <c:pt idx="1721">
                  <c:v>0</c:v>
                </c:pt>
                <c:pt idx="1722">
                  <c:v>0</c:v>
                </c:pt>
                <c:pt idx="1723">
                  <c:v>0</c:v>
                </c:pt>
                <c:pt idx="1724">
                  <c:v>0</c:v>
                </c:pt>
                <c:pt idx="1725">
                  <c:v>0</c:v>
                </c:pt>
                <c:pt idx="1726">
                  <c:v>0</c:v>
                </c:pt>
                <c:pt idx="1727">
                  <c:v>0</c:v>
                </c:pt>
                <c:pt idx="1728">
                  <c:v>0</c:v>
                </c:pt>
                <c:pt idx="1729">
                  <c:v>0</c:v>
                </c:pt>
                <c:pt idx="1730">
                  <c:v>0</c:v>
                </c:pt>
                <c:pt idx="1731">
                  <c:v>0</c:v>
                </c:pt>
                <c:pt idx="1732">
                  <c:v>0</c:v>
                </c:pt>
                <c:pt idx="1733">
                  <c:v>0</c:v>
                </c:pt>
                <c:pt idx="1734">
                  <c:v>0</c:v>
                </c:pt>
                <c:pt idx="1735">
                  <c:v>0</c:v>
                </c:pt>
                <c:pt idx="1736">
                  <c:v>0</c:v>
                </c:pt>
                <c:pt idx="1737">
                  <c:v>0</c:v>
                </c:pt>
                <c:pt idx="1738">
                  <c:v>0</c:v>
                </c:pt>
                <c:pt idx="1739">
                  <c:v>0</c:v>
                </c:pt>
                <c:pt idx="1740">
                  <c:v>0</c:v>
                </c:pt>
                <c:pt idx="1741">
                  <c:v>0</c:v>
                </c:pt>
                <c:pt idx="1742">
                  <c:v>0</c:v>
                </c:pt>
                <c:pt idx="1743">
                  <c:v>0</c:v>
                </c:pt>
                <c:pt idx="1744">
                  <c:v>0</c:v>
                </c:pt>
                <c:pt idx="1745">
                  <c:v>0</c:v>
                </c:pt>
                <c:pt idx="1746">
                  <c:v>0</c:v>
                </c:pt>
                <c:pt idx="1747">
                  <c:v>0</c:v>
                </c:pt>
                <c:pt idx="1748">
                  <c:v>0</c:v>
                </c:pt>
                <c:pt idx="1749">
                  <c:v>0</c:v>
                </c:pt>
                <c:pt idx="1750">
                  <c:v>0</c:v>
                </c:pt>
                <c:pt idx="1751">
                  <c:v>0</c:v>
                </c:pt>
                <c:pt idx="1752">
                  <c:v>0</c:v>
                </c:pt>
                <c:pt idx="1753">
                  <c:v>0</c:v>
                </c:pt>
                <c:pt idx="1754">
                  <c:v>0</c:v>
                </c:pt>
                <c:pt idx="1755">
                  <c:v>0</c:v>
                </c:pt>
                <c:pt idx="1756">
                  <c:v>0</c:v>
                </c:pt>
                <c:pt idx="1757">
                  <c:v>0</c:v>
                </c:pt>
                <c:pt idx="1758">
                  <c:v>0</c:v>
                </c:pt>
                <c:pt idx="1759">
                  <c:v>0</c:v>
                </c:pt>
                <c:pt idx="1760">
                  <c:v>0</c:v>
                </c:pt>
                <c:pt idx="1761">
                  <c:v>0</c:v>
                </c:pt>
                <c:pt idx="1762">
                  <c:v>0</c:v>
                </c:pt>
                <c:pt idx="1763">
                  <c:v>0</c:v>
                </c:pt>
                <c:pt idx="1764">
                  <c:v>0</c:v>
                </c:pt>
                <c:pt idx="1765">
                  <c:v>0</c:v>
                </c:pt>
                <c:pt idx="1766">
                  <c:v>0</c:v>
                </c:pt>
                <c:pt idx="1767">
                  <c:v>0</c:v>
                </c:pt>
                <c:pt idx="1768">
                  <c:v>0</c:v>
                </c:pt>
                <c:pt idx="1769">
                  <c:v>0</c:v>
                </c:pt>
                <c:pt idx="1770">
                  <c:v>0</c:v>
                </c:pt>
                <c:pt idx="1771">
                  <c:v>0</c:v>
                </c:pt>
                <c:pt idx="1772">
                  <c:v>0</c:v>
                </c:pt>
                <c:pt idx="1773">
                  <c:v>0</c:v>
                </c:pt>
                <c:pt idx="1774">
                  <c:v>0</c:v>
                </c:pt>
                <c:pt idx="1775">
                  <c:v>0</c:v>
                </c:pt>
                <c:pt idx="1776">
                  <c:v>0</c:v>
                </c:pt>
                <c:pt idx="1777">
                  <c:v>0</c:v>
                </c:pt>
                <c:pt idx="1778">
                  <c:v>0</c:v>
                </c:pt>
                <c:pt idx="1779">
                  <c:v>0</c:v>
                </c:pt>
                <c:pt idx="1780">
                  <c:v>0</c:v>
                </c:pt>
                <c:pt idx="1781">
                  <c:v>0</c:v>
                </c:pt>
                <c:pt idx="1782">
                  <c:v>0</c:v>
                </c:pt>
                <c:pt idx="1783">
                  <c:v>0</c:v>
                </c:pt>
                <c:pt idx="1784">
                  <c:v>0</c:v>
                </c:pt>
                <c:pt idx="1785">
                  <c:v>0</c:v>
                </c:pt>
                <c:pt idx="1786">
                  <c:v>0</c:v>
                </c:pt>
                <c:pt idx="1787">
                  <c:v>0</c:v>
                </c:pt>
                <c:pt idx="1788">
                  <c:v>0</c:v>
                </c:pt>
                <c:pt idx="1789">
                  <c:v>0</c:v>
                </c:pt>
                <c:pt idx="1790">
                  <c:v>0</c:v>
                </c:pt>
                <c:pt idx="1791">
                  <c:v>0</c:v>
                </c:pt>
                <c:pt idx="1792">
                  <c:v>0</c:v>
                </c:pt>
                <c:pt idx="1793">
                  <c:v>0</c:v>
                </c:pt>
                <c:pt idx="1794">
                  <c:v>0</c:v>
                </c:pt>
                <c:pt idx="1795">
                  <c:v>0</c:v>
                </c:pt>
                <c:pt idx="1796">
                  <c:v>0</c:v>
                </c:pt>
                <c:pt idx="1797">
                  <c:v>0</c:v>
                </c:pt>
                <c:pt idx="1798">
                  <c:v>0</c:v>
                </c:pt>
                <c:pt idx="1799">
                  <c:v>0</c:v>
                </c:pt>
                <c:pt idx="1800">
                  <c:v>0</c:v>
                </c:pt>
                <c:pt idx="1801">
                  <c:v>0</c:v>
                </c:pt>
                <c:pt idx="1802">
                  <c:v>0</c:v>
                </c:pt>
                <c:pt idx="1803">
                  <c:v>0</c:v>
                </c:pt>
                <c:pt idx="1804">
                  <c:v>0</c:v>
                </c:pt>
                <c:pt idx="1805">
                  <c:v>0</c:v>
                </c:pt>
                <c:pt idx="1806">
                  <c:v>0</c:v>
                </c:pt>
                <c:pt idx="1807">
                  <c:v>0</c:v>
                </c:pt>
                <c:pt idx="1808">
                  <c:v>0</c:v>
                </c:pt>
                <c:pt idx="1809">
                  <c:v>0</c:v>
                </c:pt>
                <c:pt idx="1810">
                  <c:v>0</c:v>
                </c:pt>
                <c:pt idx="1811">
                  <c:v>0</c:v>
                </c:pt>
                <c:pt idx="1812">
                  <c:v>0</c:v>
                </c:pt>
                <c:pt idx="1813">
                  <c:v>0</c:v>
                </c:pt>
                <c:pt idx="1814">
                  <c:v>0</c:v>
                </c:pt>
                <c:pt idx="1815">
                  <c:v>0</c:v>
                </c:pt>
                <c:pt idx="1816">
                  <c:v>0</c:v>
                </c:pt>
                <c:pt idx="1817">
                  <c:v>0</c:v>
                </c:pt>
                <c:pt idx="1818">
                  <c:v>0</c:v>
                </c:pt>
                <c:pt idx="1819">
                  <c:v>0</c:v>
                </c:pt>
                <c:pt idx="1820">
                  <c:v>0</c:v>
                </c:pt>
                <c:pt idx="1821">
                  <c:v>0</c:v>
                </c:pt>
                <c:pt idx="1822">
                  <c:v>0</c:v>
                </c:pt>
                <c:pt idx="1823">
                  <c:v>0</c:v>
                </c:pt>
                <c:pt idx="1824">
                  <c:v>0</c:v>
                </c:pt>
                <c:pt idx="1825">
                  <c:v>0</c:v>
                </c:pt>
                <c:pt idx="1826">
                  <c:v>0</c:v>
                </c:pt>
                <c:pt idx="1827">
                  <c:v>0</c:v>
                </c:pt>
                <c:pt idx="1828">
                  <c:v>0</c:v>
                </c:pt>
                <c:pt idx="1829">
                  <c:v>0</c:v>
                </c:pt>
                <c:pt idx="1830">
                  <c:v>0</c:v>
                </c:pt>
                <c:pt idx="1831">
                  <c:v>0</c:v>
                </c:pt>
                <c:pt idx="1832">
                  <c:v>0</c:v>
                </c:pt>
                <c:pt idx="1833">
                  <c:v>0</c:v>
                </c:pt>
                <c:pt idx="1834">
                  <c:v>0</c:v>
                </c:pt>
                <c:pt idx="1835">
                  <c:v>0</c:v>
                </c:pt>
                <c:pt idx="1836">
                  <c:v>0</c:v>
                </c:pt>
                <c:pt idx="1837">
                  <c:v>0</c:v>
                </c:pt>
                <c:pt idx="1838">
                  <c:v>0</c:v>
                </c:pt>
                <c:pt idx="1839">
                  <c:v>0</c:v>
                </c:pt>
                <c:pt idx="1840">
                  <c:v>0</c:v>
                </c:pt>
                <c:pt idx="1841">
                  <c:v>0</c:v>
                </c:pt>
                <c:pt idx="1842">
                  <c:v>0</c:v>
                </c:pt>
                <c:pt idx="1843">
                  <c:v>0</c:v>
                </c:pt>
                <c:pt idx="1844">
                  <c:v>0</c:v>
                </c:pt>
                <c:pt idx="1845">
                  <c:v>0</c:v>
                </c:pt>
                <c:pt idx="1846">
                  <c:v>0</c:v>
                </c:pt>
                <c:pt idx="1847">
                  <c:v>0</c:v>
                </c:pt>
                <c:pt idx="1848">
                  <c:v>0</c:v>
                </c:pt>
                <c:pt idx="1849">
                  <c:v>0</c:v>
                </c:pt>
                <c:pt idx="1850">
                  <c:v>0</c:v>
                </c:pt>
                <c:pt idx="1851">
                  <c:v>0</c:v>
                </c:pt>
                <c:pt idx="1852">
                  <c:v>0</c:v>
                </c:pt>
                <c:pt idx="1853">
                  <c:v>0</c:v>
                </c:pt>
                <c:pt idx="1854">
                  <c:v>0</c:v>
                </c:pt>
                <c:pt idx="1855">
                  <c:v>0</c:v>
                </c:pt>
                <c:pt idx="1856">
                  <c:v>0</c:v>
                </c:pt>
                <c:pt idx="1857">
                  <c:v>0</c:v>
                </c:pt>
                <c:pt idx="1858">
                  <c:v>0</c:v>
                </c:pt>
                <c:pt idx="1859">
                  <c:v>0</c:v>
                </c:pt>
                <c:pt idx="1860">
                  <c:v>0</c:v>
                </c:pt>
                <c:pt idx="1861">
                  <c:v>0</c:v>
                </c:pt>
                <c:pt idx="1862">
                  <c:v>0</c:v>
                </c:pt>
                <c:pt idx="1863">
                  <c:v>0</c:v>
                </c:pt>
                <c:pt idx="1864">
                  <c:v>0</c:v>
                </c:pt>
                <c:pt idx="1865">
                  <c:v>0</c:v>
                </c:pt>
                <c:pt idx="1866">
                  <c:v>0</c:v>
                </c:pt>
                <c:pt idx="1867">
                  <c:v>0</c:v>
                </c:pt>
                <c:pt idx="1868">
                  <c:v>0</c:v>
                </c:pt>
                <c:pt idx="1869">
                  <c:v>0</c:v>
                </c:pt>
                <c:pt idx="1870">
                  <c:v>0</c:v>
                </c:pt>
                <c:pt idx="1871">
                  <c:v>0</c:v>
                </c:pt>
                <c:pt idx="1872">
                  <c:v>0</c:v>
                </c:pt>
                <c:pt idx="1873">
                  <c:v>0</c:v>
                </c:pt>
                <c:pt idx="1874">
                  <c:v>0</c:v>
                </c:pt>
                <c:pt idx="1875">
                  <c:v>0</c:v>
                </c:pt>
                <c:pt idx="1876">
                  <c:v>0</c:v>
                </c:pt>
                <c:pt idx="1877">
                  <c:v>0</c:v>
                </c:pt>
                <c:pt idx="1878">
                  <c:v>0</c:v>
                </c:pt>
                <c:pt idx="1879">
                  <c:v>0</c:v>
                </c:pt>
                <c:pt idx="1880">
                  <c:v>0</c:v>
                </c:pt>
                <c:pt idx="1881">
                  <c:v>0</c:v>
                </c:pt>
                <c:pt idx="1882">
                  <c:v>0</c:v>
                </c:pt>
                <c:pt idx="1883">
                  <c:v>0</c:v>
                </c:pt>
                <c:pt idx="1884">
                  <c:v>0</c:v>
                </c:pt>
                <c:pt idx="1885">
                  <c:v>0</c:v>
                </c:pt>
                <c:pt idx="1886">
                  <c:v>0</c:v>
                </c:pt>
                <c:pt idx="1887">
                  <c:v>0</c:v>
                </c:pt>
                <c:pt idx="1888">
                  <c:v>0</c:v>
                </c:pt>
                <c:pt idx="1889">
                  <c:v>0</c:v>
                </c:pt>
                <c:pt idx="1890">
                  <c:v>0</c:v>
                </c:pt>
                <c:pt idx="1891">
                  <c:v>0</c:v>
                </c:pt>
                <c:pt idx="1892">
                  <c:v>0</c:v>
                </c:pt>
                <c:pt idx="1893">
                  <c:v>0</c:v>
                </c:pt>
                <c:pt idx="1894">
                  <c:v>0</c:v>
                </c:pt>
                <c:pt idx="1895">
                  <c:v>0</c:v>
                </c:pt>
                <c:pt idx="1896">
                  <c:v>0</c:v>
                </c:pt>
                <c:pt idx="1897">
                  <c:v>0</c:v>
                </c:pt>
                <c:pt idx="1898">
                  <c:v>0</c:v>
                </c:pt>
                <c:pt idx="1899">
                  <c:v>0</c:v>
                </c:pt>
                <c:pt idx="1900">
                  <c:v>0</c:v>
                </c:pt>
                <c:pt idx="1901">
                  <c:v>0</c:v>
                </c:pt>
                <c:pt idx="1902">
                  <c:v>0</c:v>
                </c:pt>
                <c:pt idx="1903">
                  <c:v>0</c:v>
                </c:pt>
                <c:pt idx="1904">
                  <c:v>0</c:v>
                </c:pt>
                <c:pt idx="1905">
                  <c:v>0</c:v>
                </c:pt>
                <c:pt idx="1906">
                  <c:v>0</c:v>
                </c:pt>
                <c:pt idx="1907">
                  <c:v>0</c:v>
                </c:pt>
                <c:pt idx="1908">
                  <c:v>0</c:v>
                </c:pt>
                <c:pt idx="1909">
                  <c:v>0</c:v>
                </c:pt>
                <c:pt idx="1910">
                  <c:v>0</c:v>
                </c:pt>
                <c:pt idx="1911">
                  <c:v>0</c:v>
                </c:pt>
                <c:pt idx="1912">
                  <c:v>0</c:v>
                </c:pt>
                <c:pt idx="1913">
                  <c:v>0</c:v>
                </c:pt>
                <c:pt idx="1914">
                  <c:v>0</c:v>
                </c:pt>
                <c:pt idx="1915">
                  <c:v>0</c:v>
                </c:pt>
                <c:pt idx="1916">
                  <c:v>0</c:v>
                </c:pt>
                <c:pt idx="1917">
                  <c:v>0</c:v>
                </c:pt>
                <c:pt idx="1918">
                  <c:v>0</c:v>
                </c:pt>
                <c:pt idx="1919">
                  <c:v>0</c:v>
                </c:pt>
                <c:pt idx="1920">
                  <c:v>0</c:v>
                </c:pt>
                <c:pt idx="1921">
                  <c:v>0</c:v>
                </c:pt>
                <c:pt idx="1922">
                  <c:v>0</c:v>
                </c:pt>
                <c:pt idx="1923">
                  <c:v>0</c:v>
                </c:pt>
                <c:pt idx="1924">
                  <c:v>0</c:v>
                </c:pt>
                <c:pt idx="1925">
                  <c:v>0</c:v>
                </c:pt>
                <c:pt idx="1926">
                  <c:v>0</c:v>
                </c:pt>
                <c:pt idx="1927">
                  <c:v>0</c:v>
                </c:pt>
                <c:pt idx="1928">
                  <c:v>0</c:v>
                </c:pt>
                <c:pt idx="1929">
                  <c:v>0</c:v>
                </c:pt>
                <c:pt idx="1930">
                  <c:v>0</c:v>
                </c:pt>
                <c:pt idx="1931">
                  <c:v>0</c:v>
                </c:pt>
                <c:pt idx="1932">
                  <c:v>0</c:v>
                </c:pt>
                <c:pt idx="1933">
                  <c:v>0</c:v>
                </c:pt>
                <c:pt idx="1934">
                  <c:v>0</c:v>
                </c:pt>
                <c:pt idx="1935">
                  <c:v>0</c:v>
                </c:pt>
                <c:pt idx="1936">
                  <c:v>0</c:v>
                </c:pt>
                <c:pt idx="1937">
                  <c:v>0</c:v>
                </c:pt>
                <c:pt idx="1938">
                  <c:v>0</c:v>
                </c:pt>
                <c:pt idx="1939">
                  <c:v>0</c:v>
                </c:pt>
                <c:pt idx="1940">
                  <c:v>0</c:v>
                </c:pt>
                <c:pt idx="1941">
                  <c:v>0</c:v>
                </c:pt>
                <c:pt idx="1942">
                  <c:v>0</c:v>
                </c:pt>
                <c:pt idx="1943">
                  <c:v>0</c:v>
                </c:pt>
                <c:pt idx="1944">
                  <c:v>0</c:v>
                </c:pt>
                <c:pt idx="1945">
                  <c:v>0</c:v>
                </c:pt>
                <c:pt idx="1946">
                  <c:v>0</c:v>
                </c:pt>
                <c:pt idx="1947">
                  <c:v>0</c:v>
                </c:pt>
                <c:pt idx="1948">
                  <c:v>0</c:v>
                </c:pt>
                <c:pt idx="1949">
                  <c:v>0</c:v>
                </c:pt>
                <c:pt idx="1950">
                  <c:v>0</c:v>
                </c:pt>
                <c:pt idx="1951">
                  <c:v>0</c:v>
                </c:pt>
                <c:pt idx="1952">
                  <c:v>0</c:v>
                </c:pt>
                <c:pt idx="1953">
                  <c:v>0</c:v>
                </c:pt>
                <c:pt idx="1954">
                  <c:v>0</c:v>
                </c:pt>
                <c:pt idx="1955">
                  <c:v>0</c:v>
                </c:pt>
                <c:pt idx="1956">
                  <c:v>0</c:v>
                </c:pt>
                <c:pt idx="1957">
                  <c:v>0</c:v>
                </c:pt>
                <c:pt idx="1958">
                  <c:v>0</c:v>
                </c:pt>
                <c:pt idx="1959">
                  <c:v>0</c:v>
                </c:pt>
                <c:pt idx="1960">
                  <c:v>0</c:v>
                </c:pt>
                <c:pt idx="1961">
                  <c:v>0</c:v>
                </c:pt>
                <c:pt idx="1962">
                  <c:v>0</c:v>
                </c:pt>
                <c:pt idx="1963">
                  <c:v>0</c:v>
                </c:pt>
                <c:pt idx="1964">
                  <c:v>0</c:v>
                </c:pt>
                <c:pt idx="1965">
                  <c:v>0</c:v>
                </c:pt>
                <c:pt idx="1966">
                  <c:v>0</c:v>
                </c:pt>
                <c:pt idx="1967">
                  <c:v>0</c:v>
                </c:pt>
                <c:pt idx="1968">
                  <c:v>0</c:v>
                </c:pt>
                <c:pt idx="1969">
                  <c:v>0</c:v>
                </c:pt>
                <c:pt idx="1970">
                  <c:v>0</c:v>
                </c:pt>
                <c:pt idx="1971">
                  <c:v>0</c:v>
                </c:pt>
                <c:pt idx="1972">
                  <c:v>0</c:v>
                </c:pt>
                <c:pt idx="1973">
                  <c:v>0</c:v>
                </c:pt>
                <c:pt idx="1974">
                  <c:v>0</c:v>
                </c:pt>
                <c:pt idx="1975">
                  <c:v>0</c:v>
                </c:pt>
                <c:pt idx="1976">
                  <c:v>0</c:v>
                </c:pt>
                <c:pt idx="1977">
                  <c:v>0</c:v>
                </c:pt>
                <c:pt idx="1978">
                  <c:v>0</c:v>
                </c:pt>
                <c:pt idx="1979">
                  <c:v>0</c:v>
                </c:pt>
                <c:pt idx="1980">
                  <c:v>0</c:v>
                </c:pt>
                <c:pt idx="1981">
                  <c:v>0</c:v>
                </c:pt>
                <c:pt idx="1982">
                  <c:v>0</c:v>
                </c:pt>
                <c:pt idx="1983">
                  <c:v>0</c:v>
                </c:pt>
                <c:pt idx="1984">
                  <c:v>0</c:v>
                </c:pt>
                <c:pt idx="1985">
                  <c:v>0</c:v>
                </c:pt>
                <c:pt idx="1986">
                  <c:v>0</c:v>
                </c:pt>
                <c:pt idx="1987">
                  <c:v>0</c:v>
                </c:pt>
                <c:pt idx="1988">
                  <c:v>0</c:v>
                </c:pt>
                <c:pt idx="1989">
                  <c:v>0</c:v>
                </c:pt>
                <c:pt idx="1990">
                  <c:v>0</c:v>
                </c:pt>
                <c:pt idx="1991">
                  <c:v>0</c:v>
                </c:pt>
                <c:pt idx="1992">
                  <c:v>0</c:v>
                </c:pt>
                <c:pt idx="1993">
                  <c:v>0</c:v>
                </c:pt>
                <c:pt idx="1994">
                  <c:v>0</c:v>
                </c:pt>
                <c:pt idx="1995">
                  <c:v>0</c:v>
                </c:pt>
                <c:pt idx="1996">
                  <c:v>0</c:v>
                </c:pt>
                <c:pt idx="1997">
                  <c:v>0</c:v>
                </c:pt>
                <c:pt idx="1998">
                  <c:v>0</c:v>
                </c:pt>
                <c:pt idx="1999">
                  <c:v>0</c:v>
                </c:pt>
                <c:pt idx="2000">
                  <c:v>0</c:v>
                </c:pt>
                <c:pt idx="2001">
                  <c:v>0</c:v>
                </c:pt>
                <c:pt idx="2002">
                  <c:v>0</c:v>
                </c:pt>
                <c:pt idx="2003">
                  <c:v>0</c:v>
                </c:pt>
                <c:pt idx="2004">
                  <c:v>0</c:v>
                </c:pt>
                <c:pt idx="2005">
                  <c:v>0</c:v>
                </c:pt>
                <c:pt idx="2006">
                  <c:v>0</c:v>
                </c:pt>
                <c:pt idx="2007">
                  <c:v>0</c:v>
                </c:pt>
                <c:pt idx="2008">
                  <c:v>0</c:v>
                </c:pt>
                <c:pt idx="2009">
                  <c:v>0</c:v>
                </c:pt>
                <c:pt idx="2010">
                  <c:v>0</c:v>
                </c:pt>
                <c:pt idx="2011">
                  <c:v>0</c:v>
                </c:pt>
                <c:pt idx="2012">
                  <c:v>0</c:v>
                </c:pt>
                <c:pt idx="2013">
                  <c:v>0</c:v>
                </c:pt>
                <c:pt idx="2014">
                  <c:v>0</c:v>
                </c:pt>
                <c:pt idx="2015">
                  <c:v>0</c:v>
                </c:pt>
                <c:pt idx="2016">
                  <c:v>0</c:v>
                </c:pt>
                <c:pt idx="2017">
                  <c:v>0</c:v>
                </c:pt>
                <c:pt idx="2018">
                  <c:v>0</c:v>
                </c:pt>
                <c:pt idx="2019">
                  <c:v>0</c:v>
                </c:pt>
                <c:pt idx="2020">
                  <c:v>0</c:v>
                </c:pt>
                <c:pt idx="2021">
                  <c:v>0</c:v>
                </c:pt>
                <c:pt idx="2022">
                  <c:v>0</c:v>
                </c:pt>
                <c:pt idx="2023">
                  <c:v>0</c:v>
                </c:pt>
                <c:pt idx="2024">
                  <c:v>0</c:v>
                </c:pt>
                <c:pt idx="2025">
                  <c:v>0</c:v>
                </c:pt>
                <c:pt idx="2026">
                  <c:v>0</c:v>
                </c:pt>
                <c:pt idx="2027">
                  <c:v>0</c:v>
                </c:pt>
                <c:pt idx="2028">
                  <c:v>0</c:v>
                </c:pt>
                <c:pt idx="2029">
                  <c:v>0</c:v>
                </c:pt>
                <c:pt idx="2030">
                  <c:v>0</c:v>
                </c:pt>
                <c:pt idx="2031">
                  <c:v>0</c:v>
                </c:pt>
                <c:pt idx="2032">
                  <c:v>0</c:v>
                </c:pt>
                <c:pt idx="2033">
                  <c:v>0</c:v>
                </c:pt>
                <c:pt idx="2034">
                  <c:v>0</c:v>
                </c:pt>
                <c:pt idx="2035">
                  <c:v>0</c:v>
                </c:pt>
                <c:pt idx="2036">
                  <c:v>0</c:v>
                </c:pt>
                <c:pt idx="2037">
                  <c:v>0</c:v>
                </c:pt>
                <c:pt idx="2038">
                  <c:v>0</c:v>
                </c:pt>
                <c:pt idx="2039">
                  <c:v>0</c:v>
                </c:pt>
                <c:pt idx="2040">
                  <c:v>0</c:v>
                </c:pt>
                <c:pt idx="2041">
                  <c:v>0</c:v>
                </c:pt>
                <c:pt idx="2042">
                  <c:v>0</c:v>
                </c:pt>
                <c:pt idx="2043">
                  <c:v>0</c:v>
                </c:pt>
                <c:pt idx="2044">
                  <c:v>0</c:v>
                </c:pt>
                <c:pt idx="2045">
                  <c:v>0</c:v>
                </c:pt>
                <c:pt idx="2046">
                  <c:v>0</c:v>
                </c:pt>
                <c:pt idx="2047">
                  <c:v>0</c:v>
                </c:pt>
                <c:pt idx="2048">
                  <c:v>0</c:v>
                </c:pt>
                <c:pt idx="2049">
                  <c:v>0</c:v>
                </c:pt>
                <c:pt idx="2050">
                  <c:v>0</c:v>
                </c:pt>
                <c:pt idx="2051">
                  <c:v>0</c:v>
                </c:pt>
                <c:pt idx="2052">
                  <c:v>0</c:v>
                </c:pt>
                <c:pt idx="2053">
                  <c:v>0</c:v>
                </c:pt>
                <c:pt idx="2054">
                  <c:v>0</c:v>
                </c:pt>
                <c:pt idx="2055">
                  <c:v>0</c:v>
                </c:pt>
                <c:pt idx="2056">
                  <c:v>0</c:v>
                </c:pt>
                <c:pt idx="2057">
                  <c:v>0</c:v>
                </c:pt>
                <c:pt idx="2058">
                  <c:v>0</c:v>
                </c:pt>
                <c:pt idx="2059">
                  <c:v>0</c:v>
                </c:pt>
                <c:pt idx="2060">
                  <c:v>0</c:v>
                </c:pt>
                <c:pt idx="2061">
                  <c:v>0</c:v>
                </c:pt>
                <c:pt idx="2062">
                  <c:v>0</c:v>
                </c:pt>
                <c:pt idx="2063">
                  <c:v>0</c:v>
                </c:pt>
                <c:pt idx="2064">
                  <c:v>0</c:v>
                </c:pt>
                <c:pt idx="2065">
                  <c:v>0</c:v>
                </c:pt>
                <c:pt idx="2066">
                  <c:v>0</c:v>
                </c:pt>
                <c:pt idx="2067">
                  <c:v>0</c:v>
                </c:pt>
                <c:pt idx="2068">
                  <c:v>0</c:v>
                </c:pt>
                <c:pt idx="2069">
                  <c:v>0</c:v>
                </c:pt>
                <c:pt idx="2070">
                  <c:v>0</c:v>
                </c:pt>
                <c:pt idx="2071">
                  <c:v>0</c:v>
                </c:pt>
                <c:pt idx="2072">
                  <c:v>0</c:v>
                </c:pt>
                <c:pt idx="2073">
                  <c:v>0</c:v>
                </c:pt>
                <c:pt idx="2074">
                  <c:v>0</c:v>
                </c:pt>
                <c:pt idx="2075">
                  <c:v>0</c:v>
                </c:pt>
                <c:pt idx="2076">
                  <c:v>0</c:v>
                </c:pt>
                <c:pt idx="2077">
                  <c:v>0</c:v>
                </c:pt>
                <c:pt idx="2078">
                  <c:v>0</c:v>
                </c:pt>
                <c:pt idx="2079">
                  <c:v>0</c:v>
                </c:pt>
                <c:pt idx="2080">
                  <c:v>0</c:v>
                </c:pt>
                <c:pt idx="2081">
                  <c:v>0</c:v>
                </c:pt>
                <c:pt idx="2082">
                  <c:v>0</c:v>
                </c:pt>
                <c:pt idx="2083">
                  <c:v>0</c:v>
                </c:pt>
                <c:pt idx="2084">
                  <c:v>0</c:v>
                </c:pt>
                <c:pt idx="2085">
                  <c:v>0</c:v>
                </c:pt>
                <c:pt idx="2086">
                  <c:v>0</c:v>
                </c:pt>
                <c:pt idx="2087">
                  <c:v>0</c:v>
                </c:pt>
                <c:pt idx="2088">
                  <c:v>0</c:v>
                </c:pt>
                <c:pt idx="2089">
                  <c:v>0</c:v>
                </c:pt>
                <c:pt idx="2090">
                  <c:v>0</c:v>
                </c:pt>
                <c:pt idx="2091">
                  <c:v>0</c:v>
                </c:pt>
                <c:pt idx="2092">
                  <c:v>0</c:v>
                </c:pt>
                <c:pt idx="2093">
                  <c:v>0</c:v>
                </c:pt>
                <c:pt idx="2094">
                  <c:v>0</c:v>
                </c:pt>
                <c:pt idx="2095">
                  <c:v>0</c:v>
                </c:pt>
                <c:pt idx="2096">
                  <c:v>0</c:v>
                </c:pt>
                <c:pt idx="2097">
                  <c:v>0</c:v>
                </c:pt>
                <c:pt idx="2098">
                  <c:v>0</c:v>
                </c:pt>
                <c:pt idx="2099">
                  <c:v>0</c:v>
                </c:pt>
                <c:pt idx="2100">
                  <c:v>0</c:v>
                </c:pt>
                <c:pt idx="2101">
                  <c:v>0</c:v>
                </c:pt>
                <c:pt idx="2102">
                  <c:v>0</c:v>
                </c:pt>
                <c:pt idx="2103">
                  <c:v>0</c:v>
                </c:pt>
                <c:pt idx="2104">
                  <c:v>0</c:v>
                </c:pt>
                <c:pt idx="2105">
                  <c:v>0</c:v>
                </c:pt>
                <c:pt idx="2106">
                  <c:v>0</c:v>
                </c:pt>
                <c:pt idx="2107">
                  <c:v>0</c:v>
                </c:pt>
                <c:pt idx="2108">
                  <c:v>0</c:v>
                </c:pt>
                <c:pt idx="2109">
                  <c:v>0</c:v>
                </c:pt>
                <c:pt idx="2110">
                  <c:v>0</c:v>
                </c:pt>
                <c:pt idx="2111">
                  <c:v>0</c:v>
                </c:pt>
                <c:pt idx="2112">
                  <c:v>0</c:v>
                </c:pt>
                <c:pt idx="2113">
                  <c:v>0</c:v>
                </c:pt>
                <c:pt idx="2114">
                  <c:v>0</c:v>
                </c:pt>
                <c:pt idx="2115">
                  <c:v>0</c:v>
                </c:pt>
                <c:pt idx="2116">
                  <c:v>0</c:v>
                </c:pt>
                <c:pt idx="2117">
                  <c:v>0</c:v>
                </c:pt>
                <c:pt idx="2118">
                  <c:v>0</c:v>
                </c:pt>
                <c:pt idx="2119">
                  <c:v>0</c:v>
                </c:pt>
                <c:pt idx="2120">
                  <c:v>0</c:v>
                </c:pt>
                <c:pt idx="2121">
                  <c:v>0</c:v>
                </c:pt>
                <c:pt idx="2122">
                  <c:v>0</c:v>
                </c:pt>
                <c:pt idx="2123">
                  <c:v>0</c:v>
                </c:pt>
                <c:pt idx="2124">
                  <c:v>0</c:v>
                </c:pt>
                <c:pt idx="2125">
                  <c:v>0</c:v>
                </c:pt>
                <c:pt idx="2126">
                  <c:v>0</c:v>
                </c:pt>
                <c:pt idx="2127">
                  <c:v>0</c:v>
                </c:pt>
                <c:pt idx="2128">
                  <c:v>0</c:v>
                </c:pt>
                <c:pt idx="2129">
                  <c:v>0</c:v>
                </c:pt>
                <c:pt idx="2130">
                  <c:v>0</c:v>
                </c:pt>
                <c:pt idx="2131">
                  <c:v>0</c:v>
                </c:pt>
                <c:pt idx="2132">
                  <c:v>0</c:v>
                </c:pt>
                <c:pt idx="2133">
                  <c:v>0</c:v>
                </c:pt>
                <c:pt idx="2134">
                  <c:v>0</c:v>
                </c:pt>
                <c:pt idx="2135">
                  <c:v>0</c:v>
                </c:pt>
                <c:pt idx="2136">
                  <c:v>0</c:v>
                </c:pt>
                <c:pt idx="2137">
                  <c:v>0</c:v>
                </c:pt>
                <c:pt idx="2138">
                  <c:v>0</c:v>
                </c:pt>
                <c:pt idx="2139">
                  <c:v>0</c:v>
                </c:pt>
                <c:pt idx="2140">
                  <c:v>0</c:v>
                </c:pt>
                <c:pt idx="2141">
                  <c:v>0</c:v>
                </c:pt>
                <c:pt idx="2142">
                  <c:v>0</c:v>
                </c:pt>
                <c:pt idx="2143">
                  <c:v>0</c:v>
                </c:pt>
                <c:pt idx="2144">
                  <c:v>0</c:v>
                </c:pt>
                <c:pt idx="2145">
                  <c:v>0</c:v>
                </c:pt>
                <c:pt idx="2146">
                  <c:v>0</c:v>
                </c:pt>
                <c:pt idx="2147">
                  <c:v>0</c:v>
                </c:pt>
                <c:pt idx="2148">
                  <c:v>0</c:v>
                </c:pt>
                <c:pt idx="2149">
                  <c:v>0</c:v>
                </c:pt>
                <c:pt idx="2150">
                  <c:v>0</c:v>
                </c:pt>
                <c:pt idx="2151">
                  <c:v>0</c:v>
                </c:pt>
                <c:pt idx="2152">
                  <c:v>0</c:v>
                </c:pt>
                <c:pt idx="2153">
                  <c:v>0</c:v>
                </c:pt>
                <c:pt idx="2154">
                  <c:v>0</c:v>
                </c:pt>
                <c:pt idx="2155">
                  <c:v>0</c:v>
                </c:pt>
                <c:pt idx="2156">
                  <c:v>0</c:v>
                </c:pt>
                <c:pt idx="2157">
                  <c:v>0</c:v>
                </c:pt>
                <c:pt idx="2158">
                  <c:v>0</c:v>
                </c:pt>
                <c:pt idx="2159">
                  <c:v>0</c:v>
                </c:pt>
                <c:pt idx="2160">
                  <c:v>0</c:v>
                </c:pt>
                <c:pt idx="2161">
                  <c:v>0</c:v>
                </c:pt>
                <c:pt idx="2162">
                  <c:v>0</c:v>
                </c:pt>
                <c:pt idx="2163">
                  <c:v>0</c:v>
                </c:pt>
                <c:pt idx="2164">
                  <c:v>0</c:v>
                </c:pt>
                <c:pt idx="2165">
                  <c:v>0</c:v>
                </c:pt>
                <c:pt idx="2166">
                  <c:v>0</c:v>
                </c:pt>
                <c:pt idx="2167">
                  <c:v>0</c:v>
                </c:pt>
                <c:pt idx="2168">
                  <c:v>0</c:v>
                </c:pt>
                <c:pt idx="2169">
                  <c:v>0</c:v>
                </c:pt>
                <c:pt idx="2170">
                  <c:v>0</c:v>
                </c:pt>
                <c:pt idx="2171">
                  <c:v>0</c:v>
                </c:pt>
                <c:pt idx="2172">
                  <c:v>0</c:v>
                </c:pt>
                <c:pt idx="2173">
                  <c:v>0</c:v>
                </c:pt>
                <c:pt idx="2174">
                  <c:v>0</c:v>
                </c:pt>
                <c:pt idx="2175">
                  <c:v>0</c:v>
                </c:pt>
                <c:pt idx="2176">
                  <c:v>0</c:v>
                </c:pt>
                <c:pt idx="2177">
                  <c:v>0</c:v>
                </c:pt>
                <c:pt idx="2178">
                  <c:v>0</c:v>
                </c:pt>
                <c:pt idx="2179">
                  <c:v>0</c:v>
                </c:pt>
                <c:pt idx="2180">
                  <c:v>0</c:v>
                </c:pt>
                <c:pt idx="2181">
                  <c:v>0</c:v>
                </c:pt>
                <c:pt idx="2182">
                  <c:v>0</c:v>
                </c:pt>
                <c:pt idx="2183">
                  <c:v>0</c:v>
                </c:pt>
                <c:pt idx="2184">
                  <c:v>0</c:v>
                </c:pt>
                <c:pt idx="2185">
                  <c:v>0</c:v>
                </c:pt>
                <c:pt idx="2186">
                  <c:v>0</c:v>
                </c:pt>
                <c:pt idx="2187">
                  <c:v>0</c:v>
                </c:pt>
                <c:pt idx="2188">
                  <c:v>0</c:v>
                </c:pt>
                <c:pt idx="2189">
                  <c:v>0</c:v>
                </c:pt>
                <c:pt idx="2190">
                  <c:v>0</c:v>
                </c:pt>
                <c:pt idx="2191">
                  <c:v>0</c:v>
                </c:pt>
                <c:pt idx="2192">
                  <c:v>0</c:v>
                </c:pt>
                <c:pt idx="2193">
                  <c:v>0</c:v>
                </c:pt>
                <c:pt idx="2194">
                  <c:v>0</c:v>
                </c:pt>
                <c:pt idx="2195">
                  <c:v>0</c:v>
                </c:pt>
                <c:pt idx="2196">
                  <c:v>0</c:v>
                </c:pt>
                <c:pt idx="2197">
                  <c:v>0</c:v>
                </c:pt>
                <c:pt idx="2198">
                  <c:v>0</c:v>
                </c:pt>
                <c:pt idx="2199">
                  <c:v>0</c:v>
                </c:pt>
                <c:pt idx="2200">
                  <c:v>0</c:v>
                </c:pt>
                <c:pt idx="2201">
                  <c:v>0</c:v>
                </c:pt>
                <c:pt idx="2202">
                  <c:v>0</c:v>
                </c:pt>
                <c:pt idx="2203">
                  <c:v>0</c:v>
                </c:pt>
                <c:pt idx="2204">
                  <c:v>0</c:v>
                </c:pt>
                <c:pt idx="2205">
                  <c:v>0</c:v>
                </c:pt>
                <c:pt idx="2206">
                  <c:v>0</c:v>
                </c:pt>
                <c:pt idx="2207">
                  <c:v>0</c:v>
                </c:pt>
                <c:pt idx="2208">
                  <c:v>0</c:v>
                </c:pt>
                <c:pt idx="2209">
                  <c:v>0</c:v>
                </c:pt>
                <c:pt idx="2210">
                  <c:v>0</c:v>
                </c:pt>
                <c:pt idx="2211">
                  <c:v>0</c:v>
                </c:pt>
                <c:pt idx="2212">
                  <c:v>0</c:v>
                </c:pt>
                <c:pt idx="2213">
                  <c:v>0</c:v>
                </c:pt>
                <c:pt idx="2214">
                  <c:v>0</c:v>
                </c:pt>
                <c:pt idx="2215">
                  <c:v>0</c:v>
                </c:pt>
                <c:pt idx="2216">
                  <c:v>0</c:v>
                </c:pt>
                <c:pt idx="2217">
                  <c:v>0</c:v>
                </c:pt>
                <c:pt idx="2218">
                  <c:v>0</c:v>
                </c:pt>
                <c:pt idx="2219">
                  <c:v>0</c:v>
                </c:pt>
                <c:pt idx="2220">
                  <c:v>0</c:v>
                </c:pt>
                <c:pt idx="2221">
                  <c:v>0</c:v>
                </c:pt>
                <c:pt idx="2222">
                  <c:v>0</c:v>
                </c:pt>
                <c:pt idx="2223">
                  <c:v>0</c:v>
                </c:pt>
                <c:pt idx="2224">
                  <c:v>0</c:v>
                </c:pt>
                <c:pt idx="2225">
                  <c:v>0</c:v>
                </c:pt>
                <c:pt idx="2226">
                  <c:v>0</c:v>
                </c:pt>
                <c:pt idx="2227">
                  <c:v>0</c:v>
                </c:pt>
                <c:pt idx="2228">
                  <c:v>0</c:v>
                </c:pt>
                <c:pt idx="2229">
                  <c:v>0</c:v>
                </c:pt>
                <c:pt idx="2230">
                  <c:v>0</c:v>
                </c:pt>
                <c:pt idx="2231">
                  <c:v>0</c:v>
                </c:pt>
                <c:pt idx="2232">
                  <c:v>0</c:v>
                </c:pt>
                <c:pt idx="2233">
                  <c:v>0</c:v>
                </c:pt>
                <c:pt idx="2234">
                  <c:v>0</c:v>
                </c:pt>
                <c:pt idx="2235">
                  <c:v>0</c:v>
                </c:pt>
                <c:pt idx="2236">
                  <c:v>0</c:v>
                </c:pt>
                <c:pt idx="2237">
                  <c:v>0</c:v>
                </c:pt>
                <c:pt idx="2238">
                  <c:v>0</c:v>
                </c:pt>
                <c:pt idx="2239">
                  <c:v>0</c:v>
                </c:pt>
                <c:pt idx="2240">
                  <c:v>0</c:v>
                </c:pt>
                <c:pt idx="2241">
                  <c:v>0</c:v>
                </c:pt>
                <c:pt idx="2242">
                  <c:v>0</c:v>
                </c:pt>
                <c:pt idx="2243">
                  <c:v>0</c:v>
                </c:pt>
                <c:pt idx="2244">
                  <c:v>0</c:v>
                </c:pt>
                <c:pt idx="2245">
                  <c:v>0</c:v>
                </c:pt>
                <c:pt idx="2246">
                  <c:v>0</c:v>
                </c:pt>
                <c:pt idx="2247">
                  <c:v>0</c:v>
                </c:pt>
                <c:pt idx="2248">
                  <c:v>0</c:v>
                </c:pt>
                <c:pt idx="2249">
                  <c:v>0</c:v>
                </c:pt>
                <c:pt idx="2250">
                  <c:v>0</c:v>
                </c:pt>
                <c:pt idx="2251">
                  <c:v>0</c:v>
                </c:pt>
                <c:pt idx="2252">
                  <c:v>0</c:v>
                </c:pt>
                <c:pt idx="2253">
                  <c:v>0</c:v>
                </c:pt>
                <c:pt idx="2254">
                  <c:v>0</c:v>
                </c:pt>
                <c:pt idx="2255">
                  <c:v>0</c:v>
                </c:pt>
                <c:pt idx="2256">
                  <c:v>0</c:v>
                </c:pt>
                <c:pt idx="2257">
                  <c:v>0</c:v>
                </c:pt>
                <c:pt idx="2258">
                  <c:v>0</c:v>
                </c:pt>
                <c:pt idx="2259">
                  <c:v>0</c:v>
                </c:pt>
                <c:pt idx="2260">
                  <c:v>0</c:v>
                </c:pt>
                <c:pt idx="2261">
                  <c:v>0</c:v>
                </c:pt>
                <c:pt idx="2262">
                  <c:v>0</c:v>
                </c:pt>
                <c:pt idx="2263">
                  <c:v>0</c:v>
                </c:pt>
                <c:pt idx="2264">
                  <c:v>0</c:v>
                </c:pt>
                <c:pt idx="2265">
                  <c:v>0</c:v>
                </c:pt>
                <c:pt idx="2266">
                  <c:v>0</c:v>
                </c:pt>
                <c:pt idx="2267">
                  <c:v>0</c:v>
                </c:pt>
                <c:pt idx="2268">
                  <c:v>0</c:v>
                </c:pt>
                <c:pt idx="2269">
                  <c:v>0</c:v>
                </c:pt>
                <c:pt idx="2270">
                  <c:v>0</c:v>
                </c:pt>
                <c:pt idx="2271">
                  <c:v>0</c:v>
                </c:pt>
                <c:pt idx="2272">
                  <c:v>0</c:v>
                </c:pt>
                <c:pt idx="2273">
                  <c:v>0</c:v>
                </c:pt>
                <c:pt idx="2274">
                  <c:v>0</c:v>
                </c:pt>
                <c:pt idx="2275">
                  <c:v>0</c:v>
                </c:pt>
                <c:pt idx="2276">
                  <c:v>0</c:v>
                </c:pt>
                <c:pt idx="2277">
                  <c:v>0</c:v>
                </c:pt>
                <c:pt idx="2278">
                  <c:v>0</c:v>
                </c:pt>
                <c:pt idx="2279">
                  <c:v>0</c:v>
                </c:pt>
                <c:pt idx="2280">
                  <c:v>0</c:v>
                </c:pt>
                <c:pt idx="2281">
                  <c:v>0</c:v>
                </c:pt>
                <c:pt idx="2282">
                  <c:v>0</c:v>
                </c:pt>
                <c:pt idx="2283">
                  <c:v>0</c:v>
                </c:pt>
                <c:pt idx="2284">
                  <c:v>0</c:v>
                </c:pt>
                <c:pt idx="2285">
                  <c:v>0</c:v>
                </c:pt>
                <c:pt idx="2286">
                  <c:v>0</c:v>
                </c:pt>
                <c:pt idx="2287">
                  <c:v>0</c:v>
                </c:pt>
                <c:pt idx="2288">
                  <c:v>0</c:v>
                </c:pt>
                <c:pt idx="2289">
                  <c:v>0</c:v>
                </c:pt>
                <c:pt idx="2290">
                  <c:v>0</c:v>
                </c:pt>
                <c:pt idx="2291">
                  <c:v>0</c:v>
                </c:pt>
                <c:pt idx="2292">
                  <c:v>0</c:v>
                </c:pt>
                <c:pt idx="2293">
                  <c:v>0</c:v>
                </c:pt>
                <c:pt idx="2294">
                  <c:v>0</c:v>
                </c:pt>
                <c:pt idx="2295">
                  <c:v>0</c:v>
                </c:pt>
                <c:pt idx="2296">
                  <c:v>0</c:v>
                </c:pt>
                <c:pt idx="2297">
                  <c:v>0</c:v>
                </c:pt>
                <c:pt idx="2298">
                  <c:v>0</c:v>
                </c:pt>
                <c:pt idx="2299">
                  <c:v>0</c:v>
                </c:pt>
                <c:pt idx="2300">
                  <c:v>0</c:v>
                </c:pt>
                <c:pt idx="2301">
                  <c:v>0</c:v>
                </c:pt>
                <c:pt idx="2302">
                  <c:v>0</c:v>
                </c:pt>
                <c:pt idx="2303">
                  <c:v>0</c:v>
                </c:pt>
                <c:pt idx="2304">
                  <c:v>0</c:v>
                </c:pt>
                <c:pt idx="2305">
                  <c:v>0</c:v>
                </c:pt>
                <c:pt idx="2306">
                  <c:v>0</c:v>
                </c:pt>
                <c:pt idx="2307">
                  <c:v>0</c:v>
                </c:pt>
                <c:pt idx="2308">
                  <c:v>0</c:v>
                </c:pt>
                <c:pt idx="2309">
                  <c:v>0</c:v>
                </c:pt>
                <c:pt idx="2310">
                  <c:v>0</c:v>
                </c:pt>
                <c:pt idx="2311">
                  <c:v>0</c:v>
                </c:pt>
                <c:pt idx="2312">
                  <c:v>0</c:v>
                </c:pt>
                <c:pt idx="2313">
                  <c:v>0</c:v>
                </c:pt>
                <c:pt idx="2314">
                  <c:v>0</c:v>
                </c:pt>
                <c:pt idx="2315">
                  <c:v>0</c:v>
                </c:pt>
                <c:pt idx="2316">
                  <c:v>0</c:v>
                </c:pt>
                <c:pt idx="2317">
                  <c:v>0</c:v>
                </c:pt>
                <c:pt idx="2318">
                  <c:v>0</c:v>
                </c:pt>
                <c:pt idx="2319">
                  <c:v>0</c:v>
                </c:pt>
                <c:pt idx="2320">
                  <c:v>0</c:v>
                </c:pt>
                <c:pt idx="2321">
                  <c:v>0</c:v>
                </c:pt>
                <c:pt idx="2322">
                  <c:v>0</c:v>
                </c:pt>
                <c:pt idx="2323">
                  <c:v>0</c:v>
                </c:pt>
                <c:pt idx="2324">
                  <c:v>0</c:v>
                </c:pt>
                <c:pt idx="2325">
                  <c:v>0</c:v>
                </c:pt>
                <c:pt idx="2326">
                  <c:v>0</c:v>
                </c:pt>
                <c:pt idx="2327">
                  <c:v>0</c:v>
                </c:pt>
                <c:pt idx="2328">
                  <c:v>0</c:v>
                </c:pt>
                <c:pt idx="2329">
                  <c:v>0</c:v>
                </c:pt>
                <c:pt idx="2330">
                  <c:v>0</c:v>
                </c:pt>
                <c:pt idx="2331">
                  <c:v>0</c:v>
                </c:pt>
                <c:pt idx="2332">
                  <c:v>0</c:v>
                </c:pt>
                <c:pt idx="2333">
                  <c:v>0</c:v>
                </c:pt>
                <c:pt idx="2334">
                  <c:v>0</c:v>
                </c:pt>
                <c:pt idx="2335">
                  <c:v>0</c:v>
                </c:pt>
                <c:pt idx="2336">
                  <c:v>0</c:v>
                </c:pt>
                <c:pt idx="2337">
                  <c:v>0</c:v>
                </c:pt>
                <c:pt idx="2338">
                  <c:v>0</c:v>
                </c:pt>
                <c:pt idx="2339">
                  <c:v>0</c:v>
                </c:pt>
                <c:pt idx="2340">
                  <c:v>0</c:v>
                </c:pt>
                <c:pt idx="2341">
                  <c:v>0</c:v>
                </c:pt>
                <c:pt idx="2342">
                  <c:v>0</c:v>
                </c:pt>
                <c:pt idx="2343">
                  <c:v>0</c:v>
                </c:pt>
                <c:pt idx="2344">
                  <c:v>0</c:v>
                </c:pt>
                <c:pt idx="2345">
                  <c:v>0</c:v>
                </c:pt>
                <c:pt idx="2346">
                  <c:v>0</c:v>
                </c:pt>
                <c:pt idx="2347">
                  <c:v>0</c:v>
                </c:pt>
                <c:pt idx="2348">
                  <c:v>0</c:v>
                </c:pt>
                <c:pt idx="2349">
                  <c:v>0</c:v>
                </c:pt>
                <c:pt idx="2350">
                  <c:v>0</c:v>
                </c:pt>
                <c:pt idx="2351">
                  <c:v>0</c:v>
                </c:pt>
                <c:pt idx="2352">
                  <c:v>0</c:v>
                </c:pt>
                <c:pt idx="2353">
                  <c:v>0</c:v>
                </c:pt>
                <c:pt idx="2354">
                  <c:v>0</c:v>
                </c:pt>
                <c:pt idx="2355">
                  <c:v>0</c:v>
                </c:pt>
                <c:pt idx="2356">
                  <c:v>0</c:v>
                </c:pt>
                <c:pt idx="2357">
                  <c:v>0</c:v>
                </c:pt>
                <c:pt idx="2358">
                  <c:v>0</c:v>
                </c:pt>
                <c:pt idx="2359">
                  <c:v>0</c:v>
                </c:pt>
                <c:pt idx="2360">
                  <c:v>0</c:v>
                </c:pt>
                <c:pt idx="2361">
                  <c:v>0</c:v>
                </c:pt>
                <c:pt idx="2362">
                  <c:v>0</c:v>
                </c:pt>
                <c:pt idx="2363">
                  <c:v>0</c:v>
                </c:pt>
                <c:pt idx="2364">
                  <c:v>0</c:v>
                </c:pt>
                <c:pt idx="2365">
                  <c:v>0</c:v>
                </c:pt>
                <c:pt idx="2366">
                  <c:v>0</c:v>
                </c:pt>
                <c:pt idx="2367">
                  <c:v>0</c:v>
                </c:pt>
                <c:pt idx="2368">
                  <c:v>0</c:v>
                </c:pt>
                <c:pt idx="2369">
                  <c:v>0</c:v>
                </c:pt>
                <c:pt idx="2370">
                  <c:v>0</c:v>
                </c:pt>
                <c:pt idx="2371">
                  <c:v>0</c:v>
                </c:pt>
                <c:pt idx="2372">
                  <c:v>0</c:v>
                </c:pt>
                <c:pt idx="2373">
                  <c:v>0</c:v>
                </c:pt>
                <c:pt idx="2374">
                  <c:v>0</c:v>
                </c:pt>
                <c:pt idx="2375">
                  <c:v>0</c:v>
                </c:pt>
                <c:pt idx="2376">
                  <c:v>0</c:v>
                </c:pt>
                <c:pt idx="2377">
                  <c:v>0</c:v>
                </c:pt>
                <c:pt idx="2378">
                  <c:v>0</c:v>
                </c:pt>
                <c:pt idx="2379">
                  <c:v>0</c:v>
                </c:pt>
                <c:pt idx="2380">
                  <c:v>0</c:v>
                </c:pt>
                <c:pt idx="2381">
                  <c:v>0</c:v>
                </c:pt>
                <c:pt idx="2382">
                  <c:v>0</c:v>
                </c:pt>
                <c:pt idx="2383">
                  <c:v>0</c:v>
                </c:pt>
                <c:pt idx="2384">
                  <c:v>0</c:v>
                </c:pt>
                <c:pt idx="2385">
                  <c:v>0</c:v>
                </c:pt>
                <c:pt idx="2386">
                  <c:v>0</c:v>
                </c:pt>
                <c:pt idx="2387">
                  <c:v>0</c:v>
                </c:pt>
                <c:pt idx="2388">
                  <c:v>0</c:v>
                </c:pt>
                <c:pt idx="2389">
                  <c:v>0</c:v>
                </c:pt>
                <c:pt idx="2390">
                  <c:v>0</c:v>
                </c:pt>
                <c:pt idx="2391">
                  <c:v>0</c:v>
                </c:pt>
                <c:pt idx="2392">
                  <c:v>0</c:v>
                </c:pt>
                <c:pt idx="2393">
                  <c:v>0</c:v>
                </c:pt>
                <c:pt idx="2394">
                  <c:v>0</c:v>
                </c:pt>
                <c:pt idx="2395">
                  <c:v>0</c:v>
                </c:pt>
                <c:pt idx="2396">
                  <c:v>0</c:v>
                </c:pt>
                <c:pt idx="2397">
                  <c:v>0</c:v>
                </c:pt>
                <c:pt idx="2398">
                  <c:v>0</c:v>
                </c:pt>
                <c:pt idx="2399">
                  <c:v>0</c:v>
                </c:pt>
                <c:pt idx="2400">
                  <c:v>0</c:v>
                </c:pt>
                <c:pt idx="2401">
                  <c:v>0</c:v>
                </c:pt>
                <c:pt idx="2402">
                  <c:v>0</c:v>
                </c:pt>
                <c:pt idx="2403">
                  <c:v>0</c:v>
                </c:pt>
                <c:pt idx="2404">
                  <c:v>0</c:v>
                </c:pt>
                <c:pt idx="2405">
                  <c:v>0</c:v>
                </c:pt>
                <c:pt idx="2406">
                  <c:v>0</c:v>
                </c:pt>
                <c:pt idx="2407">
                  <c:v>0</c:v>
                </c:pt>
                <c:pt idx="2408">
                  <c:v>0</c:v>
                </c:pt>
                <c:pt idx="2409">
                  <c:v>0</c:v>
                </c:pt>
                <c:pt idx="2410">
                  <c:v>0</c:v>
                </c:pt>
                <c:pt idx="2411">
                  <c:v>0</c:v>
                </c:pt>
                <c:pt idx="2412">
                  <c:v>0</c:v>
                </c:pt>
                <c:pt idx="2413">
                  <c:v>0</c:v>
                </c:pt>
                <c:pt idx="2414">
                  <c:v>0</c:v>
                </c:pt>
                <c:pt idx="2415">
                  <c:v>0</c:v>
                </c:pt>
                <c:pt idx="2416">
                  <c:v>0</c:v>
                </c:pt>
                <c:pt idx="2417">
                  <c:v>0</c:v>
                </c:pt>
                <c:pt idx="2418">
                  <c:v>0</c:v>
                </c:pt>
                <c:pt idx="2419">
                  <c:v>0</c:v>
                </c:pt>
                <c:pt idx="2420">
                  <c:v>0</c:v>
                </c:pt>
                <c:pt idx="2421">
                  <c:v>0</c:v>
                </c:pt>
                <c:pt idx="2422">
                  <c:v>0</c:v>
                </c:pt>
                <c:pt idx="2423">
                  <c:v>0</c:v>
                </c:pt>
                <c:pt idx="2424">
                  <c:v>0</c:v>
                </c:pt>
                <c:pt idx="2425">
                  <c:v>0</c:v>
                </c:pt>
                <c:pt idx="2426">
                  <c:v>0</c:v>
                </c:pt>
                <c:pt idx="2427">
                  <c:v>0</c:v>
                </c:pt>
                <c:pt idx="2428">
                  <c:v>0</c:v>
                </c:pt>
                <c:pt idx="2429">
                  <c:v>0</c:v>
                </c:pt>
                <c:pt idx="2430">
                  <c:v>0</c:v>
                </c:pt>
                <c:pt idx="2431">
                  <c:v>0</c:v>
                </c:pt>
                <c:pt idx="2432">
                  <c:v>0</c:v>
                </c:pt>
                <c:pt idx="2433">
                  <c:v>0</c:v>
                </c:pt>
                <c:pt idx="2434">
                  <c:v>0</c:v>
                </c:pt>
                <c:pt idx="2435">
                  <c:v>0</c:v>
                </c:pt>
                <c:pt idx="2436">
                  <c:v>0</c:v>
                </c:pt>
                <c:pt idx="2437">
                  <c:v>0</c:v>
                </c:pt>
                <c:pt idx="2438">
                  <c:v>0</c:v>
                </c:pt>
                <c:pt idx="2439">
                  <c:v>0</c:v>
                </c:pt>
                <c:pt idx="2440">
                  <c:v>0</c:v>
                </c:pt>
                <c:pt idx="2441">
                  <c:v>0</c:v>
                </c:pt>
                <c:pt idx="2442">
                  <c:v>0</c:v>
                </c:pt>
                <c:pt idx="2443">
                  <c:v>0</c:v>
                </c:pt>
                <c:pt idx="2444">
                  <c:v>0</c:v>
                </c:pt>
                <c:pt idx="2445">
                  <c:v>0</c:v>
                </c:pt>
                <c:pt idx="2446">
                  <c:v>0</c:v>
                </c:pt>
                <c:pt idx="2447">
                  <c:v>0</c:v>
                </c:pt>
                <c:pt idx="2448">
                  <c:v>0</c:v>
                </c:pt>
                <c:pt idx="2449">
                  <c:v>0</c:v>
                </c:pt>
                <c:pt idx="2450">
                  <c:v>0</c:v>
                </c:pt>
                <c:pt idx="2451">
                  <c:v>0</c:v>
                </c:pt>
                <c:pt idx="2452">
                  <c:v>0</c:v>
                </c:pt>
                <c:pt idx="2453">
                  <c:v>0</c:v>
                </c:pt>
                <c:pt idx="2454">
                  <c:v>0</c:v>
                </c:pt>
                <c:pt idx="2455">
                  <c:v>0</c:v>
                </c:pt>
                <c:pt idx="2456">
                  <c:v>0</c:v>
                </c:pt>
                <c:pt idx="2457">
                  <c:v>0</c:v>
                </c:pt>
                <c:pt idx="2458">
                  <c:v>0</c:v>
                </c:pt>
                <c:pt idx="2459">
                  <c:v>0</c:v>
                </c:pt>
                <c:pt idx="2460">
                  <c:v>0</c:v>
                </c:pt>
                <c:pt idx="2461">
                  <c:v>0</c:v>
                </c:pt>
                <c:pt idx="2462">
                  <c:v>0</c:v>
                </c:pt>
                <c:pt idx="2463">
                  <c:v>0</c:v>
                </c:pt>
                <c:pt idx="2464">
                  <c:v>0</c:v>
                </c:pt>
                <c:pt idx="2465">
                  <c:v>0</c:v>
                </c:pt>
                <c:pt idx="2466">
                  <c:v>0</c:v>
                </c:pt>
                <c:pt idx="2467">
                  <c:v>0</c:v>
                </c:pt>
                <c:pt idx="2468">
                  <c:v>0</c:v>
                </c:pt>
                <c:pt idx="2469">
                  <c:v>0</c:v>
                </c:pt>
                <c:pt idx="2470">
                  <c:v>0</c:v>
                </c:pt>
                <c:pt idx="2471">
                  <c:v>0</c:v>
                </c:pt>
                <c:pt idx="2472">
                  <c:v>0</c:v>
                </c:pt>
                <c:pt idx="2473">
                  <c:v>0</c:v>
                </c:pt>
                <c:pt idx="2474">
                  <c:v>0</c:v>
                </c:pt>
                <c:pt idx="2475">
                  <c:v>0</c:v>
                </c:pt>
                <c:pt idx="2476">
                  <c:v>0</c:v>
                </c:pt>
                <c:pt idx="2477">
                  <c:v>0</c:v>
                </c:pt>
                <c:pt idx="2478">
                  <c:v>0</c:v>
                </c:pt>
                <c:pt idx="2479">
                  <c:v>0</c:v>
                </c:pt>
                <c:pt idx="2480">
                  <c:v>0</c:v>
                </c:pt>
                <c:pt idx="2481">
                  <c:v>0</c:v>
                </c:pt>
                <c:pt idx="2482">
                  <c:v>0</c:v>
                </c:pt>
                <c:pt idx="2483">
                  <c:v>0</c:v>
                </c:pt>
                <c:pt idx="2484">
                  <c:v>0</c:v>
                </c:pt>
                <c:pt idx="2485">
                  <c:v>0</c:v>
                </c:pt>
                <c:pt idx="2486">
                  <c:v>0</c:v>
                </c:pt>
                <c:pt idx="2487">
                  <c:v>0</c:v>
                </c:pt>
                <c:pt idx="2488">
                  <c:v>0</c:v>
                </c:pt>
                <c:pt idx="2489">
                  <c:v>0</c:v>
                </c:pt>
                <c:pt idx="2490">
                  <c:v>0</c:v>
                </c:pt>
                <c:pt idx="2491">
                  <c:v>0</c:v>
                </c:pt>
                <c:pt idx="2492">
                  <c:v>0</c:v>
                </c:pt>
                <c:pt idx="2493">
                  <c:v>0</c:v>
                </c:pt>
                <c:pt idx="2494">
                  <c:v>0</c:v>
                </c:pt>
                <c:pt idx="2495">
                  <c:v>0</c:v>
                </c:pt>
                <c:pt idx="2496">
                  <c:v>0</c:v>
                </c:pt>
                <c:pt idx="2497">
                  <c:v>0</c:v>
                </c:pt>
                <c:pt idx="2498">
                  <c:v>0</c:v>
                </c:pt>
                <c:pt idx="2499">
                  <c:v>0</c:v>
                </c:pt>
                <c:pt idx="2500">
                  <c:v>0</c:v>
                </c:pt>
                <c:pt idx="2501">
                  <c:v>0</c:v>
                </c:pt>
                <c:pt idx="2502">
                  <c:v>0</c:v>
                </c:pt>
                <c:pt idx="2503">
                  <c:v>0</c:v>
                </c:pt>
                <c:pt idx="2504">
                  <c:v>0</c:v>
                </c:pt>
                <c:pt idx="2505">
                  <c:v>0</c:v>
                </c:pt>
                <c:pt idx="2506">
                  <c:v>0</c:v>
                </c:pt>
                <c:pt idx="2507">
                  <c:v>0</c:v>
                </c:pt>
                <c:pt idx="2508">
                  <c:v>0</c:v>
                </c:pt>
                <c:pt idx="2509">
                  <c:v>0</c:v>
                </c:pt>
                <c:pt idx="2510">
                  <c:v>0</c:v>
                </c:pt>
                <c:pt idx="2511">
                  <c:v>0</c:v>
                </c:pt>
                <c:pt idx="2512">
                  <c:v>0</c:v>
                </c:pt>
                <c:pt idx="2513">
                  <c:v>0</c:v>
                </c:pt>
                <c:pt idx="2514">
                  <c:v>0</c:v>
                </c:pt>
                <c:pt idx="2515">
                  <c:v>0</c:v>
                </c:pt>
                <c:pt idx="2516">
                  <c:v>0</c:v>
                </c:pt>
                <c:pt idx="2517">
                  <c:v>0</c:v>
                </c:pt>
                <c:pt idx="2518">
                  <c:v>0</c:v>
                </c:pt>
                <c:pt idx="2519">
                  <c:v>0</c:v>
                </c:pt>
                <c:pt idx="2520">
                  <c:v>0</c:v>
                </c:pt>
                <c:pt idx="2521">
                  <c:v>0</c:v>
                </c:pt>
                <c:pt idx="2522">
                  <c:v>0</c:v>
                </c:pt>
                <c:pt idx="2523">
                  <c:v>0</c:v>
                </c:pt>
                <c:pt idx="2524">
                  <c:v>0</c:v>
                </c:pt>
                <c:pt idx="2525">
                  <c:v>0</c:v>
                </c:pt>
                <c:pt idx="2526">
                  <c:v>0</c:v>
                </c:pt>
                <c:pt idx="2527">
                  <c:v>0</c:v>
                </c:pt>
                <c:pt idx="2528">
                  <c:v>0</c:v>
                </c:pt>
                <c:pt idx="2529">
                  <c:v>0</c:v>
                </c:pt>
                <c:pt idx="2530">
                  <c:v>0</c:v>
                </c:pt>
                <c:pt idx="2531">
                  <c:v>0</c:v>
                </c:pt>
                <c:pt idx="2532">
                  <c:v>0</c:v>
                </c:pt>
                <c:pt idx="2533">
                  <c:v>0</c:v>
                </c:pt>
                <c:pt idx="2534">
                  <c:v>0</c:v>
                </c:pt>
                <c:pt idx="2535">
                  <c:v>0</c:v>
                </c:pt>
                <c:pt idx="2536">
                  <c:v>0</c:v>
                </c:pt>
                <c:pt idx="2537">
                  <c:v>0</c:v>
                </c:pt>
                <c:pt idx="2538">
                  <c:v>0</c:v>
                </c:pt>
                <c:pt idx="2539">
                  <c:v>0</c:v>
                </c:pt>
                <c:pt idx="2540">
                  <c:v>0</c:v>
                </c:pt>
                <c:pt idx="2541">
                  <c:v>0</c:v>
                </c:pt>
                <c:pt idx="2542">
                  <c:v>0</c:v>
                </c:pt>
                <c:pt idx="2543">
                  <c:v>0</c:v>
                </c:pt>
                <c:pt idx="2544">
                  <c:v>0</c:v>
                </c:pt>
                <c:pt idx="2545">
                  <c:v>0</c:v>
                </c:pt>
                <c:pt idx="2546">
                  <c:v>0</c:v>
                </c:pt>
                <c:pt idx="2547">
                  <c:v>0</c:v>
                </c:pt>
                <c:pt idx="2548">
                  <c:v>0</c:v>
                </c:pt>
                <c:pt idx="2549">
                  <c:v>0</c:v>
                </c:pt>
                <c:pt idx="2550">
                  <c:v>0</c:v>
                </c:pt>
                <c:pt idx="2551">
                  <c:v>0</c:v>
                </c:pt>
                <c:pt idx="2552">
                  <c:v>0</c:v>
                </c:pt>
                <c:pt idx="2553">
                  <c:v>0</c:v>
                </c:pt>
                <c:pt idx="2554">
                  <c:v>0</c:v>
                </c:pt>
                <c:pt idx="2555">
                  <c:v>0</c:v>
                </c:pt>
                <c:pt idx="2556">
                  <c:v>0</c:v>
                </c:pt>
                <c:pt idx="2557">
                  <c:v>0</c:v>
                </c:pt>
                <c:pt idx="2558">
                  <c:v>0</c:v>
                </c:pt>
                <c:pt idx="2559">
                  <c:v>0</c:v>
                </c:pt>
                <c:pt idx="2560">
                  <c:v>0</c:v>
                </c:pt>
                <c:pt idx="2561">
                  <c:v>0</c:v>
                </c:pt>
                <c:pt idx="2562">
                  <c:v>0</c:v>
                </c:pt>
                <c:pt idx="2563">
                  <c:v>0</c:v>
                </c:pt>
                <c:pt idx="2564">
                  <c:v>0</c:v>
                </c:pt>
                <c:pt idx="2565">
                  <c:v>0</c:v>
                </c:pt>
                <c:pt idx="2566">
                  <c:v>0</c:v>
                </c:pt>
                <c:pt idx="2567">
                  <c:v>0</c:v>
                </c:pt>
                <c:pt idx="2568">
                  <c:v>0</c:v>
                </c:pt>
                <c:pt idx="2569">
                  <c:v>0</c:v>
                </c:pt>
                <c:pt idx="2570">
                  <c:v>0</c:v>
                </c:pt>
                <c:pt idx="2571">
                  <c:v>0</c:v>
                </c:pt>
                <c:pt idx="2572">
                  <c:v>0</c:v>
                </c:pt>
                <c:pt idx="2573">
                  <c:v>0</c:v>
                </c:pt>
                <c:pt idx="2574">
                  <c:v>0</c:v>
                </c:pt>
                <c:pt idx="2575">
                  <c:v>0</c:v>
                </c:pt>
                <c:pt idx="2576">
                  <c:v>0</c:v>
                </c:pt>
                <c:pt idx="2577">
                  <c:v>0</c:v>
                </c:pt>
                <c:pt idx="2578">
                  <c:v>0</c:v>
                </c:pt>
                <c:pt idx="2579">
                  <c:v>0</c:v>
                </c:pt>
                <c:pt idx="2580">
                  <c:v>0</c:v>
                </c:pt>
                <c:pt idx="2581">
                  <c:v>0</c:v>
                </c:pt>
                <c:pt idx="2582">
                  <c:v>0</c:v>
                </c:pt>
                <c:pt idx="2583">
                  <c:v>0</c:v>
                </c:pt>
                <c:pt idx="2584">
                  <c:v>0</c:v>
                </c:pt>
                <c:pt idx="2585">
                  <c:v>0</c:v>
                </c:pt>
                <c:pt idx="2586">
                  <c:v>0</c:v>
                </c:pt>
                <c:pt idx="2587">
                  <c:v>0</c:v>
                </c:pt>
                <c:pt idx="2588">
                  <c:v>0</c:v>
                </c:pt>
                <c:pt idx="2589">
                  <c:v>0</c:v>
                </c:pt>
                <c:pt idx="2590">
                  <c:v>0</c:v>
                </c:pt>
                <c:pt idx="2591">
                  <c:v>0</c:v>
                </c:pt>
                <c:pt idx="2592">
                  <c:v>0</c:v>
                </c:pt>
                <c:pt idx="2593">
                  <c:v>0</c:v>
                </c:pt>
                <c:pt idx="2594">
                  <c:v>0</c:v>
                </c:pt>
                <c:pt idx="2595">
                  <c:v>0</c:v>
                </c:pt>
                <c:pt idx="2596">
                  <c:v>0</c:v>
                </c:pt>
                <c:pt idx="2597">
                  <c:v>0</c:v>
                </c:pt>
                <c:pt idx="2598">
                  <c:v>0</c:v>
                </c:pt>
                <c:pt idx="2599">
                  <c:v>0</c:v>
                </c:pt>
                <c:pt idx="2600">
                  <c:v>0</c:v>
                </c:pt>
                <c:pt idx="2601">
                  <c:v>0</c:v>
                </c:pt>
                <c:pt idx="2602">
                  <c:v>0</c:v>
                </c:pt>
                <c:pt idx="2603">
                  <c:v>0</c:v>
                </c:pt>
                <c:pt idx="2604">
                  <c:v>0</c:v>
                </c:pt>
                <c:pt idx="2605">
                  <c:v>0</c:v>
                </c:pt>
                <c:pt idx="2606">
                  <c:v>0</c:v>
                </c:pt>
                <c:pt idx="2607">
                  <c:v>0</c:v>
                </c:pt>
                <c:pt idx="2608">
                  <c:v>0</c:v>
                </c:pt>
                <c:pt idx="2609">
                  <c:v>0</c:v>
                </c:pt>
                <c:pt idx="2610">
                  <c:v>0</c:v>
                </c:pt>
                <c:pt idx="2611">
                  <c:v>0</c:v>
                </c:pt>
                <c:pt idx="2612">
                  <c:v>0</c:v>
                </c:pt>
                <c:pt idx="2613">
                  <c:v>0</c:v>
                </c:pt>
                <c:pt idx="2614">
                  <c:v>0</c:v>
                </c:pt>
                <c:pt idx="2615">
                  <c:v>0</c:v>
                </c:pt>
                <c:pt idx="2616">
                  <c:v>0</c:v>
                </c:pt>
                <c:pt idx="2617">
                  <c:v>0</c:v>
                </c:pt>
                <c:pt idx="2618">
                  <c:v>0</c:v>
                </c:pt>
                <c:pt idx="2619">
                  <c:v>0</c:v>
                </c:pt>
                <c:pt idx="2620">
                  <c:v>0</c:v>
                </c:pt>
                <c:pt idx="2621">
                  <c:v>0</c:v>
                </c:pt>
                <c:pt idx="2622">
                  <c:v>0</c:v>
                </c:pt>
                <c:pt idx="2623">
                  <c:v>0</c:v>
                </c:pt>
                <c:pt idx="2624">
                  <c:v>0</c:v>
                </c:pt>
                <c:pt idx="2625">
                  <c:v>0</c:v>
                </c:pt>
                <c:pt idx="2626">
                  <c:v>0</c:v>
                </c:pt>
                <c:pt idx="2627">
                  <c:v>0</c:v>
                </c:pt>
                <c:pt idx="2628">
                  <c:v>0</c:v>
                </c:pt>
                <c:pt idx="2629">
                  <c:v>0</c:v>
                </c:pt>
                <c:pt idx="2630">
                  <c:v>0</c:v>
                </c:pt>
                <c:pt idx="2631">
                  <c:v>0</c:v>
                </c:pt>
                <c:pt idx="2632">
                  <c:v>0</c:v>
                </c:pt>
                <c:pt idx="2633">
                  <c:v>0</c:v>
                </c:pt>
                <c:pt idx="2634">
                  <c:v>0</c:v>
                </c:pt>
                <c:pt idx="2635">
                  <c:v>0</c:v>
                </c:pt>
                <c:pt idx="2636">
                  <c:v>0</c:v>
                </c:pt>
                <c:pt idx="2637">
                  <c:v>0</c:v>
                </c:pt>
                <c:pt idx="2638">
                  <c:v>0</c:v>
                </c:pt>
                <c:pt idx="2639">
                  <c:v>0</c:v>
                </c:pt>
                <c:pt idx="2640">
                  <c:v>0</c:v>
                </c:pt>
                <c:pt idx="2641">
                  <c:v>0</c:v>
                </c:pt>
                <c:pt idx="2642">
                  <c:v>0</c:v>
                </c:pt>
                <c:pt idx="2643">
                  <c:v>0</c:v>
                </c:pt>
                <c:pt idx="2644">
                  <c:v>0</c:v>
                </c:pt>
                <c:pt idx="2645">
                  <c:v>0</c:v>
                </c:pt>
                <c:pt idx="2646">
                  <c:v>0</c:v>
                </c:pt>
                <c:pt idx="2647">
                  <c:v>0</c:v>
                </c:pt>
                <c:pt idx="2648">
                  <c:v>0</c:v>
                </c:pt>
                <c:pt idx="2649">
                  <c:v>0</c:v>
                </c:pt>
                <c:pt idx="2650">
                  <c:v>0</c:v>
                </c:pt>
                <c:pt idx="2651">
                  <c:v>0</c:v>
                </c:pt>
                <c:pt idx="2652">
                  <c:v>0</c:v>
                </c:pt>
                <c:pt idx="2653">
                  <c:v>0</c:v>
                </c:pt>
                <c:pt idx="2654">
                  <c:v>0</c:v>
                </c:pt>
                <c:pt idx="2655">
                  <c:v>0</c:v>
                </c:pt>
                <c:pt idx="2656">
                  <c:v>0</c:v>
                </c:pt>
                <c:pt idx="2657">
                  <c:v>0</c:v>
                </c:pt>
                <c:pt idx="2658">
                  <c:v>0</c:v>
                </c:pt>
                <c:pt idx="2659">
                  <c:v>0</c:v>
                </c:pt>
                <c:pt idx="2660">
                  <c:v>0</c:v>
                </c:pt>
                <c:pt idx="2661">
                  <c:v>0</c:v>
                </c:pt>
                <c:pt idx="2662">
                  <c:v>0</c:v>
                </c:pt>
                <c:pt idx="2663">
                  <c:v>0</c:v>
                </c:pt>
                <c:pt idx="2664">
                  <c:v>0</c:v>
                </c:pt>
                <c:pt idx="2665">
                  <c:v>0</c:v>
                </c:pt>
                <c:pt idx="2666">
                  <c:v>0</c:v>
                </c:pt>
                <c:pt idx="2667">
                  <c:v>0</c:v>
                </c:pt>
                <c:pt idx="2668">
                  <c:v>0</c:v>
                </c:pt>
                <c:pt idx="2669">
                  <c:v>0</c:v>
                </c:pt>
                <c:pt idx="2670">
                  <c:v>0</c:v>
                </c:pt>
                <c:pt idx="2671">
                  <c:v>0</c:v>
                </c:pt>
                <c:pt idx="2672">
                  <c:v>0</c:v>
                </c:pt>
                <c:pt idx="2673">
                  <c:v>0</c:v>
                </c:pt>
                <c:pt idx="2674">
                  <c:v>0</c:v>
                </c:pt>
                <c:pt idx="2675">
                  <c:v>0</c:v>
                </c:pt>
                <c:pt idx="2676">
                  <c:v>0</c:v>
                </c:pt>
                <c:pt idx="2677">
                  <c:v>0</c:v>
                </c:pt>
                <c:pt idx="2678">
                  <c:v>0</c:v>
                </c:pt>
                <c:pt idx="2679">
                  <c:v>0</c:v>
                </c:pt>
                <c:pt idx="2680">
                  <c:v>0</c:v>
                </c:pt>
                <c:pt idx="2681">
                  <c:v>0</c:v>
                </c:pt>
                <c:pt idx="2682">
                  <c:v>0</c:v>
                </c:pt>
                <c:pt idx="2683">
                  <c:v>0</c:v>
                </c:pt>
                <c:pt idx="2684">
                  <c:v>0</c:v>
                </c:pt>
                <c:pt idx="2685">
                  <c:v>0</c:v>
                </c:pt>
                <c:pt idx="2686">
                  <c:v>0</c:v>
                </c:pt>
                <c:pt idx="2687">
                  <c:v>0</c:v>
                </c:pt>
                <c:pt idx="2688">
                  <c:v>0</c:v>
                </c:pt>
                <c:pt idx="2689">
                  <c:v>0</c:v>
                </c:pt>
                <c:pt idx="2690">
                  <c:v>0</c:v>
                </c:pt>
                <c:pt idx="2691">
                  <c:v>0</c:v>
                </c:pt>
                <c:pt idx="2692">
                  <c:v>0</c:v>
                </c:pt>
                <c:pt idx="2693">
                  <c:v>0</c:v>
                </c:pt>
                <c:pt idx="2694">
                  <c:v>0</c:v>
                </c:pt>
                <c:pt idx="2695">
                  <c:v>0</c:v>
                </c:pt>
                <c:pt idx="2696">
                  <c:v>0</c:v>
                </c:pt>
                <c:pt idx="2697">
                  <c:v>0</c:v>
                </c:pt>
                <c:pt idx="2698">
                  <c:v>0</c:v>
                </c:pt>
                <c:pt idx="2699">
                  <c:v>0</c:v>
                </c:pt>
                <c:pt idx="2700">
                  <c:v>0</c:v>
                </c:pt>
                <c:pt idx="2701">
                  <c:v>0</c:v>
                </c:pt>
                <c:pt idx="2702">
                  <c:v>0</c:v>
                </c:pt>
                <c:pt idx="2703">
                  <c:v>0</c:v>
                </c:pt>
                <c:pt idx="2704">
                  <c:v>0</c:v>
                </c:pt>
                <c:pt idx="2705">
                  <c:v>0</c:v>
                </c:pt>
                <c:pt idx="2706">
                  <c:v>0</c:v>
                </c:pt>
                <c:pt idx="2707">
                  <c:v>0</c:v>
                </c:pt>
                <c:pt idx="2708">
                  <c:v>0</c:v>
                </c:pt>
                <c:pt idx="2709">
                  <c:v>0</c:v>
                </c:pt>
                <c:pt idx="2710">
                  <c:v>0</c:v>
                </c:pt>
                <c:pt idx="2711">
                  <c:v>0</c:v>
                </c:pt>
                <c:pt idx="2712">
                  <c:v>0</c:v>
                </c:pt>
                <c:pt idx="2713">
                  <c:v>0</c:v>
                </c:pt>
                <c:pt idx="2714">
                  <c:v>0</c:v>
                </c:pt>
                <c:pt idx="2715">
                  <c:v>0</c:v>
                </c:pt>
                <c:pt idx="2716">
                  <c:v>0</c:v>
                </c:pt>
                <c:pt idx="2717">
                  <c:v>0</c:v>
                </c:pt>
                <c:pt idx="2718">
                  <c:v>0</c:v>
                </c:pt>
                <c:pt idx="2719">
                  <c:v>0</c:v>
                </c:pt>
                <c:pt idx="2720">
                  <c:v>0</c:v>
                </c:pt>
                <c:pt idx="2721">
                  <c:v>0</c:v>
                </c:pt>
                <c:pt idx="2722">
                  <c:v>0</c:v>
                </c:pt>
                <c:pt idx="2723">
                  <c:v>0</c:v>
                </c:pt>
                <c:pt idx="2724">
                  <c:v>0</c:v>
                </c:pt>
                <c:pt idx="2725">
                  <c:v>0</c:v>
                </c:pt>
                <c:pt idx="2726">
                  <c:v>0</c:v>
                </c:pt>
                <c:pt idx="2727">
                  <c:v>0</c:v>
                </c:pt>
                <c:pt idx="2728">
                  <c:v>0</c:v>
                </c:pt>
                <c:pt idx="2729">
                  <c:v>0</c:v>
                </c:pt>
                <c:pt idx="2730">
                  <c:v>0</c:v>
                </c:pt>
                <c:pt idx="2731">
                  <c:v>0</c:v>
                </c:pt>
                <c:pt idx="2732">
                  <c:v>0</c:v>
                </c:pt>
                <c:pt idx="2733">
                  <c:v>0</c:v>
                </c:pt>
                <c:pt idx="2734">
                  <c:v>0</c:v>
                </c:pt>
                <c:pt idx="2735">
                  <c:v>0</c:v>
                </c:pt>
                <c:pt idx="2736">
                  <c:v>0</c:v>
                </c:pt>
                <c:pt idx="2737">
                  <c:v>0</c:v>
                </c:pt>
                <c:pt idx="2738">
                  <c:v>0</c:v>
                </c:pt>
                <c:pt idx="2739">
                  <c:v>0</c:v>
                </c:pt>
                <c:pt idx="2740">
                  <c:v>0</c:v>
                </c:pt>
                <c:pt idx="2741">
                  <c:v>0</c:v>
                </c:pt>
                <c:pt idx="2742">
                  <c:v>0</c:v>
                </c:pt>
                <c:pt idx="2743">
                  <c:v>0</c:v>
                </c:pt>
                <c:pt idx="2744">
                  <c:v>0</c:v>
                </c:pt>
                <c:pt idx="2745">
                  <c:v>0</c:v>
                </c:pt>
                <c:pt idx="2746">
                  <c:v>0</c:v>
                </c:pt>
                <c:pt idx="2747">
                  <c:v>0</c:v>
                </c:pt>
                <c:pt idx="2748">
                  <c:v>0</c:v>
                </c:pt>
                <c:pt idx="2749">
                  <c:v>0</c:v>
                </c:pt>
                <c:pt idx="2750">
                  <c:v>0</c:v>
                </c:pt>
                <c:pt idx="2751">
                  <c:v>0</c:v>
                </c:pt>
                <c:pt idx="2752">
                  <c:v>0</c:v>
                </c:pt>
                <c:pt idx="2753">
                  <c:v>0</c:v>
                </c:pt>
                <c:pt idx="2754">
                  <c:v>0</c:v>
                </c:pt>
                <c:pt idx="2755">
                  <c:v>0</c:v>
                </c:pt>
                <c:pt idx="2756">
                  <c:v>0</c:v>
                </c:pt>
                <c:pt idx="2757">
                  <c:v>0</c:v>
                </c:pt>
                <c:pt idx="2758">
                  <c:v>0</c:v>
                </c:pt>
                <c:pt idx="2759">
                  <c:v>0</c:v>
                </c:pt>
                <c:pt idx="2760">
                  <c:v>0</c:v>
                </c:pt>
                <c:pt idx="2761">
                  <c:v>0</c:v>
                </c:pt>
                <c:pt idx="2762">
                  <c:v>0</c:v>
                </c:pt>
                <c:pt idx="2763">
                  <c:v>0</c:v>
                </c:pt>
                <c:pt idx="2764">
                  <c:v>0</c:v>
                </c:pt>
                <c:pt idx="2765">
                  <c:v>0</c:v>
                </c:pt>
                <c:pt idx="2766">
                  <c:v>0</c:v>
                </c:pt>
                <c:pt idx="2767">
                  <c:v>0</c:v>
                </c:pt>
                <c:pt idx="2768">
                  <c:v>0</c:v>
                </c:pt>
                <c:pt idx="2769">
                  <c:v>0</c:v>
                </c:pt>
                <c:pt idx="2770">
                  <c:v>0</c:v>
                </c:pt>
                <c:pt idx="2771">
                  <c:v>0</c:v>
                </c:pt>
                <c:pt idx="2772">
                  <c:v>0</c:v>
                </c:pt>
                <c:pt idx="2773">
                  <c:v>0</c:v>
                </c:pt>
                <c:pt idx="2774">
                  <c:v>0</c:v>
                </c:pt>
                <c:pt idx="2775">
                  <c:v>0</c:v>
                </c:pt>
                <c:pt idx="2776">
                  <c:v>0</c:v>
                </c:pt>
                <c:pt idx="2777">
                  <c:v>0</c:v>
                </c:pt>
                <c:pt idx="2778">
                  <c:v>0</c:v>
                </c:pt>
                <c:pt idx="2779">
                  <c:v>0</c:v>
                </c:pt>
                <c:pt idx="2780">
                  <c:v>0</c:v>
                </c:pt>
                <c:pt idx="2781">
                  <c:v>0</c:v>
                </c:pt>
                <c:pt idx="2782">
                  <c:v>0</c:v>
                </c:pt>
                <c:pt idx="2783">
                  <c:v>0</c:v>
                </c:pt>
                <c:pt idx="2784">
                  <c:v>0</c:v>
                </c:pt>
                <c:pt idx="2785">
                  <c:v>0</c:v>
                </c:pt>
                <c:pt idx="2786">
                  <c:v>0</c:v>
                </c:pt>
                <c:pt idx="2787">
                  <c:v>0</c:v>
                </c:pt>
                <c:pt idx="2788">
                  <c:v>0</c:v>
                </c:pt>
                <c:pt idx="2789">
                  <c:v>0</c:v>
                </c:pt>
                <c:pt idx="2790">
                  <c:v>0</c:v>
                </c:pt>
                <c:pt idx="2791">
                  <c:v>0</c:v>
                </c:pt>
                <c:pt idx="2792">
                  <c:v>0</c:v>
                </c:pt>
                <c:pt idx="2793">
                  <c:v>0</c:v>
                </c:pt>
                <c:pt idx="2794">
                  <c:v>0</c:v>
                </c:pt>
                <c:pt idx="2795">
                  <c:v>0</c:v>
                </c:pt>
                <c:pt idx="2796">
                  <c:v>0</c:v>
                </c:pt>
                <c:pt idx="2797">
                  <c:v>0</c:v>
                </c:pt>
                <c:pt idx="2798">
                  <c:v>0</c:v>
                </c:pt>
                <c:pt idx="2799">
                  <c:v>0</c:v>
                </c:pt>
                <c:pt idx="2800">
                  <c:v>0</c:v>
                </c:pt>
                <c:pt idx="2801">
                  <c:v>0</c:v>
                </c:pt>
                <c:pt idx="2802">
                  <c:v>0</c:v>
                </c:pt>
                <c:pt idx="2803">
                  <c:v>0</c:v>
                </c:pt>
                <c:pt idx="2804">
                  <c:v>0</c:v>
                </c:pt>
                <c:pt idx="2805">
                  <c:v>0</c:v>
                </c:pt>
                <c:pt idx="2806">
                  <c:v>0</c:v>
                </c:pt>
                <c:pt idx="2807">
                  <c:v>0</c:v>
                </c:pt>
                <c:pt idx="2808">
                  <c:v>0</c:v>
                </c:pt>
                <c:pt idx="2809">
                  <c:v>0</c:v>
                </c:pt>
                <c:pt idx="2810">
                  <c:v>0</c:v>
                </c:pt>
                <c:pt idx="2811">
                  <c:v>0</c:v>
                </c:pt>
                <c:pt idx="2812">
                  <c:v>0</c:v>
                </c:pt>
                <c:pt idx="2813">
                  <c:v>0</c:v>
                </c:pt>
                <c:pt idx="2814">
                  <c:v>0</c:v>
                </c:pt>
                <c:pt idx="2815">
                  <c:v>0</c:v>
                </c:pt>
                <c:pt idx="2816">
                  <c:v>0</c:v>
                </c:pt>
                <c:pt idx="2817">
                  <c:v>0</c:v>
                </c:pt>
                <c:pt idx="2818">
                  <c:v>0</c:v>
                </c:pt>
                <c:pt idx="2819">
                  <c:v>0</c:v>
                </c:pt>
                <c:pt idx="2820">
                  <c:v>0</c:v>
                </c:pt>
                <c:pt idx="2821">
                  <c:v>0</c:v>
                </c:pt>
                <c:pt idx="2822">
                  <c:v>0</c:v>
                </c:pt>
                <c:pt idx="2823">
                  <c:v>0</c:v>
                </c:pt>
                <c:pt idx="2824">
                  <c:v>0</c:v>
                </c:pt>
                <c:pt idx="2825">
                  <c:v>0</c:v>
                </c:pt>
                <c:pt idx="2826">
                  <c:v>0</c:v>
                </c:pt>
                <c:pt idx="2827">
                  <c:v>0</c:v>
                </c:pt>
                <c:pt idx="2828">
                  <c:v>0</c:v>
                </c:pt>
                <c:pt idx="2829">
                  <c:v>0</c:v>
                </c:pt>
                <c:pt idx="2830">
                  <c:v>0</c:v>
                </c:pt>
                <c:pt idx="2831">
                  <c:v>0</c:v>
                </c:pt>
                <c:pt idx="2832">
                  <c:v>0</c:v>
                </c:pt>
                <c:pt idx="2833">
                  <c:v>0</c:v>
                </c:pt>
                <c:pt idx="2834">
                  <c:v>0</c:v>
                </c:pt>
                <c:pt idx="2835">
                  <c:v>0</c:v>
                </c:pt>
                <c:pt idx="2836">
                  <c:v>0</c:v>
                </c:pt>
                <c:pt idx="2837">
                  <c:v>0</c:v>
                </c:pt>
                <c:pt idx="2838">
                  <c:v>0</c:v>
                </c:pt>
                <c:pt idx="2839">
                  <c:v>0</c:v>
                </c:pt>
                <c:pt idx="2840">
                  <c:v>0</c:v>
                </c:pt>
                <c:pt idx="2841">
                  <c:v>0</c:v>
                </c:pt>
                <c:pt idx="2842">
                  <c:v>0</c:v>
                </c:pt>
                <c:pt idx="2843">
                  <c:v>0</c:v>
                </c:pt>
                <c:pt idx="2844">
                  <c:v>0</c:v>
                </c:pt>
                <c:pt idx="2845">
                  <c:v>0</c:v>
                </c:pt>
                <c:pt idx="2846">
                  <c:v>0</c:v>
                </c:pt>
                <c:pt idx="2847">
                  <c:v>0</c:v>
                </c:pt>
                <c:pt idx="2848">
                  <c:v>0</c:v>
                </c:pt>
                <c:pt idx="2849">
                  <c:v>0</c:v>
                </c:pt>
                <c:pt idx="2850">
                  <c:v>0</c:v>
                </c:pt>
                <c:pt idx="2851">
                  <c:v>0</c:v>
                </c:pt>
                <c:pt idx="2852">
                  <c:v>0</c:v>
                </c:pt>
                <c:pt idx="2853">
                  <c:v>0</c:v>
                </c:pt>
                <c:pt idx="2854">
                  <c:v>0</c:v>
                </c:pt>
                <c:pt idx="2855">
                  <c:v>0</c:v>
                </c:pt>
                <c:pt idx="2856">
                  <c:v>0</c:v>
                </c:pt>
                <c:pt idx="2857">
                  <c:v>0</c:v>
                </c:pt>
                <c:pt idx="2858">
                  <c:v>0</c:v>
                </c:pt>
                <c:pt idx="2859">
                  <c:v>0</c:v>
                </c:pt>
                <c:pt idx="2860">
                  <c:v>0</c:v>
                </c:pt>
                <c:pt idx="2861">
                  <c:v>0</c:v>
                </c:pt>
                <c:pt idx="2862">
                  <c:v>0</c:v>
                </c:pt>
                <c:pt idx="2863">
                  <c:v>0</c:v>
                </c:pt>
                <c:pt idx="2864">
                  <c:v>0</c:v>
                </c:pt>
                <c:pt idx="2865">
                  <c:v>0</c:v>
                </c:pt>
                <c:pt idx="2866">
                  <c:v>0</c:v>
                </c:pt>
                <c:pt idx="2867">
                  <c:v>0</c:v>
                </c:pt>
                <c:pt idx="2868">
                  <c:v>0</c:v>
                </c:pt>
                <c:pt idx="2869">
                  <c:v>0</c:v>
                </c:pt>
                <c:pt idx="2870">
                  <c:v>0</c:v>
                </c:pt>
                <c:pt idx="2871">
                  <c:v>0</c:v>
                </c:pt>
                <c:pt idx="2872">
                  <c:v>0</c:v>
                </c:pt>
                <c:pt idx="2873">
                  <c:v>0</c:v>
                </c:pt>
                <c:pt idx="2874">
                  <c:v>0</c:v>
                </c:pt>
                <c:pt idx="2875">
                  <c:v>0</c:v>
                </c:pt>
                <c:pt idx="2876">
                  <c:v>0</c:v>
                </c:pt>
                <c:pt idx="2877">
                  <c:v>0</c:v>
                </c:pt>
                <c:pt idx="2878">
                  <c:v>0</c:v>
                </c:pt>
                <c:pt idx="2879">
                  <c:v>0</c:v>
                </c:pt>
                <c:pt idx="2880">
                  <c:v>0</c:v>
                </c:pt>
                <c:pt idx="2881">
                  <c:v>0</c:v>
                </c:pt>
                <c:pt idx="2882">
                  <c:v>0</c:v>
                </c:pt>
                <c:pt idx="2883">
                  <c:v>0</c:v>
                </c:pt>
                <c:pt idx="2884">
                  <c:v>0</c:v>
                </c:pt>
                <c:pt idx="2885">
                  <c:v>0</c:v>
                </c:pt>
                <c:pt idx="2886">
                  <c:v>0</c:v>
                </c:pt>
                <c:pt idx="2887">
                  <c:v>0</c:v>
                </c:pt>
                <c:pt idx="2888">
                  <c:v>0</c:v>
                </c:pt>
                <c:pt idx="2889">
                  <c:v>0</c:v>
                </c:pt>
                <c:pt idx="2890">
                  <c:v>0</c:v>
                </c:pt>
                <c:pt idx="2891">
                  <c:v>0</c:v>
                </c:pt>
                <c:pt idx="2892">
                  <c:v>0</c:v>
                </c:pt>
                <c:pt idx="2893">
                  <c:v>0</c:v>
                </c:pt>
                <c:pt idx="2894">
                  <c:v>0</c:v>
                </c:pt>
                <c:pt idx="2895">
                  <c:v>0</c:v>
                </c:pt>
                <c:pt idx="2896">
                  <c:v>0</c:v>
                </c:pt>
                <c:pt idx="2897">
                  <c:v>0</c:v>
                </c:pt>
                <c:pt idx="2898">
                  <c:v>0</c:v>
                </c:pt>
                <c:pt idx="2899">
                  <c:v>0</c:v>
                </c:pt>
                <c:pt idx="2900">
                  <c:v>0</c:v>
                </c:pt>
                <c:pt idx="2901">
                  <c:v>0</c:v>
                </c:pt>
                <c:pt idx="2902">
                  <c:v>0</c:v>
                </c:pt>
                <c:pt idx="2903">
                  <c:v>0</c:v>
                </c:pt>
                <c:pt idx="2904">
                  <c:v>0</c:v>
                </c:pt>
                <c:pt idx="2905">
                  <c:v>0</c:v>
                </c:pt>
                <c:pt idx="2906">
                  <c:v>0</c:v>
                </c:pt>
                <c:pt idx="2907">
                  <c:v>0</c:v>
                </c:pt>
                <c:pt idx="2908">
                  <c:v>0</c:v>
                </c:pt>
                <c:pt idx="2909">
                  <c:v>0</c:v>
                </c:pt>
                <c:pt idx="2910">
                  <c:v>0</c:v>
                </c:pt>
                <c:pt idx="2911">
                  <c:v>0</c:v>
                </c:pt>
                <c:pt idx="2912">
                  <c:v>0</c:v>
                </c:pt>
                <c:pt idx="2913">
                  <c:v>0</c:v>
                </c:pt>
                <c:pt idx="2914">
                  <c:v>0</c:v>
                </c:pt>
                <c:pt idx="2915">
                  <c:v>0</c:v>
                </c:pt>
                <c:pt idx="2916">
                  <c:v>0</c:v>
                </c:pt>
                <c:pt idx="2917">
                  <c:v>0</c:v>
                </c:pt>
                <c:pt idx="2918">
                  <c:v>0</c:v>
                </c:pt>
                <c:pt idx="2919">
                  <c:v>0</c:v>
                </c:pt>
                <c:pt idx="2920">
                  <c:v>0</c:v>
                </c:pt>
                <c:pt idx="2921">
                  <c:v>0</c:v>
                </c:pt>
                <c:pt idx="2922">
                  <c:v>0</c:v>
                </c:pt>
                <c:pt idx="2923">
                  <c:v>0</c:v>
                </c:pt>
                <c:pt idx="2924">
                  <c:v>0</c:v>
                </c:pt>
                <c:pt idx="2925">
                  <c:v>0</c:v>
                </c:pt>
                <c:pt idx="2926">
                  <c:v>0</c:v>
                </c:pt>
                <c:pt idx="2927">
                  <c:v>0</c:v>
                </c:pt>
                <c:pt idx="2928">
                  <c:v>0</c:v>
                </c:pt>
                <c:pt idx="2929">
                  <c:v>0</c:v>
                </c:pt>
                <c:pt idx="2930">
                  <c:v>0</c:v>
                </c:pt>
                <c:pt idx="2931">
                  <c:v>0</c:v>
                </c:pt>
                <c:pt idx="2932">
                  <c:v>0</c:v>
                </c:pt>
                <c:pt idx="2933">
                  <c:v>0</c:v>
                </c:pt>
                <c:pt idx="2934">
                  <c:v>0</c:v>
                </c:pt>
                <c:pt idx="2935">
                  <c:v>0</c:v>
                </c:pt>
                <c:pt idx="2936">
                  <c:v>0</c:v>
                </c:pt>
                <c:pt idx="2937">
                  <c:v>0</c:v>
                </c:pt>
                <c:pt idx="2938">
                  <c:v>0</c:v>
                </c:pt>
                <c:pt idx="2939">
                  <c:v>0</c:v>
                </c:pt>
                <c:pt idx="2940">
                  <c:v>0</c:v>
                </c:pt>
                <c:pt idx="2941">
                  <c:v>0</c:v>
                </c:pt>
                <c:pt idx="2942">
                  <c:v>0</c:v>
                </c:pt>
                <c:pt idx="2943">
                  <c:v>0</c:v>
                </c:pt>
                <c:pt idx="2944">
                  <c:v>0</c:v>
                </c:pt>
                <c:pt idx="2945">
                  <c:v>0</c:v>
                </c:pt>
                <c:pt idx="2946">
                  <c:v>0</c:v>
                </c:pt>
                <c:pt idx="2947">
                  <c:v>0</c:v>
                </c:pt>
                <c:pt idx="2948">
                  <c:v>0</c:v>
                </c:pt>
                <c:pt idx="2949">
                  <c:v>0</c:v>
                </c:pt>
                <c:pt idx="2950">
                  <c:v>0</c:v>
                </c:pt>
                <c:pt idx="2951">
                  <c:v>0</c:v>
                </c:pt>
                <c:pt idx="2952">
                  <c:v>0</c:v>
                </c:pt>
                <c:pt idx="2953">
                  <c:v>0</c:v>
                </c:pt>
                <c:pt idx="2954">
                  <c:v>0</c:v>
                </c:pt>
                <c:pt idx="2955">
                  <c:v>0</c:v>
                </c:pt>
                <c:pt idx="2956">
                  <c:v>0</c:v>
                </c:pt>
                <c:pt idx="2957">
                  <c:v>0</c:v>
                </c:pt>
                <c:pt idx="2958">
                  <c:v>0</c:v>
                </c:pt>
                <c:pt idx="2959">
                  <c:v>0</c:v>
                </c:pt>
                <c:pt idx="2960">
                  <c:v>0</c:v>
                </c:pt>
                <c:pt idx="2961">
                  <c:v>0</c:v>
                </c:pt>
                <c:pt idx="2962">
                  <c:v>0</c:v>
                </c:pt>
                <c:pt idx="2963">
                  <c:v>0</c:v>
                </c:pt>
                <c:pt idx="2964">
                  <c:v>0</c:v>
                </c:pt>
                <c:pt idx="2965">
                  <c:v>0</c:v>
                </c:pt>
                <c:pt idx="2966">
                  <c:v>0</c:v>
                </c:pt>
                <c:pt idx="2967">
                  <c:v>0</c:v>
                </c:pt>
                <c:pt idx="2968">
                  <c:v>0</c:v>
                </c:pt>
                <c:pt idx="2969">
                  <c:v>0</c:v>
                </c:pt>
                <c:pt idx="2970">
                  <c:v>0</c:v>
                </c:pt>
                <c:pt idx="2971">
                  <c:v>0</c:v>
                </c:pt>
                <c:pt idx="2972">
                  <c:v>0</c:v>
                </c:pt>
                <c:pt idx="2973">
                  <c:v>0</c:v>
                </c:pt>
                <c:pt idx="2974">
                  <c:v>0</c:v>
                </c:pt>
                <c:pt idx="2975">
                  <c:v>0</c:v>
                </c:pt>
                <c:pt idx="2976">
                  <c:v>0</c:v>
                </c:pt>
                <c:pt idx="2977">
                  <c:v>0</c:v>
                </c:pt>
                <c:pt idx="2978">
                  <c:v>0</c:v>
                </c:pt>
                <c:pt idx="2979">
                  <c:v>0</c:v>
                </c:pt>
                <c:pt idx="2980">
                  <c:v>0</c:v>
                </c:pt>
                <c:pt idx="2981">
                  <c:v>0</c:v>
                </c:pt>
                <c:pt idx="2982">
                  <c:v>0</c:v>
                </c:pt>
                <c:pt idx="2983">
                  <c:v>0</c:v>
                </c:pt>
                <c:pt idx="2984">
                  <c:v>0</c:v>
                </c:pt>
                <c:pt idx="2985">
                  <c:v>0</c:v>
                </c:pt>
                <c:pt idx="2986">
                  <c:v>0</c:v>
                </c:pt>
                <c:pt idx="2987">
                  <c:v>0</c:v>
                </c:pt>
                <c:pt idx="2988">
                  <c:v>0</c:v>
                </c:pt>
                <c:pt idx="2989">
                  <c:v>0</c:v>
                </c:pt>
                <c:pt idx="2990">
                  <c:v>0</c:v>
                </c:pt>
                <c:pt idx="2991">
                  <c:v>0</c:v>
                </c:pt>
                <c:pt idx="2992">
                  <c:v>0</c:v>
                </c:pt>
                <c:pt idx="2993">
                  <c:v>0</c:v>
                </c:pt>
                <c:pt idx="2994">
                  <c:v>0</c:v>
                </c:pt>
                <c:pt idx="2995">
                  <c:v>0</c:v>
                </c:pt>
                <c:pt idx="2996">
                  <c:v>0</c:v>
                </c:pt>
                <c:pt idx="2997">
                  <c:v>0</c:v>
                </c:pt>
                <c:pt idx="2998">
                  <c:v>0</c:v>
                </c:pt>
                <c:pt idx="2999">
                  <c:v>0</c:v>
                </c:pt>
                <c:pt idx="3000">
                  <c:v>0</c:v>
                </c:pt>
                <c:pt idx="3001">
                  <c:v>0</c:v>
                </c:pt>
                <c:pt idx="3002">
                  <c:v>0</c:v>
                </c:pt>
                <c:pt idx="3003">
                  <c:v>0</c:v>
                </c:pt>
                <c:pt idx="3004">
                  <c:v>0</c:v>
                </c:pt>
                <c:pt idx="3005">
                  <c:v>0</c:v>
                </c:pt>
                <c:pt idx="3006">
                  <c:v>0</c:v>
                </c:pt>
                <c:pt idx="3007">
                  <c:v>0</c:v>
                </c:pt>
                <c:pt idx="3008">
                  <c:v>0</c:v>
                </c:pt>
                <c:pt idx="3009">
                  <c:v>0</c:v>
                </c:pt>
                <c:pt idx="3010">
                  <c:v>0</c:v>
                </c:pt>
                <c:pt idx="3011">
                  <c:v>0</c:v>
                </c:pt>
                <c:pt idx="3012">
                  <c:v>0</c:v>
                </c:pt>
                <c:pt idx="3013">
                  <c:v>0</c:v>
                </c:pt>
                <c:pt idx="3014">
                  <c:v>0</c:v>
                </c:pt>
                <c:pt idx="3015">
                  <c:v>0</c:v>
                </c:pt>
                <c:pt idx="3016">
                  <c:v>0</c:v>
                </c:pt>
                <c:pt idx="3017">
                  <c:v>0</c:v>
                </c:pt>
                <c:pt idx="3018">
                  <c:v>0</c:v>
                </c:pt>
                <c:pt idx="3019">
                  <c:v>0</c:v>
                </c:pt>
                <c:pt idx="3020">
                  <c:v>0</c:v>
                </c:pt>
                <c:pt idx="3021">
                  <c:v>0</c:v>
                </c:pt>
                <c:pt idx="3022">
                  <c:v>0</c:v>
                </c:pt>
                <c:pt idx="3023">
                  <c:v>0</c:v>
                </c:pt>
                <c:pt idx="3024">
                  <c:v>0</c:v>
                </c:pt>
                <c:pt idx="3025">
                  <c:v>0</c:v>
                </c:pt>
                <c:pt idx="3026">
                  <c:v>0</c:v>
                </c:pt>
                <c:pt idx="3027">
                  <c:v>0</c:v>
                </c:pt>
                <c:pt idx="3028">
                  <c:v>0</c:v>
                </c:pt>
                <c:pt idx="3029">
                  <c:v>0</c:v>
                </c:pt>
                <c:pt idx="3030">
                  <c:v>0</c:v>
                </c:pt>
                <c:pt idx="3031">
                  <c:v>0</c:v>
                </c:pt>
                <c:pt idx="3032">
                  <c:v>0</c:v>
                </c:pt>
                <c:pt idx="3033">
                  <c:v>0</c:v>
                </c:pt>
                <c:pt idx="3034">
                  <c:v>0</c:v>
                </c:pt>
                <c:pt idx="3035">
                  <c:v>0</c:v>
                </c:pt>
                <c:pt idx="3036">
                  <c:v>0</c:v>
                </c:pt>
                <c:pt idx="3037">
                  <c:v>0</c:v>
                </c:pt>
                <c:pt idx="3038">
                  <c:v>0</c:v>
                </c:pt>
                <c:pt idx="3039">
                  <c:v>0</c:v>
                </c:pt>
                <c:pt idx="3040">
                  <c:v>0</c:v>
                </c:pt>
                <c:pt idx="3041">
                  <c:v>0</c:v>
                </c:pt>
                <c:pt idx="3042">
                  <c:v>0</c:v>
                </c:pt>
                <c:pt idx="3043">
                  <c:v>0</c:v>
                </c:pt>
                <c:pt idx="3044">
                  <c:v>0</c:v>
                </c:pt>
                <c:pt idx="3045">
                  <c:v>0</c:v>
                </c:pt>
                <c:pt idx="3046">
                  <c:v>0</c:v>
                </c:pt>
                <c:pt idx="3047">
                  <c:v>0</c:v>
                </c:pt>
                <c:pt idx="3048">
                  <c:v>0</c:v>
                </c:pt>
                <c:pt idx="3049">
                  <c:v>0</c:v>
                </c:pt>
                <c:pt idx="3050">
                  <c:v>0</c:v>
                </c:pt>
                <c:pt idx="3051">
                  <c:v>0</c:v>
                </c:pt>
                <c:pt idx="3052">
                  <c:v>0</c:v>
                </c:pt>
                <c:pt idx="3053">
                  <c:v>0</c:v>
                </c:pt>
                <c:pt idx="3054">
                  <c:v>0</c:v>
                </c:pt>
                <c:pt idx="3055">
                  <c:v>0</c:v>
                </c:pt>
                <c:pt idx="3056">
                  <c:v>0</c:v>
                </c:pt>
                <c:pt idx="3057">
                  <c:v>0</c:v>
                </c:pt>
                <c:pt idx="3058">
                  <c:v>0</c:v>
                </c:pt>
                <c:pt idx="3059">
                  <c:v>0</c:v>
                </c:pt>
                <c:pt idx="3060">
                  <c:v>0</c:v>
                </c:pt>
                <c:pt idx="3061">
                  <c:v>0</c:v>
                </c:pt>
                <c:pt idx="3062">
                  <c:v>0</c:v>
                </c:pt>
                <c:pt idx="3063">
                  <c:v>0</c:v>
                </c:pt>
                <c:pt idx="3064">
                  <c:v>0</c:v>
                </c:pt>
                <c:pt idx="3065">
                  <c:v>0</c:v>
                </c:pt>
                <c:pt idx="3066">
                  <c:v>0</c:v>
                </c:pt>
                <c:pt idx="3067">
                  <c:v>0</c:v>
                </c:pt>
                <c:pt idx="3068">
                  <c:v>0</c:v>
                </c:pt>
                <c:pt idx="3069">
                  <c:v>0</c:v>
                </c:pt>
                <c:pt idx="3070">
                  <c:v>0</c:v>
                </c:pt>
                <c:pt idx="3071">
                  <c:v>0</c:v>
                </c:pt>
                <c:pt idx="3072">
                  <c:v>0</c:v>
                </c:pt>
                <c:pt idx="3073">
                  <c:v>0</c:v>
                </c:pt>
                <c:pt idx="3074">
                  <c:v>0</c:v>
                </c:pt>
                <c:pt idx="3075">
                  <c:v>0</c:v>
                </c:pt>
                <c:pt idx="3076">
                  <c:v>0</c:v>
                </c:pt>
                <c:pt idx="3077">
                  <c:v>0</c:v>
                </c:pt>
                <c:pt idx="3078">
                  <c:v>0</c:v>
                </c:pt>
                <c:pt idx="3079">
                  <c:v>0</c:v>
                </c:pt>
                <c:pt idx="3080">
                  <c:v>0</c:v>
                </c:pt>
                <c:pt idx="3081">
                  <c:v>0</c:v>
                </c:pt>
                <c:pt idx="3082">
                  <c:v>0</c:v>
                </c:pt>
                <c:pt idx="3083">
                  <c:v>0</c:v>
                </c:pt>
                <c:pt idx="3084">
                  <c:v>0</c:v>
                </c:pt>
                <c:pt idx="3085">
                  <c:v>0</c:v>
                </c:pt>
                <c:pt idx="3086">
                  <c:v>0</c:v>
                </c:pt>
                <c:pt idx="3087">
                  <c:v>0</c:v>
                </c:pt>
                <c:pt idx="3088">
                  <c:v>0</c:v>
                </c:pt>
                <c:pt idx="3089">
                  <c:v>0</c:v>
                </c:pt>
                <c:pt idx="3090">
                  <c:v>0</c:v>
                </c:pt>
                <c:pt idx="3091">
                  <c:v>0</c:v>
                </c:pt>
                <c:pt idx="3092">
                  <c:v>0</c:v>
                </c:pt>
                <c:pt idx="3093">
                  <c:v>0</c:v>
                </c:pt>
                <c:pt idx="3094">
                  <c:v>0</c:v>
                </c:pt>
                <c:pt idx="3095">
                  <c:v>0</c:v>
                </c:pt>
                <c:pt idx="3096">
                  <c:v>0</c:v>
                </c:pt>
                <c:pt idx="3097">
                  <c:v>0</c:v>
                </c:pt>
                <c:pt idx="3098">
                  <c:v>0</c:v>
                </c:pt>
                <c:pt idx="3099">
                  <c:v>0</c:v>
                </c:pt>
                <c:pt idx="3100">
                  <c:v>0</c:v>
                </c:pt>
                <c:pt idx="3101">
                  <c:v>0</c:v>
                </c:pt>
                <c:pt idx="3102">
                  <c:v>0</c:v>
                </c:pt>
                <c:pt idx="3103">
                  <c:v>0</c:v>
                </c:pt>
                <c:pt idx="3104">
                  <c:v>0</c:v>
                </c:pt>
                <c:pt idx="3105">
                  <c:v>0</c:v>
                </c:pt>
                <c:pt idx="3106">
                  <c:v>0</c:v>
                </c:pt>
                <c:pt idx="3107">
                  <c:v>0</c:v>
                </c:pt>
                <c:pt idx="3108">
                  <c:v>0</c:v>
                </c:pt>
                <c:pt idx="3109">
                  <c:v>0</c:v>
                </c:pt>
                <c:pt idx="3110">
                  <c:v>0</c:v>
                </c:pt>
                <c:pt idx="3111">
                  <c:v>0</c:v>
                </c:pt>
                <c:pt idx="3112">
                  <c:v>0</c:v>
                </c:pt>
                <c:pt idx="3113">
                  <c:v>0</c:v>
                </c:pt>
                <c:pt idx="3114">
                  <c:v>0</c:v>
                </c:pt>
                <c:pt idx="3115">
                  <c:v>0</c:v>
                </c:pt>
                <c:pt idx="3116">
                  <c:v>0</c:v>
                </c:pt>
                <c:pt idx="3117">
                  <c:v>0</c:v>
                </c:pt>
                <c:pt idx="3118">
                  <c:v>0</c:v>
                </c:pt>
                <c:pt idx="3119">
                  <c:v>0</c:v>
                </c:pt>
                <c:pt idx="3120">
                  <c:v>0</c:v>
                </c:pt>
                <c:pt idx="3121">
                  <c:v>0</c:v>
                </c:pt>
                <c:pt idx="3122">
                  <c:v>0</c:v>
                </c:pt>
                <c:pt idx="3123">
                  <c:v>0</c:v>
                </c:pt>
                <c:pt idx="3124">
                  <c:v>0</c:v>
                </c:pt>
                <c:pt idx="3125">
                  <c:v>0</c:v>
                </c:pt>
                <c:pt idx="3126">
                  <c:v>0</c:v>
                </c:pt>
                <c:pt idx="3127">
                  <c:v>0</c:v>
                </c:pt>
                <c:pt idx="3128">
                  <c:v>0</c:v>
                </c:pt>
                <c:pt idx="3129">
                  <c:v>0</c:v>
                </c:pt>
                <c:pt idx="3130">
                  <c:v>0</c:v>
                </c:pt>
                <c:pt idx="3131">
                  <c:v>0</c:v>
                </c:pt>
                <c:pt idx="3132">
                  <c:v>0</c:v>
                </c:pt>
                <c:pt idx="3133">
                  <c:v>0</c:v>
                </c:pt>
                <c:pt idx="3134">
                  <c:v>0</c:v>
                </c:pt>
                <c:pt idx="3135">
                  <c:v>0</c:v>
                </c:pt>
                <c:pt idx="3136">
                  <c:v>0</c:v>
                </c:pt>
                <c:pt idx="3137">
                  <c:v>0</c:v>
                </c:pt>
                <c:pt idx="3138">
                  <c:v>0</c:v>
                </c:pt>
                <c:pt idx="3139">
                  <c:v>0</c:v>
                </c:pt>
                <c:pt idx="3140">
                  <c:v>0</c:v>
                </c:pt>
                <c:pt idx="3141">
                  <c:v>0</c:v>
                </c:pt>
                <c:pt idx="3142">
                  <c:v>0</c:v>
                </c:pt>
                <c:pt idx="3143">
                  <c:v>0</c:v>
                </c:pt>
                <c:pt idx="3144">
                  <c:v>0</c:v>
                </c:pt>
                <c:pt idx="3145">
                  <c:v>0</c:v>
                </c:pt>
                <c:pt idx="3146">
                  <c:v>0</c:v>
                </c:pt>
                <c:pt idx="3147">
                  <c:v>0</c:v>
                </c:pt>
                <c:pt idx="3148">
                  <c:v>0</c:v>
                </c:pt>
                <c:pt idx="3149">
                  <c:v>0</c:v>
                </c:pt>
                <c:pt idx="3150">
                  <c:v>0</c:v>
                </c:pt>
                <c:pt idx="3151">
                  <c:v>0</c:v>
                </c:pt>
                <c:pt idx="3152">
                  <c:v>0</c:v>
                </c:pt>
                <c:pt idx="3153">
                  <c:v>0</c:v>
                </c:pt>
                <c:pt idx="3154">
                  <c:v>0</c:v>
                </c:pt>
                <c:pt idx="3155">
                  <c:v>0</c:v>
                </c:pt>
                <c:pt idx="3156">
                  <c:v>0</c:v>
                </c:pt>
                <c:pt idx="3157">
                  <c:v>0</c:v>
                </c:pt>
                <c:pt idx="3158">
                  <c:v>0</c:v>
                </c:pt>
                <c:pt idx="3159">
                  <c:v>0</c:v>
                </c:pt>
                <c:pt idx="3160">
                  <c:v>0</c:v>
                </c:pt>
                <c:pt idx="3161">
                  <c:v>0</c:v>
                </c:pt>
                <c:pt idx="3162">
                  <c:v>0</c:v>
                </c:pt>
                <c:pt idx="3163">
                  <c:v>0</c:v>
                </c:pt>
                <c:pt idx="3164">
                  <c:v>0</c:v>
                </c:pt>
                <c:pt idx="3165">
                  <c:v>0</c:v>
                </c:pt>
                <c:pt idx="3166">
                  <c:v>0</c:v>
                </c:pt>
                <c:pt idx="3167">
                  <c:v>0</c:v>
                </c:pt>
                <c:pt idx="3168">
                  <c:v>0</c:v>
                </c:pt>
                <c:pt idx="3169">
                  <c:v>0</c:v>
                </c:pt>
                <c:pt idx="3170">
                  <c:v>0</c:v>
                </c:pt>
                <c:pt idx="3171">
                  <c:v>0</c:v>
                </c:pt>
                <c:pt idx="3172">
                  <c:v>0</c:v>
                </c:pt>
                <c:pt idx="3173">
                  <c:v>0</c:v>
                </c:pt>
                <c:pt idx="3174">
                  <c:v>0</c:v>
                </c:pt>
                <c:pt idx="3175">
                  <c:v>0</c:v>
                </c:pt>
                <c:pt idx="3176">
                  <c:v>0</c:v>
                </c:pt>
                <c:pt idx="3177">
                  <c:v>0</c:v>
                </c:pt>
                <c:pt idx="3178">
                  <c:v>0</c:v>
                </c:pt>
                <c:pt idx="3179">
                  <c:v>0</c:v>
                </c:pt>
                <c:pt idx="3180">
                  <c:v>0</c:v>
                </c:pt>
                <c:pt idx="3181">
                  <c:v>0</c:v>
                </c:pt>
                <c:pt idx="3182">
                  <c:v>0</c:v>
                </c:pt>
                <c:pt idx="3183">
                  <c:v>0</c:v>
                </c:pt>
                <c:pt idx="3184">
                  <c:v>0</c:v>
                </c:pt>
                <c:pt idx="3185">
                  <c:v>0</c:v>
                </c:pt>
                <c:pt idx="3186">
                  <c:v>0</c:v>
                </c:pt>
                <c:pt idx="3187">
                  <c:v>0</c:v>
                </c:pt>
                <c:pt idx="3188">
                  <c:v>0</c:v>
                </c:pt>
                <c:pt idx="3189">
                  <c:v>0</c:v>
                </c:pt>
                <c:pt idx="3190">
                  <c:v>0</c:v>
                </c:pt>
                <c:pt idx="3191">
                  <c:v>0</c:v>
                </c:pt>
                <c:pt idx="3192">
                  <c:v>0</c:v>
                </c:pt>
                <c:pt idx="3193">
                  <c:v>0</c:v>
                </c:pt>
                <c:pt idx="3194">
                  <c:v>0</c:v>
                </c:pt>
                <c:pt idx="3195">
                  <c:v>0</c:v>
                </c:pt>
                <c:pt idx="3196">
                  <c:v>0</c:v>
                </c:pt>
                <c:pt idx="3197">
                  <c:v>0</c:v>
                </c:pt>
                <c:pt idx="3198">
                  <c:v>0</c:v>
                </c:pt>
                <c:pt idx="3199">
                  <c:v>0</c:v>
                </c:pt>
                <c:pt idx="3200">
                  <c:v>0</c:v>
                </c:pt>
                <c:pt idx="3201">
                  <c:v>0</c:v>
                </c:pt>
                <c:pt idx="3202">
                  <c:v>0</c:v>
                </c:pt>
                <c:pt idx="3203">
                  <c:v>0</c:v>
                </c:pt>
                <c:pt idx="3204">
                  <c:v>0</c:v>
                </c:pt>
                <c:pt idx="3205">
                  <c:v>0</c:v>
                </c:pt>
                <c:pt idx="3206">
                  <c:v>0</c:v>
                </c:pt>
                <c:pt idx="3207">
                  <c:v>0</c:v>
                </c:pt>
                <c:pt idx="3208">
                  <c:v>0</c:v>
                </c:pt>
                <c:pt idx="3209">
                  <c:v>0</c:v>
                </c:pt>
                <c:pt idx="3210">
                  <c:v>0</c:v>
                </c:pt>
                <c:pt idx="3211">
                  <c:v>0</c:v>
                </c:pt>
                <c:pt idx="3212">
                  <c:v>0</c:v>
                </c:pt>
                <c:pt idx="3213">
                  <c:v>0</c:v>
                </c:pt>
                <c:pt idx="3214">
                  <c:v>0</c:v>
                </c:pt>
                <c:pt idx="3215">
                  <c:v>0</c:v>
                </c:pt>
                <c:pt idx="3216">
                  <c:v>0</c:v>
                </c:pt>
                <c:pt idx="3217">
                  <c:v>0</c:v>
                </c:pt>
                <c:pt idx="3218">
                  <c:v>0</c:v>
                </c:pt>
                <c:pt idx="3219">
                  <c:v>0</c:v>
                </c:pt>
                <c:pt idx="3220">
                  <c:v>0</c:v>
                </c:pt>
                <c:pt idx="3221">
                  <c:v>0</c:v>
                </c:pt>
                <c:pt idx="3222">
                  <c:v>0</c:v>
                </c:pt>
                <c:pt idx="3223">
                  <c:v>0</c:v>
                </c:pt>
                <c:pt idx="3224">
                  <c:v>0</c:v>
                </c:pt>
                <c:pt idx="3225">
                  <c:v>0</c:v>
                </c:pt>
                <c:pt idx="3226">
                  <c:v>0</c:v>
                </c:pt>
                <c:pt idx="3227">
                  <c:v>0</c:v>
                </c:pt>
                <c:pt idx="3228">
                  <c:v>0</c:v>
                </c:pt>
                <c:pt idx="3229">
                  <c:v>0</c:v>
                </c:pt>
                <c:pt idx="3230">
                  <c:v>0</c:v>
                </c:pt>
                <c:pt idx="3231">
                  <c:v>0</c:v>
                </c:pt>
                <c:pt idx="3232">
                  <c:v>0</c:v>
                </c:pt>
                <c:pt idx="3233">
                  <c:v>0</c:v>
                </c:pt>
                <c:pt idx="3234">
                  <c:v>0</c:v>
                </c:pt>
                <c:pt idx="3235">
                  <c:v>0</c:v>
                </c:pt>
                <c:pt idx="3236">
                  <c:v>0</c:v>
                </c:pt>
                <c:pt idx="3237">
                  <c:v>0</c:v>
                </c:pt>
                <c:pt idx="3238">
                  <c:v>0</c:v>
                </c:pt>
                <c:pt idx="3239">
                  <c:v>0</c:v>
                </c:pt>
                <c:pt idx="3240">
                  <c:v>0</c:v>
                </c:pt>
                <c:pt idx="3241">
                  <c:v>0</c:v>
                </c:pt>
                <c:pt idx="3242">
                  <c:v>0</c:v>
                </c:pt>
                <c:pt idx="3243">
                  <c:v>0</c:v>
                </c:pt>
                <c:pt idx="3244">
                  <c:v>0</c:v>
                </c:pt>
                <c:pt idx="3245">
                  <c:v>0</c:v>
                </c:pt>
                <c:pt idx="3246">
                  <c:v>0</c:v>
                </c:pt>
                <c:pt idx="3247">
                  <c:v>0</c:v>
                </c:pt>
                <c:pt idx="3248">
                  <c:v>0</c:v>
                </c:pt>
                <c:pt idx="3249">
                  <c:v>0</c:v>
                </c:pt>
                <c:pt idx="3250">
                  <c:v>0</c:v>
                </c:pt>
                <c:pt idx="3251">
                  <c:v>0</c:v>
                </c:pt>
                <c:pt idx="3252">
                  <c:v>0</c:v>
                </c:pt>
                <c:pt idx="3253">
                  <c:v>0</c:v>
                </c:pt>
                <c:pt idx="3254">
                  <c:v>0</c:v>
                </c:pt>
                <c:pt idx="3255">
                  <c:v>0</c:v>
                </c:pt>
                <c:pt idx="3256">
                  <c:v>0</c:v>
                </c:pt>
                <c:pt idx="3257">
                  <c:v>0</c:v>
                </c:pt>
                <c:pt idx="3258">
                  <c:v>0</c:v>
                </c:pt>
                <c:pt idx="3259">
                  <c:v>0</c:v>
                </c:pt>
                <c:pt idx="3260">
                  <c:v>0</c:v>
                </c:pt>
                <c:pt idx="3261">
                  <c:v>0</c:v>
                </c:pt>
                <c:pt idx="3262">
                  <c:v>0</c:v>
                </c:pt>
                <c:pt idx="3263">
                  <c:v>0</c:v>
                </c:pt>
                <c:pt idx="3264">
                  <c:v>0</c:v>
                </c:pt>
                <c:pt idx="3265">
                  <c:v>0</c:v>
                </c:pt>
                <c:pt idx="3266">
                  <c:v>0</c:v>
                </c:pt>
                <c:pt idx="3267">
                  <c:v>0</c:v>
                </c:pt>
                <c:pt idx="3268">
                  <c:v>0</c:v>
                </c:pt>
                <c:pt idx="3269">
                  <c:v>0</c:v>
                </c:pt>
                <c:pt idx="3270">
                  <c:v>0</c:v>
                </c:pt>
                <c:pt idx="3271">
                  <c:v>0</c:v>
                </c:pt>
                <c:pt idx="3272">
                  <c:v>0</c:v>
                </c:pt>
                <c:pt idx="3273">
                  <c:v>0</c:v>
                </c:pt>
                <c:pt idx="3274">
                  <c:v>0</c:v>
                </c:pt>
                <c:pt idx="3275">
                  <c:v>0</c:v>
                </c:pt>
                <c:pt idx="3276">
                  <c:v>0</c:v>
                </c:pt>
                <c:pt idx="3277">
                  <c:v>0</c:v>
                </c:pt>
                <c:pt idx="3278">
                  <c:v>0</c:v>
                </c:pt>
                <c:pt idx="3279">
                  <c:v>0</c:v>
                </c:pt>
                <c:pt idx="3280">
                  <c:v>0</c:v>
                </c:pt>
                <c:pt idx="3281">
                  <c:v>0</c:v>
                </c:pt>
                <c:pt idx="3282">
                  <c:v>0</c:v>
                </c:pt>
                <c:pt idx="3283">
                  <c:v>0</c:v>
                </c:pt>
                <c:pt idx="3284">
                  <c:v>0</c:v>
                </c:pt>
                <c:pt idx="3285">
                  <c:v>0</c:v>
                </c:pt>
                <c:pt idx="3286">
                  <c:v>0</c:v>
                </c:pt>
                <c:pt idx="3287">
                  <c:v>0</c:v>
                </c:pt>
                <c:pt idx="3288">
                  <c:v>0</c:v>
                </c:pt>
                <c:pt idx="3289">
                  <c:v>0</c:v>
                </c:pt>
                <c:pt idx="3290">
                  <c:v>0</c:v>
                </c:pt>
                <c:pt idx="3291">
                  <c:v>0</c:v>
                </c:pt>
                <c:pt idx="3292">
                  <c:v>0</c:v>
                </c:pt>
                <c:pt idx="3293">
                  <c:v>0</c:v>
                </c:pt>
                <c:pt idx="3294">
                  <c:v>0</c:v>
                </c:pt>
                <c:pt idx="3295">
                  <c:v>0</c:v>
                </c:pt>
                <c:pt idx="3296">
                  <c:v>0</c:v>
                </c:pt>
                <c:pt idx="3297">
                  <c:v>0</c:v>
                </c:pt>
                <c:pt idx="3298">
                  <c:v>0</c:v>
                </c:pt>
                <c:pt idx="3299">
                  <c:v>0</c:v>
                </c:pt>
                <c:pt idx="3300">
                  <c:v>0</c:v>
                </c:pt>
                <c:pt idx="3301">
                  <c:v>0</c:v>
                </c:pt>
                <c:pt idx="3302">
                  <c:v>0</c:v>
                </c:pt>
                <c:pt idx="3303">
                  <c:v>0</c:v>
                </c:pt>
                <c:pt idx="3304">
                  <c:v>0</c:v>
                </c:pt>
                <c:pt idx="3305">
                  <c:v>0</c:v>
                </c:pt>
                <c:pt idx="3306">
                  <c:v>0</c:v>
                </c:pt>
                <c:pt idx="3307">
                  <c:v>0</c:v>
                </c:pt>
                <c:pt idx="3308">
                  <c:v>0</c:v>
                </c:pt>
                <c:pt idx="3309">
                  <c:v>0</c:v>
                </c:pt>
                <c:pt idx="3310">
                  <c:v>0</c:v>
                </c:pt>
                <c:pt idx="3311">
                  <c:v>0</c:v>
                </c:pt>
                <c:pt idx="3312">
                  <c:v>0</c:v>
                </c:pt>
                <c:pt idx="3313">
                  <c:v>0</c:v>
                </c:pt>
                <c:pt idx="3314">
                  <c:v>0</c:v>
                </c:pt>
                <c:pt idx="3315">
                  <c:v>0</c:v>
                </c:pt>
                <c:pt idx="3316">
                  <c:v>0</c:v>
                </c:pt>
                <c:pt idx="3317">
                  <c:v>0</c:v>
                </c:pt>
                <c:pt idx="3318">
                  <c:v>0</c:v>
                </c:pt>
                <c:pt idx="3319">
                  <c:v>0</c:v>
                </c:pt>
                <c:pt idx="3320">
                  <c:v>0</c:v>
                </c:pt>
                <c:pt idx="3321">
                  <c:v>0</c:v>
                </c:pt>
                <c:pt idx="3322">
                  <c:v>0</c:v>
                </c:pt>
                <c:pt idx="3323">
                  <c:v>0</c:v>
                </c:pt>
                <c:pt idx="3324">
                  <c:v>0</c:v>
                </c:pt>
                <c:pt idx="3325">
                  <c:v>0</c:v>
                </c:pt>
                <c:pt idx="3326">
                  <c:v>0</c:v>
                </c:pt>
                <c:pt idx="3327">
                  <c:v>0</c:v>
                </c:pt>
                <c:pt idx="3328">
                  <c:v>0</c:v>
                </c:pt>
                <c:pt idx="3329">
                  <c:v>0</c:v>
                </c:pt>
                <c:pt idx="3330">
                  <c:v>0</c:v>
                </c:pt>
                <c:pt idx="3331">
                  <c:v>0</c:v>
                </c:pt>
                <c:pt idx="3332">
                  <c:v>0</c:v>
                </c:pt>
                <c:pt idx="3333">
                  <c:v>0</c:v>
                </c:pt>
                <c:pt idx="3334">
                  <c:v>0</c:v>
                </c:pt>
                <c:pt idx="3335">
                  <c:v>0</c:v>
                </c:pt>
                <c:pt idx="3336">
                  <c:v>0</c:v>
                </c:pt>
                <c:pt idx="3337">
                  <c:v>0</c:v>
                </c:pt>
                <c:pt idx="3338">
                  <c:v>0</c:v>
                </c:pt>
                <c:pt idx="3339">
                  <c:v>0</c:v>
                </c:pt>
                <c:pt idx="3340">
                  <c:v>0</c:v>
                </c:pt>
                <c:pt idx="3341">
                  <c:v>0</c:v>
                </c:pt>
                <c:pt idx="3342">
                  <c:v>0</c:v>
                </c:pt>
                <c:pt idx="3343">
                  <c:v>0</c:v>
                </c:pt>
                <c:pt idx="3344">
                  <c:v>0</c:v>
                </c:pt>
                <c:pt idx="3345">
                  <c:v>0</c:v>
                </c:pt>
                <c:pt idx="3346">
                  <c:v>0</c:v>
                </c:pt>
                <c:pt idx="3347">
                  <c:v>0</c:v>
                </c:pt>
                <c:pt idx="3348">
                  <c:v>0</c:v>
                </c:pt>
                <c:pt idx="3349">
                  <c:v>0</c:v>
                </c:pt>
                <c:pt idx="3350">
                  <c:v>0</c:v>
                </c:pt>
                <c:pt idx="3351">
                  <c:v>0</c:v>
                </c:pt>
                <c:pt idx="3352">
                  <c:v>0</c:v>
                </c:pt>
                <c:pt idx="3353">
                  <c:v>0</c:v>
                </c:pt>
                <c:pt idx="3354">
                  <c:v>0</c:v>
                </c:pt>
                <c:pt idx="3355">
                  <c:v>0</c:v>
                </c:pt>
                <c:pt idx="3356">
                  <c:v>0</c:v>
                </c:pt>
                <c:pt idx="3357">
                  <c:v>0</c:v>
                </c:pt>
                <c:pt idx="3358">
                  <c:v>0</c:v>
                </c:pt>
                <c:pt idx="3359">
                  <c:v>0</c:v>
                </c:pt>
                <c:pt idx="3360">
                  <c:v>0</c:v>
                </c:pt>
                <c:pt idx="3361">
                  <c:v>0</c:v>
                </c:pt>
                <c:pt idx="3362">
                  <c:v>0</c:v>
                </c:pt>
                <c:pt idx="3363">
                  <c:v>0</c:v>
                </c:pt>
                <c:pt idx="3364">
                  <c:v>0</c:v>
                </c:pt>
                <c:pt idx="3365">
                  <c:v>0</c:v>
                </c:pt>
                <c:pt idx="3366">
                  <c:v>0</c:v>
                </c:pt>
                <c:pt idx="3367">
                  <c:v>0</c:v>
                </c:pt>
                <c:pt idx="3368">
                  <c:v>0</c:v>
                </c:pt>
                <c:pt idx="3369">
                  <c:v>0</c:v>
                </c:pt>
                <c:pt idx="3370">
                  <c:v>0</c:v>
                </c:pt>
                <c:pt idx="3371">
                  <c:v>0</c:v>
                </c:pt>
                <c:pt idx="3372">
                  <c:v>0</c:v>
                </c:pt>
                <c:pt idx="3373">
                  <c:v>0</c:v>
                </c:pt>
                <c:pt idx="3374">
                  <c:v>0</c:v>
                </c:pt>
                <c:pt idx="3375">
                  <c:v>0</c:v>
                </c:pt>
                <c:pt idx="3376">
                  <c:v>0</c:v>
                </c:pt>
                <c:pt idx="3377">
                  <c:v>0</c:v>
                </c:pt>
                <c:pt idx="3378">
                  <c:v>0</c:v>
                </c:pt>
                <c:pt idx="3379">
                  <c:v>0</c:v>
                </c:pt>
                <c:pt idx="3380">
                  <c:v>0</c:v>
                </c:pt>
                <c:pt idx="3381">
                  <c:v>0</c:v>
                </c:pt>
                <c:pt idx="3382">
                  <c:v>0</c:v>
                </c:pt>
                <c:pt idx="3383">
                  <c:v>0</c:v>
                </c:pt>
                <c:pt idx="3384">
                  <c:v>0</c:v>
                </c:pt>
                <c:pt idx="3385">
                  <c:v>0</c:v>
                </c:pt>
                <c:pt idx="3386">
                  <c:v>0</c:v>
                </c:pt>
                <c:pt idx="3387">
                  <c:v>0</c:v>
                </c:pt>
                <c:pt idx="3388">
                  <c:v>0</c:v>
                </c:pt>
                <c:pt idx="3389">
                  <c:v>0</c:v>
                </c:pt>
                <c:pt idx="3390">
                  <c:v>0</c:v>
                </c:pt>
                <c:pt idx="3391">
                  <c:v>0</c:v>
                </c:pt>
                <c:pt idx="3392">
                  <c:v>0</c:v>
                </c:pt>
                <c:pt idx="3393">
                  <c:v>0</c:v>
                </c:pt>
                <c:pt idx="3394">
                  <c:v>0</c:v>
                </c:pt>
                <c:pt idx="3395">
                  <c:v>0</c:v>
                </c:pt>
                <c:pt idx="3396">
                  <c:v>0</c:v>
                </c:pt>
                <c:pt idx="3397">
                  <c:v>0</c:v>
                </c:pt>
                <c:pt idx="3398">
                  <c:v>0</c:v>
                </c:pt>
                <c:pt idx="3399">
                  <c:v>0</c:v>
                </c:pt>
                <c:pt idx="3400">
                  <c:v>0</c:v>
                </c:pt>
                <c:pt idx="3401">
                  <c:v>0</c:v>
                </c:pt>
                <c:pt idx="3402">
                  <c:v>0</c:v>
                </c:pt>
                <c:pt idx="3403">
                  <c:v>0</c:v>
                </c:pt>
                <c:pt idx="3404">
                  <c:v>0</c:v>
                </c:pt>
                <c:pt idx="3405">
                  <c:v>0</c:v>
                </c:pt>
                <c:pt idx="3406">
                  <c:v>0</c:v>
                </c:pt>
                <c:pt idx="3407">
                  <c:v>0</c:v>
                </c:pt>
                <c:pt idx="3408">
                  <c:v>0</c:v>
                </c:pt>
                <c:pt idx="3409">
                  <c:v>0</c:v>
                </c:pt>
                <c:pt idx="3410">
                  <c:v>0</c:v>
                </c:pt>
                <c:pt idx="3411">
                  <c:v>0</c:v>
                </c:pt>
                <c:pt idx="3412">
                  <c:v>0</c:v>
                </c:pt>
                <c:pt idx="3413">
                  <c:v>0</c:v>
                </c:pt>
                <c:pt idx="3414">
                  <c:v>0</c:v>
                </c:pt>
                <c:pt idx="3415">
                  <c:v>0</c:v>
                </c:pt>
                <c:pt idx="3416">
                  <c:v>0</c:v>
                </c:pt>
                <c:pt idx="3417">
                  <c:v>0</c:v>
                </c:pt>
                <c:pt idx="3418">
                  <c:v>0</c:v>
                </c:pt>
                <c:pt idx="3419">
                  <c:v>0</c:v>
                </c:pt>
                <c:pt idx="3420">
                  <c:v>0</c:v>
                </c:pt>
                <c:pt idx="3421">
                  <c:v>0</c:v>
                </c:pt>
                <c:pt idx="3422">
                  <c:v>0</c:v>
                </c:pt>
                <c:pt idx="3423">
                  <c:v>0</c:v>
                </c:pt>
                <c:pt idx="3424">
                  <c:v>0</c:v>
                </c:pt>
                <c:pt idx="3425">
                  <c:v>0</c:v>
                </c:pt>
                <c:pt idx="3426">
                  <c:v>0</c:v>
                </c:pt>
                <c:pt idx="3427">
                  <c:v>0</c:v>
                </c:pt>
                <c:pt idx="3428">
                  <c:v>0</c:v>
                </c:pt>
                <c:pt idx="3429">
                  <c:v>0</c:v>
                </c:pt>
                <c:pt idx="3430">
                  <c:v>0</c:v>
                </c:pt>
                <c:pt idx="3431">
                  <c:v>0</c:v>
                </c:pt>
                <c:pt idx="3432">
                  <c:v>0</c:v>
                </c:pt>
                <c:pt idx="3433">
                  <c:v>0</c:v>
                </c:pt>
                <c:pt idx="3434">
                  <c:v>0</c:v>
                </c:pt>
                <c:pt idx="3435">
                  <c:v>0</c:v>
                </c:pt>
                <c:pt idx="3436">
                  <c:v>0</c:v>
                </c:pt>
                <c:pt idx="3437">
                  <c:v>0</c:v>
                </c:pt>
                <c:pt idx="3438">
                  <c:v>0</c:v>
                </c:pt>
                <c:pt idx="3439">
                  <c:v>0</c:v>
                </c:pt>
                <c:pt idx="3440">
                  <c:v>0</c:v>
                </c:pt>
                <c:pt idx="3441">
                  <c:v>0</c:v>
                </c:pt>
                <c:pt idx="3442">
                  <c:v>0</c:v>
                </c:pt>
                <c:pt idx="3443">
                  <c:v>0</c:v>
                </c:pt>
                <c:pt idx="3444">
                  <c:v>0</c:v>
                </c:pt>
                <c:pt idx="3445">
                  <c:v>0</c:v>
                </c:pt>
                <c:pt idx="3446">
                  <c:v>0</c:v>
                </c:pt>
                <c:pt idx="3447">
                  <c:v>0</c:v>
                </c:pt>
                <c:pt idx="3448">
                  <c:v>0</c:v>
                </c:pt>
                <c:pt idx="3449">
                  <c:v>0</c:v>
                </c:pt>
                <c:pt idx="3450">
                  <c:v>0</c:v>
                </c:pt>
                <c:pt idx="3451">
                  <c:v>0</c:v>
                </c:pt>
                <c:pt idx="3452">
                  <c:v>0</c:v>
                </c:pt>
                <c:pt idx="3453">
                  <c:v>0</c:v>
                </c:pt>
                <c:pt idx="3454">
                  <c:v>0</c:v>
                </c:pt>
                <c:pt idx="3455">
                  <c:v>0</c:v>
                </c:pt>
                <c:pt idx="3456">
                  <c:v>0</c:v>
                </c:pt>
                <c:pt idx="3457">
                  <c:v>0</c:v>
                </c:pt>
                <c:pt idx="3458">
                  <c:v>0</c:v>
                </c:pt>
                <c:pt idx="3459">
                  <c:v>0</c:v>
                </c:pt>
                <c:pt idx="3460">
                  <c:v>0</c:v>
                </c:pt>
                <c:pt idx="3461">
                  <c:v>0</c:v>
                </c:pt>
                <c:pt idx="3462">
                  <c:v>0</c:v>
                </c:pt>
                <c:pt idx="3463">
                  <c:v>0</c:v>
                </c:pt>
                <c:pt idx="3464">
                  <c:v>0</c:v>
                </c:pt>
                <c:pt idx="3465">
                  <c:v>0</c:v>
                </c:pt>
                <c:pt idx="3466">
                  <c:v>0</c:v>
                </c:pt>
                <c:pt idx="3467">
                  <c:v>0</c:v>
                </c:pt>
                <c:pt idx="3468">
                  <c:v>0</c:v>
                </c:pt>
                <c:pt idx="3469">
                  <c:v>0</c:v>
                </c:pt>
                <c:pt idx="3470">
                  <c:v>0</c:v>
                </c:pt>
                <c:pt idx="3471">
                  <c:v>0</c:v>
                </c:pt>
                <c:pt idx="3472">
                  <c:v>0</c:v>
                </c:pt>
                <c:pt idx="3473">
                  <c:v>0</c:v>
                </c:pt>
                <c:pt idx="3474">
                  <c:v>0</c:v>
                </c:pt>
                <c:pt idx="3475">
                  <c:v>0</c:v>
                </c:pt>
                <c:pt idx="3476">
                  <c:v>0</c:v>
                </c:pt>
                <c:pt idx="3477">
                  <c:v>0</c:v>
                </c:pt>
                <c:pt idx="3478">
                  <c:v>0</c:v>
                </c:pt>
                <c:pt idx="3479">
                  <c:v>0</c:v>
                </c:pt>
                <c:pt idx="3480">
                  <c:v>0</c:v>
                </c:pt>
                <c:pt idx="3481">
                  <c:v>0</c:v>
                </c:pt>
                <c:pt idx="3482">
                  <c:v>0</c:v>
                </c:pt>
                <c:pt idx="3483">
                  <c:v>0</c:v>
                </c:pt>
                <c:pt idx="3484">
                  <c:v>0</c:v>
                </c:pt>
                <c:pt idx="3485">
                  <c:v>0</c:v>
                </c:pt>
                <c:pt idx="3486">
                  <c:v>0</c:v>
                </c:pt>
                <c:pt idx="3487">
                  <c:v>0</c:v>
                </c:pt>
                <c:pt idx="3488">
                  <c:v>0</c:v>
                </c:pt>
                <c:pt idx="3489">
                  <c:v>0</c:v>
                </c:pt>
                <c:pt idx="3490">
                  <c:v>0</c:v>
                </c:pt>
                <c:pt idx="3491">
                  <c:v>0</c:v>
                </c:pt>
                <c:pt idx="3492">
                  <c:v>0</c:v>
                </c:pt>
                <c:pt idx="3493">
                  <c:v>0</c:v>
                </c:pt>
                <c:pt idx="3494">
                  <c:v>0</c:v>
                </c:pt>
                <c:pt idx="3495">
                  <c:v>0</c:v>
                </c:pt>
                <c:pt idx="3496">
                  <c:v>0</c:v>
                </c:pt>
                <c:pt idx="3497">
                  <c:v>0</c:v>
                </c:pt>
                <c:pt idx="3498">
                  <c:v>0</c:v>
                </c:pt>
                <c:pt idx="3499">
                  <c:v>0</c:v>
                </c:pt>
                <c:pt idx="3500">
                  <c:v>0</c:v>
                </c:pt>
                <c:pt idx="3501">
                  <c:v>0</c:v>
                </c:pt>
                <c:pt idx="3502">
                  <c:v>0</c:v>
                </c:pt>
                <c:pt idx="3503">
                  <c:v>0</c:v>
                </c:pt>
                <c:pt idx="3504">
                  <c:v>0</c:v>
                </c:pt>
                <c:pt idx="3505">
                  <c:v>0</c:v>
                </c:pt>
                <c:pt idx="3506">
                  <c:v>0</c:v>
                </c:pt>
                <c:pt idx="3507">
                  <c:v>0</c:v>
                </c:pt>
                <c:pt idx="3508">
                  <c:v>0</c:v>
                </c:pt>
                <c:pt idx="3509">
                  <c:v>0</c:v>
                </c:pt>
                <c:pt idx="3510">
                  <c:v>0</c:v>
                </c:pt>
                <c:pt idx="3511">
                  <c:v>0</c:v>
                </c:pt>
                <c:pt idx="3512">
                  <c:v>0</c:v>
                </c:pt>
                <c:pt idx="3513">
                  <c:v>0</c:v>
                </c:pt>
                <c:pt idx="3514">
                  <c:v>0</c:v>
                </c:pt>
                <c:pt idx="3515">
                  <c:v>0</c:v>
                </c:pt>
                <c:pt idx="3516">
                  <c:v>0</c:v>
                </c:pt>
                <c:pt idx="3517">
                  <c:v>0</c:v>
                </c:pt>
                <c:pt idx="3518">
                  <c:v>0</c:v>
                </c:pt>
                <c:pt idx="3519">
                  <c:v>0</c:v>
                </c:pt>
                <c:pt idx="3520">
                  <c:v>0</c:v>
                </c:pt>
                <c:pt idx="3521">
                  <c:v>0</c:v>
                </c:pt>
                <c:pt idx="3522">
                  <c:v>0</c:v>
                </c:pt>
                <c:pt idx="3523">
                  <c:v>0</c:v>
                </c:pt>
                <c:pt idx="3524">
                  <c:v>0</c:v>
                </c:pt>
                <c:pt idx="3525">
                  <c:v>0</c:v>
                </c:pt>
                <c:pt idx="3526">
                  <c:v>0</c:v>
                </c:pt>
                <c:pt idx="3527">
                  <c:v>0</c:v>
                </c:pt>
                <c:pt idx="3528">
                  <c:v>0</c:v>
                </c:pt>
                <c:pt idx="3529">
                  <c:v>0</c:v>
                </c:pt>
                <c:pt idx="3530">
                  <c:v>0</c:v>
                </c:pt>
                <c:pt idx="3531">
                  <c:v>0</c:v>
                </c:pt>
                <c:pt idx="3532">
                  <c:v>0</c:v>
                </c:pt>
                <c:pt idx="3533">
                  <c:v>0</c:v>
                </c:pt>
                <c:pt idx="3534">
                  <c:v>0</c:v>
                </c:pt>
                <c:pt idx="3535">
                  <c:v>0</c:v>
                </c:pt>
                <c:pt idx="3536">
                  <c:v>0</c:v>
                </c:pt>
                <c:pt idx="3537">
                  <c:v>0</c:v>
                </c:pt>
                <c:pt idx="3538">
                  <c:v>0</c:v>
                </c:pt>
                <c:pt idx="3539">
                  <c:v>0</c:v>
                </c:pt>
                <c:pt idx="3540">
                  <c:v>0</c:v>
                </c:pt>
                <c:pt idx="3541">
                  <c:v>0</c:v>
                </c:pt>
                <c:pt idx="3542">
                  <c:v>0</c:v>
                </c:pt>
                <c:pt idx="3543">
                  <c:v>0</c:v>
                </c:pt>
                <c:pt idx="3544">
                  <c:v>0</c:v>
                </c:pt>
                <c:pt idx="3545">
                  <c:v>0</c:v>
                </c:pt>
                <c:pt idx="3546">
                  <c:v>0</c:v>
                </c:pt>
                <c:pt idx="3547">
                  <c:v>0</c:v>
                </c:pt>
                <c:pt idx="3548">
                  <c:v>0</c:v>
                </c:pt>
                <c:pt idx="3549">
                  <c:v>0</c:v>
                </c:pt>
                <c:pt idx="3550">
                  <c:v>0</c:v>
                </c:pt>
                <c:pt idx="3551">
                  <c:v>0</c:v>
                </c:pt>
                <c:pt idx="3552">
                  <c:v>0</c:v>
                </c:pt>
                <c:pt idx="3553">
                  <c:v>0</c:v>
                </c:pt>
                <c:pt idx="3554">
                  <c:v>0</c:v>
                </c:pt>
                <c:pt idx="3555">
                  <c:v>0</c:v>
                </c:pt>
                <c:pt idx="3556">
                  <c:v>0</c:v>
                </c:pt>
                <c:pt idx="3557">
                  <c:v>0</c:v>
                </c:pt>
                <c:pt idx="3558">
                  <c:v>0</c:v>
                </c:pt>
                <c:pt idx="3559">
                  <c:v>0</c:v>
                </c:pt>
                <c:pt idx="3560">
                  <c:v>0</c:v>
                </c:pt>
                <c:pt idx="3561">
                  <c:v>0</c:v>
                </c:pt>
                <c:pt idx="3562">
                  <c:v>0</c:v>
                </c:pt>
                <c:pt idx="3563">
                  <c:v>0</c:v>
                </c:pt>
                <c:pt idx="3564">
                  <c:v>0</c:v>
                </c:pt>
                <c:pt idx="3565">
                  <c:v>0</c:v>
                </c:pt>
                <c:pt idx="3566">
                  <c:v>0</c:v>
                </c:pt>
                <c:pt idx="3567">
                  <c:v>0</c:v>
                </c:pt>
                <c:pt idx="3568">
                  <c:v>0</c:v>
                </c:pt>
                <c:pt idx="3569">
                  <c:v>0</c:v>
                </c:pt>
                <c:pt idx="3570">
                  <c:v>0</c:v>
                </c:pt>
                <c:pt idx="3571">
                  <c:v>0</c:v>
                </c:pt>
                <c:pt idx="3572">
                  <c:v>0</c:v>
                </c:pt>
                <c:pt idx="3573">
                  <c:v>0</c:v>
                </c:pt>
                <c:pt idx="3574">
                  <c:v>0</c:v>
                </c:pt>
                <c:pt idx="3575">
                  <c:v>0</c:v>
                </c:pt>
                <c:pt idx="3576">
                  <c:v>0</c:v>
                </c:pt>
                <c:pt idx="3577">
                  <c:v>0</c:v>
                </c:pt>
                <c:pt idx="3578">
                  <c:v>0</c:v>
                </c:pt>
                <c:pt idx="3579">
                  <c:v>0</c:v>
                </c:pt>
                <c:pt idx="3580">
                  <c:v>0</c:v>
                </c:pt>
                <c:pt idx="3581">
                  <c:v>0</c:v>
                </c:pt>
                <c:pt idx="3582">
                  <c:v>0</c:v>
                </c:pt>
                <c:pt idx="3583">
                  <c:v>0</c:v>
                </c:pt>
                <c:pt idx="3584">
                  <c:v>0</c:v>
                </c:pt>
                <c:pt idx="3585">
                  <c:v>0</c:v>
                </c:pt>
                <c:pt idx="3586">
                  <c:v>0</c:v>
                </c:pt>
                <c:pt idx="3587">
                  <c:v>0</c:v>
                </c:pt>
                <c:pt idx="3588">
                  <c:v>0</c:v>
                </c:pt>
                <c:pt idx="3589">
                  <c:v>0</c:v>
                </c:pt>
                <c:pt idx="3590">
                  <c:v>0</c:v>
                </c:pt>
                <c:pt idx="3591">
                  <c:v>0</c:v>
                </c:pt>
                <c:pt idx="3592">
                  <c:v>0</c:v>
                </c:pt>
                <c:pt idx="3593">
                  <c:v>0</c:v>
                </c:pt>
                <c:pt idx="3594">
                  <c:v>0</c:v>
                </c:pt>
                <c:pt idx="3595">
                  <c:v>0</c:v>
                </c:pt>
                <c:pt idx="3596">
                  <c:v>0</c:v>
                </c:pt>
                <c:pt idx="3597">
                  <c:v>0</c:v>
                </c:pt>
                <c:pt idx="3598">
                  <c:v>0</c:v>
                </c:pt>
                <c:pt idx="3599">
                  <c:v>0</c:v>
                </c:pt>
                <c:pt idx="3600">
                  <c:v>0</c:v>
                </c:pt>
                <c:pt idx="3601">
                  <c:v>0</c:v>
                </c:pt>
                <c:pt idx="3602">
                  <c:v>0</c:v>
                </c:pt>
                <c:pt idx="3603">
                  <c:v>0</c:v>
                </c:pt>
                <c:pt idx="3604">
                  <c:v>0</c:v>
                </c:pt>
                <c:pt idx="3605">
                  <c:v>0</c:v>
                </c:pt>
                <c:pt idx="3606">
                  <c:v>0</c:v>
                </c:pt>
                <c:pt idx="3607">
                  <c:v>0</c:v>
                </c:pt>
                <c:pt idx="3608">
                  <c:v>0</c:v>
                </c:pt>
                <c:pt idx="3609">
                  <c:v>0</c:v>
                </c:pt>
                <c:pt idx="3610">
                  <c:v>0</c:v>
                </c:pt>
                <c:pt idx="3611">
                  <c:v>0</c:v>
                </c:pt>
                <c:pt idx="3612">
                  <c:v>0</c:v>
                </c:pt>
                <c:pt idx="3613">
                  <c:v>0</c:v>
                </c:pt>
                <c:pt idx="3614">
                  <c:v>0</c:v>
                </c:pt>
                <c:pt idx="3615">
                  <c:v>0</c:v>
                </c:pt>
                <c:pt idx="3616">
                  <c:v>0</c:v>
                </c:pt>
                <c:pt idx="3617">
                  <c:v>0</c:v>
                </c:pt>
                <c:pt idx="3618">
                  <c:v>0</c:v>
                </c:pt>
                <c:pt idx="3619">
                  <c:v>0</c:v>
                </c:pt>
                <c:pt idx="3620">
                  <c:v>0</c:v>
                </c:pt>
                <c:pt idx="3621">
                  <c:v>0</c:v>
                </c:pt>
                <c:pt idx="3622">
                  <c:v>0</c:v>
                </c:pt>
                <c:pt idx="3623">
                  <c:v>0</c:v>
                </c:pt>
                <c:pt idx="3624">
                  <c:v>0</c:v>
                </c:pt>
                <c:pt idx="3625">
                  <c:v>0</c:v>
                </c:pt>
                <c:pt idx="3626">
                  <c:v>0</c:v>
                </c:pt>
                <c:pt idx="3627">
                  <c:v>0</c:v>
                </c:pt>
                <c:pt idx="3628">
                  <c:v>0</c:v>
                </c:pt>
                <c:pt idx="3629">
                  <c:v>0</c:v>
                </c:pt>
                <c:pt idx="3630">
                  <c:v>0</c:v>
                </c:pt>
                <c:pt idx="3631">
                  <c:v>0</c:v>
                </c:pt>
                <c:pt idx="3632">
                  <c:v>0</c:v>
                </c:pt>
                <c:pt idx="3633">
                  <c:v>0</c:v>
                </c:pt>
                <c:pt idx="3634">
                  <c:v>0</c:v>
                </c:pt>
                <c:pt idx="3635">
                  <c:v>0</c:v>
                </c:pt>
                <c:pt idx="3636">
                  <c:v>0</c:v>
                </c:pt>
                <c:pt idx="3637">
                  <c:v>0</c:v>
                </c:pt>
                <c:pt idx="3638">
                  <c:v>0</c:v>
                </c:pt>
                <c:pt idx="3639">
                  <c:v>0</c:v>
                </c:pt>
                <c:pt idx="3640">
                  <c:v>0</c:v>
                </c:pt>
                <c:pt idx="3641">
                  <c:v>0</c:v>
                </c:pt>
                <c:pt idx="3642">
                  <c:v>0</c:v>
                </c:pt>
                <c:pt idx="3643">
                  <c:v>0</c:v>
                </c:pt>
                <c:pt idx="3644">
                  <c:v>0</c:v>
                </c:pt>
                <c:pt idx="3645">
                  <c:v>0</c:v>
                </c:pt>
                <c:pt idx="3646">
                  <c:v>0</c:v>
                </c:pt>
                <c:pt idx="3647">
                  <c:v>0</c:v>
                </c:pt>
                <c:pt idx="3648">
                  <c:v>0</c:v>
                </c:pt>
                <c:pt idx="3649">
                  <c:v>0</c:v>
                </c:pt>
                <c:pt idx="3650">
                  <c:v>0</c:v>
                </c:pt>
                <c:pt idx="3651">
                  <c:v>0</c:v>
                </c:pt>
                <c:pt idx="3652">
                  <c:v>0</c:v>
                </c:pt>
                <c:pt idx="3653">
                  <c:v>0</c:v>
                </c:pt>
                <c:pt idx="3654">
                  <c:v>0</c:v>
                </c:pt>
                <c:pt idx="3655">
                  <c:v>0</c:v>
                </c:pt>
                <c:pt idx="3656">
                  <c:v>0</c:v>
                </c:pt>
                <c:pt idx="3657">
                  <c:v>0</c:v>
                </c:pt>
                <c:pt idx="3658">
                  <c:v>0</c:v>
                </c:pt>
                <c:pt idx="3659">
                  <c:v>0</c:v>
                </c:pt>
                <c:pt idx="3660">
                  <c:v>0</c:v>
                </c:pt>
                <c:pt idx="3661">
                  <c:v>0</c:v>
                </c:pt>
                <c:pt idx="3662">
                  <c:v>0</c:v>
                </c:pt>
                <c:pt idx="3663">
                  <c:v>0</c:v>
                </c:pt>
                <c:pt idx="3664">
                  <c:v>0</c:v>
                </c:pt>
                <c:pt idx="3665">
                  <c:v>0</c:v>
                </c:pt>
                <c:pt idx="3666">
                  <c:v>0</c:v>
                </c:pt>
                <c:pt idx="3667">
                  <c:v>0</c:v>
                </c:pt>
                <c:pt idx="3668">
                  <c:v>0</c:v>
                </c:pt>
                <c:pt idx="3669">
                  <c:v>0</c:v>
                </c:pt>
                <c:pt idx="3670">
                  <c:v>0</c:v>
                </c:pt>
                <c:pt idx="3671">
                  <c:v>0</c:v>
                </c:pt>
                <c:pt idx="3672">
                  <c:v>0</c:v>
                </c:pt>
                <c:pt idx="3673">
                  <c:v>0</c:v>
                </c:pt>
                <c:pt idx="3674">
                  <c:v>0</c:v>
                </c:pt>
                <c:pt idx="3675">
                  <c:v>0</c:v>
                </c:pt>
                <c:pt idx="3676">
                  <c:v>0</c:v>
                </c:pt>
                <c:pt idx="3677">
                  <c:v>0</c:v>
                </c:pt>
                <c:pt idx="3678">
                  <c:v>0</c:v>
                </c:pt>
                <c:pt idx="3679">
                  <c:v>0</c:v>
                </c:pt>
                <c:pt idx="3680">
                  <c:v>0</c:v>
                </c:pt>
                <c:pt idx="3681">
                  <c:v>0</c:v>
                </c:pt>
                <c:pt idx="3682">
                  <c:v>0</c:v>
                </c:pt>
                <c:pt idx="3683">
                  <c:v>0</c:v>
                </c:pt>
                <c:pt idx="3684">
                  <c:v>0</c:v>
                </c:pt>
                <c:pt idx="3685">
                  <c:v>0</c:v>
                </c:pt>
                <c:pt idx="3686">
                  <c:v>0</c:v>
                </c:pt>
                <c:pt idx="3687">
                  <c:v>0</c:v>
                </c:pt>
                <c:pt idx="3688">
                  <c:v>0</c:v>
                </c:pt>
                <c:pt idx="3689">
                  <c:v>0</c:v>
                </c:pt>
                <c:pt idx="3690">
                  <c:v>0</c:v>
                </c:pt>
                <c:pt idx="3691">
                  <c:v>0</c:v>
                </c:pt>
                <c:pt idx="3692">
                  <c:v>0</c:v>
                </c:pt>
                <c:pt idx="3693">
                  <c:v>0</c:v>
                </c:pt>
                <c:pt idx="3694">
                  <c:v>0</c:v>
                </c:pt>
                <c:pt idx="3695">
                  <c:v>0</c:v>
                </c:pt>
                <c:pt idx="3696">
                  <c:v>0</c:v>
                </c:pt>
                <c:pt idx="3697">
                  <c:v>0</c:v>
                </c:pt>
                <c:pt idx="3698">
                  <c:v>0</c:v>
                </c:pt>
                <c:pt idx="3699">
                  <c:v>0</c:v>
                </c:pt>
                <c:pt idx="3700">
                  <c:v>0</c:v>
                </c:pt>
                <c:pt idx="3701">
                  <c:v>0</c:v>
                </c:pt>
                <c:pt idx="3702">
                  <c:v>0</c:v>
                </c:pt>
                <c:pt idx="3703">
                  <c:v>0</c:v>
                </c:pt>
                <c:pt idx="3704">
                  <c:v>0</c:v>
                </c:pt>
                <c:pt idx="3705">
                  <c:v>0</c:v>
                </c:pt>
                <c:pt idx="3706">
                  <c:v>0</c:v>
                </c:pt>
                <c:pt idx="3707">
                  <c:v>0</c:v>
                </c:pt>
                <c:pt idx="3708">
                  <c:v>0</c:v>
                </c:pt>
                <c:pt idx="3709">
                  <c:v>0</c:v>
                </c:pt>
                <c:pt idx="3710">
                  <c:v>0</c:v>
                </c:pt>
                <c:pt idx="3711">
                  <c:v>0</c:v>
                </c:pt>
                <c:pt idx="3712">
                  <c:v>0</c:v>
                </c:pt>
                <c:pt idx="3713">
                  <c:v>0</c:v>
                </c:pt>
                <c:pt idx="3714">
                  <c:v>0</c:v>
                </c:pt>
                <c:pt idx="3715">
                  <c:v>0</c:v>
                </c:pt>
                <c:pt idx="3716">
                  <c:v>0</c:v>
                </c:pt>
                <c:pt idx="3717">
                  <c:v>0</c:v>
                </c:pt>
                <c:pt idx="3718">
                  <c:v>0</c:v>
                </c:pt>
                <c:pt idx="3719">
                  <c:v>0</c:v>
                </c:pt>
                <c:pt idx="3720">
                  <c:v>0</c:v>
                </c:pt>
                <c:pt idx="3721">
                  <c:v>0</c:v>
                </c:pt>
                <c:pt idx="3722">
                  <c:v>0</c:v>
                </c:pt>
                <c:pt idx="3723">
                  <c:v>0</c:v>
                </c:pt>
                <c:pt idx="3724">
                  <c:v>0</c:v>
                </c:pt>
                <c:pt idx="3725">
                  <c:v>0</c:v>
                </c:pt>
                <c:pt idx="3726">
                  <c:v>0</c:v>
                </c:pt>
                <c:pt idx="3727">
                  <c:v>0</c:v>
                </c:pt>
                <c:pt idx="3728">
                  <c:v>0</c:v>
                </c:pt>
                <c:pt idx="3729">
                  <c:v>0</c:v>
                </c:pt>
                <c:pt idx="3730">
                  <c:v>0</c:v>
                </c:pt>
                <c:pt idx="3731">
                  <c:v>0</c:v>
                </c:pt>
                <c:pt idx="3732">
                  <c:v>0</c:v>
                </c:pt>
                <c:pt idx="3733">
                  <c:v>0</c:v>
                </c:pt>
                <c:pt idx="3734">
                  <c:v>0</c:v>
                </c:pt>
                <c:pt idx="3735">
                  <c:v>0</c:v>
                </c:pt>
                <c:pt idx="3736">
                  <c:v>0</c:v>
                </c:pt>
                <c:pt idx="3737">
                  <c:v>0</c:v>
                </c:pt>
                <c:pt idx="3738">
                  <c:v>0</c:v>
                </c:pt>
                <c:pt idx="3739">
                  <c:v>0</c:v>
                </c:pt>
                <c:pt idx="3740">
                  <c:v>0</c:v>
                </c:pt>
                <c:pt idx="3741">
                  <c:v>0</c:v>
                </c:pt>
                <c:pt idx="3742">
                  <c:v>0</c:v>
                </c:pt>
                <c:pt idx="3743">
                  <c:v>0</c:v>
                </c:pt>
                <c:pt idx="3744">
                  <c:v>0</c:v>
                </c:pt>
                <c:pt idx="3745">
                  <c:v>0</c:v>
                </c:pt>
                <c:pt idx="3746">
                  <c:v>0</c:v>
                </c:pt>
                <c:pt idx="3747">
                  <c:v>0</c:v>
                </c:pt>
                <c:pt idx="3748">
                  <c:v>0</c:v>
                </c:pt>
                <c:pt idx="3749">
                  <c:v>0</c:v>
                </c:pt>
                <c:pt idx="3750">
                  <c:v>0</c:v>
                </c:pt>
                <c:pt idx="3751">
                  <c:v>0</c:v>
                </c:pt>
                <c:pt idx="3752">
                  <c:v>0</c:v>
                </c:pt>
                <c:pt idx="3753">
                  <c:v>0</c:v>
                </c:pt>
                <c:pt idx="3754">
                  <c:v>0</c:v>
                </c:pt>
                <c:pt idx="3755">
                  <c:v>0</c:v>
                </c:pt>
                <c:pt idx="3756">
                  <c:v>0</c:v>
                </c:pt>
                <c:pt idx="3757">
                  <c:v>0</c:v>
                </c:pt>
                <c:pt idx="3758">
                  <c:v>0</c:v>
                </c:pt>
                <c:pt idx="3759">
                  <c:v>0</c:v>
                </c:pt>
                <c:pt idx="3760">
                  <c:v>0</c:v>
                </c:pt>
                <c:pt idx="3761">
                  <c:v>0</c:v>
                </c:pt>
                <c:pt idx="3762">
                  <c:v>0</c:v>
                </c:pt>
                <c:pt idx="3763">
                  <c:v>0</c:v>
                </c:pt>
                <c:pt idx="3764">
                  <c:v>0</c:v>
                </c:pt>
                <c:pt idx="3765">
                  <c:v>0</c:v>
                </c:pt>
                <c:pt idx="3766">
                  <c:v>0</c:v>
                </c:pt>
                <c:pt idx="3767">
                  <c:v>0</c:v>
                </c:pt>
                <c:pt idx="3768">
                  <c:v>0</c:v>
                </c:pt>
                <c:pt idx="3769">
                  <c:v>0</c:v>
                </c:pt>
                <c:pt idx="3770">
                  <c:v>0</c:v>
                </c:pt>
                <c:pt idx="3771">
                  <c:v>0</c:v>
                </c:pt>
                <c:pt idx="3772">
                  <c:v>0</c:v>
                </c:pt>
                <c:pt idx="3773">
                  <c:v>0</c:v>
                </c:pt>
                <c:pt idx="3774">
                  <c:v>0</c:v>
                </c:pt>
                <c:pt idx="3775">
                  <c:v>0</c:v>
                </c:pt>
                <c:pt idx="3776">
                  <c:v>0</c:v>
                </c:pt>
                <c:pt idx="3777">
                  <c:v>0</c:v>
                </c:pt>
                <c:pt idx="3778">
                  <c:v>0</c:v>
                </c:pt>
                <c:pt idx="3779">
                  <c:v>0</c:v>
                </c:pt>
                <c:pt idx="3780">
                  <c:v>0</c:v>
                </c:pt>
                <c:pt idx="3781">
                  <c:v>0</c:v>
                </c:pt>
                <c:pt idx="3782">
                  <c:v>0</c:v>
                </c:pt>
                <c:pt idx="3783">
                  <c:v>0</c:v>
                </c:pt>
                <c:pt idx="3784">
                  <c:v>0</c:v>
                </c:pt>
                <c:pt idx="3785">
                  <c:v>0</c:v>
                </c:pt>
                <c:pt idx="3786">
                  <c:v>0</c:v>
                </c:pt>
                <c:pt idx="3787">
                  <c:v>0</c:v>
                </c:pt>
                <c:pt idx="3788">
                  <c:v>0</c:v>
                </c:pt>
                <c:pt idx="3789">
                  <c:v>0</c:v>
                </c:pt>
                <c:pt idx="3790">
                  <c:v>0</c:v>
                </c:pt>
                <c:pt idx="3791">
                  <c:v>0</c:v>
                </c:pt>
                <c:pt idx="3792">
                  <c:v>0</c:v>
                </c:pt>
                <c:pt idx="3793">
                  <c:v>0</c:v>
                </c:pt>
                <c:pt idx="3794">
                  <c:v>0</c:v>
                </c:pt>
                <c:pt idx="3795">
                  <c:v>0</c:v>
                </c:pt>
                <c:pt idx="3796">
                  <c:v>0</c:v>
                </c:pt>
                <c:pt idx="3797">
                  <c:v>0</c:v>
                </c:pt>
                <c:pt idx="3798">
                  <c:v>0</c:v>
                </c:pt>
                <c:pt idx="3799">
                  <c:v>0</c:v>
                </c:pt>
                <c:pt idx="3800">
                  <c:v>0</c:v>
                </c:pt>
                <c:pt idx="3801">
                  <c:v>0</c:v>
                </c:pt>
                <c:pt idx="3802">
                  <c:v>0</c:v>
                </c:pt>
                <c:pt idx="3803">
                  <c:v>0</c:v>
                </c:pt>
                <c:pt idx="3804">
                  <c:v>0</c:v>
                </c:pt>
                <c:pt idx="3805">
                  <c:v>0</c:v>
                </c:pt>
                <c:pt idx="3806">
                  <c:v>0</c:v>
                </c:pt>
                <c:pt idx="3807">
                  <c:v>0</c:v>
                </c:pt>
                <c:pt idx="3808">
                  <c:v>0</c:v>
                </c:pt>
                <c:pt idx="3809">
                  <c:v>0</c:v>
                </c:pt>
                <c:pt idx="3810">
                  <c:v>0</c:v>
                </c:pt>
                <c:pt idx="3811">
                  <c:v>0</c:v>
                </c:pt>
                <c:pt idx="3812">
                  <c:v>0</c:v>
                </c:pt>
                <c:pt idx="3813">
                  <c:v>0</c:v>
                </c:pt>
                <c:pt idx="3814">
                  <c:v>0</c:v>
                </c:pt>
                <c:pt idx="3815">
                  <c:v>0</c:v>
                </c:pt>
                <c:pt idx="3816">
                  <c:v>0</c:v>
                </c:pt>
                <c:pt idx="3817">
                  <c:v>0</c:v>
                </c:pt>
                <c:pt idx="3818">
                  <c:v>0</c:v>
                </c:pt>
                <c:pt idx="3819">
                  <c:v>0</c:v>
                </c:pt>
                <c:pt idx="3820">
                  <c:v>0</c:v>
                </c:pt>
                <c:pt idx="3821">
                  <c:v>0</c:v>
                </c:pt>
                <c:pt idx="3822">
                  <c:v>0</c:v>
                </c:pt>
                <c:pt idx="3823">
                  <c:v>0</c:v>
                </c:pt>
                <c:pt idx="3824">
                  <c:v>0</c:v>
                </c:pt>
                <c:pt idx="3825">
                  <c:v>0</c:v>
                </c:pt>
                <c:pt idx="3826">
                  <c:v>0</c:v>
                </c:pt>
                <c:pt idx="3827">
                  <c:v>0</c:v>
                </c:pt>
                <c:pt idx="3828">
                  <c:v>0</c:v>
                </c:pt>
                <c:pt idx="3829">
                  <c:v>0</c:v>
                </c:pt>
                <c:pt idx="3830">
                  <c:v>0</c:v>
                </c:pt>
                <c:pt idx="3831">
                  <c:v>0</c:v>
                </c:pt>
                <c:pt idx="3832">
                  <c:v>0</c:v>
                </c:pt>
                <c:pt idx="3833">
                  <c:v>0</c:v>
                </c:pt>
                <c:pt idx="3834">
                  <c:v>0</c:v>
                </c:pt>
                <c:pt idx="3835">
                  <c:v>0</c:v>
                </c:pt>
                <c:pt idx="3836">
                  <c:v>0</c:v>
                </c:pt>
                <c:pt idx="3837">
                  <c:v>0</c:v>
                </c:pt>
                <c:pt idx="3838">
                  <c:v>0</c:v>
                </c:pt>
                <c:pt idx="3839">
                  <c:v>0</c:v>
                </c:pt>
                <c:pt idx="3840">
                  <c:v>0</c:v>
                </c:pt>
                <c:pt idx="3841">
                  <c:v>0</c:v>
                </c:pt>
                <c:pt idx="3842">
                  <c:v>0</c:v>
                </c:pt>
                <c:pt idx="3843">
                  <c:v>0</c:v>
                </c:pt>
                <c:pt idx="3844">
                  <c:v>0</c:v>
                </c:pt>
                <c:pt idx="3845">
                  <c:v>0</c:v>
                </c:pt>
                <c:pt idx="3846">
                  <c:v>0</c:v>
                </c:pt>
                <c:pt idx="3847">
                  <c:v>0</c:v>
                </c:pt>
                <c:pt idx="3848">
                  <c:v>0</c:v>
                </c:pt>
                <c:pt idx="3849">
                  <c:v>0</c:v>
                </c:pt>
                <c:pt idx="3850">
                  <c:v>0</c:v>
                </c:pt>
                <c:pt idx="3851">
                  <c:v>0</c:v>
                </c:pt>
                <c:pt idx="3852">
                  <c:v>0</c:v>
                </c:pt>
                <c:pt idx="3853">
                  <c:v>0</c:v>
                </c:pt>
                <c:pt idx="3854">
                  <c:v>0</c:v>
                </c:pt>
                <c:pt idx="3855">
                  <c:v>0</c:v>
                </c:pt>
                <c:pt idx="3856">
                  <c:v>0</c:v>
                </c:pt>
                <c:pt idx="3857">
                  <c:v>0</c:v>
                </c:pt>
                <c:pt idx="3858">
                  <c:v>0</c:v>
                </c:pt>
                <c:pt idx="3859">
                  <c:v>0</c:v>
                </c:pt>
                <c:pt idx="3860">
                  <c:v>0</c:v>
                </c:pt>
                <c:pt idx="3861">
                  <c:v>0</c:v>
                </c:pt>
                <c:pt idx="3862">
                  <c:v>0</c:v>
                </c:pt>
                <c:pt idx="3863">
                  <c:v>0</c:v>
                </c:pt>
                <c:pt idx="3864">
                  <c:v>0</c:v>
                </c:pt>
                <c:pt idx="3865">
                  <c:v>0</c:v>
                </c:pt>
                <c:pt idx="3866">
                  <c:v>0</c:v>
                </c:pt>
                <c:pt idx="3867">
                  <c:v>0</c:v>
                </c:pt>
                <c:pt idx="3868">
                  <c:v>0</c:v>
                </c:pt>
                <c:pt idx="3869">
                  <c:v>0</c:v>
                </c:pt>
                <c:pt idx="3870">
                  <c:v>0</c:v>
                </c:pt>
                <c:pt idx="3871">
                  <c:v>0</c:v>
                </c:pt>
                <c:pt idx="3872">
                  <c:v>0</c:v>
                </c:pt>
                <c:pt idx="3873">
                  <c:v>0</c:v>
                </c:pt>
                <c:pt idx="3874">
                  <c:v>0</c:v>
                </c:pt>
                <c:pt idx="3875">
                  <c:v>0</c:v>
                </c:pt>
                <c:pt idx="3876">
                  <c:v>0</c:v>
                </c:pt>
                <c:pt idx="3877">
                  <c:v>0</c:v>
                </c:pt>
                <c:pt idx="3878">
                  <c:v>0</c:v>
                </c:pt>
                <c:pt idx="3879">
                  <c:v>0</c:v>
                </c:pt>
                <c:pt idx="3880">
                  <c:v>0</c:v>
                </c:pt>
                <c:pt idx="3881">
                  <c:v>0</c:v>
                </c:pt>
                <c:pt idx="3882">
                  <c:v>0</c:v>
                </c:pt>
                <c:pt idx="3883">
                  <c:v>0</c:v>
                </c:pt>
                <c:pt idx="3884">
                  <c:v>0</c:v>
                </c:pt>
                <c:pt idx="3885">
                  <c:v>0</c:v>
                </c:pt>
                <c:pt idx="3886">
                  <c:v>0</c:v>
                </c:pt>
                <c:pt idx="3887">
                  <c:v>0</c:v>
                </c:pt>
                <c:pt idx="3888">
                  <c:v>0</c:v>
                </c:pt>
                <c:pt idx="3889">
                  <c:v>0</c:v>
                </c:pt>
                <c:pt idx="3890">
                  <c:v>0</c:v>
                </c:pt>
                <c:pt idx="3891">
                  <c:v>0</c:v>
                </c:pt>
                <c:pt idx="3892">
                  <c:v>0</c:v>
                </c:pt>
                <c:pt idx="3893">
                  <c:v>0</c:v>
                </c:pt>
                <c:pt idx="3894">
                  <c:v>0</c:v>
                </c:pt>
                <c:pt idx="3895">
                  <c:v>0</c:v>
                </c:pt>
                <c:pt idx="3896">
                  <c:v>0</c:v>
                </c:pt>
                <c:pt idx="3897">
                  <c:v>0</c:v>
                </c:pt>
                <c:pt idx="3898">
                  <c:v>0</c:v>
                </c:pt>
                <c:pt idx="3899">
                  <c:v>0</c:v>
                </c:pt>
                <c:pt idx="3900">
                  <c:v>0</c:v>
                </c:pt>
                <c:pt idx="3901">
                  <c:v>0</c:v>
                </c:pt>
                <c:pt idx="3902">
                  <c:v>0</c:v>
                </c:pt>
                <c:pt idx="3903">
                  <c:v>0</c:v>
                </c:pt>
                <c:pt idx="3904">
                  <c:v>0</c:v>
                </c:pt>
                <c:pt idx="3905">
                  <c:v>0</c:v>
                </c:pt>
                <c:pt idx="3906">
                  <c:v>0</c:v>
                </c:pt>
                <c:pt idx="3907">
                  <c:v>0</c:v>
                </c:pt>
                <c:pt idx="3908">
                  <c:v>0</c:v>
                </c:pt>
                <c:pt idx="3909">
                  <c:v>0</c:v>
                </c:pt>
                <c:pt idx="3910">
                  <c:v>0</c:v>
                </c:pt>
                <c:pt idx="3911">
                  <c:v>0</c:v>
                </c:pt>
                <c:pt idx="3912">
                  <c:v>0</c:v>
                </c:pt>
                <c:pt idx="3913">
                  <c:v>0</c:v>
                </c:pt>
                <c:pt idx="3914">
                  <c:v>0</c:v>
                </c:pt>
                <c:pt idx="3915">
                  <c:v>0</c:v>
                </c:pt>
                <c:pt idx="3916">
                  <c:v>0</c:v>
                </c:pt>
                <c:pt idx="3917">
                  <c:v>0</c:v>
                </c:pt>
                <c:pt idx="3918">
                  <c:v>0</c:v>
                </c:pt>
                <c:pt idx="3919">
                  <c:v>0</c:v>
                </c:pt>
                <c:pt idx="3920">
                  <c:v>0</c:v>
                </c:pt>
                <c:pt idx="3921">
                  <c:v>0</c:v>
                </c:pt>
                <c:pt idx="3922">
                  <c:v>0</c:v>
                </c:pt>
                <c:pt idx="3923">
                  <c:v>0</c:v>
                </c:pt>
                <c:pt idx="3924">
                  <c:v>0</c:v>
                </c:pt>
                <c:pt idx="3925">
                  <c:v>0</c:v>
                </c:pt>
                <c:pt idx="3926">
                  <c:v>0</c:v>
                </c:pt>
                <c:pt idx="3927">
                  <c:v>0</c:v>
                </c:pt>
                <c:pt idx="3928">
                  <c:v>0</c:v>
                </c:pt>
                <c:pt idx="3929">
                  <c:v>0</c:v>
                </c:pt>
                <c:pt idx="3930">
                  <c:v>0</c:v>
                </c:pt>
                <c:pt idx="3931">
                  <c:v>0</c:v>
                </c:pt>
                <c:pt idx="3932">
                  <c:v>0</c:v>
                </c:pt>
                <c:pt idx="3933">
                  <c:v>0</c:v>
                </c:pt>
                <c:pt idx="3934">
                  <c:v>0</c:v>
                </c:pt>
                <c:pt idx="3935">
                  <c:v>0</c:v>
                </c:pt>
                <c:pt idx="3936">
                  <c:v>0</c:v>
                </c:pt>
                <c:pt idx="3937">
                  <c:v>0</c:v>
                </c:pt>
                <c:pt idx="3938">
                  <c:v>0</c:v>
                </c:pt>
                <c:pt idx="3939">
                  <c:v>0</c:v>
                </c:pt>
                <c:pt idx="3940">
                  <c:v>0</c:v>
                </c:pt>
                <c:pt idx="3941">
                  <c:v>0</c:v>
                </c:pt>
                <c:pt idx="3942">
                  <c:v>0</c:v>
                </c:pt>
                <c:pt idx="3943">
                  <c:v>0</c:v>
                </c:pt>
                <c:pt idx="3944">
                  <c:v>0</c:v>
                </c:pt>
                <c:pt idx="3945">
                  <c:v>0</c:v>
                </c:pt>
                <c:pt idx="3946">
                  <c:v>0</c:v>
                </c:pt>
                <c:pt idx="3947">
                  <c:v>0</c:v>
                </c:pt>
                <c:pt idx="3948">
                  <c:v>0</c:v>
                </c:pt>
                <c:pt idx="3949">
                  <c:v>0</c:v>
                </c:pt>
                <c:pt idx="3950">
                  <c:v>0</c:v>
                </c:pt>
                <c:pt idx="3951">
                  <c:v>0</c:v>
                </c:pt>
                <c:pt idx="3952">
                  <c:v>0</c:v>
                </c:pt>
                <c:pt idx="3953">
                  <c:v>0</c:v>
                </c:pt>
                <c:pt idx="3954">
                  <c:v>0</c:v>
                </c:pt>
                <c:pt idx="3955">
                  <c:v>0</c:v>
                </c:pt>
                <c:pt idx="3956">
                  <c:v>0</c:v>
                </c:pt>
                <c:pt idx="3957">
                  <c:v>0</c:v>
                </c:pt>
                <c:pt idx="3958">
                  <c:v>0</c:v>
                </c:pt>
                <c:pt idx="3959">
                  <c:v>0</c:v>
                </c:pt>
                <c:pt idx="3960">
                  <c:v>0</c:v>
                </c:pt>
                <c:pt idx="3961">
                  <c:v>0</c:v>
                </c:pt>
                <c:pt idx="3962">
                  <c:v>0</c:v>
                </c:pt>
                <c:pt idx="3963">
                  <c:v>0</c:v>
                </c:pt>
                <c:pt idx="3964">
                  <c:v>0</c:v>
                </c:pt>
                <c:pt idx="3965">
                  <c:v>0</c:v>
                </c:pt>
                <c:pt idx="3966">
                  <c:v>0</c:v>
                </c:pt>
                <c:pt idx="3967">
                  <c:v>0</c:v>
                </c:pt>
                <c:pt idx="3968">
                  <c:v>0</c:v>
                </c:pt>
                <c:pt idx="3969">
                  <c:v>0</c:v>
                </c:pt>
                <c:pt idx="3970">
                  <c:v>0</c:v>
                </c:pt>
                <c:pt idx="3971">
                  <c:v>0</c:v>
                </c:pt>
                <c:pt idx="3972">
                  <c:v>0</c:v>
                </c:pt>
                <c:pt idx="3973">
                  <c:v>0</c:v>
                </c:pt>
                <c:pt idx="3974">
                  <c:v>0</c:v>
                </c:pt>
                <c:pt idx="3975">
                  <c:v>0</c:v>
                </c:pt>
                <c:pt idx="3976">
                  <c:v>0</c:v>
                </c:pt>
                <c:pt idx="3977">
                  <c:v>0</c:v>
                </c:pt>
                <c:pt idx="3978">
                  <c:v>0</c:v>
                </c:pt>
                <c:pt idx="3979">
                  <c:v>0</c:v>
                </c:pt>
                <c:pt idx="3980">
                  <c:v>0</c:v>
                </c:pt>
                <c:pt idx="3981">
                  <c:v>0</c:v>
                </c:pt>
                <c:pt idx="3982">
                  <c:v>0</c:v>
                </c:pt>
                <c:pt idx="3983">
                  <c:v>0</c:v>
                </c:pt>
                <c:pt idx="3984">
                  <c:v>0</c:v>
                </c:pt>
                <c:pt idx="3985">
                  <c:v>0</c:v>
                </c:pt>
                <c:pt idx="3986">
                  <c:v>0</c:v>
                </c:pt>
                <c:pt idx="3987">
                  <c:v>0</c:v>
                </c:pt>
                <c:pt idx="3988">
                  <c:v>0</c:v>
                </c:pt>
                <c:pt idx="3989">
                  <c:v>0</c:v>
                </c:pt>
                <c:pt idx="3990">
                  <c:v>0</c:v>
                </c:pt>
                <c:pt idx="3991">
                  <c:v>0</c:v>
                </c:pt>
                <c:pt idx="3992">
                  <c:v>0</c:v>
                </c:pt>
                <c:pt idx="3993">
                  <c:v>0</c:v>
                </c:pt>
                <c:pt idx="3994">
                  <c:v>0</c:v>
                </c:pt>
                <c:pt idx="3995">
                  <c:v>0</c:v>
                </c:pt>
                <c:pt idx="3996">
                  <c:v>0</c:v>
                </c:pt>
                <c:pt idx="3997">
                  <c:v>0</c:v>
                </c:pt>
                <c:pt idx="3998">
                  <c:v>0</c:v>
                </c:pt>
                <c:pt idx="3999">
                  <c:v>0</c:v>
                </c:pt>
                <c:pt idx="4000">
                  <c:v>0</c:v>
                </c:pt>
                <c:pt idx="4001">
                  <c:v>0</c:v>
                </c:pt>
                <c:pt idx="4002">
                  <c:v>0</c:v>
                </c:pt>
                <c:pt idx="4003">
                  <c:v>0</c:v>
                </c:pt>
                <c:pt idx="4004">
                  <c:v>0</c:v>
                </c:pt>
                <c:pt idx="4005">
                  <c:v>0</c:v>
                </c:pt>
                <c:pt idx="4006">
                  <c:v>0</c:v>
                </c:pt>
                <c:pt idx="4007">
                  <c:v>0</c:v>
                </c:pt>
                <c:pt idx="4008">
                  <c:v>0</c:v>
                </c:pt>
                <c:pt idx="4009">
                  <c:v>0</c:v>
                </c:pt>
                <c:pt idx="4010">
                  <c:v>0</c:v>
                </c:pt>
                <c:pt idx="4011">
                  <c:v>0</c:v>
                </c:pt>
                <c:pt idx="4012">
                  <c:v>0</c:v>
                </c:pt>
                <c:pt idx="4013">
                  <c:v>0</c:v>
                </c:pt>
                <c:pt idx="4014">
                  <c:v>0</c:v>
                </c:pt>
                <c:pt idx="4015">
                  <c:v>0</c:v>
                </c:pt>
                <c:pt idx="4016">
                  <c:v>0</c:v>
                </c:pt>
                <c:pt idx="4017">
                  <c:v>0</c:v>
                </c:pt>
                <c:pt idx="4018">
                  <c:v>0</c:v>
                </c:pt>
                <c:pt idx="4019">
                  <c:v>0</c:v>
                </c:pt>
                <c:pt idx="4020">
                  <c:v>0</c:v>
                </c:pt>
                <c:pt idx="4021">
                  <c:v>0</c:v>
                </c:pt>
                <c:pt idx="4022">
                  <c:v>0</c:v>
                </c:pt>
                <c:pt idx="4023">
                  <c:v>0</c:v>
                </c:pt>
                <c:pt idx="4024">
                  <c:v>0</c:v>
                </c:pt>
                <c:pt idx="4025">
                  <c:v>0</c:v>
                </c:pt>
                <c:pt idx="4026">
                  <c:v>0</c:v>
                </c:pt>
                <c:pt idx="4027">
                  <c:v>0</c:v>
                </c:pt>
                <c:pt idx="4028">
                  <c:v>0</c:v>
                </c:pt>
                <c:pt idx="4029">
                  <c:v>0</c:v>
                </c:pt>
                <c:pt idx="4030">
                  <c:v>0</c:v>
                </c:pt>
                <c:pt idx="4031">
                  <c:v>0</c:v>
                </c:pt>
                <c:pt idx="4032">
                  <c:v>0</c:v>
                </c:pt>
                <c:pt idx="4033">
                  <c:v>0</c:v>
                </c:pt>
                <c:pt idx="4034">
                  <c:v>0</c:v>
                </c:pt>
                <c:pt idx="4035">
                  <c:v>0</c:v>
                </c:pt>
                <c:pt idx="4036">
                  <c:v>0</c:v>
                </c:pt>
                <c:pt idx="4037">
                  <c:v>0</c:v>
                </c:pt>
                <c:pt idx="4038">
                  <c:v>0</c:v>
                </c:pt>
                <c:pt idx="4039">
                  <c:v>0</c:v>
                </c:pt>
                <c:pt idx="4040">
                  <c:v>0</c:v>
                </c:pt>
                <c:pt idx="4041">
                  <c:v>0</c:v>
                </c:pt>
                <c:pt idx="4042">
                  <c:v>0</c:v>
                </c:pt>
                <c:pt idx="4043">
                  <c:v>0</c:v>
                </c:pt>
                <c:pt idx="4044">
                  <c:v>0</c:v>
                </c:pt>
                <c:pt idx="4045">
                  <c:v>0</c:v>
                </c:pt>
                <c:pt idx="4046">
                  <c:v>0</c:v>
                </c:pt>
                <c:pt idx="4047">
                  <c:v>0</c:v>
                </c:pt>
                <c:pt idx="4048">
                  <c:v>0</c:v>
                </c:pt>
                <c:pt idx="4049">
                  <c:v>0</c:v>
                </c:pt>
                <c:pt idx="4050">
                  <c:v>0</c:v>
                </c:pt>
                <c:pt idx="4051">
                  <c:v>0</c:v>
                </c:pt>
                <c:pt idx="4052">
                  <c:v>0</c:v>
                </c:pt>
                <c:pt idx="4053">
                  <c:v>0</c:v>
                </c:pt>
                <c:pt idx="4054">
                  <c:v>0</c:v>
                </c:pt>
                <c:pt idx="4055">
                  <c:v>0</c:v>
                </c:pt>
                <c:pt idx="4056">
                  <c:v>0</c:v>
                </c:pt>
                <c:pt idx="4057">
                  <c:v>0</c:v>
                </c:pt>
                <c:pt idx="4058">
                  <c:v>0</c:v>
                </c:pt>
                <c:pt idx="4059">
                  <c:v>0</c:v>
                </c:pt>
                <c:pt idx="4060">
                  <c:v>0</c:v>
                </c:pt>
                <c:pt idx="4061">
                  <c:v>0</c:v>
                </c:pt>
                <c:pt idx="4062">
                  <c:v>0</c:v>
                </c:pt>
                <c:pt idx="4063">
                  <c:v>0</c:v>
                </c:pt>
                <c:pt idx="4064">
                  <c:v>0</c:v>
                </c:pt>
                <c:pt idx="4065">
                  <c:v>0</c:v>
                </c:pt>
                <c:pt idx="4066">
                  <c:v>0</c:v>
                </c:pt>
                <c:pt idx="4067">
                  <c:v>0</c:v>
                </c:pt>
                <c:pt idx="4068">
                  <c:v>0</c:v>
                </c:pt>
                <c:pt idx="4069">
                  <c:v>0</c:v>
                </c:pt>
                <c:pt idx="4070">
                  <c:v>0</c:v>
                </c:pt>
                <c:pt idx="4071">
                  <c:v>0</c:v>
                </c:pt>
                <c:pt idx="4072">
                  <c:v>0</c:v>
                </c:pt>
                <c:pt idx="4073">
                  <c:v>0</c:v>
                </c:pt>
                <c:pt idx="4074">
                  <c:v>0</c:v>
                </c:pt>
                <c:pt idx="4075">
                  <c:v>0</c:v>
                </c:pt>
                <c:pt idx="4076">
                  <c:v>0</c:v>
                </c:pt>
                <c:pt idx="4077">
                  <c:v>0</c:v>
                </c:pt>
                <c:pt idx="4078">
                  <c:v>0</c:v>
                </c:pt>
                <c:pt idx="4079">
                  <c:v>0</c:v>
                </c:pt>
                <c:pt idx="4080">
                  <c:v>0</c:v>
                </c:pt>
                <c:pt idx="4081">
                  <c:v>0</c:v>
                </c:pt>
                <c:pt idx="4082">
                  <c:v>0</c:v>
                </c:pt>
                <c:pt idx="4083">
                  <c:v>0</c:v>
                </c:pt>
                <c:pt idx="4084">
                  <c:v>0</c:v>
                </c:pt>
                <c:pt idx="4085">
                  <c:v>0</c:v>
                </c:pt>
                <c:pt idx="4086">
                  <c:v>0</c:v>
                </c:pt>
                <c:pt idx="4087">
                  <c:v>0</c:v>
                </c:pt>
                <c:pt idx="4088">
                  <c:v>0</c:v>
                </c:pt>
                <c:pt idx="4089">
                  <c:v>0</c:v>
                </c:pt>
                <c:pt idx="4090">
                  <c:v>0</c:v>
                </c:pt>
                <c:pt idx="4091">
                  <c:v>0</c:v>
                </c:pt>
                <c:pt idx="4092">
                  <c:v>0</c:v>
                </c:pt>
                <c:pt idx="4093">
                  <c:v>0</c:v>
                </c:pt>
                <c:pt idx="4094">
                  <c:v>0</c:v>
                </c:pt>
                <c:pt idx="4095">
                  <c:v>0</c:v>
                </c:pt>
                <c:pt idx="4096">
                  <c:v>0</c:v>
                </c:pt>
                <c:pt idx="4097">
                  <c:v>0</c:v>
                </c:pt>
                <c:pt idx="4098">
                  <c:v>0</c:v>
                </c:pt>
                <c:pt idx="4099">
                  <c:v>0</c:v>
                </c:pt>
                <c:pt idx="4100">
                  <c:v>0</c:v>
                </c:pt>
                <c:pt idx="4101">
                  <c:v>0</c:v>
                </c:pt>
                <c:pt idx="4102">
                  <c:v>0</c:v>
                </c:pt>
                <c:pt idx="4103">
                  <c:v>0</c:v>
                </c:pt>
                <c:pt idx="4104">
                  <c:v>0</c:v>
                </c:pt>
                <c:pt idx="4105">
                  <c:v>0</c:v>
                </c:pt>
                <c:pt idx="4106">
                  <c:v>0</c:v>
                </c:pt>
                <c:pt idx="4107">
                  <c:v>0</c:v>
                </c:pt>
                <c:pt idx="4108">
                  <c:v>0</c:v>
                </c:pt>
                <c:pt idx="4109">
                  <c:v>0</c:v>
                </c:pt>
                <c:pt idx="4110">
                  <c:v>0</c:v>
                </c:pt>
                <c:pt idx="4111">
                  <c:v>0</c:v>
                </c:pt>
                <c:pt idx="4112">
                  <c:v>0</c:v>
                </c:pt>
                <c:pt idx="4113">
                  <c:v>0</c:v>
                </c:pt>
                <c:pt idx="4114">
                  <c:v>0</c:v>
                </c:pt>
                <c:pt idx="4115">
                  <c:v>0</c:v>
                </c:pt>
                <c:pt idx="4116">
                  <c:v>0</c:v>
                </c:pt>
                <c:pt idx="4117">
                  <c:v>0</c:v>
                </c:pt>
                <c:pt idx="4118">
                  <c:v>0</c:v>
                </c:pt>
                <c:pt idx="4119">
                  <c:v>0</c:v>
                </c:pt>
                <c:pt idx="4120">
                  <c:v>0</c:v>
                </c:pt>
                <c:pt idx="4121">
                  <c:v>0</c:v>
                </c:pt>
                <c:pt idx="4122">
                  <c:v>0</c:v>
                </c:pt>
                <c:pt idx="4123">
                  <c:v>0</c:v>
                </c:pt>
                <c:pt idx="4124">
                  <c:v>0</c:v>
                </c:pt>
                <c:pt idx="4125">
                  <c:v>0</c:v>
                </c:pt>
                <c:pt idx="4126">
                  <c:v>0</c:v>
                </c:pt>
                <c:pt idx="4127">
                  <c:v>0</c:v>
                </c:pt>
                <c:pt idx="4128">
                  <c:v>0</c:v>
                </c:pt>
                <c:pt idx="4129">
                  <c:v>0</c:v>
                </c:pt>
                <c:pt idx="4130">
                  <c:v>0</c:v>
                </c:pt>
                <c:pt idx="4131">
                  <c:v>0</c:v>
                </c:pt>
                <c:pt idx="4132">
                  <c:v>0</c:v>
                </c:pt>
                <c:pt idx="4133">
                  <c:v>0</c:v>
                </c:pt>
                <c:pt idx="4134">
                  <c:v>0</c:v>
                </c:pt>
                <c:pt idx="4135">
                  <c:v>0</c:v>
                </c:pt>
                <c:pt idx="4136">
                  <c:v>0</c:v>
                </c:pt>
                <c:pt idx="4137">
                  <c:v>0</c:v>
                </c:pt>
                <c:pt idx="4138">
                  <c:v>0</c:v>
                </c:pt>
                <c:pt idx="4139">
                  <c:v>0</c:v>
                </c:pt>
                <c:pt idx="4140">
                  <c:v>0</c:v>
                </c:pt>
                <c:pt idx="4141">
                  <c:v>0</c:v>
                </c:pt>
                <c:pt idx="4142">
                  <c:v>0</c:v>
                </c:pt>
                <c:pt idx="4143">
                  <c:v>0</c:v>
                </c:pt>
                <c:pt idx="4144">
                  <c:v>0</c:v>
                </c:pt>
                <c:pt idx="4145">
                  <c:v>0</c:v>
                </c:pt>
                <c:pt idx="4146">
                  <c:v>0</c:v>
                </c:pt>
                <c:pt idx="4147">
                  <c:v>0</c:v>
                </c:pt>
                <c:pt idx="4148">
                  <c:v>0</c:v>
                </c:pt>
                <c:pt idx="4149">
                  <c:v>0</c:v>
                </c:pt>
                <c:pt idx="4150">
                  <c:v>0</c:v>
                </c:pt>
                <c:pt idx="4151">
                  <c:v>0</c:v>
                </c:pt>
                <c:pt idx="4152">
                  <c:v>0</c:v>
                </c:pt>
                <c:pt idx="4153">
                  <c:v>0</c:v>
                </c:pt>
                <c:pt idx="4154">
                  <c:v>0</c:v>
                </c:pt>
                <c:pt idx="4155">
                  <c:v>0</c:v>
                </c:pt>
                <c:pt idx="4156">
                  <c:v>0</c:v>
                </c:pt>
                <c:pt idx="4157">
                  <c:v>0</c:v>
                </c:pt>
                <c:pt idx="4158">
                  <c:v>0</c:v>
                </c:pt>
                <c:pt idx="4159">
                  <c:v>0</c:v>
                </c:pt>
                <c:pt idx="4160">
                  <c:v>0</c:v>
                </c:pt>
                <c:pt idx="4161">
                  <c:v>0</c:v>
                </c:pt>
                <c:pt idx="4162">
                  <c:v>0</c:v>
                </c:pt>
                <c:pt idx="4163">
                  <c:v>0</c:v>
                </c:pt>
                <c:pt idx="4164">
                  <c:v>0</c:v>
                </c:pt>
                <c:pt idx="4165">
                  <c:v>0</c:v>
                </c:pt>
                <c:pt idx="4166">
                  <c:v>0</c:v>
                </c:pt>
                <c:pt idx="4167">
                  <c:v>0</c:v>
                </c:pt>
                <c:pt idx="4168">
                  <c:v>0</c:v>
                </c:pt>
                <c:pt idx="4169">
                  <c:v>0</c:v>
                </c:pt>
                <c:pt idx="4170">
                  <c:v>0</c:v>
                </c:pt>
                <c:pt idx="4171">
                  <c:v>0</c:v>
                </c:pt>
                <c:pt idx="4172">
                  <c:v>0</c:v>
                </c:pt>
                <c:pt idx="4173">
                  <c:v>0</c:v>
                </c:pt>
                <c:pt idx="4174">
                  <c:v>0</c:v>
                </c:pt>
                <c:pt idx="4175">
                  <c:v>0</c:v>
                </c:pt>
                <c:pt idx="4176">
                  <c:v>0</c:v>
                </c:pt>
                <c:pt idx="4177">
                  <c:v>0</c:v>
                </c:pt>
                <c:pt idx="4178">
                  <c:v>0</c:v>
                </c:pt>
                <c:pt idx="4179">
                  <c:v>0</c:v>
                </c:pt>
                <c:pt idx="4180">
                  <c:v>0</c:v>
                </c:pt>
                <c:pt idx="4181">
                  <c:v>0</c:v>
                </c:pt>
                <c:pt idx="4182">
                  <c:v>0</c:v>
                </c:pt>
                <c:pt idx="4183">
                  <c:v>0</c:v>
                </c:pt>
                <c:pt idx="4184">
                  <c:v>0</c:v>
                </c:pt>
                <c:pt idx="4185">
                  <c:v>0</c:v>
                </c:pt>
                <c:pt idx="4186">
                  <c:v>0</c:v>
                </c:pt>
                <c:pt idx="4187">
                  <c:v>0</c:v>
                </c:pt>
                <c:pt idx="4188">
                  <c:v>0</c:v>
                </c:pt>
                <c:pt idx="4189">
                  <c:v>0</c:v>
                </c:pt>
                <c:pt idx="4190">
                  <c:v>0</c:v>
                </c:pt>
                <c:pt idx="4191">
                  <c:v>0</c:v>
                </c:pt>
                <c:pt idx="4192">
                  <c:v>0</c:v>
                </c:pt>
                <c:pt idx="4193">
                  <c:v>0</c:v>
                </c:pt>
                <c:pt idx="4194">
                  <c:v>0</c:v>
                </c:pt>
                <c:pt idx="4195">
                  <c:v>0</c:v>
                </c:pt>
                <c:pt idx="4196">
                  <c:v>0</c:v>
                </c:pt>
                <c:pt idx="4197">
                  <c:v>0</c:v>
                </c:pt>
                <c:pt idx="4198">
                  <c:v>0</c:v>
                </c:pt>
                <c:pt idx="4199">
                  <c:v>0</c:v>
                </c:pt>
                <c:pt idx="4200">
                  <c:v>0</c:v>
                </c:pt>
                <c:pt idx="4201">
                  <c:v>0</c:v>
                </c:pt>
                <c:pt idx="4202">
                  <c:v>0</c:v>
                </c:pt>
                <c:pt idx="4203">
                  <c:v>0</c:v>
                </c:pt>
                <c:pt idx="4204">
                  <c:v>0</c:v>
                </c:pt>
                <c:pt idx="4205">
                  <c:v>0</c:v>
                </c:pt>
                <c:pt idx="4206">
                  <c:v>0</c:v>
                </c:pt>
                <c:pt idx="4207">
                  <c:v>0</c:v>
                </c:pt>
                <c:pt idx="4208">
                  <c:v>0</c:v>
                </c:pt>
                <c:pt idx="4209">
                  <c:v>0</c:v>
                </c:pt>
                <c:pt idx="4210">
                  <c:v>0</c:v>
                </c:pt>
                <c:pt idx="4211">
                  <c:v>0</c:v>
                </c:pt>
                <c:pt idx="4212">
                  <c:v>0</c:v>
                </c:pt>
                <c:pt idx="4213">
                  <c:v>0</c:v>
                </c:pt>
                <c:pt idx="4214">
                  <c:v>0</c:v>
                </c:pt>
                <c:pt idx="4215">
                  <c:v>0</c:v>
                </c:pt>
                <c:pt idx="4216">
                  <c:v>0</c:v>
                </c:pt>
                <c:pt idx="4217">
                  <c:v>0</c:v>
                </c:pt>
                <c:pt idx="4218">
                  <c:v>0</c:v>
                </c:pt>
                <c:pt idx="4219">
                  <c:v>0</c:v>
                </c:pt>
                <c:pt idx="4220">
                  <c:v>0</c:v>
                </c:pt>
                <c:pt idx="4221">
                  <c:v>0</c:v>
                </c:pt>
                <c:pt idx="4222">
                  <c:v>0</c:v>
                </c:pt>
                <c:pt idx="4223">
                  <c:v>0</c:v>
                </c:pt>
                <c:pt idx="4224">
                  <c:v>0</c:v>
                </c:pt>
                <c:pt idx="4225">
                  <c:v>0</c:v>
                </c:pt>
                <c:pt idx="4226">
                  <c:v>0</c:v>
                </c:pt>
                <c:pt idx="4227">
                  <c:v>0</c:v>
                </c:pt>
                <c:pt idx="4228">
                  <c:v>0</c:v>
                </c:pt>
                <c:pt idx="4229">
                  <c:v>0</c:v>
                </c:pt>
                <c:pt idx="4230">
                  <c:v>0</c:v>
                </c:pt>
                <c:pt idx="4231">
                  <c:v>0</c:v>
                </c:pt>
                <c:pt idx="4232">
                  <c:v>0</c:v>
                </c:pt>
                <c:pt idx="4233">
                  <c:v>0</c:v>
                </c:pt>
                <c:pt idx="4234">
                  <c:v>0</c:v>
                </c:pt>
                <c:pt idx="4235">
                  <c:v>0</c:v>
                </c:pt>
                <c:pt idx="4236">
                  <c:v>0</c:v>
                </c:pt>
                <c:pt idx="4237">
                  <c:v>0</c:v>
                </c:pt>
                <c:pt idx="4238">
                  <c:v>0</c:v>
                </c:pt>
                <c:pt idx="4239">
                  <c:v>0</c:v>
                </c:pt>
                <c:pt idx="4240">
                  <c:v>0</c:v>
                </c:pt>
                <c:pt idx="4241">
                  <c:v>0</c:v>
                </c:pt>
                <c:pt idx="4242">
                  <c:v>0</c:v>
                </c:pt>
                <c:pt idx="4243">
                  <c:v>0</c:v>
                </c:pt>
                <c:pt idx="4244">
                  <c:v>0</c:v>
                </c:pt>
                <c:pt idx="4245">
                  <c:v>0</c:v>
                </c:pt>
                <c:pt idx="4246">
                  <c:v>0</c:v>
                </c:pt>
                <c:pt idx="4247">
                  <c:v>0</c:v>
                </c:pt>
                <c:pt idx="4248">
                  <c:v>0</c:v>
                </c:pt>
                <c:pt idx="4249">
                  <c:v>0</c:v>
                </c:pt>
                <c:pt idx="4250">
                  <c:v>0</c:v>
                </c:pt>
                <c:pt idx="4251">
                  <c:v>0</c:v>
                </c:pt>
                <c:pt idx="4252">
                  <c:v>0</c:v>
                </c:pt>
                <c:pt idx="4253">
                  <c:v>0</c:v>
                </c:pt>
                <c:pt idx="4254">
                  <c:v>0</c:v>
                </c:pt>
                <c:pt idx="4255">
                  <c:v>0</c:v>
                </c:pt>
                <c:pt idx="4256">
                  <c:v>0</c:v>
                </c:pt>
                <c:pt idx="4257">
                  <c:v>0</c:v>
                </c:pt>
                <c:pt idx="4258">
                  <c:v>0</c:v>
                </c:pt>
                <c:pt idx="4259">
                  <c:v>0</c:v>
                </c:pt>
                <c:pt idx="4260">
                  <c:v>0</c:v>
                </c:pt>
                <c:pt idx="4261">
                  <c:v>0</c:v>
                </c:pt>
                <c:pt idx="4262">
                  <c:v>0</c:v>
                </c:pt>
                <c:pt idx="4263">
                  <c:v>0</c:v>
                </c:pt>
                <c:pt idx="4264">
                  <c:v>0</c:v>
                </c:pt>
                <c:pt idx="4265">
                  <c:v>0</c:v>
                </c:pt>
                <c:pt idx="4266">
                  <c:v>0</c:v>
                </c:pt>
                <c:pt idx="4267">
                  <c:v>0</c:v>
                </c:pt>
                <c:pt idx="4268">
                  <c:v>0</c:v>
                </c:pt>
                <c:pt idx="4269">
                  <c:v>0</c:v>
                </c:pt>
                <c:pt idx="4270">
                  <c:v>0</c:v>
                </c:pt>
                <c:pt idx="4271">
                  <c:v>0</c:v>
                </c:pt>
                <c:pt idx="4272">
                  <c:v>0</c:v>
                </c:pt>
                <c:pt idx="4273">
                  <c:v>0</c:v>
                </c:pt>
                <c:pt idx="4274">
                  <c:v>0</c:v>
                </c:pt>
                <c:pt idx="4275">
                  <c:v>0</c:v>
                </c:pt>
                <c:pt idx="4276">
                  <c:v>0</c:v>
                </c:pt>
                <c:pt idx="4277">
                  <c:v>0</c:v>
                </c:pt>
                <c:pt idx="4278">
                  <c:v>0</c:v>
                </c:pt>
                <c:pt idx="4279">
                  <c:v>0</c:v>
                </c:pt>
                <c:pt idx="4280">
                  <c:v>0</c:v>
                </c:pt>
                <c:pt idx="4281">
                  <c:v>0</c:v>
                </c:pt>
                <c:pt idx="4282">
                  <c:v>0</c:v>
                </c:pt>
                <c:pt idx="4283">
                  <c:v>0</c:v>
                </c:pt>
                <c:pt idx="4284">
                  <c:v>0</c:v>
                </c:pt>
                <c:pt idx="4285">
                  <c:v>0</c:v>
                </c:pt>
                <c:pt idx="4286">
                  <c:v>0</c:v>
                </c:pt>
                <c:pt idx="4287">
                  <c:v>0</c:v>
                </c:pt>
                <c:pt idx="4288">
                  <c:v>0</c:v>
                </c:pt>
                <c:pt idx="4289">
                  <c:v>0</c:v>
                </c:pt>
                <c:pt idx="4290">
                  <c:v>0</c:v>
                </c:pt>
                <c:pt idx="4291">
                  <c:v>0</c:v>
                </c:pt>
                <c:pt idx="4292">
                  <c:v>0</c:v>
                </c:pt>
                <c:pt idx="4293">
                  <c:v>0</c:v>
                </c:pt>
                <c:pt idx="4294">
                  <c:v>0</c:v>
                </c:pt>
                <c:pt idx="4295">
                  <c:v>0</c:v>
                </c:pt>
                <c:pt idx="4296">
                  <c:v>0</c:v>
                </c:pt>
                <c:pt idx="4297">
                  <c:v>0</c:v>
                </c:pt>
                <c:pt idx="4298">
                  <c:v>0</c:v>
                </c:pt>
                <c:pt idx="4299">
                  <c:v>0</c:v>
                </c:pt>
                <c:pt idx="4300">
                  <c:v>0</c:v>
                </c:pt>
                <c:pt idx="4301">
                  <c:v>0</c:v>
                </c:pt>
                <c:pt idx="4302">
                  <c:v>0</c:v>
                </c:pt>
                <c:pt idx="4303">
                  <c:v>0</c:v>
                </c:pt>
                <c:pt idx="4304">
                  <c:v>0</c:v>
                </c:pt>
                <c:pt idx="4305">
                  <c:v>0</c:v>
                </c:pt>
                <c:pt idx="4306">
                  <c:v>0</c:v>
                </c:pt>
                <c:pt idx="4307">
                  <c:v>0</c:v>
                </c:pt>
                <c:pt idx="4308">
                  <c:v>0</c:v>
                </c:pt>
                <c:pt idx="4309">
                  <c:v>0</c:v>
                </c:pt>
                <c:pt idx="4310">
                  <c:v>0</c:v>
                </c:pt>
                <c:pt idx="4311">
                  <c:v>0</c:v>
                </c:pt>
                <c:pt idx="4312">
                  <c:v>0</c:v>
                </c:pt>
                <c:pt idx="4313">
                  <c:v>0</c:v>
                </c:pt>
                <c:pt idx="4314">
                  <c:v>0</c:v>
                </c:pt>
                <c:pt idx="4315">
                  <c:v>0</c:v>
                </c:pt>
                <c:pt idx="4316">
                  <c:v>0</c:v>
                </c:pt>
                <c:pt idx="4317">
                  <c:v>0</c:v>
                </c:pt>
                <c:pt idx="4318">
                  <c:v>0</c:v>
                </c:pt>
                <c:pt idx="4319">
                  <c:v>0</c:v>
                </c:pt>
                <c:pt idx="4320">
                  <c:v>0</c:v>
                </c:pt>
                <c:pt idx="4321">
                  <c:v>0</c:v>
                </c:pt>
                <c:pt idx="4322">
                  <c:v>0</c:v>
                </c:pt>
                <c:pt idx="4323">
                  <c:v>0</c:v>
                </c:pt>
                <c:pt idx="4324">
                  <c:v>0</c:v>
                </c:pt>
                <c:pt idx="4325">
                  <c:v>0</c:v>
                </c:pt>
                <c:pt idx="4326">
                  <c:v>0</c:v>
                </c:pt>
                <c:pt idx="4327">
                  <c:v>0</c:v>
                </c:pt>
                <c:pt idx="4328">
                  <c:v>0</c:v>
                </c:pt>
                <c:pt idx="4329">
                  <c:v>0</c:v>
                </c:pt>
                <c:pt idx="4330">
                  <c:v>0</c:v>
                </c:pt>
                <c:pt idx="4331">
                  <c:v>0</c:v>
                </c:pt>
                <c:pt idx="4332">
                  <c:v>0</c:v>
                </c:pt>
                <c:pt idx="4333">
                  <c:v>0</c:v>
                </c:pt>
                <c:pt idx="4334">
                  <c:v>0</c:v>
                </c:pt>
                <c:pt idx="4335">
                  <c:v>0</c:v>
                </c:pt>
                <c:pt idx="4336">
                  <c:v>0</c:v>
                </c:pt>
                <c:pt idx="4337">
                  <c:v>0</c:v>
                </c:pt>
                <c:pt idx="4338">
                  <c:v>0</c:v>
                </c:pt>
                <c:pt idx="4339">
                  <c:v>0</c:v>
                </c:pt>
                <c:pt idx="4340">
                  <c:v>0</c:v>
                </c:pt>
                <c:pt idx="4341">
                  <c:v>0</c:v>
                </c:pt>
                <c:pt idx="4342">
                  <c:v>0</c:v>
                </c:pt>
                <c:pt idx="4343">
                  <c:v>0</c:v>
                </c:pt>
                <c:pt idx="4344">
                  <c:v>0</c:v>
                </c:pt>
                <c:pt idx="4345">
                  <c:v>0</c:v>
                </c:pt>
                <c:pt idx="4346">
                  <c:v>0</c:v>
                </c:pt>
                <c:pt idx="4347">
                  <c:v>0</c:v>
                </c:pt>
                <c:pt idx="4348">
                  <c:v>0</c:v>
                </c:pt>
                <c:pt idx="4349">
                  <c:v>0</c:v>
                </c:pt>
                <c:pt idx="4350">
                  <c:v>0</c:v>
                </c:pt>
                <c:pt idx="4351">
                  <c:v>0</c:v>
                </c:pt>
                <c:pt idx="4352">
                  <c:v>0</c:v>
                </c:pt>
                <c:pt idx="4353">
                  <c:v>0</c:v>
                </c:pt>
                <c:pt idx="4354">
                  <c:v>0</c:v>
                </c:pt>
                <c:pt idx="4355">
                  <c:v>0</c:v>
                </c:pt>
                <c:pt idx="4356">
                  <c:v>0</c:v>
                </c:pt>
                <c:pt idx="4357">
                  <c:v>0</c:v>
                </c:pt>
                <c:pt idx="4358">
                  <c:v>0</c:v>
                </c:pt>
                <c:pt idx="4359">
                  <c:v>0</c:v>
                </c:pt>
                <c:pt idx="4360">
                  <c:v>0</c:v>
                </c:pt>
                <c:pt idx="4361">
                  <c:v>0</c:v>
                </c:pt>
                <c:pt idx="4362">
                  <c:v>0</c:v>
                </c:pt>
                <c:pt idx="4363">
                  <c:v>0</c:v>
                </c:pt>
                <c:pt idx="4364">
                  <c:v>0</c:v>
                </c:pt>
                <c:pt idx="4365">
                  <c:v>0</c:v>
                </c:pt>
                <c:pt idx="4366">
                  <c:v>0</c:v>
                </c:pt>
                <c:pt idx="4367">
                  <c:v>0</c:v>
                </c:pt>
                <c:pt idx="4368">
                  <c:v>0</c:v>
                </c:pt>
                <c:pt idx="4369">
                  <c:v>0</c:v>
                </c:pt>
                <c:pt idx="4370">
                  <c:v>0</c:v>
                </c:pt>
                <c:pt idx="4371">
                  <c:v>0</c:v>
                </c:pt>
                <c:pt idx="4372">
                  <c:v>0</c:v>
                </c:pt>
                <c:pt idx="4373">
                  <c:v>0</c:v>
                </c:pt>
                <c:pt idx="4374">
                  <c:v>0</c:v>
                </c:pt>
                <c:pt idx="4375">
                  <c:v>0</c:v>
                </c:pt>
                <c:pt idx="4376">
                  <c:v>0</c:v>
                </c:pt>
                <c:pt idx="4377">
                  <c:v>0</c:v>
                </c:pt>
                <c:pt idx="4378">
                  <c:v>0</c:v>
                </c:pt>
                <c:pt idx="4379">
                  <c:v>0</c:v>
                </c:pt>
                <c:pt idx="4380">
                  <c:v>0</c:v>
                </c:pt>
                <c:pt idx="4381">
                  <c:v>0</c:v>
                </c:pt>
                <c:pt idx="4382">
                  <c:v>0</c:v>
                </c:pt>
                <c:pt idx="4383">
                  <c:v>0</c:v>
                </c:pt>
                <c:pt idx="4384">
                  <c:v>0</c:v>
                </c:pt>
                <c:pt idx="4385">
                  <c:v>0</c:v>
                </c:pt>
                <c:pt idx="4386">
                  <c:v>0</c:v>
                </c:pt>
                <c:pt idx="4387">
                  <c:v>0</c:v>
                </c:pt>
                <c:pt idx="4388">
                  <c:v>0</c:v>
                </c:pt>
                <c:pt idx="4389">
                  <c:v>0</c:v>
                </c:pt>
                <c:pt idx="4390">
                  <c:v>0</c:v>
                </c:pt>
                <c:pt idx="4391">
                  <c:v>0</c:v>
                </c:pt>
                <c:pt idx="4392">
                  <c:v>0</c:v>
                </c:pt>
                <c:pt idx="4393">
                  <c:v>0</c:v>
                </c:pt>
                <c:pt idx="4394">
                  <c:v>0</c:v>
                </c:pt>
                <c:pt idx="4395">
                  <c:v>0</c:v>
                </c:pt>
                <c:pt idx="4396">
                  <c:v>0</c:v>
                </c:pt>
                <c:pt idx="4397">
                  <c:v>0</c:v>
                </c:pt>
                <c:pt idx="4398">
                  <c:v>0</c:v>
                </c:pt>
                <c:pt idx="4399">
                  <c:v>0</c:v>
                </c:pt>
                <c:pt idx="4400">
                  <c:v>0</c:v>
                </c:pt>
                <c:pt idx="4401">
                  <c:v>0</c:v>
                </c:pt>
                <c:pt idx="4402">
                  <c:v>0</c:v>
                </c:pt>
                <c:pt idx="4403">
                  <c:v>0</c:v>
                </c:pt>
                <c:pt idx="4404">
                  <c:v>0</c:v>
                </c:pt>
                <c:pt idx="4405">
                  <c:v>0</c:v>
                </c:pt>
                <c:pt idx="4406">
                  <c:v>0</c:v>
                </c:pt>
                <c:pt idx="4407">
                  <c:v>0</c:v>
                </c:pt>
                <c:pt idx="4408">
                  <c:v>0</c:v>
                </c:pt>
                <c:pt idx="4409">
                  <c:v>0</c:v>
                </c:pt>
                <c:pt idx="4410">
                  <c:v>0</c:v>
                </c:pt>
                <c:pt idx="4411">
                  <c:v>0</c:v>
                </c:pt>
                <c:pt idx="4412">
                  <c:v>0</c:v>
                </c:pt>
                <c:pt idx="4413">
                  <c:v>0</c:v>
                </c:pt>
                <c:pt idx="4414">
                  <c:v>0</c:v>
                </c:pt>
                <c:pt idx="4415">
                  <c:v>0</c:v>
                </c:pt>
                <c:pt idx="4416">
                  <c:v>0</c:v>
                </c:pt>
                <c:pt idx="4417">
                  <c:v>0</c:v>
                </c:pt>
                <c:pt idx="4418">
                  <c:v>0</c:v>
                </c:pt>
                <c:pt idx="4419">
                  <c:v>0</c:v>
                </c:pt>
                <c:pt idx="4420">
                  <c:v>0</c:v>
                </c:pt>
                <c:pt idx="4421">
                  <c:v>0</c:v>
                </c:pt>
                <c:pt idx="4422">
                  <c:v>0</c:v>
                </c:pt>
                <c:pt idx="4423">
                  <c:v>0</c:v>
                </c:pt>
                <c:pt idx="4424">
                  <c:v>0</c:v>
                </c:pt>
                <c:pt idx="4425">
                  <c:v>0</c:v>
                </c:pt>
                <c:pt idx="4426">
                  <c:v>0</c:v>
                </c:pt>
                <c:pt idx="4427">
                  <c:v>0</c:v>
                </c:pt>
                <c:pt idx="4428">
                  <c:v>0</c:v>
                </c:pt>
                <c:pt idx="4429">
                  <c:v>0</c:v>
                </c:pt>
                <c:pt idx="4430">
                  <c:v>0</c:v>
                </c:pt>
                <c:pt idx="4431">
                  <c:v>0</c:v>
                </c:pt>
                <c:pt idx="4432">
                  <c:v>0</c:v>
                </c:pt>
                <c:pt idx="4433">
                  <c:v>0</c:v>
                </c:pt>
                <c:pt idx="4434">
                  <c:v>0</c:v>
                </c:pt>
                <c:pt idx="4435">
                  <c:v>0</c:v>
                </c:pt>
                <c:pt idx="4436">
                  <c:v>0</c:v>
                </c:pt>
                <c:pt idx="4437">
                  <c:v>0</c:v>
                </c:pt>
                <c:pt idx="4438">
                  <c:v>0</c:v>
                </c:pt>
                <c:pt idx="4439">
                  <c:v>0</c:v>
                </c:pt>
                <c:pt idx="4440">
                  <c:v>0</c:v>
                </c:pt>
                <c:pt idx="4441">
                  <c:v>0</c:v>
                </c:pt>
                <c:pt idx="4442">
                  <c:v>0</c:v>
                </c:pt>
                <c:pt idx="4443">
                  <c:v>0</c:v>
                </c:pt>
                <c:pt idx="4444">
                  <c:v>0</c:v>
                </c:pt>
                <c:pt idx="4445">
                  <c:v>0</c:v>
                </c:pt>
                <c:pt idx="4446">
                  <c:v>0</c:v>
                </c:pt>
                <c:pt idx="4447">
                  <c:v>0</c:v>
                </c:pt>
                <c:pt idx="4448">
                  <c:v>0</c:v>
                </c:pt>
                <c:pt idx="4449">
                  <c:v>0</c:v>
                </c:pt>
                <c:pt idx="4450">
                  <c:v>0</c:v>
                </c:pt>
                <c:pt idx="4451">
                  <c:v>0</c:v>
                </c:pt>
                <c:pt idx="4452">
                  <c:v>0</c:v>
                </c:pt>
                <c:pt idx="4453">
                  <c:v>0</c:v>
                </c:pt>
                <c:pt idx="4454">
                  <c:v>0</c:v>
                </c:pt>
                <c:pt idx="4455">
                  <c:v>0</c:v>
                </c:pt>
                <c:pt idx="4456">
                  <c:v>0</c:v>
                </c:pt>
                <c:pt idx="4457">
                  <c:v>0</c:v>
                </c:pt>
                <c:pt idx="4458">
                  <c:v>0</c:v>
                </c:pt>
                <c:pt idx="4459">
                  <c:v>0</c:v>
                </c:pt>
                <c:pt idx="4460">
                  <c:v>0</c:v>
                </c:pt>
                <c:pt idx="4461">
                  <c:v>0</c:v>
                </c:pt>
                <c:pt idx="4462">
                  <c:v>0</c:v>
                </c:pt>
                <c:pt idx="4463">
                  <c:v>0</c:v>
                </c:pt>
                <c:pt idx="4464">
                  <c:v>0</c:v>
                </c:pt>
                <c:pt idx="4465">
                  <c:v>0</c:v>
                </c:pt>
                <c:pt idx="4466">
                  <c:v>0</c:v>
                </c:pt>
                <c:pt idx="4467">
                  <c:v>0</c:v>
                </c:pt>
                <c:pt idx="4468">
                  <c:v>0</c:v>
                </c:pt>
                <c:pt idx="4469">
                  <c:v>0</c:v>
                </c:pt>
                <c:pt idx="4470">
                  <c:v>0</c:v>
                </c:pt>
                <c:pt idx="4471">
                  <c:v>0</c:v>
                </c:pt>
                <c:pt idx="4472">
                  <c:v>0</c:v>
                </c:pt>
                <c:pt idx="4473">
                  <c:v>0</c:v>
                </c:pt>
                <c:pt idx="4474">
                  <c:v>0</c:v>
                </c:pt>
                <c:pt idx="4475">
                  <c:v>0</c:v>
                </c:pt>
                <c:pt idx="4476">
                  <c:v>0</c:v>
                </c:pt>
                <c:pt idx="4477">
                  <c:v>0</c:v>
                </c:pt>
                <c:pt idx="4478">
                  <c:v>0</c:v>
                </c:pt>
                <c:pt idx="4479">
                  <c:v>0</c:v>
                </c:pt>
                <c:pt idx="4480">
                  <c:v>0</c:v>
                </c:pt>
                <c:pt idx="4481">
                  <c:v>0</c:v>
                </c:pt>
                <c:pt idx="4482">
                  <c:v>0</c:v>
                </c:pt>
                <c:pt idx="4483">
                  <c:v>0</c:v>
                </c:pt>
                <c:pt idx="4484">
                  <c:v>0</c:v>
                </c:pt>
                <c:pt idx="4485">
                  <c:v>0</c:v>
                </c:pt>
                <c:pt idx="4486">
                  <c:v>0</c:v>
                </c:pt>
                <c:pt idx="4487">
                  <c:v>0</c:v>
                </c:pt>
                <c:pt idx="4488">
                  <c:v>0</c:v>
                </c:pt>
                <c:pt idx="4489">
                  <c:v>0</c:v>
                </c:pt>
                <c:pt idx="4490">
                  <c:v>0</c:v>
                </c:pt>
                <c:pt idx="4491">
                  <c:v>0</c:v>
                </c:pt>
                <c:pt idx="4492">
                  <c:v>0</c:v>
                </c:pt>
                <c:pt idx="4493">
                  <c:v>0</c:v>
                </c:pt>
                <c:pt idx="4494">
                  <c:v>0</c:v>
                </c:pt>
                <c:pt idx="4495">
                  <c:v>0</c:v>
                </c:pt>
                <c:pt idx="4496">
                  <c:v>0</c:v>
                </c:pt>
                <c:pt idx="4497">
                  <c:v>0</c:v>
                </c:pt>
                <c:pt idx="4498">
                  <c:v>0</c:v>
                </c:pt>
                <c:pt idx="4499">
                  <c:v>0</c:v>
                </c:pt>
                <c:pt idx="4500">
                  <c:v>0</c:v>
                </c:pt>
                <c:pt idx="4501">
                  <c:v>0</c:v>
                </c:pt>
                <c:pt idx="4502">
                  <c:v>0</c:v>
                </c:pt>
                <c:pt idx="4503">
                  <c:v>0</c:v>
                </c:pt>
                <c:pt idx="4504">
                  <c:v>0</c:v>
                </c:pt>
                <c:pt idx="4505">
                  <c:v>0</c:v>
                </c:pt>
                <c:pt idx="4506">
                  <c:v>0</c:v>
                </c:pt>
                <c:pt idx="4507">
                  <c:v>0</c:v>
                </c:pt>
                <c:pt idx="4508">
                  <c:v>0</c:v>
                </c:pt>
                <c:pt idx="4509">
                  <c:v>0</c:v>
                </c:pt>
                <c:pt idx="4510">
                  <c:v>0</c:v>
                </c:pt>
                <c:pt idx="4511">
                  <c:v>0</c:v>
                </c:pt>
                <c:pt idx="4512">
                  <c:v>0</c:v>
                </c:pt>
                <c:pt idx="4513">
                  <c:v>0</c:v>
                </c:pt>
                <c:pt idx="4514">
                  <c:v>0</c:v>
                </c:pt>
                <c:pt idx="4515">
                  <c:v>0</c:v>
                </c:pt>
                <c:pt idx="4516">
                  <c:v>0</c:v>
                </c:pt>
                <c:pt idx="4517">
                  <c:v>0</c:v>
                </c:pt>
                <c:pt idx="4518">
                  <c:v>0</c:v>
                </c:pt>
                <c:pt idx="4519">
                  <c:v>0</c:v>
                </c:pt>
                <c:pt idx="4520">
                  <c:v>0</c:v>
                </c:pt>
                <c:pt idx="4521">
                  <c:v>0</c:v>
                </c:pt>
                <c:pt idx="4522">
                  <c:v>0</c:v>
                </c:pt>
                <c:pt idx="4523">
                  <c:v>0</c:v>
                </c:pt>
                <c:pt idx="4524">
                  <c:v>0</c:v>
                </c:pt>
                <c:pt idx="4525">
                  <c:v>0</c:v>
                </c:pt>
                <c:pt idx="4526">
                  <c:v>0</c:v>
                </c:pt>
                <c:pt idx="4527">
                  <c:v>0</c:v>
                </c:pt>
                <c:pt idx="4528">
                  <c:v>0</c:v>
                </c:pt>
                <c:pt idx="4529">
                  <c:v>0</c:v>
                </c:pt>
                <c:pt idx="4530">
                  <c:v>0</c:v>
                </c:pt>
                <c:pt idx="4531">
                  <c:v>0</c:v>
                </c:pt>
                <c:pt idx="4532">
                  <c:v>0</c:v>
                </c:pt>
                <c:pt idx="4533">
                  <c:v>0</c:v>
                </c:pt>
                <c:pt idx="4534">
                  <c:v>0</c:v>
                </c:pt>
                <c:pt idx="4535">
                  <c:v>0</c:v>
                </c:pt>
                <c:pt idx="4536">
                  <c:v>0</c:v>
                </c:pt>
                <c:pt idx="4537">
                  <c:v>0</c:v>
                </c:pt>
                <c:pt idx="4538">
                  <c:v>0</c:v>
                </c:pt>
                <c:pt idx="4539">
                  <c:v>0</c:v>
                </c:pt>
                <c:pt idx="4540">
                  <c:v>0</c:v>
                </c:pt>
                <c:pt idx="4541">
                  <c:v>0</c:v>
                </c:pt>
                <c:pt idx="4542">
                  <c:v>0</c:v>
                </c:pt>
                <c:pt idx="4543">
                  <c:v>0</c:v>
                </c:pt>
                <c:pt idx="4544">
                  <c:v>0</c:v>
                </c:pt>
                <c:pt idx="4545">
                  <c:v>0</c:v>
                </c:pt>
                <c:pt idx="4546">
                  <c:v>0</c:v>
                </c:pt>
                <c:pt idx="4547">
                  <c:v>0</c:v>
                </c:pt>
                <c:pt idx="4548">
                  <c:v>0</c:v>
                </c:pt>
                <c:pt idx="4549">
                  <c:v>0</c:v>
                </c:pt>
                <c:pt idx="4550">
                  <c:v>0</c:v>
                </c:pt>
                <c:pt idx="4551">
                  <c:v>0</c:v>
                </c:pt>
                <c:pt idx="4552">
                  <c:v>0</c:v>
                </c:pt>
                <c:pt idx="4553">
                  <c:v>0</c:v>
                </c:pt>
                <c:pt idx="4554">
                  <c:v>0</c:v>
                </c:pt>
                <c:pt idx="4555">
                  <c:v>0</c:v>
                </c:pt>
                <c:pt idx="4556">
                  <c:v>0</c:v>
                </c:pt>
                <c:pt idx="4557">
                  <c:v>0</c:v>
                </c:pt>
                <c:pt idx="4558">
                  <c:v>0</c:v>
                </c:pt>
                <c:pt idx="4559">
                  <c:v>0</c:v>
                </c:pt>
                <c:pt idx="4560">
                  <c:v>0</c:v>
                </c:pt>
                <c:pt idx="4561">
                  <c:v>0</c:v>
                </c:pt>
                <c:pt idx="4562">
                  <c:v>0</c:v>
                </c:pt>
                <c:pt idx="4563">
                  <c:v>0</c:v>
                </c:pt>
                <c:pt idx="4564">
                  <c:v>0</c:v>
                </c:pt>
                <c:pt idx="4565">
                  <c:v>0</c:v>
                </c:pt>
                <c:pt idx="4566">
                  <c:v>0</c:v>
                </c:pt>
                <c:pt idx="4567">
                  <c:v>0</c:v>
                </c:pt>
                <c:pt idx="4568">
                  <c:v>0</c:v>
                </c:pt>
                <c:pt idx="4569">
                  <c:v>0</c:v>
                </c:pt>
                <c:pt idx="4570">
                  <c:v>0</c:v>
                </c:pt>
                <c:pt idx="4571">
                  <c:v>0</c:v>
                </c:pt>
                <c:pt idx="4572">
                  <c:v>0</c:v>
                </c:pt>
                <c:pt idx="4573">
                  <c:v>0</c:v>
                </c:pt>
                <c:pt idx="4574">
                  <c:v>0</c:v>
                </c:pt>
                <c:pt idx="4575">
                  <c:v>0</c:v>
                </c:pt>
                <c:pt idx="4576">
                  <c:v>0</c:v>
                </c:pt>
                <c:pt idx="4577">
                  <c:v>0</c:v>
                </c:pt>
                <c:pt idx="4578">
                  <c:v>0</c:v>
                </c:pt>
                <c:pt idx="4579">
                  <c:v>0</c:v>
                </c:pt>
                <c:pt idx="4580">
                  <c:v>0</c:v>
                </c:pt>
                <c:pt idx="4581">
                  <c:v>0</c:v>
                </c:pt>
                <c:pt idx="4582">
                  <c:v>0</c:v>
                </c:pt>
                <c:pt idx="4583">
                  <c:v>0</c:v>
                </c:pt>
                <c:pt idx="4584">
                  <c:v>0</c:v>
                </c:pt>
                <c:pt idx="4585">
                  <c:v>0</c:v>
                </c:pt>
                <c:pt idx="4586">
                  <c:v>0</c:v>
                </c:pt>
                <c:pt idx="4587">
                  <c:v>0</c:v>
                </c:pt>
                <c:pt idx="4588">
                  <c:v>0</c:v>
                </c:pt>
                <c:pt idx="4589">
                  <c:v>0</c:v>
                </c:pt>
                <c:pt idx="4590">
                  <c:v>0</c:v>
                </c:pt>
                <c:pt idx="4591">
                  <c:v>0</c:v>
                </c:pt>
                <c:pt idx="4592">
                  <c:v>0</c:v>
                </c:pt>
                <c:pt idx="4593">
                  <c:v>0</c:v>
                </c:pt>
                <c:pt idx="4594">
                  <c:v>0</c:v>
                </c:pt>
                <c:pt idx="4595">
                  <c:v>0</c:v>
                </c:pt>
                <c:pt idx="4596">
                  <c:v>0</c:v>
                </c:pt>
                <c:pt idx="4597">
                  <c:v>0</c:v>
                </c:pt>
                <c:pt idx="4598">
                  <c:v>0</c:v>
                </c:pt>
                <c:pt idx="4599">
                  <c:v>0</c:v>
                </c:pt>
                <c:pt idx="4600">
                  <c:v>0</c:v>
                </c:pt>
                <c:pt idx="4601">
                  <c:v>0</c:v>
                </c:pt>
                <c:pt idx="4602">
                  <c:v>0</c:v>
                </c:pt>
                <c:pt idx="4603">
                  <c:v>0</c:v>
                </c:pt>
                <c:pt idx="4604">
                  <c:v>0</c:v>
                </c:pt>
                <c:pt idx="4605">
                  <c:v>0</c:v>
                </c:pt>
                <c:pt idx="4606">
                  <c:v>0</c:v>
                </c:pt>
                <c:pt idx="4607">
                  <c:v>0</c:v>
                </c:pt>
                <c:pt idx="4608">
                  <c:v>0</c:v>
                </c:pt>
                <c:pt idx="4609">
                  <c:v>0</c:v>
                </c:pt>
                <c:pt idx="4610">
                  <c:v>0</c:v>
                </c:pt>
                <c:pt idx="4611">
                  <c:v>0</c:v>
                </c:pt>
                <c:pt idx="4612">
                  <c:v>0</c:v>
                </c:pt>
                <c:pt idx="4613">
                  <c:v>0</c:v>
                </c:pt>
                <c:pt idx="4614">
                  <c:v>0</c:v>
                </c:pt>
                <c:pt idx="4615">
                  <c:v>0</c:v>
                </c:pt>
                <c:pt idx="4616">
                  <c:v>0</c:v>
                </c:pt>
                <c:pt idx="4617">
                  <c:v>0</c:v>
                </c:pt>
                <c:pt idx="4618">
                  <c:v>0</c:v>
                </c:pt>
                <c:pt idx="4619">
                  <c:v>0</c:v>
                </c:pt>
                <c:pt idx="4620">
                  <c:v>0</c:v>
                </c:pt>
                <c:pt idx="4621">
                  <c:v>0</c:v>
                </c:pt>
                <c:pt idx="4622">
                  <c:v>0</c:v>
                </c:pt>
                <c:pt idx="4623">
                  <c:v>0</c:v>
                </c:pt>
                <c:pt idx="4624">
                  <c:v>0</c:v>
                </c:pt>
                <c:pt idx="4625">
                  <c:v>0</c:v>
                </c:pt>
                <c:pt idx="4626">
                  <c:v>0</c:v>
                </c:pt>
                <c:pt idx="4627">
                  <c:v>0</c:v>
                </c:pt>
                <c:pt idx="4628">
                  <c:v>0</c:v>
                </c:pt>
                <c:pt idx="4629">
                  <c:v>0</c:v>
                </c:pt>
                <c:pt idx="4630">
                  <c:v>0</c:v>
                </c:pt>
                <c:pt idx="4631">
                  <c:v>0</c:v>
                </c:pt>
                <c:pt idx="4632">
                  <c:v>0</c:v>
                </c:pt>
                <c:pt idx="4633">
                  <c:v>0</c:v>
                </c:pt>
                <c:pt idx="4634">
                  <c:v>0</c:v>
                </c:pt>
                <c:pt idx="4635">
                  <c:v>0</c:v>
                </c:pt>
                <c:pt idx="4636">
                  <c:v>0</c:v>
                </c:pt>
                <c:pt idx="4637">
                  <c:v>0</c:v>
                </c:pt>
                <c:pt idx="4638">
                  <c:v>0</c:v>
                </c:pt>
                <c:pt idx="4639">
                  <c:v>0</c:v>
                </c:pt>
                <c:pt idx="4640">
                  <c:v>0</c:v>
                </c:pt>
                <c:pt idx="4641">
                  <c:v>0</c:v>
                </c:pt>
                <c:pt idx="4642">
                  <c:v>0</c:v>
                </c:pt>
                <c:pt idx="4643">
                  <c:v>0</c:v>
                </c:pt>
                <c:pt idx="4644">
                  <c:v>0</c:v>
                </c:pt>
                <c:pt idx="4645">
                  <c:v>0</c:v>
                </c:pt>
                <c:pt idx="4646">
                  <c:v>0</c:v>
                </c:pt>
                <c:pt idx="4647">
                  <c:v>0</c:v>
                </c:pt>
                <c:pt idx="4648">
                  <c:v>0</c:v>
                </c:pt>
                <c:pt idx="4649">
                  <c:v>0</c:v>
                </c:pt>
                <c:pt idx="4650">
                  <c:v>0</c:v>
                </c:pt>
                <c:pt idx="4651">
                  <c:v>0</c:v>
                </c:pt>
                <c:pt idx="4652">
                  <c:v>0</c:v>
                </c:pt>
                <c:pt idx="4653">
                  <c:v>0</c:v>
                </c:pt>
                <c:pt idx="4654">
                  <c:v>0</c:v>
                </c:pt>
                <c:pt idx="4655">
                  <c:v>0</c:v>
                </c:pt>
                <c:pt idx="4656">
                  <c:v>0</c:v>
                </c:pt>
                <c:pt idx="4657">
                  <c:v>0</c:v>
                </c:pt>
                <c:pt idx="4658">
                  <c:v>0</c:v>
                </c:pt>
                <c:pt idx="4659">
                  <c:v>0</c:v>
                </c:pt>
                <c:pt idx="4660">
                  <c:v>0</c:v>
                </c:pt>
                <c:pt idx="4661">
                  <c:v>0</c:v>
                </c:pt>
                <c:pt idx="4662">
                  <c:v>0</c:v>
                </c:pt>
                <c:pt idx="4663">
                  <c:v>0</c:v>
                </c:pt>
                <c:pt idx="4664">
                  <c:v>0</c:v>
                </c:pt>
                <c:pt idx="4665">
                  <c:v>0</c:v>
                </c:pt>
                <c:pt idx="4666">
                  <c:v>0</c:v>
                </c:pt>
                <c:pt idx="4667">
                  <c:v>0</c:v>
                </c:pt>
                <c:pt idx="4668">
                  <c:v>0</c:v>
                </c:pt>
                <c:pt idx="4669">
                  <c:v>0</c:v>
                </c:pt>
                <c:pt idx="4670">
                  <c:v>0</c:v>
                </c:pt>
                <c:pt idx="4671">
                  <c:v>0</c:v>
                </c:pt>
                <c:pt idx="4672">
                  <c:v>0</c:v>
                </c:pt>
                <c:pt idx="4673">
                  <c:v>0</c:v>
                </c:pt>
                <c:pt idx="4674">
                  <c:v>0</c:v>
                </c:pt>
                <c:pt idx="4675">
                  <c:v>0</c:v>
                </c:pt>
                <c:pt idx="4676">
                  <c:v>0</c:v>
                </c:pt>
                <c:pt idx="4677">
                  <c:v>0</c:v>
                </c:pt>
                <c:pt idx="4678">
                  <c:v>0</c:v>
                </c:pt>
                <c:pt idx="4679">
                  <c:v>0</c:v>
                </c:pt>
                <c:pt idx="4680">
                  <c:v>0</c:v>
                </c:pt>
                <c:pt idx="4681">
                  <c:v>0</c:v>
                </c:pt>
                <c:pt idx="4682">
                  <c:v>0</c:v>
                </c:pt>
                <c:pt idx="4683">
                  <c:v>0</c:v>
                </c:pt>
                <c:pt idx="4684">
                  <c:v>0</c:v>
                </c:pt>
                <c:pt idx="4685">
                  <c:v>0</c:v>
                </c:pt>
                <c:pt idx="4686">
                  <c:v>0</c:v>
                </c:pt>
                <c:pt idx="4687">
                  <c:v>0</c:v>
                </c:pt>
                <c:pt idx="4688">
                  <c:v>0</c:v>
                </c:pt>
                <c:pt idx="4689">
                  <c:v>0</c:v>
                </c:pt>
                <c:pt idx="4690">
                  <c:v>0</c:v>
                </c:pt>
                <c:pt idx="4691">
                  <c:v>0</c:v>
                </c:pt>
                <c:pt idx="4692">
                  <c:v>0</c:v>
                </c:pt>
                <c:pt idx="4693">
                  <c:v>0</c:v>
                </c:pt>
                <c:pt idx="4694">
                  <c:v>0</c:v>
                </c:pt>
                <c:pt idx="4695">
                  <c:v>0</c:v>
                </c:pt>
                <c:pt idx="4696">
                  <c:v>0</c:v>
                </c:pt>
                <c:pt idx="4697">
                  <c:v>0</c:v>
                </c:pt>
                <c:pt idx="4698">
                  <c:v>0</c:v>
                </c:pt>
                <c:pt idx="4699">
                  <c:v>0</c:v>
                </c:pt>
                <c:pt idx="4700">
                  <c:v>0</c:v>
                </c:pt>
                <c:pt idx="4701">
                  <c:v>0</c:v>
                </c:pt>
                <c:pt idx="4702">
                  <c:v>0</c:v>
                </c:pt>
                <c:pt idx="4703">
                  <c:v>0</c:v>
                </c:pt>
                <c:pt idx="4704">
                  <c:v>0</c:v>
                </c:pt>
                <c:pt idx="4705">
                  <c:v>0</c:v>
                </c:pt>
                <c:pt idx="4706">
                  <c:v>0</c:v>
                </c:pt>
                <c:pt idx="4707">
                  <c:v>0</c:v>
                </c:pt>
                <c:pt idx="4708">
                  <c:v>0</c:v>
                </c:pt>
                <c:pt idx="4709">
                  <c:v>0</c:v>
                </c:pt>
                <c:pt idx="4710">
                  <c:v>0</c:v>
                </c:pt>
                <c:pt idx="4711">
                  <c:v>0</c:v>
                </c:pt>
                <c:pt idx="4712">
                  <c:v>0</c:v>
                </c:pt>
                <c:pt idx="4713">
                  <c:v>0</c:v>
                </c:pt>
                <c:pt idx="4714">
                  <c:v>0</c:v>
                </c:pt>
                <c:pt idx="4715">
                  <c:v>0</c:v>
                </c:pt>
                <c:pt idx="4716">
                  <c:v>0</c:v>
                </c:pt>
                <c:pt idx="4717">
                  <c:v>0</c:v>
                </c:pt>
                <c:pt idx="4718">
                  <c:v>0</c:v>
                </c:pt>
                <c:pt idx="4719">
                  <c:v>0</c:v>
                </c:pt>
                <c:pt idx="4720">
                  <c:v>0</c:v>
                </c:pt>
                <c:pt idx="4721">
                  <c:v>0</c:v>
                </c:pt>
                <c:pt idx="4722">
                  <c:v>0</c:v>
                </c:pt>
                <c:pt idx="4723">
                  <c:v>0</c:v>
                </c:pt>
                <c:pt idx="4724">
                  <c:v>0</c:v>
                </c:pt>
                <c:pt idx="4725">
                  <c:v>0</c:v>
                </c:pt>
                <c:pt idx="4726">
                  <c:v>0</c:v>
                </c:pt>
                <c:pt idx="4727">
                  <c:v>0</c:v>
                </c:pt>
                <c:pt idx="4728">
                  <c:v>0</c:v>
                </c:pt>
                <c:pt idx="4729">
                  <c:v>0</c:v>
                </c:pt>
                <c:pt idx="4730">
                  <c:v>0</c:v>
                </c:pt>
                <c:pt idx="4731">
                  <c:v>0</c:v>
                </c:pt>
                <c:pt idx="4732">
                  <c:v>0</c:v>
                </c:pt>
                <c:pt idx="4733">
                  <c:v>0</c:v>
                </c:pt>
                <c:pt idx="4734">
                  <c:v>0</c:v>
                </c:pt>
                <c:pt idx="4735">
                  <c:v>0</c:v>
                </c:pt>
                <c:pt idx="4736">
                  <c:v>0</c:v>
                </c:pt>
                <c:pt idx="4737">
                  <c:v>0</c:v>
                </c:pt>
                <c:pt idx="4738">
                  <c:v>0</c:v>
                </c:pt>
                <c:pt idx="4739">
                  <c:v>0</c:v>
                </c:pt>
                <c:pt idx="4740">
                  <c:v>0</c:v>
                </c:pt>
                <c:pt idx="4741">
                  <c:v>0</c:v>
                </c:pt>
                <c:pt idx="4742">
                  <c:v>0</c:v>
                </c:pt>
                <c:pt idx="4743">
                  <c:v>0</c:v>
                </c:pt>
                <c:pt idx="4744">
                  <c:v>0</c:v>
                </c:pt>
                <c:pt idx="4745">
                  <c:v>0</c:v>
                </c:pt>
                <c:pt idx="4746">
                  <c:v>0</c:v>
                </c:pt>
                <c:pt idx="4747">
                  <c:v>0</c:v>
                </c:pt>
                <c:pt idx="4748">
                  <c:v>0</c:v>
                </c:pt>
                <c:pt idx="4749">
                  <c:v>0</c:v>
                </c:pt>
                <c:pt idx="4750">
                  <c:v>0</c:v>
                </c:pt>
                <c:pt idx="4751">
                  <c:v>0</c:v>
                </c:pt>
                <c:pt idx="4752">
                  <c:v>0</c:v>
                </c:pt>
                <c:pt idx="4753">
                  <c:v>0</c:v>
                </c:pt>
                <c:pt idx="4754">
                  <c:v>0</c:v>
                </c:pt>
                <c:pt idx="4755">
                  <c:v>0</c:v>
                </c:pt>
                <c:pt idx="4756">
                  <c:v>0</c:v>
                </c:pt>
                <c:pt idx="4757">
                  <c:v>0</c:v>
                </c:pt>
                <c:pt idx="4758">
                  <c:v>0</c:v>
                </c:pt>
                <c:pt idx="4759">
                  <c:v>0</c:v>
                </c:pt>
                <c:pt idx="4760">
                  <c:v>0</c:v>
                </c:pt>
                <c:pt idx="4761">
                  <c:v>0</c:v>
                </c:pt>
                <c:pt idx="4762">
                  <c:v>0</c:v>
                </c:pt>
                <c:pt idx="4763">
                  <c:v>0</c:v>
                </c:pt>
                <c:pt idx="4764">
                  <c:v>0</c:v>
                </c:pt>
                <c:pt idx="4765">
                  <c:v>0</c:v>
                </c:pt>
                <c:pt idx="4766">
                  <c:v>0</c:v>
                </c:pt>
                <c:pt idx="4767">
                  <c:v>0</c:v>
                </c:pt>
                <c:pt idx="4768">
                  <c:v>0</c:v>
                </c:pt>
                <c:pt idx="4769">
                  <c:v>0</c:v>
                </c:pt>
                <c:pt idx="4770">
                  <c:v>0</c:v>
                </c:pt>
                <c:pt idx="4771">
                  <c:v>0</c:v>
                </c:pt>
                <c:pt idx="4772">
                  <c:v>0</c:v>
                </c:pt>
                <c:pt idx="4773">
                  <c:v>0</c:v>
                </c:pt>
                <c:pt idx="4774">
                  <c:v>0</c:v>
                </c:pt>
                <c:pt idx="4775">
                  <c:v>0</c:v>
                </c:pt>
                <c:pt idx="4776">
                  <c:v>0</c:v>
                </c:pt>
                <c:pt idx="4777">
                  <c:v>0</c:v>
                </c:pt>
                <c:pt idx="4778">
                  <c:v>0</c:v>
                </c:pt>
                <c:pt idx="4779">
                  <c:v>0</c:v>
                </c:pt>
                <c:pt idx="4780">
                  <c:v>0</c:v>
                </c:pt>
                <c:pt idx="4781">
                  <c:v>0</c:v>
                </c:pt>
                <c:pt idx="4782">
                  <c:v>0</c:v>
                </c:pt>
                <c:pt idx="4783">
                  <c:v>0</c:v>
                </c:pt>
                <c:pt idx="4784">
                  <c:v>0</c:v>
                </c:pt>
                <c:pt idx="4785">
                  <c:v>0</c:v>
                </c:pt>
                <c:pt idx="4786">
                  <c:v>0</c:v>
                </c:pt>
                <c:pt idx="4787">
                  <c:v>0</c:v>
                </c:pt>
                <c:pt idx="4788">
                  <c:v>0</c:v>
                </c:pt>
                <c:pt idx="4789">
                  <c:v>0</c:v>
                </c:pt>
                <c:pt idx="4790">
                  <c:v>0</c:v>
                </c:pt>
                <c:pt idx="4791">
                  <c:v>0</c:v>
                </c:pt>
                <c:pt idx="4792">
                  <c:v>0</c:v>
                </c:pt>
                <c:pt idx="4793">
                  <c:v>0</c:v>
                </c:pt>
                <c:pt idx="4794">
                  <c:v>0</c:v>
                </c:pt>
                <c:pt idx="4795">
                  <c:v>0</c:v>
                </c:pt>
                <c:pt idx="4796">
                  <c:v>0</c:v>
                </c:pt>
                <c:pt idx="4797">
                  <c:v>0</c:v>
                </c:pt>
                <c:pt idx="4798">
                  <c:v>0</c:v>
                </c:pt>
                <c:pt idx="4799">
                  <c:v>0</c:v>
                </c:pt>
                <c:pt idx="4800">
                  <c:v>0</c:v>
                </c:pt>
                <c:pt idx="4801">
                  <c:v>0</c:v>
                </c:pt>
                <c:pt idx="4802">
                  <c:v>0</c:v>
                </c:pt>
                <c:pt idx="4803">
                  <c:v>0</c:v>
                </c:pt>
                <c:pt idx="4804">
                  <c:v>0</c:v>
                </c:pt>
                <c:pt idx="4805">
                  <c:v>0</c:v>
                </c:pt>
                <c:pt idx="4806">
                  <c:v>0</c:v>
                </c:pt>
                <c:pt idx="4807">
                  <c:v>0</c:v>
                </c:pt>
                <c:pt idx="4808">
                  <c:v>0</c:v>
                </c:pt>
                <c:pt idx="4809">
                  <c:v>0</c:v>
                </c:pt>
                <c:pt idx="4810">
                  <c:v>0</c:v>
                </c:pt>
                <c:pt idx="4811">
                  <c:v>0</c:v>
                </c:pt>
                <c:pt idx="4812">
                  <c:v>0</c:v>
                </c:pt>
                <c:pt idx="4813">
                  <c:v>0</c:v>
                </c:pt>
                <c:pt idx="4814">
                  <c:v>0</c:v>
                </c:pt>
                <c:pt idx="4815">
                  <c:v>0</c:v>
                </c:pt>
                <c:pt idx="4816">
                  <c:v>0</c:v>
                </c:pt>
                <c:pt idx="4817">
                  <c:v>0</c:v>
                </c:pt>
                <c:pt idx="4818">
                  <c:v>0</c:v>
                </c:pt>
                <c:pt idx="4819">
                  <c:v>0</c:v>
                </c:pt>
                <c:pt idx="4820">
                  <c:v>0</c:v>
                </c:pt>
                <c:pt idx="4821">
                  <c:v>0</c:v>
                </c:pt>
                <c:pt idx="4822">
                  <c:v>0</c:v>
                </c:pt>
                <c:pt idx="4823">
                  <c:v>0</c:v>
                </c:pt>
                <c:pt idx="4824">
                  <c:v>0</c:v>
                </c:pt>
                <c:pt idx="4825">
                  <c:v>0</c:v>
                </c:pt>
                <c:pt idx="4826">
                  <c:v>0</c:v>
                </c:pt>
                <c:pt idx="4827">
                  <c:v>0</c:v>
                </c:pt>
                <c:pt idx="4828">
                  <c:v>0</c:v>
                </c:pt>
                <c:pt idx="4829">
                  <c:v>0</c:v>
                </c:pt>
                <c:pt idx="4830">
                  <c:v>0</c:v>
                </c:pt>
                <c:pt idx="4831">
                  <c:v>0</c:v>
                </c:pt>
                <c:pt idx="4832">
                  <c:v>0</c:v>
                </c:pt>
                <c:pt idx="4833">
                  <c:v>0</c:v>
                </c:pt>
                <c:pt idx="4834">
                  <c:v>0</c:v>
                </c:pt>
                <c:pt idx="4835">
                  <c:v>0</c:v>
                </c:pt>
                <c:pt idx="4836">
                  <c:v>0</c:v>
                </c:pt>
                <c:pt idx="4837">
                  <c:v>0</c:v>
                </c:pt>
                <c:pt idx="4838">
                  <c:v>0</c:v>
                </c:pt>
                <c:pt idx="4839">
                  <c:v>0</c:v>
                </c:pt>
                <c:pt idx="4840">
                  <c:v>0</c:v>
                </c:pt>
                <c:pt idx="4841">
                  <c:v>0</c:v>
                </c:pt>
                <c:pt idx="4842">
                  <c:v>0</c:v>
                </c:pt>
                <c:pt idx="4843">
                  <c:v>0</c:v>
                </c:pt>
                <c:pt idx="4844">
                  <c:v>0</c:v>
                </c:pt>
                <c:pt idx="4845">
                  <c:v>0</c:v>
                </c:pt>
                <c:pt idx="4846">
                  <c:v>0</c:v>
                </c:pt>
                <c:pt idx="4847">
                  <c:v>0</c:v>
                </c:pt>
                <c:pt idx="4848">
                  <c:v>0</c:v>
                </c:pt>
                <c:pt idx="4849">
                  <c:v>0</c:v>
                </c:pt>
                <c:pt idx="4850">
                  <c:v>0</c:v>
                </c:pt>
                <c:pt idx="4851">
                  <c:v>0</c:v>
                </c:pt>
                <c:pt idx="4852">
                  <c:v>0</c:v>
                </c:pt>
                <c:pt idx="4853">
                  <c:v>0</c:v>
                </c:pt>
                <c:pt idx="4854">
                  <c:v>0</c:v>
                </c:pt>
                <c:pt idx="4855">
                  <c:v>0</c:v>
                </c:pt>
                <c:pt idx="4856">
                  <c:v>0</c:v>
                </c:pt>
                <c:pt idx="4857">
                  <c:v>0</c:v>
                </c:pt>
                <c:pt idx="4858">
                  <c:v>0</c:v>
                </c:pt>
                <c:pt idx="4859">
                  <c:v>0</c:v>
                </c:pt>
                <c:pt idx="4860">
                  <c:v>0</c:v>
                </c:pt>
                <c:pt idx="4861">
                  <c:v>0</c:v>
                </c:pt>
                <c:pt idx="4862">
                  <c:v>0</c:v>
                </c:pt>
                <c:pt idx="4863">
                  <c:v>0</c:v>
                </c:pt>
                <c:pt idx="4864">
                  <c:v>0</c:v>
                </c:pt>
                <c:pt idx="4865">
                  <c:v>0</c:v>
                </c:pt>
                <c:pt idx="4866">
                  <c:v>0</c:v>
                </c:pt>
                <c:pt idx="4867">
                  <c:v>0</c:v>
                </c:pt>
                <c:pt idx="4868">
                  <c:v>0</c:v>
                </c:pt>
                <c:pt idx="4869">
                  <c:v>0</c:v>
                </c:pt>
                <c:pt idx="4870">
                  <c:v>0</c:v>
                </c:pt>
                <c:pt idx="4871">
                  <c:v>0</c:v>
                </c:pt>
                <c:pt idx="4872">
                  <c:v>0</c:v>
                </c:pt>
                <c:pt idx="4873">
                  <c:v>0</c:v>
                </c:pt>
                <c:pt idx="4874">
                  <c:v>0</c:v>
                </c:pt>
                <c:pt idx="4875">
                  <c:v>0</c:v>
                </c:pt>
                <c:pt idx="4876">
                  <c:v>0</c:v>
                </c:pt>
                <c:pt idx="4877">
                  <c:v>0</c:v>
                </c:pt>
                <c:pt idx="4878">
                  <c:v>0</c:v>
                </c:pt>
                <c:pt idx="4879">
                  <c:v>0</c:v>
                </c:pt>
                <c:pt idx="4880">
                  <c:v>0</c:v>
                </c:pt>
                <c:pt idx="4881">
                  <c:v>0</c:v>
                </c:pt>
                <c:pt idx="4882">
                  <c:v>0</c:v>
                </c:pt>
                <c:pt idx="4883">
                  <c:v>0</c:v>
                </c:pt>
                <c:pt idx="4884">
                  <c:v>0</c:v>
                </c:pt>
                <c:pt idx="4885">
                  <c:v>0</c:v>
                </c:pt>
                <c:pt idx="4886">
                  <c:v>0</c:v>
                </c:pt>
                <c:pt idx="4887">
                  <c:v>0</c:v>
                </c:pt>
                <c:pt idx="4888">
                  <c:v>0</c:v>
                </c:pt>
                <c:pt idx="4889">
                  <c:v>0</c:v>
                </c:pt>
                <c:pt idx="4890">
                  <c:v>0</c:v>
                </c:pt>
                <c:pt idx="4891">
                  <c:v>0</c:v>
                </c:pt>
                <c:pt idx="4892">
                  <c:v>0</c:v>
                </c:pt>
                <c:pt idx="4893">
                  <c:v>0</c:v>
                </c:pt>
                <c:pt idx="4894">
                  <c:v>0</c:v>
                </c:pt>
                <c:pt idx="4895">
                  <c:v>0</c:v>
                </c:pt>
                <c:pt idx="4896">
                  <c:v>0</c:v>
                </c:pt>
                <c:pt idx="4897">
                  <c:v>0</c:v>
                </c:pt>
                <c:pt idx="4898">
                  <c:v>0</c:v>
                </c:pt>
                <c:pt idx="4899">
                  <c:v>0</c:v>
                </c:pt>
                <c:pt idx="4900">
                  <c:v>0</c:v>
                </c:pt>
                <c:pt idx="4901">
                  <c:v>0</c:v>
                </c:pt>
                <c:pt idx="4902">
                  <c:v>0</c:v>
                </c:pt>
                <c:pt idx="4903">
                  <c:v>0</c:v>
                </c:pt>
                <c:pt idx="4904">
                  <c:v>0</c:v>
                </c:pt>
                <c:pt idx="4905">
                  <c:v>0</c:v>
                </c:pt>
                <c:pt idx="4906">
                  <c:v>0</c:v>
                </c:pt>
                <c:pt idx="4907">
                  <c:v>0</c:v>
                </c:pt>
                <c:pt idx="4908">
                  <c:v>0</c:v>
                </c:pt>
                <c:pt idx="4909">
                  <c:v>0</c:v>
                </c:pt>
                <c:pt idx="4910">
                  <c:v>0</c:v>
                </c:pt>
                <c:pt idx="4911">
                  <c:v>0</c:v>
                </c:pt>
                <c:pt idx="4912">
                  <c:v>0</c:v>
                </c:pt>
                <c:pt idx="4913">
                  <c:v>0</c:v>
                </c:pt>
                <c:pt idx="4914">
                  <c:v>0</c:v>
                </c:pt>
                <c:pt idx="4915">
                  <c:v>0</c:v>
                </c:pt>
                <c:pt idx="4916">
                  <c:v>0</c:v>
                </c:pt>
                <c:pt idx="4917">
                  <c:v>0</c:v>
                </c:pt>
                <c:pt idx="4918">
                  <c:v>0</c:v>
                </c:pt>
                <c:pt idx="4919">
                  <c:v>0</c:v>
                </c:pt>
                <c:pt idx="4920">
                  <c:v>0</c:v>
                </c:pt>
                <c:pt idx="4921">
                  <c:v>0</c:v>
                </c:pt>
                <c:pt idx="4922">
                  <c:v>0</c:v>
                </c:pt>
                <c:pt idx="4923">
                  <c:v>0</c:v>
                </c:pt>
                <c:pt idx="4924">
                  <c:v>0</c:v>
                </c:pt>
                <c:pt idx="4925">
                  <c:v>0</c:v>
                </c:pt>
                <c:pt idx="4926">
                  <c:v>0</c:v>
                </c:pt>
                <c:pt idx="4927">
                  <c:v>0</c:v>
                </c:pt>
                <c:pt idx="4928">
                  <c:v>0</c:v>
                </c:pt>
                <c:pt idx="4929">
                  <c:v>0</c:v>
                </c:pt>
                <c:pt idx="4930">
                  <c:v>0</c:v>
                </c:pt>
                <c:pt idx="4931">
                  <c:v>0</c:v>
                </c:pt>
                <c:pt idx="4932">
                  <c:v>0</c:v>
                </c:pt>
                <c:pt idx="4933">
                  <c:v>0</c:v>
                </c:pt>
                <c:pt idx="4934">
                  <c:v>0</c:v>
                </c:pt>
                <c:pt idx="4935">
                  <c:v>0</c:v>
                </c:pt>
                <c:pt idx="4936">
                  <c:v>0</c:v>
                </c:pt>
                <c:pt idx="4937">
                  <c:v>0</c:v>
                </c:pt>
                <c:pt idx="4938">
                  <c:v>0</c:v>
                </c:pt>
                <c:pt idx="4939">
                  <c:v>0</c:v>
                </c:pt>
                <c:pt idx="4940">
                  <c:v>0</c:v>
                </c:pt>
                <c:pt idx="4941">
                  <c:v>0</c:v>
                </c:pt>
                <c:pt idx="4942">
                  <c:v>0</c:v>
                </c:pt>
                <c:pt idx="4943">
                  <c:v>0</c:v>
                </c:pt>
                <c:pt idx="4944">
                  <c:v>0</c:v>
                </c:pt>
                <c:pt idx="4945">
                  <c:v>0</c:v>
                </c:pt>
                <c:pt idx="4946">
                  <c:v>0</c:v>
                </c:pt>
                <c:pt idx="4947">
                  <c:v>0</c:v>
                </c:pt>
                <c:pt idx="4948">
                  <c:v>0</c:v>
                </c:pt>
                <c:pt idx="4949">
                  <c:v>0</c:v>
                </c:pt>
                <c:pt idx="4950">
                  <c:v>0</c:v>
                </c:pt>
                <c:pt idx="4951">
                  <c:v>0</c:v>
                </c:pt>
                <c:pt idx="4952">
                  <c:v>0</c:v>
                </c:pt>
                <c:pt idx="4953">
                  <c:v>0</c:v>
                </c:pt>
                <c:pt idx="4954">
                  <c:v>0</c:v>
                </c:pt>
                <c:pt idx="4955">
                  <c:v>0</c:v>
                </c:pt>
                <c:pt idx="4956">
                  <c:v>0</c:v>
                </c:pt>
                <c:pt idx="4957">
                  <c:v>0</c:v>
                </c:pt>
                <c:pt idx="4958">
                  <c:v>0</c:v>
                </c:pt>
                <c:pt idx="4959">
                  <c:v>0</c:v>
                </c:pt>
                <c:pt idx="4960">
                  <c:v>0</c:v>
                </c:pt>
                <c:pt idx="4961">
                  <c:v>0</c:v>
                </c:pt>
                <c:pt idx="4962">
                  <c:v>0</c:v>
                </c:pt>
                <c:pt idx="4963">
                  <c:v>0</c:v>
                </c:pt>
                <c:pt idx="4964">
                  <c:v>0</c:v>
                </c:pt>
                <c:pt idx="4965">
                  <c:v>0</c:v>
                </c:pt>
                <c:pt idx="4966">
                  <c:v>0</c:v>
                </c:pt>
                <c:pt idx="4967">
                  <c:v>0</c:v>
                </c:pt>
                <c:pt idx="4968">
                  <c:v>0</c:v>
                </c:pt>
                <c:pt idx="4969">
                  <c:v>0</c:v>
                </c:pt>
                <c:pt idx="4970">
                  <c:v>0</c:v>
                </c:pt>
                <c:pt idx="4971">
                  <c:v>0</c:v>
                </c:pt>
                <c:pt idx="4972">
                  <c:v>0</c:v>
                </c:pt>
                <c:pt idx="4973">
                  <c:v>0</c:v>
                </c:pt>
                <c:pt idx="4974">
                  <c:v>0</c:v>
                </c:pt>
                <c:pt idx="4975">
                  <c:v>0</c:v>
                </c:pt>
                <c:pt idx="4976">
                  <c:v>0</c:v>
                </c:pt>
                <c:pt idx="4977">
                  <c:v>0</c:v>
                </c:pt>
                <c:pt idx="4978">
                  <c:v>0</c:v>
                </c:pt>
                <c:pt idx="4979">
                  <c:v>0</c:v>
                </c:pt>
                <c:pt idx="4980">
                  <c:v>0</c:v>
                </c:pt>
                <c:pt idx="4981">
                  <c:v>0</c:v>
                </c:pt>
                <c:pt idx="4982">
                  <c:v>0</c:v>
                </c:pt>
                <c:pt idx="4983">
                  <c:v>0</c:v>
                </c:pt>
                <c:pt idx="4984">
                  <c:v>0</c:v>
                </c:pt>
                <c:pt idx="4985">
                  <c:v>0</c:v>
                </c:pt>
                <c:pt idx="4986">
                  <c:v>0</c:v>
                </c:pt>
                <c:pt idx="4987">
                  <c:v>0</c:v>
                </c:pt>
                <c:pt idx="4988">
                  <c:v>0</c:v>
                </c:pt>
                <c:pt idx="4989">
                  <c:v>0</c:v>
                </c:pt>
                <c:pt idx="4990">
                  <c:v>0</c:v>
                </c:pt>
                <c:pt idx="4991">
                  <c:v>0</c:v>
                </c:pt>
                <c:pt idx="4992">
                  <c:v>0</c:v>
                </c:pt>
                <c:pt idx="4993">
                  <c:v>0</c:v>
                </c:pt>
                <c:pt idx="4994">
                  <c:v>0</c:v>
                </c:pt>
                <c:pt idx="4995">
                  <c:v>0</c:v>
                </c:pt>
                <c:pt idx="4996">
                  <c:v>0</c:v>
                </c:pt>
                <c:pt idx="4997">
                  <c:v>0</c:v>
                </c:pt>
                <c:pt idx="4998">
                  <c:v>0</c:v>
                </c:pt>
                <c:pt idx="4999">
                  <c:v>0</c:v>
                </c:pt>
                <c:pt idx="5000">
                  <c:v>0</c:v>
                </c:pt>
                <c:pt idx="5001">
                  <c:v>0</c:v>
                </c:pt>
                <c:pt idx="5002">
                  <c:v>0</c:v>
                </c:pt>
                <c:pt idx="5003">
                  <c:v>0</c:v>
                </c:pt>
                <c:pt idx="5004">
                  <c:v>0</c:v>
                </c:pt>
                <c:pt idx="5005">
                  <c:v>0</c:v>
                </c:pt>
                <c:pt idx="5006">
                  <c:v>0</c:v>
                </c:pt>
                <c:pt idx="5007">
                  <c:v>0</c:v>
                </c:pt>
                <c:pt idx="5008">
                  <c:v>0</c:v>
                </c:pt>
                <c:pt idx="5009">
                  <c:v>0</c:v>
                </c:pt>
                <c:pt idx="5010">
                  <c:v>0</c:v>
                </c:pt>
                <c:pt idx="5011">
                  <c:v>0</c:v>
                </c:pt>
                <c:pt idx="5012">
                  <c:v>0</c:v>
                </c:pt>
                <c:pt idx="5013">
                  <c:v>0</c:v>
                </c:pt>
                <c:pt idx="5014">
                  <c:v>0</c:v>
                </c:pt>
                <c:pt idx="5015">
                  <c:v>0</c:v>
                </c:pt>
                <c:pt idx="5016">
                  <c:v>0</c:v>
                </c:pt>
                <c:pt idx="5017">
                  <c:v>0</c:v>
                </c:pt>
                <c:pt idx="5018">
                  <c:v>0</c:v>
                </c:pt>
                <c:pt idx="5019">
                  <c:v>0</c:v>
                </c:pt>
                <c:pt idx="5020">
                  <c:v>0</c:v>
                </c:pt>
                <c:pt idx="5021">
                  <c:v>0</c:v>
                </c:pt>
                <c:pt idx="5022">
                  <c:v>0</c:v>
                </c:pt>
                <c:pt idx="5023">
                  <c:v>0</c:v>
                </c:pt>
                <c:pt idx="5024">
                  <c:v>0</c:v>
                </c:pt>
                <c:pt idx="5025">
                  <c:v>0</c:v>
                </c:pt>
                <c:pt idx="5026">
                  <c:v>0</c:v>
                </c:pt>
                <c:pt idx="5027">
                  <c:v>0</c:v>
                </c:pt>
                <c:pt idx="5028">
                  <c:v>0</c:v>
                </c:pt>
                <c:pt idx="5029">
                  <c:v>0</c:v>
                </c:pt>
                <c:pt idx="5030">
                  <c:v>0</c:v>
                </c:pt>
                <c:pt idx="5031">
                  <c:v>0</c:v>
                </c:pt>
                <c:pt idx="5032">
                  <c:v>0</c:v>
                </c:pt>
                <c:pt idx="5033">
                  <c:v>0</c:v>
                </c:pt>
                <c:pt idx="5034">
                  <c:v>0</c:v>
                </c:pt>
                <c:pt idx="5035">
                  <c:v>0</c:v>
                </c:pt>
                <c:pt idx="5036">
                  <c:v>0</c:v>
                </c:pt>
                <c:pt idx="5037">
                  <c:v>0</c:v>
                </c:pt>
                <c:pt idx="5038">
                  <c:v>0</c:v>
                </c:pt>
                <c:pt idx="5039">
                  <c:v>0</c:v>
                </c:pt>
                <c:pt idx="5040">
                  <c:v>0</c:v>
                </c:pt>
                <c:pt idx="5041">
                  <c:v>0</c:v>
                </c:pt>
                <c:pt idx="5042">
                  <c:v>0</c:v>
                </c:pt>
                <c:pt idx="5043">
                  <c:v>0</c:v>
                </c:pt>
                <c:pt idx="5044">
                  <c:v>0</c:v>
                </c:pt>
                <c:pt idx="5045">
                  <c:v>0</c:v>
                </c:pt>
                <c:pt idx="5046">
                  <c:v>0</c:v>
                </c:pt>
                <c:pt idx="5047">
                  <c:v>0</c:v>
                </c:pt>
                <c:pt idx="5048">
                  <c:v>0</c:v>
                </c:pt>
                <c:pt idx="5049">
                  <c:v>0</c:v>
                </c:pt>
                <c:pt idx="5050">
                  <c:v>0</c:v>
                </c:pt>
                <c:pt idx="5051">
                  <c:v>0</c:v>
                </c:pt>
                <c:pt idx="5052">
                  <c:v>0</c:v>
                </c:pt>
                <c:pt idx="5053">
                  <c:v>0</c:v>
                </c:pt>
                <c:pt idx="5054">
                  <c:v>0</c:v>
                </c:pt>
                <c:pt idx="5055">
                  <c:v>0</c:v>
                </c:pt>
                <c:pt idx="5056">
                  <c:v>0</c:v>
                </c:pt>
                <c:pt idx="5057">
                  <c:v>0</c:v>
                </c:pt>
                <c:pt idx="5058">
                  <c:v>0</c:v>
                </c:pt>
                <c:pt idx="5059">
                  <c:v>0</c:v>
                </c:pt>
                <c:pt idx="5060">
                  <c:v>0</c:v>
                </c:pt>
                <c:pt idx="5061">
                  <c:v>0</c:v>
                </c:pt>
                <c:pt idx="5062">
                  <c:v>0</c:v>
                </c:pt>
                <c:pt idx="5063">
                  <c:v>0</c:v>
                </c:pt>
                <c:pt idx="5064">
                  <c:v>0</c:v>
                </c:pt>
                <c:pt idx="5065">
                  <c:v>0</c:v>
                </c:pt>
                <c:pt idx="5066">
                  <c:v>0</c:v>
                </c:pt>
                <c:pt idx="5067">
                  <c:v>0</c:v>
                </c:pt>
                <c:pt idx="5068">
                  <c:v>0</c:v>
                </c:pt>
                <c:pt idx="5069">
                  <c:v>0</c:v>
                </c:pt>
                <c:pt idx="5070">
                  <c:v>0</c:v>
                </c:pt>
                <c:pt idx="5071">
                  <c:v>0</c:v>
                </c:pt>
                <c:pt idx="5072">
                  <c:v>0</c:v>
                </c:pt>
                <c:pt idx="5073">
                  <c:v>0</c:v>
                </c:pt>
                <c:pt idx="5074">
                  <c:v>0</c:v>
                </c:pt>
                <c:pt idx="5075">
                  <c:v>0</c:v>
                </c:pt>
                <c:pt idx="5076">
                  <c:v>0</c:v>
                </c:pt>
                <c:pt idx="5077">
                  <c:v>0</c:v>
                </c:pt>
                <c:pt idx="5078">
                  <c:v>0</c:v>
                </c:pt>
                <c:pt idx="5079">
                  <c:v>0</c:v>
                </c:pt>
                <c:pt idx="5080">
                  <c:v>0</c:v>
                </c:pt>
                <c:pt idx="5081">
                  <c:v>0</c:v>
                </c:pt>
                <c:pt idx="5082">
                  <c:v>0</c:v>
                </c:pt>
                <c:pt idx="5083">
                  <c:v>0</c:v>
                </c:pt>
                <c:pt idx="5084">
                  <c:v>0</c:v>
                </c:pt>
                <c:pt idx="5085">
                  <c:v>0</c:v>
                </c:pt>
                <c:pt idx="5086">
                  <c:v>0</c:v>
                </c:pt>
                <c:pt idx="5087">
                  <c:v>0</c:v>
                </c:pt>
                <c:pt idx="5088">
                  <c:v>0</c:v>
                </c:pt>
                <c:pt idx="5089">
                  <c:v>0</c:v>
                </c:pt>
                <c:pt idx="5090">
                  <c:v>0</c:v>
                </c:pt>
                <c:pt idx="5091">
                  <c:v>0</c:v>
                </c:pt>
                <c:pt idx="5092">
                  <c:v>0</c:v>
                </c:pt>
                <c:pt idx="5093">
                  <c:v>0</c:v>
                </c:pt>
                <c:pt idx="5094">
                  <c:v>0</c:v>
                </c:pt>
                <c:pt idx="5095">
                  <c:v>0</c:v>
                </c:pt>
                <c:pt idx="5096">
                  <c:v>0</c:v>
                </c:pt>
                <c:pt idx="5097">
                  <c:v>0</c:v>
                </c:pt>
                <c:pt idx="5098">
                  <c:v>0</c:v>
                </c:pt>
                <c:pt idx="5099">
                  <c:v>0</c:v>
                </c:pt>
                <c:pt idx="5100">
                  <c:v>0</c:v>
                </c:pt>
                <c:pt idx="5101">
                  <c:v>0</c:v>
                </c:pt>
                <c:pt idx="5102">
                  <c:v>0</c:v>
                </c:pt>
                <c:pt idx="5103">
                  <c:v>0</c:v>
                </c:pt>
                <c:pt idx="5104">
                  <c:v>0</c:v>
                </c:pt>
                <c:pt idx="5105">
                  <c:v>0</c:v>
                </c:pt>
                <c:pt idx="5106">
                  <c:v>0</c:v>
                </c:pt>
                <c:pt idx="5107">
                  <c:v>0</c:v>
                </c:pt>
                <c:pt idx="5108">
                  <c:v>0</c:v>
                </c:pt>
                <c:pt idx="5109">
                  <c:v>0</c:v>
                </c:pt>
                <c:pt idx="5110">
                  <c:v>0</c:v>
                </c:pt>
                <c:pt idx="5111">
                  <c:v>0</c:v>
                </c:pt>
                <c:pt idx="5112">
                  <c:v>0</c:v>
                </c:pt>
                <c:pt idx="5113">
                  <c:v>0</c:v>
                </c:pt>
                <c:pt idx="5114">
                  <c:v>0</c:v>
                </c:pt>
                <c:pt idx="5115">
                  <c:v>0</c:v>
                </c:pt>
                <c:pt idx="5116">
                  <c:v>0</c:v>
                </c:pt>
                <c:pt idx="5117">
                  <c:v>0</c:v>
                </c:pt>
                <c:pt idx="5118">
                  <c:v>0</c:v>
                </c:pt>
                <c:pt idx="5119">
                  <c:v>0</c:v>
                </c:pt>
                <c:pt idx="5120">
                  <c:v>0</c:v>
                </c:pt>
                <c:pt idx="5121">
                  <c:v>0</c:v>
                </c:pt>
                <c:pt idx="5122">
                  <c:v>0</c:v>
                </c:pt>
                <c:pt idx="5123">
                  <c:v>0</c:v>
                </c:pt>
                <c:pt idx="5124">
                  <c:v>0</c:v>
                </c:pt>
                <c:pt idx="5125">
                  <c:v>0</c:v>
                </c:pt>
                <c:pt idx="5126">
                  <c:v>0</c:v>
                </c:pt>
                <c:pt idx="5127">
                  <c:v>0</c:v>
                </c:pt>
                <c:pt idx="5128">
                  <c:v>0</c:v>
                </c:pt>
                <c:pt idx="5129">
                  <c:v>0</c:v>
                </c:pt>
                <c:pt idx="5130">
                  <c:v>0</c:v>
                </c:pt>
                <c:pt idx="5131">
                  <c:v>0</c:v>
                </c:pt>
                <c:pt idx="5132">
                  <c:v>0</c:v>
                </c:pt>
                <c:pt idx="5133">
                  <c:v>0</c:v>
                </c:pt>
                <c:pt idx="5134">
                  <c:v>0</c:v>
                </c:pt>
                <c:pt idx="5135">
                  <c:v>0</c:v>
                </c:pt>
                <c:pt idx="5136">
                  <c:v>0</c:v>
                </c:pt>
                <c:pt idx="5137">
                  <c:v>0</c:v>
                </c:pt>
                <c:pt idx="5138">
                  <c:v>0</c:v>
                </c:pt>
                <c:pt idx="5139">
                  <c:v>0</c:v>
                </c:pt>
                <c:pt idx="5140">
                  <c:v>0</c:v>
                </c:pt>
                <c:pt idx="5141">
                  <c:v>0</c:v>
                </c:pt>
                <c:pt idx="5142">
                  <c:v>0</c:v>
                </c:pt>
                <c:pt idx="5143">
                  <c:v>0</c:v>
                </c:pt>
                <c:pt idx="5144">
                  <c:v>0</c:v>
                </c:pt>
                <c:pt idx="5145">
                  <c:v>0</c:v>
                </c:pt>
                <c:pt idx="5146">
                  <c:v>0</c:v>
                </c:pt>
                <c:pt idx="5147">
                  <c:v>0</c:v>
                </c:pt>
                <c:pt idx="5148">
                  <c:v>0</c:v>
                </c:pt>
                <c:pt idx="5149">
                  <c:v>0</c:v>
                </c:pt>
                <c:pt idx="5150">
                  <c:v>0</c:v>
                </c:pt>
                <c:pt idx="5151">
                  <c:v>0</c:v>
                </c:pt>
                <c:pt idx="5152">
                  <c:v>0</c:v>
                </c:pt>
                <c:pt idx="5153">
                  <c:v>0</c:v>
                </c:pt>
                <c:pt idx="5154">
                  <c:v>0</c:v>
                </c:pt>
                <c:pt idx="5155">
                  <c:v>0</c:v>
                </c:pt>
                <c:pt idx="5156">
                  <c:v>0</c:v>
                </c:pt>
                <c:pt idx="5157">
                  <c:v>0</c:v>
                </c:pt>
                <c:pt idx="5158">
                  <c:v>0</c:v>
                </c:pt>
                <c:pt idx="5159">
                  <c:v>0</c:v>
                </c:pt>
                <c:pt idx="5160">
                  <c:v>0</c:v>
                </c:pt>
                <c:pt idx="5161">
                  <c:v>0</c:v>
                </c:pt>
                <c:pt idx="5162">
                  <c:v>0</c:v>
                </c:pt>
                <c:pt idx="5163">
                  <c:v>0</c:v>
                </c:pt>
                <c:pt idx="5164">
                  <c:v>0</c:v>
                </c:pt>
                <c:pt idx="5165">
                  <c:v>0</c:v>
                </c:pt>
                <c:pt idx="5166">
                  <c:v>0</c:v>
                </c:pt>
                <c:pt idx="5167">
                  <c:v>0</c:v>
                </c:pt>
                <c:pt idx="5168">
                  <c:v>0</c:v>
                </c:pt>
                <c:pt idx="5169">
                  <c:v>0</c:v>
                </c:pt>
                <c:pt idx="5170">
                  <c:v>0</c:v>
                </c:pt>
                <c:pt idx="5171">
                  <c:v>0</c:v>
                </c:pt>
                <c:pt idx="5172">
                  <c:v>0</c:v>
                </c:pt>
                <c:pt idx="5173">
                  <c:v>0</c:v>
                </c:pt>
                <c:pt idx="5174">
                  <c:v>0</c:v>
                </c:pt>
                <c:pt idx="5175">
                  <c:v>0</c:v>
                </c:pt>
                <c:pt idx="5176">
                  <c:v>0</c:v>
                </c:pt>
                <c:pt idx="5177">
                  <c:v>0</c:v>
                </c:pt>
                <c:pt idx="5178">
                  <c:v>0</c:v>
                </c:pt>
                <c:pt idx="5179">
                  <c:v>0</c:v>
                </c:pt>
                <c:pt idx="5180">
                  <c:v>0</c:v>
                </c:pt>
                <c:pt idx="5181">
                  <c:v>0</c:v>
                </c:pt>
                <c:pt idx="5182">
                  <c:v>0</c:v>
                </c:pt>
                <c:pt idx="5183">
                  <c:v>0</c:v>
                </c:pt>
                <c:pt idx="5184">
                  <c:v>0</c:v>
                </c:pt>
                <c:pt idx="5185">
                  <c:v>0</c:v>
                </c:pt>
                <c:pt idx="5186">
                  <c:v>0</c:v>
                </c:pt>
                <c:pt idx="5187">
                  <c:v>0</c:v>
                </c:pt>
                <c:pt idx="5188">
                  <c:v>0</c:v>
                </c:pt>
                <c:pt idx="5189">
                  <c:v>0</c:v>
                </c:pt>
                <c:pt idx="5190">
                  <c:v>0</c:v>
                </c:pt>
                <c:pt idx="5191">
                  <c:v>0</c:v>
                </c:pt>
                <c:pt idx="5192">
                  <c:v>0</c:v>
                </c:pt>
                <c:pt idx="5193">
                  <c:v>0</c:v>
                </c:pt>
                <c:pt idx="5194">
                  <c:v>0</c:v>
                </c:pt>
                <c:pt idx="5195">
                  <c:v>0</c:v>
                </c:pt>
                <c:pt idx="5196">
                  <c:v>0</c:v>
                </c:pt>
                <c:pt idx="5197">
                  <c:v>0</c:v>
                </c:pt>
                <c:pt idx="5198">
                  <c:v>0</c:v>
                </c:pt>
                <c:pt idx="5199">
                  <c:v>0</c:v>
                </c:pt>
                <c:pt idx="5200">
                  <c:v>0</c:v>
                </c:pt>
                <c:pt idx="5201">
                  <c:v>0</c:v>
                </c:pt>
                <c:pt idx="5202">
                  <c:v>0</c:v>
                </c:pt>
                <c:pt idx="5203">
                  <c:v>0</c:v>
                </c:pt>
                <c:pt idx="5204">
                  <c:v>0</c:v>
                </c:pt>
                <c:pt idx="5205">
                  <c:v>0</c:v>
                </c:pt>
                <c:pt idx="5206">
                  <c:v>0</c:v>
                </c:pt>
                <c:pt idx="5207">
                  <c:v>0</c:v>
                </c:pt>
                <c:pt idx="5208">
                  <c:v>0</c:v>
                </c:pt>
                <c:pt idx="5209">
                  <c:v>0</c:v>
                </c:pt>
                <c:pt idx="5210">
                  <c:v>0</c:v>
                </c:pt>
                <c:pt idx="5211">
                  <c:v>0</c:v>
                </c:pt>
                <c:pt idx="5212">
                  <c:v>0</c:v>
                </c:pt>
                <c:pt idx="5213">
                  <c:v>0</c:v>
                </c:pt>
                <c:pt idx="5214">
                  <c:v>0</c:v>
                </c:pt>
                <c:pt idx="5215">
                  <c:v>0</c:v>
                </c:pt>
                <c:pt idx="5216">
                  <c:v>0</c:v>
                </c:pt>
                <c:pt idx="5217">
                  <c:v>0</c:v>
                </c:pt>
                <c:pt idx="5218">
                  <c:v>0</c:v>
                </c:pt>
                <c:pt idx="5219">
                  <c:v>0</c:v>
                </c:pt>
                <c:pt idx="5220">
                  <c:v>0</c:v>
                </c:pt>
                <c:pt idx="5221">
                  <c:v>0</c:v>
                </c:pt>
                <c:pt idx="5222">
                  <c:v>0</c:v>
                </c:pt>
                <c:pt idx="5223">
                  <c:v>0</c:v>
                </c:pt>
                <c:pt idx="5224">
                  <c:v>0</c:v>
                </c:pt>
                <c:pt idx="5225">
                  <c:v>0</c:v>
                </c:pt>
                <c:pt idx="5226">
                  <c:v>0</c:v>
                </c:pt>
                <c:pt idx="5227">
                  <c:v>0</c:v>
                </c:pt>
                <c:pt idx="5228">
                  <c:v>0</c:v>
                </c:pt>
                <c:pt idx="5229">
                  <c:v>0</c:v>
                </c:pt>
                <c:pt idx="5230">
                  <c:v>0</c:v>
                </c:pt>
                <c:pt idx="5231">
                  <c:v>0</c:v>
                </c:pt>
                <c:pt idx="5232">
                  <c:v>0</c:v>
                </c:pt>
                <c:pt idx="5233">
                  <c:v>0</c:v>
                </c:pt>
                <c:pt idx="5234">
                  <c:v>0</c:v>
                </c:pt>
                <c:pt idx="5235">
                  <c:v>0</c:v>
                </c:pt>
                <c:pt idx="5236">
                  <c:v>0</c:v>
                </c:pt>
                <c:pt idx="5237">
                  <c:v>0</c:v>
                </c:pt>
                <c:pt idx="5238">
                  <c:v>0</c:v>
                </c:pt>
                <c:pt idx="5239">
                  <c:v>0</c:v>
                </c:pt>
                <c:pt idx="5240">
                  <c:v>0</c:v>
                </c:pt>
                <c:pt idx="5241">
                  <c:v>0</c:v>
                </c:pt>
                <c:pt idx="5242">
                  <c:v>0</c:v>
                </c:pt>
                <c:pt idx="5243">
                  <c:v>0</c:v>
                </c:pt>
                <c:pt idx="5244">
                  <c:v>0</c:v>
                </c:pt>
                <c:pt idx="5245">
                  <c:v>0</c:v>
                </c:pt>
                <c:pt idx="5246">
                  <c:v>0</c:v>
                </c:pt>
                <c:pt idx="5247">
                  <c:v>0</c:v>
                </c:pt>
                <c:pt idx="5248">
                  <c:v>0</c:v>
                </c:pt>
                <c:pt idx="5249">
                  <c:v>0</c:v>
                </c:pt>
                <c:pt idx="5250">
                  <c:v>0</c:v>
                </c:pt>
                <c:pt idx="5251">
                  <c:v>0</c:v>
                </c:pt>
                <c:pt idx="5252">
                  <c:v>0</c:v>
                </c:pt>
                <c:pt idx="5253">
                  <c:v>0</c:v>
                </c:pt>
                <c:pt idx="5254">
                  <c:v>0</c:v>
                </c:pt>
                <c:pt idx="5255">
                  <c:v>0</c:v>
                </c:pt>
                <c:pt idx="5256">
                  <c:v>0</c:v>
                </c:pt>
                <c:pt idx="5257">
                  <c:v>0</c:v>
                </c:pt>
                <c:pt idx="5258">
                  <c:v>0</c:v>
                </c:pt>
                <c:pt idx="5259">
                  <c:v>0</c:v>
                </c:pt>
                <c:pt idx="5260">
                  <c:v>0</c:v>
                </c:pt>
                <c:pt idx="5261">
                  <c:v>0</c:v>
                </c:pt>
                <c:pt idx="5262">
                  <c:v>0</c:v>
                </c:pt>
                <c:pt idx="5263">
                  <c:v>0</c:v>
                </c:pt>
                <c:pt idx="5264">
                  <c:v>0</c:v>
                </c:pt>
                <c:pt idx="5265">
                  <c:v>0</c:v>
                </c:pt>
                <c:pt idx="5266">
                  <c:v>0</c:v>
                </c:pt>
                <c:pt idx="5267">
                  <c:v>0</c:v>
                </c:pt>
                <c:pt idx="5268">
                  <c:v>0</c:v>
                </c:pt>
                <c:pt idx="5269">
                  <c:v>0</c:v>
                </c:pt>
                <c:pt idx="5270">
                  <c:v>0</c:v>
                </c:pt>
                <c:pt idx="5271">
                  <c:v>0</c:v>
                </c:pt>
                <c:pt idx="5272">
                  <c:v>0</c:v>
                </c:pt>
                <c:pt idx="5273">
                  <c:v>0</c:v>
                </c:pt>
                <c:pt idx="5274">
                  <c:v>0</c:v>
                </c:pt>
                <c:pt idx="5275">
                  <c:v>0</c:v>
                </c:pt>
                <c:pt idx="5276">
                  <c:v>0</c:v>
                </c:pt>
                <c:pt idx="5277">
                  <c:v>0</c:v>
                </c:pt>
                <c:pt idx="5278">
                  <c:v>0</c:v>
                </c:pt>
                <c:pt idx="5279">
                  <c:v>0</c:v>
                </c:pt>
                <c:pt idx="5280">
                  <c:v>0</c:v>
                </c:pt>
                <c:pt idx="5281">
                  <c:v>0</c:v>
                </c:pt>
                <c:pt idx="5282">
                  <c:v>0</c:v>
                </c:pt>
                <c:pt idx="5283">
                  <c:v>0</c:v>
                </c:pt>
                <c:pt idx="5284">
                  <c:v>0</c:v>
                </c:pt>
                <c:pt idx="5285">
                  <c:v>0</c:v>
                </c:pt>
                <c:pt idx="5286">
                  <c:v>0</c:v>
                </c:pt>
                <c:pt idx="5287">
                  <c:v>0</c:v>
                </c:pt>
                <c:pt idx="5288">
                  <c:v>0</c:v>
                </c:pt>
                <c:pt idx="5289">
                  <c:v>0</c:v>
                </c:pt>
                <c:pt idx="5290">
                  <c:v>0</c:v>
                </c:pt>
                <c:pt idx="5291">
                  <c:v>0</c:v>
                </c:pt>
                <c:pt idx="5292">
                  <c:v>0</c:v>
                </c:pt>
                <c:pt idx="5293">
                  <c:v>0</c:v>
                </c:pt>
                <c:pt idx="5294">
                  <c:v>0</c:v>
                </c:pt>
                <c:pt idx="5295">
                  <c:v>0</c:v>
                </c:pt>
                <c:pt idx="5296">
                  <c:v>0</c:v>
                </c:pt>
                <c:pt idx="5297">
                  <c:v>0</c:v>
                </c:pt>
                <c:pt idx="5298">
                  <c:v>0</c:v>
                </c:pt>
                <c:pt idx="5299">
                  <c:v>0</c:v>
                </c:pt>
                <c:pt idx="5300">
                  <c:v>0</c:v>
                </c:pt>
                <c:pt idx="5301">
                  <c:v>0</c:v>
                </c:pt>
                <c:pt idx="5302">
                  <c:v>0</c:v>
                </c:pt>
                <c:pt idx="5303">
                  <c:v>0</c:v>
                </c:pt>
                <c:pt idx="5304">
                  <c:v>0</c:v>
                </c:pt>
                <c:pt idx="5305">
                  <c:v>0</c:v>
                </c:pt>
                <c:pt idx="5306">
                  <c:v>0</c:v>
                </c:pt>
                <c:pt idx="5307">
                  <c:v>0</c:v>
                </c:pt>
                <c:pt idx="5308">
                  <c:v>0</c:v>
                </c:pt>
                <c:pt idx="5309">
                  <c:v>0</c:v>
                </c:pt>
                <c:pt idx="5310">
                  <c:v>0</c:v>
                </c:pt>
                <c:pt idx="5311">
                  <c:v>0</c:v>
                </c:pt>
                <c:pt idx="5312">
                  <c:v>0</c:v>
                </c:pt>
                <c:pt idx="5313">
                  <c:v>0</c:v>
                </c:pt>
                <c:pt idx="5314">
                  <c:v>0</c:v>
                </c:pt>
                <c:pt idx="5315">
                  <c:v>0</c:v>
                </c:pt>
                <c:pt idx="5316">
                  <c:v>0</c:v>
                </c:pt>
                <c:pt idx="5317">
                  <c:v>0</c:v>
                </c:pt>
                <c:pt idx="5318">
                  <c:v>0</c:v>
                </c:pt>
                <c:pt idx="5319">
                  <c:v>0</c:v>
                </c:pt>
                <c:pt idx="5320">
                  <c:v>0</c:v>
                </c:pt>
                <c:pt idx="5321">
                  <c:v>0</c:v>
                </c:pt>
                <c:pt idx="5322">
                  <c:v>0</c:v>
                </c:pt>
                <c:pt idx="5323">
                  <c:v>0</c:v>
                </c:pt>
                <c:pt idx="5324">
                  <c:v>0</c:v>
                </c:pt>
                <c:pt idx="5325">
                  <c:v>0</c:v>
                </c:pt>
                <c:pt idx="5326">
                  <c:v>0</c:v>
                </c:pt>
                <c:pt idx="5327">
                  <c:v>0</c:v>
                </c:pt>
                <c:pt idx="5328">
                  <c:v>0</c:v>
                </c:pt>
                <c:pt idx="5329">
                  <c:v>0</c:v>
                </c:pt>
                <c:pt idx="5330">
                  <c:v>0</c:v>
                </c:pt>
                <c:pt idx="5331">
                  <c:v>0</c:v>
                </c:pt>
                <c:pt idx="5332">
                  <c:v>0</c:v>
                </c:pt>
                <c:pt idx="5333">
                  <c:v>0</c:v>
                </c:pt>
                <c:pt idx="5334">
                  <c:v>0</c:v>
                </c:pt>
                <c:pt idx="5335">
                  <c:v>0</c:v>
                </c:pt>
                <c:pt idx="5336">
                  <c:v>0</c:v>
                </c:pt>
                <c:pt idx="5337">
                  <c:v>0</c:v>
                </c:pt>
                <c:pt idx="5338">
                  <c:v>0</c:v>
                </c:pt>
                <c:pt idx="5339">
                  <c:v>0</c:v>
                </c:pt>
                <c:pt idx="5340">
                  <c:v>0</c:v>
                </c:pt>
                <c:pt idx="5341">
                  <c:v>0</c:v>
                </c:pt>
                <c:pt idx="5342">
                  <c:v>0</c:v>
                </c:pt>
                <c:pt idx="5343">
                  <c:v>0</c:v>
                </c:pt>
                <c:pt idx="5344">
                  <c:v>0</c:v>
                </c:pt>
                <c:pt idx="5345">
                  <c:v>0</c:v>
                </c:pt>
                <c:pt idx="5346">
                  <c:v>0</c:v>
                </c:pt>
                <c:pt idx="5347">
                  <c:v>0</c:v>
                </c:pt>
                <c:pt idx="5348">
                  <c:v>0</c:v>
                </c:pt>
                <c:pt idx="5349">
                  <c:v>0</c:v>
                </c:pt>
                <c:pt idx="5350">
                  <c:v>0</c:v>
                </c:pt>
                <c:pt idx="5351">
                  <c:v>0</c:v>
                </c:pt>
                <c:pt idx="5352">
                  <c:v>0</c:v>
                </c:pt>
                <c:pt idx="5353">
                  <c:v>0</c:v>
                </c:pt>
                <c:pt idx="5354">
                  <c:v>0</c:v>
                </c:pt>
                <c:pt idx="5355">
                  <c:v>0</c:v>
                </c:pt>
                <c:pt idx="5356">
                  <c:v>0</c:v>
                </c:pt>
                <c:pt idx="5357">
                  <c:v>0</c:v>
                </c:pt>
                <c:pt idx="5358">
                  <c:v>0</c:v>
                </c:pt>
                <c:pt idx="5359">
                  <c:v>0</c:v>
                </c:pt>
                <c:pt idx="5360">
                  <c:v>0</c:v>
                </c:pt>
                <c:pt idx="5361">
                  <c:v>0</c:v>
                </c:pt>
                <c:pt idx="5362">
                  <c:v>0</c:v>
                </c:pt>
                <c:pt idx="5363">
                  <c:v>0</c:v>
                </c:pt>
                <c:pt idx="5364">
                  <c:v>0</c:v>
                </c:pt>
                <c:pt idx="5365">
                  <c:v>0</c:v>
                </c:pt>
                <c:pt idx="5366">
                  <c:v>0</c:v>
                </c:pt>
                <c:pt idx="5367">
                  <c:v>0</c:v>
                </c:pt>
                <c:pt idx="5368">
                  <c:v>0</c:v>
                </c:pt>
                <c:pt idx="5369">
                  <c:v>0</c:v>
                </c:pt>
                <c:pt idx="5370">
                  <c:v>0</c:v>
                </c:pt>
                <c:pt idx="5371">
                  <c:v>0</c:v>
                </c:pt>
                <c:pt idx="5372">
                  <c:v>0</c:v>
                </c:pt>
                <c:pt idx="5373">
                  <c:v>0</c:v>
                </c:pt>
                <c:pt idx="5374">
                  <c:v>0</c:v>
                </c:pt>
                <c:pt idx="5375">
                  <c:v>0</c:v>
                </c:pt>
                <c:pt idx="5376">
                  <c:v>0</c:v>
                </c:pt>
                <c:pt idx="5377">
                  <c:v>0</c:v>
                </c:pt>
                <c:pt idx="5378">
                  <c:v>0</c:v>
                </c:pt>
                <c:pt idx="5379">
                  <c:v>0</c:v>
                </c:pt>
                <c:pt idx="5380">
                  <c:v>0</c:v>
                </c:pt>
                <c:pt idx="5381">
                  <c:v>0</c:v>
                </c:pt>
                <c:pt idx="5382">
                  <c:v>0</c:v>
                </c:pt>
                <c:pt idx="5383">
                  <c:v>0</c:v>
                </c:pt>
                <c:pt idx="5384">
                  <c:v>0</c:v>
                </c:pt>
                <c:pt idx="5385">
                  <c:v>0</c:v>
                </c:pt>
                <c:pt idx="5386">
                  <c:v>0</c:v>
                </c:pt>
                <c:pt idx="5387">
                  <c:v>0</c:v>
                </c:pt>
                <c:pt idx="5388">
                  <c:v>0</c:v>
                </c:pt>
                <c:pt idx="5389">
                  <c:v>0</c:v>
                </c:pt>
                <c:pt idx="5390">
                  <c:v>0</c:v>
                </c:pt>
                <c:pt idx="5391">
                  <c:v>0</c:v>
                </c:pt>
                <c:pt idx="5392">
                  <c:v>0</c:v>
                </c:pt>
                <c:pt idx="5393">
                  <c:v>0</c:v>
                </c:pt>
                <c:pt idx="5394">
                  <c:v>0</c:v>
                </c:pt>
                <c:pt idx="5395">
                  <c:v>0</c:v>
                </c:pt>
                <c:pt idx="5396">
                  <c:v>0</c:v>
                </c:pt>
                <c:pt idx="5397">
                  <c:v>0</c:v>
                </c:pt>
                <c:pt idx="5398">
                  <c:v>0</c:v>
                </c:pt>
                <c:pt idx="5399">
                  <c:v>0</c:v>
                </c:pt>
                <c:pt idx="5400">
                  <c:v>0</c:v>
                </c:pt>
                <c:pt idx="5401">
                  <c:v>0</c:v>
                </c:pt>
                <c:pt idx="5402">
                  <c:v>0</c:v>
                </c:pt>
                <c:pt idx="5403">
                  <c:v>0</c:v>
                </c:pt>
                <c:pt idx="5404">
                  <c:v>0</c:v>
                </c:pt>
                <c:pt idx="5405">
                  <c:v>0</c:v>
                </c:pt>
                <c:pt idx="5406">
                  <c:v>0</c:v>
                </c:pt>
                <c:pt idx="5407">
                  <c:v>0</c:v>
                </c:pt>
                <c:pt idx="5408">
                  <c:v>0</c:v>
                </c:pt>
                <c:pt idx="5409">
                  <c:v>0</c:v>
                </c:pt>
                <c:pt idx="5410">
                  <c:v>0</c:v>
                </c:pt>
                <c:pt idx="5411">
                  <c:v>0</c:v>
                </c:pt>
                <c:pt idx="5412">
                  <c:v>0</c:v>
                </c:pt>
                <c:pt idx="5413">
                  <c:v>0</c:v>
                </c:pt>
                <c:pt idx="5414">
                  <c:v>0</c:v>
                </c:pt>
                <c:pt idx="5415">
                  <c:v>0</c:v>
                </c:pt>
                <c:pt idx="5416">
                  <c:v>0</c:v>
                </c:pt>
                <c:pt idx="5417">
                  <c:v>0</c:v>
                </c:pt>
                <c:pt idx="5418">
                  <c:v>0</c:v>
                </c:pt>
                <c:pt idx="5419">
                  <c:v>0</c:v>
                </c:pt>
                <c:pt idx="5420">
                  <c:v>0</c:v>
                </c:pt>
                <c:pt idx="5421">
                  <c:v>0</c:v>
                </c:pt>
                <c:pt idx="5422">
                  <c:v>0</c:v>
                </c:pt>
                <c:pt idx="5423">
                  <c:v>0</c:v>
                </c:pt>
                <c:pt idx="5424">
                  <c:v>0</c:v>
                </c:pt>
                <c:pt idx="5425">
                  <c:v>0</c:v>
                </c:pt>
                <c:pt idx="5426">
                  <c:v>0</c:v>
                </c:pt>
                <c:pt idx="5427">
                  <c:v>0</c:v>
                </c:pt>
                <c:pt idx="5428">
                  <c:v>0</c:v>
                </c:pt>
                <c:pt idx="5429">
                  <c:v>0</c:v>
                </c:pt>
                <c:pt idx="5430">
                  <c:v>0</c:v>
                </c:pt>
                <c:pt idx="5431">
                  <c:v>0</c:v>
                </c:pt>
                <c:pt idx="5432">
                  <c:v>0</c:v>
                </c:pt>
                <c:pt idx="5433">
                  <c:v>0</c:v>
                </c:pt>
                <c:pt idx="5434">
                  <c:v>0</c:v>
                </c:pt>
                <c:pt idx="5435">
                  <c:v>0</c:v>
                </c:pt>
                <c:pt idx="5436">
                  <c:v>0</c:v>
                </c:pt>
                <c:pt idx="5437">
                  <c:v>0</c:v>
                </c:pt>
                <c:pt idx="5438">
                  <c:v>0</c:v>
                </c:pt>
                <c:pt idx="5439">
                  <c:v>0</c:v>
                </c:pt>
                <c:pt idx="5440">
                  <c:v>0</c:v>
                </c:pt>
                <c:pt idx="5441">
                  <c:v>0</c:v>
                </c:pt>
                <c:pt idx="5442">
                  <c:v>0</c:v>
                </c:pt>
                <c:pt idx="5443">
                  <c:v>0</c:v>
                </c:pt>
                <c:pt idx="5444">
                  <c:v>0</c:v>
                </c:pt>
                <c:pt idx="5445">
                  <c:v>0</c:v>
                </c:pt>
                <c:pt idx="5446">
                  <c:v>0</c:v>
                </c:pt>
                <c:pt idx="5447">
                  <c:v>0</c:v>
                </c:pt>
                <c:pt idx="5448">
                  <c:v>0</c:v>
                </c:pt>
                <c:pt idx="5449">
                  <c:v>0</c:v>
                </c:pt>
                <c:pt idx="5450">
                  <c:v>0</c:v>
                </c:pt>
                <c:pt idx="5451">
                  <c:v>0</c:v>
                </c:pt>
                <c:pt idx="5452">
                  <c:v>0</c:v>
                </c:pt>
                <c:pt idx="5453">
                  <c:v>0</c:v>
                </c:pt>
                <c:pt idx="5454">
                  <c:v>0</c:v>
                </c:pt>
                <c:pt idx="5455">
                  <c:v>0</c:v>
                </c:pt>
                <c:pt idx="5456">
                  <c:v>0</c:v>
                </c:pt>
                <c:pt idx="5457">
                  <c:v>0</c:v>
                </c:pt>
                <c:pt idx="5458">
                  <c:v>0</c:v>
                </c:pt>
                <c:pt idx="5459">
                  <c:v>0</c:v>
                </c:pt>
                <c:pt idx="5460">
                  <c:v>0</c:v>
                </c:pt>
                <c:pt idx="5461">
                  <c:v>0</c:v>
                </c:pt>
                <c:pt idx="5462">
                  <c:v>0</c:v>
                </c:pt>
                <c:pt idx="5463">
                  <c:v>0</c:v>
                </c:pt>
                <c:pt idx="5464">
                  <c:v>0</c:v>
                </c:pt>
                <c:pt idx="5465">
                  <c:v>0</c:v>
                </c:pt>
                <c:pt idx="5466">
                  <c:v>0</c:v>
                </c:pt>
                <c:pt idx="5467">
                  <c:v>0</c:v>
                </c:pt>
                <c:pt idx="5468">
                  <c:v>0</c:v>
                </c:pt>
                <c:pt idx="5469">
                  <c:v>0</c:v>
                </c:pt>
                <c:pt idx="5470">
                  <c:v>0</c:v>
                </c:pt>
                <c:pt idx="5471">
                  <c:v>0</c:v>
                </c:pt>
                <c:pt idx="5472">
                  <c:v>0</c:v>
                </c:pt>
                <c:pt idx="5473">
                  <c:v>0</c:v>
                </c:pt>
                <c:pt idx="5474">
                  <c:v>0</c:v>
                </c:pt>
                <c:pt idx="5475">
                  <c:v>0</c:v>
                </c:pt>
                <c:pt idx="5476">
                  <c:v>0</c:v>
                </c:pt>
                <c:pt idx="5477">
                  <c:v>0</c:v>
                </c:pt>
                <c:pt idx="5478">
                  <c:v>0</c:v>
                </c:pt>
                <c:pt idx="5479">
                  <c:v>0</c:v>
                </c:pt>
                <c:pt idx="5480">
                  <c:v>0</c:v>
                </c:pt>
                <c:pt idx="5481">
                  <c:v>0</c:v>
                </c:pt>
                <c:pt idx="5482">
                  <c:v>0</c:v>
                </c:pt>
                <c:pt idx="5483">
                  <c:v>0</c:v>
                </c:pt>
                <c:pt idx="5484">
                  <c:v>0</c:v>
                </c:pt>
                <c:pt idx="5485">
                  <c:v>0</c:v>
                </c:pt>
                <c:pt idx="5486">
                  <c:v>0</c:v>
                </c:pt>
                <c:pt idx="5487">
                  <c:v>0</c:v>
                </c:pt>
                <c:pt idx="5488">
                  <c:v>0</c:v>
                </c:pt>
                <c:pt idx="5489">
                  <c:v>0</c:v>
                </c:pt>
                <c:pt idx="5490">
                  <c:v>0</c:v>
                </c:pt>
                <c:pt idx="5491">
                  <c:v>0</c:v>
                </c:pt>
                <c:pt idx="5492">
                  <c:v>0</c:v>
                </c:pt>
                <c:pt idx="5493">
                  <c:v>0</c:v>
                </c:pt>
                <c:pt idx="5494">
                  <c:v>0</c:v>
                </c:pt>
                <c:pt idx="5495">
                  <c:v>0</c:v>
                </c:pt>
                <c:pt idx="5496">
                  <c:v>0</c:v>
                </c:pt>
                <c:pt idx="5497">
                  <c:v>0</c:v>
                </c:pt>
                <c:pt idx="5498">
                  <c:v>0</c:v>
                </c:pt>
                <c:pt idx="5499">
                  <c:v>0</c:v>
                </c:pt>
                <c:pt idx="5500">
                  <c:v>0</c:v>
                </c:pt>
                <c:pt idx="5501">
                  <c:v>0</c:v>
                </c:pt>
                <c:pt idx="5502">
                  <c:v>0</c:v>
                </c:pt>
                <c:pt idx="5503">
                  <c:v>0</c:v>
                </c:pt>
                <c:pt idx="5504">
                  <c:v>0</c:v>
                </c:pt>
                <c:pt idx="5505">
                  <c:v>0</c:v>
                </c:pt>
                <c:pt idx="5506">
                  <c:v>0</c:v>
                </c:pt>
                <c:pt idx="5507">
                  <c:v>0</c:v>
                </c:pt>
                <c:pt idx="5508">
                  <c:v>0</c:v>
                </c:pt>
                <c:pt idx="5509">
                  <c:v>0</c:v>
                </c:pt>
                <c:pt idx="5510">
                  <c:v>0</c:v>
                </c:pt>
                <c:pt idx="5511">
                  <c:v>0</c:v>
                </c:pt>
                <c:pt idx="5512">
                  <c:v>0</c:v>
                </c:pt>
                <c:pt idx="5513">
                  <c:v>0</c:v>
                </c:pt>
                <c:pt idx="5514">
                  <c:v>0</c:v>
                </c:pt>
                <c:pt idx="5515">
                  <c:v>0</c:v>
                </c:pt>
                <c:pt idx="5516">
                  <c:v>0</c:v>
                </c:pt>
                <c:pt idx="5517">
                  <c:v>0</c:v>
                </c:pt>
                <c:pt idx="5518">
                  <c:v>0</c:v>
                </c:pt>
                <c:pt idx="5519">
                  <c:v>0</c:v>
                </c:pt>
                <c:pt idx="5520">
                  <c:v>0</c:v>
                </c:pt>
                <c:pt idx="5521">
                  <c:v>0</c:v>
                </c:pt>
                <c:pt idx="5522">
                  <c:v>0</c:v>
                </c:pt>
                <c:pt idx="5523">
                  <c:v>0</c:v>
                </c:pt>
                <c:pt idx="5524">
                  <c:v>0</c:v>
                </c:pt>
                <c:pt idx="5525">
                  <c:v>0</c:v>
                </c:pt>
                <c:pt idx="5526">
                  <c:v>0</c:v>
                </c:pt>
                <c:pt idx="5527">
                  <c:v>0</c:v>
                </c:pt>
                <c:pt idx="5528">
                  <c:v>0</c:v>
                </c:pt>
                <c:pt idx="5529">
                  <c:v>0</c:v>
                </c:pt>
                <c:pt idx="5530">
                  <c:v>0</c:v>
                </c:pt>
                <c:pt idx="5531">
                  <c:v>0</c:v>
                </c:pt>
                <c:pt idx="5532">
                  <c:v>0</c:v>
                </c:pt>
                <c:pt idx="5533">
                  <c:v>0</c:v>
                </c:pt>
                <c:pt idx="5534">
                  <c:v>0</c:v>
                </c:pt>
                <c:pt idx="5535">
                  <c:v>0</c:v>
                </c:pt>
                <c:pt idx="5536">
                  <c:v>0</c:v>
                </c:pt>
                <c:pt idx="5537">
                  <c:v>0</c:v>
                </c:pt>
                <c:pt idx="5538">
                  <c:v>0</c:v>
                </c:pt>
                <c:pt idx="5539">
                  <c:v>0</c:v>
                </c:pt>
                <c:pt idx="5540">
                  <c:v>0</c:v>
                </c:pt>
                <c:pt idx="5541">
                  <c:v>0</c:v>
                </c:pt>
                <c:pt idx="5542">
                  <c:v>0</c:v>
                </c:pt>
                <c:pt idx="5543">
                  <c:v>0</c:v>
                </c:pt>
                <c:pt idx="5544">
                  <c:v>0</c:v>
                </c:pt>
                <c:pt idx="5545">
                  <c:v>0</c:v>
                </c:pt>
                <c:pt idx="5546">
                  <c:v>0</c:v>
                </c:pt>
                <c:pt idx="5547">
                  <c:v>0</c:v>
                </c:pt>
                <c:pt idx="5548">
                  <c:v>0</c:v>
                </c:pt>
                <c:pt idx="5549">
                  <c:v>0</c:v>
                </c:pt>
                <c:pt idx="5550">
                  <c:v>0</c:v>
                </c:pt>
                <c:pt idx="5551">
                  <c:v>0</c:v>
                </c:pt>
                <c:pt idx="5552">
                  <c:v>0</c:v>
                </c:pt>
                <c:pt idx="5553">
                  <c:v>0</c:v>
                </c:pt>
                <c:pt idx="5554">
                  <c:v>0</c:v>
                </c:pt>
                <c:pt idx="5555">
                  <c:v>0</c:v>
                </c:pt>
                <c:pt idx="5556">
                  <c:v>0</c:v>
                </c:pt>
                <c:pt idx="5557">
                  <c:v>0</c:v>
                </c:pt>
                <c:pt idx="5558">
                  <c:v>0</c:v>
                </c:pt>
                <c:pt idx="5559">
                  <c:v>0</c:v>
                </c:pt>
                <c:pt idx="5560">
                  <c:v>0</c:v>
                </c:pt>
                <c:pt idx="5561">
                  <c:v>0</c:v>
                </c:pt>
                <c:pt idx="5562">
                  <c:v>0</c:v>
                </c:pt>
                <c:pt idx="5563">
                  <c:v>0</c:v>
                </c:pt>
                <c:pt idx="5564">
                  <c:v>0</c:v>
                </c:pt>
                <c:pt idx="5565">
                  <c:v>0</c:v>
                </c:pt>
                <c:pt idx="5566">
                  <c:v>0</c:v>
                </c:pt>
                <c:pt idx="5567">
                  <c:v>0</c:v>
                </c:pt>
                <c:pt idx="5568">
                  <c:v>0</c:v>
                </c:pt>
                <c:pt idx="5569">
                  <c:v>0</c:v>
                </c:pt>
                <c:pt idx="5570">
                  <c:v>0</c:v>
                </c:pt>
                <c:pt idx="5571">
                  <c:v>0</c:v>
                </c:pt>
                <c:pt idx="5572">
                  <c:v>0</c:v>
                </c:pt>
                <c:pt idx="5573">
                  <c:v>0</c:v>
                </c:pt>
                <c:pt idx="5574">
                  <c:v>0</c:v>
                </c:pt>
                <c:pt idx="5575">
                  <c:v>0</c:v>
                </c:pt>
                <c:pt idx="5576">
                  <c:v>0</c:v>
                </c:pt>
                <c:pt idx="5577">
                  <c:v>0</c:v>
                </c:pt>
                <c:pt idx="5578">
                  <c:v>0</c:v>
                </c:pt>
                <c:pt idx="5579">
                  <c:v>0</c:v>
                </c:pt>
                <c:pt idx="5580">
                  <c:v>0</c:v>
                </c:pt>
                <c:pt idx="5581">
                  <c:v>0</c:v>
                </c:pt>
                <c:pt idx="5582">
                  <c:v>0</c:v>
                </c:pt>
                <c:pt idx="5583">
                  <c:v>0</c:v>
                </c:pt>
                <c:pt idx="5584">
                  <c:v>0</c:v>
                </c:pt>
                <c:pt idx="5585">
                  <c:v>0</c:v>
                </c:pt>
                <c:pt idx="5586">
                  <c:v>0</c:v>
                </c:pt>
                <c:pt idx="5587">
                  <c:v>0</c:v>
                </c:pt>
                <c:pt idx="5588">
                  <c:v>0</c:v>
                </c:pt>
                <c:pt idx="5589">
                  <c:v>0</c:v>
                </c:pt>
                <c:pt idx="5590">
                  <c:v>0</c:v>
                </c:pt>
                <c:pt idx="5591">
                  <c:v>0</c:v>
                </c:pt>
                <c:pt idx="5592">
                  <c:v>0</c:v>
                </c:pt>
                <c:pt idx="5593">
                  <c:v>0</c:v>
                </c:pt>
                <c:pt idx="5594">
                  <c:v>0</c:v>
                </c:pt>
                <c:pt idx="5595">
                  <c:v>0</c:v>
                </c:pt>
                <c:pt idx="5596">
                  <c:v>0</c:v>
                </c:pt>
                <c:pt idx="5597">
                  <c:v>0</c:v>
                </c:pt>
                <c:pt idx="5598">
                  <c:v>0</c:v>
                </c:pt>
                <c:pt idx="5599">
                  <c:v>0</c:v>
                </c:pt>
                <c:pt idx="5600">
                  <c:v>0</c:v>
                </c:pt>
                <c:pt idx="5601">
                  <c:v>0</c:v>
                </c:pt>
                <c:pt idx="5602">
                  <c:v>0</c:v>
                </c:pt>
                <c:pt idx="5603">
                  <c:v>0</c:v>
                </c:pt>
                <c:pt idx="5604">
                  <c:v>0</c:v>
                </c:pt>
                <c:pt idx="5605">
                  <c:v>0</c:v>
                </c:pt>
                <c:pt idx="5606">
                  <c:v>0</c:v>
                </c:pt>
                <c:pt idx="5607">
                  <c:v>0</c:v>
                </c:pt>
                <c:pt idx="5608">
                  <c:v>0</c:v>
                </c:pt>
                <c:pt idx="5609">
                  <c:v>0</c:v>
                </c:pt>
                <c:pt idx="5610">
                  <c:v>0</c:v>
                </c:pt>
                <c:pt idx="5611">
                  <c:v>0</c:v>
                </c:pt>
                <c:pt idx="5612">
                  <c:v>0</c:v>
                </c:pt>
                <c:pt idx="5613">
                  <c:v>0</c:v>
                </c:pt>
                <c:pt idx="5614">
                  <c:v>0</c:v>
                </c:pt>
                <c:pt idx="5615">
                  <c:v>0</c:v>
                </c:pt>
                <c:pt idx="5616">
                  <c:v>0</c:v>
                </c:pt>
                <c:pt idx="5617">
                  <c:v>0</c:v>
                </c:pt>
                <c:pt idx="5618">
                  <c:v>0</c:v>
                </c:pt>
                <c:pt idx="5619">
                  <c:v>0</c:v>
                </c:pt>
                <c:pt idx="5620">
                  <c:v>0</c:v>
                </c:pt>
                <c:pt idx="5621">
                  <c:v>0</c:v>
                </c:pt>
                <c:pt idx="5622">
                  <c:v>0</c:v>
                </c:pt>
                <c:pt idx="5623">
                  <c:v>0</c:v>
                </c:pt>
                <c:pt idx="5624">
                  <c:v>0</c:v>
                </c:pt>
                <c:pt idx="5625">
                  <c:v>0</c:v>
                </c:pt>
                <c:pt idx="5626">
                  <c:v>0</c:v>
                </c:pt>
                <c:pt idx="5627">
                  <c:v>0</c:v>
                </c:pt>
                <c:pt idx="5628">
                  <c:v>0</c:v>
                </c:pt>
                <c:pt idx="5629">
                  <c:v>0</c:v>
                </c:pt>
                <c:pt idx="5630">
                  <c:v>0</c:v>
                </c:pt>
                <c:pt idx="5631">
                  <c:v>0</c:v>
                </c:pt>
                <c:pt idx="5632">
                  <c:v>0</c:v>
                </c:pt>
                <c:pt idx="5633">
                  <c:v>0</c:v>
                </c:pt>
                <c:pt idx="5634">
                  <c:v>0</c:v>
                </c:pt>
                <c:pt idx="5635">
                  <c:v>0</c:v>
                </c:pt>
                <c:pt idx="5636">
                  <c:v>0</c:v>
                </c:pt>
                <c:pt idx="5637">
                  <c:v>0</c:v>
                </c:pt>
                <c:pt idx="5638">
                  <c:v>0</c:v>
                </c:pt>
                <c:pt idx="5639">
                  <c:v>0</c:v>
                </c:pt>
                <c:pt idx="5640">
                  <c:v>0</c:v>
                </c:pt>
                <c:pt idx="5641">
                  <c:v>0</c:v>
                </c:pt>
                <c:pt idx="5642">
                  <c:v>0</c:v>
                </c:pt>
                <c:pt idx="5643">
                  <c:v>0</c:v>
                </c:pt>
                <c:pt idx="5644">
                  <c:v>0</c:v>
                </c:pt>
                <c:pt idx="5645">
                  <c:v>0</c:v>
                </c:pt>
                <c:pt idx="5646">
                  <c:v>0</c:v>
                </c:pt>
                <c:pt idx="5647">
                  <c:v>0</c:v>
                </c:pt>
                <c:pt idx="5648">
                  <c:v>0</c:v>
                </c:pt>
                <c:pt idx="5649">
                  <c:v>0</c:v>
                </c:pt>
                <c:pt idx="5650">
                  <c:v>0</c:v>
                </c:pt>
                <c:pt idx="5651">
                  <c:v>0</c:v>
                </c:pt>
                <c:pt idx="5652">
                  <c:v>0</c:v>
                </c:pt>
                <c:pt idx="5653">
                  <c:v>0</c:v>
                </c:pt>
                <c:pt idx="5654">
                  <c:v>0</c:v>
                </c:pt>
                <c:pt idx="5655">
                  <c:v>0</c:v>
                </c:pt>
                <c:pt idx="5656">
                  <c:v>0</c:v>
                </c:pt>
                <c:pt idx="5657">
                  <c:v>0</c:v>
                </c:pt>
                <c:pt idx="5658">
                  <c:v>0</c:v>
                </c:pt>
                <c:pt idx="5659">
                  <c:v>0</c:v>
                </c:pt>
                <c:pt idx="5660">
                  <c:v>0</c:v>
                </c:pt>
                <c:pt idx="5661">
                  <c:v>0</c:v>
                </c:pt>
                <c:pt idx="5662">
                  <c:v>0</c:v>
                </c:pt>
                <c:pt idx="5663">
                  <c:v>0</c:v>
                </c:pt>
                <c:pt idx="5664">
                  <c:v>0</c:v>
                </c:pt>
                <c:pt idx="5665">
                  <c:v>0</c:v>
                </c:pt>
                <c:pt idx="5666">
                  <c:v>0</c:v>
                </c:pt>
                <c:pt idx="5667">
                  <c:v>0</c:v>
                </c:pt>
                <c:pt idx="5668">
                  <c:v>0</c:v>
                </c:pt>
                <c:pt idx="5669">
                  <c:v>0</c:v>
                </c:pt>
                <c:pt idx="5670">
                  <c:v>0</c:v>
                </c:pt>
                <c:pt idx="5671">
                  <c:v>0</c:v>
                </c:pt>
                <c:pt idx="5672">
                  <c:v>0</c:v>
                </c:pt>
                <c:pt idx="5673">
                  <c:v>0</c:v>
                </c:pt>
                <c:pt idx="5674">
                  <c:v>0</c:v>
                </c:pt>
                <c:pt idx="5675">
                  <c:v>0</c:v>
                </c:pt>
                <c:pt idx="5676">
                  <c:v>0</c:v>
                </c:pt>
                <c:pt idx="5677">
                  <c:v>0</c:v>
                </c:pt>
                <c:pt idx="5678">
                  <c:v>0</c:v>
                </c:pt>
                <c:pt idx="5679">
                  <c:v>0</c:v>
                </c:pt>
                <c:pt idx="5680">
                  <c:v>0</c:v>
                </c:pt>
                <c:pt idx="5681">
                  <c:v>0</c:v>
                </c:pt>
                <c:pt idx="5682">
                  <c:v>0</c:v>
                </c:pt>
                <c:pt idx="5683">
                  <c:v>0</c:v>
                </c:pt>
                <c:pt idx="5684">
                  <c:v>0</c:v>
                </c:pt>
                <c:pt idx="5685">
                  <c:v>0</c:v>
                </c:pt>
                <c:pt idx="5686">
                  <c:v>0</c:v>
                </c:pt>
                <c:pt idx="5687">
                  <c:v>0</c:v>
                </c:pt>
                <c:pt idx="5688">
                  <c:v>0</c:v>
                </c:pt>
                <c:pt idx="5689">
                  <c:v>0</c:v>
                </c:pt>
                <c:pt idx="5690">
                  <c:v>0</c:v>
                </c:pt>
                <c:pt idx="5691">
                  <c:v>0</c:v>
                </c:pt>
                <c:pt idx="5692">
                  <c:v>0</c:v>
                </c:pt>
                <c:pt idx="5693">
                  <c:v>0</c:v>
                </c:pt>
                <c:pt idx="5694">
                  <c:v>0</c:v>
                </c:pt>
                <c:pt idx="5695">
                  <c:v>0</c:v>
                </c:pt>
                <c:pt idx="5696">
                  <c:v>0</c:v>
                </c:pt>
                <c:pt idx="5697">
                  <c:v>0</c:v>
                </c:pt>
                <c:pt idx="5698">
                  <c:v>0</c:v>
                </c:pt>
                <c:pt idx="5699">
                  <c:v>0</c:v>
                </c:pt>
                <c:pt idx="5700">
                  <c:v>0</c:v>
                </c:pt>
                <c:pt idx="5701">
                  <c:v>0</c:v>
                </c:pt>
                <c:pt idx="5702">
                  <c:v>0</c:v>
                </c:pt>
                <c:pt idx="5703">
                  <c:v>0</c:v>
                </c:pt>
                <c:pt idx="5704">
                  <c:v>0</c:v>
                </c:pt>
                <c:pt idx="5705">
                  <c:v>0</c:v>
                </c:pt>
                <c:pt idx="5706">
                  <c:v>0</c:v>
                </c:pt>
                <c:pt idx="5707">
                  <c:v>0</c:v>
                </c:pt>
                <c:pt idx="5708">
                  <c:v>0</c:v>
                </c:pt>
                <c:pt idx="5709">
                  <c:v>0</c:v>
                </c:pt>
                <c:pt idx="5710">
                  <c:v>0</c:v>
                </c:pt>
                <c:pt idx="5711">
                  <c:v>0</c:v>
                </c:pt>
                <c:pt idx="5712">
                  <c:v>0</c:v>
                </c:pt>
                <c:pt idx="5713">
                  <c:v>0</c:v>
                </c:pt>
                <c:pt idx="5714">
                  <c:v>0</c:v>
                </c:pt>
                <c:pt idx="5715">
                  <c:v>0</c:v>
                </c:pt>
                <c:pt idx="5716">
                  <c:v>0</c:v>
                </c:pt>
                <c:pt idx="5717">
                  <c:v>0</c:v>
                </c:pt>
                <c:pt idx="5718">
                  <c:v>0</c:v>
                </c:pt>
                <c:pt idx="5719">
                  <c:v>0</c:v>
                </c:pt>
                <c:pt idx="5720">
                  <c:v>0</c:v>
                </c:pt>
                <c:pt idx="5721">
                  <c:v>0</c:v>
                </c:pt>
                <c:pt idx="5722">
                  <c:v>0</c:v>
                </c:pt>
                <c:pt idx="5723">
                  <c:v>0</c:v>
                </c:pt>
                <c:pt idx="5724">
                  <c:v>0</c:v>
                </c:pt>
                <c:pt idx="5725">
                  <c:v>0</c:v>
                </c:pt>
                <c:pt idx="5726">
                  <c:v>0</c:v>
                </c:pt>
                <c:pt idx="5727">
                  <c:v>0</c:v>
                </c:pt>
                <c:pt idx="5728">
                  <c:v>0</c:v>
                </c:pt>
                <c:pt idx="5729">
                  <c:v>0</c:v>
                </c:pt>
                <c:pt idx="5730">
                  <c:v>0</c:v>
                </c:pt>
                <c:pt idx="5731">
                  <c:v>0</c:v>
                </c:pt>
                <c:pt idx="5732">
                  <c:v>0</c:v>
                </c:pt>
                <c:pt idx="5733">
                  <c:v>0</c:v>
                </c:pt>
                <c:pt idx="5734">
                  <c:v>0</c:v>
                </c:pt>
                <c:pt idx="5735">
                  <c:v>0</c:v>
                </c:pt>
                <c:pt idx="5736">
                  <c:v>0</c:v>
                </c:pt>
                <c:pt idx="5737">
                  <c:v>0</c:v>
                </c:pt>
                <c:pt idx="5738">
                  <c:v>0</c:v>
                </c:pt>
                <c:pt idx="5739">
                  <c:v>0</c:v>
                </c:pt>
                <c:pt idx="5740">
                  <c:v>0</c:v>
                </c:pt>
                <c:pt idx="5741">
                  <c:v>0</c:v>
                </c:pt>
                <c:pt idx="5742">
                  <c:v>0</c:v>
                </c:pt>
                <c:pt idx="5743">
                  <c:v>0</c:v>
                </c:pt>
                <c:pt idx="5744">
                  <c:v>0</c:v>
                </c:pt>
                <c:pt idx="5745">
                  <c:v>0</c:v>
                </c:pt>
                <c:pt idx="5746">
                  <c:v>0</c:v>
                </c:pt>
                <c:pt idx="5747">
                  <c:v>0</c:v>
                </c:pt>
                <c:pt idx="5748">
                  <c:v>0</c:v>
                </c:pt>
                <c:pt idx="5749">
                  <c:v>0</c:v>
                </c:pt>
                <c:pt idx="5750">
                  <c:v>0</c:v>
                </c:pt>
                <c:pt idx="5751">
                  <c:v>0</c:v>
                </c:pt>
                <c:pt idx="5752">
                  <c:v>0</c:v>
                </c:pt>
                <c:pt idx="5753">
                  <c:v>0</c:v>
                </c:pt>
                <c:pt idx="5754">
                  <c:v>0</c:v>
                </c:pt>
                <c:pt idx="5755">
                  <c:v>0</c:v>
                </c:pt>
                <c:pt idx="5756">
                  <c:v>0</c:v>
                </c:pt>
                <c:pt idx="5757">
                  <c:v>0</c:v>
                </c:pt>
                <c:pt idx="5758">
                  <c:v>0</c:v>
                </c:pt>
                <c:pt idx="5759">
                  <c:v>0</c:v>
                </c:pt>
                <c:pt idx="5760">
                  <c:v>0</c:v>
                </c:pt>
                <c:pt idx="5761">
                  <c:v>0</c:v>
                </c:pt>
                <c:pt idx="5762">
                  <c:v>0</c:v>
                </c:pt>
                <c:pt idx="5763">
                  <c:v>0</c:v>
                </c:pt>
                <c:pt idx="5764">
                  <c:v>0</c:v>
                </c:pt>
                <c:pt idx="5765">
                  <c:v>0</c:v>
                </c:pt>
                <c:pt idx="5766">
                  <c:v>0</c:v>
                </c:pt>
                <c:pt idx="5767">
                  <c:v>0</c:v>
                </c:pt>
                <c:pt idx="5768">
                  <c:v>0</c:v>
                </c:pt>
                <c:pt idx="5769">
                  <c:v>0</c:v>
                </c:pt>
                <c:pt idx="5770">
                  <c:v>0</c:v>
                </c:pt>
                <c:pt idx="5771">
                  <c:v>0</c:v>
                </c:pt>
                <c:pt idx="5772">
                  <c:v>0</c:v>
                </c:pt>
                <c:pt idx="5773">
                  <c:v>0</c:v>
                </c:pt>
                <c:pt idx="5774">
                  <c:v>0</c:v>
                </c:pt>
                <c:pt idx="5775">
                  <c:v>0</c:v>
                </c:pt>
                <c:pt idx="5776">
                  <c:v>0</c:v>
                </c:pt>
                <c:pt idx="5777">
                  <c:v>0</c:v>
                </c:pt>
                <c:pt idx="5778">
                  <c:v>0</c:v>
                </c:pt>
                <c:pt idx="5779">
                  <c:v>0</c:v>
                </c:pt>
                <c:pt idx="5780">
                  <c:v>0</c:v>
                </c:pt>
                <c:pt idx="5781">
                  <c:v>0</c:v>
                </c:pt>
                <c:pt idx="5782">
                  <c:v>0</c:v>
                </c:pt>
                <c:pt idx="5783">
                  <c:v>0</c:v>
                </c:pt>
                <c:pt idx="5784">
                  <c:v>0</c:v>
                </c:pt>
                <c:pt idx="5785">
                  <c:v>0</c:v>
                </c:pt>
                <c:pt idx="5786">
                  <c:v>0</c:v>
                </c:pt>
                <c:pt idx="5787">
                  <c:v>0</c:v>
                </c:pt>
                <c:pt idx="5788">
                  <c:v>0</c:v>
                </c:pt>
                <c:pt idx="5789">
                  <c:v>0</c:v>
                </c:pt>
                <c:pt idx="5790">
                  <c:v>0</c:v>
                </c:pt>
                <c:pt idx="5791">
                  <c:v>0</c:v>
                </c:pt>
                <c:pt idx="5792">
                  <c:v>0</c:v>
                </c:pt>
                <c:pt idx="5793">
                  <c:v>0</c:v>
                </c:pt>
                <c:pt idx="5794">
                  <c:v>0</c:v>
                </c:pt>
                <c:pt idx="5795">
                  <c:v>0</c:v>
                </c:pt>
                <c:pt idx="5796">
                  <c:v>0</c:v>
                </c:pt>
                <c:pt idx="5797">
                  <c:v>0</c:v>
                </c:pt>
                <c:pt idx="5798">
                  <c:v>0</c:v>
                </c:pt>
                <c:pt idx="5799">
                  <c:v>0</c:v>
                </c:pt>
                <c:pt idx="5800">
                  <c:v>0</c:v>
                </c:pt>
                <c:pt idx="5801">
                  <c:v>0</c:v>
                </c:pt>
                <c:pt idx="5802">
                  <c:v>0</c:v>
                </c:pt>
                <c:pt idx="5803">
                  <c:v>0</c:v>
                </c:pt>
                <c:pt idx="5804">
                  <c:v>0</c:v>
                </c:pt>
                <c:pt idx="5805">
                  <c:v>0</c:v>
                </c:pt>
                <c:pt idx="5806">
                  <c:v>0</c:v>
                </c:pt>
                <c:pt idx="5807">
                  <c:v>0</c:v>
                </c:pt>
                <c:pt idx="5808">
                  <c:v>0</c:v>
                </c:pt>
                <c:pt idx="5809">
                  <c:v>0</c:v>
                </c:pt>
                <c:pt idx="5810">
                  <c:v>0</c:v>
                </c:pt>
                <c:pt idx="5811">
                  <c:v>0</c:v>
                </c:pt>
                <c:pt idx="5812">
                  <c:v>0</c:v>
                </c:pt>
                <c:pt idx="5813">
                  <c:v>0</c:v>
                </c:pt>
                <c:pt idx="5814">
                  <c:v>0</c:v>
                </c:pt>
                <c:pt idx="5815">
                  <c:v>0</c:v>
                </c:pt>
                <c:pt idx="5816">
                  <c:v>0</c:v>
                </c:pt>
                <c:pt idx="5817">
                  <c:v>0</c:v>
                </c:pt>
                <c:pt idx="5818">
                  <c:v>0</c:v>
                </c:pt>
                <c:pt idx="5819">
                  <c:v>0</c:v>
                </c:pt>
                <c:pt idx="5820">
                  <c:v>0</c:v>
                </c:pt>
                <c:pt idx="5821">
                  <c:v>0</c:v>
                </c:pt>
                <c:pt idx="5822">
                  <c:v>0</c:v>
                </c:pt>
                <c:pt idx="5823">
                  <c:v>0</c:v>
                </c:pt>
                <c:pt idx="5824">
                  <c:v>0</c:v>
                </c:pt>
                <c:pt idx="5825">
                  <c:v>0</c:v>
                </c:pt>
                <c:pt idx="5826">
                  <c:v>0</c:v>
                </c:pt>
                <c:pt idx="5827">
                  <c:v>0</c:v>
                </c:pt>
                <c:pt idx="5828">
                  <c:v>0</c:v>
                </c:pt>
                <c:pt idx="5829">
                  <c:v>0</c:v>
                </c:pt>
                <c:pt idx="5830">
                  <c:v>0</c:v>
                </c:pt>
                <c:pt idx="5831">
                  <c:v>0</c:v>
                </c:pt>
                <c:pt idx="5832">
                  <c:v>0</c:v>
                </c:pt>
                <c:pt idx="5833">
                  <c:v>0</c:v>
                </c:pt>
                <c:pt idx="5834">
                  <c:v>0</c:v>
                </c:pt>
                <c:pt idx="5835">
                  <c:v>0</c:v>
                </c:pt>
                <c:pt idx="5836">
                  <c:v>0</c:v>
                </c:pt>
                <c:pt idx="5837">
                  <c:v>0</c:v>
                </c:pt>
                <c:pt idx="5838">
                  <c:v>0</c:v>
                </c:pt>
                <c:pt idx="5839">
                  <c:v>0</c:v>
                </c:pt>
                <c:pt idx="5840">
                  <c:v>0</c:v>
                </c:pt>
                <c:pt idx="5841">
                  <c:v>0</c:v>
                </c:pt>
                <c:pt idx="5842">
                  <c:v>0</c:v>
                </c:pt>
                <c:pt idx="5843">
                  <c:v>0</c:v>
                </c:pt>
                <c:pt idx="5844">
                  <c:v>0</c:v>
                </c:pt>
                <c:pt idx="5845">
                  <c:v>0</c:v>
                </c:pt>
                <c:pt idx="5846">
                  <c:v>0</c:v>
                </c:pt>
                <c:pt idx="5847">
                  <c:v>0</c:v>
                </c:pt>
                <c:pt idx="5848">
                  <c:v>0</c:v>
                </c:pt>
                <c:pt idx="5849">
                  <c:v>0</c:v>
                </c:pt>
                <c:pt idx="5850">
                  <c:v>0</c:v>
                </c:pt>
                <c:pt idx="5851">
                  <c:v>0</c:v>
                </c:pt>
                <c:pt idx="5852">
                  <c:v>0</c:v>
                </c:pt>
                <c:pt idx="5853">
                  <c:v>0</c:v>
                </c:pt>
                <c:pt idx="5854">
                  <c:v>0</c:v>
                </c:pt>
                <c:pt idx="5855">
                  <c:v>0</c:v>
                </c:pt>
                <c:pt idx="5856">
                  <c:v>0</c:v>
                </c:pt>
                <c:pt idx="5857">
                  <c:v>0</c:v>
                </c:pt>
                <c:pt idx="5858">
                  <c:v>0</c:v>
                </c:pt>
                <c:pt idx="5859">
                  <c:v>0</c:v>
                </c:pt>
                <c:pt idx="5860">
                  <c:v>0</c:v>
                </c:pt>
                <c:pt idx="5861">
                  <c:v>0</c:v>
                </c:pt>
                <c:pt idx="5862">
                  <c:v>0</c:v>
                </c:pt>
                <c:pt idx="5863">
                  <c:v>0</c:v>
                </c:pt>
                <c:pt idx="5864">
                  <c:v>0</c:v>
                </c:pt>
                <c:pt idx="5865">
                  <c:v>0</c:v>
                </c:pt>
                <c:pt idx="5866">
                  <c:v>0</c:v>
                </c:pt>
                <c:pt idx="5867">
                  <c:v>0</c:v>
                </c:pt>
                <c:pt idx="5868">
                  <c:v>0</c:v>
                </c:pt>
                <c:pt idx="5869">
                  <c:v>0</c:v>
                </c:pt>
                <c:pt idx="5870">
                  <c:v>0</c:v>
                </c:pt>
                <c:pt idx="5871">
                  <c:v>0</c:v>
                </c:pt>
                <c:pt idx="5872">
                  <c:v>0</c:v>
                </c:pt>
                <c:pt idx="5873">
                  <c:v>0</c:v>
                </c:pt>
                <c:pt idx="5874">
                  <c:v>0</c:v>
                </c:pt>
                <c:pt idx="5875">
                  <c:v>0</c:v>
                </c:pt>
                <c:pt idx="5876">
                  <c:v>0</c:v>
                </c:pt>
                <c:pt idx="5877">
                  <c:v>0</c:v>
                </c:pt>
                <c:pt idx="5878">
                  <c:v>0</c:v>
                </c:pt>
                <c:pt idx="5879">
                  <c:v>0</c:v>
                </c:pt>
                <c:pt idx="5880">
                  <c:v>0</c:v>
                </c:pt>
                <c:pt idx="5881">
                  <c:v>0</c:v>
                </c:pt>
                <c:pt idx="5882">
                  <c:v>0</c:v>
                </c:pt>
                <c:pt idx="5883">
                  <c:v>0</c:v>
                </c:pt>
                <c:pt idx="5884">
                  <c:v>0</c:v>
                </c:pt>
                <c:pt idx="5885">
                  <c:v>0</c:v>
                </c:pt>
                <c:pt idx="5886">
                  <c:v>0</c:v>
                </c:pt>
                <c:pt idx="5887">
                  <c:v>0</c:v>
                </c:pt>
                <c:pt idx="5888">
                  <c:v>0</c:v>
                </c:pt>
                <c:pt idx="5889">
                  <c:v>0</c:v>
                </c:pt>
                <c:pt idx="5890">
                  <c:v>0</c:v>
                </c:pt>
                <c:pt idx="5891">
                  <c:v>0</c:v>
                </c:pt>
                <c:pt idx="5892">
                  <c:v>0</c:v>
                </c:pt>
                <c:pt idx="5893">
                  <c:v>0</c:v>
                </c:pt>
                <c:pt idx="5894">
                  <c:v>0</c:v>
                </c:pt>
                <c:pt idx="5895">
                  <c:v>0</c:v>
                </c:pt>
                <c:pt idx="5896">
                  <c:v>0</c:v>
                </c:pt>
                <c:pt idx="5897">
                  <c:v>0</c:v>
                </c:pt>
                <c:pt idx="5898">
                  <c:v>0</c:v>
                </c:pt>
                <c:pt idx="5899">
                  <c:v>0</c:v>
                </c:pt>
                <c:pt idx="5900">
                  <c:v>0</c:v>
                </c:pt>
                <c:pt idx="5901">
                  <c:v>0</c:v>
                </c:pt>
                <c:pt idx="5902">
                  <c:v>0</c:v>
                </c:pt>
                <c:pt idx="5903">
                  <c:v>0</c:v>
                </c:pt>
                <c:pt idx="5904">
                  <c:v>0</c:v>
                </c:pt>
                <c:pt idx="5905">
                  <c:v>0</c:v>
                </c:pt>
                <c:pt idx="5906">
                  <c:v>0</c:v>
                </c:pt>
                <c:pt idx="5907">
                  <c:v>0</c:v>
                </c:pt>
                <c:pt idx="5908">
                  <c:v>0</c:v>
                </c:pt>
                <c:pt idx="5909">
                  <c:v>0</c:v>
                </c:pt>
                <c:pt idx="5910">
                  <c:v>0</c:v>
                </c:pt>
                <c:pt idx="5911">
                  <c:v>0</c:v>
                </c:pt>
                <c:pt idx="5912">
                  <c:v>0</c:v>
                </c:pt>
                <c:pt idx="5913">
                  <c:v>0</c:v>
                </c:pt>
                <c:pt idx="5914">
                  <c:v>0</c:v>
                </c:pt>
                <c:pt idx="5915">
                  <c:v>0</c:v>
                </c:pt>
                <c:pt idx="5916">
                  <c:v>0</c:v>
                </c:pt>
                <c:pt idx="5917">
                  <c:v>0</c:v>
                </c:pt>
                <c:pt idx="5918">
                  <c:v>0</c:v>
                </c:pt>
                <c:pt idx="5919">
                  <c:v>0</c:v>
                </c:pt>
                <c:pt idx="5920">
                  <c:v>0</c:v>
                </c:pt>
                <c:pt idx="5921">
                  <c:v>0</c:v>
                </c:pt>
                <c:pt idx="5922">
                  <c:v>0</c:v>
                </c:pt>
                <c:pt idx="5923">
                  <c:v>0</c:v>
                </c:pt>
                <c:pt idx="5924">
                  <c:v>0</c:v>
                </c:pt>
                <c:pt idx="5925">
                  <c:v>0</c:v>
                </c:pt>
                <c:pt idx="5926">
                  <c:v>0</c:v>
                </c:pt>
                <c:pt idx="5927">
                  <c:v>0</c:v>
                </c:pt>
                <c:pt idx="5928">
                  <c:v>0</c:v>
                </c:pt>
                <c:pt idx="5929">
                  <c:v>0</c:v>
                </c:pt>
                <c:pt idx="5930">
                  <c:v>0</c:v>
                </c:pt>
                <c:pt idx="5931">
                  <c:v>0</c:v>
                </c:pt>
                <c:pt idx="5932">
                  <c:v>0</c:v>
                </c:pt>
                <c:pt idx="5933">
                  <c:v>0</c:v>
                </c:pt>
                <c:pt idx="5934">
                  <c:v>0</c:v>
                </c:pt>
                <c:pt idx="5935">
                  <c:v>0</c:v>
                </c:pt>
                <c:pt idx="5936">
                  <c:v>0</c:v>
                </c:pt>
                <c:pt idx="5937">
                  <c:v>0</c:v>
                </c:pt>
                <c:pt idx="5938">
                  <c:v>0</c:v>
                </c:pt>
                <c:pt idx="5939">
                  <c:v>0</c:v>
                </c:pt>
                <c:pt idx="5940">
                  <c:v>0</c:v>
                </c:pt>
                <c:pt idx="5941">
                  <c:v>0</c:v>
                </c:pt>
                <c:pt idx="5942">
                  <c:v>0</c:v>
                </c:pt>
                <c:pt idx="5943">
                  <c:v>0</c:v>
                </c:pt>
                <c:pt idx="5944">
                  <c:v>0</c:v>
                </c:pt>
                <c:pt idx="5945">
                  <c:v>0</c:v>
                </c:pt>
                <c:pt idx="5946">
                  <c:v>0</c:v>
                </c:pt>
                <c:pt idx="5947">
                  <c:v>0</c:v>
                </c:pt>
                <c:pt idx="5948">
                  <c:v>0</c:v>
                </c:pt>
                <c:pt idx="5949">
                  <c:v>0</c:v>
                </c:pt>
                <c:pt idx="5950">
                  <c:v>0</c:v>
                </c:pt>
                <c:pt idx="5951">
                  <c:v>0</c:v>
                </c:pt>
                <c:pt idx="5952">
                  <c:v>0</c:v>
                </c:pt>
                <c:pt idx="5953">
                  <c:v>0</c:v>
                </c:pt>
                <c:pt idx="5954">
                  <c:v>0</c:v>
                </c:pt>
                <c:pt idx="5955">
                  <c:v>0</c:v>
                </c:pt>
                <c:pt idx="5956">
                  <c:v>0</c:v>
                </c:pt>
                <c:pt idx="5957">
                  <c:v>0</c:v>
                </c:pt>
                <c:pt idx="5958">
                  <c:v>0</c:v>
                </c:pt>
                <c:pt idx="5959">
                  <c:v>0</c:v>
                </c:pt>
                <c:pt idx="5960">
                  <c:v>0</c:v>
                </c:pt>
                <c:pt idx="5961">
                  <c:v>0</c:v>
                </c:pt>
                <c:pt idx="5962">
                  <c:v>0</c:v>
                </c:pt>
                <c:pt idx="5963">
                  <c:v>0</c:v>
                </c:pt>
                <c:pt idx="5964">
                  <c:v>0</c:v>
                </c:pt>
                <c:pt idx="5965">
                  <c:v>0</c:v>
                </c:pt>
                <c:pt idx="5966">
                  <c:v>0</c:v>
                </c:pt>
                <c:pt idx="5967">
                  <c:v>0</c:v>
                </c:pt>
                <c:pt idx="5968">
                  <c:v>0</c:v>
                </c:pt>
                <c:pt idx="5969">
                  <c:v>0</c:v>
                </c:pt>
                <c:pt idx="5970">
                  <c:v>0</c:v>
                </c:pt>
                <c:pt idx="5971">
                  <c:v>0</c:v>
                </c:pt>
                <c:pt idx="5972">
                  <c:v>0</c:v>
                </c:pt>
                <c:pt idx="5973">
                  <c:v>0</c:v>
                </c:pt>
                <c:pt idx="5974">
                  <c:v>0</c:v>
                </c:pt>
                <c:pt idx="5975">
                  <c:v>0</c:v>
                </c:pt>
                <c:pt idx="5976">
                  <c:v>0</c:v>
                </c:pt>
                <c:pt idx="5977">
                  <c:v>0</c:v>
                </c:pt>
                <c:pt idx="5978">
                  <c:v>0</c:v>
                </c:pt>
                <c:pt idx="5979">
                  <c:v>0</c:v>
                </c:pt>
                <c:pt idx="5980">
                  <c:v>0</c:v>
                </c:pt>
                <c:pt idx="5981">
                  <c:v>0</c:v>
                </c:pt>
                <c:pt idx="5982">
                  <c:v>0</c:v>
                </c:pt>
                <c:pt idx="5983">
                  <c:v>0</c:v>
                </c:pt>
                <c:pt idx="5984">
                  <c:v>0</c:v>
                </c:pt>
                <c:pt idx="5985">
                  <c:v>0</c:v>
                </c:pt>
                <c:pt idx="5986">
                  <c:v>0</c:v>
                </c:pt>
                <c:pt idx="5987">
                  <c:v>0</c:v>
                </c:pt>
                <c:pt idx="5988">
                  <c:v>0</c:v>
                </c:pt>
                <c:pt idx="5989">
                  <c:v>0</c:v>
                </c:pt>
                <c:pt idx="5990">
                  <c:v>0</c:v>
                </c:pt>
                <c:pt idx="5991">
                  <c:v>0</c:v>
                </c:pt>
                <c:pt idx="5992">
                  <c:v>0</c:v>
                </c:pt>
                <c:pt idx="5993">
                  <c:v>0</c:v>
                </c:pt>
                <c:pt idx="5994">
                  <c:v>0</c:v>
                </c:pt>
                <c:pt idx="5995">
                  <c:v>0</c:v>
                </c:pt>
                <c:pt idx="5996">
                  <c:v>0</c:v>
                </c:pt>
                <c:pt idx="5997">
                  <c:v>0</c:v>
                </c:pt>
                <c:pt idx="5998">
                  <c:v>0</c:v>
                </c:pt>
                <c:pt idx="5999">
                  <c:v>0</c:v>
                </c:pt>
                <c:pt idx="6000">
                  <c:v>0</c:v>
                </c:pt>
                <c:pt idx="6001">
                  <c:v>0</c:v>
                </c:pt>
                <c:pt idx="6002">
                  <c:v>0</c:v>
                </c:pt>
                <c:pt idx="6003">
                  <c:v>0</c:v>
                </c:pt>
                <c:pt idx="6004">
                  <c:v>0</c:v>
                </c:pt>
                <c:pt idx="6005">
                  <c:v>0</c:v>
                </c:pt>
                <c:pt idx="6006">
                  <c:v>0</c:v>
                </c:pt>
                <c:pt idx="6007">
                  <c:v>0</c:v>
                </c:pt>
                <c:pt idx="6008">
                  <c:v>0</c:v>
                </c:pt>
                <c:pt idx="6009">
                  <c:v>0</c:v>
                </c:pt>
                <c:pt idx="6010">
                  <c:v>0</c:v>
                </c:pt>
                <c:pt idx="6011">
                  <c:v>0</c:v>
                </c:pt>
                <c:pt idx="6012">
                  <c:v>0</c:v>
                </c:pt>
                <c:pt idx="6013">
                  <c:v>0</c:v>
                </c:pt>
                <c:pt idx="6014">
                  <c:v>0</c:v>
                </c:pt>
                <c:pt idx="6015">
                  <c:v>0</c:v>
                </c:pt>
                <c:pt idx="6016">
                  <c:v>0</c:v>
                </c:pt>
                <c:pt idx="6017">
                  <c:v>0</c:v>
                </c:pt>
                <c:pt idx="6018">
                  <c:v>0</c:v>
                </c:pt>
                <c:pt idx="6019">
                  <c:v>0</c:v>
                </c:pt>
                <c:pt idx="6020">
                  <c:v>0</c:v>
                </c:pt>
                <c:pt idx="6021">
                  <c:v>0</c:v>
                </c:pt>
                <c:pt idx="6022">
                  <c:v>0</c:v>
                </c:pt>
                <c:pt idx="6023">
                  <c:v>0</c:v>
                </c:pt>
                <c:pt idx="6024">
                  <c:v>0</c:v>
                </c:pt>
                <c:pt idx="6025">
                  <c:v>0</c:v>
                </c:pt>
                <c:pt idx="6026">
                  <c:v>0</c:v>
                </c:pt>
                <c:pt idx="6027">
                  <c:v>0</c:v>
                </c:pt>
                <c:pt idx="6028">
                  <c:v>0</c:v>
                </c:pt>
                <c:pt idx="6029">
                  <c:v>0</c:v>
                </c:pt>
                <c:pt idx="6030">
                  <c:v>0</c:v>
                </c:pt>
                <c:pt idx="6031">
                  <c:v>0</c:v>
                </c:pt>
                <c:pt idx="6032">
                  <c:v>0</c:v>
                </c:pt>
                <c:pt idx="6033">
                  <c:v>0</c:v>
                </c:pt>
                <c:pt idx="6034">
                  <c:v>0</c:v>
                </c:pt>
                <c:pt idx="6035">
                  <c:v>0</c:v>
                </c:pt>
                <c:pt idx="6036">
                  <c:v>0</c:v>
                </c:pt>
                <c:pt idx="6037">
                  <c:v>0</c:v>
                </c:pt>
                <c:pt idx="6038">
                  <c:v>0</c:v>
                </c:pt>
                <c:pt idx="6039">
                  <c:v>0</c:v>
                </c:pt>
                <c:pt idx="6040">
                  <c:v>0</c:v>
                </c:pt>
                <c:pt idx="6041">
                  <c:v>0</c:v>
                </c:pt>
                <c:pt idx="6042">
                  <c:v>0</c:v>
                </c:pt>
                <c:pt idx="6043">
                  <c:v>0</c:v>
                </c:pt>
                <c:pt idx="6044">
                  <c:v>0</c:v>
                </c:pt>
                <c:pt idx="6045">
                  <c:v>0</c:v>
                </c:pt>
                <c:pt idx="6046">
                  <c:v>0</c:v>
                </c:pt>
                <c:pt idx="6047">
                  <c:v>0</c:v>
                </c:pt>
                <c:pt idx="6048">
                  <c:v>0</c:v>
                </c:pt>
                <c:pt idx="6049">
                  <c:v>0</c:v>
                </c:pt>
                <c:pt idx="6050">
                  <c:v>0</c:v>
                </c:pt>
                <c:pt idx="6051">
                  <c:v>0</c:v>
                </c:pt>
                <c:pt idx="6052">
                  <c:v>0</c:v>
                </c:pt>
                <c:pt idx="6053">
                  <c:v>0</c:v>
                </c:pt>
                <c:pt idx="6054">
                  <c:v>0</c:v>
                </c:pt>
                <c:pt idx="6055">
                  <c:v>0</c:v>
                </c:pt>
                <c:pt idx="6056">
                  <c:v>0</c:v>
                </c:pt>
                <c:pt idx="6057">
                  <c:v>0</c:v>
                </c:pt>
                <c:pt idx="6058">
                  <c:v>0</c:v>
                </c:pt>
                <c:pt idx="6059">
                  <c:v>0</c:v>
                </c:pt>
                <c:pt idx="6060">
                  <c:v>0</c:v>
                </c:pt>
                <c:pt idx="6061">
                  <c:v>0</c:v>
                </c:pt>
                <c:pt idx="6062">
                  <c:v>0</c:v>
                </c:pt>
                <c:pt idx="6063">
                  <c:v>0</c:v>
                </c:pt>
                <c:pt idx="6064">
                  <c:v>0</c:v>
                </c:pt>
                <c:pt idx="6065">
                  <c:v>0</c:v>
                </c:pt>
                <c:pt idx="6066">
                  <c:v>0</c:v>
                </c:pt>
                <c:pt idx="6067">
                  <c:v>0</c:v>
                </c:pt>
                <c:pt idx="6068">
                  <c:v>0</c:v>
                </c:pt>
                <c:pt idx="6069">
                  <c:v>0</c:v>
                </c:pt>
                <c:pt idx="6070">
                  <c:v>0</c:v>
                </c:pt>
                <c:pt idx="6071">
                  <c:v>0</c:v>
                </c:pt>
                <c:pt idx="6072">
                  <c:v>0</c:v>
                </c:pt>
                <c:pt idx="6073">
                  <c:v>0</c:v>
                </c:pt>
                <c:pt idx="6074">
                  <c:v>0</c:v>
                </c:pt>
                <c:pt idx="6075">
                  <c:v>0</c:v>
                </c:pt>
                <c:pt idx="6076">
                  <c:v>0</c:v>
                </c:pt>
                <c:pt idx="6077">
                  <c:v>0</c:v>
                </c:pt>
                <c:pt idx="6078">
                  <c:v>0</c:v>
                </c:pt>
                <c:pt idx="6079">
                  <c:v>0</c:v>
                </c:pt>
                <c:pt idx="6080">
                  <c:v>0</c:v>
                </c:pt>
                <c:pt idx="6081">
                  <c:v>0</c:v>
                </c:pt>
                <c:pt idx="6082">
                  <c:v>0</c:v>
                </c:pt>
                <c:pt idx="6083">
                  <c:v>0</c:v>
                </c:pt>
                <c:pt idx="6084">
                  <c:v>0</c:v>
                </c:pt>
                <c:pt idx="6085">
                  <c:v>0</c:v>
                </c:pt>
                <c:pt idx="6086">
                  <c:v>0</c:v>
                </c:pt>
                <c:pt idx="6087">
                  <c:v>0</c:v>
                </c:pt>
                <c:pt idx="6088">
                  <c:v>0</c:v>
                </c:pt>
                <c:pt idx="6089">
                  <c:v>0</c:v>
                </c:pt>
                <c:pt idx="6090">
                  <c:v>0</c:v>
                </c:pt>
                <c:pt idx="6091">
                  <c:v>0</c:v>
                </c:pt>
                <c:pt idx="6092">
                  <c:v>0</c:v>
                </c:pt>
                <c:pt idx="6093">
                  <c:v>0</c:v>
                </c:pt>
                <c:pt idx="6094">
                  <c:v>0</c:v>
                </c:pt>
                <c:pt idx="6095">
                  <c:v>0</c:v>
                </c:pt>
                <c:pt idx="6096">
                  <c:v>0</c:v>
                </c:pt>
                <c:pt idx="6097">
                  <c:v>0</c:v>
                </c:pt>
                <c:pt idx="6098">
                  <c:v>0</c:v>
                </c:pt>
                <c:pt idx="6099">
                  <c:v>0</c:v>
                </c:pt>
                <c:pt idx="6100">
                  <c:v>0</c:v>
                </c:pt>
                <c:pt idx="6101">
                  <c:v>0</c:v>
                </c:pt>
                <c:pt idx="6102">
                  <c:v>0</c:v>
                </c:pt>
                <c:pt idx="6103">
                  <c:v>0</c:v>
                </c:pt>
                <c:pt idx="6104">
                  <c:v>0</c:v>
                </c:pt>
                <c:pt idx="6105">
                  <c:v>0</c:v>
                </c:pt>
                <c:pt idx="6106">
                  <c:v>0</c:v>
                </c:pt>
                <c:pt idx="6107">
                  <c:v>0</c:v>
                </c:pt>
                <c:pt idx="6108">
                  <c:v>0</c:v>
                </c:pt>
                <c:pt idx="6109">
                  <c:v>0</c:v>
                </c:pt>
                <c:pt idx="6110">
                  <c:v>0</c:v>
                </c:pt>
                <c:pt idx="6111">
                  <c:v>0</c:v>
                </c:pt>
                <c:pt idx="6112">
                  <c:v>0</c:v>
                </c:pt>
                <c:pt idx="6113">
                  <c:v>0</c:v>
                </c:pt>
                <c:pt idx="6114">
                  <c:v>0</c:v>
                </c:pt>
                <c:pt idx="6115">
                  <c:v>0</c:v>
                </c:pt>
                <c:pt idx="6116">
                  <c:v>0</c:v>
                </c:pt>
                <c:pt idx="6117">
                  <c:v>0</c:v>
                </c:pt>
                <c:pt idx="6118">
                  <c:v>0</c:v>
                </c:pt>
                <c:pt idx="6119">
                  <c:v>0</c:v>
                </c:pt>
                <c:pt idx="6120">
                  <c:v>0</c:v>
                </c:pt>
                <c:pt idx="6121">
                  <c:v>0</c:v>
                </c:pt>
                <c:pt idx="6122">
                  <c:v>0</c:v>
                </c:pt>
                <c:pt idx="6123">
                  <c:v>0</c:v>
                </c:pt>
                <c:pt idx="6124">
                  <c:v>0</c:v>
                </c:pt>
                <c:pt idx="6125">
                  <c:v>0</c:v>
                </c:pt>
                <c:pt idx="6126">
                  <c:v>0</c:v>
                </c:pt>
                <c:pt idx="6127">
                  <c:v>0</c:v>
                </c:pt>
                <c:pt idx="6128">
                  <c:v>0</c:v>
                </c:pt>
                <c:pt idx="6129">
                  <c:v>0</c:v>
                </c:pt>
                <c:pt idx="6130">
                  <c:v>0</c:v>
                </c:pt>
                <c:pt idx="6131">
                  <c:v>0</c:v>
                </c:pt>
                <c:pt idx="6132">
                  <c:v>0</c:v>
                </c:pt>
                <c:pt idx="6133">
                  <c:v>0</c:v>
                </c:pt>
                <c:pt idx="6134">
                  <c:v>0</c:v>
                </c:pt>
                <c:pt idx="6135">
                  <c:v>0</c:v>
                </c:pt>
                <c:pt idx="6136">
                  <c:v>0</c:v>
                </c:pt>
                <c:pt idx="6137">
                  <c:v>0</c:v>
                </c:pt>
                <c:pt idx="6138">
                  <c:v>0</c:v>
                </c:pt>
                <c:pt idx="6139">
                  <c:v>0</c:v>
                </c:pt>
                <c:pt idx="6140">
                  <c:v>0</c:v>
                </c:pt>
                <c:pt idx="6141">
                  <c:v>0</c:v>
                </c:pt>
                <c:pt idx="6142">
                  <c:v>0</c:v>
                </c:pt>
                <c:pt idx="6143">
                  <c:v>0</c:v>
                </c:pt>
                <c:pt idx="6144">
                  <c:v>0</c:v>
                </c:pt>
                <c:pt idx="6145">
                  <c:v>0</c:v>
                </c:pt>
                <c:pt idx="6146">
                  <c:v>0</c:v>
                </c:pt>
                <c:pt idx="6147">
                  <c:v>0</c:v>
                </c:pt>
                <c:pt idx="6148">
                  <c:v>0</c:v>
                </c:pt>
                <c:pt idx="6149">
                  <c:v>0</c:v>
                </c:pt>
                <c:pt idx="6150">
                  <c:v>0</c:v>
                </c:pt>
                <c:pt idx="6151">
                  <c:v>0</c:v>
                </c:pt>
                <c:pt idx="6152">
                  <c:v>0</c:v>
                </c:pt>
                <c:pt idx="6153">
                  <c:v>0</c:v>
                </c:pt>
                <c:pt idx="6154">
                  <c:v>0</c:v>
                </c:pt>
                <c:pt idx="6155">
                  <c:v>0</c:v>
                </c:pt>
                <c:pt idx="6156">
                  <c:v>0</c:v>
                </c:pt>
                <c:pt idx="6157">
                  <c:v>0</c:v>
                </c:pt>
                <c:pt idx="6158">
                  <c:v>0</c:v>
                </c:pt>
                <c:pt idx="6159">
                  <c:v>0</c:v>
                </c:pt>
                <c:pt idx="6160">
                  <c:v>0</c:v>
                </c:pt>
                <c:pt idx="6161">
                  <c:v>0</c:v>
                </c:pt>
                <c:pt idx="6162">
                  <c:v>0</c:v>
                </c:pt>
                <c:pt idx="6163">
                  <c:v>0</c:v>
                </c:pt>
                <c:pt idx="6164">
                  <c:v>0</c:v>
                </c:pt>
                <c:pt idx="6165">
                  <c:v>0</c:v>
                </c:pt>
                <c:pt idx="6166">
                  <c:v>0</c:v>
                </c:pt>
                <c:pt idx="6167">
                  <c:v>0</c:v>
                </c:pt>
                <c:pt idx="6168">
                  <c:v>0</c:v>
                </c:pt>
                <c:pt idx="6169">
                  <c:v>0</c:v>
                </c:pt>
                <c:pt idx="6170">
                  <c:v>0</c:v>
                </c:pt>
                <c:pt idx="6171">
                  <c:v>0</c:v>
                </c:pt>
                <c:pt idx="6172">
                  <c:v>0</c:v>
                </c:pt>
                <c:pt idx="6173">
                  <c:v>0</c:v>
                </c:pt>
                <c:pt idx="6174">
                  <c:v>0</c:v>
                </c:pt>
                <c:pt idx="6175">
                  <c:v>0</c:v>
                </c:pt>
                <c:pt idx="6176">
                  <c:v>0</c:v>
                </c:pt>
                <c:pt idx="6177">
                  <c:v>0</c:v>
                </c:pt>
                <c:pt idx="6178">
                  <c:v>0</c:v>
                </c:pt>
                <c:pt idx="6179">
                  <c:v>0</c:v>
                </c:pt>
                <c:pt idx="6180">
                  <c:v>0</c:v>
                </c:pt>
                <c:pt idx="6181">
                  <c:v>0</c:v>
                </c:pt>
                <c:pt idx="6182">
                  <c:v>0</c:v>
                </c:pt>
                <c:pt idx="6183">
                  <c:v>0</c:v>
                </c:pt>
                <c:pt idx="6184">
                  <c:v>0</c:v>
                </c:pt>
                <c:pt idx="6185">
                  <c:v>0</c:v>
                </c:pt>
                <c:pt idx="6186">
                  <c:v>0</c:v>
                </c:pt>
                <c:pt idx="6187">
                  <c:v>0</c:v>
                </c:pt>
                <c:pt idx="6188">
                  <c:v>0</c:v>
                </c:pt>
                <c:pt idx="6189">
                  <c:v>0</c:v>
                </c:pt>
                <c:pt idx="6190">
                  <c:v>0</c:v>
                </c:pt>
                <c:pt idx="6191">
                  <c:v>0</c:v>
                </c:pt>
                <c:pt idx="6192">
                  <c:v>0</c:v>
                </c:pt>
                <c:pt idx="6193">
                  <c:v>0</c:v>
                </c:pt>
                <c:pt idx="6194">
                  <c:v>0</c:v>
                </c:pt>
                <c:pt idx="6195">
                  <c:v>0</c:v>
                </c:pt>
                <c:pt idx="6196">
                  <c:v>0</c:v>
                </c:pt>
                <c:pt idx="6197">
                  <c:v>0</c:v>
                </c:pt>
                <c:pt idx="6198">
                  <c:v>0</c:v>
                </c:pt>
                <c:pt idx="6199">
                  <c:v>0</c:v>
                </c:pt>
                <c:pt idx="6200">
                  <c:v>0</c:v>
                </c:pt>
                <c:pt idx="6201">
                  <c:v>0</c:v>
                </c:pt>
                <c:pt idx="6202">
                  <c:v>0</c:v>
                </c:pt>
                <c:pt idx="6203">
                  <c:v>0</c:v>
                </c:pt>
                <c:pt idx="6204">
                  <c:v>0</c:v>
                </c:pt>
                <c:pt idx="6205">
                  <c:v>0</c:v>
                </c:pt>
                <c:pt idx="6206">
                  <c:v>0</c:v>
                </c:pt>
                <c:pt idx="6207">
                  <c:v>0</c:v>
                </c:pt>
                <c:pt idx="6208">
                  <c:v>0</c:v>
                </c:pt>
                <c:pt idx="6209">
                  <c:v>0</c:v>
                </c:pt>
                <c:pt idx="6210">
                  <c:v>0</c:v>
                </c:pt>
                <c:pt idx="6211">
                  <c:v>0</c:v>
                </c:pt>
                <c:pt idx="6212">
                  <c:v>0</c:v>
                </c:pt>
                <c:pt idx="6213">
                  <c:v>0</c:v>
                </c:pt>
                <c:pt idx="6214">
                  <c:v>0</c:v>
                </c:pt>
                <c:pt idx="6215">
                  <c:v>0</c:v>
                </c:pt>
                <c:pt idx="6216">
                  <c:v>0</c:v>
                </c:pt>
                <c:pt idx="6217">
                  <c:v>0</c:v>
                </c:pt>
                <c:pt idx="6218">
                  <c:v>0</c:v>
                </c:pt>
                <c:pt idx="6219">
                  <c:v>0</c:v>
                </c:pt>
                <c:pt idx="6220">
                  <c:v>0</c:v>
                </c:pt>
                <c:pt idx="6221">
                  <c:v>0</c:v>
                </c:pt>
                <c:pt idx="6222">
                  <c:v>0</c:v>
                </c:pt>
                <c:pt idx="6223">
                  <c:v>0</c:v>
                </c:pt>
                <c:pt idx="6224">
                  <c:v>0</c:v>
                </c:pt>
                <c:pt idx="6225">
                  <c:v>0</c:v>
                </c:pt>
                <c:pt idx="6226">
                  <c:v>0</c:v>
                </c:pt>
                <c:pt idx="6227">
                  <c:v>0</c:v>
                </c:pt>
                <c:pt idx="6228">
                  <c:v>0</c:v>
                </c:pt>
                <c:pt idx="6229">
                  <c:v>0</c:v>
                </c:pt>
                <c:pt idx="6230">
                  <c:v>0</c:v>
                </c:pt>
                <c:pt idx="6231">
                  <c:v>0</c:v>
                </c:pt>
                <c:pt idx="6232">
                  <c:v>0</c:v>
                </c:pt>
                <c:pt idx="6233">
                  <c:v>0</c:v>
                </c:pt>
                <c:pt idx="6234">
                  <c:v>0</c:v>
                </c:pt>
                <c:pt idx="6235">
                  <c:v>0</c:v>
                </c:pt>
                <c:pt idx="6236">
                  <c:v>0</c:v>
                </c:pt>
                <c:pt idx="6237">
                  <c:v>0</c:v>
                </c:pt>
                <c:pt idx="6238">
                  <c:v>0</c:v>
                </c:pt>
                <c:pt idx="6239">
                  <c:v>0</c:v>
                </c:pt>
                <c:pt idx="6240">
                  <c:v>0</c:v>
                </c:pt>
                <c:pt idx="6241">
                  <c:v>0</c:v>
                </c:pt>
                <c:pt idx="6242">
                  <c:v>0</c:v>
                </c:pt>
                <c:pt idx="6243">
                  <c:v>0</c:v>
                </c:pt>
                <c:pt idx="6244">
                  <c:v>0</c:v>
                </c:pt>
                <c:pt idx="6245">
                  <c:v>0</c:v>
                </c:pt>
                <c:pt idx="6246">
                  <c:v>0</c:v>
                </c:pt>
                <c:pt idx="6247">
                  <c:v>0</c:v>
                </c:pt>
                <c:pt idx="6248">
                  <c:v>0</c:v>
                </c:pt>
                <c:pt idx="6249">
                  <c:v>0</c:v>
                </c:pt>
                <c:pt idx="6250">
                  <c:v>0</c:v>
                </c:pt>
                <c:pt idx="6251">
                  <c:v>0</c:v>
                </c:pt>
                <c:pt idx="6252">
                  <c:v>0</c:v>
                </c:pt>
                <c:pt idx="6253">
                  <c:v>0</c:v>
                </c:pt>
                <c:pt idx="6254">
                  <c:v>0</c:v>
                </c:pt>
                <c:pt idx="6255">
                  <c:v>0</c:v>
                </c:pt>
                <c:pt idx="6256">
                  <c:v>0</c:v>
                </c:pt>
                <c:pt idx="6257">
                  <c:v>0</c:v>
                </c:pt>
                <c:pt idx="6258">
                  <c:v>0</c:v>
                </c:pt>
                <c:pt idx="6259">
                  <c:v>0</c:v>
                </c:pt>
                <c:pt idx="6260">
                  <c:v>0</c:v>
                </c:pt>
                <c:pt idx="6261">
                  <c:v>0</c:v>
                </c:pt>
                <c:pt idx="6262">
                  <c:v>0</c:v>
                </c:pt>
                <c:pt idx="6263">
                  <c:v>0</c:v>
                </c:pt>
                <c:pt idx="6264">
                  <c:v>0</c:v>
                </c:pt>
                <c:pt idx="6265">
                  <c:v>0</c:v>
                </c:pt>
                <c:pt idx="6266">
                  <c:v>0</c:v>
                </c:pt>
                <c:pt idx="6267">
                  <c:v>0</c:v>
                </c:pt>
                <c:pt idx="6268">
                  <c:v>0</c:v>
                </c:pt>
                <c:pt idx="6269">
                  <c:v>0</c:v>
                </c:pt>
                <c:pt idx="6270">
                  <c:v>0</c:v>
                </c:pt>
                <c:pt idx="6271">
                  <c:v>0</c:v>
                </c:pt>
                <c:pt idx="6272">
                  <c:v>0</c:v>
                </c:pt>
                <c:pt idx="6273">
                  <c:v>0</c:v>
                </c:pt>
                <c:pt idx="6274">
                  <c:v>0</c:v>
                </c:pt>
                <c:pt idx="6275">
                  <c:v>0</c:v>
                </c:pt>
                <c:pt idx="6276">
                  <c:v>0</c:v>
                </c:pt>
                <c:pt idx="6277">
                  <c:v>0</c:v>
                </c:pt>
                <c:pt idx="6278">
                  <c:v>0</c:v>
                </c:pt>
                <c:pt idx="6279">
                  <c:v>0</c:v>
                </c:pt>
                <c:pt idx="6280">
                  <c:v>0</c:v>
                </c:pt>
                <c:pt idx="6281">
                  <c:v>0</c:v>
                </c:pt>
                <c:pt idx="6282">
                  <c:v>0</c:v>
                </c:pt>
                <c:pt idx="6283">
                  <c:v>0</c:v>
                </c:pt>
                <c:pt idx="6284">
                  <c:v>0</c:v>
                </c:pt>
                <c:pt idx="6285">
                  <c:v>0</c:v>
                </c:pt>
                <c:pt idx="6286">
                  <c:v>0</c:v>
                </c:pt>
                <c:pt idx="6287">
                  <c:v>0</c:v>
                </c:pt>
                <c:pt idx="6288">
                  <c:v>0</c:v>
                </c:pt>
                <c:pt idx="6289">
                  <c:v>0</c:v>
                </c:pt>
                <c:pt idx="6290">
                  <c:v>0</c:v>
                </c:pt>
                <c:pt idx="6291">
                  <c:v>0</c:v>
                </c:pt>
                <c:pt idx="6292">
                  <c:v>0</c:v>
                </c:pt>
                <c:pt idx="6293">
                  <c:v>0</c:v>
                </c:pt>
                <c:pt idx="6294">
                  <c:v>0</c:v>
                </c:pt>
                <c:pt idx="6295">
                  <c:v>0</c:v>
                </c:pt>
                <c:pt idx="6296">
                  <c:v>0</c:v>
                </c:pt>
                <c:pt idx="6297">
                  <c:v>0</c:v>
                </c:pt>
                <c:pt idx="6298">
                  <c:v>0</c:v>
                </c:pt>
                <c:pt idx="6299">
                  <c:v>0</c:v>
                </c:pt>
                <c:pt idx="6300">
                  <c:v>0</c:v>
                </c:pt>
                <c:pt idx="6301">
                  <c:v>0</c:v>
                </c:pt>
                <c:pt idx="6302">
                  <c:v>0</c:v>
                </c:pt>
                <c:pt idx="6303">
                  <c:v>0</c:v>
                </c:pt>
                <c:pt idx="6304">
                  <c:v>0</c:v>
                </c:pt>
                <c:pt idx="6305">
                  <c:v>0</c:v>
                </c:pt>
                <c:pt idx="6306">
                  <c:v>0</c:v>
                </c:pt>
                <c:pt idx="6307">
                  <c:v>0</c:v>
                </c:pt>
                <c:pt idx="6308">
                  <c:v>0</c:v>
                </c:pt>
                <c:pt idx="6309">
                  <c:v>0</c:v>
                </c:pt>
                <c:pt idx="6310">
                  <c:v>0</c:v>
                </c:pt>
                <c:pt idx="6311">
                  <c:v>0</c:v>
                </c:pt>
                <c:pt idx="6312">
                  <c:v>0</c:v>
                </c:pt>
                <c:pt idx="6313">
                  <c:v>0</c:v>
                </c:pt>
                <c:pt idx="6314">
                  <c:v>0</c:v>
                </c:pt>
                <c:pt idx="6315">
                  <c:v>0</c:v>
                </c:pt>
                <c:pt idx="6316">
                  <c:v>0</c:v>
                </c:pt>
                <c:pt idx="6317">
                  <c:v>0</c:v>
                </c:pt>
                <c:pt idx="6318">
                  <c:v>0</c:v>
                </c:pt>
                <c:pt idx="6319">
                  <c:v>0</c:v>
                </c:pt>
                <c:pt idx="6320">
                  <c:v>0</c:v>
                </c:pt>
                <c:pt idx="6321">
                  <c:v>0</c:v>
                </c:pt>
                <c:pt idx="6322">
                  <c:v>0</c:v>
                </c:pt>
                <c:pt idx="6323">
                  <c:v>0</c:v>
                </c:pt>
                <c:pt idx="6324">
                  <c:v>0</c:v>
                </c:pt>
                <c:pt idx="6325">
                  <c:v>0</c:v>
                </c:pt>
                <c:pt idx="6326">
                  <c:v>0</c:v>
                </c:pt>
                <c:pt idx="6327">
                  <c:v>0</c:v>
                </c:pt>
                <c:pt idx="6328">
                  <c:v>0</c:v>
                </c:pt>
                <c:pt idx="6329">
                  <c:v>0</c:v>
                </c:pt>
                <c:pt idx="6330">
                  <c:v>0</c:v>
                </c:pt>
                <c:pt idx="6331">
                  <c:v>0</c:v>
                </c:pt>
                <c:pt idx="6332">
                  <c:v>0</c:v>
                </c:pt>
                <c:pt idx="6333">
                  <c:v>0</c:v>
                </c:pt>
                <c:pt idx="6334">
                  <c:v>0</c:v>
                </c:pt>
                <c:pt idx="6335">
                  <c:v>0</c:v>
                </c:pt>
                <c:pt idx="6336">
                  <c:v>0</c:v>
                </c:pt>
                <c:pt idx="6337">
                  <c:v>0</c:v>
                </c:pt>
                <c:pt idx="6338">
                  <c:v>0</c:v>
                </c:pt>
                <c:pt idx="6339">
                  <c:v>0</c:v>
                </c:pt>
                <c:pt idx="6340">
                  <c:v>0</c:v>
                </c:pt>
                <c:pt idx="6341">
                  <c:v>0</c:v>
                </c:pt>
                <c:pt idx="6342">
                  <c:v>0</c:v>
                </c:pt>
                <c:pt idx="6343">
                  <c:v>0</c:v>
                </c:pt>
                <c:pt idx="6344">
                  <c:v>0</c:v>
                </c:pt>
                <c:pt idx="6345">
                  <c:v>0</c:v>
                </c:pt>
                <c:pt idx="6346">
                  <c:v>0</c:v>
                </c:pt>
                <c:pt idx="6347">
                  <c:v>0</c:v>
                </c:pt>
                <c:pt idx="6348">
                  <c:v>0</c:v>
                </c:pt>
                <c:pt idx="6349">
                  <c:v>0</c:v>
                </c:pt>
                <c:pt idx="6350">
                  <c:v>0</c:v>
                </c:pt>
                <c:pt idx="6351">
                  <c:v>0</c:v>
                </c:pt>
                <c:pt idx="6352">
                  <c:v>0</c:v>
                </c:pt>
                <c:pt idx="6353">
                  <c:v>0</c:v>
                </c:pt>
                <c:pt idx="6354">
                  <c:v>0</c:v>
                </c:pt>
                <c:pt idx="6355">
                  <c:v>0</c:v>
                </c:pt>
                <c:pt idx="6356">
                  <c:v>0</c:v>
                </c:pt>
                <c:pt idx="6357">
                  <c:v>0</c:v>
                </c:pt>
                <c:pt idx="6358">
                  <c:v>0</c:v>
                </c:pt>
                <c:pt idx="6359">
                  <c:v>0</c:v>
                </c:pt>
                <c:pt idx="6360">
                  <c:v>0</c:v>
                </c:pt>
                <c:pt idx="6361">
                  <c:v>0</c:v>
                </c:pt>
                <c:pt idx="6362">
                  <c:v>0</c:v>
                </c:pt>
                <c:pt idx="6363">
                  <c:v>0</c:v>
                </c:pt>
                <c:pt idx="6364">
                  <c:v>0</c:v>
                </c:pt>
                <c:pt idx="6365">
                  <c:v>0</c:v>
                </c:pt>
                <c:pt idx="6366">
                  <c:v>0</c:v>
                </c:pt>
                <c:pt idx="6367">
                  <c:v>0</c:v>
                </c:pt>
                <c:pt idx="6368">
                  <c:v>0</c:v>
                </c:pt>
                <c:pt idx="6369">
                  <c:v>0</c:v>
                </c:pt>
                <c:pt idx="6370">
                  <c:v>0</c:v>
                </c:pt>
                <c:pt idx="6371">
                  <c:v>0</c:v>
                </c:pt>
                <c:pt idx="6372">
                  <c:v>0</c:v>
                </c:pt>
                <c:pt idx="6373">
                  <c:v>0</c:v>
                </c:pt>
                <c:pt idx="6374">
                  <c:v>0</c:v>
                </c:pt>
                <c:pt idx="6375">
                  <c:v>0</c:v>
                </c:pt>
                <c:pt idx="6376">
                  <c:v>0</c:v>
                </c:pt>
                <c:pt idx="6377">
                  <c:v>0</c:v>
                </c:pt>
                <c:pt idx="6378">
                  <c:v>0</c:v>
                </c:pt>
                <c:pt idx="6379">
                  <c:v>0</c:v>
                </c:pt>
                <c:pt idx="6380">
                  <c:v>0</c:v>
                </c:pt>
                <c:pt idx="6381">
                  <c:v>0</c:v>
                </c:pt>
                <c:pt idx="6382">
                  <c:v>0</c:v>
                </c:pt>
                <c:pt idx="6383">
                  <c:v>0</c:v>
                </c:pt>
                <c:pt idx="6384">
                  <c:v>0</c:v>
                </c:pt>
                <c:pt idx="6385">
                  <c:v>0</c:v>
                </c:pt>
                <c:pt idx="6386">
                  <c:v>0</c:v>
                </c:pt>
                <c:pt idx="6387">
                  <c:v>0</c:v>
                </c:pt>
                <c:pt idx="6388">
                  <c:v>0</c:v>
                </c:pt>
                <c:pt idx="6389">
                  <c:v>0</c:v>
                </c:pt>
                <c:pt idx="6390">
                  <c:v>0</c:v>
                </c:pt>
                <c:pt idx="6391">
                  <c:v>0</c:v>
                </c:pt>
                <c:pt idx="6392">
                  <c:v>0</c:v>
                </c:pt>
                <c:pt idx="6393">
                  <c:v>0</c:v>
                </c:pt>
                <c:pt idx="6394">
                  <c:v>0</c:v>
                </c:pt>
                <c:pt idx="6395">
                  <c:v>0</c:v>
                </c:pt>
                <c:pt idx="6396">
                  <c:v>0</c:v>
                </c:pt>
                <c:pt idx="6397">
                  <c:v>0</c:v>
                </c:pt>
                <c:pt idx="6398">
                  <c:v>0</c:v>
                </c:pt>
                <c:pt idx="6399">
                  <c:v>0</c:v>
                </c:pt>
                <c:pt idx="6400">
                  <c:v>0</c:v>
                </c:pt>
                <c:pt idx="6401">
                  <c:v>0</c:v>
                </c:pt>
                <c:pt idx="6402">
                  <c:v>0</c:v>
                </c:pt>
                <c:pt idx="6403">
                  <c:v>0</c:v>
                </c:pt>
                <c:pt idx="6404">
                  <c:v>0</c:v>
                </c:pt>
                <c:pt idx="6405">
                  <c:v>0</c:v>
                </c:pt>
                <c:pt idx="6406">
                  <c:v>0</c:v>
                </c:pt>
                <c:pt idx="6407">
                  <c:v>0</c:v>
                </c:pt>
                <c:pt idx="6408">
                  <c:v>0</c:v>
                </c:pt>
                <c:pt idx="6409">
                  <c:v>0</c:v>
                </c:pt>
                <c:pt idx="6410">
                  <c:v>0</c:v>
                </c:pt>
                <c:pt idx="6411">
                  <c:v>0</c:v>
                </c:pt>
                <c:pt idx="6412">
                  <c:v>0</c:v>
                </c:pt>
                <c:pt idx="6413">
                  <c:v>0</c:v>
                </c:pt>
                <c:pt idx="6414">
                  <c:v>0</c:v>
                </c:pt>
                <c:pt idx="6415">
                  <c:v>0</c:v>
                </c:pt>
                <c:pt idx="6416">
                  <c:v>0</c:v>
                </c:pt>
                <c:pt idx="6417">
                  <c:v>0</c:v>
                </c:pt>
                <c:pt idx="6418">
                  <c:v>0</c:v>
                </c:pt>
                <c:pt idx="6419">
                  <c:v>0</c:v>
                </c:pt>
                <c:pt idx="6420">
                  <c:v>0</c:v>
                </c:pt>
                <c:pt idx="6421">
                  <c:v>0</c:v>
                </c:pt>
                <c:pt idx="6422">
                  <c:v>0</c:v>
                </c:pt>
                <c:pt idx="6423">
                  <c:v>0</c:v>
                </c:pt>
                <c:pt idx="6424">
                  <c:v>0</c:v>
                </c:pt>
                <c:pt idx="6425">
                  <c:v>0</c:v>
                </c:pt>
                <c:pt idx="6426">
                  <c:v>0</c:v>
                </c:pt>
                <c:pt idx="6427">
                  <c:v>0</c:v>
                </c:pt>
                <c:pt idx="6428">
                  <c:v>0</c:v>
                </c:pt>
                <c:pt idx="6429">
                  <c:v>0</c:v>
                </c:pt>
                <c:pt idx="6430">
                  <c:v>0</c:v>
                </c:pt>
                <c:pt idx="6431">
                  <c:v>0</c:v>
                </c:pt>
                <c:pt idx="6432">
                  <c:v>0</c:v>
                </c:pt>
                <c:pt idx="6433">
                  <c:v>0</c:v>
                </c:pt>
                <c:pt idx="6434">
                  <c:v>0</c:v>
                </c:pt>
                <c:pt idx="6435">
                  <c:v>0</c:v>
                </c:pt>
                <c:pt idx="6436">
                  <c:v>0</c:v>
                </c:pt>
                <c:pt idx="6437">
                  <c:v>0</c:v>
                </c:pt>
                <c:pt idx="6438">
                  <c:v>0</c:v>
                </c:pt>
                <c:pt idx="6439">
                  <c:v>0</c:v>
                </c:pt>
                <c:pt idx="6440">
                  <c:v>0</c:v>
                </c:pt>
                <c:pt idx="6441">
                  <c:v>0</c:v>
                </c:pt>
                <c:pt idx="6442">
                  <c:v>0</c:v>
                </c:pt>
                <c:pt idx="6443">
                  <c:v>0</c:v>
                </c:pt>
                <c:pt idx="6444">
                  <c:v>0</c:v>
                </c:pt>
                <c:pt idx="6445">
                  <c:v>0</c:v>
                </c:pt>
                <c:pt idx="6446">
                  <c:v>0</c:v>
                </c:pt>
                <c:pt idx="6447">
                  <c:v>0</c:v>
                </c:pt>
                <c:pt idx="6448">
                  <c:v>0</c:v>
                </c:pt>
                <c:pt idx="6449">
                  <c:v>0</c:v>
                </c:pt>
                <c:pt idx="6450">
                  <c:v>0</c:v>
                </c:pt>
                <c:pt idx="6451">
                  <c:v>0</c:v>
                </c:pt>
                <c:pt idx="6452">
                  <c:v>0</c:v>
                </c:pt>
                <c:pt idx="6453">
                  <c:v>0</c:v>
                </c:pt>
                <c:pt idx="6454">
                  <c:v>0</c:v>
                </c:pt>
                <c:pt idx="6455">
                  <c:v>0</c:v>
                </c:pt>
                <c:pt idx="6456">
                  <c:v>0</c:v>
                </c:pt>
                <c:pt idx="6457">
                  <c:v>0</c:v>
                </c:pt>
                <c:pt idx="6458">
                  <c:v>0</c:v>
                </c:pt>
                <c:pt idx="6459">
                  <c:v>0</c:v>
                </c:pt>
                <c:pt idx="6460">
                  <c:v>0</c:v>
                </c:pt>
                <c:pt idx="6461">
                  <c:v>0</c:v>
                </c:pt>
                <c:pt idx="6462">
                  <c:v>0</c:v>
                </c:pt>
                <c:pt idx="6463">
                  <c:v>0</c:v>
                </c:pt>
                <c:pt idx="6464">
                  <c:v>0</c:v>
                </c:pt>
                <c:pt idx="6465">
                  <c:v>0</c:v>
                </c:pt>
                <c:pt idx="6466">
                  <c:v>0</c:v>
                </c:pt>
                <c:pt idx="6467">
                  <c:v>0</c:v>
                </c:pt>
                <c:pt idx="6468">
                  <c:v>0</c:v>
                </c:pt>
                <c:pt idx="6469">
                  <c:v>0</c:v>
                </c:pt>
                <c:pt idx="6470">
                  <c:v>0</c:v>
                </c:pt>
                <c:pt idx="6471">
                  <c:v>0</c:v>
                </c:pt>
                <c:pt idx="6472">
                  <c:v>0</c:v>
                </c:pt>
                <c:pt idx="6473">
                  <c:v>0</c:v>
                </c:pt>
                <c:pt idx="6474">
                  <c:v>0</c:v>
                </c:pt>
                <c:pt idx="6475">
                  <c:v>0</c:v>
                </c:pt>
                <c:pt idx="6476">
                  <c:v>0</c:v>
                </c:pt>
                <c:pt idx="6477">
                  <c:v>0</c:v>
                </c:pt>
                <c:pt idx="6478">
                  <c:v>0</c:v>
                </c:pt>
                <c:pt idx="6479">
                  <c:v>0</c:v>
                </c:pt>
                <c:pt idx="6480">
                  <c:v>0</c:v>
                </c:pt>
                <c:pt idx="6481">
                  <c:v>0</c:v>
                </c:pt>
                <c:pt idx="6482">
                  <c:v>0</c:v>
                </c:pt>
                <c:pt idx="6483">
                  <c:v>0</c:v>
                </c:pt>
                <c:pt idx="6484">
                  <c:v>0</c:v>
                </c:pt>
                <c:pt idx="6485">
                  <c:v>0</c:v>
                </c:pt>
                <c:pt idx="6486">
                  <c:v>0</c:v>
                </c:pt>
                <c:pt idx="6487">
                  <c:v>0</c:v>
                </c:pt>
                <c:pt idx="6488">
                  <c:v>0</c:v>
                </c:pt>
                <c:pt idx="6489">
                  <c:v>0</c:v>
                </c:pt>
                <c:pt idx="6490">
                  <c:v>0</c:v>
                </c:pt>
                <c:pt idx="6491">
                  <c:v>0</c:v>
                </c:pt>
                <c:pt idx="6492">
                  <c:v>0</c:v>
                </c:pt>
                <c:pt idx="6493">
                  <c:v>0</c:v>
                </c:pt>
                <c:pt idx="6494">
                  <c:v>0</c:v>
                </c:pt>
                <c:pt idx="6495">
                  <c:v>0</c:v>
                </c:pt>
                <c:pt idx="6496">
                  <c:v>0</c:v>
                </c:pt>
                <c:pt idx="6497">
                  <c:v>0</c:v>
                </c:pt>
                <c:pt idx="6498">
                  <c:v>0</c:v>
                </c:pt>
                <c:pt idx="6499">
                  <c:v>0</c:v>
                </c:pt>
                <c:pt idx="6500">
                  <c:v>0</c:v>
                </c:pt>
                <c:pt idx="6501">
                  <c:v>0</c:v>
                </c:pt>
                <c:pt idx="6502">
                  <c:v>0</c:v>
                </c:pt>
                <c:pt idx="6503">
                  <c:v>0</c:v>
                </c:pt>
                <c:pt idx="6504">
                  <c:v>0</c:v>
                </c:pt>
                <c:pt idx="6505">
                  <c:v>0</c:v>
                </c:pt>
                <c:pt idx="6506">
                  <c:v>0</c:v>
                </c:pt>
                <c:pt idx="6507">
                  <c:v>0</c:v>
                </c:pt>
                <c:pt idx="6508">
                  <c:v>0</c:v>
                </c:pt>
                <c:pt idx="6509">
                  <c:v>0</c:v>
                </c:pt>
                <c:pt idx="6510">
                  <c:v>0</c:v>
                </c:pt>
                <c:pt idx="6511">
                  <c:v>0</c:v>
                </c:pt>
                <c:pt idx="6512">
                  <c:v>0</c:v>
                </c:pt>
                <c:pt idx="6513">
                  <c:v>0</c:v>
                </c:pt>
                <c:pt idx="6514">
                  <c:v>0</c:v>
                </c:pt>
                <c:pt idx="6515">
                  <c:v>0</c:v>
                </c:pt>
                <c:pt idx="6516">
                  <c:v>0</c:v>
                </c:pt>
                <c:pt idx="6517">
                  <c:v>0</c:v>
                </c:pt>
                <c:pt idx="6518">
                  <c:v>0</c:v>
                </c:pt>
                <c:pt idx="6519">
                  <c:v>0</c:v>
                </c:pt>
                <c:pt idx="6520">
                  <c:v>0</c:v>
                </c:pt>
                <c:pt idx="6521">
                  <c:v>0</c:v>
                </c:pt>
                <c:pt idx="6522">
                  <c:v>0</c:v>
                </c:pt>
                <c:pt idx="6523">
                  <c:v>0</c:v>
                </c:pt>
                <c:pt idx="6524">
                  <c:v>0</c:v>
                </c:pt>
                <c:pt idx="6525">
                  <c:v>0</c:v>
                </c:pt>
                <c:pt idx="6526">
                  <c:v>0</c:v>
                </c:pt>
                <c:pt idx="6527">
                  <c:v>0</c:v>
                </c:pt>
                <c:pt idx="6528">
                  <c:v>0</c:v>
                </c:pt>
                <c:pt idx="6529">
                  <c:v>0</c:v>
                </c:pt>
                <c:pt idx="6530">
                  <c:v>0</c:v>
                </c:pt>
                <c:pt idx="6531">
                  <c:v>0</c:v>
                </c:pt>
                <c:pt idx="6532">
                  <c:v>0</c:v>
                </c:pt>
                <c:pt idx="6533">
                  <c:v>0</c:v>
                </c:pt>
                <c:pt idx="6534">
                  <c:v>0</c:v>
                </c:pt>
                <c:pt idx="6535">
                  <c:v>0</c:v>
                </c:pt>
                <c:pt idx="6536">
                  <c:v>0</c:v>
                </c:pt>
                <c:pt idx="6537">
                  <c:v>0</c:v>
                </c:pt>
                <c:pt idx="6538">
                  <c:v>0</c:v>
                </c:pt>
                <c:pt idx="6539">
                  <c:v>0</c:v>
                </c:pt>
                <c:pt idx="6540">
                  <c:v>0</c:v>
                </c:pt>
                <c:pt idx="6541">
                  <c:v>0</c:v>
                </c:pt>
                <c:pt idx="6542">
                  <c:v>0</c:v>
                </c:pt>
                <c:pt idx="6543">
                  <c:v>0</c:v>
                </c:pt>
                <c:pt idx="6544">
                  <c:v>0</c:v>
                </c:pt>
                <c:pt idx="6545">
                  <c:v>0</c:v>
                </c:pt>
                <c:pt idx="6546">
                  <c:v>0</c:v>
                </c:pt>
                <c:pt idx="6547">
                  <c:v>0</c:v>
                </c:pt>
                <c:pt idx="6548">
                  <c:v>0</c:v>
                </c:pt>
                <c:pt idx="6549">
                  <c:v>0</c:v>
                </c:pt>
                <c:pt idx="6550">
                  <c:v>0</c:v>
                </c:pt>
                <c:pt idx="6551">
                  <c:v>0</c:v>
                </c:pt>
                <c:pt idx="6552">
                  <c:v>0</c:v>
                </c:pt>
                <c:pt idx="6553">
                  <c:v>0</c:v>
                </c:pt>
                <c:pt idx="6554">
                  <c:v>0</c:v>
                </c:pt>
                <c:pt idx="6555">
                  <c:v>0</c:v>
                </c:pt>
                <c:pt idx="6556">
                  <c:v>0</c:v>
                </c:pt>
                <c:pt idx="6557">
                  <c:v>0</c:v>
                </c:pt>
                <c:pt idx="6558">
                  <c:v>0</c:v>
                </c:pt>
                <c:pt idx="6559">
                  <c:v>0</c:v>
                </c:pt>
                <c:pt idx="6560">
                  <c:v>0</c:v>
                </c:pt>
                <c:pt idx="6561">
                  <c:v>0</c:v>
                </c:pt>
                <c:pt idx="6562">
                  <c:v>0</c:v>
                </c:pt>
                <c:pt idx="6563">
                  <c:v>0</c:v>
                </c:pt>
                <c:pt idx="6564">
                  <c:v>0</c:v>
                </c:pt>
                <c:pt idx="6565">
                  <c:v>0</c:v>
                </c:pt>
                <c:pt idx="6566">
                  <c:v>0</c:v>
                </c:pt>
                <c:pt idx="6567">
                  <c:v>0</c:v>
                </c:pt>
                <c:pt idx="6568">
                  <c:v>0</c:v>
                </c:pt>
                <c:pt idx="6569">
                  <c:v>0</c:v>
                </c:pt>
                <c:pt idx="6570">
                  <c:v>0</c:v>
                </c:pt>
                <c:pt idx="6571">
                  <c:v>0</c:v>
                </c:pt>
                <c:pt idx="6572">
                  <c:v>0</c:v>
                </c:pt>
                <c:pt idx="6573">
                  <c:v>0</c:v>
                </c:pt>
                <c:pt idx="6574">
                  <c:v>0</c:v>
                </c:pt>
                <c:pt idx="6575">
                  <c:v>0</c:v>
                </c:pt>
                <c:pt idx="6576">
                  <c:v>0</c:v>
                </c:pt>
                <c:pt idx="6577">
                  <c:v>0</c:v>
                </c:pt>
                <c:pt idx="6578">
                  <c:v>0</c:v>
                </c:pt>
                <c:pt idx="6579">
                  <c:v>0</c:v>
                </c:pt>
                <c:pt idx="6580">
                  <c:v>0</c:v>
                </c:pt>
                <c:pt idx="6581">
                  <c:v>0</c:v>
                </c:pt>
                <c:pt idx="6582">
                  <c:v>0</c:v>
                </c:pt>
                <c:pt idx="6583">
                  <c:v>0</c:v>
                </c:pt>
                <c:pt idx="6584">
                  <c:v>0</c:v>
                </c:pt>
                <c:pt idx="6585">
                  <c:v>0</c:v>
                </c:pt>
                <c:pt idx="6586">
                  <c:v>0</c:v>
                </c:pt>
                <c:pt idx="6587">
                  <c:v>0</c:v>
                </c:pt>
                <c:pt idx="6588">
                  <c:v>0</c:v>
                </c:pt>
                <c:pt idx="6589">
                  <c:v>0</c:v>
                </c:pt>
                <c:pt idx="6590">
                  <c:v>0</c:v>
                </c:pt>
                <c:pt idx="6591">
                  <c:v>0</c:v>
                </c:pt>
                <c:pt idx="6592">
                  <c:v>0</c:v>
                </c:pt>
                <c:pt idx="6593">
                  <c:v>0</c:v>
                </c:pt>
                <c:pt idx="6594">
                  <c:v>0</c:v>
                </c:pt>
                <c:pt idx="6595">
                  <c:v>0</c:v>
                </c:pt>
                <c:pt idx="6596">
                  <c:v>0</c:v>
                </c:pt>
                <c:pt idx="6597">
                  <c:v>0</c:v>
                </c:pt>
                <c:pt idx="6598">
                  <c:v>0</c:v>
                </c:pt>
                <c:pt idx="6599">
                  <c:v>0</c:v>
                </c:pt>
                <c:pt idx="6600">
                  <c:v>0</c:v>
                </c:pt>
                <c:pt idx="6601">
                  <c:v>0</c:v>
                </c:pt>
                <c:pt idx="6602">
                  <c:v>0</c:v>
                </c:pt>
                <c:pt idx="6603">
                  <c:v>0</c:v>
                </c:pt>
                <c:pt idx="6604">
                  <c:v>0</c:v>
                </c:pt>
                <c:pt idx="6605">
                  <c:v>0</c:v>
                </c:pt>
                <c:pt idx="6606">
                  <c:v>0</c:v>
                </c:pt>
                <c:pt idx="6607">
                  <c:v>0</c:v>
                </c:pt>
                <c:pt idx="6608">
                  <c:v>0</c:v>
                </c:pt>
                <c:pt idx="6609">
                  <c:v>0</c:v>
                </c:pt>
                <c:pt idx="6610">
                  <c:v>0</c:v>
                </c:pt>
                <c:pt idx="6611">
                  <c:v>0</c:v>
                </c:pt>
                <c:pt idx="6612">
                  <c:v>0</c:v>
                </c:pt>
                <c:pt idx="6613">
                  <c:v>0</c:v>
                </c:pt>
                <c:pt idx="6614">
                  <c:v>0</c:v>
                </c:pt>
                <c:pt idx="6615">
                  <c:v>0</c:v>
                </c:pt>
                <c:pt idx="6616">
                  <c:v>0</c:v>
                </c:pt>
                <c:pt idx="6617">
                  <c:v>0</c:v>
                </c:pt>
                <c:pt idx="6618">
                  <c:v>0</c:v>
                </c:pt>
                <c:pt idx="6619">
                  <c:v>0</c:v>
                </c:pt>
                <c:pt idx="6620">
                  <c:v>0</c:v>
                </c:pt>
                <c:pt idx="6621">
                  <c:v>0</c:v>
                </c:pt>
                <c:pt idx="6622">
                  <c:v>0</c:v>
                </c:pt>
                <c:pt idx="6623">
                  <c:v>0</c:v>
                </c:pt>
                <c:pt idx="6624">
                  <c:v>0</c:v>
                </c:pt>
                <c:pt idx="6625">
                  <c:v>0</c:v>
                </c:pt>
                <c:pt idx="6626">
                  <c:v>0</c:v>
                </c:pt>
                <c:pt idx="6627">
                  <c:v>0</c:v>
                </c:pt>
                <c:pt idx="6628">
                  <c:v>0</c:v>
                </c:pt>
                <c:pt idx="6629">
                  <c:v>0</c:v>
                </c:pt>
                <c:pt idx="6630">
                  <c:v>0</c:v>
                </c:pt>
                <c:pt idx="6631">
                  <c:v>0</c:v>
                </c:pt>
                <c:pt idx="6632">
                  <c:v>0</c:v>
                </c:pt>
                <c:pt idx="6633">
                  <c:v>0</c:v>
                </c:pt>
                <c:pt idx="6634">
                  <c:v>0</c:v>
                </c:pt>
                <c:pt idx="6635">
                  <c:v>0</c:v>
                </c:pt>
                <c:pt idx="6636">
                  <c:v>0</c:v>
                </c:pt>
                <c:pt idx="6637">
                  <c:v>0</c:v>
                </c:pt>
                <c:pt idx="6638">
                  <c:v>0</c:v>
                </c:pt>
                <c:pt idx="6639">
                  <c:v>0</c:v>
                </c:pt>
                <c:pt idx="6640">
                  <c:v>0</c:v>
                </c:pt>
                <c:pt idx="6641">
                  <c:v>0</c:v>
                </c:pt>
                <c:pt idx="6642">
                  <c:v>0</c:v>
                </c:pt>
                <c:pt idx="6643">
                  <c:v>0</c:v>
                </c:pt>
                <c:pt idx="6644">
                  <c:v>0</c:v>
                </c:pt>
                <c:pt idx="6645">
                  <c:v>0</c:v>
                </c:pt>
                <c:pt idx="6646">
                  <c:v>0</c:v>
                </c:pt>
                <c:pt idx="6647">
                  <c:v>0</c:v>
                </c:pt>
                <c:pt idx="6648">
                  <c:v>0</c:v>
                </c:pt>
                <c:pt idx="6649">
                  <c:v>0</c:v>
                </c:pt>
                <c:pt idx="6650">
                  <c:v>0</c:v>
                </c:pt>
                <c:pt idx="6651">
                  <c:v>0</c:v>
                </c:pt>
                <c:pt idx="6652">
                  <c:v>0</c:v>
                </c:pt>
                <c:pt idx="6653">
                  <c:v>0</c:v>
                </c:pt>
                <c:pt idx="6654">
                  <c:v>0</c:v>
                </c:pt>
                <c:pt idx="6655">
                  <c:v>0</c:v>
                </c:pt>
                <c:pt idx="6656">
                  <c:v>0</c:v>
                </c:pt>
                <c:pt idx="6657">
                  <c:v>0</c:v>
                </c:pt>
                <c:pt idx="6658">
                  <c:v>0</c:v>
                </c:pt>
                <c:pt idx="6659">
                  <c:v>0</c:v>
                </c:pt>
                <c:pt idx="6660">
                  <c:v>0</c:v>
                </c:pt>
                <c:pt idx="6661">
                  <c:v>0</c:v>
                </c:pt>
                <c:pt idx="6662">
                  <c:v>0</c:v>
                </c:pt>
                <c:pt idx="6663">
                  <c:v>0</c:v>
                </c:pt>
                <c:pt idx="6664">
                  <c:v>0</c:v>
                </c:pt>
                <c:pt idx="6665">
                  <c:v>0</c:v>
                </c:pt>
                <c:pt idx="6666">
                  <c:v>0</c:v>
                </c:pt>
                <c:pt idx="6667">
                  <c:v>0</c:v>
                </c:pt>
                <c:pt idx="6668">
                  <c:v>0</c:v>
                </c:pt>
                <c:pt idx="6669">
                  <c:v>0</c:v>
                </c:pt>
                <c:pt idx="6670">
                  <c:v>0</c:v>
                </c:pt>
                <c:pt idx="6671">
                  <c:v>0</c:v>
                </c:pt>
                <c:pt idx="6672">
                  <c:v>0</c:v>
                </c:pt>
                <c:pt idx="6673">
                  <c:v>0</c:v>
                </c:pt>
                <c:pt idx="6674">
                  <c:v>0</c:v>
                </c:pt>
                <c:pt idx="6675">
                  <c:v>0</c:v>
                </c:pt>
                <c:pt idx="6676">
                  <c:v>0</c:v>
                </c:pt>
                <c:pt idx="6677">
                  <c:v>0</c:v>
                </c:pt>
                <c:pt idx="6678">
                  <c:v>0</c:v>
                </c:pt>
                <c:pt idx="6679">
                  <c:v>0</c:v>
                </c:pt>
                <c:pt idx="6680">
                  <c:v>0</c:v>
                </c:pt>
                <c:pt idx="6681">
                  <c:v>0</c:v>
                </c:pt>
                <c:pt idx="6682">
                  <c:v>0</c:v>
                </c:pt>
                <c:pt idx="6683">
                  <c:v>0</c:v>
                </c:pt>
                <c:pt idx="6684">
                  <c:v>0</c:v>
                </c:pt>
                <c:pt idx="6685">
                  <c:v>0</c:v>
                </c:pt>
                <c:pt idx="6686">
                  <c:v>0</c:v>
                </c:pt>
                <c:pt idx="6687">
                  <c:v>0</c:v>
                </c:pt>
                <c:pt idx="6688">
                  <c:v>0</c:v>
                </c:pt>
                <c:pt idx="6689">
                  <c:v>0</c:v>
                </c:pt>
                <c:pt idx="6690">
                  <c:v>0</c:v>
                </c:pt>
                <c:pt idx="6691">
                  <c:v>0</c:v>
                </c:pt>
                <c:pt idx="6692">
                  <c:v>0</c:v>
                </c:pt>
                <c:pt idx="6693">
                  <c:v>0</c:v>
                </c:pt>
                <c:pt idx="6694">
                  <c:v>0</c:v>
                </c:pt>
                <c:pt idx="6695">
                  <c:v>0</c:v>
                </c:pt>
                <c:pt idx="6696">
                  <c:v>0</c:v>
                </c:pt>
                <c:pt idx="6697">
                  <c:v>0</c:v>
                </c:pt>
                <c:pt idx="6698">
                  <c:v>0</c:v>
                </c:pt>
                <c:pt idx="6699">
                  <c:v>0</c:v>
                </c:pt>
                <c:pt idx="6700">
                  <c:v>0</c:v>
                </c:pt>
                <c:pt idx="6701">
                  <c:v>0</c:v>
                </c:pt>
                <c:pt idx="6702">
                  <c:v>0</c:v>
                </c:pt>
                <c:pt idx="6703">
                  <c:v>0</c:v>
                </c:pt>
                <c:pt idx="6704">
                  <c:v>0</c:v>
                </c:pt>
                <c:pt idx="6705">
                  <c:v>0</c:v>
                </c:pt>
                <c:pt idx="6706">
                  <c:v>0</c:v>
                </c:pt>
                <c:pt idx="6707">
                  <c:v>0</c:v>
                </c:pt>
                <c:pt idx="6708">
                  <c:v>0</c:v>
                </c:pt>
                <c:pt idx="6709">
                  <c:v>0</c:v>
                </c:pt>
                <c:pt idx="6710">
                  <c:v>0</c:v>
                </c:pt>
                <c:pt idx="6711">
                  <c:v>0</c:v>
                </c:pt>
                <c:pt idx="6712">
                  <c:v>0</c:v>
                </c:pt>
                <c:pt idx="6713">
                  <c:v>0</c:v>
                </c:pt>
                <c:pt idx="6714">
                  <c:v>0</c:v>
                </c:pt>
                <c:pt idx="6715">
                  <c:v>0</c:v>
                </c:pt>
                <c:pt idx="6716">
                  <c:v>0</c:v>
                </c:pt>
                <c:pt idx="6717">
                  <c:v>0</c:v>
                </c:pt>
                <c:pt idx="6718">
                  <c:v>0</c:v>
                </c:pt>
                <c:pt idx="6719">
                  <c:v>0</c:v>
                </c:pt>
                <c:pt idx="6720">
                  <c:v>0</c:v>
                </c:pt>
                <c:pt idx="6721">
                  <c:v>0</c:v>
                </c:pt>
                <c:pt idx="6722">
                  <c:v>0</c:v>
                </c:pt>
                <c:pt idx="6723">
                  <c:v>0</c:v>
                </c:pt>
                <c:pt idx="6724">
                  <c:v>0</c:v>
                </c:pt>
                <c:pt idx="6725">
                  <c:v>0</c:v>
                </c:pt>
                <c:pt idx="6726">
                  <c:v>0</c:v>
                </c:pt>
                <c:pt idx="6727">
                  <c:v>0</c:v>
                </c:pt>
                <c:pt idx="6728">
                  <c:v>0</c:v>
                </c:pt>
                <c:pt idx="6729">
                  <c:v>0</c:v>
                </c:pt>
                <c:pt idx="6730">
                  <c:v>0</c:v>
                </c:pt>
                <c:pt idx="6731">
                  <c:v>0</c:v>
                </c:pt>
                <c:pt idx="6732">
                  <c:v>0</c:v>
                </c:pt>
                <c:pt idx="6733">
                  <c:v>0</c:v>
                </c:pt>
                <c:pt idx="6734">
                  <c:v>0</c:v>
                </c:pt>
                <c:pt idx="6735">
                  <c:v>0</c:v>
                </c:pt>
                <c:pt idx="6736">
                  <c:v>0</c:v>
                </c:pt>
                <c:pt idx="6737">
                  <c:v>0</c:v>
                </c:pt>
                <c:pt idx="6738">
                  <c:v>0</c:v>
                </c:pt>
                <c:pt idx="6739">
                  <c:v>0</c:v>
                </c:pt>
                <c:pt idx="6740">
                  <c:v>0</c:v>
                </c:pt>
                <c:pt idx="6741">
                  <c:v>0</c:v>
                </c:pt>
                <c:pt idx="6742">
                  <c:v>0</c:v>
                </c:pt>
                <c:pt idx="6743">
                  <c:v>0</c:v>
                </c:pt>
                <c:pt idx="6744">
                  <c:v>0</c:v>
                </c:pt>
                <c:pt idx="6745">
                  <c:v>0</c:v>
                </c:pt>
                <c:pt idx="6746">
                  <c:v>0</c:v>
                </c:pt>
                <c:pt idx="6747">
                  <c:v>0</c:v>
                </c:pt>
                <c:pt idx="6748">
                  <c:v>0</c:v>
                </c:pt>
                <c:pt idx="6749">
                  <c:v>0</c:v>
                </c:pt>
                <c:pt idx="6750">
                  <c:v>0</c:v>
                </c:pt>
                <c:pt idx="6751">
                  <c:v>0</c:v>
                </c:pt>
                <c:pt idx="6752">
                  <c:v>0</c:v>
                </c:pt>
                <c:pt idx="6753">
                  <c:v>0</c:v>
                </c:pt>
                <c:pt idx="6754">
                  <c:v>0</c:v>
                </c:pt>
                <c:pt idx="6755">
                  <c:v>0</c:v>
                </c:pt>
                <c:pt idx="6756">
                  <c:v>0</c:v>
                </c:pt>
                <c:pt idx="6757">
                  <c:v>0</c:v>
                </c:pt>
                <c:pt idx="6758">
                  <c:v>0</c:v>
                </c:pt>
                <c:pt idx="6759">
                  <c:v>0</c:v>
                </c:pt>
                <c:pt idx="6760">
                  <c:v>0</c:v>
                </c:pt>
                <c:pt idx="6761">
                  <c:v>0</c:v>
                </c:pt>
                <c:pt idx="6762">
                  <c:v>0</c:v>
                </c:pt>
                <c:pt idx="6763">
                  <c:v>0</c:v>
                </c:pt>
                <c:pt idx="6764">
                  <c:v>0</c:v>
                </c:pt>
                <c:pt idx="6765">
                  <c:v>0</c:v>
                </c:pt>
                <c:pt idx="6766">
                  <c:v>0</c:v>
                </c:pt>
                <c:pt idx="6767">
                  <c:v>0</c:v>
                </c:pt>
                <c:pt idx="6768">
                  <c:v>0</c:v>
                </c:pt>
                <c:pt idx="6769">
                  <c:v>0</c:v>
                </c:pt>
                <c:pt idx="6770">
                  <c:v>0</c:v>
                </c:pt>
                <c:pt idx="6771">
                  <c:v>0</c:v>
                </c:pt>
                <c:pt idx="6772">
                  <c:v>0</c:v>
                </c:pt>
                <c:pt idx="6773">
                  <c:v>0</c:v>
                </c:pt>
                <c:pt idx="6774">
                  <c:v>0</c:v>
                </c:pt>
                <c:pt idx="6775">
                  <c:v>0</c:v>
                </c:pt>
                <c:pt idx="6776">
                  <c:v>0</c:v>
                </c:pt>
                <c:pt idx="6777">
                  <c:v>0</c:v>
                </c:pt>
                <c:pt idx="6778">
                  <c:v>0</c:v>
                </c:pt>
                <c:pt idx="6779">
                  <c:v>0</c:v>
                </c:pt>
                <c:pt idx="6780">
                  <c:v>0</c:v>
                </c:pt>
                <c:pt idx="6781">
                  <c:v>0</c:v>
                </c:pt>
                <c:pt idx="6782">
                  <c:v>0</c:v>
                </c:pt>
                <c:pt idx="6783">
                  <c:v>0</c:v>
                </c:pt>
                <c:pt idx="6784">
                  <c:v>0</c:v>
                </c:pt>
                <c:pt idx="6785">
                  <c:v>0</c:v>
                </c:pt>
                <c:pt idx="6786">
                  <c:v>0</c:v>
                </c:pt>
                <c:pt idx="6787">
                  <c:v>0</c:v>
                </c:pt>
                <c:pt idx="6788">
                  <c:v>0</c:v>
                </c:pt>
                <c:pt idx="6789">
                  <c:v>0</c:v>
                </c:pt>
                <c:pt idx="6790">
                  <c:v>0</c:v>
                </c:pt>
                <c:pt idx="6791">
                  <c:v>0</c:v>
                </c:pt>
                <c:pt idx="6792">
                  <c:v>0</c:v>
                </c:pt>
                <c:pt idx="6793">
                  <c:v>0</c:v>
                </c:pt>
                <c:pt idx="6794">
                  <c:v>0</c:v>
                </c:pt>
                <c:pt idx="6795">
                  <c:v>0</c:v>
                </c:pt>
                <c:pt idx="6796">
                  <c:v>0</c:v>
                </c:pt>
                <c:pt idx="6797">
                  <c:v>0</c:v>
                </c:pt>
                <c:pt idx="6798">
                  <c:v>0</c:v>
                </c:pt>
                <c:pt idx="6799">
                  <c:v>0</c:v>
                </c:pt>
                <c:pt idx="6800">
                  <c:v>0</c:v>
                </c:pt>
                <c:pt idx="6801">
                  <c:v>0</c:v>
                </c:pt>
                <c:pt idx="6802">
                  <c:v>0</c:v>
                </c:pt>
                <c:pt idx="6803">
                  <c:v>0</c:v>
                </c:pt>
                <c:pt idx="6804">
                  <c:v>0</c:v>
                </c:pt>
                <c:pt idx="6805">
                  <c:v>0</c:v>
                </c:pt>
                <c:pt idx="6806">
                  <c:v>0</c:v>
                </c:pt>
                <c:pt idx="6807">
                  <c:v>0</c:v>
                </c:pt>
                <c:pt idx="6808">
                  <c:v>0</c:v>
                </c:pt>
                <c:pt idx="6809">
                  <c:v>0</c:v>
                </c:pt>
                <c:pt idx="6810">
                  <c:v>0</c:v>
                </c:pt>
                <c:pt idx="6811">
                  <c:v>0</c:v>
                </c:pt>
                <c:pt idx="6812">
                  <c:v>0</c:v>
                </c:pt>
                <c:pt idx="6813">
                  <c:v>0</c:v>
                </c:pt>
                <c:pt idx="6814">
                  <c:v>0</c:v>
                </c:pt>
                <c:pt idx="6815">
                  <c:v>0</c:v>
                </c:pt>
                <c:pt idx="6816">
                  <c:v>0</c:v>
                </c:pt>
                <c:pt idx="6817">
                  <c:v>0</c:v>
                </c:pt>
                <c:pt idx="6818">
                  <c:v>0</c:v>
                </c:pt>
                <c:pt idx="6819">
                  <c:v>0</c:v>
                </c:pt>
                <c:pt idx="6820">
                  <c:v>0</c:v>
                </c:pt>
                <c:pt idx="6821">
                  <c:v>0</c:v>
                </c:pt>
                <c:pt idx="6822">
                  <c:v>0</c:v>
                </c:pt>
                <c:pt idx="6823">
                  <c:v>0</c:v>
                </c:pt>
                <c:pt idx="6824">
                  <c:v>0</c:v>
                </c:pt>
                <c:pt idx="6825">
                  <c:v>0</c:v>
                </c:pt>
                <c:pt idx="6826">
                  <c:v>0</c:v>
                </c:pt>
                <c:pt idx="6827">
                  <c:v>0</c:v>
                </c:pt>
                <c:pt idx="6828">
                  <c:v>0</c:v>
                </c:pt>
                <c:pt idx="6829">
                  <c:v>0</c:v>
                </c:pt>
                <c:pt idx="6830">
                  <c:v>0</c:v>
                </c:pt>
                <c:pt idx="6831">
                  <c:v>0</c:v>
                </c:pt>
                <c:pt idx="6832">
                  <c:v>0</c:v>
                </c:pt>
                <c:pt idx="6833">
                  <c:v>0</c:v>
                </c:pt>
                <c:pt idx="6834">
                  <c:v>0</c:v>
                </c:pt>
                <c:pt idx="6835">
                  <c:v>0</c:v>
                </c:pt>
                <c:pt idx="6836">
                  <c:v>0</c:v>
                </c:pt>
                <c:pt idx="6837">
                  <c:v>0</c:v>
                </c:pt>
                <c:pt idx="6838">
                  <c:v>0</c:v>
                </c:pt>
                <c:pt idx="6839">
                  <c:v>0</c:v>
                </c:pt>
                <c:pt idx="6840">
                  <c:v>0</c:v>
                </c:pt>
                <c:pt idx="6841">
                  <c:v>0</c:v>
                </c:pt>
                <c:pt idx="6842">
                  <c:v>0</c:v>
                </c:pt>
                <c:pt idx="6843">
                  <c:v>0</c:v>
                </c:pt>
                <c:pt idx="6844">
                  <c:v>0</c:v>
                </c:pt>
                <c:pt idx="6845">
                  <c:v>0</c:v>
                </c:pt>
                <c:pt idx="6846">
                  <c:v>0</c:v>
                </c:pt>
                <c:pt idx="6847">
                  <c:v>0</c:v>
                </c:pt>
                <c:pt idx="6848">
                  <c:v>0</c:v>
                </c:pt>
                <c:pt idx="6849">
                  <c:v>0</c:v>
                </c:pt>
                <c:pt idx="6850">
                  <c:v>0</c:v>
                </c:pt>
                <c:pt idx="6851">
                  <c:v>0</c:v>
                </c:pt>
                <c:pt idx="6852">
                  <c:v>0</c:v>
                </c:pt>
                <c:pt idx="6853">
                  <c:v>0</c:v>
                </c:pt>
                <c:pt idx="6854">
                  <c:v>0</c:v>
                </c:pt>
                <c:pt idx="6855">
                  <c:v>0</c:v>
                </c:pt>
                <c:pt idx="6856">
                  <c:v>0</c:v>
                </c:pt>
                <c:pt idx="6857">
                  <c:v>0</c:v>
                </c:pt>
                <c:pt idx="6858">
                  <c:v>0</c:v>
                </c:pt>
                <c:pt idx="6859">
                  <c:v>0</c:v>
                </c:pt>
                <c:pt idx="6860">
                  <c:v>0</c:v>
                </c:pt>
                <c:pt idx="6861">
                  <c:v>0</c:v>
                </c:pt>
                <c:pt idx="6862">
                  <c:v>0</c:v>
                </c:pt>
                <c:pt idx="6863">
                  <c:v>0</c:v>
                </c:pt>
                <c:pt idx="6864">
                  <c:v>0</c:v>
                </c:pt>
                <c:pt idx="6865">
                  <c:v>0</c:v>
                </c:pt>
                <c:pt idx="6866">
                  <c:v>0</c:v>
                </c:pt>
                <c:pt idx="6867">
                  <c:v>0</c:v>
                </c:pt>
                <c:pt idx="6868">
                  <c:v>0</c:v>
                </c:pt>
                <c:pt idx="6869">
                  <c:v>0</c:v>
                </c:pt>
                <c:pt idx="6870">
                  <c:v>0</c:v>
                </c:pt>
                <c:pt idx="6871">
                  <c:v>0</c:v>
                </c:pt>
                <c:pt idx="6872">
                  <c:v>0</c:v>
                </c:pt>
                <c:pt idx="6873">
                  <c:v>0</c:v>
                </c:pt>
                <c:pt idx="6874">
                  <c:v>0</c:v>
                </c:pt>
                <c:pt idx="6875">
                  <c:v>0</c:v>
                </c:pt>
                <c:pt idx="6876">
                  <c:v>0</c:v>
                </c:pt>
                <c:pt idx="6877">
                  <c:v>0</c:v>
                </c:pt>
                <c:pt idx="6878">
                  <c:v>0</c:v>
                </c:pt>
                <c:pt idx="6879">
                  <c:v>0</c:v>
                </c:pt>
                <c:pt idx="6880">
                  <c:v>0</c:v>
                </c:pt>
                <c:pt idx="6881">
                  <c:v>0</c:v>
                </c:pt>
                <c:pt idx="6882">
                  <c:v>0</c:v>
                </c:pt>
                <c:pt idx="6883">
                  <c:v>0</c:v>
                </c:pt>
                <c:pt idx="6884">
                  <c:v>0</c:v>
                </c:pt>
                <c:pt idx="6885">
                  <c:v>0</c:v>
                </c:pt>
                <c:pt idx="6886">
                  <c:v>0</c:v>
                </c:pt>
                <c:pt idx="6887">
                  <c:v>0</c:v>
                </c:pt>
                <c:pt idx="6888">
                  <c:v>0</c:v>
                </c:pt>
                <c:pt idx="6889">
                  <c:v>0</c:v>
                </c:pt>
                <c:pt idx="6890">
                  <c:v>0</c:v>
                </c:pt>
                <c:pt idx="6891">
                  <c:v>0</c:v>
                </c:pt>
                <c:pt idx="6892">
                  <c:v>0</c:v>
                </c:pt>
                <c:pt idx="6893">
                  <c:v>0</c:v>
                </c:pt>
                <c:pt idx="6894">
                  <c:v>0</c:v>
                </c:pt>
                <c:pt idx="6895">
                  <c:v>0</c:v>
                </c:pt>
                <c:pt idx="6896">
                  <c:v>0</c:v>
                </c:pt>
                <c:pt idx="6897">
                  <c:v>0</c:v>
                </c:pt>
                <c:pt idx="6898">
                  <c:v>0</c:v>
                </c:pt>
                <c:pt idx="6899">
                  <c:v>0</c:v>
                </c:pt>
                <c:pt idx="6900">
                  <c:v>0</c:v>
                </c:pt>
                <c:pt idx="6901">
                  <c:v>0</c:v>
                </c:pt>
                <c:pt idx="6902">
                  <c:v>0</c:v>
                </c:pt>
                <c:pt idx="6903">
                  <c:v>0</c:v>
                </c:pt>
                <c:pt idx="6904">
                  <c:v>0</c:v>
                </c:pt>
                <c:pt idx="6905">
                  <c:v>0</c:v>
                </c:pt>
                <c:pt idx="6906">
                  <c:v>0</c:v>
                </c:pt>
                <c:pt idx="6907">
                  <c:v>0</c:v>
                </c:pt>
                <c:pt idx="6908">
                  <c:v>0</c:v>
                </c:pt>
                <c:pt idx="6909">
                  <c:v>0</c:v>
                </c:pt>
                <c:pt idx="6910">
                  <c:v>0</c:v>
                </c:pt>
                <c:pt idx="6911">
                  <c:v>0</c:v>
                </c:pt>
                <c:pt idx="6912">
                  <c:v>0</c:v>
                </c:pt>
                <c:pt idx="6913">
                  <c:v>0</c:v>
                </c:pt>
                <c:pt idx="6914">
                  <c:v>0</c:v>
                </c:pt>
                <c:pt idx="6915">
                  <c:v>0</c:v>
                </c:pt>
                <c:pt idx="6916">
                  <c:v>0</c:v>
                </c:pt>
                <c:pt idx="6917">
                  <c:v>0</c:v>
                </c:pt>
                <c:pt idx="6918">
                  <c:v>0</c:v>
                </c:pt>
                <c:pt idx="6919">
                  <c:v>0</c:v>
                </c:pt>
                <c:pt idx="6920">
                  <c:v>0</c:v>
                </c:pt>
                <c:pt idx="6921">
                  <c:v>0</c:v>
                </c:pt>
                <c:pt idx="6922">
                  <c:v>0</c:v>
                </c:pt>
                <c:pt idx="6923">
                  <c:v>0</c:v>
                </c:pt>
                <c:pt idx="6924">
                  <c:v>0</c:v>
                </c:pt>
                <c:pt idx="6925">
                  <c:v>0</c:v>
                </c:pt>
                <c:pt idx="6926">
                  <c:v>0</c:v>
                </c:pt>
                <c:pt idx="6927">
                  <c:v>0</c:v>
                </c:pt>
                <c:pt idx="6928">
                  <c:v>0</c:v>
                </c:pt>
                <c:pt idx="6929">
                  <c:v>0</c:v>
                </c:pt>
                <c:pt idx="6930">
                  <c:v>0</c:v>
                </c:pt>
                <c:pt idx="6931">
                  <c:v>0</c:v>
                </c:pt>
                <c:pt idx="6932">
                  <c:v>0</c:v>
                </c:pt>
                <c:pt idx="6933">
                  <c:v>0</c:v>
                </c:pt>
                <c:pt idx="6934">
                  <c:v>0</c:v>
                </c:pt>
                <c:pt idx="6935">
                  <c:v>0</c:v>
                </c:pt>
                <c:pt idx="6936">
                  <c:v>0</c:v>
                </c:pt>
                <c:pt idx="6937">
                  <c:v>0</c:v>
                </c:pt>
                <c:pt idx="6938">
                  <c:v>0</c:v>
                </c:pt>
                <c:pt idx="6939">
                  <c:v>0</c:v>
                </c:pt>
                <c:pt idx="6940">
                  <c:v>0</c:v>
                </c:pt>
                <c:pt idx="6941">
                  <c:v>0</c:v>
                </c:pt>
                <c:pt idx="6942">
                  <c:v>0</c:v>
                </c:pt>
                <c:pt idx="6943">
                  <c:v>0</c:v>
                </c:pt>
                <c:pt idx="6944">
                  <c:v>0</c:v>
                </c:pt>
                <c:pt idx="6945">
                  <c:v>0</c:v>
                </c:pt>
                <c:pt idx="6946">
                  <c:v>0</c:v>
                </c:pt>
                <c:pt idx="6947">
                  <c:v>0</c:v>
                </c:pt>
                <c:pt idx="6948">
                  <c:v>0</c:v>
                </c:pt>
                <c:pt idx="6949">
                  <c:v>0</c:v>
                </c:pt>
                <c:pt idx="6950">
                  <c:v>0</c:v>
                </c:pt>
                <c:pt idx="6951">
                  <c:v>0</c:v>
                </c:pt>
                <c:pt idx="6952">
                  <c:v>0</c:v>
                </c:pt>
                <c:pt idx="6953">
                  <c:v>0</c:v>
                </c:pt>
                <c:pt idx="6954">
                  <c:v>0</c:v>
                </c:pt>
                <c:pt idx="6955">
                  <c:v>0</c:v>
                </c:pt>
                <c:pt idx="6956">
                  <c:v>0</c:v>
                </c:pt>
                <c:pt idx="6957">
                  <c:v>0</c:v>
                </c:pt>
                <c:pt idx="6958">
                  <c:v>0</c:v>
                </c:pt>
                <c:pt idx="6959">
                  <c:v>0</c:v>
                </c:pt>
                <c:pt idx="6960">
                  <c:v>0</c:v>
                </c:pt>
                <c:pt idx="6961">
                  <c:v>0</c:v>
                </c:pt>
                <c:pt idx="6962">
                  <c:v>0</c:v>
                </c:pt>
                <c:pt idx="6963">
                  <c:v>0</c:v>
                </c:pt>
                <c:pt idx="6964">
                  <c:v>0</c:v>
                </c:pt>
                <c:pt idx="6965">
                  <c:v>0</c:v>
                </c:pt>
                <c:pt idx="6966">
                  <c:v>0</c:v>
                </c:pt>
                <c:pt idx="6967">
                  <c:v>0</c:v>
                </c:pt>
                <c:pt idx="6968">
                  <c:v>0</c:v>
                </c:pt>
                <c:pt idx="6969">
                  <c:v>0</c:v>
                </c:pt>
                <c:pt idx="6970">
                  <c:v>0</c:v>
                </c:pt>
                <c:pt idx="6971">
                  <c:v>0</c:v>
                </c:pt>
                <c:pt idx="6972">
                  <c:v>0</c:v>
                </c:pt>
                <c:pt idx="6973">
                  <c:v>0</c:v>
                </c:pt>
                <c:pt idx="6974">
                  <c:v>0</c:v>
                </c:pt>
                <c:pt idx="6975">
                  <c:v>0</c:v>
                </c:pt>
                <c:pt idx="6976">
                  <c:v>0</c:v>
                </c:pt>
                <c:pt idx="6977">
                  <c:v>0</c:v>
                </c:pt>
                <c:pt idx="6978">
                  <c:v>0</c:v>
                </c:pt>
                <c:pt idx="6979">
                  <c:v>0</c:v>
                </c:pt>
                <c:pt idx="6980">
                  <c:v>0</c:v>
                </c:pt>
                <c:pt idx="6981">
                  <c:v>0</c:v>
                </c:pt>
                <c:pt idx="6982">
                  <c:v>0</c:v>
                </c:pt>
                <c:pt idx="6983">
                  <c:v>0</c:v>
                </c:pt>
                <c:pt idx="6984">
                  <c:v>0</c:v>
                </c:pt>
                <c:pt idx="6985">
                  <c:v>0</c:v>
                </c:pt>
                <c:pt idx="6986">
                  <c:v>0</c:v>
                </c:pt>
                <c:pt idx="6987">
                  <c:v>0</c:v>
                </c:pt>
                <c:pt idx="6988">
                  <c:v>0</c:v>
                </c:pt>
                <c:pt idx="6989">
                  <c:v>0</c:v>
                </c:pt>
                <c:pt idx="6990">
                  <c:v>0</c:v>
                </c:pt>
                <c:pt idx="6991">
                  <c:v>0</c:v>
                </c:pt>
                <c:pt idx="6992">
                  <c:v>0</c:v>
                </c:pt>
                <c:pt idx="6993">
                  <c:v>0</c:v>
                </c:pt>
                <c:pt idx="6994">
                  <c:v>0</c:v>
                </c:pt>
                <c:pt idx="6995">
                  <c:v>0</c:v>
                </c:pt>
                <c:pt idx="6996">
                  <c:v>0</c:v>
                </c:pt>
                <c:pt idx="6997">
                  <c:v>0</c:v>
                </c:pt>
                <c:pt idx="6998">
                  <c:v>0</c:v>
                </c:pt>
                <c:pt idx="6999">
                  <c:v>0</c:v>
                </c:pt>
                <c:pt idx="7000">
                  <c:v>0</c:v>
                </c:pt>
                <c:pt idx="7001">
                  <c:v>0</c:v>
                </c:pt>
                <c:pt idx="7002">
                  <c:v>0</c:v>
                </c:pt>
                <c:pt idx="7003">
                  <c:v>0</c:v>
                </c:pt>
                <c:pt idx="7004">
                  <c:v>0</c:v>
                </c:pt>
                <c:pt idx="7005">
                  <c:v>0</c:v>
                </c:pt>
                <c:pt idx="7006">
                  <c:v>0</c:v>
                </c:pt>
                <c:pt idx="7007">
                  <c:v>0</c:v>
                </c:pt>
                <c:pt idx="7008">
                  <c:v>0</c:v>
                </c:pt>
                <c:pt idx="7009">
                  <c:v>0</c:v>
                </c:pt>
                <c:pt idx="7010">
                  <c:v>0</c:v>
                </c:pt>
                <c:pt idx="7011">
                  <c:v>0</c:v>
                </c:pt>
                <c:pt idx="7012">
                  <c:v>0</c:v>
                </c:pt>
                <c:pt idx="7013">
                  <c:v>0</c:v>
                </c:pt>
                <c:pt idx="7014">
                  <c:v>0</c:v>
                </c:pt>
                <c:pt idx="7015">
                  <c:v>0</c:v>
                </c:pt>
                <c:pt idx="7016">
                  <c:v>0</c:v>
                </c:pt>
                <c:pt idx="7017">
                  <c:v>0</c:v>
                </c:pt>
                <c:pt idx="7018">
                  <c:v>0</c:v>
                </c:pt>
                <c:pt idx="7019">
                  <c:v>0</c:v>
                </c:pt>
                <c:pt idx="7020">
                  <c:v>0</c:v>
                </c:pt>
                <c:pt idx="7021">
                  <c:v>0</c:v>
                </c:pt>
                <c:pt idx="7022">
                  <c:v>0</c:v>
                </c:pt>
                <c:pt idx="7023">
                  <c:v>0</c:v>
                </c:pt>
                <c:pt idx="7024">
                  <c:v>0</c:v>
                </c:pt>
                <c:pt idx="7025">
                  <c:v>0</c:v>
                </c:pt>
                <c:pt idx="7026">
                  <c:v>0</c:v>
                </c:pt>
                <c:pt idx="7027">
                  <c:v>0</c:v>
                </c:pt>
                <c:pt idx="7028">
                  <c:v>0</c:v>
                </c:pt>
                <c:pt idx="7029">
                  <c:v>0</c:v>
                </c:pt>
                <c:pt idx="7030">
                  <c:v>0</c:v>
                </c:pt>
                <c:pt idx="7031">
                  <c:v>0</c:v>
                </c:pt>
                <c:pt idx="7032">
                  <c:v>0</c:v>
                </c:pt>
                <c:pt idx="7033">
                  <c:v>0</c:v>
                </c:pt>
                <c:pt idx="7034">
                  <c:v>0</c:v>
                </c:pt>
                <c:pt idx="7035">
                  <c:v>0</c:v>
                </c:pt>
                <c:pt idx="7036">
                  <c:v>0</c:v>
                </c:pt>
                <c:pt idx="7037">
                  <c:v>0</c:v>
                </c:pt>
                <c:pt idx="7038">
                  <c:v>0</c:v>
                </c:pt>
                <c:pt idx="7039">
                  <c:v>0</c:v>
                </c:pt>
                <c:pt idx="7040">
                  <c:v>0</c:v>
                </c:pt>
                <c:pt idx="7041">
                  <c:v>0</c:v>
                </c:pt>
                <c:pt idx="7042">
                  <c:v>0</c:v>
                </c:pt>
                <c:pt idx="7043">
                  <c:v>0</c:v>
                </c:pt>
                <c:pt idx="7044">
                  <c:v>0</c:v>
                </c:pt>
                <c:pt idx="7045">
                  <c:v>0</c:v>
                </c:pt>
                <c:pt idx="7046">
                  <c:v>0</c:v>
                </c:pt>
                <c:pt idx="7047">
                  <c:v>0</c:v>
                </c:pt>
                <c:pt idx="7048">
                  <c:v>0</c:v>
                </c:pt>
                <c:pt idx="7049">
                  <c:v>0</c:v>
                </c:pt>
                <c:pt idx="7050">
                  <c:v>0</c:v>
                </c:pt>
                <c:pt idx="7051">
                  <c:v>0</c:v>
                </c:pt>
                <c:pt idx="7052">
                  <c:v>0</c:v>
                </c:pt>
                <c:pt idx="7053">
                  <c:v>0</c:v>
                </c:pt>
                <c:pt idx="7054">
                  <c:v>0</c:v>
                </c:pt>
                <c:pt idx="7055">
                  <c:v>0</c:v>
                </c:pt>
                <c:pt idx="7056">
                  <c:v>0</c:v>
                </c:pt>
                <c:pt idx="7057">
                  <c:v>0</c:v>
                </c:pt>
                <c:pt idx="7058">
                  <c:v>0</c:v>
                </c:pt>
                <c:pt idx="7059">
                  <c:v>0</c:v>
                </c:pt>
                <c:pt idx="7060">
                  <c:v>0</c:v>
                </c:pt>
                <c:pt idx="7061">
                  <c:v>0</c:v>
                </c:pt>
                <c:pt idx="7062">
                  <c:v>0</c:v>
                </c:pt>
                <c:pt idx="7063">
                  <c:v>0</c:v>
                </c:pt>
                <c:pt idx="7064">
                  <c:v>0</c:v>
                </c:pt>
                <c:pt idx="7065">
                  <c:v>0</c:v>
                </c:pt>
                <c:pt idx="7066">
                  <c:v>0</c:v>
                </c:pt>
                <c:pt idx="7067">
                  <c:v>0</c:v>
                </c:pt>
                <c:pt idx="7068">
                  <c:v>0</c:v>
                </c:pt>
                <c:pt idx="7069">
                  <c:v>0</c:v>
                </c:pt>
                <c:pt idx="7070">
                  <c:v>0</c:v>
                </c:pt>
                <c:pt idx="7071">
                  <c:v>0</c:v>
                </c:pt>
                <c:pt idx="7072">
                  <c:v>0</c:v>
                </c:pt>
                <c:pt idx="7073">
                  <c:v>0</c:v>
                </c:pt>
                <c:pt idx="7074">
                  <c:v>0</c:v>
                </c:pt>
                <c:pt idx="7075">
                  <c:v>0</c:v>
                </c:pt>
                <c:pt idx="7076">
                  <c:v>0</c:v>
                </c:pt>
                <c:pt idx="7077">
                  <c:v>0</c:v>
                </c:pt>
                <c:pt idx="7078">
                  <c:v>0</c:v>
                </c:pt>
                <c:pt idx="7079">
                  <c:v>0</c:v>
                </c:pt>
                <c:pt idx="7080">
                  <c:v>0</c:v>
                </c:pt>
                <c:pt idx="7081">
                  <c:v>0</c:v>
                </c:pt>
                <c:pt idx="7082">
                  <c:v>0</c:v>
                </c:pt>
                <c:pt idx="7083">
                  <c:v>0</c:v>
                </c:pt>
                <c:pt idx="7084">
                  <c:v>0</c:v>
                </c:pt>
                <c:pt idx="7085">
                  <c:v>0</c:v>
                </c:pt>
                <c:pt idx="7086">
                  <c:v>0</c:v>
                </c:pt>
                <c:pt idx="7087">
                  <c:v>0</c:v>
                </c:pt>
                <c:pt idx="7088">
                  <c:v>0</c:v>
                </c:pt>
                <c:pt idx="7089">
                  <c:v>0</c:v>
                </c:pt>
                <c:pt idx="7090">
                  <c:v>0</c:v>
                </c:pt>
                <c:pt idx="7091">
                  <c:v>0</c:v>
                </c:pt>
                <c:pt idx="7092">
                  <c:v>0</c:v>
                </c:pt>
                <c:pt idx="7093">
                  <c:v>0</c:v>
                </c:pt>
                <c:pt idx="7094">
                  <c:v>0</c:v>
                </c:pt>
                <c:pt idx="7095">
                  <c:v>0</c:v>
                </c:pt>
                <c:pt idx="7096">
                  <c:v>0</c:v>
                </c:pt>
                <c:pt idx="7097">
                  <c:v>0</c:v>
                </c:pt>
                <c:pt idx="7098">
                  <c:v>0</c:v>
                </c:pt>
                <c:pt idx="7099">
                  <c:v>0</c:v>
                </c:pt>
                <c:pt idx="7100">
                  <c:v>0</c:v>
                </c:pt>
                <c:pt idx="7101">
                  <c:v>0</c:v>
                </c:pt>
                <c:pt idx="7102">
                  <c:v>0</c:v>
                </c:pt>
                <c:pt idx="7103">
                  <c:v>0</c:v>
                </c:pt>
                <c:pt idx="7104">
                  <c:v>0</c:v>
                </c:pt>
                <c:pt idx="7105">
                  <c:v>0</c:v>
                </c:pt>
                <c:pt idx="7106">
                  <c:v>0</c:v>
                </c:pt>
                <c:pt idx="7107">
                  <c:v>0</c:v>
                </c:pt>
                <c:pt idx="7108">
                  <c:v>0</c:v>
                </c:pt>
                <c:pt idx="7109">
                  <c:v>0</c:v>
                </c:pt>
                <c:pt idx="7110">
                  <c:v>0</c:v>
                </c:pt>
                <c:pt idx="7111">
                  <c:v>0</c:v>
                </c:pt>
                <c:pt idx="7112">
                  <c:v>0</c:v>
                </c:pt>
                <c:pt idx="7113">
                  <c:v>0</c:v>
                </c:pt>
                <c:pt idx="7114">
                  <c:v>0</c:v>
                </c:pt>
                <c:pt idx="7115">
                  <c:v>0</c:v>
                </c:pt>
                <c:pt idx="7116">
                  <c:v>0</c:v>
                </c:pt>
                <c:pt idx="7117">
                  <c:v>0</c:v>
                </c:pt>
                <c:pt idx="7118">
                  <c:v>0</c:v>
                </c:pt>
                <c:pt idx="7119">
                  <c:v>0</c:v>
                </c:pt>
                <c:pt idx="7120">
                  <c:v>0</c:v>
                </c:pt>
                <c:pt idx="7121">
                  <c:v>0</c:v>
                </c:pt>
                <c:pt idx="7122">
                  <c:v>0</c:v>
                </c:pt>
                <c:pt idx="7123">
                  <c:v>0</c:v>
                </c:pt>
                <c:pt idx="7124">
                  <c:v>0</c:v>
                </c:pt>
                <c:pt idx="7125">
                  <c:v>0</c:v>
                </c:pt>
                <c:pt idx="7126">
                  <c:v>0</c:v>
                </c:pt>
                <c:pt idx="7127">
                  <c:v>0</c:v>
                </c:pt>
                <c:pt idx="7128">
                  <c:v>0</c:v>
                </c:pt>
                <c:pt idx="7129">
                  <c:v>0</c:v>
                </c:pt>
                <c:pt idx="7130">
                  <c:v>0</c:v>
                </c:pt>
                <c:pt idx="7131">
                  <c:v>0</c:v>
                </c:pt>
                <c:pt idx="7132">
                  <c:v>0</c:v>
                </c:pt>
                <c:pt idx="7133">
                  <c:v>0</c:v>
                </c:pt>
                <c:pt idx="7134">
                  <c:v>0</c:v>
                </c:pt>
                <c:pt idx="7135">
                  <c:v>0</c:v>
                </c:pt>
                <c:pt idx="7136">
                  <c:v>0</c:v>
                </c:pt>
                <c:pt idx="7137">
                  <c:v>0</c:v>
                </c:pt>
                <c:pt idx="7138">
                  <c:v>0</c:v>
                </c:pt>
                <c:pt idx="7139">
                  <c:v>0</c:v>
                </c:pt>
                <c:pt idx="7140">
                  <c:v>0</c:v>
                </c:pt>
                <c:pt idx="7141">
                  <c:v>0</c:v>
                </c:pt>
                <c:pt idx="7142">
                  <c:v>0</c:v>
                </c:pt>
                <c:pt idx="7143">
                  <c:v>0</c:v>
                </c:pt>
                <c:pt idx="7144">
                  <c:v>0</c:v>
                </c:pt>
                <c:pt idx="7145">
                  <c:v>0</c:v>
                </c:pt>
                <c:pt idx="7146">
                  <c:v>0</c:v>
                </c:pt>
                <c:pt idx="7147">
                  <c:v>0</c:v>
                </c:pt>
                <c:pt idx="7148">
                  <c:v>0</c:v>
                </c:pt>
                <c:pt idx="7149">
                  <c:v>0</c:v>
                </c:pt>
                <c:pt idx="7150">
                  <c:v>0</c:v>
                </c:pt>
                <c:pt idx="7151">
                  <c:v>0</c:v>
                </c:pt>
                <c:pt idx="7152">
                  <c:v>0</c:v>
                </c:pt>
                <c:pt idx="7153">
                  <c:v>0</c:v>
                </c:pt>
                <c:pt idx="7154">
                  <c:v>0</c:v>
                </c:pt>
                <c:pt idx="7155">
                  <c:v>0</c:v>
                </c:pt>
                <c:pt idx="7156">
                  <c:v>0</c:v>
                </c:pt>
                <c:pt idx="7157">
                  <c:v>0</c:v>
                </c:pt>
                <c:pt idx="7158">
                  <c:v>0</c:v>
                </c:pt>
                <c:pt idx="7159">
                  <c:v>0</c:v>
                </c:pt>
                <c:pt idx="7160">
                  <c:v>0</c:v>
                </c:pt>
                <c:pt idx="7161">
                  <c:v>0</c:v>
                </c:pt>
                <c:pt idx="7162">
                  <c:v>0</c:v>
                </c:pt>
                <c:pt idx="7163">
                  <c:v>0</c:v>
                </c:pt>
                <c:pt idx="7164">
                  <c:v>0</c:v>
                </c:pt>
                <c:pt idx="7165">
                  <c:v>0</c:v>
                </c:pt>
                <c:pt idx="7166">
                  <c:v>0</c:v>
                </c:pt>
                <c:pt idx="7167">
                  <c:v>0</c:v>
                </c:pt>
                <c:pt idx="7168">
                  <c:v>0</c:v>
                </c:pt>
                <c:pt idx="7169">
                  <c:v>0</c:v>
                </c:pt>
                <c:pt idx="7170">
                  <c:v>0</c:v>
                </c:pt>
                <c:pt idx="7171">
                  <c:v>0</c:v>
                </c:pt>
                <c:pt idx="7172">
                  <c:v>0</c:v>
                </c:pt>
                <c:pt idx="7173">
                  <c:v>0</c:v>
                </c:pt>
                <c:pt idx="7174">
                  <c:v>0</c:v>
                </c:pt>
                <c:pt idx="7175">
                  <c:v>0</c:v>
                </c:pt>
                <c:pt idx="7176">
                  <c:v>0</c:v>
                </c:pt>
                <c:pt idx="7177">
                  <c:v>0</c:v>
                </c:pt>
                <c:pt idx="7178">
                  <c:v>0</c:v>
                </c:pt>
                <c:pt idx="7179">
                  <c:v>0</c:v>
                </c:pt>
                <c:pt idx="7180">
                  <c:v>0</c:v>
                </c:pt>
                <c:pt idx="7181">
                  <c:v>0</c:v>
                </c:pt>
                <c:pt idx="7182">
                  <c:v>0</c:v>
                </c:pt>
                <c:pt idx="7183">
                  <c:v>0</c:v>
                </c:pt>
                <c:pt idx="7184">
                  <c:v>0</c:v>
                </c:pt>
                <c:pt idx="7185">
                  <c:v>0</c:v>
                </c:pt>
                <c:pt idx="7186">
                  <c:v>0</c:v>
                </c:pt>
                <c:pt idx="7187">
                  <c:v>0</c:v>
                </c:pt>
                <c:pt idx="7188">
                  <c:v>0</c:v>
                </c:pt>
                <c:pt idx="7189">
                  <c:v>0</c:v>
                </c:pt>
                <c:pt idx="7190">
                  <c:v>0</c:v>
                </c:pt>
                <c:pt idx="7191">
                  <c:v>0</c:v>
                </c:pt>
                <c:pt idx="7192">
                  <c:v>0</c:v>
                </c:pt>
                <c:pt idx="7193">
                  <c:v>0</c:v>
                </c:pt>
                <c:pt idx="7194">
                  <c:v>0</c:v>
                </c:pt>
                <c:pt idx="7195">
                  <c:v>0</c:v>
                </c:pt>
                <c:pt idx="7196">
                  <c:v>0</c:v>
                </c:pt>
                <c:pt idx="7197">
                  <c:v>0</c:v>
                </c:pt>
                <c:pt idx="7198">
                  <c:v>0</c:v>
                </c:pt>
                <c:pt idx="7199">
                  <c:v>0</c:v>
                </c:pt>
                <c:pt idx="7200">
                  <c:v>0</c:v>
                </c:pt>
                <c:pt idx="7201">
                  <c:v>0</c:v>
                </c:pt>
                <c:pt idx="7202">
                  <c:v>0</c:v>
                </c:pt>
                <c:pt idx="7203">
                  <c:v>0</c:v>
                </c:pt>
                <c:pt idx="7204">
                  <c:v>0</c:v>
                </c:pt>
                <c:pt idx="7205">
                  <c:v>0</c:v>
                </c:pt>
                <c:pt idx="7206">
                  <c:v>0</c:v>
                </c:pt>
                <c:pt idx="7207">
                  <c:v>0</c:v>
                </c:pt>
                <c:pt idx="7208">
                  <c:v>0</c:v>
                </c:pt>
                <c:pt idx="7209">
                  <c:v>0</c:v>
                </c:pt>
                <c:pt idx="7210">
                  <c:v>0</c:v>
                </c:pt>
                <c:pt idx="7211">
                  <c:v>0</c:v>
                </c:pt>
                <c:pt idx="7212">
                  <c:v>0</c:v>
                </c:pt>
                <c:pt idx="7213">
                  <c:v>0</c:v>
                </c:pt>
                <c:pt idx="7214">
                  <c:v>0</c:v>
                </c:pt>
                <c:pt idx="7215">
                  <c:v>0</c:v>
                </c:pt>
                <c:pt idx="7216">
                  <c:v>0</c:v>
                </c:pt>
                <c:pt idx="7217">
                  <c:v>0</c:v>
                </c:pt>
                <c:pt idx="7218">
                  <c:v>0</c:v>
                </c:pt>
                <c:pt idx="7219">
                  <c:v>0</c:v>
                </c:pt>
                <c:pt idx="7220">
                  <c:v>0</c:v>
                </c:pt>
                <c:pt idx="7221">
                  <c:v>0</c:v>
                </c:pt>
                <c:pt idx="7222">
                  <c:v>0</c:v>
                </c:pt>
                <c:pt idx="7223">
                  <c:v>0</c:v>
                </c:pt>
                <c:pt idx="7224">
                  <c:v>0</c:v>
                </c:pt>
                <c:pt idx="7225">
                  <c:v>0</c:v>
                </c:pt>
                <c:pt idx="7226">
                  <c:v>0</c:v>
                </c:pt>
                <c:pt idx="7227">
                  <c:v>0</c:v>
                </c:pt>
                <c:pt idx="7228">
                  <c:v>0</c:v>
                </c:pt>
                <c:pt idx="7229">
                  <c:v>0</c:v>
                </c:pt>
                <c:pt idx="7230">
                  <c:v>0</c:v>
                </c:pt>
                <c:pt idx="7231">
                  <c:v>0</c:v>
                </c:pt>
                <c:pt idx="7232">
                  <c:v>0</c:v>
                </c:pt>
                <c:pt idx="7233">
                  <c:v>0</c:v>
                </c:pt>
                <c:pt idx="7234">
                  <c:v>0</c:v>
                </c:pt>
                <c:pt idx="7235">
                  <c:v>0</c:v>
                </c:pt>
                <c:pt idx="7236">
                  <c:v>0</c:v>
                </c:pt>
                <c:pt idx="7237">
                  <c:v>0</c:v>
                </c:pt>
                <c:pt idx="7238">
                  <c:v>0</c:v>
                </c:pt>
                <c:pt idx="7239">
                  <c:v>0</c:v>
                </c:pt>
                <c:pt idx="7240">
                  <c:v>0</c:v>
                </c:pt>
                <c:pt idx="7241">
                  <c:v>0</c:v>
                </c:pt>
                <c:pt idx="7242">
                  <c:v>0</c:v>
                </c:pt>
                <c:pt idx="7243">
                  <c:v>0</c:v>
                </c:pt>
                <c:pt idx="7244">
                  <c:v>0</c:v>
                </c:pt>
                <c:pt idx="7245">
                  <c:v>0</c:v>
                </c:pt>
                <c:pt idx="7246">
                  <c:v>0</c:v>
                </c:pt>
                <c:pt idx="7247">
                  <c:v>0</c:v>
                </c:pt>
                <c:pt idx="7248">
                  <c:v>0</c:v>
                </c:pt>
                <c:pt idx="7249">
                  <c:v>0</c:v>
                </c:pt>
                <c:pt idx="7250">
                  <c:v>0</c:v>
                </c:pt>
                <c:pt idx="7251">
                  <c:v>0</c:v>
                </c:pt>
                <c:pt idx="7252">
                  <c:v>0</c:v>
                </c:pt>
                <c:pt idx="7253">
                  <c:v>0</c:v>
                </c:pt>
                <c:pt idx="7254">
                  <c:v>0</c:v>
                </c:pt>
                <c:pt idx="7255">
                  <c:v>0</c:v>
                </c:pt>
                <c:pt idx="7256">
                  <c:v>0</c:v>
                </c:pt>
                <c:pt idx="7257">
                  <c:v>0</c:v>
                </c:pt>
                <c:pt idx="7258">
                  <c:v>0</c:v>
                </c:pt>
                <c:pt idx="7259">
                  <c:v>0</c:v>
                </c:pt>
                <c:pt idx="7260">
                  <c:v>0</c:v>
                </c:pt>
                <c:pt idx="7261">
                  <c:v>0</c:v>
                </c:pt>
                <c:pt idx="7262">
                  <c:v>0</c:v>
                </c:pt>
                <c:pt idx="7263">
                  <c:v>0</c:v>
                </c:pt>
                <c:pt idx="7264">
                  <c:v>0</c:v>
                </c:pt>
                <c:pt idx="7265">
                  <c:v>0</c:v>
                </c:pt>
                <c:pt idx="7266">
                  <c:v>0</c:v>
                </c:pt>
                <c:pt idx="7267">
                  <c:v>0</c:v>
                </c:pt>
                <c:pt idx="7268">
                  <c:v>0</c:v>
                </c:pt>
                <c:pt idx="7269">
                  <c:v>0</c:v>
                </c:pt>
                <c:pt idx="7270">
                  <c:v>0</c:v>
                </c:pt>
                <c:pt idx="7271">
                  <c:v>0</c:v>
                </c:pt>
                <c:pt idx="7272">
                  <c:v>0</c:v>
                </c:pt>
                <c:pt idx="7273">
                  <c:v>0</c:v>
                </c:pt>
                <c:pt idx="7274">
                  <c:v>0</c:v>
                </c:pt>
                <c:pt idx="7275">
                  <c:v>0</c:v>
                </c:pt>
                <c:pt idx="7276">
                  <c:v>0</c:v>
                </c:pt>
                <c:pt idx="7277">
                  <c:v>0</c:v>
                </c:pt>
                <c:pt idx="7278">
                  <c:v>0</c:v>
                </c:pt>
                <c:pt idx="7279">
                  <c:v>0</c:v>
                </c:pt>
                <c:pt idx="7280">
                  <c:v>0</c:v>
                </c:pt>
                <c:pt idx="7281">
                  <c:v>0</c:v>
                </c:pt>
                <c:pt idx="7282">
                  <c:v>0</c:v>
                </c:pt>
                <c:pt idx="7283">
                  <c:v>0</c:v>
                </c:pt>
                <c:pt idx="7284">
                  <c:v>0</c:v>
                </c:pt>
                <c:pt idx="7285">
                  <c:v>0</c:v>
                </c:pt>
                <c:pt idx="7286">
                  <c:v>0</c:v>
                </c:pt>
                <c:pt idx="7287">
                  <c:v>0</c:v>
                </c:pt>
                <c:pt idx="7288">
                  <c:v>0</c:v>
                </c:pt>
                <c:pt idx="7289">
                  <c:v>0</c:v>
                </c:pt>
                <c:pt idx="7290">
                  <c:v>0</c:v>
                </c:pt>
                <c:pt idx="7291">
                  <c:v>0</c:v>
                </c:pt>
                <c:pt idx="7292">
                  <c:v>0</c:v>
                </c:pt>
                <c:pt idx="7293">
                  <c:v>0</c:v>
                </c:pt>
                <c:pt idx="7294">
                  <c:v>0</c:v>
                </c:pt>
                <c:pt idx="7295">
                  <c:v>0</c:v>
                </c:pt>
                <c:pt idx="7296">
                  <c:v>0</c:v>
                </c:pt>
                <c:pt idx="7297">
                  <c:v>0</c:v>
                </c:pt>
                <c:pt idx="7298">
                  <c:v>0</c:v>
                </c:pt>
                <c:pt idx="7299">
                  <c:v>0</c:v>
                </c:pt>
                <c:pt idx="7300">
                  <c:v>0</c:v>
                </c:pt>
                <c:pt idx="7301">
                  <c:v>0</c:v>
                </c:pt>
                <c:pt idx="7302">
                  <c:v>0</c:v>
                </c:pt>
                <c:pt idx="7303">
                  <c:v>0</c:v>
                </c:pt>
                <c:pt idx="7304">
                  <c:v>0</c:v>
                </c:pt>
                <c:pt idx="7305">
                  <c:v>0</c:v>
                </c:pt>
                <c:pt idx="7306">
                  <c:v>0</c:v>
                </c:pt>
                <c:pt idx="7307">
                  <c:v>0</c:v>
                </c:pt>
                <c:pt idx="7308">
                  <c:v>0</c:v>
                </c:pt>
                <c:pt idx="7309">
                  <c:v>0</c:v>
                </c:pt>
                <c:pt idx="7310">
                  <c:v>0</c:v>
                </c:pt>
                <c:pt idx="7311">
                  <c:v>0</c:v>
                </c:pt>
                <c:pt idx="7312">
                  <c:v>0</c:v>
                </c:pt>
                <c:pt idx="7313">
                  <c:v>0</c:v>
                </c:pt>
                <c:pt idx="7314">
                  <c:v>0</c:v>
                </c:pt>
                <c:pt idx="7315">
                  <c:v>0</c:v>
                </c:pt>
                <c:pt idx="7316">
                  <c:v>0</c:v>
                </c:pt>
                <c:pt idx="7317">
                  <c:v>0</c:v>
                </c:pt>
                <c:pt idx="7318">
                  <c:v>0</c:v>
                </c:pt>
                <c:pt idx="7319">
                  <c:v>0</c:v>
                </c:pt>
                <c:pt idx="7320">
                  <c:v>0</c:v>
                </c:pt>
                <c:pt idx="7321">
                  <c:v>0</c:v>
                </c:pt>
                <c:pt idx="7322">
                  <c:v>0</c:v>
                </c:pt>
                <c:pt idx="7323">
                  <c:v>0</c:v>
                </c:pt>
                <c:pt idx="7324">
                  <c:v>0</c:v>
                </c:pt>
                <c:pt idx="7325">
                  <c:v>0</c:v>
                </c:pt>
                <c:pt idx="7326">
                  <c:v>0</c:v>
                </c:pt>
                <c:pt idx="7327">
                  <c:v>0</c:v>
                </c:pt>
                <c:pt idx="7328">
                  <c:v>0</c:v>
                </c:pt>
                <c:pt idx="7329">
                  <c:v>0</c:v>
                </c:pt>
                <c:pt idx="7330">
                  <c:v>0</c:v>
                </c:pt>
                <c:pt idx="7331">
                  <c:v>0</c:v>
                </c:pt>
                <c:pt idx="7332">
                  <c:v>0</c:v>
                </c:pt>
                <c:pt idx="7333">
                  <c:v>0</c:v>
                </c:pt>
                <c:pt idx="7334">
                  <c:v>0</c:v>
                </c:pt>
                <c:pt idx="7335">
                  <c:v>0</c:v>
                </c:pt>
                <c:pt idx="7336">
                  <c:v>0</c:v>
                </c:pt>
                <c:pt idx="7337">
                  <c:v>0</c:v>
                </c:pt>
                <c:pt idx="7338">
                  <c:v>0</c:v>
                </c:pt>
                <c:pt idx="7339">
                  <c:v>0</c:v>
                </c:pt>
                <c:pt idx="7340">
                  <c:v>0</c:v>
                </c:pt>
                <c:pt idx="7341">
                  <c:v>0</c:v>
                </c:pt>
                <c:pt idx="7342">
                  <c:v>0</c:v>
                </c:pt>
                <c:pt idx="7343">
                  <c:v>0</c:v>
                </c:pt>
                <c:pt idx="7344">
                  <c:v>0</c:v>
                </c:pt>
                <c:pt idx="7345">
                  <c:v>0</c:v>
                </c:pt>
                <c:pt idx="7346">
                  <c:v>0</c:v>
                </c:pt>
                <c:pt idx="7347">
                  <c:v>0</c:v>
                </c:pt>
                <c:pt idx="7348">
                  <c:v>0</c:v>
                </c:pt>
                <c:pt idx="7349">
                  <c:v>0</c:v>
                </c:pt>
                <c:pt idx="7350">
                  <c:v>0</c:v>
                </c:pt>
                <c:pt idx="7351">
                  <c:v>0</c:v>
                </c:pt>
                <c:pt idx="7352">
                  <c:v>0</c:v>
                </c:pt>
                <c:pt idx="7353">
                  <c:v>0</c:v>
                </c:pt>
                <c:pt idx="7354">
                  <c:v>0</c:v>
                </c:pt>
                <c:pt idx="7355">
                  <c:v>0</c:v>
                </c:pt>
                <c:pt idx="7356">
                  <c:v>0</c:v>
                </c:pt>
                <c:pt idx="7357">
                  <c:v>0</c:v>
                </c:pt>
                <c:pt idx="7358">
                  <c:v>0</c:v>
                </c:pt>
                <c:pt idx="7359">
                  <c:v>0</c:v>
                </c:pt>
                <c:pt idx="7360">
                  <c:v>0</c:v>
                </c:pt>
                <c:pt idx="7361">
                  <c:v>0</c:v>
                </c:pt>
                <c:pt idx="7362">
                  <c:v>0</c:v>
                </c:pt>
                <c:pt idx="7363">
                  <c:v>0</c:v>
                </c:pt>
                <c:pt idx="7364">
                  <c:v>0</c:v>
                </c:pt>
                <c:pt idx="7365">
                  <c:v>0</c:v>
                </c:pt>
                <c:pt idx="7366">
                  <c:v>0</c:v>
                </c:pt>
                <c:pt idx="7367">
                  <c:v>0</c:v>
                </c:pt>
                <c:pt idx="7368">
                  <c:v>0</c:v>
                </c:pt>
                <c:pt idx="7369">
                  <c:v>0</c:v>
                </c:pt>
                <c:pt idx="7370">
                  <c:v>0</c:v>
                </c:pt>
                <c:pt idx="7371">
                  <c:v>0</c:v>
                </c:pt>
                <c:pt idx="7372">
                  <c:v>0</c:v>
                </c:pt>
                <c:pt idx="7373">
                  <c:v>0</c:v>
                </c:pt>
                <c:pt idx="7374">
                  <c:v>0</c:v>
                </c:pt>
                <c:pt idx="7375">
                  <c:v>0</c:v>
                </c:pt>
                <c:pt idx="7376">
                  <c:v>0</c:v>
                </c:pt>
                <c:pt idx="7377">
                  <c:v>0</c:v>
                </c:pt>
                <c:pt idx="7378">
                  <c:v>0</c:v>
                </c:pt>
                <c:pt idx="7379">
                  <c:v>0</c:v>
                </c:pt>
                <c:pt idx="7380">
                  <c:v>0</c:v>
                </c:pt>
                <c:pt idx="7381">
                  <c:v>0</c:v>
                </c:pt>
                <c:pt idx="7382">
                  <c:v>0</c:v>
                </c:pt>
                <c:pt idx="7383">
                  <c:v>0</c:v>
                </c:pt>
                <c:pt idx="7384">
                  <c:v>0</c:v>
                </c:pt>
                <c:pt idx="7385">
                  <c:v>0</c:v>
                </c:pt>
                <c:pt idx="7386">
                  <c:v>0</c:v>
                </c:pt>
                <c:pt idx="7387">
                  <c:v>0</c:v>
                </c:pt>
                <c:pt idx="7388">
                  <c:v>0</c:v>
                </c:pt>
                <c:pt idx="7389">
                  <c:v>0</c:v>
                </c:pt>
                <c:pt idx="7390">
                  <c:v>0</c:v>
                </c:pt>
                <c:pt idx="7391">
                  <c:v>0</c:v>
                </c:pt>
                <c:pt idx="7392">
                  <c:v>0</c:v>
                </c:pt>
                <c:pt idx="7393">
                  <c:v>0</c:v>
                </c:pt>
                <c:pt idx="7394">
                  <c:v>0</c:v>
                </c:pt>
                <c:pt idx="7395">
                  <c:v>0</c:v>
                </c:pt>
                <c:pt idx="7396">
                  <c:v>0</c:v>
                </c:pt>
                <c:pt idx="7397">
                  <c:v>0</c:v>
                </c:pt>
                <c:pt idx="7398">
                  <c:v>0</c:v>
                </c:pt>
                <c:pt idx="7399">
                  <c:v>0</c:v>
                </c:pt>
                <c:pt idx="7400">
                  <c:v>0</c:v>
                </c:pt>
                <c:pt idx="7401">
                  <c:v>0</c:v>
                </c:pt>
                <c:pt idx="7402">
                  <c:v>0</c:v>
                </c:pt>
                <c:pt idx="7403">
                  <c:v>0</c:v>
                </c:pt>
                <c:pt idx="7404">
                  <c:v>0</c:v>
                </c:pt>
                <c:pt idx="7405">
                  <c:v>0</c:v>
                </c:pt>
                <c:pt idx="7406">
                  <c:v>0</c:v>
                </c:pt>
                <c:pt idx="7407">
                  <c:v>0</c:v>
                </c:pt>
                <c:pt idx="7408">
                  <c:v>0</c:v>
                </c:pt>
                <c:pt idx="7409">
                  <c:v>0</c:v>
                </c:pt>
                <c:pt idx="7410">
                  <c:v>0</c:v>
                </c:pt>
                <c:pt idx="7411">
                  <c:v>0</c:v>
                </c:pt>
                <c:pt idx="7412">
                  <c:v>0</c:v>
                </c:pt>
                <c:pt idx="7413">
                  <c:v>0</c:v>
                </c:pt>
                <c:pt idx="7414">
                  <c:v>0</c:v>
                </c:pt>
                <c:pt idx="7415">
                  <c:v>0</c:v>
                </c:pt>
                <c:pt idx="7416">
                  <c:v>0</c:v>
                </c:pt>
                <c:pt idx="7417">
                  <c:v>0</c:v>
                </c:pt>
                <c:pt idx="7418">
                  <c:v>0</c:v>
                </c:pt>
                <c:pt idx="7419">
                  <c:v>0</c:v>
                </c:pt>
                <c:pt idx="7420">
                  <c:v>0</c:v>
                </c:pt>
                <c:pt idx="7421">
                  <c:v>0</c:v>
                </c:pt>
                <c:pt idx="7422">
                  <c:v>0</c:v>
                </c:pt>
                <c:pt idx="7423">
                  <c:v>0</c:v>
                </c:pt>
                <c:pt idx="7424">
                  <c:v>0</c:v>
                </c:pt>
                <c:pt idx="7425">
                  <c:v>0</c:v>
                </c:pt>
                <c:pt idx="7426">
                  <c:v>0</c:v>
                </c:pt>
                <c:pt idx="7427">
                  <c:v>0</c:v>
                </c:pt>
                <c:pt idx="7428">
                  <c:v>0</c:v>
                </c:pt>
                <c:pt idx="7429">
                  <c:v>0</c:v>
                </c:pt>
                <c:pt idx="7430">
                  <c:v>0</c:v>
                </c:pt>
                <c:pt idx="7431">
                  <c:v>0</c:v>
                </c:pt>
                <c:pt idx="7432">
                  <c:v>0</c:v>
                </c:pt>
                <c:pt idx="7433">
                  <c:v>0</c:v>
                </c:pt>
                <c:pt idx="7434">
                  <c:v>0</c:v>
                </c:pt>
                <c:pt idx="7435">
                  <c:v>0</c:v>
                </c:pt>
                <c:pt idx="7436">
                  <c:v>0</c:v>
                </c:pt>
                <c:pt idx="7437">
                  <c:v>0</c:v>
                </c:pt>
                <c:pt idx="7438">
                  <c:v>0</c:v>
                </c:pt>
                <c:pt idx="7439">
                  <c:v>0</c:v>
                </c:pt>
                <c:pt idx="7440">
                  <c:v>0</c:v>
                </c:pt>
                <c:pt idx="7441">
                  <c:v>0</c:v>
                </c:pt>
                <c:pt idx="7442">
                  <c:v>0</c:v>
                </c:pt>
                <c:pt idx="7443">
                  <c:v>0</c:v>
                </c:pt>
                <c:pt idx="7444">
                  <c:v>0</c:v>
                </c:pt>
                <c:pt idx="7445">
                  <c:v>0</c:v>
                </c:pt>
                <c:pt idx="7446">
                  <c:v>0</c:v>
                </c:pt>
                <c:pt idx="7447">
                  <c:v>0</c:v>
                </c:pt>
                <c:pt idx="7448">
                  <c:v>0</c:v>
                </c:pt>
                <c:pt idx="7449">
                  <c:v>0</c:v>
                </c:pt>
                <c:pt idx="7450">
                  <c:v>0</c:v>
                </c:pt>
                <c:pt idx="7451">
                  <c:v>0</c:v>
                </c:pt>
                <c:pt idx="7452">
                  <c:v>0</c:v>
                </c:pt>
                <c:pt idx="7453">
                  <c:v>0</c:v>
                </c:pt>
                <c:pt idx="7454">
                  <c:v>0</c:v>
                </c:pt>
                <c:pt idx="7455">
                  <c:v>0</c:v>
                </c:pt>
                <c:pt idx="7456">
                  <c:v>0</c:v>
                </c:pt>
                <c:pt idx="7457">
                  <c:v>0</c:v>
                </c:pt>
                <c:pt idx="7458">
                  <c:v>0</c:v>
                </c:pt>
                <c:pt idx="7459">
                  <c:v>0</c:v>
                </c:pt>
                <c:pt idx="7460">
                  <c:v>0</c:v>
                </c:pt>
                <c:pt idx="7461">
                  <c:v>0</c:v>
                </c:pt>
                <c:pt idx="7462">
                  <c:v>0</c:v>
                </c:pt>
                <c:pt idx="7463">
                  <c:v>0</c:v>
                </c:pt>
                <c:pt idx="7464">
                  <c:v>0</c:v>
                </c:pt>
                <c:pt idx="7465">
                  <c:v>0</c:v>
                </c:pt>
                <c:pt idx="7466">
                  <c:v>0</c:v>
                </c:pt>
                <c:pt idx="7467">
                  <c:v>0</c:v>
                </c:pt>
                <c:pt idx="7468">
                  <c:v>0</c:v>
                </c:pt>
                <c:pt idx="7469">
                  <c:v>0</c:v>
                </c:pt>
                <c:pt idx="7470">
                  <c:v>0</c:v>
                </c:pt>
                <c:pt idx="7471">
                  <c:v>0</c:v>
                </c:pt>
                <c:pt idx="7472">
                  <c:v>0</c:v>
                </c:pt>
                <c:pt idx="7473">
                  <c:v>0</c:v>
                </c:pt>
                <c:pt idx="7474">
                  <c:v>0</c:v>
                </c:pt>
                <c:pt idx="7475">
                  <c:v>0</c:v>
                </c:pt>
                <c:pt idx="7476">
                  <c:v>0</c:v>
                </c:pt>
                <c:pt idx="7477">
                  <c:v>0</c:v>
                </c:pt>
                <c:pt idx="7478">
                  <c:v>0</c:v>
                </c:pt>
                <c:pt idx="7479">
                  <c:v>0</c:v>
                </c:pt>
                <c:pt idx="7480">
                  <c:v>0</c:v>
                </c:pt>
                <c:pt idx="7481">
                  <c:v>0</c:v>
                </c:pt>
                <c:pt idx="7482">
                  <c:v>0</c:v>
                </c:pt>
                <c:pt idx="7483">
                  <c:v>0</c:v>
                </c:pt>
                <c:pt idx="7484">
                  <c:v>0</c:v>
                </c:pt>
                <c:pt idx="7485">
                  <c:v>0</c:v>
                </c:pt>
                <c:pt idx="7486">
                  <c:v>0</c:v>
                </c:pt>
                <c:pt idx="7487">
                  <c:v>0</c:v>
                </c:pt>
                <c:pt idx="7488">
                  <c:v>0</c:v>
                </c:pt>
                <c:pt idx="7489">
                  <c:v>0</c:v>
                </c:pt>
                <c:pt idx="7490">
                  <c:v>0</c:v>
                </c:pt>
                <c:pt idx="7491">
                  <c:v>0</c:v>
                </c:pt>
                <c:pt idx="7492">
                  <c:v>0</c:v>
                </c:pt>
                <c:pt idx="7493">
                  <c:v>0</c:v>
                </c:pt>
                <c:pt idx="7494">
                  <c:v>0</c:v>
                </c:pt>
                <c:pt idx="7495">
                  <c:v>0</c:v>
                </c:pt>
                <c:pt idx="7496">
                  <c:v>0</c:v>
                </c:pt>
                <c:pt idx="7497">
                  <c:v>0</c:v>
                </c:pt>
                <c:pt idx="7498">
                  <c:v>0</c:v>
                </c:pt>
                <c:pt idx="7499">
                  <c:v>0</c:v>
                </c:pt>
                <c:pt idx="7500">
                  <c:v>0</c:v>
                </c:pt>
                <c:pt idx="7501">
                  <c:v>0</c:v>
                </c:pt>
                <c:pt idx="7502">
                  <c:v>0</c:v>
                </c:pt>
                <c:pt idx="7503">
                  <c:v>0</c:v>
                </c:pt>
                <c:pt idx="7504">
                  <c:v>0</c:v>
                </c:pt>
                <c:pt idx="7505">
                  <c:v>0</c:v>
                </c:pt>
                <c:pt idx="7506">
                  <c:v>0</c:v>
                </c:pt>
                <c:pt idx="7507">
                  <c:v>0</c:v>
                </c:pt>
                <c:pt idx="7508">
                  <c:v>0</c:v>
                </c:pt>
                <c:pt idx="7509">
                  <c:v>0</c:v>
                </c:pt>
                <c:pt idx="7510">
                  <c:v>0</c:v>
                </c:pt>
                <c:pt idx="7511">
                  <c:v>0</c:v>
                </c:pt>
                <c:pt idx="7512">
                  <c:v>0</c:v>
                </c:pt>
                <c:pt idx="7513">
                  <c:v>0</c:v>
                </c:pt>
                <c:pt idx="7514">
                  <c:v>0</c:v>
                </c:pt>
                <c:pt idx="7515">
                  <c:v>0</c:v>
                </c:pt>
                <c:pt idx="7516">
                  <c:v>0</c:v>
                </c:pt>
                <c:pt idx="7517">
                  <c:v>0</c:v>
                </c:pt>
                <c:pt idx="7518">
                  <c:v>0</c:v>
                </c:pt>
                <c:pt idx="7519">
                  <c:v>0</c:v>
                </c:pt>
                <c:pt idx="7520">
                  <c:v>0</c:v>
                </c:pt>
                <c:pt idx="7521">
                  <c:v>0</c:v>
                </c:pt>
                <c:pt idx="7522">
                  <c:v>0</c:v>
                </c:pt>
                <c:pt idx="7523">
                  <c:v>0</c:v>
                </c:pt>
                <c:pt idx="7524">
                  <c:v>0</c:v>
                </c:pt>
                <c:pt idx="7525">
                  <c:v>0</c:v>
                </c:pt>
                <c:pt idx="7526">
                  <c:v>0</c:v>
                </c:pt>
                <c:pt idx="7527">
                  <c:v>0</c:v>
                </c:pt>
                <c:pt idx="7528">
                  <c:v>0</c:v>
                </c:pt>
                <c:pt idx="7529">
                  <c:v>0</c:v>
                </c:pt>
                <c:pt idx="7530">
                  <c:v>0</c:v>
                </c:pt>
                <c:pt idx="7531">
                  <c:v>0</c:v>
                </c:pt>
                <c:pt idx="7532">
                  <c:v>0</c:v>
                </c:pt>
                <c:pt idx="7533">
                  <c:v>0</c:v>
                </c:pt>
                <c:pt idx="7534">
                  <c:v>0</c:v>
                </c:pt>
                <c:pt idx="7535">
                  <c:v>0</c:v>
                </c:pt>
                <c:pt idx="7536">
                  <c:v>0</c:v>
                </c:pt>
                <c:pt idx="7537">
                  <c:v>0</c:v>
                </c:pt>
                <c:pt idx="7538">
                  <c:v>0</c:v>
                </c:pt>
                <c:pt idx="7539">
                  <c:v>0</c:v>
                </c:pt>
                <c:pt idx="7540">
                  <c:v>0</c:v>
                </c:pt>
                <c:pt idx="7541">
                  <c:v>0</c:v>
                </c:pt>
                <c:pt idx="7542">
                  <c:v>0</c:v>
                </c:pt>
                <c:pt idx="7543">
                  <c:v>0</c:v>
                </c:pt>
                <c:pt idx="7544">
                  <c:v>0</c:v>
                </c:pt>
                <c:pt idx="7545">
                  <c:v>0</c:v>
                </c:pt>
                <c:pt idx="7546">
                  <c:v>0</c:v>
                </c:pt>
                <c:pt idx="7547">
                  <c:v>0</c:v>
                </c:pt>
                <c:pt idx="7548">
                  <c:v>0</c:v>
                </c:pt>
                <c:pt idx="7549">
                  <c:v>0</c:v>
                </c:pt>
                <c:pt idx="7550">
                  <c:v>0</c:v>
                </c:pt>
                <c:pt idx="7551">
                  <c:v>0</c:v>
                </c:pt>
                <c:pt idx="7552">
                  <c:v>0</c:v>
                </c:pt>
                <c:pt idx="7553">
                  <c:v>0</c:v>
                </c:pt>
                <c:pt idx="7554">
                  <c:v>0</c:v>
                </c:pt>
                <c:pt idx="7555">
                  <c:v>0</c:v>
                </c:pt>
                <c:pt idx="7556">
                  <c:v>0</c:v>
                </c:pt>
                <c:pt idx="7557">
                  <c:v>0</c:v>
                </c:pt>
                <c:pt idx="7558">
                  <c:v>0</c:v>
                </c:pt>
                <c:pt idx="7559">
                  <c:v>0</c:v>
                </c:pt>
                <c:pt idx="7560">
                  <c:v>0</c:v>
                </c:pt>
                <c:pt idx="7561">
                  <c:v>0</c:v>
                </c:pt>
                <c:pt idx="7562">
                  <c:v>0</c:v>
                </c:pt>
                <c:pt idx="7563">
                  <c:v>0</c:v>
                </c:pt>
                <c:pt idx="7564">
                  <c:v>0</c:v>
                </c:pt>
                <c:pt idx="7565">
                  <c:v>0</c:v>
                </c:pt>
                <c:pt idx="7566">
                  <c:v>0</c:v>
                </c:pt>
                <c:pt idx="7567">
                  <c:v>0</c:v>
                </c:pt>
                <c:pt idx="7568">
                  <c:v>0</c:v>
                </c:pt>
                <c:pt idx="7569">
                  <c:v>0</c:v>
                </c:pt>
                <c:pt idx="7570">
                  <c:v>0</c:v>
                </c:pt>
                <c:pt idx="7571">
                  <c:v>0</c:v>
                </c:pt>
                <c:pt idx="7572">
                  <c:v>0</c:v>
                </c:pt>
                <c:pt idx="7573">
                  <c:v>0</c:v>
                </c:pt>
                <c:pt idx="7574">
                  <c:v>0</c:v>
                </c:pt>
                <c:pt idx="7575">
                  <c:v>0</c:v>
                </c:pt>
                <c:pt idx="7576">
                  <c:v>0</c:v>
                </c:pt>
                <c:pt idx="7577">
                  <c:v>0</c:v>
                </c:pt>
                <c:pt idx="7578">
                  <c:v>0</c:v>
                </c:pt>
                <c:pt idx="7579">
                  <c:v>0</c:v>
                </c:pt>
                <c:pt idx="7580">
                  <c:v>0</c:v>
                </c:pt>
                <c:pt idx="7581">
                  <c:v>0</c:v>
                </c:pt>
                <c:pt idx="7582">
                  <c:v>0</c:v>
                </c:pt>
                <c:pt idx="7583">
                  <c:v>0</c:v>
                </c:pt>
                <c:pt idx="7584">
                  <c:v>0</c:v>
                </c:pt>
                <c:pt idx="7585">
                  <c:v>0</c:v>
                </c:pt>
                <c:pt idx="7586">
                  <c:v>0</c:v>
                </c:pt>
                <c:pt idx="7587">
                  <c:v>0</c:v>
                </c:pt>
                <c:pt idx="7588">
                  <c:v>0</c:v>
                </c:pt>
                <c:pt idx="7589">
                  <c:v>0</c:v>
                </c:pt>
                <c:pt idx="7590">
                  <c:v>0</c:v>
                </c:pt>
                <c:pt idx="7591">
                  <c:v>0</c:v>
                </c:pt>
                <c:pt idx="7592">
                  <c:v>0</c:v>
                </c:pt>
                <c:pt idx="7593">
                  <c:v>0</c:v>
                </c:pt>
                <c:pt idx="7594">
                  <c:v>0</c:v>
                </c:pt>
                <c:pt idx="7595">
                  <c:v>0</c:v>
                </c:pt>
                <c:pt idx="7596">
                  <c:v>0</c:v>
                </c:pt>
                <c:pt idx="7597">
                  <c:v>0</c:v>
                </c:pt>
                <c:pt idx="7598">
                  <c:v>0</c:v>
                </c:pt>
                <c:pt idx="7599">
                  <c:v>0</c:v>
                </c:pt>
                <c:pt idx="7600">
                  <c:v>0</c:v>
                </c:pt>
                <c:pt idx="7601">
                  <c:v>0</c:v>
                </c:pt>
                <c:pt idx="7602">
                  <c:v>0</c:v>
                </c:pt>
                <c:pt idx="7603">
                  <c:v>0</c:v>
                </c:pt>
                <c:pt idx="7604">
                  <c:v>0</c:v>
                </c:pt>
                <c:pt idx="7605">
                  <c:v>0</c:v>
                </c:pt>
                <c:pt idx="7606">
                  <c:v>0</c:v>
                </c:pt>
                <c:pt idx="7607">
                  <c:v>0</c:v>
                </c:pt>
                <c:pt idx="7608">
                  <c:v>0</c:v>
                </c:pt>
                <c:pt idx="7609">
                  <c:v>0</c:v>
                </c:pt>
                <c:pt idx="7610">
                  <c:v>0</c:v>
                </c:pt>
                <c:pt idx="7611">
                  <c:v>0</c:v>
                </c:pt>
                <c:pt idx="7612">
                  <c:v>0</c:v>
                </c:pt>
                <c:pt idx="7613">
                  <c:v>0</c:v>
                </c:pt>
                <c:pt idx="7614">
                  <c:v>0</c:v>
                </c:pt>
                <c:pt idx="7615">
                  <c:v>0</c:v>
                </c:pt>
                <c:pt idx="7616">
                  <c:v>0</c:v>
                </c:pt>
                <c:pt idx="7617">
                  <c:v>0</c:v>
                </c:pt>
                <c:pt idx="7618">
                  <c:v>0</c:v>
                </c:pt>
                <c:pt idx="7619">
                  <c:v>0</c:v>
                </c:pt>
                <c:pt idx="7620">
                  <c:v>0</c:v>
                </c:pt>
                <c:pt idx="7621">
                  <c:v>0</c:v>
                </c:pt>
                <c:pt idx="7622">
                  <c:v>0</c:v>
                </c:pt>
                <c:pt idx="7623">
                  <c:v>0</c:v>
                </c:pt>
                <c:pt idx="7624">
                  <c:v>0</c:v>
                </c:pt>
                <c:pt idx="7625">
                  <c:v>0</c:v>
                </c:pt>
                <c:pt idx="7626">
                  <c:v>0</c:v>
                </c:pt>
                <c:pt idx="7627">
                  <c:v>0</c:v>
                </c:pt>
                <c:pt idx="7628">
                  <c:v>0</c:v>
                </c:pt>
                <c:pt idx="7629">
                  <c:v>0</c:v>
                </c:pt>
                <c:pt idx="7630">
                  <c:v>0</c:v>
                </c:pt>
                <c:pt idx="7631">
                  <c:v>0</c:v>
                </c:pt>
                <c:pt idx="7632">
                  <c:v>0</c:v>
                </c:pt>
                <c:pt idx="7633">
                  <c:v>0</c:v>
                </c:pt>
                <c:pt idx="7634">
                  <c:v>0</c:v>
                </c:pt>
                <c:pt idx="7635">
                  <c:v>0</c:v>
                </c:pt>
                <c:pt idx="7636">
                  <c:v>0</c:v>
                </c:pt>
                <c:pt idx="7637">
                  <c:v>0</c:v>
                </c:pt>
                <c:pt idx="7638">
                  <c:v>0</c:v>
                </c:pt>
                <c:pt idx="7639">
                  <c:v>0</c:v>
                </c:pt>
                <c:pt idx="7640">
                  <c:v>0</c:v>
                </c:pt>
                <c:pt idx="7641">
                  <c:v>0</c:v>
                </c:pt>
                <c:pt idx="7642">
                  <c:v>0</c:v>
                </c:pt>
                <c:pt idx="7643">
                  <c:v>0</c:v>
                </c:pt>
                <c:pt idx="7644">
                  <c:v>0</c:v>
                </c:pt>
                <c:pt idx="7645">
                  <c:v>0</c:v>
                </c:pt>
                <c:pt idx="7646">
                  <c:v>0</c:v>
                </c:pt>
                <c:pt idx="7647">
                  <c:v>0</c:v>
                </c:pt>
                <c:pt idx="7648">
                  <c:v>0</c:v>
                </c:pt>
                <c:pt idx="7649">
                  <c:v>0</c:v>
                </c:pt>
                <c:pt idx="7650">
                  <c:v>0</c:v>
                </c:pt>
                <c:pt idx="7651">
                  <c:v>0</c:v>
                </c:pt>
                <c:pt idx="7652">
                  <c:v>0</c:v>
                </c:pt>
                <c:pt idx="7653">
                  <c:v>0</c:v>
                </c:pt>
                <c:pt idx="7654">
                  <c:v>0</c:v>
                </c:pt>
                <c:pt idx="7655">
                  <c:v>0</c:v>
                </c:pt>
                <c:pt idx="7656">
                  <c:v>0</c:v>
                </c:pt>
                <c:pt idx="7657">
                  <c:v>0</c:v>
                </c:pt>
                <c:pt idx="7658">
                  <c:v>0</c:v>
                </c:pt>
                <c:pt idx="7659">
                  <c:v>0</c:v>
                </c:pt>
                <c:pt idx="7660">
                  <c:v>0</c:v>
                </c:pt>
                <c:pt idx="7661">
                  <c:v>0</c:v>
                </c:pt>
                <c:pt idx="7662">
                  <c:v>0</c:v>
                </c:pt>
                <c:pt idx="7663">
                  <c:v>0</c:v>
                </c:pt>
                <c:pt idx="7664">
                  <c:v>0</c:v>
                </c:pt>
                <c:pt idx="7665">
                  <c:v>0</c:v>
                </c:pt>
                <c:pt idx="7666">
                  <c:v>0</c:v>
                </c:pt>
                <c:pt idx="7667">
                  <c:v>0</c:v>
                </c:pt>
                <c:pt idx="7668">
                  <c:v>0</c:v>
                </c:pt>
                <c:pt idx="7669">
                  <c:v>0</c:v>
                </c:pt>
                <c:pt idx="7670">
                  <c:v>0</c:v>
                </c:pt>
                <c:pt idx="7671">
                  <c:v>0</c:v>
                </c:pt>
                <c:pt idx="7672">
                  <c:v>0</c:v>
                </c:pt>
                <c:pt idx="7673">
                  <c:v>0</c:v>
                </c:pt>
                <c:pt idx="7674">
                  <c:v>0</c:v>
                </c:pt>
                <c:pt idx="7675">
                  <c:v>0</c:v>
                </c:pt>
                <c:pt idx="7676">
                  <c:v>0</c:v>
                </c:pt>
                <c:pt idx="7677">
                  <c:v>0</c:v>
                </c:pt>
                <c:pt idx="7678">
                  <c:v>0</c:v>
                </c:pt>
                <c:pt idx="7679">
                  <c:v>0</c:v>
                </c:pt>
                <c:pt idx="7680">
                  <c:v>0</c:v>
                </c:pt>
                <c:pt idx="7681">
                  <c:v>0</c:v>
                </c:pt>
                <c:pt idx="7682">
                  <c:v>0</c:v>
                </c:pt>
                <c:pt idx="7683">
                  <c:v>0</c:v>
                </c:pt>
                <c:pt idx="7684">
                  <c:v>0</c:v>
                </c:pt>
                <c:pt idx="7685">
                  <c:v>0</c:v>
                </c:pt>
                <c:pt idx="7686">
                  <c:v>0</c:v>
                </c:pt>
                <c:pt idx="7687">
                  <c:v>0</c:v>
                </c:pt>
                <c:pt idx="7688">
                  <c:v>0</c:v>
                </c:pt>
                <c:pt idx="7689">
                  <c:v>0</c:v>
                </c:pt>
                <c:pt idx="7690">
                  <c:v>0</c:v>
                </c:pt>
                <c:pt idx="7691">
                  <c:v>0</c:v>
                </c:pt>
                <c:pt idx="7692">
                  <c:v>0</c:v>
                </c:pt>
                <c:pt idx="7693">
                  <c:v>0</c:v>
                </c:pt>
                <c:pt idx="7694">
                  <c:v>0</c:v>
                </c:pt>
                <c:pt idx="7695">
                  <c:v>0</c:v>
                </c:pt>
                <c:pt idx="7696">
                  <c:v>0</c:v>
                </c:pt>
                <c:pt idx="7697">
                  <c:v>0</c:v>
                </c:pt>
                <c:pt idx="7698">
                  <c:v>0</c:v>
                </c:pt>
                <c:pt idx="7699">
                  <c:v>0</c:v>
                </c:pt>
                <c:pt idx="7700">
                  <c:v>0</c:v>
                </c:pt>
                <c:pt idx="7701">
                  <c:v>0</c:v>
                </c:pt>
                <c:pt idx="7702">
                  <c:v>0</c:v>
                </c:pt>
                <c:pt idx="7703">
                  <c:v>0</c:v>
                </c:pt>
                <c:pt idx="7704">
                  <c:v>0</c:v>
                </c:pt>
                <c:pt idx="7705">
                  <c:v>0</c:v>
                </c:pt>
                <c:pt idx="7706">
                  <c:v>0</c:v>
                </c:pt>
                <c:pt idx="7707">
                  <c:v>0</c:v>
                </c:pt>
                <c:pt idx="7708">
                  <c:v>0</c:v>
                </c:pt>
                <c:pt idx="7709">
                  <c:v>0</c:v>
                </c:pt>
                <c:pt idx="7710">
                  <c:v>0</c:v>
                </c:pt>
                <c:pt idx="7711">
                  <c:v>0</c:v>
                </c:pt>
                <c:pt idx="7712">
                  <c:v>0</c:v>
                </c:pt>
                <c:pt idx="7713">
                  <c:v>0</c:v>
                </c:pt>
                <c:pt idx="7714">
                  <c:v>0</c:v>
                </c:pt>
                <c:pt idx="7715">
                  <c:v>0</c:v>
                </c:pt>
                <c:pt idx="7716">
                  <c:v>0</c:v>
                </c:pt>
                <c:pt idx="7717">
                  <c:v>0</c:v>
                </c:pt>
                <c:pt idx="7718">
                  <c:v>0</c:v>
                </c:pt>
                <c:pt idx="7719">
                  <c:v>0</c:v>
                </c:pt>
                <c:pt idx="7720">
                  <c:v>0</c:v>
                </c:pt>
                <c:pt idx="7721">
                  <c:v>0</c:v>
                </c:pt>
                <c:pt idx="7722">
                  <c:v>0</c:v>
                </c:pt>
                <c:pt idx="7723">
                  <c:v>0</c:v>
                </c:pt>
                <c:pt idx="7724">
                  <c:v>0</c:v>
                </c:pt>
                <c:pt idx="7725">
                  <c:v>0</c:v>
                </c:pt>
                <c:pt idx="7726">
                  <c:v>0</c:v>
                </c:pt>
                <c:pt idx="7727">
                  <c:v>0</c:v>
                </c:pt>
                <c:pt idx="7728">
                  <c:v>0</c:v>
                </c:pt>
                <c:pt idx="7729">
                  <c:v>0</c:v>
                </c:pt>
                <c:pt idx="7730">
                  <c:v>0</c:v>
                </c:pt>
                <c:pt idx="7731">
                  <c:v>0</c:v>
                </c:pt>
                <c:pt idx="7732">
                  <c:v>0</c:v>
                </c:pt>
                <c:pt idx="7733">
                  <c:v>0</c:v>
                </c:pt>
                <c:pt idx="7734">
                  <c:v>0</c:v>
                </c:pt>
                <c:pt idx="7735">
                  <c:v>0</c:v>
                </c:pt>
                <c:pt idx="7736">
                  <c:v>0</c:v>
                </c:pt>
                <c:pt idx="7737">
                  <c:v>0</c:v>
                </c:pt>
                <c:pt idx="7738">
                  <c:v>0</c:v>
                </c:pt>
                <c:pt idx="7739">
                  <c:v>0</c:v>
                </c:pt>
                <c:pt idx="7740">
                  <c:v>0</c:v>
                </c:pt>
                <c:pt idx="7741">
                  <c:v>0</c:v>
                </c:pt>
                <c:pt idx="7742">
                  <c:v>0</c:v>
                </c:pt>
                <c:pt idx="7743">
                  <c:v>0</c:v>
                </c:pt>
                <c:pt idx="7744">
                  <c:v>0</c:v>
                </c:pt>
                <c:pt idx="7745">
                  <c:v>0</c:v>
                </c:pt>
                <c:pt idx="7746">
                  <c:v>0</c:v>
                </c:pt>
                <c:pt idx="7747">
                  <c:v>0</c:v>
                </c:pt>
                <c:pt idx="7748">
                  <c:v>0</c:v>
                </c:pt>
                <c:pt idx="7749">
                  <c:v>0</c:v>
                </c:pt>
                <c:pt idx="7750">
                  <c:v>0</c:v>
                </c:pt>
                <c:pt idx="7751">
                  <c:v>0</c:v>
                </c:pt>
                <c:pt idx="7752">
                  <c:v>0</c:v>
                </c:pt>
                <c:pt idx="7753">
                  <c:v>0</c:v>
                </c:pt>
                <c:pt idx="7754">
                  <c:v>0</c:v>
                </c:pt>
                <c:pt idx="7755">
                  <c:v>0</c:v>
                </c:pt>
                <c:pt idx="7756">
                  <c:v>0</c:v>
                </c:pt>
                <c:pt idx="7757">
                  <c:v>0</c:v>
                </c:pt>
                <c:pt idx="7758">
                  <c:v>0</c:v>
                </c:pt>
                <c:pt idx="7759">
                  <c:v>0</c:v>
                </c:pt>
                <c:pt idx="7760">
                  <c:v>0</c:v>
                </c:pt>
                <c:pt idx="7761">
                  <c:v>0</c:v>
                </c:pt>
                <c:pt idx="7762">
                  <c:v>0</c:v>
                </c:pt>
                <c:pt idx="7763">
                  <c:v>0</c:v>
                </c:pt>
                <c:pt idx="7764">
                  <c:v>0</c:v>
                </c:pt>
                <c:pt idx="7765">
                  <c:v>0</c:v>
                </c:pt>
                <c:pt idx="7766">
                  <c:v>0</c:v>
                </c:pt>
                <c:pt idx="7767">
                  <c:v>0</c:v>
                </c:pt>
                <c:pt idx="7768">
                  <c:v>0</c:v>
                </c:pt>
                <c:pt idx="7769">
                  <c:v>0</c:v>
                </c:pt>
                <c:pt idx="7770">
                  <c:v>0</c:v>
                </c:pt>
                <c:pt idx="7771">
                  <c:v>0</c:v>
                </c:pt>
                <c:pt idx="7772">
                  <c:v>0</c:v>
                </c:pt>
                <c:pt idx="7773">
                  <c:v>0</c:v>
                </c:pt>
                <c:pt idx="7774">
                  <c:v>0</c:v>
                </c:pt>
                <c:pt idx="7775">
                  <c:v>0</c:v>
                </c:pt>
                <c:pt idx="7776">
                  <c:v>0</c:v>
                </c:pt>
                <c:pt idx="7777">
                  <c:v>0</c:v>
                </c:pt>
                <c:pt idx="7778">
                  <c:v>0</c:v>
                </c:pt>
                <c:pt idx="7779">
                  <c:v>0</c:v>
                </c:pt>
                <c:pt idx="7780">
                  <c:v>0</c:v>
                </c:pt>
                <c:pt idx="7781">
                  <c:v>0</c:v>
                </c:pt>
                <c:pt idx="7782">
                  <c:v>0</c:v>
                </c:pt>
                <c:pt idx="7783">
                  <c:v>0</c:v>
                </c:pt>
                <c:pt idx="7784">
                  <c:v>0</c:v>
                </c:pt>
                <c:pt idx="7785">
                  <c:v>0</c:v>
                </c:pt>
                <c:pt idx="7786">
                  <c:v>0</c:v>
                </c:pt>
                <c:pt idx="7787">
                  <c:v>0</c:v>
                </c:pt>
                <c:pt idx="7788">
                  <c:v>0</c:v>
                </c:pt>
                <c:pt idx="7789">
                  <c:v>0</c:v>
                </c:pt>
                <c:pt idx="7790">
                  <c:v>0</c:v>
                </c:pt>
                <c:pt idx="7791">
                  <c:v>0</c:v>
                </c:pt>
                <c:pt idx="7792">
                  <c:v>0</c:v>
                </c:pt>
                <c:pt idx="7793">
                  <c:v>0</c:v>
                </c:pt>
                <c:pt idx="7794">
                  <c:v>0</c:v>
                </c:pt>
                <c:pt idx="7795">
                  <c:v>0</c:v>
                </c:pt>
                <c:pt idx="7796">
                  <c:v>0</c:v>
                </c:pt>
                <c:pt idx="7797">
                  <c:v>0</c:v>
                </c:pt>
                <c:pt idx="7798">
                  <c:v>0</c:v>
                </c:pt>
                <c:pt idx="7799">
                  <c:v>0</c:v>
                </c:pt>
                <c:pt idx="7800">
                  <c:v>0</c:v>
                </c:pt>
                <c:pt idx="7801">
                  <c:v>0</c:v>
                </c:pt>
                <c:pt idx="7802">
                  <c:v>0</c:v>
                </c:pt>
                <c:pt idx="7803">
                  <c:v>0</c:v>
                </c:pt>
                <c:pt idx="7804">
                  <c:v>0</c:v>
                </c:pt>
                <c:pt idx="7805">
                  <c:v>0</c:v>
                </c:pt>
                <c:pt idx="7806">
                  <c:v>0</c:v>
                </c:pt>
                <c:pt idx="7807">
                  <c:v>0</c:v>
                </c:pt>
                <c:pt idx="7808">
                  <c:v>0</c:v>
                </c:pt>
                <c:pt idx="7809">
                  <c:v>0</c:v>
                </c:pt>
                <c:pt idx="7810">
                  <c:v>0</c:v>
                </c:pt>
                <c:pt idx="7811">
                  <c:v>0</c:v>
                </c:pt>
                <c:pt idx="7812">
                  <c:v>0</c:v>
                </c:pt>
                <c:pt idx="7813">
                  <c:v>0</c:v>
                </c:pt>
                <c:pt idx="7814">
                  <c:v>0</c:v>
                </c:pt>
                <c:pt idx="7815">
                  <c:v>0</c:v>
                </c:pt>
                <c:pt idx="7816">
                  <c:v>0</c:v>
                </c:pt>
                <c:pt idx="7817">
                  <c:v>0</c:v>
                </c:pt>
                <c:pt idx="7818">
                  <c:v>0</c:v>
                </c:pt>
                <c:pt idx="7819">
                  <c:v>0</c:v>
                </c:pt>
                <c:pt idx="7820">
                  <c:v>0</c:v>
                </c:pt>
                <c:pt idx="7821">
                  <c:v>0</c:v>
                </c:pt>
                <c:pt idx="7822">
                  <c:v>0</c:v>
                </c:pt>
                <c:pt idx="7823">
                  <c:v>0</c:v>
                </c:pt>
                <c:pt idx="7824">
                  <c:v>0</c:v>
                </c:pt>
                <c:pt idx="7825">
                  <c:v>0</c:v>
                </c:pt>
                <c:pt idx="7826">
                  <c:v>0</c:v>
                </c:pt>
                <c:pt idx="7827">
                  <c:v>0</c:v>
                </c:pt>
                <c:pt idx="7828">
                  <c:v>0</c:v>
                </c:pt>
                <c:pt idx="7829">
                  <c:v>0</c:v>
                </c:pt>
                <c:pt idx="7830">
                  <c:v>0</c:v>
                </c:pt>
                <c:pt idx="7831">
                  <c:v>0</c:v>
                </c:pt>
                <c:pt idx="7832">
                  <c:v>0</c:v>
                </c:pt>
                <c:pt idx="7833">
                  <c:v>0</c:v>
                </c:pt>
                <c:pt idx="7834">
                  <c:v>0</c:v>
                </c:pt>
                <c:pt idx="7835">
                  <c:v>0</c:v>
                </c:pt>
                <c:pt idx="7836">
                  <c:v>0</c:v>
                </c:pt>
                <c:pt idx="7837">
                  <c:v>0</c:v>
                </c:pt>
                <c:pt idx="7838">
                  <c:v>0</c:v>
                </c:pt>
                <c:pt idx="7839">
                  <c:v>0</c:v>
                </c:pt>
                <c:pt idx="7840">
                  <c:v>0</c:v>
                </c:pt>
                <c:pt idx="7841">
                  <c:v>0</c:v>
                </c:pt>
                <c:pt idx="7842">
                  <c:v>0</c:v>
                </c:pt>
                <c:pt idx="7843">
                  <c:v>0</c:v>
                </c:pt>
                <c:pt idx="7844">
                  <c:v>0</c:v>
                </c:pt>
                <c:pt idx="7845">
                  <c:v>0</c:v>
                </c:pt>
                <c:pt idx="7846">
                  <c:v>0</c:v>
                </c:pt>
                <c:pt idx="7847">
                  <c:v>0</c:v>
                </c:pt>
                <c:pt idx="7848">
                  <c:v>0</c:v>
                </c:pt>
                <c:pt idx="7849">
                  <c:v>0</c:v>
                </c:pt>
                <c:pt idx="7850">
                  <c:v>0</c:v>
                </c:pt>
                <c:pt idx="7851">
                  <c:v>0</c:v>
                </c:pt>
                <c:pt idx="7852">
                  <c:v>0</c:v>
                </c:pt>
                <c:pt idx="7853">
                  <c:v>0</c:v>
                </c:pt>
                <c:pt idx="7854">
                  <c:v>0</c:v>
                </c:pt>
                <c:pt idx="7855">
                  <c:v>0</c:v>
                </c:pt>
                <c:pt idx="7856">
                  <c:v>0</c:v>
                </c:pt>
                <c:pt idx="7857">
                  <c:v>0</c:v>
                </c:pt>
                <c:pt idx="7858">
                  <c:v>0</c:v>
                </c:pt>
                <c:pt idx="7859">
                  <c:v>0</c:v>
                </c:pt>
                <c:pt idx="7860">
                  <c:v>0</c:v>
                </c:pt>
                <c:pt idx="7861">
                  <c:v>0</c:v>
                </c:pt>
                <c:pt idx="7862">
                  <c:v>0</c:v>
                </c:pt>
                <c:pt idx="7863">
                  <c:v>0</c:v>
                </c:pt>
                <c:pt idx="7864">
                  <c:v>0</c:v>
                </c:pt>
                <c:pt idx="7865">
                  <c:v>0</c:v>
                </c:pt>
                <c:pt idx="7866">
                  <c:v>0</c:v>
                </c:pt>
                <c:pt idx="7867">
                  <c:v>0</c:v>
                </c:pt>
                <c:pt idx="7868">
                  <c:v>0</c:v>
                </c:pt>
                <c:pt idx="7869">
                  <c:v>0</c:v>
                </c:pt>
                <c:pt idx="7870">
                  <c:v>0</c:v>
                </c:pt>
                <c:pt idx="7871">
                  <c:v>0</c:v>
                </c:pt>
                <c:pt idx="7872">
                  <c:v>0</c:v>
                </c:pt>
                <c:pt idx="7873">
                  <c:v>0</c:v>
                </c:pt>
                <c:pt idx="7874">
                  <c:v>0</c:v>
                </c:pt>
                <c:pt idx="7875">
                  <c:v>0</c:v>
                </c:pt>
                <c:pt idx="7876">
                  <c:v>0</c:v>
                </c:pt>
                <c:pt idx="7877">
                  <c:v>0</c:v>
                </c:pt>
                <c:pt idx="7878">
                  <c:v>0</c:v>
                </c:pt>
                <c:pt idx="7879">
                  <c:v>0</c:v>
                </c:pt>
                <c:pt idx="7880">
                  <c:v>0</c:v>
                </c:pt>
                <c:pt idx="7881">
                  <c:v>0</c:v>
                </c:pt>
                <c:pt idx="7882">
                  <c:v>0</c:v>
                </c:pt>
                <c:pt idx="7883">
                  <c:v>0</c:v>
                </c:pt>
                <c:pt idx="7884">
                  <c:v>0</c:v>
                </c:pt>
                <c:pt idx="7885">
                  <c:v>0</c:v>
                </c:pt>
                <c:pt idx="7886">
                  <c:v>0</c:v>
                </c:pt>
                <c:pt idx="7887">
                  <c:v>0</c:v>
                </c:pt>
                <c:pt idx="7888">
                  <c:v>0</c:v>
                </c:pt>
                <c:pt idx="7889">
                  <c:v>0</c:v>
                </c:pt>
                <c:pt idx="7890">
                  <c:v>0</c:v>
                </c:pt>
                <c:pt idx="7891">
                  <c:v>0</c:v>
                </c:pt>
                <c:pt idx="7892">
                  <c:v>0</c:v>
                </c:pt>
                <c:pt idx="7893">
                  <c:v>0</c:v>
                </c:pt>
                <c:pt idx="7894">
                  <c:v>0</c:v>
                </c:pt>
                <c:pt idx="7895">
                  <c:v>0</c:v>
                </c:pt>
                <c:pt idx="7896">
                  <c:v>0</c:v>
                </c:pt>
                <c:pt idx="7897">
                  <c:v>0</c:v>
                </c:pt>
                <c:pt idx="7898">
                  <c:v>0</c:v>
                </c:pt>
                <c:pt idx="7899">
                  <c:v>0</c:v>
                </c:pt>
                <c:pt idx="7900">
                  <c:v>0</c:v>
                </c:pt>
                <c:pt idx="7901">
                  <c:v>0</c:v>
                </c:pt>
                <c:pt idx="7902">
                  <c:v>0</c:v>
                </c:pt>
                <c:pt idx="7903">
                  <c:v>0</c:v>
                </c:pt>
                <c:pt idx="7904">
                  <c:v>0</c:v>
                </c:pt>
                <c:pt idx="7905">
                  <c:v>0</c:v>
                </c:pt>
                <c:pt idx="7906">
                  <c:v>0</c:v>
                </c:pt>
                <c:pt idx="7907">
                  <c:v>0</c:v>
                </c:pt>
                <c:pt idx="7908">
                  <c:v>0</c:v>
                </c:pt>
                <c:pt idx="7909">
                  <c:v>0</c:v>
                </c:pt>
                <c:pt idx="7910">
                  <c:v>0</c:v>
                </c:pt>
                <c:pt idx="7911">
                  <c:v>0</c:v>
                </c:pt>
                <c:pt idx="7912">
                  <c:v>0</c:v>
                </c:pt>
                <c:pt idx="7913">
                  <c:v>0</c:v>
                </c:pt>
                <c:pt idx="7914">
                  <c:v>0</c:v>
                </c:pt>
                <c:pt idx="7915">
                  <c:v>0</c:v>
                </c:pt>
                <c:pt idx="7916">
                  <c:v>0</c:v>
                </c:pt>
                <c:pt idx="7917">
                  <c:v>0</c:v>
                </c:pt>
                <c:pt idx="7918">
                  <c:v>0</c:v>
                </c:pt>
                <c:pt idx="7919">
                  <c:v>0</c:v>
                </c:pt>
                <c:pt idx="7920">
                  <c:v>0</c:v>
                </c:pt>
                <c:pt idx="7921">
                  <c:v>0</c:v>
                </c:pt>
                <c:pt idx="7922">
                  <c:v>0</c:v>
                </c:pt>
                <c:pt idx="7923">
                  <c:v>0</c:v>
                </c:pt>
                <c:pt idx="7924">
                  <c:v>0</c:v>
                </c:pt>
                <c:pt idx="7925">
                  <c:v>0</c:v>
                </c:pt>
                <c:pt idx="7926">
                  <c:v>0</c:v>
                </c:pt>
                <c:pt idx="7927">
                  <c:v>0</c:v>
                </c:pt>
                <c:pt idx="7928">
                  <c:v>0</c:v>
                </c:pt>
                <c:pt idx="7929">
                  <c:v>0</c:v>
                </c:pt>
                <c:pt idx="7930">
                  <c:v>0</c:v>
                </c:pt>
                <c:pt idx="7931">
                  <c:v>0</c:v>
                </c:pt>
                <c:pt idx="7932">
                  <c:v>0</c:v>
                </c:pt>
                <c:pt idx="7933">
                  <c:v>0</c:v>
                </c:pt>
                <c:pt idx="7934">
                  <c:v>0</c:v>
                </c:pt>
                <c:pt idx="7935">
                  <c:v>0</c:v>
                </c:pt>
                <c:pt idx="7936">
                  <c:v>0</c:v>
                </c:pt>
                <c:pt idx="7937">
                  <c:v>0</c:v>
                </c:pt>
                <c:pt idx="7938">
                  <c:v>0</c:v>
                </c:pt>
                <c:pt idx="7939">
                  <c:v>0</c:v>
                </c:pt>
                <c:pt idx="7940">
                  <c:v>0</c:v>
                </c:pt>
                <c:pt idx="7941">
                  <c:v>0</c:v>
                </c:pt>
                <c:pt idx="7942">
                  <c:v>0</c:v>
                </c:pt>
                <c:pt idx="7943">
                  <c:v>0</c:v>
                </c:pt>
                <c:pt idx="7944">
                  <c:v>0</c:v>
                </c:pt>
                <c:pt idx="7945">
                  <c:v>0</c:v>
                </c:pt>
                <c:pt idx="7946">
                  <c:v>0</c:v>
                </c:pt>
                <c:pt idx="7947">
                  <c:v>0</c:v>
                </c:pt>
                <c:pt idx="7948">
                  <c:v>0</c:v>
                </c:pt>
                <c:pt idx="7949">
                  <c:v>0</c:v>
                </c:pt>
                <c:pt idx="7950">
                  <c:v>0</c:v>
                </c:pt>
                <c:pt idx="7951">
                  <c:v>0</c:v>
                </c:pt>
                <c:pt idx="7952">
                  <c:v>0</c:v>
                </c:pt>
                <c:pt idx="7953">
                  <c:v>0</c:v>
                </c:pt>
                <c:pt idx="7954">
                  <c:v>0</c:v>
                </c:pt>
                <c:pt idx="7955">
                  <c:v>0</c:v>
                </c:pt>
                <c:pt idx="7956">
                  <c:v>0</c:v>
                </c:pt>
                <c:pt idx="7957">
                  <c:v>0</c:v>
                </c:pt>
                <c:pt idx="7958">
                  <c:v>0</c:v>
                </c:pt>
                <c:pt idx="7959">
                  <c:v>0</c:v>
                </c:pt>
                <c:pt idx="7960">
                  <c:v>0</c:v>
                </c:pt>
                <c:pt idx="7961">
                  <c:v>0</c:v>
                </c:pt>
                <c:pt idx="7962">
                  <c:v>0</c:v>
                </c:pt>
                <c:pt idx="7963">
                  <c:v>0</c:v>
                </c:pt>
                <c:pt idx="7964">
                  <c:v>0</c:v>
                </c:pt>
                <c:pt idx="7965">
                  <c:v>0</c:v>
                </c:pt>
                <c:pt idx="7966">
                  <c:v>0</c:v>
                </c:pt>
                <c:pt idx="7967">
                  <c:v>0</c:v>
                </c:pt>
                <c:pt idx="7968">
                  <c:v>0</c:v>
                </c:pt>
                <c:pt idx="7969">
                  <c:v>0</c:v>
                </c:pt>
                <c:pt idx="7970">
                  <c:v>0</c:v>
                </c:pt>
                <c:pt idx="7971">
                  <c:v>0</c:v>
                </c:pt>
                <c:pt idx="7972">
                  <c:v>0</c:v>
                </c:pt>
                <c:pt idx="7973">
                  <c:v>0</c:v>
                </c:pt>
                <c:pt idx="7974">
                  <c:v>0</c:v>
                </c:pt>
                <c:pt idx="7975">
                  <c:v>0</c:v>
                </c:pt>
                <c:pt idx="7976">
                  <c:v>0</c:v>
                </c:pt>
                <c:pt idx="7977">
                  <c:v>0</c:v>
                </c:pt>
                <c:pt idx="7978">
                  <c:v>0</c:v>
                </c:pt>
                <c:pt idx="7979">
                  <c:v>0</c:v>
                </c:pt>
                <c:pt idx="7980">
                  <c:v>0</c:v>
                </c:pt>
                <c:pt idx="7981">
                  <c:v>0</c:v>
                </c:pt>
                <c:pt idx="7982">
                  <c:v>0</c:v>
                </c:pt>
                <c:pt idx="7983">
                  <c:v>0</c:v>
                </c:pt>
                <c:pt idx="7984">
                  <c:v>0</c:v>
                </c:pt>
                <c:pt idx="7985">
                  <c:v>0</c:v>
                </c:pt>
                <c:pt idx="7986">
                  <c:v>0</c:v>
                </c:pt>
                <c:pt idx="7987">
                  <c:v>0</c:v>
                </c:pt>
                <c:pt idx="7988">
                  <c:v>0</c:v>
                </c:pt>
                <c:pt idx="7989">
                  <c:v>0</c:v>
                </c:pt>
                <c:pt idx="7990">
                  <c:v>0</c:v>
                </c:pt>
                <c:pt idx="7991">
                  <c:v>0</c:v>
                </c:pt>
                <c:pt idx="7992">
                  <c:v>0</c:v>
                </c:pt>
                <c:pt idx="7993">
                  <c:v>0</c:v>
                </c:pt>
                <c:pt idx="7994">
                  <c:v>0</c:v>
                </c:pt>
                <c:pt idx="7995">
                  <c:v>0</c:v>
                </c:pt>
                <c:pt idx="7996">
                  <c:v>0</c:v>
                </c:pt>
                <c:pt idx="7997">
                  <c:v>0</c:v>
                </c:pt>
                <c:pt idx="7998">
                  <c:v>0</c:v>
                </c:pt>
                <c:pt idx="7999">
                  <c:v>0</c:v>
                </c:pt>
                <c:pt idx="8000">
                  <c:v>0</c:v>
                </c:pt>
                <c:pt idx="8001">
                  <c:v>0</c:v>
                </c:pt>
                <c:pt idx="8002">
                  <c:v>0</c:v>
                </c:pt>
                <c:pt idx="8003">
                  <c:v>0</c:v>
                </c:pt>
                <c:pt idx="8004">
                  <c:v>0</c:v>
                </c:pt>
                <c:pt idx="8005">
                  <c:v>0</c:v>
                </c:pt>
                <c:pt idx="8006">
                  <c:v>0</c:v>
                </c:pt>
                <c:pt idx="8007">
                  <c:v>0</c:v>
                </c:pt>
                <c:pt idx="8008">
                  <c:v>0</c:v>
                </c:pt>
                <c:pt idx="8009">
                  <c:v>0</c:v>
                </c:pt>
                <c:pt idx="8010">
                  <c:v>0</c:v>
                </c:pt>
                <c:pt idx="8011">
                  <c:v>0</c:v>
                </c:pt>
                <c:pt idx="8012">
                  <c:v>0</c:v>
                </c:pt>
                <c:pt idx="8013">
                  <c:v>0</c:v>
                </c:pt>
                <c:pt idx="8014">
                  <c:v>0</c:v>
                </c:pt>
                <c:pt idx="8015">
                  <c:v>0</c:v>
                </c:pt>
                <c:pt idx="8016">
                  <c:v>0</c:v>
                </c:pt>
                <c:pt idx="8017">
                  <c:v>0</c:v>
                </c:pt>
                <c:pt idx="8018">
                  <c:v>0</c:v>
                </c:pt>
                <c:pt idx="8019">
                  <c:v>0</c:v>
                </c:pt>
                <c:pt idx="8020">
                  <c:v>0</c:v>
                </c:pt>
                <c:pt idx="8021">
                  <c:v>0</c:v>
                </c:pt>
                <c:pt idx="8022">
                  <c:v>0</c:v>
                </c:pt>
                <c:pt idx="8023">
                  <c:v>0</c:v>
                </c:pt>
                <c:pt idx="8024">
                  <c:v>0</c:v>
                </c:pt>
                <c:pt idx="8025">
                  <c:v>0</c:v>
                </c:pt>
                <c:pt idx="8026">
                  <c:v>0</c:v>
                </c:pt>
                <c:pt idx="8027">
                  <c:v>0</c:v>
                </c:pt>
                <c:pt idx="8028">
                  <c:v>0</c:v>
                </c:pt>
                <c:pt idx="8029">
                  <c:v>0</c:v>
                </c:pt>
                <c:pt idx="8030">
                  <c:v>0</c:v>
                </c:pt>
                <c:pt idx="8031">
                  <c:v>0</c:v>
                </c:pt>
                <c:pt idx="8032">
                  <c:v>0</c:v>
                </c:pt>
                <c:pt idx="8033">
                  <c:v>0</c:v>
                </c:pt>
                <c:pt idx="8034">
                  <c:v>0</c:v>
                </c:pt>
                <c:pt idx="8035">
                  <c:v>0</c:v>
                </c:pt>
                <c:pt idx="8036">
                  <c:v>0</c:v>
                </c:pt>
                <c:pt idx="8037">
                  <c:v>0</c:v>
                </c:pt>
                <c:pt idx="8038">
                  <c:v>0</c:v>
                </c:pt>
                <c:pt idx="8039">
                  <c:v>0</c:v>
                </c:pt>
                <c:pt idx="8040">
                  <c:v>0</c:v>
                </c:pt>
                <c:pt idx="8041">
                  <c:v>0</c:v>
                </c:pt>
                <c:pt idx="8042">
                  <c:v>0</c:v>
                </c:pt>
                <c:pt idx="8043">
                  <c:v>0</c:v>
                </c:pt>
                <c:pt idx="8044">
                  <c:v>0</c:v>
                </c:pt>
                <c:pt idx="8045">
                  <c:v>0</c:v>
                </c:pt>
                <c:pt idx="8046">
                  <c:v>0</c:v>
                </c:pt>
                <c:pt idx="8047">
                  <c:v>0</c:v>
                </c:pt>
                <c:pt idx="8048">
                  <c:v>0</c:v>
                </c:pt>
                <c:pt idx="8049">
                  <c:v>0</c:v>
                </c:pt>
                <c:pt idx="8050">
                  <c:v>0</c:v>
                </c:pt>
                <c:pt idx="8051">
                  <c:v>0</c:v>
                </c:pt>
                <c:pt idx="8052">
                  <c:v>0</c:v>
                </c:pt>
                <c:pt idx="8053">
                  <c:v>0</c:v>
                </c:pt>
                <c:pt idx="8054">
                  <c:v>0</c:v>
                </c:pt>
                <c:pt idx="8055">
                  <c:v>0</c:v>
                </c:pt>
                <c:pt idx="8056">
                  <c:v>0</c:v>
                </c:pt>
                <c:pt idx="8057">
                  <c:v>0</c:v>
                </c:pt>
                <c:pt idx="8058">
                  <c:v>0</c:v>
                </c:pt>
                <c:pt idx="8059">
                  <c:v>0</c:v>
                </c:pt>
                <c:pt idx="8060">
                  <c:v>0</c:v>
                </c:pt>
                <c:pt idx="8061">
                  <c:v>0</c:v>
                </c:pt>
                <c:pt idx="8062">
                  <c:v>0</c:v>
                </c:pt>
                <c:pt idx="8063">
                  <c:v>0</c:v>
                </c:pt>
                <c:pt idx="8064">
                  <c:v>0</c:v>
                </c:pt>
                <c:pt idx="8065">
                  <c:v>0</c:v>
                </c:pt>
                <c:pt idx="8066">
                  <c:v>0</c:v>
                </c:pt>
                <c:pt idx="8067">
                  <c:v>0</c:v>
                </c:pt>
                <c:pt idx="8068">
                  <c:v>0</c:v>
                </c:pt>
                <c:pt idx="8069">
                  <c:v>0</c:v>
                </c:pt>
                <c:pt idx="8070">
                  <c:v>0</c:v>
                </c:pt>
                <c:pt idx="8071">
                  <c:v>0</c:v>
                </c:pt>
                <c:pt idx="8072">
                  <c:v>0</c:v>
                </c:pt>
                <c:pt idx="8073">
                  <c:v>0</c:v>
                </c:pt>
                <c:pt idx="8074">
                  <c:v>0</c:v>
                </c:pt>
                <c:pt idx="8075">
                  <c:v>0</c:v>
                </c:pt>
                <c:pt idx="8076">
                  <c:v>0</c:v>
                </c:pt>
                <c:pt idx="8077">
                  <c:v>0</c:v>
                </c:pt>
                <c:pt idx="8078">
                  <c:v>0</c:v>
                </c:pt>
                <c:pt idx="8079">
                  <c:v>0</c:v>
                </c:pt>
                <c:pt idx="8080">
                  <c:v>0</c:v>
                </c:pt>
                <c:pt idx="8081">
                  <c:v>0</c:v>
                </c:pt>
                <c:pt idx="8082">
                  <c:v>0</c:v>
                </c:pt>
                <c:pt idx="8083">
                  <c:v>0</c:v>
                </c:pt>
                <c:pt idx="8084">
                  <c:v>0</c:v>
                </c:pt>
                <c:pt idx="8085">
                  <c:v>0</c:v>
                </c:pt>
                <c:pt idx="8086">
                  <c:v>0</c:v>
                </c:pt>
                <c:pt idx="8087">
                  <c:v>0</c:v>
                </c:pt>
                <c:pt idx="8088">
                  <c:v>0</c:v>
                </c:pt>
                <c:pt idx="8089">
                  <c:v>0</c:v>
                </c:pt>
                <c:pt idx="8090">
                  <c:v>0</c:v>
                </c:pt>
                <c:pt idx="8091">
                  <c:v>0</c:v>
                </c:pt>
                <c:pt idx="8092">
                  <c:v>0</c:v>
                </c:pt>
                <c:pt idx="8093">
                  <c:v>0</c:v>
                </c:pt>
                <c:pt idx="8094">
                  <c:v>0</c:v>
                </c:pt>
                <c:pt idx="8095">
                  <c:v>0</c:v>
                </c:pt>
                <c:pt idx="8096">
                  <c:v>0</c:v>
                </c:pt>
                <c:pt idx="8097">
                  <c:v>0</c:v>
                </c:pt>
                <c:pt idx="8098">
                  <c:v>0</c:v>
                </c:pt>
                <c:pt idx="8099">
                  <c:v>0</c:v>
                </c:pt>
                <c:pt idx="8100">
                  <c:v>0</c:v>
                </c:pt>
                <c:pt idx="8101">
                  <c:v>0</c:v>
                </c:pt>
                <c:pt idx="8102">
                  <c:v>0</c:v>
                </c:pt>
                <c:pt idx="8103">
                  <c:v>0</c:v>
                </c:pt>
                <c:pt idx="8104">
                  <c:v>0</c:v>
                </c:pt>
                <c:pt idx="8105">
                  <c:v>0</c:v>
                </c:pt>
                <c:pt idx="8106">
                  <c:v>0</c:v>
                </c:pt>
                <c:pt idx="8107">
                  <c:v>0</c:v>
                </c:pt>
                <c:pt idx="8108">
                  <c:v>0</c:v>
                </c:pt>
                <c:pt idx="8109">
                  <c:v>0</c:v>
                </c:pt>
                <c:pt idx="8110">
                  <c:v>0</c:v>
                </c:pt>
                <c:pt idx="8111">
                  <c:v>0</c:v>
                </c:pt>
                <c:pt idx="8112">
                  <c:v>0</c:v>
                </c:pt>
                <c:pt idx="8113">
                  <c:v>0</c:v>
                </c:pt>
                <c:pt idx="8114">
                  <c:v>0</c:v>
                </c:pt>
                <c:pt idx="8115">
                  <c:v>0</c:v>
                </c:pt>
                <c:pt idx="8116">
                  <c:v>0</c:v>
                </c:pt>
                <c:pt idx="8117">
                  <c:v>0</c:v>
                </c:pt>
                <c:pt idx="8118">
                  <c:v>0</c:v>
                </c:pt>
                <c:pt idx="8119">
                  <c:v>0</c:v>
                </c:pt>
                <c:pt idx="8120">
                  <c:v>0</c:v>
                </c:pt>
                <c:pt idx="8121">
                  <c:v>0</c:v>
                </c:pt>
                <c:pt idx="8122">
                  <c:v>0</c:v>
                </c:pt>
                <c:pt idx="8123">
                  <c:v>0</c:v>
                </c:pt>
                <c:pt idx="8124">
                  <c:v>0</c:v>
                </c:pt>
                <c:pt idx="8125">
                  <c:v>0</c:v>
                </c:pt>
                <c:pt idx="8126">
                  <c:v>0</c:v>
                </c:pt>
                <c:pt idx="8127">
                  <c:v>0</c:v>
                </c:pt>
                <c:pt idx="8128">
                  <c:v>0</c:v>
                </c:pt>
                <c:pt idx="8129">
                  <c:v>0</c:v>
                </c:pt>
                <c:pt idx="8130">
                  <c:v>0</c:v>
                </c:pt>
                <c:pt idx="8131">
                  <c:v>0</c:v>
                </c:pt>
                <c:pt idx="8132">
                  <c:v>0</c:v>
                </c:pt>
                <c:pt idx="8133">
                  <c:v>0</c:v>
                </c:pt>
                <c:pt idx="8134">
                  <c:v>0</c:v>
                </c:pt>
                <c:pt idx="8135">
                  <c:v>0</c:v>
                </c:pt>
                <c:pt idx="8136">
                  <c:v>0</c:v>
                </c:pt>
                <c:pt idx="8137">
                  <c:v>0</c:v>
                </c:pt>
                <c:pt idx="8138">
                  <c:v>0</c:v>
                </c:pt>
                <c:pt idx="8139">
                  <c:v>0</c:v>
                </c:pt>
                <c:pt idx="8140">
                  <c:v>0</c:v>
                </c:pt>
                <c:pt idx="8141">
                  <c:v>0</c:v>
                </c:pt>
                <c:pt idx="8142">
                  <c:v>0</c:v>
                </c:pt>
                <c:pt idx="8143">
                  <c:v>0</c:v>
                </c:pt>
                <c:pt idx="8144">
                  <c:v>0</c:v>
                </c:pt>
                <c:pt idx="8145">
                  <c:v>0</c:v>
                </c:pt>
                <c:pt idx="8146">
                  <c:v>0</c:v>
                </c:pt>
                <c:pt idx="8147">
                  <c:v>0</c:v>
                </c:pt>
                <c:pt idx="8148">
                  <c:v>0</c:v>
                </c:pt>
                <c:pt idx="8149">
                  <c:v>0</c:v>
                </c:pt>
                <c:pt idx="8150">
                  <c:v>0</c:v>
                </c:pt>
                <c:pt idx="8151">
                  <c:v>0</c:v>
                </c:pt>
                <c:pt idx="8152">
                  <c:v>0</c:v>
                </c:pt>
                <c:pt idx="8153">
                  <c:v>0</c:v>
                </c:pt>
                <c:pt idx="8154">
                  <c:v>0</c:v>
                </c:pt>
                <c:pt idx="8155">
                  <c:v>0</c:v>
                </c:pt>
                <c:pt idx="8156">
                  <c:v>0</c:v>
                </c:pt>
                <c:pt idx="8157">
                  <c:v>0</c:v>
                </c:pt>
                <c:pt idx="8158">
                  <c:v>0</c:v>
                </c:pt>
                <c:pt idx="8159">
                  <c:v>0</c:v>
                </c:pt>
                <c:pt idx="8160">
                  <c:v>0</c:v>
                </c:pt>
                <c:pt idx="8161">
                  <c:v>0</c:v>
                </c:pt>
                <c:pt idx="8162">
                  <c:v>0</c:v>
                </c:pt>
                <c:pt idx="8163">
                  <c:v>0</c:v>
                </c:pt>
                <c:pt idx="8164">
                  <c:v>0</c:v>
                </c:pt>
                <c:pt idx="8165">
                  <c:v>0</c:v>
                </c:pt>
                <c:pt idx="8166">
                  <c:v>0</c:v>
                </c:pt>
                <c:pt idx="8167">
                  <c:v>0</c:v>
                </c:pt>
                <c:pt idx="8168">
                  <c:v>0</c:v>
                </c:pt>
                <c:pt idx="8169">
                  <c:v>0</c:v>
                </c:pt>
                <c:pt idx="8170">
                  <c:v>0</c:v>
                </c:pt>
                <c:pt idx="8171">
                  <c:v>0</c:v>
                </c:pt>
                <c:pt idx="8172">
                  <c:v>0</c:v>
                </c:pt>
                <c:pt idx="8173">
                  <c:v>0</c:v>
                </c:pt>
                <c:pt idx="8174">
                  <c:v>0</c:v>
                </c:pt>
                <c:pt idx="8175">
                  <c:v>0</c:v>
                </c:pt>
                <c:pt idx="8176">
                  <c:v>0</c:v>
                </c:pt>
                <c:pt idx="8177">
                  <c:v>0</c:v>
                </c:pt>
                <c:pt idx="8178">
                  <c:v>0</c:v>
                </c:pt>
                <c:pt idx="8179">
                  <c:v>0</c:v>
                </c:pt>
                <c:pt idx="8180">
                  <c:v>0</c:v>
                </c:pt>
                <c:pt idx="8181">
                  <c:v>0</c:v>
                </c:pt>
                <c:pt idx="8182">
                  <c:v>0</c:v>
                </c:pt>
                <c:pt idx="8183">
                  <c:v>0</c:v>
                </c:pt>
                <c:pt idx="8184">
                  <c:v>0</c:v>
                </c:pt>
                <c:pt idx="8185">
                  <c:v>0</c:v>
                </c:pt>
                <c:pt idx="8186">
                  <c:v>0</c:v>
                </c:pt>
                <c:pt idx="8187">
                  <c:v>0</c:v>
                </c:pt>
                <c:pt idx="8188">
                  <c:v>0</c:v>
                </c:pt>
                <c:pt idx="8189">
                  <c:v>0</c:v>
                </c:pt>
                <c:pt idx="8190">
                  <c:v>0</c:v>
                </c:pt>
                <c:pt idx="8191">
                  <c:v>0</c:v>
                </c:pt>
                <c:pt idx="8192">
                  <c:v>0</c:v>
                </c:pt>
                <c:pt idx="8193">
                  <c:v>0</c:v>
                </c:pt>
                <c:pt idx="8194">
                  <c:v>0</c:v>
                </c:pt>
                <c:pt idx="8195">
                  <c:v>0</c:v>
                </c:pt>
                <c:pt idx="8196">
                  <c:v>0</c:v>
                </c:pt>
                <c:pt idx="8197">
                  <c:v>0</c:v>
                </c:pt>
                <c:pt idx="8198">
                  <c:v>0</c:v>
                </c:pt>
                <c:pt idx="8199">
                  <c:v>0</c:v>
                </c:pt>
                <c:pt idx="8200">
                  <c:v>0</c:v>
                </c:pt>
                <c:pt idx="8201">
                  <c:v>0</c:v>
                </c:pt>
                <c:pt idx="8202">
                  <c:v>0</c:v>
                </c:pt>
                <c:pt idx="8203">
                  <c:v>0</c:v>
                </c:pt>
                <c:pt idx="8204">
                  <c:v>0</c:v>
                </c:pt>
                <c:pt idx="8205">
                  <c:v>0</c:v>
                </c:pt>
                <c:pt idx="8206">
                  <c:v>0</c:v>
                </c:pt>
                <c:pt idx="8207">
                  <c:v>0</c:v>
                </c:pt>
                <c:pt idx="8208">
                  <c:v>0</c:v>
                </c:pt>
                <c:pt idx="8209">
                  <c:v>0</c:v>
                </c:pt>
                <c:pt idx="8210">
                  <c:v>0</c:v>
                </c:pt>
                <c:pt idx="8211">
                  <c:v>0</c:v>
                </c:pt>
                <c:pt idx="8212">
                  <c:v>0</c:v>
                </c:pt>
                <c:pt idx="8213">
                  <c:v>0</c:v>
                </c:pt>
                <c:pt idx="8214">
                  <c:v>0</c:v>
                </c:pt>
                <c:pt idx="8215">
                  <c:v>0</c:v>
                </c:pt>
                <c:pt idx="8216">
                  <c:v>0</c:v>
                </c:pt>
                <c:pt idx="8217">
                  <c:v>0</c:v>
                </c:pt>
                <c:pt idx="8218">
                  <c:v>0</c:v>
                </c:pt>
                <c:pt idx="8219">
                  <c:v>0</c:v>
                </c:pt>
                <c:pt idx="8220">
                  <c:v>0</c:v>
                </c:pt>
                <c:pt idx="8221">
                  <c:v>0</c:v>
                </c:pt>
                <c:pt idx="8222">
                  <c:v>0</c:v>
                </c:pt>
                <c:pt idx="8223">
                  <c:v>0</c:v>
                </c:pt>
                <c:pt idx="8224">
                  <c:v>0</c:v>
                </c:pt>
                <c:pt idx="8225">
                  <c:v>0</c:v>
                </c:pt>
                <c:pt idx="8226">
                  <c:v>0</c:v>
                </c:pt>
                <c:pt idx="8227">
                  <c:v>0</c:v>
                </c:pt>
                <c:pt idx="8228">
                  <c:v>0</c:v>
                </c:pt>
                <c:pt idx="8229">
                  <c:v>0</c:v>
                </c:pt>
                <c:pt idx="8230">
                  <c:v>0</c:v>
                </c:pt>
                <c:pt idx="8231">
                  <c:v>0</c:v>
                </c:pt>
                <c:pt idx="8232">
                  <c:v>0</c:v>
                </c:pt>
                <c:pt idx="8233">
                  <c:v>0</c:v>
                </c:pt>
                <c:pt idx="8234">
                  <c:v>0</c:v>
                </c:pt>
                <c:pt idx="8235">
                  <c:v>0</c:v>
                </c:pt>
                <c:pt idx="8236">
                  <c:v>0</c:v>
                </c:pt>
                <c:pt idx="8237">
                  <c:v>0</c:v>
                </c:pt>
                <c:pt idx="8238">
                  <c:v>0</c:v>
                </c:pt>
                <c:pt idx="8239">
                  <c:v>0</c:v>
                </c:pt>
                <c:pt idx="8240">
                  <c:v>0</c:v>
                </c:pt>
                <c:pt idx="8241">
                  <c:v>0</c:v>
                </c:pt>
                <c:pt idx="8242">
                  <c:v>0</c:v>
                </c:pt>
                <c:pt idx="8243">
                  <c:v>0</c:v>
                </c:pt>
                <c:pt idx="8244">
                  <c:v>0</c:v>
                </c:pt>
                <c:pt idx="8245">
                  <c:v>0</c:v>
                </c:pt>
                <c:pt idx="8246">
                  <c:v>0</c:v>
                </c:pt>
                <c:pt idx="8247">
                  <c:v>0</c:v>
                </c:pt>
                <c:pt idx="8248">
                  <c:v>0</c:v>
                </c:pt>
                <c:pt idx="8249">
                  <c:v>0</c:v>
                </c:pt>
                <c:pt idx="8250">
                  <c:v>0</c:v>
                </c:pt>
                <c:pt idx="8251">
                  <c:v>0</c:v>
                </c:pt>
                <c:pt idx="8252">
                  <c:v>0</c:v>
                </c:pt>
                <c:pt idx="8253">
                  <c:v>0</c:v>
                </c:pt>
                <c:pt idx="8254">
                  <c:v>0</c:v>
                </c:pt>
                <c:pt idx="8255">
                  <c:v>0</c:v>
                </c:pt>
                <c:pt idx="8256">
                  <c:v>0</c:v>
                </c:pt>
                <c:pt idx="8257">
                  <c:v>0</c:v>
                </c:pt>
                <c:pt idx="8258">
                  <c:v>0</c:v>
                </c:pt>
                <c:pt idx="8259">
                  <c:v>0</c:v>
                </c:pt>
                <c:pt idx="8260">
                  <c:v>0</c:v>
                </c:pt>
                <c:pt idx="8261">
                  <c:v>0</c:v>
                </c:pt>
                <c:pt idx="8262">
                  <c:v>0</c:v>
                </c:pt>
                <c:pt idx="8263">
                  <c:v>0</c:v>
                </c:pt>
                <c:pt idx="8264">
                  <c:v>0</c:v>
                </c:pt>
                <c:pt idx="8265">
                  <c:v>0</c:v>
                </c:pt>
                <c:pt idx="8266">
                  <c:v>0</c:v>
                </c:pt>
                <c:pt idx="8267">
                  <c:v>0</c:v>
                </c:pt>
                <c:pt idx="8268">
                  <c:v>0</c:v>
                </c:pt>
                <c:pt idx="8269">
                  <c:v>0</c:v>
                </c:pt>
                <c:pt idx="8270">
                  <c:v>0</c:v>
                </c:pt>
                <c:pt idx="8271">
                  <c:v>0</c:v>
                </c:pt>
                <c:pt idx="8272">
                  <c:v>0</c:v>
                </c:pt>
                <c:pt idx="8273">
                  <c:v>0</c:v>
                </c:pt>
                <c:pt idx="8274">
                  <c:v>0</c:v>
                </c:pt>
                <c:pt idx="8275">
                  <c:v>0</c:v>
                </c:pt>
                <c:pt idx="8276">
                  <c:v>0</c:v>
                </c:pt>
                <c:pt idx="8277">
                  <c:v>0</c:v>
                </c:pt>
                <c:pt idx="8278">
                  <c:v>0</c:v>
                </c:pt>
                <c:pt idx="8279">
                  <c:v>0</c:v>
                </c:pt>
                <c:pt idx="8280">
                  <c:v>0</c:v>
                </c:pt>
                <c:pt idx="8281">
                  <c:v>0</c:v>
                </c:pt>
                <c:pt idx="8282">
                  <c:v>0</c:v>
                </c:pt>
                <c:pt idx="8283">
                  <c:v>0</c:v>
                </c:pt>
                <c:pt idx="8284">
                  <c:v>0</c:v>
                </c:pt>
                <c:pt idx="8285">
                  <c:v>0</c:v>
                </c:pt>
                <c:pt idx="8286">
                  <c:v>0</c:v>
                </c:pt>
                <c:pt idx="8287">
                  <c:v>0</c:v>
                </c:pt>
                <c:pt idx="8288">
                  <c:v>0</c:v>
                </c:pt>
                <c:pt idx="8289">
                  <c:v>0</c:v>
                </c:pt>
                <c:pt idx="8290">
                  <c:v>0</c:v>
                </c:pt>
                <c:pt idx="8291">
                  <c:v>0</c:v>
                </c:pt>
                <c:pt idx="8292">
                  <c:v>0</c:v>
                </c:pt>
                <c:pt idx="8293">
                  <c:v>0</c:v>
                </c:pt>
                <c:pt idx="8294">
                  <c:v>0</c:v>
                </c:pt>
                <c:pt idx="8295">
                  <c:v>0</c:v>
                </c:pt>
                <c:pt idx="8296">
                  <c:v>0</c:v>
                </c:pt>
                <c:pt idx="8297">
                  <c:v>0</c:v>
                </c:pt>
                <c:pt idx="8298">
                  <c:v>0</c:v>
                </c:pt>
                <c:pt idx="8299">
                  <c:v>0</c:v>
                </c:pt>
                <c:pt idx="8300">
                  <c:v>0</c:v>
                </c:pt>
                <c:pt idx="8301">
                  <c:v>0</c:v>
                </c:pt>
                <c:pt idx="8302">
                  <c:v>0</c:v>
                </c:pt>
                <c:pt idx="8303">
                  <c:v>0</c:v>
                </c:pt>
                <c:pt idx="8304">
                  <c:v>0</c:v>
                </c:pt>
                <c:pt idx="8305">
                  <c:v>0</c:v>
                </c:pt>
                <c:pt idx="8306">
                  <c:v>0</c:v>
                </c:pt>
                <c:pt idx="8307">
                  <c:v>0</c:v>
                </c:pt>
                <c:pt idx="8308">
                  <c:v>0</c:v>
                </c:pt>
                <c:pt idx="8309">
                  <c:v>0</c:v>
                </c:pt>
                <c:pt idx="8310">
                  <c:v>0</c:v>
                </c:pt>
                <c:pt idx="8311">
                  <c:v>0</c:v>
                </c:pt>
                <c:pt idx="8312">
                  <c:v>0</c:v>
                </c:pt>
                <c:pt idx="8313">
                  <c:v>0</c:v>
                </c:pt>
                <c:pt idx="8314">
                  <c:v>0</c:v>
                </c:pt>
                <c:pt idx="8315">
                  <c:v>0</c:v>
                </c:pt>
                <c:pt idx="8316">
                  <c:v>0</c:v>
                </c:pt>
                <c:pt idx="8317">
                  <c:v>0</c:v>
                </c:pt>
                <c:pt idx="8318">
                  <c:v>0</c:v>
                </c:pt>
                <c:pt idx="8319">
                  <c:v>0</c:v>
                </c:pt>
                <c:pt idx="8320">
                  <c:v>0</c:v>
                </c:pt>
                <c:pt idx="8321">
                  <c:v>0</c:v>
                </c:pt>
                <c:pt idx="8322">
                  <c:v>0</c:v>
                </c:pt>
                <c:pt idx="8323">
                  <c:v>0</c:v>
                </c:pt>
                <c:pt idx="8324">
                  <c:v>0</c:v>
                </c:pt>
                <c:pt idx="8325">
                  <c:v>0</c:v>
                </c:pt>
                <c:pt idx="8326">
                  <c:v>0</c:v>
                </c:pt>
                <c:pt idx="8327">
                  <c:v>0</c:v>
                </c:pt>
                <c:pt idx="8328">
                  <c:v>0</c:v>
                </c:pt>
                <c:pt idx="8329">
                  <c:v>0</c:v>
                </c:pt>
                <c:pt idx="8330">
                  <c:v>0</c:v>
                </c:pt>
                <c:pt idx="8331">
                  <c:v>0</c:v>
                </c:pt>
                <c:pt idx="8332">
                  <c:v>0</c:v>
                </c:pt>
                <c:pt idx="8333">
                  <c:v>0</c:v>
                </c:pt>
                <c:pt idx="8334">
                  <c:v>0</c:v>
                </c:pt>
                <c:pt idx="8335">
                  <c:v>0</c:v>
                </c:pt>
                <c:pt idx="8336">
                  <c:v>0</c:v>
                </c:pt>
                <c:pt idx="8337">
                  <c:v>0</c:v>
                </c:pt>
                <c:pt idx="8338">
                  <c:v>0</c:v>
                </c:pt>
                <c:pt idx="8339">
                  <c:v>0</c:v>
                </c:pt>
                <c:pt idx="8340">
                  <c:v>0</c:v>
                </c:pt>
                <c:pt idx="8341">
                  <c:v>0</c:v>
                </c:pt>
                <c:pt idx="8342">
                  <c:v>0</c:v>
                </c:pt>
                <c:pt idx="8343">
                  <c:v>0</c:v>
                </c:pt>
                <c:pt idx="8344">
                  <c:v>0</c:v>
                </c:pt>
                <c:pt idx="8345">
                  <c:v>0</c:v>
                </c:pt>
                <c:pt idx="8346">
                  <c:v>0</c:v>
                </c:pt>
                <c:pt idx="8347">
                  <c:v>0</c:v>
                </c:pt>
                <c:pt idx="8348">
                  <c:v>0</c:v>
                </c:pt>
                <c:pt idx="8349">
                  <c:v>0</c:v>
                </c:pt>
                <c:pt idx="8350">
                  <c:v>0</c:v>
                </c:pt>
                <c:pt idx="8351">
                  <c:v>0</c:v>
                </c:pt>
                <c:pt idx="8352">
                  <c:v>0</c:v>
                </c:pt>
                <c:pt idx="8353">
                  <c:v>0</c:v>
                </c:pt>
                <c:pt idx="8354">
                  <c:v>0</c:v>
                </c:pt>
                <c:pt idx="8355">
                  <c:v>0</c:v>
                </c:pt>
                <c:pt idx="8356">
                  <c:v>0</c:v>
                </c:pt>
                <c:pt idx="8357">
                  <c:v>0</c:v>
                </c:pt>
                <c:pt idx="8358">
                  <c:v>0</c:v>
                </c:pt>
                <c:pt idx="8359">
                  <c:v>0</c:v>
                </c:pt>
                <c:pt idx="8360">
                  <c:v>0</c:v>
                </c:pt>
                <c:pt idx="8361">
                  <c:v>0</c:v>
                </c:pt>
                <c:pt idx="8362">
                  <c:v>0</c:v>
                </c:pt>
                <c:pt idx="8363">
                  <c:v>0</c:v>
                </c:pt>
                <c:pt idx="8364">
                  <c:v>0</c:v>
                </c:pt>
                <c:pt idx="8365">
                  <c:v>0</c:v>
                </c:pt>
                <c:pt idx="8366">
                  <c:v>0</c:v>
                </c:pt>
                <c:pt idx="8367">
                  <c:v>0</c:v>
                </c:pt>
                <c:pt idx="8368">
                  <c:v>0</c:v>
                </c:pt>
                <c:pt idx="8369">
                  <c:v>0</c:v>
                </c:pt>
                <c:pt idx="8370">
                  <c:v>0</c:v>
                </c:pt>
                <c:pt idx="8371">
                  <c:v>0</c:v>
                </c:pt>
                <c:pt idx="8372">
                  <c:v>0</c:v>
                </c:pt>
                <c:pt idx="8373">
                  <c:v>0</c:v>
                </c:pt>
                <c:pt idx="8374">
                  <c:v>0</c:v>
                </c:pt>
                <c:pt idx="8375">
                  <c:v>0</c:v>
                </c:pt>
                <c:pt idx="8376">
                  <c:v>0</c:v>
                </c:pt>
                <c:pt idx="8377">
                  <c:v>0</c:v>
                </c:pt>
                <c:pt idx="8378">
                  <c:v>0</c:v>
                </c:pt>
                <c:pt idx="8379">
                  <c:v>0</c:v>
                </c:pt>
                <c:pt idx="8380">
                  <c:v>0</c:v>
                </c:pt>
                <c:pt idx="8381">
                  <c:v>0</c:v>
                </c:pt>
                <c:pt idx="8382">
                  <c:v>0</c:v>
                </c:pt>
                <c:pt idx="8383">
                  <c:v>0</c:v>
                </c:pt>
                <c:pt idx="8384">
                  <c:v>0</c:v>
                </c:pt>
                <c:pt idx="8385">
                  <c:v>0</c:v>
                </c:pt>
                <c:pt idx="8386">
                  <c:v>0</c:v>
                </c:pt>
                <c:pt idx="8387">
                  <c:v>0</c:v>
                </c:pt>
                <c:pt idx="8388">
                  <c:v>0</c:v>
                </c:pt>
                <c:pt idx="8389">
                  <c:v>0</c:v>
                </c:pt>
                <c:pt idx="8390">
                  <c:v>0</c:v>
                </c:pt>
                <c:pt idx="8391">
                  <c:v>0</c:v>
                </c:pt>
                <c:pt idx="8392">
                  <c:v>0</c:v>
                </c:pt>
                <c:pt idx="8393">
                  <c:v>0</c:v>
                </c:pt>
                <c:pt idx="8394">
                  <c:v>0</c:v>
                </c:pt>
                <c:pt idx="8395">
                  <c:v>0</c:v>
                </c:pt>
                <c:pt idx="8396">
                  <c:v>0</c:v>
                </c:pt>
                <c:pt idx="8397">
                  <c:v>0</c:v>
                </c:pt>
                <c:pt idx="8398">
                  <c:v>0</c:v>
                </c:pt>
                <c:pt idx="8399">
                  <c:v>0</c:v>
                </c:pt>
                <c:pt idx="8400">
                  <c:v>0</c:v>
                </c:pt>
                <c:pt idx="8401">
                  <c:v>0</c:v>
                </c:pt>
                <c:pt idx="8402">
                  <c:v>0</c:v>
                </c:pt>
                <c:pt idx="8403">
                  <c:v>0</c:v>
                </c:pt>
                <c:pt idx="8404">
                  <c:v>0</c:v>
                </c:pt>
                <c:pt idx="8405">
                  <c:v>0</c:v>
                </c:pt>
                <c:pt idx="8406">
                  <c:v>0</c:v>
                </c:pt>
                <c:pt idx="8407">
                  <c:v>0</c:v>
                </c:pt>
                <c:pt idx="8408">
                  <c:v>0</c:v>
                </c:pt>
                <c:pt idx="8409">
                  <c:v>0</c:v>
                </c:pt>
                <c:pt idx="8410">
                  <c:v>0</c:v>
                </c:pt>
                <c:pt idx="8411">
                  <c:v>0</c:v>
                </c:pt>
                <c:pt idx="8412">
                  <c:v>0</c:v>
                </c:pt>
                <c:pt idx="8413">
                  <c:v>0</c:v>
                </c:pt>
                <c:pt idx="8414">
                  <c:v>0</c:v>
                </c:pt>
                <c:pt idx="8415">
                  <c:v>0</c:v>
                </c:pt>
                <c:pt idx="8416">
                  <c:v>0</c:v>
                </c:pt>
                <c:pt idx="8417">
                  <c:v>0</c:v>
                </c:pt>
                <c:pt idx="8418">
                  <c:v>0</c:v>
                </c:pt>
                <c:pt idx="8419">
                  <c:v>0</c:v>
                </c:pt>
                <c:pt idx="8420">
                  <c:v>0</c:v>
                </c:pt>
                <c:pt idx="8421">
                  <c:v>0</c:v>
                </c:pt>
                <c:pt idx="8422">
                  <c:v>0</c:v>
                </c:pt>
                <c:pt idx="8423">
                  <c:v>0</c:v>
                </c:pt>
                <c:pt idx="8424">
                  <c:v>0</c:v>
                </c:pt>
                <c:pt idx="8425">
                  <c:v>0</c:v>
                </c:pt>
                <c:pt idx="8426">
                  <c:v>0</c:v>
                </c:pt>
                <c:pt idx="8427">
                  <c:v>0</c:v>
                </c:pt>
                <c:pt idx="8428">
                  <c:v>0</c:v>
                </c:pt>
                <c:pt idx="8429">
                  <c:v>0</c:v>
                </c:pt>
                <c:pt idx="8430">
                  <c:v>0</c:v>
                </c:pt>
                <c:pt idx="8431">
                  <c:v>0</c:v>
                </c:pt>
                <c:pt idx="8432">
                  <c:v>0</c:v>
                </c:pt>
                <c:pt idx="8433">
                  <c:v>0</c:v>
                </c:pt>
                <c:pt idx="8434">
                  <c:v>0</c:v>
                </c:pt>
                <c:pt idx="8435">
                  <c:v>0</c:v>
                </c:pt>
                <c:pt idx="8436">
                  <c:v>0</c:v>
                </c:pt>
                <c:pt idx="8437">
                  <c:v>0</c:v>
                </c:pt>
                <c:pt idx="8438">
                  <c:v>0</c:v>
                </c:pt>
                <c:pt idx="8439">
                  <c:v>0</c:v>
                </c:pt>
                <c:pt idx="8440">
                  <c:v>0</c:v>
                </c:pt>
                <c:pt idx="8441">
                  <c:v>0</c:v>
                </c:pt>
                <c:pt idx="8442">
                  <c:v>0</c:v>
                </c:pt>
                <c:pt idx="8443">
                  <c:v>0</c:v>
                </c:pt>
                <c:pt idx="8444">
                  <c:v>0</c:v>
                </c:pt>
                <c:pt idx="8445">
                  <c:v>0</c:v>
                </c:pt>
                <c:pt idx="8446">
                  <c:v>0</c:v>
                </c:pt>
                <c:pt idx="8447">
                  <c:v>0</c:v>
                </c:pt>
                <c:pt idx="8448">
                  <c:v>0</c:v>
                </c:pt>
                <c:pt idx="8449">
                  <c:v>0</c:v>
                </c:pt>
                <c:pt idx="8450">
                  <c:v>0</c:v>
                </c:pt>
                <c:pt idx="8451">
                  <c:v>0</c:v>
                </c:pt>
                <c:pt idx="8452">
                  <c:v>0</c:v>
                </c:pt>
                <c:pt idx="8453">
                  <c:v>0</c:v>
                </c:pt>
                <c:pt idx="8454">
                  <c:v>0</c:v>
                </c:pt>
                <c:pt idx="8455">
                  <c:v>0</c:v>
                </c:pt>
                <c:pt idx="8456">
                  <c:v>0</c:v>
                </c:pt>
                <c:pt idx="8457">
                  <c:v>0</c:v>
                </c:pt>
                <c:pt idx="8458">
                  <c:v>0</c:v>
                </c:pt>
                <c:pt idx="8459">
                  <c:v>0</c:v>
                </c:pt>
                <c:pt idx="8460">
                  <c:v>0</c:v>
                </c:pt>
                <c:pt idx="8461">
                  <c:v>0</c:v>
                </c:pt>
                <c:pt idx="8462">
                  <c:v>0</c:v>
                </c:pt>
                <c:pt idx="8463">
                  <c:v>0</c:v>
                </c:pt>
                <c:pt idx="8464">
                  <c:v>0</c:v>
                </c:pt>
                <c:pt idx="8465">
                  <c:v>0</c:v>
                </c:pt>
                <c:pt idx="8466">
                  <c:v>0</c:v>
                </c:pt>
                <c:pt idx="8467">
                  <c:v>0</c:v>
                </c:pt>
                <c:pt idx="8468">
                  <c:v>0</c:v>
                </c:pt>
                <c:pt idx="8469">
                  <c:v>0</c:v>
                </c:pt>
                <c:pt idx="8470">
                  <c:v>0</c:v>
                </c:pt>
                <c:pt idx="8471">
                  <c:v>0</c:v>
                </c:pt>
                <c:pt idx="8472">
                  <c:v>0</c:v>
                </c:pt>
                <c:pt idx="8473">
                  <c:v>0</c:v>
                </c:pt>
                <c:pt idx="8474">
                  <c:v>0</c:v>
                </c:pt>
                <c:pt idx="8475">
                  <c:v>0</c:v>
                </c:pt>
                <c:pt idx="8476">
                  <c:v>0</c:v>
                </c:pt>
                <c:pt idx="8477">
                  <c:v>0</c:v>
                </c:pt>
                <c:pt idx="8478">
                  <c:v>0</c:v>
                </c:pt>
                <c:pt idx="8479">
                  <c:v>0</c:v>
                </c:pt>
                <c:pt idx="8480">
                  <c:v>0</c:v>
                </c:pt>
                <c:pt idx="8481">
                  <c:v>0</c:v>
                </c:pt>
                <c:pt idx="8482">
                  <c:v>0</c:v>
                </c:pt>
                <c:pt idx="8483">
                  <c:v>0</c:v>
                </c:pt>
                <c:pt idx="8484">
                  <c:v>0</c:v>
                </c:pt>
                <c:pt idx="8485">
                  <c:v>0</c:v>
                </c:pt>
                <c:pt idx="8486">
                  <c:v>0</c:v>
                </c:pt>
                <c:pt idx="8487">
                  <c:v>0</c:v>
                </c:pt>
                <c:pt idx="8488">
                  <c:v>0</c:v>
                </c:pt>
                <c:pt idx="8489">
                  <c:v>0</c:v>
                </c:pt>
                <c:pt idx="8490">
                  <c:v>0</c:v>
                </c:pt>
                <c:pt idx="8491">
                  <c:v>0</c:v>
                </c:pt>
                <c:pt idx="8492">
                  <c:v>0</c:v>
                </c:pt>
                <c:pt idx="8493">
                  <c:v>0</c:v>
                </c:pt>
                <c:pt idx="8494">
                  <c:v>0</c:v>
                </c:pt>
                <c:pt idx="8495">
                  <c:v>0</c:v>
                </c:pt>
                <c:pt idx="8496">
                  <c:v>0</c:v>
                </c:pt>
                <c:pt idx="8497">
                  <c:v>0</c:v>
                </c:pt>
                <c:pt idx="8498">
                  <c:v>0</c:v>
                </c:pt>
                <c:pt idx="8499">
                  <c:v>0</c:v>
                </c:pt>
                <c:pt idx="8500">
                  <c:v>0</c:v>
                </c:pt>
                <c:pt idx="8501">
                  <c:v>0</c:v>
                </c:pt>
                <c:pt idx="8502">
                  <c:v>0</c:v>
                </c:pt>
                <c:pt idx="8503">
                  <c:v>0</c:v>
                </c:pt>
                <c:pt idx="8504">
                  <c:v>0</c:v>
                </c:pt>
                <c:pt idx="8505">
                  <c:v>0</c:v>
                </c:pt>
                <c:pt idx="8506">
                  <c:v>0</c:v>
                </c:pt>
                <c:pt idx="8507">
                  <c:v>0</c:v>
                </c:pt>
                <c:pt idx="8508">
                  <c:v>0</c:v>
                </c:pt>
                <c:pt idx="8509">
                  <c:v>0</c:v>
                </c:pt>
                <c:pt idx="8510">
                  <c:v>0</c:v>
                </c:pt>
                <c:pt idx="8511">
                  <c:v>0</c:v>
                </c:pt>
                <c:pt idx="8512">
                  <c:v>0</c:v>
                </c:pt>
                <c:pt idx="8513">
                  <c:v>0</c:v>
                </c:pt>
                <c:pt idx="8514">
                  <c:v>0</c:v>
                </c:pt>
                <c:pt idx="8515">
                  <c:v>0</c:v>
                </c:pt>
                <c:pt idx="8516">
                  <c:v>0</c:v>
                </c:pt>
                <c:pt idx="8517">
                  <c:v>0</c:v>
                </c:pt>
                <c:pt idx="8518">
                  <c:v>0</c:v>
                </c:pt>
                <c:pt idx="8519">
                  <c:v>0</c:v>
                </c:pt>
                <c:pt idx="8520">
                  <c:v>0</c:v>
                </c:pt>
                <c:pt idx="8521">
                  <c:v>0</c:v>
                </c:pt>
                <c:pt idx="8522">
                  <c:v>0</c:v>
                </c:pt>
                <c:pt idx="8523">
                  <c:v>0</c:v>
                </c:pt>
                <c:pt idx="8524">
                  <c:v>0</c:v>
                </c:pt>
                <c:pt idx="8525">
                  <c:v>0</c:v>
                </c:pt>
                <c:pt idx="8526">
                  <c:v>0</c:v>
                </c:pt>
                <c:pt idx="8527">
                  <c:v>0</c:v>
                </c:pt>
                <c:pt idx="8528">
                  <c:v>0</c:v>
                </c:pt>
                <c:pt idx="8529">
                  <c:v>0</c:v>
                </c:pt>
                <c:pt idx="8530">
                  <c:v>0</c:v>
                </c:pt>
                <c:pt idx="8531">
                  <c:v>0</c:v>
                </c:pt>
                <c:pt idx="8532">
                  <c:v>0</c:v>
                </c:pt>
                <c:pt idx="8533">
                  <c:v>0</c:v>
                </c:pt>
                <c:pt idx="8534">
                  <c:v>0</c:v>
                </c:pt>
                <c:pt idx="8535">
                  <c:v>0</c:v>
                </c:pt>
                <c:pt idx="8536">
                  <c:v>0</c:v>
                </c:pt>
                <c:pt idx="8537">
                  <c:v>0</c:v>
                </c:pt>
                <c:pt idx="8538">
                  <c:v>0</c:v>
                </c:pt>
                <c:pt idx="8539">
                  <c:v>0</c:v>
                </c:pt>
                <c:pt idx="8540">
                  <c:v>0</c:v>
                </c:pt>
                <c:pt idx="8541">
                  <c:v>0</c:v>
                </c:pt>
                <c:pt idx="8542">
                  <c:v>0</c:v>
                </c:pt>
                <c:pt idx="8543">
                  <c:v>0</c:v>
                </c:pt>
                <c:pt idx="8544">
                  <c:v>0</c:v>
                </c:pt>
                <c:pt idx="8545">
                  <c:v>0</c:v>
                </c:pt>
                <c:pt idx="8546">
                  <c:v>0</c:v>
                </c:pt>
                <c:pt idx="8547">
                  <c:v>0</c:v>
                </c:pt>
                <c:pt idx="8548">
                  <c:v>0</c:v>
                </c:pt>
                <c:pt idx="8549">
                  <c:v>0</c:v>
                </c:pt>
                <c:pt idx="8550">
                  <c:v>0</c:v>
                </c:pt>
                <c:pt idx="8551">
                  <c:v>0</c:v>
                </c:pt>
                <c:pt idx="8552">
                  <c:v>0</c:v>
                </c:pt>
                <c:pt idx="8553">
                  <c:v>0</c:v>
                </c:pt>
                <c:pt idx="8554">
                  <c:v>0</c:v>
                </c:pt>
                <c:pt idx="8555">
                  <c:v>0</c:v>
                </c:pt>
                <c:pt idx="8556">
                  <c:v>0</c:v>
                </c:pt>
                <c:pt idx="8557">
                  <c:v>0</c:v>
                </c:pt>
                <c:pt idx="8558">
                  <c:v>0</c:v>
                </c:pt>
                <c:pt idx="8559">
                  <c:v>0</c:v>
                </c:pt>
                <c:pt idx="8560">
                  <c:v>0</c:v>
                </c:pt>
                <c:pt idx="8561">
                  <c:v>0</c:v>
                </c:pt>
                <c:pt idx="8562">
                  <c:v>0</c:v>
                </c:pt>
                <c:pt idx="8563">
                  <c:v>0</c:v>
                </c:pt>
                <c:pt idx="8564">
                  <c:v>0</c:v>
                </c:pt>
                <c:pt idx="8565">
                  <c:v>0</c:v>
                </c:pt>
                <c:pt idx="8566">
                  <c:v>0</c:v>
                </c:pt>
                <c:pt idx="8567">
                  <c:v>0</c:v>
                </c:pt>
                <c:pt idx="8568">
                  <c:v>0</c:v>
                </c:pt>
                <c:pt idx="8569">
                  <c:v>0</c:v>
                </c:pt>
                <c:pt idx="8570">
                  <c:v>0</c:v>
                </c:pt>
                <c:pt idx="8571">
                  <c:v>0</c:v>
                </c:pt>
                <c:pt idx="8572">
                  <c:v>0</c:v>
                </c:pt>
                <c:pt idx="8573">
                  <c:v>0</c:v>
                </c:pt>
                <c:pt idx="8574">
                  <c:v>0</c:v>
                </c:pt>
                <c:pt idx="8575">
                  <c:v>0</c:v>
                </c:pt>
                <c:pt idx="8576">
                  <c:v>0</c:v>
                </c:pt>
                <c:pt idx="8577">
                  <c:v>0</c:v>
                </c:pt>
                <c:pt idx="8578">
                  <c:v>0</c:v>
                </c:pt>
                <c:pt idx="8579">
                  <c:v>0</c:v>
                </c:pt>
                <c:pt idx="8580">
                  <c:v>0</c:v>
                </c:pt>
                <c:pt idx="8581">
                  <c:v>0</c:v>
                </c:pt>
                <c:pt idx="8582">
                  <c:v>0</c:v>
                </c:pt>
                <c:pt idx="8583">
                  <c:v>0</c:v>
                </c:pt>
                <c:pt idx="8584">
                  <c:v>0</c:v>
                </c:pt>
                <c:pt idx="8585">
                  <c:v>0</c:v>
                </c:pt>
                <c:pt idx="8586">
                  <c:v>0</c:v>
                </c:pt>
                <c:pt idx="8587">
                  <c:v>0</c:v>
                </c:pt>
                <c:pt idx="8588">
                  <c:v>0</c:v>
                </c:pt>
                <c:pt idx="8589">
                  <c:v>0</c:v>
                </c:pt>
                <c:pt idx="8590">
                  <c:v>0</c:v>
                </c:pt>
                <c:pt idx="8591">
                  <c:v>0</c:v>
                </c:pt>
                <c:pt idx="8592">
                  <c:v>0</c:v>
                </c:pt>
                <c:pt idx="8593">
                  <c:v>0</c:v>
                </c:pt>
                <c:pt idx="8594">
                  <c:v>0</c:v>
                </c:pt>
                <c:pt idx="8595">
                  <c:v>0</c:v>
                </c:pt>
                <c:pt idx="8596">
                  <c:v>0</c:v>
                </c:pt>
                <c:pt idx="8597">
                  <c:v>0</c:v>
                </c:pt>
                <c:pt idx="8598">
                  <c:v>0</c:v>
                </c:pt>
                <c:pt idx="8599">
                  <c:v>0</c:v>
                </c:pt>
                <c:pt idx="8600">
                  <c:v>0</c:v>
                </c:pt>
                <c:pt idx="8601">
                  <c:v>0</c:v>
                </c:pt>
                <c:pt idx="8602">
                  <c:v>0</c:v>
                </c:pt>
                <c:pt idx="8603">
                  <c:v>0</c:v>
                </c:pt>
                <c:pt idx="8604">
                  <c:v>0</c:v>
                </c:pt>
                <c:pt idx="8605">
                  <c:v>0</c:v>
                </c:pt>
                <c:pt idx="8606">
                  <c:v>0</c:v>
                </c:pt>
                <c:pt idx="8607">
                  <c:v>0</c:v>
                </c:pt>
                <c:pt idx="8608">
                  <c:v>0</c:v>
                </c:pt>
                <c:pt idx="8609">
                  <c:v>0</c:v>
                </c:pt>
                <c:pt idx="8610">
                  <c:v>0</c:v>
                </c:pt>
                <c:pt idx="8611">
                  <c:v>0</c:v>
                </c:pt>
                <c:pt idx="8612">
                  <c:v>0</c:v>
                </c:pt>
                <c:pt idx="8613">
                  <c:v>0</c:v>
                </c:pt>
                <c:pt idx="8614">
                  <c:v>0</c:v>
                </c:pt>
                <c:pt idx="8615">
                  <c:v>0</c:v>
                </c:pt>
                <c:pt idx="8616">
                  <c:v>0</c:v>
                </c:pt>
                <c:pt idx="8617">
                  <c:v>0</c:v>
                </c:pt>
                <c:pt idx="8618">
                  <c:v>0</c:v>
                </c:pt>
                <c:pt idx="8619">
                  <c:v>0</c:v>
                </c:pt>
                <c:pt idx="8620">
                  <c:v>0</c:v>
                </c:pt>
                <c:pt idx="8621">
                  <c:v>0</c:v>
                </c:pt>
                <c:pt idx="8622">
                  <c:v>0</c:v>
                </c:pt>
                <c:pt idx="8623">
                  <c:v>0</c:v>
                </c:pt>
                <c:pt idx="8624">
                  <c:v>0</c:v>
                </c:pt>
                <c:pt idx="8625">
                  <c:v>0</c:v>
                </c:pt>
                <c:pt idx="8626">
                  <c:v>0</c:v>
                </c:pt>
                <c:pt idx="8627">
                  <c:v>0</c:v>
                </c:pt>
                <c:pt idx="8628">
                  <c:v>0</c:v>
                </c:pt>
                <c:pt idx="8629">
                  <c:v>0</c:v>
                </c:pt>
                <c:pt idx="8630">
                  <c:v>0</c:v>
                </c:pt>
                <c:pt idx="8631">
                  <c:v>0</c:v>
                </c:pt>
                <c:pt idx="8632">
                  <c:v>0</c:v>
                </c:pt>
                <c:pt idx="8633">
                  <c:v>0</c:v>
                </c:pt>
                <c:pt idx="8634">
                  <c:v>0</c:v>
                </c:pt>
                <c:pt idx="8635">
                  <c:v>0</c:v>
                </c:pt>
                <c:pt idx="8636">
                  <c:v>0</c:v>
                </c:pt>
                <c:pt idx="8637">
                  <c:v>0</c:v>
                </c:pt>
                <c:pt idx="8638">
                  <c:v>0</c:v>
                </c:pt>
                <c:pt idx="8639">
                  <c:v>0</c:v>
                </c:pt>
                <c:pt idx="8640">
                  <c:v>0</c:v>
                </c:pt>
                <c:pt idx="8641">
                  <c:v>0</c:v>
                </c:pt>
                <c:pt idx="8642">
                  <c:v>0</c:v>
                </c:pt>
                <c:pt idx="8643">
                  <c:v>0</c:v>
                </c:pt>
                <c:pt idx="8644">
                  <c:v>0</c:v>
                </c:pt>
                <c:pt idx="8645">
                  <c:v>0</c:v>
                </c:pt>
                <c:pt idx="8646">
                  <c:v>0</c:v>
                </c:pt>
                <c:pt idx="8647">
                  <c:v>0</c:v>
                </c:pt>
                <c:pt idx="8648">
                  <c:v>0</c:v>
                </c:pt>
                <c:pt idx="8649">
                  <c:v>0</c:v>
                </c:pt>
                <c:pt idx="8650">
                  <c:v>0</c:v>
                </c:pt>
                <c:pt idx="8651">
                  <c:v>0</c:v>
                </c:pt>
                <c:pt idx="8652">
                  <c:v>0</c:v>
                </c:pt>
                <c:pt idx="8653">
                  <c:v>0</c:v>
                </c:pt>
                <c:pt idx="8654">
                  <c:v>0</c:v>
                </c:pt>
                <c:pt idx="8655">
                  <c:v>0</c:v>
                </c:pt>
                <c:pt idx="8656">
                  <c:v>0</c:v>
                </c:pt>
                <c:pt idx="8657">
                  <c:v>0</c:v>
                </c:pt>
                <c:pt idx="8658">
                  <c:v>0</c:v>
                </c:pt>
                <c:pt idx="8659">
                  <c:v>0</c:v>
                </c:pt>
                <c:pt idx="8660">
                  <c:v>0</c:v>
                </c:pt>
                <c:pt idx="8661">
                  <c:v>0</c:v>
                </c:pt>
                <c:pt idx="8662">
                  <c:v>0</c:v>
                </c:pt>
                <c:pt idx="8663">
                  <c:v>0</c:v>
                </c:pt>
                <c:pt idx="8664">
                  <c:v>0</c:v>
                </c:pt>
                <c:pt idx="8665">
                  <c:v>0</c:v>
                </c:pt>
                <c:pt idx="8666">
                  <c:v>0</c:v>
                </c:pt>
                <c:pt idx="8667">
                  <c:v>0</c:v>
                </c:pt>
                <c:pt idx="8668">
                  <c:v>0</c:v>
                </c:pt>
                <c:pt idx="8669">
                  <c:v>0</c:v>
                </c:pt>
                <c:pt idx="8670">
                  <c:v>0</c:v>
                </c:pt>
                <c:pt idx="8671">
                  <c:v>0</c:v>
                </c:pt>
                <c:pt idx="8672">
                  <c:v>0</c:v>
                </c:pt>
                <c:pt idx="8673">
                  <c:v>0</c:v>
                </c:pt>
                <c:pt idx="8674">
                  <c:v>0</c:v>
                </c:pt>
                <c:pt idx="8675">
                  <c:v>0</c:v>
                </c:pt>
                <c:pt idx="8676">
                  <c:v>0</c:v>
                </c:pt>
                <c:pt idx="8677">
                  <c:v>0</c:v>
                </c:pt>
                <c:pt idx="8678">
                  <c:v>0</c:v>
                </c:pt>
                <c:pt idx="8679">
                  <c:v>0</c:v>
                </c:pt>
                <c:pt idx="8680">
                  <c:v>0</c:v>
                </c:pt>
                <c:pt idx="8681">
                  <c:v>0</c:v>
                </c:pt>
                <c:pt idx="8682">
                  <c:v>0</c:v>
                </c:pt>
                <c:pt idx="8683">
                  <c:v>0</c:v>
                </c:pt>
                <c:pt idx="8684">
                  <c:v>0</c:v>
                </c:pt>
                <c:pt idx="8685">
                  <c:v>0</c:v>
                </c:pt>
                <c:pt idx="8686">
                  <c:v>0</c:v>
                </c:pt>
                <c:pt idx="8687">
                  <c:v>0</c:v>
                </c:pt>
                <c:pt idx="8688">
                  <c:v>0</c:v>
                </c:pt>
                <c:pt idx="8689">
                  <c:v>0</c:v>
                </c:pt>
                <c:pt idx="8690">
                  <c:v>0</c:v>
                </c:pt>
                <c:pt idx="8691">
                  <c:v>0</c:v>
                </c:pt>
                <c:pt idx="8692">
                  <c:v>0</c:v>
                </c:pt>
                <c:pt idx="8693">
                  <c:v>0</c:v>
                </c:pt>
                <c:pt idx="8694">
                  <c:v>0</c:v>
                </c:pt>
                <c:pt idx="8695">
                  <c:v>0</c:v>
                </c:pt>
                <c:pt idx="8696">
                  <c:v>0</c:v>
                </c:pt>
                <c:pt idx="8697">
                  <c:v>0</c:v>
                </c:pt>
                <c:pt idx="8698">
                  <c:v>0</c:v>
                </c:pt>
                <c:pt idx="8699">
                  <c:v>0</c:v>
                </c:pt>
                <c:pt idx="8700">
                  <c:v>0</c:v>
                </c:pt>
                <c:pt idx="8701">
                  <c:v>0</c:v>
                </c:pt>
                <c:pt idx="8702">
                  <c:v>0</c:v>
                </c:pt>
                <c:pt idx="8703">
                  <c:v>0</c:v>
                </c:pt>
                <c:pt idx="8704">
                  <c:v>0</c:v>
                </c:pt>
                <c:pt idx="8705">
                  <c:v>0</c:v>
                </c:pt>
                <c:pt idx="8706">
                  <c:v>0</c:v>
                </c:pt>
                <c:pt idx="8707">
                  <c:v>0</c:v>
                </c:pt>
                <c:pt idx="8708">
                  <c:v>0</c:v>
                </c:pt>
                <c:pt idx="8709">
                  <c:v>0</c:v>
                </c:pt>
                <c:pt idx="8710">
                  <c:v>0</c:v>
                </c:pt>
                <c:pt idx="8711">
                  <c:v>0</c:v>
                </c:pt>
                <c:pt idx="8712">
                  <c:v>0</c:v>
                </c:pt>
                <c:pt idx="8713">
                  <c:v>0</c:v>
                </c:pt>
                <c:pt idx="8714">
                  <c:v>0</c:v>
                </c:pt>
                <c:pt idx="8715">
                  <c:v>0</c:v>
                </c:pt>
                <c:pt idx="8716">
                  <c:v>0</c:v>
                </c:pt>
                <c:pt idx="8717">
                  <c:v>0</c:v>
                </c:pt>
                <c:pt idx="8718">
                  <c:v>0</c:v>
                </c:pt>
                <c:pt idx="8719">
                  <c:v>0</c:v>
                </c:pt>
                <c:pt idx="8720">
                  <c:v>0</c:v>
                </c:pt>
                <c:pt idx="8721">
                  <c:v>0</c:v>
                </c:pt>
                <c:pt idx="8722">
                  <c:v>0</c:v>
                </c:pt>
                <c:pt idx="8723">
                  <c:v>0</c:v>
                </c:pt>
                <c:pt idx="8724">
                  <c:v>0</c:v>
                </c:pt>
                <c:pt idx="8725">
                  <c:v>0</c:v>
                </c:pt>
                <c:pt idx="8726">
                  <c:v>0</c:v>
                </c:pt>
                <c:pt idx="8727">
                  <c:v>0</c:v>
                </c:pt>
                <c:pt idx="8728">
                  <c:v>0</c:v>
                </c:pt>
                <c:pt idx="8729">
                  <c:v>0</c:v>
                </c:pt>
                <c:pt idx="8730">
                  <c:v>0</c:v>
                </c:pt>
                <c:pt idx="8731">
                  <c:v>0</c:v>
                </c:pt>
                <c:pt idx="8732">
                  <c:v>0</c:v>
                </c:pt>
                <c:pt idx="8733">
                  <c:v>0</c:v>
                </c:pt>
                <c:pt idx="8734">
                  <c:v>0</c:v>
                </c:pt>
                <c:pt idx="8735">
                  <c:v>0</c:v>
                </c:pt>
                <c:pt idx="8736">
                  <c:v>0</c:v>
                </c:pt>
                <c:pt idx="8737">
                  <c:v>0</c:v>
                </c:pt>
                <c:pt idx="8738">
                  <c:v>0</c:v>
                </c:pt>
                <c:pt idx="8739">
                  <c:v>0</c:v>
                </c:pt>
                <c:pt idx="8740">
                  <c:v>0</c:v>
                </c:pt>
                <c:pt idx="8741">
                  <c:v>0</c:v>
                </c:pt>
                <c:pt idx="8742">
                  <c:v>0</c:v>
                </c:pt>
                <c:pt idx="8743">
                  <c:v>0</c:v>
                </c:pt>
                <c:pt idx="8744">
                  <c:v>0</c:v>
                </c:pt>
                <c:pt idx="8745">
                  <c:v>0</c:v>
                </c:pt>
                <c:pt idx="8746">
                  <c:v>0</c:v>
                </c:pt>
                <c:pt idx="8747">
                  <c:v>0</c:v>
                </c:pt>
                <c:pt idx="8748">
                  <c:v>0</c:v>
                </c:pt>
                <c:pt idx="8749">
                  <c:v>0</c:v>
                </c:pt>
                <c:pt idx="8750">
                  <c:v>0</c:v>
                </c:pt>
                <c:pt idx="8751">
                  <c:v>0</c:v>
                </c:pt>
                <c:pt idx="8752">
                  <c:v>0</c:v>
                </c:pt>
                <c:pt idx="8753">
                  <c:v>0</c:v>
                </c:pt>
                <c:pt idx="8754">
                  <c:v>0</c:v>
                </c:pt>
                <c:pt idx="8755">
                  <c:v>0</c:v>
                </c:pt>
                <c:pt idx="8756">
                  <c:v>0</c:v>
                </c:pt>
                <c:pt idx="8757">
                  <c:v>0</c:v>
                </c:pt>
                <c:pt idx="8758">
                  <c:v>0</c:v>
                </c:pt>
                <c:pt idx="8759">
                  <c:v>0</c:v>
                </c:pt>
              </c:numCache>
            </c:numRef>
          </c:val>
          <c:extLst>
            <c:ext xmlns:c16="http://schemas.microsoft.com/office/drawing/2014/chart" uri="{C3380CC4-5D6E-409C-BE32-E72D297353CC}">
              <c16:uniqueId val="{00000003-2C0B-4701-B4D5-C67566BB76AF}"/>
            </c:ext>
          </c:extLst>
        </c:ser>
        <c:dLbls>
          <c:showLegendKey val="0"/>
          <c:showVal val="0"/>
          <c:showCatName val="0"/>
          <c:showSerName val="0"/>
          <c:showPercent val="0"/>
          <c:showBubbleSize val="0"/>
        </c:dLbls>
        <c:axId val="1789561167"/>
        <c:axId val="1789564047"/>
      </c:areaChart>
      <c:catAx>
        <c:axId val="1789561167"/>
        <c:scaling>
          <c:orientation val="minMax"/>
        </c:scaling>
        <c:delete val="0"/>
        <c:axPos val="b"/>
        <c:majorGridlines>
          <c:spPr>
            <a:ln w="9525" cap="flat" cmpd="sng" algn="ctr">
              <a:no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Hours</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4047"/>
        <c:crosses val="autoZero"/>
        <c:auto val="1"/>
        <c:lblAlgn val="ctr"/>
        <c:lblOffset val="100"/>
        <c:tickLblSkip val="1000"/>
        <c:tickMarkSkip val="1000"/>
        <c:noMultiLvlLbl val="0"/>
      </c:catAx>
      <c:valAx>
        <c:axId val="1789564047"/>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nb-NO">
                    <a:solidFill>
                      <a:schemeClr val="tx1"/>
                    </a:solidFill>
                  </a:rPr>
                  <a:t>Hourly</a:t>
                </a:r>
                <a:r>
                  <a:rPr lang="nb-NO" baseline="0">
                    <a:solidFill>
                      <a:schemeClr val="tx1"/>
                    </a:solidFill>
                  </a:rPr>
                  <a:t> Demand [user-defined unit]</a:t>
                </a:r>
                <a:endParaRPr lang="nb-NO">
                  <a:solidFill>
                    <a:schemeClr val="tx1"/>
                  </a:solidFill>
                </a:endParaRPr>
              </a:p>
            </c:rich>
          </c:tx>
          <c:layout>
            <c:manualLayout>
              <c:xMode val="edge"/>
              <c:yMode val="edge"/>
              <c:x val="1.8578761431516905E-2"/>
              <c:y val="0.29543252538744419"/>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nb-NO"/>
            </a:p>
          </c:txPr>
        </c:title>
        <c:numFmt formatCode="_(* #,##0.00_);_(* \(#,##0.00\);_(* &quot;-&quot;??_);_(@_)"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1167"/>
        <c:crosses val="autoZero"/>
        <c:crossBetween val="between"/>
      </c:valAx>
      <c:spPr>
        <a:solidFill>
          <a:schemeClr val="bg1"/>
        </a:solidFill>
        <a:ln>
          <a:solidFill>
            <a:schemeClr val="tx1"/>
          </a:solidFill>
        </a:ln>
        <a:effectLst/>
      </c:spPr>
    </c:plotArea>
    <c:legend>
      <c:legendPos val="r"/>
      <c:layout>
        <c:manualLayout>
          <c:xMode val="edge"/>
          <c:yMode val="edge"/>
          <c:x val="0.52011957967317612"/>
          <c:y val="4.6380887584744082E-2"/>
          <c:w val="0.20205367875343577"/>
          <c:h val="9.9517795428260086E-2"/>
        </c:manualLayout>
      </c:layout>
      <c:overlay val="0"/>
      <c:spPr>
        <a:solidFill>
          <a:schemeClr val="bg1"/>
        </a:solidFill>
        <a:ln>
          <a:solidFill>
            <a:schemeClr val="tx1"/>
          </a:solid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03537601278101E-2"/>
          <c:y val="3.6813922356091031E-2"/>
          <c:w val="0.90603665186897964"/>
          <c:h val="0.66096580999550592"/>
        </c:manualLayout>
      </c:layout>
      <c:areaChart>
        <c:grouping val="stacked"/>
        <c:varyColors val="0"/>
        <c:ser>
          <c:idx val="6"/>
          <c:order val="1"/>
          <c:tx>
            <c:strRef>
              <c:f>Jesper!$AQ$1</c:f>
              <c:strCache>
                <c:ptCount val="1"/>
                <c:pt idx="0">
                  <c:v>T5</c:v>
                </c:pt>
              </c:strCache>
            </c:strRef>
          </c:tx>
          <c:spPr>
            <a:solidFill>
              <a:schemeClr val="accent5">
                <a:lumMod val="75000"/>
              </a:schemeClr>
            </a:solidFill>
            <a:ln>
              <a:noFill/>
            </a:ln>
            <a:effectLst/>
          </c:spPr>
          <c:cat>
            <c:numRef>
              <c:f>Jesper!$P$2:$P$366</c:f>
              <c:numCache>
                <c:formatCode>m/d/yyyy</c:formatCode>
                <c:ptCount val="365"/>
                <c:pt idx="0">
                  <c:v>45292</c:v>
                </c:pt>
                <c:pt idx="1">
                  <c:v>45293</c:v>
                </c:pt>
                <c:pt idx="2">
                  <c:v>45294</c:v>
                </c:pt>
                <c:pt idx="3">
                  <c:v>45295</c:v>
                </c:pt>
                <c:pt idx="4">
                  <c:v>45296</c:v>
                </c:pt>
                <c:pt idx="5">
                  <c:v>45297</c:v>
                </c:pt>
                <c:pt idx="6">
                  <c:v>45298</c:v>
                </c:pt>
                <c:pt idx="7">
                  <c:v>45299</c:v>
                </c:pt>
                <c:pt idx="8">
                  <c:v>45300</c:v>
                </c:pt>
                <c:pt idx="9">
                  <c:v>45301</c:v>
                </c:pt>
                <c:pt idx="10">
                  <c:v>45302</c:v>
                </c:pt>
                <c:pt idx="11">
                  <c:v>45303</c:v>
                </c:pt>
                <c:pt idx="12">
                  <c:v>45304</c:v>
                </c:pt>
                <c:pt idx="13">
                  <c:v>45305</c:v>
                </c:pt>
                <c:pt idx="14">
                  <c:v>45306</c:v>
                </c:pt>
                <c:pt idx="15">
                  <c:v>45307</c:v>
                </c:pt>
                <c:pt idx="16">
                  <c:v>45308</c:v>
                </c:pt>
                <c:pt idx="17">
                  <c:v>45309</c:v>
                </c:pt>
                <c:pt idx="18">
                  <c:v>45310</c:v>
                </c:pt>
                <c:pt idx="19">
                  <c:v>45311</c:v>
                </c:pt>
                <c:pt idx="20">
                  <c:v>45312</c:v>
                </c:pt>
                <c:pt idx="21">
                  <c:v>45313</c:v>
                </c:pt>
                <c:pt idx="22">
                  <c:v>45314</c:v>
                </c:pt>
                <c:pt idx="23">
                  <c:v>45315</c:v>
                </c:pt>
                <c:pt idx="24">
                  <c:v>45316</c:v>
                </c:pt>
                <c:pt idx="25">
                  <c:v>45317</c:v>
                </c:pt>
                <c:pt idx="26">
                  <c:v>45318</c:v>
                </c:pt>
                <c:pt idx="27">
                  <c:v>45319</c:v>
                </c:pt>
                <c:pt idx="28">
                  <c:v>45320</c:v>
                </c:pt>
                <c:pt idx="29">
                  <c:v>45321</c:v>
                </c:pt>
                <c:pt idx="30">
                  <c:v>45322</c:v>
                </c:pt>
                <c:pt idx="31">
                  <c:v>45323</c:v>
                </c:pt>
                <c:pt idx="32">
                  <c:v>45324</c:v>
                </c:pt>
                <c:pt idx="33">
                  <c:v>45325</c:v>
                </c:pt>
                <c:pt idx="34">
                  <c:v>45326</c:v>
                </c:pt>
                <c:pt idx="35">
                  <c:v>45327</c:v>
                </c:pt>
                <c:pt idx="36">
                  <c:v>45328</c:v>
                </c:pt>
                <c:pt idx="37">
                  <c:v>45329</c:v>
                </c:pt>
                <c:pt idx="38">
                  <c:v>45330</c:v>
                </c:pt>
                <c:pt idx="39">
                  <c:v>45331</c:v>
                </c:pt>
                <c:pt idx="40">
                  <c:v>45332</c:v>
                </c:pt>
                <c:pt idx="41">
                  <c:v>45333</c:v>
                </c:pt>
                <c:pt idx="42">
                  <c:v>45334</c:v>
                </c:pt>
                <c:pt idx="43">
                  <c:v>45335</c:v>
                </c:pt>
                <c:pt idx="44">
                  <c:v>45336</c:v>
                </c:pt>
                <c:pt idx="45">
                  <c:v>45337</c:v>
                </c:pt>
                <c:pt idx="46">
                  <c:v>45338</c:v>
                </c:pt>
                <c:pt idx="47">
                  <c:v>45339</c:v>
                </c:pt>
                <c:pt idx="48">
                  <c:v>45340</c:v>
                </c:pt>
                <c:pt idx="49">
                  <c:v>45341</c:v>
                </c:pt>
                <c:pt idx="50">
                  <c:v>45342</c:v>
                </c:pt>
                <c:pt idx="51">
                  <c:v>45343</c:v>
                </c:pt>
                <c:pt idx="52">
                  <c:v>45344</c:v>
                </c:pt>
                <c:pt idx="53">
                  <c:v>45345</c:v>
                </c:pt>
                <c:pt idx="54">
                  <c:v>45346</c:v>
                </c:pt>
                <c:pt idx="55">
                  <c:v>45347</c:v>
                </c:pt>
                <c:pt idx="56">
                  <c:v>45348</c:v>
                </c:pt>
                <c:pt idx="57">
                  <c:v>45349</c:v>
                </c:pt>
                <c:pt idx="58">
                  <c:v>45350</c:v>
                </c:pt>
                <c:pt idx="59">
                  <c:v>45351</c:v>
                </c:pt>
                <c:pt idx="60">
                  <c:v>45352</c:v>
                </c:pt>
                <c:pt idx="61">
                  <c:v>45353</c:v>
                </c:pt>
                <c:pt idx="62">
                  <c:v>45354</c:v>
                </c:pt>
                <c:pt idx="63">
                  <c:v>45355</c:v>
                </c:pt>
                <c:pt idx="64">
                  <c:v>45356</c:v>
                </c:pt>
                <c:pt idx="65">
                  <c:v>45357</c:v>
                </c:pt>
                <c:pt idx="66">
                  <c:v>45358</c:v>
                </c:pt>
                <c:pt idx="67">
                  <c:v>45359</c:v>
                </c:pt>
                <c:pt idx="68">
                  <c:v>45360</c:v>
                </c:pt>
                <c:pt idx="69">
                  <c:v>45361</c:v>
                </c:pt>
                <c:pt idx="70">
                  <c:v>45362</c:v>
                </c:pt>
                <c:pt idx="71">
                  <c:v>45363</c:v>
                </c:pt>
                <c:pt idx="72">
                  <c:v>45364</c:v>
                </c:pt>
                <c:pt idx="73">
                  <c:v>45365</c:v>
                </c:pt>
                <c:pt idx="74">
                  <c:v>45366</c:v>
                </c:pt>
                <c:pt idx="75">
                  <c:v>45367</c:v>
                </c:pt>
                <c:pt idx="76">
                  <c:v>45368</c:v>
                </c:pt>
                <c:pt idx="77">
                  <c:v>45369</c:v>
                </c:pt>
                <c:pt idx="78">
                  <c:v>45370</c:v>
                </c:pt>
                <c:pt idx="79">
                  <c:v>45371</c:v>
                </c:pt>
                <c:pt idx="80">
                  <c:v>45372</c:v>
                </c:pt>
                <c:pt idx="81">
                  <c:v>45373</c:v>
                </c:pt>
                <c:pt idx="82">
                  <c:v>45374</c:v>
                </c:pt>
                <c:pt idx="83">
                  <c:v>45375</c:v>
                </c:pt>
                <c:pt idx="84">
                  <c:v>45376</c:v>
                </c:pt>
                <c:pt idx="85">
                  <c:v>45377</c:v>
                </c:pt>
                <c:pt idx="86">
                  <c:v>45378</c:v>
                </c:pt>
                <c:pt idx="87">
                  <c:v>45379</c:v>
                </c:pt>
                <c:pt idx="88">
                  <c:v>45380</c:v>
                </c:pt>
                <c:pt idx="89">
                  <c:v>45381</c:v>
                </c:pt>
                <c:pt idx="90">
                  <c:v>45382</c:v>
                </c:pt>
                <c:pt idx="91">
                  <c:v>45383</c:v>
                </c:pt>
                <c:pt idx="92">
                  <c:v>45384</c:v>
                </c:pt>
                <c:pt idx="93">
                  <c:v>45385</c:v>
                </c:pt>
                <c:pt idx="94">
                  <c:v>45386</c:v>
                </c:pt>
                <c:pt idx="95">
                  <c:v>45387</c:v>
                </c:pt>
                <c:pt idx="96">
                  <c:v>45388</c:v>
                </c:pt>
                <c:pt idx="97">
                  <c:v>45389</c:v>
                </c:pt>
                <c:pt idx="98">
                  <c:v>45390</c:v>
                </c:pt>
                <c:pt idx="99">
                  <c:v>45391</c:v>
                </c:pt>
                <c:pt idx="100">
                  <c:v>45392</c:v>
                </c:pt>
                <c:pt idx="101">
                  <c:v>45393</c:v>
                </c:pt>
                <c:pt idx="102">
                  <c:v>45394</c:v>
                </c:pt>
                <c:pt idx="103">
                  <c:v>45395</c:v>
                </c:pt>
                <c:pt idx="104">
                  <c:v>45396</c:v>
                </c:pt>
                <c:pt idx="105">
                  <c:v>45397</c:v>
                </c:pt>
                <c:pt idx="106">
                  <c:v>45398</c:v>
                </c:pt>
                <c:pt idx="107">
                  <c:v>45399</c:v>
                </c:pt>
                <c:pt idx="108">
                  <c:v>45400</c:v>
                </c:pt>
                <c:pt idx="109">
                  <c:v>45401</c:v>
                </c:pt>
                <c:pt idx="110">
                  <c:v>45402</c:v>
                </c:pt>
                <c:pt idx="111">
                  <c:v>45403</c:v>
                </c:pt>
                <c:pt idx="112">
                  <c:v>45404</c:v>
                </c:pt>
                <c:pt idx="113">
                  <c:v>45405</c:v>
                </c:pt>
                <c:pt idx="114">
                  <c:v>45406</c:v>
                </c:pt>
                <c:pt idx="115">
                  <c:v>45407</c:v>
                </c:pt>
                <c:pt idx="116">
                  <c:v>45408</c:v>
                </c:pt>
                <c:pt idx="117">
                  <c:v>45409</c:v>
                </c:pt>
                <c:pt idx="118">
                  <c:v>45410</c:v>
                </c:pt>
                <c:pt idx="119">
                  <c:v>45411</c:v>
                </c:pt>
                <c:pt idx="120">
                  <c:v>45412</c:v>
                </c:pt>
                <c:pt idx="121">
                  <c:v>45413</c:v>
                </c:pt>
                <c:pt idx="122">
                  <c:v>45414</c:v>
                </c:pt>
                <c:pt idx="123">
                  <c:v>45415</c:v>
                </c:pt>
                <c:pt idx="124">
                  <c:v>45416</c:v>
                </c:pt>
                <c:pt idx="125">
                  <c:v>45417</c:v>
                </c:pt>
                <c:pt idx="126">
                  <c:v>45418</c:v>
                </c:pt>
                <c:pt idx="127">
                  <c:v>45419</c:v>
                </c:pt>
                <c:pt idx="128">
                  <c:v>45420</c:v>
                </c:pt>
                <c:pt idx="129">
                  <c:v>45421</c:v>
                </c:pt>
                <c:pt idx="130">
                  <c:v>45422</c:v>
                </c:pt>
                <c:pt idx="131">
                  <c:v>45423</c:v>
                </c:pt>
                <c:pt idx="132">
                  <c:v>45424</c:v>
                </c:pt>
                <c:pt idx="133">
                  <c:v>45425</c:v>
                </c:pt>
                <c:pt idx="134">
                  <c:v>45426</c:v>
                </c:pt>
                <c:pt idx="135">
                  <c:v>45427</c:v>
                </c:pt>
                <c:pt idx="136">
                  <c:v>45428</c:v>
                </c:pt>
                <c:pt idx="137">
                  <c:v>45429</c:v>
                </c:pt>
                <c:pt idx="138">
                  <c:v>45430</c:v>
                </c:pt>
                <c:pt idx="139">
                  <c:v>45431</c:v>
                </c:pt>
                <c:pt idx="140">
                  <c:v>45432</c:v>
                </c:pt>
                <c:pt idx="141">
                  <c:v>45433</c:v>
                </c:pt>
                <c:pt idx="142">
                  <c:v>45434</c:v>
                </c:pt>
                <c:pt idx="143">
                  <c:v>45435</c:v>
                </c:pt>
                <c:pt idx="144">
                  <c:v>45436</c:v>
                </c:pt>
                <c:pt idx="145">
                  <c:v>45437</c:v>
                </c:pt>
                <c:pt idx="146">
                  <c:v>45438</c:v>
                </c:pt>
                <c:pt idx="147">
                  <c:v>45439</c:v>
                </c:pt>
                <c:pt idx="148">
                  <c:v>45440</c:v>
                </c:pt>
                <c:pt idx="149">
                  <c:v>45441</c:v>
                </c:pt>
                <c:pt idx="150">
                  <c:v>45442</c:v>
                </c:pt>
                <c:pt idx="151">
                  <c:v>45443</c:v>
                </c:pt>
                <c:pt idx="152">
                  <c:v>45444</c:v>
                </c:pt>
                <c:pt idx="153">
                  <c:v>45445</c:v>
                </c:pt>
                <c:pt idx="154">
                  <c:v>45446</c:v>
                </c:pt>
                <c:pt idx="155">
                  <c:v>45447</c:v>
                </c:pt>
                <c:pt idx="156">
                  <c:v>45448</c:v>
                </c:pt>
                <c:pt idx="157">
                  <c:v>45449</c:v>
                </c:pt>
                <c:pt idx="158">
                  <c:v>45450</c:v>
                </c:pt>
                <c:pt idx="159">
                  <c:v>45451</c:v>
                </c:pt>
                <c:pt idx="160">
                  <c:v>45452</c:v>
                </c:pt>
                <c:pt idx="161">
                  <c:v>45453</c:v>
                </c:pt>
                <c:pt idx="162">
                  <c:v>45454</c:v>
                </c:pt>
                <c:pt idx="163">
                  <c:v>45455</c:v>
                </c:pt>
                <c:pt idx="164">
                  <c:v>45456</c:v>
                </c:pt>
                <c:pt idx="165">
                  <c:v>45457</c:v>
                </c:pt>
                <c:pt idx="166">
                  <c:v>45458</c:v>
                </c:pt>
                <c:pt idx="167">
                  <c:v>45459</c:v>
                </c:pt>
                <c:pt idx="168">
                  <c:v>45460</c:v>
                </c:pt>
                <c:pt idx="169">
                  <c:v>45461</c:v>
                </c:pt>
                <c:pt idx="170">
                  <c:v>45462</c:v>
                </c:pt>
                <c:pt idx="171">
                  <c:v>45463</c:v>
                </c:pt>
                <c:pt idx="172">
                  <c:v>45464</c:v>
                </c:pt>
                <c:pt idx="173">
                  <c:v>45465</c:v>
                </c:pt>
                <c:pt idx="174">
                  <c:v>45466</c:v>
                </c:pt>
                <c:pt idx="175">
                  <c:v>45467</c:v>
                </c:pt>
                <c:pt idx="176">
                  <c:v>45468</c:v>
                </c:pt>
                <c:pt idx="177">
                  <c:v>45469</c:v>
                </c:pt>
                <c:pt idx="178">
                  <c:v>45470</c:v>
                </c:pt>
                <c:pt idx="179">
                  <c:v>45471</c:v>
                </c:pt>
                <c:pt idx="180">
                  <c:v>45472</c:v>
                </c:pt>
                <c:pt idx="181">
                  <c:v>45473</c:v>
                </c:pt>
                <c:pt idx="182">
                  <c:v>45474</c:v>
                </c:pt>
                <c:pt idx="183">
                  <c:v>45475</c:v>
                </c:pt>
                <c:pt idx="184">
                  <c:v>45476</c:v>
                </c:pt>
                <c:pt idx="185">
                  <c:v>45477</c:v>
                </c:pt>
                <c:pt idx="186">
                  <c:v>45478</c:v>
                </c:pt>
                <c:pt idx="187">
                  <c:v>45479</c:v>
                </c:pt>
                <c:pt idx="188">
                  <c:v>45480</c:v>
                </c:pt>
                <c:pt idx="189">
                  <c:v>45481</c:v>
                </c:pt>
                <c:pt idx="190">
                  <c:v>45482</c:v>
                </c:pt>
                <c:pt idx="191">
                  <c:v>45483</c:v>
                </c:pt>
                <c:pt idx="192">
                  <c:v>45484</c:v>
                </c:pt>
                <c:pt idx="193">
                  <c:v>45485</c:v>
                </c:pt>
                <c:pt idx="194">
                  <c:v>45486</c:v>
                </c:pt>
                <c:pt idx="195">
                  <c:v>45487</c:v>
                </c:pt>
                <c:pt idx="196">
                  <c:v>45488</c:v>
                </c:pt>
                <c:pt idx="197">
                  <c:v>45489</c:v>
                </c:pt>
                <c:pt idx="198">
                  <c:v>45490</c:v>
                </c:pt>
                <c:pt idx="199">
                  <c:v>45491</c:v>
                </c:pt>
                <c:pt idx="200">
                  <c:v>45492</c:v>
                </c:pt>
                <c:pt idx="201">
                  <c:v>45493</c:v>
                </c:pt>
                <c:pt idx="202">
                  <c:v>45494</c:v>
                </c:pt>
                <c:pt idx="203">
                  <c:v>45495</c:v>
                </c:pt>
                <c:pt idx="204">
                  <c:v>45496</c:v>
                </c:pt>
                <c:pt idx="205">
                  <c:v>45497</c:v>
                </c:pt>
                <c:pt idx="206">
                  <c:v>45498</c:v>
                </c:pt>
                <c:pt idx="207">
                  <c:v>45499</c:v>
                </c:pt>
                <c:pt idx="208">
                  <c:v>45500</c:v>
                </c:pt>
                <c:pt idx="209">
                  <c:v>45501</c:v>
                </c:pt>
                <c:pt idx="210">
                  <c:v>45502</c:v>
                </c:pt>
                <c:pt idx="211">
                  <c:v>45503</c:v>
                </c:pt>
                <c:pt idx="212">
                  <c:v>45504</c:v>
                </c:pt>
                <c:pt idx="213">
                  <c:v>45505</c:v>
                </c:pt>
                <c:pt idx="214">
                  <c:v>45506</c:v>
                </c:pt>
                <c:pt idx="215">
                  <c:v>45507</c:v>
                </c:pt>
                <c:pt idx="216">
                  <c:v>45508</c:v>
                </c:pt>
                <c:pt idx="217">
                  <c:v>45509</c:v>
                </c:pt>
                <c:pt idx="218">
                  <c:v>45510</c:v>
                </c:pt>
                <c:pt idx="219">
                  <c:v>45511</c:v>
                </c:pt>
                <c:pt idx="220">
                  <c:v>45512</c:v>
                </c:pt>
                <c:pt idx="221">
                  <c:v>45513</c:v>
                </c:pt>
                <c:pt idx="222">
                  <c:v>45514</c:v>
                </c:pt>
                <c:pt idx="223">
                  <c:v>45515</c:v>
                </c:pt>
                <c:pt idx="224">
                  <c:v>45516</c:v>
                </c:pt>
                <c:pt idx="225">
                  <c:v>45517</c:v>
                </c:pt>
                <c:pt idx="226">
                  <c:v>45518</c:v>
                </c:pt>
                <c:pt idx="227">
                  <c:v>45519</c:v>
                </c:pt>
                <c:pt idx="228">
                  <c:v>45520</c:v>
                </c:pt>
                <c:pt idx="229">
                  <c:v>45521</c:v>
                </c:pt>
                <c:pt idx="230">
                  <c:v>45522</c:v>
                </c:pt>
                <c:pt idx="231">
                  <c:v>45523</c:v>
                </c:pt>
                <c:pt idx="232">
                  <c:v>45524</c:v>
                </c:pt>
                <c:pt idx="233">
                  <c:v>45525</c:v>
                </c:pt>
                <c:pt idx="234">
                  <c:v>45526</c:v>
                </c:pt>
                <c:pt idx="235">
                  <c:v>45527</c:v>
                </c:pt>
                <c:pt idx="236">
                  <c:v>45528</c:v>
                </c:pt>
                <c:pt idx="237">
                  <c:v>45529</c:v>
                </c:pt>
                <c:pt idx="238">
                  <c:v>45530</c:v>
                </c:pt>
                <c:pt idx="239">
                  <c:v>45531</c:v>
                </c:pt>
                <c:pt idx="240">
                  <c:v>45532</c:v>
                </c:pt>
                <c:pt idx="241">
                  <c:v>45533</c:v>
                </c:pt>
                <c:pt idx="242">
                  <c:v>45534</c:v>
                </c:pt>
                <c:pt idx="243">
                  <c:v>45535</c:v>
                </c:pt>
                <c:pt idx="244">
                  <c:v>45536</c:v>
                </c:pt>
                <c:pt idx="245">
                  <c:v>45537</c:v>
                </c:pt>
                <c:pt idx="246">
                  <c:v>45538</c:v>
                </c:pt>
                <c:pt idx="247">
                  <c:v>45539</c:v>
                </c:pt>
                <c:pt idx="248">
                  <c:v>45540</c:v>
                </c:pt>
                <c:pt idx="249">
                  <c:v>45541</c:v>
                </c:pt>
                <c:pt idx="250">
                  <c:v>45542</c:v>
                </c:pt>
                <c:pt idx="251">
                  <c:v>45543</c:v>
                </c:pt>
                <c:pt idx="252">
                  <c:v>45544</c:v>
                </c:pt>
                <c:pt idx="253">
                  <c:v>45545</c:v>
                </c:pt>
                <c:pt idx="254">
                  <c:v>45546</c:v>
                </c:pt>
                <c:pt idx="255">
                  <c:v>45547</c:v>
                </c:pt>
                <c:pt idx="256">
                  <c:v>45548</c:v>
                </c:pt>
                <c:pt idx="257">
                  <c:v>45549</c:v>
                </c:pt>
                <c:pt idx="258">
                  <c:v>45550</c:v>
                </c:pt>
                <c:pt idx="259">
                  <c:v>45551</c:v>
                </c:pt>
                <c:pt idx="260">
                  <c:v>45552</c:v>
                </c:pt>
                <c:pt idx="261">
                  <c:v>45553</c:v>
                </c:pt>
                <c:pt idx="262">
                  <c:v>45554</c:v>
                </c:pt>
                <c:pt idx="263">
                  <c:v>45555</c:v>
                </c:pt>
                <c:pt idx="264">
                  <c:v>45556</c:v>
                </c:pt>
                <c:pt idx="265">
                  <c:v>45557</c:v>
                </c:pt>
                <c:pt idx="266">
                  <c:v>45558</c:v>
                </c:pt>
                <c:pt idx="267">
                  <c:v>45559</c:v>
                </c:pt>
                <c:pt idx="268">
                  <c:v>45560</c:v>
                </c:pt>
                <c:pt idx="269">
                  <c:v>45561</c:v>
                </c:pt>
                <c:pt idx="270">
                  <c:v>45562</c:v>
                </c:pt>
                <c:pt idx="271">
                  <c:v>45563</c:v>
                </c:pt>
                <c:pt idx="272">
                  <c:v>45564</c:v>
                </c:pt>
                <c:pt idx="273">
                  <c:v>45565</c:v>
                </c:pt>
                <c:pt idx="274">
                  <c:v>45566</c:v>
                </c:pt>
                <c:pt idx="275">
                  <c:v>45567</c:v>
                </c:pt>
                <c:pt idx="276">
                  <c:v>45568</c:v>
                </c:pt>
                <c:pt idx="277">
                  <c:v>45569</c:v>
                </c:pt>
                <c:pt idx="278">
                  <c:v>45570</c:v>
                </c:pt>
                <c:pt idx="279">
                  <c:v>45571</c:v>
                </c:pt>
                <c:pt idx="280">
                  <c:v>45572</c:v>
                </c:pt>
                <c:pt idx="281">
                  <c:v>45573</c:v>
                </c:pt>
                <c:pt idx="282">
                  <c:v>45574</c:v>
                </c:pt>
                <c:pt idx="283">
                  <c:v>45575</c:v>
                </c:pt>
                <c:pt idx="284">
                  <c:v>45576</c:v>
                </c:pt>
                <c:pt idx="285">
                  <c:v>45577</c:v>
                </c:pt>
                <c:pt idx="286">
                  <c:v>45578</c:v>
                </c:pt>
                <c:pt idx="287">
                  <c:v>45579</c:v>
                </c:pt>
                <c:pt idx="288">
                  <c:v>45580</c:v>
                </c:pt>
                <c:pt idx="289">
                  <c:v>45581</c:v>
                </c:pt>
                <c:pt idx="290">
                  <c:v>45582</c:v>
                </c:pt>
                <c:pt idx="291">
                  <c:v>45583</c:v>
                </c:pt>
                <c:pt idx="292">
                  <c:v>45584</c:v>
                </c:pt>
                <c:pt idx="293">
                  <c:v>45585</c:v>
                </c:pt>
                <c:pt idx="294">
                  <c:v>45586</c:v>
                </c:pt>
                <c:pt idx="295">
                  <c:v>45587</c:v>
                </c:pt>
                <c:pt idx="296">
                  <c:v>45588</c:v>
                </c:pt>
                <c:pt idx="297">
                  <c:v>45589</c:v>
                </c:pt>
                <c:pt idx="298">
                  <c:v>45590</c:v>
                </c:pt>
                <c:pt idx="299">
                  <c:v>45591</c:v>
                </c:pt>
                <c:pt idx="300">
                  <c:v>45592</c:v>
                </c:pt>
                <c:pt idx="301">
                  <c:v>45593</c:v>
                </c:pt>
                <c:pt idx="302">
                  <c:v>45594</c:v>
                </c:pt>
                <c:pt idx="303">
                  <c:v>45595</c:v>
                </c:pt>
                <c:pt idx="304">
                  <c:v>45596</c:v>
                </c:pt>
                <c:pt idx="305">
                  <c:v>45597</c:v>
                </c:pt>
                <c:pt idx="306">
                  <c:v>45598</c:v>
                </c:pt>
                <c:pt idx="307">
                  <c:v>45599</c:v>
                </c:pt>
                <c:pt idx="308">
                  <c:v>45600</c:v>
                </c:pt>
                <c:pt idx="309">
                  <c:v>45601</c:v>
                </c:pt>
                <c:pt idx="310">
                  <c:v>45602</c:v>
                </c:pt>
                <c:pt idx="311">
                  <c:v>45603</c:v>
                </c:pt>
                <c:pt idx="312">
                  <c:v>45604</c:v>
                </c:pt>
                <c:pt idx="313">
                  <c:v>45605</c:v>
                </c:pt>
                <c:pt idx="314">
                  <c:v>45606</c:v>
                </c:pt>
                <c:pt idx="315">
                  <c:v>45607</c:v>
                </c:pt>
                <c:pt idx="316">
                  <c:v>45608</c:v>
                </c:pt>
                <c:pt idx="317">
                  <c:v>45609</c:v>
                </c:pt>
                <c:pt idx="318">
                  <c:v>45610</c:v>
                </c:pt>
                <c:pt idx="319">
                  <c:v>45611</c:v>
                </c:pt>
                <c:pt idx="320">
                  <c:v>45612</c:v>
                </c:pt>
                <c:pt idx="321">
                  <c:v>45613</c:v>
                </c:pt>
                <c:pt idx="322">
                  <c:v>45614</c:v>
                </c:pt>
                <c:pt idx="323">
                  <c:v>45615</c:v>
                </c:pt>
                <c:pt idx="324">
                  <c:v>45616</c:v>
                </c:pt>
                <c:pt idx="325">
                  <c:v>45617</c:v>
                </c:pt>
                <c:pt idx="326">
                  <c:v>45618</c:v>
                </c:pt>
                <c:pt idx="327">
                  <c:v>45619</c:v>
                </c:pt>
                <c:pt idx="328">
                  <c:v>45620</c:v>
                </c:pt>
                <c:pt idx="329">
                  <c:v>45621</c:v>
                </c:pt>
                <c:pt idx="330">
                  <c:v>45622</c:v>
                </c:pt>
                <c:pt idx="331">
                  <c:v>45623</c:v>
                </c:pt>
                <c:pt idx="332">
                  <c:v>45624</c:v>
                </c:pt>
                <c:pt idx="333">
                  <c:v>45625</c:v>
                </c:pt>
                <c:pt idx="334">
                  <c:v>45626</c:v>
                </c:pt>
                <c:pt idx="335">
                  <c:v>45627</c:v>
                </c:pt>
                <c:pt idx="336">
                  <c:v>45628</c:v>
                </c:pt>
                <c:pt idx="337">
                  <c:v>45629</c:v>
                </c:pt>
                <c:pt idx="338">
                  <c:v>45630</c:v>
                </c:pt>
                <c:pt idx="339">
                  <c:v>45631</c:v>
                </c:pt>
                <c:pt idx="340">
                  <c:v>45632</c:v>
                </c:pt>
                <c:pt idx="341">
                  <c:v>45633</c:v>
                </c:pt>
                <c:pt idx="342">
                  <c:v>45634</c:v>
                </c:pt>
                <c:pt idx="343">
                  <c:v>45635</c:v>
                </c:pt>
                <c:pt idx="344">
                  <c:v>45636</c:v>
                </c:pt>
                <c:pt idx="345">
                  <c:v>45637</c:v>
                </c:pt>
                <c:pt idx="346">
                  <c:v>45638</c:v>
                </c:pt>
                <c:pt idx="347">
                  <c:v>45639</c:v>
                </c:pt>
                <c:pt idx="348">
                  <c:v>45640</c:v>
                </c:pt>
                <c:pt idx="349">
                  <c:v>45641</c:v>
                </c:pt>
                <c:pt idx="350">
                  <c:v>45642</c:v>
                </c:pt>
                <c:pt idx="351">
                  <c:v>45643</c:v>
                </c:pt>
                <c:pt idx="352">
                  <c:v>45644</c:v>
                </c:pt>
                <c:pt idx="353">
                  <c:v>45645</c:v>
                </c:pt>
                <c:pt idx="354">
                  <c:v>45646</c:v>
                </c:pt>
                <c:pt idx="355">
                  <c:v>45647</c:v>
                </c:pt>
                <c:pt idx="356">
                  <c:v>45648</c:v>
                </c:pt>
                <c:pt idx="357">
                  <c:v>45649</c:v>
                </c:pt>
                <c:pt idx="358">
                  <c:v>45650</c:v>
                </c:pt>
                <c:pt idx="359">
                  <c:v>45651</c:v>
                </c:pt>
                <c:pt idx="360">
                  <c:v>45652</c:v>
                </c:pt>
                <c:pt idx="361">
                  <c:v>45653</c:v>
                </c:pt>
                <c:pt idx="362">
                  <c:v>45654</c:v>
                </c:pt>
                <c:pt idx="363">
                  <c:v>45655</c:v>
                </c:pt>
                <c:pt idx="364">
                  <c:v>45656</c:v>
                </c:pt>
              </c:numCache>
            </c:numRef>
          </c:cat>
          <c:val>
            <c:numRef>
              <c:f>Jesper!$AQ$2:$AQ$366</c:f>
              <c:numCache>
                <c:formatCode>General</c:formatCode>
                <c:ptCount val="36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numCache>
            </c:numRef>
          </c:val>
          <c:extLst>
            <c:ext xmlns:c16="http://schemas.microsoft.com/office/drawing/2014/chart" uri="{C3380CC4-5D6E-409C-BE32-E72D297353CC}">
              <c16:uniqueId val="{00000000-C58E-420C-9F38-D788C3A0133D}"/>
            </c:ext>
          </c:extLst>
        </c:ser>
        <c:ser>
          <c:idx val="4"/>
          <c:order val="2"/>
          <c:tx>
            <c:strRef>
              <c:f>Jesper!$AP$1</c:f>
              <c:strCache>
                <c:ptCount val="1"/>
                <c:pt idx="0">
                  <c:v>T4</c:v>
                </c:pt>
              </c:strCache>
            </c:strRef>
          </c:tx>
          <c:spPr>
            <a:solidFill>
              <a:schemeClr val="accent5"/>
            </a:solidFill>
            <a:ln>
              <a:noFill/>
            </a:ln>
            <a:effectLst/>
          </c:spPr>
          <c:cat>
            <c:numRef>
              <c:f>Jesper!$P$2:$P$366</c:f>
              <c:numCache>
                <c:formatCode>m/d/yyyy</c:formatCode>
                <c:ptCount val="365"/>
                <c:pt idx="0">
                  <c:v>45292</c:v>
                </c:pt>
                <c:pt idx="1">
                  <c:v>45293</c:v>
                </c:pt>
                <c:pt idx="2">
                  <c:v>45294</c:v>
                </c:pt>
                <c:pt idx="3">
                  <c:v>45295</c:v>
                </c:pt>
                <c:pt idx="4">
                  <c:v>45296</c:v>
                </c:pt>
                <c:pt idx="5">
                  <c:v>45297</c:v>
                </c:pt>
                <c:pt idx="6">
                  <c:v>45298</c:v>
                </c:pt>
                <c:pt idx="7">
                  <c:v>45299</c:v>
                </c:pt>
                <c:pt idx="8">
                  <c:v>45300</c:v>
                </c:pt>
                <c:pt idx="9">
                  <c:v>45301</c:v>
                </c:pt>
                <c:pt idx="10">
                  <c:v>45302</c:v>
                </c:pt>
                <c:pt idx="11">
                  <c:v>45303</c:v>
                </c:pt>
                <c:pt idx="12">
                  <c:v>45304</c:v>
                </c:pt>
                <c:pt idx="13">
                  <c:v>45305</c:v>
                </c:pt>
                <c:pt idx="14">
                  <c:v>45306</c:v>
                </c:pt>
                <c:pt idx="15">
                  <c:v>45307</c:v>
                </c:pt>
                <c:pt idx="16">
                  <c:v>45308</c:v>
                </c:pt>
                <c:pt idx="17">
                  <c:v>45309</c:v>
                </c:pt>
                <c:pt idx="18">
                  <c:v>45310</c:v>
                </c:pt>
                <c:pt idx="19">
                  <c:v>45311</c:v>
                </c:pt>
                <c:pt idx="20">
                  <c:v>45312</c:v>
                </c:pt>
                <c:pt idx="21">
                  <c:v>45313</c:v>
                </c:pt>
                <c:pt idx="22">
                  <c:v>45314</c:v>
                </c:pt>
                <c:pt idx="23">
                  <c:v>45315</c:v>
                </c:pt>
                <c:pt idx="24">
                  <c:v>45316</c:v>
                </c:pt>
                <c:pt idx="25">
                  <c:v>45317</c:v>
                </c:pt>
                <c:pt idx="26">
                  <c:v>45318</c:v>
                </c:pt>
                <c:pt idx="27">
                  <c:v>45319</c:v>
                </c:pt>
                <c:pt idx="28">
                  <c:v>45320</c:v>
                </c:pt>
                <c:pt idx="29">
                  <c:v>45321</c:v>
                </c:pt>
                <c:pt idx="30">
                  <c:v>45322</c:v>
                </c:pt>
                <c:pt idx="31">
                  <c:v>45323</c:v>
                </c:pt>
                <c:pt idx="32">
                  <c:v>45324</c:v>
                </c:pt>
                <c:pt idx="33">
                  <c:v>45325</c:v>
                </c:pt>
                <c:pt idx="34">
                  <c:v>45326</c:v>
                </c:pt>
                <c:pt idx="35">
                  <c:v>45327</c:v>
                </c:pt>
                <c:pt idx="36">
                  <c:v>45328</c:v>
                </c:pt>
                <c:pt idx="37">
                  <c:v>45329</c:v>
                </c:pt>
                <c:pt idx="38">
                  <c:v>45330</c:v>
                </c:pt>
                <c:pt idx="39">
                  <c:v>45331</c:v>
                </c:pt>
                <c:pt idx="40">
                  <c:v>45332</c:v>
                </c:pt>
                <c:pt idx="41">
                  <c:v>45333</c:v>
                </c:pt>
                <c:pt idx="42">
                  <c:v>45334</c:v>
                </c:pt>
                <c:pt idx="43">
                  <c:v>45335</c:v>
                </c:pt>
                <c:pt idx="44">
                  <c:v>45336</c:v>
                </c:pt>
                <c:pt idx="45">
                  <c:v>45337</c:v>
                </c:pt>
                <c:pt idx="46">
                  <c:v>45338</c:v>
                </c:pt>
                <c:pt idx="47">
                  <c:v>45339</c:v>
                </c:pt>
                <c:pt idx="48">
                  <c:v>45340</c:v>
                </c:pt>
                <c:pt idx="49">
                  <c:v>45341</c:v>
                </c:pt>
                <c:pt idx="50">
                  <c:v>45342</c:v>
                </c:pt>
                <c:pt idx="51">
                  <c:v>45343</c:v>
                </c:pt>
                <c:pt idx="52">
                  <c:v>45344</c:v>
                </c:pt>
                <c:pt idx="53">
                  <c:v>45345</c:v>
                </c:pt>
                <c:pt idx="54">
                  <c:v>45346</c:v>
                </c:pt>
                <c:pt idx="55">
                  <c:v>45347</c:v>
                </c:pt>
                <c:pt idx="56">
                  <c:v>45348</c:v>
                </c:pt>
                <c:pt idx="57">
                  <c:v>45349</c:v>
                </c:pt>
                <c:pt idx="58">
                  <c:v>45350</c:v>
                </c:pt>
                <c:pt idx="59">
                  <c:v>45351</c:v>
                </c:pt>
                <c:pt idx="60">
                  <c:v>45352</c:v>
                </c:pt>
                <c:pt idx="61">
                  <c:v>45353</c:v>
                </c:pt>
                <c:pt idx="62">
                  <c:v>45354</c:v>
                </c:pt>
                <c:pt idx="63">
                  <c:v>45355</c:v>
                </c:pt>
                <c:pt idx="64">
                  <c:v>45356</c:v>
                </c:pt>
                <c:pt idx="65">
                  <c:v>45357</c:v>
                </c:pt>
                <c:pt idx="66">
                  <c:v>45358</c:v>
                </c:pt>
                <c:pt idx="67">
                  <c:v>45359</c:v>
                </c:pt>
                <c:pt idx="68">
                  <c:v>45360</c:v>
                </c:pt>
                <c:pt idx="69">
                  <c:v>45361</c:v>
                </c:pt>
                <c:pt idx="70">
                  <c:v>45362</c:v>
                </c:pt>
                <c:pt idx="71">
                  <c:v>45363</c:v>
                </c:pt>
                <c:pt idx="72">
                  <c:v>45364</c:v>
                </c:pt>
                <c:pt idx="73">
                  <c:v>45365</c:v>
                </c:pt>
                <c:pt idx="74">
                  <c:v>45366</c:v>
                </c:pt>
                <c:pt idx="75">
                  <c:v>45367</c:v>
                </c:pt>
                <c:pt idx="76">
                  <c:v>45368</c:v>
                </c:pt>
                <c:pt idx="77">
                  <c:v>45369</c:v>
                </c:pt>
                <c:pt idx="78">
                  <c:v>45370</c:v>
                </c:pt>
                <c:pt idx="79">
                  <c:v>45371</c:v>
                </c:pt>
                <c:pt idx="80">
                  <c:v>45372</c:v>
                </c:pt>
                <c:pt idx="81">
                  <c:v>45373</c:v>
                </c:pt>
                <c:pt idx="82">
                  <c:v>45374</c:v>
                </c:pt>
                <c:pt idx="83">
                  <c:v>45375</c:v>
                </c:pt>
                <c:pt idx="84">
                  <c:v>45376</c:v>
                </c:pt>
                <c:pt idx="85">
                  <c:v>45377</c:v>
                </c:pt>
                <c:pt idx="86">
                  <c:v>45378</c:v>
                </c:pt>
                <c:pt idx="87">
                  <c:v>45379</c:v>
                </c:pt>
                <c:pt idx="88">
                  <c:v>45380</c:v>
                </c:pt>
                <c:pt idx="89">
                  <c:v>45381</c:v>
                </c:pt>
                <c:pt idx="90">
                  <c:v>45382</c:v>
                </c:pt>
                <c:pt idx="91">
                  <c:v>45383</c:v>
                </c:pt>
                <c:pt idx="92">
                  <c:v>45384</c:v>
                </c:pt>
                <c:pt idx="93">
                  <c:v>45385</c:v>
                </c:pt>
                <c:pt idx="94">
                  <c:v>45386</c:v>
                </c:pt>
                <c:pt idx="95">
                  <c:v>45387</c:v>
                </c:pt>
                <c:pt idx="96">
                  <c:v>45388</c:v>
                </c:pt>
                <c:pt idx="97">
                  <c:v>45389</c:v>
                </c:pt>
                <c:pt idx="98">
                  <c:v>45390</c:v>
                </c:pt>
                <c:pt idx="99">
                  <c:v>45391</c:v>
                </c:pt>
                <c:pt idx="100">
                  <c:v>45392</c:v>
                </c:pt>
                <c:pt idx="101">
                  <c:v>45393</c:v>
                </c:pt>
                <c:pt idx="102">
                  <c:v>45394</c:v>
                </c:pt>
                <c:pt idx="103">
                  <c:v>45395</c:v>
                </c:pt>
                <c:pt idx="104">
                  <c:v>45396</c:v>
                </c:pt>
                <c:pt idx="105">
                  <c:v>45397</c:v>
                </c:pt>
                <c:pt idx="106">
                  <c:v>45398</c:v>
                </c:pt>
                <c:pt idx="107">
                  <c:v>45399</c:v>
                </c:pt>
                <c:pt idx="108">
                  <c:v>45400</c:v>
                </c:pt>
                <c:pt idx="109">
                  <c:v>45401</c:v>
                </c:pt>
                <c:pt idx="110">
                  <c:v>45402</c:v>
                </c:pt>
                <c:pt idx="111">
                  <c:v>45403</c:v>
                </c:pt>
                <c:pt idx="112">
                  <c:v>45404</c:v>
                </c:pt>
                <c:pt idx="113">
                  <c:v>45405</c:v>
                </c:pt>
                <c:pt idx="114">
                  <c:v>45406</c:v>
                </c:pt>
                <c:pt idx="115">
                  <c:v>45407</c:v>
                </c:pt>
                <c:pt idx="116">
                  <c:v>45408</c:v>
                </c:pt>
                <c:pt idx="117">
                  <c:v>45409</c:v>
                </c:pt>
                <c:pt idx="118">
                  <c:v>45410</c:v>
                </c:pt>
                <c:pt idx="119">
                  <c:v>45411</c:v>
                </c:pt>
                <c:pt idx="120">
                  <c:v>45412</c:v>
                </c:pt>
                <c:pt idx="121">
                  <c:v>45413</c:v>
                </c:pt>
                <c:pt idx="122">
                  <c:v>45414</c:v>
                </c:pt>
                <c:pt idx="123">
                  <c:v>45415</c:v>
                </c:pt>
                <c:pt idx="124">
                  <c:v>45416</c:v>
                </c:pt>
                <c:pt idx="125">
                  <c:v>45417</c:v>
                </c:pt>
                <c:pt idx="126">
                  <c:v>45418</c:v>
                </c:pt>
                <c:pt idx="127">
                  <c:v>45419</c:v>
                </c:pt>
                <c:pt idx="128">
                  <c:v>45420</c:v>
                </c:pt>
                <c:pt idx="129">
                  <c:v>45421</c:v>
                </c:pt>
                <c:pt idx="130">
                  <c:v>45422</c:v>
                </c:pt>
                <c:pt idx="131">
                  <c:v>45423</c:v>
                </c:pt>
                <c:pt idx="132">
                  <c:v>45424</c:v>
                </c:pt>
                <c:pt idx="133">
                  <c:v>45425</c:v>
                </c:pt>
                <c:pt idx="134">
                  <c:v>45426</c:v>
                </c:pt>
                <c:pt idx="135">
                  <c:v>45427</c:v>
                </c:pt>
                <c:pt idx="136">
                  <c:v>45428</c:v>
                </c:pt>
                <c:pt idx="137">
                  <c:v>45429</c:v>
                </c:pt>
                <c:pt idx="138">
                  <c:v>45430</c:v>
                </c:pt>
                <c:pt idx="139">
                  <c:v>45431</c:v>
                </c:pt>
                <c:pt idx="140">
                  <c:v>45432</c:v>
                </c:pt>
                <c:pt idx="141">
                  <c:v>45433</c:v>
                </c:pt>
                <c:pt idx="142">
                  <c:v>45434</c:v>
                </c:pt>
                <c:pt idx="143">
                  <c:v>45435</c:v>
                </c:pt>
                <c:pt idx="144">
                  <c:v>45436</c:v>
                </c:pt>
                <c:pt idx="145">
                  <c:v>45437</c:v>
                </c:pt>
                <c:pt idx="146">
                  <c:v>45438</c:v>
                </c:pt>
                <c:pt idx="147">
                  <c:v>45439</c:v>
                </c:pt>
                <c:pt idx="148">
                  <c:v>45440</c:v>
                </c:pt>
                <c:pt idx="149">
                  <c:v>45441</c:v>
                </c:pt>
                <c:pt idx="150">
                  <c:v>45442</c:v>
                </c:pt>
                <c:pt idx="151">
                  <c:v>45443</c:v>
                </c:pt>
                <c:pt idx="152">
                  <c:v>45444</c:v>
                </c:pt>
                <c:pt idx="153">
                  <c:v>45445</c:v>
                </c:pt>
                <c:pt idx="154">
                  <c:v>45446</c:v>
                </c:pt>
                <c:pt idx="155">
                  <c:v>45447</c:v>
                </c:pt>
                <c:pt idx="156">
                  <c:v>45448</c:v>
                </c:pt>
                <c:pt idx="157">
                  <c:v>45449</c:v>
                </c:pt>
                <c:pt idx="158">
                  <c:v>45450</c:v>
                </c:pt>
                <c:pt idx="159">
                  <c:v>45451</c:v>
                </c:pt>
                <c:pt idx="160">
                  <c:v>45452</c:v>
                </c:pt>
                <c:pt idx="161">
                  <c:v>45453</c:v>
                </c:pt>
                <c:pt idx="162">
                  <c:v>45454</c:v>
                </c:pt>
                <c:pt idx="163">
                  <c:v>45455</c:v>
                </c:pt>
                <c:pt idx="164">
                  <c:v>45456</c:v>
                </c:pt>
                <c:pt idx="165">
                  <c:v>45457</c:v>
                </c:pt>
                <c:pt idx="166">
                  <c:v>45458</c:v>
                </c:pt>
                <c:pt idx="167">
                  <c:v>45459</c:v>
                </c:pt>
                <c:pt idx="168">
                  <c:v>45460</c:v>
                </c:pt>
                <c:pt idx="169">
                  <c:v>45461</c:v>
                </c:pt>
                <c:pt idx="170">
                  <c:v>45462</c:v>
                </c:pt>
                <c:pt idx="171">
                  <c:v>45463</c:v>
                </c:pt>
                <c:pt idx="172">
                  <c:v>45464</c:v>
                </c:pt>
                <c:pt idx="173">
                  <c:v>45465</c:v>
                </c:pt>
                <c:pt idx="174">
                  <c:v>45466</c:v>
                </c:pt>
                <c:pt idx="175">
                  <c:v>45467</c:v>
                </c:pt>
                <c:pt idx="176">
                  <c:v>45468</c:v>
                </c:pt>
                <c:pt idx="177">
                  <c:v>45469</c:v>
                </c:pt>
                <c:pt idx="178">
                  <c:v>45470</c:v>
                </c:pt>
                <c:pt idx="179">
                  <c:v>45471</c:v>
                </c:pt>
                <c:pt idx="180">
                  <c:v>45472</c:v>
                </c:pt>
                <c:pt idx="181">
                  <c:v>45473</c:v>
                </c:pt>
                <c:pt idx="182">
                  <c:v>45474</c:v>
                </c:pt>
                <c:pt idx="183">
                  <c:v>45475</c:v>
                </c:pt>
                <c:pt idx="184">
                  <c:v>45476</c:v>
                </c:pt>
                <c:pt idx="185">
                  <c:v>45477</c:v>
                </c:pt>
                <c:pt idx="186">
                  <c:v>45478</c:v>
                </c:pt>
                <c:pt idx="187">
                  <c:v>45479</c:v>
                </c:pt>
                <c:pt idx="188">
                  <c:v>45480</c:v>
                </c:pt>
                <c:pt idx="189">
                  <c:v>45481</c:v>
                </c:pt>
                <c:pt idx="190">
                  <c:v>45482</c:v>
                </c:pt>
                <c:pt idx="191">
                  <c:v>45483</c:v>
                </c:pt>
                <c:pt idx="192">
                  <c:v>45484</c:v>
                </c:pt>
                <c:pt idx="193">
                  <c:v>45485</c:v>
                </c:pt>
                <c:pt idx="194">
                  <c:v>45486</c:v>
                </c:pt>
                <c:pt idx="195">
                  <c:v>45487</c:v>
                </c:pt>
                <c:pt idx="196">
                  <c:v>45488</c:v>
                </c:pt>
                <c:pt idx="197">
                  <c:v>45489</c:v>
                </c:pt>
                <c:pt idx="198">
                  <c:v>45490</c:v>
                </c:pt>
                <c:pt idx="199">
                  <c:v>45491</c:v>
                </c:pt>
                <c:pt idx="200">
                  <c:v>45492</c:v>
                </c:pt>
                <c:pt idx="201">
                  <c:v>45493</c:v>
                </c:pt>
                <c:pt idx="202">
                  <c:v>45494</c:v>
                </c:pt>
                <c:pt idx="203">
                  <c:v>45495</c:v>
                </c:pt>
                <c:pt idx="204">
                  <c:v>45496</c:v>
                </c:pt>
                <c:pt idx="205">
                  <c:v>45497</c:v>
                </c:pt>
                <c:pt idx="206">
                  <c:v>45498</c:v>
                </c:pt>
                <c:pt idx="207">
                  <c:v>45499</c:v>
                </c:pt>
                <c:pt idx="208">
                  <c:v>45500</c:v>
                </c:pt>
                <c:pt idx="209">
                  <c:v>45501</c:v>
                </c:pt>
                <c:pt idx="210">
                  <c:v>45502</c:v>
                </c:pt>
                <c:pt idx="211">
                  <c:v>45503</c:v>
                </c:pt>
                <c:pt idx="212">
                  <c:v>45504</c:v>
                </c:pt>
                <c:pt idx="213">
                  <c:v>45505</c:v>
                </c:pt>
                <c:pt idx="214">
                  <c:v>45506</c:v>
                </c:pt>
                <c:pt idx="215">
                  <c:v>45507</c:v>
                </c:pt>
                <c:pt idx="216">
                  <c:v>45508</c:v>
                </c:pt>
                <c:pt idx="217">
                  <c:v>45509</c:v>
                </c:pt>
                <c:pt idx="218">
                  <c:v>45510</c:v>
                </c:pt>
                <c:pt idx="219">
                  <c:v>45511</c:v>
                </c:pt>
                <c:pt idx="220">
                  <c:v>45512</c:v>
                </c:pt>
                <c:pt idx="221">
                  <c:v>45513</c:v>
                </c:pt>
                <c:pt idx="222">
                  <c:v>45514</c:v>
                </c:pt>
                <c:pt idx="223">
                  <c:v>45515</c:v>
                </c:pt>
                <c:pt idx="224">
                  <c:v>45516</c:v>
                </c:pt>
                <c:pt idx="225">
                  <c:v>45517</c:v>
                </c:pt>
                <c:pt idx="226">
                  <c:v>45518</c:v>
                </c:pt>
                <c:pt idx="227">
                  <c:v>45519</c:v>
                </c:pt>
                <c:pt idx="228">
                  <c:v>45520</c:v>
                </c:pt>
                <c:pt idx="229">
                  <c:v>45521</c:v>
                </c:pt>
                <c:pt idx="230">
                  <c:v>45522</c:v>
                </c:pt>
                <c:pt idx="231">
                  <c:v>45523</c:v>
                </c:pt>
                <c:pt idx="232">
                  <c:v>45524</c:v>
                </c:pt>
                <c:pt idx="233">
                  <c:v>45525</c:v>
                </c:pt>
                <c:pt idx="234">
                  <c:v>45526</c:v>
                </c:pt>
                <c:pt idx="235">
                  <c:v>45527</c:v>
                </c:pt>
                <c:pt idx="236">
                  <c:v>45528</c:v>
                </c:pt>
                <c:pt idx="237">
                  <c:v>45529</c:v>
                </c:pt>
                <c:pt idx="238">
                  <c:v>45530</c:v>
                </c:pt>
                <c:pt idx="239">
                  <c:v>45531</c:v>
                </c:pt>
                <c:pt idx="240">
                  <c:v>45532</c:v>
                </c:pt>
                <c:pt idx="241">
                  <c:v>45533</c:v>
                </c:pt>
                <c:pt idx="242">
                  <c:v>45534</c:v>
                </c:pt>
                <c:pt idx="243">
                  <c:v>45535</c:v>
                </c:pt>
                <c:pt idx="244">
                  <c:v>45536</c:v>
                </c:pt>
                <c:pt idx="245">
                  <c:v>45537</c:v>
                </c:pt>
                <c:pt idx="246">
                  <c:v>45538</c:v>
                </c:pt>
                <c:pt idx="247">
                  <c:v>45539</c:v>
                </c:pt>
                <c:pt idx="248">
                  <c:v>45540</c:v>
                </c:pt>
                <c:pt idx="249">
                  <c:v>45541</c:v>
                </c:pt>
                <c:pt idx="250">
                  <c:v>45542</c:v>
                </c:pt>
                <c:pt idx="251">
                  <c:v>45543</c:v>
                </c:pt>
                <c:pt idx="252">
                  <c:v>45544</c:v>
                </c:pt>
                <c:pt idx="253">
                  <c:v>45545</c:v>
                </c:pt>
                <c:pt idx="254">
                  <c:v>45546</c:v>
                </c:pt>
                <c:pt idx="255">
                  <c:v>45547</c:v>
                </c:pt>
                <c:pt idx="256">
                  <c:v>45548</c:v>
                </c:pt>
                <c:pt idx="257">
                  <c:v>45549</c:v>
                </c:pt>
                <c:pt idx="258">
                  <c:v>45550</c:v>
                </c:pt>
                <c:pt idx="259">
                  <c:v>45551</c:v>
                </c:pt>
                <c:pt idx="260">
                  <c:v>45552</c:v>
                </c:pt>
                <c:pt idx="261">
                  <c:v>45553</c:v>
                </c:pt>
                <c:pt idx="262">
                  <c:v>45554</c:v>
                </c:pt>
                <c:pt idx="263">
                  <c:v>45555</c:v>
                </c:pt>
                <c:pt idx="264">
                  <c:v>45556</c:v>
                </c:pt>
                <c:pt idx="265">
                  <c:v>45557</c:v>
                </c:pt>
                <c:pt idx="266">
                  <c:v>45558</c:v>
                </c:pt>
                <c:pt idx="267">
                  <c:v>45559</c:v>
                </c:pt>
                <c:pt idx="268">
                  <c:v>45560</c:v>
                </c:pt>
                <c:pt idx="269">
                  <c:v>45561</c:v>
                </c:pt>
                <c:pt idx="270">
                  <c:v>45562</c:v>
                </c:pt>
                <c:pt idx="271">
                  <c:v>45563</c:v>
                </c:pt>
                <c:pt idx="272">
                  <c:v>45564</c:v>
                </c:pt>
                <c:pt idx="273">
                  <c:v>45565</c:v>
                </c:pt>
                <c:pt idx="274">
                  <c:v>45566</c:v>
                </c:pt>
                <c:pt idx="275">
                  <c:v>45567</c:v>
                </c:pt>
                <c:pt idx="276">
                  <c:v>45568</c:v>
                </c:pt>
                <c:pt idx="277">
                  <c:v>45569</c:v>
                </c:pt>
                <c:pt idx="278">
                  <c:v>45570</c:v>
                </c:pt>
                <c:pt idx="279">
                  <c:v>45571</c:v>
                </c:pt>
                <c:pt idx="280">
                  <c:v>45572</c:v>
                </c:pt>
                <c:pt idx="281">
                  <c:v>45573</c:v>
                </c:pt>
                <c:pt idx="282">
                  <c:v>45574</c:v>
                </c:pt>
                <c:pt idx="283">
                  <c:v>45575</c:v>
                </c:pt>
                <c:pt idx="284">
                  <c:v>45576</c:v>
                </c:pt>
                <c:pt idx="285">
                  <c:v>45577</c:v>
                </c:pt>
                <c:pt idx="286">
                  <c:v>45578</c:v>
                </c:pt>
                <c:pt idx="287">
                  <c:v>45579</c:v>
                </c:pt>
                <c:pt idx="288">
                  <c:v>45580</c:v>
                </c:pt>
                <c:pt idx="289">
                  <c:v>45581</c:v>
                </c:pt>
                <c:pt idx="290">
                  <c:v>45582</c:v>
                </c:pt>
                <c:pt idx="291">
                  <c:v>45583</c:v>
                </c:pt>
                <c:pt idx="292">
                  <c:v>45584</c:v>
                </c:pt>
                <c:pt idx="293">
                  <c:v>45585</c:v>
                </c:pt>
                <c:pt idx="294">
                  <c:v>45586</c:v>
                </c:pt>
                <c:pt idx="295">
                  <c:v>45587</c:v>
                </c:pt>
                <c:pt idx="296">
                  <c:v>45588</c:v>
                </c:pt>
                <c:pt idx="297">
                  <c:v>45589</c:v>
                </c:pt>
                <c:pt idx="298">
                  <c:v>45590</c:v>
                </c:pt>
                <c:pt idx="299">
                  <c:v>45591</c:v>
                </c:pt>
                <c:pt idx="300">
                  <c:v>45592</c:v>
                </c:pt>
                <c:pt idx="301">
                  <c:v>45593</c:v>
                </c:pt>
                <c:pt idx="302">
                  <c:v>45594</c:v>
                </c:pt>
                <c:pt idx="303">
                  <c:v>45595</c:v>
                </c:pt>
                <c:pt idx="304">
                  <c:v>45596</c:v>
                </c:pt>
                <c:pt idx="305">
                  <c:v>45597</c:v>
                </c:pt>
                <c:pt idx="306">
                  <c:v>45598</c:v>
                </c:pt>
                <c:pt idx="307">
                  <c:v>45599</c:v>
                </c:pt>
                <c:pt idx="308">
                  <c:v>45600</c:v>
                </c:pt>
                <c:pt idx="309">
                  <c:v>45601</c:v>
                </c:pt>
                <c:pt idx="310">
                  <c:v>45602</c:v>
                </c:pt>
                <c:pt idx="311">
                  <c:v>45603</c:v>
                </c:pt>
                <c:pt idx="312">
                  <c:v>45604</c:v>
                </c:pt>
                <c:pt idx="313">
                  <c:v>45605</c:v>
                </c:pt>
                <c:pt idx="314">
                  <c:v>45606</c:v>
                </c:pt>
                <c:pt idx="315">
                  <c:v>45607</c:v>
                </c:pt>
                <c:pt idx="316">
                  <c:v>45608</c:v>
                </c:pt>
                <c:pt idx="317">
                  <c:v>45609</c:v>
                </c:pt>
                <c:pt idx="318">
                  <c:v>45610</c:v>
                </c:pt>
                <c:pt idx="319">
                  <c:v>45611</c:v>
                </c:pt>
                <c:pt idx="320">
                  <c:v>45612</c:v>
                </c:pt>
                <c:pt idx="321">
                  <c:v>45613</c:v>
                </c:pt>
                <c:pt idx="322">
                  <c:v>45614</c:v>
                </c:pt>
                <c:pt idx="323">
                  <c:v>45615</c:v>
                </c:pt>
                <c:pt idx="324">
                  <c:v>45616</c:v>
                </c:pt>
                <c:pt idx="325">
                  <c:v>45617</c:v>
                </c:pt>
                <c:pt idx="326">
                  <c:v>45618</c:v>
                </c:pt>
                <c:pt idx="327">
                  <c:v>45619</c:v>
                </c:pt>
                <c:pt idx="328">
                  <c:v>45620</c:v>
                </c:pt>
                <c:pt idx="329">
                  <c:v>45621</c:v>
                </c:pt>
                <c:pt idx="330">
                  <c:v>45622</c:v>
                </c:pt>
                <c:pt idx="331">
                  <c:v>45623</c:v>
                </c:pt>
                <c:pt idx="332">
                  <c:v>45624</c:v>
                </c:pt>
                <c:pt idx="333">
                  <c:v>45625</c:v>
                </c:pt>
                <c:pt idx="334">
                  <c:v>45626</c:v>
                </c:pt>
                <c:pt idx="335">
                  <c:v>45627</c:v>
                </c:pt>
                <c:pt idx="336">
                  <c:v>45628</c:v>
                </c:pt>
                <c:pt idx="337">
                  <c:v>45629</c:v>
                </c:pt>
                <c:pt idx="338">
                  <c:v>45630</c:v>
                </c:pt>
                <c:pt idx="339">
                  <c:v>45631</c:v>
                </c:pt>
                <c:pt idx="340">
                  <c:v>45632</c:v>
                </c:pt>
                <c:pt idx="341">
                  <c:v>45633</c:v>
                </c:pt>
                <c:pt idx="342">
                  <c:v>45634</c:v>
                </c:pt>
                <c:pt idx="343">
                  <c:v>45635</c:v>
                </c:pt>
                <c:pt idx="344">
                  <c:v>45636</c:v>
                </c:pt>
                <c:pt idx="345">
                  <c:v>45637</c:v>
                </c:pt>
                <c:pt idx="346">
                  <c:v>45638</c:v>
                </c:pt>
                <c:pt idx="347">
                  <c:v>45639</c:v>
                </c:pt>
                <c:pt idx="348">
                  <c:v>45640</c:v>
                </c:pt>
                <c:pt idx="349">
                  <c:v>45641</c:v>
                </c:pt>
                <c:pt idx="350">
                  <c:v>45642</c:v>
                </c:pt>
                <c:pt idx="351">
                  <c:v>45643</c:v>
                </c:pt>
                <c:pt idx="352">
                  <c:v>45644</c:v>
                </c:pt>
                <c:pt idx="353">
                  <c:v>45645</c:v>
                </c:pt>
                <c:pt idx="354">
                  <c:v>45646</c:v>
                </c:pt>
                <c:pt idx="355">
                  <c:v>45647</c:v>
                </c:pt>
                <c:pt idx="356">
                  <c:v>45648</c:v>
                </c:pt>
                <c:pt idx="357">
                  <c:v>45649</c:v>
                </c:pt>
                <c:pt idx="358">
                  <c:v>45650</c:v>
                </c:pt>
                <c:pt idx="359">
                  <c:v>45651</c:v>
                </c:pt>
                <c:pt idx="360">
                  <c:v>45652</c:v>
                </c:pt>
                <c:pt idx="361">
                  <c:v>45653</c:v>
                </c:pt>
                <c:pt idx="362">
                  <c:v>45654</c:v>
                </c:pt>
                <c:pt idx="363">
                  <c:v>45655</c:v>
                </c:pt>
                <c:pt idx="364">
                  <c:v>45656</c:v>
                </c:pt>
              </c:numCache>
            </c:numRef>
          </c:cat>
          <c:val>
            <c:numRef>
              <c:f>Jesper!$AP$2:$AP$366</c:f>
              <c:numCache>
                <c:formatCode>General</c:formatCode>
                <c:ptCount val="365"/>
                <c:pt idx="0">
                  <c:v>210.74235207953541</c:v>
                </c:pt>
                <c:pt idx="1">
                  <c:v>215.11614264107533</c:v>
                </c:pt>
                <c:pt idx="2">
                  <c:v>213.07504037902333</c:v>
                </c:pt>
                <c:pt idx="3">
                  <c:v>212.7834543415874</c:v>
                </c:pt>
                <c:pt idx="4">
                  <c:v>211.61711019184344</c:v>
                </c:pt>
                <c:pt idx="5">
                  <c:v>278.05497758443312</c:v>
                </c:pt>
                <c:pt idx="6">
                  <c:v>270.47348589673254</c:v>
                </c:pt>
                <c:pt idx="7">
                  <c:v>191.36350685138916</c:v>
                </c:pt>
                <c:pt idx="8">
                  <c:v>192.03339229793954</c:v>
                </c:pt>
                <c:pt idx="9">
                  <c:v>195.65077370931138</c:v>
                </c:pt>
                <c:pt idx="10">
                  <c:v>193.23918610173007</c:v>
                </c:pt>
                <c:pt idx="11">
                  <c:v>194.17702572690058</c:v>
                </c:pt>
                <c:pt idx="12">
                  <c:v>270.87251177503259</c:v>
                </c:pt>
                <c:pt idx="13">
                  <c:v>272.46861528823274</c:v>
                </c:pt>
                <c:pt idx="14">
                  <c:v>204.32745925594352</c:v>
                </c:pt>
                <c:pt idx="15">
                  <c:v>205.49380340568749</c:v>
                </c:pt>
                <c:pt idx="16">
                  <c:v>200.24525473183959</c:v>
                </c:pt>
                <c:pt idx="17">
                  <c:v>203.7442871810716</c:v>
                </c:pt>
                <c:pt idx="18">
                  <c:v>205.2022173682515</c:v>
                </c:pt>
                <c:pt idx="19">
                  <c:v>268.0793306269324</c:v>
                </c:pt>
                <c:pt idx="20">
                  <c:v>269.2764082618325</c:v>
                </c:pt>
                <c:pt idx="21">
                  <c:v>202.57794303132758</c:v>
                </c:pt>
                <c:pt idx="22">
                  <c:v>196.18668206655161</c:v>
                </c:pt>
                <c:pt idx="23">
                  <c:v>193.23918610173007</c:v>
                </c:pt>
                <c:pt idx="24">
                  <c:v>191.36350685138916</c:v>
                </c:pt>
                <c:pt idx="25">
                  <c:v>199.07891058209566</c:v>
                </c:pt>
                <c:pt idx="26">
                  <c:v>263.69004596563207</c:v>
                </c:pt>
                <c:pt idx="27">
                  <c:v>262.09394245243197</c:v>
                </c:pt>
                <c:pt idx="28">
                  <c:v>196.05270497724158</c:v>
                </c:pt>
                <c:pt idx="29">
                  <c:v>197.03780832004369</c:v>
                </c:pt>
                <c:pt idx="30">
                  <c:v>207.24331963030349</c:v>
                </c:pt>
                <c:pt idx="31">
                  <c:v>217.15724490312729</c:v>
                </c:pt>
                <c:pt idx="32">
                  <c:v>208.11807774261146</c:v>
                </c:pt>
                <c:pt idx="33">
                  <c:v>282.04523636743346</c:v>
                </c:pt>
                <c:pt idx="34">
                  <c:v>282.84328812403345</c:v>
                </c:pt>
                <c:pt idx="35">
                  <c:v>197.62098039491568</c:v>
                </c:pt>
                <c:pt idx="36">
                  <c:v>195.24884244138113</c:v>
                </c:pt>
                <c:pt idx="37">
                  <c:v>195.38281953069125</c:v>
                </c:pt>
                <c:pt idx="38">
                  <c:v>192.16736938724958</c:v>
                </c:pt>
                <c:pt idx="39">
                  <c:v>200.24525473183959</c:v>
                </c:pt>
                <c:pt idx="40">
                  <c:v>274.06471880143289</c:v>
                </c:pt>
                <c:pt idx="41">
                  <c:v>271.67056353163264</c:v>
                </c:pt>
                <c:pt idx="42">
                  <c:v>191.49748394069925</c:v>
                </c:pt>
                <c:pt idx="43">
                  <c:v>189.4878276010482</c:v>
                </c:pt>
                <c:pt idx="44">
                  <c:v>196.3206591558617</c:v>
                </c:pt>
                <c:pt idx="45">
                  <c:v>202.86952906876354</c:v>
                </c:pt>
                <c:pt idx="46">
                  <c:v>194.31100281621065</c:v>
                </c:pt>
                <c:pt idx="47">
                  <c:v>260.09881306093183</c:v>
                </c:pt>
                <c:pt idx="48">
                  <c:v>266.08420123543226</c:v>
                </c:pt>
                <c:pt idx="49">
                  <c:v>204.91063133081551</c:v>
                </c:pt>
                <c:pt idx="50">
                  <c:v>202.28635699389156</c:v>
                </c:pt>
                <c:pt idx="51">
                  <c:v>208.40966378004745</c:v>
                </c:pt>
                <c:pt idx="52">
                  <c:v>205.49380340568749</c:v>
                </c:pt>
                <c:pt idx="53">
                  <c:v>202.57794303132758</c:v>
                </c:pt>
                <c:pt idx="54">
                  <c:v>268.87738238353245</c:v>
                </c:pt>
                <c:pt idx="55">
                  <c:v>268.47835650523245</c:v>
                </c:pt>
                <c:pt idx="56">
                  <c:v>195.51679662000129</c:v>
                </c:pt>
                <c:pt idx="57">
                  <c:v>193.50714028035028</c:v>
                </c:pt>
                <c:pt idx="58">
                  <c:v>193.10520901242003</c:v>
                </c:pt>
                <c:pt idx="59">
                  <c:v>193.23918610173007</c:v>
                </c:pt>
                <c:pt idx="60">
                  <c:v>194.04304863759054</c:v>
                </c:pt>
                <c:pt idx="61">
                  <c:v>264.48809772223211</c:v>
                </c:pt>
                <c:pt idx="62">
                  <c:v>276.05984819293298</c:v>
                </c:pt>
                <c:pt idx="63">
                  <c:v>205.78538944312348</c:v>
                </c:pt>
                <c:pt idx="64">
                  <c:v>214.82455660363937</c:v>
                </c:pt>
                <c:pt idx="65">
                  <c:v>218.90676112774329</c:v>
                </c:pt>
                <c:pt idx="66">
                  <c:v>224.15530980159116</c:v>
                </c:pt>
                <c:pt idx="67">
                  <c:v>227.65434225082313</c:v>
                </c:pt>
                <c:pt idx="68">
                  <c:v>288.82867629853399</c:v>
                </c:pt>
                <c:pt idx="69">
                  <c:v>284.04036575893355</c:v>
                </c:pt>
                <c:pt idx="70">
                  <c:v>211.90869622927937</c:v>
                </c:pt>
                <c:pt idx="71">
                  <c:v>206.07697548055947</c:v>
                </c:pt>
                <c:pt idx="72">
                  <c:v>204.91063133081551</c:v>
                </c:pt>
                <c:pt idx="73">
                  <c:v>202.28635699389156</c:v>
                </c:pt>
                <c:pt idx="74">
                  <c:v>202.57794303132758</c:v>
                </c:pt>
                <c:pt idx="75">
                  <c:v>256.90660603453159</c:v>
                </c:pt>
                <c:pt idx="76">
                  <c:v>262.09394245243197</c:v>
                </c:pt>
                <c:pt idx="77">
                  <c:v>198.49573850722365</c:v>
                </c:pt>
                <c:pt idx="78">
                  <c:v>196.3206591558617</c:v>
                </c:pt>
                <c:pt idx="79">
                  <c:v>201.1200128441476</c:v>
                </c:pt>
                <c:pt idx="80">
                  <c:v>203.7442871810716</c:v>
                </c:pt>
                <c:pt idx="81">
                  <c:v>200.82842680671158</c:v>
                </c:pt>
                <c:pt idx="82">
                  <c:v>266.88225299203231</c:v>
                </c:pt>
                <c:pt idx="83">
                  <c:v>276.85789994953302</c:v>
                </c:pt>
                <c:pt idx="84">
                  <c:v>209.57600792979144</c:v>
                </c:pt>
                <c:pt idx="85">
                  <c:v>211.32552415440739</c:v>
                </c:pt>
                <c:pt idx="86">
                  <c:v>214.53297056620335</c:v>
                </c:pt>
                <c:pt idx="87">
                  <c:v>213.36662641645938</c:v>
                </c:pt>
                <c:pt idx="88">
                  <c:v>211.61711019184344</c:v>
                </c:pt>
                <c:pt idx="89">
                  <c:v>272.86764116653274</c:v>
                </c:pt>
                <c:pt idx="90">
                  <c:v>268.0793306269324</c:v>
                </c:pt>
                <c:pt idx="91">
                  <c:v>199.66208265696764</c:v>
                </c:pt>
                <c:pt idx="92">
                  <c:v>194.980888262761</c:v>
                </c:pt>
                <c:pt idx="93">
                  <c:v>192.97123192311</c:v>
                </c:pt>
                <c:pt idx="94">
                  <c:v>191.22952976207907</c:v>
                </c:pt>
                <c:pt idx="95">
                  <c:v>194.04304863759054</c:v>
                </c:pt>
                <c:pt idx="96">
                  <c:v>254.11342488643137</c:v>
                </c:pt>
                <c:pt idx="97">
                  <c:v>246.53193319873077</c:v>
                </c:pt>
                <c:pt idx="98">
                  <c:v>192.56930065517977</c:v>
                </c:pt>
                <c:pt idx="99">
                  <c:v>189.88975886897836</c:v>
                </c:pt>
                <c:pt idx="100">
                  <c:v>188.68396506518778</c:v>
                </c:pt>
                <c:pt idx="101">
                  <c:v>187.74612544001729</c:v>
                </c:pt>
                <c:pt idx="102">
                  <c:v>188.41601088656762</c:v>
                </c:pt>
                <c:pt idx="103">
                  <c:v>243.33972617233056</c:v>
                </c:pt>
                <c:pt idx="104">
                  <c:v>243.73875205063058</c:v>
                </c:pt>
                <c:pt idx="105">
                  <c:v>190.55964431552874</c:v>
                </c:pt>
                <c:pt idx="106">
                  <c:v>190.02373595828848</c:v>
                </c:pt>
                <c:pt idx="107">
                  <c:v>187.88010252932736</c:v>
                </c:pt>
                <c:pt idx="108">
                  <c:v>187.47817126139716</c:v>
                </c:pt>
                <c:pt idx="109">
                  <c:v>187.21021708277704</c:v>
                </c:pt>
                <c:pt idx="110">
                  <c:v>234.56115684972991</c:v>
                </c:pt>
                <c:pt idx="111">
                  <c:v>248.52706259023094</c:v>
                </c:pt>
                <c:pt idx="112">
                  <c:v>199.07891058209566</c:v>
                </c:pt>
                <c:pt idx="113">
                  <c:v>197.03780832004369</c:v>
                </c:pt>
                <c:pt idx="114">
                  <c:v>201.41159888158361</c:v>
                </c:pt>
                <c:pt idx="115">
                  <c:v>197.91256643235167</c:v>
                </c:pt>
                <c:pt idx="116">
                  <c:v>197.03780832004369</c:v>
                </c:pt>
                <c:pt idx="117">
                  <c:v>250.52219198173108</c:v>
                </c:pt>
                <c:pt idx="118">
                  <c:v>263.69004596563207</c:v>
                </c:pt>
                <c:pt idx="119">
                  <c:v>198.20415246978766</c:v>
                </c:pt>
                <c:pt idx="120">
                  <c:v>195.65077370931138</c:v>
                </c:pt>
                <c:pt idx="121">
                  <c:v>193.37316319104019</c:v>
                </c:pt>
                <c:pt idx="122">
                  <c:v>195.11486535207106</c:v>
                </c:pt>
                <c:pt idx="123">
                  <c:v>193.90907154828045</c:v>
                </c:pt>
                <c:pt idx="124">
                  <c:v>244.13777792893066</c:v>
                </c:pt>
                <c:pt idx="125">
                  <c:v>237.35433799783016</c:v>
                </c:pt>
                <c:pt idx="126">
                  <c:v>187.61214835070723</c:v>
                </c:pt>
                <c:pt idx="127">
                  <c:v>184.12874402864546</c:v>
                </c:pt>
                <c:pt idx="128">
                  <c:v>181.98511059968436</c:v>
                </c:pt>
                <c:pt idx="129">
                  <c:v>181.04727097451388</c:v>
                </c:pt>
                <c:pt idx="130">
                  <c:v>183.86078985002533</c:v>
                </c:pt>
                <c:pt idx="131">
                  <c:v>224.98453577052919</c:v>
                </c:pt>
                <c:pt idx="132">
                  <c:v>219.79719935262884</c:v>
                </c:pt>
                <c:pt idx="133">
                  <c:v>179.30556881348301</c:v>
                </c:pt>
                <c:pt idx="134">
                  <c:v>183.72681276071526</c:v>
                </c:pt>
                <c:pt idx="135">
                  <c:v>190.42566722621865</c:v>
                </c:pt>
                <c:pt idx="136">
                  <c:v>193.23918610173007</c:v>
                </c:pt>
                <c:pt idx="137">
                  <c:v>186.40635454691662</c:v>
                </c:pt>
                <c:pt idx="138">
                  <c:v>222.19135462242895</c:v>
                </c:pt>
                <c:pt idx="139">
                  <c:v>214.6098629347284</c:v>
                </c:pt>
                <c:pt idx="140">
                  <c:v>183.05692731416491</c:v>
                </c:pt>
                <c:pt idx="141">
                  <c:v>181.98511059968436</c:v>
                </c:pt>
                <c:pt idx="142">
                  <c:v>187.74612544001729</c:v>
                </c:pt>
                <c:pt idx="143">
                  <c:v>188.41601088656762</c:v>
                </c:pt>
                <c:pt idx="144">
                  <c:v>191.76543811931936</c:v>
                </c:pt>
                <c:pt idx="145">
                  <c:v>246.1329073204308</c:v>
                </c:pt>
                <c:pt idx="146">
                  <c:v>234.96018272802996</c:v>
                </c:pt>
                <c:pt idx="147">
                  <c:v>191.76543811931936</c:v>
                </c:pt>
                <c:pt idx="148">
                  <c:v>190.42566722621865</c:v>
                </c:pt>
                <c:pt idx="149">
                  <c:v>186.13840036829649</c:v>
                </c:pt>
                <c:pt idx="150">
                  <c:v>191.095552672769</c:v>
                </c:pt>
                <c:pt idx="151">
                  <c:v>192.43532356586971</c:v>
                </c:pt>
                <c:pt idx="152">
                  <c:v>238.55141563273025</c:v>
                </c:pt>
                <c:pt idx="153">
                  <c:v>238.95044151103025</c:v>
                </c:pt>
                <c:pt idx="154">
                  <c:v>187.07623999346694</c:v>
                </c:pt>
                <c:pt idx="155">
                  <c:v>187.21021708277704</c:v>
                </c:pt>
                <c:pt idx="156">
                  <c:v>187.88010252932736</c:v>
                </c:pt>
                <c:pt idx="157">
                  <c:v>187.21021708277704</c:v>
                </c:pt>
                <c:pt idx="158">
                  <c:v>186.80828581484681</c:v>
                </c:pt>
                <c:pt idx="159">
                  <c:v>210.22057827342812</c:v>
                </c:pt>
                <c:pt idx="160">
                  <c:v>201.37057636187353</c:v>
                </c:pt>
                <c:pt idx="161">
                  <c:v>178.36772918831252</c:v>
                </c:pt>
                <c:pt idx="162">
                  <c:v>178.23375209900243</c:v>
                </c:pt>
                <c:pt idx="163">
                  <c:v>176.89398120590175</c:v>
                </c:pt>
                <c:pt idx="164">
                  <c:v>175.8221644914212</c:v>
                </c:pt>
                <c:pt idx="165">
                  <c:v>175.9561415807313</c:v>
                </c:pt>
                <c:pt idx="166">
                  <c:v>202.84755504258419</c:v>
                </c:pt>
                <c:pt idx="167">
                  <c:v>200.6204758960053</c:v>
                </c:pt>
                <c:pt idx="168">
                  <c:v>171.40092054418898</c:v>
                </c:pt>
                <c:pt idx="169">
                  <c:v>171.40092054418898</c:v>
                </c:pt>
                <c:pt idx="170">
                  <c:v>170.86501218694866</c:v>
                </c:pt>
                <c:pt idx="171">
                  <c:v>169.79319547246814</c:v>
                </c:pt>
                <c:pt idx="172">
                  <c:v>176.89398120590175</c:v>
                </c:pt>
                <c:pt idx="173">
                  <c:v>220.99427698752893</c:v>
                </c:pt>
                <c:pt idx="174">
                  <c:v>207.42739712532793</c:v>
                </c:pt>
                <c:pt idx="175">
                  <c:v>173.00864561590976</c:v>
                </c:pt>
                <c:pt idx="176">
                  <c:v>167.11365368626673</c:v>
                </c:pt>
                <c:pt idx="177">
                  <c:v>175.42023322349098</c:v>
                </c:pt>
                <c:pt idx="178">
                  <c:v>174.34841650901046</c:v>
                </c:pt>
                <c:pt idx="179">
                  <c:v>181.04727097451388</c:v>
                </c:pt>
                <c:pt idx="180">
                  <c:v>218.20109583942872</c:v>
                </c:pt>
                <c:pt idx="181">
                  <c:v>216.60499232622857</c:v>
                </c:pt>
                <c:pt idx="182">
                  <c:v>176.35807284866149</c:v>
                </c:pt>
                <c:pt idx="183">
                  <c:v>180.24340843865346</c:v>
                </c:pt>
                <c:pt idx="184">
                  <c:v>182.92295022485484</c:v>
                </c:pt>
                <c:pt idx="185">
                  <c:v>178.63568336693265</c:v>
                </c:pt>
                <c:pt idx="186">
                  <c:v>177.83182083107221</c:v>
                </c:pt>
                <c:pt idx="187">
                  <c:v>205.06302306365009</c:v>
                </c:pt>
                <c:pt idx="188">
                  <c:v>200.63208702151823</c:v>
                </c:pt>
                <c:pt idx="189">
                  <c:v>173.41057688383998</c:v>
                </c:pt>
                <c:pt idx="190">
                  <c:v>172.33876016935943</c:v>
                </c:pt>
                <c:pt idx="191">
                  <c:v>173.27659979452991</c:v>
                </c:pt>
                <c:pt idx="192">
                  <c:v>174.0804623303903</c:v>
                </c:pt>
                <c:pt idx="193">
                  <c:v>178.50170627762256</c:v>
                </c:pt>
                <c:pt idx="194">
                  <c:v>216.20596644792857</c:v>
                </c:pt>
                <c:pt idx="195">
                  <c:v>202.10906570222886</c:v>
                </c:pt>
                <c:pt idx="196">
                  <c:v>175.68818740211114</c:v>
                </c:pt>
                <c:pt idx="197">
                  <c:v>178.90363754555278</c:v>
                </c:pt>
                <c:pt idx="198">
                  <c:v>180.64533970658368</c:v>
                </c:pt>
                <c:pt idx="199">
                  <c:v>181.98511059968436</c:v>
                </c:pt>
                <c:pt idx="200">
                  <c:v>180.37738552796355</c:v>
                </c:pt>
                <c:pt idx="201">
                  <c:v>218.60012171772877</c:v>
                </c:pt>
                <c:pt idx="202">
                  <c:v>216.60499232622857</c:v>
                </c:pt>
                <c:pt idx="203">
                  <c:v>179.17159172417291</c:v>
                </c:pt>
                <c:pt idx="204">
                  <c:v>177.83182083107221</c:v>
                </c:pt>
                <c:pt idx="205">
                  <c:v>178.90363754555278</c:v>
                </c:pt>
                <c:pt idx="206">
                  <c:v>176.76000411659169</c:v>
                </c:pt>
                <c:pt idx="207">
                  <c:v>177.02795829521182</c:v>
                </c:pt>
                <c:pt idx="208">
                  <c:v>207.02837124702788</c:v>
                </c:pt>
                <c:pt idx="209">
                  <c:v>207.02837124702788</c:v>
                </c:pt>
                <c:pt idx="210">
                  <c:v>176.89398120590175</c:v>
                </c:pt>
                <c:pt idx="211">
                  <c:v>177.29591247383198</c:v>
                </c:pt>
                <c:pt idx="212">
                  <c:v>174.88432486625072</c:v>
                </c:pt>
                <c:pt idx="213">
                  <c:v>176.49204993797156</c:v>
                </c:pt>
                <c:pt idx="214">
                  <c:v>177.29591247383198</c:v>
                </c:pt>
                <c:pt idx="215">
                  <c:v>215.80694056962849</c:v>
                </c:pt>
                <c:pt idx="216">
                  <c:v>215.40791469132853</c:v>
                </c:pt>
                <c:pt idx="217">
                  <c:v>179.97545426003333</c:v>
                </c:pt>
                <c:pt idx="218">
                  <c:v>183.05692731416491</c:v>
                </c:pt>
                <c:pt idx="219">
                  <c:v>178.76966045624272</c:v>
                </c:pt>
                <c:pt idx="220">
                  <c:v>177.42988956314201</c:v>
                </c:pt>
                <c:pt idx="221">
                  <c:v>180.1094313493434</c:v>
                </c:pt>
                <c:pt idx="222">
                  <c:v>214.6098629347284</c:v>
                </c:pt>
                <c:pt idx="223">
                  <c:v>211.01863003002816</c:v>
                </c:pt>
                <c:pt idx="224">
                  <c:v>176.09011867004133</c:v>
                </c:pt>
                <c:pt idx="225">
                  <c:v>177.02795829521182</c:v>
                </c:pt>
                <c:pt idx="226">
                  <c:v>177.29591247383198</c:v>
                </c:pt>
                <c:pt idx="227">
                  <c:v>180.64533970658368</c:v>
                </c:pt>
                <c:pt idx="228">
                  <c:v>179.30556881348301</c:v>
                </c:pt>
                <c:pt idx="229">
                  <c:v>201.73982103205117</c:v>
                </c:pt>
                <c:pt idx="230">
                  <c:v>200.34180888369499</c:v>
                </c:pt>
                <c:pt idx="231">
                  <c:v>176.62602702728162</c:v>
                </c:pt>
                <c:pt idx="232">
                  <c:v>179.43954590279304</c:v>
                </c:pt>
                <c:pt idx="233">
                  <c:v>179.57352299210314</c:v>
                </c:pt>
                <c:pt idx="234">
                  <c:v>179.84147717072327</c:v>
                </c:pt>
                <c:pt idx="235">
                  <c:v>181.44920224244407</c:v>
                </c:pt>
                <c:pt idx="236">
                  <c:v>204.32453372329482</c:v>
                </c:pt>
                <c:pt idx="237">
                  <c:v>206.62934536872783</c:v>
                </c:pt>
                <c:pt idx="238">
                  <c:v>178.90363754555278</c:v>
                </c:pt>
                <c:pt idx="239">
                  <c:v>180.51136261727362</c:v>
                </c:pt>
                <c:pt idx="240">
                  <c:v>180.37738552796355</c:v>
                </c:pt>
                <c:pt idx="241">
                  <c:v>180.91329388520381</c:v>
                </c:pt>
                <c:pt idx="242">
                  <c:v>182.78897313554475</c:v>
                </c:pt>
                <c:pt idx="243">
                  <c:v>216.20596644792857</c:v>
                </c:pt>
                <c:pt idx="244">
                  <c:v>220.19622523092886</c:v>
                </c:pt>
                <c:pt idx="245">
                  <c:v>183.99476693933539</c:v>
                </c:pt>
                <c:pt idx="246">
                  <c:v>182.65499604623471</c:v>
                </c:pt>
                <c:pt idx="247">
                  <c:v>185.73646910036629</c:v>
                </c:pt>
                <c:pt idx="248">
                  <c:v>183.32488149278507</c:v>
                </c:pt>
                <c:pt idx="249">
                  <c:v>182.25306477830449</c:v>
                </c:pt>
                <c:pt idx="250">
                  <c:v>210.61960415172814</c:v>
                </c:pt>
                <c:pt idx="251">
                  <c:v>203.95528905311713</c:v>
                </c:pt>
                <c:pt idx="252">
                  <c:v>181.31522515313404</c:v>
                </c:pt>
                <c:pt idx="253">
                  <c:v>181.31522515313404</c:v>
                </c:pt>
                <c:pt idx="254">
                  <c:v>183.86078985002533</c:v>
                </c:pt>
                <c:pt idx="255">
                  <c:v>188.0140796186374</c:v>
                </c:pt>
                <c:pt idx="256">
                  <c:v>187.34419417208713</c:v>
                </c:pt>
                <c:pt idx="257">
                  <c:v>220.59525110922891</c:v>
                </c:pt>
                <c:pt idx="258">
                  <c:v>227.77771691862941</c:v>
                </c:pt>
                <c:pt idx="259">
                  <c:v>186.27237745760652</c:v>
                </c:pt>
                <c:pt idx="260">
                  <c:v>183.72681276071526</c:v>
                </c:pt>
                <c:pt idx="261">
                  <c:v>183.32488149278507</c:v>
                </c:pt>
                <c:pt idx="262">
                  <c:v>185.33453783243607</c:v>
                </c:pt>
                <c:pt idx="263">
                  <c:v>183.4588585820951</c:v>
                </c:pt>
                <c:pt idx="264">
                  <c:v>221.39330286582896</c:v>
                </c:pt>
                <c:pt idx="265">
                  <c:v>226.58063928372931</c:v>
                </c:pt>
                <c:pt idx="266">
                  <c:v>186.27237745760652</c:v>
                </c:pt>
                <c:pt idx="267">
                  <c:v>181.04727097451388</c:v>
                </c:pt>
                <c:pt idx="268">
                  <c:v>181.71715642106423</c:v>
                </c:pt>
                <c:pt idx="269">
                  <c:v>183.190904403475</c:v>
                </c:pt>
                <c:pt idx="270">
                  <c:v>182.25306477830449</c:v>
                </c:pt>
                <c:pt idx="271">
                  <c:v>220.59525110922891</c:v>
                </c:pt>
                <c:pt idx="272">
                  <c:v>226.58063928372931</c:v>
                </c:pt>
                <c:pt idx="273">
                  <c:v>186.94226290415691</c:v>
                </c:pt>
                <c:pt idx="274">
                  <c:v>186.54033163622671</c:v>
                </c:pt>
                <c:pt idx="275">
                  <c:v>186.94226290415691</c:v>
                </c:pt>
                <c:pt idx="276">
                  <c:v>188.54998797587774</c:v>
                </c:pt>
                <c:pt idx="277">
                  <c:v>191.22952976207907</c:v>
                </c:pt>
                <c:pt idx="278">
                  <c:v>244.93582968553068</c:v>
                </c:pt>
                <c:pt idx="279">
                  <c:v>253.71439900813135</c:v>
                </c:pt>
                <c:pt idx="280">
                  <c:v>194.17702572690058</c:v>
                </c:pt>
                <c:pt idx="281">
                  <c:v>191.63146103000929</c:v>
                </c:pt>
                <c:pt idx="282">
                  <c:v>188.81794215449787</c:v>
                </c:pt>
                <c:pt idx="283">
                  <c:v>190.15771304759852</c:v>
                </c:pt>
                <c:pt idx="284">
                  <c:v>191.63146103000929</c:v>
                </c:pt>
                <c:pt idx="285">
                  <c:v>241.34459678083044</c:v>
                </c:pt>
                <c:pt idx="286">
                  <c:v>245.73388144213075</c:v>
                </c:pt>
                <c:pt idx="287">
                  <c:v>193.10520901242003</c:v>
                </c:pt>
                <c:pt idx="288">
                  <c:v>195.65077370931138</c:v>
                </c:pt>
                <c:pt idx="289">
                  <c:v>190.96157558345894</c:v>
                </c:pt>
                <c:pt idx="290">
                  <c:v>193.64111736966032</c:v>
                </c:pt>
                <c:pt idx="291">
                  <c:v>201.70318491901961</c:v>
                </c:pt>
                <c:pt idx="292">
                  <c:v>266.48322711373226</c:v>
                </c:pt>
                <c:pt idx="293">
                  <c:v>264.48809772223211</c:v>
                </c:pt>
                <c:pt idx="294">
                  <c:v>193.23918610173007</c:v>
                </c:pt>
                <c:pt idx="295">
                  <c:v>192.03339229793954</c:v>
                </c:pt>
                <c:pt idx="296">
                  <c:v>192.30134647655967</c:v>
                </c:pt>
                <c:pt idx="297">
                  <c:v>193.50714028035028</c:v>
                </c:pt>
                <c:pt idx="298">
                  <c:v>200.24525473183959</c:v>
                </c:pt>
                <c:pt idx="299">
                  <c:v>268.47835650523245</c:v>
                </c:pt>
                <c:pt idx="300">
                  <c:v>275.66082231463292</c:v>
                </c:pt>
                <c:pt idx="301">
                  <c:v>205.78538944312348</c:v>
                </c:pt>
                <c:pt idx="302">
                  <c:v>211.32552415440739</c:v>
                </c:pt>
                <c:pt idx="303">
                  <c:v>211.32552415440739</c:v>
                </c:pt>
                <c:pt idx="304">
                  <c:v>205.78538944312348</c:v>
                </c:pt>
                <c:pt idx="305">
                  <c:v>197.91256643235167</c:v>
                </c:pt>
                <c:pt idx="306">
                  <c:v>257.70465779113164</c:v>
                </c:pt>
                <c:pt idx="307">
                  <c:v>255.70952839963149</c:v>
                </c:pt>
                <c:pt idx="308">
                  <c:v>194.04304863759054</c:v>
                </c:pt>
                <c:pt idx="309">
                  <c:v>194.44497990552071</c:v>
                </c:pt>
                <c:pt idx="310">
                  <c:v>194.7129340841409</c:v>
                </c:pt>
                <c:pt idx="311">
                  <c:v>195.91872788793145</c:v>
                </c:pt>
                <c:pt idx="312">
                  <c:v>194.980888262761</c:v>
                </c:pt>
                <c:pt idx="313">
                  <c:v>256.50758015623154</c:v>
                </c:pt>
                <c:pt idx="314">
                  <c:v>263.29102008733202</c:v>
                </c:pt>
                <c:pt idx="315">
                  <c:v>204.32745925594352</c:v>
                </c:pt>
                <c:pt idx="316">
                  <c:v>208.99283585491946</c:v>
                </c:pt>
                <c:pt idx="317">
                  <c:v>206.36856151799552</c:v>
                </c:pt>
                <c:pt idx="318">
                  <c:v>215.11614264107533</c:v>
                </c:pt>
                <c:pt idx="319">
                  <c:v>217.74041697799927</c:v>
                </c:pt>
                <c:pt idx="320">
                  <c:v>280.05010697593326</c:v>
                </c:pt>
                <c:pt idx="321">
                  <c:v>281.64621048913341</c:v>
                </c:pt>
                <c:pt idx="322">
                  <c:v>215.11614264107533</c:v>
                </c:pt>
                <c:pt idx="323">
                  <c:v>221.53103546466724</c:v>
                </c:pt>
                <c:pt idx="324">
                  <c:v>223.57213772671918</c:v>
                </c:pt>
                <c:pt idx="325">
                  <c:v>202.28635699389156</c:v>
                </c:pt>
                <c:pt idx="326">
                  <c:v>201.1200128441476</c:v>
                </c:pt>
                <c:pt idx="327">
                  <c:v>267.28127887033236</c:v>
                </c:pt>
                <c:pt idx="328">
                  <c:v>279.25205521933327</c:v>
                </c:pt>
                <c:pt idx="329">
                  <c:v>214.24138452876738</c:v>
                </c:pt>
                <c:pt idx="330">
                  <c:v>221.8226215021032</c:v>
                </c:pt>
                <c:pt idx="331">
                  <c:v>226.77958413851513</c:v>
                </c:pt>
                <c:pt idx="332">
                  <c:v>217.44883094056328</c:v>
                </c:pt>
                <c:pt idx="333">
                  <c:v>222.9889656518472</c:v>
                </c:pt>
                <c:pt idx="334">
                  <c:v>298.80432325603471</c:v>
                </c:pt>
                <c:pt idx="335">
                  <c:v>304.39068555223508</c:v>
                </c:pt>
                <c:pt idx="336">
                  <c:v>227.07117017595112</c:v>
                </c:pt>
                <c:pt idx="337">
                  <c:v>227.65434225082313</c:v>
                </c:pt>
                <c:pt idx="338">
                  <c:v>218.6151750903073</c:v>
                </c:pt>
                <c:pt idx="339">
                  <c:v>217.74041697799927</c:v>
                </c:pt>
                <c:pt idx="340">
                  <c:v>224.44689583902715</c:v>
                </c:pt>
                <c:pt idx="341">
                  <c:v>301.99653028243483</c:v>
                </c:pt>
                <c:pt idx="342">
                  <c:v>279.65108109763327</c:v>
                </c:pt>
                <c:pt idx="343">
                  <c:v>208.11807774261146</c:v>
                </c:pt>
                <c:pt idx="344">
                  <c:v>213.36662641645938</c:v>
                </c:pt>
                <c:pt idx="345">
                  <c:v>221.23944942723122</c:v>
                </c:pt>
                <c:pt idx="346">
                  <c:v>224.73848187646314</c:v>
                </c:pt>
                <c:pt idx="347">
                  <c:v>225.90482602620716</c:v>
                </c:pt>
                <c:pt idx="348">
                  <c:v>272.06958940993275</c:v>
                </c:pt>
                <c:pt idx="349">
                  <c:v>255.31050252133144</c:v>
                </c:pt>
                <c:pt idx="350">
                  <c:v>196.45463624517174</c:v>
                </c:pt>
                <c:pt idx="351">
                  <c:v>194.31100281621065</c:v>
                </c:pt>
                <c:pt idx="352">
                  <c:v>199.37049661953165</c:v>
                </c:pt>
                <c:pt idx="353">
                  <c:v>208.99283585491946</c:v>
                </c:pt>
                <c:pt idx="354">
                  <c:v>211.90869622927937</c:v>
                </c:pt>
                <c:pt idx="355">
                  <c:v>277.25692582783307</c:v>
                </c:pt>
                <c:pt idx="356">
                  <c:v>281.64621048913341</c:v>
                </c:pt>
                <c:pt idx="357">
                  <c:v>215.99090075338333</c:v>
                </c:pt>
                <c:pt idx="358">
                  <c:v>208.70124981748347</c:v>
                </c:pt>
                <c:pt idx="359">
                  <c:v>203.7442871810716</c:v>
                </c:pt>
                <c:pt idx="360">
                  <c:v>205.49380340568749</c:v>
                </c:pt>
                <c:pt idx="361">
                  <c:v>213.6582124538954</c:v>
                </c:pt>
                <c:pt idx="362">
                  <c:v>280.44913285423337</c:v>
                </c:pt>
                <c:pt idx="363">
                  <c:v>277.65595170613312</c:v>
                </c:pt>
                <c:pt idx="364">
                  <c:v>213.94979849133136</c:v>
                </c:pt>
              </c:numCache>
            </c:numRef>
          </c:val>
          <c:extLst>
            <c:ext xmlns:c16="http://schemas.microsoft.com/office/drawing/2014/chart" uri="{C3380CC4-5D6E-409C-BE32-E72D297353CC}">
              <c16:uniqueId val="{00000003-84B1-4936-A715-6FFFC4092DE5}"/>
            </c:ext>
          </c:extLst>
        </c:ser>
        <c:ser>
          <c:idx val="3"/>
          <c:order val="3"/>
          <c:tx>
            <c:strRef>
              <c:f>Jesper!$AO$1</c:f>
              <c:strCache>
                <c:ptCount val="1"/>
                <c:pt idx="0">
                  <c:v>T3</c:v>
                </c:pt>
              </c:strCache>
            </c:strRef>
          </c:tx>
          <c:spPr>
            <a:solidFill>
              <a:schemeClr val="accent5">
                <a:lumMod val="60000"/>
                <a:lumOff val="40000"/>
              </a:schemeClr>
            </a:solidFill>
            <a:ln>
              <a:noFill/>
            </a:ln>
            <a:effectLst/>
          </c:spPr>
          <c:cat>
            <c:numRef>
              <c:f>Jesper!$P$2:$P$366</c:f>
              <c:numCache>
                <c:formatCode>m/d/yyyy</c:formatCode>
                <c:ptCount val="365"/>
                <c:pt idx="0">
                  <c:v>45292</c:v>
                </c:pt>
                <c:pt idx="1">
                  <c:v>45293</c:v>
                </c:pt>
                <c:pt idx="2">
                  <c:v>45294</c:v>
                </c:pt>
                <c:pt idx="3">
                  <c:v>45295</c:v>
                </c:pt>
                <c:pt idx="4">
                  <c:v>45296</c:v>
                </c:pt>
                <c:pt idx="5">
                  <c:v>45297</c:v>
                </c:pt>
                <c:pt idx="6">
                  <c:v>45298</c:v>
                </c:pt>
                <c:pt idx="7">
                  <c:v>45299</c:v>
                </c:pt>
                <c:pt idx="8">
                  <c:v>45300</c:v>
                </c:pt>
                <c:pt idx="9">
                  <c:v>45301</c:v>
                </c:pt>
                <c:pt idx="10">
                  <c:v>45302</c:v>
                </c:pt>
                <c:pt idx="11">
                  <c:v>45303</c:v>
                </c:pt>
                <c:pt idx="12">
                  <c:v>45304</c:v>
                </c:pt>
                <c:pt idx="13">
                  <c:v>45305</c:v>
                </c:pt>
                <c:pt idx="14">
                  <c:v>45306</c:v>
                </c:pt>
                <c:pt idx="15">
                  <c:v>45307</c:v>
                </c:pt>
                <c:pt idx="16">
                  <c:v>45308</c:v>
                </c:pt>
                <c:pt idx="17">
                  <c:v>45309</c:v>
                </c:pt>
                <c:pt idx="18">
                  <c:v>45310</c:v>
                </c:pt>
                <c:pt idx="19">
                  <c:v>45311</c:v>
                </c:pt>
                <c:pt idx="20">
                  <c:v>45312</c:v>
                </c:pt>
                <c:pt idx="21">
                  <c:v>45313</c:v>
                </c:pt>
                <c:pt idx="22">
                  <c:v>45314</c:v>
                </c:pt>
                <c:pt idx="23">
                  <c:v>45315</c:v>
                </c:pt>
                <c:pt idx="24">
                  <c:v>45316</c:v>
                </c:pt>
                <c:pt idx="25">
                  <c:v>45317</c:v>
                </c:pt>
                <c:pt idx="26">
                  <c:v>45318</c:v>
                </c:pt>
                <c:pt idx="27">
                  <c:v>45319</c:v>
                </c:pt>
                <c:pt idx="28">
                  <c:v>45320</c:v>
                </c:pt>
                <c:pt idx="29">
                  <c:v>45321</c:v>
                </c:pt>
                <c:pt idx="30">
                  <c:v>45322</c:v>
                </c:pt>
                <c:pt idx="31">
                  <c:v>45323</c:v>
                </c:pt>
                <c:pt idx="32">
                  <c:v>45324</c:v>
                </c:pt>
                <c:pt idx="33">
                  <c:v>45325</c:v>
                </c:pt>
                <c:pt idx="34">
                  <c:v>45326</c:v>
                </c:pt>
                <c:pt idx="35">
                  <c:v>45327</c:v>
                </c:pt>
                <c:pt idx="36">
                  <c:v>45328</c:v>
                </c:pt>
                <c:pt idx="37">
                  <c:v>45329</c:v>
                </c:pt>
                <c:pt idx="38">
                  <c:v>45330</c:v>
                </c:pt>
                <c:pt idx="39">
                  <c:v>45331</c:v>
                </c:pt>
                <c:pt idx="40">
                  <c:v>45332</c:v>
                </c:pt>
                <c:pt idx="41">
                  <c:v>45333</c:v>
                </c:pt>
                <c:pt idx="42">
                  <c:v>45334</c:v>
                </c:pt>
                <c:pt idx="43">
                  <c:v>45335</c:v>
                </c:pt>
                <c:pt idx="44">
                  <c:v>45336</c:v>
                </c:pt>
                <c:pt idx="45">
                  <c:v>45337</c:v>
                </c:pt>
                <c:pt idx="46">
                  <c:v>45338</c:v>
                </c:pt>
                <c:pt idx="47">
                  <c:v>45339</c:v>
                </c:pt>
                <c:pt idx="48">
                  <c:v>45340</c:v>
                </c:pt>
                <c:pt idx="49">
                  <c:v>45341</c:v>
                </c:pt>
                <c:pt idx="50">
                  <c:v>45342</c:v>
                </c:pt>
                <c:pt idx="51">
                  <c:v>45343</c:v>
                </c:pt>
                <c:pt idx="52">
                  <c:v>45344</c:v>
                </c:pt>
                <c:pt idx="53">
                  <c:v>45345</c:v>
                </c:pt>
                <c:pt idx="54">
                  <c:v>45346</c:v>
                </c:pt>
                <c:pt idx="55">
                  <c:v>45347</c:v>
                </c:pt>
                <c:pt idx="56">
                  <c:v>45348</c:v>
                </c:pt>
                <c:pt idx="57">
                  <c:v>45349</c:v>
                </c:pt>
                <c:pt idx="58">
                  <c:v>45350</c:v>
                </c:pt>
                <c:pt idx="59">
                  <c:v>45351</c:v>
                </c:pt>
                <c:pt idx="60">
                  <c:v>45352</c:v>
                </c:pt>
                <c:pt idx="61">
                  <c:v>45353</c:v>
                </c:pt>
                <c:pt idx="62">
                  <c:v>45354</c:v>
                </c:pt>
                <c:pt idx="63">
                  <c:v>45355</c:v>
                </c:pt>
                <c:pt idx="64">
                  <c:v>45356</c:v>
                </c:pt>
                <c:pt idx="65">
                  <c:v>45357</c:v>
                </c:pt>
                <c:pt idx="66">
                  <c:v>45358</c:v>
                </c:pt>
                <c:pt idx="67">
                  <c:v>45359</c:v>
                </c:pt>
                <c:pt idx="68">
                  <c:v>45360</c:v>
                </c:pt>
                <c:pt idx="69">
                  <c:v>45361</c:v>
                </c:pt>
                <c:pt idx="70">
                  <c:v>45362</c:v>
                </c:pt>
                <c:pt idx="71">
                  <c:v>45363</c:v>
                </c:pt>
                <c:pt idx="72">
                  <c:v>45364</c:v>
                </c:pt>
                <c:pt idx="73">
                  <c:v>45365</c:v>
                </c:pt>
                <c:pt idx="74">
                  <c:v>45366</c:v>
                </c:pt>
                <c:pt idx="75">
                  <c:v>45367</c:v>
                </c:pt>
                <c:pt idx="76">
                  <c:v>45368</c:v>
                </c:pt>
                <c:pt idx="77">
                  <c:v>45369</c:v>
                </c:pt>
                <c:pt idx="78">
                  <c:v>45370</c:v>
                </c:pt>
                <c:pt idx="79">
                  <c:v>45371</c:v>
                </c:pt>
                <c:pt idx="80">
                  <c:v>45372</c:v>
                </c:pt>
                <c:pt idx="81">
                  <c:v>45373</c:v>
                </c:pt>
                <c:pt idx="82">
                  <c:v>45374</c:v>
                </c:pt>
                <c:pt idx="83">
                  <c:v>45375</c:v>
                </c:pt>
                <c:pt idx="84">
                  <c:v>45376</c:v>
                </c:pt>
                <c:pt idx="85">
                  <c:v>45377</c:v>
                </c:pt>
                <c:pt idx="86">
                  <c:v>45378</c:v>
                </c:pt>
                <c:pt idx="87">
                  <c:v>45379</c:v>
                </c:pt>
                <c:pt idx="88">
                  <c:v>45380</c:v>
                </c:pt>
                <c:pt idx="89">
                  <c:v>45381</c:v>
                </c:pt>
                <c:pt idx="90">
                  <c:v>45382</c:v>
                </c:pt>
                <c:pt idx="91">
                  <c:v>45383</c:v>
                </c:pt>
                <c:pt idx="92">
                  <c:v>45384</c:v>
                </c:pt>
                <c:pt idx="93">
                  <c:v>45385</c:v>
                </c:pt>
                <c:pt idx="94">
                  <c:v>45386</c:v>
                </c:pt>
                <c:pt idx="95">
                  <c:v>45387</c:v>
                </c:pt>
                <c:pt idx="96">
                  <c:v>45388</c:v>
                </c:pt>
                <c:pt idx="97">
                  <c:v>45389</c:v>
                </c:pt>
                <c:pt idx="98">
                  <c:v>45390</c:v>
                </c:pt>
                <c:pt idx="99">
                  <c:v>45391</c:v>
                </c:pt>
                <c:pt idx="100">
                  <c:v>45392</c:v>
                </c:pt>
                <c:pt idx="101">
                  <c:v>45393</c:v>
                </c:pt>
                <c:pt idx="102">
                  <c:v>45394</c:v>
                </c:pt>
                <c:pt idx="103">
                  <c:v>45395</c:v>
                </c:pt>
                <c:pt idx="104">
                  <c:v>45396</c:v>
                </c:pt>
                <c:pt idx="105">
                  <c:v>45397</c:v>
                </c:pt>
                <c:pt idx="106">
                  <c:v>45398</c:v>
                </c:pt>
                <c:pt idx="107">
                  <c:v>45399</c:v>
                </c:pt>
                <c:pt idx="108">
                  <c:v>45400</c:v>
                </c:pt>
                <c:pt idx="109">
                  <c:v>45401</c:v>
                </c:pt>
                <c:pt idx="110">
                  <c:v>45402</c:v>
                </c:pt>
                <c:pt idx="111">
                  <c:v>45403</c:v>
                </c:pt>
                <c:pt idx="112">
                  <c:v>45404</c:v>
                </c:pt>
                <c:pt idx="113">
                  <c:v>45405</c:v>
                </c:pt>
                <c:pt idx="114">
                  <c:v>45406</c:v>
                </c:pt>
                <c:pt idx="115">
                  <c:v>45407</c:v>
                </c:pt>
                <c:pt idx="116">
                  <c:v>45408</c:v>
                </c:pt>
                <c:pt idx="117">
                  <c:v>45409</c:v>
                </c:pt>
                <c:pt idx="118">
                  <c:v>45410</c:v>
                </c:pt>
                <c:pt idx="119">
                  <c:v>45411</c:v>
                </c:pt>
                <c:pt idx="120">
                  <c:v>45412</c:v>
                </c:pt>
                <c:pt idx="121">
                  <c:v>45413</c:v>
                </c:pt>
                <c:pt idx="122">
                  <c:v>45414</c:v>
                </c:pt>
                <c:pt idx="123">
                  <c:v>45415</c:v>
                </c:pt>
                <c:pt idx="124">
                  <c:v>45416</c:v>
                </c:pt>
                <c:pt idx="125">
                  <c:v>45417</c:v>
                </c:pt>
                <c:pt idx="126">
                  <c:v>45418</c:v>
                </c:pt>
                <c:pt idx="127">
                  <c:v>45419</c:v>
                </c:pt>
                <c:pt idx="128">
                  <c:v>45420</c:v>
                </c:pt>
                <c:pt idx="129">
                  <c:v>45421</c:v>
                </c:pt>
                <c:pt idx="130">
                  <c:v>45422</c:v>
                </c:pt>
                <c:pt idx="131">
                  <c:v>45423</c:v>
                </c:pt>
                <c:pt idx="132">
                  <c:v>45424</c:v>
                </c:pt>
                <c:pt idx="133">
                  <c:v>45425</c:v>
                </c:pt>
                <c:pt idx="134">
                  <c:v>45426</c:v>
                </c:pt>
                <c:pt idx="135">
                  <c:v>45427</c:v>
                </c:pt>
                <c:pt idx="136">
                  <c:v>45428</c:v>
                </c:pt>
                <c:pt idx="137">
                  <c:v>45429</c:v>
                </c:pt>
                <c:pt idx="138">
                  <c:v>45430</c:v>
                </c:pt>
                <c:pt idx="139">
                  <c:v>45431</c:v>
                </c:pt>
                <c:pt idx="140">
                  <c:v>45432</c:v>
                </c:pt>
                <c:pt idx="141">
                  <c:v>45433</c:v>
                </c:pt>
                <c:pt idx="142">
                  <c:v>45434</c:v>
                </c:pt>
                <c:pt idx="143">
                  <c:v>45435</c:v>
                </c:pt>
                <c:pt idx="144">
                  <c:v>45436</c:v>
                </c:pt>
                <c:pt idx="145">
                  <c:v>45437</c:v>
                </c:pt>
                <c:pt idx="146">
                  <c:v>45438</c:v>
                </c:pt>
                <c:pt idx="147">
                  <c:v>45439</c:v>
                </c:pt>
                <c:pt idx="148">
                  <c:v>45440</c:v>
                </c:pt>
                <c:pt idx="149">
                  <c:v>45441</c:v>
                </c:pt>
                <c:pt idx="150">
                  <c:v>45442</c:v>
                </c:pt>
                <c:pt idx="151">
                  <c:v>45443</c:v>
                </c:pt>
                <c:pt idx="152">
                  <c:v>45444</c:v>
                </c:pt>
                <c:pt idx="153">
                  <c:v>45445</c:v>
                </c:pt>
                <c:pt idx="154">
                  <c:v>45446</c:v>
                </c:pt>
                <c:pt idx="155">
                  <c:v>45447</c:v>
                </c:pt>
                <c:pt idx="156">
                  <c:v>45448</c:v>
                </c:pt>
                <c:pt idx="157">
                  <c:v>45449</c:v>
                </c:pt>
                <c:pt idx="158">
                  <c:v>45450</c:v>
                </c:pt>
                <c:pt idx="159">
                  <c:v>45451</c:v>
                </c:pt>
                <c:pt idx="160">
                  <c:v>45452</c:v>
                </c:pt>
                <c:pt idx="161">
                  <c:v>45453</c:v>
                </c:pt>
                <c:pt idx="162">
                  <c:v>45454</c:v>
                </c:pt>
                <c:pt idx="163">
                  <c:v>45455</c:v>
                </c:pt>
                <c:pt idx="164">
                  <c:v>45456</c:v>
                </c:pt>
                <c:pt idx="165">
                  <c:v>45457</c:v>
                </c:pt>
                <c:pt idx="166">
                  <c:v>45458</c:v>
                </c:pt>
                <c:pt idx="167">
                  <c:v>45459</c:v>
                </c:pt>
                <c:pt idx="168">
                  <c:v>45460</c:v>
                </c:pt>
                <c:pt idx="169">
                  <c:v>45461</c:v>
                </c:pt>
                <c:pt idx="170">
                  <c:v>45462</c:v>
                </c:pt>
                <c:pt idx="171">
                  <c:v>45463</c:v>
                </c:pt>
                <c:pt idx="172">
                  <c:v>45464</c:v>
                </c:pt>
                <c:pt idx="173">
                  <c:v>45465</c:v>
                </c:pt>
                <c:pt idx="174">
                  <c:v>45466</c:v>
                </c:pt>
                <c:pt idx="175">
                  <c:v>45467</c:v>
                </c:pt>
                <c:pt idx="176">
                  <c:v>45468</c:v>
                </c:pt>
                <c:pt idx="177">
                  <c:v>45469</c:v>
                </c:pt>
                <c:pt idx="178">
                  <c:v>45470</c:v>
                </c:pt>
                <c:pt idx="179">
                  <c:v>45471</c:v>
                </c:pt>
                <c:pt idx="180">
                  <c:v>45472</c:v>
                </c:pt>
                <c:pt idx="181">
                  <c:v>45473</c:v>
                </c:pt>
                <c:pt idx="182">
                  <c:v>45474</c:v>
                </c:pt>
                <c:pt idx="183">
                  <c:v>45475</c:v>
                </c:pt>
                <c:pt idx="184">
                  <c:v>45476</c:v>
                </c:pt>
                <c:pt idx="185">
                  <c:v>45477</c:v>
                </c:pt>
                <c:pt idx="186">
                  <c:v>45478</c:v>
                </c:pt>
                <c:pt idx="187">
                  <c:v>45479</c:v>
                </c:pt>
                <c:pt idx="188">
                  <c:v>45480</c:v>
                </c:pt>
                <c:pt idx="189">
                  <c:v>45481</c:v>
                </c:pt>
                <c:pt idx="190">
                  <c:v>45482</c:v>
                </c:pt>
                <c:pt idx="191">
                  <c:v>45483</c:v>
                </c:pt>
                <c:pt idx="192">
                  <c:v>45484</c:v>
                </c:pt>
                <c:pt idx="193">
                  <c:v>45485</c:v>
                </c:pt>
                <c:pt idx="194">
                  <c:v>45486</c:v>
                </c:pt>
                <c:pt idx="195">
                  <c:v>45487</c:v>
                </c:pt>
                <c:pt idx="196">
                  <c:v>45488</c:v>
                </c:pt>
                <c:pt idx="197">
                  <c:v>45489</c:v>
                </c:pt>
                <c:pt idx="198">
                  <c:v>45490</c:v>
                </c:pt>
                <c:pt idx="199">
                  <c:v>45491</c:v>
                </c:pt>
                <c:pt idx="200">
                  <c:v>45492</c:v>
                </c:pt>
                <c:pt idx="201">
                  <c:v>45493</c:v>
                </c:pt>
                <c:pt idx="202">
                  <c:v>45494</c:v>
                </c:pt>
                <c:pt idx="203">
                  <c:v>45495</c:v>
                </c:pt>
                <c:pt idx="204">
                  <c:v>45496</c:v>
                </c:pt>
                <c:pt idx="205">
                  <c:v>45497</c:v>
                </c:pt>
                <c:pt idx="206">
                  <c:v>45498</c:v>
                </c:pt>
                <c:pt idx="207">
                  <c:v>45499</c:v>
                </c:pt>
                <c:pt idx="208">
                  <c:v>45500</c:v>
                </c:pt>
                <c:pt idx="209">
                  <c:v>45501</c:v>
                </c:pt>
                <c:pt idx="210">
                  <c:v>45502</c:v>
                </c:pt>
                <c:pt idx="211">
                  <c:v>45503</c:v>
                </c:pt>
                <c:pt idx="212">
                  <c:v>45504</c:v>
                </c:pt>
                <c:pt idx="213">
                  <c:v>45505</c:v>
                </c:pt>
                <c:pt idx="214">
                  <c:v>45506</c:v>
                </c:pt>
                <c:pt idx="215">
                  <c:v>45507</c:v>
                </c:pt>
                <c:pt idx="216">
                  <c:v>45508</c:v>
                </c:pt>
                <c:pt idx="217">
                  <c:v>45509</c:v>
                </c:pt>
                <c:pt idx="218">
                  <c:v>45510</c:v>
                </c:pt>
                <c:pt idx="219">
                  <c:v>45511</c:v>
                </c:pt>
                <c:pt idx="220">
                  <c:v>45512</c:v>
                </c:pt>
                <c:pt idx="221">
                  <c:v>45513</c:v>
                </c:pt>
                <c:pt idx="222">
                  <c:v>45514</c:v>
                </c:pt>
                <c:pt idx="223">
                  <c:v>45515</c:v>
                </c:pt>
                <c:pt idx="224">
                  <c:v>45516</c:v>
                </c:pt>
                <c:pt idx="225">
                  <c:v>45517</c:v>
                </c:pt>
                <c:pt idx="226">
                  <c:v>45518</c:v>
                </c:pt>
                <c:pt idx="227">
                  <c:v>45519</c:v>
                </c:pt>
                <c:pt idx="228">
                  <c:v>45520</c:v>
                </c:pt>
                <c:pt idx="229">
                  <c:v>45521</c:v>
                </c:pt>
                <c:pt idx="230">
                  <c:v>45522</c:v>
                </c:pt>
                <c:pt idx="231">
                  <c:v>45523</c:v>
                </c:pt>
                <c:pt idx="232">
                  <c:v>45524</c:v>
                </c:pt>
                <c:pt idx="233">
                  <c:v>45525</c:v>
                </c:pt>
                <c:pt idx="234">
                  <c:v>45526</c:v>
                </c:pt>
                <c:pt idx="235">
                  <c:v>45527</c:v>
                </c:pt>
                <c:pt idx="236">
                  <c:v>45528</c:v>
                </c:pt>
                <c:pt idx="237">
                  <c:v>45529</c:v>
                </c:pt>
                <c:pt idx="238">
                  <c:v>45530</c:v>
                </c:pt>
                <c:pt idx="239">
                  <c:v>45531</c:v>
                </c:pt>
                <c:pt idx="240">
                  <c:v>45532</c:v>
                </c:pt>
                <c:pt idx="241">
                  <c:v>45533</c:v>
                </c:pt>
                <c:pt idx="242">
                  <c:v>45534</c:v>
                </c:pt>
                <c:pt idx="243">
                  <c:v>45535</c:v>
                </c:pt>
                <c:pt idx="244">
                  <c:v>45536</c:v>
                </c:pt>
                <c:pt idx="245">
                  <c:v>45537</c:v>
                </c:pt>
                <c:pt idx="246">
                  <c:v>45538</c:v>
                </c:pt>
                <c:pt idx="247">
                  <c:v>45539</c:v>
                </c:pt>
                <c:pt idx="248">
                  <c:v>45540</c:v>
                </c:pt>
                <c:pt idx="249">
                  <c:v>45541</c:v>
                </c:pt>
                <c:pt idx="250">
                  <c:v>45542</c:v>
                </c:pt>
                <c:pt idx="251">
                  <c:v>45543</c:v>
                </c:pt>
                <c:pt idx="252">
                  <c:v>45544</c:v>
                </c:pt>
                <c:pt idx="253">
                  <c:v>45545</c:v>
                </c:pt>
                <c:pt idx="254">
                  <c:v>45546</c:v>
                </c:pt>
                <c:pt idx="255">
                  <c:v>45547</c:v>
                </c:pt>
                <c:pt idx="256">
                  <c:v>45548</c:v>
                </c:pt>
                <c:pt idx="257">
                  <c:v>45549</c:v>
                </c:pt>
                <c:pt idx="258">
                  <c:v>45550</c:v>
                </c:pt>
                <c:pt idx="259">
                  <c:v>45551</c:v>
                </c:pt>
                <c:pt idx="260">
                  <c:v>45552</c:v>
                </c:pt>
                <c:pt idx="261">
                  <c:v>45553</c:v>
                </c:pt>
                <c:pt idx="262">
                  <c:v>45554</c:v>
                </c:pt>
                <c:pt idx="263">
                  <c:v>45555</c:v>
                </c:pt>
                <c:pt idx="264">
                  <c:v>45556</c:v>
                </c:pt>
                <c:pt idx="265">
                  <c:v>45557</c:v>
                </c:pt>
                <c:pt idx="266">
                  <c:v>45558</c:v>
                </c:pt>
                <c:pt idx="267">
                  <c:v>45559</c:v>
                </c:pt>
                <c:pt idx="268">
                  <c:v>45560</c:v>
                </c:pt>
                <c:pt idx="269">
                  <c:v>45561</c:v>
                </c:pt>
                <c:pt idx="270">
                  <c:v>45562</c:v>
                </c:pt>
                <c:pt idx="271">
                  <c:v>45563</c:v>
                </c:pt>
                <c:pt idx="272">
                  <c:v>45564</c:v>
                </c:pt>
                <c:pt idx="273">
                  <c:v>45565</c:v>
                </c:pt>
                <c:pt idx="274">
                  <c:v>45566</c:v>
                </c:pt>
                <c:pt idx="275">
                  <c:v>45567</c:v>
                </c:pt>
                <c:pt idx="276">
                  <c:v>45568</c:v>
                </c:pt>
                <c:pt idx="277">
                  <c:v>45569</c:v>
                </c:pt>
                <c:pt idx="278">
                  <c:v>45570</c:v>
                </c:pt>
                <c:pt idx="279">
                  <c:v>45571</c:v>
                </c:pt>
                <c:pt idx="280">
                  <c:v>45572</c:v>
                </c:pt>
                <c:pt idx="281">
                  <c:v>45573</c:v>
                </c:pt>
                <c:pt idx="282">
                  <c:v>45574</c:v>
                </c:pt>
                <c:pt idx="283">
                  <c:v>45575</c:v>
                </c:pt>
                <c:pt idx="284">
                  <c:v>45576</c:v>
                </c:pt>
                <c:pt idx="285">
                  <c:v>45577</c:v>
                </c:pt>
                <c:pt idx="286">
                  <c:v>45578</c:v>
                </c:pt>
                <c:pt idx="287">
                  <c:v>45579</c:v>
                </c:pt>
                <c:pt idx="288">
                  <c:v>45580</c:v>
                </c:pt>
                <c:pt idx="289">
                  <c:v>45581</c:v>
                </c:pt>
                <c:pt idx="290">
                  <c:v>45582</c:v>
                </c:pt>
                <c:pt idx="291">
                  <c:v>45583</c:v>
                </c:pt>
                <c:pt idx="292">
                  <c:v>45584</c:v>
                </c:pt>
                <c:pt idx="293">
                  <c:v>45585</c:v>
                </c:pt>
                <c:pt idx="294">
                  <c:v>45586</c:v>
                </c:pt>
                <c:pt idx="295">
                  <c:v>45587</c:v>
                </c:pt>
                <c:pt idx="296">
                  <c:v>45588</c:v>
                </c:pt>
                <c:pt idx="297">
                  <c:v>45589</c:v>
                </c:pt>
                <c:pt idx="298">
                  <c:v>45590</c:v>
                </c:pt>
                <c:pt idx="299">
                  <c:v>45591</c:v>
                </c:pt>
                <c:pt idx="300">
                  <c:v>45592</c:v>
                </c:pt>
                <c:pt idx="301">
                  <c:v>45593</c:v>
                </c:pt>
                <c:pt idx="302">
                  <c:v>45594</c:v>
                </c:pt>
                <c:pt idx="303">
                  <c:v>45595</c:v>
                </c:pt>
                <c:pt idx="304">
                  <c:v>45596</c:v>
                </c:pt>
                <c:pt idx="305">
                  <c:v>45597</c:v>
                </c:pt>
                <c:pt idx="306">
                  <c:v>45598</c:v>
                </c:pt>
                <c:pt idx="307">
                  <c:v>45599</c:v>
                </c:pt>
                <c:pt idx="308">
                  <c:v>45600</c:v>
                </c:pt>
                <c:pt idx="309">
                  <c:v>45601</c:v>
                </c:pt>
                <c:pt idx="310">
                  <c:v>45602</c:v>
                </c:pt>
                <c:pt idx="311">
                  <c:v>45603</c:v>
                </c:pt>
                <c:pt idx="312">
                  <c:v>45604</c:v>
                </c:pt>
                <c:pt idx="313">
                  <c:v>45605</c:v>
                </c:pt>
                <c:pt idx="314">
                  <c:v>45606</c:v>
                </c:pt>
                <c:pt idx="315">
                  <c:v>45607</c:v>
                </c:pt>
                <c:pt idx="316">
                  <c:v>45608</c:v>
                </c:pt>
                <c:pt idx="317">
                  <c:v>45609</c:v>
                </c:pt>
                <c:pt idx="318">
                  <c:v>45610</c:v>
                </c:pt>
                <c:pt idx="319">
                  <c:v>45611</c:v>
                </c:pt>
                <c:pt idx="320">
                  <c:v>45612</c:v>
                </c:pt>
                <c:pt idx="321">
                  <c:v>45613</c:v>
                </c:pt>
                <c:pt idx="322">
                  <c:v>45614</c:v>
                </c:pt>
                <c:pt idx="323">
                  <c:v>45615</c:v>
                </c:pt>
                <c:pt idx="324">
                  <c:v>45616</c:v>
                </c:pt>
                <c:pt idx="325">
                  <c:v>45617</c:v>
                </c:pt>
                <c:pt idx="326">
                  <c:v>45618</c:v>
                </c:pt>
                <c:pt idx="327">
                  <c:v>45619</c:v>
                </c:pt>
                <c:pt idx="328">
                  <c:v>45620</c:v>
                </c:pt>
                <c:pt idx="329">
                  <c:v>45621</c:v>
                </c:pt>
                <c:pt idx="330">
                  <c:v>45622</c:v>
                </c:pt>
                <c:pt idx="331">
                  <c:v>45623</c:v>
                </c:pt>
                <c:pt idx="332">
                  <c:v>45624</c:v>
                </c:pt>
                <c:pt idx="333">
                  <c:v>45625</c:v>
                </c:pt>
                <c:pt idx="334">
                  <c:v>45626</c:v>
                </c:pt>
                <c:pt idx="335">
                  <c:v>45627</c:v>
                </c:pt>
                <c:pt idx="336">
                  <c:v>45628</c:v>
                </c:pt>
                <c:pt idx="337">
                  <c:v>45629</c:v>
                </c:pt>
                <c:pt idx="338">
                  <c:v>45630</c:v>
                </c:pt>
                <c:pt idx="339">
                  <c:v>45631</c:v>
                </c:pt>
                <c:pt idx="340">
                  <c:v>45632</c:v>
                </c:pt>
                <c:pt idx="341">
                  <c:v>45633</c:v>
                </c:pt>
                <c:pt idx="342">
                  <c:v>45634</c:v>
                </c:pt>
                <c:pt idx="343">
                  <c:v>45635</c:v>
                </c:pt>
                <c:pt idx="344">
                  <c:v>45636</c:v>
                </c:pt>
                <c:pt idx="345">
                  <c:v>45637</c:v>
                </c:pt>
                <c:pt idx="346">
                  <c:v>45638</c:v>
                </c:pt>
                <c:pt idx="347">
                  <c:v>45639</c:v>
                </c:pt>
                <c:pt idx="348">
                  <c:v>45640</c:v>
                </c:pt>
                <c:pt idx="349">
                  <c:v>45641</c:v>
                </c:pt>
                <c:pt idx="350">
                  <c:v>45642</c:v>
                </c:pt>
                <c:pt idx="351">
                  <c:v>45643</c:v>
                </c:pt>
                <c:pt idx="352">
                  <c:v>45644</c:v>
                </c:pt>
                <c:pt idx="353">
                  <c:v>45645</c:v>
                </c:pt>
                <c:pt idx="354">
                  <c:v>45646</c:v>
                </c:pt>
                <c:pt idx="355">
                  <c:v>45647</c:v>
                </c:pt>
                <c:pt idx="356">
                  <c:v>45648</c:v>
                </c:pt>
                <c:pt idx="357">
                  <c:v>45649</c:v>
                </c:pt>
                <c:pt idx="358">
                  <c:v>45650</c:v>
                </c:pt>
                <c:pt idx="359">
                  <c:v>45651</c:v>
                </c:pt>
                <c:pt idx="360">
                  <c:v>45652</c:v>
                </c:pt>
                <c:pt idx="361">
                  <c:v>45653</c:v>
                </c:pt>
                <c:pt idx="362">
                  <c:v>45654</c:v>
                </c:pt>
                <c:pt idx="363">
                  <c:v>45655</c:v>
                </c:pt>
                <c:pt idx="364">
                  <c:v>45656</c:v>
                </c:pt>
              </c:numCache>
            </c:numRef>
          </c:cat>
          <c:val>
            <c:numRef>
              <c:f>Jesper!$AO$2:$AO$366</c:f>
              <c:numCache>
                <c:formatCode>General</c:formatCode>
                <c:ptCount val="365"/>
                <c:pt idx="0">
                  <c:v>43.904656683236546</c:v>
                </c:pt>
                <c:pt idx="1">
                  <c:v>44.815863050224024</c:v>
                </c:pt>
                <c:pt idx="2">
                  <c:v>44.39063341229653</c:v>
                </c:pt>
                <c:pt idx="3">
                  <c:v>44.329886321164039</c:v>
                </c:pt>
                <c:pt idx="4">
                  <c:v>44.086897956634047</c:v>
                </c:pt>
                <c:pt idx="5">
                  <c:v>28.519176285495551</c:v>
                </c:pt>
                <c:pt idx="6">
                  <c:v>26.83859977821318</c:v>
                </c:pt>
                <c:pt idx="7">
                  <c:v>39.867397260706078</c:v>
                </c:pt>
                <c:pt idx="8">
                  <c:v>40.0069567287374</c:v>
                </c:pt>
                <c:pt idx="9">
                  <c:v>40.760577856106536</c:v>
                </c:pt>
                <c:pt idx="10">
                  <c:v>40.258163771193765</c:v>
                </c:pt>
                <c:pt idx="11">
                  <c:v>40.453547026437619</c:v>
                </c:pt>
                <c:pt idx="12">
                  <c:v>26.927051173333307</c:v>
                </c:pt>
                <c:pt idx="13">
                  <c:v>27.280856753813804</c:v>
                </c:pt>
                <c:pt idx="14">
                  <c:v>42.568220678321573</c:v>
                </c:pt>
                <c:pt idx="15">
                  <c:v>42.811209042851566</c:v>
                </c:pt>
                <c:pt idx="16">
                  <c:v>41.717761402466579</c:v>
                </c:pt>
                <c:pt idx="17">
                  <c:v>42.446726496056584</c:v>
                </c:pt>
                <c:pt idx="18">
                  <c:v>42.750461951719068</c:v>
                </c:pt>
                <c:pt idx="19">
                  <c:v>26.307891407492434</c:v>
                </c:pt>
                <c:pt idx="20">
                  <c:v>26.573245592852807</c:v>
                </c:pt>
                <c:pt idx="21">
                  <c:v>42.203738131526585</c:v>
                </c:pt>
                <c:pt idx="22">
                  <c:v>40.872225430531586</c:v>
                </c:pt>
                <c:pt idx="23">
                  <c:v>40.258163771193765</c:v>
                </c:pt>
                <c:pt idx="24">
                  <c:v>39.867397260706078</c:v>
                </c:pt>
                <c:pt idx="25">
                  <c:v>41.474773037936593</c:v>
                </c:pt>
                <c:pt idx="26">
                  <c:v>25.33492606117106</c:v>
                </c:pt>
                <c:pt idx="27">
                  <c:v>24.981120480690567</c:v>
                </c:pt>
                <c:pt idx="28">
                  <c:v>40.844313536925327</c:v>
                </c:pt>
                <c:pt idx="29">
                  <c:v>41.0495434000091</c:v>
                </c:pt>
                <c:pt idx="30">
                  <c:v>43.175691589646561</c:v>
                </c:pt>
                <c:pt idx="31">
                  <c:v>45.241092688151518</c:v>
                </c:pt>
                <c:pt idx="32">
                  <c:v>43.357932863044056</c:v>
                </c:pt>
                <c:pt idx="33">
                  <c:v>29.403690236696796</c:v>
                </c:pt>
                <c:pt idx="34">
                  <c:v>29.580593026937041</c:v>
                </c:pt>
                <c:pt idx="35">
                  <c:v>41.171037582274096</c:v>
                </c:pt>
                <c:pt idx="36">
                  <c:v>40.676842175287732</c:v>
                </c:pt>
                <c:pt idx="37">
                  <c:v>40.704754068894012</c:v>
                </c:pt>
                <c:pt idx="38">
                  <c:v>40.034868622343659</c:v>
                </c:pt>
                <c:pt idx="39">
                  <c:v>41.717761402466579</c:v>
                </c:pt>
                <c:pt idx="40">
                  <c:v>27.634662334294305</c:v>
                </c:pt>
                <c:pt idx="41">
                  <c:v>27.103953963573552</c:v>
                </c:pt>
                <c:pt idx="42">
                  <c:v>39.895309154312343</c:v>
                </c:pt>
                <c:pt idx="43">
                  <c:v>39.476630750218376</c:v>
                </c:pt>
                <c:pt idx="44">
                  <c:v>40.900137324137852</c:v>
                </c:pt>
                <c:pt idx="45">
                  <c:v>42.264485222659069</c:v>
                </c:pt>
                <c:pt idx="46">
                  <c:v>40.481458920043885</c:v>
                </c:pt>
                <c:pt idx="47">
                  <c:v>24.538863505089942</c:v>
                </c:pt>
                <c:pt idx="48">
                  <c:v>25.865634431891813</c:v>
                </c:pt>
                <c:pt idx="49">
                  <c:v>42.68971486058657</c:v>
                </c:pt>
                <c:pt idx="50">
                  <c:v>42.142991040394072</c:v>
                </c:pt>
                <c:pt idx="51">
                  <c:v>43.418679954176554</c:v>
                </c:pt>
                <c:pt idx="52">
                  <c:v>42.811209042851566</c:v>
                </c:pt>
                <c:pt idx="53">
                  <c:v>42.203738131526585</c:v>
                </c:pt>
                <c:pt idx="54">
                  <c:v>26.484794197732683</c:v>
                </c:pt>
                <c:pt idx="55">
                  <c:v>26.396342802612555</c:v>
                </c:pt>
                <c:pt idx="56">
                  <c:v>40.73266596250027</c:v>
                </c:pt>
                <c:pt idx="57">
                  <c:v>40.313987558406311</c:v>
                </c:pt>
                <c:pt idx="58">
                  <c:v>40.230251877587506</c:v>
                </c:pt>
                <c:pt idx="59">
                  <c:v>40.258163771193765</c:v>
                </c:pt>
                <c:pt idx="60">
                  <c:v>40.42563513283136</c:v>
                </c:pt>
                <c:pt idx="61">
                  <c:v>25.511828851411313</c:v>
                </c:pt>
                <c:pt idx="62">
                  <c:v>28.076919309894929</c:v>
                </c:pt>
                <c:pt idx="63">
                  <c:v>42.871956133984064</c:v>
                </c:pt>
                <c:pt idx="64">
                  <c:v>44.755115959091533</c:v>
                </c:pt>
                <c:pt idx="65">
                  <c:v>45.605575234946521</c:v>
                </c:pt>
                <c:pt idx="66">
                  <c:v>46.699022875331494</c:v>
                </c:pt>
                <c:pt idx="67">
                  <c:v>47.427987968921485</c:v>
                </c:pt>
                <c:pt idx="68">
                  <c:v>30.907363953738916</c:v>
                </c:pt>
                <c:pt idx="69">
                  <c:v>29.845947212297418</c:v>
                </c:pt>
                <c:pt idx="70">
                  <c:v>44.147645047766538</c:v>
                </c:pt>
                <c:pt idx="71">
                  <c:v>42.932703225116562</c:v>
                </c:pt>
                <c:pt idx="72">
                  <c:v>42.68971486058657</c:v>
                </c:pt>
                <c:pt idx="73">
                  <c:v>42.142991040394072</c:v>
                </c:pt>
                <c:pt idx="74">
                  <c:v>42.203738131526585</c:v>
                </c:pt>
                <c:pt idx="75">
                  <c:v>23.831252344128945</c:v>
                </c:pt>
                <c:pt idx="76">
                  <c:v>24.981120480690567</c:v>
                </c:pt>
                <c:pt idx="77">
                  <c:v>41.35327885567159</c:v>
                </c:pt>
                <c:pt idx="78">
                  <c:v>40.900137324137852</c:v>
                </c:pt>
                <c:pt idx="79">
                  <c:v>41.90000267586408</c:v>
                </c:pt>
                <c:pt idx="80">
                  <c:v>42.446726496056584</c:v>
                </c:pt>
                <c:pt idx="81">
                  <c:v>41.839255584731575</c:v>
                </c:pt>
                <c:pt idx="82">
                  <c:v>26.042537222132058</c:v>
                </c:pt>
                <c:pt idx="83">
                  <c:v>28.253822100135178</c:v>
                </c:pt>
                <c:pt idx="84">
                  <c:v>43.661668318706553</c:v>
                </c:pt>
                <c:pt idx="85">
                  <c:v>44.026150865501542</c:v>
                </c:pt>
                <c:pt idx="86">
                  <c:v>44.694368867959028</c:v>
                </c:pt>
                <c:pt idx="87">
                  <c:v>44.451380503429036</c:v>
                </c:pt>
                <c:pt idx="88">
                  <c:v>44.086897956634047</c:v>
                </c:pt>
                <c:pt idx="89">
                  <c:v>27.369308148933925</c:v>
                </c:pt>
                <c:pt idx="90">
                  <c:v>26.307891407492434</c:v>
                </c:pt>
                <c:pt idx="91">
                  <c:v>41.59626722020159</c:v>
                </c:pt>
                <c:pt idx="92">
                  <c:v>40.621018388075207</c:v>
                </c:pt>
                <c:pt idx="93">
                  <c:v>40.202339983981247</c:v>
                </c:pt>
                <c:pt idx="94">
                  <c:v>39.839485367099805</c:v>
                </c:pt>
                <c:pt idx="95">
                  <c:v>40.42563513283136</c:v>
                </c:pt>
                <c:pt idx="96">
                  <c:v>23.212092578288072</c:v>
                </c:pt>
                <c:pt idx="97">
                  <c:v>21.531516071005704</c:v>
                </c:pt>
                <c:pt idx="98">
                  <c:v>40.118604303162456</c:v>
                </c:pt>
                <c:pt idx="99">
                  <c:v>39.56036643103716</c:v>
                </c:pt>
                <c:pt idx="100">
                  <c:v>39.309159388580788</c:v>
                </c:pt>
                <c:pt idx="101">
                  <c:v>39.113776133336934</c:v>
                </c:pt>
                <c:pt idx="102">
                  <c:v>39.253335601368256</c:v>
                </c:pt>
                <c:pt idx="103">
                  <c:v>20.82390491004471</c:v>
                </c:pt>
                <c:pt idx="104">
                  <c:v>20.912356305164831</c:v>
                </c:pt>
                <c:pt idx="105">
                  <c:v>39.699925899068489</c:v>
                </c:pt>
                <c:pt idx="106">
                  <c:v>39.588278324643433</c:v>
                </c:pt>
                <c:pt idx="107">
                  <c:v>39.1416880269432</c:v>
                </c:pt>
                <c:pt idx="108">
                  <c:v>39.057952346124409</c:v>
                </c:pt>
                <c:pt idx="109">
                  <c:v>39.002128558911885</c:v>
                </c:pt>
                <c:pt idx="110">
                  <c:v>18.87797421740197</c:v>
                </c:pt>
                <c:pt idx="111">
                  <c:v>21.973773046606329</c:v>
                </c:pt>
                <c:pt idx="112">
                  <c:v>41.474773037936593</c:v>
                </c:pt>
                <c:pt idx="113">
                  <c:v>41.0495434000091</c:v>
                </c:pt>
                <c:pt idx="114">
                  <c:v>41.960749766996592</c:v>
                </c:pt>
                <c:pt idx="115">
                  <c:v>41.231784673406594</c:v>
                </c:pt>
                <c:pt idx="116">
                  <c:v>41.0495434000091</c:v>
                </c:pt>
                <c:pt idx="117">
                  <c:v>22.416030022206954</c:v>
                </c:pt>
                <c:pt idx="118">
                  <c:v>25.33492606117106</c:v>
                </c:pt>
                <c:pt idx="119">
                  <c:v>41.292531764539092</c:v>
                </c:pt>
                <c:pt idx="120">
                  <c:v>40.760577856106536</c:v>
                </c:pt>
                <c:pt idx="121">
                  <c:v>40.286075664800045</c:v>
                </c:pt>
                <c:pt idx="122">
                  <c:v>40.648930281681473</c:v>
                </c:pt>
                <c:pt idx="123">
                  <c:v>40.397723239225094</c:v>
                </c:pt>
                <c:pt idx="124">
                  <c:v>21.000807700284955</c:v>
                </c:pt>
                <c:pt idx="125">
                  <c:v>19.49713398324284</c:v>
                </c:pt>
                <c:pt idx="126">
                  <c:v>39.085864239730675</c:v>
                </c:pt>
                <c:pt idx="127">
                  <c:v>38.360155005967805</c:v>
                </c:pt>
                <c:pt idx="128">
                  <c:v>37.913564708267579</c:v>
                </c:pt>
                <c:pt idx="129">
                  <c:v>37.718181453023725</c:v>
                </c:pt>
                <c:pt idx="130">
                  <c:v>38.304331218755273</c:v>
                </c:pt>
                <c:pt idx="131">
                  <c:v>16.755140734518978</c:v>
                </c:pt>
                <c:pt idx="132">
                  <c:v>15.605272597957358</c:v>
                </c:pt>
                <c:pt idx="133">
                  <c:v>37.355326836142297</c:v>
                </c:pt>
                <c:pt idx="134">
                  <c:v>38.276419325149014</c:v>
                </c:pt>
                <c:pt idx="135">
                  <c:v>39.672014005462223</c:v>
                </c:pt>
                <c:pt idx="136">
                  <c:v>40.258163771193765</c:v>
                </c:pt>
                <c:pt idx="137">
                  <c:v>38.834657197274296</c:v>
                </c:pt>
                <c:pt idx="138">
                  <c:v>16.135980968678105</c:v>
                </c:pt>
                <c:pt idx="139">
                  <c:v>14.455404461395734</c:v>
                </c:pt>
                <c:pt idx="140">
                  <c:v>38.136859857117692</c:v>
                </c:pt>
                <c:pt idx="141">
                  <c:v>37.913564708267579</c:v>
                </c:pt>
                <c:pt idx="142">
                  <c:v>39.113776133336934</c:v>
                </c:pt>
                <c:pt idx="143">
                  <c:v>39.253335601368256</c:v>
                </c:pt>
                <c:pt idx="144">
                  <c:v>39.951132941524868</c:v>
                </c:pt>
                <c:pt idx="145">
                  <c:v>21.44306467588558</c:v>
                </c:pt>
                <c:pt idx="146">
                  <c:v>18.966425612522094</c:v>
                </c:pt>
                <c:pt idx="147">
                  <c:v>39.951132941524868</c:v>
                </c:pt>
                <c:pt idx="148">
                  <c:v>39.672014005462223</c:v>
                </c:pt>
                <c:pt idx="149">
                  <c:v>38.778833410061772</c:v>
                </c:pt>
                <c:pt idx="150">
                  <c:v>39.811573473493539</c:v>
                </c:pt>
                <c:pt idx="151">
                  <c:v>40.090692409556191</c:v>
                </c:pt>
                <c:pt idx="152">
                  <c:v>19.762488168603213</c:v>
                </c:pt>
                <c:pt idx="153">
                  <c:v>19.85093956372334</c:v>
                </c:pt>
                <c:pt idx="154">
                  <c:v>38.974216665305612</c:v>
                </c:pt>
                <c:pt idx="155">
                  <c:v>39.002128558911885</c:v>
                </c:pt>
                <c:pt idx="156">
                  <c:v>39.1416880269432</c:v>
                </c:pt>
                <c:pt idx="157">
                  <c:v>39.002128558911885</c:v>
                </c:pt>
                <c:pt idx="158">
                  <c:v>38.918392878093087</c:v>
                </c:pt>
                <c:pt idx="159">
                  <c:v>13.482439115074367</c:v>
                </c:pt>
                <c:pt idx="160">
                  <c:v>12.375207846215606</c:v>
                </c:pt>
                <c:pt idx="161">
                  <c:v>37.159943580898442</c:v>
                </c:pt>
                <c:pt idx="162">
                  <c:v>37.132031687292169</c:v>
                </c:pt>
                <c:pt idx="163">
                  <c:v>36.852912751229532</c:v>
                </c:pt>
                <c:pt idx="164">
                  <c:v>36.629617602379419</c:v>
                </c:pt>
                <c:pt idx="165">
                  <c:v>36.657529495985685</c:v>
                </c:pt>
                <c:pt idx="166">
                  <c:v>12.39186767436734</c:v>
                </c:pt>
                <c:pt idx="167">
                  <c:v>12.362712975101806</c:v>
                </c:pt>
                <c:pt idx="168">
                  <c:v>35.708525113372701</c:v>
                </c:pt>
                <c:pt idx="169">
                  <c:v>35.708525113372701</c:v>
                </c:pt>
                <c:pt idx="170">
                  <c:v>35.596877538947638</c:v>
                </c:pt>
                <c:pt idx="171">
                  <c:v>35.373582390097525</c:v>
                </c:pt>
                <c:pt idx="172">
                  <c:v>36.852912751229532</c:v>
                </c:pt>
                <c:pt idx="173">
                  <c:v>15.870626783317736</c:v>
                </c:pt>
                <c:pt idx="174">
                  <c:v>12.863279349233494</c:v>
                </c:pt>
                <c:pt idx="175">
                  <c:v>36.043467836647864</c:v>
                </c:pt>
                <c:pt idx="176">
                  <c:v>34.815344517972235</c:v>
                </c:pt>
                <c:pt idx="177">
                  <c:v>36.545881921560621</c:v>
                </c:pt>
                <c:pt idx="178">
                  <c:v>36.322586772710515</c:v>
                </c:pt>
                <c:pt idx="179">
                  <c:v>37.718181453023725</c:v>
                </c:pt>
                <c:pt idx="180">
                  <c:v>15.251467017476859</c:v>
                </c:pt>
                <c:pt idx="181">
                  <c:v>14.897661436996362</c:v>
                </c:pt>
                <c:pt idx="182">
                  <c:v>36.741265176804475</c:v>
                </c:pt>
                <c:pt idx="183">
                  <c:v>37.550710091386136</c:v>
                </c:pt>
                <c:pt idx="184">
                  <c:v>38.108947963511426</c:v>
                </c:pt>
                <c:pt idx="185">
                  <c:v>37.215767368110967</c:v>
                </c:pt>
                <c:pt idx="186">
                  <c:v>37.048296006473379</c:v>
                </c:pt>
                <c:pt idx="187">
                  <c:v>12.416857416594945</c:v>
                </c:pt>
                <c:pt idx="188">
                  <c:v>12.366877932139738</c:v>
                </c:pt>
                <c:pt idx="189">
                  <c:v>36.127203517466661</c:v>
                </c:pt>
                <c:pt idx="190">
                  <c:v>35.903908368616548</c:v>
                </c:pt>
                <c:pt idx="191">
                  <c:v>36.099291623860395</c:v>
                </c:pt>
                <c:pt idx="192">
                  <c:v>36.266762985497977</c:v>
                </c:pt>
                <c:pt idx="193">
                  <c:v>37.187855474504701</c:v>
                </c:pt>
                <c:pt idx="194">
                  <c:v>14.809210041876234</c:v>
                </c:pt>
                <c:pt idx="195">
                  <c:v>12.383537760291473</c:v>
                </c:pt>
                <c:pt idx="196">
                  <c:v>36.601705708773153</c:v>
                </c:pt>
                <c:pt idx="197">
                  <c:v>37.271591155323499</c:v>
                </c:pt>
                <c:pt idx="198">
                  <c:v>37.634445772204934</c:v>
                </c:pt>
                <c:pt idx="199">
                  <c:v>37.913564708267579</c:v>
                </c:pt>
                <c:pt idx="200">
                  <c:v>37.578621984992409</c:v>
                </c:pt>
                <c:pt idx="201">
                  <c:v>15.339918412596983</c:v>
                </c:pt>
                <c:pt idx="202">
                  <c:v>14.897661436996362</c:v>
                </c:pt>
                <c:pt idx="203">
                  <c:v>37.327414942536024</c:v>
                </c:pt>
                <c:pt idx="204">
                  <c:v>37.048296006473379</c:v>
                </c:pt>
                <c:pt idx="205">
                  <c:v>37.271591155323499</c:v>
                </c:pt>
                <c:pt idx="206">
                  <c:v>36.825000857623273</c:v>
                </c:pt>
                <c:pt idx="207">
                  <c:v>36.880824644835798</c:v>
                </c:pt>
                <c:pt idx="208">
                  <c:v>12.774827954113372</c:v>
                </c:pt>
                <c:pt idx="209">
                  <c:v>12.774827954113372</c:v>
                </c:pt>
                <c:pt idx="210">
                  <c:v>36.852912751229532</c:v>
                </c:pt>
                <c:pt idx="211">
                  <c:v>36.936648432048329</c:v>
                </c:pt>
                <c:pt idx="212">
                  <c:v>36.434234347135565</c:v>
                </c:pt>
                <c:pt idx="213">
                  <c:v>36.769177070410741</c:v>
                </c:pt>
                <c:pt idx="214">
                  <c:v>36.936648432048329</c:v>
                </c:pt>
                <c:pt idx="215">
                  <c:v>14.720758646756112</c:v>
                </c:pt>
                <c:pt idx="216">
                  <c:v>14.632307251635991</c:v>
                </c:pt>
                <c:pt idx="217">
                  <c:v>37.494886304173612</c:v>
                </c:pt>
                <c:pt idx="218">
                  <c:v>38.136859857117692</c:v>
                </c:pt>
                <c:pt idx="219">
                  <c:v>37.243679261717233</c:v>
                </c:pt>
                <c:pt idx="220">
                  <c:v>36.964560325654588</c:v>
                </c:pt>
                <c:pt idx="221">
                  <c:v>37.522798197779878</c:v>
                </c:pt>
                <c:pt idx="222">
                  <c:v>14.455404461395734</c:v>
                </c:pt>
                <c:pt idx="223">
                  <c:v>13.659341905314617</c:v>
                </c:pt>
                <c:pt idx="224">
                  <c:v>36.685441389591944</c:v>
                </c:pt>
                <c:pt idx="225">
                  <c:v>36.880824644835798</c:v>
                </c:pt>
                <c:pt idx="226">
                  <c:v>36.936648432048329</c:v>
                </c:pt>
                <c:pt idx="227">
                  <c:v>37.634445772204934</c:v>
                </c:pt>
                <c:pt idx="228">
                  <c:v>37.355326836142297</c:v>
                </c:pt>
                <c:pt idx="229">
                  <c:v>12.379372803253538</c:v>
                </c:pt>
                <c:pt idx="230">
                  <c:v>12.262754006191388</c:v>
                </c:pt>
                <c:pt idx="231">
                  <c:v>36.797088964017</c:v>
                </c:pt>
                <c:pt idx="232">
                  <c:v>37.383238729748555</c:v>
                </c:pt>
                <c:pt idx="233">
                  <c:v>37.411150623354821</c:v>
                </c:pt>
                <c:pt idx="234">
                  <c:v>37.466974410567346</c:v>
                </c:pt>
                <c:pt idx="235">
                  <c:v>37.801917133842515</c:v>
                </c:pt>
                <c:pt idx="236">
                  <c:v>12.408527502519076</c:v>
                </c:pt>
                <c:pt idx="237">
                  <c:v>12.686376558993244</c:v>
                </c:pt>
                <c:pt idx="238">
                  <c:v>37.271591155323499</c:v>
                </c:pt>
                <c:pt idx="239">
                  <c:v>37.606533878598668</c:v>
                </c:pt>
                <c:pt idx="240">
                  <c:v>37.578621984992409</c:v>
                </c:pt>
                <c:pt idx="241">
                  <c:v>37.690269559417459</c:v>
                </c:pt>
                <c:pt idx="242">
                  <c:v>38.08103606990516</c:v>
                </c:pt>
                <c:pt idx="243">
                  <c:v>14.809210041876234</c:v>
                </c:pt>
                <c:pt idx="244">
                  <c:v>15.693723993077482</c:v>
                </c:pt>
                <c:pt idx="245">
                  <c:v>38.332243112361539</c:v>
                </c:pt>
                <c:pt idx="246">
                  <c:v>38.053124176298901</c:v>
                </c:pt>
                <c:pt idx="247">
                  <c:v>38.695097729242974</c:v>
                </c:pt>
                <c:pt idx="248">
                  <c:v>38.192683644330224</c:v>
                </c:pt>
                <c:pt idx="249">
                  <c:v>37.969388495480104</c:v>
                </c:pt>
                <c:pt idx="250">
                  <c:v>13.57089051019449</c:v>
                </c:pt>
                <c:pt idx="251">
                  <c:v>12.404362545481142</c:v>
                </c:pt>
                <c:pt idx="252">
                  <c:v>37.774005240236256</c:v>
                </c:pt>
                <c:pt idx="253">
                  <c:v>37.774005240236256</c:v>
                </c:pt>
                <c:pt idx="254">
                  <c:v>38.304331218755273</c:v>
                </c:pt>
                <c:pt idx="255">
                  <c:v>39.169599920549459</c:v>
                </c:pt>
                <c:pt idx="256">
                  <c:v>39.030040452518151</c:v>
                </c:pt>
                <c:pt idx="257">
                  <c:v>15.782175388197604</c:v>
                </c:pt>
                <c:pt idx="258">
                  <c:v>17.374300500359851</c:v>
                </c:pt>
                <c:pt idx="259">
                  <c:v>38.806745303668031</c:v>
                </c:pt>
                <c:pt idx="260">
                  <c:v>38.276419325149014</c:v>
                </c:pt>
                <c:pt idx="261">
                  <c:v>38.192683644330224</c:v>
                </c:pt>
                <c:pt idx="262">
                  <c:v>38.611362048424184</c:v>
                </c:pt>
                <c:pt idx="263">
                  <c:v>38.220595537936482</c:v>
                </c:pt>
                <c:pt idx="264">
                  <c:v>15.959078178437855</c:v>
                </c:pt>
                <c:pt idx="265">
                  <c:v>17.108946314999475</c:v>
                </c:pt>
                <c:pt idx="266">
                  <c:v>38.806745303668031</c:v>
                </c:pt>
                <c:pt idx="267">
                  <c:v>37.718181453023725</c:v>
                </c:pt>
                <c:pt idx="268">
                  <c:v>37.857740921055047</c:v>
                </c:pt>
                <c:pt idx="269">
                  <c:v>38.164771750723958</c:v>
                </c:pt>
                <c:pt idx="270">
                  <c:v>37.969388495480104</c:v>
                </c:pt>
                <c:pt idx="271">
                  <c:v>15.782175388197604</c:v>
                </c:pt>
                <c:pt idx="272">
                  <c:v>17.108946314999475</c:v>
                </c:pt>
                <c:pt idx="273">
                  <c:v>38.946304771699353</c:v>
                </c:pt>
                <c:pt idx="274">
                  <c:v>38.862569090880562</c:v>
                </c:pt>
                <c:pt idx="275">
                  <c:v>38.946304771699353</c:v>
                </c:pt>
                <c:pt idx="276">
                  <c:v>39.281247494974529</c:v>
                </c:pt>
                <c:pt idx="277">
                  <c:v>39.839485367099805</c:v>
                </c:pt>
                <c:pt idx="278">
                  <c:v>21.177710490525211</c:v>
                </c:pt>
                <c:pt idx="279">
                  <c:v>23.123641183167951</c:v>
                </c:pt>
                <c:pt idx="280">
                  <c:v>40.453547026437619</c:v>
                </c:pt>
                <c:pt idx="281">
                  <c:v>39.923221047918602</c:v>
                </c:pt>
                <c:pt idx="282">
                  <c:v>39.337071282187054</c:v>
                </c:pt>
                <c:pt idx="283">
                  <c:v>39.616190218249692</c:v>
                </c:pt>
                <c:pt idx="284">
                  <c:v>39.923221047918602</c:v>
                </c:pt>
                <c:pt idx="285">
                  <c:v>20.381647934444086</c:v>
                </c:pt>
                <c:pt idx="286">
                  <c:v>21.354613280765452</c:v>
                </c:pt>
                <c:pt idx="287">
                  <c:v>40.230251877587506</c:v>
                </c:pt>
                <c:pt idx="288">
                  <c:v>40.760577856106536</c:v>
                </c:pt>
                <c:pt idx="289">
                  <c:v>39.78366157988728</c:v>
                </c:pt>
                <c:pt idx="290">
                  <c:v>40.341899452012569</c:v>
                </c:pt>
                <c:pt idx="291">
                  <c:v>42.02149685812909</c:v>
                </c:pt>
                <c:pt idx="292">
                  <c:v>25.954085827011934</c:v>
                </c:pt>
                <c:pt idx="293">
                  <c:v>25.511828851411313</c:v>
                </c:pt>
                <c:pt idx="294">
                  <c:v>40.258163771193765</c:v>
                </c:pt>
                <c:pt idx="295">
                  <c:v>40.0069567287374</c:v>
                </c:pt>
                <c:pt idx="296">
                  <c:v>40.062780515949932</c:v>
                </c:pt>
                <c:pt idx="297">
                  <c:v>40.313987558406311</c:v>
                </c:pt>
                <c:pt idx="298">
                  <c:v>41.717761402466579</c:v>
                </c:pt>
                <c:pt idx="299">
                  <c:v>26.396342802612555</c:v>
                </c:pt>
                <c:pt idx="300">
                  <c:v>27.988467914774802</c:v>
                </c:pt>
                <c:pt idx="301">
                  <c:v>42.871956133984064</c:v>
                </c:pt>
                <c:pt idx="302">
                  <c:v>44.026150865501542</c:v>
                </c:pt>
                <c:pt idx="303">
                  <c:v>44.026150865501542</c:v>
                </c:pt>
                <c:pt idx="304">
                  <c:v>42.871956133984064</c:v>
                </c:pt>
                <c:pt idx="305">
                  <c:v>41.231784673406594</c:v>
                </c:pt>
                <c:pt idx="306">
                  <c:v>24.008155134369193</c:v>
                </c:pt>
                <c:pt idx="307">
                  <c:v>23.565898158768576</c:v>
                </c:pt>
                <c:pt idx="308">
                  <c:v>40.42563513283136</c:v>
                </c:pt>
                <c:pt idx="309">
                  <c:v>40.509370813650143</c:v>
                </c:pt>
                <c:pt idx="310">
                  <c:v>40.565194600862689</c:v>
                </c:pt>
                <c:pt idx="311">
                  <c:v>40.816401643319054</c:v>
                </c:pt>
                <c:pt idx="312">
                  <c:v>40.621018388075207</c:v>
                </c:pt>
                <c:pt idx="313">
                  <c:v>23.742800949008821</c:v>
                </c:pt>
                <c:pt idx="314">
                  <c:v>25.24647466605094</c:v>
                </c:pt>
                <c:pt idx="315">
                  <c:v>42.568220678321573</c:v>
                </c:pt>
                <c:pt idx="316">
                  <c:v>43.540174136441557</c:v>
                </c:pt>
                <c:pt idx="317">
                  <c:v>42.993450316249067</c:v>
                </c:pt>
                <c:pt idx="318">
                  <c:v>44.815863050224024</c:v>
                </c:pt>
                <c:pt idx="319">
                  <c:v>45.362586870416514</c:v>
                </c:pt>
                <c:pt idx="320">
                  <c:v>28.961433261096172</c:v>
                </c:pt>
                <c:pt idx="321">
                  <c:v>29.315238841576669</c:v>
                </c:pt>
                <c:pt idx="322">
                  <c:v>44.815863050224024</c:v>
                </c:pt>
                <c:pt idx="323">
                  <c:v>46.152299055139011</c:v>
                </c:pt>
                <c:pt idx="324">
                  <c:v>46.577528693066498</c:v>
                </c:pt>
                <c:pt idx="325">
                  <c:v>42.142991040394072</c:v>
                </c:pt>
                <c:pt idx="326">
                  <c:v>41.90000267586408</c:v>
                </c:pt>
                <c:pt idx="327">
                  <c:v>26.130988617252186</c:v>
                </c:pt>
                <c:pt idx="328">
                  <c:v>28.784530470855923</c:v>
                </c:pt>
                <c:pt idx="329">
                  <c:v>44.633621776826537</c:v>
                </c:pt>
                <c:pt idx="330">
                  <c:v>46.213046146271502</c:v>
                </c:pt>
                <c:pt idx="331">
                  <c:v>47.245746695523984</c:v>
                </c:pt>
                <c:pt idx="332">
                  <c:v>45.301839779284016</c:v>
                </c:pt>
                <c:pt idx="333">
                  <c:v>46.456034510801501</c:v>
                </c:pt>
                <c:pt idx="334">
                  <c:v>33.118648831742028</c:v>
                </c:pt>
                <c:pt idx="335">
                  <c:v>34.356968363423775</c:v>
                </c:pt>
                <c:pt idx="336">
                  <c:v>47.306493786656482</c:v>
                </c:pt>
                <c:pt idx="337">
                  <c:v>47.427987968921485</c:v>
                </c:pt>
                <c:pt idx="338">
                  <c:v>45.544828143814023</c:v>
                </c:pt>
                <c:pt idx="339">
                  <c:v>45.362586870416514</c:v>
                </c:pt>
                <c:pt idx="340">
                  <c:v>46.759769966463992</c:v>
                </c:pt>
                <c:pt idx="341">
                  <c:v>33.826259992703022</c:v>
                </c:pt>
                <c:pt idx="342">
                  <c:v>28.872981865976044</c:v>
                </c:pt>
                <c:pt idx="343">
                  <c:v>43.357932863044056</c:v>
                </c:pt>
                <c:pt idx="344">
                  <c:v>44.451380503429036</c:v>
                </c:pt>
                <c:pt idx="345">
                  <c:v>46.091551964006506</c:v>
                </c:pt>
                <c:pt idx="346">
                  <c:v>46.82051705759649</c:v>
                </c:pt>
                <c:pt idx="347">
                  <c:v>47.063505422126489</c:v>
                </c:pt>
                <c:pt idx="348">
                  <c:v>27.192405358693676</c:v>
                </c:pt>
                <c:pt idx="349">
                  <c:v>23.477446763648448</c:v>
                </c:pt>
                <c:pt idx="350">
                  <c:v>40.92804921774411</c:v>
                </c:pt>
                <c:pt idx="351">
                  <c:v>40.481458920043885</c:v>
                </c:pt>
                <c:pt idx="352">
                  <c:v>41.535520129069091</c:v>
                </c:pt>
                <c:pt idx="353">
                  <c:v>43.540174136441557</c:v>
                </c:pt>
                <c:pt idx="354">
                  <c:v>44.147645047766538</c:v>
                </c:pt>
                <c:pt idx="355">
                  <c:v>28.342273495255295</c:v>
                </c:pt>
                <c:pt idx="356">
                  <c:v>29.315238841576669</c:v>
                </c:pt>
                <c:pt idx="357">
                  <c:v>44.998104323621526</c:v>
                </c:pt>
                <c:pt idx="358">
                  <c:v>43.479427045309059</c:v>
                </c:pt>
                <c:pt idx="359">
                  <c:v>42.446726496056584</c:v>
                </c:pt>
                <c:pt idx="360">
                  <c:v>42.811209042851566</c:v>
                </c:pt>
                <c:pt idx="361">
                  <c:v>44.512127594561541</c:v>
                </c:pt>
                <c:pt idx="362">
                  <c:v>29.0498846562163</c:v>
                </c:pt>
                <c:pt idx="363">
                  <c:v>28.430724890375423</c:v>
                </c:pt>
                <c:pt idx="364">
                  <c:v>44.572874685694032</c:v>
                </c:pt>
              </c:numCache>
            </c:numRef>
          </c:val>
          <c:extLst>
            <c:ext xmlns:c16="http://schemas.microsoft.com/office/drawing/2014/chart" uri="{C3380CC4-5D6E-409C-BE32-E72D297353CC}">
              <c16:uniqueId val="{00000002-84B1-4936-A715-6FFFC4092DE5}"/>
            </c:ext>
          </c:extLst>
        </c:ser>
        <c:ser>
          <c:idx val="2"/>
          <c:order val="4"/>
          <c:tx>
            <c:strRef>
              <c:f>Jesper!$AN$1</c:f>
              <c:strCache>
                <c:ptCount val="1"/>
                <c:pt idx="0">
                  <c:v>T2</c:v>
                </c:pt>
              </c:strCache>
            </c:strRef>
          </c:tx>
          <c:spPr>
            <a:solidFill>
              <a:schemeClr val="accent5">
                <a:lumMod val="40000"/>
                <a:lumOff val="60000"/>
              </a:schemeClr>
            </a:solidFill>
            <a:ln>
              <a:noFill/>
            </a:ln>
            <a:effectLst/>
          </c:spPr>
          <c:cat>
            <c:numRef>
              <c:f>Jesper!$P$2:$P$366</c:f>
              <c:numCache>
                <c:formatCode>m/d/yyyy</c:formatCode>
                <c:ptCount val="365"/>
                <c:pt idx="0">
                  <c:v>45292</c:v>
                </c:pt>
                <c:pt idx="1">
                  <c:v>45293</c:v>
                </c:pt>
                <c:pt idx="2">
                  <c:v>45294</c:v>
                </c:pt>
                <c:pt idx="3">
                  <c:v>45295</c:v>
                </c:pt>
                <c:pt idx="4">
                  <c:v>45296</c:v>
                </c:pt>
                <c:pt idx="5">
                  <c:v>45297</c:v>
                </c:pt>
                <c:pt idx="6">
                  <c:v>45298</c:v>
                </c:pt>
                <c:pt idx="7">
                  <c:v>45299</c:v>
                </c:pt>
                <c:pt idx="8">
                  <c:v>45300</c:v>
                </c:pt>
                <c:pt idx="9">
                  <c:v>45301</c:v>
                </c:pt>
                <c:pt idx="10">
                  <c:v>45302</c:v>
                </c:pt>
                <c:pt idx="11">
                  <c:v>45303</c:v>
                </c:pt>
                <c:pt idx="12">
                  <c:v>45304</c:v>
                </c:pt>
                <c:pt idx="13">
                  <c:v>45305</c:v>
                </c:pt>
                <c:pt idx="14">
                  <c:v>45306</c:v>
                </c:pt>
                <c:pt idx="15">
                  <c:v>45307</c:v>
                </c:pt>
                <c:pt idx="16">
                  <c:v>45308</c:v>
                </c:pt>
                <c:pt idx="17">
                  <c:v>45309</c:v>
                </c:pt>
                <c:pt idx="18">
                  <c:v>45310</c:v>
                </c:pt>
                <c:pt idx="19">
                  <c:v>45311</c:v>
                </c:pt>
                <c:pt idx="20">
                  <c:v>45312</c:v>
                </c:pt>
                <c:pt idx="21">
                  <c:v>45313</c:v>
                </c:pt>
                <c:pt idx="22">
                  <c:v>45314</c:v>
                </c:pt>
                <c:pt idx="23">
                  <c:v>45315</c:v>
                </c:pt>
                <c:pt idx="24">
                  <c:v>45316</c:v>
                </c:pt>
                <c:pt idx="25">
                  <c:v>45317</c:v>
                </c:pt>
                <c:pt idx="26">
                  <c:v>45318</c:v>
                </c:pt>
                <c:pt idx="27">
                  <c:v>45319</c:v>
                </c:pt>
                <c:pt idx="28">
                  <c:v>45320</c:v>
                </c:pt>
                <c:pt idx="29">
                  <c:v>45321</c:v>
                </c:pt>
                <c:pt idx="30">
                  <c:v>45322</c:v>
                </c:pt>
                <c:pt idx="31">
                  <c:v>45323</c:v>
                </c:pt>
                <c:pt idx="32">
                  <c:v>45324</c:v>
                </c:pt>
                <c:pt idx="33">
                  <c:v>45325</c:v>
                </c:pt>
                <c:pt idx="34">
                  <c:v>45326</c:v>
                </c:pt>
                <c:pt idx="35">
                  <c:v>45327</c:v>
                </c:pt>
                <c:pt idx="36">
                  <c:v>45328</c:v>
                </c:pt>
                <c:pt idx="37">
                  <c:v>45329</c:v>
                </c:pt>
                <c:pt idx="38">
                  <c:v>45330</c:v>
                </c:pt>
                <c:pt idx="39">
                  <c:v>45331</c:v>
                </c:pt>
                <c:pt idx="40">
                  <c:v>45332</c:v>
                </c:pt>
                <c:pt idx="41">
                  <c:v>45333</c:v>
                </c:pt>
                <c:pt idx="42">
                  <c:v>45334</c:v>
                </c:pt>
                <c:pt idx="43">
                  <c:v>45335</c:v>
                </c:pt>
                <c:pt idx="44">
                  <c:v>45336</c:v>
                </c:pt>
                <c:pt idx="45">
                  <c:v>45337</c:v>
                </c:pt>
                <c:pt idx="46">
                  <c:v>45338</c:v>
                </c:pt>
                <c:pt idx="47">
                  <c:v>45339</c:v>
                </c:pt>
                <c:pt idx="48">
                  <c:v>45340</c:v>
                </c:pt>
                <c:pt idx="49">
                  <c:v>45341</c:v>
                </c:pt>
                <c:pt idx="50">
                  <c:v>45342</c:v>
                </c:pt>
                <c:pt idx="51">
                  <c:v>45343</c:v>
                </c:pt>
                <c:pt idx="52">
                  <c:v>45344</c:v>
                </c:pt>
                <c:pt idx="53">
                  <c:v>45345</c:v>
                </c:pt>
                <c:pt idx="54">
                  <c:v>45346</c:v>
                </c:pt>
                <c:pt idx="55">
                  <c:v>45347</c:v>
                </c:pt>
                <c:pt idx="56">
                  <c:v>45348</c:v>
                </c:pt>
                <c:pt idx="57">
                  <c:v>45349</c:v>
                </c:pt>
                <c:pt idx="58">
                  <c:v>45350</c:v>
                </c:pt>
                <c:pt idx="59">
                  <c:v>45351</c:v>
                </c:pt>
                <c:pt idx="60">
                  <c:v>45352</c:v>
                </c:pt>
                <c:pt idx="61">
                  <c:v>45353</c:v>
                </c:pt>
                <c:pt idx="62">
                  <c:v>45354</c:v>
                </c:pt>
                <c:pt idx="63">
                  <c:v>45355</c:v>
                </c:pt>
                <c:pt idx="64">
                  <c:v>45356</c:v>
                </c:pt>
                <c:pt idx="65">
                  <c:v>45357</c:v>
                </c:pt>
                <c:pt idx="66">
                  <c:v>45358</c:v>
                </c:pt>
                <c:pt idx="67">
                  <c:v>45359</c:v>
                </c:pt>
                <c:pt idx="68">
                  <c:v>45360</c:v>
                </c:pt>
                <c:pt idx="69">
                  <c:v>45361</c:v>
                </c:pt>
                <c:pt idx="70">
                  <c:v>45362</c:v>
                </c:pt>
                <c:pt idx="71">
                  <c:v>45363</c:v>
                </c:pt>
                <c:pt idx="72">
                  <c:v>45364</c:v>
                </c:pt>
                <c:pt idx="73">
                  <c:v>45365</c:v>
                </c:pt>
                <c:pt idx="74">
                  <c:v>45366</c:v>
                </c:pt>
                <c:pt idx="75">
                  <c:v>45367</c:v>
                </c:pt>
                <c:pt idx="76">
                  <c:v>45368</c:v>
                </c:pt>
                <c:pt idx="77">
                  <c:v>45369</c:v>
                </c:pt>
                <c:pt idx="78">
                  <c:v>45370</c:v>
                </c:pt>
                <c:pt idx="79">
                  <c:v>45371</c:v>
                </c:pt>
                <c:pt idx="80">
                  <c:v>45372</c:v>
                </c:pt>
                <c:pt idx="81">
                  <c:v>45373</c:v>
                </c:pt>
                <c:pt idx="82">
                  <c:v>45374</c:v>
                </c:pt>
                <c:pt idx="83">
                  <c:v>45375</c:v>
                </c:pt>
                <c:pt idx="84">
                  <c:v>45376</c:v>
                </c:pt>
                <c:pt idx="85">
                  <c:v>45377</c:v>
                </c:pt>
                <c:pt idx="86">
                  <c:v>45378</c:v>
                </c:pt>
                <c:pt idx="87">
                  <c:v>45379</c:v>
                </c:pt>
                <c:pt idx="88">
                  <c:v>45380</c:v>
                </c:pt>
                <c:pt idx="89">
                  <c:v>45381</c:v>
                </c:pt>
                <c:pt idx="90">
                  <c:v>45382</c:v>
                </c:pt>
                <c:pt idx="91">
                  <c:v>45383</c:v>
                </c:pt>
                <c:pt idx="92">
                  <c:v>45384</c:v>
                </c:pt>
                <c:pt idx="93">
                  <c:v>45385</c:v>
                </c:pt>
                <c:pt idx="94">
                  <c:v>45386</c:v>
                </c:pt>
                <c:pt idx="95">
                  <c:v>45387</c:v>
                </c:pt>
                <c:pt idx="96">
                  <c:v>45388</c:v>
                </c:pt>
                <c:pt idx="97">
                  <c:v>45389</c:v>
                </c:pt>
                <c:pt idx="98">
                  <c:v>45390</c:v>
                </c:pt>
                <c:pt idx="99">
                  <c:v>45391</c:v>
                </c:pt>
                <c:pt idx="100">
                  <c:v>45392</c:v>
                </c:pt>
                <c:pt idx="101">
                  <c:v>45393</c:v>
                </c:pt>
                <c:pt idx="102">
                  <c:v>45394</c:v>
                </c:pt>
                <c:pt idx="103">
                  <c:v>45395</c:v>
                </c:pt>
                <c:pt idx="104">
                  <c:v>45396</c:v>
                </c:pt>
                <c:pt idx="105">
                  <c:v>45397</c:v>
                </c:pt>
                <c:pt idx="106">
                  <c:v>45398</c:v>
                </c:pt>
                <c:pt idx="107">
                  <c:v>45399</c:v>
                </c:pt>
                <c:pt idx="108">
                  <c:v>45400</c:v>
                </c:pt>
                <c:pt idx="109">
                  <c:v>45401</c:v>
                </c:pt>
                <c:pt idx="110">
                  <c:v>45402</c:v>
                </c:pt>
                <c:pt idx="111">
                  <c:v>45403</c:v>
                </c:pt>
                <c:pt idx="112">
                  <c:v>45404</c:v>
                </c:pt>
                <c:pt idx="113">
                  <c:v>45405</c:v>
                </c:pt>
                <c:pt idx="114">
                  <c:v>45406</c:v>
                </c:pt>
                <c:pt idx="115">
                  <c:v>45407</c:v>
                </c:pt>
                <c:pt idx="116">
                  <c:v>45408</c:v>
                </c:pt>
                <c:pt idx="117">
                  <c:v>45409</c:v>
                </c:pt>
                <c:pt idx="118">
                  <c:v>45410</c:v>
                </c:pt>
                <c:pt idx="119">
                  <c:v>45411</c:v>
                </c:pt>
                <c:pt idx="120">
                  <c:v>45412</c:v>
                </c:pt>
                <c:pt idx="121">
                  <c:v>45413</c:v>
                </c:pt>
                <c:pt idx="122">
                  <c:v>45414</c:v>
                </c:pt>
                <c:pt idx="123">
                  <c:v>45415</c:v>
                </c:pt>
                <c:pt idx="124">
                  <c:v>45416</c:v>
                </c:pt>
                <c:pt idx="125">
                  <c:v>45417</c:v>
                </c:pt>
                <c:pt idx="126">
                  <c:v>45418</c:v>
                </c:pt>
                <c:pt idx="127">
                  <c:v>45419</c:v>
                </c:pt>
                <c:pt idx="128">
                  <c:v>45420</c:v>
                </c:pt>
                <c:pt idx="129">
                  <c:v>45421</c:v>
                </c:pt>
                <c:pt idx="130">
                  <c:v>45422</c:v>
                </c:pt>
                <c:pt idx="131">
                  <c:v>45423</c:v>
                </c:pt>
                <c:pt idx="132">
                  <c:v>45424</c:v>
                </c:pt>
                <c:pt idx="133">
                  <c:v>45425</c:v>
                </c:pt>
                <c:pt idx="134">
                  <c:v>45426</c:v>
                </c:pt>
                <c:pt idx="135">
                  <c:v>45427</c:v>
                </c:pt>
                <c:pt idx="136">
                  <c:v>45428</c:v>
                </c:pt>
                <c:pt idx="137">
                  <c:v>45429</c:v>
                </c:pt>
                <c:pt idx="138">
                  <c:v>45430</c:v>
                </c:pt>
                <c:pt idx="139">
                  <c:v>45431</c:v>
                </c:pt>
                <c:pt idx="140">
                  <c:v>45432</c:v>
                </c:pt>
                <c:pt idx="141">
                  <c:v>45433</c:v>
                </c:pt>
                <c:pt idx="142">
                  <c:v>45434</c:v>
                </c:pt>
                <c:pt idx="143">
                  <c:v>45435</c:v>
                </c:pt>
                <c:pt idx="144">
                  <c:v>45436</c:v>
                </c:pt>
                <c:pt idx="145">
                  <c:v>45437</c:v>
                </c:pt>
                <c:pt idx="146">
                  <c:v>45438</c:v>
                </c:pt>
                <c:pt idx="147">
                  <c:v>45439</c:v>
                </c:pt>
                <c:pt idx="148">
                  <c:v>45440</c:v>
                </c:pt>
                <c:pt idx="149">
                  <c:v>45441</c:v>
                </c:pt>
                <c:pt idx="150">
                  <c:v>45442</c:v>
                </c:pt>
                <c:pt idx="151">
                  <c:v>45443</c:v>
                </c:pt>
                <c:pt idx="152">
                  <c:v>45444</c:v>
                </c:pt>
                <c:pt idx="153">
                  <c:v>45445</c:v>
                </c:pt>
                <c:pt idx="154">
                  <c:v>45446</c:v>
                </c:pt>
                <c:pt idx="155">
                  <c:v>45447</c:v>
                </c:pt>
                <c:pt idx="156">
                  <c:v>45448</c:v>
                </c:pt>
                <c:pt idx="157">
                  <c:v>45449</c:v>
                </c:pt>
                <c:pt idx="158">
                  <c:v>45450</c:v>
                </c:pt>
                <c:pt idx="159">
                  <c:v>45451</c:v>
                </c:pt>
                <c:pt idx="160">
                  <c:v>45452</c:v>
                </c:pt>
                <c:pt idx="161">
                  <c:v>45453</c:v>
                </c:pt>
                <c:pt idx="162">
                  <c:v>45454</c:v>
                </c:pt>
                <c:pt idx="163">
                  <c:v>45455</c:v>
                </c:pt>
                <c:pt idx="164">
                  <c:v>45456</c:v>
                </c:pt>
                <c:pt idx="165">
                  <c:v>45457</c:v>
                </c:pt>
                <c:pt idx="166">
                  <c:v>45458</c:v>
                </c:pt>
                <c:pt idx="167">
                  <c:v>45459</c:v>
                </c:pt>
                <c:pt idx="168">
                  <c:v>45460</c:v>
                </c:pt>
                <c:pt idx="169">
                  <c:v>45461</c:v>
                </c:pt>
                <c:pt idx="170">
                  <c:v>45462</c:v>
                </c:pt>
                <c:pt idx="171">
                  <c:v>45463</c:v>
                </c:pt>
                <c:pt idx="172">
                  <c:v>45464</c:v>
                </c:pt>
                <c:pt idx="173">
                  <c:v>45465</c:v>
                </c:pt>
                <c:pt idx="174">
                  <c:v>45466</c:v>
                </c:pt>
                <c:pt idx="175">
                  <c:v>45467</c:v>
                </c:pt>
                <c:pt idx="176">
                  <c:v>45468</c:v>
                </c:pt>
                <c:pt idx="177">
                  <c:v>45469</c:v>
                </c:pt>
                <c:pt idx="178">
                  <c:v>45470</c:v>
                </c:pt>
                <c:pt idx="179">
                  <c:v>45471</c:v>
                </c:pt>
                <c:pt idx="180">
                  <c:v>45472</c:v>
                </c:pt>
                <c:pt idx="181">
                  <c:v>45473</c:v>
                </c:pt>
                <c:pt idx="182">
                  <c:v>45474</c:v>
                </c:pt>
                <c:pt idx="183">
                  <c:v>45475</c:v>
                </c:pt>
                <c:pt idx="184">
                  <c:v>45476</c:v>
                </c:pt>
                <c:pt idx="185">
                  <c:v>45477</c:v>
                </c:pt>
                <c:pt idx="186">
                  <c:v>45478</c:v>
                </c:pt>
                <c:pt idx="187">
                  <c:v>45479</c:v>
                </c:pt>
                <c:pt idx="188">
                  <c:v>45480</c:v>
                </c:pt>
                <c:pt idx="189">
                  <c:v>45481</c:v>
                </c:pt>
                <c:pt idx="190">
                  <c:v>45482</c:v>
                </c:pt>
                <c:pt idx="191">
                  <c:v>45483</c:v>
                </c:pt>
                <c:pt idx="192">
                  <c:v>45484</c:v>
                </c:pt>
                <c:pt idx="193">
                  <c:v>45485</c:v>
                </c:pt>
                <c:pt idx="194">
                  <c:v>45486</c:v>
                </c:pt>
                <c:pt idx="195">
                  <c:v>45487</c:v>
                </c:pt>
                <c:pt idx="196">
                  <c:v>45488</c:v>
                </c:pt>
                <c:pt idx="197">
                  <c:v>45489</c:v>
                </c:pt>
                <c:pt idx="198">
                  <c:v>45490</c:v>
                </c:pt>
                <c:pt idx="199">
                  <c:v>45491</c:v>
                </c:pt>
                <c:pt idx="200">
                  <c:v>45492</c:v>
                </c:pt>
                <c:pt idx="201">
                  <c:v>45493</c:v>
                </c:pt>
                <c:pt idx="202">
                  <c:v>45494</c:v>
                </c:pt>
                <c:pt idx="203">
                  <c:v>45495</c:v>
                </c:pt>
                <c:pt idx="204">
                  <c:v>45496</c:v>
                </c:pt>
                <c:pt idx="205">
                  <c:v>45497</c:v>
                </c:pt>
                <c:pt idx="206">
                  <c:v>45498</c:v>
                </c:pt>
                <c:pt idx="207">
                  <c:v>45499</c:v>
                </c:pt>
                <c:pt idx="208">
                  <c:v>45500</c:v>
                </c:pt>
                <c:pt idx="209">
                  <c:v>45501</c:v>
                </c:pt>
                <c:pt idx="210">
                  <c:v>45502</c:v>
                </c:pt>
                <c:pt idx="211">
                  <c:v>45503</c:v>
                </c:pt>
                <c:pt idx="212">
                  <c:v>45504</c:v>
                </c:pt>
                <c:pt idx="213">
                  <c:v>45505</c:v>
                </c:pt>
                <c:pt idx="214">
                  <c:v>45506</c:v>
                </c:pt>
                <c:pt idx="215">
                  <c:v>45507</c:v>
                </c:pt>
                <c:pt idx="216">
                  <c:v>45508</c:v>
                </c:pt>
                <c:pt idx="217">
                  <c:v>45509</c:v>
                </c:pt>
                <c:pt idx="218">
                  <c:v>45510</c:v>
                </c:pt>
                <c:pt idx="219">
                  <c:v>45511</c:v>
                </c:pt>
                <c:pt idx="220">
                  <c:v>45512</c:v>
                </c:pt>
                <c:pt idx="221">
                  <c:v>45513</c:v>
                </c:pt>
                <c:pt idx="222">
                  <c:v>45514</c:v>
                </c:pt>
                <c:pt idx="223">
                  <c:v>45515</c:v>
                </c:pt>
                <c:pt idx="224">
                  <c:v>45516</c:v>
                </c:pt>
                <c:pt idx="225">
                  <c:v>45517</c:v>
                </c:pt>
                <c:pt idx="226">
                  <c:v>45518</c:v>
                </c:pt>
                <c:pt idx="227">
                  <c:v>45519</c:v>
                </c:pt>
                <c:pt idx="228">
                  <c:v>45520</c:v>
                </c:pt>
                <c:pt idx="229">
                  <c:v>45521</c:v>
                </c:pt>
                <c:pt idx="230">
                  <c:v>45522</c:v>
                </c:pt>
                <c:pt idx="231">
                  <c:v>45523</c:v>
                </c:pt>
                <c:pt idx="232">
                  <c:v>45524</c:v>
                </c:pt>
                <c:pt idx="233">
                  <c:v>45525</c:v>
                </c:pt>
                <c:pt idx="234">
                  <c:v>45526</c:v>
                </c:pt>
                <c:pt idx="235">
                  <c:v>45527</c:v>
                </c:pt>
                <c:pt idx="236">
                  <c:v>45528</c:v>
                </c:pt>
                <c:pt idx="237">
                  <c:v>45529</c:v>
                </c:pt>
                <c:pt idx="238">
                  <c:v>45530</c:v>
                </c:pt>
                <c:pt idx="239">
                  <c:v>45531</c:v>
                </c:pt>
                <c:pt idx="240">
                  <c:v>45532</c:v>
                </c:pt>
                <c:pt idx="241">
                  <c:v>45533</c:v>
                </c:pt>
                <c:pt idx="242">
                  <c:v>45534</c:v>
                </c:pt>
                <c:pt idx="243">
                  <c:v>45535</c:v>
                </c:pt>
                <c:pt idx="244">
                  <c:v>45536</c:v>
                </c:pt>
                <c:pt idx="245">
                  <c:v>45537</c:v>
                </c:pt>
                <c:pt idx="246">
                  <c:v>45538</c:v>
                </c:pt>
                <c:pt idx="247">
                  <c:v>45539</c:v>
                </c:pt>
                <c:pt idx="248">
                  <c:v>45540</c:v>
                </c:pt>
                <c:pt idx="249">
                  <c:v>45541</c:v>
                </c:pt>
                <c:pt idx="250">
                  <c:v>45542</c:v>
                </c:pt>
                <c:pt idx="251">
                  <c:v>45543</c:v>
                </c:pt>
                <c:pt idx="252">
                  <c:v>45544</c:v>
                </c:pt>
                <c:pt idx="253">
                  <c:v>45545</c:v>
                </c:pt>
                <c:pt idx="254">
                  <c:v>45546</c:v>
                </c:pt>
                <c:pt idx="255">
                  <c:v>45547</c:v>
                </c:pt>
                <c:pt idx="256">
                  <c:v>45548</c:v>
                </c:pt>
                <c:pt idx="257">
                  <c:v>45549</c:v>
                </c:pt>
                <c:pt idx="258">
                  <c:v>45550</c:v>
                </c:pt>
                <c:pt idx="259">
                  <c:v>45551</c:v>
                </c:pt>
                <c:pt idx="260">
                  <c:v>45552</c:v>
                </c:pt>
                <c:pt idx="261">
                  <c:v>45553</c:v>
                </c:pt>
                <c:pt idx="262">
                  <c:v>45554</c:v>
                </c:pt>
                <c:pt idx="263">
                  <c:v>45555</c:v>
                </c:pt>
                <c:pt idx="264">
                  <c:v>45556</c:v>
                </c:pt>
                <c:pt idx="265">
                  <c:v>45557</c:v>
                </c:pt>
                <c:pt idx="266">
                  <c:v>45558</c:v>
                </c:pt>
                <c:pt idx="267">
                  <c:v>45559</c:v>
                </c:pt>
                <c:pt idx="268">
                  <c:v>45560</c:v>
                </c:pt>
                <c:pt idx="269">
                  <c:v>45561</c:v>
                </c:pt>
                <c:pt idx="270">
                  <c:v>45562</c:v>
                </c:pt>
                <c:pt idx="271">
                  <c:v>45563</c:v>
                </c:pt>
                <c:pt idx="272">
                  <c:v>45564</c:v>
                </c:pt>
                <c:pt idx="273">
                  <c:v>45565</c:v>
                </c:pt>
                <c:pt idx="274">
                  <c:v>45566</c:v>
                </c:pt>
                <c:pt idx="275">
                  <c:v>45567</c:v>
                </c:pt>
                <c:pt idx="276">
                  <c:v>45568</c:v>
                </c:pt>
                <c:pt idx="277">
                  <c:v>45569</c:v>
                </c:pt>
                <c:pt idx="278">
                  <c:v>45570</c:v>
                </c:pt>
                <c:pt idx="279">
                  <c:v>45571</c:v>
                </c:pt>
                <c:pt idx="280">
                  <c:v>45572</c:v>
                </c:pt>
                <c:pt idx="281">
                  <c:v>45573</c:v>
                </c:pt>
                <c:pt idx="282">
                  <c:v>45574</c:v>
                </c:pt>
                <c:pt idx="283">
                  <c:v>45575</c:v>
                </c:pt>
                <c:pt idx="284">
                  <c:v>45576</c:v>
                </c:pt>
                <c:pt idx="285">
                  <c:v>45577</c:v>
                </c:pt>
                <c:pt idx="286">
                  <c:v>45578</c:v>
                </c:pt>
                <c:pt idx="287">
                  <c:v>45579</c:v>
                </c:pt>
                <c:pt idx="288">
                  <c:v>45580</c:v>
                </c:pt>
                <c:pt idx="289">
                  <c:v>45581</c:v>
                </c:pt>
                <c:pt idx="290">
                  <c:v>45582</c:v>
                </c:pt>
                <c:pt idx="291">
                  <c:v>45583</c:v>
                </c:pt>
                <c:pt idx="292">
                  <c:v>45584</c:v>
                </c:pt>
                <c:pt idx="293">
                  <c:v>45585</c:v>
                </c:pt>
                <c:pt idx="294">
                  <c:v>45586</c:v>
                </c:pt>
                <c:pt idx="295">
                  <c:v>45587</c:v>
                </c:pt>
                <c:pt idx="296">
                  <c:v>45588</c:v>
                </c:pt>
                <c:pt idx="297">
                  <c:v>45589</c:v>
                </c:pt>
                <c:pt idx="298">
                  <c:v>45590</c:v>
                </c:pt>
                <c:pt idx="299">
                  <c:v>45591</c:v>
                </c:pt>
                <c:pt idx="300">
                  <c:v>45592</c:v>
                </c:pt>
                <c:pt idx="301">
                  <c:v>45593</c:v>
                </c:pt>
                <c:pt idx="302">
                  <c:v>45594</c:v>
                </c:pt>
                <c:pt idx="303">
                  <c:v>45595</c:v>
                </c:pt>
                <c:pt idx="304">
                  <c:v>45596</c:v>
                </c:pt>
                <c:pt idx="305">
                  <c:v>45597</c:v>
                </c:pt>
                <c:pt idx="306">
                  <c:v>45598</c:v>
                </c:pt>
                <c:pt idx="307">
                  <c:v>45599</c:v>
                </c:pt>
                <c:pt idx="308">
                  <c:v>45600</c:v>
                </c:pt>
                <c:pt idx="309">
                  <c:v>45601</c:v>
                </c:pt>
                <c:pt idx="310">
                  <c:v>45602</c:v>
                </c:pt>
                <c:pt idx="311">
                  <c:v>45603</c:v>
                </c:pt>
                <c:pt idx="312">
                  <c:v>45604</c:v>
                </c:pt>
                <c:pt idx="313">
                  <c:v>45605</c:v>
                </c:pt>
                <c:pt idx="314">
                  <c:v>45606</c:v>
                </c:pt>
                <c:pt idx="315">
                  <c:v>45607</c:v>
                </c:pt>
                <c:pt idx="316">
                  <c:v>45608</c:v>
                </c:pt>
                <c:pt idx="317">
                  <c:v>45609</c:v>
                </c:pt>
                <c:pt idx="318">
                  <c:v>45610</c:v>
                </c:pt>
                <c:pt idx="319">
                  <c:v>45611</c:v>
                </c:pt>
                <c:pt idx="320">
                  <c:v>45612</c:v>
                </c:pt>
                <c:pt idx="321">
                  <c:v>45613</c:v>
                </c:pt>
                <c:pt idx="322">
                  <c:v>45614</c:v>
                </c:pt>
                <c:pt idx="323">
                  <c:v>45615</c:v>
                </c:pt>
                <c:pt idx="324">
                  <c:v>45616</c:v>
                </c:pt>
                <c:pt idx="325">
                  <c:v>45617</c:v>
                </c:pt>
                <c:pt idx="326">
                  <c:v>45618</c:v>
                </c:pt>
                <c:pt idx="327">
                  <c:v>45619</c:v>
                </c:pt>
                <c:pt idx="328">
                  <c:v>45620</c:v>
                </c:pt>
                <c:pt idx="329">
                  <c:v>45621</c:v>
                </c:pt>
                <c:pt idx="330">
                  <c:v>45622</c:v>
                </c:pt>
                <c:pt idx="331">
                  <c:v>45623</c:v>
                </c:pt>
                <c:pt idx="332">
                  <c:v>45624</c:v>
                </c:pt>
                <c:pt idx="333">
                  <c:v>45625</c:v>
                </c:pt>
                <c:pt idx="334">
                  <c:v>45626</c:v>
                </c:pt>
                <c:pt idx="335">
                  <c:v>45627</c:v>
                </c:pt>
                <c:pt idx="336">
                  <c:v>45628</c:v>
                </c:pt>
                <c:pt idx="337">
                  <c:v>45629</c:v>
                </c:pt>
                <c:pt idx="338">
                  <c:v>45630</c:v>
                </c:pt>
                <c:pt idx="339">
                  <c:v>45631</c:v>
                </c:pt>
                <c:pt idx="340">
                  <c:v>45632</c:v>
                </c:pt>
                <c:pt idx="341">
                  <c:v>45633</c:v>
                </c:pt>
                <c:pt idx="342">
                  <c:v>45634</c:v>
                </c:pt>
                <c:pt idx="343">
                  <c:v>45635</c:v>
                </c:pt>
                <c:pt idx="344">
                  <c:v>45636</c:v>
                </c:pt>
                <c:pt idx="345">
                  <c:v>45637</c:v>
                </c:pt>
                <c:pt idx="346">
                  <c:v>45638</c:v>
                </c:pt>
                <c:pt idx="347">
                  <c:v>45639</c:v>
                </c:pt>
                <c:pt idx="348">
                  <c:v>45640</c:v>
                </c:pt>
                <c:pt idx="349">
                  <c:v>45641</c:v>
                </c:pt>
                <c:pt idx="350">
                  <c:v>45642</c:v>
                </c:pt>
                <c:pt idx="351">
                  <c:v>45643</c:v>
                </c:pt>
                <c:pt idx="352">
                  <c:v>45644</c:v>
                </c:pt>
                <c:pt idx="353">
                  <c:v>45645</c:v>
                </c:pt>
                <c:pt idx="354">
                  <c:v>45646</c:v>
                </c:pt>
                <c:pt idx="355">
                  <c:v>45647</c:v>
                </c:pt>
                <c:pt idx="356">
                  <c:v>45648</c:v>
                </c:pt>
                <c:pt idx="357">
                  <c:v>45649</c:v>
                </c:pt>
                <c:pt idx="358">
                  <c:v>45650</c:v>
                </c:pt>
                <c:pt idx="359">
                  <c:v>45651</c:v>
                </c:pt>
                <c:pt idx="360">
                  <c:v>45652</c:v>
                </c:pt>
                <c:pt idx="361">
                  <c:v>45653</c:v>
                </c:pt>
                <c:pt idx="362">
                  <c:v>45654</c:v>
                </c:pt>
                <c:pt idx="363">
                  <c:v>45655</c:v>
                </c:pt>
                <c:pt idx="364">
                  <c:v>45656</c:v>
                </c:pt>
              </c:numCache>
            </c:numRef>
          </c:cat>
          <c:val>
            <c:numRef>
              <c:f>Jesper!$AN$2:$AN$366</c:f>
              <c:numCache>
                <c:formatCode>General</c:formatCode>
                <c:ptCount val="365"/>
                <c:pt idx="0">
                  <c:v>29.269771122157699</c:v>
                </c:pt>
                <c:pt idx="1">
                  <c:v>29.877242033482688</c:v>
                </c:pt>
                <c:pt idx="2">
                  <c:v>29.593755608197689</c:v>
                </c:pt>
                <c:pt idx="3">
                  <c:v>29.553257547442698</c:v>
                </c:pt>
                <c:pt idx="4">
                  <c:v>29.391265304422703</c:v>
                </c:pt>
                <c:pt idx="5">
                  <c:v>19.012784190330365</c:v>
                </c:pt>
                <c:pt idx="6">
                  <c:v>17.89239985214212</c:v>
                </c:pt>
                <c:pt idx="7">
                  <c:v>26.57826484047072</c:v>
                </c:pt>
                <c:pt idx="8">
                  <c:v>26.671304485824937</c:v>
                </c:pt>
                <c:pt idx="9">
                  <c:v>27.173718570737691</c:v>
                </c:pt>
                <c:pt idx="10">
                  <c:v>26.838775847462514</c:v>
                </c:pt>
                <c:pt idx="11">
                  <c:v>26.969031350958417</c:v>
                </c:pt>
                <c:pt idx="12">
                  <c:v>17.951367448888874</c:v>
                </c:pt>
                <c:pt idx="13">
                  <c:v>18.18723783587587</c:v>
                </c:pt>
                <c:pt idx="14">
                  <c:v>28.378813785547717</c:v>
                </c:pt>
                <c:pt idx="15">
                  <c:v>28.540806028567712</c:v>
                </c:pt>
                <c:pt idx="16">
                  <c:v>27.811840934977724</c:v>
                </c:pt>
                <c:pt idx="17">
                  <c:v>28.297817664037723</c:v>
                </c:pt>
                <c:pt idx="18">
                  <c:v>28.500307967812713</c:v>
                </c:pt>
                <c:pt idx="19">
                  <c:v>17.538594271661623</c:v>
                </c:pt>
                <c:pt idx="20">
                  <c:v>17.715497061901871</c:v>
                </c:pt>
                <c:pt idx="21">
                  <c:v>28.135825421017724</c:v>
                </c:pt>
                <c:pt idx="22">
                  <c:v>27.248150287021062</c:v>
                </c:pt>
                <c:pt idx="23">
                  <c:v>26.838775847462514</c:v>
                </c:pt>
                <c:pt idx="24">
                  <c:v>26.57826484047072</c:v>
                </c:pt>
                <c:pt idx="25">
                  <c:v>27.649848691957732</c:v>
                </c:pt>
                <c:pt idx="26">
                  <c:v>16.889950707447376</c:v>
                </c:pt>
                <c:pt idx="27">
                  <c:v>16.65408032046038</c:v>
                </c:pt>
                <c:pt idx="28">
                  <c:v>27.229542357950223</c:v>
                </c:pt>
                <c:pt idx="29">
                  <c:v>27.366362266672738</c:v>
                </c:pt>
                <c:pt idx="30">
                  <c:v>28.783794393097708</c:v>
                </c:pt>
                <c:pt idx="31">
                  <c:v>30.160728458767682</c:v>
                </c:pt>
                <c:pt idx="32">
                  <c:v>28.905288575362704</c:v>
                </c:pt>
                <c:pt idx="33">
                  <c:v>19.602460157797864</c:v>
                </c:pt>
                <c:pt idx="34">
                  <c:v>19.720395351291362</c:v>
                </c:pt>
                <c:pt idx="35">
                  <c:v>27.447358388182735</c:v>
                </c:pt>
                <c:pt idx="36">
                  <c:v>27.117894783525159</c:v>
                </c:pt>
                <c:pt idx="37">
                  <c:v>27.136502712596009</c:v>
                </c:pt>
                <c:pt idx="38">
                  <c:v>26.689912414895776</c:v>
                </c:pt>
                <c:pt idx="39">
                  <c:v>27.811840934977724</c:v>
                </c:pt>
                <c:pt idx="40">
                  <c:v>18.423108222862869</c:v>
                </c:pt>
                <c:pt idx="41">
                  <c:v>18.069302642382368</c:v>
                </c:pt>
                <c:pt idx="42">
                  <c:v>26.596872769541562</c:v>
                </c:pt>
                <c:pt idx="43">
                  <c:v>26.317753833478918</c:v>
                </c:pt>
                <c:pt idx="44">
                  <c:v>27.266758216091905</c:v>
                </c:pt>
                <c:pt idx="45">
                  <c:v>28.176323481772716</c:v>
                </c:pt>
                <c:pt idx="46">
                  <c:v>26.98763928002926</c:v>
                </c:pt>
                <c:pt idx="47">
                  <c:v>16.359242336726627</c:v>
                </c:pt>
                <c:pt idx="48">
                  <c:v>17.243756287927877</c:v>
                </c:pt>
                <c:pt idx="49">
                  <c:v>28.459809907057714</c:v>
                </c:pt>
                <c:pt idx="50">
                  <c:v>28.095327360262718</c:v>
                </c:pt>
                <c:pt idx="51">
                  <c:v>28.945786636117703</c:v>
                </c:pt>
                <c:pt idx="52">
                  <c:v>28.540806028567712</c:v>
                </c:pt>
                <c:pt idx="53">
                  <c:v>28.135825421017724</c:v>
                </c:pt>
                <c:pt idx="54">
                  <c:v>17.656529465155121</c:v>
                </c:pt>
                <c:pt idx="55">
                  <c:v>17.59756186840837</c:v>
                </c:pt>
                <c:pt idx="56">
                  <c:v>27.155110641666848</c:v>
                </c:pt>
                <c:pt idx="57">
                  <c:v>26.875991705604207</c:v>
                </c:pt>
                <c:pt idx="58">
                  <c:v>26.820167918391675</c:v>
                </c:pt>
                <c:pt idx="59">
                  <c:v>26.838775847462514</c:v>
                </c:pt>
                <c:pt idx="60">
                  <c:v>26.950423421887578</c:v>
                </c:pt>
                <c:pt idx="61">
                  <c:v>17.007885900940874</c:v>
                </c:pt>
                <c:pt idx="62">
                  <c:v>18.717946206596618</c:v>
                </c:pt>
                <c:pt idx="63">
                  <c:v>28.58130408932271</c:v>
                </c:pt>
                <c:pt idx="64">
                  <c:v>29.836743972727692</c:v>
                </c:pt>
                <c:pt idx="65">
                  <c:v>30.403716823297682</c:v>
                </c:pt>
                <c:pt idx="66">
                  <c:v>31.132681916887663</c:v>
                </c:pt>
                <c:pt idx="67">
                  <c:v>31.618658645947662</c:v>
                </c:pt>
                <c:pt idx="68">
                  <c:v>20.604909302492612</c:v>
                </c:pt>
                <c:pt idx="69">
                  <c:v>19.897298141531614</c:v>
                </c:pt>
                <c:pt idx="70">
                  <c:v>29.431763365177694</c:v>
                </c:pt>
                <c:pt idx="71">
                  <c:v>28.621802150077709</c:v>
                </c:pt>
                <c:pt idx="72">
                  <c:v>28.459809907057714</c:v>
                </c:pt>
                <c:pt idx="73">
                  <c:v>28.095327360262718</c:v>
                </c:pt>
                <c:pt idx="74">
                  <c:v>28.135825421017724</c:v>
                </c:pt>
                <c:pt idx="75">
                  <c:v>15.887501562752631</c:v>
                </c:pt>
                <c:pt idx="76">
                  <c:v>16.65408032046038</c:v>
                </c:pt>
                <c:pt idx="77">
                  <c:v>27.568852570447731</c:v>
                </c:pt>
                <c:pt idx="78">
                  <c:v>27.266758216091905</c:v>
                </c:pt>
                <c:pt idx="79">
                  <c:v>27.933335117242724</c:v>
                </c:pt>
                <c:pt idx="80">
                  <c:v>28.297817664037723</c:v>
                </c:pt>
                <c:pt idx="81">
                  <c:v>27.892837056487721</c:v>
                </c:pt>
                <c:pt idx="82">
                  <c:v>17.361691481421371</c:v>
                </c:pt>
                <c:pt idx="83">
                  <c:v>18.83588140009012</c:v>
                </c:pt>
                <c:pt idx="84">
                  <c:v>29.107778879137705</c:v>
                </c:pt>
                <c:pt idx="85">
                  <c:v>29.350767243667697</c:v>
                </c:pt>
                <c:pt idx="86">
                  <c:v>29.79624591197269</c:v>
                </c:pt>
                <c:pt idx="87">
                  <c:v>29.634253668952695</c:v>
                </c:pt>
                <c:pt idx="88">
                  <c:v>29.391265304422703</c:v>
                </c:pt>
                <c:pt idx="89">
                  <c:v>18.246205432622617</c:v>
                </c:pt>
                <c:pt idx="90">
                  <c:v>17.538594271661623</c:v>
                </c:pt>
                <c:pt idx="91">
                  <c:v>27.73084481346773</c:v>
                </c:pt>
                <c:pt idx="92">
                  <c:v>27.080678925383474</c:v>
                </c:pt>
                <c:pt idx="93">
                  <c:v>26.801559989320836</c:v>
                </c:pt>
                <c:pt idx="94">
                  <c:v>26.559656911399873</c:v>
                </c:pt>
                <c:pt idx="95">
                  <c:v>26.950423421887578</c:v>
                </c:pt>
                <c:pt idx="96">
                  <c:v>15.474728385525381</c:v>
                </c:pt>
                <c:pt idx="97">
                  <c:v>14.354344047337138</c:v>
                </c:pt>
                <c:pt idx="98">
                  <c:v>26.745736202108304</c:v>
                </c:pt>
                <c:pt idx="99">
                  <c:v>26.373577620691442</c:v>
                </c:pt>
                <c:pt idx="100">
                  <c:v>26.206106259053861</c:v>
                </c:pt>
                <c:pt idx="101">
                  <c:v>26.075850755557958</c:v>
                </c:pt>
                <c:pt idx="102">
                  <c:v>26.168890400912172</c:v>
                </c:pt>
                <c:pt idx="103">
                  <c:v>13.88260327336314</c:v>
                </c:pt>
                <c:pt idx="104">
                  <c:v>13.941570870109889</c:v>
                </c:pt>
                <c:pt idx="105">
                  <c:v>26.46661726604566</c:v>
                </c:pt>
                <c:pt idx="106">
                  <c:v>26.392185549762292</c:v>
                </c:pt>
                <c:pt idx="107">
                  <c:v>26.094458684628805</c:v>
                </c:pt>
                <c:pt idx="108">
                  <c:v>26.038634897416273</c:v>
                </c:pt>
                <c:pt idx="109">
                  <c:v>26.001419039274591</c:v>
                </c:pt>
                <c:pt idx="110">
                  <c:v>12.585316144934646</c:v>
                </c:pt>
                <c:pt idx="111">
                  <c:v>14.649182031070886</c:v>
                </c:pt>
                <c:pt idx="112">
                  <c:v>27.649848691957732</c:v>
                </c:pt>
                <c:pt idx="113">
                  <c:v>27.366362266672738</c:v>
                </c:pt>
                <c:pt idx="114">
                  <c:v>27.973833177997729</c:v>
                </c:pt>
                <c:pt idx="115">
                  <c:v>27.487856448937734</c:v>
                </c:pt>
                <c:pt idx="116">
                  <c:v>27.366362266672738</c:v>
                </c:pt>
                <c:pt idx="117">
                  <c:v>14.944020014804636</c:v>
                </c:pt>
                <c:pt idx="118">
                  <c:v>16.889950707447376</c:v>
                </c:pt>
                <c:pt idx="119">
                  <c:v>27.528354509692733</c:v>
                </c:pt>
                <c:pt idx="120">
                  <c:v>27.173718570737691</c:v>
                </c:pt>
                <c:pt idx="121">
                  <c:v>26.857383776533364</c:v>
                </c:pt>
                <c:pt idx="122">
                  <c:v>27.09928685445432</c:v>
                </c:pt>
                <c:pt idx="123">
                  <c:v>26.931815492816732</c:v>
                </c:pt>
                <c:pt idx="124">
                  <c:v>14.000538466856637</c:v>
                </c:pt>
                <c:pt idx="125">
                  <c:v>12.998089322161894</c:v>
                </c:pt>
                <c:pt idx="126">
                  <c:v>26.057242826487119</c:v>
                </c:pt>
                <c:pt idx="127">
                  <c:v>25.573436670645208</c:v>
                </c:pt>
                <c:pt idx="128">
                  <c:v>25.27570980551172</c:v>
                </c:pt>
                <c:pt idx="129">
                  <c:v>25.145454302015821</c:v>
                </c:pt>
                <c:pt idx="130">
                  <c:v>25.536220812503519</c:v>
                </c:pt>
                <c:pt idx="131">
                  <c:v>11.170093823012651</c:v>
                </c:pt>
                <c:pt idx="132">
                  <c:v>10.403515065304905</c:v>
                </c:pt>
                <c:pt idx="133">
                  <c:v>24.903551224094866</c:v>
                </c:pt>
                <c:pt idx="134">
                  <c:v>25.517612883432676</c:v>
                </c:pt>
                <c:pt idx="135">
                  <c:v>26.448009336974817</c:v>
                </c:pt>
                <c:pt idx="136">
                  <c:v>26.838775847462514</c:v>
                </c:pt>
                <c:pt idx="137">
                  <c:v>25.889771464849531</c:v>
                </c:pt>
                <c:pt idx="138">
                  <c:v>10.757320645785402</c:v>
                </c:pt>
                <c:pt idx="139">
                  <c:v>9.636936307597157</c:v>
                </c:pt>
                <c:pt idx="140">
                  <c:v>25.424573238078462</c:v>
                </c:pt>
                <c:pt idx="141">
                  <c:v>25.27570980551172</c:v>
                </c:pt>
                <c:pt idx="142">
                  <c:v>26.075850755557958</c:v>
                </c:pt>
                <c:pt idx="143">
                  <c:v>26.168890400912172</c:v>
                </c:pt>
                <c:pt idx="144">
                  <c:v>26.634088627683248</c:v>
                </c:pt>
                <c:pt idx="145">
                  <c:v>14.295376450590387</c:v>
                </c:pt>
                <c:pt idx="146">
                  <c:v>12.644283741681397</c:v>
                </c:pt>
                <c:pt idx="147">
                  <c:v>26.634088627683248</c:v>
                </c:pt>
                <c:pt idx="148">
                  <c:v>26.448009336974817</c:v>
                </c:pt>
                <c:pt idx="149">
                  <c:v>25.852555606707849</c:v>
                </c:pt>
                <c:pt idx="150">
                  <c:v>26.541048982329031</c:v>
                </c:pt>
                <c:pt idx="151">
                  <c:v>26.727128273037462</c:v>
                </c:pt>
                <c:pt idx="152">
                  <c:v>13.174992112402142</c:v>
                </c:pt>
                <c:pt idx="153">
                  <c:v>13.233959709148893</c:v>
                </c:pt>
                <c:pt idx="154">
                  <c:v>25.982811110203745</c:v>
                </c:pt>
                <c:pt idx="155">
                  <c:v>26.001419039274591</c:v>
                </c:pt>
                <c:pt idx="156">
                  <c:v>26.094458684628805</c:v>
                </c:pt>
                <c:pt idx="157">
                  <c:v>26.001419039274591</c:v>
                </c:pt>
                <c:pt idx="158">
                  <c:v>25.945595252062063</c:v>
                </c:pt>
                <c:pt idx="159">
                  <c:v>8.9882927433829121</c:v>
                </c:pt>
                <c:pt idx="160">
                  <c:v>8.2501385641437359</c:v>
                </c:pt>
                <c:pt idx="161">
                  <c:v>24.773295720598966</c:v>
                </c:pt>
                <c:pt idx="162">
                  <c:v>24.754687791528116</c:v>
                </c:pt>
                <c:pt idx="163">
                  <c:v>24.568608500819689</c:v>
                </c:pt>
                <c:pt idx="164">
                  <c:v>24.419745068252947</c:v>
                </c:pt>
                <c:pt idx="165">
                  <c:v>24.438352997323793</c:v>
                </c:pt>
                <c:pt idx="166">
                  <c:v>8.2612451162448934</c:v>
                </c:pt>
                <c:pt idx="167">
                  <c:v>8.2418086500678704</c:v>
                </c:pt>
                <c:pt idx="168">
                  <c:v>23.805683408915137</c:v>
                </c:pt>
                <c:pt idx="169">
                  <c:v>23.805683408915137</c:v>
                </c:pt>
                <c:pt idx="170">
                  <c:v>23.731251692631758</c:v>
                </c:pt>
                <c:pt idx="171">
                  <c:v>23.58238826006502</c:v>
                </c:pt>
                <c:pt idx="172">
                  <c:v>24.568608500819689</c:v>
                </c:pt>
                <c:pt idx="173">
                  <c:v>10.580417855545157</c:v>
                </c:pt>
                <c:pt idx="174">
                  <c:v>8.5755195661556627</c:v>
                </c:pt>
                <c:pt idx="175">
                  <c:v>24.028978557765246</c:v>
                </c:pt>
                <c:pt idx="176">
                  <c:v>23.210229678648162</c:v>
                </c:pt>
                <c:pt idx="177">
                  <c:v>24.363921281040419</c:v>
                </c:pt>
                <c:pt idx="178">
                  <c:v>24.215057848473677</c:v>
                </c:pt>
                <c:pt idx="179">
                  <c:v>25.145454302015821</c:v>
                </c:pt>
                <c:pt idx="180">
                  <c:v>10.167644678317906</c:v>
                </c:pt>
                <c:pt idx="181">
                  <c:v>9.9317742913309086</c:v>
                </c:pt>
                <c:pt idx="182">
                  <c:v>24.494176784536322</c:v>
                </c:pt>
                <c:pt idx="183">
                  <c:v>25.033806727590758</c:v>
                </c:pt>
                <c:pt idx="184">
                  <c:v>25.40596530900762</c:v>
                </c:pt>
                <c:pt idx="185">
                  <c:v>24.810511578740648</c:v>
                </c:pt>
                <c:pt idx="186">
                  <c:v>24.698864004315588</c:v>
                </c:pt>
                <c:pt idx="187">
                  <c:v>8.2779049443966315</c:v>
                </c:pt>
                <c:pt idx="188">
                  <c:v>8.2445852880931589</c:v>
                </c:pt>
                <c:pt idx="189">
                  <c:v>24.084802344977778</c:v>
                </c:pt>
                <c:pt idx="190">
                  <c:v>23.935938912411032</c:v>
                </c:pt>
                <c:pt idx="191">
                  <c:v>24.066194415906935</c:v>
                </c:pt>
                <c:pt idx="192">
                  <c:v>24.177841990331988</c:v>
                </c:pt>
                <c:pt idx="193">
                  <c:v>24.791903649669806</c:v>
                </c:pt>
                <c:pt idx="194">
                  <c:v>9.8728066945841562</c:v>
                </c:pt>
                <c:pt idx="195">
                  <c:v>8.2556918401943147</c:v>
                </c:pt>
                <c:pt idx="196">
                  <c:v>24.401137139182104</c:v>
                </c:pt>
                <c:pt idx="197">
                  <c:v>24.847727436882334</c:v>
                </c:pt>
                <c:pt idx="198">
                  <c:v>25.089630514803289</c:v>
                </c:pt>
                <c:pt idx="199">
                  <c:v>25.27570980551172</c:v>
                </c:pt>
                <c:pt idx="200">
                  <c:v>25.052414656661607</c:v>
                </c:pt>
                <c:pt idx="201">
                  <c:v>10.226612275064655</c:v>
                </c:pt>
                <c:pt idx="202">
                  <c:v>9.9317742913309086</c:v>
                </c:pt>
                <c:pt idx="203">
                  <c:v>24.884943295024019</c:v>
                </c:pt>
                <c:pt idx="204">
                  <c:v>24.698864004315588</c:v>
                </c:pt>
                <c:pt idx="205">
                  <c:v>24.847727436882334</c:v>
                </c:pt>
                <c:pt idx="206">
                  <c:v>24.55000057174885</c:v>
                </c:pt>
                <c:pt idx="207">
                  <c:v>24.587216429890532</c:v>
                </c:pt>
                <c:pt idx="208">
                  <c:v>8.5165519694089156</c:v>
                </c:pt>
                <c:pt idx="209">
                  <c:v>8.5165519694089156</c:v>
                </c:pt>
                <c:pt idx="210">
                  <c:v>24.568608500819689</c:v>
                </c:pt>
                <c:pt idx="211">
                  <c:v>24.624432288032221</c:v>
                </c:pt>
                <c:pt idx="212">
                  <c:v>24.289489564757048</c:v>
                </c:pt>
                <c:pt idx="213">
                  <c:v>24.512784713607161</c:v>
                </c:pt>
                <c:pt idx="214">
                  <c:v>24.624432288032221</c:v>
                </c:pt>
                <c:pt idx="215">
                  <c:v>9.813839097837409</c:v>
                </c:pt>
                <c:pt idx="216">
                  <c:v>9.7548715010906601</c:v>
                </c:pt>
                <c:pt idx="217">
                  <c:v>24.996590869449076</c:v>
                </c:pt>
                <c:pt idx="218">
                  <c:v>25.424573238078462</c:v>
                </c:pt>
                <c:pt idx="219">
                  <c:v>24.829119507811491</c:v>
                </c:pt>
                <c:pt idx="220">
                  <c:v>24.64304021710306</c:v>
                </c:pt>
                <c:pt idx="221">
                  <c:v>25.015198798519918</c:v>
                </c:pt>
                <c:pt idx="222">
                  <c:v>9.636936307597157</c:v>
                </c:pt>
                <c:pt idx="223">
                  <c:v>9.1062279368764116</c:v>
                </c:pt>
                <c:pt idx="224">
                  <c:v>24.456960926394633</c:v>
                </c:pt>
                <c:pt idx="225">
                  <c:v>24.587216429890532</c:v>
                </c:pt>
                <c:pt idx="226">
                  <c:v>24.624432288032221</c:v>
                </c:pt>
                <c:pt idx="227">
                  <c:v>25.089630514803289</c:v>
                </c:pt>
                <c:pt idx="228">
                  <c:v>24.903551224094866</c:v>
                </c:pt>
                <c:pt idx="229">
                  <c:v>8.2529152021690262</c:v>
                </c:pt>
                <c:pt idx="230">
                  <c:v>8.1751693374609253</c:v>
                </c:pt>
                <c:pt idx="231">
                  <c:v>24.531392642678004</c:v>
                </c:pt>
                <c:pt idx="232">
                  <c:v>24.922159153165705</c:v>
                </c:pt>
                <c:pt idx="233">
                  <c:v>24.940767082236547</c:v>
                </c:pt>
                <c:pt idx="234">
                  <c:v>24.977982940378233</c:v>
                </c:pt>
                <c:pt idx="235">
                  <c:v>25.201278089228346</c:v>
                </c:pt>
                <c:pt idx="236">
                  <c:v>8.272351668346051</c:v>
                </c:pt>
                <c:pt idx="237">
                  <c:v>8.4575843726621631</c:v>
                </c:pt>
                <c:pt idx="238">
                  <c:v>24.847727436882334</c:v>
                </c:pt>
                <c:pt idx="239">
                  <c:v>25.07102258573245</c:v>
                </c:pt>
                <c:pt idx="240">
                  <c:v>25.052414656661607</c:v>
                </c:pt>
                <c:pt idx="241">
                  <c:v>25.126846372944975</c:v>
                </c:pt>
                <c:pt idx="242">
                  <c:v>25.387357379936773</c:v>
                </c:pt>
                <c:pt idx="243">
                  <c:v>9.8728066945841562</c:v>
                </c:pt>
                <c:pt idx="244">
                  <c:v>10.462482662051656</c:v>
                </c:pt>
                <c:pt idx="245">
                  <c:v>25.554828741574362</c:v>
                </c:pt>
                <c:pt idx="246">
                  <c:v>25.368749450865934</c:v>
                </c:pt>
                <c:pt idx="247">
                  <c:v>25.796731819495321</c:v>
                </c:pt>
                <c:pt idx="248">
                  <c:v>25.461789096220151</c:v>
                </c:pt>
                <c:pt idx="249">
                  <c:v>25.312925663653402</c:v>
                </c:pt>
                <c:pt idx="250">
                  <c:v>9.0472603401296592</c:v>
                </c:pt>
                <c:pt idx="251">
                  <c:v>8.2695750303207607</c:v>
                </c:pt>
                <c:pt idx="252">
                  <c:v>25.182670160157507</c:v>
                </c:pt>
                <c:pt idx="253">
                  <c:v>25.182670160157507</c:v>
                </c:pt>
                <c:pt idx="254">
                  <c:v>25.536220812503519</c:v>
                </c:pt>
                <c:pt idx="255">
                  <c:v>26.113066613699644</c:v>
                </c:pt>
                <c:pt idx="256">
                  <c:v>26.020026968345434</c:v>
                </c:pt>
                <c:pt idx="257">
                  <c:v>10.521450258798403</c:v>
                </c:pt>
                <c:pt idx="258">
                  <c:v>11.582867000239901</c:v>
                </c:pt>
                <c:pt idx="259">
                  <c:v>25.871163535778688</c:v>
                </c:pt>
                <c:pt idx="260">
                  <c:v>25.517612883432676</c:v>
                </c:pt>
                <c:pt idx="261">
                  <c:v>25.461789096220151</c:v>
                </c:pt>
                <c:pt idx="262">
                  <c:v>25.740908032282789</c:v>
                </c:pt>
                <c:pt idx="263">
                  <c:v>25.480397025290991</c:v>
                </c:pt>
                <c:pt idx="264">
                  <c:v>10.639385452291902</c:v>
                </c:pt>
                <c:pt idx="265">
                  <c:v>11.405964209999651</c:v>
                </c:pt>
                <c:pt idx="266">
                  <c:v>25.871163535778688</c:v>
                </c:pt>
                <c:pt idx="267">
                  <c:v>25.145454302015821</c:v>
                </c:pt>
                <c:pt idx="268">
                  <c:v>25.238493947370035</c:v>
                </c:pt>
                <c:pt idx="269">
                  <c:v>25.443181167149305</c:v>
                </c:pt>
                <c:pt idx="270">
                  <c:v>25.312925663653402</c:v>
                </c:pt>
                <c:pt idx="271">
                  <c:v>10.521450258798403</c:v>
                </c:pt>
                <c:pt idx="272">
                  <c:v>11.405964209999651</c:v>
                </c:pt>
                <c:pt idx="273">
                  <c:v>25.964203181132905</c:v>
                </c:pt>
                <c:pt idx="274">
                  <c:v>25.908379393920377</c:v>
                </c:pt>
                <c:pt idx="275">
                  <c:v>25.964203181132905</c:v>
                </c:pt>
                <c:pt idx="276">
                  <c:v>26.187498329983022</c:v>
                </c:pt>
                <c:pt idx="277">
                  <c:v>26.559656911399873</c:v>
                </c:pt>
                <c:pt idx="278">
                  <c:v>14.118473660350141</c:v>
                </c:pt>
                <c:pt idx="279">
                  <c:v>15.415760788778634</c:v>
                </c:pt>
                <c:pt idx="280">
                  <c:v>26.969031350958417</c:v>
                </c:pt>
                <c:pt idx="281">
                  <c:v>26.615480698612402</c:v>
                </c:pt>
                <c:pt idx="282">
                  <c:v>26.224714188124707</c:v>
                </c:pt>
                <c:pt idx="283">
                  <c:v>26.410793478833131</c:v>
                </c:pt>
                <c:pt idx="284">
                  <c:v>26.615480698612402</c:v>
                </c:pt>
                <c:pt idx="285">
                  <c:v>13.587765289629392</c:v>
                </c:pt>
                <c:pt idx="286">
                  <c:v>14.236408853843635</c:v>
                </c:pt>
                <c:pt idx="287">
                  <c:v>26.820167918391675</c:v>
                </c:pt>
                <c:pt idx="288">
                  <c:v>27.173718570737691</c:v>
                </c:pt>
                <c:pt idx="289">
                  <c:v>26.522441053258191</c:v>
                </c:pt>
                <c:pt idx="290">
                  <c:v>26.894599634675046</c:v>
                </c:pt>
                <c:pt idx="291">
                  <c:v>28.014331238752728</c:v>
                </c:pt>
                <c:pt idx="292">
                  <c:v>17.30272388467462</c:v>
                </c:pt>
                <c:pt idx="293">
                  <c:v>17.007885900940874</c:v>
                </c:pt>
                <c:pt idx="294">
                  <c:v>26.838775847462514</c:v>
                </c:pt>
                <c:pt idx="295">
                  <c:v>26.671304485824937</c:v>
                </c:pt>
                <c:pt idx="296">
                  <c:v>26.708520343966622</c:v>
                </c:pt>
                <c:pt idx="297">
                  <c:v>26.875991705604207</c:v>
                </c:pt>
                <c:pt idx="298">
                  <c:v>27.811840934977724</c:v>
                </c:pt>
                <c:pt idx="299">
                  <c:v>17.59756186840837</c:v>
                </c:pt>
                <c:pt idx="300">
                  <c:v>18.658978609849868</c:v>
                </c:pt>
                <c:pt idx="301">
                  <c:v>28.58130408932271</c:v>
                </c:pt>
                <c:pt idx="302">
                  <c:v>29.350767243667697</c:v>
                </c:pt>
                <c:pt idx="303">
                  <c:v>29.350767243667697</c:v>
                </c:pt>
                <c:pt idx="304">
                  <c:v>28.58130408932271</c:v>
                </c:pt>
                <c:pt idx="305">
                  <c:v>27.487856448937734</c:v>
                </c:pt>
                <c:pt idx="306">
                  <c:v>16.00543675624613</c:v>
                </c:pt>
                <c:pt idx="307">
                  <c:v>15.710598772512382</c:v>
                </c:pt>
                <c:pt idx="308">
                  <c:v>26.950423421887578</c:v>
                </c:pt>
                <c:pt idx="309">
                  <c:v>27.006247209100099</c:v>
                </c:pt>
                <c:pt idx="310">
                  <c:v>27.043463067241795</c:v>
                </c:pt>
                <c:pt idx="311">
                  <c:v>27.210934428879369</c:v>
                </c:pt>
                <c:pt idx="312">
                  <c:v>27.080678925383474</c:v>
                </c:pt>
                <c:pt idx="313">
                  <c:v>15.82853396600588</c:v>
                </c:pt>
                <c:pt idx="314">
                  <c:v>16.830983110700625</c:v>
                </c:pt>
                <c:pt idx="315">
                  <c:v>28.378813785547717</c:v>
                </c:pt>
                <c:pt idx="316">
                  <c:v>29.026782757627707</c:v>
                </c:pt>
                <c:pt idx="317">
                  <c:v>28.662300210832711</c:v>
                </c:pt>
                <c:pt idx="318">
                  <c:v>29.877242033482688</c:v>
                </c:pt>
                <c:pt idx="319">
                  <c:v>30.24172458027768</c:v>
                </c:pt>
                <c:pt idx="320">
                  <c:v>19.307622174064115</c:v>
                </c:pt>
                <c:pt idx="321">
                  <c:v>19.543492561051114</c:v>
                </c:pt>
                <c:pt idx="322">
                  <c:v>29.877242033482688</c:v>
                </c:pt>
                <c:pt idx="323">
                  <c:v>30.768199370092674</c:v>
                </c:pt>
                <c:pt idx="324">
                  <c:v>31.051685795377665</c:v>
                </c:pt>
                <c:pt idx="325">
                  <c:v>28.095327360262718</c:v>
                </c:pt>
                <c:pt idx="326">
                  <c:v>27.933335117242724</c:v>
                </c:pt>
                <c:pt idx="327">
                  <c:v>17.420659078168125</c:v>
                </c:pt>
                <c:pt idx="328">
                  <c:v>19.189686980570617</c:v>
                </c:pt>
                <c:pt idx="329">
                  <c:v>29.755747851217695</c:v>
                </c:pt>
                <c:pt idx="330">
                  <c:v>30.808697430847669</c:v>
                </c:pt>
                <c:pt idx="331">
                  <c:v>31.497164463682658</c:v>
                </c:pt>
                <c:pt idx="332">
                  <c:v>30.201226519522681</c:v>
                </c:pt>
                <c:pt idx="333">
                  <c:v>30.970689673867668</c:v>
                </c:pt>
                <c:pt idx="334">
                  <c:v>22.079099221161353</c:v>
                </c:pt>
                <c:pt idx="335">
                  <c:v>22.904645575615852</c:v>
                </c:pt>
                <c:pt idx="336">
                  <c:v>31.537662524437657</c:v>
                </c:pt>
                <c:pt idx="337">
                  <c:v>31.618658645947662</c:v>
                </c:pt>
                <c:pt idx="338">
                  <c:v>30.363218762542683</c:v>
                </c:pt>
                <c:pt idx="339">
                  <c:v>30.24172458027768</c:v>
                </c:pt>
                <c:pt idx="340">
                  <c:v>31.173179977642661</c:v>
                </c:pt>
                <c:pt idx="341">
                  <c:v>22.550839995135348</c:v>
                </c:pt>
                <c:pt idx="342">
                  <c:v>19.24865457731736</c:v>
                </c:pt>
                <c:pt idx="343">
                  <c:v>28.905288575362704</c:v>
                </c:pt>
                <c:pt idx="344">
                  <c:v>29.634253668952695</c:v>
                </c:pt>
                <c:pt idx="345">
                  <c:v>30.727701309337672</c:v>
                </c:pt>
                <c:pt idx="346">
                  <c:v>31.21367803839766</c:v>
                </c:pt>
                <c:pt idx="347">
                  <c:v>31.375670281417662</c:v>
                </c:pt>
                <c:pt idx="348">
                  <c:v>18.128270239129119</c:v>
                </c:pt>
                <c:pt idx="349">
                  <c:v>15.651631175765633</c:v>
                </c:pt>
                <c:pt idx="350">
                  <c:v>27.285366145162744</c:v>
                </c:pt>
                <c:pt idx="351">
                  <c:v>26.98763928002926</c:v>
                </c:pt>
                <c:pt idx="352">
                  <c:v>27.690346752712731</c:v>
                </c:pt>
                <c:pt idx="353">
                  <c:v>29.026782757627707</c:v>
                </c:pt>
                <c:pt idx="354">
                  <c:v>29.431763365177694</c:v>
                </c:pt>
                <c:pt idx="355">
                  <c:v>18.894848996836863</c:v>
                </c:pt>
                <c:pt idx="356">
                  <c:v>19.543492561051114</c:v>
                </c:pt>
                <c:pt idx="357">
                  <c:v>29.998736215747687</c:v>
                </c:pt>
                <c:pt idx="358">
                  <c:v>28.986284696872708</c:v>
                </c:pt>
                <c:pt idx="359">
                  <c:v>28.297817664037723</c:v>
                </c:pt>
                <c:pt idx="360">
                  <c:v>28.540806028567712</c:v>
                </c:pt>
                <c:pt idx="361">
                  <c:v>29.674751729707697</c:v>
                </c:pt>
                <c:pt idx="362">
                  <c:v>19.366589770810865</c:v>
                </c:pt>
                <c:pt idx="363">
                  <c:v>18.953816593583618</c:v>
                </c:pt>
                <c:pt idx="364">
                  <c:v>29.715249790462693</c:v>
                </c:pt>
              </c:numCache>
            </c:numRef>
          </c:val>
          <c:extLst>
            <c:ext xmlns:c16="http://schemas.microsoft.com/office/drawing/2014/chart" uri="{C3380CC4-5D6E-409C-BE32-E72D297353CC}">
              <c16:uniqueId val="{00000001-84B1-4936-A715-6FFFC4092DE5}"/>
            </c:ext>
          </c:extLst>
        </c:ser>
        <c:ser>
          <c:idx val="0"/>
          <c:order val="5"/>
          <c:tx>
            <c:strRef>
              <c:f>Jesper!$AM$1</c:f>
              <c:strCache>
                <c:ptCount val="1"/>
                <c:pt idx="0">
                  <c:v>T1</c:v>
                </c:pt>
              </c:strCache>
            </c:strRef>
          </c:tx>
          <c:spPr>
            <a:solidFill>
              <a:schemeClr val="accent5">
                <a:lumMod val="20000"/>
                <a:lumOff val="80000"/>
              </a:schemeClr>
            </a:solidFill>
            <a:ln>
              <a:noFill/>
            </a:ln>
            <a:effectLst/>
          </c:spPr>
          <c:cat>
            <c:numRef>
              <c:f>Jesper!$P$2:$P$366</c:f>
              <c:numCache>
                <c:formatCode>m/d/yyyy</c:formatCode>
                <c:ptCount val="365"/>
                <c:pt idx="0">
                  <c:v>45292</c:v>
                </c:pt>
                <c:pt idx="1">
                  <c:v>45293</c:v>
                </c:pt>
                <c:pt idx="2">
                  <c:v>45294</c:v>
                </c:pt>
                <c:pt idx="3">
                  <c:v>45295</c:v>
                </c:pt>
                <c:pt idx="4">
                  <c:v>45296</c:v>
                </c:pt>
                <c:pt idx="5">
                  <c:v>45297</c:v>
                </c:pt>
                <c:pt idx="6">
                  <c:v>45298</c:v>
                </c:pt>
                <c:pt idx="7">
                  <c:v>45299</c:v>
                </c:pt>
                <c:pt idx="8">
                  <c:v>45300</c:v>
                </c:pt>
                <c:pt idx="9">
                  <c:v>45301</c:v>
                </c:pt>
                <c:pt idx="10">
                  <c:v>45302</c:v>
                </c:pt>
                <c:pt idx="11">
                  <c:v>45303</c:v>
                </c:pt>
                <c:pt idx="12">
                  <c:v>45304</c:v>
                </c:pt>
                <c:pt idx="13">
                  <c:v>45305</c:v>
                </c:pt>
                <c:pt idx="14">
                  <c:v>45306</c:v>
                </c:pt>
                <c:pt idx="15">
                  <c:v>45307</c:v>
                </c:pt>
                <c:pt idx="16">
                  <c:v>45308</c:v>
                </c:pt>
                <c:pt idx="17">
                  <c:v>45309</c:v>
                </c:pt>
                <c:pt idx="18">
                  <c:v>45310</c:v>
                </c:pt>
                <c:pt idx="19">
                  <c:v>45311</c:v>
                </c:pt>
                <c:pt idx="20">
                  <c:v>45312</c:v>
                </c:pt>
                <c:pt idx="21">
                  <c:v>45313</c:v>
                </c:pt>
                <c:pt idx="22">
                  <c:v>45314</c:v>
                </c:pt>
                <c:pt idx="23">
                  <c:v>45315</c:v>
                </c:pt>
                <c:pt idx="24">
                  <c:v>45316</c:v>
                </c:pt>
                <c:pt idx="25">
                  <c:v>45317</c:v>
                </c:pt>
                <c:pt idx="26">
                  <c:v>45318</c:v>
                </c:pt>
                <c:pt idx="27">
                  <c:v>45319</c:v>
                </c:pt>
                <c:pt idx="28">
                  <c:v>45320</c:v>
                </c:pt>
                <c:pt idx="29">
                  <c:v>45321</c:v>
                </c:pt>
                <c:pt idx="30">
                  <c:v>45322</c:v>
                </c:pt>
                <c:pt idx="31">
                  <c:v>45323</c:v>
                </c:pt>
                <c:pt idx="32">
                  <c:v>45324</c:v>
                </c:pt>
                <c:pt idx="33">
                  <c:v>45325</c:v>
                </c:pt>
                <c:pt idx="34">
                  <c:v>45326</c:v>
                </c:pt>
                <c:pt idx="35">
                  <c:v>45327</c:v>
                </c:pt>
                <c:pt idx="36">
                  <c:v>45328</c:v>
                </c:pt>
                <c:pt idx="37">
                  <c:v>45329</c:v>
                </c:pt>
                <c:pt idx="38">
                  <c:v>45330</c:v>
                </c:pt>
                <c:pt idx="39">
                  <c:v>45331</c:v>
                </c:pt>
                <c:pt idx="40">
                  <c:v>45332</c:v>
                </c:pt>
                <c:pt idx="41">
                  <c:v>45333</c:v>
                </c:pt>
                <c:pt idx="42">
                  <c:v>45334</c:v>
                </c:pt>
                <c:pt idx="43">
                  <c:v>45335</c:v>
                </c:pt>
                <c:pt idx="44">
                  <c:v>45336</c:v>
                </c:pt>
                <c:pt idx="45">
                  <c:v>45337</c:v>
                </c:pt>
                <c:pt idx="46">
                  <c:v>45338</c:v>
                </c:pt>
                <c:pt idx="47">
                  <c:v>45339</c:v>
                </c:pt>
                <c:pt idx="48">
                  <c:v>45340</c:v>
                </c:pt>
                <c:pt idx="49">
                  <c:v>45341</c:v>
                </c:pt>
                <c:pt idx="50">
                  <c:v>45342</c:v>
                </c:pt>
                <c:pt idx="51">
                  <c:v>45343</c:v>
                </c:pt>
                <c:pt idx="52">
                  <c:v>45344</c:v>
                </c:pt>
                <c:pt idx="53">
                  <c:v>45345</c:v>
                </c:pt>
                <c:pt idx="54">
                  <c:v>45346</c:v>
                </c:pt>
                <c:pt idx="55">
                  <c:v>45347</c:v>
                </c:pt>
                <c:pt idx="56">
                  <c:v>45348</c:v>
                </c:pt>
                <c:pt idx="57">
                  <c:v>45349</c:v>
                </c:pt>
                <c:pt idx="58">
                  <c:v>45350</c:v>
                </c:pt>
                <c:pt idx="59">
                  <c:v>45351</c:v>
                </c:pt>
                <c:pt idx="60">
                  <c:v>45352</c:v>
                </c:pt>
                <c:pt idx="61">
                  <c:v>45353</c:v>
                </c:pt>
                <c:pt idx="62">
                  <c:v>45354</c:v>
                </c:pt>
                <c:pt idx="63">
                  <c:v>45355</c:v>
                </c:pt>
                <c:pt idx="64">
                  <c:v>45356</c:v>
                </c:pt>
                <c:pt idx="65">
                  <c:v>45357</c:v>
                </c:pt>
                <c:pt idx="66">
                  <c:v>45358</c:v>
                </c:pt>
                <c:pt idx="67">
                  <c:v>45359</c:v>
                </c:pt>
                <c:pt idx="68">
                  <c:v>45360</c:v>
                </c:pt>
                <c:pt idx="69">
                  <c:v>45361</c:v>
                </c:pt>
                <c:pt idx="70">
                  <c:v>45362</c:v>
                </c:pt>
                <c:pt idx="71">
                  <c:v>45363</c:v>
                </c:pt>
                <c:pt idx="72">
                  <c:v>45364</c:v>
                </c:pt>
                <c:pt idx="73">
                  <c:v>45365</c:v>
                </c:pt>
                <c:pt idx="74">
                  <c:v>45366</c:v>
                </c:pt>
                <c:pt idx="75">
                  <c:v>45367</c:v>
                </c:pt>
                <c:pt idx="76">
                  <c:v>45368</c:v>
                </c:pt>
                <c:pt idx="77">
                  <c:v>45369</c:v>
                </c:pt>
                <c:pt idx="78">
                  <c:v>45370</c:v>
                </c:pt>
                <c:pt idx="79">
                  <c:v>45371</c:v>
                </c:pt>
                <c:pt idx="80">
                  <c:v>45372</c:v>
                </c:pt>
                <c:pt idx="81">
                  <c:v>45373</c:v>
                </c:pt>
                <c:pt idx="82">
                  <c:v>45374</c:v>
                </c:pt>
                <c:pt idx="83">
                  <c:v>45375</c:v>
                </c:pt>
                <c:pt idx="84">
                  <c:v>45376</c:v>
                </c:pt>
                <c:pt idx="85">
                  <c:v>45377</c:v>
                </c:pt>
                <c:pt idx="86">
                  <c:v>45378</c:v>
                </c:pt>
                <c:pt idx="87">
                  <c:v>45379</c:v>
                </c:pt>
                <c:pt idx="88">
                  <c:v>45380</c:v>
                </c:pt>
                <c:pt idx="89">
                  <c:v>45381</c:v>
                </c:pt>
                <c:pt idx="90">
                  <c:v>45382</c:v>
                </c:pt>
                <c:pt idx="91">
                  <c:v>45383</c:v>
                </c:pt>
                <c:pt idx="92">
                  <c:v>45384</c:v>
                </c:pt>
                <c:pt idx="93">
                  <c:v>45385</c:v>
                </c:pt>
                <c:pt idx="94">
                  <c:v>45386</c:v>
                </c:pt>
                <c:pt idx="95">
                  <c:v>45387</c:v>
                </c:pt>
                <c:pt idx="96">
                  <c:v>45388</c:v>
                </c:pt>
                <c:pt idx="97">
                  <c:v>45389</c:v>
                </c:pt>
                <c:pt idx="98">
                  <c:v>45390</c:v>
                </c:pt>
                <c:pt idx="99">
                  <c:v>45391</c:v>
                </c:pt>
                <c:pt idx="100">
                  <c:v>45392</c:v>
                </c:pt>
                <c:pt idx="101">
                  <c:v>45393</c:v>
                </c:pt>
                <c:pt idx="102">
                  <c:v>45394</c:v>
                </c:pt>
                <c:pt idx="103">
                  <c:v>45395</c:v>
                </c:pt>
                <c:pt idx="104">
                  <c:v>45396</c:v>
                </c:pt>
                <c:pt idx="105">
                  <c:v>45397</c:v>
                </c:pt>
                <c:pt idx="106">
                  <c:v>45398</c:v>
                </c:pt>
                <c:pt idx="107">
                  <c:v>45399</c:v>
                </c:pt>
                <c:pt idx="108">
                  <c:v>45400</c:v>
                </c:pt>
                <c:pt idx="109">
                  <c:v>45401</c:v>
                </c:pt>
                <c:pt idx="110">
                  <c:v>45402</c:v>
                </c:pt>
                <c:pt idx="111">
                  <c:v>45403</c:v>
                </c:pt>
                <c:pt idx="112">
                  <c:v>45404</c:v>
                </c:pt>
                <c:pt idx="113">
                  <c:v>45405</c:v>
                </c:pt>
                <c:pt idx="114">
                  <c:v>45406</c:v>
                </c:pt>
                <c:pt idx="115">
                  <c:v>45407</c:v>
                </c:pt>
                <c:pt idx="116">
                  <c:v>45408</c:v>
                </c:pt>
                <c:pt idx="117">
                  <c:v>45409</c:v>
                </c:pt>
                <c:pt idx="118">
                  <c:v>45410</c:v>
                </c:pt>
                <c:pt idx="119">
                  <c:v>45411</c:v>
                </c:pt>
                <c:pt idx="120">
                  <c:v>45412</c:v>
                </c:pt>
                <c:pt idx="121">
                  <c:v>45413</c:v>
                </c:pt>
                <c:pt idx="122">
                  <c:v>45414</c:v>
                </c:pt>
                <c:pt idx="123">
                  <c:v>45415</c:v>
                </c:pt>
                <c:pt idx="124">
                  <c:v>45416</c:v>
                </c:pt>
                <c:pt idx="125">
                  <c:v>45417</c:v>
                </c:pt>
                <c:pt idx="126">
                  <c:v>45418</c:v>
                </c:pt>
                <c:pt idx="127">
                  <c:v>45419</c:v>
                </c:pt>
                <c:pt idx="128">
                  <c:v>45420</c:v>
                </c:pt>
                <c:pt idx="129">
                  <c:v>45421</c:v>
                </c:pt>
                <c:pt idx="130">
                  <c:v>45422</c:v>
                </c:pt>
                <c:pt idx="131">
                  <c:v>45423</c:v>
                </c:pt>
                <c:pt idx="132">
                  <c:v>45424</c:v>
                </c:pt>
                <c:pt idx="133">
                  <c:v>45425</c:v>
                </c:pt>
                <c:pt idx="134">
                  <c:v>45426</c:v>
                </c:pt>
                <c:pt idx="135">
                  <c:v>45427</c:v>
                </c:pt>
                <c:pt idx="136">
                  <c:v>45428</c:v>
                </c:pt>
                <c:pt idx="137">
                  <c:v>45429</c:v>
                </c:pt>
                <c:pt idx="138">
                  <c:v>45430</c:v>
                </c:pt>
                <c:pt idx="139">
                  <c:v>45431</c:v>
                </c:pt>
                <c:pt idx="140">
                  <c:v>45432</c:v>
                </c:pt>
                <c:pt idx="141">
                  <c:v>45433</c:v>
                </c:pt>
                <c:pt idx="142">
                  <c:v>45434</c:v>
                </c:pt>
                <c:pt idx="143">
                  <c:v>45435</c:v>
                </c:pt>
                <c:pt idx="144">
                  <c:v>45436</c:v>
                </c:pt>
                <c:pt idx="145">
                  <c:v>45437</c:v>
                </c:pt>
                <c:pt idx="146">
                  <c:v>45438</c:v>
                </c:pt>
                <c:pt idx="147">
                  <c:v>45439</c:v>
                </c:pt>
                <c:pt idx="148">
                  <c:v>45440</c:v>
                </c:pt>
                <c:pt idx="149">
                  <c:v>45441</c:v>
                </c:pt>
                <c:pt idx="150">
                  <c:v>45442</c:v>
                </c:pt>
                <c:pt idx="151">
                  <c:v>45443</c:v>
                </c:pt>
                <c:pt idx="152">
                  <c:v>45444</c:v>
                </c:pt>
                <c:pt idx="153">
                  <c:v>45445</c:v>
                </c:pt>
                <c:pt idx="154">
                  <c:v>45446</c:v>
                </c:pt>
                <c:pt idx="155">
                  <c:v>45447</c:v>
                </c:pt>
                <c:pt idx="156">
                  <c:v>45448</c:v>
                </c:pt>
                <c:pt idx="157">
                  <c:v>45449</c:v>
                </c:pt>
                <c:pt idx="158">
                  <c:v>45450</c:v>
                </c:pt>
                <c:pt idx="159">
                  <c:v>45451</c:v>
                </c:pt>
                <c:pt idx="160">
                  <c:v>45452</c:v>
                </c:pt>
                <c:pt idx="161">
                  <c:v>45453</c:v>
                </c:pt>
                <c:pt idx="162">
                  <c:v>45454</c:v>
                </c:pt>
                <c:pt idx="163">
                  <c:v>45455</c:v>
                </c:pt>
                <c:pt idx="164">
                  <c:v>45456</c:v>
                </c:pt>
                <c:pt idx="165">
                  <c:v>45457</c:v>
                </c:pt>
                <c:pt idx="166">
                  <c:v>45458</c:v>
                </c:pt>
                <c:pt idx="167">
                  <c:v>45459</c:v>
                </c:pt>
                <c:pt idx="168">
                  <c:v>45460</c:v>
                </c:pt>
                <c:pt idx="169">
                  <c:v>45461</c:v>
                </c:pt>
                <c:pt idx="170">
                  <c:v>45462</c:v>
                </c:pt>
                <c:pt idx="171">
                  <c:v>45463</c:v>
                </c:pt>
                <c:pt idx="172">
                  <c:v>45464</c:v>
                </c:pt>
                <c:pt idx="173">
                  <c:v>45465</c:v>
                </c:pt>
                <c:pt idx="174">
                  <c:v>45466</c:v>
                </c:pt>
                <c:pt idx="175">
                  <c:v>45467</c:v>
                </c:pt>
                <c:pt idx="176">
                  <c:v>45468</c:v>
                </c:pt>
                <c:pt idx="177">
                  <c:v>45469</c:v>
                </c:pt>
                <c:pt idx="178">
                  <c:v>45470</c:v>
                </c:pt>
                <c:pt idx="179">
                  <c:v>45471</c:v>
                </c:pt>
                <c:pt idx="180">
                  <c:v>45472</c:v>
                </c:pt>
                <c:pt idx="181">
                  <c:v>45473</c:v>
                </c:pt>
                <c:pt idx="182">
                  <c:v>45474</c:v>
                </c:pt>
                <c:pt idx="183">
                  <c:v>45475</c:v>
                </c:pt>
                <c:pt idx="184">
                  <c:v>45476</c:v>
                </c:pt>
                <c:pt idx="185">
                  <c:v>45477</c:v>
                </c:pt>
                <c:pt idx="186">
                  <c:v>45478</c:v>
                </c:pt>
                <c:pt idx="187">
                  <c:v>45479</c:v>
                </c:pt>
                <c:pt idx="188">
                  <c:v>45480</c:v>
                </c:pt>
                <c:pt idx="189">
                  <c:v>45481</c:v>
                </c:pt>
                <c:pt idx="190">
                  <c:v>45482</c:v>
                </c:pt>
                <c:pt idx="191">
                  <c:v>45483</c:v>
                </c:pt>
                <c:pt idx="192">
                  <c:v>45484</c:v>
                </c:pt>
                <c:pt idx="193">
                  <c:v>45485</c:v>
                </c:pt>
                <c:pt idx="194">
                  <c:v>45486</c:v>
                </c:pt>
                <c:pt idx="195">
                  <c:v>45487</c:v>
                </c:pt>
                <c:pt idx="196">
                  <c:v>45488</c:v>
                </c:pt>
                <c:pt idx="197">
                  <c:v>45489</c:v>
                </c:pt>
                <c:pt idx="198">
                  <c:v>45490</c:v>
                </c:pt>
                <c:pt idx="199">
                  <c:v>45491</c:v>
                </c:pt>
                <c:pt idx="200">
                  <c:v>45492</c:v>
                </c:pt>
                <c:pt idx="201">
                  <c:v>45493</c:v>
                </c:pt>
                <c:pt idx="202">
                  <c:v>45494</c:v>
                </c:pt>
                <c:pt idx="203">
                  <c:v>45495</c:v>
                </c:pt>
                <c:pt idx="204">
                  <c:v>45496</c:v>
                </c:pt>
                <c:pt idx="205">
                  <c:v>45497</c:v>
                </c:pt>
                <c:pt idx="206">
                  <c:v>45498</c:v>
                </c:pt>
                <c:pt idx="207">
                  <c:v>45499</c:v>
                </c:pt>
                <c:pt idx="208">
                  <c:v>45500</c:v>
                </c:pt>
                <c:pt idx="209">
                  <c:v>45501</c:v>
                </c:pt>
                <c:pt idx="210">
                  <c:v>45502</c:v>
                </c:pt>
                <c:pt idx="211">
                  <c:v>45503</c:v>
                </c:pt>
                <c:pt idx="212">
                  <c:v>45504</c:v>
                </c:pt>
                <c:pt idx="213">
                  <c:v>45505</c:v>
                </c:pt>
                <c:pt idx="214">
                  <c:v>45506</c:v>
                </c:pt>
                <c:pt idx="215">
                  <c:v>45507</c:v>
                </c:pt>
                <c:pt idx="216">
                  <c:v>45508</c:v>
                </c:pt>
                <c:pt idx="217">
                  <c:v>45509</c:v>
                </c:pt>
                <c:pt idx="218">
                  <c:v>45510</c:v>
                </c:pt>
                <c:pt idx="219">
                  <c:v>45511</c:v>
                </c:pt>
                <c:pt idx="220">
                  <c:v>45512</c:v>
                </c:pt>
                <c:pt idx="221">
                  <c:v>45513</c:v>
                </c:pt>
                <c:pt idx="222">
                  <c:v>45514</c:v>
                </c:pt>
                <c:pt idx="223">
                  <c:v>45515</c:v>
                </c:pt>
                <c:pt idx="224">
                  <c:v>45516</c:v>
                </c:pt>
                <c:pt idx="225">
                  <c:v>45517</c:v>
                </c:pt>
                <c:pt idx="226">
                  <c:v>45518</c:v>
                </c:pt>
                <c:pt idx="227">
                  <c:v>45519</c:v>
                </c:pt>
                <c:pt idx="228">
                  <c:v>45520</c:v>
                </c:pt>
                <c:pt idx="229">
                  <c:v>45521</c:v>
                </c:pt>
                <c:pt idx="230">
                  <c:v>45522</c:v>
                </c:pt>
                <c:pt idx="231">
                  <c:v>45523</c:v>
                </c:pt>
                <c:pt idx="232">
                  <c:v>45524</c:v>
                </c:pt>
                <c:pt idx="233">
                  <c:v>45525</c:v>
                </c:pt>
                <c:pt idx="234">
                  <c:v>45526</c:v>
                </c:pt>
                <c:pt idx="235">
                  <c:v>45527</c:v>
                </c:pt>
                <c:pt idx="236">
                  <c:v>45528</c:v>
                </c:pt>
                <c:pt idx="237">
                  <c:v>45529</c:v>
                </c:pt>
                <c:pt idx="238">
                  <c:v>45530</c:v>
                </c:pt>
                <c:pt idx="239">
                  <c:v>45531</c:v>
                </c:pt>
                <c:pt idx="240">
                  <c:v>45532</c:v>
                </c:pt>
                <c:pt idx="241">
                  <c:v>45533</c:v>
                </c:pt>
                <c:pt idx="242">
                  <c:v>45534</c:v>
                </c:pt>
                <c:pt idx="243">
                  <c:v>45535</c:v>
                </c:pt>
                <c:pt idx="244">
                  <c:v>45536</c:v>
                </c:pt>
                <c:pt idx="245">
                  <c:v>45537</c:v>
                </c:pt>
                <c:pt idx="246">
                  <c:v>45538</c:v>
                </c:pt>
                <c:pt idx="247">
                  <c:v>45539</c:v>
                </c:pt>
                <c:pt idx="248">
                  <c:v>45540</c:v>
                </c:pt>
                <c:pt idx="249">
                  <c:v>45541</c:v>
                </c:pt>
                <c:pt idx="250">
                  <c:v>45542</c:v>
                </c:pt>
                <c:pt idx="251">
                  <c:v>45543</c:v>
                </c:pt>
                <c:pt idx="252">
                  <c:v>45544</c:v>
                </c:pt>
                <c:pt idx="253">
                  <c:v>45545</c:v>
                </c:pt>
                <c:pt idx="254">
                  <c:v>45546</c:v>
                </c:pt>
                <c:pt idx="255">
                  <c:v>45547</c:v>
                </c:pt>
                <c:pt idx="256">
                  <c:v>45548</c:v>
                </c:pt>
                <c:pt idx="257">
                  <c:v>45549</c:v>
                </c:pt>
                <c:pt idx="258">
                  <c:v>45550</c:v>
                </c:pt>
                <c:pt idx="259">
                  <c:v>45551</c:v>
                </c:pt>
                <c:pt idx="260">
                  <c:v>45552</c:v>
                </c:pt>
                <c:pt idx="261">
                  <c:v>45553</c:v>
                </c:pt>
                <c:pt idx="262">
                  <c:v>45554</c:v>
                </c:pt>
                <c:pt idx="263">
                  <c:v>45555</c:v>
                </c:pt>
                <c:pt idx="264">
                  <c:v>45556</c:v>
                </c:pt>
                <c:pt idx="265">
                  <c:v>45557</c:v>
                </c:pt>
                <c:pt idx="266">
                  <c:v>45558</c:v>
                </c:pt>
                <c:pt idx="267">
                  <c:v>45559</c:v>
                </c:pt>
                <c:pt idx="268">
                  <c:v>45560</c:v>
                </c:pt>
                <c:pt idx="269">
                  <c:v>45561</c:v>
                </c:pt>
                <c:pt idx="270">
                  <c:v>45562</c:v>
                </c:pt>
                <c:pt idx="271">
                  <c:v>45563</c:v>
                </c:pt>
                <c:pt idx="272">
                  <c:v>45564</c:v>
                </c:pt>
                <c:pt idx="273">
                  <c:v>45565</c:v>
                </c:pt>
                <c:pt idx="274">
                  <c:v>45566</c:v>
                </c:pt>
                <c:pt idx="275">
                  <c:v>45567</c:v>
                </c:pt>
                <c:pt idx="276">
                  <c:v>45568</c:v>
                </c:pt>
                <c:pt idx="277">
                  <c:v>45569</c:v>
                </c:pt>
                <c:pt idx="278">
                  <c:v>45570</c:v>
                </c:pt>
                <c:pt idx="279">
                  <c:v>45571</c:v>
                </c:pt>
                <c:pt idx="280">
                  <c:v>45572</c:v>
                </c:pt>
                <c:pt idx="281">
                  <c:v>45573</c:v>
                </c:pt>
                <c:pt idx="282">
                  <c:v>45574</c:v>
                </c:pt>
                <c:pt idx="283">
                  <c:v>45575</c:v>
                </c:pt>
                <c:pt idx="284">
                  <c:v>45576</c:v>
                </c:pt>
                <c:pt idx="285">
                  <c:v>45577</c:v>
                </c:pt>
                <c:pt idx="286">
                  <c:v>45578</c:v>
                </c:pt>
                <c:pt idx="287">
                  <c:v>45579</c:v>
                </c:pt>
                <c:pt idx="288">
                  <c:v>45580</c:v>
                </c:pt>
                <c:pt idx="289">
                  <c:v>45581</c:v>
                </c:pt>
                <c:pt idx="290">
                  <c:v>45582</c:v>
                </c:pt>
                <c:pt idx="291">
                  <c:v>45583</c:v>
                </c:pt>
                <c:pt idx="292">
                  <c:v>45584</c:v>
                </c:pt>
                <c:pt idx="293">
                  <c:v>45585</c:v>
                </c:pt>
                <c:pt idx="294">
                  <c:v>45586</c:v>
                </c:pt>
                <c:pt idx="295">
                  <c:v>45587</c:v>
                </c:pt>
                <c:pt idx="296">
                  <c:v>45588</c:v>
                </c:pt>
                <c:pt idx="297">
                  <c:v>45589</c:v>
                </c:pt>
                <c:pt idx="298">
                  <c:v>45590</c:v>
                </c:pt>
                <c:pt idx="299">
                  <c:v>45591</c:v>
                </c:pt>
                <c:pt idx="300">
                  <c:v>45592</c:v>
                </c:pt>
                <c:pt idx="301">
                  <c:v>45593</c:v>
                </c:pt>
                <c:pt idx="302">
                  <c:v>45594</c:v>
                </c:pt>
                <c:pt idx="303">
                  <c:v>45595</c:v>
                </c:pt>
                <c:pt idx="304">
                  <c:v>45596</c:v>
                </c:pt>
                <c:pt idx="305">
                  <c:v>45597</c:v>
                </c:pt>
                <c:pt idx="306">
                  <c:v>45598</c:v>
                </c:pt>
                <c:pt idx="307">
                  <c:v>45599</c:v>
                </c:pt>
                <c:pt idx="308">
                  <c:v>45600</c:v>
                </c:pt>
                <c:pt idx="309">
                  <c:v>45601</c:v>
                </c:pt>
                <c:pt idx="310">
                  <c:v>45602</c:v>
                </c:pt>
                <c:pt idx="311">
                  <c:v>45603</c:v>
                </c:pt>
                <c:pt idx="312">
                  <c:v>45604</c:v>
                </c:pt>
                <c:pt idx="313">
                  <c:v>45605</c:v>
                </c:pt>
                <c:pt idx="314">
                  <c:v>45606</c:v>
                </c:pt>
                <c:pt idx="315">
                  <c:v>45607</c:v>
                </c:pt>
                <c:pt idx="316">
                  <c:v>45608</c:v>
                </c:pt>
                <c:pt idx="317">
                  <c:v>45609</c:v>
                </c:pt>
                <c:pt idx="318">
                  <c:v>45610</c:v>
                </c:pt>
                <c:pt idx="319">
                  <c:v>45611</c:v>
                </c:pt>
                <c:pt idx="320">
                  <c:v>45612</c:v>
                </c:pt>
                <c:pt idx="321">
                  <c:v>45613</c:v>
                </c:pt>
                <c:pt idx="322">
                  <c:v>45614</c:v>
                </c:pt>
                <c:pt idx="323">
                  <c:v>45615</c:v>
                </c:pt>
                <c:pt idx="324">
                  <c:v>45616</c:v>
                </c:pt>
                <c:pt idx="325">
                  <c:v>45617</c:v>
                </c:pt>
                <c:pt idx="326">
                  <c:v>45618</c:v>
                </c:pt>
                <c:pt idx="327">
                  <c:v>45619</c:v>
                </c:pt>
                <c:pt idx="328">
                  <c:v>45620</c:v>
                </c:pt>
                <c:pt idx="329">
                  <c:v>45621</c:v>
                </c:pt>
                <c:pt idx="330">
                  <c:v>45622</c:v>
                </c:pt>
                <c:pt idx="331">
                  <c:v>45623</c:v>
                </c:pt>
                <c:pt idx="332">
                  <c:v>45624</c:v>
                </c:pt>
                <c:pt idx="333">
                  <c:v>45625</c:v>
                </c:pt>
                <c:pt idx="334">
                  <c:v>45626</c:v>
                </c:pt>
                <c:pt idx="335">
                  <c:v>45627</c:v>
                </c:pt>
                <c:pt idx="336">
                  <c:v>45628</c:v>
                </c:pt>
                <c:pt idx="337">
                  <c:v>45629</c:v>
                </c:pt>
                <c:pt idx="338">
                  <c:v>45630</c:v>
                </c:pt>
                <c:pt idx="339">
                  <c:v>45631</c:v>
                </c:pt>
                <c:pt idx="340">
                  <c:v>45632</c:v>
                </c:pt>
                <c:pt idx="341">
                  <c:v>45633</c:v>
                </c:pt>
                <c:pt idx="342">
                  <c:v>45634</c:v>
                </c:pt>
                <c:pt idx="343">
                  <c:v>45635</c:v>
                </c:pt>
                <c:pt idx="344">
                  <c:v>45636</c:v>
                </c:pt>
                <c:pt idx="345">
                  <c:v>45637</c:v>
                </c:pt>
                <c:pt idx="346">
                  <c:v>45638</c:v>
                </c:pt>
                <c:pt idx="347">
                  <c:v>45639</c:v>
                </c:pt>
                <c:pt idx="348">
                  <c:v>45640</c:v>
                </c:pt>
                <c:pt idx="349">
                  <c:v>45641</c:v>
                </c:pt>
                <c:pt idx="350">
                  <c:v>45642</c:v>
                </c:pt>
                <c:pt idx="351">
                  <c:v>45643</c:v>
                </c:pt>
                <c:pt idx="352">
                  <c:v>45644</c:v>
                </c:pt>
                <c:pt idx="353">
                  <c:v>45645</c:v>
                </c:pt>
                <c:pt idx="354">
                  <c:v>45646</c:v>
                </c:pt>
                <c:pt idx="355">
                  <c:v>45647</c:v>
                </c:pt>
                <c:pt idx="356">
                  <c:v>45648</c:v>
                </c:pt>
                <c:pt idx="357">
                  <c:v>45649</c:v>
                </c:pt>
                <c:pt idx="358">
                  <c:v>45650</c:v>
                </c:pt>
                <c:pt idx="359">
                  <c:v>45651</c:v>
                </c:pt>
                <c:pt idx="360">
                  <c:v>45652</c:v>
                </c:pt>
                <c:pt idx="361">
                  <c:v>45653</c:v>
                </c:pt>
                <c:pt idx="362">
                  <c:v>45654</c:v>
                </c:pt>
                <c:pt idx="363">
                  <c:v>45655</c:v>
                </c:pt>
                <c:pt idx="364">
                  <c:v>45656</c:v>
                </c:pt>
              </c:numCache>
            </c:numRef>
          </c:cat>
          <c:val>
            <c:numRef>
              <c:f>Jesper!$AM$2:$AM$366</c:f>
              <c:numCache>
                <c:formatCode>General</c:formatCode>
                <c:ptCount val="365"/>
                <c:pt idx="0">
                  <c:v>8.7809313366473098</c:v>
                </c:pt>
                <c:pt idx="1">
                  <c:v>8.9631726100448059</c:v>
                </c:pt>
                <c:pt idx="2">
                  <c:v>8.8781266824593068</c:v>
                </c:pt>
                <c:pt idx="3">
                  <c:v>8.865977264232809</c:v>
                </c:pt>
                <c:pt idx="4">
                  <c:v>8.8173795913268105</c:v>
                </c:pt>
                <c:pt idx="5">
                  <c:v>5.7038352570991089</c:v>
                </c:pt>
                <c:pt idx="6">
                  <c:v>5.3677199556426354</c:v>
                </c:pt>
                <c:pt idx="7">
                  <c:v>7.9734794521412153</c:v>
                </c:pt>
                <c:pt idx="8">
                  <c:v>8.0013913457474803</c:v>
                </c:pt>
                <c:pt idx="9">
                  <c:v>8.1521155712213069</c:v>
                </c:pt>
                <c:pt idx="10">
                  <c:v>8.0516327542387529</c:v>
                </c:pt>
                <c:pt idx="11">
                  <c:v>8.0907094052875248</c:v>
                </c:pt>
                <c:pt idx="12">
                  <c:v>5.3854102346666615</c:v>
                </c:pt>
                <c:pt idx="13">
                  <c:v>5.4561713507627605</c:v>
                </c:pt>
                <c:pt idx="14">
                  <c:v>8.5136441356643147</c:v>
                </c:pt>
                <c:pt idx="15">
                  <c:v>8.5622418085703131</c:v>
                </c:pt>
                <c:pt idx="16">
                  <c:v>8.3435522804933164</c:v>
                </c:pt>
                <c:pt idx="17">
                  <c:v>8.4893452992113172</c:v>
                </c:pt>
                <c:pt idx="18">
                  <c:v>8.5500923903438135</c:v>
                </c:pt>
                <c:pt idx="19">
                  <c:v>5.2615782814984859</c:v>
                </c:pt>
                <c:pt idx="20">
                  <c:v>5.3146491185705607</c:v>
                </c:pt>
                <c:pt idx="21">
                  <c:v>8.4407476263053169</c:v>
                </c:pt>
                <c:pt idx="22">
                  <c:v>8.1744450861063171</c:v>
                </c:pt>
                <c:pt idx="23">
                  <c:v>8.0516327542387529</c:v>
                </c:pt>
                <c:pt idx="24">
                  <c:v>7.9734794521412153</c:v>
                </c:pt>
                <c:pt idx="25">
                  <c:v>8.2949546075873197</c:v>
                </c:pt>
                <c:pt idx="26">
                  <c:v>5.0669852122342114</c:v>
                </c:pt>
                <c:pt idx="27">
                  <c:v>4.9962240961381132</c:v>
                </c:pt>
                <c:pt idx="28">
                  <c:v>8.168862707385065</c:v>
                </c:pt>
                <c:pt idx="29">
                  <c:v>8.2099086800018206</c:v>
                </c:pt>
                <c:pt idx="30">
                  <c:v>8.6351383179293126</c:v>
                </c:pt>
                <c:pt idx="31">
                  <c:v>9.0482185376303033</c:v>
                </c:pt>
                <c:pt idx="32">
                  <c:v>8.6715865726088115</c:v>
                </c:pt>
                <c:pt idx="33">
                  <c:v>5.8807380473393591</c:v>
                </c:pt>
                <c:pt idx="34">
                  <c:v>5.9161186053874077</c:v>
                </c:pt>
                <c:pt idx="35">
                  <c:v>8.2342075164548199</c:v>
                </c:pt>
                <c:pt idx="36">
                  <c:v>8.135368435057547</c:v>
                </c:pt>
                <c:pt idx="37">
                  <c:v>8.1409508137788009</c:v>
                </c:pt>
                <c:pt idx="38">
                  <c:v>8.0069737244687325</c:v>
                </c:pt>
                <c:pt idx="39">
                  <c:v>8.3435522804933164</c:v>
                </c:pt>
                <c:pt idx="40">
                  <c:v>5.5269324668588604</c:v>
                </c:pt>
                <c:pt idx="41">
                  <c:v>5.4207907927147101</c:v>
                </c:pt>
                <c:pt idx="42">
                  <c:v>7.9790618308624683</c:v>
                </c:pt>
                <c:pt idx="43">
                  <c:v>7.8953261500436751</c:v>
                </c:pt>
                <c:pt idx="44">
                  <c:v>8.180027464827571</c:v>
                </c:pt>
                <c:pt idx="45">
                  <c:v>8.4528970445318148</c:v>
                </c:pt>
                <c:pt idx="46">
                  <c:v>8.0962917840087769</c:v>
                </c:pt>
                <c:pt idx="47">
                  <c:v>4.9077727010179872</c:v>
                </c:pt>
                <c:pt idx="48">
                  <c:v>5.1731268863783617</c:v>
                </c:pt>
                <c:pt idx="49">
                  <c:v>8.5379429721173139</c:v>
                </c:pt>
                <c:pt idx="50">
                  <c:v>8.4285982080788155</c:v>
                </c:pt>
                <c:pt idx="51">
                  <c:v>8.6837359908353111</c:v>
                </c:pt>
                <c:pt idx="52">
                  <c:v>8.5622418085703131</c:v>
                </c:pt>
                <c:pt idx="53">
                  <c:v>8.4407476263053169</c:v>
                </c:pt>
                <c:pt idx="54">
                  <c:v>5.2969588395465355</c:v>
                </c:pt>
                <c:pt idx="55">
                  <c:v>5.2792685605225103</c:v>
                </c:pt>
                <c:pt idx="56">
                  <c:v>8.146533192500053</c:v>
                </c:pt>
                <c:pt idx="57">
                  <c:v>8.0627975116812625</c:v>
                </c:pt>
                <c:pt idx="58">
                  <c:v>8.0460503755175008</c:v>
                </c:pt>
                <c:pt idx="59">
                  <c:v>8.0516327542387529</c:v>
                </c:pt>
                <c:pt idx="60">
                  <c:v>8.0851270265662727</c:v>
                </c:pt>
                <c:pt idx="61">
                  <c:v>5.1023657702822618</c:v>
                </c:pt>
                <c:pt idx="62">
                  <c:v>5.6153838619789846</c:v>
                </c:pt>
                <c:pt idx="63">
                  <c:v>8.5743912267968128</c:v>
                </c:pt>
                <c:pt idx="64">
                  <c:v>8.9510231918183063</c:v>
                </c:pt>
                <c:pt idx="65">
                  <c:v>9.1211150469893028</c:v>
                </c:pt>
                <c:pt idx="66">
                  <c:v>9.3398045750662977</c:v>
                </c:pt>
                <c:pt idx="67">
                  <c:v>9.4855975937842967</c:v>
                </c:pt>
                <c:pt idx="68">
                  <c:v>6.1814727907477822</c:v>
                </c:pt>
                <c:pt idx="69">
                  <c:v>5.9691894424594834</c:v>
                </c:pt>
                <c:pt idx="70">
                  <c:v>8.8295290095533083</c:v>
                </c:pt>
                <c:pt idx="71">
                  <c:v>8.5865406450233124</c:v>
                </c:pt>
                <c:pt idx="72">
                  <c:v>8.5379429721173139</c:v>
                </c:pt>
                <c:pt idx="73">
                  <c:v>8.4285982080788155</c:v>
                </c:pt>
                <c:pt idx="74">
                  <c:v>8.4407476263053169</c:v>
                </c:pt>
                <c:pt idx="75">
                  <c:v>4.7662504688257883</c:v>
                </c:pt>
                <c:pt idx="76">
                  <c:v>4.9962240961381132</c:v>
                </c:pt>
                <c:pt idx="77">
                  <c:v>8.2706557711343187</c:v>
                </c:pt>
                <c:pt idx="78">
                  <c:v>8.180027464827571</c:v>
                </c:pt>
                <c:pt idx="79">
                  <c:v>8.3800005351728171</c:v>
                </c:pt>
                <c:pt idx="80">
                  <c:v>8.4893452992113172</c:v>
                </c:pt>
                <c:pt idx="81">
                  <c:v>8.3678511169463157</c:v>
                </c:pt>
                <c:pt idx="82">
                  <c:v>5.2085074444264103</c:v>
                </c:pt>
                <c:pt idx="83">
                  <c:v>5.6507644200270351</c:v>
                </c:pt>
                <c:pt idx="84">
                  <c:v>8.7323336637413114</c:v>
                </c:pt>
                <c:pt idx="85">
                  <c:v>8.8052301731003091</c:v>
                </c:pt>
                <c:pt idx="86">
                  <c:v>8.9388737735918067</c:v>
                </c:pt>
                <c:pt idx="87">
                  <c:v>8.8902761006858082</c:v>
                </c:pt>
                <c:pt idx="88">
                  <c:v>8.8173795913268105</c:v>
                </c:pt>
                <c:pt idx="89">
                  <c:v>5.4738616297867839</c:v>
                </c:pt>
                <c:pt idx="90">
                  <c:v>5.2615782814984859</c:v>
                </c:pt>
                <c:pt idx="91">
                  <c:v>8.319253444040319</c:v>
                </c:pt>
                <c:pt idx="92">
                  <c:v>8.124203677615041</c:v>
                </c:pt>
                <c:pt idx="93">
                  <c:v>8.0404679967962505</c:v>
                </c:pt>
                <c:pt idx="94">
                  <c:v>7.9678970734199615</c:v>
                </c:pt>
                <c:pt idx="95">
                  <c:v>8.0851270265662727</c:v>
                </c:pt>
                <c:pt idx="96">
                  <c:v>4.6424185156576137</c:v>
                </c:pt>
                <c:pt idx="97">
                  <c:v>4.306303214201141</c:v>
                </c:pt>
                <c:pt idx="98">
                  <c:v>8.0237208606324906</c:v>
                </c:pt>
                <c:pt idx="99">
                  <c:v>7.9120732862074323</c:v>
                </c:pt>
                <c:pt idx="100">
                  <c:v>7.861831877716158</c:v>
                </c:pt>
                <c:pt idx="101">
                  <c:v>7.822755226667387</c:v>
                </c:pt>
                <c:pt idx="102">
                  <c:v>7.8506671202736511</c:v>
                </c:pt>
                <c:pt idx="103">
                  <c:v>4.1647809820089412</c:v>
                </c:pt>
                <c:pt idx="104">
                  <c:v>4.1824712610329655</c:v>
                </c:pt>
                <c:pt idx="105">
                  <c:v>7.9399851798136973</c:v>
                </c:pt>
                <c:pt idx="106">
                  <c:v>7.9176556649286871</c:v>
                </c:pt>
                <c:pt idx="107">
                  <c:v>7.82833760538864</c:v>
                </c:pt>
                <c:pt idx="108">
                  <c:v>7.8115904692248819</c:v>
                </c:pt>
                <c:pt idx="109">
                  <c:v>7.8004257117823768</c:v>
                </c:pt>
                <c:pt idx="110">
                  <c:v>3.7755948434803934</c:v>
                </c:pt>
                <c:pt idx="111">
                  <c:v>4.3947546093212653</c:v>
                </c:pt>
                <c:pt idx="112">
                  <c:v>8.2949546075873197</c:v>
                </c:pt>
                <c:pt idx="113">
                  <c:v>8.2099086800018206</c:v>
                </c:pt>
                <c:pt idx="114">
                  <c:v>8.3921499533993185</c:v>
                </c:pt>
                <c:pt idx="115">
                  <c:v>8.2463569346813195</c:v>
                </c:pt>
                <c:pt idx="116">
                  <c:v>8.2099086800018206</c:v>
                </c:pt>
                <c:pt idx="117">
                  <c:v>4.4832060044413904</c:v>
                </c:pt>
                <c:pt idx="118">
                  <c:v>5.0669852122342114</c:v>
                </c:pt>
                <c:pt idx="119">
                  <c:v>8.2585063529078191</c:v>
                </c:pt>
                <c:pt idx="120">
                  <c:v>8.1521155712213069</c:v>
                </c:pt>
                <c:pt idx="121">
                  <c:v>8.0572151329600086</c:v>
                </c:pt>
                <c:pt idx="122">
                  <c:v>8.1297860563362949</c:v>
                </c:pt>
                <c:pt idx="123">
                  <c:v>8.0795446478450188</c:v>
                </c:pt>
                <c:pt idx="124">
                  <c:v>4.2001615400569907</c:v>
                </c:pt>
                <c:pt idx="125">
                  <c:v>3.8994267966485676</c:v>
                </c:pt>
                <c:pt idx="126">
                  <c:v>7.8171728479461349</c:v>
                </c:pt>
                <c:pt idx="127">
                  <c:v>7.6720310011935613</c:v>
                </c:pt>
                <c:pt idx="128">
                  <c:v>7.5827129416535151</c:v>
                </c:pt>
                <c:pt idx="129">
                  <c:v>7.5436362906047449</c:v>
                </c:pt>
                <c:pt idx="130">
                  <c:v>7.6608662437510553</c:v>
                </c:pt>
                <c:pt idx="131">
                  <c:v>3.3510281469037952</c:v>
                </c:pt>
                <c:pt idx="132">
                  <c:v>3.1210545195914712</c:v>
                </c:pt>
                <c:pt idx="133">
                  <c:v>7.4710653672284586</c:v>
                </c:pt>
                <c:pt idx="134">
                  <c:v>7.6552838650298023</c:v>
                </c:pt>
                <c:pt idx="135">
                  <c:v>7.9344028010924443</c:v>
                </c:pt>
                <c:pt idx="136">
                  <c:v>8.0516327542387529</c:v>
                </c:pt>
                <c:pt idx="137">
                  <c:v>7.7669314394548588</c:v>
                </c:pt>
                <c:pt idx="138">
                  <c:v>3.2271961937356202</c:v>
                </c:pt>
                <c:pt idx="139">
                  <c:v>2.8910808922791467</c:v>
                </c:pt>
                <c:pt idx="140">
                  <c:v>7.6273719714235382</c:v>
                </c:pt>
                <c:pt idx="141">
                  <c:v>7.5827129416535151</c:v>
                </c:pt>
                <c:pt idx="142">
                  <c:v>7.822755226667387</c:v>
                </c:pt>
                <c:pt idx="143">
                  <c:v>7.8506671202736511</c:v>
                </c:pt>
                <c:pt idx="144">
                  <c:v>7.9902265883049735</c:v>
                </c:pt>
                <c:pt idx="145">
                  <c:v>4.2886129351771158</c:v>
                </c:pt>
                <c:pt idx="146">
                  <c:v>3.7932851225044186</c:v>
                </c:pt>
                <c:pt idx="147">
                  <c:v>7.9902265883049735</c:v>
                </c:pt>
                <c:pt idx="148">
                  <c:v>7.9344028010924443</c:v>
                </c:pt>
                <c:pt idx="149">
                  <c:v>7.7557666820123536</c:v>
                </c:pt>
                <c:pt idx="150">
                  <c:v>7.9623146946987085</c:v>
                </c:pt>
                <c:pt idx="151">
                  <c:v>8.0181384819112367</c:v>
                </c:pt>
                <c:pt idx="152">
                  <c:v>3.9524976337206419</c:v>
                </c:pt>
                <c:pt idx="153">
                  <c:v>3.9701879127446675</c:v>
                </c:pt>
                <c:pt idx="154">
                  <c:v>7.7948433330611229</c:v>
                </c:pt>
                <c:pt idx="155">
                  <c:v>7.8004257117823768</c:v>
                </c:pt>
                <c:pt idx="156">
                  <c:v>7.82833760538864</c:v>
                </c:pt>
                <c:pt idx="157">
                  <c:v>7.8004257117823768</c:v>
                </c:pt>
                <c:pt idx="158">
                  <c:v>7.7836785756186178</c:v>
                </c:pt>
                <c:pt idx="159">
                  <c:v>2.696487823014873</c:v>
                </c:pt>
                <c:pt idx="160">
                  <c:v>2.4750415692431207</c:v>
                </c:pt>
                <c:pt idx="161">
                  <c:v>7.4319887161796885</c:v>
                </c:pt>
                <c:pt idx="162">
                  <c:v>7.4264063374584346</c:v>
                </c:pt>
                <c:pt idx="163">
                  <c:v>7.3705825502459055</c:v>
                </c:pt>
                <c:pt idx="164">
                  <c:v>7.3259235204758832</c:v>
                </c:pt>
                <c:pt idx="165">
                  <c:v>7.3315058991971371</c:v>
                </c:pt>
                <c:pt idx="166">
                  <c:v>2.4783735348734677</c:v>
                </c:pt>
                <c:pt idx="167">
                  <c:v>2.4725425950203608</c:v>
                </c:pt>
                <c:pt idx="168">
                  <c:v>7.1417050226745404</c:v>
                </c:pt>
                <c:pt idx="169">
                  <c:v>7.1417050226745404</c:v>
                </c:pt>
                <c:pt idx="170">
                  <c:v>7.1193755077895275</c:v>
                </c:pt>
                <c:pt idx="171">
                  <c:v>7.0747164780195053</c:v>
                </c:pt>
                <c:pt idx="172">
                  <c:v>7.3705825502459055</c:v>
                </c:pt>
                <c:pt idx="173">
                  <c:v>3.1741253566635468</c:v>
                </c:pt>
                <c:pt idx="174">
                  <c:v>2.5726558698466984</c:v>
                </c:pt>
                <c:pt idx="175">
                  <c:v>7.2086935673295729</c:v>
                </c:pt>
                <c:pt idx="176">
                  <c:v>6.9630689035944471</c:v>
                </c:pt>
                <c:pt idx="177">
                  <c:v>7.3091763843121242</c:v>
                </c:pt>
                <c:pt idx="178">
                  <c:v>7.2645173545421029</c:v>
                </c:pt>
                <c:pt idx="179">
                  <c:v>7.5436362906047449</c:v>
                </c:pt>
                <c:pt idx="180">
                  <c:v>3.0502934034953713</c:v>
                </c:pt>
                <c:pt idx="181">
                  <c:v>2.9795322873992722</c:v>
                </c:pt>
                <c:pt idx="182">
                  <c:v>7.3482530353608952</c:v>
                </c:pt>
                <c:pt idx="183">
                  <c:v>7.5101420182772269</c:v>
                </c:pt>
                <c:pt idx="184">
                  <c:v>7.6217895927022852</c:v>
                </c:pt>
                <c:pt idx="185">
                  <c:v>7.4431534736221936</c:v>
                </c:pt>
                <c:pt idx="186">
                  <c:v>7.4096592012946756</c:v>
                </c:pt>
                <c:pt idx="187">
                  <c:v>2.4833714833189888</c:v>
                </c:pt>
                <c:pt idx="188">
                  <c:v>2.4733755864279474</c:v>
                </c:pt>
                <c:pt idx="189">
                  <c:v>7.2254407034933328</c:v>
                </c:pt>
                <c:pt idx="190">
                  <c:v>7.1807816737233097</c:v>
                </c:pt>
                <c:pt idx="191">
                  <c:v>7.2198583247720798</c:v>
                </c:pt>
                <c:pt idx="192">
                  <c:v>7.253352597099596</c:v>
                </c:pt>
                <c:pt idx="193">
                  <c:v>7.4375710949009406</c:v>
                </c:pt>
                <c:pt idx="194">
                  <c:v>2.9618420083752466</c:v>
                </c:pt>
                <c:pt idx="195">
                  <c:v>2.4767075520582944</c:v>
                </c:pt>
                <c:pt idx="196">
                  <c:v>7.3203411417546302</c:v>
                </c:pt>
                <c:pt idx="197">
                  <c:v>7.4543182310646996</c:v>
                </c:pt>
                <c:pt idx="198">
                  <c:v>7.5268891544409868</c:v>
                </c:pt>
                <c:pt idx="199">
                  <c:v>7.5827129416535151</c:v>
                </c:pt>
                <c:pt idx="200">
                  <c:v>7.5157243969984817</c:v>
                </c:pt>
                <c:pt idx="201">
                  <c:v>3.067983682519396</c:v>
                </c:pt>
                <c:pt idx="202">
                  <c:v>2.9795322873992722</c:v>
                </c:pt>
                <c:pt idx="203">
                  <c:v>7.4654829885072056</c:v>
                </c:pt>
                <c:pt idx="204">
                  <c:v>7.4096592012946756</c:v>
                </c:pt>
                <c:pt idx="205">
                  <c:v>7.4543182310646996</c:v>
                </c:pt>
                <c:pt idx="206">
                  <c:v>7.3650001715246542</c:v>
                </c:pt>
                <c:pt idx="207">
                  <c:v>7.3761649289671594</c:v>
                </c:pt>
                <c:pt idx="208">
                  <c:v>2.554965590822674</c:v>
                </c:pt>
                <c:pt idx="209">
                  <c:v>2.554965590822674</c:v>
                </c:pt>
                <c:pt idx="210">
                  <c:v>7.3705825502459055</c:v>
                </c:pt>
                <c:pt idx="211">
                  <c:v>7.3873296864096654</c:v>
                </c:pt>
                <c:pt idx="212">
                  <c:v>7.2868468694271131</c:v>
                </c:pt>
                <c:pt idx="213">
                  <c:v>7.3538354140821482</c:v>
                </c:pt>
                <c:pt idx="214">
                  <c:v>7.3873296864096654</c:v>
                </c:pt>
                <c:pt idx="215">
                  <c:v>2.9441517293512223</c:v>
                </c:pt>
                <c:pt idx="216">
                  <c:v>2.926461450327198</c:v>
                </c:pt>
                <c:pt idx="217">
                  <c:v>7.4989772608347218</c:v>
                </c:pt>
                <c:pt idx="218">
                  <c:v>7.6273719714235382</c:v>
                </c:pt>
                <c:pt idx="219">
                  <c:v>7.4487358523434466</c:v>
                </c:pt>
                <c:pt idx="220">
                  <c:v>7.3929120651309175</c:v>
                </c:pt>
                <c:pt idx="221">
                  <c:v>7.5045596395559748</c:v>
                </c:pt>
                <c:pt idx="222">
                  <c:v>2.8910808922791467</c:v>
                </c:pt>
                <c:pt idx="223">
                  <c:v>2.731868381062923</c:v>
                </c:pt>
                <c:pt idx="224">
                  <c:v>7.3370882779183892</c:v>
                </c:pt>
                <c:pt idx="225">
                  <c:v>7.3761649289671594</c:v>
                </c:pt>
                <c:pt idx="226">
                  <c:v>7.3873296864096654</c:v>
                </c:pt>
                <c:pt idx="227">
                  <c:v>7.5268891544409868</c:v>
                </c:pt>
                <c:pt idx="228">
                  <c:v>7.4710653672284586</c:v>
                </c:pt>
                <c:pt idx="229">
                  <c:v>2.4758745606507073</c:v>
                </c:pt>
                <c:pt idx="230">
                  <c:v>2.4525508012382775</c:v>
                </c:pt>
                <c:pt idx="231">
                  <c:v>7.3594177928034004</c:v>
                </c:pt>
                <c:pt idx="232">
                  <c:v>7.4766477459497107</c:v>
                </c:pt>
                <c:pt idx="233">
                  <c:v>7.4822301246709637</c:v>
                </c:pt>
                <c:pt idx="234">
                  <c:v>7.4933948821134688</c:v>
                </c:pt>
                <c:pt idx="235">
                  <c:v>7.5603834267685031</c:v>
                </c:pt>
                <c:pt idx="236">
                  <c:v>2.4817055005038151</c:v>
                </c:pt>
                <c:pt idx="237">
                  <c:v>2.5372753117986484</c:v>
                </c:pt>
                <c:pt idx="238">
                  <c:v>7.4543182310646996</c:v>
                </c:pt>
                <c:pt idx="239">
                  <c:v>7.5213067757197338</c:v>
                </c:pt>
                <c:pt idx="240">
                  <c:v>7.5157243969984817</c:v>
                </c:pt>
                <c:pt idx="241">
                  <c:v>7.5380539118834919</c:v>
                </c:pt>
                <c:pt idx="242">
                  <c:v>7.6162072139810313</c:v>
                </c:pt>
                <c:pt idx="243">
                  <c:v>2.9618420083752466</c:v>
                </c:pt>
                <c:pt idx="244">
                  <c:v>3.1387447986154959</c:v>
                </c:pt>
                <c:pt idx="245">
                  <c:v>7.6664486224723074</c:v>
                </c:pt>
                <c:pt idx="246">
                  <c:v>7.6106248352597801</c:v>
                </c:pt>
                <c:pt idx="247">
                  <c:v>7.7390195458485955</c:v>
                </c:pt>
                <c:pt idx="248">
                  <c:v>7.6385367288660451</c:v>
                </c:pt>
                <c:pt idx="249">
                  <c:v>7.5938776990960202</c:v>
                </c:pt>
                <c:pt idx="250">
                  <c:v>2.7141781020388978</c:v>
                </c:pt>
                <c:pt idx="251">
                  <c:v>2.480872509096228</c:v>
                </c:pt>
                <c:pt idx="252">
                  <c:v>7.5548010480472509</c:v>
                </c:pt>
                <c:pt idx="253">
                  <c:v>7.5548010480472509</c:v>
                </c:pt>
                <c:pt idx="254">
                  <c:v>7.6608662437510553</c:v>
                </c:pt>
                <c:pt idx="255">
                  <c:v>7.8339199841098921</c:v>
                </c:pt>
                <c:pt idx="256">
                  <c:v>7.8060080905036298</c:v>
                </c:pt>
                <c:pt idx="257">
                  <c:v>3.1564350776395202</c:v>
                </c:pt>
                <c:pt idx="258">
                  <c:v>3.4748601000719699</c:v>
                </c:pt>
                <c:pt idx="259">
                  <c:v>7.7613490607336058</c:v>
                </c:pt>
                <c:pt idx="260">
                  <c:v>7.6552838650298023</c:v>
                </c:pt>
                <c:pt idx="261">
                  <c:v>7.6385367288660451</c:v>
                </c:pt>
                <c:pt idx="262">
                  <c:v>7.7222724096848365</c:v>
                </c:pt>
                <c:pt idx="263">
                  <c:v>7.6441191075872963</c:v>
                </c:pt>
                <c:pt idx="264">
                  <c:v>3.1918156356875702</c:v>
                </c:pt>
                <c:pt idx="265">
                  <c:v>3.4217892629998947</c:v>
                </c:pt>
                <c:pt idx="266">
                  <c:v>7.7613490607336058</c:v>
                </c:pt>
                <c:pt idx="267">
                  <c:v>7.5436362906047449</c:v>
                </c:pt>
                <c:pt idx="268">
                  <c:v>7.5715481842110099</c:v>
                </c:pt>
                <c:pt idx="269">
                  <c:v>7.6329543501447912</c:v>
                </c:pt>
                <c:pt idx="270">
                  <c:v>7.5938776990960202</c:v>
                </c:pt>
                <c:pt idx="271">
                  <c:v>3.1564350776395202</c:v>
                </c:pt>
                <c:pt idx="272">
                  <c:v>3.4217892629998947</c:v>
                </c:pt>
                <c:pt idx="273">
                  <c:v>7.7892609543398708</c:v>
                </c:pt>
                <c:pt idx="274">
                  <c:v>7.7725138181761126</c:v>
                </c:pt>
                <c:pt idx="275">
                  <c:v>7.7892609543398708</c:v>
                </c:pt>
                <c:pt idx="276">
                  <c:v>7.8562494989949059</c:v>
                </c:pt>
                <c:pt idx="277">
                  <c:v>7.9678970734199615</c:v>
                </c:pt>
                <c:pt idx="278">
                  <c:v>4.2355420981050411</c:v>
                </c:pt>
                <c:pt idx="279">
                  <c:v>4.6247282366335893</c:v>
                </c:pt>
                <c:pt idx="280">
                  <c:v>8.0907094052875248</c:v>
                </c:pt>
                <c:pt idx="281">
                  <c:v>7.9846442095837205</c:v>
                </c:pt>
                <c:pt idx="282">
                  <c:v>7.867414256437411</c:v>
                </c:pt>
                <c:pt idx="283">
                  <c:v>7.9232380436499392</c:v>
                </c:pt>
                <c:pt idx="284">
                  <c:v>7.9846442095837205</c:v>
                </c:pt>
                <c:pt idx="285">
                  <c:v>4.076329586888817</c:v>
                </c:pt>
                <c:pt idx="286">
                  <c:v>4.2709226561530897</c:v>
                </c:pt>
                <c:pt idx="287">
                  <c:v>8.0460503755175008</c:v>
                </c:pt>
                <c:pt idx="288">
                  <c:v>8.1521155712213069</c:v>
                </c:pt>
                <c:pt idx="289">
                  <c:v>7.9567323159774563</c:v>
                </c:pt>
                <c:pt idx="290">
                  <c:v>8.0683798904025128</c:v>
                </c:pt>
                <c:pt idx="291">
                  <c:v>8.4042993716258181</c:v>
                </c:pt>
                <c:pt idx="292">
                  <c:v>5.190817165402386</c:v>
                </c:pt>
                <c:pt idx="293">
                  <c:v>5.1023657702822618</c:v>
                </c:pt>
                <c:pt idx="294">
                  <c:v>8.0516327542387529</c:v>
                </c:pt>
                <c:pt idx="295">
                  <c:v>8.0013913457474803</c:v>
                </c:pt>
                <c:pt idx="296">
                  <c:v>8.0125561031899863</c:v>
                </c:pt>
                <c:pt idx="297">
                  <c:v>8.0627975116812625</c:v>
                </c:pt>
                <c:pt idx="298">
                  <c:v>8.3435522804933164</c:v>
                </c:pt>
                <c:pt idx="299">
                  <c:v>5.2792685605225103</c:v>
                </c:pt>
                <c:pt idx="300">
                  <c:v>5.5976935829549594</c:v>
                </c:pt>
                <c:pt idx="301">
                  <c:v>8.5743912267968128</c:v>
                </c:pt>
                <c:pt idx="302">
                  <c:v>8.8052301731003091</c:v>
                </c:pt>
                <c:pt idx="303">
                  <c:v>8.8052301731003091</c:v>
                </c:pt>
                <c:pt idx="304">
                  <c:v>8.5743912267968128</c:v>
                </c:pt>
                <c:pt idx="305">
                  <c:v>8.2463569346813195</c:v>
                </c:pt>
                <c:pt idx="306">
                  <c:v>4.8016310268738387</c:v>
                </c:pt>
                <c:pt idx="307">
                  <c:v>4.7131796317537145</c:v>
                </c:pt>
                <c:pt idx="308">
                  <c:v>8.0851270265662727</c:v>
                </c:pt>
                <c:pt idx="309">
                  <c:v>8.101874162730029</c:v>
                </c:pt>
                <c:pt idx="310">
                  <c:v>8.1130389201725386</c:v>
                </c:pt>
                <c:pt idx="311">
                  <c:v>8.1632803286638111</c:v>
                </c:pt>
                <c:pt idx="312">
                  <c:v>8.124203677615041</c:v>
                </c:pt>
                <c:pt idx="313">
                  <c:v>4.748560189801764</c:v>
                </c:pt>
                <c:pt idx="314">
                  <c:v>5.0492949332101871</c:v>
                </c:pt>
                <c:pt idx="315">
                  <c:v>8.5136441356643147</c:v>
                </c:pt>
                <c:pt idx="316">
                  <c:v>8.7080348272883121</c:v>
                </c:pt>
                <c:pt idx="317">
                  <c:v>8.5986900632498138</c:v>
                </c:pt>
                <c:pt idx="318">
                  <c:v>8.9631726100448059</c:v>
                </c:pt>
                <c:pt idx="319">
                  <c:v>9.0725173740833025</c:v>
                </c:pt>
                <c:pt idx="320">
                  <c:v>5.7922866522192331</c:v>
                </c:pt>
                <c:pt idx="321">
                  <c:v>5.863047768315333</c:v>
                </c:pt>
                <c:pt idx="322">
                  <c:v>8.9631726100448059</c:v>
                </c:pt>
                <c:pt idx="323">
                  <c:v>9.2304598110278011</c:v>
                </c:pt>
                <c:pt idx="324">
                  <c:v>9.3155057386132984</c:v>
                </c:pt>
                <c:pt idx="325">
                  <c:v>8.4285982080788155</c:v>
                </c:pt>
                <c:pt idx="326">
                  <c:v>8.3800005351728171</c:v>
                </c:pt>
                <c:pt idx="327">
                  <c:v>5.2261977234504364</c:v>
                </c:pt>
                <c:pt idx="328">
                  <c:v>5.7569060941711845</c:v>
                </c:pt>
                <c:pt idx="329">
                  <c:v>8.9267243553653071</c:v>
                </c:pt>
                <c:pt idx="330">
                  <c:v>9.242609229254299</c:v>
                </c:pt>
                <c:pt idx="331">
                  <c:v>9.449149339104796</c:v>
                </c:pt>
                <c:pt idx="332">
                  <c:v>9.0603679558568029</c:v>
                </c:pt>
                <c:pt idx="333">
                  <c:v>9.2912069021602992</c:v>
                </c:pt>
                <c:pt idx="334">
                  <c:v>6.6237297663484052</c:v>
                </c:pt>
                <c:pt idx="335">
                  <c:v>6.8713936726847544</c:v>
                </c:pt>
                <c:pt idx="336">
                  <c:v>9.4612987573312957</c:v>
                </c:pt>
                <c:pt idx="337">
                  <c:v>9.4855975937842967</c:v>
                </c:pt>
                <c:pt idx="338">
                  <c:v>9.1089656287628031</c:v>
                </c:pt>
                <c:pt idx="339">
                  <c:v>9.0725173740833025</c:v>
                </c:pt>
                <c:pt idx="340">
                  <c:v>9.3519539932927973</c:v>
                </c:pt>
                <c:pt idx="341">
                  <c:v>6.7652519985406032</c:v>
                </c:pt>
                <c:pt idx="342">
                  <c:v>5.7745963731952079</c:v>
                </c:pt>
                <c:pt idx="343">
                  <c:v>8.6715865726088115</c:v>
                </c:pt>
                <c:pt idx="344">
                  <c:v>8.8902761006858082</c:v>
                </c:pt>
                <c:pt idx="345">
                  <c:v>9.2183103928012997</c:v>
                </c:pt>
                <c:pt idx="346">
                  <c:v>9.3641034115192969</c:v>
                </c:pt>
                <c:pt idx="347">
                  <c:v>9.4127010844252972</c:v>
                </c:pt>
                <c:pt idx="348">
                  <c:v>5.4384810717387344</c:v>
                </c:pt>
                <c:pt idx="349">
                  <c:v>4.6954893527296893</c:v>
                </c:pt>
                <c:pt idx="350">
                  <c:v>8.1856098435488232</c:v>
                </c:pt>
                <c:pt idx="351">
                  <c:v>8.0962917840087769</c:v>
                </c:pt>
                <c:pt idx="352">
                  <c:v>8.3071040258138193</c:v>
                </c:pt>
                <c:pt idx="353">
                  <c:v>8.7080348272883121</c:v>
                </c:pt>
                <c:pt idx="354">
                  <c:v>8.8295290095533083</c:v>
                </c:pt>
                <c:pt idx="355">
                  <c:v>5.6684546990510585</c:v>
                </c:pt>
                <c:pt idx="356">
                  <c:v>5.863047768315333</c:v>
                </c:pt>
                <c:pt idx="357">
                  <c:v>8.9996208647243048</c:v>
                </c:pt>
                <c:pt idx="358">
                  <c:v>8.6958854090618125</c:v>
                </c:pt>
                <c:pt idx="359">
                  <c:v>8.4893452992113172</c:v>
                </c:pt>
                <c:pt idx="360">
                  <c:v>8.5622418085703131</c:v>
                </c:pt>
                <c:pt idx="361">
                  <c:v>8.9024255189123078</c:v>
                </c:pt>
                <c:pt idx="362">
                  <c:v>5.8099769312432592</c:v>
                </c:pt>
                <c:pt idx="363">
                  <c:v>5.6861449780750846</c:v>
                </c:pt>
                <c:pt idx="364">
                  <c:v>8.9145749371388074</c:v>
                </c:pt>
              </c:numCache>
            </c:numRef>
          </c:val>
          <c:extLst>
            <c:ext xmlns:c16="http://schemas.microsoft.com/office/drawing/2014/chart" uri="{C3380CC4-5D6E-409C-BE32-E72D297353CC}">
              <c16:uniqueId val="{00000000-84B1-4936-A715-6FFFC4092DE5}"/>
            </c:ext>
          </c:extLst>
        </c:ser>
        <c:dLbls>
          <c:showLegendKey val="0"/>
          <c:showVal val="0"/>
          <c:showCatName val="0"/>
          <c:showSerName val="0"/>
          <c:showPercent val="0"/>
          <c:showBubbleSize val="0"/>
        </c:dLbls>
        <c:axId val="1789561167"/>
        <c:axId val="1789564047"/>
      </c:areaChart>
      <c:scatterChart>
        <c:scatterStyle val="lineMarker"/>
        <c:varyColors val="0"/>
        <c:dLbls>
          <c:showLegendKey val="0"/>
          <c:showVal val="0"/>
          <c:showCatName val="0"/>
          <c:showSerName val="0"/>
          <c:showPercent val="0"/>
          <c:showBubbleSize val="0"/>
        </c:dLbls>
        <c:axId val="1789561167"/>
        <c:axId val="1789564047"/>
        <c:extLst>
          <c:ext xmlns:c15="http://schemas.microsoft.com/office/drawing/2012/chart" uri="{02D57815-91ED-43cb-92C2-25804820EDAC}">
            <c15:filteredScatterSeries>
              <c15:ser>
                <c:idx val="1"/>
                <c:order val="0"/>
                <c:tx>
                  <c:v>Total Demand</c:v>
                </c:tx>
                <c:spPr>
                  <a:ln w="19050" cap="rnd" cmpd="sng">
                    <a:solidFill>
                      <a:schemeClr val="accent1"/>
                    </a:solidFill>
                    <a:prstDash val="solid"/>
                    <a:round/>
                  </a:ln>
                  <a:effectLst/>
                </c:spPr>
                <c:marker>
                  <c:symbol val="none"/>
                </c:marker>
                <c:xVal>
                  <c:numRef>
                    <c:extLst>
                      <c:ext uri="{02D57815-91ED-43cb-92C2-25804820EDAC}">
                        <c15:formulaRef>
                          <c15:sqref>Jesper!$P$2:$P$367</c15:sqref>
                        </c15:formulaRef>
                      </c:ext>
                    </c:extLst>
                    <c:numCache>
                      <c:formatCode>m/d/yyyy</c:formatCode>
                      <c:ptCount val="366"/>
                      <c:pt idx="0">
                        <c:v>45292</c:v>
                      </c:pt>
                      <c:pt idx="1">
                        <c:v>45293</c:v>
                      </c:pt>
                      <c:pt idx="2">
                        <c:v>45294</c:v>
                      </c:pt>
                      <c:pt idx="3">
                        <c:v>45295</c:v>
                      </c:pt>
                      <c:pt idx="4">
                        <c:v>45296</c:v>
                      </c:pt>
                      <c:pt idx="5">
                        <c:v>45297</c:v>
                      </c:pt>
                      <c:pt idx="6">
                        <c:v>45298</c:v>
                      </c:pt>
                      <c:pt idx="7">
                        <c:v>45299</c:v>
                      </c:pt>
                      <c:pt idx="8">
                        <c:v>45300</c:v>
                      </c:pt>
                      <c:pt idx="9">
                        <c:v>45301</c:v>
                      </c:pt>
                      <c:pt idx="10">
                        <c:v>45302</c:v>
                      </c:pt>
                      <c:pt idx="11">
                        <c:v>45303</c:v>
                      </c:pt>
                      <c:pt idx="12">
                        <c:v>45304</c:v>
                      </c:pt>
                      <c:pt idx="13">
                        <c:v>45305</c:v>
                      </c:pt>
                      <c:pt idx="14">
                        <c:v>45306</c:v>
                      </c:pt>
                      <c:pt idx="15">
                        <c:v>45307</c:v>
                      </c:pt>
                      <c:pt idx="16">
                        <c:v>45308</c:v>
                      </c:pt>
                      <c:pt idx="17">
                        <c:v>45309</c:v>
                      </c:pt>
                      <c:pt idx="18">
                        <c:v>45310</c:v>
                      </c:pt>
                      <c:pt idx="19">
                        <c:v>45311</c:v>
                      </c:pt>
                      <c:pt idx="20">
                        <c:v>45312</c:v>
                      </c:pt>
                      <c:pt idx="21">
                        <c:v>45313</c:v>
                      </c:pt>
                      <c:pt idx="22">
                        <c:v>45314</c:v>
                      </c:pt>
                      <c:pt idx="23">
                        <c:v>45315</c:v>
                      </c:pt>
                      <c:pt idx="24">
                        <c:v>45316</c:v>
                      </c:pt>
                      <c:pt idx="25">
                        <c:v>45317</c:v>
                      </c:pt>
                      <c:pt idx="26">
                        <c:v>45318</c:v>
                      </c:pt>
                      <c:pt idx="27">
                        <c:v>45319</c:v>
                      </c:pt>
                      <c:pt idx="28">
                        <c:v>45320</c:v>
                      </c:pt>
                      <c:pt idx="29">
                        <c:v>45321</c:v>
                      </c:pt>
                      <c:pt idx="30">
                        <c:v>45322</c:v>
                      </c:pt>
                      <c:pt idx="31">
                        <c:v>45323</c:v>
                      </c:pt>
                      <c:pt idx="32">
                        <c:v>45324</c:v>
                      </c:pt>
                      <c:pt idx="33">
                        <c:v>45325</c:v>
                      </c:pt>
                      <c:pt idx="34">
                        <c:v>45326</c:v>
                      </c:pt>
                      <c:pt idx="35">
                        <c:v>45327</c:v>
                      </c:pt>
                      <c:pt idx="36">
                        <c:v>45328</c:v>
                      </c:pt>
                      <c:pt idx="37">
                        <c:v>45329</c:v>
                      </c:pt>
                      <c:pt idx="38">
                        <c:v>45330</c:v>
                      </c:pt>
                      <c:pt idx="39">
                        <c:v>45331</c:v>
                      </c:pt>
                      <c:pt idx="40">
                        <c:v>45332</c:v>
                      </c:pt>
                      <c:pt idx="41">
                        <c:v>45333</c:v>
                      </c:pt>
                      <c:pt idx="42">
                        <c:v>45334</c:v>
                      </c:pt>
                      <c:pt idx="43">
                        <c:v>45335</c:v>
                      </c:pt>
                      <c:pt idx="44">
                        <c:v>45336</c:v>
                      </c:pt>
                      <c:pt idx="45">
                        <c:v>45337</c:v>
                      </c:pt>
                      <c:pt idx="46">
                        <c:v>45338</c:v>
                      </c:pt>
                      <c:pt idx="47">
                        <c:v>45339</c:v>
                      </c:pt>
                      <c:pt idx="48">
                        <c:v>45340</c:v>
                      </c:pt>
                      <c:pt idx="49">
                        <c:v>45341</c:v>
                      </c:pt>
                      <c:pt idx="50">
                        <c:v>45342</c:v>
                      </c:pt>
                      <c:pt idx="51">
                        <c:v>45343</c:v>
                      </c:pt>
                      <c:pt idx="52">
                        <c:v>45344</c:v>
                      </c:pt>
                      <c:pt idx="53">
                        <c:v>45345</c:v>
                      </c:pt>
                      <c:pt idx="54">
                        <c:v>45346</c:v>
                      </c:pt>
                      <c:pt idx="55">
                        <c:v>45347</c:v>
                      </c:pt>
                      <c:pt idx="56">
                        <c:v>45348</c:v>
                      </c:pt>
                      <c:pt idx="57">
                        <c:v>45349</c:v>
                      </c:pt>
                      <c:pt idx="58">
                        <c:v>45350</c:v>
                      </c:pt>
                      <c:pt idx="59">
                        <c:v>45351</c:v>
                      </c:pt>
                      <c:pt idx="60">
                        <c:v>45352</c:v>
                      </c:pt>
                      <c:pt idx="61">
                        <c:v>45353</c:v>
                      </c:pt>
                      <c:pt idx="62">
                        <c:v>45354</c:v>
                      </c:pt>
                      <c:pt idx="63">
                        <c:v>45355</c:v>
                      </c:pt>
                      <c:pt idx="64">
                        <c:v>45356</c:v>
                      </c:pt>
                      <c:pt idx="65">
                        <c:v>45357</c:v>
                      </c:pt>
                      <c:pt idx="66">
                        <c:v>45358</c:v>
                      </c:pt>
                      <c:pt idx="67">
                        <c:v>45359</c:v>
                      </c:pt>
                      <c:pt idx="68">
                        <c:v>45360</c:v>
                      </c:pt>
                      <c:pt idx="69">
                        <c:v>45361</c:v>
                      </c:pt>
                      <c:pt idx="70">
                        <c:v>45362</c:v>
                      </c:pt>
                      <c:pt idx="71">
                        <c:v>45363</c:v>
                      </c:pt>
                      <c:pt idx="72">
                        <c:v>45364</c:v>
                      </c:pt>
                      <c:pt idx="73">
                        <c:v>45365</c:v>
                      </c:pt>
                      <c:pt idx="74">
                        <c:v>45366</c:v>
                      </c:pt>
                      <c:pt idx="75">
                        <c:v>45367</c:v>
                      </c:pt>
                      <c:pt idx="76">
                        <c:v>45368</c:v>
                      </c:pt>
                      <c:pt idx="77">
                        <c:v>45369</c:v>
                      </c:pt>
                      <c:pt idx="78">
                        <c:v>45370</c:v>
                      </c:pt>
                      <c:pt idx="79">
                        <c:v>45371</c:v>
                      </c:pt>
                      <c:pt idx="80">
                        <c:v>45372</c:v>
                      </c:pt>
                      <c:pt idx="81">
                        <c:v>45373</c:v>
                      </c:pt>
                      <c:pt idx="82">
                        <c:v>45374</c:v>
                      </c:pt>
                      <c:pt idx="83">
                        <c:v>45375</c:v>
                      </c:pt>
                      <c:pt idx="84">
                        <c:v>45376</c:v>
                      </c:pt>
                      <c:pt idx="85">
                        <c:v>45377</c:v>
                      </c:pt>
                      <c:pt idx="86">
                        <c:v>45378</c:v>
                      </c:pt>
                      <c:pt idx="87">
                        <c:v>45379</c:v>
                      </c:pt>
                      <c:pt idx="88">
                        <c:v>45380</c:v>
                      </c:pt>
                      <c:pt idx="89">
                        <c:v>45381</c:v>
                      </c:pt>
                      <c:pt idx="90">
                        <c:v>45382</c:v>
                      </c:pt>
                      <c:pt idx="91">
                        <c:v>45383</c:v>
                      </c:pt>
                      <c:pt idx="92">
                        <c:v>45384</c:v>
                      </c:pt>
                      <c:pt idx="93">
                        <c:v>45385</c:v>
                      </c:pt>
                      <c:pt idx="94">
                        <c:v>45386</c:v>
                      </c:pt>
                      <c:pt idx="95">
                        <c:v>45387</c:v>
                      </c:pt>
                      <c:pt idx="96">
                        <c:v>45388</c:v>
                      </c:pt>
                      <c:pt idx="97">
                        <c:v>45389</c:v>
                      </c:pt>
                      <c:pt idx="98">
                        <c:v>45390</c:v>
                      </c:pt>
                      <c:pt idx="99">
                        <c:v>45391</c:v>
                      </c:pt>
                      <c:pt idx="100">
                        <c:v>45392</c:v>
                      </c:pt>
                      <c:pt idx="101">
                        <c:v>45393</c:v>
                      </c:pt>
                      <c:pt idx="102">
                        <c:v>45394</c:v>
                      </c:pt>
                      <c:pt idx="103">
                        <c:v>45395</c:v>
                      </c:pt>
                      <c:pt idx="104">
                        <c:v>45396</c:v>
                      </c:pt>
                      <c:pt idx="105">
                        <c:v>45397</c:v>
                      </c:pt>
                      <c:pt idx="106">
                        <c:v>45398</c:v>
                      </c:pt>
                      <c:pt idx="107">
                        <c:v>45399</c:v>
                      </c:pt>
                      <c:pt idx="108">
                        <c:v>45400</c:v>
                      </c:pt>
                      <c:pt idx="109">
                        <c:v>45401</c:v>
                      </c:pt>
                      <c:pt idx="110">
                        <c:v>45402</c:v>
                      </c:pt>
                      <c:pt idx="111">
                        <c:v>45403</c:v>
                      </c:pt>
                      <c:pt idx="112">
                        <c:v>45404</c:v>
                      </c:pt>
                      <c:pt idx="113">
                        <c:v>45405</c:v>
                      </c:pt>
                      <c:pt idx="114">
                        <c:v>45406</c:v>
                      </c:pt>
                      <c:pt idx="115">
                        <c:v>45407</c:v>
                      </c:pt>
                      <c:pt idx="116">
                        <c:v>45408</c:v>
                      </c:pt>
                      <c:pt idx="117">
                        <c:v>45409</c:v>
                      </c:pt>
                      <c:pt idx="118">
                        <c:v>45410</c:v>
                      </c:pt>
                      <c:pt idx="119">
                        <c:v>45411</c:v>
                      </c:pt>
                      <c:pt idx="120">
                        <c:v>45412</c:v>
                      </c:pt>
                      <c:pt idx="121">
                        <c:v>45413</c:v>
                      </c:pt>
                      <c:pt idx="122">
                        <c:v>45414</c:v>
                      </c:pt>
                      <c:pt idx="123">
                        <c:v>45415</c:v>
                      </c:pt>
                      <c:pt idx="124">
                        <c:v>45416</c:v>
                      </c:pt>
                      <c:pt idx="125">
                        <c:v>45417</c:v>
                      </c:pt>
                      <c:pt idx="126">
                        <c:v>45418</c:v>
                      </c:pt>
                      <c:pt idx="127">
                        <c:v>45419</c:v>
                      </c:pt>
                      <c:pt idx="128">
                        <c:v>45420</c:v>
                      </c:pt>
                      <c:pt idx="129">
                        <c:v>45421</c:v>
                      </c:pt>
                      <c:pt idx="130">
                        <c:v>45422</c:v>
                      </c:pt>
                      <c:pt idx="131">
                        <c:v>45423</c:v>
                      </c:pt>
                      <c:pt idx="132">
                        <c:v>45424</c:v>
                      </c:pt>
                      <c:pt idx="133">
                        <c:v>45425</c:v>
                      </c:pt>
                      <c:pt idx="134">
                        <c:v>45426</c:v>
                      </c:pt>
                      <c:pt idx="135">
                        <c:v>45427</c:v>
                      </c:pt>
                      <c:pt idx="136">
                        <c:v>45428</c:v>
                      </c:pt>
                      <c:pt idx="137">
                        <c:v>45429</c:v>
                      </c:pt>
                      <c:pt idx="138">
                        <c:v>45430</c:v>
                      </c:pt>
                      <c:pt idx="139">
                        <c:v>45431</c:v>
                      </c:pt>
                      <c:pt idx="140">
                        <c:v>45432</c:v>
                      </c:pt>
                      <c:pt idx="141">
                        <c:v>45433</c:v>
                      </c:pt>
                      <c:pt idx="142">
                        <c:v>45434</c:v>
                      </c:pt>
                      <c:pt idx="143">
                        <c:v>45435</c:v>
                      </c:pt>
                      <c:pt idx="144">
                        <c:v>45436</c:v>
                      </c:pt>
                      <c:pt idx="145">
                        <c:v>45437</c:v>
                      </c:pt>
                      <c:pt idx="146">
                        <c:v>45438</c:v>
                      </c:pt>
                      <c:pt idx="147">
                        <c:v>45439</c:v>
                      </c:pt>
                      <c:pt idx="148">
                        <c:v>45440</c:v>
                      </c:pt>
                      <c:pt idx="149">
                        <c:v>45441</c:v>
                      </c:pt>
                      <c:pt idx="150">
                        <c:v>45442</c:v>
                      </c:pt>
                      <c:pt idx="151">
                        <c:v>45443</c:v>
                      </c:pt>
                      <c:pt idx="152">
                        <c:v>45444</c:v>
                      </c:pt>
                      <c:pt idx="153">
                        <c:v>45445</c:v>
                      </c:pt>
                      <c:pt idx="154">
                        <c:v>45446</c:v>
                      </c:pt>
                      <c:pt idx="155">
                        <c:v>45447</c:v>
                      </c:pt>
                      <c:pt idx="156">
                        <c:v>45448</c:v>
                      </c:pt>
                      <c:pt idx="157">
                        <c:v>45449</c:v>
                      </c:pt>
                      <c:pt idx="158">
                        <c:v>45450</c:v>
                      </c:pt>
                      <c:pt idx="159">
                        <c:v>45451</c:v>
                      </c:pt>
                      <c:pt idx="160">
                        <c:v>45452</c:v>
                      </c:pt>
                      <c:pt idx="161">
                        <c:v>45453</c:v>
                      </c:pt>
                      <c:pt idx="162">
                        <c:v>45454</c:v>
                      </c:pt>
                      <c:pt idx="163">
                        <c:v>45455</c:v>
                      </c:pt>
                      <c:pt idx="164">
                        <c:v>45456</c:v>
                      </c:pt>
                      <c:pt idx="165">
                        <c:v>45457</c:v>
                      </c:pt>
                      <c:pt idx="166">
                        <c:v>45458</c:v>
                      </c:pt>
                      <c:pt idx="167">
                        <c:v>45459</c:v>
                      </c:pt>
                      <c:pt idx="168">
                        <c:v>45460</c:v>
                      </c:pt>
                      <c:pt idx="169">
                        <c:v>45461</c:v>
                      </c:pt>
                      <c:pt idx="170">
                        <c:v>45462</c:v>
                      </c:pt>
                      <c:pt idx="171">
                        <c:v>45463</c:v>
                      </c:pt>
                      <c:pt idx="172">
                        <c:v>45464</c:v>
                      </c:pt>
                      <c:pt idx="173">
                        <c:v>45465</c:v>
                      </c:pt>
                      <c:pt idx="174">
                        <c:v>45466</c:v>
                      </c:pt>
                      <c:pt idx="175">
                        <c:v>45467</c:v>
                      </c:pt>
                      <c:pt idx="176">
                        <c:v>45468</c:v>
                      </c:pt>
                      <c:pt idx="177">
                        <c:v>45469</c:v>
                      </c:pt>
                      <c:pt idx="178">
                        <c:v>45470</c:v>
                      </c:pt>
                      <c:pt idx="179">
                        <c:v>45471</c:v>
                      </c:pt>
                      <c:pt idx="180">
                        <c:v>45472</c:v>
                      </c:pt>
                      <c:pt idx="181">
                        <c:v>45473</c:v>
                      </c:pt>
                      <c:pt idx="182">
                        <c:v>45474</c:v>
                      </c:pt>
                      <c:pt idx="183">
                        <c:v>45475</c:v>
                      </c:pt>
                      <c:pt idx="184">
                        <c:v>45476</c:v>
                      </c:pt>
                      <c:pt idx="185">
                        <c:v>45477</c:v>
                      </c:pt>
                      <c:pt idx="186">
                        <c:v>45478</c:v>
                      </c:pt>
                      <c:pt idx="187">
                        <c:v>45479</c:v>
                      </c:pt>
                      <c:pt idx="188">
                        <c:v>45480</c:v>
                      </c:pt>
                      <c:pt idx="189">
                        <c:v>45481</c:v>
                      </c:pt>
                      <c:pt idx="190">
                        <c:v>45482</c:v>
                      </c:pt>
                      <c:pt idx="191">
                        <c:v>45483</c:v>
                      </c:pt>
                      <c:pt idx="192">
                        <c:v>45484</c:v>
                      </c:pt>
                      <c:pt idx="193">
                        <c:v>45485</c:v>
                      </c:pt>
                      <c:pt idx="194">
                        <c:v>45486</c:v>
                      </c:pt>
                      <c:pt idx="195">
                        <c:v>45487</c:v>
                      </c:pt>
                      <c:pt idx="196">
                        <c:v>45488</c:v>
                      </c:pt>
                      <c:pt idx="197">
                        <c:v>45489</c:v>
                      </c:pt>
                      <c:pt idx="198">
                        <c:v>45490</c:v>
                      </c:pt>
                      <c:pt idx="199">
                        <c:v>45491</c:v>
                      </c:pt>
                      <c:pt idx="200">
                        <c:v>45492</c:v>
                      </c:pt>
                      <c:pt idx="201">
                        <c:v>45493</c:v>
                      </c:pt>
                      <c:pt idx="202">
                        <c:v>45494</c:v>
                      </c:pt>
                      <c:pt idx="203">
                        <c:v>45495</c:v>
                      </c:pt>
                      <c:pt idx="204">
                        <c:v>45496</c:v>
                      </c:pt>
                      <c:pt idx="205">
                        <c:v>45497</c:v>
                      </c:pt>
                      <c:pt idx="206">
                        <c:v>45498</c:v>
                      </c:pt>
                      <c:pt idx="207">
                        <c:v>45499</c:v>
                      </c:pt>
                      <c:pt idx="208">
                        <c:v>45500</c:v>
                      </c:pt>
                      <c:pt idx="209">
                        <c:v>45501</c:v>
                      </c:pt>
                      <c:pt idx="210">
                        <c:v>45502</c:v>
                      </c:pt>
                      <c:pt idx="211">
                        <c:v>45503</c:v>
                      </c:pt>
                      <c:pt idx="212">
                        <c:v>45504</c:v>
                      </c:pt>
                      <c:pt idx="213">
                        <c:v>45505</c:v>
                      </c:pt>
                      <c:pt idx="214">
                        <c:v>45506</c:v>
                      </c:pt>
                      <c:pt idx="215">
                        <c:v>45507</c:v>
                      </c:pt>
                      <c:pt idx="216">
                        <c:v>45508</c:v>
                      </c:pt>
                      <c:pt idx="217">
                        <c:v>45509</c:v>
                      </c:pt>
                      <c:pt idx="218">
                        <c:v>45510</c:v>
                      </c:pt>
                      <c:pt idx="219">
                        <c:v>45511</c:v>
                      </c:pt>
                      <c:pt idx="220">
                        <c:v>45512</c:v>
                      </c:pt>
                      <c:pt idx="221">
                        <c:v>45513</c:v>
                      </c:pt>
                      <c:pt idx="222">
                        <c:v>45514</c:v>
                      </c:pt>
                      <c:pt idx="223">
                        <c:v>45515</c:v>
                      </c:pt>
                      <c:pt idx="224">
                        <c:v>45516</c:v>
                      </c:pt>
                      <c:pt idx="225">
                        <c:v>45517</c:v>
                      </c:pt>
                      <c:pt idx="226">
                        <c:v>45518</c:v>
                      </c:pt>
                      <c:pt idx="227">
                        <c:v>45519</c:v>
                      </c:pt>
                      <c:pt idx="228">
                        <c:v>45520</c:v>
                      </c:pt>
                      <c:pt idx="229">
                        <c:v>45521</c:v>
                      </c:pt>
                      <c:pt idx="230">
                        <c:v>45522</c:v>
                      </c:pt>
                      <c:pt idx="231">
                        <c:v>45523</c:v>
                      </c:pt>
                      <c:pt idx="232">
                        <c:v>45524</c:v>
                      </c:pt>
                      <c:pt idx="233">
                        <c:v>45525</c:v>
                      </c:pt>
                      <c:pt idx="234">
                        <c:v>45526</c:v>
                      </c:pt>
                      <c:pt idx="235">
                        <c:v>45527</c:v>
                      </c:pt>
                      <c:pt idx="236">
                        <c:v>45528</c:v>
                      </c:pt>
                      <c:pt idx="237">
                        <c:v>45529</c:v>
                      </c:pt>
                      <c:pt idx="238">
                        <c:v>45530</c:v>
                      </c:pt>
                      <c:pt idx="239">
                        <c:v>45531</c:v>
                      </c:pt>
                      <c:pt idx="240">
                        <c:v>45532</c:v>
                      </c:pt>
                      <c:pt idx="241">
                        <c:v>45533</c:v>
                      </c:pt>
                      <c:pt idx="242">
                        <c:v>45534</c:v>
                      </c:pt>
                      <c:pt idx="243">
                        <c:v>45535</c:v>
                      </c:pt>
                      <c:pt idx="244">
                        <c:v>45536</c:v>
                      </c:pt>
                      <c:pt idx="245">
                        <c:v>45537</c:v>
                      </c:pt>
                      <c:pt idx="246">
                        <c:v>45538</c:v>
                      </c:pt>
                      <c:pt idx="247">
                        <c:v>45539</c:v>
                      </c:pt>
                      <c:pt idx="248">
                        <c:v>45540</c:v>
                      </c:pt>
                      <c:pt idx="249">
                        <c:v>45541</c:v>
                      </c:pt>
                      <c:pt idx="250">
                        <c:v>45542</c:v>
                      </c:pt>
                      <c:pt idx="251">
                        <c:v>45543</c:v>
                      </c:pt>
                      <c:pt idx="252">
                        <c:v>45544</c:v>
                      </c:pt>
                      <c:pt idx="253">
                        <c:v>45545</c:v>
                      </c:pt>
                      <c:pt idx="254">
                        <c:v>45546</c:v>
                      </c:pt>
                      <c:pt idx="255">
                        <c:v>45547</c:v>
                      </c:pt>
                      <c:pt idx="256">
                        <c:v>45548</c:v>
                      </c:pt>
                      <c:pt idx="257">
                        <c:v>45549</c:v>
                      </c:pt>
                      <c:pt idx="258">
                        <c:v>45550</c:v>
                      </c:pt>
                      <c:pt idx="259">
                        <c:v>45551</c:v>
                      </c:pt>
                      <c:pt idx="260">
                        <c:v>45552</c:v>
                      </c:pt>
                      <c:pt idx="261">
                        <c:v>45553</c:v>
                      </c:pt>
                      <c:pt idx="262">
                        <c:v>45554</c:v>
                      </c:pt>
                      <c:pt idx="263">
                        <c:v>45555</c:v>
                      </c:pt>
                      <c:pt idx="264">
                        <c:v>45556</c:v>
                      </c:pt>
                      <c:pt idx="265">
                        <c:v>45557</c:v>
                      </c:pt>
                      <c:pt idx="266">
                        <c:v>45558</c:v>
                      </c:pt>
                      <c:pt idx="267">
                        <c:v>45559</c:v>
                      </c:pt>
                      <c:pt idx="268">
                        <c:v>45560</c:v>
                      </c:pt>
                      <c:pt idx="269">
                        <c:v>45561</c:v>
                      </c:pt>
                      <c:pt idx="270">
                        <c:v>45562</c:v>
                      </c:pt>
                      <c:pt idx="271">
                        <c:v>45563</c:v>
                      </c:pt>
                      <c:pt idx="272">
                        <c:v>45564</c:v>
                      </c:pt>
                      <c:pt idx="273">
                        <c:v>45565</c:v>
                      </c:pt>
                      <c:pt idx="274">
                        <c:v>45566</c:v>
                      </c:pt>
                      <c:pt idx="275">
                        <c:v>45567</c:v>
                      </c:pt>
                      <c:pt idx="276">
                        <c:v>45568</c:v>
                      </c:pt>
                      <c:pt idx="277">
                        <c:v>45569</c:v>
                      </c:pt>
                      <c:pt idx="278">
                        <c:v>45570</c:v>
                      </c:pt>
                      <c:pt idx="279">
                        <c:v>45571</c:v>
                      </c:pt>
                      <c:pt idx="280">
                        <c:v>45572</c:v>
                      </c:pt>
                      <c:pt idx="281">
                        <c:v>45573</c:v>
                      </c:pt>
                      <c:pt idx="282">
                        <c:v>45574</c:v>
                      </c:pt>
                      <c:pt idx="283">
                        <c:v>45575</c:v>
                      </c:pt>
                      <c:pt idx="284">
                        <c:v>45576</c:v>
                      </c:pt>
                      <c:pt idx="285">
                        <c:v>45577</c:v>
                      </c:pt>
                      <c:pt idx="286">
                        <c:v>45578</c:v>
                      </c:pt>
                      <c:pt idx="287">
                        <c:v>45579</c:v>
                      </c:pt>
                      <c:pt idx="288">
                        <c:v>45580</c:v>
                      </c:pt>
                      <c:pt idx="289">
                        <c:v>45581</c:v>
                      </c:pt>
                      <c:pt idx="290">
                        <c:v>45582</c:v>
                      </c:pt>
                      <c:pt idx="291">
                        <c:v>45583</c:v>
                      </c:pt>
                      <c:pt idx="292">
                        <c:v>45584</c:v>
                      </c:pt>
                      <c:pt idx="293">
                        <c:v>45585</c:v>
                      </c:pt>
                      <c:pt idx="294">
                        <c:v>45586</c:v>
                      </c:pt>
                      <c:pt idx="295">
                        <c:v>45587</c:v>
                      </c:pt>
                      <c:pt idx="296">
                        <c:v>45588</c:v>
                      </c:pt>
                      <c:pt idx="297">
                        <c:v>45589</c:v>
                      </c:pt>
                      <c:pt idx="298">
                        <c:v>45590</c:v>
                      </c:pt>
                      <c:pt idx="299">
                        <c:v>45591</c:v>
                      </c:pt>
                      <c:pt idx="300">
                        <c:v>45592</c:v>
                      </c:pt>
                      <c:pt idx="301">
                        <c:v>45593</c:v>
                      </c:pt>
                      <c:pt idx="302">
                        <c:v>45594</c:v>
                      </c:pt>
                      <c:pt idx="303">
                        <c:v>45595</c:v>
                      </c:pt>
                      <c:pt idx="304">
                        <c:v>45596</c:v>
                      </c:pt>
                      <c:pt idx="305">
                        <c:v>45597</c:v>
                      </c:pt>
                      <c:pt idx="306">
                        <c:v>45598</c:v>
                      </c:pt>
                      <c:pt idx="307">
                        <c:v>45599</c:v>
                      </c:pt>
                      <c:pt idx="308">
                        <c:v>45600</c:v>
                      </c:pt>
                      <c:pt idx="309">
                        <c:v>45601</c:v>
                      </c:pt>
                      <c:pt idx="310">
                        <c:v>45602</c:v>
                      </c:pt>
                      <c:pt idx="311">
                        <c:v>45603</c:v>
                      </c:pt>
                      <c:pt idx="312">
                        <c:v>45604</c:v>
                      </c:pt>
                      <c:pt idx="313">
                        <c:v>45605</c:v>
                      </c:pt>
                      <c:pt idx="314">
                        <c:v>45606</c:v>
                      </c:pt>
                      <c:pt idx="315">
                        <c:v>45607</c:v>
                      </c:pt>
                      <c:pt idx="316">
                        <c:v>45608</c:v>
                      </c:pt>
                      <c:pt idx="317">
                        <c:v>45609</c:v>
                      </c:pt>
                      <c:pt idx="318">
                        <c:v>45610</c:v>
                      </c:pt>
                      <c:pt idx="319">
                        <c:v>45611</c:v>
                      </c:pt>
                      <c:pt idx="320">
                        <c:v>45612</c:v>
                      </c:pt>
                      <c:pt idx="321">
                        <c:v>45613</c:v>
                      </c:pt>
                      <c:pt idx="322">
                        <c:v>45614</c:v>
                      </c:pt>
                      <c:pt idx="323">
                        <c:v>45615</c:v>
                      </c:pt>
                      <c:pt idx="324">
                        <c:v>45616</c:v>
                      </c:pt>
                      <c:pt idx="325">
                        <c:v>45617</c:v>
                      </c:pt>
                      <c:pt idx="326">
                        <c:v>45618</c:v>
                      </c:pt>
                      <c:pt idx="327">
                        <c:v>45619</c:v>
                      </c:pt>
                      <c:pt idx="328">
                        <c:v>45620</c:v>
                      </c:pt>
                      <c:pt idx="329">
                        <c:v>45621</c:v>
                      </c:pt>
                      <c:pt idx="330">
                        <c:v>45622</c:v>
                      </c:pt>
                      <c:pt idx="331">
                        <c:v>45623</c:v>
                      </c:pt>
                      <c:pt idx="332">
                        <c:v>45624</c:v>
                      </c:pt>
                      <c:pt idx="333">
                        <c:v>45625</c:v>
                      </c:pt>
                      <c:pt idx="334">
                        <c:v>45626</c:v>
                      </c:pt>
                      <c:pt idx="335">
                        <c:v>45627</c:v>
                      </c:pt>
                      <c:pt idx="336">
                        <c:v>45628</c:v>
                      </c:pt>
                      <c:pt idx="337">
                        <c:v>45629</c:v>
                      </c:pt>
                      <c:pt idx="338">
                        <c:v>45630</c:v>
                      </c:pt>
                      <c:pt idx="339">
                        <c:v>45631</c:v>
                      </c:pt>
                      <c:pt idx="340">
                        <c:v>45632</c:v>
                      </c:pt>
                      <c:pt idx="341">
                        <c:v>45633</c:v>
                      </c:pt>
                      <c:pt idx="342">
                        <c:v>45634</c:v>
                      </c:pt>
                      <c:pt idx="343">
                        <c:v>45635</c:v>
                      </c:pt>
                      <c:pt idx="344">
                        <c:v>45636</c:v>
                      </c:pt>
                      <c:pt idx="345">
                        <c:v>45637</c:v>
                      </c:pt>
                      <c:pt idx="346">
                        <c:v>45638</c:v>
                      </c:pt>
                      <c:pt idx="347">
                        <c:v>45639</c:v>
                      </c:pt>
                      <c:pt idx="348">
                        <c:v>45640</c:v>
                      </c:pt>
                      <c:pt idx="349">
                        <c:v>45641</c:v>
                      </c:pt>
                      <c:pt idx="350">
                        <c:v>45642</c:v>
                      </c:pt>
                      <c:pt idx="351">
                        <c:v>45643</c:v>
                      </c:pt>
                      <c:pt idx="352">
                        <c:v>45644</c:v>
                      </c:pt>
                      <c:pt idx="353">
                        <c:v>45645</c:v>
                      </c:pt>
                      <c:pt idx="354">
                        <c:v>45646</c:v>
                      </c:pt>
                      <c:pt idx="355">
                        <c:v>45647</c:v>
                      </c:pt>
                      <c:pt idx="356">
                        <c:v>45648</c:v>
                      </c:pt>
                      <c:pt idx="357">
                        <c:v>45649</c:v>
                      </c:pt>
                      <c:pt idx="358">
                        <c:v>45650</c:v>
                      </c:pt>
                      <c:pt idx="359">
                        <c:v>45651</c:v>
                      </c:pt>
                      <c:pt idx="360">
                        <c:v>45652</c:v>
                      </c:pt>
                      <c:pt idx="361">
                        <c:v>45653</c:v>
                      </c:pt>
                      <c:pt idx="362">
                        <c:v>45654</c:v>
                      </c:pt>
                      <c:pt idx="363">
                        <c:v>45655</c:v>
                      </c:pt>
                      <c:pt idx="364">
                        <c:v>45656</c:v>
                      </c:pt>
                      <c:pt idx="365">
                        <c:v>45657</c:v>
                      </c:pt>
                    </c:numCache>
                  </c:numRef>
                </c:xVal>
                <c:yVal>
                  <c:numRef>
                    <c:extLst>
                      <c:ext uri="{02D57815-91ED-43cb-92C2-25804820EDAC}">
                        <c15:formulaRef>
                          <c15:sqref>Jesper!$AR$2:$AR$367</c15:sqref>
                        </c15:formulaRef>
                      </c:ext>
                    </c:extLst>
                    <c:numCache>
                      <c:formatCode>General</c:formatCode>
                      <c:ptCount val="366"/>
                      <c:pt idx="0">
                        <c:v>292.69771122157692</c:v>
                      </c:pt>
                      <c:pt idx="1">
                        <c:v>298.77242033482685</c:v>
                      </c:pt>
                      <c:pt idx="2">
                        <c:v>295.93755608197682</c:v>
                      </c:pt>
                      <c:pt idx="3">
                        <c:v>295.53257547442695</c:v>
                      </c:pt>
                      <c:pt idx="4">
                        <c:v>293.912653044227</c:v>
                      </c:pt>
                      <c:pt idx="5">
                        <c:v>331.29077331735812</c:v>
                      </c:pt>
                      <c:pt idx="6">
                        <c:v>320.57220548273045</c:v>
                      </c:pt>
                      <c:pt idx="7">
                        <c:v>265.78264840470717</c:v>
                      </c:pt>
                      <c:pt idx="8">
                        <c:v>266.71304485824936</c:v>
                      </c:pt>
                      <c:pt idx="9">
                        <c:v>271.73718570737691</c:v>
                      </c:pt>
                      <c:pt idx="10">
                        <c:v>268.38775847462512</c:v>
                      </c:pt>
                      <c:pt idx="11">
                        <c:v>269.69031350958414</c:v>
                      </c:pt>
                      <c:pt idx="12">
                        <c:v>321.13634063192143</c:v>
                      </c:pt>
                      <c:pt idx="13">
                        <c:v>323.39288122868516</c:v>
                      </c:pt>
                      <c:pt idx="14">
                        <c:v>283.78813785547709</c:v>
                      </c:pt>
                      <c:pt idx="15">
                        <c:v>285.40806028567704</c:v>
                      </c:pt>
                      <c:pt idx="16">
                        <c:v>278.11840934977721</c:v>
                      </c:pt>
                      <c:pt idx="17">
                        <c:v>282.97817664037723</c:v>
                      </c:pt>
                      <c:pt idx="18">
                        <c:v>285.00307967812705</c:v>
                      </c:pt>
                      <c:pt idx="19">
                        <c:v>317.18739458758495</c:v>
                      </c:pt>
                      <c:pt idx="20">
                        <c:v>318.87980003515776</c:v>
                      </c:pt>
                      <c:pt idx="21">
                        <c:v>281.35825421017717</c:v>
                      </c:pt>
                      <c:pt idx="22">
                        <c:v>272.48150287021059</c:v>
                      </c:pt>
                      <c:pt idx="23">
                        <c:v>268.38775847462512</c:v>
                      </c:pt>
                      <c:pt idx="24">
                        <c:v>265.78264840470717</c:v>
                      </c:pt>
                      <c:pt idx="25">
                        <c:v>276.49848691957732</c:v>
                      </c:pt>
                      <c:pt idx="26">
                        <c:v>310.98190794648474</c:v>
                      </c:pt>
                      <c:pt idx="27">
                        <c:v>308.72536734972107</c:v>
                      </c:pt>
                      <c:pt idx="28">
                        <c:v>272.2954235795022</c:v>
                      </c:pt>
                      <c:pt idx="29">
                        <c:v>273.66362266672735</c:v>
                      </c:pt>
                      <c:pt idx="30">
                        <c:v>287.83794393097708</c:v>
                      </c:pt>
                      <c:pt idx="31">
                        <c:v>301.60728458767676</c:v>
                      </c:pt>
                      <c:pt idx="32">
                        <c:v>289.05288575362704</c:v>
                      </c:pt>
                      <c:pt idx="33">
                        <c:v>336.93212480926746</c:v>
                      </c:pt>
                      <c:pt idx="34">
                        <c:v>338.06039510764924</c:v>
                      </c:pt>
                      <c:pt idx="35">
                        <c:v>274.47358388182732</c:v>
                      </c:pt>
                      <c:pt idx="36">
                        <c:v>271.17894783525156</c:v>
                      </c:pt>
                      <c:pt idx="37">
                        <c:v>271.36502712596007</c:v>
                      </c:pt>
                      <c:pt idx="38">
                        <c:v>266.89912414895775</c:v>
                      </c:pt>
                      <c:pt idx="39">
                        <c:v>278.11840934977721</c:v>
                      </c:pt>
                      <c:pt idx="40">
                        <c:v>325.64942182544894</c:v>
                      </c:pt>
                      <c:pt idx="41">
                        <c:v>322.26461093030326</c:v>
                      </c:pt>
                      <c:pt idx="42">
                        <c:v>265.96872769541562</c:v>
                      </c:pt>
                      <c:pt idx="43">
                        <c:v>263.17753833478918</c:v>
                      </c:pt>
                      <c:pt idx="44">
                        <c:v>272.66758216091904</c:v>
                      </c:pt>
                      <c:pt idx="45">
                        <c:v>281.76323481772715</c:v>
                      </c:pt>
                      <c:pt idx="46">
                        <c:v>269.87639280029259</c:v>
                      </c:pt>
                      <c:pt idx="47">
                        <c:v>305.90469160376637</c:v>
                      </c:pt>
                      <c:pt idx="48">
                        <c:v>314.3667188416303</c:v>
                      </c:pt>
                      <c:pt idx="49">
                        <c:v>284.59809907057706</c:v>
                      </c:pt>
                      <c:pt idx="50">
                        <c:v>280.95327360262718</c:v>
                      </c:pt>
                      <c:pt idx="51">
                        <c:v>289.45786636117703</c:v>
                      </c:pt>
                      <c:pt idx="52">
                        <c:v>285.40806028567704</c:v>
                      </c:pt>
                      <c:pt idx="53">
                        <c:v>281.35825421017717</c:v>
                      </c:pt>
                      <c:pt idx="54">
                        <c:v>318.31566488596678</c:v>
                      </c:pt>
                      <c:pt idx="55">
                        <c:v>317.75152973677586</c:v>
                      </c:pt>
                      <c:pt idx="56">
                        <c:v>271.55110641666846</c:v>
                      </c:pt>
                      <c:pt idx="57">
                        <c:v>268.75991705604207</c:v>
                      </c:pt>
                      <c:pt idx="58">
                        <c:v>268.20167918391672</c:v>
                      </c:pt>
                      <c:pt idx="59">
                        <c:v>268.38775847462512</c:v>
                      </c:pt>
                      <c:pt idx="60">
                        <c:v>269.50423421887575</c:v>
                      </c:pt>
                      <c:pt idx="61">
                        <c:v>312.11017824486657</c:v>
                      </c:pt>
                      <c:pt idx="62">
                        <c:v>328.47009757140353</c:v>
                      </c:pt>
                      <c:pt idx="63">
                        <c:v>285.81304089322703</c:v>
                      </c:pt>
                      <c:pt idx="64">
                        <c:v>298.36743972727686</c:v>
                      </c:pt>
                      <c:pt idx="65">
                        <c:v>304.0371682329768</c:v>
                      </c:pt>
                      <c:pt idx="66">
                        <c:v>311.32681916887663</c:v>
                      </c:pt>
                      <c:pt idx="67">
                        <c:v>316.18658645947659</c:v>
                      </c:pt>
                      <c:pt idx="68">
                        <c:v>346.52242234551329</c:v>
                      </c:pt>
                      <c:pt idx="69">
                        <c:v>339.75280055522205</c:v>
                      </c:pt>
                      <c:pt idx="70">
                        <c:v>294.31763365177687</c:v>
                      </c:pt>
                      <c:pt idx="71">
                        <c:v>286.21802150077701</c:v>
                      </c:pt>
                      <c:pt idx="72">
                        <c:v>284.59809907057706</c:v>
                      </c:pt>
                      <c:pt idx="73">
                        <c:v>280.95327360262718</c:v>
                      </c:pt>
                      <c:pt idx="74">
                        <c:v>281.35825421017717</c:v>
                      </c:pt>
                      <c:pt idx="75">
                        <c:v>301.39161041023897</c:v>
                      </c:pt>
                      <c:pt idx="76">
                        <c:v>308.72536734972107</c:v>
                      </c:pt>
                      <c:pt idx="77">
                        <c:v>275.68852570447729</c:v>
                      </c:pt>
                      <c:pt idx="78">
                        <c:v>272.66758216091904</c:v>
                      </c:pt>
                      <c:pt idx="79">
                        <c:v>279.33335117242723</c:v>
                      </c:pt>
                      <c:pt idx="80">
                        <c:v>282.97817664037723</c:v>
                      </c:pt>
                      <c:pt idx="81">
                        <c:v>278.92837056487718</c:v>
                      </c:pt>
                      <c:pt idx="82">
                        <c:v>315.49498914001214</c:v>
                      </c:pt>
                      <c:pt idx="83">
                        <c:v>329.59836786978536</c:v>
                      </c:pt>
                      <c:pt idx="84">
                        <c:v>291.07778879137697</c:v>
                      </c:pt>
                      <c:pt idx="85">
                        <c:v>293.5076724366769</c:v>
                      </c:pt>
                      <c:pt idx="86">
                        <c:v>297.96245911972687</c:v>
                      </c:pt>
                      <c:pt idx="87">
                        <c:v>296.34253668952692</c:v>
                      </c:pt>
                      <c:pt idx="88">
                        <c:v>293.912653044227</c:v>
                      </c:pt>
                      <c:pt idx="89">
                        <c:v>323.95701637787607</c:v>
                      </c:pt>
                      <c:pt idx="90">
                        <c:v>317.18739458758495</c:v>
                      </c:pt>
                      <c:pt idx="91">
                        <c:v>277.30844813467729</c:v>
                      </c:pt>
                      <c:pt idx="92">
                        <c:v>270.80678925383472</c:v>
                      </c:pt>
                      <c:pt idx="93">
                        <c:v>268.01559989320833</c:v>
                      </c:pt>
                      <c:pt idx="94">
                        <c:v>265.59656911399873</c:v>
                      </c:pt>
                      <c:pt idx="95">
                        <c:v>269.50423421887575</c:v>
                      </c:pt>
                      <c:pt idx="96">
                        <c:v>297.44266436590243</c:v>
                      </c:pt>
                      <c:pt idx="97">
                        <c:v>286.72409653127477</c:v>
                      </c:pt>
                      <c:pt idx="98">
                        <c:v>267.45736202108304</c:v>
                      </c:pt>
                      <c:pt idx="99">
                        <c:v>263.73577620691441</c:v>
                      </c:pt>
                      <c:pt idx="100">
                        <c:v>262.0610625905386</c:v>
                      </c:pt>
                      <c:pt idx="101">
                        <c:v>260.75850755557957</c:v>
                      </c:pt>
                      <c:pt idx="102">
                        <c:v>261.6889040091217</c:v>
                      </c:pt>
                      <c:pt idx="103">
                        <c:v>282.21101533774737</c:v>
                      </c:pt>
                      <c:pt idx="104">
                        <c:v>282.77515048693829</c:v>
                      </c:pt>
                      <c:pt idx="105">
                        <c:v>264.6661726604566</c:v>
                      </c:pt>
                      <c:pt idx="106">
                        <c:v>263.92185549762291</c:v>
                      </c:pt>
                      <c:pt idx="107">
                        <c:v>260.94458684628802</c:v>
                      </c:pt>
                      <c:pt idx="108">
                        <c:v>260.38634897416273</c:v>
                      </c:pt>
                      <c:pt idx="109">
                        <c:v>260.01419039274589</c:v>
                      </c:pt>
                      <c:pt idx="110">
                        <c:v>269.8000420555469</c:v>
                      </c:pt>
                      <c:pt idx="111">
                        <c:v>289.54477227722941</c:v>
                      </c:pt>
                      <c:pt idx="112">
                        <c:v>276.49848691957732</c:v>
                      </c:pt>
                      <c:pt idx="113">
                        <c:v>273.66362266672735</c:v>
                      </c:pt>
                      <c:pt idx="114">
                        <c:v>279.73833177997722</c:v>
                      </c:pt>
                      <c:pt idx="115">
                        <c:v>274.87856448937731</c:v>
                      </c:pt>
                      <c:pt idx="116">
                        <c:v>273.66362266672735</c:v>
                      </c:pt>
                      <c:pt idx="117">
                        <c:v>292.36544802318406</c:v>
                      </c:pt>
                      <c:pt idx="118">
                        <c:v>310.98190794648474</c:v>
                      </c:pt>
                      <c:pt idx="119">
                        <c:v>275.2835450969273</c:v>
                      </c:pt>
                      <c:pt idx="120">
                        <c:v>271.73718570737691</c:v>
                      </c:pt>
                      <c:pt idx="121">
                        <c:v>268.57383776533362</c:v>
                      </c:pt>
                      <c:pt idx="122">
                        <c:v>270.99286854454317</c:v>
                      </c:pt>
                      <c:pt idx="123">
                        <c:v>269.3181549281673</c:v>
                      </c:pt>
                      <c:pt idx="124">
                        <c:v>283.33928563612926</c:v>
                      </c:pt>
                      <c:pt idx="125">
                        <c:v>273.74898809988349</c:v>
                      </c:pt>
                      <c:pt idx="126">
                        <c:v>260.57242826487118</c:v>
                      </c:pt>
                      <c:pt idx="127">
                        <c:v>255.73436670645202</c:v>
                      </c:pt>
                      <c:pt idx="128">
                        <c:v>252.75709805511718</c:v>
                      </c:pt>
                      <c:pt idx="129">
                        <c:v>251.45454302015816</c:v>
                      </c:pt>
                      <c:pt idx="130">
                        <c:v>255.36220812503518</c:v>
                      </c:pt>
                      <c:pt idx="131">
                        <c:v>256.26079847496464</c:v>
                      </c:pt>
                      <c:pt idx="132">
                        <c:v>248.92704153548257</c:v>
                      </c:pt>
                      <c:pt idx="133">
                        <c:v>249.03551224094863</c:v>
                      </c:pt>
                      <c:pt idx="134">
                        <c:v>255.17612883432676</c:v>
                      </c:pt>
                      <c:pt idx="135">
                        <c:v>264.48009336974815</c:v>
                      </c:pt>
                      <c:pt idx="136">
                        <c:v>268.38775847462512</c:v>
                      </c:pt>
                      <c:pt idx="137">
                        <c:v>258.89771464849531</c:v>
                      </c:pt>
                      <c:pt idx="138">
                        <c:v>252.31185243062808</c:v>
                      </c:pt>
                      <c:pt idx="139">
                        <c:v>241.59328459600044</c:v>
                      </c:pt>
                      <c:pt idx="140">
                        <c:v>254.2457323807846</c:v>
                      </c:pt>
                      <c:pt idx="141">
                        <c:v>252.75709805511718</c:v>
                      </c:pt>
                      <c:pt idx="142">
                        <c:v>260.75850755557957</c:v>
                      </c:pt>
                      <c:pt idx="143">
                        <c:v>261.6889040091217</c:v>
                      </c:pt>
                      <c:pt idx="144">
                        <c:v>266.34088627683241</c:v>
                      </c:pt>
                      <c:pt idx="145">
                        <c:v>286.15996138208391</c:v>
                      </c:pt>
                      <c:pt idx="146">
                        <c:v>270.36417720473787</c:v>
                      </c:pt>
                      <c:pt idx="147">
                        <c:v>266.34088627683241</c:v>
                      </c:pt>
                      <c:pt idx="148">
                        <c:v>264.48009336974815</c:v>
                      </c:pt>
                      <c:pt idx="149">
                        <c:v>258.52555606707847</c:v>
                      </c:pt>
                      <c:pt idx="150">
                        <c:v>265.41048982329028</c:v>
                      </c:pt>
                      <c:pt idx="151">
                        <c:v>267.27128273037459</c:v>
                      </c:pt>
                      <c:pt idx="152">
                        <c:v>275.44139354745624</c:v>
                      </c:pt>
                      <c:pt idx="153">
                        <c:v>276.00552869664716</c:v>
                      </c:pt>
                      <c:pt idx="154">
                        <c:v>259.82811110203738</c:v>
                      </c:pt>
                      <c:pt idx="155">
                        <c:v>260.01419039274589</c:v>
                      </c:pt>
                      <c:pt idx="156">
                        <c:v>260.94458684628802</c:v>
                      </c:pt>
                      <c:pt idx="157">
                        <c:v>260.01419039274589</c:v>
                      </c:pt>
                      <c:pt idx="158">
                        <c:v>259.4559525206206</c:v>
                      </c:pt>
                      <c:pt idx="159">
                        <c:v>235.38779795490026</c:v>
                      </c:pt>
                      <c:pt idx="160">
                        <c:v>224.47096434147599</c:v>
                      </c:pt>
                      <c:pt idx="161">
                        <c:v>247.73295720598963</c:v>
                      </c:pt>
                      <c:pt idx="162">
                        <c:v>247.54687791528116</c:v>
                      </c:pt>
                      <c:pt idx="163">
                        <c:v>245.68608500819687</c:v>
                      </c:pt>
                      <c:pt idx="164">
                        <c:v>244.19745068252945</c:v>
                      </c:pt>
                      <c:pt idx="165">
                        <c:v>244.3835299732379</c:v>
                      </c:pt>
                      <c:pt idx="166">
                        <c:v>225.97904136806989</c:v>
                      </c:pt>
                      <c:pt idx="167">
                        <c:v>223.69754011619534</c:v>
                      </c:pt>
                      <c:pt idx="168">
                        <c:v>238.05683408915135</c:v>
                      </c:pt>
                      <c:pt idx="169">
                        <c:v>238.05683408915135</c:v>
                      </c:pt>
                      <c:pt idx="170">
                        <c:v>237.31251692631758</c:v>
                      </c:pt>
                      <c:pt idx="171">
                        <c:v>235.82388260065019</c:v>
                      </c:pt>
                      <c:pt idx="172">
                        <c:v>245.68608500819687</c:v>
                      </c:pt>
                      <c:pt idx="173">
                        <c:v>250.61944698305538</c:v>
                      </c:pt>
                      <c:pt idx="174">
                        <c:v>231.43885191056378</c:v>
                      </c:pt>
                      <c:pt idx="175">
                        <c:v>240.28978557765242</c:v>
                      </c:pt>
                      <c:pt idx="176">
                        <c:v>232.10229678648159</c:v>
                      </c:pt>
                      <c:pt idx="177">
                        <c:v>243.63921281040416</c:v>
                      </c:pt>
                      <c:pt idx="178">
                        <c:v>242.15057848473674</c:v>
                      </c:pt>
                      <c:pt idx="179">
                        <c:v>251.45454302015816</c:v>
                      </c:pt>
                      <c:pt idx="180">
                        <c:v>246.67050093871885</c:v>
                      </c:pt>
                      <c:pt idx="181">
                        <c:v>244.41396034195512</c:v>
                      </c:pt>
                      <c:pt idx="182">
                        <c:v>244.94176784536319</c:v>
                      </c:pt>
                      <c:pt idx="183">
                        <c:v>250.33806727590758</c:v>
                      </c:pt>
                      <c:pt idx="184">
                        <c:v>254.05965309007618</c:v>
                      </c:pt>
                      <c:pt idx="185">
                        <c:v>248.10511578740648</c:v>
                      </c:pt>
                      <c:pt idx="186">
                        <c:v>246.98864004315584</c:v>
                      </c:pt>
                      <c:pt idx="187">
                        <c:v>228.24115690796066</c:v>
                      </c:pt>
                      <c:pt idx="188">
                        <c:v>223.71692582817909</c:v>
                      </c:pt>
                      <c:pt idx="189">
                        <c:v>240.84802344977777</c:v>
                      </c:pt>
                      <c:pt idx="190">
                        <c:v>239.35938912411032</c:v>
                      </c:pt>
                      <c:pt idx="191">
                        <c:v>240.66194415906932</c:v>
                      </c:pt>
                      <c:pt idx="192">
                        <c:v>241.77841990331987</c:v>
                      </c:pt>
                      <c:pt idx="193">
                        <c:v>247.919036496698</c:v>
                      </c:pt>
                      <c:pt idx="194">
                        <c:v>243.8498251927642</c:v>
                      </c:pt>
                      <c:pt idx="195">
                        <c:v>225.22500285477295</c:v>
                      </c:pt>
                      <c:pt idx="196">
                        <c:v>244.01137139182103</c:v>
                      </c:pt>
                      <c:pt idx="197">
                        <c:v>248.47727436882332</c:v>
                      </c:pt>
                      <c:pt idx="198">
                        <c:v>250.89630514803289</c:v>
                      </c:pt>
                      <c:pt idx="199">
                        <c:v>252.75709805511718</c:v>
                      </c:pt>
                      <c:pt idx="200">
                        <c:v>250.52414656661605</c:v>
                      </c:pt>
                      <c:pt idx="201">
                        <c:v>247.23463608790979</c:v>
                      </c:pt>
                      <c:pt idx="202">
                        <c:v>244.41396034195512</c:v>
                      </c:pt>
                      <c:pt idx="203">
                        <c:v>248.84943295024016</c:v>
                      </c:pt>
                      <c:pt idx="204">
                        <c:v>246.98864004315584</c:v>
                      </c:pt>
                      <c:pt idx="205">
                        <c:v>248.47727436882332</c:v>
                      </c:pt>
                      <c:pt idx="206">
                        <c:v>245.50000571748848</c:v>
                      </c:pt>
                      <c:pt idx="207">
                        <c:v>245.87216429890532</c:v>
                      </c:pt>
                      <c:pt idx="208">
                        <c:v>230.87471676137284</c:v>
                      </c:pt>
                      <c:pt idx="209">
                        <c:v>230.87471676137284</c:v>
                      </c:pt>
                      <c:pt idx="210">
                        <c:v>245.68608500819687</c:v>
                      </c:pt>
                      <c:pt idx="211">
                        <c:v>246.24432288032219</c:v>
                      </c:pt>
                      <c:pt idx="212">
                        <c:v>242.89489564757045</c:v>
                      </c:pt>
                      <c:pt idx="213">
                        <c:v>245.12784713607161</c:v>
                      </c:pt>
                      <c:pt idx="214">
                        <c:v>246.24432288032219</c:v>
                      </c:pt>
                      <c:pt idx="215">
                        <c:v>243.28569004357325</c:v>
                      </c:pt>
                      <c:pt idx="216">
                        <c:v>242.72155489438239</c:v>
                      </c:pt>
                      <c:pt idx="217">
                        <c:v>249.96590869449074</c:v>
                      </c:pt>
                      <c:pt idx="218">
                        <c:v>254.2457323807846</c:v>
                      </c:pt>
                      <c:pt idx="219">
                        <c:v>248.2911950781149</c:v>
                      </c:pt>
                      <c:pt idx="220">
                        <c:v>246.43040217103058</c:v>
                      </c:pt>
                      <c:pt idx="221">
                        <c:v>250.15198798519918</c:v>
                      </c:pt>
                      <c:pt idx="222">
                        <c:v>241.59328459600044</c:v>
                      </c:pt>
                      <c:pt idx="223">
                        <c:v>236.51606825328213</c:v>
                      </c:pt>
                      <c:pt idx="224">
                        <c:v>244.56960926394629</c:v>
                      </c:pt>
                      <c:pt idx="225">
                        <c:v>245.87216429890532</c:v>
                      </c:pt>
                      <c:pt idx="226">
                        <c:v>246.24432288032219</c:v>
                      </c:pt>
                      <c:pt idx="227">
                        <c:v>250.89630514803289</c:v>
                      </c:pt>
                      <c:pt idx="228">
                        <c:v>249.03551224094863</c:v>
                      </c:pt>
                      <c:pt idx="229">
                        <c:v>224.84798359812444</c:v>
                      </c:pt>
                      <c:pt idx="230">
                        <c:v>223.23228302858558</c:v>
                      </c:pt>
                      <c:pt idx="231">
                        <c:v>245.31392642678003</c:v>
                      </c:pt>
                      <c:pt idx="232">
                        <c:v>249.221591531657</c:v>
                      </c:pt>
                      <c:pt idx="233">
                        <c:v>249.40767082236547</c:v>
                      </c:pt>
                      <c:pt idx="234">
                        <c:v>249.77982940378232</c:v>
                      </c:pt>
                      <c:pt idx="235">
                        <c:v>252.01278089228344</c:v>
                      </c:pt>
                      <c:pt idx="236">
                        <c:v>227.48711839466375</c:v>
                      </c:pt>
                      <c:pt idx="237">
                        <c:v>230.31058161218189</c:v>
                      </c:pt>
                      <c:pt idx="238">
                        <c:v>248.47727436882332</c:v>
                      </c:pt>
                      <c:pt idx="239">
                        <c:v>250.71022585732447</c:v>
                      </c:pt>
                      <c:pt idx="240">
                        <c:v>250.52414656661605</c:v>
                      </c:pt>
                      <c:pt idx="241">
                        <c:v>251.26846372944973</c:v>
                      </c:pt>
                      <c:pt idx="242">
                        <c:v>253.8735737993677</c:v>
                      </c:pt>
                      <c:pt idx="243">
                        <c:v>243.8498251927642</c:v>
                      </c:pt>
                      <c:pt idx="244">
                        <c:v>249.49117668467349</c:v>
                      </c:pt>
                      <c:pt idx="245">
                        <c:v>255.5482874157436</c:v>
                      </c:pt>
                      <c:pt idx="246">
                        <c:v>253.68749450865931</c:v>
                      </c:pt>
                      <c:pt idx="247">
                        <c:v>257.96731819495318</c:v>
                      </c:pt>
                      <c:pt idx="248">
                        <c:v>254.6178909622015</c:v>
                      </c:pt>
                      <c:pt idx="249">
                        <c:v>253.12925663653402</c:v>
                      </c:pt>
                      <c:pt idx="250">
                        <c:v>235.95193310409118</c:v>
                      </c:pt>
                      <c:pt idx="251">
                        <c:v>227.11009913801524</c:v>
                      </c:pt>
                      <c:pt idx="252">
                        <c:v>251.82670160157505</c:v>
                      </c:pt>
                      <c:pt idx="253">
                        <c:v>251.82670160157505</c:v>
                      </c:pt>
                      <c:pt idx="254">
                        <c:v>255.36220812503518</c:v>
                      </c:pt>
                      <c:pt idx="255">
                        <c:v>261.13066613699641</c:v>
                      </c:pt>
                      <c:pt idx="256">
                        <c:v>260.20026968345434</c:v>
                      </c:pt>
                      <c:pt idx="257">
                        <c:v>250.05531183386444</c:v>
                      </c:pt>
                      <c:pt idx="258">
                        <c:v>260.20974451930113</c:v>
                      </c:pt>
                      <c:pt idx="259">
                        <c:v>258.71163535778686</c:v>
                      </c:pt>
                      <c:pt idx="260">
                        <c:v>255.17612883432676</c:v>
                      </c:pt>
                      <c:pt idx="261">
                        <c:v>254.6178909622015</c:v>
                      </c:pt>
                      <c:pt idx="262">
                        <c:v>257.40908032282789</c:v>
                      </c:pt>
                      <c:pt idx="263">
                        <c:v>254.80397025290986</c:v>
                      </c:pt>
                      <c:pt idx="264">
                        <c:v>251.18358213224627</c:v>
                      </c:pt>
                      <c:pt idx="265">
                        <c:v>258.51733907172832</c:v>
                      </c:pt>
                      <c:pt idx="266">
                        <c:v>258.71163535778686</c:v>
                      </c:pt>
                      <c:pt idx="267">
                        <c:v>251.45454302015816</c:v>
                      </c:pt>
                      <c:pt idx="268">
                        <c:v>252.38493947370031</c:v>
                      </c:pt>
                      <c:pt idx="269">
                        <c:v>254.43181167149305</c:v>
                      </c:pt>
                      <c:pt idx="270">
                        <c:v>253.12925663653402</c:v>
                      </c:pt>
                      <c:pt idx="271">
                        <c:v>250.05531183386444</c:v>
                      </c:pt>
                      <c:pt idx="272">
                        <c:v>258.51733907172832</c:v>
                      </c:pt>
                      <c:pt idx="273">
                        <c:v>259.64203181132905</c:v>
                      </c:pt>
                      <c:pt idx="274">
                        <c:v>259.08379393920376</c:v>
                      </c:pt>
                      <c:pt idx="275">
                        <c:v>259.64203181132905</c:v>
                      </c:pt>
                      <c:pt idx="276">
                        <c:v>261.87498329983021</c:v>
                      </c:pt>
                      <c:pt idx="277">
                        <c:v>265.59656911399873</c:v>
                      </c:pt>
                      <c:pt idx="278">
                        <c:v>284.4675559345111</c:v>
                      </c:pt>
                      <c:pt idx="279">
                        <c:v>296.87852921671151</c:v>
                      </c:pt>
                      <c:pt idx="280">
                        <c:v>269.69031350958414</c:v>
                      </c:pt>
                      <c:pt idx="281">
                        <c:v>266.15480698612402</c:v>
                      </c:pt>
                      <c:pt idx="282">
                        <c:v>262.24714188124705</c:v>
                      </c:pt>
                      <c:pt idx="283">
                        <c:v>264.10793478833125</c:v>
                      </c:pt>
                      <c:pt idx="284">
                        <c:v>266.15480698612402</c:v>
                      </c:pt>
                      <c:pt idx="285">
                        <c:v>279.39033959179272</c:v>
                      </c:pt>
                      <c:pt idx="286">
                        <c:v>285.59582623289293</c:v>
                      </c:pt>
                      <c:pt idx="287">
                        <c:v>268.20167918391672</c:v>
                      </c:pt>
                      <c:pt idx="288">
                        <c:v>271.73718570737691</c:v>
                      </c:pt>
                      <c:pt idx="289">
                        <c:v>265.22441053258183</c:v>
                      </c:pt>
                      <c:pt idx="290">
                        <c:v>268.94599634675046</c:v>
                      </c:pt>
                      <c:pt idx="291">
                        <c:v>280.1433123875272</c:v>
                      </c:pt>
                      <c:pt idx="292">
                        <c:v>314.93085399082122</c:v>
                      </c:pt>
                      <c:pt idx="293">
                        <c:v>312.11017824486657</c:v>
                      </c:pt>
                      <c:pt idx="294">
                        <c:v>268.38775847462512</c:v>
                      </c:pt>
                      <c:pt idx="295">
                        <c:v>266.71304485824936</c:v>
                      </c:pt>
                      <c:pt idx="296">
                        <c:v>267.0852034396662</c:v>
                      </c:pt>
                      <c:pt idx="297">
                        <c:v>268.75991705604207</c:v>
                      </c:pt>
                      <c:pt idx="298">
                        <c:v>278.11840934977721</c:v>
                      </c:pt>
                      <c:pt idx="299">
                        <c:v>317.75152973677586</c:v>
                      </c:pt>
                      <c:pt idx="300">
                        <c:v>327.90596242221255</c:v>
                      </c:pt>
                      <c:pt idx="301">
                        <c:v>285.81304089322703</c:v>
                      </c:pt>
                      <c:pt idx="302">
                        <c:v>293.5076724366769</c:v>
                      </c:pt>
                      <c:pt idx="303">
                        <c:v>293.5076724366769</c:v>
                      </c:pt>
                      <c:pt idx="304">
                        <c:v>285.81304089322703</c:v>
                      </c:pt>
                      <c:pt idx="305">
                        <c:v>274.87856448937731</c:v>
                      </c:pt>
                      <c:pt idx="306">
                        <c:v>302.5198807086208</c:v>
                      </c:pt>
                      <c:pt idx="307">
                        <c:v>299.69920496266616</c:v>
                      </c:pt>
                      <c:pt idx="308">
                        <c:v>269.50423421887575</c:v>
                      </c:pt>
                      <c:pt idx="309">
                        <c:v>270.06247209100098</c:v>
                      </c:pt>
                      <c:pt idx="310">
                        <c:v>270.43463067241794</c:v>
                      </c:pt>
                      <c:pt idx="311">
                        <c:v>272.10934428879369</c:v>
                      </c:pt>
                      <c:pt idx="312">
                        <c:v>270.80678925383472</c:v>
                      </c:pt>
                      <c:pt idx="313">
                        <c:v>300.82747526104799</c:v>
                      </c:pt>
                      <c:pt idx="314">
                        <c:v>310.41777279729376</c:v>
                      </c:pt>
                      <c:pt idx="315">
                        <c:v>283.78813785547709</c:v>
                      </c:pt>
                      <c:pt idx="316">
                        <c:v>290.267827576277</c:v>
                      </c:pt>
                      <c:pt idx="317">
                        <c:v>286.62300210832711</c:v>
                      </c:pt>
                      <c:pt idx="318">
                        <c:v>298.77242033482685</c:v>
                      </c:pt>
                      <c:pt idx="319">
                        <c:v>302.41724580277673</c:v>
                      </c:pt>
                      <c:pt idx="320">
                        <c:v>334.11144906331276</c:v>
                      </c:pt>
                      <c:pt idx="321">
                        <c:v>336.36798966007655</c:v>
                      </c:pt>
                      <c:pt idx="322">
                        <c:v>298.77242033482685</c:v>
                      </c:pt>
                      <c:pt idx="323">
                        <c:v>307.68199370092674</c:v>
                      </c:pt>
                      <c:pt idx="324">
                        <c:v>310.51685795377665</c:v>
                      </c:pt>
                      <c:pt idx="325">
                        <c:v>280.95327360262718</c:v>
                      </c:pt>
                      <c:pt idx="326">
                        <c:v>279.33335117242723</c:v>
                      </c:pt>
                      <c:pt idx="327">
                        <c:v>316.05912428920311</c:v>
                      </c:pt>
                      <c:pt idx="328">
                        <c:v>332.98317876493098</c:v>
                      </c:pt>
                      <c:pt idx="329">
                        <c:v>297.55747851217689</c:v>
                      </c:pt>
                      <c:pt idx="330">
                        <c:v>308.08697430847667</c:v>
                      </c:pt>
                      <c:pt idx="331">
                        <c:v>314.97164463682657</c:v>
                      </c:pt>
                      <c:pt idx="332">
                        <c:v>302.01226519522675</c:v>
                      </c:pt>
                      <c:pt idx="333">
                        <c:v>309.70689673867668</c:v>
                      </c:pt>
                      <c:pt idx="334">
                        <c:v>360.62580107528652</c:v>
                      </c:pt>
                      <c:pt idx="335">
                        <c:v>368.52369316395948</c:v>
                      </c:pt>
                      <c:pt idx="336">
                        <c:v>315.37662524437656</c:v>
                      </c:pt>
                      <c:pt idx="337">
                        <c:v>316.18658645947659</c:v>
                      </c:pt>
                      <c:pt idx="338">
                        <c:v>303.63218762542681</c:v>
                      </c:pt>
                      <c:pt idx="339">
                        <c:v>302.41724580277673</c:v>
                      </c:pt>
                      <c:pt idx="340">
                        <c:v>311.73179977642661</c:v>
                      </c:pt>
                      <c:pt idx="341">
                        <c:v>365.1388822688138</c:v>
                      </c:pt>
                      <c:pt idx="342">
                        <c:v>333.5473139141219</c:v>
                      </c:pt>
                      <c:pt idx="343">
                        <c:v>289.05288575362704</c:v>
                      </c:pt>
                      <c:pt idx="344">
                        <c:v>296.34253668952692</c:v>
                      </c:pt>
                      <c:pt idx="345">
                        <c:v>307.27701309337669</c:v>
                      </c:pt>
                      <c:pt idx="346">
                        <c:v>312.1367803839766</c:v>
                      </c:pt>
                      <c:pt idx="347">
                        <c:v>313.75670281417661</c:v>
                      </c:pt>
                      <c:pt idx="348">
                        <c:v>322.82874607949429</c:v>
                      </c:pt>
                      <c:pt idx="349">
                        <c:v>299.13506981347518</c:v>
                      </c:pt>
                      <c:pt idx="350">
                        <c:v>272.85366145162743</c:v>
                      </c:pt>
                      <c:pt idx="351">
                        <c:v>269.87639280029259</c:v>
                      </c:pt>
                      <c:pt idx="352">
                        <c:v>276.9034675271273</c:v>
                      </c:pt>
                      <c:pt idx="353">
                        <c:v>290.267827576277</c:v>
                      </c:pt>
                      <c:pt idx="354">
                        <c:v>294.31763365177687</c:v>
                      </c:pt>
                      <c:pt idx="355">
                        <c:v>330.16250301897628</c:v>
                      </c:pt>
                      <c:pt idx="356">
                        <c:v>336.36798966007655</c:v>
                      </c:pt>
                      <c:pt idx="357">
                        <c:v>299.98736215747681</c:v>
                      </c:pt>
                      <c:pt idx="358">
                        <c:v>289.86284696872701</c:v>
                      </c:pt>
                      <c:pt idx="359">
                        <c:v>282.97817664037723</c:v>
                      </c:pt>
                      <c:pt idx="360">
                        <c:v>285.40806028567704</c:v>
                      </c:pt>
                      <c:pt idx="361">
                        <c:v>296.74751729707691</c:v>
                      </c:pt>
                      <c:pt idx="362">
                        <c:v>334.67558421250379</c:v>
                      </c:pt>
                      <c:pt idx="363">
                        <c:v>330.72663816816726</c:v>
                      </c:pt>
                      <c:pt idx="364">
                        <c:v>297.1524979046269</c:v>
                      </c:pt>
                      <c:pt idx="365">
                        <c:v>284.59809907057706</c:v>
                      </c:pt>
                    </c:numCache>
                  </c:numRef>
                </c:yVal>
                <c:smooth val="0"/>
                <c:extLst>
                  <c:ext xmlns:c16="http://schemas.microsoft.com/office/drawing/2014/chart" uri="{C3380CC4-5D6E-409C-BE32-E72D297353CC}">
                    <c16:uniqueId val="{00000001-07FB-4538-A070-7F9252E6B6FB}"/>
                  </c:ext>
                </c:extLst>
              </c15:ser>
            </c15:filteredScatterSeries>
          </c:ext>
        </c:extLst>
      </c:scatterChart>
      <c:scatterChart>
        <c:scatterStyle val="lineMarker"/>
        <c:varyColors val="0"/>
        <c:ser>
          <c:idx val="5"/>
          <c:order val="6"/>
          <c:tx>
            <c:v>Temperature</c:v>
          </c:tx>
          <c:spPr>
            <a:ln w="19050" cap="rnd">
              <a:solidFill>
                <a:schemeClr val="tx1"/>
              </a:solidFill>
              <a:prstDash val="sysDot"/>
              <a:round/>
            </a:ln>
            <a:effectLst/>
          </c:spPr>
          <c:marker>
            <c:symbol val="none"/>
          </c:marker>
          <c:xVal>
            <c:numRef>
              <c:f>Jesper!$P$2:$P$366</c:f>
              <c:numCache>
                <c:formatCode>m/d/yyyy</c:formatCode>
                <c:ptCount val="365"/>
                <c:pt idx="0">
                  <c:v>45292</c:v>
                </c:pt>
                <c:pt idx="1">
                  <c:v>45293</c:v>
                </c:pt>
                <c:pt idx="2">
                  <c:v>45294</c:v>
                </c:pt>
                <c:pt idx="3">
                  <c:v>45295</c:v>
                </c:pt>
                <c:pt idx="4">
                  <c:v>45296</c:v>
                </c:pt>
                <c:pt idx="5">
                  <c:v>45297</c:v>
                </c:pt>
                <c:pt idx="6">
                  <c:v>45298</c:v>
                </c:pt>
                <c:pt idx="7">
                  <c:v>45299</c:v>
                </c:pt>
                <c:pt idx="8">
                  <c:v>45300</c:v>
                </c:pt>
                <c:pt idx="9">
                  <c:v>45301</c:v>
                </c:pt>
                <c:pt idx="10">
                  <c:v>45302</c:v>
                </c:pt>
                <c:pt idx="11">
                  <c:v>45303</c:v>
                </c:pt>
                <c:pt idx="12">
                  <c:v>45304</c:v>
                </c:pt>
                <c:pt idx="13">
                  <c:v>45305</c:v>
                </c:pt>
                <c:pt idx="14">
                  <c:v>45306</c:v>
                </c:pt>
                <c:pt idx="15">
                  <c:v>45307</c:v>
                </c:pt>
                <c:pt idx="16">
                  <c:v>45308</c:v>
                </c:pt>
                <c:pt idx="17">
                  <c:v>45309</c:v>
                </c:pt>
                <c:pt idx="18">
                  <c:v>45310</c:v>
                </c:pt>
                <c:pt idx="19">
                  <c:v>45311</c:v>
                </c:pt>
                <c:pt idx="20">
                  <c:v>45312</c:v>
                </c:pt>
                <c:pt idx="21">
                  <c:v>45313</c:v>
                </c:pt>
                <c:pt idx="22">
                  <c:v>45314</c:v>
                </c:pt>
                <c:pt idx="23">
                  <c:v>45315</c:v>
                </c:pt>
                <c:pt idx="24">
                  <c:v>45316</c:v>
                </c:pt>
                <c:pt idx="25">
                  <c:v>45317</c:v>
                </c:pt>
                <c:pt idx="26">
                  <c:v>45318</c:v>
                </c:pt>
                <c:pt idx="27">
                  <c:v>45319</c:v>
                </c:pt>
                <c:pt idx="28">
                  <c:v>45320</c:v>
                </c:pt>
                <c:pt idx="29">
                  <c:v>45321</c:v>
                </c:pt>
                <c:pt idx="30">
                  <c:v>45322</c:v>
                </c:pt>
                <c:pt idx="31">
                  <c:v>45323</c:v>
                </c:pt>
                <c:pt idx="32">
                  <c:v>45324</c:v>
                </c:pt>
                <c:pt idx="33">
                  <c:v>45325</c:v>
                </c:pt>
                <c:pt idx="34">
                  <c:v>45326</c:v>
                </c:pt>
                <c:pt idx="35">
                  <c:v>45327</c:v>
                </c:pt>
                <c:pt idx="36">
                  <c:v>45328</c:v>
                </c:pt>
                <c:pt idx="37">
                  <c:v>45329</c:v>
                </c:pt>
                <c:pt idx="38">
                  <c:v>45330</c:v>
                </c:pt>
                <c:pt idx="39">
                  <c:v>45331</c:v>
                </c:pt>
                <c:pt idx="40">
                  <c:v>45332</c:v>
                </c:pt>
                <c:pt idx="41">
                  <c:v>45333</c:v>
                </c:pt>
                <c:pt idx="42">
                  <c:v>45334</c:v>
                </c:pt>
                <c:pt idx="43">
                  <c:v>45335</c:v>
                </c:pt>
                <c:pt idx="44">
                  <c:v>45336</c:v>
                </c:pt>
                <c:pt idx="45">
                  <c:v>45337</c:v>
                </c:pt>
                <c:pt idx="46">
                  <c:v>45338</c:v>
                </c:pt>
                <c:pt idx="47">
                  <c:v>45339</c:v>
                </c:pt>
                <c:pt idx="48">
                  <c:v>45340</c:v>
                </c:pt>
                <c:pt idx="49">
                  <c:v>45341</c:v>
                </c:pt>
                <c:pt idx="50">
                  <c:v>45342</c:v>
                </c:pt>
                <c:pt idx="51">
                  <c:v>45343</c:v>
                </c:pt>
                <c:pt idx="52">
                  <c:v>45344</c:v>
                </c:pt>
                <c:pt idx="53">
                  <c:v>45345</c:v>
                </c:pt>
                <c:pt idx="54">
                  <c:v>45346</c:v>
                </c:pt>
                <c:pt idx="55">
                  <c:v>45347</c:v>
                </c:pt>
                <c:pt idx="56">
                  <c:v>45348</c:v>
                </c:pt>
                <c:pt idx="57">
                  <c:v>45349</c:v>
                </c:pt>
                <c:pt idx="58">
                  <c:v>45350</c:v>
                </c:pt>
                <c:pt idx="59">
                  <c:v>45351</c:v>
                </c:pt>
                <c:pt idx="60">
                  <c:v>45352</c:v>
                </c:pt>
                <c:pt idx="61">
                  <c:v>45353</c:v>
                </c:pt>
                <c:pt idx="62">
                  <c:v>45354</c:v>
                </c:pt>
                <c:pt idx="63">
                  <c:v>45355</c:v>
                </c:pt>
                <c:pt idx="64">
                  <c:v>45356</c:v>
                </c:pt>
                <c:pt idx="65">
                  <c:v>45357</c:v>
                </c:pt>
                <c:pt idx="66">
                  <c:v>45358</c:v>
                </c:pt>
                <c:pt idx="67">
                  <c:v>45359</c:v>
                </c:pt>
                <c:pt idx="68">
                  <c:v>45360</c:v>
                </c:pt>
                <c:pt idx="69">
                  <c:v>45361</c:v>
                </c:pt>
                <c:pt idx="70">
                  <c:v>45362</c:v>
                </c:pt>
                <c:pt idx="71">
                  <c:v>45363</c:v>
                </c:pt>
                <c:pt idx="72">
                  <c:v>45364</c:v>
                </c:pt>
                <c:pt idx="73">
                  <c:v>45365</c:v>
                </c:pt>
                <c:pt idx="74">
                  <c:v>45366</c:v>
                </c:pt>
                <c:pt idx="75">
                  <c:v>45367</c:v>
                </c:pt>
                <c:pt idx="76">
                  <c:v>45368</c:v>
                </c:pt>
                <c:pt idx="77">
                  <c:v>45369</c:v>
                </c:pt>
                <c:pt idx="78">
                  <c:v>45370</c:v>
                </c:pt>
                <c:pt idx="79">
                  <c:v>45371</c:v>
                </c:pt>
                <c:pt idx="80">
                  <c:v>45372</c:v>
                </c:pt>
                <c:pt idx="81">
                  <c:v>45373</c:v>
                </c:pt>
                <c:pt idx="82">
                  <c:v>45374</c:v>
                </c:pt>
                <c:pt idx="83">
                  <c:v>45375</c:v>
                </c:pt>
                <c:pt idx="84">
                  <c:v>45376</c:v>
                </c:pt>
                <c:pt idx="85">
                  <c:v>45377</c:v>
                </c:pt>
                <c:pt idx="86">
                  <c:v>45378</c:v>
                </c:pt>
                <c:pt idx="87">
                  <c:v>45379</c:v>
                </c:pt>
                <c:pt idx="88">
                  <c:v>45380</c:v>
                </c:pt>
                <c:pt idx="89">
                  <c:v>45381</c:v>
                </c:pt>
                <c:pt idx="90">
                  <c:v>45382</c:v>
                </c:pt>
                <c:pt idx="91">
                  <c:v>45383</c:v>
                </c:pt>
                <c:pt idx="92">
                  <c:v>45384</c:v>
                </c:pt>
                <c:pt idx="93">
                  <c:v>45385</c:v>
                </c:pt>
                <c:pt idx="94">
                  <c:v>45386</c:v>
                </c:pt>
                <c:pt idx="95">
                  <c:v>45387</c:v>
                </c:pt>
                <c:pt idx="96">
                  <c:v>45388</c:v>
                </c:pt>
                <c:pt idx="97">
                  <c:v>45389</c:v>
                </c:pt>
                <c:pt idx="98">
                  <c:v>45390</c:v>
                </c:pt>
                <c:pt idx="99">
                  <c:v>45391</c:v>
                </c:pt>
                <c:pt idx="100">
                  <c:v>45392</c:v>
                </c:pt>
                <c:pt idx="101">
                  <c:v>45393</c:v>
                </c:pt>
                <c:pt idx="102">
                  <c:v>45394</c:v>
                </c:pt>
                <c:pt idx="103">
                  <c:v>45395</c:v>
                </c:pt>
                <c:pt idx="104">
                  <c:v>45396</c:v>
                </c:pt>
                <c:pt idx="105">
                  <c:v>45397</c:v>
                </c:pt>
                <c:pt idx="106">
                  <c:v>45398</c:v>
                </c:pt>
                <c:pt idx="107">
                  <c:v>45399</c:v>
                </c:pt>
                <c:pt idx="108">
                  <c:v>45400</c:v>
                </c:pt>
                <c:pt idx="109">
                  <c:v>45401</c:v>
                </c:pt>
                <c:pt idx="110">
                  <c:v>45402</c:v>
                </c:pt>
                <c:pt idx="111">
                  <c:v>45403</c:v>
                </c:pt>
                <c:pt idx="112">
                  <c:v>45404</c:v>
                </c:pt>
                <c:pt idx="113">
                  <c:v>45405</c:v>
                </c:pt>
                <c:pt idx="114">
                  <c:v>45406</c:v>
                </c:pt>
                <c:pt idx="115">
                  <c:v>45407</c:v>
                </c:pt>
                <c:pt idx="116">
                  <c:v>45408</c:v>
                </c:pt>
                <c:pt idx="117">
                  <c:v>45409</c:v>
                </c:pt>
                <c:pt idx="118">
                  <c:v>45410</c:v>
                </c:pt>
                <c:pt idx="119">
                  <c:v>45411</c:v>
                </c:pt>
                <c:pt idx="120">
                  <c:v>45412</c:v>
                </c:pt>
                <c:pt idx="121">
                  <c:v>45413</c:v>
                </c:pt>
                <c:pt idx="122">
                  <c:v>45414</c:v>
                </c:pt>
                <c:pt idx="123">
                  <c:v>45415</c:v>
                </c:pt>
                <c:pt idx="124">
                  <c:v>45416</c:v>
                </c:pt>
                <c:pt idx="125">
                  <c:v>45417</c:v>
                </c:pt>
                <c:pt idx="126">
                  <c:v>45418</c:v>
                </c:pt>
                <c:pt idx="127">
                  <c:v>45419</c:v>
                </c:pt>
                <c:pt idx="128">
                  <c:v>45420</c:v>
                </c:pt>
                <c:pt idx="129">
                  <c:v>45421</c:v>
                </c:pt>
                <c:pt idx="130">
                  <c:v>45422</c:v>
                </c:pt>
                <c:pt idx="131">
                  <c:v>45423</c:v>
                </c:pt>
                <c:pt idx="132">
                  <c:v>45424</c:v>
                </c:pt>
                <c:pt idx="133">
                  <c:v>45425</c:v>
                </c:pt>
                <c:pt idx="134">
                  <c:v>45426</c:v>
                </c:pt>
                <c:pt idx="135">
                  <c:v>45427</c:v>
                </c:pt>
                <c:pt idx="136">
                  <c:v>45428</c:v>
                </c:pt>
                <c:pt idx="137">
                  <c:v>45429</c:v>
                </c:pt>
                <c:pt idx="138">
                  <c:v>45430</c:v>
                </c:pt>
                <c:pt idx="139">
                  <c:v>45431</c:v>
                </c:pt>
                <c:pt idx="140">
                  <c:v>45432</c:v>
                </c:pt>
                <c:pt idx="141">
                  <c:v>45433</c:v>
                </c:pt>
                <c:pt idx="142">
                  <c:v>45434</c:v>
                </c:pt>
                <c:pt idx="143">
                  <c:v>45435</c:v>
                </c:pt>
                <c:pt idx="144">
                  <c:v>45436</c:v>
                </c:pt>
                <c:pt idx="145">
                  <c:v>45437</c:v>
                </c:pt>
                <c:pt idx="146">
                  <c:v>45438</c:v>
                </c:pt>
                <c:pt idx="147">
                  <c:v>45439</c:v>
                </c:pt>
                <c:pt idx="148">
                  <c:v>45440</c:v>
                </c:pt>
                <c:pt idx="149">
                  <c:v>45441</c:v>
                </c:pt>
                <c:pt idx="150">
                  <c:v>45442</c:v>
                </c:pt>
                <c:pt idx="151">
                  <c:v>45443</c:v>
                </c:pt>
                <c:pt idx="152">
                  <c:v>45444</c:v>
                </c:pt>
                <c:pt idx="153">
                  <c:v>45445</c:v>
                </c:pt>
                <c:pt idx="154">
                  <c:v>45446</c:v>
                </c:pt>
                <c:pt idx="155">
                  <c:v>45447</c:v>
                </c:pt>
                <c:pt idx="156">
                  <c:v>45448</c:v>
                </c:pt>
                <c:pt idx="157">
                  <c:v>45449</c:v>
                </c:pt>
                <c:pt idx="158">
                  <c:v>45450</c:v>
                </c:pt>
                <c:pt idx="159">
                  <c:v>45451</c:v>
                </c:pt>
                <c:pt idx="160">
                  <c:v>45452</c:v>
                </c:pt>
                <c:pt idx="161">
                  <c:v>45453</c:v>
                </c:pt>
                <c:pt idx="162">
                  <c:v>45454</c:v>
                </c:pt>
                <c:pt idx="163">
                  <c:v>45455</c:v>
                </c:pt>
                <c:pt idx="164">
                  <c:v>45456</c:v>
                </c:pt>
                <c:pt idx="165">
                  <c:v>45457</c:v>
                </c:pt>
                <c:pt idx="166">
                  <c:v>45458</c:v>
                </c:pt>
                <c:pt idx="167">
                  <c:v>45459</c:v>
                </c:pt>
                <c:pt idx="168">
                  <c:v>45460</c:v>
                </c:pt>
                <c:pt idx="169">
                  <c:v>45461</c:v>
                </c:pt>
                <c:pt idx="170">
                  <c:v>45462</c:v>
                </c:pt>
                <c:pt idx="171">
                  <c:v>45463</c:v>
                </c:pt>
                <c:pt idx="172">
                  <c:v>45464</c:v>
                </c:pt>
                <c:pt idx="173">
                  <c:v>45465</c:v>
                </c:pt>
                <c:pt idx="174">
                  <c:v>45466</c:v>
                </c:pt>
                <c:pt idx="175">
                  <c:v>45467</c:v>
                </c:pt>
                <c:pt idx="176">
                  <c:v>45468</c:v>
                </c:pt>
                <c:pt idx="177">
                  <c:v>45469</c:v>
                </c:pt>
                <c:pt idx="178">
                  <c:v>45470</c:v>
                </c:pt>
                <c:pt idx="179">
                  <c:v>45471</c:v>
                </c:pt>
                <c:pt idx="180">
                  <c:v>45472</c:v>
                </c:pt>
                <c:pt idx="181">
                  <c:v>45473</c:v>
                </c:pt>
                <c:pt idx="182">
                  <c:v>45474</c:v>
                </c:pt>
                <c:pt idx="183">
                  <c:v>45475</c:v>
                </c:pt>
                <c:pt idx="184">
                  <c:v>45476</c:v>
                </c:pt>
                <c:pt idx="185">
                  <c:v>45477</c:v>
                </c:pt>
                <c:pt idx="186">
                  <c:v>45478</c:v>
                </c:pt>
                <c:pt idx="187">
                  <c:v>45479</c:v>
                </c:pt>
                <c:pt idx="188">
                  <c:v>45480</c:v>
                </c:pt>
                <c:pt idx="189">
                  <c:v>45481</c:v>
                </c:pt>
                <c:pt idx="190">
                  <c:v>45482</c:v>
                </c:pt>
                <c:pt idx="191">
                  <c:v>45483</c:v>
                </c:pt>
                <c:pt idx="192">
                  <c:v>45484</c:v>
                </c:pt>
                <c:pt idx="193">
                  <c:v>45485</c:v>
                </c:pt>
                <c:pt idx="194">
                  <c:v>45486</c:v>
                </c:pt>
                <c:pt idx="195">
                  <c:v>45487</c:v>
                </c:pt>
                <c:pt idx="196">
                  <c:v>45488</c:v>
                </c:pt>
                <c:pt idx="197">
                  <c:v>45489</c:v>
                </c:pt>
                <c:pt idx="198">
                  <c:v>45490</c:v>
                </c:pt>
                <c:pt idx="199">
                  <c:v>45491</c:v>
                </c:pt>
                <c:pt idx="200">
                  <c:v>45492</c:v>
                </c:pt>
                <c:pt idx="201">
                  <c:v>45493</c:v>
                </c:pt>
                <c:pt idx="202">
                  <c:v>45494</c:v>
                </c:pt>
                <c:pt idx="203">
                  <c:v>45495</c:v>
                </c:pt>
                <c:pt idx="204">
                  <c:v>45496</c:v>
                </c:pt>
                <c:pt idx="205">
                  <c:v>45497</c:v>
                </c:pt>
                <c:pt idx="206">
                  <c:v>45498</c:v>
                </c:pt>
                <c:pt idx="207">
                  <c:v>45499</c:v>
                </c:pt>
                <c:pt idx="208">
                  <c:v>45500</c:v>
                </c:pt>
                <c:pt idx="209">
                  <c:v>45501</c:v>
                </c:pt>
                <c:pt idx="210">
                  <c:v>45502</c:v>
                </c:pt>
                <c:pt idx="211">
                  <c:v>45503</c:v>
                </c:pt>
                <c:pt idx="212">
                  <c:v>45504</c:v>
                </c:pt>
                <c:pt idx="213">
                  <c:v>45505</c:v>
                </c:pt>
                <c:pt idx="214">
                  <c:v>45506</c:v>
                </c:pt>
                <c:pt idx="215">
                  <c:v>45507</c:v>
                </c:pt>
                <c:pt idx="216">
                  <c:v>45508</c:v>
                </c:pt>
                <c:pt idx="217">
                  <c:v>45509</c:v>
                </c:pt>
                <c:pt idx="218">
                  <c:v>45510</c:v>
                </c:pt>
                <c:pt idx="219">
                  <c:v>45511</c:v>
                </c:pt>
                <c:pt idx="220">
                  <c:v>45512</c:v>
                </c:pt>
                <c:pt idx="221">
                  <c:v>45513</c:v>
                </c:pt>
                <c:pt idx="222">
                  <c:v>45514</c:v>
                </c:pt>
                <c:pt idx="223">
                  <c:v>45515</c:v>
                </c:pt>
                <c:pt idx="224">
                  <c:v>45516</c:v>
                </c:pt>
                <c:pt idx="225">
                  <c:v>45517</c:v>
                </c:pt>
                <c:pt idx="226">
                  <c:v>45518</c:v>
                </c:pt>
                <c:pt idx="227">
                  <c:v>45519</c:v>
                </c:pt>
                <c:pt idx="228">
                  <c:v>45520</c:v>
                </c:pt>
                <c:pt idx="229">
                  <c:v>45521</c:v>
                </c:pt>
                <c:pt idx="230">
                  <c:v>45522</c:v>
                </c:pt>
                <c:pt idx="231">
                  <c:v>45523</c:v>
                </c:pt>
                <c:pt idx="232">
                  <c:v>45524</c:v>
                </c:pt>
                <c:pt idx="233">
                  <c:v>45525</c:v>
                </c:pt>
                <c:pt idx="234">
                  <c:v>45526</c:v>
                </c:pt>
                <c:pt idx="235">
                  <c:v>45527</c:v>
                </c:pt>
                <c:pt idx="236">
                  <c:v>45528</c:v>
                </c:pt>
                <c:pt idx="237">
                  <c:v>45529</c:v>
                </c:pt>
                <c:pt idx="238">
                  <c:v>45530</c:v>
                </c:pt>
                <c:pt idx="239">
                  <c:v>45531</c:v>
                </c:pt>
                <c:pt idx="240">
                  <c:v>45532</c:v>
                </c:pt>
                <c:pt idx="241">
                  <c:v>45533</c:v>
                </c:pt>
                <c:pt idx="242">
                  <c:v>45534</c:v>
                </c:pt>
                <c:pt idx="243">
                  <c:v>45535</c:v>
                </c:pt>
                <c:pt idx="244">
                  <c:v>45536</c:v>
                </c:pt>
                <c:pt idx="245">
                  <c:v>45537</c:v>
                </c:pt>
                <c:pt idx="246">
                  <c:v>45538</c:v>
                </c:pt>
                <c:pt idx="247">
                  <c:v>45539</c:v>
                </c:pt>
                <c:pt idx="248">
                  <c:v>45540</c:v>
                </c:pt>
                <c:pt idx="249">
                  <c:v>45541</c:v>
                </c:pt>
                <c:pt idx="250">
                  <c:v>45542</c:v>
                </c:pt>
                <c:pt idx="251">
                  <c:v>45543</c:v>
                </c:pt>
                <c:pt idx="252">
                  <c:v>45544</c:v>
                </c:pt>
                <c:pt idx="253">
                  <c:v>45545</c:v>
                </c:pt>
                <c:pt idx="254">
                  <c:v>45546</c:v>
                </c:pt>
                <c:pt idx="255">
                  <c:v>45547</c:v>
                </c:pt>
                <c:pt idx="256">
                  <c:v>45548</c:v>
                </c:pt>
                <c:pt idx="257">
                  <c:v>45549</c:v>
                </c:pt>
                <c:pt idx="258">
                  <c:v>45550</c:v>
                </c:pt>
                <c:pt idx="259">
                  <c:v>45551</c:v>
                </c:pt>
                <c:pt idx="260">
                  <c:v>45552</c:v>
                </c:pt>
                <c:pt idx="261">
                  <c:v>45553</c:v>
                </c:pt>
                <c:pt idx="262">
                  <c:v>45554</c:v>
                </c:pt>
                <c:pt idx="263">
                  <c:v>45555</c:v>
                </c:pt>
                <c:pt idx="264">
                  <c:v>45556</c:v>
                </c:pt>
                <c:pt idx="265">
                  <c:v>45557</c:v>
                </c:pt>
                <c:pt idx="266">
                  <c:v>45558</c:v>
                </c:pt>
                <c:pt idx="267">
                  <c:v>45559</c:v>
                </c:pt>
                <c:pt idx="268">
                  <c:v>45560</c:v>
                </c:pt>
                <c:pt idx="269">
                  <c:v>45561</c:v>
                </c:pt>
                <c:pt idx="270">
                  <c:v>45562</c:v>
                </c:pt>
                <c:pt idx="271">
                  <c:v>45563</c:v>
                </c:pt>
                <c:pt idx="272">
                  <c:v>45564</c:v>
                </c:pt>
                <c:pt idx="273">
                  <c:v>45565</c:v>
                </c:pt>
                <c:pt idx="274">
                  <c:v>45566</c:v>
                </c:pt>
                <c:pt idx="275">
                  <c:v>45567</c:v>
                </c:pt>
                <c:pt idx="276">
                  <c:v>45568</c:v>
                </c:pt>
                <c:pt idx="277">
                  <c:v>45569</c:v>
                </c:pt>
                <c:pt idx="278">
                  <c:v>45570</c:v>
                </c:pt>
                <c:pt idx="279">
                  <c:v>45571</c:v>
                </c:pt>
                <c:pt idx="280">
                  <c:v>45572</c:v>
                </c:pt>
                <c:pt idx="281">
                  <c:v>45573</c:v>
                </c:pt>
                <c:pt idx="282">
                  <c:v>45574</c:v>
                </c:pt>
                <c:pt idx="283">
                  <c:v>45575</c:v>
                </c:pt>
                <c:pt idx="284">
                  <c:v>45576</c:v>
                </c:pt>
                <c:pt idx="285">
                  <c:v>45577</c:v>
                </c:pt>
                <c:pt idx="286">
                  <c:v>45578</c:v>
                </c:pt>
                <c:pt idx="287">
                  <c:v>45579</c:v>
                </c:pt>
                <c:pt idx="288">
                  <c:v>45580</c:v>
                </c:pt>
                <c:pt idx="289">
                  <c:v>45581</c:v>
                </c:pt>
                <c:pt idx="290">
                  <c:v>45582</c:v>
                </c:pt>
                <c:pt idx="291">
                  <c:v>45583</c:v>
                </c:pt>
                <c:pt idx="292">
                  <c:v>45584</c:v>
                </c:pt>
                <c:pt idx="293">
                  <c:v>45585</c:v>
                </c:pt>
                <c:pt idx="294">
                  <c:v>45586</c:v>
                </c:pt>
                <c:pt idx="295">
                  <c:v>45587</c:v>
                </c:pt>
                <c:pt idx="296">
                  <c:v>45588</c:v>
                </c:pt>
                <c:pt idx="297">
                  <c:v>45589</c:v>
                </c:pt>
                <c:pt idx="298">
                  <c:v>45590</c:v>
                </c:pt>
                <c:pt idx="299">
                  <c:v>45591</c:v>
                </c:pt>
                <c:pt idx="300">
                  <c:v>45592</c:v>
                </c:pt>
                <c:pt idx="301">
                  <c:v>45593</c:v>
                </c:pt>
                <c:pt idx="302">
                  <c:v>45594</c:v>
                </c:pt>
                <c:pt idx="303">
                  <c:v>45595</c:v>
                </c:pt>
                <c:pt idx="304">
                  <c:v>45596</c:v>
                </c:pt>
                <c:pt idx="305">
                  <c:v>45597</c:v>
                </c:pt>
                <c:pt idx="306">
                  <c:v>45598</c:v>
                </c:pt>
                <c:pt idx="307">
                  <c:v>45599</c:v>
                </c:pt>
                <c:pt idx="308">
                  <c:v>45600</c:v>
                </c:pt>
                <c:pt idx="309">
                  <c:v>45601</c:v>
                </c:pt>
                <c:pt idx="310">
                  <c:v>45602</c:v>
                </c:pt>
                <c:pt idx="311">
                  <c:v>45603</c:v>
                </c:pt>
                <c:pt idx="312">
                  <c:v>45604</c:v>
                </c:pt>
                <c:pt idx="313">
                  <c:v>45605</c:v>
                </c:pt>
                <c:pt idx="314">
                  <c:v>45606</c:v>
                </c:pt>
                <c:pt idx="315">
                  <c:v>45607</c:v>
                </c:pt>
                <c:pt idx="316">
                  <c:v>45608</c:v>
                </c:pt>
                <c:pt idx="317">
                  <c:v>45609</c:v>
                </c:pt>
                <c:pt idx="318">
                  <c:v>45610</c:v>
                </c:pt>
                <c:pt idx="319">
                  <c:v>45611</c:v>
                </c:pt>
                <c:pt idx="320">
                  <c:v>45612</c:v>
                </c:pt>
                <c:pt idx="321">
                  <c:v>45613</c:v>
                </c:pt>
                <c:pt idx="322">
                  <c:v>45614</c:v>
                </c:pt>
                <c:pt idx="323">
                  <c:v>45615</c:v>
                </c:pt>
                <c:pt idx="324">
                  <c:v>45616</c:v>
                </c:pt>
                <c:pt idx="325">
                  <c:v>45617</c:v>
                </c:pt>
                <c:pt idx="326">
                  <c:v>45618</c:v>
                </c:pt>
                <c:pt idx="327">
                  <c:v>45619</c:v>
                </c:pt>
                <c:pt idx="328">
                  <c:v>45620</c:v>
                </c:pt>
                <c:pt idx="329">
                  <c:v>45621</c:v>
                </c:pt>
                <c:pt idx="330">
                  <c:v>45622</c:v>
                </c:pt>
                <c:pt idx="331">
                  <c:v>45623</c:v>
                </c:pt>
                <c:pt idx="332">
                  <c:v>45624</c:v>
                </c:pt>
                <c:pt idx="333">
                  <c:v>45625</c:v>
                </c:pt>
                <c:pt idx="334">
                  <c:v>45626</c:v>
                </c:pt>
                <c:pt idx="335">
                  <c:v>45627</c:v>
                </c:pt>
                <c:pt idx="336">
                  <c:v>45628</c:v>
                </c:pt>
                <c:pt idx="337">
                  <c:v>45629</c:v>
                </c:pt>
                <c:pt idx="338">
                  <c:v>45630</c:v>
                </c:pt>
                <c:pt idx="339">
                  <c:v>45631</c:v>
                </c:pt>
                <c:pt idx="340">
                  <c:v>45632</c:v>
                </c:pt>
                <c:pt idx="341">
                  <c:v>45633</c:v>
                </c:pt>
                <c:pt idx="342">
                  <c:v>45634</c:v>
                </c:pt>
                <c:pt idx="343">
                  <c:v>45635</c:v>
                </c:pt>
                <c:pt idx="344">
                  <c:v>45636</c:v>
                </c:pt>
                <c:pt idx="345">
                  <c:v>45637</c:v>
                </c:pt>
                <c:pt idx="346">
                  <c:v>45638</c:v>
                </c:pt>
                <c:pt idx="347">
                  <c:v>45639</c:v>
                </c:pt>
                <c:pt idx="348">
                  <c:v>45640</c:v>
                </c:pt>
                <c:pt idx="349">
                  <c:v>45641</c:v>
                </c:pt>
                <c:pt idx="350">
                  <c:v>45642</c:v>
                </c:pt>
                <c:pt idx="351">
                  <c:v>45643</c:v>
                </c:pt>
                <c:pt idx="352">
                  <c:v>45644</c:v>
                </c:pt>
                <c:pt idx="353">
                  <c:v>45645</c:v>
                </c:pt>
                <c:pt idx="354">
                  <c:v>45646</c:v>
                </c:pt>
                <c:pt idx="355">
                  <c:v>45647</c:v>
                </c:pt>
                <c:pt idx="356">
                  <c:v>45648</c:v>
                </c:pt>
                <c:pt idx="357">
                  <c:v>45649</c:v>
                </c:pt>
                <c:pt idx="358">
                  <c:v>45650</c:v>
                </c:pt>
                <c:pt idx="359">
                  <c:v>45651</c:v>
                </c:pt>
                <c:pt idx="360">
                  <c:v>45652</c:v>
                </c:pt>
                <c:pt idx="361">
                  <c:v>45653</c:v>
                </c:pt>
                <c:pt idx="362">
                  <c:v>45654</c:v>
                </c:pt>
                <c:pt idx="363">
                  <c:v>45655</c:v>
                </c:pt>
                <c:pt idx="364">
                  <c:v>45656</c:v>
                </c:pt>
              </c:numCache>
              <c:extLst xmlns:c15="http://schemas.microsoft.com/office/drawing/2012/chart"/>
            </c:numRef>
          </c:xVal>
          <c:yVal>
            <c:numRef>
              <c:f>Jesper!$Q$2:$Q$366</c:f>
              <c:numCache>
                <c:formatCode>General</c:formatCode>
                <c:ptCount val="365"/>
                <c:pt idx="0">
                  <c:v>-2</c:v>
                </c:pt>
                <c:pt idx="1">
                  <c:v>-3.5</c:v>
                </c:pt>
                <c:pt idx="2">
                  <c:v>-2.8</c:v>
                </c:pt>
                <c:pt idx="3">
                  <c:v>-2.7</c:v>
                </c:pt>
                <c:pt idx="4">
                  <c:v>-2.2999999999999998</c:v>
                </c:pt>
                <c:pt idx="5">
                  <c:v>-1.6</c:v>
                </c:pt>
                <c:pt idx="6">
                  <c:v>0.3</c:v>
                </c:pt>
                <c:pt idx="7">
                  <c:v>6.7</c:v>
                </c:pt>
                <c:pt idx="8">
                  <c:v>6.2</c:v>
                </c:pt>
                <c:pt idx="9">
                  <c:v>3.5</c:v>
                </c:pt>
                <c:pt idx="10">
                  <c:v>5.3</c:v>
                </c:pt>
                <c:pt idx="11">
                  <c:v>4.5999999999999996</c:v>
                </c:pt>
                <c:pt idx="12">
                  <c:v>0.2</c:v>
                </c:pt>
                <c:pt idx="13">
                  <c:v>-0.2</c:v>
                </c:pt>
                <c:pt idx="14">
                  <c:v>0.2</c:v>
                </c:pt>
                <c:pt idx="15">
                  <c:v>-0.2</c:v>
                </c:pt>
                <c:pt idx="16">
                  <c:v>1.6</c:v>
                </c:pt>
                <c:pt idx="17">
                  <c:v>0.4</c:v>
                </c:pt>
                <c:pt idx="18">
                  <c:v>-0.1</c:v>
                </c:pt>
                <c:pt idx="19">
                  <c:v>0.9</c:v>
                </c:pt>
                <c:pt idx="20">
                  <c:v>0.6</c:v>
                </c:pt>
                <c:pt idx="21">
                  <c:v>0.8</c:v>
                </c:pt>
                <c:pt idx="22">
                  <c:v>3.1</c:v>
                </c:pt>
                <c:pt idx="23">
                  <c:v>5.3</c:v>
                </c:pt>
                <c:pt idx="24">
                  <c:v>6.7</c:v>
                </c:pt>
                <c:pt idx="25">
                  <c:v>2</c:v>
                </c:pt>
                <c:pt idx="26">
                  <c:v>2</c:v>
                </c:pt>
                <c:pt idx="27">
                  <c:v>2.4</c:v>
                </c:pt>
                <c:pt idx="28">
                  <c:v>3.2</c:v>
                </c:pt>
                <c:pt idx="29">
                  <c:v>2.7</c:v>
                </c:pt>
                <c:pt idx="30">
                  <c:v>-0.8</c:v>
                </c:pt>
                <c:pt idx="31">
                  <c:v>-4.2</c:v>
                </c:pt>
                <c:pt idx="32">
                  <c:v>-1.1000000000000001</c:v>
                </c:pt>
                <c:pt idx="33">
                  <c:v>-2.6</c:v>
                </c:pt>
                <c:pt idx="34">
                  <c:v>-2.8</c:v>
                </c:pt>
                <c:pt idx="35">
                  <c:v>2.5</c:v>
                </c:pt>
                <c:pt idx="36">
                  <c:v>3.8</c:v>
                </c:pt>
                <c:pt idx="37">
                  <c:v>3.7</c:v>
                </c:pt>
                <c:pt idx="38">
                  <c:v>6.1</c:v>
                </c:pt>
                <c:pt idx="39">
                  <c:v>1.6</c:v>
                </c:pt>
                <c:pt idx="40">
                  <c:v>-0.6</c:v>
                </c:pt>
                <c:pt idx="41">
                  <c:v>0</c:v>
                </c:pt>
                <c:pt idx="42">
                  <c:v>6.6</c:v>
                </c:pt>
                <c:pt idx="43">
                  <c:v>8.1</c:v>
                </c:pt>
                <c:pt idx="44">
                  <c:v>3</c:v>
                </c:pt>
                <c:pt idx="45">
                  <c:v>0.7</c:v>
                </c:pt>
                <c:pt idx="46">
                  <c:v>4.5</c:v>
                </c:pt>
                <c:pt idx="47">
                  <c:v>2.9</c:v>
                </c:pt>
                <c:pt idx="48">
                  <c:v>1.4</c:v>
                </c:pt>
                <c:pt idx="49">
                  <c:v>0</c:v>
                </c:pt>
                <c:pt idx="50">
                  <c:v>0.9</c:v>
                </c:pt>
                <c:pt idx="51">
                  <c:v>-1.2</c:v>
                </c:pt>
                <c:pt idx="52">
                  <c:v>-0.2</c:v>
                </c:pt>
                <c:pt idx="53">
                  <c:v>0.8</c:v>
                </c:pt>
                <c:pt idx="54">
                  <c:v>0.7</c:v>
                </c:pt>
                <c:pt idx="55">
                  <c:v>0.8</c:v>
                </c:pt>
                <c:pt idx="56">
                  <c:v>3.6</c:v>
                </c:pt>
                <c:pt idx="57">
                  <c:v>5.0999999999999996</c:v>
                </c:pt>
                <c:pt idx="58">
                  <c:v>5.4</c:v>
                </c:pt>
                <c:pt idx="59">
                  <c:v>5.3</c:v>
                </c:pt>
                <c:pt idx="60">
                  <c:v>4.7</c:v>
                </c:pt>
                <c:pt idx="61">
                  <c:v>1.8</c:v>
                </c:pt>
                <c:pt idx="62">
                  <c:v>-1.1000000000000001</c:v>
                </c:pt>
                <c:pt idx="63">
                  <c:v>-0.3</c:v>
                </c:pt>
                <c:pt idx="64">
                  <c:v>-3.4</c:v>
                </c:pt>
                <c:pt idx="65">
                  <c:v>-4.8</c:v>
                </c:pt>
                <c:pt idx="66">
                  <c:v>-6.6</c:v>
                </c:pt>
                <c:pt idx="67">
                  <c:v>-7.8</c:v>
                </c:pt>
                <c:pt idx="68">
                  <c:v>-4.3</c:v>
                </c:pt>
                <c:pt idx="69">
                  <c:v>-3.1</c:v>
                </c:pt>
                <c:pt idx="70">
                  <c:v>-2.4</c:v>
                </c:pt>
                <c:pt idx="71">
                  <c:v>-0.4</c:v>
                </c:pt>
                <c:pt idx="72">
                  <c:v>0</c:v>
                </c:pt>
                <c:pt idx="73">
                  <c:v>0.9</c:v>
                </c:pt>
                <c:pt idx="74">
                  <c:v>0.8</c:v>
                </c:pt>
                <c:pt idx="75">
                  <c:v>3.7</c:v>
                </c:pt>
                <c:pt idx="76">
                  <c:v>2.4</c:v>
                </c:pt>
                <c:pt idx="77">
                  <c:v>2.2000000000000002</c:v>
                </c:pt>
                <c:pt idx="78">
                  <c:v>3</c:v>
                </c:pt>
                <c:pt idx="79">
                  <c:v>1.3</c:v>
                </c:pt>
                <c:pt idx="80">
                  <c:v>0.4</c:v>
                </c:pt>
                <c:pt idx="81">
                  <c:v>1.4</c:v>
                </c:pt>
                <c:pt idx="82">
                  <c:v>1.2</c:v>
                </c:pt>
                <c:pt idx="83">
                  <c:v>-1.3</c:v>
                </c:pt>
                <c:pt idx="84">
                  <c:v>-1.6</c:v>
                </c:pt>
                <c:pt idx="85">
                  <c:v>-2.2000000000000002</c:v>
                </c:pt>
                <c:pt idx="86">
                  <c:v>-3.3</c:v>
                </c:pt>
                <c:pt idx="87">
                  <c:v>-2.9</c:v>
                </c:pt>
                <c:pt idx="88">
                  <c:v>-2.2999999999999998</c:v>
                </c:pt>
                <c:pt idx="89">
                  <c:v>-0.3</c:v>
                </c:pt>
                <c:pt idx="90">
                  <c:v>0.9</c:v>
                </c:pt>
                <c:pt idx="91">
                  <c:v>1.8</c:v>
                </c:pt>
                <c:pt idx="92">
                  <c:v>4</c:v>
                </c:pt>
                <c:pt idx="93">
                  <c:v>5.5</c:v>
                </c:pt>
                <c:pt idx="94">
                  <c:v>6.8</c:v>
                </c:pt>
                <c:pt idx="95">
                  <c:v>4.7</c:v>
                </c:pt>
                <c:pt idx="96">
                  <c:v>4.4000000000000004</c:v>
                </c:pt>
                <c:pt idx="97">
                  <c:v>6.3</c:v>
                </c:pt>
                <c:pt idx="98">
                  <c:v>5.8</c:v>
                </c:pt>
                <c:pt idx="99">
                  <c:v>7.8</c:v>
                </c:pt>
                <c:pt idx="100">
                  <c:v>8.6999999999999993</c:v>
                </c:pt>
                <c:pt idx="101">
                  <c:v>9.4</c:v>
                </c:pt>
                <c:pt idx="102">
                  <c:v>8.9</c:v>
                </c:pt>
                <c:pt idx="103">
                  <c:v>7.1</c:v>
                </c:pt>
                <c:pt idx="104">
                  <c:v>7</c:v>
                </c:pt>
                <c:pt idx="105">
                  <c:v>7.3</c:v>
                </c:pt>
                <c:pt idx="106">
                  <c:v>7.7</c:v>
                </c:pt>
                <c:pt idx="107">
                  <c:v>9.3000000000000007</c:v>
                </c:pt>
                <c:pt idx="108">
                  <c:v>9.6</c:v>
                </c:pt>
                <c:pt idx="109">
                  <c:v>9.8000000000000007</c:v>
                </c:pt>
                <c:pt idx="110">
                  <c:v>9.3000000000000007</c:v>
                </c:pt>
                <c:pt idx="111">
                  <c:v>5.8</c:v>
                </c:pt>
                <c:pt idx="112">
                  <c:v>2</c:v>
                </c:pt>
                <c:pt idx="113">
                  <c:v>2.7</c:v>
                </c:pt>
                <c:pt idx="114">
                  <c:v>1.2</c:v>
                </c:pt>
                <c:pt idx="115">
                  <c:v>2.4</c:v>
                </c:pt>
                <c:pt idx="116">
                  <c:v>2.7</c:v>
                </c:pt>
                <c:pt idx="117">
                  <c:v>5.3</c:v>
                </c:pt>
                <c:pt idx="118">
                  <c:v>2</c:v>
                </c:pt>
                <c:pt idx="119">
                  <c:v>2.2999999999999998</c:v>
                </c:pt>
                <c:pt idx="120">
                  <c:v>3.5</c:v>
                </c:pt>
                <c:pt idx="121">
                  <c:v>5.2</c:v>
                </c:pt>
                <c:pt idx="122">
                  <c:v>3.9</c:v>
                </c:pt>
                <c:pt idx="123">
                  <c:v>4.8</c:v>
                </c:pt>
                <c:pt idx="124">
                  <c:v>6.9</c:v>
                </c:pt>
                <c:pt idx="125">
                  <c:v>8.6</c:v>
                </c:pt>
                <c:pt idx="126">
                  <c:v>9.5</c:v>
                </c:pt>
                <c:pt idx="127">
                  <c:v>12.1</c:v>
                </c:pt>
                <c:pt idx="128">
                  <c:v>13.7</c:v>
                </c:pt>
                <c:pt idx="129">
                  <c:v>14.4</c:v>
                </c:pt>
                <c:pt idx="130">
                  <c:v>12.3</c:v>
                </c:pt>
                <c:pt idx="131">
                  <c:v>11.7</c:v>
                </c:pt>
                <c:pt idx="132">
                  <c:v>13</c:v>
                </c:pt>
                <c:pt idx="133">
                  <c:v>15.7</c:v>
                </c:pt>
                <c:pt idx="134">
                  <c:v>12.4</c:v>
                </c:pt>
                <c:pt idx="135">
                  <c:v>7.4</c:v>
                </c:pt>
                <c:pt idx="136">
                  <c:v>5.3</c:v>
                </c:pt>
                <c:pt idx="137">
                  <c:v>10.4</c:v>
                </c:pt>
                <c:pt idx="138">
                  <c:v>12.4</c:v>
                </c:pt>
                <c:pt idx="139">
                  <c:v>14.3</c:v>
                </c:pt>
                <c:pt idx="140">
                  <c:v>12.9</c:v>
                </c:pt>
                <c:pt idx="141">
                  <c:v>13.7</c:v>
                </c:pt>
                <c:pt idx="142">
                  <c:v>9.4</c:v>
                </c:pt>
                <c:pt idx="143">
                  <c:v>8.9</c:v>
                </c:pt>
                <c:pt idx="144">
                  <c:v>6.4</c:v>
                </c:pt>
                <c:pt idx="145">
                  <c:v>6.4</c:v>
                </c:pt>
                <c:pt idx="146">
                  <c:v>9.1999999999999993</c:v>
                </c:pt>
                <c:pt idx="147">
                  <c:v>6.4</c:v>
                </c:pt>
                <c:pt idx="148">
                  <c:v>7.4</c:v>
                </c:pt>
                <c:pt idx="149">
                  <c:v>10.6</c:v>
                </c:pt>
                <c:pt idx="150">
                  <c:v>6.9</c:v>
                </c:pt>
                <c:pt idx="151">
                  <c:v>5.9</c:v>
                </c:pt>
                <c:pt idx="152">
                  <c:v>8.3000000000000007</c:v>
                </c:pt>
                <c:pt idx="153">
                  <c:v>8.1999999999999993</c:v>
                </c:pt>
                <c:pt idx="154">
                  <c:v>9.9</c:v>
                </c:pt>
                <c:pt idx="155">
                  <c:v>9.8000000000000007</c:v>
                </c:pt>
                <c:pt idx="156">
                  <c:v>9.3000000000000007</c:v>
                </c:pt>
                <c:pt idx="157">
                  <c:v>9.8000000000000007</c:v>
                </c:pt>
                <c:pt idx="158">
                  <c:v>10.1</c:v>
                </c:pt>
                <c:pt idx="159">
                  <c:v>15.4</c:v>
                </c:pt>
                <c:pt idx="160">
                  <c:v>17.7</c:v>
                </c:pt>
                <c:pt idx="161">
                  <c:v>16.399999999999999</c:v>
                </c:pt>
                <c:pt idx="162">
                  <c:v>16.5</c:v>
                </c:pt>
                <c:pt idx="163">
                  <c:v>17.5</c:v>
                </c:pt>
                <c:pt idx="164">
                  <c:v>18.3</c:v>
                </c:pt>
                <c:pt idx="165">
                  <c:v>18.2</c:v>
                </c:pt>
                <c:pt idx="166">
                  <c:v>17.3</c:v>
                </c:pt>
                <c:pt idx="167">
                  <c:v>18</c:v>
                </c:pt>
                <c:pt idx="168">
                  <c:v>21.6</c:v>
                </c:pt>
                <c:pt idx="169">
                  <c:v>21.6</c:v>
                </c:pt>
                <c:pt idx="170">
                  <c:v>22</c:v>
                </c:pt>
                <c:pt idx="171">
                  <c:v>22.8</c:v>
                </c:pt>
                <c:pt idx="172">
                  <c:v>17.5</c:v>
                </c:pt>
                <c:pt idx="173">
                  <c:v>12.7</c:v>
                </c:pt>
                <c:pt idx="174">
                  <c:v>16.100000000000001</c:v>
                </c:pt>
                <c:pt idx="175">
                  <c:v>20.399999999999999</c:v>
                </c:pt>
                <c:pt idx="176">
                  <c:v>24.8</c:v>
                </c:pt>
                <c:pt idx="177">
                  <c:v>18.600000000000001</c:v>
                </c:pt>
                <c:pt idx="178">
                  <c:v>19.399999999999999</c:v>
                </c:pt>
                <c:pt idx="179">
                  <c:v>14.4</c:v>
                </c:pt>
                <c:pt idx="180">
                  <c:v>13.4</c:v>
                </c:pt>
                <c:pt idx="181">
                  <c:v>13.8</c:v>
                </c:pt>
                <c:pt idx="182">
                  <c:v>17.899999999999999</c:v>
                </c:pt>
                <c:pt idx="183">
                  <c:v>15</c:v>
                </c:pt>
                <c:pt idx="184">
                  <c:v>13</c:v>
                </c:pt>
                <c:pt idx="185">
                  <c:v>16.2</c:v>
                </c:pt>
                <c:pt idx="186">
                  <c:v>16.8</c:v>
                </c:pt>
                <c:pt idx="187">
                  <c:v>16.7</c:v>
                </c:pt>
                <c:pt idx="188">
                  <c:v>17.899999999999999</c:v>
                </c:pt>
                <c:pt idx="189">
                  <c:v>20.100000000000001</c:v>
                </c:pt>
                <c:pt idx="190">
                  <c:v>20.9</c:v>
                </c:pt>
                <c:pt idx="191">
                  <c:v>20.2</c:v>
                </c:pt>
                <c:pt idx="192">
                  <c:v>19.600000000000001</c:v>
                </c:pt>
                <c:pt idx="193">
                  <c:v>16.3</c:v>
                </c:pt>
                <c:pt idx="194">
                  <c:v>13.9</c:v>
                </c:pt>
                <c:pt idx="195">
                  <c:v>17.5</c:v>
                </c:pt>
                <c:pt idx="196">
                  <c:v>18.399999999999999</c:v>
                </c:pt>
                <c:pt idx="197">
                  <c:v>16</c:v>
                </c:pt>
                <c:pt idx="198">
                  <c:v>14.7</c:v>
                </c:pt>
                <c:pt idx="199">
                  <c:v>13.7</c:v>
                </c:pt>
                <c:pt idx="200">
                  <c:v>14.9</c:v>
                </c:pt>
                <c:pt idx="201">
                  <c:v>13.3</c:v>
                </c:pt>
                <c:pt idx="202">
                  <c:v>13.8</c:v>
                </c:pt>
                <c:pt idx="203">
                  <c:v>15.8</c:v>
                </c:pt>
                <c:pt idx="204">
                  <c:v>16.8</c:v>
                </c:pt>
                <c:pt idx="205">
                  <c:v>16</c:v>
                </c:pt>
                <c:pt idx="206">
                  <c:v>17.600000000000001</c:v>
                </c:pt>
                <c:pt idx="207">
                  <c:v>17.399999999999999</c:v>
                </c:pt>
                <c:pt idx="208">
                  <c:v>16.2</c:v>
                </c:pt>
                <c:pt idx="209">
                  <c:v>16.2</c:v>
                </c:pt>
                <c:pt idx="210">
                  <c:v>17.5</c:v>
                </c:pt>
                <c:pt idx="211">
                  <c:v>17.2</c:v>
                </c:pt>
                <c:pt idx="212">
                  <c:v>19</c:v>
                </c:pt>
                <c:pt idx="213">
                  <c:v>17.8</c:v>
                </c:pt>
                <c:pt idx="214">
                  <c:v>17.2</c:v>
                </c:pt>
                <c:pt idx="215">
                  <c:v>14</c:v>
                </c:pt>
                <c:pt idx="216">
                  <c:v>14.1</c:v>
                </c:pt>
                <c:pt idx="217">
                  <c:v>15.2</c:v>
                </c:pt>
                <c:pt idx="218">
                  <c:v>12.9</c:v>
                </c:pt>
                <c:pt idx="219">
                  <c:v>16.100000000000001</c:v>
                </c:pt>
                <c:pt idx="220">
                  <c:v>17.100000000000001</c:v>
                </c:pt>
                <c:pt idx="221">
                  <c:v>15.1</c:v>
                </c:pt>
                <c:pt idx="222">
                  <c:v>14.3</c:v>
                </c:pt>
                <c:pt idx="223">
                  <c:v>15.2</c:v>
                </c:pt>
                <c:pt idx="224">
                  <c:v>18.100000000000001</c:v>
                </c:pt>
                <c:pt idx="225">
                  <c:v>17.399999999999999</c:v>
                </c:pt>
                <c:pt idx="226">
                  <c:v>17.2</c:v>
                </c:pt>
                <c:pt idx="227">
                  <c:v>14.7</c:v>
                </c:pt>
                <c:pt idx="228">
                  <c:v>15.7</c:v>
                </c:pt>
                <c:pt idx="229">
                  <c:v>17.600000000000001</c:v>
                </c:pt>
                <c:pt idx="230">
                  <c:v>20.399999999999999</c:v>
                </c:pt>
                <c:pt idx="231">
                  <c:v>17.7</c:v>
                </c:pt>
                <c:pt idx="232">
                  <c:v>15.6</c:v>
                </c:pt>
                <c:pt idx="233">
                  <c:v>15.5</c:v>
                </c:pt>
                <c:pt idx="234">
                  <c:v>15.3</c:v>
                </c:pt>
                <c:pt idx="235">
                  <c:v>14.1</c:v>
                </c:pt>
                <c:pt idx="236">
                  <c:v>16.899999999999999</c:v>
                </c:pt>
                <c:pt idx="237">
                  <c:v>16.3</c:v>
                </c:pt>
                <c:pt idx="238">
                  <c:v>16</c:v>
                </c:pt>
                <c:pt idx="239">
                  <c:v>14.8</c:v>
                </c:pt>
                <c:pt idx="240">
                  <c:v>14.9</c:v>
                </c:pt>
                <c:pt idx="241">
                  <c:v>14.5</c:v>
                </c:pt>
                <c:pt idx="242">
                  <c:v>13.1</c:v>
                </c:pt>
                <c:pt idx="243">
                  <c:v>13.9</c:v>
                </c:pt>
                <c:pt idx="244">
                  <c:v>12.9</c:v>
                </c:pt>
                <c:pt idx="245">
                  <c:v>12.2</c:v>
                </c:pt>
                <c:pt idx="246">
                  <c:v>13.2</c:v>
                </c:pt>
                <c:pt idx="247">
                  <c:v>10.9</c:v>
                </c:pt>
                <c:pt idx="248">
                  <c:v>12.7</c:v>
                </c:pt>
                <c:pt idx="249">
                  <c:v>13.5</c:v>
                </c:pt>
                <c:pt idx="250">
                  <c:v>15.3</c:v>
                </c:pt>
                <c:pt idx="251">
                  <c:v>17</c:v>
                </c:pt>
                <c:pt idx="252">
                  <c:v>14.2</c:v>
                </c:pt>
                <c:pt idx="253">
                  <c:v>14.2</c:v>
                </c:pt>
                <c:pt idx="254">
                  <c:v>12.3</c:v>
                </c:pt>
                <c:pt idx="255">
                  <c:v>9.1999999999999993</c:v>
                </c:pt>
                <c:pt idx="256">
                  <c:v>9.6999999999999993</c:v>
                </c:pt>
                <c:pt idx="257">
                  <c:v>12.8</c:v>
                </c:pt>
                <c:pt idx="258">
                  <c:v>11</c:v>
                </c:pt>
                <c:pt idx="259">
                  <c:v>10.5</c:v>
                </c:pt>
                <c:pt idx="260">
                  <c:v>12.4</c:v>
                </c:pt>
                <c:pt idx="261">
                  <c:v>12.7</c:v>
                </c:pt>
                <c:pt idx="262">
                  <c:v>11.2</c:v>
                </c:pt>
                <c:pt idx="263">
                  <c:v>12.6</c:v>
                </c:pt>
                <c:pt idx="264">
                  <c:v>12.6</c:v>
                </c:pt>
                <c:pt idx="265">
                  <c:v>11.3</c:v>
                </c:pt>
                <c:pt idx="266">
                  <c:v>10.5</c:v>
                </c:pt>
                <c:pt idx="267">
                  <c:v>14.4</c:v>
                </c:pt>
                <c:pt idx="268">
                  <c:v>13.9</c:v>
                </c:pt>
                <c:pt idx="269">
                  <c:v>12.8</c:v>
                </c:pt>
                <c:pt idx="270">
                  <c:v>13.5</c:v>
                </c:pt>
                <c:pt idx="271">
                  <c:v>12.8</c:v>
                </c:pt>
                <c:pt idx="272">
                  <c:v>11.3</c:v>
                </c:pt>
                <c:pt idx="273">
                  <c:v>10</c:v>
                </c:pt>
                <c:pt idx="274">
                  <c:v>10.3</c:v>
                </c:pt>
                <c:pt idx="275">
                  <c:v>10</c:v>
                </c:pt>
                <c:pt idx="276">
                  <c:v>8.8000000000000007</c:v>
                </c:pt>
                <c:pt idx="277">
                  <c:v>6.8</c:v>
                </c:pt>
                <c:pt idx="278">
                  <c:v>6.7</c:v>
                </c:pt>
                <c:pt idx="279">
                  <c:v>4.5</c:v>
                </c:pt>
                <c:pt idx="280">
                  <c:v>4.5999999999999996</c:v>
                </c:pt>
                <c:pt idx="281">
                  <c:v>6.5</c:v>
                </c:pt>
                <c:pt idx="282">
                  <c:v>8.6</c:v>
                </c:pt>
                <c:pt idx="283">
                  <c:v>7.6</c:v>
                </c:pt>
                <c:pt idx="284">
                  <c:v>6.5</c:v>
                </c:pt>
                <c:pt idx="285">
                  <c:v>7.6</c:v>
                </c:pt>
                <c:pt idx="286">
                  <c:v>6.5</c:v>
                </c:pt>
                <c:pt idx="287">
                  <c:v>5.4</c:v>
                </c:pt>
                <c:pt idx="288">
                  <c:v>3.5</c:v>
                </c:pt>
                <c:pt idx="289">
                  <c:v>7</c:v>
                </c:pt>
                <c:pt idx="290">
                  <c:v>5</c:v>
                </c:pt>
                <c:pt idx="291">
                  <c:v>1.1000000000000001</c:v>
                </c:pt>
                <c:pt idx="292">
                  <c:v>1.3</c:v>
                </c:pt>
                <c:pt idx="293">
                  <c:v>1.8</c:v>
                </c:pt>
                <c:pt idx="294">
                  <c:v>5.3</c:v>
                </c:pt>
                <c:pt idx="295">
                  <c:v>6.2</c:v>
                </c:pt>
                <c:pt idx="296">
                  <c:v>6</c:v>
                </c:pt>
                <c:pt idx="297">
                  <c:v>5.0999999999999996</c:v>
                </c:pt>
                <c:pt idx="298">
                  <c:v>1.6</c:v>
                </c:pt>
                <c:pt idx="299">
                  <c:v>0.8</c:v>
                </c:pt>
                <c:pt idx="300">
                  <c:v>-1</c:v>
                </c:pt>
                <c:pt idx="301">
                  <c:v>-0.3</c:v>
                </c:pt>
                <c:pt idx="302">
                  <c:v>-2.2000000000000002</c:v>
                </c:pt>
                <c:pt idx="303">
                  <c:v>-2.2000000000000002</c:v>
                </c:pt>
                <c:pt idx="304">
                  <c:v>-0.3</c:v>
                </c:pt>
                <c:pt idx="305">
                  <c:v>2.4</c:v>
                </c:pt>
                <c:pt idx="306">
                  <c:v>3.5</c:v>
                </c:pt>
                <c:pt idx="307">
                  <c:v>4</c:v>
                </c:pt>
                <c:pt idx="308">
                  <c:v>4.7</c:v>
                </c:pt>
                <c:pt idx="309">
                  <c:v>4.4000000000000004</c:v>
                </c:pt>
                <c:pt idx="310">
                  <c:v>4.2</c:v>
                </c:pt>
                <c:pt idx="311">
                  <c:v>3.3</c:v>
                </c:pt>
                <c:pt idx="312">
                  <c:v>4</c:v>
                </c:pt>
                <c:pt idx="313">
                  <c:v>3.8</c:v>
                </c:pt>
                <c:pt idx="314">
                  <c:v>2.1</c:v>
                </c:pt>
                <c:pt idx="315">
                  <c:v>0.2</c:v>
                </c:pt>
                <c:pt idx="316">
                  <c:v>-1.4</c:v>
                </c:pt>
                <c:pt idx="317">
                  <c:v>-0.5</c:v>
                </c:pt>
                <c:pt idx="318">
                  <c:v>-3.5</c:v>
                </c:pt>
                <c:pt idx="319">
                  <c:v>-4.4000000000000004</c:v>
                </c:pt>
                <c:pt idx="320">
                  <c:v>-2.1</c:v>
                </c:pt>
                <c:pt idx="321">
                  <c:v>-2.5</c:v>
                </c:pt>
                <c:pt idx="322">
                  <c:v>-3.5</c:v>
                </c:pt>
                <c:pt idx="323">
                  <c:v>-5.7</c:v>
                </c:pt>
                <c:pt idx="324">
                  <c:v>-6.4</c:v>
                </c:pt>
                <c:pt idx="325">
                  <c:v>0.9</c:v>
                </c:pt>
                <c:pt idx="326">
                  <c:v>1.3</c:v>
                </c:pt>
                <c:pt idx="327">
                  <c:v>1.1000000000000001</c:v>
                </c:pt>
                <c:pt idx="328">
                  <c:v>-1.9</c:v>
                </c:pt>
                <c:pt idx="329">
                  <c:v>-3.2</c:v>
                </c:pt>
                <c:pt idx="330">
                  <c:v>-5.8</c:v>
                </c:pt>
                <c:pt idx="331">
                  <c:v>-7.5</c:v>
                </c:pt>
                <c:pt idx="332">
                  <c:v>-4.3</c:v>
                </c:pt>
                <c:pt idx="333">
                  <c:v>-6.2</c:v>
                </c:pt>
                <c:pt idx="334">
                  <c:v>-6.8</c:v>
                </c:pt>
                <c:pt idx="335">
                  <c:v>-8.1999999999999993</c:v>
                </c:pt>
                <c:pt idx="336">
                  <c:v>-7.6</c:v>
                </c:pt>
                <c:pt idx="337">
                  <c:v>-7.8</c:v>
                </c:pt>
                <c:pt idx="338">
                  <c:v>-4.7</c:v>
                </c:pt>
                <c:pt idx="339">
                  <c:v>-4.4000000000000004</c:v>
                </c:pt>
                <c:pt idx="340">
                  <c:v>-6.7</c:v>
                </c:pt>
                <c:pt idx="341">
                  <c:v>-7.6</c:v>
                </c:pt>
                <c:pt idx="342">
                  <c:v>-2</c:v>
                </c:pt>
                <c:pt idx="343">
                  <c:v>-1.1000000000000001</c:v>
                </c:pt>
                <c:pt idx="344">
                  <c:v>-2.9</c:v>
                </c:pt>
                <c:pt idx="345">
                  <c:v>-5.6</c:v>
                </c:pt>
                <c:pt idx="346">
                  <c:v>-6.8</c:v>
                </c:pt>
                <c:pt idx="347">
                  <c:v>-7.2</c:v>
                </c:pt>
                <c:pt idx="348">
                  <c:v>-0.1</c:v>
                </c:pt>
                <c:pt idx="349">
                  <c:v>4.0999999999999996</c:v>
                </c:pt>
                <c:pt idx="350">
                  <c:v>2.9</c:v>
                </c:pt>
                <c:pt idx="351">
                  <c:v>4.5</c:v>
                </c:pt>
                <c:pt idx="352">
                  <c:v>1.9</c:v>
                </c:pt>
                <c:pt idx="353">
                  <c:v>-1.4</c:v>
                </c:pt>
                <c:pt idx="354">
                  <c:v>-2.4</c:v>
                </c:pt>
                <c:pt idx="355">
                  <c:v>-1.4</c:v>
                </c:pt>
                <c:pt idx="356">
                  <c:v>-2.5</c:v>
                </c:pt>
                <c:pt idx="357">
                  <c:v>-3.8</c:v>
                </c:pt>
                <c:pt idx="358">
                  <c:v>-1.3</c:v>
                </c:pt>
                <c:pt idx="359">
                  <c:v>0.4</c:v>
                </c:pt>
                <c:pt idx="360">
                  <c:v>-0.2</c:v>
                </c:pt>
                <c:pt idx="361">
                  <c:v>-3</c:v>
                </c:pt>
                <c:pt idx="362">
                  <c:v>-2.2000000000000002</c:v>
                </c:pt>
                <c:pt idx="363">
                  <c:v>-1.5</c:v>
                </c:pt>
                <c:pt idx="364">
                  <c:v>-3.1</c:v>
                </c:pt>
              </c:numCache>
              <c:extLst xmlns:c15="http://schemas.microsoft.com/office/drawing/2012/chart"/>
            </c:numRef>
          </c:yVal>
          <c:smooth val="0"/>
          <c:extLst xmlns:c15="http://schemas.microsoft.com/office/drawing/2012/chart">
            <c:ext xmlns:c16="http://schemas.microsoft.com/office/drawing/2014/chart" uri="{C3380CC4-5D6E-409C-BE32-E72D297353CC}">
              <c16:uniqueId val="{00000005-84B1-4936-A715-6FFFC4092DE5}"/>
            </c:ext>
          </c:extLst>
        </c:ser>
        <c:dLbls>
          <c:showLegendKey val="0"/>
          <c:showVal val="0"/>
          <c:showCatName val="0"/>
          <c:showSerName val="0"/>
          <c:showPercent val="0"/>
          <c:showBubbleSize val="0"/>
        </c:dLbls>
        <c:axId val="1918142592"/>
        <c:axId val="1918144032"/>
        <c:extLst/>
      </c:scatterChart>
      <c:dateAx>
        <c:axId val="1789561167"/>
        <c:scaling>
          <c:orientation val="minMax"/>
        </c:scaling>
        <c:delete val="0"/>
        <c:axPos val="b"/>
        <c:majorGridlines>
          <c:spPr>
            <a:ln w="9525" cap="flat" cmpd="sng" algn="ctr">
              <a:solidFill>
                <a:schemeClr val="tx1">
                  <a:lumMod val="15000"/>
                  <a:lumOff val="85000"/>
                </a:schemeClr>
              </a:solidFill>
              <a:round/>
            </a:ln>
            <a:effectLst/>
          </c:spPr>
        </c:majorGridlines>
        <c:numFmt formatCode="m/d/yyyy"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4047"/>
        <c:crosses val="autoZero"/>
        <c:auto val="1"/>
        <c:lblOffset val="100"/>
        <c:baseTimeUnit val="days"/>
        <c:majorUnit val="1"/>
        <c:majorTimeUnit val="months"/>
      </c:dateAx>
      <c:valAx>
        <c:axId val="1789564047"/>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nb-NO">
                    <a:solidFill>
                      <a:schemeClr val="tx1"/>
                    </a:solidFill>
                  </a:rPr>
                  <a:t>Daily</a:t>
                </a:r>
                <a:r>
                  <a:rPr lang="nb-NO" baseline="0">
                    <a:solidFill>
                      <a:schemeClr val="tx1"/>
                    </a:solidFill>
                  </a:rPr>
                  <a:t> Demand [user-defined unit]</a:t>
                </a:r>
                <a:endParaRPr lang="nb-NO">
                  <a:solidFill>
                    <a:schemeClr val="tx1"/>
                  </a:solidFill>
                </a:endParaRP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nb-NO"/>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1167"/>
        <c:crosses val="autoZero"/>
        <c:crossBetween val="between"/>
      </c:valAx>
      <c:valAx>
        <c:axId val="1918144032"/>
        <c:scaling>
          <c:orientation val="minMax"/>
        </c:scaling>
        <c:delete val="0"/>
        <c:axPos val="r"/>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nb-NO">
                    <a:solidFill>
                      <a:schemeClr val="tx1"/>
                    </a:solidFill>
                  </a:rPr>
                  <a:t>Temperature [</a:t>
                </a:r>
                <a:r>
                  <a:rPr lang="nb-NO">
                    <a:solidFill>
                      <a:schemeClr val="tx1"/>
                    </a:solidFill>
                    <a:latin typeface="Times New Roman" panose="02020603050405020304" pitchFamily="18" charset="0"/>
                    <a:cs typeface="Times New Roman" panose="02020603050405020304" pitchFamily="18" charset="0"/>
                  </a:rPr>
                  <a:t>℃</a:t>
                </a:r>
                <a:r>
                  <a:rPr lang="nb-NO">
                    <a:solidFill>
                      <a:schemeClr val="tx1"/>
                    </a:solidFill>
                  </a:rPr>
                  <a:t>]</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en-US"/>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918142592"/>
        <c:crosses val="max"/>
        <c:crossBetween val="midCat"/>
      </c:valAx>
      <c:valAx>
        <c:axId val="1918142592"/>
        <c:scaling>
          <c:orientation val="minMax"/>
        </c:scaling>
        <c:delete val="1"/>
        <c:axPos val="b"/>
        <c:numFmt formatCode="m/d/yyyy" sourceLinked="1"/>
        <c:majorTickMark val="out"/>
        <c:minorTickMark val="none"/>
        <c:tickLblPos val="nextTo"/>
        <c:crossAx val="1918144032"/>
        <c:crosses val="autoZero"/>
        <c:crossBetween val="midCat"/>
      </c:valAx>
      <c:spPr>
        <a:solidFill>
          <a:schemeClr val="bg1"/>
        </a:solidFill>
        <a:ln>
          <a:solidFill>
            <a:schemeClr val="tx1"/>
          </a:solidFill>
        </a:ln>
        <a:effectLst/>
      </c:spPr>
    </c:plotArea>
    <c:legend>
      <c:legendPos val="r"/>
      <c:layout>
        <c:manualLayout>
          <c:xMode val="edge"/>
          <c:yMode val="edge"/>
          <c:x val="0.70646000102854556"/>
          <c:y val="0.83068103910079472"/>
          <c:w val="0.2376220435025807"/>
          <c:h val="0.10906450580490969"/>
        </c:manualLayout>
      </c:layout>
      <c:overlay val="0"/>
      <c:spPr>
        <a:solidFill>
          <a:schemeClr val="bg1"/>
        </a:solidFill>
        <a:ln>
          <a:solidFill>
            <a:schemeClr val="tx1"/>
          </a:solid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8121034223516425E-2"/>
          <c:y val="2.3836381039014028E-2"/>
          <c:w val="0.9138572778812778"/>
          <c:h val="0.72993727124267316"/>
        </c:manualLayout>
      </c:layout>
      <c:areaChart>
        <c:grouping val="stacked"/>
        <c:varyColors val="0"/>
        <c:ser>
          <c:idx val="4"/>
          <c:order val="0"/>
          <c:tx>
            <c:strRef>
              <c:f>Bühler!$S$33</c:f>
              <c:strCache>
                <c:ptCount val="1"/>
                <c:pt idx="0">
                  <c:v>T5</c:v>
                </c:pt>
              </c:strCache>
            </c:strRef>
          </c:tx>
          <c:spPr>
            <a:solidFill>
              <a:schemeClr val="accent5">
                <a:lumMod val="75000"/>
              </a:schemeClr>
            </a:solidFill>
            <a:ln w="25400">
              <a:noFill/>
            </a:ln>
            <a:effectLst/>
          </c:spPr>
          <c:cat>
            <c:strRef>
              <c:f>Bühler!$U$34:$U$201</c:f>
              <c:strCache>
                <c:ptCount val="156"/>
                <c:pt idx="11">
                  <c:v>Monday</c:v>
                </c:pt>
                <c:pt idx="35">
                  <c:v>Tuesday</c:v>
                </c:pt>
                <c:pt idx="59">
                  <c:v>Wednesday</c:v>
                </c:pt>
                <c:pt idx="83">
                  <c:v>Thursday</c:v>
                </c:pt>
                <c:pt idx="107">
                  <c:v>Friday</c:v>
                </c:pt>
                <c:pt idx="131">
                  <c:v>Saturday</c:v>
                </c:pt>
                <c:pt idx="155">
                  <c:v>Sunday</c:v>
                </c:pt>
              </c:strCache>
            </c:strRef>
          </c:cat>
          <c:val>
            <c:numRef>
              <c:f>Bühler!$S$34:$S$201</c:f>
              <c:numCache>
                <c:formatCode>General</c:formatCode>
                <c:ptCount val="168"/>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numCache>
            </c:numRef>
          </c:val>
          <c:extLst>
            <c:ext xmlns:c16="http://schemas.microsoft.com/office/drawing/2014/chart" uri="{C3380CC4-5D6E-409C-BE32-E72D297353CC}">
              <c16:uniqueId val="{00000004-898D-410B-8F27-FD80B42F92F5}"/>
            </c:ext>
          </c:extLst>
        </c:ser>
        <c:ser>
          <c:idx val="3"/>
          <c:order val="1"/>
          <c:tx>
            <c:strRef>
              <c:f>Bühler!$R$33</c:f>
              <c:strCache>
                <c:ptCount val="1"/>
                <c:pt idx="0">
                  <c:v>T4</c:v>
                </c:pt>
              </c:strCache>
            </c:strRef>
          </c:tx>
          <c:spPr>
            <a:solidFill>
              <a:schemeClr val="accent5"/>
            </a:solidFill>
            <a:ln w="25400">
              <a:noFill/>
            </a:ln>
            <a:effectLst/>
          </c:spPr>
          <c:cat>
            <c:strRef>
              <c:f>Bühler!$U$34:$U$201</c:f>
              <c:strCache>
                <c:ptCount val="156"/>
                <c:pt idx="11">
                  <c:v>Monday</c:v>
                </c:pt>
                <c:pt idx="35">
                  <c:v>Tuesday</c:v>
                </c:pt>
                <c:pt idx="59">
                  <c:v>Wednesday</c:v>
                </c:pt>
                <c:pt idx="83">
                  <c:v>Thursday</c:v>
                </c:pt>
                <c:pt idx="107">
                  <c:v>Friday</c:v>
                </c:pt>
                <c:pt idx="131">
                  <c:v>Saturday</c:v>
                </c:pt>
                <c:pt idx="155">
                  <c:v>Sunday</c:v>
                </c:pt>
              </c:strCache>
            </c:strRef>
          </c:cat>
          <c:val>
            <c:numRef>
              <c:f>Bühler!$R$34:$R$201</c:f>
              <c:numCache>
                <c:formatCode>General</c:formatCode>
                <c:ptCount val="168"/>
                <c:pt idx="0">
                  <c:v>1.9726832013517666</c:v>
                </c:pt>
                <c:pt idx="1">
                  <c:v>1.9726832013517666</c:v>
                </c:pt>
                <c:pt idx="2">
                  <c:v>1.9726832013517666</c:v>
                </c:pt>
                <c:pt idx="3">
                  <c:v>1.9726832013517666</c:v>
                </c:pt>
                <c:pt idx="4">
                  <c:v>1.9726832013517666</c:v>
                </c:pt>
                <c:pt idx="5">
                  <c:v>8.5482938725243223</c:v>
                </c:pt>
                <c:pt idx="6">
                  <c:v>9.6990257399795183</c:v>
                </c:pt>
                <c:pt idx="7">
                  <c:v>9.6990257399795183</c:v>
                </c:pt>
                <c:pt idx="8">
                  <c:v>9.6990257399795183</c:v>
                </c:pt>
                <c:pt idx="9">
                  <c:v>10.356586807096775</c:v>
                </c:pt>
                <c:pt idx="10">
                  <c:v>10.356586807096775</c:v>
                </c:pt>
                <c:pt idx="11">
                  <c:v>13.151221342345112</c:v>
                </c:pt>
                <c:pt idx="12">
                  <c:v>13.151221342345112</c:v>
                </c:pt>
                <c:pt idx="13">
                  <c:v>8.7126841393036365</c:v>
                </c:pt>
                <c:pt idx="14">
                  <c:v>13.151221342345112</c:v>
                </c:pt>
                <c:pt idx="15">
                  <c:v>13.151221342345112</c:v>
                </c:pt>
                <c:pt idx="16">
                  <c:v>13.151221342345112</c:v>
                </c:pt>
                <c:pt idx="17">
                  <c:v>13.151221342345112</c:v>
                </c:pt>
                <c:pt idx="18">
                  <c:v>13.151221342345112</c:v>
                </c:pt>
                <c:pt idx="19">
                  <c:v>11.01414787421403</c:v>
                </c:pt>
                <c:pt idx="20">
                  <c:v>9.0414646728622632</c:v>
                </c:pt>
                <c:pt idx="21">
                  <c:v>6.5756106711725559</c:v>
                </c:pt>
                <c:pt idx="22">
                  <c:v>6.2468301376139284</c:v>
                </c:pt>
                <c:pt idx="23">
                  <c:v>6.2468301376139284</c:v>
                </c:pt>
                <c:pt idx="24">
                  <c:v>5.9063425997635788</c:v>
                </c:pt>
                <c:pt idx="25">
                  <c:v>5.9063425997635788</c:v>
                </c:pt>
                <c:pt idx="26">
                  <c:v>5.9063425997635788</c:v>
                </c:pt>
                <c:pt idx="27">
                  <c:v>5.9063425997635788</c:v>
                </c:pt>
                <c:pt idx="28">
                  <c:v>5.9063425997635788</c:v>
                </c:pt>
                <c:pt idx="29">
                  <c:v>7.678245379692652</c:v>
                </c:pt>
                <c:pt idx="30">
                  <c:v>8.5641967696571886</c:v>
                </c:pt>
                <c:pt idx="31">
                  <c:v>8.8595138996453677</c:v>
                </c:pt>
                <c:pt idx="32">
                  <c:v>8.8595138996453677</c:v>
                </c:pt>
                <c:pt idx="33">
                  <c:v>9.5978067246158147</c:v>
                </c:pt>
                <c:pt idx="34">
                  <c:v>10.040782419598083</c:v>
                </c:pt>
                <c:pt idx="35">
                  <c:v>11.812685199527158</c:v>
                </c:pt>
                <c:pt idx="36">
                  <c:v>11.812685199527158</c:v>
                </c:pt>
                <c:pt idx="37">
                  <c:v>11.812685199527158</c:v>
                </c:pt>
                <c:pt idx="38">
                  <c:v>11.812685199527158</c:v>
                </c:pt>
                <c:pt idx="39">
                  <c:v>11.812685199527158</c:v>
                </c:pt>
                <c:pt idx="40">
                  <c:v>11.812685199527158</c:v>
                </c:pt>
                <c:pt idx="41">
                  <c:v>11.812685199527158</c:v>
                </c:pt>
                <c:pt idx="42">
                  <c:v>11.812685199527158</c:v>
                </c:pt>
                <c:pt idx="43">
                  <c:v>9.8931238546039939</c:v>
                </c:pt>
                <c:pt idx="44">
                  <c:v>8.1212210746749189</c:v>
                </c:pt>
                <c:pt idx="45">
                  <c:v>5.9063425997635788</c:v>
                </c:pt>
                <c:pt idx="46">
                  <c:v>5.9063425997635788</c:v>
                </c:pt>
                <c:pt idx="47">
                  <c:v>5.9063425997635788</c:v>
                </c:pt>
                <c:pt idx="48">
                  <c:v>5.4660765763367811</c:v>
                </c:pt>
                <c:pt idx="49">
                  <c:v>6.1493361483788789</c:v>
                </c:pt>
                <c:pt idx="50">
                  <c:v>6.1493361483788789</c:v>
                </c:pt>
                <c:pt idx="51">
                  <c:v>6.1493361483788789</c:v>
                </c:pt>
                <c:pt idx="52">
                  <c:v>6.1493361483788789</c:v>
                </c:pt>
                <c:pt idx="53">
                  <c:v>7.9258110356883327</c:v>
                </c:pt>
                <c:pt idx="54">
                  <c:v>9.1556782653641093</c:v>
                </c:pt>
                <c:pt idx="55">
                  <c:v>9.1556782653641093</c:v>
                </c:pt>
                <c:pt idx="56">
                  <c:v>9.1556782653641093</c:v>
                </c:pt>
                <c:pt idx="57">
                  <c:v>9.8389378374062062</c:v>
                </c:pt>
                <c:pt idx="58">
                  <c:v>10.658849323856723</c:v>
                </c:pt>
                <c:pt idx="59">
                  <c:v>12.298672296757758</c:v>
                </c:pt>
                <c:pt idx="60">
                  <c:v>12.298672296757758</c:v>
                </c:pt>
                <c:pt idx="61">
                  <c:v>12.298672296757758</c:v>
                </c:pt>
                <c:pt idx="62">
                  <c:v>12.298672296757758</c:v>
                </c:pt>
                <c:pt idx="63">
                  <c:v>12.298672296757758</c:v>
                </c:pt>
                <c:pt idx="64">
                  <c:v>12.298672296757758</c:v>
                </c:pt>
                <c:pt idx="65">
                  <c:v>12.298672296757758</c:v>
                </c:pt>
                <c:pt idx="66">
                  <c:v>12.298672296757758</c:v>
                </c:pt>
                <c:pt idx="67">
                  <c:v>10.248893580631465</c:v>
                </c:pt>
                <c:pt idx="68">
                  <c:v>8.1991148645051712</c:v>
                </c:pt>
                <c:pt idx="69">
                  <c:v>6.1493361483788789</c:v>
                </c:pt>
                <c:pt idx="70">
                  <c:v>6.1493361483788789</c:v>
                </c:pt>
                <c:pt idx="71">
                  <c:v>6.1493361483788789</c:v>
                </c:pt>
                <c:pt idx="72">
                  <c:v>6.2273594116015039</c:v>
                </c:pt>
                <c:pt idx="73">
                  <c:v>6.2273594116015039</c:v>
                </c:pt>
                <c:pt idx="74">
                  <c:v>6.2273594116015039</c:v>
                </c:pt>
                <c:pt idx="75">
                  <c:v>6.2273594116015039</c:v>
                </c:pt>
                <c:pt idx="76">
                  <c:v>6.2273594116015039</c:v>
                </c:pt>
                <c:pt idx="77">
                  <c:v>8.0263743527308264</c:v>
                </c:pt>
                <c:pt idx="78">
                  <c:v>9.271846235051127</c:v>
                </c:pt>
                <c:pt idx="79">
                  <c:v>9.271846235051127</c:v>
                </c:pt>
                <c:pt idx="80">
                  <c:v>9.271846235051127</c:v>
                </c:pt>
                <c:pt idx="81">
                  <c:v>9.9637750585624065</c:v>
                </c:pt>
                <c:pt idx="82">
                  <c:v>10.794089646775939</c:v>
                </c:pt>
                <c:pt idx="83">
                  <c:v>12.454718823203008</c:v>
                </c:pt>
                <c:pt idx="84">
                  <c:v>12.454718823203008</c:v>
                </c:pt>
                <c:pt idx="85">
                  <c:v>12.454718823203008</c:v>
                </c:pt>
                <c:pt idx="86">
                  <c:v>12.454718823203008</c:v>
                </c:pt>
                <c:pt idx="87">
                  <c:v>12.454718823203008</c:v>
                </c:pt>
                <c:pt idx="88">
                  <c:v>12.454718823203008</c:v>
                </c:pt>
                <c:pt idx="89">
                  <c:v>12.454718823203008</c:v>
                </c:pt>
                <c:pt idx="90">
                  <c:v>12.454718823203008</c:v>
                </c:pt>
                <c:pt idx="91">
                  <c:v>10.378932352669171</c:v>
                </c:pt>
                <c:pt idx="92">
                  <c:v>8.3031458821353379</c:v>
                </c:pt>
                <c:pt idx="93">
                  <c:v>6.2273594116015039</c:v>
                </c:pt>
                <c:pt idx="94">
                  <c:v>6.2273594116015039</c:v>
                </c:pt>
                <c:pt idx="95">
                  <c:v>6.2273594116015039</c:v>
                </c:pt>
                <c:pt idx="96">
                  <c:v>6.8548328868370367</c:v>
                </c:pt>
                <c:pt idx="97">
                  <c:v>6.8548328868370367</c:v>
                </c:pt>
                <c:pt idx="98">
                  <c:v>6.8548328868370367</c:v>
                </c:pt>
                <c:pt idx="99">
                  <c:v>6.8548328868370367</c:v>
                </c:pt>
                <c:pt idx="100">
                  <c:v>6.8548328868370367</c:v>
                </c:pt>
                <c:pt idx="101">
                  <c:v>8.8351179430344029</c:v>
                </c:pt>
                <c:pt idx="102">
                  <c:v>10.663073379524279</c:v>
                </c:pt>
                <c:pt idx="103">
                  <c:v>10.663073379524279</c:v>
                </c:pt>
                <c:pt idx="104">
                  <c:v>10.663073379524279</c:v>
                </c:pt>
                <c:pt idx="105">
                  <c:v>11.424721478061727</c:v>
                </c:pt>
                <c:pt idx="106">
                  <c:v>11.881710337184197</c:v>
                </c:pt>
                <c:pt idx="107">
                  <c:v>13.709665773674073</c:v>
                </c:pt>
                <c:pt idx="108">
                  <c:v>13.709665773674073</c:v>
                </c:pt>
                <c:pt idx="109">
                  <c:v>13.709665773674073</c:v>
                </c:pt>
                <c:pt idx="110">
                  <c:v>13.709665773674073</c:v>
                </c:pt>
                <c:pt idx="111">
                  <c:v>11.424721478061727</c:v>
                </c:pt>
                <c:pt idx="112">
                  <c:v>10.815402999231772</c:v>
                </c:pt>
                <c:pt idx="113">
                  <c:v>10.815402999231772</c:v>
                </c:pt>
                <c:pt idx="114">
                  <c:v>10.815402999231772</c:v>
                </c:pt>
                <c:pt idx="115">
                  <c:v>10.815402999231772</c:v>
                </c:pt>
                <c:pt idx="116">
                  <c:v>8.3781290839119347</c:v>
                </c:pt>
                <c:pt idx="117">
                  <c:v>3.1989220138572838</c:v>
                </c:pt>
                <c:pt idx="118">
                  <c:v>3.1989220138572838</c:v>
                </c:pt>
                <c:pt idx="119">
                  <c:v>3.1989220138572838</c:v>
                </c:pt>
                <c:pt idx="120">
                  <c:v>4.4566781416603636</c:v>
                </c:pt>
                <c:pt idx="121">
                  <c:v>8.7011335146702358</c:v>
                </c:pt>
                <c:pt idx="122">
                  <c:v>8.7011335146702358</c:v>
                </c:pt>
                <c:pt idx="123">
                  <c:v>8.7011335146702358</c:v>
                </c:pt>
                <c:pt idx="124">
                  <c:v>8.7011335146702358</c:v>
                </c:pt>
                <c:pt idx="125">
                  <c:v>10.823361201175171</c:v>
                </c:pt>
                <c:pt idx="126">
                  <c:v>13.582257193631587</c:v>
                </c:pt>
                <c:pt idx="127">
                  <c:v>15.492262111486028</c:v>
                </c:pt>
                <c:pt idx="128">
                  <c:v>15.492262111486028</c:v>
                </c:pt>
                <c:pt idx="129">
                  <c:v>15.492262111486028</c:v>
                </c:pt>
                <c:pt idx="130">
                  <c:v>15.492262111486028</c:v>
                </c:pt>
                <c:pt idx="131">
                  <c:v>15.492262111486028</c:v>
                </c:pt>
                <c:pt idx="132">
                  <c:v>15.492262111486028</c:v>
                </c:pt>
                <c:pt idx="133">
                  <c:v>15.492262111486028</c:v>
                </c:pt>
                <c:pt idx="134">
                  <c:v>15.492262111486028</c:v>
                </c:pt>
                <c:pt idx="135">
                  <c:v>14.006702730932574</c:v>
                </c:pt>
                <c:pt idx="136">
                  <c:v>12.733366119029613</c:v>
                </c:pt>
                <c:pt idx="137">
                  <c:v>11.460029507126652</c:v>
                </c:pt>
                <c:pt idx="138">
                  <c:v>11.035583969825662</c:v>
                </c:pt>
                <c:pt idx="139">
                  <c:v>8.9133562833207272</c:v>
                </c:pt>
                <c:pt idx="140">
                  <c:v>6.5789058281652988</c:v>
                </c:pt>
                <c:pt idx="141">
                  <c:v>6.5789058281652988</c:v>
                </c:pt>
                <c:pt idx="142">
                  <c:v>6.5789058281652988</c:v>
                </c:pt>
                <c:pt idx="143">
                  <c:v>6.5789058281652988</c:v>
                </c:pt>
                <c:pt idx="144">
                  <c:v>7.0165120373770185</c:v>
                </c:pt>
                <c:pt idx="145">
                  <c:v>8.1482075272765382</c:v>
                </c:pt>
                <c:pt idx="146">
                  <c:v>8.1482075272765382</c:v>
                </c:pt>
                <c:pt idx="147">
                  <c:v>8.1482075272765382</c:v>
                </c:pt>
                <c:pt idx="148">
                  <c:v>8.1482075272765382</c:v>
                </c:pt>
                <c:pt idx="149">
                  <c:v>10.185259409095671</c:v>
                </c:pt>
                <c:pt idx="150">
                  <c:v>11.995972192934904</c:v>
                </c:pt>
                <c:pt idx="151">
                  <c:v>14.25936317273394</c:v>
                </c:pt>
                <c:pt idx="152">
                  <c:v>14.25936317273394</c:v>
                </c:pt>
                <c:pt idx="153">
                  <c:v>14.25936317273394</c:v>
                </c:pt>
                <c:pt idx="154">
                  <c:v>14.25936317273394</c:v>
                </c:pt>
                <c:pt idx="155">
                  <c:v>14.25936317273394</c:v>
                </c:pt>
                <c:pt idx="156">
                  <c:v>14.25936317273394</c:v>
                </c:pt>
                <c:pt idx="157">
                  <c:v>14.25936317273394</c:v>
                </c:pt>
                <c:pt idx="158">
                  <c:v>14.25936317273394</c:v>
                </c:pt>
                <c:pt idx="159">
                  <c:v>12.674989486874612</c:v>
                </c:pt>
                <c:pt idx="160">
                  <c:v>12.448650388894711</c:v>
                </c:pt>
                <c:pt idx="161">
                  <c:v>10.63793760505548</c:v>
                </c:pt>
                <c:pt idx="162">
                  <c:v>9.9589203111157687</c:v>
                </c:pt>
                <c:pt idx="163">
                  <c:v>8.3745466252564427</c:v>
                </c:pt>
                <c:pt idx="164">
                  <c:v>7.0165120373770185</c:v>
                </c:pt>
                <c:pt idx="165">
                  <c:v>6.1111556454574041</c:v>
                </c:pt>
                <c:pt idx="166">
                  <c:v>6.1111556454574041</c:v>
                </c:pt>
                <c:pt idx="167">
                  <c:v>6.1111556454574041</c:v>
                </c:pt>
              </c:numCache>
            </c:numRef>
          </c:val>
          <c:extLst>
            <c:ext xmlns:c16="http://schemas.microsoft.com/office/drawing/2014/chart" uri="{C3380CC4-5D6E-409C-BE32-E72D297353CC}">
              <c16:uniqueId val="{00000003-898D-410B-8F27-FD80B42F92F5}"/>
            </c:ext>
          </c:extLst>
        </c:ser>
        <c:ser>
          <c:idx val="2"/>
          <c:order val="2"/>
          <c:tx>
            <c:strRef>
              <c:f>Bühler!$Q$33</c:f>
              <c:strCache>
                <c:ptCount val="1"/>
                <c:pt idx="0">
                  <c:v>T3</c:v>
                </c:pt>
              </c:strCache>
            </c:strRef>
          </c:tx>
          <c:spPr>
            <a:solidFill>
              <a:schemeClr val="accent5">
                <a:lumMod val="60000"/>
                <a:lumOff val="40000"/>
              </a:schemeClr>
            </a:solidFill>
            <a:ln w="25400">
              <a:noFill/>
            </a:ln>
            <a:effectLst/>
          </c:spPr>
          <c:cat>
            <c:strRef>
              <c:f>Bühler!$U$34:$U$201</c:f>
              <c:strCache>
                <c:ptCount val="156"/>
                <c:pt idx="11">
                  <c:v>Monday</c:v>
                </c:pt>
                <c:pt idx="35">
                  <c:v>Tuesday</c:v>
                </c:pt>
                <c:pt idx="59">
                  <c:v>Wednesday</c:v>
                </c:pt>
                <c:pt idx="83">
                  <c:v>Thursday</c:v>
                </c:pt>
                <c:pt idx="107">
                  <c:v>Friday</c:v>
                </c:pt>
                <c:pt idx="131">
                  <c:v>Saturday</c:v>
                </c:pt>
                <c:pt idx="155">
                  <c:v>Sunday</c:v>
                </c:pt>
              </c:strCache>
            </c:strRef>
          </c:cat>
          <c:val>
            <c:numRef>
              <c:f>Bühler!$Q$34:$Q$201</c:f>
              <c:numCache>
                <c:formatCode>General</c:formatCode>
                <c:ptCount val="168"/>
                <c:pt idx="0">
                  <c:v>0.41097566694828475</c:v>
                </c:pt>
                <c:pt idx="1">
                  <c:v>0.41097566694828475</c:v>
                </c:pt>
                <c:pt idx="2">
                  <c:v>0.41097566694828475</c:v>
                </c:pt>
                <c:pt idx="3">
                  <c:v>0.41097566694828475</c:v>
                </c:pt>
                <c:pt idx="4">
                  <c:v>0.41097566694828475</c:v>
                </c:pt>
                <c:pt idx="5">
                  <c:v>1.7808945567759003</c:v>
                </c:pt>
                <c:pt idx="6">
                  <c:v>2.0206303624957331</c:v>
                </c:pt>
                <c:pt idx="7">
                  <c:v>2.0206303624957331</c:v>
                </c:pt>
                <c:pt idx="8">
                  <c:v>2.0206303624957331</c:v>
                </c:pt>
                <c:pt idx="9">
                  <c:v>2.1576222514784948</c:v>
                </c:pt>
                <c:pt idx="10">
                  <c:v>2.1576222514784948</c:v>
                </c:pt>
                <c:pt idx="11">
                  <c:v>2.7398377796552316</c:v>
                </c:pt>
                <c:pt idx="12">
                  <c:v>2.7398377796552316</c:v>
                </c:pt>
                <c:pt idx="13">
                  <c:v>1.8151425290215908</c:v>
                </c:pt>
                <c:pt idx="14">
                  <c:v>2.7398377796552316</c:v>
                </c:pt>
                <c:pt idx="15">
                  <c:v>2.7398377796552316</c:v>
                </c:pt>
                <c:pt idx="16">
                  <c:v>2.7398377796552316</c:v>
                </c:pt>
                <c:pt idx="17">
                  <c:v>2.7398377796552316</c:v>
                </c:pt>
                <c:pt idx="18">
                  <c:v>2.7398377796552316</c:v>
                </c:pt>
                <c:pt idx="19">
                  <c:v>2.2946141404612566</c:v>
                </c:pt>
                <c:pt idx="20">
                  <c:v>1.8836384735129714</c:v>
                </c:pt>
                <c:pt idx="21">
                  <c:v>1.3699188898276158</c:v>
                </c:pt>
                <c:pt idx="22">
                  <c:v>1.3014229453362349</c:v>
                </c:pt>
                <c:pt idx="23">
                  <c:v>1.3014229453362349</c:v>
                </c:pt>
                <c:pt idx="24">
                  <c:v>1.2304880416174122</c:v>
                </c:pt>
                <c:pt idx="25">
                  <c:v>1.2304880416174122</c:v>
                </c:pt>
                <c:pt idx="26">
                  <c:v>1.2304880416174122</c:v>
                </c:pt>
                <c:pt idx="27">
                  <c:v>1.2304880416174122</c:v>
                </c:pt>
                <c:pt idx="28">
                  <c:v>1.2304880416174122</c:v>
                </c:pt>
                <c:pt idx="29">
                  <c:v>1.5996344541026359</c:v>
                </c:pt>
                <c:pt idx="30">
                  <c:v>1.7842076603452475</c:v>
                </c:pt>
                <c:pt idx="31">
                  <c:v>1.8457320624261182</c:v>
                </c:pt>
                <c:pt idx="32">
                  <c:v>1.8457320624261182</c:v>
                </c:pt>
                <c:pt idx="33">
                  <c:v>1.9995430676282948</c:v>
                </c:pt>
                <c:pt idx="34">
                  <c:v>2.0918296707496005</c:v>
                </c:pt>
                <c:pt idx="35">
                  <c:v>2.4609760832348244</c:v>
                </c:pt>
                <c:pt idx="36">
                  <c:v>2.4609760832348244</c:v>
                </c:pt>
                <c:pt idx="37">
                  <c:v>2.4609760832348244</c:v>
                </c:pt>
                <c:pt idx="38">
                  <c:v>2.4609760832348244</c:v>
                </c:pt>
                <c:pt idx="39">
                  <c:v>2.4609760832348244</c:v>
                </c:pt>
                <c:pt idx="40">
                  <c:v>2.4609760832348244</c:v>
                </c:pt>
                <c:pt idx="41">
                  <c:v>2.4609760832348244</c:v>
                </c:pt>
                <c:pt idx="42">
                  <c:v>2.4609760832348244</c:v>
                </c:pt>
                <c:pt idx="43">
                  <c:v>2.0610674697091653</c:v>
                </c:pt>
                <c:pt idx="44">
                  <c:v>1.6919210572239416</c:v>
                </c:pt>
                <c:pt idx="45">
                  <c:v>1.2304880416174122</c:v>
                </c:pt>
                <c:pt idx="46">
                  <c:v>1.2304880416174122</c:v>
                </c:pt>
                <c:pt idx="47">
                  <c:v>1.2304880416174122</c:v>
                </c:pt>
                <c:pt idx="48">
                  <c:v>1.1387659534034962</c:v>
                </c:pt>
                <c:pt idx="49">
                  <c:v>1.2811116975789332</c:v>
                </c:pt>
                <c:pt idx="50">
                  <c:v>1.2811116975789332</c:v>
                </c:pt>
                <c:pt idx="51">
                  <c:v>1.2811116975789332</c:v>
                </c:pt>
                <c:pt idx="52">
                  <c:v>1.2811116975789332</c:v>
                </c:pt>
                <c:pt idx="53">
                  <c:v>1.6512106324350693</c:v>
                </c:pt>
                <c:pt idx="54">
                  <c:v>1.907432971950856</c:v>
                </c:pt>
                <c:pt idx="55">
                  <c:v>1.907432971950856</c:v>
                </c:pt>
                <c:pt idx="56">
                  <c:v>1.907432971950856</c:v>
                </c:pt>
                <c:pt idx="57">
                  <c:v>2.0497787161262928</c:v>
                </c:pt>
                <c:pt idx="58">
                  <c:v>2.2205936091368175</c:v>
                </c:pt>
                <c:pt idx="59">
                  <c:v>2.5622233951578663</c:v>
                </c:pt>
                <c:pt idx="60">
                  <c:v>2.5622233951578663</c:v>
                </c:pt>
                <c:pt idx="61">
                  <c:v>2.5622233951578663</c:v>
                </c:pt>
                <c:pt idx="62">
                  <c:v>2.5622233951578663</c:v>
                </c:pt>
                <c:pt idx="63">
                  <c:v>2.5622233951578663</c:v>
                </c:pt>
                <c:pt idx="64">
                  <c:v>2.5622233951578663</c:v>
                </c:pt>
                <c:pt idx="65">
                  <c:v>2.5622233951578663</c:v>
                </c:pt>
                <c:pt idx="66">
                  <c:v>2.5622233951578663</c:v>
                </c:pt>
                <c:pt idx="67">
                  <c:v>2.1351861626315549</c:v>
                </c:pt>
                <c:pt idx="68">
                  <c:v>1.7081489301052442</c:v>
                </c:pt>
                <c:pt idx="69">
                  <c:v>1.2811116975789332</c:v>
                </c:pt>
                <c:pt idx="70">
                  <c:v>1.2811116975789332</c:v>
                </c:pt>
                <c:pt idx="71">
                  <c:v>1.2811116975789332</c:v>
                </c:pt>
                <c:pt idx="72">
                  <c:v>1.2973665440836466</c:v>
                </c:pt>
                <c:pt idx="73">
                  <c:v>1.2973665440836466</c:v>
                </c:pt>
                <c:pt idx="74">
                  <c:v>1.2973665440836466</c:v>
                </c:pt>
                <c:pt idx="75">
                  <c:v>1.2973665440836466</c:v>
                </c:pt>
                <c:pt idx="76">
                  <c:v>1.2973665440836466</c:v>
                </c:pt>
                <c:pt idx="77">
                  <c:v>1.6721613234855888</c:v>
                </c:pt>
                <c:pt idx="78">
                  <c:v>1.9316346323023184</c:v>
                </c:pt>
                <c:pt idx="79">
                  <c:v>1.9316346323023184</c:v>
                </c:pt>
                <c:pt idx="80">
                  <c:v>1.9316346323023184</c:v>
                </c:pt>
                <c:pt idx="81">
                  <c:v>2.0757864705338345</c:v>
                </c:pt>
                <c:pt idx="82">
                  <c:v>2.2487686764116539</c:v>
                </c:pt>
                <c:pt idx="83">
                  <c:v>2.5947330881672932</c:v>
                </c:pt>
                <c:pt idx="84">
                  <c:v>2.5947330881672932</c:v>
                </c:pt>
                <c:pt idx="85">
                  <c:v>2.5947330881672932</c:v>
                </c:pt>
                <c:pt idx="86">
                  <c:v>2.5947330881672932</c:v>
                </c:pt>
                <c:pt idx="87">
                  <c:v>2.5947330881672932</c:v>
                </c:pt>
                <c:pt idx="88">
                  <c:v>2.5947330881672932</c:v>
                </c:pt>
                <c:pt idx="89">
                  <c:v>2.5947330881672932</c:v>
                </c:pt>
                <c:pt idx="90">
                  <c:v>2.5947330881672932</c:v>
                </c:pt>
                <c:pt idx="91">
                  <c:v>2.162277573472744</c:v>
                </c:pt>
                <c:pt idx="92">
                  <c:v>1.7298220587781954</c:v>
                </c:pt>
                <c:pt idx="93">
                  <c:v>1.2973665440836466</c:v>
                </c:pt>
                <c:pt idx="94">
                  <c:v>1.2973665440836466</c:v>
                </c:pt>
                <c:pt idx="95">
                  <c:v>1.2973665440836466</c:v>
                </c:pt>
                <c:pt idx="96">
                  <c:v>1.4280901847577161</c:v>
                </c:pt>
                <c:pt idx="97">
                  <c:v>1.4280901847577161</c:v>
                </c:pt>
                <c:pt idx="98">
                  <c:v>1.4280901847577161</c:v>
                </c:pt>
                <c:pt idx="99">
                  <c:v>1.4280901847577161</c:v>
                </c:pt>
                <c:pt idx="100">
                  <c:v>1.4280901847577161</c:v>
                </c:pt>
                <c:pt idx="101">
                  <c:v>1.8406495714655005</c:v>
                </c:pt>
                <c:pt idx="102">
                  <c:v>2.2214736207342249</c:v>
                </c:pt>
                <c:pt idx="103">
                  <c:v>2.2214736207342249</c:v>
                </c:pt>
                <c:pt idx="104">
                  <c:v>2.2214736207342249</c:v>
                </c:pt>
                <c:pt idx="105">
                  <c:v>2.3801503079295268</c:v>
                </c:pt>
                <c:pt idx="106">
                  <c:v>2.4753563202467075</c:v>
                </c:pt>
                <c:pt idx="107">
                  <c:v>2.8561803695154322</c:v>
                </c:pt>
                <c:pt idx="108">
                  <c:v>2.8561803695154322</c:v>
                </c:pt>
                <c:pt idx="109">
                  <c:v>2.8561803695154322</c:v>
                </c:pt>
                <c:pt idx="110">
                  <c:v>2.8561803695154322</c:v>
                </c:pt>
                <c:pt idx="111">
                  <c:v>2.3801503079295268</c:v>
                </c:pt>
                <c:pt idx="112">
                  <c:v>2.2532089581732855</c:v>
                </c:pt>
                <c:pt idx="113">
                  <c:v>2.2532089581732855</c:v>
                </c:pt>
                <c:pt idx="114">
                  <c:v>2.2532089581732855</c:v>
                </c:pt>
                <c:pt idx="115">
                  <c:v>2.2532089581732855</c:v>
                </c:pt>
                <c:pt idx="116">
                  <c:v>1.7454435591483197</c:v>
                </c:pt>
                <c:pt idx="117">
                  <c:v>0.66644208622026746</c:v>
                </c:pt>
                <c:pt idx="118">
                  <c:v>0.66644208622026746</c:v>
                </c:pt>
                <c:pt idx="119">
                  <c:v>0.66644208622026746</c:v>
                </c:pt>
                <c:pt idx="120">
                  <c:v>0.44542941695208044</c:v>
                </c:pt>
                <c:pt idx="121">
                  <c:v>0.86964790928739533</c:v>
                </c:pt>
                <c:pt idx="122">
                  <c:v>0.86964790928739533</c:v>
                </c:pt>
                <c:pt idx="123">
                  <c:v>0.86964790928739533</c:v>
                </c:pt>
                <c:pt idx="124">
                  <c:v>0.86964790928739533</c:v>
                </c:pt>
                <c:pt idx="125">
                  <c:v>1.0817571554550525</c:v>
                </c:pt>
                <c:pt idx="126">
                  <c:v>1.3574991754730072</c:v>
                </c:pt>
                <c:pt idx="127">
                  <c:v>1.5483974970238989</c:v>
                </c:pt>
                <c:pt idx="128">
                  <c:v>1.5483974970238989</c:v>
                </c:pt>
                <c:pt idx="129">
                  <c:v>1.5483974970238989</c:v>
                </c:pt>
                <c:pt idx="130">
                  <c:v>1.5483974970238989</c:v>
                </c:pt>
                <c:pt idx="131">
                  <c:v>1.5483974970238989</c:v>
                </c:pt>
                <c:pt idx="132">
                  <c:v>1.5483974970238989</c:v>
                </c:pt>
                <c:pt idx="133">
                  <c:v>1.5483974970238989</c:v>
                </c:pt>
                <c:pt idx="134">
                  <c:v>1.5483974970238989</c:v>
                </c:pt>
                <c:pt idx="135">
                  <c:v>1.3999210247065388</c:v>
                </c:pt>
                <c:pt idx="136">
                  <c:v>1.2726554770059442</c:v>
                </c:pt>
                <c:pt idx="137">
                  <c:v>1.1453899293053498</c:v>
                </c:pt>
                <c:pt idx="138">
                  <c:v>1.1029680800718182</c:v>
                </c:pt>
                <c:pt idx="139">
                  <c:v>0.89085883390416087</c:v>
                </c:pt>
                <c:pt idx="140">
                  <c:v>0.65753866311973785</c:v>
                </c:pt>
                <c:pt idx="141">
                  <c:v>0.65753866311973785</c:v>
                </c:pt>
                <c:pt idx="142">
                  <c:v>0.65753866311973785</c:v>
                </c:pt>
                <c:pt idx="143">
                  <c:v>0.65753866311973785</c:v>
                </c:pt>
                <c:pt idx="144">
                  <c:v>0.64521351921374293</c:v>
                </c:pt>
                <c:pt idx="145">
                  <c:v>0.74928021586112092</c:v>
                </c:pt>
                <c:pt idx="146">
                  <c:v>0.74928021586112092</c:v>
                </c:pt>
                <c:pt idx="147">
                  <c:v>0.74928021586112092</c:v>
                </c:pt>
                <c:pt idx="148">
                  <c:v>0.74928021586112092</c:v>
                </c:pt>
                <c:pt idx="149">
                  <c:v>0.93660026982640121</c:v>
                </c:pt>
                <c:pt idx="150">
                  <c:v>1.1031069844622059</c:v>
                </c:pt>
                <c:pt idx="151">
                  <c:v>1.3112403777569615</c:v>
                </c:pt>
                <c:pt idx="152">
                  <c:v>1.3112403777569615</c:v>
                </c:pt>
                <c:pt idx="153">
                  <c:v>1.3112403777569615</c:v>
                </c:pt>
                <c:pt idx="154">
                  <c:v>1.3112403777569615</c:v>
                </c:pt>
                <c:pt idx="155">
                  <c:v>1.3112403777569615</c:v>
                </c:pt>
                <c:pt idx="156">
                  <c:v>1.3112403777569615</c:v>
                </c:pt>
                <c:pt idx="157">
                  <c:v>1.3112403777569615</c:v>
                </c:pt>
                <c:pt idx="158">
                  <c:v>1.3112403777569615</c:v>
                </c:pt>
                <c:pt idx="159">
                  <c:v>1.1655470024506327</c:v>
                </c:pt>
                <c:pt idx="160">
                  <c:v>1.1447336631211569</c:v>
                </c:pt>
                <c:pt idx="161">
                  <c:v>0.97822694848535241</c:v>
                </c:pt>
                <c:pt idx="162">
                  <c:v>0.9157869304969255</c:v>
                </c:pt>
                <c:pt idx="163">
                  <c:v>0.77009355519059663</c:v>
                </c:pt>
                <c:pt idx="164">
                  <c:v>0.64521351921374293</c:v>
                </c:pt>
                <c:pt idx="165">
                  <c:v>0.56196016189584064</c:v>
                </c:pt>
                <c:pt idx="166">
                  <c:v>0.56196016189584064</c:v>
                </c:pt>
                <c:pt idx="167">
                  <c:v>0.56196016189584064</c:v>
                </c:pt>
              </c:numCache>
            </c:numRef>
          </c:val>
          <c:extLst>
            <c:ext xmlns:c16="http://schemas.microsoft.com/office/drawing/2014/chart" uri="{C3380CC4-5D6E-409C-BE32-E72D297353CC}">
              <c16:uniqueId val="{00000002-898D-410B-8F27-FD80B42F92F5}"/>
            </c:ext>
          </c:extLst>
        </c:ser>
        <c:ser>
          <c:idx val="1"/>
          <c:order val="3"/>
          <c:tx>
            <c:strRef>
              <c:f>Bühler!$P$33</c:f>
              <c:strCache>
                <c:ptCount val="1"/>
                <c:pt idx="0">
                  <c:v>T2</c:v>
                </c:pt>
              </c:strCache>
            </c:strRef>
          </c:tx>
          <c:spPr>
            <a:solidFill>
              <a:schemeClr val="accent5">
                <a:lumMod val="40000"/>
                <a:lumOff val="60000"/>
              </a:schemeClr>
            </a:solidFill>
            <a:ln w="25400">
              <a:noFill/>
            </a:ln>
            <a:effectLst/>
          </c:spPr>
          <c:cat>
            <c:strRef>
              <c:f>Bühler!$U$34:$U$201</c:f>
              <c:strCache>
                <c:ptCount val="156"/>
                <c:pt idx="11">
                  <c:v>Monday</c:v>
                </c:pt>
                <c:pt idx="35">
                  <c:v>Tuesday</c:v>
                </c:pt>
                <c:pt idx="59">
                  <c:v>Wednesday</c:v>
                </c:pt>
                <c:pt idx="83">
                  <c:v>Thursday</c:v>
                </c:pt>
                <c:pt idx="107">
                  <c:v>Friday</c:v>
                </c:pt>
                <c:pt idx="131">
                  <c:v>Saturday</c:v>
                </c:pt>
                <c:pt idx="155">
                  <c:v>Sunday</c:v>
                </c:pt>
              </c:strCache>
            </c:strRef>
          </c:cat>
          <c:val>
            <c:numRef>
              <c:f>Bühler!$P$34:$P$201</c:f>
              <c:numCache>
                <c:formatCode>General</c:formatCode>
                <c:ptCount val="168"/>
                <c:pt idx="0">
                  <c:v>0.27398377796552315</c:v>
                </c:pt>
                <c:pt idx="1">
                  <c:v>0.27398377796552315</c:v>
                </c:pt>
                <c:pt idx="2">
                  <c:v>0.27398377796552315</c:v>
                </c:pt>
                <c:pt idx="3">
                  <c:v>0.27398377796552315</c:v>
                </c:pt>
                <c:pt idx="4">
                  <c:v>0.27398377796552315</c:v>
                </c:pt>
                <c:pt idx="5">
                  <c:v>1.1872630378506004</c:v>
                </c:pt>
                <c:pt idx="6">
                  <c:v>1.3470869083304888</c:v>
                </c:pt>
                <c:pt idx="7">
                  <c:v>1.3470869083304888</c:v>
                </c:pt>
                <c:pt idx="8">
                  <c:v>1.3470869083304888</c:v>
                </c:pt>
                <c:pt idx="9">
                  <c:v>1.4384148343189966</c:v>
                </c:pt>
                <c:pt idx="10">
                  <c:v>1.4384148343189966</c:v>
                </c:pt>
                <c:pt idx="11">
                  <c:v>1.8265585197701544</c:v>
                </c:pt>
                <c:pt idx="12">
                  <c:v>1.8265585197701544</c:v>
                </c:pt>
                <c:pt idx="13">
                  <c:v>1.2100950193477273</c:v>
                </c:pt>
                <c:pt idx="14">
                  <c:v>1.8265585197701544</c:v>
                </c:pt>
                <c:pt idx="15">
                  <c:v>1.8265585197701544</c:v>
                </c:pt>
                <c:pt idx="16">
                  <c:v>1.8265585197701544</c:v>
                </c:pt>
                <c:pt idx="17">
                  <c:v>1.8265585197701544</c:v>
                </c:pt>
                <c:pt idx="18">
                  <c:v>1.8265585197701544</c:v>
                </c:pt>
                <c:pt idx="19">
                  <c:v>1.5297427603075044</c:v>
                </c:pt>
                <c:pt idx="20">
                  <c:v>1.2557589823419812</c:v>
                </c:pt>
                <c:pt idx="21">
                  <c:v>0.91327925988507719</c:v>
                </c:pt>
                <c:pt idx="22">
                  <c:v>0.8676152968908234</c:v>
                </c:pt>
                <c:pt idx="23">
                  <c:v>0.8676152968908234</c:v>
                </c:pt>
                <c:pt idx="24">
                  <c:v>0.82032536107827492</c:v>
                </c:pt>
                <c:pt idx="25">
                  <c:v>0.82032536107827492</c:v>
                </c:pt>
                <c:pt idx="26">
                  <c:v>0.82032536107827492</c:v>
                </c:pt>
                <c:pt idx="27">
                  <c:v>0.82032536107827492</c:v>
                </c:pt>
                <c:pt idx="28">
                  <c:v>0.82032536107827492</c:v>
                </c:pt>
                <c:pt idx="29">
                  <c:v>1.0664229694017573</c:v>
                </c:pt>
                <c:pt idx="30">
                  <c:v>1.1894717735634985</c:v>
                </c:pt>
                <c:pt idx="31">
                  <c:v>1.2304880416174122</c:v>
                </c:pt>
                <c:pt idx="32">
                  <c:v>1.2304880416174122</c:v>
                </c:pt>
                <c:pt idx="33">
                  <c:v>1.3330287117521966</c:v>
                </c:pt>
                <c:pt idx="34">
                  <c:v>1.3945531138330671</c:v>
                </c:pt>
                <c:pt idx="35">
                  <c:v>1.6406507221565498</c:v>
                </c:pt>
                <c:pt idx="36">
                  <c:v>1.6406507221565498</c:v>
                </c:pt>
                <c:pt idx="37">
                  <c:v>1.6406507221565498</c:v>
                </c:pt>
                <c:pt idx="38">
                  <c:v>1.6406507221565498</c:v>
                </c:pt>
                <c:pt idx="39">
                  <c:v>1.6406507221565498</c:v>
                </c:pt>
                <c:pt idx="40">
                  <c:v>1.6406507221565498</c:v>
                </c:pt>
                <c:pt idx="41">
                  <c:v>1.6406507221565498</c:v>
                </c:pt>
                <c:pt idx="42">
                  <c:v>1.6406507221565498</c:v>
                </c:pt>
                <c:pt idx="43">
                  <c:v>1.3740449798061105</c:v>
                </c:pt>
                <c:pt idx="44">
                  <c:v>1.1279473714826278</c:v>
                </c:pt>
                <c:pt idx="45">
                  <c:v>0.82032536107827492</c:v>
                </c:pt>
                <c:pt idx="46">
                  <c:v>0.82032536107827492</c:v>
                </c:pt>
                <c:pt idx="47">
                  <c:v>0.82032536107827492</c:v>
                </c:pt>
                <c:pt idx="48">
                  <c:v>0.75917730226899749</c:v>
                </c:pt>
                <c:pt idx="49">
                  <c:v>0.85407446505262219</c:v>
                </c:pt>
                <c:pt idx="50">
                  <c:v>0.85407446505262219</c:v>
                </c:pt>
                <c:pt idx="51">
                  <c:v>0.85407446505262219</c:v>
                </c:pt>
                <c:pt idx="52">
                  <c:v>0.85407446505262219</c:v>
                </c:pt>
                <c:pt idx="53">
                  <c:v>1.1008070882900463</c:v>
                </c:pt>
                <c:pt idx="54">
                  <c:v>1.2716219813005709</c:v>
                </c:pt>
                <c:pt idx="55">
                  <c:v>1.2716219813005709</c:v>
                </c:pt>
                <c:pt idx="56">
                  <c:v>1.2716219813005709</c:v>
                </c:pt>
                <c:pt idx="57">
                  <c:v>1.3665191440841955</c:v>
                </c:pt>
                <c:pt idx="58">
                  <c:v>1.4803957394245451</c:v>
                </c:pt>
                <c:pt idx="59">
                  <c:v>1.7081489301052444</c:v>
                </c:pt>
                <c:pt idx="60">
                  <c:v>1.7081489301052444</c:v>
                </c:pt>
                <c:pt idx="61">
                  <c:v>1.7081489301052444</c:v>
                </c:pt>
                <c:pt idx="62">
                  <c:v>1.7081489301052444</c:v>
                </c:pt>
                <c:pt idx="63">
                  <c:v>1.7081489301052444</c:v>
                </c:pt>
                <c:pt idx="64">
                  <c:v>1.7081489301052444</c:v>
                </c:pt>
                <c:pt idx="65">
                  <c:v>1.7081489301052444</c:v>
                </c:pt>
                <c:pt idx="66">
                  <c:v>1.7081489301052444</c:v>
                </c:pt>
                <c:pt idx="67">
                  <c:v>1.4234574417543702</c:v>
                </c:pt>
                <c:pt idx="68">
                  <c:v>1.1387659534034962</c:v>
                </c:pt>
                <c:pt idx="69">
                  <c:v>0.85407446505262219</c:v>
                </c:pt>
                <c:pt idx="70">
                  <c:v>0.85407446505262219</c:v>
                </c:pt>
                <c:pt idx="71">
                  <c:v>0.85407446505262219</c:v>
                </c:pt>
                <c:pt idx="72">
                  <c:v>0.86491102938909781</c:v>
                </c:pt>
                <c:pt idx="73">
                  <c:v>0.86491102938909781</c:v>
                </c:pt>
                <c:pt idx="74">
                  <c:v>0.86491102938909781</c:v>
                </c:pt>
                <c:pt idx="75">
                  <c:v>0.86491102938909781</c:v>
                </c:pt>
                <c:pt idx="76">
                  <c:v>0.86491102938909781</c:v>
                </c:pt>
                <c:pt idx="77">
                  <c:v>1.1147742156570593</c:v>
                </c:pt>
                <c:pt idx="78">
                  <c:v>1.2877564215348789</c:v>
                </c:pt>
                <c:pt idx="79">
                  <c:v>1.2877564215348789</c:v>
                </c:pt>
                <c:pt idx="80">
                  <c:v>1.2877564215348789</c:v>
                </c:pt>
                <c:pt idx="81">
                  <c:v>1.3838576470225565</c:v>
                </c:pt>
                <c:pt idx="82">
                  <c:v>1.4991791176077696</c:v>
                </c:pt>
                <c:pt idx="83">
                  <c:v>1.7298220587781956</c:v>
                </c:pt>
                <c:pt idx="84">
                  <c:v>1.7298220587781956</c:v>
                </c:pt>
                <c:pt idx="85">
                  <c:v>1.7298220587781956</c:v>
                </c:pt>
                <c:pt idx="86">
                  <c:v>1.7298220587781956</c:v>
                </c:pt>
                <c:pt idx="87">
                  <c:v>1.7298220587781956</c:v>
                </c:pt>
                <c:pt idx="88">
                  <c:v>1.7298220587781956</c:v>
                </c:pt>
                <c:pt idx="89">
                  <c:v>1.7298220587781956</c:v>
                </c:pt>
                <c:pt idx="90">
                  <c:v>1.7298220587781956</c:v>
                </c:pt>
                <c:pt idx="91">
                  <c:v>1.4415183823151629</c:v>
                </c:pt>
                <c:pt idx="92">
                  <c:v>1.1532147058521305</c:v>
                </c:pt>
                <c:pt idx="93">
                  <c:v>0.86491102938909781</c:v>
                </c:pt>
                <c:pt idx="94">
                  <c:v>0.86491102938909781</c:v>
                </c:pt>
                <c:pt idx="95">
                  <c:v>0.86491102938909781</c:v>
                </c:pt>
                <c:pt idx="96">
                  <c:v>0.95206012317181077</c:v>
                </c:pt>
                <c:pt idx="97">
                  <c:v>0.95206012317181077</c:v>
                </c:pt>
                <c:pt idx="98">
                  <c:v>0.95206012317181077</c:v>
                </c:pt>
                <c:pt idx="99">
                  <c:v>0.95206012317181077</c:v>
                </c:pt>
                <c:pt idx="100">
                  <c:v>0.95206012317181077</c:v>
                </c:pt>
                <c:pt idx="101">
                  <c:v>1.2270997143103337</c:v>
                </c:pt>
                <c:pt idx="102">
                  <c:v>1.4809824138228169</c:v>
                </c:pt>
                <c:pt idx="103">
                  <c:v>1.4809824138228169</c:v>
                </c:pt>
                <c:pt idx="104">
                  <c:v>1.4809824138228169</c:v>
                </c:pt>
                <c:pt idx="105">
                  <c:v>1.5867668719530179</c:v>
                </c:pt>
                <c:pt idx="106">
                  <c:v>1.6502375468311385</c:v>
                </c:pt>
                <c:pt idx="107">
                  <c:v>1.9041202463436215</c:v>
                </c:pt>
                <c:pt idx="108">
                  <c:v>1.9041202463436215</c:v>
                </c:pt>
                <c:pt idx="109">
                  <c:v>1.9041202463436215</c:v>
                </c:pt>
                <c:pt idx="110">
                  <c:v>1.9041202463436215</c:v>
                </c:pt>
                <c:pt idx="111">
                  <c:v>1.5867668719530179</c:v>
                </c:pt>
                <c:pt idx="112">
                  <c:v>1.5021393054488572</c:v>
                </c:pt>
                <c:pt idx="113">
                  <c:v>1.5021393054488572</c:v>
                </c:pt>
                <c:pt idx="114">
                  <c:v>1.5021393054488572</c:v>
                </c:pt>
                <c:pt idx="115">
                  <c:v>1.5021393054488572</c:v>
                </c:pt>
                <c:pt idx="116">
                  <c:v>1.1636290394322131</c:v>
                </c:pt>
                <c:pt idx="117">
                  <c:v>0.44429472414684501</c:v>
                </c:pt>
                <c:pt idx="118">
                  <c:v>0.44429472414684501</c:v>
                </c:pt>
                <c:pt idx="119">
                  <c:v>0.44429472414684501</c:v>
                </c:pt>
                <c:pt idx="120">
                  <c:v>0.29695294463472027</c:v>
                </c:pt>
                <c:pt idx="121">
                  <c:v>0.57976527285826351</c:v>
                </c:pt>
                <c:pt idx="122">
                  <c:v>0.57976527285826351</c:v>
                </c:pt>
                <c:pt idx="123">
                  <c:v>0.57976527285826351</c:v>
                </c:pt>
                <c:pt idx="124">
                  <c:v>0.57976527285826351</c:v>
                </c:pt>
                <c:pt idx="125">
                  <c:v>0.72117143697003505</c:v>
                </c:pt>
                <c:pt idx="126">
                  <c:v>0.90499945031533813</c:v>
                </c:pt>
                <c:pt idx="127">
                  <c:v>1.0322649980159326</c:v>
                </c:pt>
                <c:pt idx="128">
                  <c:v>1.0322649980159326</c:v>
                </c:pt>
                <c:pt idx="129">
                  <c:v>1.0322649980159326</c:v>
                </c:pt>
                <c:pt idx="130">
                  <c:v>1.0322649980159326</c:v>
                </c:pt>
                <c:pt idx="131">
                  <c:v>1.0322649980159326</c:v>
                </c:pt>
                <c:pt idx="132">
                  <c:v>1.0322649980159326</c:v>
                </c:pt>
                <c:pt idx="133">
                  <c:v>1.0322649980159326</c:v>
                </c:pt>
                <c:pt idx="134">
                  <c:v>1.0322649980159326</c:v>
                </c:pt>
                <c:pt idx="135">
                  <c:v>0.93328068313769252</c:v>
                </c:pt>
                <c:pt idx="136">
                  <c:v>0.84843698467062956</c:v>
                </c:pt>
                <c:pt idx="137">
                  <c:v>0.76359328620356648</c:v>
                </c:pt>
                <c:pt idx="138">
                  <c:v>0.73531205338121219</c:v>
                </c:pt>
                <c:pt idx="139">
                  <c:v>0.59390588926944055</c:v>
                </c:pt>
                <c:pt idx="140">
                  <c:v>0.43835910874649187</c:v>
                </c:pt>
                <c:pt idx="141">
                  <c:v>0.43835910874649187</c:v>
                </c:pt>
                <c:pt idx="142">
                  <c:v>0.43835910874649187</c:v>
                </c:pt>
                <c:pt idx="143">
                  <c:v>0.43835910874649187</c:v>
                </c:pt>
                <c:pt idx="144">
                  <c:v>0.4301423461424953</c:v>
                </c:pt>
                <c:pt idx="145">
                  <c:v>0.49952014390741389</c:v>
                </c:pt>
                <c:pt idx="146">
                  <c:v>0.49952014390741389</c:v>
                </c:pt>
                <c:pt idx="147">
                  <c:v>0.49952014390741389</c:v>
                </c:pt>
                <c:pt idx="148">
                  <c:v>0.49952014390741389</c:v>
                </c:pt>
                <c:pt idx="149">
                  <c:v>0.62440017988426744</c:v>
                </c:pt>
                <c:pt idx="150">
                  <c:v>0.73540465630813723</c:v>
                </c:pt>
                <c:pt idx="151">
                  <c:v>0.87416025183797441</c:v>
                </c:pt>
                <c:pt idx="152">
                  <c:v>0.87416025183797441</c:v>
                </c:pt>
                <c:pt idx="153">
                  <c:v>0.87416025183797441</c:v>
                </c:pt>
                <c:pt idx="154">
                  <c:v>0.87416025183797441</c:v>
                </c:pt>
                <c:pt idx="155">
                  <c:v>0.87416025183797441</c:v>
                </c:pt>
                <c:pt idx="156">
                  <c:v>0.87416025183797441</c:v>
                </c:pt>
                <c:pt idx="157">
                  <c:v>0.87416025183797441</c:v>
                </c:pt>
                <c:pt idx="158">
                  <c:v>0.87416025183797441</c:v>
                </c:pt>
                <c:pt idx="159">
                  <c:v>0.77703133496708843</c:v>
                </c:pt>
                <c:pt idx="160">
                  <c:v>0.76315577541410451</c:v>
                </c:pt>
                <c:pt idx="161">
                  <c:v>0.65215129899023494</c:v>
                </c:pt>
                <c:pt idx="162">
                  <c:v>0.61052462033128363</c:v>
                </c:pt>
                <c:pt idx="163">
                  <c:v>0.51339570346039776</c:v>
                </c:pt>
                <c:pt idx="164">
                  <c:v>0.4301423461424953</c:v>
                </c:pt>
                <c:pt idx="165">
                  <c:v>0.37464010793056046</c:v>
                </c:pt>
                <c:pt idx="166">
                  <c:v>0.37464010793056046</c:v>
                </c:pt>
                <c:pt idx="167">
                  <c:v>0.37464010793056046</c:v>
                </c:pt>
              </c:numCache>
            </c:numRef>
          </c:val>
          <c:extLst>
            <c:ext xmlns:c16="http://schemas.microsoft.com/office/drawing/2014/chart" uri="{C3380CC4-5D6E-409C-BE32-E72D297353CC}">
              <c16:uniqueId val="{00000001-898D-410B-8F27-FD80B42F92F5}"/>
            </c:ext>
          </c:extLst>
        </c:ser>
        <c:ser>
          <c:idx val="0"/>
          <c:order val="4"/>
          <c:tx>
            <c:strRef>
              <c:f>Bühler!$O$33</c:f>
              <c:strCache>
                <c:ptCount val="1"/>
                <c:pt idx="0">
                  <c:v>T1</c:v>
                </c:pt>
              </c:strCache>
            </c:strRef>
          </c:tx>
          <c:spPr>
            <a:solidFill>
              <a:schemeClr val="accent5">
                <a:lumMod val="20000"/>
                <a:lumOff val="80000"/>
              </a:schemeClr>
            </a:solidFill>
            <a:ln w="25400">
              <a:noFill/>
            </a:ln>
            <a:effectLst/>
          </c:spPr>
          <c:cat>
            <c:strRef>
              <c:f>Bühler!$U$34:$U$201</c:f>
              <c:strCache>
                <c:ptCount val="156"/>
                <c:pt idx="11">
                  <c:v>Monday</c:v>
                </c:pt>
                <c:pt idx="35">
                  <c:v>Tuesday</c:v>
                </c:pt>
                <c:pt idx="59">
                  <c:v>Wednesday</c:v>
                </c:pt>
                <c:pt idx="83">
                  <c:v>Thursday</c:v>
                </c:pt>
                <c:pt idx="107">
                  <c:v>Friday</c:v>
                </c:pt>
                <c:pt idx="131">
                  <c:v>Saturday</c:v>
                </c:pt>
                <c:pt idx="155">
                  <c:v>Sunday</c:v>
                </c:pt>
              </c:strCache>
            </c:strRef>
          </c:cat>
          <c:val>
            <c:numRef>
              <c:f>Bühler!$O$34:$O$201</c:f>
              <c:numCache>
                <c:formatCode>General</c:formatCode>
                <c:ptCount val="168"/>
                <c:pt idx="0">
                  <c:v>8.2195133389656949E-2</c:v>
                </c:pt>
                <c:pt idx="1">
                  <c:v>8.2195133389656949E-2</c:v>
                </c:pt>
                <c:pt idx="2">
                  <c:v>8.2195133389656949E-2</c:v>
                </c:pt>
                <c:pt idx="3">
                  <c:v>8.2195133389656949E-2</c:v>
                </c:pt>
                <c:pt idx="4">
                  <c:v>8.2195133389656949E-2</c:v>
                </c:pt>
                <c:pt idx="5">
                  <c:v>0.35617891135518004</c:v>
                </c:pt>
                <c:pt idx="6">
                  <c:v>0.40412607249914662</c:v>
                </c:pt>
                <c:pt idx="7">
                  <c:v>0.40412607249914662</c:v>
                </c:pt>
                <c:pt idx="8">
                  <c:v>0.40412607249914662</c:v>
                </c:pt>
                <c:pt idx="9">
                  <c:v>0.43152445029569891</c:v>
                </c:pt>
                <c:pt idx="10">
                  <c:v>0.43152445029569891</c:v>
                </c:pt>
                <c:pt idx="11">
                  <c:v>0.54796755593104629</c:v>
                </c:pt>
                <c:pt idx="12">
                  <c:v>0.54796755593104629</c:v>
                </c:pt>
                <c:pt idx="13">
                  <c:v>0.36302850580431817</c:v>
                </c:pt>
                <c:pt idx="14">
                  <c:v>0.54796755593104629</c:v>
                </c:pt>
                <c:pt idx="15">
                  <c:v>0.54796755593104629</c:v>
                </c:pt>
                <c:pt idx="16">
                  <c:v>0.54796755593104629</c:v>
                </c:pt>
                <c:pt idx="17">
                  <c:v>0.54796755593104629</c:v>
                </c:pt>
                <c:pt idx="18">
                  <c:v>0.54796755593104629</c:v>
                </c:pt>
                <c:pt idx="19">
                  <c:v>0.45892282809225127</c:v>
                </c:pt>
                <c:pt idx="20">
                  <c:v>0.37672769470259432</c:v>
                </c:pt>
                <c:pt idx="21">
                  <c:v>0.27398377796552315</c:v>
                </c:pt>
                <c:pt idx="22">
                  <c:v>0.260284589067247</c:v>
                </c:pt>
                <c:pt idx="23">
                  <c:v>0.260284589067247</c:v>
                </c:pt>
                <c:pt idx="24">
                  <c:v>0.24609760832348246</c:v>
                </c:pt>
                <c:pt idx="25">
                  <c:v>0.24609760832348246</c:v>
                </c:pt>
                <c:pt idx="26">
                  <c:v>0.24609760832348246</c:v>
                </c:pt>
                <c:pt idx="27">
                  <c:v>0.24609760832348246</c:v>
                </c:pt>
                <c:pt idx="28">
                  <c:v>0.24609760832348246</c:v>
                </c:pt>
                <c:pt idx="29">
                  <c:v>0.31992689082052717</c:v>
                </c:pt>
                <c:pt idx="30">
                  <c:v>0.35684153206904951</c:v>
                </c:pt>
                <c:pt idx="31">
                  <c:v>0.36914641248522362</c:v>
                </c:pt>
                <c:pt idx="32">
                  <c:v>0.36914641248522362</c:v>
                </c:pt>
                <c:pt idx="33">
                  <c:v>0.39990861352565893</c:v>
                </c:pt>
                <c:pt idx="34">
                  <c:v>0.41836593414992007</c:v>
                </c:pt>
                <c:pt idx="35">
                  <c:v>0.49219521664696492</c:v>
                </c:pt>
                <c:pt idx="36">
                  <c:v>0.49219521664696492</c:v>
                </c:pt>
                <c:pt idx="37">
                  <c:v>0.49219521664696492</c:v>
                </c:pt>
                <c:pt idx="38">
                  <c:v>0.49219521664696492</c:v>
                </c:pt>
                <c:pt idx="39">
                  <c:v>0.49219521664696492</c:v>
                </c:pt>
                <c:pt idx="40">
                  <c:v>0.49219521664696492</c:v>
                </c:pt>
                <c:pt idx="41">
                  <c:v>0.49219521664696492</c:v>
                </c:pt>
                <c:pt idx="42">
                  <c:v>0.49219521664696492</c:v>
                </c:pt>
                <c:pt idx="43">
                  <c:v>0.4122134939418331</c:v>
                </c:pt>
                <c:pt idx="44">
                  <c:v>0.33838421144478831</c:v>
                </c:pt>
                <c:pt idx="45">
                  <c:v>0.24609760832348246</c:v>
                </c:pt>
                <c:pt idx="46">
                  <c:v>0.24609760832348246</c:v>
                </c:pt>
                <c:pt idx="47">
                  <c:v>0.24609760832348246</c:v>
                </c:pt>
                <c:pt idx="48">
                  <c:v>0.22775319068069921</c:v>
                </c:pt>
                <c:pt idx="49">
                  <c:v>0.25622233951578666</c:v>
                </c:pt>
                <c:pt idx="50">
                  <c:v>0.25622233951578666</c:v>
                </c:pt>
                <c:pt idx="51">
                  <c:v>0.25622233951578666</c:v>
                </c:pt>
                <c:pt idx="52">
                  <c:v>0.25622233951578666</c:v>
                </c:pt>
                <c:pt idx="53">
                  <c:v>0.33024212648701384</c:v>
                </c:pt>
                <c:pt idx="54">
                  <c:v>0.38148659439017124</c:v>
                </c:pt>
                <c:pt idx="55">
                  <c:v>0.38148659439017124</c:v>
                </c:pt>
                <c:pt idx="56">
                  <c:v>0.38148659439017124</c:v>
                </c:pt>
                <c:pt idx="57">
                  <c:v>0.40995574322525857</c:v>
                </c:pt>
                <c:pt idx="58">
                  <c:v>0.44411872182736345</c:v>
                </c:pt>
                <c:pt idx="59">
                  <c:v>0.51244467903157331</c:v>
                </c:pt>
                <c:pt idx="60">
                  <c:v>0.51244467903157331</c:v>
                </c:pt>
                <c:pt idx="61">
                  <c:v>0.51244467903157331</c:v>
                </c:pt>
                <c:pt idx="62">
                  <c:v>0.51244467903157331</c:v>
                </c:pt>
                <c:pt idx="63">
                  <c:v>0.51244467903157331</c:v>
                </c:pt>
                <c:pt idx="64">
                  <c:v>0.51244467903157331</c:v>
                </c:pt>
                <c:pt idx="65">
                  <c:v>0.51244467903157331</c:v>
                </c:pt>
                <c:pt idx="66">
                  <c:v>0.51244467903157331</c:v>
                </c:pt>
                <c:pt idx="67">
                  <c:v>0.42703723252631104</c:v>
                </c:pt>
                <c:pt idx="68">
                  <c:v>0.34162978602104882</c:v>
                </c:pt>
                <c:pt idx="69">
                  <c:v>0.25622233951578666</c:v>
                </c:pt>
                <c:pt idx="70">
                  <c:v>0.25622233951578666</c:v>
                </c:pt>
                <c:pt idx="71">
                  <c:v>0.25622233951578666</c:v>
                </c:pt>
                <c:pt idx="72">
                  <c:v>0.25947330881672931</c:v>
                </c:pt>
                <c:pt idx="73">
                  <c:v>0.25947330881672931</c:v>
                </c:pt>
                <c:pt idx="74">
                  <c:v>0.25947330881672931</c:v>
                </c:pt>
                <c:pt idx="75">
                  <c:v>0.25947330881672931</c:v>
                </c:pt>
                <c:pt idx="76">
                  <c:v>0.25947330881672931</c:v>
                </c:pt>
                <c:pt idx="77">
                  <c:v>0.33443226469711773</c:v>
                </c:pt>
                <c:pt idx="78">
                  <c:v>0.38632692646046368</c:v>
                </c:pt>
                <c:pt idx="79">
                  <c:v>0.38632692646046368</c:v>
                </c:pt>
                <c:pt idx="80">
                  <c:v>0.38632692646046368</c:v>
                </c:pt>
                <c:pt idx="81">
                  <c:v>0.41515729410676694</c:v>
                </c:pt>
                <c:pt idx="82">
                  <c:v>0.44975373528233081</c:v>
                </c:pt>
                <c:pt idx="83">
                  <c:v>0.51894661763345862</c:v>
                </c:pt>
                <c:pt idx="84">
                  <c:v>0.51894661763345862</c:v>
                </c:pt>
                <c:pt idx="85">
                  <c:v>0.51894661763345862</c:v>
                </c:pt>
                <c:pt idx="86">
                  <c:v>0.51894661763345862</c:v>
                </c:pt>
                <c:pt idx="87">
                  <c:v>0.51894661763345862</c:v>
                </c:pt>
                <c:pt idx="88">
                  <c:v>0.51894661763345862</c:v>
                </c:pt>
                <c:pt idx="89">
                  <c:v>0.51894661763345862</c:v>
                </c:pt>
                <c:pt idx="90">
                  <c:v>0.51894661763345862</c:v>
                </c:pt>
                <c:pt idx="91">
                  <c:v>0.43245551469454879</c:v>
                </c:pt>
                <c:pt idx="92">
                  <c:v>0.34596441175563908</c:v>
                </c:pt>
                <c:pt idx="93">
                  <c:v>0.25947330881672931</c:v>
                </c:pt>
                <c:pt idx="94">
                  <c:v>0.25947330881672931</c:v>
                </c:pt>
                <c:pt idx="95">
                  <c:v>0.25947330881672931</c:v>
                </c:pt>
                <c:pt idx="96">
                  <c:v>0.2856180369515432</c:v>
                </c:pt>
                <c:pt idx="97">
                  <c:v>0.2856180369515432</c:v>
                </c:pt>
                <c:pt idx="98">
                  <c:v>0.2856180369515432</c:v>
                </c:pt>
                <c:pt idx="99">
                  <c:v>0.2856180369515432</c:v>
                </c:pt>
                <c:pt idx="100">
                  <c:v>0.2856180369515432</c:v>
                </c:pt>
                <c:pt idx="101">
                  <c:v>0.3681299142931001</c:v>
                </c:pt>
                <c:pt idx="102">
                  <c:v>0.44429472414684501</c:v>
                </c:pt>
                <c:pt idx="103">
                  <c:v>0.44429472414684501</c:v>
                </c:pt>
                <c:pt idx="104">
                  <c:v>0.44429472414684501</c:v>
                </c:pt>
                <c:pt idx="105">
                  <c:v>0.47603006158590533</c:v>
                </c:pt>
                <c:pt idx="106">
                  <c:v>0.49507126404934154</c:v>
                </c:pt>
                <c:pt idx="107">
                  <c:v>0.57123607390308639</c:v>
                </c:pt>
                <c:pt idx="108">
                  <c:v>0.57123607390308639</c:v>
                </c:pt>
                <c:pt idx="109">
                  <c:v>0.57123607390308639</c:v>
                </c:pt>
                <c:pt idx="110">
                  <c:v>0.57123607390308639</c:v>
                </c:pt>
                <c:pt idx="111">
                  <c:v>0.47603006158590533</c:v>
                </c:pt>
                <c:pt idx="112">
                  <c:v>0.45064179163465712</c:v>
                </c:pt>
                <c:pt idx="113">
                  <c:v>0.45064179163465712</c:v>
                </c:pt>
                <c:pt idx="114">
                  <c:v>0.45064179163465712</c:v>
                </c:pt>
                <c:pt idx="115">
                  <c:v>0.45064179163465712</c:v>
                </c:pt>
                <c:pt idx="116">
                  <c:v>0.34908871182966394</c:v>
                </c:pt>
                <c:pt idx="117">
                  <c:v>0.13328841724405349</c:v>
                </c:pt>
                <c:pt idx="118">
                  <c:v>0.13328841724405349</c:v>
                </c:pt>
                <c:pt idx="119">
                  <c:v>0.13328841724405349</c:v>
                </c:pt>
                <c:pt idx="120">
                  <c:v>8.9085883390416079E-2</c:v>
                </c:pt>
                <c:pt idx="121">
                  <c:v>0.17392958185747903</c:v>
                </c:pt>
                <c:pt idx="122">
                  <c:v>0.17392958185747903</c:v>
                </c:pt>
                <c:pt idx="123">
                  <c:v>0.17392958185747903</c:v>
                </c:pt>
                <c:pt idx="124">
                  <c:v>0.17392958185747903</c:v>
                </c:pt>
                <c:pt idx="125">
                  <c:v>0.21635143109101049</c:v>
                </c:pt>
                <c:pt idx="126">
                  <c:v>0.2714998350946014</c:v>
                </c:pt>
                <c:pt idx="127">
                  <c:v>0.30967949940477973</c:v>
                </c:pt>
                <c:pt idx="128">
                  <c:v>0.30967949940477973</c:v>
                </c:pt>
                <c:pt idx="129">
                  <c:v>0.30967949940477973</c:v>
                </c:pt>
                <c:pt idx="130">
                  <c:v>0.30967949940477973</c:v>
                </c:pt>
                <c:pt idx="131">
                  <c:v>0.30967949940477973</c:v>
                </c:pt>
                <c:pt idx="132">
                  <c:v>0.30967949940477973</c:v>
                </c:pt>
                <c:pt idx="133">
                  <c:v>0.30967949940477973</c:v>
                </c:pt>
                <c:pt idx="134">
                  <c:v>0.30967949940477973</c:v>
                </c:pt>
                <c:pt idx="135">
                  <c:v>0.27998420494130771</c:v>
                </c:pt>
                <c:pt idx="136">
                  <c:v>0.25453109540118884</c:v>
                </c:pt>
                <c:pt idx="137">
                  <c:v>0.22907798586106992</c:v>
                </c:pt>
                <c:pt idx="138">
                  <c:v>0.22059361601436361</c:v>
                </c:pt>
                <c:pt idx="139">
                  <c:v>0.17817176678083216</c:v>
                </c:pt>
                <c:pt idx="140">
                  <c:v>0.13150773262394755</c:v>
                </c:pt>
                <c:pt idx="141">
                  <c:v>0.13150773262394755</c:v>
                </c:pt>
                <c:pt idx="142">
                  <c:v>0.13150773262394755</c:v>
                </c:pt>
                <c:pt idx="143">
                  <c:v>0.13150773262394755</c:v>
                </c:pt>
                <c:pt idx="144">
                  <c:v>0.12904270384274857</c:v>
                </c:pt>
                <c:pt idx="145">
                  <c:v>0.14985604317222415</c:v>
                </c:pt>
                <c:pt idx="146">
                  <c:v>0.14985604317222415</c:v>
                </c:pt>
                <c:pt idx="147">
                  <c:v>0.14985604317222415</c:v>
                </c:pt>
                <c:pt idx="148">
                  <c:v>0.14985604317222415</c:v>
                </c:pt>
                <c:pt idx="149">
                  <c:v>0.1873200539652802</c:v>
                </c:pt>
                <c:pt idx="150">
                  <c:v>0.22062139689244115</c:v>
                </c:pt>
                <c:pt idx="151">
                  <c:v>0.26224807555139229</c:v>
                </c:pt>
                <c:pt idx="152">
                  <c:v>0.26224807555139229</c:v>
                </c:pt>
                <c:pt idx="153">
                  <c:v>0.26224807555139229</c:v>
                </c:pt>
                <c:pt idx="154">
                  <c:v>0.26224807555139229</c:v>
                </c:pt>
                <c:pt idx="155">
                  <c:v>0.26224807555139229</c:v>
                </c:pt>
                <c:pt idx="156">
                  <c:v>0.26224807555139229</c:v>
                </c:pt>
                <c:pt idx="157">
                  <c:v>0.26224807555139229</c:v>
                </c:pt>
                <c:pt idx="158">
                  <c:v>0.26224807555139229</c:v>
                </c:pt>
                <c:pt idx="159">
                  <c:v>0.23310940049012649</c:v>
                </c:pt>
                <c:pt idx="160">
                  <c:v>0.22894673262423132</c:v>
                </c:pt>
                <c:pt idx="161">
                  <c:v>0.19564538969707046</c:v>
                </c:pt>
                <c:pt idx="162">
                  <c:v>0.18315738609938509</c:v>
                </c:pt>
                <c:pt idx="163">
                  <c:v>0.15401871103811932</c:v>
                </c:pt>
                <c:pt idx="164">
                  <c:v>0.12904270384274857</c:v>
                </c:pt>
                <c:pt idx="165">
                  <c:v>0.11239203237916812</c:v>
                </c:pt>
                <c:pt idx="166">
                  <c:v>0.11239203237916812</c:v>
                </c:pt>
                <c:pt idx="167">
                  <c:v>0.11239203237916812</c:v>
                </c:pt>
              </c:numCache>
            </c:numRef>
          </c:val>
          <c:extLst>
            <c:ext xmlns:c16="http://schemas.microsoft.com/office/drawing/2014/chart" uri="{C3380CC4-5D6E-409C-BE32-E72D297353CC}">
              <c16:uniqueId val="{00000000-898D-410B-8F27-FD80B42F92F5}"/>
            </c:ext>
          </c:extLst>
        </c:ser>
        <c:dLbls>
          <c:showLegendKey val="0"/>
          <c:showVal val="0"/>
          <c:showCatName val="0"/>
          <c:showSerName val="0"/>
          <c:showPercent val="0"/>
          <c:showBubbleSize val="0"/>
        </c:dLbls>
        <c:axId val="1901530704"/>
        <c:axId val="1901541264"/>
      </c:areaChart>
      <c:catAx>
        <c:axId val="1901530704"/>
        <c:scaling>
          <c:orientation val="minMax"/>
        </c:scaling>
        <c:delete val="0"/>
        <c:axPos val="b"/>
        <c:majorGridlines>
          <c:spPr>
            <a:ln w="9525" cap="flat" cmpd="sng" algn="ctr">
              <a:noFill/>
              <a:round/>
            </a:ln>
            <a:effectLst/>
          </c:spPr>
        </c:majorGridlines>
        <c:numFmt formatCode="General" sourceLinked="1"/>
        <c:majorTickMark val="out"/>
        <c:minorTickMark val="none"/>
        <c:tickLblPos val="nextTo"/>
        <c:spPr>
          <a:noFill/>
          <a:ln w="12700" cap="flat" cmpd="sng" algn="ctr">
            <a:solidFill>
              <a:schemeClr val="tx1"/>
            </a:solidFill>
            <a:round/>
          </a:ln>
          <a:effectLst/>
        </c:spPr>
        <c:txPr>
          <a:bodyPr rot="5400000" spcFirstLastPara="1" vertOverflow="ellipsis" wrap="square" anchor="ctr" anchorCtr="1"/>
          <a:lstStyle/>
          <a:p>
            <a:pPr>
              <a:defRPr sz="1000" b="1" i="0" u="none" strike="noStrike" kern="1200" baseline="0">
                <a:solidFill>
                  <a:schemeClr val="tx1"/>
                </a:solidFill>
                <a:latin typeface="+mn-lt"/>
                <a:ea typeface="+mn-ea"/>
                <a:cs typeface="+mn-cs"/>
              </a:defRPr>
            </a:pPr>
            <a:endParaRPr lang="en-US"/>
          </a:p>
        </c:txPr>
        <c:crossAx val="1901541264"/>
        <c:crosses val="autoZero"/>
        <c:auto val="1"/>
        <c:lblAlgn val="ctr"/>
        <c:lblOffset val="100"/>
        <c:tickMarkSkip val="24"/>
        <c:noMultiLvlLbl val="0"/>
      </c:catAx>
      <c:valAx>
        <c:axId val="1901541264"/>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nb-NO">
                    <a:solidFill>
                      <a:schemeClr val="tx1"/>
                    </a:solidFill>
                  </a:rPr>
                  <a:t>Hourly</a:t>
                </a:r>
                <a:r>
                  <a:rPr lang="nb-NO" baseline="0">
                    <a:solidFill>
                      <a:schemeClr val="tx1"/>
                    </a:solidFill>
                  </a:rPr>
                  <a:t> Demand [user-defined unit]</a:t>
                </a:r>
                <a:endParaRPr lang="nb-NO">
                  <a:solidFill>
                    <a:schemeClr val="tx1"/>
                  </a:solidFill>
                </a:endParaRP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nb-NO"/>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901530704"/>
        <c:crosses val="autoZero"/>
        <c:crossBetween val="midCat"/>
      </c:valAx>
      <c:spPr>
        <a:solidFill>
          <a:sysClr val="window" lastClr="FFFFFF"/>
        </a:solidFill>
        <a:ln>
          <a:solidFill>
            <a:schemeClr val="tx1"/>
          </a:solid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12700" cap="flat" cmpd="sng" algn="ctr">
      <a:noFill/>
      <a:round/>
    </a:ln>
    <a:effectLst/>
  </c:spPr>
  <c:txPr>
    <a:bodyPr/>
    <a:lstStyle/>
    <a:p>
      <a:pPr>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32162107884152807"/>
          <c:y val="0.17019890497300372"/>
          <c:w val="0.62076955718317017"/>
          <c:h val="0.61780609429892941"/>
        </c:manualLayout>
      </c:layout>
      <c:barChart>
        <c:barDir val="col"/>
        <c:grouping val="stacked"/>
        <c:varyColors val="0"/>
        <c:ser>
          <c:idx val="4"/>
          <c:order val="0"/>
          <c:tx>
            <c:strRef>
              <c:f>Input!$B$8</c:f>
              <c:strCache>
                <c:ptCount val="1"/>
                <c:pt idx="0">
                  <c:v>4</c:v>
                </c:pt>
              </c:strCache>
            </c:strRef>
          </c:tx>
          <c:spPr>
            <a:solidFill>
              <a:schemeClr val="accent5"/>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4,Jesper!$H$7)</c:f>
              <c:numCache>
                <c:formatCode>0%</c:formatCode>
                <c:ptCount val="2"/>
                <c:pt idx="1">
                  <c:v>0</c:v>
                </c:pt>
              </c:numCache>
            </c:numRef>
          </c:val>
          <c:extLst>
            <c:ext xmlns:c16="http://schemas.microsoft.com/office/drawing/2014/chart" uri="{C3380CC4-5D6E-409C-BE32-E72D297353CC}">
              <c16:uniqueId val="{00000004-796C-4A3E-97AD-BA01F4A93D77}"/>
            </c:ext>
          </c:extLst>
        </c:ser>
        <c:ser>
          <c:idx val="3"/>
          <c:order val="1"/>
          <c:tx>
            <c:strRef>
              <c:f>Input!$B$7</c:f>
              <c:strCache>
                <c:ptCount val="1"/>
                <c:pt idx="0">
                  <c:v>3</c:v>
                </c:pt>
              </c:strCache>
            </c:strRef>
          </c:tx>
          <c:spPr>
            <a:solidFill>
              <a:schemeClr val="accent4"/>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3,Jesper!$H$6)</c:f>
              <c:numCache>
                <c:formatCode>0%</c:formatCode>
                <c:ptCount val="2"/>
                <c:pt idx="0">
                  <c:v>0</c:v>
                </c:pt>
                <c:pt idx="1">
                  <c:v>0</c:v>
                </c:pt>
              </c:numCache>
            </c:numRef>
          </c:val>
          <c:extLst>
            <c:ext xmlns:c16="http://schemas.microsoft.com/office/drawing/2014/chart" uri="{C3380CC4-5D6E-409C-BE32-E72D297353CC}">
              <c16:uniqueId val="{00000003-796C-4A3E-97AD-BA01F4A93D77}"/>
            </c:ext>
          </c:extLst>
        </c:ser>
        <c:ser>
          <c:idx val="2"/>
          <c:order val="2"/>
          <c:tx>
            <c:strRef>
              <c:f>Input!$B$6</c:f>
              <c:strCache>
                <c:ptCount val="1"/>
                <c:pt idx="0">
                  <c:v>2</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2,Jesper!$H$5)</c:f>
              <c:numCache>
                <c:formatCode>0%</c:formatCode>
                <c:ptCount val="2"/>
                <c:pt idx="0">
                  <c:v>0</c:v>
                </c:pt>
                <c:pt idx="1">
                  <c:v>0</c:v>
                </c:pt>
              </c:numCache>
            </c:numRef>
          </c:val>
          <c:extLst>
            <c:ext xmlns:c16="http://schemas.microsoft.com/office/drawing/2014/chart" uri="{C3380CC4-5D6E-409C-BE32-E72D297353CC}">
              <c16:uniqueId val="{00000002-796C-4A3E-97AD-BA01F4A93D77}"/>
            </c:ext>
          </c:extLst>
        </c:ser>
        <c:ser>
          <c:idx val="1"/>
          <c:order val="3"/>
          <c:tx>
            <c:strRef>
              <c:f>Input!$B$5</c:f>
              <c:strCache>
                <c:ptCount val="1"/>
                <c:pt idx="0">
                  <c:v>1</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1,Jesper!$H$4)</c:f>
              <c:numCache>
                <c:formatCode>0%</c:formatCode>
                <c:ptCount val="2"/>
                <c:pt idx="0">
                  <c:v>0</c:v>
                </c:pt>
                <c:pt idx="1">
                  <c:v>0.33299999999999991</c:v>
                </c:pt>
              </c:numCache>
            </c:numRef>
          </c:val>
          <c:extLst>
            <c:ext xmlns:c16="http://schemas.microsoft.com/office/drawing/2014/chart" uri="{C3380CC4-5D6E-409C-BE32-E72D297353CC}">
              <c16:uniqueId val="{00000001-796C-4A3E-97AD-BA01F4A93D77}"/>
            </c:ext>
          </c:extLst>
        </c:ser>
        <c:ser>
          <c:idx val="0"/>
          <c:order val="4"/>
          <c:tx>
            <c:strRef>
              <c:f>Input!$B$4</c:f>
              <c:strCache>
                <c:ptCount val="1"/>
                <c:pt idx="0">
                  <c:v>0</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0,Jesper!$H$3)</c:f>
              <c:numCache>
                <c:formatCode>0%</c:formatCode>
                <c:ptCount val="2"/>
                <c:pt idx="0">
                  <c:v>1</c:v>
                </c:pt>
                <c:pt idx="1">
                  <c:v>0.66700000000000004</c:v>
                </c:pt>
              </c:numCache>
            </c:numRef>
          </c:val>
          <c:extLst>
            <c:ext xmlns:c16="http://schemas.microsoft.com/office/drawing/2014/chart" uri="{C3380CC4-5D6E-409C-BE32-E72D297353CC}">
              <c16:uniqueId val="{00000000-796C-4A3E-97AD-BA01F4A93D77}"/>
            </c:ext>
          </c:extLst>
        </c:ser>
        <c:dLbls>
          <c:dLblPos val="ctr"/>
          <c:showLegendKey val="0"/>
          <c:showVal val="1"/>
          <c:showCatName val="0"/>
          <c:showSerName val="0"/>
          <c:showPercent val="0"/>
          <c:showBubbleSize val="0"/>
        </c:dLbls>
        <c:gapWidth val="150"/>
        <c:overlap val="100"/>
        <c:axId val="380432623"/>
        <c:axId val="380433583"/>
      </c:barChart>
      <c:catAx>
        <c:axId val="380432623"/>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380433583"/>
        <c:crosses val="autoZero"/>
        <c:auto val="1"/>
        <c:lblAlgn val="ctr"/>
        <c:lblOffset val="100"/>
        <c:noMultiLvlLbl val="0"/>
      </c:catAx>
      <c:valAx>
        <c:axId val="380433583"/>
        <c:scaling>
          <c:orientation val="minMax"/>
          <c:max val="1"/>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solidFill>
              <a:schemeClr val="tx1"/>
            </a:solid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380432623"/>
        <c:crosses val="autoZero"/>
        <c:crossBetween val="between"/>
      </c:valAx>
      <c:spPr>
        <a:solidFill>
          <a:schemeClr val="bg1"/>
        </a:solidFill>
        <a:ln>
          <a:solidFill>
            <a:schemeClr val="tx1"/>
          </a:solidFill>
        </a:ln>
        <a:effectLst/>
      </c:spPr>
    </c:plotArea>
    <c:legend>
      <c:legendPos val="l"/>
      <c:layout>
        <c:manualLayout>
          <c:xMode val="edge"/>
          <c:yMode val="edge"/>
          <c:x val="3.6660504347919322E-2"/>
          <c:y val="0.27449312636241541"/>
          <c:w val="0.10708290016342585"/>
          <c:h val="0.38659785445893363"/>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autoTitleDeleted val="1"/>
    <c:plotArea>
      <c:layout>
        <c:manualLayout>
          <c:layoutTarget val="inner"/>
          <c:xMode val="edge"/>
          <c:yMode val="edge"/>
          <c:x val="7.9861749179985266E-3"/>
          <c:y val="0.17834931955425157"/>
          <c:w val="0.48049586027906932"/>
          <c:h val="0.61689951822574662"/>
        </c:manualLayout>
      </c:layout>
      <c:barChart>
        <c:barDir val="col"/>
        <c:grouping val="stacked"/>
        <c:varyColors val="0"/>
        <c:ser>
          <c:idx val="4"/>
          <c:order val="0"/>
          <c:tx>
            <c:strRef>
              <c:f>'Standard Profiles'!$H$22</c:f>
              <c:strCache>
                <c:ptCount val="1"/>
                <c:pt idx="0">
                  <c:v>T1</c:v>
                </c:pt>
              </c:strCache>
            </c:strRef>
          </c:tx>
          <c:spPr>
            <a:solidFill>
              <a:schemeClr val="accent5">
                <a:tint val="54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tandard Profiles'!$I$22</c:f>
              <c:numCache>
                <c:formatCode>0%</c:formatCode>
                <c:ptCount val="1"/>
                <c:pt idx="0">
                  <c:v>0.03</c:v>
                </c:pt>
              </c:numCache>
            </c:numRef>
          </c:val>
          <c:extLst>
            <c:ext xmlns:c16="http://schemas.microsoft.com/office/drawing/2014/chart" uri="{C3380CC4-5D6E-409C-BE32-E72D297353CC}">
              <c16:uniqueId val="{00000004-BDD4-4BF1-AE09-2DA10DC504C5}"/>
            </c:ext>
          </c:extLst>
        </c:ser>
        <c:ser>
          <c:idx val="3"/>
          <c:order val="1"/>
          <c:tx>
            <c:strRef>
              <c:f>'Standard Profiles'!$H$21</c:f>
              <c:strCache>
                <c:ptCount val="1"/>
                <c:pt idx="0">
                  <c:v>T2</c:v>
                </c:pt>
              </c:strCache>
            </c:strRef>
          </c:tx>
          <c:spPr>
            <a:solidFill>
              <a:schemeClr val="accent5">
                <a:tint val="77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tandard Profiles'!$I$21</c:f>
              <c:numCache>
                <c:formatCode>0%</c:formatCode>
                <c:ptCount val="1"/>
                <c:pt idx="0">
                  <c:v>0.1</c:v>
                </c:pt>
              </c:numCache>
            </c:numRef>
          </c:val>
          <c:extLst>
            <c:ext xmlns:c16="http://schemas.microsoft.com/office/drawing/2014/chart" uri="{C3380CC4-5D6E-409C-BE32-E72D297353CC}">
              <c16:uniqueId val="{00000003-BDD4-4BF1-AE09-2DA10DC504C5}"/>
            </c:ext>
          </c:extLst>
        </c:ser>
        <c:ser>
          <c:idx val="2"/>
          <c:order val="2"/>
          <c:tx>
            <c:strRef>
              <c:f>'Standard Profiles'!$H$20</c:f>
              <c:strCache>
                <c:ptCount val="1"/>
                <c:pt idx="0">
                  <c:v>T3</c:v>
                </c:pt>
              </c:strCache>
            </c:strRef>
          </c:tx>
          <c:spPr>
            <a:solidFill>
              <a:schemeClr val="accent5"/>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tandard Profiles'!$I$20</c:f>
              <c:numCache>
                <c:formatCode>0%</c:formatCode>
                <c:ptCount val="1"/>
                <c:pt idx="0">
                  <c:v>0.15</c:v>
                </c:pt>
              </c:numCache>
            </c:numRef>
          </c:val>
          <c:extLst>
            <c:ext xmlns:c16="http://schemas.microsoft.com/office/drawing/2014/chart" uri="{C3380CC4-5D6E-409C-BE32-E72D297353CC}">
              <c16:uniqueId val="{00000002-BDD4-4BF1-AE09-2DA10DC504C5}"/>
            </c:ext>
          </c:extLst>
        </c:ser>
        <c:ser>
          <c:idx val="1"/>
          <c:order val="3"/>
          <c:tx>
            <c:strRef>
              <c:f>'Standard Profiles'!$H$19</c:f>
              <c:strCache>
                <c:ptCount val="1"/>
                <c:pt idx="0">
                  <c:v>T4</c:v>
                </c:pt>
              </c:strCache>
            </c:strRef>
          </c:tx>
          <c:spPr>
            <a:solidFill>
              <a:schemeClr val="accent5">
                <a:shade val="76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tandard Profiles'!$I$19</c:f>
              <c:numCache>
                <c:formatCode>0%</c:formatCode>
                <c:ptCount val="1"/>
                <c:pt idx="0">
                  <c:v>0.72</c:v>
                </c:pt>
              </c:numCache>
            </c:numRef>
          </c:val>
          <c:extLst>
            <c:ext xmlns:c16="http://schemas.microsoft.com/office/drawing/2014/chart" uri="{C3380CC4-5D6E-409C-BE32-E72D297353CC}">
              <c16:uniqueId val="{00000001-BDD4-4BF1-AE09-2DA10DC504C5}"/>
            </c:ext>
          </c:extLst>
        </c:ser>
        <c:ser>
          <c:idx val="0"/>
          <c:order val="4"/>
          <c:tx>
            <c:strRef>
              <c:f>'Standard Profiles'!$H$18</c:f>
              <c:strCache>
                <c:ptCount val="1"/>
                <c:pt idx="0">
                  <c:v>T5</c:v>
                </c:pt>
              </c:strCache>
            </c:strRef>
          </c:tx>
          <c:spPr>
            <a:solidFill>
              <a:schemeClr val="accent5">
                <a:shade val="53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tandard Profiles'!$I$18</c:f>
              <c:numCache>
                <c:formatCode>0%</c:formatCode>
                <c:ptCount val="1"/>
                <c:pt idx="0">
                  <c:v>0</c:v>
                </c:pt>
              </c:numCache>
            </c:numRef>
          </c:val>
          <c:extLst>
            <c:ext xmlns:c16="http://schemas.microsoft.com/office/drawing/2014/chart" uri="{C3380CC4-5D6E-409C-BE32-E72D297353CC}">
              <c16:uniqueId val="{00000000-BDD4-4BF1-AE09-2DA10DC504C5}"/>
            </c:ext>
          </c:extLst>
        </c:ser>
        <c:dLbls>
          <c:dLblPos val="ctr"/>
          <c:showLegendKey val="0"/>
          <c:showVal val="1"/>
          <c:showCatName val="0"/>
          <c:showSerName val="0"/>
          <c:showPercent val="0"/>
          <c:showBubbleSize val="0"/>
        </c:dLbls>
        <c:gapWidth val="150"/>
        <c:overlap val="100"/>
        <c:axId val="455787615"/>
        <c:axId val="455792895"/>
      </c:barChart>
      <c:catAx>
        <c:axId val="455787615"/>
        <c:scaling>
          <c:orientation val="minMax"/>
        </c:scaling>
        <c:delete val="1"/>
        <c:axPos val="b"/>
        <c:majorTickMark val="none"/>
        <c:minorTickMark val="none"/>
        <c:tickLblPos val="nextTo"/>
        <c:crossAx val="455792895"/>
        <c:crosses val="autoZero"/>
        <c:auto val="1"/>
        <c:lblAlgn val="ctr"/>
        <c:lblOffset val="100"/>
        <c:noMultiLvlLbl val="0"/>
      </c:catAx>
      <c:valAx>
        <c:axId val="455792895"/>
        <c:scaling>
          <c:orientation val="minMax"/>
          <c:max val="1"/>
        </c:scaling>
        <c:delete val="1"/>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455787615"/>
        <c:crosses val="autoZero"/>
        <c:crossBetween val="between"/>
      </c:valAx>
      <c:spPr>
        <a:solidFill>
          <a:schemeClr val="bg1"/>
        </a:solidFill>
        <a:ln>
          <a:solidFill>
            <a:schemeClr val="tx1"/>
          </a:solidFill>
        </a:ln>
        <a:effectLst/>
      </c:spPr>
    </c:plotArea>
    <c:legend>
      <c:legendPos val="r"/>
      <c:layout>
        <c:manualLayout>
          <c:xMode val="edge"/>
          <c:yMode val="edge"/>
          <c:x val="0.52179804102716432"/>
          <c:y val="0.28894581748707415"/>
          <c:w val="0.19846557197123216"/>
          <c:h val="0.38496939127435764"/>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
          <c:y val="5.526158773314703E-2"/>
          <c:w val="1"/>
          <c:h val="0.77746199555708395"/>
        </c:manualLayout>
      </c:layout>
      <c:barChart>
        <c:barDir val="col"/>
        <c:grouping val="stacked"/>
        <c:varyColors val="0"/>
        <c:ser>
          <c:idx val="0"/>
          <c:order val="0"/>
          <c:tx>
            <c:strRef>
              <c:f>Jesper!$BF$4</c:f>
              <c:strCache>
                <c:ptCount val="1"/>
                <c:pt idx="0">
                  <c:v>T1, C4</c:v>
                </c:pt>
              </c:strCache>
            </c:strRef>
          </c:tx>
          <c:spPr>
            <a:solidFill>
              <a:schemeClr val="accent5">
                <a:lumMod val="20000"/>
                <a:lumOff val="80000"/>
              </a:schemeClr>
            </a:solidFill>
            <a:ln>
              <a:solidFill>
                <a:schemeClr val="accent5">
                  <a:lumMod val="40000"/>
                  <a:lumOff val="6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4:$BH$4</c:f>
              <c:numCache>
                <c:formatCode>0%</c:formatCode>
                <c:ptCount val="2"/>
                <c:pt idx="0">
                  <c:v>#N/A</c:v>
                </c:pt>
                <c:pt idx="1">
                  <c:v>#N/A</c:v>
                </c:pt>
              </c:numCache>
            </c:numRef>
          </c:val>
          <c:extLst>
            <c:ext xmlns:c16="http://schemas.microsoft.com/office/drawing/2014/chart" uri="{C3380CC4-5D6E-409C-BE32-E72D297353CC}">
              <c16:uniqueId val="{00000000-248B-44F3-8492-DD33D0DE4CF8}"/>
            </c:ext>
          </c:extLst>
        </c:ser>
        <c:ser>
          <c:idx val="1"/>
          <c:order val="1"/>
          <c:tx>
            <c:strRef>
              <c:f>Jesper!$BF$5</c:f>
              <c:strCache>
                <c:ptCount val="1"/>
                <c:pt idx="0">
                  <c:v>T1, C3</c:v>
                </c:pt>
              </c:strCache>
            </c:strRef>
          </c:tx>
          <c:spPr>
            <a:solidFill>
              <a:schemeClr val="accent5">
                <a:lumMod val="20000"/>
                <a:lumOff val="80000"/>
              </a:schemeClr>
            </a:solidFill>
            <a:ln>
              <a:solidFill>
                <a:schemeClr val="accent5">
                  <a:lumMod val="40000"/>
                  <a:lumOff val="6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5:$BH$5</c:f>
              <c:numCache>
                <c:formatCode>0%</c:formatCode>
                <c:ptCount val="2"/>
                <c:pt idx="0">
                  <c:v>#N/A</c:v>
                </c:pt>
                <c:pt idx="1">
                  <c:v>#N/A</c:v>
                </c:pt>
              </c:numCache>
            </c:numRef>
          </c:val>
          <c:extLst>
            <c:ext xmlns:c16="http://schemas.microsoft.com/office/drawing/2014/chart" uri="{C3380CC4-5D6E-409C-BE32-E72D297353CC}">
              <c16:uniqueId val="{00000001-248B-44F3-8492-DD33D0DE4CF8}"/>
            </c:ext>
          </c:extLst>
        </c:ser>
        <c:ser>
          <c:idx val="2"/>
          <c:order val="2"/>
          <c:tx>
            <c:strRef>
              <c:f>Jesper!$BF$6</c:f>
              <c:strCache>
                <c:ptCount val="1"/>
                <c:pt idx="0">
                  <c:v>T1, C2</c:v>
                </c:pt>
              </c:strCache>
            </c:strRef>
          </c:tx>
          <c:spPr>
            <a:solidFill>
              <a:schemeClr val="accent5">
                <a:lumMod val="20000"/>
                <a:lumOff val="80000"/>
              </a:schemeClr>
            </a:solidFill>
            <a:ln>
              <a:solidFill>
                <a:schemeClr val="accent5">
                  <a:lumMod val="40000"/>
                  <a:lumOff val="6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6:$BH$6</c:f>
              <c:numCache>
                <c:formatCode>0%</c:formatCode>
                <c:ptCount val="2"/>
                <c:pt idx="0">
                  <c:v>#N/A</c:v>
                </c:pt>
                <c:pt idx="1">
                  <c:v>#N/A</c:v>
                </c:pt>
              </c:numCache>
            </c:numRef>
          </c:val>
          <c:extLst>
            <c:ext xmlns:c16="http://schemas.microsoft.com/office/drawing/2014/chart" uri="{C3380CC4-5D6E-409C-BE32-E72D297353CC}">
              <c16:uniqueId val="{00000002-248B-44F3-8492-DD33D0DE4CF8}"/>
            </c:ext>
          </c:extLst>
        </c:ser>
        <c:ser>
          <c:idx val="3"/>
          <c:order val="3"/>
          <c:tx>
            <c:strRef>
              <c:f>Jesper!$BF$7</c:f>
              <c:strCache>
                <c:ptCount val="1"/>
                <c:pt idx="0">
                  <c:v>T1, C1</c:v>
                </c:pt>
              </c:strCache>
            </c:strRef>
          </c:tx>
          <c:spPr>
            <a:solidFill>
              <a:schemeClr val="accent5">
                <a:lumMod val="20000"/>
                <a:lumOff val="80000"/>
              </a:schemeClr>
            </a:solidFill>
            <a:ln>
              <a:solidFill>
                <a:schemeClr val="accent5">
                  <a:lumMod val="40000"/>
                  <a:lumOff val="6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7:$BH$7</c:f>
              <c:numCache>
                <c:formatCode>0%</c:formatCode>
                <c:ptCount val="2"/>
                <c:pt idx="0">
                  <c:v>#N/A</c:v>
                </c:pt>
                <c:pt idx="1">
                  <c:v>5.0999999999999997E-2</c:v>
                </c:pt>
              </c:numCache>
            </c:numRef>
          </c:val>
          <c:extLst>
            <c:ext xmlns:c16="http://schemas.microsoft.com/office/drawing/2014/chart" uri="{C3380CC4-5D6E-409C-BE32-E72D297353CC}">
              <c16:uniqueId val="{00000003-248B-44F3-8492-DD33D0DE4CF8}"/>
            </c:ext>
          </c:extLst>
        </c:ser>
        <c:ser>
          <c:idx val="4"/>
          <c:order val="4"/>
          <c:tx>
            <c:strRef>
              <c:f>Jesper!$BF$8</c:f>
              <c:strCache>
                <c:ptCount val="1"/>
                <c:pt idx="0">
                  <c:v>T1, C0</c:v>
                </c:pt>
              </c:strCache>
            </c:strRef>
          </c:tx>
          <c:spPr>
            <a:solidFill>
              <a:schemeClr val="accent5">
                <a:lumMod val="20000"/>
                <a:lumOff val="80000"/>
              </a:schemeClr>
            </a:solidFill>
            <a:ln>
              <a:solidFill>
                <a:schemeClr val="accent5">
                  <a:lumMod val="40000"/>
                  <a:lumOff val="6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8:$BH$8</c:f>
              <c:numCache>
                <c:formatCode>0%</c:formatCode>
                <c:ptCount val="2"/>
                <c:pt idx="0">
                  <c:v>0.03</c:v>
                </c:pt>
                <c:pt idx="1">
                  <c:v>#N/A</c:v>
                </c:pt>
              </c:numCache>
            </c:numRef>
          </c:val>
          <c:extLst>
            <c:ext xmlns:c16="http://schemas.microsoft.com/office/drawing/2014/chart" uri="{C3380CC4-5D6E-409C-BE32-E72D297353CC}">
              <c16:uniqueId val="{00000004-248B-44F3-8492-DD33D0DE4CF8}"/>
            </c:ext>
          </c:extLst>
        </c:ser>
        <c:ser>
          <c:idx val="5"/>
          <c:order val="5"/>
          <c:tx>
            <c:strRef>
              <c:f>Jesper!$BF$9</c:f>
              <c:strCache>
                <c:ptCount val="1"/>
                <c:pt idx="0">
                  <c:v>T2, C4</c:v>
                </c:pt>
              </c:strCache>
            </c:strRef>
          </c:tx>
          <c:spPr>
            <a:solidFill>
              <a:schemeClr val="accent5">
                <a:lumMod val="40000"/>
                <a:lumOff val="60000"/>
              </a:schemeClr>
            </a:solidFill>
            <a:ln>
              <a:solidFill>
                <a:schemeClr val="accent5">
                  <a:lumMod val="60000"/>
                  <a:lumOff val="4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9:$BH$9</c:f>
              <c:numCache>
                <c:formatCode>0%</c:formatCode>
                <c:ptCount val="2"/>
                <c:pt idx="0">
                  <c:v>#N/A</c:v>
                </c:pt>
                <c:pt idx="1">
                  <c:v>#N/A</c:v>
                </c:pt>
              </c:numCache>
            </c:numRef>
          </c:val>
          <c:extLst>
            <c:ext xmlns:c16="http://schemas.microsoft.com/office/drawing/2014/chart" uri="{C3380CC4-5D6E-409C-BE32-E72D297353CC}">
              <c16:uniqueId val="{00000005-248B-44F3-8492-DD33D0DE4CF8}"/>
            </c:ext>
          </c:extLst>
        </c:ser>
        <c:ser>
          <c:idx val="6"/>
          <c:order val="6"/>
          <c:tx>
            <c:strRef>
              <c:f>Jesper!$BF$10</c:f>
              <c:strCache>
                <c:ptCount val="1"/>
                <c:pt idx="0">
                  <c:v>T2, C3</c:v>
                </c:pt>
              </c:strCache>
            </c:strRef>
          </c:tx>
          <c:spPr>
            <a:solidFill>
              <a:schemeClr val="accent5">
                <a:lumMod val="40000"/>
                <a:lumOff val="60000"/>
              </a:schemeClr>
            </a:solidFill>
            <a:ln>
              <a:solidFill>
                <a:schemeClr val="accent5">
                  <a:lumMod val="60000"/>
                  <a:lumOff val="4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10:$BH$10</c:f>
              <c:numCache>
                <c:formatCode>0%</c:formatCode>
                <c:ptCount val="2"/>
                <c:pt idx="0">
                  <c:v>#N/A</c:v>
                </c:pt>
                <c:pt idx="1">
                  <c:v>#N/A</c:v>
                </c:pt>
              </c:numCache>
            </c:numRef>
          </c:val>
          <c:extLst>
            <c:ext xmlns:c16="http://schemas.microsoft.com/office/drawing/2014/chart" uri="{C3380CC4-5D6E-409C-BE32-E72D297353CC}">
              <c16:uniqueId val="{00000006-248B-44F3-8492-DD33D0DE4CF8}"/>
            </c:ext>
          </c:extLst>
        </c:ser>
        <c:ser>
          <c:idx val="7"/>
          <c:order val="7"/>
          <c:tx>
            <c:strRef>
              <c:f>Jesper!$BF$11</c:f>
              <c:strCache>
                <c:ptCount val="1"/>
                <c:pt idx="0">
                  <c:v>T2, C2</c:v>
                </c:pt>
              </c:strCache>
            </c:strRef>
          </c:tx>
          <c:spPr>
            <a:solidFill>
              <a:schemeClr val="accent5">
                <a:lumMod val="40000"/>
                <a:lumOff val="60000"/>
              </a:schemeClr>
            </a:solidFill>
            <a:ln>
              <a:solidFill>
                <a:schemeClr val="accent5">
                  <a:lumMod val="60000"/>
                  <a:lumOff val="4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11:$BH$11</c:f>
              <c:numCache>
                <c:formatCode>0%</c:formatCode>
                <c:ptCount val="2"/>
                <c:pt idx="0">
                  <c:v>#N/A</c:v>
                </c:pt>
                <c:pt idx="1">
                  <c:v>#N/A</c:v>
                </c:pt>
              </c:numCache>
            </c:numRef>
          </c:val>
          <c:extLst>
            <c:ext xmlns:c16="http://schemas.microsoft.com/office/drawing/2014/chart" uri="{C3380CC4-5D6E-409C-BE32-E72D297353CC}">
              <c16:uniqueId val="{00000007-248B-44F3-8492-DD33D0DE4CF8}"/>
            </c:ext>
          </c:extLst>
        </c:ser>
        <c:ser>
          <c:idx val="8"/>
          <c:order val="8"/>
          <c:tx>
            <c:strRef>
              <c:f>Jesper!$BF$12</c:f>
              <c:strCache>
                <c:ptCount val="1"/>
                <c:pt idx="0">
                  <c:v>T2, C1</c:v>
                </c:pt>
              </c:strCache>
            </c:strRef>
          </c:tx>
          <c:spPr>
            <a:solidFill>
              <a:schemeClr val="accent5">
                <a:lumMod val="40000"/>
                <a:lumOff val="60000"/>
              </a:schemeClr>
            </a:solidFill>
            <a:ln>
              <a:solidFill>
                <a:schemeClr val="accent5">
                  <a:lumMod val="60000"/>
                  <a:lumOff val="4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12:$BH$12</c:f>
              <c:numCache>
                <c:formatCode>0%</c:formatCode>
                <c:ptCount val="2"/>
                <c:pt idx="0">
                  <c:v>#N/A</c:v>
                </c:pt>
                <c:pt idx="1">
                  <c:v>0.17</c:v>
                </c:pt>
              </c:numCache>
            </c:numRef>
          </c:val>
          <c:extLst>
            <c:ext xmlns:c16="http://schemas.microsoft.com/office/drawing/2014/chart" uri="{C3380CC4-5D6E-409C-BE32-E72D297353CC}">
              <c16:uniqueId val="{00000008-248B-44F3-8492-DD33D0DE4CF8}"/>
            </c:ext>
          </c:extLst>
        </c:ser>
        <c:ser>
          <c:idx val="9"/>
          <c:order val="9"/>
          <c:tx>
            <c:strRef>
              <c:f>Jesper!$BF$13</c:f>
              <c:strCache>
                <c:ptCount val="1"/>
                <c:pt idx="0">
                  <c:v>T2, C0</c:v>
                </c:pt>
              </c:strCache>
            </c:strRef>
          </c:tx>
          <c:spPr>
            <a:solidFill>
              <a:schemeClr val="accent5">
                <a:lumMod val="40000"/>
                <a:lumOff val="60000"/>
              </a:schemeClr>
            </a:solidFill>
            <a:ln>
              <a:solidFill>
                <a:schemeClr val="accent5">
                  <a:lumMod val="60000"/>
                  <a:lumOff val="4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13:$BH$13</c:f>
              <c:numCache>
                <c:formatCode>0%</c:formatCode>
                <c:ptCount val="2"/>
                <c:pt idx="0">
                  <c:v>0.1</c:v>
                </c:pt>
                <c:pt idx="1">
                  <c:v>#N/A</c:v>
                </c:pt>
              </c:numCache>
            </c:numRef>
          </c:val>
          <c:extLst>
            <c:ext xmlns:c16="http://schemas.microsoft.com/office/drawing/2014/chart" uri="{C3380CC4-5D6E-409C-BE32-E72D297353CC}">
              <c16:uniqueId val="{00000009-248B-44F3-8492-DD33D0DE4CF8}"/>
            </c:ext>
          </c:extLst>
        </c:ser>
        <c:ser>
          <c:idx val="10"/>
          <c:order val="10"/>
          <c:tx>
            <c:strRef>
              <c:f>Jesper!$BF$14</c:f>
              <c:strCache>
                <c:ptCount val="1"/>
                <c:pt idx="0">
                  <c:v>T3, C4</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14:$BH$14</c:f>
              <c:numCache>
                <c:formatCode>0%</c:formatCode>
                <c:ptCount val="2"/>
                <c:pt idx="0">
                  <c:v>#N/A</c:v>
                </c:pt>
                <c:pt idx="1">
                  <c:v>#N/A</c:v>
                </c:pt>
              </c:numCache>
            </c:numRef>
          </c:val>
          <c:extLst>
            <c:ext xmlns:c16="http://schemas.microsoft.com/office/drawing/2014/chart" uri="{C3380CC4-5D6E-409C-BE32-E72D297353CC}">
              <c16:uniqueId val="{0000000A-248B-44F3-8492-DD33D0DE4CF8}"/>
            </c:ext>
          </c:extLst>
        </c:ser>
        <c:ser>
          <c:idx val="11"/>
          <c:order val="11"/>
          <c:tx>
            <c:strRef>
              <c:f>Jesper!$BF$15</c:f>
              <c:strCache>
                <c:ptCount val="1"/>
                <c:pt idx="0">
                  <c:v>T3, C3</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15:$BH$15</c:f>
              <c:numCache>
                <c:formatCode>0%</c:formatCode>
                <c:ptCount val="2"/>
                <c:pt idx="0">
                  <c:v>#N/A</c:v>
                </c:pt>
                <c:pt idx="1">
                  <c:v>#N/A</c:v>
                </c:pt>
              </c:numCache>
            </c:numRef>
          </c:val>
          <c:extLst>
            <c:ext xmlns:c16="http://schemas.microsoft.com/office/drawing/2014/chart" uri="{C3380CC4-5D6E-409C-BE32-E72D297353CC}">
              <c16:uniqueId val="{0000000B-248B-44F3-8492-DD33D0DE4CF8}"/>
            </c:ext>
          </c:extLst>
        </c:ser>
        <c:ser>
          <c:idx val="12"/>
          <c:order val="12"/>
          <c:tx>
            <c:strRef>
              <c:f>Jesper!$BF$16</c:f>
              <c:strCache>
                <c:ptCount val="1"/>
                <c:pt idx="0">
                  <c:v>T3, C2</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16:$BH$16</c:f>
              <c:numCache>
                <c:formatCode>0%</c:formatCode>
                <c:ptCount val="2"/>
                <c:pt idx="0">
                  <c:v>#N/A</c:v>
                </c:pt>
                <c:pt idx="1">
                  <c:v>#N/A</c:v>
                </c:pt>
              </c:numCache>
            </c:numRef>
          </c:val>
          <c:extLst>
            <c:ext xmlns:c16="http://schemas.microsoft.com/office/drawing/2014/chart" uri="{C3380CC4-5D6E-409C-BE32-E72D297353CC}">
              <c16:uniqueId val="{0000000C-248B-44F3-8492-DD33D0DE4CF8}"/>
            </c:ext>
          </c:extLst>
        </c:ser>
        <c:ser>
          <c:idx val="13"/>
          <c:order val="13"/>
          <c:tx>
            <c:strRef>
              <c:f>Jesper!$BF$17</c:f>
              <c:strCache>
                <c:ptCount val="1"/>
                <c:pt idx="0">
                  <c:v>T3, C1</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17:$BH$17</c:f>
              <c:numCache>
                <c:formatCode>0%</c:formatCode>
                <c:ptCount val="2"/>
                <c:pt idx="0">
                  <c:v>#N/A</c:v>
                </c:pt>
                <c:pt idx="1">
                  <c:v>0.255</c:v>
                </c:pt>
              </c:numCache>
            </c:numRef>
          </c:val>
          <c:extLst>
            <c:ext xmlns:c16="http://schemas.microsoft.com/office/drawing/2014/chart" uri="{C3380CC4-5D6E-409C-BE32-E72D297353CC}">
              <c16:uniqueId val="{0000000D-248B-44F3-8492-DD33D0DE4CF8}"/>
            </c:ext>
          </c:extLst>
        </c:ser>
        <c:ser>
          <c:idx val="14"/>
          <c:order val="14"/>
          <c:tx>
            <c:strRef>
              <c:f>Jesper!$BF$18</c:f>
              <c:strCache>
                <c:ptCount val="1"/>
                <c:pt idx="0">
                  <c:v>T3, C0</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18:$BH$18</c:f>
              <c:numCache>
                <c:formatCode>0%</c:formatCode>
                <c:ptCount val="2"/>
                <c:pt idx="0">
                  <c:v>0.15</c:v>
                </c:pt>
                <c:pt idx="1">
                  <c:v>#N/A</c:v>
                </c:pt>
              </c:numCache>
            </c:numRef>
          </c:val>
          <c:extLst>
            <c:ext xmlns:c16="http://schemas.microsoft.com/office/drawing/2014/chart" uri="{C3380CC4-5D6E-409C-BE32-E72D297353CC}">
              <c16:uniqueId val="{0000000E-248B-44F3-8492-DD33D0DE4CF8}"/>
            </c:ext>
          </c:extLst>
        </c:ser>
        <c:ser>
          <c:idx val="15"/>
          <c:order val="15"/>
          <c:tx>
            <c:strRef>
              <c:f>Jesper!$BF$19</c:f>
              <c:strCache>
                <c:ptCount val="1"/>
                <c:pt idx="0">
                  <c:v>T4, C4</c:v>
                </c:pt>
              </c:strCache>
            </c:strRef>
          </c:tx>
          <c:spPr>
            <a:solidFill>
              <a:srgbClr val="9E332E"/>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19:$BH$19</c:f>
              <c:numCache>
                <c:formatCode>0%</c:formatCode>
                <c:ptCount val="2"/>
                <c:pt idx="0">
                  <c:v>#N/A</c:v>
                </c:pt>
                <c:pt idx="1">
                  <c:v>#N/A</c:v>
                </c:pt>
              </c:numCache>
            </c:numRef>
          </c:val>
          <c:extLst>
            <c:ext xmlns:c16="http://schemas.microsoft.com/office/drawing/2014/chart" uri="{C3380CC4-5D6E-409C-BE32-E72D297353CC}">
              <c16:uniqueId val="{0000000F-248B-44F3-8492-DD33D0DE4CF8}"/>
            </c:ext>
          </c:extLst>
        </c:ser>
        <c:ser>
          <c:idx val="16"/>
          <c:order val="16"/>
          <c:tx>
            <c:strRef>
              <c:f>Jesper!$BF$20</c:f>
              <c:strCache>
                <c:ptCount val="1"/>
                <c:pt idx="0">
                  <c:v>T4, C3</c:v>
                </c:pt>
              </c:strCache>
            </c:strRef>
          </c:tx>
          <c:spPr>
            <a:solidFill>
              <a:srgbClr val="9E332E"/>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20:$BH$20</c:f>
              <c:numCache>
                <c:formatCode>0%</c:formatCode>
                <c:ptCount val="2"/>
                <c:pt idx="0">
                  <c:v>#N/A</c:v>
                </c:pt>
                <c:pt idx="1">
                  <c:v>#N/A</c:v>
                </c:pt>
              </c:numCache>
            </c:numRef>
          </c:val>
          <c:extLst>
            <c:ext xmlns:c16="http://schemas.microsoft.com/office/drawing/2014/chart" uri="{C3380CC4-5D6E-409C-BE32-E72D297353CC}">
              <c16:uniqueId val="{00000010-248B-44F3-8492-DD33D0DE4CF8}"/>
            </c:ext>
          </c:extLst>
        </c:ser>
        <c:ser>
          <c:idx val="17"/>
          <c:order val="17"/>
          <c:tx>
            <c:strRef>
              <c:f>Jesper!$BF$21</c:f>
              <c:strCache>
                <c:ptCount val="1"/>
                <c:pt idx="0">
                  <c:v>T4, C2</c:v>
                </c:pt>
              </c:strCache>
            </c:strRef>
          </c:tx>
          <c:spPr>
            <a:solidFill>
              <a:srgbClr val="9E332E"/>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21:$BH$21</c:f>
              <c:numCache>
                <c:formatCode>0%</c:formatCode>
                <c:ptCount val="2"/>
                <c:pt idx="0">
                  <c:v>#N/A</c:v>
                </c:pt>
                <c:pt idx="1">
                  <c:v>#N/A</c:v>
                </c:pt>
              </c:numCache>
            </c:numRef>
          </c:val>
          <c:extLst>
            <c:ext xmlns:c16="http://schemas.microsoft.com/office/drawing/2014/chart" uri="{C3380CC4-5D6E-409C-BE32-E72D297353CC}">
              <c16:uniqueId val="{00000011-248B-44F3-8492-DD33D0DE4CF8}"/>
            </c:ext>
          </c:extLst>
        </c:ser>
        <c:ser>
          <c:idx val="18"/>
          <c:order val="18"/>
          <c:tx>
            <c:strRef>
              <c:f>Jesper!$BF$22</c:f>
              <c:strCache>
                <c:ptCount val="1"/>
                <c:pt idx="0">
                  <c:v>T4, C1</c:v>
                </c:pt>
              </c:strCache>
            </c:strRef>
          </c:tx>
          <c:spPr>
            <a:solidFill>
              <a:srgbClr val="9E332E"/>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22:$BH$22</c:f>
              <c:numCache>
                <c:formatCode>0%</c:formatCode>
                <c:ptCount val="2"/>
                <c:pt idx="0">
                  <c:v>#N/A</c:v>
                </c:pt>
                <c:pt idx="1">
                  <c:v>9.0099999999999847E-2</c:v>
                </c:pt>
              </c:numCache>
            </c:numRef>
          </c:val>
          <c:extLst>
            <c:ext xmlns:c16="http://schemas.microsoft.com/office/drawing/2014/chart" uri="{C3380CC4-5D6E-409C-BE32-E72D297353CC}">
              <c16:uniqueId val="{00000012-248B-44F3-8492-DD33D0DE4CF8}"/>
            </c:ext>
          </c:extLst>
        </c:ser>
        <c:ser>
          <c:idx val="19"/>
          <c:order val="19"/>
          <c:tx>
            <c:strRef>
              <c:f>Jesper!$BF$23</c:f>
              <c:strCache>
                <c:ptCount val="1"/>
                <c:pt idx="0">
                  <c:v>T4, C0</c:v>
                </c:pt>
              </c:strCache>
            </c:strRef>
          </c:tx>
          <c:spPr>
            <a:solidFill>
              <a:srgbClr val="9E332E"/>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23:$BH$23</c:f>
              <c:numCache>
                <c:formatCode>0%</c:formatCode>
                <c:ptCount val="2"/>
                <c:pt idx="0">
                  <c:v>0.72</c:v>
                </c:pt>
                <c:pt idx="1">
                  <c:v>1.1339000000000001</c:v>
                </c:pt>
              </c:numCache>
            </c:numRef>
          </c:val>
          <c:extLst>
            <c:ext xmlns:c16="http://schemas.microsoft.com/office/drawing/2014/chart" uri="{C3380CC4-5D6E-409C-BE32-E72D297353CC}">
              <c16:uniqueId val="{00000013-248B-44F3-8492-DD33D0DE4CF8}"/>
            </c:ext>
          </c:extLst>
        </c:ser>
        <c:ser>
          <c:idx val="20"/>
          <c:order val="20"/>
          <c:tx>
            <c:strRef>
              <c:f>Jesper!$BF$24</c:f>
              <c:strCache>
                <c:ptCount val="1"/>
                <c:pt idx="0">
                  <c:v>T5, C4</c:v>
                </c:pt>
              </c:strCache>
            </c:strRef>
          </c:tx>
          <c:spPr>
            <a:solidFill>
              <a:schemeClr val="accent5">
                <a:lumMod val="75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24:$BH$24</c:f>
              <c:numCache>
                <c:formatCode>0%</c:formatCode>
                <c:ptCount val="2"/>
                <c:pt idx="0">
                  <c:v>#N/A</c:v>
                </c:pt>
                <c:pt idx="1">
                  <c:v>#N/A</c:v>
                </c:pt>
              </c:numCache>
            </c:numRef>
          </c:val>
          <c:extLst>
            <c:ext xmlns:c16="http://schemas.microsoft.com/office/drawing/2014/chart" uri="{C3380CC4-5D6E-409C-BE32-E72D297353CC}">
              <c16:uniqueId val="{00000014-248B-44F3-8492-DD33D0DE4CF8}"/>
            </c:ext>
          </c:extLst>
        </c:ser>
        <c:ser>
          <c:idx val="21"/>
          <c:order val="21"/>
          <c:tx>
            <c:strRef>
              <c:f>Jesper!$BF$25</c:f>
              <c:strCache>
                <c:ptCount val="1"/>
                <c:pt idx="0">
                  <c:v>T5, C3</c:v>
                </c:pt>
              </c:strCache>
            </c:strRef>
          </c:tx>
          <c:spPr>
            <a:solidFill>
              <a:schemeClr val="accent5">
                <a:lumMod val="75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25:$BH$25</c:f>
              <c:numCache>
                <c:formatCode>0%</c:formatCode>
                <c:ptCount val="2"/>
                <c:pt idx="0">
                  <c:v>#N/A</c:v>
                </c:pt>
                <c:pt idx="1">
                  <c:v>#N/A</c:v>
                </c:pt>
              </c:numCache>
            </c:numRef>
          </c:val>
          <c:extLst>
            <c:ext xmlns:c16="http://schemas.microsoft.com/office/drawing/2014/chart" uri="{C3380CC4-5D6E-409C-BE32-E72D297353CC}">
              <c16:uniqueId val="{00000015-248B-44F3-8492-DD33D0DE4CF8}"/>
            </c:ext>
          </c:extLst>
        </c:ser>
        <c:ser>
          <c:idx val="22"/>
          <c:order val="22"/>
          <c:tx>
            <c:strRef>
              <c:f>Jesper!$BF$26</c:f>
              <c:strCache>
                <c:ptCount val="1"/>
                <c:pt idx="0">
                  <c:v>T5, C2</c:v>
                </c:pt>
              </c:strCache>
            </c:strRef>
          </c:tx>
          <c:spPr>
            <a:solidFill>
              <a:schemeClr val="accent5">
                <a:lumMod val="75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26:$BH$26</c:f>
              <c:numCache>
                <c:formatCode>0%</c:formatCode>
                <c:ptCount val="2"/>
                <c:pt idx="0">
                  <c:v>#N/A</c:v>
                </c:pt>
                <c:pt idx="1">
                  <c:v>#N/A</c:v>
                </c:pt>
              </c:numCache>
            </c:numRef>
          </c:val>
          <c:extLst>
            <c:ext xmlns:c16="http://schemas.microsoft.com/office/drawing/2014/chart" uri="{C3380CC4-5D6E-409C-BE32-E72D297353CC}">
              <c16:uniqueId val="{00000016-248B-44F3-8492-DD33D0DE4CF8}"/>
            </c:ext>
          </c:extLst>
        </c:ser>
        <c:ser>
          <c:idx val="23"/>
          <c:order val="23"/>
          <c:tx>
            <c:strRef>
              <c:f>Jesper!$BF$27</c:f>
              <c:strCache>
                <c:ptCount val="1"/>
                <c:pt idx="0">
                  <c:v>T5, C1</c:v>
                </c:pt>
              </c:strCache>
            </c:strRef>
          </c:tx>
          <c:spPr>
            <a:solidFill>
              <a:schemeClr val="accent5">
                <a:lumMod val="75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27:$BH$27</c:f>
              <c:numCache>
                <c:formatCode>0%</c:formatCode>
                <c:ptCount val="2"/>
                <c:pt idx="0">
                  <c:v>#N/A</c:v>
                </c:pt>
                <c:pt idx="1">
                  <c:v>#N/A</c:v>
                </c:pt>
              </c:numCache>
            </c:numRef>
          </c:val>
          <c:extLst>
            <c:ext xmlns:c16="http://schemas.microsoft.com/office/drawing/2014/chart" uri="{C3380CC4-5D6E-409C-BE32-E72D297353CC}">
              <c16:uniqueId val="{00000017-248B-44F3-8492-DD33D0DE4CF8}"/>
            </c:ext>
          </c:extLst>
        </c:ser>
        <c:ser>
          <c:idx val="24"/>
          <c:order val="24"/>
          <c:tx>
            <c:strRef>
              <c:f>Jesper!$BF$28</c:f>
              <c:strCache>
                <c:ptCount val="1"/>
                <c:pt idx="0">
                  <c:v>T5, C0</c:v>
                </c:pt>
              </c:strCache>
            </c:strRef>
          </c:tx>
          <c:spPr>
            <a:solidFill>
              <a:schemeClr val="accent5">
                <a:lumMod val="75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 and holidays</c:v>
                </c:pt>
              </c:strCache>
            </c:strRef>
          </c:cat>
          <c:val>
            <c:numRef>
              <c:f>Jesper!$BG$28:$BH$28</c:f>
              <c:numCache>
                <c:formatCode>0%</c:formatCode>
                <c:ptCount val="2"/>
                <c:pt idx="0">
                  <c:v>#N/A</c:v>
                </c:pt>
                <c:pt idx="1">
                  <c:v>#N/A</c:v>
                </c:pt>
              </c:numCache>
            </c:numRef>
          </c:val>
          <c:extLst>
            <c:ext xmlns:c16="http://schemas.microsoft.com/office/drawing/2014/chart" uri="{C3380CC4-5D6E-409C-BE32-E72D297353CC}">
              <c16:uniqueId val="{00000018-248B-44F3-8492-DD33D0DE4CF8}"/>
            </c:ext>
          </c:extLst>
        </c:ser>
        <c:dLbls>
          <c:dLblPos val="ctr"/>
          <c:showLegendKey val="0"/>
          <c:showVal val="1"/>
          <c:showCatName val="0"/>
          <c:showSerName val="0"/>
          <c:showPercent val="0"/>
          <c:showBubbleSize val="0"/>
        </c:dLbls>
        <c:gapWidth val="90"/>
        <c:overlap val="100"/>
        <c:axId val="1331369567"/>
        <c:axId val="1331370047"/>
      </c:barChart>
      <c:catAx>
        <c:axId val="1331369567"/>
        <c:scaling>
          <c:orientation val="minMax"/>
        </c:scaling>
        <c:delete val="0"/>
        <c:axPos val="b"/>
        <c:numFmt formatCode="General" sourceLinked="1"/>
        <c:majorTickMark val="out"/>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1331370047"/>
        <c:crosses val="autoZero"/>
        <c:auto val="1"/>
        <c:lblAlgn val="ctr"/>
        <c:lblOffset val="100"/>
        <c:noMultiLvlLbl val="0"/>
      </c:catAx>
      <c:valAx>
        <c:axId val="1331370047"/>
        <c:scaling>
          <c:orientation val="minMax"/>
          <c:max val="1"/>
          <c:min val="0"/>
        </c:scaling>
        <c:delete val="1"/>
        <c:axPos val="l"/>
        <c:majorGridlines>
          <c:spPr>
            <a:ln w="9525" cap="flat" cmpd="sng" algn="ctr">
              <a:solidFill>
                <a:schemeClr val="tx1">
                  <a:lumMod val="15000"/>
                  <a:lumOff val="85000"/>
                </a:schemeClr>
              </a:solidFill>
              <a:round/>
            </a:ln>
            <a:effectLst/>
          </c:spPr>
        </c:majorGridlines>
        <c:numFmt formatCode="0%" sourceLinked="1"/>
        <c:majorTickMark val="out"/>
        <c:minorTickMark val="none"/>
        <c:tickLblPos val="nextTo"/>
        <c:crossAx val="1331369567"/>
        <c:crosses val="autoZero"/>
        <c:crossBetween val="between"/>
      </c:valAx>
      <c:spPr>
        <a:noFill/>
        <a:ln>
          <a:solidFill>
            <a:schemeClr val="tx1"/>
          </a:solid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5921635142919285"/>
          <c:y val="5.4380532937008112E-2"/>
          <c:w val="0.80655118307007267"/>
          <c:h val="0.75011826359932732"/>
        </c:manualLayout>
      </c:layout>
      <c:lineChart>
        <c:grouping val="standard"/>
        <c:varyColors val="0"/>
        <c:ser>
          <c:idx val="0"/>
          <c:order val="0"/>
          <c:tx>
            <c:strRef>
              <c:f>Jesper!$C$16</c:f>
              <c:strCache>
                <c:ptCount val="1"/>
                <c:pt idx="0">
                  <c:v>Cluster 0</c:v>
                </c:pt>
              </c:strCache>
            </c:strRef>
          </c:tx>
          <c:spPr>
            <a:ln w="12700" cap="rnd">
              <a:solidFill>
                <a:schemeClr val="accent1"/>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C$17:$C$57</c:f>
              <c:numCache>
                <c:formatCode>General</c:formatCode>
                <c:ptCount val="41"/>
                <c:pt idx="0">
                  <c:v>1.239613956520474</c:v>
                </c:pt>
                <c:pt idx="1">
                  <c:v>1.2241717681689273</c:v>
                </c:pt>
                <c:pt idx="2">
                  <c:v>1.2087295798173805</c:v>
                </c:pt>
                <c:pt idx="3">
                  <c:v>1.1932873914658337</c:v>
                </c:pt>
                <c:pt idx="4">
                  <c:v>1.1778452031142868</c:v>
                </c:pt>
                <c:pt idx="5">
                  <c:v>1.16240301476274</c:v>
                </c:pt>
                <c:pt idx="6">
                  <c:v>1.1469608264111932</c:v>
                </c:pt>
                <c:pt idx="7">
                  <c:v>1.1315186380596465</c:v>
                </c:pt>
                <c:pt idx="8">
                  <c:v>1.1160764497080995</c:v>
                </c:pt>
                <c:pt idx="9">
                  <c:v>1.1006342613565527</c:v>
                </c:pt>
                <c:pt idx="10">
                  <c:v>1.085192073005006</c:v>
                </c:pt>
                <c:pt idx="11">
                  <c:v>1.0697498846534592</c:v>
                </c:pt>
                <c:pt idx="12">
                  <c:v>1.0543076963019125</c:v>
                </c:pt>
                <c:pt idx="13">
                  <c:v>1.0397001936864358</c:v>
                </c:pt>
                <c:pt idx="14">
                  <c:v>1.0326048626955882</c:v>
                </c:pt>
                <c:pt idx="15">
                  <c:v>1.0255095317047405</c:v>
                </c:pt>
                <c:pt idx="16">
                  <c:v>1.0184142007138928</c:v>
                </c:pt>
                <c:pt idx="17">
                  <c:v>1.0113188697230451</c:v>
                </c:pt>
                <c:pt idx="18">
                  <c:v>1.0042235387321974</c:v>
                </c:pt>
                <c:pt idx="19">
                  <c:v>0.99712820774134969</c:v>
                </c:pt>
                <c:pt idx="20">
                  <c:v>0.990032876750502</c:v>
                </c:pt>
                <c:pt idx="21">
                  <c:v>0.98293754575965431</c:v>
                </c:pt>
                <c:pt idx="22">
                  <c:v>0.97584221476880662</c:v>
                </c:pt>
                <c:pt idx="23">
                  <c:v>0.96874688377795892</c:v>
                </c:pt>
                <c:pt idx="24">
                  <c:v>0.96165155278711123</c:v>
                </c:pt>
                <c:pt idx="25">
                  <c:v>0.95455622179626354</c:v>
                </c:pt>
                <c:pt idx="26">
                  <c:v>0.94746089080541585</c:v>
                </c:pt>
                <c:pt idx="27">
                  <c:v>0.94036555981456815</c:v>
                </c:pt>
                <c:pt idx="28">
                  <c:v>0.93327022882372046</c:v>
                </c:pt>
                <c:pt idx="29">
                  <c:v>0.92617489783287277</c:v>
                </c:pt>
                <c:pt idx="30">
                  <c:v>0.91907956684202508</c:v>
                </c:pt>
                <c:pt idx="31">
                  <c:v>0.91198423585117738</c:v>
                </c:pt>
                <c:pt idx="32">
                  <c:v>0.90488890486032969</c:v>
                </c:pt>
                <c:pt idx="33">
                  <c:v>0.897793573869482</c:v>
                </c:pt>
                <c:pt idx="34">
                  <c:v>0.89069824287863431</c:v>
                </c:pt>
                <c:pt idx="35">
                  <c:v>0.88360291188778661</c:v>
                </c:pt>
                <c:pt idx="36">
                  <c:v>0.87650758089693892</c:v>
                </c:pt>
                <c:pt idx="37">
                  <c:v>0.86941224990609123</c:v>
                </c:pt>
                <c:pt idx="38">
                  <c:v>0.86231691891524354</c:v>
                </c:pt>
                <c:pt idx="39">
                  <c:v>0.85522158792439584</c:v>
                </c:pt>
                <c:pt idx="40">
                  <c:v>0.84812625693354815</c:v>
                </c:pt>
              </c:numCache>
            </c:numRef>
          </c:val>
          <c:smooth val="0"/>
          <c:extLst>
            <c:ext xmlns:c16="http://schemas.microsoft.com/office/drawing/2014/chart" uri="{C3380CC4-5D6E-409C-BE32-E72D297353CC}">
              <c16:uniqueId val="{00000000-0B3F-4883-8920-163C30B7DCF0}"/>
            </c:ext>
          </c:extLst>
        </c:ser>
        <c:ser>
          <c:idx val="1"/>
          <c:order val="1"/>
          <c:tx>
            <c:strRef>
              <c:f>Jesper!$D$16</c:f>
              <c:strCache>
                <c:ptCount val="1"/>
                <c:pt idx="0">
                  <c:v>Cluster 1</c:v>
                </c:pt>
              </c:strCache>
            </c:strRef>
          </c:tx>
          <c:spPr>
            <a:ln w="12700" cap="rnd">
              <a:solidFill>
                <a:schemeClr val="accent2"/>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D$17:$D$57</c:f>
              <c:numCache>
                <c:formatCode>General</c:formatCode>
                <c:ptCount val="41"/>
                <c:pt idx="0">
                  <c:v>2.0571275289081559</c:v>
                </c:pt>
                <c:pt idx="1">
                  <c:v>1.9983682886658272</c:v>
                </c:pt>
                <c:pt idx="2">
                  <c:v>1.9396090484234987</c:v>
                </c:pt>
                <c:pt idx="3">
                  <c:v>1.8808498081811702</c:v>
                </c:pt>
                <c:pt idx="4">
                  <c:v>1.8220905679388419</c:v>
                </c:pt>
                <c:pt idx="5">
                  <c:v>1.7633313276965135</c:v>
                </c:pt>
                <c:pt idx="6">
                  <c:v>1.704572087454185</c:v>
                </c:pt>
                <c:pt idx="7">
                  <c:v>1.6458128472118565</c:v>
                </c:pt>
                <c:pt idx="8">
                  <c:v>1.587053606969528</c:v>
                </c:pt>
                <c:pt idx="9">
                  <c:v>1.5282943667271995</c:v>
                </c:pt>
                <c:pt idx="10">
                  <c:v>1.4695351264848711</c:v>
                </c:pt>
                <c:pt idx="11">
                  <c:v>1.4107758862425426</c:v>
                </c:pt>
                <c:pt idx="12">
                  <c:v>1.3520166460002141</c:v>
                </c:pt>
                <c:pt idx="13">
                  <c:v>1.2932574057578856</c:v>
                </c:pt>
                <c:pt idx="14">
                  <c:v>1.2344981655155571</c:v>
                </c:pt>
                <c:pt idx="15">
                  <c:v>1.1757389252732287</c:v>
                </c:pt>
                <c:pt idx="16">
                  <c:v>1.1169796850309002</c:v>
                </c:pt>
                <c:pt idx="17">
                  <c:v>1.0582204447885719</c:v>
                </c:pt>
                <c:pt idx="18">
                  <c:v>0.99946120454624343</c:v>
                </c:pt>
                <c:pt idx="19">
                  <c:v>0.94070196430391495</c:v>
                </c:pt>
                <c:pt idx="20">
                  <c:v>0.88194272406158647</c:v>
                </c:pt>
                <c:pt idx="21">
                  <c:v>0.82318348381925799</c:v>
                </c:pt>
                <c:pt idx="22">
                  <c:v>0.76442424357692951</c:v>
                </c:pt>
                <c:pt idx="23">
                  <c:v>0.70566500333460103</c:v>
                </c:pt>
                <c:pt idx="24">
                  <c:v>0.64690576309227266</c:v>
                </c:pt>
                <c:pt idx="25">
                  <c:v>0.58814652284994418</c:v>
                </c:pt>
                <c:pt idx="26">
                  <c:v>0.52938728260761569</c:v>
                </c:pt>
                <c:pt idx="27">
                  <c:v>0.47062804236528721</c:v>
                </c:pt>
                <c:pt idx="28">
                  <c:v>0.43916629389891515</c:v>
                </c:pt>
                <c:pt idx="29">
                  <c:v>0.4259028732831811</c:v>
                </c:pt>
                <c:pt idx="30">
                  <c:v>0.41263945266744712</c:v>
                </c:pt>
                <c:pt idx="31">
                  <c:v>0.39937603205171307</c:v>
                </c:pt>
                <c:pt idx="32">
                  <c:v>0.38611261143597908</c:v>
                </c:pt>
                <c:pt idx="33">
                  <c:v>0.37284919082024504</c:v>
                </c:pt>
                <c:pt idx="34">
                  <c:v>0.35958577020451099</c:v>
                </c:pt>
                <c:pt idx="35">
                  <c:v>0.346322349588777</c:v>
                </c:pt>
                <c:pt idx="36">
                  <c:v>0.33305892897304296</c:v>
                </c:pt>
                <c:pt idx="37">
                  <c:v>0.31979550835730897</c:v>
                </c:pt>
                <c:pt idx="38">
                  <c:v>0.30653208774157492</c:v>
                </c:pt>
                <c:pt idx="39">
                  <c:v>0.29326866712584093</c:v>
                </c:pt>
                <c:pt idx="40">
                  <c:v>0.28000524651010689</c:v>
                </c:pt>
              </c:numCache>
            </c:numRef>
          </c:val>
          <c:smooth val="0"/>
          <c:extLst>
            <c:ext xmlns:c16="http://schemas.microsoft.com/office/drawing/2014/chart" uri="{C3380CC4-5D6E-409C-BE32-E72D297353CC}">
              <c16:uniqueId val="{00000001-0B3F-4883-8920-163C30B7DCF0}"/>
            </c:ext>
          </c:extLst>
        </c:ser>
        <c:ser>
          <c:idx val="2"/>
          <c:order val="2"/>
          <c:tx>
            <c:strRef>
              <c:f>Jesper!$E$16</c:f>
              <c:strCache>
                <c:ptCount val="1"/>
                <c:pt idx="0">
                  <c:v>Cluster 2</c:v>
                </c:pt>
              </c:strCache>
            </c:strRef>
          </c:tx>
          <c:spPr>
            <a:ln w="12700" cap="rnd">
              <a:solidFill>
                <a:schemeClr val="accent3"/>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E$17:$E$57</c:f>
              <c:numCache>
                <c:formatCode>General</c:formatCode>
                <c:ptCount val="41"/>
                <c:pt idx="0">
                  <c:v>2.7317863461574392</c:v>
                </c:pt>
                <c:pt idx="1">
                  <c:v>2.6358015929571978</c:v>
                </c:pt>
                <c:pt idx="2">
                  <c:v>2.5398168397569569</c:v>
                </c:pt>
                <c:pt idx="3">
                  <c:v>2.443832086556716</c:v>
                </c:pt>
                <c:pt idx="4">
                  <c:v>2.3478473333564747</c:v>
                </c:pt>
                <c:pt idx="5">
                  <c:v>2.2518625801562342</c:v>
                </c:pt>
                <c:pt idx="6">
                  <c:v>2.1558778269559928</c:v>
                </c:pt>
                <c:pt idx="7">
                  <c:v>2.0598930737557519</c:v>
                </c:pt>
                <c:pt idx="8">
                  <c:v>1.963908320555511</c:v>
                </c:pt>
                <c:pt idx="9">
                  <c:v>1.8679235673552699</c:v>
                </c:pt>
                <c:pt idx="10">
                  <c:v>1.771938814155029</c:v>
                </c:pt>
                <c:pt idx="11">
                  <c:v>1.675954060954788</c:v>
                </c:pt>
                <c:pt idx="12">
                  <c:v>1.5799693077545469</c:v>
                </c:pt>
                <c:pt idx="13">
                  <c:v>1.483984554554306</c:v>
                </c:pt>
                <c:pt idx="14">
                  <c:v>1.3879998013540651</c:v>
                </c:pt>
                <c:pt idx="15">
                  <c:v>1.292015048153824</c:v>
                </c:pt>
                <c:pt idx="16">
                  <c:v>1.196030294953583</c:v>
                </c:pt>
                <c:pt idx="17">
                  <c:v>1.1000455417533419</c:v>
                </c:pt>
                <c:pt idx="18">
                  <c:v>1.004060788553101</c:v>
                </c:pt>
                <c:pt idx="19">
                  <c:v>0.90807603535285997</c:v>
                </c:pt>
                <c:pt idx="20">
                  <c:v>0.81209128215261894</c:v>
                </c:pt>
                <c:pt idx="21">
                  <c:v>0.71610652895237803</c:v>
                </c:pt>
                <c:pt idx="22">
                  <c:v>0.62012177575213712</c:v>
                </c:pt>
                <c:pt idx="23">
                  <c:v>0.52413702255189598</c:v>
                </c:pt>
                <c:pt idx="24">
                  <c:v>0.42815226935165507</c:v>
                </c:pt>
                <c:pt idx="25">
                  <c:v>0.33216751615141393</c:v>
                </c:pt>
                <c:pt idx="26">
                  <c:v>0.23618276295117302</c:v>
                </c:pt>
                <c:pt idx="27">
                  <c:v>0.19013498903323212</c:v>
                </c:pt>
                <c:pt idx="28">
                  <c:v>0.17737853463682457</c:v>
                </c:pt>
                <c:pt idx="29">
                  <c:v>0.16462208024041705</c:v>
                </c:pt>
                <c:pt idx="30">
                  <c:v>0.15186562584400948</c:v>
                </c:pt>
                <c:pt idx="31">
                  <c:v>0.13910917144760199</c:v>
                </c:pt>
                <c:pt idx="32">
                  <c:v>0.12635271705119444</c:v>
                </c:pt>
                <c:pt idx="33">
                  <c:v>0.11359626265478689</c:v>
                </c:pt>
                <c:pt idx="34">
                  <c:v>0.10083980825837935</c:v>
                </c:pt>
                <c:pt idx="35">
                  <c:v>8.8083353861971803E-2</c:v>
                </c:pt>
                <c:pt idx="36">
                  <c:v>7.5326899465564257E-2</c:v>
                </c:pt>
                <c:pt idx="37">
                  <c:v>6.257044506915671E-2</c:v>
                </c:pt>
                <c:pt idx="38">
                  <c:v>4.981399067274922E-2</c:v>
                </c:pt>
                <c:pt idx="39">
                  <c:v>3.7057536276341674E-2</c:v>
                </c:pt>
                <c:pt idx="40">
                  <c:v>2.4301081879934128E-2</c:v>
                </c:pt>
              </c:numCache>
            </c:numRef>
          </c:val>
          <c:smooth val="0"/>
          <c:extLst>
            <c:ext xmlns:c16="http://schemas.microsoft.com/office/drawing/2014/chart" uri="{C3380CC4-5D6E-409C-BE32-E72D297353CC}">
              <c16:uniqueId val="{00000002-0B3F-4883-8920-163C30B7DCF0}"/>
            </c:ext>
          </c:extLst>
        </c:ser>
        <c:ser>
          <c:idx val="3"/>
          <c:order val="3"/>
          <c:tx>
            <c:strRef>
              <c:f>Jesper!$F$16</c:f>
              <c:strCache>
                <c:ptCount val="1"/>
                <c:pt idx="0">
                  <c:v>Cluster 3</c:v>
                </c:pt>
              </c:strCache>
            </c:strRef>
          </c:tx>
          <c:spPr>
            <a:ln w="12700" cap="rnd">
              <a:solidFill>
                <a:schemeClr val="accent4"/>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F$17:$F$57</c:f>
              <c:numCache>
                <c:formatCode>General</c:formatCode>
                <c:ptCount val="41"/>
                <c:pt idx="0">
                  <c:v>4.3205650053023685</c:v>
                </c:pt>
                <c:pt idx="1">
                  <c:v>4.1425487556446638</c:v>
                </c:pt>
                <c:pt idx="2">
                  <c:v>3.9645325059869592</c:v>
                </c:pt>
                <c:pt idx="3">
                  <c:v>3.7865162563292545</c:v>
                </c:pt>
                <c:pt idx="4">
                  <c:v>3.6085000066715494</c:v>
                </c:pt>
                <c:pt idx="5">
                  <c:v>3.4304837570138442</c:v>
                </c:pt>
                <c:pt idx="6">
                  <c:v>3.2524675073561395</c:v>
                </c:pt>
                <c:pt idx="7">
                  <c:v>3.0744512576984349</c:v>
                </c:pt>
                <c:pt idx="8">
                  <c:v>2.8964350080407297</c:v>
                </c:pt>
                <c:pt idx="9">
                  <c:v>2.7184187583830246</c:v>
                </c:pt>
                <c:pt idx="10">
                  <c:v>2.5404025087253199</c:v>
                </c:pt>
                <c:pt idx="11">
                  <c:v>2.3623862590676152</c:v>
                </c:pt>
                <c:pt idx="12">
                  <c:v>2.1843700094099101</c:v>
                </c:pt>
                <c:pt idx="13">
                  <c:v>2.006353759752205</c:v>
                </c:pt>
                <c:pt idx="14">
                  <c:v>1.8283375100945003</c:v>
                </c:pt>
                <c:pt idx="15">
                  <c:v>1.6503212604367954</c:v>
                </c:pt>
                <c:pt idx="16">
                  <c:v>1.4723050107790905</c:v>
                </c:pt>
                <c:pt idx="17">
                  <c:v>1.2942887611213856</c:v>
                </c:pt>
                <c:pt idx="18">
                  <c:v>1.1162725114636807</c:v>
                </c:pt>
                <c:pt idx="19">
                  <c:v>0.93825626180597577</c:v>
                </c:pt>
                <c:pt idx="20">
                  <c:v>0.76024001214827086</c:v>
                </c:pt>
                <c:pt idx="21">
                  <c:v>0.58222376249056595</c:v>
                </c:pt>
                <c:pt idx="22">
                  <c:v>0.40420751283286105</c:v>
                </c:pt>
                <c:pt idx="23">
                  <c:v>0.24184522813579062</c:v>
                </c:pt>
                <c:pt idx="24">
                  <c:v>0.22036862808443519</c:v>
                </c:pt>
                <c:pt idx="25">
                  <c:v>0.19889202803307982</c:v>
                </c:pt>
                <c:pt idx="26">
                  <c:v>0.17741542798172438</c:v>
                </c:pt>
                <c:pt idx="27">
                  <c:v>0.15593882793036895</c:v>
                </c:pt>
                <c:pt idx="28">
                  <c:v>0.13446222787901357</c:v>
                </c:pt>
                <c:pt idx="29">
                  <c:v>0.11298562782765814</c:v>
                </c:pt>
                <c:pt idx="30">
                  <c:v>9.1509027776302765E-2</c:v>
                </c:pt>
                <c:pt idx="31">
                  <c:v>7.0032427724947333E-2</c:v>
                </c:pt>
                <c:pt idx="32">
                  <c:v>4.85558276735919E-2</c:v>
                </c:pt>
                <c:pt idx="33">
                  <c:v>2.7079227622236524E-2</c:v>
                </c:pt>
                <c:pt idx="34">
                  <c:v>5.6026275708810358E-3</c:v>
                </c:pt>
                <c:pt idx="35">
                  <c:v>0</c:v>
                </c:pt>
                <c:pt idx="36">
                  <c:v>0</c:v>
                </c:pt>
                <c:pt idx="37">
                  <c:v>0</c:v>
                </c:pt>
                <c:pt idx="38">
                  <c:v>0</c:v>
                </c:pt>
                <c:pt idx="39">
                  <c:v>0</c:v>
                </c:pt>
                <c:pt idx="40">
                  <c:v>0</c:v>
                </c:pt>
              </c:numCache>
            </c:numRef>
          </c:val>
          <c:smooth val="0"/>
          <c:extLst>
            <c:ext xmlns:c16="http://schemas.microsoft.com/office/drawing/2014/chart" uri="{C3380CC4-5D6E-409C-BE32-E72D297353CC}">
              <c16:uniqueId val="{00000003-0B3F-4883-8920-163C30B7DCF0}"/>
            </c:ext>
          </c:extLst>
        </c:ser>
        <c:dLbls>
          <c:showLegendKey val="0"/>
          <c:showVal val="0"/>
          <c:showCatName val="0"/>
          <c:showSerName val="0"/>
          <c:showPercent val="0"/>
          <c:showBubbleSize val="0"/>
        </c:dLbls>
        <c:smooth val="0"/>
        <c:axId val="832674816"/>
        <c:axId val="832671936"/>
      </c:lineChart>
      <c:catAx>
        <c:axId val="832674816"/>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en-GB">
                    <a:solidFill>
                      <a:schemeClr val="tx1"/>
                    </a:solidFill>
                  </a:rPr>
                  <a:t>Outdoor Temperature [</a:t>
                </a:r>
                <a:r>
                  <a:rPr lang="en-GB">
                    <a:solidFill>
                      <a:schemeClr val="tx1"/>
                    </a:solidFill>
                    <a:latin typeface="Aptos Narrow" panose="020B0004020202020204" pitchFamily="34" charset="0"/>
                  </a:rPr>
                  <a:t>°C]</a:t>
                </a:r>
                <a:endParaRPr lang="en-GB">
                  <a:solidFill>
                    <a:schemeClr val="tx1"/>
                  </a:solidFill>
                </a:endParaRP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en-GB"/>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32671936"/>
        <c:crosses val="autoZero"/>
        <c:auto val="1"/>
        <c:lblAlgn val="ctr"/>
        <c:lblOffset val="100"/>
        <c:tickMarkSkip val="2"/>
        <c:noMultiLvlLbl val="0"/>
      </c:catAx>
      <c:valAx>
        <c:axId val="832671936"/>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en-GB">
                    <a:solidFill>
                      <a:schemeClr val="tx1"/>
                    </a:solidFill>
                  </a:rPr>
                  <a:t>Normalized Heat</a:t>
                </a:r>
                <a:r>
                  <a:rPr lang="en-GB" baseline="0">
                    <a:solidFill>
                      <a:schemeClr val="tx1"/>
                    </a:solidFill>
                  </a:rPr>
                  <a:t> Demand [Q</a:t>
                </a:r>
                <a:r>
                  <a:rPr lang="en-GB" baseline="-25000">
                    <a:solidFill>
                      <a:schemeClr val="tx1"/>
                    </a:solidFill>
                  </a:rPr>
                  <a:t>wd</a:t>
                </a:r>
                <a:r>
                  <a:rPr lang="en-GB" baseline="0">
                    <a:solidFill>
                      <a:schemeClr val="tx1"/>
                    </a:solidFill>
                  </a:rPr>
                  <a:t>/Q</a:t>
                </a:r>
                <a:r>
                  <a:rPr lang="en-GB" baseline="-25000">
                    <a:solidFill>
                      <a:schemeClr val="tx1"/>
                    </a:solidFill>
                  </a:rPr>
                  <a:t>wd</a:t>
                </a:r>
                <a:r>
                  <a:rPr lang="en-GB" baseline="0">
                    <a:solidFill>
                      <a:schemeClr val="tx1"/>
                    </a:solidFill>
                  </a:rPr>
                  <a:t>(8 </a:t>
                </a:r>
                <a:r>
                  <a:rPr lang="en-GB" baseline="0">
                    <a:solidFill>
                      <a:schemeClr val="tx1"/>
                    </a:solidFill>
                    <a:latin typeface="Aptos Narrow" panose="020B0004020202020204" pitchFamily="34" charset="0"/>
                  </a:rPr>
                  <a:t>°C)</a:t>
                </a:r>
                <a:r>
                  <a:rPr lang="en-GB" baseline="0">
                    <a:solidFill>
                      <a:schemeClr val="tx1"/>
                    </a:solidFill>
                  </a:rPr>
                  <a:t>]</a:t>
                </a:r>
                <a:endParaRPr lang="en-GB">
                  <a:solidFill>
                    <a:schemeClr val="tx1"/>
                  </a:solidFill>
                </a:endParaRPr>
              </a:p>
            </c:rich>
          </c:tx>
          <c:layout>
            <c:manualLayout>
              <c:xMode val="edge"/>
              <c:yMode val="edge"/>
              <c:x val="1.7763359876579617E-2"/>
              <c:y val="7.954388863240551E-2"/>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en-GB"/>
            </a:p>
          </c:txPr>
        </c:title>
        <c:numFmt formatCode="General" sourceLinked="1"/>
        <c:majorTickMark val="out"/>
        <c:minorTickMark val="none"/>
        <c:tickLblPos val="nextTo"/>
        <c:spPr>
          <a:noFill/>
          <a:ln w="12700">
            <a:solidFill>
              <a:schemeClr val="tx1"/>
            </a:solid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32674816"/>
        <c:crosses val="autoZero"/>
        <c:crossBetween val="midCat"/>
      </c:valAx>
      <c:spPr>
        <a:solidFill>
          <a:schemeClr val="bg1"/>
        </a:solidFill>
        <a:ln>
          <a:solidFill>
            <a:schemeClr val="tx1"/>
          </a:solidFill>
        </a:ln>
        <a:effectLst/>
      </c:spPr>
    </c:plotArea>
    <c:legend>
      <c:legendPos val="b"/>
      <c:layout>
        <c:manualLayout>
          <c:xMode val="edge"/>
          <c:yMode val="edge"/>
          <c:x val="0.57629864264152819"/>
          <c:y val="8.603568639754855E-2"/>
          <c:w val="0.36550047800222341"/>
          <c:h val="0.14769316767188259"/>
        </c:manualLayout>
      </c:layout>
      <c:overlay val="0"/>
      <c:spPr>
        <a:solidFill>
          <a:schemeClr val="bg1"/>
        </a:solidFill>
        <a:ln>
          <a:solidFill>
            <a:schemeClr val="tx1"/>
          </a:solid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stacked"/>
        <c:varyColors val="0"/>
        <c:ser>
          <c:idx val="0"/>
          <c:order val="0"/>
          <c:tx>
            <c:strRef>
              <c:f>Rehfeldt!$B$19</c:f>
              <c:strCache>
                <c:ptCount val="1"/>
                <c:pt idx="0">
                  <c:v>&lt; 100</c:v>
                </c:pt>
              </c:strCache>
            </c:strRef>
          </c:tx>
          <c:spPr>
            <a:solidFill>
              <a:schemeClr val="bg1"/>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19:$J$19</c:f>
              <c:numCache>
                <c:formatCode>_(* #,##0.00_);_(* \(#,##0.00\);_(* "-"??_);_(@_)</c:formatCode>
                <c:ptCount val="8"/>
                <c:pt idx="0">
                  <c:v>15.6</c:v>
                </c:pt>
                <c:pt idx="1">
                  <c:v>78</c:v>
                </c:pt>
                <c:pt idx="2">
                  <c:v>9.9</c:v>
                </c:pt>
                <c:pt idx="3">
                  <c:v>30</c:v>
                </c:pt>
                <c:pt idx="4">
                  <c:v>64.5</c:v>
                </c:pt>
                <c:pt idx="5">
                  <c:v>10.5</c:v>
                </c:pt>
                <c:pt idx="6">
                  <c:v>3.5000000000000004</c:v>
                </c:pt>
                <c:pt idx="7">
                  <c:v>0</c:v>
                </c:pt>
              </c:numCache>
            </c:numRef>
          </c:val>
          <c:extLst>
            <c:ext xmlns:c16="http://schemas.microsoft.com/office/drawing/2014/chart" uri="{C3380CC4-5D6E-409C-BE32-E72D297353CC}">
              <c16:uniqueId val="{00000000-659F-4E22-B3D8-75306CA682F7}"/>
            </c:ext>
          </c:extLst>
        </c:ser>
        <c:ser>
          <c:idx val="1"/>
          <c:order val="1"/>
          <c:tx>
            <c:strRef>
              <c:f>Rehfeldt!$B$20</c:f>
              <c:strCache>
                <c:ptCount val="1"/>
                <c:pt idx="0">
                  <c:v>100 - 200</c:v>
                </c:pt>
              </c:strCache>
            </c:strRef>
          </c:tx>
          <c:spPr>
            <a:solidFill>
              <a:schemeClr val="bg2">
                <a:lumMod val="75000"/>
              </a:schemeClr>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20:$J$20</c:f>
              <c:numCache>
                <c:formatCode>_(* #,##0.00_);_(* \(#,##0.00\);_(* "-"??_);_(@_)</c:formatCode>
                <c:ptCount val="8"/>
                <c:pt idx="0">
                  <c:v>0</c:v>
                </c:pt>
                <c:pt idx="1">
                  <c:v>43.834081171856837</c:v>
                </c:pt>
                <c:pt idx="2">
                  <c:v>33</c:v>
                </c:pt>
                <c:pt idx="3">
                  <c:v>205.00000000000003</c:v>
                </c:pt>
                <c:pt idx="4">
                  <c:v>64.5</c:v>
                </c:pt>
                <c:pt idx="5">
                  <c:v>30.5</c:v>
                </c:pt>
                <c:pt idx="6">
                  <c:v>3.5000000000000004</c:v>
                </c:pt>
                <c:pt idx="7">
                  <c:v>56.25</c:v>
                </c:pt>
              </c:numCache>
            </c:numRef>
          </c:val>
          <c:extLst>
            <c:ext xmlns:c16="http://schemas.microsoft.com/office/drawing/2014/chart" uri="{C3380CC4-5D6E-409C-BE32-E72D297353CC}">
              <c16:uniqueId val="{00000001-659F-4E22-B3D8-75306CA682F7}"/>
            </c:ext>
          </c:extLst>
        </c:ser>
        <c:ser>
          <c:idx val="2"/>
          <c:order val="2"/>
          <c:tx>
            <c:strRef>
              <c:f>Rehfeldt!$B$21</c:f>
              <c:strCache>
                <c:ptCount val="1"/>
                <c:pt idx="0">
                  <c:v>200 - 500</c:v>
                </c:pt>
              </c:strCache>
            </c:strRef>
          </c:tx>
          <c:spPr>
            <a:solidFill>
              <a:schemeClr val="bg2">
                <a:lumMod val="50000"/>
              </a:schemeClr>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21:$J$21</c:f>
              <c:numCache>
                <c:formatCode>_(* #,##0.00_);_(* \(#,##0.00\);_(* "-"??_);_(@_)</c:formatCode>
                <c:ptCount val="8"/>
                <c:pt idx="0">
                  <c:v>15.6</c:v>
                </c:pt>
                <c:pt idx="1">
                  <c:v>7.8</c:v>
                </c:pt>
                <c:pt idx="2">
                  <c:v>49.5</c:v>
                </c:pt>
                <c:pt idx="3">
                  <c:v>10</c:v>
                </c:pt>
                <c:pt idx="4">
                  <c:v>12.362287699934534</c:v>
                </c:pt>
                <c:pt idx="5">
                  <c:v>9</c:v>
                </c:pt>
                <c:pt idx="6">
                  <c:v>10</c:v>
                </c:pt>
                <c:pt idx="7">
                  <c:v>56.25</c:v>
                </c:pt>
              </c:numCache>
            </c:numRef>
          </c:val>
          <c:extLst>
            <c:ext xmlns:c16="http://schemas.microsoft.com/office/drawing/2014/chart" uri="{C3380CC4-5D6E-409C-BE32-E72D297353CC}">
              <c16:uniqueId val="{00000002-659F-4E22-B3D8-75306CA682F7}"/>
            </c:ext>
          </c:extLst>
        </c:ser>
        <c:ser>
          <c:idx val="3"/>
          <c:order val="3"/>
          <c:tx>
            <c:strRef>
              <c:f>Rehfeldt!$B$22</c:f>
              <c:strCache>
                <c:ptCount val="1"/>
                <c:pt idx="0">
                  <c:v>&gt; 500</c:v>
                </c:pt>
              </c:strCache>
            </c:strRef>
          </c:tx>
          <c:spPr>
            <a:solidFill>
              <a:schemeClr val="tx1"/>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22:$J$22</c:f>
              <c:numCache>
                <c:formatCode>_(* #,##0.00_);_(* \(#,##0.00\);_(* "-"??_);_(@_)</c:formatCode>
                <c:ptCount val="8"/>
                <c:pt idx="0">
                  <c:v>488.79999999999995</c:v>
                </c:pt>
                <c:pt idx="1">
                  <c:v>260.36591882814315</c:v>
                </c:pt>
                <c:pt idx="2">
                  <c:v>237.6</c:v>
                </c:pt>
                <c:pt idx="3">
                  <c:v>5</c:v>
                </c:pt>
                <c:pt idx="4">
                  <c:v>8.3585072316828128</c:v>
                </c:pt>
                <c:pt idx="5">
                  <c:v>0</c:v>
                </c:pt>
                <c:pt idx="6">
                  <c:v>32.999999999999993</c:v>
                </c:pt>
                <c:pt idx="7">
                  <c:v>112.5</c:v>
                </c:pt>
              </c:numCache>
            </c:numRef>
          </c:val>
          <c:extLst>
            <c:ext xmlns:c16="http://schemas.microsoft.com/office/drawing/2014/chart" uri="{C3380CC4-5D6E-409C-BE32-E72D297353CC}">
              <c16:uniqueId val="{00000003-659F-4E22-B3D8-75306CA682F7}"/>
            </c:ext>
          </c:extLst>
        </c:ser>
        <c:dLbls>
          <c:showLegendKey val="0"/>
          <c:showVal val="0"/>
          <c:showCatName val="0"/>
          <c:showSerName val="0"/>
          <c:showPercent val="0"/>
          <c:showBubbleSize val="0"/>
        </c:dLbls>
        <c:gapWidth val="150"/>
        <c:overlap val="100"/>
        <c:axId val="779019264"/>
        <c:axId val="1917652560"/>
      </c:barChart>
      <c:catAx>
        <c:axId val="77901926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917652560"/>
        <c:crosses val="autoZero"/>
        <c:auto val="1"/>
        <c:lblAlgn val="ctr"/>
        <c:lblOffset val="100"/>
        <c:noMultiLvlLbl val="0"/>
      </c:catAx>
      <c:valAx>
        <c:axId val="1917652560"/>
        <c:scaling>
          <c:orientation val="minMax"/>
        </c:scaling>
        <c:delete val="0"/>
        <c:axPos val="l"/>
        <c:majorGridlines>
          <c:spPr>
            <a:ln w="9525" cap="flat" cmpd="sng" algn="ctr">
              <a:solidFill>
                <a:schemeClr val="tx1">
                  <a:lumMod val="15000"/>
                  <a:lumOff val="85000"/>
                </a:schemeClr>
              </a:solidFill>
              <a:round/>
            </a:ln>
            <a:effectLst/>
          </c:spPr>
        </c:majorGridlines>
        <c:numFmt formatCode="_(* #,##0.00_);_(* \(#,##0.00\);_(* &quot;-&quot;??_);_(@_)"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77901926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6.xml><?xml version="1.0" encoding="utf-8"?>
<cs:colorStyle xmlns:cs="http://schemas.microsoft.com/office/drawing/2012/chartStyle" xmlns:a="http://schemas.openxmlformats.org/drawingml/2006/main" meth="withinLinear" id="18">
  <a:schemeClr val="accent5"/>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7" Type="http://schemas.openxmlformats.org/officeDocument/2006/relationships/image" Target="../media/image7.png"/><Relationship Id="rId2" Type="http://schemas.openxmlformats.org/officeDocument/2006/relationships/image" Target="../media/image2.png"/><Relationship Id="rId1" Type="http://schemas.openxmlformats.org/officeDocument/2006/relationships/image" Target="../media/image1.png"/><Relationship Id="rId6" Type="http://schemas.openxmlformats.org/officeDocument/2006/relationships/image" Target="../media/image6.png"/><Relationship Id="rId5" Type="http://schemas.openxmlformats.org/officeDocument/2006/relationships/image" Target="../media/image5.jpeg"/><Relationship Id="rId4" Type="http://schemas.openxmlformats.org/officeDocument/2006/relationships/image" Target="../media/image4.jpeg"/></Relationships>
</file>

<file path=xl/drawings/_rels/drawing2.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chart" Target="../charts/chart1.xml"/></Relationships>
</file>

<file path=xl/drawings/_rels/drawing3.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chart" Target="../charts/chart4.xml"/><Relationship Id="rId1" Type="http://schemas.openxmlformats.org/officeDocument/2006/relationships/chart" Target="../charts/chart3.xml"/><Relationship Id="rId5" Type="http://schemas.openxmlformats.org/officeDocument/2006/relationships/chart" Target="../charts/chart7.xml"/><Relationship Id="rId4" Type="http://schemas.openxmlformats.org/officeDocument/2006/relationships/chart" Target="../charts/chart6.xml"/></Relationships>
</file>

<file path=xl/drawings/_rels/drawing4.xml.rels><?xml version="1.0" encoding="UTF-8" standalone="yes"?>
<Relationships xmlns="http://schemas.openxmlformats.org/package/2006/relationships"><Relationship Id="rId1" Type="http://schemas.openxmlformats.org/officeDocument/2006/relationships/chart" Target="../charts/chart8.xml"/></Relationships>
</file>

<file path=xl/drawings/_rels/drawing5.xml.rels><?xml version="1.0" encoding="UTF-8" standalone="yes"?>
<Relationships xmlns="http://schemas.openxmlformats.org/package/2006/relationships"><Relationship Id="rId1" Type="http://schemas.openxmlformats.org/officeDocument/2006/relationships/chart" Target="../charts/chart9.xml"/></Relationships>
</file>

<file path=xl/drawings/drawing1.xml><?xml version="1.0" encoding="utf-8"?>
<xdr:wsDr xmlns:xdr="http://schemas.openxmlformats.org/drawingml/2006/spreadsheetDrawing" xmlns:a="http://schemas.openxmlformats.org/drawingml/2006/main">
  <xdr:twoCellAnchor>
    <xdr:from>
      <xdr:col>0</xdr:col>
      <xdr:colOff>0</xdr:colOff>
      <xdr:row>30</xdr:row>
      <xdr:rowOff>106018</xdr:rowOff>
    </xdr:from>
    <xdr:to>
      <xdr:col>16</xdr:col>
      <xdr:colOff>603738</xdr:colOff>
      <xdr:row>65</xdr:row>
      <xdr:rowOff>150841</xdr:rowOff>
    </xdr:to>
    <xdr:sp macro="" textlink="">
      <xdr:nvSpPr>
        <xdr:cNvPr id="15" name="Rectangle 14">
          <a:extLst>
            <a:ext uri="{FF2B5EF4-FFF2-40B4-BE49-F238E27FC236}">
              <a16:creationId xmlns:a16="http://schemas.microsoft.com/office/drawing/2014/main" id="{5AC52F5D-740C-C057-46B5-424E168A43B7}"/>
            </a:ext>
          </a:extLst>
        </xdr:cNvPr>
        <xdr:cNvSpPr/>
      </xdr:nvSpPr>
      <xdr:spPr>
        <a:xfrm>
          <a:off x="0" y="5678557"/>
          <a:ext cx="10370590" cy="6538388"/>
        </a:xfrm>
        <a:prstGeom prst="rect">
          <a:avLst/>
        </a:prstGeom>
        <a:solidFill>
          <a:schemeClr val="bg1"/>
        </a:solidFill>
        <a:ln w="19050">
          <a:no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GB" sz="1100" kern="1200"/>
        </a:p>
      </xdr:txBody>
    </xdr:sp>
    <xdr:clientData/>
  </xdr:twoCellAnchor>
  <xdr:twoCellAnchor>
    <xdr:from>
      <xdr:col>17</xdr:col>
      <xdr:colOff>35855</xdr:colOff>
      <xdr:row>42</xdr:row>
      <xdr:rowOff>170330</xdr:rowOff>
    </xdr:from>
    <xdr:to>
      <xdr:col>35</xdr:col>
      <xdr:colOff>600631</xdr:colOff>
      <xdr:row>58</xdr:row>
      <xdr:rowOff>107578</xdr:rowOff>
    </xdr:to>
    <xdr:sp macro="" textlink="">
      <xdr:nvSpPr>
        <xdr:cNvPr id="14" name="Rectangle 13">
          <a:extLst>
            <a:ext uri="{FF2B5EF4-FFF2-40B4-BE49-F238E27FC236}">
              <a16:creationId xmlns:a16="http://schemas.microsoft.com/office/drawing/2014/main" id="{46EE3C72-825F-A816-12F6-9B013BAE056B}"/>
            </a:ext>
          </a:extLst>
        </xdr:cNvPr>
        <xdr:cNvSpPr/>
      </xdr:nvSpPr>
      <xdr:spPr>
        <a:xfrm>
          <a:off x="10416984" y="7718612"/>
          <a:ext cx="11537576" cy="2805954"/>
        </a:xfrm>
        <a:prstGeom prst="rect">
          <a:avLst/>
        </a:prstGeom>
        <a:solidFill>
          <a:schemeClr val="bg1"/>
        </a:solidFill>
        <a:ln w="19050">
          <a:solidFill>
            <a:schemeClr val="tx1"/>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GB" sz="1100" kern="1200"/>
        </a:p>
      </xdr:txBody>
    </xdr:sp>
    <xdr:clientData/>
  </xdr:twoCellAnchor>
  <xdr:twoCellAnchor>
    <xdr:from>
      <xdr:col>17</xdr:col>
      <xdr:colOff>35856</xdr:colOff>
      <xdr:row>0</xdr:row>
      <xdr:rowOff>0</xdr:rowOff>
    </xdr:from>
    <xdr:to>
      <xdr:col>35</xdr:col>
      <xdr:colOff>600632</xdr:colOff>
      <xdr:row>42</xdr:row>
      <xdr:rowOff>125506</xdr:rowOff>
    </xdr:to>
    <xdr:sp macro="" textlink="">
      <xdr:nvSpPr>
        <xdr:cNvPr id="10" name="Rectangle 9">
          <a:extLst>
            <a:ext uri="{FF2B5EF4-FFF2-40B4-BE49-F238E27FC236}">
              <a16:creationId xmlns:a16="http://schemas.microsoft.com/office/drawing/2014/main" id="{DED4CFBD-56C5-A248-0A70-F44AA835DA8A}"/>
            </a:ext>
          </a:extLst>
        </xdr:cNvPr>
        <xdr:cNvSpPr/>
      </xdr:nvSpPr>
      <xdr:spPr>
        <a:xfrm>
          <a:off x="10416985" y="0"/>
          <a:ext cx="11537576" cy="7673788"/>
        </a:xfrm>
        <a:prstGeom prst="rect">
          <a:avLst/>
        </a:prstGeom>
        <a:solidFill>
          <a:schemeClr val="bg1"/>
        </a:solidFill>
        <a:ln w="19050">
          <a:solidFill>
            <a:schemeClr val="tx1"/>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GB" sz="1100" kern="1200"/>
        </a:p>
      </xdr:txBody>
    </xdr:sp>
    <xdr:clientData/>
  </xdr:twoCellAnchor>
  <xdr:twoCellAnchor editAs="oneCell">
    <xdr:from>
      <xdr:col>17</xdr:col>
      <xdr:colOff>281940</xdr:colOff>
      <xdr:row>20</xdr:row>
      <xdr:rowOff>83820</xdr:rowOff>
    </xdr:from>
    <xdr:to>
      <xdr:col>27</xdr:col>
      <xdr:colOff>428461</xdr:colOff>
      <xdr:row>41</xdr:row>
      <xdr:rowOff>125624</xdr:rowOff>
    </xdr:to>
    <xdr:pic>
      <xdr:nvPicPr>
        <xdr:cNvPr id="2" name="Picture 1">
          <a:extLst>
            <a:ext uri="{FF2B5EF4-FFF2-40B4-BE49-F238E27FC236}">
              <a16:creationId xmlns:a16="http://schemas.microsoft.com/office/drawing/2014/main" id="{7FF6C3BE-6C4B-4673-9744-1E77103FC1F5}"/>
            </a:ext>
          </a:extLst>
        </xdr:cNvPr>
        <xdr:cNvPicPr>
          <a:picLocks noChangeAspect="1"/>
        </xdr:cNvPicPr>
      </xdr:nvPicPr>
      <xdr:blipFill>
        <a:blip xmlns:r="http://schemas.openxmlformats.org/officeDocument/2006/relationships" r:embed="rId1"/>
        <a:stretch>
          <a:fillRect/>
        </a:stretch>
      </xdr:blipFill>
      <xdr:spPr>
        <a:xfrm>
          <a:off x="10660380" y="3741420"/>
          <a:ext cx="6242521" cy="3892242"/>
        </a:xfrm>
        <a:prstGeom prst="rect">
          <a:avLst/>
        </a:prstGeom>
      </xdr:spPr>
    </xdr:pic>
    <xdr:clientData/>
  </xdr:twoCellAnchor>
  <xdr:twoCellAnchor editAs="oneCell">
    <xdr:from>
      <xdr:col>17</xdr:col>
      <xdr:colOff>160020</xdr:colOff>
      <xdr:row>0</xdr:row>
      <xdr:rowOff>38099</xdr:rowOff>
    </xdr:from>
    <xdr:to>
      <xdr:col>26</xdr:col>
      <xdr:colOff>342900</xdr:colOff>
      <xdr:row>20</xdr:row>
      <xdr:rowOff>136308</xdr:rowOff>
    </xdr:to>
    <xdr:pic>
      <xdr:nvPicPr>
        <xdr:cNvPr id="3" name="Picture 2">
          <a:extLst>
            <a:ext uri="{FF2B5EF4-FFF2-40B4-BE49-F238E27FC236}">
              <a16:creationId xmlns:a16="http://schemas.microsoft.com/office/drawing/2014/main" id="{B9262060-8F35-4DEE-A168-792CE9DD44A9}"/>
            </a:ext>
          </a:extLst>
        </xdr:cNvPr>
        <xdr:cNvPicPr>
          <a:picLocks noChangeAspect="1"/>
        </xdr:cNvPicPr>
      </xdr:nvPicPr>
      <xdr:blipFill>
        <a:blip xmlns:r="http://schemas.openxmlformats.org/officeDocument/2006/relationships" r:embed="rId2"/>
        <a:stretch>
          <a:fillRect/>
        </a:stretch>
      </xdr:blipFill>
      <xdr:spPr>
        <a:xfrm>
          <a:off x="10538460" y="38099"/>
          <a:ext cx="5669280" cy="3755809"/>
        </a:xfrm>
        <a:prstGeom prst="rect">
          <a:avLst/>
        </a:prstGeom>
      </xdr:spPr>
    </xdr:pic>
    <xdr:clientData/>
  </xdr:twoCellAnchor>
  <xdr:twoCellAnchor editAs="oneCell">
    <xdr:from>
      <xdr:col>26</xdr:col>
      <xdr:colOff>381000</xdr:colOff>
      <xdr:row>0</xdr:row>
      <xdr:rowOff>106680</xdr:rowOff>
    </xdr:from>
    <xdr:to>
      <xdr:col>35</xdr:col>
      <xdr:colOff>566115</xdr:colOff>
      <xdr:row>20</xdr:row>
      <xdr:rowOff>116177</xdr:rowOff>
    </xdr:to>
    <xdr:pic>
      <xdr:nvPicPr>
        <xdr:cNvPr id="4" name="Picture 3">
          <a:extLst>
            <a:ext uri="{FF2B5EF4-FFF2-40B4-BE49-F238E27FC236}">
              <a16:creationId xmlns:a16="http://schemas.microsoft.com/office/drawing/2014/main" id="{8017E539-BA0E-4346-9A69-832FB365F3EF}"/>
            </a:ext>
          </a:extLst>
        </xdr:cNvPr>
        <xdr:cNvPicPr>
          <a:picLocks noChangeAspect="1"/>
        </xdr:cNvPicPr>
      </xdr:nvPicPr>
      <xdr:blipFill>
        <a:blip xmlns:r="http://schemas.openxmlformats.org/officeDocument/2006/relationships" r:embed="rId3"/>
        <a:stretch>
          <a:fillRect/>
        </a:stretch>
      </xdr:blipFill>
      <xdr:spPr>
        <a:xfrm>
          <a:off x="16245840" y="106680"/>
          <a:ext cx="5671515" cy="3667097"/>
        </a:xfrm>
        <a:prstGeom prst="rect">
          <a:avLst/>
        </a:prstGeom>
      </xdr:spPr>
    </xdr:pic>
    <xdr:clientData/>
  </xdr:twoCellAnchor>
  <xdr:twoCellAnchor editAs="oneCell">
    <xdr:from>
      <xdr:col>17</xdr:col>
      <xdr:colOff>386827</xdr:colOff>
      <xdr:row>45</xdr:row>
      <xdr:rowOff>1343</xdr:rowOff>
    </xdr:from>
    <xdr:to>
      <xdr:col>27</xdr:col>
      <xdr:colOff>388757</xdr:colOff>
      <xdr:row>53</xdr:row>
      <xdr:rowOff>56034</xdr:rowOff>
    </xdr:to>
    <xdr:pic>
      <xdr:nvPicPr>
        <xdr:cNvPr id="5" name="Picture 4">
          <a:extLst>
            <a:ext uri="{FF2B5EF4-FFF2-40B4-BE49-F238E27FC236}">
              <a16:creationId xmlns:a16="http://schemas.microsoft.com/office/drawing/2014/main" id="{15B00B3B-33A4-4FB6-B0C2-6B0EA6323684}"/>
            </a:ext>
          </a:extLst>
        </xdr:cNvPr>
        <xdr:cNvPicPr>
          <a:picLocks noChangeAspect="1" noChangeArrowheads="1"/>
        </xdr:cNvPicPr>
      </xdr:nvPicPr>
      <xdr:blipFill>
        <a:blip xmlns:r="http://schemas.openxmlformats.org/officeDocument/2006/relationships" r:embed="rId4" cstate="print">
          <a:extLst>
            <a:ext uri="{28A0092B-C50C-407E-A947-70E740481C1C}">
              <a14:useLocalDpi xmlns:a14="http://schemas.microsoft.com/office/drawing/2010/main" val="0"/>
            </a:ext>
          </a:extLst>
        </a:blip>
        <a:srcRect/>
        <a:stretch>
          <a:fillRect/>
        </a:stretch>
      </xdr:blipFill>
      <xdr:spPr bwMode="auto">
        <a:xfrm>
          <a:off x="10767956" y="8087508"/>
          <a:ext cx="6097930" cy="1489044"/>
        </a:xfrm>
        <a:prstGeom prst="rect">
          <a:avLst/>
        </a:prstGeom>
        <a:noFill/>
        <a:ln>
          <a:solidFill>
            <a:schemeClr val="tx1"/>
          </a:solidFill>
        </a:ln>
        <a:extLst>
          <a:ext uri="{909E8E84-426E-40DD-AFC4-6F175D3DCCD1}">
            <a14:hiddenFill xmlns:a14="http://schemas.microsoft.com/office/drawing/2010/main">
              <a:solidFill>
                <a:srgbClr val="FFFFFF"/>
              </a:solidFill>
            </a14:hiddenFill>
          </a:ext>
        </a:extLst>
      </xdr:spPr>
    </xdr:pic>
    <xdr:clientData/>
  </xdr:twoCellAnchor>
  <xdr:twoCellAnchor>
    <xdr:from>
      <xdr:col>29</xdr:col>
      <xdr:colOff>157330</xdr:colOff>
      <xdr:row>44</xdr:row>
      <xdr:rowOff>141192</xdr:rowOff>
    </xdr:from>
    <xdr:to>
      <xdr:col>34</xdr:col>
      <xdr:colOff>125506</xdr:colOff>
      <xdr:row>53</xdr:row>
      <xdr:rowOff>120499</xdr:rowOff>
    </xdr:to>
    <xdr:pic>
      <xdr:nvPicPr>
        <xdr:cNvPr id="6" name="Picture 5">
          <a:extLst>
            <a:ext uri="{FF2B5EF4-FFF2-40B4-BE49-F238E27FC236}">
              <a16:creationId xmlns:a16="http://schemas.microsoft.com/office/drawing/2014/main" id="{708B3677-8920-4818-8D2F-06ECE43D241C}"/>
            </a:ext>
          </a:extLst>
        </xdr:cNvPr>
        <xdr:cNvPicPr>
          <a:picLocks noChangeAspect="1" noChangeArrowheads="1"/>
        </xdr:cNvPicPr>
      </xdr:nvPicPr>
      <xdr:blipFill>
        <a:blip xmlns:r="http://schemas.openxmlformats.org/officeDocument/2006/relationships" r:embed="rId5" cstate="print">
          <a:extLst>
            <a:ext uri="{28A0092B-C50C-407E-A947-70E740481C1C}">
              <a14:useLocalDpi xmlns:a14="http://schemas.microsoft.com/office/drawing/2010/main" val="0"/>
            </a:ext>
          </a:extLst>
        </a:blip>
        <a:srcRect/>
        <a:stretch>
          <a:fillRect/>
        </a:stretch>
      </xdr:blipFill>
      <xdr:spPr bwMode="auto">
        <a:xfrm>
          <a:off x="17853659" y="8048063"/>
          <a:ext cx="3016176" cy="1592954"/>
        </a:xfrm>
        <a:prstGeom prst="rect">
          <a:avLst/>
        </a:prstGeom>
        <a:noFill/>
        <a:ln>
          <a:solidFill>
            <a:schemeClr val="tx1"/>
          </a:solidFill>
        </a:ln>
        <a:extLst>
          <a:ext uri="{909E8E84-426E-40DD-AFC4-6F175D3DCCD1}">
            <a14:hiddenFill xmlns:a14="http://schemas.microsoft.com/office/drawing/2010/main">
              <a:solidFill>
                <a:srgbClr val="FFFFFF"/>
              </a:solidFill>
            </a14:hiddenFill>
          </a:ext>
        </a:extLst>
      </xdr:spPr>
    </xdr:pic>
    <xdr:clientData/>
  </xdr:twoCellAnchor>
  <xdr:oneCellAnchor>
    <xdr:from>
      <xdr:col>11</xdr:col>
      <xdr:colOff>342900</xdr:colOff>
      <xdr:row>7</xdr:row>
      <xdr:rowOff>60960</xdr:rowOff>
    </xdr:from>
    <xdr:ext cx="2670155" cy="264560"/>
    <xdr:sp macro="" textlink="">
      <xdr:nvSpPr>
        <xdr:cNvPr id="7" name="TextBox 6">
          <a:extLst>
            <a:ext uri="{FF2B5EF4-FFF2-40B4-BE49-F238E27FC236}">
              <a16:creationId xmlns:a16="http://schemas.microsoft.com/office/drawing/2014/main" id="{A8C2DC01-CC62-D7B1-A004-88F7EA62CE9F}"/>
            </a:ext>
          </a:extLst>
        </xdr:cNvPr>
        <xdr:cNvSpPr txBox="1"/>
      </xdr:nvSpPr>
      <xdr:spPr>
        <a:xfrm>
          <a:off x="7048500" y="1341120"/>
          <a:ext cx="2670155" cy="264560"/>
        </a:xfrm>
        <a:prstGeom prst="rect">
          <a:avLst/>
        </a:prstGeom>
        <a:solidFill>
          <a:schemeClr val="accent4">
            <a:lumMod val="20000"/>
            <a:lumOff val="80000"/>
          </a:schemeClr>
        </a:solid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nb-NO" sz="1100" b="1"/>
            <a:t>Cells marked in this colour can be changed</a:t>
          </a:r>
        </a:p>
      </xdr:txBody>
    </xdr:sp>
    <xdr:clientData/>
  </xdr:oneCellAnchor>
  <xdr:twoCellAnchor editAs="oneCell">
    <xdr:from>
      <xdr:col>0</xdr:col>
      <xdr:colOff>0</xdr:colOff>
      <xdr:row>31</xdr:row>
      <xdr:rowOff>28441</xdr:rowOff>
    </xdr:from>
    <xdr:to>
      <xdr:col>8</xdr:col>
      <xdr:colOff>3849</xdr:colOff>
      <xdr:row>65</xdr:row>
      <xdr:rowOff>96029</xdr:rowOff>
    </xdr:to>
    <xdr:pic>
      <xdr:nvPicPr>
        <xdr:cNvPr id="8" name="Picture 7">
          <a:extLst>
            <a:ext uri="{FF2B5EF4-FFF2-40B4-BE49-F238E27FC236}">
              <a16:creationId xmlns:a16="http://schemas.microsoft.com/office/drawing/2014/main" id="{F6C9AC78-7DBE-4058-BA12-5946BA72182D}"/>
            </a:ext>
          </a:extLst>
        </xdr:cNvPr>
        <xdr:cNvPicPr>
          <a:picLocks noChangeAspect="1"/>
        </xdr:cNvPicPr>
      </xdr:nvPicPr>
      <xdr:blipFill>
        <a:blip xmlns:r="http://schemas.openxmlformats.org/officeDocument/2006/relationships" r:embed="rId6"/>
        <a:stretch>
          <a:fillRect/>
        </a:stretch>
      </xdr:blipFill>
      <xdr:spPr>
        <a:xfrm>
          <a:off x="0" y="5604488"/>
          <a:ext cx="4880649" cy="6163588"/>
        </a:xfrm>
        <a:prstGeom prst="rect">
          <a:avLst/>
        </a:prstGeom>
      </xdr:spPr>
    </xdr:pic>
    <xdr:clientData/>
  </xdr:twoCellAnchor>
  <xdr:twoCellAnchor editAs="oneCell">
    <xdr:from>
      <xdr:col>7</xdr:col>
      <xdr:colOff>523353</xdr:colOff>
      <xdr:row>31</xdr:row>
      <xdr:rowOff>10839</xdr:rowOff>
    </xdr:from>
    <xdr:to>
      <xdr:col>15</xdr:col>
      <xdr:colOff>431944</xdr:colOff>
      <xdr:row>65</xdr:row>
      <xdr:rowOff>49848</xdr:rowOff>
    </xdr:to>
    <xdr:pic>
      <xdr:nvPicPr>
        <xdr:cNvPr id="9" name="Picture 8">
          <a:extLst>
            <a:ext uri="{FF2B5EF4-FFF2-40B4-BE49-F238E27FC236}">
              <a16:creationId xmlns:a16="http://schemas.microsoft.com/office/drawing/2014/main" id="{FABA9EAD-CE7E-58C0-7B00-1C5B41CA5861}"/>
            </a:ext>
          </a:extLst>
        </xdr:cNvPr>
        <xdr:cNvPicPr>
          <a:picLocks noChangeAspect="1"/>
        </xdr:cNvPicPr>
      </xdr:nvPicPr>
      <xdr:blipFill>
        <a:blip xmlns:r="http://schemas.openxmlformats.org/officeDocument/2006/relationships" r:embed="rId7"/>
        <a:stretch>
          <a:fillRect/>
        </a:stretch>
      </xdr:blipFill>
      <xdr:spPr>
        <a:xfrm>
          <a:off x="4790553" y="5586886"/>
          <a:ext cx="4803320" cy="6135009"/>
        </a:xfrm>
        <a:prstGeom prst="rect">
          <a:avLst/>
        </a:prstGeom>
      </xdr:spPr>
    </xdr:pic>
    <xdr:clientData/>
  </xdr:twoCellAnchor>
  <xdr:oneCellAnchor>
    <xdr:from>
      <xdr:col>28</xdr:col>
      <xdr:colOff>394447</xdr:colOff>
      <xdr:row>27</xdr:row>
      <xdr:rowOff>35860</xdr:rowOff>
    </xdr:from>
    <xdr:ext cx="3942361" cy="436786"/>
    <xdr:sp macro="" textlink="">
      <xdr:nvSpPr>
        <xdr:cNvPr id="11" name="TextBox 10">
          <a:extLst>
            <a:ext uri="{FF2B5EF4-FFF2-40B4-BE49-F238E27FC236}">
              <a16:creationId xmlns:a16="http://schemas.microsoft.com/office/drawing/2014/main" id="{18332D76-EC83-57C7-9B27-BE62488224C4}"/>
            </a:ext>
          </a:extLst>
        </xdr:cNvPr>
        <xdr:cNvSpPr txBox="1"/>
      </xdr:nvSpPr>
      <xdr:spPr>
        <a:xfrm>
          <a:off x="17476499" y="5051808"/>
          <a:ext cx="3942361" cy="436786"/>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1100" kern="1200"/>
            <a:t>Figure 1: Cluster-blends and their process-specific interpretation, </a:t>
          </a:r>
        </a:p>
        <a:p>
          <a:r>
            <a:rPr lang="en-GB" sz="1100" kern="1200"/>
            <a:t>from Jesper et al. (2021)</a:t>
          </a:r>
        </a:p>
      </xdr:txBody>
    </xdr:sp>
    <xdr:clientData/>
  </xdr:oneCellAnchor>
  <xdr:oneCellAnchor>
    <xdr:from>
      <xdr:col>28</xdr:col>
      <xdr:colOff>439269</xdr:colOff>
      <xdr:row>54</xdr:row>
      <xdr:rowOff>44823</xdr:rowOff>
    </xdr:from>
    <xdr:ext cx="4096955" cy="436786"/>
    <xdr:sp macro="" textlink="">
      <xdr:nvSpPr>
        <xdr:cNvPr id="12" name="TextBox 11">
          <a:extLst>
            <a:ext uri="{FF2B5EF4-FFF2-40B4-BE49-F238E27FC236}">
              <a16:creationId xmlns:a16="http://schemas.microsoft.com/office/drawing/2014/main" id="{C62D1DCE-D2CB-8510-A667-DE38C2ED3B04}"/>
            </a:ext>
          </a:extLst>
        </xdr:cNvPr>
        <xdr:cNvSpPr txBox="1"/>
      </xdr:nvSpPr>
      <xdr:spPr>
        <a:xfrm>
          <a:off x="17521321" y="10076719"/>
          <a:ext cx="4096955" cy="436786"/>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1100" kern="1200"/>
            <a:t>Figure 3: weekly demand profiles for different operational patterns,</a:t>
          </a:r>
          <a:r>
            <a:rPr lang="en-GB" sz="1100" kern="1200" baseline="0"/>
            <a:t> </a:t>
          </a:r>
        </a:p>
        <a:p>
          <a:r>
            <a:rPr lang="en-GB" sz="1100" kern="1200"/>
            <a:t>from Bühler et al. (2018)</a:t>
          </a:r>
        </a:p>
      </xdr:txBody>
    </xdr:sp>
    <xdr:clientData/>
  </xdr:oneCellAnchor>
  <xdr:oneCellAnchor>
    <xdr:from>
      <xdr:col>19</xdr:col>
      <xdr:colOff>277905</xdr:colOff>
      <xdr:row>53</xdr:row>
      <xdr:rowOff>143436</xdr:rowOff>
    </xdr:from>
    <xdr:ext cx="4291239" cy="264560"/>
    <xdr:sp macro="" textlink="">
      <xdr:nvSpPr>
        <xdr:cNvPr id="13" name="TextBox 12">
          <a:extLst>
            <a:ext uri="{FF2B5EF4-FFF2-40B4-BE49-F238E27FC236}">
              <a16:creationId xmlns:a16="http://schemas.microsoft.com/office/drawing/2014/main" id="{1A1DBBA0-3DA9-0276-D5F6-DEDDFB2B54C7}"/>
            </a:ext>
          </a:extLst>
        </xdr:cNvPr>
        <xdr:cNvSpPr txBox="1"/>
      </xdr:nvSpPr>
      <xdr:spPr>
        <a:xfrm>
          <a:off x="11873557" y="9989801"/>
          <a:ext cx="4291239" cy="264560"/>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1100" kern="1200"/>
            <a:t>Figure 2: Temperature dependency of clusters, from Jesper et al. (2021)</a:t>
          </a:r>
        </a:p>
      </xdr:txBody>
    </xdr:sp>
    <xdr:clientData/>
  </xdr:oneCellAnchor>
</xdr:wsDr>
</file>

<file path=xl/drawings/drawing2.xml><?xml version="1.0" encoding="utf-8"?>
<xdr:wsDr xmlns:xdr="http://schemas.openxmlformats.org/drawingml/2006/spreadsheetDrawing" xmlns:a="http://schemas.openxmlformats.org/drawingml/2006/main">
  <xdr:twoCellAnchor>
    <xdr:from>
      <xdr:col>18</xdr:col>
      <xdr:colOff>510987</xdr:colOff>
      <xdr:row>2</xdr:row>
      <xdr:rowOff>53340</xdr:rowOff>
    </xdr:from>
    <xdr:to>
      <xdr:col>53</xdr:col>
      <xdr:colOff>98610</xdr:colOff>
      <xdr:row>31</xdr:row>
      <xdr:rowOff>93099</xdr:rowOff>
    </xdr:to>
    <xdr:graphicFrame macro="">
      <xdr:nvGraphicFramePr>
        <xdr:cNvPr id="2" name="Chart 1">
          <a:extLst>
            <a:ext uri="{FF2B5EF4-FFF2-40B4-BE49-F238E27FC236}">
              <a16:creationId xmlns:a16="http://schemas.microsoft.com/office/drawing/2014/main" id="{58B684CF-3B9D-45BC-B43B-5CDE145FDB19}"/>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18</xdr:col>
      <xdr:colOff>510987</xdr:colOff>
      <xdr:row>30</xdr:row>
      <xdr:rowOff>151952</xdr:rowOff>
    </xdr:from>
    <xdr:to>
      <xdr:col>53</xdr:col>
      <xdr:colOff>98610</xdr:colOff>
      <xdr:row>60</xdr:row>
      <xdr:rowOff>48275</xdr:rowOff>
    </xdr:to>
    <xdr:graphicFrame macro="">
      <xdr:nvGraphicFramePr>
        <xdr:cNvPr id="3" name="Chart 2">
          <a:extLst>
            <a:ext uri="{FF2B5EF4-FFF2-40B4-BE49-F238E27FC236}">
              <a16:creationId xmlns:a16="http://schemas.microsoft.com/office/drawing/2014/main" id="{5927B3C8-CD0B-A812-8D49-0BCD16AAB36A}"/>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wsDr>
</file>

<file path=xl/drawings/drawing3.xml><?xml version="1.0" encoding="utf-8"?>
<xdr:wsDr xmlns:xdr="http://schemas.openxmlformats.org/drawingml/2006/spreadsheetDrawing" xmlns:a="http://schemas.openxmlformats.org/drawingml/2006/main">
  <xdr:twoCellAnchor>
    <xdr:from>
      <xdr:col>11</xdr:col>
      <xdr:colOff>278626</xdr:colOff>
      <xdr:row>2</xdr:row>
      <xdr:rowOff>153396</xdr:rowOff>
    </xdr:from>
    <xdr:to>
      <xdr:col>28</xdr:col>
      <xdr:colOff>547314</xdr:colOff>
      <xdr:row>21</xdr:row>
      <xdr:rowOff>22860</xdr:rowOff>
    </xdr:to>
    <xdr:graphicFrame macro="">
      <xdr:nvGraphicFramePr>
        <xdr:cNvPr id="5" name="Chart 4">
          <a:extLst>
            <a:ext uri="{FF2B5EF4-FFF2-40B4-BE49-F238E27FC236}">
              <a16:creationId xmlns:a16="http://schemas.microsoft.com/office/drawing/2014/main" id="{4D886F9A-596F-49F3-9E46-539B9B29B77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11</xdr:col>
      <xdr:colOff>83820</xdr:colOff>
      <xdr:row>21</xdr:row>
      <xdr:rowOff>67589</xdr:rowOff>
    </xdr:from>
    <xdr:to>
      <xdr:col>28</xdr:col>
      <xdr:colOff>267695</xdr:colOff>
      <xdr:row>37</xdr:row>
      <xdr:rowOff>33131</xdr:rowOff>
    </xdr:to>
    <xdr:graphicFrame macro="">
      <xdr:nvGraphicFramePr>
        <xdr:cNvPr id="9" name="Chart 8">
          <a:extLst>
            <a:ext uri="{FF2B5EF4-FFF2-40B4-BE49-F238E27FC236}">
              <a16:creationId xmlns:a16="http://schemas.microsoft.com/office/drawing/2014/main" id="{1E23202B-4848-441A-900B-62AB15C51E92}"/>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oneCellAnchor>
    <xdr:from>
      <xdr:col>12</xdr:col>
      <xdr:colOff>510540</xdr:colOff>
      <xdr:row>1</xdr:row>
      <xdr:rowOff>30480</xdr:rowOff>
    </xdr:from>
    <xdr:ext cx="2623282" cy="280205"/>
    <xdr:sp macro="" textlink="">
      <xdr:nvSpPr>
        <xdr:cNvPr id="2" name="TextBox 1">
          <a:extLst>
            <a:ext uri="{FF2B5EF4-FFF2-40B4-BE49-F238E27FC236}">
              <a16:creationId xmlns:a16="http://schemas.microsoft.com/office/drawing/2014/main" id="{3AE9A411-F052-6520-7DA4-20C242AC6299}"/>
            </a:ext>
          </a:extLst>
        </xdr:cNvPr>
        <xdr:cNvSpPr txBox="1"/>
      </xdr:nvSpPr>
      <xdr:spPr>
        <a:xfrm>
          <a:off x="10119360" y="213360"/>
          <a:ext cx="2623282" cy="280205"/>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pPr algn="ctr"/>
          <a:r>
            <a:rPr lang="en-GB" sz="1200" b="1"/>
            <a:t>Yearly</a:t>
          </a:r>
          <a:r>
            <a:rPr lang="en-GB" sz="1200" b="1" baseline="0"/>
            <a:t> Heat Demand (daily resolution)</a:t>
          </a:r>
          <a:endParaRPr lang="en-GB" sz="1200" b="1"/>
        </a:p>
      </xdr:txBody>
    </xdr:sp>
    <xdr:clientData/>
  </xdr:oneCellAnchor>
  <xdr:oneCellAnchor>
    <xdr:from>
      <xdr:col>12</xdr:col>
      <xdr:colOff>457200</xdr:colOff>
      <xdr:row>19</xdr:row>
      <xdr:rowOff>53340</xdr:rowOff>
    </xdr:from>
    <xdr:ext cx="2920351" cy="280205"/>
    <xdr:sp macro="" textlink="">
      <xdr:nvSpPr>
        <xdr:cNvPr id="3" name="TextBox 2">
          <a:extLst>
            <a:ext uri="{FF2B5EF4-FFF2-40B4-BE49-F238E27FC236}">
              <a16:creationId xmlns:a16="http://schemas.microsoft.com/office/drawing/2014/main" id="{D1BAC8B7-93A5-6473-815B-524523FA4605}"/>
            </a:ext>
          </a:extLst>
        </xdr:cNvPr>
        <xdr:cNvSpPr txBox="1"/>
      </xdr:nvSpPr>
      <xdr:spPr>
        <a:xfrm>
          <a:off x="10066020" y="3619500"/>
          <a:ext cx="2920351" cy="280205"/>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ctr">
          <a:spAutoFit/>
        </a:bodyPr>
        <a:lstStyle/>
        <a:p>
          <a:pPr algn="ctr"/>
          <a:r>
            <a:rPr lang="en-GB" sz="1200" b="1"/>
            <a:t>Weekly</a:t>
          </a:r>
          <a:r>
            <a:rPr lang="en-GB" sz="1200" b="1" baseline="0"/>
            <a:t> Heat Demand (hourly resolution)</a:t>
          </a:r>
          <a:endParaRPr lang="en-GB" sz="1200" b="1"/>
        </a:p>
      </xdr:txBody>
    </xdr:sp>
    <xdr:clientData/>
  </xdr:oneCellAnchor>
  <xdr:twoCellAnchor>
    <xdr:from>
      <xdr:col>7</xdr:col>
      <xdr:colOff>251459</xdr:colOff>
      <xdr:row>9</xdr:row>
      <xdr:rowOff>40423</xdr:rowOff>
    </xdr:from>
    <xdr:to>
      <xdr:col>10</xdr:col>
      <xdr:colOff>2164090</xdr:colOff>
      <xdr:row>23</xdr:row>
      <xdr:rowOff>19805</xdr:rowOff>
    </xdr:to>
    <xdr:grpSp>
      <xdr:nvGrpSpPr>
        <xdr:cNvPr id="15" name="Group 14">
          <a:extLst>
            <a:ext uri="{FF2B5EF4-FFF2-40B4-BE49-F238E27FC236}">
              <a16:creationId xmlns:a16="http://schemas.microsoft.com/office/drawing/2014/main" id="{986105C5-244E-279D-BB8F-58C6EA24E446}"/>
            </a:ext>
          </a:extLst>
        </xdr:cNvPr>
        <xdr:cNvGrpSpPr/>
      </xdr:nvGrpSpPr>
      <xdr:grpSpPr>
        <a:xfrm>
          <a:off x="8283835" y="1887152"/>
          <a:ext cx="5399902" cy="2776371"/>
          <a:chOff x="8391620" y="273298"/>
          <a:chExt cx="4818450" cy="2798782"/>
        </a:xfrm>
      </xdr:grpSpPr>
      <xdr:grpSp>
        <xdr:nvGrpSpPr>
          <xdr:cNvPr id="12" name="Group 11">
            <a:extLst>
              <a:ext uri="{FF2B5EF4-FFF2-40B4-BE49-F238E27FC236}">
                <a16:creationId xmlns:a16="http://schemas.microsoft.com/office/drawing/2014/main" id="{94964936-AF08-F9DF-591C-66A2CB424FD5}"/>
              </a:ext>
            </a:extLst>
          </xdr:cNvPr>
          <xdr:cNvGrpSpPr/>
        </xdr:nvGrpSpPr>
        <xdr:grpSpPr>
          <a:xfrm>
            <a:off x="8391620" y="273298"/>
            <a:ext cx="3594142" cy="2798782"/>
            <a:chOff x="7664216" y="1810323"/>
            <a:chExt cx="3585990" cy="2794549"/>
          </a:xfrm>
        </xdr:grpSpPr>
        <xdr:graphicFrame macro="">
          <xdr:nvGraphicFramePr>
            <xdr:cNvPr id="7" name="Chart 6">
              <a:extLst>
                <a:ext uri="{FF2B5EF4-FFF2-40B4-BE49-F238E27FC236}">
                  <a16:creationId xmlns:a16="http://schemas.microsoft.com/office/drawing/2014/main" id="{4F55E756-7B21-486B-9055-5B7956750E56}"/>
                </a:ext>
              </a:extLst>
            </xdr:cNvPr>
            <xdr:cNvGraphicFramePr>
              <a:graphicFrameLocks/>
            </xdr:cNvGraphicFramePr>
          </xdr:nvGraphicFramePr>
          <xdr:xfrm>
            <a:off x="7664216" y="1837269"/>
            <a:ext cx="2143172" cy="2767603"/>
          </xdr:xfrm>
          <a:graphic>
            <a:graphicData uri="http://schemas.openxmlformats.org/drawingml/2006/chart">
              <c:chart xmlns:c="http://schemas.openxmlformats.org/drawingml/2006/chart" xmlns:r="http://schemas.openxmlformats.org/officeDocument/2006/relationships" r:id="rId3"/>
            </a:graphicData>
          </a:graphic>
        </xdr:graphicFrame>
        <xdr:graphicFrame macro="">
          <xdr:nvGraphicFramePr>
            <xdr:cNvPr id="10" name="Chart 9">
              <a:extLst>
                <a:ext uri="{FF2B5EF4-FFF2-40B4-BE49-F238E27FC236}">
                  <a16:creationId xmlns:a16="http://schemas.microsoft.com/office/drawing/2014/main" id="{B4773DE9-934B-5835-0D46-52F70E0F9ABD}"/>
                </a:ext>
              </a:extLst>
            </xdr:cNvPr>
            <xdr:cNvGraphicFramePr/>
          </xdr:nvGraphicFramePr>
          <xdr:xfrm>
            <a:off x="9661210" y="1810323"/>
            <a:ext cx="1588996" cy="2779310"/>
          </xdr:xfrm>
          <a:graphic>
            <a:graphicData uri="http://schemas.openxmlformats.org/drawingml/2006/chart">
              <c:chart xmlns:c="http://schemas.openxmlformats.org/drawingml/2006/chart" xmlns:r="http://schemas.openxmlformats.org/officeDocument/2006/relationships" r:id="rId4"/>
            </a:graphicData>
          </a:graphic>
        </xdr:graphicFrame>
      </xdr:grpSp>
      <xdr:graphicFrame macro="">
        <xdr:nvGraphicFramePr>
          <xdr:cNvPr id="14" name="Chart 13">
            <a:extLst>
              <a:ext uri="{FF2B5EF4-FFF2-40B4-BE49-F238E27FC236}">
                <a16:creationId xmlns:a16="http://schemas.microsoft.com/office/drawing/2014/main" id="{854D7938-94E0-4F04-AA17-051B7E1227D8}"/>
              </a:ext>
            </a:extLst>
          </xdr:cNvPr>
          <xdr:cNvGraphicFramePr>
            <a:graphicFrameLocks/>
          </xdr:cNvGraphicFramePr>
        </xdr:nvGraphicFramePr>
        <xdr:xfrm>
          <a:off x="11579002" y="627186"/>
          <a:ext cx="1631068" cy="2248977"/>
        </xdr:xfrm>
        <a:graphic>
          <a:graphicData uri="http://schemas.openxmlformats.org/drawingml/2006/chart">
            <c:chart xmlns:c="http://schemas.openxmlformats.org/drawingml/2006/chart" xmlns:r="http://schemas.openxmlformats.org/officeDocument/2006/relationships" r:id="rId5"/>
          </a:graphicData>
        </a:graphic>
      </xdr:graphicFrame>
    </xdr:grpSp>
    <xdr:clientData/>
  </xdr:twoCellAnchor>
  <xdr:oneCellAnchor>
    <xdr:from>
      <xdr:col>8</xdr:col>
      <xdr:colOff>1127760</xdr:colOff>
      <xdr:row>10</xdr:row>
      <xdr:rowOff>53340</xdr:rowOff>
    </xdr:from>
    <xdr:ext cx="753604" cy="264560"/>
    <xdr:sp macro="" textlink="">
      <xdr:nvSpPr>
        <xdr:cNvPr id="13" name="TextBox 12">
          <a:extLst>
            <a:ext uri="{FF2B5EF4-FFF2-40B4-BE49-F238E27FC236}">
              <a16:creationId xmlns:a16="http://schemas.microsoft.com/office/drawing/2014/main" id="{1FD91A58-180E-32CD-91E4-5E8FBD5867DD}"/>
            </a:ext>
          </a:extLst>
        </xdr:cNvPr>
        <xdr:cNvSpPr txBox="1"/>
      </xdr:nvSpPr>
      <xdr:spPr>
        <a:xfrm>
          <a:off x="9502140" y="2103120"/>
          <a:ext cx="753604" cy="264560"/>
        </a:xfrm>
        <a:prstGeom prst="rect">
          <a:avLst/>
        </a:prstGeom>
        <a:no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1100"/>
            <a:t>CLUSTERS</a:t>
          </a:r>
        </a:p>
      </xdr:txBody>
    </xdr:sp>
    <xdr:clientData/>
  </xdr:oneCellAnchor>
  <xdr:oneCellAnchor>
    <xdr:from>
      <xdr:col>9</xdr:col>
      <xdr:colOff>129540</xdr:colOff>
      <xdr:row>10</xdr:row>
      <xdr:rowOff>53340</xdr:rowOff>
    </xdr:from>
    <xdr:ext cx="1480726" cy="264560"/>
    <xdr:sp macro="" textlink="">
      <xdr:nvSpPr>
        <xdr:cNvPr id="16" name="TextBox 15">
          <a:extLst>
            <a:ext uri="{FF2B5EF4-FFF2-40B4-BE49-F238E27FC236}">
              <a16:creationId xmlns:a16="http://schemas.microsoft.com/office/drawing/2014/main" id="{4E753E2C-124A-4EA1-7515-71D84D28BE79}"/>
            </a:ext>
          </a:extLst>
        </xdr:cNvPr>
        <xdr:cNvSpPr txBox="1"/>
      </xdr:nvSpPr>
      <xdr:spPr>
        <a:xfrm>
          <a:off x="10317480" y="2103120"/>
          <a:ext cx="1480726" cy="264560"/>
        </a:xfrm>
        <a:prstGeom prst="rect">
          <a:avLst/>
        </a:prstGeom>
        <a:no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1100"/>
            <a:t>TEMPERATURE</a:t>
          </a:r>
          <a:r>
            <a:rPr lang="en-GB" sz="1100" baseline="0"/>
            <a:t> LEVELS</a:t>
          </a:r>
          <a:endParaRPr lang="en-GB" sz="1100"/>
        </a:p>
      </xdr:txBody>
    </xdr:sp>
    <xdr:clientData/>
  </xdr:oneCellAnchor>
</xdr:wsDr>
</file>

<file path=xl/drawings/drawing4.xml><?xml version="1.0" encoding="utf-8"?>
<xdr:wsDr xmlns:xdr="http://schemas.openxmlformats.org/drawingml/2006/spreadsheetDrawing" xmlns:a="http://schemas.openxmlformats.org/drawingml/2006/main">
  <xdr:twoCellAnchor>
    <xdr:from>
      <xdr:col>1</xdr:col>
      <xdr:colOff>868680</xdr:colOff>
      <xdr:row>58</xdr:row>
      <xdr:rowOff>53340</xdr:rowOff>
    </xdr:from>
    <xdr:to>
      <xdr:col>6</xdr:col>
      <xdr:colOff>228600</xdr:colOff>
      <xdr:row>68</xdr:row>
      <xdr:rowOff>92765</xdr:rowOff>
    </xdr:to>
    <xdr:graphicFrame macro="">
      <xdr:nvGraphicFramePr>
        <xdr:cNvPr id="2" name="Chart 1">
          <a:extLst>
            <a:ext uri="{FF2B5EF4-FFF2-40B4-BE49-F238E27FC236}">
              <a16:creationId xmlns:a16="http://schemas.microsoft.com/office/drawing/2014/main" id="{EE1AA935-5CD8-8048-A87E-16CFE0023323}"/>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drawings/drawing5.xml><?xml version="1.0" encoding="utf-8"?>
<xdr:wsDr xmlns:xdr="http://schemas.openxmlformats.org/drawingml/2006/spreadsheetDrawing" xmlns:a="http://schemas.openxmlformats.org/drawingml/2006/main">
  <xdr:twoCellAnchor>
    <xdr:from>
      <xdr:col>10</xdr:col>
      <xdr:colOff>381994</xdr:colOff>
      <xdr:row>1</xdr:row>
      <xdr:rowOff>57814</xdr:rowOff>
    </xdr:from>
    <xdr:to>
      <xdr:col>23</xdr:col>
      <xdr:colOff>330311</xdr:colOff>
      <xdr:row>24</xdr:row>
      <xdr:rowOff>140474</xdr:rowOff>
    </xdr:to>
    <xdr:graphicFrame macro="">
      <xdr:nvGraphicFramePr>
        <xdr:cNvPr id="3" name="Chart 2">
          <a:extLst>
            <a:ext uri="{FF2B5EF4-FFF2-40B4-BE49-F238E27FC236}">
              <a16:creationId xmlns:a16="http://schemas.microsoft.com/office/drawing/2014/main" id="{764034A9-B88C-F103-2627-1E23F6AC45E0}"/>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theme/theme1.xml><?xml version="1.0" encoding="utf-8"?>
<a:theme xmlns:a="http://schemas.openxmlformats.org/drawingml/2006/main" name="Office Theme">
  <a:themeElements>
    <a:clrScheme name="SINTEF">
      <a:dk1>
        <a:sysClr val="windowText" lastClr="000000"/>
      </a:dk1>
      <a:lt1>
        <a:sysClr val="window" lastClr="FFFFFF"/>
      </a:lt1>
      <a:dk2>
        <a:srgbClr val="003C65"/>
      </a:dk2>
      <a:lt2>
        <a:srgbClr val="EBEBE6"/>
      </a:lt2>
      <a:accent1>
        <a:srgbClr val="14B978"/>
      </a:accent1>
      <a:accent2>
        <a:srgbClr val="CDFAE1"/>
      </a:accent2>
      <a:accent3>
        <a:srgbClr val="004628"/>
      </a:accent3>
      <a:accent4>
        <a:srgbClr val="C89B14"/>
      </a:accent4>
      <a:accent5>
        <a:srgbClr val="BE3C37"/>
      </a:accent5>
      <a:accent6>
        <a:srgbClr val="780050"/>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2.xml.rels><?xml version="1.0" encoding="UTF-8" standalone="yes"?>
<Relationships xmlns="http://schemas.openxmlformats.org/package/2006/relationships"><Relationship Id="rId1" Type="http://schemas.openxmlformats.org/officeDocument/2006/relationships/drawing" Target="../drawings/drawing2.xml"/></Relationships>
</file>

<file path=xl/worksheets/_rels/sheet3.xml.rels><?xml version="1.0" encoding="UTF-8" standalone="yes"?>
<Relationships xmlns="http://schemas.openxmlformats.org/package/2006/relationships"><Relationship Id="rId1" Type="http://schemas.openxmlformats.org/officeDocument/2006/relationships/drawing" Target="../drawings/drawing3.xml"/></Relationships>
</file>

<file path=xl/worksheets/_rels/sheet6.xml.rels><?xml version="1.0" encoding="UTF-8" standalone="yes"?>
<Relationships xmlns="http://schemas.openxmlformats.org/package/2006/relationships"><Relationship Id="rId2" Type="http://schemas.openxmlformats.org/officeDocument/2006/relationships/drawing" Target="../drawings/drawing4.xml"/><Relationship Id="rId1" Type="http://schemas.openxmlformats.org/officeDocument/2006/relationships/printerSettings" Target="../printerSettings/printerSettings1.bin"/></Relationships>
</file>

<file path=xl/worksheets/_rels/sheet7.xml.rels><?xml version="1.0" encoding="UTF-8" standalone="yes"?>
<Relationships xmlns="http://schemas.openxmlformats.org/package/2006/relationships"><Relationship Id="rId1" Type="http://schemas.openxmlformats.org/officeDocument/2006/relationships/drawing" Target="../drawings/drawing5.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28D3A08-BA12-4E41-A041-5D38D9DFBAE7}">
  <dimension ref="A1:AI66"/>
  <sheetViews>
    <sheetView topLeftCell="R1" zoomScale="205" zoomScaleNormal="205" workbookViewId="0">
      <selection activeCell="A23" sqref="A23:Q31"/>
    </sheetView>
  </sheetViews>
  <sheetFormatPr defaultRowHeight="14.4" x14ac:dyDescent="0.3"/>
  <cols>
    <col min="12" max="12" width="9.109375" customWidth="1"/>
  </cols>
  <sheetData>
    <row r="1" spans="1:17" x14ac:dyDescent="0.3">
      <c r="A1" s="151" t="s">
        <v>82</v>
      </c>
      <c r="B1" s="152"/>
      <c r="C1" s="152"/>
      <c r="D1" s="152"/>
      <c r="E1" s="152"/>
      <c r="F1" s="152"/>
      <c r="G1" s="152"/>
      <c r="H1" s="152"/>
      <c r="I1" s="152"/>
      <c r="J1" s="152"/>
      <c r="K1" s="152"/>
      <c r="L1" s="152"/>
      <c r="M1" s="152"/>
      <c r="N1" s="152"/>
      <c r="O1" s="152"/>
      <c r="P1" s="152"/>
      <c r="Q1" s="153"/>
    </row>
    <row r="2" spans="1:17" x14ac:dyDescent="0.3">
      <c r="A2" s="154"/>
      <c r="B2" s="155"/>
      <c r="C2" s="155"/>
      <c r="D2" s="155"/>
      <c r="E2" s="155"/>
      <c r="F2" s="155"/>
      <c r="G2" s="155"/>
      <c r="H2" s="155"/>
      <c r="I2" s="155"/>
      <c r="J2" s="155"/>
      <c r="K2" s="155"/>
      <c r="L2" s="155"/>
      <c r="M2" s="155"/>
      <c r="N2" s="155"/>
      <c r="O2" s="155"/>
      <c r="P2" s="155"/>
      <c r="Q2" s="156"/>
    </row>
    <row r="3" spans="1:17" x14ac:dyDescent="0.3">
      <c r="A3" s="154"/>
      <c r="B3" s="155"/>
      <c r="C3" s="155"/>
      <c r="D3" s="155"/>
      <c r="E3" s="155"/>
      <c r="F3" s="155"/>
      <c r="G3" s="155"/>
      <c r="H3" s="155"/>
      <c r="I3" s="155"/>
      <c r="J3" s="155"/>
      <c r="K3" s="155"/>
      <c r="L3" s="155"/>
      <c r="M3" s="155"/>
      <c r="N3" s="155"/>
      <c r="O3" s="155"/>
      <c r="P3" s="155"/>
      <c r="Q3" s="156"/>
    </row>
    <row r="4" spans="1:17" x14ac:dyDescent="0.3">
      <c r="A4" s="154"/>
      <c r="B4" s="155"/>
      <c r="C4" s="155"/>
      <c r="D4" s="155"/>
      <c r="E4" s="155"/>
      <c r="F4" s="155"/>
      <c r="G4" s="155"/>
      <c r="H4" s="155"/>
      <c r="I4" s="155"/>
      <c r="J4" s="155"/>
      <c r="K4" s="155"/>
      <c r="L4" s="155"/>
      <c r="M4" s="155"/>
      <c r="N4" s="155"/>
      <c r="O4" s="155"/>
      <c r="P4" s="155"/>
      <c r="Q4" s="156"/>
    </row>
    <row r="5" spans="1:17" x14ac:dyDescent="0.3">
      <c r="A5" s="154"/>
      <c r="B5" s="155"/>
      <c r="C5" s="155"/>
      <c r="D5" s="155"/>
      <c r="E5" s="155"/>
      <c r="F5" s="155"/>
      <c r="G5" s="155"/>
      <c r="H5" s="155"/>
      <c r="I5" s="155"/>
      <c r="J5" s="155"/>
      <c r="K5" s="155"/>
      <c r="L5" s="155"/>
      <c r="M5" s="155"/>
      <c r="N5" s="155"/>
      <c r="O5" s="155"/>
      <c r="P5" s="155"/>
      <c r="Q5" s="156"/>
    </row>
    <row r="6" spans="1:17" x14ac:dyDescent="0.3">
      <c r="A6" s="154"/>
      <c r="B6" s="155"/>
      <c r="C6" s="155"/>
      <c r="D6" s="155"/>
      <c r="E6" s="155"/>
      <c r="F6" s="155"/>
      <c r="G6" s="155"/>
      <c r="H6" s="155"/>
      <c r="I6" s="155"/>
      <c r="J6" s="155"/>
      <c r="K6" s="155"/>
      <c r="L6" s="155"/>
      <c r="M6" s="155"/>
      <c r="N6" s="155"/>
      <c r="O6" s="155"/>
      <c r="P6" s="155"/>
      <c r="Q6" s="156"/>
    </row>
    <row r="7" spans="1:17" x14ac:dyDescent="0.3">
      <c r="A7" s="154"/>
      <c r="B7" s="155"/>
      <c r="C7" s="155"/>
      <c r="D7" s="155"/>
      <c r="E7" s="155"/>
      <c r="F7" s="155"/>
      <c r="G7" s="155"/>
      <c r="H7" s="155"/>
      <c r="I7" s="155"/>
      <c r="J7" s="155"/>
      <c r="K7" s="155"/>
      <c r="L7" s="155"/>
      <c r="M7" s="155"/>
      <c r="N7" s="155"/>
      <c r="O7" s="155"/>
      <c r="P7" s="155"/>
      <c r="Q7" s="156"/>
    </row>
    <row r="8" spans="1:17" x14ac:dyDescent="0.3">
      <c r="A8" s="154"/>
      <c r="B8" s="155"/>
      <c r="C8" s="155"/>
      <c r="D8" s="155"/>
      <c r="E8" s="155"/>
      <c r="F8" s="155"/>
      <c r="G8" s="155"/>
      <c r="H8" s="155"/>
      <c r="I8" s="155"/>
      <c r="J8" s="155"/>
      <c r="K8" s="155"/>
      <c r="L8" s="155"/>
      <c r="M8" s="155"/>
      <c r="N8" s="155"/>
      <c r="O8" s="155"/>
      <c r="P8" s="155"/>
      <c r="Q8" s="156"/>
    </row>
    <row r="9" spans="1:17" x14ac:dyDescent="0.3">
      <c r="A9" s="154"/>
      <c r="B9" s="155"/>
      <c r="C9" s="155"/>
      <c r="D9" s="155"/>
      <c r="E9" s="155"/>
      <c r="F9" s="155"/>
      <c r="G9" s="155"/>
      <c r="H9" s="155"/>
      <c r="I9" s="155"/>
      <c r="J9" s="155"/>
      <c r="K9" s="155"/>
      <c r="L9" s="155"/>
      <c r="M9" s="155"/>
      <c r="N9" s="155"/>
      <c r="O9" s="155"/>
      <c r="P9" s="155"/>
      <c r="Q9" s="156"/>
    </row>
    <row r="10" spans="1:17" x14ac:dyDescent="0.3">
      <c r="A10" s="154"/>
      <c r="B10" s="155"/>
      <c r="C10" s="155"/>
      <c r="D10" s="155"/>
      <c r="E10" s="155"/>
      <c r="F10" s="155"/>
      <c r="G10" s="155"/>
      <c r="H10" s="155"/>
      <c r="I10" s="155"/>
      <c r="J10" s="155"/>
      <c r="K10" s="155"/>
      <c r="L10" s="155"/>
      <c r="M10" s="155"/>
      <c r="N10" s="155"/>
      <c r="O10" s="155"/>
      <c r="P10" s="155"/>
      <c r="Q10" s="156"/>
    </row>
    <row r="11" spans="1:17" x14ac:dyDescent="0.3">
      <c r="A11" s="154"/>
      <c r="B11" s="155"/>
      <c r="C11" s="155"/>
      <c r="D11" s="155"/>
      <c r="E11" s="155"/>
      <c r="F11" s="155"/>
      <c r="G11" s="155"/>
      <c r="H11" s="155"/>
      <c r="I11" s="155"/>
      <c r="J11" s="155"/>
      <c r="K11" s="155"/>
      <c r="L11" s="155"/>
      <c r="M11" s="155"/>
      <c r="N11" s="155"/>
      <c r="O11" s="155"/>
      <c r="P11" s="155"/>
      <c r="Q11" s="156"/>
    </row>
    <row r="12" spans="1:17" x14ac:dyDescent="0.3">
      <c r="A12" s="154"/>
      <c r="B12" s="155"/>
      <c r="C12" s="155"/>
      <c r="D12" s="155"/>
      <c r="E12" s="155"/>
      <c r="F12" s="155"/>
      <c r="G12" s="155"/>
      <c r="H12" s="155"/>
      <c r="I12" s="155"/>
      <c r="J12" s="155"/>
      <c r="K12" s="155"/>
      <c r="L12" s="155"/>
      <c r="M12" s="155"/>
      <c r="N12" s="155"/>
      <c r="O12" s="155"/>
      <c r="P12" s="155"/>
      <c r="Q12" s="156"/>
    </row>
    <row r="13" spans="1:17" x14ac:dyDescent="0.3">
      <c r="A13" s="154"/>
      <c r="B13" s="155"/>
      <c r="C13" s="155"/>
      <c r="D13" s="155"/>
      <c r="E13" s="155"/>
      <c r="F13" s="155"/>
      <c r="G13" s="155"/>
      <c r="H13" s="155"/>
      <c r="I13" s="155"/>
      <c r="J13" s="155"/>
      <c r="K13" s="155"/>
      <c r="L13" s="155"/>
      <c r="M13" s="155"/>
      <c r="N13" s="155"/>
      <c r="O13" s="155"/>
      <c r="P13" s="155"/>
      <c r="Q13" s="156"/>
    </row>
    <row r="14" spans="1:17" x14ac:dyDescent="0.3">
      <c r="A14" s="154"/>
      <c r="B14" s="155"/>
      <c r="C14" s="155"/>
      <c r="D14" s="155"/>
      <c r="E14" s="155"/>
      <c r="F14" s="155"/>
      <c r="G14" s="155"/>
      <c r="H14" s="155"/>
      <c r="I14" s="155"/>
      <c r="J14" s="155"/>
      <c r="K14" s="155"/>
      <c r="L14" s="155"/>
      <c r="M14" s="155"/>
      <c r="N14" s="155"/>
      <c r="O14" s="155"/>
      <c r="P14" s="155"/>
      <c r="Q14" s="156"/>
    </row>
    <row r="15" spans="1:17" x14ac:dyDescent="0.3">
      <c r="A15" s="154"/>
      <c r="B15" s="155"/>
      <c r="C15" s="155"/>
      <c r="D15" s="155"/>
      <c r="E15" s="155"/>
      <c r="F15" s="155"/>
      <c r="G15" s="155"/>
      <c r="H15" s="155"/>
      <c r="I15" s="155"/>
      <c r="J15" s="155"/>
      <c r="K15" s="155"/>
      <c r="L15" s="155"/>
      <c r="M15" s="155"/>
      <c r="N15" s="155"/>
      <c r="O15" s="155"/>
      <c r="P15" s="155"/>
      <c r="Q15" s="156"/>
    </row>
    <row r="16" spans="1:17" x14ac:dyDescent="0.3">
      <c r="A16" s="154"/>
      <c r="B16" s="155"/>
      <c r="C16" s="155"/>
      <c r="D16" s="155"/>
      <c r="E16" s="155"/>
      <c r="F16" s="155"/>
      <c r="G16" s="155"/>
      <c r="H16" s="155"/>
      <c r="I16" s="155"/>
      <c r="J16" s="155"/>
      <c r="K16" s="155"/>
      <c r="L16" s="155"/>
      <c r="M16" s="155"/>
      <c r="N16" s="155"/>
      <c r="O16" s="155"/>
      <c r="P16" s="155"/>
      <c r="Q16" s="156"/>
    </row>
    <row r="17" spans="1:35" x14ac:dyDescent="0.3">
      <c r="A17" s="154"/>
      <c r="B17" s="155"/>
      <c r="C17" s="155"/>
      <c r="D17" s="155"/>
      <c r="E17" s="155"/>
      <c r="F17" s="155"/>
      <c r="G17" s="155"/>
      <c r="H17" s="155"/>
      <c r="I17" s="155"/>
      <c r="J17" s="155"/>
      <c r="K17" s="155"/>
      <c r="L17" s="155"/>
      <c r="M17" s="155"/>
      <c r="N17" s="155"/>
      <c r="O17" s="155"/>
      <c r="P17" s="155"/>
      <c r="Q17" s="156"/>
    </row>
    <row r="18" spans="1:35" x14ac:dyDescent="0.3">
      <c r="A18" s="154"/>
      <c r="B18" s="155"/>
      <c r="C18" s="155"/>
      <c r="D18" s="155"/>
      <c r="E18" s="155"/>
      <c r="F18" s="155"/>
      <c r="G18" s="155"/>
      <c r="H18" s="155"/>
      <c r="I18" s="155"/>
      <c r="J18" s="155"/>
      <c r="K18" s="155"/>
      <c r="L18" s="155"/>
      <c r="M18" s="155"/>
      <c r="N18" s="155"/>
      <c r="O18" s="155"/>
      <c r="P18" s="155"/>
      <c r="Q18" s="156"/>
    </row>
    <row r="19" spans="1:35" x14ac:dyDescent="0.3">
      <c r="A19" s="154"/>
      <c r="B19" s="155"/>
      <c r="C19" s="155"/>
      <c r="D19" s="155"/>
      <c r="E19" s="155"/>
      <c r="F19" s="155"/>
      <c r="G19" s="155"/>
      <c r="H19" s="155"/>
      <c r="I19" s="155"/>
      <c r="J19" s="155"/>
      <c r="K19" s="155"/>
      <c r="L19" s="155"/>
      <c r="M19" s="155"/>
      <c r="N19" s="155"/>
      <c r="O19" s="155"/>
      <c r="P19" s="155"/>
      <c r="Q19" s="156"/>
    </row>
    <row r="20" spans="1:35" x14ac:dyDescent="0.3">
      <c r="A20" s="154"/>
      <c r="B20" s="155"/>
      <c r="C20" s="155"/>
      <c r="D20" s="155"/>
      <c r="E20" s="155"/>
      <c r="F20" s="155"/>
      <c r="G20" s="155"/>
      <c r="H20" s="155"/>
      <c r="I20" s="155"/>
      <c r="J20" s="155"/>
      <c r="K20" s="155"/>
      <c r="L20" s="155"/>
      <c r="M20" s="155"/>
      <c r="N20" s="155"/>
      <c r="O20" s="155"/>
      <c r="P20" s="155"/>
      <c r="Q20" s="156"/>
    </row>
    <row r="21" spans="1:35" x14ac:dyDescent="0.3">
      <c r="A21" s="154"/>
      <c r="B21" s="155"/>
      <c r="C21" s="155"/>
      <c r="D21" s="155"/>
      <c r="E21" s="155"/>
      <c r="F21" s="155"/>
      <c r="G21" s="155"/>
      <c r="H21" s="155"/>
      <c r="I21" s="155"/>
      <c r="J21" s="155"/>
      <c r="K21" s="155"/>
      <c r="L21" s="155"/>
      <c r="M21" s="155"/>
      <c r="N21" s="155"/>
      <c r="O21" s="155"/>
      <c r="P21" s="155"/>
      <c r="Q21" s="156"/>
    </row>
    <row r="22" spans="1:35" ht="15" thickBot="1" x14ac:dyDescent="0.35">
      <c r="A22" s="154"/>
      <c r="B22" s="155"/>
      <c r="C22" s="155"/>
      <c r="D22" s="155"/>
      <c r="E22" s="155"/>
      <c r="F22" s="155"/>
      <c r="G22" s="155"/>
      <c r="H22" s="155"/>
      <c r="I22" s="155"/>
      <c r="J22" s="155"/>
      <c r="K22" s="155"/>
      <c r="L22" s="155"/>
      <c r="M22" s="155"/>
      <c r="N22" s="155"/>
      <c r="O22" s="155"/>
      <c r="P22" s="155"/>
      <c r="Q22" s="156"/>
    </row>
    <row r="23" spans="1:35" ht="14.4" customHeight="1" x14ac:dyDescent="0.3">
      <c r="A23" s="162" t="s">
        <v>81</v>
      </c>
      <c r="B23" s="163"/>
      <c r="C23" s="163"/>
      <c r="D23" s="163"/>
      <c r="E23" s="163"/>
      <c r="F23" s="163"/>
      <c r="G23" s="163"/>
      <c r="H23" s="163"/>
      <c r="I23" s="163"/>
      <c r="J23" s="163"/>
      <c r="K23" s="163"/>
      <c r="L23" s="163"/>
      <c r="M23" s="163"/>
      <c r="N23" s="163"/>
      <c r="O23" s="163"/>
      <c r="P23" s="163"/>
      <c r="Q23" s="164"/>
    </row>
    <row r="24" spans="1:35" x14ac:dyDescent="0.3">
      <c r="A24" s="165"/>
      <c r="B24" s="157"/>
      <c r="C24" s="157"/>
      <c r="D24" s="157"/>
      <c r="E24" s="157"/>
      <c r="F24" s="157"/>
      <c r="G24" s="157"/>
      <c r="H24" s="157"/>
      <c r="I24" s="157"/>
      <c r="J24" s="157"/>
      <c r="K24" s="157"/>
      <c r="L24" s="157"/>
      <c r="M24" s="157"/>
      <c r="N24" s="157"/>
      <c r="O24" s="157"/>
      <c r="P24" s="157"/>
      <c r="Q24" s="166"/>
      <c r="AD24" s="160"/>
      <c r="AE24" s="161"/>
      <c r="AF24" s="161"/>
      <c r="AG24" s="161"/>
      <c r="AH24" s="161"/>
      <c r="AI24" s="161"/>
    </row>
    <row r="25" spans="1:35" x14ac:dyDescent="0.3">
      <c r="A25" s="165"/>
      <c r="B25" s="157"/>
      <c r="C25" s="157"/>
      <c r="D25" s="157"/>
      <c r="E25" s="157"/>
      <c r="F25" s="157"/>
      <c r="G25" s="157"/>
      <c r="H25" s="157"/>
      <c r="I25" s="157"/>
      <c r="J25" s="157"/>
      <c r="K25" s="157"/>
      <c r="L25" s="157"/>
      <c r="M25" s="157"/>
      <c r="N25" s="157"/>
      <c r="O25" s="157"/>
      <c r="P25" s="157"/>
      <c r="Q25" s="166"/>
      <c r="AD25" s="161"/>
      <c r="AE25" s="161"/>
      <c r="AF25" s="161"/>
      <c r="AG25" s="161"/>
      <c r="AH25" s="161"/>
      <c r="AI25" s="161"/>
    </row>
    <row r="26" spans="1:35" x14ac:dyDescent="0.3">
      <c r="A26" s="165"/>
      <c r="B26" s="157"/>
      <c r="C26" s="157"/>
      <c r="D26" s="157"/>
      <c r="E26" s="157"/>
      <c r="F26" s="157"/>
      <c r="G26" s="157"/>
      <c r="H26" s="157"/>
      <c r="I26" s="157"/>
      <c r="J26" s="157"/>
      <c r="K26" s="157"/>
      <c r="L26" s="157"/>
      <c r="M26" s="157"/>
      <c r="N26" s="157"/>
      <c r="O26" s="157"/>
      <c r="P26" s="157"/>
      <c r="Q26" s="166"/>
    </row>
    <row r="27" spans="1:35" x14ac:dyDescent="0.3">
      <c r="A27" s="165"/>
      <c r="B27" s="157"/>
      <c r="C27" s="157"/>
      <c r="D27" s="157"/>
      <c r="E27" s="157"/>
      <c r="F27" s="157"/>
      <c r="G27" s="157"/>
      <c r="H27" s="157"/>
      <c r="I27" s="157"/>
      <c r="J27" s="157"/>
      <c r="K27" s="157"/>
      <c r="L27" s="157"/>
      <c r="M27" s="157"/>
      <c r="N27" s="157"/>
      <c r="O27" s="157"/>
      <c r="P27" s="157"/>
      <c r="Q27" s="166"/>
    </row>
    <row r="28" spans="1:35" x14ac:dyDescent="0.3">
      <c r="A28" s="165"/>
      <c r="B28" s="157"/>
      <c r="C28" s="157"/>
      <c r="D28" s="157"/>
      <c r="E28" s="157"/>
      <c r="F28" s="157"/>
      <c r="G28" s="157"/>
      <c r="H28" s="157"/>
      <c r="I28" s="157"/>
      <c r="J28" s="157"/>
      <c r="K28" s="157"/>
      <c r="L28" s="157"/>
      <c r="M28" s="157"/>
      <c r="N28" s="157"/>
      <c r="O28" s="157"/>
      <c r="P28" s="157"/>
      <c r="Q28" s="166"/>
    </row>
    <row r="29" spans="1:35" x14ac:dyDescent="0.3">
      <c r="A29" s="165"/>
      <c r="B29" s="157"/>
      <c r="C29" s="157"/>
      <c r="D29" s="157"/>
      <c r="E29" s="157"/>
      <c r="F29" s="157"/>
      <c r="G29" s="157"/>
      <c r="H29" s="157"/>
      <c r="I29" s="157"/>
      <c r="J29" s="157"/>
      <c r="K29" s="157"/>
      <c r="L29" s="157"/>
      <c r="M29" s="157"/>
      <c r="N29" s="157"/>
      <c r="O29" s="157"/>
      <c r="P29" s="157"/>
      <c r="Q29" s="166"/>
    </row>
    <row r="30" spans="1:35" x14ac:dyDescent="0.3">
      <c r="A30" s="165"/>
      <c r="B30" s="157"/>
      <c r="C30" s="157"/>
      <c r="D30" s="157"/>
      <c r="E30" s="157"/>
      <c r="F30" s="157"/>
      <c r="G30" s="157"/>
      <c r="H30" s="157"/>
      <c r="I30" s="157"/>
      <c r="J30" s="157"/>
      <c r="K30" s="157"/>
      <c r="L30" s="157"/>
      <c r="M30" s="157"/>
      <c r="N30" s="157"/>
      <c r="O30" s="157"/>
      <c r="P30" s="157"/>
      <c r="Q30" s="166"/>
    </row>
    <row r="31" spans="1:35" x14ac:dyDescent="0.3">
      <c r="A31" s="165"/>
      <c r="B31" s="157"/>
      <c r="C31" s="157"/>
      <c r="D31" s="157"/>
      <c r="E31" s="157"/>
      <c r="F31" s="157"/>
      <c r="G31" s="157"/>
      <c r="H31" s="157"/>
      <c r="I31" s="157"/>
      <c r="J31" s="157"/>
      <c r="K31" s="157"/>
      <c r="L31" s="157"/>
      <c r="M31" s="157"/>
      <c r="N31" s="157"/>
      <c r="O31" s="157"/>
      <c r="P31" s="157"/>
      <c r="Q31" s="166"/>
    </row>
    <row r="32" spans="1:35" x14ac:dyDescent="0.3">
      <c r="A32" s="86"/>
      <c r="B32" s="43"/>
      <c r="C32" s="43"/>
      <c r="D32" s="43"/>
      <c r="E32" s="43"/>
      <c r="F32" s="43"/>
      <c r="G32" s="43"/>
      <c r="H32" s="43"/>
      <c r="I32" s="43"/>
      <c r="J32" s="43"/>
      <c r="K32" s="43"/>
      <c r="L32" s="43"/>
      <c r="M32" s="43"/>
      <c r="N32" s="43"/>
      <c r="O32" s="43"/>
      <c r="P32" s="43"/>
      <c r="Q32" s="87"/>
    </row>
    <row r="33" spans="1:17" x14ac:dyDescent="0.3">
      <c r="A33" s="86"/>
      <c r="B33" s="43"/>
      <c r="C33" s="43"/>
      <c r="D33" s="43"/>
      <c r="E33" s="43"/>
      <c r="F33" s="43"/>
      <c r="G33" s="43"/>
      <c r="H33" s="43"/>
      <c r="I33" s="43"/>
      <c r="J33" s="43"/>
      <c r="K33" s="43"/>
      <c r="L33" s="43"/>
      <c r="M33" s="43"/>
      <c r="N33" s="43"/>
      <c r="O33" s="43"/>
      <c r="P33" s="43"/>
      <c r="Q33" s="87"/>
    </row>
    <row r="34" spans="1:17" x14ac:dyDescent="0.3">
      <c r="A34" s="86"/>
      <c r="B34" s="43"/>
      <c r="C34" s="43"/>
      <c r="D34" s="43"/>
      <c r="E34" s="43"/>
      <c r="F34" s="43"/>
      <c r="G34" s="43"/>
      <c r="H34" s="43"/>
      <c r="I34" s="43"/>
      <c r="J34" s="43"/>
      <c r="K34" s="43"/>
      <c r="L34" s="43"/>
      <c r="M34" s="43"/>
      <c r="N34" s="43"/>
      <c r="O34" s="43"/>
      <c r="P34" s="43"/>
      <c r="Q34" s="87"/>
    </row>
    <row r="35" spans="1:17" x14ac:dyDescent="0.3">
      <c r="A35" s="86"/>
      <c r="B35" s="43"/>
      <c r="C35" s="43"/>
      <c r="D35" s="43"/>
      <c r="E35" s="43"/>
      <c r="F35" s="43"/>
      <c r="G35" s="43"/>
      <c r="H35" s="43"/>
      <c r="I35" s="43"/>
      <c r="J35" s="43"/>
      <c r="K35" s="43"/>
      <c r="L35" s="43"/>
      <c r="M35" s="43"/>
      <c r="N35" s="43"/>
      <c r="O35" s="43"/>
      <c r="P35" s="43"/>
      <c r="Q35" s="87"/>
    </row>
    <row r="36" spans="1:17" x14ac:dyDescent="0.3">
      <c r="A36" s="86"/>
      <c r="B36" s="43"/>
      <c r="C36" s="43"/>
      <c r="D36" s="43"/>
      <c r="E36" s="43"/>
      <c r="F36" s="43"/>
      <c r="G36" s="43"/>
      <c r="H36" s="43"/>
      <c r="I36" s="43"/>
      <c r="J36" s="43"/>
      <c r="K36" s="43"/>
      <c r="L36" s="157"/>
      <c r="M36" s="158"/>
      <c r="N36" s="158"/>
      <c r="O36" s="158"/>
      <c r="P36" s="158"/>
      <c r="Q36" s="159"/>
    </row>
    <row r="37" spans="1:17" x14ac:dyDescent="0.3">
      <c r="A37" s="86"/>
      <c r="B37" s="43"/>
      <c r="C37" s="43"/>
      <c r="D37" s="43"/>
      <c r="E37" s="43"/>
      <c r="F37" s="43"/>
      <c r="G37" s="43"/>
      <c r="H37" s="43"/>
      <c r="I37" s="43"/>
      <c r="J37" s="43"/>
      <c r="K37" s="43"/>
      <c r="L37" s="158"/>
      <c r="M37" s="158"/>
      <c r="N37" s="158"/>
      <c r="O37" s="158"/>
      <c r="P37" s="158"/>
      <c r="Q37" s="159"/>
    </row>
    <row r="38" spans="1:17" x14ac:dyDescent="0.3">
      <c r="A38" s="86"/>
      <c r="B38" s="43"/>
      <c r="C38" s="43"/>
      <c r="D38" s="43"/>
      <c r="E38" s="43"/>
      <c r="F38" s="43"/>
      <c r="G38" s="43"/>
      <c r="H38" s="43"/>
      <c r="I38" s="43"/>
      <c r="J38" s="43"/>
      <c r="K38" s="43"/>
      <c r="L38" s="43"/>
      <c r="M38" s="43"/>
      <c r="N38" s="43"/>
      <c r="O38" s="43"/>
      <c r="P38" s="43"/>
      <c r="Q38" s="87"/>
    </row>
    <row r="39" spans="1:17" x14ac:dyDescent="0.3">
      <c r="A39" s="86"/>
      <c r="B39" s="43"/>
      <c r="C39" s="43"/>
      <c r="D39" s="43"/>
      <c r="E39" s="43"/>
      <c r="F39" s="43"/>
      <c r="G39" s="43"/>
      <c r="H39" s="43"/>
      <c r="I39" s="43"/>
      <c r="J39" s="43"/>
      <c r="K39" s="43"/>
      <c r="L39" s="43"/>
      <c r="M39" s="43"/>
      <c r="N39" s="43"/>
      <c r="O39" s="43"/>
      <c r="P39" s="43"/>
      <c r="Q39" s="87"/>
    </row>
    <row r="40" spans="1:17" x14ac:dyDescent="0.3">
      <c r="A40" s="86"/>
      <c r="B40" s="43"/>
      <c r="C40" s="43"/>
      <c r="D40" s="43"/>
      <c r="E40" s="43"/>
      <c r="F40" s="43"/>
      <c r="G40" s="43"/>
      <c r="H40" s="43"/>
      <c r="I40" s="43"/>
      <c r="J40" s="43"/>
      <c r="K40" s="43"/>
      <c r="L40" s="43"/>
      <c r="M40" s="43"/>
      <c r="N40" s="43"/>
      <c r="O40" s="43"/>
      <c r="P40" s="43"/>
      <c r="Q40" s="87"/>
    </row>
    <row r="41" spans="1:17" x14ac:dyDescent="0.3">
      <c r="A41" s="86"/>
      <c r="B41" s="43"/>
      <c r="C41" s="43"/>
      <c r="D41" s="43"/>
      <c r="E41" s="43"/>
      <c r="F41" s="43"/>
      <c r="G41" s="43"/>
      <c r="H41" s="43"/>
      <c r="I41" s="43"/>
      <c r="J41" s="43"/>
      <c r="K41" s="43"/>
      <c r="L41" s="43"/>
      <c r="M41" s="43"/>
      <c r="N41" s="43"/>
      <c r="O41" s="43"/>
      <c r="P41" s="43"/>
      <c r="Q41" s="87"/>
    </row>
    <row r="42" spans="1:17" x14ac:dyDescent="0.3">
      <c r="A42" s="86"/>
      <c r="B42" s="43"/>
      <c r="C42" s="43"/>
      <c r="D42" s="43"/>
      <c r="E42" s="43"/>
      <c r="F42" s="43"/>
      <c r="G42" s="43"/>
      <c r="H42" s="43"/>
      <c r="I42" s="43"/>
      <c r="J42" s="43"/>
      <c r="K42" s="43"/>
      <c r="L42" s="43"/>
      <c r="M42" s="43"/>
      <c r="N42" s="43"/>
      <c r="O42" s="43"/>
      <c r="P42" s="43"/>
      <c r="Q42" s="87"/>
    </row>
    <row r="43" spans="1:17" x14ac:dyDescent="0.3">
      <c r="A43" s="86"/>
      <c r="B43" s="43"/>
      <c r="C43" s="43"/>
      <c r="D43" s="43"/>
      <c r="E43" s="43"/>
      <c r="F43" s="43"/>
      <c r="G43" s="43"/>
      <c r="H43" s="43"/>
      <c r="I43" s="43"/>
      <c r="J43" s="43"/>
      <c r="K43" s="43"/>
      <c r="L43" s="43"/>
      <c r="M43" s="43"/>
      <c r="N43" s="43"/>
      <c r="O43" s="43"/>
      <c r="P43" s="43"/>
      <c r="Q43" s="87"/>
    </row>
    <row r="44" spans="1:17" x14ac:dyDescent="0.3">
      <c r="A44" s="86"/>
      <c r="B44" s="43"/>
      <c r="C44" s="43"/>
      <c r="D44" s="43"/>
      <c r="E44" s="43"/>
      <c r="F44" s="43"/>
      <c r="G44" s="43"/>
      <c r="H44" s="43"/>
      <c r="I44" s="43"/>
      <c r="J44" s="43"/>
      <c r="K44" s="43"/>
      <c r="L44" s="43"/>
      <c r="M44" s="43"/>
      <c r="N44" s="43"/>
      <c r="O44" s="43"/>
      <c r="P44" s="43"/>
      <c r="Q44" s="87"/>
    </row>
    <row r="45" spans="1:17" x14ac:dyDescent="0.3">
      <c r="A45" s="86"/>
      <c r="B45" s="43"/>
      <c r="C45" s="43"/>
      <c r="D45" s="43"/>
      <c r="E45" s="43"/>
      <c r="F45" s="43"/>
      <c r="G45" s="43"/>
      <c r="H45" s="43"/>
      <c r="I45" s="43"/>
      <c r="J45" s="43"/>
      <c r="K45" s="43"/>
      <c r="L45" s="43"/>
      <c r="M45" s="43"/>
      <c r="N45" s="43"/>
      <c r="O45" s="43"/>
      <c r="P45" s="43"/>
      <c r="Q45" s="87"/>
    </row>
    <row r="46" spans="1:17" x14ac:dyDescent="0.3">
      <c r="A46" s="86"/>
      <c r="B46" s="43"/>
      <c r="C46" s="43"/>
      <c r="D46" s="43"/>
      <c r="E46" s="43"/>
      <c r="F46" s="43"/>
      <c r="G46" s="43"/>
      <c r="H46" s="43"/>
      <c r="I46" s="43"/>
      <c r="J46" s="43"/>
      <c r="K46" s="43"/>
      <c r="L46" s="43"/>
      <c r="M46" s="43"/>
      <c r="N46" s="43"/>
      <c r="O46" s="43"/>
      <c r="P46" s="43"/>
      <c r="Q46" s="87"/>
    </row>
    <row r="47" spans="1:17" x14ac:dyDescent="0.3">
      <c r="A47" s="86"/>
      <c r="B47" s="43"/>
      <c r="C47" s="43"/>
      <c r="D47" s="43"/>
      <c r="E47" s="43"/>
      <c r="F47" s="43"/>
      <c r="G47" s="43"/>
      <c r="H47" s="43"/>
      <c r="I47" s="43"/>
      <c r="J47" s="43"/>
      <c r="K47" s="43"/>
      <c r="L47" s="43"/>
      <c r="M47" s="43"/>
      <c r="N47" s="43"/>
      <c r="O47" s="43"/>
      <c r="P47" s="43"/>
      <c r="Q47" s="87"/>
    </row>
    <row r="48" spans="1:17" x14ac:dyDescent="0.3">
      <c r="A48" s="86"/>
      <c r="B48" s="43"/>
      <c r="C48" s="43"/>
      <c r="D48" s="43"/>
      <c r="E48" s="43"/>
      <c r="F48" s="43"/>
      <c r="G48" s="43"/>
      <c r="H48" s="43"/>
      <c r="I48" s="43"/>
      <c r="J48" s="43"/>
      <c r="K48" s="43"/>
      <c r="L48" s="43"/>
      <c r="M48" s="43"/>
      <c r="N48" s="43"/>
      <c r="O48" s="43"/>
      <c r="P48" s="43"/>
      <c r="Q48" s="87"/>
    </row>
    <row r="49" spans="1:17" x14ac:dyDescent="0.3">
      <c r="A49" s="86"/>
      <c r="B49" s="43"/>
      <c r="C49" s="43"/>
      <c r="D49" s="43"/>
      <c r="E49" s="43"/>
      <c r="F49" s="43"/>
      <c r="G49" s="43"/>
      <c r="H49" s="43"/>
      <c r="I49" s="43"/>
      <c r="J49" s="43"/>
      <c r="K49" s="43"/>
      <c r="L49" s="43"/>
      <c r="M49" s="43"/>
      <c r="N49" s="43"/>
      <c r="O49" s="43"/>
      <c r="P49" s="43"/>
      <c r="Q49" s="87"/>
    </row>
    <row r="50" spans="1:17" x14ac:dyDescent="0.3">
      <c r="A50" s="86"/>
      <c r="B50" s="43"/>
      <c r="C50" s="43"/>
      <c r="D50" s="43"/>
      <c r="E50" s="43"/>
      <c r="F50" s="43"/>
      <c r="G50" s="43"/>
      <c r="H50" s="43"/>
      <c r="I50" s="43"/>
      <c r="J50" s="43"/>
      <c r="K50" s="43"/>
      <c r="L50" s="43"/>
      <c r="M50" s="43"/>
      <c r="N50" s="43"/>
      <c r="O50" s="43"/>
      <c r="P50" s="43"/>
      <c r="Q50" s="87"/>
    </row>
    <row r="51" spans="1:17" x14ac:dyDescent="0.3">
      <c r="A51" s="86"/>
      <c r="B51" s="43"/>
      <c r="C51" s="43"/>
      <c r="D51" s="43"/>
      <c r="E51" s="43"/>
      <c r="F51" s="43"/>
      <c r="G51" s="43"/>
      <c r="H51" s="43"/>
      <c r="I51" s="43"/>
      <c r="J51" s="43"/>
      <c r="K51" s="43"/>
      <c r="L51" s="43"/>
      <c r="M51" s="43"/>
      <c r="N51" s="43"/>
      <c r="O51" s="43"/>
      <c r="P51" s="43"/>
      <c r="Q51" s="87"/>
    </row>
    <row r="52" spans="1:17" x14ac:dyDescent="0.3">
      <c r="A52" s="86"/>
      <c r="B52" s="43"/>
      <c r="C52" s="43"/>
      <c r="D52" s="43"/>
      <c r="E52" s="43"/>
      <c r="F52" s="43"/>
      <c r="G52" s="43"/>
      <c r="H52" s="43"/>
      <c r="I52" s="43"/>
      <c r="J52" s="43"/>
      <c r="K52" s="43"/>
      <c r="L52" s="43"/>
      <c r="M52" s="43"/>
      <c r="N52" s="43"/>
      <c r="O52" s="43"/>
      <c r="P52" s="43"/>
      <c r="Q52" s="87"/>
    </row>
    <row r="53" spans="1:17" x14ac:dyDescent="0.3">
      <c r="A53" s="86"/>
      <c r="B53" s="43"/>
      <c r="C53" s="43"/>
      <c r="D53" s="43"/>
      <c r="E53" s="43"/>
      <c r="F53" s="43"/>
      <c r="G53" s="43"/>
      <c r="H53" s="43"/>
      <c r="I53" s="43"/>
      <c r="J53" s="43"/>
      <c r="K53" s="43"/>
      <c r="L53" s="43"/>
      <c r="M53" s="43"/>
      <c r="N53" s="43"/>
      <c r="O53" s="43"/>
      <c r="P53" s="43"/>
      <c r="Q53" s="87"/>
    </row>
    <row r="54" spans="1:17" x14ac:dyDescent="0.3">
      <c r="A54" s="86"/>
      <c r="B54" s="43"/>
      <c r="C54" s="43"/>
      <c r="D54" s="43"/>
      <c r="E54" s="43"/>
      <c r="F54" s="43"/>
      <c r="G54" s="43"/>
      <c r="H54" s="43"/>
      <c r="I54" s="43"/>
      <c r="J54" s="43"/>
      <c r="K54" s="43"/>
      <c r="L54" s="43"/>
      <c r="M54" s="43"/>
      <c r="N54" s="43"/>
      <c r="O54" s="43"/>
      <c r="P54" s="43"/>
      <c r="Q54" s="87"/>
    </row>
    <row r="55" spans="1:17" x14ac:dyDescent="0.3">
      <c r="A55" s="86"/>
      <c r="B55" s="43"/>
      <c r="C55" s="43"/>
      <c r="D55" s="43"/>
      <c r="E55" s="43"/>
      <c r="F55" s="43"/>
      <c r="G55" s="43"/>
      <c r="H55" s="43"/>
      <c r="I55" s="43"/>
      <c r="J55" s="43"/>
      <c r="K55" s="43"/>
      <c r="L55" s="43"/>
      <c r="M55" s="43"/>
      <c r="N55" s="43"/>
      <c r="O55" s="43"/>
      <c r="P55" s="43"/>
      <c r="Q55" s="87"/>
    </row>
    <row r="56" spans="1:17" x14ac:dyDescent="0.3">
      <c r="A56" s="86"/>
      <c r="B56" s="43"/>
      <c r="C56" s="43"/>
      <c r="D56" s="43"/>
      <c r="E56" s="43"/>
      <c r="F56" s="43"/>
      <c r="G56" s="43"/>
      <c r="H56" s="43"/>
      <c r="I56" s="43"/>
      <c r="J56" s="43"/>
      <c r="K56" s="43"/>
      <c r="L56" s="43"/>
      <c r="M56" s="43"/>
      <c r="N56" s="43"/>
      <c r="O56" s="43"/>
      <c r="P56" s="43"/>
      <c r="Q56" s="87"/>
    </row>
    <row r="57" spans="1:17" x14ac:dyDescent="0.3">
      <c r="A57" s="86"/>
      <c r="B57" s="43"/>
      <c r="C57" s="43"/>
      <c r="D57" s="43"/>
      <c r="E57" s="43"/>
      <c r="F57" s="43"/>
      <c r="G57" s="43"/>
      <c r="H57" s="43"/>
      <c r="I57" s="43"/>
      <c r="J57" s="43"/>
      <c r="K57" s="43"/>
      <c r="L57" s="43"/>
      <c r="M57" s="43"/>
      <c r="N57" s="43"/>
      <c r="O57" s="43"/>
      <c r="P57" s="43"/>
      <c r="Q57" s="87"/>
    </row>
    <row r="58" spans="1:17" x14ac:dyDescent="0.3">
      <c r="A58" s="86"/>
      <c r="B58" s="43"/>
      <c r="C58" s="43"/>
      <c r="D58" s="43"/>
      <c r="E58" s="43"/>
      <c r="F58" s="43"/>
      <c r="G58" s="43"/>
      <c r="H58" s="43"/>
      <c r="I58" s="43"/>
      <c r="J58" s="43"/>
      <c r="K58" s="43"/>
      <c r="L58" s="43"/>
      <c r="M58" s="43"/>
      <c r="N58" s="43"/>
      <c r="O58" s="43"/>
      <c r="P58" s="43"/>
      <c r="Q58" s="87"/>
    </row>
    <row r="59" spans="1:17" x14ac:dyDescent="0.3">
      <c r="A59" s="86"/>
      <c r="B59" s="43"/>
      <c r="C59" s="43"/>
      <c r="D59" s="43"/>
      <c r="E59" s="43"/>
      <c r="F59" s="43"/>
      <c r="G59" s="43"/>
      <c r="H59" s="43"/>
      <c r="I59" s="43"/>
      <c r="J59" s="43"/>
      <c r="K59" s="43"/>
      <c r="L59" s="43"/>
      <c r="M59" s="43"/>
      <c r="N59" s="43"/>
      <c r="O59" s="43"/>
      <c r="P59" s="43"/>
      <c r="Q59" s="87"/>
    </row>
    <row r="60" spans="1:17" x14ac:dyDescent="0.3">
      <c r="A60" s="86"/>
      <c r="B60" s="43"/>
      <c r="C60" s="43"/>
      <c r="D60" s="43"/>
      <c r="E60" s="43"/>
      <c r="F60" s="43"/>
      <c r="G60" s="43"/>
      <c r="H60" s="43"/>
      <c r="I60" s="43"/>
      <c r="J60" s="43"/>
      <c r="K60" s="43"/>
      <c r="L60" s="43"/>
      <c r="M60" s="43"/>
      <c r="N60" s="43"/>
      <c r="O60" s="43"/>
      <c r="P60" s="43"/>
      <c r="Q60" s="87"/>
    </row>
    <row r="61" spans="1:17" x14ac:dyDescent="0.3">
      <c r="A61" s="86"/>
      <c r="B61" s="43"/>
      <c r="C61" s="43"/>
      <c r="D61" s="43"/>
      <c r="E61" s="43"/>
      <c r="F61" s="43"/>
      <c r="G61" s="43"/>
      <c r="H61" s="43"/>
      <c r="I61" s="43"/>
      <c r="J61" s="43"/>
      <c r="K61" s="43"/>
      <c r="L61" s="43"/>
      <c r="M61" s="43"/>
      <c r="N61" s="43"/>
      <c r="O61" s="43"/>
      <c r="P61" s="43"/>
      <c r="Q61" s="87"/>
    </row>
    <row r="62" spans="1:17" x14ac:dyDescent="0.3">
      <c r="A62" s="86"/>
      <c r="B62" s="43"/>
      <c r="C62" s="43"/>
      <c r="D62" s="43"/>
      <c r="E62" s="43"/>
      <c r="F62" s="43"/>
      <c r="G62" s="43"/>
      <c r="H62" s="43"/>
      <c r="I62" s="43"/>
      <c r="J62" s="43"/>
      <c r="K62" s="43"/>
      <c r="L62" s="43"/>
      <c r="M62" s="43"/>
      <c r="N62" s="43"/>
      <c r="O62" s="43"/>
      <c r="P62" s="43"/>
      <c r="Q62" s="87"/>
    </row>
    <row r="63" spans="1:17" x14ac:dyDescent="0.3">
      <c r="A63" s="86"/>
      <c r="B63" s="43"/>
      <c r="C63" s="43"/>
      <c r="D63" s="43"/>
      <c r="E63" s="43"/>
      <c r="F63" s="43"/>
      <c r="G63" s="43"/>
      <c r="H63" s="43"/>
      <c r="I63" s="43"/>
      <c r="J63" s="43"/>
      <c r="K63" s="43"/>
      <c r="L63" s="43"/>
      <c r="M63" s="43"/>
      <c r="N63" s="43"/>
      <c r="O63" s="43"/>
      <c r="P63" s="43"/>
      <c r="Q63" s="87"/>
    </row>
    <row r="64" spans="1:17" x14ac:dyDescent="0.3">
      <c r="A64" s="86"/>
      <c r="B64" s="43"/>
      <c r="C64" s="43"/>
      <c r="D64" s="43"/>
      <c r="E64" s="43"/>
      <c r="F64" s="43"/>
      <c r="G64" s="43"/>
      <c r="H64" s="43"/>
      <c r="I64" s="43"/>
      <c r="J64" s="43"/>
      <c r="K64" s="43"/>
      <c r="L64" s="43"/>
      <c r="M64" s="43"/>
      <c r="N64" s="43"/>
      <c r="O64" s="43"/>
      <c r="P64" s="43"/>
      <c r="Q64" s="87"/>
    </row>
    <row r="65" spans="1:17" x14ac:dyDescent="0.3">
      <c r="A65" s="86"/>
      <c r="B65" s="43"/>
      <c r="C65" s="43"/>
      <c r="D65" s="43"/>
      <c r="E65" s="43"/>
      <c r="F65" s="43"/>
      <c r="G65" s="43"/>
      <c r="H65" s="43"/>
      <c r="I65" s="43"/>
      <c r="J65" s="43"/>
      <c r="K65" s="43"/>
      <c r="L65" s="43"/>
      <c r="M65" s="43"/>
      <c r="N65" s="43"/>
      <c r="O65" s="43"/>
      <c r="P65" s="43"/>
      <c r="Q65" s="87"/>
    </row>
    <row r="66" spans="1:17" ht="15" thickBot="1" x14ac:dyDescent="0.35">
      <c r="A66" s="88"/>
      <c r="B66" s="89"/>
      <c r="C66" s="89"/>
      <c r="D66" s="89"/>
      <c r="E66" s="89"/>
      <c r="F66" s="89"/>
      <c r="G66" s="89"/>
      <c r="H66" s="89"/>
      <c r="I66" s="89"/>
      <c r="J66" s="89"/>
      <c r="K66" s="89"/>
      <c r="L66" s="89"/>
      <c r="M66" s="89"/>
      <c r="N66" s="89"/>
      <c r="O66" s="89"/>
      <c r="P66" s="89"/>
      <c r="Q66" s="90"/>
    </row>
  </sheetData>
  <mergeCells count="4">
    <mergeCell ref="A1:Q22"/>
    <mergeCell ref="L36:Q37"/>
    <mergeCell ref="AD24:AI25"/>
    <mergeCell ref="A23:Q31"/>
  </mergeCells>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1C35477-0E21-42DC-B49E-6A372CF7CFFB}">
  <dimension ref="B3:S8767"/>
  <sheetViews>
    <sheetView zoomScale="85" zoomScaleNormal="85" workbookViewId="0">
      <selection activeCell="M11" sqref="M11"/>
    </sheetView>
  </sheetViews>
  <sheetFormatPr defaultColWidth="8.88671875" defaultRowHeight="14.4" x14ac:dyDescent="0.3"/>
  <cols>
    <col min="1" max="1" width="8.88671875" style="43"/>
    <col min="2" max="2" width="8.88671875" style="44"/>
    <col min="3" max="17" width="8.88671875" style="43"/>
    <col min="18" max="18" width="10.21875" style="72" bestFit="1" customWidth="1"/>
    <col min="19" max="16384" width="8.88671875" style="43"/>
  </cols>
  <sheetData>
    <row r="3" spans="2:19" ht="15.6" x14ac:dyDescent="0.3">
      <c r="C3" s="52" t="s">
        <v>53</v>
      </c>
    </row>
    <row r="5" spans="2:19" x14ac:dyDescent="0.3">
      <c r="C5" s="41" t="s">
        <v>54</v>
      </c>
      <c r="I5" s="41" t="s">
        <v>57</v>
      </c>
    </row>
    <row r="6" spans="2:19" ht="15" thickBot="1" x14ac:dyDescent="0.35">
      <c r="B6" s="42"/>
      <c r="I6" s="167" t="s">
        <v>73</v>
      </c>
      <c r="J6" s="167"/>
      <c r="K6" s="167"/>
      <c r="L6" s="167"/>
      <c r="M6" s="167"/>
      <c r="N6" s="167" t="s">
        <v>72</v>
      </c>
      <c r="O6" s="167"/>
      <c r="P6" s="167"/>
      <c r="Q6" s="167"/>
      <c r="R6" s="73"/>
    </row>
    <row r="7" spans="2:19" ht="15" thickBot="1" x14ac:dyDescent="0.35">
      <c r="B7" s="42" t="s">
        <v>59</v>
      </c>
      <c r="C7" s="53" t="s">
        <v>32</v>
      </c>
      <c r="D7" s="54" t="s">
        <v>33</v>
      </c>
      <c r="E7" s="54" t="s">
        <v>34</v>
      </c>
      <c r="F7" s="54" t="s">
        <v>35</v>
      </c>
      <c r="G7" s="55" t="s">
        <v>36</v>
      </c>
      <c r="H7" s="42" t="s">
        <v>58</v>
      </c>
      <c r="I7" s="53" t="s">
        <v>32</v>
      </c>
      <c r="J7" s="54" t="s">
        <v>33</v>
      </c>
      <c r="K7" s="54" t="s">
        <v>34</v>
      </c>
      <c r="L7" s="54" t="s">
        <v>35</v>
      </c>
      <c r="M7" s="55" t="s">
        <v>36</v>
      </c>
      <c r="N7" s="53" t="s">
        <v>32</v>
      </c>
      <c r="O7" s="54" t="s">
        <v>33</v>
      </c>
      <c r="P7" s="54" t="s">
        <v>34</v>
      </c>
      <c r="Q7" s="54" t="s">
        <v>35</v>
      </c>
      <c r="R7" s="80" t="s">
        <v>68</v>
      </c>
    </row>
    <row r="8" spans="2:19" x14ac:dyDescent="0.3">
      <c r="B8" s="44">
        <v>1</v>
      </c>
      <c r="C8" s="56">
        <f>Jesper!AM2</f>
        <v>8.7809313366473098</v>
      </c>
      <c r="D8" s="57">
        <f>Jesper!AN2</f>
        <v>29.269771122157699</v>
      </c>
      <c r="E8" s="57">
        <f>Jesper!AO2</f>
        <v>43.904656683236546</v>
      </c>
      <c r="F8" s="57">
        <f>Jesper!AP2</f>
        <v>210.74235207953541</v>
      </c>
      <c r="G8" s="58">
        <f>Jesper!AQ2</f>
        <v>0</v>
      </c>
      <c r="H8" s="44">
        <v>1</v>
      </c>
      <c r="I8" s="56">
        <f>Bühler!I34</f>
        <v>8.3231576650685354E-2</v>
      </c>
      <c r="J8" s="57">
        <f>Bühler!J34</f>
        <v>0.27743858883561784</v>
      </c>
      <c r="K8" s="57">
        <f>Bühler!K34</f>
        <v>0.41615788325342679</v>
      </c>
      <c r="L8" s="57">
        <f>Bühler!L34</f>
        <v>1.9975578396164484</v>
      </c>
      <c r="M8" s="58">
        <f>Bühler!M34</f>
        <v>0</v>
      </c>
      <c r="N8" s="81">
        <f>IF(Input!$D$19=1,J8*Input!$C$19,0)+IF(Input!$D$20=1,K8*Input!$C$20,0)+IF(Input!$D$21=1,L8*Input!$C$21,0)+IF(Input!$D$22=1,M8*Input!$C$22,0)</f>
        <v>8.3231576650685354E-2</v>
      </c>
      <c r="O8" s="57">
        <f>IF(Input!$D$19=2,J8*Input!$C$19,0)+IF(Input!$D$20=2,K8*Input!$C$20,0)+IF(Input!$D$21=2,L8*Input!$C$21,0)+IF(Input!$D$22=2,M8*Input!$C$22,0)</f>
        <v>0.20807894162671339</v>
      </c>
      <c r="P8" s="57">
        <f>IF(Input!$D$19=3,J8*Input!$C$19,0)+IF(Input!$D$20=3,K8*Input!$C$20,0)+IF(Input!$D$21=3,L8*Input!$C$21,0)+IF(Input!$D$22=3,M8*Input!$C$22,0)</f>
        <v>0</v>
      </c>
      <c r="Q8" s="74">
        <f>IF(Input!$D$19=4,J8*Input!$C$19,0)+IF(Input!$D$20=4,K8*Input!$C$20,0)+IF(Input!$D$21=4,L8*Input!$C$21,0)+IF(Input!$D$22=4,M8*Input!$C$22,0)</f>
        <v>0</v>
      </c>
      <c r="R8" s="82" cm="1">
        <f t="array" ref="R8:R8767">ELMAS!B2:B8761*Input!$F$13/SUM(ELMAS!B2:B8761)</f>
        <v>45.235063748903443</v>
      </c>
      <c r="S8" s="124">
        <f>I8+J8</f>
        <v>0.36067016548630321</v>
      </c>
    </row>
    <row r="9" spans="2:19" x14ac:dyDescent="0.3">
      <c r="B9" s="44">
        <v>2</v>
      </c>
      <c r="C9" s="56">
        <f>Jesper!AM3</f>
        <v>8.9631726100448059</v>
      </c>
      <c r="D9" s="59">
        <f>Jesper!AN3</f>
        <v>29.877242033482688</v>
      </c>
      <c r="E9" s="59">
        <f>Jesper!AO3</f>
        <v>44.815863050224024</v>
      </c>
      <c r="F9" s="59">
        <f>Jesper!AP3</f>
        <v>215.11614264107533</v>
      </c>
      <c r="G9" s="58">
        <f>Jesper!AQ3</f>
        <v>0</v>
      </c>
      <c r="H9" s="44">
        <v>2</v>
      </c>
      <c r="I9" s="56">
        <f>Bühler!I35</f>
        <v>8.3231576650685354E-2</v>
      </c>
      <c r="J9" s="59">
        <f>Bühler!J35</f>
        <v>0.27743858883561784</v>
      </c>
      <c r="K9" s="59">
        <f>Bühler!K35</f>
        <v>0.41615788325342679</v>
      </c>
      <c r="L9" s="59">
        <f>Bühler!L35</f>
        <v>1.9975578396164484</v>
      </c>
      <c r="M9" s="58">
        <f>Bühler!M35</f>
        <v>0</v>
      </c>
      <c r="N9" s="56">
        <f>IF(Input!$D$19=1,J9*Input!$C$19,0)+IF(Input!$D$20=1,K9*Input!$C$20,0)+IF(Input!$D$21=1,L9*Input!$C$21,0)+IF(Input!$D$22=1,M9*Input!$C$22,0)</f>
        <v>8.3231576650685354E-2</v>
      </c>
      <c r="O9" s="59">
        <f>IF(Input!$D$19=2,J9*Input!$C$19,0)+IF(Input!$D$20=2,K9*Input!$C$20,0)+IF(Input!$D$21=2,L9*Input!$C$21,0)+IF(Input!$D$22=2,M9*Input!$C$22,0)</f>
        <v>0.20807894162671339</v>
      </c>
      <c r="P9" s="59">
        <f>IF(Input!$D$19=3,J9*Input!$C$19,0)+IF(Input!$D$20=3,K9*Input!$C$20,0)+IF(Input!$D$21=3,L9*Input!$C$21,0)+IF(Input!$D$22=3,M9*Input!$C$22,0)</f>
        <v>0</v>
      </c>
      <c r="Q9" s="75">
        <f>IF(Input!$D$19=4,J9*Input!$C$19,0)+IF(Input!$D$20=4,K9*Input!$C$20,0)+IF(Input!$D$21=4,L9*Input!$C$21,0)+IF(Input!$D$22=4,M9*Input!$C$22,0)</f>
        <v>0</v>
      </c>
      <c r="R9" s="58">
        <v>45.522892303918894</v>
      </c>
      <c r="S9" s="124">
        <f t="shared" ref="S9:S72" si="0">I9+J9</f>
        <v>0.36067016548630321</v>
      </c>
    </row>
    <row r="10" spans="2:19" x14ac:dyDescent="0.3">
      <c r="B10" s="44">
        <v>3</v>
      </c>
      <c r="C10" s="56">
        <f>Jesper!AM4</f>
        <v>8.8781266824593068</v>
      </c>
      <c r="D10" s="59">
        <f>Jesper!AN4</f>
        <v>29.593755608197689</v>
      </c>
      <c r="E10" s="59">
        <f>Jesper!AO4</f>
        <v>44.39063341229653</v>
      </c>
      <c r="F10" s="59">
        <f>Jesper!AP4</f>
        <v>213.07504037902333</v>
      </c>
      <c r="G10" s="58">
        <f>Jesper!AQ4</f>
        <v>0</v>
      </c>
      <c r="H10" s="44">
        <v>3</v>
      </c>
      <c r="I10" s="56">
        <f>Bühler!I36</f>
        <v>8.3231576650685354E-2</v>
      </c>
      <c r="J10" s="59">
        <f>Bühler!J36</f>
        <v>0.27743858883561784</v>
      </c>
      <c r="K10" s="59">
        <f>Bühler!K36</f>
        <v>0.41615788325342679</v>
      </c>
      <c r="L10" s="59">
        <f>Bühler!L36</f>
        <v>1.9975578396164484</v>
      </c>
      <c r="M10" s="58">
        <f>Bühler!M36</f>
        <v>0</v>
      </c>
      <c r="N10" s="56">
        <f>IF(Input!$D$19=1,J10*Input!$C$19,0)+IF(Input!$D$20=1,K10*Input!$C$20,0)+IF(Input!$D$21=1,L10*Input!$C$21,0)+IF(Input!$D$22=1,M10*Input!$C$22,0)</f>
        <v>8.3231576650685354E-2</v>
      </c>
      <c r="O10" s="59">
        <f>IF(Input!$D$19=2,J10*Input!$C$19,0)+IF(Input!$D$20=2,K10*Input!$C$20,0)+IF(Input!$D$21=2,L10*Input!$C$21,0)+IF(Input!$D$22=2,M10*Input!$C$22,0)</f>
        <v>0.20807894162671339</v>
      </c>
      <c r="P10" s="59">
        <f>IF(Input!$D$19=3,J10*Input!$C$19,0)+IF(Input!$D$20=3,K10*Input!$C$20,0)+IF(Input!$D$21=3,L10*Input!$C$21,0)+IF(Input!$D$22=3,M10*Input!$C$22,0)</f>
        <v>0</v>
      </c>
      <c r="Q10" s="75">
        <f>IF(Input!$D$19=4,J10*Input!$C$19,0)+IF(Input!$D$20=4,K10*Input!$C$20,0)+IF(Input!$D$21=4,L10*Input!$C$21,0)+IF(Input!$D$22=4,M10*Input!$C$22,0)</f>
        <v>0</v>
      </c>
      <c r="R10" s="58">
        <v>46.361233054514209</v>
      </c>
      <c r="S10" s="124">
        <f t="shared" si="0"/>
        <v>0.36067016548630321</v>
      </c>
    </row>
    <row r="11" spans="2:19" x14ac:dyDescent="0.3">
      <c r="B11" s="44">
        <v>4</v>
      </c>
      <c r="C11" s="56">
        <f>Jesper!AM5</f>
        <v>8.865977264232809</v>
      </c>
      <c r="D11" s="59">
        <f>Jesper!AN5</f>
        <v>29.553257547442698</v>
      </c>
      <c r="E11" s="59">
        <f>Jesper!AO5</f>
        <v>44.329886321164039</v>
      </c>
      <c r="F11" s="59">
        <f>Jesper!AP5</f>
        <v>212.7834543415874</v>
      </c>
      <c r="G11" s="58">
        <f>Jesper!AQ5</f>
        <v>0</v>
      </c>
      <c r="H11" s="44">
        <v>4</v>
      </c>
      <c r="I11" s="56">
        <f>Bühler!I37</f>
        <v>8.3231576650685354E-2</v>
      </c>
      <c r="J11" s="59">
        <f>Bühler!J37</f>
        <v>0.27743858883561784</v>
      </c>
      <c r="K11" s="59">
        <f>Bühler!K37</f>
        <v>0.41615788325342679</v>
      </c>
      <c r="L11" s="59">
        <f>Bühler!L37</f>
        <v>1.9975578396164484</v>
      </c>
      <c r="M11" s="58">
        <f>Bühler!M37</f>
        <v>0</v>
      </c>
      <c r="N11" s="56">
        <f>IF(Input!$D$19=1,J11*Input!$C$19,0)+IF(Input!$D$20=1,K11*Input!$C$20,0)+IF(Input!$D$21=1,L11*Input!$C$21,0)+IF(Input!$D$22=1,M11*Input!$C$22,0)</f>
        <v>8.3231576650685354E-2</v>
      </c>
      <c r="O11" s="59">
        <f>IF(Input!$D$19=2,J11*Input!$C$19,0)+IF(Input!$D$20=2,K11*Input!$C$20,0)+IF(Input!$D$21=2,L11*Input!$C$21,0)+IF(Input!$D$22=2,M11*Input!$C$22,0)</f>
        <v>0.20807894162671339</v>
      </c>
      <c r="P11" s="59">
        <f>IF(Input!$D$19=3,J11*Input!$C$19,0)+IF(Input!$D$20=3,K11*Input!$C$20,0)+IF(Input!$D$21=3,L11*Input!$C$21,0)+IF(Input!$D$22=3,M11*Input!$C$22,0)</f>
        <v>0</v>
      </c>
      <c r="Q11" s="75">
        <f>IF(Input!$D$19=4,J11*Input!$C$19,0)+IF(Input!$D$20=4,K11*Input!$C$20,0)+IF(Input!$D$21=4,L11*Input!$C$21,0)+IF(Input!$D$22=4,M11*Input!$C$22,0)</f>
        <v>0</v>
      </c>
      <c r="R11" s="58">
        <v>47.055945947066405</v>
      </c>
      <c r="S11" s="124">
        <f t="shared" si="0"/>
        <v>0.36067016548630321</v>
      </c>
    </row>
    <row r="12" spans="2:19" x14ac:dyDescent="0.3">
      <c r="B12" s="44">
        <v>5</v>
      </c>
      <c r="C12" s="56">
        <f>Jesper!AM6</f>
        <v>8.8173795913268105</v>
      </c>
      <c r="D12" s="59">
        <f>Jesper!AN6</f>
        <v>29.391265304422703</v>
      </c>
      <c r="E12" s="59">
        <f>Jesper!AO6</f>
        <v>44.086897956634047</v>
      </c>
      <c r="F12" s="59">
        <f>Jesper!AP6</f>
        <v>211.61711019184344</v>
      </c>
      <c r="G12" s="58">
        <f>Jesper!AQ6</f>
        <v>0</v>
      </c>
      <c r="H12" s="44">
        <v>5</v>
      </c>
      <c r="I12" s="56">
        <f>Bühler!I38</f>
        <v>8.3231576650685354E-2</v>
      </c>
      <c r="J12" s="59">
        <f>Bühler!J38</f>
        <v>0.27743858883561784</v>
      </c>
      <c r="K12" s="59">
        <f>Bühler!K38</f>
        <v>0.41615788325342679</v>
      </c>
      <c r="L12" s="59">
        <f>Bühler!L38</f>
        <v>1.9975578396164484</v>
      </c>
      <c r="M12" s="58">
        <f>Bühler!M38</f>
        <v>0</v>
      </c>
      <c r="N12" s="56">
        <f>IF(Input!$D$19=1,J12*Input!$C$19,0)+IF(Input!$D$20=1,K12*Input!$C$20,0)+IF(Input!$D$21=1,L12*Input!$C$21,0)+IF(Input!$D$22=1,M12*Input!$C$22,0)</f>
        <v>8.3231576650685354E-2</v>
      </c>
      <c r="O12" s="59">
        <f>IF(Input!$D$19=2,J12*Input!$C$19,0)+IF(Input!$D$20=2,K12*Input!$C$20,0)+IF(Input!$D$21=2,L12*Input!$C$21,0)+IF(Input!$D$22=2,M12*Input!$C$22,0)</f>
        <v>0.20807894162671339</v>
      </c>
      <c r="P12" s="59">
        <f>IF(Input!$D$19=3,J12*Input!$C$19,0)+IF(Input!$D$20=3,K12*Input!$C$20,0)+IF(Input!$D$21=3,L12*Input!$C$21,0)+IF(Input!$D$22=3,M12*Input!$C$22,0)</f>
        <v>0</v>
      </c>
      <c r="Q12" s="75">
        <f>IF(Input!$D$19=4,J12*Input!$C$19,0)+IF(Input!$D$20=4,K12*Input!$C$20,0)+IF(Input!$D$21=4,L12*Input!$C$21,0)+IF(Input!$D$22=4,M12*Input!$C$22,0)</f>
        <v>0</v>
      </c>
      <c r="R12" s="58">
        <v>49.397788748252843</v>
      </c>
      <c r="S12" s="124">
        <f t="shared" si="0"/>
        <v>0.36067016548630321</v>
      </c>
    </row>
    <row r="13" spans="2:19" x14ac:dyDescent="0.3">
      <c r="B13" s="44">
        <v>6</v>
      </c>
      <c r="C13" s="56">
        <f>Jesper!AM7</f>
        <v>5.7038352570991089</v>
      </c>
      <c r="D13" s="59">
        <f>Jesper!AN7</f>
        <v>19.012784190330365</v>
      </c>
      <c r="E13" s="59">
        <f>Jesper!AO7</f>
        <v>28.519176285495551</v>
      </c>
      <c r="F13" s="59">
        <f>Jesper!AP7</f>
        <v>278.05497758443312</v>
      </c>
      <c r="G13" s="58">
        <f>Jesper!AQ7</f>
        <v>0</v>
      </c>
      <c r="H13" s="44">
        <v>6</v>
      </c>
      <c r="I13" s="56">
        <f>Bühler!I39</f>
        <v>0.36067016548630321</v>
      </c>
      <c r="J13" s="59">
        <f>Bühler!J39</f>
        <v>1.2022338849543441</v>
      </c>
      <c r="K13" s="59">
        <f>Bühler!K39</f>
        <v>1.8033508274315162</v>
      </c>
      <c r="L13" s="59">
        <f>Bühler!L39</f>
        <v>8.6560839716712774</v>
      </c>
      <c r="M13" s="58">
        <f>Bühler!M39</f>
        <v>0</v>
      </c>
      <c r="N13" s="56">
        <f>IF(Input!$D$19=1,J13*Input!$C$19,0)+IF(Input!$D$20=1,K13*Input!$C$20,0)+IF(Input!$D$21=1,L13*Input!$C$21,0)+IF(Input!$D$22=1,M13*Input!$C$22,0)</f>
        <v>0.36067016548630321</v>
      </c>
      <c r="O13" s="59">
        <f>IF(Input!$D$19=2,J13*Input!$C$19,0)+IF(Input!$D$20=2,K13*Input!$C$20,0)+IF(Input!$D$21=2,L13*Input!$C$21,0)+IF(Input!$D$22=2,M13*Input!$C$22,0)</f>
        <v>0.9016754137157581</v>
      </c>
      <c r="P13" s="59">
        <f>IF(Input!$D$19=3,J13*Input!$C$19,0)+IF(Input!$D$20=3,K13*Input!$C$20,0)+IF(Input!$D$21=3,L13*Input!$C$21,0)+IF(Input!$D$22=3,M13*Input!$C$22,0)</f>
        <v>0</v>
      </c>
      <c r="Q13" s="75">
        <f>IF(Input!$D$19=4,J13*Input!$C$19,0)+IF(Input!$D$20=4,K13*Input!$C$20,0)+IF(Input!$D$21=4,L13*Input!$C$21,0)+IF(Input!$D$22=4,M13*Input!$C$22,0)</f>
        <v>0</v>
      </c>
      <c r="R13" s="58">
        <v>53.576351765269514</v>
      </c>
      <c r="S13" s="124">
        <f t="shared" si="0"/>
        <v>1.5629040504406473</v>
      </c>
    </row>
    <row r="14" spans="2:19" x14ac:dyDescent="0.3">
      <c r="B14" s="44">
        <v>7</v>
      </c>
      <c r="C14" s="56">
        <f>Jesper!AM8</f>
        <v>5.3677199556426354</v>
      </c>
      <c r="D14" s="59">
        <f>Jesper!AN8</f>
        <v>17.89239985214212</v>
      </c>
      <c r="E14" s="59">
        <f>Jesper!AO8</f>
        <v>26.83859977821318</v>
      </c>
      <c r="F14" s="59">
        <f>Jesper!AP8</f>
        <v>270.47348589673254</v>
      </c>
      <c r="G14" s="58">
        <f>Jesper!AQ8</f>
        <v>0</v>
      </c>
      <c r="H14" s="44">
        <v>7</v>
      </c>
      <c r="I14" s="56">
        <f>Bühler!I40</f>
        <v>0.40922191853253637</v>
      </c>
      <c r="J14" s="59">
        <f>Bühler!J40</f>
        <v>1.3640730617751213</v>
      </c>
      <c r="K14" s="59">
        <f>Bühler!K40</f>
        <v>2.046109592662682</v>
      </c>
      <c r="L14" s="59">
        <f>Bühler!L40</f>
        <v>9.8213260447808732</v>
      </c>
      <c r="M14" s="58">
        <f>Bühler!M40</f>
        <v>0</v>
      </c>
      <c r="N14" s="56">
        <f>IF(Input!$D$19=1,J14*Input!$C$19,0)+IF(Input!$D$20=1,K14*Input!$C$20,0)+IF(Input!$D$21=1,L14*Input!$C$21,0)+IF(Input!$D$22=1,M14*Input!$C$22,0)</f>
        <v>0.40922191853253637</v>
      </c>
      <c r="O14" s="59">
        <f>IF(Input!$D$19=2,J14*Input!$C$19,0)+IF(Input!$D$20=2,K14*Input!$C$20,0)+IF(Input!$D$21=2,L14*Input!$C$21,0)+IF(Input!$D$22=2,M14*Input!$C$22,0)</f>
        <v>1.023054796331341</v>
      </c>
      <c r="P14" s="59">
        <f>IF(Input!$D$19=3,J14*Input!$C$19,0)+IF(Input!$D$20=3,K14*Input!$C$20,0)+IF(Input!$D$21=3,L14*Input!$C$21,0)+IF(Input!$D$22=3,M14*Input!$C$22,0)</f>
        <v>0</v>
      </c>
      <c r="Q14" s="75">
        <f>IF(Input!$D$19=4,J14*Input!$C$19,0)+IF(Input!$D$20=4,K14*Input!$C$20,0)+IF(Input!$D$21=4,L14*Input!$C$21,0)+IF(Input!$D$22=4,M14*Input!$C$22,0)</f>
        <v>0</v>
      </c>
      <c r="R14" s="58">
        <v>58.056627002555558</v>
      </c>
      <c r="S14" s="124">
        <f t="shared" si="0"/>
        <v>1.7732949803076576</v>
      </c>
    </row>
    <row r="15" spans="2:19" x14ac:dyDescent="0.3">
      <c r="B15" s="44">
        <v>8</v>
      </c>
      <c r="C15" s="56">
        <f>Jesper!AM9</f>
        <v>7.9734794521412153</v>
      </c>
      <c r="D15" s="59">
        <f>Jesper!AN9</f>
        <v>26.57826484047072</v>
      </c>
      <c r="E15" s="59">
        <f>Jesper!AO9</f>
        <v>39.867397260706078</v>
      </c>
      <c r="F15" s="59">
        <f>Jesper!AP9</f>
        <v>191.36350685138916</v>
      </c>
      <c r="G15" s="58">
        <f>Jesper!AQ9</f>
        <v>0</v>
      </c>
      <c r="H15" s="44">
        <v>8</v>
      </c>
      <c r="I15" s="56">
        <f>Bühler!I41</f>
        <v>0.40922191853253637</v>
      </c>
      <c r="J15" s="59">
        <f>Bühler!J41</f>
        <v>1.3640730617751213</v>
      </c>
      <c r="K15" s="59">
        <f>Bühler!K41</f>
        <v>2.046109592662682</v>
      </c>
      <c r="L15" s="59">
        <f>Bühler!L41</f>
        <v>9.8213260447808732</v>
      </c>
      <c r="M15" s="58">
        <f>Bühler!M41</f>
        <v>0</v>
      </c>
      <c r="N15" s="56">
        <f>IF(Input!$D$19=1,J15*Input!$C$19,0)+IF(Input!$D$20=1,K15*Input!$C$20,0)+IF(Input!$D$21=1,L15*Input!$C$21,0)+IF(Input!$D$22=1,M15*Input!$C$22,0)</f>
        <v>0.40922191853253637</v>
      </c>
      <c r="O15" s="59">
        <f>IF(Input!$D$19=2,J15*Input!$C$19,0)+IF(Input!$D$20=2,K15*Input!$C$20,0)+IF(Input!$D$21=2,L15*Input!$C$21,0)+IF(Input!$D$22=2,M15*Input!$C$22,0)</f>
        <v>1.023054796331341</v>
      </c>
      <c r="P15" s="59">
        <f>IF(Input!$D$19=3,J15*Input!$C$19,0)+IF(Input!$D$20=3,K15*Input!$C$20,0)+IF(Input!$D$21=3,L15*Input!$C$21,0)+IF(Input!$D$22=3,M15*Input!$C$22,0)</f>
        <v>0</v>
      </c>
      <c r="Q15" s="75">
        <f>IF(Input!$D$19=4,J15*Input!$C$19,0)+IF(Input!$D$20=4,K15*Input!$C$20,0)+IF(Input!$D$21=4,L15*Input!$C$21,0)+IF(Input!$D$22=4,M15*Input!$C$22,0)</f>
        <v>0</v>
      </c>
      <c r="R15" s="58">
        <v>60.763574655897585</v>
      </c>
      <c r="S15" s="124">
        <f t="shared" si="0"/>
        <v>1.7732949803076576</v>
      </c>
    </row>
    <row r="16" spans="2:19" x14ac:dyDescent="0.3">
      <c r="B16" s="44">
        <v>9</v>
      </c>
      <c r="C16" s="56">
        <f>Jesper!AM10</f>
        <v>8.0013913457474803</v>
      </c>
      <c r="D16" s="59">
        <f>Jesper!AN10</f>
        <v>26.671304485824937</v>
      </c>
      <c r="E16" s="59">
        <f>Jesper!AO10</f>
        <v>40.0069567287374</v>
      </c>
      <c r="F16" s="59">
        <f>Jesper!AP10</f>
        <v>192.03339229793954</v>
      </c>
      <c r="G16" s="58">
        <f>Jesper!AQ10</f>
        <v>0</v>
      </c>
      <c r="H16" s="44">
        <v>9</v>
      </c>
      <c r="I16" s="56">
        <f>Bühler!I42</f>
        <v>0.40922191853253637</v>
      </c>
      <c r="J16" s="59">
        <f>Bühler!J42</f>
        <v>1.3640730617751213</v>
      </c>
      <c r="K16" s="59">
        <f>Bühler!K42</f>
        <v>2.046109592662682</v>
      </c>
      <c r="L16" s="59">
        <f>Bühler!L42</f>
        <v>9.8213260447808732</v>
      </c>
      <c r="M16" s="58">
        <f>Bühler!M42</f>
        <v>0</v>
      </c>
      <c r="N16" s="56">
        <f>IF(Input!$D$19=1,J16*Input!$C$19,0)+IF(Input!$D$20=1,K16*Input!$C$20,0)+IF(Input!$D$21=1,L16*Input!$C$21,0)+IF(Input!$D$22=1,M16*Input!$C$22,0)</f>
        <v>0.40922191853253637</v>
      </c>
      <c r="O16" s="59">
        <f>IF(Input!$D$19=2,J16*Input!$C$19,0)+IF(Input!$D$20=2,K16*Input!$C$20,0)+IF(Input!$D$21=2,L16*Input!$C$21,0)+IF(Input!$D$22=2,M16*Input!$C$22,0)</f>
        <v>1.023054796331341</v>
      </c>
      <c r="P16" s="59">
        <f>IF(Input!$D$19=3,J16*Input!$C$19,0)+IF(Input!$D$20=3,K16*Input!$C$20,0)+IF(Input!$D$21=3,L16*Input!$C$21,0)+IF(Input!$D$22=3,M16*Input!$C$22,0)</f>
        <v>0</v>
      </c>
      <c r="Q16" s="75">
        <f>IF(Input!$D$19=4,J16*Input!$C$19,0)+IF(Input!$D$20=4,K16*Input!$C$20,0)+IF(Input!$D$21=4,L16*Input!$C$21,0)+IF(Input!$D$22=4,M16*Input!$C$22,0)</f>
        <v>0</v>
      </c>
      <c r="R16" s="58">
        <v>61.404308060984057</v>
      </c>
      <c r="S16" s="124">
        <f t="shared" si="0"/>
        <v>1.7732949803076576</v>
      </c>
    </row>
    <row r="17" spans="2:19" x14ac:dyDescent="0.3">
      <c r="B17" s="44">
        <v>10</v>
      </c>
      <c r="C17" s="56">
        <f>Jesper!AM11</f>
        <v>8.1521155712213069</v>
      </c>
      <c r="D17" s="59">
        <f>Jesper!AN11</f>
        <v>27.173718570737691</v>
      </c>
      <c r="E17" s="59">
        <f>Jesper!AO11</f>
        <v>40.760577856106536</v>
      </c>
      <c r="F17" s="59">
        <f>Jesper!AP11</f>
        <v>195.65077370931138</v>
      </c>
      <c r="G17" s="58">
        <f>Jesper!AQ11</f>
        <v>0</v>
      </c>
      <c r="H17" s="44">
        <v>10</v>
      </c>
      <c r="I17" s="56">
        <f>Bühler!I43</f>
        <v>0.43696577741609816</v>
      </c>
      <c r="J17" s="59">
        <f>Bühler!J43</f>
        <v>1.4565525913869939</v>
      </c>
      <c r="K17" s="59">
        <f>Bühler!K43</f>
        <v>2.1848288870804908</v>
      </c>
      <c r="L17" s="59">
        <f>Bühler!L43</f>
        <v>10.487178657986355</v>
      </c>
      <c r="M17" s="58">
        <f>Bühler!M43</f>
        <v>0</v>
      </c>
      <c r="N17" s="56">
        <f>IF(Input!$D$19=1,J17*Input!$C$19,0)+IF(Input!$D$20=1,K17*Input!$C$20,0)+IF(Input!$D$21=1,L17*Input!$C$21,0)+IF(Input!$D$22=1,M17*Input!$C$22,0)</f>
        <v>0.43696577741609816</v>
      </c>
      <c r="O17" s="59">
        <f>IF(Input!$D$19=2,J17*Input!$C$19,0)+IF(Input!$D$20=2,K17*Input!$C$20,0)+IF(Input!$D$21=2,L17*Input!$C$21,0)+IF(Input!$D$22=2,M17*Input!$C$22,0)</f>
        <v>1.0924144435402454</v>
      </c>
      <c r="P17" s="59">
        <f>IF(Input!$D$19=3,J17*Input!$C$19,0)+IF(Input!$D$20=3,K17*Input!$C$20,0)+IF(Input!$D$21=3,L17*Input!$C$21,0)+IF(Input!$D$22=3,M17*Input!$C$22,0)</f>
        <v>0</v>
      </c>
      <c r="Q17" s="75">
        <f>IF(Input!$D$19=4,J17*Input!$C$19,0)+IF(Input!$D$20=4,K17*Input!$C$20,0)+IF(Input!$D$21=4,L17*Input!$C$21,0)+IF(Input!$D$22=4,M17*Input!$C$22,0)</f>
        <v>0</v>
      </c>
      <c r="R17" s="58">
        <v>61.291746584353845</v>
      </c>
      <c r="S17" s="124">
        <f t="shared" si="0"/>
        <v>1.8935183688030921</v>
      </c>
    </row>
    <row r="18" spans="2:19" x14ac:dyDescent="0.3">
      <c r="B18" s="44">
        <v>11</v>
      </c>
      <c r="C18" s="56">
        <f>Jesper!AM12</f>
        <v>8.0516327542387529</v>
      </c>
      <c r="D18" s="59">
        <f>Jesper!AN12</f>
        <v>26.838775847462514</v>
      </c>
      <c r="E18" s="59">
        <f>Jesper!AO12</f>
        <v>40.258163771193765</v>
      </c>
      <c r="F18" s="59">
        <f>Jesper!AP12</f>
        <v>193.23918610173007</v>
      </c>
      <c r="G18" s="58">
        <f>Jesper!AQ12</f>
        <v>0</v>
      </c>
      <c r="H18" s="44">
        <v>11</v>
      </c>
      <c r="I18" s="56">
        <f>Bühler!I44</f>
        <v>0.43696577741609816</v>
      </c>
      <c r="J18" s="59">
        <f>Bühler!J44</f>
        <v>1.4565525913869939</v>
      </c>
      <c r="K18" s="59">
        <f>Bühler!K44</f>
        <v>2.1848288870804908</v>
      </c>
      <c r="L18" s="59">
        <f>Bühler!L44</f>
        <v>10.487178657986355</v>
      </c>
      <c r="M18" s="58">
        <f>Bühler!M44</f>
        <v>0</v>
      </c>
      <c r="N18" s="56">
        <f>IF(Input!$D$19=1,J18*Input!$C$19,0)+IF(Input!$D$20=1,K18*Input!$C$20,0)+IF(Input!$D$21=1,L18*Input!$C$21,0)+IF(Input!$D$22=1,M18*Input!$C$22,0)</f>
        <v>0.43696577741609816</v>
      </c>
      <c r="O18" s="59">
        <f>IF(Input!$D$19=2,J18*Input!$C$19,0)+IF(Input!$D$20=2,K18*Input!$C$20,0)+IF(Input!$D$21=2,L18*Input!$C$21,0)+IF(Input!$D$22=2,M18*Input!$C$22,0)</f>
        <v>1.0924144435402454</v>
      </c>
      <c r="P18" s="59">
        <f>IF(Input!$D$19=3,J18*Input!$C$19,0)+IF(Input!$D$20=3,K18*Input!$C$20,0)+IF(Input!$D$21=3,L18*Input!$C$21,0)+IF(Input!$D$22=3,M18*Input!$C$22,0)</f>
        <v>0</v>
      </c>
      <c r="Q18" s="75">
        <f>IF(Input!$D$19=4,J18*Input!$C$19,0)+IF(Input!$D$20=4,K18*Input!$C$20,0)+IF(Input!$D$21=4,L18*Input!$C$21,0)+IF(Input!$D$22=4,M18*Input!$C$22,0)</f>
        <v>0</v>
      </c>
      <c r="R18" s="58">
        <v>61.962755976305182</v>
      </c>
      <c r="S18" s="124">
        <f t="shared" si="0"/>
        <v>1.8935183688030921</v>
      </c>
    </row>
    <row r="19" spans="2:19" x14ac:dyDescent="0.3">
      <c r="B19" s="44">
        <v>12</v>
      </c>
      <c r="C19" s="56">
        <f>Jesper!AM13</f>
        <v>8.0907094052875248</v>
      </c>
      <c r="D19" s="59">
        <f>Jesper!AN13</f>
        <v>26.969031350958417</v>
      </c>
      <c r="E19" s="59">
        <f>Jesper!AO13</f>
        <v>40.453547026437619</v>
      </c>
      <c r="F19" s="59">
        <f>Jesper!AP13</f>
        <v>194.17702572690058</v>
      </c>
      <c r="G19" s="58">
        <f>Jesper!AQ13</f>
        <v>0</v>
      </c>
      <c r="H19" s="44">
        <v>12</v>
      </c>
      <c r="I19" s="56">
        <f>Bühler!I45</f>
        <v>0.5548771776712359</v>
      </c>
      <c r="J19" s="59">
        <f>Bühler!J45</f>
        <v>1.8495905922374529</v>
      </c>
      <c r="K19" s="59">
        <f>Bühler!K45</f>
        <v>2.7743858883561794</v>
      </c>
      <c r="L19" s="59">
        <f>Bühler!L45</f>
        <v>13.317052264109661</v>
      </c>
      <c r="M19" s="58">
        <f>Bühler!M45</f>
        <v>0</v>
      </c>
      <c r="N19" s="56">
        <f>IF(Input!$D$19=1,J19*Input!$C$19,0)+IF(Input!$D$20=1,K19*Input!$C$20,0)+IF(Input!$D$21=1,L19*Input!$C$21,0)+IF(Input!$D$22=1,M19*Input!$C$22,0)</f>
        <v>0.5548771776712359</v>
      </c>
      <c r="O19" s="59">
        <f>IF(Input!$D$19=2,J19*Input!$C$19,0)+IF(Input!$D$20=2,K19*Input!$C$20,0)+IF(Input!$D$21=2,L19*Input!$C$21,0)+IF(Input!$D$22=2,M19*Input!$C$22,0)</f>
        <v>1.3871929441780897</v>
      </c>
      <c r="P19" s="59">
        <f>IF(Input!$D$19=3,J19*Input!$C$19,0)+IF(Input!$D$20=3,K19*Input!$C$20,0)+IF(Input!$D$21=3,L19*Input!$C$21,0)+IF(Input!$D$22=3,M19*Input!$C$22,0)</f>
        <v>0</v>
      </c>
      <c r="Q19" s="75">
        <f>IF(Input!$D$19=4,J19*Input!$C$19,0)+IF(Input!$D$20=4,K19*Input!$C$20,0)+IF(Input!$D$21=4,L19*Input!$C$21,0)+IF(Input!$D$22=4,M19*Input!$C$22,0)</f>
        <v>0</v>
      </c>
      <c r="R19" s="58">
        <v>62.646338325632449</v>
      </c>
      <c r="S19" s="124">
        <f t="shared" si="0"/>
        <v>2.4044677699086887</v>
      </c>
    </row>
    <row r="20" spans="2:19" x14ac:dyDescent="0.3">
      <c r="B20" s="44">
        <v>13</v>
      </c>
      <c r="C20" s="56">
        <f>Jesper!AM14</f>
        <v>5.3854102346666615</v>
      </c>
      <c r="D20" s="59">
        <f>Jesper!AN14</f>
        <v>17.951367448888874</v>
      </c>
      <c r="E20" s="59">
        <f>Jesper!AO14</f>
        <v>26.927051173333307</v>
      </c>
      <c r="F20" s="59">
        <f>Jesper!AP14</f>
        <v>270.87251177503259</v>
      </c>
      <c r="G20" s="58">
        <f>Jesper!AQ14</f>
        <v>0</v>
      </c>
      <c r="H20" s="44">
        <v>13</v>
      </c>
      <c r="I20" s="56">
        <f>Bühler!I46</f>
        <v>0.5548771776712359</v>
      </c>
      <c r="J20" s="59">
        <f>Bühler!J46</f>
        <v>1.8495905922374529</v>
      </c>
      <c r="K20" s="59">
        <f>Bühler!K46</f>
        <v>2.7743858883561794</v>
      </c>
      <c r="L20" s="59">
        <f>Bühler!L46</f>
        <v>13.317052264109661</v>
      </c>
      <c r="M20" s="58">
        <f>Bühler!M46</f>
        <v>0</v>
      </c>
      <c r="N20" s="56">
        <f>IF(Input!$D$19=1,J20*Input!$C$19,0)+IF(Input!$D$20=1,K20*Input!$C$20,0)+IF(Input!$D$21=1,L20*Input!$C$21,0)+IF(Input!$D$22=1,M20*Input!$C$22,0)</f>
        <v>0.5548771776712359</v>
      </c>
      <c r="O20" s="59">
        <f>IF(Input!$D$19=2,J20*Input!$C$19,0)+IF(Input!$D$20=2,K20*Input!$C$20,0)+IF(Input!$D$21=2,L20*Input!$C$21,0)+IF(Input!$D$22=2,M20*Input!$C$22,0)</f>
        <v>1.3871929441780897</v>
      </c>
      <c r="P20" s="59">
        <f>IF(Input!$D$19=3,J20*Input!$C$19,0)+IF(Input!$D$20=3,K20*Input!$C$20,0)+IF(Input!$D$21=3,L20*Input!$C$21,0)+IF(Input!$D$22=3,M20*Input!$C$22,0)</f>
        <v>0</v>
      </c>
      <c r="Q20" s="75">
        <f>IF(Input!$D$19=4,J20*Input!$C$19,0)+IF(Input!$D$20=4,K20*Input!$C$20,0)+IF(Input!$D$21=4,L20*Input!$C$21,0)+IF(Input!$D$22=4,M20*Input!$C$22,0)</f>
        <v>0</v>
      </c>
      <c r="R20" s="58">
        <v>62.159406171237222</v>
      </c>
      <c r="S20" s="124">
        <f t="shared" si="0"/>
        <v>2.4044677699086887</v>
      </c>
    </row>
    <row r="21" spans="2:19" x14ac:dyDescent="0.3">
      <c r="B21" s="44">
        <v>14</v>
      </c>
      <c r="C21" s="56">
        <f>Jesper!AM15</f>
        <v>5.4561713507627605</v>
      </c>
      <c r="D21" s="59">
        <f>Jesper!AN15</f>
        <v>18.18723783587587</v>
      </c>
      <c r="E21" s="59">
        <f>Jesper!AO15</f>
        <v>27.280856753813804</v>
      </c>
      <c r="F21" s="59">
        <f>Jesper!AP15</f>
        <v>272.46861528823274</v>
      </c>
      <c r="G21" s="58">
        <f>Jesper!AQ15</f>
        <v>0</v>
      </c>
      <c r="H21" s="44">
        <v>14</v>
      </c>
      <c r="I21" s="56">
        <f>Bühler!I47</f>
        <v>0.36760613020719368</v>
      </c>
      <c r="J21" s="59">
        <f>Bühler!J47</f>
        <v>1.2253537673573125</v>
      </c>
      <c r="K21" s="59">
        <f>Bühler!K47</f>
        <v>1.8380306510359685</v>
      </c>
      <c r="L21" s="59">
        <f>Bühler!L47</f>
        <v>8.8225471249726493</v>
      </c>
      <c r="M21" s="58">
        <f>Bühler!M47</f>
        <v>0</v>
      </c>
      <c r="N21" s="56">
        <f>IF(Input!$D$19=1,J21*Input!$C$19,0)+IF(Input!$D$20=1,K21*Input!$C$20,0)+IF(Input!$D$21=1,L21*Input!$C$21,0)+IF(Input!$D$22=1,M21*Input!$C$22,0)</f>
        <v>0.36760613020719374</v>
      </c>
      <c r="O21" s="59">
        <f>IF(Input!$D$19=2,J21*Input!$C$19,0)+IF(Input!$D$20=2,K21*Input!$C$20,0)+IF(Input!$D$21=2,L21*Input!$C$21,0)+IF(Input!$D$22=2,M21*Input!$C$22,0)</f>
        <v>0.91901532551798426</v>
      </c>
      <c r="P21" s="59">
        <f>IF(Input!$D$19=3,J21*Input!$C$19,0)+IF(Input!$D$20=3,K21*Input!$C$20,0)+IF(Input!$D$21=3,L21*Input!$C$21,0)+IF(Input!$D$22=3,M21*Input!$C$22,0)</f>
        <v>0</v>
      </c>
      <c r="Q21" s="75">
        <f>IF(Input!$D$19=4,J21*Input!$C$19,0)+IF(Input!$D$20=4,K21*Input!$C$20,0)+IF(Input!$D$21=4,L21*Input!$C$21,0)+IF(Input!$D$22=4,M21*Input!$C$22,0)</f>
        <v>0</v>
      </c>
      <c r="R21" s="58">
        <v>61.795609712538123</v>
      </c>
      <c r="S21" s="124">
        <f t="shared" si="0"/>
        <v>1.5929598975645063</v>
      </c>
    </row>
    <row r="22" spans="2:19" x14ac:dyDescent="0.3">
      <c r="B22" s="44">
        <v>15</v>
      </c>
      <c r="C22" s="56">
        <f>Jesper!AM16</f>
        <v>8.5136441356643147</v>
      </c>
      <c r="D22" s="59">
        <f>Jesper!AN16</f>
        <v>28.378813785547717</v>
      </c>
      <c r="E22" s="59">
        <f>Jesper!AO16</f>
        <v>42.568220678321573</v>
      </c>
      <c r="F22" s="59">
        <f>Jesper!AP16</f>
        <v>204.32745925594352</v>
      </c>
      <c r="G22" s="58">
        <f>Jesper!AQ16</f>
        <v>0</v>
      </c>
      <c r="H22" s="44">
        <v>15</v>
      </c>
      <c r="I22" s="56">
        <f>Bühler!I48</f>
        <v>0.5548771776712359</v>
      </c>
      <c r="J22" s="59">
        <f>Bühler!J48</f>
        <v>1.8495905922374529</v>
      </c>
      <c r="K22" s="59">
        <f>Bühler!K48</f>
        <v>2.7743858883561794</v>
      </c>
      <c r="L22" s="59">
        <f>Bühler!L48</f>
        <v>13.317052264109661</v>
      </c>
      <c r="M22" s="58">
        <f>Bühler!M48</f>
        <v>0</v>
      </c>
      <c r="N22" s="56">
        <f>IF(Input!$D$19=1,J22*Input!$C$19,0)+IF(Input!$D$20=1,K22*Input!$C$20,0)+IF(Input!$D$21=1,L22*Input!$C$21,0)+IF(Input!$D$22=1,M22*Input!$C$22,0)</f>
        <v>0.5548771776712359</v>
      </c>
      <c r="O22" s="59">
        <f>IF(Input!$D$19=2,J22*Input!$C$19,0)+IF(Input!$D$20=2,K22*Input!$C$20,0)+IF(Input!$D$21=2,L22*Input!$C$21,0)+IF(Input!$D$22=2,M22*Input!$C$22,0)</f>
        <v>1.3871929441780897</v>
      </c>
      <c r="P22" s="59">
        <f>IF(Input!$D$19=3,J22*Input!$C$19,0)+IF(Input!$D$20=3,K22*Input!$C$20,0)+IF(Input!$D$21=3,L22*Input!$C$21,0)+IF(Input!$D$22=3,M22*Input!$C$22,0)</f>
        <v>0</v>
      </c>
      <c r="Q22" s="75">
        <f>IF(Input!$D$19=4,J22*Input!$C$19,0)+IF(Input!$D$20=4,K22*Input!$C$20,0)+IF(Input!$D$21=4,L22*Input!$C$21,0)+IF(Input!$D$22=4,M22*Input!$C$22,0)</f>
        <v>0</v>
      </c>
      <c r="R22" s="58">
        <v>62.153863779054014</v>
      </c>
      <c r="S22" s="124">
        <f t="shared" si="0"/>
        <v>2.4044677699086887</v>
      </c>
    </row>
    <row r="23" spans="2:19" x14ac:dyDescent="0.3">
      <c r="B23" s="44">
        <v>16</v>
      </c>
      <c r="C23" s="56">
        <f>Jesper!AM17</f>
        <v>8.5622418085703131</v>
      </c>
      <c r="D23" s="59">
        <f>Jesper!AN17</f>
        <v>28.540806028567712</v>
      </c>
      <c r="E23" s="59">
        <f>Jesper!AO17</f>
        <v>42.811209042851566</v>
      </c>
      <c r="F23" s="59">
        <f>Jesper!AP17</f>
        <v>205.49380340568749</v>
      </c>
      <c r="G23" s="58">
        <f>Jesper!AQ17</f>
        <v>0</v>
      </c>
      <c r="H23" s="44">
        <v>16</v>
      </c>
      <c r="I23" s="56">
        <f>Bühler!I49</f>
        <v>0.5548771776712359</v>
      </c>
      <c r="J23" s="59">
        <f>Bühler!J49</f>
        <v>1.8495905922374529</v>
      </c>
      <c r="K23" s="59">
        <f>Bühler!K49</f>
        <v>2.7743858883561794</v>
      </c>
      <c r="L23" s="59">
        <f>Bühler!L49</f>
        <v>13.317052264109661</v>
      </c>
      <c r="M23" s="58">
        <f>Bühler!M49</f>
        <v>0</v>
      </c>
      <c r="N23" s="56">
        <f>IF(Input!$D$19=1,J23*Input!$C$19,0)+IF(Input!$D$20=1,K23*Input!$C$20,0)+IF(Input!$D$21=1,L23*Input!$C$21,0)+IF(Input!$D$22=1,M23*Input!$C$22,0)</f>
        <v>0.5548771776712359</v>
      </c>
      <c r="O23" s="59">
        <f>IF(Input!$D$19=2,J23*Input!$C$19,0)+IF(Input!$D$20=2,K23*Input!$C$20,0)+IF(Input!$D$21=2,L23*Input!$C$21,0)+IF(Input!$D$22=2,M23*Input!$C$22,0)</f>
        <v>1.3871929441780897</v>
      </c>
      <c r="P23" s="59">
        <f>IF(Input!$D$19=3,J23*Input!$C$19,0)+IF(Input!$D$20=3,K23*Input!$C$20,0)+IF(Input!$D$21=3,L23*Input!$C$21,0)+IF(Input!$D$22=3,M23*Input!$C$22,0)</f>
        <v>0</v>
      </c>
      <c r="Q23" s="75">
        <f>IF(Input!$D$19=4,J23*Input!$C$19,0)+IF(Input!$D$20=4,K23*Input!$C$20,0)+IF(Input!$D$21=4,L23*Input!$C$21,0)+IF(Input!$D$22=4,M23*Input!$C$22,0)</f>
        <v>0</v>
      </c>
      <c r="R23" s="58">
        <v>61.227940141753059</v>
      </c>
      <c r="S23" s="124">
        <f t="shared" si="0"/>
        <v>2.4044677699086887</v>
      </c>
    </row>
    <row r="24" spans="2:19" x14ac:dyDescent="0.3">
      <c r="B24" s="44">
        <v>17</v>
      </c>
      <c r="C24" s="56">
        <f>Jesper!AM18</f>
        <v>8.3435522804933164</v>
      </c>
      <c r="D24" s="59">
        <f>Jesper!AN18</f>
        <v>27.811840934977724</v>
      </c>
      <c r="E24" s="59">
        <f>Jesper!AO18</f>
        <v>41.717761402466579</v>
      </c>
      <c r="F24" s="59">
        <f>Jesper!AP18</f>
        <v>200.24525473183959</v>
      </c>
      <c r="G24" s="58">
        <f>Jesper!AQ18</f>
        <v>0</v>
      </c>
      <c r="H24" s="44">
        <v>17</v>
      </c>
      <c r="I24" s="56">
        <f>Bühler!I50</f>
        <v>0.5548771776712359</v>
      </c>
      <c r="J24" s="59">
        <f>Bühler!J50</f>
        <v>1.8495905922374529</v>
      </c>
      <c r="K24" s="59">
        <f>Bühler!K50</f>
        <v>2.7743858883561794</v>
      </c>
      <c r="L24" s="59">
        <f>Bühler!L50</f>
        <v>13.317052264109661</v>
      </c>
      <c r="M24" s="58">
        <f>Bühler!M50</f>
        <v>0</v>
      </c>
      <c r="N24" s="56">
        <f>IF(Input!$D$19=1,J24*Input!$C$19,0)+IF(Input!$D$20=1,K24*Input!$C$20,0)+IF(Input!$D$21=1,L24*Input!$C$21,0)+IF(Input!$D$22=1,M24*Input!$C$22,0)</f>
        <v>0.5548771776712359</v>
      </c>
      <c r="O24" s="59">
        <f>IF(Input!$D$19=2,J24*Input!$C$19,0)+IF(Input!$D$20=2,K24*Input!$C$20,0)+IF(Input!$D$21=2,L24*Input!$C$21,0)+IF(Input!$D$22=2,M24*Input!$C$22,0)</f>
        <v>1.3871929441780897</v>
      </c>
      <c r="P24" s="59">
        <f>IF(Input!$D$19=3,J24*Input!$C$19,0)+IF(Input!$D$20=3,K24*Input!$C$20,0)+IF(Input!$D$21=3,L24*Input!$C$21,0)+IF(Input!$D$22=3,M24*Input!$C$22,0)</f>
        <v>0</v>
      </c>
      <c r="Q24" s="75">
        <f>IF(Input!$D$19=4,J24*Input!$C$19,0)+IF(Input!$D$20=4,K24*Input!$C$20,0)+IF(Input!$D$21=4,L24*Input!$C$21,0)+IF(Input!$D$22=4,M24*Input!$C$22,0)</f>
        <v>0</v>
      </c>
      <c r="R24" s="58">
        <v>60.326253851864429</v>
      </c>
      <c r="S24" s="124">
        <f t="shared" si="0"/>
        <v>2.4044677699086887</v>
      </c>
    </row>
    <row r="25" spans="2:19" x14ac:dyDescent="0.3">
      <c r="B25" s="44">
        <v>18</v>
      </c>
      <c r="C25" s="56">
        <f>Jesper!AM19</f>
        <v>8.4893452992113172</v>
      </c>
      <c r="D25" s="59">
        <f>Jesper!AN19</f>
        <v>28.297817664037723</v>
      </c>
      <c r="E25" s="59">
        <f>Jesper!AO19</f>
        <v>42.446726496056584</v>
      </c>
      <c r="F25" s="59">
        <f>Jesper!AP19</f>
        <v>203.7442871810716</v>
      </c>
      <c r="G25" s="58">
        <f>Jesper!AQ19</f>
        <v>0</v>
      </c>
      <c r="H25" s="44">
        <v>18</v>
      </c>
      <c r="I25" s="56">
        <f>Bühler!I51</f>
        <v>0.5548771776712359</v>
      </c>
      <c r="J25" s="59">
        <f>Bühler!J51</f>
        <v>1.8495905922374529</v>
      </c>
      <c r="K25" s="59">
        <f>Bühler!K51</f>
        <v>2.7743858883561794</v>
      </c>
      <c r="L25" s="59">
        <f>Bühler!L51</f>
        <v>13.317052264109661</v>
      </c>
      <c r="M25" s="58">
        <f>Bühler!M51</f>
        <v>0</v>
      </c>
      <c r="N25" s="56">
        <f>IF(Input!$D$19=1,J25*Input!$C$19,0)+IF(Input!$D$20=1,K25*Input!$C$20,0)+IF(Input!$D$21=1,L25*Input!$C$21,0)+IF(Input!$D$22=1,M25*Input!$C$22,0)</f>
        <v>0.5548771776712359</v>
      </c>
      <c r="O25" s="59">
        <f>IF(Input!$D$19=2,J25*Input!$C$19,0)+IF(Input!$D$20=2,K25*Input!$C$20,0)+IF(Input!$D$21=2,L25*Input!$C$21,0)+IF(Input!$D$22=2,M25*Input!$C$22,0)</f>
        <v>1.3871929441780897</v>
      </c>
      <c r="P25" s="59">
        <f>IF(Input!$D$19=3,J25*Input!$C$19,0)+IF(Input!$D$20=3,K25*Input!$C$20,0)+IF(Input!$D$21=3,L25*Input!$C$21,0)+IF(Input!$D$22=3,M25*Input!$C$22,0)</f>
        <v>0</v>
      </c>
      <c r="Q25" s="75">
        <f>IF(Input!$D$19=4,J25*Input!$C$19,0)+IF(Input!$D$20=4,K25*Input!$C$20,0)+IF(Input!$D$21=4,L25*Input!$C$21,0)+IF(Input!$D$22=4,M25*Input!$C$22,0)</f>
        <v>0</v>
      </c>
      <c r="R25" s="58">
        <v>59.766884875250554</v>
      </c>
      <c r="S25" s="124">
        <f t="shared" si="0"/>
        <v>2.4044677699086887</v>
      </c>
    </row>
    <row r="26" spans="2:19" x14ac:dyDescent="0.3">
      <c r="B26" s="44">
        <v>19</v>
      </c>
      <c r="C26" s="56">
        <f>Jesper!AM20</f>
        <v>8.5500923903438135</v>
      </c>
      <c r="D26" s="59">
        <f>Jesper!AN20</f>
        <v>28.500307967812713</v>
      </c>
      <c r="E26" s="59">
        <f>Jesper!AO20</f>
        <v>42.750461951719068</v>
      </c>
      <c r="F26" s="59">
        <f>Jesper!AP20</f>
        <v>205.2022173682515</v>
      </c>
      <c r="G26" s="58">
        <f>Jesper!AQ20</f>
        <v>0</v>
      </c>
      <c r="H26" s="44">
        <v>19</v>
      </c>
      <c r="I26" s="56">
        <f>Bühler!I52</f>
        <v>0.5548771776712359</v>
      </c>
      <c r="J26" s="59">
        <f>Bühler!J52</f>
        <v>1.8495905922374529</v>
      </c>
      <c r="K26" s="59">
        <f>Bühler!K52</f>
        <v>2.7743858883561794</v>
      </c>
      <c r="L26" s="59">
        <f>Bühler!L52</f>
        <v>13.317052264109661</v>
      </c>
      <c r="M26" s="58">
        <f>Bühler!M52</f>
        <v>0</v>
      </c>
      <c r="N26" s="56">
        <f>IF(Input!$D$19=1,J26*Input!$C$19,0)+IF(Input!$D$20=1,K26*Input!$C$20,0)+IF(Input!$D$21=1,L26*Input!$C$21,0)+IF(Input!$D$22=1,M26*Input!$C$22,0)</f>
        <v>0.5548771776712359</v>
      </c>
      <c r="O26" s="59">
        <f>IF(Input!$D$19=2,J26*Input!$C$19,0)+IF(Input!$D$20=2,K26*Input!$C$20,0)+IF(Input!$D$21=2,L26*Input!$C$21,0)+IF(Input!$D$22=2,M26*Input!$C$22,0)</f>
        <v>1.3871929441780897</v>
      </c>
      <c r="P26" s="59">
        <f>IF(Input!$D$19=3,J26*Input!$C$19,0)+IF(Input!$D$20=3,K26*Input!$C$20,0)+IF(Input!$D$21=3,L26*Input!$C$21,0)+IF(Input!$D$22=3,M26*Input!$C$22,0)</f>
        <v>0</v>
      </c>
      <c r="Q26" s="75">
        <f>IF(Input!$D$19=4,J26*Input!$C$19,0)+IF(Input!$D$20=4,K26*Input!$C$20,0)+IF(Input!$D$21=4,L26*Input!$C$21,0)+IF(Input!$D$22=4,M26*Input!$C$22,0)</f>
        <v>0</v>
      </c>
      <c r="R26" s="58">
        <v>58.587833019885309</v>
      </c>
      <c r="S26" s="124">
        <f t="shared" si="0"/>
        <v>2.4044677699086887</v>
      </c>
    </row>
    <row r="27" spans="2:19" x14ac:dyDescent="0.3">
      <c r="B27" s="44">
        <v>20</v>
      </c>
      <c r="C27" s="56">
        <f>Jesper!AM21</f>
        <v>5.2615782814984859</v>
      </c>
      <c r="D27" s="59">
        <f>Jesper!AN21</f>
        <v>17.538594271661623</v>
      </c>
      <c r="E27" s="59">
        <f>Jesper!AO21</f>
        <v>26.307891407492434</v>
      </c>
      <c r="F27" s="59">
        <f>Jesper!AP21</f>
        <v>268.0793306269324</v>
      </c>
      <c r="G27" s="58">
        <f>Jesper!AQ21</f>
        <v>0</v>
      </c>
      <c r="H27" s="44">
        <v>20</v>
      </c>
      <c r="I27" s="56">
        <f>Bühler!I53</f>
        <v>0.46470963629965995</v>
      </c>
      <c r="J27" s="59">
        <f>Bühler!J53</f>
        <v>1.5490321209988667</v>
      </c>
      <c r="K27" s="59">
        <f>Bühler!K53</f>
        <v>2.3235481814982997</v>
      </c>
      <c r="L27" s="59">
        <f>Bühler!L53</f>
        <v>11.153031271191839</v>
      </c>
      <c r="M27" s="58">
        <f>Bühler!M53</f>
        <v>0</v>
      </c>
      <c r="N27" s="56">
        <f>IF(Input!$D$19=1,J27*Input!$C$19,0)+IF(Input!$D$20=1,K27*Input!$C$20,0)+IF(Input!$D$21=1,L27*Input!$C$21,0)+IF(Input!$D$22=1,M27*Input!$C$22,0)</f>
        <v>0.46470963629966</v>
      </c>
      <c r="O27" s="59">
        <f>IF(Input!$D$19=2,J27*Input!$C$19,0)+IF(Input!$D$20=2,K27*Input!$C$20,0)+IF(Input!$D$21=2,L27*Input!$C$21,0)+IF(Input!$D$22=2,M27*Input!$C$22,0)</f>
        <v>1.1617740907491498</v>
      </c>
      <c r="P27" s="59">
        <f>IF(Input!$D$19=3,J27*Input!$C$19,0)+IF(Input!$D$20=3,K27*Input!$C$20,0)+IF(Input!$D$21=3,L27*Input!$C$21,0)+IF(Input!$D$22=3,M27*Input!$C$22,0)</f>
        <v>0</v>
      </c>
      <c r="Q27" s="75">
        <f>IF(Input!$D$19=4,J27*Input!$C$19,0)+IF(Input!$D$20=4,K27*Input!$C$20,0)+IF(Input!$D$21=4,L27*Input!$C$21,0)+IF(Input!$D$22=4,M27*Input!$C$22,0)</f>
        <v>0</v>
      </c>
      <c r="R27" s="58">
        <v>57.696049296104555</v>
      </c>
      <c r="S27" s="124">
        <f t="shared" si="0"/>
        <v>2.0137417572985266</v>
      </c>
    </row>
    <row r="28" spans="2:19" x14ac:dyDescent="0.3">
      <c r="B28" s="44">
        <v>21</v>
      </c>
      <c r="C28" s="56">
        <f>Jesper!AM22</f>
        <v>5.3146491185705607</v>
      </c>
      <c r="D28" s="59">
        <f>Jesper!AN22</f>
        <v>17.715497061901871</v>
      </c>
      <c r="E28" s="59">
        <f>Jesper!AO22</f>
        <v>26.573245592852807</v>
      </c>
      <c r="F28" s="59">
        <f>Jesper!AP22</f>
        <v>269.2764082618325</v>
      </c>
      <c r="G28" s="58">
        <f>Jesper!AQ22</f>
        <v>0</v>
      </c>
      <c r="H28" s="44">
        <v>21</v>
      </c>
      <c r="I28" s="56">
        <f>Bühler!I54</f>
        <v>0.38147805964897458</v>
      </c>
      <c r="J28" s="59">
        <f>Bühler!J54</f>
        <v>1.2715935321632488</v>
      </c>
      <c r="K28" s="59">
        <f>Bühler!K54</f>
        <v>1.9073902982448727</v>
      </c>
      <c r="L28" s="59">
        <f>Bühler!L54</f>
        <v>9.1554734315753894</v>
      </c>
      <c r="M28" s="58">
        <f>Bühler!M54</f>
        <v>0</v>
      </c>
      <c r="N28" s="56">
        <f>IF(Input!$D$19=1,J28*Input!$C$19,0)+IF(Input!$D$20=1,K28*Input!$C$20,0)+IF(Input!$D$21=1,L28*Input!$C$21,0)+IF(Input!$D$22=1,M28*Input!$C$22,0)</f>
        <v>0.38147805964897463</v>
      </c>
      <c r="O28" s="59">
        <f>IF(Input!$D$19=2,J28*Input!$C$19,0)+IF(Input!$D$20=2,K28*Input!$C$20,0)+IF(Input!$D$21=2,L28*Input!$C$21,0)+IF(Input!$D$22=2,M28*Input!$C$22,0)</f>
        <v>0.95369514912243636</v>
      </c>
      <c r="P28" s="59">
        <f>IF(Input!$D$19=3,J28*Input!$C$19,0)+IF(Input!$D$20=3,K28*Input!$C$20,0)+IF(Input!$D$21=3,L28*Input!$C$21,0)+IF(Input!$D$22=3,M28*Input!$C$22,0)</f>
        <v>0</v>
      </c>
      <c r="Q28" s="75">
        <f>IF(Input!$D$19=4,J28*Input!$C$19,0)+IF(Input!$D$20=4,K28*Input!$C$20,0)+IF(Input!$D$21=4,L28*Input!$C$21,0)+IF(Input!$D$22=4,M28*Input!$C$22,0)</f>
        <v>0</v>
      </c>
      <c r="R28" s="58">
        <v>57.050656097580877</v>
      </c>
      <c r="S28" s="124">
        <f t="shared" si="0"/>
        <v>1.6530715918122234</v>
      </c>
    </row>
    <row r="29" spans="2:19" x14ac:dyDescent="0.3">
      <c r="B29" s="44">
        <v>22</v>
      </c>
      <c r="C29" s="56">
        <f>Jesper!AM23</f>
        <v>8.4407476263053169</v>
      </c>
      <c r="D29" s="59">
        <f>Jesper!AN23</f>
        <v>28.135825421017724</v>
      </c>
      <c r="E29" s="59">
        <f>Jesper!AO23</f>
        <v>42.203738131526585</v>
      </c>
      <c r="F29" s="59">
        <f>Jesper!AP23</f>
        <v>202.57794303132758</v>
      </c>
      <c r="G29" s="58">
        <f>Jesper!AQ23</f>
        <v>0</v>
      </c>
      <c r="H29" s="44">
        <v>22</v>
      </c>
      <c r="I29" s="56">
        <f>Bühler!I55</f>
        <v>0.27743858883561795</v>
      </c>
      <c r="J29" s="59">
        <f>Bühler!J55</f>
        <v>0.92479529611872646</v>
      </c>
      <c r="K29" s="59">
        <f>Bühler!K55</f>
        <v>1.3871929441780897</v>
      </c>
      <c r="L29" s="59">
        <f>Bühler!L55</f>
        <v>6.6585261320548303</v>
      </c>
      <c r="M29" s="58">
        <f>Bühler!M55</f>
        <v>0</v>
      </c>
      <c r="N29" s="56">
        <f>IF(Input!$D$19=1,J29*Input!$C$19,0)+IF(Input!$D$20=1,K29*Input!$C$20,0)+IF(Input!$D$21=1,L29*Input!$C$21,0)+IF(Input!$D$22=1,M29*Input!$C$22,0)</f>
        <v>0.27743858883561795</v>
      </c>
      <c r="O29" s="59">
        <f>IF(Input!$D$19=2,J29*Input!$C$19,0)+IF(Input!$D$20=2,K29*Input!$C$20,0)+IF(Input!$D$21=2,L29*Input!$C$21,0)+IF(Input!$D$22=2,M29*Input!$C$22,0)</f>
        <v>0.69359647208904485</v>
      </c>
      <c r="P29" s="59">
        <f>IF(Input!$D$19=3,J29*Input!$C$19,0)+IF(Input!$D$20=3,K29*Input!$C$20,0)+IF(Input!$D$21=3,L29*Input!$C$21,0)+IF(Input!$D$22=3,M29*Input!$C$22,0)</f>
        <v>0</v>
      </c>
      <c r="Q29" s="75">
        <f>IF(Input!$D$19=4,J29*Input!$C$19,0)+IF(Input!$D$20=4,K29*Input!$C$20,0)+IF(Input!$D$21=4,L29*Input!$C$21,0)+IF(Input!$D$22=4,M29*Input!$C$22,0)</f>
        <v>0</v>
      </c>
      <c r="R29" s="58">
        <v>55.237023334350113</v>
      </c>
      <c r="S29" s="124">
        <f t="shared" si="0"/>
        <v>1.2022338849543444</v>
      </c>
    </row>
    <row r="30" spans="2:19" x14ac:dyDescent="0.3">
      <c r="B30" s="44">
        <v>23</v>
      </c>
      <c r="C30" s="56">
        <f>Jesper!AM24</f>
        <v>8.1744450861063171</v>
      </c>
      <c r="D30" s="59">
        <f>Jesper!AN24</f>
        <v>27.248150287021062</v>
      </c>
      <c r="E30" s="59">
        <f>Jesper!AO24</f>
        <v>40.872225430531586</v>
      </c>
      <c r="F30" s="59">
        <f>Jesper!AP24</f>
        <v>196.18668206655161</v>
      </c>
      <c r="G30" s="58">
        <f>Jesper!AQ24</f>
        <v>0</v>
      </c>
      <c r="H30" s="44">
        <v>23</v>
      </c>
      <c r="I30" s="56">
        <f>Bühler!I56</f>
        <v>0.26356665939383694</v>
      </c>
      <c r="J30" s="59">
        <f>Bühler!J56</f>
        <v>0.87855553131278996</v>
      </c>
      <c r="K30" s="59">
        <f>Bühler!K56</f>
        <v>1.3178332969691848</v>
      </c>
      <c r="L30" s="59">
        <f>Bühler!L56</f>
        <v>6.3255998254520875</v>
      </c>
      <c r="M30" s="58">
        <f>Bühler!M56</f>
        <v>0</v>
      </c>
      <c r="N30" s="56">
        <f>IF(Input!$D$19=1,J30*Input!$C$19,0)+IF(Input!$D$20=1,K30*Input!$C$20,0)+IF(Input!$D$21=1,L30*Input!$C$21,0)+IF(Input!$D$22=1,M30*Input!$C$22,0)</f>
        <v>0.263566659393837</v>
      </c>
      <c r="O30" s="59">
        <f>IF(Input!$D$19=2,J30*Input!$C$19,0)+IF(Input!$D$20=2,K30*Input!$C$20,0)+IF(Input!$D$21=2,L30*Input!$C$21,0)+IF(Input!$D$22=2,M30*Input!$C$22,0)</f>
        <v>0.65891664848459242</v>
      </c>
      <c r="P30" s="59">
        <f>IF(Input!$D$19=3,J30*Input!$C$19,0)+IF(Input!$D$20=3,K30*Input!$C$20,0)+IF(Input!$D$21=3,L30*Input!$C$21,0)+IF(Input!$D$22=3,M30*Input!$C$22,0)</f>
        <v>0</v>
      </c>
      <c r="Q30" s="75">
        <f>IF(Input!$D$19=4,J30*Input!$C$19,0)+IF(Input!$D$20=4,K30*Input!$C$20,0)+IF(Input!$D$21=4,L30*Input!$C$21,0)+IF(Input!$D$22=4,M30*Input!$C$22,0)</f>
        <v>0</v>
      </c>
      <c r="R30" s="58">
        <v>54.826778143009356</v>
      </c>
      <c r="S30" s="124">
        <f t="shared" si="0"/>
        <v>1.142122190706627</v>
      </c>
    </row>
    <row r="31" spans="2:19" x14ac:dyDescent="0.3">
      <c r="B31" s="44">
        <v>24</v>
      </c>
      <c r="C31" s="56">
        <f>Jesper!AM25</f>
        <v>8.0516327542387529</v>
      </c>
      <c r="D31" s="59">
        <f>Jesper!AN25</f>
        <v>26.838775847462514</v>
      </c>
      <c r="E31" s="59">
        <f>Jesper!AO25</f>
        <v>40.258163771193765</v>
      </c>
      <c r="F31" s="59">
        <f>Jesper!AP25</f>
        <v>193.23918610173007</v>
      </c>
      <c r="G31" s="58">
        <f>Jesper!AQ25</f>
        <v>0</v>
      </c>
      <c r="H31" s="44">
        <v>24</v>
      </c>
      <c r="I31" s="56">
        <f>Bühler!I57</f>
        <v>0.26356665939383694</v>
      </c>
      <c r="J31" s="59">
        <f>Bühler!J57</f>
        <v>0.87855553131278996</v>
      </c>
      <c r="K31" s="59">
        <f>Bühler!K57</f>
        <v>1.3178332969691848</v>
      </c>
      <c r="L31" s="59">
        <f>Bühler!L57</f>
        <v>6.3255998254520875</v>
      </c>
      <c r="M31" s="58">
        <f>Bühler!M57</f>
        <v>0</v>
      </c>
      <c r="N31" s="56">
        <f>IF(Input!$D$19=1,J31*Input!$C$19,0)+IF(Input!$D$20=1,K31*Input!$C$20,0)+IF(Input!$D$21=1,L31*Input!$C$21,0)+IF(Input!$D$22=1,M31*Input!$C$22,0)</f>
        <v>0.263566659393837</v>
      </c>
      <c r="O31" s="59">
        <f>IF(Input!$D$19=2,J31*Input!$C$19,0)+IF(Input!$D$20=2,K31*Input!$C$20,0)+IF(Input!$D$21=2,L31*Input!$C$21,0)+IF(Input!$D$22=2,M31*Input!$C$22,0)</f>
        <v>0.65891664848459242</v>
      </c>
      <c r="P31" s="59">
        <f>IF(Input!$D$19=3,J31*Input!$C$19,0)+IF(Input!$D$20=3,K31*Input!$C$20,0)+IF(Input!$D$21=3,L31*Input!$C$21,0)+IF(Input!$D$22=3,M31*Input!$C$22,0)</f>
        <v>0</v>
      </c>
      <c r="Q31" s="75">
        <f>IF(Input!$D$19=4,J31*Input!$C$19,0)+IF(Input!$D$20=4,K31*Input!$C$20,0)+IF(Input!$D$21=4,L31*Input!$C$21,0)+IF(Input!$D$22=4,M31*Input!$C$22,0)</f>
        <v>0</v>
      </c>
      <c r="R31" s="58">
        <v>53.354663374253001</v>
      </c>
      <c r="S31" s="124">
        <f t="shared" si="0"/>
        <v>1.142122190706627</v>
      </c>
    </row>
    <row r="32" spans="2:19" x14ac:dyDescent="0.3">
      <c r="B32" s="44">
        <v>25</v>
      </c>
      <c r="C32" s="56">
        <f>Jesper!AM26</f>
        <v>7.9734794521412153</v>
      </c>
      <c r="D32" s="59">
        <f>Jesper!AN26</f>
        <v>26.57826484047072</v>
      </c>
      <c r="E32" s="59">
        <f>Jesper!AO26</f>
        <v>39.867397260706078</v>
      </c>
      <c r="F32" s="59">
        <f>Jesper!AP26</f>
        <v>191.36350685138916</v>
      </c>
      <c r="G32" s="58">
        <f>Jesper!AQ26</f>
        <v>0</v>
      </c>
      <c r="H32" s="44">
        <v>25</v>
      </c>
      <c r="I32" s="56">
        <f>Bühler!I58</f>
        <v>0.24811550477632666</v>
      </c>
      <c r="J32" s="59">
        <f>Bühler!J58</f>
        <v>0.82705168258775563</v>
      </c>
      <c r="K32" s="59">
        <f>Bühler!K58</f>
        <v>1.2405775238816332</v>
      </c>
      <c r="L32" s="59">
        <f>Bühler!L58</f>
        <v>5.9547721146318393</v>
      </c>
      <c r="M32" s="58">
        <f>Bühler!M58</f>
        <v>0</v>
      </c>
      <c r="N32" s="56">
        <f>IF(Input!$D$19=1,J32*Input!$C$19,0)+IF(Input!$D$20=1,K32*Input!$C$20,0)+IF(Input!$D$21=1,L32*Input!$C$21,0)+IF(Input!$D$22=1,M32*Input!$C$22,0)</f>
        <v>0.24811550477632668</v>
      </c>
      <c r="O32" s="59">
        <f>IF(Input!$D$19=2,J32*Input!$C$19,0)+IF(Input!$D$20=2,K32*Input!$C$20,0)+IF(Input!$D$21=2,L32*Input!$C$21,0)+IF(Input!$D$22=2,M32*Input!$C$22,0)</f>
        <v>0.62028876194081661</v>
      </c>
      <c r="P32" s="59">
        <f>IF(Input!$D$19=3,J32*Input!$C$19,0)+IF(Input!$D$20=3,K32*Input!$C$20,0)+IF(Input!$D$21=3,L32*Input!$C$21,0)+IF(Input!$D$22=3,M32*Input!$C$22,0)</f>
        <v>0</v>
      </c>
      <c r="Q32" s="75">
        <f>IF(Input!$D$19=4,J32*Input!$C$19,0)+IF(Input!$D$20=4,K32*Input!$C$20,0)+IF(Input!$D$21=4,L32*Input!$C$21,0)+IF(Input!$D$22=4,M32*Input!$C$22,0)</f>
        <v>0</v>
      </c>
      <c r="R32" s="58">
        <v>52.552500738335461</v>
      </c>
      <c r="S32" s="124">
        <f t="shared" si="0"/>
        <v>1.0751671873640822</v>
      </c>
    </row>
    <row r="33" spans="2:19" x14ac:dyDescent="0.3">
      <c r="B33" s="44">
        <v>26</v>
      </c>
      <c r="C33" s="56">
        <f>Jesper!AM27</f>
        <v>8.2949546075873197</v>
      </c>
      <c r="D33" s="59">
        <f>Jesper!AN27</f>
        <v>27.649848691957732</v>
      </c>
      <c r="E33" s="59">
        <f>Jesper!AO27</f>
        <v>41.474773037936593</v>
      </c>
      <c r="F33" s="59">
        <f>Jesper!AP27</f>
        <v>199.07891058209566</v>
      </c>
      <c r="G33" s="58">
        <f>Jesper!AQ27</f>
        <v>0</v>
      </c>
      <c r="H33" s="44">
        <v>26</v>
      </c>
      <c r="I33" s="56">
        <f>Bühler!I59</f>
        <v>0.24811550477632666</v>
      </c>
      <c r="J33" s="59">
        <f>Bühler!J59</f>
        <v>0.82705168258775563</v>
      </c>
      <c r="K33" s="59">
        <f>Bühler!K59</f>
        <v>1.2405775238816332</v>
      </c>
      <c r="L33" s="59">
        <f>Bühler!L59</f>
        <v>5.9547721146318393</v>
      </c>
      <c r="M33" s="58">
        <f>Bühler!M59</f>
        <v>0</v>
      </c>
      <c r="N33" s="56">
        <f>IF(Input!$D$19=1,J33*Input!$C$19,0)+IF(Input!$D$20=1,K33*Input!$C$20,0)+IF(Input!$D$21=1,L33*Input!$C$21,0)+IF(Input!$D$22=1,M33*Input!$C$22,0)</f>
        <v>0.24811550477632668</v>
      </c>
      <c r="O33" s="59">
        <f>IF(Input!$D$19=2,J33*Input!$C$19,0)+IF(Input!$D$20=2,K33*Input!$C$20,0)+IF(Input!$D$21=2,L33*Input!$C$21,0)+IF(Input!$D$22=2,M33*Input!$C$22,0)</f>
        <v>0.62028876194081661</v>
      </c>
      <c r="P33" s="59">
        <f>IF(Input!$D$19=3,J33*Input!$C$19,0)+IF(Input!$D$20=3,K33*Input!$C$20,0)+IF(Input!$D$21=3,L33*Input!$C$21,0)+IF(Input!$D$22=3,M33*Input!$C$22,0)</f>
        <v>0</v>
      </c>
      <c r="Q33" s="75">
        <f>IF(Input!$D$19=4,J33*Input!$C$19,0)+IF(Input!$D$20=4,K33*Input!$C$20,0)+IF(Input!$D$21=4,L33*Input!$C$21,0)+IF(Input!$D$22=4,M33*Input!$C$22,0)</f>
        <v>0</v>
      </c>
      <c r="R33" s="58">
        <v>52.241561782643167</v>
      </c>
      <c r="S33" s="124">
        <f t="shared" si="0"/>
        <v>1.0751671873640822</v>
      </c>
    </row>
    <row r="34" spans="2:19" x14ac:dyDescent="0.3">
      <c r="B34" s="44">
        <v>27</v>
      </c>
      <c r="C34" s="56">
        <f>Jesper!AM28</f>
        <v>5.0669852122342114</v>
      </c>
      <c r="D34" s="59">
        <f>Jesper!AN28</f>
        <v>16.889950707447376</v>
      </c>
      <c r="E34" s="59">
        <f>Jesper!AO28</f>
        <v>25.33492606117106</v>
      </c>
      <c r="F34" s="59">
        <f>Jesper!AP28</f>
        <v>263.69004596563207</v>
      </c>
      <c r="G34" s="58">
        <f>Jesper!AQ28</f>
        <v>0</v>
      </c>
      <c r="H34" s="44">
        <v>27</v>
      </c>
      <c r="I34" s="56">
        <f>Bühler!I60</f>
        <v>0.24811550477632666</v>
      </c>
      <c r="J34" s="59">
        <f>Bühler!J60</f>
        <v>0.82705168258775563</v>
      </c>
      <c r="K34" s="59">
        <f>Bühler!K60</f>
        <v>1.2405775238816332</v>
      </c>
      <c r="L34" s="59">
        <f>Bühler!L60</f>
        <v>5.9547721146318393</v>
      </c>
      <c r="M34" s="58">
        <f>Bühler!M60</f>
        <v>0</v>
      </c>
      <c r="N34" s="56">
        <f>IF(Input!$D$19=1,J34*Input!$C$19,0)+IF(Input!$D$20=1,K34*Input!$C$20,0)+IF(Input!$D$21=1,L34*Input!$C$21,0)+IF(Input!$D$22=1,M34*Input!$C$22,0)</f>
        <v>0.24811550477632668</v>
      </c>
      <c r="O34" s="59">
        <f>IF(Input!$D$19=2,J34*Input!$C$19,0)+IF(Input!$D$20=2,K34*Input!$C$20,0)+IF(Input!$D$21=2,L34*Input!$C$21,0)+IF(Input!$D$22=2,M34*Input!$C$22,0)</f>
        <v>0.62028876194081661</v>
      </c>
      <c r="P34" s="59">
        <f>IF(Input!$D$19=3,J34*Input!$C$19,0)+IF(Input!$D$20=3,K34*Input!$C$20,0)+IF(Input!$D$21=3,L34*Input!$C$21,0)+IF(Input!$D$22=3,M34*Input!$C$22,0)</f>
        <v>0</v>
      </c>
      <c r="Q34" s="75">
        <f>IF(Input!$D$19=4,J34*Input!$C$19,0)+IF(Input!$D$20=4,K34*Input!$C$20,0)+IF(Input!$D$21=4,L34*Input!$C$21,0)+IF(Input!$D$22=4,M34*Input!$C$22,0)</f>
        <v>0</v>
      </c>
      <c r="R34" s="58">
        <v>52.944982097589154</v>
      </c>
      <c r="S34" s="124">
        <f t="shared" si="0"/>
        <v>1.0751671873640822</v>
      </c>
    </row>
    <row r="35" spans="2:19" x14ac:dyDescent="0.3">
      <c r="B35" s="44">
        <v>28</v>
      </c>
      <c r="C35" s="56">
        <f>Jesper!AM29</f>
        <v>4.9962240961381132</v>
      </c>
      <c r="D35" s="59">
        <f>Jesper!AN29</f>
        <v>16.65408032046038</v>
      </c>
      <c r="E35" s="59">
        <f>Jesper!AO29</f>
        <v>24.981120480690567</v>
      </c>
      <c r="F35" s="59">
        <f>Jesper!AP29</f>
        <v>262.09394245243197</v>
      </c>
      <c r="G35" s="58">
        <f>Jesper!AQ29</f>
        <v>0</v>
      </c>
      <c r="H35" s="44">
        <v>28</v>
      </c>
      <c r="I35" s="56">
        <f>Bühler!I61</f>
        <v>0.24811550477632666</v>
      </c>
      <c r="J35" s="59">
        <f>Bühler!J61</f>
        <v>0.82705168258775563</v>
      </c>
      <c r="K35" s="59">
        <f>Bühler!K61</f>
        <v>1.2405775238816332</v>
      </c>
      <c r="L35" s="59">
        <f>Bühler!L61</f>
        <v>5.9547721146318393</v>
      </c>
      <c r="M35" s="58">
        <f>Bühler!M61</f>
        <v>0</v>
      </c>
      <c r="N35" s="56">
        <f>IF(Input!$D$19=1,J35*Input!$C$19,0)+IF(Input!$D$20=1,K35*Input!$C$20,0)+IF(Input!$D$21=1,L35*Input!$C$21,0)+IF(Input!$D$22=1,M35*Input!$C$22,0)</f>
        <v>0.24811550477632668</v>
      </c>
      <c r="O35" s="59">
        <f>IF(Input!$D$19=2,J35*Input!$C$19,0)+IF(Input!$D$20=2,K35*Input!$C$20,0)+IF(Input!$D$21=2,L35*Input!$C$21,0)+IF(Input!$D$22=2,M35*Input!$C$22,0)</f>
        <v>0.62028876194081661</v>
      </c>
      <c r="P35" s="59">
        <f>IF(Input!$D$19=3,J35*Input!$C$19,0)+IF(Input!$D$20=3,K35*Input!$C$20,0)+IF(Input!$D$21=3,L35*Input!$C$21,0)+IF(Input!$D$22=3,M35*Input!$C$22,0)</f>
        <v>0</v>
      </c>
      <c r="Q35" s="75">
        <f>IF(Input!$D$19=4,J35*Input!$C$19,0)+IF(Input!$D$20=4,K35*Input!$C$20,0)+IF(Input!$D$21=4,L35*Input!$C$21,0)+IF(Input!$D$22=4,M35*Input!$C$22,0)</f>
        <v>0</v>
      </c>
      <c r="R35" s="58">
        <v>53.238527038287145</v>
      </c>
      <c r="S35" s="124">
        <f t="shared" si="0"/>
        <v>1.0751671873640822</v>
      </c>
    </row>
    <row r="36" spans="2:19" x14ac:dyDescent="0.3">
      <c r="B36" s="44">
        <v>29</v>
      </c>
      <c r="C36" s="56">
        <f>Jesper!AM30</f>
        <v>8.168862707385065</v>
      </c>
      <c r="D36" s="59">
        <f>Jesper!AN30</f>
        <v>27.229542357950223</v>
      </c>
      <c r="E36" s="59">
        <f>Jesper!AO30</f>
        <v>40.844313536925327</v>
      </c>
      <c r="F36" s="59">
        <f>Jesper!AP30</f>
        <v>196.05270497724158</v>
      </c>
      <c r="G36" s="58">
        <f>Jesper!AQ30</f>
        <v>0</v>
      </c>
      <c r="H36" s="44">
        <v>29</v>
      </c>
      <c r="I36" s="56">
        <f>Bühler!I62</f>
        <v>0.24811550477632666</v>
      </c>
      <c r="J36" s="59">
        <f>Bühler!J62</f>
        <v>0.82705168258775563</v>
      </c>
      <c r="K36" s="59">
        <f>Bühler!K62</f>
        <v>1.2405775238816332</v>
      </c>
      <c r="L36" s="59">
        <f>Bühler!L62</f>
        <v>5.9547721146318393</v>
      </c>
      <c r="M36" s="58">
        <f>Bühler!M62</f>
        <v>0</v>
      </c>
      <c r="N36" s="56">
        <f>IF(Input!$D$19=1,J36*Input!$C$19,0)+IF(Input!$D$20=1,K36*Input!$C$20,0)+IF(Input!$D$21=1,L36*Input!$C$21,0)+IF(Input!$D$22=1,M36*Input!$C$22,0)</f>
        <v>0.24811550477632668</v>
      </c>
      <c r="O36" s="59">
        <f>IF(Input!$D$19=2,J36*Input!$C$19,0)+IF(Input!$D$20=2,K36*Input!$C$20,0)+IF(Input!$D$21=2,L36*Input!$C$21,0)+IF(Input!$D$22=2,M36*Input!$C$22,0)</f>
        <v>0.62028876194081661</v>
      </c>
      <c r="P36" s="59">
        <f>IF(Input!$D$19=3,J36*Input!$C$19,0)+IF(Input!$D$20=3,K36*Input!$C$20,0)+IF(Input!$D$21=3,L36*Input!$C$21,0)+IF(Input!$D$22=3,M36*Input!$C$22,0)</f>
        <v>0</v>
      </c>
      <c r="Q36" s="75">
        <f>IF(Input!$D$19=4,J36*Input!$C$19,0)+IF(Input!$D$20=4,K36*Input!$C$20,0)+IF(Input!$D$21=4,L36*Input!$C$21,0)+IF(Input!$D$22=4,M36*Input!$C$22,0)</f>
        <v>0</v>
      </c>
      <c r="R36" s="58">
        <v>54.959347479485693</v>
      </c>
      <c r="S36" s="124">
        <f t="shared" si="0"/>
        <v>1.0751671873640822</v>
      </c>
    </row>
    <row r="37" spans="2:19" x14ac:dyDescent="0.3">
      <c r="B37" s="44">
        <v>30</v>
      </c>
      <c r="C37" s="56">
        <f>Jesper!AM31</f>
        <v>8.2099086800018206</v>
      </c>
      <c r="D37" s="59">
        <f>Jesper!AN31</f>
        <v>27.366362266672738</v>
      </c>
      <c r="E37" s="59">
        <f>Jesper!AO31</f>
        <v>41.0495434000091</v>
      </c>
      <c r="F37" s="59">
        <f>Jesper!AP31</f>
        <v>197.03780832004369</v>
      </c>
      <c r="G37" s="58">
        <f>Jesper!AQ31</f>
        <v>0</v>
      </c>
      <c r="H37" s="44">
        <v>30</v>
      </c>
      <c r="I37" s="56">
        <f>Bühler!I63</f>
        <v>0.32255015620922467</v>
      </c>
      <c r="J37" s="59">
        <f>Bühler!J63</f>
        <v>1.0751671873640822</v>
      </c>
      <c r="K37" s="59">
        <f>Bühler!K63</f>
        <v>1.6127507810461232</v>
      </c>
      <c r="L37" s="59">
        <f>Bühler!L63</f>
        <v>7.7412037490213912</v>
      </c>
      <c r="M37" s="58">
        <f>Bühler!M63</f>
        <v>0</v>
      </c>
      <c r="N37" s="56">
        <f>IF(Input!$D$19=1,J37*Input!$C$19,0)+IF(Input!$D$20=1,K37*Input!$C$20,0)+IF(Input!$D$21=1,L37*Input!$C$21,0)+IF(Input!$D$22=1,M37*Input!$C$22,0)</f>
        <v>0.32255015620922467</v>
      </c>
      <c r="O37" s="59">
        <f>IF(Input!$D$19=2,J37*Input!$C$19,0)+IF(Input!$D$20=2,K37*Input!$C$20,0)+IF(Input!$D$21=2,L37*Input!$C$21,0)+IF(Input!$D$22=2,M37*Input!$C$22,0)</f>
        <v>0.80637539052306162</v>
      </c>
      <c r="P37" s="59">
        <f>IF(Input!$D$19=3,J37*Input!$C$19,0)+IF(Input!$D$20=3,K37*Input!$C$20,0)+IF(Input!$D$21=3,L37*Input!$C$21,0)+IF(Input!$D$22=3,M37*Input!$C$22,0)</f>
        <v>0</v>
      </c>
      <c r="Q37" s="75">
        <f>IF(Input!$D$19=4,J37*Input!$C$19,0)+IF(Input!$D$20=4,K37*Input!$C$20,0)+IF(Input!$D$21=4,L37*Input!$C$21,0)+IF(Input!$D$22=4,M37*Input!$C$22,0)</f>
        <v>0</v>
      </c>
      <c r="R37" s="58">
        <v>57.946569278847065</v>
      </c>
      <c r="S37" s="124">
        <f t="shared" si="0"/>
        <v>1.3977173435733068</v>
      </c>
    </row>
    <row r="38" spans="2:19" x14ac:dyDescent="0.3">
      <c r="B38" s="44">
        <v>31</v>
      </c>
      <c r="C38" s="56">
        <f>Jesper!AM32</f>
        <v>8.6351383179293126</v>
      </c>
      <c r="D38" s="59">
        <f>Jesper!AN32</f>
        <v>28.783794393097708</v>
      </c>
      <c r="E38" s="59">
        <f>Jesper!AO32</f>
        <v>43.175691589646561</v>
      </c>
      <c r="F38" s="59">
        <f>Jesper!AP32</f>
        <v>207.24331963030349</v>
      </c>
      <c r="G38" s="58">
        <f>Jesper!AQ32</f>
        <v>0</v>
      </c>
      <c r="H38" s="44">
        <v>31</v>
      </c>
      <c r="I38" s="56">
        <f>Bühler!I64</f>
        <v>0.35976748192567365</v>
      </c>
      <c r="J38" s="59">
        <f>Bühler!J64</f>
        <v>1.1992249397522456</v>
      </c>
      <c r="K38" s="59">
        <f>Bühler!K64</f>
        <v>1.7988374096283681</v>
      </c>
      <c r="L38" s="59">
        <f>Bühler!L64</f>
        <v>8.6344195662161667</v>
      </c>
      <c r="M38" s="58">
        <f>Bühler!M64</f>
        <v>0</v>
      </c>
      <c r="N38" s="56">
        <f>IF(Input!$D$19=1,J38*Input!$C$19,0)+IF(Input!$D$20=1,K38*Input!$C$20,0)+IF(Input!$D$21=1,L38*Input!$C$21,0)+IF(Input!$D$22=1,M38*Input!$C$22,0)</f>
        <v>0.3597674819256737</v>
      </c>
      <c r="O38" s="59">
        <f>IF(Input!$D$19=2,J38*Input!$C$19,0)+IF(Input!$D$20=2,K38*Input!$C$20,0)+IF(Input!$D$21=2,L38*Input!$C$21,0)+IF(Input!$D$22=2,M38*Input!$C$22,0)</f>
        <v>0.89941870481418407</v>
      </c>
      <c r="P38" s="59">
        <f>IF(Input!$D$19=3,J38*Input!$C$19,0)+IF(Input!$D$20=3,K38*Input!$C$20,0)+IF(Input!$D$21=3,L38*Input!$C$21,0)+IF(Input!$D$22=3,M38*Input!$C$22,0)</f>
        <v>0</v>
      </c>
      <c r="Q38" s="75">
        <f>IF(Input!$D$19=4,J38*Input!$C$19,0)+IF(Input!$D$20=4,K38*Input!$C$20,0)+IF(Input!$D$21=4,L38*Input!$C$21,0)+IF(Input!$D$22=4,M38*Input!$C$22,0)</f>
        <v>0</v>
      </c>
      <c r="R38" s="58">
        <v>61.088666396988543</v>
      </c>
      <c r="S38" s="124">
        <f t="shared" si="0"/>
        <v>1.5589924216779192</v>
      </c>
    </row>
    <row r="39" spans="2:19" x14ac:dyDescent="0.3">
      <c r="B39" s="44">
        <v>32</v>
      </c>
      <c r="C39" s="56">
        <f>Jesper!AM33</f>
        <v>9.0482185376303033</v>
      </c>
      <c r="D39" s="59">
        <f>Jesper!AN33</f>
        <v>30.160728458767682</v>
      </c>
      <c r="E39" s="59">
        <f>Jesper!AO33</f>
        <v>45.241092688151518</v>
      </c>
      <c r="F39" s="59">
        <f>Jesper!AP33</f>
        <v>217.15724490312729</v>
      </c>
      <c r="G39" s="58">
        <f>Jesper!AQ33</f>
        <v>0</v>
      </c>
      <c r="H39" s="44">
        <v>32</v>
      </c>
      <c r="I39" s="56">
        <f>Bühler!I65</f>
        <v>0.37217325716449001</v>
      </c>
      <c r="J39" s="59">
        <f>Bühler!J65</f>
        <v>1.2405775238816334</v>
      </c>
      <c r="K39" s="59">
        <f>Bühler!K65</f>
        <v>1.8608662858224501</v>
      </c>
      <c r="L39" s="59">
        <f>Bühler!L65</f>
        <v>8.9321581719477603</v>
      </c>
      <c r="M39" s="58">
        <f>Bühler!M65</f>
        <v>0</v>
      </c>
      <c r="N39" s="56">
        <f>IF(Input!$D$19=1,J39*Input!$C$19,0)+IF(Input!$D$20=1,K39*Input!$C$20,0)+IF(Input!$D$21=1,L39*Input!$C$21,0)+IF(Input!$D$22=1,M39*Input!$C$22,0)</f>
        <v>0.37217325716449001</v>
      </c>
      <c r="O39" s="59">
        <f>IF(Input!$D$19=2,J39*Input!$C$19,0)+IF(Input!$D$20=2,K39*Input!$C$20,0)+IF(Input!$D$21=2,L39*Input!$C$21,0)+IF(Input!$D$22=2,M39*Input!$C$22,0)</f>
        <v>0.93043314291122503</v>
      </c>
      <c r="P39" s="59">
        <f>IF(Input!$D$19=3,J39*Input!$C$19,0)+IF(Input!$D$20=3,K39*Input!$C$20,0)+IF(Input!$D$21=3,L39*Input!$C$21,0)+IF(Input!$D$22=3,M39*Input!$C$22,0)</f>
        <v>0</v>
      </c>
      <c r="Q39" s="75">
        <f>IF(Input!$D$19=4,J39*Input!$C$19,0)+IF(Input!$D$20=4,K39*Input!$C$20,0)+IF(Input!$D$21=4,L39*Input!$C$21,0)+IF(Input!$D$22=4,M39*Input!$C$22,0)</f>
        <v>0</v>
      </c>
      <c r="R39" s="58">
        <v>62.765959866522344</v>
      </c>
      <c r="S39" s="124">
        <f t="shared" si="0"/>
        <v>1.6127507810461235</v>
      </c>
    </row>
    <row r="40" spans="2:19" x14ac:dyDescent="0.3">
      <c r="B40" s="44">
        <v>33</v>
      </c>
      <c r="C40" s="56">
        <f>Jesper!AM34</f>
        <v>8.6715865726088115</v>
      </c>
      <c r="D40" s="59">
        <f>Jesper!AN34</f>
        <v>28.905288575362704</v>
      </c>
      <c r="E40" s="59">
        <f>Jesper!AO34</f>
        <v>43.357932863044056</v>
      </c>
      <c r="F40" s="59">
        <f>Jesper!AP34</f>
        <v>208.11807774261146</v>
      </c>
      <c r="G40" s="58">
        <f>Jesper!AQ34</f>
        <v>0</v>
      </c>
      <c r="H40" s="44">
        <v>33</v>
      </c>
      <c r="I40" s="56">
        <f>Bühler!I66</f>
        <v>0.37217325716449001</v>
      </c>
      <c r="J40" s="59">
        <f>Bühler!J66</f>
        <v>1.2405775238816334</v>
      </c>
      <c r="K40" s="59">
        <f>Bühler!K66</f>
        <v>1.8608662858224501</v>
      </c>
      <c r="L40" s="59">
        <f>Bühler!L66</f>
        <v>8.9321581719477603</v>
      </c>
      <c r="M40" s="58">
        <f>Bühler!M66</f>
        <v>0</v>
      </c>
      <c r="N40" s="56">
        <f>IF(Input!$D$19=1,J40*Input!$C$19,0)+IF(Input!$D$20=1,K40*Input!$C$20,0)+IF(Input!$D$21=1,L40*Input!$C$21,0)+IF(Input!$D$22=1,M40*Input!$C$22,0)</f>
        <v>0.37217325716449001</v>
      </c>
      <c r="O40" s="59">
        <f>IF(Input!$D$19=2,J40*Input!$C$19,0)+IF(Input!$D$20=2,K40*Input!$C$20,0)+IF(Input!$D$21=2,L40*Input!$C$21,0)+IF(Input!$D$22=2,M40*Input!$C$22,0)</f>
        <v>0.93043314291122503</v>
      </c>
      <c r="P40" s="59">
        <f>IF(Input!$D$19=3,J40*Input!$C$19,0)+IF(Input!$D$20=3,K40*Input!$C$20,0)+IF(Input!$D$21=3,L40*Input!$C$21,0)+IF(Input!$D$22=3,M40*Input!$C$22,0)</f>
        <v>0</v>
      </c>
      <c r="Q40" s="75">
        <f>IF(Input!$D$19=4,J40*Input!$C$19,0)+IF(Input!$D$20=4,K40*Input!$C$20,0)+IF(Input!$D$21=4,L40*Input!$C$21,0)+IF(Input!$D$22=4,M40*Input!$C$22,0)</f>
        <v>0</v>
      </c>
      <c r="R40" s="58">
        <v>63.154162213512997</v>
      </c>
      <c r="S40" s="124">
        <f t="shared" si="0"/>
        <v>1.6127507810461235</v>
      </c>
    </row>
    <row r="41" spans="2:19" x14ac:dyDescent="0.3">
      <c r="B41" s="44">
        <v>34</v>
      </c>
      <c r="C41" s="56">
        <f>Jesper!AM35</f>
        <v>5.8807380473393591</v>
      </c>
      <c r="D41" s="59">
        <f>Jesper!AN35</f>
        <v>19.602460157797864</v>
      </c>
      <c r="E41" s="59">
        <f>Jesper!AO35</f>
        <v>29.403690236696796</v>
      </c>
      <c r="F41" s="59">
        <f>Jesper!AP35</f>
        <v>282.04523636743346</v>
      </c>
      <c r="G41" s="58">
        <f>Jesper!AQ35</f>
        <v>0</v>
      </c>
      <c r="H41" s="44">
        <v>34</v>
      </c>
      <c r="I41" s="56">
        <f>Bühler!I67</f>
        <v>0.40318769526153081</v>
      </c>
      <c r="J41" s="59">
        <f>Bühler!J67</f>
        <v>1.343958984205103</v>
      </c>
      <c r="K41" s="59">
        <f>Bühler!K67</f>
        <v>2.015938476307654</v>
      </c>
      <c r="L41" s="59">
        <f>Bühler!L67</f>
        <v>9.6765046862767399</v>
      </c>
      <c r="M41" s="58">
        <f>Bühler!M67</f>
        <v>0</v>
      </c>
      <c r="N41" s="56">
        <f>IF(Input!$D$19=1,J41*Input!$C$19,0)+IF(Input!$D$20=1,K41*Input!$C$20,0)+IF(Input!$D$21=1,L41*Input!$C$21,0)+IF(Input!$D$22=1,M41*Input!$C$22,0)</f>
        <v>0.40318769526153087</v>
      </c>
      <c r="O41" s="59">
        <f>IF(Input!$D$19=2,J41*Input!$C$19,0)+IF(Input!$D$20=2,K41*Input!$C$20,0)+IF(Input!$D$21=2,L41*Input!$C$21,0)+IF(Input!$D$22=2,M41*Input!$C$22,0)</f>
        <v>1.007969238153827</v>
      </c>
      <c r="P41" s="59">
        <f>IF(Input!$D$19=3,J41*Input!$C$19,0)+IF(Input!$D$20=3,K41*Input!$C$20,0)+IF(Input!$D$21=3,L41*Input!$C$21,0)+IF(Input!$D$22=3,M41*Input!$C$22,0)</f>
        <v>0</v>
      </c>
      <c r="Q41" s="75">
        <f>IF(Input!$D$19=4,J41*Input!$C$19,0)+IF(Input!$D$20=4,K41*Input!$C$20,0)+IF(Input!$D$21=4,L41*Input!$C$21,0)+IF(Input!$D$22=4,M41*Input!$C$22,0)</f>
        <v>0</v>
      </c>
      <c r="R41" s="58">
        <v>62.327828073512769</v>
      </c>
      <c r="S41" s="124">
        <f t="shared" si="0"/>
        <v>1.7471466794666337</v>
      </c>
    </row>
    <row r="42" spans="2:19" x14ac:dyDescent="0.3">
      <c r="B42" s="44">
        <v>35</v>
      </c>
      <c r="C42" s="56">
        <f>Jesper!AM36</f>
        <v>5.9161186053874077</v>
      </c>
      <c r="D42" s="59">
        <f>Jesper!AN36</f>
        <v>19.720395351291362</v>
      </c>
      <c r="E42" s="59">
        <f>Jesper!AO36</f>
        <v>29.580593026937041</v>
      </c>
      <c r="F42" s="59">
        <f>Jesper!AP36</f>
        <v>282.84328812403345</v>
      </c>
      <c r="G42" s="58">
        <f>Jesper!AQ36</f>
        <v>0</v>
      </c>
      <c r="H42" s="44">
        <v>35</v>
      </c>
      <c r="I42" s="56">
        <f>Bühler!I68</f>
        <v>0.4217963581197553</v>
      </c>
      <c r="J42" s="59">
        <f>Bühler!J68</f>
        <v>1.4059878603991844</v>
      </c>
      <c r="K42" s="59">
        <f>Bühler!K68</f>
        <v>2.1089817905987767</v>
      </c>
      <c r="L42" s="59">
        <f>Bühler!L68</f>
        <v>10.123112594874128</v>
      </c>
      <c r="M42" s="58">
        <f>Bühler!M68</f>
        <v>0</v>
      </c>
      <c r="N42" s="56">
        <f>IF(Input!$D$19=1,J42*Input!$C$19,0)+IF(Input!$D$20=1,K42*Input!$C$20,0)+IF(Input!$D$21=1,L42*Input!$C$21,0)+IF(Input!$D$22=1,M42*Input!$C$22,0)</f>
        <v>0.4217963581197553</v>
      </c>
      <c r="O42" s="59">
        <f>IF(Input!$D$19=2,J42*Input!$C$19,0)+IF(Input!$D$20=2,K42*Input!$C$20,0)+IF(Input!$D$21=2,L42*Input!$C$21,0)+IF(Input!$D$22=2,M42*Input!$C$22,0)</f>
        <v>1.0544908952993883</v>
      </c>
      <c r="P42" s="59">
        <f>IF(Input!$D$19=3,J42*Input!$C$19,0)+IF(Input!$D$20=3,K42*Input!$C$20,0)+IF(Input!$D$21=3,L42*Input!$C$21,0)+IF(Input!$D$22=3,M42*Input!$C$22,0)</f>
        <v>0</v>
      </c>
      <c r="Q42" s="75">
        <f>IF(Input!$D$19=4,J42*Input!$C$19,0)+IF(Input!$D$20=4,K42*Input!$C$20,0)+IF(Input!$D$21=4,L42*Input!$C$21,0)+IF(Input!$D$22=4,M42*Input!$C$22,0)</f>
        <v>0</v>
      </c>
      <c r="R42" s="58">
        <v>63.234268459706897</v>
      </c>
      <c r="S42" s="124">
        <f t="shared" si="0"/>
        <v>1.8277842185189397</v>
      </c>
    </row>
    <row r="43" spans="2:19" x14ac:dyDescent="0.3">
      <c r="B43" s="44">
        <v>36</v>
      </c>
      <c r="C43" s="56">
        <f>Jesper!AM37</f>
        <v>8.2342075164548199</v>
      </c>
      <c r="D43" s="59">
        <f>Jesper!AN37</f>
        <v>27.447358388182735</v>
      </c>
      <c r="E43" s="59">
        <f>Jesper!AO37</f>
        <v>41.171037582274096</v>
      </c>
      <c r="F43" s="59">
        <f>Jesper!AP37</f>
        <v>197.62098039491568</v>
      </c>
      <c r="G43" s="58">
        <f>Jesper!AQ37</f>
        <v>0</v>
      </c>
      <c r="H43" s="44">
        <v>36</v>
      </c>
      <c r="I43" s="56">
        <f>Bühler!I69</f>
        <v>0.49623100955265331</v>
      </c>
      <c r="J43" s="59">
        <f>Bühler!J69</f>
        <v>1.6541033651755113</v>
      </c>
      <c r="K43" s="59">
        <f>Bühler!K69</f>
        <v>2.4811550477632665</v>
      </c>
      <c r="L43" s="59">
        <f>Bühler!L69</f>
        <v>11.909544229263679</v>
      </c>
      <c r="M43" s="58">
        <f>Bühler!M69</f>
        <v>0</v>
      </c>
      <c r="N43" s="56">
        <f>IF(Input!$D$19=1,J43*Input!$C$19,0)+IF(Input!$D$20=1,K43*Input!$C$20,0)+IF(Input!$D$21=1,L43*Input!$C$21,0)+IF(Input!$D$22=1,M43*Input!$C$22,0)</f>
        <v>0.49623100955265337</v>
      </c>
      <c r="O43" s="59">
        <f>IF(Input!$D$19=2,J43*Input!$C$19,0)+IF(Input!$D$20=2,K43*Input!$C$20,0)+IF(Input!$D$21=2,L43*Input!$C$21,0)+IF(Input!$D$22=2,M43*Input!$C$22,0)</f>
        <v>1.2405775238816332</v>
      </c>
      <c r="P43" s="59">
        <f>IF(Input!$D$19=3,J43*Input!$C$19,0)+IF(Input!$D$20=3,K43*Input!$C$20,0)+IF(Input!$D$21=3,L43*Input!$C$21,0)+IF(Input!$D$22=3,M43*Input!$C$22,0)</f>
        <v>0</v>
      </c>
      <c r="Q43" s="75">
        <f>IF(Input!$D$19=4,J43*Input!$C$19,0)+IF(Input!$D$20=4,K43*Input!$C$20,0)+IF(Input!$D$21=4,L43*Input!$C$21,0)+IF(Input!$D$22=4,M43*Input!$C$22,0)</f>
        <v>0</v>
      </c>
      <c r="R43" s="58">
        <v>63.378659586493775</v>
      </c>
      <c r="S43" s="124">
        <f t="shared" si="0"/>
        <v>2.1503343747281645</v>
      </c>
    </row>
    <row r="44" spans="2:19" x14ac:dyDescent="0.3">
      <c r="B44" s="44">
        <v>37</v>
      </c>
      <c r="C44" s="56">
        <f>Jesper!AM38</f>
        <v>8.135368435057547</v>
      </c>
      <c r="D44" s="59">
        <f>Jesper!AN38</f>
        <v>27.117894783525159</v>
      </c>
      <c r="E44" s="59">
        <f>Jesper!AO38</f>
        <v>40.676842175287732</v>
      </c>
      <c r="F44" s="59">
        <f>Jesper!AP38</f>
        <v>195.24884244138113</v>
      </c>
      <c r="G44" s="58">
        <f>Jesper!AQ38</f>
        <v>0</v>
      </c>
      <c r="H44" s="44">
        <v>37</v>
      </c>
      <c r="I44" s="56">
        <f>Bühler!I70</f>
        <v>0.49623100955265331</v>
      </c>
      <c r="J44" s="59">
        <f>Bühler!J70</f>
        <v>1.6541033651755113</v>
      </c>
      <c r="K44" s="59">
        <f>Bühler!K70</f>
        <v>2.4811550477632665</v>
      </c>
      <c r="L44" s="59">
        <f>Bühler!L70</f>
        <v>11.909544229263679</v>
      </c>
      <c r="M44" s="58">
        <f>Bühler!M70</f>
        <v>0</v>
      </c>
      <c r="N44" s="56">
        <f>IF(Input!$D$19=1,J44*Input!$C$19,0)+IF(Input!$D$20=1,K44*Input!$C$20,0)+IF(Input!$D$21=1,L44*Input!$C$21,0)+IF(Input!$D$22=1,M44*Input!$C$22,0)</f>
        <v>0.49623100955265337</v>
      </c>
      <c r="O44" s="59">
        <f>IF(Input!$D$19=2,J44*Input!$C$19,0)+IF(Input!$D$20=2,K44*Input!$C$20,0)+IF(Input!$D$21=2,L44*Input!$C$21,0)+IF(Input!$D$22=2,M44*Input!$C$22,0)</f>
        <v>1.2405775238816332</v>
      </c>
      <c r="P44" s="59">
        <f>IF(Input!$D$19=3,J44*Input!$C$19,0)+IF(Input!$D$20=3,K44*Input!$C$20,0)+IF(Input!$D$21=3,L44*Input!$C$21,0)+IF(Input!$D$22=3,M44*Input!$C$22,0)</f>
        <v>0</v>
      </c>
      <c r="Q44" s="75">
        <f>IF(Input!$D$19=4,J44*Input!$C$19,0)+IF(Input!$D$20=4,K44*Input!$C$20,0)+IF(Input!$D$21=4,L44*Input!$C$21,0)+IF(Input!$D$22=4,M44*Input!$C$22,0)</f>
        <v>0</v>
      </c>
      <c r="R44" s="58">
        <v>62.271774511356583</v>
      </c>
      <c r="S44" s="124">
        <f t="shared" si="0"/>
        <v>2.1503343747281645</v>
      </c>
    </row>
    <row r="45" spans="2:19" x14ac:dyDescent="0.3">
      <c r="B45" s="44">
        <v>38</v>
      </c>
      <c r="C45" s="56">
        <f>Jesper!AM39</f>
        <v>8.1409508137788009</v>
      </c>
      <c r="D45" s="59">
        <f>Jesper!AN39</f>
        <v>27.136502712596009</v>
      </c>
      <c r="E45" s="59">
        <f>Jesper!AO39</f>
        <v>40.704754068894012</v>
      </c>
      <c r="F45" s="59">
        <f>Jesper!AP39</f>
        <v>195.38281953069125</v>
      </c>
      <c r="G45" s="58">
        <f>Jesper!AQ39</f>
        <v>0</v>
      </c>
      <c r="H45" s="44">
        <v>38</v>
      </c>
      <c r="I45" s="56">
        <f>Bühler!I71</f>
        <v>0.49623100955265331</v>
      </c>
      <c r="J45" s="59">
        <f>Bühler!J71</f>
        <v>1.6541033651755113</v>
      </c>
      <c r="K45" s="59">
        <f>Bühler!K71</f>
        <v>2.4811550477632665</v>
      </c>
      <c r="L45" s="59">
        <f>Bühler!L71</f>
        <v>11.909544229263679</v>
      </c>
      <c r="M45" s="58">
        <f>Bühler!M71</f>
        <v>0</v>
      </c>
      <c r="N45" s="56">
        <f>IF(Input!$D$19=1,J45*Input!$C$19,0)+IF(Input!$D$20=1,K45*Input!$C$20,0)+IF(Input!$D$21=1,L45*Input!$C$21,0)+IF(Input!$D$22=1,M45*Input!$C$22,0)</f>
        <v>0.49623100955265337</v>
      </c>
      <c r="O45" s="59">
        <f>IF(Input!$D$19=2,J45*Input!$C$19,0)+IF(Input!$D$20=2,K45*Input!$C$20,0)+IF(Input!$D$21=2,L45*Input!$C$21,0)+IF(Input!$D$22=2,M45*Input!$C$22,0)</f>
        <v>1.2405775238816332</v>
      </c>
      <c r="P45" s="59">
        <f>IF(Input!$D$19=3,J45*Input!$C$19,0)+IF(Input!$D$20=3,K45*Input!$C$20,0)+IF(Input!$D$21=3,L45*Input!$C$21,0)+IF(Input!$D$22=3,M45*Input!$C$22,0)</f>
        <v>0</v>
      </c>
      <c r="Q45" s="75">
        <f>IF(Input!$D$19=4,J45*Input!$C$19,0)+IF(Input!$D$20=4,K45*Input!$C$20,0)+IF(Input!$D$21=4,L45*Input!$C$21,0)+IF(Input!$D$22=4,M45*Input!$C$22,0)</f>
        <v>0</v>
      </c>
      <c r="R45" s="58">
        <v>62.48964430307398</v>
      </c>
      <c r="S45" s="124">
        <f t="shared" si="0"/>
        <v>2.1503343747281645</v>
      </c>
    </row>
    <row r="46" spans="2:19" x14ac:dyDescent="0.3">
      <c r="B46" s="44">
        <v>39</v>
      </c>
      <c r="C46" s="56">
        <f>Jesper!AM40</f>
        <v>8.0069737244687325</v>
      </c>
      <c r="D46" s="59">
        <f>Jesper!AN40</f>
        <v>26.689912414895776</v>
      </c>
      <c r="E46" s="59">
        <f>Jesper!AO40</f>
        <v>40.034868622343659</v>
      </c>
      <c r="F46" s="59">
        <f>Jesper!AP40</f>
        <v>192.16736938724958</v>
      </c>
      <c r="G46" s="58">
        <f>Jesper!AQ40</f>
        <v>0</v>
      </c>
      <c r="H46" s="44">
        <v>39</v>
      </c>
      <c r="I46" s="56">
        <f>Bühler!I72</f>
        <v>0.49623100955265331</v>
      </c>
      <c r="J46" s="59">
        <f>Bühler!J72</f>
        <v>1.6541033651755113</v>
      </c>
      <c r="K46" s="59">
        <f>Bühler!K72</f>
        <v>2.4811550477632665</v>
      </c>
      <c r="L46" s="59">
        <f>Bühler!L72</f>
        <v>11.909544229263679</v>
      </c>
      <c r="M46" s="58">
        <f>Bühler!M72</f>
        <v>0</v>
      </c>
      <c r="N46" s="56">
        <f>IF(Input!$D$19=1,J46*Input!$C$19,0)+IF(Input!$D$20=1,K46*Input!$C$20,0)+IF(Input!$D$21=1,L46*Input!$C$21,0)+IF(Input!$D$22=1,M46*Input!$C$22,0)</f>
        <v>0.49623100955265337</v>
      </c>
      <c r="O46" s="59">
        <f>IF(Input!$D$19=2,J46*Input!$C$19,0)+IF(Input!$D$20=2,K46*Input!$C$20,0)+IF(Input!$D$21=2,L46*Input!$C$21,0)+IF(Input!$D$22=2,M46*Input!$C$22,0)</f>
        <v>1.2405775238816332</v>
      </c>
      <c r="P46" s="59">
        <f>IF(Input!$D$19=3,J46*Input!$C$19,0)+IF(Input!$D$20=3,K46*Input!$C$20,0)+IF(Input!$D$21=3,L46*Input!$C$21,0)+IF(Input!$D$22=3,M46*Input!$C$22,0)</f>
        <v>0</v>
      </c>
      <c r="Q46" s="75">
        <f>IF(Input!$D$19=4,J46*Input!$C$19,0)+IF(Input!$D$20=4,K46*Input!$C$20,0)+IF(Input!$D$21=4,L46*Input!$C$21,0)+IF(Input!$D$22=4,M46*Input!$C$22,0)</f>
        <v>0</v>
      </c>
      <c r="R46" s="58">
        <v>62.856153479494914</v>
      </c>
      <c r="S46" s="124">
        <f t="shared" si="0"/>
        <v>2.1503343747281645</v>
      </c>
    </row>
    <row r="47" spans="2:19" x14ac:dyDescent="0.3">
      <c r="B47" s="44">
        <v>40</v>
      </c>
      <c r="C47" s="56">
        <f>Jesper!AM41</f>
        <v>8.3435522804933164</v>
      </c>
      <c r="D47" s="59">
        <f>Jesper!AN41</f>
        <v>27.811840934977724</v>
      </c>
      <c r="E47" s="59">
        <f>Jesper!AO41</f>
        <v>41.717761402466579</v>
      </c>
      <c r="F47" s="59">
        <f>Jesper!AP41</f>
        <v>200.24525473183959</v>
      </c>
      <c r="G47" s="58">
        <f>Jesper!AQ41</f>
        <v>0</v>
      </c>
      <c r="H47" s="44">
        <v>40</v>
      </c>
      <c r="I47" s="56">
        <f>Bühler!I73</f>
        <v>0.49623100955265331</v>
      </c>
      <c r="J47" s="59">
        <f>Bühler!J73</f>
        <v>1.6541033651755113</v>
      </c>
      <c r="K47" s="59">
        <f>Bühler!K73</f>
        <v>2.4811550477632665</v>
      </c>
      <c r="L47" s="59">
        <f>Bühler!L73</f>
        <v>11.909544229263679</v>
      </c>
      <c r="M47" s="58">
        <f>Bühler!M73</f>
        <v>0</v>
      </c>
      <c r="N47" s="56">
        <f>IF(Input!$D$19=1,J47*Input!$C$19,0)+IF(Input!$D$20=1,K47*Input!$C$20,0)+IF(Input!$D$21=1,L47*Input!$C$21,0)+IF(Input!$D$22=1,M47*Input!$C$22,0)</f>
        <v>0.49623100955265337</v>
      </c>
      <c r="O47" s="59">
        <f>IF(Input!$D$19=2,J47*Input!$C$19,0)+IF(Input!$D$20=2,K47*Input!$C$20,0)+IF(Input!$D$21=2,L47*Input!$C$21,0)+IF(Input!$D$22=2,M47*Input!$C$22,0)</f>
        <v>1.2405775238816332</v>
      </c>
      <c r="P47" s="59">
        <f>IF(Input!$D$19=3,J47*Input!$C$19,0)+IF(Input!$D$20=3,K47*Input!$C$20,0)+IF(Input!$D$21=3,L47*Input!$C$21,0)+IF(Input!$D$22=3,M47*Input!$C$22,0)</f>
        <v>0</v>
      </c>
      <c r="Q47" s="75">
        <f>IF(Input!$D$19=4,J47*Input!$C$19,0)+IF(Input!$D$20=4,K47*Input!$C$20,0)+IF(Input!$D$21=4,L47*Input!$C$21,0)+IF(Input!$D$22=4,M47*Input!$C$22,0)</f>
        <v>0</v>
      </c>
      <c r="R47" s="58">
        <v>61.40129544915731</v>
      </c>
      <c r="S47" s="124">
        <f t="shared" si="0"/>
        <v>2.1503343747281645</v>
      </c>
    </row>
    <row r="48" spans="2:19" x14ac:dyDescent="0.3">
      <c r="B48" s="44">
        <v>41</v>
      </c>
      <c r="C48" s="56">
        <f>Jesper!AM42</f>
        <v>5.5269324668588604</v>
      </c>
      <c r="D48" s="59">
        <f>Jesper!AN42</f>
        <v>18.423108222862869</v>
      </c>
      <c r="E48" s="59">
        <f>Jesper!AO42</f>
        <v>27.634662334294305</v>
      </c>
      <c r="F48" s="59">
        <f>Jesper!AP42</f>
        <v>274.06471880143289</v>
      </c>
      <c r="G48" s="58">
        <f>Jesper!AQ42</f>
        <v>0</v>
      </c>
      <c r="H48" s="44">
        <v>41</v>
      </c>
      <c r="I48" s="56">
        <f>Bühler!I74</f>
        <v>0.49623100955265331</v>
      </c>
      <c r="J48" s="59">
        <f>Bühler!J74</f>
        <v>1.6541033651755113</v>
      </c>
      <c r="K48" s="59">
        <f>Bühler!K74</f>
        <v>2.4811550477632665</v>
      </c>
      <c r="L48" s="59">
        <f>Bühler!L74</f>
        <v>11.909544229263679</v>
      </c>
      <c r="M48" s="58">
        <f>Bühler!M74</f>
        <v>0</v>
      </c>
      <c r="N48" s="56">
        <f>IF(Input!$D$19=1,J48*Input!$C$19,0)+IF(Input!$D$20=1,K48*Input!$C$20,0)+IF(Input!$D$21=1,L48*Input!$C$21,0)+IF(Input!$D$22=1,M48*Input!$C$22,0)</f>
        <v>0.49623100955265337</v>
      </c>
      <c r="O48" s="59">
        <f>IF(Input!$D$19=2,J48*Input!$C$19,0)+IF(Input!$D$20=2,K48*Input!$C$20,0)+IF(Input!$D$21=2,L48*Input!$C$21,0)+IF(Input!$D$22=2,M48*Input!$C$22,0)</f>
        <v>1.2405775238816332</v>
      </c>
      <c r="P48" s="59">
        <f>IF(Input!$D$19=3,J48*Input!$C$19,0)+IF(Input!$D$20=3,K48*Input!$C$20,0)+IF(Input!$D$21=3,L48*Input!$C$21,0)+IF(Input!$D$22=3,M48*Input!$C$22,0)</f>
        <v>0</v>
      </c>
      <c r="Q48" s="75">
        <f>IF(Input!$D$19=4,J48*Input!$C$19,0)+IF(Input!$D$20=4,K48*Input!$C$20,0)+IF(Input!$D$21=4,L48*Input!$C$21,0)+IF(Input!$D$22=4,M48*Input!$C$22,0)</f>
        <v>0</v>
      </c>
      <c r="R48" s="58">
        <v>60.407928353973688</v>
      </c>
      <c r="S48" s="124">
        <f t="shared" si="0"/>
        <v>2.1503343747281645</v>
      </c>
    </row>
    <row r="49" spans="2:19" x14ac:dyDescent="0.3">
      <c r="B49" s="44">
        <v>42</v>
      </c>
      <c r="C49" s="56">
        <f>Jesper!AM43</f>
        <v>5.4207907927147101</v>
      </c>
      <c r="D49" s="59">
        <f>Jesper!AN43</f>
        <v>18.069302642382368</v>
      </c>
      <c r="E49" s="59">
        <f>Jesper!AO43</f>
        <v>27.103953963573552</v>
      </c>
      <c r="F49" s="59">
        <f>Jesper!AP43</f>
        <v>271.67056353163264</v>
      </c>
      <c r="G49" s="58">
        <f>Jesper!AQ43</f>
        <v>0</v>
      </c>
      <c r="H49" s="44">
        <v>42</v>
      </c>
      <c r="I49" s="56">
        <f>Bühler!I75</f>
        <v>0.49623100955265331</v>
      </c>
      <c r="J49" s="59">
        <f>Bühler!J75</f>
        <v>1.6541033651755113</v>
      </c>
      <c r="K49" s="59">
        <f>Bühler!K75</f>
        <v>2.4811550477632665</v>
      </c>
      <c r="L49" s="59">
        <f>Bühler!L75</f>
        <v>11.909544229263679</v>
      </c>
      <c r="M49" s="58">
        <f>Bühler!M75</f>
        <v>0</v>
      </c>
      <c r="N49" s="56">
        <f>IF(Input!$D$19=1,J49*Input!$C$19,0)+IF(Input!$D$20=1,K49*Input!$C$20,0)+IF(Input!$D$21=1,L49*Input!$C$21,0)+IF(Input!$D$22=1,M49*Input!$C$22,0)</f>
        <v>0.49623100955265337</v>
      </c>
      <c r="O49" s="59">
        <f>IF(Input!$D$19=2,J49*Input!$C$19,0)+IF(Input!$D$20=2,K49*Input!$C$20,0)+IF(Input!$D$21=2,L49*Input!$C$21,0)+IF(Input!$D$22=2,M49*Input!$C$22,0)</f>
        <v>1.2405775238816332</v>
      </c>
      <c r="P49" s="59">
        <f>IF(Input!$D$19=3,J49*Input!$C$19,0)+IF(Input!$D$20=3,K49*Input!$C$20,0)+IF(Input!$D$21=3,L49*Input!$C$21,0)+IF(Input!$D$22=3,M49*Input!$C$22,0)</f>
        <v>0</v>
      </c>
      <c r="Q49" s="75">
        <f>IF(Input!$D$19=4,J49*Input!$C$19,0)+IF(Input!$D$20=4,K49*Input!$C$20,0)+IF(Input!$D$21=4,L49*Input!$C$21,0)+IF(Input!$D$22=4,M49*Input!$C$22,0)</f>
        <v>0</v>
      </c>
      <c r="R49" s="58">
        <v>60.208154043095462</v>
      </c>
      <c r="S49" s="124">
        <f t="shared" si="0"/>
        <v>2.1503343747281645</v>
      </c>
    </row>
    <row r="50" spans="2:19" x14ac:dyDescent="0.3">
      <c r="B50" s="44">
        <v>43</v>
      </c>
      <c r="C50" s="56">
        <f>Jesper!AM44</f>
        <v>7.9790618308624683</v>
      </c>
      <c r="D50" s="59">
        <f>Jesper!AN44</f>
        <v>26.596872769541562</v>
      </c>
      <c r="E50" s="59">
        <f>Jesper!AO44</f>
        <v>39.895309154312343</v>
      </c>
      <c r="F50" s="59">
        <f>Jesper!AP44</f>
        <v>191.49748394069925</v>
      </c>
      <c r="G50" s="58">
        <f>Jesper!AQ44</f>
        <v>0</v>
      </c>
      <c r="H50" s="44">
        <v>43</v>
      </c>
      <c r="I50" s="56">
        <f>Bühler!I76</f>
        <v>0.49623100955265331</v>
      </c>
      <c r="J50" s="59">
        <f>Bühler!J76</f>
        <v>1.6541033651755113</v>
      </c>
      <c r="K50" s="59">
        <f>Bühler!K76</f>
        <v>2.4811550477632665</v>
      </c>
      <c r="L50" s="59">
        <f>Bühler!L76</f>
        <v>11.909544229263679</v>
      </c>
      <c r="M50" s="58">
        <f>Bühler!M76</f>
        <v>0</v>
      </c>
      <c r="N50" s="56">
        <f>IF(Input!$D$19=1,J50*Input!$C$19,0)+IF(Input!$D$20=1,K50*Input!$C$20,0)+IF(Input!$D$21=1,L50*Input!$C$21,0)+IF(Input!$D$22=1,M50*Input!$C$22,0)</f>
        <v>0.49623100955265337</v>
      </c>
      <c r="O50" s="59">
        <f>IF(Input!$D$19=2,J50*Input!$C$19,0)+IF(Input!$D$20=2,K50*Input!$C$20,0)+IF(Input!$D$21=2,L50*Input!$C$21,0)+IF(Input!$D$22=2,M50*Input!$C$22,0)</f>
        <v>1.2405775238816332</v>
      </c>
      <c r="P50" s="59">
        <f>IF(Input!$D$19=3,J50*Input!$C$19,0)+IF(Input!$D$20=3,K50*Input!$C$20,0)+IF(Input!$D$21=3,L50*Input!$C$21,0)+IF(Input!$D$22=3,M50*Input!$C$22,0)</f>
        <v>0</v>
      </c>
      <c r="Q50" s="75">
        <f>IF(Input!$D$19=4,J50*Input!$C$19,0)+IF(Input!$D$20=4,K50*Input!$C$20,0)+IF(Input!$D$21=4,L50*Input!$C$21,0)+IF(Input!$D$22=4,M50*Input!$C$22,0)</f>
        <v>0</v>
      </c>
      <c r="R50" s="58">
        <v>58.895270981591807</v>
      </c>
      <c r="S50" s="124">
        <f t="shared" si="0"/>
        <v>2.1503343747281645</v>
      </c>
    </row>
    <row r="51" spans="2:19" x14ac:dyDescent="0.3">
      <c r="B51" s="44">
        <v>44</v>
      </c>
      <c r="C51" s="56">
        <f>Jesper!AM45</f>
        <v>7.8953261500436751</v>
      </c>
      <c r="D51" s="59">
        <f>Jesper!AN45</f>
        <v>26.317753833478918</v>
      </c>
      <c r="E51" s="59">
        <f>Jesper!AO45</f>
        <v>39.476630750218376</v>
      </c>
      <c r="F51" s="59">
        <f>Jesper!AP45</f>
        <v>189.4878276010482</v>
      </c>
      <c r="G51" s="58">
        <f>Jesper!AQ45</f>
        <v>0</v>
      </c>
      <c r="H51" s="44">
        <v>44</v>
      </c>
      <c r="I51" s="56">
        <f>Bühler!I77</f>
        <v>0.41559347050034717</v>
      </c>
      <c r="J51" s="59">
        <f>Bühler!J77</f>
        <v>1.3853115683344908</v>
      </c>
      <c r="K51" s="59">
        <f>Bühler!K77</f>
        <v>2.0779673525017359</v>
      </c>
      <c r="L51" s="59">
        <f>Bühler!L77</f>
        <v>9.9742432920083317</v>
      </c>
      <c r="M51" s="58">
        <f>Bühler!M77</f>
        <v>0</v>
      </c>
      <c r="N51" s="56">
        <f>IF(Input!$D$19=1,J51*Input!$C$19,0)+IF(Input!$D$20=1,K51*Input!$C$20,0)+IF(Input!$D$21=1,L51*Input!$C$21,0)+IF(Input!$D$22=1,M51*Input!$C$22,0)</f>
        <v>0.41559347050034723</v>
      </c>
      <c r="O51" s="59">
        <f>IF(Input!$D$19=2,J51*Input!$C$19,0)+IF(Input!$D$20=2,K51*Input!$C$20,0)+IF(Input!$D$21=2,L51*Input!$C$21,0)+IF(Input!$D$22=2,M51*Input!$C$22,0)</f>
        <v>1.038983676250868</v>
      </c>
      <c r="P51" s="59">
        <f>IF(Input!$D$19=3,J51*Input!$C$19,0)+IF(Input!$D$20=3,K51*Input!$C$20,0)+IF(Input!$D$21=3,L51*Input!$C$21,0)+IF(Input!$D$22=3,M51*Input!$C$22,0)</f>
        <v>0</v>
      </c>
      <c r="Q51" s="75">
        <f>IF(Input!$D$19=4,J51*Input!$C$19,0)+IF(Input!$D$20=4,K51*Input!$C$20,0)+IF(Input!$D$21=4,L51*Input!$C$21,0)+IF(Input!$D$22=4,M51*Input!$C$22,0)</f>
        <v>0</v>
      </c>
      <c r="R51" s="58">
        <v>57.041238402772379</v>
      </c>
      <c r="S51" s="124">
        <f t="shared" si="0"/>
        <v>1.800905038834838</v>
      </c>
    </row>
    <row r="52" spans="2:19" x14ac:dyDescent="0.3">
      <c r="B52" s="44">
        <v>45</v>
      </c>
      <c r="C52" s="56">
        <f>Jesper!AM46</f>
        <v>8.180027464827571</v>
      </c>
      <c r="D52" s="59">
        <f>Jesper!AN46</f>
        <v>27.266758216091905</v>
      </c>
      <c r="E52" s="59">
        <f>Jesper!AO46</f>
        <v>40.900137324137852</v>
      </c>
      <c r="F52" s="59">
        <f>Jesper!AP46</f>
        <v>196.3206591558617</v>
      </c>
      <c r="G52" s="58">
        <f>Jesper!AQ46</f>
        <v>0</v>
      </c>
      <c r="H52" s="44">
        <v>45</v>
      </c>
      <c r="I52" s="56">
        <f>Bühler!I78</f>
        <v>0.34115881906744916</v>
      </c>
      <c r="J52" s="59">
        <f>Bühler!J78</f>
        <v>1.1371960635581639</v>
      </c>
      <c r="K52" s="59">
        <f>Bühler!K78</f>
        <v>1.7057940953372457</v>
      </c>
      <c r="L52" s="59">
        <f>Bühler!L78</f>
        <v>8.1878116576187789</v>
      </c>
      <c r="M52" s="58">
        <f>Bühler!M78</f>
        <v>0</v>
      </c>
      <c r="N52" s="56">
        <f>IF(Input!$D$19=1,J52*Input!$C$19,0)+IF(Input!$D$20=1,K52*Input!$C$20,0)+IF(Input!$D$21=1,L52*Input!$C$21,0)+IF(Input!$D$22=1,M52*Input!$C$22,0)</f>
        <v>0.34115881906744916</v>
      </c>
      <c r="O52" s="59">
        <f>IF(Input!$D$19=2,J52*Input!$C$19,0)+IF(Input!$D$20=2,K52*Input!$C$20,0)+IF(Input!$D$21=2,L52*Input!$C$21,0)+IF(Input!$D$22=2,M52*Input!$C$22,0)</f>
        <v>0.85289704766862284</v>
      </c>
      <c r="P52" s="59">
        <f>IF(Input!$D$19=3,J52*Input!$C$19,0)+IF(Input!$D$20=3,K52*Input!$C$20,0)+IF(Input!$D$21=3,L52*Input!$C$21,0)+IF(Input!$D$22=3,M52*Input!$C$22,0)</f>
        <v>0</v>
      </c>
      <c r="Q52" s="75">
        <f>IF(Input!$D$19=4,J52*Input!$C$19,0)+IF(Input!$D$20=4,K52*Input!$C$20,0)+IF(Input!$D$21=4,L52*Input!$C$21,0)+IF(Input!$D$22=4,M52*Input!$C$22,0)</f>
        <v>0</v>
      </c>
      <c r="R52" s="58">
        <v>54.086920596248902</v>
      </c>
      <c r="S52" s="124">
        <f t="shared" si="0"/>
        <v>1.478354882625613</v>
      </c>
    </row>
    <row r="53" spans="2:19" x14ac:dyDescent="0.3">
      <c r="B53" s="44">
        <v>46</v>
      </c>
      <c r="C53" s="56">
        <f>Jesper!AM47</f>
        <v>8.4528970445318148</v>
      </c>
      <c r="D53" s="59">
        <f>Jesper!AN47</f>
        <v>28.176323481772716</v>
      </c>
      <c r="E53" s="59">
        <f>Jesper!AO47</f>
        <v>42.264485222659069</v>
      </c>
      <c r="F53" s="59">
        <f>Jesper!AP47</f>
        <v>202.86952906876354</v>
      </c>
      <c r="G53" s="58">
        <f>Jesper!AQ47</f>
        <v>0</v>
      </c>
      <c r="H53" s="44">
        <v>46</v>
      </c>
      <c r="I53" s="56">
        <f>Bühler!I79</f>
        <v>0.24811550477632666</v>
      </c>
      <c r="J53" s="59">
        <f>Bühler!J79</f>
        <v>0.82705168258775563</v>
      </c>
      <c r="K53" s="59">
        <f>Bühler!K79</f>
        <v>1.2405775238816332</v>
      </c>
      <c r="L53" s="59">
        <f>Bühler!L79</f>
        <v>5.9547721146318393</v>
      </c>
      <c r="M53" s="58">
        <f>Bühler!M79</f>
        <v>0</v>
      </c>
      <c r="N53" s="56">
        <f>IF(Input!$D$19=1,J53*Input!$C$19,0)+IF(Input!$D$20=1,K53*Input!$C$20,0)+IF(Input!$D$21=1,L53*Input!$C$21,0)+IF(Input!$D$22=1,M53*Input!$C$22,0)</f>
        <v>0.24811550477632668</v>
      </c>
      <c r="O53" s="59">
        <f>IF(Input!$D$19=2,J53*Input!$C$19,0)+IF(Input!$D$20=2,K53*Input!$C$20,0)+IF(Input!$D$21=2,L53*Input!$C$21,0)+IF(Input!$D$22=2,M53*Input!$C$22,0)</f>
        <v>0.62028876194081661</v>
      </c>
      <c r="P53" s="59">
        <f>IF(Input!$D$19=3,J53*Input!$C$19,0)+IF(Input!$D$20=3,K53*Input!$C$20,0)+IF(Input!$D$21=3,L53*Input!$C$21,0)+IF(Input!$D$22=3,M53*Input!$C$22,0)</f>
        <v>0</v>
      </c>
      <c r="Q53" s="75">
        <f>IF(Input!$D$19=4,J53*Input!$C$19,0)+IF(Input!$D$20=4,K53*Input!$C$20,0)+IF(Input!$D$21=4,L53*Input!$C$21,0)+IF(Input!$D$22=4,M53*Input!$C$22,0)</f>
        <v>0</v>
      </c>
      <c r="R53" s="58">
        <v>51.517942609237984</v>
      </c>
      <c r="S53" s="124">
        <f t="shared" si="0"/>
        <v>1.0751671873640822</v>
      </c>
    </row>
    <row r="54" spans="2:19" x14ac:dyDescent="0.3">
      <c r="B54" s="44">
        <v>47</v>
      </c>
      <c r="C54" s="56">
        <f>Jesper!AM48</f>
        <v>8.0962917840087769</v>
      </c>
      <c r="D54" s="59">
        <f>Jesper!AN48</f>
        <v>26.98763928002926</v>
      </c>
      <c r="E54" s="59">
        <f>Jesper!AO48</f>
        <v>40.481458920043885</v>
      </c>
      <c r="F54" s="59">
        <f>Jesper!AP48</f>
        <v>194.31100281621065</v>
      </c>
      <c r="G54" s="58">
        <f>Jesper!AQ48</f>
        <v>0</v>
      </c>
      <c r="H54" s="44">
        <v>47</v>
      </c>
      <c r="I54" s="56">
        <f>Bühler!I80</f>
        <v>0.24811550477632666</v>
      </c>
      <c r="J54" s="59">
        <f>Bühler!J80</f>
        <v>0.82705168258775563</v>
      </c>
      <c r="K54" s="59">
        <f>Bühler!K80</f>
        <v>1.2405775238816332</v>
      </c>
      <c r="L54" s="59">
        <f>Bühler!L80</f>
        <v>5.9547721146318393</v>
      </c>
      <c r="M54" s="58">
        <f>Bühler!M80</f>
        <v>0</v>
      </c>
      <c r="N54" s="56">
        <f>IF(Input!$D$19=1,J54*Input!$C$19,0)+IF(Input!$D$20=1,K54*Input!$C$20,0)+IF(Input!$D$21=1,L54*Input!$C$21,0)+IF(Input!$D$22=1,M54*Input!$C$22,0)</f>
        <v>0.24811550477632668</v>
      </c>
      <c r="O54" s="59">
        <f>IF(Input!$D$19=2,J54*Input!$C$19,0)+IF(Input!$D$20=2,K54*Input!$C$20,0)+IF(Input!$D$21=2,L54*Input!$C$21,0)+IF(Input!$D$22=2,M54*Input!$C$22,0)</f>
        <v>0.62028876194081661</v>
      </c>
      <c r="P54" s="59">
        <f>IF(Input!$D$19=3,J54*Input!$C$19,0)+IF(Input!$D$20=3,K54*Input!$C$20,0)+IF(Input!$D$21=3,L54*Input!$C$21,0)+IF(Input!$D$22=3,M54*Input!$C$22,0)</f>
        <v>0</v>
      </c>
      <c r="Q54" s="75">
        <f>IF(Input!$D$19=4,J54*Input!$C$19,0)+IF(Input!$D$20=4,K54*Input!$C$20,0)+IF(Input!$D$21=4,L54*Input!$C$21,0)+IF(Input!$D$22=4,M54*Input!$C$22,0)</f>
        <v>0</v>
      </c>
      <c r="R54" s="58">
        <v>51.533547537203347</v>
      </c>
      <c r="S54" s="124">
        <f t="shared" si="0"/>
        <v>1.0751671873640822</v>
      </c>
    </row>
    <row r="55" spans="2:19" x14ac:dyDescent="0.3">
      <c r="B55" s="44">
        <v>48</v>
      </c>
      <c r="C55" s="56">
        <f>Jesper!AM49</f>
        <v>4.9077727010179872</v>
      </c>
      <c r="D55" s="59">
        <f>Jesper!AN49</f>
        <v>16.359242336726627</v>
      </c>
      <c r="E55" s="59">
        <f>Jesper!AO49</f>
        <v>24.538863505089942</v>
      </c>
      <c r="F55" s="59">
        <f>Jesper!AP49</f>
        <v>260.09881306093183</v>
      </c>
      <c r="G55" s="58">
        <f>Jesper!AQ49</f>
        <v>0</v>
      </c>
      <c r="H55" s="44">
        <v>48</v>
      </c>
      <c r="I55" s="56">
        <f>Bühler!I81</f>
        <v>0.24811550477632666</v>
      </c>
      <c r="J55" s="59">
        <f>Bühler!J81</f>
        <v>0.82705168258775563</v>
      </c>
      <c r="K55" s="59">
        <f>Bühler!K81</f>
        <v>1.2405775238816332</v>
      </c>
      <c r="L55" s="59">
        <f>Bühler!L81</f>
        <v>5.9547721146318393</v>
      </c>
      <c r="M55" s="58">
        <f>Bühler!M81</f>
        <v>0</v>
      </c>
      <c r="N55" s="56">
        <f>IF(Input!$D$19=1,J55*Input!$C$19,0)+IF(Input!$D$20=1,K55*Input!$C$20,0)+IF(Input!$D$21=1,L55*Input!$C$21,0)+IF(Input!$D$22=1,M55*Input!$C$22,0)</f>
        <v>0.24811550477632668</v>
      </c>
      <c r="O55" s="59">
        <f>IF(Input!$D$19=2,J55*Input!$C$19,0)+IF(Input!$D$20=2,K55*Input!$C$20,0)+IF(Input!$D$21=2,L55*Input!$C$21,0)+IF(Input!$D$22=2,M55*Input!$C$22,0)</f>
        <v>0.62028876194081661</v>
      </c>
      <c r="P55" s="59">
        <f>IF(Input!$D$19=3,J55*Input!$C$19,0)+IF(Input!$D$20=3,K55*Input!$C$20,0)+IF(Input!$D$21=3,L55*Input!$C$21,0)+IF(Input!$D$22=3,M55*Input!$C$22,0)</f>
        <v>0</v>
      </c>
      <c r="Q55" s="75">
        <f>IF(Input!$D$19=4,J55*Input!$C$19,0)+IF(Input!$D$20=4,K55*Input!$C$20,0)+IF(Input!$D$21=4,L55*Input!$C$21,0)+IF(Input!$D$22=4,M55*Input!$C$22,0)</f>
        <v>0</v>
      </c>
      <c r="R55" s="58">
        <v>50.99651421848386</v>
      </c>
      <c r="S55" s="124">
        <f t="shared" si="0"/>
        <v>1.0751671873640822</v>
      </c>
    </row>
    <row r="56" spans="2:19" x14ac:dyDescent="0.3">
      <c r="B56" s="44">
        <v>49</v>
      </c>
      <c r="C56" s="56">
        <f>Jesper!AM50</f>
        <v>5.1731268863783617</v>
      </c>
      <c r="D56" s="59">
        <f>Jesper!AN50</f>
        <v>17.243756287927877</v>
      </c>
      <c r="E56" s="59">
        <f>Jesper!AO50</f>
        <v>25.865634431891813</v>
      </c>
      <c r="F56" s="59">
        <f>Jesper!AP50</f>
        <v>266.08420123543226</v>
      </c>
      <c r="G56" s="58">
        <f>Jesper!AQ50</f>
        <v>0</v>
      </c>
      <c r="H56" s="44">
        <v>49</v>
      </c>
      <c r="I56" s="56">
        <f>Bühler!I82</f>
        <v>0.21934840475501685</v>
      </c>
      <c r="J56" s="59">
        <f>Bühler!J82</f>
        <v>0.73116134918338949</v>
      </c>
      <c r="K56" s="59">
        <f>Bühler!K82</f>
        <v>1.0967420237750842</v>
      </c>
      <c r="L56" s="59">
        <f>Bühler!L82</f>
        <v>5.2643617141204038</v>
      </c>
      <c r="M56" s="58">
        <f>Bühler!M82</f>
        <v>0</v>
      </c>
      <c r="N56" s="56">
        <f>IF(Input!$D$19=1,J56*Input!$C$19,0)+IF(Input!$D$20=1,K56*Input!$C$20,0)+IF(Input!$D$21=1,L56*Input!$C$21,0)+IF(Input!$D$22=1,M56*Input!$C$22,0)</f>
        <v>0.21934840475501685</v>
      </c>
      <c r="O56" s="59">
        <f>IF(Input!$D$19=2,J56*Input!$C$19,0)+IF(Input!$D$20=2,K56*Input!$C$20,0)+IF(Input!$D$21=2,L56*Input!$C$21,0)+IF(Input!$D$22=2,M56*Input!$C$22,0)</f>
        <v>0.54837101188754211</v>
      </c>
      <c r="P56" s="59">
        <f>IF(Input!$D$19=3,J56*Input!$C$19,0)+IF(Input!$D$20=3,K56*Input!$C$20,0)+IF(Input!$D$21=3,L56*Input!$C$21,0)+IF(Input!$D$22=3,M56*Input!$C$22,0)</f>
        <v>0</v>
      </c>
      <c r="Q56" s="75">
        <f>IF(Input!$D$19=4,J56*Input!$C$19,0)+IF(Input!$D$20=4,K56*Input!$C$20,0)+IF(Input!$D$21=4,L56*Input!$C$21,0)+IF(Input!$D$22=4,M56*Input!$C$22,0)</f>
        <v>0</v>
      </c>
      <c r="R56" s="58">
        <v>51.150228227253677</v>
      </c>
      <c r="S56" s="124">
        <f t="shared" si="0"/>
        <v>0.95050975393840631</v>
      </c>
    </row>
    <row r="57" spans="2:19" x14ac:dyDescent="0.3">
      <c r="B57" s="44">
        <v>50</v>
      </c>
      <c r="C57" s="56">
        <f>Jesper!AM51</f>
        <v>8.5379429721173139</v>
      </c>
      <c r="D57" s="59">
        <f>Jesper!AN51</f>
        <v>28.459809907057714</v>
      </c>
      <c r="E57" s="59">
        <f>Jesper!AO51</f>
        <v>42.68971486058657</v>
      </c>
      <c r="F57" s="59">
        <f>Jesper!AP51</f>
        <v>204.91063133081551</v>
      </c>
      <c r="G57" s="58">
        <f>Jesper!AQ51</f>
        <v>0</v>
      </c>
      <c r="H57" s="44">
        <v>50</v>
      </c>
      <c r="I57" s="56">
        <f>Bühler!I83</f>
        <v>0.24676695534939391</v>
      </c>
      <c r="J57" s="59">
        <f>Bühler!J83</f>
        <v>0.82255651783131312</v>
      </c>
      <c r="K57" s="59">
        <f>Bühler!K83</f>
        <v>1.2338347767469695</v>
      </c>
      <c r="L57" s="59">
        <f>Bühler!L83</f>
        <v>5.9224069283854543</v>
      </c>
      <c r="M57" s="58">
        <f>Bühler!M83</f>
        <v>0</v>
      </c>
      <c r="N57" s="56">
        <f>IF(Input!$D$19=1,J57*Input!$C$19,0)+IF(Input!$D$20=1,K57*Input!$C$20,0)+IF(Input!$D$21=1,L57*Input!$C$21,0)+IF(Input!$D$22=1,M57*Input!$C$22,0)</f>
        <v>0.24676695534939391</v>
      </c>
      <c r="O57" s="59">
        <f>IF(Input!$D$19=2,J57*Input!$C$19,0)+IF(Input!$D$20=2,K57*Input!$C$20,0)+IF(Input!$D$21=2,L57*Input!$C$21,0)+IF(Input!$D$22=2,M57*Input!$C$22,0)</f>
        <v>0.61691738837348475</v>
      </c>
      <c r="P57" s="59">
        <f>IF(Input!$D$19=3,J57*Input!$C$19,0)+IF(Input!$D$20=3,K57*Input!$C$20,0)+IF(Input!$D$21=3,L57*Input!$C$21,0)+IF(Input!$D$22=3,M57*Input!$C$22,0)</f>
        <v>0</v>
      </c>
      <c r="Q57" s="75">
        <f>IF(Input!$D$19=4,J57*Input!$C$19,0)+IF(Input!$D$20=4,K57*Input!$C$20,0)+IF(Input!$D$21=4,L57*Input!$C$21,0)+IF(Input!$D$22=4,M57*Input!$C$22,0)</f>
        <v>0</v>
      </c>
      <c r="R57" s="58">
        <v>51.84840784858558</v>
      </c>
      <c r="S57" s="124">
        <f t="shared" si="0"/>
        <v>1.0693234731807071</v>
      </c>
    </row>
    <row r="58" spans="2:19" x14ac:dyDescent="0.3">
      <c r="B58" s="44">
        <v>51</v>
      </c>
      <c r="C58" s="56">
        <f>Jesper!AM52</f>
        <v>8.4285982080788155</v>
      </c>
      <c r="D58" s="59">
        <f>Jesper!AN52</f>
        <v>28.095327360262718</v>
      </c>
      <c r="E58" s="59">
        <f>Jesper!AO52</f>
        <v>42.142991040394072</v>
      </c>
      <c r="F58" s="59">
        <f>Jesper!AP52</f>
        <v>202.28635699389156</v>
      </c>
      <c r="G58" s="58">
        <f>Jesper!AQ52</f>
        <v>0</v>
      </c>
      <c r="H58" s="44">
        <v>51</v>
      </c>
      <c r="I58" s="56">
        <f>Bühler!I84</f>
        <v>0.24676695534939391</v>
      </c>
      <c r="J58" s="59">
        <f>Bühler!J84</f>
        <v>0.82255651783131312</v>
      </c>
      <c r="K58" s="59">
        <f>Bühler!K84</f>
        <v>1.2338347767469695</v>
      </c>
      <c r="L58" s="59">
        <f>Bühler!L84</f>
        <v>5.9224069283854543</v>
      </c>
      <c r="M58" s="58">
        <f>Bühler!M84</f>
        <v>0</v>
      </c>
      <c r="N58" s="56">
        <f>IF(Input!$D$19=1,J58*Input!$C$19,0)+IF(Input!$D$20=1,K58*Input!$C$20,0)+IF(Input!$D$21=1,L58*Input!$C$21,0)+IF(Input!$D$22=1,M58*Input!$C$22,0)</f>
        <v>0.24676695534939391</v>
      </c>
      <c r="O58" s="59">
        <f>IF(Input!$D$19=2,J58*Input!$C$19,0)+IF(Input!$D$20=2,K58*Input!$C$20,0)+IF(Input!$D$21=2,L58*Input!$C$21,0)+IF(Input!$D$22=2,M58*Input!$C$22,0)</f>
        <v>0.61691738837348475</v>
      </c>
      <c r="P58" s="59">
        <f>IF(Input!$D$19=3,J58*Input!$C$19,0)+IF(Input!$D$20=3,K58*Input!$C$20,0)+IF(Input!$D$21=3,L58*Input!$C$21,0)+IF(Input!$D$22=3,M58*Input!$C$22,0)</f>
        <v>0</v>
      </c>
      <c r="Q58" s="75">
        <f>IF(Input!$D$19=4,J58*Input!$C$19,0)+IF(Input!$D$20=4,K58*Input!$C$20,0)+IF(Input!$D$21=4,L58*Input!$C$21,0)+IF(Input!$D$22=4,M58*Input!$C$22,0)</f>
        <v>0</v>
      </c>
      <c r="R58" s="58">
        <v>52.952112222132854</v>
      </c>
      <c r="S58" s="124">
        <f t="shared" si="0"/>
        <v>1.0693234731807071</v>
      </c>
    </row>
    <row r="59" spans="2:19" x14ac:dyDescent="0.3">
      <c r="B59" s="44">
        <v>52</v>
      </c>
      <c r="C59" s="56">
        <f>Jesper!AM53</f>
        <v>8.6837359908353111</v>
      </c>
      <c r="D59" s="59">
        <f>Jesper!AN53</f>
        <v>28.945786636117703</v>
      </c>
      <c r="E59" s="59">
        <f>Jesper!AO53</f>
        <v>43.418679954176554</v>
      </c>
      <c r="F59" s="59">
        <f>Jesper!AP53</f>
        <v>208.40966378004745</v>
      </c>
      <c r="G59" s="58">
        <f>Jesper!AQ53</f>
        <v>0</v>
      </c>
      <c r="H59" s="44">
        <v>52</v>
      </c>
      <c r="I59" s="56">
        <f>Bühler!I85</f>
        <v>0.24676695534939391</v>
      </c>
      <c r="J59" s="59">
        <f>Bühler!J85</f>
        <v>0.82255651783131312</v>
      </c>
      <c r="K59" s="59">
        <f>Bühler!K85</f>
        <v>1.2338347767469695</v>
      </c>
      <c r="L59" s="59">
        <f>Bühler!L85</f>
        <v>5.9224069283854543</v>
      </c>
      <c r="M59" s="58">
        <f>Bühler!M85</f>
        <v>0</v>
      </c>
      <c r="N59" s="56">
        <f>IF(Input!$D$19=1,J59*Input!$C$19,0)+IF(Input!$D$20=1,K59*Input!$C$20,0)+IF(Input!$D$21=1,L59*Input!$C$21,0)+IF(Input!$D$22=1,M59*Input!$C$22,0)</f>
        <v>0.24676695534939391</v>
      </c>
      <c r="O59" s="59">
        <f>IF(Input!$D$19=2,J59*Input!$C$19,0)+IF(Input!$D$20=2,K59*Input!$C$20,0)+IF(Input!$D$21=2,L59*Input!$C$21,0)+IF(Input!$D$22=2,M59*Input!$C$22,0)</f>
        <v>0.61691738837348475</v>
      </c>
      <c r="P59" s="59">
        <f>IF(Input!$D$19=3,J59*Input!$C$19,0)+IF(Input!$D$20=3,K59*Input!$C$20,0)+IF(Input!$D$21=3,L59*Input!$C$21,0)+IF(Input!$D$22=3,M59*Input!$C$22,0)</f>
        <v>0</v>
      </c>
      <c r="Q59" s="75">
        <f>IF(Input!$D$19=4,J59*Input!$C$19,0)+IF(Input!$D$20=4,K59*Input!$C$20,0)+IF(Input!$D$21=4,L59*Input!$C$21,0)+IF(Input!$D$22=4,M59*Input!$C$22,0)</f>
        <v>0</v>
      </c>
      <c r="R59" s="58">
        <v>52.903642116923692</v>
      </c>
      <c r="S59" s="124">
        <f t="shared" si="0"/>
        <v>1.0693234731807071</v>
      </c>
    </row>
    <row r="60" spans="2:19" x14ac:dyDescent="0.3">
      <c r="B60" s="44">
        <v>53</v>
      </c>
      <c r="C60" s="56">
        <f>Jesper!AM54</f>
        <v>8.5622418085703131</v>
      </c>
      <c r="D60" s="59">
        <f>Jesper!AN54</f>
        <v>28.540806028567712</v>
      </c>
      <c r="E60" s="59">
        <f>Jesper!AO54</f>
        <v>42.811209042851566</v>
      </c>
      <c r="F60" s="59">
        <f>Jesper!AP54</f>
        <v>205.49380340568749</v>
      </c>
      <c r="G60" s="58">
        <f>Jesper!AQ54</f>
        <v>0</v>
      </c>
      <c r="H60" s="44">
        <v>53</v>
      </c>
      <c r="I60" s="56">
        <f>Bühler!I86</f>
        <v>0.24676695534939391</v>
      </c>
      <c r="J60" s="59">
        <f>Bühler!J86</f>
        <v>0.82255651783131312</v>
      </c>
      <c r="K60" s="59">
        <f>Bühler!K86</f>
        <v>1.2338347767469695</v>
      </c>
      <c r="L60" s="59">
        <f>Bühler!L86</f>
        <v>5.9224069283854543</v>
      </c>
      <c r="M60" s="58">
        <f>Bühler!M86</f>
        <v>0</v>
      </c>
      <c r="N60" s="56">
        <f>IF(Input!$D$19=1,J60*Input!$C$19,0)+IF(Input!$D$20=1,K60*Input!$C$20,0)+IF(Input!$D$21=1,L60*Input!$C$21,0)+IF(Input!$D$22=1,M60*Input!$C$22,0)</f>
        <v>0.24676695534939391</v>
      </c>
      <c r="O60" s="59">
        <f>IF(Input!$D$19=2,J60*Input!$C$19,0)+IF(Input!$D$20=2,K60*Input!$C$20,0)+IF(Input!$D$21=2,L60*Input!$C$21,0)+IF(Input!$D$22=2,M60*Input!$C$22,0)</f>
        <v>0.61691738837348475</v>
      </c>
      <c r="P60" s="59">
        <f>IF(Input!$D$19=3,J60*Input!$C$19,0)+IF(Input!$D$20=3,K60*Input!$C$20,0)+IF(Input!$D$21=3,L60*Input!$C$21,0)+IF(Input!$D$22=3,M60*Input!$C$22,0)</f>
        <v>0</v>
      </c>
      <c r="Q60" s="75">
        <f>IF(Input!$D$19=4,J60*Input!$C$19,0)+IF(Input!$D$20=4,K60*Input!$C$20,0)+IF(Input!$D$21=4,L60*Input!$C$21,0)+IF(Input!$D$22=4,M60*Input!$C$22,0)</f>
        <v>0</v>
      </c>
      <c r="R60" s="58">
        <v>54.060849520932358</v>
      </c>
      <c r="S60" s="124">
        <f t="shared" si="0"/>
        <v>1.0693234731807071</v>
      </c>
    </row>
    <row r="61" spans="2:19" x14ac:dyDescent="0.3">
      <c r="B61" s="44">
        <v>54</v>
      </c>
      <c r="C61" s="56">
        <f>Jesper!AM55</f>
        <v>8.4407476263053169</v>
      </c>
      <c r="D61" s="59">
        <f>Jesper!AN55</f>
        <v>28.135825421017724</v>
      </c>
      <c r="E61" s="59">
        <f>Jesper!AO55</f>
        <v>42.203738131526585</v>
      </c>
      <c r="F61" s="59">
        <f>Jesper!AP55</f>
        <v>202.57794303132758</v>
      </c>
      <c r="G61" s="58">
        <f>Jesper!AQ55</f>
        <v>0</v>
      </c>
      <c r="H61" s="44">
        <v>54</v>
      </c>
      <c r="I61" s="56">
        <f>Bühler!I87</f>
        <v>0.31805518689477436</v>
      </c>
      <c r="J61" s="59">
        <f>Bühler!J87</f>
        <v>1.0601839563159146</v>
      </c>
      <c r="K61" s="59">
        <f>Bühler!K87</f>
        <v>1.5902759344738719</v>
      </c>
      <c r="L61" s="59">
        <f>Bühler!L87</f>
        <v>7.633324485474585</v>
      </c>
      <c r="M61" s="58">
        <f>Bühler!M87</f>
        <v>0</v>
      </c>
      <c r="N61" s="56">
        <f>IF(Input!$D$19=1,J61*Input!$C$19,0)+IF(Input!$D$20=1,K61*Input!$C$20,0)+IF(Input!$D$21=1,L61*Input!$C$21,0)+IF(Input!$D$22=1,M61*Input!$C$22,0)</f>
        <v>0.31805518689477436</v>
      </c>
      <c r="O61" s="59">
        <f>IF(Input!$D$19=2,J61*Input!$C$19,0)+IF(Input!$D$20=2,K61*Input!$C$20,0)+IF(Input!$D$21=2,L61*Input!$C$21,0)+IF(Input!$D$22=2,M61*Input!$C$22,0)</f>
        <v>0.79513796723693597</v>
      </c>
      <c r="P61" s="59">
        <f>IF(Input!$D$19=3,J61*Input!$C$19,0)+IF(Input!$D$20=3,K61*Input!$C$20,0)+IF(Input!$D$21=3,L61*Input!$C$21,0)+IF(Input!$D$22=3,M61*Input!$C$22,0)</f>
        <v>0</v>
      </c>
      <c r="Q61" s="75">
        <f>IF(Input!$D$19=4,J61*Input!$C$19,0)+IF(Input!$D$20=4,K61*Input!$C$20,0)+IF(Input!$D$21=4,L61*Input!$C$21,0)+IF(Input!$D$22=4,M61*Input!$C$22,0)</f>
        <v>0</v>
      </c>
      <c r="R61" s="58">
        <v>57.0254018169082</v>
      </c>
      <c r="S61" s="124">
        <f t="shared" si="0"/>
        <v>1.3782391432106889</v>
      </c>
    </row>
    <row r="62" spans="2:19" x14ac:dyDescent="0.3">
      <c r="B62" s="44">
        <v>55</v>
      </c>
      <c r="C62" s="56">
        <f>Jesper!AM56</f>
        <v>5.2969588395465355</v>
      </c>
      <c r="D62" s="59">
        <f>Jesper!AN56</f>
        <v>17.656529465155121</v>
      </c>
      <c r="E62" s="59">
        <f>Jesper!AO56</f>
        <v>26.484794197732683</v>
      </c>
      <c r="F62" s="59">
        <f>Jesper!AP56</f>
        <v>268.87738238353245</v>
      </c>
      <c r="G62" s="58">
        <f>Jesper!AQ56</f>
        <v>0</v>
      </c>
      <c r="H62" s="44">
        <v>55</v>
      </c>
      <c r="I62" s="56">
        <f>Bühler!I88</f>
        <v>0.3674085779646532</v>
      </c>
      <c r="J62" s="59">
        <f>Bühler!J88</f>
        <v>1.2246952598821776</v>
      </c>
      <c r="K62" s="59">
        <f>Bühler!K88</f>
        <v>1.837042889823266</v>
      </c>
      <c r="L62" s="59">
        <f>Bühler!L88</f>
        <v>8.8178058711516769</v>
      </c>
      <c r="M62" s="58">
        <f>Bühler!M88</f>
        <v>0</v>
      </c>
      <c r="N62" s="56">
        <f>IF(Input!$D$19=1,J62*Input!$C$19,0)+IF(Input!$D$20=1,K62*Input!$C$20,0)+IF(Input!$D$21=1,L62*Input!$C$21,0)+IF(Input!$D$22=1,M62*Input!$C$22,0)</f>
        <v>0.36740857796465326</v>
      </c>
      <c r="O62" s="59">
        <f>IF(Input!$D$19=2,J62*Input!$C$19,0)+IF(Input!$D$20=2,K62*Input!$C$20,0)+IF(Input!$D$21=2,L62*Input!$C$21,0)+IF(Input!$D$22=2,M62*Input!$C$22,0)</f>
        <v>0.91852144491163301</v>
      </c>
      <c r="P62" s="59">
        <f>IF(Input!$D$19=3,J62*Input!$C$19,0)+IF(Input!$D$20=3,K62*Input!$C$20,0)+IF(Input!$D$21=3,L62*Input!$C$21,0)+IF(Input!$D$22=3,M62*Input!$C$22,0)</f>
        <v>0</v>
      </c>
      <c r="Q62" s="75">
        <f>IF(Input!$D$19=4,J62*Input!$C$19,0)+IF(Input!$D$20=4,K62*Input!$C$20,0)+IF(Input!$D$21=4,L62*Input!$C$21,0)+IF(Input!$D$22=4,M62*Input!$C$22,0)</f>
        <v>0</v>
      </c>
      <c r="R62" s="58">
        <v>60.320240416069488</v>
      </c>
      <c r="S62" s="124">
        <f t="shared" si="0"/>
        <v>1.5921038378468308</v>
      </c>
    </row>
    <row r="63" spans="2:19" x14ac:dyDescent="0.3">
      <c r="B63" s="44">
        <v>56</v>
      </c>
      <c r="C63" s="56">
        <f>Jesper!AM57</f>
        <v>5.2792685605225103</v>
      </c>
      <c r="D63" s="59">
        <f>Jesper!AN57</f>
        <v>17.59756186840837</v>
      </c>
      <c r="E63" s="59">
        <f>Jesper!AO57</f>
        <v>26.396342802612555</v>
      </c>
      <c r="F63" s="59">
        <f>Jesper!AP57</f>
        <v>268.47835650523245</v>
      </c>
      <c r="G63" s="58">
        <f>Jesper!AQ57</f>
        <v>0</v>
      </c>
      <c r="H63" s="44">
        <v>56</v>
      </c>
      <c r="I63" s="56">
        <f>Bühler!I89</f>
        <v>0.3674085779646532</v>
      </c>
      <c r="J63" s="59">
        <f>Bühler!J89</f>
        <v>1.2246952598821776</v>
      </c>
      <c r="K63" s="59">
        <f>Bühler!K89</f>
        <v>1.837042889823266</v>
      </c>
      <c r="L63" s="59">
        <f>Bühler!L89</f>
        <v>8.8178058711516769</v>
      </c>
      <c r="M63" s="58">
        <f>Bühler!M89</f>
        <v>0</v>
      </c>
      <c r="N63" s="56">
        <f>IF(Input!$D$19=1,J63*Input!$C$19,0)+IF(Input!$D$20=1,K63*Input!$C$20,0)+IF(Input!$D$21=1,L63*Input!$C$21,0)+IF(Input!$D$22=1,M63*Input!$C$22,0)</f>
        <v>0.36740857796465326</v>
      </c>
      <c r="O63" s="59">
        <f>IF(Input!$D$19=2,J63*Input!$C$19,0)+IF(Input!$D$20=2,K63*Input!$C$20,0)+IF(Input!$D$21=2,L63*Input!$C$21,0)+IF(Input!$D$22=2,M63*Input!$C$22,0)</f>
        <v>0.91852144491163301</v>
      </c>
      <c r="P63" s="59">
        <f>IF(Input!$D$19=3,J63*Input!$C$19,0)+IF(Input!$D$20=3,K63*Input!$C$20,0)+IF(Input!$D$21=3,L63*Input!$C$21,0)+IF(Input!$D$22=3,M63*Input!$C$22,0)</f>
        <v>0</v>
      </c>
      <c r="Q63" s="75">
        <f>IF(Input!$D$19=4,J63*Input!$C$19,0)+IF(Input!$D$20=4,K63*Input!$C$20,0)+IF(Input!$D$21=4,L63*Input!$C$21,0)+IF(Input!$D$22=4,M63*Input!$C$22,0)</f>
        <v>0</v>
      </c>
      <c r="R63" s="58">
        <v>62.669407341315093</v>
      </c>
      <c r="S63" s="124">
        <f t="shared" si="0"/>
        <v>1.5921038378468308</v>
      </c>
    </row>
    <row r="64" spans="2:19" x14ac:dyDescent="0.3">
      <c r="B64" s="44">
        <v>57</v>
      </c>
      <c r="C64" s="56">
        <f>Jesper!AM58</f>
        <v>8.146533192500053</v>
      </c>
      <c r="D64" s="59">
        <f>Jesper!AN58</f>
        <v>27.155110641666848</v>
      </c>
      <c r="E64" s="59">
        <f>Jesper!AO58</f>
        <v>40.73266596250027</v>
      </c>
      <c r="F64" s="59">
        <f>Jesper!AP58</f>
        <v>195.51679662000129</v>
      </c>
      <c r="G64" s="58">
        <f>Jesper!AQ58</f>
        <v>0</v>
      </c>
      <c r="H64" s="44">
        <v>57</v>
      </c>
      <c r="I64" s="56">
        <f>Bühler!I90</f>
        <v>0.3674085779646532</v>
      </c>
      <c r="J64" s="59">
        <f>Bühler!J90</f>
        <v>1.2246952598821776</v>
      </c>
      <c r="K64" s="59">
        <f>Bühler!K90</f>
        <v>1.837042889823266</v>
      </c>
      <c r="L64" s="59">
        <f>Bühler!L90</f>
        <v>8.8178058711516769</v>
      </c>
      <c r="M64" s="58">
        <f>Bühler!M90</f>
        <v>0</v>
      </c>
      <c r="N64" s="56">
        <f>IF(Input!$D$19=1,J64*Input!$C$19,0)+IF(Input!$D$20=1,K64*Input!$C$20,0)+IF(Input!$D$21=1,L64*Input!$C$21,0)+IF(Input!$D$22=1,M64*Input!$C$22,0)</f>
        <v>0.36740857796465326</v>
      </c>
      <c r="O64" s="59">
        <f>IF(Input!$D$19=2,J64*Input!$C$19,0)+IF(Input!$D$20=2,K64*Input!$C$20,0)+IF(Input!$D$21=2,L64*Input!$C$21,0)+IF(Input!$D$22=2,M64*Input!$C$22,0)</f>
        <v>0.91852144491163301</v>
      </c>
      <c r="P64" s="59">
        <f>IF(Input!$D$19=3,J64*Input!$C$19,0)+IF(Input!$D$20=3,K64*Input!$C$20,0)+IF(Input!$D$21=3,L64*Input!$C$21,0)+IF(Input!$D$22=3,M64*Input!$C$22,0)</f>
        <v>0</v>
      </c>
      <c r="Q64" s="75">
        <f>IF(Input!$D$19=4,J64*Input!$C$19,0)+IF(Input!$D$20=4,K64*Input!$C$20,0)+IF(Input!$D$21=4,L64*Input!$C$21,0)+IF(Input!$D$22=4,M64*Input!$C$22,0)</f>
        <v>0</v>
      </c>
      <c r="R64" s="58">
        <v>63.879879253076858</v>
      </c>
      <c r="S64" s="124">
        <f t="shared" si="0"/>
        <v>1.5921038378468308</v>
      </c>
    </row>
    <row r="65" spans="2:19" x14ac:dyDescent="0.3">
      <c r="B65" s="44">
        <v>58</v>
      </c>
      <c r="C65" s="56">
        <f>Jesper!AM59</f>
        <v>8.0627975116812625</v>
      </c>
      <c r="D65" s="59">
        <f>Jesper!AN59</f>
        <v>26.875991705604207</v>
      </c>
      <c r="E65" s="59">
        <f>Jesper!AO59</f>
        <v>40.313987558406311</v>
      </c>
      <c r="F65" s="59">
        <f>Jesper!AP59</f>
        <v>193.50714028035028</v>
      </c>
      <c r="G65" s="58">
        <f>Jesper!AQ59</f>
        <v>0</v>
      </c>
      <c r="H65" s="44">
        <v>58</v>
      </c>
      <c r="I65" s="56">
        <f>Bühler!I91</f>
        <v>0.39482712855903035</v>
      </c>
      <c r="J65" s="59">
        <f>Bühler!J91</f>
        <v>1.3160904285301012</v>
      </c>
      <c r="K65" s="59">
        <f>Bühler!K91</f>
        <v>1.9741356427951517</v>
      </c>
      <c r="L65" s="59">
        <f>Bühler!L91</f>
        <v>9.4758510854167284</v>
      </c>
      <c r="M65" s="58">
        <f>Bühler!M91</f>
        <v>0</v>
      </c>
      <c r="N65" s="56">
        <f>IF(Input!$D$19=1,J65*Input!$C$19,0)+IF(Input!$D$20=1,K65*Input!$C$20,0)+IF(Input!$D$21=1,L65*Input!$C$21,0)+IF(Input!$D$22=1,M65*Input!$C$22,0)</f>
        <v>0.39482712855903035</v>
      </c>
      <c r="O65" s="59">
        <f>IF(Input!$D$19=2,J65*Input!$C$19,0)+IF(Input!$D$20=2,K65*Input!$C$20,0)+IF(Input!$D$21=2,L65*Input!$C$21,0)+IF(Input!$D$22=2,M65*Input!$C$22,0)</f>
        <v>0.98706782139757587</v>
      </c>
      <c r="P65" s="59">
        <f>IF(Input!$D$19=3,J65*Input!$C$19,0)+IF(Input!$D$20=3,K65*Input!$C$20,0)+IF(Input!$D$21=3,L65*Input!$C$21,0)+IF(Input!$D$22=3,M65*Input!$C$22,0)</f>
        <v>0</v>
      </c>
      <c r="Q65" s="75">
        <f>IF(Input!$D$19=4,J65*Input!$C$19,0)+IF(Input!$D$20=4,K65*Input!$C$20,0)+IF(Input!$D$21=4,L65*Input!$C$21,0)+IF(Input!$D$22=4,M65*Input!$C$22,0)</f>
        <v>0</v>
      </c>
      <c r="R65" s="58">
        <v>63.413052321139702</v>
      </c>
      <c r="S65" s="124">
        <f t="shared" si="0"/>
        <v>1.7109175570891315</v>
      </c>
    </row>
    <row r="66" spans="2:19" x14ac:dyDescent="0.3">
      <c r="B66" s="44">
        <v>59</v>
      </c>
      <c r="C66" s="56">
        <f>Jesper!AM60</f>
        <v>8.0460503755175008</v>
      </c>
      <c r="D66" s="59">
        <f>Jesper!AN60</f>
        <v>26.820167918391675</v>
      </c>
      <c r="E66" s="59">
        <f>Jesper!AO60</f>
        <v>40.230251877587506</v>
      </c>
      <c r="F66" s="59">
        <f>Jesper!AP60</f>
        <v>193.10520901242003</v>
      </c>
      <c r="G66" s="58">
        <f>Jesper!AQ60</f>
        <v>0</v>
      </c>
      <c r="H66" s="44">
        <v>59</v>
      </c>
      <c r="I66" s="56">
        <f>Bühler!I92</f>
        <v>0.42772938927228282</v>
      </c>
      <c r="J66" s="59">
        <f>Bühler!J92</f>
        <v>1.4257646309076095</v>
      </c>
      <c r="K66" s="59">
        <f>Bühler!K92</f>
        <v>2.1386469463614142</v>
      </c>
      <c r="L66" s="59">
        <f>Bühler!L92</f>
        <v>10.265505342534787</v>
      </c>
      <c r="M66" s="58">
        <f>Bühler!M92</f>
        <v>0</v>
      </c>
      <c r="N66" s="56">
        <f>IF(Input!$D$19=1,J66*Input!$C$19,0)+IF(Input!$D$20=1,K66*Input!$C$20,0)+IF(Input!$D$21=1,L66*Input!$C$21,0)+IF(Input!$D$22=1,M66*Input!$C$22,0)</f>
        <v>0.42772938927228282</v>
      </c>
      <c r="O66" s="59">
        <f>IF(Input!$D$19=2,J66*Input!$C$19,0)+IF(Input!$D$20=2,K66*Input!$C$20,0)+IF(Input!$D$21=2,L66*Input!$C$21,0)+IF(Input!$D$22=2,M66*Input!$C$22,0)</f>
        <v>1.0693234731807071</v>
      </c>
      <c r="P66" s="59">
        <f>IF(Input!$D$19=3,J66*Input!$C$19,0)+IF(Input!$D$20=3,K66*Input!$C$20,0)+IF(Input!$D$21=3,L66*Input!$C$21,0)+IF(Input!$D$22=3,M66*Input!$C$22,0)</f>
        <v>0</v>
      </c>
      <c r="Q66" s="75">
        <f>IF(Input!$D$19=4,J66*Input!$C$19,0)+IF(Input!$D$20=4,K66*Input!$C$20,0)+IF(Input!$D$21=4,L66*Input!$C$21,0)+IF(Input!$D$22=4,M66*Input!$C$22,0)</f>
        <v>0</v>
      </c>
      <c r="R66" s="58">
        <v>64.240252643184448</v>
      </c>
      <c r="S66" s="124">
        <f t="shared" si="0"/>
        <v>1.8534940201798924</v>
      </c>
    </row>
    <row r="67" spans="2:19" x14ac:dyDescent="0.3">
      <c r="B67" s="44">
        <v>60</v>
      </c>
      <c r="C67" s="56">
        <f>Jesper!AM61</f>
        <v>8.0516327542387529</v>
      </c>
      <c r="D67" s="59">
        <f>Jesper!AN61</f>
        <v>26.838775847462514</v>
      </c>
      <c r="E67" s="59">
        <f>Jesper!AO61</f>
        <v>40.258163771193765</v>
      </c>
      <c r="F67" s="59">
        <f>Jesper!AP61</f>
        <v>193.23918610173007</v>
      </c>
      <c r="G67" s="58">
        <f>Jesper!AQ61</f>
        <v>0</v>
      </c>
      <c r="H67" s="44">
        <v>60</v>
      </c>
      <c r="I67" s="56">
        <f>Bühler!I93</f>
        <v>0.49353391069878783</v>
      </c>
      <c r="J67" s="59">
        <f>Bühler!J93</f>
        <v>1.6451130356626262</v>
      </c>
      <c r="K67" s="59">
        <f>Bühler!K93</f>
        <v>2.467669553493939</v>
      </c>
      <c r="L67" s="59">
        <f>Bühler!L93</f>
        <v>11.844813856770909</v>
      </c>
      <c r="M67" s="58">
        <f>Bühler!M93</f>
        <v>0</v>
      </c>
      <c r="N67" s="56">
        <f>IF(Input!$D$19=1,J67*Input!$C$19,0)+IF(Input!$D$20=1,K67*Input!$C$20,0)+IF(Input!$D$21=1,L67*Input!$C$21,0)+IF(Input!$D$22=1,M67*Input!$C$22,0)</f>
        <v>0.49353391069878783</v>
      </c>
      <c r="O67" s="59">
        <f>IF(Input!$D$19=2,J67*Input!$C$19,0)+IF(Input!$D$20=2,K67*Input!$C$20,0)+IF(Input!$D$21=2,L67*Input!$C$21,0)+IF(Input!$D$22=2,M67*Input!$C$22,0)</f>
        <v>1.2338347767469695</v>
      </c>
      <c r="P67" s="59">
        <f>IF(Input!$D$19=3,J67*Input!$C$19,0)+IF(Input!$D$20=3,K67*Input!$C$20,0)+IF(Input!$D$21=3,L67*Input!$C$21,0)+IF(Input!$D$22=3,M67*Input!$C$22,0)</f>
        <v>0</v>
      </c>
      <c r="Q67" s="75">
        <f>IF(Input!$D$19=4,J67*Input!$C$19,0)+IF(Input!$D$20=4,K67*Input!$C$20,0)+IF(Input!$D$21=4,L67*Input!$C$21,0)+IF(Input!$D$22=4,M67*Input!$C$22,0)</f>
        <v>0</v>
      </c>
      <c r="R67" s="58">
        <v>64.245439144031252</v>
      </c>
      <c r="S67" s="124">
        <f t="shared" si="0"/>
        <v>2.1386469463614142</v>
      </c>
    </row>
    <row r="68" spans="2:19" x14ac:dyDescent="0.3">
      <c r="B68" s="44">
        <v>61</v>
      </c>
      <c r="C68" s="56">
        <f>Jesper!AM62</f>
        <v>8.0851270265662727</v>
      </c>
      <c r="D68" s="59">
        <f>Jesper!AN62</f>
        <v>26.950423421887578</v>
      </c>
      <c r="E68" s="59">
        <f>Jesper!AO62</f>
        <v>40.42563513283136</v>
      </c>
      <c r="F68" s="59">
        <f>Jesper!AP62</f>
        <v>194.04304863759054</v>
      </c>
      <c r="G68" s="58">
        <f>Jesper!AQ62</f>
        <v>0</v>
      </c>
      <c r="H68" s="44">
        <v>61</v>
      </c>
      <c r="I68" s="56">
        <f>Bühler!I94</f>
        <v>0.49353391069878783</v>
      </c>
      <c r="J68" s="59">
        <f>Bühler!J94</f>
        <v>1.6451130356626262</v>
      </c>
      <c r="K68" s="59">
        <f>Bühler!K94</f>
        <v>2.467669553493939</v>
      </c>
      <c r="L68" s="59">
        <f>Bühler!L94</f>
        <v>11.844813856770909</v>
      </c>
      <c r="M68" s="58">
        <f>Bühler!M94</f>
        <v>0</v>
      </c>
      <c r="N68" s="56">
        <f>IF(Input!$D$19=1,J68*Input!$C$19,0)+IF(Input!$D$20=1,K68*Input!$C$20,0)+IF(Input!$D$21=1,L68*Input!$C$21,0)+IF(Input!$D$22=1,M68*Input!$C$22,0)</f>
        <v>0.49353391069878783</v>
      </c>
      <c r="O68" s="59">
        <f>IF(Input!$D$19=2,J68*Input!$C$19,0)+IF(Input!$D$20=2,K68*Input!$C$20,0)+IF(Input!$D$21=2,L68*Input!$C$21,0)+IF(Input!$D$22=2,M68*Input!$C$22,0)</f>
        <v>1.2338347767469695</v>
      </c>
      <c r="P68" s="59">
        <f>IF(Input!$D$19=3,J68*Input!$C$19,0)+IF(Input!$D$20=3,K68*Input!$C$20,0)+IF(Input!$D$21=3,L68*Input!$C$21,0)+IF(Input!$D$22=3,M68*Input!$C$22,0)</f>
        <v>0</v>
      </c>
      <c r="Q68" s="75">
        <f>IF(Input!$D$19=4,J68*Input!$C$19,0)+IF(Input!$D$20=4,K68*Input!$C$20,0)+IF(Input!$D$21=4,L68*Input!$C$21,0)+IF(Input!$D$22=4,M68*Input!$C$22,0)</f>
        <v>0</v>
      </c>
      <c r="R68" s="58">
        <v>63.330414078236565</v>
      </c>
      <c r="S68" s="124">
        <f t="shared" si="0"/>
        <v>2.1386469463614142</v>
      </c>
    </row>
    <row r="69" spans="2:19" x14ac:dyDescent="0.3">
      <c r="B69" s="44">
        <v>62</v>
      </c>
      <c r="C69" s="56">
        <f>Jesper!AM63</f>
        <v>5.1023657702822618</v>
      </c>
      <c r="D69" s="59">
        <f>Jesper!AN63</f>
        <v>17.007885900940874</v>
      </c>
      <c r="E69" s="59">
        <f>Jesper!AO63</f>
        <v>25.511828851411313</v>
      </c>
      <c r="F69" s="59">
        <f>Jesper!AP63</f>
        <v>264.48809772223211</v>
      </c>
      <c r="G69" s="58">
        <f>Jesper!AQ63</f>
        <v>0</v>
      </c>
      <c r="H69" s="44">
        <v>62</v>
      </c>
      <c r="I69" s="56">
        <f>Bühler!I95</f>
        <v>0.49353391069878783</v>
      </c>
      <c r="J69" s="59">
        <f>Bühler!J95</f>
        <v>1.6451130356626262</v>
      </c>
      <c r="K69" s="59">
        <f>Bühler!K95</f>
        <v>2.467669553493939</v>
      </c>
      <c r="L69" s="59">
        <f>Bühler!L95</f>
        <v>11.844813856770909</v>
      </c>
      <c r="M69" s="58">
        <f>Bühler!M95</f>
        <v>0</v>
      </c>
      <c r="N69" s="56">
        <f>IF(Input!$D$19=1,J69*Input!$C$19,0)+IF(Input!$D$20=1,K69*Input!$C$20,0)+IF(Input!$D$21=1,L69*Input!$C$21,0)+IF(Input!$D$22=1,M69*Input!$C$22,0)</f>
        <v>0.49353391069878783</v>
      </c>
      <c r="O69" s="59">
        <f>IF(Input!$D$19=2,J69*Input!$C$19,0)+IF(Input!$D$20=2,K69*Input!$C$20,0)+IF(Input!$D$21=2,L69*Input!$C$21,0)+IF(Input!$D$22=2,M69*Input!$C$22,0)</f>
        <v>1.2338347767469695</v>
      </c>
      <c r="P69" s="59">
        <f>IF(Input!$D$19=3,J69*Input!$C$19,0)+IF(Input!$D$20=3,K69*Input!$C$20,0)+IF(Input!$D$21=3,L69*Input!$C$21,0)+IF(Input!$D$22=3,M69*Input!$C$22,0)</f>
        <v>0</v>
      </c>
      <c r="Q69" s="75">
        <f>IF(Input!$D$19=4,J69*Input!$C$19,0)+IF(Input!$D$20=4,K69*Input!$C$20,0)+IF(Input!$D$21=4,L69*Input!$C$21,0)+IF(Input!$D$22=4,M69*Input!$C$22,0)</f>
        <v>0</v>
      </c>
      <c r="R69" s="58">
        <v>63.096545416559245</v>
      </c>
      <c r="S69" s="124">
        <f t="shared" si="0"/>
        <v>2.1386469463614142</v>
      </c>
    </row>
    <row r="70" spans="2:19" x14ac:dyDescent="0.3">
      <c r="B70" s="44">
        <v>63</v>
      </c>
      <c r="C70" s="56">
        <f>Jesper!AM64</f>
        <v>5.6153838619789846</v>
      </c>
      <c r="D70" s="59">
        <f>Jesper!AN64</f>
        <v>18.717946206596618</v>
      </c>
      <c r="E70" s="59">
        <f>Jesper!AO64</f>
        <v>28.076919309894929</v>
      </c>
      <c r="F70" s="59">
        <f>Jesper!AP64</f>
        <v>276.05984819293298</v>
      </c>
      <c r="G70" s="58">
        <f>Jesper!AQ64</f>
        <v>0</v>
      </c>
      <c r="H70" s="44">
        <v>63</v>
      </c>
      <c r="I70" s="56">
        <f>Bühler!I96</f>
        <v>0.49353391069878783</v>
      </c>
      <c r="J70" s="59">
        <f>Bühler!J96</f>
        <v>1.6451130356626262</v>
      </c>
      <c r="K70" s="59">
        <f>Bühler!K96</f>
        <v>2.467669553493939</v>
      </c>
      <c r="L70" s="59">
        <f>Bühler!L96</f>
        <v>11.844813856770909</v>
      </c>
      <c r="M70" s="58">
        <f>Bühler!M96</f>
        <v>0</v>
      </c>
      <c r="N70" s="56">
        <f>IF(Input!$D$19=1,J70*Input!$C$19,0)+IF(Input!$D$20=1,K70*Input!$C$20,0)+IF(Input!$D$21=1,L70*Input!$C$21,0)+IF(Input!$D$22=1,M70*Input!$C$22,0)</f>
        <v>0.49353391069878783</v>
      </c>
      <c r="O70" s="59">
        <f>IF(Input!$D$19=2,J70*Input!$C$19,0)+IF(Input!$D$20=2,K70*Input!$C$20,0)+IF(Input!$D$21=2,L70*Input!$C$21,0)+IF(Input!$D$22=2,M70*Input!$C$22,0)</f>
        <v>1.2338347767469695</v>
      </c>
      <c r="P70" s="59">
        <f>IF(Input!$D$19=3,J70*Input!$C$19,0)+IF(Input!$D$20=3,K70*Input!$C$20,0)+IF(Input!$D$21=3,L70*Input!$C$21,0)+IF(Input!$D$22=3,M70*Input!$C$22,0)</f>
        <v>0</v>
      </c>
      <c r="Q70" s="75">
        <f>IF(Input!$D$19=4,J70*Input!$C$19,0)+IF(Input!$D$20=4,K70*Input!$C$20,0)+IF(Input!$D$21=4,L70*Input!$C$21,0)+IF(Input!$D$22=4,M70*Input!$C$22,0)</f>
        <v>0</v>
      </c>
      <c r="R70" s="58">
        <v>63.569492228065521</v>
      </c>
      <c r="S70" s="124">
        <f t="shared" si="0"/>
        <v>2.1386469463614142</v>
      </c>
    </row>
    <row r="71" spans="2:19" x14ac:dyDescent="0.3">
      <c r="B71" s="44">
        <v>64</v>
      </c>
      <c r="C71" s="56">
        <f>Jesper!AM65</f>
        <v>8.5743912267968128</v>
      </c>
      <c r="D71" s="59">
        <f>Jesper!AN65</f>
        <v>28.58130408932271</v>
      </c>
      <c r="E71" s="59">
        <f>Jesper!AO65</f>
        <v>42.871956133984064</v>
      </c>
      <c r="F71" s="59">
        <f>Jesper!AP65</f>
        <v>205.78538944312348</v>
      </c>
      <c r="G71" s="58">
        <f>Jesper!AQ65</f>
        <v>0</v>
      </c>
      <c r="H71" s="44">
        <v>64</v>
      </c>
      <c r="I71" s="56">
        <f>Bühler!I97</f>
        <v>0.49353391069878783</v>
      </c>
      <c r="J71" s="59">
        <f>Bühler!J97</f>
        <v>1.6451130356626262</v>
      </c>
      <c r="K71" s="59">
        <f>Bühler!K97</f>
        <v>2.467669553493939</v>
      </c>
      <c r="L71" s="59">
        <f>Bühler!L97</f>
        <v>11.844813856770909</v>
      </c>
      <c r="M71" s="58">
        <f>Bühler!M97</f>
        <v>0</v>
      </c>
      <c r="N71" s="56">
        <f>IF(Input!$D$19=1,J71*Input!$C$19,0)+IF(Input!$D$20=1,K71*Input!$C$20,0)+IF(Input!$D$21=1,L71*Input!$C$21,0)+IF(Input!$D$22=1,M71*Input!$C$22,0)</f>
        <v>0.49353391069878783</v>
      </c>
      <c r="O71" s="59">
        <f>IF(Input!$D$19=2,J71*Input!$C$19,0)+IF(Input!$D$20=2,K71*Input!$C$20,0)+IF(Input!$D$21=2,L71*Input!$C$21,0)+IF(Input!$D$22=2,M71*Input!$C$22,0)</f>
        <v>1.2338347767469695</v>
      </c>
      <c r="P71" s="59">
        <f>IF(Input!$D$19=3,J71*Input!$C$19,0)+IF(Input!$D$20=3,K71*Input!$C$20,0)+IF(Input!$D$21=3,L71*Input!$C$21,0)+IF(Input!$D$22=3,M71*Input!$C$22,0)</f>
        <v>0</v>
      </c>
      <c r="Q71" s="75">
        <f>IF(Input!$D$19=4,J71*Input!$C$19,0)+IF(Input!$D$20=4,K71*Input!$C$20,0)+IF(Input!$D$21=4,L71*Input!$C$21,0)+IF(Input!$D$22=4,M71*Input!$C$22,0)</f>
        <v>0</v>
      </c>
      <c r="R71" s="58">
        <v>61.679960091563302</v>
      </c>
      <c r="S71" s="124">
        <f t="shared" si="0"/>
        <v>2.1386469463614142</v>
      </c>
    </row>
    <row r="72" spans="2:19" x14ac:dyDescent="0.3">
      <c r="B72" s="44">
        <v>65</v>
      </c>
      <c r="C72" s="56">
        <f>Jesper!AM66</f>
        <v>8.9510231918183063</v>
      </c>
      <c r="D72" s="59">
        <f>Jesper!AN66</f>
        <v>29.836743972727692</v>
      </c>
      <c r="E72" s="59">
        <f>Jesper!AO66</f>
        <v>44.755115959091533</v>
      </c>
      <c r="F72" s="59">
        <f>Jesper!AP66</f>
        <v>214.82455660363937</v>
      </c>
      <c r="G72" s="58">
        <f>Jesper!AQ66</f>
        <v>0</v>
      </c>
      <c r="H72" s="44">
        <v>65</v>
      </c>
      <c r="I72" s="56">
        <f>Bühler!I98</f>
        <v>0.49353391069878783</v>
      </c>
      <c r="J72" s="59">
        <f>Bühler!J98</f>
        <v>1.6451130356626262</v>
      </c>
      <c r="K72" s="59">
        <f>Bühler!K98</f>
        <v>2.467669553493939</v>
      </c>
      <c r="L72" s="59">
        <f>Bühler!L98</f>
        <v>11.844813856770909</v>
      </c>
      <c r="M72" s="58">
        <f>Bühler!M98</f>
        <v>0</v>
      </c>
      <c r="N72" s="56">
        <f>IF(Input!$D$19=1,J72*Input!$C$19,0)+IF(Input!$D$20=1,K72*Input!$C$20,0)+IF(Input!$D$21=1,L72*Input!$C$21,0)+IF(Input!$D$22=1,M72*Input!$C$22,0)</f>
        <v>0.49353391069878783</v>
      </c>
      <c r="O72" s="59">
        <f>IF(Input!$D$19=2,J72*Input!$C$19,0)+IF(Input!$D$20=2,K72*Input!$C$20,0)+IF(Input!$D$21=2,L72*Input!$C$21,0)+IF(Input!$D$22=2,M72*Input!$C$22,0)</f>
        <v>1.2338347767469695</v>
      </c>
      <c r="P72" s="59">
        <f>IF(Input!$D$19=3,J72*Input!$C$19,0)+IF(Input!$D$20=3,K72*Input!$C$20,0)+IF(Input!$D$21=3,L72*Input!$C$21,0)+IF(Input!$D$22=3,M72*Input!$C$22,0)</f>
        <v>0</v>
      </c>
      <c r="Q72" s="75">
        <f>IF(Input!$D$19=4,J72*Input!$C$19,0)+IF(Input!$D$20=4,K72*Input!$C$20,0)+IF(Input!$D$21=4,L72*Input!$C$21,0)+IF(Input!$D$22=4,M72*Input!$C$22,0)</f>
        <v>0</v>
      </c>
      <c r="R72" s="58">
        <v>60.643961941191293</v>
      </c>
      <c r="S72" s="124">
        <f t="shared" si="0"/>
        <v>2.1386469463614142</v>
      </c>
    </row>
    <row r="73" spans="2:19" x14ac:dyDescent="0.3">
      <c r="B73" s="44">
        <v>66</v>
      </c>
      <c r="C73" s="56">
        <f>Jesper!AM67</f>
        <v>9.1211150469893028</v>
      </c>
      <c r="D73" s="59">
        <f>Jesper!AN67</f>
        <v>30.403716823297682</v>
      </c>
      <c r="E73" s="59">
        <f>Jesper!AO67</f>
        <v>45.605575234946521</v>
      </c>
      <c r="F73" s="59">
        <f>Jesper!AP67</f>
        <v>218.90676112774329</v>
      </c>
      <c r="G73" s="58">
        <f>Jesper!AQ67</f>
        <v>0</v>
      </c>
      <c r="H73" s="44">
        <v>66</v>
      </c>
      <c r="I73" s="56">
        <f>Bühler!I99</f>
        <v>0.49353391069878783</v>
      </c>
      <c r="J73" s="59">
        <f>Bühler!J99</f>
        <v>1.6451130356626262</v>
      </c>
      <c r="K73" s="59">
        <f>Bühler!K99</f>
        <v>2.467669553493939</v>
      </c>
      <c r="L73" s="59">
        <f>Bühler!L99</f>
        <v>11.844813856770909</v>
      </c>
      <c r="M73" s="58">
        <f>Bühler!M99</f>
        <v>0</v>
      </c>
      <c r="N73" s="56">
        <f>IF(Input!$D$19=1,J73*Input!$C$19,0)+IF(Input!$D$20=1,K73*Input!$C$20,0)+IF(Input!$D$21=1,L73*Input!$C$21,0)+IF(Input!$D$22=1,M73*Input!$C$22,0)</f>
        <v>0.49353391069878783</v>
      </c>
      <c r="O73" s="59">
        <f>IF(Input!$D$19=2,J73*Input!$C$19,0)+IF(Input!$D$20=2,K73*Input!$C$20,0)+IF(Input!$D$21=2,L73*Input!$C$21,0)+IF(Input!$D$22=2,M73*Input!$C$22,0)</f>
        <v>1.2338347767469695</v>
      </c>
      <c r="P73" s="59">
        <f>IF(Input!$D$19=3,J73*Input!$C$19,0)+IF(Input!$D$20=3,K73*Input!$C$20,0)+IF(Input!$D$21=3,L73*Input!$C$21,0)+IF(Input!$D$22=3,M73*Input!$C$22,0)</f>
        <v>0</v>
      </c>
      <c r="Q73" s="75">
        <f>IF(Input!$D$19=4,J73*Input!$C$19,0)+IF(Input!$D$20=4,K73*Input!$C$20,0)+IF(Input!$D$21=4,L73*Input!$C$21,0)+IF(Input!$D$22=4,M73*Input!$C$22,0)</f>
        <v>0</v>
      </c>
      <c r="R73" s="58">
        <v>59.566101515835975</v>
      </c>
      <c r="S73" s="124">
        <f t="shared" ref="S73:S136" si="1">I73+J73</f>
        <v>2.1386469463614142</v>
      </c>
    </row>
    <row r="74" spans="2:19" x14ac:dyDescent="0.3">
      <c r="B74" s="44">
        <v>67</v>
      </c>
      <c r="C74" s="56">
        <f>Jesper!AM68</f>
        <v>9.3398045750662977</v>
      </c>
      <c r="D74" s="59">
        <f>Jesper!AN68</f>
        <v>31.132681916887663</v>
      </c>
      <c r="E74" s="59">
        <f>Jesper!AO68</f>
        <v>46.699022875331494</v>
      </c>
      <c r="F74" s="59">
        <f>Jesper!AP68</f>
        <v>224.15530980159116</v>
      </c>
      <c r="G74" s="58">
        <f>Jesper!AQ68</f>
        <v>0</v>
      </c>
      <c r="H74" s="44">
        <v>67</v>
      </c>
      <c r="I74" s="56">
        <f>Bühler!I100</f>
        <v>0.49353391069878783</v>
      </c>
      <c r="J74" s="59">
        <f>Bühler!J100</f>
        <v>1.6451130356626262</v>
      </c>
      <c r="K74" s="59">
        <f>Bühler!K100</f>
        <v>2.467669553493939</v>
      </c>
      <c r="L74" s="59">
        <f>Bühler!L100</f>
        <v>11.844813856770909</v>
      </c>
      <c r="M74" s="58">
        <f>Bühler!M100</f>
        <v>0</v>
      </c>
      <c r="N74" s="56">
        <f>IF(Input!$D$19=1,J74*Input!$C$19,0)+IF(Input!$D$20=1,K74*Input!$C$20,0)+IF(Input!$D$21=1,L74*Input!$C$21,0)+IF(Input!$D$22=1,M74*Input!$C$22,0)</f>
        <v>0.49353391069878783</v>
      </c>
      <c r="O74" s="59">
        <f>IF(Input!$D$19=2,J74*Input!$C$19,0)+IF(Input!$D$20=2,K74*Input!$C$20,0)+IF(Input!$D$21=2,L74*Input!$C$21,0)+IF(Input!$D$22=2,M74*Input!$C$22,0)</f>
        <v>1.2338347767469695</v>
      </c>
      <c r="P74" s="59">
        <f>IF(Input!$D$19=3,J74*Input!$C$19,0)+IF(Input!$D$20=3,K74*Input!$C$20,0)+IF(Input!$D$21=3,L74*Input!$C$21,0)+IF(Input!$D$22=3,M74*Input!$C$22,0)</f>
        <v>0</v>
      </c>
      <c r="Q74" s="75">
        <f>IF(Input!$D$19=4,J74*Input!$C$19,0)+IF(Input!$D$20=4,K74*Input!$C$20,0)+IF(Input!$D$21=4,L74*Input!$C$21,0)+IF(Input!$D$22=4,M74*Input!$C$22,0)</f>
        <v>0</v>
      </c>
      <c r="R74" s="58">
        <v>57.905113675176466</v>
      </c>
      <c r="S74" s="124">
        <f t="shared" si="1"/>
        <v>2.1386469463614142</v>
      </c>
    </row>
    <row r="75" spans="2:19" x14ac:dyDescent="0.3">
      <c r="B75" s="44">
        <v>68</v>
      </c>
      <c r="C75" s="56">
        <f>Jesper!AM69</f>
        <v>9.4855975937842967</v>
      </c>
      <c r="D75" s="59">
        <f>Jesper!AN69</f>
        <v>31.618658645947662</v>
      </c>
      <c r="E75" s="59">
        <f>Jesper!AO69</f>
        <v>47.427987968921485</v>
      </c>
      <c r="F75" s="59">
        <f>Jesper!AP69</f>
        <v>227.65434225082313</v>
      </c>
      <c r="G75" s="58">
        <f>Jesper!AQ69</f>
        <v>0</v>
      </c>
      <c r="H75" s="44">
        <v>68</v>
      </c>
      <c r="I75" s="56">
        <f>Bühler!I101</f>
        <v>0.41127825891565661</v>
      </c>
      <c r="J75" s="59">
        <f>Bühler!J101</f>
        <v>1.3709275297188555</v>
      </c>
      <c r="K75" s="59">
        <f>Bühler!K101</f>
        <v>2.0563912945782832</v>
      </c>
      <c r="L75" s="59">
        <f>Bühler!L101</f>
        <v>9.8706782139757596</v>
      </c>
      <c r="M75" s="58">
        <f>Bühler!M101</f>
        <v>0</v>
      </c>
      <c r="N75" s="56">
        <f>IF(Input!$D$19=1,J75*Input!$C$19,0)+IF(Input!$D$20=1,K75*Input!$C$20,0)+IF(Input!$D$21=1,L75*Input!$C$21,0)+IF(Input!$D$22=1,M75*Input!$C$22,0)</f>
        <v>0.41127825891565661</v>
      </c>
      <c r="O75" s="59">
        <f>IF(Input!$D$19=2,J75*Input!$C$19,0)+IF(Input!$D$20=2,K75*Input!$C$20,0)+IF(Input!$D$21=2,L75*Input!$C$21,0)+IF(Input!$D$22=2,M75*Input!$C$22,0)</f>
        <v>1.0281956472891416</v>
      </c>
      <c r="P75" s="59">
        <f>IF(Input!$D$19=3,J75*Input!$C$19,0)+IF(Input!$D$20=3,K75*Input!$C$20,0)+IF(Input!$D$21=3,L75*Input!$C$21,0)+IF(Input!$D$22=3,M75*Input!$C$22,0)</f>
        <v>0</v>
      </c>
      <c r="Q75" s="75">
        <f>IF(Input!$D$19=4,J75*Input!$C$19,0)+IF(Input!$D$20=4,K75*Input!$C$20,0)+IF(Input!$D$21=4,L75*Input!$C$21,0)+IF(Input!$D$22=4,M75*Input!$C$22,0)</f>
        <v>0</v>
      </c>
      <c r="R75" s="58">
        <v>56.707665895682389</v>
      </c>
      <c r="S75" s="124">
        <f t="shared" si="1"/>
        <v>1.7822057886345122</v>
      </c>
    </row>
    <row r="76" spans="2:19" x14ac:dyDescent="0.3">
      <c r="B76" s="44">
        <v>69</v>
      </c>
      <c r="C76" s="56">
        <f>Jesper!AM70</f>
        <v>6.1814727907477822</v>
      </c>
      <c r="D76" s="59">
        <f>Jesper!AN70</f>
        <v>20.604909302492612</v>
      </c>
      <c r="E76" s="59">
        <f>Jesper!AO70</f>
        <v>30.907363953738916</v>
      </c>
      <c r="F76" s="59">
        <f>Jesper!AP70</f>
        <v>288.82867629853399</v>
      </c>
      <c r="G76" s="58">
        <f>Jesper!AQ70</f>
        <v>0</v>
      </c>
      <c r="H76" s="44">
        <v>69</v>
      </c>
      <c r="I76" s="56">
        <f>Bühler!I102</f>
        <v>0.32902260713252524</v>
      </c>
      <c r="J76" s="59">
        <f>Bühler!J102</f>
        <v>1.0967420237750842</v>
      </c>
      <c r="K76" s="59">
        <f>Bühler!K102</f>
        <v>1.6451130356626262</v>
      </c>
      <c r="L76" s="59">
        <f>Bühler!L102</f>
        <v>7.8965425711806061</v>
      </c>
      <c r="M76" s="58">
        <f>Bühler!M102</f>
        <v>0</v>
      </c>
      <c r="N76" s="56">
        <f>IF(Input!$D$19=1,J76*Input!$C$19,0)+IF(Input!$D$20=1,K76*Input!$C$20,0)+IF(Input!$D$21=1,L76*Input!$C$21,0)+IF(Input!$D$22=1,M76*Input!$C$22,0)</f>
        <v>0.32902260713252524</v>
      </c>
      <c r="O76" s="59">
        <f>IF(Input!$D$19=2,J76*Input!$C$19,0)+IF(Input!$D$20=2,K76*Input!$C$20,0)+IF(Input!$D$21=2,L76*Input!$C$21,0)+IF(Input!$D$22=2,M76*Input!$C$22,0)</f>
        <v>0.82255651783131312</v>
      </c>
      <c r="P76" s="59">
        <f>IF(Input!$D$19=3,J76*Input!$C$19,0)+IF(Input!$D$20=3,K76*Input!$C$20,0)+IF(Input!$D$21=3,L76*Input!$C$21,0)+IF(Input!$D$22=3,M76*Input!$C$22,0)</f>
        <v>0</v>
      </c>
      <c r="Q76" s="75">
        <f>IF(Input!$D$19=4,J76*Input!$C$19,0)+IF(Input!$D$20=4,K76*Input!$C$20,0)+IF(Input!$D$21=4,L76*Input!$C$21,0)+IF(Input!$D$22=4,M76*Input!$C$22,0)</f>
        <v>0</v>
      </c>
      <c r="R76" s="58">
        <v>55.597468765729602</v>
      </c>
      <c r="S76" s="124">
        <f t="shared" si="1"/>
        <v>1.4257646309076095</v>
      </c>
    </row>
    <row r="77" spans="2:19" x14ac:dyDescent="0.3">
      <c r="B77" s="44">
        <v>70</v>
      </c>
      <c r="C77" s="56">
        <f>Jesper!AM71</f>
        <v>5.9691894424594834</v>
      </c>
      <c r="D77" s="59">
        <f>Jesper!AN71</f>
        <v>19.897298141531614</v>
      </c>
      <c r="E77" s="59">
        <f>Jesper!AO71</f>
        <v>29.845947212297418</v>
      </c>
      <c r="F77" s="59">
        <f>Jesper!AP71</f>
        <v>284.04036575893355</v>
      </c>
      <c r="G77" s="58">
        <f>Jesper!AQ71</f>
        <v>0</v>
      </c>
      <c r="H77" s="44">
        <v>70</v>
      </c>
      <c r="I77" s="56">
        <f>Bühler!I103</f>
        <v>0.24676695534939391</v>
      </c>
      <c r="J77" s="59">
        <f>Bühler!J103</f>
        <v>0.82255651783131312</v>
      </c>
      <c r="K77" s="59">
        <f>Bühler!K103</f>
        <v>1.2338347767469695</v>
      </c>
      <c r="L77" s="59">
        <f>Bühler!L103</f>
        <v>5.9224069283854543</v>
      </c>
      <c r="M77" s="58">
        <f>Bühler!M103</f>
        <v>0</v>
      </c>
      <c r="N77" s="56">
        <f>IF(Input!$D$19=1,J77*Input!$C$19,0)+IF(Input!$D$20=1,K77*Input!$C$20,0)+IF(Input!$D$21=1,L77*Input!$C$21,0)+IF(Input!$D$22=1,M77*Input!$C$22,0)</f>
        <v>0.24676695534939391</v>
      </c>
      <c r="O77" s="59">
        <f>IF(Input!$D$19=2,J77*Input!$C$19,0)+IF(Input!$D$20=2,K77*Input!$C$20,0)+IF(Input!$D$21=2,L77*Input!$C$21,0)+IF(Input!$D$22=2,M77*Input!$C$22,0)</f>
        <v>0.61691738837348475</v>
      </c>
      <c r="P77" s="59">
        <f>IF(Input!$D$19=3,J77*Input!$C$19,0)+IF(Input!$D$20=3,K77*Input!$C$20,0)+IF(Input!$D$21=3,L77*Input!$C$21,0)+IF(Input!$D$22=3,M77*Input!$C$22,0)</f>
        <v>0</v>
      </c>
      <c r="Q77" s="75">
        <f>IF(Input!$D$19=4,J77*Input!$C$19,0)+IF(Input!$D$20=4,K77*Input!$C$20,0)+IF(Input!$D$21=4,L77*Input!$C$21,0)+IF(Input!$D$22=4,M77*Input!$C$22,0)</f>
        <v>0</v>
      </c>
      <c r="R77" s="58">
        <v>54.018990109555304</v>
      </c>
      <c r="S77" s="124">
        <f t="shared" si="1"/>
        <v>1.0693234731807071</v>
      </c>
    </row>
    <row r="78" spans="2:19" x14ac:dyDescent="0.3">
      <c r="B78" s="44">
        <v>71</v>
      </c>
      <c r="C78" s="56">
        <f>Jesper!AM72</f>
        <v>8.8295290095533083</v>
      </c>
      <c r="D78" s="59">
        <f>Jesper!AN72</f>
        <v>29.431763365177694</v>
      </c>
      <c r="E78" s="59">
        <f>Jesper!AO72</f>
        <v>44.147645047766538</v>
      </c>
      <c r="F78" s="59">
        <f>Jesper!AP72</f>
        <v>211.90869622927937</v>
      </c>
      <c r="G78" s="58">
        <f>Jesper!AQ72</f>
        <v>0</v>
      </c>
      <c r="H78" s="44">
        <v>71</v>
      </c>
      <c r="I78" s="56">
        <f>Bühler!I104</f>
        <v>0.24676695534939391</v>
      </c>
      <c r="J78" s="59">
        <f>Bühler!J104</f>
        <v>0.82255651783131312</v>
      </c>
      <c r="K78" s="59">
        <f>Bühler!K104</f>
        <v>1.2338347767469695</v>
      </c>
      <c r="L78" s="59">
        <f>Bühler!L104</f>
        <v>5.9224069283854543</v>
      </c>
      <c r="M78" s="58">
        <f>Bühler!M104</f>
        <v>0</v>
      </c>
      <c r="N78" s="56">
        <f>IF(Input!$D$19=1,J78*Input!$C$19,0)+IF(Input!$D$20=1,K78*Input!$C$20,0)+IF(Input!$D$21=1,L78*Input!$C$21,0)+IF(Input!$D$22=1,M78*Input!$C$22,0)</f>
        <v>0.24676695534939391</v>
      </c>
      <c r="O78" s="59">
        <f>IF(Input!$D$19=2,J78*Input!$C$19,0)+IF(Input!$D$20=2,K78*Input!$C$20,0)+IF(Input!$D$21=2,L78*Input!$C$21,0)+IF(Input!$D$22=2,M78*Input!$C$22,0)</f>
        <v>0.61691738837348475</v>
      </c>
      <c r="P78" s="59">
        <f>IF(Input!$D$19=3,J78*Input!$C$19,0)+IF(Input!$D$20=3,K78*Input!$C$20,0)+IF(Input!$D$21=3,L78*Input!$C$21,0)+IF(Input!$D$22=3,M78*Input!$C$22,0)</f>
        <v>0</v>
      </c>
      <c r="Q78" s="75">
        <f>IF(Input!$D$19=4,J78*Input!$C$19,0)+IF(Input!$D$20=4,K78*Input!$C$20,0)+IF(Input!$D$21=4,L78*Input!$C$21,0)+IF(Input!$D$22=4,M78*Input!$C$22,0)</f>
        <v>0</v>
      </c>
      <c r="R78" s="58">
        <v>54.072716579757895</v>
      </c>
      <c r="S78" s="124">
        <f t="shared" si="1"/>
        <v>1.0693234731807071</v>
      </c>
    </row>
    <row r="79" spans="2:19" x14ac:dyDescent="0.3">
      <c r="B79" s="44">
        <v>72</v>
      </c>
      <c r="C79" s="56">
        <f>Jesper!AM73</f>
        <v>8.5865406450233124</v>
      </c>
      <c r="D79" s="59">
        <f>Jesper!AN73</f>
        <v>28.621802150077709</v>
      </c>
      <c r="E79" s="59">
        <f>Jesper!AO73</f>
        <v>42.932703225116562</v>
      </c>
      <c r="F79" s="59">
        <f>Jesper!AP73</f>
        <v>206.07697548055947</v>
      </c>
      <c r="G79" s="58">
        <f>Jesper!AQ73</f>
        <v>0</v>
      </c>
      <c r="H79" s="44">
        <v>72</v>
      </c>
      <c r="I79" s="56">
        <f>Bühler!I105</f>
        <v>0.24676695534939391</v>
      </c>
      <c r="J79" s="59">
        <f>Bühler!J105</f>
        <v>0.82255651783131312</v>
      </c>
      <c r="K79" s="59">
        <f>Bühler!K105</f>
        <v>1.2338347767469695</v>
      </c>
      <c r="L79" s="59">
        <f>Bühler!L105</f>
        <v>5.9224069283854543</v>
      </c>
      <c r="M79" s="58">
        <f>Bühler!M105</f>
        <v>0</v>
      </c>
      <c r="N79" s="56">
        <f>IF(Input!$D$19=1,J79*Input!$C$19,0)+IF(Input!$D$20=1,K79*Input!$C$20,0)+IF(Input!$D$21=1,L79*Input!$C$21,0)+IF(Input!$D$22=1,M79*Input!$C$22,0)</f>
        <v>0.24676695534939391</v>
      </c>
      <c r="O79" s="59">
        <f>IF(Input!$D$19=2,J79*Input!$C$19,0)+IF(Input!$D$20=2,K79*Input!$C$20,0)+IF(Input!$D$21=2,L79*Input!$C$21,0)+IF(Input!$D$22=2,M79*Input!$C$22,0)</f>
        <v>0.61691738837348475</v>
      </c>
      <c r="P79" s="59">
        <f>IF(Input!$D$19=3,J79*Input!$C$19,0)+IF(Input!$D$20=3,K79*Input!$C$20,0)+IF(Input!$D$21=3,L79*Input!$C$21,0)+IF(Input!$D$22=3,M79*Input!$C$22,0)</f>
        <v>0</v>
      </c>
      <c r="Q79" s="75">
        <f>IF(Input!$D$19=4,J79*Input!$C$19,0)+IF(Input!$D$20=4,K79*Input!$C$20,0)+IF(Input!$D$21=4,L79*Input!$C$21,0)+IF(Input!$D$22=4,M79*Input!$C$22,0)</f>
        <v>0</v>
      </c>
      <c r="R79" s="58">
        <v>53.266812622682053</v>
      </c>
      <c r="S79" s="124">
        <f t="shared" si="1"/>
        <v>1.0693234731807071</v>
      </c>
    </row>
    <row r="80" spans="2:19" x14ac:dyDescent="0.3">
      <c r="B80" s="44">
        <v>73</v>
      </c>
      <c r="C80" s="56">
        <f>Jesper!AM74</f>
        <v>8.5379429721173139</v>
      </c>
      <c r="D80" s="59">
        <f>Jesper!AN74</f>
        <v>28.459809907057714</v>
      </c>
      <c r="E80" s="59">
        <f>Jesper!AO74</f>
        <v>42.68971486058657</v>
      </c>
      <c r="F80" s="59">
        <f>Jesper!AP74</f>
        <v>204.91063133081551</v>
      </c>
      <c r="G80" s="58">
        <f>Jesper!AQ74</f>
        <v>0</v>
      </c>
      <c r="H80" s="44">
        <v>73</v>
      </c>
      <c r="I80" s="56">
        <f>Bühler!I106</f>
        <v>0.24567055227246082</v>
      </c>
      <c r="J80" s="59">
        <f>Bühler!J106</f>
        <v>0.81890184090820284</v>
      </c>
      <c r="K80" s="59">
        <f>Bühler!K106</f>
        <v>1.2283527613623042</v>
      </c>
      <c r="L80" s="59">
        <f>Bühler!L106</f>
        <v>5.8960932545390596</v>
      </c>
      <c r="M80" s="58">
        <f>Bühler!M106</f>
        <v>0</v>
      </c>
      <c r="N80" s="56">
        <f>IF(Input!$D$19=1,J80*Input!$C$19,0)+IF(Input!$D$20=1,K80*Input!$C$20,0)+IF(Input!$D$21=1,L80*Input!$C$21,0)+IF(Input!$D$22=1,M80*Input!$C$22,0)</f>
        <v>0.24567055227246085</v>
      </c>
      <c r="O80" s="59">
        <f>IF(Input!$D$19=2,J80*Input!$C$19,0)+IF(Input!$D$20=2,K80*Input!$C$20,0)+IF(Input!$D$21=2,L80*Input!$C$21,0)+IF(Input!$D$22=2,M80*Input!$C$22,0)</f>
        <v>0.6141763806811521</v>
      </c>
      <c r="P80" s="59">
        <f>IF(Input!$D$19=3,J80*Input!$C$19,0)+IF(Input!$D$20=3,K80*Input!$C$20,0)+IF(Input!$D$21=3,L80*Input!$C$21,0)+IF(Input!$D$22=3,M80*Input!$C$22,0)</f>
        <v>0</v>
      </c>
      <c r="Q80" s="75">
        <f>IF(Input!$D$19=4,J80*Input!$C$19,0)+IF(Input!$D$20=4,K80*Input!$C$20,0)+IF(Input!$D$21=4,L80*Input!$C$21,0)+IF(Input!$D$22=4,M80*Input!$C$22,0)</f>
        <v>0</v>
      </c>
      <c r="R80" s="58">
        <v>52.481743126966862</v>
      </c>
      <c r="S80" s="124">
        <f t="shared" si="1"/>
        <v>1.0645723931806637</v>
      </c>
    </row>
    <row r="81" spans="2:19" x14ac:dyDescent="0.3">
      <c r="B81" s="44">
        <v>74</v>
      </c>
      <c r="C81" s="56">
        <f>Jesper!AM75</f>
        <v>8.4285982080788155</v>
      </c>
      <c r="D81" s="59">
        <f>Jesper!AN75</f>
        <v>28.095327360262718</v>
      </c>
      <c r="E81" s="59">
        <f>Jesper!AO75</f>
        <v>42.142991040394072</v>
      </c>
      <c r="F81" s="59">
        <f>Jesper!AP75</f>
        <v>202.28635699389156</v>
      </c>
      <c r="G81" s="58">
        <f>Jesper!AQ75</f>
        <v>0</v>
      </c>
      <c r="H81" s="44">
        <v>74</v>
      </c>
      <c r="I81" s="56">
        <f>Bühler!I107</f>
        <v>0.24567055227246082</v>
      </c>
      <c r="J81" s="59">
        <f>Bühler!J107</f>
        <v>0.81890184090820284</v>
      </c>
      <c r="K81" s="59">
        <f>Bühler!K107</f>
        <v>1.2283527613623042</v>
      </c>
      <c r="L81" s="59">
        <f>Bühler!L107</f>
        <v>5.8960932545390596</v>
      </c>
      <c r="M81" s="58">
        <f>Bühler!M107</f>
        <v>0</v>
      </c>
      <c r="N81" s="56">
        <f>IF(Input!$D$19=1,J81*Input!$C$19,0)+IF(Input!$D$20=1,K81*Input!$C$20,0)+IF(Input!$D$21=1,L81*Input!$C$21,0)+IF(Input!$D$22=1,M81*Input!$C$22,0)</f>
        <v>0.24567055227246085</v>
      </c>
      <c r="O81" s="59">
        <f>IF(Input!$D$19=2,J81*Input!$C$19,0)+IF(Input!$D$20=2,K81*Input!$C$20,0)+IF(Input!$D$21=2,L81*Input!$C$21,0)+IF(Input!$D$22=2,M81*Input!$C$22,0)</f>
        <v>0.6141763806811521</v>
      </c>
      <c r="P81" s="59">
        <f>IF(Input!$D$19=3,J81*Input!$C$19,0)+IF(Input!$D$20=3,K81*Input!$C$20,0)+IF(Input!$D$21=3,L81*Input!$C$21,0)+IF(Input!$D$22=3,M81*Input!$C$22,0)</f>
        <v>0</v>
      </c>
      <c r="Q81" s="75">
        <f>IF(Input!$D$19=4,J81*Input!$C$19,0)+IF(Input!$D$20=4,K81*Input!$C$20,0)+IF(Input!$D$21=4,L81*Input!$C$21,0)+IF(Input!$D$22=4,M81*Input!$C$22,0)</f>
        <v>0</v>
      </c>
      <c r="R81" s="58">
        <v>52.123362257613273</v>
      </c>
      <c r="S81" s="124">
        <f t="shared" si="1"/>
        <v>1.0645723931806637</v>
      </c>
    </row>
    <row r="82" spans="2:19" x14ac:dyDescent="0.3">
      <c r="B82" s="44">
        <v>75</v>
      </c>
      <c r="C82" s="56">
        <f>Jesper!AM76</f>
        <v>8.4407476263053169</v>
      </c>
      <c r="D82" s="59">
        <f>Jesper!AN76</f>
        <v>28.135825421017724</v>
      </c>
      <c r="E82" s="59">
        <f>Jesper!AO76</f>
        <v>42.203738131526585</v>
      </c>
      <c r="F82" s="59">
        <f>Jesper!AP76</f>
        <v>202.57794303132758</v>
      </c>
      <c r="G82" s="58">
        <f>Jesper!AQ76</f>
        <v>0</v>
      </c>
      <c r="H82" s="44">
        <v>75</v>
      </c>
      <c r="I82" s="56">
        <f>Bühler!I108</f>
        <v>0.24567055227246082</v>
      </c>
      <c r="J82" s="59">
        <f>Bühler!J108</f>
        <v>0.81890184090820284</v>
      </c>
      <c r="K82" s="59">
        <f>Bühler!K108</f>
        <v>1.2283527613623042</v>
      </c>
      <c r="L82" s="59">
        <f>Bühler!L108</f>
        <v>5.8960932545390596</v>
      </c>
      <c r="M82" s="58">
        <f>Bühler!M108</f>
        <v>0</v>
      </c>
      <c r="N82" s="56">
        <f>IF(Input!$D$19=1,J82*Input!$C$19,0)+IF(Input!$D$20=1,K82*Input!$C$20,0)+IF(Input!$D$21=1,L82*Input!$C$21,0)+IF(Input!$D$22=1,M82*Input!$C$22,0)</f>
        <v>0.24567055227246085</v>
      </c>
      <c r="O82" s="59">
        <f>IF(Input!$D$19=2,J82*Input!$C$19,0)+IF(Input!$D$20=2,K82*Input!$C$20,0)+IF(Input!$D$21=2,L82*Input!$C$21,0)+IF(Input!$D$22=2,M82*Input!$C$22,0)</f>
        <v>0.6141763806811521</v>
      </c>
      <c r="P82" s="59">
        <f>IF(Input!$D$19=3,J82*Input!$C$19,0)+IF(Input!$D$20=3,K82*Input!$C$20,0)+IF(Input!$D$21=3,L82*Input!$C$21,0)+IF(Input!$D$22=3,M82*Input!$C$22,0)</f>
        <v>0</v>
      </c>
      <c r="Q82" s="75">
        <f>IF(Input!$D$19=4,J82*Input!$C$19,0)+IF(Input!$D$20=4,K82*Input!$C$20,0)+IF(Input!$D$21=4,L82*Input!$C$21,0)+IF(Input!$D$22=4,M82*Input!$C$22,0)</f>
        <v>0</v>
      </c>
      <c r="R82" s="58">
        <v>52.444968734938975</v>
      </c>
      <c r="S82" s="124">
        <f t="shared" si="1"/>
        <v>1.0645723931806637</v>
      </c>
    </row>
    <row r="83" spans="2:19" x14ac:dyDescent="0.3">
      <c r="B83" s="44">
        <v>76</v>
      </c>
      <c r="C83" s="56">
        <f>Jesper!AM77</f>
        <v>4.7662504688257883</v>
      </c>
      <c r="D83" s="59">
        <f>Jesper!AN77</f>
        <v>15.887501562752631</v>
      </c>
      <c r="E83" s="59">
        <f>Jesper!AO77</f>
        <v>23.831252344128945</v>
      </c>
      <c r="F83" s="59">
        <f>Jesper!AP77</f>
        <v>256.90660603453159</v>
      </c>
      <c r="G83" s="58">
        <f>Jesper!AQ77</f>
        <v>0</v>
      </c>
      <c r="H83" s="44">
        <v>76</v>
      </c>
      <c r="I83" s="56">
        <f>Bühler!I109</f>
        <v>0.24567055227246082</v>
      </c>
      <c r="J83" s="59">
        <f>Bühler!J109</f>
        <v>0.81890184090820284</v>
      </c>
      <c r="K83" s="59">
        <f>Bühler!K109</f>
        <v>1.2283527613623042</v>
      </c>
      <c r="L83" s="59">
        <f>Bühler!L109</f>
        <v>5.8960932545390596</v>
      </c>
      <c r="M83" s="58">
        <f>Bühler!M109</f>
        <v>0</v>
      </c>
      <c r="N83" s="56">
        <f>IF(Input!$D$19=1,J83*Input!$C$19,0)+IF(Input!$D$20=1,K83*Input!$C$20,0)+IF(Input!$D$21=1,L83*Input!$C$21,0)+IF(Input!$D$22=1,M83*Input!$C$22,0)</f>
        <v>0.24567055227246085</v>
      </c>
      <c r="O83" s="59">
        <f>IF(Input!$D$19=2,J83*Input!$C$19,0)+IF(Input!$D$20=2,K83*Input!$C$20,0)+IF(Input!$D$21=2,L83*Input!$C$21,0)+IF(Input!$D$22=2,M83*Input!$C$22,0)</f>
        <v>0.6141763806811521</v>
      </c>
      <c r="P83" s="59">
        <f>IF(Input!$D$19=3,J83*Input!$C$19,0)+IF(Input!$D$20=3,K83*Input!$C$20,0)+IF(Input!$D$21=3,L83*Input!$C$21,0)+IF(Input!$D$22=3,M83*Input!$C$22,0)</f>
        <v>0</v>
      </c>
      <c r="Q83" s="75">
        <f>IF(Input!$D$19=4,J83*Input!$C$19,0)+IF(Input!$D$20=4,K83*Input!$C$20,0)+IF(Input!$D$21=4,L83*Input!$C$21,0)+IF(Input!$D$22=4,M83*Input!$C$22,0)</f>
        <v>0</v>
      </c>
      <c r="R83" s="58">
        <v>52.214432820574352</v>
      </c>
      <c r="S83" s="124">
        <f t="shared" si="1"/>
        <v>1.0645723931806637</v>
      </c>
    </row>
    <row r="84" spans="2:19" x14ac:dyDescent="0.3">
      <c r="B84" s="44">
        <v>77</v>
      </c>
      <c r="C84" s="56">
        <f>Jesper!AM78</f>
        <v>4.9962240961381132</v>
      </c>
      <c r="D84" s="59">
        <f>Jesper!AN78</f>
        <v>16.65408032046038</v>
      </c>
      <c r="E84" s="59">
        <f>Jesper!AO78</f>
        <v>24.981120480690567</v>
      </c>
      <c r="F84" s="59">
        <f>Jesper!AP78</f>
        <v>262.09394245243197</v>
      </c>
      <c r="G84" s="58">
        <f>Jesper!AQ78</f>
        <v>0</v>
      </c>
      <c r="H84" s="44">
        <v>77</v>
      </c>
      <c r="I84" s="56">
        <f>Bühler!I110</f>
        <v>0.24567055227246082</v>
      </c>
      <c r="J84" s="59">
        <f>Bühler!J110</f>
        <v>0.81890184090820284</v>
      </c>
      <c r="K84" s="59">
        <f>Bühler!K110</f>
        <v>1.2283527613623042</v>
      </c>
      <c r="L84" s="59">
        <f>Bühler!L110</f>
        <v>5.8960932545390596</v>
      </c>
      <c r="M84" s="58">
        <f>Bühler!M110</f>
        <v>0</v>
      </c>
      <c r="N84" s="56">
        <f>IF(Input!$D$19=1,J84*Input!$C$19,0)+IF(Input!$D$20=1,K84*Input!$C$20,0)+IF(Input!$D$21=1,L84*Input!$C$21,0)+IF(Input!$D$22=1,M84*Input!$C$22,0)</f>
        <v>0.24567055227246085</v>
      </c>
      <c r="O84" s="59">
        <f>IF(Input!$D$19=2,J84*Input!$C$19,0)+IF(Input!$D$20=2,K84*Input!$C$20,0)+IF(Input!$D$21=2,L84*Input!$C$21,0)+IF(Input!$D$22=2,M84*Input!$C$22,0)</f>
        <v>0.6141763806811521</v>
      </c>
      <c r="P84" s="59">
        <f>IF(Input!$D$19=3,J84*Input!$C$19,0)+IF(Input!$D$20=3,K84*Input!$C$20,0)+IF(Input!$D$21=3,L84*Input!$C$21,0)+IF(Input!$D$22=3,M84*Input!$C$22,0)</f>
        <v>0</v>
      </c>
      <c r="Q84" s="75">
        <f>IF(Input!$D$19=4,J84*Input!$C$19,0)+IF(Input!$D$20=4,K84*Input!$C$20,0)+IF(Input!$D$21=4,L84*Input!$C$21,0)+IF(Input!$D$22=4,M84*Input!$C$22,0)</f>
        <v>0</v>
      </c>
      <c r="R84" s="58">
        <v>52.95625436970893</v>
      </c>
      <c r="S84" s="124">
        <f t="shared" si="1"/>
        <v>1.0645723931806637</v>
      </c>
    </row>
    <row r="85" spans="2:19" x14ac:dyDescent="0.3">
      <c r="B85" s="44">
        <v>78</v>
      </c>
      <c r="C85" s="56">
        <f>Jesper!AM79</f>
        <v>8.2706557711343187</v>
      </c>
      <c r="D85" s="59">
        <f>Jesper!AN79</f>
        <v>27.568852570447731</v>
      </c>
      <c r="E85" s="59">
        <f>Jesper!AO79</f>
        <v>41.35327885567159</v>
      </c>
      <c r="F85" s="59">
        <f>Jesper!AP79</f>
        <v>198.49573850722365</v>
      </c>
      <c r="G85" s="58">
        <f>Jesper!AQ79</f>
        <v>0</v>
      </c>
      <c r="H85" s="44">
        <v>78</v>
      </c>
      <c r="I85" s="56">
        <f>Bühler!I111</f>
        <v>0.31664204515117167</v>
      </c>
      <c r="J85" s="59">
        <f>Bühler!J111</f>
        <v>1.055473483837239</v>
      </c>
      <c r="K85" s="59">
        <f>Bühler!K111</f>
        <v>1.5832102257558585</v>
      </c>
      <c r="L85" s="59">
        <f>Bühler!L111</f>
        <v>7.599409083628121</v>
      </c>
      <c r="M85" s="58">
        <f>Bühler!M111</f>
        <v>0</v>
      </c>
      <c r="N85" s="56">
        <f>IF(Input!$D$19=1,J85*Input!$C$19,0)+IF(Input!$D$20=1,K85*Input!$C$20,0)+IF(Input!$D$21=1,L85*Input!$C$21,0)+IF(Input!$D$22=1,M85*Input!$C$22,0)</f>
        <v>0.31664204515117172</v>
      </c>
      <c r="O85" s="59">
        <f>IF(Input!$D$19=2,J85*Input!$C$19,0)+IF(Input!$D$20=2,K85*Input!$C$20,0)+IF(Input!$D$21=2,L85*Input!$C$21,0)+IF(Input!$D$22=2,M85*Input!$C$22,0)</f>
        <v>0.79160511287792923</v>
      </c>
      <c r="P85" s="59">
        <f>IF(Input!$D$19=3,J85*Input!$C$19,0)+IF(Input!$D$20=3,K85*Input!$C$20,0)+IF(Input!$D$21=3,L85*Input!$C$21,0)+IF(Input!$D$22=3,M85*Input!$C$22,0)</f>
        <v>0</v>
      </c>
      <c r="Q85" s="75">
        <f>IF(Input!$D$19=4,J85*Input!$C$19,0)+IF(Input!$D$20=4,K85*Input!$C$20,0)+IF(Input!$D$21=4,L85*Input!$C$21,0)+IF(Input!$D$22=4,M85*Input!$C$22,0)</f>
        <v>0</v>
      </c>
      <c r="R85" s="58">
        <v>54.989352306376702</v>
      </c>
      <c r="S85" s="124">
        <f t="shared" si="1"/>
        <v>1.3721155289884108</v>
      </c>
    </row>
    <row r="86" spans="2:19" x14ac:dyDescent="0.3">
      <c r="B86" s="44">
        <v>79</v>
      </c>
      <c r="C86" s="56">
        <f>Jesper!AM80</f>
        <v>8.180027464827571</v>
      </c>
      <c r="D86" s="59">
        <f>Jesper!AN80</f>
        <v>27.266758216091905</v>
      </c>
      <c r="E86" s="59">
        <f>Jesper!AO80</f>
        <v>40.900137324137852</v>
      </c>
      <c r="F86" s="59">
        <f>Jesper!AP80</f>
        <v>196.3206591558617</v>
      </c>
      <c r="G86" s="58">
        <f>Jesper!AQ80</f>
        <v>0</v>
      </c>
      <c r="H86" s="44">
        <v>79</v>
      </c>
      <c r="I86" s="56">
        <f>Bühler!I112</f>
        <v>0.3657761556056639</v>
      </c>
      <c r="J86" s="59">
        <f>Bühler!J112</f>
        <v>1.2192538520188798</v>
      </c>
      <c r="K86" s="59">
        <f>Bühler!K112</f>
        <v>1.8288807780283196</v>
      </c>
      <c r="L86" s="59">
        <f>Bühler!L112</f>
        <v>8.7786277345359345</v>
      </c>
      <c r="M86" s="58">
        <f>Bühler!M112</f>
        <v>0</v>
      </c>
      <c r="N86" s="56">
        <f>IF(Input!$D$19=1,J86*Input!$C$19,0)+IF(Input!$D$20=1,K86*Input!$C$20,0)+IF(Input!$D$21=1,L86*Input!$C$21,0)+IF(Input!$D$22=1,M86*Input!$C$22,0)</f>
        <v>0.36577615560566396</v>
      </c>
      <c r="O86" s="59">
        <f>IF(Input!$D$19=2,J86*Input!$C$19,0)+IF(Input!$D$20=2,K86*Input!$C$20,0)+IF(Input!$D$21=2,L86*Input!$C$21,0)+IF(Input!$D$22=2,M86*Input!$C$22,0)</f>
        <v>0.9144403890141598</v>
      </c>
      <c r="P86" s="59">
        <f>IF(Input!$D$19=3,J86*Input!$C$19,0)+IF(Input!$D$20=3,K86*Input!$C$20,0)+IF(Input!$D$21=3,L86*Input!$C$21,0)+IF(Input!$D$22=3,M86*Input!$C$22,0)</f>
        <v>0</v>
      </c>
      <c r="Q86" s="75">
        <f>IF(Input!$D$19=4,J86*Input!$C$19,0)+IF(Input!$D$20=4,K86*Input!$C$20,0)+IF(Input!$D$21=4,L86*Input!$C$21,0)+IF(Input!$D$22=4,M86*Input!$C$22,0)</f>
        <v>0</v>
      </c>
      <c r="R86" s="58">
        <v>57.285464806652556</v>
      </c>
      <c r="S86" s="124">
        <f t="shared" si="1"/>
        <v>1.5850300076245438</v>
      </c>
    </row>
    <row r="87" spans="2:19" x14ac:dyDescent="0.3">
      <c r="B87" s="44">
        <v>80</v>
      </c>
      <c r="C87" s="56">
        <f>Jesper!AM81</f>
        <v>8.3800005351728171</v>
      </c>
      <c r="D87" s="59">
        <f>Jesper!AN81</f>
        <v>27.933335117242724</v>
      </c>
      <c r="E87" s="59">
        <f>Jesper!AO81</f>
        <v>41.90000267586408</v>
      </c>
      <c r="F87" s="59">
        <f>Jesper!AP81</f>
        <v>201.1200128441476</v>
      </c>
      <c r="G87" s="58">
        <f>Jesper!AQ81</f>
        <v>0</v>
      </c>
      <c r="H87" s="44">
        <v>80</v>
      </c>
      <c r="I87" s="56">
        <f>Bühler!I113</f>
        <v>0.3657761556056639</v>
      </c>
      <c r="J87" s="59">
        <f>Bühler!J113</f>
        <v>1.2192538520188798</v>
      </c>
      <c r="K87" s="59">
        <f>Bühler!K113</f>
        <v>1.8288807780283196</v>
      </c>
      <c r="L87" s="59">
        <f>Bühler!L113</f>
        <v>8.7786277345359345</v>
      </c>
      <c r="M87" s="58">
        <f>Bühler!M113</f>
        <v>0</v>
      </c>
      <c r="N87" s="56">
        <f>IF(Input!$D$19=1,J87*Input!$C$19,0)+IF(Input!$D$20=1,K87*Input!$C$20,0)+IF(Input!$D$21=1,L87*Input!$C$21,0)+IF(Input!$D$22=1,M87*Input!$C$22,0)</f>
        <v>0.36577615560566396</v>
      </c>
      <c r="O87" s="59">
        <f>IF(Input!$D$19=2,J87*Input!$C$19,0)+IF(Input!$D$20=2,K87*Input!$C$20,0)+IF(Input!$D$21=2,L87*Input!$C$21,0)+IF(Input!$D$22=2,M87*Input!$C$22,0)</f>
        <v>0.9144403890141598</v>
      </c>
      <c r="P87" s="59">
        <f>IF(Input!$D$19=3,J87*Input!$C$19,0)+IF(Input!$D$20=3,K87*Input!$C$20,0)+IF(Input!$D$21=3,L87*Input!$C$21,0)+IF(Input!$D$22=3,M87*Input!$C$22,0)</f>
        <v>0</v>
      </c>
      <c r="Q87" s="75">
        <f>IF(Input!$D$19=4,J87*Input!$C$19,0)+IF(Input!$D$20=4,K87*Input!$C$20,0)+IF(Input!$D$21=4,L87*Input!$C$21,0)+IF(Input!$D$22=4,M87*Input!$C$22,0)</f>
        <v>0</v>
      </c>
      <c r="R87" s="58">
        <v>57.899793016338975</v>
      </c>
      <c r="S87" s="124">
        <f t="shared" si="1"/>
        <v>1.5850300076245438</v>
      </c>
    </row>
    <row r="88" spans="2:19" x14ac:dyDescent="0.3">
      <c r="B88" s="44">
        <v>81</v>
      </c>
      <c r="C88" s="56">
        <f>Jesper!AM82</f>
        <v>8.4893452992113172</v>
      </c>
      <c r="D88" s="59">
        <f>Jesper!AN82</f>
        <v>28.297817664037723</v>
      </c>
      <c r="E88" s="59">
        <f>Jesper!AO82</f>
        <v>42.446726496056584</v>
      </c>
      <c r="F88" s="59">
        <f>Jesper!AP82</f>
        <v>203.7442871810716</v>
      </c>
      <c r="G88" s="58">
        <f>Jesper!AQ82</f>
        <v>0</v>
      </c>
      <c r="H88" s="44">
        <v>81</v>
      </c>
      <c r="I88" s="56">
        <f>Bühler!I114</f>
        <v>0.3657761556056639</v>
      </c>
      <c r="J88" s="59">
        <f>Bühler!J114</f>
        <v>1.2192538520188798</v>
      </c>
      <c r="K88" s="59">
        <f>Bühler!K114</f>
        <v>1.8288807780283196</v>
      </c>
      <c r="L88" s="59">
        <f>Bühler!L114</f>
        <v>8.7786277345359345</v>
      </c>
      <c r="M88" s="58">
        <f>Bühler!M114</f>
        <v>0</v>
      </c>
      <c r="N88" s="56">
        <f>IF(Input!$D$19=1,J88*Input!$C$19,0)+IF(Input!$D$20=1,K88*Input!$C$20,0)+IF(Input!$D$21=1,L88*Input!$C$21,0)+IF(Input!$D$22=1,M88*Input!$C$22,0)</f>
        <v>0.36577615560566396</v>
      </c>
      <c r="O88" s="59">
        <f>IF(Input!$D$19=2,J88*Input!$C$19,0)+IF(Input!$D$20=2,K88*Input!$C$20,0)+IF(Input!$D$21=2,L88*Input!$C$21,0)+IF(Input!$D$22=2,M88*Input!$C$22,0)</f>
        <v>0.9144403890141598</v>
      </c>
      <c r="P88" s="59">
        <f>IF(Input!$D$19=3,J88*Input!$C$19,0)+IF(Input!$D$20=3,K88*Input!$C$20,0)+IF(Input!$D$21=3,L88*Input!$C$21,0)+IF(Input!$D$22=3,M88*Input!$C$22,0)</f>
        <v>0</v>
      </c>
      <c r="Q88" s="75">
        <f>IF(Input!$D$19=4,J88*Input!$C$19,0)+IF(Input!$D$20=4,K88*Input!$C$20,0)+IF(Input!$D$21=4,L88*Input!$C$21,0)+IF(Input!$D$22=4,M88*Input!$C$22,0)</f>
        <v>0</v>
      </c>
      <c r="R88" s="58">
        <v>57.870831228598043</v>
      </c>
      <c r="S88" s="124">
        <f t="shared" si="1"/>
        <v>1.5850300076245438</v>
      </c>
    </row>
    <row r="89" spans="2:19" x14ac:dyDescent="0.3">
      <c r="B89" s="44">
        <v>82</v>
      </c>
      <c r="C89" s="56">
        <f>Jesper!AM83</f>
        <v>8.3678511169463157</v>
      </c>
      <c r="D89" s="59">
        <f>Jesper!AN83</f>
        <v>27.892837056487721</v>
      </c>
      <c r="E89" s="59">
        <f>Jesper!AO83</f>
        <v>41.839255584731575</v>
      </c>
      <c r="F89" s="59">
        <f>Jesper!AP83</f>
        <v>200.82842680671158</v>
      </c>
      <c r="G89" s="58">
        <f>Jesper!AQ83</f>
        <v>0</v>
      </c>
      <c r="H89" s="44">
        <v>82</v>
      </c>
      <c r="I89" s="56">
        <f>Bühler!I115</f>
        <v>0.39307288363593734</v>
      </c>
      <c r="J89" s="59">
        <f>Bühler!J115</f>
        <v>1.3102429454531246</v>
      </c>
      <c r="K89" s="59">
        <f>Bühler!K115</f>
        <v>1.9653644181796868</v>
      </c>
      <c r="L89" s="59">
        <f>Bühler!L115</f>
        <v>9.4337492072624958</v>
      </c>
      <c r="M89" s="58">
        <f>Bühler!M115</f>
        <v>0</v>
      </c>
      <c r="N89" s="56">
        <f>IF(Input!$D$19=1,J89*Input!$C$19,0)+IF(Input!$D$20=1,K89*Input!$C$20,0)+IF(Input!$D$21=1,L89*Input!$C$21,0)+IF(Input!$D$22=1,M89*Input!$C$22,0)</f>
        <v>0.39307288363593734</v>
      </c>
      <c r="O89" s="59">
        <f>IF(Input!$D$19=2,J89*Input!$C$19,0)+IF(Input!$D$20=2,K89*Input!$C$20,0)+IF(Input!$D$21=2,L89*Input!$C$21,0)+IF(Input!$D$22=2,M89*Input!$C$22,0)</f>
        <v>0.98268220908984338</v>
      </c>
      <c r="P89" s="59">
        <f>IF(Input!$D$19=3,J89*Input!$C$19,0)+IF(Input!$D$20=3,K89*Input!$C$20,0)+IF(Input!$D$21=3,L89*Input!$C$21,0)+IF(Input!$D$22=3,M89*Input!$C$22,0)</f>
        <v>0</v>
      </c>
      <c r="Q89" s="75">
        <f>IF(Input!$D$19=4,J89*Input!$C$19,0)+IF(Input!$D$20=4,K89*Input!$C$20,0)+IF(Input!$D$21=4,L89*Input!$C$21,0)+IF(Input!$D$22=4,M89*Input!$C$22,0)</f>
        <v>0</v>
      </c>
      <c r="R89" s="58">
        <v>56.882445749119299</v>
      </c>
      <c r="S89" s="124">
        <f t="shared" si="1"/>
        <v>1.703315829089062</v>
      </c>
    </row>
    <row r="90" spans="2:19" x14ac:dyDescent="0.3">
      <c r="B90" s="44">
        <v>83</v>
      </c>
      <c r="C90" s="56">
        <f>Jesper!AM84</f>
        <v>5.2085074444264103</v>
      </c>
      <c r="D90" s="59">
        <f>Jesper!AN84</f>
        <v>17.361691481421371</v>
      </c>
      <c r="E90" s="59">
        <f>Jesper!AO84</f>
        <v>26.042537222132058</v>
      </c>
      <c r="F90" s="59">
        <f>Jesper!AP84</f>
        <v>266.88225299203231</v>
      </c>
      <c r="G90" s="58">
        <f>Jesper!AQ84</f>
        <v>0</v>
      </c>
      <c r="H90" s="44">
        <v>83</v>
      </c>
      <c r="I90" s="56">
        <f>Bühler!I116</f>
        <v>0.42582895727226538</v>
      </c>
      <c r="J90" s="59">
        <f>Bühler!J116</f>
        <v>1.4194298575742181</v>
      </c>
      <c r="K90" s="59">
        <f>Bühler!K116</f>
        <v>2.1291447863613269</v>
      </c>
      <c r="L90" s="59">
        <f>Bühler!L116</f>
        <v>10.21989497453437</v>
      </c>
      <c r="M90" s="58">
        <f>Bühler!M116</f>
        <v>0</v>
      </c>
      <c r="N90" s="56">
        <f>IF(Input!$D$19=1,J90*Input!$C$19,0)+IF(Input!$D$20=1,K90*Input!$C$20,0)+IF(Input!$D$21=1,L90*Input!$C$21,0)+IF(Input!$D$22=1,M90*Input!$C$22,0)</f>
        <v>0.42582895727226544</v>
      </c>
      <c r="O90" s="59">
        <f>IF(Input!$D$19=2,J90*Input!$C$19,0)+IF(Input!$D$20=2,K90*Input!$C$20,0)+IF(Input!$D$21=2,L90*Input!$C$21,0)+IF(Input!$D$22=2,M90*Input!$C$22,0)</f>
        <v>1.0645723931806634</v>
      </c>
      <c r="P90" s="59">
        <f>IF(Input!$D$19=3,J90*Input!$C$19,0)+IF(Input!$D$20=3,K90*Input!$C$20,0)+IF(Input!$D$21=3,L90*Input!$C$21,0)+IF(Input!$D$22=3,M90*Input!$C$22,0)</f>
        <v>0</v>
      </c>
      <c r="Q90" s="75">
        <f>IF(Input!$D$19=4,J90*Input!$C$19,0)+IF(Input!$D$20=4,K90*Input!$C$20,0)+IF(Input!$D$21=4,L90*Input!$C$21,0)+IF(Input!$D$22=4,M90*Input!$C$22,0)</f>
        <v>0</v>
      </c>
      <c r="R90" s="58">
        <v>56.116924582904652</v>
      </c>
      <c r="S90" s="124">
        <f t="shared" si="1"/>
        <v>1.8452588148464835</v>
      </c>
    </row>
    <row r="91" spans="2:19" x14ac:dyDescent="0.3">
      <c r="B91" s="44">
        <v>84</v>
      </c>
      <c r="C91" s="56">
        <f>Jesper!AM85</f>
        <v>5.6507644200270351</v>
      </c>
      <c r="D91" s="59">
        <f>Jesper!AN85</f>
        <v>18.83588140009012</v>
      </c>
      <c r="E91" s="59">
        <f>Jesper!AO85</f>
        <v>28.253822100135178</v>
      </c>
      <c r="F91" s="59">
        <f>Jesper!AP85</f>
        <v>276.85789994953302</v>
      </c>
      <c r="G91" s="58">
        <f>Jesper!AQ85</f>
        <v>0</v>
      </c>
      <c r="H91" s="44">
        <v>84</v>
      </c>
      <c r="I91" s="56">
        <f>Bühler!I117</f>
        <v>0.49134110454492164</v>
      </c>
      <c r="J91" s="59">
        <f>Bühler!J117</f>
        <v>1.6378036818164057</v>
      </c>
      <c r="K91" s="59">
        <f>Bühler!K117</f>
        <v>2.4567055227246084</v>
      </c>
      <c r="L91" s="59">
        <f>Bühler!L117</f>
        <v>11.792186509078119</v>
      </c>
      <c r="M91" s="58">
        <f>Bühler!M117</f>
        <v>0</v>
      </c>
      <c r="N91" s="56">
        <f>IF(Input!$D$19=1,J91*Input!$C$19,0)+IF(Input!$D$20=1,K91*Input!$C$20,0)+IF(Input!$D$21=1,L91*Input!$C$21,0)+IF(Input!$D$22=1,M91*Input!$C$22,0)</f>
        <v>0.49134110454492169</v>
      </c>
      <c r="O91" s="59">
        <f>IF(Input!$D$19=2,J91*Input!$C$19,0)+IF(Input!$D$20=2,K91*Input!$C$20,0)+IF(Input!$D$21=2,L91*Input!$C$21,0)+IF(Input!$D$22=2,M91*Input!$C$22,0)</f>
        <v>1.2283527613623042</v>
      </c>
      <c r="P91" s="59">
        <f>IF(Input!$D$19=3,J91*Input!$C$19,0)+IF(Input!$D$20=3,K91*Input!$C$20,0)+IF(Input!$D$21=3,L91*Input!$C$21,0)+IF(Input!$D$22=3,M91*Input!$C$22,0)</f>
        <v>0</v>
      </c>
      <c r="Q91" s="75">
        <f>IF(Input!$D$19=4,J91*Input!$C$19,0)+IF(Input!$D$20=4,K91*Input!$C$20,0)+IF(Input!$D$21=4,L91*Input!$C$21,0)+IF(Input!$D$22=4,M91*Input!$C$22,0)</f>
        <v>0</v>
      </c>
      <c r="R91" s="58">
        <v>55.746223714597051</v>
      </c>
      <c r="S91" s="124">
        <f t="shared" si="1"/>
        <v>2.1291447863613273</v>
      </c>
    </row>
    <row r="92" spans="2:19" x14ac:dyDescent="0.3">
      <c r="B92" s="44">
        <v>85</v>
      </c>
      <c r="C92" s="56">
        <f>Jesper!AM86</f>
        <v>8.7323336637413114</v>
      </c>
      <c r="D92" s="59">
        <f>Jesper!AN86</f>
        <v>29.107778879137705</v>
      </c>
      <c r="E92" s="59">
        <f>Jesper!AO86</f>
        <v>43.661668318706553</v>
      </c>
      <c r="F92" s="59">
        <f>Jesper!AP86</f>
        <v>209.57600792979144</v>
      </c>
      <c r="G92" s="58">
        <f>Jesper!AQ86</f>
        <v>0</v>
      </c>
      <c r="H92" s="44">
        <v>85</v>
      </c>
      <c r="I92" s="56">
        <f>Bühler!I118</f>
        <v>0.49134110454492164</v>
      </c>
      <c r="J92" s="59">
        <f>Bühler!J118</f>
        <v>1.6378036818164057</v>
      </c>
      <c r="K92" s="59">
        <f>Bühler!K118</f>
        <v>2.4567055227246084</v>
      </c>
      <c r="L92" s="59">
        <f>Bühler!L118</f>
        <v>11.792186509078119</v>
      </c>
      <c r="M92" s="58">
        <f>Bühler!M118</f>
        <v>0</v>
      </c>
      <c r="N92" s="56">
        <f>IF(Input!$D$19=1,J92*Input!$C$19,0)+IF(Input!$D$20=1,K92*Input!$C$20,0)+IF(Input!$D$21=1,L92*Input!$C$21,0)+IF(Input!$D$22=1,M92*Input!$C$22,0)</f>
        <v>0.49134110454492169</v>
      </c>
      <c r="O92" s="59">
        <f>IF(Input!$D$19=2,J92*Input!$C$19,0)+IF(Input!$D$20=2,K92*Input!$C$20,0)+IF(Input!$D$21=2,L92*Input!$C$21,0)+IF(Input!$D$22=2,M92*Input!$C$22,0)</f>
        <v>1.2283527613623042</v>
      </c>
      <c r="P92" s="59">
        <f>IF(Input!$D$19=3,J92*Input!$C$19,0)+IF(Input!$D$20=3,K92*Input!$C$20,0)+IF(Input!$D$21=3,L92*Input!$C$21,0)+IF(Input!$D$22=3,M92*Input!$C$22,0)</f>
        <v>0</v>
      </c>
      <c r="Q92" s="75">
        <f>IF(Input!$D$19=4,J92*Input!$C$19,0)+IF(Input!$D$20=4,K92*Input!$C$20,0)+IF(Input!$D$21=4,L92*Input!$C$21,0)+IF(Input!$D$22=4,M92*Input!$C$22,0)</f>
        <v>0</v>
      </c>
      <c r="R92" s="58">
        <v>53.122779113240796</v>
      </c>
      <c r="S92" s="124">
        <f t="shared" si="1"/>
        <v>2.1291447863613273</v>
      </c>
    </row>
    <row r="93" spans="2:19" x14ac:dyDescent="0.3">
      <c r="B93" s="44">
        <v>86</v>
      </c>
      <c r="C93" s="56">
        <f>Jesper!AM87</f>
        <v>8.8052301731003091</v>
      </c>
      <c r="D93" s="59">
        <f>Jesper!AN87</f>
        <v>29.350767243667697</v>
      </c>
      <c r="E93" s="59">
        <f>Jesper!AO87</f>
        <v>44.026150865501542</v>
      </c>
      <c r="F93" s="59">
        <f>Jesper!AP87</f>
        <v>211.32552415440739</v>
      </c>
      <c r="G93" s="58">
        <f>Jesper!AQ87</f>
        <v>0</v>
      </c>
      <c r="H93" s="44">
        <v>86</v>
      </c>
      <c r="I93" s="56">
        <f>Bühler!I119</f>
        <v>0.49134110454492164</v>
      </c>
      <c r="J93" s="59">
        <f>Bühler!J119</f>
        <v>1.6378036818164057</v>
      </c>
      <c r="K93" s="59">
        <f>Bühler!K119</f>
        <v>2.4567055227246084</v>
      </c>
      <c r="L93" s="59">
        <f>Bühler!L119</f>
        <v>11.792186509078119</v>
      </c>
      <c r="M93" s="58">
        <f>Bühler!M119</f>
        <v>0</v>
      </c>
      <c r="N93" s="56">
        <f>IF(Input!$D$19=1,J93*Input!$C$19,0)+IF(Input!$D$20=1,K93*Input!$C$20,0)+IF(Input!$D$21=1,L93*Input!$C$21,0)+IF(Input!$D$22=1,M93*Input!$C$22,0)</f>
        <v>0.49134110454492169</v>
      </c>
      <c r="O93" s="59">
        <f>IF(Input!$D$19=2,J93*Input!$C$19,0)+IF(Input!$D$20=2,K93*Input!$C$20,0)+IF(Input!$D$21=2,L93*Input!$C$21,0)+IF(Input!$D$22=2,M93*Input!$C$22,0)</f>
        <v>1.2283527613623042</v>
      </c>
      <c r="P93" s="59">
        <f>IF(Input!$D$19=3,J93*Input!$C$19,0)+IF(Input!$D$20=3,K93*Input!$C$20,0)+IF(Input!$D$21=3,L93*Input!$C$21,0)+IF(Input!$D$22=3,M93*Input!$C$22,0)</f>
        <v>0</v>
      </c>
      <c r="Q93" s="75">
        <f>IF(Input!$D$19=4,J93*Input!$C$19,0)+IF(Input!$D$20=4,K93*Input!$C$20,0)+IF(Input!$D$21=4,L93*Input!$C$21,0)+IF(Input!$D$22=4,M93*Input!$C$22,0)</f>
        <v>0</v>
      </c>
      <c r="R93" s="58">
        <v>51.39508642896952</v>
      </c>
      <c r="S93" s="124">
        <f t="shared" si="1"/>
        <v>2.1291447863613273</v>
      </c>
    </row>
    <row r="94" spans="2:19" x14ac:dyDescent="0.3">
      <c r="B94" s="44">
        <v>87</v>
      </c>
      <c r="C94" s="56">
        <f>Jesper!AM88</f>
        <v>8.9388737735918067</v>
      </c>
      <c r="D94" s="59">
        <f>Jesper!AN88</f>
        <v>29.79624591197269</v>
      </c>
      <c r="E94" s="59">
        <f>Jesper!AO88</f>
        <v>44.694368867959028</v>
      </c>
      <c r="F94" s="59">
        <f>Jesper!AP88</f>
        <v>214.53297056620335</v>
      </c>
      <c r="G94" s="58">
        <f>Jesper!AQ88</f>
        <v>0</v>
      </c>
      <c r="H94" s="44">
        <v>87</v>
      </c>
      <c r="I94" s="56">
        <f>Bühler!I120</f>
        <v>0.49134110454492164</v>
      </c>
      <c r="J94" s="59">
        <f>Bühler!J120</f>
        <v>1.6378036818164057</v>
      </c>
      <c r="K94" s="59">
        <f>Bühler!K120</f>
        <v>2.4567055227246084</v>
      </c>
      <c r="L94" s="59">
        <f>Bühler!L120</f>
        <v>11.792186509078119</v>
      </c>
      <c r="M94" s="58">
        <f>Bühler!M120</f>
        <v>0</v>
      </c>
      <c r="N94" s="56">
        <f>IF(Input!$D$19=1,J94*Input!$C$19,0)+IF(Input!$D$20=1,K94*Input!$C$20,0)+IF(Input!$D$21=1,L94*Input!$C$21,0)+IF(Input!$D$22=1,M94*Input!$C$22,0)</f>
        <v>0.49134110454492169</v>
      </c>
      <c r="O94" s="59">
        <f>IF(Input!$D$19=2,J94*Input!$C$19,0)+IF(Input!$D$20=2,K94*Input!$C$20,0)+IF(Input!$D$21=2,L94*Input!$C$21,0)+IF(Input!$D$22=2,M94*Input!$C$22,0)</f>
        <v>1.2283527613623042</v>
      </c>
      <c r="P94" s="59">
        <f>IF(Input!$D$19=3,J94*Input!$C$19,0)+IF(Input!$D$20=3,K94*Input!$C$20,0)+IF(Input!$D$21=3,L94*Input!$C$21,0)+IF(Input!$D$22=3,M94*Input!$C$22,0)</f>
        <v>0</v>
      </c>
      <c r="Q94" s="75">
        <f>IF(Input!$D$19=4,J94*Input!$C$19,0)+IF(Input!$D$20=4,K94*Input!$C$20,0)+IF(Input!$D$21=4,L94*Input!$C$21,0)+IF(Input!$D$22=4,M94*Input!$C$22,0)</f>
        <v>0</v>
      </c>
      <c r="R94" s="58">
        <v>50.044586526020488</v>
      </c>
      <c r="S94" s="124">
        <f t="shared" si="1"/>
        <v>2.1291447863613273</v>
      </c>
    </row>
    <row r="95" spans="2:19" x14ac:dyDescent="0.3">
      <c r="B95" s="44">
        <v>88</v>
      </c>
      <c r="C95" s="56">
        <f>Jesper!AM89</f>
        <v>8.8902761006858082</v>
      </c>
      <c r="D95" s="59">
        <f>Jesper!AN89</f>
        <v>29.634253668952695</v>
      </c>
      <c r="E95" s="59">
        <f>Jesper!AO89</f>
        <v>44.451380503429036</v>
      </c>
      <c r="F95" s="59">
        <f>Jesper!AP89</f>
        <v>213.36662641645938</v>
      </c>
      <c r="G95" s="58">
        <f>Jesper!AQ89</f>
        <v>0</v>
      </c>
      <c r="H95" s="44">
        <v>88</v>
      </c>
      <c r="I95" s="56">
        <f>Bühler!I121</f>
        <v>0.49134110454492164</v>
      </c>
      <c r="J95" s="59">
        <f>Bühler!J121</f>
        <v>1.6378036818164057</v>
      </c>
      <c r="K95" s="59">
        <f>Bühler!K121</f>
        <v>2.4567055227246084</v>
      </c>
      <c r="L95" s="59">
        <f>Bühler!L121</f>
        <v>11.792186509078119</v>
      </c>
      <c r="M95" s="58">
        <f>Bühler!M121</f>
        <v>0</v>
      </c>
      <c r="N95" s="56">
        <f>IF(Input!$D$19=1,J95*Input!$C$19,0)+IF(Input!$D$20=1,K95*Input!$C$20,0)+IF(Input!$D$21=1,L95*Input!$C$21,0)+IF(Input!$D$22=1,M95*Input!$C$22,0)</f>
        <v>0.49134110454492169</v>
      </c>
      <c r="O95" s="59">
        <f>IF(Input!$D$19=2,J95*Input!$C$19,0)+IF(Input!$D$20=2,K95*Input!$C$20,0)+IF(Input!$D$21=2,L95*Input!$C$21,0)+IF(Input!$D$22=2,M95*Input!$C$22,0)</f>
        <v>1.2283527613623042</v>
      </c>
      <c r="P95" s="59">
        <f>IF(Input!$D$19=3,J95*Input!$C$19,0)+IF(Input!$D$20=3,K95*Input!$C$20,0)+IF(Input!$D$21=3,L95*Input!$C$21,0)+IF(Input!$D$22=3,M95*Input!$C$22,0)</f>
        <v>0</v>
      </c>
      <c r="Q95" s="75">
        <f>IF(Input!$D$19=4,J95*Input!$C$19,0)+IF(Input!$D$20=4,K95*Input!$C$20,0)+IF(Input!$D$21=4,L95*Input!$C$21,0)+IF(Input!$D$22=4,M95*Input!$C$22,0)</f>
        <v>0</v>
      </c>
      <c r="R95" s="58">
        <v>48.235694776729744</v>
      </c>
      <c r="S95" s="124">
        <f t="shared" si="1"/>
        <v>2.1291447863613273</v>
      </c>
    </row>
    <row r="96" spans="2:19" x14ac:dyDescent="0.3">
      <c r="B96" s="44">
        <v>89</v>
      </c>
      <c r="C96" s="56">
        <f>Jesper!AM90</f>
        <v>8.8173795913268105</v>
      </c>
      <c r="D96" s="59">
        <f>Jesper!AN90</f>
        <v>29.391265304422703</v>
      </c>
      <c r="E96" s="59">
        <f>Jesper!AO90</f>
        <v>44.086897956634047</v>
      </c>
      <c r="F96" s="59">
        <f>Jesper!AP90</f>
        <v>211.61711019184344</v>
      </c>
      <c r="G96" s="58">
        <f>Jesper!AQ90</f>
        <v>0</v>
      </c>
      <c r="H96" s="44">
        <v>89</v>
      </c>
      <c r="I96" s="56">
        <f>Bühler!I122</f>
        <v>0.49134110454492164</v>
      </c>
      <c r="J96" s="59">
        <f>Bühler!J122</f>
        <v>1.6378036818164057</v>
      </c>
      <c r="K96" s="59">
        <f>Bühler!K122</f>
        <v>2.4567055227246084</v>
      </c>
      <c r="L96" s="59">
        <f>Bühler!L122</f>
        <v>11.792186509078119</v>
      </c>
      <c r="M96" s="58">
        <f>Bühler!M122</f>
        <v>0</v>
      </c>
      <c r="N96" s="56">
        <f>IF(Input!$D$19=1,J96*Input!$C$19,0)+IF(Input!$D$20=1,K96*Input!$C$20,0)+IF(Input!$D$21=1,L96*Input!$C$21,0)+IF(Input!$D$22=1,M96*Input!$C$22,0)</f>
        <v>0.49134110454492169</v>
      </c>
      <c r="O96" s="59">
        <f>IF(Input!$D$19=2,J96*Input!$C$19,0)+IF(Input!$D$20=2,K96*Input!$C$20,0)+IF(Input!$D$21=2,L96*Input!$C$21,0)+IF(Input!$D$22=2,M96*Input!$C$22,0)</f>
        <v>1.2283527613623042</v>
      </c>
      <c r="P96" s="59">
        <f>IF(Input!$D$19=3,J96*Input!$C$19,0)+IF(Input!$D$20=3,K96*Input!$C$20,0)+IF(Input!$D$21=3,L96*Input!$C$21,0)+IF(Input!$D$22=3,M96*Input!$C$22,0)</f>
        <v>0</v>
      </c>
      <c r="Q96" s="75">
        <f>IF(Input!$D$19=4,J96*Input!$C$19,0)+IF(Input!$D$20=4,K96*Input!$C$20,0)+IF(Input!$D$21=4,L96*Input!$C$21,0)+IF(Input!$D$22=4,M96*Input!$C$22,0)</f>
        <v>0</v>
      </c>
      <c r="R96" s="58">
        <v>45.910511357856201</v>
      </c>
      <c r="S96" s="124">
        <f t="shared" si="1"/>
        <v>2.1291447863613273</v>
      </c>
    </row>
    <row r="97" spans="2:19" x14ac:dyDescent="0.3">
      <c r="B97" s="44">
        <v>90</v>
      </c>
      <c r="C97" s="56">
        <f>Jesper!AM91</f>
        <v>5.4738616297867839</v>
      </c>
      <c r="D97" s="59">
        <f>Jesper!AN91</f>
        <v>18.246205432622617</v>
      </c>
      <c r="E97" s="59">
        <f>Jesper!AO91</f>
        <v>27.369308148933925</v>
      </c>
      <c r="F97" s="59">
        <f>Jesper!AP91</f>
        <v>272.86764116653274</v>
      </c>
      <c r="G97" s="58">
        <f>Jesper!AQ91</f>
        <v>0</v>
      </c>
      <c r="H97" s="44">
        <v>90</v>
      </c>
      <c r="I97" s="56">
        <f>Bühler!I123</f>
        <v>0.49134110454492164</v>
      </c>
      <c r="J97" s="59">
        <f>Bühler!J123</f>
        <v>1.6378036818164057</v>
      </c>
      <c r="K97" s="59">
        <f>Bühler!K123</f>
        <v>2.4567055227246084</v>
      </c>
      <c r="L97" s="59">
        <f>Bühler!L123</f>
        <v>11.792186509078119</v>
      </c>
      <c r="M97" s="58">
        <f>Bühler!M123</f>
        <v>0</v>
      </c>
      <c r="N97" s="56">
        <f>IF(Input!$D$19=1,J97*Input!$C$19,0)+IF(Input!$D$20=1,K97*Input!$C$20,0)+IF(Input!$D$21=1,L97*Input!$C$21,0)+IF(Input!$D$22=1,M97*Input!$C$22,0)</f>
        <v>0.49134110454492169</v>
      </c>
      <c r="O97" s="59">
        <f>IF(Input!$D$19=2,J97*Input!$C$19,0)+IF(Input!$D$20=2,K97*Input!$C$20,0)+IF(Input!$D$21=2,L97*Input!$C$21,0)+IF(Input!$D$22=2,M97*Input!$C$22,0)</f>
        <v>1.2283527613623042</v>
      </c>
      <c r="P97" s="59">
        <f>IF(Input!$D$19=3,J97*Input!$C$19,0)+IF(Input!$D$20=3,K97*Input!$C$20,0)+IF(Input!$D$21=3,L97*Input!$C$21,0)+IF(Input!$D$22=3,M97*Input!$C$22,0)</f>
        <v>0</v>
      </c>
      <c r="Q97" s="75">
        <f>IF(Input!$D$19=4,J97*Input!$C$19,0)+IF(Input!$D$20=4,K97*Input!$C$20,0)+IF(Input!$D$21=4,L97*Input!$C$21,0)+IF(Input!$D$22=4,M97*Input!$C$22,0)</f>
        <v>0</v>
      </c>
      <c r="R97" s="58">
        <v>43.4914860720544</v>
      </c>
      <c r="S97" s="124">
        <f t="shared" si="1"/>
        <v>2.1291447863613273</v>
      </c>
    </row>
    <row r="98" spans="2:19" x14ac:dyDescent="0.3">
      <c r="B98" s="44">
        <v>91</v>
      </c>
      <c r="C98" s="56">
        <f>Jesper!AM92</f>
        <v>5.2615782814984859</v>
      </c>
      <c r="D98" s="59">
        <f>Jesper!AN92</f>
        <v>17.538594271661623</v>
      </c>
      <c r="E98" s="59">
        <f>Jesper!AO92</f>
        <v>26.307891407492434</v>
      </c>
      <c r="F98" s="59">
        <f>Jesper!AP92</f>
        <v>268.0793306269324</v>
      </c>
      <c r="G98" s="58">
        <f>Jesper!AQ92</f>
        <v>0</v>
      </c>
      <c r="H98" s="44">
        <v>91</v>
      </c>
      <c r="I98" s="56">
        <f>Bühler!I124</f>
        <v>0.49134110454492164</v>
      </c>
      <c r="J98" s="59">
        <f>Bühler!J124</f>
        <v>1.6378036818164057</v>
      </c>
      <c r="K98" s="59">
        <f>Bühler!K124</f>
        <v>2.4567055227246084</v>
      </c>
      <c r="L98" s="59">
        <f>Bühler!L124</f>
        <v>11.792186509078119</v>
      </c>
      <c r="M98" s="58">
        <f>Bühler!M124</f>
        <v>0</v>
      </c>
      <c r="N98" s="56">
        <f>IF(Input!$D$19=1,J98*Input!$C$19,0)+IF(Input!$D$20=1,K98*Input!$C$20,0)+IF(Input!$D$21=1,L98*Input!$C$21,0)+IF(Input!$D$22=1,M98*Input!$C$22,0)</f>
        <v>0.49134110454492169</v>
      </c>
      <c r="O98" s="59">
        <f>IF(Input!$D$19=2,J98*Input!$C$19,0)+IF(Input!$D$20=2,K98*Input!$C$20,0)+IF(Input!$D$21=2,L98*Input!$C$21,0)+IF(Input!$D$22=2,M98*Input!$C$22,0)</f>
        <v>1.2283527613623042</v>
      </c>
      <c r="P98" s="59">
        <f>IF(Input!$D$19=3,J98*Input!$C$19,0)+IF(Input!$D$20=3,K98*Input!$C$20,0)+IF(Input!$D$21=3,L98*Input!$C$21,0)+IF(Input!$D$22=3,M98*Input!$C$22,0)</f>
        <v>0</v>
      </c>
      <c r="Q98" s="75">
        <f>IF(Input!$D$19=4,J98*Input!$C$19,0)+IF(Input!$D$20=4,K98*Input!$C$20,0)+IF(Input!$D$21=4,L98*Input!$C$21,0)+IF(Input!$D$22=4,M98*Input!$C$22,0)</f>
        <v>0</v>
      </c>
      <c r="R98" s="58">
        <v>40.324656359532078</v>
      </c>
      <c r="S98" s="124">
        <f t="shared" si="1"/>
        <v>2.1291447863613273</v>
      </c>
    </row>
    <row r="99" spans="2:19" x14ac:dyDescent="0.3">
      <c r="B99" s="44">
        <v>92</v>
      </c>
      <c r="C99" s="56">
        <f>Jesper!AM93</f>
        <v>8.319253444040319</v>
      </c>
      <c r="D99" s="59">
        <f>Jesper!AN93</f>
        <v>27.73084481346773</v>
      </c>
      <c r="E99" s="59">
        <f>Jesper!AO93</f>
        <v>41.59626722020159</v>
      </c>
      <c r="F99" s="59">
        <f>Jesper!AP93</f>
        <v>199.66208265696764</v>
      </c>
      <c r="G99" s="58">
        <f>Jesper!AQ93</f>
        <v>0</v>
      </c>
      <c r="H99" s="44">
        <v>92</v>
      </c>
      <c r="I99" s="56">
        <f>Bühler!I125</f>
        <v>0.40945092045410142</v>
      </c>
      <c r="J99" s="59">
        <f>Bühler!J125</f>
        <v>1.3648364015136716</v>
      </c>
      <c r="K99" s="59">
        <f>Bühler!K125</f>
        <v>2.0472546022705069</v>
      </c>
      <c r="L99" s="59">
        <f>Bühler!L125</f>
        <v>9.8268220908984336</v>
      </c>
      <c r="M99" s="58">
        <f>Bühler!M125</f>
        <v>0</v>
      </c>
      <c r="N99" s="56">
        <f>IF(Input!$D$19=1,J99*Input!$C$19,0)+IF(Input!$D$20=1,K99*Input!$C$20,0)+IF(Input!$D$21=1,L99*Input!$C$21,0)+IF(Input!$D$22=1,M99*Input!$C$22,0)</f>
        <v>0.40945092045410147</v>
      </c>
      <c r="O99" s="59">
        <f>IF(Input!$D$19=2,J99*Input!$C$19,0)+IF(Input!$D$20=2,K99*Input!$C$20,0)+IF(Input!$D$21=2,L99*Input!$C$21,0)+IF(Input!$D$22=2,M99*Input!$C$22,0)</f>
        <v>1.0236273011352535</v>
      </c>
      <c r="P99" s="59">
        <f>IF(Input!$D$19=3,J99*Input!$C$19,0)+IF(Input!$D$20=3,K99*Input!$C$20,0)+IF(Input!$D$21=3,L99*Input!$C$21,0)+IF(Input!$D$22=3,M99*Input!$C$22,0)</f>
        <v>0</v>
      </c>
      <c r="Q99" s="75">
        <f>IF(Input!$D$19=4,J99*Input!$C$19,0)+IF(Input!$D$20=4,K99*Input!$C$20,0)+IF(Input!$D$21=4,L99*Input!$C$21,0)+IF(Input!$D$22=4,M99*Input!$C$22,0)</f>
        <v>0</v>
      </c>
      <c r="R99" s="58">
        <v>38.721320404809553</v>
      </c>
      <c r="S99" s="124">
        <f t="shared" si="1"/>
        <v>1.7742873219677731</v>
      </c>
    </row>
    <row r="100" spans="2:19" x14ac:dyDescent="0.3">
      <c r="B100" s="44">
        <v>93</v>
      </c>
      <c r="C100" s="56">
        <f>Jesper!AM94</f>
        <v>8.124203677615041</v>
      </c>
      <c r="D100" s="59">
        <f>Jesper!AN94</f>
        <v>27.080678925383474</v>
      </c>
      <c r="E100" s="59">
        <f>Jesper!AO94</f>
        <v>40.621018388075207</v>
      </c>
      <c r="F100" s="59">
        <f>Jesper!AP94</f>
        <v>194.980888262761</v>
      </c>
      <c r="G100" s="58">
        <f>Jesper!AQ94</f>
        <v>0</v>
      </c>
      <c r="H100" s="44">
        <v>93</v>
      </c>
      <c r="I100" s="56">
        <f>Bühler!I126</f>
        <v>0.32756073636328109</v>
      </c>
      <c r="J100" s="59">
        <f>Bühler!J126</f>
        <v>1.091869121210937</v>
      </c>
      <c r="K100" s="59">
        <f>Bühler!K126</f>
        <v>1.6378036818164057</v>
      </c>
      <c r="L100" s="59">
        <f>Bühler!L126</f>
        <v>7.8614576727187471</v>
      </c>
      <c r="M100" s="58">
        <f>Bühler!M126</f>
        <v>0</v>
      </c>
      <c r="N100" s="56">
        <f>IF(Input!$D$19=1,J100*Input!$C$19,0)+IF(Input!$D$20=1,K100*Input!$C$20,0)+IF(Input!$D$21=1,L100*Input!$C$21,0)+IF(Input!$D$22=1,M100*Input!$C$22,0)</f>
        <v>0.32756073636328109</v>
      </c>
      <c r="O100" s="59">
        <f>IF(Input!$D$19=2,J100*Input!$C$19,0)+IF(Input!$D$20=2,K100*Input!$C$20,0)+IF(Input!$D$21=2,L100*Input!$C$21,0)+IF(Input!$D$22=2,M100*Input!$C$22,0)</f>
        <v>0.81890184090820284</v>
      </c>
      <c r="P100" s="59">
        <f>IF(Input!$D$19=3,J100*Input!$C$19,0)+IF(Input!$D$20=3,K100*Input!$C$20,0)+IF(Input!$D$21=3,L100*Input!$C$21,0)+IF(Input!$D$22=3,M100*Input!$C$22,0)</f>
        <v>0</v>
      </c>
      <c r="Q100" s="75">
        <f>IF(Input!$D$19=4,J100*Input!$C$19,0)+IF(Input!$D$20=4,K100*Input!$C$20,0)+IF(Input!$D$21=4,L100*Input!$C$21,0)+IF(Input!$D$22=4,M100*Input!$C$22,0)</f>
        <v>0</v>
      </c>
      <c r="R100" s="58">
        <v>38.442243756153239</v>
      </c>
      <c r="S100" s="124">
        <f t="shared" si="1"/>
        <v>1.4194298575742181</v>
      </c>
    </row>
    <row r="101" spans="2:19" x14ac:dyDescent="0.3">
      <c r="B101" s="44">
        <v>94</v>
      </c>
      <c r="C101" s="56">
        <f>Jesper!AM95</f>
        <v>8.0404679967962505</v>
      </c>
      <c r="D101" s="59">
        <f>Jesper!AN95</f>
        <v>26.801559989320836</v>
      </c>
      <c r="E101" s="59">
        <f>Jesper!AO95</f>
        <v>40.202339983981247</v>
      </c>
      <c r="F101" s="59">
        <f>Jesper!AP95</f>
        <v>192.97123192311</v>
      </c>
      <c r="G101" s="58">
        <f>Jesper!AQ95</f>
        <v>0</v>
      </c>
      <c r="H101" s="44">
        <v>94</v>
      </c>
      <c r="I101" s="56">
        <f>Bühler!I127</f>
        <v>0.24567055227246082</v>
      </c>
      <c r="J101" s="59">
        <f>Bühler!J127</f>
        <v>0.81890184090820284</v>
      </c>
      <c r="K101" s="59">
        <f>Bühler!K127</f>
        <v>1.2283527613623042</v>
      </c>
      <c r="L101" s="59">
        <f>Bühler!L127</f>
        <v>5.8960932545390596</v>
      </c>
      <c r="M101" s="58">
        <f>Bühler!M127</f>
        <v>0</v>
      </c>
      <c r="N101" s="56">
        <f>IF(Input!$D$19=1,J101*Input!$C$19,0)+IF(Input!$D$20=1,K101*Input!$C$20,0)+IF(Input!$D$21=1,L101*Input!$C$21,0)+IF(Input!$D$22=1,M101*Input!$C$22,0)</f>
        <v>0.24567055227246085</v>
      </c>
      <c r="O101" s="59">
        <f>IF(Input!$D$19=2,J101*Input!$C$19,0)+IF(Input!$D$20=2,K101*Input!$C$20,0)+IF(Input!$D$21=2,L101*Input!$C$21,0)+IF(Input!$D$22=2,M101*Input!$C$22,0)</f>
        <v>0.6141763806811521</v>
      </c>
      <c r="P101" s="59">
        <f>IF(Input!$D$19=3,J101*Input!$C$19,0)+IF(Input!$D$20=3,K101*Input!$C$20,0)+IF(Input!$D$21=3,L101*Input!$C$21,0)+IF(Input!$D$22=3,M101*Input!$C$22,0)</f>
        <v>0</v>
      </c>
      <c r="Q101" s="75">
        <f>IF(Input!$D$19=4,J101*Input!$C$19,0)+IF(Input!$D$20=4,K101*Input!$C$20,0)+IF(Input!$D$21=4,L101*Input!$C$21,0)+IF(Input!$D$22=4,M101*Input!$C$22,0)</f>
        <v>0</v>
      </c>
      <c r="R101" s="58">
        <v>37.747336981768008</v>
      </c>
      <c r="S101" s="124">
        <f t="shared" si="1"/>
        <v>1.0645723931806637</v>
      </c>
    </row>
    <row r="102" spans="2:19" x14ac:dyDescent="0.3">
      <c r="B102" s="44">
        <v>95</v>
      </c>
      <c r="C102" s="56">
        <f>Jesper!AM96</f>
        <v>7.9678970734199615</v>
      </c>
      <c r="D102" s="59">
        <f>Jesper!AN96</f>
        <v>26.559656911399873</v>
      </c>
      <c r="E102" s="59">
        <f>Jesper!AO96</f>
        <v>39.839485367099805</v>
      </c>
      <c r="F102" s="59">
        <f>Jesper!AP96</f>
        <v>191.22952976207907</v>
      </c>
      <c r="G102" s="58">
        <f>Jesper!AQ96</f>
        <v>0</v>
      </c>
      <c r="H102" s="44">
        <v>95</v>
      </c>
      <c r="I102" s="56">
        <f>Bühler!I128</f>
        <v>0.24567055227246082</v>
      </c>
      <c r="J102" s="59">
        <f>Bühler!J128</f>
        <v>0.81890184090820284</v>
      </c>
      <c r="K102" s="59">
        <f>Bühler!K128</f>
        <v>1.2283527613623042</v>
      </c>
      <c r="L102" s="59">
        <f>Bühler!L128</f>
        <v>5.8960932545390596</v>
      </c>
      <c r="M102" s="58">
        <f>Bühler!M128</f>
        <v>0</v>
      </c>
      <c r="N102" s="56">
        <f>IF(Input!$D$19=1,J102*Input!$C$19,0)+IF(Input!$D$20=1,K102*Input!$C$20,0)+IF(Input!$D$21=1,L102*Input!$C$21,0)+IF(Input!$D$22=1,M102*Input!$C$22,0)</f>
        <v>0.24567055227246085</v>
      </c>
      <c r="O102" s="59">
        <f>IF(Input!$D$19=2,J102*Input!$C$19,0)+IF(Input!$D$20=2,K102*Input!$C$20,0)+IF(Input!$D$21=2,L102*Input!$C$21,0)+IF(Input!$D$22=2,M102*Input!$C$22,0)</f>
        <v>0.6141763806811521</v>
      </c>
      <c r="P102" s="59">
        <f>IF(Input!$D$19=3,J102*Input!$C$19,0)+IF(Input!$D$20=3,K102*Input!$C$20,0)+IF(Input!$D$21=3,L102*Input!$C$21,0)+IF(Input!$D$22=3,M102*Input!$C$22,0)</f>
        <v>0</v>
      </c>
      <c r="Q102" s="75">
        <f>IF(Input!$D$19=4,J102*Input!$C$19,0)+IF(Input!$D$20=4,K102*Input!$C$20,0)+IF(Input!$D$21=4,L102*Input!$C$21,0)+IF(Input!$D$22=4,M102*Input!$C$22,0)</f>
        <v>0</v>
      </c>
      <c r="R102" s="58">
        <v>37.89252840804231</v>
      </c>
      <c r="S102" s="124">
        <f t="shared" si="1"/>
        <v>1.0645723931806637</v>
      </c>
    </row>
    <row r="103" spans="2:19" x14ac:dyDescent="0.3">
      <c r="B103" s="44">
        <v>96</v>
      </c>
      <c r="C103" s="56">
        <f>Jesper!AM97</f>
        <v>8.0851270265662727</v>
      </c>
      <c r="D103" s="59">
        <f>Jesper!AN97</f>
        <v>26.950423421887578</v>
      </c>
      <c r="E103" s="59">
        <f>Jesper!AO97</f>
        <v>40.42563513283136</v>
      </c>
      <c r="F103" s="59">
        <f>Jesper!AP97</f>
        <v>194.04304863759054</v>
      </c>
      <c r="G103" s="58">
        <f>Jesper!AQ97</f>
        <v>0</v>
      </c>
      <c r="H103" s="44">
        <v>96</v>
      </c>
      <c r="I103" s="56">
        <f>Bühler!I129</f>
        <v>0.24567055227246082</v>
      </c>
      <c r="J103" s="59">
        <f>Bühler!J129</f>
        <v>0.81890184090820284</v>
      </c>
      <c r="K103" s="59">
        <f>Bühler!K129</f>
        <v>1.2283527613623042</v>
      </c>
      <c r="L103" s="59">
        <f>Bühler!L129</f>
        <v>5.8960932545390596</v>
      </c>
      <c r="M103" s="58">
        <f>Bühler!M129</f>
        <v>0</v>
      </c>
      <c r="N103" s="56">
        <f>IF(Input!$D$19=1,J103*Input!$C$19,0)+IF(Input!$D$20=1,K103*Input!$C$20,0)+IF(Input!$D$21=1,L103*Input!$C$21,0)+IF(Input!$D$22=1,M103*Input!$C$22,0)</f>
        <v>0.24567055227246085</v>
      </c>
      <c r="O103" s="59">
        <f>IF(Input!$D$19=2,J103*Input!$C$19,0)+IF(Input!$D$20=2,K103*Input!$C$20,0)+IF(Input!$D$21=2,L103*Input!$C$21,0)+IF(Input!$D$22=2,M103*Input!$C$22,0)</f>
        <v>0.6141763806811521</v>
      </c>
      <c r="P103" s="59">
        <f>IF(Input!$D$19=3,J103*Input!$C$19,0)+IF(Input!$D$20=3,K103*Input!$C$20,0)+IF(Input!$D$21=3,L103*Input!$C$21,0)+IF(Input!$D$22=3,M103*Input!$C$22,0)</f>
        <v>0</v>
      </c>
      <c r="Q103" s="75">
        <f>IF(Input!$D$19=4,J103*Input!$C$19,0)+IF(Input!$D$20=4,K103*Input!$C$20,0)+IF(Input!$D$21=4,L103*Input!$C$21,0)+IF(Input!$D$22=4,M103*Input!$C$22,0)</f>
        <v>0</v>
      </c>
      <c r="R103" s="58">
        <v>37.545054230283888</v>
      </c>
      <c r="S103" s="124">
        <f t="shared" si="1"/>
        <v>1.0645723931806637</v>
      </c>
    </row>
    <row r="104" spans="2:19" x14ac:dyDescent="0.3">
      <c r="B104" s="44">
        <v>97</v>
      </c>
      <c r="C104" s="56">
        <f>Jesper!AM98</f>
        <v>4.6424185156576137</v>
      </c>
      <c r="D104" s="59">
        <f>Jesper!AN98</f>
        <v>15.474728385525381</v>
      </c>
      <c r="E104" s="59">
        <f>Jesper!AO98</f>
        <v>23.212092578288072</v>
      </c>
      <c r="F104" s="59">
        <f>Jesper!AP98</f>
        <v>254.11342488643137</v>
      </c>
      <c r="G104" s="58">
        <f>Jesper!AQ98</f>
        <v>0</v>
      </c>
      <c r="H104" s="44">
        <v>97</v>
      </c>
      <c r="I104" s="56">
        <f>Bühler!I130</f>
        <v>0.26755366258240498</v>
      </c>
      <c r="J104" s="59">
        <f>Bühler!J130</f>
        <v>0.89184554194135002</v>
      </c>
      <c r="K104" s="59">
        <f>Bühler!K130</f>
        <v>1.3377683129120248</v>
      </c>
      <c r="L104" s="59">
        <f>Bühler!L130</f>
        <v>6.4212879019777196</v>
      </c>
      <c r="M104" s="58">
        <f>Bühler!M130</f>
        <v>0</v>
      </c>
      <c r="N104" s="56">
        <f>IF(Input!$D$19=1,J104*Input!$C$19,0)+IF(Input!$D$20=1,K104*Input!$C$20,0)+IF(Input!$D$21=1,L104*Input!$C$21,0)+IF(Input!$D$22=1,M104*Input!$C$22,0)</f>
        <v>0.26755366258240498</v>
      </c>
      <c r="O104" s="59">
        <f>IF(Input!$D$19=2,J104*Input!$C$19,0)+IF(Input!$D$20=2,K104*Input!$C$20,0)+IF(Input!$D$21=2,L104*Input!$C$21,0)+IF(Input!$D$22=2,M104*Input!$C$22,0)</f>
        <v>0.6688841564560124</v>
      </c>
      <c r="P104" s="59">
        <f>IF(Input!$D$19=3,J104*Input!$C$19,0)+IF(Input!$D$20=3,K104*Input!$C$20,0)+IF(Input!$D$21=3,L104*Input!$C$21,0)+IF(Input!$D$22=3,M104*Input!$C$22,0)</f>
        <v>0</v>
      </c>
      <c r="Q104" s="75">
        <f>IF(Input!$D$19=4,J104*Input!$C$19,0)+IF(Input!$D$20=4,K104*Input!$C$20,0)+IF(Input!$D$21=4,L104*Input!$C$21,0)+IF(Input!$D$22=4,M104*Input!$C$22,0)</f>
        <v>0</v>
      </c>
      <c r="R104" s="58">
        <v>42.95596785601127</v>
      </c>
      <c r="S104" s="124">
        <f t="shared" si="1"/>
        <v>1.1593992045237549</v>
      </c>
    </row>
    <row r="105" spans="2:19" x14ac:dyDescent="0.3">
      <c r="B105" s="44">
        <v>98</v>
      </c>
      <c r="C105" s="56">
        <f>Jesper!AM99</f>
        <v>4.306303214201141</v>
      </c>
      <c r="D105" s="59">
        <f>Jesper!AN99</f>
        <v>14.354344047337138</v>
      </c>
      <c r="E105" s="59">
        <f>Jesper!AO99</f>
        <v>21.531516071005704</v>
      </c>
      <c r="F105" s="59">
        <f>Jesper!AP99</f>
        <v>246.53193319873077</v>
      </c>
      <c r="G105" s="58">
        <f>Jesper!AQ99</f>
        <v>0</v>
      </c>
      <c r="H105" s="44">
        <v>98</v>
      </c>
      <c r="I105" s="56">
        <f>Bühler!I131</f>
        <v>0.26755366258240498</v>
      </c>
      <c r="J105" s="59">
        <f>Bühler!J131</f>
        <v>0.89184554194135002</v>
      </c>
      <c r="K105" s="59">
        <f>Bühler!K131</f>
        <v>1.3377683129120248</v>
      </c>
      <c r="L105" s="59">
        <f>Bühler!L131</f>
        <v>6.4212879019777196</v>
      </c>
      <c r="M105" s="58">
        <f>Bühler!M131</f>
        <v>0</v>
      </c>
      <c r="N105" s="56">
        <f>IF(Input!$D$19=1,J105*Input!$C$19,0)+IF(Input!$D$20=1,K105*Input!$C$20,0)+IF(Input!$D$21=1,L105*Input!$C$21,0)+IF(Input!$D$22=1,M105*Input!$C$22,0)</f>
        <v>0.26755366258240498</v>
      </c>
      <c r="O105" s="59">
        <f>IF(Input!$D$19=2,J105*Input!$C$19,0)+IF(Input!$D$20=2,K105*Input!$C$20,0)+IF(Input!$D$21=2,L105*Input!$C$21,0)+IF(Input!$D$22=2,M105*Input!$C$22,0)</f>
        <v>0.6688841564560124</v>
      </c>
      <c r="P105" s="59">
        <f>IF(Input!$D$19=3,J105*Input!$C$19,0)+IF(Input!$D$20=3,K105*Input!$C$20,0)+IF(Input!$D$21=3,L105*Input!$C$21,0)+IF(Input!$D$22=3,M105*Input!$C$22,0)</f>
        <v>0</v>
      </c>
      <c r="Q105" s="75">
        <f>IF(Input!$D$19=4,J105*Input!$C$19,0)+IF(Input!$D$20=4,K105*Input!$C$20,0)+IF(Input!$D$21=4,L105*Input!$C$21,0)+IF(Input!$D$22=4,M105*Input!$C$22,0)</f>
        <v>0</v>
      </c>
      <c r="R105" s="58">
        <v>43.359888439550929</v>
      </c>
      <c r="S105" s="124">
        <f t="shared" si="1"/>
        <v>1.1593992045237549</v>
      </c>
    </row>
    <row r="106" spans="2:19" x14ac:dyDescent="0.3">
      <c r="B106" s="44">
        <v>99</v>
      </c>
      <c r="C106" s="56">
        <f>Jesper!AM100</f>
        <v>8.0237208606324906</v>
      </c>
      <c r="D106" s="59">
        <f>Jesper!AN100</f>
        <v>26.745736202108304</v>
      </c>
      <c r="E106" s="59">
        <f>Jesper!AO100</f>
        <v>40.118604303162456</v>
      </c>
      <c r="F106" s="59">
        <f>Jesper!AP100</f>
        <v>192.56930065517977</v>
      </c>
      <c r="G106" s="58">
        <f>Jesper!AQ100</f>
        <v>0</v>
      </c>
      <c r="H106" s="44">
        <v>99</v>
      </c>
      <c r="I106" s="56">
        <f>Bühler!I132</f>
        <v>0.26755366258240498</v>
      </c>
      <c r="J106" s="59">
        <f>Bühler!J132</f>
        <v>0.89184554194135002</v>
      </c>
      <c r="K106" s="59">
        <f>Bühler!K132</f>
        <v>1.3377683129120248</v>
      </c>
      <c r="L106" s="59">
        <f>Bühler!L132</f>
        <v>6.4212879019777196</v>
      </c>
      <c r="M106" s="58">
        <f>Bühler!M132</f>
        <v>0</v>
      </c>
      <c r="N106" s="56">
        <f>IF(Input!$D$19=1,J106*Input!$C$19,0)+IF(Input!$D$20=1,K106*Input!$C$20,0)+IF(Input!$D$21=1,L106*Input!$C$21,0)+IF(Input!$D$22=1,M106*Input!$C$22,0)</f>
        <v>0.26755366258240498</v>
      </c>
      <c r="O106" s="59">
        <f>IF(Input!$D$19=2,J106*Input!$C$19,0)+IF(Input!$D$20=2,K106*Input!$C$20,0)+IF(Input!$D$21=2,L106*Input!$C$21,0)+IF(Input!$D$22=2,M106*Input!$C$22,0)</f>
        <v>0.6688841564560124</v>
      </c>
      <c r="P106" s="59">
        <f>IF(Input!$D$19=3,J106*Input!$C$19,0)+IF(Input!$D$20=3,K106*Input!$C$20,0)+IF(Input!$D$21=3,L106*Input!$C$21,0)+IF(Input!$D$22=3,M106*Input!$C$22,0)</f>
        <v>0</v>
      </c>
      <c r="Q106" s="75">
        <f>IF(Input!$D$19=4,J106*Input!$C$19,0)+IF(Input!$D$20=4,K106*Input!$C$20,0)+IF(Input!$D$21=4,L106*Input!$C$21,0)+IF(Input!$D$22=4,M106*Input!$C$22,0)</f>
        <v>0</v>
      </c>
      <c r="R106" s="58">
        <v>43.982557628101915</v>
      </c>
      <c r="S106" s="124">
        <f t="shared" si="1"/>
        <v>1.1593992045237549</v>
      </c>
    </row>
    <row r="107" spans="2:19" x14ac:dyDescent="0.3">
      <c r="B107" s="44">
        <v>100</v>
      </c>
      <c r="C107" s="56">
        <f>Jesper!AM101</f>
        <v>7.9120732862074323</v>
      </c>
      <c r="D107" s="59">
        <f>Jesper!AN101</f>
        <v>26.373577620691442</v>
      </c>
      <c r="E107" s="59">
        <f>Jesper!AO101</f>
        <v>39.56036643103716</v>
      </c>
      <c r="F107" s="59">
        <f>Jesper!AP101</f>
        <v>189.88975886897836</v>
      </c>
      <c r="G107" s="58">
        <f>Jesper!AQ101</f>
        <v>0</v>
      </c>
      <c r="H107" s="44">
        <v>100</v>
      </c>
      <c r="I107" s="56">
        <f>Bühler!I133</f>
        <v>0.26755366258240498</v>
      </c>
      <c r="J107" s="59">
        <f>Bühler!J133</f>
        <v>0.89184554194135002</v>
      </c>
      <c r="K107" s="59">
        <f>Bühler!K133</f>
        <v>1.3377683129120248</v>
      </c>
      <c r="L107" s="59">
        <f>Bühler!L133</f>
        <v>6.4212879019777196</v>
      </c>
      <c r="M107" s="58">
        <f>Bühler!M133</f>
        <v>0</v>
      </c>
      <c r="N107" s="56">
        <f>IF(Input!$D$19=1,J107*Input!$C$19,0)+IF(Input!$D$20=1,K107*Input!$C$20,0)+IF(Input!$D$21=1,L107*Input!$C$21,0)+IF(Input!$D$22=1,M107*Input!$C$22,0)</f>
        <v>0.26755366258240498</v>
      </c>
      <c r="O107" s="59">
        <f>IF(Input!$D$19=2,J107*Input!$C$19,0)+IF(Input!$D$20=2,K107*Input!$C$20,0)+IF(Input!$D$21=2,L107*Input!$C$21,0)+IF(Input!$D$22=2,M107*Input!$C$22,0)</f>
        <v>0.6688841564560124</v>
      </c>
      <c r="P107" s="59">
        <f>IF(Input!$D$19=3,J107*Input!$C$19,0)+IF(Input!$D$20=3,K107*Input!$C$20,0)+IF(Input!$D$21=3,L107*Input!$C$21,0)+IF(Input!$D$22=3,M107*Input!$C$22,0)</f>
        <v>0</v>
      </c>
      <c r="Q107" s="75">
        <f>IF(Input!$D$19=4,J107*Input!$C$19,0)+IF(Input!$D$20=4,K107*Input!$C$20,0)+IF(Input!$D$21=4,L107*Input!$C$21,0)+IF(Input!$D$22=4,M107*Input!$C$22,0)</f>
        <v>0</v>
      </c>
      <c r="R107" s="58">
        <v>44.487969986872457</v>
      </c>
      <c r="S107" s="124">
        <f t="shared" si="1"/>
        <v>1.1593992045237549</v>
      </c>
    </row>
    <row r="108" spans="2:19" x14ac:dyDescent="0.3">
      <c r="B108" s="44">
        <v>101</v>
      </c>
      <c r="C108" s="56">
        <f>Jesper!AM102</f>
        <v>7.861831877716158</v>
      </c>
      <c r="D108" s="59">
        <f>Jesper!AN102</f>
        <v>26.206106259053861</v>
      </c>
      <c r="E108" s="59">
        <f>Jesper!AO102</f>
        <v>39.309159388580788</v>
      </c>
      <c r="F108" s="59">
        <f>Jesper!AP102</f>
        <v>188.68396506518778</v>
      </c>
      <c r="G108" s="58">
        <f>Jesper!AQ102</f>
        <v>0</v>
      </c>
      <c r="H108" s="44">
        <v>101</v>
      </c>
      <c r="I108" s="56">
        <f>Bühler!I134</f>
        <v>0.26755366258240498</v>
      </c>
      <c r="J108" s="59">
        <f>Bühler!J134</f>
        <v>0.89184554194135002</v>
      </c>
      <c r="K108" s="59">
        <f>Bühler!K134</f>
        <v>1.3377683129120248</v>
      </c>
      <c r="L108" s="59">
        <f>Bühler!L134</f>
        <v>6.4212879019777196</v>
      </c>
      <c r="M108" s="58">
        <f>Bühler!M134</f>
        <v>0</v>
      </c>
      <c r="N108" s="56">
        <f>IF(Input!$D$19=1,J108*Input!$C$19,0)+IF(Input!$D$20=1,K108*Input!$C$20,0)+IF(Input!$D$21=1,L108*Input!$C$21,0)+IF(Input!$D$22=1,M108*Input!$C$22,0)</f>
        <v>0.26755366258240498</v>
      </c>
      <c r="O108" s="59">
        <f>IF(Input!$D$19=2,J108*Input!$C$19,0)+IF(Input!$D$20=2,K108*Input!$C$20,0)+IF(Input!$D$21=2,L108*Input!$C$21,0)+IF(Input!$D$22=2,M108*Input!$C$22,0)</f>
        <v>0.6688841564560124</v>
      </c>
      <c r="P108" s="59">
        <f>IF(Input!$D$19=3,J108*Input!$C$19,0)+IF(Input!$D$20=3,K108*Input!$C$20,0)+IF(Input!$D$21=3,L108*Input!$C$21,0)+IF(Input!$D$22=3,M108*Input!$C$22,0)</f>
        <v>0</v>
      </c>
      <c r="Q108" s="75">
        <f>IF(Input!$D$19=4,J108*Input!$C$19,0)+IF(Input!$D$20=4,K108*Input!$C$20,0)+IF(Input!$D$21=4,L108*Input!$C$21,0)+IF(Input!$D$22=4,M108*Input!$C$22,0)</f>
        <v>0</v>
      </c>
      <c r="R108" s="58">
        <v>46.463766868594369</v>
      </c>
      <c r="S108" s="124">
        <f t="shared" si="1"/>
        <v>1.1593992045237549</v>
      </c>
    </row>
    <row r="109" spans="2:19" x14ac:dyDescent="0.3">
      <c r="B109" s="44">
        <v>102</v>
      </c>
      <c r="C109" s="56">
        <f>Jesper!AM103</f>
        <v>7.822755226667387</v>
      </c>
      <c r="D109" s="59">
        <f>Jesper!AN103</f>
        <v>26.075850755557958</v>
      </c>
      <c r="E109" s="59">
        <f>Jesper!AO103</f>
        <v>39.113776133336934</v>
      </c>
      <c r="F109" s="59">
        <f>Jesper!AP103</f>
        <v>187.74612544001729</v>
      </c>
      <c r="G109" s="58">
        <f>Jesper!AQ103</f>
        <v>0</v>
      </c>
      <c r="H109" s="44">
        <v>102</v>
      </c>
      <c r="I109" s="56">
        <f>Bühler!I135</f>
        <v>0.34484694288398865</v>
      </c>
      <c r="J109" s="59">
        <f>Bühler!J135</f>
        <v>1.1494898096132955</v>
      </c>
      <c r="K109" s="59">
        <f>Bühler!K135</f>
        <v>1.7242347144199432</v>
      </c>
      <c r="L109" s="59">
        <f>Bühler!L135</f>
        <v>8.2763266292157276</v>
      </c>
      <c r="M109" s="58">
        <f>Bühler!M135</f>
        <v>0</v>
      </c>
      <c r="N109" s="56">
        <f>IF(Input!$D$19=1,J109*Input!$C$19,0)+IF(Input!$D$20=1,K109*Input!$C$20,0)+IF(Input!$D$21=1,L109*Input!$C$21,0)+IF(Input!$D$22=1,M109*Input!$C$22,0)</f>
        <v>0.34484694288398865</v>
      </c>
      <c r="O109" s="59">
        <f>IF(Input!$D$19=2,J109*Input!$C$19,0)+IF(Input!$D$20=2,K109*Input!$C$20,0)+IF(Input!$D$21=2,L109*Input!$C$21,0)+IF(Input!$D$22=2,M109*Input!$C$22,0)</f>
        <v>0.86211735720997162</v>
      </c>
      <c r="P109" s="59">
        <f>IF(Input!$D$19=3,J109*Input!$C$19,0)+IF(Input!$D$20=3,K109*Input!$C$20,0)+IF(Input!$D$21=3,L109*Input!$C$21,0)+IF(Input!$D$22=3,M109*Input!$C$22,0)</f>
        <v>0</v>
      </c>
      <c r="Q109" s="75">
        <f>IF(Input!$D$19=4,J109*Input!$C$19,0)+IF(Input!$D$20=4,K109*Input!$C$20,0)+IF(Input!$D$21=4,L109*Input!$C$21,0)+IF(Input!$D$22=4,M109*Input!$C$22,0)</f>
        <v>0</v>
      </c>
      <c r="R109" s="58">
        <v>49.913687927257925</v>
      </c>
      <c r="S109" s="124">
        <f t="shared" si="1"/>
        <v>1.4943367524972841</v>
      </c>
    </row>
    <row r="110" spans="2:19" x14ac:dyDescent="0.3">
      <c r="B110" s="44">
        <v>103</v>
      </c>
      <c r="C110" s="56">
        <f>Jesper!AM104</f>
        <v>7.8506671202736511</v>
      </c>
      <c r="D110" s="59">
        <f>Jesper!AN104</f>
        <v>26.168890400912172</v>
      </c>
      <c r="E110" s="59">
        <f>Jesper!AO104</f>
        <v>39.253335601368256</v>
      </c>
      <c r="F110" s="59">
        <f>Jesper!AP104</f>
        <v>188.41601088656762</v>
      </c>
      <c r="G110" s="58">
        <f>Jesper!AQ104</f>
        <v>0</v>
      </c>
      <c r="H110" s="44">
        <v>103</v>
      </c>
      <c r="I110" s="56">
        <f>Bühler!I136</f>
        <v>0.41619458623929667</v>
      </c>
      <c r="J110" s="59">
        <f>Bühler!J136</f>
        <v>1.3873152874643224</v>
      </c>
      <c r="K110" s="59">
        <f>Bühler!K136</f>
        <v>2.0809729311964835</v>
      </c>
      <c r="L110" s="59">
        <f>Bühler!L136</f>
        <v>9.9886700697431205</v>
      </c>
      <c r="M110" s="58">
        <f>Bühler!M136</f>
        <v>0</v>
      </c>
      <c r="N110" s="56">
        <f>IF(Input!$D$19=1,J110*Input!$C$19,0)+IF(Input!$D$20=1,K110*Input!$C$20,0)+IF(Input!$D$21=1,L110*Input!$C$21,0)+IF(Input!$D$22=1,M110*Input!$C$22,0)</f>
        <v>0.41619458623929673</v>
      </c>
      <c r="O110" s="59">
        <f>IF(Input!$D$19=2,J110*Input!$C$19,0)+IF(Input!$D$20=2,K110*Input!$C$20,0)+IF(Input!$D$21=2,L110*Input!$C$21,0)+IF(Input!$D$22=2,M110*Input!$C$22,0)</f>
        <v>1.0404864655982418</v>
      </c>
      <c r="P110" s="59">
        <f>IF(Input!$D$19=3,J110*Input!$C$19,0)+IF(Input!$D$20=3,K110*Input!$C$20,0)+IF(Input!$D$21=3,L110*Input!$C$21,0)+IF(Input!$D$22=3,M110*Input!$C$22,0)</f>
        <v>0</v>
      </c>
      <c r="Q110" s="75">
        <f>IF(Input!$D$19=4,J110*Input!$C$19,0)+IF(Input!$D$20=4,K110*Input!$C$20,0)+IF(Input!$D$21=4,L110*Input!$C$21,0)+IF(Input!$D$22=4,M110*Input!$C$22,0)</f>
        <v>0</v>
      </c>
      <c r="R110" s="58">
        <v>53.323675604715348</v>
      </c>
      <c r="S110" s="124">
        <f t="shared" si="1"/>
        <v>1.803509873703619</v>
      </c>
    </row>
    <row r="111" spans="2:19" x14ac:dyDescent="0.3">
      <c r="B111" s="44">
        <v>104</v>
      </c>
      <c r="C111" s="56">
        <f>Jesper!AM105</f>
        <v>4.1647809820089412</v>
      </c>
      <c r="D111" s="59">
        <f>Jesper!AN105</f>
        <v>13.88260327336314</v>
      </c>
      <c r="E111" s="59">
        <f>Jesper!AO105</f>
        <v>20.82390491004471</v>
      </c>
      <c r="F111" s="59">
        <f>Jesper!AP105</f>
        <v>243.33972617233056</v>
      </c>
      <c r="G111" s="58">
        <f>Jesper!AQ105</f>
        <v>0</v>
      </c>
      <c r="H111" s="44">
        <v>104</v>
      </c>
      <c r="I111" s="56">
        <f>Bühler!I137</f>
        <v>0.41619458623929667</v>
      </c>
      <c r="J111" s="59">
        <f>Bühler!J137</f>
        <v>1.3873152874643224</v>
      </c>
      <c r="K111" s="59">
        <f>Bühler!K137</f>
        <v>2.0809729311964835</v>
      </c>
      <c r="L111" s="59">
        <f>Bühler!L137</f>
        <v>9.9886700697431205</v>
      </c>
      <c r="M111" s="58">
        <f>Bühler!M137</f>
        <v>0</v>
      </c>
      <c r="N111" s="56">
        <f>IF(Input!$D$19=1,J111*Input!$C$19,0)+IF(Input!$D$20=1,K111*Input!$C$20,0)+IF(Input!$D$21=1,L111*Input!$C$21,0)+IF(Input!$D$22=1,M111*Input!$C$22,0)</f>
        <v>0.41619458623929673</v>
      </c>
      <c r="O111" s="59">
        <f>IF(Input!$D$19=2,J111*Input!$C$19,0)+IF(Input!$D$20=2,K111*Input!$C$20,0)+IF(Input!$D$21=2,L111*Input!$C$21,0)+IF(Input!$D$22=2,M111*Input!$C$22,0)</f>
        <v>1.0404864655982418</v>
      </c>
      <c r="P111" s="59">
        <f>IF(Input!$D$19=3,J111*Input!$C$19,0)+IF(Input!$D$20=3,K111*Input!$C$20,0)+IF(Input!$D$21=3,L111*Input!$C$21,0)+IF(Input!$D$22=3,M111*Input!$C$22,0)</f>
        <v>0</v>
      </c>
      <c r="Q111" s="75">
        <f>IF(Input!$D$19=4,J111*Input!$C$19,0)+IF(Input!$D$20=4,K111*Input!$C$20,0)+IF(Input!$D$21=4,L111*Input!$C$21,0)+IF(Input!$D$22=4,M111*Input!$C$22,0)</f>
        <v>0</v>
      </c>
      <c r="R111" s="58">
        <v>55.039722473163266</v>
      </c>
      <c r="S111" s="124">
        <f t="shared" si="1"/>
        <v>1.803509873703619</v>
      </c>
    </row>
    <row r="112" spans="2:19" x14ac:dyDescent="0.3">
      <c r="B112" s="44">
        <v>105</v>
      </c>
      <c r="C112" s="56">
        <f>Jesper!AM106</f>
        <v>4.1824712610329655</v>
      </c>
      <c r="D112" s="59">
        <f>Jesper!AN106</f>
        <v>13.941570870109889</v>
      </c>
      <c r="E112" s="59">
        <f>Jesper!AO106</f>
        <v>20.912356305164831</v>
      </c>
      <c r="F112" s="59">
        <f>Jesper!AP106</f>
        <v>243.73875205063058</v>
      </c>
      <c r="G112" s="58">
        <f>Jesper!AQ106</f>
        <v>0</v>
      </c>
      <c r="H112" s="44">
        <v>105</v>
      </c>
      <c r="I112" s="56">
        <f>Bühler!I138</f>
        <v>0.41619458623929667</v>
      </c>
      <c r="J112" s="59">
        <f>Bühler!J138</f>
        <v>1.3873152874643224</v>
      </c>
      <c r="K112" s="59">
        <f>Bühler!K138</f>
        <v>2.0809729311964835</v>
      </c>
      <c r="L112" s="59">
        <f>Bühler!L138</f>
        <v>9.9886700697431205</v>
      </c>
      <c r="M112" s="58">
        <f>Bühler!M138</f>
        <v>0</v>
      </c>
      <c r="N112" s="56">
        <f>IF(Input!$D$19=1,J112*Input!$C$19,0)+IF(Input!$D$20=1,K112*Input!$C$20,0)+IF(Input!$D$21=1,L112*Input!$C$21,0)+IF(Input!$D$22=1,M112*Input!$C$22,0)</f>
        <v>0.41619458623929673</v>
      </c>
      <c r="O112" s="59">
        <f>IF(Input!$D$19=2,J112*Input!$C$19,0)+IF(Input!$D$20=2,K112*Input!$C$20,0)+IF(Input!$D$21=2,L112*Input!$C$21,0)+IF(Input!$D$22=2,M112*Input!$C$22,0)</f>
        <v>1.0404864655982418</v>
      </c>
      <c r="P112" s="59">
        <f>IF(Input!$D$19=3,J112*Input!$C$19,0)+IF(Input!$D$20=3,K112*Input!$C$20,0)+IF(Input!$D$21=3,L112*Input!$C$21,0)+IF(Input!$D$22=3,M112*Input!$C$22,0)</f>
        <v>0</v>
      </c>
      <c r="Q112" s="75">
        <f>IF(Input!$D$19=4,J112*Input!$C$19,0)+IF(Input!$D$20=4,K112*Input!$C$20,0)+IF(Input!$D$21=4,L112*Input!$C$21,0)+IF(Input!$D$22=4,M112*Input!$C$22,0)</f>
        <v>0</v>
      </c>
      <c r="R112" s="58">
        <v>56.497310383246358</v>
      </c>
      <c r="S112" s="124">
        <f t="shared" si="1"/>
        <v>1.803509873703619</v>
      </c>
    </row>
    <row r="113" spans="2:19" x14ac:dyDescent="0.3">
      <c r="B113" s="44">
        <v>106</v>
      </c>
      <c r="C113" s="56">
        <f>Jesper!AM107</f>
        <v>7.9399851798136973</v>
      </c>
      <c r="D113" s="59">
        <f>Jesper!AN107</f>
        <v>26.46661726604566</v>
      </c>
      <c r="E113" s="59">
        <f>Jesper!AO107</f>
        <v>39.699925899068489</v>
      </c>
      <c r="F113" s="59">
        <f>Jesper!AP107</f>
        <v>190.55964431552874</v>
      </c>
      <c r="G113" s="58">
        <f>Jesper!AQ107</f>
        <v>0</v>
      </c>
      <c r="H113" s="44">
        <v>106</v>
      </c>
      <c r="I113" s="56">
        <f>Bühler!I139</f>
        <v>0.44592277097067501</v>
      </c>
      <c r="J113" s="59">
        <f>Bühler!J139</f>
        <v>1.4864092365689168</v>
      </c>
      <c r="K113" s="59">
        <f>Bühler!K139</f>
        <v>2.2296138548533748</v>
      </c>
      <c r="L113" s="59">
        <f>Bühler!L139</f>
        <v>10.7021465032962</v>
      </c>
      <c r="M113" s="58">
        <f>Bühler!M139</f>
        <v>0</v>
      </c>
      <c r="N113" s="56">
        <f>IF(Input!$D$19=1,J113*Input!$C$19,0)+IF(Input!$D$20=1,K113*Input!$C$20,0)+IF(Input!$D$21=1,L113*Input!$C$21,0)+IF(Input!$D$22=1,M113*Input!$C$22,0)</f>
        <v>0.44592277097067501</v>
      </c>
      <c r="O113" s="59">
        <f>IF(Input!$D$19=2,J113*Input!$C$19,0)+IF(Input!$D$20=2,K113*Input!$C$20,0)+IF(Input!$D$21=2,L113*Input!$C$21,0)+IF(Input!$D$22=2,M113*Input!$C$22,0)</f>
        <v>1.1148069274266874</v>
      </c>
      <c r="P113" s="59">
        <f>IF(Input!$D$19=3,J113*Input!$C$19,0)+IF(Input!$D$20=3,K113*Input!$C$20,0)+IF(Input!$D$21=3,L113*Input!$C$21,0)+IF(Input!$D$22=3,M113*Input!$C$22,0)</f>
        <v>0</v>
      </c>
      <c r="Q113" s="75">
        <f>IF(Input!$D$19=4,J113*Input!$C$19,0)+IF(Input!$D$20=4,K113*Input!$C$20,0)+IF(Input!$D$21=4,L113*Input!$C$21,0)+IF(Input!$D$22=4,M113*Input!$C$22,0)</f>
        <v>0</v>
      </c>
      <c r="R113" s="58">
        <v>56.672695261761994</v>
      </c>
      <c r="S113" s="124">
        <f t="shared" si="1"/>
        <v>1.9323320075395918</v>
      </c>
    </row>
    <row r="114" spans="2:19" x14ac:dyDescent="0.3">
      <c r="B114" s="44">
        <v>107</v>
      </c>
      <c r="C114" s="56">
        <f>Jesper!AM108</f>
        <v>7.9176556649286871</v>
      </c>
      <c r="D114" s="59">
        <f>Jesper!AN108</f>
        <v>26.392185549762292</v>
      </c>
      <c r="E114" s="59">
        <f>Jesper!AO108</f>
        <v>39.588278324643433</v>
      </c>
      <c r="F114" s="59">
        <f>Jesper!AP108</f>
        <v>190.02373595828848</v>
      </c>
      <c r="G114" s="58">
        <f>Jesper!AQ108</f>
        <v>0</v>
      </c>
      <c r="H114" s="44">
        <v>107</v>
      </c>
      <c r="I114" s="56">
        <f>Bühler!I140</f>
        <v>0.463759681809502</v>
      </c>
      <c r="J114" s="59">
        <f>Bühler!J140</f>
        <v>1.5458656060316736</v>
      </c>
      <c r="K114" s="59">
        <f>Bühler!K140</f>
        <v>2.3187984090475102</v>
      </c>
      <c r="L114" s="59">
        <f>Bühler!L140</f>
        <v>11.130232363428048</v>
      </c>
      <c r="M114" s="58">
        <f>Bühler!M140</f>
        <v>0</v>
      </c>
      <c r="N114" s="56">
        <f>IF(Input!$D$19=1,J114*Input!$C$19,0)+IF(Input!$D$20=1,K114*Input!$C$20,0)+IF(Input!$D$21=1,L114*Input!$C$21,0)+IF(Input!$D$22=1,M114*Input!$C$22,0)</f>
        <v>0.46375968180950206</v>
      </c>
      <c r="O114" s="59">
        <f>IF(Input!$D$19=2,J114*Input!$C$19,0)+IF(Input!$D$20=2,K114*Input!$C$20,0)+IF(Input!$D$21=2,L114*Input!$C$21,0)+IF(Input!$D$22=2,M114*Input!$C$22,0)</f>
        <v>1.1593992045237551</v>
      </c>
      <c r="P114" s="59">
        <f>IF(Input!$D$19=3,J114*Input!$C$19,0)+IF(Input!$D$20=3,K114*Input!$C$20,0)+IF(Input!$D$21=3,L114*Input!$C$21,0)+IF(Input!$D$22=3,M114*Input!$C$22,0)</f>
        <v>0</v>
      </c>
      <c r="Q114" s="75">
        <f>IF(Input!$D$19=4,J114*Input!$C$19,0)+IF(Input!$D$20=4,K114*Input!$C$20,0)+IF(Input!$D$21=4,L114*Input!$C$21,0)+IF(Input!$D$22=4,M114*Input!$C$22,0)</f>
        <v>0</v>
      </c>
      <c r="R114" s="58">
        <v>57.566975971723721</v>
      </c>
      <c r="S114" s="124">
        <f t="shared" si="1"/>
        <v>2.0096252878411756</v>
      </c>
    </row>
    <row r="115" spans="2:19" x14ac:dyDescent="0.3">
      <c r="B115" s="44">
        <v>108</v>
      </c>
      <c r="C115" s="56">
        <f>Jesper!AM109</f>
        <v>7.82833760538864</v>
      </c>
      <c r="D115" s="59">
        <f>Jesper!AN109</f>
        <v>26.094458684628805</v>
      </c>
      <c r="E115" s="59">
        <f>Jesper!AO109</f>
        <v>39.1416880269432</v>
      </c>
      <c r="F115" s="59">
        <f>Jesper!AP109</f>
        <v>187.88010252932736</v>
      </c>
      <c r="G115" s="58">
        <f>Jesper!AQ109</f>
        <v>0</v>
      </c>
      <c r="H115" s="44">
        <v>108</v>
      </c>
      <c r="I115" s="56">
        <f>Bühler!I141</f>
        <v>0.53510732516480997</v>
      </c>
      <c r="J115" s="59">
        <f>Bühler!J141</f>
        <v>1.7836910838827</v>
      </c>
      <c r="K115" s="59">
        <f>Bühler!K141</f>
        <v>2.6755366258240496</v>
      </c>
      <c r="L115" s="59">
        <f>Bühler!L141</f>
        <v>12.842575803955439</v>
      </c>
      <c r="M115" s="58">
        <f>Bühler!M141</f>
        <v>0</v>
      </c>
      <c r="N115" s="56">
        <f>IF(Input!$D$19=1,J115*Input!$C$19,0)+IF(Input!$D$20=1,K115*Input!$C$20,0)+IF(Input!$D$21=1,L115*Input!$C$21,0)+IF(Input!$D$22=1,M115*Input!$C$22,0)</f>
        <v>0.53510732516480997</v>
      </c>
      <c r="O115" s="59">
        <f>IF(Input!$D$19=2,J115*Input!$C$19,0)+IF(Input!$D$20=2,K115*Input!$C$20,0)+IF(Input!$D$21=2,L115*Input!$C$21,0)+IF(Input!$D$22=2,M115*Input!$C$22,0)</f>
        <v>1.3377683129120248</v>
      </c>
      <c r="P115" s="59">
        <f>IF(Input!$D$19=3,J115*Input!$C$19,0)+IF(Input!$D$20=3,K115*Input!$C$20,0)+IF(Input!$D$21=3,L115*Input!$C$21,0)+IF(Input!$D$22=3,M115*Input!$C$22,0)</f>
        <v>0</v>
      </c>
      <c r="Q115" s="75">
        <f>IF(Input!$D$19=4,J115*Input!$C$19,0)+IF(Input!$D$20=4,K115*Input!$C$20,0)+IF(Input!$D$21=4,L115*Input!$C$21,0)+IF(Input!$D$22=4,M115*Input!$C$22,0)</f>
        <v>0</v>
      </c>
      <c r="R115" s="58">
        <v>58.612806059121091</v>
      </c>
      <c r="S115" s="124">
        <f t="shared" si="1"/>
        <v>2.3187984090475098</v>
      </c>
    </row>
    <row r="116" spans="2:19" x14ac:dyDescent="0.3">
      <c r="B116" s="44">
        <v>109</v>
      </c>
      <c r="C116" s="56">
        <f>Jesper!AM110</f>
        <v>7.8115904692248819</v>
      </c>
      <c r="D116" s="59">
        <f>Jesper!AN110</f>
        <v>26.038634897416273</v>
      </c>
      <c r="E116" s="59">
        <f>Jesper!AO110</f>
        <v>39.057952346124409</v>
      </c>
      <c r="F116" s="59">
        <f>Jesper!AP110</f>
        <v>187.47817126139716</v>
      </c>
      <c r="G116" s="58">
        <f>Jesper!AQ110</f>
        <v>0</v>
      </c>
      <c r="H116" s="44">
        <v>109</v>
      </c>
      <c r="I116" s="56">
        <f>Bühler!I142</f>
        <v>0.53510732516480997</v>
      </c>
      <c r="J116" s="59">
        <f>Bühler!J142</f>
        <v>1.7836910838827</v>
      </c>
      <c r="K116" s="59">
        <f>Bühler!K142</f>
        <v>2.6755366258240496</v>
      </c>
      <c r="L116" s="59">
        <f>Bühler!L142</f>
        <v>12.842575803955439</v>
      </c>
      <c r="M116" s="58">
        <f>Bühler!M142</f>
        <v>0</v>
      </c>
      <c r="N116" s="56">
        <f>IF(Input!$D$19=1,J116*Input!$C$19,0)+IF(Input!$D$20=1,K116*Input!$C$20,0)+IF(Input!$D$21=1,L116*Input!$C$21,0)+IF(Input!$D$22=1,M116*Input!$C$22,0)</f>
        <v>0.53510732516480997</v>
      </c>
      <c r="O116" s="59">
        <f>IF(Input!$D$19=2,J116*Input!$C$19,0)+IF(Input!$D$20=2,K116*Input!$C$20,0)+IF(Input!$D$21=2,L116*Input!$C$21,0)+IF(Input!$D$22=2,M116*Input!$C$22,0)</f>
        <v>1.3377683129120248</v>
      </c>
      <c r="P116" s="59">
        <f>IF(Input!$D$19=3,J116*Input!$C$19,0)+IF(Input!$D$20=3,K116*Input!$C$20,0)+IF(Input!$D$21=3,L116*Input!$C$21,0)+IF(Input!$D$22=3,M116*Input!$C$22,0)</f>
        <v>0</v>
      </c>
      <c r="Q116" s="75">
        <f>IF(Input!$D$19=4,J116*Input!$C$19,0)+IF(Input!$D$20=4,K116*Input!$C$20,0)+IF(Input!$D$21=4,L116*Input!$C$21,0)+IF(Input!$D$22=4,M116*Input!$C$22,0)</f>
        <v>0</v>
      </c>
      <c r="R116" s="58">
        <v>57.907367549033673</v>
      </c>
      <c r="S116" s="124">
        <f t="shared" si="1"/>
        <v>2.3187984090475098</v>
      </c>
    </row>
    <row r="117" spans="2:19" x14ac:dyDescent="0.3">
      <c r="B117" s="44">
        <v>110</v>
      </c>
      <c r="C117" s="56">
        <f>Jesper!AM111</f>
        <v>7.8004257117823768</v>
      </c>
      <c r="D117" s="59">
        <f>Jesper!AN111</f>
        <v>26.001419039274591</v>
      </c>
      <c r="E117" s="59">
        <f>Jesper!AO111</f>
        <v>39.002128558911885</v>
      </c>
      <c r="F117" s="59">
        <f>Jesper!AP111</f>
        <v>187.21021708277704</v>
      </c>
      <c r="G117" s="58">
        <f>Jesper!AQ111</f>
        <v>0</v>
      </c>
      <c r="H117" s="44">
        <v>110</v>
      </c>
      <c r="I117" s="56">
        <f>Bühler!I143</f>
        <v>0.53510732516480997</v>
      </c>
      <c r="J117" s="59">
        <f>Bühler!J143</f>
        <v>1.7836910838827</v>
      </c>
      <c r="K117" s="59">
        <f>Bühler!K143</f>
        <v>2.6755366258240496</v>
      </c>
      <c r="L117" s="59">
        <f>Bühler!L143</f>
        <v>12.842575803955439</v>
      </c>
      <c r="M117" s="58">
        <f>Bühler!M143</f>
        <v>0</v>
      </c>
      <c r="N117" s="56">
        <f>IF(Input!$D$19=1,J117*Input!$C$19,0)+IF(Input!$D$20=1,K117*Input!$C$20,0)+IF(Input!$D$21=1,L117*Input!$C$21,0)+IF(Input!$D$22=1,M117*Input!$C$22,0)</f>
        <v>0.53510732516480997</v>
      </c>
      <c r="O117" s="59">
        <f>IF(Input!$D$19=2,J117*Input!$C$19,0)+IF(Input!$D$20=2,K117*Input!$C$20,0)+IF(Input!$D$21=2,L117*Input!$C$21,0)+IF(Input!$D$22=2,M117*Input!$C$22,0)</f>
        <v>1.3377683129120248</v>
      </c>
      <c r="P117" s="59">
        <f>IF(Input!$D$19=3,J117*Input!$C$19,0)+IF(Input!$D$20=3,K117*Input!$C$20,0)+IF(Input!$D$21=3,L117*Input!$C$21,0)+IF(Input!$D$22=3,M117*Input!$C$22,0)</f>
        <v>0</v>
      </c>
      <c r="Q117" s="75">
        <f>IF(Input!$D$19=4,J117*Input!$C$19,0)+IF(Input!$D$20=4,K117*Input!$C$20,0)+IF(Input!$D$21=4,L117*Input!$C$21,0)+IF(Input!$D$22=4,M117*Input!$C$22,0)</f>
        <v>0</v>
      </c>
      <c r="R117" s="58">
        <v>57.959894187838017</v>
      </c>
      <c r="S117" s="124">
        <f t="shared" si="1"/>
        <v>2.3187984090475098</v>
      </c>
    </row>
    <row r="118" spans="2:19" x14ac:dyDescent="0.3">
      <c r="B118" s="44">
        <v>111</v>
      </c>
      <c r="C118" s="56">
        <f>Jesper!AM112</f>
        <v>3.7755948434803934</v>
      </c>
      <c r="D118" s="59">
        <f>Jesper!AN112</f>
        <v>12.585316144934646</v>
      </c>
      <c r="E118" s="59">
        <f>Jesper!AO112</f>
        <v>18.87797421740197</v>
      </c>
      <c r="F118" s="59">
        <f>Jesper!AP112</f>
        <v>234.56115684972991</v>
      </c>
      <c r="G118" s="58">
        <f>Jesper!AQ112</f>
        <v>0</v>
      </c>
      <c r="H118" s="44">
        <v>111</v>
      </c>
      <c r="I118" s="56">
        <f>Bühler!I144</f>
        <v>0.53510732516480997</v>
      </c>
      <c r="J118" s="59">
        <f>Bühler!J144</f>
        <v>1.7836910838827</v>
      </c>
      <c r="K118" s="59">
        <f>Bühler!K144</f>
        <v>2.6755366258240496</v>
      </c>
      <c r="L118" s="59">
        <f>Bühler!L144</f>
        <v>12.842575803955439</v>
      </c>
      <c r="M118" s="58">
        <f>Bühler!M144</f>
        <v>0</v>
      </c>
      <c r="N118" s="56">
        <f>IF(Input!$D$19=1,J118*Input!$C$19,0)+IF(Input!$D$20=1,K118*Input!$C$20,0)+IF(Input!$D$21=1,L118*Input!$C$21,0)+IF(Input!$D$22=1,M118*Input!$C$22,0)</f>
        <v>0.53510732516480997</v>
      </c>
      <c r="O118" s="59">
        <f>IF(Input!$D$19=2,J118*Input!$C$19,0)+IF(Input!$D$20=2,K118*Input!$C$20,0)+IF(Input!$D$21=2,L118*Input!$C$21,0)+IF(Input!$D$22=2,M118*Input!$C$22,0)</f>
        <v>1.3377683129120248</v>
      </c>
      <c r="P118" s="59">
        <f>IF(Input!$D$19=3,J118*Input!$C$19,0)+IF(Input!$D$20=3,K118*Input!$C$20,0)+IF(Input!$D$21=3,L118*Input!$C$21,0)+IF(Input!$D$22=3,M118*Input!$C$22,0)</f>
        <v>0</v>
      </c>
      <c r="Q118" s="75">
        <f>IF(Input!$D$19=4,J118*Input!$C$19,0)+IF(Input!$D$20=4,K118*Input!$C$20,0)+IF(Input!$D$21=4,L118*Input!$C$21,0)+IF(Input!$D$22=4,M118*Input!$C$22,0)</f>
        <v>0</v>
      </c>
      <c r="R118" s="58">
        <v>58.317719949084534</v>
      </c>
      <c r="S118" s="124">
        <f t="shared" si="1"/>
        <v>2.3187984090475098</v>
      </c>
    </row>
    <row r="119" spans="2:19" x14ac:dyDescent="0.3">
      <c r="B119" s="44">
        <v>112</v>
      </c>
      <c r="C119" s="56">
        <f>Jesper!AM113</f>
        <v>4.3947546093212653</v>
      </c>
      <c r="D119" s="59">
        <f>Jesper!AN113</f>
        <v>14.649182031070886</v>
      </c>
      <c r="E119" s="59">
        <f>Jesper!AO113</f>
        <v>21.973773046606329</v>
      </c>
      <c r="F119" s="59">
        <f>Jesper!AP113</f>
        <v>248.52706259023094</v>
      </c>
      <c r="G119" s="58">
        <f>Jesper!AQ113</f>
        <v>0</v>
      </c>
      <c r="H119" s="44">
        <v>112</v>
      </c>
      <c r="I119" s="56">
        <f>Bühler!I145</f>
        <v>0.44592277097067501</v>
      </c>
      <c r="J119" s="59">
        <f>Bühler!J145</f>
        <v>1.4864092365689168</v>
      </c>
      <c r="K119" s="59">
        <f>Bühler!K145</f>
        <v>2.2296138548533748</v>
      </c>
      <c r="L119" s="59">
        <f>Bühler!L145</f>
        <v>10.7021465032962</v>
      </c>
      <c r="M119" s="58">
        <f>Bühler!M145</f>
        <v>0</v>
      </c>
      <c r="N119" s="56">
        <f>IF(Input!$D$19=1,J119*Input!$C$19,0)+IF(Input!$D$20=1,K119*Input!$C$20,0)+IF(Input!$D$21=1,L119*Input!$C$21,0)+IF(Input!$D$22=1,M119*Input!$C$22,0)</f>
        <v>0.44592277097067501</v>
      </c>
      <c r="O119" s="59">
        <f>IF(Input!$D$19=2,J119*Input!$C$19,0)+IF(Input!$D$20=2,K119*Input!$C$20,0)+IF(Input!$D$21=2,L119*Input!$C$21,0)+IF(Input!$D$22=2,M119*Input!$C$22,0)</f>
        <v>1.1148069274266874</v>
      </c>
      <c r="P119" s="59">
        <f>IF(Input!$D$19=3,J119*Input!$C$19,0)+IF(Input!$D$20=3,K119*Input!$C$20,0)+IF(Input!$D$21=3,L119*Input!$C$21,0)+IF(Input!$D$22=3,M119*Input!$C$22,0)</f>
        <v>0</v>
      </c>
      <c r="Q119" s="75">
        <f>IF(Input!$D$19=4,J119*Input!$C$19,0)+IF(Input!$D$20=4,K119*Input!$C$20,0)+IF(Input!$D$21=4,L119*Input!$C$21,0)+IF(Input!$D$22=4,M119*Input!$C$22,0)</f>
        <v>0</v>
      </c>
      <c r="R119" s="58">
        <v>57.404905155800073</v>
      </c>
      <c r="S119" s="124">
        <f t="shared" si="1"/>
        <v>1.9323320075395918</v>
      </c>
    </row>
    <row r="120" spans="2:19" x14ac:dyDescent="0.3">
      <c r="B120" s="44">
        <v>113</v>
      </c>
      <c r="C120" s="56">
        <f>Jesper!AM114</f>
        <v>8.2949546075873197</v>
      </c>
      <c r="D120" s="59">
        <f>Jesper!AN114</f>
        <v>27.649848691957732</v>
      </c>
      <c r="E120" s="59">
        <f>Jesper!AO114</f>
        <v>41.474773037936593</v>
      </c>
      <c r="F120" s="59">
        <f>Jesper!AP114</f>
        <v>199.07891058209566</v>
      </c>
      <c r="G120" s="58">
        <f>Jesper!AQ114</f>
        <v>0</v>
      </c>
      <c r="H120" s="44">
        <v>113</v>
      </c>
      <c r="I120" s="56">
        <f>Bühler!I146</f>
        <v>0.42214022318557237</v>
      </c>
      <c r="J120" s="59">
        <f>Bühler!J146</f>
        <v>1.4071340772852414</v>
      </c>
      <c r="K120" s="59">
        <f>Bühler!K146</f>
        <v>2.1107011159278617</v>
      </c>
      <c r="L120" s="59">
        <f>Bühler!L146</f>
        <v>10.131365356453736</v>
      </c>
      <c r="M120" s="58">
        <f>Bühler!M146</f>
        <v>0</v>
      </c>
      <c r="N120" s="56">
        <f>IF(Input!$D$19=1,J120*Input!$C$19,0)+IF(Input!$D$20=1,K120*Input!$C$20,0)+IF(Input!$D$21=1,L120*Input!$C$21,0)+IF(Input!$D$22=1,M120*Input!$C$22,0)</f>
        <v>0.42214022318557243</v>
      </c>
      <c r="O120" s="59">
        <f>IF(Input!$D$19=2,J120*Input!$C$19,0)+IF(Input!$D$20=2,K120*Input!$C$20,0)+IF(Input!$D$21=2,L120*Input!$C$21,0)+IF(Input!$D$22=2,M120*Input!$C$22,0)</f>
        <v>1.0553505579639308</v>
      </c>
      <c r="P120" s="59">
        <f>IF(Input!$D$19=3,J120*Input!$C$19,0)+IF(Input!$D$20=3,K120*Input!$C$20,0)+IF(Input!$D$21=3,L120*Input!$C$21,0)+IF(Input!$D$22=3,M120*Input!$C$22,0)</f>
        <v>0</v>
      </c>
      <c r="Q120" s="75">
        <f>IF(Input!$D$19=4,J120*Input!$C$19,0)+IF(Input!$D$20=4,K120*Input!$C$20,0)+IF(Input!$D$21=4,L120*Input!$C$21,0)+IF(Input!$D$22=4,M120*Input!$C$22,0)</f>
        <v>0</v>
      </c>
      <c r="R120" s="58">
        <v>56.621898064599243</v>
      </c>
      <c r="S120" s="124">
        <f t="shared" si="1"/>
        <v>1.8292743004708139</v>
      </c>
    </row>
    <row r="121" spans="2:19" x14ac:dyDescent="0.3">
      <c r="B121" s="44">
        <v>114</v>
      </c>
      <c r="C121" s="56">
        <f>Jesper!AM115</f>
        <v>8.2099086800018206</v>
      </c>
      <c r="D121" s="59">
        <f>Jesper!AN115</f>
        <v>27.366362266672738</v>
      </c>
      <c r="E121" s="59">
        <f>Jesper!AO115</f>
        <v>41.0495434000091</v>
      </c>
      <c r="F121" s="59">
        <f>Jesper!AP115</f>
        <v>197.03780832004369</v>
      </c>
      <c r="G121" s="58">
        <f>Jesper!AQ115</f>
        <v>0</v>
      </c>
      <c r="H121" s="44">
        <v>114</v>
      </c>
      <c r="I121" s="56">
        <f>Bühler!I147</f>
        <v>0.42214022318557237</v>
      </c>
      <c r="J121" s="59">
        <f>Bühler!J147</f>
        <v>1.4071340772852414</v>
      </c>
      <c r="K121" s="59">
        <f>Bühler!K147</f>
        <v>2.1107011159278617</v>
      </c>
      <c r="L121" s="59">
        <f>Bühler!L147</f>
        <v>10.131365356453736</v>
      </c>
      <c r="M121" s="58">
        <f>Bühler!M147</f>
        <v>0</v>
      </c>
      <c r="N121" s="56">
        <f>IF(Input!$D$19=1,J121*Input!$C$19,0)+IF(Input!$D$20=1,K121*Input!$C$20,0)+IF(Input!$D$21=1,L121*Input!$C$21,0)+IF(Input!$D$22=1,M121*Input!$C$22,0)</f>
        <v>0.42214022318557243</v>
      </c>
      <c r="O121" s="59">
        <f>IF(Input!$D$19=2,J121*Input!$C$19,0)+IF(Input!$D$20=2,K121*Input!$C$20,0)+IF(Input!$D$21=2,L121*Input!$C$21,0)+IF(Input!$D$22=2,M121*Input!$C$22,0)</f>
        <v>1.0553505579639308</v>
      </c>
      <c r="P121" s="59">
        <f>IF(Input!$D$19=3,J121*Input!$C$19,0)+IF(Input!$D$20=3,K121*Input!$C$20,0)+IF(Input!$D$21=3,L121*Input!$C$21,0)+IF(Input!$D$22=3,M121*Input!$C$22,0)</f>
        <v>0</v>
      </c>
      <c r="Q121" s="75">
        <f>IF(Input!$D$19=4,J121*Input!$C$19,0)+IF(Input!$D$20=4,K121*Input!$C$20,0)+IF(Input!$D$21=4,L121*Input!$C$21,0)+IF(Input!$D$22=4,M121*Input!$C$22,0)</f>
        <v>0</v>
      </c>
      <c r="R121" s="58">
        <v>55.871139416159913</v>
      </c>
      <c r="S121" s="124">
        <f t="shared" si="1"/>
        <v>1.8292743004708139</v>
      </c>
    </row>
    <row r="122" spans="2:19" x14ac:dyDescent="0.3">
      <c r="B122" s="44">
        <v>115</v>
      </c>
      <c r="C122" s="56">
        <f>Jesper!AM116</f>
        <v>8.3921499533993185</v>
      </c>
      <c r="D122" s="59">
        <f>Jesper!AN116</f>
        <v>27.973833177997729</v>
      </c>
      <c r="E122" s="59">
        <f>Jesper!AO116</f>
        <v>41.960749766996592</v>
      </c>
      <c r="F122" s="59">
        <f>Jesper!AP116</f>
        <v>201.41159888158361</v>
      </c>
      <c r="G122" s="58">
        <f>Jesper!AQ116</f>
        <v>0</v>
      </c>
      <c r="H122" s="44">
        <v>115</v>
      </c>
      <c r="I122" s="56">
        <f>Bühler!I148</f>
        <v>0.42214022318557237</v>
      </c>
      <c r="J122" s="59">
        <f>Bühler!J148</f>
        <v>1.4071340772852414</v>
      </c>
      <c r="K122" s="59">
        <f>Bühler!K148</f>
        <v>2.1107011159278617</v>
      </c>
      <c r="L122" s="59">
        <f>Bühler!L148</f>
        <v>10.131365356453736</v>
      </c>
      <c r="M122" s="58">
        <f>Bühler!M148</f>
        <v>0</v>
      </c>
      <c r="N122" s="56">
        <f>IF(Input!$D$19=1,J122*Input!$C$19,0)+IF(Input!$D$20=1,K122*Input!$C$20,0)+IF(Input!$D$21=1,L122*Input!$C$21,0)+IF(Input!$D$22=1,M122*Input!$C$22,0)</f>
        <v>0.42214022318557243</v>
      </c>
      <c r="O122" s="59">
        <f>IF(Input!$D$19=2,J122*Input!$C$19,0)+IF(Input!$D$20=2,K122*Input!$C$20,0)+IF(Input!$D$21=2,L122*Input!$C$21,0)+IF(Input!$D$22=2,M122*Input!$C$22,0)</f>
        <v>1.0553505579639308</v>
      </c>
      <c r="P122" s="59">
        <f>IF(Input!$D$19=3,J122*Input!$C$19,0)+IF(Input!$D$20=3,K122*Input!$C$20,0)+IF(Input!$D$21=3,L122*Input!$C$21,0)+IF(Input!$D$22=3,M122*Input!$C$22,0)</f>
        <v>0</v>
      </c>
      <c r="Q122" s="75">
        <f>IF(Input!$D$19=4,J122*Input!$C$19,0)+IF(Input!$D$20=4,K122*Input!$C$20,0)+IF(Input!$D$21=4,L122*Input!$C$21,0)+IF(Input!$D$22=4,M122*Input!$C$22,0)</f>
        <v>0</v>
      </c>
      <c r="R122" s="58">
        <v>54.682168715281485</v>
      </c>
      <c r="S122" s="124">
        <f t="shared" si="1"/>
        <v>1.8292743004708139</v>
      </c>
    </row>
    <row r="123" spans="2:19" x14ac:dyDescent="0.3">
      <c r="B123" s="44">
        <v>116</v>
      </c>
      <c r="C123" s="56">
        <f>Jesper!AM117</f>
        <v>8.2463569346813195</v>
      </c>
      <c r="D123" s="59">
        <f>Jesper!AN117</f>
        <v>27.487856448937734</v>
      </c>
      <c r="E123" s="59">
        <f>Jesper!AO117</f>
        <v>41.231784673406594</v>
      </c>
      <c r="F123" s="59">
        <f>Jesper!AP117</f>
        <v>197.91256643235167</v>
      </c>
      <c r="G123" s="58">
        <f>Jesper!AQ117</f>
        <v>0</v>
      </c>
      <c r="H123" s="44">
        <v>116</v>
      </c>
      <c r="I123" s="56">
        <f>Bühler!I149</f>
        <v>0.42214022318557237</v>
      </c>
      <c r="J123" s="59">
        <f>Bühler!J149</f>
        <v>1.4071340772852414</v>
      </c>
      <c r="K123" s="59">
        <f>Bühler!K149</f>
        <v>2.1107011159278617</v>
      </c>
      <c r="L123" s="59">
        <f>Bühler!L149</f>
        <v>10.131365356453736</v>
      </c>
      <c r="M123" s="58">
        <f>Bühler!M149</f>
        <v>0</v>
      </c>
      <c r="N123" s="56">
        <f>IF(Input!$D$19=1,J123*Input!$C$19,0)+IF(Input!$D$20=1,K123*Input!$C$20,0)+IF(Input!$D$21=1,L123*Input!$C$21,0)+IF(Input!$D$22=1,M123*Input!$C$22,0)</f>
        <v>0.42214022318557243</v>
      </c>
      <c r="O123" s="59">
        <f>IF(Input!$D$19=2,J123*Input!$C$19,0)+IF(Input!$D$20=2,K123*Input!$C$20,0)+IF(Input!$D$21=2,L123*Input!$C$21,0)+IF(Input!$D$22=2,M123*Input!$C$22,0)</f>
        <v>1.0553505579639308</v>
      </c>
      <c r="P123" s="59">
        <f>IF(Input!$D$19=3,J123*Input!$C$19,0)+IF(Input!$D$20=3,K123*Input!$C$20,0)+IF(Input!$D$21=3,L123*Input!$C$21,0)+IF(Input!$D$22=3,M123*Input!$C$22,0)</f>
        <v>0</v>
      </c>
      <c r="Q123" s="75">
        <f>IF(Input!$D$19=4,J123*Input!$C$19,0)+IF(Input!$D$20=4,K123*Input!$C$20,0)+IF(Input!$D$21=4,L123*Input!$C$21,0)+IF(Input!$D$22=4,M123*Input!$C$22,0)</f>
        <v>0</v>
      </c>
      <c r="R123" s="58">
        <v>53.904279319922892</v>
      </c>
      <c r="S123" s="124">
        <f t="shared" si="1"/>
        <v>1.8292743004708139</v>
      </c>
    </row>
    <row r="124" spans="2:19" x14ac:dyDescent="0.3">
      <c r="B124" s="44">
        <v>117</v>
      </c>
      <c r="C124" s="56">
        <f>Jesper!AM118</f>
        <v>8.2099086800018206</v>
      </c>
      <c r="D124" s="59">
        <f>Jesper!AN118</f>
        <v>27.366362266672738</v>
      </c>
      <c r="E124" s="59">
        <f>Jesper!AO118</f>
        <v>41.0495434000091</v>
      </c>
      <c r="F124" s="59">
        <f>Jesper!AP118</f>
        <v>197.03780832004369</v>
      </c>
      <c r="G124" s="58">
        <f>Jesper!AQ118</f>
        <v>0</v>
      </c>
      <c r="H124" s="44">
        <v>117</v>
      </c>
      <c r="I124" s="56">
        <f>Bühler!I150</f>
        <v>0.32701003204516166</v>
      </c>
      <c r="J124" s="59">
        <f>Bühler!J150</f>
        <v>1.0900334401505389</v>
      </c>
      <c r="K124" s="59">
        <f>Bühler!K150</f>
        <v>1.6350501602258085</v>
      </c>
      <c r="L124" s="59">
        <f>Bühler!L150</f>
        <v>7.8482407690838807</v>
      </c>
      <c r="M124" s="58">
        <f>Bühler!M150</f>
        <v>0</v>
      </c>
      <c r="N124" s="56">
        <f>IF(Input!$D$19=1,J124*Input!$C$19,0)+IF(Input!$D$20=1,K124*Input!$C$20,0)+IF(Input!$D$21=1,L124*Input!$C$21,0)+IF(Input!$D$22=1,M124*Input!$C$22,0)</f>
        <v>0.32701003204516166</v>
      </c>
      <c r="O124" s="59">
        <f>IF(Input!$D$19=2,J124*Input!$C$19,0)+IF(Input!$D$20=2,K124*Input!$C$20,0)+IF(Input!$D$21=2,L124*Input!$C$21,0)+IF(Input!$D$22=2,M124*Input!$C$22,0)</f>
        <v>0.81752508011290426</v>
      </c>
      <c r="P124" s="59">
        <f>IF(Input!$D$19=3,J124*Input!$C$19,0)+IF(Input!$D$20=3,K124*Input!$C$20,0)+IF(Input!$D$21=3,L124*Input!$C$21,0)+IF(Input!$D$22=3,M124*Input!$C$22,0)</f>
        <v>0</v>
      </c>
      <c r="Q124" s="75">
        <f>IF(Input!$D$19=4,J124*Input!$C$19,0)+IF(Input!$D$20=4,K124*Input!$C$20,0)+IF(Input!$D$21=4,L124*Input!$C$21,0)+IF(Input!$D$22=4,M124*Input!$C$22,0)</f>
        <v>0</v>
      </c>
      <c r="R124" s="58">
        <v>53.667303822005501</v>
      </c>
      <c r="S124" s="124">
        <f t="shared" si="1"/>
        <v>1.4170434721957006</v>
      </c>
    </row>
    <row r="125" spans="2:19" x14ac:dyDescent="0.3">
      <c r="B125" s="44">
        <v>118</v>
      </c>
      <c r="C125" s="56">
        <f>Jesper!AM119</f>
        <v>4.4832060044413904</v>
      </c>
      <c r="D125" s="59">
        <f>Jesper!AN119</f>
        <v>14.944020014804636</v>
      </c>
      <c r="E125" s="59">
        <f>Jesper!AO119</f>
        <v>22.416030022206954</v>
      </c>
      <c r="F125" s="59">
        <f>Jesper!AP119</f>
        <v>250.52219198173108</v>
      </c>
      <c r="G125" s="58">
        <f>Jesper!AQ119</f>
        <v>0</v>
      </c>
      <c r="H125" s="44">
        <v>118</v>
      </c>
      <c r="I125" s="56">
        <f>Bühler!I151</f>
        <v>0.12485837587178901</v>
      </c>
      <c r="J125" s="59">
        <f>Bühler!J151</f>
        <v>0.41619458623929673</v>
      </c>
      <c r="K125" s="59">
        <f>Bühler!K151</f>
        <v>0.62429187935894503</v>
      </c>
      <c r="L125" s="59">
        <f>Bühler!L151</f>
        <v>2.9966010209229363</v>
      </c>
      <c r="M125" s="58">
        <f>Bühler!M151</f>
        <v>0</v>
      </c>
      <c r="N125" s="56">
        <f>IF(Input!$D$19=1,J125*Input!$C$19,0)+IF(Input!$D$20=1,K125*Input!$C$20,0)+IF(Input!$D$21=1,L125*Input!$C$21,0)+IF(Input!$D$22=1,M125*Input!$C$22,0)</f>
        <v>0.12485837587178901</v>
      </c>
      <c r="O125" s="59">
        <f>IF(Input!$D$19=2,J125*Input!$C$19,0)+IF(Input!$D$20=2,K125*Input!$C$20,0)+IF(Input!$D$21=2,L125*Input!$C$21,0)+IF(Input!$D$22=2,M125*Input!$C$22,0)</f>
        <v>0.31214593967947252</v>
      </c>
      <c r="P125" s="59">
        <f>IF(Input!$D$19=3,J125*Input!$C$19,0)+IF(Input!$D$20=3,K125*Input!$C$20,0)+IF(Input!$D$21=3,L125*Input!$C$21,0)+IF(Input!$D$22=3,M125*Input!$C$22,0)</f>
        <v>0</v>
      </c>
      <c r="Q125" s="75">
        <f>IF(Input!$D$19=4,J125*Input!$C$19,0)+IF(Input!$D$20=4,K125*Input!$C$20,0)+IF(Input!$D$21=4,L125*Input!$C$21,0)+IF(Input!$D$22=4,M125*Input!$C$22,0)</f>
        <v>0</v>
      </c>
      <c r="R125" s="58">
        <v>52.737349894295271</v>
      </c>
      <c r="S125" s="124">
        <f t="shared" si="1"/>
        <v>0.54105296211108578</v>
      </c>
    </row>
    <row r="126" spans="2:19" x14ac:dyDescent="0.3">
      <c r="B126" s="44">
        <v>119</v>
      </c>
      <c r="C126" s="56">
        <f>Jesper!AM120</f>
        <v>5.0669852122342114</v>
      </c>
      <c r="D126" s="59">
        <f>Jesper!AN120</f>
        <v>16.889950707447376</v>
      </c>
      <c r="E126" s="59">
        <f>Jesper!AO120</f>
        <v>25.33492606117106</v>
      </c>
      <c r="F126" s="59">
        <f>Jesper!AP120</f>
        <v>263.69004596563207</v>
      </c>
      <c r="G126" s="58">
        <f>Jesper!AQ120</f>
        <v>0</v>
      </c>
      <c r="H126" s="44">
        <v>119</v>
      </c>
      <c r="I126" s="56">
        <f>Bühler!I152</f>
        <v>0.12485837587178901</v>
      </c>
      <c r="J126" s="59">
        <f>Bühler!J152</f>
        <v>0.41619458623929673</v>
      </c>
      <c r="K126" s="59">
        <f>Bühler!K152</f>
        <v>0.62429187935894503</v>
      </c>
      <c r="L126" s="59">
        <f>Bühler!L152</f>
        <v>2.9966010209229363</v>
      </c>
      <c r="M126" s="58">
        <f>Bühler!M152</f>
        <v>0</v>
      </c>
      <c r="N126" s="56">
        <f>IF(Input!$D$19=1,J126*Input!$C$19,0)+IF(Input!$D$20=1,K126*Input!$C$20,0)+IF(Input!$D$21=1,L126*Input!$C$21,0)+IF(Input!$D$22=1,M126*Input!$C$22,0)</f>
        <v>0.12485837587178901</v>
      </c>
      <c r="O126" s="59">
        <f>IF(Input!$D$19=2,J126*Input!$C$19,0)+IF(Input!$D$20=2,K126*Input!$C$20,0)+IF(Input!$D$21=2,L126*Input!$C$21,0)+IF(Input!$D$22=2,M126*Input!$C$22,0)</f>
        <v>0.31214593967947252</v>
      </c>
      <c r="P126" s="59">
        <f>IF(Input!$D$19=3,J126*Input!$C$19,0)+IF(Input!$D$20=3,K126*Input!$C$20,0)+IF(Input!$D$21=3,L126*Input!$C$21,0)+IF(Input!$D$22=3,M126*Input!$C$22,0)</f>
        <v>0</v>
      </c>
      <c r="Q126" s="75">
        <f>IF(Input!$D$19=4,J126*Input!$C$19,0)+IF(Input!$D$20=4,K126*Input!$C$20,0)+IF(Input!$D$21=4,L126*Input!$C$21,0)+IF(Input!$D$22=4,M126*Input!$C$22,0)</f>
        <v>0</v>
      </c>
      <c r="R126" s="58">
        <v>52.758669952663709</v>
      </c>
      <c r="S126" s="124">
        <f t="shared" si="1"/>
        <v>0.54105296211108578</v>
      </c>
    </row>
    <row r="127" spans="2:19" x14ac:dyDescent="0.3">
      <c r="B127" s="44">
        <v>120</v>
      </c>
      <c r="C127" s="56">
        <f>Jesper!AM121</f>
        <v>8.2585063529078191</v>
      </c>
      <c r="D127" s="59">
        <f>Jesper!AN121</f>
        <v>27.528354509692733</v>
      </c>
      <c r="E127" s="59">
        <f>Jesper!AO121</f>
        <v>41.292531764539092</v>
      </c>
      <c r="F127" s="59">
        <f>Jesper!AP121</f>
        <v>198.20415246978766</v>
      </c>
      <c r="G127" s="58">
        <f>Jesper!AQ121</f>
        <v>0</v>
      </c>
      <c r="H127" s="44">
        <v>120</v>
      </c>
      <c r="I127" s="56">
        <f>Bühler!I153</f>
        <v>0.12485837587178901</v>
      </c>
      <c r="J127" s="59">
        <f>Bühler!J153</f>
        <v>0.41619458623929673</v>
      </c>
      <c r="K127" s="59">
        <f>Bühler!K153</f>
        <v>0.62429187935894503</v>
      </c>
      <c r="L127" s="59">
        <f>Bühler!L153</f>
        <v>2.9966010209229363</v>
      </c>
      <c r="M127" s="58">
        <f>Bühler!M153</f>
        <v>0</v>
      </c>
      <c r="N127" s="56">
        <f>IF(Input!$D$19=1,J127*Input!$C$19,0)+IF(Input!$D$20=1,K127*Input!$C$20,0)+IF(Input!$D$21=1,L127*Input!$C$21,0)+IF(Input!$D$22=1,M127*Input!$C$22,0)</f>
        <v>0.12485837587178901</v>
      </c>
      <c r="O127" s="59">
        <f>IF(Input!$D$19=2,J127*Input!$C$19,0)+IF(Input!$D$20=2,K127*Input!$C$20,0)+IF(Input!$D$21=2,L127*Input!$C$21,0)+IF(Input!$D$22=2,M127*Input!$C$22,0)</f>
        <v>0.31214593967947252</v>
      </c>
      <c r="P127" s="59">
        <f>IF(Input!$D$19=3,J127*Input!$C$19,0)+IF(Input!$D$20=3,K127*Input!$C$20,0)+IF(Input!$D$21=3,L127*Input!$C$21,0)+IF(Input!$D$22=3,M127*Input!$C$22,0)</f>
        <v>0</v>
      </c>
      <c r="Q127" s="75">
        <f>IF(Input!$D$19=4,J127*Input!$C$19,0)+IF(Input!$D$20=4,K127*Input!$C$20,0)+IF(Input!$D$21=4,L127*Input!$C$21,0)+IF(Input!$D$22=4,M127*Input!$C$22,0)</f>
        <v>0</v>
      </c>
      <c r="R127" s="58">
        <v>51.964606575862604</v>
      </c>
      <c r="S127" s="124">
        <f t="shared" si="1"/>
        <v>0.54105296211108578</v>
      </c>
    </row>
    <row r="128" spans="2:19" x14ac:dyDescent="0.3">
      <c r="B128" s="44">
        <v>121</v>
      </c>
      <c r="C128" s="56">
        <f>Jesper!AM122</f>
        <v>8.1521155712213069</v>
      </c>
      <c r="D128" s="59">
        <f>Jesper!AN122</f>
        <v>27.173718570737691</v>
      </c>
      <c r="E128" s="59">
        <f>Jesper!AO122</f>
        <v>40.760577856106536</v>
      </c>
      <c r="F128" s="59">
        <f>Jesper!AP122</f>
        <v>195.65077370931138</v>
      </c>
      <c r="G128" s="58">
        <f>Jesper!AQ122</f>
        <v>0</v>
      </c>
      <c r="H128" s="44">
        <v>121</v>
      </c>
      <c r="I128" s="56">
        <f>Bühler!I154</f>
        <v>9.3432558813635949E-2</v>
      </c>
      <c r="J128" s="59">
        <f>Bühler!J154</f>
        <v>0.31144186271211988</v>
      </c>
      <c r="K128" s="59">
        <f>Bühler!K154</f>
        <v>0.46716279406817979</v>
      </c>
      <c r="L128" s="59">
        <f>Bühler!L154</f>
        <v>4.5547227217418831</v>
      </c>
      <c r="M128" s="58">
        <f>Bühler!M154</f>
        <v>0</v>
      </c>
      <c r="N128" s="56">
        <f>IF(Input!$D$19=1,J128*Input!$C$19,0)+IF(Input!$D$20=1,K128*Input!$C$20,0)+IF(Input!$D$21=1,L128*Input!$C$21,0)+IF(Input!$D$22=1,M128*Input!$C$22,0)</f>
        <v>9.3432558813635963E-2</v>
      </c>
      <c r="O128" s="59">
        <f>IF(Input!$D$19=2,J128*Input!$C$19,0)+IF(Input!$D$20=2,K128*Input!$C$20,0)+IF(Input!$D$21=2,L128*Input!$C$21,0)+IF(Input!$D$22=2,M128*Input!$C$22,0)</f>
        <v>0.23358139703408989</v>
      </c>
      <c r="P128" s="59">
        <f>IF(Input!$D$19=3,J128*Input!$C$19,0)+IF(Input!$D$20=3,K128*Input!$C$20,0)+IF(Input!$D$21=3,L128*Input!$C$21,0)+IF(Input!$D$22=3,M128*Input!$C$22,0)</f>
        <v>0</v>
      </c>
      <c r="Q128" s="75">
        <f>IF(Input!$D$19=4,J128*Input!$C$19,0)+IF(Input!$D$20=4,K128*Input!$C$20,0)+IF(Input!$D$21=4,L128*Input!$C$21,0)+IF(Input!$D$22=4,M128*Input!$C$22,0)</f>
        <v>0</v>
      </c>
      <c r="R128" s="58">
        <v>51.319774251885946</v>
      </c>
      <c r="S128" s="124">
        <f t="shared" si="1"/>
        <v>0.40487442152575581</v>
      </c>
    </row>
    <row r="129" spans="2:19" x14ac:dyDescent="0.3">
      <c r="B129" s="44">
        <v>122</v>
      </c>
      <c r="C129" s="56">
        <f>Jesper!AM123</f>
        <v>8.0572151329600086</v>
      </c>
      <c r="D129" s="59">
        <f>Jesper!AN123</f>
        <v>26.857383776533364</v>
      </c>
      <c r="E129" s="59">
        <f>Jesper!AO123</f>
        <v>40.286075664800045</v>
      </c>
      <c r="F129" s="59">
        <f>Jesper!AP123</f>
        <v>193.37316319104019</v>
      </c>
      <c r="G129" s="58">
        <f>Jesper!AQ123</f>
        <v>0</v>
      </c>
      <c r="H129" s="44">
        <v>122</v>
      </c>
      <c r="I129" s="56">
        <f>Bühler!I155</f>
        <v>0.1824159481599559</v>
      </c>
      <c r="J129" s="59">
        <f>Bühler!J155</f>
        <v>0.60805316053318648</v>
      </c>
      <c r="K129" s="59">
        <f>Bühler!K155</f>
        <v>0.91207974079977971</v>
      </c>
      <c r="L129" s="59">
        <f>Bühler!L155</f>
        <v>8.892553885305583</v>
      </c>
      <c r="M129" s="58">
        <f>Bühler!M155</f>
        <v>0</v>
      </c>
      <c r="N129" s="56">
        <f>IF(Input!$D$19=1,J129*Input!$C$19,0)+IF(Input!$D$20=1,K129*Input!$C$20,0)+IF(Input!$D$21=1,L129*Input!$C$21,0)+IF(Input!$D$22=1,M129*Input!$C$22,0)</f>
        <v>0.18241594815995593</v>
      </c>
      <c r="O129" s="59">
        <f>IF(Input!$D$19=2,J129*Input!$C$19,0)+IF(Input!$D$20=2,K129*Input!$C$20,0)+IF(Input!$D$21=2,L129*Input!$C$21,0)+IF(Input!$D$22=2,M129*Input!$C$22,0)</f>
        <v>0.45603987039988986</v>
      </c>
      <c r="P129" s="59">
        <f>IF(Input!$D$19=3,J129*Input!$C$19,0)+IF(Input!$D$20=3,K129*Input!$C$20,0)+IF(Input!$D$21=3,L129*Input!$C$21,0)+IF(Input!$D$22=3,M129*Input!$C$22,0)</f>
        <v>0</v>
      </c>
      <c r="Q129" s="75">
        <f>IF(Input!$D$19=4,J129*Input!$C$19,0)+IF(Input!$D$20=4,K129*Input!$C$20,0)+IF(Input!$D$21=4,L129*Input!$C$21,0)+IF(Input!$D$22=4,M129*Input!$C$22,0)</f>
        <v>0</v>
      </c>
      <c r="R129" s="58">
        <v>51.241133936718896</v>
      </c>
      <c r="S129" s="124">
        <f t="shared" si="1"/>
        <v>0.79046910869314235</v>
      </c>
    </row>
    <row r="130" spans="2:19" x14ac:dyDescent="0.3">
      <c r="B130" s="44">
        <v>123</v>
      </c>
      <c r="C130" s="56">
        <f>Jesper!AM124</f>
        <v>8.1297860563362949</v>
      </c>
      <c r="D130" s="59">
        <f>Jesper!AN124</f>
        <v>27.09928685445432</v>
      </c>
      <c r="E130" s="59">
        <f>Jesper!AO124</f>
        <v>40.648930281681473</v>
      </c>
      <c r="F130" s="59">
        <f>Jesper!AP124</f>
        <v>195.11486535207106</v>
      </c>
      <c r="G130" s="58">
        <f>Jesper!AQ124</f>
        <v>0</v>
      </c>
      <c r="H130" s="44">
        <v>123</v>
      </c>
      <c r="I130" s="56">
        <f>Bühler!I156</f>
        <v>0.1824159481599559</v>
      </c>
      <c r="J130" s="59">
        <f>Bühler!J156</f>
        <v>0.60805316053318648</v>
      </c>
      <c r="K130" s="59">
        <f>Bühler!K156</f>
        <v>0.91207974079977971</v>
      </c>
      <c r="L130" s="59">
        <f>Bühler!L156</f>
        <v>8.892553885305583</v>
      </c>
      <c r="M130" s="58">
        <f>Bühler!M156</f>
        <v>0</v>
      </c>
      <c r="N130" s="56">
        <f>IF(Input!$D$19=1,J130*Input!$C$19,0)+IF(Input!$D$20=1,K130*Input!$C$20,0)+IF(Input!$D$21=1,L130*Input!$C$21,0)+IF(Input!$D$22=1,M130*Input!$C$22,0)</f>
        <v>0.18241594815995593</v>
      </c>
      <c r="O130" s="59">
        <f>IF(Input!$D$19=2,J130*Input!$C$19,0)+IF(Input!$D$20=2,K130*Input!$C$20,0)+IF(Input!$D$21=2,L130*Input!$C$21,0)+IF(Input!$D$22=2,M130*Input!$C$22,0)</f>
        <v>0.45603987039988986</v>
      </c>
      <c r="P130" s="59">
        <f>IF(Input!$D$19=3,J130*Input!$C$19,0)+IF(Input!$D$20=3,K130*Input!$C$20,0)+IF(Input!$D$21=3,L130*Input!$C$21,0)+IF(Input!$D$22=3,M130*Input!$C$22,0)</f>
        <v>0</v>
      </c>
      <c r="Q130" s="75">
        <f>IF(Input!$D$19=4,J130*Input!$C$19,0)+IF(Input!$D$20=4,K130*Input!$C$20,0)+IF(Input!$D$21=4,L130*Input!$C$21,0)+IF(Input!$D$22=4,M130*Input!$C$22,0)</f>
        <v>0</v>
      </c>
      <c r="R130" s="58">
        <v>51.157195616585575</v>
      </c>
      <c r="S130" s="124">
        <f t="shared" si="1"/>
        <v>0.79046910869314235</v>
      </c>
    </row>
    <row r="131" spans="2:19" x14ac:dyDescent="0.3">
      <c r="B131" s="44">
        <v>124</v>
      </c>
      <c r="C131" s="56">
        <f>Jesper!AM125</f>
        <v>8.0795446478450188</v>
      </c>
      <c r="D131" s="59">
        <f>Jesper!AN125</f>
        <v>26.931815492816732</v>
      </c>
      <c r="E131" s="59">
        <f>Jesper!AO125</f>
        <v>40.397723239225094</v>
      </c>
      <c r="F131" s="59">
        <f>Jesper!AP125</f>
        <v>193.90907154828045</v>
      </c>
      <c r="G131" s="58">
        <f>Jesper!AQ125</f>
        <v>0</v>
      </c>
      <c r="H131" s="44">
        <v>124</v>
      </c>
      <c r="I131" s="56">
        <f>Bühler!I157</f>
        <v>0.1824159481599559</v>
      </c>
      <c r="J131" s="59">
        <f>Bühler!J157</f>
        <v>0.60805316053318648</v>
      </c>
      <c r="K131" s="59">
        <f>Bühler!K157</f>
        <v>0.91207974079977971</v>
      </c>
      <c r="L131" s="59">
        <f>Bühler!L157</f>
        <v>8.892553885305583</v>
      </c>
      <c r="M131" s="58">
        <f>Bühler!M157</f>
        <v>0</v>
      </c>
      <c r="N131" s="56">
        <f>IF(Input!$D$19=1,J131*Input!$C$19,0)+IF(Input!$D$20=1,K131*Input!$C$20,0)+IF(Input!$D$21=1,L131*Input!$C$21,0)+IF(Input!$D$22=1,M131*Input!$C$22,0)</f>
        <v>0.18241594815995593</v>
      </c>
      <c r="O131" s="59">
        <f>IF(Input!$D$19=2,J131*Input!$C$19,0)+IF(Input!$D$20=2,K131*Input!$C$20,0)+IF(Input!$D$21=2,L131*Input!$C$21,0)+IF(Input!$D$22=2,M131*Input!$C$22,0)</f>
        <v>0.45603987039988986</v>
      </c>
      <c r="P131" s="59">
        <f>IF(Input!$D$19=3,J131*Input!$C$19,0)+IF(Input!$D$20=3,K131*Input!$C$20,0)+IF(Input!$D$21=3,L131*Input!$C$21,0)+IF(Input!$D$22=3,M131*Input!$C$22,0)</f>
        <v>0</v>
      </c>
      <c r="Q131" s="75">
        <f>IF(Input!$D$19=4,J131*Input!$C$19,0)+IF(Input!$D$20=4,K131*Input!$C$20,0)+IF(Input!$D$21=4,L131*Input!$C$21,0)+IF(Input!$D$22=4,M131*Input!$C$22,0)</f>
        <v>0</v>
      </c>
      <c r="R131" s="58">
        <v>50.378370881130543</v>
      </c>
      <c r="S131" s="124">
        <f t="shared" si="1"/>
        <v>0.79046910869314235</v>
      </c>
    </row>
    <row r="132" spans="2:19" x14ac:dyDescent="0.3">
      <c r="B132" s="44">
        <v>125</v>
      </c>
      <c r="C132" s="56">
        <f>Jesper!AM126</f>
        <v>4.2001615400569907</v>
      </c>
      <c r="D132" s="59">
        <f>Jesper!AN126</f>
        <v>14.000538466856637</v>
      </c>
      <c r="E132" s="59">
        <f>Jesper!AO126</f>
        <v>21.000807700284955</v>
      </c>
      <c r="F132" s="59">
        <f>Jesper!AP126</f>
        <v>244.13777792893066</v>
      </c>
      <c r="G132" s="58">
        <f>Jesper!AQ126</f>
        <v>0</v>
      </c>
      <c r="H132" s="44">
        <v>125</v>
      </c>
      <c r="I132" s="56">
        <f>Bühler!I158</f>
        <v>0.1824159481599559</v>
      </c>
      <c r="J132" s="59">
        <f>Bühler!J158</f>
        <v>0.60805316053318648</v>
      </c>
      <c r="K132" s="59">
        <f>Bühler!K158</f>
        <v>0.91207974079977971</v>
      </c>
      <c r="L132" s="59">
        <f>Bühler!L158</f>
        <v>8.892553885305583</v>
      </c>
      <c r="M132" s="58">
        <f>Bühler!M158</f>
        <v>0</v>
      </c>
      <c r="N132" s="56">
        <f>IF(Input!$D$19=1,J132*Input!$C$19,0)+IF(Input!$D$20=1,K132*Input!$C$20,0)+IF(Input!$D$21=1,L132*Input!$C$21,0)+IF(Input!$D$22=1,M132*Input!$C$22,0)</f>
        <v>0.18241594815995593</v>
      </c>
      <c r="O132" s="59">
        <f>IF(Input!$D$19=2,J132*Input!$C$19,0)+IF(Input!$D$20=2,K132*Input!$C$20,0)+IF(Input!$D$21=2,L132*Input!$C$21,0)+IF(Input!$D$22=2,M132*Input!$C$22,0)</f>
        <v>0.45603987039988986</v>
      </c>
      <c r="P132" s="59">
        <f>IF(Input!$D$19=3,J132*Input!$C$19,0)+IF(Input!$D$20=3,K132*Input!$C$20,0)+IF(Input!$D$21=3,L132*Input!$C$21,0)+IF(Input!$D$22=3,M132*Input!$C$22,0)</f>
        <v>0</v>
      </c>
      <c r="Q132" s="75">
        <f>IF(Input!$D$19=4,J132*Input!$C$19,0)+IF(Input!$D$20=4,K132*Input!$C$20,0)+IF(Input!$D$21=4,L132*Input!$C$21,0)+IF(Input!$D$22=4,M132*Input!$C$22,0)</f>
        <v>0</v>
      </c>
      <c r="R132" s="58">
        <v>50.040000009520888</v>
      </c>
      <c r="S132" s="124">
        <f t="shared" si="1"/>
        <v>0.79046910869314235</v>
      </c>
    </row>
    <row r="133" spans="2:19" x14ac:dyDescent="0.3">
      <c r="B133" s="44">
        <v>126</v>
      </c>
      <c r="C133" s="56">
        <f>Jesper!AM127</f>
        <v>3.8994267966485676</v>
      </c>
      <c r="D133" s="59">
        <f>Jesper!AN127</f>
        <v>12.998089322161894</v>
      </c>
      <c r="E133" s="59">
        <f>Jesper!AO127</f>
        <v>19.49713398324284</v>
      </c>
      <c r="F133" s="59">
        <f>Jesper!AP127</f>
        <v>237.35433799783016</v>
      </c>
      <c r="G133" s="58">
        <f>Jesper!AQ127</f>
        <v>0</v>
      </c>
      <c r="H133" s="44">
        <v>126</v>
      </c>
      <c r="I133" s="56">
        <f>Bühler!I159</f>
        <v>0.22690764283311587</v>
      </c>
      <c r="J133" s="59">
        <f>Bühler!J159</f>
        <v>0.75635880944371969</v>
      </c>
      <c r="K133" s="59">
        <f>Bühler!K159</f>
        <v>1.1345382141655795</v>
      </c>
      <c r="L133" s="59">
        <f>Bühler!L159</f>
        <v>11.061469467087431</v>
      </c>
      <c r="M133" s="58">
        <f>Bühler!M159</f>
        <v>0</v>
      </c>
      <c r="N133" s="56">
        <f>IF(Input!$D$19=1,J133*Input!$C$19,0)+IF(Input!$D$20=1,K133*Input!$C$20,0)+IF(Input!$D$21=1,L133*Input!$C$21,0)+IF(Input!$D$22=1,M133*Input!$C$22,0)</f>
        <v>0.2269076428331159</v>
      </c>
      <c r="O133" s="59">
        <f>IF(Input!$D$19=2,J133*Input!$C$19,0)+IF(Input!$D$20=2,K133*Input!$C$20,0)+IF(Input!$D$21=2,L133*Input!$C$21,0)+IF(Input!$D$22=2,M133*Input!$C$22,0)</f>
        <v>0.56726910708278977</v>
      </c>
      <c r="P133" s="59">
        <f>IF(Input!$D$19=3,J133*Input!$C$19,0)+IF(Input!$D$20=3,K133*Input!$C$20,0)+IF(Input!$D$21=3,L133*Input!$C$21,0)+IF(Input!$D$22=3,M133*Input!$C$22,0)</f>
        <v>0</v>
      </c>
      <c r="Q133" s="75">
        <f>IF(Input!$D$19=4,J133*Input!$C$19,0)+IF(Input!$D$20=4,K133*Input!$C$20,0)+IF(Input!$D$21=4,L133*Input!$C$21,0)+IF(Input!$D$22=4,M133*Input!$C$22,0)</f>
        <v>0</v>
      </c>
      <c r="R133" s="58">
        <v>50.510807844466662</v>
      </c>
      <c r="S133" s="124">
        <f t="shared" si="1"/>
        <v>0.98326645227683551</v>
      </c>
    </row>
    <row r="134" spans="2:19" x14ac:dyDescent="0.3">
      <c r="B134" s="44">
        <v>127</v>
      </c>
      <c r="C134" s="56">
        <f>Jesper!AM128</f>
        <v>7.8171728479461349</v>
      </c>
      <c r="D134" s="59">
        <f>Jesper!AN128</f>
        <v>26.057242826487119</v>
      </c>
      <c r="E134" s="59">
        <f>Jesper!AO128</f>
        <v>39.085864239730675</v>
      </c>
      <c r="F134" s="59">
        <f>Jesper!AP128</f>
        <v>187.61214835070723</v>
      </c>
      <c r="G134" s="58">
        <f>Jesper!AQ128</f>
        <v>0</v>
      </c>
      <c r="H134" s="44">
        <v>127</v>
      </c>
      <c r="I134" s="56">
        <f>Bühler!I160</f>
        <v>0.28474684590822386</v>
      </c>
      <c r="J134" s="59">
        <f>Bühler!J160</f>
        <v>0.94915615302741296</v>
      </c>
      <c r="K134" s="59">
        <f>Bühler!K160</f>
        <v>1.4237342295411195</v>
      </c>
      <c r="L134" s="59">
        <f>Bühler!L160</f>
        <v>13.881059723403835</v>
      </c>
      <c r="M134" s="58">
        <f>Bühler!M160</f>
        <v>0</v>
      </c>
      <c r="N134" s="56">
        <f>IF(Input!$D$19=1,J134*Input!$C$19,0)+IF(Input!$D$20=1,K134*Input!$C$20,0)+IF(Input!$D$21=1,L134*Input!$C$21,0)+IF(Input!$D$22=1,M134*Input!$C$22,0)</f>
        <v>0.28474684590822386</v>
      </c>
      <c r="O134" s="59">
        <f>IF(Input!$D$19=2,J134*Input!$C$19,0)+IF(Input!$D$20=2,K134*Input!$C$20,0)+IF(Input!$D$21=2,L134*Input!$C$21,0)+IF(Input!$D$22=2,M134*Input!$C$22,0)</f>
        <v>0.71186711477055975</v>
      </c>
      <c r="P134" s="59">
        <f>IF(Input!$D$19=3,J134*Input!$C$19,0)+IF(Input!$D$20=3,K134*Input!$C$20,0)+IF(Input!$D$21=3,L134*Input!$C$21,0)+IF(Input!$D$22=3,M134*Input!$C$22,0)</f>
        <v>0</v>
      </c>
      <c r="Q134" s="75">
        <f>IF(Input!$D$19=4,J134*Input!$C$19,0)+IF(Input!$D$20=4,K134*Input!$C$20,0)+IF(Input!$D$21=4,L134*Input!$C$21,0)+IF(Input!$D$22=4,M134*Input!$C$22,0)</f>
        <v>0</v>
      </c>
      <c r="R134" s="58">
        <v>51.463195792984038</v>
      </c>
      <c r="S134" s="124">
        <f t="shared" si="1"/>
        <v>1.2339029989356369</v>
      </c>
    </row>
    <row r="135" spans="2:19" x14ac:dyDescent="0.3">
      <c r="B135" s="44">
        <v>128</v>
      </c>
      <c r="C135" s="56">
        <f>Jesper!AM129</f>
        <v>7.6720310011935613</v>
      </c>
      <c r="D135" s="59">
        <f>Jesper!AN129</f>
        <v>25.573436670645208</v>
      </c>
      <c r="E135" s="59">
        <f>Jesper!AO129</f>
        <v>38.360155005967805</v>
      </c>
      <c r="F135" s="59">
        <f>Jesper!AP129</f>
        <v>184.12874402864546</v>
      </c>
      <c r="G135" s="58">
        <f>Jesper!AQ129</f>
        <v>0</v>
      </c>
      <c r="H135" s="44">
        <v>128</v>
      </c>
      <c r="I135" s="56">
        <f>Bühler!I161</f>
        <v>0.3247893711140678</v>
      </c>
      <c r="J135" s="59">
        <f>Bühler!J161</f>
        <v>1.0826312370468929</v>
      </c>
      <c r="K135" s="59">
        <f>Bühler!K161</f>
        <v>1.6239468555703394</v>
      </c>
      <c r="L135" s="59">
        <f>Bühler!L161</f>
        <v>15.8330837470075</v>
      </c>
      <c r="M135" s="58">
        <f>Bühler!M161</f>
        <v>0</v>
      </c>
      <c r="N135" s="56">
        <f>IF(Input!$D$19=1,J135*Input!$C$19,0)+IF(Input!$D$20=1,K135*Input!$C$20,0)+IF(Input!$D$21=1,L135*Input!$C$21,0)+IF(Input!$D$22=1,M135*Input!$C$22,0)</f>
        <v>0.32478937111406786</v>
      </c>
      <c r="O135" s="59">
        <f>IF(Input!$D$19=2,J135*Input!$C$19,0)+IF(Input!$D$20=2,K135*Input!$C$20,0)+IF(Input!$D$21=2,L135*Input!$C$21,0)+IF(Input!$D$22=2,M135*Input!$C$22,0)</f>
        <v>0.81197342778516968</v>
      </c>
      <c r="P135" s="59">
        <f>IF(Input!$D$19=3,J135*Input!$C$19,0)+IF(Input!$D$20=3,K135*Input!$C$20,0)+IF(Input!$D$21=3,L135*Input!$C$21,0)+IF(Input!$D$22=3,M135*Input!$C$22,0)</f>
        <v>0</v>
      </c>
      <c r="Q135" s="75">
        <f>IF(Input!$D$19=4,J135*Input!$C$19,0)+IF(Input!$D$20=4,K135*Input!$C$20,0)+IF(Input!$D$21=4,L135*Input!$C$21,0)+IF(Input!$D$22=4,M135*Input!$C$22,0)</f>
        <v>0</v>
      </c>
      <c r="R135" s="58">
        <v>51.743171555156572</v>
      </c>
      <c r="S135" s="124">
        <f t="shared" si="1"/>
        <v>1.4074206081609608</v>
      </c>
    </row>
    <row r="136" spans="2:19" x14ac:dyDescent="0.3">
      <c r="B136" s="44">
        <v>129</v>
      </c>
      <c r="C136" s="56">
        <f>Jesper!AM130</f>
        <v>7.5827129416535151</v>
      </c>
      <c r="D136" s="59">
        <f>Jesper!AN130</f>
        <v>25.27570980551172</v>
      </c>
      <c r="E136" s="59">
        <f>Jesper!AO130</f>
        <v>37.913564708267579</v>
      </c>
      <c r="F136" s="59">
        <f>Jesper!AP130</f>
        <v>181.98511059968436</v>
      </c>
      <c r="G136" s="58">
        <f>Jesper!AQ130</f>
        <v>0</v>
      </c>
      <c r="H136" s="44">
        <v>129</v>
      </c>
      <c r="I136" s="56">
        <f>Bühler!I162</f>
        <v>0.3247893711140678</v>
      </c>
      <c r="J136" s="59">
        <f>Bühler!J162</f>
        <v>1.0826312370468929</v>
      </c>
      <c r="K136" s="59">
        <f>Bühler!K162</f>
        <v>1.6239468555703394</v>
      </c>
      <c r="L136" s="59">
        <f>Bühler!L162</f>
        <v>15.8330837470075</v>
      </c>
      <c r="M136" s="58">
        <f>Bühler!M162</f>
        <v>0</v>
      </c>
      <c r="N136" s="56">
        <f>IF(Input!$D$19=1,J136*Input!$C$19,0)+IF(Input!$D$20=1,K136*Input!$C$20,0)+IF(Input!$D$21=1,L136*Input!$C$21,0)+IF(Input!$D$22=1,M136*Input!$C$22,0)</f>
        <v>0.32478937111406786</v>
      </c>
      <c r="O136" s="59">
        <f>IF(Input!$D$19=2,J136*Input!$C$19,0)+IF(Input!$D$20=2,K136*Input!$C$20,0)+IF(Input!$D$21=2,L136*Input!$C$21,0)+IF(Input!$D$22=2,M136*Input!$C$22,0)</f>
        <v>0.81197342778516968</v>
      </c>
      <c r="P136" s="59">
        <f>IF(Input!$D$19=3,J136*Input!$C$19,0)+IF(Input!$D$20=3,K136*Input!$C$20,0)+IF(Input!$D$21=3,L136*Input!$C$21,0)+IF(Input!$D$22=3,M136*Input!$C$22,0)</f>
        <v>0</v>
      </c>
      <c r="Q136" s="75">
        <f>IF(Input!$D$19=4,J136*Input!$C$19,0)+IF(Input!$D$20=4,K136*Input!$C$20,0)+IF(Input!$D$21=4,L136*Input!$C$21,0)+IF(Input!$D$22=4,M136*Input!$C$22,0)</f>
        <v>0</v>
      </c>
      <c r="R136" s="58">
        <v>51.430481092363685</v>
      </c>
      <c r="S136" s="124">
        <f t="shared" si="1"/>
        <v>1.4074206081609608</v>
      </c>
    </row>
    <row r="137" spans="2:19" x14ac:dyDescent="0.3">
      <c r="B137" s="44">
        <v>130</v>
      </c>
      <c r="C137" s="56">
        <f>Jesper!AM131</f>
        <v>7.5436362906047449</v>
      </c>
      <c r="D137" s="59">
        <f>Jesper!AN131</f>
        <v>25.145454302015821</v>
      </c>
      <c r="E137" s="59">
        <f>Jesper!AO131</f>
        <v>37.718181453023725</v>
      </c>
      <c r="F137" s="59">
        <f>Jesper!AP131</f>
        <v>181.04727097451388</v>
      </c>
      <c r="G137" s="58">
        <f>Jesper!AQ131</f>
        <v>0</v>
      </c>
      <c r="H137" s="44">
        <v>130</v>
      </c>
      <c r="I137" s="56">
        <f>Bühler!I163</f>
        <v>0.3247893711140678</v>
      </c>
      <c r="J137" s="59">
        <f>Bühler!J163</f>
        <v>1.0826312370468929</v>
      </c>
      <c r="K137" s="59">
        <f>Bühler!K163</f>
        <v>1.6239468555703394</v>
      </c>
      <c r="L137" s="59">
        <f>Bühler!L163</f>
        <v>15.8330837470075</v>
      </c>
      <c r="M137" s="58">
        <f>Bühler!M163</f>
        <v>0</v>
      </c>
      <c r="N137" s="56">
        <f>IF(Input!$D$19=1,J137*Input!$C$19,0)+IF(Input!$D$20=1,K137*Input!$C$20,0)+IF(Input!$D$21=1,L137*Input!$C$21,0)+IF(Input!$D$22=1,M137*Input!$C$22,0)</f>
        <v>0.32478937111406786</v>
      </c>
      <c r="O137" s="59">
        <f>IF(Input!$D$19=2,J137*Input!$C$19,0)+IF(Input!$D$20=2,K137*Input!$C$20,0)+IF(Input!$D$21=2,L137*Input!$C$21,0)+IF(Input!$D$22=2,M137*Input!$C$22,0)</f>
        <v>0.81197342778516968</v>
      </c>
      <c r="P137" s="59">
        <f>IF(Input!$D$19=3,J137*Input!$C$19,0)+IF(Input!$D$20=3,K137*Input!$C$20,0)+IF(Input!$D$21=3,L137*Input!$C$21,0)+IF(Input!$D$22=3,M137*Input!$C$22,0)</f>
        <v>0</v>
      </c>
      <c r="Q137" s="75">
        <f>IF(Input!$D$19=4,J137*Input!$C$19,0)+IF(Input!$D$20=4,K137*Input!$C$20,0)+IF(Input!$D$21=4,L137*Input!$C$21,0)+IF(Input!$D$22=4,M137*Input!$C$22,0)</f>
        <v>0</v>
      </c>
      <c r="R137" s="58">
        <v>50.336960585202405</v>
      </c>
      <c r="S137" s="124">
        <f t="shared" ref="S137:S200" si="2">I137+J137</f>
        <v>1.4074206081609608</v>
      </c>
    </row>
    <row r="138" spans="2:19" x14ac:dyDescent="0.3">
      <c r="B138" s="44">
        <v>131</v>
      </c>
      <c r="C138" s="56">
        <f>Jesper!AM132</f>
        <v>7.6608662437510553</v>
      </c>
      <c r="D138" s="59">
        <f>Jesper!AN132</f>
        <v>25.536220812503519</v>
      </c>
      <c r="E138" s="59">
        <f>Jesper!AO132</f>
        <v>38.304331218755273</v>
      </c>
      <c r="F138" s="59">
        <f>Jesper!AP132</f>
        <v>183.86078985002533</v>
      </c>
      <c r="G138" s="58">
        <f>Jesper!AQ132</f>
        <v>0</v>
      </c>
      <c r="H138" s="44">
        <v>131</v>
      </c>
      <c r="I138" s="56">
        <f>Bühler!I164</f>
        <v>0.3247893711140678</v>
      </c>
      <c r="J138" s="59">
        <f>Bühler!J164</f>
        <v>1.0826312370468929</v>
      </c>
      <c r="K138" s="59">
        <f>Bühler!K164</f>
        <v>1.6239468555703394</v>
      </c>
      <c r="L138" s="59">
        <f>Bühler!L164</f>
        <v>15.8330837470075</v>
      </c>
      <c r="M138" s="58">
        <f>Bühler!M164</f>
        <v>0</v>
      </c>
      <c r="N138" s="56">
        <f>IF(Input!$D$19=1,J138*Input!$C$19,0)+IF(Input!$D$20=1,K138*Input!$C$20,0)+IF(Input!$D$21=1,L138*Input!$C$21,0)+IF(Input!$D$22=1,M138*Input!$C$22,0)</f>
        <v>0.32478937111406786</v>
      </c>
      <c r="O138" s="59">
        <f>IF(Input!$D$19=2,J138*Input!$C$19,0)+IF(Input!$D$20=2,K138*Input!$C$20,0)+IF(Input!$D$21=2,L138*Input!$C$21,0)+IF(Input!$D$22=2,M138*Input!$C$22,0)</f>
        <v>0.81197342778516968</v>
      </c>
      <c r="P138" s="59">
        <f>IF(Input!$D$19=3,J138*Input!$C$19,0)+IF(Input!$D$20=3,K138*Input!$C$20,0)+IF(Input!$D$21=3,L138*Input!$C$21,0)+IF(Input!$D$22=3,M138*Input!$C$22,0)</f>
        <v>0</v>
      </c>
      <c r="Q138" s="75">
        <f>IF(Input!$D$19=4,J138*Input!$C$19,0)+IF(Input!$D$20=4,K138*Input!$C$20,0)+IF(Input!$D$21=4,L138*Input!$C$21,0)+IF(Input!$D$22=4,M138*Input!$C$22,0)</f>
        <v>0</v>
      </c>
      <c r="R138" s="58">
        <v>50.594651430229355</v>
      </c>
      <c r="S138" s="124">
        <f t="shared" si="2"/>
        <v>1.4074206081609608</v>
      </c>
    </row>
    <row r="139" spans="2:19" x14ac:dyDescent="0.3">
      <c r="B139" s="44">
        <v>132</v>
      </c>
      <c r="C139" s="56">
        <f>Jesper!AM133</f>
        <v>3.3510281469037952</v>
      </c>
      <c r="D139" s="59">
        <f>Jesper!AN133</f>
        <v>11.170093823012651</v>
      </c>
      <c r="E139" s="59">
        <f>Jesper!AO133</f>
        <v>16.755140734518978</v>
      </c>
      <c r="F139" s="59">
        <f>Jesper!AP133</f>
        <v>224.98453577052919</v>
      </c>
      <c r="G139" s="58">
        <f>Jesper!AQ133</f>
        <v>0</v>
      </c>
      <c r="H139" s="44">
        <v>132</v>
      </c>
      <c r="I139" s="56">
        <f>Bühler!I165</f>
        <v>0.3247893711140678</v>
      </c>
      <c r="J139" s="59">
        <f>Bühler!J165</f>
        <v>1.0826312370468929</v>
      </c>
      <c r="K139" s="59">
        <f>Bühler!K165</f>
        <v>1.6239468555703394</v>
      </c>
      <c r="L139" s="59">
        <f>Bühler!L165</f>
        <v>15.8330837470075</v>
      </c>
      <c r="M139" s="58">
        <f>Bühler!M165</f>
        <v>0</v>
      </c>
      <c r="N139" s="56">
        <f>IF(Input!$D$19=1,J139*Input!$C$19,0)+IF(Input!$D$20=1,K139*Input!$C$20,0)+IF(Input!$D$21=1,L139*Input!$C$21,0)+IF(Input!$D$22=1,M139*Input!$C$22,0)</f>
        <v>0.32478937111406786</v>
      </c>
      <c r="O139" s="59">
        <f>IF(Input!$D$19=2,J139*Input!$C$19,0)+IF(Input!$D$20=2,K139*Input!$C$20,0)+IF(Input!$D$21=2,L139*Input!$C$21,0)+IF(Input!$D$22=2,M139*Input!$C$22,0)</f>
        <v>0.81197342778516968</v>
      </c>
      <c r="P139" s="59">
        <f>IF(Input!$D$19=3,J139*Input!$C$19,0)+IF(Input!$D$20=3,K139*Input!$C$20,0)+IF(Input!$D$21=3,L139*Input!$C$21,0)+IF(Input!$D$22=3,M139*Input!$C$22,0)</f>
        <v>0</v>
      </c>
      <c r="Q139" s="75">
        <f>IF(Input!$D$19=4,J139*Input!$C$19,0)+IF(Input!$D$20=4,K139*Input!$C$20,0)+IF(Input!$D$21=4,L139*Input!$C$21,0)+IF(Input!$D$22=4,M139*Input!$C$22,0)</f>
        <v>0</v>
      </c>
      <c r="R139" s="58">
        <v>50.515720772849427</v>
      </c>
      <c r="S139" s="124">
        <f t="shared" si="2"/>
        <v>1.4074206081609608</v>
      </c>
    </row>
    <row r="140" spans="2:19" x14ac:dyDescent="0.3">
      <c r="B140" s="44">
        <v>133</v>
      </c>
      <c r="C140" s="56">
        <f>Jesper!AM134</f>
        <v>3.1210545195914712</v>
      </c>
      <c r="D140" s="59">
        <f>Jesper!AN134</f>
        <v>10.403515065304905</v>
      </c>
      <c r="E140" s="59">
        <f>Jesper!AO134</f>
        <v>15.605272597957358</v>
      </c>
      <c r="F140" s="59">
        <f>Jesper!AP134</f>
        <v>219.79719935262884</v>
      </c>
      <c r="G140" s="58">
        <f>Jesper!AQ134</f>
        <v>0</v>
      </c>
      <c r="H140" s="44">
        <v>133</v>
      </c>
      <c r="I140" s="56">
        <f>Bühler!I166</f>
        <v>0.3247893711140678</v>
      </c>
      <c r="J140" s="59">
        <f>Bühler!J166</f>
        <v>1.0826312370468929</v>
      </c>
      <c r="K140" s="59">
        <f>Bühler!K166</f>
        <v>1.6239468555703394</v>
      </c>
      <c r="L140" s="59">
        <f>Bühler!L166</f>
        <v>15.8330837470075</v>
      </c>
      <c r="M140" s="58">
        <f>Bühler!M166</f>
        <v>0</v>
      </c>
      <c r="N140" s="56">
        <f>IF(Input!$D$19=1,J140*Input!$C$19,0)+IF(Input!$D$20=1,K140*Input!$C$20,0)+IF(Input!$D$21=1,L140*Input!$C$21,0)+IF(Input!$D$22=1,M140*Input!$C$22,0)</f>
        <v>0.32478937111406786</v>
      </c>
      <c r="O140" s="59">
        <f>IF(Input!$D$19=2,J140*Input!$C$19,0)+IF(Input!$D$20=2,K140*Input!$C$20,0)+IF(Input!$D$21=2,L140*Input!$C$21,0)+IF(Input!$D$22=2,M140*Input!$C$22,0)</f>
        <v>0.81197342778516968</v>
      </c>
      <c r="P140" s="59">
        <f>IF(Input!$D$19=3,J140*Input!$C$19,0)+IF(Input!$D$20=3,K140*Input!$C$20,0)+IF(Input!$D$21=3,L140*Input!$C$21,0)+IF(Input!$D$22=3,M140*Input!$C$22,0)</f>
        <v>0</v>
      </c>
      <c r="Q140" s="75">
        <f>IF(Input!$D$19=4,J140*Input!$C$19,0)+IF(Input!$D$20=4,K140*Input!$C$20,0)+IF(Input!$D$21=4,L140*Input!$C$21,0)+IF(Input!$D$22=4,M140*Input!$C$22,0)</f>
        <v>0</v>
      </c>
      <c r="R140" s="58">
        <v>49.344998245786407</v>
      </c>
      <c r="S140" s="124">
        <f t="shared" si="2"/>
        <v>1.4074206081609608</v>
      </c>
    </row>
    <row r="141" spans="2:19" x14ac:dyDescent="0.3">
      <c r="B141" s="44">
        <v>134</v>
      </c>
      <c r="C141" s="56">
        <f>Jesper!AM135</f>
        <v>7.4710653672284586</v>
      </c>
      <c r="D141" s="59">
        <f>Jesper!AN135</f>
        <v>24.903551224094866</v>
      </c>
      <c r="E141" s="59">
        <f>Jesper!AO135</f>
        <v>37.355326836142297</v>
      </c>
      <c r="F141" s="59">
        <f>Jesper!AP135</f>
        <v>179.30556881348301</v>
      </c>
      <c r="G141" s="58">
        <f>Jesper!AQ135</f>
        <v>0</v>
      </c>
      <c r="H141" s="44">
        <v>134</v>
      </c>
      <c r="I141" s="56">
        <f>Bühler!I167</f>
        <v>0.3247893711140678</v>
      </c>
      <c r="J141" s="59">
        <f>Bühler!J167</f>
        <v>1.0826312370468929</v>
      </c>
      <c r="K141" s="59">
        <f>Bühler!K167</f>
        <v>1.6239468555703394</v>
      </c>
      <c r="L141" s="59">
        <f>Bühler!L167</f>
        <v>15.8330837470075</v>
      </c>
      <c r="M141" s="58">
        <f>Bühler!M167</f>
        <v>0</v>
      </c>
      <c r="N141" s="56">
        <f>IF(Input!$D$19=1,J141*Input!$C$19,0)+IF(Input!$D$20=1,K141*Input!$C$20,0)+IF(Input!$D$21=1,L141*Input!$C$21,0)+IF(Input!$D$22=1,M141*Input!$C$22,0)</f>
        <v>0.32478937111406786</v>
      </c>
      <c r="O141" s="59">
        <f>IF(Input!$D$19=2,J141*Input!$C$19,0)+IF(Input!$D$20=2,K141*Input!$C$20,0)+IF(Input!$D$21=2,L141*Input!$C$21,0)+IF(Input!$D$22=2,M141*Input!$C$22,0)</f>
        <v>0.81197342778516968</v>
      </c>
      <c r="P141" s="59">
        <f>IF(Input!$D$19=3,J141*Input!$C$19,0)+IF(Input!$D$20=3,K141*Input!$C$20,0)+IF(Input!$D$21=3,L141*Input!$C$21,0)+IF(Input!$D$22=3,M141*Input!$C$22,0)</f>
        <v>0</v>
      </c>
      <c r="Q141" s="75">
        <f>IF(Input!$D$19=4,J141*Input!$C$19,0)+IF(Input!$D$20=4,K141*Input!$C$20,0)+IF(Input!$D$21=4,L141*Input!$C$21,0)+IF(Input!$D$22=4,M141*Input!$C$22,0)</f>
        <v>0</v>
      </c>
      <c r="R141" s="58">
        <v>48.757957967542275</v>
      </c>
      <c r="S141" s="124">
        <f t="shared" si="2"/>
        <v>1.4074206081609608</v>
      </c>
    </row>
    <row r="142" spans="2:19" x14ac:dyDescent="0.3">
      <c r="B142" s="44">
        <v>135</v>
      </c>
      <c r="C142" s="56">
        <f>Jesper!AM136</f>
        <v>7.6552838650298023</v>
      </c>
      <c r="D142" s="59">
        <f>Jesper!AN136</f>
        <v>25.517612883432676</v>
      </c>
      <c r="E142" s="59">
        <f>Jesper!AO136</f>
        <v>38.276419325149014</v>
      </c>
      <c r="F142" s="59">
        <f>Jesper!AP136</f>
        <v>183.72681276071526</v>
      </c>
      <c r="G142" s="58">
        <f>Jesper!AQ136</f>
        <v>0</v>
      </c>
      <c r="H142" s="44">
        <v>135</v>
      </c>
      <c r="I142" s="56">
        <f>Bühler!I168</f>
        <v>0.3247893711140678</v>
      </c>
      <c r="J142" s="59">
        <f>Bühler!J168</f>
        <v>1.0826312370468929</v>
      </c>
      <c r="K142" s="59">
        <f>Bühler!K168</f>
        <v>1.6239468555703394</v>
      </c>
      <c r="L142" s="59">
        <f>Bühler!L168</f>
        <v>15.8330837470075</v>
      </c>
      <c r="M142" s="58">
        <f>Bühler!M168</f>
        <v>0</v>
      </c>
      <c r="N142" s="56">
        <f>IF(Input!$D$19=1,J142*Input!$C$19,0)+IF(Input!$D$20=1,K142*Input!$C$20,0)+IF(Input!$D$21=1,L142*Input!$C$21,0)+IF(Input!$D$22=1,M142*Input!$C$22,0)</f>
        <v>0.32478937111406786</v>
      </c>
      <c r="O142" s="59">
        <f>IF(Input!$D$19=2,J142*Input!$C$19,0)+IF(Input!$D$20=2,K142*Input!$C$20,0)+IF(Input!$D$21=2,L142*Input!$C$21,0)+IF(Input!$D$22=2,M142*Input!$C$22,0)</f>
        <v>0.81197342778516968</v>
      </c>
      <c r="P142" s="59">
        <f>IF(Input!$D$19=3,J142*Input!$C$19,0)+IF(Input!$D$20=3,K142*Input!$C$20,0)+IF(Input!$D$21=3,L142*Input!$C$21,0)+IF(Input!$D$22=3,M142*Input!$C$22,0)</f>
        <v>0</v>
      </c>
      <c r="Q142" s="75">
        <f>IF(Input!$D$19=4,J142*Input!$C$19,0)+IF(Input!$D$20=4,K142*Input!$C$20,0)+IF(Input!$D$21=4,L142*Input!$C$21,0)+IF(Input!$D$22=4,M142*Input!$C$22,0)</f>
        <v>0</v>
      </c>
      <c r="R142" s="58">
        <v>48.274634035456685</v>
      </c>
      <c r="S142" s="124">
        <f t="shared" si="2"/>
        <v>1.4074206081609608</v>
      </c>
    </row>
    <row r="143" spans="2:19" x14ac:dyDescent="0.3">
      <c r="B143" s="44">
        <v>136</v>
      </c>
      <c r="C143" s="56">
        <f>Jesper!AM137</f>
        <v>7.9344028010924443</v>
      </c>
      <c r="D143" s="59">
        <f>Jesper!AN137</f>
        <v>26.448009336974817</v>
      </c>
      <c r="E143" s="59">
        <f>Jesper!AO137</f>
        <v>39.672014005462223</v>
      </c>
      <c r="F143" s="59">
        <f>Jesper!AP137</f>
        <v>190.42566722621865</v>
      </c>
      <c r="G143" s="58">
        <f>Jesper!AQ137</f>
        <v>0</v>
      </c>
      <c r="H143" s="44">
        <v>136</v>
      </c>
      <c r="I143" s="56">
        <f>Bühler!I169</f>
        <v>0.29364518484285584</v>
      </c>
      <c r="J143" s="59">
        <f>Bühler!J169</f>
        <v>0.97881728280951952</v>
      </c>
      <c r="K143" s="59">
        <f>Bühler!K169</f>
        <v>1.4682259242142792</v>
      </c>
      <c r="L143" s="59">
        <f>Bühler!L169</f>
        <v>14.314842839760205</v>
      </c>
      <c r="M143" s="58">
        <f>Bühler!M169</f>
        <v>0</v>
      </c>
      <c r="N143" s="56">
        <f>IF(Input!$D$19=1,J143*Input!$C$19,0)+IF(Input!$D$20=1,K143*Input!$C$20,0)+IF(Input!$D$21=1,L143*Input!$C$21,0)+IF(Input!$D$22=1,M143*Input!$C$22,0)</f>
        <v>0.29364518484285584</v>
      </c>
      <c r="O143" s="59">
        <f>IF(Input!$D$19=2,J143*Input!$C$19,0)+IF(Input!$D$20=2,K143*Input!$C$20,0)+IF(Input!$D$21=2,L143*Input!$C$21,0)+IF(Input!$D$22=2,M143*Input!$C$22,0)</f>
        <v>0.73411296210713961</v>
      </c>
      <c r="P143" s="59">
        <f>IF(Input!$D$19=3,J143*Input!$C$19,0)+IF(Input!$D$20=3,K143*Input!$C$20,0)+IF(Input!$D$21=3,L143*Input!$C$21,0)+IF(Input!$D$22=3,M143*Input!$C$22,0)</f>
        <v>0</v>
      </c>
      <c r="Q143" s="75">
        <f>IF(Input!$D$19=4,J143*Input!$C$19,0)+IF(Input!$D$20=4,K143*Input!$C$20,0)+IF(Input!$D$21=4,L143*Input!$C$21,0)+IF(Input!$D$22=4,M143*Input!$C$22,0)</f>
        <v>0</v>
      </c>
      <c r="R143" s="58">
        <v>47.651178806608243</v>
      </c>
      <c r="S143" s="124">
        <f t="shared" si="2"/>
        <v>1.2724624676523755</v>
      </c>
    </row>
    <row r="144" spans="2:19" x14ac:dyDescent="0.3">
      <c r="B144" s="44">
        <v>137</v>
      </c>
      <c r="C144" s="56">
        <f>Jesper!AM138</f>
        <v>8.0516327542387529</v>
      </c>
      <c r="D144" s="59">
        <f>Jesper!AN138</f>
        <v>26.838775847462514</v>
      </c>
      <c r="E144" s="59">
        <f>Jesper!AO138</f>
        <v>40.258163771193765</v>
      </c>
      <c r="F144" s="59">
        <f>Jesper!AP138</f>
        <v>193.23918610173007</v>
      </c>
      <c r="G144" s="58">
        <f>Jesper!AQ138</f>
        <v>0</v>
      </c>
      <c r="H144" s="44">
        <v>137</v>
      </c>
      <c r="I144" s="56">
        <f>Bühler!I170</f>
        <v>0.26695016803895982</v>
      </c>
      <c r="J144" s="59">
        <f>Bühler!J170</f>
        <v>0.88983389346319952</v>
      </c>
      <c r="K144" s="59">
        <f>Bühler!K170</f>
        <v>1.3347508401947994</v>
      </c>
      <c r="L144" s="59">
        <f>Bühler!L170</f>
        <v>13.013493490691095</v>
      </c>
      <c r="M144" s="58">
        <f>Bühler!M170</f>
        <v>0</v>
      </c>
      <c r="N144" s="56">
        <f>IF(Input!$D$19=1,J144*Input!$C$19,0)+IF(Input!$D$20=1,K144*Input!$C$20,0)+IF(Input!$D$21=1,L144*Input!$C$21,0)+IF(Input!$D$22=1,M144*Input!$C$22,0)</f>
        <v>0.26695016803895982</v>
      </c>
      <c r="O144" s="59">
        <f>IF(Input!$D$19=2,J144*Input!$C$19,0)+IF(Input!$D$20=2,K144*Input!$C$20,0)+IF(Input!$D$21=2,L144*Input!$C$21,0)+IF(Input!$D$22=2,M144*Input!$C$22,0)</f>
        <v>0.6673754200973997</v>
      </c>
      <c r="P144" s="59">
        <f>IF(Input!$D$19=3,J144*Input!$C$19,0)+IF(Input!$D$20=3,K144*Input!$C$20,0)+IF(Input!$D$21=3,L144*Input!$C$21,0)+IF(Input!$D$22=3,M144*Input!$C$22,0)</f>
        <v>0</v>
      </c>
      <c r="Q144" s="75">
        <f>IF(Input!$D$19=4,J144*Input!$C$19,0)+IF(Input!$D$20=4,K144*Input!$C$20,0)+IF(Input!$D$21=4,L144*Input!$C$21,0)+IF(Input!$D$22=4,M144*Input!$C$22,0)</f>
        <v>0</v>
      </c>
      <c r="R144" s="58">
        <v>47.009063456535287</v>
      </c>
      <c r="S144" s="124">
        <f t="shared" si="2"/>
        <v>1.1567840615021594</v>
      </c>
    </row>
    <row r="145" spans="2:19" x14ac:dyDescent="0.3">
      <c r="B145" s="44">
        <v>138</v>
      </c>
      <c r="C145" s="56">
        <f>Jesper!AM139</f>
        <v>7.7669314394548588</v>
      </c>
      <c r="D145" s="59">
        <f>Jesper!AN139</f>
        <v>25.889771464849531</v>
      </c>
      <c r="E145" s="59">
        <f>Jesper!AO139</f>
        <v>38.834657197274296</v>
      </c>
      <c r="F145" s="59">
        <f>Jesper!AP139</f>
        <v>186.40635454691662</v>
      </c>
      <c r="G145" s="58">
        <f>Jesper!AQ139</f>
        <v>0</v>
      </c>
      <c r="H145" s="44">
        <v>138</v>
      </c>
      <c r="I145" s="56">
        <f>Bühler!I171</f>
        <v>0.24025515123506391</v>
      </c>
      <c r="J145" s="59">
        <f>Bühler!J171</f>
        <v>0.80085050411687975</v>
      </c>
      <c r="K145" s="59">
        <f>Bühler!K171</f>
        <v>1.2012757561753196</v>
      </c>
      <c r="L145" s="59">
        <f>Bühler!L171</f>
        <v>11.712144141621987</v>
      </c>
      <c r="M145" s="58">
        <f>Bühler!M171</f>
        <v>0</v>
      </c>
      <c r="N145" s="56">
        <f>IF(Input!$D$19=1,J145*Input!$C$19,0)+IF(Input!$D$20=1,K145*Input!$C$20,0)+IF(Input!$D$21=1,L145*Input!$C$21,0)+IF(Input!$D$22=1,M145*Input!$C$22,0)</f>
        <v>0.24025515123506391</v>
      </c>
      <c r="O145" s="59">
        <f>IF(Input!$D$19=2,J145*Input!$C$19,0)+IF(Input!$D$20=2,K145*Input!$C$20,0)+IF(Input!$D$21=2,L145*Input!$C$21,0)+IF(Input!$D$22=2,M145*Input!$C$22,0)</f>
        <v>0.60063787808765978</v>
      </c>
      <c r="P145" s="59">
        <f>IF(Input!$D$19=3,J145*Input!$C$19,0)+IF(Input!$D$20=3,K145*Input!$C$20,0)+IF(Input!$D$21=3,L145*Input!$C$21,0)+IF(Input!$D$22=3,M145*Input!$C$22,0)</f>
        <v>0</v>
      </c>
      <c r="Q145" s="75">
        <f>IF(Input!$D$19=4,J145*Input!$C$19,0)+IF(Input!$D$20=4,K145*Input!$C$20,0)+IF(Input!$D$21=4,L145*Input!$C$21,0)+IF(Input!$D$22=4,M145*Input!$C$22,0)</f>
        <v>0</v>
      </c>
      <c r="R145" s="58">
        <v>45.83365681499582</v>
      </c>
      <c r="S145" s="124">
        <f t="shared" si="2"/>
        <v>1.0411056553519438</v>
      </c>
    </row>
    <row r="146" spans="2:19" x14ac:dyDescent="0.3">
      <c r="B146" s="44">
        <v>139</v>
      </c>
      <c r="C146" s="56">
        <f>Jesper!AM140</f>
        <v>3.2271961937356202</v>
      </c>
      <c r="D146" s="59">
        <f>Jesper!AN140</f>
        <v>10.757320645785402</v>
      </c>
      <c r="E146" s="59">
        <f>Jesper!AO140</f>
        <v>16.135980968678105</v>
      </c>
      <c r="F146" s="59">
        <f>Jesper!AP140</f>
        <v>222.19135462242895</v>
      </c>
      <c r="G146" s="58">
        <f>Jesper!AQ140</f>
        <v>0</v>
      </c>
      <c r="H146" s="44">
        <v>139</v>
      </c>
      <c r="I146" s="56">
        <f>Bühler!I172</f>
        <v>0.23135681230043187</v>
      </c>
      <c r="J146" s="59">
        <f>Bühler!J172</f>
        <v>0.77118937433477297</v>
      </c>
      <c r="K146" s="59">
        <f>Bühler!K172</f>
        <v>1.1567840615021594</v>
      </c>
      <c r="L146" s="59">
        <f>Bühler!L172</f>
        <v>11.278361025265616</v>
      </c>
      <c r="M146" s="58">
        <f>Bühler!M172</f>
        <v>0</v>
      </c>
      <c r="N146" s="56">
        <f>IF(Input!$D$19=1,J146*Input!$C$19,0)+IF(Input!$D$20=1,K146*Input!$C$20,0)+IF(Input!$D$21=1,L146*Input!$C$21,0)+IF(Input!$D$22=1,M146*Input!$C$22,0)</f>
        <v>0.23135681230043187</v>
      </c>
      <c r="O146" s="59">
        <f>IF(Input!$D$19=2,J146*Input!$C$19,0)+IF(Input!$D$20=2,K146*Input!$C$20,0)+IF(Input!$D$21=2,L146*Input!$C$21,0)+IF(Input!$D$22=2,M146*Input!$C$22,0)</f>
        <v>0.5783920307510797</v>
      </c>
      <c r="P146" s="59">
        <f>IF(Input!$D$19=3,J146*Input!$C$19,0)+IF(Input!$D$20=3,K146*Input!$C$20,0)+IF(Input!$D$21=3,L146*Input!$C$21,0)+IF(Input!$D$22=3,M146*Input!$C$22,0)</f>
        <v>0</v>
      </c>
      <c r="Q146" s="75">
        <f>IF(Input!$D$19=4,J146*Input!$C$19,0)+IF(Input!$D$20=4,K146*Input!$C$20,0)+IF(Input!$D$21=4,L146*Input!$C$21,0)+IF(Input!$D$22=4,M146*Input!$C$22,0)</f>
        <v>0</v>
      </c>
      <c r="R146" s="58">
        <v>44.187247593672943</v>
      </c>
      <c r="S146" s="124">
        <f t="shared" si="2"/>
        <v>1.0025461866352048</v>
      </c>
    </row>
    <row r="147" spans="2:19" x14ac:dyDescent="0.3">
      <c r="B147" s="44">
        <v>140</v>
      </c>
      <c r="C147" s="56">
        <f>Jesper!AM141</f>
        <v>2.8910808922791467</v>
      </c>
      <c r="D147" s="59">
        <f>Jesper!AN141</f>
        <v>9.636936307597157</v>
      </c>
      <c r="E147" s="59">
        <f>Jesper!AO141</f>
        <v>14.455404461395734</v>
      </c>
      <c r="F147" s="59">
        <f>Jesper!AP141</f>
        <v>214.6098629347284</v>
      </c>
      <c r="G147" s="58">
        <f>Jesper!AQ141</f>
        <v>0</v>
      </c>
      <c r="H147" s="44">
        <v>140</v>
      </c>
      <c r="I147" s="56">
        <f>Bühler!I173</f>
        <v>0.1868651176272719</v>
      </c>
      <c r="J147" s="59">
        <f>Bühler!J173</f>
        <v>0.62288372542423975</v>
      </c>
      <c r="K147" s="59">
        <f>Bühler!K173</f>
        <v>0.93432558813635957</v>
      </c>
      <c r="L147" s="59">
        <f>Bühler!L173</f>
        <v>9.1094454434837662</v>
      </c>
      <c r="M147" s="58">
        <f>Bühler!M173</f>
        <v>0</v>
      </c>
      <c r="N147" s="56">
        <f>IF(Input!$D$19=1,J147*Input!$C$19,0)+IF(Input!$D$20=1,K147*Input!$C$20,0)+IF(Input!$D$21=1,L147*Input!$C$21,0)+IF(Input!$D$22=1,M147*Input!$C$22,0)</f>
        <v>0.18686511762727193</v>
      </c>
      <c r="O147" s="59">
        <f>IF(Input!$D$19=2,J147*Input!$C$19,0)+IF(Input!$D$20=2,K147*Input!$C$20,0)+IF(Input!$D$21=2,L147*Input!$C$21,0)+IF(Input!$D$22=2,M147*Input!$C$22,0)</f>
        <v>0.46716279406817979</v>
      </c>
      <c r="P147" s="59">
        <f>IF(Input!$D$19=3,J147*Input!$C$19,0)+IF(Input!$D$20=3,K147*Input!$C$20,0)+IF(Input!$D$21=3,L147*Input!$C$21,0)+IF(Input!$D$22=3,M147*Input!$C$22,0)</f>
        <v>0</v>
      </c>
      <c r="Q147" s="75">
        <f>IF(Input!$D$19=4,J147*Input!$C$19,0)+IF(Input!$D$20=4,K147*Input!$C$20,0)+IF(Input!$D$21=4,L147*Input!$C$21,0)+IF(Input!$D$22=4,M147*Input!$C$22,0)</f>
        <v>0</v>
      </c>
      <c r="R147" s="58">
        <v>43.894738905770552</v>
      </c>
      <c r="S147" s="124">
        <f t="shared" si="2"/>
        <v>0.80974884305151162</v>
      </c>
    </row>
    <row r="148" spans="2:19" x14ac:dyDescent="0.3">
      <c r="B148" s="44">
        <v>141</v>
      </c>
      <c r="C148" s="56">
        <f>Jesper!AM142</f>
        <v>7.6273719714235382</v>
      </c>
      <c r="D148" s="59">
        <f>Jesper!AN142</f>
        <v>25.424573238078462</v>
      </c>
      <c r="E148" s="59">
        <f>Jesper!AO142</f>
        <v>38.136859857117692</v>
      </c>
      <c r="F148" s="59">
        <f>Jesper!AP142</f>
        <v>183.05692731416491</v>
      </c>
      <c r="G148" s="58">
        <f>Jesper!AQ142</f>
        <v>0</v>
      </c>
      <c r="H148" s="44">
        <v>141</v>
      </c>
      <c r="I148" s="56">
        <f>Bühler!I174</f>
        <v>0.13792425348679593</v>
      </c>
      <c r="J148" s="59">
        <f>Bühler!J174</f>
        <v>0.45974751162265315</v>
      </c>
      <c r="K148" s="59">
        <f>Bühler!K174</f>
        <v>0.68962126743397978</v>
      </c>
      <c r="L148" s="59">
        <f>Bühler!L174</f>
        <v>6.7236383035237326</v>
      </c>
      <c r="M148" s="58">
        <f>Bühler!M174</f>
        <v>0</v>
      </c>
      <c r="N148" s="56">
        <f>IF(Input!$D$19=1,J148*Input!$C$19,0)+IF(Input!$D$20=1,K148*Input!$C$20,0)+IF(Input!$D$21=1,L148*Input!$C$21,0)+IF(Input!$D$22=1,M148*Input!$C$22,0)</f>
        <v>0.13792425348679593</v>
      </c>
      <c r="O148" s="59">
        <f>IF(Input!$D$19=2,J148*Input!$C$19,0)+IF(Input!$D$20=2,K148*Input!$C$20,0)+IF(Input!$D$21=2,L148*Input!$C$21,0)+IF(Input!$D$22=2,M148*Input!$C$22,0)</f>
        <v>0.34481063371698989</v>
      </c>
      <c r="P148" s="59">
        <f>IF(Input!$D$19=3,J148*Input!$C$19,0)+IF(Input!$D$20=3,K148*Input!$C$20,0)+IF(Input!$D$21=3,L148*Input!$C$21,0)+IF(Input!$D$22=3,M148*Input!$C$22,0)</f>
        <v>0</v>
      </c>
      <c r="Q148" s="75">
        <f>IF(Input!$D$19=4,J148*Input!$C$19,0)+IF(Input!$D$20=4,K148*Input!$C$20,0)+IF(Input!$D$21=4,L148*Input!$C$21,0)+IF(Input!$D$22=4,M148*Input!$C$22,0)</f>
        <v>0</v>
      </c>
      <c r="R148" s="58">
        <v>44.097184039419126</v>
      </c>
      <c r="S148" s="124">
        <f t="shared" si="2"/>
        <v>0.59767176510944908</v>
      </c>
    </row>
    <row r="149" spans="2:19" x14ac:dyDescent="0.3">
      <c r="B149" s="44">
        <v>142</v>
      </c>
      <c r="C149" s="56">
        <f>Jesper!AM143</f>
        <v>7.5827129416535151</v>
      </c>
      <c r="D149" s="59">
        <f>Jesper!AN143</f>
        <v>25.27570980551172</v>
      </c>
      <c r="E149" s="59">
        <f>Jesper!AO143</f>
        <v>37.913564708267579</v>
      </c>
      <c r="F149" s="59">
        <f>Jesper!AP143</f>
        <v>181.98511059968436</v>
      </c>
      <c r="G149" s="58">
        <f>Jesper!AQ143</f>
        <v>0</v>
      </c>
      <c r="H149" s="44">
        <v>142</v>
      </c>
      <c r="I149" s="56">
        <f>Bühler!I175</f>
        <v>0.13792425348679593</v>
      </c>
      <c r="J149" s="59">
        <f>Bühler!J175</f>
        <v>0.45974751162265315</v>
      </c>
      <c r="K149" s="59">
        <f>Bühler!K175</f>
        <v>0.68962126743397978</v>
      </c>
      <c r="L149" s="59">
        <f>Bühler!L175</f>
        <v>6.7236383035237326</v>
      </c>
      <c r="M149" s="58">
        <f>Bühler!M175</f>
        <v>0</v>
      </c>
      <c r="N149" s="56">
        <f>IF(Input!$D$19=1,J149*Input!$C$19,0)+IF(Input!$D$20=1,K149*Input!$C$20,0)+IF(Input!$D$21=1,L149*Input!$C$21,0)+IF(Input!$D$22=1,M149*Input!$C$22,0)</f>
        <v>0.13792425348679593</v>
      </c>
      <c r="O149" s="59">
        <f>IF(Input!$D$19=2,J149*Input!$C$19,0)+IF(Input!$D$20=2,K149*Input!$C$20,0)+IF(Input!$D$21=2,L149*Input!$C$21,0)+IF(Input!$D$22=2,M149*Input!$C$22,0)</f>
        <v>0.34481063371698989</v>
      </c>
      <c r="P149" s="59">
        <f>IF(Input!$D$19=3,J149*Input!$C$19,0)+IF(Input!$D$20=3,K149*Input!$C$20,0)+IF(Input!$D$21=3,L149*Input!$C$21,0)+IF(Input!$D$22=3,M149*Input!$C$22,0)</f>
        <v>0</v>
      </c>
      <c r="Q149" s="75">
        <f>IF(Input!$D$19=4,J149*Input!$C$19,0)+IF(Input!$D$20=4,K149*Input!$C$20,0)+IF(Input!$D$21=4,L149*Input!$C$21,0)+IF(Input!$D$22=4,M149*Input!$C$22,0)</f>
        <v>0</v>
      </c>
      <c r="R149" s="58">
        <v>43.901638000055144</v>
      </c>
      <c r="S149" s="124">
        <f t="shared" si="2"/>
        <v>0.59767176510944908</v>
      </c>
    </row>
    <row r="150" spans="2:19" x14ac:dyDescent="0.3">
      <c r="B150" s="44">
        <v>143</v>
      </c>
      <c r="C150" s="56">
        <f>Jesper!AM144</f>
        <v>7.822755226667387</v>
      </c>
      <c r="D150" s="59">
        <f>Jesper!AN144</f>
        <v>26.075850755557958</v>
      </c>
      <c r="E150" s="59">
        <f>Jesper!AO144</f>
        <v>39.113776133336934</v>
      </c>
      <c r="F150" s="59">
        <f>Jesper!AP144</f>
        <v>187.74612544001729</v>
      </c>
      <c r="G150" s="58">
        <f>Jesper!AQ144</f>
        <v>0</v>
      </c>
      <c r="H150" s="44">
        <v>143</v>
      </c>
      <c r="I150" s="56">
        <f>Bühler!I176</f>
        <v>0.13792425348679593</v>
      </c>
      <c r="J150" s="59">
        <f>Bühler!J176</f>
        <v>0.45974751162265315</v>
      </c>
      <c r="K150" s="59">
        <f>Bühler!K176</f>
        <v>0.68962126743397978</v>
      </c>
      <c r="L150" s="59">
        <f>Bühler!L176</f>
        <v>6.7236383035237326</v>
      </c>
      <c r="M150" s="58">
        <f>Bühler!M176</f>
        <v>0</v>
      </c>
      <c r="N150" s="56">
        <f>IF(Input!$D$19=1,J150*Input!$C$19,0)+IF(Input!$D$20=1,K150*Input!$C$20,0)+IF(Input!$D$21=1,L150*Input!$C$21,0)+IF(Input!$D$22=1,M150*Input!$C$22,0)</f>
        <v>0.13792425348679593</v>
      </c>
      <c r="O150" s="59">
        <f>IF(Input!$D$19=2,J150*Input!$C$19,0)+IF(Input!$D$20=2,K150*Input!$C$20,0)+IF(Input!$D$21=2,L150*Input!$C$21,0)+IF(Input!$D$22=2,M150*Input!$C$22,0)</f>
        <v>0.34481063371698989</v>
      </c>
      <c r="P150" s="59">
        <f>IF(Input!$D$19=3,J150*Input!$C$19,0)+IF(Input!$D$20=3,K150*Input!$C$20,0)+IF(Input!$D$21=3,L150*Input!$C$21,0)+IF(Input!$D$22=3,M150*Input!$C$22,0)</f>
        <v>0</v>
      </c>
      <c r="Q150" s="75">
        <f>IF(Input!$D$19=4,J150*Input!$C$19,0)+IF(Input!$D$20=4,K150*Input!$C$20,0)+IF(Input!$D$21=4,L150*Input!$C$21,0)+IF(Input!$D$22=4,M150*Input!$C$22,0)</f>
        <v>0</v>
      </c>
      <c r="R150" s="58">
        <v>44.586567911480344</v>
      </c>
      <c r="S150" s="124">
        <f t="shared" si="2"/>
        <v>0.59767176510944908</v>
      </c>
    </row>
    <row r="151" spans="2:19" x14ac:dyDescent="0.3">
      <c r="B151" s="44">
        <v>144</v>
      </c>
      <c r="C151" s="56">
        <f>Jesper!AM145</f>
        <v>7.8506671202736511</v>
      </c>
      <c r="D151" s="59">
        <f>Jesper!AN145</f>
        <v>26.168890400912172</v>
      </c>
      <c r="E151" s="59">
        <f>Jesper!AO145</f>
        <v>39.253335601368256</v>
      </c>
      <c r="F151" s="59">
        <f>Jesper!AP145</f>
        <v>188.41601088656762</v>
      </c>
      <c r="G151" s="58">
        <f>Jesper!AQ145</f>
        <v>0</v>
      </c>
      <c r="H151" s="44">
        <v>144</v>
      </c>
      <c r="I151" s="56">
        <f>Bühler!I177</f>
        <v>0.13792425348679593</v>
      </c>
      <c r="J151" s="59">
        <f>Bühler!J177</f>
        <v>0.45974751162265315</v>
      </c>
      <c r="K151" s="59">
        <f>Bühler!K177</f>
        <v>0.68962126743397978</v>
      </c>
      <c r="L151" s="59">
        <f>Bühler!L177</f>
        <v>6.7236383035237326</v>
      </c>
      <c r="M151" s="58">
        <f>Bühler!M177</f>
        <v>0</v>
      </c>
      <c r="N151" s="56">
        <f>IF(Input!$D$19=1,J151*Input!$C$19,0)+IF(Input!$D$20=1,K151*Input!$C$20,0)+IF(Input!$D$21=1,L151*Input!$C$21,0)+IF(Input!$D$22=1,M151*Input!$C$22,0)</f>
        <v>0.13792425348679593</v>
      </c>
      <c r="O151" s="59">
        <f>IF(Input!$D$19=2,J151*Input!$C$19,0)+IF(Input!$D$20=2,K151*Input!$C$20,0)+IF(Input!$D$21=2,L151*Input!$C$21,0)+IF(Input!$D$22=2,M151*Input!$C$22,0)</f>
        <v>0.34481063371698989</v>
      </c>
      <c r="P151" s="59">
        <f>IF(Input!$D$19=3,J151*Input!$C$19,0)+IF(Input!$D$20=3,K151*Input!$C$20,0)+IF(Input!$D$21=3,L151*Input!$C$21,0)+IF(Input!$D$22=3,M151*Input!$C$22,0)</f>
        <v>0</v>
      </c>
      <c r="Q151" s="75">
        <f>IF(Input!$D$19=4,J151*Input!$C$19,0)+IF(Input!$D$20=4,K151*Input!$C$20,0)+IF(Input!$D$21=4,L151*Input!$C$21,0)+IF(Input!$D$22=4,M151*Input!$C$22,0)</f>
        <v>0</v>
      </c>
      <c r="R151" s="58">
        <v>44.57155912356891</v>
      </c>
      <c r="S151" s="124">
        <f t="shared" si="2"/>
        <v>0.59767176510944908</v>
      </c>
    </row>
    <row r="152" spans="2:19" x14ac:dyDescent="0.3">
      <c r="B152" s="44">
        <v>145</v>
      </c>
      <c r="C152" s="56">
        <f>Jesper!AM146</f>
        <v>7.9902265883049735</v>
      </c>
      <c r="D152" s="59">
        <f>Jesper!AN146</f>
        <v>26.634088627683248</v>
      </c>
      <c r="E152" s="59">
        <f>Jesper!AO146</f>
        <v>39.951132941524868</v>
      </c>
      <c r="F152" s="59">
        <f>Jesper!AP146</f>
        <v>191.76543811931936</v>
      </c>
      <c r="G152" s="58">
        <f>Jesper!AQ146</f>
        <v>0</v>
      </c>
      <c r="H152" s="44">
        <v>145</v>
      </c>
      <c r="I152" s="56">
        <f>Bühler!I178</f>
        <v>0.14751712644053344</v>
      </c>
      <c r="J152" s="59">
        <f>Bühler!J178</f>
        <v>0.49172375480177821</v>
      </c>
      <c r="K152" s="59">
        <f>Bühler!K178</f>
        <v>0.73758563220266737</v>
      </c>
      <c r="L152" s="59">
        <f>Bühler!L178</f>
        <v>7.4332252329775814</v>
      </c>
      <c r="M152" s="58">
        <f>Bühler!M178</f>
        <v>0</v>
      </c>
      <c r="N152" s="56">
        <f>IF(Input!$D$19=1,J152*Input!$C$19,0)+IF(Input!$D$20=1,K152*Input!$C$20,0)+IF(Input!$D$21=1,L152*Input!$C$21,0)+IF(Input!$D$22=1,M152*Input!$C$22,0)</f>
        <v>0.14751712644053347</v>
      </c>
      <c r="O152" s="59">
        <f>IF(Input!$D$19=2,J152*Input!$C$19,0)+IF(Input!$D$20=2,K152*Input!$C$20,0)+IF(Input!$D$21=2,L152*Input!$C$21,0)+IF(Input!$D$22=2,M152*Input!$C$22,0)</f>
        <v>0.36879281610133369</v>
      </c>
      <c r="P152" s="59">
        <f>IF(Input!$D$19=3,J152*Input!$C$19,0)+IF(Input!$D$20=3,K152*Input!$C$20,0)+IF(Input!$D$21=3,L152*Input!$C$21,0)+IF(Input!$D$22=3,M152*Input!$C$22,0)</f>
        <v>0</v>
      </c>
      <c r="Q152" s="75">
        <f>IF(Input!$D$19=4,J152*Input!$C$19,0)+IF(Input!$D$20=4,K152*Input!$C$20,0)+IF(Input!$D$21=4,L152*Input!$C$21,0)+IF(Input!$D$22=4,M152*Input!$C$22,0)</f>
        <v>0</v>
      </c>
      <c r="R152" s="58">
        <v>41.658671010963744</v>
      </c>
      <c r="S152" s="124">
        <f t="shared" si="2"/>
        <v>0.6392408812423116</v>
      </c>
    </row>
    <row r="153" spans="2:19" x14ac:dyDescent="0.3">
      <c r="B153" s="44">
        <v>146</v>
      </c>
      <c r="C153" s="56">
        <f>Jesper!AM147</f>
        <v>4.2886129351771158</v>
      </c>
      <c r="D153" s="59">
        <f>Jesper!AN147</f>
        <v>14.295376450590387</v>
      </c>
      <c r="E153" s="59">
        <f>Jesper!AO147</f>
        <v>21.44306467588558</v>
      </c>
      <c r="F153" s="59">
        <f>Jesper!AP147</f>
        <v>246.1329073204308</v>
      </c>
      <c r="G153" s="58">
        <f>Jesper!AQ147</f>
        <v>0</v>
      </c>
      <c r="H153" s="44">
        <v>146</v>
      </c>
      <c r="I153" s="56">
        <f>Bühler!I179</f>
        <v>0.17131021135029692</v>
      </c>
      <c r="J153" s="59">
        <f>Bühler!J179</f>
        <v>0.57103403783432316</v>
      </c>
      <c r="K153" s="59">
        <f>Bühler!K179</f>
        <v>0.85655105675148469</v>
      </c>
      <c r="L153" s="59">
        <f>Bühler!L179</f>
        <v>8.6321325286191257</v>
      </c>
      <c r="M153" s="58">
        <f>Bühler!M179</f>
        <v>0</v>
      </c>
      <c r="N153" s="56">
        <f>IF(Input!$D$19=1,J153*Input!$C$19,0)+IF(Input!$D$20=1,K153*Input!$C$20,0)+IF(Input!$D$21=1,L153*Input!$C$21,0)+IF(Input!$D$22=1,M153*Input!$C$22,0)</f>
        <v>0.17131021135029695</v>
      </c>
      <c r="O153" s="59">
        <f>IF(Input!$D$19=2,J153*Input!$C$19,0)+IF(Input!$D$20=2,K153*Input!$C$20,0)+IF(Input!$D$21=2,L153*Input!$C$21,0)+IF(Input!$D$22=2,M153*Input!$C$22,0)</f>
        <v>0.42827552837574234</v>
      </c>
      <c r="P153" s="59">
        <f>IF(Input!$D$19=3,J153*Input!$C$19,0)+IF(Input!$D$20=3,K153*Input!$C$20,0)+IF(Input!$D$21=3,L153*Input!$C$21,0)+IF(Input!$D$22=3,M153*Input!$C$22,0)</f>
        <v>0</v>
      </c>
      <c r="Q153" s="75">
        <f>IF(Input!$D$19=4,J153*Input!$C$19,0)+IF(Input!$D$20=4,K153*Input!$C$20,0)+IF(Input!$D$21=4,L153*Input!$C$21,0)+IF(Input!$D$22=4,M153*Input!$C$22,0)</f>
        <v>0</v>
      </c>
      <c r="R153" s="58">
        <v>41.699324294931586</v>
      </c>
      <c r="S153" s="124">
        <f t="shared" si="2"/>
        <v>0.74234424918462005</v>
      </c>
    </row>
    <row r="154" spans="2:19" x14ac:dyDescent="0.3">
      <c r="B154" s="44">
        <v>147</v>
      </c>
      <c r="C154" s="56">
        <f>Jesper!AM148</f>
        <v>3.7932851225044186</v>
      </c>
      <c r="D154" s="59">
        <f>Jesper!AN148</f>
        <v>12.644283741681397</v>
      </c>
      <c r="E154" s="59">
        <f>Jesper!AO148</f>
        <v>18.966425612522094</v>
      </c>
      <c r="F154" s="59">
        <f>Jesper!AP148</f>
        <v>234.96018272802996</v>
      </c>
      <c r="G154" s="58">
        <f>Jesper!AQ148</f>
        <v>0</v>
      </c>
      <c r="H154" s="44">
        <v>147</v>
      </c>
      <c r="I154" s="56">
        <f>Bühler!I180</f>
        <v>0.17131021135029692</v>
      </c>
      <c r="J154" s="59">
        <f>Bühler!J180</f>
        <v>0.57103403783432316</v>
      </c>
      <c r="K154" s="59">
        <f>Bühler!K180</f>
        <v>0.85655105675148469</v>
      </c>
      <c r="L154" s="59">
        <f>Bühler!L180</f>
        <v>8.6321325286191257</v>
      </c>
      <c r="M154" s="58">
        <f>Bühler!M180</f>
        <v>0</v>
      </c>
      <c r="N154" s="56">
        <f>IF(Input!$D$19=1,J154*Input!$C$19,0)+IF(Input!$D$20=1,K154*Input!$C$20,0)+IF(Input!$D$21=1,L154*Input!$C$21,0)+IF(Input!$D$22=1,M154*Input!$C$22,0)</f>
        <v>0.17131021135029695</v>
      </c>
      <c r="O154" s="59">
        <f>IF(Input!$D$19=2,J154*Input!$C$19,0)+IF(Input!$D$20=2,K154*Input!$C$20,0)+IF(Input!$D$21=2,L154*Input!$C$21,0)+IF(Input!$D$22=2,M154*Input!$C$22,0)</f>
        <v>0.42827552837574234</v>
      </c>
      <c r="P154" s="59">
        <f>IF(Input!$D$19=3,J154*Input!$C$19,0)+IF(Input!$D$20=3,K154*Input!$C$20,0)+IF(Input!$D$21=3,L154*Input!$C$21,0)+IF(Input!$D$22=3,M154*Input!$C$22,0)</f>
        <v>0</v>
      </c>
      <c r="Q154" s="75">
        <f>IF(Input!$D$19=4,J154*Input!$C$19,0)+IF(Input!$D$20=4,K154*Input!$C$20,0)+IF(Input!$D$21=4,L154*Input!$C$21,0)+IF(Input!$D$22=4,M154*Input!$C$22,0)</f>
        <v>0</v>
      </c>
      <c r="R154" s="58">
        <v>42.006940820139128</v>
      </c>
      <c r="S154" s="124">
        <f t="shared" si="2"/>
        <v>0.74234424918462005</v>
      </c>
    </row>
    <row r="155" spans="2:19" x14ac:dyDescent="0.3">
      <c r="B155" s="44">
        <v>148</v>
      </c>
      <c r="C155" s="56">
        <f>Jesper!AM149</f>
        <v>7.9902265883049735</v>
      </c>
      <c r="D155" s="59">
        <f>Jesper!AN149</f>
        <v>26.634088627683248</v>
      </c>
      <c r="E155" s="59">
        <f>Jesper!AO149</f>
        <v>39.951132941524868</v>
      </c>
      <c r="F155" s="59">
        <f>Jesper!AP149</f>
        <v>191.76543811931936</v>
      </c>
      <c r="G155" s="58">
        <f>Jesper!AQ149</f>
        <v>0</v>
      </c>
      <c r="H155" s="44">
        <v>148</v>
      </c>
      <c r="I155" s="56">
        <f>Bühler!I181</f>
        <v>0.17131021135029692</v>
      </c>
      <c r="J155" s="59">
        <f>Bühler!J181</f>
        <v>0.57103403783432316</v>
      </c>
      <c r="K155" s="59">
        <f>Bühler!K181</f>
        <v>0.85655105675148469</v>
      </c>
      <c r="L155" s="59">
        <f>Bühler!L181</f>
        <v>8.6321325286191257</v>
      </c>
      <c r="M155" s="58">
        <f>Bühler!M181</f>
        <v>0</v>
      </c>
      <c r="N155" s="56">
        <f>IF(Input!$D$19=1,J155*Input!$C$19,0)+IF(Input!$D$20=1,K155*Input!$C$20,0)+IF(Input!$D$21=1,L155*Input!$C$21,0)+IF(Input!$D$22=1,M155*Input!$C$22,0)</f>
        <v>0.17131021135029695</v>
      </c>
      <c r="O155" s="59">
        <f>IF(Input!$D$19=2,J155*Input!$C$19,0)+IF(Input!$D$20=2,K155*Input!$C$20,0)+IF(Input!$D$21=2,L155*Input!$C$21,0)+IF(Input!$D$22=2,M155*Input!$C$22,0)</f>
        <v>0.42827552837574234</v>
      </c>
      <c r="P155" s="59">
        <f>IF(Input!$D$19=3,J155*Input!$C$19,0)+IF(Input!$D$20=3,K155*Input!$C$20,0)+IF(Input!$D$21=3,L155*Input!$C$21,0)+IF(Input!$D$22=3,M155*Input!$C$22,0)</f>
        <v>0</v>
      </c>
      <c r="Q155" s="75">
        <f>IF(Input!$D$19=4,J155*Input!$C$19,0)+IF(Input!$D$20=4,K155*Input!$C$20,0)+IF(Input!$D$21=4,L155*Input!$C$21,0)+IF(Input!$D$22=4,M155*Input!$C$22,0)</f>
        <v>0</v>
      </c>
      <c r="R155" s="58">
        <v>41.547967092933469</v>
      </c>
      <c r="S155" s="124">
        <f t="shared" si="2"/>
        <v>0.74234424918462005</v>
      </c>
    </row>
    <row r="156" spans="2:19" x14ac:dyDescent="0.3">
      <c r="B156" s="44">
        <v>149</v>
      </c>
      <c r="C156" s="56">
        <f>Jesper!AM150</f>
        <v>7.9344028010924443</v>
      </c>
      <c r="D156" s="59">
        <f>Jesper!AN150</f>
        <v>26.448009336974817</v>
      </c>
      <c r="E156" s="59">
        <f>Jesper!AO150</f>
        <v>39.672014005462223</v>
      </c>
      <c r="F156" s="59">
        <f>Jesper!AP150</f>
        <v>190.42566722621865</v>
      </c>
      <c r="G156" s="58">
        <f>Jesper!AQ150</f>
        <v>0</v>
      </c>
      <c r="H156" s="44">
        <v>149</v>
      </c>
      <c r="I156" s="56">
        <f>Bühler!I182</f>
        <v>0.17131021135029692</v>
      </c>
      <c r="J156" s="59">
        <f>Bühler!J182</f>
        <v>0.57103403783432316</v>
      </c>
      <c r="K156" s="59">
        <f>Bühler!K182</f>
        <v>0.85655105675148469</v>
      </c>
      <c r="L156" s="59">
        <f>Bühler!L182</f>
        <v>8.6321325286191257</v>
      </c>
      <c r="M156" s="58">
        <f>Bühler!M182</f>
        <v>0</v>
      </c>
      <c r="N156" s="56">
        <f>IF(Input!$D$19=1,J156*Input!$C$19,0)+IF(Input!$D$20=1,K156*Input!$C$20,0)+IF(Input!$D$21=1,L156*Input!$C$21,0)+IF(Input!$D$22=1,M156*Input!$C$22,0)</f>
        <v>0.17131021135029695</v>
      </c>
      <c r="O156" s="59">
        <f>IF(Input!$D$19=2,J156*Input!$C$19,0)+IF(Input!$D$20=2,K156*Input!$C$20,0)+IF(Input!$D$21=2,L156*Input!$C$21,0)+IF(Input!$D$22=2,M156*Input!$C$22,0)</f>
        <v>0.42827552837574234</v>
      </c>
      <c r="P156" s="59">
        <f>IF(Input!$D$19=3,J156*Input!$C$19,0)+IF(Input!$D$20=3,K156*Input!$C$20,0)+IF(Input!$D$21=3,L156*Input!$C$21,0)+IF(Input!$D$22=3,M156*Input!$C$22,0)</f>
        <v>0</v>
      </c>
      <c r="Q156" s="75">
        <f>IF(Input!$D$19=4,J156*Input!$C$19,0)+IF(Input!$D$20=4,K156*Input!$C$20,0)+IF(Input!$D$21=4,L156*Input!$C$21,0)+IF(Input!$D$22=4,M156*Input!$C$22,0)</f>
        <v>0</v>
      </c>
      <c r="R156" s="58">
        <v>41.490477079203657</v>
      </c>
      <c r="S156" s="124">
        <f t="shared" si="2"/>
        <v>0.74234424918462005</v>
      </c>
    </row>
    <row r="157" spans="2:19" x14ac:dyDescent="0.3">
      <c r="B157" s="44">
        <v>150</v>
      </c>
      <c r="C157" s="56">
        <f>Jesper!AM151</f>
        <v>7.7557666820123536</v>
      </c>
      <c r="D157" s="59">
        <f>Jesper!AN151</f>
        <v>25.852555606707849</v>
      </c>
      <c r="E157" s="59">
        <f>Jesper!AO151</f>
        <v>38.778833410061772</v>
      </c>
      <c r="F157" s="59">
        <f>Jesper!AP151</f>
        <v>186.13840036829649</v>
      </c>
      <c r="G157" s="58">
        <f>Jesper!AQ151</f>
        <v>0</v>
      </c>
      <c r="H157" s="44">
        <v>150</v>
      </c>
      <c r="I157" s="56">
        <f>Bühler!I183</f>
        <v>0.21413776418787114</v>
      </c>
      <c r="J157" s="59">
        <f>Bühler!J183</f>
        <v>0.71379254729290387</v>
      </c>
      <c r="K157" s="59">
        <f>Bühler!K183</f>
        <v>1.0706888209393559</v>
      </c>
      <c r="L157" s="59">
        <f>Bühler!L183</f>
        <v>10.790165660773908</v>
      </c>
      <c r="M157" s="58">
        <f>Bühler!M183</f>
        <v>0</v>
      </c>
      <c r="N157" s="56">
        <f>IF(Input!$D$19=1,J157*Input!$C$19,0)+IF(Input!$D$20=1,K157*Input!$C$20,0)+IF(Input!$D$21=1,L157*Input!$C$21,0)+IF(Input!$D$22=1,M157*Input!$C$22,0)</f>
        <v>0.21413776418787114</v>
      </c>
      <c r="O157" s="59">
        <f>IF(Input!$D$19=2,J157*Input!$C$19,0)+IF(Input!$D$20=2,K157*Input!$C$20,0)+IF(Input!$D$21=2,L157*Input!$C$21,0)+IF(Input!$D$22=2,M157*Input!$C$22,0)</f>
        <v>0.53534441046967796</v>
      </c>
      <c r="P157" s="59">
        <f>IF(Input!$D$19=3,J157*Input!$C$19,0)+IF(Input!$D$20=3,K157*Input!$C$20,0)+IF(Input!$D$21=3,L157*Input!$C$21,0)+IF(Input!$D$22=3,M157*Input!$C$22,0)</f>
        <v>0</v>
      </c>
      <c r="Q157" s="75">
        <f>IF(Input!$D$19=4,J157*Input!$C$19,0)+IF(Input!$D$20=4,K157*Input!$C$20,0)+IF(Input!$D$21=4,L157*Input!$C$21,0)+IF(Input!$D$22=4,M157*Input!$C$22,0)</f>
        <v>0</v>
      </c>
      <c r="R157" s="58">
        <v>41.650254695718729</v>
      </c>
      <c r="S157" s="124">
        <f t="shared" si="2"/>
        <v>0.92793031148077498</v>
      </c>
    </row>
    <row r="158" spans="2:19" x14ac:dyDescent="0.3">
      <c r="B158" s="44">
        <v>151</v>
      </c>
      <c r="C158" s="56">
        <f>Jesper!AM152</f>
        <v>7.9623146946987085</v>
      </c>
      <c r="D158" s="59">
        <f>Jesper!AN152</f>
        <v>26.541048982329031</v>
      </c>
      <c r="E158" s="59">
        <f>Jesper!AO152</f>
        <v>39.811573473493539</v>
      </c>
      <c r="F158" s="59">
        <f>Jesper!AP152</f>
        <v>191.095552672769</v>
      </c>
      <c r="G158" s="58">
        <f>Jesper!AQ152</f>
        <v>0</v>
      </c>
      <c r="H158" s="44">
        <v>151</v>
      </c>
      <c r="I158" s="56">
        <f>Bühler!I184</f>
        <v>0.25220670004349272</v>
      </c>
      <c r="J158" s="59">
        <f>Bühler!J184</f>
        <v>0.84068900014497572</v>
      </c>
      <c r="K158" s="59">
        <f>Bühler!K184</f>
        <v>1.2610335002174635</v>
      </c>
      <c r="L158" s="59">
        <f>Bühler!L184</f>
        <v>12.708417333800382</v>
      </c>
      <c r="M158" s="58">
        <f>Bühler!M184</f>
        <v>0</v>
      </c>
      <c r="N158" s="56">
        <f>IF(Input!$D$19=1,J158*Input!$C$19,0)+IF(Input!$D$20=1,K158*Input!$C$20,0)+IF(Input!$D$21=1,L158*Input!$C$21,0)+IF(Input!$D$22=1,M158*Input!$C$22,0)</f>
        <v>0.25220670004349272</v>
      </c>
      <c r="O158" s="59">
        <f>IF(Input!$D$19=2,J158*Input!$C$19,0)+IF(Input!$D$20=2,K158*Input!$C$20,0)+IF(Input!$D$21=2,L158*Input!$C$21,0)+IF(Input!$D$22=2,M158*Input!$C$22,0)</f>
        <v>0.63051675010873176</v>
      </c>
      <c r="P158" s="59">
        <f>IF(Input!$D$19=3,J158*Input!$C$19,0)+IF(Input!$D$20=3,K158*Input!$C$20,0)+IF(Input!$D$21=3,L158*Input!$C$21,0)+IF(Input!$D$22=3,M158*Input!$C$22,0)</f>
        <v>0</v>
      </c>
      <c r="Q158" s="75">
        <f>IF(Input!$D$19=4,J158*Input!$C$19,0)+IF(Input!$D$20=4,K158*Input!$C$20,0)+IF(Input!$D$21=4,L158*Input!$C$21,0)+IF(Input!$D$22=4,M158*Input!$C$22,0)</f>
        <v>0</v>
      </c>
      <c r="R158" s="58">
        <v>42.093859389425994</v>
      </c>
      <c r="S158" s="124">
        <f t="shared" si="2"/>
        <v>1.0928957001884685</v>
      </c>
    </row>
    <row r="159" spans="2:19" x14ac:dyDescent="0.3">
      <c r="B159" s="44">
        <v>152</v>
      </c>
      <c r="C159" s="56">
        <f>Jesper!AM153</f>
        <v>8.0181384819112367</v>
      </c>
      <c r="D159" s="59">
        <f>Jesper!AN153</f>
        <v>26.727128273037462</v>
      </c>
      <c r="E159" s="59">
        <f>Jesper!AO153</f>
        <v>40.090692409556191</v>
      </c>
      <c r="F159" s="59">
        <f>Jesper!AP153</f>
        <v>192.43532356586971</v>
      </c>
      <c r="G159" s="58">
        <f>Jesper!AQ153</f>
        <v>0</v>
      </c>
      <c r="H159" s="44">
        <v>152</v>
      </c>
      <c r="I159" s="56">
        <f>Bühler!I185</f>
        <v>0.29979286986301962</v>
      </c>
      <c r="J159" s="59">
        <f>Bühler!J185</f>
        <v>0.99930956621006561</v>
      </c>
      <c r="K159" s="59">
        <f>Bühler!K185</f>
        <v>1.4989643493150984</v>
      </c>
      <c r="L159" s="59">
        <f>Bühler!L185</f>
        <v>15.10623192508347</v>
      </c>
      <c r="M159" s="58">
        <f>Bühler!M185</f>
        <v>0</v>
      </c>
      <c r="N159" s="56">
        <f>IF(Input!$D$19=1,J159*Input!$C$19,0)+IF(Input!$D$20=1,K159*Input!$C$20,0)+IF(Input!$D$21=1,L159*Input!$C$21,0)+IF(Input!$D$22=1,M159*Input!$C$22,0)</f>
        <v>0.29979286986301967</v>
      </c>
      <c r="O159" s="59">
        <f>IF(Input!$D$19=2,J159*Input!$C$19,0)+IF(Input!$D$20=2,K159*Input!$C$20,0)+IF(Input!$D$21=2,L159*Input!$C$21,0)+IF(Input!$D$22=2,M159*Input!$C$22,0)</f>
        <v>0.74948217465754918</v>
      </c>
      <c r="P159" s="59">
        <f>IF(Input!$D$19=3,J159*Input!$C$19,0)+IF(Input!$D$20=3,K159*Input!$C$20,0)+IF(Input!$D$21=3,L159*Input!$C$21,0)+IF(Input!$D$22=3,M159*Input!$C$22,0)</f>
        <v>0</v>
      </c>
      <c r="Q159" s="75">
        <f>IF(Input!$D$19=4,J159*Input!$C$19,0)+IF(Input!$D$20=4,K159*Input!$C$20,0)+IF(Input!$D$21=4,L159*Input!$C$21,0)+IF(Input!$D$22=4,M159*Input!$C$22,0)</f>
        <v>0</v>
      </c>
      <c r="R159" s="58">
        <v>42.041132827756293</v>
      </c>
      <c r="S159" s="124">
        <f t="shared" si="2"/>
        <v>1.2991024360730852</v>
      </c>
    </row>
    <row r="160" spans="2:19" x14ac:dyDescent="0.3">
      <c r="B160" s="44">
        <v>153</v>
      </c>
      <c r="C160" s="56">
        <f>Jesper!AM154</f>
        <v>3.9524976337206419</v>
      </c>
      <c r="D160" s="59">
        <f>Jesper!AN154</f>
        <v>13.174992112402142</v>
      </c>
      <c r="E160" s="59">
        <f>Jesper!AO154</f>
        <v>19.762488168603213</v>
      </c>
      <c r="F160" s="59">
        <f>Jesper!AP154</f>
        <v>238.55141563273025</v>
      </c>
      <c r="G160" s="58">
        <f>Jesper!AQ154</f>
        <v>0</v>
      </c>
      <c r="H160" s="44">
        <v>153</v>
      </c>
      <c r="I160" s="56">
        <f>Bühler!I186</f>
        <v>0.29979286986301962</v>
      </c>
      <c r="J160" s="59">
        <f>Bühler!J186</f>
        <v>0.99930956621006561</v>
      </c>
      <c r="K160" s="59">
        <f>Bühler!K186</f>
        <v>1.4989643493150984</v>
      </c>
      <c r="L160" s="59">
        <f>Bühler!L186</f>
        <v>15.10623192508347</v>
      </c>
      <c r="M160" s="58">
        <f>Bühler!M186</f>
        <v>0</v>
      </c>
      <c r="N160" s="56">
        <f>IF(Input!$D$19=1,J160*Input!$C$19,0)+IF(Input!$D$20=1,K160*Input!$C$20,0)+IF(Input!$D$21=1,L160*Input!$C$21,0)+IF(Input!$D$22=1,M160*Input!$C$22,0)</f>
        <v>0.29979286986301967</v>
      </c>
      <c r="O160" s="59">
        <f>IF(Input!$D$19=2,J160*Input!$C$19,0)+IF(Input!$D$20=2,K160*Input!$C$20,0)+IF(Input!$D$21=2,L160*Input!$C$21,0)+IF(Input!$D$22=2,M160*Input!$C$22,0)</f>
        <v>0.74948217465754918</v>
      </c>
      <c r="P160" s="59">
        <f>IF(Input!$D$19=3,J160*Input!$C$19,0)+IF(Input!$D$20=3,K160*Input!$C$20,0)+IF(Input!$D$21=3,L160*Input!$C$21,0)+IF(Input!$D$22=3,M160*Input!$C$22,0)</f>
        <v>0</v>
      </c>
      <c r="Q160" s="75">
        <f>IF(Input!$D$19=4,J160*Input!$C$19,0)+IF(Input!$D$20=4,K160*Input!$C$20,0)+IF(Input!$D$21=4,L160*Input!$C$21,0)+IF(Input!$D$22=4,M160*Input!$C$22,0)</f>
        <v>0</v>
      </c>
      <c r="R160" s="58">
        <v>41.618715642753578</v>
      </c>
      <c r="S160" s="124">
        <f t="shared" si="2"/>
        <v>1.2991024360730852</v>
      </c>
    </row>
    <row r="161" spans="2:19" x14ac:dyDescent="0.3">
      <c r="B161" s="44">
        <v>154</v>
      </c>
      <c r="C161" s="56">
        <f>Jesper!AM155</f>
        <v>3.9701879127446675</v>
      </c>
      <c r="D161" s="59">
        <f>Jesper!AN155</f>
        <v>13.233959709148893</v>
      </c>
      <c r="E161" s="59">
        <f>Jesper!AO155</f>
        <v>19.85093956372334</v>
      </c>
      <c r="F161" s="59">
        <f>Jesper!AP155</f>
        <v>238.95044151103025</v>
      </c>
      <c r="G161" s="58">
        <f>Jesper!AQ155</f>
        <v>0</v>
      </c>
      <c r="H161" s="44">
        <v>154</v>
      </c>
      <c r="I161" s="56">
        <f>Bühler!I187</f>
        <v>0.29979286986301962</v>
      </c>
      <c r="J161" s="59">
        <f>Bühler!J187</f>
        <v>0.99930956621006561</v>
      </c>
      <c r="K161" s="59">
        <f>Bühler!K187</f>
        <v>1.4989643493150984</v>
      </c>
      <c r="L161" s="59">
        <f>Bühler!L187</f>
        <v>15.10623192508347</v>
      </c>
      <c r="M161" s="58">
        <f>Bühler!M187</f>
        <v>0</v>
      </c>
      <c r="N161" s="56">
        <f>IF(Input!$D$19=1,J161*Input!$C$19,0)+IF(Input!$D$20=1,K161*Input!$C$20,0)+IF(Input!$D$21=1,L161*Input!$C$21,0)+IF(Input!$D$22=1,M161*Input!$C$22,0)</f>
        <v>0.29979286986301967</v>
      </c>
      <c r="O161" s="59">
        <f>IF(Input!$D$19=2,J161*Input!$C$19,0)+IF(Input!$D$20=2,K161*Input!$C$20,0)+IF(Input!$D$21=2,L161*Input!$C$21,0)+IF(Input!$D$22=2,M161*Input!$C$22,0)</f>
        <v>0.74948217465754918</v>
      </c>
      <c r="P161" s="59">
        <f>IF(Input!$D$19=3,J161*Input!$C$19,0)+IF(Input!$D$20=3,K161*Input!$C$20,0)+IF(Input!$D$21=3,L161*Input!$C$21,0)+IF(Input!$D$22=3,M161*Input!$C$22,0)</f>
        <v>0</v>
      </c>
      <c r="Q161" s="75">
        <f>IF(Input!$D$19=4,J161*Input!$C$19,0)+IF(Input!$D$20=4,K161*Input!$C$20,0)+IF(Input!$D$21=4,L161*Input!$C$21,0)+IF(Input!$D$22=4,M161*Input!$C$22,0)</f>
        <v>0</v>
      </c>
      <c r="R161" s="58">
        <v>41.081619520834352</v>
      </c>
      <c r="S161" s="124">
        <f t="shared" si="2"/>
        <v>1.2991024360730852</v>
      </c>
    </row>
    <row r="162" spans="2:19" x14ac:dyDescent="0.3">
      <c r="B162" s="44">
        <v>155</v>
      </c>
      <c r="C162" s="56">
        <f>Jesper!AM156</f>
        <v>7.7948433330611229</v>
      </c>
      <c r="D162" s="59">
        <f>Jesper!AN156</f>
        <v>25.982811110203745</v>
      </c>
      <c r="E162" s="59">
        <f>Jesper!AO156</f>
        <v>38.974216665305612</v>
      </c>
      <c r="F162" s="59">
        <f>Jesper!AP156</f>
        <v>187.07623999346694</v>
      </c>
      <c r="G162" s="58">
        <f>Jesper!AQ156</f>
        <v>0</v>
      </c>
      <c r="H162" s="44">
        <v>155</v>
      </c>
      <c r="I162" s="56">
        <f>Bühler!I188</f>
        <v>0.29979286986301962</v>
      </c>
      <c r="J162" s="59">
        <f>Bühler!J188</f>
        <v>0.99930956621006561</v>
      </c>
      <c r="K162" s="59">
        <f>Bühler!K188</f>
        <v>1.4989643493150984</v>
      </c>
      <c r="L162" s="59">
        <f>Bühler!L188</f>
        <v>15.10623192508347</v>
      </c>
      <c r="M162" s="58">
        <f>Bühler!M188</f>
        <v>0</v>
      </c>
      <c r="N162" s="56">
        <f>IF(Input!$D$19=1,J162*Input!$C$19,0)+IF(Input!$D$20=1,K162*Input!$C$20,0)+IF(Input!$D$21=1,L162*Input!$C$21,0)+IF(Input!$D$22=1,M162*Input!$C$22,0)</f>
        <v>0.29979286986301967</v>
      </c>
      <c r="O162" s="59">
        <f>IF(Input!$D$19=2,J162*Input!$C$19,0)+IF(Input!$D$20=2,K162*Input!$C$20,0)+IF(Input!$D$21=2,L162*Input!$C$21,0)+IF(Input!$D$22=2,M162*Input!$C$22,0)</f>
        <v>0.74948217465754918</v>
      </c>
      <c r="P162" s="59">
        <f>IF(Input!$D$19=3,J162*Input!$C$19,0)+IF(Input!$D$20=3,K162*Input!$C$20,0)+IF(Input!$D$21=3,L162*Input!$C$21,0)+IF(Input!$D$22=3,M162*Input!$C$22,0)</f>
        <v>0</v>
      </c>
      <c r="Q162" s="75">
        <f>IF(Input!$D$19=4,J162*Input!$C$19,0)+IF(Input!$D$20=4,K162*Input!$C$20,0)+IF(Input!$D$21=4,L162*Input!$C$21,0)+IF(Input!$D$22=4,M162*Input!$C$22,0)</f>
        <v>0</v>
      </c>
      <c r="R162" s="58">
        <v>41.452955874360974</v>
      </c>
      <c r="S162" s="124">
        <f t="shared" si="2"/>
        <v>1.2991024360730852</v>
      </c>
    </row>
    <row r="163" spans="2:19" x14ac:dyDescent="0.3">
      <c r="B163" s="44">
        <v>156</v>
      </c>
      <c r="C163" s="56">
        <f>Jesper!AM157</f>
        <v>7.8004257117823768</v>
      </c>
      <c r="D163" s="59">
        <f>Jesper!AN157</f>
        <v>26.001419039274591</v>
      </c>
      <c r="E163" s="59">
        <f>Jesper!AO157</f>
        <v>39.002128558911885</v>
      </c>
      <c r="F163" s="59">
        <f>Jesper!AP157</f>
        <v>187.21021708277704</v>
      </c>
      <c r="G163" s="58">
        <f>Jesper!AQ157</f>
        <v>0</v>
      </c>
      <c r="H163" s="44">
        <v>156</v>
      </c>
      <c r="I163" s="56">
        <f>Bühler!I189</f>
        <v>0.29979286986301962</v>
      </c>
      <c r="J163" s="59">
        <f>Bühler!J189</f>
        <v>0.99930956621006561</v>
      </c>
      <c r="K163" s="59">
        <f>Bühler!K189</f>
        <v>1.4989643493150984</v>
      </c>
      <c r="L163" s="59">
        <f>Bühler!L189</f>
        <v>15.10623192508347</v>
      </c>
      <c r="M163" s="58">
        <f>Bühler!M189</f>
        <v>0</v>
      </c>
      <c r="N163" s="56">
        <f>IF(Input!$D$19=1,J163*Input!$C$19,0)+IF(Input!$D$20=1,K163*Input!$C$20,0)+IF(Input!$D$21=1,L163*Input!$C$21,0)+IF(Input!$D$22=1,M163*Input!$C$22,0)</f>
        <v>0.29979286986301967</v>
      </c>
      <c r="O163" s="59">
        <f>IF(Input!$D$19=2,J163*Input!$C$19,0)+IF(Input!$D$20=2,K163*Input!$C$20,0)+IF(Input!$D$21=2,L163*Input!$C$21,0)+IF(Input!$D$22=2,M163*Input!$C$22,0)</f>
        <v>0.74948217465754918</v>
      </c>
      <c r="P163" s="59">
        <f>IF(Input!$D$19=3,J163*Input!$C$19,0)+IF(Input!$D$20=3,K163*Input!$C$20,0)+IF(Input!$D$21=3,L163*Input!$C$21,0)+IF(Input!$D$22=3,M163*Input!$C$22,0)</f>
        <v>0</v>
      </c>
      <c r="Q163" s="75">
        <f>IF(Input!$D$19=4,J163*Input!$C$19,0)+IF(Input!$D$20=4,K163*Input!$C$20,0)+IF(Input!$D$21=4,L163*Input!$C$21,0)+IF(Input!$D$22=4,M163*Input!$C$22,0)</f>
        <v>0</v>
      </c>
      <c r="R163" s="58">
        <v>41.627530979952169</v>
      </c>
      <c r="S163" s="124">
        <f t="shared" si="2"/>
        <v>1.2991024360730852</v>
      </c>
    </row>
    <row r="164" spans="2:19" x14ac:dyDescent="0.3">
      <c r="B164" s="44">
        <v>157</v>
      </c>
      <c r="C164" s="56">
        <f>Jesper!AM158</f>
        <v>7.82833760538864</v>
      </c>
      <c r="D164" s="59">
        <f>Jesper!AN158</f>
        <v>26.094458684628805</v>
      </c>
      <c r="E164" s="59">
        <f>Jesper!AO158</f>
        <v>39.1416880269432</v>
      </c>
      <c r="F164" s="59">
        <f>Jesper!AP158</f>
        <v>187.88010252932736</v>
      </c>
      <c r="G164" s="58">
        <f>Jesper!AQ158</f>
        <v>0</v>
      </c>
      <c r="H164" s="44">
        <v>157</v>
      </c>
      <c r="I164" s="56">
        <f>Bühler!I190</f>
        <v>0.29979286986301962</v>
      </c>
      <c r="J164" s="59">
        <f>Bühler!J190</f>
        <v>0.99930956621006561</v>
      </c>
      <c r="K164" s="59">
        <f>Bühler!K190</f>
        <v>1.4989643493150984</v>
      </c>
      <c r="L164" s="59">
        <f>Bühler!L190</f>
        <v>15.10623192508347</v>
      </c>
      <c r="M164" s="58">
        <f>Bühler!M190</f>
        <v>0</v>
      </c>
      <c r="N164" s="56">
        <f>IF(Input!$D$19=1,J164*Input!$C$19,0)+IF(Input!$D$20=1,K164*Input!$C$20,0)+IF(Input!$D$21=1,L164*Input!$C$21,0)+IF(Input!$D$22=1,M164*Input!$C$22,0)</f>
        <v>0.29979286986301967</v>
      </c>
      <c r="O164" s="59">
        <f>IF(Input!$D$19=2,J164*Input!$C$19,0)+IF(Input!$D$20=2,K164*Input!$C$20,0)+IF(Input!$D$21=2,L164*Input!$C$21,0)+IF(Input!$D$22=2,M164*Input!$C$22,0)</f>
        <v>0.74948217465754918</v>
      </c>
      <c r="P164" s="59">
        <f>IF(Input!$D$19=3,J164*Input!$C$19,0)+IF(Input!$D$20=3,K164*Input!$C$20,0)+IF(Input!$D$21=3,L164*Input!$C$21,0)+IF(Input!$D$22=3,M164*Input!$C$22,0)</f>
        <v>0</v>
      </c>
      <c r="Q164" s="75">
        <f>IF(Input!$D$19=4,J164*Input!$C$19,0)+IF(Input!$D$20=4,K164*Input!$C$20,0)+IF(Input!$D$21=4,L164*Input!$C$21,0)+IF(Input!$D$22=4,M164*Input!$C$22,0)</f>
        <v>0</v>
      </c>
      <c r="R164" s="58">
        <v>41.458550596006056</v>
      </c>
      <c r="S164" s="124">
        <f t="shared" si="2"/>
        <v>1.2991024360730852</v>
      </c>
    </row>
    <row r="165" spans="2:19" x14ac:dyDescent="0.3">
      <c r="B165" s="44">
        <v>158</v>
      </c>
      <c r="C165" s="56">
        <f>Jesper!AM159</f>
        <v>7.8004257117823768</v>
      </c>
      <c r="D165" s="59">
        <f>Jesper!AN159</f>
        <v>26.001419039274591</v>
      </c>
      <c r="E165" s="59">
        <f>Jesper!AO159</f>
        <v>39.002128558911885</v>
      </c>
      <c r="F165" s="59">
        <f>Jesper!AP159</f>
        <v>187.21021708277704</v>
      </c>
      <c r="G165" s="58">
        <f>Jesper!AQ159</f>
        <v>0</v>
      </c>
      <c r="H165" s="44">
        <v>158</v>
      </c>
      <c r="I165" s="56">
        <f>Bühler!I191</f>
        <v>0.29979286986301962</v>
      </c>
      <c r="J165" s="59">
        <f>Bühler!J191</f>
        <v>0.99930956621006561</v>
      </c>
      <c r="K165" s="59">
        <f>Bühler!K191</f>
        <v>1.4989643493150984</v>
      </c>
      <c r="L165" s="59">
        <f>Bühler!L191</f>
        <v>15.10623192508347</v>
      </c>
      <c r="M165" s="58">
        <f>Bühler!M191</f>
        <v>0</v>
      </c>
      <c r="N165" s="56">
        <f>IF(Input!$D$19=1,J165*Input!$C$19,0)+IF(Input!$D$20=1,K165*Input!$C$20,0)+IF(Input!$D$21=1,L165*Input!$C$21,0)+IF(Input!$D$22=1,M165*Input!$C$22,0)</f>
        <v>0.29979286986301967</v>
      </c>
      <c r="O165" s="59">
        <f>IF(Input!$D$19=2,J165*Input!$C$19,0)+IF(Input!$D$20=2,K165*Input!$C$20,0)+IF(Input!$D$21=2,L165*Input!$C$21,0)+IF(Input!$D$22=2,M165*Input!$C$22,0)</f>
        <v>0.74948217465754918</v>
      </c>
      <c r="P165" s="59">
        <f>IF(Input!$D$19=3,J165*Input!$C$19,0)+IF(Input!$D$20=3,K165*Input!$C$20,0)+IF(Input!$D$21=3,L165*Input!$C$21,0)+IF(Input!$D$22=3,M165*Input!$C$22,0)</f>
        <v>0</v>
      </c>
      <c r="Q165" s="75">
        <f>IF(Input!$D$19=4,J165*Input!$C$19,0)+IF(Input!$D$20=4,K165*Input!$C$20,0)+IF(Input!$D$21=4,L165*Input!$C$21,0)+IF(Input!$D$22=4,M165*Input!$C$22,0)</f>
        <v>0</v>
      </c>
      <c r="R165" s="58">
        <v>41.672710899667329</v>
      </c>
      <c r="S165" s="124">
        <f t="shared" si="2"/>
        <v>1.2991024360730852</v>
      </c>
    </row>
    <row r="166" spans="2:19" x14ac:dyDescent="0.3">
      <c r="B166" s="44">
        <v>159</v>
      </c>
      <c r="C166" s="56">
        <f>Jesper!AM160</f>
        <v>7.7836785756186178</v>
      </c>
      <c r="D166" s="59">
        <f>Jesper!AN160</f>
        <v>25.945595252062063</v>
      </c>
      <c r="E166" s="59">
        <f>Jesper!AO160</f>
        <v>38.918392878093087</v>
      </c>
      <c r="F166" s="59">
        <f>Jesper!AP160</f>
        <v>186.80828581484681</v>
      </c>
      <c r="G166" s="58">
        <f>Jesper!AQ160</f>
        <v>0</v>
      </c>
      <c r="H166" s="44">
        <v>159</v>
      </c>
      <c r="I166" s="56">
        <f>Bühler!I192</f>
        <v>0.29979286986301962</v>
      </c>
      <c r="J166" s="59">
        <f>Bühler!J192</f>
        <v>0.99930956621006561</v>
      </c>
      <c r="K166" s="59">
        <f>Bühler!K192</f>
        <v>1.4989643493150984</v>
      </c>
      <c r="L166" s="59">
        <f>Bühler!L192</f>
        <v>15.10623192508347</v>
      </c>
      <c r="M166" s="58">
        <f>Bühler!M192</f>
        <v>0</v>
      </c>
      <c r="N166" s="56">
        <f>IF(Input!$D$19=1,J166*Input!$C$19,0)+IF(Input!$D$20=1,K166*Input!$C$20,0)+IF(Input!$D$21=1,L166*Input!$C$21,0)+IF(Input!$D$22=1,M166*Input!$C$22,0)</f>
        <v>0.29979286986301967</v>
      </c>
      <c r="O166" s="59">
        <f>IF(Input!$D$19=2,J166*Input!$C$19,0)+IF(Input!$D$20=2,K166*Input!$C$20,0)+IF(Input!$D$21=2,L166*Input!$C$21,0)+IF(Input!$D$22=2,M166*Input!$C$22,0)</f>
        <v>0.74948217465754918</v>
      </c>
      <c r="P166" s="59">
        <f>IF(Input!$D$19=3,J166*Input!$C$19,0)+IF(Input!$D$20=3,K166*Input!$C$20,0)+IF(Input!$D$21=3,L166*Input!$C$21,0)+IF(Input!$D$22=3,M166*Input!$C$22,0)</f>
        <v>0</v>
      </c>
      <c r="Q166" s="75">
        <f>IF(Input!$D$19=4,J166*Input!$C$19,0)+IF(Input!$D$20=4,K166*Input!$C$20,0)+IF(Input!$D$21=4,L166*Input!$C$21,0)+IF(Input!$D$22=4,M166*Input!$C$22,0)</f>
        <v>0</v>
      </c>
      <c r="R166" s="58">
        <v>41.951979606078716</v>
      </c>
      <c r="S166" s="124">
        <f t="shared" si="2"/>
        <v>1.2991024360730852</v>
      </c>
    </row>
    <row r="167" spans="2:19" x14ac:dyDescent="0.3">
      <c r="B167" s="44">
        <v>160</v>
      </c>
      <c r="C167" s="56">
        <f>Jesper!AM161</f>
        <v>2.696487823014873</v>
      </c>
      <c r="D167" s="59">
        <f>Jesper!AN161</f>
        <v>8.9882927433829121</v>
      </c>
      <c r="E167" s="59">
        <f>Jesper!AO161</f>
        <v>13.482439115074367</v>
      </c>
      <c r="F167" s="59">
        <f>Jesper!AP161</f>
        <v>210.22057827342812</v>
      </c>
      <c r="G167" s="58">
        <f>Jesper!AQ161</f>
        <v>0</v>
      </c>
      <c r="H167" s="44">
        <v>160</v>
      </c>
      <c r="I167" s="56">
        <f>Bühler!I193</f>
        <v>0.26648255098935075</v>
      </c>
      <c r="J167" s="59">
        <f>Bühler!J193</f>
        <v>0.88827516996450262</v>
      </c>
      <c r="K167" s="59">
        <f>Bühler!K193</f>
        <v>1.3324127549467539</v>
      </c>
      <c r="L167" s="59">
        <f>Bühler!L193</f>
        <v>13.427761711185308</v>
      </c>
      <c r="M167" s="58">
        <f>Bühler!M193</f>
        <v>0</v>
      </c>
      <c r="N167" s="56">
        <f>IF(Input!$D$19=1,J167*Input!$C$19,0)+IF(Input!$D$20=1,K167*Input!$C$20,0)+IF(Input!$D$21=1,L167*Input!$C$21,0)+IF(Input!$D$22=1,M167*Input!$C$22,0)</f>
        <v>0.26648255098935075</v>
      </c>
      <c r="O167" s="59">
        <f>IF(Input!$D$19=2,J167*Input!$C$19,0)+IF(Input!$D$20=2,K167*Input!$C$20,0)+IF(Input!$D$21=2,L167*Input!$C$21,0)+IF(Input!$D$22=2,M167*Input!$C$22,0)</f>
        <v>0.66620637747337696</v>
      </c>
      <c r="P167" s="59">
        <f>IF(Input!$D$19=3,J167*Input!$C$19,0)+IF(Input!$D$20=3,K167*Input!$C$20,0)+IF(Input!$D$21=3,L167*Input!$C$21,0)+IF(Input!$D$22=3,M167*Input!$C$22,0)</f>
        <v>0</v>
      </c>
      <c r="Q167" s="75">
        <f>IF(Input!$D$19=4,J167*Input!$C$19,0)+IF(Input!$D$20=4,K167*Input!$C$20,0)+IF(Input!$D$21=4,L167*Input!$C$21,0)+IF(Input!$D$22=4,M167*Input!$C$22,0)</f>
        <v>0</v>
      </c>
      <c r="R167" s="58">
        <v>41.469378969932087</v>
      </c>
      <c r="S167" s="124">
        <f t="shared" si="2"/>
        <v>1.1547577209538533</v>
      </c>
    </row>
    <row r="168" spans="2:19" x14ac:dyDescent="0.3">
      <c r="B168" s="44">
        <v>161</v>
      </c>
      <c r="C168" s="56">
        <f>Jesper!AM162</f>
        <v>2.4750415692431207</v>
      </c>
      <c r="D168" s="59">
        <f>Jesper!AN162</f>
        <v>8.2501385641437359</v>
      </c>
      <c r="E168" s="59">
        <f>Jesper!AO162</f>
        <v>12.375207846215606</v>
      </c>
      <c r="F168" s="59">
        <f>Jesper!AP162</f>
        <v>201.37057636187353</v>
      </c>
      <c r="G168" s="58">
        <f>Jesper!AQ162</f>
        <v>0</v>
      </c>
      <c r="H168" s="44">
        <v>161</v>
      </c>
      <c r="I168" s="56">
        <f>Bühler!I194</f>
        <v>0.26172393400739807</v>
      </c>
      <c r="J168" s="59">
        <f>Bühler!J194</f>
        <v>0.87241311335799365</v>
      </c>
      <c r="K168" s="59">
        <f>Bühler!K194</f>
        <v>1.3086196700369903</v>
      </c>
      <c r="L168" s="59">
        <f>Bühler!L194</f>
        <v>13.187980252056997</v>
      </c>
      <c r="M168" s="58">
        <f>Bühler!M194</f>
        <v>0</v>
      </c>
      <c r="N168" s="56">
        <f>IF(Input!$D$19=1,J168*Input!$C$19,0)+IF(Input!$D$20=1,K168*Input!$C$20,0)+IF(Input!$D$21=1,L168*Input!$C$21,0)+IF(Input!$D$22=1,M168*Input!$C$22,0)</f>
        <v>0.26172393400739807</v>
      </c>
      <c r="O168" s="59">
        <f>IF(Input!$D$19=2,J168*Input!$C$19,0)+IF(Input!$D$20=2,K168*Input!$C$20,0)+IF(Input!$D$21=2,L168*Input!$C$21,0)+IF(Input!$D$22=2,M168*Input!$C$22,0)</f>
        <v>0.65430983501849516</v>
      </c>
      <c r="P168" s="59">
        <f>IF(Input!$D$19=3,J168*Input!$C$19,0)+IF(Input!$D$20=3,K168*Input!$C$20,0)+IF(Input!$D$21=3,L168*Input!$C$21,0)+IF(Input!$D$22=3,M168*Input!$C$22,0)</f>
        <v>0</v>
      </c>
      <c r="Q168" s="75">
        <f>IF(Input!$D$19=4,J168*Input!$C$19,0)+IF(Input!$D$20=4,K168*Input!$C$20,0)+IF(Input!$D$21=4,L168*Input!$C$21,0)+IF(Input!$D$22=4,M168*Input!$C$22,0)</f>
        <v>0</v>
      </c>
      <c r="R168" s="58">
        <v>41.447435645705475</v>
      </c>
      <c r="S168" s="124">
        <f t="shared" si="2"/>
        <v>1.1341370473653918</v>
      </c>
    </row>
    <row r="169" spans="2:19" x14ac:dyDescent="0.3">
      <c r="B169" s="44">
        <v>162</v>
      </c>
      <c r="C169" s="56">
        <f>Jesper!AM163</f>
        <v>7.4319887161796885</v>
      </c>
      <c r="D169" s="59">
        <f>Jesper!AN163</f>
        <v>24.773295720598966</v>
      </c>
      <c r="E169" s="59">
        <f>Jesper!AO163</f>
        <v>37.159943580898442</v>
      </c>
      <c r="F169" s="59">
        <f>Jesper!AP163</f>
        <v>178.36772918831252</v>
      </c>
      <c r="G169" s="58">
        <f>Jesper!AQ163</f>
        <v>0</v>
      </c>
      <c r="H169" s="44">
        <v>162</v>
      </c>
      <c r="I169" s="56">
        <f>Bühler!I195</f>
        <v>0.22365499815177653</v>
      </c>
      <c r="J169" s="59">
        <f>Bühler!J195</f>
        <v>0.74551666050592191</v>
      </c>
      <c r="K169" s="59">
        <f>Bühler!K195</f>
        <v>1.1182749907588829</v>
      </c>
      <c r="L169" s="59">
        <f>Bühler!L195</f>
        <v>11.269728579030527</v>
      </c>
      <c r="M169" s="58">
        <f>Bühler!M195</f>
        <v>0</v>
      </c>
      <c r="N169" s="56">
        <f>IF(Input!$D$19=1,J169*Input!$C$19,0)+IF(Input!$D$20=1,K169*Input!$C$20,0)+IF(Input!$D$21=1,L169*Input!$C$21,0)+IF(Input!$D$22=1,M169*Input!$C$22,0)</f>
        <v>0.22365499815177656</v>
      </c>
      <c r="O169" s="59">
        <f>IF(Input!$D$19=2,J169*Input!$C$19,0)+IF(Input!$D$20=2,K169*Input!$C$20,0)+IF(Input!$D$21=2,L169*Input!$C$21,0)+IF(Input!$D$22=2,M169*Input!$C$22,0)</f>
        <v>0.55913749537944146</v>
      </c>
      <c r="P169" s="59">
        <f>IF(Input!$D$19=3,J169*Input!$C$19,0)+IF(Input!$D$20=3,K169*Input!$C$20,0)+IF(Input!$D$21=3,L169*Input!$C$21,0)+IF(Input!$D$22=3,M169*Input!$C$22,0)</f>
        <v>0</v>
      </c>
      <c r="Q169" s="75">
        <f>IF(Input!$D$19=4,J169*Input!$C$19,0)+IF(Input!$D$20=4,K169*Input!$C$20,0)+IF(Input!$D$21=4,L169*Input!$C$21,0)+IF(Input!$D$22=4,M169*Input!$C$22,0)</f>
        <v>0</v>
      </c>
      <c r="R169" s="58">
        <v>41.670434842668669</v>
      </c>
      <c r="S169" s="124">
        <f t="shared" si="2"/>
        <v>0.96917165865769839</v>
      </c>
    </row>
    <row r="170" spans="2:19" x14ac:dyDescent="0.3">
      <c r="B170" s="44">
        <v>163</v>
      </c>
      <c r="C170" s="56">
        <f>Jesper!AM164</f>
        <v>7.4264063374584346</v>
      </c>
      <c r="D170" s="59">
        <f>Jesper!AN164</f>
        <v>24.754687791528116</v>
      </c>
      <c r="E170" s="59">
        <f>Jesper!AO164</f>
        <v>37.132031687292169</v>
      </c>
      <c r="F170" s="59">
        <f>Jesper!AP164</f>
        <v>178.23375209900243</v>
      </c>
      <c r="G170" s="58">
        <f>Jesper!AQ164</f>
        <v>0</v>
      </c>
      <c r="H170" s="44">
        <v>163</v>
      </c>
      <c r="I170" s="56">
        <f>Bühler!I196</f>
        <v>0.20937914720591849</v>
      </c>
      <c r="J170" s="59">
        <f>Bühler!J196</f>
        <v>0.69793049068639501</v>
      </c>
      <c r="K170" s="59">
        <f>Bühler!K196</f>
        <v>1.0468957360295925</v>
      </c>
      <c r="L170" s="59">
        <f>Bühler!L196</f>
        <v>10.550384201645599</v>
      </c>
      <c r="M170" s="58">
        <f>Bühler!M196</f>
        <v>0</v>
      </c>
      <c r="N170" s="56">
        <f>IF(Input!$D$19=1,J170*Input!$C$19,0)+IF(Input!$D$20=1,K170*Input!$C$20,0)+IF(Input!$D$21=1,L170*Input!$C$21,0)+IF(Input!$D$22=1,M170*Input!$C$22,0)</f>
        <v>0.20937914720591849</v>
      </c>
      <c r="O170" s="59">
        <f>IF(Input!$D$19=2,J170*Input!$C$19,0)+IF(Input!$D$20=2,K170*Input!$C$20,0)+IF(Input!$D$21=2,L170*Input!$C$21,0)+IF(Input!$D$22=2,M170*Input!$C$22,0)</f>
        <v>0.52344786801479626</v>
      </c>
      <c r="P170" s="59">
        <f>IF(Input!$D$19=3,J170*Input!$C$19,0)+IF(Input!$D$20=3,K170*Input!$C$20,0)+IF(Input!$D$21=3,L170*Input!$C$21,0)+IF(Input!$D$22=3,M170*Input!$C$22,0)</f>
        <v>0</v>
      </c>
      <c r="Q170" s="75">
        <f>IF(Input!$D$19=4,J170*Input!$C$19,0)+IF(Input!$D$20=4,K170*Input!$C$20,0)+IF(Input!$D$21=4,L170*Input!$C$21,0)+IF(Input!$D$22=4,M170*Input!$C$22,0)</f>
        <v>0</v>
      </c>
      <c r="R170" s="58">
        <v>41.692208782625173</v>
      </c>
      <c r="S170" s="124">
        <f t="shared" si="2"/>
        <v>0.90730963789231356</v>
      </c>
    </row>
    <row r="171" spans="2:19" x14ac:dyDescent="0.3">
      <c r="B171" s="44">
        <v>164</v>
      </c>
      <c r="C171" s="56">
        <f>Jesper!AM165</f>
        <v>7.3705825502459055</v>
      </c>
      <c r="D171" s="59">
        <f>Jesper!AN165</f>
        <v>24.568608500819689</v>
      </c>
      <c r="E171" s="59">
        <f>Jesper!AO165</f>
        <v>36.852912751229532</v>
      </c>
      <c r="F171" s="59">
        <f>Jesper!AP165</f>
        <v>176.89398120590175</v>
      </c>
      <c r="G171" s="58">
        <f>Jesper!AQ165</f>
        <v>0</v>
      </c>
      <c r="H171" s="44">
        <v>164</v>
      </c>
      <c r="I171" s="56">
        <f>Bühler!I197</f>
        <v>0.17606882833224963</v>
      </c>
      <c r="J171" s="59">
        <f>Bühler!J197</f>
        <v>0.58689609444083213</v>
      </c>
      <c r="K171" s="59">
        <f>Bühler!K197</f>
        <v>0.88034414166124819</v>
      </c>
      <c r="L171" s="59">
        <f>Bühler!L197</f>
        <v>8.8719139877474351</v>
      </c>
      <c r="M171" s="58">
        <f>Bühler!M197</f>
        <v>0</v>
      </c>
      <c r="N171" s="56">
        <f>IF(Input!$D$19=1,J171*Input!$C$19,0)+IF(Input!$D$20=1,K171*Input!$C$20,0)+IF(Input!$D$21=1,L171*Input!$C$21,0)+IF(Input!$D$22=1,M171*Input!$C$22,0)</f>
        <v>0.17606882833224963</v>
      </c>
      <c r="O171" s="59">
        <f>IF(Input!$D$19=2,J171*Input!$C$19,0)+IF(Input!$D$20=2,K171*Input!$C$20,0)+IF(Input!$D$21=2,L171*Input!$C$21,0)+IF(Input!$D$22=2,M171*Input!$C$22,0)</f>
        <v>0.4401720708306241</v>
      </c>
      <c r="P171" s="59">
        <f>IF(Input!$D$19=3,J171*Input!$C$19,0)+IF(Input!$D$20=3,K171*Input!$C$20,0)+IF(Input!$D$21=3,L171*Input!$C$21,0)+IF(Input!$D$22=3,M171*Input!$C$22,0)</f>
        <v>0</v>
      </c>
      <c r="Q171" s="75">
        <f>IF(Input!$D$19=4,J171*Input!$C$19,0)+IF(Input!$D$20=4,K171*Input!$C$20,0)+IF(Input!$D$21=4,L171*Input!$C$21,0)+IF(Input!$D$22=4,M171*Input!$C$22,0)</f>
        <v>0</v>
      </c>
      <c r="R171" s="58">
        <v>41.831830063272278</v>
      </c>
      <c r="S171" s="124">
        <f t="shared" si="2"/>
        <v>0.7629649227730817</v>
      </c>
    </row>
    <row r="172" spans="2:19" x14ac:dyDescent="0.3">
      <c r="B172" s="44">
        <v>165</v>
      </c>
      <c r="C172" s="56">
        <f>Jesper!AM166</f>
        <v>7.3259235204758832</v>
      </c>
      <c r="D172" s="59">
        <f>Jesper!AN166</f>
        <v>24.419745068252947</v>
      </c>
      <c r="E172" s="59">
        <f>Jesper!AO166</f>
        <v>36.629617602379419</v>
      </c>
      <c r="F172" s="59">
        <f>Jesper!AP166</f>
        <v>175.8221644914212</v>
      </c>
      <c r="G172" s="58">
        <f>Jesper!AQ166</f>
        <v>0</v>
      </c>
      <c r="H172" s="44">
        <v>165</v>
      </c>
      <c r="I172" s="56">
        <f>Bühler!I198</f>
        <v>0.14751712644053344</v>
      </c>
      <c r="J172" s="59">
        <f>Bühler!J198</f>
        <v>0.49172375480177821</v>
      </c>
      <c r="K172" s="59">
        <f>Bühler!K198</f>
        <v>0.73758563220266737</v>
      </c>
      <c r="L172" s="59">
        <f>Bühler!L198</f>
        <v>7.4332252329775814</v>
      </c>
      <c r="M172" s="58">
        <f>Bühler!M198</f>
        <v>0</v>
      </c>
      <c r="N172" s="56">
        <f>IF(Input!$D$19=1,J172*Input!$C$19,0)+IF(Input!$D$20=1,K172*Input!$C$20,0)+IF(Input!$D$21=1,L172*Input!$C$21,0)+IF(Input!$D$22=1,M172*Input!$C$22,0)</f>
        <v>0.14751712644053347</v>
      </c>
      <c r="O172" s="59">
        <f>IF(Input!$D$19=2,J172*Input!$C$19,0)+IF(Input!$D$20=2,K172*Input!$C$20,0)+IF(Input!$D$21=2,L172*Input!$C$21,0)+IF(Input!$D$22=2,M172*Input!$C$22,0)</f>
        <v>0.36879281610133369</v>
      </c>
      <c r="P172" s="59">
        <f>IF(Input!$D$19=3,J172*Input!$C$19,0)+IF(Input!$D$20=3,K172*Input!$C$20,0)+IF(Input!$D$21=3,L172*Input!$C$21,0)+IF(Input!$D$22=3,M172*Input!$C$22,0)</f>
        <v>0</v>
      </c>
      <c r="Q172" s="75">
        <f>IF(Input!$D$19=4,J172*Input!$C$19,0)+IF(Input!$D$20=4,K172*Input!$C$20,0)+IF(Input!$D$21=4,L172*Input!$C$21,0)+IF(Input!$D$22=4,M172*Input!$C$22,0)</f>
        <v>0</v>
      </c>
      <c r="R172" s="58">
        <v>42.466387101214607</v>
      </c>
      <c r="S172" s="124">
        <f t="shared" si="2"/>
        <v>0.6392408812423116</v>
      </c>
    </row>
    <row r="173" spans="2:19" x14ac:dyDescent="0.3">
      <c r="B173" s="44">
        <v>166</v>
      </c>
      <c r="C173" s="56">
        <f>Jesper!AM167</f>
        <v>7.3315058991971371</v>
      </c>
      <c r="D173" s="59">
        <f>Jesper!AN167</f>
        <v>24.438352997323793</v>
      </c>
      <c r="E173" s="59">
        <f>Jesper!AO167</f>
        <v>36.657529495985685</v>
      </c>
      <c r="F173" s="59">
        <f>Jesper!AP167</f>
        <v>175.9561415807313</v>
      </c>
      <c r="G173" s="58">
        <f>Jesper!AQ167</f>
        <v>0</v>
      </c>
      <c r="H173" s="44">
        <v>166</v>
      </c>
      <c r="I173" s="56">
        <f>Bühler!I199</f>
        <v>0.1284826585127227</v>
      </c>
      <c r="J173" s="59">
        <f>Bühler!J199</f>
        <v>0.4282755283757424</v>
      </c>
      <c r="K173" s="59">
        <f>Bühler!K199</f>
        <v>0.64241329256361357</v>
      </c>
      <c r="L173" s="59">
        <f>Bühler!L199</f>
        <v>6.4740993964643447</v>
      </c>
      <c r="M173" s="58">
        <f>Bühler!M199</f>
        <v>0</v>
      </c>
      <c r="N173" s="56">
        <f>IF(Input!$D$19=1,J173*Input!$C$19,0)+IF(Input!$D$20=1,K173*Input!$C$20,0)+IF(Input!$D$21=1,L173*Input!$C$21,0)+IF(Input!$D$22=1,M173*Input!$C$22,0)</f>
        <v>0.12848265851272272</v>
      </c>
      <c r="O173" s="59">
        <f>IF(Input!$D$19=2,J173*Input!$C$19,0)+IF(Input!$D$20=2,K173*Input!$C$20,0)+IF(Input!$D$21=2,L173*Input!$C$21,0)+IF(Input!$D$22=2,M173*Input!$C$22,0)</f>
        <v>0.32120664628180678</v>
      </c>
      <c r="P173" s="59">
        <f>IF(Input!$D$19=3,J173*Input!$C$19,0)+IF(Input!$D$20=3,K173*Input!$C$20,0)+IF(Input!$D$21=3,L173*Input!$C$21,0)+IF(Input!$D$22=3,M173*Input!$C$22,0)</f>
        <v>0</v>
      </c>
      <c r="Q173" s="75">
        <f>IF(Input!$D$19=4,J173*Input!$C$19,0)+IF(Input!$D$20=4,K173*Input!$C$20,0)+IF(Input!$D$21=4,L173*Input!$C$21,0)+IF(Input!$D$22=4,M173*Input!$C$22,0)</f>
        <v>0</v>
      </c>
      <c r="R173" s="58">
        <v>43.165537975403332</v>
      </c>
      <c r="S173" s="124">
        <f t="shared" si="2"/>
        <v>0.55675818688846512</v>
      </c>
    </row>
    <row r="174" spans="2:19" x14ac:dyDescent="0.3">
      <c r="B174" s="44">
        <v>167</v>
      </c>
      <c r="C174" s="56">
        <f>Jesper!AM168</f>
        <v>2.4783735348734677</v>
      </c>
      <c r="D174" s="59">
        <f>Jesper!AN168</f>
        <v>8.2612451162448934</v>
      </c>
      <c r="E174" s="59">
        <f>Jesper!AO168</f>
        <v>12.39186767436734</v>
      </c>
      <c r="F174" s="59">
        <f>Jesper!AP168</f>
        <v>202.84755504258419</v>
      </c>
      <c r="G174" s="58">
        <f>Jesper!AQ168</f>
        <v>0</v>
      </c>
      <c r="H174" s="44">
        <v>167</v>
      </c>
      <c r="I174" s="56">
        <f>Bühler!I200</f>
        <v>0.1284826585127227</v>
      </c>
      <c r="J174" s="59">
        <f>Bühler!J200</f>
        <v>0.4282755283757424</v>
      </c>
      <c r="K174" s="59">
        <f>Bühler!K200</f>
        <v>0.64241329256361357</v>
      </c>
      <c r="L174" s="59">
        <f>Bühler!L200</f>
        <v>6.4740993964643447</v>
      </c>
      <c r="M174" s="58">
        <f>Bühler!M200</f>
        <v>0</v>
      </c>
      <c r="N174" s="56">
        <f>IF(Input!$D$19=1,J174*Input!$C$19,0)+IF(Input!$D$20=1,K174*Input!$C$20,0)+IF(Input!$D$21=1,L174*Input!$C$21,0)+IF(Input!$D$22=1,M174*Input!$C$22,0)</f>
        <v>0.12848265851272272</v>
      </c>
      <c r="O174" s="59">
        <f>IF(Input!$D$19=2,J174*Input!$C$19,0)+IF(Input!$D$20=2,K174*Input!$C$20,0)+IF(Input!$D$21=2,L174*Input!$C$21,0)+IF(Input!$D$22=2,M174*Input!$C$22,0)</f>
        <v>0.32120664628180678</v>
      </c>
      <c r="P174" s="59">
        <f>IF(Input!$D$19=3,J174*Input!$C$19,0)+IF(Input!$D$20=3,K174*Input!$C$20,0)+IF(Input!$D$21=3,L174*Input!$C$21,0)+IF(Input!$D$22=3,M174*Input!$C$22,0)</f>
        <v>0</v>
      </c>
      <c r="Q174" s="75">
        <f>IF(Input!$D$19=4,J174*Input!$C$19,0)+IF(Input!$D$20=4,K174*Input!$C$20,0)+IF(Input!$D$21=4,L174*Input!$C$21,0)+IF(Input!$D$22=4,M174*Input!$C$22,0)</f>
        <v>0</v>
      </c>
      <c r="R174" s="58">
        <v>44.111534688240312</v>
      </c>
      <c r="S174" s="124">
        <f t="shared" si="2"/>
        <v>0.55675818688846512</v>
      </c>
    </row>
    <row r="175" spans="2:19" x14ac:dyDescent="0.3">
      <c r="B175" s="44">
        <v>168</v>
      </c>
      <c r="C175" s="56">
        <f>Jesper!AM169</f>
        <v>2.4725425950203608</v>
      </c>
      <c r="D175" s="59">
        <f>Jesper!AN169</f>
        <v>8.2418086500678704</v>
      </c>
      <c r="E175" s="59">
        <f>Jesper!AO169</f>
        <v>12.362712975101806</v>
      </c>
      <c r="F175" s="59">
        <f>Jesper!AP169</f>
        <v>200.6204758960053</v>
      </c>
      <c r="G175" s="58">
        <f>Jesper!AQ169</f>
        <v>0</v>
      </c>
      <c r="H175" s="44">
        <v>168</v>
      </c>
      <c r="I175" s="56">
        <f>Bühler!I201</f>
        <v>0.1284826585127227</v>
      </c>
      <c r="J175" s="59">
        <f>Bühler!J201</f>
        <v>0.4282755283757424</v>
      </c>
      <c r="K175" s="59">
        <f>Bühler!K201</f>
        <v>0.64241329256361357</v>
      </c>
      <c r="L175" s="59">
        <f>Bühler!L201</f>
        <v>6.4740993964643447</v>
      </c>
      <c r="M175" s="58">
        <f>Bühler!M201</f>
        <v>0</v>
      </c>
      <c r="N175" s="56">
        <f>IF(Input!$D$19=1,J175*Input!$C$19,0)+IF(Input!$D$20=1,K175*Input!$C$20,0)+IF(Input!$D$21=1,L175*Input!$C$21,0)+IF(Input!$D$22=1,M175*Input!$C$22,0)</f>
        <v>0.12848265851272272</v>
      </c>
      <c r="O175" s="59">
        <f>IF(Input!$D$19=2,J175*Input!$C$19,0)+IF(Input!$D$20=2,K175*Input!$C$20,0)+IF(Input!$D$21=2,L175*Input!$C$21,0)+IF(Input!$D$22=2,M175*Input!$C$22,0)</f>
        <v>0.32120664628180678</v>
      </c>
      <c r="P175" s="59">
        <f>IF(Input!$D$19=3,J175*Input!$C$19,0)+IF(Input!$D$20=3,K175*Input!$C$20,0)+IF(Input!$D$21=3,L175*Input!$C$21,0)+IF(Input!$D$22=3,M175*Input!$C$22,0)</f>
        <v>0</v>
      </c>
      <c r="Q175" s="75">
        <f>IF(Input!$D$19=4,J175*Input!$C$19,0)+IF(Input!$D$20=4,K175*Input!$C$20,0)+IF(Input!$D$21=4,L175*Input!$C$21,0)+IF(Input!$D$22=4,M175*Input!$C$22,0)</f>
        <v>0</v>
      </c>
      <c r="R175" s="58">
        <v>43.822190481363748</v>
      </c>
      <c r="S175" s="124">
        <f t="shared" si="2"/>
        <v>0.55675818688846512</v>
      </c>
    </row>
    <row r="176" spans="2:19" x14ac:dyDescent="0.3">
      <c r="B176" s="44">
        <v>169</v>
      </c>
      <c r="C176" s="56">
        <f>Jesper!AM170</f>
        <v>7.1417050226745404</v>
      </c>
      <c r="D176" s="59">
        <f>Jesper!AN170</f>
        <v>23.805683408915137</v>
      </c>
      <c r="E176" s="59">
        <f>Jesper!AO170</f>
        <v>35.708525113372701</v>
      </c>
      <c r="F176" s="59">
        <f>Jesper!AP170</f>
        <v>171.40092054418898</v>
      </c>
      <c r="G176" s="58">
        <f>Jesper!AQ170</f>
        <v>0</v>
      </c>
      <c r="H176" s="44">
        <v>169</v>
      </c>
      <c r="I176" s="56">
        <f>Bühler!I202</f>
        <v>7.5578004285698691E-2</v>
      </c>
      <c r="J176" s="59">
        <f>Bühler!J202</f>
        <v>0.25192668095232901</v>
      </c>
      <c r="K176" s="59">
        <f>Bühler!K202</f>
        <v>0.37789002142849343</v>
      </c>
      <c r="L176" s="59">
        <f>Bühler!L202</f>
        <v>1.8138721028567686</v>
      </c>
      <c r="M176" s="58">
        <f>Bühler!M202</f>
        <v>0</v>
      </c>
      <c r="N176" s="56">
        <f>IF(Input!$D$19=1,J176*Input!$C$19,0)+IF(Input!$D$20=1,K176*Input!$C$20,0)+IF(Input!$D$21=1,L176*Input!$C$21,0)+IF(Input!$D$22=1,M176*Input!$C$22,0)</f>
        <v>7.5578004285698705E-2</v>
      </c>
      <c r="O176" s="59">
        <f>IF(Input!$D$19=2,J176*Input!$C$19,0)+IF(Input!$D$20=2,K176*Input!$C$20,0)+IF(Input!$D$21=2,L176*Input!$C$21,0)+IF(Input!$D$22=2,M176*Input!$C$22,0)</f>
        <v>0.18894501071424671</v>
      </c>
      <c r="P176" s="59">
        <f>IF(Input!$D$19=3,J176*Input!$C$19,0)+IF(Input!$D$20=3,K176*Input!$C$20,0)+IF(Input!$D$21=3,L176*Input!$C$21,0)+IF(Input!$D$22=3,M176*Input!$C$22,0)</f>
        <v>0</v>
      </c>
      <c r="Q176" s="75">
        <f>IF(Input!$D$19=4,J176*Input!$C$19,0)+IF(Input!$D$20=4,K176*Input!$C$20,0)+IF(Input!$D$21=4,L176*Input!$C$21,0)+IF(Input!$D$22=4,M176*Input!$C$22,0)</f>
        <v>0</v>
      </c>
      <c r="R176" s="58">
        <v>44.62340008559017</v>
      </c>
      <c r="S176" s="124">
        <f t="shared" si="2"/>
        <v>0.32750468523802767</v>
      </c>
    </row>
    <row r="177" spans="2:19" x14ac:dyDescent="0.3">
      <c r="B177" s="44">
        <v>170</v>
      </c>
      <c r="C177" s="56">
        <f>Jesper!AM171</f>
        <v>7.1417050226745404</v>
      </c>
      <c r="D177" s="59">
        <f>Jesper!AN171</f>
        <v>23.805683408915137</v>
      </c>
      <c r="E177" s="59">
        <f>Jesper!AO171</f>
        <v>35.708525113372701</v>
      </c>
      <c r="F177" s="59">
        <f>Jesper!AP171</f>
        <v>171.40092054418898</v>
      </c>
      <c r="G177" s="58">
        <f>Jesper!AQ171</f>
        <v>0</v>
      </c>
      <c r="H177" s="44">
        <v>170</v>
      </c>
      <c r="I177" s="56">
        <f>Bühler!I203</f>
        <v>7.5578004285698691E-2</v>
      </c>
      <c r="J177" s="59">
        <f>Bühler!J203</f>
        <v>0.25192668095232901</v>
      </c>
      <c r="K177" s="59">
        <f>Bühler!K203</f>
        <v>0.37789002142849343</v>
      </c>
      <c r="L177" s="59">
        <f>Bühler!L203</f>
        <v>1.8138721028567686</v>
      </c>
      <c r="M177" s="58">
        <f>Bühler!M203</f>
        <v>0</v>
      </c>
      <c r="N177" s="56">
        <f>IF(Input!$D$19=1,J177*Input!$C$19,0)+IF(Input!$D$20=1,K177*Input!$C$20,0)+IF(Input!$D$21=1,L177*Input!$C$21,0)+IF(Input!$D$22=1,M177*Input!$C$22,0)</f>
        <v>7.5578004285698705E-2</v>
      </c>
      <c r="O177" s="59">
        <f>IF(Input!$D$19=2,J177*Input!$C$19,0)+IF(Input!$D$20=2,K177*Input!$C$20,0)+IF(Input!$D$21=2,L177*Input!$C$21,0)+IF(Input!$D$22=2,M177*Input!$C$22,0)</f>
        <v>0.18894501071424671</v>
      </c>
      <c r="P177" s="59">
        <f>IF(Input!$D$19=3,J177*Input!$C$19,0)+IF(Input!$D$20=3,K177*Input!$C$20,0)+IF(Input!$D$21=3,L177*Input!$C$21,0)+IF(Input!$D$22=3,M177*Input!$C$22,0)</f>
        <v>0</v>
      </c>
      <c r="Q177" s="75">
        <f>IF(Input!$D$19=4,J177*Input!$C$19,0)+IF(Input!$D$20=4,K177*Input!$C$20,0)+IF(Input!$D$21=4,L177*Input!$C$21,0)+IF(Input!$D$22=4,M177*Input!$C$22,0)</f>
        <v>0</v>
      </c>
      <c r="R177" s="58">
        <v>45.402029703546475</v>
      </c>
      <c r="S177" s="124">
        <f t="shared" si="2"/>
        <v>0.32750468523802767</v>
      </c>
    </row>
    <row r="178" spans="2:19" x14ac:dyDescent="0.3">
      <c r="B178" s="44">
        <v>171</v>
      </c>
      <c r="C178" s="56">
        <f>Jesper!AM172</f>
        <v>7.1193755077895275</v>
      </c>
      <c r="D178" s="59">
        <f>Jesper!AN172</f>
        <v>23.731251692631758</v>
      </c>
      <c r="E178" s="59">
        <f>Jesper!AO172</f>
        <v>35.596877538947638</v>
      </c>
      <c r="F178" s="59">
        <f>Jesper!AP172</f>
        <v>170.86501218694866</v>
      </c>
      <c r="G178" s="58">
        <f>Jesper!AQ172</f>
        <v>0</v>
      </c>
      <c r="H178" s="44">
        <v>171</v>
      </c>
      <c r="I178" s="56">
        <f>Bühler!I204</f>
        <v>7.5578004285698691E-2</v>
      </c>
      <c r="J178" s="59">
        <f>Bühler!J204</f>
        <v>0.25192668095232901</v>
      </c>
      <c r="K178" s="59">
        <f>Bühler!K204</f>
        <v>0.37789002142849343</v>
      </c>
      <c r="L178" s="59">
        <f>Bühler!L204</f>
        <v>1.8138721028567686</v>
      </c>
      <c r="M178" s="58">
        <f>Bühler!M204</f>
        <v>0</v>
      </c>
      <c r="N178" s="56">
        <f>IF(Input!$D$19=1,J178*Input!$C$19,0)+IF(Input!$D$20=1,K178*Input!$C$20,0)+IF(Input!$D$21=1,L178*Input!$C$21,0)+IF(Input!$D$22=1,M178*Input!$C$22,0)</f>
        <v>7.5578004285698705E-2</v>
      </c>
      <c r="O178" s="59">
        <f>IF(Input!$D$19=2,J178*Input!$C$19,0)+IF(Input!$D$20=2,K178*Input!$C$20,0)+IF(Input!$D$21=2,L178*Input!$C$21,0)+IF(Input!$D$22=2,M178*Input!$C$22,0)</f>
        <v>0.18894501071424671</v>
      </c>
      <c r="P178" s="59">
        <f>IF(Input!$D$19=3,J178*Input!$C$19,0)+IF(Input!$D$20=3,K178*Input!$C$20,0)+IF(Input!$D$21=3,L178*Input!$C$21,0)+IF(Input!$D$22=3,M178*Input!$C$22,0)</f>
        <v>0</v>
      </c>
      <c r="Q178" s="75">
        <f>IF(Input!$D$19=4,J178*Input!$C$19,0)+IF(Input!$D$20=4,K178*Input!$C$20,0)+IF(Input!$D$21=4,L178*Input!$C$21,0)+IF(Input!$D$22=4,M178*Input!$C$22,0)</f>
        <v>0</v>
      </c>
      <c r="R178" s="58">
        <v>46.126095932957746</v>
      </c>
      <c r="S178" s="124">
        <f t="shared" si="2"/>
        <v>0.32750468523802767</v>
      </c>
    </row>
    <row r="179" spans="2:19" x14ac:dyDescent="0.3">
      <c r="B179" s="44">
        <v>172</v>
      </c>
      <c r="C179" s="56">
        <f>Jesper!AM173</f>
        <v>7.0747164780195053</v>
      </c>
      <c r="D179" s="59">
        <f>Jesper!AN173</f>
        <v>23.58238826006502</v>
      </c>
      <c r="E179" s="59">
        <f>Jesper!AO173</f>
        <v>35.373582390097525</v>
      </c>
      <c r="F179" s="59">
        <f>Jesper!AP173</f>
        <v>169.79319547246814</v>
      </c>
      <c r="G179" s="58">
        <f>Jesper!AQ173</f>
        <v>0</v>
      </c>
      <c r="H179" s="44">
        <v>172</v>
      </c>
      <c r="I179" s="56">
        <f>Bühler!I205</f>
        <v>7.5578004285698691E-2</v>
      </c>
      <c r="J179" s="59">
        <f>Bühler!J205</f>
        <v>0.25192668095232901</v>
      </c>
      <c r="K179" s="59">
        <f>Bühler!K205</f>
        <v>0.37789002142849343</v>
      </c>
      <c r="L179" s="59">
        <f>Bühler!L205</f>
        <v>1.8138721028567686</v>
      </c>
      <c r="M179" s="58">
        <f>Bühler!M205</f>
        <v>0</v>
      </c>
      <c r="N179" s="56">
        <f>IF(Input!$D$19=1,J179*Input!$C$19,0)+IF(Input!$D$20=1,K179*Input!$C$20,0)+IF(Input!$D$21=1,L179*Input!$C$21,0)+IF(Input!$D$22=1,M179*Input!$C$22,0)</f>
        <v>7.5578004285698705E-2</v>
      </c>
      <c r="O179" s="59">
        <f>IF(Input!$D$19=2,J179*Input!$C$19,0)+IF(Input!$D$20=2,K179*Input!$C$20,0)+IF(Input!$D$21=2,L179*Input!$C$21,0)+IF(Input!$D$22=2,M179*Input!$C$22,0)</f>
        <v>0.18894501071424671</v>
      </c>
      <c r="P179" s="59">
        <f>IF(Input!$D$19=3,J179*Input!$C$19,0)+IF(Input!$D$20=3,K179*Input!$C$20,0)+IF(Input!$D$21=3,L179*Input!$C$21,0)+IF(Input!$D$22=3,M179*Input!$C$22,0)</f>
        <v>0</v>
      </c>
      <c r="Q179" s="75">
        <f>IF(Input!$D$19=4,J179*Input!$C$19,0)+IF(Input!$D$20=4,K179*Input!$C$20,0)+IF(Input!$D$21=4,L179*Input!$C$21,0)+IF(Input!$D$22=4,M179*Input!$C$22,0)</f>
        <v>0</v>
      </c>
      <c r="R179" s="58">
        <v>47.154497465562315</v>
      </c>
      <c r="S179" s="124">
        <f t="shared" si="2"/>
        <v>0.32750468523802767</v>
      </c>
    </row>
    <row r="180" spans="2:19" x14ac:dyDescent="0.3">
      <c r="B180" s="44">
        <v>173</v>
      </c>
      <c r="C180" s="56">
        <f>Jesper!AM174</f>
        <v>7.3705825502459055</v>
      </c>
      <c r="D180" s="59">
        <f>Jesper!AN174</f>
        <v>24.568608500819689</v>
      </c>
      <c r="E180" s="59">
        <f>Jesper!AO174</f>
        <v>36.852912751229532</v>
      </c>
      <c r="F180" s="59">
        <f>Jesper!AP174</f>
        <v>176.89398120590175</v>
      </c>
      <c r="G180" s="58">
        <f>Jesper!AQ174</f>
        <v>0</v>
      </c>
      <c r="H180" s="44">
        <v>173</v>
      </c>
      <c r="I180" s="56">
        <f>Bühler!I206</f>
        <v>7.5578004285698691E-2</v>
      </c>
      <c r="J180" s="59">
        <f>Bühler!J206</f>
        <v>0.25192668095232901</v>
      </c>
      <c r="K180" s="59">
        <f>Bühler!K206</f>
        <v>0.37789002142849343</v>
      </c>
      <c r="L180" s="59">
        <f>Bühler!L206</f>
        <v>1.8138721028567686</v>
      </c>
      <c r="M180" s="58">
        <f>Bühler!M206</f>
        <v>0</v>
      </c>
      <c r="N180" s="56">
        <f>IF(Input!$D$19=1,J180*Input!$C$19,0)+IF(Input!$D$20=1,K180*Input!$C$20,0)+IF(Input!$D$21=1,L180*Input!$C$21,0)+IF(Input!$D$22=1,M180*Input!$C$22,0)</f>
        <v>7.5578004285698705E-2</v>
      </c>
      <c r="O180" s="59">
        <f>IF(Input!$D$19=2,J180*Input!$C$19,0)+IF(Input!$D$20=2,K180*Input!$C$20,0)+IF(Input!$D$21=2,L180*Input!$C$21,0)+IF(Input!$D$22=2,M180*Input!$C$22,0)</f>
        <v>0.18894501071424671</v>
      </c>
      <c r="P180" s="59">
        <f>IF(Input!$D$19=3,J180*Input!$C$19,0)+IF(Input!$D$20=3,K180*Input!$C$20,0)+IF(Input!$D$21=3,L180*Input!$C$21,0)+IF(Input!$D$22=3,M180*Input!$C$22,0)</f>
        <v>0</v>
      </c>
      <c r="Q180" s="75">
        <f>IF(Input!$D$19=4,J180*Input!$C$19,0)+IF(Input!$D$20=4,K180*Input!$C$20,0)+IF(Input!$D$21=4,L180*Input!$C$21,0)+IF(Input!$D$22=4,M180*Input!$C$22,0)</f>
        <v>0</v>
      </c>
      <c r="R180" s="58">
        <v>49.873721653807586</v>
      </c>
      <c r="S180" s="124">
        <f t="shared" si="2"/>
        <v>0.32750468523802767</v>
      </c>
    </row>
    <row r="181" spans="2:19" x14ac:dyDescent="0.3">
      <c r="B181" s="44">
        <v>174</v>
      </c>
      <c r="C181" s="56">
        <f>Jesper!AM175</f>
        <v>3.1741253566635468</v>
      </c>
      <c r="D181" s="59">
        <f>Jesper!AN175</f>
        <v>10.580417855545157</v>
      </c>
      <c r="E181" s="59">
        <f>Jesper!AO175</f>
        <v>15.870626783317736</v>
      </c>
      <c r="F181" s="59">
        <f>Jesper!AP175</f>
        <v>220.99427698752893</v>
      </c>
      <c r="G181" s="58">
        <f>Jesper!AQ175</f>
        <v>0</v>
      </c>
      <c r="H181" s="44">
        <v>174</v>
      </c>
      <c r="I181" s="56">
        <f>Bühler!I207</f>
        <v>0.32750468523802767</v>
      </c>
      <c r="J181" s="59">
        <f>Bühler!J207</f>
        <v>1.0916822841267588</v>
      </c>
      <c r="K181" s="59">
        <f>Bühler!K207</f>
        <v>1.6375234261901384</v>
      </c>
      <c r="L181" s="59">
        <f>Bühler!L207</f>
        <v>7.8601124457126632</v>
      </c>
      <c r="M181" s="58">
        <f>Bühler!M207</f>
        <v>0</v>
      </c>
      <c r="N181" s="56">
        <f>IF(Input!$D$19=1,J181*Input!$C$19,0)+IF(Input!$D$20=1,K181*Input!$C$20,0)+IF(Input!$D$21=1,L181*Input!$C$21,0)+IF(Input!$D$22=1,M181*Input!$C$22,0)</f>
        <v>0.32750468523802762</v>
      </c>
      <c r="O181" s="59">
        <f>IF(Input!$D$19=2,J181*Input!$C$19,0)+IF(Input!$D$20=2,K181*Input!$C$20,0)+IF(Input!$D$21=2,L181*Input!$C$21,0)+IF(Input!$D$22=2,M181*Input!$C$22,0)</f>
        <v>0.81876171309506918</v>
      </c>
      <c r="P181" s="59">
        <f>IF(Input!$D$19=3,J181*Input!$C$19,0)+IF(Input!$D$20=3,K181*Input!$C$20,0)+IF(Input!$D$21=3,L181*Input!$C$21,0)+IF(Input!$D$22=3,M181*Input!$C$22,0)</f>
        <v>0</v>
      </c>
      <c r="Q181" s="75">
        <f>IF(Input!$D$19=4,J181*Input!$C$19,0)+IF(Input!$D$20=4,K181*Input!$C$20,0)+IF(Input!$D$21=4,L181*Input!$C$21,0)+IF(Input!$D$22=4,M181*Input!$C$22,0)</f>
        <v>0</v>
      </c>
      <c r="R181" s="58">
        <v>55.319087934160642</v>
      </c>
      <c r="S181" s="124">
        <f t="shared" si="2"/>
        <v>1.4191869693647865</v>
      </c>
    </row>
    <row r="182" spans="2:19" x14ac:dyDescent="0.3">
      <c r="B182" s="44">
        <v>175</v>
      </c>
      <c r="C182" s="56">
        <f>Jesper!AM176</f>
        <v>2.5726558698466984</v>
      </c>
      <c r="D182" s="59">
        <f>Jesper!AN176</f>
        <v>8.5755195661556627</v>
      </c>
      <c r="E182" s="59">
        <f>Jesper!AO176</f>
        <v>12.863279349233494</v>
      </c>
      <c r="F182" s="59">
        <f>Jesper!AP176</f>
        <v>207.42739712532793</v>
      </c>
      <c r="G182" s="58">
        <f>Jesper!AQ176</f>
        <v>0</v>
      </c>
      <c r="H182" s="44">
        <v>175</v>
      </c>
      <c r="I182" s="56">
        <f>Bühler!I208</f>
        <v>0.37159185440468517</v>
      </c>
      <c r="J182" s="59">
        <f>Bühler!J208</f>
        <v>1.2386395146822842</v>
      </c>
      <c r="K182" s="59">
        <f>Bühler!K208</f>
        <v>1.8579592720234259</v>
      </c>
      <c r="L182" s="59">
        <f>Bühler!L208</f>
        <v>8.9182045057124455</v>
      </c>
      <c r="M182" s="58">
        <f>Bühler!M208</f>
        <v>0</v>
      </c>
      <c r="N182" s="56">
        <f>IF(Input!$D$19=1,J182*Input!$C$19,0)+IF(Input!$D$20=1,K182*Input!$C$20,0)+IF(Input!$D$21=1,L182*Input!$C$21,0)+IF(Input!$D$22=1,M182*Input!$C$22,0)</f>
        <v>0.37159185440468523</v>
      </c>
      <c r="O182" s="59">
        <f>IF(Input!$D$19=2,J182*Input!$C$19,0)+IF(Input!$D$20=2,K182*Input!$C$20,0)+IF(Input!$D$21=2,L182*Input!$C$21,0)+IF(Input!$D$22=2,M182*Input!$C$22,0)</f>
        <v>0.92897963601171296</v>
      </c>
      <c r="P182" s="59">
        <f>IF(Input!$D$19=3,J182*Input!$C$19,0)+IF(Input!$D$20=3,K182*Input!$C$20,0)+IF(Input!$D$21=3,L182*Input!$C$21,0)+IF(Input!$D$22=3,M182*Input!$C$22,0)</f>
        <v>0</v>
      </c>
      <c r="Q182" s="75">
        <f>IF(Input!$D$19=4,J182*Input!$C$19,0)+IF(Input!$D$20=4,K182*Input!$C$20,0)+IF(Input!$D$21=4,L182*Input!$C$21,0)+IF(Input!$D$22=4,M182*Input!$C$22,0)</f>
        <v>0</v>
      </c>
      <c r="R182" s="58">
        <v>61.334236518673364</v>
      </c>
      <c r="S182" s="124">
        <f t="shared" si="2"/>
        <v>1.6102313690869694</v>
      </c>
    </row>
    <row r="183" spans="2:19" x14ac:dyDescent="0.3">
      <c r="B183" s="44">
        <v>176</v>
      </c>
      <c r="C183" s="56">
        <f>Jesper!AM177</f>
        <v>7.2086935673295729</v>
      </c>
      <c r="D183" s="59">
        <f>Jesper!AN177</f>
        <v>24.028978557765246</v>
      </c>
      <c r="E183" s="59">
        <f>Jesper!AO177</f>
        <v>36.043467836647864</v>
      </c>
      <c r="F183" s="59">
        <f>Jesper!AP177</f>
        <v>173.00864561590976</v>
      </c>
      <c r="G183" s="58">
        <f>Jesper!AQ177</f>
        <v>0</v>
      </c>
      <c r="H183" s="44">
        <v>176</v>
      </c>
      <c r="I183" s="56">
        <f>Bühler!I209</f>
        <v>0.37159185440468517</v>
      </c>
      <c r="J183" s="59">
        <f>Bühler!J209</f>
        <v>1.2386395146822842</v>
      </c>
      <c r="K183" s="59">
        <f>Bühler!K209</f>
        <v>1.8579592720234259</v>
      </c>
      <c r="L183" s="59">
        <f>Bühler!L209</f>
        <v>8.9182045057124455</v>
      </c>
      <c r="M183" s="58">
        <f>Bühler!M209</f>
        <v>0</v>
      </c>
      <c r="N183" s="56">
        <f>IF(Input!$D$19=1,J183*Input!$C$19,0)+IF(Input!$D$20=1,K183*Input!$C$20,0)+IF(Input!$D$21=1,L183*Input!$C$21,0)+IF(Input!$D$22=1,M183*Input!$C$22,0)</f>
        <v>0.37159185440468523</v>
      </c>
      <c r="O183" s="59">
        <f>IF(Input!$D$19=2,J183*Input!$C$19,0)+IF(Input!$D$20=2,K183*Input!$C$20,0)+IF(Input!$D$21=2,L183*Input!$C$21,0)+IF(Input!$D$22=2,M183*Input!$C$22,0)</f>
        <v>0.92897963601171296</v>
      </c>
      <c r="P183" s="59">
        <f>IF(Input!$D$19=3,J183*Input!$C$19,0)+IF(Input!$D$20=3,K183*Input!$C$20,0)+IF(Input!$D$21=3,L183*Input!$C$21,0)+IF(Input!$D$22=3,M183*Input!$C$22,0)</f>
        <v>0</v>
      </c>
      <c r="Q183" s="75">
        <f>IF(Input!$D$19=4,J183*Input!$C$19,0)+IF(Input!$D$20=4,K183*Input!$C$20,0)+IF(Input!$D$21=4,L183*Input!$C$21,0)+IF(Input!$D$22=4,M183*Input!$C$22,0)</f>
        <v>0</v>
      </c>
      <c r="R183" s="58">
        <v>64.447362375636843</v>
      </c>
      <c r="S183" s="124">
        <f t="shared" si="2"/>
        <v>1.6102313690869694</v>
      </c>
    </row>
    <row r="184" spans="2:19" x14ac:dyDescent="0.3">
      <c r="B184" s="44">
        <v>177</v>
      </c>
      <c r="C184" s="56">
        <f>Jesper!AM178</f>
        <v>6.9630689035944471</v>
      </c>
      <c r="D184" s="59">
        <f>Jesper!AN178</f>
        <v>23.210229678648162</v>
      </c>
      <c r="E184" s="59">
        <f>Jesper!AO178</f>
        <v>34.815344517972235</v>
      </c>
      <c r="F184" s="59">
        <f>Jesper!AP178</f>
        <v>167.11365368626673</v>
      </c>
      <c r="G184" s="58">
        <f>Jesper!AQ178</f>
        <v>0</v>
      </c>
      <c r="H184" s="44">
        <v>177</v>
      </c>
      <c r="I184" s="56">
        <f>Bühler!I210</f>
        <v>0.37159185440468517</v>
      </c>
      <c r="J184" s="59">
        <f>Bühler!J210</f>
        <v>1.2386395146822842</v>
      </c>
      <c r="K184" s="59">
        <f>Bühler!K210</f>
        <v>1.8579592720234259</v>
      </c>
      <c r="L184" s="59">
        <f>Bühler!L210</f>
        <v>8.9182045057124455</v>
      </c>
      <c r="M184" s="58">
        <f>Bühler!M210</f>
        <v>0</v>
      </c>
      <c r="N184" s="56">
        <f>IF(Input!$D$19=1,J184*Input!$C$19,0)+IF(Input!$D$20=1,K184*Input!$C$20,0)+IF(Input!$D$21=1,L184*Input!$C$21,0)+IF(Input!$D$22=1,M184*Input!$C$22,0)</f>
        <v>0.37159185440468523</v>
      </c>
      <c r="O184" s="59">
        <f>IF(Input!$D$19=2,J184*Input!$C$19,0)+IF(Input!$D$20=2,K184*Input!$C$20,0)+IF(Input!$D$21=2,L184*Input!$C$21,0)+IF(Input!$D$22=2,M184*Input!$C$22,0)</f>
        <v>0.92897963601171296</v>
      </c>
      <c r="P184" s="59">
        <f>IF(Input!$D$19=3,J184*Input!$C$19,0)+IF(Input!$D$20=3,K184*Input!$C$20,0)+IF(Input!$D$21=3,L184*Input!$C$21,0)+IF(Input!$D$22=3,M184*Input!$C$22,0)</f>
        <v>0</v>
      </c>
      <c r="Q184" s="75">
        <f>IF(Input!$D$19=4,J184*Input!$C$19,0)+IF(Input!$D$20=4,K184*Input!$C$20,0)+IF(Input!$D$21=4,L184*Input!$C$21,0)+IF(Input!$D$22=4,M184*Input!$C$22,0)</f>
        <v>0</v>
      </c>
      <c r="R184" s="58">
        <v>65.791536807780176</v>
      </c>
      <c r="S184" s="124">
        <f t="shared" si="2"/>
        <v>1.6102313690869694</v>
      </c>
    </row>
    <row r="185" spans="2:19" x14ac:dyDescent="0.3">
      <c r="B185" s="44">
        <v>178</v>
      </c>
      <c r="C185" s="56">
        <f>Jesper!AM179</f>
        <v>7.3091763843121242</v>
      </c>
      <c r="D185" s="59">
        <f>Jesper!AN179</f>
        <v>24.363921281040419</v>
      </c>
      <c r="E185" s="59">
        <f>Jesper!AO179</f>
        <v>36.545881921560621</v>
      </c>
      <c r="F185" s="59">
        <f>Jesper!AP179</f>
        <v>175.42023322349098</v>
      </c>
      <c r="G185" s="58">
        <f>Jesper!AQ179</f>
        <v>0</v>
      </c>
      <c r="H185" s="44">
        <v>178</v>
      </c>
      <c r="I185" s="56">
        <f>Bühler!I211</f>
        <v>0.39678452249991814</v>
      </c>
      <c r="J185" s="59">
        <f>Bühler!J211</f>
        <v>1.3226150749997272</v>
      </c>
      <c r="K185" s="59">
        <f>Bühler!K211</f>
        <v>1.9839226124995908</v>
      </c>
      <c r="L185" s="59">
        <f>Bühler!L211</f>
        <v>9.5228285399980361</v>
      </c>
      <c r="M185" s="58">
        <f>Bühler!M211</f>
        <v>0</v>
      </c>
      <c r="N185" s="56">
        <f>IF(Input!$D$19=1,J185*Input!$C$19,0)+IF(Input!$D$20=1,K185*Input!$C$20,0)+IF(Input!$D$21=1,L185*Input!$C$21,0)+IF(Input!$D$22=1,M185*Input!$C$22,0)</f>
        <v>0.39678452249991814</v>
      </c>
      <c r="O185" s="59">
        <f>IF(Input!$D$19=2,J185*Input!$C$19,0)+IF(Input!$D$20=2,K185*Input!$C$20,0)+IF(Input!$D$21=2,L185*Input!$C$21,0)+IF(Input!$D$22=2,M185*Input!$C$22,0)</f>
        <v>0.99196130624979539</v>
      </c>
      <c r="P185" s="59">
        <f>IF(Input!$D$19=3,J185*Input!$C$19,0)+IF(Input!$D$20=3,K185*Input!$C$20,0)+IF(Input!$D$21=3,L185*Input!$C$21,0)+IF(Input!$D$22=3,M185*Input!$C$22,0)</f>
        <v>0</v>
      </c>
      <c r="Q185" s="75">
        <f>IF(Input!$D$19=4,J185*Input!$C$19,0)+IF(Input!$D$20=4,K185*Input!$C$20,0)+IF(Input!$D$21=4,L185*Input!$C$21,0)+IF(Input!$D$22=4,M185*Input!$C$22,0)</f>
        <v>0</v>
      </c>
      <c r="R185" s="58">
        <v>65.910797808876978</v>
      </c>
      <c r="S185" s="124">
        <f t="shared" si="2"/>
        <v>1.7193995974996454</v>
      </c>
    </row>
    <row r="186" spans="2:19" x14ac:dyDescent="0.3">
      <c r="B186" s="44">
        <v>179</v>
      </c>
      <c r="C186" s="56">
        <f>Jesper!AM180</f>
        <v>7.2645173545421029</v>
      </c>
      <c r="D186" s="59">
        <f>Jesper!AN180</f>
        <v>24.215057848473677</v>
      </c>
      <c r="E186" s="59">
        <f>Jesper!AO180</f>
        <v>36.322586772710515</v>
      </c>
      <c r="F186" s="59">
        <f>Jesper!AP180</f>
        <v>174.34841650901046</v>
      </c>
      <c r="G186" s="58">
        <f>Jesper!AQ180</f>
        <v>0</v>
      </c>
      <c r="H186" s="44">
        <v>179</v>
      </c>
      <c r="I186" s="56">
        <f>Bühler!I212</f>
        <v>0.39678452249991814</v>
      </c>
      <c r="J186" s="59">
        <f>Bühler!J212</f>
        <v>1.3226150749997272</v>
      </c>
      <c r="K186" s="59">
        <f>Bühler!K212</f>
        <v>1.9839226124995908</v>
      </c>
      <c r="L186" s="59">
        <f>Bühler!L212</f>
        <v>9.5228285399980361</v>
      </c>
      <c r="M186" s="58">
        <f>Bühler!M212</f>
        <v>0</v>
      </c>
      <c r="N186" s="56">
        <f>IF(Input!$D$19=1,J186*Input!$C$19,0)+IF(Input!$D$20=1,K186*Input!$C$20,0)+IF(Input!$D$21=1,L186*Input!$C$21,0)+IF(Input!$D$22=1,M186*Input!$C$22,0)</f>
        <v>0.39678452249991814</v>
      </c>
      <c r="O186" s="59">
        <f>IF(Input!$D$19=2,J186*Input!$C$19,0)+IF(Input!$D$20=2,K186*Input!$C$20,0)+IF(Input!$D$21=2,L186*Input!$C$21,0)+IF(Input!$D$22=2,M186*Input!$C$22,0)</f>
        <v>0.99196130624979539</v>
      </c>
      <c r="P186" s="59">
        <f>IF(Input!$D$19=3,J186*Input!$C$19,0)+IF(Input!$D$20=3,K186*Input!$C$20,0)+IF(Input!$D$21=3,L186*Input!$C$21,0)+IF(Input!$D$22=3,M186*Input!$C$22,0)</f>
        <v>0</v>
      </c>
      <c r="Q186" s="75">
        <f>IF(Input!$D$19=4,J186*Input!$C$19,0)+IF(Input!$D$20=4,K186*Input!$C$20,0)+IF(Input!$D$21=4,L186*Input!$C$21,0)+IF(Input!$D$22=4,M186*Input!$C$22,0)</f>
        <v>0</v>
      </c>
      <c r="R186" s="58">
        <v>66.766782316234938</v>
      </c>
      <c r="S186" s="124">
        <f t="shared" si="2"/>
        <v>1.7193995974996454</v>
      </c>
    </row>
    <row r="187" spans="2:19" x14ac:dyDescent="0.3">
      <c r="B187" s="44">
        <v>180</v>
      </c>
      <c r="C187" s="56">
        <f>Jesper!AM181</f>
        <v>7.5436362906047449</v>
      </c>
      <c r="D187" s="59">
        <f>Jesper!AN181</f>
        <v>25.145454302015821</v>
      </c>
      <c r="E187" s="59">
        <f>Jesper!AO181</f>
        <v>37.718181453023725</v>
      </c>
      <c r="F187" s="59">
        <f>Jesper!AP181</f>
        <v>181.04727097451388</v>
      </c>
      <c r="G187" s="58">
        <f>Jesper!AQ181</f>
        <v>0</v>
      </c>
      <c r="H187" s="44">
        <v>180</v>
      </c>
      <c r="I187" s="56">
        <f>Bühler!I213</f>
        <v>0.5038533619046579</v>
      </c>
      <c r="J187" s="59">
        <f>Bühler!J213</f>
        <v>1.67951120634886</v>
      </c>
      <c r="K187" s="59">
        <f>Bühler!K213</f>
        <v>2.5192668095232897</v>
      </c>
      <c r="L187" s="59">
        <f>Bühler!L213</f>
        <v>12.092480685711791</v>
      </c>
      <c r="M187" s="58">
        <f>Bühler!M213</f>
        <v>0</v>
      </c>
      <c r="N187" s="56">
        <f>IF(Input!$D$19=1,J187*Input!$C$19,0)+IF(Input!$D$20=1,K187*Input!$C$20,0)+IF(Input!$D$21=1,L187*Input!$C$21,0)+IF(Input!$D$22=1,M187*Input!$C$22,0)</f>
        <v>0.50385336190465801</v>
      </c>
      <c r="O187" s="59">
        <f>IF(Input!$D$19=2,J187*Input!$C$19,0)+IF(Input!$D$20=2,K187*Input!$C$20,0)+IF(Input!$D$21=2,L187*Input!$C$21,0)+IF(Input!$D$22=2,M187*Input!$C$22,0)</f>
        <v>1.2596334047616449</v>
      </c>
      <c r="P187" s="59">
        <f>IF(Input!$D$19=3,J187*Input!$C$19,0)+IF(Input!$D$20=3,K187*Input!$C$20,0)+IF(Input!$D$21=3,L187*Input!$C$21,0)+IF(Input!$D$22=3,M187*Input!$C$22,0)</f>
        <v>0</v>
      </c>
      <c r="Q187" s="75">
        <f>IF(Input!$D$19=4,J187*Input!$C$19,0)+IF(Input!$D$20=4,K187*Input!$C$20,0)+IF(Input!$D$21=4,L187*Input!$C$21,0)+IF(Input!$D$22=4,M187*Input!$C$22,0)</f>
        <v>0</v>
      </c>
      <c r="R187" s="58">
        <v>67.671335232873602</v>
      </c>
      <c r="S187" s="124">
        <f t="shared" si="2"/>
        <v>2.1833645682535181</v>
      </c>
    </row>
    <row r="188" spans="2:19" x14ac:dyDescent="0.3">
      <c r="B188" s="44">
        <v>181</v>
      </c>
      <c r="C188" s="56">
        <f>Jesper!AM182</f>
        <v>3.0502934034953713</v>
      </c>
      <c r="D188" s="59">
        <f>Jesper!AN182</f>
        <v>10.167644678317906</v>
      </c>
      <c r="E188" s="59">
        <f>Jesper!AO182</f>
        <v>15.251467017476859</v>
      </c>
      <c r="F188" s="59">
        <f>Jesper!AP182</f>
        <v>218.20109583942872</v>
      </c>
      <c r="G188" s="58">
        <f>Jesper!AQ182</f>
        <v>0</v>
      </c>
      <c r="H188" s="44">
        <v>181</v>
      </c>
      <c r="I188" s="56">
        <f>Bühler!I214</f>
        <v>0.5038533619046579</v>
      </c>
      <c r="J188" s="59">
        <f>Bühler!J214</f>
        <v>1.67951120634886</v>
      </c>
      <c r="K188" s="59">
        <f>Bühler!K214</f>
        <v>2.5192668095232897</v>
      </c>
      <c r="L188" s="59">
        <f>Bühler!L214</f>
        <v>12.092480685711791</v>
      </c>
      <c r="M188" s="58">
        <f>Bühler!M214</f>
        <v>0</v>
      </c>
      <c r="N188" s="56">
        <f>IF(Input!$D$19=1,J188*Input!$C$19,0)+IF(Input!$D$20=1,K188*Input!$C$20,0)+IF(Input!$D$21=1,L188*Input!$C$21,0)+IF(Input!$D$22=1,M188*Input!$C$22,0)</f>
        <v>0.50385336190465801</v>
      </c>
      <c r="O188" s="59">
        <f>IF(Input!$D$19=2,J188*Input!$C$19,0)+IF(Input!$D$20=2,K188*Input!$C$20,0)+IF(Input!$D$21=2,L188*Input!$C$21,0)+IF(Input!$D$22=2,M188*Input!$C$22,0)</f>
        <v>1.2596334047616449</v>
      </c>
      <c r="P188" s="59">
        <f>IF(Input!$D$19=3,J188*Input!$C$19,0)+IF(Input!$D$20=3,K188*Input!$C$20,0)+IF(Input!$D$21=3,L188*Input!$C$21,0)+IF(Input!$D$22=3,M188*Input!$C$22,0)</f>
        <v>0</v>
      </c>
      <c r="Q188" s="75">
        <f>IF(Input!$D$19=4,J188*Input!$C$19,0)+IF(Input!$D$20=4,K188*Input!$C$20,0)+IF(Input!$D$21=4,L188*Input!$C$21,0)+IF(Input!$D$22=4,M188*Input!$C$22,0)</f>
        <v>0</v>
      </c>
      <c r="R188" s="58">
        <v>67.402273419380535</v>
      </c>
      <c r="S188" s="124">
        <f t="shared" si="2"/>
        <v>2.1833645682535181</v>
      </c>
    </row>
    <row r="189" spans="2:19" x14ac:dyDescent="0.3">
      <c r="B189" s="44">
        <v>182</v>
      </c>
      <c r="C189" s="56">
        <f>Jesper!AM183</f>
        <v>2.9795322873992722</v>
      </c>
      <c r="D189" s="59">
        <f>Jesper!AN183</f>
        <v>9.9317742913309086</v>
      </c>
      <c r="E189" s="59">
        <f>Jesper!AO183</f>
        <v>14.897661436996362</v>
      </c>
      <c r="F189" s="59">
        <f>Jesper!AP183</f>
        <v>216.60499232622857</v>
      </c>
      <c r="G189" s="58">
        <f>Jesper!AQ183</f>
        <v>0</v>
      </c>
      <c r="H189" s="44">
        <v>182</v>
      </c>
      <c r="I189" s="56">
        <f>Bühler!I215</f>
        <v>0.33380285226183587</v>
      </c>
      <c r="J189" s="59">
        <f>Bühler!J215</f>
        <v>1.1126761742061198</v>
      </c>
      <c r="K189" s="59">
        <f>Bühler!K215</f>
        <v>1.6690142613091794</v>
      </c>
      <c r="L189" s="59">
        <f>Bühler!L215</f>
        <v>8.0112684542840604</v>
      </c>
      <c r="M189" s="58">
        <f>Bühler!M215</f>
        <v>0</v>
      </c>
      <c r="N189" s="56">
        <f>IF(Input!$D$19=1,J189*Input!$C$19,0)+IF(Input!$D$20=1,K189*Input!$C$20,0)+IF(Input!$D$21=1,L189*Input!$C$21,0)+IF(Input!$D$22=1,M189*Input!$C$22,0)</f>
        <v>0.33380285226183593</v>
      </c>
      <c r="O189" s="59">
        <f>IF(Input!$D$19=2,J189*Input!$C$19,0)+IF(Input!$D$20=2,K189*Input!$C$20,0)+IF(Input!$D$21=2,L189*Input!$C$21,0)+IF(Input!$D$22=2,M189*Input!$C$22,0)</f>
        <v>0.8345071306545897</v>
      </c>
      <c r="P189" s="59">
        <f>IF(Input!$D$19=3,J189*Input!$C$19,0)+IF(Input!$D$20=3,K189*Input!$C$20,0)+IF(Input!$D$21=3,L189*Input!$C$21,0)+IF(Input!$D$22=3,M189*Input!$C$22,0)</f>
        <v>0</v>
      </c>
      <c r="Q189" s="75">
        <f>IF(Input!$D$19=4,J189*Input!$C$19,0)+IF(Input!$D$20=4,K189*Input!$C$20,0)+IF(Input!$D$21=4,L189*Input!$C$21,0)+IF(Input!$D$22=4,M189*Input!$C$22,0)</f>
        <v>0</v>
      </c>
      <c r="R189" s="58">
        <v>67.728929258273666</v>
      </c>
      <c r="S189" s="124">
        <f t="shared" si="2"/>
        <v>1.4464790264679557</v>
      </c>
    </row>
    <row r="190" spans="2:19" x14ac:dyDescent="0.3">
      <c r="B190" s="44">
        <v>183</v>
      </c>
      <c r="C190" s="56">
        <f>Jesper!AM184</f>
        <v>7.3482530353608952</v>
      </c>
      <c r="D190" s="59">
        <f>Jesper!AN184</f>
        <v>24.494176784536322</v>
      </c>
      <c r="E190" s="59">
        <f>Jesper!AO184</f>
        <v>36.741265176804475</v>
      </c>
      <c r="F190" s="59">
        <f>Jesper!AP184</f>
        <v>176.35807284866149</v>
      </c>
      <c r="G190" s="58">
        <f>Jesper!AQ184</f>
        <v>0</v>
      </c>
      <c r="H190" s="44">
        <v>183</v>
      </c>
      <c r="I190" s="56">
        <f>Bühler!I216</f>
        <v>0.5038533619046579</v>
      </c>
      <c r="J190" s="59">
        <f>Bühler!J216</f>
        <v>1.67951120634886</v>
      </c>
      <c r="K190" s="59">
        <f>Bühler!K216</f>
        <v>2.5192668095232897</v>
      </c>
      <c r="L190" s="59">
        <f>Bühler!L216</f>
        <v>12.092480685711791</v>
      </c>
      <c r="M190" s="58">
        <f>Bühler!M216</f>
        <v>0</v>
      </c>
      <c r="N190" s="56">
        <f>IF(Input!$D$19=1,J190*Input!$C$19,0)+IF(Input!$D$20=1,K190*Input!$C$20,0)+IF(Input!$D$21=1,L190*Input!$C$21,0)+IF(Input!$D$22=1,M190*Input!$C$22,0)</f>
        <v>0.50385336190465801</v>
      </c>
      <c r="O190" s="59">
        <f>IF(Input!$D$19=2,J190*Input!$C$19,0)+IF(Input!$D$20=2,K190*Input!$C$20,0)+IF(Input!$D$21=2,L190*Input!$C$21,0)+IF(Input!$D$22=2,M190*Input!$C$22,0)</f>
        <v>1.2596334047616449</v>
      </c>
      <c r="P190" s="59">
        <f>IF(Input!$D$19=3,J190*Input!$C$19,0)+IF(Input!$D$20=3,K190*Input!$C$20,0)+IF(Input!$D$21=3,L190*Input!$C$21,0)+IF(Input!$D$22=3,M190*Input!$C$22,0)</f>
        <v>0</v>
      </c>
      <c r="Q190" s="75">
        <f>IF(Input!$D$19=4,J190*Input!$C$19,0)+IF(Input!$D$20=4,K190*Input!$C$20,0)+IF(Input!$D$21=4,L190*Input!$C$21,0)+IF(Input!$D$22=4,M190*Input!$C$22,0)</f>
        <v>0</v>
      </c>
      <c r="R190" s="58">
        <v>68.797102437173407</v>
      </c>
      <c r="S190" s="124">
        <f t="shared" si="2"/>
        <v>2.1833645682535181</v>
      </c>
    </row>
    <row r="191" spans="2:19" x14ac:dyDescent="0.3">
      <c r="B191" s="44">
        <v>184</v>
      </c>
      <c r="C191" s="56">
        <f>Jesper!AM185</f>
        <v>7.5101420182772269</v>
      </c>
      <c r="D191" s="59">
        <f>Jesper!AN185</f>
        <v>25.033806727590758</v>
      </c>
      <c r="E191" s="59">
        <f>Jesper!AO185</f>
        <v>37.550710091386136</v>
      </c>
      <c r="F191" s="59">
        <f>Jesper!AP185</f>
        <v>180.24340843865346</v>
      </c>
      <c r="G191" s="58">
        <f>Jesper!AQ185</f>
        <v>0</v>
      </c>
      <c r="H191" s="44">
        <v>184</v>
      </c>
      <c r="I191" s="56">
        <f>Bühler!I217</f>
        <v>0.5038533619046579</v>
      </c>
      <c r="J191" s="59">
        <f>Bühler!J217</f>
        <v>1.67951120634886</v>
      </c>
      <c r="K191" s="59">
        <f>Bühler!K217</f>
        <v>2.5192668095232897</v>
      </c>
      <c r="L191" s="59">
        <f>Bühler!L217</f>
        <v>12.092480685711791</v>
      </c>
      <c r="M191" s="58">
        <f>Bühler!M217</f>
        <v>0</v>
      </c>
      <c r="N191" s="56">
        <f>IF(Input!$D$19=1,J191*Input!$C$19,0)+IF(Input!$D$20=1,K191*Input!$C$20,0)+IF(Input!$D$21=1,L191*Input!$C$21,0)+IF(Input!$D$22=1,M191*Input!$C$22,0)</f>
        <v>0.50385336190465801</v>
      </c>
      <c r="O191" s="59">
        <f>IF(Input!$D$19=2,J191*Input!$C$19,0)+IF(Input!$D$20=2,K191*Input!$C$20,0)+IF(Input!$D$21=2,L191*Input!$C$21,0)+IF(Input!$D$22=2,M191*Input!$C$22,0)</f>
        <v>1.2596334047616449</v>
      </c>
      <c r="P191" s="59">
        <f>IF(Input!$D$19=3,J191*Input!$C$19,0)+IF(Input!$D$20=3,K191*Input!$C$20,0)+IF(Input!$D$21=3,L191*Input!$C$21,0)+IF(Input!$D$22=3,M191*Input!$C$22,0)</f>
        <v>0</v>
      </c>
      <c r="Q191" s="75">
        <f>IF(Input!$D$19=4,J191*Input!$C$19,0)+IF(Input!$D$20=4,K191*Input!$C$20,0)+IF(Input!$D$21=4,L191*Input!$C$21,0)+IF(Input!$D$22=4,M191*Input!$C$22,0)</f>
        <v>0</v>
      </c>
      <c r="R191" s="58">
        <v>68.341095484481002</v>
      </c>
      <c r="S191" s="124">
        <f t="shared" si="2"/>
        <v>2.1833645682535181</v>
      </c>
    </row>
    <row r="192" spans="2:19" x14ac:dyDescent="0.3">
      <c r="B192" s="44">
        <v>185</v>
      </c>
      <c r="C192" s="56">
        <f>Jesper!AM186</f>
        <v>7.6217895927022852</v>
      </c>
      <c r="D192" s="59">
        <f>Jesper!AN186</f>
        <v>25.40596530900762</v>
      </c>
      <c r="E192" s="59">
        <f>Jesper!AO186</f>
        <v>38.108947963511426</v>
      </c>
      <c r="F192" s="59">
        <f>Jesper!AP186</f>
        <v>182.92295022485484</v>
      </c>
      <c r="G192" s="58">
        <f>Jesper!AQ186</f>
        <v>0</v>
      </c>
      <c r="H192" s="44">
        <v>185</v>
      </c>
      <c r="I192" s="56">
        <f>Bühler!I218</f>
        <v>0.5038533619046579</v>
      </c>
      <c r="J192" s="59">
        <f>Bühler!J218</f>
        <v>1.67951120634886</v>
      </c>
      <c r="K192" s="59">
        <f>Bühler!K218</f>
        <v>2.5192668095232897</v>
      </c>
      <c r="L192" s="59">
        <f>Bühler!L218</f>
        <v>12.092480685711791</v>
      </c>
      <c r="M192" s="58">
        <f>Bühler!M218</f>
        <v>0</v>
      </c>
      <c r="N192" s="56">
        <f>IF(Input!$D$19=1,J192*Input!$C$19,0)+IF(Input!$D$20=1,K192*Input!$C$20,0)+IF(Input!$D$21=1,L192*Input!$C$21,0)+IF(Input!$D$22=1,M192*Input!$C$22,0)</f>
        <v>0.50385336190465801</v>
      </c>
      <c r="O192" s="59">
        <f>IF(Input!$D$19=2,J192*Input!$C$19,0)+IF(Input!$D$20=2,K192*Input!$C$20,0)+IF(Input!$D$21=2,L192*Input!$C$21,0)+IF(Input!$D$22=2,M192*Input!$C$22,0)</f>
        <v>1.2596334047616449</v>
      </c>
      <c r="P192" s="59">
        <f>IF(Input!$D$19=3,J192*Input!$C$19,0)+IF(Input!$D$20=3,K192*Input!$C$20,0)+IF(Input!$D$21=3,L192*Input!$C$21,0)+IF(Input!$D$22=3,M192*Input!$C$22,0)</f>
        <v>0</v>
      </c>
      <c r="Q192" s="75">
        <f>IF(Input!$D$19=4,J192*Input!$C$19,0)+IF(Input!$D$20=4,K192*Input!$C$20,0)+IF(Input!$D$21=4,L192*Input!$C$21,0)+IF(Input!$D$22=4,M192*Input!$C$22,0)</f>
        <v>0</v>
      </c>
      <c r="R192" s="58">
        <v>68.306988639728672</v>
      </c>
      <c r="S192" s="124">
        <f t="shared" si="2"/>
        <v>2.1833645682535181</v>
      </c>
    </row>
    <row r="193" spans="2:19" x14ac:dyDescent="0.3">
      <c r="B193" s="44">
        <v>186</v>
      </c>
      <c r="C193" s="56">
        <f>Jesper!AM187</f>
        <v>7.4431534736221936</v>
      </c>
      <c r="D193" s="59">
        <f>Jesper!AN187</f>
        <v>24.810511578740648</v>
      </c>
      <c r="E193" s="59">
        <f>Jesper!AO187</f>
        <v>37.215767368110967</v>
      </c>
      <c r="F193" s="59">
        <f>Jesper!AP187</f>
        <v>178.63568336693265</v>
      </c>
      <c r="G193" s="58">
        <f>Jesper!AQ187</f>
        <v>0</v>
      </c>
      <c r="H193" s="44">
        <v>186</v>
      </c>
      <c r="I193" s="56">
        <f>Bühler!I219</f>
        <v>0.5038533619046579</v>
      </c>
      <c r="J193" s="59">
        <f>Bühler!J219</f>
        <v>1.67951120634886</v>
      </c>
      <c r="K193" s="59">
        <f>Bühler!K219</f>
        <v>2.5192668095232897</v>
      </c>
      <c r="L193" s="59">
        <f>Bühler!L219</f>
        <v>12.092480685711791</v>
      </c>
      <c r="M193" s="58">
        <f>Bühler!M219</f>
        <v>0</v>
      </c>
      <c r="N193" s="56">
        <f>IF(Input!$D$19=1,J193*Input!$C$19,0)+IF(Input!$D$20=1,K193*Input!$C$20,0)+IF(Input!$D$21=1,L193*Input!$C$21,0)+IF(Input!$D$22=1,M193*Input!$C$22,0)</f>
        <v>0.50385336190465801</v>
      </c>
      <c r="O193" s="59">
        <f>IF(Input!$D$19=2,J193*Input!$C$19,0)+IF(Input!$D$20=2,K193*Input!$C$20,0)+IF(Input!$D$21=2,L193*Input!$C$21,0)+IF(Input!$D$22=2,M193*Input!$C$22,0)</f>
        <v>1.2596334047616449</v>
      </c>
      <c r="P193" s="59">
        <f>IF(Input!$D$19=3,J193*Input!$C$19,0)+IF(Input!$D$20=3,K193*Input!$C$20,0)+IF(Input!$D$21=3,L193*Input!$C$21,0)+IF(Input!$D$22=3,M193*Input!$C$22,0)</f>
        <v>0</v>
      </c>
      <c r="Q193" s="75">
        <f>IF(Input!$D$19=4,J193*Input!$C$19,0)+IF(Input!$D$20=4,K193*Input!$C$20,0)+IF(Input!$D$21=4,L193*Input!$C$21,0)+IF(Input!$D$22=4,M193*Input!$C$22,0)</f>
        <v>0</v>
      </c>
      <c r="R193" s="58">
        <v>67.818087893343829</v>
      </c>
      <c r="S193" s="124">
        <f t="shared" si="2"/>
        <v>2.1833645682535181</v>
      </c>
    </row>
    <row r="194" spans="2:19" x14ac:dyDescent="0.3">
      <c r="B194" s="44">
        <v>187</v>
      </c>
      <c r="C194" s="56">
        <f>Jesper!AM188</f>
        <v>7.4096592012946756</v>
      </c>
      <c r="D194" s="59">
        <f>Jesper!AN188</f>
        <v>24.698864004315588</v>
      </c>
      <c r="E194" s="59">
        <f>Jesper!AO188</f>
        <v>37.048296006473379</v>
      </c>
      <c r="F194" s="59">
        <f>Jesper!AP188</f>
        <v>177.83182083107221</v>
      </c>
      <c r="G194" s="58">
        <f>Jesper!AQ188</f>
        <v>0</v>
      </c>
      <c r="H194" s="44">
        <v>187</v>
      </c>
      <c r="I194" s="56">
        <f>Bühler!I220</f>
        <v>0.5038533619046579</v>
      </c>
      <c r="J194" s="59">
        <f>Bühler!J220</f>
        <v>1.67951120634886</v>
      </c>
      <c r="K194" s="59">
        <f>Bühler!K220</f>
        <v>2.5192668095232897</v>
      </c>
      <c r="L194" s="59">
        <f>Bühler!L220</f>
        <v>12.092480685711791</v>
      </c>
      <c r="M194" s="58">
        <f>Bühler!M220</f>
        <v>0</v>
      </c>
      <c r="N194" s="56">
        <f>IF(Input!$D$19=1,J194*Input!$C$19,0)+IF(Input!$D$20=1,K194*Input!$C$20,0)+IF(Input!$D$21=1,L194*Input!$C$21,0)+IF(Input!$D$22=1,M194*Input!$C$22,0)</f>
        <v>0.50385336190465801</v>
      </c>
      <c r="O194" s="59">
        <f>IF(Input!$D$19=2,J194*Input!$C$19,0)+IF(Input!$D$20=2,K194*Input!$C$20,0)+IF(Input!$D$21=2,L194*Input!$C$21,0)+IF(Input!$D$22=2,M194*Input!$C$22,0)</f>
        <v>1.2596334047616449</v>
      </c>
      <c r="P194" s="59">
        <f>IF(Input!$D$19=3,J194*Input!$C$19,0)+IF(Input!$D$20=3,K194*Input!$C$20,0)+IF(Input!$D$21=3,L194*Input!$C$21,0)+IF(Input!$D$22=3,M194*Input!$C$22,0)</f>
        <v>0</v>
      </c>
      <c r="Q194" s="75">
        <f>IF(Input!$D$19=4,J194*Input!$C$19,0)+IF(Input!$D$20=4,K194*Input!$C$20,0)+IF(Input!$D$21=4,L194*Input!$C$21,0)+IF(Input!$D$22=4,M194*Input!$C$22,0)</f>
        <v>0</v>
      </c>
      <c r="R194" s="58">
        <v>66.179318479246817</v>
      </c>
      <c r="S194" s="124">
        <f t="shared" si="2"/>
        <v>2.1833645682535181</v>
      </c>
    </row>
    <row r="195" spans="2:19" x14ac:dyDescent="0.3">
      <c r="B195" s="44">
        <v>188</v>
      </c>
      <c r="C195" s="56">
        <f>Jesper!AM189</f>
        <v>2.4833714833189888</v>
      </c>
      <c r="D195" s="59">
        <f>Jesper!AN189</f>
        <v>8.2779049443966315</v>
      </c>
      <c r="E195" s="59">
        <f>Jesper!AO189</f>
        <v>12.416857416594945</v>
      </c>
      <c r="F195" s="59">
        <f>Jesper!AP189</f>
        <v>205.06302306365009</v>
      </c>
      <c r="G195" s="58">
        <f>Jesper!AQ189</f>
        <v>0</v>
      </c>
      <c r="H195" s="44">
        <v>188</v>
      </c>
      <c r="I195" s="56">
        <f>Bühler!I221</f>
        <v>0.42197719059515104</v>
      </c>
      <c r="J195" s="59">
        <f>Bühler!J221</f>
        <v>1.4065906353171702</v>
      </c>
      <c r="K195" s="59">
        <f>Bühler!K221</f>
        <v>2.109885952975755</v>
      </c>
      <c r="L195" s="59">
        <f>Bühler!L221</f>
        <v>10.127452574283625</v>
      </c>
      <c r="M195" s="58">
        <f>Bühler!M221</f>
        <v>0</v>
      </c>
      <c r="N195" s="56">
        <f>IF(Input!$D$19=1,J195*Input!$C$19,0)+IF(Input!$D$20=1,K195*Input!$C$20,0)+IF(Input!$D$21=1,L195*Input!$C$21,0)+IF(Input!$D$22=1,M195*Input!$C$22,0)</f>
        <v>0.42197719059515104</v>
      </c>
      <c r="O195" s="59">
        <f>IF(Input!$D$19=2,J195*Input!$C$19,0)+IF(Input!$D$20=2,K195*Input!$C$20,0)+IF(Input!$D$21=2,L195*Input!$C$21,0)+IF(Input!$D$22=2,M195*Input!$C$22,0)</f>
        <v>1.0549429764878775</v>
      </c>
      <c r="P195" s="59">
        <f>IF(Input!$D$19=3,J195*Input!$C$19,0)+IF(Input!$D$20=3,K195*Input!$C$20,0)+IF(Input!$D$21=3,L195*Input!$C$21,0)+IF(Input!$D$22=3,M195*Input!$C$22,0)</f>
        <v>0</v>
      </c>
      <c r="Q195" s="75">
        <f>IF(Input!$D$19=4,J195*Input!$C$19,0)+IF(Input!$D$20=4,K195*Input!$C$20,0)+IF(Input!$D$21=4,L195*Input!$C$21,0)+IF(Input!$D$22=4,M195*Input!$C$22,0)</f>
        <v>0</v>
      </c>
      <c r="R195" s="58">
        <v>64.898940584764915</v>
      </c>
      <c r="S195" s="124">
        <f t="shared" si="2"/>
        <v>1.8285678259123213</v>
      </c>
    </row>
    <row r="196" spans="2:19" x14ac:dyDescent="0.3">
      <c r="B196" s="44">
        <v>189</v>
      </c>
      <c r="C196" s="56">
        <f>Jesper!AM190</f>
        <v>2.4733755864279474</v>
      </c>
      <c r="D196" s="59">
        <f>Jesper!AN190</f>
        <v>8.2445852880931589</v>
      </c>
      <c r="E196" s="59">
        <f>Jesper!AO190</f>
        <v>12.366877932139738</v>
      </c>
      <c r="F196" s="59">
        <f>Jesper!AP190</f>
        <v>200.63208702151823</v>
      </c>
      <c r="G196" s="58">
        <f>Jesper!AQ190</f>
        <v>0</v>
      </c>
      <c r="H196" s="44">
        <v>189</v>
      </c>
      <c r="I196" s="56">
        <f>Bühler!I222</f>
        <v>0.34639918630945232</v>
      </c>
      <c r="J196" s="59">
        <f>Bühler!J222</f>
        <v>1.1546639543648411</v>
      </c>
      <c r="K196" s="59">
        <f>Bühler!K222</f>
        <v>1.7319959315472615</v>
      </c>
      <c r="L196" s="59">
        <f>Bühler!L222</f>
        <v>8.3135804714268549</v>
      </c>
      <c r="M196" s="58">
        <f>Bühler!M222</f>
        <v>0</v>
      </c>
      <c r="N196" s="56">
        <f>IF(Input!$D$19=1,J196*Input!$C$19,0)+IF(Input!$D$20=1,K196*Input!$C$20,0)+IF(Input!$D$21=1,L196*Input!$C$21,0)+IF(Input!$D$22=1,M196*Input!$C$22,0)</f>
        <v>0.34639918630945232</v>
      </c>
      <c r="O196" s="59">
        <f>IF(Input!$D$19=2,J196*Input!$C$19,0)+IF(Input!$D$20=2,K196*Input!$C$20,0)+IF(Input!$D$21=2,L196*Input!$C$21,0)+IF(Input!$D$22=2,M196*Input!$C$22,0)</f>
        <v>0.86599796577363075</v>
      </c>
      <c r="P196" s="59">
        <f>IF(Input!$D$19=3,J196*Input!$C$19,0)+IF(Input!$D$20=3,K196*Input!$C$20,0)+IF(Input!$D$21=3,L196*Input!$C$21,0)+IF(Input!$D$22=3,M196*Input!$C$22,0)</f>
        <v>0</v>
      </c>
      <c r="Q196" s="75">
        <f>IF(Input!$D$19=4,J196*Input!$C$19,0)+IF(Input!$D$20=4,K196*Input!$C$20,0)+IF(Input!$D$21=4,L196*Input!$C$21,0)+IF(Input!$D$22=4,M196*Input!$C$22,0)</f>
        <v>0</v>
      </c>
      <c r="R196" s="58">
        <v>64.269953143265013</v>
      </c>
      <c r="S196" s="124">
        <f t="shared" si="2"/>
        <v>1.5010631406742934</v>
      </c>
    </row>
    <row r="197" spans="2:19" x14ac:dyDescent="0.3">
      <c r="B197" s="44">
        <v>190</v>
      </c>
      <c r="C197" s="56">
        <f>Jesper!AM191</f>
        <v>7.2254407034933328</v>
      </c>
      <c r="D197" s="59">
        <f>Jesper!AN191</f>
        <v>24.084802344977778</v>
      </c>
      <c r="E197" s="59">
        <f>Jesper!AO191</f>
        <v>36.127203517466661</v>
      </c>
      <c r="F197" s="59">
        <f>Jesper!AP191</f>
        <v>173.41057688383998</v>
      </c>
      <c r="G197" s="58">
        <f>Jesper!AQ191</f>
        <v>0</v>
      </c>
      <c r="H197" s="44">
        <v>190</v>
      </c>
      <c r="I197" s="56">
        <f>Bühler!I223</f>
        <v>0.25192668095232895</v>
      </c>
      <c r="J197" s="59">
        <f>Bühler!J223</f>
        <v>0.83975560317442999</v>
      </c>
      <c r="K197" s="59">
        <f>Bühler!K223</f>
        <v>1.2596334047616449</v>
      </c>
      <c r="L197" s="59">
        <f>Bühler!L223</f>
        <v>6.0462403428558957</v>
      </c>
      <c r="M197" s="58">
        <f>Bühler!M223</f>
        <v>0</v>
      </c>
      <c r="N197" s="56">
        <f>IF(Input!$D$19=1,J197*Input!$C$19,0)+IF(Input!$D$20=1,K197*Input!$C$20,0)+IF(Input!$D$21=1,L197*Input!$C$21,0)+IF(Input!$D$22=1,M197*Input!$C$22,0)</f>
        <v>0.25192668095232901</v>
      </c>
      <c r="O197" s="59">
        <f>IF(Input!$D$19=2,J197*Input!$C$19,0)+IF(Input!$D$20=2,K197*Input!$C$20,0)+IF(Input!$D$21=2,L197*Input!$C$21,0)+IF(Input!$D$22=2,M197*Input!$C$22,0)</f>
        <v>0.62981670238082244</v>
      </c>
      <c r="P197" s="59">
        <f>IF(Input!$D$19=3,J197*Input!$C$19,0)+IF(Input!$D$20=3,K197*Input!$C$20,0)+IF(Input!$D$21=3,L197*Input!$C$21,0)+IF(Input!$D$22=3,M197*Input!$C$22,0)</f>
        <v>0</v>
      </c>
      <c r="Q197" s="75">
        <f>IF(Input!$D$19=4,J197*Input!$C$19,0)+IF(Input!$D$20=4,K197*Input!$C$20,0)+IF(Input!$D$21=4,L197*Input!$C$21,0)+IF(Input!$D$22=4,M197*Input!$C$22,0)</f>
        <v>0</v>
      </c>
      <c r="R197" s="58">
        <v>62.689927806290818</v>
      </c>
      <c r="S197" s="124">
        <f t="shared" si="2"/>
        <v>1.0916822841267591</v>
      </c>
    </row>
    <row r="198" spans="2:19" x14ac:dyDescent="0.3">
      <c r="B198" s="44">
        <v>191</v>
      </c>
      <c r="C198" s="56">
        <f>Jesper!AM192</f>
        <v>7.1807816737233097</v>
      </c>
      <c r="D198" s="59">
        <f>Jesper!AN192</f>
        <v>23.935938912411032</v>
      </c>
      <c r="E198" s="59">
        <f>Jesper!AO192</f>
        <v>35.903908368616548</v>
      </c>
      <c r="F198" s="59">
        <f>Jesper!AP192</f>
        <v>172.33876016935943</v>
      </c>
      <c r="G198" s="58">
        <f>Jesper!AQ192</f>
        <v>0</v>
      </c>
      <c r="H198" s="44">
        <v>191</v>
      </c>
      <c r="I198" s="56">
        <f>Bühler!I224</f>
        <v>0.23933034690471255</v>
      </c>
      <c r="J198" s="59">
        <f>Bühler!J224</f>
        <v>0.79776782301570859</v>
      </c>
      <c r="K198" s="59">
        <f>Bühler!K224</f>
        <v>1.1966517345235628</v>
      </c>
      <c r="L198" s="59">
        <f>Bühler!L224</f>
        <v>5.7439283257131013</v>
      </c>
      <c r="M198" s="58">
        <f>Bühler!M224</f>
        <v>0</v>
      </c>
      <c r="N198" s="56">
        <f>IF(Input!$D$19=1,J198*Input!$C$19,0)+IF(Input!$D$20=1,K198*Input!$C$20,0)+IF(Input!$D$21=1,L198*Input!$C$21,0)+IF(Input!$D$22=1,M198*Input!$C$22,0)</f>
        <v>0.23933034690471255</v>
      </c>
      <c r="O198" s="59">
        <f>IF(Input!$D$19=2,J198*Input!$C$19,0)+IF(Input!$D$20=2,K198*Input!$C$20,0)+IF(Input!$D$21=2,L198*Input!$C$21,0)+IF(Input!$D$22=2,M198*Input!$C$22,0)</f>
        <v>0.59832586726178139</v>
      </c>
      <c r="P198" s="59">
        <f>IF(Input!$D$19=3,J198*Input!$C$19,0)+IF(Input!$D$20=3,K198*Input!$C$20,0)+IF(Input!$D$21=3,L198*Input!$C$21,0)+IF(Input!$D$22=3,M198*Input!$C$22,0)</f>
        <v>0</v>
      </c>
      <c r="Q198" s="75">
        <f>IF(Input!$D$19=4,J198*Input!$C$19,0)+IF(Input!$D$20=4,K198*Input!$C$20,0)+IF(Input!$D$21=4,L198*Input!$C$21,0)+IF(Input!$D$22=4,M198*Input!$C$22,0)</f>
        <v>0</v>
      </c>
      <c r="R198" s="58">
        <v>63.036933588292584</v>
      </c>
      <c r="S198" s="124">
        <f t="shared" si="2"/>
        <v>1.0370981699204211</v>
      </c>
    </row>
    <row r="199" spans="2:19" x14ac:dyDescent="0.3">
      <c r="B199" s="44">
        <v>192</v>
      </c>
      <c r="C199" s="56">
        <f>Jesper!AM193</f>
        <v>7.2198583247720798</v>
      </c>
      <c r="D199" s="59">
        <f>Jesper!AN193</f>
        <v>24.066194415906935</v>
      </c>
      <c r="E199" s="59">
        <f>Jesper!AO193</f>
        <v>36.099291623860395</v>
      </c>
      <c r="F199" s="59">
        <f>Jesper!AP193</f>
        <v>173.27659979452991</v>
      </c>
      <c r="G199" s="58">
        <f>Jesper!AQ193</f>
        <v>0</v>
      </c>
      <c r="H199" s="44">
        <v>192</v>
      </c>
      <c r="I199" s="56">
        <f>Bühler!I225</f>
        <v>0.23933034690471255</v>
      </c>
      <c r="J199" s="59">
        <f>Bühler!J225</f>
        <v>0.79776782301570859</v>
      </c>
      <c r="K199" s="59">
        <f>Bühler!K225</f>
        <v>1.1966517345235628</v>
      </c>
      <c r="L199" s="59">
        <f>Bühler!L225</f>
        <v>5.7439283257131013</v>
      </c>
      <c r="M199" s="58">
        <f>Bühler!M225</f>
        <v>0</v>
      </c>
      <c r="N199" s="56">
        <f>IF(Input!$D$19=1,J199*Input!$C$19,0)+IF(Input!$D$20=1,K199*Input!$C$20,0)+IF(Input!$D$21=1,L199*Input!$C$21,0)+IF(Input!$D$22=1,M199*Input!$C$22,0)</f>
        <v>0.23933034690471255</v>
      </c>
      <c r="O199" s="59">
        <f>IF(Input!$D$19=2,J199*Input!$C$19,0)+IF(Input!$D$20=2,K199*Input!$C$20,0)+IF(Input!$D$21=2,L199*Input!$C$21,0)+IF(Input!$D$22=2,M199*Input!$C$22,0)</f>
        <v>0.59832586726178139</v>
      </c>
      <c r="P199" s="59">
        <f>IF(Input!$D$19=3,J199*Input!$C$19,0)+IF(Input!$D$20=3,K199*Input!$C$20,0)+IF(Input!$D$21=3,L199*Input!$C$21,0)+IF(Input!$D$22=3,M199*Input!$C$22,0)</f>
        <v>0</v>
      </c>
      <c r="Q199" s="75">
        <f>IF(Input!$D$19=4,J199*Input!$C$19,0)+IF(Input!$D$20=4,K199*Input!$C$20,0)+IF(Input!$D$21=4,L199*Input!$C$21,0)+IF(Input!$D$22=4,M199*Input!$C$22,0)</f>
        <v>0</v>
      </c>
      <c r="R199" s="58">
        <v>61.762831855670697</v>
      </c>
      <c r="S199" s="124">
        <f t="shared" si="2"/>
        <v>1.0370981699204211</v>
      </c>
    </row>
    <row r="200" spans="2:19" x14ac:dyDescent="0.3">
      <c r="B200" s="44">
        <v>193</v>
      </c>
      <c r="C200" s="56">
        <f>Jesper!AM194</f>
        <v>7.253352597099596</v>
      </c>
      <c r="D200" s="59">
        <f>Jesper!AN194</f>
        <v>24.177841990331988</v>
      </c>
      <c r="E200" s="59">
        <f>Jesper!AO194</f>
        <v>36.266762985497977</v>
      </c>
      <c r="F200" s="59">
        <f>Jesper!AP194</f>
        <v>174.0804623303903</v>
      </c>
      <c r="G200" s="58">
        <f>Jesper!AQ194</f>
        <v>0</v>
      </c>
      <c r="H200" s="44">
        <v>193</v>
      </c>
      <c r="I200" s="56">
        <f>Bühler!I226</f>
        <v>0.22149180195840765</v>
      </c>
      <c r="J200" s="59">
        <f>Bühler!J226</f>
        <v>0.73830600652802558</v>
      </c>
      <c r="K200" s="59">
        <f>Bühler!K226</f>
        <v>1.1074590097920383</v>
      </c>
      <c r="L200" s="59">
        <f>Bühler!L226</f>
        <v>5.3158032470017833</v>
      </c>
      <c r="M200" s="58">
        <f>Bühler!M226</f>
        <v>0</v>
      </c>
      <c r="N200" s="56">
        <f>IF(Input!$D$19=1,J200*Input!$C$19,0)+IF(Input!$D$20=1,K200*Input!$C$20,0)+IF(Input!$D$21=1,L200*Input!$C$21,0)+IF(Input!$D$22=1,M200*Input!$C$22,0)</f>
        <v>0.22149180195840767</v>
      </c>
      <c r="O200" s="59">
        <f>IF(Input!$D$19=2,J200*Input!$C$19,0)+IF(Input!$D$20=2,K200*Input!$C$20,0)+IF(Input!$D$21=2,L200*Input!$C$21,0)+IF(Input!$D$22=2,M200*Input!$C$22,0)</f>
        <v>0.55372950489601913</v>
      </c>
      <c r="P200" s="59">
        <f>IF(Input!$D$19=3,J200*Input!$C$19,0)+IF(Input!$D$20=3,K200*Input!$C$20,0)+IF(Input!$D$21=3,L200*Input!$C$21,0)+IF(Input!$D$22=3,M200*Input!$C$22,0)</f>
        <v>0</v>
      </c>
      <c r="Q200" s="75">
        <f>IF(Input!$D$19=4,J200*Input!$C$19,0)+IF(Input!$D$20=4,K200*Input!$C$20,0)+IF(Input!$D$21=4,L200*Input!$C$21,0)+IF(Input!$D$22=4,M200*Input!$C$22,0)</f>
        <v>0</v>
      </c>
      <c r="R200" s="58">
        <v>61.386185885842941</v>
      </c>
      <c r="S200" s="124">
        <f t="shared" si="2"/>
        <v>0.95979780848643326</v>
      </c>
    </row>
    <row r="201" spans="2:19" x14ac:dyDescent="0.3">
      <c r="B201" s="44">
        <v>194</v>
      </c>
      <c r="C201" s="56">
        <f>Jesper!AM195</f>
        <v>7.4375710949009406</v>
      </c>
      <c r="D201" s="59">
        <f>Jesper!AN195</f>
        <v>24.791903649669806</v>
      </c>
      <c r="E201" s="59">
        <f>Jesper!AO195</f>
        <v>37.187855474504701</v>
      </c>
      <c r="F201" s="59">
        <f>Jesper!AP195</f>
        <v>178.50170627762256</v>
      </c>
      <c r="G201" s="58">
        <f>Jesper!AQ195</f>
        <v>0</v>
      </c>
      <c r="H201" s="44">
        <v>194</v>
      </c>
      <c r="I201" s="56">
        <f>Bühler!I227</f>
        <v>0.22149180195840765</v>
      </c>
      <c r="J201" s="59">
        <f>Bühler!J227</f>
        <v>0.73830600652802558</v>
      </c>
      <c r="K201" s="59">
        <f>Bühler!K227</f>
        <v>1.1074590097920383</v>
      </c>
      <c r="L201" s="59">
        <f>Bühler!L227</f>
        <v>5.3158032470017833</v>
      </c>
      <c r="M201" s="58">
        <f>Bühler!M227</f>
        <v>0</v>
      </c>
      <c r="N201" s="56">
        <f>IF(Input!$D$19=1,J201*Input!$C$19,0)+IF(Input!$D$20=1,K201*Input!$C$20,0)+IF(Input!$D$21=1,L201*Input!$C$21,0)+IF(Input!$D$22=1,M201*Input!$C$22,0)</f>
        <v>0.22149180195840767</v>
      </c>
      <c r="O201" s="59">
        <f>IF(Input!$D$19=2,J201*Input!$C$19,0)+IF(Input!$D$20=2,K201*Input!$C$20,0)+IF(Input!$D$21=2,L201*Input!$C$21,0)+IF(Input!$D$22=2,M201*Input!$C$22,0)</f>
        <v>0.55372950489601913</v>
      </c>
      <c r="P201" s="59">
        <f>IF(Input!$D$19=3,J201*Input!$C$19,0)+IF(Input!$D$20=3,K201*Input!$C$20,0)+IF(Input!$D$21=3,L201*Input!$C$21,0)+IF(Input!$D$22=3,M201*Input!$C$22,0)</f>
        <v>0</v>
      </c>
      <c r="Q201" s="75">
        <f>IF(Input!$D$19=4,J201*Input!$C$19,0)+IF(Input!$D$20=4,K201*Input!$C$20,0)+IF(Input!$D$21=4,L201*Input!$C$21,0)+IF(Input!$D$22=4,M201*Input!$C$22,0)</f>
        <v>0</v>
      </c>
      <c r="R201" s="58">
        <v>61.030402699618321</v>
      </c>
      <c r="S201" s="124">
        <f t="shared" ref="S201:S264" si="3">I201+J201</f>
        <v>0.95979780848643326</v>
      </c>
    </row>
    <row r="202" spans="2:19" x14ac:dyDescent="0.3">
      <c r="B202" s="44">
        <v>195</v>
      </c>
      <c r="C202" s="56">
        <f>Jesper!AM196</f>
        <v>2.9618420083752466</v>
      </c>
      <c r="D202" s="59">
        <f>Jesper!AN196</f>
        <v>9.8728066945841562</v>
      </c>
      <c r="E202" s="59">
        <f>Jesper!AO196</f>
        <v>14.809210041876234</v>
      </c>
      <c r="F202" s="59">
        <f>Jesper!AP196</f>
        <v>216.20596644792857</v>
      </c>
      <c r="G202" s="58">
        <f>Jesper!AQ196</f>
        <v>0</v>
      </c>
      <c r="H202" s="44">
        <v>195</v>
      </c>
      <c r="I202" s="56">
        <f>Bühler!I228</f>
        <v>0.22149180195840765</v>
      </c>
      <c r="J202" s="59">
        <f>Bühler!J228</f>
        <v>0.73830600652802558</v>
      </c>
      <c r="K202" s="59">
        <f>Bühler!K228</f>
        <v>1.1074590097920383</v>
      </c>
      <c r="L202" s="59">
        <f>Bühler!L228</f>
        <v>5.3158032470017833</v>
      </c>
      <c r="M202" s="58">
        <f>Bühler!M228</f>
        <v>0</v>
      </c>
      <c r="N202" s="56">
        <f>IF(Input!$D$19=1,J202*Input!$C$19,0)+IF(Input!$D$20=1,K202*Input!$C$20,0)+IF(Input!$D$21=1,L202*Input!$C$21,0)+IF(Input!$D$22=1,M202*Input!$C$22,0)</f>
        <v>0.22149180195840767</v>
      </c>
      <c r="O202" s="59">
        <f>IF(Input!$D$19=2,J202*Input!$C$19,0)+IF(Input!$D$20=2,K202*Input!$C$20,0)+IF(Input!$D$21=2,L202*Input!$C$21,0)+IF(Input!$D$22=2,M202*Input!$C$22,0)</f>
        <v>0.55372950489601913</v>
      </c>
      <c r="P202" s="59">
        <f>IF(Input!$D$19=3,J202*Input!$C$19,0)+IF(Input!$D$20=3,K202*Input!$C$20,0)+IF(Input!$D$21=3,L202*Input!$C$21,0)+IF(Input!$D$22=3,M202*Input!$C$22,0)</f>
        <v>0</v>
      </c>
      <c r="Q202" s="75">
        <f>IF(Input!$D$19=4,J202*Input!$C$19,0)+IF(Input!$D$20=4,K202*Input!$C$20,0)+IF(Input!$D$21=4,L202*Input!$C$21,0)+IF(Input!$D$22=4,M202*Input!$C$22,0)</f>
        <v>0</v>
      </c>
      <c r="R202" s="58">
        <v>61.69694237489967</v>
      </c>
      <c r="S202" s="124">
        <f t="shared" si="3"/>
        <v>0.95979780848643326</v>
      </c>
    </row>
    <row r="203" spans="2:19" x14ac:dyDescent="0.3">
      <c r="B203" s="44">
        <v>196</v>
      </c>
      <c r="C203" s="56">
        <f>Jesper!AM197</f>
        <v>2.4767075520582944</v>
      </c>
      <c r="D203" s="59">
        <f>Jesper!AN197</f>
        <v>8.2556918401943147</v>
      </c>
      <c r="E203" s="59">
        <f>Jesper!AO197</f>
        <v>12.383537760291473</v>
      </c>
      <c r="F203" s="59">
        <f>Jesper!AP197</f>
        <v>202.10906570222886</v>
      </c>
      <c r="G203" s="58">
        <f>Jesper!AQ197</f>
        <v>0</v>
      </c>
      <c r="H203" s="44">
        <v>196</v>
      </c>
      <c r="I203" s="56">
        <f>Bühler!I229</f>
        <v>0.22149180195840765</v>
      </c>
      <c r="J203" s="59">
        <f>Bühler!J229</f>
        <v>0.73830600652802558</v>
      </c>
      <c r="K203" s="59">
        <f>Bühler!K229</f>
        <v>1.1074590097920383</v>
      </c>
      <c r="L203" s="59">
        <f>Bühler!L229</f>
        <v>5.3158032470017833</v>
      </c>
      <c r="M203" s="58">
        <f>Bühler!M229</f>
        <v>0</v>
      </c>
      <c r="N203" s="56">
        <f>IF(Input!$D$19=1,J203*Input!$C$19,0)+IF(Input!$D$20=1,K203*Input!$C$20,0)+IF(Input!$D$21=1,L203*Input!$C$21,0)+IF(Input!$D$22=1,M203*Input!$C$22,0)</f>
        <v>0.22149180195840767</v>
      </c>
      <c r="O203" s="59">
        <f>IF(Input!$D$19=2,J203*Input!$C$19,0)+IF(Input!$D$20=2,K203*Input!$C$20,0)+IF(Input!$D$21=2,L203*Input!$C$21,0)+IF(Input!$D$22=2,M203*Input!$C$22,0)</f>
        <v>0.55372950489601913</v>
      </c>
      <c r="P203" s="59">
        <f>IF(Input!$D$19=3,J203*Input!$C$19,0)+IF(Input!$D$20=3,K203*Input!$C$20,0)+IF(Input!$D$21=3,L203*Input!$C$21,0)+IF(Input!$D$22=3,M203*Input!$C$22,0)</f>
        <v>0</v>
      </c>
      <c r="Q203" s="75">
        <f>IF(Input!$D$19=4,J203*Input!$C$19,0)+IF(Input!$D$20=4,K203*Input!$C$20,0)+IF(Input!$D$21=4,L203*Input!$C$21,0)+IF(Input!$D$22=4,M203*Input!$C$22,0)</f>
        <v>0</v>
      </c>
      <c r="R203" s="58">
        <v>61.922310558767933</v>
      </c>
      <c r="S203" s="124">
        <f t="shared" si="3"/>
        <v>0.95979780848643326</v>
      </c>
    </row>
    <row r="204" spans="2:19" x14ac:dyDescent="0.3">
      <c r="B204" s="44">
        <v>197</v>
      </c>
      <c r="C204" s="56">
        <f>Jesper!AM198</f>
        <v>7.3203411417546302</v>
      </c>
      <c r="D204" s="59">
        <f>Jesper!AN198</f>
        <v>24.401137139182104</v>
      </c>
      <c r="E204" s="59">
        <f>Jesper!AO198</f>
        <v>36.601705708773153</v>
      </c>
      <c r="F204" s="59">
        <f>Jesper!AP198</f>
        <v>175.68818740211114</v>
      </c>
      <c r="G204" s="58">
        <f>Jesper!AQ198</f>
        <v>0</v>
      </c>
      <c r="H204" s="44">
        <v>197</v>
      </c>
      <c r="I204" s="56">
        <f>Bühler!I230</f>
        <v>0.22149180195840765</v>
      </c>
      <c r="J204" s="59">
        <f>Bühler!J230</f>
        <v>0.73830600652802558</v>
      </c>
      <c r="K204" s="59">
        <f>Bühler!K230</f>
        <v>1.1074590097920383</v>
      </c>
      <c r="L204" s="59">
        <f>Bühler!L230</f>
        <v>5.3158032470017833</v>
      </c>
      <c r="M204" s="58">
        <f>Bühler!M230</f>
        <v>0</v>
      </c>
      <c r="N204" s="56">
        <f>IF(Input!$D$19=1,J204*Input!$C$19,0)+IF(Input!$D$20=1,K204*Input!$C$20,0)+IF(Input!$D$21=1,L204*Input!$C$21,0)+IF(Input!$D$22=1,M204*Input!$C$22,0)</f>
        <v>0.22149180195840767</v>
      </c>
      <c r="O204" s="59">
        <f>IF(Input!$D$19=2,J204*Input!$C$19,0)+IF(Input!$D$20=2,K204*Input!$C$20,0)+IF(Input!$D$21=2,L204*Input!$C$21,0)+IF(Input!$D$22=2,M204*Input!$C$22,0)</f>
        <v>0.55372950489601913</v>
      </c>
      <c r="P204" s="59">
        <f>IF(Input!$D$19=3,J204*Input!$C$19,0)+IF(Input!$D$20=3,K204*Input!$C$20,0)+IF(Input!$D$21=3,L204*Input!$C$21,0)+IF(Input!$D$22=3,M204*Input!$C$22,0)</f>
        <v>0</v>
      </c>
      <c r="Q204" s="75">
        <f>IF(Input!$D$19=4,J204*Input!$C$19,0)+IF(Input!$D$20=4,K204*Input!$C$20,0)+IF(Input!$D$21=4,L204*Input!$C$21,0)+IF(Input!$D$22=4,M204*Input!$C$22,0)</f>
        <v>0</v>
      </c>
      <c r="R204" s="58">
        <v>63.457925521167979</v>
      </c>
      <c r="S204" s="124">
        <f t="shared" si="3"/>
        <v>0.95979780848643326</v>
      </c>
    </row>
    <row r="205" spans="2:19" x14ac:dyDescent="0.3">
      <c r="B205" s="44">
        <v>198</v>
      </c>
      <c r="C205" s="56">
        <f>Jesper!AM199</f>
        <v>7.4543182310646996</v>
      </c>
      <c r="D205" s="59">
        <f>Jesper!AN199</f>
        <v>24.847727436882334</v>
      </c>
      <c r="E205" s="59">
        <f>Jesper!AO199</f>
        <v>37.271591155323499</v>
      </c>
      <c r="F205" s="59">
        <f>Jesper!AP199</f>
        <v>178.90363754555278</v>
      </c>
      <c r="G205" s="58">
        <f>Jesper!AQ199</f>
        <v>0</v>
      </c>
      <c r="H205" s="44">
        <v>198</v>
      </c>
      <c r="I205" s="56">
        <f>Bühler!I231</f>
        <v>0.28793934254592995</v>
      </c>
      <c r="J205" s="59">
        <f>Bühler!J231</f>
        <v>0.95979780848643326</v>
      </c>
      <c r="K205" s="59">
        <f>Bühler!K231</f>
        <v>1.4396967127296498</v>
      </c>
      <c r="L205" s="59">
        <f>Bühler!L231</f>
        <v>6.9105442211023185</v>
      </c>
      <c r="M205" s="58">
        <f>Bühler!M231</f>
        <v>0</v>
      </c>
      <c r="N205" s="56">
        <f>IF(Input!$D$19=1,J205*Input!$C$19,0)+IF(Input!$D$20=1,K205*Input!$C$20,0)+IF(Input!$D$21=1,L205*Input!$C$21,0)+IF(Input!$D$22=1,M205*Input!$C$22,0)</f>
        <v>0.28793934254592995</v>
      </c>
      <c r="O205" s="59">
        <f>IF(Input!$D$19=2,J205*Input!$C$19,0)+IF(Input!$D$20=2,K205*Input!$C$20,0)+IF(Input!$D$21=2,L205*Input!$C$21,0)+IF(Input!$D$22=2,M205*Input!$C$22,0)</f>
        <v>0.71984835636482492</v>
      </c>
      <c r="P205" s="59">
        <f>IF(Input!$D$19=3,J205*Input!$C$19,0)+IF(Input!$D$20=3,K205*Input!$C$20,0)+IF(Input!$D$21=3,L205*Input!$C$21,0)+IF(Input!$D$22=3,M205*Input!$C$22,0)</f>
        <v>0</v>
      </c>
      <c r="Q205" s="75">
        <f>IF(Input!$D$19=4,J205*Input!$C$19,0)+IF(Input!$D$20=4,K205*Input!$C$20,0)+IF(Input!$D$21=4,L205*Input!$C$21,0)+IF(Input!$D$22=4,M205*Input!$C$22,0)</f>
        <v>0</v>
      </c>
      <c r="R205" s="58">
        <v>66.946871079878292</v>
      </c>
      <c r="S205" s="124">
        <f t="shared" si="3"/>
        <v>1.2477371510323632</v>
      </c>
    </row>
    <row r="206" spans="2:19" x14ac:dyDescent="0.3">
      <c r="B206" s="44">
        <v>199</v>
      </c>
      <c r="C206" s="56">
        <f>Jesper!AM200</f>
        <v>7.5268891544409868</v>
      </c>
      <c r="D206" s="59">
        <f>Jesper!AN200</f>
        <v>25.089630514803289</v>
      </c>
      <c r="E206" s="59">
        <f>Jesper!AO200</f>
        <v>37.634445772204934</v>
      </c>
      <c r="F206" s="59">
        <f>Jesper!AP200</f>
        <v>180.64533970658368</v>
      </c>
      <c r="G206" s="58">
        <f>Jesper!AQ200</f>
        <v>0</v>
      </c>
      <c r="H206" s="44">
        <v>199</v>
      </c>
      <c r="I206" s="56">
        <f>Bühler!I232</f>
        <v>0.32116311283969107</v>
      </c>
      <c r="J206" s="59">
        <f>Bühler!J232</f>
        <v>1.0705437094656369</v>
      </c>
      <c r="K206" s="59">
        <f>Bühler!K232</f>
        <v>1.6058155641984555</v>
      </c>
      <c r="L206" s="59">
        <f>Bühler!L232</f>
        <v>7.7079147081525861</v>
      </c>
      <c r="M206" s="58">
        <f>Bühler!M232</f>
        <v>0</v>
      </c>
      <c r="N206" s="56">
        <f>IF(Input!$D$19=1,J206*Input!$C$19,0)+IF(Input!$D$20=1,K206*Input!$C$20,0)+IF(Input!$D$21=1,L206*Input!$C$21,0)+IF(Input!$D$22=1,M206*Input!$C$22,0)</f>
        <v>0.32116311283969107</v>
      </c>
      <c r="O206" s="59">
        <f>IF(Input!$D$19=2,J206*Input!$C$19,0)+IF(Input!$D$20=2,K206*Input!$C$20,0)+IF(Input!$D$21=2,L206*Input!$C$21,0)+IF(Input!$D$22=2,M206*Input!$C$22,0)</f>
        <v>0.80290778209922775</v>
      </c>
      <c r="P206" s="59">
        <f>IF(Input!$D$19=3,J206*Input!$C$19,0)+IF(Input!$D$20=3,K206*Input!$C$20,0)+IF(Input!$D$21=3,L206*Input!$C$21,0)+IF(Input!$D$22=3,M206*Input!$C$22,0)</f>
        <v>0</v>
      </c>
      <c r="Q206" s="75">
        <f>IF(Input!$D$19=4,J206*Input!$C$19,0)+IF(Input!$D$20=4,K206*Input!$C$20,0)+IF(Input!$D$21=4,L206*Input!$C$21,0)+IF(Input!$D$22=4,M206*Input!$C$22,0)</f>
        <v>0</v>
      </c>
      <c r="R206" s="58">
        <v>70.478150035638578</v>
      </c>
      <c r="S206" s="124">
        <f t="shared" si="3"/>
        <v>1.3917068223053279</v>
      </c>
    </row>
    <row r="207" spans="2:19" x14ac:dyDescent="0.3">
      <c r="B207" s="44">
        <v>200</v>
      </c>
      <c r="C207" s="56">
        <f>Jesper!AM201</f>
        <v>7.5827129416535151</v>
      </c>
      <c r="D207" s="59">
        <f>Jesper!AN201</f>
        <v>25.27570980551172</v>
      </c>
      <c r="E207" s="59">
        <f>Jesper!AO201</f>
        <v>37.913564708267579</v>
      </c>
      <c r="F207" s="59">
        <f>Jesper!AP201</f>
        <v>181.98511059968436</v>
      </c>
      <c r="G207" s="58">
        <f>Jesper!AQ201</f>
        <v>0</v>
      </c>
      <c r="H207" s="44">
        <v>200</v>
      </c>
      <c r="I207" s="56">
        <f>Bühler!I233</f>
        <v>0.33223770293761151</v>
      </c>
      <c r="J207" s="59">
        <f>Bühler!J233</f>
        <v>1.1074590097920385</v>
      </c>
      <c r="K207" s="59">
        <f>Bühler!K233</f>
        <v>1.6611885146880574</v>
      </c>
      <c r="L207" s="59">
        <f>Bühler!L233</f>
        <v>7.9737048705026758</v>
      </c>
      <c r="M207" s="58">
        <f>Bühler!M233</f>
        <v>0</v>
      </c>
      <c r="N207" s="56">
        <f>IF(Input!$D$19=1,J207*Input!$C$19,0)+IF(Input!$D$20=1,K207*Input!$C$20,0)+IF(Input!$D$21=1,L207*Input!$C$21,0)+IF(Input!$D$22=1,M207*Input!$C$22,0)</f>
        <v>0.33223770293761151</v>
      </c>
      <c r="O207" s="59">
        <f>IF(Input!$D$19=2,J207*Input!$C$19,0)+IF(Input!$D$20=2,K207*Input!$C$20,0)+IF(Input!$D$21=2,L207*Input!$C$21,0)+IF(Input!$D$22=2,M207*Input!$C$22,0)</f>
        <v>0.8305942573440287</v>
      </c>
      <c r="P207" s="59">
        <f>IF(Input!$D$19=3,J207*Input!$C$19,0)+IF(Input!$D$20=3,K207*Input!$C$20,0)+IF(Input!$D$21=3,L207*Input!$C$21,0)+IF(Input!$D$22=3,M207*Input!$C$22,0)</f>
        <v>0</v>
      </c>
      <c r="Q207" s="75">
        <f>IF(Input!$D$19=4,J207*Input!$C$19,0)+IF(Input!$D$20=4,K207*Input!$C$20,0)+IF(Input!$D$21=4,L207*Input!$C$21,0)+IF(Input!$D$22=4,M207*Input!$C$22,0)</f>
        <v>0</v>
      </c>
      <c r="R207" s="58">
        <v>72.392649896052689</v>
      </c>
      <c r="S207" s="124">
        <f t="shared" si="3"/>
        <v>1.4396967127296501</v>
      </c>
    </row>
    <row r="208" spans="2:19" x14ac:dyDescent="0.3">
      <c r="B208" s="44">
        <v>201</v>
      </c>
      <c r="C208" s="56">
        <f>Jesper!AM202</f>
        <v>7.5157243969984817</v>
      </c>
      <c r="D208" s="59">
        <f>Jesper!AN202</f>
        <v>25.052414656661607</v>
      </c>
      <c r="E208" s="59">
        <f>Jesper!AO202</f>
        <v>37.578621984992409</v>
      </c>
      <c r="F208" s="59">
        <f>Jesper!AP202</f>
        <v>180.37738552796355</v>
      </c>
      <c r="G208" s="58">
        <f>Jesper!AQ202</f>
        <v>0</v>
      </c>
      <c r="H208" s="44">
        <v>201</v>
      </c>
      <c r="I208" s="56">
        <f>Bühler!I234</f>
        <v>0.33223770293761151</v>
      </c>
      <c r="J208" s="59">
        <f>Bühler!J234</f>
        <v>1.1074590097920385</v>
      </c>
      <c r="K208" s="59">
        <f>Bühler!K234</f>
        <v>1.6611885146880574</v>
      </c>
      <c r="L208" s="59">
        <f>Bühler!L234</f>
        <v>7.9737048705026758</v>
      </c>
      <c r="M208" s="58">
        <f>Bühler!M234</f>
        <v>0</v>
      </c>
      <c r="N208" s="56">
        <f>IF(Input!$D$19=1,J208*Input!$C$19,0)+IF(Input!$D$20=1,K208*Input!$C$20,0)+IF(Input!$D$21=1,L208*Input!$C$21,0)+IF(Input!$D$22=1,M208*Input!$C$22,0)</f>
        <v>0.33223770293761151</v>
      </c>
      <c r="O208" s="59">
        <f>IF(Input!$D$19=2,J208*Input!$C$19,0)+IF(Input!$D$20=2,K208*Input!$C$20,0)+IF(Input!$D$21=2,L208*Input!$C$21,0)+IF(Input!$D$22=2,M208*Input!$C$22,0)</f>
        <v>0.8305942573440287</v>
      </c>
      <c r="P208" s="59">
        <f>IF(Input!$D$19=3,J208*Input!$C$19,0)+IF(Input!$D$20=3,K208*Input!$C$20,0)+IF(Input!$D$21=3,L208*Input!$C$21,0)+IF(Input!$D$22=3,M208*Input!$C$22,0)</f>
        <v>0</v>
      </c>
      <c r="Q208" s="75">
        <f>IF(Input!$D$19=4,J208*Input!$C$19,0)+IF(Input!$D$20=4,K208*Input!$C$20,0)+IF(Input!$D$21=4,L208*Input!$C$21,0)+IF(Input!$D$22=4,M208*Input!$C$22,0)</f>
        <v>0</v>
      </c>
      <c r="R208" s="58">
        <v>72.946513550454469</v>
      </c>
      <c r="S208" s="124">
        <f t="shared" si="3"/>
        <v>1.4396967127296501</v>
      </c>
    </row>
    <row r="209" spans="2:19" x14ac:dyDescent="0.3">
      <c r="B209" s="44">
        <v>202</v>
      </c>
      <c r="C209" s="56">
        <f>Jesper!AM203</f>
        <v>3.067983682519396</v>
      </c>
      <c r="D209" s="59">
        <f>Jesper!AN203</f>
        <v>10.226612275064655</v>
      </c>
      <c r="E209" s="59">
        <f>Jesper!AO203</f>
        <v>15.339918412596983</v>
      </c>
      <c r="F209" s="59">
        <f>Jesper!AP203</f>
        <v>218.60012171772877</v>
      </c>
      <c r="G209" s="58">
        <f>Jesper!AQ203</f>
        <v>0</v>
      </c>
      <c r="H209" s="44">
        <v>202</v>
      </c>
      <c r="I209" s="56">
        <f>Bühler!I235</f>
        <v>0.3599241781824124</v>
      </c>
      <c r="J209" s="59">
        <f>Bühler!J235</f>
        <v>1.1997472606080415</v>
      </c>
      <c r="K209" s="59">
        <f>Bühler!K235</f>
        <v>1.7996208909120621</v>
      </c>
      <c r="L209" s="59">
        <f>Bühler!L235</f>
        <v>8.6381802763778985</v>
      </c>
      <c r="M209" s="58">
        <f>Bühler!M235</f>
        <v>0</v>
      </c>
      <c r="N209" s="56">
        <f>IF(Input!$D$19=1,J209*Input!$C$19,0)+IF(Input!$D$20=1,K209*Input!$C$20,0)+IF(Input!$D$21=1,L209*Input!$C$21,0)+IF(Input!$D$22=1,M209*Input!$C$22,0)</f>
        <v>0.35992417818241246</v>
      </c>
      <c r="O209" s="59">
        <f>IF(Input!$D$19=2,J209*Input!$C$19,0)+IF(Input!$D$20=2,K209*Input!$C$20,0)+IF(Input!$D$21=2,L209*Input!$C$21,0)+IF(Input!$D$22=2,M209*Input!$C$22,0)</f>
        <v>0.89981044545603106</v>
      </c>
      <c r="P209" s="59">
        <f>IF(Input!$D$19=3,J209*Input!$C$19,0)+IF(Input!$D$20=3,K209*Input!$C$20,0)+IF(Input!$D$21=3,L209*Input!$C$21,0)+IF(Input!$D$22=3,M209*Input!$C$22,0)</f>
        <v>0</v>
      </c>
      <c r="Q209" s="75">
        <f>IF(Input!$D$19=4,J209*Input!$C$19,0)+IF(Input!$D$20=4,K209*Input!$C$20,0)+IF(Input!$D$21=4,L209*Input!$C$21,0)+IF(Input!$D$22=4,M209*Input!$C$22,0)</f>
        <v>0</v>
      </c>
      <c r="R209" s="58">
        <v>71.482662423580635</v>
      </c>
      <c r="S209" s="124">
        <f t="shared" si="3"/>
        <v>1.559671438790454</v>
      </c>
    </row>
    <row r="210" spans="2:19" x14ac:dyDescent="0.3">
      <c r="B210" s="44">
        <v>203</v>
      </c>
      <c r="C210" s="56">
        <f>Jesper!AM204</f>
        <v>2.9795322873992722</v>
      </c>
      <c r="D210" s="59">
        <f>Jesper!AN204</f>
        <v>9.9317742913309086</v>
      </c>
      <c r="E210" s="59">
        <f>Jesper!AO204</f>
        <v>14.897661436996362</v>
      </c>
      <c r="F210" s="59">
        <f>Jesper!AP204</f>
        <v>216.60499232622857</v>
      </c>
      <c r="G210" s="58">
        <f>Jesper!AQ204</f>
        <v>0</v>
      </c>
      <c r="H210" s="44">
        <v>203</v>
      </c>
      <c r="I210" s="56">
        <f>Bühler!I236</f>
        <v>0.37653606332929301</v>
      </c>
      <c r="J210" s="59">
        <f>Bühler!J236</f>
        <v>1.2551202110976434</v>
      </c>
      <c r="K210" s="59">
        <f>Bühler!K236</f>
        <v>1.882680316646465</v>
      </c>
      <c r="L210" s="59">
        <f>Bühler!L236</f>
        <v>9.0368655199030314</v>
      </c>
      <c r="M210" s="58">
        <f>Bühler!M236</f>
        <v>0</v>
      </c>
      <c r="N210" s="56">
        <f>IF(Input!$D$19=1,J210*Input!$C$19,0)+IF(Input!$D$20=1,K210*Input!$C$20,0)+IF(Input!$D$21=1,L210*Input!$C$21,0)+IF(Input!$D$22=1,M210*Input!$C$22,0)</f>
        <v>0.37653606332929301</v>
      </c>
      <c r="O210" s="59">
        <f>IF(Input!$D$19=2,J210*Input!$C$19,0)+IF(Input!$D$20=2,K210*Input!$C$20,0)+IF(Input!$D$21=2,L210*Input!$C$21,0)+IF(Input!$D$22=2,M210*Input!$C$22,0)</f>
        <v>0.94134015832323248</v>
      </c>
      <c r="P210" s="59">
        <f>IF(Input!$D$19=3,J210*Input!$C$19,0)+IF(Input!$D$20=3,K210*Input!$C$20,0)+IF(Input!$D$21=3,L210*Input!$C$21,0)+IF(Input!$D$22=3,M210*Input!$C$22,0)</f>
        <v>0</v>
      </c>
      <c r="Q210" s="75">
        <f>IF(Input!$D$19=4,J210*Input!$C$19,0)+IF(Input!$D$20=4,K210*Input!$C$20,0)+IF(Input!$D$21=4,L210*Input!$C$21,0)+IF(Input!$D$22=4,M210*Input!$C$22,0)</f>
        <v>0</v>
      </c>
      <c r="R210" s="58">
        <v>71.535970748431865</v>
      </c>
      <c r="S210" s="124">
        <f t="shared" si="3"/>
        <v>1.6316562744269363</v>
      </c>
    </row>
    <row r="211" spans="2:19" x14ac:dyDescent="0.3">
      <c r="B211" s="44">
        <v>204</v>
      </c>
      <c r="C211" s="56">
        <f>Jesper!AM205</f>
        <v>7.4654829885072056</v>
      </c>
      <c r="D211" s="59">
        <f>Jesper!AN205</f>
        <v>24.884943295024019</v>
      </c>
      <c r="E211" s="59">
        <f>Jesper!AO205</f>
        <v>37.327414942536024</v>
      </c>
      <c r="F211" s="59">
        <f>Jesper!AP205</f>
        <v>179.17159172417291</v>
      </c>
      <c r="G211" s="58">
        <f>Jesper!AQ205</f>
        <v>0</v>
      </c>
      <c r="H211" s="44">
        <v>204</v>
      </c>
      <c r="I211" s="56">
        <f>Bühler!I237</f>
        <v>0.44298360391681529</v>
      </c>
      <c r="J211" s="59">
        <f>Bühler!J237</f>
        <v>1.4766120130560512</v>
      </c>
      <c r="K211" s="59">
        <f>Bühler!K237</f>
        <v>2.2149180195840765</v>
      </c>
      <c r="L211" s="59">
        <f>Bühler!L237</f>
        <v>10.631606494003567</v>
      </c>
      <c r="M211" s="58">
        <f>Bühler!M237</f>
        <v>0</v>
      </c>
      <c r="N211" s="56">
        <f>IF(Input!$D$19=1,J211*Input!$C$19,0)+IF(Input!$D$20=1,K211*Input!$C$20,0)+IF(Input!$D$21=1,L211*Input!$C$21,0)+IF(Input!$D$22=1,M211*Input!$C$22,0)</f>
        <v>0.44298360391681535</v>
      </c>
      <c r="O211" s="59">
        <f>IF(Input!$D$19=2,J211*Input!$C$19,0)+IF(Input!$D$20=2,K211*Input!$C$20,0)+IF(Input!$D$21=2,L211*Input!$C$21,0)+IF(Input!$D$22=2,M211*Input!$C$22,0)</f>
        <v>1.1074590097920383</v>
      </c>
      <c r="P211" s="59">
        <f>IF(Input!$D$19=3,J211*Input!$C$19,0)+IF(Input!$D$20=3,K211*Input!$C$20,0)+IF(Input!$D$21=3,L211*Input!$C$21,0)+IF(Input!$D$22=3,M211*Input!$C$22,0)</f>
        <v>0</v>
      </c>
      <c r="Q211" s="75">
        <f>IF(Input!$D$19=4,J211*Input!$C$19,0)+IF(Input!$D$20=4,K211*Input!$C$20,0)+IF(Input!$D$21=4,L211*Input!$C$21,0)+IF(Input!$D$22=4,M211*Input!$C$22,0)</f>
        <v>0</v>
      </c>
      <c r="R211" s="58">
        <v>72.445333052512837</v>
      </c>
      <c r="S211" s="124">
        <f t="shared" si="3"/>
        <v>1.9195956169728665</v>
      </c>
    </row>
    <row r="212" spans="2:19" x14ac:dyDescent="0.3">
      <c r="B212" s="44">
        <v>205</v>
      </c>
      <c r="C212" s="56">
        <f>Jesper!AM206</f>
        <v>7.4096592012946756</v>
      </c>
      <c r="D212" s="59">
        <f>Jesper!AN206</f>
        <v>24.698864004315588</v>
      </c>
      <c r="E212" s="59">
        <f>Jesper!AO206</f>
        <v>37.048296006473379</v>
      </c>
      <c r="F212" s="59">
        <f>Jesper!AP206</f>
        <v>177.83182083107221</v>
      </c>
      <c r="G212" s="58">
        <f>Jesper!AQ206</f>
        <v>0</v>
      </c>
      <c r="H212" s="44">
        <v>205</v>
      </c>
      <c r="I212" s="56">
        <f>Bühler!I238</f>
        <v>0.44298360391681529</v>
      </c>
      <c r="J212" s="59">
        <f>Bühler!J238</f>
        <v>1.4766120130560512</v>
      </c>
      <c r="K212" s="59">
        <f>Bühler!K238</f>
        <v>2.2149180195840765</v>
      </c>
      <c r="L212" s="59">
        <f>Bühler!L238</f>
        <v>10.631606494003567</v>
      </c>
      <c r="M212" s="58">
        <f>Bühler!M238</f>
        <v>0</v>
      </c>
      <c r="N212" s="56">
        <f>IF(Input!$D$19=1,J212*Input!$C$19,0)+IF(Input!$D$20=1,K212*Input!$C$20,0)+IF(Input!$D$21=1,L212*Input!$C$21,0)+IF(Input!$D$22=1,M212*Input!$C$22,0)</f>
        <v>0.44298360391681535</v>
      </c>
      <c r="O212" s="59">
        <f>IF(Input!$D$19=2,J212*Input!$C$19,0)+IF(Input!$D$20=2,K212*Input!$C$20,0)+IF(Input!$D$21=2,L212*Input!$C$21,0)+IF(Input!$D$22=2,M212*Input!$C$22,0)</f>
        <v>1.1074590097920383</v>
      </c>
      <c r="P212" s="59">
        <f>IF(Input!$D$19=3,J212*Input!$C$19,0)+IF(Input!$D$20=3,K212*Input!$C$20,0)+IF(Input!$D$21=3,L212*Input!$C$21,0)+IF(Input!$D$22=3,M212*Input!$C$22,0)</f>
        <v>0</v>
      </c>
      <c r="Q212" s="75">
        <f>IF(Input!$D$19=4,J212*Input!$C$19,0)+IF(Input!$D$20=4,K212*Input!$C$20,0)+IF(Input!$D$21=4,L212*Input!$C$21,0)+IF(Input!$D$22=4,M212*Input!$C$22,0)</f>
        <v>0</v>
      </c>
      <c r="R212" s="58">
        <v>71.577873859224582</v>
      </c>
      <c r="S212" s="124">
        <f t="shared" si="3"/>
        <v>1.9195956169728665</v>
      </c>
    </row>
    <row r="213" spans="2:19" x14ac:dyDescent="0.3">
      <c r="B213" s="44">
        <v>206</v>
      </c>
      <c r="C213" s="56">
        <f>Jesper!AM207</f>
        <v>7.4543182310646996</v>
      </c>
      <c r="D213" s="59">
        <f>Jesper!AN207</f>
        <v>24.847727436882334</v>
      </c>
      <c r="E213" s="59">
        <f>Jesper!AO207</f>
        <v>37.271591155323499</v>
      </c>
      <c r="F213" s="59">
        <f>Jesper!AP207</f>
        <v>178.90363754555278</v>
      </c>
      <c r="G213" s="58">
        <f>Jesper!AQ207</f>
        <v>0</v>
      </c>
      <c r="H213" s="44">
        <v>206</v>
      </c>
      <c r="I213" s="56">
        <f>Bühler!I239</f>
        <v>0.44298360391681529</v>
      </c>
      <c r="J213" s="59">
        <f>Bühler!J239</f>
        <v>1.4766120130560512</v>
      </c>
      <c r="K213" s="59">
        <f>Bühler!K239</f>
        <v>2.2149180195840765</v>
      </c>
      <c r="L213" s="59">
        <f>Bühler!L239</f>
        <v>10.631606494003567</v>
      </c>
      <c r="M213" s="58">
        <f>Bühler!M239</f>
        <v>0</v>
      </c>
      <c r="N213" s="56">
        <f>IF(Input!$D$19=1,J213*Input!$C$19,0)+IF(Input!$D$20=1,K213*Input!$C$20,0)+IF(Input!$D$21=1,L213*Input!$C$21,0)+IF(Input!$D$22=1,M213*Input!$C$22,0)</f>
        <v>0.44298360391681535</v>
      </c>
      <c r="O213" s="59">
        <f>IF(Input!$D$19=2,J213*Input!$C$19,0)+IF(Input!$D$20=2,K213*Input!$C$20,0)+IF(Input!$D$21=2,L213*Input!$C$21,0)+IF(Input!$D$22=2,M213*Input!$C$22,0)</f>
        <v>1.1074590097920383</v>
      </c>
      <c r="P213" s="59">
        <f>IF(Input!$D$19=3,J213*Input!$C$19,0)+IF(Input!$D$20=3,K213*Input!$C$20,0)+IF(Input!$D$21=3,L213*Input!$C$21,0)+IF(Input!$D$22=3,M213*Input!$C$22,0)</f>
        <v>0</v>
      </c>
      <c r="Q213" s="75">
        <f>IF(Input!$D$19=4,J213*Input!$C$19,0)+IF(Input!$D$20=4,K213*Input!$C$20,0)+IF(Input!$D$21=4,L213*Input!$C$21,0)+IF(Input!$D$22=4,M213*Input!$C$22,0)</f>
        <v>0</v>
      </c>
      <c r="R213" s="58">
        <v>71.514386767560126</v>
      </c>
      <c r="S213" s="124">
        <f t="shared" si="3"/>
        <v>1.9195956169728665</v>
      </c>
    </row>
    <row r="214" spans="2:19" x14ac:dyDescent="0.3">
      <c r="B214" s="44">
        <v>207</v>
      </c>
      <c r="C214" s="56">
        <f>Jesper!AM208</f>
        <v>7.3650001715246542</v>
      </c>
      <c r="D214" s="59">
        <f>Jesper!AN208</f>
        <v>24.55000057174885</v>
      </c>
      <c r="E214" s="59">
        <f>Jesper!AO208</f>
        <v>36.825000857623273</v>
      </c>
      <c r="F214" s="59">
        <f>Jesper!AP208</f>
        <v>176.76000411659169</v>
      </c>
      <c r="G214" s="58">
        <f>Jesper!AQ208</f>
        <v>0</v>
      </c>
      <c r="H214" s="44">
        <v>207</v>
      </c>
      <c r="I214" s="56">
        <f>Bühler!I240</f>
        <v>0.44298360391681529</v>
      </c>
      <c r="J214" s="59">
        <f>Bühler!J240</f>
        <v>1.4766120130560512</v>
      </c>
      <c r="K214" s="59">
        <f>Bühler!K240</f>
        <v>2.2149180195840765</v>
      </c>
      <c r="L214" s="59">
        <f>Bühler!L240</f>
        <v>10.631606494003567</v>
      </c>
      <c r="M214" s="58">
        <f>Bühler!M240</f>
        <v>0</v>
      </c>
      <c r="N214" s="56">
        <f>IF(Input!$D$19=1,J214*Input!$C$19,0)+IF(Input!$D$20=1,K214*Input!$C$20,0)+IF(Input!$D$21=1,L214*Input!$C$21,0)+IF(Input!$D$22=1,M214*Input!$C$22,0)</f>
        <v>0.44298360391681535</v>
      </c>
      <c r="O214" s="59">
        <f>IF(Input!$D$19=2,J214*Input!$C$19,0)+IF(Input!$D$20=2,K214*Input!$C$20,0)+IF(Input!$D$21=2,L214*Input!$C$21,0)+IF(Input!$D$22=2,M214*Input!$C$22,0)</f>
        <v>1.1074590097920383</v>
      </c>
      <c r="P214" s="59">
        <f>IF(Input!$D$19=3,J214*Input!$C$19,0)+IF(Input!$D$20=3,K214*Input!$C$20,0)+IF(Input!$D$21=3,L214*Input!$C$21,0)+IF(Input!$D$22=3,M214*Input!$C$22,0)</f>
        <v>0</v>
      </c>
      <c r="Q214" s="75">
        <f>IF(Input!$D$19=4,J214*Input!$C$19,0)+IF(Input!$D$20=4,K214*Input!$C$20,0)+IF(Input!$D$21=4,L214*Input!$C$21,0)+IF(Input!$D$22=4,M214*Input!$C$22,0)</f>
        <v>0</v>
      </c>
      <c r="R214" s="58">
        <v>71.535074655431799</v>
      </c>
      <c r="S214" s="124">
        <f t="shared" si="3"/>
        <v>1.9195956169728665</v>
      </c>
    </row>
    <row r="215" spans="2:19" x14ac:dyDescent="0.3">
      <c r="B215" s="44">
        <v>208</v>
      </c>
      <c r="C215" s="56">
        <f>Jesper!AM209</f>
        <v>7.3761649289671594</v>
      </c>
      <c r="D215" s="59">
        <f>Jesper!AN209</f>
        <v>24.587216429890532</v>
      </c>
      <c r="E215" s="59">
        <f>Jesper!AO209</f>
        <v>36.880824644835798</v>
      </c>
      <c r="F215" s="59">
        <f>Jesper!AP209</f>
        <v>177.02795829521182</v>
      </c>
      <c r="G215" s="58">
        <f>Jesper!AQ209</f>
        <v>0</v>
      </c>
      <c r="H215" s="44">
        <v>208</v>
      </c>
      <c r="I215" s="56">
        <f>Bühler!I241</f>
        <v>0.44298360391681529</v>
      </c>
      <c r="J215" s="59">
        <f>Bühler!J241</f>
        <v>1.4766120130560512</v>
      </c>
      <c r="K215" s="59">
        <f>Bühler!K241</f>
        <v>2.2149180195840765</v>
      </c>
      <c r="L215" s="59">
        <f>Bühler!L241</f>
        <v>10.631606494003567</v>
      </c>
      <c r="M215" s="58">
        <f>Bühler!M241</f>
        <v>0</v>
      </c>
      <c r="N215" s="56">
        <f>IF(Input!$D$19=1,J215*Input!$C$19,0)+IF(Input!$D$20=1,K215*Input!$C$20,0)+IF(Input!$D$21=1,L215*Input!$C$21,0)+IF(Input!$D$22=1,M215*Input!$C$22,0)</f>
        <v>0.44298360391681535</v>
      </c>
      <c r="O215" s="59">
        <f>IF(Input!$D$19=2,J215*Input!$C$19,0)+IF(Input!$D$20=2,K215*Input!$C$20,0)+IF(Input!$D$21=2,L215*Input!$C$21,0)+IF(Input!$D$22=2,M215*Input!$C$22,0)</f>
        <v>1.1074590097920383</v>
      </c>
      <c r="P215" s="59">
        <f>IF(Input!$D$19=3,J215*Input!$C$19,0)+IF(Input!$D$20=3,K215*Input!$C$20,0)+IF(Input!$D$21=3,L215*Input!$C$21,0)+IF(Input!$D$22=3,M215*Input!$C$22,0)</f>
        <v>0</v>
      </c>
      <c r="Q215" s="75">
        <f>IF(Input!$D$19=4,J215*Input!$C$19,0)+IF(Input!$D$20=4,K215*Input!$C$20,0)+IF(Input!$D$21=4,L215*Input!$C$21,0)+IF(Input!$D$22=4,M215*Input!$C$22,0)</f>
        <v>0</v>
      </c>
      <c r="R215" s="58">
        <v>70.085363584638515</v>
      </c>
      <c r="S215" s="124">
        <f t="shared" si="3"/>
        <v>1.9195956169728665</v>
      </c>
    </row>
    <row r="216" spans="2:19" x14ac:dyDescent="0.3">
      <c r="B216" s="44">
        <v>209</v>
      </c>
      <c r="C216" s="56">
        <f>Jesper!AM210</f>
        <v>2.554965590822674</v>
      </c>
      <c r="D216" s="59">
        <f>Jesper!AN210</f>
        <v>8.5165519694089156</v>
      </c>
      <c r="E216" s="59">
        <f>Jesper!AO210</f>
        <v>12.774827954113372</v>
      </c>
      <c r="F216" s="59">
        <f>Jesper!AP210</f>
        <v>207.02837124702788</v>
      </c>
      <c r="G216" s="58">
        <f>Jesper!AQ210</f>
        <v>0</v>
      </c>
      <c r="H216" s="44">
        <v>209</v>
      </c>
      <c r="I216" s="56">
        <f>Bühler!I242</f>
        <v>0.44298360391681529</v>
      </c>
      <c r="J216" s="59">
        <f>Bühler!J242</f>
        <v>1.4766120130560512</v>
      </c>
      <c r="K216" s="59">
        <f>Bühler!K242</f>
        <v>2.2149180195840765</v>
      </c>
      <c r="L216" s="59">
        <f>Bühler!L242</f>
        <v>10.631606494003567</v>
      </c>
      <c r="M216" s="58">
        <f>Bühler!M242</f>
        <v>0</v>
      </c>
      <c r="N216" s="56">
        <f>IF(Input!$D$19=1,J216*Input!$C$19,0)+IF(Input!$D$20=1,K216*Input!$C$20,0)+IF(Input!$D$21=1,L216*Input!$C$21,0)+IF(Input!$D$22=1,M216*Input!$C$22,0)</f>
        <v>0.44298360391681535</v>
      </c>
      <c r="O216" s="59">
        <f>IF(Input!$D$19=2,J216*Input!$C$19,0)+IF(Input!$D$20=2,K216*Input!$C$20,0)+IF(Input!$D$21=2,L216*Input!$C$21,0)+IF(Input!$D$22=2,M216*Input!$C$22,0)</f>
        <v>1.1074590097920383</v>
      </c>
      <c r="P216" s="59">
        <f>IF(Input!$D$19=3,J216*Input!$C$19,0)+IF(Input!$D$20=3,K216*Input!$C$20,0)+IF(Input!$D$21=3,L216*Input!$C$21,0)+IF(Input!$D$22=3,M216*Input!$C$22,0)</f>
        <v>0</v>
      </c>
      <c r="Q216" s="75">
        <f>IF(Input!$D$19=4,J216*Input!$C$19,0)+IF(Input!$D$20=4,K216*Input!$C$20,0)+IF(Input!$D$21=4,L216*Input!$C$21,0)+IF(Input!$D$22=4,M216*Input!$C$22,0)</f>
        <v>0</v>
      </c>
      <c r="R216" s="58">
        <v>69.436533901724289</v>
      </c>
      <c r="S216" s="124">
        <f t="shared" si="3"/>
        <v>1.9195956169728665</v>
      </c>
    </row>
    <row r="217" spans="2:19" x14ac:dyDescent="0.3">
      <c r="B217" s="44">
        <v>210</v>
      </c>
      <c r="C217" s="56">
        <f>Jesper!AM211</f>
        <v>2.554965590822674</v>
      </c>
      <c r="D217" s="59">
        <f>Jesper!AN211</f>
        <v>8.5165519694089156</v>
      </c>
      <c r="E217" s="59">
        <f>Jesper!AO211</f>
        <v>12.774827954113372</v>
      </c>
      <c r="F217" s="59">
        <f>Jesper!AP211</f>
        <v>207.02837124702788</v>
      </c>
      <c r="G217" s="58">
        <f>Jesper!AQ211</f>
        <v>0</v>
      </c>
      <c r="H217" s="44">
        <v>210</v>
      </c>
      <c r="I217" s="56">
        <f>Bühler!I243</f>
        <v>0.44298360391681529</v>
      </c>
      <c r="J217" s="59">
        <f>Bühler!J243</f>
        <v>1.4766120130560512</v>
      </c>
      <c r="K217" s="59">
        <f>Bühler!K243</f>
        <v>2.2149180195840765</v>
      </c>
      <c r="L217" s="59">
        <f>Bühler!L243</f>
        <v>10.631606494003567</v>
      </c>
      <c r="M217" s="58">
        <f>Bühler!M243</f>
        <v>0</v>
      </c>
      <c r="N217" s="56">
        <f>IF(Input!$D$19=1,J217*Input!$C$19,0)+IF(Input!$D$20=1,K217*Input!$C$20,0)+IF(Input!$D$21=1,L217*Input!$C$21,0)+IF(Input!$D$22=1,M217*Input!$C$22,0)</f>
        <v>0.44298360391681535</v>
      </c>
      <c r="O217" s="59">
        <f>IF(Input!$D$19=2,J217*Input!$C$19,0)+IF(Input!$D$20=2,K217*Input!$C$20,0)+IF(Input!$D$21=2,L217*Input!$C$21,0)+IF(Input!$D$22=2,M217*Input!$C$22,0)</f>
        <v>1.1074590097920383</v>
      </c>
      <c r="P217" s="59">
        <f>IF(Input!$D$19=3,J217*Input!$C$19,0)+IF(Input!$D$20=3,K217*Input!$C$20,0)+IF(Input!$D$21=3,L217*Input!$C$21,0)+IF(Input!$D$22=3,M217*Input!$C$22,0)</f>
        <v>0</v>
      </c>
      <c r="Q217" s="75">
        <f>IF(Input!$D$19=4,J217*Input!$C$19,0)+IF(Input!$D$20=4,K217*Input!$C$20,0)+IF(Input!$D$21=4,L217*Input!$C$21,0)+IF(Input!$D$22=4,M217*Input!$C$22,0)</f>
        <v>0</v>
      </c>
      <c r="R217" s="58">
        <v>68.729960226743771</v>
      </c>
      <c r="S217" s="124">
        <f t="shared" si="3"/>
        <v>1.9195956169728665</v>
      </c>
    </row>
    <row r="218" spans="2:19" x14ac:dyDescent="0.3">
      <c r="B218" s="44">
        <v>211</v>
      </c>
      <c r="C218" s="56">
        <f>Jesper!AM212</f>
        <v>7.3705825502459055</v>
      </c>
      <c r="D218" s="59">
        <f>Jesper!AN212</f>
        <v>24.568608500819689</v>
      </c>
      <c r="E218" s="59">
        <f>Jesper!AO212</f>
        <v>36.852912751229532</v>
      </c>
      <c r="F218" s="59">
        <f>Jesper!AP212</f>
        <v>176.89398120590175</v>
      </c>
      <c r="G218" s="58">
        <f>Jesper!AQ212</f>
        <v>0</v>
      </c>
      <c r="H218" s="44">
        <v>211</v>
      </c>
      <c r="I218" s="56">
        <f>Bühler!I244</f>
        <v>0.44298360391681529</v>
      </c>
      <c r="J218" s="59">
        <f>Bühler!J244</f>
        <v>1.4766120130560512</v>
      </c>
      <c r="K218" s="59">
        <f>Bühler!K244</f>
        <v>2.2149180195840765</v>
      </c>
      <c r="L218" s="59">
        <f>Bühler!L244</f>
        <v>10.631606494003567</v>
      </c>
      <c r="M218" s="58">
        <f>Bühler!M244</f>
        <v>0</v>
      </c>
      <c r="N218" s="56">
        <f>IF(Input!$D$19=1,J218*Input!$C$19,0)+IF(Input!$D$20=1,K218*Input!$C$20,0)+IF(Input!$D$21=1,L218*Input!$C$21,0)+IF(Input!$D$22=1,M218*Input!$C$22,0)</f>
        <v>0.44298360391681535</v>
      </c>
      <c r="O218" s="59">
        <f>IF(Input!$D$19=2,J218*Input!$C$19,0)+IF(Input!$D$20=2,K218*Input!$C$20,0)+IF(Input!$D$21=2,L218*Input!$C$21,0)+IF(Input!$D$22=2,M218*Input!$C$22,0)</f>
        <v>1.1074590097920383</v>
      </c>
      <c r="P218" s="59">
        <f>IF(Input!$D$19=3,J218*Input!$C$19,0)+IF(Input!$D$20=3,K218*Input!$C$20,0)+IF(Input!$D$21=3,L218*Input!$C$21,0)+IF(Input!$D$22=3,M218*Input!$C$22,0)</f>
        <v>0</v>
      </c>
      <c r="Q218" s="75">
        <f>IF(Input!$D$19=4,J218*Input!$C$19,0)+IF(Input!$D$20=4,K218*Input!$C$20,0)+IF(Input!$D$21=4,L218*Input!$C$21,0)+IF(Input!$D$22=4,M218*Input!$C$22,0)</f>
        <v>0</v>
      </c>
      <c r="R218" s="58">
        <v>67.564615630642919</v>
      </c>
      <c r="S218" s="124">
        <f t="shared" si="3"/>
        <v>1.9195956169728665</v>
      </c>
    </row>
    <row r="219" spans="2:19" x14ac:dyDescent="0.3">
      <c r="B219" s="44">
        <v>212</v>
      </c>
      <c r="C219" s="56">
        <f>Jesper!AM213</f>
        <v>7.3873296864096654</v>
      </c>
      <c r="D219" s="59">
        <f>Jesper!AN213</f>
        <v>24.624432288032221</v>
      </c>
      <c r="E219" s="59">
        <f>Jesper!AO213</f>
        <v>36.936648432048329</v>
      </c>
      <c r="F219" s="59">
        <f>Jesper!AP213</f>
        <v>177.29591247383198</v>
      </c>
      <c r="G219" s="58">
        <f>Jesper!AQ213</f>
        <v>0</v>
      </c>
      <c r="H219" s="44">
        <v>212</v>
      </c>
      <c r="I219" s="56">
        <f>Bühler!I245</f>
        <v>0.37099876828033285</v>
      </c>
      <c r="J219" s="59">
        <f>Bühler!J245</f>
        <v>1.2366625609344428</v>
      </c>
      <c r="K219" s="59">
        <f>Bühler!K245</f>
        <v>1.8549938414016642</v>
      </c>
      <c r="L219" s="59">
        <f>Bühler!L245</f>
        <v>8.9039704387279883</v>
      </c>
      <c r="M219" s="58">
        <f>Bühler!M245</f>
        <v>0</v>
      </c>
      <c r="N219" s="56">
        <f>IF(Input!$D$19=1,J219*Input!$C$19,0)+IF(Input!$D$20=1,K219*Input!$C$20,0)+IF(Input!$D$21=1,L219*Input!$C$21,0)+IF(Input!$D$22=1,M219*Input!$C$22,0)</f>
        <v>0.37099876828033285</v>
      </c>
      <c r="O219" s="59">
        <f>IF(Input!$D$19=2,J219*Input!$C$19,0)+IF(Input!$D$20=2,K219*Input!$C$20,0)+IF(Input!$D$21=2,L219*Input!$C$21,0)+IF(Input!$D$22=2,M219*Input!$C$22,0)</f>
        <v>0.92749692070083212</v>
      </c>
      <c r="P219" s="59">
        <f>IF(Input!$D$19=3,J219*Input!$C$19,0)+IF(Input!$D$20=3,K219*Input!$C$20,0)+IF(Input!$D$21=3,L219*Input!$C$21,0)+IF(Input!$D$22=3,M219*Input!$C$22,0)</f>
        <v>0</v>
      </c>
      <c r="Q219" s="75">
        <f>IF(Input!$D$19=4,J219*Input!$C$19,0)+IF(Input!$D$20=4,K219*Input!$C$20,0)+IF(Input!$D$21=4,L219*Input!$C$21,0)+IF(Input!$D$22=4,M219*Input!$C$22,0)</f>
        <v>0</v>
      </c>
      <c r="R219" s="58">
        <v>66.899621204358354</v>
      </c>
      <c r="S219" s="124">
        <f t="shared" si="3"/>
        <v>1.6076613292147757</v>
      </c>
    </row>
    <row r="220" spans="2:19" x14ac:dyDescent="0.3">
      <c r="B220" s="44">
        <v>213</v>
      </c>
      <c r="C220" s="56">
        <f>Jesper!AM214</f>
        <v>7.2868468694271131</v>
      </c>
      <c r="D220" s="59">
        <f>Jesper!AN214</f>
        <v>24.289489564757048</v>
      </c>
      <c r="E220" s="59">
        <f>Jesper!AO214</f>
        <v>36.434234347135565</v>
      </c>
      <c r="F220" s="59">
        <f>Jesper!AP214</f>
        <v>174.88432486625072</v>
      </c>
      <c r="G220" s="58">
        <f>Jesper!AQ214</f>
        <v>0</v>
      </c>
      <c r="H220" s="44">
        <v>213</v>
      </c>
      <c r="I220" s="56">
        <f>Bühler!I246</f>
        <v>0.30455122769281051</v>
      </c>
      <c r="J220" s="59">
        <f>Bühler!J246</f>
        <v>1.015170758976035</v>
      </c>
      <c r="K220" s="59">
        <f>Bühler!K246</f>
        <v>1.5227561384640527</v>
      </c>
      <c r="L220" s="59">
        <f>Bühler!L246</f>
        <v>7.3092294646274523</v>
      </c>
      <c r="M220" s="58">
        <f>Bühler!M246</f>
        <v>0</v>
      </c>
      <c r="N220" s="56">
        <f>IF(Input!$D$19=1,J220*Input!$C$19,0)+IF(Input!$D$20=1,K220*Input!$C$20,0)+IF(Input!$D$21=1,L220*Input!$C$21,0)+IF(Input!$D$22=1,M220*Input!$C$22,0)</f>
        <v>0.30455122769281051</v>
      </c>
      <c r="O220" s="59">
        <f>IF(Input!$D$19=2,J220*Input!$C$19,0)+IF(Input!$D$20=2,K220*Input!$C$20,0)+IF(Input!$D$21=2,L220*Input!$C$21,0)+IF(Input!$D$22=2,M220*Input!$C$22,0)</f>
        <v>0.76137806923202633</v>
      </c>
      <c r="P220" s="59">
        <f>IF(Input!$D$19=3,J220*Input!$C$19,0)+IF(Input!$D$20=3,K220*Input!$C$20,0)+IF(Input!$D$21=3,L220*Input!$C$21,0)+IF(Input!$D$22=3,M220*Input!$C$22,0)</f>
        <v>0</v>
      </c>
      <c r="Q220" s="75">
        <f>IF(Input!$D$19=4,J220*Input!$C$19,0)+IF(Input!$D$20=4,K220*Input!$C$20,0)+IF(Input!$D$21=4,L220*Input!$C$21,0)+IF(Input!$D$22=4,M220*Input!$C$22,0)</f>
        <v>0</v>
      </c>
      <c r="R220" s="58">
        <v>65.886694658682813</v>
      </c>
      <c r="S220" s="124">
        <f t="shared" si="3"/>
        <v>1.3197219866688457</v>
      </c>
    </row>
    <row r="221" spans="2:19" x14ac:dyDescent="0.3">
      <c r="B221" s="44">
        <v>214</v>
      </c>
      <c r="C221" s="56">
        <f>Jesper!AM215</f>
        <v>7.3538354140821482</v>
      </c>
      <c r="D221" s="59">
        <f>Jesper!AN215</f>
        <v>24.512784713607161</v>
      </c>
      <c r="E221" s="59">
        <f>Jesper!AO215</f>
        <v>36.769177070410741</v>
      </c>
      <c r="F221" s="59">
        <f>Jesper!AP215</f>
        <v>176.49204993797156</v>
      </c>
      <c r="G221" s="58">
        <f>Jesper!AQ215</f>
        <v>0</v>
      </c>
      <c r="H221" s="44">
        <v>214</v>
      </c>
      <c r="I221" s="56">
        <f>Bühler!I247</f>
        <v>0.22149180195840765</v>
      </c>
      <c r="J221" s="59">
        <f>Bühler!J247</f>
        <v>0.73830600652802558</v>
      </c>
      <c r="K221" s="59">
        <f>Bühler!K247</f>
        <v>1.1074590097920383</v>
      </c>
      <c r="L221" s="59">
        <f>Bühler!L247</f>
        <v>5.3158032470017833</v>
      </c>
      <c r="M221" s="58">
        <f>Bühler!M247</f>
        <v>0</v>
      </c>
      <c r="N221" s="56">
        <f>IF(Input!$D$19=1,J221*Input!$C$19,0)+IF(Input!$D$20=1,K221*Input!$C$20,0)+IF(Input!$D$21=1,L221*Input!$C$21,0)+IF(Input!$D$22=1,M221*Input!$C$22,0)</f>
        <v>0.22149180195840767</v>
      </c>
      <c r="O221" s="59">
        <f>IF(Input!$D$19=2,J221*Input!$C$19,0)+IF(Input!$D$20=2,K221*Input!$C$20,0)+IF(Input!$D$21=2,L221*Input!$C$21,0)+IF(Input!$D$22=2,M221*Input!$C$22,0)</f>
        <v>0.55372950489601913</v>
      </c>
      <c r="P221" s="59">
        <f>IF(Input!$D$19=3,J221*Input!$C$19,0)+IF(Input!$D$20=3,K221*Input!$C$20,0)+IF(Input!$D$21=3,L221*Input!$C$21,0)+IF(Input!$D$22=3,M221*Input!$C$22,0)</f>
        <v>0</v>
      </c>
      <c r="Q221" s="75">
        <f>IF(Input!$D$19=4,J221*Input!$C$19,0)+IF(Input!$D$20=4,K221*Input!$C$20,0)+IF(Input!$D$21=4,L221*Input!$C$21,0)+IF(Input!$D$22=4,M221*Input!$C$22,0)</f>
        <v>0</v>
      </c>
      <c r="R221" s="58">
        <v>63.525638452242767</v>
      </c>
      <c r="S221" s="124">
        <f t="shared" si="3"/>
        <v>0.95979780848643326</v>
      </c>
    </row>
    <row r="222" spans="2:19" x14ac:dyDescent="0.3">
      <c r="B222" s="44">
        <v>215</v>
      </c>
      <c r="C222" s="56">
        <f>Jesper!AM216</f>
        <v>7.3873296864096654</v>
      </c>
      <c r="D222" s="59">
        <f>Jesper!AN216</f>
        <v>24.624432288032221</v>
      </c>
      <c r="E222" s="59">
        <f>Jesper!AO216</f>
        <v>36.936648432048329</v>
      </c>
      <c r="F222" s="59">
        <f>Jesper!AP216</f>
        <v>177.29591247383198</v>
      </c>
      <c r="G222" s="58">
        <f>Jesper!AQ216</f>
        <v>0</v>
      </c>
      <c r="H222" s="44">
        <v>215</v>
      </c>
      <c r="I222" s="56">
        <f>Bühler!I248</f>
        <v>0.22149180195840765</v>
      </c>
      <c r="J222" s="59">
        <f>Bühler!J248</f>
        <v>0.73830600652802558</v>
      </c>
      <c r="K222" s="59">
        <f>Bühler!K248</f>
        <v>1.1074590097920383</v>
      </c>
      <c r="L222" s="59">
        <f>Bühler!L248</f>
        <v>5.3158032470017833</v>
      </c>
      <c r="M222" s="58">
        <f>Bühler!M248</f>
        <v>0</v>
      </c>
      <c r="N222" s="56">
        <f>IF(Input!$D$19=1,J222*Input!$C$19,0)+IF(Input!$D$20=1,K222*Input!$C$20,0)+IF(Input!$D$21=1,L222*Input!$C$21,0)+IF(Input!$D$22=1,M222*Input!$C$22,0)</f>
        <v>0.22149180195840767</v>
      </c>
      <c r="O222" s="59">
        <f>IF(Input!$D$19=2,J222*Input!$C$19,0)+IF(Input!$D$20=2,K222*Input!$C$20,0)+IF(Input!$D$21=2,L222*Input!$C$21,0)+IF(Input!$D$22=2,M222*Input!$C$22,0)</f>
        <v>0.55372950489601913</v>
      </c>
      <c r="P222" s="59">
        <f>IF(Input!$D$19=3,J222*Input!$C$19,0)+IF(Input!$D$20=3,K222*Input!$C$20,0)+IF(Input!$D$21=3,L222*Input!$C$21,0)+IF(Input!$D$22=3,M222*Input!$C$22,0)</f>
        <v>0</v>
      </c>
      <c r="Q222" s="75">
        <f>IF(Input!$D$19=4,J222*Input!$C$19,0)+IF(Input!$D$20=4,K222*Input!$C$20,0)+IF(Input!$D$21=4,L222*Input!$C$21,0)+IF(Input!$D$22=4,M222*Input!$C$22,0)</f>
        <v>0</v>
      </c>
      <c r="R222" s="58">
        <v>62.969541439957212</v>
      </c>
      <c r="S222" s="124">
        <f t="shared" si="3"/>
        <v>0.95979780848643326</v>
      </c>
    </row>
    <row r="223" spans="2:19" x14ac:dyDescent="0.3">
      <c r="B223" s="44">
        <v>216</v>
      </c>
      <c r="C223" s="56">
        <f>Jesper!AM217</f>
        <v>2.9441517293512223</v>
      </c>
      <c r="D223" s="59">
        <f>Jesper!AN217</f>
        <v>9.813839097837409</v>
      </c>
      <c r="E223" s="59">
        <f>Jesper!AO217</f>
        <v>14.720758646756112</v>
      </c>
      <c r="F223" s="59">
        <f>Jesper!AP217</f>
        <v>215.80694056962849</v>
      </c>
      <c r="G223" s="58">
        <f>Jesper!AQ217</f>
        <v>0</v>
      </c>
      <c r="H223" s="44">
        <v>216</v>
      </c>
      <c r="I223" s="56">
        <f>Bühler!I249</f>
        <v>0.22149180195840765</v>
      </c>
      <c r="J223" s="59">
        <f>Bühler!J249</f>
        <v>0.73830600652802558</v>
      </c>
      <c r="K223" s="59">
        <f>Bühler!K249</f>
        <v>1.1074590097920383</v>
      </c>
      <c r="L223" s="59">
        <f>Bühler!L249</f>
        <v>5.3158032470017833</v>
      </c>
      <c r="M223" s="58">
        <f>Bühler!M249</f>
        <v>0</v>
      </c>
      <c r="N223" s="56">
        <f>IF(Input!$D$19=1,J223*Input!$C$19,0)+IF(Input!$D$20=1,K223*Input!$C$20,0)+IF(Input!$D$21=1,L223*Input!$C$21,0)+IF(Input!$D$22=1,M223*Input!$C$22,0)</f>
        <v>0.22149180195840767</v>
      </c>
      <c r="O223" s="59">
        <f>IF(Input!$D$19=2,J223*Input!$C$19,0)+IF(Input!$D$20=2,K223*Input!$C$20,0)+IF(Input!$D$21=2,L223*Input!$C$21,0)+IF(Input!$D$22=2,M223*Input!$C$22,0)</f>
        <v>0.55372950489601913</v>
      </c>
      <c r="P223" s="59">
        <f>IF(Input!$D$19=3,J223*Input!$C$19,0)+IF(Input!$D$20=3,K223*Input!$C$20,0)+IF(Input!$D$21=3,L223*Input!$C$21,0)+IF(Input!$D$22=3,M223*Input!$C$22,0)</f>
        <v>0</v>
      </c>
      <c r="Q223" s="75">
        <f>IF(Input!$D$19=4,J223*Input!$C$19,0)+IF(Input!$D$20=4,K223*Input!$C$20,0)+IF(Input!$D$21=4,L223*Input!$C$21,0)+IF(Input!$D$22=4,M223*Input!$C$22,0)</f>
        <v>0</v>
      </c>
      <c r="R223" s="58">
        <v>62.61120281860245</v>
      </c>
      <c r="S223" s="124">
        <f t="shared" si="3"/>
        <v>0.95979780848643326</v>
      </c>
    </row>
    <row r="224" spans="2:19" x14ac:dyDescent="0.3">
      <c r="B224" s="44">
        <v>217</v>
      </c>
      <c r="C224" s="56">
        <f>Jesper!AM218</f>
        <v>2.926461450327198</v>
      </c>
      <c r="D224" s="59">
        <f>Jesper!AN218</f>
        <v>9.7548715010906601</v>
      </c>
      <c r="E224" s="59">
        <f>Jesper!AO218</f>
        <v>14.632307251635991</v>
      </c>
      <c r="F224" s="59">
        <f>Jesper!AP218</f>
        <v>215.40791469132853</v>
      </c>
      <c r="G224" s="58">
        <f>Jesper!AQ218</f>
        <v>0</v>
      </c>
      <c r="H224" s="44">
        <v>217</v>
      </c>
      <c r="I224" s="56">
        <f>Bühler!I250</f>
        <v>0.20141113208699957</v>
      </c>
      <c r="J224" s="59">
        <f>Bühler!J250</f>
        <v>0.6713704402899987</v>
      </c>
      <c r="K224" s="59">
        <f>Bühler!K250</f>
        <v>1.0070556604349978</v>
      </c>
      <c r="L224" s="59">
        <f>Bühler!L250</f>
        <v>4.8338671700879896</v>
      </c>
      <c r="M224" s="58">
        <f>Bühler!M250</f>
        <v>0</v>
      </c>
      <c r="N224" s="56">
        <f>IF(Input!$D$19=1,J224*Input!$C$19,0)+IF(Input!$D$20=1,K224*Input!$C$20,0)+IF(Input!$D$21=1,L224*Input!$C$21,0)+IF(Input!$D$22=1,M224*Input!$C$22,0)</f>
        <v>0.20141113208699959</v>
      </c>
      <c r="O224" s="59">
        <f>IF(Input!$D$19=2,J224*Input!$C$19,0)+IF(Input!$D$20=2,K224*Input!$C$20,0)+IF(Input!$D$21=2,L224*Input!$C$21,0)+IF(Input!$D$22=2,M224*Input!$C$22,0)</f>
        <v>0.50352783021749892</v>
      </c>
      <c r="P224" s="59">
        <f>IF(Input!$D$19=3,J224*Input!$C$19,0)+IF(Input!$D$20=3,K224*Input!$C$20,0)+IF(Input!$D$21=3,L224*Input!$C$21,0)+IF(Input!$D$22=3,M224*Input!$C$22,0)</f>
        <v>0</v>
      </c>
      <c r="Q224" s="75">
        <f>IF(Input!$D$19=4,J224*Input!$C$19,0)+IF(Input!$D$20=4,K224*Input!$C$20,0)+IF(Input!$D$21=4,L224*Input!$C$21,0)+IF(Input!$D$22=4,M224*Input!$C$22,0)</f>
        <v>0</v>
      </c>
      <c r="R224" s="58">
        <v>62.274549090818567</v>
      </c>
      <c r="S224" s="124">
        <f t="shared" si="3"/>
        <v>0.87278157237699827</v>
      </c>
    </row>
    <row r="225" spans="2:19" x14ac:dyDescent="0.3">
      <c r="B225" s="44">
        <v>218</v>
      </c>
      <c r="C225" s="56">
        <f>Jesper!AM219</f>
        <v>7.4989772608347218</v>
      </c>
      <c r="D225" s="59">
        <f>Jesper!AN219</f>
        <v>24.996590869449076</v>
      </c>
      <c r="E225" s="59">
        <f>Jesper!AO219</f>
        <v>37.494886304173612</v>
      </c>
      <c r="F225" s="59">
        <f>Jesper!AP219</f>
        <v>179.97545426003333</v>
      </c>
      <c r="G225" s="58">
        <f>Jesper!AQ219</f>
        <v>0</v>
      </c>
      <c r="H225" s="44">
        <v>218</v>
      </c>
      <c r="I225" s="56">
        <f>Bühler!I251</f>
        <v>0.22658752359787449</v>
      </c>
      <c r="J225" s="59">
        <f>Bühler!J251</f>
        <v>0.75529174532624843</v>
      </c>
      <c r="K225" s="59">
        <f>Bühler!K251</f>
        <v>1.1329376179893724</v>
      </c>
      <c r="L225" s="59">
        <f>Bühler!L251</f>
        <v>5.4381005663489876</v>
      </c>
      <c r="M225" s="58">
        <f>Bühler!M251</f>
        <v>0</v>
      </c>
      <c r="N225" s="56">
        <f>IF(Input!$D$19=1,J225*Input!$C$19,0)+IF(Input!$D$20=1,K225*Input!$C$20,0)+IF(Input!$D$21=1,L225*Input!$C$21,0)+IF(Input!$D$22=1,M225*Input!$C$22,0)</f>
        <v>0.22658752359787451</v>
      </c>
      <c r="O225" s="59">
        <f>IF(Input!$D$19=2,J225*Input!$C$19,0)+IF(Input!$D$20=2,K225*Input!$C$20,0)+IF(Input!$D$21=2,L225*Input!$C$21,0)+IF(Input!$D$22=2,M225*Input!$C$22,0)</f>
        <v>0.56646880899468621</v>
      </c>
      <c r="P225" s="59">
        <f>IF(Input!$D$19=3,J225*Input!$C$19,0)+IF(Input!$D$20=3,K225*Input!$C$20,0)+IF(Input!$D$21=3,L225*Input!$C$21,0)+IF(Input!$D$22=3,M225*Input!$C$22,0)</f>
        <v>0</v>
      </c>
      <c r="Q225" s="75">
        <f>IF(Input!$D$19=4,J225*Input!$C$19,0)+IF(Input!$D$20=4,K225*Input!$C$20,0)+IF(Input!$D$21=4,L225*Input!$C$21,0)+IF(Input!$D$22=4,M225*Input!$C$22,0)</f>
        <v>0</v>
      </c>
      <c r="R225" s="58">
        <v>62.152897527701235</v>
      </c>
      <c r="S225" s="124">
        <f t="shared" si="3"/>
        <v>0.98187926892412292</v>
      </c>
    </row>
    <row r="226" spans="2:19" x14ac:dyDescent="0.3">
      <c r="B226" s="44">
        <v>219</v>
      </c>
      <c r="C226" s="56">
        <f>Jesper!AM220</f>
        <v>7.6273719714235382</v>
      </c>
      <c r="D226" s="59">
        <f>Jesper!AN220</f>
        <v>25.424573238078462</v>
      </c>
      <c r="E226" s="59">
        <f>Jesper!AO220</f>
        <v>38.136859857117692</v>
      </c>
      <c r="F226" s="59">
        <f>Jesper!AP220</f>
        <v>183.05692731416491</v>
      </c>
      <c r="G226" s="58">
        <f>Jesper!AQ220</f>
        <v>0</v>
      </c>
      <c r="H226" s="44">
        <v>219</v>
      </c>
      <c r="I226" s="56">
        <f>Bühler!I252</f>
        <v>0.22658752359787449</v>
      </c>
      <c r="J226" s="59">
        <f>Bühler!J252</f>
        <v>0.75529174532624843</v>
      </c>
      <c r="K226" s="59">
        <f>Bühler!K252</f>
        <v>1.1329376179893724</v>
      </c>
      <c r="L226" s="59">
        <f>Bühler!L252</f>
        <v>5.4381005663489876</v>
      </c>
      <c r="M226" s="58">
        <f>Bühler!M252</f>
        <v>0</v>
      </c>
      <c r="N226" s="56">
        <f>IF(Input!$D$19=1,J226*Input!$C$19,0)+IF(Input!$D$20=1,K226*Input!$C$20,0)+IF(Input!$D$21=1,L226*Input!$C$21,0)+IF(Input!$D$22=1,M226*Input!$C$22,0)</f>
        <v>0.22658752359787451</v>
      </c>
      <c r="O226" s="59">
        <f>IF(Input!$D$19=2,J226*Input!$C$19,0)+IF(Input!$D$20=2,K226*Input!$C$20,0)+IF(Input!$D$21=2,L226*Input!$C$21,0)+IF(Input!$D$22=2,M226*Input!$C$22,0)</f>
        <v>0.56646880899468621</v>
      </c>
      <c r="P226" s="59">
        <f>IF(Input!$D$19=3,J226*Input!$C$19,0)+IF(Input!$D$20=3,K226*Input!$C$20,0)+IF(Input!$D$21=3,L226*Input!$C$21,0)+IF(Input!$D$22=3,M226*Input!$C$22,0)</f>
        <v>0</v>
      </c>
      <c r="Q226" s="75">
        <f>IF(Input!$D$19=4,J226*Input!$C$19,0)+IF(Input!$D$20=4,K226*Input!$C$20,0)+IF(Input!$D$21=4,L226*Input!$C$21,0)+IF(Input!$D$22=4,M226*Input!$C$22,0)</f>
        <v>0</v>
      </c>
      <c r="R226" s="58">
        <v>62.917961399536821</v>
      </c>
      <c r="S226" s="124">
        <f t="shared" si="3"/>
        <v>0.98187926892412292</v>
      </c>
    </row>
    <row r="227" spans="2:19" x14ac:dyDescent="0.3">
      <c r="B227" s="44">
        <v>220</v>
      </c>
      <c r="C227" s="56">
        <f>Jesper!AM221</f>
        <v>7.4487358523434466</v>
      </c>
      <c r="D227" s="59">
        <f>Jesper!AN221</f>
        <v>24.829119507811491</v>
      </c>
      <c r="E227" s="59">
        <f>Jesper!AO221</f>
        <v>37.243679261717233</v>
      </c>
      <c r="F227" s="59">
        <f>Jesper!AP221</f>
        <v>178.76966045624272</v>
      </c>
      <c r="G227" s="58">
        <f>Jesper!AQ221</f>
        <v>0</v>
      </c>
      <c r="H227" s="44">
        <v>220</v>
      </c>
      <c r="I227" s="56">
        <f>Bühler!I253</f>
        <v>0.22658752359787449</v>
      </c>
      <c r="J227" s="59">
        <f>Bühler!J253</f>
        <v>0.75529174532624843</v>
      </c>
      <c r="K227" s="59">
        <f>Bühler!K253</f>
        <v>1.1329376179893724</v>
      </c>
      <c r="L227" s="59">
        <f>Bühler!L253</f>
        <v>5.4381005663489876</v>
      </c>
      <c r="M227" s="58">
        <f>Bühler!M253</f>
        <v>0</v>
      </c>
      <c r="N227" s="56">
        <f>IF(Input!$D$19=1,J227*Input!$C$19,0)+IF(Input!$D$20=1,K227*Input!$C$20,0)+IF(Input!$D$21=1,L227*Input!$C$21,0)+IF(Input!$D$22=1,M227*Input!$C$22,0)</f>
        <v>0.22658752359787451</v>
      </c>
      <c r="O227" s="59">
        <f>IF(Input!$D$19=2,J227*Input!$C$19,0)+IF(Input!$D$20=2,K227*Input!$C$20,0)+IF(Input!$D$21=2,L227*Input!$C$21,0)+IF(Input!$D$22=2,M227*Input!$C$22,0)</f>
        <v>0.56646880899468621</v>
      </c>
      <c r="P227" s="59">
        <f>IF(Input!$D$19=3,J227*Input!$C$19,0)+IF(Input!$D$20=3,K227*Input!$C$20,0)+IF(Input!$D$21=3,L227*Input!$C$21,0)+IF(Input!$D$22=3,M227*Input!$C$22,0)</f>
        <v>0</v>
      </c>
      <c r="Q227" s="75">
        <f>IF(Input!$D$19=4,J227*Input!$C$19,0)+IF(Input!$D$20=4,K227*Input!$C$20,0)+IF(Input!$D$21=4,L227*Input!$C$21,0)+IF(Input!$D$22=4,M227*Input!$C$22,0)</f>
        <v>0</v>
      </c>
      <c r="R227" s="58">
        <v>62.540380756479841</v>
      </c>
      <c r="S227" s="124">
        <f t="shared" si="3"/>
        <v>0.98187926892412292</v>
      </c>
    </row>
    <row r="228" spans="2:19" x14ac:dyDescent="0.3">
      <c r="B228" s="44">
        <v>221</v>
      </c>
      <c r="C228" s="56">
        <f>Jesper!AM222</f>
        <v>7.3929120651309175</v>
      </c>
      <c r="D228" s="59">
        <f>Jesper!AN222</f>
        <v>24.64304021710306</v>
      </c>
      <c r="E228" s="59">
        <f>Jesper!AO222</f>
        <v>36.964560325654588</v>
      </c>
      <c r="F228" s="59">
        <f>Jesper!AP222</f>
        <v>177.42988956314201</v>
      </c>
      <c r="G228" s="58">
        <f>Jesper!AQ222</f>
        <v>0</v>
      </c>
      <c r="H228" s="44">
        <v>221</v>
      </c>
      <c r="I228" s="56">
        <f>Bühler!I254</f>
        <v>0.22658752359787449</v>
      </c>
      <c r="J228" s="59">
        <f>Bühler!J254</f>
        <v>0.75529174532624843</v>
      </c>
      <c r="K228" s="59">
        <f>Bühler!K254</f>
        <v>1.1329376179893724</v>
      </c>
      <c r="L228" s="59">
        <f>Bühler!L254</f>
        <v>5.4381005663489876</v>
      </c>
      <c r="M228" s="58">
        <f>Bühler!M254</f>
        <v>0</v>
      </c>
      <c r="N228" s="56">
        <f>IF(Input!$D$19=1,J228*Input!$C$19,0)+IF(Input!$D$20=1,K228*Input!$C$20,0)+IF(Input!$D$21=1,L228*Input!$C$21,0)+IF(Input!$D$22=1,M228*Input!$C$22,0)</f>
        <v>0.22658752359787451</v>
      </c>
      <c r="O228" s="59">
        <f>IF(Input!$D$19=2,J228*Input!$C$19,0)+IF(Input!$D$20=2,K228*Input!$C$20,0)+IF(Input!$D$21=2,L228*Input!$C$21,0)+IF(Input!$D$22=2,M228*Input!$C$22,0)</f>
        <v>0.56646880899468621</v>
      </c>
      <c r="P228" s="59">
        <f>IF(Input!$D$19=3,J228*Input!$C$19,0)+IF(Input!$D$20=3,K228*Input!$C$20,0)+IF(Input!$D$21=3,L228*Input!$C$21,0)+IF(Input!$D$22=3,M228*Input!$C$22,0)</f>
        <v>0</v>
      </c>
      <c r="Q228" s="75">
        <f>IF(Input!$D$19=4,J228*Input!$C$19,0)+IF(Input!$D$20=4,K228*Input!$C$20,0)+IF(Input!$D$21=4,L228*Input!$C$21,0)+IF(Input!$D$22=4,M228*Input!$C$22,0)</f>
        <v>0</v>
      </c>
      <c r="R228" s="58">
        <v>63.5590147243581</v>
      </c>
      <c r="S228" s="124">
        <f t="shared" si="3"/>
        <v>0.98187926892412292</v>
      </c>
    </row>
    <row r="229" spans="2:19" x14ac:dyDescent="0.3">
      <c r="B229" s="44">
        <v>222</v>
      </c>
      <c r="C229" s="56">
        <f>Jesper!AM223</f>
        <v>7.5045596395559748</v>
      </c>
      <c r="D229" s="59">
        <f>Jesper!AN223</f>
        <v>25.015198798519918</v>
      </c>
      <c r="E229" s="59">
        <f>Jesper!AO223</f>
        <v>37.522798197779878</v>
      </c>
      <c r="F229" s="59">
        <f>Jesper!AP223</f>
        <v>180.1094313493434</v>
      </c>
      <c r="G229" s="58">
        <f>Jesper!AQ223</f>
        <v>0</v>
      </c>
      <c r="H229" s="44">
        <v>222</v>
      </c>
      <c r="I229" s="56">
        <f>Bühler!I255</f>
        <v>0.29204614152614938</v>
      </c>
      <c r="J229" s="59">
        <f>Bühler!J255</f>
        <v>0.97348713842049794</v>
      </c>
      <c r="K229" s="59">
        <f>Bühler!K255</f>
        <v>1.4602307076307468</v>
      </c>
      <c r="L229" s="59">
        <f>Bühler!L255</f>
        <v>7.0091073966275843</v>
      </c>
      <c r="M229" s="58">
        <f>Bühler!M255</f>
        <v>0</v>
      </c>
      <c r="N229" s="56">
        <f>IF(Input!$D$19=1,J229*Input!$C$19,0)+IF(Input!$D$20=1,K229*Input!$C$20,0)+IF(Input!$D$21=1,L229*Input!$C$21,0)+IF(Input!$D$22=1,M229*Input!$C$22,0)</f>
        <v>0.29204614152614938</v>
      </c>
      <c r="O229" s="59">
        <f>IF(Input!$D$19=2,J229*Input!$C$19,0)+IF(Input!$D$20=2,K229*Input!$C$20,0)+IF(Input!$D$21=2,L229*Input!$C$21,0)+IF(Input!$D$22=2,M229*Input!$C$22,0)</f>
        <v>0.7301153538153734</v>
      </c>
      <c r="P229" s="59">
        <f>IF(Input!$D$19=3,J229*Input!$C$19,0)+IF(Input!$D$20=3,K229*Input!$C$20,0)+IF(Input!$D$21=3,L229*Input!$C$21,0)+IF(Input!$D$22=3,M229*Input!$C$22,0)</f>
        <v>0</v>
      </c>
      <c r="Q229" s="75">
        <f>IF(Input!$D$19=4,J229*Input!$C$19,0)+IF(Input!$D$20=4,K229*Input!$C$20,0)+IF(Input!$D$21=4,L229*Input!$C$21,0)+IF(Input!$D$22=4,M229*Input!$C$22,0)</f>
        <v>0</v>
      </c>
      <c r="R229" s="58">
        <v>66.774635011009153</v>
      </c>
      <c r="S229" s="124">
        <f t="shared" si="3"/>
        <v>1.2655332799466472</v>
      </c>
    </row>
    <row r="230" spans="2:19" x14ac:dyDescent="0.3">
      <c r="B230" s="44">
        <v>223</v>
      </c>
      <c r="C230" s="56">
        <f>Jesper!AM224</f>
        <v>2.8910808922791467</v>
      </c>
      <c r="D230" s="59">
        <f>Jesper!AN224</f>
        <v>9.636936307597157</v>
      </c>
      <c r="E230" s="59">
        <f>Jesper!AO224</f>
        <v>14.455404461395734</v>
      </c>
      <c r="F230" s="59">
        <f>Jesper!AP224</f>
        <v>214.6098629347284</v>
      </c>
      <c r="G230" s="58">
        <f>Jesper!AQ224</f>
        <v>0</v>
      </c>
      <c r="H230" s="44">
        <v>223</v>
      </c>
      <c r="I230" s="56">
        <f>Bühler!I256</f>
        <v>0.33736364624572429</v>
      </c>
      <c r="J230" s="59">
        <f>Bühler!J256</f>
        <v>1.1245454874857479</v>
      </c>
      <c r="K230" s="59">
        <f>Bühler!K256</f>
        <v>1.6868182312286215</v>
      </c>
      <c r="L230" s="59">
        <f>Bühler!L256</f>
        <v>8.0967275098973843</v>
      </c>
      <c r="M230" s="58">
        <f>Bühler!M256</f>
        <v>0</v>
      </c>
      <c r="N230" s="56">
        <f>IF(Input!$D$19=1,J230*Input!$C$19,0)+IF(Input!$D$20=1,K230*Input!$C$20,0)+IF(Input!$D$21=1,L230*Input!$C$21,0)+IF(Input!$D$22=1,M230*Input!$C$22,0)</f>
        <v>0.33736364624572435</v>
      </c>
      <c r="O230" s="59">
        <f>IF(Input!$D$19=2,J230*Input!$C$19,0)+IF(Input!$D$20=2,K230*Input!$C$20,0)+IF(Input!$D$21=2,L230*Input!$C$21,0)+IF(Input!$D$22=2,M230*Input!$C$22,0)</f>
        <v>0.84340911561431076</v>
      </c>
      <c r="P230" s="59">
        <f>IF(Input!$D$19=3,J230*Input!$C$19,0)+IF(Input!$D$20=3,K230*Input!$C$20,0)+IF(Input!$D$21=3,L230*Input!$C$21,0)+IF(Input!$D$22=3,M230*Input!$C$22,0)</f>
        <v>0</v>
      </c>
      <c r="Q230" s="75">
        <f>IF(Input!$D$19=4,J230*Input!$C$19,0)+IF(Input!$D$20=4,K230*Input!$C$20,0)+IF(Input!$D$21=4,L230*Input!$C$21,0)+IF(Input!$D$22=4,M230*Input!$C$22,0)</f>
        <v>0</v>
      </c>
      <c r="R230" s="58">
        <v>70.524128979947946</v>
      </c>
      <c r="S230" s="124">
        <f t="shared" si="3"/>
        <v>1.4619091337314722</v>
      </c>
    </row>
    <row r="231" spans="2:19" x14ac:dyDescent="0.3">
      <c r="B231" s="44">
        <v>224</v>
      </c>
      <c r="C231" s="56">
        <f>Jesper!AM225</f>
        <v>2.731868381062923</v>
      </c>
      <c r="D231" s="59">
        <f>Jesper!AN225</f>
        <v>9.1062279368764116</v>
      </c>
      <c r="E231" s="59">
        <f>Jesper!AO225</f>
        <v>13.659341905314617</v>
      </c>
      <c r="F231" s="59">
        <f>Jesper!AP225</f>
        <v>211.01863003002816</v>
      </c>
      <c r="G231" s="58">
        <f>Jesper!AQ225</f>
        <v>0</v>
      </c>
      <c r="H231" s="44">
        <v>224</v>
      </c>
      <c r="I231" s="56">
        <f>Bühler!I257</f>
        <v>0.33736364624572429</v>
      </c>
      <c r="J231" s="59">
        <f>Bühler!J257</f>
        <v>1.1245454874857479</v>
      </c>
      <c r="K231" s="59">
        <f>Bühler!K257</f>
        <v>1.6868182312286215</v>
      </c>
      <c r="L231" s="59">
        <f>Bühler!L257</f>
        <v>8.0967275098973843</v>
      </c>
      <c r="M231" s="58">
        <f>Bühler!M257</f>
        <v>0</v>
      </c>
      <c r="N231" s="56">
        <f>IF(Input!$D$19=1,J231*Input!$C$19,0)+IF(Input!$D$20=1,K231*Input!$C$20,0)+IF(Input!$D$21=1,L231*Input!$C$21,0)+IF(Input!$D$22=1,M231*Input!$C$22,0)</f>
        <v>0.33736364624572435</v>
      </c>
      <c r="O231" s="59">
        <f>IF(Input!$D$19=2,J231*Input!$C$19,0)+IF(Input!$D$20=2,K231*Input!$C$20,0)+IF(Input!$D$21=2,L231*Input!$C$21,0)+IF(Input!$D$22=2,M231*Input!$C$22,0)</f>
        <v>0.84340911561431076</v>
      </c>
      <c r="P231" s="59">
        <f>IF(Input!$D$19=3,J231*Input!$C$19,0)+IF(Input!$D$20=3,K231*Input!$C$20,0)+IF(Input!$D$21=3,L231*Input!$C$21,0)+IF(Input!$D$22=3,M231*Input!$C$22,0)</f>
        <v>0</v>
      </c>
      <c r="Q231" s="75">
        <f>IF(Input!$D$19=4,J231*Input!$C$19,0)+IF(Input!$D$20=4,K231*Input!$C$20,0)+IF(Input!$D$21=4,L231*Input!$C$21,0)+IF(Input!$D$22=4,M231*Input!$C$22,0)</f>
        <v>0</v>
      </c>
      <c r="R231" s="58">
        <v>72.29042078144407</v>
      </c>
      <c r="S231" s="124">
        <f t="shared" si="3"/>
        <v>1.4619091337314722</v>
      </c>
    </row>
    <row r="232" spans="2:19" x14ac:dyDescent="0.3">
      <c r="B232" s="44">
        <v>225</v>
      </c>
      <c r="C232" s="56">
        <f>Jesper!AM226</f>
        <v>7.3370882779183892</v>
      </c>
      <c r="D232" s="59">
        <f>Jesper!AN226</f>
        <v>24.456960926394633</v>
      </c>
      <c r="E232" s="59">
        <f>Jesper!AO226</f>
        <v>36.685441389591944</v>
      </c>
      <c r="F232" s="59">
        <f>Jesper!AP226</f>
        <v>176.09011867004133</v>
      </c>
      <c r="G232" s="58">
        <f>Jesper!AQ226</f>
        <v>0</v>
      </c>
      <c r="H232" s="44">
        <v>225</v>
      </c>
      <c r="I232" s="56">
        <f>Bühler!I258</f>
        <v>0.33736364624572429</v>
      </c>
      <c r="J232" s="59">
        <f>Bühler!J258</f>
        <v>1.1245454874857479</v>
      </c>
      <c r="K232" s="59">
        <f>Bühler!K258</f>
        <v>1.6868182312286215</v>
      </c>
      <c r="L232" s="59">
        <f>Bühler!L258</f>
        <v>8.0967275098973843</v>
      </c>
      <c r="M232" s="58">
        <f>Bühler!M258</f>
        <v>0</v>
      </c>
      <c r="N232" s="56">
        <f>IF(Input!$D$19=1,J232*Input!$C$19,0)+IF(Input!$D$20=1,K232*Input!$C$20,0)+IF(Input!$D$21=1,L232*Input!$C$21,0)+IF(Input!$D$22=1,M232*Input!$C$22,0)</f>
        <v>0.33736364624572435</v>
      </c>
      <c r="O232" s="59">
        <f>IF(Input!$D$19=2,J232*Input!$C$19,0)+IF(Input!$D$20=2,K232*Input!$C$20,0)+IF(Input!$D$21=2,L232*Input!$C$21,0)+IF(Input!$D$22=2,M232*Input!$C$22,0)</f>
        <v>0.84340911561431076</v>
      </c>
      <c r="P232" s="59">
        <f>IF(Input!$D$19=3,J232*Input!$C$19,0)+IF(Input!$D$20=3,K232*Input!$C$20,0)+IF(Input!$D$21=3,L232*Input!$C$21,0)+IF(Input!$D$22=3,M232*Input!$C$22,0)</f>
        <v>0</v>
      </c>
      <c r="Q232" s="75">
        <f>IF(Input!$D$19=4,J232*Input!$C$19,0)+IF(Input!$D$20=4,K232*Input!$C$20,0)+IF(Input!$D$21=4,L232*Input!$C$21,0)+IF(Input!$D$22=4,M232*Input!$C$22,0)</f>
        <v>0</v>
      </c>
      <c r="R232" s="58">
        <v>73.240559955676986</v>
      </c>
      <c r="S232" s="124">
        <f t="shared" si="3"/>
        <v>1.4619091337314722</v>
      </c>
    </row>
    <row r="233" spans="2:19" x14ac:dyDescent="0.3">
      <c r="B233" s="44">
        <v>226</v>
      </c>
      <c r="C233" s="56">
        <f>Jesper!AM227</f>
        <v>7.3761649289671594</v>
      </c>
      <c r="D233" s="59">
        <f>Jesper!AN227</f>
        <v>24.587216429890532</v>
      </c>
      <c r="E233" s="59">
        <f>Jesper!AO227</f>
        <v>36.880824644835798</v>
      </c>
      <c r="F233" s="59">
        <f>Jesper!AP227</f>
        <v>177.02795829521182</v>
      </c>
      <c r="G233" s="58">
        <f>Jesper!AQ227</f>
        <v>0</v>
      </c>
      <c r="H233" s="44">
        <v>226</v>
      </c>
      <c r="I233" s="56">
        <f>Bühler!I259</f>
        <v>0.36254003775659915</v>
      </c>
      <c r="J233" s="59">
        <f>Bühler!J259</f>
        <v>1.2084667925219974</v>
      </c>
      <c r="K233" s="59">
        <f>Bühler!K259</f>
        <v>1.8127001887829959</v>
      </c>
      <c r="L233" s="59">
        <f>Bühler!L259</f>
        <v>8.7009609061583806</v>
      </c>
      <c r="M233" s="58">
        <f>Bühler!M259</f>
        <v>0</v>
      </c>
      <c r="N233" s="56">
        <f>IF(Input!$D$19=1,J233*Input!$C$19,0)+IF(Input!$D$20=1,K233*Input!$C$20,0)+IF(Input!$D$21=1,L233*Input!$C$21,0)+IF(Input!$D$22=1,M233*Input!$C$22,0)</f>
        <v>0.36254003775659921</v>
      </c>
      <c r="O233" s="59">
        <f>IF(Input!$D$19=2,J233*Input!$C$19,0)+IF(Input!$D$20=2,K233*Input!$C$20,0)+IF(Input!$D$21=2,L233*Input!$C$21,0)+IF(Input!$D$22=2,M233*Input!$C$22,0)</f>
        <v>0.90635009439149794</v>
      </c>
      <c r="P233" s="59">
        <f>IF(Input!$D$19=3,J233*Input!$C$19,0)+IF(Input!$D$20=3,K233*Input!$C$20,0)+IF(Input!$D$21=3,L233*Input!$C$21,0)+IF(Input!$D$22=3,M233*Input!$C$22,0)</f>
        <v>0</v>
      </c>
      <c r="Q233" s="75">
        <f>IF(Input!$D$19=4,J233*Input!$C$19,0)+IF(Input!$D$20=4,K233*Input!$C$20,0)+IF(Input!$D$21=4,L233*Input!$C$21,0)+IF(Input!$D$22=4,M233*Input!$C$22,0)</f>
        <v>0</v>
      </c>
      <c r="R233" s="58">
        <v>72.438281559458105</v>
      </c>
      <c r="S233" s="124">
        <f t="shared" si="3"/>
        <v>1.5710068302785967</v>
      </c>
    </row>
    <row r="234" spans="2:19" x14ac:dyDescent="0.3">
      <c r="B234" s="44">
        <v>227</v>
      </c>
      <c r="C234" s="56">
        <f>Jesper!AM228</f>
        <v>7.3873296864096654</v>
      </c>
      <c r="D234" s="59">
        <f>Jesper!AN228</f>
        <v>24.624432288032221</v>
      </c>
      <c r="E234" s="59">
        <f>Jesper!AO228</f>
        <v>36.936648432048329</v>
      </c>
      <c r="F234" s="59">
        <f>Jesper!AP228</f>
        <v>177.29591247383198</v>
      </c>
      <c r="G234" s="58">
        <f>Jesper!AQ228</f>
        <v>0</v>
      </c>
      <c r="H234" s="44">
        <v>227</v>
      </c>
      <c r="I234" s="56">
        <f>Bühler!I260</f>
        <v>0.39275170756964906</v>
      </c>
      <c r="J234" s="59">
        <f>Bühler!J260</f>
        <v>1.3091723585654971</v>
      </c>
      <c r="K234" s="59">
        <f>Bühler!K260</f>
        <v>1.9637585378482454</v>
      </c>
      <c r="L234" s="59">
        <f>Bühler!L260</f>
        <v>9.4260409816715782</v>
      </c>
      <c r="M234" s="58">
        <f>Bühler!M260</f>
        <v>0</v>
      </c>
      <c r="N234" s="56">
        <f>IF(Input!$D$19=1,J234*Input!$C$19,0)+IF(Input!$D$20=1,K234*Input!$C$20,0)+IF(Input!$D$21=1,L234*Input!$C$21,0)+IF(Input!$D$22=1,M234*Input!$C$22,0)</f>
        <v>0.39275170756964911</v>
      </c>
      <c r="O234" s="59">
        <f>IF(Input!$D$19=2,J234*Input!$C$19,0)+IF(Input!$D$20=2,K234*Input!$C$20,0)+IF(Input!$D$21=2,L234*Input!$C$21,0)+IF(Input!$D$22=2,M234*Input!$C$22,0)</f>
        <v>0.98187926892412269</v>
      </c>
      <c r="P234" s="59">
        <f>IF(Input!$D$19=3,J234*Input!$C$19,0)+IF(Input!$D$20=3,K234*Input!$C$20,0)+IF(Input!$D$21=3,L234*Input!$C$21,0)+IF(Input!$D$22=3,M234*Input!$C$22,0)</f>
        <v>0</v>
      </c>
      <c r="Q234" s="75">
        <f>IF(Input!$D$19=4,J234*Input!$C$19,0)+IF(Input!$D$20=4,K234*Input!$C$20,0)+IF(Input!$D$21=4,L234*Input!$C$21,0)+IF(Input!$D$22=4,M234*Input!$C$22,0)</f>
        <v>0</v>
      </c>
      <c r="R234" s="58">
        <v>73.240705862298725</v>
      </c>
      <c r="S234" s="124">
        <f t="shared" si="3"/>
        <v>1.7019240661351462</v>
      </c>
    </row>
    <row r="235" spans="2:19" x14ac:dyDescent="0.3">
      <c r="B235" s="44">
        <v>228</v>
      </c>
      <c r="C235" s="56">
        <f>Jesper!AM229</f>
        <v>7.5268891544409868</v>
      </c>
      <c r="D235" s="59">
        <f>Jesper!AN229</f>
        <v>25.089630514803289</v>
      </c>
      <c r="E235" s="59">
        <f>Jesper!AO229</f>
        <v>37.634445772204934</v>
      </c>
      <c r="F235" s="59">
        <f>Jesper!AP229</f>
        <v>180.64533970658368</v>
      </c>
      <c r="G235" s="58">
        <f>Jesper!AQ229</f>
        <v>0</v>
      </c>
      <c r="H235" s="44">
        <v>228</v>
      </c>
      <c r="I235" s="56">
        <f>Bühler!I261</f>
        <v>0.45317504719574897</v>
      </c>
      <c r="J235" s="59">
        <f>Bühler!J261</f>
        <v>1.5105834906524969</v>
      </c>
      <c r="K235" s="59">
        <f>Bühler!K261</f>
        <v>2.2658752359787449</v>
      </c>
      <c r="L235" s="59">
        <f>Bühler!L261</f>
        <v>10.876201132697975</v>
      </c>
      <c r="M235" s="58">
        <f>Bühler!M261</f>
        <v>0</v>
      </c>
      <c r="N235" s="56">
        <f>IF(Input!$D$19=1,J235*Input!$C$19,0)+IF(Input!$D$20=1,K235*Input!$C$20,0)+IF(Input!$D$21=1,L235*Input!$C$21,0)+IF(Input!$D$22=1,M235*Input!$C$22,0)</f>
        <v>0.45317504719574903</v>
      </c>
      <c r="O235" s="59">
        <f>IF(Input!$D$19=2,J235*Input!$C$19,0)+IF(Input!$D$20=2,K235*Input!$C$20,0)+IF(Input!$D$21=2,L235*Input!$C$21,0)+IF(Input!$D$22=2,M235*Input!$C$22,0)</f>
        <v>1.1329376179893724</v>
      </c>
      <c r="P235" s="59">
        <f>IF(Input!$D$19=3,J235*Input!$C$19,0)+IF(Input!$D$20=3,K235*Input!$C$20,0)+IF(Input!$D$21=3,L235*Input!$C$21,0)+IF(Input!$D$22=3,M235*Input!$C$22,0)</f>
        <v>0</v>
      </c>
      <c r="Q235" s="75">
        <f>IF(Input!$D$19=4,J235*Input!$C$19,0)+IF(Input!$D$20=4,K235*Input!$C$20,0)+IF(Input!$D$21=4,L235*Input!$C$21,0)+IF(Input!$D$22=4,M235*Input!$C$22,0)</f>
        <v>0</v>
      </c>
      <c r="R235" s="58">
        <v>73.210439407712144</v>
      </c>
      <c r="S235" s="124">
        <f t="shared" si="3"/>
        <v>1.9637585378482458</v>
      </c>
    </row>
    <row r="236" spans="2:19" x14ac:dyDescent="0.3">
      <c r="B236" s="44">
        <v>229</v>
      </c>
      <c r="C236" s="56">
        <f>Jesper!AM230</f>
        <v>7.4710653672284586</v>
      </c>
      <c r="D236" s="59">
        <f>Jesper!AN230</f>
        <v>24.903551224094866</v>
      </c>
      <c r="E236" s="59">
        <f>Jesper!AO230</f>
        <v>37.355326836142297</v>
      </c>
      <c r="F236" s="59">
        <f>Jesper!AP230</f>
        <v>179.30556881348301</v>
      </c>
      <c r="G236" s="58">
        <f>Jesper!AQ230</f>
        <v>0</v>
      </c>
      <c r="H236" s="44">
        <v>229</v>
      </c>
      <c r="I236" s="56">
        <f>Bühler!I262</f>
        <v>0.45317504719574897</v>
      </c>
      <c r="J236" s="59">
        <f>Bühler!J262</f>
        <v>1.5105834906524969</v>
      </c>
      <c r="K236" s="59">
        <f>Bühler!K262</f>
        <v>2.2658752359787449</v>
      </c>
      <c r="L236" s="59">
        <f>Bühler!L262</f>
        <v>10.876201132697975</v>
      </c>
      <c r="M236" s="58">
        <f>Bühler!M262</f>
        <v>0</v>
      </c>
      <c r="N236" s="56">
        <f>IF(Input!$D$19=1,J236*Input!$C$19,0)+IF(Input!$D$20=1,K236*Input!$C$20,0)+IF(Input!$D$21=1,L236*Input!$C$21,0)+IF(Input!$D$22=1,M236*Input!$C$22,0)</f>
        <v>0.45317504719574903</v>
      </c>
      <c r="O236" s="59">
        <f>IF(Input!$D$19=2,J236*Input!$C$19,0)+IF(Input!$D$20=2,K236*Input!$C$20,0)+IF(Input!$D$21=2,L236*Input!$C$21,0)+IF(Input!$D$22=2,M236*Input!$C$22,0)</f>
        <v>1.1329376179893724</v>
      </c>
      <c r="P236" s="59">
        <f>IF(Input!$D$19=3,J236*Input!$C$19,0)+IF(Input!$D$20=3,K236*Input!$C$20,0)+IF(Input!$D$21=3,L236*Input!$C$21,0)+IF(Input!$D$22=3,M236*Input!$C$22,0)</f>
        <v>0</v>
      </c>
      <c r="Q236" s="75">
        <f>IF(Input!$D$19=4,J236*Input!$C$19,0)+IF(Input!$D$20=4,K236*Input!$C$20,0)+IF(Input!$D$21=4,L236*Input!$C$21,0)+IF(Input!$D$22=4,M236*Input!$C$22,0)</f>
        <v>0</v>
      </c>
      <c r="R236" s="58">
        <v>71.681807525637069</v>
      </c>
      <c r="S236" s="124">
        <f t="shared" si="3"/>
        <v>1.9637585378482458</v>
      </c>
    </row>
    <row r="237" spans="2:19" x14ac:dyDescent="0.3">
      <c r="B237" s="44">
        <v>230</v>
      </c>
      <c r="C237" s="56">
        <f>Jesper!AM231</f>
        <v>2.4758745606507073</v>
      </c>
      <c r="D237" s="59">
        <f>Jesper!AN231</f>
        <v>8.2529152021690262</v>
      </c>
      <c r="E237" s="59">
        <f>Jesper!AO231</f>
        <v>12.379372803253538</v>
      </c>
      <c r="F237" s="59">
        <f>Jesper!AP231</f>
        <v>201.73982103205117</v>
      </c>
      <c r="G237" s="58">
        <f>Jesper!AQ231</f>
        <v>0</v>
      </c>
      <c r="H237" s="44">
        <v>230</v>
      </c>
      <c r="I237" s="56">
        <f>Bühler!I263</f>
        <v>0.45317504719574897</v>
      </c>
      <c r="J237" s="59">
        <f>Bühler!J263</f>
        <v>1.5105834906524969</v>
      </c>
      <c r="K237" s="59">
        <f>Bühler!K263</f>
        <v>2.2658752359787449</v>
      </c>
      <c r="L237" s="59">
        <f>Bühler!L263</f>
        <v>10.876201132697975</v>
      </c>
      <c r="M237" s="58">
        <f>Bühler!M263</f>
        <v>0</v>
      </c>
      <c r="N237" s="56">
        <f>IF(Input!$D$19=1,J237*Input!$C$19,0)+IF(Input!$D$20=1,K237*Input!$C$20,0)+IF(Input!$D$21=1,L237*Input!$C$21,0)+IF(Input!$D$22=1,M237*Input!$C$22,0)</f>
        <v>0.45317504719574903</v>
      </c>
      <c r="O237" s="59">
        <f>IF(Input!$D$19=2,J237*Input!$C$19,0)+IF(Input!$D$20=2,K237*Input!$C$20,0)+IF(Input!$D$21=2,L237*Input!$C$21,0)+IF(Input!$D$22=2,M237*Input!$C$22,0)</f>
        <v>1.1329376179893724</v>
      </c>
      <c r="P237" s="59">
        <f>IF(Input!$D$19=3,J237*Input!$C$19,0)+IF(Input!$D$20=3,K237*Input!$C$20,0)+IF(Input!$D$21=3,L237*Input!$C$21,0)+IF(Input!$D$22=3,M237*Input!$C$22,0)</f>
        <v>0</v>
      </c>
      <c r="Q237" s="75">
        <f>IF(Input!$D$19=4,J237*Input!$C$19,0)+IF(Input!$D$20=4,K237*Input!$C$20,0)+IF(Input!$D$21=4,L237*Input!$C$21,0)+IF(Input!$D$22=4,M237*Input!$C$22,0)</f>
        <v>0</v>
      </c>
      <c r="R237" s="58">
        <v>71.395129591142876</v>
      </c>
      <c r="S237" s="124">
        <f t="shared" si="3"/>
        <v>1.9637585378482458</v>
      </c>
    </row>
    <row r="238" spans="2:19" x14ac:dyDescent="0.3">
      <c r="B238" s="44">
        <v>231</v>
      </c>
      <c r="C238" s="56">
        <f>Jesper!AM232</f>
        <v>2.4525508012382775</v>
      </c>
      <c r="D238" s="59">
        <f>Jesper!AN232</f>
        <v>8.1751693374609253</v>
      </c>
      <c r="E238" s="59">
        <f>Jesper!AO232</f>
        <v>12.262754006191388</v>
      </c>
      <c r="F238" s="59">
        <f>Jesper!AP232</f>
        <v>200.34180888369499</v>
      </c>
      <c r="G238" s="58">
        <f>Jesper!AQ232</f>
        <v>0</v>
      </c>
      <c r="H238" s="44">
        <v>231</v>
      </c>
      <c r="I238" s="56">
        <f>Bühler!I264</f>
        <v>0.45317504719574897</v>
      </c>
      <c r="J238" s="59">
        <f>Bühler!J264</f>
        <v>1.5105834906524969</v>
      </c>
      <c r="K238" s="59">
        <f>Bühler!K264</f>
        <v>2.2658752359787449</v>
      </c>
      <c r="L238" s="59">
        <f>Bühler!L264</f>
        <v>10.876201132697975</v>
      </c>
      <c r="M238" s="58">
        <f>Bühler!M264</f>
        <v>0</v>
      </c>
      <c r="N238" s="56">
        <f>IF(Input!$D$19=1,J238*Input!$C$19,0)+IF(Input!$D$20=1,K238*Input!$C$20,0)+IF(Input!$D$21=1,L238*Input!$C$21,0)+IF(Input!$D$22=1,M238*Input!$C$22,0)</f>
        <v>0.45317504719574903</v>
      </c>
      <c r="O238" s="59">
        <f>IF(Input!$D$19=2,J238*Input!$C$19,0)+IF(Input!$D$20=2,K238*Input!$C$20,0)+IF(Input!$D$21=2,L238*Input!$C$21,0)+IF(Input!$D$22=2,M238*Input!$C$22,0)</f>
        <v>1.1329376179893724</v>
      </c>
      <c r="P238" s="59">
        <f>IF(Input!$D$19=3,J238*Input!$C$19,0)+IF(Input!$D$20=3,K238*Input!$C$20,0)+IF(Input!$D$21=3,L238*Input!$C$21,0)+IF(Input!$D$22=3,M238*Input!$C$22,0)</f>
        <v>0</v>
      </c>
      <c r="Q238" s="75">
        <f>IF(Input!$D$19=4,J238*Input!$C$19,0)+IF(Input!$D$20=4,K238*Input!$C$20,0)+IF(Input!$D$21=4,L238*Input!$C$21,0)+IF(Input!$D$22=4,M238*Input!$C$22,0)</f>
        <v>0</v>
      </c>
      <c r="R238" s="58">
        <v>71.666601305805429</v>
      </c>
      <c r="S238" s="124">
        <f t="shared" si="3"/>
        <v>1.9637585378482458</v>
      </c>
    </row>
    <row r="239" spans="2:19" x14ac:dyDescent="0.3">
      <c r="B239" s="44">
        <v>232</v>
      </c>
      <c r="C239" s="56">
        <f>Jesper!AM233</f>
        <v>7.3594177928034004</v>
      </c>
      <c r="D239" s="59">
        <f>Jesper!AN233</f>
        <v>24.531392642678004</v>
      </c>
      <c r="E239" s="59">
        <f>Jesper!AO233</f>
        <v>36.797088964017</v>
      </c>
      <c r="F239" s="59">
        <f>Jesper!AP233</f>
        <v>176.62602702728162</v>
      </c>
      <c r="G239" s="58">
        <f>Jesper!AQ233</f>
        <v>0</v>
      </c>
      <c r="H239" s="44">
        <v>232</v>
      </c>
      <c r="I239" s="56">
        <f>Bühler!I265</f>
        <v>0.45317504719574897</v>
      </c>
      <c r="J239" s="59">
        <f>Bühler!J265</f>
        <v>1.5105834906524969</v>
      </c>
      <c r="K239" s="59">
        <f>Bühler!K265</f>
        <v>2.2658752359787449</v>
      </c>
      <c r="L239" s="59">
        <f>Bühler!L265</f>
        <v>10.876201132697975</v>
      </c>
      <c r="M239" s="58">
        <f>Bühler!M265</f>
        <v>0</v>
      </c>
      <c r="N239" s="56">
        <f>IF(Input!$D$19=1,J239*Input!$C$19,0)+IF(Input!$D$20=1,K239*Input!$C$20,0)+IF(Input!$D$21=1,L239*Input!$C$21,0)+IF(Input!$D$22=1,M239*Input!$C$22,0)</f>
        <v>0.45317504719574903</v>
      </c>
      <c r="O239" s="59">
        <f>IF(Input!$D$19=2,J239*Input!$C$19,0)+IF(Input!$D$20=2,K239*Input!$C$20,0)+IF(Input!$D$21=2,L239*Input!$C$21,0)+IF(Input!$D$22=2,M239*Input!$C$22,0)</f>
        <v>1.1329376179893724</v>
      </c>
      <c r="P239" s="59">
        <f>IF(Input!$D$19=3,J239*Input!$C$19,0)+IF(Input!$D$20=3,K239*Input!$C$20,0)+IF(Input!$D$21=3,L239*Input!$C$21,0)+IF(Input!$D$22=3,M239*Input!$C$22,0)</f>
        <v>0</v>
      </c>
      <c r="Q239" s="75">
        <f>IF(Input!$D$19=4,J239*Input!$C$19,0)+IF(Input!$D$20=4,K239*Input!$C$20,0)+IF(Input!$D$21=4,L239*Input!$C$21,0)+IF(Input!$D$22=4,M239*Input!$C$22,0)</f>
        <v>0</v>
      </c>
      <c r="R239" s="58">
        <v>70.496832516528215</v>
      </c>
      <c r="S239" s="124">
        <f t="shared" si="3"/>
        <v>1.9637585378482458</v>
      </c>
    </row>
    <row r="240" spans="2:19" x14ac:dyDescent="0.3">
      <c r="B240" s="44">
        <v>233</v>
      </c>
      <c r="C240" s="56">
        <f>Jesper!AM234</f>
        <v>7.4766477459497107</v>
      </c>
      <c r="D240" s="59">
        <f>Jesper!AN234</f>
        <v>24.922159153165705</v>
      </c>
      <c r="E240" s="59">
        <f>Jesper!AO234</f>
        <v>37.383238729748555</v>
      </c>
      <c r="F240" s="59">
        <f>Jesper!AP234</f>
        <v>179.43954590279304</v>
      </c>
      <c r="G240" s="58">
        <f>Jesper!AQ234</f>
        <v>0</v>
      </c>
      <c r="H240" s="44">
        <v>233</v>
      </c>
      <c r="I240" s="56">
        <f>Bühler!I266</f>
        <v>0.45317504719574897</v>
      </c>
      <c r="J240" s="59">
        <f>Bühler!J266</f>
        <v>1.5105834906524969</v>
      </c>
      <c r="K240" s="59">
        <f>Bühler!K266</f>
        <v>2.2658752359787449</v>
      </c>
      <c r="L240" s="59">
        <f>Bühler!L266</f>
        <v>10.876201132697975</v>
      </c>
      <c r="M240" s="58">
        <f>Bühler!M266</f>
        <v>0</v>
      </c>
      <c r="N240" s="56">
        <f>IF(Input!$D$19=1,J240*Input!$C$19,0)+IF(Input!$D$20=1,K240*Input!$C$20,0)+IF(Input!$D$21=1,L240*Input!$C$21,0)+IF(Input!$D$22=1,M240*Input!$C$22,0)</f>
        <v>0.45317504719574903</v>
      </c>
      <c r="O240" s="59">
        <f>IF(Input!$D$19=2,J240*Input!$C$19,0)+IF(Input!$D$20=2,K240*Input!$C$20,0)+IF(Input!$D$21=2,L240*Input!$C$21,0)+IF(Input!$D$22=2,M240*Input!$C$22,0)</f>
        <v>1.1329376179893724</v>
      </c>
      <c r="P240" s="59">
        <f>IF(Input!$D$19=3,J240*Input!$C$19,0)+IF(Input!$D$20=3,K240*Input!$C$20,0)+IF(Input!$D$21=3,L240*Input!$C$21,0)+IF(Input!$D$22=3,M240*Input!$C$22,0)</f>
        <v>0</v>
      </c>
      <c r="Q240" s="75">
        <f>IF(Input!$D$19=4,J240*Input!$C$19,0)+IF(Input!$D$20=4,K240*Input!$C$20,0)+IF(Input!$D$21=4,L240*Input!$C$21,0)+IF(Input!$D$22=4,M240*Input!$C$22,0)</f>
        <v>0</v>
      </c>
      <c r="R240" s="58">
        <v>69.423683664887193</v>
      </c>
      <c r="S240" s="124">
        <f t="shared" si="3"/>
        <v>1.9637585378482458</v>
      </c>
    </row>
    <row r="241" spans="2:19" x14ac:dyDescent="0.3">
      <c r="B241" s="44">
        <v>234</v>
      </c>
      <c r="C241" s="56">
        <f>Jesper!AM235</f>
        <v>7.4822301246709637</v>
      </c>
      <c r="D241" s="59">
        <f>Jesper!AN235</f>
        <v>24.940767082236547</v>
      </c>
      <c r="E241" s="59">
        <f>Jesper!AO235</f>
        <v>37.411150623354821</v>
      </c>
      <c r="F241" s="59">
        <f>Jesper!AP235</f>
        <v>179.57352299210314</v>
      </c>
      <c r="G241" s="58">
        <f>Jesper!AQ235</f>
        <v>0</v>
      </c>
      <c r="H241" s="44">
        <v>234</v>
      </c>
      <c r="I241" s="56">
        <f>Bühler!I267</f>
        <v>0.45317504719574897</v>
      </c>
      <c r="J241" s="59">
        <f>Bühler!J267</f>
        <v>1.5105834906524969</v>
      </c>
      <c r="K241" s="59">
        <f>Bühler!K267</f>
        <v>2.2658752359787449</v>
      </c>
      <c r="L241" s="59">
        <f>Bühler!L267</f>
        <v>10.876201132697975</v>
      </c>
      <c r="M241" s="58">
        <f>Bühler!M267</f>
        <v>0</v>
      </c>
      <c r="N241" s="56">
        <f>IF(Input!$D$19=1,J241*Input!$C$19,0)+IF(Input!$D$20=1,K241*Input!$C$20,0)+IF(Input!$D$21=1,L241*Input!$C$21,0)+IF(Input!$D$22=1,M241*Input!$C$22,0)</f>
        <v>0.45317504719574903</v>
      </c>
      <c r="O241" s="59">
        <f>IF(Input!$D$19=2,J241*Input!$C$19,0)+IF(Input!$D$20=2,K241*Input!$C$20,0)+IF(Input!$D$21=2,L241*Input!$C$21,0)+IF(Input!$D$22=2,M241*Input!$C$22,0)</f>
        <v>1.1329376179893724</v>
      </c>
      <c r="P241" s="59">
        <f>IF(Input!$D$19=3,J241*Input!$C$19,0)+IF(Input!$D$20=3,K241*Input!$C$20,0)+IF(Input!$D$21=3,L241*Input!$C$21,0)+IF(Input!$D$22=3,M241*Input!$C$22,0)</f>
        <v>0</v>
      </c>
      <c r="Q241" s="75">
        <f>IF(Input!$D$19=4,J241*Input!$C$19,0)+IF(Input!$D$20=4,K241*Input!$C$20,0)+IF(Input!$D$21=4,L241*Input!$C$21,0)+IF(Input!$D$22=4,M241*Input!$C$22,0)</f>
        <v>0</v>
      </c>
      <c r="R241" s="58">
        <v>68.48609465686279</v>
      </c>
      <c r="S241" s="124">
        <f t="shared" si="3"/>
        <v>1.9637585378482458</v>
      </c>
    </row>
    <row r="242" spans="2:19" x14ac:dyDescent="0.3">
      <c r="B242" s="44">
        <v>235</v>
      </c>
      <c r="C242" s="56">
        <f>Jesper!AM236</f>
        <v>7.4933948821134688</v>
      </c>
      <c r="D242" s="59">
        <f>Jesper!AN236</f>
        <v>24.977982940378233</v>
      </c>
      <c r="E242" s="59">
        <f>Jesper!AO236</f>
        <v>37.466974410567346</v>
      </c>
      <c r="F242" s="59">
        <f>Jesper!AP236</f>
        <v>179.84147717072327</v>
      </c>
      <c r="G242" s="58">
        <f>Jesper!AQ236</f>
        <v>0</v>
      </c>
      <c r="H242" s="44">
        <v>235</v>
      </c>
      <c r="I242" s="56">
        <f>Bühler!I268</f>
        <v>0.45317504719574897</v>
      </c>
      <c r="J242" s="59">
        <f>Bühler!J268</f>
        <v>1.5105834906524969</v>
      </c>
      <c r="K242" s="59">
        <f>Bühler!K268</f>
        <v>2.2658752359787449</v>
      </c>
      <c r="L242" s="59">
        <f>Bühler!L268</f>
        <v>10.876201132697975</v>
      </c>
      <c r="M242" s="58">
        <f>Bühler!M268</f>
        <v>0</v>
      </c>
      <c r="N242" s="56">
        <f>IF(Input!$D$19=1,J242*Input!$C$19,0)+IF(Input!$D$20=1,K242*Input!$C$20,0)+IF(Input!$D$21=1,L242*Input!$C$21,0)+IF(Input!$D$22=1,M242*Input!$C$22,0)</f>
        <v>0.45317504719574903</v>
      </c>
      <c r="O242" s="59">
        <f>IF(Input!$D$19=2,J242*Input!$C$19,0)+IF(Input!$D$20=2,K242*Input!$C$20,0)+IF(Input!$D$21=2,L242*Input!$C$21,0)+IF(Input!$D$22=2,M242*Input!$C$22,0)</f>
        <v>1.1329376179893724</v>
      </c>
      <c r="P242" s="59">
        <f>IF(Input!$D$19=3,J242*Input!$C$19,0)+IF(Input!$D$20=3,K242*Input!$C$20,0)+IF(Input!$D$21=3,L242*Input!$C$21,0)+IF(Input!$D$22=3,M242*Input!$C$22,0)</f>
        <v>0</v>
      </c>
      <c r="Q242" s="75">
        <f>IF(Input!$D$19=4,J242*Input!$C$19,0)+IF(Input!$D$20=4,K242*Input!$C$20,0)+IF(Input!$D$21=4,L242*Input!$C$21,0)+IF(Input!$D$22=4,M242*Input!$C$22,0)</f>
        <v>0</v>
      </c>
      <c r="R242" s="58">
        <v>67.136996489165227</v>
      </c>
      <c r="S242" s="124">
        <f t="shared" si="3"/>
        <v>1.9637585378482458</v>
      </c>
    </row>
    <row r="243" spans="2:19" x14ac:dyDescent="0.3">
      <c r="B243" s="44">
        <v>236</v>
      </c>
      <c r="C243" s="56">
        <f>Jesper!AM237</f>
        <v>7.5603834267685031</v>
      </c>
      <c r="D243" s="59">
        <f>Jesper!AN237</f>
        <v>25.201278089228346</v>
      </c>
      <c r="E243" s="59">
        <f>Jesper!AO237</f>
        <v>37.801917133842515</v>
      </c>
      <c r="F243" s="59">
        <f>Jesper!AP237</f>
        <v>181.44920224244407</v>
      </c>
      <c r="G243" s="58">
        <f>Jesper!AQ237</f>
        <v>0</v>
      </c>
      <c r="H243" s="44">
        <v>236</v>
      </c>
      <c r="I243" s="56">
        <f>Bühler!I269</f>
        <v>0.37764587266312416</v>
      </c>
      <c r="J243" s="59">
        <f>Bühler!J269</f>
        <v>1.2588195755437475</v>
      </c>
      <c r="K243" s="59">
        <f>Bühler!K269</f>
        <v>1.8882293633156209</v>
      </c>
      <c r="L243" s="59">
        <f>Bühler!L269</f>
        <v>9.0635009439149812</v>
      </c>
      <c r="M243" s="58">
        <f>Bühler!M269</f>
        <v>0</v>
      </c>
      <c r="N243" s="56">
        <f>IF(Input!$D$19=1,J243*Input!$C$19,0)+IF(Input!$D$20=1,K243*Input!$C$20,0)+IF(Input!$D$21=1,L243*Input!$C$21,0)+IF(Input!$D$22=1,M243*Input!$C$22,0)</f>
        <v>0.37764587266312422</v>
      </c>
      <c r="O243" s="59">
        <f>IF(Input!$D$19=2,J243*Input!$C$19,0)+IF(Input!$D$20=2,K243*Input!$C$20,0)+IF(Input!$D$21=2,L243*Input!$C$21,0)+IF(Input!$D$22=2,M243*Input!$C$22,0)</f>
        <v>0.94411468165781043</v>
      </c>
      <c r="P243" s="59">
        <f>IF(Input!$D$19=3,J243*Input!$C$19,0)+IF(Input!$D$20=3,K243*Input!$C$20,0)+IF(Input!$D$21=3,L243*Input!$C$21,0)+IF(Input!$D$22=3,M243*Input!$C$22,0)</f>
        <v>0</v>
      </c>
      <c r="Q243" s="75">
        <f>IF(Input!$D$19=4,J243*Input!$C$19,0)+IF(Input!$D$20=4,K243*Input!$C$20,0)+IF(Input!$D$21=4,L243*Input!$C$21,0)+IF(Input!$D$22=4,M243*Input!$C$22,0)</f>
        <v>0</v>
      </c>
      <c r="R243" s="58">
        <v>66.022696066457939</v>
      </c>
      <c r="S243" s="124">
        <f t="shared" si="3"/>
        <v>1.6364654482068717</v>
      </c>
    </row>
    <row r="244" spans="2:19" x14ac:dyDescent="0.3">
      <c r="B244" s="44">
        <v>237</v>
      </c>
      <c r="C244" s="56">
        <f>Jesper!AM238</f>
        <v>2.4817055005038151</v>
      </c>
      <c r="D244" s="59">
        <f>Jesper!AN238</f>
        <v>8.272351668346051</v>
      </c>
      <c r="E244" s="59">
        <f>Jesper!AO238</f>
        <v>12.408527502519076</v>
      </c>
      <c r="F244" s="59">
        <f>Jesper!AP238</f>
        <v>204.32453372329482</v>
      </c>
      <c r="G244" s="58">
        <f>Jesper!AQ238</f>
        <v>0</v>
      </c>
      <c r="H244" s="44">
        <v>237</v>
      </c>
      <c r="I244" s="56">
        <f>Bühler!I270</f>
        <v>0.30211669813049941</v>
      </c>
      <c r="J244" s="59">
        <f>Bühler!J270</f>
        <v>1.0070556604349981</v>
      </c>
      <c r="K244" s="59">
        <f>Bühler!K270</f>
        <v>1.5105834906524969</v>
      </c>
      <c r="L244" s="59">
        <f>Bühler!L270</f>
        <v>7.2508007551319853</v>
      </c>
      <c r="M244" s="58">
        <f>Bühler!M270</f>
        <v>0</v>
      </c>
      <c r="N244" s="56">
        <f>IF(Input!$D$19=1,J244*Input!$C$19,0)+IF(Input!$D$20=1,K244*Input!$C$20,0)+IF(Input!$D$21=1,L244*Input!$C$21,0)+IF(Input!$D$22=1,M244*Input!$C$22,0)</f>
        <v>0.30211669813049941</v>
      </c>
      <c r="O244" s="59">
        <f>IF(Input!$D$19=2,J244*Input!$C$19,0)+IF(Input!$D$20=2,K244*Input!$C$20,0)+IF(Input!$D$21=2,L244*Input!$C$21,0)+IF(Input!$D$22=2,M244*Input!$C$22,0)</f>
        <v>0.75529174532624843</v>
      </c>
      <c r="P244" s="59">
        <f>IF(Input!$D$19=3,J244*Input!$C$19,0)+IF(Input!$D$20=3,K244*Input!$C$20,0)+IF(Input!$D$21=3,L244*Input!$C$21,0)+IF(Input!$D$22=3,M244*Input!$C$22,0)</f>
        <v>0</v>
      </c>
      <c r="Q244" s="75">
        <f>IF(Input!$D$19=4,J244*Input!$C$19,0)+IF(Input!$D$20=4,K244*Input!$C$20,0)+IF(Input!$D$21=4,L244*Input!$C$21,0)+IF(Input!$D$22=4,M244*Input!$C$22,0)</f>
        <v>0</v>
      </c>
      <c r="R244" s="58">
        <v>64.609957741458572</v>
      </c>
      <c r="S244" s="124">
        <f t="shared" si="3"/>
        <v>1.3091723585654975</v>
      </c>
    </row>
    <row r="245" spans="2:19" x14ac:dyDescent="0.3">
      <c r="B245" s="44">
        <v>238</v>
      </c>
      <c r="C245" s="56">
        <f>Jesper!AM239</f>
        <v>2.5372753117986484</v>
      </c>
      <c r="D245" s="59">
        <f>Jesper!AN239</f>
        <v>8.4575843726621631</v>
      </c>
      <c r="E245" s="59">
        <f>Jesper!AO239</f>
        <v>12.686376558993244</v>
      </c>
      <c r="F245" s="59">
        <f>Jesper!AP239</f>
        <v>206.62934536872783</v>
      </c>
      <c r="G245" s="58">
        <f>Jesper!AQ239</f>
        <v>0</v>
      </c>
      <c r="H245" s="44">
        <v>238</v>
      </c>
      <c r="I245" s="56">
        <f>Bühler!I271</f>
        <v>0.22658752359787449</v>
      </c>
      <c r="J245" s="59">
        <f>Bühler!J271</f>
        <v>0.75529174532624843</v>
      </c>
      <c r="K245" s="59">
        <f>Bühler!K271</f>
        <v>1.1329376179893724</v>
      </c>
      <c r="L245" s="59">
        <f>Bühler!L271</f>
        <v>5.4381005663489876</v>
      </c>
      <c r="M245" s="58">
        <f>Bühler!M271</f>
        <v>0</v>
      </c>
      <c r="N245" s="56">
        <f>IF(Input!$D$19=1,J245*Input!$C$19,0)+IF(Input!$D$20=1,K245*Input!$C$20,0)+IF(Input!$D$21=1,L245*Input!$C$21,0)+IF(Input!$D$22=1,M245*Input!$C$22,0)</f>
        <v>0.22658752359787451</v>
      </c>
      <c r="O245" s="59">
        <f>IF(Input!$D$19=2,J245*Input!$C$19,0)+IF(Input!$D$20=2,K245*Input!$C$20,0)+IF(Input!$D$21=2,L245*Input!$C$21,0)+IF(Input!$D$22=2,M245*Input!$C$22,0)</f>
        <v>0.56646880899468621</v>
      </c>
      <c r="P245" s="59">
        <f>IF(Input!$D$19=3,J245*Input!$C$19,0)+IF(Input!$D$20=3,K245*Input!$C$20,0)+IF(Input!$D$21=3,L245*Input!$C$21,0)+IF(Input!$D$22=3,M245*Input!$C$22,0)</f>
        <v>0</v>
      </c>
      <c r="Q245" s="75">
        <f>IF(Input!$D$19=4,J245*Input!$C$19,0)+IF(Input!$D$20=4,K245*Input!$C$20,0)+IF(Input!$D$21=4,L245*Input!$C$21,0)+IF(Input!$D$22=4,M245*Input!$C$22,0)</f>
        <v>0</v>
      </c>
      <c r="R245" s="58">
        <v>62.169843525616145</v>
      </c>
      <c r="S245" s="124">
        <f t="shared" si="3"/>
        <v>0.98187926892412292</v>
      </c>
    </row>
    <row r="246" spans="2:19" x14ac:dyDescent="0.3">
      <c r="B246" s="44">
        <v>239</v>
      </c>
      <c r="C246" s="56">
        <f>Jesper!AM240</f>
        <v>7.4543182310646996</v>
      </c>
      <c r="D246" s="59">
        <f>Jesper!AN240</f>
        <v>24.847727436882334</v>
      </c>
      <c r="E246" s="59">
        <f>Jesper!AO240</f>
        <v>37.271591155323499</v>
      </c>
      <c r="F246" s="59">
        <f>Jesper!AP240</f>
        <v>178.90363754555278</v>
      </c>
      <c r="G246" s="58">
        <f>Jesper!AQ240</f>
        <v>0</v>
      </c>
      <c r="H246" s="44">
        <v>239</v>
      </c>
      <c r="I246" s="56">
        <f>Bühler!I272</f>
        <v>0.22658752359787449</v>
      </c>
      <c r="J246" s="59">
        <f>Bühler!J272</f>
        <v>0.75529174532624843</v>
      </c>
      <c r="K246" s="59">
        <f>Bühler!K272</f>
        <v>1.1329376179893724</v>
      </c>
      <c r="L246" s="59">
        <f>Bühler!L272</f>
        <v>5.4381005663489876</v>
      </c>
      <c r="M246" s="58">
        <f>Bühler!M272</f>
        <v>0</v>
      </c>
      <c r="N246" s="56">
        <f>IF(Input!$D$19=1,J246*Input!$C$19,0)+IF(Input!$D$20=1,K246*Input!$C$20,0)+IF(Input!$D$21=1,L246*Input!$C$21,0)+IF(Input!$D$22=1,M246*Input!$C$22,0)</f>
        <v>0.22658752359787451</v>
      </c>
      <c r="O246" s="59">
        <f>IF(Input!$D$19=2,J246*Input!$C$19,0)+IF(Input!$D$20=2,K246*Input!$C$20,0)+IF(Input!$D$21=2,L246*Input!$C$21,0)+IF(Input!$D$22=2,M246*Input!$C$22,0)</f>
        <v>0.56646880899468621</v>
      </c>
      <c r="P246" s="59">
        <f>IF(Input!$D$19=3,J246*Input!$C$19,0)+IF(Input!$D$20=3,K246*Input!$C$20,0)+IF(Input!$D$21=3,L246*Input!$C$21,0)+IF(Input!$D$22=3,M246*Input!$C$22,0)</f>
        <v>0</v>
      </c>
      <c r="Q246" s="75">
        <f>IF(Input!$D$19=4,J246*Input!$C$19,0)+IF(Input!$D$20=4,K246*Input!$C$20,0)+IF(Input!$D$21=4,L246*Input!$C$21,0)+IF(Input!$D$22=4,M246*Input!$C$22,0)</f>
        <v>0</v>
      </c>
      <c r="R246" s="58">
        <v>62.272220586675601</v>
      </c>
      <c r="S246" s="124">
        <f t="shared" si="3"/>
        <v>0.98187926892412292</v>
      </c>
    </row>
    <row r="247" spans="2:19" x14ac:dyDescent="0.3">
      <c r="B247" s="44">
        <v>240</v>
      </c>
      <c r="C247" s="56">
        <f>Jesper!AM241</f>
        <v>7.5213067757197338</v>
      </c>
      <c r="D247" s="59">
        <f>Jesper!AN241</f>
        <v>25.07102258573245</v>
      </c>
      <c r="E247" s="59">
        <f>Jesper!AO241</f>
        <v>37.606533878598668</v>
      </c>
      <c r="F247" s="59">
        <f>Jesper!AP241</f>
        <v>180.51136261727362</v>
      </c>
      <c r="G247" s="58">
        <f>Jesper!AQ241</f>
        <v>0</v>
      </c>
      <c r="H247" s="44">
        <v>240</v>
      </c>
      <c r="I247" s="56">
        <f>Bühler!I273</f>
        <v>0.22658752359787449</v>
      </c>
      <c r="J247" s="59">
        <f>Bühler!J273</f>
        <v>0.75529174532624843</v>
      </c>
      <c r="K247" s="59">
        <f>Bühler!K273</f>
        <v>1.1329376179893724</v>
      </c>
      <c r="L247" s="59">
        <f>Bühler!L273</f>
        <v>5.4381005663489876</v>
      </c>
      <c r="M247" s="58">
        <f>Bühler!M273</f>
        <v>0</v>
      </c>
      <c r="N247" s="56">
        <f>IF(Input!$D$19=1,J247*Input!$C$19,0)+IF(Input!$D$20=1,K247*Input!$C$20,0)+IF(Input!$D$21=1,L247*Input!$C$21,0)+IF(Input!$D$22=1,M247*Input!$C$22,0)</f>
        <v>0.22658752359787451</v>
      </c>
      <c r="O247" s="59">
        <f>IF(Input!$D$19=2,J247*Input!$C$19,0)+IF(Input!$D$20=2,K247*Input!$C$20,0)+IF(Input!$D$21=2,L247*Input!$C$21,0)+IF(Input!$D$22=2,M247*Input!$C$22,0)</f>
        <v>0.56646880899468621</v>
      </c>
      <c r="P247" s="59">
        <f>IF(Input!$D$19=3,J247*Input!$C$19,0)+IF(Input!$D$20=3,K247*Input!$C$20,0)+IF(Input!$D$21=3,L247*Input!$C$21,0)+IF(Input!$D$22=3,M247*Input!$C$22,0)</f>
        <v>0</v>
      </c>
      <c r="Q247" s="75">
        <f>IF(Input!$D$19=4,J247*Input!$C$19,0)+IF(Input!$D$20=4,K247*Input!$C$20,0)+IF(Input!$D$21=4,L247*Input!$C$21,0)+IF(Input!$D$22=4,M247*Input!$C$22,0)</f>
        <v>0</v>
      </c>
      <c r="R247" s="58">
        <v>61.788226354980139</v>
      </c>
      <c r="S247" s="124">
        <f t="shared" si="3"/>
        <v>0.98187926892412292</v>
      </c>
    </row>
    <row r="248" spans="2:19" x14ac:dyDescent="0.3">
      <c r="B248" s="44">
        <v>241</v>
      </c>
      <c r="C248" s="56">
        <f>Jesper!AM242</f>
        <v>7.5157243969984817</v>
      </c>
      <c r="D248" s="59">
        <f>Jesper!AN242</f>
        <v>25.052414656661607</v>
      </c>
      <c r="E248" s="59">
        <f>Jesper!AO242</f>
        <v>37.578621984992409</v>
      </c>
      <c r="F248" s="59">
        <f>Jesper!AP242</f>
        <v>180.37738552796355</v>
      </c>
      <c r="G248" s="58">
        <f>Jesper!AQ242</f>
        <v>0</v>
      </c>
      <c r="H248" s="44">
        <v>241</v>
      </c>
      <c r="I248" s="56">
        <f>Bühler!I274</f>
        <v>0.2231055874019359</v>
      </c>
      <c r="J248" s="59">
        <f>Bühler!J274</f>
        <v>0.74368529133978634</v>
      </c>
      <c r="K248" s="59">
        <f>Bühler!K274</f>
        <v>1.1155279370096793</v>
      </c>
      <c r="L248" s="59">
        <f>Bühler!L274</f>
        <v>5.3545340976464608</v>
      </c>
      <c r="M248" s="58">
        <f>Bühler!M274</f>
        <v>0</v>
      </c>
      <c r="N248" s="56">
        <f>IF(Input!$D$19=1,J248*Input!$C$19,0)+IF(Input!$D$20=1,K248*Input!$C$20,0)+IF(Input!$D$21=1,L248*Input!$C$21,0)+IF(Input!$D$22=1,M248*Input!$C$22,0)</f>
        <v>0.2231055874019359</v>
      </c>
      <c r="O248" s="59">
        <f>IF(Input!$D$19=2,J248*Input!$C$19,0)+IF(Input!$D$20=2,K248*Input!$C$20,0)+IF(Input!$D$21=2,L248*Input!$C$21,0)+IF(Input!$D$22=2,M248*Input!$C$22,0)</f>
        <v>0.55776396850483967</v>
      </c>
      <c r="P248" s="59">
        <f>IF(Input!$D$19=3,J248*Input!$C$19,0)+IF(Input!$D$20=3,K248*Input!$C$20,0)+IF(Input!$D$21=3,L248*Input!$C$21,0)+IF(Input!$D$22=3,M248*Input!$C$22,0)</f>
        <v>0</v>
      </c>
      <c r="Q248" s="75">
        <f>IF(Input!$D$19=4,J248*Input!$C$19,0)+IF(Input!$D$20=4,K248*Input!$C$20,0)+IF(Input!$D$21=4,L248*Input!$C$21,0)+IF(Input!$D$22=4,M248*Input!$C$22,0)</f>
        <v>0</v>
      </c>
      <c r="R248" s="58">
        <v>61.343408845577869</v>
      </c>
      <c r="S248" s="124">
        <f t="shared" si="3"/>
        <v>0.9667908787417222</v>
      </c>
    </row>
    <row r="249" spans="2:19" x14ac:dyDescent="0.3">
      <c r="B249" s="44">
        <v>242</v>
      </c>
      <c r="C249" s="56">
        <f>Jesper!AM243</f>
        <v>7.5380539118834919</v>
      </c>
      <c r="D249" s="59">
        <f>Jesper!AN243</f>
        <v>25.126846372944975</v>
      </c>
      <c r="E249" s="59">
        <f>Jesper!AO243</f>
        <v>37.690269559417459</v>
      </c>
      <c r="F249" s="59">
        <f>Jesper!AP243</f>
        <v>180.91329388520381</v>
      </c>
      <c r="G249" s="58">
        <f>Jesper!AQ243</f>
        <v>0</v>
      </c>
      <c r="H249" s="44">
        <v>242</v>
      </c>
      <c r="I249" s="56">
        <f>Bühler!I275</f>
        <v>0.2231055874019359</v>
      </c>
      <c r="J249" s="59">
        <f>Bühler!J275</f>
        <v>0.74368529133978634</v>
      </c>
      <c r="K249" s="59">
        <f>Bühler!K275</f>
        <v>1.1155279370096793</v>
      </c>
      <c r="L249" s="59">
        <f>Bühler!L275</f>
        <v>5.3545340976464608</v>
      </c>
      <c r="M249" s="58">
        <f>Bühler!M275</f>
        <v>0</v>
      </c>
      <c r="N249" s="56">
        <f>IF(Input!$D$19=1,J249*Input!$C$19,0)+IF(Input!$D$20=1,K249*Input!$C$20,0)+IF(Input!$D$21=1,L249*Input!$C$21,0)+IF(Input!$D$22=1,M249*Input!$C$22,0)</f>
        <v>0.2231055874019359</v>
      </c>
      <c r="O249" s="59">
        <f>IF(Input!$D$19=2,J249*Input!$C$19,0)+IF(Input!$D$20=2,K249*Input!$C$20,0)+IF(Input!$D$21=2,L249*Input!$C$21,0)+IF(Input!$D$22=2,M249*Input!$C$22,0)</f>
        <v>0.55776396850483967</v>
      </c>
      <c r="P249" s="59">
        <f>IF(Input!$D$19=3,J249*Input!$C$19,0)+IF(Input!$D$20=3,K249*Input!$C$20,0)+IF(Input!$D$21=3,L249*Input!$C$21,0)+IF(Input!$D$22=3,M249*Input!$C$22,0)</f>
        <v>0</v>
      </c>
      <c r="Q249" s="75">
        <f>IF(Input!$D$19=4,J249*Input!$C$19,0)+IF(Input!$D$20=4,K249*Input!$C$20,0)+IF(Input!$D$21=4,L249*Input!$C$21,0)+IF(Input!$D$22=4,M249*Input!$C$22,0)</f>
        <v>0</v>
      </c>
      <c r="R249" s="58">
        <v>61.437494158263483</v>
      </c>
      <c r="S249" s="124">
        <f t="shared" si="3"/>
        <v>0.9667908787417222</v>
      </c>
    </row>
    <row r="250" spans="2:19" x14ac:dyDescent="0.3">
      <c r="B250" s="44">
        <v>243</v>
      </c>
      <c r="C250" s="56">
        <f>Jesper!AM244</f>
        <v>7.6162072139810313</v>
      </c>
      <c r="D250" s="59">
        <f>Jesper!AN244</f>
        <v>25.387357379936773</v>
      </c>
      <c r="E250" s="59">
        <f>Jesper!AO244</f>
        <v>38.08103606990516</v>
      </c>
      <c r="F250" s="59">
        <f>Jesper!AP244</f>
        <v>182.78897313554475</v>
      </c>
      <c r="G250" s="58">
        <f>Jesper!AQ244</f>
        <v>0</v>
      </c>
      <c r="H250" s="44">
        <v>243</v>
      </c>
      <c r="I250" s="56">
        <f>Bühler!I276</f>
        <v>0.2231055874019359</v>
      </c>
      <c r="J250" s="59">
        <f>Bühler!J276</f>
        <v>0.74368529133978634</v>
      </c>
      <c r="K250" s="59">
        <f>Bühler!K276</f>
        <v>1.1155279370096793</v>
      </c>
      <c r="L250" s="59">
        <f>Bühler!L276</f>
        <v>5.3545340976464608</v>
      </c>
      <c r="M250" s="58">
        <f>Bühler!M276</f>
        <v>0</v>
      </c>
      <c r="N250" s="56">
        <f>IF(Input!$D$19=1,J250*Input!$C$19,0)+IF(Input!$D$20=1,K250*Input!$C$20,0)+IF(Input!$D$21=1,L250*Input!$C$21,0)+IF(Input!$D$22=1,M250*Input!$C$22,0)</f>
        <v>0.2231055874019359</v>
      </c>
      <c r="O250" s="59">
        <f>IF(Input!$D$19=2,J250*Input!$C$19,0)+IF(Input!$D$20=2,K250*Input!$C$20,0)+IF(Input!$D$21=2,L250*Input!$C$21,0)+IF(Input!$D$22=2,M250*Input!$C$22,0)</f>
        <v>0.55776396850483967</v>
      </c>
      <c r="P250" s="59">
        <f>IF(Input!$D$19=3,J250*Input!$C$19,0)+IF(Input!$D$20=3,K250*Input!$C$20,0)+IF(Input!$D$21=3,L250*Input!$C$21,0)+IF(Input!$D$22=3,M250*Input!$C$22,0)</f>
        <v>0</v>
      </c>
      <c r="Q250" s="75">
        <f>IF(Input!$D$19=4,J250*Input!$C$19,0)+IF(Input!$D$20=4,K250*Input!$C$20,0)+IF(Input!$D$21=4,L250*Input!$C$21,0)+IF(Input!$D$22=4,M250*Input!$C$22,0)</f>
        <v>0</v>
      </c>
      <c r="R250" s="58">
        <v>62.116010945072965</v>
      </c>
      <c r="S250" s="124">
        <f t="shared" si="3"/>
        <v>0.9667908787417222</v>
      </c>
    </row>
    <row r="251" spans="2:19" x14ac:dyDescent="0.3">
      <c r="B251" s="44">
        <v>244</v>
      </c>
      <c r="C251" s="56">
        <f>Jesper!AM245</f>
        <v>2.9618420083752466</v>
      </c>
      <c r="D251" s="59">
        <f>Jesper!AN245</f>
        <v>9.8728066945841562</v>
      </c>
      <c r="E251" s="59">
        <f>Jesper!AO245</f>
        <v>14.809210041876234</v>
      </c>
      <c r="F251" s="59">
        <f>Jesper!AP245</f>
        <v>216.20596644792857</v>
      </c>
      <c r="G251" s="58">
        <f>Jesper!AQ245</f>
        <v>0</v>
      </c>
      <c r="H251" s="44">
        <v>244</v>
      </c>
      <c r="I251" s="56">
        <f>Bühler!I277</f>
        <v>0.2231055874019359</v>
      </c>
      <c r="J251" s="59">
        <f>Bühler!J277</f>
        <v>0.74368529133978634</v>
      </c>
      <c r="K251" s="59">
        <f>Bühler!K277</f>
        <v>1.1155279370096793</v>
      </c>
      <c r="L251" s="59">
        <f>Bühler!L277</f>
        <v>5.3545340976464608</v>
      </c>
      <c r="M251" s="58">
        <f>Bühler!M277</f>
        <v>0</v>
      </c>
      <c r="N251" s="56">
        <f>IF(Input!$D$19=1,J251*Input!$C$19,0)+IF(Input!$D$20=1,K251*Input!$C$20,0)+IF(Input!$D$21=1,L251*Input!$C$21,0)+IF(Input!$D$22=1,M251*Input!$C$22,0)</f>
        <v>0.2231055874019359</v>
      </c>
      <c r="O251" s="59">
        <f>IF(Input!$D$19=2,J251*Input!$C$19,0)+IF(Input!$D$20=2,K251*Input!$C$20,0)+IF(Input!$D$21=2,L251*Input!$C$21,0)+IF(Input!$D$22=2,M251*Input!$C$22,0)</f>
        <v>0.55776396850483967</v>
      </c>
      <c r="P251" s="59">
        <f>IF(Input!$D$19=3,J251*Input!$C$19,0)+IF(Input!$D$20=3,K251*Input!$C$20,0)+IF(Input!$D$21=3,L251*Input!$C$21,0)+IF(Input!$D$22=3,M251*Input!$C$22,0)</f>
        <v>0</v>
      </c>
      <c r="Q251" s="75">
        <f>IF(Input!$D$19=4,J251*Input!$C$19,0)+IF(Input!$D$20=4,K251*Input!$C$20,0)+IF(Input!$D$21=4,L251*Input!$C$21,0)+IF(Input!$D$22=4,M251*Input!$C$22,0)</f>
        <v>0</v>
      </c>
      <c r="R251" s="58">
        <v>62.458085518685039</v>
      </c>
      <c r="S251" s="124">
        <f t="shared" si="3"/>
        <v>0.9667908787417222</v>
      </c>
    </row>
    <row r="252" spans="2:19" x14ac:dyDescent="0.3">
      <c r="B252" s="44">
        <v>245</v>
      </c>
      <c r="C252" s="56">
        <f>Jesper!AM246</f>
        <v>3.1387447986154959</v>
      </c>
      <c r="D252" s="59">
        <f>Jesper!AN246</f>
        <v>10.462482662051656</v>
      </c>
      <c r="E252" s="59">
        <f>Jesper!AO246</f>
        <v>15.693723993077482</v>
      </c>
      <c r="F252" s="59">
        <f>Jesper!AP246</f>
        <v>220.19622523092886</v>
      </c>
      <c r="G252" s="58">
        <f>Jesper!AQ246</f>
        <v>0</v>
      </c>
      <c r="H252" s="44">
        <v>245</v>
      </c>
      <c r="I252" s="56">
        <f>Bühler!I278</f>
        <v>0.2231055874019359</v>
      </c>
      <c r="J252" s="59">
        <f>Bühler!J278</f>
        <v>0.74368529133978634</v>
      </c>
      <c r="K252" s="59">
        <f>Bühler!K278</f>
        <v>1.1155279370096793</v>
      </c>
      <c r="L252" s="59">
        <f>Bühler!L278</f>
        <v>5.3545340976464608</v>
      </c>
      <c r="M252" s="58">
        <f>Bühler!M278</f>
        <v>0</v>
      </c>
      <c r="N252" s="56">
        <f>IF(Input!$D$19=1,J252*Input!$C$19,0)+IF(Input!$D$20=1,K252*Input!$C$20,0)+IF(Input!$D$21=1,L252*Input!$C$21,0)+IF(Input!$D$22=1,M252*Input!$C$22,0)</f>
        <v>0.2231055874019359</v>
      </c>
      <c r="O252" s="59">
        <f>IF(Input!$D$19=2,J252*Input!$C$19,0)+IF(Input!$D$20=2,K252*Input!$C$20,0)+IF(Input!$D$21=2,L252*Input!$C$21,0)+IF(Input!$D$22=2,M252*Input!$C$22,0)</f>
        <v>0.55776396850483967</v>
      </c>
      <c r="P252" s="59">
        <f>IF(Input!$D$19=3,J252*Input!$C$19,0)+IF(Input!$D$20=3,K252*Input!$C$20,0)+IF(Input!$D$21=3,L252*Input!$C$21,0)+IF(Input!$D$22=3,M252*Input!$C$22,0)</f>
        <v>0</v>
      </c>
      <c r="Q252" s="75">
        <f>IF(Input!$D$19=4,J252*Input!$C$19,0)+IF(Input!$D$20=4,K252*Input!$C$20,0)+IF(Input!$D$21=4,L252*Input!$C$21,0)+IF(Input!$D$22=4,M252*Input!$C$22,0)</f>
        <v>0</v>
      </c>
      <c r="R252" s="58">
        <v>63.735871104203135</v>
      </c>
      <c r="S252" s="124">
        <f t="shared" si="3"/>
        <v>0.9667908787417222</v>
      </c>
    </row>
    <row r="253" spans="2:19" x14ac:dyDescent="0.3">
      <c r="B253" s="44">
        <v>246</v>
      </c>
      <c r="C253" s="56">
        <f>Jesper!AM247</f>
        <v>7.6664486224723074</v>
      </c>
      <c r="D253" s="59">
        <f>Jesper!AN247</f>
        <v>25.554828741574362</v>
      </c>
      <c r="E253" s="59">
        <f>Jesper!AO247</f>
        <v>38.332243112361539</v>
      </c>
      <c r="F253" s="59">
        <f>Jesper!AP247</f>
        <v>183.99476693933539</v>
      </c>
      <c r="G253" s="58">
        <f>Jesper!AQ247</f>
        <v>0</v>
      </c>
      <c r="H253" s="44">
        <v>246</v>
      </c>
      <c r="I253" s="56">
        <f>Bühler!I279</f>
        <v>0.28755831265138404</v>
      </c>
      <c r="J253" s="59">
        <f>Bühler!J279</f>
        <v>0.95852770883794691</v>
      </c>
      <c r="K253" s="59">
        <f>Bühler!K279</f>
        <v>1.4377915632569203</v>
      </c>
      <c r="L253" s="59">
        <f>Bühler!L279</f>
        <v>6.9013995036332174</v>
      </c>
      <c r="M253" s="58">
        <f>Bühler!M279</f>
        <v>0</v>
      </c>
      <c r="N253" s="56">
        <f>IF(Input!$D$19=1,J253*Input!$C$19,0)+IF(Input!$D$20=1,K253*Input!$C$20,0)+IF(Input!$D$21=1,L253*Input!$C$21,0)+IF(Input!$D$22=1,M253*Input!$C$22,0)</f>
        <v>0.28755831265138404</v>
      </c>
      <c r="O253" s="59">
        <f>IF(Input!$D$19=2,J253*Input!$C$19,0)+IF(Input!$D$20=2,K253*Input!$C$20,0)+IF(Input!$D$21=2,L253*Input!$C$21,0)+IF(Input!$D$22=2,M253*Input!$C$22,0)</f>
        <v>0.71889578162846013</v>
      </c>
      <c r="P253" s="59">
        <f>IF(Input!$D$19=3,J253*Input!$C$19,0)+IF(Input!$D$20=3,K253*Input!$C$20,0)+IF(Input!$D$21=3,L253*Input!$C$21,0)+IF(Input!$D$22=3,M253*Input!$C$22,0)</f>
        <v>0</v>
      </c>
      <c r="Q253" s="75">
        <f>IF(Input!$D$19=4,J253*Input!$C$19,0)+IF(Input!$D$20=4,K253*Input!$C$20,0)+IF(Input!$D$21=4,L253*Input!$C$21,0)+IF(Input!$D$22=4,M253*Input!$C$22,0)</f>
        <v>0</v>
      </c>
      <c r="R253" s="58">
        <v>66.681261559451286</v>
      </c>
      <c r="S253" s="124">
        <f t="shared" si="3"/>
        <v>1.246086021489331</v>
      </c>
    </row>
    <row r="254" spans="2:19" x14ac:dyDescent="0.3">
      <c r="B254" s="44">
        <v>247</v>
      </c>
      <c r="C254" s="56">
        <f>Jesper!AM248</f>
        <v>7.6106248352597801</v>
      </c>
      <c r="D254" s="59">
        <f>Jesper!AN248</f>
        <v>25.368749450865934</v>
      </c>
      <c r="E254" s="59">
        <f>Jesper!AO248</f>
        <v>38.053124176298901</v>
      </c>
      <c r="F254" s="59">
        <f>Jesper!AP248</f>
        <v>182.65499604623471</v>
      </c>
      <c r="G254" s="58">
        <f>Jesper!AQ248</f>
        <v>0</v>
      </c>
      <c r="H254" s="44">
        <v>247</v>
      </c>
      <c r="I254" s="56">
        <f>Bühler!I280</f>
        <v>0.3321794301317712</v>
      </c>
      <c r="J254" s="59">
        <f>Bühler!J280</f>
        <v>1.1072647671059042</v>
      </c>
      <c r="K254" s="59">
        <f>Bühler!K280</f>
        <v>1.6608971506588561</v>
      </c>
      <c r="L254" s="59">
        <f>Bühler!L280</f>
        <v>7.9723063231625098</v>
      </c>
      <c r="M254" s="58">
        <f>Bühler!M280</f>
        <v>0</v>
      </c>
      <c r="N254" s="56">
        <f>IF(Input!$D$19=1,J254*Input!$C$19,0)+IF(Input!$D$20=1,K254*Input!$C$20,0)+IF(Input!$D$21=1,L254*Input!$C$21,0)+IF(Input!$D$22=1,M254*Input!$C$22,0)</f>
        <v>0.33217943013177126</v>
      </c>
      <c r="O254" s="59">
        <f>IF(Input!$D$19=2,J254*Input!$C$19,0)+IF(Input!$D$20=2,K254*Input!$C$20,0)+IF(Input!$D$21=2,L254*Input!$C$21,0)+IF(Input!$D$22=2,M254*Input!$C$22,0)</f>
        <v>0.83044857532942806</v>
      </c>
      <c r="P254" s="59">
        <f>IF(Input!$D$19=3,J254*Input!$C$19,0)+IF(Input!$D$20=3,K254*Input!$C$20,0)+IF(Input!$D$21=3,L254*Input!$C$21,0)+IF(Input!$D$22=3,M254*Input!$C$22,0)</f>
        <v>0</v>
      </c>
      <c r="Q254" s="75">
        <f>IF(Input!$D$19=4,J254*Input!$C$19,0)+IF(Input!$D$20=4,K254*Input!$C$20,0)+IF(Input!$D$21=4,L254*Input!$C$21,0)+IF(Input!$D$22=4,M254*Input!$C$22,0)</f>
        <v>0</v>
      </c>
      <c r="R254" s="58">
        <v>70.614781946742426</v>
      </c>
      <c r="S254" s="124">
        <f t="shared" si="3"/>
        <v>1.4394441972376755</v>
      </c>
    </row>
    <row r="255" spans="2:19" x14ac:dyDescent="0.3">
      <c r="B255" s="44">
        <v>248</v>
      </c>
      <c r="C255" s="56">
        <f>Jesper!AM249</f>
        <v>7.7390195458485955</v>
      </c>
      <c r="D255" s="59">
        <f>Jesper!AN249</f>
        <v>25.796731819495321</v>
      </c>
      <c r="E255" s="59">
        <f>Jesper!AO249</f>
        <v>38.695097729242974</v>
      </c>
      <c r="F255" s="59">
        <f>Jesper!AP249</f>
        <v>185.73646910036629</v>
      </c>
      <c r="G255" s="58">
        <f>Jesper!AQ249</f>
        <v>0</v>
      </c>
      <c r="H255" s="44">
        <v>248</v>
      </c>
      <c r="I255" s="56">
        <f>Bühler!I281</f>
        <v>0.3321794301317712</v>
      </c>
      <c r="J255" s="59">
        <f>Bühler!J281</f>
        <v>1.1072647671059042</v>
      </c>
      <c r="K255" s="59">
        <f>Bühler!K281</f>
        <v>1.6608971506588561</v>
      </c>
      <c r="L255" s="59">
        <f>Bühler!L281</f>
        <v>7.9723063231625098</v>
      </c>
      <c r="M255" s="58">
        <f>Bühler!M281</f>
        <v>0</v>
      </c>
      <c r="N255" s="56">
        <f>IF(Input!$D$19=1,J255*Input!$C$19,0)+IF(Input!$D$20=1,K255*Input!$C$20,0)+IF(Input!$D$21=1,L255*Input!$C$21,0)+IF(Input!$D$22=1,M255*Input!$C$22,0)</f>
        <v>0.33217943013177126</v>
      </c>
      <c r="O255" s="59">
        <f>IF(Input!$D$19=2,J255*Input!$C$19,0)+IF(Input!$D$20=2,K255*Input!$C$20,0)+IF(Input!$D$21=2,L255*Input!$C$21,0)+IF(Input!$D$22=2,M255*Input!$C$22,0)</f>
        <v>0.83044857532942806</v>
      </c>
      <c r="P255" s="59">
        <f>IF(Input!$D$19=3,J255*Input!$C$19,0)+IF(Input!$D$20=3,K255*Input!$C$20,0)+IF(Input!$D$21=3,L255*Input!$C$21,0)+IF(Input!$D$22=3,M255*Input!$C$22,0)</f>
        <v>0</v>
      </c>
      <c r="Q255" s="75">
        <f>IF(Input!$D$19=4,J255*Input!$C$19,0)+IF(Input!$D$20=4,K255*Input!$C$20,0)+IF(Input!$D$21=4,L255*Input!$C$21,0)+IF(Input!$D$22=4,M255*Input!$C$22,0)</f>
        <v>0</v>
      </c>
      <c r="R255" s="58">
        <v>72.503656767931531</v>
      </c>
      <c r="S255" s="124">
        <f t="shared" si="3"/>
        <v>1.4394441972376755</v>
      </c>
    </row>
    <row r="256" spans="2:19" x14ac:dyDescent="0.3">
      <c r="B256" s="44">
        <v>249</v>
      </c>
      <c r="C256" s="56">
        <f>Jesper!AM250</f>
        <v>7.6385367288660451</v>
      </c>
      <c r="D256" s="59">
        <f>Jesper!AN250</f>
        <v>25.461789096220151</v>
      </c>
      <c r="E256" s="59">
        <f>Jesper!AO250</f>
        <v>38.192683644330224</v>
      </c>
      <c r="F256" s="59">
        <f>Jesper!AP250</f>
        <v>183.32488149278507</v>
      </c>
      <c r="G256" s="58">
        <f>Jesper!AQ250</f>
        <v>0</v>
      </c>
      <c r="H256" s="44">
        <v>249</v>
      </c>
      <c r="I256" s="56">
        <f>Bühler!I282</f>
        <v>0.3321794301317712</v>
      </c>
      <c r="J256" s="59">
        <f>Bühler!J282</f>
        <v>1.1072647671059042</v>
      </c>
      <c r="K256" s="59">
        <f>Bühler!K282</f>
        <v>1.6608971506588561</v>
      </c>
      <c r="L256" s="59">
        <f>Bühler!L282</f>
        <v>7.9723063231625098</v>
      </c>
      <c r="M256" s="58">
        <f>Bühler!M282</f>
        <v>0</v>
      </c>
      <c r="N256" s="56">
        <f>IF(Input!$D$19=1,J256*Input!$C$19,0)+IF(Input!$D$20=1,K256*Input!$C$20,0)+IF(Input!$D$21=1,L256*Input!$C$21,0)+IF(Input!$D$22=1,M256*Input!$C$22,0)</f>
        <v>0.33217943013177126</v>
      </c>
      <c r="O256" s="59">
        <f>IF(Input!$D$19=2,J256*Input!$C$19,0)+IF(Input!$D$20=2,K256*Input!$C$20,0)+IF(Input!$D$21=2,L256*Input!$C$21,0)+IF(Input!$D$22=2,M256*Input!$C$22,0)</f>
        <v>0.83044857532942806</v>
      </c>
      <c r="P256" s="59">
        <f>IF(Input!$D$19=3,J256*Input!$C$19,0)+IF(Input!$D$20=3,K256*Input!$C$20,0)+IF(Input!$D$21=3,L256*Input!$C$21,0)+IF(Input!$D$22=3,M256*Input!$C$22,0)</f>
        <v>0</v>
      </c>
      <c r="Q256" s="75">
        <f>IF(Input!$D$19=4,J256*Input!$C$19,0)+IF(Input!$D$20=4,K256*Input!$C$20,0)+IF(Input!$D$21=4,L256*Input!$C$21,0)+IF(Input!$D$22=4,M256*Input!$C$22,0)</f>
        <v>0</v>
      </c>
      <c r="R256" s="58">
        <v>72.973949291051383</v>
      </c>
      <c r="S256" s="124">
        <f t="shared" si="3"/>
        <v>1.4394441972376755</v>
      </c>
    </row>
    <row r="257" spans="2:19" x14ac:dyDescent="0.3">
      <c r="B257" s="44">
        <v>250</v>
      </c>
      <c r="C257" s="56">
        <f>Jesper!AM251</f>
        <v>7.5938776990960202</v>
      </c>
      <c r="D257" s="59">
        <f>Jesper!AN251</f>
        <v>25.312925663653402</v>
      </c>
      <c r="E257" s="59">
        <f>Jesper!AO251</f>
        <v>37.969388495480104</v>
      </c>
      <c r="F257" s="59">
        <f>Jesper!AP251</f>
        <v>182.25306477830449</v>
      </c>
      <c r="G257" s="58">
        <f>Jesper!AQ251</f>
        <v>0</v>
      </c>
      <c r="H257" s="44">
        <v>250</v>
      </c>
      <c r="I257" s="56">
        <f>Bühler!I283</f>
        <v>0.35696893984309741</v>
      </c>
      <c r="J257" s="59">
        <f>Bühler!J283</f>
        <v>1.1898964661436582</v>
      </c>
      <c r="K257" s="59">
        <f>Bühler!K283</f>
        <v>1.7848446992154872</v>
      </c>
      <c r="L257" s="59">
        <f>Bühler!L283</f>
        <v>8.5672545562343387</v>
      </c>
      <c r="M257" s="58">
        <f>Bühler!M283</f>
        <v>0</v>
      </c>
      <c r="N257" s="56">
        <f>IF(Input!$D$19=1,J257*Input!$C$19,0)+IF(Input!$D$20=1,K257*Input!$C$20,0)+IF(Input!$D$21=1,L257*Input!$C$21,0)+IF(Input!$D$22=1,M257*Input!$C$22,0)</f>
        <v>0.35696893984309747</v>
      </c>
      <c r="O257" s="59">
        <f>IF(Input!$D$19=2,J257*Input!$C$19,0)+IF(Input!$D$20=2,K257*Input!$C$20,0)+IF(Input!$D$21=2,L257*Input!$C$21,0)+IF(Input!$D$22=2,M257*Input!$C$22,0)</f>
        <v>0.89242234960774358</v>
      </c>
      <c r="P257" s="59">
        <f>IF(Input!$D$19=3,J257*Input!$C$19,0)+IF(Input!$D$20=3,K257*Input!$C$20,0)+IF(Input!$D$21=3,L257*Input!$C$21,0)+IF(Input!$D$22=3,M257*Input!$C$22,0)</f>
        <v>0</v>
      </c>
      <c r="Q257" s="75">
        <f>IF(Input!$D$19=4,J257*Input!$C$19,0)+IF(Input!$D$20=4,K257*Input!$C$20,0)+IF(Input!$D$21=4,L257*Input!$C$21,0)+IF(Input!$D$22=4,M257*Input!$C$22,0)</f>
        <v>0</v>
      </c>
      <c r="R257" s="58">
        <v>72.507907065677273</v>
      </c>
      <c r="S257" s="124">
        <f t="shared" si="3"/>
        <v>1.5468654059867557</v>
      </c>
    </row>
    <row r="258" spans="2:19" x14ac:dyDescent="0.3">
      <c r="B258" s="44">
        <v>251</v>
      </c>
      <c r="C258" s="56">
        <f>Jesper!AM252</f>
        <v>2.7141781020388978</v>
      </c>
      <c r="D258" s="59">
        <f>Jesper!AN252</f>
        <v>9.0472603401296592</v>
      </c>
      <c r="E258" s="59">
        <f>Jesper!AO252</f>
        <v>13.57089051019449</v>
      </c>
      <c r="F258" s="59">
        <f>Jesper!AP252</f>
        <v>210.61960415172814</v>
      </c>
      <c r="G258" s="58">
        <f>Jesper!AQ252</f>
        <v>0</v>
      </c>
      <c r="H258" s="44">
        <v>251</v>
      </c>
      <c r="I258" s="56">
        <f>Bühler!I284</f>
        <v>0.38671635149668893</v>
      </c>
      <c r="J258" s="59">
        <f>Bühler!J284</f>
        <v>1.2890545049889632</v>
      </c>
      <c r="K258" s="59">
        <f>Bühler!K284</f>
        <v>1.9335817574834446</v>
      </c>
      <c r="L258" s="59">
        <f>Bühler!L284</f>
        <v>9.2811924359205342</v>
      </c>
      <c r="M258" s="58">
        <f>Bühler!M284</f>
        <v>0</v>
      </c>
      <c r="N258" s="56">
        <f>IF(Input!$D$19=1,J258*Input!$C$19,0)+IF(Input!$D$20=1,K258*Input!$C$20,0)+IF(Input!$D$21=1,L258*Input!$C$21,0)+IF(Input!$D$22=1,M258*Input!$C$22,0)</f>
        <v>0.38671635149668898</v>
      </c>
      <c r="O258" s="59">
        <f>IF(Input!$D$19=2,J258*Input!$C$19,0)+IF(Input!$D$20=2,K258*Input!$C$20,0)+IF(Input!$D$21=2,L258*Input!$C$21,0)+IF(Input!$D$22=2,M258*Input!$C$22,0)</f>
        <v>0.96679087874172231</v>
      </c>
      <c r="P258" s="59">
        <f>IF(Input!$D$19=3,J258*Input!$C$19,0)+IF(Input!$D$20=3,K258*Input!$C$20,0)+IF(Input!$D$21=3,L258*Input!$C$21,0)+IF(Input!$D$22=3,M258*Input!$C$22,0)</f>
        <v>0</v>
      </c>
      <c r="Q258" s="75">
        <f>IF(Input!$D$19=4,J258*Input!$C$19,0)+IF(Input!$D$20=4,K258*Input!$C$20,0)+IF(Input!$D$21=4,L258*Input!$C$21,0)+IF(Input!$D$22=4,M258*Input!$C$22,0)</f>
        <v>0</v>
      </c>
      <c r="R258" s="58">
        <v>73.363403818515891</v>
      </c>
      <c r="S258" s="124">
        <f t="shared" si="3"/>
        <v>1.6757708564856522</v>
      </c>
    </row>
    <row r="259" spans="2:19" x14ac:dyDescent="0.3">
      <c r="B259" s="44">
        <v>252</v>
      </c>
      <c r="C259" s="56">
        <f>Jesper!AM253</f>
        <v>2.480872509096228</v>
      </c>
      <c r="D259" s="59">
        <f>Jesper!AN253</f>
        <v>8.2695750303207607</v>
      </c>
      <c r="E259" s="59">
        <f>Jesper!AO253</f>
        <v>12.404362545481142</v>
      </c>
      <c r="F259" s="59">
        <f>Jesper!AP253</f>
        <v>203.95528905311713</v>
      </c>
      <c r="G259" s="58">
        <f>Jesper!AQ253</f>
        <v>0</v>
      </c>
      <c r="H259" s="44">
        <v>252</v>
      </c>
      <c r="I259" s="56">
        <f>Bühler!I285</f>
        <v>0.44621117480387179</v>
      </c>
      <c r="J259" s="59">
        <f>Bühler!J285</f>
        <v>1.4873705826795727</v>
      </c>
      <c r="K259" s="59">
        <f>Bühler!K285</f>
        <v>2.2310558740193587</v>
      </c>
      <c r="L259" s="59">
        <f>Bühler!L285</f>
        <v>10.709068195292922</v>
      </c>
      <c r="M259" s="58">
        <f>Bühler!M285</f>
        <v>0</v>
      </c>
      <c r="N259" s="56">
        <f>IF(Input!$D$19=1,J259*Input!$C$19,0)+IF(Input!$D$20=1,K259*Input!$C$20,0)+IF(Input!$D$21=1,L259*Input!$C$21,0)+IF(Input!$D$22=1,M259*Input!$C$22,0)</f>
        <v>0.44621117480387179</v>
      </c>
      <c r="O259" s="59">
        <f>IF(Input!$D$19=2,J259*Input!$C$19,0)+IF(Input!$D$20=2,K259*Input!$C$20,0)+IF(Input!$D$21=2,L259*Input!$C$21,0)+IF(Input!$D$22=2,M259*Input!$C$22,0)</f>
        <v>1.1155279370096793</v>
      </c>
      <c r="P259" s="59">
        <f>IF(Input!$D$19=3,J259*Input!$C$19,0)+IF(Input!$D$20=3,K259*Input!$C$20,0)+IF(Input!$D$21=3,L259*Input!$C$21,0)+IF(Input!$D$22=3,M259*Input!$C$22,0)</f>
        <v>0</v>
      </c>
      <c r="Q259" s="75">
        <f>IF(Input!$D$19=4,J259*Input!$C$19,0)+IF(Input!$D$20=4,K259*Input!$C$20,0)+IF(Input!$D$21=4,L259*Input!$C$21,0)+IF(Input!$D$22=4,M259*Input!$C$22,0)</f>
        <v>0</v>
      </c>
      <c r="R259" s="58">
        <v>73.89579821281896</v>
      </c>
      <c r="S259" s="124">
        <f t="shared" si="3"/>
        <v>1.9335817574834444</v>
      </c>
    </row>
    <row r="260" spans="2:19" x14ac:dyDescent="0.3">
      <c r="B260" s="44">
        <v>253</v>
      </c>
      <c r="C260" s="56">
        <f>Jesper!AM254</f>
        <v>7.5548010480472509</v>
      </c>
      <c r="D260" s="59">
        <f>Jesper!AN254</f>
        <v>25.182670160157507</v>
      </c>
      <c r="E260" s="59">
        <f>Jesper!AO254</f>
        <v>37.774005240236256</v>
      </c>
      <c r="F260" s="59">
        <f>Jesper!AP254</f>
        <v>181.31522515313404</v>
      </c>
      <c r="G260" s="58">
        <f>Jesper!AQ254</f>
        <v>0</v>
      </c>
      <c r="H260" s="44">
        <v>253</v>
      </c>
      <c r="I260" s="56">
        <f>Bühler!I286</f>
        <v>0.44621117480387179</v>
      </c>
      <c r="J260" s="59">
        <f>Bühler!J286</f>
        <v>1.4873705826795727</v>
      </c>
      <c r="K260" s="59">
        <f>Bühler!K286</f>
        <v>2.2310558740193587</v>
      </c>
      <c r="L260" s="59">
        <f>Bühler!L286</f>
        <v>10.709068195292922</v>
      </c>
      <c r="M260" s="58">
        <f>Bühler!M286</f>
        <v>0</v>
      </c>
      <c r="N260" s="56">
        <f>IF(Input!$D$19=1,J260*Input!$C$19,0)+IF(Input!$D$20=1,K260*Input!$C$20,0)+IF(Input!$D$21=1,L260*Input!$C$21,0)+IF(Input!$D$22=1,M260*Input!$C$22,0)</f>
        <v>0.44621117480387179</v>
      </c>
      <c r="O260" s="59">
        <f>IF(Input!$D$19=2,J260*Input!$C$19,0)+IF(Input!$D$20=2,K260*Input!$C$20,0)+IF(Input!$D$21=2,L260*Input!$C$21,0)+IF(Input!$D$22=2,M260*Input!$C$22,0)</f>
        <v>1.1155279370096793</v>
      </c>
      <c r="P260" s="59">
        <f>IF(Input!$D$19=3,J260*Input!$C$19,0)+IF(Input!$D$20=3,K260*Input!$C$20,0)+IF(Input!$D$21=3,L260*Input!$C$21,0)+IF(Input!$D$22=3,M260*Input!$C$22,0)</f>
        <v>0</v>
      </c>
      <c r="Q260" s="75">
        <f>IF(Input!$D$19=4,J260*Input!$C$19,0)+IF(Input!$D$20=4,K260*Input!$C$20,0)+IF(Input!$D$21=4,L260*Input!$C$21,0)+IF(Input!$D$22=4,M260*Input!$C$22,0)</f>
        <v>0</v>
      </c>
      <c r="R260" s="58">
        <v>72.362903578272366</v>
      </c>
      <c r="S260" s="124">
        <f t="shared" si="3"/>
        <v>1.9335817574834444</v>
      </c>
    </row>
    <row r="261" spans="2:19" x14ac:dyDescent="0.3">
      <c r="B261" s="44">
        <v>254</v>
      </c>
      <c r="C261" s="56">
        <f>Jesper!AM255</f>
        <v>7.5548010480472509</v>
      </c>
      <c r="D261" s="59">
        <f>Jesper!AN255</f>
        <v>25.182670160157507</v>
      </c>
      <c r="E261" s="59">
        <f>Jesper!AO255</f>
        <v>37.774005240236256</v>
      </c>
      <c r="F261" s="59">
        <f>Jesper!AP255</f>
        <v>181.31522515313404</v>
      </c>
      <c r="G261" s="58">
        <f>Jesper!AQ255</f>
        <v>0</v>
      </c>
      <c r="H261" s="44">
        <v>254</v>
      </c>
      <c r="I261" s="56">
        <f>Bühler!I287</f>
        <v>0.44621117480387179</v>
      </c>
      <c r="J261" s="59">
        <f>Bühler!J287</f>
        <v>1.4873705826795727</v>
      </c>
      <c r="K261" s="59">
        <f>Bühler!K287</f>
        <v>2.2310558740193587</v>
      </c>
      <c r="L261" s="59">
        <f>Bühler!L287</f>
        <v>10.709068195292922</v>
      </c>
      <c r="M261" s="58">
        <f>Bühler!M287</f>
        <v>0</v>
      </c>
      <c r="N261" s="56">
        <f>IF(Input!$D$19=1,J261*Input!$C$19,0)+IF(Input!$D$20=1,K261*Input!$C$20,0)+IF(Input!$D$21=1,L261*Input!$C$21,0)+IF(Input!$D$22=1,M261*Input!$C$22,0)</f>
        <v>0.44621117480387179</v>
      </c>
      <c r="O261" s="59">
        <f>IF(Input!$D$19=2,J261*Input!$C$19,0)+IF(Input!$D$20=2,K261*Input!$C$20,0)+IF(Input!$D$21=2,L261*Input!$C$21,0)+IF(Input!$D$22=2,M261*Input!$C$22,0)</f>
        <v>1.1155279370096793</v>
      </c>
      <c r="P261" s="59">
        <f>IF(Input!$D$19=3,J261*Input!$C$19,0)+IF(Input!$D$20=3,K261*Input!$C$20,0)+IF(Input!$D$21=3,L261*Input!$C$21,0)+IF(Input!$D$22=3,M261*Input!$C$22,0)</f>
        <v>0</v>
      </c>
      <c r="Q261" s="75">
        <f>IF(Input!$D$19=4,J261*Input!$C$19,0)+IF(Input!$D$20=4,K261*Input!$C$20,0)+IF(Input!$D$21=4,L261*Input!$C$21,0)+IF(Input!$D$22=4,M261*Input!$C$22,0)</f>
        <v>0</v>
      </c>
      <c r="R261" s="58">
        <v>71.932194252620988</v>
      </c>
      <c r="S261" s="124">
        <f t="shared" si="3"/>
        <v>1.9335817574834444</v>
      </c>
    </row>
    <row r="262" spans="2:19" x14ac:dyDescent="0.3">
      <c r="B262" s="44">
        <v>255</v>
      </c>
      <c r="C262" s="56">
        <f>Jesper!AM256</f>
        <v>7.6608662437510553</v>
      </c>
      <c r="D262" s="59">
        <f>Jesper!AN256</f>
        <v>25.536220812503519</v>
      </c>
      <c r="E262" s="59">
        <f>Jesper!AO256</f>
        <v>38.304331218755273</v>
      </c>
      <c r="F262" s="59">
        <f>Jesper!AP256</f>
        <v>183.86078985002533</v>
      </c>
      <c r="G262" s="58">
        <f>Jesper!AQ256</f>
        <v>0</v>
      </c>
      <c r="H262" s="44">
        <v>255</v>
      </c>
      <c r="I262" s="56">
        <f>Bühler!I288</f>
        <v>0.44621117480387179</v>
      </c>
      <c r="J262" s="59">
        <f>Bühler!J288</f>
        <v>1.4873705826795727</v>
      </c>
      <c r="K262" s="59">
        <f>Bühler!K288</f>
        <v>2.2310558740193587</v>
      </c>
      <c r="L262" s="59">
        <f>Bühler!L288</f>
        <v>10.709068195292922</v>
      </c>
      <c r="M262" s="58">
        <f>Bühler!M288</f>
        <v>0</v>
      </c>
      <c r="N262" s="56">
        <f>IF(Input!$D$19=1,J262*Input!$C$19,0)+IF(Input!$D$20=1,K262*Input!$C$20,0)+IF(Input!$D$21=1,L262*Input!$C$21,0)+IF(Input!$D$22=1,M262*Input!$C$22,0)</f>
        <v>0.44621117480387179</v>
      </c>
      <c r="O262" s="59">
        <f>IF(Input!$D$19=2,J262*Input!$C$19,0)+IF(Input!$D$20=2,K262*Input!$C$20,0)+IF(Input!$D$21=2,L262*Input!$C$21,0)+IF(Input!$D$22=2,M262*Input!$C$22,0)</f>
        <v>1.1155279370096793</v>
      </c>
      <c r="P262" s="59">
        <f>IF(Input!$D$19=3,J262*Input!$C$19,0)+IF(Input!$D$20=3,K262*Input!$C$20,0)+IF(Input!$D$21=3,L262*Input!$C$21,0)+IF(Input!$D$22=3,M262*Input!$C$22,0)</f>
        <v>0</v>
      </c>
      <c r="Q262" s="75">
        <f>IF(Input!$D$19=4,J262*Input!$C$19,0)+IF(Input!$D$20=4,K262*Input!$C$20,0)+IF(Input!$D$21=4,L262*Input!$C$21,0)+IF(Input!$D$22=4,M262*Input!$C$22,0)</f>
        <v>0</v>
      </c>
      <c r="R262" s="58">
        <v>72.07054799523479</v>
      </c>
      <c r="S262" s="124">
        <f t="shared" si="3"/>
        <v>1.9335817574834444</v>
      </c>
    </row>
    <row r="263" spans="2:19" x14ac:dyDescent="0.3">
      <c r="B263" s="44">
        <v>256</v>
      </c>
      <c r="C263" s="56">
        <f>Jesper!AM257</f>
        <v>7.8339199841098921</v>
      </c>
      <c r="D263" s="59">
        <f>Jesper!AN257</f>
        <v>26.113066613699644</v>
      </c>
      <c r="E263" s="59">
        <f>Jesper!AO257</f>
        <v>39.169599920549459</v>
      </c>
      <c r="F263" s="59">
        <f>Jesper!AP257</f>
        <v>188.0140796186374</v>
      </c>
      <c r="G263" s="58">
        <f>Jesper!AQ257</f>
        <v>0</v>
      </c>
      <c r="H263" s="44">
        <v>256</v>
      </c>
      <c r="I263" s="56">
        <f>Bühler!I289</f>
        <v>0.44621117480387179</v>
      </c>
      <c r="J263" s="59">
        <f>Bühler!J289</f>
        <v>1.4873705826795727</v>
      </c>
      <c r="K263" s="59">
        <f>Bühler!K289</f>
        <v>2.2310558740193587</v>
      </c>
      <c r="L263" s="59">
        <f>Bühler!L289</f>
        <v>10.709068195292922</v>
      </c>
      <c r="M263" s="58">
        <f>Bühler!M289</f>
        <v>0</v>
      </c>
      <c r="N263" s="56">
        <f>IF(Input!$D$19=1,J263*Input!$C$19,0)+IF(Input!$D$20=1,K263*Input!$C$20,0)+IF(Input!$D$21=1,L263*Input!$C$21,0)+IF(Input!$D$22=1,M263*Input!$C$22,0)</f>
        <v>0.44621117480387179</v>
      </c>
      <c r="O263" s="59">
        <f>IF(Input!$D$19=2,J263*Input!$C$19,0)+IF(Input!$D$20=2,K263*Input!$C$20,0)+IF(Input!$D$21=2,L263*Input!$C$21,0)+IF(Input!$D$22=2,M263*Input!$C$22,0)</f>
        <v>1.1155279370096793</v>
      </c>
      <c r="P263" s="59">
        <f>IF(Input!$D$19=3,J263*Input!$C$19,0)+IF(Input!$D$20=3,K263*Input!$C$20,0)+IF(Input!$D$21=3,L263*Input!$C$21,0)+IF(Input!$D$22=3,M263*Input!$C$22,0)</f>
        <v>0</v>
      </c>
      <c r="Q263" s="75">
        <f>IF(Input!$D$19=4,J263*Input!$C$19,0)+IF(Input!$D$20=4,K263*Input!$C$20,0)+IF(Input!$D$21=4,L263*Input!$C$21,0)+IF(Input!$D$22=4,M263*Input!$C$22,0)</f>
        <v>0</v>
      </c>
      <c r="R263" s="58">
        <v>71.306056295461218</v>
      </c>
      <c r="S263" s="124">
        <f t="shared" si="3"/>
        <v>1.9335817574834444</v>
      </c>
    </row>
    <row r="264" spans="2:19" x14ac:dyDescent="0.3">
      <c r="B264" s="44">
        <v>257</v>
      </c>
      <c r="C264" s="56">
        <f>Jesper!AM258</f>
        <v>7.8060080905036298</v>
      </c>
      <c r="D264" s="59">
        <f>Jesper!AN258</f>
        <v>26.020026968345434</v>
      </c>
      <c r="E264" s="59">
        <f>Jesper!AO258</f>
        <v>39.030040452518151</v>
      </c>
      <c r="F264" s="59">
        <f>Jesper!AP258</f>
        <v>187.34419417208713</v>
      </c>
      <c r="G264" s="58">
        <f>Jesper!AQ258</f>
        <v>0</v>
      </c>
      <c r="H264" s="44">
        <v>257</v>
      </c>
      <c r="I264" s="56">
        <f>Bühler!I290</f>
        <v>0.44621117480387179</v>
      </c>
      <c r="J264" s="59">
        <f>Bühler!J290</f>
        <v>1.4873705826795727</v>
      </c>
      <c r="K264" s="59">
        <f>Bühler!K290</f>
        <v>2.2310558740193587</v>
      </c>
      <c r="L264" s="59">
        <f>Bühler!L290</f>
        <v>10.709068195292922</v>
      </c>
      <c r="M264" s="58">
        <f>Bühler!M290</f>
        <v>0</v>
      </c>
      <c r="N264" s="56">
        <f>IF(Input!$D$19=1,J264*Input!$C$19,0)+IF(Input!$D$20=1,K264*Input!$C$20,0)+IF(Input!$D$21=1,L264*Input!$C$21,0)+IF(Input!$D$22=1,M264*Input!$C$22,0)</f>
        <v>0.44621117480387179</v>
      </c>
      <c r="O264" s="59">
        <f>IF(Input!$D$19=2,J264*Input!$C$19,0)+IF(Input!$D$20=2,K264*Input!$C$20,0)+IF(Input!$D$21=2,L264*Input!$C$21,0)+IF(Input!$D$22=2,M264*Input!$C$22,0)</f>
        <v>1.1155279370096793</v>
      </c>
      <c r="P264" s="59">
        <f>IF(Input!$D$19=3,J264*Input!$C$19,0)+IF(Input!$D$20=3,K264*Input!$C$20,0)+IF(Input!$D$21=3,L264*Input!$C$21,0)+IF(Input!$D$22=3,M264*Input!$C$22,0)</f>
        <v>0</v>
      </c>
      <c r="Q264" s="75">
        <f>IF(Input!$D$19=4,J264*Input!$C$19,0)+IF(Input!$D$20=4,K264*Input!$C$20,0)+IF(Input!$D$21=4,L264*Input!$C$21,0)+IF(Input!$D$22=4,M264*Input!$C$22,0)</f>
        <v>0</v>
      </c>
      <c r="R264" s="58">
        <v>70.739942467024534</v>
      </c>
      <c r="S264" s="124">
        <f t="shared" si="3"/>
        <v>1.9335817574834444</v>
      </c>
    </row>
    <row r="265" spans="2:19" x14ac:dyDescent="0.3">
      <c r="B265" s="44">
        <v>258</v>
      </c>
      <c r="C265" s="56">
        <f>Jesper!AM259</f>
        <v>3.1564350776395202</v>
      </c>
      <c r="D265" s="59">
        <f>Jesper!AN259</f>
        <v>10.521450258798403</v>
      </c>
      <c r="E265" s="59">
        <f>Jesper!AO259</f>
        <v>15.782175388197604</v>
      </c>
      <c r="F265" s="59">
        <f>Jesper!AP259</f>
        <v>220.59525110922891</v>
      </c>
      <c r="G265" s="58">
        <f>Jesper!AQ259</f>
        <v>0</v>
      </c>
      <c r="H265" s="44">
        <v>258</v>
      </c>
      <c r="I265" s="56">
        <f>Bühler!I291</f>
        <v>0.44621117480387179</v>
      </c>
      <c r="J265" s="59">
        <f>Bühler!J291</f>
        <v>1.4873705826795727</v>
      </c>
      <c r="K265" s="59">
        <f>Bühler!K291</f>
        <v>2.2310558740193587</v>
      </c>
      <c r="L265" s="59">
        <f>Bühler!L291</f>
        <v>10.709068195292922</v>
      </c>
      <c r="M265" s="58">
        <f>Bühler!M291</f>
        <v>0</v>
      </c>
      <c r="N265" s="56">
        <f>IF(Input!$D$19=1,J265*Input!$C$19,0)+IF(Input!$D$20=1,K265*Input!$C$20,0)+IF(Input!$D$21=1,L265*Input!$C$21,0)+IF(Input!$D$22=1,M265*Input!$C$22,0)</f>
        <v>0.44621117480387179</v>
      </c>
      <c r="O265" s="59">
        <f>IF(Input!$D$19=2,J265*Input!$C$19,0)+IF(Input!$D$20=2,K265*Input!$C$20,0)+IF(Input!$D$21=2,L265*Input!$C$21,0)+IF(Input!$D$22=2,M265*Input!$C$22,0)</f>
        <v>1.1155279370096793</v>
      </c>
      <c r="P265" s="59">
        <f>IF(Input!$D$19=3,J265*Input!$C$19,0)+IF(Input!$D$20=3,K265*Input!$C$20,0)+IF(Input!$D$21=3,L265*Input!$C$21,0)+IF(Input!$D$22=3,M265*Input!$C$22,0)</f>
        <v>0</v>
      </c>
      <c r="Q265" s="75">
        <f>IF(Input!$D$19=4,J265*Input!$C$19,0)+IF(Input!$D$20=4,K265*Input!$C$20,0)+IF(Input!$D$21=4,L265*Input!$C$21,0)+IF(Input!$D$22=4,M265*Input!$C$22,0)</f>
        <v>0</v>
      </c>
      <c r="R265" s="58">
        <v>69.389202099606806</v>
      </c>
      <c r="S265" s="124">
        <f t="shared" ref="S265:S328" si="4">I265+J265</f>
        <v>1.9335817574834444</v>
      </c>
    </row>
    <row r="266" spans="2:19" x14ac:dyDescent="0.3">
      <c r="B266" s="44">
        <v>259</v>
      </c>
      <c r="C266" s="56">
        <f>Jesper!AM260</f>
        <v>3.4748601000719699</v>
      </c>
      <c r="D266" s="59">
        <f>Jesper!AN260</f>
        <v>11.582867000239901</v>
      </c>
      <c r="E266" s="59">
        <f>Jesper!AO260</f>
        <v>17.374300500359851</v>
      </c>
      <c r="F266" s="59">
        <f>Jesper!AP260</f>
        <v>227.77771691862941</v>
      </c>
      <c r="G266" s="58">
        <f>Jesper!AQ260</f>
        <v>0</v>
      </c>
      <c r="H266" s="44">
        <v>259</v>
      </c>
      <c r="I266" s="56">
        <f>Bühler!I292</f>
        <v>0.44621117480387179</v>
      </c>
      <c r="J266" s="59">
        <f>Bühler!J292</f>
        <v>1.4873705826795727</v>
      </c>
      <c r="K266" s="59">
        <f>Bühler!K292</f>
        <v>2.2310558740193587</v>
      </c>
      <c r="L266" s="59">
        <f>Bühler!L292</f>
        <v>10.709068195292922</v>
      </c>
      <c r="M266" s="58">
        <f>Bühler!M292</f>
        <v>0</v>
      </c>
      <c r="N266" s="56">
        <f>IF(Input!$D$19=1,J266*Input!$C$19,0)+IF(Input!$D$20=1,K266*Input!$C$20,0)+IF(Input!$D$21=1,L266*Input!$C$21,0)+IF(Input!$D$22=1,M266*Input!$C$22,0)</f>
        <v>0.44621117480387179</v>
      </c>
      <c r="O266" s="59">
        <f>IF(Input!$D$19=2,J266*Input!$C$19,0)+IF(Input!$D$20=2,K266*Input!$C$20,0)+IF(Input!$D$21=2,L266*Input!$C$21,0)+IF(Input!$D$22=2,M266*Input!$C$22,0)</f>
        <v>1.1155279370096793</v>
      </c>
      <c r="P266" s="59">
        <f>IF(Input!$D$19=3,J266*Input!$C$19,0)+IF(Input!$D$20=3,K266*Input!$C$20,0)+IF(Input!$D$21=3,L266*Input!$C$21,0)+IF(Input!$D$22=3,M266*Input!$C$22,0)</f>
        <v>0</v>
      </c>
      <c r="Q266" s="75">
        <f>IF(Input!$D$19=4,J266*Input!$C$19,0)+IF(Input!$D$20=4,K266*Input!$C$20,0)+IF(Input!$D$21=4,L266*Input!$C$21,0)+IF(Input!$D$22=4,M266*Input!$C$22,0)</f>
        <v>0</v>
      </c>
      <c r="R266" s="58">
        <v>67.145845483543937</v>
      </c>
      <c r="S266" s="124">
        <f t="shared" si="4"/>
        <v>1.9335817574834444</v>
      </c>
    </row>
    <row r="267" spans="2:19" x14ac:dyDescent="0.3">
      <c r="B267" s="44">
        <v>260</v>
      </c>
      <c r="C267" s="56">
        <f>Jesper!AM261</f>
        <v>7.7613490607336058</v>
      </c>
      <c r="D267" s="59">
        <f>Jesper!AN261</f>
        <v>25.871163535778688</v>
      </c>
      <c r="E267" s="59">
        <f>Jesper!AO261</f>
        <v>38.806745303668031</v>
      </c>
      <c r="F267" s="59">
        <f>Jesper!AP261</f>
        <v>186.27237745760652</v>
      </c>
      <c r="G267" s="58">
        <f>Jesper!AQ261</f>
        <v>0</v>
      </c>
      <c r="H267" s="44">
        <v>260</v>
      </c>
      <c r="I267" s="56">
        <f>Bühler!I293</f>
        <v>0.37184264566989317</v>
      </c>
      <c r="J267" s="59">
        <f>Bühler!J293</f>
        <v>1.2394754855663106</v>
      </c>
      <c r="K267" s="59">
        <f>Bühler!K293</f>
        <v>1.8592132283494658</v>
      </c>
      <c r="L267" s="59">
        <f>Bühler!L293</f>
        <v>8.9242234960774365</v>
      </c>
      <c r="M267" s="58">
        <f>Bühler!M293</f>
        <v>0</v>
      </c>
      <c r="N267" s="56">
        <f>IF(Input!$D$19=1,J267*Input!$C$19,0)+IF(Input!$D$20=1,K267*Input!$C$20,0)+IF(Input!$D$21=1,L267*Input!$C$21,0)+IF(Input!$D$22=1,M267*Input!$C$22,0)</f>
        <v>0.37184264566989317</v>
      </c>
      <c r="O267" s="59">
        <f>IF(Input!$D$19=2,J267*Input!$C$19,0)+IF(Input!$D$20=2,K267*Input!$C$20,0)+IF(Input!$D$21=2,L267*Input!$C$21,0)+IF(Input!$D$22=2,M267*Input!$C$22,0)</f>
        <v>0.92960661417473289</v>
      </c>
      <c r="P267" s="59">
        <f>IF(Input!$D$19=3,J267*Input!$C$19,0)+IF(Input!$D$20=3,K267*Input!$C$20,0)+IF(Input!$D$21=3,L267*Input!$C$21,0)+IF(Input!$D$22=3,M267*Input!$C$22,0)</f>
        <v>0</v>
      </c>
      <c r="Q267" s="75">
        <f>IF(Input!$D$19=4,J267*Input!$C$19,0)+IF(Input!$D$20=4,K267*Input!$C$20,0)+IF(Input!$D$21=4,L267*Input!$C$21,0)+IF(Input!$D$22=4,M267*Input!$C$22,0)</f>
        <v>0</v>
      </c>
      <c r="R267" s="58">
        <v>65.945035085009124</v>
      </c>
      <c r="S267" s="124">
        <f t="shared" si="4"/>
        <v>1.6113181312362037</v>
      </c>
    </row>
    <row r="268" spans="2:19" x14ac:dyDescent="0.3">
      <c r="B268" s="44">
        <v>261</v>
      </c>
      <c r="C268" s="56">
        <f>Jesper!AM262</f>
        <v>7.6552838650298023</v>
      </c>
      <c r="D268" s="59">
        <f>Jesper!AN262</f>
        <v>25.517612883432676</v>
      </c>
      <c r="E268" s="59">
        <f>Jesper!AO262</f>
        <v>38.276419325149014</v>
      </c>
      <c r="F268" s="59">
        <f>Jesper!AP262</f>
        <v>183.72681276071526</v>
      </c>
      <c r="G268" s="58">
        <f>Jesper!AQ262</f>
        <v>0</v>
      </c>
      <c r="H268" s="44">
        <v>261</v>
      </c>
      <c r="I268" s="56">
        <f>Bühler!I294</f>
        <v>0.29747411653591455</v>
      </c>
      <c r="J268" s="59">
        <f>Bühler!J294</f>
        <v>0.99158038845304852</v>
      </c>
      <c r="K268" s="59">
        <f>Bühler!K294</f>
        <v>1.4873705826795727</v>
      </c>
      <c r="L268" s="59">
        <f>Bühler!L294</f>
        <v>7.1393787968619487</v>
      </c>
      <c r="M268" s="58">
        <f>Bühler!M294</f>
        <v>0</v>
      </c>
      <c r="N268" s="56">
        <f>IF(Input!$D$19=1,J268*Input!$C$19,0)+IF(Input!$D$20=1,K268*Input!$C$20,0)+IF(Input!$D$21=1,L268*Input!$C$21,0)+IF(Input!$D$22=1,M268*Input!$C$22,0)</f>
        <v>0.29747411653591455</v>
      </c>
      <c r="O268" s="59">
        <f>IF(Input!$D$19=2,J268*Input!$C$19,0)+IF(Input!$D$20=2,K268*Input!$C$20,0)+IF(Input!$D$21=2,L268*Input!$C$21,0)+IF(Input!$D$22=2,M268*Input!$C$22,0)</f>
        <v>0.74368529133978634</v>
      </c>
      <c r="P268" s="59">
        <f>IF(Input!$D$19=3,J268*Input!$C$19,0)+IF(Input!$D$20=3,K268*Input!$C$20,0)+IF(Input!$D$21=3,L268*Input!$C$21,0)+IF(Input!$D$22=3,M268*Input!$C$22,0)</f>
        <v>0</v>
      </c>
      <c r="Q268" s="75">
        <f>IF(Input!$D$19=4,J268*Input!$C$19,0)+IF(Input!$D$20=4,K268*Input!$C$20,0)+IF(Input!$D$21=4,L268*Input!$C$21,0)+IF(Input!$D$22=4,M268*Input!$C$22,0)</f>
        <v>0</v>
      </c>
      <c r="R268" s="58">
        <v>64.874891901930425</v>
      </c>
      <c r="S268" s="124">
        <f t="shared" si="4"/>
        <v>1.289054504988963</v>
      </c>
    </row>
    <row r="269" spans="2:19" x14ac:dyDescent="0.3">
      <c r="B269" s="44">
        <v>262</v>
      </c>
      <c r="C269" s="56">
        <f>Jesper!AM263</f>
        <v>7.6385367288660451</v>
      </c>
      <c r="D269" s="59">
        <f>Jesper!AN263</f>
        <v>25.461789096220151</v>
      </c>
      <c r="E269" s="59">
        <f>Jesper!AO263</f>
        <v>38.192683644330224</v>
      </c>
      <c r="F269" s="59">
        <f>Jesper!AP263</f>
        <v>183.32488149278507</v>
      </c>
      <c r="G269" s="58">
        <f>Jesper!AQ263</f>
        <v>0</v>
      </c>
      <c r="H269" s="44">
        <v>262</v>
      </c>
      <c r="I269" s="56">
        <f>Bühler!I295</f>
        <v>0.2231055874019359</v>
      </c>
      <c r="J269" s="59">
        <f>Bühler!J295</f>
        <v>0.74368529133978634</v>
      </c>
      <c r="K269" s="59">
        <f>Bühler!K295</f>
        <v>1.1155279370096793</v>
      </c>
      <c r="L269" s="59">
        <f>Bühler!L295</f>
        <v>5.3545340976464608</v>
      </c>
      <c r="M269" s="58">
        <f>Bühler!M295</f>
        <v>0</v>
      </c>
      <c r="N269" s="56">
        <f>IF(Input!$D$19=1,J269*Input!$C$19,0)+IF(Input!$D$20=1,K269*Input!$C$20,0)+IF(Input!$D$21=1,L269*Input!$C$21,0)+IF(Input!$D$22=1,M269*Input!$C$22,0)</f>
        <v>0.2231055874019359</v>
      </c>
      <c r="O269" s="59">
        <f>IF(Input!$D$19=2,J269*Input!$C$19,0)+IF(Input!$D$20=2,K269*Input!$C$20,0)+IF(Input!$D$21=2,L269*Input!$C$21,0)+IF(Input!$D$22=2,M269*Input!$C$22,0)</f>
        <v>0.55776396850483967</v>
      </c>
      <c r="P269" s="59">
        <f>IF(Input!$D$19=3,J269*Input!$C$19,0)+IF(Input!$D$20=3,K269*Input!$C$20,0)+IF(Input!$D$21=3,L269*Input!$C$21,0)+IF(Input!$D$22=3,M269*Input!$C$22,0)</f>
        <v>0</v>
      </c>
      <c r="Q269" s="75">
        <f>IF(Input!$D$19=4,J269*Input!$C$19,0)+IF(Input!$D$20=4,K269*Input!$C$20,0)+IF(Input!$D$21=4,L269*Input!$C$21,0)+IF(Input!$D$22=4,M269*Input!$C$22,0)</f>
        <v>0</v>
      </c>
      <c r="R269" s="58">
        <v>62.549344922747622</v>
      </c>
      <c r="S269" s="124">
        <f t="shared" si="4"/>
        <v>0.9667908787417222</v>
      </c>
    </row>
    <row r="270" spans="2:19" x14ac:dyDescent="0.3">
      <c r="B270" s="44">
        <v>263</v>
      </c>
      <c r="C270" s="56">
        <f>Jesper!AM264</f>
        <v>7.7222724096848365</v>
      </c>
      <c r="D270" s="59">
        <f>Jesper!AN264</f>
        <v>25.740908032282789</v>
      </c>
      <c r="E270" s="59">
        <f>Jesper!AO264</f>
        <v>38.611362048424184</v>
      </c>
      <c r="F270" s="59">
        <f>Jesper!AP264</f>
        <v>185.33453783243607</v>
      </c>
      <c r="G270" s="58">
        <f>Jesper!AQ264</f>
        <v>0</v>
      </c>
      <c r="H270" s="44">
        <v>263</v>
      </c>
      <c r="I270" s="56">
        <f>Bühler!I296</f>
        <v>0.2231055874019359</v>
      </c>
      <c r="J270" s="59">
        <f>Bühler!J296</f>
        <v>0.74368529133978634</v>
      </c>
      <c r="K270" s="59">
        <f>Bühler!K296</f>
        <v>1.1155279370096793</v>
      </c>
      <c r="L270" s="59">
        <f>Bühler!L296</f>
        <v>5.3545340976464608</v>
      </c>
      <c r="M270" s="58">
        <f>Bühler!M296</f>
        <v>0</v>
      </c>
      <c r="N270" s="56">
        <f>IF(Input!$D$19=1,J270*Input!$C$19,0)+IF(Input!$D$20=1,K270*Input!$C$20,0)+IF(Input!$D$21=1,L270*Input!$C$21,0)+IF(Input!$D$22=1,M270*Input!$C$22,0)</f>
        <v>0.2231055874019359</v>
      </c>
      <c r="O270" s="59">
        <f>IF(Input!$D$19=2,J270*Input!$C$19,0)+IF(Input!$D$20=2,K270*Input!$C$20,0)+IF(Input!$D$21=2,L270*Input!$C$21,0)+IF(Input!$D$22=2,M270*Input!$C$22,0)</f>
        <v>0.55776396850483967</v>
      </c>
      <c r="P270" s="59">
        <f>IF(Input!$D$19=3,J270*Input!$C$19,0)+IF(Input!$D$20=3,K270*Input!$C$20,0)+IF(Input!$D$21=3,L270*Input!$C$21,0)+IF(Input!$D$22=3,M270*Input!$C$22,0)</f>
        <v>0</v>
      </c>
      <c r="Q270" s="75">
        <f>IF(Input!$D$19=4,J270*Input!$C$19,0)+IF(Input!$D$20=4,K270*Input!$C$20,0)+IF(Input!$D$21=4,L270*Input!$C$21,0)+IF(Input!$D$22=4,M270*Input!$C$22,0)</f>
        <v>0</v>
      </c>
      <c r="R270" s="58">
        <v>62.513755985245609</v>
      </c>
      <c r="S270" s="124">
        <f t="shared" si="4"/>
        <v>0.9667908787417222</v>
      </c>
    </row>
    <row r="271" spans="2:19" x14ac:dyDescent="0.3">
      <c r="B271" s="44">
        <v>264</v>
      </c>
      <c r="C271" s="56">
        <f>Jesper!AM265</f>
        <v>7.6441191075872963</v>
      </c>
      <c r="D271" s="59">
        <f>Jesper!AN265</f>
        <v>25.480397025290991</v>
      </c>
      <c r="E271" s="59">
        <f>Jesper!AO265</f>
        <v>38.220595537936482</v>
      </c>
      <c r="F271" s="59">
        <f>Jesper!AP265</f>
        <v>183.4588585820951</v>
      </c>
      <c r="G271" s="58">
        <f>Jesper!AQ265</f>
        <v>0</v>
      </c>
      <c r="H271" s="44">
        <v>264</v>
      </c>
      <c r="I271" s="56">
        <f>Bühler!I297</f>
        <v>0.2231055874019359</v>
      </c>
      <c r="J271" s="59">
        <f>Bühler!J297</f>
        <v>0.74368529133978634</v>
      </c>
      <c r="K271" s="59">
        <f>Bühler!K297</f>
        <v>1.1155279370096793</v>
      </c>
      <c r="L271" s="59">
        <f>Bühler!L297</f>
        <v>5.3545340976464608</v>
      </c>
      <c r="M271" s="58">
        <f>Bühler!M297</f>
        <v>0</v>
      </c>
      <c r="N271" s="56">
        <f>IF(Input!$D$19=1,J271*Input!$C$19,0)+IF(Input!$D$20=1,K271*Input!$C$20,0)+IF(Input!$D$21=1,L271*Input!$C$21,0)+IF(Input!$D$22=1,M271*Input!$C$22,0)</f>
        <v>0.2231055874019359</v>
      </c>
      <c r="O271" s="59">
        <f>IF(Input!$D$19=2,J271*Input!$C$19,0)+IF(Input!$D$20=2,K271*Input!$C$20,0)+IF(Input!$D$21=2,L271*Input!$C$21,0)+IF(Input!$D$22=2,M271*Input!$C$22,0)</f>
        <v>0.55776396850483967</v>
      </c>
      <c r="P271" s="59">
        <f>IF(Input!$D$19=3,J271*Input!$C$19,0)+IF(Input!$D$20=3,K271*Input!$C$20,0)+IF(Input!$D$21=3,L271*Input!$C$21,0)+IF(Input!$D$22=3,M271*Input!$C$22,0)</f>
        <v>0</v>
      </c>
      <c r="Q271" s="75">
        <f>IF(Input!$D$19=4,J271*Input!$C$19,0)+IF(Input!$D$20=4,K271*Input!$C$20,0)+IF(Input!$D$21=4,L271*Input!$C$21,0)+IF(Input!$D$22=4,M271*Input!$C$22,0)</f>
        <v>0</v>
      </c>
      <c r="R271" s="58">
        <v>61.025963129268753</v>
      </c>
      <c r="S271" s="124">
        <f t="shared" si="4"/>
        <v>0.9667908787417222</v>
      </c>
    </row>
    <row r="272" spans="2:19" x14ac:dyDescent="0.3">
      <c r="B272" s="44">
        <v>265</v>
      </c>
      <c r="C272" s="56">
        <f>Jesper!AM266</f>
        <v>3.1918156356875702</v>
      </c>
      <c r="D272" s="59">
        <f>Jesper!AN266</f>
        <v>10.639385452291902</v>
      </c>
      <c r="E272" s="59">
        <f>Jesper!AO266</f>
        <v>15.959078178437855</v>
      </c>
      <c r="F272" s="59">
        <f>Jesper!AP266</f>
        <v>221.39330286582896</v>
      </c>
      <c r="G272" s="58">
        <f>Jesper!AQ266</f>
        <v>0</v>
      </c>
      <c r="H272" s="44">
        <v>265</v>
      </c>
      <c r="I272" s="56">
        <f>Bühler!I298</f>
        <v>0.24550365693724796</v>
      </c>
      <c r="J272" s="59">
        <f>Bühler!J298</f>
        <v>0.81834552312415987</v>
      </c>
      <c r="K272" s="59">
        <f>Bühler!K298</f>
        <v>1.2275182846862398</v>
      </c>
      <c r="L272" s="59">
        <f>Bühler!L298</f>
        <v>5.8920877664939511</v>
      </c>
      <c r="M272" s="58">
        <f>Bühler!M298</f>
        <v>0</v>
      </c>
      <c r="N272" s="56">
        <f>IF(Input!$D$19=1,J272*Input!$C$19,0)+IF(Input!$D$20=1,K272*Input!$C$20,0)+IF(Input!$D$21=1,L272*Input!$C$21,0)+IF(Input!$D$22=1,M272*Input!$C$22,0)</f>
        <v>0.24550365693724796</v>
      </c>
      <c r="O272" s="59">
        <f>IF(Input!$D$19=2,J272*Input!$C$19,0)+IF(Input!$D$20=2,K272*Input!$C$20,0)+IF(Input!$D$21=2,L272*Input!$C$21,0)+IF(Input!$D$22=2,M272*Input!$C$22,0)</f>
        <v>0.6137591423431199</v>
      </c>
      <c r="P272" s="59">
        <f>IF(Input!$D$19=3,J272*Input!$C$19,0)+IF(Input!$D$20=3,K272*Input!$C$20,0)+IF(Input!$D$21=3,L272*Input!$C$21,0)+IF(Input!$D$22=3,M272*Input!$C$22,0)</f>
        <v>0</v>
      </c>
      <c r="Q272" s="75">
        <f>IF(Input!$D$19=4,J272*Input!$C$19,0)+IF(Input!$D$20=4,K272*Input!$C$20,0)+IF(Input!$D$21=4,L272*Input!$C$21,0)+IF(Input!$D$22=4,M272*Input!$C$22,0)</f>
        <v>0</v>
      </c>
      <c r="R272" s="58">
        <v>59.944594629367025</v>
      </c>
      <c r="S272" s="124">
        <f t="shared" si="4"/>
        <v>1.0638491800614078</v>
      </c>
    </row>
    <row r="273" spans="2:19" x14ac:dyDescent="0.3">
      <c r="B273" s="44">
        <v>266</v>
      </c>
      <c r="C273" s="56">
        <f>Jesper!AM267</f>
        <v>3.4217892629998947</v>
      </c>
      <c r="D273" s="59">
        <f>Jesper!AN267</f>
        <v>11.405964209999651</v>
      </c>
      <c r="E273" s="59">
        <f>Jesper!AO267</f>
        <v>17.108946314999475</v>
      </c>
      <c r="F273" s="59">
        <f>Jesper!AP267</f>
        <v>226.58063928372931</v>
      </c>
      <c r="G273" s="58">
        <f>Jesper!AQ267</f>
        <v>0</v>
      </c>
      <c r="H273" s="44">
        <v>266</v>
      </c>
      <c r="I273" s="56">
        <f>Bühler!I299</f>
        <v>0.24550365693724796</v>
      </c>
      <c r="J273" s="59">
        <f>Bühler!J299</f>
        <v>0.81834552312415987</v>
      </c>
      <c r="K273" s="59">
        <f>Bühler!K299</f>
        <v>1.2275182846862398</v>
      </c>
      <c r="L273" s="59">
        <f>Bühler!L299</f>
        <v>5.8920877664939511</v>
      </c>
      <c r="M273" s="58">
        <f>Bühler!M299</f>
        <v>0</v>
      </c>
      <c r="N273" s="56">
        <f>IF(Input!$D$19=1,J273*Input!$C$19,0)+IF(Input!$D$20=1,K273*Input!$C$20,0)+IF(Input!$D$21=1,L273*Input!$C$21,0)+IF(Input!$D$22=1,M273*Input!$C$22,0)</f>
        <v>0.24550365693724796</v>
      </c>
      <c r="O273" s="59">
        <f>IF(Input!$D$19=2,J273*Input!$C$19,0)+IF(Input!$D$20=2,K273*Input!$C$20,0)+IF(Input!$D$21=2,L273*Input!$C$21,0)+IF(Input!$D$22=2,M273*Input!$C$22,0)</f>
        <v>0.6137591423431199</v>
      </c>
      <c r="P273" s="59">
        <f>IF(Input!$D$19=3,J273*Input!$C$19,0)+IF(Input!$D$20=3,K273*Input!$C$20,0)+IF(Input!$D$21=3,L273*Input!$C$21,0)+IF(Input!$D$22=3,M273*Input!$C$22,0)</f>
        <v>0</v>
      </c>
      <c r="Q273" s="75">
        <f>IF(Input!$D$19=4,J273*Input!$C$19,0)+IF(Input!$D$20=4,K273*Input!$C$20,0)+IF(Input!$D$21=4,L273*Input!$C$21,0)+IF(Input!$D$22=4,M273*Input!$C$22,0)</f>
        <v>0</v>
      </c>
      <c r="R273" s="58">
        <v>59.620162733761809</v>
      </c>
      <c r="S273" s="124">
        <f t="shared" si="4"/>
        <v>1.0638491800614078</v>
      </c>
    </row>
    <row r="274" spans="2:19" x14ac:dyDescent="0.3">
      <c r="B274" s="44">
        <v>267</v>
      </c>
      <c r="C274" s="56">
        <f>Jesper!AM268</f>
        <v>7.7613490607336058</v>
      </c>
      <c r="D274" s="59">
        <f>Jesper!AN268</f>
        <v>25.871163535778688</v>
      </c>
      <c r="E274" s="59">
        <f>Jesper!AO268</f>
        <v>38.806745303668031</v>
      </c>
      <c r="F274" s="59">
        <f>Jesper!AP268</f>
        <v>186.27237745760652</v>
      </c>
      <c r="G274" s="58">
        <f>Jesper!AQ268</f>
        <v>0</v>
      </c>
      <c r="H274" s="44">
        <v>267</v>
      </c>
      <c r="I274" s="56">
        <f>Bühler!I300</f>
        <v>0.24550365693724796</v>
      </c>
      <c r="J274" s="59">
        <f>Bühler!J300</f>
        <v>0.81834552312415987</v>
      </c>
      <c r="K274" s="59">
        <f>Bühler!K300</f>
        <v>1.2275182846862398</v>
      </c>
      <c r="L274" s="59">
        <f>Bühler!L300</f>
        <v>5.8920877664939511</v>
      </c>
      <c r="M274" s="58">
        <f>Bühler!M300</f>
        <v>0</v>
      </c>
      <c r="N274" s="56">
        <f>IF(Input!$D$19=1,J274*Input!$C$19,0)+IF(Input!$D$20=1,K274*Input!$C$20,0)+IF(Input!$D$21=1,L274*Input!$C$21,0)+IF(Input!$D$22=1,M274*Input!$C$22,0)</f>
        <v>0.24550365693724796</v>
      </c>
      <c r="O274" s="59">
        <f>IF(Input!$D$19=2,J274*Input!$C$19,0)+IF(Input!$D$20=2,K274*Input!$C$20,0)+IF(Input!$D$21=2,L274*Input!$C$21,0)+IF(Input!$D$22=2,M274*Input!$C$22,0)</f>
        <v>0.6137591423431199</v>
      </c>
      <c r="P274" s="59">
        <f>IF(Input!$D$19=3,J274*Input!$C$19,0)+IF(Input!$D$20=3,K274*Input!$C$20,0)+IF(Input!$D$21=3,L274*Input!$C$21,0)+IF(Input!$D$22=3,M274*Input!$C$22,0)</f>
        <v>0</v>
      </c>
      <c r="Q274" s="75">
        <f>IF(Input!$D$19=4,J274*Input!$C$19,0)+IF(Input!$D$20=4,K274*Input!$C$20,0)+IF(Input!$D$21=4,L274*Input!$C$21,0)+IF(Input!$D$22=4,M274*Input!$C$22,0)</f>
        <v>0</v>
      </c>
      <c r="R274" s="58">
        <v>59.820879504524584</v>
      </c>
      <c r="S274" s="124">
        <f t="shared" si="4"/>
        <v>1.0638491800614078</v>
      </c>
    </row>
    <row r="275" spans="2:19" x14ac:dyDescent="0.3">
      <c r="B275" s="44">
        <v>268</v>
      </c>
      <c r="C275" s="56">
        <f>Jesper!AM269</f>
        <v>7.5436362906047449</v>
      </c>
      <c r="D275" s="59">
        <f>Jesper!AN269</f>
        <v>25.145454302015821</v>
      </c>
      <c r="E275" s="59">
        <f>Jesper!AO269</f>
        <v>37.718181453023725</v>
      </c>
      <c r="F275" s="59">
        <f>Jesper!AP269</f>
        <v>181.04727097451388</v>
      </c>
      <c r="G275" s="58">
        <f>Jesper!AQ269</f>
        <v>0</v>
      </c>
      <c r="H275" s="44">
        <v>268</v>
      </c>
      <c r="I275" s="56">
        <f>Bühler!I301</f>
        <v>0.24550365693724796</v>
      </c>
      <c r="J275" s="59">
        <f>Bühler!J301</f>
        <v>0.81834552312415987</v>
      </c>
      <c r="K275" s="59">
        <f>Bühler!K301</f>
        <v>1.2275182846862398</v>
      </c>
      <c r="L275" s="59">
        <f>Bühler!L301</f>
        <v>5.8920877664939511</v>
      </c>
      <c r="M275" s="58">
        <f>Bühler!M301</f>
        <v>0</v>
      </c>
      <c r="N275" s="56">
        <f>IF(Input!$D$19=1,J275*Input!$C$19,0)+IF(Input!$D$20=1,K275*Input!$C$20,0)+IF(Input!$D$21=1,L275*Input!$C$21,0)+IF(Input!$D$22=1,M275*Input!$C$22,0)</f>
        <v>0.24550365693724796</v>
      </c>
      <c r="O275" s="59">
        <f>IF(Input!$D$19=2,J275*Input!$C$19,0)+IF(Input!$D$20=2,K275*Input!$C$20,0)+IF(Input!$D$21=2,L275*Input!$C$21,0)+IF(Input!$D$22=2,M275*Input!$C$22,0)</f>
        <v>0.6137591423431199</v>
      </c>
      <c r="P275" s="59">
        <f>IF(Input!$D$19=3,J275*Input!$C$19,0)+IF(Input!$D$20=3,K275*Input!$C$20,0)+IF(Input!$D$21=3,L275*Input!$C$21,0)+IF(Input!$D$22=3,M275*Input!$C$22,0)</f>
        <v>0</v>
      </c>
      <c r="Q275" s="75">
        <f>IF(Input!$D$19=4,J275*Input!$C$19,0)+IF(Input!$D$20=4,K275*Input!$C$20,0)+IF(Input!$D$21=4,L275*Input!$C$21,0)+IF(Input!$D$22=4,M275*Input!$C$22,0)</f>
        <v>0</v>
      </c>
      <c r="R275" s="58">
        <v>59.999888080591781</v>
      </c>
      <c r="S275" s="124">
        <f t="shared" si="4"/>
        <v>1.0638491800614078</v>
      </c>
    </row>
    <row r="276" spans="2:19" x14ac:dyDescent="0.3">
      <c r="B276" s="44">
        <v>269</v>
      </c>
      <c r="C276" s="56">
        <f>Jesper!AM270</f>
        <v>7.5715481842110099</v>
      </c>
      <c r="D276" s="59">
        <f>Jesper!AN270</f>
        <v>25.238493947370035</v>
      </c>
      <c r="E276" s="59">
        <f>Jesper!AO270</f>
        <v>37.857740921055047</v>
      </c>
      <c r="F276" s="59">
        <f>Jesper!AP270</f>
        <v>181.71715642106423</v>
      </c>
      <c r="G276" s="58">
        <f>Jesper!AQ270</f>
        <v>0</v>
      </c>
      <c r="H276" s="44">
        <v>269</v>
      </c>
      <c r="I276" s="56">
        <f>Bühler!I302</f>
        <v>0.24550365693724796</v>
      </c>
      <c r="J276" s="59">
        <f>Bühler!J302</f>
        <v>0.81834552312415987</v>
      </c>
      <c r="K276" s="59">
        <f>Bühler!K302</f>
        <v>1.2275182846862398</v>
      </c>
      <c r="L276" s="59">
        <f>Bühler!L302</f>
        <v>5.8920877664939511</v>
      </c>
      <c r="M276" s="58">
        <f>Bühler!M302</f>
        <v>0</v>
      </c>
      <c r="N276" s="56">
        <f>IF(Input!$D$19=1,J276*Input!$C$19,0)+IF(Input!$D$20=1,K276*Input!$C$20,0)+IF(Input!$D$21=1,L276*Input!$C$21,0)+IF(Input!$D$22=1,M276*Input!$C$22,0)</f>
        <v>0.24550365693724796</v>
      </c>
      <c r="O276" s="59">
        <f>IF(Input!$D$19=2,J276*Input!$C$19,0)+IF(Input!$D$20=2,K276*Input!$C$20,0)+IF(Input!$D$21=2,L276*Input!$C$21,0)+IF(Input!$D$22=2,M276*Input!$C$22,0)</f>
        <v>0.6137591423431199</v>
      </c>
      <c r="P276" s="59">
        <f>IF(Input!$D$19=3,J276*Input!$C$19,0)+IF(Input!$D$20=3,K276*Input!$C$20,0)+IF(Input!$D$21=3,L276*Input!$C$21,0)+IF(Input!$D$22=3,M276*Input!$C$22,0)</f>
        <v>0</v>
      </c>
      <c r="Q276" s="75">
        <f>IF(Input!$D$19=4,J276*Input!$C$19,0)+IF(Input!$D$20=4,K276*Input!$C$20,0)+IF(Input!$D$21=4,L276*Input!$C$21,0)+IF(Input!$D$22=4,M276*Input!$C$22,0)</f>
        <v>0</v>
      </c>
      <c r="R276" s="58">
        <v>61.27941938715675</v>
      </c>
      <c r="S276" s="124">
        <f t="shared" si="4"/>
        <v>1.0638491800614078</v>
      </c>
    </row>
    <row r="277" spans="2:19" x14ac:dyDescent="0.3">
      <c r="B277" s="44">
        <v>270</v>
      </c>
      <c r="C277" s="56">
        <f>Jesper!AM271</f>
        <v>7.6329543501447912</v>
      </c>
      <c r="D277" s="59">
        <f>Jesper!AN271</f>
        <v>25.443181167149305</v>
      </c>
      <c r="E277" s="59">
        <f>Jesper!AO271</f>
        <v>38.164771750723958</v>
      </c>
      <c r="F277" s="59">
        <f>Jesper!AP271</f>
        <v>183.190904403475</v>
      </c>
      <c r="G277" s="58">
        <f>Jesper!AQ271</f>
        <v>0</v>
      </c>
      <c r="H277" s="44">
        <v>270</v>
      </c>
      <c r="I277" s="56">
        <f>Bühler!I303</f>
        <v>0.3164269356080085</v>
      </c>
      <c r="J277" s="59">
        <f>Bühler!J303</f>
        <v>1.0547564520266952</v>
      </c>
      <c r="K277" s="59">
        <f>Bühler!K303</f>
        <v>1.5821346780400425</v>
      </c>
      <c r="L277" s="59">
        <f>Bühler!L303</f>
        <v>7.5942464545922039</v>
      </c>
      <c r="M277" s="58">
        <f>Bühler!M303</f>
        <v>0</v>
      </c>
      <c r="N277" s="56">
        <f>IF(Input!$D$19=1,J277*Input!$C$19,0)+IF(Input!$D$20=1,K277*Input!$C$20,0)+IF(Input!$D$21=1,L277*Input!$C$21,0)+IF(Input!$D$22=1,M277*Input!$C$22,0)</f>
        <v>0.31642693560800855</v>
      </c>
      <c r="O277" s="59">
        <f>IF(Input!$D$19=2,J277*Input!$C$19,0)+IF(Input!$D$20=2,K277*Input!$C$20,0)+IF(Input!$D$21=2,L277*Input!$C$21,0)+IF(Input!$D$22=2,M277*Input!$C$22,0)</f>
        <v>0.79106733902002124</v>
      </c>
      <c r="P277" s="59">
        <f>IF(Input!$D$19=3,J277*Input!$C$19,0)+IF(Input!$D$20=3,K277*Input!$C$20,0)+IF(Input!$D$21=3,L277*Input!$C$21,0)+IF(Input!$D$22=3,M277*Input!$C$22,0)</f>
        <v>0</v>
      </c>
      <c r="Q277" s="75">
        <f>IF(Input!$D$19=4,J277*Input!$C$19,0)+IF(Input!$D$20=4,K277*Input!$C$20,0)+IF(Input!$D$21=4,L277*Input!$C$21,0)+IF(Input!$D$22=4,M277*Input!$C$22,0)</f>
        <v>0</v>
      </c>
      <c r="R277" s="58">
        <v>63.901023278116867</v>
      </c>
      <c r="S277" s="124">
        <f t="shared" si="4"/>
        <v>1.3711833876347037</v>
      </c>
    </row>
    <row r="278" spans="2:19" x14ac:dyDescent="0.3">
      <c r="B278" s="44">
        <v>271</v>
      </c>
      <c r="C278" s="56">
        <f>Jesper!AM272</f>
        <v>7.5938776990960202</v>
      </c>
      <c r="D278" s="59">
        <f>Jesper!AN272</f>
        <v>25.312925663653402</v>
      </c>
      <c r="E278" s="59">
        <f>Jesper!AO272</f>
        <v>37.969388495480104</v>
      </c>
      <c r="F278" s="59">
        <f>Jesper!AP272</f>
        <v>182.25306477830449</v>
      </c>
      <c r="G278" s="58">
        <f>Jesper!AQ272</f>
        <v>0</v>
      </c>
      <c r="H278" s="44">
        <v>271</v>
      </c>
      <c r="I278" s="56">
        <f>Bühler!I304</f>
        <v>0.38189457745794131</v>
      </c>
      <c r="J278" s="59">
        <f>Bühler!J304</f>
        <v>1.2729819248598044</v>
      </c>
      <c r="K278" s="59">
        <f>Bühler!K304</f>
        <v>1.9094728872897067</v>
      </c>
      <c r="L278" s="59">
        <f>Bühler!L304</f>
        <v>9.1654698589905923</v>
      </c>
      <c r="M278" s="58">
        <f>Bühler!M304</f>
        <v>0</v>
      </c>
      <c r="N278" s="56">
        <f>IF(Input!$D$19=1,J278*Input!$C$19,0)+IF(Input!$D$20=1,K278*Input!$C$20,0)+IF(Input!$D$21=1,L278*Input!$C$21,0)+IF(Input!$D$22=1,M278*Input!$C$22,0)</f>
        <v>0.38189457745794131</v>
      </c>
      <c r="O278" s="59">
        <f>IF(Input!$D$19=2,J278*Input!$C$19,0)+IF(Input!$D$20=2,K278*Input!$C$20,0)+IF(Input!$D$21=2,L278*Input!$C$21,0)+IF(Input!$D$22=2,M278*Input!$C$22,0)</f>
        <v>0.95473644364485333</v>
      </c>
      <c r="P278" s="59">
        <f>IF(Input!$D$19=3,J278*Input!$C$19,0)+IF(Input!$D$20=3,K278*Input!$C$20,0)+IF(Input!$D$21=3,L278*Input!$C$21,0)+IF(Input!$D$22=3,M278*Input!$C$22,0)</f>
        <v>0</v>
      </c>
      <c r="Q278" s="75">
        <f>IF(Input!$D$19=4,J278*Input!$C$19,0)+IF(Input!$D$20=4,K278*Input!$C$20,0)+IF(Input!$D$21=4,L278*Input!$C$21,0)+IF(Input!$D$22=4,M278*Input!$C$22,0)</f>
        <v>0</v>
      </c>
      <c r="R278" s="58">
        <v>67.46138531299448</v>
      </c>
      <c r="S278" s="124">
        <f t="shared" si="4"/>
        <v>1.6548765023177459</v>
      </c>
    </row>
    <row r="279" spans="2:19" x14ac:dyDescent="0.3">
      <c r="B279" s="44">
        <v>272</v>
      </c>
      <c r="C279" s="56">
        <f>Jesper!AM273</f>
        <v>3.1564350776395202</v>
      </c>
      <c r="D279" s="59">
        <f>Jesper!AN273</f>
        <v>10.521450258798403</v>
      </c>
      <c r="E279" s="59">
        <f>Jesper!AO273</f>
        <v>15.782175388197604</v>
      </c>
      <c r="F279" s="59">
        <f>Jesper!AP273</f>
        <v>220.59525110922891</v>
      </c>
      <c r="G279" s="58">
        <f>Jesper!AQ273</f>
        <v>0</v>
      </c>
      <c r="H279" s="44">
        <v>272</v>
      </c>
      <c r="I279" s="56">
        <f>Bühler!I305</f>
        <v>0.38189457745794131</v>
      </c>
      <c r="J279" s="59">
        <f>Bühler!J305</f>
        <v>1.2729819248598044</v>
      </c>
      <c r="K279" s="59">
        <f>Bühler!K305</f>
        <v>1.9094728872897067</v>
      </c>
      <c r="L279" s="59">
        <f>Bühler!L305</f>
        <v>9.1654698589905923</v>
      </c>
      <c r="M279" s="58">
        <f>Bühler!M305</f>
        <v>0</v>
      </c>
      <c r="N279" s="56">
        <f>IF(Input!$D$19=1,J279*Input!$C$19,0)+IF(Input!$D$20=1,K279*Input!$C$20,0)+IF(Input!$D$21=1,L279*Input!$C$21,0)+IF(Input!$D$22=1,M279*Input!$C$22,0)</f>
        <v>0.38189457745794131</v>
      </c>
      <c r="O279" s="59">
        <f>IF(Input!$D$19=2,J279*Input!$C$19,0)+IF(Input!$D$20=2,K279*Input!$C$20,0)+IF(Input!$D$21=2,L279*Input!$C$21,0)+IF(Input!$D$22=2,M279*Input!$C$22,0)</f>
        <v>0.95473644364485333</v>
      </c>
      <c r="P279" s="59">
        <f>IF(Input!$D$19=3,J279*Input!$C$19,0)+IF(Input!$D$20=3,K279*Input!$C$20,0)+IF(Input!$D$21=3,L279*Input!$C$21,0)+IF(Input!$D$22=3,M279*Input!$C$22,0)</f>
        <v>0</v>
      </c>
      <c r="Q279" s="75">
        <f>IF(Input!$D$19=4,J279*Input!$C$19,0)+IF(Input!$D$20=4,K279*Input!$C$20,0)+IF(Input!$D$21=4,L279*Input!$C$21,0)+IF(Input!$D$22=4,M279*Input!$C$22,0)</f>
        <v>0</v>
      </c>
      <c r="R279" s="58">
        <v>68.894892942505791</v>
      </c>
      <c r="S279" s="124">
        <f t="shared" si="4"/>
        <v>1.6548765023177459</v>
      </c>
    </row>
    <row r="280" spans="2:19" x14ac:dyDescent="0.3">
      <c r="B280" s="44">
        <v>273</v>
      </c>
      <c r="C280" s="56">
        <f>Jesper!AM274</f>
        <v>3.4217892629998947</v>
      </c>
      <c r="D280" s="59">
        <f>Jesper!AN274</f>
        <v>11.405964209999651</v>
      </c>
      <c r="E280" s="59">
        <f>Jesper!AO274</f>
        <v>17.108946314999475</v>
      </c>
      <c r="F280" s="59">
        <f>Jesper!AP274</f>
        <v>226.58063928372931</v>
      </c>
      <c r="G280" s="58">
        <f>Jesper!AQ274</f>
        <v>0</v>
      </c>
      <c r="H280" s="44">
        <v>273</v>
      </c>
      <c r="I280" s="56">
        <f>Bühler!I306</f>
        <v>0.38189457745794131</v>
      </c>
      <c r="J280" s="59">
        <f>Bühler!J306</f>
        <v>1.2729819248598044</v>
      </c>
      <c r="K280" s="59">
        <f>Bühler!K306</f>
        <v>1.9094728872897067</v>
      </c>
      <c r="L280" s="59">
        <f>Bühler!L306</f>
        <v>9.1654698589905923</v>
      </c>
      <c r="M280" s="58">
        <f>Bühler!M306</f>
        <v>0</v>
      </c>
      <c r="N280" s="56">
        <f>IF(Input!$D$19=1,J280*Input!$C$19,0)+IF(Input!$D$20=1,K280*Input!$C$20,0)+IF(Input!$D$21=1,L280*Input!$C$21,0)+IF(Input!$D$22=1,M280*Input!$C$22,0)</f>
        <v>0.38189457745794131</v>
      </c>
      <c r="O280" s="59">
        <f>IF(Input!$D$19=2,J280*Input!$C$19,0)+IF(Input!$D$20=2,K280*Input!$C$20,0)+IF(Input!$D$21=2,L280*Input!$C$21,0)+IF(Input!$D$22=2,M280*Input!$C$22,0)</f>
        <v>0.95473644364485333</v>
      </c>
      <c r="P280" s="59">
        <f>IF(Input!$D$19=3,J280*Input!$C$19,0)+IF(Input!$D$20=3,K280*Input!$C$20,0)+IF(Input!$D$21=3,L280*Input!$C$21,0)+IF(Input!$D$22=3,M280*Input!$C$22,0)</f>
        <v>0</v>
      </c>
      <c r="Q280" s="75">
        <f>IF(Input!$D$19=4,J280*Input!$C$19,0)+IF(Input!$D$20=4,K280*Input!$C$20,0)+IF(Input!$D$21=4,L280*Input!$C$21,0)+IF(Input!$D$22=4,M280*Input!$C$22,0)</f>
        <v>0</v>
      </c>
      <c r="R280" s="58">
        <v>69.669197495134412</v>
      </c>
      <c r="S280" s="124">
        <f t="shared" si="4"/>
        <v>1.6548765023177459</v>
      </c>
    </row>
    <row r="281" spans="2:19" x14ac:dyDescent="0.3">
      <c r="B281" s="44">
        <v>274</v>
      </c>
      <c r="C281" s="56">
        <f>Jesper!AM275</f>
        <v>7.7892609543398708</v>
      </c>
      <c r="D281" s="59">
        <f>Jesper!AN275</f>
        <v>25.964203181132905</v>
      </c>
      <c r="E281" s="59">
        <f>Jesper!AO275</f>
        <v>38.946304771699353</v>
      </c>
      <c r="F281" s="59">
        <f>Jesper!AP275</f>
        <v>186.94226290415691</v>
      </c>
      <c r="G281" s="58">
        <f>Jesper!AQ275</f>
        <v>0</v>
      </c>
      <c r="H281" s="44">
        <v>274</v>
      </c>
      <c r="I281" s="56">
        <f>Bühler!I307</f>
        <v>0.40917276156207999</v>
      </c>
      <c r="J281" s="59">
        <f>Bühler!J307</f>
        <v>1.3639092052069335</v>
      </c>
      <c r="K281" s="59">
        <f>Bühler!K307</f>
        <v>2.0458638078104001</v>
      </c>
      <c r="L281" s="59">
        <f>Bühler!L307</f>
        <v>9.8201462774899202</v>
      </c>
      <c r="M281" s="58">
        <f>Bühler!M307</f>
        <v>0</v>
      </c>
      <c r="N281" s="56">
        <f>IF(Input!$D$19=1,J281*Input!$C$19,0)+IF(Input!$D$20=1,K281*Input!$C$20,0)+IF(Input!$D$21=1,L281*Input!$C$21,0)+IF(Input!$D$22=1,M281*Input!$C$22,0)</f>
        <v>0.40917276156208005</v>
      </c>
      <c r="O281" s="59">
        <f>IF(Input!$D$19=2,J281*Input!$C$19,0)+IF(Input!$D$20=2,K281*Input!$C$20,0)+IF(Input!$D$21=2,L281*Input!$C$21,0)+IF(Input!$D$22=2,M281*Input!$C$22,0)</f>
        <v>1.0229319039052001</v>
      </c>
      <c r="P281" s="59">
        <f>IF(Input!$D$19=3,J281*Input!$C$19,0)+IF(Input!$D$20=3,K281*Input!$C$20,0)+IF(Input!$D$21=3,L281*Input!$C$21,0)+IF(Input!$D$22=3,M281*Input!$C$22,0)</f>
        <v>0</v>
      </c>
      <c r="Q281" s="75">
        <f>IF(Input!$D$19=4,J281*Input!$C$19,0)+IF(Input!$D$20=4,K281*Input!$C$20,0)+IF(Input!$D$21=4,L281*Input!$C$21,0)+IF(Input!$D$22=4,M281*Input!$C$22,0)</f>
        <v>0</v>
      </c>
      <c r="R281" s="58">
        <v>68.382115349274258</v>
      </c>
      <c r="S281" s="124">
        <f t="shared" si="4"/>
        <v>1.7730819667690134</v>
      </c>
    </row>
    <row r="282" spans="2:19" x14ac:dyDescent="0.3">
      <c r="B282" s="44">
        <v>275</v>
      </c>
      <c r="C282" s="56">
        <f>Jesper!AM276</f>
        <v>7.7725138181761126</v>
      </c>
      <c r="D282" s="59">
        <f>Jesper!AN276</f>
        <v>25.908379393920377</v>
      </c>
      <c r="E282" s="59">
        <f>Jesper!AO276</f>
        <v>38.862569090880562</v>
      </c>
      <c r="F282" s="59">
        <f>Jesper!AP276</f>
        <v>186.54033163622671</v>
      </c>
      <c r="G282" s="58">
        <f>Jesper!AQ276</f>
        <v>0</v>
      </c>
      <c r="H282" s="44">
        <v>275</v>
      </c>
      <c r="I282" s="56">
        <f>Bühler!I308</f>
        <v>0.42553967202456316</v>
      </c>
      <c r="J282" s="59">
        <f>Bühler!J308</f>
        <v>1.4184655734152107</v>
      </c>
      <c r="K282" s="59">
        <f>Bühler!K308</f>
        <v>2.1276983601228157</v>
      </c>
      <c r="L282" s="59">
        <f>Bühler!L308</f>
        <v>10.212952128589516</v>
      </c>
      <c r="M282" s="58">
        <f>Bühler!M308</f>
        <v>0</v>
      </c>
      <c r="N282" s="56">
        <f>IF(Input!$D$19=1,J282*Input!$C$19,0)+IF(Input!$D$20=1,K282*Input!$C$20,0)+IF(Input!$D$21=1,L282*Input!$C$21,0)+IF(Input!$D$22=1,M282*Input!$C$22,0)</f>
        <v>0.42553967202456322</v>
      </c>
      <c r="O282" s="59">
        <f>IF(Input!$D$19=2,J282*Input!$C$19,0)+IF(Input!$D$20=2,K282*Input!$C$20,0)+IF(Input!$D$21=2,L282*Input!$C$21,0)+IF(Input!$D$22=2,M282*Input!$C$22,0)</f>
        <v>1.0638491800614078</v>
      </c>
      <c r="P282" s="59">
        <f>IF(Input!$D$19=3,J282*Input!$C$19,0)+IF(Input!$D$20=3,K282*Input!$C$20,0)+IF(Input!$D$21=3,L282*Input!$C$21,0)+IF(Input!$D$22=3,M282*Input!$C$22,0)</f>
        <v>0</v>
      </c>
      <c r="Q282" s="75">
        <f>IF(Input!$D$19=4,J282*Input!$C$19,0)+IF(Input!$D$20=4,K282*Input!$C$20,0)+IF(Input!$D$21=4,L282*Input!$C$21,0)+IF(Input!$D$22=4,M282*Input!$C$22,0)</f>
        <v>0</v>
      </c>
      <c r="R282" s="58">
        <v>68.275221851612969</v>
      </c>
      <c r="S282" s="124">
        <f t="shared" si="4"/>
        <v>1.844005245439774</v>
      </c>
    </row>
    <row r="283" spans="2:19" x14ac:dyDescent="0.3">
      <c r="B283" s="44">
        <v>276</v>
      </c>
      <c r="C283" s="56">
        <f>Jesper!AM277</f>
        <v>7.7892609543398708</v>
      </c>
      <c r="D283" s="59">
        <f>Jesper!AN277</f>
        <v>25.964203181132905</v>
      </c>
      <c r="E283" s="59">
        <f>Jesper!AO277</f>
        <v>38.946304771699353</v>
      </c>
      <c r="F283" s="59">
        <f>Jesper!AP277</f>
        <v>186.94226290415691</v>
      </c>
      <c r="G283" s="58">
        <f>Jesper!AQ277</f>
        <v>0</v>
      </c>
      <c r="H283" s="44">
        <v>276</v>
      </c>
      <c r="I283" s="56">
        <f>Bühler!I309</f>
        <v>0.49100731387449592</v>
      </c>
      <c r="J283" s="59">
        <f>Bühler!J309</f>
        <v>1.6366910462483197</v>
      </c>
      <c r="K283" s="59">
        <f>Bühler!K309</f>
        <v>2.4550365693724796</v>
      </c>
      <c r="L283" s="59">
        <f>Bühler!L309</f>
        <v>11.784175532987902</v>
      </c>
      <c r="M283" s="58">
        <f>Bühler!M309</f>
        <v>0</v>
      </c>
      <c r="N283" s="56">
        <f>IF(Input!$D$19=1,J283*Input!$C$19,0)+IF(Input!$D$20=1,K283*Input!$C$20,0)+IF(Input!$D$21=1,L283*Input!$C$21,0)+IF(Input!$D$22=1,M283*Input!$C$22,0)</f>
        <v>0.49100731387449592</v>
      </c>
      <c r="O283" s="59">
        <f>IF(Input!$D$19=2,J283*Input!$C$19,0)+IF(Input!$D$20=2,K283*Input!$C$20,0)+IF(Input!$D$21=2,L283*Input!$C$21,0)+IF(Input!$D$22=2,M283*Input!$C$22,0)</f>
        <v>1.2275182846862398</v>
      </c>
      <c r="P283" s="59">
        <f>IF(Input!$D$19=3,J283*Input!$C$19,0)+IF(Input!$D$20=3,K283*Input!$C$20,0)+IF(Input!$D$21=3,L283*Input!$C$21,0)+IF(Input!$D$22=3,M283*Input!$C$22,0)</f>
        <v>0</v>
      </c>
      <c r="Q283" s="75">
        <f>IF(Input!$D$19=4,J283*Input!$C$19,0)+IF(Input!$D$20=4,K283*Input!$C$20,0)+IF(Input!$D$21=4,L283*Input!$C$21,0)+IF(Input!$D$22=4,M283*Input!$C$22,0)</f>
        <v>0</v>
      </c>
      <c r="R283" s="58">
        <v>68.925630832978939</v>
      </c>
      <c r="S283" s="124">
        <f t="shared" si="4"/>
        <v>2.1276983601228157</v>
      </c>
    </row>
    <row r="284" spans="2:19" x14ac:dyDescent="0.3">
      <c r="B284" s="44">
        <v>277</v>
      </c>
      <c r="C284" s="56">
        <f>Jesper!AM278</f>
        <v>7.8562494989949059</v>
      </c>
      <c r="D284" s="59">
        <f>Jesper!AN278</f>
        <v>26.187498329983022</v>
      </c>
      <c r="E284" s="59">
        <f>Jesper!AO278</f>
        <v>39.281247494974529</v>
      </c>
      <c r="F284" s="59">
        <f>Jesper!AP278</f>
        <v>188.54998797587774</v>
      </c>
      <c r="G284" s="58">
        <f>Jesper!AQ278</f>
        <v>0</v>
      </c>
      <c r="H284" s="44">
        <v>277</v>
      </c>
      <c r="I284" s="56">
        <f>Bühler!I310</f>
        <v>0.49100731387449592</v>
      </c>
      <c r="J284" s="59">
        <f>Bühler!J310</f>
        <v>1.6366910462483197</v>
      </c>
      <c r="K284" s="59">
        <f>Bühler!K310</f>
        <v>2.4550365693724796</v>
      </c>
      <c r="L284" s="59">
        <f>Bühler!L310</f>
        <v>11.784175532987902</v>
      </c>
      <c r="M284" s="58">
        <f>Bühler!M310</f>
        <v>0</v>
      </c>
      <c r="N284" s="56">
        <f>IF(Input!$D$19=1,J284*Input!$C$19,0)+IF(Input!$D$20=1,K284*Input!$C$20,0)+IF(Input!$D$21=1,L284*Input!$C$21,0)+IF(Input!$D$22=1,M284*Input!$C$22,0)</f>
        <v>0.49100731387449592</v>
      </c>
      <c r="O284" s="59">
        <f>IF(Input!$D$19=2,J284*Input!$C$19,0)+IF(Input!$D$20=2,K284*Input!$C$20,0)+IF(Input!$D$21=2,L284*Input!$C$21,0)+IF(Input!$D$22=2,M284*Input!$C$22,0)</f>
        <v>1.2275182846862398</v>
      </c>
      <c r="P284" s="59">
        <f>IF(Input!$D$19=3,J284*Input!$C$19,0)+IF(Input!$D$20=3,K284*Input!$C$20,0)+IF(Input!$D$21=3,L284*Input!$C$21,0)+IF(Input!$D$22=3,M284*Input!$C$22,0)</f>
        <v>0</v>
      </c>
      <c r="Q284" s="75">
        <f>IF(Input!$D$19=4,J284*Input!$C$19,0)+IF(Input!$D$20=4,K284*Input!$C$20,0)+IF(Input!$D$21=4,L284*Input!$C$21,0)+IF(Input!$D$22=4,M284*Input!$C$22,0)</f>
        <v>0</v>
      </c>
      <c r="R284" s="58">
        <v>67.738243314073017</v>
      </c>
      <c r="S284" s="124">
        <f t="shared" si="4"/>
        <v>2.1276983601228157</v>
      </c>
    </row>
    <row r="285" spans="2:19" x14ac:dyDescent="0.3">
      <c r="B285" s="44">
        <v>278</v>
      </c>
      <c r="C285" s="56">
        <f>Jesper!AM279</f>
        <v>7.9678970734199615</v>
      </c>
      <c r="D285" s="59">
        <f>Jesper!AN279</f>
        <v>26.559656911399873</v>
      </c>
      <c r="E285" s="59">
        <f>Jesper!AO279</f>
        <v>39.839485367099805</v>
      </c>
      <c r="F285" s="59">
        <f>Jesper!AP279</f>
        <v>191.22952976207907</v>
      </c>
      <c r="G285" s="58">
        <f>Jesper!AQ279</f>
        <v>0</v>
      </c>
      <c r="H285" s="44">
        <v>278</v>
      </c>
      <c r="I285" s="56">
        <f>Bühler!I311</f>
        <v>0.49100731387449592</v>
      </c>
      <c r="J285" s="59">
        <f>Bühler!J311</f>
        <v>1.6366910462483197</v>
      </c>
      <c r="K285" s="59">
        <f>Bühler!K311</f>
        <v>2.4550365693724796</v>
      </c>
      <c r="L285" s="59">
        <f>Bühler!L311</f>
        <v>11.784175532987902</v>
      </c>
      <c r="M285" s="58">
        <f>Bühler!M311</f>
        <v>0</v>
      </c>
      <c r="N285" s="56">
        <f>IF(Input!$D$19=1,J285*Input!$C$19,0)+IF(Input!$D$20=1,K285*Input!$C$20,0)+IF(Input!$D$21=1,L285*Input!$C$21,0)+IF(Input!$D$22=1,M285*Input!$C$22,0)</f>
        <v>0.49100731387449592</v>
      </c>
      <c r="O285" s="59">
        <f>IF(Input!$D$19=2,J285*Input!$C$19,0)+IF(Input!$D$20=2,K285*Input!$C$20,0)+IF(Input!$D$21=2,L285*Input!$C$21,0)+IF(Input!$D$22=2,M285*Input!$C$22,0)</f>
        <v>1.2275182846862398</v>
      </c>
      <c r="P285" s="59">
        <f>IF(Input!$D$19=3,J285*Input!$C$19,0)+IF(Input!$D$20=3,K285*Input!$C$20,0)+IF(Input!$D$21=3,L285*Input!$C$21,0)+IF(Input!$D$22=3,M285*Input!$C$22,0)</f>
        <v>0</v>
      </c>
      <c r="Q285" s="75">
        <f>IF(Input!$D$19=4,J285*Input!$C$19,0)+IF(Input!$D$20=4,K285*Input!$C$20,0)+IF(Input!$D$21=4,L285*Input!$C$21,0)+IF(Input!$D$22=4,M285*Input!$C$22,0)</f>
        <v>0</v>
      </c>
      <c r="R285" s="58">
        <v>66.874204953409773</v>
      </c>
      <c r="S285" s="124">
        <f t="shared" si="4"/>
        <v>2.1276983601228157</v>
      </c>
    </row>
    <row r="286" spans="2:19" x14ac:dyDescent="0.3">
      <c r="B286" s="44">
        <v>279</v>
      </c>
      <c r="C286" s="56">
        <f>Jesper!AM280</f>
        <v>4.2355420981050411</v>
      </c>
      <c r="D286" s="59">
        <f>Jesper!AN280</f>
        <v>14.118473660350141</v>
      </c>
      <c r="E286" s="59">
        <f>Jesper!AO280</f>
        <v>21.177710490525211</v>
      </c>
      <c r="F286" s="59">
        <f>Jesper!AP280</f>
        <v>244.93582968553068</v>
      </c>
      <c r="G286" s="58">
        <f>Jesper!AQ280</f>
        <v>0</v>
      </c>
      <c r="H286" s="44">
        <v>279</v>
      </c>
      <c r="I286" s="56">
        <f>Bühler!I312</f>
        <v>0.49100731387449592</v>
      </c>
      <c r="J286" s="59">
        <f>Bühler!J312</f>
        <v>1.6366910462483197</v>
      </c>
      <c r="K286" s="59">
        <f>Bühler!K312</f>
        <v>2.4550365693724796</v>
      </c>
      <c r="L286" s="59">
        <f>Bühler!L312</f>
        <v>11.784175532987902</v>
      </c>
      <c r="M286" s="58">
        <f>Bühler!M312</f>
        <v>0</v>
      </c>
      <c r="N286" s="56">
        <f>IF(Input!$D$19=1,J286*Input!$C$19,0)+IF(Input!$D$20=1,K286*Input!$C$20,0)+IF(Input!$D$21=1,L286*Input!$C$21,0)+IF(Input!$D$22=1,M286*Input!$C$22,0)</f>
        <v>0.49100731387449592</v>
      </c>
      <c r="O286" s="59">
        <f>IF(Input!$D$19=2,J286*Input!$C$19,0)+IF(Input!$D$20=2,K286*Input!$C$20,0)+IF(Input!$D$21=2,L286*Input!$C$21,0)+IF(Input!$D$22=2,M286*Input!$C$22,0)</f>
        <v>1.2275182846862398</v>
      </c>
      <c r="P286" s="59">
        <f>IF(Input!$D$19=3,J286*Input!$C$19,0)+IF(Input!$D$20=3,K286*Input!$C$20,0)+IF(Input!$D$21=3,L286*Input!$C$21,0)+IF(Input!$D$22=3,M286*Input!$C$22,0)</f>
        <v>0</v>
      </c>
      <c r="Q286" s="75">
        <f>IF(Input!$D$19=4,J286*Input!$C$19,0)+IF(Input!$D$20=4,K286*Input!$C$20,0)+IF(Input!$D$21=4,L286*Input!$C$21,0)+IF(Input!$D$22=4,M286*Input!$C$22,0)</f>
        <v>0</v>
      </c>
      <c r="R286" s="58">
        <v>66.899087337933139</v>
      </c>
      <c r="S286" s="124">
        <f t="shared" si="4"/>
        <v>2.1276983601228157</v>
      </c>
    </row>
    <row r="287" spans="2:19" x14ac:dyDescent="0.3">
      <c r="B287" s="44">
        <v>280</v>
      </c>
      <c r="C287" s="56">
        <f>Jesper!AM281</f>
        <v>4.6247282366335893</v>
      </c>
      <c r="D287" s="59">
        <f>Jesper!AN281</f>
        <v>15.415760788778634</v>
      </c>
      <c r="E287" s="59">
        <f>Jesper!AO281</f>
        <v>23.123641183167951</v>
      </c>
      <c r="F287" s="59">
        <f>Jesper!AP281</f>
        <v>253.71439900813135</v>
      </c>
      <c r="G287" s="58">
        <f>Jesper!AQ281</f>
        <v>0</v>
      </c>
      <c r="H287" s="44">
        <v>280</v>
      </c>
      <c r="I287" s="56">
        <f>Bühler!I313</f>
        <v>0.40917276156207999</v>
      </c>
      <c r="J287" s="59">
        <f>Bühler!J313</f>
        <v>1.3639092052069335</v>
      </c>
      <c r="K287" s="59">
        <f>Bühler!K313</f>
        <v>2.0458638078104001</v>
      </c>
      <c r="L287" s="59">
        <f>Bühler!L313</f>
        <v>9.8201462774899202</v>
      </c>
      <c r="M287" s="58">
        <f>Bühler!M313</f>
        <v>0</v>
      </c>
      <c r="N287" s="56">
        <f>IF(Input!$D$19=1,J287*Input!$C$19,0)+IF(Input!$D$20=1,K287*Input!$C$20,0)+IF(Input!$D$21=1,L287*Input!$C$21,0)+IF(Input!$D$22=1,M287*Input!$C$22,0)</f>
        <v>0.40917276156208005</v>
      </c>
      <c r="O287" s="59">
        <f>IF(Input!$D$19=2,J287*Input!$C$19,0)+IF(Input!$D$20=2,K287*Input!$C$20,0)+IF(Input!$D$21=2,L287*Input!$C$21,0)+IF(Input!$D$22=2,M287*Input!$C$22,0)</f>
        <v>1.0229319039052001</v>
      </c>
      <c r="P287" s="59">
        <f>IF(Input!$D$19=3,J287*Input!$C$19,0)+IF(Input!$D$20=3,K287*Input!$C$20,0)+IF(Input!$D$21=3,L287*Input!$C$21,0)+IF(Input!$D$22=3,M287*Input!$C$22,0)</f>
        <v>0</v>
      </c>
      <c r="Q287" s="75">
        <f>IF(Input!$D$19=4,J287*Input!$C$19,0)+IF(Input!$D$20=4,K287*Input!$C$20,0)+IF(Input!$D$21=4,L287*Input!$C$21,0)+IF(Input!$D$22=4,M287*Input!$C$22,0)</f>
        <v>0</v>
      </c>
      <c r="R287" s="58">
        <v>66.165305167162742</v>
      </c>
      <c r="S287" s="124">
        <f t="shared" si="4"/>
        <v>1.7730819667690134</v>
      </c>
    </row>
    <row r="288" spans="2:19" x14ac:dyDescent="0.3">
      <c r="B288" s="44">
        <v>281</v>
      </c>
      <c r="C288" s="56">
        <f>Jesper!AM282</f>
        <v>8.0907094052875248</v>
      </c>
      <c r="D288" s="59">
        <f>Jesper!AN282</f>
        <v>26.969031350958417</v>
      </c>
      <c r="E288" s="59">
        <f>Jesper!AO282</f>
        <v>40.453547026437619</v>
      </c>
      <c r="F288" s="59">
        <f>Jesper!AP282</f>
        <v>194.17702572690058</v>
      </c>
      <c r="G288" s="58">
        <f>Jesper!AQ282</f>
        <v>0</v>
      </c>
      <c r="H288" s="44">
        <v>281</v>
      </c>
      <c r="I288" s="56">
        <f>Bühler!I314</f>
        <v>0.38735021427876909</v>
      </c>
      <c r="J288" s="59">
        <f>Bühler!J314</f>
        <v>1.2911673809292303</v>
      </c>
      <c r="K288" s="59">
        <f>Bühler!K314</f>
        <v>1.9367510713938454</v>
      </c>
      <c r="L288" s="59">
        <f>Bühler!L314</f>
        <v>9.2964051426904586</v>
      </c>
      <c r="M288" s="58">
        <f>Bühler!M314</f>
        <v>0</v>
      </c>
      <c r="N288" s="56">
        <f>IF(Input!$D$19=1,J288*Input!$C$19,0)+IF(Input!$D$20=1,K288*Input!$C$20,0)+IF(Input!$D$21=1,L288*Input!$C$21,0)+IF(Input!$D$22=1,M288*Input!$C$22,0)</f>
        <v>0.38735021427876909</v>
      </c>
      <c r="O288" s="59">
        <f>IF(Input!$D$19=2,J288*Input!$C$19,0)+IF(Input!$D$20=2,K288*Input!$C$20,0)+IF(Input!$D$21=2,L288*Input!$C$21,0)+IF(Input!$D$22=2,M288*Input!$C$22,0)</f>
        <v>0.9683755356969227</v>
      </c>
      <c r="P288" s="59">
        <f>IF(Input!$D$19=3,J288*Input!$C$19,0)+IF(Input!$D$20=3,K288*Input!$C$20,0)+IF(Input!$D$21=3,L288*Input!$C$21,0)+IF(Input!$D$22=3,M288*Input!$C$22,0)</f>
        <v>0</v>
      </c>
      <c r="Q288" s="75">
        <f>IF(Input!$D$19=4,J288*Input!$C$19,0)+IF(Input!$D$20=4,K288*Input!$C$20,0)+IF(Input!$D$21=4,L288*Input!$C$21,0)+IF(Input!$D$22=4,M288*Input!$C$22,0)</f>
        <v>0</v>
      </c>
      <c r="R288" s="58">
        <v>64.885076886299672</v>
      </c>
      <c r="S288" s="124">
        <f t="shared" si="4"/>
        <v>1.6785175952079994</v>
      </c>
    </row>
    <row r="289" spans="2:19" x14ac:dyDescent="0.3">
      <c r="B289" s="44">
        <v>282</v>
      </c>
      <c r="C289" s="56">
        <f>Jesper!AM283</f>
        <v>7.9846442095837205</v>
      </c>
      <c r="D289" s="59">
        <f>Jesper!AN283</f>
        <v>26.615480698612402</v>
      </c>
      <c r="E289" s="59">
        <f>Jesper!AO283</f>
        <v>39.923221047918602</v>
      </c>
      <c r="F289" s="59">
        <f>Jesper!AP283</f>
        <v>191.63146103000929</v>
      </c>
      <c r="G289" s="58">
        <f>Jesper!AQ283</f>
        <v>0</v>
      </c>
      <c r="H289" s="44">
        <v>282</v>
      </c>
      <c r="I289" s="56">
        <f>Bühler!I315</f>
        <v>0.38735021427876909</v>
      </c>
      <c r="J289" s="59">
        <f>Bühler!J315</f>
        <v>1.2911673809292303</v>
      </c>
      <c r="K289" s="59">
        <f>Bühler!K315</f>
        <v>1.9367510713938454</v>
      </c>
      <c r="L289" s="59">
        <f>Bühler!L315</f>
        <v>9.2964051426904586</v>
      </c>
      <c r="M289" s="58">
        <f>Bühler!M315</f>
        <v>0</v>
      </c>
      <c r="N289" s="56">
        <f>IF(Input!$D$19=1,J289*Input!$C$19,0)+IF(Input!$D$20=1,K289*Input!$C$20,0)+IF(Input!$D$21=1,L289*Input!$C$21,0)+IF(Input!$D$22=1,M289*Input!$C$22,0)</f>
        <v>0.38735021427876909</v>
      </c>
      <c r="O289" s="59">
        <f>IF(Input!$D$19=2,J289*Input!$C$19,0)+IF(Input!$D$20=2,K289*Input!$C$20,0)+IF(Input!$D$21=2,L289*Input!$C$21,0)+IF(Input!$D$22=2,M289*Input!$C$22,0)</f>
        <v>0.9683755356969227</v>
      </c>
      <c r="P289" s="59">
        <f>IF(Input!$D$19=3,J289*Input!$C$19,0)+IF(Input!$D$20=3,K289*Input!$C$20,0)+IF(Input!$D$21=3,L289*Input!$C$21,0)+IF(Input!$D$22=3,M289*Input!$C$22,0)</f>
        <v>0</v>
      </c>
      <c r="Q289" s="75">
        <f>IF(Input!$D$19=4,J289*Input!$C$19,0)+IF(Input!$D$20=4,K289*Input!$C$20,0)+IF(Input!$D$21=4,L289*Input!$C$21,0)+IF(Input!$D$22=4,M289*Input!$C$22,0)</f>
        <v>0</v>
      </c>
      <c r="R289" s="58">
        <v>64.815111983900593</v>
      </c>
      <c r="S289" s="124">
        <f t="shared" si="4"/>
        <v>1.6785175952079994</v>
      </c>
    </row>
    <row r="290" spans="2:19" x14ac:dyDescent="0.3">
      <c r="B290" s="44">
        <v>283</v>
      </c>
      <c r="C290" s="56">
        <f>Jesper!AM284</f>
        <v>7.867414256437411</v>
      </c>
      <c r="D290" s="59">
        <f>Jesper!AN284</f>
        <v>26.224714188124707</v>
      </c>
      <c r="E290" s="59">
        <f>Jesper!AO284</f>
        <v>39.337071282187054</v>
      </c>
      <c r="F290" s="59">
        <f>Jesper!AP284</f>
        <v>188.81794215449787</v>
      </c>
      <c r="G290" s="58">
        <f>Jesper!AQ284</f>
        <v>0</v>
      </c>
      <c r="H290" s="44">
        <v>283</v>
      </c>
      <c r="I290" s="56">
        <f>Bühler!I316</f>
        <v>0.38735021427876909</v>
      </c>
      <c r="J290" s="59">
        <f>Bühler!J316</f>
        <v>1.2911673809292303</v>
      </c>
      <c r="K290" s="59">
        <f>Bühler!K316</f>
        <v>1.9367510713938454</v>
      </c>
      <c r="L290" s="59">
        <f>Bühler!L316</f>
        <v>9.2964051426904586</v>
      </c>
      <c r="M290" s="58">
        <f>Bühler!M316</f>
        <v>0</v>
      </c>
      <c r="N290" s="56">
        <f>IF(Input!$D$19=1,J290*Input!$C$19,0)+IF(Input!$D$20=1,K290*Input!$C$20,0)+IF(Input!$D$21=1,L290*Input!$C$21,0)+IF(Input!$D$22=1,M290*Input!$C$22,0)</f>
        <v>0.38735021427876909</v>
      </c>
      <c r="O290" s="59">
        <f>IF(Input!$D$19=2,J290*Input!$C$19,0)+IF(Input!$D$20=2,K290*Input!$C$20,0)+IF(Input!$D$21=2,L290*Input!$C$21,0)+IF(Input!$D$22=2,M290*Input!$C$22,0)</f>
        <v>0.9683755356969227</v>
      </c>
      <c r="P290" s="59">
        <f>IF(Input!$D$19=3,J290*Input!$C$19,0)+IF(Input!$D$20=3,K290*Input!$C$20,0)+IF(Input!$D$21=3,L290*Input!$C$21,0)+IF(Input!$D$22=3,M290*Input!$C$22,0)</f>
        <v>0</v>
      </c>
      <c r="Q290" s="75">
        <f>IF(Input!$D$19=4,J290*Input!$C$19,0)+IF(Input!$D$20=4,K290*Input!$C$20,0)+IF(Input!$D$21=4,L290*Input!$C$21,0)+IF(Input!$D$22=4,M290*Input!$C$22,0)</f>
        <v>0</v>
      </c>
      <c r="R290" s="58">
        <v>62.385453637808887</v>
      </c>
      <c r="S290" s="124">
        <f t="shared" si="4"/>
        <v>1.6785175952079994</v>
      </c>
    </row>
    <row r="291" spans="2:19" x14ac:dyDescent="0.3">
      <c r="B291" s="44">
        <v>284</v>
      </c>
      <c r="C291" s="56">
        <f>Jesper!AM285</f>
        <v>7.9232380436499392</v>
      </c>
      <c r="D291" s="59">
        <f>Jesper!AN285</f>
        <v>26.410793478833131</v>
      </c>
      <c r="E291" s="59">
        <f>Jesper!AO285</f>
        <v>39.616190218249692</v>
      </c>
      <c r="F291" s="59">
        <f>Jesper!AP285</f>
        <v>190.15771304759852</v>
      </c>
      <c r="G291" s="58">
        <f>Jesper!AQ285</f>
        <v>0</v>
      </c>
      <c r="H291" s="44">
        <v>284</v>
      </c>
      <c r="I291" s="56">
        <f>Bühler!I317</f>
        <v>0.38735021427876909</v>
      </c>
      <c r="J291" s="59">
        <f>Bühler!J317</f>
        <v>1.2911673809292303</v>
      </c>
      <c r="K291" s="59">
        <f>Bühler!K317</f>
        <v>1.9367510713938454</v>
      </c>
      <c r="L291" s="59">
        <f>Bühler!L317</f>
        <v>9.2964051426904586</v>
      </c>
      <c r="M291" s="58">
        <f>Bühler!M317</f>
        <v>0</v>
      </c>
      <c r="N291" s="56">
        <f>IF(Input!$D$19=1,J291*Input!$C$19,0)+IF(Input!$D$20=1,K291*Input!$C$20,0)+IF(Input!$D$21=1,L291*Input!$C$21,0)+IF(Input!$D$22=1,M291*Input!$C$22,0)</f>
        <v>0.38735021427876909</v>
      </c>
      <c r="O291" s="59">
        <f>IF(Input!$D$19=2,J291*Input!$C$19,0)+IF(Input!$D$20=2,K291*Input!$C$20,0)+IF(Input!$D$21=2,L291*Input!$C$21,0)+IF(Input!$D$22=2,M291*Input!$C$22,0)</f>
        <v>0.9683755356969227</v>
      </c>
      <c r="P291" s="59">
        <f>IF(Input!$D$19=3,J291*Input!$C$19,0)+IF(Input!$D$20=3,K291*Input!$C$20,0)+IF(Input!$D$21=3,L291*Input!$C$21,0)+IF(Input!$D$22=3,M291*Input!$C$22,0)</f>
        <v>0</v>
      </c>
      <c r="Q291" s="75">
        <f>IF(Input!$D$19=4,J291*Input!$C$19,0)+IF(Input!$D$20=4,K291*Input!$C$20,0)+IF(Input!$D$21=4,L291*Input!$C$21,0)+IF(Input!$D$22=4,M291*Input!$C$22,0)</f>
        <v>0</v>
      </c>
      <c r="R291" s="58">
        <v>61.443384027488051</v>
      </c>
      <c r="S291" s="124">
        <f t="shared" si="4"/>
        <v>1.6785175952079994</v>
      </c>
    </row>
    <row r="292" spans="2:19" x14ac:dyDescent="0.3">
      <c r="B292" s="44">
        <v>285</v>
      </c>
      <c r="C292" s="56">
        <f>Jesper!AM286</f>
        <v>7.9846442095837205</v>
      </c>
      <c r="D292" s="59">
        <f>Jesper!AN286</f>
        <v>26.615480698612402</v>
      </c>
      <c r="E292" s="59">
        <f>Jesper!AO286</f>
        <v>39.923221047918602</v>
      </c>
      <c r="F292" s="59">
        <f>Jesper!AP286</f>
        <v>191.63146103000929</v>
      </c>
      <c r="G292" s="58">
        <f>Jesper!AQ286</f>
        <v>0</v>
      </c>
      <c r="H292" s="44">
        <v>285</v>
      </c>
      <c r="I292" s="56">
        <f>Bühler!I318</f>
        <v>0.30006002514552532</v>
      </c>
      <c r="J292" s="59">
        <f>Bühler!J318</f>
        <v>1.0002000838184177</v>
      </c>
      <c r="K292" s="59">
        <f>Bühler!K318</f>
        <v>1.5003001257276265</v>
      </c>
      <c r="L292" s="59">
        <f>Bühler!L318</f>
        <v>7.2014406034926068</v>
      </c>
      <c r="M292" s="58">
        <f>Bühler!M318</f>
        <v>0</v>
      </c>
      <c r="N292" s="56">
        <f>IF(Input!$D$19=1,J292*Input!$C$19,0)+IF(Input!$D$20=1,K292*Input!$C$20,0)+IF(Input!$D$21=1,L292*Input!$C$21,0)+IF(Input!$D$22=1,M292*Input!$C$22,0)</f>
        <v>0.30006002514552532</v>
      </c>
      <c r="O292" s="59">
        <f>IF(Input!$D$19=2,J292*Input!$C$19,0)+IF(Input!$D$20=2,K292*Input!$C$20,0)+IF(Input!$D$21=2,L292*Input!$C$21,0)+IF(Input!$D$22=2,M292*Input!$C$22,0)</f>
        <v>0.75015006286381325</v>
      </c>
      <c r="P292" s="59">
        <f>IF(Input!$D$19=3,J292*Input!$C$19,0)+IF(Input!$D$20=3,K292*Input!$C$20,0)+IF(Input!$D$21=3,L292*Input!$C$21,0)+IF(Input!$D$22=3,M292*Input!$C$22,0)</f>
        <v>0</v>
      </c>
      <c r="Q292" s="75">
        <f>IF(Input!$D$19=4,J292*Input!$C$19,0)+IF(Input!$D$20=4,K292*Input!$C$20,0)+IF(Input!$D$21=4,L292*Input!$C$21,0)+IF(Input!$D$22=4,M292*Input!$C$22,0)</f>
        <v>0</v>
      </c>
      <c r="R292" s="58">
        <v>60.79317477285003</v>
      </c>
      <c r="S292" s="124">
        <f t="shared" si="4"/>
        <v>1.300260108963943</v>
      </c>
    </row>
    <row r="293" spans="2:19" x14ac:dyDescent="0.3">
      <c r="B293" s="44">
        <v>286</v>
      </c>
      <c r="C293" s="56">
        <f>Jesper!AM287</f>
        <v>4.076329586888817</v>
      </c>
      <c r="D293" s="59">
        <f>Jesper!AN287</f>
        <v>13.587765289629392</v>
      </c>
      <c r="E293" s="59">
        <f>Jesper!AO287</f>
        <v>20.381647934444086</v>
      </c>
      <c r="F293" s="59">
        <f>Jesper!AP287</f>
        <v>241.34459678083044</v>
      </c>
      <c r="G293" s="58">
        <f>Jesper!AQ287</f>
        <v>0</v>
      </c>
      <c r="H293" s="44">
        <v>286</v>
      </c>
      <c r="I293" s="56">
        <f>Bühler!I319</f>
        <v>0.11456837323738236</v>
      </c>
      <c r="J293" s="59">
        <f>Bühler!J319</f>
        <v>0.38189457745794125</v>
      </c>
      <c r="K293" s="59">
        <f>Bühler!K319</f>
        <v>0.5728418661869118</v>
      </c>
      <c r="L293" s="59">
        <f>Bühler!L319</f>
        <v>2.749640957697177</v>
      </c>
      <c r="M293" s="58">
        <f>Bühler!M319</f>
        <v>0</v>
      </c>
      <c r="N293" s="56">
        <f>IF(Input!$D$19=1,J293*Input!$C$19,0)+IF(Input!$D$20=1,K293*Input!$C$20,0)+IF(Input!$D$21=1,L293*Input!$C$21,0)+IF(Input!$D$22=1,M293*Input!$C$22,0)</f>
        <v>0.11456837323738236</v>
      </c>
      <c r="O293" s="59">
        <f>IF(Input!$D$19=2,J293*Input!$C$19,0)+IF(Input!$D$20=2,K293*Input!$C$20,0)+IF(Input!$D$21=2,L293*Input!$C$21,0)+IF(Input!$D$22=2,M293*Input!$C$22,0)</f>
        <v>0.2864209330934559</v>
      </c>
      <c r="P293" s="59">
        <f>IF(Input!$D$19=3,J293*Input!$C$19,0)+IF(Input!$D$20=3,K293*Input!$C$20,0)+IF(Input!$D$21=3,L293*Input!$C$21,0)+IF(Input!$D$22=3,M293*Input!$C$22,0)</f>
        <v>0</v>
      </c>
      <c r="Q293" s="75">
        <f>IF(Input!$D$19=4,J293*Input!$C$19,0)+IF(Input!$D$20=4,K293*Input!$C$20,0)+IF(Input!$D$21=4,L293*Input!$C$21,0)+IF(Input!$D$22=4,M293*Input!$C$22,0)</f>
        <v>0</v>
      </c>
      <c r="R293" s="58">
        <v>58.996061232136618</v>
      </c>
      <c r="S293" s="124">
        <f t="shared" si="4"/>
        <v>0.49646295069532365</v>
      </c>
    </row>
    <row r="294" spans="2:19" x14ac:dyDescent="0.3">
      <c r="B294" s="44">
        <v>287</v>
      </c>
      <c r="C294" s="56">
        <f>Jesper!AM288</f>
        <v>4.2709226561530897</v>
      </c>
      <c r="D294" s="59">
        <f>Jesper!AN288</f>
        <v>14.236408853843635</v>
      </c>
      <c r="E294" s="59">
        <f>Jesper!AO288</f>
        <v>21.354613280765452</v>
      </c>
      <c r="F294" s="59">
        <f>Jesper!AP288</f>
        <v>245.73388144213075</v>
      </c>
      <c r="G294" s="58">
        <f>Jesper!AQ288</f>
        <v>0</v>
      </c>
      <c r="H294" s="44">
        <v>287</v>
      </c>
      <c r="I294" s="56">
        <f>Bühler!I320</f>
        <v>0.11456837323738236</v>
      </c>
      <c r="J294" s="59">
        <f>Bühler!J320</f>
        <v>0.38189457745794125</v>
      </c>
      <c r="K294" s="59">
        <f>Bühler!K320</f>
        <v>0.5728418661869118</v>
      </c>
      <c r="L294" s="59">
        <f>Bühler!L320</f>
        <v>2.749640957697177</v>
      </c>
      <c r="M294" s="58">
        <f>Bühler!M320</f>
        <v>0</v>
      </c>
      <c r="N294" s="56">
        <f>IF(Input!$D$19=1,J294*Input!$C$19,0)+IF(Input!$D$20=1,K294*Input!$C$20,0)+IF(Input!$D$21=1,L294*Input!$C$21,0)+IF(Input!$D$22=1,M294*Input!$C$22,0)</f>
        <v>0.11456837323738236</v>
      </c>
      <c r="O294" s="59">
        <f>IF(Input!$D$19=2,J294*Input!$C$19,0)+IF(Input!$D$20=2,K294*Input!$C$20,0)+IF(Input!$D$21=2,L294*Input!$C$21,0)+IF(Input!$D$22=2,M294*Input!$C$22,0)</f>
        <v>0.2864209330934559</v>
      </c>
      <c r="P294" s="59">
        <f>IF(Input!$D$19=3,J294*Input!$C$19,0)+IF(Input!$D$20=3,K294*Input!$C$20,0)+IF(Input!$D$21=3,L294*Input!$C$21,0)+IF(Input!$D$22=3,M294*Input!$C$22,0)</f>
        <v>0</v>
      </c>
      <c r="Q294" s="75">
        <f>IF(Input!$D$19=4,J294*Input!$C$19,0)+IF(Input!$D$20=4,K294*Input!$C$20,0)+IF(Input!$D$21=4,L294*Input!$C$21,0)+IF(Input!$D$22=4,M294*Input!$C$22,0)</f>
        <v>0</v>
      </c>
      <c r="R294" s="58">
        <v>58.587992303078629</v>
      </c>
      <c r="S294" s="124">
        <f t="shared" si="4"/>
        <v>0.49646295069532365</v>
      </c>
    </row>
    <row r="295" spans="2:19" x14ac:dyDescent="0.3">
      <c r="B295" s="44">
        <v>288</v>
      </c>
      <c r="C295" s="56">
        <f>Jesper!AM289</f>
        <v>8.0460503755175008</v>
      </c>
      <c r="D295" s="59">
        <f>Jesper!AN289</f>
        <v>26.820167918391675</v>
      </c>
      <c r="E295" s="59">
        <f>Jesper!AO289</f>
        <v>40.230251877587506</v>
      </c>
      <c r="F295" s="59">
        <f>Jesper!AP289</f>
        <v>193.10520901242003</v>
      </c>
      <c r="G295" s="58">
        <f>Jesper!AQ289</f>
        <v>0</v>
      </c>
      <c r="H295" s="44">
        <v>288</v>
      </c>
      <c r="I295" s="56">
        <f>Bühler!I321</f>
        <v>0.11456837323738236</v>
      </c>
      <c r="J295" s="59">
        <f>Bühler!J321</f>
        <v>0.38189457745794125</v>
      </c>
      <c r="K295" s="59">
        <f>Bühler!K321</f>
        <v>0.5728418661869118</v>
      </c>
      <c r="L295" s="59">
        <f>Bühler!L321</f>
        <v>2.749640957697177</v>
      </c>
      <c r="M295" s="58">
        <f>Bühler!M321</f>
        <v>0</v>
      </c>
      <c r="N295" s="56">
        <f>IF(Input!$D$19=1,J295*Input!$C$19,0)+IF(Input!$D$20=1,K295*Input!$C$20,0)+IF(Input!$D$21=1,L295*Input!$C$21,0)+IF(Input!$D$22=1,M295*Input!$C$22,0)</f>
        <v>0.11456837323738236</v>
      </c>
      <c r="O295" s="59">
        <f>IF(Input!$D$19=2,J295*Input!$C$19,0)+IF(Input!$D$20=2,K295*Input!$C$20,0)+IF(Input!$D$21=2,L295*Input!$C$21,0)+IF(Input!$D$22=2,M295*Input!$C$22,0)</f>
        <v>0.2864209330934559</v>
      </c>
      <c r="P295" s="59">
        <f>IF(Input!$D$19=3,J295*Input!$C$19,0)+IF(Input!$D$20=3,K295*Input!$C$20,0)+IF(Input!$D$21=3,L295*Input!$C$21,0)+IF(Input!$D$22=3,M295*Input!$C$22,0)</f>
        <v>0</v>
      </c>
      <c r="Q295" s="75">
        <f>IF(Input!$D$19=4,J295*Input!$C$19,0)+IF(Input!$D$20=4,K295*Input!$C$20,0)+IF(Input!$D$21=4,L295*Input!$C$21,0)+IF(Input!$D$22=4,M295*Input!$C$22,0)</f>
        <v>0</v>
      </c>
      <c r="R295" s="58">
        <v>57.64386499554135</v>
      </c>
      <c r="S295" s="124">
        <f t="shared" si="4"/>
        <v>0.49646295069532365</v>
      </c>
    </row>
    <row r="296" spans="2:19" x14ac:dyDescent="0.3">
      <c r="B296" s="44">
        <v>289</v>
      </c>
      <c r="C296" s="56">
        <f>Jesper!AM290</f>
        <v>8.1521155712213069</v>
      </c>
      <c r="D296" s="59">
        <f>Jesper!AN290</f>
        <v>27.173718570737691</v>
      </c>
      <c r="E296" s="59">
        <f>Jesper!AO290</f>
        <v>40.760577856106536</v>
      </c>
      <c r="F296" s="59">
        <f>Jesper!AP290</f>
        <v>195.65077370931138</v>
      </c>
      <c r="G296" s="58">
        <f>Jesper!AQ290</f>
        <v>0</v>
      </c>
      <c r="H296" s="44">
        <v>289</v>
      </c>
      <c r="I296" s="56">
        <f>Bühler!I322</f>
        <v>8.8216548305772136E-2</v>
      </c>
      <c r="J296" s="59">
        <f>Bühler!J322</f>
        <v>0.29405516101924051</v>
      </c>
      <c r="K296" s="59">
        <f>Bühler!K322</f>
        <v>0.44108274152886073</v>
      </c>
      <c r="L296" s="59">
        <f>Bühler!L322</f>
        <v>4.4370692256440591</v>
      </c>
      <c r="M296" s="58">
        <f>Bühler!M322</f>
        <v>0</v>
      </c>
      <c r="N296" s="56">
        <f>IF(Input!$D$19=1,J296*Input!$C$19,0)+IF(Input!$D$20=1,K296*Input!$C$20,0)+IF(Input!$D$21=1,L296*Input!$C$21,0)+IF(Input!$D$22=1,M296*Input!$C$22,0)</f>
        <v>8.8216548305772149E-2</v>
      </c>
      <c r="O296" s="59">
        <f>IF(Input!$D$19=2,J296*Input!$C$19,0)+IF(Input!$D$20=2,K296*Input!$C$20,0)+IF(Input!$D$21=2,L296*Input!$C$21,0)+IF(Input!$D$22=2,M296*Input!$C$22,0)</f>
        <v>0.22054137076443037</v>
      </c>
      <c r="P296" s="59">
        <f>IF(Input!$D$19=3,J296*Input!$C$19,0)+IF(Input!$D$20=3,K296*Input!$C$20,0)+IF(Input!$D$21=3,L296*Input!$C$21,0)+IF(Input!$D$22=3,M296*Input!$C$22,0)</f>
        <v>0</v>
      </c>
      <c r="Q296" s="75">
        <f>IF(Input!$D$19=4,J296*Input!$C$19,0)+IF(Input!$D$20=4,K296*Input!$C$20,0)+IF(Input!$D$21=4,L296*Input!$C$21,0)+IF(Input!$D$22=4,M296*Input!$C$22,0)</f>
        <v>0</v>
      </c>
      <c r="R296" s="58">
        <v>56.539222359450164</v>
      </c>
      <c r="S296" s="124">
        <f t="shared" si="4"/>
        <v>0.38227170932501264</v>
      </c>
    </row>
    <row r="297" spans="2:19" x14ac:dyDescent="0.3">
      <c r="B297" s="44">
        <v>290</v>
      </c>
      <c r="C297" s="56">
        <f>Jesper!AM291</f>
        <v>7.9567323159774563</v>
      </c>
      <c r="D297" s="59">
        <f>Jesper!AN291</f>
        <v>26.522441053258191</v>
      </c>
      <c r="E297" s="59">
        <f>Jesper!AO291</f>
        <v>39.78366157988728</v>
      </c>
      <c r="F297" s="59">
        <f>Jesper!AP291</f>
        <v>190.96157558345894</v>
      </c>
      <c r="G297" s="58">
        <f>Jesper!AQ291</f>
        <v>0</v>
      </c>
      <c r="H297" s="44">
        <v>290</v>
      </c>
      <c r="I297" s="56">
        <f>Bühler!I323</f>
        <v>0.17223230859698369</v>
      </c>
      <c r="J297" s="59">
        <f>Bühler!J323</f>
        <v>0.5741076953232791</v>
      </c>
      <c r="K297" s="59">
        <f>Bühler!K323</f>
        <v>0.86116154298491865</v>
      </c>
      <c r="L297" s="59">
        <f>Bühler!L323</f>
        <v>8.6628494405431642</v>
      </c>
      <c r="M297" s="58">
        <f>Bühler!M323</f>
        <v>0</v>
      </c>
      <c r="N297" s="56">
        <f>IF(Input!$D$19=1,J297*Input!$C$19,0)+IF(Input!$D$20=1,K297*Input!$C$20,0)+IF(Input!$D$21=1,L297*Input!$C$21,0)+IF(Input!$D$22=1,M297*Input!$C$22,0)</f>
        <v>0.17223230859698371</v>
      </c>
      <c r="O297" s="59">
        <f>IF(Input!$D$19=2,J297*Input!$C$19,0)+IF(Input!$D$20=2,K297*Input!$C$20,0)+IF(Input!$D$21=2,L297*Input!$C$21,0)+IF(Input!$D$22=2,M297*Input!$C$22,0)</f>
        <v>0.43058077149245932</v>
      </c>
      <c r="P297" s="59">
        <f>IF(Input!$D$19=3,J297*Input!$C$19,0)+IF(Input!$D$20=3,K297*Input!$C$20,0)+IF(Input!$D$21=3,L297*Input!$C$21,0)+IF(Input!$D$22=3,M297*Input!$C$22,0)</f>
        <v>0</v>
      </c>
      <c r="Q297" s="75">
        <f>IF(Input!$D$19=4,J297*Input!$C$19,0)+IF(Input!$D$20=4,K297*Input!$C$20,0)+IF(Input!$D$21=4,L297*Input!$C$21,0)+IF(Input!$D$22=4,M297*Input!$C$22,0)</f>
        <v>0</v>
      </c>
      <c r="R297" s="58">
        <v>55.424411057622514</v>
      </c>
      <c r="S297" s="124">
        <f t="shared" si="4"/>
        <v>0.74634000392026278</v>
      </c>
    </row>
    <row r="298" spans="2:19" x14ac:dyDescent="0.3">
      <c r="B298" s="44">
        <v>291</v>
      </c>
      <c r="C298" s="56">
        <f>Jesper!AM292</f>
        <v>8.0683798904025128</v>
      </c>
      <c r="D298" s="59">
        <f>Jesper!AN292</f>
        <v>26.894599634675046</v>
      </c>
      <c r="E298" s="59">
        <f>Jesper!AO292</f>
        <v>40.341899452012569</v>
      </c>
      <c r="F298" s="59">
        <f>Jesper!AP292</f>
        <v>193.64111736966032</v>
      </c>
      <c r="G298" s="58">
        <f>Jesper!AQ292</f>
        <v>0</v>
      </c>
      <c r="H298" s="44">
        <v>291</v>
      </c>
      <c r="I298" s="56">
        <f>Bühler!I324</f>
        <v>0.17223230859698369</v>
      </c>
      <c r="J298" s="59">
        <f>Bühler!J324</f>
        <v>0.5741076953232791</v>
      </c>
      <c r="K298" s="59">
        <f>Bühler!K324</f>
        <v>0.86116154298491865</v>
      </c>
      <c r="L298" s="59">
        <f>Bühler!L324</f>
        <v>8.6628494405431642</v>
      </c>
      <c r="M298" s="58">
        <f>Bühler!M324</f>
        <v>0</v>
      </c>
      <c r="N298" s="56">
        <f>IF(Input!$D$19=1,J298*Input!$C$19,0)+IF(Input!$D$20=1,K298*Input!$C$20,0)+IF(Input!$D$21=1,L298*Input!$C$21,0)+IF(Input!$D$22=1,M298*Input!$C$22,0)</f>
        <v>0.17223230859698371</v>
      </c>
      <c r="O298" s="59">
        <f>IF(Input!$D$19=2,J298*Input!$C$19,0)+IF(Input!$D$20=2,K298*Input!$C$20,0)+IF(Input!$D$21=2,L298*Input!$C$21,0)+IF(Input!$D$22=2,M298*Input!$C$22,0)</f>
        <v>0.43058077149245932</v>
      </c>
      <c r="P298" s="59">
        <f>IF(Input!$D$19=3,J298*Input!$C$19,0)+IF(Input!$D$20=3,K298*Input!$C$20,0)+IF(Input!$D$21=3,L298*Input!$C$21,0)+IF(Input!$D$22=3,M298*Input!$C$22,0)</f>
        <v>0</v>
      </c>
      <c r="Q298" s="75">
        <f>IF(Input!$D$19=4,J298*Input!$C$19,0)+IF(Input!$D$20=4,K298*Input!$C$20,0)+IF(Input!$D$21=4,L298*Input!$C$21,0)+IF(Input!$D$22=4,M298*Input!$C$22,0)</f>
        <v>0</v>
      </c>
      <c r="R298" s="58">
        <v>55.171947137363254</v>
      </c>
      <c r="S298" s="124">
        <f t="shared" si="4"/>
        <v>0.74634000392026278</v>
      </c>
    </row>
    <row r="299" spans="2:19" x14ac:dyDescent="0.3">
      <c r="B299" s="44">
        <v>292</v>
      </c>
      <c r="C299" s="56">
        <f>Jesper!AM293</f>
        <v>8.4042993716258181</v>
      </c>
      <c r="D299" s="59">
        <f>Jesper!AN293</f>
        <v>28.014331238752728</v>
      </c>
      <c r="E299" s="59">
        <f>Jesper!AO293</f>
        <v>42.02149685812909</v>
      </c>
      <c r="F299" s="59">
        <f>Jesper!AP293</f>
        <v>201.70318491901961</v>
      </c>
      <c r="G299" s="58">
        <f>Jesper!AQ293</f>
        <v>0</v>
      </c>
      <c r="H299" s="44">
        <v>292</v>
      </c>
      <c r="I299" s="56">
        <f>Bühler!I325</f>
        <v>0.17223230859698369</v>
      </c>
      <c r="J299" s="59">
        <f>Bühler!J325</f>
        <v>0.5741076953232791</v>
      </c>
      <c r="K299" s="59">
        <f>Bühler!K325</f>
        <v>0.86116154298491865</v>
      </c>
      <c r="L299" s="59">
        <f>Bühler!L325</f>
        <v>8.6628494405431642</v>
      </c>
      <c r="M299" s="58">
        <f>Bühler!M325</f>
        <v>0</v>
      </c>
      <c r="N299" s="56">
        <f>IF(Input!$D$19=1,J299*Input!$C$19,0)+IF(Input!$D$20=1,K299*Input!$C$20,0)+IF(Input!$D$21=1,L299*Input!$C$21,0)+IF(Input!$D$22=1,M299*Input!$C$22,0)</f>
        <v>0.17223230859698371</v>
      </c>
      <c r="O299" s="59">
        <f>IF(Input!$D$19=2,J299*Input!$C$19,0)+IF(Input!$D$20=2,K299*Input!$C$20,0)+IF(Input!$D$21=2,L299*Input!$C$21,0)+IF(Input!$D$22=2,M299*Input!$C$22,0)</f>
        <v>0.43058077149245932</v>
      </c>
      <c r="P299" s="59">
        <f>IF(Input!$D$19=3,J299*Input!$C$19,0)+IF(Input!$D$20=3,K299*Input!$C$20,0)+IF(Input!$D$21=3,L299*Input!$C$21,0)+IF(Input!$D$22=3,M299*Input!$C$22,0)</f>
        <v>0</v>
      </c>
      <c r="Q299" s="75">
        <f>IF(Input!$D$19=4,J299*Input!$C$19,0)+IF(Input!$D$20=4,K299*Input!$C$20,0)+IF(Input!$D$21=4,L299*Input!$C$21,0)+IF(Input!$D$22=4,M299*Input!$C$22,0)</f>
        <v>0</v>
      </c>
      <c r="R299" s="58">
        <v>54.133408321008325</v>
      </c>
      <c r="S299" s="124">
        <f t="shared" si="4"/>
        <v>0.74634000392026278</v>
      </c>
    </row>
    <row r="300" spans="2:19" x14ac:dyDescent="0.3">
      <c r="B300" s="44">
        <v>293</v>
      </c>
      <c r="C300" s="56">
        <f>Jesper!AM294</f>
        <v>5.190817165402386</v>
      </c>
      <c r="D300" s="59">
        <f>Jesper!AN294</f>
        <v>17.30272388467462</v>
      </c>
      <c r="E300" s="59">
        <f>Jesper!AO294</f>
        <v>25.954085827011934</v>
      </c>
      <c r="F300" s="59">
        <f>Jesper!AP294</f>
        <v>266.48322711373226</v>
      </c>
      <c r="G300" s="58">
        <f>Jesper!AQ294</f>
        <v>0</v>
      </c>
      <c r="H300" s="44">
        <v>293</v>
      </c>
      <c r="I300" s="56">
        <f>Bühler!I326</f>
        <v>0.17223230859698369</v>
      </c>
      <c r="J300" s="59">
        <f>Bühler!J326</f>
        <v>0.5741076953232791</v>
      </c>
      <c r="K300" s="59">
        <f>Bühler!K326</f>
        <v>0.86116154298491865</v>
      </c>
      <c r="L300" s="59">
        <f>Bühler!L326</f>
        <v>8.6628494405431642</v>
      </c>
      <c r="M300" s="58">
        <f>Bühler!M326</f>
        <v>0</v>
      </c>
      <c r="N300" s="56">
        <f>IF(Input!$D$19=1,J300*Input!$C$19,0)+IF(Input!$D$20=1,K300*Input!$C$20,0)+IF(Input!$D$21=1,L300*Input!$C$21,0)+IF(Input!$D$22=1,M300*Input!$C$22,0)</f>
        <v>0.17223230859698371</v>
      </c>
      <c r="O300" s="59">
        <f>IF(Input!$D$19=2,J300*Input!$C$19,0)+IF(Input!$D$20=2,K300*Input!$C$20,0)+IF(Input!$D$21=2,L300*Input!$C$21,0)+IF(Input!$D$22=2,M300*Input!$C$22,0)</f>
        <v>0.43058077149245932</v>
      </c>
      <c r="P300" s="59">
        <f>IF(Input!$D$19=3,J300*Input!$C$19,0)+IF(Input!$D$20=3,K300*Input!$C$20,0)+IF(Input!$D$21=3,L300*Input!$C$21,0)+IF(Input!$D$22=3,M300*Input!$C$22,0)</f>
        <v>0</v>
      </c>
      <c r="Q300" s="75">
        <f>IF(Input!$D$19=4,J300*Input!$C$19,0)+IF(Input!$D$20=4,K300*Input!$C$20,0)+IF(Input!$D$21=4,L300*Input!$C$21,0)+IF(Input!$D$22=4,M300*Input!$C$22,0)</f>
        <v>0</v>
      </c>
      <c r="R300" s="58">
        <v>52.722680718314933</v>
      </c>
      <c r="S300" s="124">
        <f t="shared" si="4"/>
        <v>0.74634000392026278</v>
      </c>
    </row>
    <row r="301" spans="2:19" x14ac:dyDescent="0.3">
      <c r="B301" s="44">
        <v>294</v>
      </c>
      <c r="C301" s="56">
        <f>Jesper!AM295</f>
        <v>5.1023657702822618</v>
      </c>
      <c r="D301" s="59">
        <f>Jesper!AN295</f>
        <v>17.007885900940874</v>
      </c>
      <c r="E301" s="59">
        <f>Jesper!AO295</f>
        <v>25.511828851411313</v>
      </c>
      <c r="F301" s="59">
        <f>Jesper!AP295</f>
        <v>264.48809772223211</v>
      </c>
      <c r="G301" s="58">
        <f>Jesper!AQ295</f>
        <v>0</v>
      </c>
      <c r="H301" s="44">
        <v>294</v>
      </c>
      <c r="I301" s="56">
        <f>Bühler!I327</f>
        <v>0.21424018874258949</v>
      </c>
      <c r="J301" s="59">
        <f>Bühler!J327</f>
        <v>0.71413396247529837</v>
      </c>
      <c r="K301" s="59">
        <f>Bühler!K327</f>
        <v>1.0712009437129475</v>
      </c>
      <c r="L301" s="59">
        <f>Bühler!L327</f>
        <v>10.775739547992714</v>
      </c>
      <c r="M301" s="58">
        <f>Bühler!M327</f>
        <v>0</v>
      </c>
      <c r="N301" s="56">
        <f>IF(Input!$D$19=1,J301*Input!$C$19,0)+IF(Input!$D$20=1,K301*Input!$C$20,0)+IF(Input!$D$21=1,L301*Input!$C$21,0)+IF(Input!$D$22=1,M301*Input!$C$22,0)</f>
        <v>0.21424018874258952</v>
      </c>
      <c r="O301" s="59">
        <f>IF(Input!$D$19=2,J301*Input!$C$19,0)+IF(Input!$D$20=2,K301*Input!$C$20,0)+IF(Input!$D$21=2,L301*Input!$C$21,0)+IF(Input!$D$22=2,M301*Input!$C$22,0)</f>
        <v>0.53560047185647375</v>
      </c>
      <c r="P301" s="59">
        <f>IF(Input!$D$19=3,J301*Input!$C$19,0)+IF(Input!$D$20=3,K301*Input!$C$20,0)+IF(Input!$D$21=3,L301*Input!$C$21,0)+IF(Input!$D$22=3,M301*Input!$C$22,0)</f>
        <v>0</v>
      </c>
      <c r="Q301" s="75">
        <f>IF(Input!$D$19=4,J301*Input!$C$19,0)+IF(Input!$D$20=4,K301*Input!$C$20,0)+IF(Input!$D$21=4,L301*Input!$C$21,0)+IF(Input!$D$22=4,M301*Input!$C$22,0)</f>
        <v>0</v>
      </c>
      <c r="R301" s="58">
        <v>52.048259476832115</v>
      </c>
      <c r="S301" s="124">
        <f t="shared" si="4"/>
        <v>0.9283741512178878</v>
      </c>
    </row>
    <row r="302" spans="2:19" x14ac:dyDescent="0.3">
      <c r="B302" s="44">
        <v>295</v>
      </c>
      <c r="C302" s="56">
        <f>Jesper!AM296</f>
        <v>8.0516327542387529</v>
      </c>
      <c r="D302" s="59">
        <f>Jesper!AN296</f>
        <v>26.838775847462514</v>
      </c>
      <c r="E302" s="59">
        <f>Jesper!AO296</f>
        <v>40.258163771193765</v>
      </c>
      <c r="F302" s="59">
        <f>Jesper!AP296</f>
        <v>193.23918610173007</v>
      </c>
      <c r="G302" s="58">
        <f>Jesper!AQ296</f>
        <v>0</v>
      </c>
      <c r="H302" s="44">
        <v>295</v>
      </c>
      <c r="I302" s="56">
        <f>Bühler!I328</f>
        <v>0.26885043293187694</v>
      </c>
      <c r="J302" s="59">
        <f>Bühler!J328</f>
        <v>0.89616810977292327</v>
      </c>
      <c r="K302" s="59">
        <f>Bühler!K328</f>
        <v>1.344252164659385</v>
      </c>
      <c r="L302" s="59">
        <f>Bühler!L328</f>
        <v>13.522496687677133</v>
      </c>
      <c r="M302" s="58">
        <f>Bühler!M328</f>
        <v>0</v>
      </c>
      <c r="N302" s="56">
        <f>IF(Input!$D$19=1,J302*Input!$C$19,0)+IF(Input!$D$20=1,K302*Input!$C$20,0)+IF(Input!$D$21=1,L302*Input!$C$21,0)+IF(Input!$D$22=1,M302*Input!$C$22,0)</f>
        <v>0.26885043293187699</v>
      </c>
      <c r="O302" s="59">
        <f>IF(Input!$D$19=2,J302*Input!$C$19,0)+IF(Input!$D$20=2,K302*Input!$C$20,0)+IF(Input!$D$21=2,L302*Input!$C$21,0)+IF(Input!$D$22=2,M302*Input!$C$22,0)</f>
        <v>0.67212608232969251</v>
      </c>
      <c r="P302" s="59">
        <f>IF(Input!$D$19=3,J302*Input!$C$19,0)+IF(Input!$D$20=3,K302*Input!$C$20,0)+IF(Input!$D$21=3,L302*Input!$C$21,0)+IF(Input!$D$22=3,M302*Input!$C$22,0)</f>
        <v>0</v>
      </c>
      <c r="Q302" s="75">
        <f>IF(Input!$D$19=4,J302*Input!$C$19,0)+IF(Input!$D$20=4,K302*Input!$C$20,0)+IF(Input!$D$21=4,L302*Input!$C$21,0)+IF(Input!$D$22=4,M302*Input!$C$22,0)</f>
        <v>0</v>
      </c>
      <c r="R302" s="58">
        <v>52.012785848515371</v>
      </c>
      <c r="S302" s="124">
        <f t="shared" si="4"/>
        <v>1.1650185427048001</v>
      </c>
    </row>
    <row r="303" spans="2:19" x14ac:dyDescent="0.3">
      <c r="B303" s="44">
        <v>296</v>
      </c>
      <c r="C303" s="56">
        <f>Jesper!AM297</f>
        <v>8.0013913457474803</v>
      </c>
      <c r="D303" s="59">
        <f>Jesper!AN297</f>
        <v>26.671304485824937</v>
      </c>
      <c r="E303" s="59">
        <f>Jesper!AO297</f>
        <v>40.0069567287374</v>
      </c>
      <c r="F303" s="59">
        <f>Jesper!AP297</f>
        <v>192.03339229793954</v>
      </c>
      <c r="G303" s="58">
        <f>Jesper!AQ297</f>
        <v>0</v>
      </c>
      <c r="H303" s="44">
        <v>296</v>
      </c>
      <c r="I303" s="56">
        <f>Bühler!I329</f>
        <v>0.30665752506292221</v>
      </c>
      <c r="J303" s="59">
        <f>Bühler!J329</f>
        <v>1.0221917502097408</v>
      </c>
      <c r="K303" s="59">
        <f>Bühler!K329</f>
        <v>1.5332876253146113</v>
      </c>
      <c r="L303" s="59">
        <f>Bühler!L329</f>
        <v>15.424097784381729</v>
      </c>
      <c r="M303" s="58">
        <f>Bühler!M329</f>
        <v>0</v>
      </c>
      <c r="N303" s="56">
        <f>IF(Input!$D$19=1,J303*Input!$C$19,0)+IF(Input!$D$20=1,K303*Input!$C$20,0)+IF(Input!$D$21=1,L303*Input!$C$21,0)+IF(Input!$D$22=1,M303*Input!$C$22,0)</f>
        <v>0.30665752506292226</v>
      </c>
      <c r="O303" s="59">
        <f>IF(Input!$D$19=2,J303*Input!$C$19,0)+IF(Input!$D$20=2,K303*Input!$C$20,0)+IF(Input!$D$21=2,L303*Input!$C$21,0)+IF(Input!$D$22=2,M303*Input!$C$22,0)</f>
        <v>0.76664381265730563</v>
      </c>
      <c r="P303" s="59">
        <f>IF(Input!$D$19=3,J303*Input!$C$19,0)+IF(Input!$D$20=3,K303*Input!$C$20,0)+IF(Input!$D$21=3,L303*Input!$C$21,0)+IF(Input!$D$22=3,M303*Input!$C$22,0)</f>
        <v>0</v>
      </c>
      <c r="Q303" s="75">
        <f>IF(Input!$D$19=4,J303*Input!$C$19,0)+IF(Input!$D$20=4,K303*Input!$C$20,0)+IF(Input!$D$21=4,L303*Input!$C$21,0)+IF(Input!$D$22=4,M303*Input!$C$22,0)</f>
        <v>0</v>
      </c>
      <c r="R303" s="58">
        <v>51.971298549038778</v>
      </c>
      <c r="S303" s="124">
        <f t="shared" si="4"/>
        <v>1.3288492752726631</v>
      </c>
    </row>
    <row r="304" spans="2:19" x14ac:dyDescent="0.3">
      <c r="B304" s="44">
        <v>297</v>
      </c>
      <c r="C304" s="56">
        <f>Jesper!AM298</f>
        <v>8.0125561031899863</v>
      </c>
      <c r="D304" s="59">
        <f>Jesper!AN298</f>
        <v>26.708520343966622</v>
      </c>
      <c r="E304" s="59">
        <f>Jesper!AO298</f>
        <v>40.062780515949932</v>
      </c>
      <c r="F304" s="59">
        <f>Jesper!AP298</f>
        <v>192.30134647655967</v>
      </c>
      <c r="G304" s="58">
        <f>Jesper!AQ298</f>
        <v>0</v>
      </c>
      <c r="H304" s="44">
        <v>297</v>
      </c>
      <c r="I304" s="56">
        <f>Bühler!I330</f>
        <v>0.30665752506292221</v>
      </c>
      <c r="J304" s="59">
        <f>Bühler!J330</f>
        <v>1.0221917502097408</v>
      </c>
      <c r="K304" s="59">
        <f>Bühler!K330</f>
        <v>1.5332876253146113</v>
      </c>
      <c r="L304" s="59">
        <f>Bühler!L330</f>
        <v>15.424097784381729</v>
      </c>
      <c r="M304" s="58">
        <f>Bühler!M330</f>
        <v>0</v>
      </c>
      <c r="N304" s="56">
        <f>IF(Input!$D$19=1,J304*Input!$C$19,0)+IF(Input!$D$20=1,K304*Input!$C$20,0)+IF(Input!$D$21=1,L304*Input!$C$21,0)+IF(Input!$D$22=1,M304*Input!$C$22,0)</f>
        <v>0.30665752506292226</v>
      </c>
      <c r="O304" s="59">
        <f>IF(Input!$D$19=2,J304*Input!$C$19,0)+IF(Input!$D$20=2,K304*Input!$C$20,0)+IF(Input!$D$21=2,L304*Input!$C$21,0)+IF(Input!$D$22=2,M304*Input!$C$22,0)</f>
        <v>0.76664381265730563</v>
      </c>
      <c r="P304" s="59">
        <f>IF(Input!$D$19=3,J304*Input!$C$19,0)+IF(Input!$D$20=3,K304*Input!$C$20,0)+IF(Input!$D$21=3,L304*Input!$C$21,0)+IF(Input!$D$22=3,M304*Input!$C$22,0)</f>
        <v>0</v>
      </c>
      <c r="Q304" s="75">
        <f>IF(Input!$D$19=4,J304*Input!$C$19,0)+IF(Input!$D$20=4,K304*Input!$C$20,0)+IF(Input!$D$21=4,L304*Input!$C$21,0)+IF(Input!$D$22=4,M304*Input!$C$22,0)</f>
        <v>0</v>
      </c>
      <c r="R304" s="58">
        <v>51.501062180060337</v>
      </c>
      <c r="S304" s="124">
        <f t="shared" si="4"/>
        <v>1.3288492752726631</v>
      </c>
    </row>
    <row r="305" spans="2:19" x14ac:dyDescent="0.3">
      <c r="B305" s="44">
        <v>298</v>
      </c>
      <c r="C305" s="56">
        <f>Jesper!AM299</f>
        <v>8.0627975116812625</v>
      </c>
      <c r="D305" s="59">
        <f>Jesper!AN299</f>
        <v>26.875991705604207</v>
      </c>
      <c r="E305" s="59">
        <f>Jesper!AO299</f>
        <v>40.313987558406311</v>
      </c>
      <c r="F305" s="59">
        <f>Jesper!AP299</f>
        <v>193.50714028035028</v>
      </c>
      <c r="G305" s="58">
        <f>Jesper!AQ299</f>
        <v>0</v>
      </c>
      <c r="H305" s="44">
        <v>298</v>
      </c>
      <c r="I305" s="56">
        <f>Bühler!I331</f>
        <v>0.30665752506292221</v>
      </c>
      <c r="J305" s="59">
        <f>Bühler!J331</f>
        <v>1.0221917502097408</v>
      </c>
      <c r="K305" s="59">
        <f>Bühler!K331</f>
        <v>1.5332876253146113</v>
      </c>
      <c r="L305" s="59">
        <f>Bühler!L331</f>
        <v>15.424097784381729</v>
      </c>
      <c r="M305" s="58">
        <f>Bühler!M331</f>
        <v>0</v>
      </c>
      <c r="N305" s="56">
        <f>IF(Input!$D$19=1,J305*Input!$C$19,0)+IF(Input!$D$20=1,K305*Input!$C$20,0)+IF(Input!$D$21=1,L305*Input!$C$21,0)+IF(Input!$D$22=1,M305*Input!$C$22,0)</f>
        <v>0.30665752506292226</v>
      </c>
      <c r="O305" s="59">
        <f>IF(Input!$D$19=2,J305*Input!$C$19,0)+IF(Input!$D$20=2,K305*Input!$C$20,0)+IF(Input!$D$21=2,L305*Input!$C$21,0)+IF(Input!$D$22=2,M305*Input!$C$22,0)</f>
        <v>0.76664381265730563</v>
      </c>
      <c r="P305" s="59">
        <f>IF(Input!$D$19=3,J305*Input!$C$19,0)+IF(Input!$D$20=3,K305*Input!$C$20,0)+IF(Input!$D$21=3,L305*Input!$C$21,0)+IF(Input!$D$22=3,M305*Input!$C$22,0)</f>
        <v>0</v>
      </c>
      <c r="Q305" s="75">
        <f>IF(Input!$D$19=4,J305*Input!$C$19,0)+IF(Input!$D$20=4,K305*Input!$C$20,0)+IF(Input!$D$21=4,L305*Input!$C$21,0)+IF(Input!$D$22=4,M305*Input!$C$22,0)</f>
        <v>0</v>
      </c>
      <c r="R305" s="58">
        <v>50.42119460209998</v>
      </c>
      <c r="S305" s="124">
        <f t="shared" si="4"/>
        <v>1.3288492752726631</v>
      </c>
    </row>
    <row r="306" spans="2:19" x14ac:dyDescent="0.3">
      <c r="B306" s="44">
        <v>299</v>
      </c>
      <c r="C306" s="56">
        <f>Jesper!AM300</f>
        <v>8.3435522804933164</v>
      </c>
      <c r="D306" s="59">
        <f>Jesper!AN300</f>
        <v>27.811840934977724</v>
      </c>
      <c r="E306" s="59">
        <f>Jesper!AO300</f>
        <v>41.717761402466579</v>
      </c>
      <c r="F306" s="59">
        <f>Jesper!AP300</f>
        <v>200.24525473183959</v>
      </c>
      <c r="G306" s="58">
        <f>Jesper!AQ300</f>
        <v>0</v>
      </c>
      <c r="H306" s="44">
        <v>299</v>
      </c>
      <c r="I306" s="56">
        <f>Bühler!I332</f>
        <v>0.30665752506292221</v>
      </c>
      <c r="J306" s="59">
        <f>Bühler!J332</f>
        <v>1.0221917502097408</v>
      </c>
      <c r="K306" s="59">
        <f>Bühler!K332</f>
        <v>1.5332876253146113</v>
      </c>
      <c r="L306" s="59">
        <f>Bühler!L332</f>
        <v>15.424097784381729</v>
      </c>
      <c r="M306" s="58">
        <f>Bühler!M332</f>
        <v>0</v>
      </c>
      <c r="N306" s="56">
        <f>IF(Input!$D$19=1,J306*Input!$C$19,0)+IF(Input!$D$20=1,K306*Input!$C$20,0)+IF(Input!$D$21=1,L306*Input!$C$21,0)+IF(Input!$D$22=1,M306*Input!$C$22,0)</f>
        <v>0.30665752506292226</v>
      </c>
      <c r="O306" s="59">
        <f>IF(Input!$D$19=2,J306*Input!$C$19,0)+IF(Input!$D$20=2,K306*Input!$C$20,0)+IF(Input!$D$21=2,L306*Input!$C$21,0)+IF(Input!$D$22=2,M306*Input!$C$22,0)</f>
        <v>0.76664381265730563</v>
      </c>
      <c r="P306" s="59">
        <f>IF(Input!$D$19=3,J306*Input!$C$19,0)+IF(Input!$D$20=3,K306*Input!$C$20,0)+IF(Input!$D$21=3,L306*Input!$C$21,0)+IF(Input!$D$22=3,M306*Input!$C$22,0)</f>
        <v>0</v>
      </c>
      <c r="Q306" s="75">
        <f>IF(Input!$D$19=4,J306*Input!$C$19,0)+IF(Input!$D$20=4,K306*Input!$C$20,0)+IF(Input!$D$21=4,L306*Input!$C$21,0)+IF(Input!$D$22=4,M306*Input!$C$22,0)</f>
        <v>0</v>
      </c>
      <c r="R306" s="58">
        <v>50.538773528740506</v>
      </c>
      <c r="S306" s="124">
        <f t="shared" si="4"/>
        <v>1.3288492752726631</v>
      </c>
    </row>
    <row r="307" spans="2:19" x14ac:dyDescent="0.3">
      <c r="B307" s="44">
        <v>300</v>
      </c>
      <c r="C307" s="56">
        <f>Jesper!AM301</f>
        <v>5.2792685605225103</v>
      </c>
      <c r="D307" s="59">
        <f>Jesper!AN301</f>
        <v>17.59756186840837</v>
      </c>
      <c r="E307" s="59">
        <f>Jesper!AO301</f>
        <v>26.396342802612555</v>
      </c>
      <c r="F307" s="59">
        <f>Jesper!AP301</f>
        <v>268.47835650523245</v>
      </c>
      <c r="G307" s="58">
        <f>Jesper!AQ301</f>
        <v>0</v>
      </c>
      <c r="H307" s="44">
        <v>300</v>
      </c>
      <c r="I307" s="56">
        <f>Bühler!I333</f>
        <v>0.30665752506292221</v>
      </c>
      <c r="J307" s="59">
        <f>Bühler!J333</f>
        <v>1.0221917502097408</v>
      </c>
      <c r="K307" s="59">
        <f>Bühler!K333</f>
        <v>1.5332876253146113</v>
      </c>
      <c r="L307" s="59">
        <f>Bühler!L333</f>
        <v>15.424097784381729</v>
      </c>
      <c r="M307" s="58">
        <f>Bühler!M333</f>
        <v>0</v>
      </c>
      <c r="N307" s="56">
        <f>IF(Input!$D$19=1,J307*Input!$C$19,0)+IF(Input!$D$20=1,K307*Input!$C$20,0)+IF(Input!$D$21=1,L307*Input!$C$21,0)+IF(Input!$D$22=1,M307*Input!$C$22,0)</f>
        <v>0.30665752506292226</v>
      </c>
      <c r="O307" s="59">
        <f>IF(Input!$D$19=2,J307*Input!$C$19,0)+IF(Input!$D$20=2,K307*Input!$C$20,0)+IF(Input!$D$21=2,L307*Input!$C$21,0)+IF(Input!$D$22=2,M307*Input!$C$22,0)</f>
        <v>0.76664381265730563</v>
      </c>
      <c r="P307" s="59">
        <f>IF(Input!$D$19=3,J307*Input!$C$19,0)+IF(Input!$D$20=3,K307*Input!$C$20,0)+IF(Input!$D$21=3,L307*Input!$C$21,0)+IF(Input!$D$22=3,M307*Input!$C$22,0)</f>
        <v>0</v>
      </c>
      <c r="Q307" s="75">
        <f>IF(Input!$D$19=4,J307*Input!$C$19,0)+IF(Input!$D$20=4,K307*Input!$C$20,0)+IF(Input!$D$21=4,L307*Input!$C$21,0)+IF(Input!$D$22=4,M307*Input!$C$22,0)</f>
        <v>0</v>
      </c>
      <c r="R307" s="58">
        <v>50.506268969744745</v>
      </c>
      <c r="S307" s="124">
        <f t="shared" si="4"/>
        <v>1.3288492752726631</v>
      </c>
    </row>
    <row r="308" spans="2:19" x14ac:dyDescent="0.3">
      <c r="B308" s="44">
        <v>301</v>
      </c>
      <c r="C308" s="56">
        <f>Jesper!AM302</f>
        <v>5.5976935829549594</v>
      </c>
      <c r="D308" s="59">
        <f>Jesper!AN302</f>
        <v>18.658978609849868</v>
      </c>
      <c r="E308" s="59">
        <f>Jesper!AO302</f>
        <v>27.988467914774802</v>
      </c>
      <c r="F308" s="59">
        <f>Jesper!AP302</f>
        <v>275.66082231463292</v>
      </c>
      <c r="G308" s="58">
        <f>Jesper!AQ302</f>
        <v>0</v>
      </c>
      <c r="H308" s="44">
        <v>301</v>
      </c>
      <c r="I308" s="56">
        <f>Bühler!I334</f>
        <v>0.30665752506292221</v>
      </c>
      <c r="J308" s="59">
        <f>Bühler!J334</f>
        <v>1.0221917502097408</v>
      </c>
      <c r="K308" s="59">
        <f>Bühler!K334</f>
        <v>1.5332876253146113</v>
      </c>
      <c r="L308" s="59">
        <f>Bühler!L334</f>
        <v>15.424097784381729</v>
      </c>
      <c r="M308" s="58">
        <f>Bühler!M334</f>
        <v>0</v>
      </c>
      <c r="N308" s="56">
        <f>IF(Input!$D$19=1,J308*Input!$C$19,0)+IF(Input!$D$20=1,K308*Input!$C$20,0)+IF(Input!$D$21=1,L308*Input!$C$21,0)+IF(Input!$D$22=1,M308*Input!$C$22,0)</f>
        <v>0.30665752506292226</v>
      </c>
      <c r="O308" s="59">
        <f>IF(Input!$D$19=2,J308*Input!$C$19,0)+IF(Input!$D$20=2,K308*Input!$C$20,0)+IF(Input!$D$21=2,L308*Input!$C$21,0)+IF(Input!$D$22=2,M308*Input!$C$22,0)</f>
        <v>0.76664381265730563</v>
      </c>
      <c r="P308" s="59">
        <f>IF(Input!$D$19=3,J308*Input!$C$19,0)+IF(Input!$D$20=3,K308*Input!$C$20,0)+IF(Input!$D$21=3,L308*Input!$C$21,0)+IF(Input!$D$22=3,M308*Input!$C$22,0)</f>
        <v>0</v>
      </c>
      <c r="Q308" s="75">
        <f>IF(Input!$D$19=4,J308*Input!$C$19,0)+IF(Input!$D$20=4,K308*Input!$C$20,0)+IF(Input!$D$21=4,L308*Input!$C$21,0)+IF(Input!$D$22=4,M308*Input!$C$22,0)</f>
        <v>0</v>
      </c>
      <c r="R308" s="58">
        <v>49.212828460834665</v>
      </c>
      <c r="S308" s="124">
        <f t="shared" si="4"/>
        <v>1.3288492752726631</v>
      </c>
    </row>
    <row r="309" spans="2:19" x14ac:dyDescent="0.3">
      <c r="B309" s="44">
        <v>302</v>
      </c>
      <c r="C309" s="56">
        <f>Jesper!AM303</f>
        <v>8.5743912267968128</v>
      </c>
      <c r="D309" s="59">
        <f>Jesper!AN303</f>
        <v>28.58130408932271</v>
      </c>
      <c r="E309" s="59">
        <f>Jesper!AO303</f>
        <v>42.871956133984064</v>
      </c>
      <c r="F309" s="59">
        <f>Jesper!AP303</f>
        <v>205.78538944312348</v>
      </c>
      <c r="G309" s="58">
        <f>Jesper!AQ303</f>
        <v>0</v>
      </c>
      <c r="H309" s="44">
        <v>302</v>
      </c>
      <c r="I309" s="56">
        <f>Bühler!I335</f>
        <v>0.30665752506292221</v>
      </c>
      <c r="J309" s="59">
        <f>Bühler!J335</f>
        <v>1.0221917502097408</v>
      </c>
      <c r="K309" s="59">
        <f>Bühler!K335</f>
        <v>1.5332876253146113</v>
      </c>
      <c r="L309" s="59">
        <f>Bühler!L335</f>
        <v>15.424097784381729</v>
      </c>
      <c r="M309" s="58">
        <f>Bühler!M335</f>
        <v>0</v>
      </c>
      <c r="N309" s="56">
        <f>IF(Input!$D$19=1,J309*Input!$C$19,0)+IF(Input!$D$20=1,K309*Input!$C$20,0)+IF(Input!$D$21=1,L309*Input!$C$21,0)+IF(Input!$D$22=1,M309*Input!$C$22,0)</f>
        <v>0.30665752506292226</v>
      </c>
      <c r="O309" s="59">
        <f>IF(Input!$D$19=2,J309*Input!$C$19,0)+IF(Input!$D$20=2,K309*Input!$C$20,0)+IF(Input!$D$21=2,L309*Input!$C$21,0)+IF(Input!$D$22=2,M309*Input!$C$22,0)</f>
        <v>0.76664381265730563</v>
      </c>
      <c r="P309" s="59">
        <f>IF(Input!$D$19=3,J309*Input!$C$19,0)+IF(Input!$D$20=3,K309*Input!$C$20,0)+IF(Input!$D$21=3,L309*Input!$C$21,0)+IF(Input!$D$22=3,M309*Input!$C$22,0)</f>
        <v>0</v>
      </c>
      <c r="Q309" s="75">
        <f>IF(Input!$D$19=4,J309*Input!$C$19,0)+IF(Input!$D$20=4,K309*Input!$C$20,0)+IF(Input!$D$21=4,L309*Input!$C$21,0)+IF(Input!$D$22=4,M309*Input!$C$22,0)</f>
        <v>0</v>
      </c>
      <c r="R309" s="58">
        <v>48.440902388161909</v>
      </c>
      <c r="S309" s="124">
        <f t="shared" si="4"/>
        <v>1.3288492752726631</v>
      </c>
    </row>
    <row r="310" spans="2:19" x14ac:dyDescent="0.3">
      <c r="B310" s="44">
        <v>303</v>
      </c>
      <c r="C310" s="56">
        <f>Jesper!AM304</f>
        <v>8.8052301731003091</v>
      </c>
      <c r="D310" s="59">
        <f>Jesper!AN304</f>
        <v>29.350767243667697</v>
      </c>
      <c r="E310" s="59">
        <f>Jesper!AO304</f>
        <v>44.026150865501542</v>
      </c>
      <c r="F310" s="59">
        <f>Jesper!AP304</f>
        <v>211.32552415440739</v>
      </c>
      <c r="G310" s="58">
        <f>Jesper!AQ304</f>
        <v>0</v>
      </c>
      <c r="H310" s="44">
        <v>303</v>
      </c>
      <c r="I310" s="56">
        <f>Bühler!I336</f>
        <v>0.30665752506292221</v>
      </c>
      <c r="J310" s="59">
        <f>Bühler!J336</f>
        <v>1.0221917502097408</v>
      </c>
      <c r="K310" s="59">
        <f>Bühler!K336</f>
        <v>1.5332876253146113</v>
      </c>
      <c r="L310" s="59">
        <f>Bühler!L336</f>
        <v>15.424097784381729</v>
      </c>
      <c r="M310" s="58">
        <f>Bühler!M336</f>
        <v>0</v>
      </c>
      <c r="N310" s="56">
        <f>IF(Input!$D$19=1,J310*Input!$C$19,0)+IF(Input!$D$20=1,K310*Input!$C$20,0)+IF(Input!$D$21=1,L310*Input!$C$21,0)+IF(Input!$D$22=1,M310*Input!$C$22,0)</f>
        <v>0.30665752506292226</v>
      </c>
      <c r="O310" s="59">
        <f>IF(Input!$D$19=2,J310*Input!$C$19,0)+IF(Input!$D$20=2,K310*Input!$C$20,0)+IF(Input!$D$21=2,L310*Input!$C$21,0)+IF(Input!$D$22=2,M310*Input!$C$22,0)</f>
        <v>0.76664381265730563</v>
      </c>
      <c r="P310" s="59">
        <f>IF(Input!$D$19=3,J310*Input!$C$19,0)+IF(Input!$D$20=3,K310*Input!$C$20,0)+IF(Input!$D$21=3,L310*Input!$C$21,0)+IF(Input!$D$22=3,M310*Input!$C$22,0)</f>
        <v>0</v>
      </c>
      <c r="Q310" s="75">
        <f>IF(Input!$D$19=4,J310*Input!$C$19,0)+IF(Input!$D$20=4,K310*Input!$C$20,0)+IF(Input!$D$21=4,L310*Input!$C$21,0)+IF(Input!$D$22=4,M310*Input!$C$22,0)</f>
        <v>0</v>
      </c>
      <c r="R310" s="58">
        <v>47.884704404335984</v>
      </c>
      <c r="S310" s="124">
        <f t="shared" si="4"/>
        <v>1.3288492752726631</v>
      </c>
    </row>
    <row r="311" spans="2:19" x14ac:dyDescent="0.3">
      <c r="B311" s="44">
        <v>304</v>
      </c>
      <c r="C311" s="56">
        <f>Jesper!AM305</f>
        <v>8.8052301731003091</v>
      </c>
      <c r="D311" s="59">
        <f>Jesper!AN305</f>
        <v>29.350767243667697</v>
      </c>
      <c r="E311" s="59">
        <f>Jesper!AO305</f>
        <v>44.026150865501542</v>
      </c>
      <c r="F311" s="59">
        <f>Jesper!AP305</f>
        <v>211.32552415440739</v>
      </c>
      <c r="G311" s="58">
        <f>Jesper!AQ305</f>
        <v>0</v>
      </c>
      <c r="H311" s="44">
        <v>304</v>
      </c>
      <c r="I311" s="56">
        <f>Bühler!I337</f>
        <v>0.27725200896099811</v>
      </c>
      <c r="J311" s="59">
        <f>Bühler!J337</f>
        <v>0.92417336320332721</v>
      </c>
      <c r="K311" s="59">
        <f>Bühler!K337</f>
        <v>1.3862600448049909</v>
      </c>
      <c r="L311" s="59">
        <f>Bühler!L337</f>
        <v>13.945074709167043</v>
      </c>
      <c r="M311" s="58">
        <f>Bühler!M337</f>
        <v>0</v>
      </c>
      <c r="N311" s="56">
        <f>IF(Input!$D$19=1,J311*Input!$C$19,0)+IF(Input!$D$20=1,K311*Input!$C$20,0)+IF(Input!$D$21=1,L311*Input!$C$21,0)+IF(Input!$D$22=1,M311*Input!$C$22,0)</f>
        <v>0.27725200896099816</v>
      </c>
      <c r="O311" s="59">
        <f>IF(Input!$D$19=2,J311*Input!$C$19,0)+IF(Input!$D$20=2,K311*Input!$C$20,0)+IF(Input!$D$21=2,L311*Input!$C$21,0)+IF(Input!$D$22=2,M311*Input!$C$22,0)</f>
        <v>0.69313002240249544</v>
      </c>
      <c r="P311" s="59">
        <f>IF(Input!$D$19=3,J311*Input!$C$19,0)+IF(Input!$D$20=3,K311*Input!$C$20,0)+IF(Input!$D$21=3,L311*Input!$C$21,0)+IF(Input!$D$22=3,M311*Input!$C$22,0)</f>
        <v>0</v>
      </c>
      <c r="Q311" s="75">
        <f>IF(Input!$D$19=4,J311*Input!$C$19,0)+IF(Input!$D$20=4,K311*Input!$C$20,0)+IF(Input!$D$21=4,L311*Input!$C$21,0)+IF(Input!$D$22=4,M311*Input!$C$22,0)</f>
        <v>0</v>
      </c>
      <c r="R311" s="58">
        <v>47.151804538105488</v>
      </c>
      <c r="S311" s="124">
        <f t="shared" si="4"/>
        <v>1.2014253721643253</v>
      </c>
    </row>
    <row r="312" spans="2:19" x14ac:dyDescent="0.3">
      <c r="B312" s="44">
        <v>305</v>
      </c>
      <c r="C312" s="56">
        <f>Jesper!AM306</f>
        <v>8.5743912267968128</v>
      </c>
      <c r="D312" s="59">
        <f>Jesper!AN306</f>
        <v>28.58130408932271</v>
      </c>
      <c r="E312" s="59">
        <f>Jesper!AO306</f>
        <v>42.871956133984064</v>
      </c>
      <c r="F312" s="59">
        <f>Jesper!AP306</f>
        <v>205.78538944312348</v>
      </c>
      <c r="G312" s="58">
        <f>Jesper!AQ306</f>
        <v>0</v>
      </c>
      <c r="H312" s="44">
        <v>305</v>
      </c>
      <c r="I312" s="56">
        <f>Bühler!I338</f>
        <v>0.25204728087363465</v>
      </c>
      <c r="J312" s="59">
        <f>Bühler!J338</f>
        <v>0.84015760291211572</v>
      </c>
      <c r="K312" s="59">
        <f>Bühler!K338</f>
        <v>1.2602364043681735</v>
      </c>
      <c r="L312" s="59">
        <f>Bühler!L338</f>
        <v>12.677340644697312</v>
      </c>
      <c r="M312" s="58">
        <f>Bühler!M338</f>
        <v>0</v>
      </c>
      <c r="N312" s="56">
        <f>IF(Input!$D$19=1,J312*Input!$C$19,0)+IF(Input!$D$20=1,K312*Input!$C$20,0)+IF(Input!$D$21=1,L312*Input!$C$21,0)+IF(Input!$D$22=1,M312*Input!$C$22,0)</f>
        <v>0.2520472808736347</v>
      </c>
      <c r="O312" s="59">
        <f>IF(Input!$D$19=2,J312*Input!$C$19,0)+IF(Input!$D$20=2,K312*Input!$C$20,0)+IF(Input!$D$21=2,L312*Input!$C$21,0)+IF(Input!$D$22=2,M312*Input!$C$22,0)</f>
        <v>0.63011820218408676</v>
      </c>
      <c r="P312" s="59">
        <f>IF(Input!$D$19=3,J312*Input!$C$19,0)+IF(Input!$D$20=3,K312*Input!$C$20,0)+IF(Input!$D$21=3,L312*Input!$C$21,0)+IF(Input!$D$22=3,M312*Input!$C$22,0)</f>
        <v>0</v>
      </c>
      <c r="Q312" s="75">
        <f>IF(Input!$D$19=4,J312*Input!$C$19,0)+IF(Input!$D$20=4,K312*Input!$C$20,0)+IF(Input!$D$21=4,L312*Input!$C$21,0)+IF(Input!$D$22=4,M312*Input!$C$22,0)</f>
        <v>0</v>
      </c>
      <c r="R312" s="58">
        <v>46.865437873686169</v>
      </c>
      <c r="S312" s="124">
        <f t="shared" si="4"/>
        <v>1.0922048837857503</v>
      </c>
    </row>
    <row r="313" spans="2:19" x14ac:dyDescent="0.3">
      <c r="B313" s="44">
        <v>306</v>
      </c>
      <c r="C313" s="56">
        <f>Jesper!AM307</f>
        <v>8.2463569346813195</v>
      </c>
      <c r="D313" s="59">
        <f>Jesper!AN307</f>
        <v>27.487856448937734</v>
      </c>
      <c r="E313" s="59">
        <f>Jesper!AO307</f>
        <v>41.231784673406594</v>
      </c>
      <c r="F313" s="59">
        <f>Jesper!AP307</f>
        <v>197.91256643235167</v>
      </c>
      <c r="G313" s="58">
        <f>Jesper!AQ307</f>
        <v>0</v>
      </c>
      <c r="H313" s="44">
        <v>306</v>
      </c>
      <c r="I313" s="56">
        <f>Bühler!I339</f>
        <v>0.22684255278627119</v>
      </c>
      <c r="J313" s="59">
        <f>Bühler!J339</f>
        <v>0.756141842620904</v>
      </c>
      <c r="K313" s="59">
        <f>Bühler!K339</f>
        <v>1.1342127639313559</v>
      </c>
      <c r="L313" s="59">
        <f>Bühler!L339</f>
        <v>11.40960658022758</v>
      </c>
      <c r="M313" s="58">
        <f>Bühler!M339</f>
        <v>0</v>
      </c>
      <c r="N313" s="56">
        <f>IF(Input!$D$19=1,J313*Input!$C$19,0)+IF(Input!$D$20=1,K313*Input!$C$20,0)+IF(Input!$D$21=1,L313*Input!$C$21,0)+IF(Input!$D$22=1,M313*Input!$C$22,0)</f>
        <v>0.22684255278627119</v>
      </c>
      <c r="O313" s="59">
        <f>IF(Input!$D$19=2,J313*Input!$C$19,0)+IF(Input!$D$20=2,K313*Input!$C$20,0)+IF(Input!$D$21=2,L313*Input!$C$21,0)+IF(Input!$D$22=2,M313*Input!$C$22,0)</f>
        <v>0.56710638196567797</v>
      </c>
      <c r="P313" s="59">
        <f>IF(Input!$D$19=3,J313*Input!$C$19,0)+IF(Input!$D$20=3,K313*Input!$C$20,0)+IF(Input!$D$21=3,L313*Input!$C$21,0)+IF(Input!$D$22=3,M313*Input!$C$22,0)</f>
        <v>0</v>
      </c>
      <c r="Q313" s="75">
        <f>IF(Input!$D$19=4,J313*Input!$C$19,0)+IF(Input!$D$20=4,K313*Input!$C$20,0)+IF(Input!$D$21=4,L313*Input!$C$21,0)+IF(Input!$D$22=4,M313*Input!$C$22,0)</f>
        <v>0</v>
      </c>
      <c r="R313" s="58">
        <v>46.332784872203689</v>
      </c>
      <c r="S313" s="124">
        <f t="shared" si="4"/>
        <v>0.98298439540717519</v>
      </c>
    </row>
    <row r="314" spans="2:19" x14ac:dyDescent="0.3">
      <c r="B314" s="44">
        <v>307</v>
      </c>
      <c r="C314" s="56">
        <f>Jesper!AM308</f>
        <v>4.8016310268738387</v>
      </c>
      <c r="D314" s="59">
        <f>Jesper!AN308</f>
        <v>16.00543675624613</v>
      </c>
      <c r="E314" s="59">
        <f>Jesper!AO308</f>
        <v>24.008155134369193</v>
      </c>
      <c r="F314" s="59">
        <f>Jesper!AP308</f>
        <v>257.70465779113164</v>
      </c>
      <c r="G314" s="58">
        <f>Jesper!AQ308</f>
        <v>0</v>
      </c>
      <c r="H314" s="44">
        <v>307</v>
      </c>
      <c r="I314" s="56">
        <f>Bühler!I340</f>
        <v>0.21844097675715002</v>
      </c>
      <c r="J314" s="59">
        <f>Bühler!J340</f>
        <v>0.72813658919050017</v>
      </c>
      <c r="K314" s="59">
        <f>Bühler!K340</f>
        <v>1.0922048837857503</v>
      </c>
      <c r="L314" s="59">
        <f>Bühler!L340</f>
        <v>10.987028558737668</v>
      </c>
      <c r="M314" s="58">
        <f>Bühler!M340</f>
        <v>0</v>
      </c>
      <c r="N314" s="56">
        <f>IF(Input!$D$19=1,J314*Input!$C$19,0)+IF(Input!$D$20=1,K314*Input!$C$20,0)+IF(Input!$D$21=1,L314*Input!$C$21,0)+IF(Input!$D$22=1,M314*Input!$C$22,0)</f>
        <v>0.21844097675715005</v>
      </c>
      <c r="O314" s="59">
        <f>IF(Input!$D$19=2,J314*Input!$C$19,0)+IF(Input!$D$20=2,K314*Input!$C$20,0)+IF(Input!$D$21=2,L314*Input!$C$21,0)+IF(Input!$D$22=2,M314*Input!$C$22,0)</f>
        <v>0.54610244189287516</v>
      </c>
      <c r="P314" s="59">
        <f>IF(Input!$D$19=3,J314*Input!$C$19,0)+IF(Input!$D$20=3,K314*Input!$C$20,0)+IF(Input!$D$21=3,L314*Input!$C$21,0)+IF(Input!$D$22=3,M314*Input!$C$22,0)</f>
        <v>0</v>
      </c>
      <c r="Q314" s="75">
        <f>IF(Input!$D$19=4,J314*Input!$C$19,0)+IF(Input!$D$20=4,K314*Input!$C$20,0)+IF(Input!$D$21=4,L314*Input!$C$21,0)+IF(Input!$D$22=4,M314*Input!$C$22,0)</f>
        <v>0</v>
      </c>
      <c r="R314" s="58">
        <v>45.380749637596608</v>
      </c>
      <c r="S314" s="124">
        <f t="shared" si="4"/>
        <v>0.94657756594765019</v>
      </c>
    </row>
    <row r="315" spans="2:19" x14ac:dyDescent="0.3">
      <c r="B315" s="44">
        <v>308</v>
      </c>
      <c r="C315" s="56">
        <f>Jesper!AM309</f>
        <v>4.7131796317537145</v>
      </c>
      <c r="D315" s="59">
        <f>Jesper!AN309</f>
        <v>15.710598772512382</v>
      </c>
      <c r="E315" s="59">
        <f>Jesper!AO309</f>
        <v>23.565898158768576</v>
      </c>
      <c r="F315" s="59">
        <f>Jesper!AP309</f>
        <v>255.70952839963149</v>
      </c>
      <c r="G315" s="58">
        <f>Jesper!AQ309</f>
        <v>0</v>
      </c>
      <c r="H315" s="44">
        <v>308</v>
      </c>
      <c r="I315" s="56">
        <f>Bühler!I341</f>
        <v>0.17643309661154427</v>
      </c>
      <c r="J315" s="59">
        <f>Bühler!J341</f>
        <v>0.58811032203848101</v>
      </c>
      <c r="K315" s="59">
        <f>Bühler!K341</f>
        <v>0.88216548305772147</v>
      </c>
      <c r="L315" s="59">
        <f>Bühler!L341</f>
        <v>8.8741384512881183</v>
      </c>
      <c r="M315" s="58">
        <f>Bühler!M341</f>
        <v>0</v>
      </c>
      <c r="N315" s="56">
        <f>IF(Input!$D$19=1,J315*Input!$C$19,0)+IF(Input!$D$20=1,K315*Input!$C$20,0)+IF(Input!$D$21=1,L315*Input!$C$21,0)+IF(Input!$D$22=1,M315*Input!$C$22,0)</f>
        <v>0.1764330966115443</v>
      </c>
      <c r="O315" s="59">
        <f>IF(Input!$D$19=2,J315*Input!$C$19,0)+IF(Input!$D$20=2,K315*Input!$C$20,0)+IF(Input!$D$21=2,L315*Input!$C$21,0)+IF(Input!$D$22=2,M315*Input!$C$22,0)</f>
        <v>0.44108274152886073</v>
      </c>
      <c r="P315" s="59">
        <f>IF(Input!$D$19=3,J315*Input!$C$19,0)+IF(Input!$D$20=3,K315*Input!$C$20,0)+IF(Input!$D$21=3,L315*Input!$C$21,0)+IF(Input!$D$22=3,M315*Input!$C$22,0)</f>
        <v>0</v>
      </c>
      <c r="Q315" s="75">
        <f>IF(Input!$D$19=4,J315*Input!$C$19,0)+IF(Input!$D$20=4,K315*Input!$C$20,0)+IF(Input!$D$21=4,L315*Input!$C$21,0)+IF(Input!$D$22=4,M315*Input!$C$22,0)</f>
        <v>0</v>
      </c>
      <c r="R315" s="58">
        <v>45.151754814115606</v>
      </c>
      <c r="S315" s="124">
        <f t="shared" si="4"/>
        <v>0.76454341865002529</v>
      </c>
    </row>
    <row r="316" spans="2:19" x14ac:dyDescent="0.3">
      <c r="B316" s="44">
        <v>309</v>
      </c>
      <c r="C316" s="56">
        <f>Jesper!AM310</f>
        <v>8.0851270265662727</v>
      </c>
      <c r="D316" s="59">
        <f>Jesper!AN310</f>
        <v>26.950423421887578</v>
      </c>
      <c r="E316" s="59">
        <f>Jesper!AO310</f>
        <v>40.42563513283136</v>
      </c>
      <c r="F316" s="59">
        <f>Jesper!AP310</f>
        <v>194.04304863759054</v>
      </c>
      <c r="G316" s="58">
        <f>Jesper!AQ310</f>
        <v>0</v>
      </c>
      <c r="H316" s="44">
        <v>309</v>
      </c>
      <c r="I316" s="56">
        <f>Bühler!I342</f>
        <v>0.13022442845137791</v>
      </c>
      <c r="J316" s="59">
        <f>Bühler!J342</f>
        <v>0.43408142817125972</v>
      </c>
      <c r="K316" s="59">
        <f>Bühler!K342</f>
        <v>0.65112214225688958</v>
      </c>
      <c r="L316" s="59">
        <f>Bühler!L342</f>
        <v>6.5499593330936108</v>
      </c>
      <c r="M316" s="58">
        <f>Bühler!M342</f>
        <v>0</v>
      </c>
      <c r="N316" s="56">
        <f>IF(Input!$D$19=1,J316*Input!$C$19,0)+IF(Input!$D$20=1,K316*Input!$C$20,0)+IF(Input!$D$21=1,L316*Input!$C$21,0)+IF(Input!$D$22=1,M316*Input!$C$22,0)</f>
        <v>0.13022442845137791</v>
      </c>
      <c r="O316" s="59">
        <f>IF(Input!$D$19=2,J316*Input!$C$19,0)+IF(Input!$D$20=2,K316*Input!$C$20,0)+IF(Input!$D$21=2,L316*Input!$C$21,0)+IF(Input!$D$22=2,M316*Input!$C$22,0)</f>
        <v>0.32556107112844479</v>
      </c>
      <c r="P316" s="59">
        <f>IF(Input!$D$19=3,J316*Input!$C$19,0)+IF(Input!$D$20=3,K316*Input!$C$20,0)+IF(Input!$D$21=3,L316*Input!$C$21,0)+IF(Input!$D$22=3,M316*Input!$C$22,0)</f>
        <v>0</v>
      </c>
      <c r="Q316" s="75">
        <f>IF(Input!$D$19=4,J316*Input!$C$19,0)+IF(Input!$D$20=4,K316*Input!$C$20,0)+IF(Input!$D$21=4,L316*Input!$C$21,0)+IF(Input!$D$22=4,M316*Input!$C$22,0)</f>
        <v>0</v>
      </c>
      <c r="R316" s="58">
        <v>45.413384098401195</v>
      </c>
      <c r="S316" s="124">
        <f t="shared" si="4"/>
        <v>0.56430585662263766</v>
      </c>
    </row>
    <row r="317" spans="2:19" x14ac:dyDescent="0.3">
      <c r="B317" s="44">
        <v>310</v>
      </c>
      <c r="C317" s="56">
        <f>Jesper!AM311</f>
        <v>8.101874162730029</v>
      </c>
      <c r="D317" s="59">
        <f>Jesper!AN311</f>
        <v>27.006247209100099</v>
      </c>
      <c r="E317" s="59">
        <f>Jesper!AO311</f>
        <v>40.509370813650143</v>
      </c>
      <c r="F317" s="59">
        <f>Jesper!AP311</f>
        <v>194.44497990552071</v>
      </c>
      <c r="G317" s="58">
        <f>Jesper!AQ311</f>
        <v>0</v>
      </c>
      <c r="H317" s="44">
        <v>310</v>
      </c>
      <c r="I317" s="56">
        <f>Bühler!I343</f>
        <v>0.13022442845137791</v>
      </c>
      <c r="J317" s="59">
        <f>Bühler!J343</f>
        <v>0.43408142817125972</v>
      </c>
      <c r="K317" s="59">
        <f>Bühler!K343</f>
        <v>0.65112214225688958</v>
      </c>
      <c r="L317" s="59">
        <f>Bühler!L343</f>
        <v>6.5499593330936108</v>
      </c>
      <c r="M317" s="58">
        <f>Bühler!M343</f>
        <v>0</v>
      </c>
      <c r="N317" s="56">
        <f>IF(Input!$D$19=1,J317*Input!$C$19,0)+IF(Input!$D$20=1,K317*Input!$C$20,0)+IF(Input!$D$21=1,L317*Input!$C$21,0)+IF(Input!$D$22=1,M317*Input!$C$22,0)</f>
        <v>0.13022442845137791</v>
      </c>
      <c r="O317" s="59">
        <f>IF(Input!$D$19=2,J317*Input!$C$19,0)+IF(Input!$D$20=2,K317*Input!$C$20,0)+IF(Input!$D$21=2,L317*Input!$C$21,0)+IF(Input!$D$22=2,M317*Input!$C$22,0)</f>
        <v>0.32556107112844479</v>
      </c>
      <c r="P317" s="59">
        <f>IF(Input!$D$19=3,J317*Input!$C$19,0)+IF(Input!$D$20=3,K317*Input!$C$20,0)+IF(Input!$D$21=3,L317*Input!$C$21,0)+IF(Input!$D$22=3,M317*Input!$C$22,0)</f>
        <v>0</v>
      </c>
      <c r="Q317" s="75">
        <f>IF(Input!$D$19=4,J317*Input!$C$19,0)+IF(Input!$D$20=4,K317*Input!$C$20,0)+IF(Input!$D$21=4,L317*Input!$C$21,0)+IF(Input!$D$22=4,M317*Input!$C$22,0)</f>
        <v>0</v>
      </c>
      <c r="R317" s="58">
        <v>44.982883443343795</v>
      </c>
      <c r="S317" s="124">
        <f t="shared" si="4"/>
        <v>0.56430585662263766</v>
      </c>
    </row>
    <row r="318" spans="2:19" x14ac:dyDescent="0.3">
      <c r="B318" s="44">
        <v>311</v>
      </c>
      <c r="C318" s="56">
        <f>Jesper!AM312</f>
        <v>8.1130389201725386</v>
      </c>
      <c r="D318" s="59">
        <f>Jesper!AN312</f>
        <v>27.043463067241795</v>
      </c>
      <c r="E318" s="59">
        <f>Jesper!AO312</f>
        <v>40.565194600862689</v>
      </c>
      <c r="F318" s="59">
        <f>Jesper!AP312</f>
        <v>194.7129340841409</v>
      </c>
      <c r="G318" s="58">
        <f>Jesper!AQ312</f>
        <v>0</v>
      </c>
      <c r="H318" s="44">
        <v>311</v>
      </c>
      <c r="I318" s="56">
        <f>Bühler!I344</f>
        <v>0.13022442845137791</v>
      </c>
      <c r="J318" s="59">
        <f>Bühler!J344</f>
        <v>0.43408142817125972</v>
      </c>
      <c r="K318" s="59">
        <f>Bühler!K344</f>
        <v>0.65112214225688958</v>
      </c>
      <c r="L318" s="59">
        <f>Bühler!L344</f>
        <v>6.5499593330936108</v>
      </c>
      <c r="M318" s="58">
        <f>Bühler!M344</f>
        <v>0</v>
      </c>
      <c r="N318" s="56">
        <f>IF(Input!$D$19=1,J318*Input!$C$19,0)+IF(Input!$D$20=1,K318*Input!$C$20,0)+IF(Input!$D$21=1,L318*Input!$C$21,0)+IF(Input!$D$22=1,M318*Input!$C$22,0)</f>
        <v>0.13022442845137791</v>
      </c>
      <c r="O318" s="59">
        <f>IF(Input!$D$19=2,J318*Input!$C$19,0)+IF(Input!$D$20=2,K318*Input!$C$20,0)+IF(Input!$D$21=2,L318*Input!$C$21,0)+IF(Input!$D$22=2,M318*Input!$C$22,0)</f>
        <v>0.32556107112844479</v>
      </c>
      <c r="P318" s="59">
        <f>IF(Input!$D$19=3,J318*Input!$C$19,0)+IF(Input!$D$20=3,K318*Input!$C$20,0)+IF(Input!$D$21=3,L318*Input!$C$21,0)+IF(Input!$D$22=3,M318*Input!$C$22,0)</f>
        <v>0</v>
      </c>
      <c r="Q318" s="75">
        <f>IF(Input!$D$19=4,J318*Input!$C$19,0)+IF(Input!$D$20=4,K318*Input!$C$20,0)+IF(Input!$D$21=4,L318*Input!$C$21,0)+IF(Input!$D$22=4,M318*Input!$C$22,0)</f>
        <v>0</v>
      </c>
      <c r="R318" s="58">
        <v>45.011688948793825</v>
      </c>
      <c r="S318" s="124">
        <f t="shared" si="4"/>
        <v>0.56430585662263766</v>
      </c>
    </row>
    <row r="319" spans="2:19" x14ac:dyDescent="0.3">
      <c r="B319" s="44">
        <v>312</v>
      </c>
      <c r="C319" s="56">
        <f>Jesper!AM313</f>
        <v>8.1632803286638111</v>
      </c>
      <c r="D319" s="59">
        <f>Jesper!AN313</f>
        <v>27.210934428879369</v>
      </c>
      <c r="E319" s="59">
        <f>Jesper!AO313</f>
        <v>40.816401643319054</v>
      </c>
      <c r="F319" s="59">
        <f>Jesper!AP313</f>
        <v>195.91872788793145</v>
      </c>
      <c r="G319" s="58">
        <f>Jesper!AQ313</f>
        <v>0</v>
      </c>
      <c r="H319" s="44">
        <v>312</v>
      </c>
      <c r="I319" s="56">
        <f>Bühler!I345</f>
        <v>0.13022442845137791</v>
      </c>
      <c r="J319" s="59">
        <f>Bühler!J345</f>
        <v>0.43408142817125972</v>
      </c>
      <c r="K319" s="59">
        <f>Bühler!K345</f>
        <v>0.65112214225688958</v>
      </c>
      <c r="L319" s="59">
        <f>Bühler!L345</f>
        <v>6.5499593330936108</v>
      </c>
      <c r="M319" s="58">
        <f>Bühler!M345</f>
        <v>0</v>
      </c>
      <c r="N319" s="56">
        <f>IF(Input!$D$19=1,J319*Input!$C$19,0)+IF(Input!$D$20=1,K319*Input!$C$20,0)+IF(Input!$D$21=1,L319*Input!$C$21,0)+IF(Input!$D$22=1,M319*Input!$C$22,0)</f>
        <v>0.13022442845137791</v>
      </c>
      <c r="O319" s="59">
        <f>IF(Input!$D$19=2,J319*Input!$C$19,0)+IF(Input!$D$20=2,K319*Input!$C$20,0)+IF(Input!$D$21=2,L319*Input!$C$21,0)+IF(Input!$D$22=2,M319*Input!$C$22,0)</f>
        <v>0.32556107112844479</v>
      </c>
      <c r="P319" s="59">
        <f>IF(Input!$D$19=3,J319*Input!$C$19,0)+IF(Input!$D$20=3,K319*Input!$C$20,0)+IF(Input!$D$21=3,L319*Input!$C$21,0)+IF(Input!$D$22=3,M319*Input!$C$22,0)</f>
        <v>0</v>
      </c>
      <c r="Q319" s="75">
        <f>IF(Input!$D$19=4,J319*Input!$C$19,0)+IF(Input!$D$20=4,K319*Input!$C$20,0)+IF(Input!$D$21=4,L319*Input!$C$21,0)+IF(Input!$D$22=4,M319*Input!$C$22,0)</f>
        <v>0</v>
      </c>
      <c r="R319" s="58">
        <v>44.483415558453672</v>
      </c>
      <c r="S319" s="124">
        <f t="shared" si="4"/>
        <v>0.56430585662263766</v>
      </c>
    </row>
    <row r="320" spans="2:19" x14ac:dyDescent="0.3">
      <c r="B320" s="44">
        <v>313</v>
      </c>
      <c r="C320" s="56">
        <f>Jesper!AM314</f>
        <v>8.124203677615041</v>
      </c>
      <c r="D320" s="59">
        <f>Jesper!AN314</f>
        <v>27.080678925383474</v>
      </c>
      <c r="E320" s="59">
        <f>Jesper!AO314</f>
        <v>40.621018388075207</v>
      </c>
      <c r="F320" s="59">
        <f>Jesper!AP314</f>
        <v>194.980888262761</v>
      </c>
      <c r="G320" s="58">
        <f>Jesper!AQ314</f>
        <v>0</v>
      </c>
      <c r="H320" s="44">
        <v>313</v>
      </c>
      <c r="I320" s="56">
        <f>Bühler!I346</f>
        <v>0.14994797151918937</v>
      </c>
      <c r="J320" s="59">
        <f>Bühler!J346</f>
        <v>0.49982657173063127</v>
      </c>
      <c r="K320" s="59">
        <f>Bühler!K346</f>
        <v>0.74973985759594697</v>
      </c>
      <c r="L320" s="59">
        <f>Bühler!L346</f>
        <v>7.488055916609234</v>
      </c>
      <c r="M320" s="58">
        <f>Bühler!M346</f>
        <v>0</v>
      </c>
      <c r="N320" s="56">
        <f>IF(Input!$D$19=1,J320*Input!$C$19,0)+IF(Input!$D$20=1,K320*Input!$C$20,0)+IF(Input!$D$21=1,L320*Input!$C$21,0)+IF(Input!$D$22=1,M320*Input!$C$22,0)</f>
        <v>0.14994797151918937</v>
      </c>
      <c r="O320" s="59">
        <f>IF(Input!$D$19=2,J320*Input!$C$19,0)+IF(Input!$D$20=2,K320*Input!$C$20,0)+IF(Input!$D$21=2,L320*Input!$C$21,0)+IF(Input!$D$22=2,M320*Input!$C$22,0)</f>
        <v>0.37486992879797348</v>
      </c>
      <c r="P320" s="59">
        <f>IF(Input!$D$19=3,J320*Input!$C$19,0)+IF(Input!$D$20=3,K320*Input!$C$20,0)+IF(Input!$D$21=3,L320*Input!$C$21,0)+IF(Input!$D$22=3,M320*Input!$C$22,0)</f>
        <v>0</v>
      </c>
      <c r="Q320" s="75">
        <f>IF(Input!$D$19=4,J320*Input!$C$19,0)+IF(Input!$D$20=4,K320*Input!$C$20,0)+IF(Input!$D$21=4,L320*Input!$C$21,0)+IF(Input!$D$22=4,M320*Input!$C$22,0)</f>
        <v>0</v>
      </c>
      <c r="R320" s="58">
        <v>44.10341236336405</v>
      </c>
      <c r="S320" s="124">
        <f t="shared" si="4"/>
        <v>0.64977454324982065</v>
      </c>
    </row>
    <row r="321" spans="2:19" x14ac:dyDescent="0.3">
      <c r="B321" s="44">
        <v>314</v>
      </c>
      <c r="C321" s="56">
        <f>Jesper!AM315</f>
        <v>4.748560189801764</v>
      </c>
      <c r="D321" s="59">
        <f>Jesper!AN315</f>
        <v>15.82853396600588</v>
      </c>
      <c r="E321" s="59">
        <f>Jesper!AO315</f>
        <v>23.742800949008821</v>
      </c>
      <c r="F321" s="59">
        <f>Jesper!AP315</f>
        <v>256.50758015623154</v>
      </c>
      <c r="G321" s="58">
        <f>Jesper!AQ315</f>
        <v>0</v>
      </c>
      <c r="H321" s="44">
        <v>314</v>
      </c>
      <c r="I321" s="56">
        <f>Bühler!I347</f>
        <v>0.17413312821583282</v>
      </c>
      <c r="J321" s="59">
        <f>Bühler!J347</f>
        <v>0.58044376071944281</v>
      </c>
      <c r="K321" s="59">
        <f>Bühler!K347</f>
        <v>0.87066564107916422</v>
      </c>
      <c r="L321" s="59">
        <f>Bühler!L347</f>
        <v>8.6958068709010483</v>
      </c>
      <c r="M321" s="58">
        <f>Bühler!M347</f>
        <v>0</v>
      </c>
      <c r="N321" s="56">
        <f>IF(Input!$D$19=1,J321*Input!$C$19,0)+IF(Input!$D$20=1,K321*Input!$C$20,0)+IF(Input!$D$21=1,L321*Input!$C$21,0)+IF(Input!$D$22=1,M321*Input!$C$22,0)</f>
        <v>0.17413312821583285</v>
      </c>
      <c r="O321" s="59">
        <f>IF(Input!$D$19=2,J321*Input!$C$19,0)+IF(Input!$D$20=2,K321*Input!$C$20,0)+IF(Input!$D$21=2,L321*Input!$C$21,0)+IF(Input!$D$22=2,M321*Input!$C$22,0)</f>
        <v>0.43533282053958211</v>
      </c>
      <c r="P321" s="59">
        <f>IF(Input!$D$19=3,J321*Input!$C$19,0)+IF(Input!$D$20=3,K321*Input!$C$20,0)+IF(Input!$D$21=3,L321*Input!$C$21,0)+IF(Input!$D$22=3,M321*Input!$C$22,0)</f>
        <v>0</v>
      </c>
      <c r="Q321" s="75">
        <f>IF(Input!$D$19=4,J321*Input!$C$19,0)+IF(Input!$D$20=4,K321*Input!$C$20,0)+IF(Input!$D$21=4,L321*Input!$C$21,0)+IF(Input!$D$22=4,M321*Input!$C$22,0)</f>
        <v>0</v>
      </c>
      <c r="R321" s="58">
        <v>44.06651503240554</v>
      </c>
      <c r="S321" s="124">
        <f t="shared" si="4"/>
        <v>0.75457688893527564</v>
      </c>
    </row>
    <row r="322" spans="2:19" x14ac:dyDescent="0.3">
      <c r="B322" s="44">
        <v>315</v>
      </c>
      <c r="C322" s="56">
        <f>Jesper!AM316</f>
        <v>5.0492949332101871</v>
      </c>
      <c r="D322" s="59">
        <f>Jesper!AN316</f>
        <v>16.830983110700625</v>
      </c>
      <c r="E322" s="59">
        <f>Jesper!AO316</f>
        <v>25.24647466605094</v>
      </c>
      <c r="F322" s="59">
        <f>Jesper!AP316</f>
        <v>263.29102008733202</v>
      </c>
      <c r="G322" s="58">
        <f>Jesper!AQ316</f>
        <v>0</v>
      </c>
      <c r="H322" s="44">
        <v>315</v>
      </c>
      <c r="I322" s="56">
        <f>Bühler!I348</f>
        <v>0.17413312821583282</v>
      </c>
      <c r="J322" s="59">
        <f>Bühler!J348</f>
        <v>0.58044376071944281</v>
      </c>
      <c r="K322" s="59">
        <f>Bühler!K348</f>
        <v>0.87066564107916422</v>
      </c>
      <c r="L322" s="59">
        <f>Bühler!L348</f>
        <v>8.6958068709010483</v>
      </c>
      <c r="M322" s="58">
        <f>Bühler!M348</f>
        <v>0</v>
      </c>
      <c r="N322" s="56">
        <f>IF(Input!$D$19=1,J322*Input!$C$19,0)+IF(Input!$D$20=1,K322*Input!$C$20,0)+IF(Input!$D$21=1,L322*Input!$C$21,0)+IF(Input!$D$22=1,M322*Input!$C$22,0)</f>
        <v>0.17413312821583285</v>
      </c>
      <c r="O322" s="59">
        <f>IF(Input!$D$19=2,J322*Input!$C$19,0)+IF(Input!$D$20=2,K322*Input!$C$20,0)+IF(Input!$D$21=2,L322*Input!$C$21,0)+IF(Input!$D$22=2,M322*Input!$C$22,0)</f>
        <v>0.43533282053958211</v>
      </c>
      <c r="P322" s="59">
        <f>IF(Input!$D$19=3,J322*Input!$C$19,0)+IF(Input!$D$20=3,K322*Input!$C$20,0)+IF(Input!$D$21=3,L322*Input!$C$21,0)+IF(Input!$D$22=3,M322*Input!$C$22,0)</f>
        <v>0</v>
      </c>
      <c r="Q322" s="75">
        <f>IF(Input!$D$19=4,J322*Input!$C$19,0)+IF(Input!$D$20=4,K322*Input!$C$20,0)+IF(Input!$D$21=4,L322*Input!$C$21,0)+IF(Input!$D$22=4,M322*Input!$C$22,0)</f>
        <v>0</v>
      </c>
      <c r="R322" s="58">
        <v>44.400328749286373</v>
      </c>
      <c r="S322" s="124">
        <f t="shared" si="4"/>
        <v>0.75457688893527564</v>
      </c>
    </row>
    <row r="323" spans="2:19" x14ac:dyDescent="0.3">
      <c r="B323" s="44">
        <v>316</v>
      </c>
      <c r="C323" s="56">
        <f>Jesper!AM317</f>
        <v>8.5136441356643147</v>
      </c>
      <c r="D323" s="59">
        <f>Jesper!AN317</f>
        <v>28.378813785547717</v>
      </c>
      <c r="E323" s="59">
        <f>Jesper!AO317</f>
        <v>42.568220678321573</v>
      </c>
      <c r="F323" s="59">
        <f>Jesper!AP317</f>
        <v>204.32745925594352</v>
      </c>
      <c r="G323" s="58">
        <f>Jesper!AQ317</f>
        <v>0</v>
      </c>
      <c r="H323" s="44">
        <v>316</v>
      </c>
      <c r="I323" s="56">
        <f>Bühler!I349</f>
        <v>0.17413312821583282</v>
      </c>
      <c r="J323" s="59">
        <f>Bühler!J349</f>
        <v>0.58044376071944281</v>
      </c>
      <c r="K323" s="59">
        <f>Bühler!K349</f>
        <v>0.87066564107916422</v>
      </c>
      <c r="L323" s="59">
        <f>Bühler!L349</f>
        <v>8.6958068709010483</v>
      </c>
      <c r="M323" s="58">
        <f>Bühler!M349</f>
        <v>0</v>
      </c>
      <c r="N323" s="56">
        <f>IF(Input!$D$19=1,J323*Input!$C$19,0)+IF(Input!$D$20=1,K323*Input!$C$20,0)+IF(Input!$D$21=1,L323*Input!$C$21,0)+IF(Input!$D$22=1,M323*Input!$C$22,0)</f>
        <v>0.17413312821583285</v>
      </c>
      <c r="O323" s="59">
        <f>IF(Input!$D$19=2,J323*Input!$C$19,0)+IF(Input!$D$20=2,K323*Input!$C$20,0)+IF(Input!$D$21=2,L323*Input!$C$21,0)+IF(Input!$D$22=2,M323*Input!$C$22,0)</f>
        <v>0.43533282053958211</v>
      </c>
      <c r="P323" s="59">
        <f>IF(Input!$D$19=3,J323*Input!$C$19,0)+IF(Input!$D$20=3,K323*Input!$C$20,0)+IF(Input!$D$21=3,L323*Input!$C$21,0)+IF(Input!$D$22=3,M323*Input!$C$22,0)</f>
        <v>0</v>
      </c>
      <c r="Q323" s="75">
        <f>IF(Input!$D$19=4,J323*Input!$C$19,0)+IF(Input!$D$20=4,K323*Input!$C$20,0)+IF(Input!$D$21=4,L323*Input!$C$21,0)+IF(Input!$D$22=4,M323*Input!$C$22,0)</f>
        <v>0</v>
      </c>
      <c r="R323" s="58">
        <v>43.561748985639234</v>
      </c>
      <c r="S323" s="124">
        <f t="shared" si="4"/>
        <v>0.75457688893527564</v>
      </c>
    </row>
    <row r="324" spans="2:19" x14ac:dyDescent="0.3">
      <c r="B324" s="44">
        <v>317</v>
      </c>
      <c r="C324" s="56">
        <f>Jesper!AM318</f>
        <v>8.7080348272883121</v>
      </c>
      <c r="D324" s="59">
        <f>Jesper!AN318</f>
        <v>29.026782757627707</v>
      </c>
      <c r="E324" s="59">
        <f>Jesper!AO318</f>
        <v>43.540174136441557</v>
      </c>
      <c r="F324" s="59">
        <f>Jesper!AP318</f>
        <v>208.99283585491946</v>
      </c>
      <c r="G324" s="58">
        <f>Jesper!AQ318</f>
        <v>0</v>
      </c>
      <c r="H324" s="44">
        <v>317</v>
      </c>
      <c r="I324" s="56">
        <f>Bühler!I350</f>
        <v>0.17413312821583282</v>
      </c>
      <c r="J324" s="59">
        <f>Bühler!J350</f>
        <v>0.58044376071944281</v>
      </c>
      <c r="K324" s="59">
        <f>Bühler!K350</f>
        <v>0.87066564107916422</v>
      </c>
      <c r="L324" s="59">
        <f>Bühler!L350</f>
        <v>8.6958068709010483</v>
      </c>
      <c r="M324" s="58">
        <f>Bühler!M350</f>
        <v>0</v>
      </c>
      <c r="N324" s="56">
        <f>IF(Input!$D$19=1,J324*Input!$C$19,0)+IF(Input!$D$20=1,K324*Input!$C$20,0)+IF(Input!$D$21=1,L324*Input!$C$21,0)+IF(Input!$D$22=1,M324*Input!$C$22,0)</f>
        <v>0.17413312821583285</v>
      </c>
      <c r="O324" s="59">
        <f>IF(Input!$D$19=2,J324*Input!$C$19,0)+IF(Input!$D$20=2,K324*Input!$C$20,0)+IF(Input!$D$21=2,L324*Input!$C$21,0)+IF(Input!$D$22=2,M324*Input!$C$22,0)</f>
        <v>0.43533282053958211</v>
      </c>
      <c r="P324" s="59">
        <f>IF(Input!$D$19=3,J324*Input!$C$19,0)+IF(Input!$D$20=3,K324*Input!$C$20,0)+IF(Input!$D$21=3,L324*Input!$C$21,0)+IF(Input!$D$22=3,M324*Input!$C$22,0)</f>
        <v>0</v>
      </c>
      <c r="Q324" s="75">
        <f>IF(Input!$D$19=4,J324*Input!$C$19,0)+IF(Input!$D$20=4,K324*Input!$C$20,0)+IF(Input!$D$21=4,L324*Input!$C$21,0)+IF(Input!$D$22=4,M324*Input!$C$22,0)</f>
        <v>0</v>
      </c>
      <c r="R324" s="58">
        <v>43.728031244487056</v>
      </c>
      <c r="S324" s="124">
        <f t="shared" si="4"/>
        <v>0.75457688893527564</v>
      </c>
    </row>
    <row r="325" spans="2:19" x14ac:dyDescent="0.3">
      <c r="B325" s="44">
        <v>318</v>
      </c>
      <c r="C325" s="56">
        <f>Jesper!AM319</f>
        <v>8.5986900632498138</v>
      </c>
      <c r="D325" s="59">
        <f>Jesper!AN319</f>
        <v>28.662300210832711</v>
      </c>
      <c r="E325" s="59">
        <f>Jesper!AO319</f>
        <v>42.993450316249067</v>
      </c>
      <c r="F325" s="59">
        <f>Jesper!AP319</f>
        <v>206.36856151799552</v>
      </c>
      <c r="G325" s="58">
        <f>Jesper!AQ319</f>
        <v>0</v>
      </c>
      <c r="H325" s="44">
        <v>318</v>
      </c>
      <c r="I325" s="56">
        <f>Bühler!I351</f>
        <v>0.217666410269791</v>
      </c>
      <c r="J325" s="59">
        <f>Bühler!J351</f>
        <v>0.72555470089930341</v>
      </c>
      <c r="K325" s="59">
        <f>Bühler!K351</f>
        <v>1.0883320513489552</v>
      </c>
      <c r="L325" s="59">
        <f>Bühler!L351</f>
        <v>10.869758588626308</v>
      </c>
      <c r="M325" s="58">
        <f>Bühler!M351</f>
        <v>0</v>
      </c>
      <c r="N325" s="56">
        <f>IF(Input!$D$19=1,J325*Input!$C$19,0)+IF(Input!$D$20=1,K325*Input!$C$20,0)+IF(Input!$D$21=1,L325*Input!$C$21,0)+IF(Input!$D$22=1,M325*Input!$C$22,0)</f>
        <v>0.21766641026979103</v>
      </c>
      <c r="O325" s="59">
        <f>IF(Input!$D$19=2,J325*Input!$C$19,0)+IF(Input!$D$20=2,K325*Input!$C$20,0)+IF(Input!$D$21=2,L325*Input!$C$21,0)+IF(Input!$D$22=2,M325*Input!$C$22,0)</f>
        <v>0.54416602567447758</v>
      </c>
      <c r="P325" s="59">
        <f>IF(Input!$D$19=3,J325*Input!$C$19,0)+IF(Input!$D$20=3,K325*Input!$C$20,0)+IF(Input!$D$21=3,L325*Input!$C$21,0)+IF(Input!$D$22=3,M325*Input!$C$22,0)</f>
        <v>0</v>
      </c>
      <c r="Q325" s="75">
        <f>IF(Input!$D$19=4,J325*Input!$C$19,0)+IF(Input!$D$20=4,K325*Input!$C$20,0)+IF(Input!$D$21=4,L325*Input!$C$21,0)+IF(Input!$D$22=4,M325*Input!$C$22,0)</f>
        <v>0</v>
      </c>
      <c r="R325" s="58">
        <v>43.40343029804535</v>
      </c>
      <c r="S325" s="124">
        <f t="shared" si="4"/>
        <v>0.94322111116909446</v>
      </c>
    </row>
    <row r="326" spans="2:19" x14ac:dyDescent="0.3">
      <c r="B326" s="44">
        <v>319</v>
      </c>
      <c r="C326" s="56">
        <f>Jesper!AM320</f>
        <v>8.9631726100448059</v>
      </c>
      <c r="D326" s="59">
        <f>Jesper!AN320</f>
        <v>29.877242033482688</v>
      </c>
      <c r="E326" s="59">
        <f>Jesper!AO320</f>
        <v>44.815863050224024</v>
      </c>
      <c r="F326" s="59">
        <f>Jesper!AP320</f>
        <v>215.11614264107533</v>
      </c>
      <c r="G326" s="58">
        <f>Jesper!AQ320</f>
        <v>0</v>
      </c>
      <c r="H326" s="44">
        <v>319</v>
      </c>
      <c r="I326" s="56">
        <f>Bühler!I352</f>
        <v>0.25636266098442057</v>
      </c>
      <c r="J326" s="59">
        <f>Bühler!J352</f>
        <v>0.85454220328140196</v>
      </c>
      <c r="K326" s="59">
        <f>Bühler!K352</f>
        <v>1.281813304922103</v>
      </c>
      <c r="L326" s="59">
        <f>Bühler!L352</f>
        <v>12.802160115493209</v>
      </c>
      <c r="M326" s="58">
        <f>Bühler!M352</f>
        <v>0</v>
      </c>
      <c r="N326" s="56">
        <f>IF(Input!$D$19=1,J326*Input!$C$19,0)+IF(Input!$D$20=1,K326*Input!$C$20,0)+IF(Input!$D$21=1,L326*Input!$C$21,0)+IF(Input!$D$22=1,M326*Input!$C$22,0)</f>
        <v>0.25636266098442057</v>
      </c>
      <c r="O326" s="59">
        <f>IF(Input!$D$19=2,J326*Input!$C$19,0)+IF(Input!$D$20=2,K326*Input!$C$20,0)+IF(Input!$D$21=2,L326*Input!$C$21,0)+IF(Input!$D$22=2,M326*Input!$C$22,0)</f>
        <v>0.6409066524610515</v>
      </c>
      <c r="P326" s="59">
        <f>IF(Input!$D$19=3,J326*Input!$C$19,0)+IF(Input!$D$20=3,K326*Input!$C$20,0)+IF(Input!$D$21=3,L326*Input!$C$21,0)+IF(Input!$D$22=3,M326*Input!$C$22,0)</f>
        <v>0</v>
      </c>
      <c r="Q326" s="75">
        <f>IF(Input!$D$19=4,J326*Input!$C$19,0)+IF(Input!$D$20=4,K326*Input!$C$20,0)+IF(Input!$D$21=4,L326*Input!$C$21,0)+IF(Input!$D$22=4,M326*Input!$C$22,0)</f>
        <v>0</v>
      </c>
      <c r="R326" s="58">
        <v>44.508088311309727</v>
      </c>
      <c r="S326" s="124">
        <f t="shared" si="4"/>
        <v>1.1109048642658226</v>
      </c>
    </row>
    <row r="327" spans="2:19" x14ac:dyDescent="0.3">
      <c r="B327" s="44">
        <v>320</v>
      </c>
      <c r="C327" s="56">
        <f>Jesper!AM321</f>
        <v>9.0725173740833025</v>
      </c>
      <c r="D327" s="59">
        <f>Jesper!AN321</f>
        <v>30.24172458027768</v>
      </c>
      <c r="E327" s="59">
        <f>Jesper!AO321</f>
        <v>45.362586870416514</v>
      </c>
      <c r="F327" s="59">
        <f>Jesper!AP321</f>
        <v>217.74041697799927</v>
      </c>
      <c r="G327" s="58">
        <f>Jesper!AQ321</f>
        <v>0</v>
      </c>
      <c r="H327" s="44">
        <v>320</v>
      </c>
      <c r="I327" s="56">
        <f>Bühler!I353</f>
        <v>0.30473297437770741</v>
      </c>
      <c r="J327" s="59">
        <f>Bühler!J353</f>
        <v>1.0157765812590249</v>
      </c>
      <c r="K327" s="59">
        <f>Bühler!K353</f>
        <v>1.5236648718885373</v>
      </c>
      <c r="L327" s="59">
        <f>Bühler!L353</f>
        <v>15.217662024076832</v>
      </c>
      <c r="M327" s="58">
        <f>Bühler!M353</f>
        <v>0</v>
      </c>
      <c r="N327" s="56">
        <f>IF(Input!$D$19=1,J327*Input!$C$19,0)+IF(Input!$D$20=1,K327*Input!$C$20,0)+IF(Input!$D$21=1,L327*Input!$C$21,0)+IF(Input!$D$22=1,M327*Input!$C$22,0)</f>
        <v>0.30473297437770747</v>
      </c>
      <c r="O327" s="59">
        <f>IF(Input!$D$19=2,J327*Input!$C$19,0)+IF(Input!$D$20=2,K327*Input!$C$20,0)+IF(Input!$D$21=2,L327*Input!$C$21,0)+IF(Input!$D$22=2,M327*Input!$C$22,0)</f>
        <v>0.76183243594426864</v>
      </c>
      <c r="P327" s="59">
        <f>IF(Input!$D$19=3,J327*Input!$C$19,0)+IF(Input!$D$20=3,K327*Input!$C$20,0)+IF(Input!$D$21=3,L327*Input!$C$21,0)+IF(Input!$D$22=3,M327*Input!$C$22,0)</f>
        <v>0</v>
      </c>
      <c r="Q327" s="75">
        <f>IF(Input!$D$19=4,J327*Input!$C$19,0)+IF(Input!$D$20=4,K327*Input!$C$20,0)+IF(Input!$D$21=4,L327*Input!$C$21,0)+IF(Input!$D$22=4,M327*Input!$C$22,0)</f>
        <v>0</v>
      </c>
      <c r="R327" s="58">
        <v>44.480925770515775</v>
      </c>
      <c r="S327" s="124">
        <f t="shared" si="4"/>
        <v>1.3205095556367323</v>
      </c>
    </row>
    <row r="328" spans="2:19" x14ac:dyDescent="0.3">
      <c r="B328" s="44">
        <v>321</v>
      </c>
      <c r="C328" s="56">
        <f>Jesper!AM322</f>
        <v>5.7922866522192331</v>
      </c>
      <c r="D328" s="59">
        <f>Jesper!AN322</f>
        <v>19.307622174064115</v>
      </c>
      <c r="E328" s="59">
        <f>Jesper!AO322</f>
        <v>28.961433261096172</v>
      </c>
      <c r="F328" s="59">
        <f>Jesper!AP322</f>
        <v>280.05010697593326</v>
      </c>
      <c r="G328" s="58">
        <f>Jesper!AQ322</f>
        <v>0</v>
      </c>
      <c r="H328" s="44">
        <v>321</v>
      </c>
      <c r="I328" s="56">
        <f>Bühler!I354</f>
        <v>0.30473297437770741</v>
      </c>
      <c r="J328" s="59">
        <f>Bühler!J354</f>
        <v>1.0157765812590249</v>
      </c>
      <c r="K328" s="59">
        <f>Bühler!K354</f>
        <v>1.5236648718885373</v>
      </c>
      <c r="L328" s="59">
        <f>Bühler!L354</f>
        <v>15.217662024076832</v>
      </c>
      <c r="M328" s="58">
        <f>Bühler!M354</f>
        <v>0</v>
      </c>
      <c r="N328" s="56">
        <f>IF(Input!$D$19=1,J328*Input!$C$19,0)+IF(Input!$D$20=1,K328*Input!$C$20,0)+IF(Input!$D$21=1,L328*Input!$C$21,0)+IF(Input!$D$22=1,M328*Input!$C$22,0)</f>
        <v>0.30473297437770747</v>
      </c>
      <c r="O328" s="59">
        <f>IF(Input!$D$19=2,J328*Input!$C$19,0)+IF(Input!$D$20=2,K328*Input!$C$20,0)+IF(Input!$D$21=2,L328*Input!$C$21,0)+IF(Input!$D$22=2,M328*Input!$C$22,0)</f>
        <v>0.76183243594426864</v>
      </c>
      <c r="P328" s="59">
        <f>IF(Input!$D$19=3,J328*Input!$C$19,0)+IF(Input!$D$20=3,K328*Input!$C$20,0)+IF(Input!$D$21=3,L328*Input!$C$21,0)+IF(Input!$D$22=3,M328*Input!$C$22,0)</f>
        <v>0</v>
      </c>
      <c r="Q328" s="75">
        <f>IF(Input!$D$19=4,J328*Input!$C$19,0)+IF(Input!$D$20=4,K328*Input!$C$20,0)+IF(Input!$D$21=4,L328*Input!$C$21,0)+IF(Input!$D$22=4,M328*Input!$C$22,0)</f>
        <v>0</v>
      </c>
      <c r="R328" s="58">
        <v>44.009459816093489</v>
      </c>
      <c r="S328" s="124">
        <f t="shared" si="4"/>
        <v>1.3205095556367323</v>
      </c>
    </row>
    <row r="329" spans="2:19" x14ac:dyDescent="0.3">
      <c r="B329" s="44">
        <v>322</v>
      </c>
      <c r="C329" s="56">
        <f>Jesper!AM323</f>
        <v>5.863047768315333</v>
      </c>
      <c r="D329" s="59">
        <f>Jesper!AN323</f>
        <v>19.543492561051114</v>
      </c>
      <c r="E329" s="59">
        <f>Jesper!AO323</f>
        <v>29.315238841576669</v>
      </c>
      <c r="F329" s="59">
        <f>Jesper!AP323</f>
        <v>281.64621048913341</v>
      </c>
      <c r="G329" s="58">
        <f>Jesper!AQ323</f>
        <v>0</v>
      </c>
      <c r="H329" s="44">
        <v>322</v>
      </c>
      <c r="I329" s="56">
        <f>Bühler!I355</f>
        <v>0.30473297437770741</v>
      </c>
      <c r="J329" s="59">
        <f>Bühler!J355</f>
        <v>1.0157765812590249</v>
      </c>
      <c r="K329" s="59">
        <f>Bühler!K355</f>
        <v>1.5236648718885373</v>
      </c>
      <c r="L329" s="59">
        <f>Bühler!L355</f>
        <v>15.217662024076832</v>
      </c>
      <c r="M329" s="58">
        <f>Bühler!M355</f>
        <v>0</v>
      </c>
      <c r="N329" s="56">
        <f>IF(Input!$D$19=1,J329*Input!$C$19,0)+IF(Input!$D$20=1,K329*Input!$C$20,0)+IF(Input!$D$21=1,L329*Input!$C$21,0)+IF(Input!$D$22=1,M329*Input!$C$22,0)</f>
        <v>0.30473297437770747</v>
      </c>
      <c r="O329" s="59">
        <f>IF(Input!$D$19=2,J329*Input!$C$19,0)+IF(Input!$D$20=2,K329*Input!$C$20,0)+IF(Input!$D$21=2,L329*Input!$C$21,0)+IF(Input!$D$22=2,M329*Input!$C$22,0)</f>
        <v>0.76183243594426864</v>
      </c>
      <c r="P329" s="59">
        <f>IF(Input!$D$19=3,J329*Input!$C$19,0)+IF(Input!$D$20=3,K329*Input!$C$20,0)+IF(Input!$D$21=3,L329*Input!$C$21,0)+IF(Input!$D$22=3,M329*Input!$C$22,0)</f>
        <v>0</v>
      </c>
      <c r="Q329" s="75">
        <f>IF(Input!$D$19=4,J329*Input!$C$19,0)+IF(Input!$D$20=4,K329*Input!$C$20,0)+IF(Input!$D$21=4,L329*Input!$C$21,0)+IF(Input!$D$22=4,M329*Input!$C$22,0)</f>
        <v>0</v>
      </c>
      <c r="R329" s="58">
        <v>43.327079279152336</v>
      </c>
      <c r="S329" s="124">
        <f t="shared" ref="S329:S392" si="5">I329+J329</f>
        <v>1.3205095556367323</v>
      </c>
    </row>
    <row r="330" spans="2:19" x14ac:dyDescent="0.3">
      <c r="B330" s="44">
        <v>323</v>
      </c>
      <c r="C330" s="56">
        <f>Jesper!AM324</f>
        <v>8.9631726100448059</v>
      </c>
      <c r="D330" s="59">
        <f>Jesper!AN324</f>
        <v>29.877242033482688</v>
      </c>
      <c r="E330" s="59">
        <f>Jesper!AO324</f>
        <v>44.815863050224024</v>
      </c>
      <c r="F330" s="59">
        <f>Jesper!AP324</f>
        <v>215.11614264107533</v>
      </c>
      <c r="G330" s="58">
        <f>Jesper!AQ324</f>
        <v>0</v>
      </c>
      <c r="H330" s="44">
        <v>323</v>
      </c>
      <c r="I330" s="56">
        <f>Bühler!I356</f>
        <v>0.30473297437770741</v>
      </c>
      <c r="J330" s="59">
        <f>Bühler!J356</f>
        <v>1.0157765812590249</v>
      </c>
      <c r="K330" s="59">
        <f>Bühler!K356</f>
        <v>1.5236648718885373</v>
      </c>
      <c r="L330" s="59">
        <f>Bühler!L356</f>
        <v>15.217662024076832</v>
      </c>
      <c r="M330" s="58">
        <f>Bühler!M356</f>
        <v>0</v>
      </c>
      <c r="N330" s="56">
        <f>IF(Input!$D$19=1,J330*Input!$C$19,0)+IF(Input!$D$20=1,K330*Input!$C$20,0)+IF(Input!$D$21=1,L330*Input!$C$21,0)+IF(Input!$D$22=1,M330*Input!$C$22,0)</f>
        <v>0.30473297437770747</v>
      </c>
      <c r="O330" s="59">
        <f>IF(Input!$D$19=2,J330*Input!$C$19,0)+IF(Input!$D$20=2,K330*Input!$C$20,0)+IF(Input!$D$21=2,L330*Input!$C$21,0)+IF(Input!$D$22=2,M330*Input!$C$22,0)</f>
        <v>0.76183243594426864</v>
      </c>
      <c r="P330" s="59">
        <f>IF(Input!$D$19=3,J330*Input!$C$19,0)+IF(Input!$D$20=3,K330*Input!$C$20,0)+IF(Input!$D$21=3,L330*Input!$C$21,0)+IF(Input!$D$22=3,M330*Input!$C$22,0)</f>
        <v>0</v>
      </c>
      <c r="Q330" s="75">
        <f>IF(Input!$D$19=4,J330*Input!$C$19,0)+IF(Input!$D$20=4,K330*Input!$C$20,0)+IF(Input!$D$21=4,L330*Input!$C$21,0)+IF(Input!$D$22=4,M330*Input!$C$22,0)</f>
        <v>0</v>
      </c>
      <c r="R330" s="58">
        <v>43.162656148003762</v>
      </c>
      <c r="S330" s="124">
        <f t="shared" si="5"/>
        <v>1.3205095556367323</v>
      </c>
    </row>
    <row r="331" spans="2:19" x14ac:dyDescent="0.3">
      <c r="B331" s="44">
        <v>324</v>
      </c>
      <c r="C331" s="56">
        <f>Jesper!AM325</f>
        <v>9.2304598110278011</v>
      </c>
      <c r="D331" s="59">
        <f>Jesper!AN325</f>
        <v>30.768199370092674</v>
      </c>
      <c r="E331" s="59">
        <f>Jesper!AO325</f>
        <v>46.152299055139011</v>
      </c>
      <c r="F331" s="59">
        <f>Jesper!AP325</f>
        <v>221.53103546466724</v>
      </c>
      <c r="G331" s="58">
        <f>Jesper!AQ325</f>
        <v>0</v>
      </c>
      <c r="H331" s="44">
        <v>324</v>
      </c>
      <c r="I331" s="56">
        <f>Bühler!I357</f>
        <v>0.30473297437770741</v>
      </c>
      <c r="J331" s="59">
        <f>Bühler!J357</f>
        <v>1.0157765812590249</v>
      </c>
      <c r="K331" s="59">
        <f>Bühler!K357</f>
        <v>1.5236648718885373</v>
      </c>
      <c r="L331" s="59">
        <f>Bühler!L357</f>
        <v>15.217662024076832</v>
      </c>
      <c r="M331" s="58">
        <f>Bühler!M357</f>
        <v>0</v>
      </c>
      <c r="N331" s="56">
        <f>IF(Input!$D$19=1,J331*Input!$C$19,0)+IF(Input!$D$20=1,K331*Input!$C$20,0)+IF(Input!$D$21=1,L331*Input!$C$21,0)+IF(Input!$D$22=1,M331*Input!$C$22,0)</f>
        <v>0.30473297437770747</v>
      </c>
      <c r="O331" s="59">
        <f>IF(Input!$D$19=2,J331*Input!$C$19,0)+IF(Input!$D$20=2,K331*Input!$C$20,0)+IF(Input!$D$21=2,L331*Input!$C$21,0)+IF(Input!$D$22=2,M331*Input!$C$22,0)</f>
        <v>0.76183243594426864</v>
      </c>
      <c r="P331" s="59">
        <f>IF(Input!$D$19=3,J331*Input!$C$19,0)+IF(Input!$D$20=3,K331*Input!$C$20,0)+IF(Input!$D$21=3,L331*Input!$C$21,0)+IF(Input!$D$22=3,M331*Input!$C$22,0)</f>
        <v>0</v>
      </c>
      <c r="Q331" s="75">
        <f>IF(Input!$D$19=4,J331*Input!$C$19,0)+IF(Input!$D$20=4,K331*Input!$C$20,0)+IF(Input!$D$21=4,L331*Input!$C$21,0)+IF(Input!$D$22=4,M331*Input!$C$22,0)</f>
        <v>0</v>
      </c>
      <c r="R331" s="58">
        <v>43.241867752614475</v>
      </c>
      <c r="S331" s="124">
        <f t="shared" si="5"/>
        <v>1.3205095556367323</v>
      </c>
    </row>
    <row r="332" spans="2:19" x14ac:dyDescent="0.3">
      <c r="B332" s="44">
        <v>325</v>
      </c>
      <c r="C332" s="56">
        <f>Jesper!AM326</f>
        <v>9.3155057386132984</v>
      </c>
      <c r="D332" s="59">
        <f>Jesper!AN326</f>
        <v>31.051685795377665</v>
      </c>
      <c r="E332" s="59">
        <f>Jesper!AO326</f>
        <v>46.577528693066498</v>
      </c>
      <c r="F332" s="59">
        <f>Jesper!AP326</f>
        <v>223.57213772671918</v>
      </c>
      <c r="G332" s="58">
        <f>Jesper!AQ326</f>
        <v>0</v>
      </c>
      <c r="H332" s="44">
        <v>325</v>
      </c>
      <c r="I332" s="56">
        <f>Bühler!I358</f>
        <v>0.30473297437770741</v>
      </c>
      <c r="J332" s="59">
        <f>Bühler!J358</f>
        <v>1.0157765812590249</v>
      </c>
      <c r="K332" s="59">
        <f>Bühler!K358</f>
        <v>1.5236648718885373</v>
      </c>
      <c r="L332" s="59">
        <f>Bühler!L358</f>
        <v>15.217662024076832</v>
      </c>
      <c r="M332" s="58">
        <f>Bühler!M358</f>
        <v>0</v>
      </c>
      <c r="N332" s="56">
        <f>IF(Input!$D$19=1,J332*Input!$C$19,0)+IF(Input!$D$20=1,K332*Input!$C$20,0)+IF(Input!$D$21=1,L332*Input!$C$21,0)+IF(Input!$D$22=1,M332*Input!$C$22,0)</f>
        <v>0.30473297437770747</v>
      </c>
      <c r="O332" s="59">
        <f>IF(Input!$D$19=2,J332*Input!$C$19,0)+IF(Input!$D$20=2,K332*Input!$C$20,0)+IF(Input!$D$21=2,L332*Input!$C$21,0)+IF(Input!$D$22=2,M332*Input!$C$22,0)</f>
        <v>0.76183243594426864</v>
      </c>
      <c r="P332" s="59">
        <f>IF(Input!$D$19=3,J332*Input!$C$19,0)+IF(Input!$D$20=3,K332*Input!$C$20,0)+IF(Input!$D$21=3,L332*Input!$C$21,0)+IF(Input!$D$22=3,M332*Input!$C$22,0)</f>
        <v>0</v>
      </c>
      <c r="Q332" s="75">
        <f>IF(Input!$D$19=4,J332*Input!$C$19,0)+IF(Input!$D$20=4,K332*Input!$C$20,0)+IF(Input!$D$21=4,L332*Input!$C$21,0)+IF(Input!$D$22=4,M332*Input!$C$22,0)</f>
        <v>0</v>
      </c>
      <c r="R332" s="58">
        <v>43.402446649304018</v>
      </c>
      <c r="S332" s="124">
        <f t="shared" si="5"/>
        <v>1.3205095556367323</v>
      </c>
    </row>
    <row r="333" spans="2:19" x14ac:dyDescent="0.3">
      <c r="B333" s="44">
        <v>326</v>
      </c>
      <c r="C333" s="56">
        <f>Jesper!AM327</f>
        <v>8.4285982080788155</v>
      </c>
      <c r="D333" s="59">
        <f>Jesper!AN327</f>
        <v>28.095327360262718</v>
      </c>
      <c r="E333" s="59">
        <f>Jesper!AO327</f>
        <v>42.142991040394072</v>
      </c>
      <c r="F333" s="59">
        <f>Jesper!AP327</f>
        <v>202.28635699389156</v>
      </c>
      <c r="G333" s="58">
        <f>Jesper!AQ327</f>
        <v>0</v>
      </c>
      <c r="H333" s="44">
        <v>326</v>
      </c>
      <c r="I333" s="56">
        <f>Bühler!I359</f>
        <v>0.30473297437770741</v>
      </c>
      <c r="J333" s="59">
        <f>Bühler!J359</f>
        <v>1.0157765812590249</v>
      </c>
      <c r="K333" s="59">
        <f>Bühler!K359</f>
        <v>1.5236648718885373</v>
      </c>
      <c r="L333" s="59">
        <f>Bühler!L359</f>
        <v>15.217662024076832</v>
      </c>
      <c r="M333" s="58">
        <f>Bühler!M359</f>
        <v>0</v>
      </c>
      <c r="N333" s="56">
        <f>IF(Input!$D$19=1,J333*Input!$C$19,0)+IF(Input!$D$20=1,K333*Input!$C$20,0)+IF(Input!$D$21=1,L333*Input!$C$21,0)+IF(Input!$D$22=1,M333*Input!$C$22,0)</f>
        <v>0.30473297437770747</v>
      </c>
      <c r="O333" s="59">
        <f>IF(Input!$D$19=2,J333*Input!$C$19,0)+IF(Input!$D$20=2,K333*Input!$C$20,0)+IF(Input!$D$21=2,L333*Input!$C$21,0)+IF(Input!$D$22=2,M333*Input!$C$22,0)</f>
        <v>0.76183243594426864</v>
      </c>
      <c r="P333" s="59">
        <f>IF(Input!$D$19=3,J333*Input!$C$19,0)+IF(Input!$D$20=3,K333*Input!$C$20,0)+IF(Input!$D$21=3,L333*Input!$C$21,0)+IF(Input!$D$22=3,M333*Input!$C$22,0)</f>
        <v>0</v>
      </c>
      <c r="Q333" s="75">
        <f>IF(Input!$D$19=4,J333*Input!$C$19,0)+IF(Input!$D$20=4,K333*Input!$C$20,0)+IF(Input!$D$21=4,L333*Input!$C$21,0)+IF(Input!$D$22=4,M333*Input!$C$22,0)</f>
        <v>0</v>
      </c>
      <c r="R333" s="58">
        <v>43.238137964336083</v>
      </c>
      <c r="S333" s="124">
        <f t="shared" si="5"/>
        <v>1.3205095556367323</v>
      </c>
    </row>
    <row r="334" spans="2:19" x14ac:dyDescent="0.3">
      <c r="B334" s="44">
        <v>327</v>
      </c>
      <c r="C334" s="56">
        <f>Jesper!AM328</f>
        <v>8.3800005351728171</v>
      </c>
      <c r="D334" s="59">
        <f>Jesper!AN328</f>
        <v>27.933335117242724</v>
      </c>
      <c r="E334" s="59">
        <f>Jesper!AO328</f>
        <v>41.90000267586408</v>
      </c>
      <c r="F334" s="59">
        <f>Jesper!AP328</f>
        <v>201.1200128441476</v>
      </c>
      <c r="G334" s="58">
        <f>Jesper!AQ328</f>
        <v>0</v>
      </c>
      <c r="H334" s="44">
        <v>327</v>
      </c>
      <c r="I334" s="56">
        <f>Bühler!I360</f>
        <v>0.30473297437770741</v>
      </c>
      <c r="J334" s="59">
        <f>Bühler!J360</f>
        <v>1.0157765812590249</v>
      </c>
      <c r="K334" s="59">
        <f>Bühler!K360</f>
        <v>1.5236648718885373</v>
      </c>
      <c r="L334" s="59">
        <f>Bühler!L360</f>
        <v>15.217662024076832</v>
      </c>
      <c r="M334" s="58">
        <f>Bühler!M360</f>
        <v>0</v>
      </c>
      <c r="N334" s="56">
        <f>IF(Input!$D$19=1,J334*Input!$C$19,0)+IF(Input!$D$20=1,K334*Input!$C$20,0)+IF(Input!$D$21=1,L334*Input!$C$21,0)+IF(Input!$D$22=1,M334*Input!$C$22,0)</f>
        <v>0.30473297437770747</v>
      </c>
      <c r="O334" s="59">
        <f>IF(Input!$D$19=2,J334*Input!$C$19,0)+IF(Input!$D$20=2,K334*Input!$C$20,0)+IF(Input!$D$21=2,L334*Input!$C$21,0)+IF(Input!$D$22=2,M334*Input!$C$22,0)</f>
        <v>0.76183243594426864</v>
      </c>
      <c r="P334" s="59">
        <f>IF(Input!$D$19=3,J334*Input!$C$19,0)+IF(Input!$D$20=3,K334*Input!$C$20,0)+IF(Input!$D$21=3,L334*Input!$C$21,0)+IF(Input!$D$22=3,M334*Input!$C$22,0)</f>
        <v>0</v>
      </c>
      <c r="Q334" s="75">
        <f>IF(Input!$D$19=4,J334*Input!$C$19,0)+IF(Input!$D$20=4,K334*Input!$C$20,0)+IF(Input!$D$21=4,L334*Input!$C$21,0)+IF(Input!$D$22=4,M334*Input!$C$22,0)</f>
        <v>0</v>
      </c>
      <c r="R334" s="58">
        <v>43.493404629389872</v>
      </c>
      <c r="S334" s="124">
        <f t="shared" si="5"/>
        <v>1.3205095556367323</v>
      </c>
    </row>
    <row r="335" spans="2:19" x14ac:dyDescent="0.3">
      <c r="B335" s="44">
        <v>328</v>
      </c>
      <c r="C335" s="56">
        <f>Jesper!AM329</f>
        <v>5.2261977234504364</v>
      </c>
      <c r="D335" s="59">
        <f>Jesper!AN329</f>
        <v>17.420659078168125</v>
      </c>
      <c r="E335" s="59">
        <f>Jesper!AO329</f>
        <v>26.130988617252186</v>
      </c>
      <c r="F335" s="59">
        <f>Jesper!AP329</f>
        <v>267.28127887033236</v>
      </c>
      <c r="G335" s="58">
        <f>Jesper!AQ329</f>
        <v>0</v>
      </c>
      <c r="H335" s="44">
        <v>328</v>
      </c>
      <c r="I335" s="56">
        <f>Bühler!I361</f>
        <v>0.27087375500240657</v>
      </c>
      <c r="J335" s="59">
        <f>Bühler!J361</f>
        <v>0.90291251667468875</v>
      </c>
      <c r="K335" s="59">
        <f>Bühler!K361</f>
        <v>1.3543687750120332</v>
      </c>
      <c r="L335" s="59">
        <f>Bühler!L361</f>
        <v>13.526810688068293</v>
      </c>
      <c r="M335" s="58">
        <f>Bühler!M361</f>
        <v>0</v>
      </c>
      <c r="N335" s="56">
        <f>IF(Input!$D$19=1,J335*Input!$C$19,0)+IF(Input!$D$20=1,K335*Input!$C$20,0)+IF(Input!$D$21=1,L335*Input!$C$21,0)+IF(Input!$D$22=1,M335*Input!$C$22,0)</f>
        <v>0.27087375500240662</v>
      </c>
      <c r="O335" s="59">
        <f>IF(Input!$D$19=2,J335*Input!$C$19,0)+IF(Input!$D$20=2,K335*Input!$C$20,0)+IF(Input!$D$21=2,L335*Input!$C$21,0)+IF(Input!$D$22=2,M335*Input!$C$22,0)</f>
        <v>0.67718438750601662</v>
      </c>
      <c r="P335" s="59">
        <f>IF(Input!$D$19=3,J335*Input!$C$19,0)+IF(Input!$D$20=3,K335*Input!$C$20,0)+IF(Input!$D$21=3,L335*Input!$C$21,0)+IF(Input!$D$22=3,M335*Input!$C$22,0)</f>
        <v>0</v>
      </c>
      <c r="Q335" s="75">
        <f>IF(Input!$D$19=4,J335*Input!$C$19,0)+IF(Input!$D$20=4,K335*Input!$C$20,0)+IF(Input!$D$21=4,L335*Input!$C$21,0)+IF(Input!$D$22=4,M335*Input!$C$22,0)</f>
        <v>0</v>
      </c>
      <c r="R335" s="58">
        <v>43.255093651439203</v>
      </c>
      <c r="S335" s="124">
        <f t="shared" si="5"/>
        <v>1.1737862716770953</v>
      </c>
    </row>
    <row r="336" spans="2:19" x14ac:dyDescent="0.3">
      <c r="B336" s="44">
        <v>329</v>
      </c>
      <c r="C336" s="56">
        <f>Jesper!AM330</f>
        <v>5.7569060941711845</v>
      </c>
      <c r="D336" s="59">
        <f>Jesper!AN330</f>
        <v>19.189686980570617</v>
      </c>
      <c r="E336" s="59">
        <f>Jesper!AO330</f>
        <v>28.784530470855923</v>
      </c>
      <c r="F336" s="59">
        <f>Jesper!AP330</f>
        <v>279.25205521933327</v>
      </c>
      <c r="G336" s="58">
        <f>Jesper!AQ330</f>
        <v>0</v>
      </c>
      <c r="H336" s="44">
        <v>329</v>
      </c>
      <c r="I336" s="56">
        <f>Bühler!I362</f>
        <v>0.2660367236630779</v>
      </c>
      <c r="J336" s="59">
        <f>Bühler!J362</f>
        <v>0.88678907887692637</v>
      </c>
      <c r="K336" s="59">
        <f>Bühler!K362</f>
        <v>1.3301836183153897</v>
      </c>
      <c r="L336" s="59">
        <f>Bühler!L362</f>
        <v>13.285260497209931</v>
      </c>
      <c r="M336" s="58">
        <f>Bühler!M362</f>
        <v>0</v>
      </c>
      <c r="N336" s="56">
        <f>IF(Input!$D$19=1,J336*Input!$C$19,0)+IF(Input!$D$20=1,K336*Input!$C$20,0)+IF(Input!$D$21=1,L336*Input!$C$21,0)+IF(Input!$D$22=1,M336*Input!$C$22,0)</f>
        <v>0.2660367236630779</v>
      </c>
      <c r="O336" s="59">
        <f>IF(Input!$D$19=2,J336*Input!$C$19,0)+IF(Input!$D$20=2,K336*Input!$C$20,0)+IF(Input!$D$21=2,L336*Input!$C$21,0)+IF(Input!$D$22=2,M336*Input!$C$22,0)</f>
        <v>0.66509180915769484</v>
      </c>
      <c r="P336" s="59">
        <f>IF(Input!$D$19=3,J336*Input!$C$19,0)+IF(Input!$D$20=3,K336*Input!$C$20,0)+IF(Input!$D$21=3,L336*Input!$C$21,0)+IF(Input!$D$22=3,M336*Input!$C$22,0)</f>
        <v>0</v>
      </c>
      <c r="Q336" s="75">
        <f>IF(Input!$D$19=4,J336*Input!$C$19,0)+IF(Input!$D$20=4,K336*Input!$C$20,0)+IF(Input!$D$21=4,L336*Input!$C$21,0)+IF(Input!$D$22=4,M336*Input!$C$22,0)</f>
        <v>0</v>
      </c>
      <c r="R336" s="58">
        <v>43.018407260068983</v>
      </c>
      <c r="S336" s="124">
        <f t="shared" si="5"/>
        <v>1.1528258025400042</v>
      </c>
    </row>
    <row r="337" spans="2:19" x14ac:dyDescent="0.3">
      <c r="B337" s="44">
        <v>330</v>
      </c>
      <c r="C337" s="56">
        <f>Jesper!AM331</f>
        <v>8.9267243553653071</v>
      </c>
      <c r="D337" s="59">
        <f>Jesper!AN331</f>
        <v>29.755747851217695</v>
      </c>
      <c r="E337" s="59">
        <f>Jesper!AO331</f>
        <v>44.633621776826537</v>
      </c>
      <c r="F337" s="59">
        <f>Jesper!AP331</f>
        <v>214.24138452876738</v>
      </c>
      <c r="G337" s="58">
        <f>Jesper!AQ331</f>
        <v>0</v>
      </c>
      <c r="H337" s="44">
        <v>330</v>
      </c>
      <c r="I337" s="56">
        <f>Bühler!I363</f>
        <v>0.22734047294844842</v>
      </c>
      <c r="J337" s="59">
        <f>Bühler!J363</f>
        <v>0.75780157649482816</v>
      </c>
      <c r="K337" s="59">
        <f>Bühler!K363</f>
        <v>1.1367023647422423</v>
      </c>
      <c r="L337" s="59">
        <f>Bühler!L363</f>
        <v>11.352858970343034</v>
      </c>
      <c r="M337" s="58">
        <f>Bühler!M363</f>
        <v>0</v>
      </c>
      <c r="N337" s="56">
        <f>IF(Input!$D$19=1,J337*Input!$C$19,0)+IF(Input!$D$20=1,K337*Input!$C$20,0)+IF(Input!$D$21=1,L337*Input!$C$21,0)+IF(Input!$D$22=1,M337*Input!$C$22,0)</f>
        <v>0.22734047294844845</v>
      </c>
      <c r="O337" s="59">
        <f>IF(Input!$D$19=2,J337*Input!$C$19,0)+IF(Input!$D$20=2,K337*Input!$C$20,0)+IF(Input!$D$21=2,L337*Input!$C$21,0)+IF(Input!$D$22=2,M337*Input!$C$22,0)</f>
        <v>0.56835118237112114</v>
      </c>
      <c r="P337" s="59">
        <f>IF(Input!$D$19=3,J337*Input!$C$19,0)+IF(Input!$D$20=3,K337*Input!$C$20,0)+IF(Input!$D$21=3,L337*Input!$C$21,0)+IF(Input!$D$22=3,M337*Input!$C$22,0)</f>
        <v>0</v>
      </c>
      <c r="Q337" s="75">
        <f>IF(Input!$D$19=4,J337*Input!$C$19,0)+IF(Input!$D$20=4,K337*Input!$C$20,0)+IF(Input!$D$21=4,L337*Input!$C$21,0)+IF(Input!$D$22=4,M337*Input!$C$22,0)</f>
        <v>0</v>
      </c>
      <c r="R337" s="58">
        <v>43.482295739735363</v>
      </c>
      <c r="S337" s="124">
        <f t="shared" si="5"/>
        <v>0.98514204944327655</v>
      </c>
    </row>
    <row r="338" spans="2:19" x14ac:dyDescent="0.3">
      <c r="B338" s="44">
        <v>331</v>
      </c>
      <c r="C338" s="56">
        <f>Jesper!AM332</f>
        <v>9.242609229254299</v>
      </c>
      <c r="D338" s="59">
        <f>Jesper!AN332</f>
        <v>30.808697430847669</v>
      </c>
      <c r="E338" s="59">
        <f>Jesper!AO332</f>
        <v>46.213046146271502</v>
      </c>
      <c r="F338" s="59">
        <f>Jesper!AP332</f>
        <v>221.8226215021032</v>
      </c>
      <c r="G338" s="58">
        <f>Jesper!AQ332</f>
        <v>0</v>
      </c>
      <c r="H338" s="44">
        <v>331</v>
      </c>
      <c r="I338" s="56">
        <f>Bühler!I364</f>
        <v>0.21282937893046233</v>
      </c>
      <c r="J338" s="59">
        <f>Bühler!J364</f>
        <v>0.70943126310154114</v>
      </c>
      <c r="K338" s="59">
        <f>Bühler!K364</f>
        <v>1.0641468946523118</v>
      </c>
      <c r="L338" s="59">
        <f>Bühler!L364</f>
        <v>10.628208397767947</v>
      </c>
      <c r="M338" s="58">
        <f>Bühler!M364</f>
        <v>0</v>
      </c>
      <c r="N338" s="56">
        <f>IF(Input!$D$19=1,J338*Input!$C$19,0)+IF(Input!$D$20=1,K338*Input!$C$20,0)+IF(Input!$D$21=1,L338*Input!$C$21,0)+IF(Input!$D$22=1,M338*Input!$C$22,0)</f>
        <v>0.21282937893046233</v>
      </c>
      <c r="O338" s="59">
        <f>IF(Input!$D$19=2,J338*Input!$C$19,0)+IF(Input!$D$20=2,K338*Input!$C$20,0)+IF(Input!$D$21=2,L338*Input!$C$21,0)+IF(Input!$D$22=2,M338*Input!$C$22,0)</f>
        <v>0.53207344732615591</v>
      </c>
      <c r="P338" s="59">
        <f>IF(Input!$D$19=3,J338*Input!$C$19,0)+IF(Input!$D$20=3,K338*Input!$C$20,0)+IF(Input!$D$21=3,L338*Input!$C$21,0)+IF(Input!$D$22=3,M338*Input!$C$22,0)</f>
        <v>0</v>
      </c>
      <c r="Q338" s="75">
        <f>IF(Input!$D$19=4,J338*Input!$C$19,0)+IF(Input!$D$20=4,K338*Input!$C$20,0)+IF(Input!$D$21=4,L338*Input!$C$21,0)+IF(Input!$D$22=4,M338*Input!$C$22,0)</f>
        <v>0</v>
      </c>
      <c r="R338" s="58">
        <v>43.719870182471681</v>
      </c>
      <c r="S338" s="124">
        <f t="shared" si="5"/>
        <v>0.92226064203200342</v>
      </c>
    </row>
    <row r="339" spans="2:19" x14ac:dyDescent="0.3">
      <c r="B339" s="44">
        <v>332</v>
      </c>
      <c r="C339" s="56">
        <f>Jesper!AM333</f>
        <v>9.449149339104796</v>
      </c>
      <c r="D339" s="59">
        <f>Jesper!AN333</f>
        <v>31.497164463682658</v>
      </c>
      <c r="E339" s="59">
        <f>Jesper!AO333</f>
        <v>47.245746695523984</v>
      </c>
      <c r="F339" s="59">
        <f>Jesper!AP333</f>
        <v>226.77958413851513</v>
      </c>
      <c r="G339" s="58">
        <f>Jesper!AQ333</f>
        <v>0</v>
      </c>
      <c r="H339" s="44">
        <v>332</v>
      </c>
      <c r="I339" s="56">
        <f>Bühler!I365</f>
        <v>0.17897015955516152</v>
      </c>
      <c r="J339" s="59">
        <f>Bühler!J365</f>
        <v>0.59656719851720519</v>
      </c>
      <c r="K339" s="59">
        <f>Bühler!K365</f>
        <v>0.89485079777580767</v>
      </c>
      <c r="L339" s="59">
        <f>Bühler!L365</f>
        <v>8.9373570617594105</v>
      </c>
      <c r="M339" s="58">
        <f>Bühler!M365</f>
        <v>0</v>
      </c>
      <c r="N339" s="56">
        <f>IF(Input!$D$19=1,J339*Input!$C$19,0)+IF(Input!$D$20=1,K339*Input!$C$20,0)+IF(Input!$D$21=1,L339*Input!$C$21,0)+IF(Input!$D$22=1,M339*Input!$C$22,0)</f>
        <v>0.17897015955516155</v>
      </c>
      <c r="O339" s="59">
        <f>IF(Input!$D$19=2,J339*Input!$C$19,0)+IF(Input!$D$20=2,K339*Input!$C$20,0)+IF(Input!$D$21=2,L339*Input!$C$21,0)+IF(Input!$D$22=2,M339*Input!$C$22,0)</f>
        <v>0.44742539888790384</v>
      </c>
      <c r="P339" s="59">
        <f>IF(Input!$D$19=3,J339*Input!$C$19,0)+IF(Input!$D$20=3,K339*Input!$C$20,0)+IF(Input!$D$21=3,L339*Input!$C$21,0)+IF(Input!$D$22=3,M339*Input!$C$22,0)</f>
        <v>0</v>
      </c>
      <c r="Q339" s="75">
        <f>IF(Input!$D$19=4,J339*Input!$C$19,0)+IF(Input!$D$20=4,K339*Input!$C$20,0)+IF(Input!$D$21=4,L339*Input!$C$21,0)+IF(Input!$D$22=4,M339*Input!$C$22,0)</f>
        <v>0</v>
      </c>
      <c r="R339" s="58">
        <v>43.58853092178272</v>
      </c>
      <c r="S339" s="124">
        <f t="shared" si="5"/>
        <v>0.77553735807236668</v>
      </c>
    </row>
    <row r="340" spans="2:19" x14ac:dyDescent="0.3">
      <c r="B340" s="44">
        <v>333</v>
      </c>
      <c r="C340" s="56">
        <f>Jesper!AM334</f>
        <v>9.0603679558568029</v>
      </c>
      <c r="D340" s="59">
        <f>Jesper!AN334</f>
        <v>30.201226519522681</v>
      </c>
      <c r="E340" s="59">
        <f>Jesper!AO334</f>
        <v>45.301839779284016</v>
      </c>
      <c r="F340" s="59">
        <f>Jesper!AP334</f>
        <v>217.44883094056328</v>
      </c>
      <c r="G340" s="58">
        <f>Jesper!AQ334</f>
        <v>0</v>
      </c>
      <c r="H340" s="44">
        <v>333</v>
      </c>
      <c r="I340" s="56">
        <f>Bühler!I366</f>
        <v>0.14994797151918937</v>
      </c>
      <c r="J340" s="59">
        <f>Bühler!J366</f>
        <v>0.49982657173063127</v>
      </c>
      <c r="K340" s="59">
        <f>Bühler!K366</f>
        <v>0.74973985759594697</v>
      </c>
      <c r="L340" s="59">
        <f>Bühler!L366</f>
        <v>7.488055916609234</v>
      </c>
      <c r="M340" s="58">
        <f>Bühler!M366</f>
        <v>0</v>
      </c>
      <c r="N340" s="56">
        <f>IF(Input!$D$19=1,J340*Input!$C$19,0)+IF(Input!$D$20=1,K340*Input!$C$20,0)+IF(Input!$D$21=1,L340*Input!$C$21,0)+IF(Input!$D$22=1,M340*Input!$C$22,0)</f>
        <v>0.14994797151918937</v>
      </c>
      <c r="O340" s="59">
        <f>IF(Input!$D$19=2,J340*Input!$C$19,0)+IF(Input!$D$20=2,K340*Input!$C$20,0)+IF(Input!$D$21=2,L340*Input!$C$21,0)+IF(Input!$D$22=2,M340*Input!$C$22,0)</f>
        <v>0.37486992879797348</v>
      </c>
      <c r="P340" s="59">
        <f>IF(Input!$D$19=3,J340*Input!$C$19,0)+IF(Input!$D$20=3,K340*Input!$C$20,0)+IF(Input!$D$21=3,L340*Input!$C$21,0)+IF(Input!$D$22=3,M340*Input!$C$22,0)</f>
        <v>0</v>
      </c>
      <c r="Q340" s="75">
        <f>IF(Input!$D$19=4,J340*Input!$C$19,0)+IF(Input!$D$20=4,K340*Input!$C$20,0)+IF(Input!$D$21=4,L340*Input!$C$21,0)+IF(Input!$D$22=4,M340*Input!$C$22,0)</f>
        <v>0</v>
      </c>
      <c r="R340" s="58">
        <v>43.868515235546475</v>
      </c>
      <c r="S340" s="124">
        <f t="shared" si="5"/>
        <v>0.64977454324982065</v>
      </c>
    </row>
    <row r="341" spans="2:19" x14ac:dyDescent="0.3">
      <c r="B341" s="44">
        <v>334</v>
      </c>
      <c r="C341" s="56">
        <f>Jesper!AM335</f>
        <v>9.2912069021602992</v>
      </c>
      <c r="D341" s="59">
        <f>Jesper!AN335</f>
        <v>30.970689673867668</v>
      </c>
      <c r="E341" s="59">
        <f>Jesper!AO335</f>
        <v>46.456034510801501</v>
      </c>
      <c r="F341" s="59">
        <f>Jesper!AP335</f>
        <v>222.9889656518472</v>
      </c>
      <c r="G341" s="58">
        <f>Jesper!AQ335</f>
        <v>0</v>
      </c>
      <c r="H341" s="44">
        <v>334</v>
      </c>
      <c r="I341" s="56">
        <f>Bühler!I367</f>
        <v>0.13059984616187462</v>
      </c>
      <c r="J341" s="59">
        <f>Bühler!J367</f>
        <v>0.43533282053958217</v>
      </c>
      <c r="K341" s="59">
        <f>Bühler!K367</f>
        <v>0.65299923080937317</v>
      </c>
      <c r="L341" s="59">
        <f>Bühler!L367</f>
        <v>6.5218551531757853</v>
      </c>
      <c r="M341" s="58">
        <f>Bühler!M367</f>
        <v>0</v>
      </c>
      <c r="N341" s="56">
        <f>IF(Input!$D$19=1,J341*Input!$C$19,0)+IF(Input!$D$20=1,K341*Input!$C$20,0)+IF(Input!$D$21=1,L341*Input!$C$21,0)+IF(Input!$D$22=1,M341*Input!$C$22,0)</f>
        <v>0.13059984616187464</v>
      </c>
      <c r="O341" s="59">
        <f>IF(Input!$D$19=2,J341*Input!$C$19,0)+IF(Input!$D$20=2,K341*Input!$C$20,0)+IF(Input!$D$21=2,L341*Input!$C$21,0)+IF(Input!$D$22=2,M341*Input!$C$22,0)</f>
        <v>0.32649961540468658</v>
      </c>
      <c r="P341" s="59">
        <f>IF(Input!$D$19=3,J341*Input!$C$19,0)+IF(Input!$D$20=3,K341*Input!$C$20,0)+IF(Input!$D$21=3,L341*Input!$C$21,0)+IF(Input!$D$22=3,M341*Input!$C$22,0)</f>
        <v>0</v>
      </c>
      <c r="Q341" s="75">
        <f>IF(Input!$D$19=4,J341*Input!$C$19,0)+IF(Input!$D$20=4,K341*Input!$C$20,0)+IF(Input!$D$21=4,L341*Input!$C$21,0)+IF(Input!$D$22=4,M341*Input!$C$22,0)</f>
        <v>0</v>
      </c>
      <c r="R341" s="58">
        <v>44.410444085260174</v>
      </c>
      <c r="S341" s="124">
        <f t="shared" si="5"/>
        <v>0.56593266670145681</v>
      </c>
    </row>
    <row r="342" spans="2:19" x14ac:dyDescent="0.3">
      <c r="B342" s="44">
        <v>335</v>
      </c>
      <c r="C342" s="56">
        <f>Jesper!AM336</f>
        <v>6.6237297663484052</v>
      </c>
      <c r="D342" s="59">
        <f>Jesper!AN336</f>
        <v>22.079099221161353</v>
      </c>
      <c r="E342" s="59">
        <f>Jesper!AO336</f>
        <v>33.118648831742028</v>
      </c>
      <c r="F342" s="59">
        <f>Jesper!AP336</f>
        <v>298.80432325603471</v>
      </c>
      <c r="G342" s="58">
        <f>Jesper!AQ336</f>
        <v>0</v>
      </c>
      <c r="H342" s="44">
        <v>335</v>
      </c>
      <c r="I342" s="56">
        <f>Bühler!I368</f>
        <v>0.13059984616187462</v>
      </c>
      <c r="J342" s="59">
        <f>Bühler!J368</f>
        <v>0.43533282053958217</v>
      </c>
      <c r="K342" s="59">
        <f>Bühler!K368</f>
        <v>0.65299923080937317</v>
      </c>
      <c r="L342" s="59">
        <f>Bühler!L368</f>
        <v>6.5218551531757853</v>
      </c>
      <c r="M342" s="58">
        <f>Bühler!M368</f>
        <v>0</v>
      </c>
      <c r="N342" s="56">
        <f>IF(Input!$D$19=1,J342*Input!$C$19,0)+IF(Input!$D$20=1,K342*Input!$C$20,0)+IF(Input!$D$21=1,L342*Input!$C$21,0)+IF(Input!$D$22=1,M342*Input!$C$22,0)</f>
        <v>0.13059984616187464</v>
      </c>
      <c r="O342" s="59">
        <f>IF(Input!$D$19=2,J342*Input!$C$19,0)+IF(Input!$D$20=2,K342*Input!$C$20,0)+IF(Input!$D$21=2,L342*Input!$C$21,0)+IF(Input!$D$22=2,M342*Input!$C$22,0)</f>
        <v>0.32649961540468658</v>
      </c>
      <c r="P342" s="59">
        <f>IF(Input!$D$19=3,J342*Input!$C$19,0)+IF(Input!$D$20=3,K342*Input!$C$20,0)+IF(Input!$D$21=3,L342*Input!$C$21,0)+IF(Input!$D$22=3,M342*Input!$C$22,0)</f>
        <v>0</v>
      </c>
      <c r="Q342" s="75">
        <f>IF(Input!$D$19=4,J342*Input!$C$19,0)+IF(Input!$D$20=4,K342*Input!$C$20,0)+IF(Input!$D$21=4,L342*Input!$C$21,0)+IF(Input!$D$22=4,M342*Input!$C$22,0)</f>
        <v>0</v>
      </c>
      <c r="R342" s="58">
        <v>45.524166451783046</v>
      </c>
      <c r="S342" s="124">
        <f t="shared" si="5"/>
        <v>0.56593266670145681</v>
      </c>
    </row>
    <row r="343" spans="2:19" x14ac:dyDescent="0.3">
      <c r="B343" s="44">
        <v>336</v>
      </c>
      <c r="C343" s="56">
        <f>Jesper!AM337</f>
        <v>6.8713936726847544</v>
      </c>
      <c r="D343" s="59">
        <f>Jesper!AN337</f>
        <v>22.904645575615852</v>
      </c>
      <c r="E343" s="59">
        <f>Jesper!AO337</f>
        <v>34.356968363423775</v>
      </c>
      <c r="F343" s="59">
        <f>Jesper!AP337</f>
        <v>304.39068555223508</v>
      </c>
      <c r="G343" s="58">
        <f>Jesper!AQ337</f>
        <v>0</v>
      </c>
      <c r="H343" s="44">
        <v>336</v>
      </c>
      <c r="I343" s="56">
        <f>Bühler!I369</f>
        <v>0.13059984616187462</v>
      </c>
      <c r="J343" s="59">
        <f>Bühler!J369</f>
        <v>0.43533282053958217</v>
      </c>
      <c r="K343" s="59">
        <f>Bühler!K369</f>
        <v>0.65299923080937317</v>
      </c>
      <c r="L343" s="59">
        <f>Bühler!L369</f>
        <v>6.5218551531757853</v>
      </c>
      <c r="M343" s="58">
        <f>Bühler!M369</f>
        <v>0</v>
      </c>
      <c r="N343" s="56">
        <f>IF(Input!$D$19=1,J343*Input!$C$19,0)+IF(Input!$D$20=1,K343*Input!$C$20,0)+IF(Input!$D$21=1,L343*Input!$C$21,0)+IF(Input!$D$22=1,M343*Input!$C$22,0)</f>
        <v>0.13059984616187464</v>
      </c>
      <c r="O343" s="59">
        <f>IF(Input!$D$19=2,J343*Input!$C$19,0)+IF(Input!$D$20=2,K343*Input!$C$20,0)+IF(Input!$D$21=2,L343*Input!$C$21,0)+IF(Input!$D$22=2,M343*Input!$C$22,0)</f>
        <v>0.32649961540468658</v>
      </c>
      <c r="P343" s="59">
        <f>IF(Input!$D$19=3,J343*Input!$C$19,0)+IF(Input!$D$20=3,K343*Input!$C$20,0)+IF(Input!$D$21=3,L343*Input!$C$21,0)+IF(Input!$D$22=3,M343*Input!$C$22,0)</f>
        <v>0</v>
      </c>
      <c r="Q343" s="75">
        <f>IF(Input!$D$19=4,J343*Input!$C$19,0)+IF(Input!$D$20=4,K343*Input!$C$20,0)+IF(Input!$D$21=4,L343*Input!$C$21,0)+IF(Input!$D$22=4,M343*Input!$C$22,0)</f>
        <v>0</v>
      </c>
      <c r="R343" s="58">
        <v>45.164021267555803</v>
      </c>
      <c r="S343" s="124">
        <f t="shared" si="5"/>
        <v>0.56593266670145681</v>
      </c>
    </row>
    <row r="344" spans="2:19" x14ac:dyDescent="0.3">
      <c r="B344" s="44">
        <v>337</v>
      </c>
      <c r="C344" s="56">
        <f>Jesper!AM338</f>
        <v>9.4612987573312957</v>
      </c>
      <c r="D344" s="59">
        <f>Jesper!AN338</f>
        <v>31.537662524437657</v>
      </c>
      <c r="E344" s="59">
        <f>Jesper!AO338</f>
        <v>47.306493786656482</v>
      </c>
      <c r="F344" s="59">
        <f>Jesper!AP338</f>
        <v>227.07117017595112</v>
      </c>
      <c r="G344" s="58">
        <f>Jesper!AQ338</f>
        <v>0</v>
      </c>
      <c r="H344" s="44">
        <v>337</v>
      </c>
      <c r="I344" s="56">
        <f>Bühler!I370</f>
        <v>8.0698048679282555E-2</v>
      </c>
      <c r="J344" s="59">
        <f>Bühler!J370</f>
        <v>0.26899349559760855</v>
      </c>
      <c r="K344" s="59">
        <f>Bühler!K370</f>
        <v>0.40349024339641282</v>
      </c>
      <c r="L344" s="59">
        <f>Bühler!L370</f>
        <v>1.9367531683027814</v>
      </c>
      <c r="M344" s="58">
        <f>Bühler!M370</f>
        <v>0</v>
      </c>
      <c r="N344" s="56">
        <f>IF(Input!$D$19=1,J344*Input!$C$19,0)+IF(Input!$D$20=1,K344*Input!$C$20,0)+IF(Input!$D$21=1,L344*Input!$C$21,0)+IF(Input!$D$22=1,M344*Input!$C$22,0)</f>
        <v>8.0698048679282555E-2</v>
      </c>
      <c r="O344" s="59">
        <f>IF(Input!$D$19=2,J344*Input!$C$19,0)+IF(Input!$D$20=2,K344*Input!$C$20,0)+IF(Input!$D$21=2,L344*Input!$C$21,0)+IF(Input!$D$22=2,M344*Input!$C$22,0)</f>
        <v>0.20174512169820641</v>
      </c>
      <c r="P344" s="59">
        <f>IF(Input!$D$19=3,J344*Input!$C$19,0)+IF(Input!$D$20=3,K344*Input!$C$20,0)+IF(Input!$D$21=3,L344*Input!$C$21,0)+IF(Input!$D$22=3,M344*Input!$C$22,0)</f>
        <v>0</v>
      </c>
      <c r="Q344" s="75">
        <f>IF(Input!$D$19=4,J344*Input!$C$19,0)+IF(Input!$D$20=4,K344*Input!$C$20,0)+IF(Input!$D$21=4,L344*Input!$C$21,0)+IF(Input!$D$22=4,M344*Input!$C$22,0)</f>
        <v>0</v>
      </c>
      <c r="R344" s="58">
        <v>45.44749161002072</v>
      </c>
      <c r="S344" s="124">
        <f t="shared" si="5"/>
        <v>0.34969154427689109</v>
      </c>
    </row>
    <row r="345" spans="2:19" x14ac:dyDescent="0.3">
      <c r="B345" s="44">
        <v>338</v>
      </c>
      <c r="C345" s="56">
        <f>Jesper!AM339</f>
        <v>9.4855975937842967</v>
      </c>
      <c r="D345" s="59">
        <f>Jesper!AN339</f>
        <v>31.618658645947662</v>
      </c>
      <c r="E345" s="59">
        <f>Jesper!AO339</f>
        <v>47.427987968921485</v>
      </c>
      <c r="F345" s="59">
        <f>Jesper!AP339</f>
        <v>227.65434225082313</v>
      </c>
      <c r="G345" s="58">
        <f>Jesper!AQ339</f>
        <v>0</v>
      </c>
      <c r="H345" s="44">
        <v>338</v>
      </c>
      <c r="I345" s="56">
        <f>Bühler!I371</f>
        <v>8.0698048679282555E-2</v>
      </c>
      <c r="J345" s="59">
        <f>Bühler!J371</f>
        <v>0.26899349559760855</v>
      </c>
      <c r="K345" s="59">
        <f>Bühler!K371</f>
        <v>0.40349024339641282</v>
      </c>
      <c r="L345" s="59">
        <f>Bühler!L371</f>
        <v>1.9367531683027814</v>
      </c>
      <c r="M345" s="58">
        <f>Bühler!M371</f>
        <v>0</v>
      </c>
      <c r="N345" s="56">
        <f>IF(Input!$D$19=1,J345*Input!$C$19,0)+IF(Input!$D$20=1,K345*Input!$C$20,0)+IF(Input!$D$21=1,L345*Input!$C$21,0)+IF(Input!$D$22=1,M345*Input!$C$22,0)</f>
        <v>8.0698048679282555E-2</v>
      </c>
      <c r="O345" s="59">
        <f>IF(Input!$D$19=2,J345*Input!$C$19,0)+IF(Input!$D$20=2,K345*Input!$C$20,0)+IF(Input!$D$21=2,L345*Input!$C$21,0)+IF(Input!$D$22=2,M345*Input!$C$22,0)</f>
        <v>0.20174512169820641</v>
      </c>
      <c r="P345" s="59">
        <f>IF(Input!$D$19=3,J345*Input!$C$19,0)+IF(Input!$D$20=3,K345*Input!$C$20,0)+IF(Input!$D$21=3,L345*Input!$C$21,0)+IF(Input!$D$22=3,M345*Input!$C$22,0)</f>
        <v>0</v>
      </c>
      <c r="Q345" s="75">
        <f>IF(Input!$D$19=4,J345*Input!$C$19,0)+IF(Input!$D$20=4,K345*Input!$C$20,0)+IF(Input!$D$21=4,L345*Input!$C$21,0)+IF(Input!$D$22=4,M345*Input!$C$22,0)</f>
        <v>0</v>
      </c>
      <c r="R345" s="58">
        <v>46.180085521500246</v>
      </c>
      <c r="S345" s="124">
        <f t="shared" si="5"/>
        <v>0.34969154427689109</v>
      </c>
    </row>
    <row r="346" spans="2:19" x14ac:dyDescent="0.3">
      <c r="B346" s="44">
        <v>339</v>
      </c>
      <c r="C346" s="56">
        <f>Jesper!AM340</f>
        <v>9.1089656287628031</v>
      </c>
      <c r="D346" s="59">
        <f>Jesper!AN340</f>
        <v>30.363218762542683</v>
      </c>
      <c r="E346" s="59">
        <f>Jesper!AO340</f>
        <v>45.544828143814023</v>
      </c>
      <c r="F346" s="59">
        <f>Jesper!AP340</f>
        <v>218.6151750903073</v>
      </c>
      <c r="G346" s="58">
        <f>Jesper!AQ340</f>
        <v>0</v>
      </c>
      <c r="H346" s="44">
        <v>339</v>
      </c>
      <c r="I346" s="56">
        <f>Bühler!I372</f>
        <v>8.0698048679282555E-2</v>
      </c>
      <c r="J346" s="59">
        <f>Bühler!J372</f>
        <v>0.26899349559760855</v>
      </c>
      <c r="K346" s="59">
        <f>Bühler!K372</f>
        <v>0.40349024339641282</v>
      </c>
      <c r="L346" s="59">
        <f>Bühler!L372</f>
        <v>1.9367531683027814</v>
      </c>
      <c r="M346" s="58">
        <f>Bühler!M372</f>
        <v>0</v>
      </c>
      <c r="N346" s="56">
        <f>IF(Input!$D$19=1,J346*Input!$C$19,0)+IF(Input!$D$20=1,K346*Input!$C$20,0)+IF(Input!$D$21=1,L346*Input!$C$21,0)+IF(Input!$D$22=1,M346*Input!$C$22,0)</f>
        <v>8.0698048679282555E-2</v>
      </c>
      <c r="O346" s="59">
        <f>IF(Input!$D$19=2,J346*Input!$C$19,0)+IF(Input!$D$20=2,K346*Input!$C$20,0)+IF(Input!$D$21=2,L346*Input!$C$21,0)+IF(Input!$D$22=2,M346*Input!$C$22,0)</f>
        <v>0.20174512169820641</v>
      </c>
      <c r="P346" s="59">
        <f>IF(Input!$D$19=3,J346*Input!$C$19,0)+IF(Input!$D$20=3,K346*Input!$C$20,0)+IF(Input!$D$21=3,L346*Input!$C$21,0)+IF(Input!$D$22=3,M346*Input!$C$22,0)</f>
        <v>0</v>
      </c>
      <c r="Q346" s="75">
        <f>IF(Input!$D$19=4,J346*Input!$C$19,0)+IF(Input!$D$20=4,K346*Input!$C$20,0)+IF(Input!$D$21=4,L346*Input!$C$21,0)+IF(Input!$D$22=4,M346*Input!$C$22,0)</f>
        <v>0</v>
      </c>
      <c r="R346" s="58">
        <v>47.172860830880545</v>
      </c>
      <c r="S346" s="124">
        <f t="shared" si="5"/>
        <v>0.34969154427689109</v>
      </c>
    </row>
    <row r="347" spans="2:19" x14ac:dyDescent="0.3">
      <c r="B347" s="44">
        <v>340</v>
      </c>
      <c r="C347" s="56">
        <f>Jesper!AM341</f>
        <v>9.0725173740833025</v>
      </c>
      <c r="D347" s="59">
        <f>Jesper!AN341</f>
        <v>30.24172458027768</v>
      </c>
      <c r="E347" s="59">
        <f>Jesper!AO341</f>
        <v>45.362586870416514</v>
      </c>
      <c r="F347" s="59">
        <f>Jesper!AP341</f>
        <v>217.74041697799927</v>
      </c>
      <c r="G347" s="58">
        <f>Jesper!AQ341</f>
        <v>0</v>
      </c>
      <c r="H347" s="44">
        <v>340</v>
      </c>
      <c r="I347" s="56">
        <f>Bühler!I373</f>
        <v>8.0698048679282555E-2</v>
      </c>
      <c r="J347" s="59">
        <f>Bühler!J373</f>
        <v>0.26899349559760855</v>
      </c>
      <c r="K347" s="59">
        <f>Bühler!K373</f>
        <v>0.40349024339641282</v>
      </c>
      <c r="L347" s="59">
        <f>Bühler!L373</f>
        <v>1.9367531683027814</v>
      </c>
      <c r="M347" s="58">
        <f>Bühler!M373</f>
        <v>0</v>
      </c>
      <c r="N347" s="56">
        <f>IF(Input!$D$19=1,J347*Input!$C$19,0)+IF(Input!$D$20=1,K347*Input!$C$20,0)+IF(Input!$D$21=1,L347*Input!$C$21,0)+IF(Input!$D$22=1,M347*Input!$C$22,0)</f>
        <v>8.0698048679282555E-2</v>
      </c>
      <c r="O347" s="59">
        <f>IF(Input!$D$19=2,J347*Input!$C$19,0)+IF(Input!$D$20=2,K347*Input!$C$20,0)+IF(Input!$D$21=2,L347*Input!$C$21,0)+IF(Input!$D$22=2,M347*Input!$C$22,0)</f>
        <v>0.20174512169820641</v>
      </c>
      <c r="P347" s="59">
        <f>IF(Input!$D$19=3,J347*Input!$C$19,0)+IF(Input!$D$20=3,K347*Input!$C$20,0)+IF(Input!$D$21=3,L347*Input!$C$21,0)+IF(Input!$D$22=3,M347*Input!$C$22,0)</f>
        <v>0</v>
      </c>
      <c r="Q347" s="75">
        <f>IF(Input!$D$19=4,J347*Input!$C$19,0)+IF(Input!$D$20=4,K347*Input!$C$20,0)+IF(Input!$D$21=4,L347*Input!$C$21,0)+IF(Input!$D$22=4,M347*Input!$C$22,0)</f>
        <v>0</v>
      </c>
      <c r="R347" s="58">
        <v>47.904179849173765</v>
      </c>
      <c r="S347" s="124">
        <f t="shared" si="5"/>
        <v>0.34969154427689109</v>
      </c>
    </row>
    <row r="348" spans="2:19" x14ac:dyDescent="0.3">
      <c r="B348" s="44">
        <v>341</v>
      </c>
      <c r="C348" s="56">
        <f>Jesper!AM342</f>
        <v>9.3519539932927973</v>
      </c>
      <c r="D348" s="59">
        <f>Jesper!AN342</f>
        <v>31.173179977642661</v>
      </c>
      <c r="E348" s="59">
        <f>Jesper!AO342</f>
        <v>46.759769966463992</v>
      </c>
      <c r="F348" s="59">
        <f>Jesper!AP342</f>
        <v>224.44689583902715</v>
      </c>
      <c r="G348" s="58">
        <f>Jesper!AQ342</f>
        <v>0</v>
      </c>
      <c r="H348" s="44">
        <v>341</v>
      </c>
      <c r="I348" s="56">
        <f>Bühler!I374</f>
        <v>8.0698048679282555E-2</v>
      </c>
      <c r="J348" s="59">
        <f>Bühler!J374</f>
        <v>0.26899349559760855</v>
      </c>
      <c r="K348" s="59">
        <f>Bühler!K374</f>
        <v>0.40349024339641282</v>
      </c>
      <c r="L348" s="59">
        <f>Bühler!L374</f>
        <v>1.9367531683027814</v>
      </c>
      <c r="M348" s="58">
        <f>Bühler!M374</f>
        <v>0</v>
      </c>
      <c r="N348" s="56">
        <f>IF(Input!$D$19=1,J348*Input!$C$19,0)+IF(Input!$D$20=1,K348*Input!$C$20,0)+IF(Input!$D$21=1,L348*Input!$C$21,0)+IF(Input!$D$22=1,M348*Input!$C$22,0)</f>
        <v>8.0698048679282555E-2</v>
      </c>
      <c r="O348" s="59">
        <f>IF(Input!$D$19=2,J348*Input!$C$19,0)+IF(Input!$D$20=2,K348*Input!$C$20,0)+IF(Input!$D$21=2,L348*Input!$C$21,0)+IF(Input!$D$22=2,M348*Input!$C$22,0)</f>
        <v>0.20174512169820641</v>
      </c>
      <c r="P348" s="59">
        <f>IF(Input!$D$19=3,J348*Input!$C$19,0)+IF(Input!$D$20=3,K348*Input!$C$20,0)+IF(Input!$D$21=3,L348*Input!$C$21,0)+IF(Input!$D$22=3,M348*Input!$C$22,0)</f>
        <v>0</v>
      </c>
      <c r="Q348" s="75">
        <f>IF(Input!$D$19=4,J348*Input!$C$19,0)+IF(Input!$D$20=4,K348*Input!$C$20,0)+IF(Input!$D$21=4,L348*Input!$C$21,0)+IF(Input!$D$22=4,M348*Input!$C$22,0)</f>
        <v>0</v>
      </c>
      <c r="R348" s="58">
        <v>51.128783464717884</v>
      </c>
      <c r="S348" s="124">
        <f t="shared" si="5"/>
        <v>0.34969154427689109</v>
      </c>
    </row>
    <row r="349" spans="2:19" x14ac:dyDescent="0.3">
      <c r="B349" s="44">
        <v>342</v>
      </c>
      <c r="C349" s="56">
        <f>Jesper!AM343</f>
        <v>6.7652519985406032</v>
      </c>
      <c r="D349" s="59">
        <f>Jesper!AN343</f>
        <v>22.550839995135348</v>
      </c>
      <c r="E349" s="59">
        <f>Jesper!AO343</f>
        <v>33.826259992703022</v>
      </c>
      <c r="F349" s="59">
        <f>Jesper!AP343</f>
        <v>301.99653028243483</v>
      </c>
      <c r="G349" s="58">
        <f>Jesper!AQ343</f>
        <v>0</v>
      </c>
      <c r="H349" s="44">
        <v>342</v>
      </c>
      <c r="I349" s="56">
        <f>Bühler!I375</f>
        <v>0.34969154427689114</v>
      </c>
      <c r="J349" s="59">
        <f>Bühler!J375</f>
        <v>1.1656384809229705</v>
      </c>
      <c r="K349" s="59">
        <f>Bühler!K375</f>
        <v>1.7484577213844557</v>
      </c>
      <c r="L349" s="59">
        <f>Bühler!L375</f>
        <v>8.3925970626453879</v>
      </c>
      <c r="M349" s="58">
        <f>Bühler!M375</f>
        <v>0</v>
      </c>
      <c r="N349" s="56">
        <f>IF(Input!$D$19=1,J349*Input!$C$19,0)+IF(Input!$D$20=1,K349*Input!$C$20,0)+IF(Input!$D$21=1,L349*Input!$C$21,0)+IF(Input!$D$22=1,M349*Input!$C$22,0)</f>
        <v>0.34969154427689114</v>
      </c>
      <c r="O349" s="59">
        <f>IF(Input!$D$19=2,J349*Input!$C$19,0)+IF(Input!$D$20=2,K349*Input!$C$20,0)+IF(Input!$D$21=2,L349*Input!$C$21,0)+IF(Input!$D$22=2,M349*Input!$C$22,0)</f>
        <v>0.87422886069222783</v>
      </c>
      <c r="P349" s="59">
        <f>IF(Input!$D$19=3,J349*Input!$C$19,0)+IF(Input!$D$20=3,K349*Input!$C$20,0)+IF(Input!$D$21=3,L349*Input!$C$21,0)+IF(Input!$D$22=3,M349*Input!$C$22,0)</f>
        <v>0</v>
      </c>
      <c r="Q349" s="75">
        <f>IF(Input!$D$19=4,J349*Input!$C$19,0)+IF(Input!$D$20=4,K349*Input!$C$20,0)+IF(Input!$D$21=4,L349*Input!$C$21,0)+IF(Input!$D$22=4,M349*Input!$C$22,0)</f>
        <v>0</v>
      </c>
      <c r="R349" s="58">
        <v>57.030990575975906</v>
      </c>
      <c r="S349" s="124">
        <f t="shared" si="5"/>
        <v>1.5153300251998616</v>
      </c>
    </row>
    <row r="350" spans="2:19" x14ac:dyDescent="0.3">
      <c r="B350" s="44">
        <v>343</v>
      </c>
      <c r="C350" s="56">
        <f>Jesper!AM344</f>
        <v>5.7745963731952079</v>
      </c>
      <c r="D350" s="59">
        <f>Jesper!AN344</f>
        <v>19.24865457731736</v>
      </c>
      <c r="E350" s="59">
        <f>Jesper!AO344</f>
        <v>28.872981865976044</v>
      </c>
      <c r="F350" s="59">
        <f>Jesper!AP344</f>
        <v>279.65108109763327</v>
      </c>
      <c r="G350" s="58">
        <f>Jesper!AQ344</f>
        <v>0</v>
      </c>
      <c r="H350" s="44">
        <v>343</v>
      </c>
      <c r="I350" s="56">
        <f>Bühler!I376</f>
        <v>0.39676540600647259</v>
      </c>
      <c r="J350" s="59">
        <f>Bühler!J376</f>
        <v>1.3225513533549087</v>
      </c>
      <c r="K350" s="59">
        <f>Bühler!K376</f>
        <v>1.983827030032363</v>
      </c>
      <c r="L350" s="59">
        <f>Bühler!L376</f>
        <v>9.522369744155343</v>
      </c>
      <c r="M350" s="58">
        <f>Bühler!M376</f>
        <v>0</v>
      </c>
      <c r="N350" s="56">
        <f>IF(Input!$D$19=1,J350*Input!$C$19,0)+IF(Input!$D$20=1,K350*Input!$C$20,0)+IF(Input!$D$21=1,L350*Input!$C$21,0)+IF(Input!$D$22=1,M350*Input!$C$22,0)</f>
        <v>0.39676540600647259</v>
      </c>
      <c r="O350" s="59">
        <f>IF(Input!$D$19=2,J350*Input!$C$19,0)+IF(Input!$D$20=2,K350*Input!$C$20,0)+IF(Input!$D$21=2,L350*Input!$C$21,0)+IF(Input!$D$22=2,M350*Input!$C$22,0)</f>
        <v>0.99191351501618152</v>
      </c>
      <c r="P350" s="59">
        <f>IF(Input!$D$19=3,J350*Input!$C$19,0)+IF(Input!$D$20=3,K350*Input!$C$20,0)+IF(Input!$D$21=3,L350*Input!$C$21,0)+IF(Input!$D$22=3,M350*Input!$C$22,0)</f>
        <v>0</v>
      </c>
      <c r="Q350" s="75">
        <f>IF(Input!$D$19=4,J350*Input!$C$19,0)+IF(Input!$D$20=4,K350*Input!$C$20,0)+IF(Input!$D$21=4,L350*Input!$C$21,0)+IF(Input!$D$22=4,M350*Input!$C$22,0)</f>
        <v>0</v>
      </c>
      <c r="R350" s="58">
        <v>62.925994266138886</v>
      </c>
      <c r="S350" s="124">
        <f t="shared" si="5"/>
        <v>1.7193167593613814</v>
      </c>
    </row>
    <row r="351" spans="2:19" x14ac:dyDescent="0.3">
      <c r="B351" s="44">
        <v>344</v>
      </c>
      <c r="C351" s="56">
        <f>Jesper!AM345</f>
        <v>8.6715865726088115</v>
      </c>
      <c r="D351" s="59">
        <f>Jesper!AN345</f>
        <v>28.905288575362704</v>
      </c>
      <c r="E351" s="59">
        <f>Jesper!AO345</f>
        <v>43.357932863044056</v>
      </c>
      <c r="F351" s="59">
        <f>Jesper!AP345</f>
        <v>208.11807774261146</v>
      </c>
      <c r="G351" s="58">
        <f>Jesper!AQ345</f>
        <v>0</v>
      </c>
      <c r="H351" s="44">
        <v>344</v>
      </c>
      <c r="I351" s="56">
        <f>Bühler!I377</f>
        <v>0.39676540600647259</v>
      </c>
      <c r="J351" s="59">
        <f>Bühler!J377</f>
        <v>1.3225513533549087</v>
      </c>
      <c r="K351" s="59">
        <f>Bühler!K377</f>
        <v>1.983827030032363</v>
      </c>
      <c r="L351" s="59">
        <f>Bühler!L377</f>
        <v>9.522369744155343</v>
      </c>
      <c r="M351" s="58">
        <f>Bühler!M377</f>
        <v>0</v>
      </c>
      <c r="N351" s="56">
        <f>IF(Input!$D$19=1,J351*Input!$C$19,0)+IF(Input!$D$20=1,K351*Input!$C$20,0)+IF(Input!$D$21=1,L351*Input!$C$21,0)+IF(Input!$D$22=1,M351*Input!$C$22,0)</f>
        <v>0.39676540600647259</v>
      </c>
      <c r="O351" s="59">
        <f>IF(Input!$D$19=2,J351*Input!$C$19,0)+IF(Input!$D$20=2,K351*Input!$C$20,0)+IF(Input!$D$21=2,L351*Input!$C$21,0)+IF(Input!$D$22=2,M351*Input!$C$22,0)</f>
        <v>0.99191351501618152</v>
      </c>
      <c r="P351" s="59">
        <f>IF(Input!$D$19=3,J351*Input!$C$19,0)+IF(Input!$D$20=3,K351*Input!$C$20,0)+IF(Input!$D$21=3,L351*Input!$C$21,0)+IF(Input!$D$22=3,M351*Input!$C$22,0)</f>
        <v>0</v>
      </c>
      <c r="Q351" s="75">
        <f>IF(Input!$D$19=4,J351*Input!$C$19,0)+IF(Input!$D$20=4,K351*Input!$C$20,0)+IF(Input!$D$21=4,L351*Input!$C$21,0)+IF(Input!$D$22=4,M351*Input!$C$22,0)</f>
        <v>0</v>
      </c>
      <c r="R351" s="58">
        <v>65.069110110620258</v>
      </c>
      <c r="S351" s="124">
        <f t="shared" si="5"/>
        <v>1.7193167593613814</v>
      </c>
    </row>
    <row r="352" spans="2:19" x14ac:dyDescent="0.3">
      <c r="B352" s="44">
        <v>345</v>
      </c>
      <c r="C352" s="56">
        <f>Jesper!AM346</f>
        <v>8.8902761006858082</v>
      </c>
      <c r="D352" s="59">
        <f>Jesper!AN346</f>
        <v>29.634253668952695</v>
      </c>
      <c r="E352" s="59">
        <f>Jesper!AO346</f>
        <v>44.451380503429036</v>
      </c>
      <c r="F352" s="59">
        <f>Jesper!AP346</f>
        <v>213.36662641645938</v>
      </c>
      <c r="G352" s="58">
        <f>Jesper!AQ346</f>
        <v>0</v>
      </c>
      <c r="H352" s="44">
        <v>345</v>
      </c>
      <c r="I352" s="56">
        <f>Bühler!I378</f>
        <v>0.39676540600647259</v>
      </c>
      <c r="J352" s="59">
        <f>Bühler!J378</f>
        <v>1.3225513533549087</v>
      </c>
      <c r="K352" s="59">
        <f>Bühler!K378</f>
        <v>1.983827030032363</v>
      </c>
      <c r="L352" s="59">
        <f>Bühler!L378</f>
        <v>9.522369744155343</v>
      </c>
      <c r="M352" s="58">
        <f>Bühler!M378</f>
        <v>0</v>
      </c>
      <c r="N352" s="56">
        <f>IF(Input!$D$19=1,J352*Input!$C$19,0)+IF(Input!$D$20=1,K352*Input!$C$20,0)+IF(Input!$D$21=1,L352*Input!$C$21,0)+IF(Input!$D$22=1,M352*Input!$C$22,0)</f>
        <v>0.39676540600647259</v>
      </c>
      <c r="O352" s="59">
        <f>IF(Input!$D$19=2,J352*Input!$C$19,0)+IF(Input!$D$20=2,K352*Input!$C$20,0)+IF(Input!$D$21=2,L352*Input!$C$21,0)+IF(Input!$D$22=2,M352*Input!$C$22,0)</f>
        <v>0.99191351501618152</v>
      </c>
      <c r="P352" s="59">
        <f>IF(Input!$D$19=3,J352*Input!$C$19,0)+IF(Input!$D$20=3,K352*Input!$C$20,0)+IF(Input!$D$21=3,L352*Input!$C$21,0)+IF(Input!$D$22=3,M352*Input!$C$22,0)</f>
        <v>0</v>
      </c>
      <c r="Q352" s="75">
        <f>IF(Input!$D$19=4,J352*Input!$C$19,0)+IF(Input!$D$20=4,K352*Input!$C$20,0)+IF(Input!$D$21=4,L352*Input!$C$21,0)+IF(Input!$D$22=4,M352*Input!$C$22,0)</f>
        <v>0</v>
      </c>
      <c r="R352" s="58">
        <v>66.520158210932379</v>
      </c>
      <c r="S352" s="124">
        <f t="shared" si="5"/>
        <v>1.7193167593613814</v>
      </c>
    </row>
    <row r="353" spans="2:19" x14ac:dyDescent="0.3">
      <c r="B353" s="44">
        <v>346</v>
      </c>
      <c r="C353" s="56">
        <f>Jesper!AM347</f>
        <v>9.2183103928012997</v>
      </c>
      <c r="D353" s="59">
        <f>Jesper!AN347</f>
        <v>30.727701309337672</v>
      </c>
      <c r="E353" s="59">
        <f>Jesper!AO347</f>
        <v>46.091551964006506</v>
      </c>
      <c r="F353" s="59">
        <f>Jesper!AP347</f>
        <v>221.23944942723122</v>
      </c>
      <c r="G353" s="58">
        <f>Jesper!AQ347</f>
        <v>0</v>
      </c>
      <c r="H353" s="44">
        <v>346</v>
      </c>
      <c r="I353" s="56">
        <f>Bühler!I379</f>
        <v>0.42366475556623345</v>
      </c>
      <c r="J353" s="59">
        <f>Bühler!J379</f>
        <v>1.412215851887445</v>
      </c>
      <c r="K353" s="59">
        <f>Bühler!K379</f>
        <v>2.1183237778311672</v>
      </c>
      <c r="L353" s="59">
        <f>Bühler!L379</f>
        <v>10.167954133589603</v>
      </c>
      <c r="M353" s="58">
        <f>Bühler!M379</f>
        <v>0</v>
      </c>
      <c r="N353" s="56">
        <f>IF(Input!$D$19=1,J353*Input!$C$19,0)+IF(Input!$D$20=1,K353*Input!$C$20,0)+IF(Input!$D$21=1,L353*Input!$C$21,0)+IF(Input!$D$22=1,M353*Input!$C$22,0)</f>
        <v>0.42366475556623351</v>
      </c>
      <c r="O353" s="59">
        <f>IF(Input!$D$19=2,J353*Input!$C$19,0)+IF(Input!$D$20=2,K353*Input!$C$20,0)+IF(Input!$D$21=2,L353*Input!$C$21,0)+IF(Input!$D$22=2,M353*Input!$C$22,0)</f>
        <v>1.0591618889155836</v>
      </c>
      <c r="P353" s="59">
        <f>IF(Input!$D$19=3,J353*Input!$C$19,0)+IF(Input!$D$20=3,K353*Input!$C$20,0)+IF(Input!$D$21=3,L353*Input!$C$21,0)+IF(Input!$D$22=3,M353*Input!$C$22,0)</f>
        <v>0</v>
      </c>
      <c r="Q353" s="75">
        <f>IF(Input!$D$19=4,J353*Input!$C$19,0)+IF(Input!$D$20=4,K353*Input!$C$20,0)+IF(Input!$D$21=4,L353*Input!$C$21,0)+IF(Input!$D$22=4,M353*Input!$C$22,0)</f>
        <v>0</v>
      </c>
      <c r="R353" s="58">
        <v>67.418143780107272</v>
      </c>
      <c r="S353" s="124">
        <f t="shared" si="5"/>
        <v>1.8358806074536784</v>
      </c>
    </row>
    <row r="354" spans="2:19" x14ac:dyDescent="0.3">
      <c r="B354" s="44">
        <v>347</v>
      </c>
      <c r="C354" s="56">
        <f>Jesper!AM348</f>
        <v>9.3641034115192969</v>
      </c>
      <c r="D354" s="59">
        <f>Jesper!AN348</f>
        <v>31.21367803839766</v>
      </c>
      <c r="E354" s="59">
        <f>Jesper!AO348</f>
        <v>46.82051705759649</v>
      </c>
      <c r="F354" s="59">
        <f>Jesper!AP348</f>
        <v>224.73848187646314</v>
      </c>
      <c r="G354" s="58">
        <f>Jesper!AQ348</f>
        <v>0</v>
      </c>
      <c r="H354" s="44">
        <v>347</v>
      </c>
      <c r="I354" s="56">
        <f>Bühler!I380</f>
        <v>0.42366475556623345</v>
      </c>
      <c r="J354" s="59">
        <f>Bühler!J380</f>
        <v>1.412215851887445</v>
      </c>
      <c r="K354" s="59">
        <f>Bühler!K380</f>
        <v>2.1183237778311672</v>
      </c>
      <c r="L354" s="59">
        <f>Bühler!L380</f>
        <v>10.167954133589603</v>
      </c>
      <c r="M354" s="58">
        <f>Bühler!M380</f>
        <v>0</v>
      </c>
      <c r="N354" s="56">
        <f>IF(Input!$D$19=1,J354*Input!$C$19,0)+IF(Input!$D$20=1,K354*Input!$C$20,0)+IF(Input!$D$21=1,L354*Input!$C$21,0)+IF(Input!$D$22=1,M354*Input!$C$22,0)</f>
        <v>0.42366475556623351</v>
      </c>
      <c r="O354" s="59">
        <f>IF(Input!$D$19=2,J354*Input!$C$19,0)+IF(Input!$D$20=2,K354*Input!$C$20,0)+IF(Input!$D$21=2,L354*Input!$C$21,0)+IF(Input!$D$22=2,M354*Input!$C$22,0)</f>
        <v>1.0591618889155836</v>
      </c>
      <c r="P354" s="59">
        <f>IF(Input!$D$19=3,J354*Input!$C$19,0)+IF(Input!$D$20=3,K354*Input!$C$20,0)+IF(Input!$D$21=3,L354*Input!$C$21,0)+IF(Input!$D$22=3,M354*Input!$C$22,0)</f>
        <v>0</v>
      </c>
      <c r="Q354" s="75">
        <f>IF(Input!$D$19=4,J354*Input!$C$19,0)+IF(Input!$D$20=4,K354*Input!$C$20,0)+IF(Input!$D$21=4,L354*Input!$C$21,0)+IF(Input!$D$22=4,M354*Input!$C$22,0)</f>
        <v>0</v>
      </c>
      <c r="R354" s="58">
        <v>69.024002826900471</v>
      </c>
      <c r="S354" s="124">
        <f t="shared" si="5"/>
        <v>1.8358806074536784</v>
      </c>
    </row>
    <row r="355" spans="2:19" x14ac:dyDescent="0.3">
      <c r="B355" s="44">
        <v>348</v>
      </c>
      <c r="C355" s="56">
        <f>Jesper!AM349</f>
        <v>9.4127010844252972</v>
      </c>
      <c r="D355" s="59">
        <f>Jesper!AN349</f>
        <v>31.375670281417662</v>
      </c>
      <c r="E355" s="59">
        <f>Jesper!AO349</f>
        <v>47.063505422126489</v>
      </c>
      <c r="F355" s="59">
        <f>Jesper!AP349</f>
        <v>225.90482602620716</v>
      </c>
      <c r="G355" s="58">
        <f>Jesper!AQ349</f>
        <v>0</v>
      </c>
      <c r="H355" s="44">
        <v>348</v>
      </c>
      <c r="I355" s="56">
        <f>Bühler!I381</f>
        <v>0.53798699119521709</v>
      </c>
      <c r="J355" s="59">
        <f>Bühler!J381</f>
        <v>1.7932899706507237</v>
      </c>
      <c r="K355" s="59">
        <f>Bühler!K381</f>
        <v>2.6899349559760855</v>
      </c>
      <c r="L355" s="59">
        <f>Bühler!L381</f>
        <v>12.911687788685208</v>
      </c>
      <c r="M355" s="58">
        <f>Bühler!M381</f>
        <v>0</v>
      </c>
      <c r="N355" s="56">
        <f>IF(Input!$D$19=1,J355*Input!$C$19,0)+IF(Input!$D$20=1,K355*Input!$C$20,0)+IF(Input!$D$21=1,L355*Input!$C$21,0)+IF(Input!$D$22=1,M355*Input!$C$22,0)</f>
        <v>0.53798699119521709</v>
      </c>
      <c r="O355" s="59">
        <f>IF(Input!$D$19=2,J355*Input!$C$19,0)+IF(Input!$D$20=2,K355*Input!$C$20,0)+IF(Input!$D$21=2,L355*Input!$C$21,0)+IF(Input!$D$22=2,M355*Input!$C$22,0)</f>
        <v>1.3449674779880427</v>
      </c>
      <c r="P355" s="59">
        <f>IF(Input!$D$19=3,J355*Input!$C$19,0)+IF(Input!$D$20=3,K355*Input!$C$20,0)+IF(Input!$D$21=3,L355*Input!$C$21,0)+IF(Input!$D$22=3,M355*Input!$C$22,0)</f>
        <v>0</v>
      </c>
      <c r="Q355" s="75">
        <f>IF(Input!$D$19=4,J355*Input!$C$19,0)+IF(Input!$D$20=4,K355*Input!$C$20,0)+IF(Input!$D$21=4,L355*Input!$C$21,0)+IF(Input!$D$22=4,M355*Input!$C$22,0)</f>
        <v>0</v>
      </c>
      <c r="R355" s="58">
        <v>69.902287765873382</v>
      </c>
      <c r="S355" s="124">
        <f t="shared" si="5"/>
        <v>2.3312769618459406</v>
      </c>
    </row>
    <row r="356" spans="2:19" x14ac:dyDescent="0.3">
      <c r="B356" s="44">
        <v>349</v>
      </c>
      <c r="C356" s="56">
        <f>Jesper!AM350</f>
        <v>5.4384810717387344</v>
      </c>
      <c r="D356" s="59">
        <f>Jesper!AN350</f>
        <v>18.128270239129119</v>
      </c>
      <c r="E356" s="59">
        <f>Jesper!AO350</f>
        <v>27.192405358693676</v>
      </c>
      <c r="F356" s="59">
        <f>Jesper!AP350</f>
        <v>272.06958940993275</v>
      </c>
      <c r="G356" s="58">
        <f>Jesper!AQ350</f>
        <v>0</v>
      </c>
      <c r="H356" s="44">
        <v>349</v>
      </c>
      <c r="I356" s="56">
        <f>Bühler!I382</f>
        <v>0.53798699119521709</v>
      </c>
      <c r="J356" s="59">
        <f>Bühler!J382</f>
        <v>1.7932899706507237</v>
      </c>
      <c r="K356" s="59">
        <f>Bühler!K382</f>
        <v>2.6899349559760855</v>
      </c>
      <c r="L356" s="59">
        <f>Bühler!L382</f>
        <v>12.911687788685208</v>
      </c>
      <c r="M356" s="58">
        <f>Bühler!M382</f>
        <v>0</v>
      </c>
      <c r="N356" s="56">
        <f>IF(Input!$D$19=1,J356*Input!$C$19,0)+IF(Input!$D$20=1,K356*Input!$C$20,0)+IF(Input!$D$21=1,L356*Input!$C$21,0)+IF(Input!$D$22=1,M356*Input!$C$22,0)</f>
        <v>0.53798699119521709</v>
      </c>
      <c r="O356" s="59">
        <f>IF(Input!$D$19=2,J356*Input!$C$19,0)+IF(Input!$D$20=2,K356*Input!$C$20,0)+IF(Input!$D$21=2,L356*Input!$C$21,0)+IF(Input!$D$22=2,M356*Input!$C$22,0)</f>
        <v>1.3449674779880427</v>
      </c>
      <c r="P356" s="59">
        <f>IF(Input!$D$19=3,J356*Input!$C$19,0)+IF(Input!$D$20=3,K356*Input!$C$20,0)+IF(Input!$D$21=3,L356*Input!$C$21,0)+IF(Input!$D$22=3,M356*Input!$C$22,0)</f>
        <v>0</v>
      </c>
      <c r="Q356" s="75">
        <f>IF(Input!$D$19=4,J356*Input!$C$19,0)+IF(Input!$D$20=4,K356*Input!$C$20,0)+IF(Input!$D$21=4,L356*Input!$C$21,0)+IF(Input!$D$22=4,M356*Input!$C$22,0)</f>
        <v>0</v>
      </c>
      <c r="R356" s="58">
        <v>69.245908714694565</v>
      </c>
      <c r="S356" s="124">
        <f t="shared" si="5"/>
        <v>2.3312769618459406</v>
      </c>
    </row>
    <row r="357" spans="2:19" x14ac:dyDescent="0.3">
      <c r="B357" s="44">
        <v>350</v>
      </c>
      <c r="C357" s="56">
        <f>Jesper!AM351</f>
        <v>4.6954893527296893</v>
      </c>
      <c r="D357" s="59">
        <f>Jesper!AN351</f>
        <v>15.651631175765633</v>
      </c>
      <c r="E357" s="59">
        <f>Jesper!AO351</f>
        <v>23.477446763648448</v>
      </c>
      <c r="F357" s="59">
        <f>Jesper!AP351</f>
        <v>255.31050252133144</v>
      </c>
      <c r="G357" s="58">
        <f>Jesper!AQ351</f>
        <v>0</v>
      </c>
      <c r="H357" s="44">
        <v>350</v>
      </c>
      <c r="I357" s="56">
        <f>Bühler!I383</f>
        <v>0.35641638166683132</v>
      </c>
      <c r="J357" s="59">
        <f>Bühler!J383</f>
        <v>1.1880546055561045</v>
      </c>
      <c r="K357" s="59">
        <f>Bühler!K383</f>
        <v>1.7820819083341566</v>
      </c>
      <c r="L357" s="59">
        <f>Bühler!L383</f>
        <v>8.5539931600039516</v>
      </c>
      <c r="M357" s="58">
        <f>Bühler!M383</f>
        <v>0</v>
      </c>
      <c r="N357" s="56">
        <f>IF(Input!$D$19=1,J357*Input!$C$19,0)+IF(Input!$D$20=1,K357*Input!$C$20,0)+IF(Input!$D$21=1,L357*Input!$C$21,0)+IF(Input!$D$22=1,M357*Input!$C$22,0)</f>
        <v>0.35641638166683137</v>
      </c>
      <c r="O357" s="59">
        <f>IF(Input!$D$19=2,J357*Input!$C$19,0)+IF(Input!$D$20=2,K357*Input!$C$20,0)+IF(Input!$D$21=2,L357*Input!$C$21,0)+IF(Input!$D$22=2,M357*Input!$C$22,0)</f>
        <v>0.89104095416707829</v>
      </c>
      <c r="P357" s="59">
        <f>IF(Input!$D$19=3,J357*Input!$C$19,0)+IF(Input!$D$20=3,K357*Input!$C$20,0)+IF(Input!$D$21=3,L357*Input!$C$21,0)+IF(Input!$D$22=3,M357*Input!$C$22,0)</f>
        <v>0</v>
      </c>
      <c r="Q357" s="75">
        <f>IF(Input!$D$19=4,J357*Input!$C$19,0)+IF(Input!$D$20=4,K357*Input!$C$20,0)+IF(Input!$D$21=4,L357*Input!$C$21,0)+IF(Input!$D$22=4,M357*Input!$C$22,0)</f>
        <v>0</v>
      </c>
      <c r="R357" s="58">
        <v>68.885860971534242</v>
      </c>
      <c r="S357" s="124">
        <f t="shared" si="5"/>
        <v>1.5444709872229359</v>
      </c>
    </row>
    <row r="358" spans="2:19" x14ac:dyDescent="0.3">
      <c r="B358" s="44">
        <v>351</v>
      </c>
      <c r="C358" s="56">
        <f>Jesper!AM352</f>
        <v>8.1856098435488232</v>
      </c>
      <c r="D358" s="59">
        <f>Jesper!AN352</f>
        <v>27.285366145162744</v>
      </c>
      <c r="E358" s="59">
        <f>Jesper!AO352</f>
        <v>40.92804921774411</v>
      </c>
      <c r="F358" s="59">
        <f>Jesper!AP352</f>
        <v>196.45463624517174</v>
      </c>
      <c r="G358" s="58">
        <f>Jesper!AQ352</f>
        <v>0</v>
      </c>
      <c r="H358" s="44">
        <v>351</v>
      </c>
      <c r="I358" s="56">
        <f>Bühler!I384</f>
        <v>0.53798699119521709</v>
      </c>
      <c r="J358" s="59">
        <f>Bühler!J384</f>
        <v>1.7932899706507237</v>
      </c>
      <c r="K358" s="59">
        <f>Bühler!K384</f>
        <v>2.6899349559760855</v>
      </c>
      <c r="L358" s="59">
        <f>Bühler!L384</f>
        <v>12.911687788685208</v>
      </c>
      <c r="M358" s="58">
        <f>Bühler!M384</f>
        <v>0</v>
      </c>
      <c r="N358" s="56">
        <f>IF(Input!$D$19=1,J358*Input!$C$19,0)+IF(Input!$D$20=1,K358*Input!$C$20,0)+IF(Input!$D$21=1,L358*Input!$C$21,0)+IF(Input!$D$22=1,M358*Input!$C$22,0)</f>
        <v>0.53798699119521709</v>
      </c>
      <c r="O358" s="59">
        <f>IF(Input!$D$19=2,J358*Input!$C$19,0)+IF(Input!$D$20=2,K358*Input!$C$20,0)+IF(Input!$D$21=2,L358*Input!$C$21,0)+IF(Input!$D$22=2,M358*Input!$C$22,0)</f>
        <v>1.3449674779880427</v>
      </c>
      <c r="P358" s="59">
        <f>IF(Input!$D$19=3,J358*Input!$C$19,0)+IF(Input!$D$20=3,K358*Input!$C$20,0)+IF(Input!$D$21=3,L358*Input!$C$21,0)+IF(Input!$D$22=3,M358*Input!$C$22,0)</f>
        <v>0</v>
      </c>
      <c r="Q358" s="75">
        <f>IF(Input!$D$19=4,J358*Input!$C$19,0)+IF(Input!$D$20=4,K358*Input!$C$20,0)+IF(Input!$D$21=4,L358*Input!$C$21,0)+IF(Input!$D$22=4,M358*Input!$C$22,0)</f>
        <v>0</v>
      </c>
      <c r="R358" s="58">
        <v>69.287428219934412</v>
      </c>
      <c r="S358" s="124">
        <f t="shared" si="5"/>
        <v>2.3312769618459406</v>
      </c>
    </row>
    <row r="359" spans="2:19" x14ac:dyDescent="0.3">
      <c r="B359" s="44">
        <v>352</v>
      </c>
      <c r="C359" s="56">
        <f>Jesper!AM353</f>
        <v>8.0962917840087769</v>
      </c>
      <c r="D359" s="59">
        <f>Jesper!AN353</f>
        <v>26.98763928002926</v>
      </c>
      <c r="E359" s="59">
        <f>Jesper!AO353</f>
        <v>40.481458920043885</v>
      </c>
      <c r="F359" s="59">
        <f>Jesper!AP353</f>
        <v>194.31100281621065</v>
      </c>
      <c r="G359" s="58">
        <f>Jesper!AQ353</f>
        <v>0</v>
      </c>
      <c r="H359" s="44">
        <v>352</v>
      </c>
      <c r="I359" s="56">
        <f>Bühler!I385</f>
        <v>0.53798699119521709</v>
      </c>
      <c r="J359" s="59">
        <f>Bühler!J385</f>
        <v>1.7932899706507237</v>
      </c>
      <c r="K359" s="59">
        <f>Bühler!K385</f>
        <v>2.6899349559760855</v>
      </c>
      <c r="L359" s="59">
        <f>Bühler!L385</f>
        <v>12.911687788685208</v>
      </c>
      <c r="M359" s="58">
        <f>Bühler!M385</f>
        <v>0</v>
      </c>
      <c r="N359" s="56">
        <f>IF(Input!$D$19=1,J359*Input!$C$19,0)+IF(Input!$D$20=1,K359*Input!$C$20,0)+IF(Input!$D$21=1,L359*Input!$C$21,0)+IF(Input!$D$22=1,M359*Input!$C$22,0)</f>
        <v>0.53798699119521709</v>
      </c>
      <c r="O359" s="59">
        <f>IF(Input!$D$19=2,J359*Input!$C$19,0)+IF(Input!$D$20=2,K359*Input!$C$20,0)+IF(Input!$D$21=2,L359*Input!$C$21,0)+IF(Input!$D$22=2,M359*Input!$C$22,0)</f>
        <v>1.3449674779880427</v>
      </c>
      <c r="P359" s="59">
        <f>IF(Input!$D$19=3,J359*Input!$C$19,0)+IF(Input!$D$20=3,K359*Input!$C$20,0)+IF(Input!$D$21=3,L359*Input!$C$21,0)+IF(Input!$D$22=3,M359*Input!$C$22,0)</f>
        <v>0</v>
      </c>
      <c r="Q359" s="75">
        <f>IF(Input!$D$19=4,J359*Input!$C$19,0)+IF(Input!$D$20=4,K359*Input!$C$20,0)+IF(Input!$D$21=4,L359*Input!$C$21,0)+IF(Input!$D$22=4,M359*Input!$C$22,0)</f>
        <v>0</v>
      </c>
      <c r="R359" s="58">
        <v>68.758975383474834</v>
      </c>
      <c r="S359" s="124">
        <f t="shared" si="5"/>
        <v>2.3312769618459406</v>
      </c>
    </row>
    <row r="360" spans="2:19" x14ac:dyDescent="0.3">
      <c r="B360" s="44">
        <v>353</v>
      </c>
      <c r="C360" s="56">
        <f>Jesper!AM354</f>
        <v>8.3071040258138193</v>
      </c>
      <c r="D360" s="59">
        <f>Jesper!AN354</f>
        <v>27.690346752712731</v>
      </c>
      <c r="E360" s="59">
        <f>Jesper!AO354</f>
        <v>41.535520129069091</v>
      </c>
      <c r="F360" s="59">
        <f>Jesper!AP354</f>
        <v>199.37049661953165</v>
      </c>
      <c r="G360" s="58">
        <f>Jesper!AQ354</f>
        <v>0</v>
      </c>
      <c r="H360" s="44">
        <v>353</v>
      </c>
      <c r="I360" s="56">
        <f>Bühler!I386</f>
        <v>0.53798699119521709</v>
      </c>
      <c r="J360" s="59">
        <f>Bühler!J386</f>
        <v>1.7932899706507237</v>
      </c>
      <c r="K360" s="59">
        <f>Bühler!K386</f>
        <v>2.6899349559760855</v>
      </c>
      <c r="L360" s="59">
        <f>Bühler!L386</f>
        <v>12.911687788685208</v>
      </c>
      <c r="M360" s="58">
        <f>Bühler!M386</f>
        <v>0</v>
      </c>
      <c r="N360" s="56">
        <f>IF(Input!$D$19=1,J360*Input!$C$19,0)+IF(Input!$D$20=1,K360*Input!$C$20,0)+IF(Input!$D$21=1,L360*Input!$C$21,0)+IF(Input!$D$22=1,M360*Input!$C$22,0)</f>
        <v>0.53798699119521709</v>
      </c>
      <c r="O360" s="59">
        <f>IF(Input!$D$19=2,J360*Input!$C$19,0)+IF(Input!$D$20=2,K360*Input!$C$20,0)+IF(Input!$D$21=2,L360*Input!$C$21,0)+IF(Input!$D$22=2,M360*Input!$C$22,0)</f>
        <v>1.3449674779880427</v>
      </c>
      <c r="P360" s="59">
        <f>IF(Input!$D$19=3,J360*Input!$C$19,0)+IF(Input!$D$20=3,K360*Input!$C$20,0)+IF(Input!$D$21=3,L360*Input!$C$21,0)+IF(Input!$D$22=3,M360*Input!$C$22,0)</f>
        <v>0</v>
      </c>
      <c r="Q360" s="75">
        <f>IF(Input!$D$19=4,J360*Input!$C$19,0)+IF(Input!$D$20=4,K360*Input!$C$20,0)+IF(Input!$D$21=4,L360*Input!$C$21,0)+IF(Input!$D$22=4,M360*Input!$C$22,0)</f>
        <v>0</v>
      </c>
      <c r="R360" s="58">
        <v>67.803540420628437</v>
      </c>
      <c r="S360" s="124">
        <f t="shared" si="5"/>
        <v>2.3312769618459406</v>
      </c>
    </row>
    <row r="361" spans="2:19" x14ac:dyDescent="0.3">
      <c r="B361" s="44">
        <v>354</v>
      </c>
      <c r="C361" s="56">
        <f>Jesper!AM355</f>
        <v>8.7080348272883121</v>
      </c>
      <c r="D361" s="59">
        <f>Jesper!AN355</f>
        <v>29.026782757627707</v>
      </c>
      <c r="E361" s="59">
        <f>Jesper!AO355</f>
        <v>43.540174136441557</v>
      </c>
      <c r="F361" s="59">
        <f>Jesper!AP355</f>
        <v>208.99283585491946</v>
      </c>
      <c r="G361" s="58">
        <f>Jesper!AQ355</f>
        <v>0</v>
      </c>
      <c r="H361" s="44">
        <v>354</v>
      </c>
      <c r="I361" s="56">
        <f>Bühler!I387</f>
        <v>0.53798699119521709</v>
      </c>
      <c r="J361" s="59">
        <f>Bühler!J387</f>
        <v>1.7932899706507237</v>
      </c>
      <c r="K361" s="59">
        <f>Bühler!K387</f>
        <v>2.6899349559760855</v>
      </c>
      <c r="L361" s="59">
        <f>Bühler!L387</f>
        <v>12.911687788685208</v>
      </c>
      <c r="M361" s="58">
        <f>Bühler!M387</f>
        <v>0</v>
      </c>
      <c r="N361" s="56">
        <f>IF(Input!$D$19=1,J361*Input!$C$19,0)+IF(Input!$D$20=1,K361*Input!$C$20,0)+IF(Input!$D$21=1,L361*Input!$C$21,0)+IF(Input!$D$22=1,M361*Input!$C$22,0)</f>
        <v>0.53798699119521709</v>
      </c>
      <c r="O361" s="59">
        <f>IF(Input!$D$19=2,J361*Input!$C$19,0)+IF(Input!$D$20=2,K361*Input!$C$20,0)+IF(Input!$D$21=2,L361*Input!$C$21,0)+IF(Input!$D$22=2,M361*Input!$C$22,0)</f>
        <v>1.3449674779880427</v>
      </c>
      <c r="P361" s="59">
        <f>IF(Input!$D$19=3,J361*Input!$C$19,0)+IF(Input!$D$20=3,K361*Input!$C$20,0)+IF(Input!$D$21=3,L361*Input!$C$21,0)+IF(Input!$D$22=3,M361*Input!$C$22,0)</f>
        <v>0</v>
      </c>
      <c r="Q361" s="75">
        <f>IF(Input!$D$19=4,J361*Input!$C$19,0)+IF(Input!$D$20=4,K361*Input!$C$20,0)+IF(Input!$D$21=4,L361*Input!$C$21,0)+IF(Input!$D$22=4,M361*Input!$C$22,0)</f>
        <v>0</v>
      </c>
      <c r="R361" s="58">
        <v>66.901509811510806</v>
      </c>
      <c r="S361" s="124">
        <f t="shared" si="5"/>
        <v>2.3312769618459406</v>
      </c>
    </row>
    <row r="362" spans="2:19" x14ac:dyDescent="0.3">
      <c r="B362" s="44">
        <v>355</v>
      </c>
      <c r="C362" s="56">
        <f>Jesper!AM356</f>
        <v>8.8295290095533083</v>
      </c>
      <c r="D362" s="59">
        <f>Jesper!AN356</f>
        <v>29.431763365177694</v>
      </c>
      <c r="E362" s="59">
        <f>Jesper!AO356</f>
        <v>44.147645047766538</v>
      </c>
      <c r="F362" s="59">
        <f>Jesper!AP356</f>
        <v>211.90869622927937</v>
      </c>
      <c r="G362" s="58">
        <f>Jesper!AQ356</f>
        <v>0</v>
      </c>
      <c r="H362" s="44">
        <v>355</v>
      </c>
      <c r="I362" s="56">
        <f>Bühler!I388</f>
        <v>0.53798699119521709</v>
      </c>
      <c r="J362" s="59">
        <f>Bühler!J388</f>
        <v>1.7932899706507237</v>
      </c>
      <c r="K362" s="59">
        <f>Bühler!K388</f>
        <v>2.6899349559760855</v>
      </c>
      <c r="L362" s="59">
        <f>Bühler!L388</f>
        <v>12.911687788685208</v>
      </c>
      <c r="M362" s="58">
        <f>Bühler!M388</f>
        <v>0</v>
      </c>
      <c r="N362" s="56">
        <f>IF(Input!$D$19=1,J362*Input!$C$19,0)+IF(Input!$D$20=1,K362*Input!$C$20,0)+IF(Input!$D$21=1,L362*Input!$C$21,0)+IF(Input!$D$22=1,M362*Input!$C$22,0)</f>
        <v>0.53798699119521709</v>
      </c>
      <c r="O362" s="59">
        <f>IF(Input!$D$19=2,J362*Input!$C$19,0)+IF(Input!$D$20=2,K362*Input!$C$20,0)+IF(Input!$D$21=2,L362*Input!$C$21,0)+IF(Input!$D$22=2,M362*Input!$C$22,0)</f>
        <v>1.3449674779880427</v>
      </c>
      <c r="P362" s="59">
        <f>IF(Input!$D$19=3,J362*Input!$C$19,0)+IF(Input!$D$20=3,K362*Input!$C$20,0)+IF(Input!$D$21=3,L362*Input!$C$21,0)+IF(Input!$D$22=3,M362*Input!$C$22,0)</f>
        <v>0</v>
      </c>
      <c r="Q362" s="75">
        <f>IF(Input!$D$19=4,J362*Input!$C$19,0)+IF(Input!$D$20=4,K362*Input!$C$20,0)+IF(Input!$D$21=4,L362*Input!$C$21,0)+IF(Input!$D$22=4,M362*Input!$C$22,0)</f>
        <v>0</v>
      </c>
      <c r="R362" s="58">
        <v>64.970436084696004</v>
      </c>
      <c r="S362" s="124">
        <f t="shared" si="5"/>
        <v>2.3312769618459406</v>
      </c>
    </row>
    <row r="363" spans="2:19" x14ac:dyDescent="0.3">
      <c r="B363" s="44">
        <v>356</v>
      </c>
      <c r="C363" s="56">
        <f>Jesper!AM357</f>
        <v>5.6684546990510585</v>
      </c>
      <c r="D363" s="59">
        <f>Jesper!AN357</f>
        <v>18.894848996836863</v>
      </c>
      <c r="E363" s="59">
        <f>Jesper!AO357</f>
        <v>28.342273495255295</v>
      </c>
      <c r="F363" s="59">
        <f>Jesper!AP357</f>
        <v>277.25692582783307</v>
      </c>
      <c r="G363" s="58">
        <f>Jesper!AQ357</f>
        <v>0</v>
      </c>
      <c r="H363" s="44">
        <v>356</v>
      </c>
      <c r="I363" s="56">
        <f>Bühler!I389</f>
        <v>0.45056410512599437</v>
      </c>
      <c r="J363" s="59">
        <f>Bühler!J389</f>
        <v>1.5018803504199814</v>
      </c>
      <c r="K363" s="59">
        <f>Bühler!K389</f>
        <v>2.2528205256299718</v>
      </c>
      <c r="L363" s="59">
        <f>Bühler!L389</f>
        <v>10.813538523023865</v>
      </c>
      <c r="M363" s="58">
        <f>Bühler!M389</f>
        <v>0</v>
      </c>
      <c r="N363" s="56">
        <f>IF(Input!$D$19=1,J363*Input!$C$19,0)+IF(Input!$D$20=1,K363*Input!$C$20,0)+IF(Input!$D$21=1,L363*Input!$C$21,0)+IF(Input!$D$22=1,M363*Input!$C$22,0)</f>
        <v>0.45056410512599437</v>
      </c>
      <c r="O363" s="59">
        <f>IF(Input!$D$19=2,J363*Input!$C$19,0)+IF(Input!$D$20=2,K363*Input!$C$20,0)+IF(Input!$D$21=2,L363*Input!$C$21,0)+IF(Input!$D$22=2,M363*Input!$C$22,0)</f>
        <v>1.1264102628149859</v>
      </c>
      <c r="P363" s="59">
        <f>IF(Input!$D$19=3,J363*Input!$C$19,0)+IF(Input!$D$20=3,K363*Input!$C$20,0)+IF(Input!$D$21=3,L363*Input!$C$21,0)+IF(Input!$D$22=3,M363*Input!$C$22,0)</f>
        <v>0</v>
      </c>
      <c r="Q363" s="75">
        <f>IF(Input!$D$19=4,J363*Input!$C$19,0)+IF(Input!$D$20=4,K363*Input!$C$20,0)+IF(Input!$D$21=4,L363*Input!$C$21,0)+IF(Input!$D$22=4,M363*Input!$C$22,0)</f>
        <v>0</v>
      </c>
      <c r="R363" s="58">
        <v>63.764644972688409</v>
      </c>
      <c r="S363" s="124">
        <f t="shared" si="5"/>
        <v>1.9524444555459757</v>
      </c>
    </row>
    <row r="364" spans="2:19" x14ac:dyDescent="0.3">
      <c r="B364" s="44">
        <v>357</v>
      </c>
      <c r="C364" s="56">
        <f>Jesper!AM358</f>
        <v>5.863047768315333</v>
      </c>
      <c r="D364" s="59">
        <f>Jesper!AN358</f>
        <v>19.543492561051114</v>
      </c>
      <c r="E364" s="59">
        <f>Jesper!AO358</f>
        <v>29.315238841576669</v>
      </c>
      <c r="F364" s="59">
        <f>Jesper!AP358</f>
        <v>281.64621048913341</v>
      </c>
      <c r="G364" s="58">
        <f>Jesper!AQ358</f>
        <v>0</v>
      </c>
      <c r="H364" s="44">
        <v>357</v>
      </c>
      <c r="I364" s="56">
        <f>Bühler!I390</f>
        <v>0.36986605644671178</v>
      </c>
      <c r="J364" s="59">
        <f>Bühler!J390</f>
        <v>1.2328868548223726</v>
      </c>
      <c r="K364" s="59">
        <f>Bühler!K390</f>
        <v>1.8493302822335589</v>
      </c>
      <c r="L364" s="59">
        <f>Bühler!L390</f>
        <v>8.8767853547210827</v>
      </c>
      <c r="M364" s="58">
        <f>Bühler!M390</f>
        <v>0</v>
      </c>
      <c r="N364" s="56">
        <f>IF(Input!$D$19=1,J364*Input!$C$19,0)+IF(Input!$D$20=1,K364*Input!$C$20,0)+IF(Input!$D$21=1,L364*Input!$C$21,0)+IF(Input!$D$22=1,M364*Input!$C$22,0)</f>
        <v>0.36986605644671178</v>
      </c>
      <c r="O364" s="59">
        <f>IF(Input!$D$19=2,J364*Input!$C$19,0)+IF(Input!$D$20=2,K364*Input!$C$20,0)+IF(Input!$D$21=2,L364*Input!$C$21,0)+IF(Input!$D$22=2,M364*Input!$C$22,0)</f>
        <v>0.92466514111677944</v>
      </c>
      <c r="P364" s="59">
        <f>IF(Input!$D$19=3,J364*Input!$C$19,0)+IF(Input!$D$20=3,K364*Input!$C$20,0)+IF(Input!$D$21=3,L364*Input!$C$21,0)+IF(Input!$D$22=3,M364*Input!$C$22,0)</f>
        <v>0</v>
      </c>
      <c r="Q364" s="75">
        <f>IF(Input!$D$19=4,J364*Input!$C$19,0)+IF(Input!$D$20=4,K364*Input!$C$20,0)+IF(Input!$D$21=4,L364*Input!$C$21,0)+IF(Input!$D$22=4,M364*Input!$C$22,0)</f>
        <v>0</v>
      </c>
      <c r="R364" s="58">
        <v>63.203666884735988</v>
      </c>
      <c r="S364" s="124">
        <f t="shared" si="5"/>
        <v>1.6027529112690844</v>
      </c>
    </row>
    <row r="365" spans="2:19" x14ac:dyDescent="0.3">
      <c r="B365" s="44">
        <v>358</v>
      </c>
      <c r="C365" s="56">
        <f>Jesper!AM359</f>
        <v>8.9996208647243048</v>
      </c>
      <c r="D365" s="59">
        <f>Jesper!AN359</f>
        <v>29.998736215747687</v>
      </c>
      <c r="E365" s="59">
        <f>Jesper!AO359</f>
        <v>44.998104323621526</v>
      </c>
      <c r="F365" s="59">
        <f>Jesper!AP359</f>
        <v>215.99090075338333</v>
      </c>
      <c r="G365" s="58">
        <f>Jesper!AQ359</f>
        <v>0</v>
      </c>
      <c r="H365" s="44">
        <v>358</v>
      </c>
      <c r="I365" s="56">
        <f>Bühler!I391</f>
        <v>0.26899349559760855</v>
      </c>
      <c r="J365" s="59">
        <f>Bühler!J391</f>
        <v>0.89664498532536185</v>
      </c>
      <c r="K365" s="59">
        <f>Bühler!K391</f>
        <v>1.3449674779880427</v>
      </c>
      <c r="L365" s="59">
        <f>Bühler!L391</f>
        <v>6.4558438943426042</v>
      </c>
      <c r="M365" s="58">
        <f>Bühler!M391</f>
        <v>0</v>
      </c>
      <c r="N365" s="56">
        <f>IF(Input!$D$19=1,J365*Input!$C$19,0)+IF(Input!$D$20=1,K365*Input!$C$20,0)+IF(Input!$D$21=1,L365*Input!$C$21,0)+IF(Input!$D$22=1,M365*Input!$C$22,0)</f>
        <v>0.26899349559760855</v>
      </c>
      <c r="O365" s="59">
        <f>IF(Input!$D$19=2,J365*Input!$C$19,0)+IF(Input!$D$20=2,K365*Input!$C$20,0)+IF(Input!$D$21=2,L365*Input!$C$21,0)+IF(Input!$D$22=2,M365*Input!$C$22,0)</f>
        <v>0.67248373899402136</v>
      </c>
      <c r="P365" s="59">
        <f>IF(Input!$D$19=3,J365*Input!$C$19,0)+IF(Input!$D$20=3,K365*Input!$C$20,0)+IF(Input!$D$21=3,L365*Input!$C$21,0)+IF(Input!$D$22=3,M365*Input!$C$22,0)</f>
        <v>0</v>
      </c>
      <c r="Q365" s="75">
        <f>IF(Input!$D$19=4,J365*Input!$C$19,0)+IF(Input!$D$20=4,K365*Input!$C$20,0)+IF(Input!$D$21=4,L365*Input!$C$21,0)+IF(Input!$D$22=4,M365*Input!$C$22,0)</f>
        <v>0</v>
      </c>
      <c r="R365" s="58">
        <v>61.203776934282956</v>
      </c>
      <c r="S365" s="124">
        <f t="shared" si="5"/>
        <v>1.1656384809229703</v>
      </c>
    </row>
    <row r="366" spans="2:19" x14ac:dyDescent="0.3">
      <c r="B366" s="44">
        <v>359</v>
      </c>
      <c r="C366" s="56">
        <f>Jesper!AM360</f>
        <v>8.6958854090618125</v>
      </c>
      <c r="D366" s="59">
        <f>Jesper!AN360</f>
        <v>28.986284696872708</v>
      </c>
      <c r="E366" s="59">
        <f>Jesper!AO360</f>
        <v>43.479427045309059</v>
      </c>
      <c r="F366" s="59">
        <f>Jesper!AP360</f>
        <v>208.70124981748347</v>
      </c>
      <c r="G366" s="58">
        <f>Jesper!AQ360</f>
        <v>0</v>
      </c>
      <c r="H366" s="44">
        <v>359</v>
      </c>
      <c r="I366" s="56">
        <f>Bühler!I392</f>
        <v>0.25554382081772814</v>
      </c>
      <c r="J366" s="59">
        <f>Bühler!J392</f>
        <v>0.85181273605909391</v>
      </c>
      <c r="K366" s="59">
        <f>Bühler!K392</f>
        <v>1.2777191040886406</v>
      </c>
      <c r="L366" s="59">
        <f>Bühler!L392</f>
        <v>6.1330516996254749</v>
      </c>
      <c r="M366" s="58">
        <f>Bühler!M392</f>
        <v>0</v>
      </c>
      <c r="N366" s="56">
        <f>IF(Input!$D$19=1,J366*Input!$C$19,0)+IF(Input!$D$20=1,K366*Input!$C$20,0)+IF(Input!$D$21=1,L366*Input!$C$21,0)+IF(Input!$D$22=1,M366*Input!$C$22,0)</f>
        <v>0.25554382081772814</v>
      </c>
      <c r="O366" s="59">
        <f>IF(Input!$D$19=2,J366*Input!$C$19,0)+IF(Input!$D$20=2,K366*Input!$C$20,0)+IF(Input!$D$21=2,L366*Input!$C$21,0)+IF(Input!$D$22=2,M366*Input!$C$22,0)</f>
        <v>0.63885955204432032</v>
      </c>
      <c r="P366" s="59">
        <f>IF(Input!$D$19=3,J366*Input!$C$19,0)+IF(Input!$D$20=3,K366*Input!$C$20,0)+IF(Input!$D$21=3,L366*Input!$C$21,0)+IF(Input!$D$22=3,M366*Input!$C$22,0)</f>
        <v>0</v>
      </c>
      <c r="Q366" s="75">
        <f>IF(Input!$D$19=4,J366*Input!$C$19,0)+IF(Input!$D$20=4,K366*Input!$C$20,0)+IF(Input!$D$21=4,L366*Input!$C$21,0)+IF(Input!$D$22=4,M366*Input!$C$22,0)</f>
        <v>0</v>
      </c>
      <c r="R366" s="58">
        <v>61.213428974072848</v>
      </c>
      <c r="S366" s="124">
        <f t="shared" si="5"/>
        <v>1.107356556876822</v>
      </c>
    </row>
    <row r="367" spans="2:19" x14ac:dyDescent="0.3">
      <c r="B367" s="44">
        <v>360</v>
      </c>
      <c r="C367" s="56">
        <f>Jesper!AM361</f>
        <v>8.4893452992113172</v>
      </c>
      <c r="D367" s="59">
        <f>Jesper!AN361</f>
        <v>28.297817664037723</v>
      </c>
      <c r="E367" s="59">
        <f>Jesper!AO361</f>
        <v>42.446726496056584</v>
      </c>
      <c r="F367" s="59">
        <f>Jesper!AP361</f>
        <v>203.7442871810716</v>
      </c>
      <c r="G367" s="58">
        <f>Jesper!AQ361</f>
        <v>0</v>
      </c>
      <c r="H367" s="44">
        <v>360</v>
      </c>
      <c r="I367" s="56">
        <f>Bühler!I393</f>
        <v>0.25554382081772814</v>
      </c>
      <c r="J367" s="59">
        <f>Bühler!J393</f>
        <v>0.85181273605909391</v>
      </c>
      <c r="K367" s="59">
        <f>Bühler!K393</f>
        <v>1.2777191040886406</v>
      </c>
      <c r="L367" s="59">
        <f>Bühler!L393</f>
        <v>6.1330516996254749</v>
      </c>
      <c r="M367" s="58">
        <f>Bühler!M393</f>
        <v>0</v>
      </c>
      <c r="N367" s="56">
        <f>IF(Input!$D$19=1,J367*Input!$C$19,0)+IF(Input!$D$20=1,K367*Input!$C$20,0)+IF(Input!$D$21=1,L367*Input!$C$21,0)+IF(Input!$D$22=1,M367*Input!$C$22,0)</f>
        <v>0.25554382081772814</v>
      </c>
      <c r="O367" s="59">
        <f>IF(Input!$D$19=2,J367*Input!$C$19,0)+IF(Input!$D$20=2,K367*Input!$C$20,0)+IF(Input!$D$21=2,L367*Input!$C$21,0)+IF(Input!$D$22=2,M367*Input!$C$22,0)</f>
        <v>0.63885955204432032</v>
      </c>
      <c r="P367" s="59">
        <f>IF(Input!$D$19=3,J367*Input!$C$19,0)+IF(Input!$D$20=3,K367*Input!$C$20,0)+IF(Input!$D$21=3,L367*Input!$C$21,0)+IF(Input!$D$22=3,M367*Input!$C$22,0)</f>
        <v>0</v>
      </c>
      <c r="Q367" s="75">
        <f>IF(Input!$D$19=4,J367*Input!$C$19,0)+IF(Input!$D$20=4,K367*Input!$C$20,0)+IF(Input!$D$21=4,L367*Input!$C$21,0)+IF(Input!$D$22=4,M367*Input!$C$22,0)</f>
        <v>0</v>
      </c>
      <c r="R367" s="58">
        <v>60.849005974020777</v>
      </c>
      <c r="S367" s="124">
        <f t="shared" si="5"/>
        <v>1.107356556876822</v>
      </c>
    </row>
    <row r="368" spans="2:19" x14ac:dyDescent="0.3">
      <c r="B368" s="44">
        <v>361</v>
      </c>
      <c r="C368" s="56">
        <f>Jesper!AM362</f>
        <v>8.5622418085703131</v>
      </c>
      <c r="D368" s="59">
        <f>Jesper!AN362</f>
        <v>28.540806028567712</v>
      </c>
      <c r="E368" s="59">
        <f>Jesper!AO362</f>
        <v>42.811209042851566</v>
      </c>
      <c r="F368" s="59">
        <f>Jesper!AP362</f>
        <v>205.49380340568749</v>
      </c>
      <c r="G368" s="58">
        <f>Jesper!AQ362</f>
        <v>0</v>
      </c>
      <c r="H368" s="44">
        <v>361</v>
      </c>
      <c r="I368" s="56">
        <f>Bühler!I394</f>
        <v>0.2370170742856833</v>
      </c>
      <c r="J368" s="59">
        <f>Bühler!J394</f>
        <v>0.79005691428561109</v>
      </c>
      <c r="K368" s="59">
        <f>Bühler!K394</f>
        <v>1.1850853714284164</v>
      </c>
      <c r="L368" s="59">
        <f>Bühler!L394</f>
        <v>5.6884097828563993</v>
      </c>
      <c r="M368" s="58">
        <f>Bühler!M394</f>
        <v>0</v>
      </c>
      <c r="N368" s="56">
        <f>IF(Input!$D$19=1,J368*Input!$C$19,0)+IF(Input!$D$20=1,K368*Input!$C$20,0)+IF(Input!$D$21=1,L368*Input!$C$21,0)+IF(Input!$D$22=1,M368*Input!$C$22,0)</f>
        <v>0.2370170742856833</v>
      </c>
      <c r="O368" s="59">
        <f>IF(Input!$D$19=2,J368*Input!$C$19,0)+IF(Input!$D$20=2,K368*Input!$C$20,0)+IF(Input!$D$21=2,L368*Input!$C$21,0)+IF(Input!$D$22=2,M368*Input!$C$22,0)</f>
        <v>0.59254268571420821</v>
      </c>
      <c r="P368" s="59">
        <f>IF(Input!$D$19=3,J368*Input!$C$19,0)+IF(Input!$D$20=3,K368*Input!$C$20,0)+IF(Input!$D$21=3,L368*Input!$C$21,0)+IF(Input!$D$22=3,M368*Input!$C$22,0)</f>
        <v>0</v>
      </c>
      <c r="Q368" s="75">
        <f>IF(Input!$D$19=4,J368*Input!$C$19,0)+IF(Input!$D$20=4,K368*Input!$C$20,0)+IF(Input!$D$21=4,L368*Input!$C$21,0)+IF(Input!$D$22=4,M368*Input!$C$22,0)</f>
        <v>0</v>
      </c>
      <c r="R368" s="58">
        <v>60.668562025135728</v>
      </c>
      <c r="S368" s="124">
        <f t="shared" si="5"/>
        <v>1.0270739885712943</v>
      </c>
    </row>
    <row r="369" spans="2:19" x14ac:dyDescent="0.3">
      <c r="B369" s="44">
        <v>362</v>
      </c>
      <c r="C369" s="56">
        <f>Jesper!AM363</f>
        <v>8.9024255189123078</v>
      </c>
      <c r="D369" s="59">
        <f>Jesper!AN363</f>
        <v>29.674751729707697</v>
      </c>
      <c r="E369" s="59">
        <f>Jesper!AO363</f>
        <v>44.512127594561541</v>
      </c>
      <c r="F369" s="59">
        <f>Jesper!AP363</f>
        <v>213.6582124538954</v>
      </c>
      <c r="G369" s="58">
        <f>Jesper!AQ363</f>
        <v>0</v>
      </c>
      <c r="H369" s="44">
        <v>362</v>
      </c>
      <c r="I369" s="56">
        <f>Bühler!I395</f>
        <v>0.2370170742856833</v>
      </c>
      <c r="J369" s="59">
        <f>Bühler!J395</f>
        <v>0.79005691428561109</v>
      </c>
      <c r="K369" s="59">
        <f>Bühler!K395</f>
        <v>1.1850853714284164</v>
      </c>
      <c r="L369" s="59">
        <f>Bühler!L395</f>
        <v>5.6884097828563993</v>
      </c>
      <c r="M369" s="58">
        <f>Bühler!M395</f>
        <v>0</v>
      </c>
      <c r="N369" s="56">
        <f>IF(Input!$D$19=1,J369*Input!$C$19,0)+IF(Input!$D$20=1,K369*Input!$C$20,0)+IF(Input!$D$21=1,L369*Input!$C$21,0)+IF(Input!$D$22=1,M369*Input!$C$22,0)</f>
        <v>0.2370170742856833</v>
      </c>
      <c r="O369" s="59">
        <f>IF(Input!$D$19=2,J369*Input!$C$19,0)+IF(Input!$D$20=2,K369*Input!$C$20,0)+IF(Input!$D$21=2,L369*Input!$C$21,0)+IF(Input!$D$22=2,M369*Input!$C$22,0)</f>
        <v>0.59254268571420821</v>
      </c>
      <c r="P369" s="59">
        <f>IF(Input!$D$19=3,J369*Input!$C$19,0)+IF(Input!$D$20=3,K369*Input!$C$20,0)+IF(Input!$D$21=3,L369*Input!$C$21,0)+IF(Input!$D$22=3,M369*Input!$C$22,0)</f>
        <v>0</v>
      </c>
      <c r="Q369" s="75">
        <f>IF(Input!$D$19=4,J369*Input!$C$19,0)+IF(Input!$D$20=4,K369*Input!$C$20,0)+IF(Input!$D$21=4,L369*Input!$C$21,0)+IF(Input!$D$22=4,M369*Input!$C$22,0)</f>
        <v>0</v>
      </c>
      <c r="R369" s="58">
        <v>60.50220799960838</v>
      </c>
      <c r="S369" s="124">
        <f t="shared" si="5"/>
        <v>1.0270739885712943</v>
      </c>
    </row>
    <row r="370" spans="2:19" x14ac:dyDescent="0.3">
      <c r="B370" s="44">
        <v>363</v>
      </c>
      <c r="C370" s="56">
        <f>Jesper!AM364</f>
        <v>5.8099769312432592</v>
      </c>
      <c r="D370" s="59">
        <f>Jesper!AN364</f>
        <v>19.366589770810865</v>
      </c>
      <c r="E370" s="59">
        <f>Jesper!AO364</f>
        <v>29.0498846562163</v>
      </c>
      <c r="F370" s="59">
        <f>Jesper!AP364</f>
        <v>280.44913285423337</v>
      </c>
      <c r="G370" s="58">
        <f>Jesper!AQ364</f>
        <v>0</v>
      </c>
      <c r="H370" s="44">
        <v>363</v>
      </c>
      <c r="I370" s="56">
        <f>Bühler!I396</f>
        <v>0.2370170742856833</v>
      </c>
      <c r="J370" s="59">
        <f>Bühler!J396</f>
        <v>0.79005691428561109</v>
      </c>
      <c r="K370" s="59">
        <f>Bühler!K396</f>
        <v>1.1850853714284164</v>
      </c>
      <c r="L370" s="59">
        <f>Bühler!L396</f>
        <v>5.6884097828563993</v>
      </c>
      <c r="M370" s="58">
        <f>Bühler!M396</f>
        <v>0</v>
      </c>
      <c r="N370" s="56">
        <f>IF(Input!$D$19=1,J370*Input!$C$19,0)+IF(Input!$D$20=1,K370*Input!$C$20,0)+IF(Input!$D$21=1,L370*Input!$C$21,0)+IF(Input!$D$22=1,M370*Input!$C$22,0)</f>
        <v>0.2370170742856833</v>
      </c>
      <c r="O370" s="59">
        <f>IF(Input!$D$19=2,J370*Input!$C$19,0)+IF(Input!$D$20=2,K370*Input!$C$20,0)+IF(Input!$D$21=2,L370*Input!$C$21,0)+IF(Input!$D$22=2,M370*Input!$C$22,0)</f>
        <v>0.59254268571420821</v>
      </c>
      <c r="P370" s="59">
        <f>IF(Input!$D$19=3,J370*Input!$C$19,0)+IF(Input!$D$20=3,K370*Input!$C$20,0)+IF(Input!$D$21=3,L370*Input!$C$21,0)+IF(Input!$D$22=3,M370*Input!$C$22,0)</f>
        <v>0</v>
      </c>
      <c r="Q370" s="75">
        <f>IF(Input!$D$19=4,J370*Input!$C$19,0)+IF(Input!$D$20=4,K370*Input!$C$20,0)+IF(Input!$D$21=4,L370*Input!$C$21,0)+IF(Input!$D$22=4,M370*Input!$C$22,0)</f>
        <v>0</v>
      </c>
      <c r="R370" s="58">
        <v>60.951090633424521</v>
      </c>
      <c r="S370" s="124">
        <f t="shared" si="5"/>
        <v>1.0270739885712943</v>
      </c>
    </row>
    <row r="371" spans="2:19" x14ac:dyDescent="0.3">
      <c r="B371" s="44">
        <v>364</v>
      </c>
      <c r="C371" s="56">
        <f>Jesper!AM365</f>
        <v>5.6861449780750846</v>
      </c>
      <c r="D371" s="59">
        <f>Jesper!AN365</f>
        <v>18.953816593583618</v>
      </c>
      <c r="E371" s="59">
        <f>Jesper!AO365</f>
        <v>28.430724890375423</v>
      </c>
      <c r="F371" s="59">
        <f>Jesper!AP365</f>
        <v>277.65595170613312</v>
      </c>
      <c r="G371" s="58">
        <f>Jesper!AQ365</f>
        <v>0</v>
      </c>
      <c r="H371" s="44">
        <v>364</v>
      </c>
      <c r="I371" s="56">
        <f>Bühler!I397</f>
        <v>0.2370170742856833</v>
      </c>
      <c r="J371" s="59">
        <f>Bühler!J397</f>
        <v>0.79005691428561109</v>
      </c>
      <c r="K371" s="59">
        <f>Bühler!K397</f>
        <v>1.1850853714284164</v>
      </c>
      <c r="L371" s="59">
        <f>Bühler!L397</f>
        <v>5.6884097828563993</v>
      </c>
      <c r="M371" s="58">
        <f>Bühler!M397</f>
        <v>0</v>
      </c>
      <c r="N371" s="56">
        <f>IF(Input!$D$19=1,J371*Input!$C$19,0)+IF(Input!$D$20=1,K371*Input!$C$20,0)+IF(Input!$D$21=1,L371*Input!$C$21,0)+IF(Input!$D$22=1,M371*Input!$C$22,0)</f>
        <v>0.2370170742856833</v>
      </c>
      <c r="O371" s="59">
        <f>IF(Input!$D$19=2,J371*Input!$C$19,0)+IF(Input!$D$20=2,K371*Input!$C$20,0)+IF(Input!$D$21=2,L371*Input!$C$21,0)+IF(Input!$D$22=2,M371*Input!$C$22,0)</f>
        <v>0.59254268571420821</v>
      </c>
      <c r="P371" s="59">
        <f>IF(Input!$D$19=3,J371*Input!$C$19,0)+IF(Input!$D$20=3,K371*Input!$C$20,0)+IF(Input!$D$21=3,L371*Input!$C$21,0)+IF(Input!$D$22=3,M371*Input!$C$22,0)</f>
        <v>0</v>
      </c>
      <c r="Q371" s="75">
        <f>IF(Input!$D$19=4,J371*Input!$C$19,0)+IF(Input!$D$20=4,K371*Input!$C$20,0)+IF(Input!$D$21=4,L371*Input!$C$21,0)+IF(Input!$D$22=4,M371*Input!$C$22,0)</f>
        <v>0</v>
      </c>
      <c r="R371" s="58">
        <v>61.277636007726521</v>
      </c>
      <c r="S371" s="124">
        <f t="shared" si="5"/>
        <v>1.0270739885712943</v>
      </c>
    </row>
    <row r="372" spans="2:19" ht="15" thickBot="1" x14ac:dyDescent="0.35">
      <c r="B372" s="44">
        <v>365</v>
      </c>
      <c r="C372" s="60">
        <f>Jesper!AM366</f>
        <v>8.9145749371388074</v>
      </c>
      <c r="D372" s="59">
        <f>Jesper!AN366</f>
        <v>29.715249790462693</v>
      </c>
      <c r="E372" s="59">
        <f>Jesper!AO366</f>
        <v>44.572874685694032</v>
      </c>
      <c r="F372" s="59">
        <f>Jesper!AP366</f>
        <v>213.94979849133136</v>
      </c>
      <c r="G372" s="61">
        <f>Jesper!AQ366</f>
        <v>0</v>
      </c>
      <c r="H372" s="44">
        <v>365</v>
      </c>
      <c r="I372" s="56">
        <f>Bühler!I398</f>
        <v>0.2370170742856833</v>
      </c>
      <c r="J372" s="59">
        <f>Bühler!J398</f>
        <v>0.79005691428561109</v>
      </c>
      <c r="K372" s="59">
        <f>Bühler!K398</f>
        <v>1.1850853714284164</v>
      </c>
      <c r="L372" s="59">
        <f>Bühler!L398</f>
        <v>5.6884097828563993</v>
      </c>
      <c r="M372" s="58">
        <f>Bühler!M398</f>
        <v>0</v>
      </c>
      <c r="N372" s="56">
        <f>IF(Input!$D$19=1,J372*Input!$C$19,0)+IF(Input!$D$20=1,K372*Input!$C$20,0)+IF(Input!$D$21=1,L372*Input!$C$21,0)+IF(Input!$D$22=1,M372*Input!$C$22,0)</f>
        <v>0.2370170742856833</v>
      </c>
      <c r="O372" s="59">
        <f>IF(Input!$D$19=2,J372*Input!$C$19,0)+IF(Input!$D$20=2,K372*Input!$C$20,0)+IF(Input!$D$21=2,L372*Input!$C$21,0)+IF(Input!$D$22=2,M372*Input!$C$22,0)</f>
        <v>0.59254268571420821</v>
      </c>
      <c r="P372" s="59">
        <f>IF(Input!$D$19=3,J372*Input!$C$19,0)+IF(Input!$D$20=3,K372*Input!$C$20,0)+IF(Input!$D$21=3,L372*Input!$C$21,0)+IF(Input!$D$22=3,M372*Input!$C$22,0)</f>
        <v>0</v>
      </c>
      <c r="Q372" s="75">
        <f>IF(Input!$D$19=4,J372*Input!$C$19,0)+IF(Input!$D$20=4,K372*Input!$C$20,0)+IF(Input!$D$21=4,L372*Input!$C$21,0)+IF(Input!$D$22=4,M372*Input!$C$22,0)</f>
        <v>0</v>
      </c>
      <c r="R372" s="58">
        <v>63.118205949863388</v>
      </c>
      <c r="S372" s="124">
        <f t="shared" si="5"/>
        <v>1.0270739885712943</v>
      </c>
    </row>
    <row r="373" spans="2:19" x14ac:dyDescent="0.3">
      <c r="H373" s="44">
        <v>366</v>
      </c>
      <c r="I373" s="56">
        <f>Bühler!I399</f>
        <v>0.30812219657138823</v>
      </c>
      <c r="J373" s="59">
        <f>Bühler!J399</f>
        <v>1.0270739885712943</v>
      </c>
      <c r="K373" s="59">
        <f>Bühler!K399</f>
        <v>1.5406109828569412</v>
      </c>
      <c r="L373" s="59">
        <f>Bühler!L399</f>
        <v>7.3949327177133179</v>
      </c>
      <c r="M373" s="58">
        <f>Bühler!M399</f>
        <v>0</v>
      </c>
      <c r="N373" s="56">
        <f>IF(Input!$D$19=1,J373*Input!$C$19,0)+IF(Input!$D$20=1,K373*Input!$C$20,0)+IF(Input!$D$21=1,L373*Input!$C$21,0)+IF(Input!$D$22=1,M373*Input!$C$22,0)</f>
        <v>0.30812219657138828</v>
      </c>
      <c r="O373" s="59">
        <f>IF(Input!$D$19=2,J373*Input!$C$19,0)+IF(Input!$D$20=2,K373*Input!$C$20,0)+IF(Input!$D$21=2,L373*Input!$C$21,0)+IF(Input!$D$22=2,M373*Input!$C$22,0)</f>
        <v>0.7703054914284706</v>
      </c>
      <c r="P373" s="59">
        <f>IF(Input!$D$19=3,J373*Input!$C$19,0)+IF(Input!$D$20=3,K373*Input!$C$20,0)+IF(Input!$D$21=3,L373*Input!$C$21,0)+IF(Input!$D$22=3,M373*Input!$C$22,0)</f>
        <v>0</v>
      </c>
      <c r="Q373" s="75">
        <f>IF(Input!$D$19=4,J373*Input!$C$19,0)+IF(Input!$D$20=4,K373*Input!$C$20,0)+IF(Input!$D$21=4,L373*Input!$C$21,0)+IF(Input!$D$22=4,M373*Input!$C$22,0)</f>
        <v>0</v>
      </c>
      <c r="R373" s="58">
        <v>66.138562183909528</v>
      </c>
      <c r="S373" s="124">
        <f t="shared" si="5"/>
        <v>1.3351961851426826</v>
      </c>
    </row>
    <row r="374" spans="2:19" x14ac:dyDescent="0.3">
      <c r="H374" s="44">
        <v>367</v>
      </c>
      <c r="I374" s="56">
        <f>Bühler!I400</f>
        <v>0.34367475771424072</v>
      </c>
      <c r="J374" s="59">
        <f>Bühler!J400</f>
        <v>1.1455825257141359</v>
      </c>
      <c r="K374" s="59">
        <f>Bühler!K400</f>
        <v>1.7183737885712036</v>
      </c>
      <c r="L374" s="59">
        <f>Bühler!L400</f>
        <v>8.2481941851417773</v>
      </c>
      <c r="M374" s="58">
        <f>Bühler!M400</f>
        <v>0</v>
      </c>
      <c r="N374" s="56">
        <f>IF(Input!$D$19=1,J374*Input!$C$19,0)+IF(Input!$D$20=1,K374*Input!$C$20,0)+IF(Input!$D$21=1,L374*Input!$C$21,0)+IF(Input!$D$22=1,M374*Input!$C$22,0)</f>
        <v>0.34367475771424078</v>
      </c>
      <c r="O374" s="59">
        <f>IF(Input!$D$19=2,J374*Input!$C$19,0)+IF(Input!$D$20=2,K374*Input!$C$20,0)+IF(Input!$D$21=2,L374*Input!$C$21,0)+IF(Input!$D$22=2,M374*Input!$C$22,0)</f>
        <v>0.8591868942856018</v>
      </c>
      <c r="P374" s="59">
        <f>IF(Input!$D$19=3,J374*Input!$C$19,0)+IF(Input!$D$20=3,K374*Input!$C$20,0)+IF(Input!$D$21=3,L374*Input!$C$21,0)+IF(Input!$D$22=3,M374*Input!$C$22,0)</f>
        <v>0</v>
      </c>
      <c r="Q374" s="75">
        <f>IF(Input!$D$19=4,J374*Input!$C$19,0)+IF(Input!$D$20=4,K374*Input!$C$20,0)+IF(Input!$D$21=4,L374*Input!$C$21,0)+IF(Input!$D$22=4,M374*Input!$C$22,0)</f>
        <v>0</v>
      </c>
      <c r="R374" s="58">
        <v>69.466146708767369</v>
      </c>
      <c r="S374" s="124">
        <f t="shared" si="5"/>
        <v>1.4892572834283766</v>
      </c>
    </row>
    <row r="375" spans="2:19" x14ac:dyDescent="0.3">
      <c r="H375" s="44">
        <v>368</v>
      </c>
      <c r="I375" s="56">
        <f>Bühler!I401</f>
        <v>0.35552561142852496</v>
      </c>
      <c r="J375" s="59">
        <f>Bühler!J401</f>
        <v>1.1850853714284166</v>
      </c>
      <c r="K375" s="59">
        <f>Bühler!K401</f>
        <v>1.7776280571426246</v>
      </c>
      <c r="L375" s="59">
        <f>Bühler!L401</f>
        <v>8.5326146742845985</v>
      </c>
      <c r="M375" s="58">
        <f>Bühler!M401</f>
        <v>0</v>
      </c>
      <c r="N375" s="56">
        <f>IF(Input!$D$19=1,J375*Input!$C$19,0)+IF(Input!$D$20=1,K375*Input!$C$20,0)+IF(Input!$D$21=1,L375*Input!$C$21,0)+IF(Input!$D$22=1,M375*Input!$C$22,0)</f>
        <v>0.35552561142852496</v>
      </c>
      <c r="O375" s="59">
        <f>IF(Input!$D$19=2,J375*Input!$C$19,0)+IF(Input!$D$20=2,K375*Input!$C$20,0)+IF(Input!$D$21=2,L375*Input!$C$21,0)+IF(Input!$D$22=2,M375*Input!$C$22,0)</f>
        <v>0.88881402857131231</v>
      </c>
      <c r="P375" s="59">
        <f>IF(Input!$D$19=3,J375*Input!$C$19,0)+IF(Input!$D$20=3,K375*Input!$C$20,0)+IF(Input!$D$21=3,L375*Input!$C$21,0)+IF(Input!$D$22=3,M375*Input!$C$22,0)</f>
        <v>0</v>
      </c>
      <c r="Q375" s="75">
        <f>IF(Input!$D$19=4,J375*Input!$C$19,0)+IF(Input!$D$20=4,K375*Input!$C$20,0)+IF(Input!$D$21=4,L375*Input!$C$21,0)+IF(Input!$D$22=4,M375*Input!$C$22,0)</f>
        <v>0</v>
      </c>
      <c r="R375" s="58">
        <v>71.226445825806834</v>
      </c>
      <c r="S375" s="124">
        <f t="shared" si="5"/>
        <v>1.5406109828569416</v>
      </c>
    </row>
    <row r="376" spans="2:19" x14ac:dyDescent="0.3">
      <c r="H376" s="44">
        <v>369</v>
      </c>
      <c r="I376" s="56">
        <f>Bühler!I402</f>
        <v>0.35552561142852496</v>
      </c>
      <c r="J376" s="59">
        <f>Bühler!J402</f>
        <v>1.1850853714284166</v>
      </c>
      <c r="K376" s="59">
        <f>Bühler!K402</f>
        <v>1.7776280571426246</v>
      </c>
      <c r="L376" s="59">
        <f>Bühler!L402</f>
        <v>8.5326146742845985</v>
      </c>
      <c r="M376" s="58">
        <f>Bühler!M402</f>
        <v>0</v>
      </c>
      <c r="N376" s="56">
        <f>IF(Input!$D$19=1,J376*Input!$C$19,0)+IF(Input!$D$20=1,K376*Input!$C$20,0)+IF(Input!$D$21=1,L376*Input!$C$21,0)+IF(Input!$D$22=1,M376*Input!$C$22,0)</f>
        <v>0.35552561142852496</v>
      </c>
      <c r="O376" s="59">
        <f>IF(Input!$D$19=2,J376*Input!$C$19,0)+IF(Input!$D$20=2,K376*Input!$C$20,0)+IF(Input!$D$21=2,L376*Input!$C$21,0)+IF(Input!$D$22=2,M376*Input!$C$22,0)</f>
        <v>0.88881402857131231</v>
      </c>
      <c r="P376" s="59">
        <f>IF(Input!$D$19=3,J376*Input!$C$19,0)+IF(Input!$D$20=3,K376*Input!$C$20,0)+IF(Input!$D$21=3,L376*Input!$C$21,0)+IF(Input!$D$22=3,M376*Input!$C$22,0)</f>
        <v>0</v>
      </c>
      <c r="Q376" s="75">
        <f>IF(Input!$D$19=4,J376*Input!$C$19,0)+IF(Input!$D$20=4,K376*Input!$C$20,0)+IF(Input!$D$21=4,L376*Input!$C$21,0)+IF(Input!$D$22=4,M376*Input!$C$22,0)</f>
        <v>0</v>
      </c>
      <c r="R376" s="58">
        <v>71.455623822018126</v>
      </c>
      <c r="S376" s="124">
        <f t="shared" si="5"/>
        <v>1.5406109828569416</v>
      </c>
    </row>
    <row r="377" spans="2:19" x14ac:dyDescent="0.3">
      <c r="H377" s="44">
        <v>370</v>
      </c>
      <c r="I377" s="56">
        <f>Bühler!I403</f>
        <v>0.3851527457142353</v>
      </c>
      <c r="J377" s="59">
        <f>Bühler!J403</f>
        <v>1.2838424857141177</v>
      </c>
      <c r="K377" s="59">
        <f>Bühler!K403</f>
        <v>1.9257637285711766</v>
      </c>
      <c r="L377" s="59">
        <f>Bühler!L403</f>
        <v>9.2436658971416481</v>
      </c>
      <c r="M377" s="58">
        <f>Bühler!M403</f>
        <v>0</v>
      </c>
      <c r="N377" s="56">
        <f>IF(Input!$D$19=1,J377*Input!$C$19,0)+IF(Input!$D$20=1,K377*Input!$C$20,0)+IF(Input!$D$21=1,L377*Input!$C$21,0)+IF(Input!$D$22=1,M377*Input!$C$22,0)</f>
        <v>0.3851527457142353</v>
      </c>
      <c r="O377" s="59">
        <f>IF(Input!$D$19=2,J377*Input!$C$19,0)+IF(Input!$D$20=2,K377*Input!$C$20,0)+IF(Input!$D$21=2,L377*Input!$C$21,0)+IF(Input!$D$22=2,M377*Input!$C$22,0)</f>
        <v>0.96288186428558831</v>
      </c>
      <c r="P377" s="59">
        <f>IF(Input!$D$19=3,J377*Input!$C$19,0)+IF(Input!$D$20=3,K377*Input!$C$20,0)+IF(Input!$D$21=3,L377*Input!$C$21,0)+IF(Input!$D$22=3,M377*Input!$C$22,0)</f>
        <v>0</v>
      </c>
      <c r="Q377" s="75">
        <f>IF(Input!$D$19=4,J377*Input!$C$19,0)+IF(Input!$D$20=4,K377*Input!$C$20,0)+IF(Input!$D$21=4,L377*Input!$C$21,0)+IF(Input!$D$22=4,M377*Input!$C$22,0)</f>
        <v>0</v>
      </c>
      <c r="R377" s="58">
        <v>70.363964109724108</v>
      </c>
      <c r="S377" s="124">
        <f t="shared" si="5"/>
        <v>1.6689952314283532</v>
      </c>
    </row>
    <row r="378" spans="2:19" x14ac:dyDescent="0.3">
      <c r="H378" s="44">
        <v>371</v>
      </c>
      <c r="I378" s="56">
        <f>Bühler!I404</f>
        <v>0.40292902628566152</v>
      </c>
      <c r="J378" s="59">
        <f>Bühler!J404</f>
        <v>1.3430967542855385</v>
      </c>
      <c r="K378" s="59">
        <f>Bühler!K404</f>
        <v>2.0146451314283076</v>
      </c>
      <c r="L378" s="59">
        <f>Bühler!L404</f>
        <v>9.6702966308558764</v>
      </c>
      <c r="M378" s="58">
        <f>Bühler!M404</f>
        <v>0</v>
      </c>
      <c r="N378" s="56">
        <f>IF(Input!$D$19=1,J378*Input!$C$19,0)+IF(Input!$D$20=1,K378*Input!$C$20,0)+IF(Input!$D$21=1,L378*Input!$C$21,0)+IF(Input!$D$22=1,M378*Input!$C$22,0)</f>
        <v>0.40292902628566157</v>
      </c>
      <c r="O378" s="59">
        <f>IF(Input!$D$19=2,J378*Input!$C$19,0)+IF(Input!$D$20=2,K378*Input!$C$20,0)+IF(Input!$D$21=2,L378*Input!$C$21,0)+IF(Input!$D$22=2,M378*Input!$C$22,0)</f>
        <v>1.0073225657141538</v>
      </c>
      <c r="P378" s="59">
        <f>IF(Input!$D$19=3,J378*Input!$C$19,0)+IF(Input!$D$20=3,K378*Input!$C$20,0)+IF(Input!$D$21=3,L378*Input!$C$21,0)+IF(Input!$D$22=3,M378*Input!$C$22,0)</f>
        <v>0</v>
      </c>
      <c r="Q378" s="75">
        <f>IF(Input!$D$19=4,J378*Input!$C$19,0)+IF(Input!$D$20=4,K378*Input!$C$20,0)+IF(Input!$D$21=4,L378*Input!$C$21,0)+IF(Input!$D$22=4,M378*Input!$C$22,0)</f>
        <v>0</v>
      </c>
      <c r="R378" s="58">
        <v>71.367500282532774</v>
      </c>
      <c r="S378" s="124">
        <f t="shared" si="5"/>
        <v>1.7460257805712001</v>
      </c>
    </row>
    <row r="379" spans="2:19" x14ac:dyDescent="0.3">
      <c r="H379" s="44">
        <v>372</v>
      </c>
      <c r="I379" s="56">
        <f>Bühler!I405</f>
        <v>0.47403414857136661</v>
      </c>
      <c r="J379" s="59">
        <f>Bühler!J405</f>
        <v>1.5801138285712222</v>
      </c>
      <c r="K379" s="59">
        <f>Bühler!K405</f>
        <v>2.3701707428568328</v>
      </c>
      <c r="L379" s="59">
        <f>Bühler!L405</f>
        <v>11.376819565712799</v>
      </c>
      <c r="M379" s="58">
        <f>Bühler!M405</f>
        <v>0</v>
      </c>
      <c r="N379" s="56">
        <f>IF(Input!$D$19=1,J379*Input!$C$19,0)+IF(Input!$D$20=1,K379*Input!$C$20,0)+IF(Input!$D$21=1,L379*Input!$C$21,0)+IF(Input!$D$22=1,M379*Input!$C$22,0)</f>
        <v>0.47403414857136661</v>
      </c>
      <c r="O379" s="59">
        <f>IF(Input!$D$19=2,J379*Input!$C$19,0)+IF(Input!$D$20=2,K379*Input!$C$20,0)+IF(Input!$D$21=2,L379*Input!$C$21,0)+IF(Input!$D$22=2,M379*Input!$C$22,0)</f>
        <v>1.1850853714284164</v>
      </c>
      <c r="P379" s="59">
        <f>IF(Input!$D$19=3,J379*Input!$C$19,0)+IF(Input!$D$20=3,K379*Input!$C$20,0)+IF(Input!$D$21=3,L379*Input!$C$21,0)+IF(Input!$D$22=3,M379*Input!$C$22,0)</f>
        <v>0</v>
      </c>
      <c r="Q379" s="75">
        <f>IF(Input!$D$19=4,J379*Input!$C$19,0)+IF(Input!$D$20=4,K379*Input!$C$20,0)+IF(Input!$D$21=4,L379*Input!$C$21,0)+IF(Input!$D$22=4,M379*Input!$C$22,0)</f>
        <v>0</v>
      </c>
      <c r="R379" s="58">
        <v>71.509659267487862</v>
      </c>
      <c r="S379" s="124">
        <f t="shared" si="5"/>
        <v>2.0541479771425886</v>
      </c>
    </row>
    <row r="380" spans="2:19" x14ac:dyDescent="0.3">
      <c r="H380" s="44">
        <v>373</v>
      </c>
      <c r="I380" s="56">
        <f>Bühler!I406</f>
        <v>0.47403414857136661</v>
      </c>
      <c r="J380" s="59">
        <f>Bühler!J406</f>
        <v>1.5801138285712222</v>
      </c>
      <c r="K380" s="59">
        <f>Bühler!K406</f>
        <v>2.3701707428568328</v>
      </c>
      <c r="L380" s="59">
        <f>Bühler!L406</f>
        <v>11.376819565712799</v>
      </c>
      <c r="M380" s="58">
        <f>Bühler!M406</f>
        <v>0</v>
      </c>
      <c r="N380" s="56">
        <f>IF(Input!$D$19=1,J380*Input!$C$19,0)+IF(Input!$D$20=1,K380*Input!$C$20,0)+IF(Input!$D$21=1,L380*Input!$C$21,0)+IF(Input!$D$22=1,M380*Input!$C$22,0)</f>
        <v>0.47403414857136661</v>
      </c>
      <c r="O380" s="59">
        <f>IF(Input!$D$19=2,J380*Input!$C$19,0)+IF(Input!$D$20=2,K380*Input!$C$20,0)+IF(Input!$D$21=2,L380*Input!$C$21,0)+IF(Input!$D$22=2,M380*Input!$C$22,0)</f>
        <v>1.1850853714284164</v>
      </c>
      <c r="P380" s="59">
        <f>IF(Input!$D$19=3,J380*Input!$C$19,0)+IF(Input!$D$20=3,K380*Input!$C$20,0)+IF(Input!$D$21=3,L380*Input!$C$21,0)+IF(Input!$D$22=3,M380*Input!$C$22,0)</f>
        <v>0</v>
      </c>
      <c r="Q380" s="75">
        <f>IF(Input!$D$19=4,J380*Input!$C$19,0)+IF(Input!$D$20=4,K380*Input!$C$20,0)+IF(Input!$D$21=4,L380*Input!$C$21,0)+IF(Input!$D$22=4,M380*Input!$C$22,0)</f>
        <v>0</v>
      </c>
      <c r="R380" s="58">
        <v>70.43055621355073</v>
      </c>
      <c r="S380" s="124">
        <f t="shared" si="5"/>
        <v>2.0541479771425886</v>
      </c>
    </row>
    <row r="381" spans="2:19" x14ac:dyDescent="0.3">
      <c r="H381" s="44">
        <v>374</v>
      </c>
      <c r="I381" s="56">
        <f>Bühler!I407</f>
        <v>0.47403414857136661</v>
      </c>
      <c r="J381" s="59">
        <f>Bühler!J407</f>
        <v>1.5801138285712222</v>
      </c>
      <c r="K381" s="59">
        <f>Bühler!K407</f>
        <v>2.3701707428568328</v>
      </c>
      <c r="L381" s="59">
        <f>Bühler!L407</f>
        <v>11.376819565712799</v>
      </c>
      <c r="M381" s="58">
        <f>Bühler!M407</f>
        <v>0</v>
      </c>
      <c r="N381" s="56">
        <f>IF(Input!$D$19=1,J381*Input!$C$19,0)+IF(Input!$D$20=1,K381*Input!$C$20,0)+IF(Input!$D$21=1,L381*Input!$C$21,0)+IF(Input!$D$22=1,M381*Input!$C$22,0)</f>
        <v>0.47403414857136661</v>
      </c>
      <c r="O381" s="59">
        <f>IF(Input!$D$19=2,J381*Input!$C$19,0)+IF(Input!$D$20=2,K381*Input!$C$20,0)+IF(Input!$D$21=2,L381*Input!$C$21,0)+IF(Input!$D$22=2,M381*Input!$C$22,0)</f>
        <v>1.1850853714284164</v>
      </c>
      <c r="P381" s="59">
        <f>IF(Input!$D$19=3,J381*Input!$C$19,0)+IF(Input!$D$20=3,K381*Input!$C$20,0)+IF(Input!$D$21=3,L381*Input!$C$21,0)+IF(Input!$D$22=3,M381*Input!$C$22,0)</f>
        <v>0</v>
      </c>
      <c r="Q381" s="75">
        <f>IF(Input!$D$19=4,J381*Input!$C$19,0)+IF(Input!$D$20=4,K381*Input!$C$20,0)+IF(Input!$D$21=4,L381*Input!$C$21,0)+IF(Input!$D$22=4,M381*Input!$C$22,0)</f>
        <v>0</v>
      </c>
      <c r="R381" s="58">
        <v>70.129037169019711</v>
      </c>
      <c r="S381" s="124">
        <f t="shared" si="5"/>
        <v>2.0541479771425886</v>
      </c>
    </row>
    <row r="382" spans="2:19" x14ac:dyDescent="0.3">
      <c r="H382" s="44">
        <v>375</v>
      </c>
      <c r="I382" s="56">
        <f>Bühler!I408</f>
        <v>0.47403414857136661</v>
      </c>
      <c r="J382" s="59">
        <f>Bühler!J408</f>
        <v>1.5801138285712222</v>
      </c>
      <c r="K382" s="59">
        <f>Bühler!K408</f>
        <v>2.3701707428568328</v>
      </c>
      <c r="L382" s="59">
        <f>Bühler!L408</f>
        <v>11.376819565712799</v>
      </c>
      <c r="M382" s="58">
        <f>Bühler!M408</f>
        <v>0</v>
      </c>
      <c r="N382" s="56">
        <f>IF(Input!$D$19=1,J382*Input!$C$19,0)+IF(Input!$D$20=1,K382*Input!$C$20,0)+IF(Input!$D$21=1,L382*Input!$C$21,0)+IF(Input!$D$22=1,M382*Input!$C$22,0)</f>
        <v>0.47403414857136661</v>
      </c>
      <c r="O382" s="59">
        <f>IF(Input!$D$19=2,J382*Input!$C$19,0)+IF(Input!$D$20=2,K382*Input!$C$20,0)+IF(Input!$D$21=2,L382*Input!$C$21,0)+IF(Input!$D$22=2,M382*Input!$C$22,0)</f>
        <v>1.1850853714284164</v>
      </c>
      <c r="P382" s="59">
        <f>IF(Input!$D$19=3,J382*Input!$C$19,0)+IF(Input!$D$20=3,K382*Input!$C$20,0)+IF(Input!$D$21=3,L382*Input!$C$21,0)+IF(Input!$D$22=3,M382*Input!$C$22,0)</f>
        <v>0</v>
      </c>
      <c r="Q382" s="75">
        <f>IF(Input!$D$19=4,J382*Input!$C$19,0)+IF(Input!$D$20=4,K382*Input!$C$20,0)+IF(Input!$D$21=4,L382*Input!$C$21,0)+IF(Input!$D$22=4,M382*Input!$C$22,0)</f>
        <v>0</v>
      </c>
      <c r="R382" s="58">
        <v>70.255070559632131</v>
      </c>
      <c r="S382" s="124">
        <f t="shared" si="5"/>
        <v>2.0541479771425886</v>
      </c>
    </row>
    <row r="383" spans="2:19" x14ac:dyDescent="0.3">
      <c r="H383" s="44">
        <v>376</v>
      </c>
      <c r="I383" s="56">
        <f>Bühler!I409</f>
        <v>0.47403414857136661</v>
      </c>
      <c r="J383" s="59">
        <f>Bühler!J409</f>
        <v>1.5801138285712222</v>
      </c>
      <c r="K383" s="59">
        <f>Bühler!K409</f>
        <v>2.3701707428568328</v>
      </c>
      <c r="L383" s="59">
        <f>Bühler!L409</f>
        <v>11.376819565712799</v>
      </c>
      <c r="M383" s="58">
        <f>Bühler!M409</f>
        <v>0</v>
      </c>
      <c r="N383" s="56">
        <f>IF(Input!$D$19=1,J383*Input!$C$19,0)+IF(Input!$D$20=1,K383*Input!$C$20,0)+IF(Input!$D$21=1,L383*Input!$C$21,0)+IF(Input!$D$22=1,M383*Input!$C$22,0)</f>
        <v>0.47403414857136661</v>
      </c>
      <c r="O383" s="59">
        <f>IF(Input!$D$19=2,J383*Input!$C$19,0)+IF(Input!$D$20=2,K383*Input!$C$20,0)+IF(Input!$D$21=2,L383*Input!$C$21,0)+IF(Input!$D$22=2,M383*Input!$C$22,0)</f>
        <v>1.1850853714284164</v>
      </c>
      <c r="P383" s="59">
        <f>IF(Input!$D$19=3,J383*Input!$C$19,0)+IF(Input!$D$20=3,K383*Input!$C$20,0)+IF(Input!$D$21=3,L383*Input!$C$21,0)+IF(Input!$D$22=3,M383*Input!$C$22,0)</f>
        <v>0</v>
      </c>
      <c r="Q383" s="75">
        <f>IF(Input!$D$19=4,J383*Input!$C$19,0)+IF(Input!$D$20=4,K383*Input!$C$20,0)+IF(Input!$D$21=4,L383*Input!$C$21,0)+IF(Input!$D$22=4,M383*Input!$C$22,0)</f>
        <v>0</v>
      </c>
      <c r="R383" s="58">
        <v>69.533573475356178</v>
      </c>
      <c r="S383" s="124">
        <f t="shared" si="5"/>
        <v>2.0541479771425886</v>
      </c>
    </row>
    <row r="384" spans="2:19" x14ac:dyDescent="0.3">
      <c r="H384" s="44">
        <v>377</v>
      </c>
      <c r="I384" s="56">
        <f>Bühler!I410</f>
        <v>0.47403414857136661</v>
      </c>
      <c r="J384" s="59">
        <f>Bühler!J410</f>
        <v>1.5801138285712222</v>
      </c>
      <c r="K384" s="59">
        <f>Bühler!K410</f>
        <v>2.3701707428568328</v>
      </c>
      <c r="L384" s="59">
        <f>Bühler!L410</f>
        <v>11.376819565712799</v>
      </c>
      <c r="M384" s="58">
        <f>Bühler!M410</f>
        <v>0</v>
      </c>
      <c r="N384" s="56">
        <f>IF(Input!$D$19=1,J384*Input!$C$19,0)+IF(Input!$D$20=1,K384*Input!$C$20,0)+IF(Input!$D$21=1,L384*Input!$C$21,0)+IF(Input!$D$22=1,M384*Input!$C$22,0)</f>
        <v>0.47403414857136661</v>
      </c>
      <c r="O384" s="59">
        <f>IF(Input!$D$19=2,J384*Input!$C$19,0)+IF(Input!$D$20=2,K384*Input!$C$20,0)+IF(Input!$D$21=2,L384*Input!$C$21,0)+IF(Input!$D$22=2,M384*Input!$C$22,0)</f>
        <v>1.1850853714284164</v>
      </c>
      <c r="P384" s="59">
        <f>IF(Input!$D$19=3,J384*Input!$C$19,0)+IF(Input!$D$20=3,K384*Input!$C$20,0)+IF(Input!$D$21=3,L384*Input!$C$21,0)+IF(Input!$D$22=3,M384*Input!$C$22,0)</f>
        <v>0</v>
      </c>
      <c r="Q384" s="75">
        <f>IF(Input!$D$19=4,J384*Input!$C$19,0)+IF(Input!$D$20=4,K384*Input!$C$20,0)+IF(Input!$D$21=4,L384*Input!$C$21,0)+IF(Input!$D$22=4,M384*Input!$C$22,0)</f>
        <v>0</v>
      </c>
      <c r="R384" s="58">
        <v>69.089607359237476</v>
      </c>
      <c r="S384" s="124">
        <f t="shared" si="5"/>
        <v>2.0541479771425886</v>
      </c>
    </row>
    <row r="385" spans="8:19" x14ac:dyDescent="0.3">
      <c r="H385" s="44">
        <v>378</v>
      </c>
      <c r="I385" s="56">
        <f>Bühler!I411</f>
        <v>0.47403414857136661</v>
      </c>
      <c r="J385" s="59">
        <f>Bühler!J411</f>
        <v>1.5801138285712222</v>
      </c>
      <c r="K385" s="59">
        <f>Bühler!K411</f>
        <v>2.3701707428568328</v>
      </c>
      <c r="L385" s="59">
        <f>Bühler!L411</f>
        <v>11.376819565712799</v>
      </c>
      <c r="M385" s="58">
        <f>Bühler!M411</f>
        <v>0</v>
      </c>
      <c r="N385" s="56">
        <f>IF(Input!$D$19=1,J385*Input!$C$19,0)+IF(Input!$D$20=1,K385*Input!$C$20,0)+IF(Input!$D$21=1,L385*Input!$C$21,0)+IF(Input!$D$22=1,M385*Input!$C$22,0)</f>
        <v>0.47403414857136661</v>
      </c>
      <c r="O385" s="59">
        <f>IF(Input!$D$19=2,J385*Input!$C$19,0)+IF(Input!$D$20=2,K385*Input!$C$20,0)+IF(Input!$D$21=2,L385*Input!$C$21,0)+IF(Input!$D$22=2,M385*Input!$C$22,0)</f>
        <v>1.1850853714284164</v>
      </c>
      <c r="P385" s="59">
        <f>IF(Input!$D$19=3,J385*Input!$C$19,0)+IF(Input!$D$20=3,K385*Input!$C$20,0)+IF(Input!$D$21=3,L385*Input!$C$21,0)+IF(Input!$D$22=3,M385*Input!$C$22,0)</f>
        <v>0</v>
      </c>
      <c r="Q385" s="75">
        <f>IF(Input!$D$19=4,J385*Input!$C$19,0)+IF(Input!$D$20=4,K385*Input!$C$20,0)+IF(Input!$D$21=4,L385*Input!$C$21,0)+IF(Input!$D$22=4,M385*Input!$C$22,0)</f>
        <v>0</v>
      </c>
      <c r="R385" s="58">
        <v>67.65318008703332</v>
      </c>
      <c r="S385" s="124">
        <f t="shared" si="5"/>
        <v>2.0541479771425886</v>
      </c>
    </row>
    <row r="386" spans="8:19" x14ac:dyDescent="0.3">
      <c r="H386" s="44">
        <v>379</v>
      </c>
      <c r="I386" s="56">
        <f>Bühler!I412</f>
        <v>0.47403414857136661</v>
      </c>
      <c r="J386" s="59">
        <f>Bühler!J412</f>
        <v>1.5801138285712222</v>
      </c>
      <c r="K386" s="59">
        <f>Bühler!K412</f>
        <v>2.3701707428568328</v>
      </c>
      <c r="L386" s="59">
        <f>Bühler!L412</f>
        <v>11.376819565712799</v>
      </c>
      <c r="M386" s="58">
        <f>Bühler!M412</f>
        <v>0</v>
      </c>
      <c r="N386" s="56">
        <f>IF(Input!$D$19=1,J386*Input!$C$19,0)+IF(Input!$D$20=1,K386*Input!$C$20,0)+IF(Input!$D$21=1,L386*Input!$C$21,0)+IF(Input!$D$22=1,M386*Input!$C$22,0)</f>
        <v>0.47403414857136661</v>
      </c>
      <c r="O386" s="59">
        <f>IF(Input!$D$19=2,J386*Input!$C$19,0)+IF(Input!$D$20=2,K386*Input!$C$20,0)+IF(Input!$D$21=2,L386*Input!$C$21,0)+IF(Input!$D$22=2,M386*Input!$C$22,0)</f>
        <v>1.1850853714284164</v>
      </c>
      <c r="P386" s="59">
        <f>IF(Input!$D$19=3,J386*Input!$C$19,0)+IF(Input!$D$20=3,K386*Input!$C$20,0)+IF(Input!$D$21=3,L386*Input!$C$21,0)+IF(Input!$D$22=3,M386*Input!$C$22,0)</f>
        <v>0</v>
      </c>
      <c r="Q386" s="75">
        <f>IF(Input!$D$19=4,J386*Input!$C$19,0)+IF(Input!$D$20=4,K386*Input!$C$20,0)+IF(Input!$D$21=4,L386*Input!$C$21,0)+IF(Input!$D$22=4,M386*Input!$C$22,0)</f>
        <v>0</v>
      </c>
      <c r="R386" s="58">
        <v>65.628895369280073</v>
      </c>
      <c r="S386" s="124">
        <f t="shared" si="5"/>
        <v>2.0541479771425886</v>
      </c>
    </row>
    <row r="387" spans="8:19" x14ac:dyDescent="0.3">
      <c r="H387" s="44">
        <v>380</v>
      </c>
      <c r="I387" s="56">
        <f>Bühler!I413</f>
        <v>0.39700359942851954</v>
      </c>
      <c r="J387" s="59">
        <f>Bühler!J413</f>
        <v>1.3233453314283985</v>
      </c>
      <c r="K387" s="59">
        <f>Bühler!K413</f>
        <v>1.9850179971425976</v>
      </c>
      <c r="L387" s="59">
        <f>Bühler!L413</f>
        <v>9.5280863862844694</v>
      </c>
      <c r="M387" s="58">
        <f>Bühler!M413</f>
        <v>0</v>
      </c>
      <c r="N387" s="56">
        <f>IF(Input!$D$19=1,J387*Input!$C$19,0)+IF(Input!$D$20=1,K387*Input!$C$20,0)+IF(Input!$D$21=1,L387*Input!$C$21,0)+IF(Input!$D$22=1,M387*Input!$C$22,0)</f>
        <v>0.39700359942851954</v>
      </c>
      <c r="O387" s="59">
        <f>IF(Input!$D$19=2,J387*Input!$C$19,0)+IF(Input!$D$20=2,K387*Input!$C$20,0)+IF(Input!$D$21=2,L387*Input!$C$21,0)+IF(Input!$D$22=2,M387*Input!$C$22,0)</f>
        <v>0.99250899857129882</v>
      </c>
      <c r="P387" s="59">
        <f>IF(Input!$D$19=3,J387*Input!$C$19,0)+IF(Input!$D$20=3,K387*Input!$C$20,0)+IF(Input!$D$21=3,L387*Input!$C$21,0)+IF(Input!$D$22=3,M387*Input!$C$22,0)</f>
        <v>0</v>
      </c>
      <c r="Q387" s="75">
        <f>IF(Input!$D$19=4,J387*Input!$C$19,0)+IF(Input!$D$20=4,K387*Input!$C$20,0)+IF(Input!$D$21=4,L387*Input!$C$21,0)+IF(Input!$D$22=4,M387*Input!$C$22,0)</f>
        <v>0</v>
      </c>
      <c r="R387" s="58">
        <v>64.822740787817537</v>
      </c>
      <c r="S387" s="124">
        <f t="shared" si="5"/>
        <v>1.720348930856918</v>
      </c>
    </row>
    <row r="388" spans="8:19" x14ac:dyDescent="0.3">
      <c r="H388" s="44">
        <v>381</v>
      </c>
      <c r="I388" s="56">
        <f>Bühler!I414</f>
        <v>0.32589847714281445</v>
      </c>
      <c r="J388" s="59">
        <f>Bühler!J414</f>
        <v>1.0863282571427149</v>
      </c>
      <c r="K388" s="59">
        <f>Bühler!K414</f>
        <v>1.6294923857140724</v>
      </c>
      <c r="L388" s="59">
        <f>Bühler!L414</f>
        <v>7.8215634514275472</v>
      </c>
      <c r="M388" s="58">
        <f>Bühler!M414</f>
        <v>0</v>
      </c>
      <c r="N388" s="56">
        <f>IF(Input!$D$19=1,J388*Input!$C$19,0)+IF(Input!$D$20=1,K388*Input!$C$20,0)+IF(Input!$D$21=1,L388*Input!$C$21,0)+IF(Input!$D$22=1,M388*Input!$C$22,0)</f>
        <v>0.32589847714281445</v>
      </c>
      <c r="O388" s="59">
        <f>IF(Input!$D$19=2,J388*Input!$C$19,0)+IF(Input!$D$20=2,K388*Input!$C$20,0)+IF(Input!$D$21=2,L388*Input!$C$21,0)+IF(Input!$D$22=2,M388*Input!$C$22,0)</f>
        <v>0.8147461928570362</v>
      </c>
      <c r="P388" s="59">
        <f>IF(Input!$D$19=3,J388*Input!$C$19,0)+IF(Input!$D$20=3,K388*Input!$C$20,0)+IF(Input!$D$21=3,L388*Input!$C$21,0)+IF(Input!$D$22=3,M388*Input!$C$22,0)</f>
        <v>0</v>
      </c>
      <c r="Q388" s="75">
        <f>IF(Input!$D$19=4,J388*Input!$C$19,0)+IF(Input!$D$20=4,K388*Input!$C$20,0)+IF(Input!$D$21=4,L388*Input!$C$21,0)+IF(Input!$D$22=4,M388*Input!$C$22,0)</f>
        <v>0</v>
      </c>
      <c r="R388" s="58">
        <v>63.407182791364882</v>
      </c>
      <c r="S388" s="124">
        <f t="shared" si="5"/>
        <v>1.4122267342855293</v>
      </c>
    </row>
    <row r="389" spans="8:19" x14ac:dyDescent="0.3">
      <c r="H389" s="44">
        <v>382</v>
      </c>
      <c r="I389" s="56">
        <f>Bühler!I415</f>
        <v>0.2370170742856833</v>
      </c>
      <c r="J389" s="59">
        <f>Bühler!J415</f>
        <v>0.79005691428561109</v>
      </c>
      <c r="K389" s="59">
        <f>Bühler!K415</f>
        <v>1.1850853714284164</v>
      </c>
      <c r="L389" s="59">
        <f>Bühler!L415</f>
        <v>5.6884097828563993</v>
      </c>
      <c r="M389" s="58">
        <f>Bühler!M415</f>
        <v>0</v>
      </c>
      <c r="N389" s="56">
        <f>IF(Input!$D$19=1,J389*Input!$C$19,0)+IF(Input!$D$20=1,K389*Input!$C$20,0)+IF(Input!$D$21=1,L389*Input!$C$21,0)+IF(Input!$D$22=1,M389*Input!$C$22,0)</f>
        <v>0.2370170742856833</v>
      </c>
      <c r="O389" s="59">
        <f>IF(Input!$D$19=2,J389*Input!$C$19,0)+IF(Input!$D$20=2,K389*Input!$C$20,0)+IF(Input!$D$21=2,L389*Input!$C$21,0)+IF(Input!$D$22=2,M389*Input!$C$22,0)</f>
        <v>0.59254268571420821</v>
      </c>
      <c r="P389" s="59">
        <f>IF(Input!$D$19=3,J389*Input!$C$19,0)+IF(Input!$D$20=3,K389*Input!$C$20,0)+IF(Input!$D$21=3,L389*Input!$C$21,0)+IF(Input!$D$22=3,M389*Input!$C$22,0)</f>
        <v>0</v>
      </c>
      <c r="Q389" s="75">
        <f>IF(Input!$D$19=4,J389*Input!$C$19,0)+IF(Input!$D$20=4,K389*Input!$C$20,0)+IF(Input!$D$21=4,L389*Input!$C$21,0)+IF(Input!$D$22=4,M389*Input!$C$22,0)</f>
        <v>0</v>
      </c>
      <c r="R389" s="58">
        <v>61.136673598288638</v>
      </c>
      <c r="S389" s="124">
        <f t="shared" si="5"/>
        <v>1.0270739885712943</v>
      </c>
    </row>
    <row r="390" spans="8:19" x14ac:dyDescent="0.3">
      <c r="H390" s="44">
        <v>383</v>
      </c>
      <c r="I390" s="56">
        <f>Bühler!I416</f>
        <v>0.2370170742856833</v>
      </c>
      <c r="J390" s="59">
        <f>Bühler!J416</f>
        <v>0.79005691428561109</v>
      </c>
      <c r="K390" s="59">
        <f>Bühler!K416</f>
        <v>1.1850853714284164</v>
      </c>
      <c r="L390" s="59">
        <f>Bühler!L416</f>
        <v>5.6884097828563993</v>
      </c>
      <c r="M390" s="58">
        <f>Bühler!M416</f>
        <v>0</v>
      </c>
      <c r="N390" s="56">
        <f>IF(Input!$D$19=1,J390*Input!$C$19,0)+IF(Input!$D$20=1,K390*Input!$C$20,0)+IF(Input!$D$21=1,L390*Input!$C$21,0)+IF(Input!$D$22=1,M390*Input!$C$22,0)</f>
        <v>0.2370170742856833</v>
      </c>
      <c r="O390" s="59">
        <f>IF(Input!$D$19=2,J390*Input!$C$19,0)+IF(Input!$D$20=2,K390*Input!$C$20,0)+IF(Input!$D$21=2,L390*Input!$C$21,0)+IF(Input!$D$22=2,M390*Input!$C$22,0)</f>
        <v>0.59254268571420821</v>
      </c>
      <c r="P390" s="59">
        <f>IF(Input!$D$19=3,J390*Input!$C$19,0)+IF(Input!$D$20=3,K390*Input!$C$20,0)+IF(Input!$D$21=3,L390*Input!$C$21,0)+IF(Input!$D$22=3,M390*Input!$C$22,0)</f>
        <v>0</v>
      </c>
      <c r="Q390" s="75">
        <f>IF(Input!$D$19=4,J390*Input!$C$19,0)+IF(Input!$D$20=4,K390*Input!$C$20,0)+IF(Input!$D$21=4,L390*Input!$C$21,0)+IF(Input!$D$22=4,M390*Input!$C$22,0)</f>
        <v>0</v>
      </c>
      <c r="R390" s="58">
        <v>60.989322777549106</v>
      </c>
      <c r="S390" s="124">
        <f t="shared" si="5"/>
        <v>1.0270739885712943</v>
      </c>
    </row>
    <row r="391" spans="8:19" x14ac:dyDescent="0.3">
      <c r="H391" s="44">
        <v>384</v>
      </c>
      <c r="I391" s="56">
        <f>Bühler!I417</f>
        <v>0.2370170742856833</v>
      </c>
      <c r="J391" s="59">
        <f>Bühler!J417</f>
        <v>0.79005691428561109</v>
      </c>
      <c r="K391" s="59">
        <f>Bühler!K417</f>
        <v>1.1850853714284164</v>
      </c>
      <c r="L391" s="59">
        <f>Bühler!L417</f>
        <v>5.6884097828563993</v>
      </c>
      <c r="M391" s="58">
        <f>Bühler!M417</f>
        <v>0</v>
      </c>
      <c r="N391" s="56">
        <f>IF(Input!$D$19=1,J391*Input!$C$19,0)+IF(Input!$D$20=1,K391*Input!$C$20,0)+IF(Input!$D$21=1,L391*Input!$C$21,0)+IF(Input!$D$22=1,M391*Input!$C$22,0)</f>
        <v>0.2370170742856833</v>
      </c>
      <c r="O391" s="59">
        <f>IF(Input!$D$19=2,J391*Input!$C$19,0)+IF(Input!$D$20=2,K391*Input!$C$20,0)+IF(Input!$D$21=2,L391*Input!$C$21,0)+IF(Input!$D$22=2,M391*Input!$C$22,0)</f>
        <v>0.59254268571420821</v>
      </c>
      <c r="P391" s="59">
        <f>IF(Input!$D$19=3,J391*Input!$C$19,0)+IF(Input!$D$20=3,K391*Input!$C$20,0)+IF(Input!$D$21=3,L391*Input!$C$21,0)+IF(Input!$D$22=3,M391*Input!$C$22,0)</f>
        <v>0</v>
      </c>
      <c r="Q391" s="75">
        <f>IF(Input!$D$19=4,J391*Input!$C$19,0)+IF(Input!$D$20=4,K391*Input!$C$20,0)+IF(Input!$D$21=4,L391*Input!$C$21,0)+IF(Input!$D$22=4,M391*Input!$C$22,0)</f>
        <v>0</v>
      </c>
      <c r="R391" s="58">
        <v>59.444593191871562</v>
      </c>
      <c r="S391" s="124">
        <f t="shared" si="5"/>
        <v>1.0270739885712943</v>
      </c>
    </row>
    <row r="392" spans="8:19" x14ac:dyDescent="0.3">
      <c r="H392" s="44">
        <v>385</v>
      </c>
      <c r="I392" s="56">
        <f>Bühler!I418</f>
        <v>0.20614088401465885</v>
      </c>
      <c r="J392" s="59">
        <f>Bühler!J418</f>
        <v>0.68713628004886296</v>
      </c>
      <c r="K392" s="59">
        <f>Bühler!K418</f>
        <v>1.0307044200732942</v>
      </c>
      <c r="L392" s="59">
        <f>Bühler!L418</f>
        <v>4.947381216351812</v>
      </c>
      <c r="M392" s="58">
        <f>Bühler!M418</f>
        <v>0</v>
      </c>
      <c r="N392" s="56">
        <f>IF(Input!$D$19=1,J392*Input!$C$19,0)+IF(Input!$D$20=1,K392*Input!$C$20,0)+IF(Input!$D$21=1,L392*Input!$C$21,0)+IF(Input!$D$22=1,M392*Input!$C$22,0)</f>
        <v>0.20614088401465888</v>
      </c>
      <c r="O392" s="59">
        <f>IF(Input!$D$19=2,J392*Input!$C$19,0)+IF(Input!$D$20=2,K392*Input!$C$20,0)+IF(Input!$D$21=2,L392*Input!$C$21,0)+IF(Input!$D$22=2,M392*Input!$C$22,0)</f>
        <v>0.51535221003664711</v>
      </c>
      <c r="P392" s="59">
        <f>IF(Input!$D$19=3,J392*Input!$C$19,0)+IF(Input!$D$20=3,K392*Input!$C$20,0)+IF(Input!$D$21=3,L392*Input!$C$21,0)+IF(Input!$D$22=3,M392*Input!$C$22,0)</f>
        <v>0</v>
      </c>
      <c r="Q392" s="75">
        <f>IF(Input!$D$19=4,J392*Input!$C$19,0)+IF(Input!$D$20=4,K392*Input!$C$20,0)+IF(Input!$D$21=4,L392*Input!$C$21,0)+IF(Input!$D$22=4,M392*Input!$C$22,0)</f>
        <v>0</v>
      </c>
      <c r="R392" s="58">
        <v>58.625361874087105</v>
      </c>
      <c r="S392" s="124">
        <f t="shared" si="5"/>
        <v>0.89327716406352176</v>
      </c>
    </row>
    <row r="393" spans="8:19" x14ac:dyDescent="0.3">
      <c r="H393" s="44">
        <v>386</v>
      </c>
      <c r="I393" s="56">
        <f>Bühler!I419</f>
        <v>0.23190849451649118</v>
      </c>
      <c r="J393" s="59">
        <f>Bühler!J419</f>
        <v>0.77302831505497061</v>
      </c>
      <c r="K393" s="59">
        <f>Bühler!K419</f>
        <v>1.1595424725824559</v>
      </c>
      <c r="L393" s="59">
        <f>Bühler!L419</f>
        <v>5.565803868395788</v>
      </c>
      <c r="M393" s="58">
        <f>Bühler!M419</f>
        <v>0</v>
      </c>
      <c r="N393" s="56">
        <f>IF(Input!$D$19=1,J393*Input!$C$19,0)+IF(Input!$D$20=1,K393*Input!$C$20,0)+IF(Input!$D$21=1,L393*Input!$C$21,0)+IF(Input!$D$22=1,M393*Input!$C$22,0)</f>
        <v>0.23190849451649118</v>
      </c>
      <c r="O393" s="59">
        <f>IF(Input!$D$19=2,J393*Input!$C$19,0)+IF(Input!$D$20=2,K393*Input!$C$20,0)+IF(Input!$D$21=2,L393*Input!$C$21,0)+IF(Input!$D$22=2,M393*Input!$C$22,0)</f>
        <v>0.57977123629122795</v>
      </c>
      <c r="P393" s="59">
        <f>IF(Input!$D$19=3,J393*Input!$C$19,0)+IF(Input!$D$20=3,K393*Input!$C$20,0)+IF(Input!$D$21=3,L393*Input!$C$21,0)+IF(Input!$D$22=3,M393*Input!$C$22,0)</f>
        <v>0</v>
      </c>
      <c r="Q393" s="75">
        <f>IF(Input!$D$19=4,J393*Input!$C$19,0)+IF(Input!$D$20=4,K393*Input!$C$20,0)+IF(Input!$D$21=4,L393*Input!$C$21,0)+IF(Input!$D$22=4,M393*Input!$C$22,0)</f>
        <v>0</v>
      </c>
      <c r="R393" s="58">
        <v>58.315630614903334</v>
      </c>
      <c r="S393" s="124">
        <f t="shared" ref="S393:S456" si="6">I393+J393</f>
        <v>1.0049368095714617</v>
      </c>
    </row>
    <row r="394" spans="8:19" x14ac:dyDescent="0.3">
      <c r="H394" s="44">
        <v>387</v>
      </c>
      <c r="I394" s="56">
        <f>Bühler!I420</f>
        <v>0.23190849451649118</v>
      </c>
      <c r="J394" s="59">
        <f>Bühler!J420</f>
        <v>0.77302831505497061</v>
      </c>
      <c r="K394" s="59">
        <f>Bühler!K420</f>
        <v>1.1595424725824559</v>
      </c>
      <c r="L394" s="59">
        <f>Bühler!L420</f>
        <v>5.565803868395788</v>
      </c>
      <c r="M394" s="58">
        <f>Bühler!M420</f>
        <v>0</v>
      </c>
      <c r="N394" s="56">
        <f>IF(Input!$D$19=1,J394*Input!$C$19,0)+IF(Input!$D$20=1,K394*Input!$C$20,0)+IF(Input!$D$21=1,L394*Input!$C$21,0)+IF(Input!$D$22=1,M394*Input!$C$22,0)</f>
        <v>0.23190849451649118</v>
      </c>
      <c r="O394" s="59">
        <f>IF(Input!$D$19=2,J394*Input!$C$19,0)+IF(Input!$D$20=2,K394*Input!$C$20,0)+IF(Input!$D$21=2,L394*Input!$C$21,0)+IF(Input!$D$22=2,M394*Input!$C$22,0)</f>
        <v>0.57977123629122795</v>
      </c>
      <c r="P394" s="59">
        <f>IF(Input!$D$19=3,J394*Input!$C$19,0)+IF(Input!$D$20=3,K394*Input!$C$20,0)+IF(Input!$D$21=3,L394*Input!$C$21,0)+IF(Input!$D$22=3,M394*Input!$C$22,0)</f>
        <v>0</v>
      </c>
      <c r="Q394" s="75">
        <f>IF(Input!$D$19=4,J394*Input!$C$19,0)+IF(Input!$D$20=4,K394*Input!$C$20,0)+IF(Input!$D$21=4,L394*Input!$C$21,0)+IF(Input!$D$22=4,M394*Input!$C$22,0)</f>
        <v>0</v>
      </c>
      <c r="R394" s="58">
        <v>58.591621276726599</v>
      </c>
      <c r="S394" s="124">
        <f t="shared" si="6"/>
        <v>1.0049368095714617</v>
      </c>
    </row>
    <row r="395" spans="8:19" x14ac:dyDescent="0.3">
      <c r="H395" s="44">
        <v>388</v>
      </c>
      <c r="I395" s="56">
        <f>Bühler!I421</f>
        <v>0.23190849451649118</v>
      </c>
      <c r="J395" s="59">
        <f>Bühler!J421</f>
        <v>0.77302831505497061</v>
      </c>
      <c r="K395" s="59">
        <f>Bühler!K421</f>
        <v>1.1595424725824559</v>
      </c>
      <c r="L395" s="59">
        <f>Bühler!L421</f>
        <v>5.565803868395788</v>
      </c>
      <c r="M395" s="58">
        <f>Bühler!M421</f>
        <v>0</v>
      </c>
      <c r="N395" s="56">
        <f>IF(Input!$D$19=1,J395*Input!$C$19,0)+IF(Input!$D$20=1,K395*Input!$C$20,0)+IF(Input!$D$21=1,L395*Input!$C$21,0)+IF(Input!$D$22=1,M395*Input!$C$22,0)</f>
        <v>0.23190849451649118</v>
      </c>
      <c r="O395" s="59">
        <f>IF(Input!$D$19=2,J395*Input!$C$19,0)+IF(Input!$D$20=2,K395*Input!$C$20,0)+IF(Input!$D$21=2,L395*Input!$C$21,0)+IF(Input!$D$22=2,M395*Input!$C$22,0)</f>
        <v>0.57977123629122795</v>
      </c>
      <c r="P395" s="59">
        <f>IF(Input!$D$19=3,J395*Input!$C$19,0)+IF(Input!$D$20=3,K395*Input!$C$20,0)+IF(Input!$D$21=3,L395*Input!$C$21,0)+IF(Input!$D$22=3,M395*Input!$C$22,0)</f>
        <v>0</v>
      </c>
      <c r="Q395" s="75">
        <f>IF(Input!$D$19=4,J395*Input!$C$19,0)+IF(Input!$D$20=4,K395*Input!$C$20,0)+IF(Input!$D$21=4,L395*Input!$C$21,0)+IF(Input!$D$22=4,M395*Input!$C$22,0)</f>
        <v>0</v>
      </c>
      <c r="R395" s="58">
        <v>59.061987076784071</v>
      </c>
      <c r="S395" s="124">
        <f t="shared" si="6"/>
        <v>1.0049368095714617</v>
      </c>
    </row>
    <row r="396" spans="8:19" x14ac:dyDescent="0.3">
      <c r="H396" s="44">
        <v>389</v>
      </c>
      <c r="I396" s="56">
        <f>Bühler!I422</f>
        <v>0.23190849451649118</v>
      </c>
      <c r="J396" s="59">
        <f>Bühler!J422</f>
        <v>0.77302831505497061</v>
      </c>
      <c r="K396" s="59">
        <f>Bühler!K422</f>
        <v>1.1595424725824559</v>
      </c>
      <c r="L396" s="59">
        <f>Bühler!L422</f>
        <v>5.565803868395788</v>
      </c>
      <c r="M396" s="58">
        <f>Bühler!M422</f>
        <v>0</v>
      </c>
      <c r="N396" s="56">
        <f>IF(Input!$D$19=1,J396*Input!$C$19,0)+IF(Input!$D$20=1,K396*Input!$C$20,0)+IF(Input!$D$21=1,L396*Input!$C$21,0)+IF(Input!$D$22=1,M396*Input!$C$22,0)</f>
        <v>0.23190849451649118</v>
      </c>
      <c r="O396" s="59">
        <f>IF(Input!$D$19=2,J396*Input!$C$19,0)+IF(Input!$D$20=2,K396*Input!$C$20,0)+IF(Input!$D$21=2,L396*Input!$C$21,0)+IF(Input!$D$22=2,M396*Input!$C$22,0)</f>
        <v>0.57977123629122795</v>
      </c>
      <c r="P396" s="59">
        <f>IF(Input!$D$19=3,J396*Input!$C$19,0)+IF(Input!$D$20=3,K396*Input!$C$20,0)+IF(Input!$D$21=3,L396*Input!$C$21,0)+IF(Input!$D$22=3,M396*Input!$C$22,0)</f>
        <v>0</v>
      </c>
      <c r="Q396" s="75">
        <f>IF(Input!$D$19=4,J396*Input!$C$19,0)+IF(Input!$D$20=4,K396*Input!$C$20,0)+IF(Input!$D$21=4,L396*Input!$C$21,0)+IF(Input!$D$22=4,M396*Input!$C$22,0)</f>
        <v>0</v>
      </c>
      <c r="R396" s="58">
        <v>60.325509628063479</v>
      </c>
      <c r="S396" s="124">
        <f t="shared" si="6"/>
        <v>1.0049368095714617</v>
      </c>
    </row>
    <row r="397" spans="8:19" x14ac:dyDescent="0.3">
      <c r="H397" s="44">
        <v>390</v>
      </c>
      <c r="I397" s="56">
        <f>Bühler!I423</f>
        <v>0.29890428182125528</v>
      </c>
      <c r="J397" s="59">
        <f>Bühler!J423</f>
        <v>0.99634760607085104</v>
      </c>
      <c r="K397" s="59">
        <f>Bühler!K423</f>
        <v>1.4945214091062764</v>
      </c>
      <c r="L397" s="59">
        <f>Bühler!L423</f>
        <v>7.1737027637101267</v>
      </c>
      <c r="M397" s="58">
        <f>Bühler!M423</f>
        <v>0</v>
      </c>
      <c r="N397" s="56">
        <f>IF(Input!$D$19=1,J397*Input!$C$19,0)+IF(Input!$D$20=1,K397*Input!$C$20,0)+IF(Input!$D$21=1,L397*Input!$C$21,0)+IF(Input!$D$22=1,M397*Input!$C$22,0)</f>
        <v>0.29890428182125528</v>
      </c>
      <c r="O397" s="59">
        <f>IF(Input!$D$19=2,J397*Input!$C$19,0)+IF(Input!$D$20=2,K397*Input!$C$20,0)+IF(Input!$D$21=2,L397*Input!$C$21,0)+IF(Input!$D$22=2,M397*Input!$C$22,0)</f>
        <v>0.7472607045531382</v>
      </c>
      <c r="P397" s="59">
        <f>IF(Input!$D$19=3,J397*Input!$C$19,0)+IF(Input!$D$20=3,K397*Input!$C$20,0)+IF(Input!$D$21=3,L397*Input!$C$21,0)+IF(Input!$D$22=3,M397*Input!$C$22,0)</f>
        <v>0</v>
      </c>
      <c r="Q397" s="75">
        <f>IF(Input!$D$19=4,J397*Input!$C$19,0)+IF(Input!$D$20=4,K397*Input!$C$20,0)+IF(Input!$D$21=4,L397*Input!$C$21,0)+IF(Input!$D$22=4,M397*Input!$C$22,0)</f>
        <v>0</v>
      </c>
      <c r="R397" s="58">
        <v>63.120338022386953</v>
      </c>
      <c r="S397" s="124">
        <f t="shared" si="6"/>
        <v>1.2952518878921064</v>
      </c>
    </row>
    <row r="398" spans="8:19" x14ac:dyDescent="0.3">
      <c r="H398" s="44">
        <v>391</v>
      </c>
      <c r="I398" s="56">
        <f>Bühler!I424</f>
        <v>0.34528598072455358</v>
      </c>
      <c r="J398" s="59">
        <f>Bühler!J424</f>
        <v>1.1509532690818454</v>
      </c>
      <c r="K398" s="59">
        <f>Bühler!K424</f>
        <v>1.7264299036227679</v>
      </c>
      <c r="L398" s="59">
        <f>Bühler!L424</f>
        <v>8.2868635373892854</v>
      </c>
      <c r="M398" s="58">
        <f>Bühler!M424</f>
        <v>0</v>
      </c>
      <c r="N398" s="56">
        <f>IF(Input!$D$19=1,J398*Input!$C$19,0)+IF(Input!$D$20=1,K398*Input!$C$20,0)+IF(Input!$D$21=1,L398*Input!$C$21,0)+IF(Input!$D$22=1,M398*Input!$C$22,0)</f>
        <v>0.34528598072455358</v>
      </c>
      <c r="O398" s="59">
        <f>IF(Input!$D$19=2,J398*Input!$C$19,0)+IF(Input!$D$20=2,K398*Input!$C$20,0)+IF(Input!$D$21=2,L398*Input!$C$21,0)+IF(Input!$D$22=2,M398*Input!$C$22,0)</f>
        <v>0.86321495181138397</v>
      </c>
      <c r="P398" s="59">
        <f>IF(Input!$D$19=3,J398*Input!$C$19,0)+IF(Input!$D$20=3,K398*Input!$C$20,0)+IF(Input!$D$21=3,L398*Input!$C$21,0)+IF(Input!$D$22=3,M398*Input!$C$22,0)</f>
        <v>0</v>
      </c>
      <c r="Q398" s="75">
        <f>IF(Input!$D$19=4,J398*Input!$C$19,0)+IF(Input!$D$20=4,K398*Input!$C$20,0)+IF(Input!$D$21=4,L398*Input!$C$21,0)+IF(Input!$D$22=4,M398*Input!$C$22,0)</f>
        <v>0</v>
      </c>
      <c r="R398" s="58">
        <v>66.836026570550175</v>
      </c>
      <c r="S398" s="124">
        <f t="shared" si="6"/>
        <v>1.496239249806399</v>
      </c>
    </row>
    <row r="399" spans="8:19" x14ac:dyDescent="0.3">
      <c r="H399" s="44">
        <v>392</v>
      </c>
      <c r="I399" s="56">
        <f>Bühler!I425</f>
        <v>0.34528598072455358</v>
      </c>
      <c r="J399" s="59">
        <f>Bühler!J425</f>
        <v>1.1509532690818454</v>
      </c>
      <c r="K399" s="59">
        <f>Bühler!K425</f>
        <v>1.7264299036227679</v>
      </c>
      <c r="L399" s="59">
        <f>Bühler!L425</f>
        <v>8.2868635373892854</v>
      </c>
      <c r="M399" s="58">
        <f>Bühler!M425</f>
        <v>0</v>
      </c>
      <c r="N399" s="56">
        <f>IF(Input!$D$19=1,J399*Input!$C$19,0)+IF(Input!$D$20=1,K399*Input!$C$20,0)+IF(Input!$D$21=1,L399*Input!$C$21,0)+IF(Input!$D$22=1,M399*Input!$C$22,0)</f>
        <v>0.34528598072455358</v>
      </c>
      <c r="O399" s="59">
        <f>IF(Input!$D$19=2,J399*Input!$C$19,0)+IF(Input!$D$20=2,K399*Input!$C$20,0)+IF(Input!$D$21=2,L399*Input!$C$21,0)+IF(Input!$D$22=2,M399*Input!$C$22,0)</f>
        <v>0.86321495181138397</v>
      </c>
      <c r="P399" s="59">
        <f>IF(Input!$D$19=3,J399*Input!$C$19,0)+IF(Input!$D$20=3,K399*Input!$C$20,0)+IF(Input!$D$21=3,L399*Input!$C$21,0)+IF(Input!$D$22=3,M399*Input!$C$22,0)</f>
        <v>0</v>
      </c>
      <c r="Q399" s="75">
        <f>IF(Input!$D$19=4,J399*Input!$C$19,0)+IF(Input!$D$20=4,K399*Input!$C$20,0)+IF(Input!$D$21=4,L399*Input!$C$21,0)+IF(Input!$D$22=4,M399*Input!$C$22,0)</f>
        <v>0</v>
      </c>
      <c r="R399" s="58">
        <v>68.691587883596171</v>
      </c>
      <c r="S399" s="124">
        <f t="shared" si="6"/>
        <v>1.496239249806399</v>
      </c>
    </row>
    <row r="400" spans="8:19" x14ac:dyDescent="0.3">
      <c r="H400" s="44">
        <v>393</v>
      </c>
      <c r="I400" s="56">
        <f>Bühler!I426</f>
        <v>0.34528598072455358</v>
      </c>
      <c r="J400" s="59">
        <f>Bühler!J426</f>
        <v>1.1509532690818454</v>
      </c>
      <c r="K400" s="59">
        <f>Bühler!K426</f>
        <v>1.7264299036227679</v>
      </c>
      <c r="L400" s="59">
        <f>Bühler!L426</f>
        <v>8.2868635373892854</v>
      </c>
      <c r="M400" s="58">
        <f>Bühler!M426</f>
        <v>0</v>
      </c>
      <c r="N400" s="56">
        <f>IF(Input!$D$19=1,J400*Input!$C$19,0)+IF(Input!$D$20=1,K400*Input!$C$20,0)+IF(Input!$D$21=1,L400*Input!$C$21,0)+IF(Input!$D$22=1,M400*Input!$C$22,0)</f>
        <v>0.34528598072455358</v>
      </c>
      <c r="O400" s="59">
        <f>IF(Input!$D$19=2,J400*Input!$C$19,0)+IF(Input!$D$20=2,K400*Input!$C$20,0)+IF(Input!$D$21=2,L400*Input!$C$21,0)+IF(Input!$D$22=2,M400*Input!$C$22,0)</f>
        <v>0.86321495181138397</v>
      </c>
      <c r="P400" s="59">
        <f>IF(Input!$D$19=3,J400*Input!$C$19,0)+IF(Input!$D$20=3,K400*Input!$C$20,0)+IF(Input!$D$21=3,L400*Input!$C$21,0)+IF(Input!$D$22=3,M400*Input!$C$22,0)</f>
        <v>0</v>
      </c>
      <c r="Q400" s="75">
        <f>IF(Input!$D$19=4,J400*Input!$C$19,0)+IF(Input!$D$20=4,K400*Input!$C$20,0)+IF(Input!$D$21=4,L400*Input!$C$21,0)+IF(Input!$D$22=4,M400*Input!$C$22,0)</f>
        <v>0</v>
      </c>
      <c r="R400" s="58">
        <v>68.929705273919936</v>
      </c>
      <c r="S400" s="124">
        <f t="shared" si="6"/>
        <v>1.496239249806399</v>
      </c>
    </row>
    <row r="401" spans="8:19" x14ac:dyDescent="0.3">
      <c r="H401" s="44">
        <v>394</v>
      </c>
      <c r="I401" s="56">
        <f>Bühler!I427</f>
        <v>0.37105359122638587</v>
      </c>
      <c r="J401" s="59">
        <f>Bühler!J427</f>
        <v>1.236845304087953</v>
      </c>
      <c r="K401" s="59">
        <f>Bühler!K427</f>
        <v>1.8552679561319294</v>
      </c>
      <c r="L401" s="59">
        <f>Bühler!L427</f>
        <v>8.9052861894332604</v>
      </c>
      <c r="M401" s="58">
        <f>Bühler!M427</f>
        <v>0</v>
      </c>
      <c r="N401" s="56">
        <f>IF(Input!$D$19=1,J401*Input!$C$19,0)+IF(Input!$D$20=1,K401*Input!$C$20,0)+IF(Input!$D$21=1,L401*Input!$C$21,0)+IF(Input!$D$22=1,M401*Input!$C$22,0)</f>
        <v>0.37105359122638587</v>
      </c>
      <c r="O401" s="59">
        <f>IF(Input!$D$19=2,J401*Input!$C$19,0)+IF(Input!$D$20=2,K401*Input!$C$20,0)+IF(Input!$D$21=2,L401*Input!$C$21,0)+IF(Input!$D$22=2,M401*Input!$C$22,0)</f>
        <v>0.9276339780659647</v>
      </c>
      <c r="P401" s="59">
        <f>IF(Input!$D$19=3,J401*Input!$C$19,0)+IF(Input!$D$20=3,K401*Input!$C$20,0)+IF(Input!$D$21=3,L401*Input!$C$21,0)+IF(Input!$D$22=3,M401*Input!$C$22,0)</f>
        <v>0</v>
      </c>
      <c r="Q401" s="75">
        <f>IF(Input!$D$19=4,J401*Input!$C$19,0)+IF(Input!$D$20=4,K401*Input!$C$20,0)+IF(Input!$D$21=4,L401*Input!$C$21,0)+IF(Input!$D$22=4,M401*Input!$C$22,0)</f>
        <v>0</v>
      </c>
      <c r="R401" s="58">
        <v>68.210834959951328</v>
      </c>
      <c r="S401" s="124">
        <f t="shared" si="6"/>
        <v>1.6078988953143389</v>
      </c>
    </row>
    <row r="402" spans="8:19" x14ac:dyDescent="0.3">
      <c r="H402" s="44">
        <v>395</v>
      </c>
      <c r="I402" s="56">
        <f>Bühler!I428</f>
        <v>0.40197472382858468</v>
      </c>
      <c r="J402" s="59">
        <f>Bühler!J428</f>
        <v>1.3399157460952824</v>
      </c>
      <c r="K402" s="59">
        <f>Bühler!K428</f>
        <v>2.0098736191429234</v>
      </c>
      <c r="L402" s="59">
        <f>Bühler!L428</f>
        <v>9.6473933718860323</v>
      </c>
      <c r="M402" s="58">
        <f>Bühler!M428</f>
        <v>0</v>
      </c>
      <c r="N402" s="56">
        <f>IF(Input!$D$19=1,J402*Input!$C$19,0)+IF(Input!$D$20=1,K402*Input!$C$20,0)+IF(Input!$D$21=1,L402*Input!$C$21,0)+IF(Input!$D$22=1,M402*Input!$C$22,0)</f>
        <v>0.40197472382858473</v>
      </c>
      <c r="O402" s="59">
        <f>IF(Input!$D$19=2,J402*Input!$C$19,0)+IF(Input!$D$20=2,K402*Input!$C$20,0)+IF(Input!$D$21=2,L402*Input!$C$21,0)+IF(Input!$D$22=2,M402*Input!$C$22,0)</f>
        <v>1.0049368095714617</v>
      </c>
      <c r="P402" s="59">
        <f>IF(Input!$D$19=3,J402*Input!$C$19,0)+IF(Input!$D$20=3,K402*Input!$C$20,0)+IF(Input!$D$21=3,L402*Input!$C$21,0)+IF(Input!$D$22=3,M402*Input!$C$22,0)</f>
        <v>0</v>
      </c>
      <c r="Q402" s="75">
        <f>IF(Input!$D$19=4,J402*Input!$C$19,0)+IF(Input!$D$20=4,K402*Input!$C$20,0)+IF(Input!$D$21=4,L402*Input!$C$21,0)+IF(Input!$D$22=4,M402*Input!$C$22,0)</f>
        <v>0</v>
      </c>
      <c r="R402" s="58">
        <v>69.155393514819167</v>
      </c>
      <c r="S402" s="124">
        <f t="shared" si="6"/>
        <v>1.7418904699238671</v>
      </c>
    </row>
    <row r="403" spans="8:19" x14ac:dyDescent="0.3">
      <c r="H403" s="44">
        <v>396</v>
      </c>
      <c r="I403" s="56">
        <f>Bühler!I429</f>
        <v>0.46381698903298235</v>
      </c>
      <c r="J403" s="59">
        <f>Bühler!J429</f>
        <v>1.5460566301099412</v>
      </c>
      <c r="K403" s="59">
        <f>Bühler!K429</f>
        <v>2.3190849451649118</v>
      </c>
      <c r="L403" s="59">
        <f>Bühler!L429</f>
        <v>11.131607736791576</v>
      </c>
      <c r="M403" s="58">
        <f>Bühler!M429</f>
        <v>0</v>
      </c>
      <c r="N403" s="56">
        <f>IF(Input!$D$19=1,J403*Input!$C$19,0)+IF(Input!$D$20=1,K403*Input!$C$20,0)+IF(Input!$D$21=1,L403*Input!$C$21,0)+IF(Input!$D$22=1,M403*Input!$C$22,0)</f>
        <v>0.46381698903298235</v>
      </c>
      <c r="O403" s="59">
        <f>IF(Input!$D$19=2,J403*Input!$C$19,0)+IF(Input!$D$20=2,K403*Input!$C$20,0)+IF(Input!$D$21=2,L403*Input!$C$21,0)+IF(Input!$D$22=2,M403*Input!$C$22,0)</f>
        <v>1.1595424725824559</v>
      </c>
      <c r="P403" s="59">
        <f>IF(Input!$D$19=3,J403*Input!$C$19,0)+IF(Input!$D$20=3,K403*Input!$C$20,0)+IF(Input!$D$21=3,L403*Input!$C$21,0)+IF(Input!$D$22=3,M403*Input!$C$22,0)</f>
        <v>0</v>
      </c>
      <c r="Q403" s="75">
        <f>IF(Input!$D$19=4,J403*Input!$C$19,0)+IF(Input!$D$20=4,K403*Input!$C$20,0)+IF(Input!$D$21=4,L403*Input!$C$21,0)+IF(Input!$D$22=4,M403*Input!$C$22,0)</f>
        <v>0</v>
      </c>
      <c r="R403" s="58">
        <v>69.485974769446742</v>
      </c>
      <c r="S403" s="124">
        <f t="shared" si="6"/>
        <v>2.0098736191429234</v>
      </c>
    </row>
    <row r="404" spans="8:19" x14ac:dyDescent="0.3">
      <c r="H404" s="44">
        <v>397</v>
      </c>
      <c r="I404" s="56">
        <f>Bühler!I430</f>
        <v>0.46381698903298235</v>
      </c>
      <c r="J404" s="59">
        <f>Bühler!J430</f>
        <v>1.5460566301099412</v>
      </c>
      <c r="K404" s="59">
        <f>Bühler!K430</f>
        <v>2.3190849451649118</v>
      </c>
      <c r="L404" s="59">
        <f>Bühler!L430</f>
        <v>11.131607736791576</v>
      </c>
      <c r="M404" s="58">
        <f>Bühler!M430</f>
        <v>0</v>
      </c>
      <c r="N404" s="56">
        <f>IF(Input!$D$19=1,J404*Input!$C$19,0)+IF(Input!$D$20=1,K404*Input!$C$20,0)+IF(Input!$D$21=1,L404*Input!$C$21,0)+IF(Input!$D$22=1,M404*Input!$C$22,0)</f>
        <v>0.46381698903298235</v>
      </c>
      <c r="O404" s="59">
        <f>IF(Input!$D$19=2,J404*Input!$C$19,0)+IF(Input!$D$20=2,K404*Input!$C$20,0)+IF(Input!$D$21=2,L404*Input!$C$21,0)+IF(Input!$D$22=2,M404*Input!$C$22,0)</f>
        <v>1.1595424725824559</v>
      </c>
      <c r="P404" s="59">
        <f>IF(Input!$D$19=3,J404*Input!$C$19,0)+IF(Input!$D$20=3,K404*Input!$C$20,0)+IF(Input!$D$21=3,L404*Input!$C$21,0)+IF(Input!$D$22=3,M404*Input!$C$22,0)</f>
        <v>0</v>
      </c>
      <c r="Q404" s="75">
        <f>IF(Input!$D$19=4,J404*Input!$C$19,0)+IF(Input!$D$20=4,K404*Input!$C$20,0)+IF(Input!$D$21=4,L404*Input!$C$21,0)+IF(Input!$D$22=4,M404*Input!$C$22,0)</f>
        <v>0</v>
      </c>
      <c r="R404" s="58">
        <v>67.978476360218835</v>
      </c>
      <c r="S404" s="124">
        <f t="shared" si="6"/>
        <v>2.0098736191429234</v>
      </c>
    </row>
    <row r="405" spans="8:19" x14ac:dyDescent="0.3">
      <c r="H405" s="44">
        <v>398</v>
      </c>
      <c r="I405" s="56">
        <f>Bühler!I431</f>
        <v>0.46381698903298235</v>
      </c>
      <c r="J405" s="59">
        <f>Bühler!J431</f>
        <v>1.5460566301099412</v>
      </c>
      <c r="K405" s="59">
        <f>Bühler!K431</f>
        <v>2.3190849451649118</v>
      </c>
      <c r="L405" s="59">
        <f>Bühler!L431</f>
        <v>11.131607736791576</v>
      </c>
      <c r="M405" s="58">
        <f>Bühler!M431</f>
        <v>0</v>
      </c>
      <c r="N405" s="56">
        <f>IF(Input!$D$19=1,J405*Input!$C$19,0)+IF(Input!$D$20=1,K405*Input!$C$20,0)+IF(Input!$D$21=1,L405*Input!$C$21,0)+IF(Input!$D$22=1,M405*Input!$C$22,0)</f>
        <v>0.46381698903298235</v>
      </c>
      <c r="O405" s="59">
        <f>IF(Input!$D$19=2,J405*Input!$C$19,0)+IF(Input!$D$20=2,K405*Input!$C$20,0)+IF(Input!$D$21=2,L405*Input!$C$21,0)+IF(Input!$D$22=2,M405*Input!$C$22,0)</f>
        <v>1.1595424725824559</v>
      </c>
      <c r="P405" s="59">
        <f>IF(Input!$D$19=3,J405*Input!$C$19,0)+IF(Input!$D$20=3,K405*Input!$C$20,0)+IF(Input!$D$21=3,L405*Input!$C$21,0)+IF(Input!$D$22=3,M405*Input!$C$22,0)</f>
        <v>0</v>
      </c>
      <c r="Q405" s="75">
        <f>IF(Input!$D$19=4,J405*Input!$C$19,0)+IF(Input!$D$20=4,K405*Input!$C$20,0)+IF(Input!$D$21=4,L405*Input!$C$21,0)+IF(Input!$D$22=4,M405*Input!$C$22,0)</f>
        <v>0</v>
      </c>
      <c r="R405" s="58">
        <v>67.558302202674369</v>
      </c>
      <c r="S405" s="124">
        <f t="shared" si="6"/>
        <v>2.0098736191429234</v>
      </c>
    </row>
    <row r="406" spans="8:19" x14ac:dyDescent="0.3">
      <c r="H406" s="44">
        <v>399</v>
      </c>
      <c r="I406" s="56">
        <f>Bühler!I432</f>
        <v>0.46381698903298235</v>
      </c>
      <c r="J406" s="59">
        <f>Bühler!J432</f>
        <v>1.5460566301099412</v>
      </c>
      <c r="K406" s="59">
        <f>Bühler!K432</f>
        <v>2.3190849451649118</v>
      </c>
      <c r="L406" s="59">
        <f>Bühler!L432</f>
        <v>11.131607736791576</v>
      </c>
      <c r="M406" s="58">
        <f>Bühler!M432</f>
        <v>0</v>
      </c>
      <c r="N406" s="56">
        <f>IF(Input!$D$19=1,J406*Input!$C$19,0)+IF(Input!$D$20=1,K406*Input!$C$20,0)+IF(Input!$D$21=1,L406*Input!$C$21,0)+IF(Input!$D$22=1,M406*Input!$C$22,0)</f>
        <v>0.46381698903298235</v>
      </c>
      <c r="O406" s="59">
        <f>IF(Input!$D$19=2,J406*Input!$C$19,0)+IF(Input!$D$20=2,K406*Input!$C$20,0)+IF(Input!$D$21=2,L406*Input!$C$21,0)+IF(Input!$D$22=2,M406*Input!$C$22,0)</f>
        <v>1.1595424725824559</v>
      </c>
      <c r="P406" s="59">
        <f>IF(Input!$D$19=3,J406*Input!$C$19,0)+IF(Input!$D$20=3,K406*Input!$C$20,0)+IF(Input!$D$21=3,L406*Input!$C$21,0)+IF(Input!$D$22=3,M406*Input!$C$22,0)</f>
        <v>0</v>
      </c>
      <c r="Q406" s="75">
        <f>IF(Input!$D$19=4,J406*Input!$C$19,0)+IF(Input!$D$20=4,K406*Input!$C$20,0)+IF(Input!$D$21=4,L406*Input!$C$21,0)+IF(Input!$D$22=4,M406*Input!$C$22,0)</f>
        <v>0</v>
      </c>
      <c r="R406" s="58">
        <v>68.096257367236262</v>
      </c>
      <c r="S406" s="124">
        <f t="shared" si="6"/>
        <v>2.0098736191429234</v>
      </c>
    </row>
    <row r="407" spans="8:19" x14ac:dyDescent="0.3">
      <c r="H407" s="44">
        <v>400</v>
      </c>
      <c r="I407" s="56">
        <f>Bühler!I433</f>
        <v>0.46381698903298235</v>
      </c>
      <c r="J407" s="59">
        <f>Bühler!J433</f>
        <v>1.5460566301099412</v>
      </c>
      <c r="K407" s="59">
        <f>Bühler!K433</f>
        <v>2.3190849451649118</v>
      </c>
      <c r="L407" s="59">
        <f>Bühler!L433</f>
        <v>11.131607736791576</v>
      </c>
      <c r="M407" s="58">
        <f>Bühler!M433</f>
        <v>0</v>
      </c>
      <c r="N407" s="56">
        <f>IF(Input!$D$19=1,J407*Input!$C$19,0)+IF(Input!$D$20=1,K407*Input!$C$20,0)+IF(Input!$D$21=1,L407*Input!$C$21,0)+IF(Input!$D$22=1,M407*Input!$C$22,0)</f>
        <v>0.46381698903298235</v>
      </c>
      <c r="O407" s="59">
        <f>IF(Input!$D$19=2,J407*Input!$C$19,0)+IF(Input!$D$20=2,K407*Input!$C$20,0)+IF(Input!$D$21=2,L407*Input!$C$21,0)+IF(Input!$D$22=2,M407*Input!$C$22,0)</f>
        <v>1.1595424725824559</v>
      </c>
      <c r="P407" s="59">
        <f>IF(Input!$D$19=3,J407*Input!$C$19,0)+IF(Input!$D$20=3,K407*Input!$C$20,0)+IF(Input!$D$21=3,L407*Input!$C$21,0)+IF(Input!$D$22=3,M407*Input!$C$22,0)</f>
        <v>0</v>
      </c>
      <c r="Q407" s="75">
        <f>IF(Input!$D$19=4,J407*Input!$C$19,0)+IF(Input!$D$20=4,K407*Input!$C$20,0)+IF(Input!$D$21=4,L407*Input!$C$21,0)+IF(Input!$D$22=4,M407*Input!$C$22,0)</f>
        <v>0</v>
      </c>
      <c r="R407" s="58">
        <v>66.827557867002071</v>
      </c>
      <c r="S407" s="124">
        <f t="shared" si="6"/>
        <v>2.0098736191429234</v>
      </c>
    </row>
    <row r="408" spans="8:19" x14ac:dyDescent="0.3">
      <c r="H408" s="44">
        <v>401</v>
      </c>
      <c r="I408" s="56">
        <f>Bühler!I434</f>
        <v>0.46381698903298235</v>
      </c>
      <c r="J408" s="59">
        <f>Bühler!J434</f>
        <v>1.5460566301099412</v>
      </c>
      <c r="K408" s="59">
        <f>Bühler!K434</f>
        <v>2.3190849451649118</v>
      </c>
      <c r="L408" s="59">
        <f>Bühler!L434</f>
        <v>11.131607736791576</v>
      </c>
      <c r="M408" s="58">
        <f>Bühler!M434</f>
        <v>0</v>
      </c>
      <c r="N408" s="56">
        <f>IF(Input!$D$19=1,J408*Input!$C$19,0)+IF(Input!$D$20=1,K408*Input!$C$20,0)+IF(Input!$D$21=1,L408*Input!$C$21,0)+IF(Input!$D$22=1,M408*Input!$C$22,0)</f>
        <v>0.46381698903298235</v>
      </c>
      <c r="O408" s="59">
        <f>IF(Input!$D$19=2,J408*Input!$C$19,0)+IF(Input!$D$20=2,K408*Input!$C$20,0)+IF(Input!$D$21=2,L408*Input!$C$21,0)+IF(Input!$D$22=2,M408*Input!$C$22,0)</f>
        <v>1.1595424725824559</v>
      </c>
      <c r="P408" s="59">
        <f>IF(Input!$D$19=3,J408*Input!$C$19,0)+IF(Input!$D$20=3,K408*Input!$C$20,0)+IF(Input!$D$21=3,L408*Input!$C$21,0)+IF(Input!$D$22=3,M408*Input!$C$22,0)</f>
        <v>0</v>
      </c>
      <c r="Q408" s="75">
        <f>IF(Input!$D$19=4,J408*Input!$C$19,0)+IF(Input!$D$20=4,K408*Input!$C$20,0)+IF(Input!$D$21=4,L408*Input!$C$21,0)+IF(Input!$D$22=4,M408*Input!$C$22,0)</f>
        <v>0</v>
      </c>
      <c r="R408" s="58">
        <v>66.711931252945831</v>
      </c>
      <c r="S408" s="124">
        <f t="shared" si="6"/>
        <v>2.0098736191429234</v>
      </c>
    </row>
    <row r="409" spans="8:19" x14ac:dyDescent="0.3">
      <c r="H409" s="44">
        <v>402</v>
      </c>
      <c r="I409" s="56">
        <f>Bühler!I435</f>
        <v>0.46381698903298235</v>
      </c>
      <c r="J409" s="59">
        <f>Bühler!J435</f>
        <v>1.5460566301099412</v>
      </c>
      <c r="K409" s="59">
        <f>Bühler!K435</f>
        <v>2.3190849451649118</v>
      </c>
      <c r="L409" s="59">
        <f>Bühler!L435</f>
        <v>11.131607736791576</v>
      </c>
      <c r="M409" s="58">
        <f>Bühler!M435</f>
        <v>0</v>
      </c>
      <c r="N409" s="56">
        <f>IF(Input!$D$19=1,J409*Input!$C$19,0)+IF(Input!$D$20=1,K409*Input!$C$20,0)+IF(Input!$D$21=1,L409*Input!$C$21,0)+IF(Input!$D$22=1,M409*Input!$C$22,0)</f>
        <v>0.46381698903298235</v>
      </c>
      <c r="O409" s="59">
        <f>IF(Input!$D$19=2,J409*Input!$C$19,0)+IF(Input!$D$20=2,K409*Input!$C$20,0)+IF(Input!$D$21=2,L409*Input!$C$21,0)+IF(Input!$D$22=2,M409*Input!$C$22,0)</f>
        <v>1.1595424725824559</v>
      </c>
      <c r="P409" s="59">
        <f>IF(Input!$D$19=3,J409*Input!$C$19,0)+IF(Input!$D$20=3,K409*Input!$C$20,0)+IF(Input!$D$21=3,L409*Input!$C$21,0)+IF(Input!$D$22=3,M409*Input!$C$22,0)</f>
        <v>0</v>
      </c>
      <c r="Q409" s="75">
        <f>IF(Input!$D$19=4,J409*Input!$C$19,0)+IF(Input!$D$20=4,K409*Input!$C$20,0)+IF(Input!$D$21=4,L409*Input!$C$21,0)+IF(Input!$D$22=4,M409*Input!$C$22,0)</f>
        <v>0</v>
      </c>
      <c r="R409" s="58">
        <v>65.489562547926667</v>
      </c>
      <c r="S409" s="124">
        <f t="shared" si="6"/>
        <v>2.0098736191429234</v>
      </c>
    </row>
    <row r="410" spans="8:19" x14ac:dyDescent="0.3">
      <c r="H410" s="44">
        <v>403</v>
      </c>
      <c r="I410" s="56">
        <f>Bühler!I436</f>
        <v>0.46381698903298235</v>
      </c>
      <c r="J410" s="59">
        <f>Bühler!J436</f>
        <v>1.5460566301099412</v>
      </c>
      <c r="K410" s="59">
        <f>Bühler!K436</f>
        <v>2.3190849451649118</v>
      </c>
      <c r="L410" s="59">
        <f>Bühler!L436</f>
        <v>11.131607736791576</v>
      </c>
      <c r="M410" s="58">
        <f>Bühler!M436</f>
        <v>0</v>
      </c>
      <c r="N410" s="56">
        <f>IF(Input!$D$19=1,J410*Input!$C$19,0)+IF(Input!$D$20=1,K410*Input!$C$20,0)+IF(Input!$D$21=1,L410*Input!$C$21,0)+IF(Input!$D$22=1,M410*Input!$C$22,0)</f>
        <v>0.46381698903298235</v>
      </c>
      <c r="O410" s="59">
        <f>IF(Input!$D$19=2,J410*Input!$C$19,0)+IF(Input!$D$20=2,K410*Input!$C$20,0)+IF(Input!$D$21=2,L410*Input!$C$21,0)+IF(Input!$D$22=2,M410*Input!$C$22,0)</f>
        <v>1.1595424725824559</v>
      </c>
      <c r="P410" s="59">
        <f>IF(Input!$D$19=3,J410*Input!$C$19,0)+IF(Input!$D$20=3,K410*Input!$C$20,0)+IF(Input!$D$21=3,L410*Input!$C$21,0)+IF(Input!$D$22=3,M410*Input!$C$22,0)</f>
        <v>0</v>
      </c>
      <c r="Q410" s="75">
        <f>IF(Input!$D$19=4,J410*Input!$C$19,0)+IF(Input!$D$20=4,K410*Input!$C$20,0)+IF(Input!$D$21=4,L410*Input!$C$21,0)+IF(Input!$D$22=4,M410*Input!$C$22,0)</f>
        <v>0</v>
      </c>
      <c r="R410" s="58">
        <v>63.653364234139403</v>
      </c>
      <c r="S410" s="124">
        <f t="shared" si="6"/>
        <v>2.0098736191429234</v>
      </c>
    </row>
    <row r="411" spans="8:19" x14ac:dyDescent="0.3">
      <c r="H411" s="44">
        <v>404</v>
      </c>
      <c r="I411" s="56">
        <f>Bühler!I437</f>
        <v>0.38651415752748536</v>
      </c>
      <c r="J411" s="59">
        <f>Bühler!J437</f>
        <v>1.288380525091618</v>
      </c>
      <c r="K411" s="59">
        <f>Bühler!K437</f>
        <v>1.9325707876374267</v>
      </c>
      <c r="L411" s="59">
        <f>Bühler!L437</f>
        <v>9.276339780659649</v>
      </c>
      <c r="M411" s="58">
        <f>Bühler!M437</f>
        <v>0</v>
      </c>
      <c r="N411" s="56">
        <f>IF(Input!$D$19=1,J411*Input!$C$19,0)+IF(Input!$D$20=1,K411*Input!$C$20,0)+IF(Input!$D$21=1,L411*Input!$C$21,0)+IF(Input!$D$22=1,M411*Input!$C$22,0)</f>
        <v>0.38651415752748541</v>
      </c>
      <c r="O411" s="59">
        <f>IF(Input!$D$19=2,J411*Input!$C$19,0)+IF(Input!$D$20=2,K411*Input!$C$20,0)+IF(Input!$D$21=2,L411*Input!$C$21,0)+IF(Input!$D$22=2,M411*Input!$C$22,0)</f>
        <v>0.96628539381871337</v>
      </c>
      <c r="P411" s="59">
        <f>IF(Input!$D$19=3,J411*Input!$C$19,0)+IF(Input!$D$20=3,K411*Input!$C$20,0)+IF(Input!$D$21=3,L411*Input!$C$21,0)+IF(Input!$D$22=3,M411*Input!$C$22,0)</f>
        <v>0</v>
      </c>
      <c r="Q411" s="75">
        <f>IF(Input!$D$19=4,J411*Input!$C$19,0)+IF(Input!$D$20=4,K411*Input!$C$20,0)+IF(Input!$D$21=4,L411*Input!$C$21,0)+IF(Input!$D$22=4,M411*Input!$C$22,0)</f>
        <v>0</v>
      </c>
      <c r="R411" s="58">
        <v>63.655984335774697</v>
      </c>
      <c r="S411" s="124">
        <f t="shared" si="6"/>
        <v>1.6748946826191033</v>
      </c>
    </row>
    <row r="412" spans="8:19" x14ac:dyDescent="0.3">
      <c r="H412" s="44">
        <v>405</v>
      </c>
      <c r="I412" s="56">
        <f>Bühler!I438</f>
        <v>0.30921132602198825</v>
      </c>
      <c r="J412" s="59">
        <f>Bühler!J438</f>
        <v>1.0307044200732942</v>
      </c>
      <c r="K412" s="59">
        <f>Bühler!K438</f>
        <v>1.5460566301099414</v>
      </c>
      <c r="L412" s="59">
        <f>Bühler!L438</f>
        <v>7.4210718245277185</v>
      </c>
      <c r="M412" s="58">
        <f>Bühler!M438</f>
        <v>0</v>
      </c>
      <c r="N412" s="56">
        <f>IF(Input!$D$19=1,J412*Input!$C$19,0)+IF(Input!$D$20=1,K412*Input!$C$20,0)+IF(Input!$D$21=1,L412*Input!$C$21,0)+IF(Input!$D$22=1,M412*Input!$C$22,0)</f>
        <v>0.30921132602198825</v>
      </c>
      <c r="O412" s="59">
        <f>IF(Input!$D$19=2,J412*Input!$C$19,0)+IF(Input!$D$20=2,K412*Input!$C$20,0)+IF(Input!$D$21=2,L412*Input!$C$21,0)+IF(Input!$D$22=2,M412*Input!$C$22,0)</f>
        <v>0.77302831505497072</v>
      </c>
      <c r="P412" s="59">
        <f>IF(Input!$D$19=3,J412*Input!$C$19,0)+IF(Input!$D$20=3,K412*Input!$C$20,0)+IF(Input!$D$21=3,L412*Input!$C$21,0)+IF(Input!$D$22=3,M412*Input!$C$22,0)</f>
        <v>0</v>
      </c>
      <c r="Q412" s="75">
        <f>IF(Input!$D$19=4,J412*Input!$C$19,0)+IF(Input!$D$20=4,K412*Input!$C$20,0)+IF(Input!$D$21=4,L412*Input!$C$21,0)+IF(Input!$D$22=4,M412*Input!$C$22,0)</f>
        <v>0</v>
      </c>
      <c r="R412" s="58">
        <v>63.22063112343033</v>
      </c>
      <c r="S412" s="124">
        <f t="shared" si="6"/>
        <v>1.3399157460952824</v>
      </c>
    </row>
    <row r="413" spans="8:19" x14ac:dyDescent="0.3">
      <c r="H413" s="44">
        <v>406</v>
      </c>
      <c r="I413" s="56">
        <f>Bühler!I439</f>
        <v>0.23190849451649118</v>
      </c>
      <c r="J413" s="59">
        <f>Bühler!J439</f>
        <v>0.77302831505497061</v>
      </c>
      <c r="K413" s="59">
        <f>Bühler!K439</f>
        <v>1.1595424725824559</v>
      </c>
      <c r="L413" s="59">
        <f>Bühler!L439</f>
        <v>5.565803868395788</v>
      </c>
      <c r="M413" s="58">
        <f>Bühler!M439</f>
        <v>0</v>
      </c>
      <c r="N413" s="56">
        <f>IF(Input!$D$19=1,J413*Input!$C$19,0)+IF(Input!$D$20=1,K413*Input!$C$20,0)+IF(Input!$D$21=1,L413*Input!$C$21,0)+IF(Input!$D$22=1,M413*Input!$C$22,0)</f>
        <v>0.23190849451649118</v>
      </c>
      <c r="O413" s="59">
        <f>IF(Input!$D$19=2,J413*Input!$C$19,0)+IF(Input!$D$20=2,K413*Input!$C$20,0)+IF(Input!$D$21=2,L413*Input!$C$21,0)+IF(Input!$D$22=2,M413*Input!$C$22,0)</f>
        <v>0.57977123629122795</v>
      </c>
      <c r="P413" s="59">
        <f>IF(Input!$D$19=3,J413*Input!$C$19,0)+IF(Input!$D$20=3,K413*Input!$C$20,0)+IF(Input!$D$21=3,L413*Input!$C$21,0)+IF(Input!$D$22=3,M413*Input!$C$22,0)</f>
        <v>0</v>
      </c>
      <c r="Q413" s="75">
        <f>IF(Input!$D$19=4,J413*Input!$C$19,0)+IF(Input!$D$20=4,K413*Input!$C$20,0)+IF(Input!$D$21=4,L413*Input!$C$21,0)+IF(Input!$D$22=4,M413*Input!$C$22,0)</f>
        <v>0</v>
      </c>
      <c r="R413" s="58">
        <v>60.742698044606833</v>
      </c>
      <c r="S413" s="124">
        <f t="shared" si="6"/>
        <v>1.0049368095714617</v>
      </c>
    </row>
    <row r="414" spans="8:19" x14ac:dyDescent="0.3">
      <c r="H414" s="44">
        <v>407</v>
      </c>
      <c r="I414" s="56">
        <f>Bühler!I440</f>
        <v>0.23190849451649118</v>
      </c>
      <c r="J414" s="59">
        <f>Bühler!J440</f>
        <v>0.77302831505497061</v>
      </c>
      <c r="K414" s="59">
        <f>Bühler!K440</f>
        <v>1.1595424725824559</v>
      </c>
      <c r="L414" s="59">
        <f>Bühler!L440</f>
        <v>5.565803868395788</v>
      </c>
      <c r="M414" s="58">
        <f>Bühler!M440</f>
        <v>0</v>
      </c>
      <c r="N414" s="56">
        <f>IF(Input!$D$19=1,J414*Input!$C$19,0)+IF(Input!$D$20=1,K414*Input!$C$20,0)+IF(Input!$D$21=1,L414*Input!$C$21,0)+IF(Input!$D$22=1,M414*Input!$C$22,0)</f>
        <v>0.23190849451649118</v>
      </c>
      <c r="O414" s="59">
        <f>IF(Input!$D$19=2,J414*Input!$C$19,0)+IF(Input!$D$20=2,K414*Input!$C$20,0)+IF(Input!$D$21=2,L414*Input!$C$21,0)+IF(Input!$D$22=2,M414*Input!$C$22,0)</f>
        <v>0.57977123629122795</v>
      </c>
      <c r="P414" s="59">
        <f>IF(Input!$D$19=3,J414*Input!$C$19,0)+IF(Input!$D$20=3,K414*Input!$C$20,0)+IF(Input!$D$21=3,L414*Input!$C$21,0)+IF(Input!$D$22=3,M414*Input!$C$22,0)</f>
        <v>0</v>
      </c>
      <c r="Q414" s="75">
        <f>IF(Input!$D$19=4,J414*Input!$C$19,0)+IF(Input!$D$20=4,K414*Input!$C$20,0)+IF(Input!$D$21=4,L414*Input!$C$21,0)+IF(Input!$D$22=4,M414*Input!$C$22,0)</f>
        <v>0</v>
      </c>
      <c r="R414" s="58">
        <v>60.268310113456479</v>
      </c>
      <c r="S414" s="124">
        <f t="shared" si="6"/>
        <v>1.0049368095714617</v>
      </c>
    </row>
    <row r="415" spans="8:19" x14ac:dyDescent="0.3">
      <c r="H415" s="44">
        <v>408</v>
      </c>
      <c r="I415" s="56">
        <f>Bühler!I441</f>
        <v>0.23190849451649118</v>
      </c>
      <c r="J415" s="59">
        <f>Bühler!J441</f>
        <v>0.77302831505497061</v>
      </c>
      <c r="K415" s="59">
        <f>Bühler!K441</f>
        <v>1.1595424725824559</v>
      </c>
      <c r="L415" s="59">
        <f>Bühler!L441</f>
        <v>5.565803868395788</v>
      </c>
      <c r="M415" s="58">
        <f>Bühler!M441</f>
        <v>0</v>
      </c>
      <c r="N415" s="56">
        <f>IF(Input!$D$19=1,J415*Input!$C$19,0)+IF(Input!$D$20=1,K415*Input!$C$20,0)+IF(Input!$D$21=1,L415*Input!$C$21,0)+IF(Input!$D$22=1,M415*Input!$C$22,0)</f>
        <v>0.23190849451649118</v>
      </c>
      <c r="O415" s="59">
        <f>IF(Input!$D$19=2,J415*Input!$C$19,0)+IF(Input!$D$20=2,K415*Input!$C$20,0)+IF(Input!$D$21=2,L415*Input!$C$21,0)+IF(Input!$D$22=2,M415*Input!$C$22,0)</f>
        <v>0.57977123629122795</v>
      </c>
      <c r="P415" s="59">
        <f>IF(Input!$D$19=3,J415*Input!$C$19,0)+IF(Input!$D$20=3,K415*Input!$C$20,0)+IF(Input!$D$21=3,L415*Input!$C$21,0)+IF(Input!$D$22=3,M415*Input!$C$22,0)</f>
        <v>0</v>
      </c>
      <c r="Q415" s="75">
        <f>IF(Input!$D$19=4,J415*Input!$C$19,0)+IF(Input!$D$20=4,K415*Input!$C$20,0)+IF(Input!$D$21=4,L415*Input!$C$21,0)+IF(Input!$D$22=4,M415*Input!$C$22,0)</f>
        <v>0</v>
      </c>
      <c r="R415" s="58">
        <v>59.261815678498287</v>
      </c>
      <c r="S415" s="124">
        <f t="shared" si="6"/>
        <v>1.0049368095714617</v>
      </c>
    </row>
    <row r="416" spans="8:19" x14ac:dyDescent="0.3">
      <c r="H416" s="44">
        <v>409</v>
      </c>
      <c r="I416" s="56">
        <f>Bühler!I442</f>
        <v>0.23523432171459926</v>
      </c>
      <c r="J416" s="59">
        <f>Bühler!J442</f>
        <v>0.78411440571533098</v>
      </c>
      <c r="K416" s="59">
        <f>Bühler!K442</f>
        <v>1.1761716085729963</v>
      </c>
      <c r="L416" s="59">
        <f>Bühler!L442</f>
        <v>5.6456237211503826</v>
      </c>
      <c r="M416" s="58">
        <f>Bühler!M442</f>
        <v>0</v>
      </c>
      <c r="N416" s="56">
        <f>IF(Input!$D$19=1,J416*Input!$C$19,0)+IF(Input!$D$20=1,K416*Input!$C$20,0)+IF(Input!$D$21=1,L416*Input!$C$21,0)+IF(Input!$D$22=1,M416*Input!$C$22,0)</f>
        <v>0.23523432171459929</v>
      </c>
      <c r="O416" s="59">
        <f>IF(Input!$D$19=2,J416*Input!$C$19,0)+IF(Input!$D$20=2,K416*Input!$C$20,0)+IF(Input!$D$21=2,L416*Input!$C$21,0)+IF(Input!$D$22=2,M416*Input!$C$22,0)</f>
        <v>0.58808580428649815</v>
      </c>
      <c r="P416" s="59">
        <f>IF(Input!$D$19=3,J416*Input!$C$19,0)+IF(Input!$D$20=3,K416*Input!$C$20,0)+IF(Input!$D$21=3,L416*Input!$C$21,0)+IF(Input!$D$22=3,M416*Input!$C$22,0)</f>
        <v>0</v>
      </c>
      <c r="Q416" s="75">
        <f>IF(Input!$D$19=4,J416*Input!$C$19,0)+IF(Input!$D$20=4,K416*Input!$C$20,0)+IF(Input!$D$21=4,L416*Input!$C$21,0)+IF(Input!$D$22=4,M416*Input!$C$22,0)</f>
        <v>0</v>
      </c>
      <c r="R416" s="58">
        <v>59.577361431298712</v>
      </c>
      <c r="S416" s="124">
        <f t="shared" si="6"/>
        <v>1.0193487274299302</v>
      </c>
    </row>
    <row r="417" spans="8:19" x14ac:dyDescent="0.3">
      <c r="H417" s="44">
        <v>410</v>
      </c>
      <c r="I417" s="56">
        <f>Bühler!I443</f>
        <v>0.23523432171459926</v>
      </c>
      <c r="J417" s="59">
        <f>Bühler!J443</f>
        <v>0.78411440571533098</v>
      </c>
      <c r="K417" s="59">
        <f>Bühler!K443</f>
        <v>1.1761716085729963</v>
      </c>
      <c r="L417" s="59">
        <f>Bühler!L443</f>
        <v>5.6456237211503826</v>
      </c>
      <c r="M417" s="58">
        <f>Bühler!M443</f>
        <v>0</v>
      </c>
      <c r="N417" s="56">
        <f>IF(Input!$D$19=1,J417*Input!$C$19,0)+IF(Input!$D$20=1,K417*Input!$C$20,0)+IF(Input!$D$21=1,L417*Input!$C$21,0)+IF(Input!$D$22=1,M417*Input!$C$22,0)</f>
        <v>0.23523432171459929</v>
      </c>
      <c r="O417" s="59">
        <f>IF(Input!$D$19=2,J417*Input!$C$19,0)+IF(Input!$D$20=2,K417*Input!$C$20,0)+IF(Input!$D$21=2,L417*Input!$C$21,0)+IF(Input!$D$22=2,M417*Input!$C$22,0)</f>
        <v>0.58808580428649815</v>
      </c>
      <c r="P417" s="59">
        <f>IF(Input!$D$19=3,J417*Input!$C$19,0)+IF(Input!$D$20=3,K417*Input!$C$20,0)+IF(Input!$D$21=3,L417*Input!$C$21,0)+IF(Input!$D$22=3,M417*Input!$C$22,0)</f>
        <v>0</v>
      </c>
      <c r="Q417" s="75">
        <f>IF(Input!$D$19=4,J417*Input!$C$19,0)+IF(Input!$D$20=4,K417*Input!$C$20,0)+IF(Input!$D$21=4,L417*Input!$C$21,0)+IF(Input!$D$22=4,M417*Input!$C$22,0)</f>
        <v>0</v>
      </c>
      <c r="R417" s="58">
        <v>59.244731678299388</v>
      </c>
      <c r="S417" s="124">
        <f t="shared" si="6"/>
        <v>1.0193487274299302</v>
      </c>
    </row>
    <row r="418" spans="8:19" x14ac:dyDescent="0.3">
      <c r="H418" s="44">
        <v>411</v>
      </c>
      <c r="I418" s="56">
        <f>Bühler!I444</f>
        <v>0.23523432171459926</v>
      </c>
      <c r="J418" s="59">
        <f>Bühler!J444</f>
        <v>0.78411440571533098</v>
      </c>
      <c r="K418" s="59">
        <f>Bühler!K444</f>
        <v>1.1761716085729963</v>
      </c>
      <c r="L418" s="59">
        <f>Bühler!L444</f>
        <v>5.6456237211503826</v>
      </c>
      <c r="M418" s="58">
        <f>Bühler!M444</f>
        <v>0</v>
      </c>
      <c r="N418" s="56">
        <f>IF(Input!$D$19=1,J418*Input!$C$19,0)+IF(Input!$D$20=1,K418*Input!$C$20,0)+IF(Input!$D$21=1,L418*Input!$C$21,0)+IF(Input!$D$22=1,M418*Input!$C$22,0)</f>
        <v>0.23523432171459929</v>
      </c>
      <c r="O418" s="59">
        <f>IF(Input!$D$19=2,J418*Input!$C$19,0)+IF(Input!$D$20=2,K418*Input!$C$20,0)+IF(Input!$D$21=2,L418*Input!$C$21,0)+IF(Input!$D$22=2,M418*Input!$C$22,0)</f>
        <v>0.58808580428649815</v>
      </c>
      <c r="P418" s="59">
        <f>IF(Input!$D$19=3,J418*Input!$C$19,0)+IF(Input!$D$20=3,K418*Input!$C$20,0)+IF(Input!$D$21=3,L418*Input!$C$21,0)+IF(Input!$D$22=3,M418*Input!$C$22,0)</f>
        <v>0</v>
      </c>
      <c r="Q418" s="75">
        <f>IF(Input!$D$19=4,J418*Input!$C$19,0)+IF(Input!$D$20=4,K418*Input!$C$20,0)+IF(Input!$D$21=4,L418*Input!$C$21,0)+IF(Input!$D$22=4,M418*Input!$C$22,0)</f>
        <v>0</v>
      </c>
      <c r="R418" s="58">
        <v>59.674836822262918</v>
      </c>
      <c r="S418" s="124">
        <f t="shared" si="6"/>
        <v>1.0193487274299302</v>
      </c>
    </row>
    <row r="419" spans="8:19" x14ac:dyDescent="0.3">
      <c r="H419" s="44">
        <v>412</v>
      </c>
      <c r="I419" s="56">
        <f>Bühler!I445</f>
        <v>0.23523432171459926</v>
      </c>
      <c r="J419" s="59">
        <f>Bühler!J445</f>
        <v>0.78411440571533098</v>
      </c>
      <c r="K419" s="59">
        <f>Bühler!K445</f>
        <v>1.1761716085729963</v>
      </c>
      <c r="L419" s="59">
        <f>Bühler!L445</f>
        <v>5.6456237211503826</v>
      </c>
      <c r="M419" s="58">
        <f>Bühler!M445</f>
        <v>0</v>
      </c>
      <c r="N419" s="56">
        <f>IF(Input!$D$19=1,J419*Input!$C$19,0)+IF(Input!$D$20=1,K419*Input!$C$20,0)+IF(Input!$D$21=1,L419*Input!$C$21,0)+IF(Input!$D$22=1,M419*Input!$C$22,0)</f>
        <v>0.23523432171459929</v>
      </c>
      <c r="O419" s="59">
        <f>IF(Input!$D$19=2,J419*Input!$C$19,0)+IF(Input!$D$20=2,K419*Input!$C$20,0)+IF(Input!$D$21=2,L419*Input!$C$21,0)+IF(Input!$D$22=2,M419*Input!$C$22,0)</f>
        <v>0.58808580428649815</v>
      </c>
      <c r="P419" s="59">
        <f>IF(Input!$D$19=3,J419*Input!$C$19,0)+IF(Input!$D$20=3,K419*Input!$C$20,0)+IF(Input!$D$21=3,L419*Input!$C$21,0)+IF(Input!$D$22=3,M419*Input!$C$22,0)</f>
        <v>0</v>
      </c>
      <c r="Q419" s="75">
        <f>IF(Input!$D$19=4,J419*Input!$C$19,0)+IF(Input!$D$20=4,K419*Input!$C$20,0)+IF(Input!$D$21=4,L419*Input!$C$21,0)+IF(Input!$D$22=4,M419*Input!$C$22,0)</f>
        <v>0</v>
      </c>
      <c r="R419" s="58">
        <v>59.857167632677452</v>
      </c>
      <c r="S419" s="124">
        <f t="shared" si="6"/>
        <v>1.0193487274299302</v>
      </c>
    </row>
    <row r="420" spans="8:19" x14ac:dyDescent="0.3">
      <c r="H420" s="44">
        <v>413</v>
      </c>
      <c r="I420" s="56">
        <f>Bühler!I446</f>
        <v>0.23523432171459926</v>
      </c>
      <c r="J420" s="59">
        <f>Bühler!J446</f>
        <v>0.78411440571533098</v>
      </c>
      <c r="K420" s="59">
        <f>Bühler!K446</f>
        <v>1.1761716085729963</v>
      </c>
      <c r="L420" s="59">
        <f>Bühler!L446</f>
        <v>5.6456237211503826</v>
      </c>
      <c r="M420" s="58">
        <f>Bühler!M446</f>
        <v>0</v>
      </c>
      <c r="N420" s="56">
        <f>IF(Input!$D$19=1,J420*Input!$C$19,0)+IF(Input!$D$20=1,K420*Input!$C$20,0)+IF(Input!$D$21=1,L420*Input!$C$21,0)+IF(Input!$D$22=1,M420*Input!$C$22,0)</f>
        <v>0.23523432171459929</v>
      </c>
      <c r="O420" s="59">
        <f>IF(Input!$D$19=2,J420*Input!$C$19,0)+IF(Input!$D$20=2,K420*Input!$C$20,0)+IF(Input!$D$21=2,L420*Input!$C$21,0)+IF(Input!$D$22=2,M420*Input!$C$22,0)</f>
        <v>0.58808580428649815</v>
      </c>
      <c r="P420" s="59">
        <f>IF(Input!$D$19=3,J420*Input!$C$19,0)+IF(Input!$D$20=3,K420*Input!$C$20,0)+IF(Input!$D$21=3,L420*Input!$C$21,0)+IF(Input!$D$22=3,M420*Input!$C$22,0)</f>
        <v>0</v>
      </c>
      <c r="Q420" s="75">
        <f>IF(Input!$D$19=4,J420*Input!$C$19,0)+IF(Input!$D$20=4,K420*Input!$C$20,0)+IF(Input!$D$21=4,L420*Input!$C$21,0)+IF(Input!$D$22=4,M420*Input!$C$22,0)</f>
        <v>0</v>
      </c>
      <c r="R420" s="58">
        <v>60.931223168738832</v>
      </c>
      <c r="S420" s="124">
        <f t="shared" si="6"/>
        <v>1.0193487274299302</v>
      </c>
    </row>
    <row r="421" spans="8:19" x14ac:dyDescent="0.3">
      <c r="H421" s="44">
        <v>414</v>
      </c>
      <c r="I421" s="56">
        <f>Bühler!I447</f>
        <v>0.30319090354326128</v>
      </c>
      <c r="J421" s="59">
        <f>Bühler!J447</f>
        <v>1.0106363451442044</v>
      </c>
      <c r="K421" s="59">
        <f>Bühler!K447</f>
        <v>1.5159545177163063</v>
      </c>
      <c r="L421" s="59">
        <f>Bühler!L447</f>
        <v>7.2765816850382707</v>
      </c>
      <c r="M421" s="58">
        <f>Bühler!M447</f>
        <v>0</v>
      </c>
      <c r="N421" s="56">
        <f>IF(Input!$D$19=1,J421*Input!$C$19,0)+IF(Input!$D$20=1,K421*Input!$C$20,0)+IF(Input!$D$21=1,L421*Input!$C$21,0)+IF(Input!$D$22=1,M421*Input!$C$22,0)</f>
        <v>0.30319090354326134</v>
      </c>
      <c r="O421" s="59">
        <f>IF(Input!$D$19=2,J421*Input!$C$19,0)+IF(Input!$D$20=2,K421*Input!$C$20,0)+IF(Input!$D$21=2,L421*Input!$C$21,0)+IF(Input!$D$22=2,M421*Input!$C$22,0)</f>
        <v>0.75797725885815315</v>
      </c>
      <c r="P421" s="59">
        <f>IF(Input!$D$19=3,J421*Input!$C$19,0)+IF(Input!$D$20=3,K421*Input!$C$20,0)+IF(Input!$D$21=3,L421*Input!$C$21,0)+IF(Input!$D$22=3,M421*Input!$C$22,0)</f>
        <v>0</v>
      </c>
      <c r="Q421" s="75">
        <f>IF(Input!$D$19=4,J421*Input!$C$19,0)+IF(Input!$D$20=4,K421*Input!$C$20,0)+IF(Input!$D$21=4,L421*Input!$C$21,0)+IF(Input!$D$22=4,M421*Input!$C$22,0)</f>
        <v>0</v>
      </c>
      <c r="R421" s="58">
        <v>63.802177553501046</v>
      </c>
      <c r="S421" s="124">
        <f t="shared" si="6"/>
        <v>1.3138272486874656</v>
      </c>
    </row>
    <row r="422" spans="8:19" x14ac:dyDescent="0.3">
      <c r="H422" s="44">
        <v>415</v>
      </c>
      <c r="I422" s="56">
        <f>Bühler!I448</f>
        <v>0.35023776788618122</v>
      </c>
      <c r="J422" s="59">
        <f>Bühler!J448</f>
        <v>1.1674592262872707</v>
      </c>
      <c r="K422" s="59">
        <f>Bühler!K448</f>
        <v>1.7511888394309061</v>
      </c>
      <c r="L422" s="59">
        <f>Bühler!L448</f>
        <v>8.4057064292683492</v>
      </c>
      <c r="M422" s="58">
        <f>Bühler!M448</f>
        <v>0</v>
      </c>
      <c r="N422" s="56">
        <f>IF(Input!$D$19=1,J422*Input!$C$19,0)+IF(Input!$D$20=1,K422*Input!$C$20,0)+IF(Input!$D$21=1,L422*Input!$C$21,0)+IF(Input!$D$22=1,M422*Input!$C$22,0)</f>
        <v>0.35023776788618122</v>
      </c>
      <c r="O422" s="59">
        <f>IF(Input!$D$19=2,J422*Input!$C$19,0)+IF(Input!$D$20=2,K422*Input!$C$20,0)+IF(Input!$D$21=2,L422*Input!$C$21,0)+IF(Input!$D$22=2,M422*Input!$C$22,0)</f>
        <v>0.87559441971545304</v>
      </c>
      <c r="P422" s="59">
        <f>IF(Input!$D$19=3,J422*Input!$C$19,0)+IF(Input!$D$20=3,K422*Input!$C$20,0)+IF(Input!$D$21=3,L422*Input!$C$21,0)+IF(Input!$D$22=3,M422*Input!$C$22,0)</f>
        <v>0</v>
      </c>
      <c r="Q422" s="75">
        <f>IF(Input!$D$19=4,J422*Input!$C$19,0)+IF(Input!$D$20=4,K422*Input!$C$20,0)+IF(Input!$D$21=4,L422*Input!$C$21,0)+IF(Input!$D$22=4,M422*Input!$C$22,0)</f>
        <v>0</v>
      </c>
      <c r="R422" s="58">
        <v>67.447244080089462</v>
      </c>
      <c r="S422" s="124">
        <f t="shared" si="6"/>
        <v>1.5176969941734519</v>
      </c>
    </row>
    <row r="423" spans="8:19" x14ac:dyDescent="0.3">
      <c r="H423" s="44">
        <v>416</v>
      </c>
      <c r="I423" s="56">
        <f>Bühler!I449</f>
        <v>0.35023776788618122</v>
      </c>
      <c r="J423" s="59">
        <f>Bühler!J449</f>
        <v>1.1674592262872707</v>
      </c>
      <c r="K423" s="59">
        <f>Bühler!K449</f>
        <v>1.7511888394309061</v>
      </c>
      <c r="L423" s="59">
        <f>Bühler!L449</f>
        <v>8.4057064292683492</v>
      </c>
      <c r="M423" s="58">
        <f>Bühler!M449</f>
        <v>0</v>
      </c>
      <c r="N423" s="56">
        <f>IF(Input!$D$19=1,J423*Input!$C$19,0)+IF(Input!$D$20=1,K423*Input!$C$20,0)+IF(Input!$D$21=1,L423*Input!$C$21,0)+IF(Input!$D$22=1,M423*Input!$C$22,0)</f>
        <v>0.35023776788618122</v>
      </c>
      <c r="O423" s="59">
        <f>IF(Input!$D$19=2,J423*Input!$C$19,0)+IF(Input!$D$20=2,K423*Input!$C$20,0)+IF(Input!$D$21=2,L423*Input!$C$21,0)+IF(Input!$D$22=2,M423*Input!$C$22,0)</f>
        <v>0.87559441971545304</v>
      </c>
      <c r="P423" s="59">
        <f>IF(Input!$D$19=3,J423*Input!$C$19,0)+IF(Input!$D$20=3,K423*Input!$C$20,0)+IF(Input!$D$21=3,L423*Input!$C$21,0)+IF(Input!$D$22=3,M423*Input!$C$22,0)</f>
        <v>0</v>
      </c>
      <c r="Q423" s="75">
        <f>IF(Input!$D$19=4,J423*Input!$C$19,0)+IF(Input!$D$20=4,K423*Input!$C$20,0)+IF(Input!$D$21=4,L423*Input!$C$21,0)+IF(Input!$D$22=4,M423*Input!$C$22,0)</f>
        <v>0</v>
      </c>
      <c r="R423" s="58">
        <v>69.775594569002692</v>
      </c>
      <c r="S423" s="124">
        <f t="shared" si="6"/>
        <v>1.5176969941734519</v>
      </c>
    </row>
    <row r="424" spans="8:19" x14ac:dyDescent="0.3">
      <c r="H424" s="44">
        <v>417</v>
      </c>
      <c r="I424" s="56">
        <f>Bühler!I450</f>
        <v>0.35023776788618122</v>
      </c>
      <c r="J424" s="59">
        <f>Bühler!J450</f>
        <v>1.1674592262872707</v>
      </c>
      <c r="K424" s="59">
        <f>Bühler!K450</f>
        <v>1.7511888394309061</v>
      </c>
      <c r="L424" s="59">
        <f>Bühler!L450</f>
        <v>8.4057064292683492</v>
      </c>
      <c r="M424" s="58">
        <f>Bühler!M450</f>
        <v>0</v>
      </c>
      <c r="N424" s="56">
        <f>IF(Input!$D$19=1,J424*Input!$C$19,0)+IF(Input!$D$20=1,K424*Input!$C$20,0)+IF(Input!$D$21=1,L424*Input!$C$21,0)+IF(Input!$D$22=1,M424*Input!$C$22,0)</f>
        <v>0.35023776788618122</v>
      </c>
      <c r="O424" s="59">
        <f>IF(Input!$D$19=2,J424*Input!$C$19,0)+IF(Input!$D$20=2,K424*Input!$C$20,0)+IF(Input!$D$21=2,L424*Input!$C$21,0)+IF(Input!$D$22=2,M424*Input!$C$22,0)</f>
        <v>0.87559441971545304</v>
      </c>
      <c r="P424" s="59">
        <f>IF(Input!$D$19=3,J424*Input!$C$19,0)+IF(Input!$D$20=3,K424*Input!$C$20,0)+IF(Input!$D$21=3,L424*Input!$C$21,0)+IF(Input!$D$22=3,M424*Input!$C$22,0)</f>
        <v>0</v>
      </c>
      <c r="Q424" s="75">
        <f>IF(Input!$D$19=4,J424*Input!$C$19,0)+IF(Input!$D$20=4,K424*Input!$C$20,0)+IF(Input!$D$21=4,L424*Input!$C$21,0)+IF(Input!$D$22=4,M424*Input!$C$22,0)</f>
        <v>0</v>
      </c>
      <c r="R424" s="58">
        <v>70.516018187951602</v>
      </c>
      <c r="S424" s="124">
        <f t="shared" si="6"/>
        <v>1.5176969941734519</v>
      </c>
    </row>
    <row r="425" spans="8:19" x14ac:dyDescent="0.3">
      <c r="H425" s="44">
        <v>418</v>
      </c>
      <c r="I425" s="56">
        <f>Bühler!I451</f>
        <v>0.37637491474335893</v>
      </c>
      <c r="J425" s="59">
        <f>Bühler!J451</f>
        <v>1.2545830491445298</v>
      </c>
      <c r="K425" s="59">
        <f>Bühler!K451</f>
        <v>1.8818745737167946</v>
      </c>
      <c r="L425" s="59">
        <f>Bühler!L451</f>
        <v>9.0329979538406135</v>
      </c>
      <c r="M425" s="58">
        <f>Bühler!M451</f>
        <v>0</v>
      </c>
      <c r="N425" s="56">
        <f>IF(Input!$D$19=1,J425*Input!$C$19,0)+IF(Input!$D$20=1,K425*Input!$C$20,0)+IF(Input!$D$21=1,L425*Input!$C$21,0)+IF(Input!$D$22=1,M425*Input!$C$22,0)</f>
        <v>0.37637491474335893</v>
      </c>
      <c r="O425" s="59">
        <f>IF(Input!$D$19=2,J425*Input!$C$19,0)+IF(Input!$D$20=2,K425*Input!$C$20,0)+IF(Input!$D$21=2,L425*Input!$C$21,0)+IF(Input!$D$22=2,M425*Input!$C$22,0)</f>
        <v>0.94093728685839728</v>
      </c>
      <c r="P425" s="59">
        <f>IF(Input!$D$19=3,J425*Input!$C$19,0)+IF(Input!$D$20=3,K425*Input!$C$20,0)+IF(Input!$D$21=3,L425*Input!$C$21,0)+IF(Input!$D$22=3,M425*Input!$C$22,0)</f>
        <v>0</v>
      </c>
      <c r="Q425" s="75">
        <f>IF(Input!$D$19=4,J425*Input!$C$19,0)+IF(Input!$D$20=4,K425*Input!$C$20,0)+IF(Input!$D$21=4,L425*Input!$C$21,0)+IF(Input!$D$22=4,M425*Input!$C$22,0)</f>
        <v>0</v>
      </c>
      <c r="R425" s="58">
        <v>69.111647771483661</v>
      </c>
      <c r="S425" s="124">
        <f t="shared" si="6"/>
        <v>1.6309579638878886</v>
      </c>
    </row>
    <row r="426" spans="8:19" x14ac:dyDescent="0.3">
      <c r="H426" s="44">
        <v>419</v>
      </c>
      <c r="I426" s="56">
        <f>Bühler!I452</f>
        <v>0.4077394909719721</v>
      </c>
      <c r="J426" s="59">
        <f>Bühler!J452</f>
        <v>1.3591316365732404</v>
      </c>
      <c r="K426" s="59">
        <f>Bühler!K452</f>
        <v>2.0386974548598604</v>
      </c>
      <c r="L426" s="59">
        <f>Bühler!L452</f>
        <v>9.7857477833273308</v>
      </c>
      <c r="M426" s="58">
        <f>Bühler!M452</f>
        <v>0</v>
      </c>
      <c r="N426" s="56">
        <f>IF(Input!$D$19=1,J426*Input!$C$19,0)+IF(Input!$D$20=1,K426*Input!$C$20,0)+IF(Input!$D$21=1,L426*Input!$C$21,0)+IF(Input!$D$22=1,M426*Input!$C$22,0)</f>
        <v>0.4077394909719721</v>
      </c>
      <c r="O426" s="59">
        <f>IF(Input!$D$19=2,J426*Input!$C$19,0)+IF(Input!$D$20=2,K426*Input!$C$20,0)+IF(Input!$D$21=2,L426*Input!$C$21,0)+IF(Input!$D$22=2,M426*Input!$C$22,0)</f>
        <v>1.0193487274299302</v>
      </c>
      <c r="P426" s="59">
        <f>IF(Input!$D$19=3,J426*Input!$C$19,0)+IF(Input!$D$20=3,K426*Input!$C$20,0)+IF(Input!$D$21=3,L426*Input!$C$21,0)+IF(Input!$D$22=3,M426*Input!$C$22,0)</f>
        <v>0</v>
      </c>
      <c r="Q426" s="75">
        <f>IF(Input!$D$19=4,J426*Input!$C$19,0)+IF(Input!$D$20=4,K426*Input!$C$20,0)+IF(Input!$D$21=4,L426*Input!$C$21,0)+IF(Input!$D$22=4,M426*Input!$C$22,0)</f>
        <v>0</v>
      </c>
      <c r="R426" s="58">
        <v>70.216435451191956</v>
      </c>
      <c r="S426" s="124">
        <f t="shared" si="6"/>
        <v>1.7668711275452125</v>
      </c>
    </row>
    <row r="427" spans="8:19" x14ac:dyDescent="0.3">
      <c r="H427" s="44">
        <v>420</v>
      </c>
      <c r="I427" s="56">
        <f>Bühler!I453</f>
        <v>0.47046864342919853</v>
      </c>
      <c r="J427" s="59">
        <f>Bühler!J453</f>
        <v>1.568228811430662</v>
      </c>
      <c r="K427" s="59">
        <f>Bühler!K453</f>
        <v>2.3523432171459926</v>
      </c>
      <c r="L427" s="59">
        <f>Bühler!L453</f>
        <v>11.291247442300765</v>
      </c>
      <c r="M427" s="58">
        <f>Bühler!M453</f>
        <v>0</v>
      </c>
      <c r="N427" s="56">
        <f>IF(Input!$D$19=1,J427*Input!$C$19,0)+IF(Input!$D$20=1,K427*Input!$C$20,0)+IF(Input!$D$21=1,L427*Input!$C$21,0)+IF(Input!$D$22=1,M427*Input!$C$22,0)</f>
        <v>0.47046864342919859</v>
      </c>
      <c r="O427" s="59">
        <f>IF(Input!$D$19=2,J427*Input!$C$19,0)+IF(Input!$D$20=2,K427*Input!$C$20,0)+IF(Input!$D$21=2,L427*Input!$C$21,0)+IF(Input!$D$22=2,M427*Input!$C$22,0)</f>
        <v>1.1761716085729963</v>
      </c>
      <c r="P427" s="59">
        <f>IF(Input!$D$19=3,J427*Input!$C$19,0)+IF(Input!$D$20=3,K427*Input!$C$20,0)+IF(Input!$D$21=3,L427*Input!$C$21,0)+IF(Input!$D$22=3,M427*Input!$C$22,0)</f>
        <v>0</v>
      </c>
      <c r="Q427" s="75">
        <f>IF(Input!$D$19=4,J427*Input!$C$19,0)+IF(Input!$D$20=4,K427*Input!$C$20,0)+IF(Input!$D$21=4,L427*Input!$C$21,0)+IF(Input!$D$22=4,M427*Input!$C$22,0)</f>
        <v>0</v>
      </c>
      <c r="R427" s="58">
        <v>70.545615107864208</v>
      </c>
      <c r="S427" s="124">
        <f t="shared" si="6"/>
        <v>2.0386974548598604</v>
      </c>
    </row>
    <row r="428" spans="8:19" x14ac:dyDescent="0.3">
      <c r="H428" s="44">
        <v>421</v>
      </c>
      <c r="I428" s="56">
        <f>Bühler!I454</f>
        <v>0.47046864342919853</v>
      </c>
      <c r="J428" s="59">
        <f>Bühler!J454</f>
        <v>1.568228811430662</v>
      </c>
      <c r="K428" s="59">
        <f>Bühler!K454</f>
        <v>2.3523432171459926</v>
      </c>
      <c r="L428" s="59">
        <f>Bühler!L454</f>
        <v>11.291247442300765</v>
      </c>
      <c r="M428" s="58">
        <f>Bühler!M454</f>
        <v>0</v>
      </c>
      <c r="N428" s="56">
        <f>IF(Input!$D$19=1,J428*Input!$C$19,0)+IF(Input!$D$20=1,K428*Input!$C$20,0)+IF(Input!$D$21=1,L428*Input!$C$21,0)+IF(Input!$D$22=1,M428*Input!$C$22,0)</f>
        <v>0.47046864342919859</v>
      </c>
      <c r="O428" s="59">
        <f>IF(Input!$D$19=2,J428*Input!$C$19,0)+IF(Input!$D$20=2,K428*Input!$C$20,0)+IF(Input!$D$21=2,L428*Input!$C$21,0)+IF(Input!$D$22=2,M428*Input!$C$22,0)</f>
        <v>1.1761716085729963</v>
      </c>
      <c r="P428" s="59">
        <f>IF(Input!$D$19=3,J428*Input!$C$19,0)+IF(Input!$D$20=3,K428*Input!$C$20,0)+IF(Input!$D$21=3,L428*Input!$C$21,0)+IF(Input!$D$22=3,M428*Input!$C$22,0)</f>
        <v>0</v>
      </c>
      <c r="Q428" s="75">
        <f>IF(Input!$D$19=4,J428*Input!$C$19,0)+IF(Input!$D$20=4,K428*Input!$C$20,0)+IF(Input!$D$21=4,L428*Input!$C$21,0)+IF(Input!$D$22=4,M428*Input!$C$22,0)</f>
        <v>0</v>
      </c>
      <c r="R428" s="58">
        <v>69.512663108816611</v>
      </c>
      <c r="S428" s="124">
        <f t="shared" si="6"/>
        <v>2.0386974548598604</v>
      </c>
    </row>
    <row r="429" spans="8:19" x14ac:dyDescent="0.3">
      <c r="H429" s="44">
        <v>422</v>
      </c>
      <c r="I429" s="56">
        <f>Bühler!I455</f>
        <v>0.47046864342919853</v>
      </c>
      <c r="J429" s="59">
        <f>Bühler!J455</f>
        <v>1.568228811430662</v>
      </c>
      <c r="K429" s="59">
        <f>Bühler!K455</f>
        <v>2.3523432171459926</v>
      </c>
      <c r="L429" s="59">
        <f>Bühler!L455</f>
        <v>11.291247442300765</v>
      </c>
      <c r="M429" s="58">
        <f>Bühler!M455</f>
        <v>0</v>
      </c>
      <c r="N429" s="56">
        <f>IF(Input!$D$19=1,J429*Input!$C$19,0)+IF(Input!$D$20=1,K429*Input!$C$20,0)+IF(Input!$D$21=1,L429*Input!$C$21,0)+IF(Input!$D$22=1,M429*Input!$C$22,0)</f>
        <v>0.47046864342919859</v>
      </c>
      <c r="O429" s="59">
        <f>IF(Input!$D$19=2,J429*Input!$C$19,0)+IF(Input!$D$20=2,K429*Input!$C$20,0)+IF(Input!$D$21=2,L429*Input!$C$21,0)+IF(Input!$D$22=2,M429*Input!$C$22,0)</f>
        <v>1.1761716085729963</v>
      </c>
      <c r="P429" s="59">
        <f>IF(Input!$D$19=3,J429*Input!$C$19,0)+IF(Input!$D$20=3,K429*Input!$C$20,0)+IF(Input!$D$21=3,L429*Input!$C$21,0)+IF(Input!$D$22=3,M429*Input!$C$22,0)</f>
        <v>0</v>
      </c>
      <c r="Q429" s="75">
        <f>IF(Input!$D$19=4,J429*Input!$C$19,0)+IF(Input!$D$20=4,K429*Input!$C$20,0)+IF(Input!$D$21=4,L429*Input!$C$21,0)+IF(Input!$D$22=4,M429*Input!$C$22,0)</f>
        <v>0</v>
      </c>
      <c r="R429" s="58">
        <v>68.814410014409688</v>
      </c>
      <c r="S429" s="124">
        <f t="shared" si="6"/>
        <v>2.0386974548598604</v>
      </c>
    </row>
    <row r="430" spans="8:19" x14ac:dyDescent="0.3">
      <c r="H430" s="44">
        <v>423</v>
      </c>
      <c r="I430" s="56">
        <f>Bühler!I456</f>
        <v>0.47046864342919853</v>
      </c>
      <c r="J430" s="59">
        <f>Bühler!J456</f>
        <v>1.568228811430662</v>
      </c>
      <c r="K430" s="59">
        <f>Bühler!K456</f>
        <v>2.3523432171459926</v>
      </c>
      <c r="L430" s="59">
        <f>Bühler!L456</f>
        <v>11.291247442300765</v>
      </c>
      <c r="M430" s="58">
        <f>Bühler!M456</f>
        <v>0</v>
      </c>
      <c r="N430" s="56">
        <f>IF(Input!$D$19=1,J430*Input!$C$19,0)+IF(Input!$D$20=1,K430*Input!$C$20,0)+IF(Input!$D$21=1,L430*Input!$C$21,0)+IF(Input!$D$22=1,M430*Input!$C$22,0)</f>
        <v>0.47046864342919859</v>
      </c>
      <c r="O430" s="59">
        <f>IF(Input!$D$19=2,J430*Input!$C$19,0)+IF(Input!$D$20=2,K430*Input!$C$20,0)+IF(Input!$D$21=2,L430*Input!$C$21,0)+IF(Input!$D$22=2,M430*Input!$C$22,0)</f>
        <v>1.1761716085729963</v>
      </c>
      <c r="P430" s="59">
        <f>IF(Input!$D$19=3,J430*Input!$C$19,0)+IF(Input!$D$20=3,K430*Input!$C$20,0)+IF(Input!$D$21=3,L430*Input!$C$21,0)+IF(Input!$D$22=3,M430*Input!$C$22,0)</f>
        <v>0</v>
      </c>
      <c r="Q430" s="75">
        <f>IF(Input!$D$19=4,J430*Input!$C$19,0)+IF(Input!$D$20=4,K430*Input!$C$20,0)+IF(Input!$D$21=4,L430*Input!$C$21,0)+IF(Input!$D$22=4,M430*Input!$C$22,0)</f>
        <v>0</v>
      </c>
      <c r="R430" s="58">
        <v>68.829092625802843</v>
      </c>
      <c r="S430" s="124">
        <f t="shared" si="6"/>
        <v>2.0386974548598604</v>
      </c>
    </row>
    <row r="431" spans="8:19" x14ac:dyDescent="0.3">
      <c r="H431" s="44">
        <v>424</v>
      </c>
      <c r="I431" s="56">
        <f>Bühler!I457</f>
        <v>0.47046864342919853</v>
      </c>
      <c r="J431" s="59">
        <f>Bühler!J457</f>
        <v>1.568228811430662</v>
      </c>
      <c r="K431" s="59">
        <f>Bühler!K457</f>
        <v>2.3523432171459926</v>
      </c>
      <c r="L431" s="59">
        <f>Bühler!L457</f>
        <v>11.291247442300765</v>
      </c>
      <c r="M431" s="58">
        <f>Bühler!M457</f>
        <v>0</v>
      </c>
      <c r="N431" s="56">
        <f>IF(Input!$D$19=1,J431*Input!$C$19,0)+IF(Input!$D$20=1,K431*Input!$C$20,0)+IF(Input!$D$21=1,L431*Input!$C$21,0)+IF(Input!$D$22=1,M431*Input!$C$22,0)</f>
        <v>0.47046864342919859</v>
      </c>
      <c r="O431" s="59">
        <f>IF(Input!$D$19=2,J431*Input!$C$19,0)+IF(Input!$D$20=2,K431*Input!$C$20,0)+IF(Input!$D$21=2,L431*Input!$C$21,0)+IF(Input!$D$22=2,M431*Input!$C$22,0)</f>
        <v>1.1761716085729963</v>
      </c>
      <c r="P431" s="59">
        <f>IF(Input!$D$19=3,J431*Input!$C$19,0)+IF(Input!$D$20=3,K431*Input!$C$20,0)+IF(Input!$D$21=3,L431*Input!$C$21,0)+IF(Input!$D$22=3,M431*Input!$C$22,0)</f>
        <v>0</v>
      </c>
      <c r="Q431" s="75">
        <f>IF(Input!$D$19=4,J431*Input!$C$19,0)+IF(Input!$D$20=4,K431*Input!$C$20,0)+IF(Input!$D$21=4,L431*Input!$C$21,0)+IF(Input!$D$22=4,M431*Input!$C$22,0)</f>
        <v>0</v>
      </c>
      <c r="R431" s="58">
        <v>68.000430040500873</v>
      </c>
      <c r="S431" s="124">
        <f t="shared" si="6"/>
        <v>2.0386974548598604</v>
      </c>
    </row>
    <row r="432" spans="8:19" x14ac:dyDescent="0.3">
      <c r="H432" s="44">
        <v>425</v>
      </c>
      <c r="I432" s="56">
        <f>Bühler!I458</f>
        <v>0.47046864342919853</v>
      </c>
      <c r="J432" s="59">
        <f>Bühler!J458</f>
        <v>1.568228811430662</v>
      </c>
      <c r="K432" s="59">
        <f>Bühler!K458</f>
        <v>2.3523432171459926</v>
      </c>
      <c r="L432" s="59">
        <f>Bühler!L458</f>
        <v>11.291247442300765</v>
      </c>
      <c r="M432" s="58">
        <f>Bühler!M458</f>
        <v>0</v>
      </c>
      <c r="N432" s="56">
        <f>IF(Input!$D$19=1,J432*Input!$C$19,0)+IF(Input!$D$20=1,K432*Input!$C$20,0)+IF(Input!$D$21=1,L432*Input!$C$21,0)+IF(Input!$D$22=1,M432*Input!$C$22,0)</f>
        <v>0.47046864342919859</v>
      </c>
      <c r="O432" s="59">
        <f>IF(Input!$D$19=2,J432*Input!$C$19,0)+IF(Input!$D$20=2,K432*Input!$C$20,0)+IF(Input!$D$21=2,L432*Input!$C$21,0)+IF(Input!$D$22=2,M432*Input!$C$22,0)</f>
        <v>1.1761716085729963</v>
      </c>
      <c r="P432" s="59">
        <f>IF(Input!$D$19=3,J432*Input!$C$19,0)+IF(Input!$D$20=3,K432*Input!$C$20,0)+IF(Input!$D$21=3,L432*Input!$C$21,0)+IF(Input!$D$22=3,M432*Input!$C$22,0)</f>
        <v>0</v>
      </c>
      <c r="Q432" s="75">
        <f>IF(Input!$D$19=4,J432*Input!$C$19,0)+IF(Input!$D$20=4,K432*Input!$C$20,0)+IF(Input!$D$21=4,L432*Input!$C$21,0)+IF(Input!$D$22=4,M432*Input!$C$22,0)</f>
        <v>0</v>
      </c>
      <c r="R432" s="58">
        <v>67.344387227689637</v>
      </c>
      <c r="S432" s="124">
        <f t="shared" si="6"/>
        <v>2.0386974548598604</v>
      </c>
    </row>
    <row r="433" spans="8:19" x14ac:dyDescent="0.3">
      <c r="H433" s="44">
        <v>426</v>
      </c>
      <c r="I433" s="56">
        <f>Bühler!I459</f>
        <v>0.47046864342919853</v>
      </c>
      <c r="J433" s="59">
        <f>Bühler!J459</f>
        <v>1.568228811430662</v>
      </c>
      <c r="K433" s="59">
        <f>Bühler!K459</f>
        <v>2.3523432171459926</v>
      </c>
      <c r="L433" s="59">
        <f>Bühler!L459</f>
        <v>11.291247442300765</v>
      </c>
      <c r="M433" s="58">
        <f>Bühler!M459</f>
        <v>0</v>
      </c>
      <c r="N433" s="56">
        <f>IF(Input!$D$19=1,J433*Input!$C$19,0)+IF(Input!$D$20=1,K433*Input!$C$20,0)+IF(Input!$D$21=1,L433*Input!$C$21,0)+IF(Input!$D$22=1,M433*Input!$C$22,0)</f>
        <v>0.47046864342919859</v>
      </c>
      <c r="O433" s="59">
        <f>IF(Input!$D$19=2,J433*Input!$C$19,0)+IF(Input!$D$20=2,K433*Input!$C$20,0)+IF(Input!$D$21=2,L433*Input!$C$21,0)+IF(Input!$D$22=2,M433*Input!$C$22,0)</f>
        <v>1.1761716085729963</v>
      </c>
      <c r="P433" s="59">
        <f>IF(Input!$D$19=3,J433*Input!$C$19,0)+IF(Input!$D$20=3,K433*Input!$C$20,0)+IF(Input!$D$21=3,L433*Input!$C$21,0)+IF(Input!$D$22=3,M433*Input!$C$22,0)</f>
        <v>0</v>
      </c>
      <c r="Q433" s="75">
        <f>IF(Input!$D$19=4,J433*Input!$C$19,0)+IF(Input!$D$20=4,K433*Input!$C$20,0)+IF(Input!$D$21=4,L433*Input!$C$21,0)+IF(Input!$D$22=4,M433*Input!$C$22,0)</f>
        <v>0</v>
      </c>
      <c r="R433" s="58">
        <v>66.991541179615112</v>
      </c>
      <c r="S433" s="124">
        <f t="shared" si="6"/>
        <v>2.0386974548598604</v>
      </c>
    </row>
    <row r="434" spans="8:19" x14ac:dyDescent="0.3">
      <c r="H434" s="44">
        <v>427</v>
      </c>
      <c r="I434" s="56">
        <f>Bühler!I460</f>
        <v>0.47046864342919853</v>
      </c>
      <c r="J434" s="59">
        <f>Bühler!J460</f>
        <v>1.568228811430662</v>
      </c>
      <c r="K434" s="59">
        <f>Bühler!K460</f>
        <v>2.3523432171459926</v>
      </c>
      <c r="L434" s="59">
        <f>Bühler!L460</f>
        <v>11.291247442300765</v>
      </c>
      <c r="M434" s="58">
        <f>Bühler!M460</f>
        <v>0</v>
      </c>
      <c r="N434" s="56">
        <f>IF(Input!$D$19=1,J434*Input!$C$19,0)+IF(Input!$D$20=1,K434*Input!$C$20,0)+IF(Input!$D$21=1,L434*Input!$C$21,0)+IF(Input!$D$22=1,M434*Input!$C$22,0)</f>
        <v>0.47046864342919859</v>
      </c>
      <c r="O434" s="59">
        <f>IF(Input!$D$19=2,J434*Input!$C$19,0)+IF(Input!$D$20=2,K434*Input!$C$20,0)+IF(Input!$D$21=2,L434*Input!$C$21,0)+IF(Input!$D$22=2,M434*Input!$C$22,0)</f>
        <v>1.1761716085729963</v>
      </c>
      <c r="P434" s="59">
        <f>IF(Input!$D$19=3,J434*Input!$C$19,0)+IF(Input!$D$20=3,K434*Input!$C$20,0)+IF(Input!$D$21=3,L434*Input!$C$21,0)+IF(Input!$D$22=3,M434*Input!$C$22,0)</f>
        <v>0</v>
      </c>
      <c r="Q434" s="75">
        <f>IF(Input!$D$19=4,J434*Input!$C$19,0)+IF(Input!$D$20=4,K434*Input!$C$20,0)+IF(Input!$D$21=4,L434*Input!$C$21,0)+IF(Input!$D$22=4,M434*Input!$C$22,0)</f>
        <v>0</v>
      </c>
      <c r="R434" s="58">
        <v>65.182408220533517</v>
      </c>
      <c r="S434" s="124">
        <f t="shared" si="6"/>
        <v>2.0386974548598604</v>
      </c>
    </row>
    <row r="435" spans="8:19" x14ac:dyDescent="0.3">
      <c r="H435" s="44">
        <v>428</v>
      </c>
      <c r="I435" s="56">
        <f>Bühler!I461</f>
        <v>0.39205720285766549</v>
      </c>
      <c r="J435" s="59">
        <f>Bühler!J461</f>
        <v>1.3068573428588852</v>
      </c>
      <c r="K435" s="59">
        <f>Bühler!K461</f>
        <v>1.9602860142883274</v>
      </c>
      <c r="L435" s="59">
        <f>Bühler!L461</f>
        <v>9.4093728685839721</v>
      </c>
      <c r="M435" s="58">
        <f>Bühler!M461</f>
        <v>0</v>
      </c>
      <c r="N435" s="56">
        <f>IF(Input!$D$19=1,J435*Input!$C$19,0)+IF(Input!$D$20=1,K435*Input!$C$20,0)+IF(Input!$D$21=1,L435*Input!$C$21,0)+IF(Input!$D$22=1,M435*Input!$C$22,0)</f>
        <v>0.39205720285766554</v>
      </c>
      <c r="O435" s="59">
        <f>IF(Input!$D$19=2,J435*Input!$C$19,0)+IF(Input!$D$20=2,K435*Input!$C$20,0)+IF(Input!$D$21=2,L435*Input!$C$21,0)+IF(Input!$D$22=2,M435*Input!$C$22,0)</f>
        <v>0.98014300714416369</v>
      </c>
      <c r="P435" s="59">
        <f>IF(Input!$D$19=3,J435*Input!$C$19,0)+IF(Input!$D$20=3,K435*Input!$C$20,0)+IF(Input!$D$21=3,L435*Input!$C$21,0)+IF(Input!$D$22=3,M435*Input!$C$22,0)</f>
        <v>0</v>
      </c>
      <c r="Q435" s="75">
        <f>IF(Input!$D$19=4,J435*Input!$C$19,0)+IF(Input!$D$20=4,K435*Input!$C$20,0)+IF(Input!$D$21=4,L435*Input!$C$21,0)+IF(Input!$D$22=4,M435*Input!$C$22,0)</f>
        <v>0</v>
      </c>
      <c r="R435" s="58">
        <v>64.009091658497439</v>
      </c>
      <c r="S435" s="124">
        <f t="shared" si="6"/>
        <v>1.6989145457165507</v>
      </c>
    </row>
    <row r="436" spans="8:19" x14ac:dyDescent="0.3">
      <c r="H436" s="44">
        <v>429</v>
      </c>
      <c r="I436" s="56">
        <f>Bühler!I462</f>
        <v>0.31364576228613245</v>
      </c>
      <c r="J436" s="59">
        <f>Bühler!J462</f>
        <v>1.0454858742871083</v>
      </c>
      <c r="K436" s="59">
        <f>Bühler!K462</f>
        <v>1.5682288114306622</v>
      </c>
      <c r="L436" s="59">
        <f>Bühler!L462</f>
        <v>7.5274982948671783</v>
      </c>
      <c r="M436" s="58">
        <f>Bühler!M462</f>
        <v>0</v>
      </c>
      <c r="N436" s="56">
        <f>IF(Input!$D$19=1,J436*Input!$C$19,0)+IF(Input!$D$20=1,K436*Input!$C$20,0)+IF(Input!$D$21=1,L436*Input!$C$21,0)+IF(Input!$D$22=1,M436*Input!$C$22,0)</f>
        <v>0.31364576228613245</v>
      </c>
      <c r="O436" s="59">
        <f>IF(Input!$D$19=2,J436*Input!$C$19,0)+IF(Input!$D$20=2,K436*Input!$C$20,0)+IF(Input!$D$21=2,L436*Input!$C$21,0)+IF(Input!$D$22=2,M436*Input!$C$22,0)</f>
        <v>0.78411440571533109</v>
      </c>
      <c r="P436" s="59">
        <f>IF(Input!$D$19=3,J436*Input!$C$19,0)+IF(Input!$D$20=3,K436*Input!$C$20,0)+IF(Input!$D$21=3,L436*Input!$C$21,0)+IF(Input!$D$22=3,M436*Input!$C$22,0)</f>
        <v>0</v>
      </c>
      <c r="Q436" s="75">
        <f>IF(Input!$D$19=4,J436*Input!$C$19,0)+IF(Input!$D$20=4,K436*Input!$C$20,0)+IF(Input!$D$21=4,L436*Input!$C$21,0)+IF(Input!$D$22=4,M436*Input!$C$22,0)</f>
        <v>0</v>
      </c>
      <c r="R436" s="58">
        <v>63.186211361048862</v>
      </c>
      <c r="S436" s="124">
        <f t="shared" si="6"/>
        <v>1.3591316365732407</v>
      </c>
    </row>
    <row r="437" spans="8:19" x14ac:dyDescent="0.3">
      <c r="H437" s="44">
        <v>430</v>
      </c>
      <c r="I437" s="56">
        <f>Bühler!I463</f>
        <v>0.23523432171459926</v>
      </c>
      <c r="J437" s="59">
        <f>Bühler!J463</f>
        <v>0.78411440571533098</v>
      </c>
      <c r="K437" s="59">
        <f>Bühler!K463</f>
        <v>1.1761716085729963</v>
      </c>
      <c r="L437" s="59">
        <f>Bühler!L463</f>
        <v>5.6456237211503826</v>
      </c>
      <c r="M437" s="58">
        <f>Bühler!M463</f>
        <v>0</v>
      </c>
      <c r="N437" s="56">
        <f>IF(Input!$D$19=1,J437*Input!$C$19,0)+IF(Input!$D$20=1,K437*Input!$C$20,0)+IF(Input!$D$21=1,L437*Input!$C$21,0)+IF(Input!$D$22=1,M437*Input!$C$22,0)</f>
        <v>0.23523432171459929</v>
      </c>
      <c r="O437" s="59">
        <f>IF(Input!$D$19=2,J437*Input!$C$19,0)+IF(Input!$D$20=2,K437*Input!$C$20,0)+IF(Input!$D$21=2,L437*Input!$C$21,0)+IF(Input!$D$22=2,M437*Input!$C$22,0)</f>
        <v>0.58808580428649815</v>
      </c>
      <c r="P437" s="59">
        <f>IF(Input!$D$19=3,J437*Input!$C$19,0)+IF(Input!$D$20=3,K437*Input!$C$20,0)+IF(Input!$D$21=3,L437*Input!$C$21,0)+IF(Input!$D$22=3,M437*Input!$C$22,0)</f>
        <v>0</v>
      </c>
      <c r="Q437" s="75">
        <f>IF(Input!$D$19=4,J437*Input!$C$19,0)+IF(Input!$D$20=4,K437*Input!$C$20,0)+IF(Input!$D$21=4,L437*Input!$C$21,0)+IF(Input!$D$22=4,M437*Input!$C$22,0)</f>
        <v>0</v>
      </c>
      <c r="R437" s="58">
        <v>61.180957974188509</v>
      </c>
      <c r="S437" s="124">
        <f t="shared" si="6"/>
        <v>1.0193487274299302</v>
      </c>
    </row>
    <row r="438" spans="8:19" x14ac:dyDescent="0.3">
      <c r="H438" s="44">
        <v>431</v>
      </c>
      <c r="I438" s="56">
        <f>Bühler!I464</f>
        <v>0.23523432171459926</v>
      </c>
      <c r="J438" s="59">
        <f>Bühler!J464</f>
        <v>0.78411440571533098</v>
      </c>
      <c r="K438" s="59">
        <f>Bühler!K464</f>
        <v>1.1761716085729963</v>
      </c>
      <c r="L438" s="59">
        <f>Bühler!L464</f>
        <v>5.6456237211503826</v>
      </c>
      <c r="M438" s="58">
        <f>Bühler!M464</f>
        <v>0</v>
      </c>
      <c r="N438" s="56">
        <f>IF(Input!$D$19=1,J438*Input!$C$19,0)+IF(Input!$D$20=1,K438*Input!$C$20,0)+IF(Input!$D$21=1,L438*Input!$C$21,0)+IF(Input!$D$22=1,M438*Input!$C$22,0)</f>
        <v>0.23523432171459929</v>
      </c>
      <c r="O438" s="59">
        <f>IF(Input!$D$19=2,J438*Input!$C$19,0)+IF(Input!$D$20=2,K438*Input!$C$20,0)+IF(Input!$D$21=2,L438*Input!$C$21,0)+IF(Input!$D$22=2,M438*Input!$C$22,0)</f>
        <v>0.58808580428649815</v>
      </c>
      <c r="P438" s="59">
        <f>IF(Input!$D$19=3,J438*Input!$C$19,0)+IF(Input!$D$20=3,K438*Input!$C$20,0)+IF(Input!$D$21=3,L438*Input!$C$21,0)+IF(Input!$D$22=3,M438*Input!$C$22,0)</f>
        <v>0</v>
      </c>
      <c r="Q438" s="75">
        <f>IF(Input!$D$19=4,J438*Input!$C$19,0)+IF(Input!$D$20=4,K438*Input!$C$20,0)+IF(Input!$D$21=4,L438*Input!$C$21,0)+IF(Input!$D$22=4,M438*Input!$C$22,0)</f>
        <v>0</v>
      </c>
      <c r="R438" s="58">
        <v>61.300069028232869</v>
      </c>
      <c r="S438" s="124">
        <f t="shared" si="6"/>
        <v>1.0193487274299302</v>
      </c>
    </row>
    <row r="439" spans="8:19" x14ac:dyDescent="0.3">
      <c r="H439" s="44">
        <v>432</v>
      </c>
      <c r="I439" s="56">
        <f>Bühler!I465</f>
        <v>0.23523432171459926</v>
      </c>
      <c r="J439" s="59">
        <f>Bühler!J465</f>
        <v>0.78411440571533098</v>
      </c>
      <c r="K439" s="59">
        <f>Bühler!K465</f>
        <v>1.1761716085729963</v>
      </c>
      <c r="L439" s="59">
        <f>Bühler!L465</f>
        <v>5.6456237211503826</v>
      </c>
      <c r="M439" s="58">
        <f>Bühler!M465</f>
        <v>0</v>
      </c>
      <c r="N439" s="56">
        <f>IF(Input!$D$19=1,J439*Input!$C$19,0)+IF(Input!$D$20=1,K439*Input!$C$20,0)+IF(Input!$D$21=1,L439*Input!$C$21,0)+IF(Input!$D$22=1,M439*Input!$C$22,0)</f>
        <v>0.23523432171459929</v>
      </c>
      <c r="O439" s="59">
        <f>IF(Input!$D$19=2,J439*Input!$C$19,0)+IF(Input!$D$20=2,K439*Input!$C$20,0)+IF(Input!$D$21=2,L439*Input!$C$21,0)+IF(Input!$D$22=2,M439*Input!$C$22,0)</f>
        <v>0.58808580428649815</v>
      </c>
      <c r="P439" s="59">
        <f>IF(Input!$D$19=3,J439*Input!$C$19,0)+IF(Input!$D$20=3,K439*Input!$C$20,0)+IF(Input!$D$21=3,L439*Input!$C$21,0)+IF(Input!$D$22=3,M439*Input!$C$22,0)</f>
        <v>0</v>
      </c>
      <c r="Q439" s="75">
        <f>IF(Input!$D$19=4,J439*Input!$C$19,0)+IF(Input!$D$20=4,K439*Input!$C$20,0)+IF(Input!$D$21=4,L439*Input!$C$21,0)+IF(Input!$D$22=4,M439*Input!$C$22,0)</f>
        <v>0</v>
      </c>
      <c r="R439" s="58">
        <v>60.077200486629714</v>
      </c>
      <c r="S439" s="124">
        <f t="shared" si="6"/>
        <v>1.0193487274299302</v>
      </c>
    </row>
    <row r="440" spans="8:19" x14ac:dyDescent="0.3">
      <c r="H440" s="44">
        <v>433</v>
      </c>
      <c r="I440" s="56">
        <f>Bühler!I466</f>
        <v>0.25944312715136331</v>
      </c>
      <c r="J440" s="59">
        <f>Bühler!J466</f>
        <v>0.86481042383787765</v>
      </c>
      <c r="K440" s="59">
        <f>Bühler!K466</f>
        <v>1.2972156357568163</v>
      </c>
      <c r="L440" s="59">
        <f>Bühler!L466</f>
        <v>6.2266350516327185</v>
      </c>
      <c r="M440" s="58">
        <f>Bühler!M466</f>
        <v>0</v>
      </c>
      <c r="N440" s="56">
        <f>IF(Input!$D$19=1,J440*Input!$C$19,0)+IF(Input!$D$20=1,K440*Input!$C$20,0)+IF(Input!$D$21=1,L440*Input!$C$21,0)+IF(Input!$D$22=1,M440*Input!$C$22,0)</f>
        <v>0.25944312715136331</v>
      </c>
      <c r="O440" s="59">
        <f>IF(Input!$D$19=2,J440*Input!$C$19,0)+IF(Input!$D$20=2,K440*Input!$C$20,0)+IF(Input!$D$21=2,L440*Input!$C$21,0)+IF(Input!$D$22=2,M440*Input!$C$22,0)</f>
        <v>0.64860781787840815</v>
      </c>
      <c r="P440" s="59">
        <f>IF(Input!$D$19=3,J440*Input!$C$19,0)+IF(Input!$D$20=3,K440*Input!$C$20,0)+IF(Input!$D$21=3,L440*Input!$C$21,0)+IF(Input!$D$22=3,M440*Input!$C$22,0)</f>
        <v>0</v>
      </c>
      <c r="Q440" s="75">
        <f>IF(Input!$D$19=4,J440*Input!$C$19,0)+IF(Input!$D$20=4,K440*Input!$C$20,0)+IF(Input!$D$21=4,L440*Input!$C$21,0)+IF(Input!$D$22=4,M440*Input!$C$22,0)</f>
        <v>0</v>
      </c>
      <c r="R440" s="58">
        <v>59.463253999577027</v>
      </c>
      <c r="S440" s="124">
        <f t="shared" si="6"/>
        <v>1.1242535509892408</v>
      </c>
    </row>
    <row r="441" spans="8:19" x14ac:dyDescent="0.3">
      <c r="H441" s="44">
        <v>434</v>
      </c>
      <c r="I441" s="56">
        <f>Bühler!I467</f>
        <v>0.25944312715136331</v>
      </c>
      <c r="J441" s="59">
        <f>Bühler!J467</f>
        <v>0.86481042383787765</v>
      </c>
      <c r="K441" s="59">
        <f>Bühler!K467</f>
        <v>1.2972156357568163</v>
      </c>
      <c r="L441" s="59">
        <f>Bühler!L467</f>
        <v>6.2266350516327185</v>
      </c>
      <c r="M441" s="58">
        <f>Bühler!M467</f>
        <v>0</v>
      </c>
      <c r="N441" s="56">
        <f>IF(Input!$D$19=1,J441*Input!$C$19,0)+IF(Input!$D$20=1,K441*Input!$C$20,0)+IF(Input!$D$21=1,L441*Input!$C$21,0)+IF(Input!$D$22=1,M441*Input!$C$22,0)</f>
        <v>0.25944312715136331</v>
      </c>
      <c r="O441" s="59">
        <f>IF(Input!$D$19=2,J441*Input!$C$19,0)+IF(Input!$D$20=2,K441*Input!$C$20,0)+IF(Input!$D$21=2,L441*Input!$C$21,0)+IF(Input!$D$22=2,M441*Input!$C$22,0)</f>
        <v>0.64860781787840815</v>
      </c>
      <c r="P441" s="59">
        <f>IF(Input!$D$19=3,J441*Input!$C$19,0)+IF(Input!$D$20=3,K441*Input!$C$20,0)+IF(Input!$D$21=3,L441*Input!$C$21,0)+IF(Input!$D$22=3,M441*Input!$C$22,0)</f>
        <v>0</v>
      </c>
      <c r="Q441" s="75">
        <f>IF(Input!$D$19=4,J441*Input!$C$19,0)+IF(Input!$D$20=4,K441*Input!$C$20,0)+IF(Input!$D$21=4,L441*Input!$C$21,0)+IF(Input!$D$22=4,M441*Input!$C$22,0)</f>
        <v>0</v>
      </c>
      <c r="R441" s="58">
        <v>59.142101521521845</v>
      </c>
      <c r="S441" s="124">
        <f t="shared" si="6"/>
        <v>1.1242535509892408</v>
      </c>
    </row>
    <row r="442" spans="8:19" x14ac:dyDescent="0.3">
      <c r="H442" s="44">
        <v>435</v>
      </c>
      <c r="I442" s="56">
        <f>Bühler!I468</f>
        <v>0.25944312715136331</v>
      </c>
      <c r="J442" s="59">
        <f>Bühler!J468</f>
        <v>0.86481042383787765</v>
      </c>
      <c r="K442" s="59">
        <f>Bühler!K468</f>
        <v>1.2972156357568163</v>
      </c>
      <c r="L442" s="59">
        <f>Bühler!L468</f>
        <v>6.2266350516327185</v>
      </c>
      <c r="M442" s="58">
        <f>Bühler!M468</f>
        <v>0</v>
      </c>
      <c r="N442" s="56">
        <f>IF(Input!$D$19=1,J442*Input!$C$19,0)+IF(Input!$D$20=1,K442*Input!$C$20,0)+IF(Input!$D$21=1,L442*Input!$C$21,0)+IF(Input!$D$22=1,M442*Input!$C$22,0)</f>
        <v>0.25944312715136331</v>
      </c>
      <c r="O442" s="59">
        <f>IF(Input!$D$19=2,J442*Input!$C$19,0)+IF(Input!$D$20=2,K442*Input!$C$20,0)+IF(Input!$D$21=2,L442*Input!$C$21,0)+IF(Input!$D$22=2,M442*Input!$C$22,0)</f>
        <v>0.64860781787840815</v>
      </c>
      <c r="P442" s="59">
        <f>IF(Input!$D$19=3,J442*Input!$C$19,0)+IF(Input!$D$20=3,K442*Input!$C$20,0)+IF(Input!$D$21=3,L442*Input!$C$21,0)+IF(Input!$D$22=3,M442*Input!$C$22,0)</f>
        <v>0</v>
      </c>
      <c r="Q442" s="75">
        <f>IF(Input!$D$19=4,J442*Input!$C$19,0)+IF(Input!$D$20=4,K442*Input!$C$20,0)+IF(Input!$D$21=4,L442*Input!$C$21,0)+IF(Input!$D$22=4,M442*Input!$C$22,0)</f>
        <v>0</v>
      </c>
      <c r="R442" s="58">
        <v>58.981151317095218</v>
      </c>
      <c r="S442" s="124">
        <f t="shared" si="6"/>
        <v>1.1242535509892408</v>
      </c>
    </row>
    <row r="443" spans="8:19" x14ac:dyDescent="0.3">
      <c r="H443" s="44">
        <v>436</v>
      </c>
      <c r="I443" s="56">
        <f>Bühler!I469</f>
        <v>0.25944312715136331</v>
      </c>
      <c r="J443" s="59">
        <f>Bühler!J469</f>
        <v>0.86481042383787765</v>
      </c>
      <c r="K443" s="59">
        <f>Bühler!K469</f>
        <v>1.2972156357568163</v>
      </c>
      <c r="L443" s="59">
        <f>Bühler!L469</f>
        <v>6.2266350516327185</v>
      </c>
      <c r="M443" s="58">
        <f>Bühler!M469</f>
        <v>0</v>
      </c>
      <c r="N443" s="56">
        <f>IF(Input!$D$19=1,J443*Input!$C$19,0)+IF(Input!$D$20=1,K443*Input!$C$20,0)+IF(Input!$D$21=1,L443*Input!$C$21,0)+IF(Input!$D$22=1,M443*Input!$C$22,0)</f>
        <v>0.25944312715136331</v>
      </c>
      <c r="O443" s="59">
        <f>IF(Input!$D$19=2,J443*Input!$C$19,0)+IF(Input!$D$20=2,K443*Input!$C$20,0)+IF(Input!$D$21=2,L443*Input!$C$21,0)+IF(Input!$D$22=2,M443*Input!$C$22,0)</f>
        <v>0.64860781787840815</v>
      </c>
      <c r="P443" s="59">
        <f>IF(Input!$D$19=3,J443*Input!$C$19,0)+IF(Input!$D$20=3,K443*Input!$C$20,0)+IF(Input!$D$21=3,L443*Input!$C$21,0)+IF(Input!$D$22=3,M443*Input!$C$22,0)</f>
        <v>0</v>
      </c>
      <c r="Q443" s="75">
        <f>IF(Input!$D$19=4,J443*Input!$C$19,0)+IF(Input!$D$20=4,K443*Input!$C$20,0)+IF(Input!$D$21=4,L443*Input!$C$21,0)+IF(Input!$D$22=4,M443*Input!$C$22,0)</f>
        <v>0</v>
      </c>
      <c r="R443" s="58">
        <v>59.022608332955201</v>
      </c>
      <c r="S443" s="124">
        <f t="shared" si="6"/>
        <v>1.1242535509892408</v>
      </c>
    </row>
    <row r="444" spans="8:19" x14ac:dyDescent="0.3">
      <c r="H444" s="44">
        <v>437</v>
      </c>
      <c r="I444" s="56">
        <f>Bühler!I470</f>
        <v>0.25944312715136331</v>
      </c>
      <c r="J444" s="59">
        <f>Bühler!J470</f>
        <v>0.86481042383787765</v>
      </c>
      <c r="K444" s="59">
        <f>Bühler!K470</f>
        <v>1.2972156357568163</v>
      </c>
      <c r="L444" s="59">
        <f>Bühler!L470</f>
        <v>6.2266350516327185</v>
      </c>
      <c r="M444" s="58">
        <f>Bühler!M470</f>
        <v>0</v>
      </c>
      <c r="N444" s="56">
        <f>IF(Input!$D$19=1,J444*Input!$C$19,0)+IF(Input!$D$20=1,K444*Input!$C$20,0)+IF(Input!$D$21=1,L444*Input!$C$21,0)+IF(Input!$D$22=1,M444*Input!$C$22,0)</f>
        <v>0.25944312715136331</v>
      </c>
      <c r="O444" s="59">
        <f>IF(Input!$D$19=2,J444*Input!$C$19,0)+IF(Input!$D$20=2,K444*Input!$C$20,0)+IF(Input!$D$21=2,L444*Input!$C$21,0)+IF(Input!$D$22=2,M444*Input!$C$22,0)</f>
        <v>0.64860781787840815</v>
      </c>
      <c r="P444" s="59">
        <f>IF(Input!$D$19=3,J444*Input!$C$19,0)+IF(Input!$D$20=3,K444*Input!$C$20,0)+IF(Input!$D$21=3,L444*Input!$C$21,0)+IF(Input!$D$22=3,M444*Input!$C$22,0)</f>
        <v>0</v>
      </c>
      <c r="Q444" s="75">
        <f>IF(Input!$D$19=4,J444*Input!$C$19,0)+IF(Input!$D$20=4,K444*Input!$C$20,0)+IF(Input!$D$21=4,L444*Input!$C$21,0)+IF(Input!$D$22=4,M444*Input!$C$22,0)</f>
        <v>0</v>
      </c>
      <c r="R444" s="58">
        <v>59.860891438764739</v>
      </c>
      <c r="S444" s="124">
        <f t="shared" si="6"/>
        <v>1.1242535509892408</v>
      </c>
    </row>
    <row r="445" spans="8:19" x14ac:dyDescent="0.3">
      <c r="H445" s="44">
        <v>438</v>
      </c>
      <c r="I445" s="56">
        <f>Bühler!I471</f>
        <v>0.33439336388397933</v>
      </c>
      <c r="J445" s="59">
        <f>Bühler!J471</f>
        <v>1.1146445462799313</v>
      </c>
      <c r="K445" s="59">
        <f>Bühler!K471</f>
        <v>1.6719668194198967</v>
      </c>
      <c r="L445" s="59">
        <f>Bühler!L471</f>
        <v>8.025440733215504</v>
      </c>
      <c r="M445" s="58">
        <f>Bühler!M471</f>
        <v>0</v>
      </c>
      <c r="N445" s="56">
        <f>IF(Input!$D$19=1,J445*Input!$C$19,0)+IF(Input!$D$20=1,K445*Input!$C$20,0)+IF(Input!$D$21=1,L445*Input!$C$21,0)+IF(Input!$D$22=1,M445*Input!$C$22,0)</f>
        <v>0.33439336388397939</v>
      </c>
      <c r="O445" s="59">
        <f>IF(Input!$D$19=2,J445*Input!$C$19,0)+IF(Input!$D$20=2,K445*Input!$C$20,0)+IF(Input!$D$21=2,L445*Input!$C$21,0)+IF(Input!$D$22=2,M445*Input!$C$22,0)</f>
        <v>0.83598340970994833</v>
      </c>
      <c r="P445" s="59">
        <f>IF(Input!$D$19=3,J445*Input!$C$19,0)+IF(Input!$D$20=3,K445*Input!$C$20,0)+IF(Input!$D$21=3,L445*Input!$C$21,0)+IF(Input!$D$22=3,M445*Input!$C$22,0)</f>
        <v>0</v>
      </c>
      <c r="Q445" s="75">
        <f>IF(Input!$D$19=4,J445*Input!$C$19,0)+IF(Input!$D$20=4,K445*Input!$C$20,0)+IF(Input!$D$21=4,L445*Input!$C$21,0)+IF(Input!$D$22=4,M445*Input!$C$22,0)</f>
        <v>0</v>
      </c>
      <c r="R445" s="58">
        <v>63.025971762470554</v>
      </c>
      <c r="S445" s="124">
        <f t="shared" si="6"/>
        <v>1.4490379101639106</v>
      </c>
    </row>
    <row r="446" spans="8:19" x14ac:dyDescent="0.3">
      <c r="H446" s="44">
        <v>439</v>
      </c>
      <c r="I446" s="56">
        <f>Bühler!I472</f>
        <v>0.40357819779100956</v>
      </c>
      <c r="J446" s="59">
        <f>Bühler!J472</f>
        <v>1.3452606593033654</v>
      </c>
      <c r="K446" s="59">
        <f>Bühler!K472</f>
        <v>2.0178909889550476</v>
      </c>
      <c r="L446" s="59">
        <f>Bühler!L472</f>
        <v>9.6858767469842295</v>
      </c>
      <c r="M446" s="58">
        <f>Bühler!M472</f>
        <v>0</v>
      </c>
      <c r="N446" s="56">
        <f>IF(Input!$D$19=1,J446*Input!$C$19,0)+IF(Input!$D$20=1,K446*Input!$C$20,0)+IF(Input!$D$21=1,L446*Input!$C$21,0)+IF(Input!$D$22=1,M446*Input!$C$22,0)</f>
        <v>0.40357819779100962</v>
      </c>
      <c r="O446" s="59">
        <f>IF(Input!$D$19=2,J446*Input!$C$19,0)+IF(Input!$D$20=2,K446*Input!$C$20,0)+IF(Input!$D$21=2,L446*Input!$C$21,0)+IF(Input!$D$22=2,M446*Input!$C$22,0)</f>
        <v>1.0089454944775238</v>
      </c>
      <c r="P446" s="59">
        <f>IF(Input!$D$19=3,J446*Input!$C$19,0)+IF(Input!$D$20=3,K446*Input!$C$20,0)+IF(Input!$D$21=3,L446*Input!$C$21,0)+IF(Input!$D$22=3,M446*Input!$C$22,0)</f>
        <v>0</v>
      </c>
      <c r="Q446" s="75">
        <f>IF(Input!$D$19=4,J446*Input!$C$19,0)+IF(Input!$D$20=4,K446*Input!$C$20,0)+IF(Input!$D$21=4,L446*Input!$C$21,0)+IF(Input!$D$22=4,M446*Input!$C$22,0)</f>
        <v>0</v>
      </c>
      <c r="R446" s="58">
        <v>66.596152279346953</v>
      </c>
      <c r="S446" s="124">
        <f t="shared" si="6"/>
        <v>1.7488388570943749</v>
      </c>
    </row>
    <row r="447" spans="8:19" x14ac:dyDescent="0.3">
      <c r="H447" s="44">
        <v>440</v>
      </c>
      <c r="I447" s="56">
        <f>Bühler!I473</f>
        <v>0.40357819779100956</v>
      </c>
      <c r="J447" s="59">
        <f>Bühler!J473</f>
        <v>1.3452606593033654</v>
      </c>
      <c r="K447" s="59">
        <f>Bühler!K473</f>
        <v>2.0178909889550476</v>
      </c>
      <c r="L447" s="59">
        <f>Bühler!L473</f>
        <v>9.6858767469842295</v>
      </c>
      <c r="M447" s="58">
        <f>Bühler!M473</f>
        <v>0</v>
      </c>
      <c r="N447" s="56">
        <f>IF(Input!$D$19=1,J447*Input!$C$19,0)+IF(Input!$D$20=1,K447*Input!$C$20,0)+IF(Input!$D$21=1,L447*Input!$C$21,0)+IF(Input!$D$22=1,M447*Input!$C$22,0)</f>
        <v>0.40357819779100962</v>
      </c>
      <c r="O447" s="59">
        <f>IF(Input!$D$19=2,J447*Input!$C$19,0)+IF(Input!$D$20=2,K447*Input!$C$20,0)+IF(Input!$D$21=2,L447*Input!$C$21,0)+IF(Input!$D$22=2,M447*Input!$C$22,0)</f>
        <v>1.0089454944775238</v>
      </c>
      <c r="P447" s="59">
        <f>IF(Input!$D$19=3,J447*Input!$C$19,0)+IF(Input!$D$20=3,K447*Input!$C$20,0)+IF(Input!$D$21=3,L447*Input!$C$21,0)+IF(Input!$D$22=3,M447*Input!$C$22,0)</f>
        <v>0</v>
      </c>
      <c r="Q447" s="75">
        <f>IF(Input!$D$19=4,J447*Input!$C$19,0)+IF(Input!$D$20=4,K447*Input!$C$20,0)+IF(Input!$D$21=4,L447*Input!$C$21,0)+IF(Input!$D$22=4,M447*Input!$C$22,0)</f>
        <v>0</v>
      </c>
      <c r="R447" s="58">
        <v>68.044692703989099</v>
      </c>
      <c r="S447" s="124">
        <f t="shared" si="6"/>
        <v>1.7488388570943749</v>
      </c>
    </row>
    <row r="448" spans="8:19" x14ac:dyDescent="0.3">
      <c r="H448" s="44">
        <v>441</v>
      </c>
      <c r="I448" s="56">
        <f>Bühler!I474</f>
        <v>0.40357819779100956</v>
      </c>
      <c r="J448" s="59">
        <f>Bühler!J474</f>
        <v>1.3452606593033654</v>
      </c>
      <c r="K448" s="59">
        <f>Bühler!K474</f>
        <v>2.0178909889550476</v>
      </c>
      <c r="L448" s="59">
        <f>Bühler!L474</f>
        <v>9.6858767469842295</v>
      </c>
      <c r="M448" s="58">
        <f>Bühler!M474</f>
        <v>0</v>
      </c>
      <c r="N448" s="56">
        <f>IF(Input!$D$19=1,J448*Input!$C$19,0)+IF(Input!$D$20=1,K448*Input!$C$20,0)+IF(Input!$D$21=1,L448*Input!$C$21,0)+IF(Input!$D$22=1,M448*Input!$C$22,0)</f>
        <v>0.40357819779100962</v>
      </c>
      <c r="O448" s="59">
        <f>IF(Input!$D$19=2,J448*Input!$C$19,0)+IF(Input!$D$20=2,K448*Input!$C$20,0)+IF(Input!$D$21=2,L448*Input!$C$21,0)+IF(Input!$D$22=2,M448*Input!$C$22,0)</f>
        <v>1.0089454944775238</v>
      </c>
      <c r="P448" s="59">
        <f>IF(Input!$D$19=3,J448*Input!$C$19,0)+IF(Input!$D$20=3,K448*Input!$C$20,0)+IF(Input!$D$21=3,L448*Input!$C$21,0)+IF(Input!$D$22=3,M448*Input!$C$22,0)</f>
        <v>0</v>
      </c>
      <c r="Q448" s="75">
        <f>IF(Input!$D$19=4,J448*Input!$C$19,0)+IF(Input!$D$20=4,K448*Input!$C$20,0)+IF(Input!$D$21=4,L448*Input!$C$21,0)+IF(Input!$D$22=4,M448*Input!$C$22,0)</f>
        <v>0</v>
      </c>
      <c r="R448" s="58">
        <v>68.562001973699481</v>
      </c>
      <c r="S448" s="124">
        <f t="shared" si="6"/>
        <v>1.7488388570943749</v>
      </c>
    </row>
    <row r="449" spans="8:19" x14ac:dyDescent="0.3">
      <c r="H449" s="44">
        <v>442</v>
      </c>
      <c r="I449" s="56">
        <f>Bühler!I475</f>
        <v>0.43240521191893883</v>
      </c>
      <c r="J449" s="59">
        <f>Bühler!J475</f>
        <v>1.441350706396463</v>
      </c>
      <c r="K449" s="59">
        <f>Bühler!K475</f>
        <v>2.1620260595946941</v>
      </c>
      <c r="L449" s="59">
        <f>Bühler!L475</f>
        <v>10.377725086054532</v>
      </c>
      <c r="M449" s="58">
        <f>Bühler!M475</f>
        <v>0</v>
      </c>
      <c r="N449" s="56">
        <f>IF(Input!$D$19=1,J449*Input!$C$19,0)+IF(Input!$D$20=1,K449*Input!$C$20,0)+IF(Input!$D$21=1,L449*Input!$C$21,0)+IF(Input!$D$22=1,M449*Input!$C$22,0)</f>
        <v>0.43240521191893888</v>
      </c>
      <c r="O449" s="59">
        <f>IF(Input!$D$19=2,J449*Input!$C$19,0)+IF(Input!$D$20=2,K449*Input!$C$20,0)+IF(Input!$D$21=2,L449*Input!$C$21,0)+IF(Input!$D$22=2,M449*Input!$C$22,0)</f>
        <v>1.081013029797347</v>
      </c>
      <c r="P449" s="59">
        <f>IF(Input!$D$19=3,J449*Input!$C$19,0)+IF(Input!$D$20=3,K449*Input!$C$20,0)+IF(Input!$D$21=3,L449*Input!$C$21,0)+IF(Input!$D$22=3,M449*Input!$C$22,0)</f>
        <v>0</v>
      </c>
      <c r="Q449" s="75">
        <f>IF(Input!$D$19=4,J449*Input!$C$19,0)+IF(Input!$D$20=4,K449*Input!$C$20,0)+IF(Input!$D$21=4,L449*Input!$C$21,0)+IF(Input!$D$22=4,M449*Input!$C$22,0)</f>
        <v>0</v>
      </c>
      <c r="R449" s="58">
        <v>67.694942037729703</v>
      </c>
      <c r="S449" s="124">
        <f t="shared" si="6"/>
        <v>1.8737559183154018</v>
      </c>
    </row>
    <row r="450" spans="8:19" x14ac:dyDescent="0.3">
      <c r="H450" s="44">
        <v>443</v>
      </c>
      <c r="I450" s="56">
        <f>Bühler!I476</f>
        <v>0.44970142039569638</v>
      </c>
      <c r="J450" s="59">
        <f>Bühler!J476</f>
        <v>1.4990047346523214</v>
      </c>
      <c r="K450" s="59">
        <f>Bühler!K476</f>
        <v>2.2485071019784817</v>
      </c>
      <c r="L450" s="59">
        <f>Bühler!L476</f>
        <v>10.792834089496713</v>
      </c>
      <c r="M450" s="58">
        <f>Bühler!M476</f>
        <v>0</v>
      </c>
      <c r="N450" s="56">
        <f>IF(Input!$D$19=1,J450*Input!$C$19,0)+IF(Input!$D$20=1,K450*Input!$C$20,0)+IF(Input!$D$21=1,L450*Input!$C$21,0)+IF(Input!$D$22=1,M450*Input!$C$22,0)</f>
        <v>0.44970142039569638</v>
      </c>
      <c r="O450" s="59">
        <f>IF(Input!$D$19=2,J450*Input!$C$19,0)+IF(Input!$D$20=2,K450*Input!$C$20,0)+IF(Input!$D$21=2,L450*Input!$C$21,0)+IF(Input!$D$22=2,M450*Input!$C$22,0)</f>
        <v>1.1242535509892408</v>
      </c>
      <c r="P450" s="59">
        <f>IF(Input!$D$19=3,J450*Input!$C$19,0)+IF(Input!$D$20=3,K450*Input!$C$20,0)+IF(Input!$D$21=3,L450*Input!$C$21,0)+IF(Input!$D$22=3,M450*Input!$C$22,0)</f>
        <v>0</v>
      </c>
      <c r="Q450" s="75">
        <f>IF(Input!$D$19=4,J450*Input!$C$19,0)+IF(Input!$D$20=4,K450*Input!$C$20,0)+IF(Input!$D$21=4,L450*Input!$C$21,0)+IF(Input!$D$22=4,M450*Input!$C$22,0)</f>
        <v>0</v>
      </c>
      <c r="R450" s="58">
        <v>68.83790766879531</v>
      </c>
      <c r="S450" s="124">
        <f t="shared" si="6"/>
        <v>1.9487061550480178</v>
      </c>
    </row>
    <row r="451" spans="8:19" x14ac:dyDescent="0.3">
      <c r="H451" s="44">
        <v>444</v>
      </c>
      <c r="I451" s="56">
        <f>Bühler!I477</f>
        <v>0.51888625430272661</v>
      </c>
      <c r="J451" s="59">
        <f>Bühler!J477</f>
        <v>1.7296208476757553</v>
      </c>
      <c r="K451" s="59">
        <f>Bühler!K477</f>
        <v>2.5944312715136326</v>
      </c>
      <c r="L451" s="59">
        <f>Bühler!L477</f>
        <v>12.453270103265437</v>
      </c>
      <c r="M451" s="58">
        <f>Bühler!M477</f>
        <v>0</v>
      </c>
      <c r="N451" s="56">
        <f>IF(Input!$D$19=1,J451*Input!$C$19,0)+IF(Input!$D$20=1,K451*Input!$C$20,0)+IF(Input!$D$21=1,L451*Input!$C$21,0)+IF(Input!$D$22=1,M451*Input!$C$22,0)</f>
        <v>0.51888625430272661</v>
      </c>
      <c r="O451" s="59">
        <f>IF(Input!$D$19=2,J451*Input!$C$19,0)+IF(Input!$D$20=2,K451*Input!$C$20,0)+IF(Input!$D$21=2,L451*Input!$C$21,0)+IF(Input!$D$22=2,M451*Input!$C$22,0)</f>
        <v>1.2972156357568163</v>
      </c>
      <c r="P451" s="59">
        <f>IF(Input!$D$19=3,J451*Input!$C$19,0)+IF(Input!$D$20=3,K451*Input!$C$20,0)+IF(Input!$D$21=3,L451*Input!$C$21,0)+IF(Input!$D$22=3,M451*Input!$C$22,0)</f>
        <v>0</v>
      </c>
      <c r="Q451" s="75">
        <f>IF(Input!$D$19=4,J451*Input!$C$19,0)+IF(Input!$D$20=4,K451*Input!$C$20,0)+IF(Input!$D$21=4,L451*Input!$C$21,0)+IF(Input!$D$22=4,M451*Input!$C$22,0)</f>
        <v>0</v>
      </c>
      <c r="R451" s="58">
        <v>69.284129737827811</v>
      </c>
      <c r="S451" s="124">
        <f t="shared" si="6"/>
        <v>2.2485071019784817</v>
      </c>
    </row>
    <row r="452" spans="8:19" x14ac:dyDescent="0.3">
      <c r="H452" s="44">
        <v>445</v>
      </c>
      <c r="I452" s="56">
        <f>Bühler!I478</f>
        <v>0.51888625430272661</v>
      </c>
      <c r="J452" s="59">
        <f>Bühler!J478</f>
        <v>1.7296208476757553</v>
      </c>
      <c r="K452" s="59">
        <f>Bühler!K478</f>
        <v>2.5944312715136326</v>
      </c>
      <c r="L452" s="59">
        <f>Bühler!L478</f>
        <v>12.453270103265437</v>
      </c>
      <c r="M452" s="58">
        <f>Bühler!M478</f>
        <v>0</v>
      </c>
      <c r="N452" s="56">
        <f>IF(Input!$D$19=1,J452*Input!$C$19,0)+IF(Input!$D$20=1,K452*Input!$C$20,0)+IF(Input!$D$21=1,L452*Input!$C$21,0)+IF(Input!$D$22=1,M452*Input!$C$22,0)</f>
        <v>0.51888625430272661</v>
      </c>
      <c r="O452" s="59">
        <f>IF(Input!$D$19=2,J452*Input!$C$19,0)+IF(Input!$D$20=2,K452*Input!$C$20,0)+IF(Input!$D$21=2,L452*Input!$C$21,0)+IF(Input!$D$22=2,M452*Input!$C$22,0)</f>
        <v>1.2972156357568163</v>
      </c>
      <c r="P452" s="59">
        <f>IF(Input!$D$19=3,J452*Input!$C$19,0)+IF(Input!$D$20=3,K452*Input!$C$20,0)+IF(Input!$D$21=3,L452*Input!$C$21,0)+IF(Input!$D$22=3,M452*Input!$C$22,0)</f>
        <v>0</v>
      </c>
      <c r="Q452" s="75">
        <f>IF(Input!$D$19=4,J452*Input!$C$19,0)+IF(Input!$D$20=4,K452*Input!$C$20,0)+IF(Input!$D$21=4,L452*Input!$C$21,0)+IF(Input!$D$22=4,M452*Input!$C$22,0)</f>
        <v>0</v>
      </c>
      <c r="R452" s="58">
        <v>67.909738258112327</v>
      </c>
      <c r="S452" s="124">
        <f t="shared" si="6"/>
        <v>2.2485071019784817</v>
      </c>
    </row>
    <row r="453" spans="8:19" x14ac:dyDescent="0.3">
      <c r="H453" s="44">
        <v>446</v>
      </c>
      <c r="I453" s="56">
        <f>Bühler!I479</f>
        <v>0.51888625430272661</v>
      </c>
      <c r="J453" s="59">
        <f>Bühler!J479</f>
        <v>1.7296208476757553</v>
      </c>
      <c r="K453" s="59">
        <f>Bühler!K479</f>
        <v>2.5944312715136326</v>
      </c>
      <c r="L453" s="59">
        <f>Bühler!L479</f>
        <v>12.453270103265437</v>
      </c>
      <c r="M453" s="58">
        <f>Bühler!M479</f>
        <v>0</v>
      </c>
      <c r="N453" s="56">
        <f>IF(Input!$D$19=1,J453*Input!$C$19,0)+IF(Input!$D$20=1,K453*Input!$C$20,0)+IF(Input!$D$21=1,L453*Input!$C$21,0)+IF(Input!$D$22=1,M453*Input!$C$22,0)</f>
        <v>0.51888625430272661</v>
      </c>
      <c r="O453" s="59">
        <f>IF(Input!$D$19=2,J453*Input!$C$19,0)+IF(Input!$D$20=2,K453*Input!$C$20,0)+IF(Input!$D$21=2,L453*Input!$C$21,0)+IF(Input!$D$22=2,M453*Input!$C$22,0)</f>
        <v>1.2972156357568163</v>
      </c>
      <c r="P453" s="59">
        <f>IF(Input!$D$19=3,J453*Input!$C$19,0)+IF(Input!$D$20=3,K453*Input!$C$20,0)+IF(Input!$D$21=3,L453*Input!$C$21,0)+IF(Input!$D$22=3,M453*Input!$C$22,0)</f>
        <v>0</v>
      </c>
      <c r="Q453" s="75">
        <f>IF(Input!$D$19=4,J453*Input!$C$19,0)+IF(Input!$D$20=4,K453*Input!$C$20,0)+IF(Input!$D$21=4,L453*Input!$C$21,0)+IF(Input!$D$22=4,M453*Input!$C$22,0)</f>
        <v>0</v>
      </c>
      <c r="R453" s="58">
        <v>66.700931494148065</v>
      </c>
      <c r="S453" s="124">
        <f t="shared" si="6"/>
        <v>2.2485071019784817</v>
      </c>
    </row>
    <row r="454" spans="8:19" x14ac:dyDescent="0.3">
      <c r="H454" s="44">
        <v>447</v>
      </c>
      <c r="I454" s="56">
        <f>Bühler!I480</f>
        <v>0.51888625430272661</v>
      </c>
      <c r="J454" s="59">
        <f>Bühler!J480</f>
        <v>1.7296208476757553</v>
      </c>
      <c r="K454" s="59">
        <f>Bühler!K480</f>
        <v>2.5944312715136326</v>
      </c>
      <c r="L454" s="59">
        <f>Bühler!L480</f>
        <v>12.453270103265437</v>
      </c>
      <c r="M454" s="58">
        <f>Bühler!M480</f>
        <v>0</v>
      </c>
      <c r="N454" s="56">
        <f>IF(Input!$D$19=1,J454*Input!$C$19,0)+IF(Input!$D$20=1,K454*Input!$C$20,0)+IF(Input!$D$21=1,L454*Input!$C$21,0)+IF(Input!$D$22=1,M454*Input!$C$22,0)</f>
        <v>0.51888625430272661</v>
      </c>
      <c r="O454" s="59">
        <f>IF(Input!$D$19=2,J454*Input!$C$19,0)+IF(Input!$D$20=2,K454*Input!$C$20,0)+IF(Input!$D$21=2,L454*Input!$C$21,0)+IF(Input!$D$22=2,M454*Input!$C$22,0)</f>
        <v>1.2972156357568163</v>
      </c>
      <c r="P454" s="59">
        <f>IF(Input!$D$19=3,J454*Input!$C$19,0)+IF(Input!$D$20=3,K454*Input!$C$20,0)+IF(Input!$D$21=3,L454*Input!$C$21,0)+IF(Input!$D$22=3,M454*Input!$C$22,0)</f>
        <v>0</v>
      </c>
      <c r="Q454" s="75">
        <f>IF(Input!$D$19=4,J454*Input!$C$19,0)+IF(Input!$D$20=4,K454*Input!$C$20,0)+IF(Input!$D$21=4,L454*Input!$C$21,0)+IF(Input!$D$22=4,M454*Input!$C$22,0)</f>
        <v>0</v>
      </c>
      <c r="R454" s="58">
        <v>66.605146925368771</v>
      </c>
      <c r="S454" s="124">
        <f t="shared" si="6"/>
        <v>2.2485071019784817</v>
      </c>
    </row>
    <row r="455" spans="8:19" x14ac:dyDescent="0.3">
      <c r="H455" s="44">
        <v>448</v>
      </c>
      <c r="I455" s="56">
        <f>Bühler!I481</f>
        <v>0.43240521191893883</v>
      </c>
      <c r="J455" s="59">
        <f>Bühler!J481</f>
        <v>1.441350706396463</v>
      </c>
      <c r="K455" s="59">
        <f>Bühler!K481</f>
        <v>2.1620260595946941</v>
      </c>
      <c r="L455" s="59">
        <f>Bühler!L481</f>
        <v>10.377725086054532</v>
      </c>
      <c r="M455" s="58">
        <f>Bühler!M481</f>
        <v>0</v>
      </c>
      <c r="N455" s="56">
        <f>IF(Input!$D$19=1,J455*Input!$C$19,0)+IF(Input!$D$20=1,K455*Input!$C$20,0)+IF(Input!$D$21=1,L455*Input!$C$21,0)+IF(Input!$D$22=1,M455*Input!$C$22,0)</f>
        <v>0.43240521191893888</v>
      </c>
      <c r="O455" s="59">
        <f>IF(Input!$D$19=2,J455*Input!$C$19,0)+IF(Input!$D$20=2,K455*Input!$C$20,0)+IF(Input!$D$21=2,L455*Input!$C$21,0)+IF(Input!$D$22=2,M455*Input!$C$22,0)</f>
        <v>1.081013029797347</v>
      </c>
      <c r="P455" s="59">
        <f>IF(Input!$D$19=3,J455*Input!$C$19,0)+IF(Input!$D$20=3,K455*Input!$C$20,0)+IF(Input!$D$21=3,L455*Input!$C$21,0)+IF(Input!$D$22=3,M455*Input!$C$22,0)</f>
        <v>0</v>
      </c>
      <c r="Q455" s="75">
        <f>IF(Input!$D$19=4,J455*Input!$C$19,0)+IF(Input!$D$20=4,K455*Input!$C$20,0)+IF(Input!$D$21=4,L455*Input!$C$21,0)+IF(Input!$D$22=4,M455*Input!$C$22,0)</f>
        <v>0</v>
      </c>
      <c r="R455" s="58">
        <v>65.822062183366015</v>
      </c>
      <c r="S455" s="124">
        <f t="shared" si="6"/>
        <v>1.8737559183154018</v>
      </c>
    </row>
    <row r="456" spans="8:19" x14ac:dyDescent="0.3">
      <c r="H456" s="44">
        <v>449</v>
      </c>
      <c r="I456" s="56">
        <f>Bühler!I482</f>
        <v>0.40934360061659547</v>
      </c>
      <c r="J456" s="59">
        <f>Bühler!J482</f>
        <v>1.364478668721985</v>
      </c>
      <c r="K456" s="59">
        <f>Bühler!K482</f>
        <v>2.0467180030829772</v>
      </c>
      <c r="L456" s="59">
        <f>Bühler!L482</f>
        <v>9.8242464147982904</v>
      </c>
      <c r="M456" s="58">
        <f>Bühler!M482</f>
        <v>0</v>
      </c>
      <c r="N456" s="56">
        <f>IF(Input!$D$19=1,J456*Input!$C$19,0)+IF(Input!$D$20=1,K456*Input!$C$20,0)+IF(Input!$D$21=1,L456*Input!$C$21,0)+IF(Input!$D$22=1,M456*Input!$C$22,0)</f>
        <v>0.40934360061659547</v>
      </c>
      <c r="O456" s="59">
        <f>IF(Input!$D$19=2,J456*Input!$C$19,0)+IF(Input!$D$20=2,K456*Input!$C$20,0)+IF(Input!$D$21=2,L456*Input!$C$21,0)+IF(Input!$D$22=2,M456*Input!$C$22,0)</f>
        <v>1.0233590015414886</v>
      </c>
      <c r="P456" s="59">
        <f>IF(Input!$D$19=3,J456*Input!$C$19,0)+IF(Input!$D$20=3,K456*Input!$C$20,0)+IF(Input!$D$21=3,L456*Input!$C$21,0)+IF(Input!$D$22=3,M456*Input!$C$22,0)</f>
        <v>0</v>
      </c>
      <c r="Q456" s="75">
        <f>IF(Input!$D$19=4,J456*Input!$C$19,0)+IF(Input!$D$20=4,K456*Input!$C$20,0)+IF(Input!$D$21=4,L456*Input!$C$21,0)+IF(Input!$D$22=4,M456*Input!$C$22,0)</f>
        <v>0</v>
      </c>
      <c r="R456" s="58">
        <v>64.372388398294987</v>
      </c>
      <c r="S456" s="124">
        <f t="shared" si="6"/>
        <v>1.7738222693385803</v>
      </c>
    </row>
    <row r="457" spans="8:19" x14ac:dyDescent="0.3">
      <c r="H457" s="44">
        <v>450</v>
      </c>
      <c r="I457" s="56">
        <f>Bühler!I483</f>
        <v>0.40934360061659547</v>
      </c>
      <c r="J457" s="59">
        <f>Bühler!J483</f>
        <v>1.364478668721985</v>
      </c>
      <c r="K457" s="59">
        <f>Bühler!K483</f>
        <v>2.0467180030829772</v>
      </c>
      <c r="L457" s="59">
        <f>Bühler!L483</f>
        <v>9.8242464147982904</v>
      </c>
      <c r="M457" s="58">
        <f>Bühler!M483</f>
        <v>0</v>
      </c>
      <c r="N457" s="56">
        <f>IF(Input!$D$19=1,J457*Input!$C$19,0)+IF(Input!$D$20=1,K457*Input!$C$20,0)+IF(Input!$D$21=1,L457*Input!$C$21,0)+IF(Input!$D$22=1,M457*Input!$C$22,0)</f>
        <v>0.40934360061659547</v>
      </c>
      <c r="O457" s="59">
        <f>IF(Input!$D$19=2,J457*Input!$C$19,0)+IF(Input!$D$20=2,K457*Input!$C$20,0)+IF(Input!$D$21=2,L457*Input!$C$21,0)+IF(Input!$D$22=2,M457*Input!$C$22,0)</f>
        <v>1.0233590015414886</v>
      </c>
      <c r="P457" s="59">
        <f>IF(Input!$D$19=3,J457*Input!$C$19,0)+IF(Input!$D$20=3,K457*Input!$C$20,0)+IF(Input!$D$21=3,L457*Input!$C$21,0)+IF(Input!$D$22=3,M457*Input!$C$22,0)</f>
        <v>0</v>
      </c>
      <c r="Q457" s="75">
        <f>IF(Input!$D$19=4,J457*Input!$C$19,0)+IF(Input!$D$20=4,K457*Input!$C$20,0)+IF(Input!$D$21=4,L457*Input!$C$21,0)+IF(Input!$D$22=4,M457*Input!$C$22,0)</f>
        <v>0</v>
      </c>
      <c r="R457" s="58">
        <v>63.213651240145204</v>
      </c>
      <c r="S457" s="124">
        <f t="shared" ref="S457:S520" si="7">I457+J457</f>
        <v>1.7738222693385803</v>
      </c>
    </row>
    <row r="458" spans="8:19" x14ac:dyDescent="0.3">
      <c r="H458" s="44">
        <v>451</v>
      </c>
      <c r="I458" s="56">
        <f>Bühler!I484</f>
        <v>0.40934360061659547</v>
      </c>
      <c r="J458" s="59">
        <f>Bühler!J484</f>
        <v>1.364478668721985</v>
      </c>
      <c r="K458" s="59">
        <f>Bühler!K484</f>
        <v>2.0467180030829772</v>
      </c>
      <c r="L458" s="59">
        <f>Bühler!L484</f>
        <v>9.8242464147982904</v>
      </c>
      <c r="M458" s="58">
        <f>Bühler!M484</f>
        <v>0</v>
      </c>
      <c r="N458" s="56">
        <f>IF(Input!$D$19=1,J458*Input!$C$19,0)+IF(Input!$D$20=1,K458*Input!$C$20,0)+IF(Input!$D$21=1,L458*Input!$C$21,0)+IF(Input!$D$22=1,M458*Input!$C$22,0)</f>
        <v>0.40934360061659547</v>
      </c>
      <c r="O458" s="59">
        <f>IF(Input!$D$19=2,J458*Input!$C$19,0)+IF(Input!$D$20=2,K458*Input!$C$20,0)+IF(Input!$D$21=2,L458*Input!$C$21,0)+IF(Input!$D$22=2,M458*Input!$C$22,0)</f>
        <v>1.0233590015414886</v>
      </c>
      <c r="P458" s="59">
        <f>IF(Input!$D$19=3,J458*Input!$C$19,0)+IF(Input!$D$20=3,K458*Input!$C$20,0)+IF(Input!$D$21=3,L458*Input!$C$21,0)+IF(Input!$D$22=3,M458*Input!$C$22,0)</f>
        <v>0</v>
      </c>
      <c r="Q458" s="75">
        <f>IF(Input!$D$19=4,J458*Input!$C$19,0)+IF(Input!$D$20=4,K458*Input!$C$20,0)+IF(Input!$D$21=4,L458*Input!$C$21,0)+IF(Input!$D$22=4,M458*Input!$C$22,0)</f>
        <v>0</v>
      </c>
      <c r="R458" s="58">
        <v>61.235041826371827</v>
      </c>
      <c r="S458" s="124">
        <f t="shared" si="7"/>
        <v>1.7738222693385803</v>
      </c>
    </row>
    <row r="459" spans="8:19" x14ac:dyDescent="0.3">
      <c r="H459" s="44">
        <v>452</v>
      </c>
      <c r="I459" s="56">
        <f>Bühler!I485</f>
        <v>0.40934360061659547</v>
      </c>
      <c r="J459" s="59">
        <f>Bühler!J485</f>
        <v>1.364478668721985</v>
      </c>
      <c r="K459" s="59">
        <f>Bühler!K485</f>
        <v>2.0467180030829772</v>
      </c>
      <c r="L459" s="59">
        <f>Bühler!L485</f>
        <v>9.8242464147982904</v>
      </c>
      <c r="M459" s="58">
        <f>Bühler!M485</f>
        <v>0</v>
      </c>
      <c r="N459" s="56">
        <f>IF(Input!$D$19=1,J459*Input!$C$19,0)+IF(Input!$D$20=1,K459*Input!$C$20,0)+IF(Input!$D$21=1,L459*Input!$C$21,0)+IF(Input!$D$22=1,M459*Input!$C$22,0)</f>
        <v>0.40934360061659547</v>
      </c>
      <c r="O459" s="59">
        <f>IF(Input!$D$19=2,J459*Input!$C$19,0)+IF(Input!$D$20=2,K459*Input!$C$20,0)+IF(Input!$D$21=2,L459*Input!$C$21,0)+IF(Input!$D$22=2,M459*Input!$C$22,0)</f>
        <v>1.0233590015414886</v>
      </c>
      <c r="P459" s="59">
        <f>IF(Input!$D$19=3,J459*Input!$C$19,0)+IF(Input!$D$20=3,K459*Input!$C$20,0)+IF(Input!$D$21=3,L459*Input!$C$21,0)+IF(Input!$D$22=3,M459*Input!$C$22,0)</f>
        <v>0</v>
      </c>
      <c r="Q459" s="75">
        <f>IF(Input!$D$19=4,J459*Input!$C$19,0)+IF(Input!$D$20=4,K459*Input!$C$20,0)+IF(Input!$D$21=4,L459*Input!$C$21,0)+IF(Input!$D$22=4,M459*Input!$C$22,0)</f>
        <v>0</v>
      </c>
      <c r="R459" s="58">
        <v>59.854995940396407</v>
      </c>
      <c r="S459" s="124">
        <f t="shared" si="7"/>
        <v>1.7738222693385803</v>
      </c>
    </row>
    <row r="460" spans="8:19" x14ac:dyDescent="0.3">
      <c r="H460" s="44">
        <v>453</v>
      </c>
      <c r="I460" s="56">
        <f>Bühler!I486</f>
        <v>0.31709715540722178</v>
      </c>
      <c r="J460" s="59">
        <f>Bühler!J486</f>
        <v>1.0569905180240726</v>
      </c>
      <c r="K460" s="59">
        <f>Bühler!K486</f>
        <v>1.5854857770361088</v>
      </c>
      <c r="L460" s="59">
        <f>Bühler!L486</f>
        <v>7.6103317297733222</v>
      </c>
      <c r="M460" s="58">
        <f>Bühler!M486</f>
        <v>0</v>
      </c>
      <c r="N460" s="56">
        <f>IF(Input!$D$19=1,J460*Input!$C$19,0)+IF(Input!$D$20=1,K460*Input!$C$20,0)+IF(Input!$D$21=1,L460*Input!$C$21,0)+IF(Input!$D$22=1,M460*Input!$C$22,0)</f>
        <v>0.31709715540722178</v>
      </c>
      <c r="O460" s="59">
        <f>IF(Input!$D$19=2,J460*Input!$C$19,0)+IF(Input!$D$20=2,K460*Input!$C$20,0)+IF(Input!$D$21=2,L460*Input!$C$21,0)+IF(Input!$D$22=2,M460*Input!$C$22,0)</f>
        <v>0.79274288851805441</v>
      </c>
      <c r="P460" s="59">
        <f>IF(Input!$D$19=3,J460*Input!$C$19,0)+IF(Input!$D$20=3,K460*Input!$C$20,0)+IF(Input!$D$21=3,L460*Input!$C$21,0)+IF(Input!$D$22=3,M460*Input!$C$22,0)</f>
        <v>0</v>
      </c>
      <c r="Q460" s="75">
        <f>IF(Input!$D$19=4,J460*Input!$C$19,0)+IF(Input!$D$20=4,K460*Input!$C$20,0)+IF(Input!$D$21=4,L460*Input!$C$21,0)+IF(Input!$D$22=4,M460*Input!$C$22,0)</f>
        <v>0</v>
      </c>
      <c r="R460" s="58">
        <v>58.814069523695899</v>
      </c>
      <c r="S460" s="124">
        <f t="shared" si="7"/>
        <v>1.3740876734312943</v>
      </c>
    </row>
    <row r="461" spans="8:19" x14ac:dyDescent="0.3">
      <c r="H461" s="44">
        <v>454</v>
      </c>
      <c r="I461" s="56">
        <f>Bühler!I487</f>
        <v>0.12107345933730285</v>
      </c>
      <c r="J461" s="59">
        <f>Bühler!J487</f>
        <v>0.40357819779100956</v>
      </c>
      <c r="K461" s="59">
        <f>Bühler!K487</f>
        <v>0.60536729668651423</v>
      </c>
      <c r="L461" s="59">
        <f>Bühler!L487</f>
        <v>2.9057630240952683</v>
      </c>
      <c r="M461" s="58">
        <f>Bühler!M487</f>
        <v>0</v>
      </c>
      <c r="N461" s="56">
        <f>IF(Input!$D$19=1,J461*Input!$C$19,0)+IF(Input!$D$20=1,K461*Input!$C$20,0)+IF(Input!$D$21=1,L461*Input!$C$21,0)+IF(Input!$D$22=1,M461*Input!$C$22,0)</f>
        <v>0.12107345933730286</v>
      </c>
      <c r="O461" s="59">
        <f>IF(Input!$D$19=2,J461*Input!$C$19,0)+IF(Input!$D$20=2,K461*Input!$C$20,0)+IF(Input!$D$21=2,L461*Input!$C$21,0)+IF(Input!$D$22=2,M461*Input!$C$22,0)</f>
        <v>0.30268364834325712</v>
      </c>
      <c r="P461" s="59">
        <f>IF(Input!$D$19=3,J461*Input!$C$19,0)+IF(Input!$D$20=3,K461*Input!$C$20,0)+IF(Input!$D$21=3,L461*Input!$C$21,0)+IF(Input!$D$22=3,M461*Input!$C$22,0)</f>
        <v>0</v>
      </c>
      <c r="Q461" s="75">
        <f>IF(Input!$D$19=4,J461*Input!$C$19,0)+IF(Input!$D$20=4,K461*Input!$C$20,0)+IF(Input!$D$21=4,L461*Input!$C$21,0)+IF(Input!$D$22=4,M461*Input!$C$22,0)</f>
        <v>0</v>
      </c>
      <c r="R461" s="58">
        <v>57.44377431501551</v>
      </c>
      <c r="S461" s="124">
        <f t="shared" si="7"/>
        <v>0.52465165712831241</v>
      </c>
    </row>
    <row r="462" spans="8:19" x14ac:dyDescent="0.3">
      <c r="H462" s="44">
        <v>455</v>
      </c>
      <c r="I462" s="56">
        <f>Bühler!I488</f>
        <v>0.12107345933730285</v>
      </c>
      <c r="J462" s="59">
        <f>Bühler!J488</f>
        <v>0.40357819779100956</v>
      </c>
      <c r="K462" s="59">
        <f>Bühler!K488</f>
        <v>0.60536729668651423</v>
      </c>
      <c r="L462" s="59">
        <f>Bühler!L488</f>
        <v>2.9057630240952683</v>
      </c>
      <c r="M462" s="58">
        <f>Bühler!M488</f>
        <v>0</v>
      </c>
      <c r="N462" s="56">
        <f>IF(Input!$D$19=1,J462*Input!$C$19,0)+IF(Input!$D$20=1,K462*Input!$C$20,0)+IF(Input!$D$21=1,L462*Input!$C$21,0)+IF(Input!$D$22=1,M462*Input!$C$22,0)</f>
        <v>0.12107345933730286</v>
      </c>
      <c r="O462" s="59">
        <f>IF(Input!$D$19=2,J462*Input!$C$19,0)+IF(Input!$D$20=2,K462*Input!$C$20,0)+IF(Input!$D$21=2,L462*Input!$C$21,0)+IF(Input!$D$22=2,M462*Input!$C$22,0)</f>
        <v>0.30268364834325712</v>
      </c>
      <c r="P462" s="59">
        <f>IF(Input!$D$19=3,J462*Input!$C$19,0)+IF(Input!$D$20=3,K462*Input!$C$20,0)+IF(Input!$D$21=3,L462*Input!$C$21,0)+IF(Input!$D$22=3,M462*Input!$C$22,0)</f>
        <v>0</v>
      </c>
      <c r="Q462" s="75">
        <f>IF(Input!$D$19=4,J462*Input!$C$19,0)+IF(Input!$D$20=4,K462*Input!$C$20,0)+IF(Input!$D$21=4,L462*Input!$C$21,0)+IF(Input!$D$22=4,M462*Input!$C$22,0)</f>
        <v>0</v>
      </c>
      <c r="R462" s="58">
        <v>57.38776553103078</v>
      </c>
      <c r="S462" s="124">
        <f t="shared" si="7"/>
        <v>0.52465165712831241</v>
      </c>
    </row>
    <row r="463" spans="8:19" x14ac:dyDescent="0.3">
      <c r="H463" s="44">
        <v>456</v>
      </c>
      <c r="I463" s="56">
        <f>Bühler!I489</f>
        <v>0.12107345933730285</v>
      </c>
      <c r="J463" s="59">
        <f>Bühler!J489</f>
        <v>0.40357819779100956</v>
      </c>
      <c r="K463" s="59">
        <f>Bühler!K489</f>
        <v>0.60536729668651423</v>
      </c>
      <c r="L463" s="59">
        <f>Bühler!L489</f>
        <v>2.9057630240952683</v>
      </c>
      <c r="M463" s="58">
        <f>Bühler!M489</f>
        <v>0</v>
      </c>
      <c r="N463" s="56">
        <f>IF(Input!$D$19=1,J463*Input!$C$19,0)+IF(Input!$D$20=1,K463*Input!$C$20,0)+IF(Input!$D$21=1,L463*Input!$C$21,0)+IF(Input!$D$22=1,M463*Input!$C$22,0)</f>
        <v>0.12107345933730286</v>
      </c>
      <c r="O463" s="59">
        <f>IF(Input!$D$19=2,J463*Input!$C$19,0)+IF(Input!$D$20=2,K463*Input!$C$20,0)+IF(Input!$D$21=2,L463*Input!$C$21,0)+IF(Input!$D$22=2,M463*Input!$C$22,0)</f>
        <v>0.30268364834325712</v>
      </c>
      <c r="P463" s="59">
        <f>IF(Input!$D$19=3,J463*Input!$C$19,0)+IF(Input!$D$20=3,K463*Input!$C$20,0)+IF(Input!$D$21=3,L463*Input!$C$21,0)+IF(Input!$D$22=3,M463*Input!$C$22,0)</f>
        <v>0</v>
      </c>
      <c r="Q463" s="75">
        <f>IF(Input!$D$19=4,J463*Input!$C$19,0)+IF(Input!$D$20=4,K463*Input!$C$20,0)+IF(Input!$D$21=4,L463*Input!$C$21,0)+IF(Input!$D$22=4,M463*Input!$C$22,0)</f>
        <v>0</v>
      </c>
      <c r="R463" s="58">
        <v>56.318838007639584</v>
      </c>
      <c r="S463" s="124">
        <f t="shared" si="7"/>
        <v>0.52465165712831241</v>
      </c>
    </row>
    <row r="464" spans="8:19" x14ac:dyDescent="0.3">
      <c r="H464" s="44">
        <v>457</v>
      </c>
      <c r="I464" s="56">
        <f>Bühler!I490</f>
        <v>8.6188099774936189E-2</v>
      </c>
      <c r="J464" s="59">
        <f>Bühler!J490</f>
        <v>0.287293665916454</v>
      </c>
      <c r="K464" s="59">
        <f>Bühler!K490</f>
        <v>0.430940498874681</v>
      </c>
      <c r="L464" s="59">
        <f>Bühler!L490</f>
        <v>4.391315088272683</v>
      </c>
      <c r="M464" s="58">
        <f>Bühler!M490</f>
        <v>0</v>
      </c>
      <c r="N464" s="56">
        <f>IF(Input!$D$19=1,J464*Input!$C$19,0)+IF(Input!$D$20=1,K464*Input!$C$20,0)+IF(Input!$D$21=1,L464*Input!$C$21,0)+IF(Input!$D$22=1,M464*Input!$C$22,0)</f>
        <v>8.6188099774936203E-2</v>
      </c>
      <c r="O464" s="59">
        <f>IF(Input!$D$19=2,J464*Input!$C$19,0)+IF(Input!$D$20=2,K464*Input!$C$20,0)+IF(Input!$D$21=2,L464*Input!$C$21,0)+IF(Input!$D$22=2,M464*Input!$C$22,0)</f>
        <v>0.2154702494373405</v>
      </c>
      <c r="P464" s="59">
        <f>IF(Input!$D$19=3,J464*Input!$C$19,0)+IF(Input!$D$20=3,K464*Input!$C$20,0)+IF(Input!$D$21=3,L464*Input!$C$21,0)+IF(Input!$D$22=3,M464*Input!$C$22,0)</f>
        <v>0</v>
      </c>
      <c r="Q464" s="75">
        <f>IF(Input!$D$19=4,J464*Input!$C$19,0)+IF(Input!$D$20=4,K464*Input!$C$20,0)+IF(Input!$D$21=4,L464*Input!$C$21,0)+IF(Input!$D$22=4,M464*Input!$C$22,0)</f>
        <v>0</v>
      </c>
      <c r="R464" s="58">
        <v>55.089495028865315</v>
      </c>
      <c r="S464" s="124">
        <f t="shared" si="7"/>
        <v>0.37348176569139019</v>
      </c>
    </row>
    <row r="465" spans="8:19" x14ac:dyDescent="0.3">
      <c r="H465" s="44">
        <v>458</v>
      </c>
      <c r="I465" s="56">
        <f>Bühler!I491</f>
        <v>0.16827200432249448</v>
      </c>
      <c r="J465" s="59">
        <f>Bühler!J491</f>
        <v>0.56090668107498165</v>
      </c>
      <c r="K465" s="59">
        <f>Bühler!K491</f>
        <v>0.84136002161247248</v>
      </c>
      <c r="L465" s="59">
        <f>Bühler!L491</f>
        <v>8.5735199342466668</v>
      </c>
      <c r="M465" s="58">
        <f>Bühler!M491</f>
        <v>0</v>
      </c>
      <c r="N465" s="56">
        <f>IF(Input!$D$19=1,J465*Input!$C$19,0)+IF(Input!$D$20=1,K465*Input!$C$20,0)+IF(Input!$D$21=1,L465*Input!$C$21,0)+IF(Input!$D$22=1,M465*Input!$C$22,0)</f>
        <v>0.16827200432249448</v>
      </c>
      <c r="O465" s="59">
        <f>IF(Input!$D$19=2,J465*Input!$C$19,0)+IF(Input!$D$20=2,K465*Input!$C$20,0)+IF(Input!$D$21=2,L465*Input!$C$21,0)+IF(Input!$D$22=2,M465*Input!$C$22,0)</f>
        <v>0.42068001080623624</v>
      </c>
      <c r="P465" s="59">
        <f>IF(Input!$D$19=3,J465*Input!$C$19,0)+IF(Input!$D$20=3,K465*Input!$C$20,0)+IF(Input!$D$21=3,L465*Input!$C$21,0)+IF(Input!$D$22=3,M465*Input!$C$22,0)</f>
        <v>0</v>
      </c>
      <c r="Q465" s="75">
        <f>IF(Input!$D$19=4,J465*Input!$C$19,0)+IF(Input!$D$20=4,K465*Input!$C$20,0)+IF(Input!$D$21=4,L465*Input!$C$21,0)+IF(Input!$D$22=4,M465*Input!$C$22,0)</f>
        <v>0</v>
      </c>
      <c r="R465" s="58">
        <v>54.574321107173297</v>
      </c>
      <c r="S465" s="124">
        <f t="shared" si="7"/>
        <v>0.7291786853974761</v>
      </c>
    </row>
    <row r="466" spans="8:19" x14ac:dyDescent="0.3">
      <c r="H466" s="44">
        <v>459</v>
      </c>
      <c r="I466" s="56">
        <f>Bühler!I492</f>
        <v>0.16827200432249448</v>
      </c>
      <c r="J466" s="59">
        <f>Bühler!J492</f>
        <v>0.56090668107498165</v>
      </c>
      <c r="K466" s="59">
        <f>Bühler!K492</f>
        <v>0.84136002161247248</v>
      </c>
      <c r="L466" s="59">
        <f>Bühler!L492</f>
        <v>8.5735199342466668</v>
      </c>
      <c r="M466" s="58">
        <f>Bühler!M492</f>
        <v>0</v>
      </c>
      <c r="N466" s="56">
        <f>IF(Input!$D$19=1,J466*Input!$C$19,0)+IF(Input!$D$20=1,K466*Input!$C$20,0)+IF(Input!$D$21=1,L466*Input!$C$21,0)+IF(Input!$D$22=1,M466*Input!$C$22,0)</f>
        <v>0.16827200432249448</v>
      </c>
      <c r="O466" s="59">
        <f>IF(Input!$D$19=2,J466*Input!$C$19,0)+IF(Input!$D$20=2,K466*Input!$C$20,0)+IF(Input!$D$21=2,L466*Input!$C$21,0)+IF(Input!$D$22=2,M466*Input!$C$22,0)</f>
        <v>0.42068001080623624</v>
      </c>
      <c r="P466" s="59">
        <f>IF(Input!$D$19=3,J466*Input!$C$19,0)+IF(Input!$D$20=3,K466*Input!$C$20,0)+IF(Input!$D$21=3,L466*Input!$C$21,0)+IF(Input!$D$22=3,M466*Input!$C$22,0)</f>
        <v>0</v>
      </c>
      <c r="Q466" s="75">
        <f>IF(Input!$D$19=4,J466*Input!$C$19,0)+IF(Input!$D$20=4,K466*Input!$C$20,0)+IF(Input!$D$21=4,L466*Input!$C$21,0)+IF(Input!$D$22=4,M466*Input!$C$22,0)</f>
        <v>0</v>
      </c>
      <c r="R466" s="58">
        <v>53.994203165497233</v>
      </c>
      <c r="S466" s="124">
        <f t="shared" si="7"/>
        <v>0.7291786853974761</v>
      </c>
    </row>
    <row r="467" spans="8:19" x14ac:dyDescent="0.3">
      <c r="H467" s="44">
        <v>460</v>
      </c>
      <c r="I467" s="56">
        <f>Bühler!I493</f>
        <v>0.16827200432249448</v>
      </c>
      <c r="J467" s="59">
        <f>Bühler!J493</f>
        <v>0.56090668107498165</v>
      </c>
      <c r="K467" s="59">
        <f>Bühler!K493</f>
        <v>0.84136002161247248</v>
      </c>
      <c r="L467" s="59">
        <f>Bühler!L493</f>
        <v>8.5735199342466668</v>
      </c>
      <c r="M467" s="58">
        <f>Bühler!M493</f>
        <v>0</v>
      </c>
      <c r="N467" s="56">
        <f>IF(Input!$D$19=1,J467*Input!$C$19,0)+IF(Input!$D$20=1,K467*Input!$C$20,0)+IF(Input!$D$21=1,L467*Input!$C$21,0)+IF(Input!$D$22=1,M467*Input!$C$22,0)</f>
        <v>0.16827200432249448</v>
      </c>
      <c r="O467" s="59">
        <f>IF(Input!$D$19=2,J467*Input!$C$19,0)+IF(Input!$D$20=2,K467*Input!$C$20,0)+IF(Input!$D$21=2,L467*Input!$C$21,0)+IF(Input!$D$22=2,M467*Input!$C$22,0)</f>
        <v>0.42068001080623624</v>
      </c>
      <c r="P467" s="59">
        <f>IF(Input!$D$19=3,J467*Input!$C$19,0)+IF(Input!$D$20=3,K467*Input!$C$20,0)+IF(Input!$D$21=3,L467*Input!$C$21,0)+IF(Input!$D$22=3,M467*Input!$C$22,0)</f>
        <v>0</v>
      </c>
      <c r="Q467" s="75">
        <f>IF(Input!$D$19=4,J467*Input!$C$19,0)+IF(Input!$D$20=4,K467*Input!$C$20,0)+IF(Input!$D$21=4,L467*Input!$C$21,0)+IF(Input!$D$22=4,M467*Input!$C$22,0)</f>
        <v>0</v>
      </c>
      <c r="R467" s="58">
        <v>52.528994532358617</v>
      </c>
      <c r="S467" s="124">
        <f t="shared" si="7"/>
        <v>0.7291786853974761</v>
      </c>
    </row>
    <row r="468" spans="8:19" x14ac:dyDescent="0.3">
      <c r="H468" s="44">
        <v>461</v>
      </c>
      <c r="I468" s="56">
        <f>Bühler!I494</f>
        <v>0.16827200432249448</v>
      </c>
      <c r="J468" s="59">
        <f>Bühler!J494</f>
        <v>0.56090668107498165</v>
      </c>
      <c r="K468" s="59">
        <f>Bühler!K494</f>
        <v>0.84136002161247248</v>
      </c>
      <c r="L468" s="59">
        <f>Bühler!L494</f>
        <v>8.5735199342466668</v>
      </c>
      <c r="M468" s="58">
        <f>Bühler!M494</f>
        <v>0</v>
      </c>
      <c r="N468" s="56">
        <f>IF(Input!$D$19=1,J468*Input!$C$19,0)+IF(Input!$D$20=1,K468*Input!$C$20,0)+IF(Input!$D$21=1,L468*Input!$C$21,0)+IF(Input!$D$22=1,M468*Input!$C$22,0)</f>
        <v>0.16827200432249448</v>
      </c>
      <c r="O468" s="59">
        <f>IF(Input!$D$19=2,J468*Input!$C$19,0)+IF(Input!$D$20=2,K468*Input!$C$20,0)+IF(Input!$D$21=2,L468*Input!$C$21,0)+IF(Input!$D$22=2,M468*Input!$C$22,0)</f>
        <v>0.42068001080623624</v>
      </c>
      <c r="P468" s="59">
        <f>IF(Input!$D$19=3,J468*Input!$C$19,0)+IF(Input!$D$20=3,K468*Input!$C$20,0)+IF(Input!$D$21=3,L468*Input!$C$21,0)+IF(Input!$D$22=3,M468*Input!$C$22,0)</f>
        <v>0</v>
      </c>
      <c r="Q468" s="75">
        <f>IF(Input!$D$19=4,J468*Input!$C$19,0)+IF(Input!$D$20=4,K468*Input!$C$20,0)+IF(Input!$D$21=4,L468*Input!$C$21,0)+IF(Input!$D$22=4,M468*Input!$C$22,0)</f>
        <v>0</v>
      </c>
      <c r="R468" s="58">
        <v>51.851863495601442</v>
      </c>
      <c r="S468" s="124">
        <f t="shared" si="7"/>
        <v>0.7291786853974761</v>
      </c>
    </row>
    <row r="469" spans="8:19" x14ac:dyDescent="0.3">
      <c r="H469" s="44">
        <v>462</v>
      </c>
      <c r="I469" s="56">
        <f>Bühler!I495</f>
        <v>0.20931395659627361</v>
      </c>
      <c r="J469" s="59">
        <f>Bühler!J495</f>
        <v>0.69771318865424548</v>
      </c>
      <c r="K469" s="59">
        <f>Bühler!K495</f>
        <v>1.0465697829813683</v>
      </c>
      <c r="L469" s="59">
        <f>Bühler!L495</f>
        <v>10.664622357233659</v>
      </c>
      <c r="M469" s="58">
        <f>Bühler!M495</f>
        <v>0</v>
      </c>
      <c r="N469" s="56">
        <f>IF(Input!$D$19=1,J469*Input!$C$19,0)+IF(Input!$D$20=1,K469*Input!$C$20,0)+IF(Input!$D$21=1,L469*Input!$C$21,0)+IF(Input!$D$22=1,M469*Input!$C$22,0)</f>
        <v>0.20931395659627364</v>
      </c>
      <c r="O469" s="59">
        <f>IF(Input!$D$19=2,J469*Input!$C$19,0)+IF(Input!$D$20=2,K469*Input!$C$20,0)+IF(Input!$D$21=2,L469*Input!$C$21,0)+IF(Input!$D$22=2,M469*Input!$C$22,0)</f>
        <v>0.52328489149068413</v>
      </c>
      <c r="P469" s="59">
        <f>IF(Input!$D$19=3,J469*Input!$C$19,0)+IF(Input!$D$20=3,K469*Input!$C$20,0)+IF(Input!$D$21=3,L469*Input!$C$21,0)+IF(Input!$D$22=3,M469*Input!$C$22,0)</f>
        <v>0</v>
      </c>
      <c r="Q469" s="75">
        <f>IF(Input!$D$19=4,J469*Input!$C$19,0)+IF(Input!$D$20=4,K469*Input!$C$20,0)+IF(Input!$D$21=4,L469*Input!$C$21,0)+IF(Input!$D$22=4,M469*Input!$C$22,0)</f>
        <v>0</v>
      </c>
      <c r="R469" s="58">
        <v>51.331044837223963</v>
      </c>
      <c r="S469" s="124">
        <f t="shared" si="7"/>
        <v>0.90702714525051908</v>
      </c>
    </row>
    <row r="470" spans="8:19" x14ac:dyDescent="0.3">
      <c r="H470" s="44">
        <v>463</v>
      </c>
      <c r="I470" s="56">
        <f>Bühler!I496</f>
        <v>0.26266849455218649</v>
      </c>
      <c r="J470" s="59">
        <f>Bühler!J496</f>
        <v>0.87556164850728846</v>
      </c>
      <c r="K470" s="59">
        <f>Bühler!K496</f>
        <v>1.3133424727609326</v>
      </c>
      <c r="L470" s="59">
        <f>Bühler!L496</f>
        <v>13.383055507116749</v>
      </c>
      <c r="M470" s="58">
        <f>Bühler!M496</f>
        <v>0</v>
      </c>
      <c r="N470" s="56">
        <f>IF(Input!$D$19=1,J470*Input!$C$19,0)+IF(Input!$D$20=1,K470*Input!$C$20,0)+IF(Input!$D$21=1,L470*Input!$C$21,0)+IF(Input!$D$22=1,M470*Input!$C$22,0)</f>
        <v>0.26266849455218655</v>
      </c>
      <c r="O470" s="59">
        <f>IF(Input!$D$19=2,J470*Input!$C$19,0)+IF(Input!$D$20=2,K470*Input!$C$20,0)+IF(Input!$D$21=2,L470*Input!$C$21,0)+IF(Input!$D$22=2,M470*Input!$C$22,0)</f>
        <v>0.65667123638046632</v>
      </c>
      <c r="P470" s="59">
        <f>IF(Input!$D$19=3,J470*Input!$C$19,0)+IF(Input!$D$20=3,K470*Input!$C$20,0)+IF(Input!$D$21=3,L470*Input!$C$21,0)+IF(Input!$D$22=3,M470*Input!$C$22,0)</f>
        <v>0</v>
      </c>
      <c r="Q470" s="75">
        <f>IF(Input!$D$19=4,J470*Input!$C$19,0)+IF(Input!$D$20=4,K470*Input!$C$20,0)+IF(Input!$D$21=4,L470*Input!$C$21,0)+IF(Input!$D$22=4,M470*Input!$C$22,0)</f>
        <v>0</v>
      </c>
      <c r="R470" s="58">
        <v>51.600244711842258</v>
      </c>
      <c r="S470" s="124">
        <f t="shared" si="7"/>
        <v>1.138230143059475</v>
      </c>
    </row>
    <row r="471" spans="8:19" x14ac:dyDescent="0.3">
      <c r="H471" s="44">
        <v>464</v>
      </c>
      <c r="I471" s="56">
        <f>Bühler!I497</f>
        <v>0.29960625159858773</v>
      </c>
      <c r="J471" s="59">
        <f>Bühler!J497</f>
        <v>0.99868750532862594</v>
      </c>
      <c r="K471" s="59">
        <f>Bühler!K497</f>
        <v>1.4980312579929389</v>
      </c>
      <c r="L471" s="59">
        <f>Bühler!L497</f>
        <v>15.265047687805041</v>
      </c>
      <c r="M471" s="58">
        <f>Bühler!M497</f>
        <v>0</v>
      </c>
      <c r="N471" s="56">
        <f>IF(Input!$D$19=1,J471*Input!$C$19,0)+IF(Input!$D$20=1,K471*Input!$C$20,0)+IF(Input!$D$21=1,L471*Input!$C$21,0)+IF(Input!$D$22=1,M471*Input!$C$22,0)</f>
        <v>0.29960625159858778</v>
      </c>
      <c r="O471" s="59">
        <f>IF(Input!$D$19=2,J471*Input!$C$19,0)+IF(Input!$D$20=2,K471*Input!$C$20,0)+IF(Input!$D$21=2,L471*Input!$C$21,0)+IF(Input!$D$22=2,M471*Input!$C$22,0)</f>
        <v>0.74901562899646945</v>
      </c>
      <c r="P471" s="59">
        <f>IF(Input!$D$19=3,J471*Input!$C$19,0)+IF(Input!$D$20=3,K471*Input!$C$20,0)+IF(Input!$D$21=3,L471*Input!$C$21,0)+IF(Input!$D$22=3,M471*Input!$C$22,0)</f>
        <v>0</v>
      </c>
      <c r="Q471" s="75">
        <f>IF(Input!$D$19=4,J471*Input!$C$19,0)+IF(Input!$D$20=4,K471*Input!$C$20,0)+IF(Input!$D$21=4,L471*Input!$C$21,0)+IF(Input!$D$22=4,M471*Input!$C$22,0)</f>
        <v>0</v>
      </c>
      <c r="R471" s="58">
        <v>51.558654557906138</v>
      </c>
      <c r="S471" s="124">
        <f t="shared" si="7"/>
        <v>1.2982937569272137</v>
      </c>
    </row>
    <row r="472" spans="8:19" x14ac:dyDescent="0.3">
      <c r="H472" s="44">
        <v>465</v>
      </c>
      <c r="I472" s="56">
        <f>Bühler!I498</f>
        <v>0.29960625159858773</v>
      </c>
      <c r="J472" s="59">
        <f>Bühler!J498</f>
        <v>0.99868750532862594</v>
      </c>
      <c r="K472" s="59">
        <f>Bühler!K498</f>
        <v>1.4980312579929389</v>
      </c>
      <c r="L472" s="59">
        <f>Bühler!L498</f>
        <v>15.265047687805041</v>
      </c>
      <c r="M472" s="58">
        <f>Bühler!M498</f>
        <v>0</v>
      </c>
      <c r="N472" s="56">
        <f>IF(Input!$D$19=1,J472*Input!$C$19,0)+IF(Input!$D$20=1,K472*Input!$C$20,0)+IF(Input!$D$21=1,L472*Input!$C$21,0)+IF(Input!$D$22=1,M472*Input!$C$22,0)</f>
        <v>0.29960625159858778</v>
      </c>
      <c r="O472" s="59">
        <f>IF(Input!$D$19=2,J472*Input!$C$19,0)+IF(Input!$D$20=2,K472*Input!$C$20,0)+IF(Input!$D$21=2,L472*Input!$C$21,0)+IF(Input!$D$22=2,M472*Input!$C$22,0)</f>
        <v>0.74901562899646945</v>
      </c>
      <c r="P472" s="59">
        <f>IF(Input!$D$19=3,J472*Input!$C$19,0)+IF(Input!$D$20=3,K472*Input!$C$20,0)+IF(Input!$D$21=3,L472*Input!$C$21,0)+IF(Input!$D$22=3,M472*Input!$C$22,0)</f>
        <v>0</v>
      </c>
      <c r="Q472" s="75">
        <f>IF(Input!$D$19=4,J472*Input!$C$19,0)+IF(Input!$D$20=4,K472*Input!$C$20,0)+IF(Input!$D$21=4,L472*Input!$C$21,0)+IF(Input!$D$22=4,M472*Input!$C$22,0)</f>
        <v>0</v>
      </c>
      <c r="R472" s="58">
        <v>50.99150906628936</v>
      </c>
      <c r="S472" s="124">
        <f t="shared" si="7"/>
        <v>1.2982937569272137</v>
      </c>
    </row>
    <row r="473" spans="8:19" x14ac:dyDescent="0.3">
      <c r="H473" s="44">
        <v>466</v>
      </c>
      <c r="I473" s="56">
        <f>Bühler!I499</f>
        <v>0.29960625159858773</v>
      </c>
      <c r="J473" s="59">
        <f>Bühler!J499</f>
        <v>0.99868750532862594</v>
      </c>
      <c r="K473" s="59">
        <f>Bühler!K499</f>
        <v>1.4980312579929389</v>
      </c>
      <c r="L473" s="59">
        <f>Bühler!L499</f>
        <v>15.265047687805041</v>
      </c>
      <c r="M473" s="58">
        <f>Bühler!M499</f>
        <v>0</v>
      </c>
      <c r="N473" s="56">
        <f>IF(Input!$D$19=1,J473*Input!$C$19,0)+IF(Input!$D$20=1,K473*Input!$C$20,0)+IF(Input!$D$21=1,L473*Input!$C$21,0)+IF(Input!$D$22=1,M473*Input!$C$22,0)</f>
        <v>0.29960625159858778</v>
      </c>
      <c r="O473" s="59">
        <f>IF(Input!$D$19=2,J473*Input!$C$19,0)+IF(Input!$D$20=2,K473*Input!$C$20,0)+IF(Input!$D$21=2,L473*Input!$C$21,0)+IF(Input!$D$22=2,M473*Input!$C$22,0)</f>
        <v>0.74901562899646945</v>
      </c>
      <c r="P473" s="59">
        <f>IF(Input!$D$19=3,J473*Input!$C$19,0)+IF(Input!$D$20=3,K473*Input!$C$20,0)+IF(Input!$D$21=3,L473*Input!$C$21,0)+IF(Input!$D$22=3,M473*Input!$C$22,0)</f>
        <v>0</v>
      </c>
      <c r="Q473" s="75">
        <f>IF(Input!$D$19=4,J473*Input!$C$19,0)+IF(Input!$D$20=4,K473*Input!$C$20,0)+IF(Input!$D$21=4,L473*Input!$C$21,0)+IF(Input!$D$22=4,M473*Input!$C$22,0)</f>
        <v>0</v>
      </c>
      <c r="R473" s="58">
        <v>49.896592570702808</v>
      </c>
      <c r="S473" s="124">
        <f t="shared" si="7"/>
        <v>1.2982937569272137</v>
      </c>
    </row>
    <row r="474" spans="8:19" x14ac:dyDescent="0.3">
      <c r="H474" s="44">
        <v>467</v>
      </c>
      <c r="I474" s="56">
        <f>Bühler!I500</f>
        <v>0.29960625159858773</v>
      </c>
      <c r="J474" s="59">
        <f>Bühler!J500</f>
        <v>0.99868750532862594</v>
      </c>
      <c r="K474" s="59">
        <f>Bühler!K500</f>
        <v>1.4980312579929389</v>
      </c>
      <c r="L474" s="59">
        <f>Bühler!L500</f>
        <v>15.265047687805041</v>
      </c>
      <c r="M474" s="58">
        <f>Bühler!M500</f>
        <v>0</v>
      </c>
      <c r="N474" s="56">
        <f>IF(Input!$D$19=1,J474*Input!$C$19,0)+IF(Input!$D$20=1,K474*Input!$C$20,0)+IF(Input!$D$21=1,L474*Input!$C$21,0)+IF(Input!$D$22=1,M474*Input!$C$22,0)</f>
        <v>0.29960625159858778</v>
      </c>
      <c r="O474" s="59">
        <f>IF(Input!$D$19=2,J474*Input!$C$19,0)+IF(Input!$D$20=2,K474*Input!$C$20,0)+IF(Input!$D$21=2,L474*Input!$C$21,0)+IF(Input!$D$22=2,M474*Input!$C$22,0)</f>
        <v>0.74901562899646945</v>
      </c>
      <c r="P474" s="59">
        <f>IF(Input!$D$19=3,J474*Input!$C$19,0)+IF(Input!$D$20=3,K474*Input!$C$20,0)+IF(Input!$D$21=3,L474*Input!$C$21,0)+IF(Input!$D$22=3,M474*Input!$C$22,0)</f>
        <v>0</v>
      </c>
      <c r="Q474" s="75">
        <f>IF(Input!$D$19=4,J474*Input!$C$19,0)+IF(Input!$D$20=4,K474*Input!$C$20,0)+IF(Input!$D$21=4,L474*Input!$C$21,0)+IF(Input!$D$22=4,M474*Input!$C$22,0)</f>
        <v>0</v>
      </c>
      <c r="R474" s="58">
        <v>49.808614369040718</v>
      </c>
      <c r="S474" s="124">
        <f t="shared" si="7"/>
        <v>1.2982937569272137</v>
      </c>
    </row>
    <row r="475" spans="8:19" x14ac:dyDescent="0.3">
      <c r="H475" s="44">
        <v>468</v>
      </c>
      <c r="I475" s="56">
        <f>Bühler!I501</f>
        <v>0.29960625159858773</v>
      </c>
      <c r="J475" s="59">
        <f>Bühler!J501</f>
        <v>0.99868750532862594</v>
      </c>
      <c r="K475" s="59">
        <f>Bühler!K501</f>
        <v>1.4980312579929389</v>
      </c>
      <c r="L475" s="59">
        <f>Bühler!L501</f>
        <v>15.265047687805041</v>
      </c>
      <c r="M475" s="58">
        <f>Bühler!M501</f>
        <v>0</v>
      </c>
      <c r="N475" s="56">
        <f>IF(Input!$D$19=1,J475*Input!$C$19,0)+IF(Input!$D$20=1,K475*Input!$C$20,0)+IF(Input!$D$21=1,L475*Input!$C$21,0)+IF(Input!$D$22=1,M475*Input!$C$22,0)</f>
        <v>0.29960625159858778</v>
      </c>
      <c r="O475" s="59">
        <f>IF(Input!$D$19=2,J475*Input!$C$19,0)+IF(Input!$D$20=2,K475*Input!$C$20,0)+IF(Input!$D$21=2,L475*Input!$C$21,0)+IF(Input!$D$22=2,M475*Input!$C$22,0)</f>
        <v>0.74901562899646945</v>
      </c>
      <c r="P475" s="59">
        <f>IF(Input!$D$19=3,J475*Input!$C$19,0)+IF(Input!$D$20=3,K475*Input!$C$20,0)+IF(Input!$D$21=3,L475*Input!$C$21,0)+IF(Input!$D$22=3,M475*Input!$C$22,0)</f>
        <v>0</v>
      </c>
      <c r="Q475" s="75">
        <f>IF(Input!$D$19=4,J475*Input!$C$19,0)+IF(Input!$D$20=4,K475*Input!$C$20,0)+IF(Input!$D$21=4,L475*Input!$C$21,0)+IF(Input!$D$22=4,M475*Input!$C$22,0)</f>
        <v>0</v>
      </c>
      <c r="R475" s="58">
        <v>49.355335883904417</v>
      </c>
      <c r="S475" s="124">
        <f t="shared" si="7"/>
        <v>1.2982937569272137</v>
      </c>
    </row>
    <row r="476" spans="8:19" x14ac:dyDescent="0.3">
      <c r="H476" s="44">
        <v>469</v>
      </c>
      <c r="I476" s="56">
        <f>Bühler!I502</f>
        <v>0.29960625159858773</v>
      </c>
      <c r="J476" s="59">
        <f>Bühler!J502</f>
        <v>0.99868750532862594</v>
      </c>
      <c r="K476" s="59">
        <f>Bühler!K502</f>
        <v>1.4980312579929389</v>
      </c>
      <c r="L476" s="59">
        <f>Bühler!L502</f>
        <v>15.265047687805041</v>
      </c>
      <c r="M476" s="58">
        <f>Bühler!M502</f>
        <v>0</v>
      </c>
      <c r="N476" s="56">
        <f>IF(Input!$D$19=1,J476*Input!$C$19,0)+IF(Input!$D$20=1,K476*Input!$C$20,0)+IF(Input!$D$21=1,L476*Input!$C$21,0)+IF(Input!$D$22=1,M476*Input!$C$22,0)</f>
        <v>0.29960625159858778</v>
      </c>
      <c r="O476" s="59">
        <f>IF(Input!$D$19=2,J476*Input!$C$19,0)+IF(Input!$D$20=2,K476*Input!$C$20,0)+IF(Input!$D$21=2,L476*Input!$C$21,0)+IF(Input!$D$22=2,M476*Input!$C$22,0)</f>
        <v>0.74901562899646945</v>
      </c>
      <c r="P476" s="59">
        <f>IF(Input!$D$19=3,J476*Input!$C$19,0)+IF(Input!$D$20=3,K476*Input!$C$20,0)+IF(Input!$D$21=3,L476*Input!$C$21,0)+IF(Input!$D$22=3,M476*Input!$C$22,0)</f>
        <v>0</v>
      </c>
      <c r="Q476" s="75">
        <f>IF(Input!$D$19=4,J476*Input!$C$19,0)+IF(Input!$D$20=4,K476*Input!$C$20,0)+IF(Input!$D$21=4,L476*Input!$C$21,0)+IF(Input!$D$22=4,M476*Input!$C$22,0)</f>
        <v>0</v>
      </c>
      <c r="R476" s="58">
        <v>48.4370090016671</v>
      </c>
      <c r="S476" s="124">
        <f t="shared" si="7"/>
        <v>1.2982937569272137</v>
      </c>
    </row>
    <row r="477" spans="8:19" x14ac:dyDescent="0.3">
      <c r="H477" s="44">
        <v>470</v>
      </c>
      <c r="I477" s="56">
        <f>Bühler!I503</f>
        <v>0.29960625159858773</v>
      </c>
      <c r="J477" s="59">
        <f>Bühler!J503</f>
        <v>0.99868750532862594</v>
      </c>
      <c r="K477" s="59">
        <f>Bühler!K503</f>
        <v>1.4980312579929389</v>
      </c>
      <c r="L477" s="59">
        <f>Bühler!L503</f>
        <v>15.265047687805041</v>
      </c>
      <c r="M477" s="58">
        <f>Bühler!M503</f>
        <v>0</v>
      </c>
      <c r="N477" s="56">
        <f>IF(Input!$D$19=1,J477*Input!$C$19,0)+IF(Input!$D$20=1,K477*Input!$C$20,0)+IF(Input!$D$21=1,L477*Input!$C$21,0)+IF(Input!$D$22=1,M477*Input!$C$22,0)</f>
        <v>0.29960625159858778</v>
      </c>
      <c r="O477" s="59">
        <f>IF(Input!$D$19=2,J477*Input!$C$19,0)+IF(Input!$D$20=2,K477*Input!$C$20,0)+IF(Input!$D$21=2,L477*Input!$C$21,0)+IF(Input!$D$22=2,M477*Input!$C$22,0)</f>
        <v>0.74901562899646945</v>
      </c>
      <c r="P477" s="59">
        <f>IF(Input!$D$19=3,J477*Input!$C$19,0)+IF(Input!$D$20=3,K477*Input!$C$20,0)+IF(Input!$D$21=3,L477*Input!$C$21,0)+IF(Input!$D$22=3,M477*Input!$C$22,0)</f>
        <v>0</v>
      </c>
      <c r="Q477" s="75">
        <f>IF(Input!$D$19=4,J477*Input!$C$19,0)+IF(Input!$D$20=4,K477*Input!$C$20,0)+IF(Input!$D$21=4,L477*Input!$C$21,0)+IF(Input!$D$22=4,M477*Input!$C$22,0)</f>
        <v>0</v>
      </c>
      <c r="R477" s="58">
        <v>47.859186220773729</v>
      </c>
      <c r="S477" s="124">
        <f t="shared" si="7"/>
        <v>1.2982937569272137</v>
      </c>
    </row>
    <row r="478" spans="8:19" x14ac:dyDescent="0.3">
      <c r="H478" s="44">
        <v>471</v>
      </c>
      <c r="I478" s="56">
        <f>Bühler!I504</f>
        <v>0.29960625159858773</v>
      </c>
      <c r="J478" s="59">
        <f>Bühler!J504</f>
        <v>0.99868750532862594</v>
      </c>
      <c r="K478" s="59">
        <f>Bühler!K504</f>
        <v>1.4980312579929389</v>
      </c>
      <c r="L478" s="59">
        <f>Bühler!L504</f>
        <v>15.265047687805041</v>
      </c>
      <c r="M478" s="58">
        <f>Bühler!M504</f>
        <v>0</v>
      </c>
      <c r="N478" s="56">
        <f>IF(Input!$D$19=1,J478*Input!$C$19,0)+IF(Input!$D$20=1,K478*Input!$C$20,0)+IF(Input!$D$21=1,L478*Input!$C$21,0)+IF(Input!$D$22=1,M478*Input!$C$22,0)</f>
        <v>0.29960625159858778</v>
      </c>
      <c r="O478" s="59">
        <f>IF(Input!$D$19=2,J478*Input!$C$19,0)+IF(Input!$D$20=2,K478*Input!$C$20,0)+IF(Input!$D$21=2,L478*Input!$C$21,0)+IF(Input!$D$22=2,M478*Input!$C$22,0)</f>
        <v>0.74901562899646945</v>
      </c>
      <c r="P478" s="59">
        <f>IF(Input!$D$19=3,J478*Input!$C$19,0)+IF(Input!$D$20=3,K478*Input!$C$20,0)+IF(Input!$D$21=3,L478*Input!$C$21,0)+IF(Input!$D$22=3,M478*Input!$C$22,0)</f>
        <v>0</v>
      </c>
      <c r="Q478" s="75">
        <f>IF(Input!$D$19=4,J478*Input!$C$19,0)+IF(Input!$D$20=4,K478*Input!$C$20,0)+IF(Input!$D$21=4,L478*Input!$C$21,0)+IF(Input!$D$22=4,M478*Input!$C$22,0)</f>
        <v>0</v>
      </c>
      <c r="R478" s="58">
        <v>47.394893266533693</v>
      </c>
      <c r="S478" s="124">
        <f t="shared" si="7"/>
        <v>1.2982937569272137</v>
      </c>
    </row>
    <row r="479" spans="8:19" x14ac:dyDescent="0.3">
      <c r="H479" s="44">
        <v>472</v>
      </c>
      <c r="I479" s="56">
        <f>Bühler!I505</f>
        <v>0.27087688500694235</v>
      </c>
      <c r="J479" s="59">
        <f>Bühler!J505</f>
        <v>0.90292295002314127</v>
      </c>
      <c r="K479" s="59">
        <f>Bühler!K505</f>
        <v>1.3543844250347119</v>
      </c>
      <c r="L479" s="59">
        <f>Bühler!L505</f>
        <v>13.801275991714148</v>
      </c>
      <c r="M479" s="58">
        <f>Bühler!M505</f>
        <v>0</v>
      </c>
      <c r="N479" s="56">
        <f>IF(Input!$D$19=1,J479*Input!$C$19,0)+IF(Input!$D$20=1,K479*Input!$C$20,0)+IF(Input!$D$21=1,L479*Input!$C$21,0)+IF(Input!$D$22=1,M479*Input!$C$22,0)</f>
        <v>0.27087688500694235</v>
      </c>
      <c r="O479" s="59">
        <f>IF(Input!$D$19=2,J479*Input!$C$19,0)+IF(Input!$D$20=2,K479*Input!$C$20,0)+IF(Input!$D$21=2,L479*Input!$C$21,0)+IF(Input!$D$22=2,M479*Input!$C$22,0)</f>
        <v>0.67719221251735595</v>
      </c>
      <c r="P479" s="59">
        <f>IF(Input!$D$19=3,J479*Input!$C$19,0)+IF(Input!$D$20=3,K479*Input!$C$20,0)+IF(Input!$D$21=3,L479*Input!$C$21,0)+IF(Input!$D$22=3,M479*Input!$C$22,0)</f>
        <v>0</v>
      </c>
      <c r="Q479" s="75">
        <f>IF(Input!$D$19=4,J479*Input!$C$19,0)+IF(Input!$D$20=4,K479*Input!$C$20,0)+IF(Input!$D$21=4,L479*Input!$C$21,0)+IF(Input!$D$22=4,M479*Input!$C$22,0)</f>
        <v>0</v>
      </c>
      <c r="R479" s="58">
        <v>46.849254242282932</v>
      </c>
      <c r="S479" s="124">
        <f t="shared" si="7"/>
        <v>1.1737998350300836</v>
      </c>
    </row>
    <row r="480" spans="8:19" x14ac:dyDescent="0.3">
      <c r="H480" s="44">
        <v>473</v>
      </c>
      <c r="I480" s="56">
        <f>Bühler!I506</f>
        <v>0.24625171364267484</v>
      </c>
      <c r="J480" s="59">
        <f>Bühler!J506</f>
        <v>0.82083904547558295</v>
      </c>
      <c r="K480" s="59">
        <f>Bühler!K506</f>
        <v>1.2312585682133743</v>
      </c>
      <c r="L480" s="59">
        <f>Bühler!L506</f>
        <v>12.546614537921954</v>
      </c>
      <c r="M480" s="58">
        <f>Bühler!M506</f>
        <v>0</v>
      </c>
      <c r="N480" s="56">
        <f>IF(Input!$D$19=1,J480*Input!$C$19,0)+IF(Input!$D$20=1,K480*Input!$C$20,0)+IF(Input!$D$21=1,L480*Input!$C$21,0)+IF(Input!$D$22=1,M480*Input!$C$22,0)</f>
        <v>0.24625171364267487</v>
      </c>
      <c r="O480" s="59">
        <f>IF(Input!$D$19=2,J480*Input!$C$19,0)+IF(Input!$D$20=2,K480*Input!$C$20,0)+IF(Input!$D$21=2,L480*Input!$C$21,0)+IF(Input!$D$22=2,M480*Input!$C$22,0)</f>
        <v>0.61562928410668716</v>
      </c>
      <c r="P480" s="59">
        <f>IF(Input!$D$19=3,J480*Input!$C$19,0)+IF(Input!$D$20=3,K480*Input!$C$20,0)+IF(Input!$D$21=3,L480*Input!$C$21,0)+IF(Input!$D$22=3,M480*Input!$C$22,0)</f>
        <v>0</v>
      </c>
      <c r="Q480" s="75">
        <f>IF(Input!$D$19=4,J480*Input!$C$19,0)+IF(Input!$D$20=4,K480*Input!$C$20,0)+IF(Input!$D$21=4,L480*Input!$C$21,0)+IF(Input!$D$22=4,M480*Input!$C$22,0)</f>
        <v>0</v>
      </c>
      <c r="R480" s="58">
        <v>46.347137423557776</v>
      </c>
      <c r="S480" s="124">
        <f t="shared" si="7"/>
        <v>1.0670907591182579</v>
      </c>
    </row>
    <row r="481" spans="8:19" x14ac:dyDescent="0.3">
      <c r="H481" s="44">
        <v>474</v>
      </c>
      <c r="I481" s="56">
        <f>Bühler!I507</f>
        <v>0.22162654227840736</v>
      </c>
      <c r="J481" s="59">
        <f>Bühler!J507</f>
        <v>0.73875514092802463</v>
      </c>
      <c r="K481" s="59">
        <f>Bühler!K507</f>
        <v>1.108132711392037</v>
      </c>
      <c r="L481" s="59">
        <f>Bühler!L507</f>
        <v>11.291953084129755</v>
      </c>
      <c r="M481" s="58">
        <f>Bühler!M507</f>
        <v>0</v>
      </c>
      <c r="N481" s="56">
        <f>IF(Input!$D$19=1,J481*Input!$C$19,0)+IF(Input!$D$20=1,K481*Input!$C$20,0)+IF(Input!$D$21=1,L481*Input!$C$21,0)+IF(Input!$D$22=1,M481*Input!$C$22,0)</f>
        <v>0.22162654227840739</v>
      </c>
      <c r="O481" s="59">
        <f>IF(Input!$D$19=2,J481*Input!$C$19,0)+IF(Input!$D$20=2,K481*Input!$C$20,0)+IF(Input!$D$21=2,L481*Input!$C$21,0)+IF(Input!$D$22=2,M481*Input!$C$22,0)</f>
        <v>0.55406635569601848</v>
      </c>
      <c r="P481" s="59">
        <f>IF(Input!$D$19=3,J481*Input!$C$19,0)+IF(Input!$D$20=3,K481*Input!$C$20,0)+IF(Input!$D$21=3,L481*Input!$C$21,0)+IF(Input!$D$22=3,M481*Input!$C$22,0)</f>
        <v>0</v>
      </c>
      <c r="Q481" s="75">
        <f>IF(Input!$D$19=4,J481*Input!$C$19,0)+IF(Input!$D$20=4,K481*Input!$C$20,0)+IF(Input!$D$21=4,L481*Input!$C$21,0)+IF(Input!$D$22=4,M481*Input!$C$22,0)</f>
        <v>0</v>
      </c>
      <c r="R481" s="58">
        <v>46.018077332252666</v>
      </c>
      <c r="S481" s="124">
        <f t="shared" si="7"/>
        <v>0.96038168320643202</v>
      </c>
    </row>
    <row r="482" spans="8:19" x14ac:dyDescent="0.3">
      <c r="H482" s="44">
        <v>475</v>
      </c>
      <c r="I482" s="56">
        <f>Bühler!I508</f>
        <v>0.21341815182365154</v>
      </c>
      <c r="J482" s="59">
        <f>Bühler!J508</f>
        <v>0.71139383941217194</v>
      </c>
      <c r="K482" s="59">
        <f>Bühler!K508</f>
        <v>1.0670907591182579</v>
      </c>
      <c r="L482" s="59">
        <f>Bühler!L508</f>
        <v>10.873732599532358</v>
      </c>
      <c r="M482" s="58">
        <f>Bühler!M508</f>
        <v>0</v>
      </c>
      <c r="N482" s="56">
        <f>IF(Input!$D$19=1,J482*Input!$C$19,0)+IF(Input!$D$20=1,K482*Input!$C$20,0)+IF(Input!$D$21=1,L482*Input!$C$21,0)+IF(Input!$D$22=1,M482*Input!$C$22,0)</f>
        <v>0.21341815182365156</v>
      </c>
      <c r="O482" s="59">
        <f>IF(Input!$D$19=2,J482*Input!$C$19,0)+IF(Input!$D$20=2,K482*Input!$C$20,0)+IF(Input!$D$21=2,L482*Input!$C$21,0)+IF(Input!$D$22=2,M482*Input!$C$22,0)</f>
        <v>0.53354537955912895</v>
      </c>
      <c r="P482" s="59">
        <f>IF(Input!$D$19=3,J482*Input!$C$19,0)+IF(Input!$D$20=3,K482*Input!$C$20,0)+IF(Input!$D$21=3,L482*Input!$C$21,0)+IF(Input!$D$22=3,M482*Input!$C$22,0)</f>
        <v>0</v>
      </c>
      <c r="Q482" s="75">
        <f>IF(Input!$D$19=4,J482*Input!$C$19,0)+IF(Input!$D$20=4,K482*Input!$C$20,0)+IF(Input!$D$21=4,L482*Input!$C$21,0)+IF(Input!$D$22=4,M482*Input!$C$22,0)</f>
        <v>0</v>
      </c>
      <c r="R482" s="58">
        <v>45.35885109154146</v>
      </c>
      <c r="S482" s="124">
        <f t="shared" si="7"/>
        <v>0.92481199123582347</v>
      </c>
    </row>
    <row r="483" spans="8:19" x14ac:dyDescent="0.3">
      <c r="H483" s="44">
        <v>476</v>
      </c>
      <c r="I483" s="56">
        <f>Bühler!I509</f>
        <v>0.17237619954987238</v>
      </c>
      <c r="J483" s="59">
        <f>Bühler!J509</f>
        <v>0.574587331832908</v>
      </c>
      <c r="K483" s="59">
        <f>Bühler!K509</f>
        <v>0.861880997749362</v>
      </c>
      <c r="L483" s="59">
        <f>Bühler!L509</f>
        <v>8.782630176545366</v>
      </c>
      <c r="M483" s="58">
        <f>Bühler!M509</f>
        <v>0</v>
      </c>
      <c r="N483" s="56">
        <f>IF(Input!$D$19=1,J483*Input!$C$19,0)+IF(Input!$D$20=1,K483*Input!$C$20,0)+IF(Input!$D$21=1,L483*Input!$C$21,0)+IF(Input!$D$22=1,M483*Input!$C$22,0)</f>
        <v>0.17237619954987241</v>
      </c>
      <c r="O483" s="59">
        <f>IF(Input!$D$19=2,J483*Input!$C$19,0)+IF(Input!$D$20=2,K483*Input!$C$20,0)+IF(Input!$D$21=2,L483*Input!$C$21,0)+IF(Input!$D$22=2,M483*Input!$C$22,0)</f>
        <v>0.430940498874681</v>
      </c>
      <c r="P483" s="59">
        <f>IF(Input!$D$19=3,J483*Input!$C$19,0)+IF(Input!$D$20=3,K483*Input!$C$20,0)+IF(Input!$D$21=3,L483*Input!$C$21,0)+IF(Input!$D$22=3,M483*Input!$C$22,0)</f>
        <v>0</v>
      </c>
      <c r="Q483" s="75">
        <f>IF(Input!$D$19=4,J483*Input!$C$19,0)+IF(Input!$D$20=4,K483*Input!$C$20,0)+IF(Input!$D$21=4,L483*Input!$C$21,0)+IF(Input!$D$22=4,M483*Input!$C$22,0)</f>
        <v>0</v>
      </c>
      <c r="R483" s="58">
        <v>44.951148782536372</v>
      </c>
      <c r="S483" s="124">
        <f t="shared" si="7"/>
        <v>0.74696353138278038</v>
      </c>
    </row>
    <row r="484" spans="8:19" x14ac:dyDescent="0.3">
      <c r="H484" s="44">
        <v>477</v>
      </c>
      <c r="I484" s="56">
        <f>Bühler!I510</f>
        <v>0.12723005204871535</v>
      </c>
      <c r="J484" s="59">
        <f>Bühler!J510</f>
        <v>0.42410017349571782</v>
      </c>
      <c r="K484" s="59">
        <f>Bühler!K510</f>
        <v>0.63615026024357679</v>
      </c>
      <c r="L484" s="59">
        <f>Bühler!L510</f>
        <v>6.4824175112596745</v>
      </c>
      <c r="M484" s="58">
        <f>Bühler!M510</f>
        <v>0</v>
      </c>
      <c r="N484" s="56">
        <f>IF(Input!$D$19=1,J484*Input!$C$19,0)+IF(Input!$D$20=1,K484*Input!$C$20,0)+IF(Input!$D$21=1,L484*Input!$C$21,0)+IF(Input!$D$22=1,M484*Input!$C$22,0)</f>
        <v>0.12723005204871535</v>
      </c>
      <c r="O484" s="59">
        <f>IF(Input!$D$19=2,J484*Input!$C$19,0)+IF(Input!$D$20=2,K484*Input!$C$20,0)+IF(Input!$D$21=2,L484*Input!$C$21,0)+IF(Input!$D$22=2,M484*Input!$C$22,0)</f>
        <v>0.3180751301217884</v>
      </c>
      <c r="P484" s="59">
        <f>IF(Input!$D$19=3,J484*Input!$C$19,0)+IF(Input!$D$20=3,K484*Input!$C$20,0)+IF(Input!$D$21=3,L484*Input!$C$21,0)+IF(Input!$D$22=3,M484*Input!$C$22,0)</f>
        <v>0</v>
      </c>
      <c r="Q484" s="75">
        <f>IF(Input!$D$19=4,J484*Input!$C$19,0)+IF(Input!$D$20=4,K484*Input!$C$20,0)+IF(Input!$D$21=4,L484*Input!$C$21,0)+IF(Input!$D$22=4,M484*Input!$C$22,0)</f>
        <v>0</v>
      </c>
      <c r="R484" s="58">
        <v>45.081167959979005</v>
      </c>
      <c r="S484" s="124">
        <f t="shared" si="7"/>
        <v>0.55133022554443323</v>
      </c>
    </row>
    <row r="485" spans="8:19" x14ac:dyDescent="0.3">
      <c r="H485" s="44">
        <v>478</v>
      </c>
      <c r="I485" s="56">
        <f>Bühler!I511</f>
        <v>0.12723005204871535</v>
      </c>
      <c r="J485" s="59">
        <f>Bühler!J511</f>
        <v>0.42410017349571782</v>
      </c>
      <c r="K485" s="59">
        <f>Bühler!K511</f>
        <v>0.63615026024357679</v>
      </c>
      <c r="L485" s="59">
        <f>Bühler!L511</f>
        <v>6.4824175112596745</v>
      </c>
      <c r="M485" s="58">
        <f>Bühler!M511</f>
        <v>0</v>
      </c>
      <c r="N485" s="56">
        <f>IF(Input!$D$19=1,J485*Input!$C$19,0)+IF(Input!$D$20=1,K485*Input!$C$20,0)+IF(Input!$D$21=1,L485*Input!$C$21,0)+IF(Input!$D$22=1,M485*Input!$C$22,0)</f>
        <v>0.12723005204871535</v>
      </c>
      <c r="O485" s="59">
        <f>IF(Input!$D$19=2,J485*Input!$C$19,0)+IF(Input!$D$20=2,K485*Input!$C$20,0)+IF(Input!$D$21=2,L485*Input!$C$21,0)+IF(Input!$D$22=2,M485*Input!$C$22,0)</f>
        <v>0.3180751301217884</v>
      </c>
      <c r="P485" s="59">
        <f>IF(Input!$D$19=3,J485*Input!$C$19,0)+IF(Input!$D$20=3,K485*Input!$C$20,0)+IF(Input!$D$21=3,L485*Input!$C$21,0)+IF(Input!$D$22=3,M485*Input!$C$22,0)</f>
        <v>0</v>
      </c>
      <c r="Q485" s="75">
        <f>IF(Input!$D$19=4,J485*Input!$C$19,0)+IF(Input!$D$20=4,K485*Input!$C$20,0)+IF(Input!$D$21=4,L485*Input!$C$21,0)+IF(Input!$D$22=4,M485*Input!$C$22,0)</f>
        <v>0</v>
      </c>
      <c r="R485" s="58">
        <v>44.436194005176212</v>
      </c>
      <c r="S485" s="124">
        <f t="shared" si="7"/>
        <v>0.55133022554443323</v>
      </c>
    </row>
    <row r="486" spans="8:19" x14ac:dyDescent="0.3">
      <c r="H486" s="44">
        <v>479</v>
      </c>
      <c r="I486" s="56">
        <f>Bühler!I512</f>
        <v>0.12723005204871535</v>
      </c>
      <c r="J486" s="59">
        <f>Bühler!J512</f>
        <v>0.42410017349571782</v>
      </c>
      <c r="K486" s="59">
        <f>Bühler!K512</f>
        <v>0.63615026024357679</v>
      </c>
      <c r="L486" s="59">
        <f>Bühler!L512</f>
        <v>6.4824175112596745</v>
      </c>
      <c r="M486" s="58">
        <f>Bühler!M512</f>
        <v>0</v>
      </c>
      <c r="N486" s="56">
        <f>IF(Input!$D$19=1,J486*Input!$C$19,0)+IF(Input!$D$20=1,K486*Input!$C$20,0)+IF(Input!$D$21=1,L486*Input!$C$21,0)+IF(Input!$D$22=1,M486*Input!$C$22,0)</f>
        <v>0.12723005204871535</v>
      </c>
      <c r="O486" s="59">
        <f>IF(Input!$D$19=2,J486*Input!$C$19,0)+IF(Input!$D$20=2,K486*Input!$C$20,0)+IF(Input!$D$21=2,L486*Input!$C$21,0)+IF(Input!$D$22=2,M486*Input!$C$22,0)</f>
        <v>0.3180751301217884</v>
      </c>
      <c r="P486" s="59">
        <f>IF(Input!$D$19=3,J486*Input!$C$19,0)+IF(Input!$D$20=3,K486*Input!$C$20,0)+IF(Input!$D$21=3,L486*Input!$C$21,0)+IF(Input!$D$22=3,M486*Input!$C$22,0)</f>
        <v>0</v>
      </c>
      <c r="Q486" s="75">
        <f>IF(Input!$D$19=4,J486*Input!$C$19,0)+IF(Input!$D$20=4,K486*Input!$C$20,0)+IF(Input!$D$21=4,L486*Input!$C$21,0)+IF(Input!$D$22=4,M486*Input!$C$22,0)</f>
        <v>0</v>
      </c>
      <c r="R486" s="58">
        <v>44.706023794710987</v>
      </c>
      <c r="S486" s="124">
        <f t="shared" si="7"/>
        <v>0.55133022554443323</v>
      </c>
    </row>
    <row r="487" spans="8:19" x14ac:dyDescent="0.3">
      <c r="H487" s="44">
        <v>480</v>
      </c>
      <c r="I487" s="56">
        <f>Bühler!I513</f>
        <v>0.12723005204871535</v>
      </c>
      <c r="J487" s="59">
        <f>Bühler!J513</f>
        <v>0.42410017349571782</v>
      </c>
      <c r="K487" s="59">
        <f>Bühler!K513</f>
        <v>0.63615026024357679</v>
      </c>
      <c r="L487" s="59">
        <f>Bühler!L513</f>
        <v>6.4824175112596745</v>
      </c>
      <c r="M487" s="58">
        <f>Bühler!M513</f>
        <v>0</v>
      </c>
      <c r="N487" s="56">
        <f>IF(Input!$D$19=1,J487*Input!$C$19,0)+IF(Input!$D$20=1,K487*Input!$C$20,0)+IF(Input!$D$21=1,L487*Input!$C$21,0)+IF(Input!$D$22=1,M487*Input!$C$22,0)</f>
        <v>0.12723005204871535</v>
      </c>
      <c r="O487" s="59">
        <f>IF(Input!$D$19=2,J487*Input!$C$19,0)+IF(Input!$D$20=2,K487*Input!$C$20,0)+IF(Input!$D$21=2,L487*Input!$C$21,0)+IF(Input!$D$22=2,M487*Input!$C$22,0)</f>
        <v>0.3180751301217884</v>
      </c>
      <c r="P487" s="59">
        <f>IF(Input!$D$19=3,J487*Input!$C$19,0)+IF(Input!$D$20=3,K487*Input!$C$20,0)+IF(Input!$D$21=3,L487*Input!$C$21,0)+IF(Input!$D$22=3,M487*Input!$C$22,0)</f>
        <v>0</v>
      </c>
      <c r="Q487" s="75">
        <f>IF(Input!$D$19=4,J487*Input!$C$19,0)+IF(Input!$D$20=4,K487*Input!$C$20,0)+IF(Input!$D$21=4,L487*Input!$C$21,0)+IF(Input!$D$22=4,M487*Input!$C$22,0)</f>
        <v>0</v>
      </c>
      <c r="R487" s="58">
        <v>44.42839526780439</v>
      </c>
      <c r="S487" s="124">
        <f t="shared" si="7"/>
        <v>0.55133022554443323</v>
      </c>
    </row>
    <row r="488" spans="8:19" x14ac:dyDescent="0.3">
      <c r="H488" s="44">
        <v>481</v>
      </c>
      <c r="I488" s="56">
        <f>Bühler!I514</f>
        <v>0.14605861939333992</v>
      </c>
      <c r="J488" s="59">
        <f>Bühler!J514</f>
        <v>0.48686206464446646</v>
      </c>
      <c r="K488" s="59">
        <f>Bühler!K514</f>
        <v>0.73029309696669964</v>
      </c>
      <c r="L488" s="59">
        <f>Bühler!L514</f>
        <v>7.4003268227985899</v>
      </c>
      <c r="M488" s="58">
        <f>Bühler!M514</f>
        <v>0</v>
      </c>
      <c r="N488" s="56">
        <f>IF(Input!$D$19=1,J488*Input!$C$19,0)+IF(Input!$D$20=1,K488*Input!$C$20,0)+IF(Input!$D$21=1,L488*Input!$C$21,0)+IF(Input!$D$22=1,M488*Input!$C$22,0)</f>
        <v>0.14605861939333994</v>
      </c>
      <c r="O488" s="59">
        <f>IF(Input!$D$19=2,J488*Input!$C$19,0)+IF(Input!$D$20=2,K488*Input!$C$20,0)+IF(Input!$D$21=2,L488*Input!$C$21,0)+IF(Input!$D$22=2,M488*Input!$C$22,0)</f>
        <v>0.36514654848334982</v>
      </c>
      <c r="P488" s="59">
        <f>IF(Input!$D$19=3,J488*Input!$C$19,0)+IF(Input!$D$20=3,K488*Input!$C$20,0)+IF(Input!$D$21=3,L488*Input!$C$21,0)+IF(Input!$D$22=3,M488*Input!$C$22,0)</f>
        <v>0</v>
      </c>
      <c r="Q488" s="75">
        <f>IF(Input!$D$19=4,J488*Input!$C$19,0)+IF(Input!$D$20=4,K488*Input!$C$20,0)+IF(Input!$D$21=4,L488*Input!$C$21,0)+IF(Input!$D$22=4,M488*Input!$C$22,0)</f>
        <v>0</v>
      </c>
      <c r="R488" s="58">
        <v>44.121807875604311</v>
      </c>
      <c r="S488" s="124">
        <f t="shared" si="7"/>
        <v>0.63292068403780632</v>
      </c>
    </row>
    <row r="489" spans="8:19" x14ac:dyDescent="0.3">
      <c r="H489" s="44">
        <v>482</v>
      </c>
      <c r="I489" s="56">
        <f>Bühler!I515</f>
        <v>0.16961646123097537</v>
      </c>
      <c r="J489" s="59">
        <f>Bühler!J515</f>
        <v>0.5653882041032513</v>
      </c>
      <c r="K489" s="59">
        <f>Bühler!K515</f>
        <v>0.84808230615487701</v>
      </c>
      <c r="L489" s="59">
        <f>Bühler!L515</f>
        <v>8.593927923249975</v>
      </c>
      <c r="M489" s="58">
        <f>Bühler!M515</f>
        <v>0</v>
      </c>
      <c r="N489" s="56">
        <f>IF(Input!$D$19=1,J489*Input!$C$19,0)+IF(Input!$D$20=1,K489*Input!$C$20,0)+IF(Input!$D$21=1,L489*Input!$C$21,0)+IF(Input!$D$22=1,M489*Input!$C$22,0)</f>
        <v>0.16961646123097537</v>
      </c>
      <c r="O489" s="59">
        <f>IF(Input!$D$19=2,J489*Input!$C$19,0)+IF(Input!$D$20=2,K489*Input!$C$20,0)+IF(Input!$D$21=2,L489*Input!$C$21,0)+IF(Input!$D$22=2,M489*Input!$C$22,0)</f>
        <v>0.4240411530774385</v>
      </c>
      <c r="P489" s="59">
        <f>IF(Input!$D$19=3,J489*Input!$C$19,0)+IF(Input!$D$20=3,K489*Input!$C$20,0)+IF(Input!$D$21=3,L489*Input!$C$21,0)+IF(Input!$D$22=3,M489*Input!$C$22,0)</f>
        <v>0</v>
      </c>
      <c r="Q489" s="75">
        <f>IF(Input!$D$19=4,J489*Input!$C$19,0)+IF(Input!$D$20=4,K489*Input!$C$20,0)+IF(Input!$D$21=4,L489*Input!$C$21,0)+IF(Input!$D$22=4,M489*Input!$C$22,0)</f>
        <v>0</v>
      </c>
      <c r="R489" s="58">
        <v>44.373185351503942</v>
      </c>
      <c r="S489" s="124">
        <f t="shared" si="7"/>
        <v>0.7350046653342267</v>
      </c>
    </row>
    <row r="490" spans="8:19" x14ac:dyDescent="0.3">
      <c r="H490" s="44">
        <v>483</v>
      </c>
      <c r="I490" s="56">
        <f>Bühler!I516</f>
        <v>0.16961646123097537</v>
      </c>
      <c r="J490" s="59">
        <f>Bühler!J516</f>
        <v>0.5653882041032513</v>
      </c>
      <c r="K490" s="59">
        <f>Bühler!K516</f>
        <v>0.84808230615487701</v>
      </c>
      <c r="L490" s="59">
        <f>Bühler!L516</f>
        <v>8.593927923249975</v>
      </c>
      <c r="M490" s="58">
        <f>Bühler!M516</f>
        <v>0</v>
      </c>
      <c r="N490" s="56">
        <f>IF(Input!$D$19=1,J490*Input!$C$19,0)+IF(Input!$D$20=1,K490*Input!$C$20,0)+IF(Input!$D$21=1,L490*Input!$C$21,0)+IF(Input!$D$22=1,M490*Input!$C$22,0)</f>
        <v>0.16961646123097537</v>
      </c>
      <c r="O490" s="59">
        <f>IF(Input!$D$19=2,J490*Input!$C$19,0)+IF(Input!$D$20=2,K490*Input!$C$20,0)+IF(Input!$D$21=2,L490*Input!$C$21,0)+IF(Input!$D$22=2,M490*Input!$C$22,0)</f>
        <v>0.4240411530774385</v>
      </c>
      <c r="P490" s="59">
        <f>IF(Input!$D$19=3,J490*Input!$C$19,0)+IF(Input!$D$20=3,K490*Input!$C$20,0)+IF(Input!$D$21=3,L490*Input!$C$21,0)+IF(Input!$D$22=3,M490*Input!$C$22,0)</f>
        <v>0</v>
      </c>
      <c r="Q490" s="75">
        <f>IF(Input!$D$19=4,J490*Input!$C$19,0)+IF(Input!$D$20=4,K490*Input!$C$20,0)+IF(Input!$D$21=4,L490*Input!$C$21,0)+IF(Input!$D$22=4,M490*Input!$C$22,0)</f>
        <v>0</v>
      </c>
      <c r="R490" s="58">
        <v>44.67275853637156</v>
      </c>
      <c r="S490" s="124">
        <f t="shared" si="7"/>
        <v>0.7350046653342267</v>
      </c>
    </row>
    <row r="491" spans="8:19" x14ac:dyDescent="0.3">
      <c r="H491" s="44">
        <v>484</v>
      </c>
      <c r="I491" s="56">
        <f>Bühler!I517</f>
        <v>0.16961646123097537</v>
      </c>
      <c r="J491" s="59">
        <f>Bühler!J517</f>
        <v>0.5653882041032513</v>
      </c>
      <c r="K491" s="59">
        <f>Bühler!K517</f>
        <v>0.84808230615487701</v>
      </c>
      <c r="L491" s="59">
        <f>Bühler!L517</f>
        <v>8.593927923249975</v>
      </c>
      <c r="M491" s="58">
        <f>Bühler!M517</f>
        <v>0</v>
      </c>
      <c r="N491" s="56">
        <f>IF(Input!$D$19=1,J491*Input!$C$19,0)+IF(Input!$D$20=1,K491*Input!$C$20,0)+IF(Input!$D$21=1,L491*Input!$C$21,0)+IF(Input!$D$22=1,M491*Input!$C$22,0)</f>
        <v>0.16961646123097537</v>
      </c>
      <c r="O491" s="59">
        <f>IF(Input!$D$19=2,J491*Input!$C$19,0)+IF(Input!$D$20=2,K491*Input!$C$20,0)+IF(Input!$D$21=2,L491*Input!$C$21,0)+IF(Input!$D$22=2,M491*Input!$C$22,0)</f>
        <v>0.4240411530774385</v>
      </c>
      <c r="P491" s="59">
        <f>IF(Input!$D$19=3,J491*Input!$C$19,0)+IF(Input!$D$20=3,K491*Input!$C$20,0)+IF(Input!$D$21=3,L491*Input!$C$21,0)+IF(Input!$D$22=3,M491*Input!$C$22,0)</f>
        <v>0</v>
      </c>
      <c r="Q491" s="75">
        <f>IF(Input!$D$19=4,J491*Input!$C$19,0)+IF(Input!$D$20=4,K491*Input!$C$20,0)+IF(Input!$D$21=4,L491*Input!$C$21,0)+IF(Input!$D$22=4,M491*Input!$C$22,0)</f>
        <v>0</v>
      </c>
      <c r="R491" s="58">
        <v>44.126803750499164</v>
      </c>
      <c r="S491" s="124">
        <f t="shared" si="7"/>
        <v>0.7350046653342267</v>
      </c>
    </row>
    <row r="492" spans="8:19" x14ac:dyDescent="0.3">
      <c r="H492" s="44">
        <v>485</v>
      </c>
      <c r="I492" s="56">
        <f>Bühler!I518</f>
        <v>0.16961646123097537</v>
      </c>
      <c r="J492" s="59">
        <f>Bühler!J518</f>
        <v>0.5653882041032513</v>
      </c>
      <c r="K492" s="59">
        <f>Bühler!K518</f>
        <v>0.84808230615487701</v>
      </c>
      <c r="L492" s="59">
        <f>Bühler!L518</f>
        <v>8.593927923249975</v>
      </c>
      <c r="M492" s="58">
        <f>Bühler!M518</f>
        <v>0</v>
      </c>
      <c r="N492" s="56">
        <f>IF(Input!$D$19=1,J492*Input!$C$19,0)+IF(Input!$D$20=1,K492*Input!$C$20,0)+IF(Input!$D$21=1,L492*Input!$C$21,0)+IF(Input!$D$22=1,M492*Input!$C$22,0)</f>
        <v>0.16961646123097537</v>
      </c>
      <c r="O492" s="59">
        <f>IF(Input!$D$19=2,J492*Input!$C$19,0)+IF(Input!$D$20=2,K492*Input!$C$20,0)+IF(Input!$D$21=2,L492*Input!$C$21,0)+IF(Input!$D$22=2,M492*Input!$C$22,0)</f>
        <v>0.4240411530774385</v>
      </c>
      <c r="P492" s="59">
        <f>IF(Input!$D$19=3,J492*Input!$C$19,0)+IF(Input!$D$20=3,K492*Input!$C$20,0)+IF(Input!$D$21=3,L492*Input!$C$21,0)+IF(Input!$D$22=3,M492*Input!$C$22,0)</f>
        <v>0</v>
      </c>
      <c r="Q492" s="75">
        <f>IF(Input!$D$19=4,J492*Input!$C$19,0)+IF(Input!$D$20=4,K492*Input!$C$20,0)+IF(Input!$D$21=4,L492*Input!$C$21,0)+IF(Input!$D$22=4,M492*Input!$C$22,0)</f>
        <v>0</v>
      </c>
      <c r="R492" s="58">
        <v>43.982931662149035</v>
      </c>
      <c r="S492" s="124">
        <f t="shared" si="7"/>
        <v>0.7350046653342267</v>
      </c>
    </row>
    <row r="493" spans="8:19" x14ac:dyDescent="0.3">
      <c r="H493" s="44">
        <v>486</v>
      </c>
      <c r="I493" s="56">
        <f>Bühler!I519</f>
        <v>0.21202057653871922</v>
      </c>
      <c r="J493" s="59">
        <f>Bühler!J519</f>
        <v>0.7067352551290641</v>
      </c>
      <c r="K493" s="59">
        <f>Bühler!K519</f>
        <v>1.0601028826935963</v>
      </c>
      <c r="L493" s="59">
        <f>Bühler!L519</f>
        <v>10.74240990406247</v>
      </c>
      <c r="M493" s="58">
        <f>Bühler!M519</f>
        <v>0</v>
      </c>
      <c r="N493" s="56">
        <f>IF(Input!$D$19=1,J493*Input!$C$19,0)+IF(Input!$D$20=1,K493*Input!$C$20,0)+IF(Input!$D$21=1,L493*Input!$C$21,0)+IF(Input!$D$22=1,M493*Input!$C$22,0)</f>
        <v>0.21202057653871922</v>
      </c>
      <c r="O493" s="59">
        <f>IF(Input!$D$19=2,J493*Input!$C$19,0)+IF(Input!$D$20=2,K493*Input!$C$20,0)+IF(Input!$D$21=2,L493*Input!$C$21,0)+IF(Input!$D$22=2,M493*Input!$C$22,0)</f>
        <v>0.53005144134679816</v>
      </c>
      <c r="P493" s="59">
        <f>IF(Input!$D$19=3,J493*Input!$C$19,0)+IF(Input!$D$20=3,K493*Input!$C$20,0)+IF(Input!$D$21=3,L493*Input!$C$21,0)+IF(Input!$D$22=3,M493*Input!$C$22,0)</f>
        <v>0</v>
      </c>
      <c r="Q493" s="75">
        <f>IF(Input!$D$19=4,J493*Input!$C$19,0)+IF(Input!$D$20=4,K493*Input!$C$20,0)+IF(Input!$D$21=4,L493*Input!$C$21,0)+IF(Input!$D$22=4,M493*Input!$C$22,0)</f>
        <v>0</v>
      </c>
      <c r="R493" s="58">
        <v>44.18094169738108</v>
      </c>
      <c r="S493" s="124">
        <f t="shared" si="7"/>
        <v>0.9187558316677833</v>
      </c>
    </row>
    <row r="494" spans="8:19" x14ac:dyDescent="0.3">
      <c r="H494" s="44">
        <v>487</v>
      </c>
      <c r="I494" s="56">
        <f>Bühler!I520</f>
        <v>0.24971312347893601</v>
      </c>
      <c r="J494" s="59">
        <f>Bühler!J520</f>
        <v>0.83237707826312013</v>
      </c>
      <c r="K494" s="59">
        <f>Bühler!K520</f>
        <v>1.2485656173946802</v>
      </c>
      <c r="L494" s="59">
        <f>Bühler!L520</f>
        <v>12.652171664784685</v>
      </c>
      <c r="M494" s="58">
        <f>Bühler!M520</f>
        <v>0</v>
      </c>
      <c r="N494" s="56">
        <f>IF(Input!$D$19=1,J494*Input!$C$19,0)+IF(Input!$D$20=1,K494*Input!$C$20,0)+IF(Input!$D$21=1,L494*Input!$C$21,0)+IF(Input!$D$22=1,M494*Input!$C$22,0)</f>
        <v>0.24971312347893604</v>
      </c>
      <c r="O494" s="59">
        <f>IF(Input!$D$19=2,J494*Input!$C$19,0)+IF(Input!$D$20=2,K494*Input!$C$20,0)+IF(Input!$D$21=2,L494*Input!$C$21,0)+IF(Input!$D$22=2,M494*Input!$C$22,0)</f>
        <v>0.6242828086973401</v>
      </c>
      <c r="P494" s="59">
        <f>IF(Input!$D$19=3,J494*Input!$C$19,0)+IF(Input!$D$20=3,K494*Input!$C$20,0)+IF(Input!$D$21=3,L494*Input!$C$21,0)+IF(Input!$D$22=3,M494*Input!$C$22,0)</f>
        <v>0</v>
      </c>
      <c r="Q494" s="75">
        <f>IF(Input!$D$19=4,J494*Input!$C$19,0)+IF(Input!$D$20=4,K494*Input!$C$20,0)+IF(Input!$D$21=4,L494*Input!$C$21,0)+IF(Input!$D$22=4,M494*Input!$C$22,0)</f>
        <v>0</v>
      </c>
      <c r="R494" s="58">
        <v>44.546497822497152</v>
      </c>
      <c r="S494" s="124">
        <f t="shared" si="7"/>
        <v>1.0820902017420562</v>
      </c>
    </row>
    <row r="495" spans="8:19" x14ac:dyDescent="0.3">
      <c r="H495" s="44">
        <v>488</v>
      </c>
      <c r="I495" s="56">
        <f>Bühler!I521</f>
        <v>0.2968288071542069</v>
      </c>
      <c r="J495" s="59">
        <f>Bühler!J521</f>
        <v>0.98942935718068992</v>
      </c>
      <c r="K495" s="59">
        <f>Bühler!K521</f>
        <v>1.4841440357710347</v>
      </c>
      <c r="L495" s="59">
        <f>Bühler!L521</f>
        <v>15.039373865687455</v>
      </c>
      <c r="M495" s="58">
        <f>Bühler!M521</f>
        <v>0</v>
      </c>
      <c r="N495" s="56">
        <f>IF(Input!$D$19=1,J495*Input!$C$19,0)+IF(Input!$D$20=1,K495*Input!$C$20,0)+IF(Input!$D$21=1,L495*Input!$C$21,0)+IF(Input!$D$22=1,M495*Input!$C$22,0)</f>
        <v>0.29682880715420695</v>
      </c>
      <c r="O495" s="59">
        <f>IF(Input!$D$19=2,J495*Input!$C$19,0)+IF(Input!$D$20=2,K495*Input!$C$20,0)+IF(Input!$D$21=2,L495*Input!$C$21,0)+IF(Input!$D$22=2,M495*Input!$C$22,0)</f>
        <v>0.74207201788551735</v>
      </c>
      <c r="P495" s="59">
        <f>IF(Input!$D$19=3,J495*Input!$C$19,0)+IF(Input!$D$20=3,K495*Input!$C$20,0)+IF(Input!$D$21=3,L495*Input!$C$21,0)+IF(Input!$D$22=3,M495*Input!$C$22,0)</f>
        <v>0</v>
      </c>
      <c r="Q495" s="75">
        <f>IF(Input!$D$19=4,J495*Input!$C$19,0)+IF(Input!$D$20=4,K495*Input!$C$20,0)+IF(Input!$D$21=4,L495*Input!$C$21,0)+IF(Input!$D$22=4,M495*Input!$C$22,0)</f>
        <v>0</v>
      </c>
      <c r="R495" s="58">
        <v>44.54648303373618</v>
      </c>
      <c r="S495" s="124">
        <f t="shared" si="7"/>
        <v>1.2862581643348969</v>
      </c>
    </row>
    <row r="496" spans="8:19" x14ac:dyDescent="0.3">
      <c r="H496" s="44">
        <v>489</v>
      </c>
      <c r="I496" s="56">
        <f>Bühler!I522</f>
        <v>0.2968288071542069</v>
      </c>
      <c r="J496" s="59">
        <f>Bühler!J522</f>
        <v>0.98942935718068992</v>
      </c>
      <c r="K496" s="59">
        <f>Bühler!K522</f>
        <v>1.4841440357710347</v>
      </c>
      <c r="L496" s="59">
        <f>Bühler!L522</f>
        <v>15.039373865687455</v>
      </c>
      <c r="M496" s="58">
        <f>Bühler!M522</f>
        <v>0</v>
      </c>
      <c r="N496" s="56">
        <f>IF(Input!$D$19=1,J496*Input!$C$19,0)+IF(Input!$D$20=1,K496*Input!$C$20,0)+IF(Input!$D$21=1,L496*Input!$C$21,0)+IF(Input!$D$22=1,M496*Input!$C$22,0)</f>
        <v>0.29682880715420695</v>
      </c>
      <c r="O496" s="59">
        <f>IF(Input!$D$19=2,J496*Input!$C$19,0)+IF(Input!$D$20=2,K496*Input!$C$20,0)+IF(Input!$D$21=2,L496*Input!$C$21,0)+IF(Input!$D$22=2,M496*Input!$C$22,0)</f>
        <v>0.74207201788551735</v>
      </c>
      <c r="P496" s="59">
        <f>IF(Input!$D$19=3,J496*Input!$C$19,0)+IF(Input!$D$20=3,K496*Input!$C$20,0)+IF(Input!$D$21=3,L496*Input!$C$21,0)+IF(Input!$D$22=3,M496*Input!$C$22,0)</f>
        <v>0</v>
      </c>
      <c r="Q496" s="75">
        <f>IF(Input!$D$19=4,J496*Input!$C$19,0)+IF(Input!$D$20=4,K496*Input!$C$20,0)+IF(Input!$D$21=4,L496*Input!$C$21,0)+IF(Input!$D$22=4,M496*Input!$C$22,0)</f>
        <v>0</v>
      </c>
      <c r="R496" s="58">
        <v>44.168259118804869</v>
      </c>
      <c r="S496" s="124">
        <f t="shared" si="7"/>
        <v>1.2862581643348969</v>
      </c>
    </row>
    <row r="497" spans="8:19" x14ac:dyDescent="0.3">
      <c r="H497" s="44">
        <v>490</v>
      </c>
      <c r="I497" s="56">
        <f>Bühler!I523</f>
        <v>0.2968288071542069</v>
      </c>
      <c r="J497" s="59">
        <f>Bühler!J523</f>
        <v>0.98942935718068992</v>
      </c>
      <c r="K497" s="59">
        <f>Bühler!K523</f>
        <v>1.4841440357710347</v>
      </c>
      <c r="L497" s="59">
        <f>Bühler!L523</f>
        <v>15.039373865687455</v>
      </c>
      <c r="M497" s="58">
        <f>Bühler!M523</f>
        <v>0</v>
      </c>
      <c r="N497" s="56">
        <f>IF(Input!$D$19=1,J497*Input!$C$19,0)+IF(Input!$D$20=1,K497*Input!$C$20,0)+IF(Input!$D$21=1,L497*Input!$C$21,0)+IF(Input!$D$22=1,M497*Input!$C$22,0)</f>
        <v>0.29682880715420695</v>
      </c>
      <c r="O497" s="59">
        <f>IF(Input!$D$19=2,J497*Input!$C$19,0)+IF(Input!$D$20=2,K497*Input!$C$20,0)+IF(Input!$D$21=2,L497*Input!$C$21,0)+IF(Input!$D$22=2,M497*Input!$C$22,0)</f>
        <v>0.74207201788551735</v>
      </c>
      <c r="P497" s="59">
        <f>IF(Input!$D$19=3,J497*Input!$C$19,0)+IF(Input!$D$20=3,K497*Input!$C$20,0)+IF(Input!$D$21=3,L497*Input!$C$21,0)+IF(Input!$D$22=3,M497*Input!$C$22,0)</f>
        <v>0</v>
      </c>
      <c r="Q497" s="75">
        <f>IF(Input!$D$19=4,J497*Input!$C$19,0)+IF(Input!$D$20=4,K497*Input!$C$20,0)+IF(Input!$D$21=4,L497*Input!$C$21,0)+IF(Input!$D$22=4,M497*Input!$C$22,0)</f>
        <v>0</v>
      </c>
      <c r="R497" s="58">
        <v>43.452539673925621</v>
      </c>
      <c r="S497" s="124">
        <f t="shared" si="7"/>
        <v>1.2862581643348969</v>
      </c>
    </row>
    <row r="498" spans="8:19" x14ac:dyDescent="0.3">
      <c r="H498" s="44">
        <v>491</v>
      </c>
      <c r="I498" s="56">
        <f>Bühler!I524</f>
        <v>0.2968288071542069</v>
      </c>
      <c r="J498" s="59">
        <f>Bühler!J524</f>
        <v>0.98942935718068992</v>
      </c>
      <c r="K498" s="59">
        <f>Bühler!K524</f>
        <v>1.4841440357710347</v>
      </c>
      <c r="L498" s="59">
        <f>Bühler!L524</f>
        <v>15.039373865687455</v>
      </c>
      <c r="M498" s="58">
        <f>Bühler!M524</f>
        <v>0</v>
      </c>
      <c r="N498" s="56">
        <f>IF(Input!$D$19=1,J498*Input!$C$19,0)+IF(Input!$D$20=1,K498*Input!$C$20,0)+IF(Input!$D$21=1,L498*Input!$C$21,0)+IF(Input!$D$22=1,M498*Input!$C$22,0)</f>
        <v>0.29682880715420695</v>
      </c>
      <c r="O498" s="59">
        <f>IF(Input!$D$19=2,J498*Input!$C$19,0)+IF(Input!$D$20=2,K498*Input!$C$20,0)+IF(Input!$D$21=2,L498*Input!$C$21,0)+IF(Input!$D$22=2,M498*Input!$C$22,0)</f>
        <v>0.74207201788551735</v>
      </c>
      <c r="P498" s="59">
        <f>IF(Input!$D$19=3,J498*Input!$C$19,0)+IF(Input!$D$20=3,K498*Input!$C$20,0)+IF(Input!$D$21=3,L498*Input!$C$21,0)+IF(Input!$D$22=3,M498*Input!$C$22,0)</f>
        <v>0</v>
      </c>
      <c r="Q498" s="75">
        <f>IF(Input!$D$19=4,J498*Input!$C$19,0)+IF(Input!$D$20=4,K498*Input!$C$20,0)+IF(Input!$D$21=4,L498*Input!$C$21,0)+IF(Input!$D$22=4,M498*Input!$C$22,0)</f>
        <v>0</v>
      </c>
      <c r="R498" s="58">
        <v>43.415506733559553</v>
      </c>
      <c r="S498" s="124">
        <f t="shared" si="7"/>
        <v>1.2862581643348969</v>
      </c>
    </row>
    <row r="499" spans="8:19" x14ac:dyDescent="0.3">
      <c r="H499" s="44">
        <v>492</v>
      </c>
      <c r="I499" s="56">
        <f>Bühler!I525</f>
        <v>0.2968288071542069</v>
      </c>
      <c r="J499" s="59">
        <f>Bühler!J525</f>
        <v>0.98942935718068992</v>
      </c>
      <c r="K499" s="59">
        <f>Bühler!K525</f>
        <v>1.4841440357710347</v>
      </c>
      <c r="L499" s="59">
        <f>Bühler!L525</f>
        <v>15.039373865687455</v>
      </c>
      <c r="M499" s="58">
        <f>Bühler!M525</f>
        <v>0</v>
      </c>
      <c r="N499" s="56">
        <f>IF(Input!$D$19=1,J499*Input!$C$19,0)+IF(Input!$D$20=1,K499*Input!$C$20,0)+IF(Input!$D$21=1,L499*Input!$C$21,0)+IF(Input!$D$22=1,M499*Input!$C$22,0)</f>
        <v>0.29682880715420695</v>
      </c>
      <c r="O499" s="59">
        <f>IF(Input!$D$19=2,J499*Input!$C$19,0)+IF(Input!$D$20=2,K499*Input!$C$20,0)+IF(Input!$D$21=2,L499*Input!$C$21,0)+IF(Input!$D$22=2,M499*Input!$C$22,0)</f>
        <v>0.74207201788551735</v>
      </c>
      <c r="P499" s="59">
        <f>IF(Input!$D$19=3,J499*Input!$C$19,0)+IF(Input!$D$20=3,K499*Input!$C$20,0)+IF(Input!$D$21=3,L499*Input!$C$21,0)+IF(Input!$D$22=3,M499*Input!$C$22,0)</f>
        <v>0</v>
      </c>
      <c r="Q499" s="75">
        <f>IF(Input!$D$19=4,J499*Input!$C$19,0)+IF(Input!$D$20=4,K499*Input!$C$20,0)+IF(Input!$D$21=4,L499*Input!$C$21,0)+IF(Input!$D$22=4,M499*Input!$C$22,0)</f>
        <v>0</v>
      </c>
      <c r="R499" s="58">
        <v>42.95462435395779</v>
      </c>
      <c r="S499" s="124">
        <f t="shared" si="7"/>
        <v>1.2862581643348969</v>
      </c>
    </row>
    <row r="500" spans="8:19" x14ac:dyDescent="0.3">
      <c r="H500" s="44">
        <v>493</v>
      </c>
      <c r="I500" s="56">
        <f>Bühler!I526</f>
        <v>0.2968288071542069</v>
      </c>
      <c r="J500" s="59">
        <f>Bühler!J526</f>
        <v>0.98942935718068992</v>
      </c>
      <c r="K500" s="59">
        <f>Bühler!K526</f>
        <v>1.4841440357710347</v>
      </c>
      <c r="L500" s="59">
        <f>Bühler!L526</f>
        <v>15.039373865687455</v>
      </c>
      <c r="M500" s="58">
        <f>Bühler!M526</f>
        <v>0</v>
      </c>
      <c r="N500" s="56">
        <f>IF(Input!$D$19=1,J500*Input!$C$19,0)+IF(Input!$D$20=1,K500*Input!$C$20,0)+IF(Input!$D$21=1,L500*Input!$C$21,0)+IF(Input!$D$22=1,M500*Input!$C$22,0)</f>
        <v>0.29682880715420695</v>
      </c>
      <c r="O500" s="59">
        <f>IF(Input!$D$19=2,J500*Input!$C$19,0)+IF(Input!$D$20=2,K500*Input!$C$20,0)+IF(Input!$D$21=2,L500*Input!$C$21,0)+IF(Input!$D$22=2,M500*Input!$C$22,0)</f>
        <v>0.74207201788551735</v>
      </c>
      <c r="P500" s="59">
        <f>IF(Input!$D$19=3,J500*Input!$C$19,0)+IF(Input!$D$20=3,K500*Input!$C$20,0)+IF(Input!$D$21=3,L500*Input!$C$21,0)+IF(Input!$D$22=3,M500*Input!$C$22,0)</f>
        <v>0</v>
      </c>
      <c r="Q500" s="75">
        <f>IF(Input!$D$19=4,J500*Input!$C$19,0)+IF(Input!$D$20=4,K500*Input!$C$20,0)+IF(Input!$D$21=4,L500*Input!$C$21,0)+IF(Input!$D$22=4,M500*Input!$C$22,0)</f>
        <v>0</v>
      </c>
      <c r="R500" s="58">
        <v>42.679822520223894</v>
      </c>
      <c r="S500" s="124">
        <f t="shared" si="7"/>
        <v>1.2862581643348969</v>
      </c>
    </row>
    <row r="501" spans="8:19" x14ac:dyDescent="0.3">
      <c r="H501" s="44">
        <v>494</v>
      </c>
      <c r="I501" s="56">
        <f>Bühler!I527</f>
        <v>0.2968288071542069</v>
      </c>
      <c r="J501" s="59">
        <f>Bühler!J527</f>
        <v>0.98942935718068992</v>
      </c>
      <c r="K501" s="59">
        <f>Bühler!K527</f>
        <v>1.4841440357710347</v>
      </c>
      <c r="L501" s="59">
        <f>Bühler!L527</f>
        <v>15.039373865687455</v>
      </c>
      <c r="M501" s="58">
        <f>Bühler!M527</f>
        <v>0</v>
      </c>
      <c r="N501" s="56">
        <f>IF(Input!$D$19=1,J501*Input!$C$19,0)+IF(Input!$D$20=1,K501*Input!$C$20,0)+IF(Input!$D$21=1,L501*Input!$C$21,0)+IF(Input!$D$22=1,M501*Input!$C$22,0)</f>
        <v>0.29682880715420695</v>
      </c>
      <c r="O501" s="59">
        <f>IF(Input!$D$19=2,J501*Input!$C$19,0)+IF(Input!$D$20=2,K501*Input!$C$20,0)+IF(Input!$D$21=2,L501*Input!$C$21,0)+IF(Input!$D$22=2,M501*Input!$C$22,0)</f>
        <v>0.74207201788551735</v>
      </c>
      <c r="P501" s="59">
        <f>IF(Input!$D$19=3,J501*Input!$C$19,0)+IF(Input!$D$20=3,K501*Input!$C$20,0)+IF(Input!$D$21=3,L501*Input!$C$21,0)+IF(Input!$D$22=3,M501*Input!$C$22,0)</f>
        <v>0</v>
      </c>
      <c r="Q501" s="75">
        <f>IF(Input!$D$19=4,J501*Input!$C$19,0)+IF(Input!$D$20=4,K501*Input!$C$20,0)+IF(Input!$D$21=4,L501*Input!$C$21,0)+IF(Input!$D$22=4,M501*Input!$C$22,0)</f>
        <v>0</v>
      </c>
      <c r="R501" s="58">
        <v>42.791116556889499</v>
      </c>
      <c r="S501" s="124">
        <f t="shared" si="7"/>
        <v>1.2862581643348969</v>
      </c>
    </row>
    <row r="502" spans="8:19" x14ac:dyDescent="0.3">
      <c r="H502" s="44">
        <v>495</v>
      </c>
      <c r="I502" s="56">
        <f>Bühler!I528</f>
        <v>0.2968288071542069</v>
      </c>
      <c r="J502" s="59">
        <f>Bühler!J528</f>
        <v>0.98942935718068992</v>
      </c>
      <c r="K502" s="59">
        <f>Bühler!K528</f>
        <v>1.4841440357710347</v>
      </c>
      <c r="L502" s="59">
        <f>Bühler!L528</f>
        <v>15.039373865687455</v>
      </c>
      <c r="M502" s="58">
        <f>Bühler!M528</f>
        <v>0</v>
      </c>
      <c r="N502" s="56">
        <f>IF(Input!$D$19=1,J502*Input!$C$19,0)+IF(Input!$D$20=1,K502*Input!$C$20,0)+IF(Input!$D$21=1,L502*Input!$C$21,0)+IF(Input!$D$22=1,M502*Input!$C$22,0)</f>
        <v>0.29682880715420695</v>
      </c>
      <c r="O502" s="59">
        <f>IF(Input!$D$19=2,J502*Input!$C$19,0)+IF(Input!$D$20=2,K502*Input!$C$20,0)+IF(Input!$D$21=2,L502*Input!$C$21,0)+IF(Input!$D$22=2,M502*Input!$C$22,0)</f>
        <v>0.74207201788551735</v>
      </c>
      <c r="P502" s="59">
        <f>IF(Input!$D$19=3,J502*Input!$C$19,0)+IF(Input!$D$20=3,K502*Input!$C$20,0)+IF(Input!$D$21=3,L502*Input!$C$21,0)+IF(Input!$D$22=3,M502*Input!$C$22,0)</f>
        <v>0</v>
      </c>
      <c r="Q502" s="75">
        <f>IF(Input!$D$19=4,J502*Input!$C$19,0)+IF(Input!$D$20=4,K502*Input!$C$20,0)+IF(Input!$D$21=4,L502*Input!$C$21,0)+IF(Input!$D$22=4,M502*Input!$C$22,0)</f>
        <v>0</v>
      </c>
      <c r="R502" s="58">
        <v>42.848387602811123</v>
      </c>
      <c r="S502" s="124">
        <f t="shared" si="7"/>
        <v>1.2862581643348969</v>
      </c>
    </row>
    <row r="503" spans="8:19" x14ac:dyDescent="0.3">
      <c r="H503" s="44">
        <v>496</v>
      </c>
      <c r="I503" s="56">
        <f>Bühler!I529</f>
        <v>0.26384782858151729</v>
      </c>
      <c r="J503" s="59">
        <f>Bühler!J529</f>
        <v>0.87949276193839099</v>
      </c>
      <c r="K503" s="59">
        <f>Bühler!K529</f>
        <v>1.3192391429075865</v>
      </c>
      <c r="L503" s="59">
        <f>Bühler!L529</f>
        <v>13.368332325055515</v>
      </c>
      <c r="M503" s="58">
        <f>Bühler!M529</f>
        <v>0</v>
      </c>
      <c r="N503" s="56">
        <f>IF(Input!$D$19=1,J503*Input!$C$19,0)+IF(Input!$D$20=1,K503*Input!$C$20,0)+IF(Input!$D$21=1,L503*Input!$C$21,0)+IF(Input!$D$22=1,M503*Input!$C$22,0)</f>
        <v>0.26384782858151729</v>
      </c>
      <c r="O503" s="59">
        <f>IF(Input!$D$19=2,J503*Input!$C$19,0)+IF(Input!$D$20=2,K503*Input!$C$20,0)+IF(Input!$D$21=2,L503*Input!$C$21,0)+IF(Input!$D$22=2,M503*Input!$C$22,0)</f>
        <v>0.65961957145379324</v>
      </c>
      <c r="P503" s="59">
        <f>IF(Input!$D$19=3,J503*Input!$C$19,0)+IF(Input!$D$20=3,K503*Input!$C$20,0)+IF(Input!$D$21=3,L503*Input!$C$21,0)+IF(Input!$D$22=3,M503*Input!$C$22,0)</f>
        <v>0</v>
      </c>
      <c r="Q503" s="75">
        <f>IF(Input!$D$19=4,J503*Input!$C$19,0)+IF(Input!$D$20=4,K503*Input!$C$20,0)+IF(Input!$D$21=4,L503*Input!$C$21,0)+IF(Input!$D$22=4,M503*Input!$C$22,0)</f>
        <v>0</v>
      </c>
      <c r="R503" s="58">
        <v>42.361559381631196</v>
      </c>
      <c r="S503" s="124">
        <f t="shared" si="7"/>
        <v>1.1433405905199083</v>
      </c>
    </row>
    <row r="504" spans="8:19" x14ac:dyDescent="0.3">
      <c r="H504" s="44">
        <v>497</v>
      </c>
      <c r="I504" s="56">
        <f>Bühler!I530</f>
        <v>0.25913626021399011</v>
      </c>
      <c r="J504" s="59">
        <f>Bühler!J530</f>
        <v>0.86378753404663389</v>
      </c>
      <c r="K504" s="59">
        <f>Bühler!K530</f>
        <v>1.2956813010699508</v>
      </c>
      <c r="L504" s="59">
        <f>Bühler!L530</f>
        <v>13.12961210496524</v>
      </c>
      <c r="M504" s="58">
        <f>Bühler!M530</f>
        <v>0</v>
      </c>
      <c r="N504" s="56">
        <f>IF(Input!$D$19=1,J504*Input!$C$19,0)+IF(Input!$D$20=1,K504*Input!$C$20,0)+IF(Input!$D$21=1,L504*Input!$C$21,0)+IF(Input!$D$22=1,M504*Input!$C$22,0)</f>
        <v>0.25913626021399017</v>
      </c>
      <c r="O504" s="59">
        <f>IF(Input!$D$19=2,J504*Input!$C$19,0)+IF(Input!$D$20=2,K504*Input!$C$20,0)+IF(Input!$D$21=2,L504*Input!$C$21,0)+IF(Input!$D$22=2,M504*Input!$C$22,0)</f>
        <v>0.64784065053497542</v>
      </c>
      <c r="P504" s="59">
        <f>IF(Input!$D$19=3,J504*Input!$C$19,0)+IF(Input!$D$20=3,K504*Input!$C$20,0)+IF(Input!$D$21=3,L504*Input!$C$21,0)+IF(Input!$D$22=3,M504*Input!$C$22,0)</f>
        <v>0</v>
      </c>
      <c r="Q504" s="75">
        <f>IF(Input!$D$19=4,J504*Input!$C$19,0)+IF(Input!$D$20=4,K504*Input!$C$20,0)+IF(Input!$D$21=4,L504*Input!$C$21,0)+IF(Input!$D$22=4,M504*Input!$C$22,0)</f>
        <v>0</v>
      </c>
      <c r="R504" s="58">
        <v>42.22637066922799</v>
      </c>
      <c r="S504" s="124">
        <f t="shared" si="7"/>
        <v>1.1229237942606241</v>
      </c>
    </row>
    <row r="505" spans="8:19" x14ac:dyDescent="0.3">
      <c r="H505" s="44">
        <v>498</v>
      </c>
      <c r="I505" s="56">
        <f>Bühler!I531</f>
        <v>0.22144371327377343</v>
      </c>
      <c r="J505" s="59">
        <f>Bühler!J531</f>
        <v>0.73814571091257819</v>
      </c>
      <c r="K505" s="59">
        <f>Bühler!K531</f>
        <v>1.1072185663688672</v>
      </c>
      <c r="L505" s="59">
        <f>Bühler!L531</f>
        <v>11.219850344243023</v>
      </c>
      <c r="M505" s="58">
        <f>Bühler!M531</f>
        <v>0</v>
      </c>
      <c r="N505" s="56">
        <f>IF(Input!$D$19=1,J505*Input!$C$19,0)+IF(Input!$D$20=1,K505*Input!$C$20,0)+IF(Input!$D$21=1,L505*Input!$C$21,0)+IF(Input!$D$22=1,M505*Input!$C$22,0)</f>
        <v>0.22144371327377346</v>
      </c>
      <c r="O505" s="59">
        <f>IF(Input!$D$19=2,J505*Input!$C$19,0)+IF(Input!$D$20=2,K505*Input!$C$20,0)+IF(Input!$D$21=2,L505*Input!$C$21,0)+IF(Input!$D$22=2,M505*Input!$C$22,0)</f>
        <v>0.55360928318443359</v>
      </c>
      <c r="P505" s="59">
        <f>IF(Input!$D$19=3,J505*Input!$C$19,0)+IF(Input!$D$20=3,K505*Input!$C$20,0)+IF(Input!$D$21=3,L505*Input!$C$21,0)+IF(Input!$D$22=3,M505*Input!$C$22,0)</f>
        <v>0</v>
      </c>
      <c r="Q505" s="75">
        <f>IF(Input!$D$19=4,J505*Input!$C$19,0)+IF(Input!$D$20=4,K505*Input!$C$20,0)+IF(Input!$D$21=4,L505*Input!$C$21,0)+IF(Input!$D$22=4,M505*Input!$C$22,0)</f>
        <v>0</v>
      </c>
      <c r="R505" s="58">
        <v>42.867413422242706</v>
      </c>
      <c r="S505" s="124">
        <f t="shared" si="7"/>
        <v>0.95958942418635162</v>
      </c>
    </row>
    <row r="506" spans="8:19" x14ac:dyDescent="0.3">
      <c r="H506" s="44">
        <v>499</v>
      </c>
      <c r="I506" s="56">
        <f>Bühler!I532</f>
        <v>0.20730900817119216</v>
      </c>
      <c r="J506" s="59">
        <f>Bühler!J532</f>
        <v>0.69103002723730733</v>
      </c>
      <c r="K506" s="59">
        <f>Bühler!K532</f>
        <v>1.0365450408559609</v>
      </c>
      <c r="L506" s="59">
        <f>Bühler!L532</f>
        <v>10.503689683972192</v>
      </c>
      <c r="M506" s="58">
        <f>Bühler!M532</f>
        <v>0</v>
      </c>
      <c r="N506" s="56">
        <f>IF(Input!$D$19=1,J506*Input!$C$19,0)+IF(Input!$D$20=1,K506*Input!$C$20,0)+IF(Input!$D$21=1,L506*Input!$C$21,0)+IF(Input!$D$22=1,M506*Input!$C$22,0)</f>
        <v>0.20730900817119219</v>
      </c>
      <c r="O506" s="59">
        <f>IF(Input!$D$19=2,J506*Input!$C$19,0)+IF(Input!$D$20=2,K506*Input!$C$20,0)+IF(Input!$D$21=2,L506*Input!$C$21,0)+IF(Input!$D$22=2,M506*Input!$C$22,0)</f>
        <v>0.51827252042798044</v>
      </c>
      <c r="P506" s="59">
        <f>IF(Input!$D$19=3,J506*Input!$C$19,0)+IF(Input!$D$20=3,K506*Input!$C$20,0)+IF(Input!$D$21=3,L506*Input!$C$21,0)+IF(Input!$D$22=3,M506*Input!$C$22,0)</f>
        <v>0</v>
      </c>
      <c r="Q506" s="75">
        <f>IF(Input!$D$19=4,J506*Input!$C$19,0)+IF(Input!$D$20=4,K506*Input!$C$20,0)+IF(Input!$D$21=4,L506*Input!$C$21,0)+IF(Input!$D$22=4,M506*Input!$C$22,0)</f>
        <v>0</v>
      </c>
      <c r="R506" s="58">
        <v>43.267571541010909</v>
      </c>
      <c r="S506" s="124">
        <f t="shared" si="7"/>
        <v>0.89833903540849946</v>
      </c>
    </row>
    <row r="507" spans="8:19" x14ac:dyDescent="0.3">
      <c r="H507" s="44">
        <v>500</v>
      </c>
      <c r="I507" s="56">
        <f>Bühler!I533</f>
        <v>0.17432802959850249</v>
      </c>
      <c r="J507" s="59">
        <f>Bühler!J533</f>
        <v>0.5810934319950084</v>
      </c>
      <c r="K507" s="59">
        <f>Bühler!K533</f>
        <v>0.87164014799251255</v>
      </c>
      <c r="L507" s="59">
        <f>Bühler!L533</f>
        <v>8.8326481433402524</v>
      </c>
      <c r="M507" s="58">
        <f>Bühler!M533</f>
        <v>0</v>
      </c>
      <c r="N507" s="56">
        <f>IF(Input!$D$19=1,J507*Input!$C$19,0)+IF(Input!$D$20=1,K507*Input!$C$20,0)+IF(Input!$D$21=1,L507*Input!$C$21,0)+IF(Input!$D$22=1,M507*Input!$C$22,0)</f>
        <v>0.17432802959850252</v>
      </c>
      <c r="O507" s="59">
        <f>IF(Input!$D$19=2,J507*Input!$C$19,0)+IF(Input!$D$20=2,K507*Input!$C$20,0)+IF(Input!$D$21=2,L507*Input!$C$21,0)+IF(Input!$D$22=2,M507*Input!$C$22,0)</f>
        <v>0.43582007399625627</v>
      </c>
      <c r="P507" s="59">
        <f>IF(Input!$D$19=3,J507*Input!$C$19,0)+IF(Input!$D$20=3,K507*Input!$C$20,0)+IF(Input!$D$21=3,L507*Input!$C$21,0)+IF(Input!$D$22=3,M507*Input!$C$22,0)</f>
        <v>0</v>
      </c>
      <c r="Q507" s="75">
        <f>IF(Input!$D$19=4,J507*Input!$C$19,0)+IF(Input!$D$20=4,K507*Input!$C$20,0)+IF(Input!$D$21=4,L507*Input!$C$21,0)+IF(Input!$D$22=4,M507*Input!$C$22,0)</f>
        <v>0</v>
      </c>
      <c r="R507" s="58">
        <v>43.341106556220254</v>
      </c>
      <c r="S507" s="124">
        <f t="shared" si="7"/>
        <v>0.75542146159351087</v>
      </c>
    </row>
    <row r="508" spans="8:19" x14ac:dyDescent="0.3">
      <c r="H508" s="44">
        <v>501</v>
      </c>
      <c r="I508" s="56">
        <f>Bühler!I534</f>
        <v>0.14605861939333992</v>
      </c>
      <c r="J508" s="59">
        <f>Bühler!J534</f>
        <v>0.48686206464446646</v>
      </c>
      <c r="K508" s="59">
        <f>Bühler!K534</f>
        <v>0.73029309696669964</v>
      </c>
      <c r="L508" s="59">
        <f>Bühler!L534</f>
        <v>7.4003268227985899</v>
      </c>
      <c r="M508" s="58">
        <f>Bühler!M534</f>
        <v>0</v>
      </c>
      <c r="N508" s="56">
        <f>IF(Input!$D$19=1,J508*Input!$C$19,0)+IF(Input!$D$20=1,K508*Input!$C$20,0)+IF(Input!$D$21=1,L508*Input!$C$21,0)+IF(Input!$D$22=1,M508*Input!$C$22,0)</f>
        <v>0.14605861939333994</v>
      </c>
      <c r="O508" s="59">
        <f>IF(Input!$D$19=2,J508*Input!$C$19,0)+IF(Input!$D$20=2,K508*Input!$C$20,0)+IF(Input!$D$21=2,L508*Input!$C$21,0)+IF(Input!$D$22=2,M508*Input!$C$22,0)</f>
        <v>0.36514654848334982</v>
      </c>
      <c r="P508" s="59">
        <f>IF(Input!$D$19=3,J508*Input!$C$19,0)+IF(Input!$D$20=3,K508*Input!$C$20,0)+IF(Input!$D$21=3,L508*Input!$C$21,0)+IF(Input!$D$22=3,M508*Input!$C$22,0)</f>
        <v>0</v>
      </c>
      <c r="Q508" s="75">
        <f>IF(Input!$D$19=4,J508*Input!$C$19,0)+IF(Input!$D$20=4,K508*Input!$C$20,0)+IF(Input!$D$21=4,L508*Input!$C$21,0)+IF(Input!$D$22=4,M508*Input!$C$22,0)</f>
        <v>0</v>
      </c>
      <c r="R508" s="58">
        <v>43.897564402505012</v>
      </c>
      <c r="S508" s="124">
        <f t="shared" si="7"/>
        <v>0.63292068403780632</v>
      </c>
    </row>
    <row r="509" spans="8:19" x14ac:dyDescent="0.3">
      <c r="H509" s="44">
        <v>502</v>
      </c>
      <c r="I509" s="56">
        <f>Bühler!I535</f>
        <v>0.12721234592323155</v>
      </c>
      <c r="J509" s="59">
        <f>Bühler!J535</f>
        <v>0.42404115307743856</v>
      </c>
      <c r="K509" s="59">
        <f>Bühler!K535</f>
        <v>0.63606172961615781</v>
      </c>
      <c r="L509" s="59">
        <f>Bühler!L535</f>
        <v>6.4454459424374813</v>
      </c>
      <c r="M509" s="58">
        <f>Bühler!M535</f>
        <v>0</v>
      </c>
      <c r="N509" s="56">
        <f>IF(Input!$D$19=1,J509*Input!$C$19,0)+IF(Input!$D$20=1,K509*Input!$C$20,0)+IF(Input!$D$21=1,L509*Input!$C$21,0)+IF(Input!$D$22=1,M509*Input!$C$22,0)</f>
        <v>0.12721234592323155</v>
      </c>
      <c r="O509" s="59">
        <f>IF(Input!$D$19=2,J509*Input!$C$19,0)+IF(Input!$D$20=2,K509*Input!$C$20,0)+IF(Input!$D$21=2,L509*Input!$C$21,0)+IF(Input!$D$22=2,M509*Input!$C$22,0)</f>
        <v>0.31803086480807891</v>
      </c>
      <c r="P509" s="59">
        <f>IF(Input!$D$19=3,J509*Input!$C$19,0)+IF(Input!$D$20=3,K509*Input!$C$20,0)+IF(Input!$D$21=3,L509*Input!$C$21,0)+IF(Input!$D$22=3,M509*Input!$C$22,0)</f>
        <v>0</v>
      </c>
      <c r="Q509" s="75">
        <f>IF(Input!$D$19=4,J509*Input!$C$19,0)+IF(Input!$D$20=4,K509*Input!$C$20,0)+IF(Input!$D$21=4,L509*Input!$C$21,0)+IF(Input!$D$22=4,M509*Input!$C$22,0)</f>
        <v>0</v>
      </c>
      <c r="R509" s="58">
        <v>44.460557606241458</v>
      </c>
      <c r="S509" s="124">
        <f t="shared" si="7"/>
        <v>0.55125349900067011</v>
      </c>
    </row>
    <row r="510" spans="8:19" x14ac:dyDescent="0.3">
      <c r="H510" s="44">
        <v>503</v>
      </c>
      <c r="I510" s="56">
        <f>Bühler!I536</f>
        <v>0.12721234592323155</v>
      </c>
      <c r="J510" s="59">
        <f>Bühler!J536</f>
        <v>0.42404115307743856</v>
      </c>
      <c r="K510" s="59">
        <f>Bühler!K536</f>
        <v>0.63606172961615781</v>
      </c>
      <c r="L510" s="59">
        <f>Bühler!L536</f>
        <v>6.4454459424374813</v>
      </c>
      <c r="M510" s="58">
        <f>Bühler!M536</f>
        <v>0</v>
      </c>
      <c r="N510" s="56">
        <f>IF(Input!$D$19=1,J510*Input!$C$19,0)+IF(Input!$D$20=1,K510*Input!$C$20,0)+IF(Input!$D$21=1,L510*Input!$C$21,0)+IF(Input!$D$22=1,M510*Input!$C$22,0)</f>
        <v>0.12721234592323155</v>
      </c>
      <c r="O510" s="59">
        <f>IF(Input!$D$19=2,J510*Input!$C$19,0)+IF(Input!$D$20=2,K510*Input!$C$20,0)+IF(Input!$D$21=2,L510*Input!$C$21,0)+IF(Input!$D$22=2,M510*Input!$C$22,0)</f>
        <v>0.31803086480807891</v>
      </c>
      <c r="P510" s="59">
        <f>IF(Input!$D$19=3,J510*Input!$C$19,0)+IF(Input!$D$20=3,K510*Input!$C$20,0)+IF(Input!$D$21=3,L510*Input!$C$21,0)+IF(Input!$D$22=3,M510*Input!$C$22,0)</f>
        <v>0</v>
      </c>
      <c r="Q510" s="75">
        <f>IF(Input!$D$19=4,J510*Input!$C$19,0)+IF(Input!$D$20=4,K510*Input!$C$20,0)+IF(Input!$D$21=4,L510*Input!$C$21,0)+IF(Input!$D$22=4,M510*Input!$C$22,0)</f>
        <v>0</v>
      </c>
      <c r="R510" s="58">
        <v>44.776626006407049</v>
      </c>
      <c r="S510" s="124">
        <f t="shared" si="7"/>
        <v>0.55125349900067011</v>
      </c>
    </row>
    <row r="511" spans="8:19" x14ac:dyDescent="0.3">
      <c r="H511" s="44">
        <v>504</v>
      </c>
      <c r="I511" s="56">
        <f>Bühler!I537</f>
        <v>0.12721234592323155</v>
      </c>
      <c r="J511" s="59">
        <f>Bühler!J537</f>
        <v>0.42404115307743856</v>
      </c>
      <c r="K511" s="59">
        <f>Bühler!K537</f>
        <v>0.63606172961615781</v>
      </c>
      <c r="L511" s="59">
        <f>Bühler!L537</f>
        <v>6.4454459424374813</v>
      </c>
      <c r="M511" s="58">
        <f>Bühler!M537</f>
        <v>0</v>
      </c>
      <c r="N511" s="56">
        <f>IF(Input!$D$19=1,J511*Input!$C$19,0)+IF(Input!$D$20=1,K511*Input!$C$20,0)+IF(Input!$D$21=1,L511*Input!$C$21,0)+IF(Input!$D$22=1,M511*Input!$C$22,0)</f>
        <v>0.12721234592323155</v>
      </c>
      <c r="O511" s="59">
        <f>IF(Input!$D$19=2,J511*Input!$C$19,0)+IF(Input!$D$20=2,K511*Input!$C$20,0)+IF(Input!$D$21=2,L511*Input!$C$21,0)+IF(Input!$D$22=2,M511*Input!$C$22,0)</f>
        <v>0.31803086480807891</v>
      </c>
      <c r="P511" s="59">
        <f>IF(Input!$D$19=3,J511*Input!$C$19,0)+IF(Input!$D$20=3,K511*Input!$C$20,0)+IF(Input!$D$21=3,L511*Input!$C$21,0)+IF(Input!$D$22=3,M511*Input!$C$22,0)</f>
        <v>0</v>
      </c>
      <c r="Q511" s="75">
        <f>IF(Input!$D$19=4,J511*Input!$C$19,0)+IF(Input!$D$20=4,K511*Input!$C$20,0)+IF(Input!$D$21=4,L511*Input!$C$21,0)+IF(Input!$D$22=4,M511*Input!$C$22,0)</f>
        <v>0</v>
      </c>
      <c r="R511" s="58">
        <v>44.486660122385352</v>
      </c>
      <c r="S511" s="124">
        <f t="shared" si="7"/>
        <v>0.55125349900067011</v>
      </c>
    </row>
    <row r="512" spans="8:19" x14ac:dyDescent="0.3">
      <c r="H512" s="44">
        <v>505</v>
      </c>
      <c r="I512" s="56">
        <f>Bühler!I538</f>
        <v>8.0007086505263628E-2</v>
      </c>
      <c r="J512" s="59">
        <f>Bühler!J538</f>
        <v>0.26669028835087877</v>
      </c>
      <c r="K512" s="59">
        <f>Bühler!K538</f>
        <v>0.40003543252631818</v>
      </c>
      <c r="L512" s="59">
        <f>Bühler!L538</f>
        <v>1.9201700761263272</v>
      </c>
      <c r="M512" s="58">
        <f>Bühler!M538</f>
        <v>0</v>
      </c>
      <c r="N512" s="56">
        <f>IF(Input!$D$19=1,J512*Input!$C$19,0)+IF(Input!$D$20=1,K512*Input!$C$20,0)+IF(Input!$D$21=1,L512*Input!$C$21,0)+IF(Input!$D$22=1,M512*Input!$C$22,0)</f>
        <v>8.0007086505263628E-2</v>
      </c>
      <c r="O512" s="59">
        <f>IF(Input!$D$19=2,J512*Input!$C$19,0)+IF(Input!$D$20=2,K512*Input!$C$20,0)+IF(Input!$D$21=2,L512*Input!$C$21,0)+IF(Input!$D$22=2,M512*Input!$C$22,0)</f>
        <v>0.20001771626315909</v>
      </c>
      <c r="P512" s="59">
        <f>IF(Input!$D$19=3,J512*Input!$C$19,0)+IF(Input!$D$20=3,K512*Input!$C$20,0)+IF(Input!$D$21=3,L512*Input!$C$21,0)+IF(Input!$D$22=3,M512*Input!$C$22,0)</f>
        <v>0</v>
      </c>
      <c r="Q512" s="75">
        <f>IF(Input!$D$19=4,J512*Input!$C$19,0)+IF(Input!$D$20=4,K512*Input!$C$20,0)+IF(Input!$D$21=4,L512*Input!$C$21,0)+IF(Input!$D$22=4,M512*Input!$C$22,0)</f>
        <v>0</v>
      </c>
      <c r="R512" s="58">
        <v>43.402855595810699</v>
      </c>
      <c r="S512" s="124">
        <f t="shared" si="7"/>
        <v>0.34669737485614238</v>
      </c>
    </row>
    <row r="513" spans="8:19" x14ac:dyDescent="0.3">
      <c r="H513" s="44">
        <v>506</v>
      </c>
      <c r="I513" s="56">
        <f>Bühler!I539</f>
        <v>8.0007086505263628E-2</v>
      </c>
      <c r="J513" s="59">
        <f>Bühler!J539</f>
        <v>0.26669028835087877</v>
      </c>
      <c r="K513" s="59">
        <f>Bühler!K539</f>
        <v>0.40003543252631818</v>
      </c>
      <c r="L513" s="59">
        <f>Bühler!L539</f>
        <v>1.9201700761263272</v>
      </c>
      <c r="M513" s="58">
        <f>Bühler!M539</f>
        <v>0</v>
      </c>
      <c r="N513" s="56">
        <f>IF(Input!$D$19=1,J513*Input!$C$19,0)+IF(Input!$D$20=1,K513*Input!$C$20,0)+IF(Input!$D$21=1,L513*Input!$C$21,0)+IF(Input!$D$22=1,M513*Input!$C$22,0)</f>
        <v>8.0007086505263628E-2</v>
      </c>
      <c r="O513" s="59">
        <f>IF(Input!$D$19=2,J513*Input!$C$19,0)+IF(Input!$D$20=2,K513*Input!$C$20,0)+IF(Input!$D$21=2,L513*Input!$C$21,0)+IF(Input!$D$22=2,M513*Input!$C$22,0)</f>
        <v>0.20001771626315909</v>
      </c>
      <c r="P513" s="59">
        <f>IF(Input!$D$19=3,J513*Input!$C$19,0)+IF(Input!$D$20=3,K513*Input!$C$20,0)+IF(Input!$D$21=3,L513*Input!$C$21,0)+IF(Input!$D$22=3,M513*Input!$C$22,0)</f>
        <v>0</v>
      </c>
      <c r="Q513" s="75">
        <f>IF(Input!$D$19=4,J513*Input!$C$19,0)+IF(Input!$D$20=4,K513*Input!$C$20,0)+IF(Input!$D$21=4,L513*Input!$C$21,0)+IF(Input!$D$22=4,M513*Input!$C$22,0)</f>
        <v>0</v>
      </c>
      <c r="R513" s="58">
        <v>44.077111611136559</v>
      </c>
      <c r="S513" s="124">
        <f t="shared" si="7"/>
        <v>0.34669737485614238</v>
      </c>
    </row>
    <row r="514" spans="8:19" x14ac:dyDescent="0.3">
      <c r="H514" s="44">
        <v>507</v>
      </c>
      <c r="I514" s="56">
        <f>Bühler!I540</f>
        <v>8.0007086505263628E-2</v>
      </c>
      <c r="J514" s="59">
        <f>Bühler!J540</f>
        <v>0.26669028835087877</v>
      </c>
      <c r="K514" s="59">
        <f>Bühler!K540</f>
        <v>0.40003543252631818</v>
      </c>
      <c r="L514" s="59">
        <f>Bühler!L540</f>
        <v>1.9201700761263272</v>
      </c>
      <c r="M514" s="58">
        <f>Bühler!M540</f>
        <v>0</v>
      </c>
      <c r="N514" s="56">
        <f>IF(Input!$D$19=1,J514*Input!$C$19,0)+IF(Input!$D$20=1,K514*Input!$C$20,0)+IF(Input!$D$21=1,L514*Input!$C$21,0)+IF(Input!$D$22=1,M514*Input!$C$22,0)</f>
        <v>8.0007086505263628E-2</v>
      </c>
      <c r="O514" s="59">
        <f>IF(Input!$D$19=2,J514*Input!$C$19,0)+IF(Input!$D$20=2,K514*Input!$C$20,0)+IF(Input!$D$21=2,L514*Input!$C$21,0)+IF(Input!$D$22=2,M514*Input!$C$22,0)</f>
        <v>0.20001771626315909</v>
      </c>
      <c r="P514" s="59">
        <f>IF(Input!$D$19=3,J514*Input!$C$19,0)+IF(Input!$D$20=3,K514*Input!$C$20,0)+IF(Input!$D$21=3,L514*Input!$C$21,0)+IF(Input!$D$22=3,M514*Input!$C$22,0)</f>
        <v>0</v>
      </c>
      <c r="Q514" s="75">
        <f>IF(Input!$D$19=4,J514*Input!$C$19,0)+IF(Input!$D$20=4,K514*Input!$C$20,0)+IF(Input!$D$21=4,L514*Input!$C$21,0)+IF(Input!$D$22=4,M514*Input!$C$22,0)</f>
        <v>0</v>
      </c>
      <c r="R514" s="58">
        <v>45.141044358002432</v>
      </c>
      <c r="S514" s="124">
        <f t="shared" si="7"/>
        <v>0.34669737485614238</v>
      </c>
    </row>
    <row r="515" spans="8:19" x14ac:dyDescent="0.3">
      <c r="H515" s="44">
        <v>508</v>
      </c>
      <c r="I515" s="56">
        <f>Bühler!I541</f>
        <v>8.0007086505263628E-2</v>
      </c>
      <c r="J515" s="59">
        <f>Bühler!J541</f>
        <v>0.26669028835087877</v>
      </c>
      <c r="K515" s="59">
        <f>Bühler!K541</f>
        <v>0.40003543252631818</v>
      </c>
      <c r="L515" s="59">
        <f>Bühler!L541</f>
        <v>1.9201700761263272</v>
      </c>
      <c r="M515" s="58">
        <f>Bühler!M541</f>
        <v>0</v>
      </c>
      <c r="N515" s="56">
        <f>IF(Input!$D$19=1,J515*Input!$C$19,0)+IF(Input!$D$20=1,K515*Input!$C$20,0)+IF(Input!$D$21=1,L515*Input!$C$21,0)+IF(Input!$D$22=1,M515*Input!$C$22,0)</f>
        <v>8.0007086505263628E-2</v>
      </c>
      <c r="O515" s="59">
        <f>IF(Input!$D$19=2,J515*Input!$C$19,0)+IF(Input!$D$20=2,K515*Input!$C$20,0)+IF(Input!$D$21=2,L515*Input!$C$21,0)+IF(Input!$D$22=2,M515*Input!$C$22,0)</f>
        <v>0.20001771626315909</v>
      </c>
      <c r="P515" s="59">
        <f>IF(Input!$D$19=3,J515*Input!$C$19,0)+IF(Input!$D$20=3,K515*Input!$C$20,0)+IF(Input!$D$21=3,L515*Input!$C$21,0)+IF(Input!$D$22=3,M515*Input!$C$22,0)</f>
        <v>0</v>
      </c>
      <c r="Q515" s="75">
        <f>IF(Input!$D$19=4,J515*Input!$C$19,0)+IF(Input!$D$20=4,K515*Input!$C$20,0)+IF(Input!$D$21=4,L515*Input!$C$21,0)+IF(Input!$D$22=4,M515*Input!$C$22,0)</f>
        <v>0</v>
      </c>
      <c r="R515" s="58">
        <v>45.894254763335233</v>
      </c>
      <c r="S515" s="124">
        <f t="shared" si="7"/>
        <v>0.34669737485614238</v>
      </c>
    </row>
    <row r="516" spans="8:19" x14ac:dyDescent="0.3">
      <c r="H516" s="44">
        <v>509</v>
      </c>
      <c r="I516" s="56">
        <f>Bühler!I542</f>
        <v>8.0007086505263628E-2</v>
      </c>
      <c r="J516" s="59">
        <f>Bühler!J542</f>
        <v>0.26669028835087877</v>
      </c>
      <c r="K516" s="59">
        <f>Bühler!K542</f>
        <v>0.40003543252631818</v>
      </c>
      <c r="L516" s="59">
        <f>Bühler!L542</f>
        <v>1.9201700761263272</v>
      </c>
      <c r="M516" s="58">
        <f>Bühler!M542</f>
        <v>0</v>
      </c>
      <c r="N516" s="56">
        <f>IF(Input!$D$19=1,J516*Input!$C$19,0)+IF(Input!$D$20=1,K516*Input!$C$20,0)+IF(Input!$D$21=1,L516*Input!$C$21,0)+IF(Input!$D$22=1,M516*Input!$C$22,0)</f>
        <v>8.0007086505263628E-2</v>
      </c>
      <c r="O516" s="59">
        <f>IF(Input!$D$19=2,J516*Input!$C$19,0)+IF(Input!$D$20=2,K516*Input!$C$20,0)+IF(Input!$D$21=2,L516*Input!$C$21,0)+IF(Input!$D$22=2,M516*Input!$C$22,0)</f>
        <v>0.20001771626315909</v>
      </c>
      <c r="P516" s="59">
        <f>IF(Input!$D$19=3,J516*Input!$C$19,0)+IF(Input!$D$20=3,K516*Input!$C$20,0)+IF(Input!$D$21=3,L516*Input!$C$21,0)+IF(Input!$D$22=3,M516*Input!$C$22,0)</f>
        <v>0</v>
      </c>
      <c r="Q516" s="75">
        <f>IF(Input!$D$19=4,J516*Input!$C$19,0)+IF(Input!$D$20=4,K516*Input!$C$20,0)+IF(Input!$D$21=4,L516*Input!$C$21,0)+IF(Input!$D$22=4,M516*Input!$C$22,0)</f>
        <v>0</v>
      </c>
      <c r="R516" s="58">
        <v>49.044148147517127</v>
      </c>
      <c r="S516" s="124">
        <f t="shared" si="7"/>
        <v>0.34669737485614238</v>
      </c>
    </row>
    <row r="517" spans="8:19" x14ac:dyDescent="0.3">
      <c r="H517" s="44">
        <v>510</v>
      </c>
      <c r="I517" s="56">
        <f>Bühler!I543</f>
        <v>0.34669737485614238</v>
      </c>
      <c r="J517" s="59">
        <f>Bühler!J543</f>
        <v>1.1556579161871414</v>
      </c>
      <c r="K517" s="59">
        <f>Bühler!K543</f>
        <v>1.7334868742807119</v>
      </c>
      <c r="L517" s="59">
        <f>Bühler!L543</f>
        <v>8.3207369965474172</v>
      </c>
      <c r="M517" s="58">
        <f>Bühler!M543</f>
        <v>0</v>
      </c>
      <c r="N517" s="56">
        <f>IF(Input!$D$19=1,J517*Input!$C$19,0)+IF(Input!$D$20=1,K517*Input!$C$20,0)+IF(Input!$D$21=1,L517*Input!$C$21,0)+IF(Input!$D$22=1,M517*Input!$C$22,0)</f>
        <v>0.34669737485614244</v>
      </c>
      <c r="O517" s="59">
        <f>IF(Input!$D$19=2,J517*Input!$C$19,0)+IF(Input!$D$20=2,K517*Input!$C$20,0)+IF(Input!$D$21=2,L517*Input!$C$21,0)+IF(Input!$D$22=2,M517*Input!$C$22,0)</f>
        <v>0.86674343714035595</v>
      </c>
      <c r="P517" s="59">
        <f>IF(Input!$D$19=3,J517*Input!$C$19,0)+IF(Input!$D$20=3,K517*Input!$C$20,0)+IF(Input!$D$21=3,L517*Input!$C$21,0)+IF(Input!$D$22=3,M517*Input!$C$22,0)</f>
        <v>0</v>
      </c>
      <c r="Q517" s="75">
        <f>IF(Input!$D$19=4,J517*Input!$C$19,0)+IF(Input!$D$20=4,K517*Input!$C$20,0)+IF(Input!$D$21=4,L517*Input!$C$21,0)+IF(Input!$D$22=4,M517*Input!$C$22,0)</f>
        <v>0</v>
      </c>
      <c r="R517" s="58">
        <v>54.833066210410358</v>
      </c>
      <c r="S517" s="124">
        <f t="shared" si="7"/>
        <v>1.5023552910432838</v>
      </c>
    </row>
    <row r="518" spans="8:19" x14ac:dyDescent="0.3">
      <c r="H518" s="44">
        <v>511</v>
      </c>
      <c r="I518" s="56">
        <f>Bühler!I544</f>
        <v>0.39336817531754625</v>
      </c>
      <c r="J518" s="59">
        <f>Bühler!J544</f>
        <v>1.3112272510584875</v>
      </c>
      <c r="K518" s="59">
        <f>Bühler!K544</f>
        <v>1.9668408765877312</v>
      </c>
      <c r="L518" s="59">
        <f>Bühler!L544</f>
        <v>9.4408362076211088</v>
      </c>
      <c r="M518" s="58">
        <f>Bühler!M544</f>
        <v>0</v>
      </c>
      <c r="N518" s="56">
        <f>IF(Input!$D$19=1,J518*Input!$C$19,0)+IF(Input!$D$20=1,K518*Input!$C$20,0)+IF(Input!$D$21=1,L518*Input!$C$21,0)+IF(Input!$D$22=1,M518*Input!$C$22,0)</f>
        <v>0.39336817531754625</v>
      </c>
      <c r="O518" s="59">
        <f>IF(Input!$D$19=2,J518*Input!$C$19,0)+IF(Input!$D$20=2,K518*Input!$C$20,0)+IF(Input!$D$21=2,L518*Input!$C$21,0)+IF(Input!$D$22=2,M518*Input!$C$22,0)</f>
        <v>0.98342043829386561</v>
      </c>
      <c r="P518" s="59">
        <f>IF(Input!$D$19=3,J518*Input!$C$19,0)+IF(Input!$D$20=3,K518*Input!$C$20,0)+IF(Input!$D$21=3,L518*Input!$C$21,0)+IF(Input!$D$22=3,M518*Input!$C$22,0)</f>
        <v>0</v>
      </c>
      <c r="Q518" s="75">
        <f>IF(Input!$D$19=4,J518*Input!$C$19,0)+IF(Input!$D$20=4,K518*Input!$C$20,0)+IF(Input!$D$21=4,L518*Input!$C$21,0)+IF(Input!$D$22=4,M518*Input!$C$22,0)</f>
        <v>0</v>
      </c>
      <c r="R518" s="58">
        <v>59.633641708690895</v>
      </c>
      <c r="S518" s="124">
        <f t="shared" si="7"/>
        <v>1.7045954263760337</v>
      </c>
    </row>
    <row r="519" spans="8:19" x14ac:dyDescent="0.3">
      <c r="H519" s="44">
        <v>512</v>
      </c>
      <c r="I519" s="56">
        <f>Bühler!I545</f>
        <v>0.39336817531754625</v>
      </c>
      <c r="J519" s="59">
        <f>Bühler!J545</f>
        <v>1.3112272510584875</v>
      </c>
      <c r="K519" s="59">
        <f>Bühler!K545</f>
        <v>1.9668408765877312</v>
      </c>
      <c r="L519" s="59">
        <f>Bühler!L545</f>
        <v>9.4408362076211088</v>
      </c>
      <c r="M519" s="58">
        <f>Bühler!M545</f>
        <v>0</v>
      </c>
      <c r="N519" s="56">
        <f>IF(Input!$D$19=1,J519*Input!$C$19,0)+IF(Input!$D$20=1,K519*Input!$C$20,0)+IF(Input!$D$21=1,L519*Input!$C$21,0)+IF(Input!$D$22=1,M519*Input!$C$22,0)</f>
        <v>0.39336817531754625</v>
      </c>
      <c r="O519" s="59">
        <f>IF(Input!$D$19=2,J519*Input!$C$19,0)+IF(Input!$D$20=2,K519*Input!$C$20,0)+IF(Input!$D$21=2,L519*Input!$C$21,0)+IF(Input!$D$22=2,M519*Input!$C$22,0)</f>
        <v>0.98342043829386561</v>
      </c>
      <c r="P519" s="59">
        <f>IF(Input!$D$19=3,J519*Input!$C$19,0)+IF(Input!$D$20=3,K519*Input!$C$20,0)+IF(Input!$D$21=3,L519*Input!$C$21,0)+IF(Input!$D$22=3,M519*Input!$C$22,0)</f>
        <v>0</v>
      </c>
      <c r="Q519" s="75">
        <f>IF(Input!$D$19=4,J519*Input!$C$19,0)+IF(Input!$D$20=4,K519*Input!$C$20,0)+IF(Input!$D$21=4,L519*Input!$C$21,0)+IF(Input!$D$22=4,M519*Input!$C$22,0)</f>
        <v>0</v>
      </c>
      <c r="R519" s="58">
        <v>62.736878376118092</v>
      </c>
      <c r="S519" s="124">
        <f t="shared" si="7"/>
        <v>1.7045954263760337</v>
      </c>
    </row>
    <row r="520" spans="8:19" x14ac:dyDescent="0.3">
      <c r="H520" s="44">
        <v>513</v>
      </c>
      <c r="I520" s="56">
        <f>Bühler!I546</f>
        <v>0.39336817531754625</v>
      </c>
      <c r="J520" s="59">
        <f>Bühler!J546</f>
        <v>1.3112272510584875</v>
      </c>
      <c r="K520" s="59">
        <f>Bühler!K546</f>
        <v>1.9668408765877312</v>
      </c>
      <c r="L520" s="59">
        <f>Bühler!L546</f>
        <v>9.4408362076211088</v>
      </c>
      <c r="M520" s="58">
        <f>Bühler!M546</f>
        <v>0</v>
      </c>
      <c r="N520" s="56">
        <f>IF(Input!$D$19=1,J520*Input!$C$19,0)+IF(Input!$D$20=1,K520*Input!$C$20,0)+IF(Input!$D$21=1,L520*Input!$C$21,0)+IF(Input!$D$22=1,M520*Input!$C$22,0)</f>
        <v>0.39336817531754625</v>
      </c>
      <c r="O520" s="59">
        <f>IF(Input!$D$19=2,J520*Input!$C$19,0)+IF(Input!$D$20=2,K520*Input!$C$20,0)+IF(Input!$D$21=2,L520*Input!$C$21,0)+IF(Input!$D$22=2,M520*Input!$C$22,0)</f>
        <v>0.98342043829386561</v>
      </c>
      <c r="P520" s="59">
        <f>IF(Input!$D$19=3,J520*Input!$C$19,0)+IF(Input!$D$20=3,K520*Input!$C$20,0)+IF(Input!$D$21=3,L520*Input!$C$21,0)+IF(Input!$D$22=3,M520*Input!$C$22,0)</f>
        <v>0</v>
      </c>
      <c r="Q520" s="75">
        <f>IF(Input!$D$19=4,J520*Input!$C$19,0)+IF(Input!$D$20=4,K520*Input!$C$20,0)+IF(Input!$D$21=4,L520*Input!$C$21,0)+IF(Input!$D$22=4,M520*Input!$C$22,0)</f>
        <v>0</v>
      </c>
      <c r="R520" s="58">
        <v>64.733936180778329</v>
      </c>
      <c r="S520" s="124">
        <f t="shared" si="7"/>
        <v>1.7045954263760337</v>
      </c>
    </row>
    <row r="521" spans="8:19" x14ac:dyDescent="0.3">
      <c r="H521" s="44">
        <v>514</v>
      </c>
      <c r="I521" s="56">
        <f>Bühler!I547</f>
        <v>0.42003720415263407</v>
      </c>
      <c r="J521" s="59">
        <f>Bühler!J547</f>
        <v>1.4001240138421138</v>
      </c>
      <c r="K521" s="59">
        <f>Bühler!K547</f>
        <v>2.1001860207631706</v>
      </c>
      <c r="L521" s="59">
        <f>Bühler!L547</f>
        <v>10.080892899663219</v>
      </c>
      <c r="M521" s="58">
        <f>Bühler!M547</f>
        <v>0</v>
      </c>
      <c r="N521" s="56">
        <f>IF(Input!$D$19=1,J521*Input!$C$19,0)+IF(Input!$D$20=1,K521*Input!$C$20,0)+IF(Input!$D$21=1,L521*Input!$C$21,0)+IF(Input!$D$22=1,M521*Input!$C$22,0)</f>
        <v>0.42003720415263412</v>
      </c>
      <c r="O521" s="59">
        <f>IF(Input!$D$19=2,J521*Input!$C$19,0)+IF(Input!$D$20=2,K521*Input!$C$20,0)+IF(Input!$D$21=2,L521*Input!$C$21,0)+IF(Input!$D$22=2,M521*Input!$C$22,0)</f>
        <v>1.0500930103815853</v>
      </c>
      <c r="P521" s="59">
        <f>IF(Input!$D$19=3,J521*Input!$C$19,0)+IF(Input!$D$20=3,K521*Input!$C$20,0)+IF(Input!$D$21=3,L521*Input!$C$21,0)+IF(Input!$D$22=3,M521*Input!$C$22,0)</f>
        <v>0</v>
      </c>
      <c r="Q521" s="75">
        <f>IF(Input!$D$19=4,J521*Input!$C$19,0)+IF(Input!$D$20=4,K521*Input!$C$20,0)+IF(Input!$D$21=4,L521*Input!$C$21,0)+IF(Input!$D$22=4,M521*Input!$C$22,0)</f>
        <v>0</v>
      </c>
      <c r="R521" s="58">
        <v>64.581703617504758</v>
      </c>
      <c r="S521" s="124">
        <f t="shared" ref="S521:S584" si="8">I521+J521</f>
        <v>1.8201612179947479</v>
      </c>
    </row>
    <row r="522" spans="8:19" x14ac:dyDescent="0.3">
      <c r="H522" s="44">
        <v>515</v>
      </c>
      <c r="I522" s="56">
        <f>Bühler!I548</f>
        <v>0.42003720415263407</v>
      </c>
      <c r="J522" s="59">
        <f>Bühler!J548</f>
        <v>1.4001240138421138</v>
      </c>
      <c r="K522" s="59">
        <f>Bühler!K548</f>
        <v>2.1001860207631706</v>
      </c>
      <c r="L522" s="59">
        <f>Bühler!L548</f>
        <v>10.080892899663219</v>
      </c>
      <c r="M522" s="58">
        <f>Bühler!M548</f>
        <v>0</v>
      </c>
      <c r="N522" s="56">
        <f>IF(Input!$D$19=1,J522*Input!$C$19,0)+IF(Input!$D$20=1,K522*Input!$C$20,0)+IF(Input!$D$21=1,L522*Input!$C$21,0)+IF(Input!$D$22=1,M522*Input!$C$22,0)</f>
        <v>0.42003720415263412</v>
      </c>
      <c r="O522" s="59">
        <f>IF(Input!$D$19=2,J522*Input!$C$19,0)+IF(Input!$D$20=2,K522*Input!$C$20,0)+IF(Input!$D$21=2,L522*Input!$C$21,0)+IF(Input!$D$22=2,M522*Input!$C$22,0)</f>
        <v>1.0500930103815853</v>
      </c>
      <c r="P522" s="59">
        <f>IF(Input!$D$19=3,J522*Input!$C$19,0)+IF(Input!$D$20=3,K522*Input!$C$20,0)+IF(Input!$D$21=3,L522*Input!$C$21,0)+IF(Input!$D$22=3,M522*Input!$C$22,0)</f>
        <v>0</v>
      </c>
      <c r="Q522" s="75">
        <f>IF(Input!$D$19=4,J522*Input!$C$19,0)+IF(Input!$D$20=4,K522*Input!$C$20,0)+IF(Input!$D$21=4,L522*Input!$C$21,0)+IF(Input!$D$22=4,M522*Input!$C$22,0)</f>
        <v>0</v>
      </c>
      <c r="R522" s="58">
        <v>65.621411471684041</v>
      </c>
      <c r="S522" s="124">
        <f t="shared" si="8"/>
        <v>1.8201612179947479</v>
      </c>
    </row>
    <row r="523" spans="8:19" x14ac:dyDescent="0.3">
      <c r="H523" s="44">
        <v>516</v>
      </c>
      <c r="I523" s="56">
        <f>Bühler!I549</f>
        <v>0.53338057670175765</v>
      </c>
      <c r="J523" s="59">
        <f>Bühler!J549</f>
        <v>1.7779352556725254</v>
      </c>
      <c r="K523" s="59">
        <f>Bühler!K549</f>
        <v>2.6669028835087878</v>
      </c>
      <c r="L523" s="59">
        <f>Bühler!L549</f>
        <v>12.801133840842182</v>
      </c>
      <c r="M523" s="58">
        <f>Bühler!M549</f>
        <v>0</v>
      </c>
      <c r="N523" s="56">
        <f>IF(Input!$D$19=1,J523*Input!$C$19,0)+IF(Input!$D$20=1,K523*Input!$C$20,0)+IF(Input!$D$21=1,L523*Input!$C$21,0)+IF(Input!$D$22=1,M523*Input!$C$22,0)</f>
        <v>0.53338057670175765</v>
      </c>
      <c r="O523" s="59">
        <f>IF(Input!$D$19=2,J523*Input!$C$19,0)+IF(Input!$D$20=2,K523*Input!$C$20,0)+IF(Input!$D$21=2,L523*Input!$C$21,0)+IF(Input!$D$22=2,M523*Input!$C$22,0)</f>
        <v>1.3334514417543939</v>
      </c>
      <c r="P523" s="59">
        <f>IF(Input!$D$19=3,J523*Input!$C$19,0)+IF(Input!$D$20=3,K523*Input!$C$20,0)+IF(Input!$D$21=3,L523*Input!$C$21,0)+IF(Input!$D$22=3,M523*Input!$C$22,0)</f>
        <v>0</v>
      </c>
      <c r="Q523" s="75">
        <f>IF(Input!$D$19=4,J523*Input!$C$19,0)+IF(Input!$D$20=4,K523*Input!$C$20,0)+IF(Input!$D$21=4,L523*Input!$C$21,0)+IF(Input!$D$22=4,M523*Input!$C$22,0)</f>
        <v>0</v>
      </c>
      <c r="R523" s="58">
        <v>66.914425597471393</v>
      </c>
      <c r="S523" s="124">
        <f t="shared" si="8"/>
        <v>2.3113158323742828</v>
      </c>
    </row>
    <row r="524" spans="8:19" x14ac:dyDescent="0.3">
      <c r="H524" s="44">
        <v>517</v>
      </c>
      <c r="I524" s="56">
        <f>Bühler!I550</f>
        <v>0.53338057670175765</v>
      </c>
      <c r="J524" s="59">
        <f>Bühler!J550</f>
        <v>1.7779352556725254</v>
      </c>
      <c r="K524" s="59">
        <f>Bühler!K550</f>
        <v>2.6669028835087878</v>
      </c>
      <c r="L524" s="59">
        <f>Bühler!L550</f>
        <v>12.801133840842182</v>
      </c>
      <c r="M524" s="58">
        <f>Bühler!M550</f>
        <v>0</v>
      </c>
      <c r="N524" s="56">
        <f>IF(Input!$D$19=1,J524*Input!$C$19,0)+IF(Input!$D$20=1,K524*Input!$C$20,0)+IF(Input!$D$21=1,L524*Input!$C$21,0)+IF(Input!$D$22=1,M524*Input!$C$22,0)</f>
        <v>0.53338057670175765</v>
      </c>
      <c r="O524" s="59">
        <f>IF(Input!$D$19=2,J524*Input!$C$19,0)+IF(Input!$D$20=2,K524*Input!$C$20,0)+IF(Input!$D$21=2,L524*Input!$C$21,0)+IF(Input!$D$22=2,M524*Input!$C$22,0)</f>
        <v>1.3334514417543939</v>
      </c>
      <c r="P524" s="59">
        <f>IF(Input!$D$19=3,J524*Input!$C$19,0)+IF(Input!$D$20=3,K524*Input!$C$20,0)+IF(Input!$D$21=3,L524*Input!$C$21,0)+IF(Input!$D$22=3,M524*Input!$C$22,0)</f>
        <v>0</v>
      </c>
      <c r="Q524" s="75">
        <f>IF(Input!$D$19=4,J524*Input!$C$19,0)+IF(Input!$D$20=4,K524*Input!$C$20,0)+IF(Input!$D$21=4,L524*Input!$C$21,0)+IF(Input!$D$22=4,M524*Input!$C$22,0)</f>
        <v>0</v>
      </c>
      <c r="R524" s="58">
        <v>66.504524372312304</v>
      </c>
      <c r="S524" s="124">
        <f t="shared" si="8"/>
        <v>2.3113158323742828</v>
      </c>
    </row>
    <row r="525" spans="8:19" x14ac:dyDescent="0.3">
      <c r="H525" s="44">
        <v>518</v>
      </c>
      <c r="I525" s="56">
        <f>Bühler!I551</f>
        <v>0.35336463206491436</v>
      </c>
      <c r="J525" s="59">
        <f>Bühler!J551</f>
        <v>1.1778821068830481</v>
      </c>
      <c r="K525" s="59">
        <f>Bühler!K551</f>
        <v>1.7668231603245719</v>
      </c>
      <c r="L525" s="59">
        <f>Bühler!L551</f>
        <v>8.4807511695579443</v>
      </c>
      <c r="M525" s="58">
        <f>Bühler!M551</f>
        <v>0</v>
      </c>
      <c r="N525" s="56">
        <f>IF(Input!$D$19=1,J525*Input!$C$19,0)+IF(Input!$D$20=1,K525*Input!$C$20,0)+IF(Input!$D$21=1,L525*Input!$C$21,0)+IF(Input!$D$22=1,M525*Input!$C$22,0)</f>
        <v>0.35336463206491442</v>
      </c>
      <c r="O525" s="59">
        <f>IF(Input!$D$19=2,J525*Input!$C$19,0)+IF(Input!$D$20=2,K525*Input!$C$20,0)+IF(Input!$D$21=2,L525*Input!$C$21,0)+IF(Input!$D$22=2,M525*Input!$C$22,0)</f>
        <v>0.88341158016228594</v>
      </c>
      <c r="P525" s="59">
        <f>IF(Input!$D$19=3,J525*Input!$C$19,0)+IF(Input!$D$20=3,K525*Input!$C$20,0)+IF(Input!$D$21=3,L525*Input!$C$21,0)+IF(Input!$D$22=3,M525*Input!$C$22,0)</f>
        <v>0</v>
      </c>
      <c r="Q525" s="75">
        <f>IF(Input!$D$19=4,J525*Input!$C$19,0)+IF(Input!$D$20=4,K525*Input!$C$20,0)+IF(Input!$D$21=4,L525*Input!$C$21,0)+IF(Input!$D$22=4,M525*Input!$C$22,0)</f>
        <v>0</v>
      </c>
      <c r="R525" s="58">
        <v>66.454900253404631</v>
      </c>
      <c r="S525" s="124">
        <f t="shared" si="8"/>
        <v>1.5312467389479625</v>
      </c>
    </row>
    <row r="526" spans="8:19" x14ac:dyDescent="0.3">
      <c r="H526" s="44">
        <v>519</v>
      </c>
      <c r="I526" s="56">
        <f>Bühler!I552</f>
        <v>0.53338057670175765</v>
      </c>
      <c r="J526" s="59">
        <f>Bühler!J552</f>
        <v>1.7779352556725254</v>
      </c>
      <c r="K526" s="59">
        <f>Bühler!K552</f>
        <v>2.6669028835087878</v>
      </c>
      <c r="L526" s="59">
        <f>Bühler!L552</f>
        <v>12.801133840842182</v>
      </c>
      <c r="M526" s="58">
        <f>Bühler!M552</f>
        <v>0</v>
      </c>
      <c r="N526" s="56">
        <f>IF(Input!$D$19=1,J526*Input!$C$19,0)+IF(Input!$D$20=1,K526*Input!$C$20,0)+IF(Input!$D$21=1,L526*Input!$C$21,0)+IF(Input!$D$22=1,M526*Input!$C$22,0)</f>
        <v>0.53338057670175765</v>
      </c>
      <c r="O526" s="59">
        <f>IF(Input!$D$19=2,J526*Input!$C$19,0)+IF(Input!$D$20=2,K526*Input!$C$20,0)+IF(Input!$D$21=2,L526*Input!$C$21,0)+IF(Input!$D$22=2,M526*Input!$C$22,0)</f>
        <v>1.3334514417543939</v>
      </c>
      <c r="P526" s="59">
        <f>IF(Input!$D$19=3,J526*Input!$C$19,0)+IF(Input!$D$20=3,K526*Input!$C$20,0)+IF(Input!$D$21=3,L526*Input!$C$21,0)+IF(Input!$D$22=3,M526*Input!$C$22,0)</f>
        <v>0</v>
      </c>
      <c r="Q526" s="75">
        <f>IF(Input!$D$19=4,J526*Input!$C$19,0)+IF(Input!$D$20=4,K526*Input!$C$20,0)+IF(Input!$D$21=4,L526*Input!$C$21,0)+IF(Input!$D$22=4,M526*Input!$C$22,0)</f>
        <v>0</v>
      </c>
      <c r="R526" s="58">
        <v>66.802859910488408</v>
      </c>
      <c r="S526" s="124">
        <f t="shared" si="8"/>
        <v>2.3113158323742828</v>
      </c>
    </row>
    <row r="527" spans="8:19" x14ac:dyDescent="0.3">
      <c r="H527" s="44">
        <v>520</v>
      </c>
      <c r="I527" s="56">
        <f>Bühler!I553</f>
        <v>0.53338057670175765</v>
      </c>
      <c r="J527" s="59">
        <f>Bühler!J553</f>
        <v>1.7779352556725254</v>
      </c>
      <c r="K527" s="59">
        <f>Bühler!K553</f>
        <v>2.6669028835087878</v>
      </c>
      <c r="L527" s="59">
        <f>Bühler!L553</f>
        <v>12.801133840842182</v>
      </c>
      <c r="M527" s="58">
        <f>Bühler!M553</f>
        <v>0</v>
      </c>
      <c r="N527" s="56">
        <f>IF(Input!$D$19=1,J527*Input!$C$19,0)+IF(Input!$D$20=1,K527*Input!$C$20,0)+IF(Input!$D$21=1,L527*Input!$C$21,0)+IF(Input!$D$22=1,M527*Input!$C$22,0)</f>
        <v>0.53338057670175765</v>
      </c>
      <c r="O527" s="59">
        <f>IF(Input!$D$19=2,J527*Input!$C$19,0)+IF(Input!$D$20=2,K527*Input!$C$20,0)+IF(Input!$D$21=2,L527*Input!$C$21,0)+IF(Input!$D$22=2,M527*Input!$C$22,0)</f>
        <v>1.3334514417543939</v>
      </c>
      <c r="P527" s="59">
        <f>IF(Input!$D$19=3,J527*Input!$C$19,0)+IF(Input!$D$20=3,K527*Input!$C$20,0)+IF(Input!$D$21=3,L527*Input!$C$21,0)+IF(Input!$D$22=3,M527*Input!$C$22,0)</f>
        <v>0</v>
      </c>
      <c r="Q527" s="75">
        <f>IF(Input!$D$19=4,J527*Input!$C$19,0)+IF(Input!$D$20=4,K527*Input!$C$20,0)+IF(Input!$D$21=4,L527*Input!$C$21,0)+IF(Input!$D$22=4,M527*Input!$C$22,0)</f>
        <v>0</v>
      </c>
      <c r="R527" s="58">
        <v>65.810309708017314</v>
      </c>
      <c r="S527" s="124">
        <f t="shared" si="8"/>
        <v>2.3113158323742828</v>
      </c>
    </row>
    <row r="528" spans="8:19" x14ac:dyDescent="0.3">
      <c r="H528" s="44">
        <v>521</v>
      </c>
      <c r="I528" s="56">
        <f>Bühler!I554</f>
        <v>0.53338057670175765</v>
      </c>
      <c r="J528" s="59">
        <f>Bühler!J554</f>
        <v>1.7779352556725254</v>
      </c>
      <c r="K528" s="59">
        <f>Bühler!K554</f>
        <v>2.6669028835087878</v>
      </c>
      <c r="L528" s="59">
        <f>Bühler!L554</f>
        <v>12.801133840842182</v>
      </c>
      <c r="M528" s="58">
        <f>Bühler!M554</f>
        <v>0</v>
      </c>
      <c r="N528" s="56">
        <f>IF(Input!$D$19=1,J528*Input!$C$19,0)+IF(Input!$D$20=1,K528*Input!$C$20,0)+IF(Input!$D$21=1,L528*Input!$C$21,0)+IF(Input!$D$22=1,M528*Input!$C$22,0)</f>
        <v>0.53338057670175765</v>
      </c>
      <c r="O528" s="59">
        <f>IF(Input!$D$19=2,J528*Input!$C$19,0)+IF(Input!$D$20=2,K528*Input!$C$20,0)+IF(Input!$D$21=2,L528*Input!$C$21,0)+IF(Input!$D$22=2,M528*Input!$C$22,0)</f>
        <v>1.3334514417543939</v>
      </c>
      <c r="P528" s="59">
        <f>IF(Input!$D$19=3,J528*Input!$C$19,0)+IF(Input!$D$20=3,K528*Input!$C$20,0)+IF(Input!$D$21=3,L528*Input!$C$21,0)+IF(Input!$D$22=3,M528*Input!$C$22,0)</f>
        <v>0</v>
      </c>
      <c r="Q528" s="75">
        <f>IF(Input!$D$19=4,J528*Input!$C$19,0)+IF(Input!$D$20=4,K528*Input!$C$20,0)+IF(Input!$D$21=4,L528*Input!$C$21,0)+IF(Input!$D$22=4,M528*Input!$C$22,0)</f>
        <v>0</v>
      </c>
      <c r="R528" s="58">
        <v>65.649572391139074</v>
      </c>
      <c r="S528" s="124">
        <f t="shared" si="8"/>
        <v>2.3113158323742828</v>
      </c>
    </row>
    <row r="529" spans="8:19" x14ac:dyDescent="0.3">
      <c r="H529" s="44">
        <v>522</v>
      </c>
      <c r="I529" s="56">
        <f>Bühler!I555</f>
        <v>0.53338057670175765</v>
      </c>
      <c r="J529" s="59">
        <f>Bühler!J555</f>
        <v>1.7779352556725254</v>
      </c>
      <c r="K529" s="59">
        <f>Bühler!K555</f>
        <v>2.6669028835087878</v>
      </c>
      <c r="L529" s="59">
        <f>Bühler!L555</f>
        <v>12.801133840842182</v>
      </c>
      <c r="M529" s="58">
        <f>Bühler!M555</f>
        <v>0</v>
      </c>
      <c r="N529" s="56">
        <f>IF(Input!$D$19=1,J529*Input!$C$19,0)+IF(Input!$D$20=1,K529*Input!$C$20,0)+IF(Input!$D$21=1,L529*Input!$C$21,0)+IF(Input!$D$22=1,M529*Input!$C$22,0)</f>
        <v>0.53338057670175765</v>
      </c>
      <c r="O529" s="59">
        <f>IF(Input!$D$19=2,J529*Input!$C$19,0)+IF(Input!$D$20=2,K529*Input!$C$20,0)+IF(Input!$D$21=2,L529*Input!$C$21,0)+IF(Input!$D$22=2,M529*Input!$C$22,0)</f>
        <v>1.3334514417543939</v>
      </c>
      <c r="P529" s="59">
        <f>IF(Input!$D$19=3,J529*Input!$C$19,0)+IF(Input!$D$20=3,K529*Input!$C$20,0)+IF(Input!$D$21=3,L529*Input!$C$21,0)+IF(Input!$D$22=3,M529*Input!$C$22,0)</f>
        <v>0</v>
      </c>
      <c r="Q529" s="75">
        <f>IF(Input!$D$19=4,J529*Input!$C$19,0)+IF(Input!$D$20=4,K529*Input!$C$20,0)+IF(Input!$D$21=4,L529*Input!$C$21,0)+IF(Input!$D$22=4,M529*Input!$C$22,0)</f>
        <v>0</v>
      </c>
      <c r="R529" s="58">
        <v>64.695170542889628</v>
      </c>
      <c r="S529" s="124">
        <f t="shared" si="8"/>
        <v>2.3113158323742828</v>
      </c>
    </row>
    <row r="530" spans="8:19" x14ac:dyDescent="0.3">
      <c r="H530" s="44">
        <v>523</v>
      </c>
      <c r="I530" s="56">
        <f>Bühler!I556</f>
        <v>0.53338057670175765</v>
      </c>
      <c r="J530" s="59">
        <f>Bühler!J556</f>
        <v>1.7779352556725254</v>
      </c>
      <c r="K530" s="59">
        <f>Bühler!K556</f>
        <v>2.6669028835087878</v>
      </c>
      <c r="L530" s="59">
        <f>Bühler!L556</f>
        <v>12.801133840842182</v>
      </c>
      <c r="M530" s="58">
        <f>Bühler!M556</f>
        <v>0</v>
      </c>
      <c r="N530" s="56">
        <f>IF(Input!$D$19=1,J530*Input!$C$19,0)+IF(Input!$D$20=1,K530*Input!$C$20,0)+IF(Input!$D$21=1,L530*Input!$C$21,0)+IF(Input!$D$22=1,M530*Input!$C$22,0)</f>
        <v>0.53338057670175765</v>
      </c>
      <c r="O530" s="59">
        <f>IF(Input!$D$19=2,J530*Input!$C$19,0)+IF(Input!$D$20=2,K530*Input!$C$20,0)+IF(Input!$D$21=2,L530*Input!$C$21,0)+IF(Input!$D$22=2,M530*Input!$C$22,0)</f>
        <v>1.3334514417543939</v>
      </c>
      <c r="P530" s="59">
        <f>IF(Input!$D$19=3,J530*Input!$C$19,0)+IF(Input!$D$20=3,K530*Input!$C$20,0)+IF(Input!$D$21=3,L530*Input!$C$21,0)+IF(Input!$D$22=3,M530*Input!$C$22,0)</f>
        <v>0</v>
      </c>
      <c r="Q530" s="75">
        <f>IF(Input!$D$19=4,J530*Input!$C$19,0)+IF(Input!$D$20=4,K530*Input!$C$20,0)+IF(Input!$D$21=4,L530*Input!$C$21,0)+IF(Input!$D$22=4,M530*Input!$C$22,0)</f>
        <v>0</v>
      </c>
      <c r="R530" s="58">
        <v>63.688456257504882</v>
      </c>
      <c r="S530" s="124">
        <f t="shared" si="8"/>
        <v>2.3113158323742828</v>
      </c>
    </row>
    <row r="531" spans="8:19" x14ac:dyDescent="0.3">
      <c r="H531" s="44">
        <v>524</v>
      </c>
      <c r="I531" s="56">
        <f>Bühler!I557</f>
        <v>0.44670623298772194</v>
      </c>
      <c r="J531" s="59">
        <f>Bühler!J557</f>
        <v>1.48902077662574</v>
      </c>
      <c r="K531" s="59">
        <f>Bühler!K557</f>
        <v>2.2335311649386096</v>
      </c>
      <c r="L531" s="59">
        <f>Bühler!L557</f>
        <v>10.720949591705327</v>
      </c>
      <c r="M531" s="58">
        <f>Bühler!M557</f>
        <v>0</v>
      </c>
      <c r="N531" s="56">
        <f>IF(Input!$D$19=1,J531*Input!$C$19,0)+IF(Input!$D$20=1,K531*Input!$C$20,0)+IF(Input!$D$21=1,L531*Input!$C$21,0)+IF(Input!$D$22=1,M531*Input!$C$22,0)</f>
        <v>0.446706232987722</v>
      </c>
      <c r="O531" s="59">
        <f>IF(Input!$D$19=2,J531*Input!$C$19,0)+IF(Input!$D$20=2,K531*Input!$C$20,0)+IF(Input!$D$21=2,L531*Input!$C$21,0)+IF(Input!$D$22=2,M531*Input!$C$22,0)</f>
        <v>1.1167655824693048</v>
      </c>
      <c r="P531" s="59">
        <f>IF(Input!$D$19=3,J531*Input!$C$19,0)+IF(Input!$D$20=3,K531*Input!$C$20,0)+IF(Input!$D$21=3,L531*Input!$C$21,0)+IF(Input!$D$22=3,M531*Input!$C$22,0)</f>
        <v>0</v>
      </c>
      <c r="Q531" s="75">
        <f>IF(Input!$D$19=4,J531*Input!$C$19,0)+IF(Input!$D$20=4,K531*Input!$C$20,0)+IF(Input!$D$21=4,L531*Input!$C$21,0)+IF(Input!$D$22=4,M531*Input!$C$22,0)</f>
        <v>0</v>
      </c>
      <c r="R531" s="58">
        <v>63.164027493898608</v>
      </c>
      <c r="S531" s="124">
        <f t="shared" si="8"/>
        <v>1.935727009613462</v>
      </c>
    </row>
    <row r="532" spans="8:19" x14ac:dyDescent="0.3">
      <c r="H532" s="44">
        <v>525</v>
      </c>
      <c r="I532" s="56">
        <f>Bühler!I558</f>
        <v>0.36669914648245827</v>
      </c>
      <c r="J532" s="59">
        <f>Bühler!J558</f>
        <v>1.2223304882748609</v>
      </c>
      <c r="K532" s="59">
        <f>Bühler!K558</f>
        <v>1.8334957324122914</v>
      </c>
      <c r="L532" s="59">
        <f>Bühler!L558</f>
        <v>8.8007795155789985</v>
      </c>
      <c r="M532" s="58">
        <f>Bühler!M558</f>
        <v>0</v>
      </c>
      <c r="N532" s="56">
        <f>IF(Input!$D$19=1,J532*Input!$C$19,0)+IF(Input!$D$20=1,K532*Input!$C$20,0)+IF(Input!$D$21=1,L532*Input!$C$21,0)+IF(Input!$D$22=1,M532*Input!$C$22,0)</f>
        <v>0.36669914648245827</v>
      </c>
      <c r="O532" s="59">
        <f>IF(Input!$D$19=2,J532*Input!$C$19,0)+IF(Input!$D$20=2,K532*Input!$C$20,0)+IF(Input!$D$21=2,L532*Input!$C$21,0)+IF(Input!$D$22=2,M532*Input!$C$22,0)</f>
        <v>0.91674786620614568</v>
      </c>
      <c r="P532" s="59">
        <f>IF(Input!$D$19=3,J532*Input!$C$19,0)+IF(Input!$D$20=3,K532*Input!$C$20,0)+IF(Input!$D$21=3,L532*Input!$C$21,0)+IF(Input!$D$22=3,M532*Input!$C$22,0)</f>
        <v>0</v>
      </c>
      <c r="Q532" s="75">
        <f>IF(Input!$D$19=4,J532*Input!$C$19,0)+IF(Input!$D$20=4,K532*Input!$C$20,0)+IF(Input!$D$21=4,L532*Input!$C$21,0)+IF(Input!$D$22=4,M532*Input!$C$22,0)</f>
        <v>0</v>
      </c>
      <c r="R532" s="58">
        <v>62.292223405790203</v>
      </c>
      <c r="S532" s="124">
        <f t="shared" si="8"/>
        <v>1.5890296347573192</v>
      </c>
    </row>
    <row r="533" spans="8:19" x14ac:dyDescent="0.3">
      <c r="H533" s="44">
        <v>526</v>
      </c>
      <c r="I533" s="56">
        <f>Bühler!I559</f>
        <v>0.26669028835087882</v>
      </c>
      <c r="J533" s="59">
        <f>Bühler!J559</f>
        <v>0.88896762783626271</v>
      </c>
      <c r="K533" s="59">
        <f>Bühler!K559</f>
        <v>1.3334514417543939</v>
      </c>
      <c r="L533" s="59">
        <f>Bühler!L559</f>
        <v>6.4005669204210909</v>
      </c>
      <c r="M533" s="58">
        <f>Bühler!M559</f>
        <v>0</v>
      </c>
      <c r="N533" s="56">
        <f>IF(Input!$D$19=1,J533*Input!$C$19,0)+IF(Input!$D$20=1,K533*Input!$C$20,0)+IF(Input!$D$21=1,L533*Input!$C$21,0)+IF(Input!$D$22=1,M533*Input!$C$22,0)</f>
        <v>0.26669028835087882</v>
      </c>
      <c r="O533" s="59">
        <f>IF(Input!$D$19=2,J533*Input!$C$19,0)+IF(Input!$D$20=2,K533*Input!$C$20,0)+IF(Input!$D$21=2,L533*Input!$C$21,0)+IF(Input!$D$22=2,M533*Input!$C$22,0)</f>
        <v>0.66672572087719695</v>
      </c>
      <c r="P533" s="59">
        <f>IF(Input!$D$19=3,J533*Input!$C$19,0)+IF(Input!$D$20=3,K533*Input!$C$20,0)+IF(Input!$D$21=3,L533*Input!$C$21,0)+IF(Input!$D$22=3,M533*Input!$C$22,0)</f>
        <v>0</v>
      </c>
      <c r="Q533" s="75">
        <f>IF(Input!$D$19=4,J533*Input!$C$19,0)+IF(Input!$D$20=4,K533*Input!$C$20,0)+IF(Input!$D$21=4,L533*Input!$C$21,0)+IF(Input!$D$22=4,M533*Input!$C$22,0)</f>
        <v>0</v>
      </c>
      <c r="R533" s="58">
        <v>60.662266818332867</v>
      </c>
      <c r="S533" s="124">
        <f t="shared" si="8"/>
        <v>1.1556579161871414</v>
      </c>
    </row>
    <row r="534" spans="8:19" x14ac:dyDescent="0.3">
      <c r="H534" s="44">
        <v>527</v>
      </c>
      <c r="I534" s="56">
        <f>Bühler!I560</f>
        <v>0.2533557739333348</v>
      </c>
      <c r="J534" s="59">
        <f>Bühler!J560</f>
        <v>0.84451924644444942</v>
      </c>
      <c r="K534" s="59">
        <f>Bühler!K560</f>
        <v>1.266778869666674</v>
      </c>
      <c r="L534" s="59">
        <f>Bühler!L560</f>
        <v>6.0805385744000358</v>
      </c>
      <c r="M534" s="58">
        <f>Bühler!M560</f>
        <v>0</v>
      </c>
      <c r="N534" s="56">
        <f>IF(Input!$D$19=1,J534*Input!$C$19,0)+IF(Input!$D$20=1,K534*Input!$C$20,0)+IF(Input!$D$21=1,L534*Input!$C$21,0)+IF(Input!$D$22=1,M534*Input!$C$22,0)</f>
        <v>0.2533557739333348</v>
      </c>
      <c r="O534" s="59">
        <f>IF(Input!$D$19=2,J534*Input!$C$19,0)+IF(Input!$D$20=2,K534*Input!$C$20,0)+IF(Input!$D$21=2,L534*Input!$C$21,0)+IF(Input!$D$22=2,M534*Input!$C$22,0)</f>
        <v>0.63338943483333698</v>
      </c>
      <c r="P534" s="59">
        <f>IF(Input!$D$19=3,J534*Input!$C$19,0)+IF(Input!$D$20=3,K534*Input!$C$20,0)+IF(Input!$D$21=3,L534*Input!$C$21,0)+IF(Input!$D$22=3,M534*Input!$C$22,0)</f>
        <v>0</v>
      </c>
      <c r="Q534" s="75">
        <f>IF(Input!$D$19=4,J534*Input!$C$19,0)+IF(Input!$D$20=4,K534*Input!$C$20,0)+IF(Input!$D$21=4,L534*Input!$C$21,0)+IF(Input!$D$22=4,M534*Input!$C$22,0)</f>
        <v>0</v>
      </c>
      <c r="R534" s="58">
        <v>60.90821691702844</v>
      </c>
      <c r="S534" s="124">
        <f t="shared" si="8"/>
        <v>1.0978750203777843</v>
      </c>
    </row>
    <row r="535" spans="8:19" x14ac:dyDescent="0.3">
      <c r="H535" s="44">
        <v>528</v>
      </c>
      <c r="I535" s="56">
        <f>Bühler!I561</f>
        <v>0.2533557739333348</v>
      </c>
      <c r="J535" s="59">
        <f>Bühler!J561</f>
        <v>0.84451924644444942</v>
      </c>
      <c r="K535" s="59">
        <f>Bühler!K561</f>
        <v>1.266778869666674</v>
      </c>
      <c r="L535" s="59">
        <f>Bühler!L561</f>
        <v>6.0805385744000358</v>
      </c>
      <c r="M535" s="58">
        <f>Bühler!M561</f>
        <v>0</v>
      </c>
      <c r="N535" s="56">
        <f>IF(Input!$D$19=1,J535*Input!$C$19,0)+IF(Input!$D$20=1,K535*Input!$C$20,0)+IF(Input!$D$21=1,L535*Input!$C$21,0)+IF(Input!$D$22=1,M535*Input!$C$22,0)</f>
        <v>0.2533557739333348</v>
      </c>
      <c r="O535" s="59">
        <f>IF(Input!$D$19=2,J535*Input!$C$19,0)+IF(Input!$D$20=2,K535*Input!$C$20,0)+IF(Input!$D$21=2,L535*Input!$C$21,0)+IF(Input!$D$22=2,M535*Input!$C$22,0)</f>
        <v>0.63338943483333698</v>
      </c>
      <c r="P535" s="59">
        <f>IF(Input!$D$19=3,J535*Input!$C$19,0)+IF(Input!$D$20=3,K535*Input!$C$20,0)+IF(Input!$D$21=3,L535*Input!$C$21,0)+IF(Input!$D$22=3,M535*Input!$C$22,0)</f>
        <v>0</v>
      </c>
      <c r="Q535" s="75">
        <f>IF(Input!$D$19=4,J535*Input!$C$19,0)+IF(Input!$D$20=4,K535*Input!$C$20,0)+IF(Input!$D$21=4,L535*Input!$C$21,0)+IF(Input!$D$22=4,M535*Input!$C$22,0)</f>
        <v>0</v>
      </c>
      <c r="R535" s="58">
        <v>59.99507588838447</v>
      </c>
      <c r="S535" s="124">
        <f t="shared" si="8"/>
        <v>1.0978750203777843</v>
      </c>
    </row>
    <row r="536" spans="8:19" x14ac:dyDescent="0.3">
      <c r="H536" s="44">
        <v>529</v>
      </c>
      <c r="I536" s="56">
        <f>Bühler!I562</f>
        <v>0.22628221691643777</v>
      </c>
      <c r="J536" s="59">
        <f>Bühler!J562</f>
        <v>0.75427405638812595</v>
      </c>
      <c r="K536" s="59">
        <f>Bühler!K562</f>
        <v>1.1314110845821888</v>
      </c>
      <c r="L536" s="59">
        <f>Bühler!L562</f>
        <v>5.4307732059945062</v>
      </c>
      <c r="M536" s="58">
        <f>Bühler!M562</f>
        <v>0</v>
      </c>
      <c r="N536" s="56">
        <f>IF(Input!$D$19=1,J536*Input!$C$19,0)+IF(Input!$D$20=1,K536*Input!$C$20,0)+IF(Input!$D$21=1,L536*Input!$C$21,0)+IF(Input!$D$22=1,M536*Input!$C$22,0)</f>
        <v>0.22628221691643777</v>
      </c>
      <c r="O536" s="59">
        <f>IF(Input!$D$19=2,J536*Input!$C$19,0)+IF(Input!$D$20=2,K536*Input!$C$20,0)+IF(Input!$D$21=2,L536*Input!$C$21,0)+IF(Input!$D$22=2,M536*Input!$C$22,0)</f>
        <v>0.56570554229109438</v>
      </c>
      <c r="P536" s="59">
        <f>IF(Input!$D$19=3,J536*Input!$C$19,0)+IF(Input!$D$20=3,K536*Input!$C$20,0)+IF(Input!$D$21=3,L536*Input!$C$21,0)+IF(Input!$D$22=3,M536*Input!$C$22,0)</f>
        <v>0</v>
      </c>
      <c r="Q536" s="75">
        <f>IF(Input!$D$19=4,J536*Input!$C$19,0)+IF(Input!$D$20=4,K536*Input!$C$20,0)+IF(Input!$D$21=4,L536*Input!$C$21,0)+IF(Input!$D$22=4,M536*Input!$C$22,0)</f>
        <v>0</v>
      </c>
      <c r="R536" s="58">
        <v>59.329990532795094</v>
      </c>
      <c r="S536" s="124">
        <f t="shared" si="8"/>
        <v>0.98055627330456374</v>
      </c>
    </row>
    <row r="537" spans="8:19" x14ac:dyDescent="0.3">
      <c r="H537" s="44">
        <v>530</v>
      </c>
      <c r="I537" s="56">
        <f>Bühler!I563</f>
        <v>0.22628221691643777</v>
      </c>
      <c r="J537" s="59">
        <f>Bühler!J563</f>
        <v>0.75427405638812595</v>
      </c>
      <c r="K537" s="59">
        <f>Bühler!K563</f>
        <v>1.1314110845821888</v>
      </c>
      <c r="L537" s="59">
        <f>Bühler!L563</f>
        <v>5.4307732059945062</v>
      </c>
      <c r="M537" s="58">
        <f>Bühler!M563</f>
        <v>0</v>
      </c>
      <c r="N537" s="56">
        <f>IF(Input!$D$19=1,J537*Input!$C$19,0)+IF(Input!$D$20=1,K537*Input!$C$20,0)+IF(Input!$D$21=1,L537*Input!$C$21,0)+IF(Input!$D$22=1,M537*Input!$C$22,0)</f>
        <v>0.22628221691643777</v>
      </c>
      <c r="O537" s="59">
        <f>IF(Input!$D$19=2,J537*Input!$C$19,0)+IF(Input!$D$20=2,K537*Input!$C$20,0)+IF(Input!$D$21=2,L537*Input!$C$21,0)+IF(Input!$D$22=2,M537*Input!$C$22,0)</f>
        <v>0.56570554229109438</v>
      </c>
      <c r="P537" s="59">
        <f>IF(Input!$D$19=3,J537*Input!$C$19,0)+IF(Input!$D$20=3,K537*Input!$C$20,0)+IF(Input!$D$21=3,L537*Input!$C$21,0)+IF(Input!$D$22=3,M537*Input!$C$22,0)</f>
        <v>0</v>
      </c>
      <c r="Q537" s="75">
        <f>IF(Input!$D$19=4,J537*Input!$C$19,0)+IF(Input!$D$20=4,K537*Input!$C$20,0)+IF(Input!$D$21=4,L537*Input!$C$21,0)+IF(Input!$D$22=4,M537*Input!$C$22,0)</f>
        <v>0</v>
      </c>
      <c r="R537" s="58">
        <v>60.222257225342297</v>
      </c>
      <c r="S537" s="124">
        <f t="shared" si="8"/>
        <v>0.98055627330456374</v>
      </c>
    </row>
    <row r="538" spans="8:19" x14ac:dyDescent="0.3">
      <c r="H538" s="44">
        <v>531</v>
      </c>
      <c r="I538" s="56">
        <f>Bühler!I564</f>
        <v>0.22628221691643777</v>
      </c>
      <c r="J538" s="59">
        <f>Bühler!J564</f>
        <v>0.75427405638812595</v>
      </c>
      <c r="K538" s="59">
        <f>Bühler!K564</f>
        <v>1.1314110845821888</v>
      </c>
      <c r="L538" s="59">
        <f>Bühler!L564</f>
        <v>5.4307732059945062</v>
      </c>
      <c r="M538" s="58">
        <f>Bühler!M564</f>
        <v>0</v>
      </c>
      <c r="N538" s="56">
        <f>IF(Input!$D$19=1,J538*Input!$C$19,0)+IF(Input!$D$20=1,K538*Input!$C$20,0)+IF(Input!$D$21=1,L538*Input!$C$21,0)+IF(Input!$D$22=1,M538*Input!$C$22,0)</f>
        <v>0.22628221691643777</v>
      </c>
      <c r="O538" s="59">
        <f>IF(Input!$D$19=2,J538*Input!$C$19,0)+IF(Input!$D$20=2,K538*Input!$C$20,0)+IF(Input!$D$21=2,L538*Input!$C$21,0)+IF(Input!$D$22=2,M538*Input!$C$22,0)</f>
        <v>0.56570554229109438</v>
      </c>
      <c r="P538" s="59">
        <f>IF(Input!$D$19=3,J538*Input!$C$19,0)+IF(Input!$D$20=3,K538*Input!$C$20,0)+IF(Input!$D$21=3,L538*Input!$C$21,0)+IF(Input!$D$22=3,M538*Input!$C$22,0)</f>
        <v>0</v>
      </c>
      <c r="Q538" s="75">
        <f>IF(Input!$D$19=4,J538*Input!$C$19,0)+IF(Input!$D$20=4,K538*Input!$C$20,0)+IF(Input!$D$21=4,L538*Input!$C$21,0)+IF(Input!$D$22=4,M538*Input!$C$22,0)</f>
        <v>0</v>
      </c>
      <c r="R538" s="58">
        <v>60.969145808025267</v>
      </c>
      <c r="S538" s="124">
        <f t="shared" si="8"/>
        <v>0.98055627330456374</v>
      </c>
    </row>
    <row r="539" spans="8:19" x14ac:dyDescent="0.3">
      <c r="H539" s="44">
        <v>532</v>
      </c>
      <c r="I539" s="56">
        <f>Bühler!I565</f>
        <v>0.22628221691643777</v>
      </c>
      <c r="J539" s="59">
        <f>Bühler!J565</f>
        <v>0.75427405638812595</v>
      </c>
      <c r="K539" s="59">
        <f>Bühler!K565</f>
        <v>1.1314110845821888</v>
      </c>
      <c r="L539" s="59">
        <f>Bühler!L565</f>
        <v>5.4307732059945062</v>
      </c>
      <c r="M539" s="58">
        <f>Bühler!M565</f>
        <v>0</v>
      </c>
      <c r="N539" s="56">
        <f>IF(Input!$D$19=1,J539*Input!$C$19,0)+IF(Input!$D$20=1,K539*Input!$C$20,0)+IF(Input!$D$21=1,L539*Input!$C$21,0)+IF(Input!$D$22=1,M539*Input!$C$22,0)</f>
        <v>0.22628221691643777</v>
      </c>
      <c r="O539" s="59">
        <f>IF(Input!$D$19=2,J539*Input!$C$19,0)+IF(Input!$D$20=2,K539*Input!$C$20,0)+IF(Input!$D$21=2,L539*Input!$C$21,0)+IF(Input!$D$22=2,M539*Input!$C$22,0)</f>
        <v>0.56570554229109438</v>
      </c>
      <c r="P539" s="59">
        <f>IF(Input!$D$19=3,J539*Input!$C$19,0)+IF(Input!$D$20=3,K539*Input!$C$20,0)+IF(Input!$D$21=3,L539*Input!$C$21,0)+IF(Input!$D$22=3,M539*Input!$C$22,0)</f>
        <v>0</v>
      </c>
      <c r="Q539" s="75">
        <f>IF(Input!$D$19=4,J539*Input!$C$19,0)+IF(Input!$D$20=4,K539*Input!$C$20,0)+IF(Input!$D$21=4,L539*Input!$C$21,0)+IF(Input!$D$22=4,M539*Input!$C$22,0)</f>
        <v>0</v>
      </c>
      <c r="R539" s="58">
        <v>61.617309800558836</v>
      </c>
      <c r="S539" s="124">
        <f t="shared" si="8"/>
        <v>0.98055627330456374</v>
      </c>
    </row>
    <row r="540" spans="8:19" x14ac:dyDescent="0.3">
      <c r="H540" s="44">
        <v>533</v>
      </c>
      <c r="I540" s="56">
        <f>Bühler!I566</f>
        <v>0.22628221691643777</v>
      </c>
      <c r="J540" s="59">
        <f>Bühler!J566</f>
        <v>0.75427405638812595</v>
      </c>
      <c r="K540" s="59">
        <f>Bühler!K566</f>
        <v>1.1314110845821888</v>
      </c>
      <c r="L540" s="59">
        <f>Bühler!L566</f>
        <v>5.4307732059945062</v>
      </c>
      <c r="M540" s="58">
        <f>Bühler!M566</f>
        <v>0</v>
      </c>
      <c r="N540" s="56">
        <f>IF(Input!$D$19=1,J540*Input!$C$19,0)+IF(Input!$D$20=1,K540*Input!$C$20,0)+IF(Input!$D$21=1,L540*Input!$C$21,0)+IF(Input!$D$22=1,M540*Input!$C$22,0)</f>
        <v>0.22628221691643777</v>
      </c>
      <c r="O540" s="59">
        <f>IF(Input!$D$19=2,J540*Input!$C$19,0)+IF(Input!$D$20=2,K540*Input!$C$20,0)+IF(Input!$D$21=2,L540*Input!$C$21,0)+IF(Input!$D$22=2,M540*Input!$C$22,0)</f>
        <v>0.56570554229109438</v>
      </c>
      <c r="P540" s="59">
        <f>IF(Input!$D$19=3,J540*Input!$C$19,0)+IF(Input!$D$20=3,K540*Input!$C$20,0)+IF(Input!$D$21=3,L540*Input!$C$21,0)+IF(Input!$D$22=3,M540*Input!$C$22,0)</f>
        <v>0</v>
      </c>
      <c r="Q540" s="75">
        <f>IF(Input!$D$19=4,J540*Input!$C$19,0)+IF(Input!$D$20=4,K540*Input!$C$20,0)+IF(Input!$D$21=4,L540*Input!$C$21,0)+IF(Input!$D$22=4,M540*Input!$C$22,0)</f>
        <v>0</v>
      </c>
      <c r="R540" s="58">
        <v>63.079215852318924</v>
      </c>
      <c r="S540" s="124">
        <f t="shared" si="8"/>
        <v>0.98055627330456374</v>
      </c>
    </row>
    <row r="541" spans="8:19" x14ac:dyDescent="0.3">
      <c r="H541" s="44">
        <v>534</v>
      </c>
      <c r="I541" s="56">
        <f>Bühler!I567</f>
        <v>0.29416688199136903</v>
      </c>
      <c r="J541" s="59">
        <f>Bühler!J567</f>
        <v>0.98055627330456352</v>
      </c>
      <c r="K541" s="59">
        <f>Bühler!K567</f>
        <v>1.4708344099568451</v>
      </c>
      <c r="L541" s="59">
        <f>Bühler!L567</f>
        <v>7.0600051677928573</v>
      </c>
      <c r="M541" s="58">
        <f>Bühler!M567</f>
        <v>0</v>
      </c>
      <c r="N541" s="56">
        <f>IF(Input!$D$19=1,J541*Input!$C$19,0)+IF(Input!$D$20=1,K541*Input!$C$20,0)+IF(Input!$D$21=1,L541*Input!$C$21,0)+IF(Input!$D$22=1,M541*Input!$C$22,0)</f>
        <v>0.29416688199136903</v>
      </c>
      <c r="O541" s="59">
        <f>IF(Input!$D$19=2,J541*Input!$C$19,0)+IF(Input!$D$20=2,K541*Input!$C$20,0)+IF(Input!$D$21=2,L541*Input!$C$21,0)+IF(Input!$D$22=2,M541*Input!$C$22,0)</f>
        <v>0.73541720497842256</v>
      </c>
      <c r="P541" s="59">
        <f>IF(Input!$D$19=3,J541*Input!$C$19,0)+IF(Input!$D$20=3,K541*Input!$C$20,0)+IF(Input!$D$21=3,L541*Input!$C$21,0)+IF(Input!$D$22=3,M541*Input!$C$22,0)</f>
        <v>0</v>
      </c>
      <c r="Q541" s="75">
        <f>IF(Input!$D$19=4,J541*Input!$C$19,0)+IF(Input!$D$20=4,K541*Input!$C$20,0)+IF(Input!$D$21=4,L541*Input!$C$21,0)+IF(Input!$D$22=4,M541*Input!$C$22,0)</f>
        <v>0</v>
      </c>
      <c r="R541" s="58">
        <v>66.308612399376372</v>
      </c>
      <c r="S541" s="124">
        <f t="shared" si="8"/>
        <v>1.2747231552959326</v>
      </c>
    </row>
    <row r="542" spans="8:19" x14ac:dyDescent="0.3">
      <c r="H542" s="44">
        <v>535</v>
      </c>
      <c r="I542" s="56">
        <f>Bühler!I568</f>
        <v>0.32810921452883468</v>
      </c>
      <c r="J542" s="59">
        <f>Bühler!J568</f>
        <v>1.0936973817627824</v>
      </c>
      <c r="K542" s="59">
        <f>Bühler!K568</f>
        <v>1.6405460726441734</v>
      </c>
      <c r="L542" s="59">
        <f>Bühler!L568</f>
        <v>7.8746211486920323</v>
      </c>
      <c r="M542" s="58">
        <f>Bühler!M568</f>
        <v>0</v>
      </c>
      <c r="N542" s="56">
        <f>IF(Input!$D$19=1,J542*Input!$C$19,0)+IF(Input!$D$20=1,K542*Input!$C$20,0)+IF(Input!$D$21=1,L542*Input!$C$21,0)+IF(Input!$D$22=1,M542*Input!$C$22,0)</f>
        <v>0.32810921452883474</v>
      </c>
      <c r="O542" s="59">
        <f>IF(Input!$D$19=2,J542*Input!$C$19,0)+IF(Input!$D$20=2,K542*Input!$C$20,0)+IF(Input!$D$21=2,L542*Input!$C$21,0)+IF(Input!$D$22=2,M542*Input!$C$22,0)</f>
        <v>0.8202730363220867</v>
      </c>
      <c r="P542" s="59">
        <f>IF(Input!$D$19=3,J542*Input!$C$19,0)+IF(Input!$D$20=3,K542*Input!$C$20,0)+IF(Input!$D$21=3,L542*Input!$C$21,0)+IF(Input!$D$22=3,M542*Input!$C$22,0)</f>
        <v>0</v>
      </c>
      <c r="Q542" s="75">
        <f>IF(Input!$D$19=4,J542*Input!$C$19,0)+IF(Input!$D$20=4,K542*Input!$C$20,0)+IF(Input!$D$21=4,L542*Input!$C$21,0)+IF(Input!$D$22=4,M542*Input!$C$22,0)</f>
        <v>0</v>
      </c>
      <c r="R542" s="58">
        <v>69.265846749621559</v>
      </c>
      <c r="S542" s="124">
        <f t="shared" si="8"/>
        <v>1.4218065962916171</v>
      </c>
    </row>
    <row r="543" spans="8:19" x14ac:dyDescent="0.3">
      <c r="H543" s="44">
        <v>536</v>
      </c>
      <c r="I543" s="56">
        <f>Bühler!I569</f>
        <v>0.33942332537465658</v>
      </c>
      <c r="J543" s="59">
        <f>Bühler!J569</f>
        <v>1.1314110845821888</v>
      </c>
      <c r="K543" s="59">
        <f>Bühler!K569</f>
        <v>1.6971166268732829</v>
      </c>
      <c r="L543" s="59">
        <f>Bühler!L569</f>
        <v>8.146159808991758</v>
      </c>
      <c r="M543" s="58">
        <f>Bühler!M569</f>
        <v>0</v>
      </c>
      <c r="N543" s="56">
        <f>IF(Input!$D$19=1,J543*Input!$C$19,0)+IF(Input!$D$20=1,K543*Input!$C$20,0)+IF(Input!$D$21=1,L543*Input!$C$21,0)+IF(Input!$D$22=1,M543*Input!$C$22,0)</f>
        <v>0.33942332537465664</v>
      </c>
      <c r="O543" s="59">
        <f>IF(Input!$D$19=2,J543*Input!$C$19,0)+IF(Input!$D$20=2,K543*Input!$C$20,0)+IF(Input!$D$21=2,L543*Input!$C$21,0)+IF(Input!$D$22=2,M543*Input!$C$22,0)</f>
        <v>0.84855831343664145</v>
      </c>
      <c r="P543" s="59">
        <f>IF(Input!$D$19=3,J543*Input!$C$19,0)+IF(Input!$D$20=3,K543*Input!$C$20,0)+IF(Input!$D$21=3,L543*Input!$C$21,0)+IF(Input!$D$22=3,M543*Input!$C$22,0)</f>
        <v>0</v>
      </c>
      <c r="Q543" s="75">
        <f>IF(Input!$D$19=4,J543*Input!$C$19,0)+IF(Input!$D$20=4,K543*Input!$C$20,0)+IF(Input!$D$21=4,L543*Input!$C$21,0)+IF(Input!$D$22=4,M543*Input!$C$22,0)</f>
        <v>0</v>
      </c>
      <c r="R543" s="58">
        <v>69.464908238298705</v>
      </c>
      <c r="S543" s="124">
        <f t="shared" si="8"/>
        <v>1.4708344099568453</v>
      </c>
    </row>
    <row r="544" spans="8:19" x14ac:dyDescent="0.3">
      <c r="H544" s="44">
        <v>537</v>
      </c>
      <c r="I544" s="56">
        <f>Bühler!I570</f>
        <v>0.33942332537465658</v>
      </c>
      <c r="J544" s="59">
        <f>Bühler!J570</f>
        <v>1.1314110845821888</v>
      </c>
      <c r="K544" s="59">
        <f>Bühler!K570</f>
        <v>1.6971166268732829</v>
      </c>
      <c r="L544" s="59">
        <f>Bühler!L570</f>
        <v>8.146159808991758</v>
      </c>
      <c r="M544" s="58">
        <f>Bühler!M570</f>
        <v>0</v>
      </c>
      <c r="N544" s="56">
        <f>IF(Input!$D$19=1,J544*Input!$C$19,0)+IF(Input!$D$20=1,K544*Input!$C$20,0)+IF(Input!$D$21=1,L544*Input!$C$21,0)+IF(Input!$D$22=1,M544*Input!$C$22,0)</f>
        <v>0.33942332537465664</v>
      </c>
      <c r="O544" s="59">
        <f>IF(Input!$D$19=2,J544*Input!$C$19,0)+IF(Input!$D$20=2,K544*Input!$C$20,0)+IF(Input!$D$21=2,L544*Input!$C$21,0)+IF(Input!$D$22=2,M544*Input!$C$22,0)</f>
        <v>0.84855831343664145</v>
      </c>
      <c r="P544" s="59">
        <f>IF(Input!$D$19=3,J544*Input!$C$19,0)+IF(Input!$D$20=3,K544*Input!$C$20,0)+IF(Input!$D$21=3,L544*Input!$C$21,0)+IF(Input!$D$22=3,M544*Input!$C$22,0)</f>
        <v>0</v>
      </c>
      <c r="Q544" s="75">
        <f>IF(Input!$D$19=4,J544*Input!$C$19,0)+IF(Input!$D$20=4,K544*Input!$C$20,0)+IF(Input!$D$21=4,L544*Input!$C$21,0)+IF(Input!$D$22=4,M544*Input!$C$22,0)</f>
        <v>0</v>
      </c>
      <c r="R544" s="58">
        <v>70.197140276250735</v>
      </c>
      <c r="S544" s="124">
        <f t="shared" si="8"/>
        <v>1.4708344099568453</v>
      </c>
    </row>
    <row r="545" spans="8:19" x14ac:dyDescent="0.3">
      <c r="H545" s="44">
        <v>538</v>
      </c>
      <c r="I545" s="56">
        <f>Bühler!I571</f>
        <v>0.36770860248921128</v>
      </c>
      <c r="J545" s="59">
        <f>Bühler!J571</f>
        <v>1.2256953416307044</v>
      </c>
      <c r="K545" s="59">
        <f>Bühler!K571</f>
        <v>1.8385430124460564</v>
      </c>
      <c r="L545" s="59">
        <f>Bühler!L571</f>
        <v>8.8250064597410702</v>
      </c>
      <c r="M545" s="58">
        <f>Bühler!M571</f>
        <v>0</v>
      </c>
      <c r="N545" s="56">
        <f>IF(Input!$D$19=1,J545*Input!$C$19,0)+IF(Input!$D$20=1,K545*Input!$C$20,0)+IF(Input!$D$21=1,L545*Input!$C$21,0)+IF(Input!$D$22=1,M545*Input!$C$22,0)</f>
        <v>0.36770860248921128</v>
      </c>
      <c r="O545" s="59">
        <f>IF(Input!$D$19=2,J545*Input!$C$19,0)+IF(Input!$D$20=2,K545*Input!$C$20,0)+IF(Input!$D$21=2,L545*Input!$C$21,0)+IF(Input!$D$22=2,M545*Input!$C$22,0)</f>
        <v>0.91927150622302822</v>
      </c>
      <c r="P545" s="59">
        <f>IF(Input!$D$19=3,J545*Input!$C$19,0)+IF(Input!$D$20=3,K545*Input!$C$20,0)+IF(Input!$D$21=3,L545*Input!$C$21,0)+IF(Input!$D$22=3,M545*Input!$C$22,0)</f>
        <v>0</v>
      </c>
      <c r="Q545" s="75">
        <f>IF(Input!$D$19=4,J545*Input!$C$19,0)+IF(Input!$D$20=4,K545*Input!$C$20,0)+IF(Input!$D$21=4,L545*Input!$C$21,0)+IF(Input!$D$22=4,M545*Input!$C$22,0)</f>
        <v>0</v>
      </c>
      <c r="R545" s="58">
        <v>69.216470450335564</v>
      </c>
      <c r="S545" s="124">
        <f t="shared" si="8"/>
        <v>1.5934039441199157</v>
      </c>
    </row>
    <row r="546" spans="8:19" x14ac:dyDescent="0.3">
      <c r="H546" s="44">
        <v>539</v>
      </c>
      <c r="I546" s="56">
        <f>Bühler!I572</f>
        <v>0.38467976875794413</v>
      </c>
      <c r="J546" s="59">
        <f>Bühler!J572</f>
        <v>1.2822658958598139</v>
      </c>
      <c r="K546" s="59">
        <f>Bühler!K572</f>
        <v>1.9233988437897207</v>
      </c>
      <c r="L546" s="59">
        <f>Bühler!L572</f>
        <v>9.2323144501906587</v>
      </c>
      <c r="M546" s="58">
        <f>Bühler!M572</f>
        <v>0</v>
      </c>
      <c r="N546" s="56">
        <f>IF(Input!$D$19=1,J546*Input!$C$19,0)+IF(Input!$D$20=1,K546*Input!$C$20,0)+IF(Input!$D$21=1,L546*Input!$C$21,0)+IF(Input!$D$22=1,M546*Input!$C$22,0)</f>
        <v>0.38467976875794413</v>
      </c>
      <c r="O546" s="59">
        <f>IF(Input!$D$19=2,J546*Input!$C$19,0)+IF(Input!$D$20=2,K546*Input!$C$20,0)+IF(Input!$D$21=2,L546*Input!$C$21,0)+IF(Input!$D$22=2,M546*Input!$C$22,0)</f>
        <v>0.96169942189486035</v>
      </c>
      <c r="P546" s="59">
        <f>IF(Input!$D$19=3,J546*Input!$C$19,0)+IF(Input!$D$20=3,K546*Input!$C$20,0)+IF(Input!$D$21=3,L546*Input!$C$21,0)+IF(Input!$D$22=3,M546*Input!$C$22,0)</f>
        <v>0</v>
      </c>
      <c r="Q546" s="75">
        <f>IF(Input!$D$19=4,J546*Input!$C$19,0)+IF(Input!$D$20=4,K546*Input!$C$20,0)+IF(Input!$D$21=4,L546*Input!$C$21,0)+IF(Input!$D$22=4,M546*Input!$C$22,0)</f>
        <v>0</v>
      </c>
      <c r="R546" s="58">
        <v>69.505086948181372</v>
      </c>
      <c r="S546" s="124">
        <f t="shared" si="8"/>
        <v>1.6669456646177581</v>
      </c>
    </row>
    <row r="547" spans="8:19" x14ac:dyDescent="0.3">
      <c r="H547" s="44">
        <v>540</v>
      </c>
      <c r="I547" s="56">
        <f>Bühler!I573</f>
        <v>0.45256443383287553</v>
      </c>
      <c r="J547" s="59">
        <f>Bühler!J573</f>
        <v>1.5085481127762519</v>
      </c>
      <c r="K547" s="59">
        <f>Bühler!K573</f>
        <v>2.2628221691643775</v>
      </c>
      <c r="L547" s="59">
        <f>Bühler!L573</f>
        <v>10.861546411989012</v>
      </c>
      <c r="M547" s="58">
        <f>Bühler!M573</f>
        <v>0</v>
      </c>
      <c r="N547" s="56">
        <f>IF(Input!$D$19=1,J547*Input!$C$19,0)+IF(Input!$D$20=1,K547*Input!$C$20,0)+IF(Input!$D$21=1,L547*Input!$C$21,0)+IF(Input!$D$22=1,M547*Input!$C$22,0)</f>
        <v>0.45256443383287553</v>
      </c>
      <c r="O547" s="59">
        <f>IF(Input!$D$19=2,J547*Input!$C$19,0)+IF(Input!$D$20=2,K547*Input!$C$20,0)+IF(Input!$D$21=2,L547*Input!$C$21,0)+IF(Input!$D$22=2,M547*Input!$C$22,0)</f>
        <v>1.1314110845821888</v>
      </c>
      <c r="P547" s="59">
        <f>IF(Input!$D$19=3,J547*Input!$C$19,0)+IF(Input!$D$20=3,K547*Input!$C$20,0)+IF(Input!$D$21=3,L547*Input!$C$21,0)+IF(Input!$D$22=3,M547*Input!$C$22,0)</f>
        <v>0</v>
      </c>
      <c r="Q547" s="75">
        <f>IF(Input!$D$19=4,J547*Input!$C$19,0)+IF(Input!$D$20=4,K547*Input!$C$20,0)+IF(Input!$D$21=4,L547*Input!$C$21,0)+IF(Input!$D$22=4,M547*Input!$C$22,0)</f>
        <v>0</v>
      </c>
      <c r="R547" s="58">
        <v>70.609258932935646</v>
      </c>
      <c r="S547" s="124">
        <f t="shared" si="8"/>
        <v>1.9611125466091275</v>
      </c>
    </row>
    <row r="548" spans="8:19" x14ac:dyDescent="0.3">
      <c r="H548" s="44">
        <v>541</v>
      </c>
      <c r="I548" s="56">
        <f>Bühler!I574</f>
        <v>0.45256443383287553</v>
      </c>
      <c r="J548" s="59">
        <f>Bühler!J574</f>
        <v>1.5085481127762519</v>
      </c>
      <c r="K548" s="59">
        <f>Bühler!K574</f>
        <v>2.2628221691643775</v>
      </c>
      <c r="L548" s="59">
        <f>Bühler!L574</f>
        <v>10.861546411989012</v>
      </c>
      <c r="M548" s="58">
        <f>Bühler!M574</f>
        <v>0</v>
      </c>
      <c r="N548" s="56">
        <f>IF(Input!$D$19=1,J548*Input!$C$19,0)+IF(Input!$D$20=1,K548*Input!$C$20,0)+IF(Input!$D$21=1,L548*Input!$C$21,0)+IF(Input!$D$22=1,M548*Input!$C$22,0)</f>
        <v>0.45256443383287553</v>
      </c>
      <c r="O548" s="59">
        <f>IF(Input!$D$19=2,J548*Input!$C$19,0)+IF(Input!$D$20=2,K548*Input!$C$20,0)+IF(Input!$D$21=2,L548*Input!$C$21,0)+IF(Input!$D$22=2,M548*Input!$C$22,0)</f>
        <v>1.1314110845821888</v>
      </c>
      <c r="P548" s="59">
        <f>IF(Input!$D$19=3,J548*Input!$C$19,0)+IF(Input!$D$20=3,K548*Input!$C$20,0)+IF(Input!$D$21=3,L548*Input!$C$21,0)+IF(Input!$D$22=3,M548*Input!$C$22,0)</f>
        <v>0</v>
      </c>
      <c r="Q548" s="75">
        <f>IF(Input!$D$19=4,J548*Input!$C$19,0)+IF(Input!$D$20=4,K548*Input!$C$20,0)+IF(Input!$D$21=4,L548*Input!$C$21,0)+IF(Input!$D$22=4,M548*Input!$C$22,0)</f>
        <v>0</v>
      </c>
      <c r="R548" s="58">
        <v>69.468276290345784</v>
      </c>
      <c r="S548" s="124">
        <f t="shared" si="8"/>
        <v>1.9611125466091275</v>
      </c>
    </row>
    <row r="549" spans="8:19" x14ac:dyDescent="0.3">
      <c r="H549" s="44">
        <v>542</v>
      </c>
      <c r="I549" s="56">
        <f>Bühler!I575</f>
        <v>0.45256443383287553</v>
      </c>
      <c r="J549" s="59">
        <f>Bühler!J575</f>
        <v>1.5085481127762519</v>
      </c>
      <c r="K549" s="59">
        <f>Bühler!K575</f>
        <v>2.2628221691643775</v>
      </c>
      <c r="L549" s="59">
        <f>Bühler!L575</f>
        <v>10.861546411989012</v>
      </c>
      <c r="M549" s="58">
        <f>Bühler!M575</f>
        <v>0</v>
      </c>
      <c r="N549" s="56">
        <f>IF(Input!$D$19=1,J549*Input!$C$19,0)+IF(Input!$D$20=1,K549*Input!$C$20,0)+IF(Input!$D$21=1,L549*Input!$C$21,0)+IF(Input!$D$22=1,M549*Input!$C$22,0)</f>
        <v>0.45256443383287553</v>
      </c>
      <c r="O549" s="59">
        <f>IF(Input!$D$19=2,J549*Input!$C$19,0)+IF(Input!$D$20=2,K549*Input!$C$20,0)+IF(Input!$D$21=2,L549*Input!$C$21,0)+IF(Input!$D$22=2,M549*Input!$C$22,0)</f>
        <v>1.1314110845821888</v>
      </c>
      <c r="P549" s="59">
        <f>IF(Input!$D$19=3,J549*Input!$C$19,0)+IF(Input!$D$20=3,K549*Input!$C$20,0)+IF(Input!$D$21=3,L549*Input!$C$21,0)+IF(Input!$D$22=3,M549*Input!$C$22,0)</f>
        <v>0</v>
      </c>
      <c r="Q549" s="75">
        <f>IF(Input!$D$19=4,J549*Input!$C$19,0)+IF(Input!$D$20=4,K549*Input!$C$20,0)+IF(Input!$D$21=4,L549*Input!$C$21,0)+IF(Input!$D$22=4,M549*Input!$C$22,0)</f>
        <v>0</v>
      </c>
      <c r="R549" s="58">
        <v>69.156429983365925</v>
      </c>
      <c r="S549" s="124">
        <f t="shared" si="8"/>
        <v>1.9611125466091275</v>
      </c>
    </row>
    <row r="550" spans="8:19" x14ac:dyDescent="0.3">
      <c r="H550" s="44">
        <v>543</v>
      </c>
      <c r="I550" s="56">
        <f>Bühler!I576</f>
        <v>0.45256443383287553</v>
      </c>
      <c r="J550" s="59">
        <f>Bühler!J576</f>
        <v>1.5085481127762519</v>
      </c>
      <c r="K550" s="59">
        <f>Bühler!K576</f>
        <v>2.2628221691643775</v>
      </c>
      <c r="L550" s="59">
        <f>Bühler!L576</f>
        <v>10.861546411989012</v>
      </c>
      <c r="M550" s="58">
        <f>Bühler!M576</f>
        <v>0</v>
      </c>
      <c r="N550" s="56">
        <f>IF(Input!$D$19=1,J550*Input!$C$19,0)+IF(Input!$D$20=1,K550*Input!$C$20,0)+IF(Input!$D$21=1,L550*Input!$C$21,0)+IF(Input!$D$22=1,M550*Input!$C$22,0)</f>
        <v>0.45256443383287553</v>
      </c>
      <c r="O550" s="59">
        <f>IF(Input!$D$19=2,J550*Input!$C$19,0)+IF(Input!$D$20=2,K550*Input!$C$20,0)+IF(Input!$D$21=2,L550*Input!$C$21,0)+IF(Input!$D$22=2,M550*Input!$C$22,0)</f>
        <v>1.1314110845821888</v>
      </c>
      <c r="P550" s="59">
        <f>IF(Input!$D$19=3,J550*Input!$C$19,0)+IF(Input!$D$20=3,K550*Input!$C$20,0)+IF(Input!$D$21=3,L550*Input!$C$21,0)+IF(Input!$D$22=3,M550*Input!$C$22,0)</f>
        <v>0</v>
      </c>
      <c r="Q550" s="75">
        <f>IF(Input!$D$19=4,J550*Input!$C$19,0)+IF(Input!$D$20=4,K550*Input!$C$20,0)+IF(Input!$D$21=4,L550*Input!$C$21,0)+IF(Input!$D$22=4,M550*Input!$C$22,0)</f>
        <v>0</v>
      </c>
      <c r="R550" s="58">
        <v>69.134607950515672</v>
      </c>
      <c r="S550" s="124">
        <f t="shared" si="8"/>
        <v>1.9611125466091275</v>
      </c>
    </row>
    <row r="551" spans="8:19" x14ac:dyDescent="0.3">
      <c r="H551" s="44">
        <v>544</v>
      </c>
      <c r="I551" s="56">
        <f>Bühler!I577</f>
        <v>0.45256443383287553</v>
      </c>
      <c r="J551" s="59">
        <f>Bühler!J577</f>
        <v>1.5085481127762519</v>
      </c>
      <c r="K551" s="59">
        <f>Bühler!K577</f>
        <v>2.2628221691643775</v>
      </c>
      <c r="L551" s="59">
        <f>Bühler!L577</f>
        <v>10.861546411989012</v>
      </c>
      <c r="M551" s="58">
        <f>Bühler!M577</f>
        <v>0</v>
      </c>
      <c r="N551" s="56">
        <f>IF(Input!$D$19=1,J551*Input!$C$19,0)+IF(Input!$D$20=1,K551*Input!$C$20,0)+IF(Input!$D$21=1,L551*Input!$C$21,0)+IF(Input!$D$22=1,M551*Input!$C$22,0)</f>
        <v>0.45256443383287553</v>
      </c>
      <c r="O551" s="59">
        <f>IF(Input!$D$19=2,J551*Input!$C$19,0)+IF(Input!$D$20=2,K551*Input!$C$20,0)+IF(Input!$D$21=2,L551*Input!$C$21,0)+IF(Input!$D$22=2,M551*Input!$C$22,0)</f>
        <v>1.1314110845821888</v>
      </c>
      <c r="P551" s="59">
        <f>IF(Input!$D$19=3,J551*Input!$C$19,0)+IF(Input!$D$20=3,K551*Input!$C$20,0)+IF(Input!$D$21=3,L551*Input!$C$21,0)+IF(Input!$D$22=3,M551*Input!$C$22,0)</f>
        <v>0</v>
      </c>
      <c r="Q551" s="75">
        <f>IF(Input!$D$19=4,J551*Input!$C$19,0)+IF(Input!$D$20=4,K551*Input!$C$20,0)+IF(Input!$D$21=4,L551*Input!$C$21,0)+IF(Input!$D$22=4,M551*Input!$C$22,0)</f>
        <v>0</v>
      </c>
      <c r="R551" s="58">
        <v>68.083045747215223</v>
      </c>
      <c r="S551" s="124">
        <f t="shared" si="8"/>
        <v>1.9611125466091275</v>
      </c>
    </row>
    <row r="552" spans="8:19" x14ac:dyDescent="0.3">
      <c r="H552" s="44">
        <v>545</v>
      </c>
      <c r="I552" s="56">
        <f>Bühler!I578</f>
        <v>0.45256443383287553</v>
      </c>
      <c r="J552" s="59">
        <f>Bühler!J578</f>
        <v>1.5085481127762519</v>
      </c>
      <c r="K552" s="59">
        <f>Bühler!K578</f>
        <v>2.2628221691643775</v>
      </c>
      <c r="L552" s="59">
        <f>Bühler!L578</f>
        <v>10.861546411989012</v>
      </c>
      <c r="M552" s="58">
        <f>Bühler!M578</f>
        <v>0</v>
      </c>
      <c r="N552" s="56">
        <f>IF(Input!$D$19=1,J552*Input!$C$19,0)+IF(Input!$D$20=1,K552*Input!$C$20,0)+IF(Input!$D$21=1,L552*Input!$C$21,0)+IF(Input!$D$22=1,M552*Input!$C$22,0)</f>
        <v>0.45256443383287553</v>
      </c>
      <c r="O552" s="59">
        <f>IF(Input!$D$19=2,J552*Input!$C$19,0)+IF(Input!$D$20=2,K552*Input!$C$20,0)+IF(Input!$D$21=2,L552*Input!$C$21,0)+IF(Input!$D$22=2,M552*Input!$C$22,0)</f>
        <v>1.1314110845821888</v>
      </c>
      <c r="P552" s="59">
        <f>IF(Input!$D$19=3,J552*Input!$C$19,0)+IF(Input!$D$20=3,K552*Input!$C$20,0)+IF(Input!$D$21=3,L552*Input!$C$21,0)+IF(Input!$D$22=3,M552*Input!$C$22,0)</f>
        <v>0</v>
      </c>
      <c r="Q552" s="75">
        <f>IF(Input!$D$19=4,J552*Input!$C$19,0)+IF(Input!$D$20=4,K552*Input!$C$20,0)+IF(Input!$D$21=4,L552*Input!$C$21,0)+IF(Input!$D$22=4,M552*Input!$C$22,0)</f>
        <v>0</v>
      </c>
      <c r="R552" s="58">
        <v>67.223074550794962</v>
      </c>
      <c r="S552" s="124">
        <f t="shared" si="8"/>
        <v>1.9611125466091275</v>
      </c>
    </row>
    <row r="553" spans="8:19" x14ac:dyDescent="0.3">
      <c r="H553" s="44">
        <v>546</v>
      </c>
      <c r="I553" s="56">
        <f>Bühler!I579</f>
        <v>0.45256443383287553</v>
      </c>
      <c r="J553" s="59">
        <f>Bühler!J579</f>
        <v>1.5085481127762519</v>
      </c>
      <c r="K553" s="59">
        <f>Bühler!K579</f>
        <v>2.2628221691643775</v>
      </c>
      <c r="L553" s="59">
        <f>Bühler!L579</f>
        <v>10.861546411989012</v>
      </c>
      <c r="M553" s="58">
        <f>Bühler!M579</f>
        <v>0</v>
      </c>
      <c r="N553" s="56">
        <f>IF(Input!$D$19=1,J553*Input!$C$19,0)+IF(Input!$D$20=1,K553*Input!$C$20,0)+IF(Input!$D$21=1,L553*Input!$C$21,0)+IF(Input!$D$22=1,M553*Input!$C$22,0)</f>
        <v>0.45256443383287553</v>
      </c>
      <c r="O553" s="59">
        <f>IF(Input!$D$19=2,J553*Input!$C$19,0)+IF(Input!$D$20=2,K553*Input!$C$20,0)+IF(Input!$D$21=2,L553*Input!$C$21,0)+IF(Input!$D$22=2,M553*Input!$C$22,0)</f>
        <v>1.1314110845821888</v>
      </c>
      <c r="P553" s="59">
        <f>IF(Input!$D$19=3,J553*Input!$C$19,0)+IF(Input!$D$20=3,K553*Input!$C$20,0)+IF(Input!$D$21=3,L553*Input!$C$21,0)+IF(Input!$D$22=3,M553*Input!$C$22,0)</f>
        <v>0</v>
      </c>
      <c r="Q553" s="75">
        <f>IF(Input!$D$19=4,J553*Input!$C$19,0)+IF(Input!$D$20=4,K553*Input!$C$20,0)+IF(Input!$D$21=4,L553*Input!$C$21,0)+IF(Input!$D$22=4,M553*Input!$C$22,0)</f>
        <v>0</v>
      </c>
      <c r="R553" s="58">
        <v>66.668424463820898</v>
      </c>
      <c r="S553" s="124">
        <f t="shared" si="8"/>
        <v>1.9611125466091275</v>
      </c>
    </row>
    <row r="554" spans="8:19" x14ac:dyDescent="0.3">
      <c r="H554" s="44">
        <v>547</v>
      </c>
      <c r="I554" s="56">
        <f>Bühler!I580</f>
        <v>0.45256443383287553</v>
      </c>
      <c r="J554" s="59">
        <f>Bühler!J580</f>
        <v>1.5085481127762519</v>
      </c>
      <c r="K554" s="59">
        <f>Bühler!K580</f>
        <v>2.2628221691643775</v>
      </c>
      <c r="L554" s="59">
        <f>Bühler!L580</f>
        <v>10.861546411989012</v>
      </c>
      <c r="M554" s="58">
        <f>Bühler!M580</f>
        <v>0</v>
      </c>
      <c r="N554" s="56">
        <f>IF(Input!$D$19=1,J554*Input!$C$19,0)+IF(Input!$D$20=1,K554*Input!$C$20,0)+IF(Input!$D$21=1,L554*Input!$C$21,0)+IF(Input!$D$22=1,M554*Input!$C$22,0)</f>
        <v>0.45256443383287553</v>
      </c>
      <c r="O554" s="59">
        <f>IF(Input!$D$19=2,J554*Input!$C$19,0)+IF(Input!$D$20=2,K554*Input!$C$20,0)+IF(Input!$D$21=2,L554*Input!$C$21,0)+IF(Input!$D$22=2,M554*Input!$C$22,0)</f>
        <v>1.1314110845821888</v>
      </c>
      <c r="P554" s="59">
        <f>IF(Input!$D$19=3,J554*Input!$C$19,0)+IF(Input!$D$20=3,K554*Input!$C$20,0)+IF(Input!$D$21=3,L554*Input!$C$21,0)+IF(Input!$D$22=3,M554*Input!$C$22,0)</f>
        <v>0</v>
      </c>
      <c r="Q554" s="75">
        <f>IF(Input!$D$19=4,J554*Input!$C$19,0)+IF(Input!$D$20=4,K554*Input!$C$20,0)+IF(Input!$D$21=4,L554*Input!$C$21,0)+IF(Input!$D$22=4,M554*Input!$C$22,0)</f>
        <v>0</v>
      </c>
      <c r="R554" s="58">
        <v>65.014250907628494</v>
      </c>
      <c r="S554" s="124">
        <f t="shared" si="8"/>
        <v>1.9611125466091275</v>
      </c>
    </row>
    <row r="555" spans="8:19" x14ac:dyDescent="0.3">
      <c r="H555" s="44">
        <v>548</v>
      </c>
      <c r="I555" s="56">
        <f>Bühler!I581</f>
        <v>0.37902271333503318</v>
      </c>
      <c r="J555" s="59">
        <f>Bühler!J581</f>
        <v>1.2634090444501107</v>
      </c>
      <c r="K555" s="59">
        <f>Bühler!K581</f>
        <v>1.895113566675166</v>
      </c>
      <c r="L555" s="59">
        <f>Bühler!L581</f>
        <v>9.0965451200407959</v>
      </c>
      <c r="M555" s="58">
        <f>Bühler!M581</f>
        <v>0</v>
      </c>
      <c r="N555" s="56">
        <f>IF(Input!$D$19=1,J555*Input!$C$19,0)+IF(Input!$D$20=1,K555*Input!$C$20,0)+IF(Input!$D$21=1,L555*Input!$C$21,0)+IF(Input!$D$22=1,M555*Input!$C$22,0)</f>
        <v>0.37902271333503318</v>
      </c>
      <c r="O555" s="59">
        <f>IF(Input!$D$19=2,J555*Input!$C$19,0)+IF(Input!$D$20=2,K555*Input!$C$20,0)+IF(Input!$D$21=2,L555*Input!$C$21,0)+IF(Input!$D$22=2,M555*Input!$C$22,0)</f>
        <v>0.94755678333758298</v>
      </c>
      <c r="P555" s="59">
        <f>IF(Input!$D$19=3,J555*Input!$C$19,0)+IF(Input!$D$20=3,K555*Input!$C$20,0)+IF(Input!$D$21=3,L555*Input!$C$21,0)+IF(Input!$D$22=3,M555*Input!$C$22,0)</f>
        <v>0</v>
      </c>
      <c r="Q555" s="75">
        <f>IF(Input!$D$19=4,J555*Input!$C$19,0)+IF(Input!$D$20=4,K555*Input!$C$20,0)+IF(Input!$D$21=4,L555*Input!$C$21,0)+IF(Input!$D$22=4,M555*Input!$C$22,0)</f>
        <v>0</v>
      </c>
      <c r="R555" s="58">
        <v>64.192174538209457</v>
      </c>
      <c r="S555" s="124">
        <f t="shared" si="8"/>
        <v>1.6424317577851439</v>
      </c>
    </row>
    <row r="556" spans="8:19" x14ac:dyDescent="0.3">
      <c r="H556" s="44">
        <v>549</v>
      </c>
      <c r="I556" s="56">
        <f>Bühler!I582</f>
        <v>0.31113804826010188</v>
      </c>
      <c r="J556" s="59">
        <f>Bühler!J582</f>
        <v>1.0371268275336731</v>
      </c>
      <c r="K556" s="59">
        <f>Bühler!K582</f>
        <v>1.5556902413005094</v>
      </c>
      <c r="L556" s="59">
        <f>Bühler!L582</f>
        <v>7.4673131582424457</v>
      </c>
      <c r="M556" s="58">
        <f>Bühler!M582</f>
        <v>0</v>
      </c>
      <c r="N556" s="56">
        <f>IF(Input!$D$19=1,J556*Input!$C$19,0)+IF(Input!$D$20=1,K556*Input!$C$20,0)+IF(Input!$D$21=1,L556*Input!$C$21,0)+IF(Input!$D$22=1,M556*Input!$C$22,0)</f>
        <v>0.31113804826010194</v>
      </c>
      <c r="O556" s="59">
        <f>IF(Input!$D$19=2,J556*Input!$C$19,0)+IF(Input!$D$20=2,K556*Input!$C$20,0)+IF(Input!$D$21=2,L556*Input!$C$21,0)+IF(Input!$D$22=2,M556*Input!$C$22,0)</f>
        <v>0.77784512065025468</v>
      </c>
      <c r="P556" s="59">
        <f>IF(Input!$D$19=3,J556*Input!$C$19,0)+IF(Input!$D$20=3,K556*Input!$C$20,0)+IF(Input!$D$21=3,L556*Input!$C$21,0)+IF(Input!$D$22=3,M556*Input!$C$22,0)</f>
        <v>0</v>
      </c>
      <c r="Q556" s="75">
        <f>IF(Input!$D$19=4,J556*Input!$C$19,0)+IF(Input!$D$20=4,K556*Input!$C$20,0)+IF(Input!$D$21=4,L556*Input!$C$21,0)+IF(Input!$D$22=4,M556*Input!$C$22,0)</f>
        <v>0</v>
      </c>
      <c r="R556" s="58">
        <v>63.039657446619486</v>
      </c>
      <c r="S556" s="124">
        <f t="shared" si="8"/>
        <v>1.348264875793775</v>
      </c>
    </row>
    <row r="557" spans="8:19" x14ac:dyDescent="0.3">
      <c r="H557" s="44">
        <v>550</v>
      </c>
      <c r="I557" s="56">
        <f>Bühler!I583</f>
        <v>0.22628221691643777</v>
      </c>
      <c r="J557" s="59">
        <f>Bühler!J583</f>
        <v>0.75427405638812595</v>
      </c>
      <c r="K557" s="59">
        <f>Bühler!K583</f>
        <v>1.1314110845821888</v>
      </c>
      <c r="L557" s="59">
        <f>Bühler!L583</f>
        <v>5.4307732059945062</v>
      </c>
      <c r="M557" s="58">
        <f>Bühler!M583</f>
        <v>0</v>
      </c>
      <c r="N557" s="56">
        <f>IF(Input!$D$19=1,J557*Input!$C$19,0)+IF(Input!$D$20=1,K557*Input!$C$20,0)+IF(Input!$D$21=1,L557*Input!$C$21,0)+IF(Input!$D$22=1,M557*Input!$C$22,0)</f>
        <v>0.22628221691643777</v>
      </c>
      <c r="O557" s="59">
        <f>IF(Input!$D$19=2,J557*Input!$C$19,0)+IF(Input!$D$20=2,K557*Input!$C$20,0)+IF(Input!$D$21=2,L557*Input!$C$21,0)+IF(Input!$D$22=2,M557*Input!$C$22,0)</f>
        <v>0.56570554229109438</v>
      </c>
      <c r="P557" s="59">
        <f>IF(Input!$D$19=3,J557*Input!$C$19,0)+IF(Input!$D$20=3,K557*Input!$C$20,0)+IF(Input!$D$21=3,L557*Input!$C$21,0)+IF(Input!$D$22=3,M557*Input!$C$22,0)</f>
        <v>0</v>
      </c>
      <c r="Q557" s="75">
        <f>IF(Input!$D$19=4,J557*Input!$C$19,0)+IF(Input!$D$20=4,K557*Input!$C$20,0)+IF(Input!$D$21=4,L557*Input!$C$21,0)+IF(Input!$D$22=4,M557*Input!$C$22,0)</f>
        <v>0</v>
      </c>
      <c r="R557" s="58">
        <v>60.823509032140379</v>
      </c>
      <c r="S557" s="124">
        <f t="shared" si="8"/>
        <v>0.98055627330456374</v>
      </c>
    </row>
    <row r="558" spans="8:19" x14ac:dyDescent="0.3">
      <c r="H558" s="44">
        <v>551</v>
      </c>
      <c r="I558" s="56">
        <f>Bühler!I584</f>
        <v>0.22628221691643777</v>
      </c>
      <c r="J558" s="59">
        <f>Bühler!J584</f>
        <v>0.75427405638812595</v>
      </c>
      <c r="K558" s="59">
        <f>Bühler!K584</f>
        <v>1.1314110845821888</v>
      </c>
      <c r="L558" s="59">
        <f>Bühler!L584</f>
        <v>5.4307732059945062</v>
      </c>
      <c r="M558" s="58">
        <f>Bühler!M584</f>
        <v>0</v>
      </c>
      <c r="N558" s="56">
        <f>IF(Input!$D$19=1,J558*Input!$C$19,0)+IF(Input!$D$20=1,K558*Input!$C$20,0)+IF(Input!$D$21=1,L558*Input!$C$21,0)+IF(Input!$D$22=1,M558*Input!$C$22,0)</f>
        <v>0.22628221691643777</v>
      </c>
      <c r="O558" s="59">
        <f>IF(Input!$D$19=2,J558*Input!$C$19,0)+IF(Input!$D$20=2,K558*Input!$C$20,0)+IF(Input!$D$21=2,L558*Input!$C$21,0)+IF(Input!$D$22=2,M558*Input!$C$22,0)</f>
        <v>0.56570554229109438</v>
      </c>
      <c r="P558" s="59">
        <f>IF(Input!$D$19=3,J558*Input!$C$19,0)+IF(Input!$D$20=3,K558*Input!$C$20,0)+IF(Input!$D$21=3,L558*Input!$C$21,0)+IF(Input!$D$22=3,M558*Input!$C$22,0)</f>
        <v>0</v>
      </c>
      <c r="Q558" s="75">
        <f>IF(Input!$D$19=4,J558*Input!$C$19,0)+IF(Input!$D$20=4,K558*Input!$C$20,0)+IF(Input!$D$21=4,L558*Input!$C$21,0)+IF(Input!$D$22=4,M558*Input!$C$22,0)</f>
        <v>0</v>
      </c>
      <c r="R558" s="58">
        <v>59.577230588030311</v>
      </c>
      <c r="S558" s="124">
        <f t="shared" si="8"/>
        <v>0.98055627330456374</v>
      </c>
    </row>
    <row r="559" spans="8:19" x14ac:dyDescent="0.3">
      <c r="H559" s="44">
        <v>552</v>
      </c>
      <c r="I559" s="56">
        <f>Bühler!I585</f>
        <v>0.22628221691643777</v>
      </c>
      <c r="J559" s="59">
        <f>Bühler!J585</f>
        <v>0.75427405638812595</v>
      </c>
      <c r="K559" s="59">
        <f>Bühler!K585</f>
        <v>1.1314110845821888</v>
      </c>
      <c r="L559" s="59">
        <f>Bühler!L585</f>
        <v>5.4307732059945062</v>
      </c>
      <c r="M559" s="58">
        <f>Bühler!M585</f>
        <v>0</v>
      </c>
      <c r="N559" s="56">
        <f>IF(Input!$D$19=1,J559*Input!$C$19,0)+IF(Input!$D$20=1,K559*Input!$C$20,0)+IF(Input!$D$21=1,L559*Input!$C$21,0)+IF(Input!$D$22=1,M559*Input!$C$22,0)</f>
        <v>0.22628221691643777</v>
      </c>
      <c r="O559" s="59">
        <f>IF(Input!$D$19=2,J559*Input!$C$19,0)+IF(Input!$D$20=2,K559*Input!$C$20,0)+IF(Input!$D$21=2,L559*Input!$C$21,0)+IF(Input!$D$22=2,M559*Input!$C$22,0)</f>
        <v>0.56570554229109438</v>
      </c>
      <c r="P559" s="59">
        <f>IF(Input!$D$19=3,J559*Input!$C$19,0)+IF(Input!$D$20=3,K559*Input!$C$20,0)+IF(Input!$D$21=3,L559*Input!$C$21,0)+IF(Input!$D$22=3,M559*Input!$C$22,0)</f>
        <v>0</v>
      </c>
      <c r="Q559" s="75">
        <f>IF(Input!$D$19=4,J559*Input!$C$19,0)+IF(Input!$D$20=4,K559*Input!$C$20,0)+IF(Input!$D$21=4,L559*Input!$C$21,0)+IF(Input!$D$22=4,M559*Input!$C$22,0)</f>
        <v>0</v>
      </c>
      <c r="R559" s="58">
        <v>57.876424283075096</v>
      </c>
      <c r="S559" s="124">
        <f t="shared" si="8"/>
        <v>0.98055627330456374</v>
      </c>
    </row>
    <row r="560" spans="8:19" x14ac:dyDescent="0.3">
      <c r="H560" s="44">
        <v>553</v>
      </c>
      <c r="I560" s="56">
        <f>Bühler!I586</f>
        <v>0.19892854241479321</v>
      </c>
      <c r="J560" s="59">
        <f>Bühler!J586</f>
        <v>0.66309514138264403</v>
      </c>
      <c r="K560" s="59">
        <f>Bühler!K586</f>
        <v>0.99464271207396604</v>
      </c>
      <c r="L560" s="59">
        <f>Bühler!L586</f>
        <v>4.7742850179550365</v>
      </c>
      <c r="M560" s="58">
        <f>Bühler!M586</f>
        <v>0</v>
      </c>
      <c r="N560" s="56">
        <f>IF(Input!$D$19=1,J560*Input!$C$19,0)+IF(Input!$D$20=1,K560*Input!$C$20,0)+IF(Input!$D$21=1,L560*Input!$C$21,0)+IF(Input!$D$22=1,M560*Input!$C$22,0)</f>
        <v>0.19892854241479321</v>
      </c>
      <c r="O560" s="59">
        <f>IF(Input!$D$19=2,J560*Input!$C$19,0)+IF(Input!$D$20=2,K560*Input!$C$20,0)+IF(Input!$D$21=2,L560*Input!$C$21,0)+IF(Input!$D$22=2,M560*Input!$C$22,0)</f>
        <v>0.49732135603698302</v>
      </c>
      <c r="P560" s="59">
        <f>IF(Input!$D$19=3,J560*Input!$C$19,0)+IF(Input!$D$20=3,K560*Input!$C$20,0)+IF(Input!$D$21=3,L560*Input!$C$21,0)+IF(Input!$D$22=3,M560*Input!$C$22,0)</f>
        <v>0</v>
      </c>
      <c r="Q560" s="75">
        <f>IF(Input!$D$19=4,J560*Input!$C$19,0)+IF(Input!$D$20=4,K560*Input!$C$20,0)+IF(Input!$D$21=4,L560*Input!$C$21,0)+IF(Input!$D$22=4,M560*Input!$C$22,0)</f>
        <v>0</v>
      </c>
      <c r="R560" s="58">
        <v>57.334246613438914</v>
      </c>
      <c r="S560" s="124">
        <f t="shared" si="8"/>
        <v>0.86202368379743721</v>
      </c>
    </row>
    <row r="561" spans="8:19" x14ac:dyDescent="0.3">
      <c r="H561" s="44">
        <v>554</v>
      </c>
      <c r="I561" s="56">
        <f>Bühler!I587</f>
        <v>0.22379461021664229</v>
      </c>
      <c r="J561" s="59">
        <f>Bühler!J587</f>
        <v>0.74598203405547436</v>
      </c>
      <c r="K561" s="59">
        <f>Bühler!K587</f>
        <v>1.1189730510832114</v>
      </c>
      <c r="L561" s="59">
        <f>Bühler!L587</f>
        <v>5.3710706451994152</v>
      </c>
      <c r="M561" s="58">
        <f>Bühler!M587</f>
        <v>0</v>
      </c>
      <c r="N561" s="56">
        <f>IF(Input!$D$19=1,J561*Input!$C$19,0)+IF(Input!$D$20=1,K561*Input!$C$20,0)+IF(Input!$D$21=1,L561*Input!$C$21,0)+IF(Input!$D$22=1,M561*Input!$C$22,0)</f>
        <v>0.22379461021664229</v>
      </c>
      <c r="O561" s="59">
        <f>IF(Input!$D$19=2,J561*Input!$C$19,0)+IF(Input!$D$20=2,K561*Input!$C$20,0)+IF(Input!$D$21=2,L561*Input!$C$21,0)+IF(Input!$D$22=2,M561*Input!$C$22,0)</f>
        <v>0.55948652554160572</v>
      </c>
      <c r="P561" s="59">
        <f>IF(Input!$D$19=3,J561*Input!$C$19,0)+IF(Input!$D$20=3,K561*Input!$C$20,0)+IF(Input!$D$21=3,L561*Input!$C$21,0)+IF(Input!$D$22=3,M561*Input!$C$22,0)</f>
        <v>0</v>
      </c>
      <c r="Q561" s="75">
        <f>IF(Input!$D$19=4,J561*Input!$C$19,0)+IF(Input!$D$20=4,K561*Input!$C$20,0)+IF(Input!$D$21=4,L561*Input!$C$21,0)+IF(Input!$D$22=4,M561*Input!$C$22,0)</f>
        <v>0</v>
      </c>
      <c r="R561" s="58">
        <v>58.233099600324032</v>
      </c>
      <c r="S561" s="124">
        <f t="shared" si="8"/>
        <v>0.96977664427211663</v>
      </c>
    </row>
    <row r="562" spans="8:19" x14ac:dyDescent="0.3">
      <c r="H562" s="44">
        <v>555</v>
      </c>
      <c r="I562" s="56">
        <f>Bühler!I588</f>
        <v>0.22379461021664229</v>
      </c>
      <c r="J562" s="59">
        <f>Bühler!J588</f>
        <v>0.74598203405547436</v>
      </c>
      <c r="K562" s="59">
        <f>Bühler!K588</f>
        <v>1.1189730510832114</v>
      </c>
      <c r="L562" s="59">
        <f>Bühler!L588</f>
        <v>5.3710706451994152</v>
      </c>
      <c r="M562" s="58">
        <f>Bühler!M588</f>
        <v>0</v>
      </c>
      <c r="N562" s="56">
        <f>IF(Input!$D$19=1,J562*Input!$C$19,0)+IF(Input!$D$20=1,K562*Input!$C$20,0)+IF(Input!$D$21=1,L562*Input!$C$21,0)+IF(Input!$D$22=1,M562*Input!$C$22,0)</f>
        <v>0.22379461021664229</v>
      </c>
      <c r="O562" s="59">
        <f>IF(Input!$D$19=2,J562*Input!$C$19,0)+IF(Input!$D$20=2,K562*Input!$C$20,0)+IF(Input!$D$21=2,L562*Input!$C$21,0)+IF(Input!$D$22=2,M562*Input!$C$22,0)</f>
        <v>0.55948652554160572</v>
      </c>
      <c r="P562" s="59">
        <f>IF(Input!$D$19=3,J562*Input!$C$19,0)+IF(Input!$D$20=3,K562*Input!$C$20,0)+IF(Input!$D$21=3,L562*Input!$C$21,0)+IF(Input!$D$22=3,M562*Input!$C$22,0)</f>
        <v>0</v>
      </c>
      <c r="Q562" s="75">
        <f>IF(Input!$D$19=4,J562*Input!$C$19,0)+IF(Input!$D$20=4,K562*Input!$C$20,0)+IF(Input!$D$21=4,L562*Input!$C$21,0)+IF(Input!$D$22=4,M562*Input!$C$22,0)</f>
        <v>0</v>
      </c>
      <c r="R562" s="58">
        <v>59.249980021272606</v>
      </c>
      <c r="S562" s="124">
        <f t="shared" si="8"/>
        <v>0.96977664427211663</v>
      </c>
    </row>
    <row r="563" spans="8:19" x14ac:dyDescent="0.3">
      <c r="H563" s="44">
        <v>556</v>
      </c>
      <c r="I563" s="56">
        <f>Bühler!I589</f>
        <v>0.22379461021664229</v>
      </c>
      <c r="J563" s="59">
        <f>Bühler!J589</f>
        <v>0.74598203405547436</v>
      </c>
      <c r="K563" s="59">
        <f>Bühler!K589</f>
        <v>1.1189730510832114</v>
      </c>
      <c r="L563" s="59">
        <f>Bühler!L589</f>
        <v>5.3710706451994152</v>
      </c>
      <c r="M563" s="58">
        <f>Bühler!M589</f>
        <v>0</v>
      </c>
      <c r="N563" s="56">
        <f>IF(Input!$D$19=1,J563*Input!$C$19,0)+IF(Input!$D$20=1,K563*Input!$C$20,0)+IF(Input!$D$21=1,L563*Input!$C$21,0)+IF(Input!$D$22=1,M563*Input!$C$22,0)</f>
        <v>0.22379461021664229</v>
      </c>
      <c r="O563" s="59">
        <f>IF(Input!$D$19=2,J563*Input!$C$19,0)+IF(Input!$D$20=2,K563*Input!$C$20,0)+IF(Input!$D$21=2,L563*Input!$C$21,0)+IF(Input!$D$22=2,M563*Input!$C$22,0)</f>
        <v>0.55948652554160572</v>
      </c>
      <c r="P563" s="59">
        <f>IF(Input!$D$19=3,J563*Input!$C$19,0)+IF(Input!$D$20=3,K563*Input!$C$20,0)+IF(Input!$D$21=3,L563*Input!$C$21,0)+IF(Input!$D$22=3,M563*Input!$C$22,0)</f>
        <v>0</v>
      </c>
      <c r="Q563" s="75">
        <f>IF(Input!$D$19=4,J563*Input!$C$19,0)+IF(Input!$D$20=4,K563*Input!$C$20,0)+IF(Input!$D$21=4,L563*Input!$C$21,0)+IF(Input!$D$22=4,M563*Input!$C$22,0)</f>
        <v>0</v>
      </c>
      <c r="R563" s="58">
        <v>59.230215450273924</v>
      </c>
      <c r="S563" s="124">
        <f t="shared" si="8"/>
        <v>0.96977664427211663</v>
      </c>
    </row>
    <row r="564" spans="8:19" x14ac:dyDescent="0.3">
      <c r="H564" s="44">
        <v>557</v>
      </c>
      <c r="I564" s="56">
        <f>Bühler!I590</f>
        <v>0.22379461021664229</v>
      </c>
      <c r="J564" s="59">
        <f>Bühler!J590</f>
        <v>0.74598203405547436</v>
      </c>
      <c r="K564" s="59">
        <f>Bühler!K590</f>
        <v>1.1189730510832114</v>
      </c>
      <c r="L564" s="59">
        <f>Bühler!L590</f>
        <v>5.3710706451994152</v>
      </c>
      <c r="M564" s="58">
        <f>Bühler!M590</f>
        <v>0</v>
      </c>
      <c r="N564" s="56">
        <f>IF(Input!$D$19=1,J564*Input!$C$19,0)+IF(Input!$D$20=1,K564*Input!$C$20,0)+IF(Input!$D$21=1,L564*Input!$C$21,0)+IF(Input!$D$22=1,M564*Input!$C$22,0)</f>
        <v>0.22379461021664229</v>
      </c>
      <c r="O564" s="59">
        <f>IF(Input!$D$19=2,J564*Input!$C$19,0)+IF(Input!$D$20=2,K564*Input!$C$20,0)+IF(Input!$D$21=2,L564*Input!$C$21,0)+IF(Input!$D$22=2,M564*Input!$C$22,0)</f>
        <v>0.55948652554160572</v>
      </c>
      <c r="P564" s="59">
        <f>IF(Input!$D$19=3,J564*Input!$C$19,0)+IF(Input!$D$20=3,K564*Input!$C$20,0)+IF(Input!$D$21=3,L564*Input!$C$21,0)+IF(Input!$D$22=3,M564*Input!$C$22,0)</f>
        <v>0</v>
      </c>
      <c r="Q564" s="75">
        <f>IF(Input!$D$19=4,J564*Input!$C$19,0)+IF(Input!$D$20=4,K564*Input!$C$20,0)+IF(Input!$D$21=4,L564*Input!$C$21,0)+IF(Input!$D$22=4,M564*Input!$C$22,0)</f>
        <v>0</v>
      </c>
      <c r="R564" s="58">
        <v>60.24689320243337</v>
      </c>
      <c r="S564" s="124">
        <f t="shared" si="8"/>
        <v>0.96977664427211663</v>
      </c>
    </row>
    <row r="565" spans="8:19" x14ac:dyDescent="0.3">
      <c r="H565" s="44">
        <v>558</v>
      </c>
      <c r="I565" s="56">
        <f>Bühler!I591</f>
        <v>0.28844638650145005</v>
      </c>
      <c r="J565" s="59">
        <f>Bühler!J591</f>
        <v>0.96148795500483364</v>
      </c>
      <c r="K565" s="59">
        <f>Bühler!K591</f>
        <v>1.4422319325072503</v>
      </c>
      <c r="L565" s="59">
        <f>Bühler!L591</f>
        <v>6.922713276034802</v>
      </c>
      <c r="M565" s="58">
        <f>Bühler!M591</f>
        <v>0</v>
      </c>
      <c r="N565" s="56">
        <f>IF(Input!$D$19=1,J565*Input!$C$19,0)+IF(Input!$D$20=1,K565*Input!$C$20,0)+IF(Input!$D$21=1,L565*Input!$C$21,0)+IF(Input!$D$22=1,M565*Input!$C$22,0)</f>
        <v>0.2884463865014501</v>
      </c>
      <c r="O565" s="59">
        <f>IF(Input!$D$19=2,J565*Input!$C$19,0)+IF(Input!$D$20=2,K565*Input!$C$20,0)+IF(Input!$D$21=2,L565*Input!$C$21,0)+IF(Input!$D$22=2,M565*Input!$C$22,0)</f>
        <v>0.72111596625362517</v>
      </c>
      <c r="P565" s="59">
        <f>IF(Input!$D$19=3,J565*Input!$C$19,0)+IF(Input!$D$20=3,K565*Input!$C$20,0)+IF(Input!$D$21=3,L565*Input!$C$21,0)+IF(Input!$D$22=3,M565*Input!$C$22,0)</f>
        <v>0</v>
      </c>
      <c r="Q565" s="75">
        <f>IF(Input!$D$19=4,J565*Input!$C$19,0)+IF(Input!$D$20=4,K565*Input!$C$20,0)+IF(Input!$D$21=4,L565*Input!$C$21,0)+IF(Input!$D$22=4,M565*Input!$C$22,0)</f>
        <v>0</v>
      </c>
      <c r="R565" s="58">
        <v>62.92423601191129</v>
      </c>
      <c r="S565" s="124">
        <f t="shared" si="8"/>
        <v>1.2499343415062838</v>
      </c>
    </row>
    <row r="566" spans="8:19" x14ac:dyDescent="0.3">
      <c r="H566" s="44">
        <v>559</v>
      </c>
      <c r="I566" s="56">
        <f>Bühler!I592</f>
        <v>0.33320530854477853</v>
      </c>
      <c r="J566" s="59">
        <f>Bühler!J592</f>
        <v>1.1106843618159286</v>
      </c>
      <c r="K566" s="59">
        <f>Bühler!K592</f>
        <v>1.6660265427238927</v>
      </c>
      <c r="L566" s="59">
        <f>Bühler!L592</f>
        <v>7.9969274050746852</v>
      </c>
      <c r="M566" s="58">
        <f>Bühler!M592</f>
        <v>0</v>
      </c>
      <c r="N566" s="56">
        <f>IF(Input!$D$19=1,J566*Input!$C$19,0)+IF(Input!$D$20=1,K566*Input!$C$20,0)+IF(Input!$D$21=1,L566*Input!$C$21,0)+IF(Input!$D$22=1,M566*Input!$C$22,0)</f>
        <v>0.33320530854477853</v>
      </c>
      <c r="O566" s="59">
        <f>IF(Input!$D$19=2,J566*Input!$C$19,0)+IF(Input!$D$20=2,K566*Input!$C$20,0)+IF(Input!$D$21=2,L566*Input!$C$21,0)+IF(Input!$D$22=2,M566*Input!$C$22,0)</f>
        <v>0.83301327136194636</v>
      </c>
      <c r="P566" s="59">
        <f>IF(Input!$D$19=3,J566*Input!$C$19,0)+IF(Input!$D$20=3,K566*Input!$C$20,0)+IF(Input!$D$21=3,L566*Input!$C$21,0)+IF(Input!$D$22=3,M566*Input!$C$22,0)</f>
        <v>0</v>
      </c>
      <c r="Q566" s="75">
        <f>IF(Input!$D$19=4,J566*Input!$C$19,0)+IF(Input!$D$20=4,K566*Input!$C$20,0)+IF(Input!$D$21=4,L566*Input!$C$21,0)+IF(Input!$D$22=4,M566*Input!$C$22,0)</f>
        <v>0</v>
      </c>
      <c r="R566" s="58">
        <v>65.766254459843651</v>
      </c>
      <c r="S566" s="124">
        <f t="shared" si="8"/>
        <v>1.4438896703607071</v>
      </c>
    </row>
    <row r="567" spans="8:19" x14ac:dyDescent="0.3">
      <c r="H567" s="44">
        <v>560</v>
      </c>
      <c r="I567" s="56">
        <f>Bühler!I593</f>
        <v>0.33320530854477853</v>
      </c>
      <c r="J567" s="59">
        <f>Bühler!J593</f>
        <v>1.1106843618159286</v>
      </c>
      <c r="K567" s="59">
        <f>Bühler!K593</f>
        <v>1.6660265427238927</v>
      </c>
      <c r="L567" s="59">
        <f>Bühler!L593</f>
        <v>7.9969274050746852</v>
      </c>
      <c r="M567" s="58">
        <f>Bühler!M593</f>
        <v>0</v>
      </c>
      <c r="N567" s="56">
        <f>IF(Input!$D$19=1,J567*Input!$C$19,0)+IF(Input!$D$20=1,K567*Input!$C$20,0)+IF(Input!$D$21=1,L567*Input!$C$21,0)+IF(Input!$D$22=1,M567*Input!$C$22,0)</f>
        <v>0.33320530854477853</v>
      </c>
      <c r="O567" s="59">
        <f>IF(Input!$D$19=2,J567*Input!$C$19,0)+IF(Input!$D$20=2,K567*Input!$C$20,0)+IF(Input!$D$21=2,L567*Input!$C$21,0)+IF(Input!$D$22=2,M567*Input!$C$22,0)</f>
        <v>0.83301327136194636</v>
      </c>
      <c r="P567" s="59">
        <f>IF(Input!$D$19=3,J567*Input!$C$19,0)+IF(Input!$D$20=3,K567*Input!$C$20,0)+IF(Input!$D$21=3,L567*Input!$C$21,0)+IF(Input!$D$22=3,M567*Input!$C$22,0)</f>
        <v>0</v>
      </c>
      <c r="Q567" s="75">
        <f>IF(Input!$D$19=4,J567*Input!$C$19,0)+IF(Input!$D$20=4,K567*Input!$C$20,0)+IF(Input!$D$21=4,L567*Input!$C$21,0)+IF(Input!$D$22=4,M567*Input!$C$22,0)</f>
        <v>0</v>
      </c>
      <c r="R567" s="58">
        <v>66.394232499759838</v>
      </c>
      <c r="S567" s="124">
        <f t="shared" si="8"/>
        <v>1.4438896703607071</v>
      </c>
    </row>
    <row r="568" spans="8:19" x14ac:dyDescent="0.3">
      <c r="H568" s="44">
        <v>561</v>
      </c>
      <c r="I568" s="56">
        <f>Bühler!I594</f>
        <v>0.33320530854477853</v>
      </c>
      <c r="J568" s="59">
        <f>Bühler!J594</f>
        <v>1.1106843618159286</v>
      </c>
      <c r="K568" s="59">
        <f>Bühler!K594</f>
        <v>1.6660265427238927</v>
      </c>
      <c r="L568" s="59">
        <f>Bühler!L594</f>
        <v>7.9969274050746852</v>
      </c>
      <c r="M568" s="58">
        <f>Bühler!M594</f>
        <v>0</v>
      </c>
      <c r="N568" s="56">
        <f>IF(Input!$D$19=1,J568*Input!$C$19,0)+IF(Input!$D$20=1,K568*Input!$C$20,0)+IF(Input!$D$21=1,L568*Input!$C$21,0)+IF(Input!$D$22=1,M568*Input!$C$22,0)</f>
        <v>0.33320530854477853</v>
      </c>
      <c r="O568" s="59">
        <f>IF(Input!$D$19=2,J568*Input!$C$19,0)+IF(Input!$D$20=2,K568*Input!$C$20,0)+IF(Input!$D$21=2,L568*Input!$C$21,0)+IF(Input!$D$22=2,M568*Input!$C$22,0)</f>
        <v>0.83301327136194636</v>
      </c>
      <c r="P568" s="59">
        <f>IF(Input!$D$19=3,J568*Input!$C$19,0)+IF(Input!$D$20=3,K568*Input!$C$20,0)+IF(Input!$D$21=3,L568*Input!$C$21,0)+IF(Input!$D$22=3,M568*Input!$C$22,0)</f>
        <v>0</v>
      </c>
      <c r="Q568" s="75">
        <f>IF(Input!$D$19=4,J568*Input!$C$19,0)+IF(Input!$D$20=4,K568*Input!$C$20,0)+IF(Input!$D$21=4,L568*Input!$C$21,0)+IF(Input!$D$22=4,M568*Input!$C$22,0)</f>
        <v>0</v>
      </c>
      <c r="R568" s="58">
        <v>67.049450613589471</v>
      </c>
      <c r="S568" s="124">
        <f t="shared" si="8"/>
        <v>1.4438896703607071</v>
      </c>
    </row>
    <row r="569" spans="8:19" x14ac:dyDescent="0.3">
      <c r="H569" s="44">
        <v>562</v>
      </c>
      <c r="I569" s="56">
        <f>Bühler!I595</f>
        <v>0.35807137634662767</v>
      </c>
      <c r="J569" s="59">
        <f>Bühler!J595</f>
        <v>1.1935712544887591</v>
      </c>
      <c r="K569" s="59">
        <f>Bühler!K595</f>
        <v>1.7903568817331383</v>
      </c>
      <c r="L569" s="59">
        <f>Bühler!L595</f>
        <v>8.593713032319064</v>
      </c>
      <c r="M569" s="58">
        <f>Bühler!M595</f>
        <v>0</v>
      </c>
      <c r="N569" s="56">
        <f>IF(Input!$D$19=1,J569*Input!$C$19,0)+IF(Input!$D$20=1,K569*Input!$C$20,0)+IF(Input!$D$21=1,L569*Input!$C$21,0)+IF(Input!$D$22=1,M569*Input!$C$22,0)</f>
        <v>0.35807137634662772</v>
      </c>
      <c r="O569" s="59">
        <f>IF(Input!$D$19=2,J569*Input!$C$19,0)+IF(Input!$D$20=2,K569*Input!$C$20,0)+IF(Input!$D$21=2,L569*Input!$C$21,0)+IF(Input!$D$22=2,M569*Input!$C$22,0)</f>
        <v>0.89517844086656917</v>
      </c>
      <c r="P569" s="59">
        <f>IF(Input!$D$19=3,J569*Input!$C$19,0)+IF(Input!$D$20=3,K569*Input!$C$20,0)+IF(Input!$D$21=3,L569*Input!$C$21,0)+IF(Input!$D$22=3,M569*Input!$C$22,0)</f>
        <v>0</v>
      </c>
      <c r="Q569" s="75">
        <f>IF(Input!$D$19=4,J569*Input!$C$19,0)+IF(Input!$D$20=4,K569*Input!$C$20,0)+IF(Input!$D$21=4,L569*Input!$C$21,0)+IF(Input!$D$22=4,M569*Input!$C$22,0)</f>
        <v>0</v>
      </c>
      <c r="R569" s="58">
        <v>66.00508763404342</v>
      </c>
      <c r="S569" s="124">
        <f t="shared" si="8"/>
        <v>1.5516426308353868</v>
      </c>
    </row>
    <row r="570" spans="8:19" x14ac:dyDescent="0.3">
      <c r="H570" s="44">
        <v>563</v>
      </c>
      <c r="I570" s="56">
        <f>Bühler!I596</f>
        <v>0.3879106577088467</v>
      </c>
      <c r="J570" s="59">
        <f>Bühler!J596</f>
        <v>1.2930355256961557</v>
      </c>
      <c r="K570" s="59">
        <f>Bühler!K596</f>
        <v>1.9395532885442335</v>
      </c>
      <c r="L570" s="59">
        <f>Bühler!L596</f>
        <v>9.3098557850123207</v>
      </c>
      <c r="M570" s="58">
        <f>Bühler!M596</f>
        <v>0</v>
      </c>
      <c r="N570" s="56">
        <f>IF(Input!$D$19=1,J570*Input!$C$19,0)+IF(Input!$D$20=1,K570*Input!$C$20,0)+IF(Input!$D$21=1,L570*Input!$C$21,0)+IF(Input!$D$22=1,M570*Input!$C$22,0)</f>
        <v>0.3879106577088467</v>
      </c>
      <c r="O570" s="59">
        <f>IF(Input!$D$19=2,J570*Input!$C$19,0)+IF(Input!$D$20=2,K570*Input!$C$20,0)+IF(Input!$D$21=2,L570*Input!$C$21,0)+IF(Input!$D$22=2,M570*Input!$C$22,0)</f>
        <v>0.96977664427211674</v>
      </c>
      <c r="P570" s="59">
        <f>IF(Input!$D$19=3,J570*Input!$C$19,0)+IF(Input!$D$20=3,K570*Input!$C$20,0)+IF(Input!$D$21=3,L570*Input!$C$21,0)+IF(Input!$D$22=3,M570*Input!$C$22,0)</f>
        <v>0</v>
      </c>
      <c r="Q570" s="75">
        <f>IF(Input!$D$19=4,J570*Input!$C$19,0)+IF(Input!$D$20=4,K570*Input!$C$20,0)+IF(Input!$D$21=4,L570*Input!$C$21,0)+IF(Input!$D$22=4,M570*Input!$C$22,0)</f>
        <v>0</v>
      </c>
      <c r="R570" s="58">
        <v>66.170638457249652</v>
      </c>
      <c r="S570" s="124">
        <f t="shared" si="8"/>
        <v>1.6809461834050023</v>
      </c>
    </row>
    <row r="571" spans="8:19" x14ac:dyDescent="0.3">
      <c r="H571" s="44">
        <v>564</v>
      </c>
      <c r="I571" s="56">
        <f>Bühler!I597</f>
        <v>0.44758922043328458</v>
      </c>
      <c r="J571" s="59">
        <f>Bühler!J597</f>
        <v>1.4919640681109487</v>
      </c>
      <c r="K571" s="59">
        <f>Bühler!K597</f>
        <v>2.2379461021664229</v>
      </c>
      <c r="L571" s="59">
        <f>Bühler!L597</f>
        <v>10.74214129039883</v>
      </c>
      <c r="M571" s="58">
        <f>Bühler!M597</f>
        <v>0</v>
      </c>
      <c r="N571" s="56">
        <f>IF(Input!$D$19=1,J571*Input!$C$19,0)+IF(Input!$D$20=1,K571*Input!$C$20,0)+IF(Input!$D$21=1,L571*Input!$C$21,0)+IF(Input!$D$22=1,M571*Input!$C$22,0)</f>
        <v>0.44758922043328458</v>
      </c>
      <c r="O571" s="59">
        <f>IF(Input!$D$19=2,J571*Input!$C$19,0)+IF(Input!$D$20=2,K571*Input!$C$20,0)+IF(Input!$D$21=2,L571*Input!$C$21,0)+IF(Input!$D$22=2,M571*Input!$C$22,0)</f>
        <v>1.1189730510832114</v>
      </c>
      <c r="P571" s="59">
        <f>IF(Input!$D$19=3,J571*Input!$C$19,0)+IF(Input!$D$20=3,K571*Input!$C$20,0)+IF(Input!$D$21=3,L571*Input!$C$21,0)+IF(Input!$D$22=3,M571*Input!$C$22,0)</f>
        <v>0</v>
      </c>
      <c r="Q571" s="75">
        <f>IF(Input!$D$19=4,J571*Input!$C$19,0)+IF(Input!$D$20=4,K571*Input!$C$20,0)+IF(Input!$D$21=4,L571*Input!$C$21,0)+IF(Input!$D$22=4,M571*Input!$C$22,0)</f>
        <v>0</v>
      </c>
      <c r="R571" s="58">
        <v>66.170934016717723</v>
      </c>
      <c r="S571" s="124">
        <f t="shared" si="8"/>
        <v>1.9395532885442333</v>
      </c>
    </row>
    <row r="572" spans="8:19" x14ac:dyDescent="0.3">
      <c r="H572" s="44">
        <v>565</v>
      </c>
      <c r="I572" s="56">
        <f>Bühler!I598</f>
        <v>0.44758922043328458</v>
      </c>
      <c r="J572" s="59">
        <f>Bühler!J598</f>
        <v>1.4919640681109487</v>
      </c>
      <c r="K572" s="59">
        <f>Bühler!K598</f>
        <v>2.2379461021664229</v>
      </c>
      <c r="L572" s="59">
        <f>Bühler!L598</f>
        <v>10.74214129039883</v>
      </c>
      <c r="M572" s="58">
        <f>Bühler!M598</f>
        <v>0</v>
      </c>
      <c r="N572" s="56">
        <f>IF(Input!$D$19=1,J572*Input!$C$19,0)+IF(Input!$D$20=1,K572*Input!$C$20,0)+IF(Input!$D$21=1,L572*Input!$C$21,0)+IF(Input!$D$22=1,M572*Input!$C$22,0)</f>
        <v>0.44758922043328458</v>
      </c>
      <c r="O572" s="59">
        <f>IF(Input!$D$19=2,J572*Input!$C$19,0)+IF(Input!$D$20=2,K572*Input!$C$20,0)+IF(Input!$D$21=2,L572*Input!$C$21,0)+IF(Input!$D$22=2,M572*Input!$C$22,0)</f>
        <v>1.1189730510832114</v>
      </c>
      <c r="P572" s="59">
        <f>IF(Input!$D$19=3,J572*Input!$C$19,0)+IF(Input!$D$20=3,K572*Input!$C$20,0)+IF(Input!$D$21=3,L572*Input!$C$21,0)+IF(Input!$D$22=3,M572*Input!$C$22,0)</f>
        <v>0</v>
      </c>
      <c r="Q572" s="75">
        <f>IF(Input!$D$19=4,J572*Input!$C$19,0)+IF(Input!$D$20=4,K572*Input!$C$20,0)+IF(Input!$D$21=4,L572*Input!$C$21,0)+IF(Input!$D$22=4,M572*Input!$C$22,0)</f>
        <v>0</v>
      </c>
      <c r="R572" s="58">
        <v>65.528029919651019</v>
      </c>
      <c r="S572" s="124">
        <f t="shared" si="8"/>
        <v>1.9395532885442333</v>
      </c>
    </row>
    <row r="573" spans="8:19" x14ac:dyDescent="0.3">
      <c r="H573" s="44">
        <v>566</v>
      </c>
      <c r="I573" s="56">
        <f>Bühler!I599</f>
        <v>0.44758922043328458</v>
      </c>
      <c r="J573" s="59">
        <f>Bühler!J599</f>
        <v>1.4919640681109487</v>
      </c>
      <c r="K573" s="59">
        <f>Bühler!K599</f>
        <v>2.2379461021664229</v>
      </c>
      <c r="L573" s="59">
        <f>Bühler!L599</f>
        <v>10.74214129039883</v>
      </c>
      <c r="M573" s="58">
        <f>Bühler!M599</f>
        <v>0</v>
      </c>
      <c r="N573" s="56">
        <f>IF(Input!$D$19=1,J573*Input!$C$19,0)+IF(Input!$D$20=1,K573*Input!$C$20,0)+IF(Input!$D$21=1,L573*Input!$C$21,0)+IF(Input!$D$22=1,M573*Input!$C$22,0)</f>
        <v>0.44758922043328458</v>
      </c>
      <c r="O573" s="59">
        <f>IF(Input!$D$19=2,J573*Input!$C$19,0)+IF(Input!$D$20=2,K573*Input!$C$20,0)+IF(Input!$D$21=2,L573*Input!$C$21,0)+IF(Input!$D$22=2,M573*Input!$C$22,0)</f>
        <v>1.1189730510832114</v>
      </c>
      <c r="P573" s="59">
        <f>IF(Input!$D$19=3,J573*Input!$C$19,0)+IF(Input!$D$20=3,K573*Input!$C$20,0)+IF(Input!$D$21=3,L573*Input!$C$21,0)+IF(Input!$D$22=3,M573*Input!$C$22,0)</f>
        <v>0</v>
      </c>
      <c r="Q573" s="75">
        <f>IF(Input!$D$19=4,J573*Input!$C$19,0)+IF(Input!$D$20=4,K573*Input!$C$20,0)+IF(Input!$D$21=4,L573*Input!$C$21,0)+IF(Input!$D$22=4,M573*Input!$C$22,0)</f>
        <v>0</v>
      </c>
      <c r="R573" s="58">
        <v>64.932858451119529</v>
      </c>
      <c r="S573" s="124">
        <f t="shared" si="8"/>
        <v>1.9395532885442333</v>
      </c>
    </row>
    <row r="574" spans="8:19" x14ac:dyDescent="0.3">
      <c r="H574" s="44">
        <v>567</v>
      </c>
      <c r="I574" s="56">
        <f>Bühler!I600</f>
        <v>0.44758922043328458</v>
      </c>
      <c r="J574" s="59">
        <f>Bühler!J600</f>
        <v>1.4919640681109487</v>
      </c>
      <c r="K574" s="59">
        <f>Bühler!K600</f>
        <v>2.2379461021664229</v>
      </c>
      <c r="L574" s="59">
        <f>Bühler!L600</f>
        <v>10.74214129039883</v>
      </c>
      <c r="M574" s="58">
        <f>Bühler!M600</f>
        <v>0</v>
      </c>
      <c r="N574" s="56">
        <f>IF(Input!$D$19=1,J574*Input!$C$19,0)+IF(Input!$D$20=1,K574*Input!$C$20,0)+IF(Input!$D$21=1,L574*Input!$C$21,0)+IF(Input!$D$22=1,M574*Input!$C$22,0)</f>
        <v>0.44758922043328458</v>
      </c>
      <c r="O574" s="59">
        <f>IF(Input!$D$19=2,J574*Input!$C$19,0)+IF(Input!$D$20=2,K574*Input!$C$20,0)+IF(Input!$D$21=2,L574*Input!$C$21,0)+IF(Input!$D$22=2,M574*Input!$C$22,0)</f>
        <v>1.1189730510832114</v>
      </c>
      <c r="P574" s="59">
        <f>IF(Input!$D$19=3,J574*Input!$C$19,0)+IF(Input!$D$20=3,K574*Input!$C$20,0)+IF(Input!$D$21=3,L574*Input!$C$21,0)+IF(Input!$D$22=3,M574*Input!$C$22,0)</f>
        <v>0</v>
      </c>
      <c r="Q574" s="75">
        <f>IF(Input!$D$19=4,J574*Input!$C$19,0)+IF(Input!$D$20=4,K574*Input!$C$20,0)+IF(Input!$D$21=4,L574*Input!$C$21,0)+IF(Input!$D$22=4,M574*Input!$C$22,0)</f>
        <v>0</v>
      </c>
      <c r="R574" s="58">
        <v>65.192272539845803</v>
      </c>
      <c r="S574" s="124">
        <f t="shared" si="8"/>
        <v>1.9395532885442333</v>
      </c>
    </row>
    <row r="575" spans="8:19" x14ac:dyDescent="0.3">
      <c r="H575" s="44">
        <v>568</v>
      </c>
      <c r="I575" s="56">
        <f>Bühler!I601</f>
        <v>0.44758922043328458</v>
      </c>
      <c r="J575" s="59">
        <f>Bühler!J601</f>
        <v>1.4919640681109487</v>
      </c>
      <c r="K575" s="59">
        <f>Bühler!K601</f>
        <v>2.2379461021664229</v>
      </c>
      <c r="L575" s="59">
        <f>Bühler!L601</f>
        <v>10.74214129039883</v>
      </c>
      <c r="M575" s="58">
        <f>Bühler!M601</f>
        <v>0</v>
      </c>
      <c r="N575" s="56">
        <f>IF(Input!$D$19=1,J575*Input!$C$19,0)+IF(Input!$D$20=1,K575*Input!$C$20,0)+IF(Input!$D$21=1,L575*Input!$C$21,0)+IF(Input!$D$22=1,M575*Input!$C$22,0)</f>
        <v>0.44758922043328458</v>
      </c>
      <c r="O575" s="59">
        <f>IF(Input!$D$19=2,J575*Input!$C$19,0)+IF(Input!$D$20=2,K575*Input!$C$20,0)+IF(Input!$D$21=2,L575*Input!$C$21,0)+IF(Input!$D$22=2,M575*Input!$C$22,0)</f>
        <v>1.1189730510832114</v>
      </c>
      <c r="P575" s="59">
        <f>IF(Input!$D$19=3,J575*Input!$C$19,0)+IF(Input!$D$20=3,K575*Input!$C$20,0)+IF(Input!$D$21=3,L575*Input!$C$21,0)+IF(Input!$D$22=3,M575*Input!$C$22,0)</f>
        <v>0</v>
      </c>
      <c r="Q575" s="75">
        <f>IF(Input!$D$19=4,J575*Input!$C$19,0)+IF(Input!$D$20=4,K575*Input!$C$20,0)+IF(Input!$D$21=4,L575*Input!$C$21,0)+IF(Input!$D$22=4,M575*Input!$C$22,0)</f>
        <v>0</v>
      </c>
      <c r="R575" s="58">
        <v>64.298048631278974</v>
      </c>
      <c r="S575" s="124">
        <f t="shared" si="8"/>
        <v>1.9395532885442333</v>
      </c>
    </row>
    <row r="576" spans="8:19" x14ac:dyDescent="0.3">
      <c r="H576" s="44">
        <v>569</v>
      </c>
      <c r="I576" s="56">
        <f>Bühler!I602</f>
        <v>0.44758922043328458</v>
      </c>
      <c r="J576" s="59">
        <f>Bühler!J602</f>
        <v>1.4919640681109487</v>
      </c>
      <c r="K576" s="59">
        <f>Bühler!K602</f>
        <v>2.2379461021664229</v>
      </c>
      <c r="L576" s="59">
        <f>Bühler!L602</f>
        <v>10.74214129039883</v>
      </c>
      <c r="M576" s="58">
        <f>Bühler!M602</f>
        <v>0</v>
      </c>
      <c r="N576" s="56">
        <f>IF(Input!$D$19=1,J576*Input!$C$19,0)+IF(Input!$D$20=1,K576*Input!$C$20,0)+IF(Input!$D$21=1,L576*Input!$C$21,0)+IF(Input!$D$22=1,M576*Input!$C$22,0)</f>
        <v>0.44758922043328458</v>
      </c>
      <c r="O576" s="59">
        <f>IF(Input!$D$19=2,J576*Input!$C$19,0)+IF(Input!$D$20=2,K576*Input!$C$20,0)+IF(Input!$D$21=2,L576*Input!$C$21,0)+IF(Input!$D$22=2,M576*Input!$C$22,0)</f>
        <v>1.1189730510832114</v>
      </c>
      <c r="P576" s="59">
        <f>IF(Input!$D$19=3,J576*Input!$C$19,0)+IF(Input!$D$20=3,K576*Input!$C$20,0)+IF(Input!$D$21=3,L576*Input!$C$21,0)+IF(Input!$D$22=3,M576*Input!$C$22,0)</f>
        <v>0</v>
      </c>
      <c r="Q576" s="75">
        <f>IF(Input!$D$19=4,J576*Input!$C$19,0)+IF(Input!$D$20=4,K576*Input!$C$20,0)+IF(Input!$D$21=4,L576*Input!$C$21,0)+IF(Input!$D$22=4,M576*Input!$C$22,0)</f>
        <v>0</v>
      </c>
      <c r="R576" s="58">
        <v>63.326625232983027</v>
      </c>
      <c r="S576" s="124">
        <f t="shared" si="8"/>
        <v>1.9395532885442333</v>
      </c>
    </row>
    <row r="577" spans="8:19" x14ac:dyDescent="0.3">
      <c r="H577" s="44">
        <v>570</v>
      </c>
      <c r="I577" s="56">
        <f>Bühler!I603</f>
        <v>0.44758922043328458</v>
      </c>
      <c r="J577" s="59">
        <f>Bühler!J603</f>
        <v>1.4919640681109487</v>
      </c>
      <c r="K577" s="59">
        <f>Bühler!K603</f>
        <v>2.2379461021664229</v>
      </c>
      <c r="L577" s="59">
        <f>Bühler!L603</f>
        <v>10.74214129039883</v>
      </c>
      <c r="M577" s="58">
        <f>Bühler!M603</f>
        <v>0</v>
      </c>
      <c r="N577" s="56">
        <f>IF(Input!$D$19=1,J577*Input!$C$19,0)+IF(Input!$D$20=1,K577*Input!$C$20,0)+IF(Input!$D$21=1,L577*Input!$C$21,0)+IF(Input!$D$22=1,M577*Input!$C$22,0)</f>
        <v>0.44758922043328458</v>
      </c>
      <c r="O577" s="59">
        <f>IF(Input!$D$19=2,J577*Input!$C$19,0)+IF(Input!$D$20=2,K577*Input!$C$20,0)+IF(Input!$D$21=2,L577*Input!$C$21,0)+IF(Input!$D$22=2,M577*Input!$C$22,0)</f>
        <v>1.1189730510832114</v>
      </c>
      <c r="P577" s="59">
        <f>IF(Input!$D$19=3,J577*Input!$C$19,0)+IF(Input!$D$20=3,K577*Input!$C$20,0)+IF(Input!$D$21=3,L577*Input!$C$21,0)+IF(Input!$D$22=3,M577*Input!$C$22,0)</f>
        <v>0</v>
      </c>
      <c r="Q577" s="75">
        <f>IF(Input!$D$19=4,J577*Input!$C$19,0)+IF(Input!$D$20=4,K577*Input!$C$20,0)+IF(Input!$D$21=4,L577*Input!$C$21,0)+IF(Input!$D$22=4,M577*Input!$C$22,0)</f>
        <v>0</v>
      </c>
      <c r="R577" s="58">
        <v>62.236520772693858</v>
      </c>
      <c r="S577" s="124">
        <f t="shared" si="8"/>
        <v>1.9395532885442333</v>
      </c>
    </row>
    <row r="578" spans="8:19" x14ac:dyDescent="0.3">
      <c r="H578" s="44">
        <v>571</v>
      </c>
      <c r="I578" s="56">
        <f>Bühler!I604</f>
        <v>0.44758922043328458</v>
      </c>
      <c r="J578" s="59">
        <f>Bühler!J604</f>
        <v>1.4919640681109487</v>
      </c>
      <c r="K578" s="59">
        <f>Bühler!K604</f>
        <v>2.2379461021664229</v>
      </c>
      <c r="L578" s="59">
        <f>Bühler!L604</f>
        <v>10.74214129039883</v>
      </c>
      <c r="M578" s="58">
        <f>Bühler!M604</f>
        <v>0</v>
      </c>
      <c r="N578" s="56">
        <f>IF(Input!$D$19=1,J578*Input!$C$19,0)+IF(Input!$D$20=1,K578*Input!$C$20,0)+IF(Input!$D$21=1,L578*Input!$C$21,0)+IF(Input!$D$22=1,M578*Input!$C$22,0)</f>
        <v>0.44758922043328458</v>
      </c>
      <c r="O578" s="59">
        <f>IF(Input!$D$19=2,J578*Input!$C$19,0)+IF(Input!$D$20=2,K578*Input!$C$20,0)+IF(Input!$D$21=2,L578*Input!$C$21,0)+IF(Input!$D$22=2,M578*Input!$C$22,0)</f>
        <v>1.1189730510832114</v>
      </c>
      <c r="P578" s="59">
        <f>IF(Input!$D$19=3,J578*Input!$C$19,0)+IF(Input!$D$20=3,K578*Input!$C$20,0)+IF(Input!$D$21=3,L578*Input!$C$21,0)+IF(Input!$D$22=3,M578*Input!$C$22,0)</f>
        <v>0</v>
      </c>
      <c r="Q578" s="75">
        <f>IF(Input!$D$19=4,J578*Input!$C$19,0)+IF(Input!$D$20=4,K578*Input!$C$20,0)+IF(Input!$D$21=4,L578*Input!$C$21,0)+IF(Input!$D$22=4,M578*Input!$C$22,0)</f>
        <v>0</v>
      </c>
      <c r="R578" s="58">
        <v>60.51872579032262</v>
      </c>
      <c r="S578" s="124">
        <f t="shared" si="8"/>
        <v>1.9395532885442333</v>
      </c>
    </row>
    <row r="579" spans="8:19" x14ac:dyDescent="0.3">
      <c r="H579" s="44">
        <v>572</v>
      </c>
      <c r="I579" s="56">
        <f>Bühler!I605</f>
        <v>0.37299101702773718</v>
      </c>
      <c r="J579" s="59">
        <f>Bühler!J605</f>
        <v>1.2433033900924573</v>
      </c>
      <c r="K579" s="59">
        <f>Bühler!K605</f>
        <v>1.8649550851386858</v>
      </c>
      <c r="L579" s="59">
        <f>Bühler!L605</f>
        <v>8.9517844086656915</v>
      </c>
      <c r="M579" s="58">
        <f>Bühler!M605</f>
        <v>0</v>
      </c>
      <c r="N579" s="56">
        <f>IF(Input!$D$19=1,J579*Input!$C$19,0)+IF(Input!$D$20=1,K579*Input!$C$20,0)+IF(Input!$D$21=1,L579*Input!$C$21,0)+IF(Input!$D$22=1,M579*Input!$C$22,0)</f>
        <v>0.37299101702773718</v>
      </c>
      <c r="O579" s="59">
        <f>IF(Input!$D$19=2,J579*Input!$C$19,0)+IF(Input!$D$20=2,K579*Input!$C$20,0)+IF(Input!$D$21=2,L579*Input!$C$21,0)+IF(Input!$D$22=2,M579*Input!$C$22,0)</f>
        <v>0.9324775425693429</v>
      </c>
      <c r="P579" s="59">
        <f>IF(Input!$D$19=3,J579*Input!$C$19,0)+IF(Input!$D$20=3,K579*Input!$C$20,0)+IF(Input!$D$21=3,L579*Input!$C$21,0)+IF(Input!$D$22=3,M579*Input!$C$22,0)</f>
        <v>0</v>
      </c>
      <c r="Q579" s="75">
        <f>IF(Input!$D$19=4,J579*Input!$C$19,0)+IF(Input!$D$20=4,K579*Input!$C$20,0)+IF(Input!$D$21=4,L579*Input!$C$21,0)+IF(Input!$D$22=4,M579*Input!$C$22,0)</f>
        <v>0</v>
      </c>
      <c r="R579" s="58">
        <v>59.554511187286842</v>
      </c>
      <c r="S579" s="124">
        <f t="shared" si="8"/>
        <v>1.6162944071201943</v>
      </c>
    </row>
    <row r="580" spans="8:19" x14ac:dyDescent="0.3">
      <c r="H580" s="44">
        <v>573</v>
      </c>
      <c r="I580" s="56">
        <f>Bühler!I606</f>
        <v>0.29839281362218972</v>
      </c>
      <c r="J580" s="59">
        <f>Bühler!J606</f>
        <v>0.99464271207396582</v>
      </c>
      <c r="K580" s="59">
        <f>Bühler!K606</f>
        <v>1.4919640681109487</v>
      </c>
      <c r="L580" s="59">
        <f>Bühler!L606</f>
        <v>7.1614275269325534</v>
      </c>
      <c r="M580" s="58">
        <f>Bühler!M606</f>
        <v>0</v>
      </c>
      <c r="N580" s="56">
        <f>IF(Input!$D$19=1,J580*Input!$C$19,0)+IF(Input!$D$20=1,K580*Input!$C$20,0)+IF(Input!$D$21=1,L580*Input!$C$21,0)+IF(Input!$D$22=1,M580*Input!$C$22,0)</f>
        <v>0.29839281362218972</v>
      </c>
      <c r="O580" s="59">
        <f>IF(Input!$D$19=2,J580*Input!$C$19,0)+IF(Input!$D$20=2,K580*Input!$C$20,0)+IF(Input!$D$21=2,L580*Input!$C$21,0)+IF(Input!$D$22=2,M580*Input!$C$22,0)</f>
        <v>0.74598203405547436</v>
      </c>
      <c r="P580" s="59">
        <f>IF(Input!$D$19=3,J580*Input!$C$19,0)+IF(Input!$D$20=3,K580*Input!$C$20,0)+IF(Input!$D$21=3,L580*Input!$C$21,0)+IF(Input!$D$22=3,M580*Input!$C$22,0)</f>
        <v>0</v>
      </c>
      <c r="Q580" s="75">
        <f>IF(Input!$D$19=4,J580*Input!$C$19,0)+IF(Input!$D$20=4,K580*Input!$C$20,0)+IF(Input!$D$21=4,L580*Input!$C$21,0)+IF(Input!$D$22=4,M580*Input!$C$22,0)</f>
        <v>0</v>
      </c>
      <c r="R580" s="58">
        <v>58.961413244261067</v>
      </c>
      <c r="S580" s="124">
        <f t="shared" si="8"/>
        <v>1.2930355256961557</v>
      </c>
    </row>
    <row r="581" spans="8:19" x14ac:dyDescent="0.3">
      <c r="H581" s="44">
        <v>574</v>
      </c>
      <c r="I581" s="56">
        <f>Bühler!I607</f>
        <v>0.22379461021664229</v>
      </c>
      <c r="J581" s="59">
        <f>Bühler!J607</f>
        <v>0.74598203405547436</v>
      </c>
      <c r="K581" s="59">
        <f>Bühler!K607</f>
        <v>1.1189730510832114</v>
      </c>
      <c r="L581" s="59">
        <f>Bühler!L607</f>
        <v>5.3710706451994152</v>
      </c>
      <c r="M581" s="58">
        <f>Bühler!M607</f>
        <v>0</v>
      </c>
      <c r="N581" s="56">
        <f>IF(Input!$D$19=1,J581*Input!$C$19,0)+IF(Input!$D$20=1,K581*Input!$C$20,0)+IF(Input!$D$21=1,L581*Input!$C$21,0)+IF(Input!$D$22=1,M581*Input!$C$22,0)</f>
        <v>0.22379461021664229</v>
      </c>
      <c r="O581" s="59">
        <f>IF(Input!$D$19=2,J581*Input!$C$19,0)+IF(Input!$D$20=2,K581*Input!$C$20,0)+IF(Input!$D$21=2,L581*Input!$C$21,0)+IF(Input!$D$22=2,M581*Input!$C$22,0)</f>
        <v>0.55948652554160572</v>
      </c>
      <c r="P581" s="59">
        <f>IF(Input!$D$19=3,J581*Input!$C$19,0)+IF(Input!$D$20=3,K581*Input!$C$20,0)+IF(Input!$D$21=3,L581*Input!$C$21,0)+IF(Input!$D$22=3,M581*Input!$C$22,0)</f>
        <v>0</v>
      </c>
      <c r="Q581" s="75">
        <f>IF(Input!$D$19=4,J581*Input!$C$19,0)+IF(Input!$D$20=4,K581*Input!$C$20,0)+IF(Input!$D$21=4,L581*Input!$C$21,0)+IF(Input!$D$22=4,M581*Input!$C$22,0)</f>
        <v>0</v>
      </c>
      <c r="R581" s="58">
        <v>57.517855631762053</v>
      </c>
      <c r="S581" s="124">
        <f t="shared" si="8"/>
        <v>0.96977664427211663</v>
      </c>
    </row>
    <row r="582" spans="8:19" x14ac:dyDescent="0.3">
      <c r="H582" s="44">
        <v>575</v>
      </c>
      <c r="I582" s="56">
        <f>Bühler!I608</f>
        <v>0.22379461021664229</v>
      </c>
      <c r="J582" s="59">
        <f>Bühler!J608</f>
        <v>0.74598203405547436</v>
      </c>
      <c r="K582" s="59">
        <f>Bühler!K608</f>
        <v>1.1189730510832114</v>
      </c>
      <c r="L582" s="59">
        <f>Bühler!L608</f>
        <v>5.3710706451994152</v>
      </c>
      <c r="M582" s="58">
        <f>Bühler!M608</f>
        <v>0</v>
      </c>
      <c r="N582" s="56">
        <f>IF(Input!$D$19=1,J582*Input!$C$19,0)+IF(Input!$D$20=1,K582*Input!$C$20,0)+IF(Input!$D$21=1,L582*Input!$C$21,0)+IF(Input!$D$22=1,M582*Input!$C$22,0)</f>
        <v>0.22379461021664229</v>
      </c>
      <c r="O582" s="59">
        <f>IF(Input!$D$19=2,J582*Input!$C$19,0)+IF(Input!$D$20=2,K582*Input!$C$20,0)+IF(Input!$D$21=2,L582*Input!$C$21,0)+IF(Input!$D$22=2,M582*Input!$C$22,0)</f>
        <v>0.55948652554160572</v>
      </c>
      <c r="P582" s="59">
        <f>IF(Input!$D$19=3,J582*Input!$C$19,0)+IF(Input!$D$20=3,K582*Input!$C$20,0)+IF(Input!$D$21=3,L582*Input!$C$21,0)+IF(Input!$D$22=3,M582*Input!$C$22,0)</f>
        <v>0</v>
      </c>
      <c r="Q582" s="75">
        <f>IF(Input!$D$19=4,J582*Input!$C$19,0)+IF(Input!$D$20=4,K582*Input!$C$20,0)+IF(Input!$D$21=4,L582*Input!$C$21,0)+IF(Input!$D$22=4,M582*Input!$C$22,0)</f>
        <v>0</v>
      </c>
      <c r="R582" s="58">
        <v>57.36220333423298</v>
      </c>
      <c r="S582" s="124">
        <f t="shared" si="8"/>
        <v>0.96977664427211663</v>
      </c>
    </row>
    <row r="583" spans="8:19" x14ac:dyDescent="0.3">
      <c r="H583" s="44">
        <v>576</v>
      </c>
      <c r="I583" s="56">
        <f>Bühler!I609</f>
        <v>0.22379461021664229</v>
      </c>
      <c r="J583" s="59">
        <f>Bühler!J609</f>
        <v>0.74598203405547436</v>
      </c>
      <c r="K583" s="59">
        <f>Bühler!K609</f>
        <v>1.1189730510832114</v>
      </c>
      <c r="L583" s="59">
        <f>Bühler!L609</f>
        <v>5.3710706451994152</v>
      </c>
      <c r="M583" s="58">
        <f>Bühler!M609</f>
        <v>0</v>
      </c>
      <c r="N583" s="56">
        <f>IF(Input!$D$19=1,J583*Input!$C$19,0)+IF(Input!$D$20=1,K583*Input!$C$20,0)+IF(Input!$D$21=1,L583*Input!$C$21,0)+IF(Input!$D$22=1,M583*Input!$C$22,0)</f>
        <v>0.22379461021664229</v>
      </c>
      <c r="O583" s="59">
        <f>IF(Input!$D$19=2,J583*Input!$C$19,0)+IF(Input!$D$20=2,K583*Input!$C$20,0)+IF(Input!$D$21=2,L583*Input!$C$21,0)+IF(Input!$D$22=2,M583*Input!$C$22,0)</f>
        <v>0.55948652554160572</v>
      </c>
      <c r="P583" s="59">
        <f>IF(Input!$D$19=3,J583*Input!$C$19,0)+IF(Input!$D$20=3,K583*Input!$C$20,0)+IF(Input!$D$21=3,L583*Input!$C$21,0)+IF(Input!$D$22=3,M583*Input!$C$22,0)</f>
        <v>0</v>
      </c>
      <c r="Q583" s="75">
        <f>IF(Input!$D$19=4,J583*Input!$C$19,0)+IF(Input!$D$20=4,K583*Input!$C$20,0)+IF(Input!$D$21=4,L583*Input!$C$21,0)+IF(Input!$D$22=4,M583*Input!$C$22,0)</f>
        <v>0</v>
      </c>
      <c r="R583" s="58">
        <v>57.181073139766355</v>
      </c>
      <c r="S583" s="124">
        <f t="shared" si="8"/>
        <v>0.96977664427211663</v>
      </c>
    </row>
    <row r="584" spans="8:19" x14ac:dyDescent="0.3">
      <c r="H584" s="44">
        <v>577</v>
      </c>
      <c r="I584" s="56">
        <f>Bühler!I610</f>
        <v>0.22094000944972578</v>
      </c>
      <c r="J584" s="59">
        <f>Bühler!J610</f>
        <v>0.73646669816575272</v>
      </c>
      <c r="K584" s="59">
        <f>Bühler!K610</f>
        <v>1.104700047248629</v>
      </c>
      <c r="L584" s="59">
        <f>Bühler!L610</f>
        <v>5.3025602267934193</v>
      </c>
      <c r="M584" s="58">
        <f>Bühler!M610</f>
        <v>0</v>
      </c>
      <c r="N584" s="56">
        <f>IF(Input!$D$19=1,J584*Input!$C$19,0)+IF(Input!$D$20=1,K584*Input!$C$20,0)+IF(Input!$D$21=1,L584*Input!$C$21,0)+IF(Input!$D$22=1,M584*Input!$C$22,0)</f>
        <v>0.2209400094497258</v>
      </c>
      <c r="O584" s="59">
        <f>IF(Input!$D$19=2,J584*Input!$C$19,0)+IF(Input!$D$20=2,K584*Input!$C$20,0)+IF(Input!$D$21=2,L584*Input!$C$21,0)+IF(Input!$D$22=2,M584*Input!$C$22,0)</f>
        <v>0.55235002362431451</v>
      </c>
      <c r="P584" s="59">
        <f>IF(Input!$D$19=3,J584*Input!$C$19,0)+IF(Input!$D$20=3,K584*Input!$C$20,0)+IF(Input!$D$21=3,L584*Input!$C$21,0)+IF(Input!$D$22=3,M584*Input!$C$22,0)</f>
        <v>0</v>
      </c>
      <c r="Q584" s="75">
        <f>IF(Input!$D$19=4,J584*Input!$C$19,0)+IF(Input!$D$20=4,K584*Input!$C$20,0)+IF(Input!$D$21=4,L584*Input!$C$21,0)+IF(Input!$D$22=4,M584*Input!$C$22,0)</f>
        <v>0</v>
      </c>
      <c r="R584" s="58">
        <v>56.679281497258671</v>
      </c>
      <c r="S584" s="124">
        <f t="shared" si="8"/>
        <v>0.95740670761547852</v>
      </c>
    </row>
    <row r="585" spans="8:19" x14ac:dyDescent="0.3">
      <c r="H585" s="44">
        <v>578</v>
      </c>
      <c r="I585" s="56">
        <f>Bühler!I611</f>
        <v>0.22094000944972578</v>
      </c>
      <c r="J585" s="59">
        <f>Bühler!J611</f>
        <v>0.73646669816575272</v>
      </c>
      <c r="K585" s="59">
        <f>Bühler!K611</f>
        <v>1.104700047248629</v>
      </c>
      <c r="L585" s="59">
        <f>Bühler!L611</f>
        <v>5.3025602267934193</v>
      </c>
      <c r="M585" s="58">
        <f>Bühler!M611</f>
        <v>0</v>
      </c>
      <c r="N585" s="56">
        <f>IF(Input!$D$19=1,J585*Input!$C$19,0)+IF(Input!$D$20=1,K585*Input!$C$20,0)+IF(Input!$D$21=1,L585*Input!$C$21,0)+IF(Input!$D$22=1,M585*Input!$C$22,0)</f>
        <v>0.2209400094497258</v>
      </c>
      <c r="O585" s="59">
        <f>IF(Input!$D$19=2,J585*Input!$C$19,0)+IF(Input!$D$20=2,K585*Input!$C$20,0)+IF(Input!$D$21=2,L585*Input!$C$21,0)+IF(Input!$D$22=2,M585*Input!$C$22,0)</f>
        <v>0.55235002362431451</v>
      </c>
      <c r="P585" s="59">
        <f>IF(Input!$D$19=3,J585*Input!$C$19,0)+IF(Input!$D$20=3,K585*Input!$C$20,0)+IF(Input!$D$21=3,L585*Input!$C$21,0)+IF(Input!$D$22=3,M585*Input!$C$22,0)</f>
        <v>0</v>
      </c>
      <c r="Q585" s="75">
        <f>IF(Input!$D$19=4,J585*Input!$C$19,0)+IF(Input!$D$20=4,K585*Input!$C$20,0)+IF(Input!$D$21=4,L585*Input!$C$21,0)+IF(Input!$D$22=4,M585*Input!$C$22,0)</f>
        <v>0</v>
      </c>
      <c r="R585" s="58">
        <v>57.507667783786566</v>
      </c>
      <c r="S585" s="124">
        <f t="shared" ref="S585:S648" si="9">I585+J585</f>
        <v>0.95740670761547852</v>
      </c>
    </row>
    <row r="586" spans="8:19" x14ac:dyDescent="0.3">
      <c r="H586" s="44">
        <v>579</v>
      </c>
      <c r="I586" s="56">
        <f>Bühler!I612</f>
        <v>0.22094000944972578</v>
      </c>
      <c r="J586" s="59">
        <f>Bühler!J612</f>
        <v>0.73646669816575272</v>
      </c>
      <c r="K586" s="59">
        <f>Bühler!K612</f>
        <v>1.104700047248629</v>
      </c>
      <c r="L586" s="59">
        <f>Bühler!L612</f>
        <v>5.3025602267934193</v>
      </c>
      <c r="M586" s="58">
        <f>Bühler!M612</f>
        <v>0</v>
      </c>
      <c r="N586" s="56">
        <f>IF(Input!$D$19=1,J586*Input!$C$19,0)+IF(Input!$D$20=1,K586*Input!$C$20,0)+IF(Input!$D$21=1,L586*Input!$C$21,0)+IF(Input!$D$22=1,M586*Input!$C$22,0)</f>
        <v>0.2209400094497258</v>
      </c>
      <c r="O586" s="59">
        <f>IF(Input!$D$19=2,J586*Input!$C$19,0)+IF(Input!$D$20=2,K586*Input!$C$20,0)+IF(Input!$D$21=2,L586*Input!$C$21,0)+IF(Input!$D$22=2,M586*Input!$C$22,0)</f>
        <v>0.55235002362431451</v>
      </c>
      <c r="P586" s="59">
        <f>IF(Input!$D$19=3,J586*Input!$C$19,0)+IF(Input!$D$20=3,K586*Input!$C$20,0)+IF(Input!$D$21=3,L586*Input!$C$21,0)+IF(Input!$D$22=3,M586*Input!$C$22,0)</f>
        <v>0</v>
      </c>
      <c r="Q586" s="75">
        <f>IF(Input!$D$19=4,J586*Input!$C$19,0)+IF(Input!$D$20=4,K586*Input!$C$20,0)+IF(Input!$D$21=4,L586*Input!$C$21,0)+IF(Input!$D$22=4,M586*Input!$C$22,0)</f>
        <v>0</v>
      </c>
      <c r="R586" s="58">
        <v>58.267041218919395</v>
      </c>
      <c r="S586" s="124">
        <f t="shared" si="9"/>
        <v>0.95740670761547852</v>
      </c>
    </row>
    <row r="587" spans="8:19" x14ac:dyDescent="0.3">
      <c r="H587" s="44">
        <v>580</v>
      </c>
      <c r="I587" s="56">
        <f>Bühler!I613</f>
        <v>0.22094000944972578</v>
      </c>
      <c r="J587" s="59">
        <f>Bühler!J613</f>
        <v>0.73646669816575272</v>
      </c>
      <c r="K587" s="59">
        <f>Bühler!K613</f>
        <v>1.104700047248629</v>
      </c>
      <c r="L587" s="59">
        <f>Bühler!L613</f>
        <v>5.3025602267934193</v>
      </c>
      <c r="M587" s="58">
        <f>Bühler!M613</f>
        <v>0</v>
      </c>
      <c r="N587" s="56">
        <f>IF(Input!$D$19=1,J587*Input!$C$19,0)+IF(Input!$D$20=1,K587*Input!$C$20,0)+IF(Input!$D$21=1,L587*Input!$C$21,0)+IF(Input!$D$22=1,M587*Input!$C$22,0)</f>
        <v>0.2209400094497258</v>
      </c>
      <c r="O587" s="59">
        <f>IF(Input!$D$19=2,J587*Input!$C$19,0)+IF(Input!$D$20=2,K587*Input!$C$20,0)+IF(Input!$D$21=2,L587*Input!$C$21,0)+IF(Input!$D$22=2,M587*Input!$C$22,0)</f>
        <v>0.55235002362431451</v>
      </c>
      <c r="P587" s="59">
        <f>IF(Input!$D$19=3,J587*Input!$C$19,0)+IF(Input!$D$20=3,K587*Input!$C$20,0)+IF(Input!$D$21=3,L587*Input!$C$21,0)+IF(Input!$D$22=3,M587*Input!$C$22,0)</f>
        <v>0</v>
      </c>
      <c r="Q587" s="75">
        <f>IF(Input!$D$19=4,J587*Input!$C$19,0)+IF(Input!$D$20=4,K587*Input!$C$20,0)+IF(Input!$D$21=4,L587*Input!$C$21,0)+IF(Input!$D$22=4,M587*Input!$C$22,0)</f>
        <v>0</v>
      </c>
      <c r="R587" s="58">
        <v>58.630858762390432</v>
      </c>
      <c r="S587" s="124">
        <f t="shared" si="9"/>
        <v>0.95740670761547852</v>
      </c>
    </row>
    <row r="588" spans="8:19" x14ac:dyDescent="0.3">
      <c r="H588" s="44">
        <v>581</v>
      </c>
      <c r="I588" s="56">
        <f>Bühler!I614</f>
        <v>0.22094000944972578</v>
      </c>
      <c r="J588" s="59">
        <f>Bühler!J614</f>
        <v>0.73646669816575272</v>
      </c>
      <c r="K588" s="59">
        <f>Bühler!K614</f>
        <v>1.104700047248629</v>
      </c>
      <c r="L588" s="59">
        <f>Bühler!L614</f>
        <v>5.3025602267934193</v>
      </c>
      <c r="M588" s="58">
        <f>Bühler!M614</f>
        <v>0</v>
      </c>
      <c r="N588" s="56">
        <f>IF(Input!$D$19=1,J588*Input!$C$19,0)+IF(Input!$D$20=1,K588*Input!$C$20,0)+IF(Input!$D$21=1,L588*Input!$C$21,0)+IF(Input!$D$22=1,M588*Input!$C$22,0)</f>
        <v>0.2209400094497258</v>
      </c>
      <c r="O588" s="59">
        <f>IF(Input!$D$19=2,J588*Input!$C$19,0)+IF(Input!$D$20=2,K588*Input!$C$20,0)+IF(Input!$D$21=2,L588*Input!$C$21,0)+IF(Input!$D$22=2,M588*Input!$C$22,0)</f>
        <v>0.55235002362431451</v>
      </c>
      <c r="P588" s="59">
        <f>IF(Input!$D$19=3,J588*Input!$C$19,0)+IF(Input!$D$20=3,K588*Input!$C$20,0)+IF(Input!$D$21=3,L588*Input!$C$21,0)+IF(Input!$D$22=3,M588*Input!$C$22,0)</f>
        <v>0</v>
      </c>
      <c r="Q588" s="75">
        <f>IF(Input!$D$19=4,J588*Input!$C$19,0)+IF(Input!$D$20=4,K588*Input!$C$20,0)+IF(Input!$D$21=4,L588*Input!$C$21,0)+IF(Input!$D$22=4,M588*Input!$C$22,0)</f>
        <v>0</v>
      </c>
      <c r="R588" s="58">
        <v>59.576886955282248</v>
      </c>
      <c r="S588" s="124">
        <f t="shared" si="9"/>
        <v>0.95740670761547852</v>
      </c>
    </row>
    <row r="589" spans="8:19" x14ac:dyDescent="0.3">
      <c r="H589" s="44">
        <v>582</v>
      </c>
      <c r="I589" s="56">
        <f>Bühler!I615</f>
        <v>0.28476712329075771</v>
      </c>
      <c r="J589" s="59">
        <f>Bühler!J615</f>
        <v>0.94922374430252576</v>
      </c>
      <c r="K589" s="59">
        <f>Bühler!K615</f>
        <v>1.4238356164537884</v>
      </c>
      <c r="L589" s="59">
        <f>Bühler!L615</f>
        <v>6.834410958978185</v>
      </c>
      <c r="M589" s="58">
        <f>Bühler!M615</f>
        <v>0</v>
      </c>
      <c r="N589" s="56">
        <f>IF(Input!$D$19=1,J589*Input!$C$19,0)+IF(Input!$D$20=1,K589*Input!$C$20,0)+IF(Input!$D$21=1,L589*Input!$C$21,0)+IF(Input!$D$22=1,M589*Input!$C$22,0)</f>
        <v>0.28476712329075771</v>
      </c>
      <c r="O589" s="59">
        <f>IF(Input!$D$19=2,J589*Input!$C$19,0)+IF(Input!$D$20=2,K589*Input!$C$20,0)+IF(Input!$D$21=2,L589*Input!$C$21,0)+IF(Input!$D$22=2,M589*Input!$C$22,0)</f>
        <v>0.71191780822689421</v>
      </c>
      <c r="P589" s="59">
        <f>IF(Input!$D$19=3,J589*Input!$C$19,0)+IF(Input!$D$20=3,K589*Input!$C$20,0)+IF(Input!$D$21=3,L589*Input!$C$21,0)+IF(Input!$D$22=3,M589*Input!$C$22,0)</f>
        <v>0</v>
      </c>
      <c r="Q589" s="75">
        <f>IF(Input!$D$19=4,J589*Input!$C$19,0)+IF(Input!$D$20=4,K589*Input!$C$20,0)+IF(Input!$D$21=4,L589*Input!$C$21,0)+IF(Input!$D$22=4,M589*Input!$C$22,0)</f>
        <v>0</v>
      </c>
      <c r="R589" s="58">
        <v>62.453780008257461</v>
      </c>
      <c r="S589" s="124">
        <f t="shared" si="9"/>
        <v>1.2339908675932834</v>
      </c>
    </row>
    <row r="590" spans="8:19" x14ac:dyDescent="0.3">
      <c r="H590" s="44">
        <v>583</v>
      </c>
      <c r="I590" s="56">
        <f>Bühler!I616</f>
        <v>0.32895512518070286</v>
      </c>
      <c r="J590" s="59">
        <f>Bühler!J616</f>
        <v>1.0965170839356764</v>
      </c>
      <c r="K590" s="59">
        <f>Bühler!K616</f>
        <v>1.6447756259035142</v>
      </c>
      <c r="L590" s="59">
        <f>Bühler!L616</f>
        <v>7.894923004336869</v>
      </c>
      <c r="M590" s="58">
        <f>Bühler!M616</f>
        <v>0</v>
      </c>
      <c r="N590" s="56">
        <f>IF(Input!$D$19=1,J590*Input!$C$19,0)+IF(Input!$D$20=1,K590*Input!$C$20,0)+IF(Input!$D$21=1,L590*Input!$C$21,0)+IF(Input!$D$22=1,M590*Input!$C$22,0)</f>
        <v>0.32895512518070291</v>
      </c>
      <c r="O590" s="59">
        <f>IF(Input!$D$19=2,J590*Input!$C$19,0)+IF(Input!$D$20=2,K590*Input!$C$20,0)+IF(Input!$D$21=2,L590*Input!$C$21,0)+IF(Input!$D$22=2,M590*Input!$C$22,0)</f>
        <v>0.82238781295175711</v>
      </c>
      <c r="P590" s="59">
        <f>IF(Input!$D$19=3,J590*Input!$C$19,0)+IF(Input!$D$20=3,K590*Input!$C$20,0)+IF(Input!$D$21=3,L590*Input!$C$21,0)+IF(Input!$D$22=3,M590*Input!$C$22,0)</f>
        <v>0</v>
      </c>
      <c r="Q590" s="75">
        <f>IF(Input!$D$19=4,J590*Input!$C$19,0)+IF(Input!$D$20=4,K590*Input!$C$20,0)+IF(Input!$D$21=4,L590*Input!$C$21,0)+IF(Input!$D$22=4,M590*Input!$C$22,0)</f>
        <v>0</v>
      </c>
      <c r="R590" s="58">
        <v>65.268253212075052</v>
      </c>
      <c r="S590" s="124">
        <f t="shared" si="9"/>
        <v>1.4254722091163792</v>
      </c>
    </row>
    <row r="591" spans="8:19" x14ac:dyDescent="0.3">
      <c r="H591" s="44">
        <v>584</v>
      </c>
      <c r="I591" s="56">
        <f>Bühler!I617</f>
        <v>0.32895512518070286</v>
      </c>
      <c r="J591" s="59">
        <f>Bühler!J617</f>
        <v>1.0965170839356764</v>
      </c>
      <c r="K591" s="59">
        <f>Bühler!K617</f>
        <v>1.6447756259035142</v>
      </c>
      <c r="L591" s="59">
        <f>Bühler!L617</f>
        <v>7.894923004336869</v>
      </c>
      <c r="M591" s="58">
        <f>Bühler!M617</f>
        <v>0</v>
      </c>
      <c r="N591" s="56">
        <f>IF(Input!$D$19=1,J591*Input!$C$19,0)+IF(Input!$D$20=1,K591*Input!$C$20,0)+IF(Input!$D$21=1,L591*Input!$C$21,0)+IF(Input!$D$22=1,M591*Input!$C$22,0)</f>
        <v>0.32895512518070291</v>
      </c>
      <c r="O591" s="59">
        <f>IF(Input!$D$19=2,J591*Input!$C$19,0)+IF(Input!$D$20=2,K591*Input!$C$20,0)+IF(Input!$D$21=2,L591*Input!$C$21,0)+IF(Input!$D$22=2,M591*Input!$C$22,0)</f>
        <v>0.82238781295175711</v>
      </c>
      <c r="P591" s="59">
        <f>IF(Input!$D$19=3,J591*Input!$C$19,0)+IF(Input!$D$20=3,K591*Input!$C$20,0)+IF(Input!$D$21=3,L591*Input!$C$21,0)+IF(Input!$D$22=3,M591*Input!$C$22,0)</f>
        <v>0</v>
      </c>
      <c r="Q591" s="75">
        <f>IF(Input!$D$19=4,J591*Input!$C$19,0)+IF(Input!$D$20=4,K591*Input!$C$20,0)+IF(Input!$D$21=4,L591*Input!$C$21,0)+IF(Input!$D$22=4,M591*Input!$C$22,0)</f>
        <v>0</v>
      </c>
      <c r="R591" s="58">
        <v>65.527644960749967</v>
      </c>
      <c r="S591" s="124">
        <f t="shared" si="9"/>
        <v>1.4254722091163792</v>
      </c>
    </row>
    <row r="592" spans="8:19" x14ac:dyDescent="0.3">
      <c r="H592" s="44">
        <v>585</v>
      </c>
      <c r="I592" s="56">
        <f>Bühler!I618</f>
        <v>0.32895512518070286</v>
      </c>
      <c r="J592" s="59">
        <f>Bühler!J618</f>
        <v>1.0965170839356764</v>
      </c>
      <c r="K592" s="59">
        <f>Bühler!K618</f>
        <v>1.6447756259035142</v>
      </c>
      <c r="L592" s="59">
        <f>Bühler!L618</f>
        <v>7.894923004336869</v>
      </c>
      <c r="M592" s="58">
        <f>Bühler!M618</f>
        <v>0</v>
      </c>
      <c r="N592" s="56">
        <f>IF(Input!$D$19=1,J592*Input!$C$19,0)+IF(Input!$D$20=1,K592*Input!$C$20,0)+IF(Input!$D$21=1,L592*Input!$C$21,0)+IF(Input!$D$22=1,M592*Input!$C$22,0)</f>
        <v>0.32895512518070291</v>
      </c>
      <c r="O592" s="59">
        <f>IF(Input!$D$19=2,J592*Input!$C$19,0)+IF(Input!$D$20=2,K592*Input!$C$20,0)+IF(Input!$D$21=2,L592*Input!$C$21,0)+IF(Input!$D$22=2,M592*Input!$C$22,0)</f>
        <v>0.82238781295175711</v>
      </c>
      <c r="P592" s="59">
        <f>IF(Input!$D$19=3,J592*Input!$C$19,0)+IF(Input!$D$20=3,K592*Input!$C$20,0)+IF(Input!$D$21=3,L592*Input!$C$21,0)+IF(Input!$D$22=3,M592*Input!$C$22,0)</f>
        <v>0</v>
      </c>
      <c r="Q592" s="75">
        <f>IF(Input!$D$19=4,J592*Input!$C$19,0)+IF(Input!$D$20=4,K592*Input!$C$20,0)+IF(Input!$D$21=4,L592*Input!$C$21,0)+IF(Input!$D$22=4,M592*Input!$C$22,0)</f>
        <v>0</v>
      </c>
      <c r="R592" s="58">
        <v>66.245497419612363</v>
      </c>
      <c r="S592" s="124">
        <f t="shared" si="9"/>
        <v>1.4254722091163792</v>
      </c>
    </row>
    <row r="593" spans="8:19" x14ac:dyDescent="0.3">
      <c r="H593" s="44">
        <v>586</v>
      </c>
      <c r="I593" s="56">
        <f>Bühler!I619</f>
        <v>0.35350401511956131</v>
      </c>
      <c r="J593" s="59">
        <f>Bühler!J619</f>
        <v>1.1783467170652044</v>
      </c>
      <c r="K593" s="59">
        <f>Bühler!K619</f>
        <v>1.7675200755978064</v>
      </c>
      <c r="L593" s="59">
        <f>Bühler!L619</f>
        <v>8.4840963628694706</v>
      </c>
      <c r="M593" s="58">
        <f>Bühler!M619</f>
        <v>0</v>
      </c>
      <c r="N593" s="56">
        <f>IF(Input!$D$19=1,J593*Input!$C$19,0)+IF(Input!$D$20=1,K593*Input!$C$20,0)+IF(Input!$D$21=1,L593*Input!$C$21,0)+IF(Input!$D$22=1,M593*Input!$C$22,0)</f>
        <v>0.35350401511956131</v>
      </c>
      <c r="O593" s="59">
        <f>IF(Input!$D$19=2,J593*Input!$C$19,0)+IF(Input!$D$20=2,K593*Input!$C$20,0)+IF(Input!$D$21=2,L593*Input!$C$21,0)+IF(Input!$D$22=2,M593*Input!$C$22,0)</f>
        <v>0.88376003779890322</v>
      </c>
      <c r="P593" s="59">
        <f>IF(Input!$D$19=3,J593*Input!$C$19,0)+IF(Input!$D$20=3,K593*Input!$C$20,0)+IF(Input!$D$21=3,L593*Input!$C$21,0)+IF(Input!$D$22=3,M593*Input!$C$22,0)</f>
        <v>0</v>
      </c>
      <c r="Q593" s="75">
        <f>IF(Input!$D$19=4,J593*Input!$C$19,0)+IF(Input!$D$20=4,K593*Input!$C$20,0)+IF(Input!$D$21=4,L593*Input!$C$21,0)+IF(Input!$D$22=4,M593*Input!$C$22,0)</f>
        <v>0</v>
      </c>
      <c r="R593" s="58">
        <v>65.671142877756779</v>
      </c>
      <c r="S593" s="124">
        <f t="shared" si="9"/>
        <v>1.5318507321847656</v>
      </c>
    </row>
    <row r="594" spans="8:19" x14ac:dyDescent="0.3">
      <c r="H594" s="44">
        <v>587</v>
      </c>
      <c r="I594" s="56">
        <f>Bühler!I620</f>
        <v>0.38296268304619141</v>
      </c>
      <c r="J594" s="59">
        <f>Bühler!J620</f>
        <v>1.2765422768206383</v>
      </c>
      <c r="K594" s="59">
        <f>Bühler!K620</f>
        <v>1.914813415230957</v>
      </c>
      <c r="L594" s="59">
        <f>Bühler!L620</f>
        <v>9.1911043931085938</v>
      </c>
      <c r="M594" s="58">
        <f>Bühler!M620</f>
        <v>0</v>
      </c>
      <c r="N594" s="56">
        <f>IF(Input!$D$19=1,J594*Input!$C$19,0)+IF(Input!$D$20=1,K594*Input!$C$20,0)+IF(Input!$D$21=1,L594*Input!$C$21,0)+IF(Input!$D$22=1,M594*Input!$C$22,0)</f>
        <v>0.38296268304619147</v>
      </c>
      <c r="O594" s="59">
        <f>IF(Input!$D$19=2,J594*Input!$C$19,0)+IF(Input!$D$20=2,K594*Input!$C$20,0)+IF(Input!$D$21=2,L594*Input!$C$21,0)+IF(Input!$D$22=2,M594*Input!$C$22,0)</f>
        <v>0.95740670761547852</v>
      </c>
      <c r="P594" s="59">
        <f>IF(Input!$D$19=3,J594*Input!$C$19,0)+IF(Input!$D$20=3,K594*Input!$C$20,0)+IF(Input!$D$21=3,L594*Input!$C$21,0)+IF(Input!$D$22=3,M594*Input!$C$22,0)</f>
        <v>0</v>
      </c>
      <c r="Q594" s="75">
        <f>IF(Input!$D$19=4,J594*Input!$C$19,0)+IF(Input!$D$20=4,K594*Input!$C$20,0)+IF(Input!$D$21=4,L594*Input!$C$21,0)+IF(Input!$D$22=4,M594*Input!$C$22,0)</f>
        <v>0</v>
      </c>
      <c r="R594" s="58">
        <v>66.798227282082948</v>
      </c>
      <c r="S594" s="124">
        <f t="shared" si="9"/>
        <v>1.6595049598668297</v>
      </c>
    </row>
    <row r="595" spans="8:19" x14ac:dyDescent="0.3">
      <c r="H595" s="44">
        <v>588</v>
      </c>
      <c r="I595" s="56">
        <f>Bühler!I621</f>
        <v>0.44188001889945155</v>
      </c>
      <c r="J595" s="59">
        <f>Bühler!J621</f>
        <v>1.4729333963315054</v>
      </c>
      <c r="K595" s="59">
        <f>Bühler!K621</f>
        <v>2.209400094497258</v>
      </c>
      <c r="L595" s="59">
        <f>Bühler!L621</f>
        <v>10.605120453586839</v>
      </c>
      <c r="M595" s="58">
        <f>Bühler!M621</f>
        <v>0</v>
      </c>
      <c r="N595" s="56">
        <f>IF(Input!$D$19=1,J595*Input!$C$19,0)+IF(Input!$D$20=1,K595*Input!$C$20,0)+IF(Input!$D$21=1,L595*Input!$C$21,0)+IF(Input!$D$22=1,M595*Input!$C$22,0)</f>
        <v>0.44188001889945161</v>
      </c>
      <c r="O595" s="59">
        <f>IF(Input!$D$19=2,J595*Input!$C$19,0)+IF(Input!$D$20=2,K595*Input!$C$20,0)+IF(Input!$D$21=2,L595*Input!$C$21,0)+IF(Input!$D$22=2,M595*Input!$C$22,0)</f>
        <v>1.104700047248629</v>
      </c>
      <c r="P595" s="59">
        <f>IF(Input!$D$19=3,J595*Input!$C$19,0)+IF(Input!$D$20=3,K595*Input!$C$20,0)+IF(Input!$D$21=3,L595*Input!$C$21,0)+IF(Input!$D$22=3,M595*Input!$C$22,0)</f>
        <v>0</v>
      </c>
      <c r="Q595" s="75">
        <f>IF(Input!$D$19=4,J595*Input!$C$19,0)+IF(Input!$D$20=4,K595*Input!$C$20,0)+IF(Input!$D$21=4,L595*Input!$C$21,0)+IF(Input!$D$22=4,M595*Input!$C$22,0)</f>
        <v>0</v>
      </c>
      <c r="R595" s="58">
        <v>67.51250831401444</v>
      </c>
      <c r="S595" s="124">
        <f t="shared" si="9"/>
        <v>1.914813415230957</v>
      </c>
    </row>
    <row r="596" spans="8:19" x14ac:dyDescent="0.3">
      <c r="H596" s="44">
        <v>589</v>
      </c>
      <c r="I596" s="56">
        <f>Bühler!I622</f>
        <v>0.44188001889945155</v>
      </c>
      <c r="J596" s="59">
        <f>Bühler!J622</f>
        <v>1.4729333963315054</v>
      </c>
      <c r="K596" s="59">
        <f>Bühler!K622</f>
        <v>2.209400094497258</v>
      </c>
      <c r="L596" s="59">
        <f>Bühler!L622</f>
        <v>10.605120453586839</v>
      </c>
      <c r="M596" s="58">
        <f>Bühler!M622</f>
        <v>0</v>
      </c>
      <c r="N596" s="56">
        <f>IF(Input!$D$19=1,J596*Input!$C$19,0)+IF(Input!$D$20=1,K596*Input!$C$20,0)+IF(Input!$D$21=1,L596*Input!$C$21,0)+IF(Input!$D$22=1,M596*Input!$C$22,0)</f>
        <v>0.44188001889945161</v>
      </c>
      <c r="O596" s="59">
        <f>IF(Input!$D$19=2,J596*Input!$C$19,0)+IF(Input!$D$20=2,K596*Input!$C$20,0)+IF(Input!$D$21=2,L596*Input!$C$21,0)+IF(Input!$D$22=2,M596*Input!$C$22,0)</f>
        <v>1.104700047248629</v>
      </c>
      <c r="P596" s="59">
        <f>IF(Input!$D$19=3,J596*Input!$C$19,0)+IF(Input!$D$20=3,K596*Input!$C$20,0)+IF(Input!$D$21=3,L596*Input!$C$21,0)+IF(Input!$D$22=3,M596*Input!$C$22,0)</f>
        <v>0</v>
      </c>
      <c r="Q596" s="75">
        <f>IF(Input!$D$19=4,J596*Input!$C$19,0)+IF(Input!$D$20=4,K596*Input!$C$20,0)+IF(Input!$D$21=4,L596*Input!$C$21,0)+IF(Input!$D$22=4,M596*Input!$C$22,0)</f>
        <v>0</v>
      </c>
      <c r="R596" s="58">
        <v>66.086155267382253</v>
      </c>
      <c r="S596" s="124">
        <f t="shared" si="9"/>
        <v>1.914813415230957</v>
      </c>
    </row>
    <row r="597" spans="8:19" x14ac:dyDescent="0.3">
      <c r="H597" s="44">
        <v>590</v>
      </c>
      <c r="I597" s="56">
        <f>Bühler!I623</f>
        <v>0.44188001889945155</v>
      </c>
      <c r="J597" s="59">
        <f>Bühler!J623</f>
        <v>1.4729333963315054</v>
      </c>
      <c r="K597" s="59">
        <f>Bühler!K623</f>
        <v>2.209400094497258</v>
      </c>
      <c r="L597" s="59">
        <f>Bühler!L623</f>
        <v>10.605120453586839</v>
      </c>
      <c r="M597" s="58">
        <f>Bühler!M623</f>
        <v>0</v>
      </c>
      <c r="N597" s="56">
        <f>IF(Input!$D$19=1,J597*Input!$C$19,0)+IF(Input!$D$20=1,K597*Input!$C$20,0)+IF(Input!$D$21=1,L597*Input!$C$21,0)+IF(Input!$D$22=1,M597*Input!$C$22,0)</f>
        <v>0.44188001889945161</v>
      </c>
      <c r="O597" s="59">
        <f>IF(Input!$D$19=2,J597*Input!$C$19,0)+IF(Input!$D$20=2,K597*Input!$C$20,0)+IF(Input!$D$21=2,L597*Input!$C$21,0)+IF(Input!$D$22=2,M597*Input!$C$22,0)</f>
        <v>1.104700047248629</v>
      </c>
      <c r="P597" s="59">
        <f>IF(Input!$D$19=3,J597*Input!$C$19,0)+IF(Input!$D$20=3,K597*Input!$C$20,0)+IF(Input!$D$21=3,L597*Input!$C$21,0)+IF(Input!$D$22=3,M597*Input!$C$22,0)</f>
        <v>0</v>
      </c>
      <c r="Q597" s="75">
        <f>IF(Input!$D$19=4,J597*Input!$C$19,0)+IF(Input!$D$20=4,K597*Input!$C$20,0)+IF(Input!$D$21=4,L597*Input!$C$21,0)+IF(Input!$D$22=4,M597*Input!$C$22,0)</f>
        <v>0</v>
      </c>
      <c r="R597" s="58">
        <v>65.934499877674725</v>
      </c>
      <c r="S597" s="124">
        <f t="shared" si="9"/>
        <v>1.914813415230957</v>
      </c>
    </row>
    <row r="598" spans="8:19" x14ac:dyDescent="0.3">
      <c r="H598" s="44">
        <v>591</v>
      </c>
      <c r="I598" s="56">
        <f>Bühler!I624</f>
        <v>0.44188001889945155</v>
      </c>
      <c r="J598" s="59">
        <f>Bühler!J624</f>
        <v>1.4729333963315054</v>
      </c>
      <c r="K598" s="59">
        <f>Bühler!K624</f>
        <v>2.209400094497258</v>
      </c>
      <c r="L598" s="59">
        <f>Bühler!L624</f>
        <v>10.605120453586839</v>
      </c>
      <c r="M598" s="58">
        <f>Bühler!M624</f>
        <v>0</v>
      </c>
      <c r="N598" s="56">
        <f>IF(Input!$D$19=1,J598*Input!$C$19,0)+IF(Input!$D$20=1,K598*Input!$C$20,0)+IF(Input!$D$21=1,L598*Input!$C$21,0)+IF(Input!$D$22=1,M598*Input!$C$22,0)</f>
        <v>0.44188001889945161</v>
      </c>
      <c r="O598" s="59">
        <f>IF(Input!$D$19=2,J598*Input!$C$19,0)+IF(Input!$D$20=2,K598*Input!$C$20,0)+IF(Input!$D$21=2,L598*Input!$C$21,0)+IF(Input!$D$22=2,M598*Input!$C$22,0)</f>
        <v>1.104700047248629</v>
      </c>
      <c r="P598" s="59">
        <f>IF(Input!$D$19=3,J598*Input!$C$19,0)+IF(Input!$D$20=3,K598*Input!$C$20,0)+IF(Input!$D$21=3,L598*Input!$C$21,0)+IF(Input!$D$22=3,M598*Input!$C$22,0)</f>
        <v>0</v>
      </c>
      <c r="Q598" s="75">
        <f>IF(Input!$D$19=4,J598*Input!$C$19,0)+IF(Input!$D$20=4,K598*Input!$C$20,0)+IF(Input!$D$21=4,L598*Input!$C$21,0)+IF(Input!$D$22=4,M598*Input!$C$22,0)</f>
        <v>0</v>
      </c>
      <c r="R598" s="58">
        <v>65.993933985831205</v>
      </c>
      <c r="S598" s="124">
        <f t="shared" si="9"/>
        <v>1.914813415230957</v>
      </c>
    </row>
    <row r="599" spans="8:19" x14ac:dyDescent="0.3">
      <c r="H599" s="44">
        <v>592</v>
      </c>
      <c r="I599" s="56">
        <f>Bühler!I625</f>
        <v>0.44188001889945155</v>
      </c>
      <c r="J599" s="59">
        <f>Bühler!J625</f>
        <v>1.4729333963315054</v>
      </c>
      <c r="K599" s="59">
        <f>Bühler!K625</f>
        <v>2.209400094497258</v>
      </c>
      <c r="L599" s="59">
        <f>Bühler!L625</f>
        <v>10.605120453586839</v>
      </c>
      <c r="M599" s="58">
        <f>Bühler!M625</f>
        <v>0</v>
      </c>
      <c r="N599" s="56">
        <f>IF(Input!$D$19=1,J599*Input!$C$19,0)+IF(Input!$D$20=1,K599*Input!$C$20,0)+IF(Input!$D$21=1,L599*Input!$C$21,0)+IF(Input!$D$22=1,M599*Input!$C$22,0)</f>
        <v>0.44188001889945161</v>
      </c>
      <c r="O599" s="59">
        <f>IF(Input!$D$19=2,J599*Input!$C$19,0)+IF(Input!$D$20=2,K599*Input!$C$20,0)+IF(Input!$D$21=2,L599*Input!$C$21,0)+IF(Input!$D$22=2,M599*Input!$C$22,0)</f>
        <v>1.104700047248629</v>
      </c>
      <c r="P599" s="59">
        <f>IF(Input!$D$19=3,J599*Input!$C$19,0)+IF(Input!$D$20=3,K599*Input!$C$20,0)+IF(Input!$D$21=3,L599*Input!$C$21,0)+IF(Input!$D$22=3,M599*Input!$C$22,0)</f>
        <v>0</v>
      </c>
      <c r="Q599" s="75">
        <f>IF(Input!$D$19=4,J599*Input!$C$19,0)+IF(Input!$D$20=4,K599*Input!$C$20,0)+IF(Input!$D$21=4,L599*Input!$C$21,0)+IF(Input!$D$22=4,M599*Input!$C$22,0)</f>
        <v>0</v>
      </c>
      <c r="R599" s="58">
        <v>64.870958032673514</v>
      </c>
      <c r="S599" s="124">
        <f t="shared" si="9"/>
        <v>1.914813415230957</v>
      </c>
    </row>
    <row r="600" spans="8:19" x14ac:dyDescent="0.3">
      <c r="H600" s="44">
        <v>593</v>
      </c>
      <c r="I600" s="56">
        <f>Bühler!I626</f>
        <v>0.44188001889945155</v>
      </c>
      <c r="J600" s="59">
        <f>Bühler!J626</f>
        <v>1.4729333963315054</v>
      </c>
      <c r="K600" s="59">
        <f>Bühler!K626</f>
        <v>2.209400094497258</v>
      </c>
      <c r="L600" s="59">
        <f>Bühler!L626</f>
        <v>10.605120453586839</v>
      </c>
      <c r="M600" s="58">
        <f>Bühler!M626</f>
        <v>0</v>
      </c>
      <c r="N600" s="56">
        <f>IF(Input!$D$19=1,J600*Input!$C$19,0)+IF(Input!$D$20=1,K600*Input!$C$20,0)+IF(Input!$D$21=1,L600*Input!$C$21,0)+IF(Input!$D$22=1,M600*Input!$C$22,0)</f>
        <v>0.44188001889945161</v>
      </c>
      <c r="O600" s="59">
        <f>IF(Input!$D$19=2,J600*Input!$C$19,0)+IF(Input!$D$20=2,K600*Input!$C$20,0)+IF(Input!$D$21=2,L600*Input!$C$21,0)+IF(Input!$D$22=2,M600*Input!$C$22,0)</f>
        <v>1.104700047248629</v>
      </c>
      <c r="P600" s="59">
        <f>IF(Input!$D$19=3,J600*Input!$C$19,0)+IF(Input!$D$20=3,K600*Input!$C$20,0)+IF(Input!$D$21=3,L600*Input!$C$21,0)+IF(Input!$D$22=3,M600*Input!$C$22,0)</f>
        <v>0</v>
      </c>
      <c r="Q600" s="75">
        <f>IF(Input!$D$19=4,J600*Input!$C$19,0)+IF(Input!$D$20=4,K600*Input!$C$20,0)+IF(Input!$D$21=4,L600*Input!$C$21,0)+IF(Input!$D$22=4,M600*Input!$C$22,0)</f>
        <v>0</v>
      </c>
      <c r="R600" s="58">
        <v>63.897430001478128</v>
      </c>
      <c r="S600" s="124">
        <f t="shared" si="9"/>
        <v>1.914813415230957</v>
      </c>
    </row>
    <row r="601" spans="8:19" x14ac:dyDescent="0.3">
      <c r="H601" s="44">
        <v>594</v>
      </c>
      <c r="I601" s="56">
        <f>Bühler!I627</f>
        <v>0.44188001889945155</v>
      </c>
      <c r="J601" s="59">
        <f>Bühler!J627</f>
        <v>1.4729333963315054</v>
      </c>
      <c r="K601" s="59">
        <f>Bühler!K627</f>
        <v>2.209400094497258</v>
      </c>
      <c r="L601" s="59">
        <f>Bühler!L627</f>
        <v>10.605120453586839</v>
      </c>
      <c r="M601" s="58">
        <f>Bühler!M627</f>
        <v>0</v>
      </c>
      <c r="N601" s="56">
        <f>IF(Input!$D$19=1,J601*Input!$C$19,0)+IF(Input!$D$20=1,K601*Input!$C$20,0)+IF(Input!$D$21=1,L601*Input!$C$21,0)+IF(Input!$D$22=1,M601*Input!$C$22,0)</f>
        <v>0.44188001889945161</v>
      </c>
      <c r="O601" s="59">
        <f>IF(Input!$D$19=2,J601*Input!$C$19,0)+IF(Input!$D$20=2,K601*Input!$C$20,0)+IF(Input!$D$21=2,L601*Input!$C$21,0)+IF(Input!$D$22=2,M601*Input!$C$22,0)</f>
        <v>1.104700047248629</v>
      </c>
      <c r="P601" s="59">
        <f>IF(Input!$D$19=3,J601*Input!$C$19,0)+IF(Input!$D$20=3,K601*Input!$C$20,0)+IF(Input!$D$21=3,L601*Input!$C$21,0)+IF(Input!$D$22=3,M601*Input!$C$22,0)</f>
        <v>0</v>
      </c>
      <c r="Q601" s="75">
        <f>IF(Input!$D$19=4,J601*Input!$C$19,0)+IF(Input!$D$20=4,K601*Input!$C$20,0)+IF(Input!$D$21=4,L601*Input!$C$21,0)+IF(Input!$D$22=4,M601*Input!$C$22,0)</f>
        <v>0</v>
      </c>
      <c r="R601" s="58">
        <v>63.132710527326502</v>
      </c>
      <c r="S601" s="124">
        <f t="shared" si="9"/>
        <v>1.914813415230957</v>
      </c>
    </row>
    <row r="602" spans="8:19" x14ac:dyDescent="0.3">
      <c r="H602" s="44">
        <v>595</v>
      </c>
      <c r="I602" s="56">
        <f>Bühler!I628</f>
        <v>0.44188001889945155</v>
      </c>
      <c r="J602" s="59">
        <f>Bühler!J628</f>
        <v>1.4729333963315054</v>
      </c>
      <c r="K602" s="59">
        <f>Bühler!K628</f>
        <v>2.209400094497258</v>
      </c>
      <c r="L602" s="59">
        <f>Bühler!L628</f>
        <v>10.605120453586839</v>
      </c>
      <c r="M602" s="58">
        <f>Bühler!M628</f>
        <v>0</v>
      </c>
      <c r="N602" s="56">
        <f>IF(Input!$D$19=1,J602*Input!$C$19,0)+IF(Input!$D$20=1,K602*Input!$C$20,0)+IF(Input!$D$21=1,L602*Input!$C$21,0)+IF(Input!$D$22=1,M602*Input!$C$22,0)</f>
        <v>0.44188001889945161</v>
      </c>
      <c r="O602" s="59">
        <f>IF(Input!$D$19=2,J602*Input!$C$19,0)+IF(Input!$D$20=2,K602*Input!$C$20,0)+IF(Input!$D$21=2,L602*Input!$C$21,0)+IF(Input!$D$22=2,M602*Input!$C$22,0)</f>
        <v>1.104700047248629</v>
      </c>
      <c r="P602" s="59">
        <f>IF(Input!$D$19=3,J602*Input!$C$19,0)+IF(Input!$D$20=3,K602*Input!$C$20,0)+IF(Input!$D$21=3,L602*Input!$C$21,0)+IF(Input!$D$22=3,M602*Input!$C$22,0)</f>
        <v>0</v>
      </c>
      <c r="Q602" s="75">
        <f>IF(Input!$D$19=4,J602*Input!$C$19,0)+IF(Input!$D$20=4,K602*Input!$C$20,0)+IF(Input!$D$21=4,L602*Input!$C$21,0)+IF(Input!$D$22=4,M602*Input!$C$22,0)</f>
        <v>0</v>
      </c>
      <c r="R602" s="58">
        <v>61.244961240683509</v>
      </c>
      <c r="S602" s="124">
        <f t="shared" si="9"/>
        <v>1.914813415230957</v>
      </c>
    </row>
    <row r="603" spans="8:19" x14ac:dyDescent="0.3">
      <c r="H603" s="44">
        <v>596</v>
      </c>
      <c r="I603" s="56">
        <f>Bühler!I629</f>
        <v>0.3682333490828763</v>
      </c>
      <c r="J603" s="59">
        <f>Bühler!J629</f>
        <v>1.2274444969429212</v>
      </c>
      <c r="K603" s="59">
        <f>Bühler!K629</f>
        <v>1.8411667454143816</v>
      </c>
      <c r="L603" s="59">
        <f>Bühler!L629</f>
        <v>8.8376003779890322</v>
      </c>
      <c r="M603" s="58">
        <f>Bühler!M629</f>
        <v>0</v>
      </c>
      <c r="N603" s="56">
        <f>IF(Input!$D$19=1,J603*Input!$C$19,0)+IF(Input!$D$20=1,K603*Input!$C$20,0)+IF(Input!$D$21=1,L603*Input!$C$21,0)+IF(Input!$D$22=1,M603*Input!$C$22,0)</f>
        <v>0.36823334908287636</v>
      </c>
      <c r="O603" s="59">
        <f>IF(Input!$D$19=2,J603*Input!$C$19,0)+IF(Input!$D$20=2,K603*Input!$C$20,0)+IF(Input!$D$21=2,L603*Input!$C$21,0)+IF(Input!$D$22=2,M603*Input!$C$22,0)</f>
        <v>0.92058337270719082</v>
      </c>
      <c r="P603" s="59">
        <f>IF(Input!$D$19=3,J603*Input!$C$19,0)+IF(Input!$D$20=3,K603*Input!$C$20,0)+IF(Input!$D$21=3,L603*Input!$C$21,0)+IF(Input!$D$22=3,M603*Input!$C$22,0)</f>
        <v>0</v>
      </c>
      <c r="Q603" s="75">
        <f>IF(Input!$D$19=4,J603*Input!$C$19,0)+IF(Input!$D$20=4,K603*Input!$C$20,0)+IF(Input!$D$21=4,L603*Input!$C$21,0)+IF(Input!$D$22=4,M603*Input!$C$22,0)</f>
        <v>0</v>
      </c>
      <c r="R603" s="58">
        <v>60.526614809745773</v>
      </c>
      <c r="S603" s="124">
        <f t="shared" si="9"/>
        <v>1.5956778460257977</v>
      </c>
    </row>
    <row r="604" spans="8:19" x14ac:dyDescent="0.3">
      <c r="H604" s="44">
        <v>597</v>
      </c>
      <c r="I604" s="56">
        <f>Bühler!I630</f>
        <v>0.29458667926630111</v>
      </c>
      <c r="J604" s="59">
        <f>Bühler!J630</f>
        <v>0.98195559755433703</v>
      </c>
      <c r="K604" s="59">
        <f>Bühler!K630</f>
        <v>1.4729333963315054</v>
      </c>
      <c r="L604" s="59">
        <f>Bühler!L630</f>
        <v>7.0700803023912258</v>
      </c>
      <c r="M604" s="58">
        <f>Bühler!M630</f>
        <v>0</v>
      </c>
      <c r="N604" s="56">
        <f>IF(Input!$D$19=1,J604*Input!$C$19,0)+IF(Input!$D$20=1,K604*Input!$C$20,0)+IF(Input!$D$21=1,L604*Input!$C$21,0)+IF(Input!$D$22=1,M604*Input!$C$22,0)</f>
        <v>0.29458667926630111</v>
      </c>
      <c r="O604" s="59">
        <f>IF(Input!$D$19=2,J604*Input!$C$19,0)+IF(Input!$D$20=2,K604*Input!$C$20,0)+IF(Input!$D$21=2,L604*Input!$C$21,0)+IF(Input!$D$22=2,M604*Input!$C$22,0)</f>
        <v>0.73646669816575272</v>
      </c>
      <c r="P604" s="59">
        <f>IF(Input!$D$19=3,J604*Input!$C$19,0)+IF(Input!$D$20=3,K604*Input!$C$20,0)+IF(Input!$D$21=3,L604*Input!$C$21,0)+IF(Input!$D$22=3,M604*Input!$C$22,0)</f>
        <v>0</v>
      </c>
      <c r="Q604" s="75">
        <f>IF(Input!$D$19=4,J604*Input!$C$19,0)+IF(Input!$D$20=4,K604*Input!$C$20,0)+IF(Input!$D$21=4,L604*Input!$C$21,0)+IF(Input!$D$22=4,M604*Input!$C$22,0)</f>
        <v>0</v>
      </c>
      <c r="R604" s="58">
        <v>59.237890268028039</v>
      </c>
      <c r="S604" s="124">
        <f t="shared" si="9"/>
        <v>1.276542276820638</v>
      </c>
    </row>
    <row r="605" spans="8:19" x14ac:dyDescent="0.3">
      <c r="H605" s="44">
        <v>598</v>
      </c>
      <c r="I605" s="56">
        <f>Bühler!I631</f>
        <v>0.22094000944972578</v>
      </c>
      <c r="J605" s="59">
        <f>Bühler!J631</f>
        <v>0.73646669816575272</v>
      </c>
      <c r="K605" s="59">
        <f>Bühler!K631</f>
        <v>1.104700047248629</v>
      </c>
      <c r="L605" s="59">
        <f>Bühler!L631</f>
        <v>5.3025602267934193</v>
      </c>
      <c r="M605" s="58">
        <f>Bühler!M631</f>
        <v>0</v>
      </c>
      <c r="N605" s="56">
        <f>IF(Input!$D$19=1,J605*Input!$C$19,0)+IF(Input!$D$20=1,K605*Input!$C$20,0)+IF(Input!$D$21=1,L605*Input!$C$21,0)+IF(Input!$D$22=1,M605*Input!$C$22,0)</f>
        <v>0.2209400094497258</v>
      </c>
      <c r="O605" s="59">
        <f>IF(Input!$D$19=2,J605*Input!$C$19,0)+IF(Input!$D$20=2,K605*Input!$C$20,0)+IF(Input!$D$21=2,L605*Input!$C$21,0)+IF(Input!$D$22=2,M605*Input!$C$22,0)</f>
        <v>0.55235002362431451</v>
      </c>
      <c r="P605" s="59">
        <f>IF(Input!$D$19=3,J605*Input!$C$19,0)+IF(Input!$D$20=3,K605*Input!$C$20,0)+IF(Input!$D$21=3,L605*Input!$C$21,0)+IF(Input!$D$22=3,M605*Input!$C$22,0)</f>
        <v>0</v>
      </c>
      <c r="Q605" s="75">
        <f>IF(Input!$D$19=4,J605*Input!$C$19,0)+IF(Input!$D$20=4,K605*Input!$C$20,0)+IF(Input!$D$21=4,L605*Input!$C$21,0)+IF(Input!$D$22=4,M605*Input!$C$22,0)</f>
        <v>0</v>
      </c>
      <c r="R605" s="58">
        <v>57.413887660916004</v>
      </c>
      <c r="S605" s="124">
        <f t="shared" si="9"/>
        <v>0.95740670761547852</v>
      </c>
    </row>
    <row r="606" spans="8:19" x14ac:dyDescent="0.3">
      <c r="H606" s="44">
        <v>599</v>
      </c>
      <c r="I606" s="56">
        <f>Bühler!I632</f>
        <v>0.22094000944972578</v>
      </c>
      <c r="J606" s="59">
        <f>Bühler!J632</f>
        <v>0.73646669816575272</v>
      </c>
      <c r="K606" s="59">
        <f>Bühler!K632</f>
        <v>1.104700047248629</v>
      </c>
      <c r="L606" s="59">
        <f>Bühler!L632</f>
        <v>5.3025602267934193</v>
      </c>
      <c r="M606" s="58">
        <f>Bühler!M632</f>
        <v>0</v>
      </c>
      <c r="N606" s="56">
        <f>IF(Input!$D$19=1,J606*Input!$C$19,0)+IF(Input!$D$20=1,K606*Input!$C$20,0)+IF(Input!$D$21=1,L606*Input!$C$21,0)+IF(Input!$D$22=1,M606*Input!$C$22,0)</f>
        <v>0.2209400094497258</v>
      </c>
      <c r="O606" s="59">
        <f>IF(Input!$D$19=2,J606*Input!$C$19,0)+IF(Input!$D$20=2,K606*Input!$C$20,0)+IF(Input!$D$21=2,L606*Input!$C$21,0)+IF(Input!$D$22=2,M606*Input!$C$22,0)</f>
        <v>0.55235002362431451</v>
      </c>
      <c r="P606" s="59">
        <f>IF(Input!$D$19=3,J606*Input!$C$19,0)+IF(Input!$D$20=3,K606*Input!$C$20,0)+IF(Input!$D$21=3,L606*Input!$C$21,0)+IF(Input!$D$22=3,M606*Input!$C$22,0)</f>
        <v>0</v>
      </c>
      <c r="Q606" s="75">
        <f>IF(Input!$D$19=4,J606*Input!$C$19,0)+IF(Input!$D$20=4,K606*Input!$C$20,0)+IF(Input!$D$21=4,L606*Input!$C$21,0)+IF(Input!$D$22=4,M606*Input!$C$22,0)</f>
        <v>0</v>
      </c>
      <c r="R606" s="58">
        <v>56.630161510344351</v>
      </c>
      <c r="S606" s="124">
        <f t="shared" si="9"/>
        <v>0.95740670761547852</v>
      </c>
    </row>
    <row r="607" spans="8:19" x14ac:dyDescent="0.3">
      <c r="H607" s="44">
        <v>600</v>
      </c>
      <c r="I607" s="56">
        <f>Bühler!I633</f>
        <v>0.22094000944972578</v>
      </c>
      <c r="J607" s="59">
        <f>Bühler!J633</f>
        <v>0.73646669816575272</v>
      </c>
      <c r="K607" s="59">
        <f>Bühler!K633</f>
        <v>1.104700047248629</v>
      </c>
      <c r="L607" s="59">
        <f>Bühler!L633</f>
        <v>5.3025602267934193</v>
      </c>
      <c r="M607" s="58">
        <f>Bühler!M633</f>
        <v>0</v>
      </c>
      <c r="N607" s="56">
        <f>IF(Input!$D$19=1,J607*Input!$C$19,0)+IF(Input!$D$20=1,K607*Input!$C$20,0)+IF(Input!$D$21=1,L607*Input!$C$21,0)+IF(Input!$D$22=1,M607*Input!$C$22,0)</f>
        <v>0.2209400094497258</v>
      </c>
      <c r="O607" s="59">
        <f>IF(Input!$D$19=2,J607*Input!$C$19,0)+IF(Input!$D$20=2,K607*Input!$C$20,0)+IF(Input!$D$21=2,L607*Input!$C$21,0)+IF(Input!$D$22=2,M607*Input!$C$22,0)</f>
        <v>0.55235002362431451</v>
      </c>
      <c r="P607" s="59">
        <f>IF(Input!$D$19=3,J607*Input!$C$19,0)+IF(Input!$D$20=3,K607*Input!$C$20,0)+IF(Input!$D$21=3,L607*Input!$C$21,0)+IF(Input!$D$22=3,M607*Input!$C$22,0)</f>
        <v>0</v>
      </c>
      <c r="Q607" s="75">
        <f>IF(Input!$D$19=4,J607*Input!$C$19,0)+IF(Input!$D$20=4,K607*Input!$C$20,0)+IF(Input!$D$21=4,L607*Input!$C$21,0)+IF(Input!$D$22=4,M607*Input!$C$22,0)</f>
        <v>0</v>
      </c>
      <c r="R607" s="58">
        <v>55.463373244813056</v>
      </c>
      <c r="S607" s="124">
        <f t="shared" si="9"/>
        <v>0.95740670761547852</v>
      </c>
    </row>
    <row r="608" spans="8:19" x14ac:dyDescent="0.3">
      <c r="H608" s="44">
        <v>601</v>
      </c>
      <c r="I608" s="56">
        <f>Bühler!I634</f>
        <v>0.25170125242173264</v>
      </c>
      <c r="J608" s="59">
        <f>Bühler!J634</f>
        <v>0.83900417473910882</v>
      </c>
      <c r="K608" s="59">
        <f>Bühler!K634</f>
        <v>1.2585062621086631</v>
      </c>
      <c r="L608" s="59">
        <f>Bühler!L634</f>
        <v>6.0408300581215828</v>
      </c>
      <c r="M608" s="58">
        <f>Bühler!M634</f>
        <v>0</v>
      </c>
      <c r="N608" s="56">
        <f>IF(Input!$D$19=1,J608*Input!$C$19,0)+IF(Input!$D$20=1,K608*Input!$C$20,0)+IF(Input!$D$21=1,L608*Input!$C$21,0)+IF(Input!$D$22=1,M608*Input!$C$22,0)</f>
        <v>0.25170125242173264</v>
      </c>
      <c r="O608" s="59">
        <f>IF(Input!$D$19=2,J608*Input!$C$19,0)+IF(Input!$D$20=2,K608*Input!$C$20,0)+IF(Input!$D$21=2,L608*Input!$C$21,0)+IF(Input!$D$22=2,M608*Input!$C$22,0)</f>
        <v>0.62925313105433156</v>
      </c>
      <c r="P608" s="59">
        <f>IF(Input!$D$19=3,J608*Input!$C$19,0)+IF(Input!$D$20=3,K608*Input!$C$20,0)+IF(Input!$D$21=3,L608*Input!$C$21,0)+IF(Input!$D$22=3,M608*Input!$C$22,0)</f>
        <v>0</v>
      </c>
      <c r="Q608" s="75">
        <f>IF(Input!$D$19=4,J608*Input!$C$19,0)+IF(Input!$D$20=4,K608*Input!$C$20,0)+IF(Input!$D$21=4,L608*Input!$C$21,0)+IF(Input!$D$22=4,M608*Input!$C$22,0)</f>
        <v>0</v>
      </c>
      <c r="R608" s="58">
        <v>54.908349143405616</v>
      </c>
      <c r="S608" s="124">
        <f t="shared" si="9"/>
        <v>1.0907054271608414</v>
      </c>
    </row>
    <row r="609" spans="8:19" x14ac:dyDescent="0.3">
      <c r="H609" s="44">
        <v>602</v>
      </c>
      <c r="I609" s="56">
        <f>Bühler!I635</f>
        <v>0.25170125242173264</v>
      </c>
      <c r="J609" s="59">
        <f>Bühler!J635</f>
        <v>0.83900417473910882</v>
      </c>
      <c r="K609" s="59">
        <f>Bühler!K635</f>
        <v>1.2585062621086631</v>
      </c>
      <c r="L609" s="59">
        <f>Bühler!L635</f>
        <v>6.0408300581215828</v>
      </c>
      <c r="M609" s="58">
        <f>Bühler!M635</f>
        <v>0</v>
      </c>
      <c r="N609" s="56">
        <f>IF(Input!$D$19=1,J609*Input!$C$19,0)+IF(Input!$D$20=1,K609*Input!$C$20,0)+IF(Input!$D$21=1,L609*Input!$C$21,0)+IF(Input!$D$22=1,M609*Input!$C$22,0)</f>
        <v>0.25170125242173264</v>
      </c>
      <c r="O609" s="59">
        <f>IF(Input!$D$19=2,J609*Input!$C$19,0)+IF(Input!$D$20=2,K609*Input!$C$20,0)+IF(Input!$D$21=2,L609*Input!$C$21,0)+IF(Input!$D$22=2,M609*Input!$C$22,0)</f>
        <v>0.62925313105433156</v>
      </c>
      <c r="P609" s="59">
        <f>IF(Input!$D$19=3,J609*Input!$C$19,0)+IF(Input!$D$20=3,K609*Input!$C$20,0)+IF(Input!$D$21=3,L609*Input!$C$21,0)+IF(Input!$D$22=3,M609*Input!$C$22,0)</f>
        <v>0</v>
      </c>
      <c r="Q609" s="75">
        <f>IF(Input!$D$19=4,J609*Input!$C$19,0)+IF(Input!$D$20=4,K609*Input!$C$20,0)+IF(Input!$D$21=4,L609*Input!$C$21,0)+IF(Input!$D$22=4,M609*Input!$C$22,0)</f>
        <v>0</v>
      </c>
      <c r="R609" s="58">
        <v>55.980686672636601</v>
      </c>
      <c r="S609" s="124">
        <f t="shared" si="9"/>
        <v>1.0907054271608414</v>
      </c>
    </row>
    <row r="610" spans="8:19" x14ac:dyDescent="0.3">
      <c r="H610" s="44">
        <v>603</v>
      </c>
      <c r="I610" s="56">
        <f>Bühler!I636</f>
        <v>0.25170125242173264</v>
      </c>
      <c r="J610" s="59">
        <f>Bühler!J636</f>
        <v>0.83900417473910882</v>
      </c>
      <c r="K610" s="59">
        <f>Bühler!K636</f>
        <v>1.2585062621086631</v>
      </c>
      <c r="L610" s="59">
        <f>Bühler!L636</f>
        <v>6.0408300581215828</v>
      </c>
      <c r="M610" s="58">
        <f>Bühler!M636</f>
        <v>0</v>
      </c>
      <c r="N610" s="56">
        <f>IF(Input!$D$19=1,J610*Input!$C$19,0)+IF(Input!$D$20=1,K610*Input!$C$20,0)+IF(Input!$D$21=1,L610*Input!$C$21,0)+IF(Input!$D$22=1,M610*Input!$C$22,0)</f>
        <v>0.25170125242173264</v>
      </c>
      <c r="O610" s="59">
        <f>IF(Input!$D$19=2,J610*Input!$C$19,0)+IF(Input!$D$20=2,K610*Input!$C$20,0)+IF(Input!$D$21=2,L610*Input!$C$21,0)+IF(Input!$D$22=2,M610*Input!$C$22,0)</f>
        <v>0.62925313105433156</v>
      </c>
      <c r="P610" s="59">
        <f>IF(Input!$D$19=3,J610*Input!$C$19,0)+IF(Input!$D$20=3,K610*Input!$C$20,0)+IF(Input!$D$21=3,L610*Input!$C$21,0)+IF(Input!$D$22=3,M610*Input!$C$22,0)</f>
        <v>0</v>
      </c>
      <c r="Q610" s="75">
        <f>IF(Input!$D$19=4,J610*Input!$C$19,0)+IF(Input!$D$20=4,K610*Input!$C$20,0)+IF(Input!$D$21=4,L610*Input!$C$21,0)+IF(Input!$D$22=4,M610*Input!$C$22,0)</f>
        <v>0</v>
      </c>
      <c r="R610" s="58">
        <v>56.476214176507689</v>
      </c>
      <c r="S610" s="124">
        <f t="shared" si="9"/>
        <v>1.0907054271608414</v>
      </c>
    </row>
    <row r="611" spans="8:19" x14ac:dyDescent="0.3">
      <c r="H611" s="44">
        <v>604</v>
      </c>
      <c r="I611" s="56">
        <f>Bühler!I637</f>
        <v>0.25170125242173264</v>
      </c>
      <c r="J611" s="59">
        <f>Bühler!J637</f>
        <v>0.83900417473910882</v>
      </c>
      <c r="K611" s="59">
        <f>Bühler!K637</f>
        <v>1.2585062621086631</v>
      </c>
      <c r="L611" s="59">
        <f>Bühler!L637</f>
        <v>6.0408300581215828</v>
      </c>
      <c r="M611" s="58">
        <f>Bühler!M637</f>
        <v>0</v>
      </c>
      <c r="N611" s="56">
        <f>IF(Input!$D$19=1,J611*Input!$C$19,0)+IF(Input!$D$20=1,K611*Input!$C$20,0)+IF(Input!$D$21=1,L611*Input!$C$21,0)+IF(Input!$D$22=1,M611*Input!$C$22,0)</f>
        <v>0.25170125242173264</v>
      </c>
      <c r="O611" s="59">
        <f>IF(Input!$D$19=2,J611*Input!$C$19,0)+IF(Input!$D$20=2,K611*Input!$C$20,0)+IF(Input!$D$21=2,L611*Input!$C$21,0)+IF(Input!$D$22=2,M611*Input!$C$22,0)</f>
        <v>0.62925313105433156</v>
      </c>
      <c r="P611" s="59">
        <f>IF(Input!$D$19=3,J611*Input!$C$19,0)+IF(Input!$D$20=3,K611*Input!$C$20,0)+IF(Input!$D$21=3,L611*Input!$C$21,0)+IF(Input!$D$22=3,M611*Input!$C$22,0)</f>
        <v>0</v>
      </c>
      <c r="Q611" s="75">
        <f>IF(Input!$D$19=4,J611*Input!$C$19,0)+IF(Input!$D$20=4,K611*Input!$C$20,0)+IF(Input!$D$21=4,L611*Input!$C$21,0)+IF(Input!$D$22=4,M611*Input!$C$22,0)</f>
        <v>0</v>
      </c>
      <c r="R611" s="58">
        <v>56.473524857979264</v>
      </c>
      <c r="S611" s="124">
        <f t="shared" si="9"/>
        <v>1.0907054271608414</v>
      </c>
    </row>
    <row r="612" spans="8:19" x14ac:dyDescent="0.3">
      <c r="H612" s="44">
        <v>605</v>
      </c>
      <c r="I612" s="56">
        <f>Bühler!I638</f>
        <v>0.25170125242173264</v>
      </c>
      <c r="J612" s="59">
        <f>Bühler!J638</f>
        <v>0.83900417473910882</v>
      </c>
      <c r="K612" s="59">
        <f>Bühler!K638</f>
        <v>1.2585062621086631</v>
      </c>
      <c r="L612" s="59">
        <f>Bühler!L638</f>
        <v>6.0408300581215828</v>
      </c>
      <c r="M612" s="58">
        <f>Bühler!M638</f>
        <v>0</v>
      </c>
      <c r="N612" s="56">
        <f>IF(Input!$D$19=1,J612*Input!$C$19,0)+IF(Input!$D$20=1,K612*Input!$C$20,0)+IF(Input!$D$21=1,L612*Input!$C$21,0)+IF(Input!$D$22=1,M612*Input!$C$22,0)</f>
        <v>0.25170125242173264</v>
      </c>
      <c r="O612" s="59">
        <f>IF(Input!$D$19=2,J612*Input!$C$19,0)+IF(Input!$D$20=2,K612*Input!$C$20,0)+IF(Input!$D$21=2,L612*Input!$C$21,0)+IF(Input!$D$22=2,M612*Input!$C$22,0)</f>
        <v>0.62925313105433156</v>
      </c>
      <c r="P612" s="59">
        <f>IF(Input!$D$19=3,J612*Input!$C$19,0)+IF(Input!$D$20=3,K612*Input!$C$20,0)+IF(Input!$D$21=3,L612*Input!$C$21,0)+IF(Input!$D$22=3,M612*Input!$C$22,0)</f>
        <v>0</v>
      </c>
      <c r="Q612" s="75">
        <f>IF(Input!$D$19=4,J612*Input!$C$19,0)+IF(Input!$D$20=4,K612*Input!$C$20,0)+IF(Input!$D$21=4,L612*Input!$C$21,0)+IF(Input!$D$22=4,M612*Input!$C$22,0)</f>
        <v>0</v>
      </c>
      <c r="R612" s="58">
        <v>57.68905028942163</v>
      </c>
      <c r="S612" s="124">
        <f t="shared" si="9"/>
        <v>1.0907054271608414</v>
      </c>
    </row>
    <row r="613" spans="8:19" x14ac:dyDescent="0.3">
      <c r="H613" s="44">
        <v>606</v>
      </c>
      <c r="I613" s="56">
        <f>Bühler!I639</f>
        <v>0.32441494756578876</v>
      </c>
      <c r="J613" s="59">
        <f>Bühler!J639</f>
        <v>1.0813831585526292</v>
      </c>
      <c r="K613" s="59">
        <f>Bühler!K639</f>
        <v>1.622074737828944</v>
      </c>
      <c r="L613" s="59">
        <f>Bühler!L639</f>
        <v>7.7859587415789306</v>
      </c>
      <c r="M613" s="58">
        <f>Bühler!M639</f>
        <v>0</v>
      </c>
      <c r="N613" s="56">
        <f>IF(Input!$D$19=1,J613*Input!$C$19,0)+IF(Input!$D$20=1,K613*Input!$C$20,0)+IF(Input!$D$21=1,L613*Input!$C$21,0)+IF(Input!$D$22=1,M613*Input!$C$22,0)</f>
        <v>0.32441494756578876</v>
      </c>
      <c r="O613" s="59">
        <f>IF(Input!$D$19=2,J613*Input!$C$19,0)+IF(Input!$D$20=2,K613*Input!$C$20,0)+IF(Input!$D$21=2,L613*Input!$C$21,0)+IF(Input!$D$22=2,M613*Input!$C$22,0)</f>
        <v>0.81103736891447198</v>
      </c>
      <c r="P613" s="59">
        <f>IF(Input!$D$19=3,J613*Input!$C$19,0)+IF(Input!$D$20=3,K613*Input!$C$20,0)+IF(Input!$D$21=3,L613*Input!$C$21,0)+IF(Input!$D$22=3,M613*Input!$C$22,0)</f>
        <v>0</v>
      </c>
      <c r="Q613" s="75">
        <f>IF(Input!$D$19=4,J613*Input!$C$19,0)+IF(Input!$D$20=4,K613*Input!$C$20,0)+IF(Input!$D$21=4,L613*Input!$C$21,0)+IF(Input!$D$22=4,M613*Input!$C$22,0)</f>
        <v>0</v>
      </c>
      <c r="R613" s="58">
        <v>60.452352203188134</v>
      </c>
      <c r="S613" s="124">
        <f t="shared" si="9"/>
        <v>1.4057981061184179</v>
      </c>
    </row>
    <row r="614" spans="8:19" x14ac:dyDescent="0.3">
      <c r="H614" s="44">
        <v>607</v>
      </c>
      <c r="I614" s="56">
        <f>Bühler!I640</f>
        <v>0.39153528154491751</v>
      </c>
      <c r="J614" s="59">
        <f>Bühler!J640</f>
        <v>1.3051176051497251</v>
      </c>
      <c r="K614" s="59">
        <f>Bühler!K640</f>
        <v>1.9576764077245876</v>
      </c>
      <c r="L614" s="59">
        <f>Bühler!L640</f>
        <v>9.3968467570780199</v>
      </c>
      <c r="M614" s="58">
        <f>Bühler!M640</f>
        <v>0</v>
      </c>
      <c r="N614" s="56">
        <f>IF(Input!$D$19=1,J614*Input!$C$19,0)+IF(Input!$D$20=1,K614*Input!$C$20,0)+IF(Input!$D$21=1,L614*Input!$C$21,0)+IF(Input!$D$22=1,M614*Input!$C$22,0)</f>
        <v>0.39153528154491751</v>
      </c>
      <c r="O614" s="59">
        <f>IF(Input!$D$19=2,J614*Input!$C$19,0)+IF(Input!$D$20=2,K614*Input!$C$20,0)+IF(Input!$D$21=2,L614*Input!$C$21,0)+IF(Input!$D$22=2,M614*Input!$C$22,0)</f>
        <v>0.97883820386229381</v>
      </c>
      <c r="P614" s="59">
        <f>IF(Input!$D$19=3,J614*Input!$C$19,0)+IF(Input!$D$20=3,K614*Input!$C$20,0)+IF(Input!$D$21=3,L614*Input!$C$21,0)+IF(Input!$D$22=3,M614*Input!$C$22,0)</f>
        <v>0</v>
      </c>
      <c r="Q614" s="75">
        <f>IF(Input!$D$19=4,J614*Input!$C$19,0)+IF(Input!$D$20=4,K614*Input!$C$20,0)+IF(Input!$D$21=4,L614*Input!$C$21,0)+IF(Input!$D$22=4,M614*Input!$C$22,0)</f>
        <v>0</v>
      </c>
      <c r="R614" s="58">
        <v>63.250211685482668</v>
      </c>
      <c r="S614" s="124">
        <f t="shared" si="9"/>
        <v>1.6966528866946426</v>
      </c>
    </row>
    <row r="615" spans="8:19" x14ac:dyDescent="0.3">
      <c r="H615" s="44">
        <v>608</v>
      </c>
      <c r="I615" s="56">
        <f>Bühler!I641</f>
        <v>0.39153528154491751</v>
      </c>
      <c r="J615" s="59">
        <f>Bühler!J641</f>
        <v>1.3051176051497251</v>
      </c>
      <c r="K615" s="59">
        <f>Bühler!K641</f>
        <v>1.9576764077245876</v>
      </c>
      <c r="L615" s="59">
        <f>Bühler!L641</f>
        <v>9.3968467570780199</v>
      </c>
      <c r="M615" s="58">
        <f>Bühler!M641</f>
        <v>0</v>
      </c>
      <c r="N615" s="56">
        <f>IF(Input!$D$19=1,J615*Input!$C$19,0)+IF(Input!$D$20=1,K615*Input!$C$20,0)+IF(Input!$D$21=1,L615*Input!$C$21,0)+IF(Input!$D$22=1,M615*Input!$C$22,0)</f>
        <v>0.39153528154491751</v>
      </c>
      <c r="O615" s="59">
        <f>IF(Input!$D$19=2,J615*Input!$C$19,0)+IF(Input!$D$20=2,K615*Input!$C$20,0)+IF(Input!$D$21=2,L615*Input!$C$21,0)+IF(Input!$D$22=2,M615*Input!$C$22,0)</f>
        <v>0.97883820386229381</v>
      </c>
      <c r="P615" s="59">
        <f>IF(Input!$D$19=3,J615*Input!$C$19,0)+IF(Input!$D$20=3,K615*Input!$C$20,0)+IF(Input!$D$21=3,L615*Input!$C$21,0)+IF(Input!$D$22=3,M615*Input!$C$22,0)</f>
        <v>0</v>
      </c>
      <c r="Q615" s="75">
        <f>IF(Input!$D$19=4,J615*Input!$C$19,0)+IF(Input!$D$20=4,K615*Input!$C$20,0)+IF(Input!$D$21=4,L615*Input!$C$21,0)+IF(Input!$D$22=4,M615*Input!$C$22,0)</f>
        <v>0</v>
      </c>
      <c r="R615" s="58">
        <v>63.633644696290816</v>
      </c>
      <c r="S615" s="124">
        <f t="shared" si="9"/>
        <v>1.6966528866946426</v>
      </c>
    </row>
    <row r="616" spans="8:19" x14ac:dyDescent="0.3">
      <c r="H616" s="44">
        <v>609</v>
      </c>
      <c r="I616" s="56">
        <f>Bühler!I642</f>
        <v>0.39153528154491751</v>
      </c>
      <c r="J616" s="59">
        <f>Bühler!J642</f>
        <v>1.3051176051497251</v>
      </c>
      <c r="K616" s="59">
        <f>Bühler!K642</f>
        <v>1.9576764077245876</v>
      </c>
      <c r="L616" s="59">
        <f>Bühler!L642</f>
        <v>9.3968467570780199</v>
      </c>
      <c r="M616" s="58">
        <f>Bühler!M642</f>
        <v>0</v>
      </c>
      <c r="N616" s="56">
        <f>IF(Input!$D$19=1,J616*Input!$C$19,0)+IF(Input!$D$20=1,K616*Input!$C$20,0)+IF(Input!$D$21=1,L616*Input!$C$21,0)+IF(Input!$D$22=1,M616*Input!$C$22,0)</f>
        <v>0.39153528154491751</v>
      </c>
      <c r="O616" s="59">
        <f>IF(Input!$D$19=2,J616*Input!$C$19,0)+IF(Input!$D$20=2,K616*Input!$C$20,0)+IF(Input!$D$21=2,L616*Input!$C$21,0)+IF(Input!$D$22=2,M616*Input!$C$22,0)</f>
        <v>0.97883820386229381</v>
      </c>
      <c r="P616" s="59">
        <f>IF(Input!$D$19=3,J616*Input!$C$19,0)+IF(Input!$D$20=3,K616*Input!$C$20,0)+IF(Input!$D$21=3,L616*Input!$C$21,0)+IF(Input!$D$22=3,M616*Input!$C$22,0)</f>
        <v>0</v>
      </c>
      <c r="Q616" s="75">
        <f>IF(Input!$D$19=4,J616*Input!$C$19,0)+IF(Input!$D$20=4,K616*Input!$C$20,0)+IF(Input!$D$21=4,L616*Input!$C$21,0)+IF(Input!$D$22=4,M616*Input!$C$22,0)</f>
        <v>0</v>
      </c>
      <c r="R616" s="58">
        <v>63.862125953568899</v>
      </c>
      <c r="S616" s="124">
        <f t="shared" si="9"/>
        <v>1.6966528866946426</v>
      </c>
    </row>
    <row r="617" spans="8:19" x14ac:dyDescent="0.3">
      <c r="H617" s="44">
        <v>610</v>
      </c>
      <c r="I617" s="56">
        <f>Bühler!I643</f>
        <v>0.41950208736955447</v>
      </c>
      <c r="J617" s="59">
        <f>Bühler!J643</f>
        <v>1.3983402912318483</v>
      </c>
      <c r="K617" s="59">
        <f>Bühler!K643</f>
        <v>2.0975104368477724</v>
      </c>
      <c r="L617" s="59">
        <f>Bühler!L643</f>
        <v>10.068050096869307</v>
      </c>
      <c r="M617" s="58">
        <f>Bühler!M643</f>
        <v>0</v>
      </c>
      <c r="N617" s="56">
        <f>IF(Input!$D$19=1,J617*Input!$C$19,0)+IF(Input!$D$20=1,K617*Input!$C$20,0)+IF(Input!$D$21=1,L617*Input!$C$21,0)+IF(Input!$D$22=1,M617*Input!$C$22,0)</f>
        <v>0.41950208736955447</v>
      </c>
      <c r="O617" s="59">
        <f>IF(Input!$D$19=2,J617*Input!$C$19,0)+IF(Input!$D$20=2,K617*Input!$C$20,0)+IF(Input!$D$21=2,L617*Input!$C$21,0)+IF(Input!$D$22=2,M617*Input!$C$22,0)</f>
        <v>1.0487552184238862</v>
      </c>
      <c r="P617" s="59">
        <f>IF(Input!$D$19=3,J617*Input!$C$19,0)+IF(Input!$D$20=3,K617*Input!$C$20,0)+IF(Input!$D$21=3,L617*Input!$C$21,0)+IF(Input!$D$22=3,M617*Input!$C$22,0)</f>
        <v>0</v>
      </c>
      <c r="Q617" s="75">
        <f>IF(Input!$D$19=4,J617*Input!$C$19,0)+IF(Input!$D$20=4,K617*Input!$C$20,0)+IF(Input!$D$21=4,L617*Input!$C$21,0)+IF(Input!$D$22=4,M617*Input!$C$22,0)</f>
        <v>0</v>
      </c>
      <c r="R617" s="58">
        <v>62.681940070907551</v>
      </c>
      <c r="S617" s="124">
        <f t="shared" si="9"/>
        <v>1.8178423786014029</v>
      </c>
    </row>
    <row r="618" spans="8:19" x14ac:dyDescent="0.3">
      <c r="H618" s="44">
        <v>611</v>
      </c>
      <c r="I618" s="56">
        <f>Bühler!I644</f>
        <v>0.43628217086433663</v>
      </c>
      <c r="J618" s="59">
        <f>Bühler!J644</f>
        <v>1.4542739028811222</v>
      </c>
      <c r="K618" s="59">
        <f>Bühler!K644</f>
        <v>2.1814108543216832</v>
      </c>
      <c r="L618" s="59">
        <f>Bühler!L644</f>
        <v>10.470772100744078</v>
      </c>
      <c r="M618" s="58">
        <f>Bühler!M644</f>
        <v>0</v>
      </c>
      <c r="N618" s="56">
        <f>IF(Input!$D$19=1,J618*Input!$C$19,0)+IF(Input!$D$20=1,K618*Input!$C$20,0)+IF(Input!$D$21=1,L618*Input!$C$21,0)+IF(Input!$D$22=1,M618*Input!$C$22,0)</f>
        <v>0.43628217086433668</v>
      </c>
      <c r="O618" s="59">
        <f>IF(Input!$D$19=2,J618*Input!$C$19,0)+IF(Input!$D$20=2,K618*Input!$C$20,0)+IF(Input!$D$21=2,L618*Input!$C$21,0)+IF(Input!$D$22=2,M618*Input!$C$22,0)</f>
        <v>1.0907054271608416</v>
      </c>
      <c r="P618" s="59">
        <f>IF(Input!$D$19=3,J618*Input!$C$19,0)+IF(Input!$D$20=3,K618*Input!$C$20,0)+IF(Input!$D$21=3,L618*Input!$C$21,0)+IF(Input!$D$22=3,M618*Input!$C$22,0)</f>
        <v>0</v>
      </c>
      <c r="Q618" s="75">
        <f>IF(Input!$D$19=4,J618*Input!$C$19,0)+IF(Input!$D$20=4,K618*Input!$C$20,0)+IF(Input!$D$21=4,L618*Input!$C$21,0)+IF(Input!$D$22=4,M618*Input!$C$22,0)</f>
        <v>0</v>
      </c>
      <c r="R618" s="58">
        <v>62.827680976145139</v>
      </c>
      <c r="S618" s="124">
        <f t="shared" si="9"/>
        <v>1.8905560737454588</v>
      </c>
    </row>
    <row r="619" spans="8:19" x14ac:dyDescent="0.3">
      <c r="H619" s="44">
        <v>612</v>
      </c>
      <c r="I619" s="56">
        <f>Bühler!I645</f>
        <v>0.50340250484346527</v>
      </c>
      <c r="J619" s="59">
        <f>Bühler!J645</f>
        <v>1.6780083494782176</v>
      </c>
      <c r="K619" s="59">
        <f>Bühler!K645</f>
        <v>2.5170125242173262</v>
      </c>
      <c r="L619" s="59">
        <f>Bühler!L645</f>
        <v>12.081660116243166</v>
      </c>
      <c r="M619" s="58">
        <f>Bühler!M645</f>
        <v>0</v>
      </c>
      <c r="N619" s="56">
        <f>IF(Input!$D$19=1,J619*Input!$C$19,0)+IF(Input!$D$20=1,K619*Input!$C$20,0)+IF(Input!$D$21=1,L619*Input!$C$21,0)+IF(Input!$D$22=1,M619*Input!$C$22,0)</f>
        <v>0.50340250484346527</v>
      </c>
      <c r="O619" s="59">
        <f>IF(Input!$D$19=2,J619*Input!$C$19,0)+IF(Input!$D$20=2,K619*Input!$C$20,0)+IF(Input!$D$21=2,L619*Input!$C$21,0)+IF(Input!$D$22=2,M619*Input!$C$22,0)</f>
        <v>1.2585062621086631</v>
      </c>
      <c r="P619" s="59">
        <f>IF(Input!$D$19=3,J619*Input!$C$19,0)+IF(Input!$D$20=3,K619*Input!$C$20,0)+IF(Input!$D$21=3,L619*Input!$C$21,0)+IF(Input!$D$22=3,M619*Input!$C$22,0)</f>
        <v>0</v>
      </c>
      <c r="Q619" s="75">
        <f>IF(Input!$D$19=4,J619*Input!$C$19,0)+IF(Input!$D$20=4,K619*Input!$C$20,0)+IF(Input!$D$21=4,L619*Input!$C$21,0)+IF(Input!$D$22=4,M619*Input!$C$22,0)</f>
        <v>0</v>
      </c>
      <c r="R619" s="58">
        <v>62.84332475893207</v>
      </c>
      <c r="S619" s="124">
        <f t="shared" si="9"/>
        <v>2.1814108543216828</v>
      </c>
    </row>
    <row r="620" spans="8:19" x14ac:dyDescent="0.3">
      <c r="H620" s="44">
        <v>613</v>
      </c>
      <c r="I620" s="56">
        <f>Bühler!I646</f>
        <v>0.50340250484346527</v>
      </c>
      <c r="J620" s="59">
        <f>Bühler!J646</f>
        <v>1.6780083494782176</v>
      </c>
      <c r="K620" s="59">
        <f>Bühler!K646</f>
        <v>2.5170125242173262</v>
      </c>
      <c r="L620" s="59">
        <f>Bühler!L646</f>
        <v>12.081660116243166</v>
      </c>
      <c r="M620" s="58">
        <f>Bühler!M646</f>
        <v>0</v>
      </c>
      <c r="N620" s="56">
        <f>IF(Input!$D$19=1,J620*Input!$C$19,0)+IF(Input!$D$20=1,K620*Input!$C$20,0)+IF(Input!$D$21=1,L620*Input!$C$21,0)+IF(Input!$D$22=1,M620*Input!$C$22,0)</f>
        <v>0.50340250484346527</v>
      </c>
      <c r="O620" s="59">
        <f>IF(Input!$D$19=2,J620*Input!$C$19,0)+IF(Input!$D$20=2,K620*Input!$C$20,0)+IF(Input!$D$21=2,L620*Input!$C$21,0)+IF(Input!$D$22=2,M620*Input!$C$22,0)</f>
        <v>1.2585062621086631</v>
      </c>
      <c r="P620" s="59">
        <f>IF(Input!$D$19=3,J620*Input!$C$19,0)+IF(Input!$D$20=3,K620*Input!$C$20,0)+IF(Input!$D$21=3,L620*Input!$C$21,0)+IF(Input!$D$22=3,M620*Input!$C$22,0)</f>
        <v>0</v>
      </c>
      <c r="Q620" s="75">
        <f>IF(Input!$D$19=4,J620*Input!$C$19,0)+IF(Input!$D$20=4,K620*Input!$C$20,0)+IF(Input!$D$21=4,L620*Input!$C$21,0)+IF(Input!$D$22=4,M620*Input!$C$22,0)</f>
        <v>0</v>
      </c>
      <c r="R620" s="58">
        <v>61.940108322627488</v>
      </c>
      <c r="S620" s="124">
        <f t="shared" si="9"/>
        <v>2.1814108543216828</v>
      </c>
    </row>
    <row r="621" spans="8:19" x14ac:dyDescent="0.3">
      <c r="H621" s="44">
        <v>614</v>
      </c>
      <c r="I621" s="56">
        <f>Bühler!I647</f>
        <v>0.50340250484346527</v>
      </c>
      <c r="J621" s="59">
        <f>Bühler!J647</f>
        <v>1.6780083494782176</v>
      </c>
      <c r="K621" s="59">
        <f>Bühler!K647</f>
        <v>2.5170125242173262</v>
      </c>
      <c r="L621" s="59">
        <f>Bühler!L647</f>
        <v>12.081660116243166</v>
      </c>
      <c r="M621" s="58">
        <f>Bühler!M647</f>
        <v>0</v>
      </c>
      <c r="N621" s="56">
        <f>IF(Input!$D$19=1,J621*Input!$C$19,0)+IF(Input!$D$20=1,K621*Input!$C$20,0)+IF(Input!$D$21=1,L621*Input!$C$21,0)+IF(Input!$D$22=1,M621*Input!$C$22,0)</f>
        <v>0.50340250484346527</v>
      </c>
      <c r="O621" s="59">
        <f>IF(Input!$D$19=2,J621*Input!$C$19,0)+IF(Input!$D$20=2,K621*Input!$C$20,0)+IF(Input!$D$21=2,L621*Input!$C$21,0)+IF(Input!$D$22=2,M621*Input!$C$22,0)</f>
        <v>1.2585062621086631</v>
      </c>
      <c r="P621" s="59">
        <f>IF(Input!$D$19=3,J621*Input!$C$19,0)+IF(Input!$D$20=3,K621*Input!$C$20,0)+IF(Input!$D$21=3,L621*Input!$C$21,0)+IF(Input!$D$22=3,M621*Input!$C$22,0)</f>
        <v>0</v>
      </c>
      <c r="Q621" s="75">
        <f>IF(Input!$D$19=4,J621*Input!$C$19,0)+IF(Input!$D$20=4,K621*Input!$C$20,0)+IF(Input!$D$21=4,L621*Input!$C$21,0)+IF(Input!$D$22=4,M621*Input!$C$22,0)</f>
        <v>0</v>
      </c>
      <c r="R621" s="58">
        <v>61.474692658220086</v>
      </c>
      <c r="S621" s="124">
        <f t="shared" si="9"/>
        <v>2.1814108543216828</v>
      </c>
    </row>
    <row r="622" spans="8:19" x14ac:dyDescent="0.3">
      <c r="H622" s="44">
        <v>615</v>
      </c>
      <c r="I622" s="56">
        <f>Bühler!I648</f>
        <v>0.50340250484346527</v>
      </c>
      <c r="J622" s="59">
        <f>Bühler!J648</f>
        <v>1.6780083494782176</v>
      </c>
      <c r="K622" s="59">
        <f>Bühler!K648</f>
        <v>2.5170125242173262</v>
      </c>
      <c r="L622" s="59">
        <f>Bühler!L648</f>
        <v>12.081660116243166</v>
      </c>
      <c r="M622" s="58">
        <f>Bühler!M648</f>
        <v>0</v>
      </c>
      <c r="N622" s="56">
        <f>IF(Input!$D$19=1,J622*Input!$C$19,0)+IF(Input!$D$20=1,K622*Input!$C$20,0)+IF(Input!$D$21=1,L622*Input!$C$21,0)+IF(Input!$D$22=1,M622*Input!$C$22,0)</f>
        <v>0.50340250484346527</v>
      </c>
      <c r="O622" s="59">
        <f>IF(Input!$D$19=2,J622*Input!$C$19,0)+IF(Input!$D$20=2,K622*Input!$C$20,0)+IF(Input!$D$21=2,L622*Input!$C$21,0)+IF(Input!$D$22=2,M622*Input!$C$22,0)</f>
        <v>1.2585062621086631</v>
      </c>
      <c r="P622" s="59">
        <f>IF(Input!$D$19=3,J622*Input!$C$19,0)+IF(Input!$D$20=3,K622*Input!$C$20,0)+IF(Input!$D$21=3,L622*Input!$C$21,0)+IF(Input!$D$22=3,M622*Input!$C$22,0)</f>
        <v>0</v>
      </c>
      <c r="Q622" s="75">
        <f>IF(Input!$D$19=4,J622*Input!$C$19,0)+IF(Input!$D$20=4,K622*Input!$C$20,0)+IF(Input!$D$21=4,L622*Input!$C$21,0)+IF(Input!$D$22=4,M622*Input!$C$22,0)</f>
        <v>0</v>
      </c>
      <c r="R622" s="58">
        <v>61.241215172999816</v>
      </c>
      <c r="S622" s="124">
        <f t="shared" si="9"/>
        <v>2.1814108543216828</v>
      </c>
    </row>
    <row r="623" spans="8:19" x14ac:dyDescent="0.3">
      <c r="H623" s="44">
        <v>616</v>
      </c>
      <c r="I623" s="56">
        <f>Bühler!I649</f>
        <v>0.41950208736955447</v>
      </c>
      <c r="J623" s="59">
        <f>Bühler!J649</f>
        <v>1.3983402912318483</v>
      </c>
      <c r="K623" s="59">
        <f>Bühler!K649</f>
        <v>2.0975104368477724</v>
      </c>
      <c r="L623" s="59">
        <f>Bühler!L649</f>
        <v>10.068050096869307</v>
      </c>
      <c r="M623" s="58">
        <f>Bühler!M649</f>
        <v>0</v>
      </c>
      <c r="N623" s="56">
        <f>IF(Input!$D$19=1,J623*Input!$C$19,0)+IF(Input!$D$20=1,K623*Input!$C$20,0)+IF(Input!$D$21=1,L623*Input!$C$21,0)+IF(Input!$D$22=1,M623*Input!$C$22,0)</f>
        <v>0.41950208736955447</v>
      </c>
      <c r="O623" s="59">
        <f>IF(Input!$D$19=2,J623*Input!$C$19,0)+IF(Input!$D$20=2,K623*Input!$C$20,0)+IF(Input!$D$21=2,L623*Input!$C$21,0)+IF(Input!$D$22=2,M623*Input!$C$22,0)</f>
        <v>1.0487552184238862</v>
      </c>
      <c r="P623" s="59">
        <f>IF(Input!$D$19=3,J623*Input!$C$19,0)+IF(Input!$D$20=3,K623*Input!$C$20,0)+IF(Input!$D$21=3,L623*Input!$C$21,0)+IF(Input!$D$22=3,M623*Input!$C$22,0)</f>
        <v>0</v>
      </c>
      <c r="Q623" s="75">
        <f>IF(Input!$D$19=4,J623*Input!$C$19,0)+IF(Input!$D$20=4,K623*Input!$C$20,0)+IF(Input!$D$21=4,L623*Input!$C$21,0)+IF(Input!$D$22=4,M623*Input!$C$22,0)</f>
        <v>0</v>
      </c>
      <c r="R623" s="58">
        <v>59.997086473394241</v>
      </c>
      <c r="S623" s="124">
        <f t="shared" si="9"/>
        <v>1.8178423786014029</v>
      </c>
    </row>
    <row r="624" spans="8:19" x14ac:dyDescent="0.3">
      <c r="H624" s="44">
        <v>617</v>
      </c>
      <c r="I624" s="56">
        <f>Bühler!I650</f>
        <v>0.39712864270984494</v>
      </c>
      <c r="J624" s="59">
        <f>Bühler!J650</f>
        <v>1.3237621423661499</v>
      </c>
      <c r="K624" s="59">
        <f>Bühler!K650</f>
        <v>1.9856432135492246</v>
      </c>
      <c r="L624" s="59">
        <f>Bühler!L650</f>
        <v>9.5310874250362776</v>
      </c>
      <c r="M624" s="58">
        <f>Bühler!M650</f>
        <v>0</v>
      </c>
      <c r="N624" s="56">
        <f>IF(Input!$D$19=1,J624*Input!$C$19,0)+IF(Input!$D$20=1,K624*Input!$C$20,0)+IF(Input!$D$21=1,L624*Input!$C$21,0)+IF(Input!$D$22=1,M624*Input!$C$22,0)</f>
        <v>0.39712864270984494</v>
      </c>
      <c r="O624" s="59">
        <f>IF(Input!$D$19=2,J624*Input!$C$19,0)+IF(Input!$D$20=2,K624*Input!$C$20,0)+IF(Input!$D$21=2,L624*Input!$C$21,0)+IF(Input!$D$22=2,M624*Input!$C$22,0)</f>
        <v>0.99282160677461229</v>
      </c>
      <c r="P624" s="59">
        <f>IF(Input!$D$19=3,J624*Input!$C$19,0)+IF(Input!$D$20=3,K624*Input!$C$20,0)+IF(Input!$D$21=3,L624*Input!$C$21,0)+IF(Input!$D$22=3,M624*Input!$C$22,0)</f>
        <v>0</v>
      </c>
      <c r="Q624" s="75">
        <f>IF(Input!$D$19=4,J624*Input!$C$19,0)+IF(Input!$D$20=4,K624*Input!$C$20,0)+IF(Input!$D$21=4,L624*Input!$C$21,0)+IF(Input!$D$22=4,M624*Input!$C$22,0)</f>
        <v>0</v>
      </c>
      <c r="R624" s="58">
        <v>59.139868693209074</v>
      </c>
      <c r="S624" s="124">
        <f t="shared" si="9"/>
        <v>1.7208907850759947</v>
      </c>
    </row>
    <row r="625" spans="8:19" x14ac:dyDescent="0.3">
      <c r="H625" s="44">
        <v>618</v>
      </c>
      <c r="I625" s="56">
        <f>Bühler!I651</f>
        <v>0.39712864270984494</v>
      </c>
      <c r="J625" s="59">
        <f>Bühler!J651</f>
        <v>1.3237621423661499</v>
      </c>
      <c r="K625" s="59">
        <f>Bühler!K651</f>
        <v>1.9856432135492246</v>
      </c>
      <c r="L625" s="59">
        <f>Bühler!L651</f>
        <v>9.5310874250362776</v>
      </c>
      <c r="M625" s="58">
        <f>Bühler!M651</f>
        <v>0</v>
      </c>
      <c r="N625" s="56">
        <f>IF(Input!$D$19=1,J625*Input!$C$19,0)+IF(Input!$D$20=1,K625*Input!$C$20,0)+IF(Input!$D$21=1,L625*Input!$C$21,0)+IF(Input!$D$22=1,M625*Input!$C$22,0)</f>
        <v>0.39712864270984494</v>
      </c>
      <c r="O625" s="59">
        <f>IF(Input!$D$19=2,J625*Input!$C$19,0)+IF(Input!$D$20=2,K625*Input!$C$20,0)+IF(Input!$D$21=2,L625*Input!$C$21,0)+IF(Input!$D$22=2,M625*Input!$C$22,0)</f>
        <v>0.99282160677461229</v>
      </c>
      <c r="P625" s="59">
        <f>IF(Input!$D$19=3,J625*Input!$C$19,0)+IF(Input!$D$20=3,K625*Input!$C$20,0)+IF(Input!$D$21=3,L625*Input!$C$21,0)+IF(Input!$D$22=3,M625*Input!$C$22,0)</f>
        <v>0</v>
      </c>
      <c r="Q625" s="75">
        <f>IF(Input!$D$19=4,J625*Input!$C$19,0)+IF(Input!$D$20=4,K625*Input!$C$20,0)+IF(Input!$D$21=4,L625*Input!$C$21,0)+IF(Input!$D$22=4,M625*Input!$C$22,0)</f>
        <v>0</v>
      </c>
      <c r="R625" s="58">
        <v>58.188698914938087</v>
      </c>
      <c r="S625" s="124">
        <f t="shared" si="9"/>
        <v>1.7208907850759947</v>
      </c>
    </row>
    <row r="626" spans="8:19" x14ac:dyDescent="0.3">
      <c r="H626" s="44">
        <v>619</v>
      </c>
      <c r="I626" s="56">
        <f>Bühler!I652</f>
        <v>0.39712864270984494</v>
      </c>
      <c r="J626" s="59">
        <f>Bühler!J652</f>
        <v>1.3237621423661499</v>
      </c>
      <c r="K626" s="59">
        <f>Bühler!K652</f>
        <v>1.9856432135492246</v>
      </c>
      <c r="L626" s="59">
        <f>Bühler!L652</f>
        <v>9.5310874250362776</v>
      </c>
      <c r="M626" s="58">
        <f>Bühler!M652</f>
        <v>0</v>
      </c>
      <c r="N626" s="56">
        <f>IF(Input!$D$19=1,J626*Input!$C$19,0)+IF(Input!$D$20=1,K626*Input!$C$20,0)+IF(Input!$D$21=1,L626*Input!$C$21,0)+IF(Input!$D$22=1,M626*Input!$C$22,0)</f>
        <v>0.39712864270984494</v>
      </c>
      <c r="O626" s="59">
        <f>IF(Input!$D$19=2,J626*Input!$C$19,0)+IF(Input!$D$20=2,K626*Input!$C$20,0)+IF(Input!$D$21=2,L626*Input!$C$21,0)+IF(Input!$D$22=2,M626*Input!$C$22,0)</f>
        <v>0.99282160677461229</v>
      </c>
      <c r="P626" s="59">
        <f>IF(Input!$D$19=3,J626*Input!$C$19,0)+IF(Input!$D$20=3,K626*Input!$C$20,0)+IF(Input!$D$21=3,L626*Input!$C$21,0)+IF(Input!$D$22=3,M626*Input!$C$22,0)</f>
        <v>0</v>
      </c>
      <c r="Q626" s="75">
        <f>IF(Input!$D$19=4,J626*Input!$C$19,0)+IF(Input!$D$20=4,K626*Input!$C$20,0)+IF(Input!$D$21=4,L626*Input!$C$21,0)+IF(Input!$D$22=4,M626*Input!$C$22,0)</f>
        <v>0</v>
      </c>
      <c r="R626" s="58">
        <v>56.73840782658624</v>
      </c>
      <c r="S626" s="124">
        <f t="shared" si="9"/>
        <v>1.7208907850759947</v>
      </c>
    </row>
    <row r="627" spans="8:19" x14ac:dyDescent="0.3">
      <c r="H627" s="44">
        <v>620</v>
      </c>
      <c r="I627" s="56">
        <f>Bühler!I653</f>
        <v>0.39712864270984494</v>
      </c>
      <c r="J627" s="59">
        <f>Bühler!J653</f>
        <v>1.3237621423661499</v>
      </c>
      <c r="K627" s="59">
        <f>Bühler!K653</f>
        <v>1.9856432135492246</v>
      </c>
      <c r="L627" s="59">
        <f>Bühler!L653</f>
        <v>9.5310874250362776</v>
      </c>
      <c r="M627" s="58">
        <f>Bühler!M653</f>
        <v>0</v>
      </c>
      <c r="N627" s="56">
        <f>IF(Input!$D$19=1,J627*Input!$C$19,0)+IF(Input!$D$20=1,K627*Input!$C$20,0)+IF(Input!$D$21=1,L627*Input!$C$21,0)+IF(Input!$D$22=1,M627*Input!$C$22,0)</f>
        <v>0.39712864270984494</v>
      </c>
      <c r="O627" s="59">
        <f>IF(Input!$D$19=2,J627*Input!$C$19,0)+IF(Input!$D$20=2,K627*Input!$C$20,0)+IF(Input!$D$21=2,L627*Input!$C$21,0)+IF(Input!$D$22=2,M627*Input!$C$22,0)</f>
        <v>0.99282160677461229</v>
      </c>
      <c r="P627" s="59">
        <f>IF(Input!$D$19=3,J627*Input!$C$19,0)+IF(Input!$D$20=3,K627*Input!$C$20,0)+IF(Input!$D$21=3,L627*Input!$C$21,0)+IF(Input!$D$22=3,M627*Input!$C$22,0)</f>
        <v>0</v>
      </c>
      <c r="Q627" s="75">
        <f>IF(Input!$D$19=4,J627*Input!$C$19,0)+IF(Input!$D$20=4,K627*Input!$C$20,0)+IF(Input!$D$21=4,L627*Input!$C$21,0)+IF(Input!$D$22=4,M627*Input!$C$22,0)</f>
        <v>0</v>
      </c>
      <c r="R627" s="58">
        <v>55.547834977247454</v>
      </c>
      <c r="S627" s="124">
        <f t="shared" si="9"/>
        <v>1.7208907850759947</v>
      </c>
    </row>
    <row r="628" spans="8:19" x14ac:dyDescent="0.3">
      <c r="H628" s="44">
        <v>621</v>
      </c>
      <c r="I628" s="56">
        <f>Bühler!I654</f>
        <v>0.3076348640710066</v>
      </c>
      <c r="J628" s="59">
        <f>Bühler!J654</f>
        <v>1.0254495469033553</v>
      </c>
      <c r="K628" s="59">
        <f>Bühler!K654</f>
        <v>1.5381743203550331</v>
      </c>
      <c r="L628" s="59">
        <f>Bühler!L654</f>
        <v>7.3832367377041583</v>
      </c>
      <c r="M628" s="58">
        <f>Bühler!M654</f>
        <v>0</v>
      </c>
      <c r="N628" s="56">
        <f>IF(Input!$D$19=1,J628*Input!$C$19,0)+IF(Input!$D$20=1,K628*Input!$C$20,0)+IF(Input!$D$21=1,L628*Input!$C$21,0)+IF(Input!$D$22=1,M628*Input!$C$22,0)</f>
        <v>0.3076348640710066</v>
      </c>
      <c r="O628" s="59">
        <f>IF(Input!$D$19=2,J628*Input!$C$19,0)+IF(Input!$D$20=2,K628*Input!$C$20,0)+IF(Input!$D$21=2,L628*Input!$C$21,0)+IF(Input!$D$22=2,M628*Input!$C$22,0)</f>
        <v>0.76908716017751655</v>
      </c>
      <c r="P628" s="59">
        <f>IF(Input!$D$19=3,J628*Input!$C$19,0)+IF(Input!$D$20=3,K628*Input!$C$20,0)+IF(Input!$D$21=3,L628*Input!$C$21,0)+IF(Input!$D$22=3,M628*Input!$C$22,0)</f>
        <v>0</v>
      </c>
      <c r="Q628" s="75">
        <f>IF(Input!$D$19=4,J628*Input!$C$19,0)+IF(Input!$D$20=4,K628*Input!$C$20,0)+IF(Input!$D$21=4,L628*Input!$C$21,0)+IF(Input!$D$22=4,M628*Input!$C$22,0)</f>
        <v>0</v>
      </c>
      <c r="R628" s="58">
        <v>54.795856118732637</v>
      </c>
      <c r="S628" s="124">
        <f t="shared" si="9"/>
        <v>1.333084410974362</v>
      </c>
    </row>
    <row r="629" spans="8:19" x14ac:dyDescent="0.3">
      <c r="H629" s="44">
        <v>622</v>
      </c>
      <c r="I629" s="56">
        <f>Bühler!I655</f>
        <v>0.11746058446347524</v>
      </c>
      <c r="J629" s="59">
        <f>Bühler!J655</f>
        <v>0.39153528154491751</v>
      </c>
      <c r="K629" s="59">
        <f>Bühler!K655</f>
        <v>0.58730292231737624</v>
      </c>
      <c r="L629" s="59">
        <f>Bühler!L655</f>
        <v>2.8190540271234057</v>
      </c>
      <c r="M629" s="58">
        <f>Bühler!M655</f>
        <v>0</v>
      </c>
      <c r="N629" s="56">
        <f>IF(Input!$D$19=1,J629*Input!$C$19,0)+IF(Input!$D$20=1,K629*Input!$C$20,0)+IF(Input!$D$21=1,L629*Input!$C$21,0)+IF(Input!$D$22=1,M629*Input!$C$22,0)</f>
        <v>0.11746058446347525</v>
      </c>
      <c r="O629" s="59">
        <f>IF(Input!$D$19=2,J629*Input!$C$19,0)+IF(Input!$D$20=2,K629*Input!$C$20,0)+IF(Input!$D$21=2,L629*Input!$C$21,0)+IF(Input!$D$22=2,M629*Input!$C$22,0)</f>
        <v>0.29365146115868812</v>
      </c>
      <c r="P629" s="59">
        <f>IF(Input!$D$19=3,J629*Input!$C$19,0)+IF(Input!$D$20=3,K629*Input!$C$20,0)+IF(Input!$D$21=3,L629*Input!$C$21,0)+IF(Input!$D$22=3,M629*Input!$C$22,0)</f>
        <v>0</v>
      </c>
      <c r="Q629" s="75">
        <f>IF(Input!$D$19=4,J629*Input!$C$19,0)+IF(Input!$D$20=4,K629*Input!$C$20,0)+IF(Input!$D$21=4,L629*Input!$C$21,0)+IF(Input!$D$22=4,M629*Input!$C$22,0)</f>
        <v>0</v>
      </c>
      <c r="R629" s="58">
        <v>53.664390200731241</v>
      </c>
      <c r="S629" s="124">
        <f t="shared" si="9"/>
        <v>0.50899586600839275</v>
      </c>
    </row>
    <row r="630" spans="8:19" x14ac:dyDescent="0.3">
      <c r="H630" s="44">
        <v>623</v>
      </c>
      <c r="I630" s="56">
        <f>Bühler!I656</f>
        <v>0.11746058446347524</v>
      </c>
      <c r="J630" s="59">
        <f>Bühler!J656</f>
        <v>0.39153528154491751</v>
      </c>
      <c r="K630" s="59">
        <f>Bühler!K656</f>
        <v>0.58730292231737624</v>
      </c>
      <c r="L630" s="59">
        <f>Bühler!L656</f>
        <v>2.8190540271234057</v>
      </c>
      <c r="M630" s="58">
        <f>Bühler!M656</f>
        <v>0</v>
      </c>
      <c r="N630" s="56">
        <f>IF(Input!$D$19=1,J630*Input!$C$19,0)+IF(Input!$D$20=1,K630*Input!$C$20,0)+IF(Input!$D$21=1,L630*Input!$C$21,0)+IF(Input!$D$22=1,M630*Input!$C$22,0)</f>
        <v>0.11746058446347525</v>
      </c>
      <c r="O630" s="59">
        <f>IF(Input!$D$19=2,J630*Input!$C$19,0)+IF(Input!$D$20=2,K630*Input!$C$20,0)+IF(Input!$D$21=2,L630*Input!$C$21,0)+IF(Input!$D$22=2,M630*Input!$C$22,0)</f>
        <v>0.29365146115868812</v>
      </c>
      <c r="P630" s="59">
        <f>IF(Input!$D$19=3,J630*Input!$C$19,0)+IF(Input!$D$20=3,K630*Input!$C$20,0)+IF(Input!$D$21=3,L630*Input!$C$21,0)+IF(Input!$D$22=3,M630*Input!$C$22,0)</f>
        <v>0</v>
      </c>
      <c r="Q630" s="75">
        <f>IF(Input!$D$19=4,J630*Input!$C$19,0)+IF(Input!$D$20=4,K630*Input!$C$20,0)+IF(Input!$D$21=4,L630*Input!$C$21,0)+IF(Input!$D$22=4,M630*Input!$C$22,0)</f>
        <v>0</v>
      </c>
      <c r="R630" s="58">
        <v>53.564726838080674</v>
      </c>
      <c r="S630" s="124">
        <f t="shared" si="9"/>
        <v>0.50899586600839275</v>
      </c>
    </row>
    <row r="631" spans="8:19" x14ac:dyDescent="0.3">
      <c r="H631" s="44">
        <v>624</v>
      </c>
      <c r="I631" s="56">
        <f>Bühler!I657</f>
        <v>0.11746058446347524</v>
      </c>
      <c r="J631" s="59">
        <f>Bühler!J657</f>
        <v>0.39153528154491751</v>
      </c>
      <c r="K631" s="59">
        <f>Bühler!K657</f>
        <v>0.58730292231737624</v>
      </c>
      <c r="L631" s="59">
        <f>Bühler!L657</f>
        <v>2.8190540271234057</v>
      </c>
      <c r="M631" s="58">
        <f>Bühler!M657</f>
        <v>0</v>
      </c>
      <c r="N631" s="56">
        <f>IF(Input!$D$19=1,J631*Input!$C$19,0)+IF(Input!$D$20=1,K631*Input!$C$20,0)+IF(Input!$D$21=1,L631*Input!$C$21,0)+IF(Input!$D$22=1,M631*Input!$C$22,0)</f>
        <v>0.11746058446347525</v>
      </c>
      <c r="O631" s="59">
        <f>IF(Input!$D$19=2,J631*Input!$C$19,0)+IF(Input!$D$20=2,K631*Input!$C$20,0)+IF(Input!$D$21=2,L631*Input!$C$21,0)+IF(Input!$D$22=2,M631*Input!$C$22,0)</f>
        <v>0.29365146115868812</v>
      </c>
      <c r="P631" s="59">
        <f>IF(Input!$D$19=3,J631*Input!$C$19,0)+IF(Input!$D$20=3,K631*Input!$C$20,0)+IF(Input!$D$21=3,L631*Input!$C$21,0)+IF(Input!$D$22=3,M631*Input!$C$22,0)</f>
        <v>0</v>
      </c>
      <c r="Q631" s="75">
        <f>IF(Input!$D$19=4,J631*Input!$C$19,0)+IF(Input!$D$20=4,K631*Input!$C$20,0)+IF(Input!$D$21=4,L631*Input!$C$21,0)+IF(Input!$D$22=4,M631*Input!$C$22,0)</f>
        <v>0</v>
      </c>
      <c r="R631" s="58">
        <v>52.560565026151117</v>
      </c>
      <c r="S631" s="124">
        <f t="shared" si="9"/>
        <v>0.50899586600839275</v>
      </c>
    </row>
    <row r="632" spans="8:19" x14ac:dyDescent="0.3">
      <c r="H632" s="44">
        <v>625</v>
      </c>
      <c r="I632" s="56">
        <f>Bühler!I658</f>
        <v>8.3000537797908294E-2</v>
      </c>
      <c r="J632" s="59">
        <f>Bühler!J658</f>
        <v>0.27666845932636103</v>
      </c>
      <c r="K632" s="59">
        <f>Bühler!K658</f>
        <v>0.41500268898954151</v>
      </c>
      <c r="L632" s="59">
        <f>Bühler!L658</f>
        <v>4.3194157295462343</v>
      </c>
      <c r="M632" s="58">
        <f>Bühler!M658</f>
        <v>0</v>
      </c>
      <c r="N632" s="56">
        <f>IF(Input!$D$19=1,J632*Input!$C$19,0)+IF(Input!$D$20=1,K632*Input!$C$20,0)+IF(Input!$D$21=1,L632*Input!$C$21,0)+IF(Input!$D$22=1,M632*Input!$C$22,0)</f>
        <v>8.3000537797908308E-2</v>
      </c>
      <c r="O632" s="59">
        <f>IF(Input!$D$19=2,J632*Input!$C$19,0)+IF(Input!$D$20=2,K632*Input!$C$20,0)+IF(Input!$D$21=2,L632*Input!$C$21,0)+IF(Input!$D$22=2,M632*Input!$C$22,0)</f>
        <v>0.20750134449477076</v>
      </c>
      <c r="P632" s="59">
        <f>IF(Input!$D$19=3,J632*Input!$C$19,0)+IF(Input!$D$20=3,K632*Input!$C$20,0)+IF(Input!$D$21=3,L632*Input!$C$21,0)+IF(Input!$D$22=3,M632*Input!$C$22,0)</f>
        <v>0</v>
      </c>
      <c r="Q632" s="75">
        <f>IF(Input!$D$19=4,J632*Input!$C$19,0)+IF(Input!$D$20=4,K632*Input!$C$20,0)+IF(Input!$D$21=4,L632*Input!$C$21,0)+IF(Input!$D$22=4,M632*Input!$C$22,0)</f>
        <v>0</v>
      </c>
      <c r="R632" s="58">
        <v>51.835793839649057</v>
      </c>
      <c r="S632" s="124">
        <f t="shared" si="9"/>
        <v>0.35966899712426931</v>
      </c>
    </row>
    <row r="633" spans="8:19" x14ac:dyDescent="0.3">
      <c r="H633" s="44">
        <v>626</v>
      </c>
      <c r="I633" s="56">
        <f>Bühler!I659</f>
        <v>0.16204866903401147</v>
      </c>
      <c r="J633" s="59">
        <f>Bühler!J659</f>
        <v>0.54016223011337161</v>
      </c>
      <c r="K633" s="59">
        <f>Bühler!K659</f>
        <v>0.81024334517005736</v>
      </c>
      <c r="L633" s="59">
        <f>Bühler!L659</f>
        <v>8.4331449957807436</v>
      </c>
      <c r="M633" s="58">
        <f>Bühler!M659</f>
        <v>0</v>
      </c>
      <c r="N633" s="56">
        <f>IF(Input!$D$19=1,J633*Input!$C$19,0)+IF(Input!$D$20=1,K633*Input!$C$20,0)+IF(Input!$D$21=1,L633*Input!$C$21,0)+IF(Input!$D$22=1,M633*Input!$C$22,0)</f>
        <v>0.16204866903401147</v>
      </c>
      <c r="O633" s="59">
        <f>IF(Input!$D$19=2,J633*Input!$C$19,0)+IF(Input!$D$20=2,K633*Input!$C$20,0)+IF(Input!$D$21=2,L633*Input!$C$21,0)+IF(Input!$D$22=2,M633*Input!$C$22,0)</f>
        <v>0.40512167258502868</v>
      </c>
      <c r="P633" s="59">
        <f>IF(Input!$D$19=3,J633*Input!$C$19,0)+IF(Input!$D$20=3,K633*Input!$C$20,0)+IF(Input!$D$21=3,L633*Input!$C$21,0)+IF(Input!$D$22=3,M633*Input!$C$22,0)</f>
        <v>0</v>
      </c>
      <c r="Q633" s="75">
        <f>IF(Input!$D$19=4,J633*Input!$C$19,0)+IF(Input!$D$20=4,K633*Input!$C$20,0)+IF(Input!$D$21=4,L633*Input!$C$21,0)+IF(Input!$D$22=4,M633*Input!$C$22,0)</f>
        <v>0</v>
      </c>
      <c r="R633" s="58">
        <v>52.111169806819106</v>
      </c>
      <c r="S633" s="124">
        <f t="shared" si="9"/>
        <v>0.70221089914738311</v>
      </c>
    </row>
    <row r="634" spans="8:19" x14ac:dyDescent="0.3">
      <c r="H634" s="44">
        <v>627</v>
      </c>
      <c r="I634" s="56">
        <f>Bühler!I660</f>
        <v>0.16204866903401147</v>
      </c>
      <c r="J634" s="59">
        <f>Bühler!J660</f>
        <v>0.54016223011337161</v>
      </c>
      <c r="K634" s="59">
        <f>Bühler!K660</f>
        <v>0.81024334517005736</v>
      </c>
      <c r="L634" s="59">
        <f>Bühler!L660</f>
        <v>8.4331449957807436</v>
      </c>
      <c r="M634" s="58">
        <f>Bühler!M660</f>
        <v>0</v>
      </c>
      <c r="N634" s="56">
        <f>IF(Input!$D$19=1,J634*Input!$C$19,0)+IF(Input!$D$20=1,K634*Input!$C$20,0)+IF(Input!$D$21=1,L634*Input!$C$21,0)+IF(Input!$D$22=1,M634*Input!$C$22,0)</f>
        <v>0.16204866903401147</v>
      </c>
      <c r="O634" s="59">
        <f>IF(Input!$D$19=2,J634*Input!$C$19,0)+IF(Input!$D$20=2,K634*Input!$C$20,0)+IF(Input!$D$21=2,L634*Input!$C$21,0)+IF(Input!$D$22=2,M634*Input!$C$22,0)</f>
        <v>0.40512167258502868</v>
      </c>
      <c r="P634" s="59">
        <f>IF(Input!$D$19=3,J634*Input!$C$19,0)+IF(Input!$D$20=3,K634*Input!$C$20,0)+IF(Input!$D$21=3,L634*Input!$C$21,0)+IF(Input!$D$22=3,M634*Input!$C$22,0)</f>
        <v>0</v>
      </c>
      <c r="Q634" s="75">
        <f>IF(Input!$D$19=4,J634*Input!$C$19,0)+IF(Input!$D$20=4,K634*Input!$C$20,0)+IF(Input!$D$21=4,L634*Input!$C$21,0)+IF(Input!$D$22=4,M634*Input!$C$22,0)</f>
        <v>0</v>
      </c>
      <c r="R634" s="58">
        <v>51.920655143221779</v>
      </c>
      <c r="S634" s="124">
        <f t="shared" si="9"/>
        <v>0.70221089914738311</v>
      </c>
    </row>
    <row r="635" spans="8:19" x14ac:dyDescent="0.3">
      <c r="H635" s="44">
        <v>628</v>
      </c>
      <c r="I635" s="56">
        <f>Bühler!I661</f>
        <v>0.16204866903401147</v>
      </c>
      <c r="J635" s="59">
        <f>Bühler!J661</f>
        <v>0.54016223011337161</v>
      </c>
      <c r="K635" s="59">
        <f>Bühler!K661</f>
        <v>0.81024334517005736</v>
      </c>
      <c r="L635" s="59">
        <f>Bühler!L661</f>
        <v>8.4331449957807436</v>
      </c>
      <c r="M635" s="58">
        <f>Bühler!M661</f>
        <v>0</v>
      </c>
      <c r="N635" s="56">
        <f>IF(Input!$D$19=1,J635*Input!$C$19,0)+IF(Input!$D$20=1,K635*Input!$C$20,0)+IF(Input!$D$21=1,L635*Input!$C$21,0)+IF(Input!$D$22=1,M635*Input!$C$22,0)</f>
        <v>0.16204866903401147</v>
      </c>
      <c r="O635" s="59">
        <f>IF(Input!$D$19=2,J635*Input!$C$19,0)+IF(Input!$D$20=2,K635*Input!$C$20,0)+IF(Input!$D$21=2,L635*Input!$C$21,0)+IF(Input!$D$22=2,M635*Input!$C$22,0)</f>
        <v>0.40512167258502868</v>
      </c>
      <c r="P635" s="59">
        <f>IF(Input!$D$19=3,J635*Input!$C$19,0)+IF(Input!$D$20=3,K635*Input!$C$20,0)+IF(Input!$D$21=3,L635*Input!$C$21,0)+IF(Input!$D$22=3,M635*Input!$C$22,0)</f>
        <v>0</v>
      </c>
      <c r="Q635" s="75">
        <f>IF(Input!$D$19=4,J635*Input!$C$19,0)+IF(Input!$D$20=4,K635*Input!$C$20,0)+IF(Input!$D$21=4,L635*Input!$C$21,0)+IF(Input!$D$22=4,M635*Input!$C$22,0)</f>
        <v>0</v>
      </c>
      <c r="R635" s="58">
        <v>50.86595230920495</v>
      </c>
      <c r="S635" s="124">
        <f t="shared" si="9"/>
        <v>0.70221089914738311</v>
      </c>
    </row>
    <row r="636" spans="8:19" x14ac:dyDescent="0.3">
      <c r="H636" s="44">
        <v>629</v>
      </c>
      <c r="I636" s="56">
        <f>Bühler!I662</f>
        <v>0.16204866903401147</v>
      </c>
      <c r="J636" s="59">
        <f>Bühler!J662</f>
        <v>0.54016223011337161</v>
      </c>
      <c r="K636" s="59">
        <f>Bühler!K662</f>
        <v>0.81024334517005736</v>
      </c>
      <c r="L636" s="59">
        <f>Bühler!L662</f>
        <v>8.4331449957807436</v>
      </c>
      <c r="M636" s="58">
        <f>Bühler!M662</f>
        <v>0</v>
      </c>
      <c r="N636" s="56">
        <f>IF(Input!$D$19=1,J636*Input!$C$19,0)+IF(Input!$D$20=1,K636*Input!$C$20,0)+IF(Input!$D$21=1,L636*Input!$C$21,0)+IF(Input!$D$22=1,M636*Input!$C$22,0)</f>
        <v>0.16204866903401147</v>
      </c>
      <c r="O636" s="59">
        <f>IF(Input!$D$19=2,J636*Input!$C$19,0)+IF(Input!$D$20=2,K636*Input!$C$20,0)+IF(Input!$D$21=2,L636*Input!$C$21,0)+IF(Input!$D$22=2,M636*Input!$C$22,0)</f>
        <v>0.40512167258502868</v>
      </c>
      <c r="P636" s="59">
        <f>IF(Input!$D$19=3,J636*Input!$C$19,0)+IF(Input!$D$20=3,K636*Input!$C$20,0)+IF(Input!$D$21=3,L636*Input!$C$21,0)+IF(Input!$D$22=3,M636*Input!$C$22,0)</f>
        <v>0</v>
      </c>
      <c r="Q636" s="75">
        <f>IF(Input!$D$19=4,J636*Input!$C$19,0)+IF(Input!$D$20=4,K636*Input!$C$20,0)+IF(Input!$D$21=4,L636*Input!$C$21,0)+IF(Input!$D$22=4,M636*Input!$C$22,0)</f>
        <v>0</v>
      </c>
      <c r="R636" s="58">
        <v>49.717786898789647</v>
      </c>
      <c r="S636" s="124">
        <f t="shared" si="9"/>
        <v>0.70221089914738311</v>
      </c>
    </row>
    <row r="637" spans="8:19" x14ac:dyDescent="0.3">
      <c r="H637" s="44">
        <v>630</v>
      </c>
      <c r="I637" s="56">
        <f>Bühler!I663</f>
        <v>0.20157273465206305</v>
      </c>
      <c r="J637" s="59">
        <f>Bühler!J663</f>
        <v>0.67190911550687682</v>
      </c>
      <c r="K637" s="59">
        <f>Bühler!K663</f>
        <v>1.0078636732603152</v>
      </c>
      <c r="L637" s="59">
        <f>Bühler!L663</f>
        <v>10.490009628897999</v>
      </c>
      <c r="M637" s="58">
        <f>Bühler!M663</f>
        <v>0</v>
      </c>
      <c r="N637" s="56">
        <f>IF(Input!$D$19=1,J637*Input!$C$19,0)+IF(Input!$D$20=1,K637*Input!$C$20,0)+IF(Input!$D$21=1,L637*Input!$C$21,0)+IF(Input!$D$22=1,M637*Input!$C$22,0)</f>
        <v>0.20157273465206305</v>
      </c>
      <c r="O637" s="59">
        <f>IF(Input!$D$19=2,J637*Input!$C$19,0)+IF(Input!$D$20=2,K637*Input!$C$20,0)+IF(Input!$D$21=2,L637*Input!$C$21,0)+IF(Input!$D$22=2,M637*Input!$C$22,0)</f>
        <v>0.50393183663015761</v>
      </c>
      <c r="P637" s="59">
        <f>IF(Input!$D$19=3,J637*Input!$C$19,0)+IF(Input!$D$20=3,K637*Input!$C$20,0)+IF(Input!$D$21=3,L637*Input!$C$21,0)+IF(Input!$D$22=3,M637*Input!$C$22,0)</f>
        <v>0</v>
      </c>
      <c r="Q637" s="75">
        <f>IF(Input!$D$19=4,J637*Input!$C$19,0)+IF(Input!$D$20=4,K637*Input!$C$20,0)+IF(Input!$D$21=4,L637*Input!$C$21,0)+IF(Input!$D$22=4,M637*Input!$C$22,0)</f>
        <v>0</v>
      </c>
      <c r="R637" s="58">
        <v>49.442855535908016</v>
      </c>
      <c r="S637" s="124">
        <f t="shared" si="9"/>
        <v>0.87348185015893987</v>
      </c>
    </row>
    <row r="638" spans="8:19" x14ac:dyDescent="0.3">
      <c r="H638" s="44">
        <v>631</v>
      </c>
      <c r="I638" s="56">
        <f>Bühler!I664</f>
        <v>0.25295401995553007</v>
      </c>
      <c r="J638" s="59">
        <f>Bühler!J664</f>
        <v>0.84318006651843358</v>
      </c>
      <c r="K638" s="59">
        <f>Bühler!K664</f>
        <v>1.2647700997776505</v>
      </c>
      <c r="L638" s="59">
        <f>Bühler!L664</f>
        <v>13.16393365195043</v>
      </c>
      <c r="M638" s="58">
        <f>Bühler!M664</f>
        <v>0</v>
      </c>
      <c r="N638" s="56">
        <f>IF(Input!$D$19=1,J638*Input!$C$19,0)+IF(Input!$D$20=1,K638*Input!$C$20,0)+IF(Input!$D$21=1,L638*Input!$C$21,0)+IF(Input!$D$22=1,M638*Input!$C$22,0)</f>
        <v>0.25295401995553007</v>
      </c>
      <c r="O638" s="59">
        <f>IF(Input!$D$19=2,J638*Input!$C$19,0)+IF(Input!$D$20=2,K638*Input!$C$20,0)+IF(Input!$D$21=2,L638*Input!$C$21,0)+IF(Input!$D$22=2,M638*Input!$C$22,0)</f>
        <v>0.63238504988882527</v>
      </c>
      <c r="P638" s="59">
        <f>IF(Input!$D$19=3,J638*Input!$C$19,0)+IF(Input!$D$20=3,K638*Input!$C$20,0)+IF(Input!$D$21=3,L638*Input!$C$21,0)+IF(Input!$D$22=3,M638*Input!$C$22,0)</f>
        <v>0</v>
      </c>
      <c r="Q638" s="75">
        <f>IF(Input!$D$19=4,J638*Input!$C$19,0)+IF(Input!$D$20=4,K638*Input!$C$20,0)+IF(Input!$D$21=4,L638*Input!$C$21,0)+IF(Input!$D$22=4,M638*Input!$C$22,0)</f>
        <v>0</v>
      </c>
      <c r="R638" s="58">
        <v>49.374512160345724</v>
      </c>
      <c r="S638" s="124">
        <f t="shared" si="9"/>
        <v>1.0961340864739637</v>
      </c>
    </row>
    <row r="639" spans="8:19" x14ac:dyDescent="0.3">
      <c r="H639" s="44">
        <v>632</v>
      </c>
      <c r="I639" s="56">
        <f>Bühler!I665</f>
        <v>0.28852567901177645</v>
      </c>
      <c r="J639" s="59">
        <f>Bühler!J665</f>
        <v>0.96175226337258835</v>
      </c>
      <c r="K639" s="59">
        <f>Bühler!K665</f>
        <v>1.4426283950588825</v>
      </c>
      <c r="L639" s="59">
        <f>Bühler!L665</f>
        <v>15.01511182175596</v>
      </c>
      <c r="M639" s="58">
        <f>Bühler!M665</f>
        <v>0</v>
      </c>
      <c r="N639" s="56">
        <f>IF(Input!$D$19=1,J639*Input!$C$19,0)+IF(Input!$D$20=1,K639*Input!$C$20,0)+IF(Input!$D$21=1,L639*Input!$C$21,0)+IF(Input!$D$22=1,M639*Input!$C$22,0)</f>
        <v>0.2885256790117765</v>
      </c>
      <c r="O639" s="59">
        <f>IF(Input!$D$19=2,J639*Input!$C$19,0)+IF(Input!$D$20=2,K639*Input!$C$20,0)+IF(Input!$D$21=2,L639*Input!$C$21,0)+IF(Input!$D$22=2,M639*Input!$C$22,0)</f>
        <v>0.72131419752944126</v>
      </c>
      <c r="P639" s="59">
        <f>IF(Input!$D$19=3,J639*Input!$C$19,0)+IF(Input!$D$20=3,K639*Input!$C$20,0)+IF(Input!$D$21=3,L639*Input!$C$21,0)+IF(Input!$D$22=3,M639*Input!$C$22,0)</f>
        <v>0</v>
      </c>
      <c r="Q639" s="75">
        <f>IF(Input!$D$19=4,J639*Input!$C$19,0)+IF(Input!$D$20=4,K639*Input!$C$20,0)+IF(Input!$D$21=4,L639*Input!$C$21,0)+IF(Input!$D$22=4,M639*Input!$C$22,0)</f>
        <v>0</v>
      </c>
      <c r="R639" s="58">
        <v>49.164200759213919</v>
      </c>
      <c r="S639" s="124">
        <f t="shared" si="9"/>
        <v>1.2502779423843648</v>
      </c>
    </row>
    <row r="640" spans="8:19" x14ac:dyDescent="0.3">
      <c r="H640" s="44">
        <v>633</v>
      </c>
      <c r="I640" s="56">
        <f>Bühler!I666</f>
        <v>0.28852567901177645</v>
      </c>
      <c r="J640" s="59">
        <f>Bühler!J666</f>
        <v>0.96175226337258835</v>
      </c>
      <c r="K640" s="59">
        <f>Bühler!K666</f>
        <v>1.4426283950588825</v>
      </c>
      <c r="L640" s="59">
        <f>Bühler!L666</f>
        <v>15.01511182175596</v>
      </c>
      <c r="M640" s="58">
        <f>Bühler!M666</f>
        <v>0</v>
      </c>
      <c r="N640" s="56">
        <f>IF(Input!$D$19=1,J640*Input!$C$19,0)+IF(Input!$D$20=1,K640*Input!$C$20,0)+IF(Input!$D$21=1,L640*Input!$C$21,0)+IF(Input!$D$22=1,M640*Input!$C$22,0)</f>
        <v>0.2885256790117765</v>
      </c>
      <c r="O640" s="59">
        <f>IF(Input!$D$19=2,J640*Input!$C$19,0)+IF(Input!$D$20=2,K640*Input!$C$20,0)+IF(Input!$D$21=2,L640*Input!$C$21,0)+IF(Input!$D$22=2,M640*Input!$C$22,0)</f>
        <v>0.72131419752944126</v>
      </c>
      <c r="P640" s="59">
        <f>IF(Input!$D$19=3,J640*Input!$C$19,0)+IF(Input!$D$20=3,K640*Input!$C$20,0)+IF(Input!$D$21=3,L640*Input!$C$21,0)+IF(Input!$D$22=3,M640*Input!$C$22,0)</f>
        <v>0</v>
      </c>
      <c r="Q640" s="75">
        <f>IF(Input!$D$19=4,J640*Input!$C$19,0)+IF(Input!$D$20=4,K640*Input!$C$20,0)+IF(Input!$D$21=4,L640*Input!$C$21,0)+IF(Input!$D$22=4,M640*Input!$C$22,0)</f>
        <v>0</v>
      </c>
      <c r="R640" s="58">
        <v>48.020577459787859</v>
      </c>
      <c r="S640" s="124">
        <f t="shared" si="9"/>
        <v>1.2502779423843648</v>
      </c>
    </row>
    <row r="641" spans="8:19" x14ac:dyDescent="0.3">
      <c r="H641" s="44">
        <v>634</v>
      </c>
      <c r="I641" s="56">
        <f>Bühler!I667</f>
        <v>0.28852567901177645</v>
      </c>
      <c r="J641" s="59">
        <f>Bühler!J667</f>
        <v>0.96175226337258835</v>
      </c>
      <c r="K641" s="59">
        <f>Bühler!K667</f>
        <v>1.4426283950588825</v>
      </c>
      <c r="L641" s="59">
        <f>Bühler!L667</f>
        <v>15.01511182175596</v>
      </c>
      <c r="M641" s="58">
        <f>Bühler!M667</f>
        <v>0</v>
      </c>
      <c r="N641" s="56">
        <f>IF(Input!$D$19=1,J641*Input!$C$19,0)+IF(Input!$D$20=1,K641*Input!$C$20,0)+IF(Input!$D$21=1,L641*Input!$C$21,0)+IF(Input!$D$22=1,M641*Input!$C$22,0)</f>
        <v>0.2885256790117765</v>
      </c>
      <c r="O641" s="59">
        <f>IF(Input!$D$19=2,J641*Input!$C$19,0)+IF(Input!$D$20=2,K641*Input!$C$20,0)+IF(Input!$D$21=2,L641*Input!$C$21,0)+IF(Input!$D$22=2,M641*Input!$C$22,0)</f>
        <v>0.72131419752944126</v>
      </c>
      <c r="P641" s="59">
        <f>IF(Input!$D$19=3,J641*Input!$C$19,0)+IF(Input!$D$20=3,K641*Input!$C$20,0)+IF(Input!$D$21=3,L641*Input!$C$21,0)+IF(Input!$D$22=3,M641*Input!$C$22,0)</f>
        <v>0</v>
      </c>
      <c r="Q641" s="75">
        <f>IF(Input!$D$19=4,J641*Input!$C$19,0)+IF(Input!$D$20=4,K641*Input!$C$20,0)+IF(Input!$D$21=4,L641*Input!$C$21,0)+IF(Input!$D$22=4,M641*Input!$C$22,0)</f>
        <v>0</v>
      </c>
      <c r="R641" s="58">
        <v>46.267786541769901</v>
      </c>
      <c r="S641" s="124">
        <f t="shared" si="9"/>
        <v>1.2502779423843648</v>
      </c>
    </row>
    <row r="642" spans="8:19" x14ac:dyDescent="0.3">
      <c r="H642" s="44">
        <v>635</v>
      </c>
      <c r="I642" s="56">
        <f>Bühler!I668</f>
        <v>0.28852567901177645</v>
      </c>
      <c r="J642" s="59">
        <f>Bühler!J668</f>
        <v>0.96175226337258835</v>
      </c>
      <c r="K642" s="59">
        <f>Bühler!K668</f>
        <v>1.4426283950588825</v>
      </c>
      <c r="L642" s="59">
        <f>Bühler!L668</f>
        <v>15.01511182175596</v>
      </c>
      <c r="M642" s="58">
        <f>Bühler!M668</f>
        <v>0</v>
      </c>
      <c r="N642" s="56">
        <f>IF(Input!$D$19=1,J642*Input!$C$19,0)+IF(Input!$D$20=1,K642*Input!$C$20,0)+IF(Input!$D$21=1,L642*Input!$C$21,0)+IF(Input!$D$22=1,M642*Input!$C$22,0)</f>
        <v>0.2885256790117765</v>
      </c>
      <c r="O642" s="59">
        <f>IF(Input!$D$19=2,J642*Input!$C$19,0)+IF(Input!$D$20=2,K642*Input!$C$20,0)+IF(Input!$D$21=2,L642*Input!$C$21,0)+IF(Input!$D$22=2,M642*Input!$C$22,0)</f>
        <v>0.72131419752944126</v>
      </c>
      <c r="P642" s="59">
        <f>IF(Input!$D$19=3,J642*Input!$C$19,0)+IF(Input!$D$20=3,K642*Input!$C$20,0)+IF(Input!$D$21=3,L642*Input!$C$21,0)+IF(Input!$D$22=3,M642*Input!$C$22,0)</f>
        <v>0</v>
      </c>
      <c r="Q642" s="75">
        <f>IF(Input!$D$19=4,J642*Input!$C$19,0)+IF(Input!$D$20=4,K642*Input!$C$20,0)+IF(Input!$D$21=4,L642*Input!$C$21,0)+IF(Input!$D$22=4,M642*Input!$C$22,0)</f>
        <v>0</v>
      </c>
      <c r="R642" s="58">
        <v>46.638172491846746</v>
      </c>
      <c r="S642" s="124">
        <f t="shared" si="9"/>
        <v>1.2502779423843648</v>
      </c>
    </row>
    <row r="643" spans="8:19" x14ac:dyDescent="0.3">
      <c r="H643" s="44">
        <v>636</v>
      </c>
      <c r="I643" s="56">
        <f>Bühler!I669</f>
        <v>0.28852567901177645</v>
      </c>
      <c r="J643" s="59">
        <f>Bühler!J669</f>
        <v>0.96175226337258835</v>
      </c>
      <c r="K643" s="59">
        <f>Bühler!K669</f>
        <v>1.4426283950588825</v>
      </c>
      <c r="L643" s="59">
        <f>Bühler!L669</f>
        <v>15.01511182175596</v>
      </c>
      <c r="M643" s="58">
        <f>Bühler!M669</f>
        <v>0</v>
      </c>
      <c r="N643" s="56">
        <f>IF(Input!$D$19=1,J643*Input!$C$19,0)+IF(Input!$D$20=1,K643*Input!$C$20,0)+IF(Input!$D$21=1,L643*Input!$C$21,0)+IF(Input!$D$22=1,M643*Input!$C$22,0)</f>
        <v>0.2885256790117765</v>
      </c>
      <c r="O643" s="59">
        <f>IF(Input!$D$19=2,J643*Input!$C$19,0)+IF(Input!$D$20=2,K643*Input!$C$20,0)+IF(Input!$D$21=2,L643*Input!$C$21,0)+IF(Input!$D$22=2,M643*Input!$C$22,0)</f>
        <v>0.72131419752944126</v>
      </c>
      <c r="P643" s="59">
        <f>IF(Input!$D$19=3,J643*Input!$C$19,0)+IF(Input!$D$20=3,K643*Input!$C$20,0)+IF(Input!$D$21=3,L643*Input!$C$21,0)+IF(Input!$D$22=3,M643*Input!$C$22,0)</f>
        <v>0</v>
      </c>
      <c r="Q643" s="75">
        <f>IF(Input!$D$19=4,J643*Input!$C$19,0)+IF(Input!$D$20=4,K643*Input!$C$20,0)+IF(Input!$D$21=4,L643*Input!$C$21,0)+IF(Input!$D$22=4,M643*Input!$C$22,0)</f>
        <v>0</v>
      </c>
      <c r="R643" s="58">
        <v>46.45095019086871</v>
      </c>
      <c r="S643" s="124">
        <f t="shared" si="9"/>
        <v>1.2502779423843648</v>
      </c>
    </row>
    <row r="644" spans="8:19" x14ac:dyDescent="0.3">
      <c r="H644" s="44">
        <v>637</v>
      </c>
      <c r="I644" s="56">
        <f>Bühler!I670</f>
        <v>0.28852567901177645</v>
      </c>
      <c r="J644" s="59">
        <f>Bühler!J670</f>
        <v>0.96175226337258835</v>
      </c>
      <c r="K644" s="59">
        <f>Bühler!K670</f>
        <v>1.4426283950588825</v>
      </c>
      <c r="L644" s="59">
        <f>Bühler!L670</f>
        <v>15.01511182175596</v>
      </c>
      <c r="M644" s="58">
        <f>Bühler!M670</f>
        <v>0</v>
      </c>
      <c r="N644" s="56">
        <f>IF(Input!$D$19=1,J644*Input!$C$19,0)+IF(Input!$D$20=1,K644*Input!$C$20,0)+IF(Input!$D$21=1,L644*Input!$C$21,0)+IF(Input!$D$22=1,M644*Input!$C$22,0)</f>
        <v>0.2885256790117765</v>
      </c>
      <c r="O644" s="59">
        <f>IF(Input!$D$19=2,J644*Input!$C$19,0)+IF(Input!$D$20=2,K644*Input!$C$20,0)+IF(Input!$D$21=2,L644*Input!$C$21,0)+IF(Input!$D$22=2,M644*Input!$C$22,0)</f>
        <v>0.72131419752944126</v>
      </c>
      <c r="P644" s="59">
        <f>IF(Input!$D$19=3,J644*Input!$C$19,0)+IF(Input!$D$20=3,K644*Input!$C$20,0)+IF(Input!$D$21=3,L644*Input!$C$21,0)+IF(Input!$D$22=3,M644*Input!$C$22,0)</f>
        <v>0</v>
      </c>
      <c r="Q644" s="75">
        <f>IF(Input!$D$19=4,J644*Input!$C$19,0)+IF(Input!$D$20=4,K644*Input!$C$20,0)+IF(Input!$D$21=4,L644*Input!$C$21,0)+IF(Input!$D$22=4,M644*Input!$C$22,0)</f>
        <v>0</v>
      </c>
      <c r="R644" s="58">
        <v>45.471970226065103</v>
      </c>
      <c r="S644" s="124">
        <f t="shared" si="9"/>
        <v>1.2502779423843648</v>
      </c>
    </row>
    <row r="645" spans="8:19" x14ac:dyDescent="0.3">
      <c r="H645" s="44">
        <v>638</v>
      </c>
      <c r="I645" s="56">
        <f>Bühler!I671</f>
        <v>0.28852567901177645</v>
      </c>
      <c r="J645" s="59">
        <f>Bühler!J671</f>
        <v>0.96175226337258835</v>
      </c>
      <c r="K645" s="59">
        <f>Bühler!K671</f>
        <v>1.4426283950588825</v>
      </c>
      <c r="L645" s="59">
        <f>Bühler!L671</f>
        <v>15.01511182175596</v>
      </c>
      <c r="M645" s="58">
        <f>Bühler!M671</f>
        <v>0</v>
      </c>
      <c r="N645" s="56">
        <f>IF(Input!$D$19=1,J645*Input!$C$19,0)+IF(Input!$D$20=1,K645*Input!$C$20,0)+IF(Input!$D$21=1,L645*Input!$C$21,0)+IF(Input!$D$22=1,M645*Input!$C$22,0)</f>
        <v>0.2885256790117765</v>
      </c>
      <c r="O645" s="59">
        <f>IF(Input!$D$19=2,J645*Input!$C$19,0)+IF(Input!$D$20=2,K645*Input!$C$20,0)+IF(Input!$D$21=2,L645*Input!$C$21,0)+IF(Input!$D$22=2,M645*Input!$C$22,0)</f>
        <v>0.72131419752944126</v>
      </c>
      <c r="P645" s="59">
        <f>IF(Input!$D$19=3,J645*Input!$C$19,0)+IF(Input!$D$20=3,K645*Input!$C$20,0)+IF(Input!$D$21=3,L645*Input!$C$21,0)+IF(Input!$D$22=3,M645*Input!$C$22,0)</f>
        <v>0</v>
      </c>
      <c r="Q645" s="75">
        <f>IF(Input!$D$19=4,J645*Input!$C$19,0)+IF(Input!$D$20=4,K645*Input!$C$20,0)+IF(Input!$D$21=4,L645*Input!$C$21,0)+IF(Input!$D$22=4,M645*Input!$C$22,0)</f>
        <v>0</v>
      </c>
      <c r="R645" s="58">
        <v>45.338194566042134</v>
      </c>
      <c r="S645" s="124">
        <f t="shared" si="9"/>
        <v>1.2502779423843648</v>
      </c>
    </row>
    <row r="646" spans="8:19" x14ac:dyDescent="0.3">
      <c r="H646" s="44">
        <v>639</v>
      </c>
      <c r="I646" s="56">
        <f>Bühler!I672</f>
        <v>0.28852567901177645</v>
      </c>
      <c r="J646" s="59">
        <f>Bühler!J672</f>
        <v>0.96175226337258835</v>
      </c>
      <c r="K646" s="59">
        <f>Bühler!K672</f>
        <v>1.4426283950588825</v>
      </c>
      <c r="L646" s="59">
        <f>Bühler!L672</f>
        <v>15.01511182175596</v>
      </c>
      <c r="M646" s="58">
        <f>Bühler!M672</f>
        <v>0</v>
      </c>
      <c r="N646" s="56">
        <f>IF(Input!$D$19=1,J646*Input!$C$19,0)+IF(Input!$D$20=1,K646*Input!$C$20,0)+IF(Input!$D$21=1,L646*Input!$C$21,0)+IF(Input!$D$22=1,M646*Input!$C$22,0)</f>
        <v>0.2885256790117765</v>
      </c>
      <c r="O646" s="59">
        <f>IF(Input!$D$19=2,J646*Input!$C$19,0)+IF(Input!$D$20=2,K646*Input!$C$20,0)+IF(Input!$D$21=2,L646*Input!$C$21,0)+IF(Input!$D$22=2,M646*Input!$C$22,0)</f>
        <v>0.72131419752944126</v>
      </c>
      <c r="P646" s="59">
        <f>IF(Input!$D$19=3,J646*Input!$C$19,0)+IF(Input!$D$20=3,K646*Input!$C$20,0)+IF(Input!$D$21=3,L646*Input!$C$21,0)+IF(Input!$D$22=3,M646*Input!$C$22,0)</f>
        <v>0</v>
      </c>
      <c r="Q646" s="75">
        <f>IF(Input!$D$19=4,J646*Input!$C$19,0)+IF(Input!$D$20=4,K646*Input!$C$20,0)+IF(Input!$D$21=4,L646*Input!$C$21,0)+IF(Input!$D$22=4,M646*Input!$C$22,0)</f>
        <v>0</v>
      </c>
      <c r="R646" s="58">
        <v>44.98251042921121</v>
      </c>
      <c r="S646" s="124">
        <f t="shared" si="9"/>
        <v>1.2502779423843648</v>
      </c>
    </row>
    <row r="647" spans="8:19" x14ac:dyDescent="0.3">
      <c r="H647" s="44">
        <v>640</v>
      </c>
      <c r="I647" s="56">
        <f>Bühler!I673</f>
        <v>0.26085883307914037</v>
      </c>
      <c r="J647" s="59">
        <f>Bühler!J673</f>
        <v>0.86952944359713469</v>
      </c>
      <c r="K647" s="59">
        <f>Bühler!K673</f>
        <v>1.3042941653957021</v>
      </c>
      <c r="L647" s="59">
        <f>Bühler!L673</f>
        <v>13.575306578573882</v>
      </c>
      <c r="M647" s="58">
        <f>Bühler!M673</f>
        <v>0</v>
      </c>
      <c r="N647" s="56">
        <f>IF(Input!$D$19=1,J647*Input!$C$19,0)+IF(Input!$D$20=1,K647*Input!$C$20,0)+IF(Input!$D$21=1,L647*Input!$C$21,0)+IF(Input!$D$22=1,M647*Input!$C$22,0)</f>
        <v>0.26085883307914037</v>
      </c>
      <c r="O647" s="59">
        <f>IF(Input!$D$19=2,J647*Input!$C$19,0)+IF(Input!$D$20=2,K647*Input!$C$20,0)+IF(Input!$D$21=2,L647*Input!$C$21,0)+IF(Input!$D$22=2,M647*Input!$C$22,0)</f>
        <v>0.65214708269785104</v>
      </c>
      <c r="P647" s="59">
        <f>IF(Input!$D$19=3,J647*Input!$C$19,0)+IF(Input!$D$20=3,K647*Input!$C$20,0)+IF(Input!$D$21=3,L647*Input!$C$21,0)+IF(Input!$D$22=3,M647*Input!$C$22,0)</f>
        <v>0</v>
      </c>
      <c r="Q647" s="75">
        <f>IF(Input!$D$19=4,J647*Input!$C$19,0)+IF(Input!$D$20=4,K647*Input!$C$20,0)+IF(Input!$D$21=4,L647*Input!$C$21,0)+IF(Input!$D$22=4,M647*Input!$C$22,0)</f>
        <v>0</v>
      </c>
      <c r="R647" s="58">
        <v>44.048739628211102</v>
      </c>
      <c r="S647" s="124">
        <f t="shared" si="9"/>
        <v>1.1303882766762752</v>
      </c>
    </row>
    <row r="648" spans="8:19" x14ac:dyDescent="0.3">
      <c r="H648" s="44">
        <v>641</v>
      </c>
      <c r="I648" s="56">
        <f>Bühler!I674</f>
        <v>0.23714439370830945</v>
      </c>
      <c r="J648" s="59">
        <f>Bühler!J674</f>
        <v>0.79048131236103159</v>
      </c>
      <c r="K648" s="59">
        <f>Bühler!K674</f>
        <v>1.1857219685415474</v>
      </c>
      <c r="L648" s="59">
        <f>Bühler!L674</f>
        <v>12.34118779870353</v>
      </c>
      <c r="M648" s="58">
        <f>Bühler!M674</f>
        <v>0</v>
      </c>
      <c r="N648" s="56">
        <f>IF(Input!$D$19=1,J648*Input!$C$19,0)+IF(Input!$D$20=1,K648*Input!$C$20,0)+IF(Input!$D$21=1,L648*Input!$C$21,0)+IF(Input!$D$22=1,M648*Input!$C$22,0)</f>
        <v>0.23714439370830948</v>
      </c>
      <c r="O648" s="59">
        <f>IF(Input!$D$19=2,J648*Input!$C$19,0)+IF(Input!$D$20=2,K648*Input!$C$20,0)+IF(Input!$D$21=2,L648*Input!$C$21,0)+IF(Input!$D$22=2,M648*Input!$C$22,0)</f>
        <v>0.59286098427077372</v>
      </c>
      <c r="P648" s="59">
        <f>IF(Input!$D$19=3,J648*Input!$C$19,0)+IF(Input!$D$20=3,K648*Input!$C$20,0)+IF(Input!$D$21=3,L648*Input!$C$21,0)+IF(Input!$D$22=3,M648*Input!$C$22,0)</f>
        <v>0</v>
      </c>
      <c r="Q648" s="75">
        <f>IF(Input!$D$19=4,J648*Input!$C$19,0)+IF(Input!$D$20=4,K648*Input!$C$20,0)+IF(Input!$D$21=4,L648*Input!$C$21,0)+IF(Input!$D$22=4,M648*Input!$C$22,0)</f>
        <v>0</v>
      </c>
      <c r="R648" s="58">
        <v>43.590732446564331</v>
      </c>
      <c r="S648" s="124">
        <f t="shared" si="9"/>
        <v>1.027625706069341</v>
      </c>
    </row>
    <row r="649" spans="8:19" x14ac:dyDescent="0.3">
      <c r="H649" s="44">
        <v>642</v>
      </c>
      <c r="I649" s="56">
        <f>Bühler!I675</f>
        <v>0.21342995433747849</v>
      </c>
      <c r="J649" s="59">
        <f>Bühler!J675</f>
        <v>0.71143318112492848</v>
      </c>
      <c r="K649" s="59">
        <f>Bühler!K675</f>
        <v>1.0671497716873926</v>
      </c>
      <c r="L649" s="59">
        <f>Bühler!L675</f>
        <v>11.107069018833176</v>
      </c>
      <c r="M649" s="58">
        <f>Bühler!M675</f>
        <v>0</v>
      </c>
      <c r="N649" s="56">
        <f>IF(Input!$D$19=1,J649*Input!$C$19,0)+IF(Input!$D$20=1,K649*Input!$C$20,0)+IF(Input!$D$21=1,L649*Input!$C$21,0)+IF(Input!$D$22=1,M649*Input!$C$22,0)</f>
        <v>0.21342995433747855</v>
      </c>
      <c r="O649" s="59">
        <f>IF(Input!$D$19=2,J649*Input!$C$19,0)+IF(Input!$D$20=2,K649*Input!$C$20,0)+IF(Input!$D$21=2,L649*Input!$C$21,0)+IF(Input!$D$22=2,M649*Input!$C$22,0)</f>
        <v>0.53357488584369628</v>
      </c>
      <c r="P649" s="59">
        <f>IF(Input!$D$19=3,J649*Input!$C$19,0)+IF(Input!$D$20=3,K649*Input!$C$20,0)+IF(Input!$D$21=3,L649*Input!$C$21,0)+IF(Input!$D$22=3,M649*Input!$C$22,0)</f>
        <v>0</v>
      </c>
      <c r="Q649" s="75">
        <f>IF(Input!$D$19=4,J649*Input!$C$19,0)+IF(Input!$D$20=4,K649*Input!$C$20,0)+IF(Input!$D$21=4,L649*Input!$C$21,0)+IF(Input!$D$22=4,M649*Input!$C$22,0)</f>
        <v>0</v>
      </c>
      <c r="R649" s="58">
        <v>43.489239553350188</v>
      </c>
      <c r="S649" s="124">
        <f t="shared" ref="S649:S712" si="10">I649+J649</f>
        <v>0.92486313546240695</v>
      </c>
    </row>
    <row r="650" spans="8:19" x14ac:dyDescent="0.3">
      <c r="H650" s="44">
        <v>643</v>
      </c>
      <c r="I650" s="56">
        <f>Bühler!I676</f>
        <v>0.20552514121386814</v>
      </c>
      <c r="J650" s="59">
        <f>Bühler!J676</f>
        <v>0.68508380404622715</v>
      </c>
      <c r="K650" s="59">
        <f>Bühler!K676</f>
        <v>1.0276257060693408</v>
      </c>
      <c r="L650" s="59">
        <f>Bühler!L676</f>
        <v>10.695696092209724</v>
      </c>
      <c r="M650" s="58">
        <f>Bühler!M676</f>
        <v>0</v>
      </c>
      <c r="N650" s="56">
        <f>IF(Input!$D$19=1,J650*Input!$C$19,0)+IF(Input!$D$20=1,K650*Input!$C$20,0)+IF(Input!$D$21=1,L650*Input!$C$21,0)+IF(Input!$D$22=1,M650*Input!$C$22,0)</f>
        <v>0.20552514121386814</v>
      </c>
      <c r="O650" s="59">
        <f>IF(Input!$D$19=2,J650*Input!$C$19,0)+IF(Input!$D$20=2,K650*Input!$C$20,0)+IF(Input!$D$21=2,L650*Input!$C$21,0)+IF(Input!$D$22=2,M650*Input!$C$22,0)</f>
        <v>0.51381285303467039</v>
      </c>
      <c r="P650" s="59">
        <f>IF(Input!$D$19=3,J650*Input!$C$19,0)+IF(Input!$D$20=3,K650*Input!$C$20,0)+IF(Input!$D$21=3,L650*Input!$C$21,0)+IF(Input!$D$22=3,M650*Input!$C$22,0)</f>
        <v>0</v>
      </c>
      <c r="Q650" s="75">
        <f>IF(Input!$D$19=4,J650*Input!$C$19,0)+IF(Input!$D$20=4,K650*Input!$C$20,0)+IF(Input!$D$21=4,L650*Input!$C$21,0)+IF(Input!$D$22=4,M650*Input!$C$22,0)</f>
        <v>0</v>
      </c>
      <c r="R650" s="58">
        <v>42.93645810673992</v>
      </c>
      <c r="S650" s="124">
        <f t="shared" si="10"/>
        <v>0.89060894526009526</v>
      </c>
    </row>
    <row r="651" spans="8:19" x14ac:dyDescent="0.3">
      <c r="H651" s="44">
        <v>644</v>
      </c>
      <c r="I651" s="56">
        <f>Bühler!I677</f>
        <v>0.16600107559581659</v>
      </c>
      <c r="J651" s="59">
        <f>Bühler!J677</f>
        <v>0.55333691865272205</v>
      </c>
      <c r="K651" s="59">
        <f>Bühler!K677</f>
        <v>0.83000537797908303</v>
      </c>
      <c r="L651" s="59">
        <f>Bühler!L677</f>
        <v>8.6388314590924686</v>
      </c>
      <c r="M651" s="58">
        <f>Bühler!M677</f>
        <v>0</v>
      </c>
      <c r="N651" s="56">
        <f>IF(Input!$D$19=1,J651*Input!$C$19,0)+IF(Input!$D$20=1,K651*Input!$C$20,0)+IF(Input!$D$21=1,L651*Input!$C$21,0)+IF(Input!$D$22=1,M651*Input!$C$22,0)</f>
        <v>0.16600107559581662</v>
      </c>
      <c r="O651" s="59">
        <f>IF(Input!$D$19=2,J651*Input!$C$19,0)+IF(Input!$D$20=2,K651*Input!$C$20,0)+IF(Input!$D$21=2,L651*Input!$C$21,0)+IF(Input!$D$22=2,M651*Input!$C$22,0)</f>
        <v>0.41500268898954151</v>
      </c>
      <c r="P651" s="59">
        <f>IF(Input!$D$19=3,J651*Input!$C$19,0)+IF(Input!$D$20=3,K651*Input!$C$20,0)+IF(Input!$D$21=3,L651*Input!$C$21,0)+IF(Input!$D$22=3,M651*Input!$C$22,0)</f>
        <v>0</v>
      </c>
      <c r="Q651" s="75">
        <f>IF(Input!$D$19=4,J651*Input!$C$19,0)+IF(Input!$D$20=4,K651*Input!$C$20,0)+IF(Input!$D$21=4,L651*Input!$C$21,0)+IF(Input!$D$22=4,M651*Input!$C$22,0)</f>
        <v>0</v>
      </c>
      <c r="R651" s="58">
        <v>42.30713948721769</v>
      </c>
      <c r="S651" s="124">
        <f t="shared" si="10"/>
        <v>0.71933799424853861</v>
      </c>
    </row>
    <row r="652" spans="8:19" x14ac:dyDescent="0.3">
      <c r="H652" s="44">
        <v>645</v>
      </c>
      <c r="I652" s="56">
        <f>Bühler!I678</f>
        <v>0.12252460341595986</v>
      </c>
      <c r="J652" s="59">
        <f>Bühler!J678</f>
        <v>0.40841534471986629</v>
      </c>
      <c r="K652" s="59">
        <f>Bühler!K678</f>
        <v>0.61262301707979938</v>
      </c>
      <c r="L652" s="59">
        <f>Bühler!L678</f>
        <v>6.3762803626634899</v>
      </c>
      <c r="M652" s="58">
        <f>Bühler!M678</f>
        <v>0</v>
      </c>
      <c r="N652" s="56">
        <f>IF(Input!$D$19=1,J652*Input!$C$19,0)+IF(Input!$D$20=1,K652*Input!$C$20,0)+IF(Input!$D$21=1,L652*Input!$C$21,0)+IF(Input!$D$22=1,M652*Input!$C$22,0)</f>
        <v>0.12252460341595989</v>
      </c>
      <c r="O652" s="59">
        <f>IF(Input!$D$19=2,J652*Input!$C$19,0)+IF(Input!$D$20=2,K652*Input!$C$20,0)+IF(Input!$D$21=2,L652*Input!$C$21,0)+IF(Input!$D$22=2,M652*Input!$C$22,0)</f>
        <v>0.30631150853989969</v>
      </c>
      <c r="P652" s="59">
        <f>IF(Input!$D$19=3,J652*Input!$C$19,0)+IF(Input!$D$20=3,K652*Input!$C$20,0)+IF(Input!$D$21=3,L652*Input!$C$21,0)+IF(Input!$D$22=3,M652*Input!$C$22,0)</f>
        <v>0</v>
      </c>
      <c r="Q652" s="75">
        <f>IF(Input!$D$19=4,J652*Input!$C$19,0)+IF(Input!$D$20=4,K652*Input!$C$20,0)+IF(Input!$D$21=4,L652*Input!$C$21,0)+IF(Input!$D$22=4,M652*Input!$C$22,0)</f>
        <v>0</v>
      </c>
      <c r="R652" s="58">
        <v>42.431264676550065</v>
      </c>
      <c r="S652" s="124">
        <f t="shared" si="10"/>
        <v>0.53093994813582612</v>
      </c>
    </row>
    <row r="653" spans="8:19" x14ac:dyDescent="0.3">
      <c r="H653" s="44">
        <v>646</v>
      </c>
      <c r="I653" s="56">
        <f>Bühler!I679</f>
        <v>0.12252460341595986</v>
      </c>
      <c r="J653" s="59">
        <f>Bühler!J679</f>
        <v>0.40841534471986629</v>
      </c>
      <c r="K653" s="59">
        <f>Bühler!K679</f>
        <v>0.61262301707979938</v>
      </c>
      <c r="L653" s="59">
        <f>Bühler!L679</f>
        <v>6.3762803626634899</v>
      </c>
      <c r="M653" s="58">
        <f>Bühler!M679</f>
        <v>0</v>
      </c>
      <c r="N653" s="56">
        <f>IF(Input!$D$19=1,J653*Input!$C$19,0)+IF(Input!$D$20=1,K653*Input!$C$20,0)+IF(Input!$D$21=1,L653*Input!$C$21,0)+IF(Input!$D$22=1,M653*Input!$C$22,0)</f>
        <v>0.12252460341595989</v>
      </c>
      <c r="O653" s="59">
        <f>IF(Input!$D$19=2,J653*Input!$C$19,0)+IF(Input!$D$20=2,K653*Input!$C$20,0)+IF(Input!$D$21=2,L653*Input!$C$21,0)+IF(Input!$D$22=2,M653*Input!$C$22,0)</f>
        <v>0.30631150853989969</v>
      </c>
      <c r="P653" s="59">
        <f>IF(Input!$D$19=3,J653*Input!$C$19,0)+IF(Input!$D$20=3,K653*Input!$C$20,0)+IF(Input!$D$21=3,L653*Input!$C$21,0)+IF(Input!$D$22=3,M653*Input!$C$22,0)</f>
        <v>0</v>
      </c>
      <c r="Q653" s="75">
        <f>IF(Input!$D$19=4,J653*Input!$C$19,0)+IF(Input!$D$20=4,K653*Input!$C$20,0)+IF(Input!$D$21=4,L653*Input!$C$21,0)+IF(Input!$D$22=4,M653*Input!$C$22,0)</f>
        <v>0</v>
      </c>
      <c r="R653" s="58">
        <v>42.021785323353207</v>
      </c>
      <c r="S653" s="124">
        <f t="shared" si="10"/>
        <v>0.53093994813582612</v>
      </c>
    </row>
    <row r="654" spans="8:19" x14ac:dyDescent="0.3">
      <c r="H654" s="44">
        <v>647</v>
      </c>
      <c r="I654" s="56">
        <f>Bühler!I680</f>
        <v>0.12252460341595986</v>
      </c>
      <c r="J654" s="59">
        <f>Bühler!J680</f>
        <v>0.40841534471986629</v>
      </c>
      <c r="K654" s="59">
        <f>Bühler!K680</f>
        <v>0.61262301707979938</v>
      </c>
      <c r="L654" s="59">
        <f>Bühler!L680</f>
        <v>6.3762803626634899</v>
      </c>
      <c r="M654" s="58">
        <f>Bühler!M680</f>
        <v>0</v>
      </c>
      <c r="N654" s="56">
        <f>IF(Input!$D$19=1,J654*Input!$C$19,0)+IF(Input!$D$20=1,K654*Input!$C$20,0)+IF(Input!$D$21=1,L654*Input!$C$21,0)+IF(Input!$D$22=1,M654*Input!$C$22,0)</f>
        <v>0.12252460341595989</v>
      </c>
      <c r="O654" s="59">
        <f>IF(Input!$D$19=2,J654*Input!$C$19,0)+IF(Input!$D$20=2,K654*Input!$C$20,0)+IF(Input!$D$21=2,L654*Input!$C$21,0)+IF(Input!$D$22=2,M654*Input!$C$22,0)</f>
        <v>0.30631150853989969</v>
      </c>
      <c r="P654" s="59">
        <f>IF(Input!$D$19=3,J654*Input!$C$19,0)+IF(Input!$D$20=3,K654*Input!$C$20,0)+IF(Input!$D$21=3,L654*Input!$C$21,0)+IF(Input!$D$22=3,M654*Input!$C$22,0)</f>
        <v>0</v>
      </c>
      <c r="Q654" s="75">
        <f>IF(Input!$D$19=4,J654*Input!$C$19,0)+IF(Input!$D$20=4,K654*Input!$C$20,0)+IF(Input!$D$21=4,L654*Input!$C$21,0)+IF(Input!$D$22=4,M654*Input!$C$22,0)</f>
        <v>0</v>
      </c>
      <c r="R654" s="58">
        <v>42.241214132913782</v>
      </c>
      <c r="S654" s="124">
        <f t="shared" si="10"/>
        <v>0.53093994813582612</v>
      </c>
    </row>
    <row r="655" spans="8:19" x14ac:dyDescent="0.3">
      <c r="H655" s="44">
        <v>648</v>
      </c>
      <c r="I655" s="56">
        <f>Bühler!I681</f>
        <v>0.12252460341595986</v>
      </c>
      <c r="J655" s="59">
        <f>Bühler!J681</f>
        <v>0.40841534471986629</v>
      </c>
      <c r="K655" s="59">
        <f>Bühler!K681</f>
        <v>0.61262301707979938</v>
      </c>
      <c r="L655" s="59">
        <f>Bühler!L681</f>
        <v>6.3762803626634899</v>
      </c>
      <c r="M655" s="58">
        <f>Bühler!M681</f>
        <v>0</v>
      </c>
      <c r="N655" s="56">
        <f>IF(Input!$D$19=1,J655*Input!$C$19,0)+IF(Input!$D$20=1,K655*Input!$C$20,0)+IF(Input!$D$21=1,L655*Input!$C$21,0)+IF(Input!$D$22=1,M655*Input!$C$22,0)</f>
        <v>0.12252460341595989</v>
      </c>
      <c r="O655" s="59">
        <f>IF(Input!$D$19=2,J655*Input!$C$19,0)+IF(Input!$D$20=2,K655*Input!$C$20,0)+IF(Input!$D$21=2,L655*Input!$C$21,0)+IF(Input!$D$22=2,M655*Input!$C$22,0)</f>
        <v>0.30631150853989969</v>
      </c>
      <c r="P655" s="59">
        <f>IF(Input!$D$19=3,J655*Input!$C$19,0)+IF(Input!$D$20=3,K655*Input!$C$20,0)+IF(Input!$D$21=3,L655*Input!$C$21,0)+IF(Input!$D$22=3,M655*Input!$C$22,0)</f>
        <v>0</v>
      </c>
      <c r="Q655" s="75">
        <f>IF(Input!$D$19=4,J655*Input!$C$19,0)+IF(Input!$D$20=4,K655*Input!$C$20,0)+IF(Input!$D$21=4,L655*Input!$C$21,0)+IF(Input!$D$22=4,M655*Input!$C$22,0)</f>
        <v>0</v>
      </c>
      <c r="R655" s="58">
        <v>42.196244374436951</v>
      </c>
      <c r="S655" s="124">
        <f t="shared" si="10"/>
        <v>0.53093994813582612</v>
      </c>
    </row>
    <row r="656" spans="8:19" x14ac:dyDescent="0.3">
      <c r="H656" s="44">
        <v>649</v>
      </c>
      <c r="I656" s="56">
        <f>Bühler!I682</f>
        <v>0.13730757711017866</v>
      </c>
      <c r="J656" s="59">
        <f>Bühler!J682</f>
        <v>0.45769192370059564</v>
      </c>
      <c r="K656" s="59">
        <f>Bühler!K682</f>
        <v>0.68653788555089346</v>
      </c>
      <c r="L656" s="59">
        <f>Bühler!L682</f>
        <v>7.2029363617246389</v>
      </c>
      <c r="M656" s="58">
        <f>Bühler!M682</f>
        <v>0</v>
      </c>
      <c r="N656" s="56">
        <f>IF(Input!$D$19=1,J656*Input!$C$19,0)+IF(Input!$D$20=1,K656*Input!$C$20,0)+IF(Input!$D$21=1,L656*Input!$C$21,0)+IF(Input!$D$22=1,M656*Input!$C$22,0)</f>
        <v>0.13730757711017869</v>
      </c>
      <c r="O656" s="59">
        <f>IF(Input!$D$19=2,J656*Input!$C$19,0)+IF(Input!$D$20=2,K656*Input!$C$20,0)+IF(Input!$D$21=2,L656*Input!$C$21,0)+IF(Input!$D$22=2,M656*Input!$C$22,0)</f>
        <v>0.34326894277544673</v>
      </c>
      <c r="P656" s="59">
        <f>IF(Input!$D$19=3,J656*Input!$C$19,0)+IF(Input!$D$20=3,K656*Input!$C$20,0)+IF(Input!$D$21=3,L656*Input!$C$21,0)+IF(Input!$D$22=3,M656*Input!$C$22,0)</f>
        <v>0</v>
      </c>
      <c r="Q656" s="75">
        <f>IF(Input!$D$19=4,J656*Input!$C$19,0)+IF(Input!$D$20=4,K656*Input!$C$20,0)+IF(Input!$D$21=4,L656*Input!$C$21,0)+IF(Input!$D$22=4,M656*Input!$C$22,0)</f>
        <v>0</v>
      </c>
      <c r="R656" s="58">
        <v>41.858421138098905</v>
      </c>
      <c r="S656" s="124">
        <f t="shared" si="10"/>
        <v>0.59499950081077424</v>
      </c>
    </row>
    <row r="657" spans="8:19" x14ac:dyDescent="0.3">
      <c r="H657" s="44">
        <v>650</v>
      </c>
      <c r="I657" s="56">
        <f>Bühler!I683</f>
        <v>0.15945396051504618</v>
      </c>
      <c r="J657" s="59">
        <f>Bühler!J683</f>
        <v>0.5315132017168207</v>
      </c>
      <c r="K657" s="59">
        <f>Bühler!K683</f>
        <v>0.79726980257523106</v>
      </c>
      <c r="L657" s="59">
        <f>Bühler!L683</f>
        <v>8.3647002910350654</v>
      </c>
      <c r="M657" s="58">
        <f>Bühler!M683</f>
        <v>0</v>
      </c>
      <c r="N657" s="56">
        <f>IF(Input!$D$19=1,J657*Input!$C$19,0)+IF(Input!$D$20=1,K657*Input!$C$20,0)+IF(Input!$D$21=1,L657*Input!$C$21,0)+IF(Input!$D$22=1,M657*Input!$C$22,0)</f>
        <v>0.15945396051504621</v>
      </c>
      <c r="O657" s="59">
        <f>IF(Input!$D$19=2,J657*Input!$C$19,0)+IF(Input!$D$20=2,K657*Input!$C$20,0)+IF(Input!$D$21=2,L657*Input!$C$21,0)+IF(Input!$D$22=2,M657*Input!$C$22,0)</f>
        <v>0.39863490128761553</v>
      </c>
      <c r="P657" s="59">
        <f>IF(Input!$D$19=3,J657*Input!$C$19,0)+IF(Input!$D$20=3,K657*Input!$C$20,0)+IF(Input!$D$21=3,L657*Input!$C$21,0)+IF(Input!$D$22=3,M657*Input!$C$22,0)</f>
        <v>0</v>
      </c>
      <c r="Q657" s="75">
        <f>IF(Input!$D$19=4,J657*Input!$C$19,0)+IF(Input!$D$20=4,K657*Input!$C$20,0)+IF(Input!$D$21=4,L657*Input!$C$21,0)+IF(Input!$D$22=4,M657*Input!$C$22,0)</f>
        <v>0</v>
      </c>
      <c r="R657" s="58">
        <v>41.816878312120629</v>
      </c>
      <c r="S657" s="124">
        <f t="shared" si="10"/>
        <v>0.69096716223186694</v>
      </c>
    </row>
    <row r="658" spans="8:19" x14ac:dyDescent="0.3">
      <c r="H658" s="44">
        <v>651</v>
      </c>
      <c r="I658" s="56">
        <f>Bühler!I684</f>
        <v>0.15945396051504618</v>
      </c>
      <c r="J658" s="59">
        <f>Bühler!J684</f>
        <v>0.5315132017168207</v>
      </c>
      <c r="K658" s="59">
        <f>Bühler!K684</f>
        <v>0.79726980257523106</v>
      </c>
      <c r="L658" s="59">
        <f>Bühler!L684</f>
        <v>8.3647002910350654</v>
      </c>
      <c r="M658" s="58">
        <f>Bühler!M684</f>
        <v>0</v>
      </c>
      <c r="N658" s="56">
        <f>IF(Input!$D$19=1,J658*Input!$C$19,0)+IF(Input!$D$20=1,K658*Input!$C$20,0)+IF(Input!$D$21=1,L658*Input!$C$21,0)+IF(Input!$D$22=1,M658*Input!$C$22,0)</f>
        <v>0.15945396051504621</v>
      </c>
      <c r="O658" s="59">
        <f>IF(Input!$D$19=2,J658*Input!$C$19,0)+IF(Input!$D$20=2,K658*Input!$C$20,0)+IF(Input!$D$21=2,L658*Input!$C$21,0)+IF(Input!$D$22=2,M658*Input!$C$22,0)</f>
        <v>0.39863490128761553</v>
      </c>
      <c r="P658" s="59">
        <f>IF(Input!$D$19=3,J658*Input!$C$19,0)+IF(Input!$D$20=3,K658*Input!$C$20,0)+IF(Input!$D$21=3,L658*Input!$C$21,0)+IF(Input!$D$22=3,M658*Input!$C$22,0)</f>
        <v>0</v>
      </c>
      <c r="Q658" s="75">
        <f>IF(Input!$D$19=4,J658*Input!$C$19,0)+IF(Input!$D$20=4,K658*Input!$C$20,0)+IF(Input!$D$21=4,L658*Input!$C$21,0)+IF(Input!$D$22=4,M658*Input!$C$22,0)</f>
        <v>0</v>
      </c>
      <c r="R658" s="58">
        <v>42.184169841455649</v>
      </c>
      <c r="S658" s="124">
        <f t="shared" si="10"/>
        <v>0.69096716223186694</v>
      </c>
    </row>
    <row r="659" spans="8:19" x14ac:dyDescent="0.3">
      <c r="H659" s="44">
        <v>652</v>
      </c>
      <c r="I659" s="56">
        <f>Bühler!I685</f>
        <v>0.15945396051504618</v>
      </c>
      <c r="J659" s="59">
        <f>Bühler!J685</f>
        <v>0.5315132017168207</v>
      </c>
      <c r="K659" s="59">
        <f>Bühler!K685</f>
        <v>0.79726980257523106</v>
      </c>
      <c r="L659" s="59">
        <f>Bühler!L685</f>
        <v>8.3647002910350654</v>
      </c>
      <c r="M659" s="58">
        <f>Bühler!M685</f>
        <v>0</v>
      </c>
      <c r="N659" s="56">
        <f>IF(Input!$D$19=1,J659*Input!$C$19,0)+IF(Input!$D$20=1,K659*Input!$C$20,0)+IF(Input!$D$21=1,L659*Input!$C$21,0)+IF(Input!$D$22=1,M659*Input!$C$22,0)</f>
        <v>0.15945396051504621</v>
      </c>
      <c r="O659" s="59">
        <f>IF(Input!$D$19=2,J659*Input!$C$19,0)+IF(Input!$D$20=2,K659*Input!$C$20,0)+IF(Input!$D$21=2,L659*Input!$C$21,0)+IF(Input!$D$22=2,M659*Input!$C$22,0)</f>
        <v>0.39863490128761553</v>
      </c>
      <c r="P659" s="59">
        <f>IF(Input!$D$19=3,J659*Input!$C$19,0)+IF(Input!$D$20=3,K659*Input!$C$20,0)+IF(Input!$D$21=3,L659*Input!$C$21,0)+IF(Input!$D$22=3,M659*Input!$C$22,0)</f>
        <v>0</v>
      </c>
      <c r="Q659" s="75">
        <f>IF(Input!$D$19=4,J659*Input!$C$19,0)+IF(Input!$D$20=4,K659*Input!$C$20,0)+IF(Input!$D$21=4,L659*Input!$C$21,0)+IF(Input!$D$22=4,M659*Input!$C$22,0)</f>
        <v>0</v>
      </c>
      <c r="R659" s="58">
        <v>41.83022232489563</v>
      </c>
      <c r="S659" s="124">
        <f t="shared" si="10"/>
        <v>0.69096716223186694</v>
      </c>
    </row>
    <row r="660" spans="8:19" x14ac:dyDescent="0.3">
      <c r="H660" s="44">
        <v>653</v>
      </c>
      <c r="I660" s="56">
        <f>Bühler!I686</f>
        <v>0.15945396051504618</v>
      </c>
      <c r="J660" s="59">
        <f>Bühler!J686</f>
        <v>0.5315132017168207</v>
      </c>
      <c r="K660" s="59">
        <f>Bühler!K686</f>
        <v>0.79726980257523106</v>
      </c>
      <c r="L660" s="59">
        <f>Bühler!L686</f>
        <v>8.3647002910350654</v>
      </c>
      <c r="M660" s="58">
        <f>Bühler!M686</f>
        <v>0</v>
      </c>
      <c r="N660" s="56">
        <f>IF(Input!$D$19=1,J660*Input!$C$19,0)+IF(Input!$D$20=1,K660*Input!$C$20,0)+IF(Input!$D$21=1,L660*Input!$C$21,0)+IF(Input!$D$22=1,M660*Input!$C$22,0)</f>
        <v>0.15945396051504621</v>
      </c>
      <c r="O660" s="59">
        <f>IF(Input!$D$19=2,J660*Input!$C$19,0)+IF(Input!$D$20=2,K660*Input!$C$20,0)+IF(Input!$D$21=2,L660*Input!$C$21,0)+IF(Input!$D$22=2,M660*Input!$C$22,0)</f>
        <v>0.39863490128761553</v>
      </c>
      <c r="P660" s="59">
        <f>IF(Input!$D$19=3,J660*Input!$C$19,0)+IF(Input!$D$20=3,K660*Input!$C$20,0)+IF(Input!$D$21=3,L660*Input!$C$21,0)+IF(Input!$D$22=3,M660*Input!$C$22,0)</f>
        <v>0</v>
      </c>
      <c r="Q660" s="75">
        <f>IF(Input!$D$19=4,J660*Input!$C$19,0)+IF(Input!$D$20=4,K660*Input!$C$20,0)+IF(Input!$D$21=4,L660*Input!$C$21,0)+IF(Input!$D$22=4,M660*Input!$C$22,0)</f>
        <v>0</v>
      </c>
      <c r="R660" s="58">
        <v>41.896250572886551</v>
      </c>
      <c r="S660" s="124">
        <f t="shared" si="10"/>
        <v>0.69096716223186694</v>
      </c>
    </row>
    <row r="661" spans="8:19" x14ac:dyDescent="0.3">
      <c r="H661" s="44">
        <v>654</v>
      </c>
      <c r="I661" s="56">
        <f>Bühler!I687</f>
        <v>0.19931745064380774</v>
      </c>
      <c r="J661" s="59">
        <f>Bühler!J687</f>
        <v>0.66439150214602594</v>
      </c>
      <c r="K661" s="59">
        <f>Bühler!K687</f>
        <v>0.99658725321903885</v>
      </c>
      <c r="L661" s="59">
        <f>Bühler!L687</f>
        <v>10.455875363793831</v>
      </c>
      <c r="M661" s="58">
        <f>Bühler!M687</f>
        <v>0</v>
      </c>
      <c r="N661" s="56">
        <f>IF(Input!$D$19=1,J661*Input!$C$19,0)+IF(Input!$D$20=1,K661*Input!$C$20,0)+IF(Input!$D$21=1,L661*Input!$C$21,0)+IF(Input!$D$22=1,M661*Input!$C$22,0)</f>
        <v>0.19931745064380776</v>
      </c>
      <c r="O661" s="59">
        <f>IF(Input!$D$19=2,J661*Input!$C$19,0)+IF(Input!$D$20=2,K661*Input!$C$20,0)+IF(Input!$D$21=2,L661*Input!$C$21,0)+IF(Input!$D$22=2,M661*Input!$C$22,0)</f>
        <v>0.49829362660951942</v>
      </c>
      <c r="P661" s="59">
        <f>IF(Input!$D$19=3,J661*Input!$C$19,0)+IF(Input!$D$20=3,K661*Input!$C$20,0)+IF(Input!$D$21=3,L661*Input!$C$21,0)+IF(Input!$D$22=3,M661*Input!$C$22,0)</f>
        <v>0</v>
      </c>
      <c r="Q661" s="75">
        <f>IF(Input!$D$19=4,J661*Input!$C$19,0)+IF(Input!$D$20=4,K661*Input!$C$20,0)+IF(Input!$D$21=4,L661*Input!$C$21,0)+IF(Input!$D$22=4,M661*Input!$C$22,0)</f>
        <v>0</v>
      </c>
      <c r="R661" s="58">
        <v>42.03904386623617</v>
      </c>
      <c r="S661" s="124">
        <f t="shared" si="10"/>
        <v>0.86370895278983362</v>
      </c>
    </row>
    <row r="662" spans="8:19" x14ac:dyDescent="0.3">
      <c r="H662" s="44">
        <v>655</v>
      </c>
      <c r="I662" s="56">
        <f>Bühler!I688</f>
        <v>0.23475166409159581</v>
      </c>
      <c r="J662" s="59">
        <f>Bühler!J688</f>
        <v>0.78250554697198604</v>
      </c>
      <c r="K662" s="59">
        <f>Bühler!K688</f>
        <v>1.1737583204579791</v>
      </c>
      <c r="L662" s="59">
        <f>Bühler!L688</f>
        <v>12.314697650690512</v>
      </c>
      <c r="M662" s="58">
        <f>Bühler!M688</f>
        <v>0</v>
      </c>
      <c r="N662" s="56">
        <f>IF(Input!$D$19=1,J662*Input!$C$19,0)+IF(Input!$D$20=1,K662*Input!$C$20,0)+IF(Input!$D$21=1,L662*Input!$C$21,0)+IF(Input!$D$22=1,M662*Input!$C$22,0)</f>
        <v>0.23475166409159581</v>
      </c>
      <c r="O662" s="59">
        <f>IF(Input!$D$19=2,J662*Input!$C$19,0)+IF(Input!$D$20=2,K662*Input!$C$20,0)+IF(Input!$D$21=2,L662*Input!$C$21,0)+IF(Input!$D$22=2,M662*Input!$C$22,0)</f>
        <v>0.58687916022898956</v>
      </c>
      <c r="P662" s="59">
        <f>IF(Input!$D$19=3,J662*Input!$C$19,0)+IF(Input!$D$20=3,K662*Input!$C$20,0)+IF(Input!$D$21=3,L662*Input!$C$21,0)+IF(Input!$D$22=3,M662*Input!$C$22,0)</f>
        <v>0</v>
      </c>
      <c r="Q662" s="75">
        <f>IF(Input!$D$19=4,J662*Input!$C$19,0)+IF(Input!$D$20=4,K662*Input!$C$20,0)+IF(Input!$D$21=4,L662*Input!$C$21,0)+IF(Input!$D$22=4,M662*Input!$C$22,0)</f>
        <v>0</v>
      </c>
      <c r="R662" s="58">
        <v>42.236850703108054</v>
      </c>
      <c r="S662" s="124">
        <f t="shared" si="10"/>
        <v>1.0172572110635818</v>
      </c>
    </row>
    <row r="663" spans="8:19" x14ac:dyDescent="0.3">
      <c r="H663" s="44">
        <v>656</v>
      </c>
      <c r="I663" s="56">
        <f>Bühler!I689</f>
        <v>0.27904443090133091</v>
      </c>
      <c r="J663" s="59">
        <f>Bühler!J689</f>
        <v>0.9301481030044364</v>
      </c>
      <c r="K663" s="59">
        <f>Bühler!K689</f>
        <v>1.3952221545066545</v>
      </c>
      <c r="L663" s="59">
        <f>Bühler!L689</f>
        <v>14.638225509311363</v>
      </c>
      <c r="M663" s="58">
        <f>Bühler!M689</f>
        <v>0</v>
      </c>
      <c r="N663" s="56">
        <f>IF(Input!$D$19=1,J663*Input!$C$19,0)+IF(Input!$D$20=1,K663*Input!$C$20,0)+IF(Input!$D$21=1,L663*Input!$C$21,0)+IF(Input!$D$22=1,M663*Input!$C$22,0)</f>
        <v>0.27904443090133091</v>
      </c>
      <c r="O663" s="59">
        <f>IF(Input!$D$19=2,J663*Input!$C$19,0)+IF(Input!$D$20=2,K663*Input!$C$20,0)+IF(Input!$D$21=2,L663*Input!$C$21,0)+IF(Input!$D$22=2,M663*Input!$C$22,0)</f>
        <v>0.69761107725332727</v>
      </c>
      <c r="P663" s="59">
        <f>IF(Input!$D$19=3,J663*Input!$C$19,0)+IF(Input!$D$20=3,K663*Input!$C$20,0)+IF(Input!$D$21=3,L663*Input!$C$21,0)+IF(Input!$D$22=3,M663*Input!$C$22,0)</f>
        <v>0</v>
      </c>
      <c r="Q663" s="75">
        <f>IF(Input!$D$19=4,J663*Input!$C$19,0)+IF(Input!$D$20=4,K663*Input!$C$20,0)+IF(Input!$D$21=4,L663*Input!$C$21,0)+IF(Input!$D$22=4,M663*Input!$C$22,0)</f>
        <v>0</v>
      </c>
      <c r="R663" s="58">
        <v>42.17641144954974</v>
      </c>
      <c r="S663" s="124">
        <f t="shared" si="10"/>
        <v>1.2091925339057674</v>
      </c>
    </row>
    <row r="664" spans="8:19" x14ac:dyDescent="0.3">
      <c r="H664" s="44">
        <v>657</v>
      </c>
      <c r="I664" s="56">
        <f>Bühler!I690</f>
        <v>0.27904443090133091</v>
      </c>
      <c r="J664" s="59">
        <f>Bühler!J690</f>
        <v>0.9301481030044364</v>
      </c>
      <c r="K664" s="59">
        <f>Bühler!K690</f>
        <v>1.3952221545066545</v>
      </c>
      <c r="L664" s="59">
        <f>Bühler!L690</f>
        <v>14.638225509311363</v>
      </c>
      <c r="M664" s="58">
        <f>Bühler!M690</f>
        <v>0</v>
      </c>
      <c r="N664" s="56">
        <f>IF(Input!$D$19=1,J664*Input!$C$19,0)+IF(Input!$D$20=1,K664*Input!$C$20,0)+IF(Input!$D$21=1,L664*Input!$C$21,0)+IF(Input!$D$22=1,M664*Input!$C$22,0)</f>
        <v>0.27904443090133091</v>
      </c>
      <c r="O664" s="59">
        <f>IF(Input!$D$19=2,J664*Input!$C$19,0)+IF(Input!$D$20=2,K664*Input!$C$20,0)+IF(Input!$D$21=2,L664*Input!$C$21,0)+IF(Input!$D$22=2,M664*Input!$C$22,0)</f>
        <v>0.69761107725332727</v>
      </c>
      <c r="P664" s="59">
        <f>IF(Input!$D$19=3,J664*Input!$C$19,0)+IF(Input!$D$20=3,K664*Input!$C$20,0)+IF(Input!$D$21=3,L664*Input!$C$21,0)+IF(Input!$D$22=3,M664*Input!$C$22,0)</f>
        <v>0</v>
      </c>
      <c r="Q664" s="75">
        <f>IF(Input!$D$19=4,J664*Input!$C$19,0)+IF(Input!$D$20=4,K664*Input!$C$20,0)+IF(Input!$D$21=4,L664*Input!$C$21,0)+IF(Input!$D$22=4,M664*Input!$C$22,0)</f>
        <v>0</v>
      </c>
      <c r="R664" s="58">
        <v>41.70089190359348</v>
      </c>
      <c r="S664" s="124">
        <f t="shared" si="10"/>
        <v>1.2091925339057674</v>
      </c>
    </row>
    <row r="665" spans="8:19" x14ac:dyDescent="0.3">
      <c r="H665" s="44">
        <v>658</v>
      </c>
      <c r="I665" s="56">
        <f>Bühler!I691</f>
        <v>0.27904443090133091</v>
      </c>
      <c r="J665" s="59">
        <f>Bühler!J691</f>
        <v>0.9301481030044364</v>
      </c>
      <c r="K665" s="59">
        <f>Bühler!K691</f>
        <v>1.3952221545066545</v>
      </c>
      <c r="L665" s="59">
        <f>Bühler!L691</f>
        <v>14.638225509311363</v>
      </c>
      <c r="M665" s="58">
        <f>Bühler!M691</f>
        <v>0</v>
      </c>
      <c r="N665" s="56">
        <f>IF(Input!$D$19=1,J665*Input!$C$19,0)+IF(Input!$D$20=1,K665*Input!$C$20,0)+IF(Input!$D$21=1,L665*Input!$C$21,0)+IF(Input!$D$22=1,M665*Input!$C$22,0)</f>
        <v>0.27904443090133091</v>
      </c>
      <c r="O665" s="59">
        <f>IF(Input!$D$19=2,J665*Input!$C$19,0)+IF(Input!$D$20=2,K665*Input!$C$20,0)+IF(Input!$D$21=2,L665*Input!$C$21,0)+IF(Input!$D$22=2,M665*Input!$C$22,0)</f>
        <v>0.69761107725332727</v>
      </c>
      <c r="P665" s="59">
        <f>IF(Input!$D$19=3,J665*Input!$C$19,0)+IF(Input!$D$20=3,K665*Input!$C$20,0)+IF(Input!$D$21=3,L665*Input!$C$21,0)+IF(Input!$D$22=3,M665*Input!$C$22,0)</f>
        <v>0</v>
      </c>
      <c r="Q665" s="75">
        <f>IF(Input!$D$19=4,J665*Input!$C$19,0)+IF(Input!$D$20=4,K665*Input!$C$20,0)+IF(Input!$D$21=4,L665*Input!$C$21,0)+IF(Input!$D$22=4,M665*Input!$C$22,0)</f>
        <v>0</v>
      </c>
      <c r="R665" s="58">
        <v>40.963934601535691</v>
      </c>
      <c r="S665" s="124">
        <f t="shared" si="10"/>
        <v>1.2091925339057674</v>
      </c>
    </row>
    <row r="666" spans="8:19" x14ac:dyDescent="0.3">
      <c r="H666" s="44">
        <v>659</v>
      </c>
      <c r="I666" s="56">
        <f>Bühler!I692</f>
        <v>0.27904443090133091</v>
      </c>
      <c r="J666" s="59">
        <f>Bühler!J692</f>
        <v>0.9301481030044364</v>
      </c>
      <c r="K666" s="59">
        <f>Bühler!K692</f>
        <v>1.3952221545066545</v>
      </c>
      <c r="L666" s="59">
        <f>Bühler!L692</f>
        <v>14.638225509311363</v>
      </c>
      <c r="M666" s="58">
        <f>Bühler!M692</f>
        <v>0</v>
      </c>
      <c r="N666" s="56">
        <f>IF(Input!$D$19=1,J666*Input!$C$19,0)+IF(Input!$D$20=1,K666*Input!$C$20,0)+IF(Input!$D$21=1,L666*Input!$C$21,0)+IF(Input!$D$22=1,M666*Input!$C$22,0)</f>
        <v>0.27904443090133091</v>
      </c>
      <c r="O666" s="59">
        <f>IF(Input!$D$19=2,J666*Input!$C$19,0)+IF(Input!$D$20=2,K666*Input!$C$20,0)+IF(Input!$D$21=2,L666*Input!$C$21,0)+IF(Input!$D$22=2,M666*Input!$C$22,0)</f>
        <v>0.69761107725332727</v>
      </c>
      <c r="P666" s="59">
        <f>IF(Input!$D$19=3,J666*Input!$C$19,0)+IF(Input!$D$20=3,K666*Input!$C$20,0)+IF(Input!$D$21=3,L666*Input!$C$21,0)+IF(Input!$D$22=3,M666*Input!$C$22,0)</f>
        <v>0</v>
      </c>
      <c r="Q666" s="75">
        <f>IF(Input!$D$19=4,J666*Input!$C$19,0)+IF(Input!$D$20=4,K666*Input!$C$20,0)+IF(Input!$D$21=4,L666*Input!$C$21,0)+IF(Input!$D$22=4,M666*Input!$C$22,0)</f>
        <v>0</v>
      </c>
      <c r="R666" s="58">
        <v>40.849369718525011</v>
      </c>
      <c r="S666" s="124">
        <f t="shared" si="10"/>
        <v>1.2091925339057674</v>
      </c>
    </row>
    <row r="667" spans="8:19" x14ac:dyDescent="0.3">
      <c r="H667" s="44">
        <v>660</v>
      </c>
      <c r="I667" s="56">
        <f>Bühler!I693</f>
        <v>0.27904443090133091</v>
      </c>
      <c r="J667" s="59">
        <f>Bühler!J693</f>
        <v>0.9301481030044364</v>
      </c>
      <c r="K667" s="59">
        <f>Bühler!K693</f>
        <v>1.3952221545066545</v>
      </c>
      <c r="L667" s="59">
        <f>Bühler!L693</f>
        <v>14.638225509311363</v>
      </c>
      <c r="M667" s="58">
        <f>Bühler!M693</f>
        <v>0</v>
      </c>
      <c r="N667" s="56">
        <f>IF(Input!$D$19=1,J667*Input!$C$19,0)+IF(Input!$D$20=1,K667*Input!$C$20,0)+IF(Input!$D$21=1,L667*Input!$C$21,0)+IF(Input!$D$22=1,M667*Input!$C$22,0)</f>
        <v>0.27904443090133091</v>
      </c>
      <c r="O667" s="59">
        <f>IF(Input!$D$19=2,J667*Input!$C$19,0)+IF(Input!$D$20=2,K667*Input!$C$20,0)+IF(Input!$D$21=2,L667*Input!$C$21,0)+IF(Input!$D$22=2,M667*Input!$C$22,0)</f>
        <v>0.69761107725332727</v>
      </c>
      <c r="P667" s="59">
        <f>IF(Input!$D$19=3,J667*Input!$C$19,0)+IF(Input!$D$20=3,K667*Input!$C$20,0)+IF(Input!$D$21=3,L667*Input!$C$21,0)+IF(Input!$D$22=3,M667*Input!$C$22,0)</f>
        <v>0</v>
      </c>
      <c r="Q667" s="75">
        <f>IF(Input!$D$19=4,J667*Input!$C$19,0)+IF(Input!$D$20=4,K667*Input!$C$20,0)+IF(Input!$D$21=4,L667*Input!$C$21,0)+IF(Input!$D$22=4,M667*Input!$C$22,0)</f>
        <v>0</v>
      </c>
      <c r="R667" s="58">
        <v>40.569034711066337</v>
      </c>
      <c r="S667" s="124">
        <f t="shared" si="10"/>
        <v>1.2091925339057674</v>
      </c>
    </row>
    <row r="668" spans="8:19" x14ac:dyDescent="0.3">
      <c r="H668" s="44">
        <v>661</v>
      </c>
      <c r="I668" s="56">
        <f>Bühler!I694</f>
        <v>0.27904443090133091</v>
      </c>
      <c r="J668" s="59">
        <f>Bühler!J694</f>
        <v>0.9301481030044364</v>
      </c>
      <c r="K668" s="59">
        <f>Bühler!K694</f>
        <v>1.3952221545066545</v>
      </c>
      <c r="L668" s="59">
        <f>Bühler!L694</f>
        <v>14.638225509311363</v>
      </c>
      <c r="M668" s="58">
        <f>Bühler!M694</f>
        <v>0</v>
      </c>
      <c r="N668" s="56">
        <f>IF(Input!$D$19=1,J668*Input!$C$19,0)+IF(Input!$D$20=1,K668*Input!$C$20,0)+IF(Input!$D$21=1,L668*Input!$C$21,0)+IF(Input!$D$22=1,M668*Input!$C$22,0)</f>
        <v>0.27904443090133091</v>
      </c>
      <c r="O668" s="59">
        <f>IF(Input!$D$19=2,J668*Input!$C$19,0)+IF(Input!$D$20=2,K668*Input!$C$20,0)+IF(Input!$D$21=2,L668*Input!$C$21,0)+IF(Input!$D$22=2,M668*Input!$C$22,0)</f>
        <v>0.69761107725332727</v>
      </c>
      <c r="P668" s="59">
        <f>IF(Input!$D$19=3,J668*Input!$C$19,0)+IF(Input!$D$20=3,K668*Input!$C$20,0)+IF(Input!$D$21=3,L668*Input!$C$21,0)+IF(Input!$D$22=3,M668*Input!$C$22,0)</f>
        <v>0</v>
      </c>
      <c r="Q668" s="75">
        <f>IF(Input!$D$19=4,J668*Input!$C$19,0)+IF(Input!$D$20=4,K668*Input!$C$20,0)+IF(Input!$D$21=4,L668*Input!$C$21,0)+IF(Input!$D$22=4,M668*Input!$C$22,0)</f>
        <v>0</v>
      </c>
      <c r="R668" s="58">
        <v>40.237974253510657</v>
      </c>
      <c r="S668" s="124">
        <f t="shared" si="10"/>
        <v>1.2091925339057674</v>
      </c>
    </row>
    <row r="669" spans="8:19" x14ac:dyDescent="0.3">
      <c r="H669" s="44">
        <v>662</v>
      </c>
      <c r="I669" s="56">
        <f>Bühler!I695</f>
        <v>0.27904443090133091</v>
      </c>
      <c r="J669" s="59">
        <f>Bühler!J695</f>
        <v>0.9301481030044364</v>
      </c>
      <c r="K669" s="59">
        <f>Bühler!K695</f>
        <v>1.3952221545066545</v>
      </c>
      <c r="L669" s="59">
        <f>Bühler!L695</f>
        <v>14.638225509311363</v>
      </c>
      <c r="M669" s="58">
        <f>Bühler!M695</f>
        <v>0</v>
      </c>
      <c r="N669" s="56">
        <f>IF(Input!$D$19=1,J669*Input!$C$19,0)+IF(Input!$D$20=1,K669*Input!$C$20,0)+IF(Input!$D$21=1,L669*Input!$C$21,0)+IF(Input!$D$22=1,M669*Input!$C$22,0)</f>
        <v>0.27904443090133091</v>
      </c>
      <c r="O669" s="59">
        <f>IF(Input!$D$19=2,J669*Input!$C$19,0)+IF(Input!$D$20=2,K669*Input!$C$20,0)+IF(Input!$D$21=2,L669*Input!$C$21,0)+IF(Input!$D$22=2,M669*Input!$C$22,0)</f>
        <v>0.69761107725332727</v>
      </c>
      <c r="P669" s="59">
        <f>IF(Input!$D$19=3,J669*Input!$C$19,0)+IF(Input!$D$20=3,K669*Input!$C$20,0)+IF(Input!$D$21=3,L669*Input!$C$21,0)+IF(Input!$D$22=3,M669*Input!$C$22,0)</f>
        <v>0</v>
      </c>
      <c r="Q669" s="75">
        <f>IF(Input!$D$19=4,J669*Input!$C$19,0)+IF(Input!$D$20=4,K669*Input!$C$20,0)+IF(Input!$D$21=4,L669*Input!$C$21,0)+IF(Input!$D$22=4,M669*Input!$C$22,0)</f>
        <v>0</v>
      </c>
      <c r="R669" s="58">
        <v>39.818750126754892</v>
      </c>
      <c r="S669" s="124">
        <f t="shared" si="10"/>
        <v>1.2091925339057674</v>
      </c>
    </row>
    <row r="670" spans="8:19" x14ac:dyDescent="0.3">
      <c r="H670" s="44">
        <v>663</v>
      </c>
      <c r="I670" s="56">
        <f>Bühler!I696</f>
        <v>0.27904443090133091</v>
      </c>
      <c r="J670" s="59">
        <f>Bühler!J696</f>
        <v>0.9301481030044364</v>
      </c>
      <c r="K670" s="59">
        <f>Bühler!K696</f>
        <v>1.3952221545066545</v>
      </c>
      <c r="L670" s="59">
        <f>Bühler!L696</f>
        <v>14.638225509311363</v>
      </c>
      <c r="M670" s="58">
        <f>Bühler!M696</f>
        <v>0</v>
      </c>
      <c r="N670" s="56">
        <f>IF(Input!$D$19=1,J670*Input!$C$19,0)+IF(Input!$D$20=1,K670*Input!$C$20,0)+IF(Input!$D$21=1,L670*Input!$C$21,0)+IF(Input!$D$22=1,M670*Input!$C$22,0)</f>
        <v>0.27904443090133091</v>
      </c>
      <c r="O670" s="59">
        <f>IF(Input!$D$19=2,J670*Input!$C$19,0)+IF(Input!$D$20=2,K670*Input!$C$20,0)+IF(Input!$D$21=2,L670*Input!$C$21,0)+IF(Input!$D$22=2,M670*Input!$C$22,0)</f>
        <v>0.69761107725332727</v>
      </c>
      <c r="P670" s="59">
        <f>IF(Input!$D$19=3,J670*Input!$C$19,0)+IF(Input!$D$20=3,K670*Input!$C$20,0)+IF(Input!$D$21=3,L670*Input!$C$21,0)+IF(Input!$D$22=3,M670*Input!$C$22,0)</f>
        <v>0</v>
      </c>
      <c r="Q670" s="75">
        <f>IF(Input!$D$19=4,J670*Input!$C$19,0)+IF(Input!$D$20=4,K670*Input!$C$20,0)+IF(Input!$D$21=4,L670*Input!$C$21,0)+IF(Input!$D$22=4,M670*Input!$C$22,0)</f>
        <v>0</v>
      </c>
      <c r="R670" s="58">
        <v>39.574189151675135</v>
      </c>
      <c r="S670" s="124">
        <f t="shared" si="10"/>
        <v>1.2091925339057674</v>
      </c>
    </row>
    <row r="671" spans="8:19" x14ac:dyDescent="0.3">
      <c r="H671" s="44">
        <v>664</v>
      </c>
      <c r="I671" s="56">
        <f>Bühler!I697</f>
        <v>0.24803949413451631</v>
      </c>
      <c r="J671" s="59">
        <f>Bühler!J697</f>
        <v>0.82679831378172108</v>
      </c>
      <c r="K671" s="59">
        <f>Bühler!K697</f>
        <v>1.2401974706725818</v>
      </c>
      <c r="L671" s="59">
        <f>Bühler!L697</f>
        <v>13.011756008276766</v>
      </c>
      <c r="M671" s="58">
        <f>Bühler!M697</f>
        <v>0</v>
      </c>
      <c r="N671" s="56">
        <f>IF(Input!$D$19=1,J671*Input!$C$19,0)+IF(Input!$D$20=1,K671*Input!$C$20,0)+IF(Input!$D$21=1,L671*Input!$C$21,0)+IF(Input!$D$22=1,M671*Input!$C$22,0)</f>
        <v>0.24803949413451631</v>
      </c>
      <c r="O671" s="59">
        <f>IF(Input!$D$19=2,J671*Input!$C$19,0)+IF(Input!$D$20=2,K671*Input!$C$20,0)+IF(Input!$D$21=2,L671*Input!$C$21,0)+IF(Input!$D$22=2,M671*Input!$C$22,0)</f>
        <v>0.6200987353362909</v>
      </c>
      <c r="P671" s="59">
        <f>IF(Input!$D$19=3,J671*Input!$C$19,0)+IF(Input!$D$20=3,K671*Input!$C$20,0)+IF(Input!$D$21=3,L671*Input!$C$21,0)+IF(Input!$D$22=3,M671*Input!$C$22,0)</f>
        <v>0</v>
      </c>
      <c r="Q671" s="75">
        <f>IF(Input!$D$19=4,J671*Input!$C$19,0)+IF(Input!$D$20=4,K671*Input!$C$20,0)+IF(Input!$D$21=4,L671*Input!$C$21,0)+IF(Input!$D$22=4,M671*Input!$C$22,0)</f>
        <v>0</v>
      </c>
      <c r="R671" s="58">
        <v>39.834997738182331</v>
      </c>
      <c r="S671" s="124">
        <f t="shared" si="10"/>
        <v>1.0748378079162375</v>
      </c>
    </row>
    <row r="672" spans="8:19" x14ac:dyDescent="0.3">
      <c r="H672" s="44">
        <v>665</v>
      </c>
      <c r="I672" s="56">
        <f>Bühler!I698</f>
        <v>0.2436102174535428</v>
      </c>
      <c r="J672" s="59">
        <f>Bühler!J698</f>
        <v>0.81203405817847607</v>
      </c>
      <c r="K672" s="59">
        <f>Bühler!K698</f>
        <v>1.2180510872677142</v>
      </c>
      <c r="L672" s="59">
        <f>Bühler!L698</f>
        <v>12.779403222414683</v>
      </c>
      <c r="M672" s="58">
        <f>Bühler!M698</f>
        <v>0</v>
      </c>
      <c r="N672" s="56">
        <f>IF(Input!$D$19=1,J672*Input!$C$19,0)+IF(Input!$D$20=1,K672*Input!$C$20,0)+IF(Input!$D$21=1,L672*Input!$C$21,0)+IF(Input!$D$22=1,M672*Input!$C$22,0)</f>
        <v>0.2436102174535428</v>
      </c>
      <c r="O672" s="59">
        <f>IF(Input!$D$19=2,J672*Input!$C$19,0)+IF(Input!$D$20=2,K672*Input!$C$20,0)+IF(Input!$D$21=2,L672*Input!$C$21,0)+IF(Input!$D$22=2,M672*Input!$C$22,0)</f>
        <v>0.60902554363385708</v>
      </c>
      <c r="P672" s="59">
        <f>IF(Input!$D$19=3,J672*Input!$C$19,0)+IF(Input!$D$20=3,K672*Input!$C$20,0)+IF(Input!$D$21=3,L672*Input!$C$21,0)+IF(Input!$D$22=3,M672*Input!$C$22,0)</f>
        <v>0</v>
      </c>
      <c r="Q672" s="75">
        <f>IF(Input!$D$19=4,J672*Input!$C$19,0)+IF(Input!$D$20=4,K672*Input!$C$20,0)+IF(Input!$D$21=4,L672*Input!$C$21,0)+IF(Input!$D$22=4,M672*Input!$C$22,0)</f>
        <v>0</v>
      </c>
      <c r="R672" s="58">
        <v>40.316574340894249</v>
      </c>
      <c r="S672" s="124">
        <f t="shared" si="10"/>
        <v>1.0556442756320188</v>
      </c>
    </row>
    <row r="673" spans="8:19" x14ac:dyDescent="0.3">
      <c r="H673" s="44">
        <v>666</v>
      </c>
      <c r="I673" s="56">
        <f>Bühler!I699</f>
        <v>0.20817600400575478</v>
      </c>
      <c r="J673" s="59">
        <f>Bühler!J699</f>
        <v>0.69392001335251596</v>
      </c>
      <c r="K673" s="59">
        <f>Bühler!K699</f>
        <v>1.040880020028774</v>
      </c>
      <c r="L673" s="59">
        <f>Bühler!L699</f>
        <v>10.920580935518002</v>
      </c>
      <c r="M673" s="58">
        <f>Bühler!M699</f>
        <v>0</v>
      </c>
      <c r="N673" s="56">
        <f>IF(Input!$D$19=1,J673*Input!$C$19,0)+IF(Input!$D$20=1,K673*Input!$C$20,0)+IF(Input!$D$21=1,L673*Input!$C$21,0)+IF(Input!$D$22=1,M673*Input!$C$22,0)</f>
        <v>0.20817600400575478</v>
      </c>
      <c r="O673" s="59">
        <f>IF(Input!$D$19=2,J673*Input!$C$19,0)+IF(Input!$D$20=2,K673*Input!$C$20,0)+IF(Input!$D$21=2,L673*Input!$C$21,0)+IF(Input!$D$22=2,M673*Input!$C$22,0)</f>
        <v>0.520440010014387</v>
      </c>
      <c r="P673" s="59">
        <f>IF(Input!$D$19=3,J673*Input!$C$19,0)+IF(Input!$D$20=3,K673*Input!$C$20,0)+IF(Input!$D$21=3,L673*Input!$C$21,0)+IF(Input!$D$22=3,M673*Input!$C$22,0)</f>
        <v>0</v>
      </c>
      <c r="Q673" s="75">
        <f>IF(Input!$D$19=4,J673*Input!$C$19,0)+IF(Input!$D$20=4,K673*Input!$C$20,0)+IF(Input!$D$21=4,L673*Input!$C$21,0)+IF(Input!$D$22=4,M673*Input!$C$22,0)</f>
        <v>0</v>
      </c>
      <c r="R673" s="58">
        <v>41.050022960379629</v>
      </c>
      <c r="S673" s="124">
        <f t="shared" si="10"/>
        <v>0.90209601735827072</v>
      </c>
    </row>
    <row r="674" spans="8:19" x14ac:dyDescent="0.3">
      <c r="H674" s="44">
        <v>667</v>
      </c>
      <c r="I674" s="56">
        <f>Bühler!I700</f>
        <v>0.19488817396283425</v>
      </c>
      <c r="J674" s="59">
        <f>Bühler!J700</f>
        <v>0.64962724654278092</v>
      </c>
      <c r="K674" s="59">
        <f>Bühler!K700</f>
        <v>0.97444086981417144</v>
      </c>
      <c r="L674" s="59">
        <f>Bühler!L700</f>
        <v>10.223522577931748</v>
      </c>
      <c r="M674" s="58">
        <f>Bühler!M700</f>
        <v>0</v>
      </c>
      <c r="N674" s="56">
        <f>IF(Input!$D$19=1,J674*Input!$C$19,0)+IF(Input!$D$20=1,K674*Input!$C$20,0)+IF(Input!$D$21=1,L674*Input!$C$21,0)+IF(Input!$D$22=1,M674*Input!$C$22,0)</f>
        <v>0.19488817396283428</v>
      </c>
      <c r="O674" s="59">
        <f>IF(Input!$D$19=2,J674*Input!$C$19,0)+IF(Input!$D$20=2,K674*Input!$C$20,0)+IF(Input!$D$21=2,L674*Input!$C$21,0)+IF(Input!$D$22=2,M674*Input!$C$22,0)</f>
        <v>0.48722043490708572</v>
      </c>
      <c r="P674" s="59">
        <f>IF(Input!$D$19=3,J674*Input!$C$19,0)+IF(Input!$D$20=3,K674*Input!$C$20,0)+IF(Input!$D$21=3,L674*Input!$C$21,0)+IF(Input!$D$22=3,M674*Input!$C$22,0)</f>
        <v>0</v>
      </c>
      <c r="Q674" s="75">
        <f>IF(Input!$D$19=4,J674*Input!$C$19,0)+IF(Input!$D$20=4,K674*Input!$C$20,0)+IF(Input!$D$21=4,L674*Input!$C$21,0)+IF(Input!$D$22=4,M674*Input!$C$22,0)</f>
        <v>0</v>
      </c>
      <c r="R674" s="58">
        <v>41.626898868296649</v>
      </c>
      <c r="S674" s="124">
        <f t="shared" si="10"/>
        <v>0.84451542050561512</v>
      </c>
    </row>
    <row r="675" spans="8:19" x14ac:dyDescent="0.3">
      <c r="H675" s="44">
        <v>668</v>
      </c>
      <c r="I675" s="56">
        <f>Bühler!I701</f>
        <v>0.16388323719601972</v>
      </c>
      <c r="J675" s="59">
        <f>Bühler!J701</f>
        <v>0.54627745732006572</v>
      </c>
      <c r="K675" s="59">
        <f>Bühler!K701</f>
        <v>0.81941618598009869</v>
      </c>
      <c r="L675" s="59">
        <f>Bühler!L701</f>
        <v>8.5970530768971507</v>
      </c>
      <c r="M675" s="58">
        <f>Bühler!M701</f>
        <v>0</v>
      </c>
      <c r="N675" s="56">
        <f>IF(Input!$D$19=1,J675*Input!$C$19,0)+IF(Input!$D$20=1,K675*Input!$C$20,0)+IF(Input!$D$21=1,L675*Input!$C$21,0)+IF(Input!$D$22=1,M675*Input!$C$22,0)</f>
        <v>0.16388323719601972</v>
      </c>
      <c r="O675" s="59">
        <f>IF(Input!$D$19=2,J675*Input!$C$19,0)+IF(Input!$D$20=2,K675*Input!$C$20,0)+IF(Input!$D$21=2,L675*Input!$C$21,0)+IF(Input!$D$22=2,M675*Input!$C$22,0)</f>
        <v>0.40970809299004934</v>
      </c>
      <c r="P675" s="59">
        <f>IF(Input!$D$19=3,J675*Input!$C$19,0)+IF(Input!$D$20=3,K675*Input!$C$20,0)+IF(Input!$D$21=3,L675*Input!$C$21,0)+IF(Input!$D$22=3,M675*Input!$C$22,0)</f>
        <v>0</v>
      </c>
      <c r="Q675" s="75">
        <f>IF(Input!$D$19=4,J675*Input!$C$19,0)+IF(Input!$D$20=4,K675*Input!$C$20,0)+IF(Input!$D$21=4,L675*Input!$C$21,0)+IF(Input!$D$22=4,M675*Input!$C$22,0)</f>
        <v>0</v>
      </c>
      <c r="R675" s="58">
        <v>41.601905724975992</v>
      </c>
      <c r="S675" s="124">
        <f t="shared" si="10"/>
        <v>0.71016069451608543</v>
      </c>
    </row>
    <row r="676" spans="8:19" x14ac:dyDescent="0.3">
      <c r="H676" s="44">
        <v>669</v>
      </c>
      <c r="I676" s="56">
        <f>Bühler!I702</f>
        <v>0.13730757711017866</v>
      </c>
      <c r="J676" s="59">
        <f>Bühler!J702</f>
        <v>0.45769192370059564</v>
      </c>
      <c r="K676" s="59">
        <f>Bühler!K702</f>
        <v>0.68653788555089346</v>
      </c>
      <c r="L676" s="59">
        <f>Bühler!L702</f>
        <v>7.2029363617246389</v>
      </c>
      <c r="M676" s="58">
        <f>Bühler!M702</f>
        <v>0</v>
      </c>
      <c r="N676" s="56">
        <f>IF(Input!$D$19=1,J676*Input!$C$19,0)+IF(Input!$D$20=1,K676*Input!$C$20,0)+IF(Input!$D$21=1,L676*Input!$C$21,0)+IF(Input!$D$22=1,M676*Input!$C$22,0)</f>
        <v>0.13730757711017869</v>
      </c>
      <c r="O676" s="59">
        <f>IF(Input!$D$19=2,J676*Input!$C$19,0)+IF(Input!$D$20=2,K676*Input!$C$20,0)+IF(Input!$D$21=2,L676*Input!$C$21,0)+IF(Input!$D$22=2,M676*Input!$C$22,0)</f>
        <v>0.34326894277544673</v>
      </c>
      <c r="P676" s="59">
        <f>IF(Input!$D$19=3,J676*Input!$C$19,0)+IF(Input!$D$20=3,K676*Input!$C$20,0)+IF(Input!$D$21=3,L676*Input!$C$21,0)+IF(Input!$D$22=3,M676*Input!$C$22,0)</f>
        <v>0</v>
      </c>
      <c r="Q676" s="75">
        <f>IF(Input!$D$19=4,J676*Input!$C$19,0)+IF(Input!$D$20=4,K676*Input!$C$20,0)+IF(Input!$D$21=4,L676*Input!$C$21,0)+IF(Input!$D$22=4,M676*Input!$C$22,0)</f>
        <v>0</v>
      </c>
      <c r="R676" s="58">
        <v>41.895295442525111</v>
      </c>
      <c r="S676" s="124">
        <f t="shared" si="10"/>
        <v>0.59499950081077424</v>
      </c>
    </row>
    <row r="677" spans="8:19" x14ac:dyDescent="0.3">
      <c r="H677" s="44">
        <v>670</v>
      </c>
      <c r="I677" s="56">
        <f>Bühler!I703</f>
        <v>0.11959047038628466</v>
      </c>
      <c r="J677" s="59">
        <f>Bühler!J703</f>
        <v>0.39863490128761558</v>
      </c>
      <c r="K677" s="59">
        <f>Bühler!K703</f>
        <v>0.59795235193142338</v>
      </c>
      <c r="L677" s="59">
        <f>Bühler!L703</f>
        <v>6.2735252182762986</v>
      </c>
      <c r="M677" s="58">
        <f>Bühler!M703</f>
        <v>0</v>
      </c>
      <c r="N677" s="56">
        <f>IF(Input!$D$19=1,J677*Input!$C$19,0)+IF(Input!$D$20=1,K677*Input!$C$20,0)+IF(Input!$D$21=1,L677*Input!$C$21,0)+IF(Input!$D$22=1,M677*Input!$C$22,0)</f>
        <v>0.11959047038628468</v>
      </c>
      <c r="O677" s="59">
        <f>IF(Input!$D$19=2,J677*Input!$C$19,0)+IF(Input!$D$20=2,K677*Input!$C$20,0)+IF(Input!$D$21=2,L677*Input!$C$21,0)+IF(Input!$D$22=2,M677*Input!$C$22,0)</f>
        <v>0.29897617596571169</v>
      </c>
      <c r="P677" s="59">
        <f>IF(Input!$D$19=3,J677*Input!$C$19,0)+IF(Input!$D$20=3,K677*Input!$C$20,0)+IF(Input!$D$21=3,L677*Input!$C$21,0)+IF(Input!$D$22=3,M677*Input!$C$22,0)</f>
        <v>0</v>
      </c>
      <c r="Q677" s="75">
        <f>IF(Input!$D$19=4,J677*Input!$C$19,0)+IF(Input!$D$20=4,K677*Input!$C$20,0)+IF(Input!$D$21=4,L677*Input!$C$21,0)+IF(Input!$D$22=4,M677*Input!$C$22,0)</f>
        <v>0</v>
      </c>
      <c r="R677" s="58">
        <v>42.458239729590673</v>
      </c>
      <c r="S677" s="124">
        <f t="shared" si="10"/>
        <v>0.51822537167390026</v>
      </c>
    </row>
    <row r="678" spans="8:19" x14ac:dyDescent="0.3">
      <c r="H678" s="44">
        <v>671</v>
      </c>
      <c r="I678" s="56">
        <f>Bühler!I704</f>
        <v>0.11959047038628466</v>
      </c>
      <c r="J678" s="59">
        <f>Bühler!J704</f>
        <v>0.39863490128761558</v>
      </c>
      <c r="K678" s="59">
        <f>Bühler!K704</f>
        <v>0.59795235193142338</v>
      </c>
      <c r="L678" s="59">
        <f>Bühler!L704</f>
        <v>6.2735252182762986</v>
      </c>
      <c r="M678" s="58">
        <f>Bühler!M704</f>
        <v>0</v>
      </c>
      <c r="N678" s="56">
        <f>IF(Input!$D$19=1,J678*Input!$C$19,0)+IF(Input!$D$20=1,K678*Input!$C$20,0)+IF(Input!$D$21=1,L678*Input!$C$21,0)+IF(Input!$D$22=1,M678*Input!$C$22,0)</f>
        <v>0.11959047038628468</v>
      </c>
      <c r="O678" s="59">
        <f>IF(Input!$D$19=2,J678*Input!$C$19,0)+IF(Input!$D$20=2,K678*Input!$C$20,0)+IF(Input!$D$21=2,L678*Input!$C$21,0)+IF(Input!$D$22=2,M678*Input!$C$22,0)</f>
        <v>0.29897617596571169</v>
      </c>
      <c r="P678" s="59">
        <f>IF(Input!$D$19=3,J678*Input!$C$19,0)+IF(Input!$D$20=3,K678*Input!$C$20,0)+IF(Input!$D$21=3,L678*Input!$C$21,0)+IF(Input!$D$22=3,M678*Input!$C$22,0)</f>
        <v>0</v>
      </c>
      <c r="Q678" s="75">
        <f>IF(Input!$D$19=4,J678*Input!$C$19,0)+IF(Input!$D$20=4,K678*Input!$C$20,0)+IF(Input!$D$21=4,L678*Input!$C$21,0)+IF(Input!$D$22=4,M678*Input!$C$22,0)</f>
        <v>0</v>
      </c>
      <c r="R678" s="58">
        <v>43.212767217267384</v>
      </c>
      <c r="S678" s="124">
        <f t="shared" si="10"/>
        <v>0.51822537167390026</v>
      </c>
    </row>
    <row r="679" spans="8:19" x14ac:dyDescent="0.3">
      <c r="H679" s="44">
        <v>672</v>
      </c>
      <c r="I679" s="56">
        <f>Bühler!I705</f>
        <v>0.11959047038628466</v>
      </c>
      <c r="J679" s="59">
        <f>Bühler!J705</f>
        <v>0.39863490128761558</v>
      </c>
      <c r="K679" s="59">
        <f>Bühler!K705</f>
        <v>0.59795235193142338</v>
      </c>
      <c r="L679" s="59">
        <f>Bühler!L705</f>
        <v>6.2735252182762986</v>
      </c>
      <c r="M679" s="58">
        <f>Bühler!M705</f>
        <v>0</v>
      </c>
      <c r="N679" s="56">
        <f>IF(Input!$D$19=1,J679*Input!$C$19,0)+IF(Input!$D$20=1,K679*Input!$C$20,0)+IF(Input!$D$21=1,L679*Input!$C$21,0)+IF(Input!$D$22=1,M679*Input!$C$22,0)</f>
        <v>0.11959047038628468</v>
      </c>
      <c r="O679" s="59">
        <f>IF(Input!$D$19=2,J679*Input!$C$19,0)+IF(Input!$D$20=2,K679*Input!$C$20,0)+IF(Input!$D$21=2,L679*Input!$C$21,0)+IF(Input!$D$22=2,M679*Input!$C$22,0)</f>
        <v>0.29897617596571169</v>
      </c>
      <c r="P679" s="59">
        <f>IF(Input!$D$19=3,J679*Input!$C$19,0)+IF(Input!$D$20=3,K679*Input!$C$20,0)+IF(Input!$D$21=3,L679*Input!$C$21,0)+IF(Input!$D$22=3,M679*Input!$C$22,0)</f>
        <v>0</v>
      </c>
      <c r="Q679" s="75">
        <f>IF(Input!$D$19=4,J679*Input!$C$19,0)+IF(Input!$D$20=4,K679*Input!$C$20,0)+IF(Input!$D$21=4,L679*Input!$C$21,0)+IF(Input!$D$22=4,M679*Input!$C$22,0)</f>
        <v>0</v>
      </c>
      <c r="R679" s="58">
        <v>43.476555896018212</v>
      </c>
      <c r="S679" s="124">
        <f t="shared" si="10"/>
        <v>0.51822537167390026</v>
      </c>
    </row>
    <row r="680" spans="8:19" x14ac:dyDescent="0.3">
      <c r="H680" s="44">
        <v>673</v>
      </c>
      <c r="I680" s="56">
        <f>Bühler!I706</f>
        <v>7.7429978269052721E-2</v>
      </c>
      <c r="J680" s="59">
        <f>Bühler!J706</f>
        <v>0.25809992756350908</v>
      </c>
      <c r="K680" s="59">
        <f>Bühler!K706</f>
        <v>0.38714989134526356</v>
      </c>
      <c r="L680" s="59">
        <f>Bühler!L706</f>
        <v>1.8583194784572652</v>
      </c>
      <c r="M680" s="58">
        <f>Bühler!M706</f>
        <v>0</v>
      </c>
      <c r="N680" s="56">
        <f>IF(Input!$D$19=1,J680*Input!$C$19,0)+IF(Input!$D$20=1,K680*Input!$C$20,0)+IF(Input!$D$21=1,L680*Input!$C$21,0)+IF(Input!$D$22=1,M680*Input!$C$22,0)</f>
        <v>7.7429978269052721E-2</v>
      </c>
      <c r="O680" s="59">
        <f>IF(Input!$D$19=2,J680*Input!$C$19,0)+IF(Input!$D$20=2,K680*Input!$C$20,0)+IF(Input!$D$21=2,L680*Input!$C$21,0)+IF(Input!$D$22=2,M680*Input!$C$22,0)</f>
        <v>0.19357494567263178</v>
      </c>
      <c r="P680" s="59">
        <f>IF(Input!$D$19=3,J680*Input!$C$19,0)+IF(Input!$D$20=3,K680*Input!$C$20,0)+IF(Input!$D$21=3,L680*Input!$C$21,0)+IF(Input!$D$22=3,M680*Input!$C$22,0)</f>
        <v>0</v>
      </c>
      <c r="Q680" s="75">
        <f>IF(Input!$D$19=4,J680*Input!$C$19,0)+IF(Input!$D$20=4,K680*Input!$C$20,0)+IF(Input!$D$21=4,L680*Input!$C$21,0)+IF(Input!$D$22=4,M680*Input!$C$22,0)</f>
        <v>0</v>
      </c>
      <c r="R680" s="58">
        <v>43.488701332674403</v>
      </c>
      <c r="S680" s="124">
        <f t="shared" si="10"/>
        <v>0.33552990583256181</v>
      </c>
    </row>
    <row r="681" spans="8:19" x14ac:dyDescent="0.3">
      <c r="H681" s="44">
        <v>674</v>
      </c>
      <c r="I681" s="56">
        <f>Bühler!I707</f>
        <v>7.7429978269052721E-2</v>
      </c>
      <c r="J681" s="59">
        <f>Bühler!J707</f>
        <v>0.25809992756350908</v>
      </c>
      <c r="K681" s="59">
        <f>Bühler!K707</f>
        <v>0.38714989134526356</v>
      </c>
      <c r="L681" s="59">
        <f>Bühler!L707</f>
        <v>1.8583194784572652</v>
      </c>
      <c r="M681" s="58">
        <f>Bühler!M707</f>
        <v>0</v>
      </c>
      <c r="N681" s="56">
        <f>IF(Input!$D$19=1,J681*Input!$C$19,0)+IF(Input!$D$20=1,K681*Input!$C$20,0)+IF(Input!$D$21=1,L681*Input!$C$21,0)+IF(Input!$D$22=1,M681*Input!$C$22,0)</f>
        <v>7.7429978269052721E-2</v>
      </c>
      <c r="O681" s="59">
        <f>IF(Input!$D$19=2,J681*Input!$C$19,0)+IF(Input!$D$20=2,K681*Input!$C$20,0)+IF(Input!$D$21=2,L681*Input!$C$21,0)+IF(Input!$D$22=2,M681*Input!$C$22,0)</f>
        <v>0.19357494567263178</v>
      </c>
      <c r="P681" s="59">
        <f>IF(Input!$D$19=3,J681*Input!$C$19,0)+IF(Input!$D$20=3,K681*Input!$C$20,0)+IF(Input!$D$21=3,L681*Input!$C$21,0)+IF(Input!$D$22=3,M681*Input!$C$22,0)</f>
        <v>0</v>
      </c>
      <c r="Q681" s="75">
        <f>IF(Input!$D$19=4,J681*Input!$C$19,0)+IF(Input!$D$20=4,K681*Input!$C$20,0)+IF(Input!$D$21=4,L681*Input!$C$21,0)+IF(Input!$D$22=4,M681*Input!$C$22,0)</f>
        <v>0</v>
      </c>
      <c r="R681" s="58">
        <v>44.019741123546396</v>
      </c>
      <c r="S681" s="124">
        <f t="shared" si="10"/>
        <v>0.33552990583256181</v>
      </c>
    </row>
    <row r="682" spans="8:19" x14ac:dyDescent="0.3">
      <c r="H682" s="44">
        <v>675</v>
      </c>
      <c r="I682" s="56">
        <f>Bühler!I708</f>
        <v>7.7429978269052721E-2</v>
      </c>
      <c r="J682" s="59">
        <f>Bühler!J708</f>
        <v>0.25809992756350908</v>
      </c>
      <c r="K682" s="59">
        <f>Bühler!K708</f>
        <v>0.38714989134526356</v>
      </c>
      <c r="L682" s="59">
        <f>Bühler!L708</f>
        <v>1.8583194784572652</v>
      </c>
      <c r="M682" s="58">
        <f>Bühler!M708</f>
        <v>0</v>
      </c>
      <c r="N682" s="56">
        <f>IF(Input!$D$19=1,J682*Input!$C$19,0)+IF(Input!$D$20=1,K682*Input!$C$20,0)+IF(Input!$D$21=1,L682*Input!$C$21,0)+IF(Input!$D$22=1,M682*Input!$C$22,0)</f>
        <v>7.7429978269052721E-2</v>
      </c>
      <c r="O682" s="59">
        <f>IF(Input!$D$19=2,J682*Input!$C$19,0)+IF(Input!$D$20=2,K682*Input!$C$20,0)+IF(Input!$D$21=2,L682*Input!$C$21,0)+IF(Input!$D$22=2,M682*Input!$C$22,0)</f>
        <v>0.19357494567263178</v>
      </c>
      <c r="P682" s="59">
        <f>IF(Input!$D$19=3,J682*Input!$C$19,0)+IF(Input!$D$20=3,K682*Input!$C$20,0)+IF(Input!$D$21=3,L682*Input!$C$21,0)+IF(Input!$D$22=3,M682*Input!$C$22,0)</f>
        <v>0</v>
      </c>
      <c r="Q682" s="75">
        <f>IF(Input!$D$19=4,J682*Input!$C$19,0)+IF(Input!$D$20=4,K682*Input!$C$20,0)+IF(Input!$D$21=4,L682*Input!$C$21,0)+IF(Input!$D$22=4,M682*Input!$C$22,0)</f>
        <v>0</v>
      </c>
      <c r="R682" s="58">
        <v>45.053813420271176</v>
      </c>
      <c r="S682" s="124">
        <f t="shared" si="10"/>
        <v>0.33552990583256181</v>
      </c>
    </row>
    <row r="683" spans="8:19" x14ac:dyDescent="0.3">
      <c r="H683" s="44">
        <v>676</v>
      </c>
      <c r="I683" s="56">
        <f>Bühler!I709</f>
        <v>7.7429978269052721E-2</v>
      </c>
      <c r="J683" s="59">
        <f>Bühler!J709</f>
        <v>0.25809992756350908</v>
      </c>
      <c r="K683" s="59">
        <f>Bühler!K709</f>
        <v>0.38714989134526356</v>
      </c>
      <c r="L683" s="59">
        <f>Bühler!L709</f>
        <v>1.8583194784572652</v>
      </c>
      <c r="M683" s="58">
        <f>Bühler!M709</f>
        <v>0</v>
      </c>
      <c r="N683" s="56">
        <f>IF(Input!$D$19=1,J683*Input!$C$19,0)+IF(Input!$D$20=1,K683*Input!$C$20,0)+IF(Input!$D$21=1,L683*Input!$C$21,0)+IF(Input!$D$22=1,M683*Input!$C$22,0)</f>
        <v>7.7429978269052721E-2</v>
      </c>
      <c r="O683" s="59">
        <f>IF(Input!$D$19=2,J683*Input!$C$19,0)+IF(Input!$D$20=2,K683*Input!$C$20,0)+IF(Input!$D$21=2,L683*Input!$C$21,0)+IF(Input!$D$22=2,M683*Input!$C$22,0)</f>
        <v>0.19357494567263178</v>
      </c>
      <c r="P683" s="59">
        <f>IF(Input!$D$19=3,J683*Input!$C$19,0)+IF(Input!$D$20=3,K683*Input!$C$20,0)+IF(Input!$D$21=3,L683*Input!$C$21,0)+IF(Input!$D$22=3,M683*Input!$C$22,0)</f>
        <v>0</v>
      </c>
      <c r="Q683" s="75">
        <f>IF(Input!$D$19=4,J683*Input!$C$19,0)+IF(Input!$D$20=4,K683*Input!$C$20,0)+IF(Input!$D$21=4,L683*Input!$C$21,0)+IF(Input!$D$22=4,M683*Input!$C$22,0)</f>
        <v>0</v>
      </c>
      <c r="R683" s="58">
        <v>45.66931304104466</v>
      </c>
      <c r="S683" s="124">
        <f t="shared" si="10"/>
        <v>0.33552990583256181</v>
      </c>
    </row>
    <row r="684" spans="8:19" x14ac:dyDescent="0.3">
      <c r="H684" s="44">
        <v>677</v>
      </c>
      <c r="I684" s="56">
        <f>Bühler!I710</f>
        <v>7.7429978269052721E-2</v>
      </c>
      <c r="J684" s="59">
        <f>Bühler!J710</f>
        <v>0.25809992756350908</v>
      </c>
      <c r="K684" s="59">
        <f>Bühler!K710</f>
        <v>0.38714989134526356</v>
      </c>
      <c r="L684" s="59">
        <f>Bühler!L710</f>
        <v>1.8583194784572652</v>
      </c>
      <c r="M684" s="58">
        <f>Bühler!M710</f>
        <v>0</v>
      </c>
      <c r="N684" s="56">
        <f>IF(Input!$D$19=1,J684*Input!$C$19,0)+IF(Input!$D$20=1,K684*Input!$C$20,0)+IF(Input!$D$21=1,L684*Input!$C$21,0)+IF(Input!$D$22=1,M684*Input!$C$22,0)</f>
        <v>7.7429978269052721E-2</v>
      </c>
      <c r="O684" s="59">
        <f>IF(Input!$D$19=2,J684*Input!$C$19,0)+IF(Input!$D$20=2,K684*Input!$C$20,0)+IF(Input!$D$21=2,L684*Input!$C$21,0)+IF(Input!$D$22=2,M684*Input!$C$22,0)</f>
        <v>0.19357494567263178</v>
      </c>
      <c r="P684" s="59">
        <f>IF(Input!$D$19=3,J684*Input!$C$19,0)+IF(Input!$D$20=3,K684*Input!$C$20,0)+IF(Input!$D$21=3,L684*Input!$C$21,0)+IF(Input!$D$22=3,M684*Input!$C$22,0)</f>
        <v>0</v>
      </c>
      <c r="Q684" s="75">
        <f>IF(Input!$D$19=4,J684*Input!$C$19,0)+IF(Input!$D$20=4,K684*Input!$C$20,0)+IF(Input!$D$21=4,L684*Input!$C$21,0)+IF(Input!$D$22=4,M684*Input!$C$22,0)</f>
        <v>0</v>
      </c>
      <c r="R684" s="58">
        <v>48.902514320486105</v>
      </c>
      <c r="S684" s="124">
        <f t="shared" si="10"/>
        <v>0.33552990583256181</v>
      </c>
    </row>
    <row r="685" spans="8:19" x14ac:dyDescent="0.3">
      <c r="H685" s="44">
        <v>678</v>
      </c>
      <c r="I685" s="56">
        <f>Bühler!I711</f>
        <v>0.33552990583256181</v>
      </c>
      <c r="J685" s="59">
        <f>Bühler!J711</f>
        <v>1.1184330194418728</v>
      </c>
      <c r="K685" s="59">
        <f>Bühler!K711</f>
        <v>1.6776495291628091</v>
      </c>
      <c r="L685" s="59">
        <f>Bühler!L711</f>
        <v>8.0527177399814835</v>
      </c>
      <c r="M685" s="58">
        <f>Bühler!M711</f>
        <v>0</v>
      </c>
      <c r="N685" s="56">
        <f>IF(Input!$D$19=1,J685*Input!$C$19,0)+IF(Input!$D$20=1,K685*Input!$C$20,0)+IF(Input!$D$21=1,L685*Input!$C$21,0)+IF(Input!$D$22=1,M685*Input!$C$22,0)</f>
        <v>0.33552990583256181</v>
      </c>
      <c r="O685" s="59">
        <f>IF(Input!$D$19=2,J685*Input!$C$19,0)+IF(Input!$D$20=2,K685*Input!$C$20,0)+IF(Input!$D$21=2,L685*Input!$C$21,0)+IF(Input!$D$22=2,M685*Input!$C$22,0)</f>
        <v>0.83882476458140454</v>
      </c>
      <c r="P685" s="59">
        <f>IF(Input!$D$19=3,J685*Input!$C$19,0)+IF(Input!$D$20=3,K685*Input!$C$20,0)+IF(Input!$D$21=3,L685*Input!$C$21,0)+IF(Input!$D$22=3,M685*Input!$C$22,0)</f>
        <v>0</v>
      </c>
      <c r="Q685" s="75">
        <f>IF(Input!$D$19=4,J685*Input!$C$19,0)+IF(Input!$D$20=4,K685*Input!$C$20,0)+IF(Input!$D$21=4,L685*Input!$C$21,0)+IF(Input!$D$22=4,M685*Input!$C$22,0)</f>
        <v>0</v>
      </c>
      <c r="R685" s="58">
        <v>54.503621807457662</v>
      </c>
      <c r="S685" s="124">
        <f t="shared" si="10"/>
        <v>1.4539629252744346</v>
      </c>
    </row>
    <row r="686" spans="8:19" x14ac:dyDescent="0.3">
      <c r="H686" s="44">
        <v>679</v>
      </c>
      <c r="I686" s="56">
        <f>Bühler!I712</f>
        <v>0.3806973931561759</v>
      </c>
      <c r="J686" s="59">
        <f>Bühler!J712</f>
        <v>1.2689913105205866</v>
      </c>
      <c r="K686" s="59">
        <f>Bühler!K712</f>
        <v>1.9034869657808795</v>
      </c>
      <c r="L686" s="59">
        <f>Bühler!L712</f>
        <v>9.1367374357482216</v>
      </c>
      <c r="M686" s="58">
        <f>Bühler!M712</f>
        <v>0</v>
      </c>
      <c r="N686" s="56">
        <f>IF(Input!$D$19=1,J686*Input!$C$19,0)+IF(Input!$D$20=1,K686*Input!$C$20,0)+IF(Input!$D$21=1,L686*Input!$C$21,0)+IF(Input!$D$22=1,M686*Input!$C$22,0)</f>
        <v>0.38069739315617596</v>
      </c>
      <c r="O686" s="59">
        <f>IF(Input!$D$19=2,J686*Input!$C$19,0)+IF(Input!$D$20=2,K686*Input!$C$20,0)+IF(Input!$D$21=2,L686*Input!$C$21,0)+IF(Input!$D$22=2,M686*Input!$C$22,0)</f>
        <v>0.95174348289043975</v>
      </c>
      <c r="P686" s="59">
        <f>IF(Input!$D$19=3,J686*Input!$C$19,0)+IF(Input!$D$20=3,K686*Input!$C$20,0)+IF(Input!$D$21=3,L686*Input!$C$21,0)+IF(Input!$D$22=3,M686*Input!$C$22,0)</f>
        <v>0</v>
      </c>
      <c r="Q686" s="75">
        <f>IF(Input!$D$19=4,J686*Input!$C$19,0)+IF(Input!$D$20=4,K686*Input!$C$20,0)+IF(Input!$D$21=4,L686*Input!$C$21,0)+IF(Input!$D$22=4,M686*Input!$C$22,0)</f>
        <v>0</v>
      </c>
      <c r="R686" s="58">
        <v>59.8940516851331</v>
      </c>
      <c r="S686" s="124">
        <f t="shared" si="10"/>
        <v>1.6496887036767625</v>
      </c>
    </row>
    <row r="687" spans="8:19" x14ac:dyDescent="0.3">
      <c r="H687" s="44">
        <v>680</v>
      </c>
      <c r="I687" s="56">
        <f>Bühler!I713</f>
        <v>0.3806973931561759</v>
      </c>
      <c r="J687" s="59">
        <f>Bühler!J713</f>
        <v>1.2689913105205866</v>
      </c>
      <c r="K687" s="59">
        <f>Bühler!K713</f>
        <v>1.9034869657808795</v>
      </c>
      <c r="L687" s="59">
        <f>Bühler!L713</f>
        <v>9.1367374357482216</v>
      </c>
      <c r="M687" s="58">
        <f>Bühler!M713</f>
        <v>0</v>
      </c>
      <c r="N687" s="56">
        <f>IF(Input!$D$19=1,J687*Input!$C$19,0)+IF(Input!$D$20=1,K687*Input!$C$20,0)+IF(Input!$D$21=1,L687*Input!$C$21,0)+IF(Input!$D$22=1,M687*Input!$C$22,0)</f>
        <v>0.38069739315617596</v>
      </c>
      <c r="O687" s="59">
        <f>IF(Input!$D$19=2,J687*Input!$C$19,0)+IF(Input!$D$20=2,K687*Input!$C$20,0)+IF(Input!$D$21=2,L687*Input!$C$21,0)+IF(Input!$D$22=2,M687*Input!$C$22,0)</f>
        <v>0.95174348289043975</v>
      </c>
      <c r="P687" s="59">
        <f>IF(Input!$D$19=3,J687*Input!$C$19,0)+IF(Input!$D$20=3,K687*Input!$C$20,0)+IF(Input!$D$21=3,L687*Input!$C$21,0)+IF(Input!$D$22=3,M687*Input!$C$22,0)</f>
        <v>0</v>
      </c>
      <c r="Q687" s="75">
        <f>IF(Input!$D$19=4,J687*Input!$C$19,0)+IF(Input!$D$20=4,K687*Input!$C$20,0)+IF(Input!$D$21=4,L687*Input!$C$21,0)+IF(Input!$D$22=4,M687*Input!$C$22,0)</f>
        <v>0</v>
      </c>
      <c r="R687" s="58">
        <v>62.385670428491785</v>
      </c>
      <c r="S687" s="124">
        <f t="shared" si="10"/>
        <v>1.6496887036767625</v>
      </c>
    </row>
    <row r="688" spans="8:19" x14ac:dyDescent="0.3">
      <c r="H688" s="44">
        <v>681</v>
      </c>
      <c r="I688" s="56">
        <f>Bühler!I714</f>
        <v>0.3806973931561759</v>
      </c>
      <c r="J688" s="59">
        <f>Bühler!J714</f>
        <v>1.2689913105205866</v>
      </c>
      <c r="K688" s="59">
        <f>Bühler!K714</f>
        <v>1.9034869657808795</v>
      </c>
      <c r="L688" s="59">
        <f>Bühler!L714</f>
        <v>9.1367374357482216</v>
      </c>
      <c r="M688" s="58">
        <f>Bühler!M714</f>
        <v>0</v>
      </c>
      <c r="N688" s="56">
        <f>IF(Input!$D$19=1,J688*Input!$C$19,0)+IF(Input!$D$20=1,K688*Input!$C$20,0)+IF(Input!$D$21=1,L688*Input!$C$21,0)+IF(Input!$D$22=1,M688*Input!$C$22,0)</f>
        <v>0.38069739315617596</v>
      </c>
      <c r="O688" s="59">
        <f>IF(Input!$D$19=2,J688*Input!$C$19,0)+IF(Input!$D$20=2,K688*Input!$C$20,0)+IF(Input!$D$21=2,L688*Input!$C$21,0)+IF(Input!$D$22=2,M688*Input!$C$22,0)</f>
        <v>0.95174348289043975</v>
      </c>
      <c r="P688" s="59">
        <f>IF(Input!$D$19=3,J688*Input!$C$19,0)+IF(Input!$D$20=3,K688*Input!$C$20,0)+IF(Input!$D$21=3,L688*Input!$C$21,0)+IF(Input!$D$22=3,M688*Input!$C$22,0)</f>
        <v>0</v>
      </c>
      <c r="Q688" s="75">
        <f>IF(Input!$D$19=4,J688*Input!$C$19,0)+IF(Input!$D$20=4,K688*Input!$C$20,0)+IF(Input!$D$21=4,L688*Input!$C$21,0)+IF(Input!$D$22=4,M688*Input!$C$22,0)</f>
        <v>0</v>
      </c>
      <c r="R688" s="58">
        <v>64.012187589497344</v>
      </c>
      <c r="S688" s="124">
        <f t="shared" si="10"/>
        <v>1.6496887036767625</v>
      </c>
    </row>
    <row r="689" spans="8:19" x14ac:dyDescent="0.3">
      <c r="H689" s="44">
        <v>682</v>
      </c>
      <c r="I689" s="56">
        <f>Bühler!I715</f>
        <v>0.40650738591252683</v>
      </c>
      <c r="J689" s="59">
        <f>Bühler!J715</f>
        <v>1.3550246197084228</v>
      </c>
      <c r="K689" s="59">
        <f>Bühler!K715</f>
        <v>2.0325369295626339</v>
      </c>
      <c r="L689" s="59">
        <f>Bühler!L715</f>
        <v>9.7561772619006444</v>
      </c>
      <c r="M689" s="58">
        <f>Bühler!M715</f>
        <v>0</v>
      </c>
      <c r="N689" s="56">
        <f>IF(Input!$D$19=1,J689*Input!$C$19,0)+IF(Input!$D$20=1,K689*Input!$C$20,0)+IF(Input!$D$21=1,L689*Input!$C$21,0)+IF(Input!$D$22=1,M689*Input!$C$22,0)</f>
        <v>0.40650738591252683</v>
      </c>
      <c r="O689" s="59">
        <f>IF(Input!$D$19=2,J689*Input!$C$19,0)+IF(Input!$D$20=2,K689*Input!$C$20,0)+IF(Input!$D$21=2,L689*Input!$C$21,0)+IF(Input!$D$22=2,M689*Input!$C$22,0)</f>
        <v>1.0162684647813169</v>
      </c>
      <c r="P689" s="59">
        <f>IF(Input!$D$19=3,J689*Input!$C$19,0)+IF(Input!$D$20=3,K689*Input!$C$20,0)+IF(Input!$D$21=3,L689*Input!$C$21,0)+IF(Input!$D$22=3,M689*Input!$C$22,0)</f>
        <v>0</v>
      </c>
      <c r="Q689" s="75">
        <f>IF(Input!$D$19=4,J689*Input!$C$19,0)+IF(Input!$D$20=4,K689*Input!$C$20,0)+IF(Input!$D$21=4,L689*Input!$C$21,0)+IF(Input!$D$22=4,M689*Input!$C$22,0)</f>
        <v>0</v>
      </c>
      <c r="R689" s="58">
        <v>64.448885755312048</v>
      </c>
      <c r="S689" s="124">
        <f t="shared" si="10"/>
        <v>1.7615320056209496</v>
      </c>
    </row>
    <row r="690" spans="8:19" x14ac:dyDescent="0.3">
      <c r="H690" s="44">
        <v>683</v>
      </c>
      <c r="I690" s="56">
        <f>Bühler!I716</f>
        <v>0.40650738591252683</v>
      </c>
      <c r="J690" s="59">
        <f>Bühler!J716</f>
        <v>1.3550246197084228</v>
      </c>
      <c r="K690" s="59">
        <f>Bühler!K716</f>
        <v>2.0325369295626339</v>
      </c>
      <c r="L690" s="59">
        <f>Bühler!L716</f>
        <v>9.7561772619006444</v>
      </c>
      <c r="M690" s="58">
        <f>Bühler!M716</f>
        <v>0</v>
      </c>
      <c r="N690" s="56">
        <f>IF(Input!$D$19=1,J690*Input!$C$19,0)+IF(Input!$D$20=1,K690*Input!$C$20,0)+IF(Input!$D$21=1,L690*Input!$C$21,0)+IF(Input!$D$22=1,M690*Input!$C$22,0)</f>
        <v>0.40650738591252683</v>
      </c>
      <c r="O690" s="59">
        <f>IF(Input!$D$19=2,J690*Input!$C$19,0)+IF(Input!$D$20=2,K690*Input!$C$20,0)+IF(Input!$D$21=2,L690*Input!$C$21,0)+IF(Input!$D$22=2,M690*Input!$C$22,0)</f>
        <v>1.0162684647813169</v>
      </c>
      <c r="P690" s="59">
        <f>IF(Input!$D$19=3,J690*Input!$C$19,0)+IF(Input!$D$20=3,K690*Input!$C$20,0)+IF(Input!$D$21=3,L690*Input!$C$21,0)+IF(Input!$D$22=3,M690*Input!$C$22,0)</f>
        <v>0</v>
      </c>
      <c r="Q690" s="75">
        <f>IF(Input!$D$19=4,J690*Input!$C$19,0)+IF(Input!$D$20=4,K690*Input!$C$20,0)+IF(Input!$D$21=4,L690*Input!$C$21,0)+IF(Input!$D$22=4,M690*Input!$C$22,0)</f>
        <v>0</v>
      </c>
      <c r="R690" s="58">
        <v>65.470752361967257</v>
      </c>
      <c r="S690" s="124">
        <f t="shared" si="10"/>
        <v>1.7615320056209496</v>
      </c>
    </row>
    <row r="691" spans="8:19" x14ac:dyDescent="0.3">
      <c r="H691" s="44">
        <v>684</v>
      </c>
      <c r="I691" s="56">
        <f>Bühler!I717</f>
        <v>0.51619985512701827</v>
      </c>
      <c r="J691" s="59">
        <f>Bühler!J717</f>
        <v>1.7206661837567276</v>
      </c>
      <c r="K691" s="59">
        <f>Bühler!K717</f>
        <v>2.580999275635091</v>
      </c>
      <c r="L691" s="59">
        <f>Bühler!L717</f>
        <v>12.388796523048438</v>
      </c>
      <c r="M691" s="58">
        <f>Bühler!M717</f>
        <v>0</v>
      </c>
      <c r="N691" s="56">
        <f>IF(Input!$D$19=1,J691*Input!$C$19,0)+IF(Input!$D$20=1,K691*Input!$C$20,0)+IF(Input!$D$21=1,L691*Input!$C$21,0)+IF(Input!$D$22=1,M691*Input!$C$22,0)</f>
        <v>0.51619985512701827</v>
      </c>
      <c r="O691" s="59">
        <f>IF(Input!$D$19=2,J691*Input!$C$19,0)+IF(Input!$D$20=2,K691*Input!$C$20,0)+IF(Input!$D$21=2,L691*Input!$C$21,0)+IF(Input!$D$22=2,M691*Input!$C$22,0)</f>
        <v>1.2904996378175455</v>
      </c>
      <c r="P691" s="59">
        <f>IF(Input!$D$19=3,J691*Input!$C$19,0)+IF(Input!$D$20=3,K691*Input!$C$20,0)+IF(Input!$D$21=3,L691*Input!$C$21,0)+IF(Input!$D$22=3,M691*Input!$C$22,0)</f>
        <v>0</v>
      </c>
      <c r="Q691" s="75">
        <f>IF(Input!$D$19=4,J691*Input!$C$19,0)+IF(Input!$D$20=4,K691*Input!$C$20,0)+IF(Input!$D$21=4,L691*Input!$C$21,0)+IF(Input!$D$22=4,M691*Input!$C$22,0)</f>
        <v>0</v>
      </c>
      <c r="R691" s="58">
        <v>65.460711518983032</v>
      </c>
      <c r="S691" s="124">
        <f t="shared" si="10"/>
        <v>2.236866038883746</v>
      </c>
    </row>
    <row r="692" spans="8:19" x14ac:dyDescent="0.3">
      <c r="H692" s="44">
        <v>685</v>
      </c>
      <c r="I692" s="56">
        <f>Bühler!I718</f>
        <v>0.51619985512701827</v>
      </c>
      <c r="J692" s="59">
        <f>Bühler!J718</f>
        <v>1.7206661837567276</v>
      </c>
      <c r="K692" s="59">
        <f>Bühler!K718</f>
        <v>2.580999275635091</v>
      </c>
      <c r="L692" s="59">
        <f>Bühler!L718</f>
        <v>12.388796523048438</v>
      </c>
      <c r="M692" s="58">
        <f>Bühler!M718</f>
        <v>0</v>
      </c>
      <c r="N692" s="56">
        <f>IF(Input!$D$19=1,J692*Input!$C$19,0)+IF(Input!$D$20=1,K692*Input!$C$20,0)+IF(Input!$D$21=1,L692*Input!$C$21,0)+IF(Input!$D$22=1,M692*Input!$C$22,0)</f>
        <v>0.51619985512701827</v>
      </c>
      <c r="O692" s="59">
        <f>IF(Input!$D$19=2,J692*Input!$C$19,0)+IF(Input!$D$20=2,K692*Input!$C$20,0)+IF(Input!$D$21=2,L692*Input!$C$21,0)+IF(Input!$D$22=2,M692*Input!$C$22,0)</f>
        <v>1.2904996378175455</v>
      </c>
      <c r="P692" s="59">
        <f>IF(Input!$D$19=3,J692*Input!$C$19,0)+IF(Input!$D$20=3,K692*Input!$C$20,0)+IF(Input!$D$21=3,L692*Input!$C$21,0)+IF(Input!$D$22=3,M692*Input!$C$22,0)</f>
        <v>0</v>
      </c>
      <c r="Q692" s="75">
        <f>IF(Input!$D$19=4,J692*Input!$C$19,0)+IF(Input!$D$20=4,K692*Input!$C$20,0)+IF(Input!$D$21=4,L692*Input!$C$21,0)+IF(Input!$D$22=4,M692*Input!$C$22,0)</f>
        <v>0</v>
      </c>
      <c r="R692" s="58">
        <v>65.025990987092669</v>
      </c>
      <c r="S692" s="124">
        <f t="shared" si="10"/>
        <v>2.236866038883746</v>
      </c>
    </row>
    <row r="693" spans="8:19" x14ac:dyDescent="0.3">
      <c r="H693" s="44">
        <v>686</v>
      </c>
      <c r="I693" s="56">
        <f>Bühler!I719</f>
        <v>0.34198240402164959</v>
      </c>
      <c r="J693" s="59">
        <f>Bühler!J719</f>
        <v>1.139941346738832</v>
      </c>
      <c r="K693" s="59">
        <f>Bühler!K719</f>
        <v>1.7099120201082478</v>
      </c>
      <c r="L693" s="59">
        <f>Bühler!L719</f>
        <v>8.2075776965195892</v>
      </c>
      <c r="M693" s="58">
        <f>Bühler!M719</f>
        <v>0</v>
      </c>
      <c r="N693" s="56">
        <f>IF(Input!$D$19=1,J693*Input!$C$19,0)+IF(Input!$D$20=1,K693*Input!$C$20,0)+IF(Input!$D$21=1,L693*Input!$C$21,0)+IF(Input!$D$22=1,M693*Input!$C$22,0)</f>
        <v>0.34198240402164959</v>
      </c>
      <c r="O693" s="59">
        <f>IF(Input!$D$19=2,J693*Input!$C$19,0)+IF(Input!$D$20=2,K693*Input!$C$20,0)+IF(Input!$D$21=2,L693*Input!$C$21,0)+IF(Input!$D$22=2,M693*Input!$C$22,0)</f>
        <v>0.85495601005412392</v>
      </c>
      <c r="P693" s="59">
        <f>IF(Input!$D$19=3,J693*Input!$C$19,0)+IF(Input!$D$20=3,K693*Input!$C$20,0)+IF(Input!$D$21=3,L693*Input!$C$21,0)+IF(Input!$D$22=3,M693*Input!$C$22,0)</f>
        <v>0</v>
      </c>
      <c r="Q693" s="75">
        <f>IF(Input!$D$19=4,J693*Input!$C$19,0)+IF(Input!$D$20=4,K693*Input!$C$20,0)+IF(Input!$D$21=4,L693*Input!$C$21,0)+IF(Input!$D$22=4,M693*Input!$C$22,0)</f>
        <v>0</v>
      </c>
      <c r="R693" s="58">
        <v>65.223326093871876</v>
      </c>
      <c r="S693" s="124">
        <f t="shared" si="10"/>
        <v>1.4819237507604814</v>
      </c>
    </row>
    <row r="694" spans="8:19" x14ac:dyDescent="0.3">
      <c r="H694" s="44">
        <v>687</v>
      </c>
      <c r="I694" s="56">
        <f>Bühler!I720</f>
        <v>0.51619985512701827</v>
      </c>
      <c r="J694" s="59">
        <f>Bühler!J720</f>
        <v>1.7206661837567276</v>
      </c>
      <c r="K694" s="59">
        <f>Bühler!K720</f>
        <v>2.580999275635091</v>
      </c>
      <c r="L694" s="59">
        <f>Bühler!L720</f>
        <v>12.388796523048438</v>
      </c>
      <c r="M694" s="58">
        <f>Bühler!M720</f>
        <v>0</v>
      </c>
      <c r="N694" s="56">
        <f>IF(Input!$D$19=1,J694*Input!$C$19,0)+IF(Input!$D$20=1,K694*Input!$C$20,0)+IF(Input!$D$21=1,L694*Input!$C$21,0)+IF(Input!$D$22=1,M694*Input!$C$22,0)</f>
        <v>0.51619985512701827</v>
      </c>
      <c r="O694" s="59">
        <f>IF(Input!$D$19=2,J694*Input!$C$19,0)+IF(Input!$D$20=2,K694*Input!$C$20,0)+IF(Input!$D$21=2,L694*Input!$C$21,0)+IF(Input!$D$22=2,M694*Input!$C$22,0)</f>
        <v>1.2904996378175455</v>
      </c>
      <c r="P694" s="59">
        <f>IF(Input!$D$19=3,J694*Input!$C$19,0)+IF(Input!$D$20=3,K694*Input!$C$20,0)+IF(Input!$D$21=3,L694*Input!$C$21,0)+IF(Input!$D$22=3,M694*Input!$C$22,0)</f>
        <v>0</v>
      </c>
      <c r="Q694" s="75">
        <f>IF(Input!$D$19=4,J694*Input!$C$19,0)+IF(Input!$D$20=4,K694*Input!$C$20,0)+IF(Input!$D$21=4,L694*Input!$C$21,0)+IF(Input!$D$22=4,M694*Input!$C$22,0)</f>
        <v>0</v>
      </c>
      <c r="R694" s="58">
        <v>65.732369466119479</v>
      </c>
      <c r="S694" s="124">
        <f t="shared" si="10"/>
        <v>2.236866038883746</v>
      </c>
    </row>
    <row r="695" spans="8:19" x14ac:dyDescent="0.3">
      <c r="H695" s="44">
        <v>688</v>
      </c>
      <c r="I695" s="56">
        <f>Bühler!I721</f>
        <v>0.51619985512701827</v>
      </c>
      <c r="J695" s="59">
        <f>Bühler!J721</f>
        <v>1.7206661837567276</v>
      </c>
      <c r="K695" s="59">
        <f>Bühler!K721</f>
        <v>2.580999275635091</v>
      </c>
      <c r="L695" s="59">
        <f>Bühler!L721</f>
        <v>12.388796523048438</v>
      </c>
      <c r="M695" s="58">
        <f>Bühler!M721</f>
        <v>0</v>
      </c>
      <c r="N695" s="56">
        <f>IF(Input!$D$19=1,J695*Input!$C$19,0)+IF(Input!$D$20=1,K695*Input!$C$20,0)+IF(Input!$D$21=1,L695*Input!$C$21,0)+IF(Input!$D$22=1,M695*Input!$C$22,0)</f>
        <v>0.51619985512701827</v>
      </c>
      <c r="O695" s="59">
        <f>IF(Input!$D$19=2,J695*Input!$C$19,0)+IF(Input!$D$20=2,K695*Input!$C$20,0)+IF(Input!$D$21=2,L695*Input!$C$21,0)+IF(Input!$D$22=2,M695*Input!$C$22,0)</f>
        <v>1.2904996378175455</v>
      </c>
      <c r="P695" s="59">
        <f>IF(Input!$D$19=3,J695*Input!$C$19,0)+IF(Input!$D$20=3,K695*Input!$C$20,0)+IF(Input!$D$21=3,L695*Input!$C$21,0)+IF(Input!$D$22=3,M695*Input!$C$22,0)</f>
        <v>0</v>
      </c>
      <c r="Q695" s="75">
        <f>IF(Input!$D$19=4,J695*Input!$C$19,0)+IF(Input!$D$20=4,K695*Input!$C$20,0)+IF(Input!$D$21=4,L695*Input!$C$21,0)+IF(Input!$D$22=4,M695*Input!$C$22,0)</f>
        <v>0</v>
      </c>
      <c r="R695" s="58">
        <v>64.912604124999902</v>
      </c>
      <c r="S695" s="124">
        <f t="shared" si="10"/>
        <v>2.236866038883746</v>
      </c>
    </row>
    <row r="696" spans="8:19" x14ac:dyDescent="0.3">
      <c r="H696" s="44">
        <v>689</v>
      </c>
      <c r="I696" s="56">
        <f>Bühler!I722</f>
        <v>0.51619985512701827</v>
      </c>
      <c r="J696" s="59">
        <f>Bühler!J722</f>
        <v>1.7206661837567276</v>
      </c>
      <c r="K696" s="59">
        <f>Bühler!K722</f>
        <v>2.580999275635091</v>
      </c>
      <c r="L696" s="59">
        <f>Bühler!L722</f>
        <v>12.388796523048438</v>
      </c>
      <c r="M696" s="58">
        <f>Bühler!M722</f>
        <v>0</v>
      </c>
      <c r="N696" s="56">
        <f>IF(Input!$D$19=1,J696*Input!$C$19,0)+IF(Input!$D$20=1,K696*Input!$C$20,0)+IF(Input!$D$21=1,L696*Input!$C$21,0)+IF(Input!$D$22=1,M696*Input!$C$22,0)</f>
        <v>0.51619985512701827</v>
      </c>
      <c r="O696" s="59">
        <f>IF(Input!$D$19=2,J696*Input!$C$19,0)+IF(Input!$D$20=2,K696*Input!$C$20,0)+IF(Input!$D$21=2,L696*Input!$C$21,0)+IF(Input!$D$22=2,M696*Input!$C$22,0)</f>
        <v>1.2904996378175455</v>
      </c>
      <c r="P696" s="59">
        <f>IF(Input!$D$19=3,J696*Input!$C$19,0)+IF(Input!$D$20=3,K696*Input!$C$20,0)+IF(Input!$D$21=3,L696*Input!$C$21,0)+IF(Input!$D$22=3,M696*Input!$C$22,0)</f>
        <v>0</v>
      </c>
      <c r="Q696" s="75">
        <f>IF(Input!$D$19=4,J696*Input!$C$19,0)+IF(Input!$D$20=4,K696*Input!$C$20,0)+IF(Input!$D$21=4,L696*Input!$C$21,0)+IF(Input!$D$22=4,M696*Input!$C$22,0)</f>
        <v>0</v>
      </c>
      <c r="R696" s="58">
        <v>64.365232109020369</v>
      </c>
      <c r="S696" s="124">
        <f t="shared" si="10"/>
        <v>2.236866038883746</v>
      </c>
    </row>
    <row r="697" spans="8:19" x14ac:dyDescent="0.3">
      <c r="H697" s="44">
        <v>690</v>
      </c>
      <c r="I697" s="56">
        <f>Bühler!I723</f>
        <v>0.51619985512701827</v>
      </c>
      <c r="J697" s="59">
        <f>Bühler!J723</f>
        <v>1.7206661837567276</v>
      </c>
      <c r="K697" s="59">
        <f>Bühler!K723</f>
        <v>2.580999275635091</v>
      </c>
      <c r="L697" s="59">
        <f>Bühler!L723</f>
        <v>12.388796523048438</v>
      </c>
      <c r="M697" s="58">
        <f>Bühler!M723</f>
        <v>0</v>
      </c>
      <c r="N697" s="56">
        <f>IF(Input!$D$19=1,J697*Input!$C$19,0)+IF(Input!$D$20=1,K697*Input!$C$20,0)+IF(Input!$D$21=1,L697*Input!$C$21,0)+IF(Input!$D$22=1,M697*Input!$C$22,0)</f>
        <v>0.51619985512701827</v>
      </c>
      <c r="O697" s="59">
        <f>IF(Input!$D$19=2,J697*Input!$C$19,0)+IF(Input!$D$20=2,K697*Input!$C$20,0)+IF(Input!$D$21=2,L697*Input!$C$21,0)+IF(Input!$D$22=2,M697*Input!$C$22,0)</f>
        <v>1.2904996378175455</v>
      </c>
      <c r="P697" s="59">
        <f>IF(Input!$D$19=3,J697*Input!$C$19,0)+IF(Input!$D$20=3,K697*Input!$C$20,0)+IF(Input!$D$21=3,L697*Input!$C$21,0)+IF(Input!$D$22=3,M697*Input!$C$22,0)</f>
        <v>0</v>
      </c>
      <c r="Q697" s="75">
        <f>IF(Input!$D$19=4,J697*Input!$C$19,0)+IF(Input!$D$20=4,K697*Input!$C$20,0)+IF(Input!$D$21=4,L697*Input!$C$21,0)+IF(Input!$D$22=4,M697*Input!$C$22,0)</f>
        <v>0</v>
      </c>
      <c r="R697" s="58">
        <v>63.316867318217447</v>
      </c>
      <c r="S697" s="124">
        <f t="shared" si="10"/>
        <v>2.236866038883746</v>
      </c>
    </row>
    <row r="698" spans="8:19" x14ac:dyDescent="0.3">
      <c r="H698" s="44">
        <v>691</v>
      </c>
      <c r="I698" s="56">
        <f>Bühler!I724</f>
        <v>0.51619985512701827</v>
      </c>
      <c r="J698" s="59">
        <f>Bühler!J724</f>
        <v>1.7206661837567276</v>
      </c>
      <c r="K698" s="59">
        <f>Bühler!K724</f>
        <v>2.580999275635091</v>
      </c>
      <c r="L698" s="59">
        <f>Bühler!L724</f>
        <v>12.388796523048438</v>
      </c>
      <c r="M698" s="58">
        <f>Bühler!M724</f>
        <v>0</v>
      </c>
      <c r="N698" s="56">
        <f>IF(Input!$D$19=1,J698*Input!$C$19,0)+IF(Input!$D$20=1,K698*Input!$C$20,0)+IF(Input!$D$21=1,L698*Input!$C$21,0)+IF(Input!$D$22=1,M698*Input!$C$22,0)</f>
        <v>0.51619985512701827</v>
      </c>
      <c r="O698" s="59">
        <f>IF(Input!$D$19=2,J698*Input!$C$19,0)+IF(Input!$D$20=2,K698*Input!$C$20,0)+IF(Input!$D$21=2,L698*Input!$C$21,0)+IF(Input!$D$22=2,M698*Input!$C$22,0)</f>
        <v>1.2904996378175455</v>
      </c>
      <c r="P698" s="59">
        <f>IF(Input!$D$19=3,J698*Input!$C$19,0)+IF(Input!$D$20=3,K698*Input!$C$20,0)+IF(Input!$D$21=3,L698*Input!$C$21,0)+IF(Input!$D$22=3,M698*Input!$C$22,0)</f>
        <v>0</v>
      </c>
      <c r="Q698" s="75">
        <f>IF(Input!$D$19=4,J698*Input!$C$19,0)+IF(Input!$D$20=4,K698*Input!$C$20,0)+IF(Input!$D$21=4,L698*Input!$C$21,0)+IF(Input!$D$22=4,M698*Input!$C$22,0)</f>
        <v>0</v>
      </c>
      <c r="R698" s="58">
        <v>61.615012364582149</v>
      </c>
      <c r="S698" s="124">
        <f t="shared" si="10"/>
        <v>2.236866038883746</v>
      </c>
    </row>
    <row r="699" spans="8:19" x14ac:dyDescent="0.3">
      <c r="H699" s="44">
        <v>692</v>
      </c>
      <c r="I699" s="56">
        <f>Bühler!I725</f>
        <v>0.43231737866887771</v>
      </c>
      <c r="J699" s="59">
        <f>Bühler!J725</f>
        <v>1.4410579288962593</v>
      </c>
      <c r="K699" s="59">
        <f>Bühler!K725</f>
        <v>2.1615868933443885</v>
      </c>
      <c r="L699" s="59">
        <f>Bühler!L725</f>
        <v>10.375617088053065</v>
      </c>
      <c r="M699" s="58">
        <f>Bühler!M725</f>
        <v>0</v>
      </c>
      <c r="N699" s="56">
        <f>IF(Input!$D$19=1,J699*Input!$C$19,0)+IF(Input!$D$20=1,K699*Input!$C$20,0)+IF(Input!$D$21=1,L699*Input!$C$21,0)+IF(Input!$D$22=1,M699*Input!$C$22,0)</f>
        <v>0.43231737866887776</v>
      </c>
      <c r="O699" s="59">
        <f>IF(Input!$D$19=2,J699*Input!$C$19,0)+IF(Input!$D$20=2,K699*Input!$C$20,0)+IF(Input!$D$21=2,L699*Input!$C$21,0)+IF(Input!$D$22=2,M699*Input!$C$22,0)</f>
        <v>1.0807934466721942</v>
      </c>
      <c r="P699" s="59">
        <f>IF(Input!$D$19=3,J699*Input!$C$19,0)+IF(Input!$D$20=3,K699*Input!$C$20,0)+IF(Input!$D$21=3,L699*Input!$C$21,0)+IF(Input!$D$22=3,M699*Input!$C$22,0)</f>
        <v>0</v>
      </c>
      <c r="Q699" s="75">
        <f>IF(Input!$D$19=4,J699*Input!$C$19,0)+IF(Input!$D$20=4,K699*Input!$C$20,0)+IF(Input!$D$21=4,L699*Input!$C$21,0)+IF(Input!$D$22=4,M699*Input!$C$22,0)</f>
        <v>0</v>
      </c>
      <c r="R699" s="58">
        <v>60.916407752703144</v>
      </c>
      <c r="S699" s="124">
        <f t="shared" si="10"/>
        <v>1.8733753075651369</v>
      </c>
    </row>
    <row r="700" spans="8:19" x14ac:dyDescent="0.3">
      <c r="H700" s="44">
        <v>693</v>
      </c>
      <c r="I700" s="56">
        <f>Bühler!I726</f>
        <v>0.35488740039982503</v>
      </c>
      <c r="J700" s="59">
        <f>Bühler!J726</f>
        <v>1.1829580013327501</v>
      </c>
      <c r="K700" s="59">
        <f>Bühler!K726</f>
        <v>1.7744370019991251</v>
      </c>
      <c r="L700" s="59">
        <f>Bühler!L726</f>
        <v>8.5172976095958006</v>
      </c>
      <c r="M700" s="58">
        <f>Bühler!M726</f>
        <v>0</v>
      </c>
      <c r="N700" s="56">
        <f>IF(Input!$D$19=1,J700*Input!$C$19,0)+IF(Input!$D$20=1,K700*Input!$C$20,0)+IF(Input!$D$21=1,L700*Input!$C$21,0)+IF(Input!$D$22=1,M700*Input!$C$22,0)</f>
        <v>0.35488740039982503</v>
      </c>
      <c r="O700" s="59">
        <f>IF(Input!$D$19=2,J700*Input!$C$19,0)+IF(Input!$D$20=2,K700*Input!$C$20,0)+IF(Input!$D$21=2,L700*Input!$C$21,0)+IF(Input!$D$22=2,M700*Input!$C$22,0)</f>
        <v>0.88721850099956256</v>
      </c>
      <c r="P700" s="59">
        <f>IF(Input!$D$19=3,J700*Input!$C$19,0)+IF(Input!$D$20=3,K700*Input!$C$20,0)+IF(Input!$D$21=3,L700*Input!$C$21,0)+IF(Input!$D$22=3,M700*Input!$C$22,0)</f>
        <v>0</v>
      </c>
      <c r="Q700" s="75">
        <f>IF(Input!$D$19=4,J700*Input!$C$19,0)+IF(Input!$D$20=4,K700*Input!$C$20,0)+IF(Input!$D$21=4,L700*Input!$C$21,0)+IF(Input!$D$22=4,M700*Input!$C$22,0)</f>
        <v>0</v>
      </c>
      <c r="R700" s="58">
        <v>59.805119294569138</v>
      </c>
      <c r="S700" s="124">
        <f t="shared" si="10"/>
        <v>1.5378454017325751</v>
      </c>
    </row>
    <row r="701" spans="8:19" x14ac:dyDescent="0.3">
      <c r="H701" s="44">
        <v>694</v>
      </c>
      <c r="I701" s="56">
        <f>Bühler!I727</f>
        <v>0.25809992756350914</v>
      </c>
      <c r="J701" s="59">
        <f>Bühler!J727</f>
        <v>0.86033309187836382</v>
      </c>
      <c r="K701" s="59">
        <f>Bühler!K727</f>
        <v>1.2904996378175455</v>
      </c>
      <c r="L701" s="59">
        <f>Bühler!L727</f>
        <v>6.1943982615242188</v>
      </c>
      <c r="M701" s="58">
        <f>Bühler!M727</f>
        <v>0</v>
      </c>
      <c r="N701" s="56">
        <f>IF(Input!$D$19=1,J701*Input!$C$19,0)+IF(Input!$D$20=1,K701*Input!$C$20,0)+IF(Input!$D$21=1,L701*Input!$C$21,0)+IF(Input!$D$22=1,M701*Input!$C$22,0)</f>
        <v>0.25809992756350914</v>
      </c>
      <c r="O701" s="59">
        <f>IF(Input!$D$19=2,J701*Input!$C$19,0)+IF(Input!$D$20=2,K701*Input!$C$20,0)+IF(Input!$D$21=2,L701*Input!$C$21,0)+IF(Input!$D$22=2,M701*Input!$C$22,0)</f>
        <v>0.64524981890877275</v>
      </c>
      <c r="P701" s="59">
        <f>IF(Input!$D$19=3,J701*Input!$C$19,0)+IF(Input!$D$20=3,K701*Input!$C$20,0)+IF(Input!$D$21=3,L701*Input!$C$21,0)+IF(Input!$D$22=3,M701*Input!$C$22,0)</f>
        <v>0</v>
      </c>
      <c r="Q701" s="75">
        <f>IF(Input!$D$19=4,J701*Input!$C$19,0)+IF(Input!$D$20=4,K701*Input!$C$20,0)+IF(Input!$D$21=4,L701*Input!$C$21,0)+IF(Input!$D$22=4,M701*Input!$C$22,0)</f>
        <v>0</v>
      </c>
      <c r="R701" s="58">
        <v>57.839718597983094</v>
      </c>
      <c r="S701" s="124">
        <f t="shared" si="10"/>
        <v>1.118433019441873</v>
      </c>
    </row>
    <row r="702" spans="8:19" x14ac:dyDescent="0.3">
      <c r="H702" s="44">
        <v>695</v>
      </c>
      <c r="I702" s="56">
        <f>Bühler!I728</f>
        <v>0.24519493118533361</v>
      </c>
      <c r="J702" s="59">
        <f>Bühler!J728</f>
        <v>0.81731643728444547</v>
      </c>
      <c r="K702" s="59">
        <f>Bühler!K728</f>
        <v>1.225974655926668</v>
      </c>
      <c r="L702" s="59">
        <f>Bühler!L728</f>
        <v>5.8846783484480065</v>
      </c>
      <c r="M702" s="58">
        <f>Bühler!M728</f>
        <v>0</v>
      </c>
      <c r="N702" s="56">
        <f>IF(Input!$D$19=1,J702*Input!$C$19,0)+IF(Input!$D$20=1,K702*Input!$C$20,0)+IF(Input!$D$21=1,L702*Input!$C$21,0)+IF(Input!$D$22=1,M702*Input!$C$22,0)</f>
        <v>0.24519493118533364</v>
      </c>
      <c r="O702" s="59">
        <f>IF(Input!$D$19=2,J702*Input!$C$19,0)+IF(Input!$D$20=2,K702*Input!$C$20,0)+IF(Input!$D$21=2,L702*Input!$C$21,0)+IF(Input!$D$22=2,M702*Input!$C$22,0)</f>
        <v>0.61298732796333399</v>
      </c>
      <c r="P702" s="59">
        <f>IF(Input!$D$19=3,J702*Input!$C$19,0)+IF(Input!$D$20=3,K702*Input!$C$20,0)+IF(Input!$D$21=3,L702*Input!$C$21,0)+IF(Input!$D$22=3,M702*Input!$C$22,0)</f>
        <v>0</v>
      </c>
      <c r="Q702" s="75">
        <f>IF(Input!$D$19=4,J702*Input!$C$19,0)+IF(Input!$D$20=4,K702*Input!$C$20,0)+IF(Input!$D$21=4,L702*Input!$C$21,0)+IF(Input!$D$22=4,M702*Input!$C$22,0)</f>
        <v>0</v>
      </c>
      <c r="R702" s="58">
        <v>57.867730845278871</v>
      </c>
      <c r="S702" s="124">
        <f t="shared" si="10"/>
        <v>1.0625113684697791</v>
      </c>
    </row>
    <row r="703" spans="8:19" x14ac:dyDescent="0.3">
      <c r="H703" s="44">
        <v>696</v>
      </c>
      <c r="I703" s="56">
        <f>Bühler!I729</f>
        <v>0.24519493118533361</v>
      </c>
      <c r="J703" s="59">
        <f>Bühler!J729</f>
        <v>0.81731643728444547</v>
      </c>
      <c r="K703" s="59">
        <f>Bühler!K729</f>
        <v>1.225974655926668</v>
      </c>
      <c r="L703" s="59">
        <f>Bühler!L729</f>
        <v>5.8846783484480065</v>
      </c>
      <c r="M703" s="58">
        <f>Bühler!M729</f>
        <v>0</v>
      </c>
      <c r="N703" s="56">
        <f>IF(Input!$D$19=1,J703*Input!$C$19,0)+IF(Input!$D$20=1,K703*Input!$C$20,0)+IF(Input!$D$21=1,L703*Input!$C$21,0)+IF(Input!$D$22=1,M703*Input!$C$22,0)</f>
        <v>0.24519493118533364</v>
      </c>
      <c r="O703" s="59">
        <f>IF(Input!$D$19=2,J703*Input!$C$19,0)+IF(Input!$D$20=2,K703*Input!$C$20,0)+IF(Input!$D$21=2,L703*Input!$C$21,0)+IF(Input!$D$22=2,M703*Input!$C$22,0)</f>
        <v>0.61298732796333399</v>
      </c>
      <c r="P703" s="59">
        <f>IF(Input!$D$19=3,J703*Input!$C$19,0)+IF(Input!$D$20=3,K703*Input!$C$20,0)+IF(Input!$D$21=3,L703*Input!$C$21,0)+IF(Input!$D$22=3,M703*Input!$C$22,0)</f>
        <v>0</v>
      </c>
      <c r="Q703" s="75">
        <f>IF(Input!$D$19=4,J703*Input!$C$19,0)+IF(Input!$D$20=4,K703*Input!$C$20,0)+IF(Input!$D$21=4,L703*Input!$C$21,0)+IF(Input!$D$22=4,M703*Input!$C$22,0)</f>
        <v>0</v>
      </c>
      <c r="R703" s="58">
        <v>56.922064015957268</v>
      </c>
      <c r="S703" s="124">
        <f t="shared" si="10"/>
        <v>1.0625113684697791</v>
      </c>
    </row>
    <row r="704" spans="8:19" x14ac:dyDescent="0.3">
      <c r="H704" s="44">
        <v>697</v>
      </c>
      <c r="I704" s="56">
        <f>Bühler!I730</f>
        <v>0.22726390809693608</v>
      </c>
      <c r="J704" s="59">
        <f>Bühler!J730</f>
        <v>0.75754636032312028</v>
      </c>
      <c r="K704" s="59">
        <f>Bühler!K730</f>
        <v>1.1363195404846804</v>
      </c>
      <c r="L704" s="59">
        <f>Bühler!L730</f>
        <v>5.454333794326466</v>
      </c>
      <c r="M704" s="58">
        <f>Bühler!M730</f>
        <v>0</v>
      </c>
      <c r="N704" s="56">
        <f>IF(Input!$D$19=1,J704*Input!$C$19,0)+IF(Input!$D$20=1,K704*Input!$C$20,0)+IF(Input!$D$21=1,L704*Input!$C$21,0)+IF(Input!$D$22=1,M704*Input!$C$22,0)</f>
        <v>0.22726390809693608</v>
      </c>
      <c r="O704" s="59">
        <f>IF(Input!$D$19=2,J704*Input!$C$19,0)+IF(Input!$D$20=2,K704*Input!$C$20,0)+IF(Input!$D$21=2,L704*Input!$C$21,0)+IF(Input!$D$22=2,M704*Input!$C$22,0)</f>
        <v>0.56815977024234021</v>
      </c>
      <c r="P704" s="59">
        <f>IF(Input!$D$19=3,J704*Input!$C$19,0)+IF(Input!$D$20=3,K704*Input!$C$20,0)+IF(Input!$D$21=3,L704*Input!$C$21,0)+IF(Input!$D$22=3,M704*Input!$C$22,0)</f>
        <v>0</v>
      </c>
      <c r="Q704" s="75">
        <f>IF(Input!$D$19=4,J704*Input!$C$19,0)+IF(Input!$D$20=4,K704*Input!$C$20,0)+IF(Input!$D$21=4,L704*Input!$C$21,0)+IF(Input!$D$22=4,M704*Input!$C$22,0)</f>
        <v>0</v>
      </c>
      <c r="R704" s="58">
        <v>56.48117272645279</v>
      </c>
      <c r="S704" s="124">
        <f t="shared" si="10"/>
        <v>0.98481026842005637</v>
      </c>
    </row>
    <row r="705" spans="8:19" x14ac:dyDescent="0.3">
      <c r="H705" s="44">
        <v>698</v>
      </c>
      <c r="I705" s="56">
        <f>Bühler!I731</f>
        <v>0.22726390809693608</v>
      </c>
      <c r="J705" s="59">
        <f>Bühler!J731</f>
        <v>0.75754636032312028</v>
      </c>
      <c r="K705" s="59">
        <f>Bühler!K731</f>
        <v>1.1363195404846804</v>
      </c>
      <c r="L705" s="59">
        <f>Bühler!L731</f>
        <v>5.454333794326466</v>
      </c>
      <c r="M705" s="58">
        <f>Bühler!M731</f>
        <v>0</v>
      </c>
      <c r="N705" s="56">
        <f>IF(Input!$D$19=1,J705*Input!$C$19,0)+IF(Input!$D$20=1,K705*Input!$C$20,0)+IF(Input!$D$21=1,L705*Input!$C$21,0)+IF(Input!$D$22=1,M705*Input!$C$22,0)</f>
        <v>0.22726390809693608</v>
      </c>
      <c r="O705" s="59">
        <f>IF(Input!$D$19=2,J705*Input!$C$19,0)+IF(Input!$D$20=2,K705*Input!$C$20,0)+IF(Input!$D$21=2,L705*Input!$C$21,0)+IF(Input!$D$22=2,M705*Input!$C$22,0)</f>
        <v>0.56815977024234021</v>
      </c>
      <c r="P705" s="59">
        <f>IF(Input!$D$19=3,J705*Input!$C$19,0)+IF(Input!$D$20=3,K705*Input!$C$20,0)+IF(Input!$D$21=3,L705*Input!$C$21,0)+IF(Input!$D$22=3,M705*Input!$C$22,0)</f>
        <v>0</v>
      </c>
      <c r="Q705" s="75">
        <f>IF(Input!$D$19=4,J705*Input!$C$19,0)+IF(Input!$D$20=4,K705*Input!$C$20,0)+IF(Input!$D$21=4,L705*Input!$C$21,0)+IF(Input!$D$22=4,M705*Input!$C$22,0)</f>
        <v>0</v>
      </c>
      <c r="R705" s="58">
        <v>57.144322009635694</v>
      </c>
      <c r="S705" s="124">
        <f t="shared" si="10"/>
        <v>0.98481026842005637</v>
      </c>
    </row>
    <row r="706" spans="8:19" x14ac:dyDescent="0.3">
      <c r="H706" s="44">
        <v>699</v>
      </c>
      <c r="I706" s="56">
        <f>Bühler!I732</f>
        <v>0.22726390809693608</v>
      </c>
      <c r="J706" s="59">
        <f>Bühler!J732</f>
        <v>0.75754636032312028</v>
      </c>
      <c r="K706" s="59">
        <f>Bühler!K732</f>
        <v>1.1363195404846804</v>
      </c>
      <c r="L706" s="59">
        <f>Bühler!L732</f>
        <v>5.454333794326466</v>
      </c>
      <c r="M706" s="58">
        <f>Bühler!M732</f>
        <v>0</v>
      </c>
      <c r="N706" s="56">
        <f>IF(Input!$D$19=1,J706*Input!$C$19,0)+IF(Input!$D$20=1,K706*Input!$C$20,0)+IF(Input!$D$21=1,L706*Input!$C$21,0)+IF(Input!$D$22=1,M706*Input!$C$22,0)</f>
        <v>0.22726390809693608</v>
      </c>
      <c r="O706" s="59">
        <f>IF(Input!$D$19=2,J706*Input!$C$19,0)+IF(Input!$D$20=2,K706*Input!$C$20,0)+IF(Input!$D$21=2,L706*Input!$C$21,0)+IF(Input!$D$22=2,M706*Input!$C$22,0)</f>
        <v>0.56815977024234021</v>
      </c>
      <c r="P706" s="59">
        <f>IF(Input!$D$19=3,J706*Input!$C$19,0)+IF(Input!$D$20=3,K706*Input!$C$20,0)+IF(Input!$D$21=3,L706*Input!$C$21,0)+IF(Input!$D$22=3,M706*Input!$C$22,0)</f>
        <v>0</v>
      </c>
      <c r="Q706" s="75">
        <f>IF(Input!$D$19=4,J706*Input!$C$19,0)+IF(Input!$D$20=4,K706*Input!$C$20,0)+IF(Input!$D$21=4,L706*Input!$C$21,0)+IF(Input!$D$22=4,M706*Input!$C$22,0)</f>
        <v>0</v>
      </c>
      <c r="R706" s="58">
        <v>57.924010553872556</v>
      </c>
      <c r="S706" s="124">
        <f t="shared" si="10"/>
        <v>0.98481026842005637</v>
      </c>
    </row>
    <row r="707" spans="8:19" x14ac:dyDescent="0.3">
      <c r="H707" s="44">
        <v>700</v>
      </c>
      <c r="I707" s="56">
        <f>Bühler!I733</f>
        <v>0.22726390809693608</v>
      </c>
      <c r="J707" s="59">
        <f>Bühler!J733</f>
        <v>0.75754636032312028</v>
      </c>
      <c r="K707" s="59">
        <f>Bühler!K733</f>
        <v>1.1363195404846804</v>
      </c>
      <c r="L707" s="59">
        <f>Bühler!L733</f>
        <v>5.454333794326466</v>
      </c>
      <c r="M707" s="58">
        <f>Bühler!M733</f>
        <v>0</v>
      </c>
      <c r="N707" s="56">
        <f>IF(Input!$D$19=1,J707*Input!$C$19,0)+IF(Input!$D$20=1,K707*Input!$C$20,0)+IF(Input!$D$21=1,L707*Input!$C$21,0)+IF(Input!$D$22=1,M707*Input!$C$22,0)</f>
        <v>0.22726390809693608</v>
      </c>
      <c r="O707" s="59">
        <f>IF(Input!$D$19=2,J707*Input!$C$19,0)+IF(Input!$D$20=2,K707*Input!$C$20,0)+IF(Input!$D$21=2,L707*Input!$C$21,0)+IF(Input!$D$22=2,M707*Input!$C$22,0)</f>
        <v>0.56815977024234021</v>
      </c>
      <c r="P707" s="59">
        <f>IF(Input!$D$19=3,J707*Input!$C$19,0)+IF(Input!$D$20=3,K707*Input!$C$20,0)+IF(Input!$D$21=3,L707*Input!$C$21,0)+IF(Input!$D$22=3,M707*Input!$C$22,0)</f>
        <v>0</v>
      </c>
      <c r="Q707" s="75">
        <f>IF(Input!$D$19=4,J707*Input!$C$19,0)+IF(Input!$D$20=4,K707*Input!$C$20,0)+IF(Input!$D$21=4,L707*Input!$C$21,0)+IF(Input!$D$22=4,M707*Input!$C$22,0)</f>
        <v>0</v>
      </c>
      <c r="R707" s="58">
        <v>58.329038803839957</v>
      </c>
      <c r="S707" s="124">
        <f t="shared" si="10"/>
        <v>0.98481026842005637</v>
      </c>
    </row>
    <row r="708" spans="8:19" x14ac:dyDescent="0.3">
      <c r="H708" s="44">
        <v>701</v>
      </c>
      <c r="I708" s="56">
        <f>Bühler!I734</f>
        <v>0.22726390809693608</v>
      </c>
      <c r="J708" s="59">
        <f>Bühler!J734</f>
        <v>0.75754636032312028</v>
      </c>
      <c r="K708" s="59">
        <f>Bühler!K734</f>
        <v>1.1363195404846804</v>
      </c>
      <c r="L708" s="59">
        <f>Bühler!L734</f>
        <v>5.454333794326466</v>
      </c>
      <c r="M708" s="58">
        <f>Bühler!M734</f>
        <v>0</v>
      </c>
      <c r="N708" s="56">
        <f>IF(Input!$D$19=1,J708*Input!$C$19,0)+IF(Input!$D$20=1,K708*Input!$C$20,0)+IF(Input!$D$21=1,L708*Input!$C$21,0)+IF(Input!$D$22=1,M708*Input!$C$22,0)</f>
        <v>0.22726390809693608</v>
      </c>
      <c r="O708" s="59">
        <f>IF(Input!$D$19=2,J708*Input!$C$19,0)+IF(Input!$D$20=2,K708*Input!$C$20,0)+IF(Input!$D$21=2,L708*Input!$C$21,0)+IF(Input!$D$22=2,M708*Input!$C$22,0)</f>
        <v>0.56815977024234021</v>
      </c>
      <c r="P708" s="59">
        <f>IF(Input!$D$19=3,J708*Input!$C$19,0)+IF(Input!$D$20=3,K708*Input!$C$20,0)+IF(Input!$D$21=3,L708*Input!$C$21,0)+IF(Input!$D$22=3,M708*Input!$C$22,0)</f>
        <v>0</v>
      </c>
      <c r="Q708" s="75">
        <f>IF(Input!$D$19=4,J708*Input!$C$19,0)+IF(Input!$D$20=4,K708*Input!$C$20,0)+IF(Input!$D$21=4,L708*Input!$C$21,0)+IF(Input!$D$22=4,M708*Input!$C$22,0)</f>
        <v>0</v>
      </c>
      <c r="R708" s="58">
        <v>60.327118719788281</v>
      </c>
      <c r="S708" s="124">
        <f t="shared" si="10"/>
        <v>0.98481026842005637</v>
      </c>
    </row>
    <row r="709" spans="8:19" x14ac:dyDescent="0.3">
      <c r="H709" s="44">
        <v>702</v>
      </c>
      <c r="I709" s="56">
        <f>Bühler!I735</f>
        <v>0.29544308052601692</v>
      </c>
      <c r="J709" s="59">
        <f>Bühler!J735</f>
        <v>0.98481026842005637</v>
      </c>
      <c r="K709" s="59">
        <f>Bühler!K735</f>
        <v>1.4772154026300846</v>
      </c>
      <c r="L709" s="59">
        <f>Bühler!L735</f>
        <v>7.0906339326244057</v>
      </c>
      <c r="M709" s="58">
        <f>Bühler!M735</f>
        <v>0</v>
      </c>
      <c r="N709" s="56">
        <f>IF(Input!$D$19=1,J709*Input!$C$19,0)+IF(Input!$D$20=1,K709*Input!$C$20,0)+IF(Input!$D$21=1,L709*Input!$C$21,0)+IF(Input!$D$22=1,M709*Input!$C$22,0)</f>
        <v>0.29544308052601692</v>
      </c>
      <c r="O709" s="59">
        <f>IF(Input!$D$19=2,J709*Input!$C$19,0)+IF(Input!$D$20=2,K709*Input!$C$20,0)+IF(Input!$D$21=2,L709*Input!$C$21,0)+IF(Input!$D$22=2,M709*Input!$C$22,0)</f>
        <v>0.73860770131504228</v>
      </c>
      <c r="P709" s="59">
        <f>IF(Input!$D$19=3,J709*Input!$C$19,0)+IF(Input!$D$20=3,K709*Input!$C$20,0)+IF(Input!$D$21=3,L709*Input!$C$21,0)+IF(Input!$D$22=3,M709*Input!$C$22,0)</f>
        <v>0</v>
      </c>
      <c r="Q709" s="75">
        <f>IF(Input!$D$19=4,J709*Input!$C$19,0)+IF(Input!$D$20=4,K709*Input!$C$20,0)+IF(Input!$D$21=4,L709*Input!$C$21,0)+IF(Input!$D$22=4,M709*Input!$C$22,0)</f>
        <v>0</v>
      </c>
      <c r="R709" s="58">
        <v>63.273377514592511</v>
      </c>
      <c r="S709" s="124">
        <f t="shared" si="10"/>
        <v>1.2802533489460732</v>
      </c>
    </row>
    <row r="710" spans="8:19" x14ac:dyDescent="0.3">
      <c r="H710" s="44">
        <v>703</v>
      </c>
      <c r="I710" s="56">
        <f>Bühler!I736</f>
        <v>0.32953266674055731</v>
      </c>
      <c r="J710" s="59">
        <f>Bühler!J736</f>
        <v>1.0984422224685246</v>
      </c>
      <c r="K710" s="59">
        <f>Bühler!K736</f>
        <v>1.6476633337027866</v>
      </c>
      <c r="L710" s="59">
        <f>Bühler!L736</f>
        <v>7.9087840017733759</v>
      </c>
      <c r="M710" s="58">
        <f>Bühler!M736</f>
        <v>0</v>
      </c>
      <c r="N710" s="56">
        <f>IF(Input!$D$19=1,J710*Input!$C$19,0)+IF(Input!$D$20=1,K710*Input!$C$20,0)+IF(Input!$D$21=1,L710*Input!$C$21,0)+IF(Input!$D$22=1,M710*Input!$C$22,0)</f>
        <v>0.32953266674055737</v>
      </c>
      <c r="O710" s="59">
        <f>IF(Input!$D$19=2,J710*Input!$C$19,0)+IF(Input!$D$20=2,K710*Input!$C$20,0)+IF(Input!$D$21=2,L710*Input!$C$21,0)+IF(Input!$D$22=2,M710*Input!$C$22,0)</f>
        <v>0.82383166685139331</v>
      </c>
      <c r="P710" s="59">
        <f>IF(Input!$D$19=3,J710*Input!$C$19,0)+IF(Input!$D$20=3,K710*Input!$C$20,0)+IF(Input!$D$21=3,L710*Input!$C$21,0)+IF(Input!$D$22=3,M710*Input!$C$22,0)</f>
        <v>0</v>
      </c>
      <c r="Q710" s="75">
        <f>IF(Input!$D$19=4,J710*Input!$C$19,0)+IF(Input!$D$20=4,K710*Input!$C$20,0)+IF(Input!$D$21=4,L710*Input!$C$21,0)+IF(Input!$D$22=4,M710*Input!$C$22,0)</f>
        <v>0</v>
      </c>
      <c r="R710" s="58">
        <v>65.970008869567081</v>
      </c>
      <c r="S710" s="124">
        <f t="shared" si="10"/>
        <v>1.427974889209082</v>
      </c>
    </row>
    <row r="711" spans="8:19" x14ac:dyDescent="0.3">
      <c r="H711" s="44">
        <v>704</v>
      </c>
      <c r="I711" s="56">
        <f>Bühler!I737</f>
        <v>0.34089586214540413</v>
      </c>
      <c r="J711" s="59">
        <f>Bühler!J737</f>
        <v>1.1363195404846804</v>
      </c>
      <c r="K711" s="59">
        <f>Bühler!K737</f>
        <v>1.7044793107270206</v>
      </c>
      <c r="L711" s="59">
        <f>Bühler!L737</f>
        <v>8.1815006914896991</v>
      </c>
      <c r="M711" s="58">
        <f>Bühler!M737</f>
        <v>0</v>
      </c>
      <c r="N711" s="56">
        <f>IF(Input!$D$19=1,J711*Input!$C$19,0)+IF(Input!$D$20=1,K711*Input!$C$20,0)+IF(Input!$D$21=1,L711*Input!$C$21,0)+IF(Input!$D$22=1,M711*Input!$C$22,0)</f>
        <v>0.34089586214540413</v>
      </c>
      <c r="O711" s="59">
        <f>IF(Input!$D$19=2,J711*Input!$C$19,0)+IF(Input!$D$20=2,K711*Input!$C$20,0)+IF(Input!$D$21=2,L711*Input!$C$21,0)+IF(Input!$D$22=2,M711*Input!$C$22,0)</f>
        <v>0.85223965536351032</v>
      </c>
      <c r="P711" s="59">
        <f>IF(Input!$D$19=3,J711*Input!$C$19,0)+IF(Input!$D$20=3,K711*Input!$C$20,0)+IF(Input!$D$21=3,L711*Input!$C$21,0)+IF(Input!$D$22=3,M711*Input!$C$22,0)</f>
        <v>0</v>
      </c>
      <c r="Q711" s="75">
        <f>IF(Input!$D$19=4,J711*Input!$C$19,0)+IF(Input!$D$20=4,K711*Input!$C$20,0)+IF(Input!$D$21=4,L711*Input!$C$21,0)+IF(Input!$D$22=4,M711*Input!$C$22,0)</f>
        <v>0</v>
      </c>
      <c r="R711" s="58">
        <v>66.190398850521433</v>
      </c>
      <c r="S711" s="124">
        <f t="shared" si="10"/>
        <v>1.4772154026300846</v>
      </c>
    </row>
    <row r="712" spans="8:19" x14ac:dyDescent="0.3">
      <c r="H712" s="44">
        <v>705</v>
      </c>
      <c r="I712" s="56">
        <f>Bühler!I738</f>
        <v>0.34089586214540413</v>
      </c>
      <c r="J712" s="59">
        <f>Bühler!J738</f>
        <v>1.1363195404846804</v>
      </c>
      <c r="K712" s="59">
        <f>Bühler!K738</f>
        <v>1.7044793107270206</v>
      </c>
      <c r="L712" s="59">
        <f>Bühler!L738</f>
        <v>8.1815006914896991</v>
      </c>
      <c r="M712" s="58">
        <f>Bühler!M738</f>
        <v>0</v>
      </c>
      <c r="N712" s="56">
        <f>IF(Input!$D$19=1,J712*Input!$C$19,0)+IF(Input!$D$20=1,K712*Input!$C$20,0)+IF(Input!$D$21=1,L712*Input!$C$21,0)+IF(Input!$D$22=1,M712*Input!$C$22,0)</f>
        <v>0.34089586214540413</v>
      </c>
      <c r="O712" s="59">
        <f>IF(Input!$D$19=2,J712*Input!$C$19,0)+IF(Input!$D$20=2,K712*Input!$C$20,0)+IF(Input!$D$21=2,L712*Input!$C$21,0)+IF(Input!$D$22=2,M712*Input!$C$22,0)</f>
        <v>0.85223965536351032</v>
      </c>
      <c r="P712" s="59">
        <f>IF(Input!$D$19=3,J712*Input!$C$19,0)+IF(Input!$D$20=3,K712*Input!$C$20,0)+IF(Input!$D$21=3,L712*Input!$C$21,0)+IF(Input!$D$22=3,M712*Input!$C$22,0)</f>
        <v>0</v>
      </c>
      <c r="Q712" s="75">
        <f>IF(Input!$D$19=4,J712*Input!$C$19,0)+IF(Input!$D$20=4,K712*Input!$C$20,0)+IF(Input!$D$21=4,L712*Input!$C$21,0)+IF(Input!$D$22=4,M712*Input!$C$22,0)</f>
        <v>0</v>
      </c>
      <c r="R712" s="58">
        <v>66.671342223594579</v>
      </c>
      <c r="S712" s="124">
        <f t="shared" si="10"/>
        <v>1.4772154026300846</v>
      </c>
    </row>
    <row r="713" spans="8:19" x14ac:dyDescent="0.3">
      <c r="H713" s="44">
        <v>706</v>
      </c>
      <c r="I713" s="56">
        <f>Bühler!I739</f>
        <v>0.36930385065752114</v>
      </c>
      <c r="J713" s="59">
        <f>Bühler!J739</f>
        <v>1.2310128355250705</v>
      </c>
      <c r="K713" s="59">
        <f>Bühler!K739</f>
        <v>1.8465192532876056</v>
      </c>
      <c r="L713" s="59">
        <f>Bühler!L739</f>
        <v>8.8632924157805064</v>
      </c>
      <c r="M713" s="58">
        <f>Bühler!M739</f>
        <v>0</v>
      </c>
      <c r="N713" s="56">
        <f>IF(Input!$D$19=1,J713*Input!$C$19,0)+IF(Input!$D$20=1,K713*Input!$C$20,0)+IF(Input!$D$21=1,L713*Input!$C$21,0)+IF(Input!$D$22=1,M713*Input!$C$22,0)</f>
        <v>0.36930385065752114</v>
      </c>
      <c r="O713" s="59">
        <f>IF(Input!$D$19=2,J713*Input!$C$19,0)+IF(Input!$D$20=2,K713*Input!$C$20,0)+IF(Input!$D$21=2,L713*Input!$C$21,0)+IF(Input!$D$22=2,M713*Input!$C$22,0)</f>
        <v>0.92325962664380279</v>
      </c>
      <c r="P713" s="59">
        <f>IF(Input!$D$19=3,J713*Input!$C$19,0)+IF(Input!$D$20=3,K713*Input!$C$20,0)+IF(Input!$D$21=3,L713*Input!$C$21,0)+IF(Input!$D$22=3,M713*Input!$C$22,0)</f>
        <v>0</v>
      </c>
      <c r="Q713" s="75">
        <f>IF(Input!$D$19=4,J713*Input!$C$19,0)+IF(Input!$D$20=4,K713*Input!$C$20,0)+IF(Input!$D$21=4,L713*Input!$C$21,0)+IF(Input!$D$22=4,M713*Input!$C$22,0)</f>
        <v>0</v>
      </c>
      <c r="R713" s="58">
        <v>65.442963358275293</v>
      </c>
      <c r="S713" s="124">
        <f t="shared" ref="S713:S776" si="11">I713+J713</f>
        <v>1.6003166861825915</v>
      </c>
    </row>
    <row r="714" spans="8:19" x14ac:dyDescent="0.3">
      <c r="H714" s="44">
        <v>707</v>
      </c>
      <c r="I714" s="56">
        <f>Bühler!I740</f>
        <v>0.38634864376479133</v>
      </c>
      <c r="J714" s="59">
        <f>Bühler!J740</f>
        <v>1.2878288125493045</v>
      </c>
      <c r="K714" s="59">
        <f>Bühler!K740</f>
        <v>1.9317432188239567</v>
      </c>
      <c r="L714" s="59">
        <f>Bühler!L740</f>
        <v>9.2723674503549915</v>
      </c>
      <c r="M714" s="58">
        <f>Bühler!M740</f>
        <v>0</v>
      </c>
      <c r="N714" s="56">
        <f>IF(Input!$D$19=1,J714*Input!$C$19,0)+IF(Input!$D$20=1,K714*Input!$C$20,0)+IF(Input!$D$21=1,L714*Input!$C$21,0)+IF(Input!$D$22=1,M714*Input!$C$22,0)</f>
        <v>0.38634864376479133</v>
      </c>
      <c r="O714" s="59">
        <f>IF(Input!$D$19=2,J714*Input!$C$19,0)+IF(Input!$D$20=2,K714*Input!$C$20,0)+IF(Input!$D$21=2,L714*Input!$C$21,0)+IF(Input!$D$22=2,M714*Input!$C$22,0)</f>
        <v>0.96587160941197836</v>
      </c>
      <c r="P714" s="59">
        <f>IF(Input!$D$19=3,J714*Input!$C$19,0)+IF(Input!$D$20=3,K714*Input!$C$20,0)+IF(Input!$D$21=3,L714*Input!$C$21,0)+IF(Input!$D$22=3,M714*Input!$C$22,0)</f>
        <v>0</v>
      </c>
      <c r="Q714" s="75">
        <f>IF(Input!$D$19=4,J714*Input!$C$19,0)+IF(Input!$D$20=4,K714*Input!$C$20,0)+IF(Input!$D$21=4,L714*Input!$C$21,0)+IF(Input!$D$22=4,M714*Input!$C$22,0)</f>
        <v>0</v>
      </c>
      <c r="R714" s="58">
        <v>66.607325305935618</v>
      </c>
      <c r="S714" s="124">
        <f t="shared" si="11"/>
        <v>1.6741774563140959</v>
      </c>
    </row>
    <row r="715" spans="8:19" x14ac:dyDescent="0.3">
      <c r="H715" s="44">
        <v>708</v>
      </c>
      <c r="I715" s="56">
        <f>Bühler!I741</f>
        <v>0.45452781619387217</v>
      </c>
      <c r="J715" s="59">
        <f>Bühler!J741</f>
        <v>1.5150927206462406</v>
      </c>
      <c r="K715" s="59">
        <f>Bühler!K741</f>
        <v>2.2726390809693608</v>
      </c>
      <c r="L715" s="59">
        <f>Bühler!L741</f>
        <v>10.908667588652932</v>
      </c>
      <c r="M715" s="58">
        <f>Bühler!M741</f>
        <v>0</v>
      </c>
      <c r="N715" s="56">
        <f>IF(Input!$D$19=1,J715*Input!$C$19,0)+IF(Input!$D$20=1,K715*Input!$C$20,0)+IF(Input!$D$21=1,L715*Input!$C$21,0)+IF(Input!$D$22=1,M715*Input!$C$22,0)</f>
        <v>0.45452781619387217</v>
      </c>
      <c r="O715" s="59">
        <f>IF(Input!$D$19=2,J715*Input!$C$19,0)+IF(Input!$D$20=2,K715*Input!$C$20,0)+IF(Input!$D$21=2,L715*Input!$C$21,0)+IF(Input!$D$22=2,M715*Input!$C$22,0)</f>
        <v>1.1363195404846804</v>
      </c>
      <c r="P715" s="59">
        <f>IF(Input!$D$19=3,J715*Input!$C$19,0)+IF(Input!$D$20=3,K715*Input!$C$20,0)+IF(Input!$D$21=3,L715*Input!$C$21,0)+IF(Input!$D$22=3,M715*Input!$C$22,0)</f>
        <v>0</v>
      </c>
      <c r="Q715" s="75">
        <f>IF(Input!$D$19=4,J715*Input!$C$19,0)+IF(Input!$D$20=4,K715*Input!$C$20,0)+IF(Input!$D$21=4,L715*Input!$C$21,0)+IF(Input!$D$22=4,M715*Input!$C$22,0)</f>
        <v>0</v>
      </c>
      <c r="R715" s="58">
        <v>67.228202641920106</v>
      </c>
      <c r="S715" s="124">
        <f t="shared" si="11"/>
        <v>1.9696205368401127</v>
      </c>
    </row>
    <row r="716" spans="8:19" x14ac:dyDescent="0.3">
      <c r="H716" s="44">
        <v>709</v>
      </c>
      <c r="I716" s="56">
        <f>Bühler!I742</f>
        <v>0.45452781619387217</v>
      </c>
      <c r="J716" s="59">
        <f>Bühler!J742</f>
        <v>1.5150927206462406</v>
      </c>
      <c r="K716" s="59">
        <f>Bühler!K742</f>
        <v>2.2726390809693608</v>
      </c>
      <c r="L716" s="59">
        <f>Bühler!L742</f>
        <v>10.908667588652932</v>
      </c>
      <c r="M716" s="58">
        <f>Bühler!M742</f>
        <v>0</v>
      </c>
      <c r="N716" s="56">
        <f>IF(Input!$D$19=1,J716*Input!$C$19,0)+IF(Input!$D$20=1,K716*Input!$C$20,0)+IF(Input!$D$21=1,L716*Input!$C$21,0)+IF(Input!$D$22=1,M716*Input!$C$22,0)</f>
        <v>0.45452781619387217</v>
      </c>
      <c r="O716" s="59">
        <f>IF(Input!$D$19=2,J716*Input!$C$19,0)+IF(Input!$D$20=2,K716*Input!$C$20,0)+IF(Input!$D$21=2,L716*Input!$C$21,0)+IF(Input!$D$22=2,M716*Input!$C$22,0)</f>
        <v>1.1363195404846804</v>
      </c>
      <c r="P716" s="59">
        <f>IF(Input!$D$19=3,J716*Input!$C$19,0)+IF(Input!$D$20=3,K716*Input!$C$20,0)+IF(Input!$D$21=3,L716*Input!$C$21,0)+IF(Input!$D$22=3,M716*Input!$C$22,0)</f>
        <v>0</v>
      </c>
      <c r="Q716" s="75">
        <f>IF(Input!$D$19=4,J716*Input!$C$19,0)+IF(Input!$D$20=4,K716*Input!$C$20,0)+IF(Input!$D$21=4,L716*Input!$C$21,0)+IF(Input!$D$22=4,M716*Input!$C$22,0)</f>
        <v>0</v>
      </c>
      <c r="R716" s="58">
        <v>65.712090034410934</v>
      </c>
      <c r="S716" s="124">
        <f t="shared" si="11"/>
        <v>1.9696205368401127</v>
      </c>
    </row>
    <row r="717" spans="8:19" x14ac:dyDescent="0.3">
      <c r="H717" s="44">
        <v>710</v>
      </c>
      <c r="I717" s="56">
        <f>Bühler!I743</f>
        <v>0.45452781619387217</v>
      </c>
      <c r="J717" s="59">
        <f>Bühler!J743</f>
        <v>1.5150927206462406</v>
      </c>
      <c r="K717" s="59">
        <f>Bühler!K743</f>
        <v>2.2726390809693608</v>
      </c>
      <c r="L717" s="59">
        <f>Bühler!L743</f>
        <v>10.908667588652932</v>
      </c>
      <c r="M717" s="58">
        <f>Bühler!M743</f>
        <v>0</v>
      </c>
      <c r="N717" s="56">
        <f>IF(Input!$D$19=1,J717*Input!$C$19,0)+IF(Input!$D$20=1,K717*Input!$C$20,0)+IF(Input!$D$21=1,L717*Input!$C$21,0)+IF(Input!$D$22=1,M717*Input!$C$22,0)</f>
        <v>0.45452781619387217</v>
      </c>
      <c r="O717" s="59">
        <f>IF(Input!$D$19=2,J717*Input!$C$19,0)+IF(Input!$D$20=2,K717*Input!$C$20,0)+IF(Input!$D$21=2,L717*Input!$C$21,0)+IF(Input!$D$22=2,M717*Input!$C$22,0)</f>
        <v>1.1363195404846804</v>
      </c>
      <c r="P717" s="59">
        <f>IF(Input!$D$19=3,J717*Input!$C$19,0)+IF(Input!$D$20=3,K717*Input!$C$20,0)+IF(Input!$D$21=3,L717*Input!$C$21,0)+IF(Input!$D$22=3,M717*Input!$C$22,0)</f>
        <v>0</v>
      </c>
      <c r="Q717" s="75">
        <f>IF(Input!$D$19=4,J717*Input!$C$19,0)+IF(Input!$D$20=4,K717*Input!$C$20,0)+IF(Input!$D$21=4,L717*Input!$C$21,0)+IF(Input!$D$22=4,M717*Input!$C$22,0)</f>
        <v>0</v>
      </c>
      <c r="R717" s="58">
        <v>65.336655644612492</v>
      </c>
      <c r="S717" s="124">
        <f t="shared" si="11"/>
        <v>1.9696205368401127</v>
      </c>
    </row>
    <row r="718" spans="8:19" x14ac:dyDescent="0.3">
      <c r="H718" s="44">
        <v>711</v>
      </c>
      <c r="I718" s="56">
        <f>Bühler!I744</f>
        <v>0.45452781619387217</v>
      </c>
      <c r="J718" s="59">
        <f>Bühler!J744</f>
        <v>1.5150927206462406</v>
      </c>
      <c r="K718" s="59">
        <f>Bühler!K744</f>
        <v>2.2726390809693608</v>
      </c>
      <c r="L718" s="59">
        <f>Bühler!L744</f>
        <v>10.908667588652932</v>
      </c>
      <c r="M718" s="58">
        <f>Bühler!M744</f>
        <v>0</v>
      </c>
      <c r="N718" s="56">
        <f>IF(Input!$D$19=1,J718*Input!$C$19,0)+IF(Input!$D$20=1,K718*Input!$C$20,0)+IF(Input!$D$21=1,L718*Input!$C$21,0)+IF(Input!$D$22=1,M718*Input!$C$22,0)</f>
        <v>0.45452781619387217</v>
      </c>
      <c r="O718" s="59">
        <f>IF(Input!$D$19=2,J718*Input!$C$19,0)+IF(Input!$D$20=2,K718*Input!$C$20,0)+IF(Input!$D$21=2,L718*Input!$C$21,0)+IF(Input!$D$22=2,M718*Input!$C$22,0)</f>
        <v>1.1363195404846804</v>
      </c>
      <c r="P718" s="59">
        <f>IF(Input!$D$19=3,J718*Input!$C$19,0)+IF(Input!$D$20=3,K718*Input!$C$20,0)+IF(Input!$D$21=3,L718*Input!$C$21,0)+IF(Input!$D$22=3,M718*Input!$C$22,0)</f>
        <v>0</v>
      </c>
      <c r="Q718" s="75">
        <f>IF(Input!$D$19=4,J718*Input!$C$19,0)+IF(Input!$D$20=4,K718*Input!$C$20,0)+IF(Input!$D$21=4,L718*Input!$C$21,0)+IF(Input!$D$22=4,M718*Input!$C$22,0)</f>
        <v>0</v>
      </c>
      <c r="R718" s="58">
        <v>65.950208013146948</v>
      </c>
      <c r="S718" s="124">
        <f t="shared" si="11"/>
        <v>1.9696205368401127</v>
      </c>
    </row>
    <row r="719" spans="8:19" x14ac:dyDescent="0.3">
      <c r="H719" s="44">
        <v>712</v>
      </c>
      <c r="I719" s="56">
        <f>Bühler!I745</f>
        <v>0.45452781619387217</v>
      </c>
      <c r="J719" s="59">
        <f>Bühler!J745</f>
        <v>1.5150927206462406</v>
      </c>
      <c r="K719" s="59">
        <f>Bühler!K745</f>
        <v>2.2726390809693608</v>
      </c>
      <c r="L719" s="59">
        <f>Bühler!L745</f>
        <v>10.908667588652932</v>
      </c>
      <c r="M719" s="58">
        <f>Bühler!M745</f>
        <v>0</v>
      </c>
      <c r="N719" s="56">
        <f>IF(Input!$D$19=1,J719*Input!$C$19,0)+IF(Input!$D$20=1,K719*Input!$C$20,0)+IF(Input!$D$21=1,L719*Input!$C$21,0)+IF(Input!$D$22=1,M719*Input!$C$22,0)</f>
        <v>0.45452781619387217</v>
      </c>
      <c r="O719" s="59">
        <f>IF(Input!$D$19=2,J719*Input!$C$19,0)+IF(Input!$D$20=2,K719*Input!$C$20,0)+IF(Input!$D$21=2,L719*Input!$C$21,0)+IF(Input!$D$22=2,M719*Input!$C$22,0)</f>
        <v>1.1363195404846804</v>
      </c>
      <c r="P719" s="59">
        <f>IF(Input!$D$19=3,J719*Input!$C$19,0)+IF(Input!$D$20=3,K719*Input!$C$20,0)+IF(Input!$D$21=3,L719*Input!$C$21,0)+IF(Input!$D$22=3,M719*Input!$C$22,0)</f>
        <v>0</v>
      </c>
      <c r="Q719" s="75">
        <f>IF(Input!$D$19=4,J719*Input!$C$19,0)+IF(Input!$D$20=4,K719*Input!$C$20,0)+IF(Input!$D$21=4,L719*Input!$C$21,0)+IF(Input!$D$22=4,M719*Input!$C$22,0)</f>
        <v>0</v>
      </c>
      <c r="R719" s="58">
        <v>64.656620754224249</v>
      </c>
      <c r="S719" s="124">
        <f t="shared" si="11"/>
        <v>1.9696205368401127</v>
      </c>
    </row>
    <row r="720" spans="8:19" x14ac:dyDescent="0.3">
      <c r="H720" s="44">
        <v>713</v>
      </c>
      <c r="I720" s="56">
        <f>Bühler!I746</f>
        <v>0.45452781619387217</v>
      </c>
      <c r="J720" s="59">
        <f>Bühler!J746</f>
        <v>1.5150927206462406</v>
      </c>
      <c r="K720" s="59">
        <f>Bühler!K746</f>
        <v>2.2726390809693608</v>
      </c>
      <c r="L720" s="59">
        <f>Bühler!L746</f>
        <v>10.908667588652932</v>
      </c>
      <c r="M720" s="58">
        <f>Bühler!M746</f>
        <v>0</v>
      </c>
      <c r="N720" s="56">
        <f>IF(Input!$D$19=1,J720*Input!$C$19,0)+IF(Input!$D$20=1,K720*Input!$C$20,0)+IF(Input!$D$21=1,L720*Input!$C$21,0)+IF(Input!$D$22=1,M720*Input!$C$22,0)</f>
        <v>0.45452781619387217</v>
      </c>
      <c r="O720" s="59">
        <f>IF(Input!$D$19=2,J720*Input!$C$19,0)+IF(Input!$D$20=2,K720*Input!$C$20,0)+IF(Input!$D$21=2,L720*Input!$C$21,0)+IF(Input!$D$22=2,M720*Input!$C$22,0)</f>
        <v>1.1363195404846804</v>
      </c>
      <c r="P720" s="59">
        <f>IF(Input!$D$19=3,J720*Input!$C$19,0)+IF(Input!$D$20=3,K720*Input!$C$20,0)+IF(Input!$D$21=3,L720*Input!$C$21,0)+IF(Input!$D$22=3,M720*Input!$C$22,0)</f>
        <v>0</v>
      </c>
      <c r="Q720" s="75">
        <f>IF(Input!$D$19=4,J720*Input!$C$19,0)+IF(Input!$D$20=4,K720*Input!$C$20,0)+IF(Input!$D$21=4,L720*Input!$C$21,0)+IF(Input!$D$22=4,M720*Input!$C$22,0)</f>
        <v>0</v>
      </c>
      <c r="R720" s="58">
        <v>63.457712359027219</v>
      </c>
      <c r="S720" s="124">
        <f t="shared" si="11"/>
        <v>1.9696205368401127</v>
      </c>
    </row>
    <row r="721" spans="8:19" x14ac:dyDescent="0.3">
      <c r="H721" s="44">
        <v>714</v>
      </c>
      <c r="I721" s="56">
        <f>Bühler!I747</f>
        <v>0.45452781619387217</v>
      </c>
      <c r="J721" s="59">
        <f>Bühler!J747</f>
        <v>1.5150927206462406</v>
      </c>
      <c r="K721" s="59">
        <f>Bühler!K747</f>
        <v>2.2726390809693608</v>
      </c>
      <c r="L721" s="59">
        <f>Bühler!L747</f>
        <v>10.908667588652932</v>
      </c>
      <c r="M721" s="58">
        <f>Bühler!M747</f>
        <v>0</v>
      </c>
      <c r="N721" s="56">
        <f>IF(Input!$D$19=1,J721*Input!$C$19,0)+IF(Input!$D$20=1,K721*Input!$C$20,0)+IF(Input!$D$21=1,L721*Input!$C$21,0)+IF(Input!$D$22=1,M721*Input!$C$22,0)</f>
        <v>0.45452781619387217</v>
      </c>
      <c r="O721" s="59">
        <f>IF(Input!$D$19=2,J721*Input!$C$19,0)+IF(Input!$D$20=2,K721*Input!$C$20,0)+IF(Input!$D$21=2,L721*Input!$C$21,0)+IF(Input!$D$22=2,M721*Input!$C$22,0)</f>
        <v>1.1363195404846804</v>
      </c>
      <c r="P721" s="59">
        <f>IF(Input!$D$19=3,J721*Input!$C$19,0)+IF(Input!$D$20=3,K721*Input!$C$20,0)+IF(Input!$D$21=3,L721*Input!$C$21,0)+IF(Input!$D$22=3,M721*Input!$C$22,0)</f>
        <v>0</v>
      </c>
      <c r="Q721" s="75">
        <f>IF(Input!$D$19=4,J721*Input!$C$19,0)+IF(Input!$D$20=4,K721*Input!$C$20,0)+IF(Input!$D$21=4,L721*Input!$C$21,0)+IF(Input!$D$22=4,M721*Input!$C$22,0)</f>
        <v>0</v>
      </c>
      <c r="R721" s="58">
        <v>62.671162986915093</v>
      </c>
      <c r="S721" s="124">
        <f t="shared" si="11"/>
        <v>1.9696205368401127</v>
      </c>
    </row>
    <row r="722" spans="8:19" x14ac:dyDescent="0.3">
      <c r="H722" s="44">
        <v>715</v>
      </c>
      <c r="I722" s="56">
        <f>Bühler!I748</f>
        <v>0.45452781619387217</v>
      </c>
      <c r="J722" s="59">
        <f>Bühler!J748</f>
        <v>1.5150927206462406</v>
      </c>
      <c r="K722" s="59">
        <f>Bühler!K748</f>
        <v>2.2726390809693608</v>
      </c>
      <c r="L722" s="59">
        <f>Bühler!L748</f>
        <v>10.908667588652932</v>
      </c>
      <c r="M722" s="58">
        <f>Bühler!M748</f>
        <v>0</v>
      </c>
      <c r="N722" s="56">
        <f>IF(Input!$D$19=1,J722*Input!$C$19,0)+IF(Input!$D$20=1,K722*Input!$C$20,0)+IF(Input!$D$21=1,L722*Input!$C$21,0)+IF(Input!$D$22=1,M722*Input!$C$22,0)</f>
        <v>0.45452781619387217</v>
      </c>
      <c r="O722" s="59">
        <f>IF(Input!$D$19=2,J722*Input!$C$19,0)+IF(Input!$D$20=2,K722*Input!$C$20,0)+IF(Input!$D$21=2,L722*Input!$C$21,0)+IF(Input!$D$22=2,M722*Input!$C$22,0)</f>
        <v>1.1363195404846804</v>
      </c>
      <c r="P722" s="59">
        <f>IF(Input!$D$19=3,J722*Input!$C$19,0)+IF(Input!$D$20=3,K722*Input!$C$20,0)+IF(Input!$D$21=3,L722*Input!$C$21,0)+IF(Input!$D$22=3,M722*Input!$C$22,0)</f>
        <v>0</v>
      </c>
      <c r="Q722" s="75">
        <f>IF(Input!$D$19=4,J722*Input!$C$19,0)+IF(Input!$D$20=4,K722*Input!$C$20,0)+IF(Input!$D$21=4,L722*Input!$C$21,0)+IF(Input!$D$22=4,M722*Input!$C$22,0)</f>
        <v>0</v>
      </c>
      <c r="R722" s="58">
        <v>60.811431105981832</v>
      </c>
      <c r="S722" s="124">
        <f t="shared" si="11"/>
        <v>1.9696205368401127</v>
      </c>
    </row>
    <row r="723" spans="8:19" x14ac:dyDescent="0.3">
      <c r="H723" s="44">
        <v>716</v>
      </c>
      <c r="I723" s="56">
        <f>Bühler!I749</f>
        <v>0.38066704606236795</v>
      </c>
      <c r="J723" s="59">
        <f>Bühler!J749</f>
        <v>1.2688901535412267</v>
      </c>
      <c r="K723" s="59">
        <f>Bühler!K749</f>
        <v>1.9033352303118396</v>
      </c>
      <c r="L723" s="59">
        <f>Bühler!L749</f>
        <v>9.1360091054968304</v>
      </c>
      <c r="M723" s="58">
        <f>Bühler!M749</f>
        <v>0</v>
      </c>
      <c r="N723" s="56">
        <f>IF(Input!$D$19=1,J723*Input!$C$19,0)+IF(Input!$D$20=1,K723*Input!$C$20,0)+IF(Input!$D$21=1,L723*Input!$C$21,0)+IF(Input!$D$22=1,M723*Input!$C$22,0)</f>
        <v>0.38066704606236801</v>
      </c>
      <c r="O723" s="59">
        <f>IF(Input!$D$19=2,J723*Input!$C$19,0)+IF(Input!$D$20=2,K723*Input!$C$20,0)+IF(Input!$D$21=2,L723*Input!$C$21,0)+IF(Input!$D$22=2,M723*Input!$C$22,0)</f>
        <v>0.9516676151559198</v>
      </c>
      <c r="P723" s="59">
        <f>IF(Input!$D$19=3,J723*Input!$C$19,0)+IF(Input!$D$20=3,K723*Input!$C$20,0)+IF(Input!$D$21=3,L723*Input!$C$21,0)+IF(Input!$D$22=3,M723*Input!$C$22,0)</f>
        <v>0</v>
      </c>
      <c r="Q723" s="75">
        <f>IF(Input!$D$19=4,J723*Input!$C$19,0)+IF(Input!$D$20=4,K723*Input!$C$20,0)+IF(Input!$D$21=4,L723*Input!$C$21,0)+IF(Input!$D$22=4,M723*Input!$C$22,0)</f>
        <v>0</v>
      </c>
      <c r="R723" s="58">
        <v>60.23803498959623</v>
      </c>
      <c r="S723" s="124">
        <f t="shared" si="11"/>
        <v>1.6495571996035947</v>
      </c>
    </row>
    <row r="724" spans="8:19" x14ac:dyDescent="0.3">
      <c r="H724" s="44">
        <v>717</v>
      </c>
      <c r="I724" s="56">
        <f>Bühler!I750</f>
        <v>0.31248787363328712</v>
      </c>
      <c r="J724" s="59">
        <f>Bühler!J750</f>
        <v>1.0416262454442904</v>
      </c>
      <c r="K724" s="59">
        <f>Bühler!K750</f>
        <v>1.5624393681664357</v>
      </c>
      <c r="L724" s="59">
        <f>Bühler!L750</f>
        <v>7.4997089671988908</v>
      </c>
      <c r="M724" s="58">
        <f>Bühler!M750</f>
        <v>0</v>
      </c>
      <c r="N724" s="56">
        <f>IF(Input!$D$19=1,J724*Input!$C$19,0)+IF(Input!$D$20=1,K724*Input!$C$20,0)+IF(Input!$D$21=1,L724*Input!$C$21,0)+IF(Input!$D$22=1,M724*Input!$C$22,0)</f>
        <v>0.31248787363328712</v>
      </c>
      <c r="O724" s="59">
        <f>IF(Input!$D$19=2,J724*Input!$C$19,0)+IF(Input!$D$20=2,K724*Input!$C$20,0)+IF(Input!$D$21=2,L724*Input!$C$21,0)+IF(Input!$D$22=2,M724*Input!$C$22,0)</f>
        <v>0.78121968408321785</v>
      </c>
      <c r="P724" s="59">
        <f>IF(Input!$D$19=3,J724*Input!$C$19,0)+IF(Input!$D$20=3,K724*Input!$C$20,0)+IF(Input!$D$21=3,L724*Input!$C$21,0)+IF(Input!$D$22=3,M724*Input!$C$22,0)</f>
        <v>0</v>
      </c>
      <c r="Q724" s="75">
        <f>IF(Input!$D$19=4,J724*Input!$C$19,0)+IF(Input!$D$20=4,K724*Input!$C$20,0)+IF(Input!$D$21=4,L724*Input!$C$21,0)+IF(Input!$D$22=4,M724*Input!$C$22,0)</f>
        <v>0</v>
      </c>
      <c r="R724" s="58">
        <v>59.529854046968872</v>
      </c>
      <c r="S724" s="124">
        <f t="shared" si="11"/>
        <v>1.3541141190775776</v>
      </c>
    </row>
    <row r="725" spans="8:19" x14ac:dyDescent="0.3">
      <c r="H725" s="44">
        <v>718</v>
      </c>
      <c r="I725" s="56">
        <f>Bühler!I751</f>
        <v>0.22726390809693608</v>
      </c>
      <c r="J725" s="59">
        <f>Bühler!J751</f>
        <v>0.75754636032312028</v>
      </c>
      <c r="K725" s="59">
        <f>Bühler!K751</f>
        <v>1.1363195404846804</v>
      </c>
      <c r="L725" s="59">
        <f>Bühler!L751</f>
        <v>5.454333794326466</v>
      </c>
      <c r="M725" s="58">
        <f>Bühler!M751</f>
        <v>0</v>
      </c>
      <c r="N725" s="56">
        <f>IF(Input!$D$19=1,J725*Input!$C$19,0)+IF(Input!$D$20=1,K725*Input!$C$20,0)+IF(Input!$D$21=1,L725*Input!$C$21,0)+IF(Input!$D$22=1,M725*Input!$C$22,0)</f>
        <v>0.22726390809693608</v>
      </c>
      <c r="O725" s="59">
        <f>IF(Input!$D$19=2,J725*Input!$C$19,0)+IF(Input!$D$20=2,K725*Input!$C$20,0)+IF(Input!$D$21=2,L725*Input!$C$21,0)+IF(Input!$D$22=2,M725*Input!$C$22,0)</f>
        <v>0.56815977024234021</v>
      </c>
      <c r="P725" s="59">
        <f>IF(Input!$D$19=3,J725*Input!$C$19,0)+IF(Input!$D$20=3,K725*Input!$C$20,0)+IF(Input!$D$21=3,L725*Input!$C$21,0)+IF(Input!$D$22=3,M725*Input!$C$22,0)</f>
        <v>0</v>
      </c>
      <c r="Q725" s="75">
        <f>IF(Input!$D$19=4,J725*Input!$C$19,0)+IF(Input!$D$20=4,K725*Input!$C$20,0)+IF(Input!$D$21=4,L725*Input!$C$21,0)+IF(Input!$D$22=4,M725*Input!$C$22,0)</f>
        <v>0</v>
      </c>
      <c r="R725" s="58">
        <v>57.486861468144724</v>
      </c>
      <c r="S725" s="124">
        <f t="shared" si="11"/>
        <v>0.98481026842005637</v>
      </c>
    </row>
    <row r="726" spans="8:19" x14ac:dyDescent="0.3">
      <c r="H726" s="44">
        <v>719</v>
      </c>
      <c r="I726" s="56">
        <f>Bühler!I752</f>
        <v>0.22726390809693608</v>
      </c>
      <c r="J726" s="59">
        <f>Bühler!J752</f>
        <v>0.75754636032312028</v>
      </c>
      <c r="K726" s="59">
        <f>Bühler!K752</f>
        <v>1.1363195404846804</v>
      </c>
      <c r="L726" s="59">
        <f>Bühler!L752</f>
        <v>5.454333794326466</v>
      </c>
      <c r="M726" s="58">
        <f>Bühler!M752</f>
        <v>0</v>
      </c>
      <c r="N726" s="56">
        <f>IF(Input!$D$19=1,J726*Input!$C$19,0)+IF(Input!$D$20=1,K726*Input!$C$20,0)+IF(Input!$D$21=1,L726*Input!$C$21,0)+IF(Input!$D$22=1,M726*Input!$C$22,0)</f>
        <v>0.22726390809693608</v>
      </c>
      <c r="O726" s="59">
        <f>IF(Input!$D$19=2,J726*Input!$C$19,0)+IF(Input!$D$20=2,K726*Input!$C$20,0)+IF(Input!$D$21=2,L726*Input!$C$21,0)+IF(Input!$D$22=2,M726*Input!$C$22,0)</f>
        <v>0.56815977024234021</v>
      </c>
      <c r="P726" s="59">
        <f>IF(Input!$D$19=3,J726*Input!$C$19,0)+IF(Input!$D$20=3,K726*Input!$C$20,0)+IF(Input!$D$21=3,L726*Input!$C$21,0)+IF(Input!$D$22=3,M726*Input!$C$22,0)</f>
        <v>0</v>
      </c>
      <c r="Q726" s="75">
        <f>IF(Input!$D$19=4,J726*Input!$C$19,0)+IF(Input!$D$20=4,K726*Input!$C$20,0)+IF(Input!$D$21=4,L726*Input!$C$21,0)+IF(Input!$D$22=4,M726*Input!$C$22,0)</f>
        <v>0</v>
      </c>
      <c r="R726" s="58">
        <v>57.393666697770357</v>
      </c>
      <c r="S726" s="124">
        <f t="shared" si="11"/>
        <v>0.98481026842005637</v>
      </c>
    </row>
    <row r="727" spans="8:19" x14ac:dyDescent="0.3">
      <c r="H727" s="44">
        <v>720</v>
      </c>
      <c r="I727" s="56">
        <f>Bühler!I753</f>
        <v>0.22726390809693608</v>
      </c>
      <c r="J727" s="59">
        <f>Bühler!J753</f>
        <v>0.75754636032312028</v>
      </c>
      <c r="K727" s="59">
        <f>Bühler!K753</f>
        <v>1.1363195404846804</v>
      </c>
      <c r="L727" s="59">
        <f>Bühler!L753</f>
        <v>5.454333794326466</v>
      </c>
      <c r="M727" s="58">
        <f>Bühler!M753</f>
        <v>0</v>
      </c>
      <c r="N727" s="56">
        <f>IF(Input!$D$19=1,J727*Input!$C$19,0)+IF(Input!$D$20=1,K727*Input!$C$20,0)+IF(Input!$D$21=1,L727*Input!$C$21,0)+IF(Input!$D$22=1,M727*Input!$C$22,0)</f>
        <v>0.22726390809693608</v>
      </c>
      <c r="O727" s="59">
        <f>IF(Input!$D$19=2,J727*Input!$C$19,0)+IF(Input!$D$20=2,K727*Input!$C$20,0)+IF(Input!$D$21=2,L727*Input!$C$21,0)+IF(Input!$D$22=2,M727*Input!$C$22,0)</f>
        <v>0.56815977024234021</v>
      </c>
      <c r="P727" s="59">
        <f>IF(Input!$D$19=3,J727*Input!$C$19,0)+IF(Input!$D$20=3,K727*Input!$C$20,0)+IF(Input!$D$21=3,L727*Input!$C$21,0)+IF(Input!$D$22=3,M727*Input!$C$22,0)</f>
        <v>0</v>
      </c>
      <c r="Q727" s="75">
        <f>IF(Input!$D$19=4,J727*Input!$C$19,0)+IF(Input!$D$20=4,K727*Input!$C$20,0)+IF(Input!$D$21=4,L727*Input!$C$21,0)+IF(Input!$D$22=4,M727*Input!$C$22,0)</f>
        <v>0</v>
      </c>
      <c r="R727" s="58">
        <v>56.182001839033546</v>
      </c>
      <c r="S727" s="124">
        <f t="shared" si="11"/>
        <v>0.98481026842005637</v>
      </c>
    </row>
    <row r="728" spans="8:19" x14ac:dyDescent="0.3">
      <c r="H728" s="44">
        <v>721</v>
      </c>
      <c r="I728" s="56">
        <f>Bühler!I754</f>
        <v>0.21334498623667233</v>
      </c>
      <c r="J728" s="59">
        <f>Bühler!J754</f>
        <v>0.71114995412224113</v>
      </c>
      <c r="K728" s="59">
        <f>Bühler!K754</f>
        <v>1.0667249311833615</v>
      </c>
      <c r="L728" s="59">
        <f>Bühler!L754</f>
        <v>5.1202796696801363</v>
      </c>
      <c r="M728" s="58">
        <f>Bühler!M754</f>
        <v>0</v>
      </c>
      <c r="N728" s="56">
        <f>IF(Input!$D$19=1,J728*Input!$C$19,0)+IF(Input!$D$20=1,K728*Input!$C$20,0)+IF(Input!$D$21=1,L728*Input!$C$21,0)+IF(Input!$D$22=1,M728*Input!$C$22,0)</f>
        <v>0.21334498623667233</v>
      </c>
      <c r="O728" s="59">
        <f>IF(Input!$D$19=2,J728*Input!$C$19,0)+IF(Input!$D$20=2,K728*Input!$C$20,0)+IF(Input!$D$21=2,L728*Input!$C$21,0)+IF(Input!$D$22=2,M728*Input!$C$22,0)</f>
        <v>0.53336246559168077</v>
      </c>
      <c r="P728" s="59">
        <f>IF(Input!$D$19=3,J728*Input!$C$19,0)+IF(Input!$D$20=3,K728*Input!$C$20,0)+IF(Input!$D$21=3,L728*Input!$C$21,0)+IF(Input!$D$22=3,M728*Input!$C$22,0)</f>
        <v>0</v>
      </c>
      <c r="Q728" s="75">
        <f>IF(Input!$D$19=4,J728*Input!$C$19,0)+IF(Input!$D$20=4,K728*Input!$C$20,0)+IF(Input!$D$21=4,L728*Input!$C$21,0)+IF(Input!$D$22=4,M728*Input!$C$22,0)</f>
        <v>0</v>
      </c>
      <c r="R728" s="58">
        <v>55.49171245317676</v>
      </c>
      <c r="S728" s="124">
        <f t="shared" si="11"/>
        <v>0.92449494035891344</v>
      </c>
    </row>
    <row r="729" spans="8:19" x14ac:dyDescent="0.3">
      <c r="H729" s="44">
        <v>722</v>
      </c>
      <c r="I729" s="56">
        <f>Bühler!I755</f>
        <v>0.24001310951625637</v>
      </c>
      <c r="J729" s="59">
        <f>Bühler!J755</f>
        <v>0.80004369838752132</v>
      </c>
      <c r="K729" s="59">
        <f>Bühler!K755</f>
        <v>1.2000655475812818</v>
      </c>
      <c r="L729" s="59">
        <f>Bühler!L755</f>
        <v>5.7603146283901534</v>
      </c>
      <c r="M729" s="58">
        <f>Bühler!M755</f>
        <v>0</v>
      </c>
      <c r="N729" s="56">
        <f>IF(Input!$D$19=1,J729*Input!$C$19,0)+IF(Input!$D$20=1,K729*Input!$C$20,0)+IF(Input!$D$21=1,L729*Input!$C$21,0)+IF(Input!$D$22=1,M729*Input!$C$22,0)</f>
        <v>0.24001310951625637</v>
      </c>
      <c r="O729" s="59">
        <f>IF(Input!$D$19=2,J729*Input!$C$19,0)+IF(Input!$D$20=2,K729*Input!$C$20,0)+IF(Input!$D$21=2,L729*Input!$C$21,0)+IF(Input!$D$22=2,M729*Input!$C$22,0)</f>
        <v>0.60003277379064091</v>
      </c>
      <c r="P729" s="59">
        <f>IF(Input!$D$19=3,J729*Input!$C$19,0)+IF(Input!$D$20=3,K729*Input!$C$20,0)+IF(Input!$D$21=3,L729*Input!$C$21,0)+IF(Input!$D$22=3,M729*Input!$C$22,0)</f>
        <v>0</v>
      </c>
      <c r="Q729" s="75">
        <f>IF(Input!$D$19=4,J729*Input!$C$19,0)+IF(Input!$D$20=4,K729*Input!$C$20,0)+IF(Input!$D$21=4,L729*Input!$C$21,0)+IF(Input!$D$22=4,M729*Input!$C$22,0)</f>
        <v>0</v>
      </c>
      <c r="R729" s="58">
        <v>56.59202723878898</v>
      </c>
      <c r="S729" s="124">
        <f t="shared" si="11"/>
        <v>1.0400568079037777</v>
      </c>
    </row>
    <row r="730" spans="8:19" x14ac:dyDescent="0.3">
      <c r="H730" s="44">
        <v>723</v>
      </c>
      <c r="I730" s="56">
        <f>Bühler!I756</f>
        <v>0.24001310951625637</v>
      </c>
      <c r="J730" s="59">
        <f>Bühler!J756</f>
        <v>0.80004369838752132</v>
      </c>
      <c r="K730" s="59">
        <f>Bühler!K756</f>
        <v>1.2000655475812818</v>
      </c>
      <c r="L730" s="59">
        <f>Bühler!L756</f>
        <v>5.7603146283901534</v>
      </c>
      <c r="M730" s="58">
        <f>Bühler!M756</f>
        <v>0</v>
      </c>
      <c r="N730" s="56">
        <f>IF(Input!$D$19=1,J730*Input!$C$19,0)+IF(Input!$D$20=1,K730*Input!$C$20,0)+IF(Input!$D$21=1,L730*Input!$C$21,0)+IF(Input!$D$22=1,M730*Input!$C$22,0)</f>
        <v>0.24001310951625637</v>
      </c>
      <c r="O730" s="59">
        <f>IF(Input!$D$19=2,J730*Input!$C$19,0)+IF(Input!$D$20=2,K730*Input!$C$20,0)+IF(Input!$D$21=2,L730*Input!$C$21,0)+IF(Input!$D$22=2,M730*Input!$C$22,0)</f>
        <v>0.60003277379064091</v>
      </c>
      <c r="P730" s="59">
        <f>IF(Input!$D$19=3,J730*Input!$C$19,0)+IF(Input!$D$20=3,K730*Input!$C$20,0)+IF(Input!$D$21=3,L730*Input!$C$21,0)+IF(Input!$D$22=3,M730*Input!$C$22,0)</f>
        <v>0</v>
      </c>
      <c r="Q730" s="75">
        <f>IF(Input!$D$19=4,J730*Input!$C$19,0)+IF(Input!$D$20=4,K730*Input!$C$20,0)+IF(Input!$D$21=4,L730*Input!$C$21,0)+IF(Input!$D$22=4,M730*Input!$C$22,0)</f>
        <v>0</v>
      </c>
      <c r="R730" s="58">
        <v>57.519221885755456</v>
      </c>
      <c r="S730" s="124">
        <f t="shared" si="11"/>
        <v>1.0400568079037777</v>
      </c>
    </row>
    <row r="731" spans="8:19" x14ac:dyDescent="0.3">
      <c r="H731" s="44">
        <v>724</v>
      </c>
      <c r="I731" s="56">
        <f>Bühler!I757</f>
        <v>0.24001310951625637</v>
      </c>
      <c r="J731" s="59">
        <f>Bühler!J757</f>
        <v>0.80004369838752132</v>
      </c>
      <c r="K731" s="59">
        <f>Bühler!K757</f>
        <v>1.2000655475812818</v>
      </c>
      <c r="L731" s="59">
        <f>Bühler!L757</f>
        <v>5.7603146283901534</v>
      </c>
      <c r="M731" s="58">
        <f>Bühler!M757</f>
        <v>0</v>
      </c>
      <c r="N731" s="56">
        <f>IF(Input!$D$19=1,J731*Input!$C$19,0)+IF(Input!$D$20=1,K731*Input!$C$20,0)+IF(Input!$D$21=1,L731*Input!$C$21,0)+IF(Input!$D$22=1,M731*Input!$C$22,0)</f>
        <v>0.24001310951625637</v>
      </c>
      <c r="O731" s="59">
        <f>IF(Input!$D$19=2,J731*Input!$C$19,0)+IF(Input!$D$20=2,K731*Input!$C$20,0)+IF(Input!$D$21=2,L731*Input!$C$21,0)+IF(Input!$D$22=2,M731*Input!$C$22,0)</f>
        <v>0.60003277379064091</v>
      </c>
      <c r="P731" s="59">
        <f>IF(Input!$D$19=3,J731*Input!$C$19,0)+IF(Input!$D$20=3,K731*Input!$C$20,0)+IF(Input!$D$21=3,L731*Input!$C$21,0)+IF(Input!$D$22=3,M731*Input!$C$22,0)</f>
        <v>0</v>
      </c>
      <c r="Q731" s="75">
        <f>IF(Input!$D$19=4,J731*Input!$C$19,0)+IF(Input!$D$20=4,K731*Input!$C$20,0)+IF(Input!$D$21=4,L731*Input!$C$21,0)+IF(Input!$D$22=4,M731*Input!$C$22,0)</f>
        <v>0</v>
      </c>
      <c r="R731" s="58">
        <v>57.430401254289592</v>
      </c>
      <c r="S731" s="124">
        <f t="shared" si="11"/>
        <v>1.0400568079037777</v>
      </c>
    </row>
    <row r="732" spans="8:19" x14ac:dyDescent="0.3">
      <c r="H732" s="44">
        <v>725</v>
      </c>
      <c r="I732" s="56">
        <f>Bühler!I758</f>
        <v>0.24001310951625637</v>
      </c>
      <c r="J732" s="59">
        <f>Bühler!J758</f>
        <v>0.80004369838752132</v>
      </c>
      <c r="K732" s="59">
        <f>Bühler!K758</f>
        <v>1.2000655475812818</v>
      </c>
      <c r="L732" s="59">
        <f>Bühler!L758</f>
        <v>5.7603146283901534</v>
      </c>
      <c r="M732" s="58">
        <f>Bühler!M758</f>
        <v>0</v>
      </c>
      <c r="N732" s="56">
        <f>IF(Input!$D$19=1,J732*Input!$C$19,0)+IF(Input!$D$20=1,K732*Input!$C$20,0)+IF(Input!$D$21=1,L732*Input!$C$21,0)+IF(Input!$D$22=1,M732*Input!$C$22,0)</f>
        <v>0.24001310951625637</v>
      </c>
      <c r="O732" s="59">
        <f>IF(Input!$D$19=2,J732*Input!$C$19,0)+IF(Input!$D$20=2,K732*Input!$C$20,0)+IF(Input!$D$21=2,L732*Input!$C$21,0)+IF(Input!$D$22=2,M732*Input!$C$22,0)</f>
        <v>0.60003277379064091</v>
      </c>
      <c r="P732" s="59">
        <f>IF(Input!$D$19=3,J732*Input!$C$19,0)+IF(Input!$D$20=3,K732*Input!$C$20,0)+IF(Input!$D$21=3,L732*Input!$C$21,0)+IF(Input!$D$22=3,M732*Input!$C$22,0)</f>
        <v>0</v>
      </c>
      <c r="Q732" s="75">
        <f>IF(Input!$D$19=4,J732*Input!$C$19,0)+IF(Input!$D$20=4,K732*Input!$C$20,0)+IF(Input!$D$21=4,L732*Input!$C$21,0)+IF(Input!$D$22=4,M732*Input!$C$22,0)</f>
        <v>0</v>
      </c>
      <c r="R732" s="58">
        <v>58.642763420758087</v>
      </c>
      <c r="S732" s="124">
        <f t="shared" si="11"/>
        <v>1.0400568079037777</v>
      </c>
    </row>
    <row r="733" spans="8:19" x14ac:dyDescent="0.3">
      <c r="H733" s="44">
        <v>726</v>
      </c>
      <c r="I733" s="56">
        <f>Bühler!I759</f>
        <v>0.30935023004317486</v>
      </c>
      <c r="J733" s="59">
        <f>Bühler!J759</f>
        <v>1.0311674334772496</v>
      </c>
      <c r="K733" s="59">
        <f>Bühler!K759</f>
        <v>1.5467511502158744</v>
      </c>
      <c r="L733" s="59">
        <f>Bühler!L759</f>
        <v>7.4244055210361966</v>
      </c>
      <c r="M733" s="58">
        <f>Bühler!M759</f>
        <v>0</v>
      </c>
      <c r="N733" s="56">
        <f>IF(Input!$D$19=1,J733*Input!$C$19,0)+IF(Input!$D$20=1,K733*Input!$C$20,0)+IF(Input!$D$21=1,L733*Input!$C$21,0)+IF(Input!$D$22=1,M733*Input!$C$22,0)</f>
        <v>0.30935023004317486</v>
      </c>
      <c r="O733" s="59">
        <f>IF(Input!$D$19=2,J733*Input!$C$19,0)+IF(Input!$D$20=2,K733*Input!$C$20,0)+IF(Input!$D$21=2,L733*Input!$C$21,0)+IF(Input!$D$22=2,M733*Input!$C$22,0)</f>
        <v>0.7733755751079372</v>
      </c>
      <c r="P733" s="59">
        <f>IF(Input!$D$19=3,J733*Input!$C$19,0)+IF(Input!$D$20=3,K733*Input!$C$20,0)+IF(Input!$D$21=3,L733*Input!$C$21,0)+IF(Input!$D$22=3,M733*Input!$C$22,0)</f>
        <v>0</v>
      </c>
      <c r="Q733" s="75">
        <f>IF(Input!$D$19=4,J733*Input!$C$19,0)+IF(Input!$D$20=4,K733*Input!$C$20,0)+IF(Input!$D$21=4,L733*Input!$C$21,0)+IF(Input!$D$22=4,M733*Input!$C$22,0)</f>
        <v>0</v>
      </c>
      <c r="R733" s="58">
        <v>61.413367020463681</v>
      </c>
      <c r="S733" s="124">
        <f t="shared" si="11"/>
        <v>1.3405176635204246</v>
      </c>
    </row>
    <row r="734" spans="8:19" x14ac:dyDescent="0.3">
      <c r="H734" s="44">
        <v>727</v>
      </c>
      <c r="I734" s="56">
        <f>Bühler!I760</f>
        <v>0.35735285194642619</v>
      </c>
      <c r="J734" s="59">
        <f>Bühler!J760</f>
        <v>1.1911761731547539</v>
      </c>
      <c r="K734" s="59">
        <f>Bühler!K760</f>
        <v>1.7867642597321309</v>
      </c>
      <c r="L734" s="59">
        <f>Bühler!L760</f>
        <v>8.5764684467142285</v>
      </c>
      <c r="M734" s="58">
        <f>Bühler!M760</f>
        <v>0</v>
      </c>
      <c r="N734" s="56">
        <f>IF(Input!$D$19=1,J734*Input!$C$19,0)+IF(Input!$D$20=1,K734*Input!$C$20,0)+IF(Input!$D$21=1,L734*Input!$C$21,0)+IF(Input!$D$22=1,M734*Input!$C$22,0)</f>
        <v>0.35735285194642613</v>
      </c>
      <c r="O734" s="59">
        <f>IF(Input!$D$19=2,J734*Input!$C$19,0)+IF(Input!$D$20=2,K734*Input!$C$20,0)+IF(Input!$D$21=2,L734*Input!$C$21,0)+IF(Input!$D$22=2,M734*Input!$C$22,0)</f>
        <v>0.89338212986606547</v>
      </c>
      <c r="P734" s="59">
        <f>IF(Input!$D$19=3,J734*Input!$C$19,0)+IF(Input!$D$20=3,K734*Input!$C$20,0)+IF(Input!$D$21=3,L734*Input!$C$21,0)+IF(Input!$D$22=3,M734*Input!$C$22,0)</f>
        <v>0</v>
      </c>
      <c r="Q734" s="75">
        <f>IF(Input!$D$19=4,J734*Input!$C$19,0)+IF(Input!$D$20=4,K734*Input!$C$20,0)+IF(Input!$D$21=4,L734*Input!$C$21,0)+IF(Input!$D$22=4,M734*Input!$C$22,0)</f>
        <v>0</v>
      </c>
      <c r="R734" s="58">
        <v>65.11615733696479</v>
      </c>
      <c r="S734" s="124">
        <f t="shared" si="11"/>
        <v>1.5485290251011801</v>
      </c>
    </row>
    <row r="735" spans="8:19" x14ac:dyDescent="0.3">
      <c r="H735" s="44">
        <v>728</v>
      </c>
      <c r="I735" s="56">
        <f>Bühler!I761</f>
        <v>0.35735285194642619</v>
      </c>
      <c r="J735" s="59">
        <f>Bühler!J761</f>
        <v>1.1911761731547539</v>
      </c>
      <c r="K735" s="59">
        <f>Bühler!K761</f>
        <v>1.7867642597321309</v>
      </c>
      <c r="L735" s="59">
        <f>Bühler!L761</f>
        <v>8.5764684467142285</v>
      </c>
      <c r="M735" s="58">
        <f>Bühler!M761</f>
        <v>0</v>
      </c>
      <c r="N735" s="56">
        <f>IF(Input!$D$19=1,J735*Input!$C$19,0)+IF(Input!$D$20=1,K735*Input!$C$20,0)+IF(Input!$D$21=1,L735*Input!$C$21,0)+IF(Input!$D$22=1,M735*Input!$C$22,0)</f>
        <v>0.35735285194642613</v>
      </c>
      <c r="O735" s="59">
        <f>IF(Input!$D$19=2,J735*Input!$C$19,0)+IF(Input!$D$20=2,K735*Input!$C$20,0)+IF(Input!$D$21=2,L735*Input!$C$21,0)+IF(Input!$D$22=2,M735*Input!$C$22,0)</f>
        <v>0.89338212986606547</v>
      </c>
      <c r="P735" s="59">
        <f>IF(Input!$D$19=3,J735*Input!$C$19,0)+IF(Input!$D$20=3,K735*Input!$C$20,0)+IF(Input!$D$21=3,L735*Input!$C$21,0)+IF(Input!$D$22=3,M735*Input!$C$22,0)</f>
        <v>0</v>
      </c>
      <c r="Q735" s="75">
        <f>IF(Input!$D$19=4,J735*Input!$C$19,0)+IF(Input!$D$20=4,K735*Input!$C$20,0)+IF(Input!$D$21=4,L735*Input!$C$21,0)+IF(Input!$D$22=4,M735*Input!$C$22,0)</f>
        <v>0</v>
      </c>
      <c r="R735" s="58">
        <v>66.877149348644181</v>
      </c>
      <c r="S735" s="124">
        <f t="shared" si="11"/>
        <v>1.5485290251011801</v>
      </c>
    </row>
    <row r="736" spans="8:19" x14ac:dyDescent="0.3">
      <c r="H736" s="44">
        <v>729</v>
      </c>
      <c r="I736" s="56">
        <f>Bühler!I762</f>
        <v>0.35735285194642619</v>
      </c>
      <c r="J736" s="59">
        <f>Bühler!J762</f>
        <v>1.1911761731547539</v>
      </c>
      <c r="K736" s="59">
        <f>Bühler!K762</f>
        <v>1.7867642597321309</v>
      </c>
      <c r="L736" s="59">
        <f>Bühler!L762</f>
        <v>8.5764684467142285</v>
      </c>
      <c r="M736" s="58">
        <f>Bühler!M762</f>
        <v>0</v>
      </c>
      <c r="N736" s="56">
        <f>IF(Input!$D$19=1,J736*Input!$C$19,0)+IF(Input!$D$20=1,K736*Input!$C$20,0)+IF(Input!$D$21=1,L736*Input!$C$21,0)+IF(Input!$D$22=1,M736*Input!$C$22,0)</f>
        <v>0.35735285194642613</v>
      </c>
      <c r="O736" s="59">
        <f>IF(Input!$D$19=2,J736*Input!$C$19,0)+IF(Input!$D$20=2,K736*Input!$C$20,0)+IF(Input!$D$21=2,L736*Input!$C$21,0)+IF(Input!$D$22=2,M736*Input!$C$22,0)</f>
        <v>0.89338212986606547</v>
      </c>
      <c r="P736" s="59">
        <f>IF(Input!$D$19=3,J736*Input!$C$19,0)+IF(Input!$D$20=3,K736*Input!$C$20,0)+IF(Input!$D$21=3,L736*Input!$C$21,0)+IF(Input!$D$22=3,M736*Input!$C$22,0)</f>
        <v>0</v>
      </c>
      <c r="Q736" s="75">
        <f>IF(Input!$D$19=4,J736*Input!$C$19,0)+IF(Input!$D$20=4,K736*Input!$C$20,0)+IF(Input!$D$21=4,L736*Input!$C$21,0)+IF(Input!$D$22=4,M736*Input!$C$22,0)</f>
        <v>0</v>
      </c>
      <c r="R736" s="58">
        <v>67.167713628300035</v>
      </c>
      <c r="S736" s="124">
        <f t="shared" si="11"/>
        <v>1.5485290251011801</v>
      </c>
    </row>
    <row r="737" spans="8:19" x14ac:dyDescent="0.3">
      <c r="H737" s="44">
        <v>730</v>
      </c>
      <c r="I737" s="56">
        <f>Bühler!I763</f>
        <v>0.38402097522601014</v>
      </c>
      <c r="J737" s="59">
        <f>Bühler!J763</f>
        <v>1.2800699174200341</v>
      </c>
      <c r="K737" s="59">
        <f>Bühler!K763</f>
        <v>1.9201048761300508</v>
      </c>
      <c r="L737" s="59">
        <f>Bühler!L763</f>
        <v>9.2165034054242447</v>
      </c>
      <c r="M737" s="58">
        <f>Bühler!M763</f>
        <v>0</v>
      </c>
      <c r="N737" s="56">
        <f>IF(Input!$D$19=1,J737*Input!$C$19,0)+IF(Input!$D$20=1,K737*Input!$C$20,0)+IF(Input!$D$21=1,L737*Input!$C$21,0)+IF(Input!$D$22=1,M737*Input!$C$22,0)</f>
        <v>0.3840209752260102</v>
      </c>
      <c r="O737" s="59">
        <f>IF(Input!$D$19=2,J737*Input!$C$19,0)+IF(Input!$D$20=2,K737*Input!$C$20,0)+IF(Input!$D$21=2,L737*Input!$C$21,0)+IF(Input!$D$22=2,M737*Input!$C$22,0)</f>
        <v>0.96005243806502538</v>
      </c>
      <c r="P737" s="59">
        <f>IF(Input!$D$19=3,J737*Input!$C$19,0)+IF(Input!$D$20=3,K737*Input!$C$20,0)+IF(Input!$D$21=3,L737*Input!$C$21,0)+IF(Input!$D$22=3,M737*Input!$C$22,0)</f>
        <v>0</v>
      </c>
      <c r="Q737" s="75">
        <f>IF(Input!$D$19=4,J737*Input!$C$19,0)+IF(Input!$D$20=4,K737*Input!$C$20,0)+IF(Input!$D$21=4,L737*Input!$C$21,0)+IF(Input!$D$22=4,M737*Input!$C$22,0)</f>
        <v>0</v>
      </c>
      <c r="R737" s="58">
        <v>66.329626561835056</v>
      </c>
      <c r="S737" s="124">
        <f t="shared" si="11"/>
        <v>1.6640908926460443</v>
      </c>
    </row>
    <row r="738" spans="8:19" x14ac:dyDescent="0.3">
      <c r="H738" s="44">
        <v>731</v>
      </c>
      <c r="I738" s="56">
        <f>Bühler!I764</f>
        <v>0.41602272316151095</v>
      </c>
      <c r="J738" s="59">
        <f>Bühler!J764</f>
        <v>1.3867424105383701</v>
      </c>
      <c r="K738" s="59">
        <f>Bühler!K764</f>
        <v>2.080113615807555</v>
      </c>
      <c r="L738" s="59">
        <f>Bühler!L764</f>
        <v>9.9845453558762642</v>
      </c>
      <c r="M738" s="58">
        <f>Bühler!M764</f>
        <v>0</v>
      </c>
      <c r="N738" s="56">
        <f>IF(Input!$D$19=1,J738*Input!$C$19,0)+IF(Input!$D$20=1,K738*Input!$C$20,0)+IF(Input!$D$21=1,L738*Input!$C$21,0)+IF(Input!$D$22=1,M738*Input!$C$22,0)</f>
        <v>0.41602272316151101</v>
      </c>
      <c r="O738" s="59">
        <f>IF(Input!$D$19=2,J738*Input!$C$19,0)+IF(Input!$D$20=2,K738*Input!$C$20,0)+IF(Input!$D$21=2,L738*Input!$C$21,0)+IF(Input!$D$22=2,M738*Input!$C$22,0)</f>
        <v>1.0400568079037775</v>
      </c>
      <c r="P738" s="59">
        <f>IF(Input!$D$19=3,J738*Input!$C$19,0)+IF(Input!$D$20=3,K738*Input!$C$20,0)+IF(Input!$D$21=3,L738*Input!$C$21,0)+IF(Input!$D$22=3,M738*Input!$C$22,0)</f>
        <v>0</v>
      </c>
      <c r="Q738" s="75">
        <f>IF(Input!$D$19=4,J738*Input!$C$19,0)+IF(Input!$D$20=4,K738*Input!$C$20,0)+IF(Input!$D$21=4,L738*Input!$C$21,0)+IF(Input!$D$22=4,M738*Input!$C$22,0)</f>
        <v>0</v>
      </c>
      <c r="R738" s="58">
        <v>66.623323862075665</v>
      </c>
      <c r="S738" s="124">
        <f t="shared" si="11"/>
        <v>1.8027651336998811</v>
      </c>
    </row>
    <row r="739" spans="8:19" x14ac:dyDescent="0.3">
      <c r="H739" s="44">
        <v>732</v>
      </c>
      <c r="I739" s="56">
        <f>Bühler!I765</f>
        <v>0.48002621903251275</v>
      </c>
      <c r="J739" s="59">
        <f>Bühler!J765</f>
        <v>1.6000873967750426</v>
      </c>
      <c r="K739" s="59">
        <f>Bühler!K765</f>
        <v>2.4001310951625636</v>
      </c>
      <c r="L739" s="59">
        <f>Bühler!L765</f>
        <v>11.520629256780307</v>
      </c>
      <c r="M739" s="58">
        <f>Bühler!M765</f>
        <v>0</v>
      </c>
      <c r="N739" s="56">
        <f>IF(Input!$D$19=1,J739*Input!$C$19,0)+IF(Input!$D$20=1,K739*Input!$C$20,0)+IF(Input!$D$21=1,L739*Input!$C$21,0)+IF(Input!$D$22=1,M739*Input!$C$22,0)</f>
        <v>0.48002621903251275</v>
      </c>
      <c r="O739" s="59">
        <f>IF(Input!$D$19=2,J739*Input!$C$19,0)+IF(Input!$D$20=2,K739*Input!$C$20,0)+IF(Input!$D$21=2,L739*Input!$C$21,0)+IF(Input!$D$22=2,M739*Input!$C$22,0)</f>
        <v>1.2000655475812818</v>
      </c>
      <c r="P739" s="59">
        <f>IF(Input!$D$19=3,J739*Input!$C$19,0)+IF(Input!$D$20=3,K739*Input!$C$20,0)+IF(Input!$D$21=3,L739*Input!$C$21,0)+IF(Input!$D$22=3,M739*Input!$C$22,0)</f>
        <v>0</v>
      </c>
      <c r="Q739" s="75">
        <f>IF(Input!$D$19=4,J739*Input!$C$19,0)+IF(Input!$D$20=4,K739*Input!$C$20,0)+IF(Input!$D$21=4,L739*Input!$C$21,0)+IF(Input!$D$22=4,M739*Input!$C$22,0)</f>
        <v>0</v>
      </c>
      <c r="R739" s="58">
        <v>67.058860600197647</v>
      </c>
      <c r="S739" s="124">
        <f t="shared" si="11"/>
        <v>2.0801136158075555</v>
      </c>
    </row>
    <row r="740" spans="8:19" x14ac:dyDescent="0.3">
      <c r="H740" s="44">
        <v>733</v>
      </c>
      <c r="I740" s="56">
        <f>Bühler!I766</f>
        <v>0.48002621903251275</v>
      </c>
      <c r="J740" s="59">
        <f>Bühler!J766</f>
        <v>1.6000873967750426</v>
      </c>
      <c r="K740" s="59">
        <f>Bühler!K766</f>
        <v>2.4001310951625636</v>
      </c>
      <c r="L740" s="59">
        <f>Bühler!L766</f>
        <v>11.520629256780307</v>
      </c>
      <c r="M740" s="58">
        <f>Bühler!M766</f>
        <v>0</v>
      </c>
      <c r="N740" s="56">
        <f>IF(Input!$D$19=1,J740*Input!$C$19,0)+IF(Input!$D$20=1,K740*Input!$C$20,0)+IF(Input!$D$21=1,L740*Input!$C$21,0)+IF(Input!$D$22=1,M740*Input!$C$22,0)</f>
        <v>0.48002621903251275</v>
      </c>
      <c r="O740" s="59">
        <f>IF(Input!$D$19=2,J740*Input!$C$19,0)+IF(Input!$D$20=2,K740*Input!$C$20,0)+IF(Input!$D$21=2,L740*Input!$C$21,0)+IF(Input!$D$22=2,M740*Input!$C$22,0)</f>
        <v>1.2000655475812818</v>
      </c>
      <c r="P740" s="59">
        <f>IF(Input!$D$19=3,J740*Input!$C$19,0)+IF(Input!$D$20=3,K740*Input!$C$20,0)+IF(Input!$D$21=3,L740*Input!$C$21,0)+IF(Input!$D$22=3,M740*Input!$C$22,0)</f>
        <v>0</v>
      </c>
      <c r="Q740" s="75">
        <f>IF(Input!$D$19=4,J740*Input!$C$19,0)+IF(Input!$D$20=4,K740*Input!$C$20,0)+IF(Input!$D$21=4,L740*Input!$C$21,0)+IF(Input!$D$22=4,M740*Input!$C$22,0)</f>
        <v>0</v>
      </c>
      <c r="R740" s="58">
        <v>66.145790357546119</v>
      </c>
      <c r="S740" s="124">
        <f t="shared" si="11"/>
        <v>2.0801136158075555</v>
      </c>
    </row>
    <row r="741" spans="8:19" x14ac:dyDescent="0.3">
      <c r="H741" s="44">
        <v>734</v>
      </c>
      <c r="I741" s="56">
        <f>Bühler!I767</f>
        <v>0.48002621903251275</v>
      </c>
      <c r="J741" s="59">
        <f>Bühler!J767</f>
        <v>1.6000873967750426</v>
      </c>
      <c r="K741" s="59">
        <f>Bühler!K767</f>
        <v>2.4001310951625636</v>
      </c>
      <c r="L741" s="59">
        <f>Bühler!L767</f>
        <v>11.520629256780307</v>
      </c>
      <c r="M741" s="58">
        <f>Bühler!M767</f>
        <v>0</v>
      </c>
      <c r="N741" s="56">
        <f>IF(Input!$D$19=1,J741*Input!$C$19,0)+IF(Input!$D$20=1,K741*Input!$C$20,0)+IF(Input!$D$21=1,L741*Input!$C$21,0)+IF(Input!$D$22=1,M741*Input!$C$22,0)</f>
        <v>0.48002621903251275</v>
      </c>
      <c r="O741" s="59">
        <f>IF(Input!$D$19=2,J741*Input!$C$19,0)+IF(Input!$D$20=2,K741*Input!$C$20,0)+IF(Input!$D$21=2,L741*Input!$C$21,0)+IF(Input!$D$22=2,M741*Input!$C$22,0)</f>
        <v>1.2000655475812818</v>
      </c>
      <c r="P741" s="59">
        <f>IF(Input!$D$19=3,J741*Input!$C$19,0)+IF(Input!$D$20=3,K741*Input!$C$20,0)+IF(Input!$D$21=3,L741*Input!$C$21,0)+IF(Input!$D$22=3,M741*Input!$C$22,0)</f>
        <v>0</v>
      </c>
      <c r="Q741" s="75">
        <f>IF(Input!$D$19=4,J741*Input!$C$19,0)+IF(Input!$D$20=4,K741*Input!$C$20,0)+IF(Input!$D$21=4,L741*Input!$C$21,0)+IF(Input!$D$22=4,M741*Input!$C$22,0)</f>
        <v>0</v>
      </c>
      <c r="R741" s="58">
        <v>65.67740548652155</v>
      </c>
      <c r="S741" s="124">
        <f t="shared" si="11"/>
        <v>2.0801136158075555</v>
      </c>
    </row>
    <row r="742" spans="8:19" x14ac:dyDescent="0.3">
      <c r="H742" s="44">
        <v>735</v>
      </c>
      <c r="I742" s="56">
        <f>Bühler!I768</f>
        <v>0.48002621903251275</v>
      </c>
      <c r="J742" s="59">
        <f>Bühler!J768</f>
        <v>1.6000873967750426</v>
      </c>
      <c r="K742" s="59">
        <f>Bühler!K768</f>
        <v>2.4001310951625636</v>
      </c>
      <c r="L742" s="59">
        <f>Bühler!L768</f>
        <v>11.520629256780307</v>
      </c>
      <c r="M742" s="58">
        <f>Bühler!M768</f>
        <v>0</v>
      </c>
      <c r="N742" s="56">
        <f>IF(Input!$D$19=1,J742*Input!$C$19,0)+IF(Input!$D$20=1,K742*Input!$C$20,0)+IF(Input!$D$21=1,L742*Input!$C$21,0)+IF(Input!$D$22=1,M742*Input!$C$22,0)</f>
        <v>0.48002621903251275</v>
      </c>
      <c r="O742" s="59">
        <f>IF(Input!$D$19=2,J742*Input!$C$19,0)+IF(Input!$D$20=2,K742*Input!$C$20,0)+IF(Input!$D$21=2,L742*Input!$C$21,0)+IF(Input!$D$22=2,M742*Input!$C$22,0)</f>
        <v>1.2000655475812818</v>
      </c>
      <c r="P742" s="59">
        <f>IF(Input!$D$19=3,J742*Input!$C$19,0)+IF(Input!$D$20=3,K742*Input!$C$20,0)+IF(Input!$D$21=3,L742*Input!$C$21,0)+IF(Input!$D$22=3,M742*Input!$C$22,0)</f>
        <v>0</v>
      </c>
      <c r="Q742" s="75">
        <f>IF(Input!$D$19=4,J742*Input!$C$19,0)+IF(Input!$D$20=4,K742*Input!$C$20,0)+IF(Input!$D$21=4,L742*Input!$C$21,0)+IF(Input!$D$22=4,M742*Input!$C$22,0)</f>
        <v>0</v>
      </c>
      <c r="R742" s="58">
        <v>66.205681701240451</v>
      </c>
      <c r="S742" s="124">
        <f t="shared" si="11"/>
        <v>2.0801136158075555</v>
      </c>
    </row>
    <row r="743" spans="8:19" x14ac:dyDescent="0.3">
      <c r="H743" s="44">
        <v>736</v>
      </c>
      <c r="I743" s="56">
        <f>Bühler!I769</f>
        <v>0.48002621903251275</v>
      </c>
      <c r="J743" s="59">
        <f>Bühler!J769</f>
        <v>1.6000873967750426</v>
      </c>
      <c r="K743" s="59">
        <f>Bühler!K769</f>
        <v>2.4001310951625636</v>
      </c>
      <c r="L743" s="59">
        <f>Bühler!L769</f>
        <v>11.520629256780307</v>
      </c>
      <c r="M743" s="58">
        <f>Bühler!M769</f>
        <v>0</v>
      </c>
      <c r="N743" s="56">
        <f>IF(Input!$D$19=1,J743*Input!$C$19,0)+IF(Input!$D$20=1,K743*Input!$C$20,0)+IF(Input!$D$21=1,L743*Input!$C$21,0)+IF(Input!$D$22=1,M743*Input!$C$22,0)</f>
        <v>0.48002621903251275</v>
      </c>
      <c r="O743" s="59">
        <f>IF(Input!$D$19=2,J743*Input!$C$19,0)+IF(Input!$D$20=2,K743*Input!$C$20,0)+IF(Input!$D$21=2,L743*Input!$C$21,0)+IF(Input!$D$22=2,M743*Input!$C$22,0)</f>
        <v>1.2000655475812818</v>
      </c>
      <c r="P743" s="59">
        <f>IF(Input!$D$19=3,J743*Input!$C$19,0)+IF(Input!$D$20=3,K743*Input!$C$20,0)+IF(Input!$D$21=3,L743*Input!$C$21,0)+IF(Input!$D$22=3,M743*Input!$C$22,0)</f>
        <v>0</v>
      </c>
      <c r="Q743" s="75">
        <f>IF(Input!$D$19=4,J743*Input!$C$19,0)+IF(Input!$D$20=4,K743*Input!$C$20,0)+IF(Input!$D$21=4,L743*Input!$C$21,0)+IF(Input!$D$22=4,M743*Input!$C$22,0)</f>
        <v>0</v>
      </c>
      <c r="R743" s="58">
        <v>65.197024184433644</v>
      </c>
      <c r="S743" s="124">
        <f t="shared" si="11"/>
        <v>2.0801136158075555</v>
      </c>
    </row>
    <row r="744" spans="8:19" x14ac:dyDescent="0.3">
      <c r="H744" s="44">
        <v>737</v>
      </c>
      <c r="I744" s="56">
        <f>Bühler!I770</f>
        <v>0.48002621903251275</v>
      </c>
      <c r="J744" s="59">
        <f>Bühler!J770</f>
        <v>1.6000873967750426</v>
      </c>
      <c r="K744" s="59">
        <f>Bühler!K770</f>
        <v>2.4001310951625636</v>
      </c>
      <c r="L744" s="59">
        <f>Bühler!L770</f>
        <v>11.520629256780307</v>
      </c>
      <c r="M744" s="58">
        <f>Bühler!M770</f>
        <v>0</v>
      </c>
      <c r="N744" s="56">
        <f>IF(Input!$D$19=1,J744*Input!$C$19,0)+IF(Input!$D$20=1,K744*Input!$C$20,0)+IF(Input!$D$21=1,L744*Input!$C$21,0)+IF(Input!$D$22=1,M744*Input!$C$22,0)</f>
        <v>0.48002621903251275</v>
      </c>
      <c r="O744" s="59">
        <f>IF(Input!$D$19=2,J744*Input!$C$19,0)+IF(Input!$D$20=2,K744*Input!$C$20,0)+IF(Input!$D$21=2,L744*Input!$C$21,0)+IF(Input!$D$22=2,M744*Input!$C$22,0)</f>
        <v>1.2000655475812818</v>
      </c>
      <c r="P744" s="59">
        <f>IF(Input!$D$19=3,J744*Input!$C$19,0)+IF(Input!$D$20=3,K744*Input!$C$20,0)+IF(Input!$D$21=3,L744*Input!$C$21,0)+IF(Input!$D$22=3,M744*Input!$C$22,0)</f>
        <v>0</v>
      </c>
      <c r="Q744" s="75">
        <f>IF(Input!$D$19=4,J744*Input!$C$19,0)+IF(Input!$D$20=4,K744*Input!$C$20,0)+IF(Input!$D$21=4,L744*Input!$C$21,0)+IF(Input!$D$22=4,M744*Input!$C$22,0)</f>
        <v>0</v>
      </c>
      <c r="R744" s="58">
        <v>64.071129294677789</v>
      </c>
      <c r="S744" s="124">
        <f t="shared" si="11"/>
        <v>2.0801136158075555</v>
      </c>
    </row>
    <row r="745" spans="8:19" x14ac:dyDescent="0.3">
      <c r="H745" s="44">
        <v>738</v>
      </c>
      <c r="I745" s="56">
        <f>Bühler!I771</f>
        <v>0.48002621903251275</v>
      </c>
      <c r="J745" s="59">
        <f>Bühler!J771</f>
        <v>1.6000873967750426</v>
      </c>
      <c r="K745" s="59">
        <f>Bühler!K771</f>
        <v>2.4001310951625636</v>
      </c>
      <c r="L745" s="59">
        <f>Bühler!L771</f>
        <v>11.520629256780307</v>
      </c>
      <c r="M745" s="58">
        <f>Bühler!M771</f>
        <v>0</v>
      </c>
      <c r="N745" s="56">
        <f>IF(Input!$D$19=1,J745*Input!$C$19,0)+IF(Input!$D$20=1,K745*Input!$C$20,0)+IF(Input!$D$21=1,L745*Input!$C$21,0)+IF(Input!$D$22=1,M745*Input!$C$22,0)</f>
        <v>0.48002621903251275</v>
      </c>
      <c r="O745" s="59">
        <f>IF(Input!$D$19=2,J745*Input!$C$19,0)+IF(Input!$D$20=2,K745*Input!$C$20,0)+IF(Input!$D$21=2,L745*Input!$C$21,0)+IF(Input!$D$22=2,M745*Input!$C$22,0)</f>
        <v>1.2000655475812818</v>
      </c>
      <c r="P745" s="59">
        <f>IF(Input!$D$19=3,J745*Input!$C$19,0)+IF(Input!$D$20=3,K745*Input!$C$20,0)+IF(Input!$D$21=3,L745*Input!$C$21,0)+IF(Input!$D$22=3,M745*Input!$C$22,0)</f>
        <v>0</v>
      </c>
      <c r="Q745" s="75">
        <f>IF(Input!$D$19=4,J745*Input!$C$19,0)+IF(Input!$D$20=4,K745*Input!$C$20,0)+IF(Input!$D$21=4,L745*Input!$C$21,0)+IF(Input!$D$22=4,M745*Input!$C$22,0)</f>
        <v>0</v>
      </c>
      <c r="R745" s="58">
        <v>63.573444612694246</v>
      </c>
      <c r="S745" s="124">
        <f t="shared" si="11"/>
        <v>2.0801136158075555</v>
      </c>
    </row>
    <row r="746" spans="8:19" x14ac:dyDescent="0.3">
      <c r="H746" s="44">
        <v>739</v>
      </c>
      <c r="I746" s="56">
        <f>Bühler!I772</f>
        <v>0.48002621903251275</v>
      </c>
      <c r="J746" s="59">
        <f>Bühler!J772</f>
        <v>1.6000873967750426</v>
      </c>
      <c r="K746" s="59">
        <f>Bühler!K772</f>
        <v>2.4001310951625636</v>
      </c>
      <c r="L746" s="59">
        <f>Bühler!L772</f>
        <v>11.520629256780307</v>
      </c>
      <c r="M746" s="58">
        <f>Bühler!M772</f>
        <v>0</v>
      </c>
      <c r="N746" s="56">
        <f>IF(Input!$D$19=1,J746*Input!$C$19,0)+IF(Input!$D$20=1,K746*Input!$C$20,0)+IF(Input!$D$21=1,L746*Input!$C$21,0)+IF(Input!$D$22=1,M746*Input!$C$22,0)</f>
        <v>0.48002621903251275</v>
      </c>
      <c r="O746" s="59">
        <f>IF(Input!$D$19=2,J746*Input!$C$19,0)+IF(Input!$D$20=2,K746*Input!$C$20,0)+IF(Input!$D$21=2,L746*Input!$C$21,0)+IF(Input!$D$22=2,M746*Input!$C$22,0)</f>
        <v>1.2000655475812818</v>
      </c>
      <c r="P746" s="59">
        <f>IF(Input!$D$19=3,J746*Input!$C$19,0)+IF(Input!$D$20=3,K746*Input!$C$20,0)+IF(Input!$D$21=3,L746*Input!$C$21,0)+IF(Input!$D$22=3,M746*Input!$C$22,0)</f>
        <v>0</v>
      </c>
      <c r="Q746" s="75">
        <f>IF(Input!$D$19=4,J746*Input!$C$19,0)+IF(Input!$D$20=4,K746*Input!$C$20,0)+IF(Input!$D$21=4,L746*Input!$C$21,0)+IF(Input!$D$22=4,M746*Input!$C$22,0)</f>
        <v>0</v>
      </c>
      <c r="R746" s="58">
        <v>62.474356803898267</v>
      </c>
      <c r="S746" s="124">
        <f t="shared" si="11"/>
        <v>2.0801136158075555</v>
      </c>
    </row>
    <row r="747" spans="8:19" x14ac:dyDescent="0.3">
      <c r="H747" s="44">
        <v>740</v>
      </c>
      <c r="I747" s="56">
        <f>Bühler!I773</f>
        <v>0.40002184919376066</v>
      </c>
      <c r="J747" s="59">
        <f>Bühler!J773</f>
        <v>1.3334061639792023</v>
      </c>
      <c r="K747" s="59">
        <f>Bühler!K773</f>
        <v>2.0001092459688032</v>
      </c>
      <c r="L747" s="59">
        <f>Bühler!L773</f>
        <v>9.6005243806502563</v>
      </c>
      <c r="M747" s="58">
        <f>Bühler!M773</f>
        <v>0</v>
      </c>
      <c r="N747" s="56">
        <f>IF(Input!$D$19=1,J747*Input!$C$19,0)+IF(Input!$D$20=1,K747*Input!$C$20,0)+IF(Input!$D$21=1,L747*Input!$C$21,0)+IF(Input!$D$22=1,M747*Input!$C$22,0)</f>
        <v>0.40002184919376066</v>
      </c>
      <c r="O747" s="59">
        <f>IF(Input!$D$19=2,J747*Input!$C$19,0)+IF(Input!$D$20=2,K747*Input!$C$20,0)+IF(Input!$D$21=2,L747*Input!$C$21,0)+IF(Input!$D$22=2,M747*Input!$C$22,0)</f>
        <v>1.0000546229844016</v>
      </c>
      <c r="P747" s="59">
        <f>IF(Input!$D$19=3,J747*Input!$C$19,0)+IF(Input!$D$20=3,K747*Input!$C$20,0)+IF(Input!$D$21=3,L747*Input!$C$21,0)+IF(Input!$D$22=3,M747*Input!$C$22,0)</f>
        <v>0</v>
      </c>
      <c r="Q747" s="75">
        <f>IF(Input!$D$19=4,J747*Input!$C$19,0)+IF(Input!$D$20=4,K747*Input!$C$20,0)+IF(Input!$D$21=4,L747*Input!$C$21,0)+IF(Input!$D$22=4,M747*Input!$C$22,0)</f>
        <v>0</v>
      </c>
      <c r="R747" s="58">
        <v>61.814971299607485</v>
      </c>
      <c r="S747" s="124">
        <f t="shared" si="11"/>
        <v>1.7334280131729629</v>
      </c>
    </row>
    <row r="748" spans="8:19" x14ac:dyDescent="0.3">
      <c r="H748" s="44">
        <v>741</v>
      </c>
      <c r="I748" s="56">
        <f>Bühler!I774</f>
        <v>0.32001747935500852</v>
      </c>
      <c r="J748" s="59">
        <f>Bühler!J774</f>
        <v>1.066724931183362</v>
      </c>
      <c r="K748" s="59">
        <f>Bühler!K774</f>
        <v>1.6000873967750426</v>
      </c>
      <c r="L748" s="59">
        <f>Bühler!L774</f>
        <v>7.6804195045202048</v>
      </c>
      <c r="M748" s="58">
        <f>Bühler!M774</f>
        <v>0</v>
      </c>
      <c r="N748" s="56">
        <f>IF(Input!$D$19=1,J748*Input!$C$19,0)+IF(Input!$D$20=1,K748*Input!$C$20,0)+IF(Input!$D$21=1,L748*Input!$C$21,0)+IF(Input!$D$22=1,M748*Input!$C$22,0)</f>
        <v>0.32001747935500857</v>
      </c>
      <c r="O748" s="59">
        <f>IF(Input!$D$19=2,J748*Input!$C$19,0)+IF(Input!$D$20=2,K748*Input!$C$20,0)+IF(Input!$D$21=2,L748*Input!$C$21,0)+IF(Input!$D$22=2,M748*Input!$C$22,0)</f>
        <v>0.80004369838752132</v>
      </c>
      <c r="P748" s="59">
        <f>IF(Input!$D$19=3,J748*Input!$C$19,0)+IF(Input!$D$20=3,K748*Input!$C$20,0)+IF(Input!$D$21=3,L748*Input!$C$21,0)+IF(Input!$D$22=3,M748*Input!$C$22,0)</f>
        <v>0</v>
      </c>
      <c r="Q748" s="75">
        <f>IF(Input!$D$19=4,J748*Input!$C$19,0)+IF(Input!$D$20=4,K748*Input!$C$20,0)+IF(Input!$D$21=4,L748*Input!$C$21,0)+IF(Input!$D$22=4,M748*Input!$C$22,0)</f>
        <v>0</v>
      </c>
      <c r="R748" s="58">
        <v>61.267882898327557</v>
      </c>
      <c r="S748" s="124">
        <f t="shared" si="11"/>
        <v>1.3867424105383706</v>
      </c>
    </row>
    <row r="749" spans="8:19" x14ac:dyDescent="0.3">
      <c r="H749" s="44">
        <v>742</v>
      </c>
      <c r="I749" s="56">
        <f>Bühler!I775</f>
        <v>0.24001310951625637</v>
      </c>
      <c r="J749" s="59">
        <f>Bühler!J775</f>
        <v>0.80004369838752132</v>
      </c>
      <c r="K749" s="59">
        <f>Bühler!K775</f>
        <v>1.2000655475812818</v>
      </c>
      <c r="L749" s="59">
        <f>Bühler!L775</f>
        <v>5.7603146283901534</v>
      </c>
      <c r="M749" s="58">
        <f>Bühler!M775</f>
        <v>0</v>
      </c>
      <c r="N749" s="56">
        <f>IF(Input!$D$19=1,J749*Input!$C$19,0)+IF(Input!$D$20=1,K749*Input!$C$20,0)+IF(Input!$D$21=1,L749*Input!$C$21,0)+IF(Input!$D$22=1,M749*Input!$C$22,0)</f>
        <v>0.24001310951625637</v>
      </c>
      <c r="O749" s="59">
        <f>IF(Input!$D$19=2,J749*Input!$C$19,0)+IF(Input!$D$20=2,K749*Input!$C$20,0)+IF(Input!$D$21=2,L749*Input!$C$21,0)+IF(Input!$D$22=2,M749*Input!$C$22,0)</f>
        <v>0.60003277379064091</v>
      </c>
      <c r="P749" s="59">
        <f>IF(Input!$D$19=3,J749*Input!$C$19,0)+IF(Input!$D$20=3,K749*Input!$C$20,0)+IF(Input!$D$21=3,L749*Input!$C$21,0)+IF(Input!$D$22=3,M749*Input!$C$22,0)</f>
        <v>0</v>
      </c>
      <c r="Q749" s="75">
        <f>IF(Input!$D$19=4,J749*Input!$C$19,0)+IF(Input!$D$20=4,K749*Input!$C$20,0)+IF(Input!$D$21=4,L749*Input!$C$21,0)+IF(Input!$D$22=4,M749*Input!$C$22,0)</f>
        <v>0</v>
      </c>
      <c r="R749" s="58">
        <v>59.337085372218141</v>
      </c>
      <c r="S749" s="124">
        <f t="shared" si="11"/>
        <v>1.0400568079037777</v>
      </c>
    </row>
    <row r="750" spans="8:19" x14ac:dyDescent="0.3">
      <c r="H750" s="44">
        <v>743</v>
      </c>
      <c r="I750" s="56">
        <f>Bühler!I776</f>
        <v>0.24001310951625637</v>
      </c>
      <c r="J750" s="59">
        <f>Bühler!J776</f>
        <v>0.80004369838752132</v>
      </c>
      <c r="K750" s="59">
        <f>Bühler!K776</f>
        <v>1.2000655475812818</v>
      </c>
      <c r="L750" s="59">
        <f>Bühler!L776</f>
        <v>5.7603146283901534</v>
      </c>
      <c r="M750" s="58">
        <f>Bühler!M776</f>
        <v>0</v>
      </c>
      <c r="N750" s="56">
        <f>IF(Input!$D$19=1,J750*Input!$C$19,0)+IF(Input!$D$20=1,K750*Input!$C$20,0)+IF(Input!$D$21=1,L750*Input!$C$21,0)+IF(Input!$D$22=1,M750*Input!$C$22,0)</f>
        <v>0.24001310951625637</v>
      </c>
      <c r="O750" s="59">
        <f>IF(Input!$D$19=2,J750*Input!$C$19,0)+IF(Input!$D$20=2,K750*Input!$C$20,0)+IF(Input!$D$21=2,L750*Input!$C$21,0)+IF(Input!$D$22=2,M750*Input!$C$22,0)</f>
        <v>0.60003277379064091</v>
      </c>
      <c r="P750" s="59">
        <f>IF(Input!$D$19=3,J750*Input!$C$19,0)+IF(Input!$D$20=3,K750*Input!$C$20,0)+IF(Input!$D$21=3,L750*Input!$C$21,0)+IF(Input!$D$22=3,M750*Input!$C$22,0)</f>
        <v>0</v>
      </c>
      <c r="Q750" s="75">
        <f>IF(Input!$D$19=4,J750*Input!$C$19,0)+IF(Input!$D$20=4,K750*Input!$C$20,0)+IF(Input!$D$21=4,L750*Input!$C$21,0)+IF(Input!$D$22=4,M750*Input!$C$22,0)</f>
        <v>0</v>
      </c>
      <c r="R750" s="58">
        <v>59.216524725393462</v>
      </c>
      <c r="S750" s="124">
        <f t="shared" si="11"/>
        <v>1.0400568079037777</v>
      </c>
    </row>
    <row r="751" spans="8:19" x14ac:dyDescent="0.3">
      <c r="H751" s="44">
        <v>744</v>
      </c>
      <c r="I751" s="56">
        <f>Bühler!I777</f>
        <v>0.24001310951625637</v>
      </c>
      <c r="J751" s="59">
        <f>Bühler!J777</f>
        <v>0.80004369838752132</v>
      </c>
      <c r="K751" s="59">
        <f>Bühler!K777</f>
        <v>1.2000655475812818</v>
      </c>
      <c r="L751" s="59">
        <f>Bühler!L777</f>
        <v>5.7603146283901534</v>
      </c>
      <c r="M751" s="58">
        <f>Bühler!M777</f>
        <v>0</v>
      </c>
      <c r="N751" s="56">
        <f>IF(Input!$D$19=1,J751*Input!$C$19,0)+IF(Input!$D$20=1,K751*Input!$C$20,0)+IF(Input!$D$21=1,L751*Input!$C$21,0)+IF(Input!$D$22=1,M751*Input!$C$22,0)</f>
        <v>0.24001310951625637</v>
      </c>
      <c r="O751" s="59">
        <f>IF(Input!$D$19=2,J751*Input!$C$19,0)+IF(Input!$D$20=2,K751*Input!$C$20,0)+IF(Input!$D$21=2,L751*Input!$C$21,0)+IF(Input!$D$22=2,M751*Input!$C$22,0)</f>
        <v>0.60003277379064091</v>
      </c>
      <c r="P751" s="59">
        <f>IF(Input!$D$19=3,J751*Input!$C$19,0)+IF(Input!$D$20=3,K751*Input!$C$20,0)+IF(Input!$D$21=3,L751*Input!$C$21,0)+IF(Input!$D$22=3,M751*Input!$C$22,0)</f>
        <v>0</v>
      </c>
      <c r="Q751" s="75">
        <f>IF(Input!$D$19=4,J751*Input!$C$19,0)+IF(Input!$D$20=4,K751*Input!$C$20,0)+IF(Input!$D$21=4,L751*Input!$C$21,0)+IF(Input!$D$22=4,M751*Input!$C$22,0)</f>
        <v>0</v>
      </c>
      <c r="R751" s="58">
        <v>58.300814590841661</v>
      </c>
      <c r="S751" s="124">
        <f t="shared" si="11"/>
        <v>1.0400568079037777</v>
      </c>
    </row>
    <row r="752" spans="8:19" x14ac:dyDescent="0.3">
      <c r="H752" s="44">
        <v>745</v>
      </c>
      <c r="I752" s="56">
        <f>Bühler!I778</f>
        <v>0.25072034125207127</v>
      </c>
      <c r="J752" s="59">
        <f>Bühler!J778</f>
        <v>0.83573447084023766</v>
      </c>
      <c r="K752" s="59">
        <f>Bühler!K778</f>
        <v>1.2536017062603564</v>
      </c>
      <c r="L752" s="59">
        <f>Bühler!L778</f>
        <v>6.0172881900497108</v>
      </c>
      <c r="M752" s="58">
        <f>Bühler!M778</f>
        <v>0</v>
      </c>
      <c r="N752" s="56">
        <f>IF(Input!$D$19=1,J752*Input!$C$19,0)+IF(Input!$D$20=1,K752*Input!$C$20,0)+IF(Input!$D$21=1,L752*Input!$C$21,0)+IF(Input!$D$22=1,M752*Input!$C$22,0)</f>
        <v>0.25072034125207127</v>
      </c>
      <c r="O752" s="59">
        <f>IF(Input!$D$19=2,J752*Input!$C$19,0)+IF(Input!$D$20=2,K752*Input!$C$20,0)+IF(Input!$D$21=2,L752*Input!$C$21,0)+IF(Input!$D$22=2,M752*Input!$C$22,0)</f>
        <v>0.62680085313017819</v>
      </c>
      <c r="P752" s="59">
        <f>IF(Input!$D$19=3,J752*Input!$C$19,0)+IF(Input!$D$20=3,K752*Input!$C$20,0)+IF(Input!$D$21=3,L752*Input!$C$21,0)+IF(Input!$D$22=3,M752*Input!$C$22,0)</f>
        <v>0</v>
      </c>
      <c r="Q752" s="75">
        <f>IF(Input!$D$19=4,J752*Input!$C$19,0)+IF(Input!$D$20=4,K752*Input!$C$20,0)+IF(Input!$D$21=4,L752*Input!$C$21,0)+IF(Input!$D$22=4,M752*Input!$C$22,0)</f>
        <v>0</v>
      </c>
      <c r="R752" s="58">
        <v>57.622882725026059</v>
      </c>
      <c r="S752" s="124">
        <f t="shared" si="11"/>
        <v>1.086454812092309</v>
      </c>
    </row>
    <row r="753" spans="8:19" x14ac:dyDescent="0.3">
      <c r="H753" s="44">
        <v>746</v>
      </c>
      <c r="I753" s="56">
        <f>Bühler!I779</f>
        <v>0.25072034125207127</v>
      </c>
      <c r="J753" s="59">
        <f>Bühler!J779</f>
        <v>0.83573447084023766</v>
      </c>
      <c r="K753" s="59">
        <f>Bühler!K779</f>
        <v>1.2536017062603564</v>
      </c>
      <c r="L753" s="59">
        <f>Bühler!L779</f>
        <v>6.0172881900497108</v>
      </c>
      <c r="M753" s="58">
        <f>Bühler!M779</f>
        <v>0</v>
      </c>
      <c r="N753" s="56">
        <f>IF(Input!$D$19=1,J753*Input!$C$19,0)+IF(Input!$D$20=1,K753*Input!$C$20,0)+IF(Input!$D$21=1,L753*Input!$C$21,0)+IF(Input!$D$22=1,M753*Input!$C$22,0)</f>
        <v>0.25072034125207127</v>
      </c>
      <c r="O753" s="59">
        <f>IF(Input!$D$19=2,J753*Input!$C$19,0)+IF(Input!$D$20=2,K753*Input!$C$20,0)+IF(Input!$D$21=2,L753*Input!$C$21,0)+IF(Input!$D$22=2,M753*Input!$C$22,0)</f>
        <v>0.62680085313017819</v>
      </c>
      <c r="P753" s="59">
        <f>IF(Input!$D$19=3,J753*Input!$C$19,0)+IF(Input!$D$20=3,K753*Input!$C$20,0)+IF(Input!$D$21=3,L753*Input!$C$21,0)+IF(Input!$D$22=3,M753*Input!$C$22,0)</f>
        <v>0</v>
      </c>
      <c r="Q753" s="75">
        <f>IF(Input!$D$19=4,J753*Input!$C$19,0)+IF(Input!$D$20=4,K753*Input!$C$20,0)+IF(Input!$D$21=4,L753*Input!$C$21,0)+IF(Input!$D$22=4,M753*Input!$C$22,0)</f>
        <v>0</v>
      </c>
      <c r="R753" s="58">
        <v>57.673862722258001</v>
      </c>
      <c r="S753" s="124">
        <f t="shared" si="11"/>
        <v>1.086454812092309</v>
      </c>
    </row>
    <row r="754" spans="8:19" x14ac:dyDescent="0.3">
      <c r="H754" s="44">
        <v>747</v>
      </c>
      <c r="I754" s="56">
        <f>Bühler!I780</f>
        <v>0.25072034125207127</v>
      </c>
      <c r="J754" s="59">
        <f>Bühler!J780</f>
        <v>0.83573447084023766</v>
      </c>
      <c r="K754" s="59">
        <f>Bühler!K780</f>
        <v>1.2536017062603564</v>
      </c>
      <c r="L754" s="59">
        <f>Bühler!L780</f>
        <v>6.0172881900497108</v>
      </c>
      <c r="M754" s="58">
        <f>Bühler!M780</f>
        <v>0</v>
      </c>
      <c r="N754" s="56">
        <f>IF(Input!$D$19=1,J754*Input!$C$19,0)+IF(Input!$D$20=1,K754*Input!$C$20,0)+IF(Input!$D$21=1,L754*Input!$C$21,0)+IF(Input!$D$22=1,M754*Input!$C$22,0)</f>
        <v>0.25072034125207127</v>
      </c>
      <c r="O754" s="59">
        <f>IF(Input!$D$19=2,J754*Input!$C$19,0)+IF(Input!$D$20=2,K754*Input!$C$20,0)+IF(Input!$D$21=2,L754*Input!$C$21,0)+IF(Input!$D$22=2,M754*Input!$C$22,0)</f>
        <v>0.62680085313017819</v>
      </c>
      <c r="P754" s="59">
        <f>IF(Input!$D$19=3,J754*Input!$C$19,0)+IF(Input!$D$20=3,K754*Input!$C$20,0)+IF(Input!$D$21=3,L754*Input!$C$21,0)+IF(Input!$D$22=3,M754*Input!$C$22,0)</f>
        <v>0</v>
      </c>
      <c r="Q754" s="75">
        <f>IF(Input!$D$19=4,J754*Input!$C$19,0)+IF(Input!$D$20=4,K754*Input!$C$20,0)+IF(Input!$D$21=4,L754*Input!$C$21,0)+IF(Input!$D$22=4,M754*Input!$C$22,0)</f>
        <v>0</v>
      </c>
      <c r="R754" s="58">
        <v>58.095477764081629</v>
      </c>
      <c r="S754" s="124">
        <f t="shared" si="11"/>
        <v>1.086454812092309</v>
      </c>
    </row>
    <row r="755" spans="8:19" x14ac:dyDescent="0.3">
      <c r="H755" s="44">
        <v>748</v>
      </c>
      <c r="I755" s="56">
        <f>Bühler!I781</f>
        <v>0.25072034125207127</v>
      </c>
      <c r="J755" s="59">
        <f>Bühler!J781</f>
        <v>0.83573447084023766</v>
      </c>
      <c r="K755" s="59">
        <f>Bühler!K781</f>
        <v>1.2536017062603564</v>
      </c>
      <c r="L755" s="59">
        <f>Bühler!L781</f>
        <v>6.0172881900497108</v>
      </c>
      <c r="M755" s="58">
        <f>Bühler!M781</f>
        <v>0</v>
      </c>
      <c r="N755" s="56">
        <f>IF(Input!$D$19=1,J755*Input!$C$19,0)+IF(Input!$D$20=1,K755*Input!$C$20,0)+IF(Input!$D$21=1,L755*Input!$C$21,0)+IF(Input!$D$22=1,M755*Input!$C$22,0)</f>
        <v>0.25072034125207127</v>
      </c>
      <c r="O755" s="59">
        <f>IF(Input!$D$19=2,J755*Input!$C$19,0)+IF(Input!$D$20=2,K755*Input!$C$20,0)+IF(Input!$D$21=2,L755*Input!$C$21,0)+IF(Input!$D$22=2,M755*Input!$C$22,0)</f>
        <v>0.62680085313017819</v>
      </c>
      <c r="P755" s="59">
        <f>IF(Input!$D$19=3,J755*Input!$C$19,0)+IF(Input!$D$20=3,K755*Input!$C$20,0)+IF(Input!$D$21=3,L755*Input!$C$21,0)+IF(Input!$D$22=3,M755*Input!$C$22,0)</f>
        <v>0</v>
      </c>
      <c r="Q755" s="75">
        <f>IF(Input!$D$19=4,J755*Input!$C$19,0)+IF(Input!$D$20=4,K755*Input!$C$20,0)+IF(Input!$D$21=4,L755*Input!$C$21,0)+IF(Input!$D$22=4,M755*Input!$C$22,0)</f>
        <v>0</v>
      </c>
      <c r="R755" s="58">
        <v>58.143487809374214</v>
      </c>
      <c r="S755" s="124">
        <f t="shared" si="11"/>
        <v>1.086454812092309</v>
      </c>
    </row>
    <row r="756" spans="8:19" x14ac:dyDescent="0.3">
      <c r="H756" s="44">
        <v>749</v>
      </c>
      <c r="I756" s="56">
        <f>Bühler!I782</f>
        <v>0.25072034125207127</v>
      </c>
      <c r="J756" s="59">
        <f>Bühler!J782</f>
        <v>0.83573447084023766</v>
      </c>
      <c r="K756" s="59">
        <f>Bühler!K782</f>
        <v>1.2536017062603564</v>
      </c>
      <c r="L756" s="59">
        <f>Bühler!L782</f>
        <v>6.0172881900497108</v>
      </c>
      <c r="M756" s="58">
        <f>Bühler!M782</f>
        <v>0</v>
      </c>
      <c r="N756" s="56">
        <f>IF(Input!$D$19=1,J756*Input!$C$19,0)+IF(Input!$D$20=1,K756*Input!$C$20,0)+IF(Input!$D$21=1,L756*Input!$C$21,0)+IF(Input!$D$22=1,M756*Input!$C$22,0)</f>
        <v>0.25072034125207127</v>
      </c>
      <c r="O756" s="59">
        <f>IF(Input!$D$19=2,J756*Input!$C$19,0)+IF(Input!$D$20=2,K756*Input!$C$20,0)+IF(Input!$D$21=2,L756*Input!$C$21,0)+IF(Input!$D$22=2,M756*Input!$C$22,0)</f>
        <v>0.62680085313017819</v>
      </c>
      <c r="P756" s="59">
        <f>IF(Input!$D$19=3,J756*Input!$C$19,0)+IF(Input!$D$20=3,K756*Input!$C$20,0)+IF(Input!$D$21=3,L756*Input!$C$21,0)+IF(Input!$D$22=3,M756*Input!$C$22,0)</f>
        <v>0</v>
      </c>
      <c r="Q756" s="75">
        <f>IF(Input!$D$19=4,J756*Input!$C$19,0)+IF(Input!$D$20=4,K756*Input!$C$20,0)+IF(Input!$D$21=4,L756*Input!$C$21,0)+IF(Input!$D$22=4,M756*Input!$C$22,0)</f>
        <v>0</v>
      </c>
      <c r="R756" s="58">
        <v>59.433289184718319</v>
      </c>
      <c r="S756" s="124">
        <f t="shared" si="11"/>
        <v>1.086454812092309</v>
      </c>
    </row>
    <row r="757" spans="8:19" x14ac:dyDescent="0.3">
      <c r="H757" s="44">
        <v>750</v>
      </c>
      <c r="I757" s="56">
        <f>Bühler!I783</f>
        <v>0.32315066205822512</v>
      </c>
      <c r="J757" s="59">
        <f>Bühler!J783</f>
        <v>1.0771688735274172</v>
      </c>
      <c r="K757" s="59">
        <f>Bühler!K783</f>
        <v>1.6157533102911257</v>
      </c>
      <c r="L757" s="59">
        <f>Bühler!L783</f>
        <v>7.7556158893974034</v>
      </c>
      <c r="M757" s="58">
        <f>Bühler!M783</f>
        <v>0</v>
      </c>
      <c r="N757" s="56">
        <f>IF(Input!$D$19=1,J757*Input!$C$19,0)+IF(Input!$D$20=1,K757*Input!$C$20,0)+IF(Input!$D$21=1,L757*Input!$C$21,0)+IF(Input!$D$22=1,M757*Input!$C$22,0)</f>
        <v>0.32315066205822512</v>
      </c>
      <c r="O757" s="59">
        <f>IF(Input!$D$19=2,J757*Input!$C$19,0)+IF(Input!$D$20=2,K757*Input!$C$20,0)+IF(Input!$D$21=2,L757*Input!$C$21,0)+IF(Input!$D$22=2,M757*Input!$C$22,0)</f>
        <v>0.80787665514556284</v>
      </c>
      <c r="P757" s="59">
        <f>IF(Input!$D$19=3,J757*Input!$C$19,0)+IF(Input!$D$20=3,K757*Input!$C$20,0)+IF(Input!$D$21=3,L757*Input!$C$21,0)+IF(Input!$D$22=3,M757*Input!$C$22,0)</f>
        <v>0</v>
      </c>
      <c r="Q757" s="75">
        <f>IF(Input!$D$19=4,J757*Input!$C$19,0)+IF(Input!$D$20=4,K757*Input!$C$20,0)+IF(Input!$D$21=4,L757*Input!$C$21,0)+IF(Input!$D$22=4,M757*Input!$C$22,0)</f>
        <v>0</v>
      </c>
      <c r="R757" s="58">
        <v>62.442518543309156</v>
      </c>
      <c r="S757" s="124">
        <f t="shared" si="11"/>
        <v>1.4003195355856424</v>
      </c>
    </row>
    <row r="758" spans="8:19" x14ac:dyDescent="0.3">
      <c r="H758" s="44">
        <v>751</v>
      </c>
      <c r="I758" s="56">
        <f>Bühler!I784</f>
        <v>0.37329473030863936</v>
      </c>
      <c r="J758" s="59">
        <f>Bühler!J784</f>
        <v>1.2443157676954648</v>
      </c>
      <c r="K758" s="59">
        <f>Bühler!K784</f>
        <v>1.8664736515431968</v>
      </c>
      <c r="L758" s="59">
        <f>Bühler!L784</f>
        <v>8.9590735274073445</v>
      </c>
      <c r="M758" s="58">
        <f>Bühler!M784</f>
        <v>0</v>
      </c>
      <c r="N758" s="56">
        <f>IF(Input!$D$19=1,J758*Input!$C$19,0)+IF(Input!$D$20=1,K758*Input!$C$20,0)+IF(Input!$D$21=1,L758*Input!$C$21,0)+IF(Input!$D$22=1,M758*Input!$C$22,0)</f>
        <v>0.37329473030863941</v>
      </c>
      <c r="O758" s="59">
        <f>IF(Input!$D$19=2,J758*Input!$C$19,0)+IF(Input!$D$20=2,K758*Input!$C$20,0)+IF(Input!$D$21=2,L758*Input!$C$21,0)+IF(Input!$D$22=2,M758*Input!$C$22,0)</f>
        <v>0.93323682577159839</v>
      </c>
      <c r="P758" s="59">
        <f>IF(Input!$D$19=3,J758*Input!$C$19,0)+IF(Input!$D$20=3,K758*Input!$C$20,0)+IF(Input!$D$21=3,L758*Input!$C$21,0)+IF(Input!$D$22=3,M758*Input!$C$22,0)</f>
        <v>0</v>
      </c>
      <c r="Q758" s="75">
        <f>IF(Input!$D$19=4,J758*Input!$C$19,0)+IF(Input!$D$20=4,K758*Input!$C$20,0)+IF(Input!$D$21=4,L758*Input!$C$21,0)+IF(Input!$D$22=4,M758*Input!$C$22,0)</f>
        <v>0</v>
      </c>
      <c r="R758" s="58">
        <v>66.689078459147581</v>
      </c>
      <c r="S758" s="124">
        <f t="shared" si="11"/>
        <v>1.6176104980041042</v>
      </c>
    </row>
    <row r="759" spans="8:19" x14ac:dyDescent="0.3">
      <c r="H759" s="44">
        <v>752</v>
      </c>
      <c r="I759" s="56">
        <f>Bühler!I785</f>
        <v>0.37329473030863936</v>
      </c>
      <c r="J759" s="59">
        <f>Bühler!J785</f>
        <v>1.2443157676954648</v>
      </c>
      <c r="K759" s="59">
        <f>Bühler!K785</f>
        <v>1.8664736515431968</v>
      </c>
      <c r="L759" s="59">
        <f>Bühler!L785</f>
        <v>8.9590735274073445</v>
      </c>
      <c r="M759" s="58">
        <f>Bühler!M785</f>
        <v>0</v>
      </c>
      <c r="N759" s="56">
        <f>IF(Input!$D$19=1,J759*Input!$C$19,0)+IF(Input!$D$20=1,K759*Input!$C$20,0)+IF(Input!$D$21=1,L759*Input!$C$21,0)+IF(Input!$D$22=1,M759*Input!$C$22,0)</f>
        <v>0.37329473030863941</v>
      </c>
      <c r="O759" s="59">
        <f>IF(Input!$D$19=2,J759*Input!$C$19,0)+IF(Input!$D$20=2,K759*Input!$C$20,0)+IF(Input!$D$21=2,L759*Input!$C$21,0)+IF(Input!$D$22=2,M759*Input!$C$22,0)</f>
        <v>0.93323682577159839</v>
      </c>
      <c r="P759" s="59">
        <f>IF(Input!$D$19=3,J759*Input!$C$19,0)+IF(Input!$D$20=3,K759*Input!$C$20,0)+IF(Input!$D$21=3,L759*Input!$C$21,0)+IF(Input!$D$22=3,M759*Input!$C$22,0)</f>
        <v>0</v>
      </c>
      <c r="Q759" s="75">
        <f>IF(Input!$D$19=4,J759*Input!$C$19,0)+IF(Input!$D$20=4,K759*Input!$C$20,0)+IF(Input!$D$21=4,L759*Input!$C$21,0)+IF(Input!$D$22=4,M759*Input!$C$22,0)</f>
        <v>0</v>
      </c>
      <c r="R759" s="58">
        <v>68.597560509902436</v>
      </c>
      <c r="S759" s="124">
        <f t="shared" si="11"/>
        <v>1.6176104980041042</v>
      </c>
    </row>
    <row r="760" spans="8:19" x14ac:dyDescent="0.3">
      <c r="H760" s="44">
        <v>753</v>
      </c>
      <c r="I760" s="56">
        <f>Bühler!I786</f>
        <v>0.37329473030863936</v>
      </c>
      <c r="J760" s="59">
        <f>Bühler!J786</f>
        <v>1.2443157676954648</v>
      </c>
      <c r="K760" s="59">
        <f>Bühler!K786</f>
        <v>1.8664736515431968</v>
      </c>
      <c r="L760" s="59">
        <f>Bühler!L786</f>
        <v>8.9590735274073445</v>
      </c>
      <c r="M760" s="58">
        <f>Bühler!M786</f>
        <v>0</v>
      </c>
      <c r="N760" s="56">
        <f>IF(Input!$D$19=1,J760*Input!$C$19,0)+IF(Input!$D$20=1,K760*Input!$C$20,0)+IF(Input!$D$21=1,L760*Input!$C$21,0)+IF(Input!$D$22=1,M760*Input!$C$22,0)</f>
        <v>0.37329473030863941</v>
      </c>
      <c r="O760" s="59">
        <f>IF(Input!$D$19=2,J760*Input!$C$19,0)+IF(Input!$D$20=2,K760*Input!$C$20,0)+IF(Input!$D$21=2,L760*Input!$C$21,0)+IF(Input!$D$22=2,M760*Input!$C$22,0)</f>
        <v>0.93323682577159839</v>
      </c>
      <c r="P760" s="59">
        <f>IF(Input!$D$19=3,J760*Input!$C$19,0)+IF(Input!$D$20=3,K760*Input!$C$20,0)+IF(Input!$D$21=3,L760*Input!$C$21,0)+IF(Input!$D$22=3,M760*Input!$C$22,0)</f>
        <v>0</v>
      </c>
      <c r="Q760" s="75">
        <f>IF(Input!$D$19=4,J760*Input!$C$19,0)+IF(Input!$D$20=4,K760*Input!$C$20,0)+IF(Input!$D$21=4,L760*Input!$C$21,0)+IF(Input!$D$22=4,M760*Input!$C$22,0)</f>
        <v>0</v>
      </c>
      <c r="R760" s="58">
        <v>68.755500240400124</v>
      </c>
      <c r="S760" s="124">
        <f t="shared" si="11"/>
        <v>1.6176104980041042</v>
      </c>
    </row>
    <row r="761" spans="8:19" x14ac:dyDescent="0.3">
      <c r="H761" s="44">
        <v>754</v>
      </c>
      <c r="I761" s="56">
        <f>Bühler!I787</f>
        <v>0.40115254600331396</v>
      </c>
      <c r="J761" s="59">
        <f>Bühler!J787</f>
        <v>1.3371751533443801</v>
      </c>
      <c r="K761" s="59">
        <f>Bühler!K787</f>
        <v>2.0057627300165697</v>
      </c>
      <c r="L761" s="59">
        <f>Bühler!L787</f>
        <v>9.6276611040795341</v>
      </c>
      <c r="M761" s="58">
        <f>Bühler!M787</f>
        <v>0</v>
      </c>
      <c r="N761" s="56">
        <f>IF(Input!$D$19=1,J761*Input!$C$19,0)+IF(Input!$D$20=1,K761*Input!$C$20,0)+IF(Input!$D$21=1,L761*Input!$C$21,0)+IF(Input!$D$22=1,M761*Input!$C$22,0)</f>
        <v>0.40115254600331401</v>
      </c>
      <c r="O761" s="59">
        <f>IF(Input!$D$19=2,J761*Input!$C$19,0)+IF(Input!$D$20=2,K761*Input!$C$20,0)+IF(Input!$D$21=2,L761*Input!$C$21,0)+IF(Input!$D$22=2,M761*Input!$C$22,0)</f>
        <v>1.0028813650082848</v>
      </c>
      <c r="P761" s="59">
        <f>IF(Input!$D$19=3,J761*Input!$C$19,0)+IF(Input!$D$20=3,K761*Input!$C$20,0)+IF(Input!$D$21=3,L761*Input!$C$21,0)+IF(Input!$D$22=3,M761*Input!$C$22,0)</f>
        <v>0</v>
      </c>
      <c r="Q761" s="75">
        <f>IF(Input!$D$19=4,J761*Input!$C$19,0)+IF(Input!$D$20=4,K761*Input!$C$20,0)+IF(Input!$D$21=4,L761*Input!$C$21,0)+IF(Input!$D$22=4,M761*Input!$C$22,0)</f>
        <v>0</v>
      </c>
      <c r="R761" s="58">
        <v>67.566827746844837</v>
      </c>
      <c r="S761" s="124">
        <f t="shared" si="11"/>
        <v>1.7383276993476939</v>
      </c>
    </row>
    <row r="762" spans="8:19" x14ac:dyDescent="0.3">
      <c r="H762" s="44">
        <v>755</v>
      </c>
      <c r="I762" s="56">
        <f>Bühler!I788</f>
        <v>0.43458192483692348</v>
      </c>
      <c r="J762" s="59">
        <f>Bühler!J788</f>
        <v>1.4486064161230785</v>
      </c>
      <c r="K762" s="59">
        <f>Bühler!K788</f>
        <v>2.1729096241846175</v>
      </c>
      <c r="L762" s="59">
        <f>Bühler!L788</f>
        <v>10.429966196086164</v>
      </c>
      <c r="M762" s="58">
        <f>Bühler!M788</f>
        <v>0</v>
      </c>
      <c r="N762" s="56">
        <f>IF(Input!$D$19=1,J762*Input!$C$19,0)+IF(Input!$D$20=1,K762*Input!$C$20,0)+IF(Input!$D$21=1,L762*Input!$C$21,0)+IF(Input!$D$22=1,M762*Input!$C$22,0)</f>
        <v>0.43458192483692354</v>
      </c>
      <c r="O762" s="59">
        <f>IF(Input!$D$19=2,J762*Input!$C$19,0)+IF(Input!$D$20=2,K762*Input!$C$20,0)+IF(Input!$D$21=2,L762*Input!$C$21,0)+IF(Input!$D$22=2,M762*Input!$C$22,0)</f>
        <v>1.0864548120923088</v>
      </c>
      <c r="P762" s="59">
        <f>IF(Input!$D$19=3,J762*Input!$C$19,0)+IF(Input!$D$20=3,K762*Input!$C$20,0)+IF(Input!$D$21=3,L762*Input!$C$21,0)+IF(Input!$D$22=3,M762*Input!$C$22,0)</f>
        <v>0</v>
      </c>
      <c r="Q762" s="75">
        <f>IF(Input!$D$19=4,J762*Input!$C$19,0)+IF(Input!$D$20=4,K762*Input!$C$20,0)+IF(Input!$D$21=4,L762*Input!$C$21,0)+IF(Input!$D$22=4,M762*Input!$C$22,0)</f>
        <v>0</v>
      </c>
      <c r="R762" s="58">
        <v>68.192522315768187</v>
      </c>
      <c r="S762" s="124">
        <f t="shared" si="11"/>
        <v>1.8831883409600021</v>
      </c>
    </row>
    <row r="763" spans="8:19" x14ac:dyDescent="0.3">
      <c r="H763" s="44">
        <v>756</v>
      </c>
      <c r="I763" s="56">
        <f>Bühler!I789</f>
        <v>0.50144068250414253</v>
      </c>
      <c r="J763" s="59">
        <f>Bühler!J789</f>
        <v>1.6714689416804753</v>
      </c>
      <c r="K763" s="59">
        <f>Bühler!K789</f>
        <v>2.5072034125207128</v>
      </c>
      <c r="L763" s="59">
        <f>Bühler!L789</f>
        <v>12.034576380099422</v>
      </c>
      <c r="M763" s="58">
        <f>Bühler!M789</f>
        <v>0</v>
      </c>
      <c r="N763" s="56">
        <f>IF(Input!$D$19=1,J763*Input!$C$19,0)+IF(Input!$D$20=1,K763*Input!$C$20,0)+IF(Input!$D$21=1,L763*Input!$C$21,0)+IF(Input!$D$22=1,M763*Input!$C$22,0)</f>
        <v>0.50144068250414253</v>
      </c>
      <c r="O763" s="59">
        <f>IF(Input!$D$19=2,J763*Input!$C$19,0)+IF(Input!$D$20=2,K763*Input!$C$20,0)+IF(Input!$D$21=2,L763*Input!$C$21,0)+IF(Input!$D$22=2,M763*Input!$C$22,0)</f>
        <v>1.2536017062603564</v>
      </c>
      <c r="P763" s="59">
        <f>IF(Input!$D$19=3,J763*Input!$C$19,0)+IF(Input!$D$20=3,K763*Input!$C$20,0)+IF(Input!$D$21=3,L763*Input!$C$21,0)+IF(Input!$D$22=3,M763*Input!$C$22,0)</f>
        <v>0</v>
      </c>
      <c r="Q763" s="75">
        <f>IF(Input!$D$19=4,J763*Input!$C$19,0)+IF(Input!$D$20=4,K763*Input!$C$20,0)+IF(Input!$D$21=4,L763*Input!$C$21,0)+IF(Input!$D$22=4,M763*Input!$C$22,0)</f>
        <v>0</v>
      </c>
      <c r="R763" s="58">
        <v>68.976834466089485</v>
      </c>
      <c r="S763" s="124">
        <f t="shared" si="11"/>
        <v>2.172909624184618</v>
      </c>
    </row>
    <row r="764" spans="8:19" x14ac:dyDescent="0.3">
      <c r="H764" s="44">
        <v>757</v>
      </c>
      <c r="I764" s="56">
        <f>Bühler!I790</f>
        <v>0.50144068250414253</v>
      </c>
      <c r="J764" s="59">
        <f>Bühler!J790</f>
        <v>1.6714689416804753</v>
      </c>
      <c r="K764" s="59">
        <f>Bühler!K790</f>
        <v>2.5072034125207128</v>
      </c>
      <c r="L764" s="59">
        <f>Bühler!L790</f>
        <v>12.034576380099422</v>
      </c>
      <c r="M764" s="58">
        <f>Bühler!M790</f>
        <v>0</v>
      </c>
      <c r="N764" s="56">
        <f>IF(Input!$D$19=1,J764*Input!$C$19,0)+IF(Input!$D$20=1,K764*Input!$C$20,0)+IF(Input!$D$21=1,L764*Input!$C$21,0)+IF(Input!$D$22=1,M764*Input!$C$22,0)</f>
        <v>0.50144068250414253</v>
      </c>
      <c r="O764" s="59">
        <f>IF(Input!$D$19=2,J764*Input!$C$19,0)+IF(Input!$D$20=2,K764*Input!$C$20,0)+IF(Input!$D$21=2,L764*Input!$C$21,0)+IF(Input!$D$22=2,M764*Input!$C$22,0)</f>
        <v>1.2536017062603564</v>
      </c>
      <c r="P764" s="59">
        <f>IF(Input!$D$19=3,J764*Input!$C$19,0)+IF(Input!$D$20=3,K764*Input!$C$20,0)+IF(Input!$D$21=3,L764*Input!$C$21,0)+IF(Input!$D$22=3,M764*Input!$C$22,0)</f>
        <v>0</v>
      </c>
      <c r="Q764" s="75">
        <f>IF(Input!$D$19=4,J764*Input!$C$19,0)+IF(Input!$D$20=4,K764*Input!$C$20,0)+IF(Input!$D$21=4,L764*Input!$C$21,0)+IF(Input!$D$22=4,M764*Input!$C$22,0)</f>
        <v>0</v>
      </c>
      <c r="R764" s="58">
        <v>67.643456986658592</v>
      </c>
      <c r="S764" s="124">
        <f t="shared" si="11"/>
        <v>2.172909624184618</v>
      </c>
    </row>
    <row r="765" spans="8:19" x14ac:dyDescent="0.3">
      <c r="H765" s="44">
        <v>758</v>
      </c>
      <c r="I765" s="56">
        <f>Bühler!I791</f>
        <v>0.50144068250414253</v>
      </c>
      <c r="J765" s="59">
        <f>Bühler!J791</f>
        <v>1.6714689416804753</v>
      </c>
      <c r="K765" s="59">
        <f>Bühler!K791</f>
        <v>2.5072034125207128</v>
      </c>
      <c r="L765" s="59">
        <f>Bühler!L791</f>
        <v>12.034576380099422</v>
      </c>
      <c r="M765" s="58">
        <f>Bühler!M791</f>
        <v>0</v>
      </c>
      <c r="N765" s="56">
        <f>IF(Input!$D$19=1,J765*Input!$C$19,0)+IF(Input!$D$20=1,K765*Input!$C$20,0)+IF(Input!$D$21=1,L765*Input!$C$21,0)+IF(Input!$D$22=1,M765*Input!$C$22,0)</f>
        <v>0.50144068250414253</v>
      </c>
      <c r="O765" s="59">
        <f>IF(Input!$D$19=2,J765*Input!$C$19,0)+IF(Input!$D$20=2,K765*Input!$C$20,0)+IF(Input!$D$21=2,L765*Input!$C$21,0)+IF(Input!$D$22=2,M765*Input!$C$22,0)</f>
        <v>1.2536017062603564</v>
      </c>
      <c r="P765" s="59">
        <f>IF(Input!$D$19=3,J765*Input!$C$19,0)+IF(Input!$D$20=3,K765*Input!$C$20,0)+IF(Input!$D$21=3,L765*Input!$C$21,0)+IF(Input!$D$22=3,M765*Input!$C$22,0)</f>
        <v>0</v>
      </c>
      <c r="Q765" s="75">
        <f>IF(Input!$D$19=4,J765*Input!$C$19,0)+IF(Input!$D$20=4,K765*Input!$C$20,0)+IF(Input!$D$21=4,L765*Input!$C$21,0)+IF(Input!$D$22=4,M765*Input!$C$22,0)</f>
        <v>0</v>
      </c>
      <c r="R765" s="58">
        <v>67.55141199341459</v>
      </c>
      <c r="S765" s="124">
        <f t="shared" si="11"/>
        <v>2.172909624184618</v>
      </c>
    </row>
    <row r="766" spans="8:19" x14ac:dyDescent="0.3">
      <c r="H766" s="44">
        <v>759</v>
      </c>
      <c r="I766" s="56">
        <f>Bühler!I792</f>
        <v>0.50144068250414253</v>
      </c>
      <c r="J766" s="59">
        <f>Bühler!J792</f>
        <v>1.6714689416804753</v>
      </c>
      <c r="K766" s="59">
        <f>Bühler!K792</f>
        <v>2.5072034125207128</v>
      </c>
      <c r="L766" s="59">
        <f>Bühler!L792</f>
        <v>12.034576380099422</v>
      </c>
      <c r="M766" s="58">
        <f>Bühler!M792</f>
        <v>0</v>
      </c>
      <c r="N766" s="56">
        <f>IF(Input!$D$19=1,J766*Input!$C$19,0)+IF(Input!$D$20=1,K766*Input!$C$20,0)+IF(Input!$D$21=1,L766*Input!$C$21,0)+IF(Input!$D$22=1,M766*Input!$C$22,0)</f>
        <v>0.50144068250414253</v>
      </c>
      <c r="O766" s="59">
        <f>IF(Input!$D$19=2,J766*Input!$C$19,0)+IF(Input!$D$20=2,K766*Input!$C$20,0)+IF(Input!$D$21=2,L766*Input!$C$21,0)+IF(Input!$D$22=2,M766*Input!$C$22,0)</f>
        <v>1.2536017062603564</v>
      </c>
      <c r="P766" s="59">
        <f>IF(Input!$D$19=3,J766*Input!$C$19,0)+IF(Input!$D$20=3,K766*Input!$C$20,0)+IF(Input!$D$21=3,L766*Input!$C$21,0)+IF(Input!$D$22=3,M766*Input!$C$22,0)</f>
        <v>0</v>
      </c>
      <c r="Q766" s="75">
        <f>IF(Input!$D$19=4,J766*Input!$C$19,0)+IF(Input!$D$20=4,K766*Input!$C$20,0)+IF(Input!$D$21=4,L766*Input!$C$21,0)+IF(Input!$D$22=4,M766*Input!$C$22,0)</f>
        <v>0</v>
      </c>
      <c r="R766" s="58">
        <v>67.804351723424745</v>
      </c>
      <c r="S766" s="124">
        <f t="shared" si="11"/>
        <v>2.172909624184618</v>
      </c>
    </row>
    <row r="767" spans="8:19" x14ac:dyDescent="0.3">
      <c r="H767" s="44">
        <v>760</v>
      </c>
      <c r="I767" s="56">
        <f>Bühler!I793</f>
        <v>0.50144068250414253</v>
      </c>
      <c r="J767" s="59">
        <f>Bühler!J793</f>
        <v>1.6714689416804753</v>
      </c>
      <c r="K767" s="59">
        <f>Bühler!K793</f>
        <v>2.5072034125207128</v>
      </c>
      <c r="L767" s="59">
        <f>Bühler!L793</f>
        <v>12.034576380099422</v>
      </c>
      <c r="M767" s="58">
        <f>Bühler!M793</f>
        <v>0</v>
      </c>
      <c r="N767" s="56">
        <f>IF(Input!$D$19=1,J767*Input!$C$19,0)+IF(Input!$D$20=1,K767*Input!$C$20,0)+IF(Input!$D$21=1,L767*Input!$C$21,0)+IF(Input!$D$22=1,M767*Input!$C$22,0)</f>
        <v>0.50144068250414253</v>
      </c>
      <c r="O767" s="59">
        <f>IF(Input!$D$19=2,J767*Input!$C$19,0)+IF(Input!$D$20=2,K767*Input!$C$20,0)+IF(Input!$D$21=2,L767*Input!$C$21,0)+IF(Input!$D$22=2,M767*Input!$C$22,0)</f>
        <v>1.2536017062603564</v>
      </c>
      <c r="P767" s="59">
        <f>IF(Input!$D$19=3,J767*Input!$C$19,0)+IF(Input!$D$20=3,K767*Input!$C$20,0)+IF(Input!$D$21=3,L767*Input!$C$21,0)+IF(Input!$D$22=3,M767*Input!$C$22,0)</f>
        <v>0</v>
      </c>
      <c r="Q767" s="75">
        <f>IF(Input!$D$19=4,J767*Input!$C$19,0)+IF(Input!$D$20=4,K767*Input!$C$20,0)+IF(Input!$D$21=4,L767*Input!$C$21,0)+IF(Input!$D$22=4,M767*Input!$C$22,0)</f>
        <v>0</v>
      </c>
      <c r="R767" s="58">
        <v>66.605795375270816</v>
      </c>
      <c r="S767" s="124">
        <f t="shared" si="11"/>
        <v>2.172909624184618</v>
      </c>
    </row>
    <row r="768" spans="8:19" x14ac:dyDescent="0.3">
      <c r="H768" s="44">
        <v>761</v>
      </c>
      <c r="I768" s="56">
        <f>Bühler!I794</f>
        <v>0.50144068250414253</v>
      </c>
      <c r="J768" s="59">
        <f>Bühler!J794</f>
        <v>1.6714689416804753</v>
      </c>
      <c r="K768" s="59">
        <f>Bühler!K794</f>
        <v>2.5072034125207128</v>
      </c>
      <c r="L768" s="59">
        <f>Bühler!L794</f>
        <v>12.034576380099422</v>
      </c>
      <c r="M768" s="58">
        <f>Bühler!M794</f>
        <v>0</v>
      </c>
      <c r="N768" s="56">
        <f>IF(Input!$D$19=1,J768*Input!$C$19,0)+IF(Input!$D$20=1,K768*Input!$C$20,0)+IF(Input!$D$21=1,L768*Input!$C$21,0)+IF(Input!$D$22=1,M768*Input!$C$22,0)</f>
        <v>0.50144068250414253</v>
      </c>
      <c r="O768" s="59">
        <f>IF(Input!$D$19=2,J768*Input!$C$19,0)+IF(Input!$D$20=2,K768*Input!$C$20,0)+IF(Input!$D$21=2,L768*Input!$C$21,0)+IF(Input!$D$22=2,M768*Input!$C$22,0)</f>
        <v>1.2536017062603564</v>
      </c>
      <c r="P768" s="59">
        <f>IF(Input!$D$19=3,J768*Input!$C$19,0)+IF(Input!$D$20=3,K768*Input!$C$20,0)+IF(Input!$D$21=3,L768*Input!$C$21,0)+IF(Input!$D$22=3,M768*Input!$C$22,0)</f>
        <v>0</v>
      </c>
      <c r="Q768" s="75">
        <f>IF(Input!$D$19=4,J768*Input!$C$19,0)+IF(Input!$D$20=4,K768*Input!$C$20,0)+IF(Input!$D$21=4,L768*Input!$C$21,0)+IF(Input!$D$22=4,M768*Input!$C$22,0)</f>
        <v>0</v>
      </c>
      <c r="R768" s="58">
        <v>65.275385082241741</v>
      </c>
      <c r="S768" s="124">
        <f t="shared" si="11"/>
        <v>2.172909624184618</v>
      </c>
    </row>
    <row r="769" spans="8:19" x14ac:dyDescent="0.3">
      <c r="H769" s="44">
        <v>762</v>
      </c>
      <c r="I769" s="56">
        <f>Bühler!I795</f>
        <v>0.50144068250414253</v>
      </c>
      <c r="J769" s="59">
        <f>Bühler!J795</f>
        <v>1.6714689416804753</v>
      </c>
      <c r="K769" s="59">
        <f>Bühler!K795</f>
        <v>2.5072034125207128</v>
      </c>
      <c r="L769" s="59">
        <f>Bühler!L795</f>
        <v>12.034576380099422</v>
      </c>
      <c r="M769" s="58">
        <f>Bühler!M795</f>
        <v>0</v>
      </c>
      <c r="N769" s="56">
        <f>IF(Input!$D$19=1,J769*Input!$C$19,0)+IF(Input!$D$20=1,K769*Input!$C$20,0)+IF(Input!$D$21=1,L769*Input!$C$21,0)+IF(Input!$D$22=1,M769*Input!$C$22,0)</f>
        <v>0.50144068250414253</v>
      </c>
      <c r="O769" s="59">
        <f>IF(Input!$D$19=2,J769*Input!$C$19,0)+IF(Input!$D$20=2,K769*Input!$C$20,0)+IF(Input!$D$21=2,L769*Input!$C$21,0)+IF(Input!$D$22=2,M769*Input!$C$22,0)</f>
        <v>1.2536017062603564</v>
      </c>
      <c r="P769" s="59">
        <f>IF(Input!$D$19=3,J769*Input!$C$19,0)+IF(Input!$D$20=3,K769*Input!$C$20,0)+IF(Input!$D$21=3,L769*Input!$C$21,0)+IF(Input!$D$22=3,M769*Input!$C$22,0)</f>
        <v>0</v>
      </c>
      <c r="Q769" s="75">
        <f>IF(Input!$D$19=4,J769*Input!$C$19,0)+IF(Input!$D$20=4,K769*Input!$C$20,0)+IF(Input!$D$21=4,L769*Input!$C$21,0)+IF(Input!$D$22=4,M769*Input!$C$22,0)</f>
        <v>0</v>
      </c>
      <c r="R769" s="58">
        <v>64.517601282002303</v>
      </c>
      <c r="S769" s="124">
        <f t="shared" si="11"/>
        <v>2.172909624184618</v>
      </c>
    </row>
    <row r="770" spans="8:19" x14ac:dyDescent="0.3">
      <c r="H770" s="44">
        <v>763</v>
      </c>
      <c r="I770" s="56">
        <f>Bühler!I796</f>
        <v>0.50144068250414253</v>
      </c>
      <c r="J770" s="59">
        <f>Bühler!J796</f>
        <v>1.6714689416804753</v>
      </c>
      <c r="K770" s="59">
        <f>Bühler!K796</f>
        <v>2.5072034125207128</v>
      </c>
      <c r="L770" s="59">
        <f>Bühler!L796</f>
        <v>12.034576380099422</v>
      </c>
      <c r="M770" s="58">
        <f>Bühler!M796</f>
        <v>0</v>
      </c>
      <c r="N770" s="56">
        <f>IF(Input!$D$19=1,J770*Input!$C$19,0)+IF(Input!$D$20=1,K770*Input!$C$20,0)+IF(Input!$D$21=1,L770*Input!$C$21,0)+IF(Input!$D$22=1,M770*Input!$C$22,0)</f>
        <v>0.50144068250414253</v>
      </c>
      <c r="O770" s="59">
        <f>IF(Input!$D$19=2,J770*Input!$C$19,0)+IF(Input!$D$20=2,K770*Input!$C$20,0)+IF(Input!$D$21=2,L770*Input!$C$21,0)+IF(Input!$D$22=2,M770*Input!$C$22,0)</f>
        <v>1.2536017062603564</v>
      </c>
      <c r="P770" s="59">
        <f>IF(Input!$D$19=3,J770*Input!$C$19,0)+IF(Input!$D$20=3,K770*Input!$C$20,0)+IF(Input!$D$21=3,L770*Input!$C$21,0)+IF(Input!$D$22=3,M770*Input!$C$22,0)</f>
        <v>0</v>
      </c>
      <c r="Q770" s="75">
        <f>IF(Input!$D$19=4,J770*Input!$C$19,0)+IF(Input!$D$20=4,K770*Input!$C$20,0)+IF(Input!$D$21=4,L770*Input!$C$21,0)+IF(Input!$D$22=4,M770*Input!$C$22,0)</f>
        <v>0</v>
      </c>
      <c r="R770" s="58">
        <v>62.635968011021383</v>
      </c>
      <c r="S770" s="124">
        <f t="shared" si="11"/>
        <v>2.172909624184618</v>
      </c>
    </row>
    <row r="771" spans="8:19" x14ac:dyDescent="0.3">
      <c r="H771" s="44">
        <v>764</v>
      </c>
      <c r="I771" s="56">
        <f>Bühler!I797</f>
        <v>0.41786723542011872</v>
      </c>
      <c r="J771" s="59">
        <f>Bühler!J797</f>
        <v>1.3928907847337291</v>
      </c>
      <c r="K771" s="59">
        <f>Bühler!K797</f>
        <v>2.0893361771005936</v>
      </c>
      <c r="L771" s="59">
        <f>Bühler!L797</f>
        <v>10.028813650082849</v>
      </c>
      <c r="M771" s="58">
        <f>Bühler!M797</f>
        <v>0</v>
      </c>
      <c r="N771" s="56">
        <f>IF(Input!$D$19=1,J771*Input!$C$19,0)+IF(Input!$D$20=1,K771*Input!$C$20,0)+IF(Input!$D$21=1,L771*Input!$C$21,0)+IF(Input!$D$22=1,M771*Input!$C$22,0)</f>
        <v>0.41786723542011872</v>
      </c>
      <c r="O771" s="59">
        <f>IF(Input!$D$19=2,J771*Input!$C$19,0)+IF(Input!$D$20=2,K771*Input!$C$20,0)+IF(Input!$D$21=2,L771*Input!$C$21,0)+IF(Input!$D$22=2,M771*Input!$C$22,0)</f>
        <v>1.0446680885502968</v>
      </c>
      <c r="P771" s="59">
        <f>IF(Input!$D$19=3,J771*Input!$C$19,0)+IF(Input!$D$20=3,K771*Input!$C$20,0)+IF(Input!$D$21=3,L771*Input!$C$21,0)+IF(Input!$D$22=3,M771*Input!$C$22,0)</f>
        <v>0</v>
      </c>
      <c r="Q771" s="75">
        <f>IF(Input!$D$19=4,J771*Input!$C$19,0)+IF(Input!$D$20=4,K771*Input!$C$20,0)+IF(Input!$D$21=4,L771*Input!$C$21,0)+IF(Input!$D$22=4,M771*Input!$C$22,0)</f>
        <v>0</v>
      </c>
      <c r="R771" s="58">
        <v>61.262656503130884</v>
      </c>
      <c r="S771" s="124">
        <f t="shared" si="11"/>
        <v>1.8107580201538478</v>
      </c>
    </row>
    <row r="772" spans="8:19" x14ac:dyDescent="0.3">
      <c r="H772" s="44">
        <v>765</v>
      </c>
      <c r="I772" s="56">
        <f>Bühler!I798</f>
        <v>0.33429378833609502</v>
      </c>
      <c r="J772" s="59">
        <f>Bühler!J798</f>
        <v>1.1143126277869835</v>
      </c>
      <c r="K772" s="59">
        <f>Bühler!K798</f>
        <v>1.6714689416804751</v>
      </c>
      <c r="L772" s="59">
        <f>Bühler!L798</f>
        <v>8.0230509200662805</v>
      </c>
      <c r="M772" s="58">
        <f>Bühler!M798</f>
        <v>0</v>
      </c>
      <c r="N772" s="56">
        <f>IF(Input!$D$19=1,J772*Input!$C$19,0)+IF(Input!$D$20=1,K772*Input!$C$20,0)+IF(Input!$D$21=1,L772*Input!$C$21,0)+IF(Input!$D$22=1,M772*Input!$C$22,0)</f>
        <v>0.33429378833609502</v>
      </c>
      <c r="O772" s="59">
        <f>IF(Input!$D$19=2,J772*Input!$C$19,0)+IF(Input!$D$20=2,K772*Input!$C$20,0)+IF(Input!$D$21=2,L772*Input!$C$21,0)+IF(Input!$D$22=2,M772*Input!$C$22,0)</f>
        <v>0.83573447084023755</v>
      </c>
      <c r="P772" s="59">
        <f>IF(Input!$D$19=3,J772*Input!$C$19,0)+IF(Input!$D$20=3,K772*Input!$C$20,0)+IF(Input!$D$21=3,L772*Input!$C$21,0)+IF(Input!$D$22=3,M772*Input!$C$22,0)</f>
        <v>0</v>
      </c>
      <c r="Q772" s="75">
        <f>IF(Input!$D$19=4,J772*Input!$C$19,0)+IF(Input!$D$20=4,K772*Input!$C$20,0)+IF(Input!$D$21=4,L772*Input!$C$21,0)+IF(Input!$D$22=4,M772*Input!$C$22,0)</f>
        <v>0</v>
      </c>
      <c r="R772" s="58">
        <v>60.259914412253607</v>
      </c>
      <c r="S772" s="124">
        <f t="shared" si="11"/>
        <v>1.4486064161230785</v>
      </c>
    </row>
    <row r="773" spans="8:19" x14ac:dyDescent="0.3">
      <c r="H773" s="44">
        <v>766</v>
      </c>
      <c r="I773" s="56">
        <f>Bühler!I799</f>
        <v>0.25072034125207127</v>
      </c>
      <c r="J773" s="59">
        <f>Bühler!J799</f>
        <v>0.83573447084023766</v>
      </c>
      <c r="K773" s="59">
        <f>Bühler!K799</f>
        <v>1.2536017062603564</v>
      </c>
      <c r="L773" s="59">
        <f>Bühler!L799</f>
        <v>6.0172881900497108</v>
      </c>
      <c r="M773" s="58">
        <f>Bühler!M799</f>
        <v>0</v>
      </c>
      <c r="N773" s="56">
        <f>IF(Input!$D$19=1,J773*Input!$C$19,0)+IF(Input!$D$20=1,K773*Input!$C$20,0)+IF(Input!$D$21=1,L773*Input!$C$21,0)+IF(Input!$D$22=1,M773*Input!$C$22,0)</f>
        <v>0.25072034125207127</v>
      </c>
      <c r="O773" s="59">
        <f>IF(Input!$D$19=2,J773*Input!$C$19,0)+IF(Input!$D$20=2,K773*Input!$C$20,0)+IF(Input!$D$21=2,L773*Input!$C$21,0)+IF(Input!$D$22=2,M773*Input!$C$22,0)</f>
        <v>0.62680085313017819</v>
      </c>
      <c r="P773" s="59">
        <f>IF(Input!$D$19=3,J773*Input!$C$19,0)+IF(Input!$D$20=3,K773*Input!$C$20,0)+IF(Input!$D$21=3,L773*Input!$C$21,0)+IF(Input!$D$22=3,M773*Input!$C$22,0)</f>
        <v>0</v>
      </c>
      <c r="Q773" s="75">
        <f>IF(Input!$D$19=4,J773*Input!$C$19,0)+IF(Input!$D$20=4,K773*Input!$C$20,0)+IF(Input!$D$21=4,L773*Input!$C$21,0)+IF(Input!$D$22=4,M773*Input!$C$22,0)</f>
        <v>0</v>
      </c>
      <c r="R773" s="58">
        <v>58.484698809569366</v>
      </c>
      <c r="S773" s="124">
        <f t="shared" si="11"/>
        <v>1.086454812092309</v>
      </c>
    </row>
    <row r="774" spans="8:19" x14ac:dyDescent="0.3">
      <c r="H774" s="44">
        <v>767</v>
      </c>
      <c r="I774" s="56">
        <f>Bühler!I800</f>
        <v>0.25072034125207127</v>
      </c>
      <c r="J774" s="59">
        <f>Bühler!J800</f>
        <v>0.83573447084023766</v>
      </c>
      <c r="K774" s="59">
        <f>Bühler!K800</f>
        <v>1.2536017062603564</v>
      </c>
      <c r="L774" s="59">
        <f>Bühler!L800</f>
        <v>6.0172881900497108</v>
      </c>
      <c r="M774" s="58">
        <f>Bühler!M800</f>
        <v>0</v>
      </c>
      <c r="N774" s="56">
        <f>IF(Input!$D$19=1,J774*Input!$C$19,0)+IF(Input!$D$20=1,K774*Input!$C$20,0)+IF(Input!$D$21=1,L774*Input!$C$21,0)+IF(Input!$D$22=1,M774*Input!$C$22,0)</f>
        <v>0.25072034125207127</v>
      </c>
      <c r="O774" s="59">
        <f>IF(Input!$D$19=2,J774*Input!$C$19,0)+IF(Input!$D$20=2,K774*Input!$C$20,0)+IF(Input!$D$21=2,L774*Input!$C$21,0)+IF(Input!$D$22=2,M774*Input!$C$22,0)</f>
        <v>0.62680085313017819</v>
      </c>
      <c r="P774" s="59">
        <f>IF(Input!$D$19=3,J774*Input!$C$19,0)+IF(Input!$D$20=3,K774*Input!$C$20,0)+IF(Input!$D$21=3,L774*Input!$C$21,0)+IF(Input!$D$22=3,M774*Input!$C$22,0)</f>
        <v>0</v>
      </c>
      <c r="Q774" s="75">
        <f>IF(Input!$D$19=4,J774*Input!$C$19,0)+IF(Input!$D$20=4,K774*Input!$C$20,0)+IF(Input!$D$21=4,L774*Input!$C$21,0)+IF(Input!$D$22=4,M774*Input!$C$22,0)</f>
        <v>0</v>
      </c>
      <c r="R774" s="58">
        <v>58.099899525154065</v>
      </c>
      <c r="S774" s="124">
        <f t="shared" si="11"/>
        <v>1.086454812092309</v>
      </c>
    </row>
    <row r="775" spans="8:19" x14ac:dyDescent="0.3">
      <c r="H775" s="44">
        <v>768</v>
      </c>
      <c r="I775" s="56">
        <f>Bühler!I801</f>
        <v>0.25072034125207127</v>
      </c>
      <c r="J775" s="59">
        <f>Bühler!J801</f>
        <v>0.83573447084023766</v>
      </c>
      <c r="K775" s="59">
        <f>Bühler!K801</f>
        <v>1.2536017062603564</v>
      </c>
      <c r="L775" s="59">
        <f>Bühler!L801</f>
        <v>6.0172881900497108</v>
      </c>
      <c r="M775" s="58">
        <f>Bühler!M801</f>
        <v>0</v>
      </c>
      <c r="N775" s="56">
        <f>IF(Input!$D$19=1,J775*Input!$C$19,0)+IF(Input!$D$20=1,K775*Input!$C$20,0)+IF(Input!$D$21=1,L775*Input!$C$21,0)+IF(Input!$D$22=1,M775*Input!$C$22,0)</f>
        <v>0.25072034125207127</v>
      </c>
      <c r="O775" s="59">
        <f>IF(Input!$D$19=2,J775*Input!$C$19,0)+IF(Input!$D$20=2,K775*Input!$C$20,0)+IF(Input!$D$21=2,L775*Input!$C$21,0)+IF(Input!$D$22=2,M775*Input!$C$22,0)</f>
        <v>0.62680085313017819</v>
      </c>
      <c r="P775" s="59">
        <f>IF(Input!$D$19=3,J775*Input!$C$19,0)+IF(Input!$D$20=3,K775*Input!$C$20,0)+IF(Input!$D$21=3,L775*Input!$C$21,0)+IF(Input!$D$22=3,M775*Input!$C$22,0)</f>
        <v>0</v>
      </c>
      <c r="Q775" s="75">
        <f>IF(Input!$D$19=4,J775*Input!$C$19,0)+IF(Input!$D$20=4,K775*Input!$C$20,0)+IF(Input!$D$21=4,L775*Input!$C$21,0)+IF(Input!$D$22=4,M775*Input!$C$22,0)</f>
        <v>0</v>
      </c>
      <c r="R775" s="58">
        <v>57.544419639625644</v>
      </c>
      <c r="S775" s="124">
        <f t="shared" si="11"/>
        <v>1.086454812092309</v>
      </c>
    </row>
    <row r="776" spans="8:19" x14ac:dyDescent="0.3">
      <c r="H776" s="44">
        <v>769</v>
      </c>
      <c r="I776" s="56">
        <f>Bühler!I802</f>
        <v>0.26312973416547308</v>
      </c>
      <c r="J776" s="59">
        <f>Bühler!J802</f>
        <v>0.87709911388491035</v>
      </c>
      <c r="K776" s="59">
        <f>Bühler!K802</f>
        <v>1.3156486708273654</v>
      </c>
      <c r="L776" s="59">
        <f>Bühler!L802</f>
        <v>6.3151136199713545</v>
      </c>
      <c r="M776" s="58">
        <f>Bühler!M802</f>
        <v>0</v>
      </c>
      <c r="N776" s="56">
        <f>IF(Input!$D$19=1,J776*Input!$C$19,0)+IF(Input!$D$20=1,K776*Input!$C$20,0)+IF(Input!$D$21=1,L776*Input!$C$21,0)+IF(Input!$D$22=1,M776*Input!$C$22,0)</f>
        <v>0.26312973416547308</v>
      </c>
      <c r="O776" s="59">
        <f>IF(Input!$D$19=2,J776*Input!$C$19,0)+IF(Input!$D$20=2,K776*Input!$C$20,0)+IF(Input!$D$21=2,L776*Input!$C$21,0)+IF(Input!$D$22=2,M776*Input!$C$22,0)</f>
        <v>0.65782433541368268</v>
      </c>
      <c r="P776" s="59">
        <f>IF(Input!$D$19=3,J776*Input!$C$19,0)+IF(Input!$D$20=3,K776*Input!$C$20,0)+IF(Input!$D$21=3,L776*Input!$C$21,0)+IF(Input!$D$22=3,M776*Input!$C$22,0)</f>
        <v>0</v>
      </c>
      <c r="Q776" s="75">
        <f>IF(Input!$D$19=4,J776*Input!$C$19,0)+IF(Input!$D$20=4,K776*Input!$C$20,0)+IF(Input!$D$21=4,L776*Input!$C$21,0)+IF(Input!$D$22=4,M776*Input!$C$22,0)</f>
        <v>0</v>
      </c>
      <c r="R776" s="58">
        <v>56.930952826230879</v>
      </c>
      <c r="S776" s="124">
        <f t="shared" si="11"/>
        <v>1.1402288480503835</v>
      </c>
    </row>
    <row r="777" spans="8:19" x14ac:dyDescent="0.3">
      <c r="H777" s="44">
        <v>770</v>
      </c>
      <c r="I777" s="56">
        <f>Bühler!I803</f>
        <v>0.26312973416547308</v>
      </c>
      <c r="J777" s="59">
        <f>Bühler!J803</f>
        <v>0.87709911388491035</v>
      </c>
      <c r="K777" s="59">
        <f>Bühler!K803</f>
        <v>1.3156486708273654</v>
      </c>
      <c r="L777" s="59">
        <f>Bühler!L803</f>
        <v>6.3151136199713545</v>
      </c>
      <c r="M777" s="58">
        <f>Bühler!M803</f>
        <v>0</v>
      </c>
      <c r="N777" s="56">
        <f>IF(Input!$D$19=1,J777*Input!$C$19,0)+IF(Input!$D$20=1,K777*Input!$C$20,0)+IF(Input!$D$21=1,L777*Input!$C$21,0)+IF(Input!$D$22=1,M777*Input!$C$22,0)</f>
        <v>0.26312973416547308</v>
      </c>
      <c r="O777" s="59">
        <f>IF(Input!$D$19=2,J777*Input!$C$19,0)+IF(Input!$D$20=2,K777*Input!$C$20,0)+IF(Input!$D$21=2,L777*Input!$C$21,0)+IF(Input!$D$22=2,M777*Input!$C$22,0)</f>
        <v>0.65782433541368268</v>
      </c>
      <c r="P777" s="59">
        <f>IF(Input!$D$19=3,J777*Input!$C$19,0)+IF(Input!$D$20=3,K777*Input!$C$20,0)+IF(Input!$D$21=3,L777*Input!$C$21,0)+IF(Input!$D$22=3,M777*Input!$C$22,0)</f>
        <v>0</v>
      </c>
      <c r="Q777" s="75">
        <f>IF(Input!$D$19=4,J777*Input!$C$19,0)+IF(Input!$D$20=4,K777*Input!$C$20,0)+IF(Input!$D$21=4,L777*Input!$C$21,0)+IF(Input!$D$22=4,M777*Input!$C$22,0)</f>
        <v>0</v>
      </c>
      <c r="R777" s="58">
        <v>57.053519076175029</v>
      </c>
      <c r="S777" s="124">
        <f t="shared" ref="S777:S840" si="12">I777+J777</f>
        <v>1.1402288480503835</v>
      </c>
    </row>
    <row r="778" spans="8:19" x14ac:dyDescent="0.3">
      <c r="H778" s="44">
        <v>771</v>
      </c>
      <c r="I778" s="56">
        <f>Bühler!I804</f>
        <v>0.26312973416547308</v>
      </c>
      <c r="J778" s="59">
        <f>Bühler!J804</f>
        <v>0.87709911388491035</v>
      </c>
      <c r="K778" s="59">
        <f>Bühler!K804</f>
        <v>1.3156486708273654</v>
      </c>
      <c r="L778" s="59">
        <f>Bühler!L804</f>
        <v>6.3151136199713545</v>
      </c>
      <c r="M778" s="58">
        <f>Bühler!M804</f>
        <v>0</v>
      </c>
      <c r="N778" s="56">
        <f>IF(Input!$D$19=1,J778*Input!$C$19,0)+IF(Input!$D$20=1,K778*Input!$C$20,0)+IF(Input!$D$21=1,L778*Input!$C$21,0)+IF(Input!$D$22=1,M778*Input!$C$22,0)</f>
        <v>0.26312973416547308</v>
      </c>
      <c r="O778" s="59">
        <f>IF(Input!$D$19=2,J778*Input!$C$19,0)+IF(Input!$D$20=2,K778*Input!$C$20,0)+IF(Input!$D$21=2,L778*Input!$C$21,0)+IF(Input!$D$22=2,M778*Input!$C$22,0)</f>
        <v>0.65782433541368268</v>
      </c>
      <c r="P778" s="59">
        <f>IF(Input!$D$19=3,J778*Input!$C$19,0)+IF(Input!$D$20=3,K778*Input!$C$20,0)+IF(Input!$D$21=3,L778*Input!$C$21,0)+IF(Input!$D$22=3,M778*Input!$C$22,0)</f>
        <v>0</v>
      </c>
      <c r="Q778" s="75">
        <f>IF(Input!$D$19=4,J778*Input!$C$19,0)+IF(Input!$D$20=4,K778*Input!$C$20,0)+IF(Input!$D$21=4,L778*Input!$C$21,0)+IF(Input!$D$22=4,M778*Input!$C$22,0)</f>
        <v>0</v>
      </c>
      <c r="R778" s="58">
        <v>56.777162421938577</v>
      </c>
      <c r="S778" s="124">
        <f t="shared" si="12"/>
        <v>1.1402288480503835</v>
      </c>
    </row>
    <row r="779" spans="8:19" x14ac:dyDescent="0.3">
      <c r="H779" s="44">
        <v>772</v>
      </c>
      <c r="I779" s="56">
        <f>Bühler!I805</f>
        <v>0.26312973416547308</v>
      </c>
      <c r="J779" s="59">
        <f>Bühler!J805</f>
        <v>0.87709911388491035</v>
      </c>
      <c r="K779" s="59">
        <f>Bühler!K805</f>
        <v>1.3156486708273654</v>
      </c>
      <c r="L779" s="59">
        <f>Bühler!L805</f>
        <v>6.3151136199713545</v>
      </c>
      <c r="M779" s="58">
        <f>Bühler!M805</f>
        <v>0</v>
      </c>
      <c r="N779" s="56">
        <f>IF(Input!$D$19=1,J779*Input!$C$19,0)+IF(Input!$D$20=1,K779*Input!$C$20,0)+IF(Input!$D$21=1,L779*Input!$C$21,0)+IF(Input!$D$22=1,M779*Input!$C$22,0)</f>
        <v>0.26312973416547308</v>
      </c>
      <c r="O779" s="59">
        <f>IF(Input!$D$19=2,J779*Input!$C$19,0)+IF(Input!$D$20=2,K779*Input!$C$20,0)+IF(Input!$D$21=2,L779*Input!$C$21,0)+IF(Input!$D$22=2,M779*Input!$C$22,0)</f>
        <v>0.65782433541368268</v>
      </c>
      <c r="P779" s="59">
        <f>IF(Input!$D$19=3,J779*Input!$C$19,0)+IF(Input!$D$20=3,K779*Input!$C$20,0)+IF(Input!$D$21=3,L779*Input!$C$21,0)+IF(Input!$D$22=3,M779*Input!$C$22,0)</f>
        <v>0</v>
      </c>
      <c r="Q779" s="75">
        <f>IF(Input!$D$19=4,J779*Input!$C$19,0)+IF(Input!$D$20=4,K779*Input!$C$20,0)+IF(Input!$D$21=4,L779*Input!$C$21,0)+IF(Input!$D$22=4,M779*Input!$C$22,0)</f>
        <v>0</v>
      </c>
      <c r="R779" s="58">
        <v>56.760529930065054</v>
      </c>
      <c r="S779" s="124">
        <f t="shared" si="12"/>
        <v>1.1402288480503835</v>
      </c>
    </row>
    <row r="780" spans="8:19" x14ac:dyDescent="0.3">
      <c r="H780" s="44">
        <v>773</v>
      </c>
      <c r="I780" s="56">
        <f>Bühler!I806</f>
        <v>0.26312973416547308</v>
      </c>
      <c r="J780" s="59">
        <f>Bühler!J806</f>
        <v>0.87709911388491035</v>
      </c>
      <c r="K780" s="59">
        <f>Bühler!K806</f>
        <v>1.3156486708273654</v>
      </c>
      <c r="L780" s="59">
        <f>Bühler!L806</f>
        <v>6.3151136199713545</v>
      </c>
      <c r="M780" s="58">
        <f>Bühler!M806</f>
        <v>0</v>
      </c>
      <c r="N780" s="56">
        <f>IF(Input!$D$19=1,J780*Input!$C$19,0)+IF(Input!$D$20=1,K780*Input!$C$20,0)+IF(Input!$D$21=1,L780*Input!$C$21,0)+IF(Input!$D$22=1,M780*Input!$C$22,0)</f>
        <v>0.26312973416547308</v>
      </c>
      <c r="O780" s="59">
        <f>IF(Input!$D$19=2,J780*Input!$C$19,0)+IF(Input!$D$20=2,K780*Input!$C$20,0)+IF(Input!$D$21=2,L780*Input!$C$21,0)+IF(Input!$D$22=2,M780*Input!$C$22,0)</f>
        <v>0.65782433541368268</v>
      </c>
      <c r="P780" s="59">
        <f>IF(Input!$D$19=3,J780*Input!$C$19,0)+IF(Input!$D$20=3,K780*Input!$C$20,0)+IF(Input!$D$21=3,L780*Input!$C$21,0)+IF(Input!$D$22=3,M780*Input!$C$22,0)</f>
        <v>0</v>
      </c>
      <c r="Q780" s="75">
        <f>IF(Input!$D$19=4,J780*Input!$C$19,0)+IF(Input!$D$20=4,K780*Input!$C$20,0)+IF(Input!$D$21=4,L780*Input!$C$21,0)+IF(Input!$D$22=4,M780*Input!$C$22,0)</f>
        <v>0</v>
      </c>
      <c r="R780" s="58">
        <v>57.89171501851812</v>
      </c>
      <c r="S780" s="124">
        <f t="shared" si="12"/>
        <v>1.1402288480503835</v>
      </c>
    </row>
    <row r="781" spans="8:19" x14ac:dyDescent="0.3">
      <c r="H781" s="44">
        <v>774</v>
      </c>
      <c r="I781" s="56">
        <f>Bühler!I807</f>
        <v>0.33914499070216536</v>
      </c>
      <c r="J781" s="59">
        <f>Bühler!J807</f>
        <v>1.1304833023405514</v>
      </c>
      <c r="K781" s="59">
        <f>Bühler!K807</f>
        <v>1.6957249535108267</v>
      </c>
      <c r="L781" s="59">
        <f>Bühler!L807</f>
        <v>8.1394797768519691</v>
      </c>
      <c r="M781" s="58">
        <f>Bühler!M807</f>
        <v>0</v>
      </c>
      <c r="N781" s="56">
        <f>IF(Input!$D$19=1,J781*Input!$C$19,0)+IF(Input!$D$20=1,K781*Input!$C$20,0)+IF(Input!$D$21=1,L781*Input!$C$21,0)+IF(Input!$D$22=1,M781*Input!$C$22,0)</f>
        <v>0.33914499070216542</v>
      </c>
      <c r="O781" s="59">
        <f>IF(Input!$D$19=2,J781*Input!$C$19,0)+IF(Input!$D$20=2,K781*Input!$C$20,0)+IF(Input!$D$21=2,L781*Input!$C$21,0)+IF(Input!$D$22=2,M781*Input!$C$22,0)</f>
        <v>0.84786247675541337</v>
      </c>
      <c r="P781" s="59">
        <f>IF(Input!$D$19=3,J781*Input!$C$19,0)+IF(Input!$D$20=3,K781*Input!$C$20,0)+IF(Input!$D$21=3,L781*Input!$C$21,0)+IF(Input!$D$22=3,M781*Input!$C$22,0)</f>
        <v>0</v>
      </c>
      <c r="Q781" s="75">
        <f>IF(Input!$D$19=4,J781*Input!$C$19,0)+IF(Input!$D$20=4,K781*Input!$C$20,0)+IF(Input!$D$21=4,L781*Input!$C$21,0)+IF(Input!$D$22=4,M781*Input!$C$22,0)</f>
        <v>0</v>
      </c>
      <c r="R781" s="58">
        <v>60.991369765662796</v>
      </c>
      <c r="S781" s="124">
        <f t="shared" si="12"/>
        <v>1.4696282930427167</v>
      </c>
    </row>
    <row r="782" spans="8:19" x14ac:dyDescent="0.3">
      <c r="H782" s="44">
        <v>775</v>
      </c>
      <c r="I782" s="56">
        <f>Bühler!I808</f>
        <v>0.40931291981295825</v>
      </c>
      <c r="J782" s="59">
        <f>Bühler!J808</f>
        <v>1.3643763993765277</v>
      </c>
      <c r="K782" s="59">
        <f>Bühler!K808</f>
        <v>2.0465645990647912</v>
      </c>
      <c r="L782" s="59">
        <f>Bühler!L808</f>
        <v>9.823510075510999</v>
      </c>
      <c r="M782" s="58">
        <f>Bühler!M808</f>
        <v>0</v>
      </c>
      <c r="N782" s="56">
        <f>IF(Input!$D$19=1,J782*Input!$C$19,0)+IF(Input!$D$20=1,K782*Input!$C$20,0)+IF(Input!$D$21=1,L782*Input!$C$21,0)+IF(Input!$D$22=1,M782*Input!$C$22,0)</f>
        <v>0.40931291981295831</v>
      </c>
      <c r="O782" s="59">
        <f>IF(Input!$D$19=2,J782*Input!$C$19,0)+IF(Input!$D$20=2,K782*Input!$C$20,0)+IF(Input!$D$21=2,L782*Input!$C$21,0)+IF(Input!$D$22=2,M782*Input!$C$22,0)</f>
        <v>1.0232822995323956</v>
      </c>
      <c r="P782" s="59">
        <f>IF(Input!$D$19=3,J782*Input!$C$19,0)+IF(Input!$D$20=3,K782*Input!$C$20,0)+IF(Input!$D$21=3,L782*Input!$C$21,0)+IF(Input!$D$22=3,M782*Input!$C$22,0)</f>
        <v>0</v>
      </c>
      <c r="Q782" s="75">
        <f>IF(Input!$D$19=4,J782*Input!$C$19,0)+IF(Input!$D$20=4,K782*Input!$C$20,0)+IF(Input!$D$21=4,L782*Input!$C$21,0)+IF(Input!$D$22=4,M782*Input!$C$22,0)</f>
        <v>0</v>
      </c>
      <c r="R782" s="58">
        <v>64.462175496864802</v>
      </c>
      <c r="S782" s="124">
        <f t="shared" si="12"/>
        <v>1.773689319189486</v>
      </c>
    </row>
    <row r="783" spans="8:19" x14ac:dyDescent="0.3">
      <c r="H783" s="44">
        <v>776</v>
      </c>
      <c r="I783" s="56">
        <f>Bühler!I809</f>
        <v>0.40931291981295825</v>
      </c>
      <c r="J783" s="59">
        <f>Bühler!J809</f>
        <v>1.3643763993765277</v>
      </c>
      <c r="K783" s="59">
        <f>Bühler!K809</f>
        <v>2.0465645990647912</v>
      </c>
      <c r="L783" s="59">
        <f>Bühler!L809</f>
        <v>9.823510075510999</v>
      </c>
      <c r="M783" s="58">
        <f>Bühler!M809</f>
        <v>0</v>
      </c>
      <c r="N783" s="56">
        <f>IF(Input!$D$19=1,J783*Input!$C$19,0)+IF(Input!$D$20=1,K783*Input!$C$20,0)+IF(Input!$D$21=1,L783*Input!$C$21,0)+IF(Input!$D$22=1,M783*Input!$C$22,0)</f>
        <v>0.40931291981295831</v>
      </c>
      <c r="O783" s="59">
        <f>IF(Input!$D$19=2,J783*Input!$C$19,0)+IF(Input!$D$20=2,K783*Input!$C$20,0)+IF(Input!$D$21=2,L783*Input!$C$21,0)+IF(Input!$D$22=2,M783*Input!$C$22,0)</f>
        <v>1.0232822995323956</v>
      </c>
      <c r="P783" s="59">
        <f>IF(Input!$D$19=3,J783*Input!$C$19,0)+IF(Input!$D$20=3,K783*Input!$C$20,0)+IF(Input!$D$21=3,L783*Input!$C$21,0)+IF(Input!$D$22=3,M783*Input!$C$22,0)</f>
        <v>0</v>
      </c>
      <c r="Q783" s="75">
        <f>IF(Input!$D$19=4,J783*Input!$C$19,0)+IF(Input!$D$20=4,K783*Input!$C$20,0)+IF(Input!$D$21=4,L783*Input!$C$21,0)+IF(Input!$D$22=4,M783*Input!$C$22,0)</f>
        <v>0</v>
      </c>
      <c r="R783" s="58">
        <v>65.810615466630878</v>
      </c>
      <c r="S783" s="124">
        <f t="shared" si="12"/>
        <v>1.773689319189486</v>
      </c>
    </row>
    <row r="784" spans="8:19" x14ac:dyDescent="0.3">
      <c r="H784" s="44">
        <v>777</v>
      </c>
      <c r="I784" s="56">
        <f>Bühler!I810</f>
        <v>0.40931291981295825</v>
      </c>
      <c r="J784" s="59">
        <f>Bühler!J810</f>
        <v>1.3643763993765277</v>
      </c>
      <c r="K784" s="59">
        <f>Bühler!K810</f>
        <v>2.0465645990647912</v>
      </c>
      <c r="L784" s="59">
        <f>Bühler!L810</f>
        <v>9.823510075510999</v>
      </c>
      <c r="M784" s="58">
        <f>Bühler!M810</f>
        <v>0</v>
      </c>
      <c r="N784" s="56">
        <f>IF(Input!$D$19=1,J784*Input!$C$19,0)+IF(Input!$D$20=1,K784*Input!$C$20,0)+IF(Input!$D$21=1,L784*Input!$C$21,0)+IF(Input!$D$22=1,M784*Input!$C$22,0)</f>
        <v>0.40931291981295831</v>
      </c>
      <c r="O784" s="59">
        <f>IF(Input!$D$19=2,J784*Input!$C$19,0)+IF(Input!$D$20=2,K784*Input!$C$20,0)+IF(Input!$D$21=2,L784*Input!$C$21,0)+IF(Input!$D$22=2,M784*Input!$C$22,0)</f>
        <v>1.0232822995323956</v>
      </c>
      <c r="P784" s="59">
        <f>IF(Input!$D$19=3,J784*Input!$C$19,0)+IF(Input!$D$20=3,K784*Input!$C$20,0)+IF(Input!$D$21=3,L784*Input!$C$21,0)+IF(Input!$D$22=3,M784*Input!$C$22,0)</f>
        <v>0</v>
      </c>
      <c r="Q784" s="75">
        <f>IF(Input!$D$19=4,J784*Input!$C$19,0)+IF(Input!$D$20=4,K784*Input!$C$20,0)+IF(Input!$D$21=4,L784*Input!$C$21,0)+IF(Input!$D$22=4,M784*Input!$C$22,0)</f>
        <v>0</v>
      </c>
      <c r="R784" s="58">
        <v>66.297837649419122</v>
      </c>
      <c r="S784" s="124">
        <f t="shared" si="12"/>
        <v>1.773689319189486</v>
      </c>
    </row>
    <row r="785" spans="8:19" x14ac:dyDescent="0.3">
      <c r="H785" s="44">
        <v>778</v>
      </c>
      <c r="I785" s="56">
        <f>Bühler!I811</f>
        <v>0.43854955694245529</v>
      </c>
      <c r="J785" s="59">
        <f>Bühler!J811</f>
        <v>1.4618318564748511</v>
      </c>
      <c r="K785" s="59">
        <f>Bühler!K811</f>
        <v>2.1927477847122763</v>
      </c>
      <c r="L785" s="59">
        <f>Bühler!L811</f>
        <v>10.525189366618926</v>
      </c>
      <c r="M785" s="58">
        <f>Bühler!M811</f>
        <v>0</v>
      </c>
      <c r="N785" s="56">
        <f>IF(Input!$D$19=1,J785*Input!$C$19,0)+IF(Input!$D$20=1,K785*Input!$C$20,0)+IF(Input!$D$21=1,L785*Input!$C$21,0)+IF(Input!$D$22=1,M785*Input!$C$22,0)</f>
        <v>0.43854955694245534</v>
      </c>
      <c r="O785" s="59">
        <f>IF(Input!$D$19=2,J785*Input!$C$19,0)+IF(Input!$D$20=2,K785*Input!$C$20,0)+IF(Input!$D$21=2,L785*Input!$C$21,0)+IF(Input!$D$22=2,M785*Input!$C$22,0)</f>
        <v>1.0963738923561381</v>
      </c>
      <c r="P785" s="59">
        <f>IF(Input!$D$19=3,J785*Input!$C$19,0)+IF(Input!$D$20=3,K785*Input!$C$20,0)+IF(Input!$D$21=3,L785*Input!$C$21,0)+IF(Input!$D$22=3,M785*Input!$C$22,0)</f>
        <v>0</v>
      </c>
      <c r="Q785" s="75">
        <f>IF(Input!$D$19=4,J785*Input!$C$19,0)+IF(Input!$D$20=4,K785*Input!$C$20,0)+IF(Input!$D$21=4,L785*Input!$C$21,0)+IF(Input!$D$22=4,M785*Input!$C$22,0)</f>
        <v>0</v>
      </c>
      <c r="R785" s="58">
        <v>65.31332139230588</v>
      </c>
      <c r="S785" s="124">
        <f t="shared" si="12"/>
        <v>1.9003814134173065</v>
      </c>
    </row>
    <row r="786" spans="8:19" x14ac:dyDescent="0.3">
      <c r="H786" s="44">
        <v>779</v>
      </c>
      <c r="I786" s="56">
        <f>Bühler!I812</f>
        <v>0.45609153922015344</v>
      </c>
      <c r="J786" s="59">
        <f>Bühler!J812</f>
        <v>1.5203051307338449</v>
      </c>
      <c r="K786" s="59">
        <f>Bühler!K812</f>
        <v>2.280457696100767</v>
      </c>
      <c r="L786" s="59">
        <f>Bühler!L812</f>
        <v>10.946196941283683</v>
      </c>
      <c r="M786" s="58">
        <f>Bühler!M812</f>
        <v>0</v>
      </c>
      <c r="N786" s="56">
        <f>IF(Input!$D$19=1,J786*Input!$C$19,0)+IF(Input!$D$20=1,K786*Input!$C$20,0)+IF(Input!$D$21=1,L786*Input!$C$21,0)+IF(Input!$D$22=1,M786*Input!$C$22,0)</f>
        <v>0.45609153922015344</v>
      </c>
      <c r="O786" s="59">
        <f>IF(Input!$D$19=2,J786*Input!$C$19,0)+IF(Input!$D$20=2,K786*Input!$C$20,0)+IF(Input!$D$21=2,L786*Input!$C$21,0)+IF(Input!$D$22=2,M786*Input!$C$22,0)</f>
        <v>1.1402288480503835</v>
      </c>
      <c r="P786" s="59">
        <f>IF(Input!$D$19=3,J786*Input!$C$19,0)+IF(Input!$D$20=3,K786*Input!$C$20,0)+IF(Input!$D$21=3,L786*Input!$C$21,0)+IF(Input!$D$22=3,M786*Input!$C$22,0)</f>
        <v>0</v>
      </c>
      <c r="Q786" s="75">
        <f>IF(Input!$D$19=4,J786*Input!$C$19,0)+IF(Input!$D$20=4,K786*Input!$C$20,0)+IF(Input!$D$21=4,L786*Input!$C$21,0)+IF(Input!$D$22=4,M786*Input!$C$22,0)</f>
        <v>0</v>
      </c>
      <c r="R786" s="58">
        <v>66.236107439020344</v>
      </c>
      <c r="S786" s="124">
        <f t="shared" si="12"/>
        <v>1.9763966699539983</v>
      </c>
    </row>
    <row r="787" spans="8:19" x14ac:dyDescent="0.3">
      <c r="H787" s="44">
        <v>780</v>
      </c>
      <c r="I787" s="56">
        <f>Bühler!I813</f>
        <v>0.52625946833094617</v>
      </c>
      <c r="J787" s="59">
        <f>Bühler!J813</f>
        <v>1.7541982277698207</v>
      </c>
      <c r="K787" s="59">
        <f>Bühler!K813</f>
        <v>2.6312973416547307</v>
      </c>
      <c r="L787" s="59">
        <f>Bühler!L813</f>
        <v>12.630227239942709</v>
      </c>
      <c r="M787" s="58">
        <f>Bühler!M813</f>
        <v>0</v>
      </c>
      <c r="N787" s="56">
        <f>IF(Input!$D$19=1,J787*Input!$C$19,0)+IF(Input!$D$20=1,K787*Input!$C$20,0)+IF(Input!$D$21=1,L787*Input!$C$21,0)+IF(Input!$D$22=1,M787*Input!$C$22,0)</f>
        <v>0.52625946833094617</v>
      </c>
      <c r="O787" s="59">
        <f>IF(Input!$D$19=2,J787*Input!$C$19,0)+IF(Input!$D$20=2,K787*Input!$C$20,0)+IF(Input!$D$21=2,L787*Input!$C$21,0)+IF(Input!$D$22=2,M787*Input!$C$22,0)</f>
        <v>1.3156486708273654</v>
      </c>
      <c r="P787" s="59">
        <f>IF(Input!$D$19=3,J787*Input!$C$19,0)+IF(Input!$D$20=3,K787*Input!$C$20,0)+IF(Input!$D$21=3,L787*Input!$C$21,0)+IF(Input!$D$22=3,M787*Input!$C$22,0)</f>
        <v>0</v>
      </c>
      <c r="Q787" s="75">
        <f>IF(Input!$D$19=4,J787*Input!$C$19,0)+IF(Input!$D$20=4,K787*Input!$C$20,0)+IF(Input!$D$21=4,L787*Input!$C$21,0)+IF(Input!$D$22=4,M787*Input!$C$22,0)</f>
        <v>0</v>
      </c>
      <c r="R787" s="58">
        <v>65.69716113326794</v>
      </c>
      <c r="S787" s="124">
        <f t="shared" si="12"/>
        <v>2.280457696100767</v>
      </c>
    </row>
    <row r="788" spans="8:19" x14ac:dyDescent="0.3">
      <c r="H788" s="44">
        <v>781</v>
      </c>
      <c r="I788" s="56">
        <f>Bühler!I814</f>
        <v>0.52625946833094617</v>
      </c>
      <c r="J788" s="59">
        <f>Bühler!J814</f>
        <v>1.7541982277698207</v>
      </c>
      <c r="K788" s="59">
        <f>Bühler!K814</f>
        <v>2.6312973416547307</v>
      </c>
      <c r="L788" s="59">
        <f>Bühler!L814</f>
        <v>12.630227239942709</v>
      </c>
      <c r="M788" s="58">
        <f>Bühler!M814</f>
        <v>0</v>
      </c>
      <c r="N788" s="56">
        <f>IF(Input!$D$19=1,J788*Input!$C$19,0)+IF(Input!$D$20=1,K788*Input!$C$20,0)+IF(Input!$D$21=1,L788*Input!$C$21,0)+IF(Input!$D$22=1,M788*Input!$C$22,0)</f>
        <v>0.52625946833094617</v>
      </c>
      <c r="O788" s="59">
        <f>IF(Input!$D$19=2,J788*Input!$C$19,0)+IF(Input!$D$20=2,K788*Input!$C$20,0)+IF(Input!$D$21=2,L788*Input!$C$21,0)+IF(Input!$D$22=2,M788*Input!$C$22,0)</f>
        <v>1.3156486708273654</v>
      </c>
      <c r="P788" s="59">
        <f>IF(Input!$D$19=3,J788*Input!$C$19,0)+IF(Input!$D$20=3,K788*Input!$C$20,0)+IF(Input!$D$21=3,L788*Input!$C$21,0)+IF(Input!$D$22=3,M788*Input!$C$22,0)</f>
        <v>0</v>
      </c>
      <c r="Q788" s="75">
        <f>IF(Input!$D$19=4,J788*Input!$C$19,0)+IF(Input!$D$20=4,K788*Input!$C$20,0)+IF(Input!$D$21=4,L788*Input!$C$21,0)+IF(Input!$D$22=4,M788*Input!$C$22,0)</f>
        <v>0</v>
      </c>
      <c r="R788" s="58">
        <v>64.316375848471935</v>
      </c>
      <c r="S788" s="124">
        <f t="shared" si="12"/>
        <v>2.280457696100767</v>
      </c>
    </row>
    <row r="789" spans="8:19" x14ac:dyDescent="0.3">
      <c r="H789" s="44">
        <v>782</v>
      </c>
      <c r="I789" s="56">
        <f>Bühler!I815</f>
        <v>0.52625946833094617</v>
      </c>
      <c r="J789" s="59">
        <f>Bühler!J815</f>
        <v>1.7541982277698207</v>
      </c>
      <c r="K789" s="59">
        <f>Bühler!K815</f>
        <v>2.6312973416547307</v>
      </c>
      <c r="L789" s="59">
        <f>Bühler!L815</f>
        <v>12.630227239942709</v>
      </c>
      <c r="M789" s="58">
        <f>Bühler!M815</f>
        <v>0</v>
      </c>
      <c r="N789" s="56">
        <f>IF(Input!$D$19=1,J789*Input!$C$19,0)+IF(Input!$D$20=1,K789*Input!$C$20,0)+IF(Input!$D$21=1,L789*Input!$C$21,0)+IF(Input!$D$22=1,M789*Input!$C$22,0)</f>
        <v>0.52625946833094617</v>
      </c>
      <c r="O789" s="59">
        <f>IF(Input!$D$19=2,J789*Input!$C$19,0)+IF(Input!$D$20=2,K789*Input!$C$20,0)+IF(Input!$D$21=2,L789*Input!$C$21,0)+IF(Input!$D$22=2,M789*Input!$C$22,0)</f>
        <v>1.3156486708273654</v>
      </c>
      <c r="P789" s="59">
        <f>IF(Input!$D$19=3,J789*Input!$C$19,0)+IF(Input!$D$20=3,K789*Input!$C$20,0)+IF(Input!$D$21=3,L789*Input!$C$21,0)+IF(Input!$D$22=3,M789*Input!$C$22,0)</f>
        <v>0</v>
      </c>
      <c r="Q789" s="75">
        <f>IF(Input!$D$19=4,J789*Input!$C$19,0)+IF(Input!$D$20=4,K789*Input!$C$20,0)+IF(Input!$D$21=4,L789*Input!$C$21,0)+IF(Input!$D$22=4,M789*Input!$C$22,0)</f>
        <v>0</v>
      </c>
      <c r="R789" s="58">
        <v>63.594539662222168</v>
      </c>
      <c r="S789" s="124">
        <f t="shared" si="12"/>
        <v>2.280457696100767</v>
      </c>
    </row>
    <row r="790" spans="8:19" x14ac:dyDescent="0.3">
      <c r="H790" s="44">
        <v>783</v>
      </c>
      <c r="I790" s="56">
        <f>Bühler!I816</f>
        <v>0.52625946833094617</v>
      </c>
      <c r="J790" s="59">
        <f>Bühler!J816</f>
        <v>1.7541982277698207</v>
      </c>
      <c r="K790" s="59">
        <f>Bühler!K816</f>
        <v>2.6312973416547307</v>
      </c>
      <c r="L790" s="59">
        <f>Bühler!L816</f>
        <v>12.630227239942709</v>
      </c>
      <c r="M790" s="58">
        <f>Bühler!M816</f>
        <v>0</v>
      </c>
      <c r="N790" s="56">
        <f>IF(Input!$D$19=1,J790*Input!$C$19,0)+IF(Input!$D$20=1,K790*Input!$C$20,0)+IF(Input!$D$21=1,L790*Input!$C$21,0)+IF(Input!$D$22=1,M790*Input!$C$22,0)</f>
        <v>0.52625946833094617</v>
      </c>
      <c r="O790" s="59">
        <f>IF(Input!$D$19=2,J790*Input!$C$19,0)+IF(Input!$D$20=2,K790*Input!$C$20,0)+IF(Input!$D$21=2,L790*Input!$C$21,0)+IF(Input!$D$22=2,M790*Input!$C$22,0)</f>
        <v>1.3156486708273654</v>
      </c>
      <c r="P790" s="59">
        <f>IF(Input!$D$19=3,J790*Input!$C$19,0)+IF(Input!$D$20=3,K790*Input!$C$20,0)+IF(Input!$D$21=3,L790*Input!$C$21,0)+IF(Input!$D$22=3,M790*Input!$C$22,0)</f>
        <v>0</v>
      </c>
      <c r="Q790" s="75">
        <f>IF(Input!$D$19=4,J790*Input!$C$19,0)+IF(Input!$D$20=4,K790*Input!$C$20,0)+IF(Input!$D$21=4,L790*Input!$C$21,0)+IF(Input!$D$22=4,M790*Input!$C$22,0)</f>
        <v>0</v>
      </c>
      <c r="R790" s="58">
        <v>63.588068265180965</v>
      </c>
      <c r="S790" s="124">
        <f t="shared" si="12"/>
        <v>2.280457696100767</v>
      </c>
    </row>
    <row r="791" spans="8:19" x14ac:dyDescent="0.3">
      <c r="H791" s="44">
        <v>784</v>
      </c>
      <c r="I791" s="56">
        <f>Bühler!I817</f>
        <v>0.43854955694245529</v>
      </c>
      <c r="J791" s="59">
        <f>Bühler!J817</f>
        <v>1.4618318564748511</v>
      </c>
      <c r="K791" s="59">
        <f>Bühler!K817</f>
        <v>2.1927477847122763</v>
      </c>
      <c r="L791" s="59">
        <f>Bühler!L817</f>
        <v>10.525189366618926</v>
      </c>
      <c r="M791" s="58">
        <f>Bühler!M817</f>
        <v>0</v>
      </c>
      <c r="N791" s="56">
        <f>IF(Input!$D$19=1,J791*Input!$C$19,0)+IF(Input!$D$20=1,K791*Input!$C$20,0)+IF(Input!$D$21=1,L791*Input!$C$21,0)+IF(Input!$D$22=1,M791*Input!$C$22,0)</f>
        <v>0.43854955694245534</v>
      </c>
      <c r="O791" s="59">
        <f>IF(Input!$D$19=2,J791*Input!$C$19,0)+IF(Input!$D$20=2,K791*Input!$C$20,0)+IF(Input!$D$21=2,L791*Input!$C$21,0)+IF(Input!$D$22=2,M791*Input!$C$22,0)</f>
        <v>1.0963738923561381</v>
      </c>
      <c r="P791" s="59">
        <f>IF(Input!$D$19=3,J791*Input!$C$19,0)+IF(Input!$D$20=3,K791*Input!$C$20,0)+IF(Input!$D$21=3,L791*Input!$C$21,0)+IF(Input!$D$22=3,M791*Input!$C$22,0)</f>
        <v>0</v>
      </c>
      <c r="Q791" s="75">
        <f>IF(Input!$D$19=4,J791*Input!$C$19,0)+IF(Input!$D$20=4,K791*Input!$C$20,0)+IF(Input!$D$21=4,L791*Input!$C$21,0)+IF(Input!$D$22=4,M791*Input!$C$22,0)</f>
        <v>0</v>
      </c>
      <c r="R791" s="58">
        <v>61.993940216689722</v>
      </c>
      <c r="S791" s="124">
        <f t="shared" si="12"/>
        <v>1.9003814134173065</v>
      </c>
    </row>
    <row r="792" spans="8:19" x14ac:dyDescent="0.3">
      <c r="H792" s="44">
        <v>785</v>
      </c>
      <c r="I792" s="56">
        <f>Bühler!I818</f>
        <v>0.41516024723885764</v>
      </c>
      <c r="J792" s="59">
        <f>Bühler!J818</f>
        <v>1.3838674907961923</v>
      </c>
      <c r="K792" s="59">
        <f>Bühler!K818</f>
        <v>2.0758012361942884</v>
      </c>
      <c r="L792" s="59">
        <f>Bühler!L818</f>
        <v>9.9638459337325838</v>
      </c>
      <c r="M792" s="58">
        <f>Bühler!M818</f>
        <v>0</v>
      </c>
      <c r="N792" s="56">
        <f>IF(Input!$D$19=1,J792*Input!$C$19,0)+IF(Input!$D$20=1,K792*Input!$C$20,0)+IF(Input!$D$21=1,L792*Input!$C$21,0)+IF(Input!$D$22=1,M792*Input!$C$22,0)</f>
        <v>0.41516024723885769</v>
      </c>
      <c r="O792" s="59">
        <f>IF(Input!$D$19=2,J792*Input!$C$19,0)+IF(Input!$D$20=2,K792*Input!$C$20,0)+IF(Input!$D$21=2,L792*Input!$C$21,0)+IF(Input!$D$22=2,M792*Input!$C$22,0)</f>
        <v>1.0379006180971442</v>
      </c>
      <c r="P792" s="59">
        <f>IF(Input!$D$19=3,J792*Input!$C$19,0)+IF(Input!$D$20=3,K792*Input!$C$20,0)+IF(Input!$D$21=3,L792*Input!$C$21,0)+IF(Input!$D$22=3,M792*Input!$C$22,0)</f>
        <v>0</v>
      </c>
      <c r="Q792" s="75">
        <f>IF(Input!$D$19=4,J792*Input!$C$19,0)+IF(Input!$D$20=4,K792*Input!$C$20,0)+IF(Input!$D$21=4,L792*Input!$C$21,0)+IF(Input!$D$22=4,M792*Input!$C$22,0)</f>
        <v>0</v>
      </c>
      <c r="R792" s="58">
        <v>60.706016150983061</v>
      </c>
      <c r="S792" s="124">
        <f t="shared" si="12"/>
        <v>1.7990277380350499</v>
      </c>
    </row>
    <row r="793" spans="8:19" x14ac:dyDescent="0.3">
      <c r="H793" s="44">
        <v>786</v>
      </c>
      <c r="I793" s="56">
        <f>Bühler!I819</f>
        <v>0.41516024723885764</v>
      </c>
      <c r="J793" s="59">
        <f>Bühler!J819</f>
        <v>1.3838674907961923</v>
      </c>
      <c r="K793" s="59">
        <f>Bühler!K819</f>
        <v>2.0758012361942884</v>
      </c>
      <c r="L793" s="59">
        <f>Bühler!L819</f>
        <v>9.9638459337325838</v>
      </c>
      <c r="M793" s="58">
        <f>Bühler!M819</f>
        <v>0</v>
      </c>
      <c r="N793" s="56">
        <f>IF(Input!$D$19=1,J793*Input!$C$19,0)+IF(Input!$D$20=1,K793*Input!$C$20,0)+IF(Input!$D$21=1,L793*Input!$C$21,0)+IF(Input!$D$22=1,M793*Input!$C$22,0)</f>
        <v>0.41516024723885769</v>
      </c>
      <c r="O793" s="59">
        <f>IF(Input!$D$19=2,J793*Input!$C$19,0)+IF(Input!$D$20=2,K793*Input!$C$20,0)+IF(Input!$D$21=2,L793*Input!$C$21,0)+IF(Input!$D$22=2,M793*Input!$C$22,0)</f>
        <v>1.0379006180971442</v>
      </c>
      <c r="P793" s="59">
        <f>IF(Input!$D$19=3,J793*Input!$C$19,0)+IF(Input!$D$20=3,K793*Input!$C$20,0)+IF(Input!$D$21=3,L793*Input!$C$21,0)+IF(Input!$D$22=3,M793*Input!$C$22,0)</f>
        <v>0</v>
      </c>
      <c r="Q793" s="75">
        <f>IF(Input!$D$19=4,J793*Input!$C$19,0)+IF(Input!$D$20=4,K793*Input!$C$20,0)+IF(Input!$D$21=4,L793*Input!$C$21,0)+IF(Input!$D$22=4,M793*Input!$C$22,0)</f>
        <v>0</v>
      </c>
      <c r="R793" s="58">
        <v>59.350100815598424</v>
      </c>
      <c r="S793" s="124">
        <f t="shared" si="12"/>
        <v>1.7990277380350499</v>
      </c>
    </row>
    <row r="794" spans="8:19" x14ac:dyDescent="0.3">
      <c r="H794" s="44">
        <v>787</v>
      </c>
      <c r="I794" s="56">
        <f>Bühler!I820</f>
        <v>0.41516024723885764</v>
      </c>
      <c r="J794" s="59">
        <f>Bühler!J820</f>
        <v>1.3838674907961923</v>
      </c>
      <c r="K794" s="59">
        <f>Bühler!K820</f>
        <v>2.0758012361942884</v>
      </c>
      <c r="L794" s="59">
        <f>Bühler!L820</f>
        <v>9.9638459337325838</v>
      </c>
      <c r="M794" s="58">
        <f>Bühler!M820</f>
        <v>0</v>
      </c>
      <c r="N794" s="56">
        <f>IF(Input!$D$19=1,J794*Input!$C$19,0)+IF(Input!$D$20=1,K794*Input!$C$20,0)+IF(Input!$D$21=1,L794*Input!$C$21,0)+IF(Input!$D$22=1,M794*Input!$C$22,0)</f>
        <v>0.41516024723885769</v>
      </c>
      <c r="O794" s="59">
        <f>IF(Input!$D$19=2,J794*Input!$C$19,0)+IF(Input!$D$20=2,K794*Input!$C$20,0)+IF(Input!$D$21=2,L794*Input!$C$21,0)+IF(Input!$D$22=2,M794*Input!$C$22,0)</f>
        <v>1.0379006180971442</v>
      </c>
      <c r="P794" s="59">
        <f>IF(Input!$D$19=3,J794*Input!$C$19,0)+IF(Input!$D$20=3,K794*Input!$C$20,0)+IF(Input!$D$21=3,L794*Input!$C$21,0)+IF(Input!$D$22=3,M794*Input!$C$22,0)</f>
        <v>0</v>
      </c>
      <c r="Q794" s="75">
        <f>IF(Input!$D$19=4,J794*Input!$C$19,0)+IF(Input!$D$20=4,K794*Input!$C$20,0)+IF(Input!$D$21=4,L794*Input!$C$21,0)+IF(Input!$D$22=4,M794*Input!$C$22,0)</f>
        <v>0</v>
      </c>
      <c r="R794" s="58">
        <v>57.394747454145005</v>
      </c>
      <c r="S794" s="124">
        <f t="shared" si="12"/>
        <v>1.7990277380350499</v>
      </c>
    </row>
    <row r="795" spans="8:19" x14ac:dyDescent="0.3">
      <c r="H795" s="44">
        <v>788</v>
      </c>
      <c r="I795" s="56">
        <f>Bühler!I821</f>
        <v>0.41516024723885764</v>
      </c>
      <c r="J795" s="59">
        <f>Bühler!J821</f>
        <v>1.3838674907961923</v>
      </c>
      <c r="K795" s="59">
        <f>Bühler!K821</f>
        <v>2.0758012361942884</v>
      </c>
      <c r="L795" s="59">
        <f>Bühler!L821</f>
        <v>9.9638459337325838</v>
      </c>
      <c r="M795" s="58">
        <f>Bühler!M821</f>
        <v>0</v>
      </c>
      <c r="N795" s="56">
        <f>IF(Input!$D$19=1,J795*Input!$C$19,0)+IF(Input!$D$20=1,K795*Input!$C$20,0)+IF(Input!$D$21=1,L795*Input!$C$21,0)+IF(Input!$D$22=1,M795*Input!$C$22,0)</f>
        <v>0.41516024723885769</v>
      </c>
      <c r="O795" s="59">
        <f>IF(Input!$D$19=2,J795*Input!$C$19,0)+IF(Input!$D$20=2,K795*Input!$C$20,0)+IF(Input!$D$21=2,L795*Input!$C$21,0)+IF(Input!$D$22=2,M795*Input!$C$22,0)</f>
        <v>1.0379006180971442</v>
      </c>
      <c r="P795" s="59">
        <f>IF(Input!$D$19=3,J795*Input!$C$19,0)+IF(Input!$D$20=3,K795*Input!$C$20,0)+IF(Input!$D$21=3,L795*Input!$C$21,0)+IF(Input!$D$22=3,M795*Input!$C$22,0)</f>
        <v>0</v>
      </c>
      <c r="Q795" s="75">
        <f>IF(Input!$D$19=4,J795*Input!$C$19,0)+IF(Input!$D$20=4,K795*Input!$C$20,0)+IF(Input!$D$21=4,L795*Input!$C$21,0)+IF(Input!$D$22=4,M795*Input!$C$22,0)</f>
        <v>0</v>
      </c>
      <c r="R795" s="58">
        <v>56.394279890394543</v>
      </c>
      <c r="S795" s="124">
        <f t="shared" si="12"/>
        <v>1.7990277380350499</v>
      </c>
    </row>
    <row r="796" spans="8:19" x14ac:dyDescent="0.3">
      <c r="H796" s="44">
        <v>789</v>
      </c>
      <c r="I796" s="56">
        <f>Bühler!I822</f>
        <v>0.32160300842446715</v>
      </c>
      <c r="J796" s="59">
        <f>Bühler!J822</f>
        <v>1.0720100280815572</v>
      </c>
      <c r="K796" s="59">
        <f>Bühler!K822</f>
        <v>1.6080150421223358</v>
      </c>
      <c r="L796" s="59">
        <f>Bühler!L822</f>
        <v>7.7184722021872112</v>
      </c>
      <c r="M796" s="58">
        <f>Bühler!M822</f>
        <v>0</v>
      </c>
      <c r="N796" s="56">
        <f>IF(Input!$D$19=1,J796*Input!$C$19,0)+IF(Input!$D$20=1,K796*Input!$C$20,0)+IF(Input!$D$21=1,L796*Input!$C$21,0)+IF(Input!$D$22=1,M796*Input!$C$22,0)</f>
        <v>0.32160300842446715</v>
      </c>
      <c r="O796" s="59">
        <f>IF(Input!$D$19=2,J796*Input!$C$19,0)+IF(Input!$D$20=2,K796*Input!$C$20,0)+IF(Input!$D$21=2,L796*Input!$C$21,0)+IF(Input!$D$22=2,M796*Input!$C$22,0)</f>
        <v>0.80400752106116791</v>
      </c>
      <c r="P796" s="59">
        <f>IF(Input!$D$19=3,J796*Input!$C$19,0)+IF(Input!$D$20=3,K796*Input!$C$20,0)+IF(Input!$D$21=3,L796*Input!$C$21,0)+IF(Input!$D$22=3,M796*Input!$C$22,0)</f>
        <v>0</v>
      </c>
      <c r="Q796" s="75">
        <f>IF(Input!$D$19=4,J796*Input!$C$19,0)+IF(Input!$D$20=4,K796*Input!$C$20,0)+IF(Input!$D$21=4,L796*Input!$C$21,0)+IF(Input!$D$22=4,M796*Input!$C$22,0)</f>
        <v>0</v>
      </c>
      <c r="R796" s="58">
        <v>55.651095323533873</v>
      </c>
      <c r="S796" s="124">
        <f t="shared" si="12"/>
        <v>1.3936130365060244</v>
      </c>
    </row>
    <row r="797" spans="8:19" x14ac:dyDescent="0.3">
      <c r="H797" s="44">
        <v>790</v>
      </c>
      <c r="I797" s="56">
        <f>Bühler!I823</f>
        <v>0.12279387594388746</v>
      </c>
      <c r="J797" s="59">
        <f>Bühler!J823</f>
        <v>0.40931291981295825</v>
      </c>
      <c r="K797" s="59">
        <f>Bühler!K823</f>
        <v>0.61396937971943732</v>
      </c>
      <c r="L797" s="59">
        <f>Bühler!L823</f>
        <v>2.9470530226532992</v>
      </c>
      <c r="M797" s="58">
        <f>Bühler!M823</f>
        <v>0</v>
      </c>
      <c r="N797" s="56">
        <f>IF(Input!$D$19=1,J797*Input!$C$19,0)+IF(Input!$D$20=1,K797*Input!$C$20,0)+IF(Input!$D$21=1,L797*Input!$C$21,0)+IF(Input!$D$22=1,M797*Input!$C$22,0)</f>
        <v>0.12279387594388746</v>
      </c>
      <c r="O797" s="59">
        <f>IF(Input!$D$19=2,J797*Input!$C$19,0)+IF(Input!$D$20=2,K797*Input!$C$20,0)+IF(Input!$D$21=2,L797*Input!$C$21,0)+IF(Input!$D$22=2,M797*Input!$C$22,0)</f>
        <v>0.30698468985971866</v>
      </c>
      <c r="P797" s="59">
        <f>IF(Input!$D$19=3,J797*Input!$C$19,0)+IF(Input!$D$20=3,K797*Input!$C$20,0)+IF(Input!$D$21=3,L797*Input!$C$21,0)+IF(Input!$D$22=3,M797*Input!$C$22,0)</f>
        <v>0</v>
      </c>
      <c r="Q797" s="75">
        <f>IF(Input!$D$19=4,J797*Input!$C$19,0)+IF(Input!$D$20=4,K797*Input!$C$20,0)+IF(Input!$D$21=4,L797*Input!$C$21,0)+IF(Input!$D$22=4,M797*Input!$C$22,0)</f>
        <v>0</v>
      </c>
      <c r="R797" s="58">
        <v>53.803928005295255</v>
      </c>
      <c r="S797" s="124">
        <f t="shared" si="12"/>
        <v>0.53210679575684572</v>
      </c>
    </row>
    <row r="798" spans="8:19" x14ac:dyDescent="0.3">
      <c r="H798" s="44">
        <v>791</v>
      </c>
      <c r="I798" s="56">
        <f>Bühler!I824</f>
        <v>0.12279387594388746</v>
      </c>
      <c r="J798" s="59">
        <f>Bühler!J824</f>
        <v>0.40931291981295825</v>
      </c>
      <c r="K798" s="59">
        <f>Bühler!K824</f>
        <v>0.61396937971943732</v>
      </c>
      <c r="L798" s="59">
        <f>Bühler!L824</f>
        <v>2.9470530226532992</v>
      </c>
      <c r="M798" s="58">
        <f>Bühler!M824</f>
        <v>0</v>
      </c>
      <c r="N798" s="56">
        <f>IF(Input!$D$19=1,J798*Input!$C$19,0)+IF(Input!$D$20=1,K798*Input!$C$20,0)+IF(Input!$D$21=1,L798*Input!$C$21,0)+IF(Input!$D$22=1,M798*Input!$C$22,0)</f>
        <v>0.12279387594388746</v>
      </c>
      <c r="O798" s="59">
        <f>IF(Input!$D$19=2,J798*Input!$C$19,0)+IF(Input!$D$20=2,K798*Input!$C$20,0)+IF(Input!$D$21=2,L798*Input!$C$21,0)+IF(Input!$D$22=2,M798*Input!$C$22,0)</f>
        <v>0.30698468985971866</v>
      </c>
      <c r="P798" s="59">
        <f>IF(Input!$D$19=3,J798*Input!$C$19,0)+IF(Input!$D$20=3,K798*Input!$C$20,0)+IF(Input!$D$21=3,L798*Input!$C$21,0)+IF(Input!$D$22=3,M798*Input!$C$22,0)</f>
        <v>0</v>
      </c>
      <c r="Q798" s="75">
        <f>IF(Input!$D$19=4,J798*Input!$C$19,0)+IF(Input!$D$20=4,K798*Input!$C$20,0)+IF(Input!$D$21=4,L798*Input!$C$21,0)+IF(Input!$D$22=4,M798*Input!$C$22,0)</f>
        <v>0</v>
      </c>
      <c r="R798" s="58">
        <v>53.738958860108553</v>
      </c>
      <c r="S798" s="124">
        <f t="shared" si="12"/>
        <v>0.53210679575684572</v>
      </c>
    </row>
    <row r="799" spans="8:19" x14ac:dyDescent="0.3">
      <c r="H799" s="44">
        <v>792</v>
      </c>
      <c r="I799" s="56">
        <f>Bühler!I825</f>
        <v>0.12279387594388746</v>
      </c>
      <c r="J799" s="59">
        <f>Bühler!J825</f>
        <v>0.40931291981295825</v>
      </c>
      <c r="K799" s="59">
        <f>Bühler!K825</f>
        <v>0.61396937971943732</v>
      </c>
      <c r="L799" s="59">
        <f>Bühler!L825</f>
        <v>2.9470530226532992</v>
      </c>
      <c r="M799" s="58">
        <f>Bühler!M825</f>
        <v>0</v>
      </c>
      <c r="N799" s="56">
        <f>IF(Input!$D$19=1,J799*Input!$C$19,0)+IF(Input!$D$20=1,K799*Input!$C$20,0)+IF(Input!$D$21=1,L799*Input!$C$21,0)+IF(Input!$D$22=1,M799*Input!$C$22,0)</f>
        <v>0.12279387594388746</v>
      </c>
      <c r="O799" s="59">
        <f>IF(Input!$D$19=2,J799*Input!$C$19,0)+IF(Input!$D$20=2,K799*Input!$C$20,0)+IF(Input!$D$21=2,L799*Input!$C$21,0)+IF(Input!$D$22=2,M799*Input!$C$22,0)</f>
        <v>0.30698468985971866</v>
      </c>
      <c r="P799" s="59">
        <f>IF(Input!$D$19=3,J799*Input!$C$19,0)+IF(Input!$D$20=3,K799*Input!$C$20,0)+IF(Input!$D$21=3,L799*Input!$C$21,0)+IF(Input!$D$22=3,M799*Input!$C$22,0)</f>
        <v>0</v>
      </c>
      <c r="Q799" s="75">
        <f>IF(Input!$D$19=4,J799*Input!$C$19,0)+IF(Input!$D$20=4,K799*Input!$C$20,0)+IF(Input!$D$21=4,L799*Input!$C$21,0)+IF(Input!$D$22=4,M799*Input!$C$22,0)</f>
        <v>0</v>
      </c>
      <c r="R799" s="58">
        <v>52.762618767591505</v>
      </c>
      <c r="S799" s="124">
        <f t="shared" si="12"/>
        <v>0.53210679575684572</v>
      </c>
    </row>
    <row r="800" spans="8:19" x14ac:dyDescent="0.3">
      <c r="H800" s="44">
        <v>793</v>
      </c>
      <c r="I800" s="56">
        <f>Bühler!I826</f>
        <v>9.6330342429115839E-2</v>
      </c>
      <c r="J800" s="59">
        <f>Bühler!J826</f>
        <v>0.32110114143038621</v>
      </c>
      <c r="K800" s="59">
        <f>Bühler!K826</f>
        <v>0.48165171214557928</v>
      </c>
      <c r="L800" s="59">
        <f>Bühler!L826</f>
        <v>4.6200857751295645</v>
      </c>
      <c r="M800" s="58">
        <f>Bühler!M826</f>
        <v>0</v>
      </c>
      <c r="N800" s="56">
        <f>IF(Input!$D$19=1,J800*Input!$C$19,0)+IF(Input!$D$20=1,K800*Input!$C$20,0)+IF(Input!$D$21=1,L800*Input!$C$21,0)+IF(Input!$D$22=1,M800*Input!$C$22,0)</f>
        <v>9.6330342429115853E-2</v>
      </c>
      <c r="O800" s="59">
        <f>IF(Input!$D$19=2,J800*Input!$C$19,0)+IF(Input!$D$20=2,K800*Input!$C$20,0)+IF(Input!$D$21=2,L800*Input!$C$21,0)+IF(Input!$D$22=2,M800*Input!$C$22,0)</f>
        <v>0.24082585607278964</v>
      </c>
      <c r="P800" s="59">
        <f>IF(Input!$D$19=3,J800*Input!$C$19,0)+IF(Input!$D$20=3,K800*Input!$C$20,0)+IF(Input!$D$21=3,L800*Input!$C$21,0)+IF(Input!$D$22=3,M800*Input!$C$22,0)</f>
        <v>0</v>
      </c>
      <c r="Q800" s="75">
        <f>IF(Input!$D$19=4,J800*Input!$C$19,0)+IF(Input!$D$20=4,K800*Input!$C$20,0)+IF(Input!$D$21=4,L800*Input!$C$21,0)+IF(Input!$D$22=4,M800*Input!$C$22,0)</f>
        <v>0</v>
      </c>
      <c r="R800" s="58">
        <v>51.959567629191802</v>
      </c>
      <c r="S800" s="124">
        <f t="shared" si="12"/>
        <v>0.41743148385950202</v>
      </c>
    </row>
    <row r="801" spans="8:19" x14ac:dyDescent="0.3">
      <c r="H801" s="44">
        <v>794</v>
      </c>
      <c r="I801" s="56">
        <f>Bühler!I827</f>
        <v>0.18807352569494049</v>
      </c>
      <c r="J801" s="59">
        <f>Bühler!J827</f>
        <v>0.62691175231646834</v>
      </c>
      <c r="K801" s="59">
        <f>Bühler!K827</f>
        <v>0.94036762847470257</v>
      </c>
      <c r="L801" s="59">
        <f>Bühler!L827</f>
        <v>9.0201674657291502</v>
      </c>
      <c r="M801" s="58">
        <f>Bühler!M827</f>
        <v>0</v>
      </c>
      <c r="N801" s="56">
        <f>IF(Input!$D$19=1,J801*Input!$C$19,0)+IF(Input!$D$20=1,K801*Input!$C$20,0)+IF(Input!$D$21=1,L801*Input!$C$21,0)+IF(Input!$D$22=1,M801*Input!$C$22,0)</f>
        <v>0.18807352569494049</v>
      </c>
      <c r="O801" s="59">
        <f>IF(Input!$D$19=2,J801*Input!$C$19,0)+IF(Input!$D$20=2,K801*Input!$C$20,0)+IF(Input!$D$21=2,L801*Input!$C$21,0)+IF(Input!$D$22=2,M801*Input!$C$22,0)</f>
        <v>0.47018381423735128</v>
      </c>
      <c r="P801" s="59">
        <f>IF(Input!$D$19=3,J801*Input!$C$19,0)+IF(Input!$D$20=3,K801*Input!$C$20,0)+IF(Input!$D$21=3,L801*Input!$C$21,0)+IF(Input!$D$22=3,M801*Input!$C$22,0)</f>
        <v>0</v>
      </c>
      <c r="Q801" s="75">
        <f>IF(Input!$D$19=4,J801*Input!$C$19,0)+IF(Input!$D$20=4,K801*Input!$C$20,0)+IF(Input!$D$21=4,L801*Input!$C$21,0)+IF(Input!$D$22=4,M801*Input!$C$22,0)</f>
        <v>0</v>
      </c>
      <c r="R801" s="58">
        <v>51.654904501925927</v>
      </c>
      <c r="S801" s="124">
        <f t="shared" si="12"/>
        <v>0.81498527801140885</v>
      </c>
    </row>
    <row r="802" spans="8:19" x14ac:dyDescent="0.3">
      <c r="H802" s="44">
        <v>795</v>
      </c>
      <c r="I802" s="56">
        <f>Bühler!I828</f>
        <v>0.18807352569494049</v>
      </c>
      <c r="J802" s="59">
        <f>Bühler!J828</f>
        <v>0.62691175231646834</v>
      </c>
      <c r="K802" s="59">
        <f>Bühler!K828</f>
        <v>0.94036762847470257</v>
      </c>
      <c r="L802" s="59">
        <f>Bühler!L828</f>
        <v>9.0201674657291502</v>
      </c>
      <c r="M802" s="58">
        <f>Bühler!M828</f>
        <v>0</v>
      </c>
      <c r="N802" s="56">
        <f>IF(Input!$D$19=1,J802*Input!$C$19,0)+IF(Input!$D$20=1,K802*Input!$C$20,0)+IF(Input!$D$21=1,L802*Input!$C$21,0)+IF(Input!$D$22=1,M802*Input!$C$22,0)</f>
        <v>0.18807352569494049</v>
      </c>
      <c r="O802" s="59">
        <f>IF(Input!$D$19=2,J802*Input!$C$19,0)+IF(Input!$D$20=2,K802*Input!$C$20,0)+IF(Input!$D$21=2,L802*Input!$C$21,0)+IF(Input!$D$22=2,M802*Input!$C$22,0)</f>
        <v>0.47018381423735128</v>
      </c>
      <c r="P802" s="59">
        <f>IF(Input!$D$19=3,J802*Input!$C$19,0)+IF(Input!$D$20=3,K802*Input!$C$20,0)+IF(Input!$D$21=3,L802*Input!$C$21,0)+IF(Input!$D$22=3,M802*Input!$C$22,0)</f>
        <v>0</v>
      </c>
      <c r="Q802" s="75">
        <f>IF(Input!$D$19=4,J802*Input!$C$19,0)+IF(Input!$D$20=4,K802*Input!$C$20,0)+IF(Input!$D$21=4,L802*Input!$C$21,0)+IF(Input!$D$22=4,M802*Input!$C$22,0)</f>
        <v>0</v>
      </c>
      <c r="R802" s="58">
        <v>51.055253823673667</v>
      </c>
      <c r="S802" s="124">
        <f t="shared" si="12"/>
        <v>0.81498527801140885</v>
      </c>
    </row>
    <row r="803" spans="8:19" x14ac:dyDescent="0.3">
      <c r="H803" s="44">
        <v>796</v>
      </c>
      <c r="I803" s="56">
        <f>Bühler!I829</f>
        <v>0.18807352569494049</v>
      </c>
      <c r="J803" s="59">
        <f>Bühler!J829</f>
        <v>0.62691175231646834</v>
      </c>
      <c r="K803" s="59">
        <f>Bühler!K829</f>
        <v>0.94036762847470257</v>
      </c>
      <c r="L803" s="59">
        <f>Bühler!L829</f>
        <v>9.0201674657291502</v>
      </c>
      <c r="M803" s="58">
        <f>Bühler!M829</f>
        <v>0</v>
      </c>
      <c r="N803" s="56">
        <f>IF(Input!$D$19=1,J803*Input!$C$19,0)+IF(Input!$D$20=1,K803*Input!$C$20,0)+IF(Input!$D$21=1,L803*Input!$C$21,0)+IF(Input!$D$22=1,M803*Input!$C$22,0)</f>
        <v>0.18807352569494049</v>
      </c>
      <c r="O803" s="59">
        <f>IF(Input!$D$19=2,J803*Input!$C$19,0)+IF(Input!$D$20=2,K803*Input!$C$20,0)+IF(Input!$D$21=2,L803*Input!$C$21,0)+IF(Input!$D$22=2,M803*Input!$C$22,0)</f>
        <v>0.47018381423735128</v>
      </c>
      <c r="P803" s="59">
        <f>IF(Input!$D$19=3,J803*Input!$C$19,0)+IF(Input!$D$20=3,K803*Input!$C$20,0)+IF(Input!$D$21=3,L803*Input!$C$21,0)+IF(Input!$D$22=3,M803*Input!$C$22,0)</f>
        <v>0</v>
      </c>
      <c r="Q803" s="75">
        <f>IF(Input!$D$19=4,J803*Input!$C$19,0)+IF(Input!$D$20=4,K803*Input!$C$20,0)+IF(Input!$D$21=4,L803*Input!$C$21,0)+IF(Input!$D$22=4,M803*Input!$C$22,0)</f>
        <v>0</v>
      </c>
      <c r="R803" s="58">
        <v>50.213302948235807</v>
      </c>
      <c r="S803" s="124">
        <f t="shared" si="12"/>
        <v>0.81498527801140885</v>
      </c>
    </row>
    <row r="804" spans="8:19" x14ac:dyDescent="0.3">
      <c r="H804" s="44">
        <v>797</v>
      </c>
      <c r="I804" s="56">
        <f>Bühler!I830</f>
        <v>0.18807352569494049</v>
      </c>
      <c r="J804" s="59">
        <f>Bühler!J830</f>
        <v>0.62691175231646834</v>
      </c>
      <c r="K804" s="59">
        <f>Bühler!K830</f>
        <v>0.94036762847470257</v>
      </c>
      <c r="L804" s="59">
        <f>Bühler!L830</f>
        <v>9.0201674657291502</v>
      </c>
      <c r="M804" s="58">
        <f>Bühler!M830</f>
        <v>0</v>
      </c>
      <c r="N804" s="56">
        <f>IF(Input!$D$19=1,J804*Input!$C$19,0)+IF(Input!$D$20=1,K804*Input!$C$20,0)+IF(Input!$D$21=1,L804*Input!$C$21,0)+IF(Input!$D$22=1,M804*Input!$C$22,0)</f>
        <v>0.18807352569494049</v>
      </c>
      <c r="O804" s="59">
        <f>IF(Input!$D$19=2,J804*Input!$C$19,0)+IF(Input!$D$20=2,K804*Input!$C$20,0)+IF(Input!$D$21=2,L804*Input!$C$21,0)+IF(Input!$D$22=2,M804*Input!$C$22,0)</f>
        <v>0.47018381423735128</v>
      </c>
      <c r="P804" s="59">
        <f>IF(Input!$D$19=3,J804*Input!$C$19,0)+IF(Input!$D$20=3,K804*Input!$C$20,0)+IF(Input!$D$21=3,L804*Input!$C$21,0)+IF(Input!$D$22=3,M804*Input!$C$22,0)</f>
        <v>0</v>
      </c>
      <c r="Q804" s="75">
        <f>IF(Input!$D$19=4,J804*Input!$C$19,0)+IF(Input!$D$20=4,K804*Input!$C$20,0)+IF(Input!$D$21=4,L804*Input!$C$21,0)+IF(Input!$D$22=4,M804*Input!$C$22,0)</f>
        <v>0</v>
      </c>
      <c r="R804" s="58">
        <v>48.943715200498076</v>
      </c>
      <c r="S804" s="124">
        <f t="shared" si="12"/>
        <v>0.81498527801140885</v>
      </c>
    </row>
    <row r="805" spans="8:19" x14ac:dyDescent="0.3">
      <c r="H805" s="44">
        <v>798</v>
      </c>
      <c r="I805" s="56">
        <f>Bühler!I831</f>
        <v>0.23394511732785284</v>
      </c>
      <c r="J805" s="59">
        <f>Bühler!J831</f>
        <v>0.77981705775950949</v>
      </c>
      <c r="K805" s="59">
        <f>Bühler!K831</f>
        <v>1.1697255866392642</v>
      </c>
      <c r="L805" s="59">
        <f>Bühler!L831</f>
        <v>11.220208311028944</v>
      </c>
      <c r="M805" s="58">
        <f>Bühler!M831</f>
        <v>0</v>
      </c>
      <c r="N805" s="56">
        <f>IF(Input!$D$19=1,J805*Input!$C$19,0)+IF(Input!$D$20=1,K805*Input!$C$20,0)+IF(Input!$D$21=1,L805*Input!$C$21,0)+IF(Input!$D$22=1,M805*Input!$C$22,0)</f>
        <v>0.23394511732785284</v>
      </c>
      <c r="O805" s="59">
        <f>IF(Input!$D$19=2,J805*Input!$C$19,0)+IF(Input!$D$20=2,K805*Input!$C$20,0)+IF(Input!$D$21=2,L805*Input!$C$21,0)+IF(Input!$D$22=2,M805*Input!$C$22,0)</f>
        <v>0.58486279331963209</v>
      </c>
      <c r="P805" s="59">
        <f>IF(Input!$D$19=3,J805*Input!$C$19,0)+IF(Input!$D$20=3,K805*Input!$C$20,0)+IF(Input!$D$21=3,L805*Input!$C$21,0)+IF(Input!$D$22=3,M805*Input!$C$22,0)</f>
        <v>0</v>
      </c>
      <c r="Q805" s="75">
        <f>IF(Input!$D$19=4,J805*Input!$C$19,0)+IF(Input!$D$20=4,K805*Input!$C$20,0)+IF(Input!$D$21=4,L805*Input!$C$21,0)+IF(Input!$D$22=4,M805*Input!$C$22,0)</f>
        <v>0</v>
      </c>
      <c r="R805" s="58">
        <v>48.660030754432832</v>
      </c>
      <c r="S805" s="124">
        <f t="shared" si="12"/>
        <v>1.0137621750873622</v>
      </c>
    </row>
    <row r="806" spans="8:19" x14ac:dyDescent="0.3">
      <c r="H806" s="44">
        <v>799</v>
      </c>
      <c r="I806" s="56">
        <f>Bühler!I832</f>
        <v>0.29357818645063877</v>
      </c>
      <c r="J806" s="59">
        <f>Bühler!J832</f>
        <v>0.97859395483546274</v>
      </c>
      <c r="K806" s="59">
        <f>Bühler!K832</f>
        <v>1.4678909322531941</v>
      </c>
      <c r="L806" s="59">
        <f>Bühler!L832</f>
        <v>14.080261409918673</v>
      </c>
      <c r="M806" s="58">
        <f>Bühler!M832</f>
        <v>0</v>
      </c>
      <c r="N806" s="56">
        <f>IF(Input!$D$19=1,J806*Input!$C$19,0)+IF(Input!$D$20=1,K806*Input!$C$20,0)+IF(Input!$D$21=1,L806*Input!$C$21,0)+IF(Input!$D$22=1,M806*Input!$C$22,0)</f>
        <v>0.29357818645063882</v>
      </c>
      <c r="O806" s="59">
        <f>IF(Input!$D$19=2,J806*Input!$C$19,0)+IF(Input!$D$20=2,K806*Input!$C$20,0)+IF(Input!$D$21=2,L806*Input!$C$21,0)+IF(Input!$D$22=2,M806*Input!$C$22,0)</f>
        <v>0.73394546612659706</v>
      </c>
      <c r="P806" s="59">
        <f>IF(Input!$D$19=3,J806*Input!$C$19,0)+IF(Input!$D$20=3,K806*Input!$C$20,0)+IF(Input!$D$21=3,L806*Input!$C$21,0)+IF(Input!$D$22=3,M806*Input!$C$22,0)</f>
        <v>0</v>
      </c>
      <c r="Q806" s="75">
        <f>IF(Input!$D$19=4,J806*Input!$C$19,0)+IF(Input!$D$20=4,K806*Input!$C$20,0)+IF(Input!$D$21=4,L806*Input!$C$21,0)+IF(Input!$D$22=4,M806*Input!$C$22,0)</f>
        <v>0</v>
      </c>
      <c r="R806" s="58">
        <v>49.009756040510936</v>
      </c>
      <c r="S806" s="124">
        <f t="shared" si="12"/>
        <v>1.2721721412861016</v>
      </c>
    </row>
    <row r="807" spans="8:19" x14ac:dyDescent="0.3">
      <c r="H807" s="44">
        <v>800</v>
      </c>
      <c r="I807" s="56">
        <f>Bühler!I833</f>
        <v>0.33486261892025987</v>
      </c>
      <c r="J807" s="59">
        <f>Bühler!J833</f>
        <v>1.1162087297341996</v>
      </c>
      <c r="K807" s="59">
        <f>Bühler!K833</f>
        <v>1.6743130946012994</v>
      </c>
      <c r="L807" s="59">
        <f>Bühler!L833</f>
        <v>16.060298170688487</v>
      </c>
      <c r="M807" s="58">
        <f>Bühler!M833</f>
        <v>0</v>
      </c>
      <c r="N807" s="56">
        <f>IF(Input!$D$19=1,J807*Input!$C$19,0)+IF(Input!$D$20=1,K807*Input!$C$20,0)+IF(Input!$D$21=1,L807*Input!$C$21,0)+IF(Input!$D$22=1,M807*Input!$C$22,0)</f>
        <v>0.33486261892025987</v>
      </c>
      <c r="O807" s="59">
        <f>IF(Input!$D$19=2,J807*Input!$C$19,0)+IF(Input!$D$20=2,K807*Input!$C$20,0)+IF(Input!$D$21=2,L807*Input!$C$21,0)+IF(Input!$D$22=2,M807*Input!$C$22,0)</f>
        <v>0.8371565473006497</v>
      </c>
      <c r="P807" s="59">
        <f>IF(Input!$D$19=3,J807*Input!$C$19,0)+IF(Input!$D$20=3,K807*Input!$C$20,0)+IF(Input!$D$21=3,L807*Input!$C$21,0)+IF(Input!$D$22=3,M807*Input!$C$22,0)</f>
        <v>0</v>
      </c>
      <c r="Q807" s="75">
        <f>IF(Input!$D$19=4,J807*Input!$C$19,0)+IF(Input!$D$20=4,K807*Input!$C$20,0)+IF(Input!$D$21=4,L807*Input!$C$21,0)+IF(Input!$D$22=4,M807*Input!$C$22,0)</f>
        <v>0</v>
      </c>
      <c r="R807" s="58">
        <v>48.637370606801909</v>
      </c>
      <c r="S807" s="124">
        <f t="shared" si="12"/>
        <v>1.4510713486544595</v>
      </c>
    </row>
    <row r="808" spans="8:19" x14ac:dyDescent="0.3">
      <c r="H808" s="44">
        <v>801</v>
      </c>
      <c r="I808" s="56">
        <f>Bühler!I834</f>
        <v>0.33486261892025987</v>
      </c>
      <c r="J808" s="59">
        <f>Bühler!J834</f>
        <v>1.1162087297341996</v>
      </c>
      <c r="K808" s="59">
        <f>Bühler!K834</f>
        <v>1.6743130946012994</v>
      </c>
      <c r="L808" s="59">
        <f>Bühler!L834</f>
        <v>16.060298170688487</v>
      </c>
      <c r="M808" s="58">
        <f>Bühler!M834</f>
        <v>0</v>
      </c>
      <c r="N808" s="56">
        <f>IF(Input!$D$19=1,J808*Input!$C$19,0)+IF(Input!$D$20=1,K808*Input!$C$20,0)+IF(Input!$D$21=1,L808*Input!$C$21,0)+IF(Input!$D$22=1,M808*Input!$C$22,0)</f>
        <v>0.33486261892025987</v>
      </c>
      <c r="O808" s="59">
        <f>IF(Input!$D$19=2,J808*Input!$C$19,0)+IF(Input!$D$20=2,K808*Input!$C$20,0)+IF(Input!$D$21=2,L808*Input!$C$21,0)+IF(Input!$D$22=2,M808*Input!$C$22,0)</f>
        <v>0.8371565473006497</v>
      </c>
      <c r="P808" s="59">
        <f>IF(Input!$D$19=3,J808*Input!$C$19,0)+IF(Input!$D$20=3,K808*Input!$C$20,0)+IF(Input!$D$21=3,L808*Input!$C$21,0)+IF(Input!$D$22=3,M808*Input!$C$22,0)</f>
        <v>0</v>
      </c>
      <c r="Q808" s="75">
        <f>IF(Input!$D$19=4,J808*Input!$C$19,0)+IF(Input!$D$20=4,K808*Input!$C$20,0)+IF(Input!$D$21=4,L808*Input!$C$21,0)+IF(Input!$D$22=4,M808*Input!$C$22,0)</f>
        <v>0</v>
      </c>
      <c r="R808" s="58">
        <v>47.83080386217911</v>
      </c>
      <c r="S808" s="124">
        <f t="shared" si="12"/>
        <v>1.4510713486544595</v>
      </c>
    </row>
    <row r="809" spans="8:19" x14ac:dyDescent="0.3">
      <c r="H809" s="44">
        <v>802</v>
      </c>
      <c r="I809" s="56">
        <f>Bühler!I835</f>
        <v>0.33486261892025987</v>
      </c>
      <c r="J809" s="59">
        <f>Bühler!J835</f>
        <v>1.1162087297341996</v>
      </c>
      <c r="K809" s="59">
        <f>Bühler!K835</f>
        <v>1.6743130946012994</v>
      </c>
      <c r="L809" s="59">
        <f>Bühler!L835</f>
        <v>16.060298170688487</v>
      </c>
      <c r="M809" s="58">
        <f>Bühler!M835</f>
        <v>0</v>
      </c>
      <c r="N809" s="56">
        <f>IF(Input!$D$19=1,J809*Input!$C$19,0)+IF(Input!$D$20=1,K809*Input!$C$20,0)+IF(Input!$D$21=1,L809*Input!$C$21,0)+IF(Input!$D$22=1,M809*Input!$C$22,0)</f>
        <v>0.33486261892025987</v>
      </c>
      <c r="O809" s="59">
        <f>IF(Input!$D$19=2,J809*Input!$C$19,0)+IF(Input!$D$20=2,K809*Input!$C$20,0)+IF(Input!$D$21=2,L809*Input!$C$21,0)+IF(Input!$D$22=2,M809*Input!$C$22,0)</f>
        <v>0.8371565473006497</v>
      </c>
      <c r="P809" s="59">
        <f>IF(Input!$D$19=3,J809*Input!$C$19,0)+IF(Input!$D$20=3,K809*Input!$C$20,0)+IF(Input!$D$21=3,L809*Input!$C$21,0)+IF(Input!$D$22=3,M809*Input!$C$22,0)</f>
        <v>0</v>
      </c>
      <c r="Q809" s="75">
        <f>IF(Input!$D$19=4,J809*Input!$C$19,0)+IF(Input!$D$20=4,K809*Input!$C$20,0)+IF(Input!$D$21=4,L809*Input!$C$21,0)+IF(Input!$D$22=4,M809*Input!$C$22,0)</f>
        <v>0</v>
      </c>
      <c r="R809" s="58">
        <v>46.841082667302203</v>
      </c>
      <c r="S809" s="124">
        <f t="shared" si="12"/>
        <v>1.4510713486544595</v>
      </c>
    </row>
    <row r="810" spans="8:19" x14ac:dyDescent="0.3">
      <c r="H810" s="44">
        <v>803</v>
      </c>
      <c r="I810" s="56">
        <f>Bühler!I836</f>
        <v>0.33486261892025987</v>
      </c>
      <c r="J810" s="59">
        <f>Bühler!J836</f>
        <v>1.1162087297341996</v>
      </c>
      <c r="K810" s="59">
        <f>Bühler!K836</f>
        <v>1.6743130946012994</v>
      </c>
      <c r="L810" s="59">
        <f>Bühler!L836</f>
        <v>16.060298170688487</v>
      </c>
      <c r="M810" s="58">
        <f>Bühler!M836</f>
        <v>0</v>
      </c>
      <c r="N810" s="56">
        <f>IF(Input!$D$19=1,J810*Input!$C$19,0)+IF(Input!$D$20=1,K810*Input!$C$20,0)+IF(Input!$D$21=1,L810*Input!$C$21,0)+IF(Input!$D$22=1,M810*Input!$C$22,0)</f>
        <v>0.33486261892025987</v>
      </c>
      <c r="O810" s="59">
        <f>IF(Input!$D$19=2,J810*Input!$C$19,0)+IF(Input!$D$20=2,K810*Input!$C$20,0)+IF(Input!$D$21=2,L810*Input!$C$21,0)+IF(Input!$D$22=2,M810*Input!$C$22,0)</f>
        <v>0.8371565473006497</v>
      </c>
      <c r="P810" s="59">
        <f>IF(Input!$D$19=3,J810*Input!$C$19,0)+IF(Input!$D$20=3,K810*Input!$C$20,0)+IF(Input!$D$21=3,L810*Input!$C$21,0)+IF(Input!$D$22=3,M810*Input!$C$22,0)</f>
        <v>0</v>
      </c>
      <c r="Q810" s="75">
        <f>IF(Input!$D$19=4,J810*Input!$C$19,0)+IF(Input!$D$20=4,K810*Input!$C$20,0)+IF(Input!$D$21=4,L810*Input!$C$21,0)+IF(Input!$D$22=4,M810*Input!$C$22,0)</f>
        <v>0</v>
      </c>
      <c r="R810" s="58">
        <v>47.07011995453319</v>
      </c>
      <c r="S810" s="124">
        <f t="shared" si="12"/>
        <v>1.4510713486544595</v>
      </c>
    </row>
    <row r="811" spans="8:19" x14ac:dyDescent="0.3">
      <c r="H811" s="44">
        <v>804</v>
      </c>
      <c r="I811" s="56">
        <f>Bühler!I837</f>
        <v>0.33486261892025987</v>
      </c>
      <c r="J811" s="59">
        <f>Bühler!J837</f>
        <v>1.1162087297341996</v>
      </c>
      <c r="K811" s="59">
        <f>Bühler!K837</f>
        <v>1.6743130946012994</v>
      </c>
      <c r="L811" s="59">
        <f>Bühler!L837</f>
        <v>16.060298170688487</v>
      </c>
      <c r="M811" s="58">
        <f>Bühler!M837</f>
        <v>0</v>
      </c>
      <c r="N811" s="56">
        <f>IF(Input!$D$19=1,J811*Input!$C$19,0)+IF(Input!$D$20=1,K811*Input!$C$20,0)+IF(Input!$D$21=1,L811*Input!$C$21,0)+IF(Input!$D$22=1,M811*Input!$C$22,0)</f>
        <v>0.33486261892025987</v>
      </c>
      <c r="O811" s="59">
        <f>IF(Input!$D$19=2,J811*Input!$C$19,0)+IF(Input!$D$20=2,K811*Input!$C$20,0)+IF(Input!$D$21=2,L811*Input!$C$21,0)+IF(Input!$D$22=2,M811*Input!$C$22,0)</f>
        <v>0.8371565473006497</v>
      </c>
      <c r="P811" s="59">
        <f>IF(Input!$D$19=3,J811*Input!$C$19,0)+IF(Input!$D$20=3,K811*Input!$C$20,0)+IF(Input!$D$21=3,L811*Input!$C$21,0)+IF(Input!$D$22=3,M811*Input!$C$22,0)</f>
        <v>0</v>
      </c>
      <c r="Q811" s="75">
        <f>IF(Input!$D$19=4,J811*Input!$C$19,0)+IF(Input!$D$20=4,K811*Input!$C$20,0)+IF(Input!$D$21=4,L811*Input!$C$21,0)+IF(Input!$D$22=4,M811*Input!$C$22,0)</f>
        <v>0</v>
      </c>
      <c r="R811" s="58">
        <v>46.971001893119023</v>
      </c>
      <c r="S811" s="124">
        <f t="shared" si="12"/>
        <v>1.4510713486544595</v>
      </c>
    </row>
    <row r="812" spans="8:19" x14ac:dyDescent="0.3">
      <c r="H812" s="44">
        <v>805</v>
      </c>
      <c r="I812" s="56">
        <f>Bühler!I838</f>
        <v>0.33486261892025987</v>
      </c>
      <c r="J812" s="59">
        <f>Bühler!J838</f>
        <v>1.1162087297341996</v>
      </c>
      <c r="K812" s="59">
        <f>Bühler!K838</f>
        <v>1.6743130946012994</v>
      </c>
      <c r="L812" s="59">
        <f>Bühler!L838</f>
        <v>16.060298170688487</v>
      </c>
      <c r="M812" s="58">
        <f>Bühler!M838</f>
        <v>0</v>
      </c>
      <c r="N812" s="56">
        <f>IF(Input!$D$19=1,J812*Input!$C$19,0)+IF(Input!$D$20=1,K812*Input!$C$20,0)+IF(Input!$D$21=1,L812*Input!$C$21,0)+IF(Input!$D$22=1,M812*Input!$C$22,0)</f>
        <v>0.33486261892025987</v>
      </c>
      <c r="O812" s="59">
        <f>IF(Input!$D$19=2,J812*Input!$C$19,0)+IF(Input!$D$20=2,K812*Input!$C$20,0)+IF(Input!$D$21=2,L812*Input!$C$21,0)+IF(Input!$D$22=2,M812*Input!$C$22,0)</f>
        <v>0.8371565473006497</v>
      </c>
      <c r="P812" s="59">
        <f>IF(Input!$D$19=3,J812*Input!$C$19,0)+IF(Input!$D$20=3,K812*Input!$C$20,0)+IF(Input!$D$21=3,L812*Input!$C$21,0)+IF(Input!$D$22=3,M812*Input!$C$22,0)</f>
        <v>0</v>
      </c>
      <c r="Q812" s="75">
        <f>IF(Input!$D$19=4,J812*Input!$C$19,0)+IF(Input!$D$20=4,K812*Input!$C$20,0)+IF(Input!$D$21=4,L812*Input!$C$21,0)+IF(Input!$D$22=4,M812*Input!$C$22,0)</f>
        <v>0</v>
      </c>
      <c r="R812" s="58">
        <v>45.655308143255603</v>
      </c>
      <c r="S812" s="124">
        <f t="shared" si="12"/>
        <v>1.4510713486544595</v>
      </c>
    </row>
    <row r="813" spans="8:19" x14ac:dyDescent="0.3">
      <c r="H813" s="44">
        <v>806</v>
      </c>
      <c r="I813" s="56">
        <f>Bühler!I839</f>
        <v>0.33486261892025987</v>
      </c>
      <c r="J813" s="59">
        <f>Bühler!J839</f>
        <v>1.1162087297341996</v>
      </c>
      <c r="K813" s="59">
        <f>Bühler!K839</f>
        <v>1.6743130946012994</v>
      </c>
      <c r="L813" s="59">
        <f>Bühler!L839</f>
        <v>16.060298170688487</v>
      </c>
      <c r="M813" s="58">
        <f>Bühler!M839</f>
        <v>0</v>
      </c>
      <c r="N813" s="56">
        <f>IF(Input!$D$19=1,J813*Input!$C$19,0)+IF(Input!$D$20=1,K813*Input!$C$20,0)+IF(Input!$D$21=1,L813*Input!$C$21,0)+IF(Input!$D$22=1,M813*Input!$C$22,0)</f>
        <v>0.33486261892025987</v>
      </c>
      <c r="O813" s="59">
        <f>IF(Input!$D$19=2,J813*Input!$C$19,0)+IF(Input!$D$20=2,K813*Input!$C$20,0)+IF(Input!$D$21=2,L813*Input!$C$21,0)+IF(Input!$D$22=2,M813*Input!$C$22,0)</f>
        <v>0.8371565473006497</v>
      </c>
      <c r="P813" s="59">
        <f>IF(Input!$D$19=3,J813*Input!$C$19,0)+IF(Input!$D$20=3,K813*Input!$C$20,0)+IF(Input!$D$21=3,L813*Input!$C$21,0)+IF(Input!$D$22=3,M813*Input!$C$22,0)</f>
        <v>0</v>
      </c>
      <c r="Q813" s="75">
        <f>IF(Input!$D$19=4,J813*Input!$C$19,0)+IF(Input!$D$20=4,K813*Input!$C$20,0)+IF(Input!$D$21=4,L813*Input!$C$21,0)+IF(Input!$D$22=4,M813*Input!$C$22,0)</f>
        <v>0</v>
      </c>
      <c r="R813" s="58">
        <v>44.842234147672471</v>
      </c>
      <c r="S813" s="124">
        <f t="shared" si="12"/>
        <v>1.4510713486544595</v>
      </c>
    </row>
    <row r="814" spans="8:19" x14ac:dyDescent="0.3">
      <c r="H814" s="44">
        <v>807</v>
      </c>
      <c r="I814" s="56">
        <f>Bühler!I840</f>
        <v>0.33486261892025987</v>
      </c>
      <c r="J814" s="59">
        <f>Bühler!J840</f>
        <v>1.1162087297341996</v>
      </c>
      <c r="K814" s="59">
        <f>Bühler!K840</f>
        <v>1.6743130946012994</v>
      </c>
      <c r="L814" s="59">
        <f>Bühler!L840</f>
        <v>16.060298170688487</v>
      </c>
      <c r="M814" s="58">
        <f>Bühler!M840</f>
        <v>0</v>
      </c>
      <c r="N814" s="56">
        <f>IF(Input!$D$19=1,J814*Input!$C$19,0)+IF(Input!$D$20=1,K814*Input!$C$20,0)+IF(Input!$D$21=1,L814*Input!$C$21,0)+IF(Input!$D$22=1,M814*Input!$C$22,0)</f>
        <v>0.33486261892025987</v>
      </c>
      <c r="O814" s="59">
        <f>IF(Input!$D$19=2,J814*Input!$C$19,0)+IF(Input!$D$20=2,K814*Input!$C$20,0)+IF(Input!$D$21=2,L814*Input!$C$21,0)+IF(Input!$D$22=2,M814*Input!$C$22,0)</f>
        <v>0.8371565473006497</v>
      </c>
      <c r="P814" s="59">
        <f>IF(Input!$D$19=3,J814*Input!$C$19,0)+IF(Input!$D$20=3,K814*Input!$C$20,0)+IF(Input!$D$21=3,L814*Input!$C$21,0)+IF(Input!$D$22=3,M814*Input!$C$22,0)</f>
        <v>0</v>
      </c>
      <c r="Q814" s="75">
        <f>IF(Input!$D$19=4,J814*Input!$C$19,0)+IF(Input!$D$20=4,K814*Input!$C$20,0)+IF(Input!$D$21=4,L814*Input!$C$21,0)+IF(Input!$D$22=4,M814*Input!$C$22,0)</f>
        <v>0</v>
      </c>
      <c r="R814" s="58">
        <v>44.380779164506372</v>
      </c>
      <c r="S814" s="124">
        <f t="shared" si="12"/>
        <v>1.4510713486544595</v>
      </c>
    </row>
    <row r="815" spans="8:19" x14ac:dyDescent="0.3">
      <c r="H815" s="44">
        <v>808</v>
      </c>
      <c r="I815" s="56">
        <f>Bühler!I841</f>
        <v>0.30275250477722127</v>
      </c>
      <c r="J815" s="59">
        <f>Bühler!J841</f>
        <v>1.0091750159240711</v>
      </c>
      <c r="K815" s="59">
        <f>Bühler!K841</f>
        <v>1.5137625238861065</v>
      </c>
      <c r="L815" s="59">
        <f>Bühler!L841</f>
        <v>14.520269578978631</v>
      </c>
      <c r="M815" s="58">
        <f>Bühler!M841</f>
        <v>0</v>
      </c>
      <c r="N815" s="56">
        <f>IF(Input!$D$19=1,J815*Input!$C$19,0)+IF(Input!$D$20=1,K815*Input!$C$20,0)+IF(Input!$D$21=1,L815*Input!$C$21,0)+IF(Input!$D$22=1,M815*Input!$C$22,0)</f>
        <v>0.30275250477722132</v>
      </c>
      <c r="O815" s="59">
        <f>IF(Input!$D$19=2,J815*Input!$C$19,0)+IF(Input!$D$20=2,K815*Input!$C$20,0)+IF(Input!$D$21=2,L815*Input!$C$21,0)+IF(Input!$D$22=2,M815*Input!$C$22,0)</f>
        <v>0.75688126194305327</v>
      </c>
      <c r="P815" s="59">
        <f>IF(Input!$D$19=3,J815*Input!$C$19,0)+IF(Input!$D$20=3,K815*Input!$C$20,0)+IF(Input!$D$21=3,L815*Input!$C$21,0)+IF(Input!$D$22=3,M815*Input!$C$22,0)</f>
        <v>0</v>
      </c>
      <c r="Q815" s="75">
        <f>IF(Input!$D$19=4,J815*Input!$C$19,0)+IF(Input!$D$20=4,K815*Input!$C$20,0)+IF(Input!$D$21=4,L815*Input!$C$21,0)+IF(Input!$D$22=4,M815*Input!$C$22,0)</f>
        <v>0</v>
      </c>
      <c r="R815" s="58">
        <v>43.70743887553563</v>
      </c>
      <c r="S815" s="124">
        <f t="shared" si="12"/>
        <v>1.3119275207012924</v>
      </c>
    </row>
    <row r="816" spans="8:19" x14ac:dyDescent="0.3">
      <c r="H816" s="44">
        <v>809</v>
      </c>
      <c r="I816" s="56">
        <f>Bühler!I842</f>
        <v>0.27522954979747388</v>
      </c>
      <c r="J816" s="59">
        <f>Bühler!J842</f>
        <v>0.91743183265824635</v>
      </c>
      <c r="K816" s="59">
        <f>Bühler!K842</f>
        <v>1.3761477489873697</v>
      </c>
      <c r="L816" s="59">
        <f>Bühler!L842</f>
        <v>13.200245071798758</v>
      </c>
      <c r="M816" s="58">
        <f>Bühler!M842</f>
        <v>0</v>
      </c>
      <c r="N816" s="56">
        <f>IF(Input!$D$19=1,J816*Input!$C$19,0)+IF(Input!$D$20=1,K816*Input!$C$20,0)+IF(Input!$D$21=1,L816*Input!$C$21,0)+IF(Input!$D$22=1,M816*Input!$C$22,0)</f>
        <v>0.27522954979747388</v>
      </c>
      <c r="O816" s="59">
        <f>IF(Input!$D$19=2,J816*Input!$C$19,0)+IF(Input!$D$20=2,K816*Input!$C$20,0)+IF(Input!$D$21=2,L816*Input!$C$21,0)+IF(Input!$D$22=2,M816*Input!$C$22,0)</f>
        <v>0.68807387449368484</v>
      </c>
      <c r="P816" s="59">
        <f>IF(Input!$D$19=3,J816*Input!$C$19,0)+IF(Input!$D$20=3,K816*Input!$C$20,0)+IF(Input!$D$21=3,L816*Input!$C$21,0)+IF(Input!$D$22=3,M816*Input!$C$22,0)</f>
        <v>0</v>
      </c>
      <c r="Q816" s="75">
        <f>IF(Input!$D$19=4,J816*Input!$C$19,0)+IF(Input!$D$20=4,K816*Input!$C$20,0)+IF(Input!$D$21=4,L816*Input!$C$21,0)+IF(Input!$D$22=4,M816*Input!$C$22,0)</f>
        <v>0</v>
      </c>
      <c r="R816" s="58">
        <v>42.796712141539189</v>
      </c>
      <c r="S816" s="124">
        <f t="shared" si="12"/>
        <v>1.1926613824557202</v>
      </c>
    </row>
    <row r="817" spans="8:19" x14ac:dyDescent="0.3">
      <c r="H817" s="44">
        <v>810</v>
      </c>
      <c r="I817" s="56">
        <f>Bühler!I843</f>
        <v>0.2477065948177265</v>
      </c>
      <c r="J817" s="59">
        <f>Bühler!J843</f>
        <v>0.82568864939242181</v>
      </c>
      <c r="K817" s="59">
        <f>Bühler!K843</f>
        <v>1.2385329740886326</v>
      </c>
      <c r="L817" s="59">
        <f>Bühler!L843</f>
        <v>11.880220564618883</v>
      </c>
      <c r="M817" s="58">
        <f>Bühler!M843</f>
        <v>0</v>
      </c>
      <c r="N817" s="56">
        <f>IF(Input!$D$19=1,J817*Input!$C$19,0)+IF(Input!$D$20=1,K817*Input!$C$20,0)+IF(Input!$D$21=1,L817*Input!$C$21,0)+IF(Input!$D$22=1,M817*Input!$C$22,0)</f>
        <v>0.24770659481772653</v>
      </c>
      <c r="O817" s="59">
        <f>IF(Input!$D$19=2,J817*Input!$C$19,0)+IF(Input!$D$20=2,K817*Input!$C$20,0)+IF(Input!$D$21=2,L817*Input!$C$21,0)+IF(Input!$D$22=2,M817*Input!$C$22,0)</f>
        <v>0.6192664870443163</v>
      </c>
      <c r="P817" s="59">
        <f>IF(Input!$D$19=3,J817*Input!$C$19,0)+IF(Input!$D$20=3,K817*Input!$C$20,0)+IF(Input!$D$21=3,L817*Input!$C$21,0)+IF(Input!$D$22=3,M817*Input!$C$22,0)</f>
        <v>0</v>
      </c>
      <c r="Q817" s="75">
        <f>IF(Input!$D$19=4,J817*Input!$C$19,0)+IF(Input!$D$20=4,K817*Input!$C$20,0)+IF(Input!$D$21=4,L817*Input!$C$21,0)+IF(Input!$D$22=4,M817*Input!$C$22,0)</f>
        <v>0</v>
      </c>
      <c r="R817" s="58">
        <v>42.732308676266122</v>
      </c>
      <c r="S817" s="124">
        <f t="shared" si="12"/>
        <v>1.0733952442101482</v>
      </c>
    </row>
    <row r="818" spans="8:19" x14ac:dyDescent="0.3">
      <c r="H818" s="44">
        <v>811</v>
      </c>
      <c r="I818" s="56">
        <f>Bühler!I844</f>
        <v>0.23853227649114403</v>
      </c>
      <c r="J818" s="59">
        <f>Bühler!J844</f>
        <v>0.79510758830381356</v>
      </c>
      <c r="K818" s="59">
        <f>Bühler!K844</f>
        <v>1.1926613824557202</v>
      </c>
      <c r="L818" s="59">
        <f>Bühler!L844</f>
        <v>11.44021239555892</v>
      </c>
      <c r="M818" s="58">
        <f>Bühler!M844</f>
        <v>0</v>
      </c>
      <c r="N818" s="56">
        <f>IF(Input!$D$19=1,J818*Input!$C$19,0)+IF(Input!$D$20=1,K818*Input!$C$20,0)+IF(Input!$D$21=1,L818*Input!$C$21,0)+IF(Input!$D$22=1,M818*Input!$C$22,0)</f>
        <v>0.23853227649114406</v>
      </c>
      <c r="O818" s="59">
        <f>IF(Input!$D$19=2,J818*Input!$C$19,0)+IF(Input!$D$20=2,K818*Input!$C$20,0)+IF(Input!$D$21=2,L818*Input!$C$21,0)+IF(Input!$D$22=2,M818*Input!$C$22,0)</f>
        <v>0.59633069122786009</v>
      </c>
      <c r="P818" s="59">
        <f>IF(Input!$D$19=3,J818*Input!$C$19,0)+IF(Input!$D$20=3,K818*Input!$C$20,0)+IF(Input!$D$21=3,L818*Input!$C$21,0)+IF(Input!$D$22=3,M818*Input!$C$22,0)</f>
        <v>0</v>
      </c>
      <c r="Q818" s="75">
        <f>IF(Input!$D$19=4,J818*Input!$C$19,0)+IF(Input!$D$20=4,K818*Input!$C$20,0)+IF(Input!$D$21=4,L818*Input!$C$21,0)+IF(Input!$D$22=4,M818*Input!$C$22,0)</f>
        <v>0</v>
      </c>
      <c r="R818" s="58">
        <v>42.13570132495952</v>
      </c>
      <c r="S818" s="124">
        <f t="shared" si="12"/>
        <v>1.0336398647949576</v>
      </c>
    </row>
    <row r="819" spans="8:19" x14ac:dyDescent="0.3">
      <c r="H819" s="44">
        <v>812</v>
      </c>
      <c r="I819" s="56">
        <f>Bühler!I845</f>
        <v>0.19266068485823168</v>
      </c>
      <c r="J819" s="59">
        <f>Bühler!J845</f>
        <v>0.64220228286077241</v>
      </c>
      <c r="K819" s="59">
        <f>Bühler!K845</f>
        <v>0.96330342429115856</v>
      </c>
      <c r="L819" s="59">
        <f>Bühler!L845</f>
        <v>9.2401715502591291</v>
      </c>
      <c r="M819" s="58">
        <f>Bühler!M845</f>
        <v>0</v>
      </c>
      <c r="N819" s="56">
        <f>IF(Input!$D$19=1,J819*Input!$C$19,0)+IF(Input!$D$20=1,K819*Input!$C$20,0)+IF(Input!$D$21=1,L819*Input!$C$21,0)+IF(Input!$D$22=1,M819*Input!$C$22,0)</f>
        <v>0.19266068485823171</v>
      </c>
      <c r="O819" s="59">
        <f>IF(Input!$D$19=2,J819*Input!$C$19,0)+IF(Input!$D$20=2,K819*Input!$C$20,0)+IF(Input!$D$21=2,L819*Input!$C$21,0)+IF(Input!$D$22=2,M819*Input!$C$22,0)</f>
        <v>0.48165171214557928</v>
      </c>
      <c r="P819" s="59">
        <f>IF(Input!$D$19=3,J819*Input!$C$19,0)+IF(Input!$D$20=3,K819*Input!$C$20,0)+IF(Input!$D$21=3,L819*Input!$C$21,0)+IF(Input!$D$22=3,M819*Input!$C$22,0)</f>
        <v>0</v>
      </c>
      <c r="Q819" s="75">
        <f>IF(Input!$D$19=4,J819*Input!$C$19,0)+IF(Input!$D$20=4,K819*Input!$C$20,0)+IF(Input!$D$21=4,L819*Input!$C$21,0)+IF(Input!$D$22=4,M819*Input!$C$22,0)</f>
        <v>0</v>
      </c>
      <c r="R819" s="58">
        <v>41.733032411936442</v>
      </c>
      <c r="S819" s="124">
        <f t="shared" si="12"/>
        <v>0.83486296771900403</v>
      </c>
    </row>
    <row r="820" spans="8:19" x14ac:dyDescent="0.3">
      <c r="H820" s="44">
        <v>813</v>
      </c>
      <c r="I820" s="56">
        <f>Bühler!I846</f>
        <v>0.14220193406202816</v>
      </c>
      <c r="J820" s="59">
        <f>Bühler!J846</f>
        <v>0.47400644687342725</v>
      </c>
      <c r="K820" s="59">
        <f>Bühler!K846</f>
        <v>0.71100967031014084</v>
      </c>
      <c r="L820" s="59">
        <f>Bühler!L846</f>
        <v>6.8201266204293569</v>
      </c>
      <c r="M820" s="58">
        <f>Bühler!M846</f>
        <v>0</v>
      </c>
      <c r="N820" s="56">
        <f>IF(Input!$D$19=1,J820*Input!$C$19,0)+IF(Input!$D$20=1,K820*Input!$C$20,0)+IF(Input!$D$21=1,L820*Input!$C$21,0)+IF(Input!$D$22=1,M820*Input!$C$22,0)</f>
        <v>0.14220193406202816</v>
      </c>
      <c r="O820" s="59">
        <f>IF(Input!$D$19=2,J820*Input!$C$19,0)+IF(Input!$D$20=2,K820*Input!$C$20,0)+IF(Input!$D$21=2,L820*Input!$C$21,0)+IF(Input!$D$22=2,M820*Input!$C$22,0)</f>
        <v>0.35550483515507042</v>
      </c>
      <c r="P820" s="59">
        <f>IF(Input!$D$19=3,J820*Input!$C$19,0)+IF(Input!$D$20=3,K820*Input!$C$20,0)+IF(Input!$D$21=3,L820*Input!$C$21,0)+IF(Input!$D$22=3,M820*Input!$C$22,0)</f>
        <v>0</v>
      </c>
      <c r="Q820" s="75">
        <f>IF(Input!$D$19=4,J820*Input!$C$19,0)+IF(Input!$D$20=4,K820*Input!$C$20,0)+IF(Input!$D$21=4,L820*Input!$C$21,0)+IF(Input!$D$22=4,M820*Input!$C$22,0)</f>
        <v>0</v>
      </c>
      <c r="R820" s="58">
        <v>41.911777850049994</v>
      </c>
      <c r="S820" s="124">
        <f t="shared" si="12"/>
        <v>0.61620838093545538</v>
      </c>
    </row>
    <row r="821" spans="8:19" x14ac:dyDescent="0.3">
      <c r="H821" s="44">
        <v>814</v>
      </c>
      <c r="I821" s="56">
        <f>Bühler!I847</f>
        <v>0.14220193406202816</v>
      </c>
      <c r="J821" s="59">
        <f>Bühler!J847</f>
        <v>0.47400644687342725</v>
      </c>
      <c r="K821" s="59">
        <f>Bühler!K847</f>
        <v>0.71100967031014084</v>
      </c>
      <c r="L821" s="59">
        <f>Bühler!L847</f>
        <v>6.8201266204293569</v>
      </c>
      <c r="M821" s="58">
        <f>Bühler!M847</f>
        <v>0</v>
      </c>
      <c r="N821" s="56">
        <f>IF(Input!$D$19=1,J821*Input!$C$19,0)+IF(Input!$D$20=1,K821*Input!$C$20,0)+IF(Input!$D$21=1,L821*Input!$C$21,0)+IF(Input!$D$22=1,M821*Input!$C$22,0)</f>
        <v>0.14220193406202816</v>
      </c>
      <c r="O821" s="59">
        <f>IF(Input!$D$19=2,J821*Input!$C$19,0)+IF(Input!$D$20=2,K821*Input!$C$20,0)+IF(Input!$D$21=2,L821*Input!$C$21,0)+IF(Input!$D$22=2,M821*Input!$C$22,0)</f>
        <v>0.35550483515507042</v>
      </c>
      <c r="P821" s="59">
        <f>IF(Input!$D$19=3,J821*Input!$C$19,0)+IF(Input!$D$20=3,K821*Input!$C$20,0)+IF(Input!$D$21=3,L821*Input!$C$21,0)+IF(Input!$D$22=3,M821*Input!$C$22,0)</f>
        <v>0</v>
      </c>
      <c r="Q821" s="75">
        <f>IF(Input!$D$19=4,J821*Input!$C$19,0)+IF(Input!$D$20=4,K821*Input!$C$20,0)+IF(Input!$D$21=4,L821*Input!$C$21,0)+IF(Input!$D$22=4,M821*Input!$C$22,0)</f>
        <v>0</v>
      </c>
      <c r="R821" s="58">
        <v>41.74196505892192</v>
      </c>
      <c r="S821" s="124">
        <f t="shared" si="12"/>
        <v>0.61620838093545538</v>
      </c>
    </row>
    <row r="822" spans="8:19" x14ac:dyDescent="0.3">
      <c r="H822" s="44">
        <v>815</v>
      </c>
      <c r="I822" s="56">
        <f>Bühler!I848</f>
        <v>0.14220193406202816</v>
      </c>
      <c r="J822" s="59">
        <f>Bühler!J848</f>
        <v>0.47400644687342725</v>
      </c>
      <c r="K822" s="59">
        <f>Bühler!K848</f>
        <v>0.71100967031014084</v>
      </c>
      <c r="L822" s="59">
        <f>Bühler!L848</f>
        <v>6.8201266204293569</v>
      </c>
      <c r="M822" s="58">
        <f>Bühler!M848</f>
        <v>0</v>
      </c>
      <c r="N822" s="56">
        <f>IF(Input!$D$19=1,J822*Input!$C$19,0)+IF(Input!$D$20=1,K822*Input!$C$20,0)+IF(Input!$D$21=1,L822*Input!$C$21,0)+IF(Input!$D$22=1,M822*Input!$C$22,0)</f>
        <v>0.14220193406202816</v>
      </c>
      <c r="O822" s="59">
        <f>IF(Input!$D$19=2,J822*Input!$C$19,0)+IF(Input!$D$20=2,K822*Input!$C$20,0)+IF(Input!$D$21=2,L822*Input!$C$21,0)+IF(Input!$D$22=2,M822*Input!$C$22,0)</f>
        <v>0.35550483515507042</v>
      </c>
      <c r="P822" s="59">
        <f>IF(Input!$D$19=3,J822*Input!$C$19,0)+IF(Input!$D$20=3,K822*Input!$C$20,0)+IF(Input!$D$21=3,L822*Input!$C$21,0)+IF(Input!$D$22=3,M822*Input!$C$22,0)</f>
        <v>0</v>
      </c>
      <c r="Q822" s="75">
        <f>IF(Input!$D$19=4,J822*Input!$C$19,0)+IF(Input!$D$20=4,K822*Input!$C$20,0)+IF(Input!$D$21=4,L822*Input!$C$21,0)+IF(Input!$D$22=4,M822*Input!$C$22,0)</f>
        <v>0</v>
      </c>
      <c r="R822" s="58">
        <v>42.138394056278941</v>
      </c>
      <c r="S822" s="124">
        <f t="shared" si="12"/>
        <v>0.61620838093545538</v>
      </c>
    </row>
    <row r="823" spans="8:19" x14ac:dyDescent="0.3">
      <c r="H823" s="44">
        <v>816</v>
      </c>
      <c r="I823" s="56">
        <f>Bühler!I849</f>
        <v>0.14220193406202816</v>
      </c>
      <c r="J823" s="59">
        <f>Bühler!J849</f>
        <v>0.47400644687342725</v>
      </c>
      <c r="K823" s="59">
        <f>Bühler!K849</f>
        <v>0.71100967031014084</v>
      </c>
      <c r="L823" s="59">
        <f>Bühler!L849</f>
        <v>6.8201266204293569</v>
      </c>
      <c r="M823" s="58">
        <f>Bühler!M849</f>
        <v>0</v>
      </c>
      <c r="N823" s="56">
        <f>IF(Input!$D$19=1,J823*Input!$C$19,0)+IF(Input!$D$20=1,K823*Input!$C$20,0)+IF(Input!$D$21=1,L823*Input!$C$21,0)+IF(Input!$D$22=1,M823*Input!$C$22,0)</f>
        <v>0.14220193406202816</v>
      </c>
      <c r="O823" s="59">
        <f>IF(Input!$D$19=2,J823*Input!$C$19,0)+IF(Input!$D$20=2,K823*Input!$C$20,0)+IF(Input!$D$21=2,L823*Input!$C$21,0)+IF(Input!$D$22=2,M823*Input!$C$22,0)</f>
        <v>0.35550483515507042</v>
      </c>
      <c r="P823" s="59">
        <f>IF(Input!$D$19=3,J823*Input!$C$19,0)+IF(Input!$D$20=3,K823*Input!$C$20,0)+IF(Input!$D$21=3,L823*Input!$C$21,0)+IF(Input!$D$22=3,M823*Input!$C$22,0)</f>
        <v>0</v>
      </c>
      <c r="Q823" s="75">
        <f>IF(Input!$D$19=4,J823*Input!$C$19,0)+IF(Input!$D$20=4,K823*Input!$C$20,0)+IF(Input!$D$21=4,L823*Input!$C$21,0)+IF(Input!$D$22=4,M823*Input!$C$22,0)</f>
        <v>0</v>
      </c>
      <c r="R823" s="58">
        <v>41.980953417043089</v>
      </c>
      <c r="S823" s="124">
        <f t="shared" si="12"/>
        <v>0.61620838093545538</v>
      </c>
    </row>
    <row r="824" spans="8:19" x14ac:dyDescent="0.3">
      <c r="H824" s="44">
        <v>817</v>
      </c>
      <c r="I824" s="56">
        <f>Bühler!I850</f>
        <v>0.16258836592820006</v>
      </c>
      <c r="J824" s="59">
        <f>Bühler!J850</f>
        <v>0.54196121976066691</v>
      </c>
      <c r="K824" s="59">
        <f>Bühler!K850</f>
        <v>0.81294182964100037</v>
      </c>
      <c r="L824" s="59">
        <f>Bühler!L850</f>
        <v>7.7731754714938299</v>
      </c>
      <c r="M824" s="58">
        <f>Bühler!M850</f>
        <v>0</v>
      </c>
      <c r="N824" s="56">
        <f>IF(Input!$D$19=1,J824*Input!$C$19,0)+IF(Input!$D$20=1,K824*Input!$C$20,0)+IF(Input!$D$21=1,L824*Input!$C$21,0)+IF(Input!$D$22=1,M824*Input!$C$22,0)</f>
        <v>0.16258836592820006</v>
      </c>
      <c r="O824" s="59">
        <f>IF(Input!$D$19=2,J824*Input!$C$19,0)+IF(Input!$D$20=2,K824*Input!$C$20,0)+IF(Input!$D$21=2,L824*Input!$C$21,0)+IF(Input!$D$22=2,M824*Input!$C$22,0)</f>
        <v>0.40647091482050018</v>
      </c>
      <c r="P824" s="59">
        <f>IF(Input!$D$19=3,J824*Input!$C$19,0)+IF(Input!$D$20=3,K824*Input!$C$20,0)+IF(Input!$D$21=3,L824*Input!$C$21,0)+IF(Input!$D$22=3,M824*Input!$C$22,0)</f>
        <v>0</v>
      </c>
      <c r="Q824" s="75">
        <f>IF(Input!$D$19=4,J824*Input!$C$19,0)+IF(Input!$D$20=4,K824*Input!$C$20,0)+IF(Input!$D$21=4,L824*Input!$C$21,0)+IF(Input!$D$22=4,M824*Input!$C$22,0)</f>
        <v>0</v>
      </c>
      <c r="R824" s="58">
        <v>41.590289820108168</v>
      </c>
      <c r="S824" s="124">
        <f t="shared" si="12"/>
        <v>0.70454958568886694</v>
      </c>
    </row>
    <row r="825" spans="8:19" x14ac:dyDescent="0.3">
      <c r="H825" s="44">
        <v>818</v>
      </c>
      <c r="I825" s="56">
        <f>Bühler!I851</f>
        <v>0.18881229591661944</v>
      </c>
      <c r="J825" s="59">
        <f>Bühler!J851</f>
        <v>0.62937431972206492</v>
      </c>
      <c r="K825" s="59">
        <f>Bühler!K851</f>
        <v>0.94406147958309738</v>
      </c>
      <c r="L825" s="59">
        <f>Bühler!L851</f>
        <v>9.0269134507670277</v>
      </c>
      <c r="M825" s="58">
        <f>Bühler!M851</f>
        <v>0</v>
      </c>
      <c r="N825" s="56">
        <f>IF(Input!$D$19=1,J825*Input!$C$19,0)+IF(Input!$D$20=1,K825*Input!$C$20,0)+IF(Input!$D$21=1,L825*Input!$C$21,0)+IF(Input!$D$22=1,M825*Input!$C$22,0)</f>
        <v>0.18881229591661947</v>
      </c>
      <c r="O825" s="59">
        <f>IF(Input!$D$19=2,J825*Input!$C$19,0)+IF(Input!$D$20=2,K825*Input!$C$20,0)+IF(Input!$D$21=2,L825*Input!$C$21,0)+IF(Input!$D$22=2,M825*Input!$C$22,0)</f>
        <v>0.47203073979154869</v>
      </c>
      <c r="P825" s="59">
        <f>IF(Input!$D$19=3,J825*Input!$C$19,0)+IF(Input!$D$20=3,K825*Input!$C$20,0)+IF(Input!$D$21=3,L825*Input!$C$21,0)+IF(Input!$D$22=3,M825*Input!$C$22,0)</f>
        <v>0</v>
      </c>
      <c r="Q825" s="75">
        <f>IF(Input!$D$19=4,J825*Input!$C$19,0)+IF(Input!$D$20=4,K825*Input!$C$20,0)+IF(Input!$D$21=4,L825*Input!$C$21,0)+IF(Input!$D$22=4,M825*Input!$C$22,0)</f>
        <v>0</v>
      </c>
      <c r="R825" s="58">
        <v>41.661548660636399</v>
      </c>
      <c r="S825" s="124">
        <f t="shared" si="12"/>
        <v>0.81818661563868433</v>
      </c>
    </row>
    <row r="826" spans="8:19" x14ac:dyDescent="0.3">
      <c r="H826" s="44">
        <v>819</v>
      </c>
      <c r="I826" s="56">
        <f>Bühler!I852</f>
        <v>0.18881229591661944</v>
      </c>
      <c r="J826" s="59">
        <f>Bühler!J852</f>
        <v>0.62937431972206492</v>
      </c>
      <c r="K826" s="59">
        <f>Bühler!K852</f>
        <v>0.94406147958309738</v>
      </c>
      <c r="L826" s="59">
        <f>Bühler!L852</f>
        <v>9.0269134507670277</v>
      </c>
      <c r="M826" s="58">
        <f>Bühler!M852</f>
        <v>0</v>
      </c>
      <c r="N826" s="56">
        <f>IF(Input!$D$19=1,J826*Input!$C$19,0)+IF(Input!$D$20=1,K826*Input!$C$20,0)+IF(Input!$D$21=1,L826*Input!$C$21,0)+IF(Input!$D$22=1,M826*Input!$C$22,0)</f>
        <v>0.18881229591661947</v>
      </c>
      <c r="O826" s="59">
        <f>IF(Input!$D$19=2,J826*Input!$C$19,0)+IF(Input!$D$20=2,K826*Input!$C$20,0)+IF(Input!$D$21=2,L826*Input!$C$21,0)+IF(Input!$D$22=2,M826*Input!$C$22,0)</f>
        <v>0.47203073979154869</v>
      </c>
      <c r="P826" s="59">
        <f>IF(Input!$D$19=3,J826*Input!$C$19,0)+IF(Input!$D$20=3,K826*Input!$C$20,0)+IF(Input!$D$21=3,L826*Input!$C$21,0)+IF(Input!$D$22=3,M826*Input!$C$22,0)</f>
        <v>0</v>
      </c>
      <c r="Q826" s="75">
        <f>IF(Input!$D$19=4,J826*Input!$C$19,0)+IF(Input!$D$20=4,K826*Input!$C$20,0)+IF(Input!$D$21=4,L826*Input!$C$21,0)+IF(Input!$D$22=4,M826*Input!$C$22,0)</f>
        <v>0</v>
      </c>
      <c r="R826" s="58">
        <v>42.154232152401207</v>
      </c>
      <c r="S826" s="124">
        <f t="shared" si="12"/>
        <v>0.81818661563868433</v>
      </c>
    </row>
    <row r="827" spans="8:19" x14ac:dyDescent="0.3">
      <c r="H827" s="44">
        <v>820</v>
      </c>
      <c r="I827" s="56">
        <f>Bühler!I853</f>
        <v>0.18881229591661944</v>
      </c>
      <c r="J827" s="59">
        <f>Bühler!J853</f>
        <v>0.62937431972206492</v>
      </c>
      <c r="K827" s="59">
        <f>Bühler!K853</f>
        <v>0.94406147958309738</v>
      </c>
      <c r="L827" s="59">
        <f>Bühler!L853</f>
        <v>9.0269134507670277</v>
      </c>
      <c r="M827" s="58">
        <f>Bühler!M853</f>
        <v>0</v>
      </c>
      <c r="N827" s="56">
        <f>IF(Input!$D$19=1,J827*Input!$C$19,0)+IF(Input!$D$20=1,K827*Input!$C$20,0)+IF(Input!$D$21=1,L827*Input!$C$21,0)+IF(Input!$D$22=1,M827*Input!$C$22,0)</f>
        <v>0.18881229591661947</v>
      </c>
      <c r="O827" s="59">
        <f>IF(Input!$D$19=2,J827*Input!$C$19,0)+IF(Input!$D$20=2,K827*Input!$C$20,0)+IF(Input!$D$21=2,L827*Input!$C$21,0)+IF(Input!$D$22=2,M827*Input!$C$22,0)</f>
        <v>0.47203073979154869</v>
      </c>
      <c r="P827" s="59">
        <f>IF(Input!$D$19=3,J827*Input!$C$19,0)+IF(Input!$D$20=3,K827*Input!$C$20,0)+IF(Input!$D$21=3,L827*Input!$C$21,0)+IF(Input!$D$22=3,M827*Input!$C$22,0)</f>
        <v>0</v>
      </c>
      <c r="Q827" s="75">
        <f>IF(Input!$D$19=4,J827*Input!$C$19,0)+IF(Input!$D$20=4,K827*Input!$C$20,0)+IF(Input!$D$21=4,L827*Input!$C$21,0)+IF(Input!$D$22=4,M827*Input!$C$22,0)</f>
        <v>0</v>
      </c>
      <c r="R827" s="58">
        <v>41.55599754704533</v>
      </c>
      <c r="S827" s="124">
        <f t="shared" si="12"/>
        <v>0.81818661563868433</v>
      </c>
    </row>
    <row r="828" spans="8:19" x14ac:dyDescent="0.3">
      <c r="H828" s="44">
        <v>821</v>
      </c>
      <c r="I828" s="56">
        <f>Bühler!I854</f>
        <v>0.18881229591661944</v>
      </c>
      <c r="J828" s="59">
        <f>Bühler!J854</f>
        <v>0.62937431972206492</v>
      </c>
      <c r="K828" s="59">
        <f>Bühler!K854</f>
        <v>0.94406147958309738</v>
      </c>
      <c r="L828" s="59">
        <f>Bühler!L854</f>
        <v>9.0269134507670277</v>
      </c>
      <c r="M828" s="58">
        <f>Bühler!M854</f>
        <v>0</v>
      </c>
      <c r="N828" s="56">
        <f>IF(Input!$D$19=1,J828*Input!$C$19,0)+IF(Input!$D$20=1,K828*Input!$C$20,0)+IF(Input!$D$21=1,L828*Input!$C$21,0)+IF(Input!$D$22=1,M828*Input!$C$22,0)</f>
        <v>0.18881229591661947</v>
      </c>
      <c r="O828" s="59">
        <f>IF(Input!$D$19=2,J828*Input!$C$19,0)+IF(Input!$D$20=2,K828*Input!$C$20,0)+IF(Input!$D$21=2,L828*Input!$C$21,0)+IF(Input!$D$22=2,M828*Input!$C$22,0)</f>
        <v>0.47203073979154869</v>
      </c>
      <c r="P828" s="59">
        <f>IF(Input!$D$19=3,J828*Input!$C$19,0)+IF(Input!$D$20=3,K828*Input!$C$20,0)+IF(Input!$D$21=3,L828*Input!$C$21,0)+IF(Input!$D$22=3,M828*Input!$C$22,0)</f>
        <v>0</v>
      </c>
      <c r="Q828" s="75">
        <f>IF(Input!$D$19=4,J828*Input!$C$19,0)+IF(Input!$D$20=4,K828*Input!$C$20,0)+IF(Input!$D$21=4,L828*Input!$C$21,0)+IF(Input!$D$22=4,M828*Input!$C$22,0)</f>
        <v>0</v>
      </c>
      <c r="R828" s="58">
        <v>41.513089428146955</v>
      </c>
      <c r="S828" s="124">
        <f t="shared" si="12"/>
        <v>0.81818661563868433</v>
      </c>
    </row>
    <row r="829" spans="8:19" x14ac:dyDescent="0.3">
      <c r="H829" s="44">
        <v>822</v>
      </c>
      <c r="I829" s="56">
        <f>Bühler!I855</f>
        <v>0.23601536989577429</v>
      </c>
      <c r="J829" s="59">
        <f>Bühler!J855</f>
        <v>0.78671789965258099</v>
      </c>
      <c r="K829" s="59">
        <f>Bühler!K855</f>
        <v>1.1800768494788716</v>
      </c>
      <c r="L829" s="59">
        <f>Bühler!L855</f>
        <v>11.283641813458784</v>
      </c>
      <c r="M829" s="58">
        <f>Bühler!M855</f>
        <v>0</v>
      </c>
      <c r="N829" s="56">
        <f>IF(Input!$D$19=1,J829*Input!$C$19,0)+IF(Input!$D$20=1,K829*Input!$C$20,0)+IF(Input!$D$21=1,L829*Input!$C$21,0)+IF(Input!$D$22=1,M829*Input!$C$22,0)</f>
        <v>0.23601536989577429</v>
      </c>
      <c r="O829" s="59">
        <f>IF(Input!$D$19=2,J829*Input!$C$19,0)+IF(Input!$D$20=2,K829*Input!$C$20,0)+IF(Input!$D$21=2,L829*Input!$C$21,0)+IF(Input!$D$22=2,M829*Input!$C$22,0)</f>
        <v>0.5900384247394358</v>
      </c>
      <c r="P829" s="59">
        <f>IF(Input!$D$19=3,J829*Input!$C$19,0)+IF(Input!$D$20=3,K829*Input!$C$20,0)+IF(Input!$D$21=3,L829*Input!$C$21,0)+IF(Input!$D$22=3,M829*Input!$C$22,0)</f>
        <v>0</v>
      </c>
      <c r="Q829" s="75">
        <f>IF(Input!$D$19=4,J829*Input!$C$19,0)+IF(Input!$D$20=4,K829*Input!$C$20,0)+IF(Input!$D$21=4,L829*Input!$C$21,0)+IF(Input!$D$22=4,M829*Input!$C$22,0)</f>
        <v>0</v>
      </c>
      <c r="R829" s="58">
        <v>41.824646000939936</v>
      </c>
      <c r="S829" s="124">
        <f t="shared" si="12"/>
        <v>1.0227332695483553</v>
      </c>
    </row>
    <row r="830" spans="8:19" x14ac:dyDescent="0.3">
      <c r="H830" s="44">
        <v>823</v>
      </c>
      <c r="I830" s="56">
        <f>Bühler!I856</f>
        <v>0.27797365787724532</v>
      </c>
      <c r="J830" s="59">
        <f>Bühler!J856</f>
        <v>0.92657885959081776</v>
      </c>
      <c r="K830" s="59">
        <f>Bühler!K856</f>
        <v>1.3898682893862266</v>
      </c>
      <c r="L830" s="59">
        <f>Bühler!L856</f>
        <v>13.289622580295902</v>
      </c>
      <c r="M830" s="58">
        <f>Bühler!M856</f>
        <v>0</v>
      </c>
      <c r="N830" s="56">
        <f>IF(Input!$D$19=1,J830*Input!$C$19,0)+IF(Input!$D$20=1,K830*Input!$C$20,0)+IF(Input!$D$21=1,L830*Input!$C$21,0)+IF(Input!$D$22=1,M830*Input!$C$22,0)</f>
        <v>0.27797365787724532</v>
      </c>
      <c r="O830" s="59">
        <f>IF(Input!$D$19=2,J830*Input!$C$19,0)+IF(Input!$D$20=2,K830*Input!$C$20,0)+IF(Input!$D$21=2,L830*Input!$C$21,0)+IF(Input!$D$22=2,M830*Input!$C$22,0)</f>
        <v>0.69493414469311332</v>
      </c>
      <c r="P830" s="59">
        <f>IF(Input!$D$19=3,J830*Input!$C$19,0)+IF(Input!$D$20=3,K830*Input!$C$20,0)+IF(Input!$D$21=3,L830*Input!$C$21,0)+IF(Input!$D$22=3,M830*Input!$C$22,0)</f>
        <v>0</v>
      </c>
      <c r="Q830" s="75">
        <f>IF(Input!$D$19=4,J830*Input!$C$19,0)+IF(Input!$D$20=4,K830*Input!$C$20,0)+IF(Input!$D$21=4,L830*Input!$C$21,0)+IF(Input!$D$22=4,M830*Input!$C$22,0)</f>
        <v>0</v>
      </c>
      <c r="R830" s="58">
        <v>42.007446030888246</v>
      </c>
      <c r="S830" s="124">
        <f t="shared" si="12"/>
        <v>1.2045525174680631</v>
      </c>
    </row>
    <row r="831" spans="8:19" x14ac:dyDescent="0.3">
      <c r="H831" s="44">
        <v>824</v>
      </c>
      <c r="I831" s="56">
        <f>Bühler!I857</f>
        <v>0.33042151785408402</v>
      </c>
      <c r="J831" s="59">
        <f>Bühler!J857</f>
        <v>1.1014050595136136</v>
      </c>
      <c r="K831" s="59">
        <f>Bühler!K857</f>
        <v>1.6521075892704202</v>
      </c>
      <c r="L831" s="59">
        <f>Bühler!L857</f>
        <v>15.797098538842299</v>
      </c>
      <c r="M831" s="58">
        <f>Bühler!M857</f>
        <v>0</v>
      </c>
      <c r="N831" s="56">
        <f>IF(Input!$D$19=1,J831*Input!$C$19,0)+IF(Input!$D$20=1,K831*Input!$C$20,0)+IF(Input!$D$21=1,L831*Input!$C$21,0)+IF(Input!$D$22=1,M831*Input!$C$22,0)</f>
        <v>0.33042151785408408</v>
      </c>
      <c r="O831" s="59">
        <f>IF(Input!$D$19=2,J831*Input!$C$19,0)+IF(Input!$D$20=2,K831*Input!$C$20,0)+IF(Input!$D$21=2,L831*Input!$C$21,0)+IF(Input!$D$22=2,M831*Input!$C$22,0)</f>
        <v>0.82605379463521011</v>
      </c>
      <c r="P831" s="59">
        <f>IF(Input!$D$19=3,J831*Input!$C$19,0)+IF(Input!$D$20=3,K831*Input!$C$20,0)+IF(Input!$D$21=3,L831*Input!$C$21,0)+IF(Input!$D$22=3,M831*Input!$C$22,0)</f>
        <v>0</v>
      </c>
      <c r="Q831" s="75">
        <f>IF(Input!$D$19=4,J831*Input!$C$19,0)+IF(Input!$D$20=4,K831*Input!$C$20,0)+IF(Input!$D$21=4,L831*Input!$C$21,0)+IF(Input!$D$22=4,M831*Input!$C$22,0)</f>
        <v>0</v>
      </c>
      <c r="R831" s="58">
        <v>41.754707106361835</v>
      </c>
      <c r="S831" s="124">
        <f t="shared" si="12"/>
        <v>1.4318265773676977</v>
      </c>
    </row>
    <row r="832" spans="8:19" x14ac:dyDescent="0.3">
      <c r="H832" s="44">
        <v>825</v>
      </c>
      <c r="I832" s="56">
        <f>Bühler!I858</f>
        <v>0.33042151785408402</v>
      </c>
      <c r="J832" s="59">
        <f>Bühler!J858</f>
        <v>1.1014050595136136</v>
      </c>
      <c r="K832" s="59">
        <f>Bühler!K858</f>
        <v>1.6521075892704202</v>
      </c>
      <c r="L832" s="59">
        <f>Bühler!L858</f>
        <v>15.797098538842299</v>
      </c>
      <c r="M832" s="58">
        <f>Bühler!M858</f>
        <v>0</v>
      </c>
      <c r="N832" s="56">
        <f>IF(Input!$D$19=1,J832*Input!$C$19,0)+IF(Input!$D$20=1,K832*Input!$C$20,0)+IF(Input!$D$21=1,L832*Input!$C$21,0)+IF(Input!$D$22=1,M832*Input!$C$22,0)</f>
        <v>0.33042151785408408</v>
      </c>
      <c r="O832" s="59">
        <f>IF(Input!$D$19=2,J832*Input!$C$19,0)+IF(Input!$D$20=2,K832*Input!$C$20,0)+IF(Input!$D$21=2,L832*Input!$C$21,0)+IF(Input!$D$22=2,M832*Input!$C$22,0)</f>
        <v>0.82605379463521011</v>
      </c>
      <c r="P832" s="59">
        <f>IF(Input!$D$19=3,J832*Input!$C$19,0)+IF(Input!$D$20=3,K832*Input!$C$20,0)+IF(Input!$D$21=3,L832*Input!$C$21,0)+IF(Input!$D$22=3,M832*Input!$C$22,0)</f>
        <v>0</v>
      </c>
      <c r="Q832" s="75">
        <f>IF(Input!$D$19=4,J832*Input!$C$19,0)+IF(Input!$D$20=4,K832*Input!$C$20,0)+IF(Input!$D$21=4,L832*Input!$C$21,0)+IF(Input!$D$22=4,M832*Input!$C$22,0)</f>
        <v>0</v>
      </c>
      <c r="R832" s="58">
        <v>41.062847817035419</v>
      </c>
      <c r="S832" s="124">
        <f t="shared" si="12"/>
        <v>1.4318265773676977</v>
      </c>
    </row>
    <row r="833" spans="8:19" x14ac:dyDescent="0.3">
      <c r="H833" s="44">
        <v>826</v>
      </c>
      <c r="I833" s="56">
        <f>Bühler!I859</f>
        <v>0.33042151785408402</v>
      </c>
      <c r="J833" s="59">
        <f>Bühler!J859</f>
        <v>1.1014050595136136</v>
      </c>
      <c r="K833" s="59">
        <f>Bühler!K859</f>
        <v>1.6521075892704202</v>
      </c>
      <c r="L833" s="59">
        <f>Bühler!L859</f>
        <v>15.797098538842299</v>
      </c>
      <c r="M833" s="58">
        <f>Bühler!M859</f>
        <v>0</v>
      </c>
      <c r="N833" s="56">
        <f>IF(Input!$D$19=1,J833*Input!$C$19,0)+IF(Input!$D$20=1,K833*Input!$C$20,0)+IF(Input!$D$21=1,L833*Input!$C$21,0)+IF(Input!$D$22=1,M833*Input!$C$22,0)</f>
        <v>0.33042151785408408</v>
      </c>
      <c r="O833" s="59">
        <f>IF(Input!$D$19=2,J833*Input!$C$19,0)+IF(Input!$D$20=2,K833*Input!$C$20,0)+IF(Input!$D$21=2,L833*Input!$C$21,0)+IF(Input!$D$22=2,M833*Input!$C$22,0)</f>
        <v>0.82605379463521011</v>
      </c>
      <c r="P833" s="59">
        <f>IF(Input!$D$19=3,J833*Input!$C$19,0)+IF(Input!$D$20=3,K833*Input!$C$20,0)+IF(Input!$D$21=3,L833*Input!$C$21,0)+IF(Input!$D$22=3,M833*Input!$C$22,0)</f>
        <v>0</v>
      </c>
      <c r="Q833" s="75">
        <f>IF(Input!$D$19=4,J833*Input!$C$19,0)+IF(Input!$D$20=4,K833*Input!$C$20,0)+IF(Input!$D$21=4,L833*Input!$C$21,0)+IF(Input!$D$22=4,M833*Input!$C$22,0)</f>
        <v>0</v>
      </c>
      <c r="R833" s="58">
        <v>40.433442367480353</v>
      </c>
      <c r="S833" s="124">
        <f t="shared" si="12"/>
        <v>1.4318265773676977</v>
      </c>
    </row>
    <row r="834" spans="8:19" x14ac:dyDescent="0.3">
      <c r="H834" s="44">
        <v>827</v>
      </c>
      <c r="I834" s="56">
        <f>Bühler!I860</f>
        <v>0.33042151785408402</v>
      </c>
      <c r="J834" s="59">
        <f>Bühler!J860</f>
        <v>1.1014050595136136</v>
      </c>
      <c r="K834" s="59">
        <f>Bühler!K860</f>
        <v>1.6521075892704202</v>
      </c>
      <c r="L834" s="59">
        <f>Bühler!L860</f>
        <v>15.797098538842299</v>
      </c>
      <c r="M834" s="58">
        <f>Bühler!M860</f>
        <v>0</v>
      </c>
      <c r="N834" s="56">
        <f>IF(Input!$D$19=1,J834*Input!$C$19,0)+IF(Input!$D$20=1,K834*Input!$C$20,0)+IF(Input!$D$21=1,L834*Input!$C$21,0)+IF(Input!$D$22=1,M834*Input!$C$22,0)</f>
        <v>0.33042151785408408</v>
      </c>
      <c r="O834" s="59">
        <f>IF(Input!$D$19=2,J834*Input!$C$19,0)+IF(Input!$D$20=2,K834*Input!$C$20,0)+IF(Input!$D$21=2,L834*Input!$C$21,0)+IF(Input!$D$22=2,M834*Input!$C$22,0)</f>
        <v>0.82605379463521011</v>
      </c>
      <c r="P834" s="59">
        <f>IF(Input!$D$19=3,J834*Input!$C$19,0)+IF(Input!$D$20=3,K834*Input!$C$20,0)+IF(Input!$D$21=3,L834*Input!$C$21,0)+IF(Input!$D$22=3,M834*Input!$C$22,0)</f>
        <v>0</v>
      </c>
      <c r="Q834" s="75">
        <f>IF(Input!$D$19=4,J834*Input!$C$19,0)+IF(Input!$D$20=4,K834*Input!$C$20,0)+IF(Input!$D$21=4,L834*Input!$C$21,0)+IF(Input!$D$22=4,M834*Input!$C$22,0)</f>
        <v>0</v>
      </c>
      <c r="R834" s="58">
        <v>40.647128842378621</v>
      </c>
      <c r="S834" s="124">
        <f t="shared" si="12"/>
        <v>1.4318265773676977</v>
      </c>
    </row>
    <row r="835" spans="8:19" x14ac:dyDescent="0.3">
      <c r="H835" s="44">
        <v>828</v>
      </c>
      <c r="I835" s="56">
        <f>Bühler!I861</f>
        <v>0.33042151785408402</v>
      </c>
      <c r="J835" s="59">
        <f>Bühler!J861</f>
        <v>1.1014050595136136</v>
      </c>
      <c r="K835" s="59">
        <f>Bühler!K861</f>
        <v>1.6521075892704202</v>
      </c>
      <c r="L835" s="59">
        <f>Bühler!L861</f>
        <v>15.797098538842299</v>
      </c>
      <c r="M835" s="58">
        <f>Bühler!M861</f>
        <v>0</v>
      </c>
      <c r="N835" s="56">
        <f>IF(Input!$D$19=1,J835*Input!$C$19,0)+IF(Input!$D$20=1,K835*Input!$C$20,0)+IF(Input!$D$21=1,L835*Input!$C$21,0)+IF(Input!$D$22=1,M835*Input!$C$22,0)</f>
        <v>0.33042151785408408</v>
      </c>
      <c r="O835" s="59">
        <f>IF(Input!$D$19=2,J835*Input!$C$19,0)+IF(Input!$D$20=2,K835*Input!$C$20,0)+IF(Input!$D$21=2,L835*Input!$C$21,0)+IF(Input!$D$22=2,M835*Input!$C$22,0)</f>
        <v>0.82605379463521011</v>
      </c>
      <c r="P835" s="59">
        <f>IF(Input!$D$19=3,J835*Input!$C$19,0)+IF(Input!$D$20=3,K835*Input!$C$20,0)+IF(Input!$D$21=3,L835*Input!$C$21,0)+IF(Input!$D$22=3,M835*Input!$C$22,0)</f>
        <v>0</v>
      </c>
      <c r="Q835" s="75">
        <f>IF(Input!$D$19=4,J835*Input!$C$19,0)+IF(Input!$D$20=4,K835*Input!$C$20,0)+IF(Input!$D$21=4,L835*Input!$C$21,0)+IF(Input!$D$22=4,M835*Input!$C$22,0)</f>
        <v>0</v>
      </c>
      <c r="R835" s="58">
        <v>40.647811243666908</v>
      </c>
      <c r="S835" s="124">
        <f t="shared" si="12"/>
        <v>1.4318265773676977</v>
      </c>
    </row>
    <row r="836" spans="8:19" x14ac:dyDescent="0.3">
      <c r="H836" s="44">
        <v>829</v>
      </c>
      <c r="I836" s="56">
        <f>Bühler!I862</f>
        <v>0.33042151785408402</v>
      </c>
      <c r="J836" s="59">
        <f>Bühler!J862</f>
        <v>1.1014050595136136</v>
      </c>
      <c r="K836" s="59">
        <f>Bühler!K862</f>
        <v>1.6521075892704202</v>
      </c>
      <c r="L836" s="59">
        <f>Bühler!L862</f>
        <v>15.797098538842299</v>
      </c>
      <c r="M836" s="58">
        <f>Bühler!M862</f>
        <v>0</v>
      </c>
      <c r="N836" s="56">
        <f>IF(Input!$D$19=1,J836*Input!$C$19,0)+IF(Input!$D$20=1,K836*Input!$C$20,0)+IF(Input!$D$21=1,L836*Input!$C$21,0)+IF(Input!$D$22=1,M836*Input!$C$22,0)</f>
        <v>0.33042151785408408</v>
      </c>
      <c r="O836" s="59">
        <f>IF(Input!$D$19=2,J836*Input!$C$19,0)+IF(Input!$D$20=2,K836*Input!$C$20,0)+IF(Input!$D$21=2,L836*Input!$C$21,0)+IF(Input!$D$22=2,M836*Input!$C$22,0)</f>
        <v>0.82605379463521011</v>
      </c>
      <c r="P836" s="59">
        <f>IF(Input!$D$19=3,J836*Input!$C$19,0)+IF(Input!$D$20=3,K836*Input!$C$20,0)+IF(Input!$D$21=3,L836*Input!$C$21,0)+IF(Input!$D$22=3,M836*Input!$C$22,0)</f>
        <v>0</v>
      </c>
      <c r="Q836" s="75">
        <f>IF(Input!$D$19=4,J836*Input!$C$19,0)+IF(Input!$D$20=4,K836*Input!$C$20,0)+IF(Input!$D$21=4,L836*Input!$C$21,0)+IF(Input!$D$22=4,M836*Input!$C$22,0)</f>
        <v>0</v>
      </c>
      <c r="R836" s="58">
        <v>40.034314028973078</v>
      </c>
      <c r="S836" s="124">
        <f t="shared" si="12"/>
        <v>1.4318265773676977</v>
      </c>
    </row>
    <row r="837" spans="8:19" x14ac:dyDescent="0.3">
      <c r="H837" s="44">
        <v>830</v>
      </c>
      <c r="I837" s="56">
        <f>Bühler!I863</f>
        <v>0.33042151785408402</v>
      </c>
      <c r="J837" s="59">
        <f>Bühler!J863</f>
        <v>1.1014050595136136</v>
      </c>
      <c r="K837" s="59">
        <f>Bühler!K863</f>
        <v>1.6521075892704202</v>
      </c>
      <c r="L837" s="59">
        <f>Bühler!L863</f>
        <v>15.797098538842299</v>
      </c>
      <c r="M837" s="58">
        <f>Bühler!M863</f>
        <v>0</v>
      </c>
      <c r="N837" s="56">
        <f>IF(Input!$D$19=1,J837*Input!$C$19,0)+IF(Input!$D$20=1,K837*Input!$C$20,0)+IF(Input!$D$21=1,L837*Input!$C$21,0)+IF(Input!$D$22=1,M837*Input!$C$22,0)</f>
        <v>0.33042151785408408</v>
      </c>
      <c r="O837" s="59">
        <f>IF(Input!$D$19=2,J837*Input!$C$19,0)+IF(Input!$D$20=2,K837*Input!$C$20,0)+IF(Input!$D$21=2,L837*Input!$C$21,0)+IF(Input!$D$22=2,M837*Input!$C$22,0)</f>
        <v>0.82605379463521011</v>
      </c>
      <c r="P837" s="59">
        <f>IF(Input!$D$19=3,J837*Input!$C$19,0)+IF(Input!$D$20=3,K837*Input!$C$20,0)+IF(Input!$D$21=3,L837*Input!$C$21,0)+IF(Input!$D$22=3,M837*Input!$C$22,0)</f>
        <v>0</v>
      </c>
      <c r="Q837" s="75">
        <f>IF(Input!$D$19=4,J837*Input!$C$19,0)+IF(Input!$D$20=4,K837*Input!$C$20,0)+IF(Input!$D$21=4,L837*Input!$C$21,0)+IF(Input!$D$22=4,M837*Input!$C$22,0)</f>
        <v>0</v>
      </c>
      <c r="R837" s="58">
        <v>40.321154639837843</v>
      </c>
      <c r="S837" s="124">
        <f t="shared" si="12"/>
        <v>1.4318265773676977</v>
      </c>
    </row>
    <row r="838" spans="8:19" x14ac:dyDescent="0.3">
      <c r="H838" s="44">
        <v>831</v>
      </c>
      <c r="I838" s="56">
        <f>Bühler!I864</f>
        <v>0.33042151785408402</v>
      </c>
      <c r="J838" s="59">
        <f>Bühler!J864</f>
        <v>1.1014050595136136</v>
      </c>
      <c r="K838" s="59">
        <f>Bühler!K864</f>
        <v>1.6521075892704202</v>
      </c>
      <c r="L838" s="59">
        <f>Bühler!L864</f>
        <v>15.797098538842299</v>
      </c>
      <c r="M838" s="58">
        <f>Bühler!M864</f>
        <v>0</v>
      </c>
      <c r="N838" s="56">
        <f>IF(Input!$D$19=1,J838*Input!$C$19,0)+IF(Input!$D$20=1,K838*Input!$C$20,0)+IF(Input!$D$21=1,L838*Input!$C$21,0)+IF(Input!$D$22=1,M838*Input!$C$22,0)</f>
        <v>0.33042151785408408</v>
      </c>
      <c r="O838" s="59">
        <f>IF(Input!$D$19=2,J838*Input!$C$19,0)+IF(Input!$D$20=2,K838*Input!$C$20,0)+IF(Input!$D$21=2,L838*Input!$C$21,0)+IF(Input!$D$22=2,M838*Input!$C$22,0)</f>
        <v>0.82605379463521011</v>
      </c>
      <c r="P838" s="59">
        <f>IF(Input!$D$19=3,J838*Input!$C$19,0)+IF(Input!$D$20=3,K838*Input!$C$20,0)+IF(Input!$D$21=3,L838*Input!$C$21,0)+IF(Input!$D$22=3,M838*Input!$C$22,0)</f>
        <v>0</v>
      </c>
      <c r="Q838" s="75">
        <f>IF(Input!$D$19=4,J838*Input!$C$19,0)+IF(Input!$D$20=4,K838*Input!$C$20,0)+IF(Input!$D$21=4,L838*Input!$C$21,0)+IF(Input!$D$22=4,M838*Input!$C$22,0)</f>
        <v>0</v>
      </c>
      <c r="R838" s="58">
        <v>40.42537554949206</v>
      </c>
      <c r="S838" s="124">
        <f t="shared" si="12"/>
        <v>1.4318265773676977</v>
      </c>
    </row>
    <row r="839" spans="8:19" x14ac:dyDescent="0.3">
      <c r="H839" s="44">
        <v>832</v>
      </c>
      <c r="I839" s="56">
        <f>Bühler!I865</f>
        <v>0.29370801587029693</v>
      </c>
      <c r="J839" s="59">
        <f>Bühler!J865</f>
        <v>0.97902671956765652</v>
      </c>
      <c r="K839" s="59">
        <f>Bühler!K865</f>
        <v>1.4685400793514847</v>
      </c>
      <c r="L839" s="59">
        <f>Bühler!L865</f>
        <v>14.04186536785982</v>
      </c>
      <c r="M839" s="58">
        <f>Bühler!M865</f>
        <v>0</v>
      </c>
      <c r="N839" s="56">
        <f>IF(Input!$D$19=1,J839*Input!$C$19,0)+IF(Input!$D$20=1,K839*Input!$C$20,0)+IF(Input!$D$21=1,L839*Input!$C$21,0)+IF(Input!$D$22=1,M839*Input!$C$22,0)</f>
        <v>0.29370801587029693</v>
      </c>
      <c r="O839" s="59">
        <f>IF(Input!$D$19=2,J839*Input!$C$19,0)+IF(Input!$D$20=2,K839*Input!$C$20,0)+IF(Input!$D$21=2,L839*Input!$C$21,0)+IF(Input!$D$22=2,M839*Input!$C$22,0)</f>
        <v>0.73427003967574234</v>
      </c>
      <c r="P839" s="59">
        <f>IF(Input!$D$19=3,J839*Input!$C$19,0)+IF(Input!$D$20=3,K839*Input!$C$20,0)+IF(Input!$D$21=3,L839*Input!$C$21,0)+IF(Input!$D$22=3,M839*Input!$C$22,0)</f>
        <v>0</v>
      </c>
      <c r="Q839" s="75">
        <f>IF(Input!$D$19=4,J839*Input!$C$19,0)+IF(Input!$D$20=4,K839*Input!$C$20,0)+IF(Input!$D$21=4,L839*Input!$C$21,0)+IF(Input!$D$22=4,M839*Input!$C$22,0)</f>
        <v>0</v>
      </c>
      <c r="R839" s="58">
        <v>40.287148492033509</v>
      </c>
      <c r="S839" s="124">
        <f t="shared" si="12"/>
        <v>1.2727347354379535</v>
      </c>
    </row>
    <row r="840" spans="8:19" x14ac:dyDescent="0.3">
      <c r="H840" s="44">
        <v>833</v>
      </c>
      <c r="I840" s="56">
        <f>Bühler!I866</f>
        <v>0.28846322987261303</v>
      </c>
      <c r="J840" s="59">
        <f>Bühler!J866</f>
        <v>0.96154409957537679</v>
      </c>
      <c r="K840" s="59">
        <f>Bühler!K866</f>
        <v>1.4423161493630652</v>
      </c>
      <c r="L840" s="59">
        <f>Bühler!L866</f>
        <v>13.791117772005181</v>
      </c>
      <c r="M840" s="58">
        <f>Bühler!M866</f>
        <v>0</v>
      </c>
      <c r="N840" s="56">
        <f>IF(Input!$D$19=1,J840*Input!$C$19,0)+IF(Input!$D$20=1,K840*Input!$C$20,0)+IF(Input!$D$21=1,L840*Input!$C$21,0)+IF(Input!$D$22=1,M840*Input!$C$22,0)</f>
        <v>0.28846322987261303</v>
      </c>
      <c r="O840" s="59">
        <f>IF(Input!$D$19=2,J840*Input!$C$19,0)+IF(Input!$D$20=2,K840*Input!$C$20,0)+IF(Input!$D$21=2,L840*Input!$C$21,0)+IF(Input!$D$22=2,M840*Input!$C$22,0)</f>
        <v>0.72115807468153259</v>
      </c>
      <c r="P840" s="59">
        <f>IF(Input!$D$19=3,J840*Input!$C$19,0)+IF(Input!$D$20=3,K840*Input!$C$20,0)+IF(Input!$D$21=3,L840*Input!$C$21,0)+IF(Input!$D$22=3,M840*Input!$C$22,0)</f>
        <v>0</v>
      </c>
      <c r="Q840" s="75">
        <f>IF(Input!$D$19=4,J840*Input!$C$19,0)+IF(Input!$D$20=4,K840*Input!$C$20,0)+IF(Input!$D$21=4,L840*Input!$C$21,0)+IF(Input!$D$22=4,M840*Input!$C$22,0)</f>
        <v>0</v>
      </c>
      <c r="R840" s="58">
        <v>39.898632854752627</v>
      </c>
      <c r="S840" s="124">
        <f t="shared" si="12"/>
        <v>1.2500073294479899</v>
      </c>
    </row>
    <row r="841" spans="8:19" x14ac:dyDescent="0.3">
      <c r="H841" s="44">
        <v>834</v>
      </c>
      <c r="I841" s="56">
        <f>Bühler!I867</f>
        <v>0.24650494189114205</v>
      </c>
      <c r="J841" s="59">
        <f>Bühler!J867</f>
        <v>0.82168313963714024</v>
      </c>
      <c r="K841" s="59">
        <f>Bühler!K867</f>
        <v>1.2325247094557104</v>
      </c>
      <c r="L841" s="59">
        <f>Bühler!L867</f>
        <v>11.785137005168064</v>
      </c>
      <c r="M841" s="58">
        <f>Bühler!M867</f>
        <v>0</v>
      </c>
      <c r="N841" s="56">
        <f>IF(Input!$D$19=1,J841*Input!$C$19,0)+IF(Input!$D$20=1,K841*Input!$C$20,0)+IF(Input!$D$21=1,L841*Input!$C$21,0)+IF(Input!$D$22=1,M841*Input!$C$22,0)</f>
        <v>0.24650494189114205</v>
      </c>
      <c r="O841" s="59">
        <f>IF(Input!$D$19=2,J841*Input!$C$19,0)+IF(Input!$D$20=2,K841*Input!$C$20,0)+IF(Input!$D$21=2,L841*Input!$C$21,0)+IF(Input!$D$22=2,M841*Input!$C$22,0)</f>
        <v>0.61626235472785518</v>
      </c>
      <c r="P841" s="59">
        <f>IF(Input!$D$19=3,J841*Input!$C$19,0)+IF(Input!$D$20=3,K841*Input!$C$20,0)+IF(Input!$D$21=3,L841*Input!$C$21,0)+IF(Input!$D$22=3,M841*Input!$C$22,0)</f>
        <v>0</v>
      </c>
      <c r="Q841" s="75">
        <f>IF(Input!$D$19=4,J841*Input!$C$19,0)+IF(Input!$D$20=4,K841*Input!$C$20,0)+IF(Input!$D$21=4,L841*Input!$C$21,0)+IF(Input!$D$22=4,M841*Input!$C$22,0)</f>
        <v>0</v>
      </c>
      <c r="R841" s="58">
        <v>40.438386187505721</v>
      </c>
      <c r="S841" s="124">
        <f t="shared" ref="S841:S904" si="13">I841+J841</f>
        <v>1.0681880815282823</v>
      </c>
    </row>
    <row r="842" spans="8:19" x14ac:dyDescent="0.3">
      <c r="H842" s="44">
        <v>835</v>
      </c>
      <c r="I842" s="56">
        <f>Bühler!I868</f>
        <v>0.23077058389809041</v>
      </c>
      <c r="J842" s="59">
        <f>Bühler!J868</f>
        <v>0.76923527966030147</v>
      </c>
      <c r="K842" s="59">
        <f>Bühler!K868</f>
        <v>1.1538529194904523</v>
      </c>
      <c r="L842" s="59">
        <f>Bühler!L868</f>
        <v>11.032894217604145</v>
      </c>
      <c r="M842" s="58">
        <f>Bühler!M868</f>
        <v>0</v>
      </c>
      <c r="N842" s="56">
        <f>IF(Input!$D$19=1,J842*Input!$C$19,0)+IF(Input!$D$20=1,K842*Input!$C$20,0)+IF(Input!$D$21=1,L842*Input!$C$21,0)+IF(Input!$D$22=1,M842*Input!$C$22,0)</f>
        <v>0.23077058389809044</v>
      </c>
      <c r="O842" s="59">
        <f>IF(Input!$D$19=2,J842*Input!$C$19,0)+IF(Input!$D$20=2,K842*Input!$C$20,0)+IF(Input!$D$21=2,L842*Input!$C$21,0)+IF(Input!$D$22=2,M842*Input!$C$22,0)</f>
        <v>0.57692645974522616</v>
      </c>
      <c r="P842" s="59">
        <f>IF(Input!$D$19=3,J842*Input!$C$19,0)+IF(Input!$D$20=3,K842*Input!$C$20,0)+IF(Input!$D$21=3,L842*Input!$C$21,0)+IF(Input!$D$22=3,M842*Input!$C$22,0)</f>
        <v>0</v>
      </c>
      <c r="Q842" s="75">
        <f>IF(Input!$D$19=4,J842*Input!$C$19,0)+IF(Input!$D$20=4,K842*Input!$C$20,0)+IF(Input!$D$21=4,L842*Input!$C$21,0)+IF(Input!$D$22=4,M842*Input!$C$22,0)</f>
        <v>0</v>
      </c>
      <c r="R842" s="58">
        <v>40.885221323250903</v>
      </c>
      <c r="S842" s="124">
        <f t="shared" si="13"/>
        <v>1.0000058635583919</v>
      </c>
    </row>
    <row r="843" spans="8:19" x14ac:dyDescent="0.3">
      <c r="H843" s="44">
        <v>836</v>
      </c>
      <c r="I843" s="56">
        <f>Bühler!I869</f>
        <v>0.19405708191430332</v>
      </c>
      <c r="J843" s="59">
        <f>Bühler!J869</f>
        <v>0.64685693971434444</v>
      </c>
      <c r="K843" s="59">
        <f>Bühler!K869</f>
        <v>0.97028540957151665</v>
      </c>
      <c r="L843" s="59">
        <f>Bühler!L869</f>
        <v>9.2776610466216685</v>
      </c>
      <c r="M843" s="58">
        <f>Bühler!M869</f>
        <v>0</v>
      </c>
      <c r="N843" s="56">
        <f>IF(Input!$D$19=1,J843*Input!$C$19,0)+IF(Input!$D$20=1,K843*Input!$C$20,0)+IF(Input!$D$21=1,L843*Input!$C$21,0)+IF(Input!$D$22=1,M843*Input!$C$22,0)</f>
        <v>0.19405708191430332</v>
      </c>
      <c r="O843" s="59">
        <f>IF(Input!$D$19=2,J843*Input!$C$19,0)+IF(Input!$D$20=2,K843*Input!$C$20,0)+IF(Input!$D$21=2,L843*Input!$C$21,0)+IF(Input!$D$22=2,M843*Input!$C$22,0)</f>
        <v>0.48514270478575833</v>
      </c>
      <c r="P843" s="59">
        <f>IF(Input!$D$19=3,J843*Input!$C$19,0)+IF(Input!$D$20=3,K843*Input!$C$20,0)+IF(Input!$D$21=3,L843*Input!$C$21,0)+IF(Input!$D$22=3,M843*Input!$C$22,0)</f>
        <v>0</v>
      </c>
      <c r="Q843" s="75">
        <f>IF(Input!$D$19=4,J843*Input!$C$19,0)+IF(Input!$D$20=4,K843*Input!$C$20,0)+IF(Input!$D$21=4,L843*Input!$C$21,0)+IF(Input!$D$22=4,M843*Input!$C$22,0)</f>
        <v>0</v>
      </c>
      <c r="R843" s="58">
        <v>41.041218587262442</v>
      </c>
      <c r="S843" s="124">
        <f t="shared" si="13"/>
        <v>0.8409140216286477</v>
      </c>
    </row>
    <row r="844" spans="8:19" x14ac:dyDescent="0.3">
      <c r="H844" s="44">
        <v>837</v>
      </c>
      <c r="I844" s="56">
        <f>Bühler!I870</f>
        <v>0.16258836592820006</v>
      </c>
      <c r="J844" s="59">
        <f>Bühler!J870</f>
        <v>0.54196121976066691</v>
      </c>
      <c r="K844" s="59">
        <f>Bühler!K870</f>
        <v>0.81294182964100037</v>
      </c>
      <c r="L844" s="59">
        <f>Bühler!L870</f>
        <v>7.7731754714938299</v>
      </c>
      <c r="M844" s="58">
        <f>Bühler!M870</f>
        <v>0</v>
      </c>
      <c r="N844" s="56">
        <f>IF(Input!$D$19=1,J844*Input!$C$19,0)+IF(Input!$D$20=1,K844*Input!$C$20,0)+IF(Input!$D$21=1,L844*Input!$C$21,0)+IF(Input!$D$22=1,M844*Input!$C$22,0)</f>
        <v>0.16258836592820006</v>
      </c>
      <c r="O844" s="59">
        <f>IF(Input!$D$19=2,J844*Input!$C$19,0)+IF(Input!$D$20=2,K844*Input!$C$20,0)+IF(Input!$D$21=2,L844*Input!$C$21,0)+IF(Input!$D$22=2,M844*Input!$C$22,0)</f>
        <v>0.40647091482050018</v>
      </c>
      <c r="P844" s="59">
        <f>IF(Input!$D$19=3,J844*Input!$C$19,0)+IF(Input!$D$20=3,K844*Input!$C$20,0)+IF(Input!$D$21=3,L844*Input!$C$21,0)+IF(Input!$D$22=3,M844*Input!$C$22,0)</f>
        <v>0</v>
      </c>
      <c r="Q844" s="75">
        <f>IF(Input!$D$19=4,J844*Input!$C$19,0)+IF(Input!$D$20=4,K844*Input!$C$20,0)+IF(Input!$D$21=4,L844*Input!$C$21,0)+IF(Input!$D$22=4,M844*Input!$C$22,0)</f>
        <v>0</v>
      </c>
      <c r="R844" s="58">
        <v>41.549844598708333</v>
      </c>
      <c r="S844" s="124">
        <f t="shared" si="13"/>
        <v>0.70454958568886694</v>
      </c>
    </row>
    <row r="845" spans="8:19" x14ac:dyDescent="0.3">
      <c r="H845" s="44">
        <v>838</v>
      </c>
      <c r="I845" s="56">
        <f>Bühler!I871</f>
        <v>0.14160922193746459</v>
      </c>
      <c r="J845" s="59">
        <f>Bühler!J871</f>
        <v>0.47203073979154869</v>
      </c>
      <c r="K845" s="59">
        <f>Bühler!K871</f>
        <v>0.70804610968732307</v>
      </c>
      <c r="L845" s="59">
        <f>Bühler!L871</f>
        <v>6.7701850880752712</v>
      </c>
      <c r="M845" s="58">
        <f>Bühler!M871</f>
        <v>0</v>
      </c>
      <c r="N845" s="56">
        <f>IF(Input!$D$19=1,J845*Input!$C$19,0)+IF(Input!$D$20=1,K845*Input!$C$20,0)+IF(Input!$D$21=1,L845*Input!$C$21,0)+IF(Input!$D$22=1,M845*Input!$C$22,0)</f>
        <v>0.14160922193746461</v>
      </c>
      <c r="O845" s="59">
        <f>IF(Input!$D$19=2,J845*Input!$C$19,0)+IF(Input!$D$20=2,K845*Input!$C$20,0)+IF(Input!$D$21=2,L845*Input!$C$21,0)+IF(Input!$D$22=2,M845*Input!$C$22,0)</f>
        <v>0.35402305484366153</v>
      </c>
      <c r="P845" s="59">
        <f>IF(Input!$D$19=3,J845*Input!$C$19,0)+IF(Input!$D$20=3,K845*Input!$C$20,0)+IF(Input!$D$21=3,L845*Input!$C$21,0)+IF(Input!$D$22=3,M845*Input!$C$22,0)</f>
        <v>0</v>
      </c>
      <c r="Q845" s="75">
        <f>IF(Input!$D$19=4,J845*Input!$C$19,0)+IF(Input!$D$20=4,K845*Input!$C$20,0)+IF(Input!$D$21=4,L845*Input!$C$21,0)+IF(Input!$D$22=4,M845*Input!$C$22,0)</f>
        <v>0</v>
      </c>
      <c r="R845" s="58">
        <v>41.80988163947292</v>
      </c>
      <c r="S845" s="124">
        <f t="shared" si="13"/>
        <v>0.61363996172901325</v>
      </c>
    </row>
    <row r="846" spans="8:19" x14ac:dyDescent="0.3">
      <c r="H846" s="44">
        <v>839</v>
      </c>
      <c r="I846" s="56">
        <f>Bühler!I872</f>
        <v>0.14160922193746459</v>
      </c>
      <c r="J846" s="59">
        <f>Bühler!J872</f>
        <v>0.47203073979154869</v>
      </c>
      <c r="K846" s="59">
        <f>Bühler!K872</f>
        <v>0.70804610968732307</v>
      </c>
      <c r="L846" s="59">
        <f>Bühler!L872</f>
        <v>6.7701850880752712</v>
      </c>
      <c r="M846" s="58">
        <f>Bühler!M872</f>
        <v>0</v>
      </c>
      <c r="N846" s="56">
        <f>IF(Input!$D$19=1,J846*Input!$C$19,0)+IF(Input!$D$20=1,K846*Input!$C$20,0)+IF(Input!$D$21=1,L846*Input!$C$21,0)+IF(Input!$D$22=1,M846*Input!$C$22,0)</f>
        <v>0.14160922193746461</v>
      </c>
      <c r="O846" s="59">
        <f>IF(Input!$D$19=2,J846*Input!$C$19,0)+IF(Input!$D$20=2,K846*Input!$C$20,0)+IF(Input!$D$21=2,L846*Input!$C$21,0)+IF(Input!$D$22=2,M846*Input!$C$22,0)</f>
        <v>0.35402305484366153</v>
      </c>
      <c r="P846" s="59">
        <f>IF(Input!$D$19=3,J846*Input!$C$19,0)+IF(Input!$D$20=3,K846*Input!$C$20,0)+IF(Input!$D$21=3,L846*Input!$C$21,0)+IF(Input!$D$22=3,M846*Input!$C$22,0)</f>
        <v>0</v>
      </c>
      <c r="Q846" s="75">
        <f>IF(Input!$D$19=4,J846*Input!$C$19,0)+IF(Input!$D$20=4,K846*Input!$C$20,0)+IF(Input!$D$21=4,L846*Input!$C$21,0)+IF(Input!$D$22=4,M846*Input!$C$22,0)</f>
        <v>0</v>
      </c>
      <c r="R846" s="58">
        <v>42.379052524474176</v>
      </c>
      <c r="S846" s="124">
        <f t="shared" si="13"/>
        <v>0.61363996172901325</v>
      </c>
    </row>
    <row r="847" spans="8:19" x14ac:dyDescent="0.3">
      <c r="H847" s="44">
        <v>840</v>
      </c>
      <c r="I847" s="56">
        <f>Bühler!I873</f>
        <v>0.14160922193746459</v>
      </c>
      <c r="J847" s="59">
        <f>Bühler!J873</f>
        <v>0.47203073979154869</v>
      </c>
      <c r="K847" s="59">
        <f>Bühler!K873</f>
        <v>0.70804610968732307</v>
      </c>
      <c r="L847" s="59">
        <f>Bühler!L873</f>
        <v>6.7701850880752712</v>
      </c>
      <c r="M847" s="58">
        <f>Bühler!M873</f>
        <v>0</v>
      </c>
      <c r="N847" s="56">
        <f>IF(Input!$D$19=1,J847*Input!$C$19,0)+IF(Input!$D$20=1,K847*Input!$C$20,0)+IF(Input!$D$21=1,L847*Input!$C$21,0)+IF(Input!$D$22=1,M847*Input!$C$22,0)</f>
        <v>0.14160922193746461</v>
      </c>
      <c r="O847" s="59">
        <f>IF(Input!$D$19=2,J847*Input!$C$19,0)+IF(Input!$D$20=2,K847*Input!$C$20,0)+IF(Input!$D$21=2,L847*Input!$C$21,0)+IF(Input!$D$22=2,M847*Input!$C$22,0)</f>
        <v>0.35402305484366153</v>
      </c>
      <c r="P847" s="59">
        <f>IF(Input!$D$19=3,J847*Input!$C$19,0)+IF(Input!$D$20=3,K847*Input!$C$20,0)+IF(Input!$D$21=3,L847*Input!$C$21,0)+IF(Input!$D$22=3,M847*Input!$C$22,0)</f>
        <v>0</v>
      </c>
      <c r="Q847" s="75">
        <f>IF(Input!$D$19=4,J847*Input!$C$19,0)+IF(Input!$D$20=4,K847*Input!$C$20,0)+IF(Input!$D$21=4,L847*Input!$C$21,0)+IF(Input!$D$22=4,M847*Input!$C$22,0)</f>
        <v>0</v>
      </c>
      <c r="R847" s="58">
        <v>42.251896404080661</v>
      </c>
      <c r="S847" s="124">
        <f t="shared" si="13"/>
        <v>0.61363996172901325</v>
      </c>
    </row>
    <row r="848" spans="8:19" x14ac:dyDescent="0.3">
      <c r="H848" s="44">
        <v>841</v>
      </c>
      <c r="I848" s="56">
        <f>Bühler!I874</f>
        <v>7.8049360345543287E-2</v>
      </c>
      <c r="J848" s="59">
        <f>Bühler!J874</f>
        <v>0.26016453448514432</v>
      </c>
      <c r="K848" s="59">
        <f>Bühler!K874</f>
        <v>0.39024680172771642</v>
      </c>
      <c r="L848" s="59">
        <f>Bühler!L874</f>
        <v>1.8731846482930388</v>
      </c>
      <c r="M848" s="58">
        <f>Bühler!M874</f>
        <v>0</v>
      </c>
      <c r="N848" s="56">
        <f>IF(Input!$D$19=1,J848*Input!$C$19,0)+IF(Input!$D$20=1,K848*Input!$C$20,0)+IF(Input!$D$21=1,L848*Input!$C$21,0)+IF(Input!$D$22=1,M848*Input!$C$22,0)</f>
        <v>7.8049360345543287E-2</v>
      </c>
      <c r="O848" s="59">
        <f>IF(Input!$D$19=2,J848*Input!$C$19,0)+IF(Input!$D$20=2,K848*Input!$C$20,0)+IF(Input!$D$21=2,L848*Input!$C$21,0)+IF(Input!$D$22=2,M848*Input!$C$22,0)</f>
        <v>0.19512340086385821</v>
      </c>
      <c r="P848" s="59">
        <f>IF(Input!$D$19=3,J848*Input!$C$19,0)+IF(Input!$D$20=3,K848*Input!$C$20,0)+IF(Input!$D$21=3,L848*Input!$C$21,0)+IF(Input!$D$22=3,M848*Input!$C$22,0)</f>
        <v>0</v>
      </c>
      <c r="Q848" s="75">
        <f>IF(Input!$D$19=4,J848*Input!$C$19,0)+IF(Input!$D$20=4,K848*Input!$C$20,0)+IF(Input!$D$21=4,L848*Input!$C$21,0)+IF(Input!$D$22=4,M848*Input!$C$22,0)</f>
        <v>0</v>
      </c>
      <c r="R848" s="58">
        <v>42.070202863735616</v>
      </c>
      <c r="S848" s="124">
        <f t="shared" si="13"/>
        <v>0.33821389483068759</v>
      </c>
    </row>
    <row r="849" spans="8:19" x14ac:dyDescent="0.3">
      <c r="H849" s="44">
        <v>842</v>
      </c>
      <c r="I849" s="56">
        <f>Bühler!I875</f>
        <v>7.8049360345543287E-2</v>
      </c>
      <c r="J849" s="59">
        <f>Bühler!J875</f>
        <v>0.26016453448514432</v>
      </c>
      <c r="K849" s="59">
        <f>Bühler!K875</f>
        <v>0.39024680172771642</v>
      </c>
      <c r="L849" s="59">
        <f>Bühler!L875</f>
        <v>1.8731846482930388</v>
      </c>
      <c r="M849" s="58">
        <f>Bühler!M875</f>
        <v>0</v>
      </c>
      <c r="N849" s="56">
        <f>IF(Input!$D$19=1,J849*Input!$C$19,0)+IF(Input!$D$20=1,K849*Input!$C$20,0)+IF(Input!$D$21=1,L849*Input!$C$21,0)+IF(Input!$D$22=1,M849*Input!$C$22,0)</f>
        <v>7.8049360345543287E-2</v>
      </c>
      <c r="O849" s="59">
        <f>IF(Input!$D$19=2,J849*Input!$C$19,0)+IF(Input!$D$20=2,K849*Input!$C$20,0)+IF(Input!$D$21=2,L849*Input!$C$21,0)+IF(Input!$D$22=2,M849*Input!$C$22,0)</f>
        <v>0.19512340086385821</v>
      </c>
      <c r="P849" s="59">
        <f>IF(Input!$D$19=3,J849*Input!$C$19,0)+IF(Input!$D$20=3,K849*Input!$C$20,0)+IF(Input!$D$21=3,L849*Input!$C$21,0)+IF(Input!$D$22=3,M849*Input!$C$22,0)</f>
        <v>0</v>
      </c>
      <c r="Q849" s="75">
        <f>IF(Input!$D$19=4,J849*Input!$C$19,0)+IF(Input!$D$20=4,K849*Input!$C$20,0)+IF(Input!$D$21=4,L849*Input!$C$21,0)+IF(Input!$D$22=4,M849*Input!$C$22,0)</f>
        <v>0</v>
      </c>
      <c r="R849" s="58">
        <v>42.99595390011288</v>
      </c>
      <c r="S849" s="124">
        <f t="shared" si="13"/>
        <v>0.33821389483068759</v>
      </c>
    </row>
    <row r="850" spans="8:19" x14ac:dyDescent="0.3">
      <c r="H850" s="44">
        <v>843</v>
      </c>
      <c r="I850" s="56">
        <f>Bühler!I876</f>
        <v>7.8049360345543287E-2</v>
      </c>
      <c r="J850" s="59">
        <f>Bühler!J876</f>
        <v>0.26016453448514432</v>
      </c>
      <c r="K850" s="59">
        <f>Bühler!K876</f>
        <v>0.39024680172771642</v>
      </c>
      <c r="L850" s="59">
        <f>Bühler!L876</f>
        <v>1.8731846482930388</v>
      </c>
      <c r="M850" s="58">
        <f>Bühler!M876</f>
        <v>0</v>
      </c>
      <c r="N850" s="56">
        <f>IF(Input!$D$19=1,J850*Input!$C$19,0)+IF(Input!$D$20=1,K850*Input!$C$20,0)+IF(Input!$D$21=1,L850*Input!$C$21,0)+IF(Input!$D$22=1,M850*Input!$C$22,0)</f>
        <v>7.8049360345543287E-2</v>
      </c>
      <c r="O850" s="59">
        <f>IF(Input!$D$19=2,J850*Input!$C$19,0)+IF(Input!$D$20=2,K850*Input!$C$20,0)+IF(Input!$D$21=2,L850*Input!$C$21,0)+IF(Input!$D$22=2,M850*Input!$C$22,0)</f>
        <v>0.19512340086385821</v>
      </c>
      <c r="P850" s="59">
        <f>IF(Input!$D$19=3,J850*Input!$C$19,0)+IF(Input!$D$20=3,K850*Input!$C$20,0)+IF(Input!$D$21=3,L850*Input!$C$21,0)+IF(Input!$D$22=3,M850*Input!$C$22,0)</f>
        <v>0</v>
      </c>
      <c r="Q850" s="75">
        <f>IF(Input!$D$19=4,J850*Input!$C$19,0)+IF(Input!$D$20=4,K850*Input!$C$20,0)+IF(Input!$D$21=4,L850*Input!$C$21,0)+IF(Input!$D$22=4,M850*Input!$C$22,0)</f>
        <v>0</v>
      </c>
      <c r="R850" s="58">
        <v>43.990023382987204</v>
      </c>
      <c r="S850" s="124">
        <f t="shared" si="13"/>
        <v>0.33821389483068759</v>
      </c>
    </row>
    <row r="851" spans="8:19" x14ac:dyDescent="0.3">
      <c r="H851" s="44">
        <v>844</v>
      </c>
      <c r="I851" s="56">
        <f>Bühler!I877</f>
        <v>7.8049360345543287E-2</v>
      </c>
      <c r="J851" s="59">
        <f>Bühler!J877</f>
        <v>0.26016453448514432</v>
      </c>
      <c r="K851" s="59">
        <f>Bühler!K877</f>
        <v>0.39024680172771642</v>
      </c>
      <c r="L851" s="59">
        <f>Bühler!L877</f>
        <v>1.8731846482930388</v>
      </c>
      <c r="M851" s="58">
        <f>Bühler!M877</f>
        <v>0</v>
      </c>
      <c r="N851" s="56">
        <f>IF(Input!$D$19=1,J851*Input!$C$19,0)+IF(Input!$D$20=1,K851*Input!$C$20,0)+IF(Input!$D$21=1,L851*Input!$C$21,0)+IF(Input!$D$22=1,M851*Input!$C$22,0)</f>
        <v>7.8049360345543287E-2</v>
      </c>
      <c r="O851" s="59">
        <f>IF(Input!$D$19=2,J851*Input!$C$19,0)+IF(Input!$D$20=2,K851*Input!$C$20,0)+IF(Input!$D$21=2,L851*Input!$C$21,0)+IF(Input!$D$22=2,M851*Input!$C$22,0)</f>
        <v>0.19512340086385821</v>
      </c>
      <c r="P851" s="59">
        <f>IF(Input!$D$19=3,J851*Input!$C$19,0)+IF(Input!$D$20=3,K851*Input!$C$20,0)+IF(Input!$D$21=3,L851*Input!$C$21,0)+IF(Input!$D$22=3,M851*Input!$C$22,0)</f>
        <v>0</v>
      </c>
      <c r="Q851" s="75">
        <f>IF(Input!$D$19=4,J851*Input!$C$19,0)+IF(Input!$D$20=4,K851*Input!$C$20,0)+IF(Input!$D$21=4,L851*Input!$C$21,0)+IF(Input!$D$22=4,M851*Input!$C$22,0)</f>
        <v>0</v>
      </c>
      <c r="R851" s="58">
        <v>44.752383127919678</v>
      </c>
      <c r="S851" s="124">
        <f t="shared" si="13"/>
        <v>0.33821389483068759</v>
      </c>
    </row>
    <row r="852" spans="8:19" x14ac:dyDescent="0.3">
      <c r="H852" s="44">
        <v>845</v>
      </c>
      <c r="I852" s="56">
        <f>Bühler!I878</f>
        <v>7.8049360345543287E-2</v>
      </c>
      <c r="J852" s="59">
        <f>Bühler!J878</f>
        <v>0.26016453448514432</v>
      </c>
      <c r="K852" s="59">
        <f>Bühler!K878</f>
        <v>0.39024680172771642</v>
      </c>
      <c r="L852" s="59">
        <f>Bühler!L878</f>
        <v>1.8731846482930388</v>
      </c>
      <c r="M852" s="58">
        <f>Bühler!M878</f>
        <v>0</v>
      </c>
      <c r="N852" s="56">
        <f>IF(Input!$D$19=1,J852*Input!$C$19,0)+IF(Input!$D$20=1,K852*Input!$C$20,0)+IF(Input!$D$21=1,L852*Input!$C$21,0)+IF(Input!$D$22=1,M852*Input!$C$22,0)</f>
        <v>7.8049360345543287E-2</v>
      </c>
      <c r="O852" s="59">
        <f>IF(Input!$D$19=2,J852*Input!$C$19,0)+IF(Input!$D$20=2,K852*Input!$C$20,0)+IF(Input!$D$21=2,L852*Input!$C$21,0)+IF(Input!$D$22=2,M852*Input!$C$22,0)</f>
        <v>0.19512340086385821</v>
      </c>
      <c r="P852" s="59">
        <f>IF(Input!$D$19=3,J852*Input!$C$19,0)+IF(Input!$D$20=3,K852*Input!$C$20,0)+IF(Input!$D$21=3,L852*Input!$C$21,0)+IF(Input!$D$22=3,M852*Input!$C$22,0)</f>
        <v>0</v>
      </c>
      <c r="Q852" s="75">
        <f>IF(Input!$D$19=4,J852*Input!$C$19,0)+IF(Input!$D$20=4,K852*Input!$C$20,0)+IF(Input!$D$21=4,L852*Input!$C$21,0)+IF(Input!$D$22=4,M852*Input!$C$22,0)</f>
        <v>0</v>
      </c>
      <c r="R852" s="58">
        <v>47.826880996231083</v>
      </c>
      <c r="S852" s="124">
        <f t="shared" si="13"/>
        <v>0.33821389483068759</v>
      </c>
    </row>
    <row r="853" spans="8:19" x14ac:dyDescent="0.3">
      <c r="H853" s="44">
        <v>846</v>
      </c>
      <c r="I853" s="56">
        <f>Bühler!I879</f>
        <v>0.33821389483068759</v>
      </c>
      <c r="J853" s="59">
        <f>Bühler!J879</f>
        <v>1.1273796494356254</v>
      </c>
      <c r="K853" s="59">
        <f>Bühler!K879</f>
        <v>1.6910694741534378</v>
      </c>
      <c r="L853" s="59">
        <f>Bühler!L879</f>
        <v>8.1171334759365017</v>
      </c>
      <c r="M853" s="58">
        <f>Bühler!M879</f>
        <v>0</v>
      </c>
      <c r="N853" s="56">
        <f>IF(Input!$D$19=1,J853*Input!$C$19,0)+IF(Input!$D$20=1,K853*Input!$C$20,0)+IF(Input!$D$21=1,L853*Input!$C$21,0)+IF(Input!$D$22=1,M853*Input!$C$22,0)</f>
        <v>0.33821389483068759</v>
      </c>
      <c r="O853" s="59">
        <f>IF(Input!$D$19=2,J853*Input!$C$19,0)+IF(Input!$D$20=2,K853*Input!$C$20,0)+IF(Input!$D$21=2,L853*Input!$C$21,0)+IF(Input!$D$22=2,M853*Input!$C$22,0)</f>
        <v>0.84553473707671889</v>
      </c>
      <c r="P853" s="59">
        <f>IF(Input!$D$19=3,J853*Input!$C$19,0)+IF(Input!$D$20=3,K853*Input!$C$20,0)+IF(Input!$D$21=3,L853*Input!$C$21,0)+IF(Input!$D$22=3,M853*Input!$C$22,0)</f>
        <v>0</v>
      </c>
      <c r="Q853" s="75">
        <f>IF(Input!$D$19=4,J853*Input!$C$19,0)+IF(Input!$D$20=4,K853*Input!$C$20,0)+IF(Input!$D$21=4,L853*Input!$C$21,0)+IF(Input!$D$22=4,M853*Input!$C$22,0)</f>
        <v>0</v>
      </c>
      <c r="R853" s="58">
        <v>53.609115284492034</v>
      </c>
      <c r="S853" s="124">
        <f t="shared" si="13"/>
        <v>1.4655935442663131</v>
      </c>
    </row>
    <row r="854" spans="8:19" x14ac:dyDescent="0.3">
      <c r="H854" s="44">
        <v>847</v>
      </c>
      <c r="I854" s="56">
        <f>Bühler!I880</f>
        <v>0.38374268836558778</v>
      </c>
      <c r="J854" s="59">
        <f>Bühler!J880</f>
        <v>1.2791422945519595</v>
      </c>
      <c r="K854" s="59">
        <f>Bühler!K880</f>
        <v>1.918713441827939</v>
      </c>
      <c r="L854" s="59">
        <f>Bühler!L880</f>
        <v>9.2098245207741076</v>
      </c>
      <c r="M854" s="58">
        <f>Bühler!M880</f>
        <v>0</v>
      </c>
      <c r="N854" s="56">
        <f>IF(Input!$D$19=1,J854*Input!$C$19,0)+IF(Input!$D$20=1,K854*Input!$C$20,0)+IF(Input!$D$21=1,L854*Input!$C$21,0)+IF(Input!$D$22=1,M854*Input!$C$22,0)</f>
        <v>0.38374268836558784</v>
      </c>
      <c r="O854" s="59">
        <f>IF(Input!$D$19=2,J854*Input!$C$19,0)+IF(Input!$D$20=2,K854*Input!$C$20,0)+IF(Input!$D$21=2,L854*Input!$C$21,0)+IF(Input!$D$22=2,M854*Input!$C$22,0)</f>
        <v>0.95935672091396951</v>
      </c>
      <c r="P854" s="59">
        <f>IF(Input!$D$19=3,J854*Input!$C$19,0)+IF(Input!$D$20=3,K854*Input!$C$20,0)+IF(Input!$D$21=3,L854*Input!$C$21,0)+IF(Input!$D$22=3,M854*Input!$C$22,0)</f>
        <v>0</v>
      </c>
      <c r="Q854" s="75">
        <f>IF(Input!$D$19=4,J854*Input!$C$19,0)+IF(Input!$D$20=4,K854*Input!$C$20,0)+IF(Input!$D$21=4,L854*Input!$C$21,0)+IF(Input!$D$22=4,M854*Input!$C$22,0)</f>
        <v>0</v>
      </c>
      <c r="R854" s="58">
        <v>59.312062298328229</v>
      </c>
      <c r="S854" s="124">
        <f t="shared" si="13"/>
        <v>1.6628849829175474</v>
      </c>
    </row>
    <row r="855" spans="8:19" x14ac:dyDescent="0.3">
      <c r="H855" s="44">
        <v>848</v>
      </c>
      <c r="I855" s="56">
        <f>Bühler!I881</f>
        <v>0.38374268836558778</v>
      </c>
      <c r="J855" s="59">
        <f>Bühler!J881</f>
        <v>1.2791422945519595</v>
      </c>
      <c r="K855" s="59">
        <f>Bühler!K881</f>
        <v>1.918713441827939</v>
      </c>
      <c r="L855" s="59">
        <f>Bühler!L881</f>
        <v>9.2098245207741076</v>
      </c>
      <c r="M855" s="58">
        <f>Bühler!M881</f>
        <v>0</v>
      </c>
      <c r="N855" s="56">
        <f>IF(Input!$D$19=1,J855*Input!$C$19,0)+IF(Input!$D$20=1,K855*Input!$C$20,0)+IF(Input!$D$21=1,L855*Input!$C$21,0)+IF(Input!$D$22=1,M855*Input!$C$22,0)</f>
        <v>0.38374268836558784</v>
      </c>
      <c r="O855" s="59">
        <f>IF(Input!$D$19=2,J855*Input!$C$19,0)+IF(Input!$D$20=2,K855*Input!$C$20,0)+IF(Input!$D$21=2,L855*Input!$C$21,0)+IF(Input!$D$22=2,M855*Input!$C$22,0)</f>
        <v>0.95935672091396951</v>
      </c>
      <c r="P855" s="59">
        <f>IF(Input!$D$19=3,J855*Input!$C$19,0)+IF(Input!$D$20=3,K855*Input!$C$20,0)+IF(Input!$D$21=3,L855*Input!$C$21,0)+IF(Input!$D$22=3,M855*Input!$C$22,0)</f>
        <v>0</v>
      </c>
      <c r="Q855" s="75">
        <f>IF(Input!$D$19=4,J855*Input!$C$19,0)+IF(Input!$D$20=4,K855*Input!$C$20,0)+IF(Input!$D$21=4,L855*Input!$C$21,0)+IF(Input!$D$22=4,M855*Input!$C$22,0)</f>
        <v>0</v>
      </c>
      <c r="R855" s="58">
        <v>62.542295214543373</v>
      </c>
      <c r="S855" s="124">
        <f t="shared" si="13"/>
        <v>1.6628849829175474</v>
      </c>
    </row>
    <row r="856" spans="8:19" x14ac:dyDescent="0.3">
      <c r="H856" s="44">
        <v>849</v>
      </c>
      <c r="I856" s="56">
        <f>Bühler!I882</f>
        <v>0.38374268836558778</v>
      </c>
      <c r="J856" s="59">
        <f>Bühler!J882</f>
        <v>1.2791422945519595</v>
      </c>
      <c r="K856" s="59">
        <f>Bühler!K882</f>
        <v>1.918713441827939</v>
      </c>
      <c r="L856" s="59">
        <f>Bühler!L882</f>
        <v>9.2098245207741076</v>
      </c>
      <c r="M856" s="58">
        <f>Bühler!M882</f>
        <v>0</v>
      </c>
      <c r="N856" s="56">
        <f>IF(Input!$D$19=1,J856*Input!$C$19,0)+IF(Input!$D$20=1,K856*Input!$C$20,0)+IF(Input!$D$21=1,L856*Input!$C$21,0)+IF(Input!$D$22=1,M856*Input!$C$22,0)</f>
        <v>0.38374268836558784</v>
      </c>
      <c r="O856" s="59">
        <f>IF(Input!$D$19=2,J856*Input!$C$19,0)+IF(Input!$D$20=2,K856*Input!$C$20,0)+IF(Input!$D$21=2,L856*Input!$C$21,0)+IF(Input!$D$22=2,M856*Input!$C$22,0)</f>
        <v>0.95935672091396951</v>
      </c>
      <c r="P856" s="59">
        <f>IF(Input!$D$19=3,J856*Input!$C$19,0)+IF(Input!$D$20=3,K856*Input!$C$20,0)+IF(Input!$D$21=3,L856*Input!$C$21,0)+IF(Input!$D$22=3,M856*Input!$C$22,0)</f>
        <v>0</v>
      </c>
      <c r="Q856" s="75">
        <f>IF(Input!$D$19=4,J856*Input!$C$19,0)+IF(Input!$D$20=4,K856*Input!$C$20,0)+IF(Input!$D$21=4,L856*Input!$C$21,0)+IF(Input!$D$22=4,M856*Input!$C$22,0)</f>
        <v>0</v>
      </c>
      <c r="R856" s="58">
        <v>63.805540250996749</v>
      </c>
      <c r="S856" s="124">
        <f t="shared" si="13"/>
        <v>1.6628849829175474</v>
      </c>
    </row>
    <row r="857" spans="8:19" x14ac:dyDescent="0.3">
      <c r="H857" s="44">
        <v>850</v>
      </c>
      <c r="I857" s="56">
        <f>Bühler!I883</f>
        <v>0.40975914181410222</v>
      </c>
      <c r="J857" s="59">
        <f>Bühler!J883</f>
        <v>1.3658638060470076</v>
      </c>
      <c r="K857" s="59">
        <f>Bühler!K883</f>
        <v>2.0487957090705113</v>
      </c>
      <c r="L857" s="59">
        <f>Bühler!L883</f>
        <v>9.8342194035384534</v>
      </c>
      <c r="M857" s="58">
        <f>Bühler!M883</f>
        <v>0</v>
      </c>
      <c r="N857" s="56">
        <f>IF(Input!$D$19=1,J857*Input!$C$19,0)+IF(Input!$D$20=1,K857*Input!$C$20,0)+IF(Input!$D$21=1,L857*Input!$C$21,0)+IF(Input!$D$22=1,M857*Input!$C$22,0)</f>
        <v>0.40975914181410228</v>
      </c>
      <c r="O857" s="59">
        <f>IF(Input!$D$19=2,J857*Input!$C$19,0)+IF(Input!$D$20=2,K857*Input!$C$20,0)+IF(Input!$D$21=2,L857*Input!$C$21,0)+IF(Input!$D$22=2,M857*Input!$C$22,0)</f>
        <v>1.0243978545352557</v>
      </c>
      <c r="P857" s="59">
        <f>IF(Input!$D$19=3,J857*Input!$C$19,0)+IF(Input!$D$20=3,K857*Input!$C$20,0)+IF(Input!$D$21=3,L857*Input!$C$21,0)+IF(Input!$D$22=3,M857*Input!$C$22,0)</f>
        <v>0</v>
      </c>
      <c r="Q857" s="75">
        <f>IF(Input!$D$19=4,J857*Input!$C$19,0)+IF(Input!$D$20=4,K857*Input!$C$20,0)+IF(Input!$D$21=4,L857*Input!$C$21,0)+IF(Input!$D$22=4,M857*Input!$C$22,0)</f>
        <v>0</v>
      </c>
      <c r="R857" s="58">
        <v>63.726794570811286</v>
      </c>
      <c r="S857" s="124">
        <f t="shared" si="13"/>
        <v>1.7756229478611099</v>
      </c>
    </row>
    <row r="858" spans="8:19" x14ac:dyDescent="0.3">
      <c r="H858" s="44">
        <v>851</v>
      </c>
      <c r="I858" s="56">
        <f>Bühler!I884</f>
        <v>0.40975914181410222</v>
      </c>
      <c r="J858" s="59">
        <f>Bühler!J884</f>
        <v>1.3658638060470076</v>
      </c>
      <c r="K858" s="59">
        <f>Bühler!K884</f>
        <v>2.0487957090705113</v>
      </c>
      <c r="L858" s="59">
        <f>Bühler!L884</f>
        <v>9.8342194035384534</v>
      </c>
      <c r="M858" s="58">
        <f>Bühler!M884</f>
        <v>0</v>
      </c>
      <c r="N858" s="56">
        <f>IF(Input!$D$19=1,J858*Input!$C$19,0)+IF(Input!$D$20=1,K858*Input!$C$20,0)+IF(Input!$D$21=1,L858*Input!$C$21,0)+IF(Input!$D$22=1,M858*Input!$C$22,0)</f>
        <v>0.40975914181410228</v>
      </c>
      <c r="O858" s="59">
        <f>IF(Input!$D$19=2,J858*Input!$C$19,0)+IF(Input!$D$20=2,K858*Input!$C$20,0)+IF(Input!$D$21=2,L858*Input!$C$21,0)+IF(Input!$D$22=2,M858*Input!$C$22,0)</f>
        <v>1.0243978545352557</v>
      </c>
      <c r="P858" s="59">
        <f>IF(Input!$D$19=3,J858*Input!$C$19,0)+IF(Input!$D$20=3,K858*Input!$C$20,0)+IF(Input!$D$21=3,L858*Input!$C$21,0)+IF(Input!$D$22=3,M858*Input!$C$22,0)</f>
        <v>0</v>
      </c>
      <c r="Q858" s="75">
        <f>IF(Input!$D$19=4,J858*Input!$C$19,0)+IF(Input!$D$20=4,K858*Input!$C$20,0)+IF(Input!$D$21=4,L858*Input!$C$21,0)+IF(Input!$D$22=4,M858*Input!$C$22,0)</f>
        <v>0</v>
      </c>
      <c r="R858" s="58">
        <v>65.069557558901167</v>
      </c>
      <c r="S858" s="124">
        <f t="shared" si="13"/>
        <v>1.7756229478611099</v>
      </c>
    </row>
    <row r="859" spans="8:19" x14ac:dyDescent="0.3">
      <c r="H859" s="44">
        <v>852</v>
      </c>
      <c r="I859" s="56">
        <f>Bühler!I885</f>
        <v>0.52032906897028852</v>
      </c>
      <c r="J859" s="59">
        <f>Bühler!J885</f>
        <v>1.734430229900962</v>
      </c>
      <c r="K859" s="59">
        <f>Bühler!K885</f>
        <v>2.6016453448514429</v>
      </c>
      <c r="L859" s="59">
        <f>Bühler!L885</f>
        <v>12.487897655286925</v>
      </c>
      <c r="M859" s="58">
        <f>Bühler!M885</f>
        <v>0</v>
      </c>
      <c r="N859" s="56">
        <f>IF(Input!$D$19=1,J859*Input!$C$19,0)+IF(Input!$D$20=1,K859*Input!$C$20,0)+IF(Input!$D$21=1,L859*Input!$C$21,0)+IF(Input!$D$22=1,M859*Input!$C$22,0)</f>
        <v>0.52032906897028852</v>
      </c>
      <c r="O859" s="59">
        <f>IF(Input!$D$19=2,J859*Input!$C$19,0)+IF(Input!$D$20=2,K859*Input!$C$20,0)+IF(Input!$D$21=2,L859*Input!$C$21,0)+IF(Input!$D$22=2,M859*Input!$C$22,0)</f>
        <v>1.3008226724257215</v>
      </c>
      <c r="P859" s="59">
        <f>IF(Input!$D$19=3,J859*Input!$C$19,0)+IF(Input!$D$20=3,K859*Input!$C$20,0)+IF(Input!$D$21=3,L859*Input!$C$21,0)+IF(Input!$D$22=3,M859*Input!$C$22,0)</f>
        <v>0</v>
      </c>
      <c r="Q859" s="75">
        <f>IF(Input!$D$19=4,J859*Input!$C$19,0)+IF(Input!$D$20=4,K859*Input!$C$20,0)+IF(Input!$D$21=4,L859*Input!$C$21,0)+IF(Input!$D$22=4,M859*Input!$C$22,0)</f>
        <v>0</v>
      </c>
      <c r="R859" s="58">
        <v>65.72967595025041</v>
      </c>
      <c r="S859" s="124">
        <f t="shared" si="13"/>
        <v>2.2547592988712504</v>
      </c>
    </row>
    <row r="860" spans="8:19" x14ac:dyDescent="0.3">
      <c r="H860" s="44">
        <v>853</v>
      </c>
      <c r="I860" s="56">
        <f>Bühler!I886</f>
        <v>0.52032906897028852</v>
      </c>
      <c r="J860" s="59">
        <f>Bühler!J886</f>
        <v>1.734430229900962</v>
      </c>
      <c r="K860" s="59">
        <f>Bühler!K886</f>
        <v>2.6016453448514429</v>
      </c>
      <c r="L860" s="59">
        <f>Bühler!L886</f>
        <v>12.487897655286925</v>
      </c>
      <c r="M860" s="58">
        <f>Bühler!M886</f>
        <v>0</v>
      </c>
      <c r="N860" s="56">
        <f>IF(Input!$D$19=1,J860*Input!$C$19,0)+IF(Input!$D$20=1,K860*Input!$C$20,0)+IF(Input!$D$21=1,L860*Input!$C$21,0)+IF(Input!$D$22=1,M860*Input!$C$22,0)</f>
        <v>0.52032906897028852</v>
      </c>
      <c r="O860" s="59">
        <f>IF(Input!$D$19=2,J860*Input!$C$19,0)+IF(Input!$D$20=2,K860*Input!$C$20,0)+IF(Input!$D$21=2,L860*Input!$C$21,0)+IF(Input!$D$22=2,M860*Input!$C$22,0)</f>
        <v>1.3008226724257215</v>
      </c>
      <c r="P860" s="59">
        <f>IF(Input!$D$19=3,J860*Input!$C$19,0)+IF(Input!$D$20=3,K860*Input!$C$20,0)+IF(Input!$D$21=3,L860*Input!$C$21,0)+IF(Input!$D$22=3,M860*Input!$C$22,0)</f>
        <v>0</v>
      </c>
      <c r="Q860" s="75">
        <f>IF(Input!$D$19=4,J860*Input!$C$19,0)+IF(Input!$D$20=4,K860*Input!$C$20,0)+IF(Input!$D$21=4,L860*Input!$C$21,0)+IF(Input!$D$22=4,M860*Input!$C$22,0)</f>
        <v>0</v>
      </c>
      <c r="R860" s="58">
        <v>65.128712033947536</v>
      </c>
      <c r="S860" s="124">
        <f t="shared" si="13"/>
        <v>2.2547592988712504</v>
      </c>
    </row>
    <row r="861" spans="8:19" x14ac:dyDescent="0.3">
      <c r="H861" s="44">
        <v>854</v>
      </c>
      <c r="I861" s="56">
        <f>Bühler!I887</f>
        <v>0.34471800819281612</v>
      </c>
      <c r="J861" s="59">
        <f>Bühler!J887</f>
        <v>1.1490600273093872</v>
      </c>
      <c r="K861" s="59">
        <f>Bühler!K887</f>
        <v>1.7235900409640807</v>
      </c>
      <c r="L861" s="59">
        <f>Bühler!L887</f>
        <v>8.2732321966275872</v>
      </c>
      <c r="M861" s="58">
        <f>Bühler!M887</f>
        <v>0</v>
      </c>
      <c r="N861" s="56">
        <f>IF(Input!$D$19=1,J861*Input!$C$19,0)+IF(Input!$D$20=1,K861*Input!$C$20,0)+IF(Input!$D$21=1,L861*Input!$C$21,0)+IF(Input!$D$22=1,M861*Input!$C$22,0)</f>
        <v>0.34471800819281612</v>
      </c>
      <c r="O861" s="59">
        <f>IF(Input!$D$19=2,J861*Input!$C$19,0)+IF(Input!$D$20=2,K861*Input!$C$20,0)+IF(Input!$D$21=2,L861*Input!$C$21,0)+IF(Input!$D$22=2,M861*Input!$C$22,0)</f>
        <v>0.86179502048204037</v>
      </c>
      <c r="P861" s="59">
        <f>IF(Input!$D$19=3,J861*Input!$C$19,0)+IF(Input!$D$20=3,K861*Input!$C$20,0)+IF(Input!$D$21=3,L861*Input!$C$21,0)+IF(Input!$D$22=3,M861*Input!$C$22,0)</f>
        <v>0</v>
      </c>
      <c r="Q861" s="75">
        <f>IF(Input!$D$19=4,J861*Input!$C$19,0)+IF(Input!$D$20=4,K861*Input!$C$20,0)+IF(Input!$D$21=4,L861*Input!$C$21,0)+IF(Input!$D$22=4,M861*Input!$C$22,0)</f>
        <v>0</v>
      </c>
      <c r="R861" s="58">
        <v>65.847365263027129</v>
      </c>
      <c r="S861" s="124">
        <f t="shared" si="13"/>
        <v>1.4937780355022032</v>
      </c>
    </row>
    <row r="862" spans="8:19" x14ac:dyDescent="0.3">
      <c r="H862" s="44">
        <v>855</v>
      </c>
      <c r="I862" s="56">
        <f>Bühler!I888</f>
        <v>0.52032906897028852</v>
      </c>
      <c r="J862" s="59">
        <f>Bühler!J888</f>
        <v>1.734430229900962</v>
      </c>
      <c r="K862" s="59">
        <f>Bühler!K888</f>
        <v>2.6016453448514429</v>
      </c>
      <c r="L862" s="59">
        <f>Bühler!L888</f>
        <v>12.487897655286925</v>
      </c>
      <c r="M862" s="58">
        <f>Bühler!M888</f>
        <v>0</v>
      </c>
      <c r="N862" s="56">
        <f>IF(Input!$D$19=1,J862*Input!$C$19,0)+IF(Input!$D$20=1,K862*Input!$C$20,0)+IF(Input!$D$21=1,L862*Input!$C$21,0)+IF(Input!$D$22=1,M862*Input!$C$22,0)</f>
        <v>0.52032906897028852</v>
      </c>
      <c r="O862" s="59">
        <f>IF(Input!$D$19=2,J862*Input!$C$19,0)+IF(Input!$D$20=2,K862*Input!$C$20,0)+IF(Input!$D$21=2,L862*Input!$C$21,0)+IF(Input!$D$22=2,M862*Input!$C$22,0)</f>
        <v>1.3008226724257215</v>
      </c>
      <c r="P862" s="59">
        <f>IF(Input!$D$19=3,J862*Input!$C$19,0)+IF(Input!$D$20=3,K862*Input!$C$20,0)+IF(Input!$D$21=3,L862*Input!$C$21,0)+IF(Input!$D$22=3,M862*Input!$C$22,0)</f>
        <v>0</v>
      </c>
      <c r="Q862" s="75">
        <f>IF(Input!$D$19=4,J862*Input!$C$19,0)+IF(Input!$D$20=4,K862*Input!$C$20,0)+IF(Input!$D$21=4,L862*Input!$C$21,0)+IF(Input!$D$22=4,M862*Input!$C$22,0)</f>
        <v>0</v>
      </c>
      <c r="R862" s="58">
        <v>66.612887507997556</v>
      </c>
      <c r="S862" s="124">
        <f t="shared" si="13"/>
        <v>2.2547592988712504</v>
      </c>
    </row>
    <row r="863" spans="8:19" x14ac:dyDescent="0.3">
      <c r="H863" s="44">
        <v>856</v>
      </c>
      <c r="I863" s="56">
        <f>Bühler!I889</f>
        <v>0.52032906897028852</v>
      </c>
      <c r="J863" s="59">
        <f>Bühler!J889</f>
        <v>1.734430229900962</v>
      </c>
      <c r="K863" s="59">
        <f>Bühler!K889</f>
        <v>2.6016453448514429</v>
      </c>
      <c r="L863" s="59">
        <f>Bühler!L889</f>
        <v>12.487897655286925</v>
      </c>
      <c r="M863" s="58">
        <f>Bühler!M889</f>
        <v>0</v>
      </c>
      <c r="N863" s="56">
        <f>IF(Input!$D$19=1,J863*Input!$C$19,0)+IF(Input!$D$20=1,K863*Input!$C$20,0)+IF(Input!$D$21=1,L863*Input!$C$21,0)+IF(Input!$D$22=1,M863*Input!$C$22,0)</f>
        <v>0.52032906897028852</v>
      </c>
      <c r="O863" s="59">
        <f>IF(Input!$D$19=2,J863*Input!$C$19,0)+IF(Input!$D$20=2,K863*Input!$C$20,0)+IF(Input!$D$21=2,L863*Input!$C$21,0)+IF(Input!$D$22=2,M863*Input!$C$22,0)</f>
        <v>1.3008226724257215</v>
      </c>
      <c r="P863" s="59">
        <f>IF(Input!$D$19=3,J863*Input!$C$19,0)+IF(Input!$D$20=3,K863*Input!$C$20,0)+IF(Input!$D$21=3,L863*Input!$C$21,0)+IF(Input!$D$22=3,M863*Input!$C$22,0)</f>
        <v>0</v>
      </c>
      <c r="Q863" s="75">
        <f>IF(Input!$D$19=4,J863*Input!$C$19,0)+IF(Input!$D$20=4,K863*Input!$C$20,0)+IF(Input!$D$21=4,L863*Input!$C$21,0)+IF(Input!$D$22=4,M863*Input!$C$22,0)</f>
        <v>0</v>
      </c>
      <c r="R863" s="58">
        <v>66.124126431064724</v>
      </c>
      <c r="S863" s="124">
        <f t="shared" si="13"/>
        <v>2.2547592988712504</v>
      </c>
    </row>
    <row r="864" spans="8:19" x14ac:dyDescent="0.3">
      <c r="H864" s="44">
        <v>857</v>
      </c>
      <c r="I864" s="56">
        <f>Bühler!I890</f>
        <v>0.52032906897028852</v>
      </c>
      <c r="J864" s="59">
        <f>Bühler!J890</f>
        <v>1.734430229900962</v>
      </c>
      <c r="K864" s="59">
        <f>Bühler!K890</f>
        <v>2.6016453448514429</v>
      </c>
      <c r="L864" s="59">
        <f>Bühler!L890</f>
        <v>12.487897655286925</v>
      </c>
      <c r="M864" s="58">
        <f>Bühler!M890</f>
        <v>0</v>
      </c>
      <c r="N864" s="56">
        <f>IF(Input!$D$19=1,J864*Input!$C$19,0)+IF(Input!$D$20=1,K864*Input!$C$20,0)+IF(Input!$D$21=1,L864*Input!$C$21,0)+IF(Input!$D$22=1,M864*Input!$C$22,0)</f>
        <v>0.52032906897028852</v>
      </c>
      <c r="O864" s="59">
        <f>IF(Input!$D$19=2,J864*Input!$C$19,0)+IF(Input!$D$20=2,K864*Input!$C$20,0)+IF(Input!$D$21=2,L864*Input!$C$21,0)+IF(Input!$D$22=2,M864*Input!$C$22,0)</f>
        <v>1.3008226724257215</v>
      </c>
      <c r="P864" s="59">
        <f>IF(Input!$D$19=3,J864*Input!$C$19,0)+IF(Input!$D$20=3,K864*Input!$C$20,0)+IF(Input!$D$21=3,L864*Input!$C$21,0)+IF(Input!$D$22=3,M864*Input!$C$22,0)</f>
        <v>0</v>
      </c>
      <c r="Q864" s="75">
        <f>IF(Input!$D$19=4,J864*Input!$C$19,0)+IF(Input!$D$20=4,K864*Input!$C$20,0)+IF(Input!$D$21=4,L864*Input!$C$21,0)+IF(Input!$D$22=4,M864*Input!$C$22,0)</f>
        <v>0</v>
      </c>
      <c r="R864" s="58">
        <v>66.157335809855113</v>
      </c>
      <c r="S864" s="124">
        <f t="shared" si="13"/>
        <v>2.2547592988712504</v>
      </c>
    </row>
    <row r="865" spans="8:19" x14ac:dyDescent="0.3">
      <c r="H865" s="44">
        <v>858</v>
      </c>
      <c r="I865" s="56">
        <f>Bühler!I891</f>
        <v>0.52032906897028852</v>
      </c>
      <c r="J865" s="59">
        <f>Bühler!J891</f>
        <v>1.734430229900962</v>
      </c>
      <c r="K865" s="59">
        <f>Bühler!K891</f>
        <v>2.6016453448514429</v>
      </c>
      <c r="L865" s="59">
        <f>Bühler!L891</f>
        <v>12.487897655286925</v>
      </c>
      <c r="M865" s="58">
        <f>Bühler!M891</f>
        <v>0</v>
      </c>
      <c r="N865" s="56">
        <f>IF(Input!$D$19=1,J865*Input!$C$19,0)+IF(Input!$D$20=1,K865*Input!$C$20,0)+IF(Input!$D$21=1,L865*Input!$C$21,0)+IF(Input!$D$22=1,M865*Input!$C$22,0)</f>
        <v>0.52032906897028852</v>
      </c>
      <c r="O865" s="59">
        <f>IF(Input!$D$19=2,J865*Input!$C$19,0)+IF(Input!$D$20=2,K865*Input!$C$20,0)+IF(Input!$D$21=2,L865*Input!$C$21,0)+IF(Input!$D$22=2,M865*Input!$C$22,0)</f>
        <v>1.3008226724257215</v>
      </c>
      <c r="P865" s="59">
        <f>IF(Input!$D$19=3,J865*Input!$C$19,0)+IF(Input!$D$20=3,K865*Input!$C$20,0)+IF(Input!$D$21=3,L865*Input!$C$21,0)+IF(Input!$D$22=3,M865*Input!$C$22,0)</f>
        <v>0</v>
      </c>
      <c r="Q865" s="75">
        <f>IF(Input!$D$19=4,J865*Input!$C$19,0)+IF(Input!$D$20=4,K865*Input!$C$20,0)+IF(Input!$D$21=4,L865*Input!$C$21,0)+IF(Input!$D$22=4,M865*Input!$C$22,0)</f>
        <v>0</v>
      </c>
      <c r="R865" s="58">
        <v>65.227550050363035</v>
      </c>
      <c r="S865" s="124">
        <f t="shared" si="13"/>
        <v>2.2547592988712504</v>
      </c>
    </row>
    <row r="866" spans="8:19" x14ac:dyDescent="0.3">
      <c r="H866" s="44">
        <v>859</v>
      </c>
      <c r="I866" s="56">
        <f>Bühler!I892</f>
        <v>0.52032906897028852</v>
      </c>
      <c r="J866" s="59">
        <f>Bühler!J892</f>
        <v>1.734430229900962</v>
      </c>
      <c r="K866" s="59">
        <f>Bühler!K892</f>
        <v>2.6016453448514429</v>
      </c>
      <c r="L866" s="59">
        <f>Bühler!L892</f>
        <v>12.487897655286925</v>
      </c>
      <c r="M866" s="58">
        <f>Bühler!M892</f>
        <v>0</v>
      </c>
      <c r="N866" s="56">
        <f>IF(Input!$D$19=1,J866*Input!$C$19,0)+IF(Input!$D$20=1,K866*Input!$C$20,0)+IF(Input!$D$21=1,L866*Input!$C$21,0)+IF(Input!$D$22=1,M866*Input!$C$22,0)</f>
        <v>0.52032906897028852</v>
      </c>
      <c r="O866" s="59">
        <f>IF(Input!$D$19=2,J866*Input!$C$19,0)+IF(Input!$D$20=2,K866*Input!$C$20,0)+IF(Input!$D$21=2,L866*Input!$C$21,0)+IF(Input!$D$22=2,M866*Input!$C$22,0)</f>
        <v>1.3008226724257215</v>
      </c>
      <c r="P866" s="59">
        <f>IF(Input!$D$19=3,J866*Input!$C$19,0)+IF(Input!$D$20=3,K866*Input!$C$20,0)+IF(Input!$D$21=3,L866*Input!$C$21,0)+IF(Input!$D$22=3,M866*Input!$C$22,0)</f>
        <v>0</v>
      </c>
      <c r="Q866" s="75">
        <f>IF(Input!$D$19=4,J866*Input!$C$19,0)+IF(Input!$D$20=4,K866*Input!$C$20,0)+IF(Input!$D$21=4,L866*Input!$C$21,0)+IF(Input!$D$22=4,M866*Input!$C$22,0)</f>
        <v>0</v>
      </c>
      <c r="R866" s="58">
        <v>62.648303328307378</v>
      </c>
      <c r="S866" s="124">
        <f t="shared" si="13"/>
        <v>2.2547592988712504</v>
      </c>
    </row>
    <row r="867" spans="8:19" x14ac:dyDescent="0.3">
      <c r="H867" s="44">
        <v>860</v>
      </c>
      <c r="I867" s="56">
        <f>Bühler!I893</f>
        <v>0.43577559526261667</v>
      </c>
      <c r="J867" s="59">
        <f>Bühler!J893</f>
        <v>1.4525853175420558</v>
      </c>
      <c r="K867" s="59">
        <f>Bühler!K893</f>
        <v>2.1788779763130832</v>
      </c>
      <c r="L867" s="59">
        <f>Bühler!L893</f>
        <v>10.458614286302799</v>
      </c>
      <c r="M867" s="58">
        <f>Bühler!M893</f>
        <v>0</v>
      </c>
      <c r="N867" s="56">
        <f>IF(Input!$D$19=1,J867*Input!$C$19,0)+IF(Input!$D$20=1,K867*Input!$C$20,0)+IF(Input!$D$21=1,L867*Input!$C$21,0)+IF(Input!$D$22=1,M867*Input!$C$22,0)</f>
        <v>0.43577559526261672</v>
      </c>
      <c r="O867" s="59">
        <f>IF(Input!$D$19=2,J867*Input!$C$19,0)+IF(Input!$D$20=2,K867*Input!$C$20,0)+IF(Input!$D$21=2,L867*Input!$C$21,0)+IF(Input!$D$22=2,M867*Input!$C$22,0)</f>
        <v>1.0894389881565416</v>
      </c>
      <c r="P867" s="59">
        <f>IF(Input!$D$19=3,J867*Input!$C$19,0)+IF(Input!$D$20=3,K867*Input!$C$20,0)+IF(Input!$D$21=3,L867*Input!$C$21,0)+IF(Input!$D$22=3,M867*Input!$C$22,0)</f>
        <v>0</v>
      </c>
      <c r="Q867" s="75">
        <f>IF(Input!$D$19=4,J867*Input!$C$19,0)+IF(Input!$D$20=4,K867*Input!$C$20,0)+IF(Input!$D$21=4,L867*Input!$C$21,0)+IF(Input!$D$22=4,M867*Input!$C$22,0)</f>
        <v>0</v>
      </c>
      <c r="R867" s="58">
        <v>62.042678579039027</v>
      </c>
      <c r="S867" s="124">
        <f t="shared" si="13"/>
        <v>1.8883609128046723</v>
      </c>
    </row>
    <row r="868" spans="8:19" x14ac:dyDescent="0.3">
      <c r="H868" s="44">
        <v>861</v>
      </c>
      <c r="I868" s="56">
        <f>Bühler!I894</f>
        <v>0.35772623491707334</v>
      </c>
      <c r="J868" s="59">
        <f>Bühler!J894</f>
        <v>1.1924207830569111</v>
      </c>
      <c r="K868" s="59">
        <f>Bühler!K894</f>
        <v>1.7886311745853667</v>
      </c>
      <c r="L868" s="59">
        <f>Bühler!L894</f>
        <v>8.5854296380097601</v>
      </c>
      <c r="M868" s="58">
        <f>Bühler!M894</f>
        <v>0</v>
      </c>
      <c r="N868" s="56">
        <f>IF(Input!$D$19=1,J868*Input!$C$19,0)+IF(Input!$D$20=1,K868*Input!$C$20,0)+IF(Input!$D$21=1,L868*Input!$C$21,0)+IF(Input!$D$22=1,M868*Input!$C$22,0)</f>
        <v>0.35772623491707334</v>
      </c>
      <c r="O868" s="59">
        <f>IF(Input!$D$19=2,J868*Input!$C$19,0)+IF(Input!$D$20=2,K868*Input!$C$20,0)+IF(Input!$D$21=2,L868*Input!$C$21,0)+IF(Input!$D$22=2,M868*Input!$C$22,0)</f>
        <v>0.89431558729268334</v>
      </c>
      <c r="P868" s="59">
        <f>IF(Input!$D$19=3,J868*Input!$C$19,0)+IF(Input!$D$20=3,K868*Input!$C$20,0)+IF(Input!$D$21=3,L868*Input!$C$21,0)+IF(Input!$D$22=3,M868*Input!$C$22,0)</f>
        <v>0</v>
      </c>
      <c r="Q868" s="75">
        <f>IF(Input!$D$19=4,J868*Input!$C$19,0)+IF(Input!$D$20=4,K868*Input!$C$20,0)+IF(Input!$D$21=4,L868*Input!$C$21,0)+IF(Input!$D$22=4,M868*Input!$C$22,0)</f>
        <v>0</v>
      </c>
      <c r="R868" s="58">
        <v>61.299112113020961</v>
      </c>
      <c r="S868" s="124">
        <f t="shared" si="13"/>
        <v>1.5501470179739845</v>
      </c>
    </row>
    <row r="869" spans="8:19" x14ac:dyDescent="0.3">
      <c r="H869" s="44">
        <v>862</v>
      </c>
      <c r="I869" s="56">
        <f>Bühler!I895</f>
        <v>0.26016453448514426</v>
      </c>
      <c r="J869" s="59">
        <f>Bühler!J895</f>
        <v>0.86721511495048098</v>
      </c>
      <c r="K869" s="59">
        <f>Bühler!K895</f>
        <v>1.3008226724257215</v>
      </c>
      <c r="L869" s="59">
        <f>Bühler!L895</f>
        <v>6.2439488276434627</v>
      </c>
      <c r="M869" s="58">
        <f>Bühler!M895</f>
        <v>0</v>
      </c>
      <c r="N869" s="56">
        <f>IF(Input!$D$19=1,J869*Input!$C$19,0)+IF(Input!$D$20=1,K869*Input!$C$20,0)+IF(Input!$D$21=1,L869*Input!$C$21,0)+IF(Input!$D$22=1,M869*Input!$C$22,0)</f>
        <v>0.26016453448514426</v>
      </c>
      <c r="O869" s="59">
        <f>IF(Input!$D$19=2,J869*Input!$C$19,0)+IF(Input!$D$20=2,K869*Input!$C$20,0)+IF(Input!$D$21=2,L869*Input!$C$21,0)+IF(Input!$D$22=2,M869*Input!$C$22,0)</f>
        <v>0.65041133621286074</v>
      </c>
      <c r="P869" s="59">
        <f>IF(Input!$D$19=3,J869*Input!$C$19,0)+IF(Input!$D$20=3,K869*Input!$C$20,0)+IF(Input!$D$21=3,L869*Input!$C$21,0)+IF(Input!$D$22=3,M869*Input!$C$22,0)</f>
        <v>0</v>
      </c>
      <c r="Q869" s="75">
        <f>IF(Input!$D$19=4,J869*Input!$C$19,0)+IF(Input!$D$20=4,K869*Input!$C$20,0)+IF(Input!$D$21=4,L869*Input!$C$21,0)+IF(Input!$D$22=4,M869*Input!$C$22,0)</f>
        <v>0</v>
      </c>
      <c r="R869" s="58">
        <v>59.005725197081247</v>
      </c>
      <c r="S869" s="124">
        <f t="shared" si="13"/>
        <v>1.1273796494356252</v>
      </c>
    </row>
    <row r="870" spans="8:19" x14ac:dyDescent="0.3">
      <c r="H870" s="44">
        <v>863</v>
      </c>
      <c r="I870" s="56">
        <f>Bühler!I896</f>
        <v>0.24715630776088704</v>
      </c>
      <c r="J870" s="59">
        <f>Bühler!J896</f>
        <v>0.82385435920295691</v>
      </c>
      <c r="K870" s="59">
        <f>Bühler!K896</f>
        <v>1.2357815388044353</v>
      </c>
      <c r="L870" s="59">
        <f>Bühler!L896</f>
        <v>5.9317513862612889</v>
      </c>
      <c r="M870" s="58">
        <f>Bühler!M896</f>
        <v>0</v>
      </c>
      <c r="N870" s="56">
        <f>IF(Input!$D$19=1,J870*Input!$C$19,0)+IF(Input!$D$20=1,K870*Input!$C$20,0)+IF(Input!$D$21=1,L870*Input!$C$21,0)+IF(Input!$D$22=1,M870*Input!$C$22,0)</f>
        <v>0.24715630776088707</v>
      </c>
      <c r="O870" s="59">
        <f>IF(Input!$D$19=2,J870*Input!$C$19,0)+IF(Input!$D$20=2,K870*Input!$C$20,0)+IF(Input!$D$21=2,L870*Input!$C$21,0)+IF(Input!$D$22=2,M870*Input!$C$22,0)</f>
        <v>0.61789076940221765</v>
      </c>
      <c r="P870" s="59">
        <f>IF(Input!$D$19=3,J870*Input!$C$19,0)+IF(Input!$D$20=3,K870*Input!$C$20,0)+IF(Input!$D$21=3,L870*Input!$C$21,0)+IF(Input!$D$22=3,M870*Input!$C$22,0)</f>
        <v>0</v>
      </c>
      <c r="Q870" s="75">
        <f>IF(Input!$D$19=4,J870*Input!$C$19,0)+IF(Input!$D$20=4,K870*Input!$C$20,0)+IF(Input!$D$21=4,L870*Input!$C$21,0)+IF(Input!$D$22=4,M870*Input!$C$22,0)</f>
        <v>0</v>
      </c>
      <c r="R870" s="58">
        <v>58.961950190043652</v>
      </c>
      <c r="S870" s="124">
        <f t="shared" si="13"/>
        <v>1.0710106669638439</v>
      </c>
    </row>
    <row r="871" spans="8:19" x14ac:dyDescent="0.3">
      <c r="H871" s="44">
        <v>864</v>
      </c>
      <c r="I871" s="56">
        <f>Bühler!I897</f>
        <v>0.24715630776088704</v>
      </c>
      <c r="J871" s="59">
        <f>Bühler!J897</f>
        <v>0.82385435920295691</v>
      </c>
      <c r="K871" s="59">
        <f>Bühler!K897</f>
        <v>1.2357815388044353</v>
      </c>
      <c r="L871" s="59">
        <f>Bühler!L897</f>
        <v>5.9317513862612889</v>
      </c>
      <c r="M871" s="58">
        <f>Bühler!M897</f>
        <v>0</v>
      </c>
      <c r="N871" s="56">
        <f>IF(Input!$D$19=1,J871*Input!$C$19,0)+IF(Input!$D$20=1,K871*Input!$C$20,0)+IF(Input!$D$21=1,L871*Input!$C$21,0)+IF(Input!$D$22=1,M871*Input!$C$22,0)</f>
        <v>0.24715630776088707</v>
      </c>
      <c r="O871" s="59">
        <f>IF(Input!$D$19=2,J871*Input!$C$19,0)+IF(Input!$D$20=2,K871*Input!$C$20,0)+IF(Input!$D$21=2,L871*Input!$C$21,0)+IF(Input!$D$22=2,M871*Input!$C$22,0)</f>
        <v>0.61789076940221765</v>
      </c>
      <c r="P871" s="59">
        <f>IF(Input!$D$19=3,J871*Input!$C$19,0)+IF(Input!$D$20=3,K871*Input!$C$20,0)+IF(Input!$D$21=3,L871*Input!$C$21,0)+IF(Input!$D$22=3,M871*Input!$C$22,0)</f>
        <v>0</v>
      </c>
      <c r="Q871" s="75">
        <f>IF(Input!$D$19=4,J871*Input!$C$19,0)+IF(Input!$D$20=4,K871*Input!$C$20,0)+IF(Input!$D$21=4,L871*Input!$C$21,0)+IF(Input!$D$22=4,M871*Input!$C$22,0)</f>
        <v>0</v>
      </c>
      <c r="R871" s="58">
        <v>58.534344170158903</v>
      </c>
      <c r="S871" s="124">
        <f t="shared" si="13"/>
        <v>1.0710106669638439</v>
      </c>
    </row>
    <row r="872" spans="8:19" x14ac:dyDescent="0.3">
      <c r="H872" s="44">
        <v>865</v>
      </c>
      <c r="I872" s="56">
        <f>Bühler!I898</f>
        <v>0.22520051031301158</v>
      </c>
      <c r="J872" s="59">
        <f>Bühler!J898</f>
        <v>0.75066836771003864</v>
      </c>
      <c r="K872" s="59">
        <f>Bühler!K898</f>
        <v>1.1260025515650578</v>
      </c>
      <c r="L872" s="59">
        <f>Bühler!L898</f>
        <v>5.404812247512278</v>
      </c>
      <c r="M872" s="58">
        <f>Bühler!M898</f>
        <v>0</v>
      </c>
      <c r="N872" s="56">
        <f>IF(Input!$D$19=1,J872*Input!$C$19,0)+IF(Input!$D$20=1,K872*Input!$C$20,0)+IF(Input!$D$21=1,L872*Input!$C$21,0)+IF(Input!$D$22=1,M872*Input!$C$22,0)</f>
        <v>0.22520051031301158</v>
      </c>
      <c r="O872" s="59">
        <f>IF(Input!$D$19=2,J872*Input!$C$19,0)+IF(Input!$D$20=2,K872*Input!$C$20,0)+IF(Input!$D$21=2,L872*Input!$C$21,0)+IF(Input!$D$22=2,M872*Input!$C$22,0)</f>
        <v>0.5630012757825289</v>
      </c>
      <c r="P872" s="59">
        <f>IF(Input!$D$19=3,J872*Input!$C$19,0)+IF(Input!$D$20=3,K872*Input!$C$20,0)+IF(Input!$D$21=3,L872*Input!$C$21,0)+IF(Input!$D$22=3,M872*Input!$C$22,0)</f>
        <v>0</v>
      </c>
      <c r="Q872" s="75">
        <f>IF(Input!$D$19=4,J872*Input!$C$19,0)+IF(Input!$D$20=4,K872*Input!$C$20,0)+IF(Input!$D$21=4,L872*Input!$C$21,0)+IF(Input!$D$22=4,M872*Input!$C$22,0)</f>
        <v>0</v>
      </c>
      <c r="R872" s="58">
        <v>57.580922185198723</v>
      </c>
      <c r="S872" s="124">
        <f t="shared" si="13"/>
        <v>0.97586887802305022</v>
      </c>
    </row>
    <row r="873" spans="8:19" x14ac:dyDescent="0.3">
      <c r="H873" s="44">
        <v>866</v>
      </c>
      <c r="I873" s="56">
        <f>Bühler!I899</f>
        <v>0.22520051031301158</v>
      </c>
      <c r="J873" s="59">
        <f>Bühler!J899</f>
        <v>0.75066836771003864</v>
      </c>
      <c r="K873" s="59">
        <f>Bühler!K899</f>
        <v>1.1260025515650578</v>
      </c>
      <c r="L873" s="59">
        <f>Bühler!L899</f>
        <v>5.404812247512278</v>
      </c>
      <c r="M873" s="58">
        <f>Bühler!M899</f>
        <v>0</v>
      </c>
      <c r="N873" s="56">
        <f>IF(Input!$D$19=1,J873*Input!$C$19,0)+IF(Input!$D$20=1,K873*Input!$C$20,0)+IF(Input!$D$21=1,L873*Input!$C$21,0)+IF(Input!$D$22=1,M873*Input!$C$22,0)</f>
        <v>0.22520051031301158</v>
      </c>
      <c r="O873" s="59">
        <f>IF(Input!$D$19=2,J873*Input!$C$19,0)+IF(Input!$D$20=2,K873*Input!$C$20,0)+IF(Input!$D$21=2,L873*Input!$C$21,0)+IF(Input!$D$22=2,M873*Input!$C$22,0)</f>
        <v>0.5630012757825289</v>
      </c>
      <c r="P873" s="59">
        <f>IF(Input!$D$19=3,J873*Input!$C$19,0)+IF(Input!$D$20=3,K873*Input!$C$20,0)+IF(Input!$D$21=3,L873*Input!$C$21,0)+IF(Input!$D$22=3,M873*Input!$C$22,0)</f>
        <v>0</v>
      </c>
      <c r="Q873" s="75">
        <f>IF(Input!$D$19=4,J873*Input!$C$19,0)+IF(Input!$D$20=4,K873*Input!$C$20,0)+IF(Input!$D$21=4,L873*Input!$C$21,0)+IF(Input!$D$22=4,M873*Input!$C$22,0)</f>
        <v>0</v>
      </c>
      <c r="R873" s="58">
        <v>57.635372108250188</v>
      </c>
      <c r="S873" s="124">
        <f t="shared" si="13"/>
        <v>0.97586887802305022</v>
      </c>
    </row>
    <row r="874" spans="8:19" x14ac:dyDescent="0.3">
      <c r="H874" s="44">
        <v>867</v>
      </c>
      <c r="I874" s="56">
        <f>Bühler!I900</f>
        <v>0.22520051031301158</v>
      </c>
      <c r="J874" s="59">
        <f>Bühler!J900</f>
        <v>0.75066836771003864</v>
      </c>
      <c r="K874" s="59">
        <f>Bühler!K900</f>
        <v>1.1260025515650578</v>
      </c>
      <c r="L874" s="59">
        <f>Bühler!L900</f>
        <v>5.404812247512278</v>
      </c>
      <c r="M874" s="58">
        <f>Bühler!M900</f>
        <v>0</v>
      </c>
      <c r="N874" s="56">
        <f>IF(Input!$D$19=1,J874*Input!$C$19,0)+IF(Input!$D$20=1,K874*Input!$C$20,0)+IF(Input!$D$21=1,L874*Input!$C$21,0)+IF(Input!$D$22=1,M874*Input!$C$22,0)</f>
        <v>0.22520051031301158</v>
      </c>
      <c r="O874" s="59">
        <f>IF(Input!$D$19=2,J874*Input!$C$19,0)+IF(Input!$D$20=2,K874*Input!$C$20,0)+IF(Input!$D$21=2,L874*Input!$C$21,0)+IF(Input!$D$22=2,M874*Input!$C$22,0)</f>
        <v>0.5630012757825289</v>
      </c>
      <c r="P874" s="59">
        <f>IF(Input!$D$19=3,J874*Input!$C$19,0)+IF(Input!$D$20=3,K874*Input!$C$20,0)+IF(Input!$D$21=3,L874*Input!$C$21,0)+IF(Input!$D$22=3,M874*Input!$C$22,0)</f>
        <v>0</v>
      </c>
      <c r="Q874" s="75">
        <f>IF(Input!$D$19=4,J874*Input!$C$19,0)+IF(Input!$D$20=4,K874*Input!$C$20,0)+IF(Input!$D$21=4,L874*Input!$C$21,0)+IF(Input!$D$22=4,M874*Input!$C$22,0)</f>
        <v>0</v>
      </c>
      <c r="R874" s="58">
        <v>58.242263101044927</v>
      </c>
      <c r="S874" s="124">
        <f t="shared" si="13"/>
        <v>0.97586887802305022</v>
      </c>
    </row>
    <row r="875" spans="8:19" x14ac:dyDescent="0.3">
      <c r="H875" s="44">
        <v>868</v>
      </c>
      <c r="I875" s="56">
        <f>Bühler!I901</f>
        <v>0.22520051031301158</v>
      </c>
      <c r="J875" s="59">
        <f>Bühler!J901</f>
        <v>0.75066836771003864</v>
      </c>
      <c r="K875" s="59">
        <f>Bühler!K901</f>
        <v>1.1260025515650578</v>
      </c>
      <c r="L875" s="59">
        <f>Bühler!L901</f>
        <v>5.404812247512278</v>
      </c>
      <c r="M875" s="58">
        <f>Bühler!M901</f>
        <v>0</v>
      </c>
      <c r="N875" s="56">
        <f>IF(Input!$D$19=1,J875*Input!$C$19,0)+IF(Input!$D$20=1,K875*Input!$C$20,0)+IF(Input!$D$21=1,L875*Input!$C$21,0)+IF(Input!$D$22=1,M875*Input!$C$22,0)</f>
        <v>0.22520051031301158</v>
      </c>
      <c r="O875" s="59">
        <f>IF(Input!$D$19=2,J875*Input!$C$19,0)+IF(Input!$D$20=2,K875*Input!$C$20,0)+IF(Input!$D$21=2,L875*Input!$C$21,0)+IF(Input!$D$22=2,M875*Input!$C$22,0)</f>
        <v>0.5630012757825289</v>
      </c>
      <c r="P875" s="59">
        <f>IF(Input!$D$19=3,J875*Input!$C$19,0)+IF(Input!$D$20=3,K875*Input!$C$20,0)+IF(Input!$D$21=3,L875*Input!$C$21,0)+IF(Input!$D$22=3,M875*Input!$C$22,0)</f>
        <v>0</v>
      </c>
      <c r="Q875" s="75">
        <f>IF(Input!$D$19=4,J875*Input!$C$19,0)+IF(Input!$D$20=4,K875*Input!$C$20,0)+IF(Input!$D$21=4,L875*Input!$C$21,0)+IF(Input!$D$22=4,M875*Input!$C$22,0)</f>
        <v>0</v>
      </c>
      <c r="R875" s="58">
        <v>58.682592986431381</v>
      </c>
      <c r="S875" s="124">
        <f t="shared" si="13"/>
        <v>0.97586887802305022</v>
      </c>
    </row>
    <row r="876" spans="8:19" x14ac:dyDescent="0.3">
      <c r="H876" s="44">
        <v>869</v>
      </c>
      <c r="I876" s="56">
        <f>Bühler!I902</f>
        <v>0.22520051031301158</v>
      </c>
      <c r="J876" s="59">
        <f>Bühler!J902</f>
        <v>0.75066836771003864</v>
      </c>
      <c r="K876" s="59">
        <f>Bühler!K902</f>
        <v>1.1260025515650578</v>
      </c>
      <c r="L876" s="59">
        <f>Bühler!L902</f>
        <v>5.404812247512278</v>
      </c>
      <c r="M876" s="58">
        <f>Bühler!M902</f>
        <v>0</v>
      </c>
      <c r="N876" s="56">
        <f>IF(Input!$D$19=1,J876*Input!$C$19,0)+IF(Input!$D$20=1,K876*Input!$C$20,0)+IF(Input!$D$21=1,L876*Input!$C$21,0)+IF(Input!$D$22=1,M876*Input!$C$22,0)</f>
        <v>0.22520051031301158</v>
      </c>
      <c r="O876" s="59">
        <f>IF(Input!$D$19=2,J876*Input!$C$19,0)+IF(Input!$D$20=2,K876*Input!$C$20,0)+IF(Input!$D$21=2,L876*Input!$C$21,0)+IF(Input!$D$22=2,M876*Input!$C$22,0)</f>
        <v>0.5630012757825289</v>
      </c>
      <c r="P876" s="59">
        <f>IF(Input!$D$19=3,J876*Input!$C$19,0)+IF(Input!$D$20=3,K876*Input!$C$20,0)+IF(Input!$D$21=3,L876*Input!$C$21,0)+IF(Input!$D$22=3,M876*Input!$C$22,0)</f>
        <v>0</v>
      </c>
      <c r="Q876" s="75">
        <f>IF(Input!$D$19=4,J876*Input!$C$19,0)+IF(Input!$D$20=4,K876*Input!$C$20,0)+IF(Input!$D$21=4,L876*Input!$C$21,0)+IF(Input!$D$22=4,M876*Input!$C$22,0)</f>
        <v>0</v>
      </c>
      <c r="R876" s="58">
        <v>60.607006632013409</v>
      </c>
      <c r="S876" s="124">
        <f t="shared" si="13"/>
        <v>0.97586887802305022</v>
      </c>
    </row>
    <row r="877" spans="8:19" x14ac:dyDescent="0.3">
      <c r="H877" s="44">
        <v>870</v>
      </c>
      <c r="I877" s="56">
        <f>Bühler!I903</f>
        <v>0.29276066340691503</v>
      </c>
      <c r="J877" s="59">
        <f>Bühler!J903</f>
        <v>0.97586887802305022</v>
      </c>
      <c r="K877" s="59">
        <f>Bühler!K903</f>
        <v>1.4638033170345752</v>
      </c>
      <c r="L877" s="59">
        <f>Bühler!L903</f>
        <v>7.0262559217659613</v>
      </c>
      <c r="M877" s="58">
        <f>Bühler!M903</f>
        <v>0</v>
      </c>
      <c r="N877" s="56">
        <f>IF(Input!$D$19=1,J877*Input!$C$19,0)+IF(Input!$D$20=1,K877*Input!$C$20,0)+IF(Input!$D$21=1,L877*Input!$C$21,0)+IF(Input!$D$22=1,M877*Input!$C$22,0)</f>
        <v>0.29276066340691503</v>
      </c>
      <c r="O877" s="59">
        <f>IF(Input!$D$19=2,J877*Input!$C$19,0)+IF(Input!$D$20=2,K877*Input!$C$20,0)+IF(Input!$D$21=2,L877*Input!$C$21,0)+IF(Input!$D$22=2,M877*Input!$C$22,0)</f>
        <v>0.73190165851728761</v>
      </c>
      <c r="P877" s="59">
        <f>IF(Input!$D$19=3,J877*Input!$C$19,0)+IF(Input!$D$20=3,K877*Input!$C$20,0)+IF(Input!$D$21=3,L877*Input!$C$21,0)+IF(Input!$D$22=3,M877*Input!$C$22,0)</f>
        <v>0</v>
      </c>
      <c r="Q877" s="75">
        <f>IF(Input!$D$19=4,J877*Input!$C$19,0)+IF(Input!$D$20=4,K877*Input!$C$20,0)+IF(Input!$D$21=4,L877*Input!$C$21,0)+IF(Input!$D$22=4,M877*Input!$C$22,0)</f>
        <v>0</v>
      </c>
      <c r="R877" s="58">
        <v>64.230433415863473</v>
      </c>
      <c r="S877" s="124">
        <f t="shared" si="13"/>
        <v>1.2686295414299653</v>
      </c>
    </row>
    <row r="878" spans="8:19" x14ac:dyDescent="0.3">
      <c r="H878" s="44">
        <v>871</v>
      </c>
      <c r="I878" s="56">
        <f>Bühler!I904</f>
        <v>0.32654073995386673</v>
      </c>
      <c r="J878" s="59">
        <f>Bühler!J904</f>
        <v>1.088469133179556</v>
      </c>
      <c r="K878" s="59">
        <f>Bühler!K904</f>
        <v>1.6327036997693336</v>
      </c>
      <c r="L878" s="59">
        <f>Bühler!L904</f>
        <v>7.836977758892802</v>
      </c>
      <c r="M878" s="58">
        <f>Bühler!M904</f>
        <v>0</v>
      </c>
      <c r="N878" s="56">
        <f>IF(Input!$D$19=1,J878*Input!$C$19,0)+IF(Input!$D$20=1,K878*Input!$C$20,0)+IF(Input!$D$21=1,L878*Input!$C$21,0)+IF(Input!$D$22=1,M878*Input!$C$22,0)</f>
        <v>0.32654073995386679</v>
      </c>
      <c r="O878" s="59">
        <f>IF(Input!$D$19=2,J878*Input!$C$19,0)+IF(Input!$D$20=2,K878*Input!$C$20,0)+IF(Input!$D$21=2,L878*Input!$C$21,0)+IF(Input!$D$22=2,M878*Input!$C$22,0)</f>
        <v>0.8163518498846668</v>
      </c>
      <c r="P878" s="59">
        <f>IF(Input!$D$19=3,J878*Input!$C$19,0)+IF(Input!$D$20=3,K878*Input!$C$20,0)+IF(Input!$D$21=3,L878*Input!$C$21,0)+IF(Input!$D$22=3,M878*Input!$C$22,0)</f>
        <v>0</v>
      </c>
      <c r="Q878" s="75">
        <f>IF(Input!$D$19=4,J878*Input!$C$19,0)+IF(Input!$D$20=4,K878*Input!$C$20,0)+IF(Input!$D$21=4,L878*Input!$C$21,0)+IF(Input!$D$22=4,M878*Input!$C$22,0)</f>
        <v>0</v>
      </c>
      <c r="R878" s="58">
        <v>66.278589096341037</v>
      </c>
      <c r="S878" s="124">
        <f t="shared" si="13"/>
        <v>1.4150098731334226</v>
      </c>
    </row>
    <row r="879" spans="8:19" x14ac:dyDescent="0.3">
      <c r="H879" s="44">
        <v>872</v>
      </c>
      <c r="I879" s="56">
        <f>Bühler!I905</f>
        <v>0.33780076546951737</v>
      </c>
      <c r="J879" s="59">
        <f>Bühler!J905</f>
        <v>1.126002551565058</v>
      </c>
      <c r="K879" s="59">
        <f>Bühler!K905</f>
        <v>1.6890038273475867</v>
      </c>
      <c r="L879" s="59">
        <f>Bühler!L905</f>
        <v>8.1072183712684165</v>
      </c>
      <c r="M879" s="58">
        <f>Bühler!M905</f>
        <v>0</v>
      </c>
      <c r="N879" s="56">
        <f>IF(Input!$D$19=1,J879*Input!$C$19,0)+IF(Input!$D$20=1,K879*Input!$C$20,0)+IF(Input!$D$21=1,L879*Input!$C$21,0)+IF(Input!$D$22=1,M879*Input!$C$22,0)</f>
        <v>0.33780076546951737</v>
      </c>
      <c r="O879" s="59">
        <f>IF(Input!$D$19=2,J879*Input!$C$19,0)+IF(Input!$D$20=2,K879*Input!$C$20,0)+IF(Input!$D$21=2,L879*Input!$C$21,0)+IF(Input!$D$22=2,M879*Input!$C$22,0)</f>
        <v>0.84450191367379335</v>
      </c>
      <c r="P879" s="59">
        <f>IF(Input!$D$19=3,J879*Input!$C$19,0)+IF(Input!$D$20=3,K879*Input!$C$20,0)+IF(Input!$D$21=3,L879*Input!$C$21,0)+IF(Input!$D$22=3,M879*Input!$C$22,0)</f>
        <v>0</v>
      </c>
      <c r="Q879" s="75">
        <f>IF(Input!$D$19=4,J879*Input!$C$19,0)+IF(Input!$D$20=4,K879*Input!$C$20,0)+IF(Input!$D$21=4,L879*Input!$C$21,0)+IF(Input!$D$22=4,M879*Input!$C$22,0)</f>
        <v>0</v>
      </c>
      <c r="R879" s="58">
        <v>67.098260624935861</v>
      </c>
      <c r="S879" s="124">
        <f t="shared" si="13"/>
        <v>1.4638033170345754</v>
      </c>
    </row>
    <row r="880" spans="8:19" x14ac:dyDescent="0.3">
      <c r="H880" s="44">
        <v>873</v>
      </c>
      <c r="I880" s="56">
        <f>Bühler!I906</f>
        <v>0.33780076546951737</v>
      </c>
      <c r="J880" s="59">
        <f>Bühler!J906</f>
        <v>1.126002551565058</v>
      </c>
      <c r="K880" s="59">
        <f>Bühler!K906</f>
        <v>1.6890038273475867</v>
      </c>
      <c r="L880" s="59">
        <f>Bühler!L906</f>
        <v>8.1072183712684165</v>
      </c>
      <c r="M880" s="58">
        <f>Bühler!M906</f>
        <v>0</v>
      </c>
      <c r="N880" s="56">
        <f>IF(Input!$D$19=1,J880*Input!$C$19,0)+IF(Input!$D$20=1,K880*Input!$C$20,0)+IF(Input!$D$21=1,L880*Input!$C$21,0)+IF(Input!$D$22=1,M880*Input!$C$22,0)</f>
        <v>0.33780076546951737</v>
      </c>
      <c r="O880" s="59">
        <f>IF(Input!$D$19=2,J880*Input!$C$19,0)+IF(Input!$D$20=2,K880*Input!$C$20,0)+IF(Input!$D$21=2,L880*Input!$C$21,0)+IF(Input!$D$22=2,M880*Input!$C$22,0)</f>
        <v>0.84450191367379335</v>
      </c>
      <c r="P880" s="59">
        <f>IF(Input!$D$19=3,J880*Input!$C$19,0)+IF(Input!$D$20=3,K880*Input!$C$20,0)+IF(Input!$D$21=3,L880*Input!$C$21,0)+IF(Input!$D$22=3,M880*Input!$C$22,0)</f>
        <v>0</v>
      </c>
      <c r="Q880" s="75">
        <f>IF(Input!$D$19=4,J880*Input!$C$19,0)+IF(Input!$D$20=4,K880*Input!$C$20,0)+IF(Input!$D$21=4,L880*Input!$C$21,0)+IF(Input!$D$22=4,M880*Input!$C$22,0)</f>
        <v>0</v>
      </c>
      <c r="R880" s="58">
        <v>67.254429293432864</v>
      </c>
      <c r="S880" s="124">
        <f t="shared" si="13"/>
        <v>1.4638033170345754</v>
      </c>
    </row>
    <row r="881" spans="8:19" x14ac:dyDescent="0.3">
      <c r="H881" s="44">
        <v>874</v>
      </c>
      <c r="I881" s="56">
        <f>Bühler!I907</f>
        <v>0.36595082925864375</v>
      </c>
      <c r="J881" s="59">
        <f>Bühler!J907</f>
        <v>1.2198360975288125</v>
      </c>
      <c r="K881" s="59">
        <f>Bühler!K907</f>
        <v>1.8297541462932188</v>
      </c>
      <c r="L881" s="59">
        <f>Bühler!L907</f>
        <v>8.78281990220745</v>
      </c>
      <c r="M881" s="58">
        <f>Bühler!M907</f>
        <v>0</v>
      </c>
      <c r="N881" s="56">
        <f>IF(Input!$D$19=1,J881*Input!$C$19,0)+IF(Input!$D$20=1,K881*Input!$C$20,0)+IF(Input!$D$21=1,L881*Input!$C$21,0)+IF(Input!$D$22=1,M881*Input!$C$22,0)</f>
        <v>0.36595082925864375</v>
      </c>
      <c r="O881" s="59">
        <f>IF(Input!$D$19=2,J881*Input!$C$19,0)+IF(Input!$D$20=2,K881*Input!$C$20,0)+IF(Input!$D$21=2,L881*Input!$C$21,0)+IF(Input!$D$22=2,M881*Input!$C$22,0)</f>
        <v>0.91487707314660938</v>
      </c>
      <c r="P881" s="59">
        <f>IF(Input!$D$19=3,J881*Input!$C$19,0)+IF(Input!$D$20=3,K881*Input!$C$20,0)+IF(Input!$D$21=3,L881*Input!$C$21,0)+IF(Input!$D$22=3,M881*Input!$C$22,0)</f>
        <v>0</v>
      </c>
      <c r="Q881" s="75">
        <f>IF(Input!$D$19=4,J881*Input!$C$19,0)+IF(Input!$D$20=4,K881*Input!$C$20,0)+IF(Input!$D$21=4,L881*Input!$C$21,0)+IF(Input!$D$22=4,M881*Input!$C$22,0)</f>
        <v>0</v>
      </c>
      <c r="R881" s="58">
        <v>66.566478473568353</v>
      </c>
      <c r="S881" s="124">
        <f t="shared" si="13"/>
        <v>1.5857869267874563</v>
      </c>
    </row>
    <row r="882" spans="8:19" x14ac:dyDescent="0.3">
      <c r="H882" s="44">
        <v>875</v>
      </c>
      <c r="I882" s="56">
        <f>Bühler!I908</f>
        <v>0.3828408675321196</v>
      </c>
      <c r="J882" s="59">
        <f>Bühler!J908</f>
        <v>1.2761362251070656</v>
      </c>
      <c r="K882" s="59">
        <f>Bühler!K908</f>
        <v>1.9142043376605979</v>
      </c>
      <c r="L882" s="59">
        <f>Bühler!L908</f>
        <v>9.1881808207708708</v>
      </c>
      <c r="M882" s="58">
        <f>Bühler!M908</f>
        <v>0</v>
      </c>
      <c r="N882" s="56">
        <f>IF(Input!$D$19=1,J882*Input!$C$19,0)+IF(Input!$D$20=1,K882*Input!$C$20,0)+IF(Input!$D$21=1,L882*Input!$C$21,0)+IF(Input!$D$22=1,M882*Input!$C$22,0)</f>
        <v>0.38284086753211966</v>
      </c>
      <c r="O882" s="59">
        <f>IF(Input!$D$19=2,J882*Input!$C$19,0)+IF(Input!$D$20=2,K882*Input!$C$20,0)+IF(Input!$D$21=2,L882*Input!$C$21,0)+IF(Input!$D$22=2,M882*Input!$C$22,0)</f>
        <v>0.95710216883029897</v>
      </c>
      <c r="P882" s="59">
        <f>IF(Input!$D$19=3,J882*Input!$C$19,0)+IF(Input!$D$20=3,K882*Input!$C$20,0)+IF(Input!$D$21=3,L882*Input!$C$21,0)+IF(Input!$D$22=3,M882*Input!$C$22,0)</f>
        <v>0</v>
      </c>
      <c r="Q882" s="75">
        <f>IF(Input!$D$19=4,J882*Input!$C$19,0)+IF(Input!$D$20=4,K882*Input!$C$20,0)+IF(Input!$D$21=4,L882*Input!$C$21,0)+IF(Input!$D$22=4,M882*Input!$C$22,0)</f>
        <v>0</v>
      </c>
      <c r="R882" s="58">
        <v>67.640135811453277</v>
      </c>
      <c r="S882" s="124">
        <f t="shared" si="13"/>
        <v>1.6589770926391851</v>
      </c>
    </row>
    <row r="883" spans="8:19" x14ac:dyDescent="0.3">
      <c r="H883" s="44">
        <v>876</v>
      </c>
      <c r="I883" s="56">
        <f>Bühler!I909</f>
        <v>0.45040102062602316</v>
      </c>
      <c r="J883" s="59">
        <f>Bühler!J909</f>
        <v>1.5013367354200773</v>
      </c>
      <c r="K883" s="59">
        <f>Bühler!K909</f>
        <v>2.2520051031301156</v>
      </c>
      <c r="L883" s="59">
        <f>Bühler!L909</f>
        <v>10.809624495024556</v>
      </c>
      <c r="M883" s="58">
        <f>Bühler!M909</f>
        <v>0</v>
      </c>
      <c r="N883" s="56">
        <f>IF(Input!$D$19=1,J883*Input!$C$19,0)+IF(Input!$D$20=1,K883*Input!$C$20,0)+IF(Input!$D$21=1,L883*Input!$C$21,0)+IF(Input!$D$22=1,M883*Input!$C$22,0)</f>
        <v>0.45040102062602316</v>
      </c>
      <c r="O883" s="59">
        <f>IF(Input!$D$19=2,J883*Input!$C$19,0)+IF(Input!$D$20=2,K883*Input!$C$20,0)+IF(Input!$D$21=2,L883*Input!$C$21,0)+IF(Input!$D$22=2,M883*Input!$C$22,0)</f>
        <v>1.1260025515650578</v>
      </c>
      <c r="P883" s="59">
        <f>IF(Input!$D$19=3,J883*Input!$C$19,0)+IF(Input!$D$20=3,K883*Input!$C$20,0)+IF(Input!$D$21=3,L883*Input!$C$21,0)+IF(Input!$D$22=3,M883*Input!$C$22,0)</f>
        <v>0</v>
      </c>
      <c r="Q883" s="75">
        <f>IF(Input!$D$19=4,J883*Input!$C$19,0)+IF(Input!$D$20=4,K883*Input!$C$20,0)+IF(Input!$D$21=4,L883*Input!$C$21,0)+IF(Input!$D$22=4,M883*Input!$C$22,0)</f>
        <v>0</v>
      </c>
      <c r="R883" s="58">
        <v>68.489291677085504</v>
      </c>
      <c r="S883" s="124">
        <f t="shared" si="13"/>
        <v>1.9517377560461004</v>
      </c>
    </row>
    <row r="884" spans="8:19" x14ac:dyDescent="0.3">
      <c r="H884" s="44">
        <v>877</v>
      </c>
      <c r="I884" s="56">
        <f>Bühler!I910</f>
        <v>0.45040102062602316</v>
      </c>
      <c r="J884" s="59">
        <f>Bühler!J910</f>
        <v>1.5013367354200773</v>
      </c>
      <c r="K884" s="59">
        <f>Bühler!K910</f>
        <v>2.2520051031301156</v>
      </c>
      <c r="L884" s="59">
        <f>Bühler!L910</f>
        <v>10.809624495024556</v>
      </c>
      <c r="M884" s="58">
        <f>Bühler!M910</f>
        <v>0</v>
      </c>
      <c r="N884" s="56">
        <f>IF(Input!$D$19=1,J884*Input!$C$19,0)+IF(Input!$D$20=1,K884*Input!$C$20,0)+IF(Input!$D$21=1,L884*Input!$C$21,0)+IF(Input!$D$22=1,M884*Input!$C$22,0)</f>
        <v>0.45040102062602316</v>
      </c>
      <c r="O884" s="59">
        <f>IF(Input!$D$19=2,J884*Input!$C$19,0)+IF(Input!$D$20=2,K884*Input!$C$20,0)+IF(Input!$D$21=2,L884*Input!$C$21,0)+IF(Input!$D$22=2,M884*Input!$C$22,0)</f>
        <v>1.1260025515650578</v>
      </c>
      <c r="P884" s="59">
        <f>IF(Input!$D$19=3,J884*Input!$C$19,0)+IF(Input!$D$20=3,K884*Input!$C$20,0)+IF(Input!$D$21=3,L884*Input!$C$21,0)+IF(Input!$D$22=3,M884*Input!$C$22,0)</f>
        <v>0</v>
      </c>
      <c r="Q884" s="75">
        <f>IF(Input!$D$19=4,J884*Input!$C$19,0)+IF(Input!$D$20=4,K884*Input!$C$20,0)+IF(Input!$D$21=4,L884*Input!$C$21,0)+IF(Input!$D$22=4,M884*Input!$C$22,0)</f>
        <v>0</v>
      </c>
      <c r="R884" s="58">
        <v>66.89924713108374</v>
      </c>
      <c r="S884" s="124">
        <f t="shared" si="13"/>
        <v>1.9517377560461004</v>
      </c>
    </row>
    <row r="885" spans="8:19" x14ac:dyDescent="0.3">
      <c r="H885" s="44">
        <v>878</v>
      </c>
      <c r="I885" s="56">
        <f>Bühler!I911</f>
        <v>0.45040102062602316</v>
      </c>
      <c r="J885" s="59">
        <f>Bühler!J911</f>
        <v>1.5013367354200773</v>
      </c>
      <c r="K885" s="59">
        <f>Bühler!K911</f>
        <v>2.2520051031301156</v>
      </c>
      <c r="L885" s="59">
        <f>Bühler!L911</f>
        <v>10.809624495024556</v>
      </c>
      <c r="M885" s="58">
        <f>Bühler!M911</f>
        <v>0</v>
      </c>
      <c r="N885" s="56">
        <f>IF(Input!$D$19=1,J885*Input!$C$19,0)+IF(Input!$D$20=1,K885*Input!$C$20,0)+IF(Input!$D$21=1,L885*Input!$C$21,0)+IF(Input!$D$22=1,M885*Input!$C$22,0)</f>
        <v>0.45040102062602316</v>
      </c>
      <c r="O885" s="59">
        <f>IF(Input!$D$19=2,J885*Input!$C$19,0)+IF(Input!$D$20=2,K885*Input!$C$20,0)+IF(Input!$D$21=2,L885*Input!$C$21,0)+IF(Input!$D$22=2,M885*Input!$C$22,0)</f>
        <v>1.1260025515650578</v>
      </c>
      <c r="P885" s="59">
        <f>IF(Input!$D$19=3,J885*Input!$C$19,0)+IF(Input!$D$20=3,K885*Input!$C$20,0)+IF(Input!$D$21=3,L885*Input!$C$21,0)+IF(Input!$D$22=3,M885*Input!$C$22,0)</f>
        <v>0</v>
      </c>
      <c r="Q885" s="75">
        <f>IF(Input!$D$19=4,J885*Input!$C$19,0)+IF(Input!$D$20=4,K885*Input!$C$20,0)+IF(Input!$D$21=4,L885*Input!$C$21,0)+IF(Input!$D$22=4,M885*Input!$C$22,0)</f>
        <v>0</v>
      </c>
      <c r="R885" s="58">
        <v>66.399790190661292</v>
      </c>
      <c r="S885" s="124">
        <f t="shared" si="13"/>
        <v>1.9517377560461004</v>
      </c>
    </row>
    <row r="886" spans="8:19" x14ac:dyDescent="0.3">
      <c r="H886" s="44">
        <v>879</v>
      </c>
      <c r="I886" s="56">
        <f>Bühler!I912</f>
        <v>0.45040102062602316</v>
      </c>
      <c r="J886" s="59">
        <f>Bühler!J912</f>
        <v>1.5013367354200773</v>
      </c>
      <c r="K886" s="59">
        <f>Bühler!K912</f>
        <v>2.2520051031301156</v>
      </c>
      <c r="L886" s="59">
        <f>Bühler!L912</f>
        <v>10.809624495024556</v>
      </c>
      <c r="M886" s="58">
        <f>Bühler!M912</f>
        <v>0</v>
      </c>
      <c r="N886" s="56">
        <f>IF(Input!$D$19=1,J886*Input!$C$19,0)+IF(Input!$D$20=1,K886*Input!$C$20,0)+IF(Input!$D$21=1,L886*Input!$C$21,0)+IF(Input!$D$22=1,M886*Input!$C$22,0)</f>
        <v>0.45040102062602316</v>
      </c>
      <c r="O886" s="59">
        <f>IF(Input!$D$19=2,J886*Input!$C$19,0)+IF(Input!$D$20=2,K886*Input!$C$20,0)+IF(Input!$D$21=2,L886*Input!$C$21,0)+IF(Input!$D$22=2,M886*Input!$C$22,0)</f>
        <v>1.1260025515650578</v>
      </c>
      <c r="P886" s="59">
        <f>IF(Input!$D$19=3,J886*Input!$C$19,0)+IF(Input!$D$20=3,K886*Input!$C$20,0)+IF(Input!$D$21=3,L886*Input!$C$21,0)+IF(Input!$D$22=3,M886*Input!$C$22,0)</f>
        <v>0</v>
      </c>
      <c r="Q886" s="75">
        <f>IF(Input!$D$19=4,J886*Input!$C$19,0)+IF(Input!$D$20=4,K886*Input!$C$20,0)+IF(Input!$D$21=4,L886*Input!$C$21,0)+IF(Input!$D$22=4,M886*Input!$C$22,0)</f>
        <v>0</v>
      </c>
      <c r="R886" s="58">
        <v>66.549959054913572</v>
      </c>
      <c r="S886" s="124">
        <f t="shared" si="13"/>
        <v>1.9517377560461004</v>
      </c>
    </row>
    <row r="887" spans="8:19" x14ac:dyDescent="0.3">
      <c r="H887" s="44">
        <v>880</v>
      </c>
      <c r="I887" s="56">
        <f>Bühler!I913</f>
        <v>0.45040102062602316</v>
      </c>
      <c r="J887" s="59">
        <f>Bühler!J913</f>
        <v>1.5013367354200773</v>
      </c>
      <c r="K887" s="59">
        <f>Bühler!K913</f>
        <v>2.2520051031301156</v>
      </c>
      <c r="L887" s="59">
        <f>Bühler!L913</f>
        <v>10.809624495024556</v>
      </c>
      <c r="M887" s="58">
        <f>Bühler!M913</f>
        <v>0</v>
      </c>
      <c r="N887" s="56">
        <f>IF(Input!$D$19=1,J887*Input!$C$19,0)+IF(Input!$D$20=1,K887*Input!$C$20,0)+IF(Input!$D$21=1,L887*Input!$C$21,0)+IF(Input!$D$22=1,M887*Input!$C$22,0)</f>
        <v>0.45040102062602316</v>
      </c>
      <c r="O887" s="59">
        <f>IF(Input!$D$19=2,J887*Input!$C$19,0)+IF(Input!$D$20=2,K887*Input!$C$20,0)+IF(Input!$D$21=2,L887*Input!$C$21,0)+IF(Input!$D$22=2,M887*Input!$C$22,0)</f>
        <v>1.1260025515650578</v>
      </c>
      <c r="P887" s="59">
        <f>IF(Input!$D$19=3,J887*Input!$C$19,0)+IF(Input!$D$20=3,K887*Input!$C$20,0)+IF(Input!$D$21=3,L887*Input!$C$21,0)+IF(Input!$D$22=3,M887*Input!$C$22,0)</f>
        <v>0</v>
      </c>
      <c r="Q887" s="75">
        <f>IF(Input!$D$19=4,J887*Input!$C$19,0)+IF(Input!$D$20=4,K887*Input!$C$20,0)+IF(Input!$D$21=4,L887*Input!$C$21,0)+IF(Input!$D$22=4,M887*Input!$C$22,0)</f>
        <v>0</v>
      </c>
      <c r="R887" s="58">
        <v>65.522780890196842</v>
      </c>
      <c r="S887" s="124">
        <f t="shared" si="13"/>
        <v>1.9517377560461004</v>
      </c>
    </row>
    <row r="888" spans="8:19" x14ac:dyDescent="0.3">
      <c r="H888" s="44">
        <v>881</v>
      </c>
      <c r="I888" s="56">
        <f>Bühler!I914</f>
        <v>0.45040102062602316</v>
      </c>
      <c r="J888" s="59">
        <f>Bühler!J914</f>
        <v>1.5013367354200773</v>
      </c>
      <c r="K888" s="59">
        <f>Bühler!K914</f>
        <v>2.2520051031301156</v>
      </c>
      <c r="L888" s="59">
        <f>Bühler!L914</f>
        <v>10.809624495024556</v>
      </c>
      <c r="M888" s="58">
        <f>Bühler!M914</f>
        <v>0</v>
      </c>
      <c r="N888" s="56">
        <f>IF(Input!$D$19=1,J888*Input!$C$19,0)+IF(Input!$D$20=1,K888*Input!$C$20,0)+IF(Input!$D$21=1,L888*Input!$C$21,0)+IF(Input!$D$22=1,M888*Input!$C$22,0)</f>
        <v>0.45040102062602316</v>
      </c>
      <c r="O888" s="59">
        <f>IF(Input!$D$19=2,J888*Input!$C$19,0)+IF(Input!$D$20=2,K888*Input!$C$20,0)+IF(Input!$D$21=2,L888*Input!$C$21,0)+IF(Input!$D$22=2,M888*Input!$C$22,0)</f>
        <v>1.1260025515650578</v>
      </c>
      <c r="P888" s="59">
        <f>IF(Input!$D$19=3,J888*Input!$C$19,0)+IF(Input!$D$20=3,K888*Input!$C$20,0)+IF(Input!$D$21=3,L888*Input!$C$21,0)+IF(Input!$D$22=3,M888*Input!$C$22,0)</f>
        <v>0</v>
      </c>
      <c r="Q888" s="75">
        <f>IF(Input!$D$19=4,J888*Input!$C$19,0)+IF(Input!$D$20=4,K888*Input!$C$20,0)+IF(Input!$D$21=4,L888*Input!$C$21,0)+IF(Input!$D$22=4,M888*Input!$C$22,0)</f>
        <v>0</v>
      </c>
      <c r="R888" s="58">
        <v>64.458073871278316</v>
      </c>
      <c r="S888" s="124">
        <f t="shared" si="13"/>
        <v>1.9517377560461004</v>
      </c>
    </row>
    <row r="889" spans="8:19" x14ac:dyDescent="0.3">
      <c r="H889" s="44">
        <v>882</v>
      </c>
      <c r="I889" s="56">
        <f>Bühler!I915</f>
        <v>0.45040102062602316</v>
      </c>
      <c r="J889" s="59">
        <f>Bühler!J915</f>
        <v>1.5013367354200773</v>
      </c>
      <c r="K889" s="59">
        <f>Bühler!K915</f>
        <v>2.2520051031301156</v>
      </c>
      <c r="L889" s="59">
        <f>Bühler!L915</f>
        <v>10.809624495024556</v>
      </c>
      <c r="M889" s="58">
        <f>Bühler!M915</f>
        <v>0</v>
      </c>
      <c r="N889" s="56">
        <f>IF(Input!$D$19=1,J889*Input!$C$19,0)+IF(Input!$D$20=1,K889*Input!$C$20,0)+IF(Input!$D$21=1,L889*Input!$C$21,0)+IF(Input!$D$22=1,M889*Input!$C$22,0)</f>
        <v>0.45040102062602316</v>
      </c>
      <c r="O889" s="59">
        <f>IF(Input!$D$19=2,J889*Input!$C$19,0)+IF(Input!$D$20=2,K889*Input!$C$20,0)+IF(Input!$D$21=2,L889*Input!$C$21,0)+IF(Input!$D$22=2,M889*Input!$C$22,0)</f>
        <v>1.1260025515650578</v>
      </c>
      <c r="P889" s="59">
        <f>IF(Input!$D$19=3,J889*Input!$C$19,0)+IF(Input!$D$20=3,K889*Input!$C$20,0)+IF(Input!$D$21=3,L889*Input!$C$21,0)+IF(Input!$D$22=3,M889*Input!$C$22,0)</f>
        <v>0</v>
      </c>
      <c r="Q889" s="75">
        <f>IF(Input!$D$19=4,J889*Input!$C$19,0)+IF(Input!$D$20=4,K889*Input!$C$20,0)+IF(Input!$D$21=4,L889*Input!$C$21,0)+IF(Input!$D$22=4,M889*Input!$C$22,0)</f>
        <v>0</v>
      </c>
      <c r="R889" s="58">
        <v>63.2957663257259</v>
      </c>
      <c r="S889" s="124">
        <f t="shared" si="13"/>
        <v>1.9517377560461004</v>
      </c>
    </row>
    <row r="890" spans="8:19" x14ac:dyDescent="0.3">
      <c r="H890" s="44">
        <v>883</v>
      </c>
      <c r="I890" s="56">
        <f>Bühler!I916</f>
        <v>0.45040102062602316</v>
      </c>
      <c r="J890" s="59">
        <f>Bühler!J916</f>
        <v>1.5013367354200773</v>
      </c>
      <c r="K890" s="59">
        <f>Bühler!K916</f>
        <v>2.2520051031301156</v>
      </c>
      <c r="L890" s="59">
        <f>Bühler!L916</f>
        <v>10.809624495024556</v>
      </c>
      <c r="M890" s="58">
        <f>Bühler!M916</f>
        <v>0</v>
      </c>
      <c r="N890" s="56">
        <f>IF(Input!$D$19=1,J890*Input!$C$19,0)+IF(Input!$D$20=1,K890*Input!$C$20,0)+IF(Input!$D$21=1,L890*Input!$C$21,0)+IF(Input!$D$22=1,M890*Input!$C$22,0)</f>
        <v>0.45040102062602316</v>
      </c>
      <c r="O890" s="59">
        <f>IF(Input!$D$19=2,J890*Input!$C$19,0)+IF(Input!$D$20=2,K890*Input!$C$20,0)+IF(Input!$D$21=2,L890*Input!$C$21,0)+IF(Input!$D$22=2,M890*Input!$C$22,0)</f>
        <v>1.1260025515650578</v>
      </c>
      <c r="P890" s="59">
        <f>IF(Input!$D$19=3,J890*Input!$C$19,0)+IF(Input!$D$20=3,K890*Input!$C$20,0)+IF(Input!$D$21=3,L890*Input!$C$21,0)+IF(Input!$D$22=3,M890*Input!$C$22,0)</f>
        <v>0</v>
      </c>
      <c r="Q890" s="75">
        <f>IF(Input!$D$19=4,J890*Input!$C$19,0)+IF(Input!$D$20=4,K890*Input!$C$20,0)+IF(Input!$D$21=4,L890*Input!$C$21,0)+IF(Input!$D$22=4,M890*Input!$C$22,0)</f>
        <v>0</v>
      </c>
      <c r="R890" s="58">
        <v>62.116390000237871</v>
      </c>
      <c r="S890" s="124">
        <f t="shared" si="13"/>
        <v>1.9517377560461004</v>
      </c>
    </row>
    <row r="891" spans="8:19" x14ac:dyDescent="0.3">
      <c r="H891" s="44">
        <v>884</v>
      </c>
      <c r="I891" s="56">
        <f>Bühler!I917</f>
        <v>0.37721085477429434</v>
      </c>
      <c r="J891" s="59">
        <f>Bühler!J917</f>
        <v>1.2573695159143146</v>
      </c>
      <c r="K891" s="59">
        <f>Bühler!K917</f>
        <v>1.8860542738714718</v>
      </c>
      <c r="L891" s="59">
        <f>Bühler!L917</f>
        <v>9.0530605145830645</v>
      </c>
      <c r="M891" s="58">
        <f>Bühler!M917</f>
        <v>0</v>
      </c>
      <c r="N891" s="56">
        <f>IF(Input!$D$19=1,J891*Input!$C$19,0)+IF(Input!$D$20=1,K891*Input!$C$20,0)+IF(Input!$D$21=1,L891*Input!$C$21,0)+IF(Input!$D$22=1,M891*Input!$C$22,0)</f>
        <v>0.37721085477429434</v>
      </c>
      <c r="O891" s="59">
        <f>IF(Input!$D$19=2,J891*Input!$C$19,0)+IF(Input!$D$20=2,K891*Input!$C$20,0)+IF(Input!$D$21=2,L891*Input!$C$21,0)+IF(Input!$D$22=2,M891*Input!$C$22,0)</f>
        <v>0.94302713693573592</v>
      </c>
      <c r="P891" s="59">
        <f>IF(Input!$D$19=3,J891*Input!$C$19,0)+IF(Input!$D$20=3,K891*Input!$C$20,0)+IF(Input!$D$21=3,L891*Input!$C$21,0)+IF(Input!$D$22=3,M891*Input!$C$22,0)</f>
        <v>0</v>
      </c>
      <c r="Q891" s="75">
        <f>IF(Input!$D$19=4,J891*Input!$C$19,0)+IF(Input!$D$20=4,K891*Input!$C$20,0)+IF(Input!$D$21=4,L891*Input!$C$21,0)+IF(Input!$D$22=4,M891*Input!$C$22,0)</f>
        <v>0</v>
      </c>
      <c r="R891" s="58">
        <v>61.399024236752773</v>
      </c>
      <c r="S891" s="124">
        <f t="shared" si="13"/>
        <v>1.6345803706886088</v>
      </c>
    </row>
    <row r="892" spans="8:19" x14ac:dyDescent="0.3">
      <c r="H892" s="44">
        <v>885</v>
      </c>
      <c r="I892" s="56">
        <f>Bühler!I918</f>
        <v>0.30965070168039088</v>
      </c>
      <c r="J892" s="59">
        <f>Bühler!J918</f>
        <v>1.0321690056013029</v>
      </c>
      <c r="K892" s="59">
        <f>Bühler!K918</f>
        <v>1.5482535084019544</v>
      </c>
      <c r="L892" s="59">
        <f>Bühler!L918</f>
        <v>7.4316168403293803</v>
      </c>
      <c r="M892" s="58">
        <f>Bühler!M918</f>
        <v>0</v>
      </c>
      <c r="N892" s="56">
        <f>IF(Input!$D$19=1,J892*Input!$C$19,0)+IF(Input!$D$20=1,K892*Input!$C$20,0)+IF(Input!$D$21=1,L892*Input!$C$21,0)+IF(Input!$D$22=1,M892*Input!$C$22,0)</f>
        <v>0.30965070168039083</v>
      </c>
      <c r="O892" s="59">
        <f>IF(Input!$D$19=2,J892*Input!$C$19,0)+IF(Input!$D$20=2,K892*Input!$C$20,0)+IF(Input!$D$21=2,L892*Input!$C$21,0)+IF(Input!$D$22=2,M892*Input!$C$22,0)</f>
        <v>0.77412675420097721</v>
      </c>
      <c r="P892" s="59">
        <f>IF(Input!$D$19=3,J892*Input!$C$19,0)+IF(Input!$D$20=3,K892*Input!$C$20,0)+IF(Input!$D$21=3,L892*Input!$C$21,0)+IF(Input!$D$22=3,M892*Input!$C$22,0)</f>
        <v>0</v>
      </c>
      <c r="Q892" s="75">
        <f>IF(Input!$D$19=4,J892*Input!$C$19,0)+IF(Input!$D$20=4,K892*Input!$C$20,0)+IF(Input!$D$21=4,L892*Input!$C$21,0)+IF(Input!$D$22=4,M892*Input!$C$22,0)</f>
        <v>0</v>
      </c>
      <c r="R892" s="58">
        <v>60.09376079993514</v>
      </c>
      <c r="S892" s="124">
        <f t="shared" si="13"/>
        <v>1.3418197072816938</v>
      </c>
    </row>
    <row r="893" spans="8:19" x14ac:dyDescent="0.3">
      <c r="H893" s="44">
        <v>886</v>
      </c>
      <c r="I893" s="56">
        <f>Bühler!I919</f>
        <v>0.22520051031301158</v>
      </c>
      <c r="J893" s="59">
        <f>Bühler!J919</f>
        <v>0.75066836771003864</v>
      </c>
      <c r="K893" s="59">
        <f>Bühler!K919</f>
        <v>1.1260025515650578</v>
      </c>
      <c r="L893" s="59">
        <f>Bühler!L919</f>
        <v>5.404812247512278</v>
      </c>
      <c r="M893" s="58">
        <f>Bühler!M919</f>
        <v>0</v>
      </c>
      <c r="N893" s="56">
        <f>IF(Input!$D$19=1,J893*Input!$C$19,0)+IF(Input!$D$20=1,K893*Input!$C$20,0)+IF(Input!$D$21=1,L893*Input!$C$21,0)+IF(Input!$D$22=1,M893*Input!$C$22,0)</f>
        <v>0.22520051031301158</v>
      </c>
      <c r="O893" s="59">
        <f>IF(Input!$D$19=2,J893*Input!$C$19,0)+IF(Input!$D$20=2,K893*Input!$C$20,0)+IF(Input!$D$21=2,L893*Input!$C$21,0)+IF(Input!$D$22=2,M893*Input!$C$22,0)</f>
        <v>0.5630012757825289</v>
      </c>
      <c r="P893" s="59">
        <f>IF(Input!$D$19=3,J893*Input!$C$19,0)+IF(Input!$D$20=3,K893*Input!$C$20,0)+IF(Input!$D$21=3,L893*Input!$C$21,0)+IF(Input!$D$22=3,M893*Input!$C$22,0)</f>
        <v>0</v>
      </c>
      <c r="Q893" s="75">
        <f>IF(Input!$D$19=4,J893*Input!$C$19,0)+IF(Input!$D$20=4,K893*Input!$C$20,0)+IF(Input!$D$21=4,L893*Input!$C$21,0)+IF(Input!$D$22=4,M893*Input!$C$22,0)</f>
        <v>0</v>
      </c>
      <c r="R893" s="58">
        <v>58.145167334044118</v>
      </c>
      <c r="S893" s="124">
        <f t="shared" si="13"/>
        <v>0.97586887802305022</v>
      </c>
    </row>
    <row r="894" spans="8:19" x14ac:dyDescent="0.3">
      <c r="H894" s="44">
        <v>887</v>
      </c>
      <c r="I894" s="56">
        <f>Bühler!I920</f>
        <v>0.22520051031301158</v>
      </c>
      <c r="J894" s="59">
        <f>Bühler!J920</f>
        <v>0.75066836771003864</v>
      </c>
      <c r="K894" s="59">
        <f>Bühler!K920</f>
        <v>1.1260025515650578</v>
      </c>
      <c r="L894" s="59">
        <f>Bühler!L920</f>
        <v>5.404812247512278</v>
      </c>
      <c r="M894" s="58">
        <f>Bühler!M920</f>
        <v>0</v>
      </c>
      <c r="N894" s="56">
        <f>IF(Input!$D$19=1,J894*Input!$C$19,0)+IF(Input!$D$20=1,K894*Input!$C$20,0)+IF(Input!$D$21=1,L894*Input!$C$21,0)+IF(Input!$D$22=1,M894*Input!$C$22,0)</f>
        <v>0.22520051031301158</v>
      </c>
      <c r="O894" s="59">
        <f>IF(Input!$D$19=2,J894*Input!$C$19,0)+IF(Input!$D$20=2,K894*Input!$C$20,0)+IF(Input!$D$21=2,L894*Input!$C$21,0)+IF(Input!$D$22=2,M894*Input!$C$22,0)</f>
        <v>0.5630012757825289</v>
      </c>
      <c r="P894" s="59">
        <f>IF(Input!$D$19=3,J894*Input!$C$19,0)+IF(Input!$D$20=3,K894*Input!$C$20,0)+IF(Input!$D$21=3,L894*Input!$C$21,0)+IF(Input!$D$22=3,M894*Input!$C$22,0)</f>
        <v>0</v>
      </c>
      <c r="Q894" s="75">
        <f>IF(Input!$D$19=4,J894*Input!$C$19,0)+IF(Input!$D$20=4,K894*Input!$C$20,0)+IF(Input!$D$21=4,L894*Input!$C$21,0)+IF(Input!$D$22=4,M894*Input!$C$22,0)</f>
        <v>0</v>
      </c>
      <c r="R894" s="58">
        <v>58.48521776955117</v>
      </c>
      <c r="S894" s="124">
        <f t="shared" si="13"/>
        <v>0.97586887802305022</v>
      </c>
    </row>
    <row r="895" spans="8:19" x14ac:dyDescent="0.3">
      <c r="H895" s="44">
        <v>888</v>
      </c>
      <c r="I895" s="56">
        <f>Bühler!I921</f>
        <v>0.22520051031301158</v>
      </c>
      <c r="J895" s="59">
        <f>Bühler!J921</f>
        <v>0.75066836771003864</v>
      </c>
      <c r="K895" s="59">
        <f>Bühler!K921</f>
        <v>1.1260025515650578</v>
      </c>
      <c r="L895" s="59">
        <f>Bühler!L921</f>
        <v>5.404812247512278</v>
      </c>
      <c r="M895" s="58">
        <f>Bühler!M921</f>
        <v>0</v>
      </c>
      <c r="N895" s="56">
        <f>IF(Input!$D$19=1,J895*Input!$C$19,0)+IF(Input!$D$20=1,K895*Input!$C$20,0)+IF(Input!$D$21=1,L895*Input!$C$21,0)+IF(Input!$D$22=1,M895*Input!$C$22,0)</f>
        <v>0.22520051031301158</v>
      </c>
      <c r="O895" s="59">
        <f>IF(Input!$D$19=2,J895*Input!$C$19,0)+IF(Input!$D$20=2,K895*Input!$C$20,0)+IF(Input!$D$21=2,L895*Input!$C$21,0)+IF(Input!$D$22=2,M895*Input!$C$22,0)</f>
        <v>0.5630012757825289</v>
      </c>
      <c r="P895" s="59">
        <f>IF(Input!$D$19=3,J895*Input!$C$19,0)+IF(Input!$D$20=3,K895*Input!$C$20,0)+IF(Input!$D$21=3,L895*Input!$C$21,0)+IF(Input!$D$22=3,M895*Input!$C$22,0)</f>
        <v>0</v>
      </c>
      <c r="Q895" s="75">
        <f>IF(Input!$D$19=4,J895*Input!$C$19,0)+IF(Input!$D$20=4,K895*Input!$C$20,0)+IF(Input!$D$21=4,L895*Input!$C$21,0)+IF(Input!$D$22=4,M895*Input!$C$22,0)</f>
        <v>0</v>
      </c>
      <c r="R895" s="58">
        <v>58.004896054009414</v>
      </c>
      <c r="S895" s="124">
        <f t="shared" si="13"/>
        <v>0.97586887802305022</v>
      </c>
    </row>
    <row r="896" spans="8:19" x14ac:dyDescent="0.3">
      <c r="H896" s="44">
        <v>889</v>
      </c>
      <c r="I896" s="56">
        <f>Bühler!I922</f>
        <v>0.20113528879008777</v>
      </c>
      <c r="J896" s="59">
        <f>Bühler!J922</f>
        <v>0.67045096263362591</v>
      </c>
      <c r="K896" s="59">
        <f>Bühler!K922</f>
        <v>1.0056764439504389</v>
      </c>
      <c r="L896" s="59">
        <f>Bühler!L922</f>
        <v>4.8272469309621062</v>
      </c>
      <c r="M896" s="58">
        <f>Bühler!M922</f>
        <v>0</v>
      </c>
      <c r="N896" s="56">
        <f>IF(Input!$D$19=1,J896*Input!$C$19,0)+IF(Input!$D$20=1,K896*Input!$C$20,0)+IF(Input!$D$21=1,L896*Input!$C$21,0)+IF(Input!$D$22=1,M896*Input!$C$22,0)</f>
        <v>0.20113528879008777</v>
      </c>
      <c r="O896" s="59">
        <f>IF(Input!$D$19=2,J896*Input!$C$19,0)+IF(Input!$D$20=2,K896*Input!$C$20,0)+IF(Input!$D$21=2,L896*Input!$C$21,0)+IF(Input!$D$22=2,M896*Input!$C$22,0)</f>
        <v>0.50283822197521943</v>
      </c>
      <c r="P896" s="59">
        <f>IF(Input!$D$19=3,J896*Input!$C$19,0)+IF(Input!$D$20=3,K896*Input!$C$20,0)+IF(Input!$D$21=3,L896*Input!$C$21,0)+IF(Input!$D$22=3,M896*Input!$C$22,0)</f>
        <v>0</v>
      </c>
      <c r="Q896" s="75">
        <f>IF(Input!$D$19=4,J896*Input!$C$19,0)+IF(Input!$D$20=4,K896*Input!$C$20,0)+IF(Input!$D$21=4,L896*Input!$C$21,0)+IF(Input!$D$22=4,M896*Input!$C$22,0)</f>
        <v>0</v>
      </c>
      <c r="R896" s="58">
        <v>57.3024561907649</v>
      </c>
      <c r="S896" s="124">
        <f t="shared" si="13"/>
        <v>0.87158625142371371</v>
      </c>
    </row>
    <row r="897" spans="8:19" x14ac:dyDescent="0.3">
      <c r="H897" s="44">
        <v>890</v>
      </c>
      <c r="I897" s="56">
        <f>Bühler!I923</f>
        <v>0.22627719988884873</v>
      </c>
      <c r="J897" s="59">
        <f>Bühler!J923</f>
        <v>0.75425733296282915</v>
      </c>
      <c r="K897" s="59">
        <f>Bühler!K923</f>
        <v>1.1313859994442437</v>
      </c>
      <c r="L897" s="59">
        <f>Bühler!L923</f>
        <v>5.4306527973323693</v>
      </c>
      <c r="M897" s="58">
        <f>Bühler!M923</f>
        <v>0</v>
      </c>
      <c r="N897" s="56">
        <f>IF(Input!$D$19=1,J897*Input!$C$19,0)+IF(Input!$D$20=1,K897*Input!$C$20,0)+IF(Input!$D$21=1,L897*Input!$C$21,0)+IF(Input!$D$22=1,M897*Input!$C$22,0)</f>
        <v>0.22627719988884873</v>
      </c>
      <c r="O897" s="59">
        <f>IF(Input!$D$19=2,J897*Input!$C$19,0)+IF(Input!$D$20=2,K897*Input!$C$20,0)+IF(Input!$D$21=2,L897*Input!$C$21,0)+IF(Input!$D$22=2,M897*Input!$C$22,0)</f>
        <v>0.56569299972212184</v>
      </c>
      <c r="P897" s="59">
        <f>IF(Input!$D$19=3,J897*Input!$C$19,0)+IF(Input!$D$20=3,K897*Input!$C$20,0)+IF(Input!$D$21=3,L897*Input!$C$21,0)+IF(Input!$D$22=3,M897*Input!$C$22,0)</f>
        <v>0</v>
      </c>
      <c r="Q897" s="75">
        <f>IF(Input!$D$19=4,J897*Input!$C$19,0)+IF(Input!$D$20=4,K897*Input!$C$20,0)+IF(Input!$D$21=4,L897*Input!$C$21,0)+IF(Input!$D$22=4,M897*Input!$C$22,0)</f>
        <v>0</v>
      </c>
      <c r="R897" s="58">
        <v>58.091886507658238</v>
      </c>
      <c r="S897" s="124">
        <f t="shared" si="13"/>
        <v>0.98053453285167791</v>
      </c>
    </row>
    <row r="898" spans="8:19" x14ac:dyDescent="0.3">
      <c r="H898" s="44">
        <v>891</v>
      </c>
      <c r="I898" s="56">
        <f>Bühler!I924</f>
        <v>0.22627719988884873</v>
      </c>
      <c r="J898" s="59">
        <f>Bühler!J924</f>
        <v>0.75425733296282915</v>
      </c>
      <c r="K898" s="59">
        <f>Bühler!K924</f>
        <v>1.1313859994442437</v>
      </c>
      <c r="L898" s="59">
        <f>Bühler!L924</f>
        <v>5.4306527973323693</v>
      </c>
      <c r="M898" s="58">
        <f>Bühler!M924</f>
        <v>0</v>
      </c>
      <c r="N898" s="56">
        <f>IF(Input!$D$19=1,J898*Input!$C$19,0)+IF(Input!$D$20=1,K898*Input!$C$20,0)+IF(Input!$D$21=1,L898*Input!$C$21,0)+IF(Input!$D$22=1,M898*Input!$C$22,0)</f>
        <v>0.22627719988884873</v>
      </c>
      <c r="O898" s="59">
        <f>IF(Input!$D$19=2,J898*Input!$C$19,0)+IF(Input!$D$20=2,K898*Input!$C$20,0)+IF(Input!$D$21=2,L898*Input!$C$21,0)+IF(Input!$D$22=2,M898*Input!$C$22,0)</f>
        <v>0.56569299972212184</v>
      </c>
      <c r="P898" s="59">
        <f>IF(Input!$D$19=3,J898*Input!$C$19,0)+IF(Input!$D$20=3,K898*Input!$C$20,0)+IF(Input!$D$21=3,L898*Input!$C$21,0)+IF(Input!$D$22=3,M898*Input!$C$22,0)</f>
        <v>0</v>
      </c>
      <c r="Q898" s="75">
        <f>IF(Input!$D$19=4,J898*Input!$C$19,0)+IF(Input!$D$20=4,K898*Input!$C$20,0)+IF(Input!$D$21=4,L898*Input!$C$21,0)+IF(Input!$D$22=4,M898*Input!$C$22,0)</f>
        <v>0</v>
      </c>
      <c r="R898" s="58">
        <v>58.703698411628466</v>
      </c>
      <c r="S898" s="124">
        <f t="shared" si="13"/>
        <v>0.98053453285167791</v>
      </c>
    </row>
    <row r="899" spans="8:19" x14ac:dyDescent="0.3">
      <c r="H899" s="44">
        <v>892</v>
      </c>
      <c r="I899" s="56">
        <f>Bühler!I925</f>
        <v>0.22627719988884873</v>
      </c>
      <c r="J899" s="59">
        <f>Bühler!J925</f>
        <v>0.75425733296282915</v>
      </c>
      <c r="K899" s="59">
        <f>Bühler!K925</f>
        <v>1.1313859994442437</v>
      </c>
      <c r="L899" s="59">
        <f>Bühler!L925</f>
        <v>5.4306527973323693</v>
      </c>
      <c r="M899" s="58">
        <f>Bühler!M925</f>
        <v>0</v>
      </c>
      <c r="N899" s="56">
        <f>IF(Input!$D$19=1,J899*Input!$C$19,0)+IF(Input!$D$20=1,K899*Input!$C$20,0)+IF(Input!$D$21=1,L899*Input!$C$21,0)+IF(Input!$D$22=1,M899*Input!$C$22,0)</f>
        <v>0.22627719988884873</v>
      </c>
      <c r="O899" s="59">
        <f>IF(Input!$D$19=2,J899*Input!$C$19,0)+IF(Input!$D$20=2,K899*Input!$C$20,0)+IF(Input!$D$21=2,L899*Input!$C$21,0)+IF(Input!$D$22=2,M899*Input!$C$22,0)</f>
        <v>0.56569299972212184</v>
      </c>
      <c r="P899" s="59">
        <f>IF(Input!$D$19=3,J899*Input!$C$19,0)+IF(Input!$D$20=3,K899*Input!$C$20,0)+IF(Input!$D$21=3,L899*Input!$C$21,0)+IF(Input!$D$22=3,M899*Input!$C$22,0)</f>
        <v>0</v>
      </c>
      <c r="Q899" s="75">
        <f>IF(Input!$D$19=4,J899*Input!$C$19,0)+IF(Input!$D$20=4,K899*Input!$C$20,0)+IF(Input!$D$21=4,L899*Input!$C$21,0)+IF(Input!$D$22=4,M899*Input!$C$22,0)</f>
        <v>0</v>
      </c>
      <c r="R899" s="58">
        <v>58.789658006260581</v>
      </c>
      <c r="S899" s="124">
        <f t="shared" si="13"/>
        <v>0.98053453285167791</v>
      </c>
    </row>
    <row r="900" spans="8:19" x14ac:dyDescent="0.3">
      <c r="H900" s="44">
        <v>893</v>
      </c>
      <c r="I900" s="56">
        <f>Bühler!I926</f>
        <v>0.22627719988884873</v>
      </c>
      <c r="J900" s="59">
        <f>Bühler!J926</f>
        <v>0.75425733296282915</v>
      </c>
      <c r="K900" s="59">
        <f>Bühler!K926</f>
        <v>1.1313859994442437</v>
      </c>
      <c r="L900" s="59">
        <f>Bühler!L926</f>
        <v>5.4306527973323693</v>
      </c>
      <c r="M900" s="58">
        <f>Bühler!M926</f>
        <v>0</v>
      </c>
      <c r="N900" s="56">
        <f>IF(Input!$D$19=1,J900*Input!$C$19,0)+IF(Input!$D$20=1,K900*Input!$C$20,0)+IF(Input!$D$21=1,L900*Input!$C$21,0)+IF(Input!$D$22=1,M900*Input!$C$22,0)</f>
        <v>0.22627719988884873</v>
      </c>
      <c r="O900" s="59">
        <f>IF(Input!$D$19=2,J900*Input!$C$19,0)+IF(Input!$D$20=2,K900*Input!$C$20,0)+IF(Input!$D$21=2,L900*Input!$C$21,0)+IF(Input!$D$22=2,M900*Input!$C$22,0)</f>
        <v>0.56569299972212184</v>
      </c>
      <c r="P900" s="59">
        <f>IF(Input!$D$19=3,J900*Input!$C$19,0)+IF(Input!$D$20=3,K900*Input!$C$20,0)+IF(Input!$D$21=3,L900*Input!$C$21,0)+IF(Input!$D$22=3,M900*Input!$C$22,0)</f>
        <v>0</v>
      </c>
      <c r="Q900" s="75">
        <f>IF(Input!$D$19=4,J900*Input!$C$19,0)+IF(Input!$D$20=4,K900*Input!$C$20,0)+IF(Input!$D$21=4,L900*Input!$C$21,0)+IF(Input!$D$22=4,M900*Input!$C$22,0)</f>
        <v>0</v>
      </c>
      <c r="R900" s="58">
        <v>59.805718062864386</v>
      </c>
      <c r="S900" s="124">
        <f t="shared" si="13"/>
        <v>0.98053453285167791</v>
      </c>
    </row>
    <row r="901" spans="8:19" x14ac:dyDescent="0.3">
      <c r="H901" s="44">
        <v>894</v>
      </c>
      <c r="I901" s="56">
        <f>Bühler!I927</f>
        <v>0.29164616874562727</v>
      </c>
      <c r="J901" s="59">
        <f>Bühler!J927</f>
        <v>0.97215389581875766</v>
      </c>
      <c r="K901" s="59">
        <f>Bühler!K927</f>
        <v>1.4582308437281364</v>
      </c>
      <c r="L901" s="59">
        <f>Bühler!L927</f>
        <v>6.9995080498950548</v>
      </c>
      <c r="M901" s="58">
        <f>Bühler!M927</f>
        <v>0</v>
      </c>
      <c r="N901" s="56">
        <f>IF(Input!$D$19=1,J901*Input!$C$19,0)+IF(Input!$D$20=1,K901*Input!$C$20,0)+IF(Input!$D$21=1,L901*Input!$C$21,0)+IF(Input!$D$22=1,M901*Input!$C$22,0)</f>
        <v>0.29164616874562727</v>
      </c>
      <c r="O901" s="59">
        <f>IF(Input!$D$19=2,J901*Input!$C$19,0)+IF(Input!$D$20=2,K901*Input!$C$20,0)+IF(Input!$D$21=2,L901*Input!$C$21,0)+IF(Input!$D$22=2,M901*Input!$C$22,0)</f>
        <v>0.72911542186406819</v>
      </c>
      <c r="P901" s="59">
        <f>IF(Input!$D$19=3,J901*Input!$C$19,0)+IF(Input!$D$20=3,K901*Input!$C$20,0)+IF(Input!$D$21=3,L901*Input!$C$21,0)+IF(Input!$D$22=3,M901*Input!$C$22,0)</f>
        <v>0</v>
      </c>
      <c r="Q901" s="75">
        <f>IF(Input!$D$19=4,J901*Input!$C$19,0)+IF(Input!$D$20=4,K901*Input!$C$20,0)+IF(Input!$D$21=4,L901*Input!$C$21,0)+IF(Input!$D$22=4,M901*Input!$C$22,0)</f>
        <v>0</v>
      </c>
      <c r="R901" s="58">
        <v>62.630570407476661</v>
      </c>
      <c r="S901" s="124">
        <f t="shared" si="13"/>
        <v>1.263800064564385</v>
      </c>
    </row>
    <row r="902" spans="8:19" x14ac:dyDescent="0.3">
      <c r="H902" s="44">
        <v>895</v>
      </c>
      <c r="I902" s="56">
        <f>Bühler!I928</f>
        <v>0.33690160872339703</v>
      </c>
      <c r="J902" s="59">
        <f>Bühler!J928</f>
        <v>1.1230053624113234</v>
      </c>
      <c r="K902" s="59">
        <f>Bühler!K928</f>
        <v>1.684508043616985</v>
      </c>
      <c r="L902" s="59">
        <f>Bühler!L928</f>
        <v>8.0856386093615278</v>
      </c>
      <c r="M902" s="58">
        <f>Bühler!M928</f>
        <v>0</v>
      </c>
      <c r="N902" s="56">
        <f>IF(Input!$D$19=1,J902*Input!$C$19,0)+IF(Input!$D$20=1,K902*Input!$C$20,0)+IF(Input!$D$21=1,L902*Input!$C$21,0)+IF(Input!$D$22=1,M902*Input!$C$22,0)</f>
        <v>0.33690160872339703</v>
      </c>
      <c r="O902" s="59">
        <f>IF(Input!$D$19=2,J902*Input!$C$19,0)+IF(Input!$D$20=2,K902*Input!$C$20,0)+IF(Input!$D$21=2,L902*Input!$C$21,0)+IF(Input!$D$22=2,M902*Input!$C$22,0)</f>
        <v>0.84225402180849251</v>
      </c>
      <c r="P902" s="59">
        <f>IF(Input!$D$19=3,J902*Input!$C$19,0)+IF(Input!$D$20=3,K902*Input!$C$20,0)+IF(Input!$D$21=3,L902*Input!$C$21,0)+IF(Input!$D$22=3,M902*Input!$C$22,0)</f>
        <v>0</v>
      </c>
      <c r="Q902" s="75">
        <f>IF(Input!$D$19=4,J902*Input!$C$19,0)+IF(Input!$D$20=4,K902*Input!$C$20,0)+IF(Input!$D$21=4,L902*Input!$C$21,0)+IF(Input!$D$22=4,M902*Input!$C$22,0)</f>
        <v>0</v>
      </c>
      <c r="R902" s="58">
        <v>65.722407843036478</v>
      </c>
      <c r="S902" s="124">
        <f t="shared" si="13"/>
        <v>1.4599069711347203</v>
      </c>
    </row>
    <row r="903" spans="8:19" x14ac:dyDescent="0.3">
      <c r="H903" s="44">
        <v>896</v>
      </c>
      <c r="I903" s="56">
        <f>Bühler!I929</f>
        <v>0.33690160872339703</v>
      </c>
      <c r="J903" s="59">
        <f>Bühler!J929</f>
        <v>1.1230053624113234</v>
      </c>
      <c r="K903" s="59">
        <f>Bühler!K929</f>
        <v>1.684508043616985</v>
      </c>
      <c r="L903" s="59">
        <f>Bühler!L929</f>
        <v>8.0856386093615278</v>
      </c>
      <c r="M903" s="58">
        <f>Bühler!M929</f>
        <v>0</v>
      </c>
      <c r="N903" s="56">
        <f>IF(Input!$D$19=1,J903*Input!$C$19,0)+IF(Input!$D$20=1,K903*Input!$C$20,0)+IF(Input!$D$21=1,L903*Input!$C$21,0)+IF(Input!$D$22=1,M903*Input!$C$22,0)</f>
        <v>0.33690160872339703</v>
      </c>
      <c r="O903" s="59">
        <f>IF(Input!$D$19=2,J903*Input!$C$19,0)+IF(Input!$D$20=2,K903*Input!$C$20,0)+IF(Input!$D$21=2,L903*Input!$C$21,0)+IF(Input!$D$22=2,M903*Input!$C$22,0)</f>
        <v>0.84225402180849251</v>
      </c>
      <c r="P903" s="59">
        <f>IF(Input!$D$19=3,J903*Input!$C$19,0)+IF(Input!$D$20=3,K903*Input!$C$20,0)+IF(Input!$D$21=3,L903*Input!$C$21,0)+IF(Input!$D$22=3,M903*Input!$C$22,0)</f>
        <v>0</v>
      </c>
      <c r="Q903" s="75">
        <f>IF(Input!$D$19=4,J903*Input!$C$19,0)+IF(Input!$D$20=4,K903*Input!$C$20,0)+IF(Input!$D$21=4,L903*Input!$C$21,0)+IF(Input!$D$22=4,M903*Input!$C$22,0)</f>
        <v>0</v>
      </c>
      <c r="R903" s="58">
        <v>66.774014726439674</v>
      </c>
      <c r="S903" s="124">
        <f t="shared" si="13"/>
        <v>1.4599069711347203</v>
      </c>
    </row>
    <row r="904" spans="8:19" x14ac:dyDescent="0.3">
      <c r="H904" s="44">
        <v>897</v>
      </c>
      <c r="I904" s="56">
        <f>Bühler!I930</f>
        <v>0.33690160872339703</v>
      </c>
      <c r="J904" s="59">
        <f>Bühler!J930</f>
        <v>1.1230053624113234</v>
      </c>
      <c r="K904" s="59">
        <f>Bühler!K930</f>
        <v>1.684508043616985</v>
      </c>
      <c r="L904" s="59">
        <f>Bühler!L930</f>
        <v>8.0856386093615278</v>
      </c>
      <c r="M904" s="58">
        <f>Bühler!M930</f>
        <v>0</v>
      </c>
      <c r="N904" s="56">
        <f>IF(Input!$D$19=1,J904*Input!$C$19,0)+IF(Input!$D$20=1,K904*Input!$C$20,0)+IF(Input!$D$21=1,L904*Input!$C$21,0)+IF(Input!$D$22=1,M904*Input!$C$22,0)</f>
        <v>0.33690160872339703</v>
      </c>
      <c r="O904" s="59">
        <f>IF(Input!$D$19=2,J904*Input!$C$19,0)+IF(Input!$D$20=2,K904*Input!$C$20,0)+IF(Input!$D$21=2,L904*Input!$C$21,0)+IF(Input!$D$22=2,M904*Input!$C$22,0)</f>
        <v>0.84225402180849251</v>
      </c>
      <c r="P904" s="59">
        <f>IF(Input!$D$19=3,J904*Input!$C$19,0)+IF(Input!$D$20=3,K904*Input!$C$20,0)+IF(Input!$D$21=3,L904*Input!$C$21,0)+IF(Input!$D$22=3,M904*Input!$C$22,0)</f>
        <v>0</v>
      </c>
      <c r="Q904" s="75">
        <f>IF(Input!$D$19=4,J904*Input!$C$19,0)+IF(Input!$D$20=4,K904*Input!$C$20,0)+IF(Input!$D$21=4,L904*Input!$C$21,0)+IF(Input!$D$22=4,M904*Input!$C$22,0)</f>
        <v>0</v>
      </c>
      <c r="R904" s="58">
        <v>67.667099312000246</v>
      </c>
      <c r="S904" s="124">
        <f t="shared" si="13"/>
        <v>1.4599069711347203</v>
      </c>
    </row>
    <row r="905" spans="8:19" x14ac:dyDescent="0.3">
      <c r="H905" s="44">
        <v>898</v>
      </c>
      <c r="I905" s="56">
        <f>Bühler!I931</f>
        <v>0.36204351982215799</v>
      </c>
      <c r="J905" s="59">
        <f>Bühler!J931</f>
        <v>1.2068117327405268</v>
      </c>
      <c r="K905" s="59">
        <f>Bühler!K931</f>
        <v>1.8102175991107898</v>
      </c>
      <c r="L905" s="59">
        <f>Bühler!L931</f>
        <v>8.6890444757317908</v>
      </c>
      <c r="M905" s="58">
        <f>Bühler!M931</f>
        <v>0</v>
      </c>
      <c r="N905" s="56">
        <f>IF(Input!$D$19=1,J905*Input!$C$19,0)+IF(Input!$D$20=1,K905*Input!$C$20,0)+IF(Input!$D$21=1,L905*Input!$C$21,0)+IF(Input!$D$22=1,M905*Input!$C$22,0)</f>
        <v>0.36204351982215804</v>
      </c>
      <c r="O905" s="59">
        <f>IF(Input!$D$19=2,J905*Input!$C$19,0)+IF(Input!$D$20=2,K905*Input!$C$20,0)+IF(Input!$D$21=2,L905*Input!$C$21,0)+IF(Input!$D$22=2,M905*Input!$C$22,0)</f>
        <v>0.90510879955539492</v>
      </c>
      <c r="P905" s="59">
        <f>IF(Input!$D$19=3,J905*Input!$C$19,0)+IF(Input!$D$20=3,K905*Input!$C$20,0)+IF(Input!$D$21=3,L905*Input!$C$21,0)+IF(Input!$D$22=3,M905*Input!$C$22,0)</f>
        <v>0</v>
      </c>
      <c r="Q905" s="75">
        <f>IF(Input!$D$19=4,J905*Input!$C$19,0)+IF(Input!$D$20=4,K905*Input!$C$20,0)+IF(Input!$D$21=4,L905*Input!$C$21,0)+IF(Input!$D$22=4,M905*Input!$C$22,0)</f>
        <v>0</v>
      </c>
      <c r="R905" s="58">
        <v>66.715800612607509</v>
      </c>
      <c r="S905" s="124">
        <f t="shared" ref="S905:S968" si="14">I905+J905</f>
        <v>1.5688552525626847</v>
      </c>
    </row>
    <row r="906" spans="8:19" x14ac:dyDescent="0.3">
      <c r="H906" s="44">
        <v>899</v>
      </c>
      <c r="I906" s="56">
        <f>Bühler!I932</f>
        <v>0.39221381314067111</v>
      </c>
      <c r="J906" s="59">
        <f>Bühler!J932</f>
        <v>1.3073793771355706</v>
      </c>
      <c r="K906" s="59">
        <f>Bühler!K932</f>
        <v>1.9610690657033556</v>
      </c>
      <c r="L906" s="59">
        <f>Bühler!L932</f>
        <v>9.4131315153761079</v>
      </c>
      <c r="M906" s="58">
        <f>Bühler!M932</f>
        <v>0</v>
      </c>
      <c r="N906" s="56">
        <f>IF(Input!$D$19=1,J906*Input!$C$19,0)+IF(Input!$D$20=1,K906*Input!$C$20,0)+IF(Input!$D$21=1,L906*Input!$C$21,0)+IF(Input!$D$22=1,M906*Input!$C$22,0)</f>
        <v>0.39221381314067116</v>
      </c>
      <c r="O906" s="59">
        <f>IF(Input!$D$19=2,J906*Input!$C$19,0)+IF(Input!$D$20=2,K906*Input!$C$20,0)+IF(Input!$D$21=2,L906*Input!$C$21,0)+IF(Input!$D$22=2,M906*Input!$C$22,0)</f>
        <v>0.9805345328516778</v>
      </c>
      <c r="P906" s="59">
        <f>IF(Input!$D$19=3,J906*Input!$C$19,0)+IF(Input!$D$20=3,K906*Input!$C$20,0)+IF(Input!$D$21=3,L906*Input!$C$21,0)+IF(Input!$D$22=3,M906*Input!$C$22,0)</f>
        <v>0</v>
      </c>
      <c r="Q906" s="75">
        <f>IF(Input!$D$19=4,J906*Input!$C$19,0)+IF(Input!$D$20=4,K906*Input!$C$20,0)+IF(Input!$D$21=4,L906*Input!$C$21,0)+IF(Input!$D$22=4,M906*Input!$C$22,0)</f>
        <v>0</v>
      </c>
      <c r="R906" s="58">
        <v>67.030529198102997</v>
      </c>
      <c r="S906" s="124">
        <f t="shared" si="14"/>
        <v>1.6995931902762418</v>
      </c>
    </row>
    <row r="907" spans="8:19" x14ac:dyDescent="0.3">
      <c r="H907" s="44">
        <v>900</v>
      </c>
      <c r="I907" s="56">
        <f>Bühler!I933</f>
        <v>0.45255439977769746</v>
      </c>
      <c r="J907" s="59">
        <f>Bühler!J933</f>
        <v>1.5085146659256583</v>
      </c>
      <c r="K907" s="59">
        <f>Bühler!K933</f>
        <v>2.2627719988884873</v>
      </c>
      <c r="L907" s="59">
        <f>Bühler!L933</f>
        <v>10.861305594664739</v>
      </c>
      <c r="M907" s="58">
        <f>Bühler!M933</f>
        <v>0</v>
      </c>
      <c r="N907" s="56">
        <f>IF(Input!$D$19=1,J907*Input!$C$19,0)+IF(Input!$D$20=1,K907*Input!$C$20,0)+IF(Input!$D$21=1,L907*Input!$C$21,0)+IF(Input!$D$22=1,M907*Input!$C$22,0)</f>
        <v>0.45255439977769746</v>
      </c>
      <c r="O907" s="59">
        <f>IF(Input!$D$19=2,J907*Input!$C$19,0)+IF(Input!$D$20=2,K907*Input!$C$20,0)+IF(Input!$D$21=2,L907*Input!$C$21,0)+IF(Input!$D$22=2,M907*Input!$C$22,0)</f>
        <v>1.1313859994442437</v>
      </c>
      <c r="P907" s="59">
        <f>IF(Input!$D$19=3,J907*Input!$C$19,0)+IF(Input!$D$20=3,K907*Input!$C$20,0)+IF(Input!$D$21=3,L907*Input!$C$21,0)+IF(Input!$D$22=3,M907*Input!$C$22,0)</f>
        <v>0</v>
      </c>
      <c r="Q907" s="75">
        <f>IF(Input!$D$19=4,J907*Input!$C$19,0)+IF(Input!$D$20=4,K907*Input!$C$20,0)+IF(Input!$D$21=4,L907*Input!$C$21,0)+IF(Input!$D$22=4,M907*Input!$C$22,0)</f>
        <v>0</v>
      </c>
      <c r="R907" s="58">
        <v>67.329603350550002</v>
      </c>
      <c r="S907" s="124">
        <f t="shared" si="14"/>
        <v>1.9610690657033558</v>
      </c>
    </row>
    <row r="908" spans="8:19" x14ac:dyDescent="0.3">
      <c r="H908" s="44">
        <v>901</v>
      </c>
      <c r="I908" s="56">
        <f>Bühler!I934</f>
        <v>0.45255439977769746</v>
      </c>
      <c r="J908" s="59">
        <f>Bühler!J934</f>
        <v>1.5085146659256583</v>
      </c>
      <c r="K908" s="59">
        <f>Bühler!K934</f>
        <v>2.2627719988884873</v>
      </c>
      <c r="L908" s="59">
        <f>Bühler!L934</f>
        <v>10.861305594664739</v>
      </c>
      <c r="M908" s="58">
        <f>Bühler!M934</f>
        <v>0</v>
      </c>
      <c r="N908" s="56">
        <f>IF(Input!$D$19=1,J908*Input!$C$19,0)+IF(Input!$D$20=1,K908*Input!$C$20,0)+IF(Input!$D$21=1,L908*Input!$C$21,0)+IF(Input!$D$22=1,M908*Input!$C$22,0)</f>
        <v>0.45255439977769746</v>
      </c>
      <c r="O908" s="59">
        <f>IF(Input!$D$19=2,J908*Input!$C$19,0)+IF(Input!$D$20=2,K908*Input!$C$20,0)+IF(Input!$D$21=2,L908*Input!$C$21,0)+IF(Input!$D$22=2,M908*Input!$C$22,0)</f>
        <v>1.1313859994442437</v>
      </c>
      <c r="P908" s="59">
        <f>IF(Input!$D$19=3,J908*Input!$C$19,0)+IF(Input!$D$20=3,K908*Input!$C$20,0)+IF(Input!$D$21=3,L908*Input!$C$21,0)+IF(Input!$D$22=3,M908*Input!$C$22,0)</f>
        <v>0</v>
      </c>
      <c r="Q908" s="75">
        <f>IF(Input!$D$19=4,J908*Input!$C$19,0)+IF(Input!$D$20=4,K908*Input!$C$20,0)+IF(Input!$D$21=4,L908*Input!$C$21,0)+IF(Input!$D$22=4,M908*Input!$C$22,0)</f>
        <v>0</v>
      </c>
      <c r="R908" s="58">
        <v>66.004018881278469</v>
      </c>
      <c r="S908" s="124">
        <f t="shared" si="14"/>
        <v>1.9610690657033558</v>
      </c>
    </row>
    <row r="909" spans="8:19" x14ac:dyDescent="0.3">
      <c r="H909" s="44">
        <v>902</v>
      </c>
      <c r="I909" s="56">
        <f>Bühler!I935</f>
        <v>0.45255439977769746</v>
      </c>
      <c r="J909" s="59">
        <f>Bühler!J935</f>
        <v>1.5085146659256583</v>
      </c>
      <c r="K909" s="59">
        <f>Bühler!K935</f>
        <v>2.2627719988884873</v>
      </c>
      <c r="L909" s="59">
        <f>Bühler!L935</f>
        <v>10.861305594664739</v>
      </c>
      <c r="M909" s="58">
        <f>Bühler!M935</f>
        <v>0</v>
      </c>
      <c r="N909" s="56">
        <f>IF(Input!$D$19=1,J909*Input!$C$19,0)+IF(Input!$D$20=1,K909*Input!$C$20,0)+IF(Input!$D$21=1,L909*Input!$C$21,0)+IF(Input!$D$22=1,M909*Input!$C$22,0)</f>
        <v>0.45255439977769746</v>
      </c>
      <c r="O909" s="59">
        <f>IF(Input!$D$19=2,J909*Input!$C$19,0)+IF(Input!$D$20=2,K909*Input!$C$20,0)+IF(Input!$D$21=2,L909*Input!$C$21,0)+IF(Input!$D$22=2,M909*Input!$C$22,0)</f>
        <v>1.1313859994442437</v>
      </c>
      <c r="P909" s="59">
        <f>IF(Input!$D$19=3,J909*Input!$C$19,0)+IF(Input!$D$20=3,K909*Input!$C$20,0)+IF(Input!$D$21=3,L909*Input!$C$21,0)+IF(Input!$D$22=3,M909*Input!$C$22,0)</f>
        <v>0</v>
      </c>
      <c r="Q909" s="75">
        <f>IF(Input!$D$19=4,J909*Input!$C$19,0)+IF(Input!$D$20=4,K909*Input!$C$20,0)+IF(Input!$D$21=4,L909*Input!$C$21,0)+IF(Input!$D$22=4,M909*Input!$C$22,0)</f>
        <v>0</v>
      </c>
      <c r="R909" s="58">
        <v>65.902435725626731</v>
      </c>
      <c r="S909" s="124">
        <f t="shared" si="14"/>
        <v>1.9610690657033558</v>
      </c>
    </row>
    <row r="910" spans="8:19" x14ac:dyDescent="0.3">
      <c r="H910" s="44">
        <v>903</v>
      </c>
      <c r="I910" s="56">
        <f>Bühler!I936</f>
        <v>0.45255439977769746</v>
      </c>
      <c r="J910" s="59">
        <f>Bühler!J936</f>
        <v>1.5085146659256583</v>
      </c>
      <c r="K910" s="59">
        <f>Bühler!K936</f>
        <v>2.2627719988884873</v>
      </c>
      <c r="L910" s="59">
        <f>Bühler!L936</f>
        <v>10.861305594664739</v>
      </c>
      <c r="M910" s="58">
        <f>Bühler!M936</f>
        <v>0</v>
      </c>
      <c r="N910" s="56">
        <f>IF(Input!$D$19=1,J910*Input!$C$19,0)+IF(Input!$D$20=1,K910*Input!$C$20,0)+IF(Input!$D$21=1,L910*Input!$C$21,0)+IF(Input!$D$22=1,M910*Input!$C$22,0)</f>
        <v>0.45255439977769746</v>
      </c>
      <c r="O910" s="59">
        <f>IF(Input!$D$19=2,J910*Input!$C$19,0)+IF(Input!$D$20=2,K910*Input!$C$20,0)+IF(Input!$D$21=2,L910*Input!$C$21,0)+IF(Input!$D$22=2,M910*Input!$C$22,0)</f>
        <v>1.1313859994442437</v>
      </c>
      <c r="P910" s="59">
        <f>IF(Input!$D$19=3,J910*Input!$C$19,0)+IF(Input!$D$20=3,K910*Input!$C$20,0)+IF(Input!$D$21=3,L910*Input!$C$21,0)+IF(Input!$D$22=3,M910*Input!$C$22,0)</f>
        <v>0</v>
      </c>
      <c r="Q910" s="75">
        <f>IF(Input!$D$19=4,J910*Input!$C$19,0)+IF(Input!$D$20=4,K910*Input!$C$20,0)+IF(Input!$D$21=4,L910*Input!$C$21,0)+IF(Input!$D$22=4,M910*Input!$C$22,0)</f>
        <v>0</v>
      </c>
      <c r="R910" s="58">
        <v>66.076954932055131</v>
      </c>
      <c r="S910" s="124">
        <f t="shared" si="14"/>
        <v>1.9610690657033558</v>
      </c>
    </row>
    <row r="911" spans="8:19" x14ac:dyDescent="0.3">
      <c r="H911" s="44">
        <v>904</v>
      </c>
      <c r="I911" s="56">
        <f>Bühler!I937</f>
        <v>0.45255439977769746</v>
      </c>
      <c r="J911" s="59">
        <f>Bühler!J937</f>
        <v>1.5085146659256583</v>
      </c>
      <c r="K911" s="59">
        <f>Bühler!K937</f>
        <v>2.2627719988884873</v>
      </c>
      <c r="L911" s="59">
        <f>Bühler!L937</f>
        <v>10.861305594664739</v>
      </c>
      <c r="M911" s="58">
        <f>Bühler!M937</f>
        <v>0</v>
      </c>
      <c r="N911" s="56">
        <f>IF(Input!$D$19=1,J911*Input!$C$19,0)+IF(Input!$D$20=1,K911*Input!$C$20,0)+IF(Input!$D$21=1,L911*Input!$C$21,0)+IF(Input!$D$22=1,M911*Input!$C$22,0)</f>
        <v>0.45255439977769746</v>
      </c>
      <c r="O911" s="59">
        <f>IF(Input!$D$19=2,J911*Input!$C$19,0)+IF(Input!$D$20=2,K911*Input!$C$20,0)+IF(Input!$D$21=2,L911*Input!$C$21,0)+IF(Input!$D$22=2,M911*Input!$C$22,0)</f>
        <v>1.1313859994442437</v>
      </c>
      <c r="P911" s="59">
        <f>IF(Input!$D$19=3,J911*Input!$C$19,0)+IF(Input!$D$20=3,K911*Input!$C$20,0)+IF(Input!$D$21=3,L911*Input!$C$21,0)+IF(Input!$D$22=3,M911*Input!$C$22,0)</f>
        <v>0</v>
      </c>
      <c r="Q911" s="75">
        <f>IF(Input!$D$19=4,J911*Input!$C$19,0)+IF(Input!$D$20=4,K911*Input!$C$20,0)+IF(Input!$D$21=4,L911*Input!$C$21,0)+IF(Input!$D$22=4,M911*Input!$C$22,0)</f>
        <v>0</v>
      </c>
      <c r="R911" s="58">
        <v>64.696543544010069</v>
      </c>
      <c r="S911" s="124">
        <f t="shared" si="14"/>
        <v>1.9610690657033558</v>
      </c>
    </row>
    <row r="912" spans="8:19" x14ac:dyDescent="0.3">
      <c r="H912" s="44">
        <v>905</v>
      </c>
      <c r="I912" s="56">
        <f>Bühler!I938</f>
        <v>0.45255439977769746</v>
      </c>
      <c r="J912" s="59">
        <f>Bühler!J938</f>
        <v>1.5085146659256583</v>
      </c>
      <c r="K912" s="59">
        <f>Bühler!K938</f>
        <v>2.2627719988884873</v>
      </c>
      <c r="L912" s="59">
        <f>Bühler!L938</f>
        <v>10.861305594664739</v>
      </c>
      <c r="M912" s="58">
        <f>Bühler!M938</f>
        <v>0</v>
      </c>
      <c r="N912" s="56">
        <f>IF(Input!$D$19=1,J912*Input!$C$19,0)+IF(Input!$D$20=1,K912*Input!$C$20,0)+IF(Input!$D$21=1,L912*Input!$C$21,0)+IF(Input!$D$22=1,M912*Input!$C$22,0)</f>
        <v>0.45255439977769746</v>
      </c>
      <c r="O912" s="59">
        <f>IF(Input!$D$19=2,J912*Input!$C$19,0)+IF(Input!$D$20=2,K912*Input!$C$20,0)+IF(Input!$D$21=2,L912*Input!$C$21,0)+IF(Input!$D$22=2,M912*Input!$C$22,0)</f>
        <v>1.1313859994442437</v>
      </c>
      <c r="P912" s="59">
        <f>IF(Input!$D$19=3,J912*Input!$C$19,0)+IF(Input!$D$20=3,K912*Input!$C$20,0)+IF(Input!$D$21=3,L912*Input!$C$21,0)+IF(Input!$D$22=3,M912*Input!$C$22,0)</f>
        <v>0</v>
      </c>
      <c r="Q912" s="75">
        <f>IF(Input!$D$19=4,J912*Input!$C$19,0)+IF(Input!$D$20=4,K912*Input!$C$20,0)+IF(Input!$D$21=4,L912*Input!$C$21,0)+IF(Input!$D$22=4,M912*Input!$C$22,0)</f>
        <v>0</v>
      </c>
      <c r="R912" s="58">
        <v>64.048793067984903</v>
      </c>
      <c r="S912" s="124">
        <f t="shared" si="14"/>
        <v>1.9610690657033558</v>
      </c>
    </row>
    <row r="913" spans="8:19" x14ac:dyDescent="0.3">
      <c r="H913" s="44">
        <v>906</v>
      </c>
      <c r="I913" s="56">
        <f>Bühler!I939</f>
        <v>0.45255439977769746</v>
      </c>
      <c r="J913" s="59">
        <f>Bühler!J939</f>
        <v>1.5085146659256583</v>
      </c>
      <c r="K913" s="59">
        <f>Bühler!K939</f>
        <v>2.2627719988884873</v>
      </c>
      <c r="L913" s="59">
        <f>Bühler!L939</f>
        <v>10.861305594664739</v>
      </c>
      <c r="M913" s="58">
        <f>Bühler!M939</f>
        <v>0</v>
      </c>
      <c r="N913" s="56">
        <f>IF(Input!$D$19=1,J913*Input!$C$19,0)+IF(Input!$D$20=1,K913*Input!$C$20,0)+IF(Input!$D$21=1,L913*Input!$C$21,0)+IF(Input!$D$22=1,M913*Input!$C$22,0)</f>
        <v>0.45255439977769746</v>
      </c>
      <c r="O913" s="59">
        <f>IF(Input!$D$19=2,J913*Input!$C$19,0)+IF(Input!$D$20=2,K913*Input!$C$20,0)+IF(Input!$D$21=2,L913*Input!$C$21,0)+IF(Input!$D$22=2,M913*Input!$C$22,0)</f>
        <v>1.1313859994442437</v>
      </c>
      <c r="P913" s="59">
        <f>IF(Input!$D$19=3,J913*Input!$C$19,0)+IF(Input!$D$20=3,K913*Input!$C$20,0)+IF(Input!$D$21=3,L913*Input!$C$21,0)+IF(Input!$D$22=3,M913*Input!$C$22,0)</f>
        <v>0</v>
      </c>
      <c r="Q913" s="75">
        <f>IF(Input!$D$19=4,J913*Input!$C$19,0)+IF(Input!$D$20=4,K913*Input!$C$20,0)+IF(Input!$D$21=4,L913*Input!$C$21,0)+IF(Input!$D$22=4,M913*Input!$C$22,0)</f>
        <v>0</v>
      </c>
      <c r="R913" s="58">
        <v>62.760601823893872</v>
      </c>
      <c r="S913" s="124">
        <f t="shared" si="14"/>
        <v>1.9610690657033558</v>
      </c>
    </row>
    <row r="914" spans="8:19" x14ac:dyDescent="0.3">
      <c r="H914" s="44">
        <v>907</v>
      </c>
      <c r="I914" s="56">
        <f>Bühler!I940</f>
        <v>0.45255439977769746</v>
      </c>
      <c r="J914" s="59">
        <f>Bühler!J940</f>
        <v>1.5085146659256583</v>
      </c>
      <c r="K914" s="59">
        <f>Bühler!K940</f>
        <v>2.2627719988884873</v>
      </c>
      <c r="L914" s="59">
        <f>Bühler!L940</f>
        <v>10.861305594664739</v>
      </c>
      <c r="M914" s="58">
        <f>Bühler!M940</f>
        <v>0</v>
      </c>
      <c r="N914" s="56">
        <f>IF(Input!$D$19=1,J914*Input!$C$19,0)+IF(Input!$D$20=1,K914*Input!$C$20,0)+IF(Input!$D$21=1,L914*Input!$C$21,0)+IF(Input!$D$22=1,M914*Input!$C$22,0)</f>
        <v>0.45255439977769746</v>
      </c>
      <c r="O914" s="59">
        <f>IF(Input!$D$19=2,J914*Input!$C$19,0)+IF(Input!$D$20=2,K914*Input!$C$20,0)+IF(Input!$D$21=2,L914*Input!$C$21,0)+IF(Input!$D$22=2,M914*Input!$C$22,0)</f>
        <v>1.1313859994442437</v>
      </c>
      <c r="P914" s="59">
        <f>IF(Input!$D$19=3,J914*Input!$C$19,0)+IF(Input!$D$20=3,K914*Input!$C$20,0)+IF(Input!$D$21=3,L914*Input!$C$21,0)+IF(Input!$D$22=3,M914*Input!$C$22,0)</f>
        <v>0</v>
      </c>
      <c r="Q914" s="75">
        <f>IF(Input!$D$19=4,J914*Input!$C$19,0)+IF(Input!$D$20=4,K914*Input!$C$20,0)+IF(Input!$D$21=4,L914*Input!$C$21,0)+IF(Input!$D$22=4,M914*Input!$C$22,0)</f>
        <v>0</v>
      </c>
      <c r="R914" s="58">
        <v>61.107816547926397</v>
      </c>
      <c r="S914" s="124">
        <f t="shared" si="14"/>
        <v>1.9610690657033558</v>
      </c>
    </row>
    <row r="915" spans="8:19" x14ac:dyDescent="0.3">
      <c r="H915" s="44">
        <v>908</v>
      </c>
      <c r="I915" s="56">
        <f>Bühler!I941</f>
        <v>0.37712866648141452</v>
      </c>
      <c r="J915" s="59">
        <f>Bühler!J941</f>
        <v>1.2570955549380485</v>
      </c>
      <c r="K915" s="59">
        <f>Bühler!K941</f>
        <v>1.8856433324070725</v>
      </c>
      <c r="L915" s="59">
        <f>Bühler!L941</f>
        <v>9.0510879955539476</v>
      </c>
      <c r="M915" s="58">
        <f>Bühler!M941</f>
        <v>0</v>
      </c>
      <c r="N915" s="56">
        <f>IF(Input!$D$19=1,J915*Input!$C$19,0)+IF(Input!$D$20=1,K915*Input!$C$20,0)+IF(Input!$D$21=1,L915*Input!$C$21,0)+IF(Input!$D$22=1,M915*Input!$C$22,0)</f>
        <v>0.37712866648141452</v>
      </c>
      <c r="O915" s="59">
        <f>IF(Input!$D$19=2,J915*Input!$C$19,0)+IF(Input!$D$20=2,K915*Input!$C$20,0)+IF(Input!$D$21=2,L915*Input!$C$21,0)+IF(Input!$D$22=2,M915*Input!$C$22,0)</f>
        <v>0.94282166620353625</v>
      </c>
      <c r="P915" s="59">
        <f>IF(Input!$D$19=3,J915*Input!$C$19,0)+IF(Input!$D$20=3,K915*Input!$C$20,0)+IF(Input!$D$21=3,L915*Input!$C$21,0)+IF(Input!$D$22=3,M915*Input!$C$22,0)</f>
        <v>0</v>
      </c>
      <c r="Q915" s="75">
        <f>IF(Input!$D$19=4,J915*Input!$C$19,0)+IF(Input!$D$20=4,K915*Input!$C$20,0)+IF(Input!$D$21=4,L915*Input!$C$21,0)+IF(Input!$D$22=4,M915*Input!$C$22,0)</f>
        <v>0</v>
      </c>
      <c r="R915" s="58">
        <v>60.169500752717084</v>
      </c>
      <c r="S915" s="124">
        <f t="shared" si="14"/>
        <v>1.6342242214194629</v>
      </c>
    </row>
    <row r="916" spans="8:19" x14ac:dyDescent="0.3">
      <c r="H916" s="44">
        <v>909</v>
      </c>
      <c r="I916" s="56">
        <f>Bühler!I942</f>
        <v>0.30170293318513169</v>
      </c>
      <c r="J916" s="59">
        <f>Bühler!J942</f>
        <v>1.0056764439504391</v>
      </c>
      <c r="K916" s="59">
        <f>Bühler!K942</f>
        <v>1.5085146659256583</v>
      </c>
      <c r="L916" s="59">
        <f>Bühler!L942</f>
        <v>7.2408703964431602</v>
      </c>
      <c r="M916" s="58">
        <f>Bühler!M942</f>
        <v>0</v>
      </c>
      <c r="N916" s="56">
        <f>IF(Input!$D$19=1,J916*Input!$C$19,0)+IF(Input!$D$20=1,K916*Input!$C$20,0)+IF(Input!$D$21=1,L916*Input!$C$21,0)+IF(Input!$D$22=1,M916*Input!$C$22,0)</f>
        <v>0.30170293318513169</v>
      </c>
      <c r="O916" s="59">
        <f>IF(Input!$D$19=2,J916*Input!$C$19,0)+IF(Input!$D$20=2,K916*Input!$C$20,0)+IF(Input!$D$21=2,L916*Input!$C$21,0)+IF(Input!$D$22=2,M916*Input!$C$22,0)</f>
        <v>0.75425733296282915</v>
      </c>
      <c r="P916" s="59">
        <f>IF(Input!$D$19=3,J916*Input!$C$19,0)+IF(Input!$D$20=3,K916*Input!$C$20,0)+IF(Input!$D$21=3,L916*Input!$C$21,0)+IF(Input!$D$22=3,M916*Input!$C$22,0)</f>
        <v>0</v>
      </c>
      <c r="Q916" s="75">
        <f>IF(Input!$D$19=4,J916*Input!$C$19,0)+IF(Input!$D$20=4,K916*Input!$C$20,0)+IF(Input!$D$21=4,L916*Input!$C$21,0)+IF(Input!$D$22=4,M916*Input!$C$22,0)</f>
        <v>0</v>
      </c>
      <c r="R916" s="58">
        <v>59.708967242732328</v>
      </c>
      <c r="S916" s="124">
        <f t="shared" si="14"/>
        <v>1.3073793771355708</v>
      </c>
    </row>
    <row r="917" spans="8:19" x14ac:dyDescent="0.3">
      <c r="H917" s="44">
        <v>910</v>
      </c>
      <c r="I917" s="56">
        <f>Bühler!I943</f>
        <v>0.22627719988884873</v>
      </c>
      <c r="J917" s="59">
        <f>Bühler!J943</f>
        <v>0.75425733296282915</v>
      </c>
      <c r="K917" s="59">
        <f>Bühler!K943</f>
        <v>1.1313859994442437</v>
      </c>
      <c r="L917" s="59">
        <f>Bühler!L943</f>
        <v>5.4306527973323693</v>
      </c>
      <c r="M917" s="58">
        <f>Bühler!M943</f>
        <v>0</v>
      </c>
      <c r="N917" s="56">
        <f>IF(Input!$D$19=1,J917*Input!$C$19,0)+IF(Input!$D$20=1,K917*Input!$C$20,0)+IF(Input!$D$21=1,L917*Input!$C$21,0)+IF(Input!$D$22=1,M917*Input!$C$22,0)</f>
        <v>0.22627719988884873</v>
      </c>
      <c r="O917" s="59">
        <f>IF(Input!$D$19=2,J917*Input!$C$19,0)+IF(Input!$D$20=2,K917*Input!$C$20,0)+IF(Input!$D$21=2,L917*Input!$C$21,0)+IF(Input!$D$22=2,M917*Input!$C$22,0)</f>
        <v>0.56569299972212184</v>
      </c>
      <c r="P917" s="59">
        <f>IF(Input!$D$19=3,J917*Input!$C$19,0)+IF(Input!$D$20=3,K917*Input!$C$20,0)+IF(Input!$D$21=3,L917*Input!$C$21,0)+IF(Input!$D$22=3,M917*Input!$C$22,0)</f>
        <v>0</v>
      </c>
      <c r="Q917" s="75">
        <f>IF(Input!$D$19=4,J917*Input!$C$19,0)+IF(Input!$D$20=4,K917*Input!$C$20,0)+IF(Input!$D$21=4,L917*Input!$C$21,0)+IF(Input!$D$22=4,M917*Input!$C$22,0)</f>
        <v>0</v>
      </c>
      <c r="R917" s="58">
        <v>57.697794467966688</v>
      </c>
      <c r="S917" s="124">
        <f t="shared" si="14"/>
        <v>0.98053453285167791</v>
      </c>
    </row>
    <row r="918" spans="8:19" x14ac:dyDescent="0.3">
      <c r="H918" s="44">
        <v>911</v>
      </c>
      <c r="I918" s="56">
        <f>Bühler!I944</f>
        <v>0.22627719988884873</v>
      </c>
      <c r="J918" s="59">
        <f>Bühler!J944</f>
        <v>0.75425733296282915</v>
      </c>
      <c r="K918" s="59">
        <f>Bühler!K944</f>
        <v>1.1313859994442437</v>
      </c>
      <c r="L918" s="59">
        <f>Bühler!L944</f>
        <v>5.4306527973323693</v>
      </c>
      <c r="M918" s="58">
        <f>Bühler!M944</f>
        <v>0</v>
      </c>
      <c r="N918" s="56">
        <f>IF(Input!$D$19=1,J918*Input!$C$19,0)+IF(Input!$D$20=1,K918*Input!$C$20,0)+IF(Input!$D$21=1,L918*Input!$C$21,0)+IF(Input!$D$22=1,M918*Input!$C$22,0)</f>
        <v>0.22627719988884873</v>
      </c>
      <c r="O918" s="59">
        <f>IF(Input!$D$19=2,J918*Input!$C$19,0)+IF(Input!$D$20=2,K918*Input!$C$20,0)+IF(Input!$D$21=2,L918*Input!$C$21,0)+IF(Input!$D$22=2,M918*Input!$C$22,0)</f>
        <v>0.56569299972212184</v>
      </c>
      <c r="P918" s="59">
        <f>IF(Input!$D$19=3,J918*Input!$C$19,0)+IF(Input!$D$20=3,K918*Input!$C$20,0)+IF(Input!$D$21=3,L918*Input!$C$21,0)+IF(Input!$D$22=3,M918*Input!$C$22,0)</f>
        <v>0</v>
      </c>
      <c r="Q918" s="75">
        <f>IF(Input!$D$19=4,J918*Input!$C$19,0)+IF(Input!$D$20=4,K918*Input!$C$20,0)+IF(Input!$D$21=4,L918*Input!$C$21,0)+IF(Input!$D$22=4,M918*Input!$C$22,0)</f>
        <v>0</v>
      </c>
      <c r="R918" s="58">
        <v>57.249757755200271</v>
      </c>
      <c r="S918" s="124">
        <f t="shared" si="14"/>
        <v>0.98053453285167791</v>
      </c>
    </row>
    <row r="919" spans="8:19" x14ac:dyDescent="0.3">
      <c r="H919" s="44">
        <v>912</v>
      </c>
      <c r="I919" s="56">
        <f>Bühler!I945</f>
        <v>0.22627719988884873</v>
      </c>
      <c r="J919" s="59">
        <f>Bühler!J945</f>
        <v>0.75425733296282915</v>
      </c>
      <c r="K919" s="59">
        <f>Bühler!K945</f>
        <v>1.1313859994442437</v>
      </c>
      <c r="L919" s="59">
        <f>Bühler!L945</f>
        <v>5.4306527973323693</v>
      </c>
      <c r="M919" s="58">
        <f>Bühler!M945</f>
        <v>0</v>
      </c>
      <c r="N919" s="56">
        <f>IF(Input!$D$19=1,J919*Input!$C$19,0)+IF(Input!$D$20=1,K919*Input!$C$20,0)+IF(Input!$D$21=1,L919*Input!$C$21,0)+IF(Input!$D$22=1,M919*Input!$C$22,0)</f>
        <v>0.22627719988884873</v>
      </c>
      <c r="O919" s="59">
        <f>IF(Input!$D$19=2,J919*Input!$C$19,0)+IF(Input!$D$20=2,K919*Input!$C$20,0)+IF(Input!$D$21=2,L919*Input!$C$21,0)+IF(Input!$D$22=2,M919*Input!$C$22,0)</f>
        <v>0.56569299972212184</v>
      </c>
      <c r="P919" s="59">
        <f>IF(Input!$D$19=3,J919*Input!$C$19,0)+IF(Input!$D$20=3,K919*Input!$C$20,0)+IF(Input!$D$21=3,L919*Input!$C$21,0)+IF(Input!$D$22=3,M919*Input!$C$22,0)</f>
        <v>0</v>
      </c>
      <c r="Q919" s="75">
        <f>IF(Input!$D$19=4,J919*Input!$C$19,0)+IF(Input!$D$20=4,K919*Input!$C$20,0)+IF(Input!$D$21=4,L919*Input!$C$21,0)+IF(Input!$D$22=4,M919*Input!$C$22,0)</f>
        <v>0</v>
      </c>
      <c r="R919" s="58">
        <v>56.491970777534732</v>
      </c>
      <c r="S919" s="124">
        <f t="shared" si="14"/>
        <v>0.98053453285167791</v>
      </c>
    </row>
    <row r="920" spans="8:19" x14ac:dyDescent="0.3">
      <c r="H920" s="44">
        <v>913</v>
      </c>
      <c r="I920" s="56">
        <f>Bühler!I946</f>
        <v>0.22186811428638728</v>
      </c>
      <c r="J920" s="59">
        <f>Bühler!J946</f>
        <v>0.73956038095462429</v>
      </c>
      <c r="K920" s="59">
        <f>Bühler!K946</f>
        <v>1.1093405714319364</v>
      </c>
      <c r="L920" s="59">
        <f>Bühler!L946</f>
        <v>5.3248347428732945</v>
      </c>
      <c r="M920" s="58">
        <f>Bühler!M946</f>
        <v>0</v>
      </c>
      <c r="N920" s="56">
        <f>IF(Input!$D$19=1,J920*Input!$C$19,0)+IF(Input!$D$20=1,K920*Input!$C$20,0)+IF(Input!$D$21=1,L920*Input!$C$21,0)+IF(Input!$D$22=1,M920*Input!$C$22,0)</f>
        <v>0.22186811428638728</v>
      </c>
      <c r="O920" s="59">
        <f>IF(Input!$D$19=2,J920*Input!$C$19,0)+IF(Input!$D$20=2,K920*Input!$C$20,0)+IF(Input!$D$21=2,L920*Input!$C$21,0)+IF(Input!$D$22=2,M920*Input!$C$22,0)</f>
        <v>0.55467028571596821</v>
      </c>
      <c r="P920" s="59">
        <f>IF(Input!$D$19=3,J920*Input!$C$19,0)+IF(Input!$D$20=3,K920*Input!$C$20,0)+IF(Input!$D$21=3,L920*Input!$C$21,0)+IF(Input!$D$22=3,M920*Input!$C$22,0)</f>
        <v>0</v>
      </c>
      <c r="Q920" s="75">
        <f>IF(Input!$D$19=4,J920*Input!$C$19,0)+IF(Input!$D$20=4,K920*Input!$C$20,0)+IF(Input!$D$21=4,L920*Input!$C$21,0)+IF(Input!$D$22=4,M920*Input!$C$22,0)</f>
        <v>0</v>
      </c>
      <c r="R920" s="58">
        <v>56.580169319966906</v>
      </c>
      <c r="S920" s="124">
        <f t="shared" si="14"/>
        <v>0.96142849524101159</v>
      </c>
    </row>
    <row r="921" spans="8:19" x14ac:dyDescent="0.3">
      <c r="H921" s="44">
        <v>914</v>
      </c>
      <c r="I921" s="56">
        <f>Bühler!I947</f>
        <v>0.22186811428638728</v>
      </c>
      <c r="J921" s="59">
        <f>Bühler!J947</f>
        <v>0.73956038095462429</v>
      </c>
      <c r="K921" s="59">
        <f>Bühler!K947</f>
        <v>1.1093405714319364</v>
      </c>
      <c r="L921" s="59">
        <f>Bühler!L947</f>
        <v>5.3248347428732945</v>
      </c>
      <c r="M921" s="58">
        <f>Bühler!M947</f>
        <v>0</v>
      </c>
      <c r="N921" s="56">
        <f>IF(Input!$D$19=1,J921*Input!$C$19,0)+IF(Input!$D$20=1,K921*Input!$C$20,0)+IF(Input!$D$21=1,L921*Input!$C$21,0)+IF(Input!$D$22=1,M921*Input!$C$22,0)</f>
        <v>0.22186811428638728</v>
      </c>
      <c r="O921" s="59">
        <f>IF(Input!$D$19=2,J921*Input!$C$19,0)+IF(Input!$D$20=2,K921*Input!$C$20,0)+IF(Input!$D$21=2,L921*Input!$C$21,0)+IF(Input!$D$22=2,M921*Input!$C$22,0)</f>
        <v>0.55467028571596821</v>
      </c>
      <c r="P921" s="59">
        <f>IF(Input!$D$19=3,J921*Input!$C$19,0)+IF(Input!$D$20=3,K921*Input!$C$20,0)+IF(Input!$D$21=3,L921*Input!$C$21,0)+IF(Input!$D$22=3,M921*Input!$C$22,0)</f>
        <v>0</v>
      </c>
      <c r="Q921" s="75">
        <f>IF(Input!$D$19=4,J921*Input!$C$19,0)+IF(Input!$D$20=4,K921*Input!$C$20,0)+IF(Input!$D$21=4,L921*Input!$C$21,0)+IF(Input!$D$22=4,M921*Input!$C$22,0)</f>
        <v>0</v>
      </c>
      <c r="R921" s="58">
        <v>57.573654901761913</v>
      </c>
      <c r="S921" s="124">
        <f t="shared" si="14"/>
        <v>0.96142849524101159</v>
      </c>
    </row>
    <row r="922" spans="8:19" x14ac:dyDescent="0.3">
      <c r="H922" s="44">
        <v>915</v>
      </c>
      <c r="I922" s="56">
        <f>Bühler!I948</f>
        <v>0.22186811428638728</v>
      </c>
      <c r="J922" s="59">
        <f>Bühler!J948</f>
        <v>0.73956038095462429</v>
      </c>
      <c r="K922" s="59">
        <f>Bühler!K948</f>
        <v>1.1093405714319364</v>
      </c>
      <c r="L922" s="59">
        <f>Bühler!L948</f>
        <v>5.3248347428732945</v>
      </c>
      <c r="M922" s="58">
        <f>Bühler!M948</f>
        <v>0</v>
      </c>
      <c r="N922" s="56">
        <f>IF(Input!$D$19=1,J922*Input!$C$19,0)+IF(Input!$D$20=1,K922*Input!$C$20,0)+IF(Input!$D$21=1,L922*Input!$C$21,0)+IF(Input!$D$22=1,M922*Input!$C$22,0)</f>
        <v>0.22186811428638728</v>
      </c>
      <c r="O922" s="59">
        <f>IF(Input!$D$19=2,J922*Input!$C$19,0)+IF(Input!$D$20=2,K922*Input!$C$20,0)+IF(Input!$D$21=2,L922*Input!$C$21,0)+IF(Input!$D$22=2,M922*Input!$C$22,0)</f>
        <v>0.55467028571596821</v>
      </c>
      <c r="P922" s="59">
        <f>IF(Input!$D$19=3,J922*Input!$C$19,0)+IF(Input!$D$20=3,K922*Input!$C$20,0)+IF(Input!$D$21=3,L922*Input!$C$21,0)+IF(Input!$D$22=3,M922*Input!$C$22,0)</f>
        <v>0</v>
      </c>
      <c r="Q922" s="75">
        <f>IF(Input!$D$19=4,J922*Input!$C$19,0)+IF(Input!$D$20=4,K922*Input!$C$20,0)+IF(Input!$D$21=4,L922*Input!$C$21,0)+IF(Input!$D$22=4,M922*Input!$C$22,0)</f>
        <v>0</v>
      </c>
      <c r="R922" s="58">
        <v>58.482453408848414</v>
      </c>
      <c r="S922" s="124">
        <f t="shared" si="14"/>
        <v>0.96142849524101159</v>
      </c>
    </row>
    <row r="923" spans="8:19" x14ac:dyDescent="0.3">
      <c r="H923" s="44">
        <v>916</v>
      </c>
      <c r="I923" s="56">
        <f>Bühler!I949</f>
        <v>0.22186811428638728</v>
      </c>
      <c r="J923" s="59">
        <f>Bühler!J949</f>
        <v>0.73956038095462429</v>
      </c>
      <c r="K923" s="59">
        <f>Bühler!K949</f>
        <v>1.1093405714319364</v>
      </c>
      <c r="L923" s="59">
        <f>Bühler!L949</f>
        <v>5.3248347428732945</v>
      </c>
      <c r="M923" s="58">
        <f>Bühler!M949</f>
        <v>0</v>
      </c>
      <c r="N923" s="56">
        <f>IF(Input!$D$19=1,J923*Input!$C$19,0)+IF(Input!$D$20=1,K923*Input!$C$20,0)+IF(Input!$D$21=1,L923*Input!$C$21,0)+IF(Input!$D$22=1,M923*Input!$C$22,0)</f>
        <v>0.22186811428638728</v>
      </c>
      <c r="O923" s="59">
        <f>IF(Input!$D$19=2,J923*Input!$C$19,0)+IF(Input!$D$20=2,K923*Input!$C$20,0)+IF(Input!$D$21=2,L923*Input!$C$21,0)+IF(Input!$D$22=2,M923*Input!$C$22,0)</f>
        <v>0.55467028571596821</v>
      </c>
      <c r="P923" s="59">
        <f>IF(Input!$D$19=3,J923*Input!$C$19,0)+IF(Input!$D$20=3,K923*Input!$C$20,0)+IF(Input!$D$21=3,L923*Input!$C$21,0)+IF(Input!$D$22=3,M923*Input!$C$22,0)</f>
        <v>0</v>
      </c>
      <c r="Q923" s="75">
        <f>IF(Input!$D$19=4,J923*Input!$C$19,0)+IF(Input!$D$20=4,K923*Input!$C$20,0)+IF(Input!$D$21=4,L923*Input!$C$21,0)+IF(Input!$D$22=4,M923*Input!$C$22,0)</f>
        <v>0</v>
      </c>
      <c r="R923" s="58">
        <v>58.571583505924949</v>
      </c>
      <c r="S923" s="124">
        <f t="shared" si="14"/>
        <v>0.96142849524101159</v>
      </c>
    </row>
    <row r="924" spans="8:19" x14ac:dyDescent="0.3">
      <c r="H924" s="44">
        <v>917</v>
      </c>
      <c r="I924" s="56">
        <f>Bühler!I950</f>
        <v>0.22186811428638728</v>
      </c>
      <c r="J924" s="59">
        <f>Bühler!J950</f>
        <v>0.73956038095462429</v>
      </c>
      <c r="K924" s="59">
        <f>Bühler!K950</f>
        <v>1.1093405714319364</v>
      </c>
      <c r="L924" s="59">
        <f>Bühler!L950</f>
        <v>5.3248347428732945</v>
      </c>
      <c r="M924" s="58">
        <f>Bühler!M950</f>
        <v>0</v>
      </c>
      <c r="N924" s="56">
        <f>IF(Input!$D$19=1,J924*Input!$C$19,0)+IF(Input!$D$20=1,K924*Input!$C$20,0)+IF(Input!$D$21=1,L924*Input!$C$21,0)+IF(Input!$D$22=1,M924*Input!$C$22,0)</f>
        <v>0.22186811428638728</v>
      </c>
      <c r="O924" s="59">
        <f>IF(Input!$D$19=2,J924*Input!$C$19,0)+IF(Input!$D$20=2,K924*Input!$C$20,0)+IF(Input!$D$21=2,L924*Input!$C$21,0)+IF(Input!$D$22=2,M924*Input!$C$22,0)</f>
        <v>0.55467028571596821</v>
      </c>
      <c r="P924" s="59">
        <f>IF(Input!$D$19=3,J924*Input!$C$19,0)+IF(Input!$D$20=3,K924*Input!$C$20,0)+IF(Input!$D$21=3,L924*Input!$C$21,0)+IF(Input!$D$22=3,M924*Input!$C$22,0)</f>
        <v>0</v>
      </c>
      <c r="Q924" s="75">
        <f>IF(Input!$D$19=4,J924*Input!$C$19,0)+IF(Input!$D$20=4,K924*Input!$C$20,0)+IF(Input!$D$21=4,L924*Input!$C$21,0)+IF(Input!$D$22=4,M924*Input!$C$22,0)</f>
        <v>0</v>
      </c>
      <c r="R924" s="58">
        <v>59.883072167716378</v>
      </c>
      <c r="S924" s="124">
        <f t="shared" si="14"/>
        <v>0.96142849524101159</v>
      </c>
    </row>
    <row r="925" spans="8:19" x14ac:dyDescent="0.3">
      <c r="H925" s="44">
        <v>918</v>
      </c>
      <c r="I925" s="56">
        <f>Bühler!I951</f>
        <v>0.28596334730245471</v>
      </c>
      <c r="J925" s="59">
        <f>Bühler!J951</f>
        <v>0.95321115767484921</v>
      </c>
      <c r="K925" s="59">
        <f>Bühler!K951</f>
        <v>1.4298167365122736</v>
      </c>
      <c r="L925" s="59">
        <f>Bühler!L951</f>
        <v>6.8631203352589134</v>
      </c>
      <c r="M925" s="58">
        <f>Bühler!M951</f>
        <v>0</v>
      </c>
      <c r="N925" s="56">
        <f>IF(Input!$D$19=1,J925*Input!$C$19,0)+IF(Input!$D$20=1,K925*Input!$C$20,0)+IF(Input!$D$21=1,L925*Input!$C$21,0)+IF(Input!$D$22=1,M925*Input!$C$22,0)</f>
        <v>0.28596334730245476</v>
      </c>
      <c r="O925" s="59">
        <f>IF(Input!$D$19=2,J925*Input!$C$19,0)+IF(Input!$D$20=2,K925*Input!$C$20,0)+IF(Input!$D$21=2,L925*Input!$C$21,0)+IF(Input!$D$22=2,M925*Input!$C$22,0)</f>
        <v>0.71490836825613679</v>
      </c>
      <c r="P925" s="59">
        <f>IF(Input!$D$19=3,J925*Input!$C$19,0)+IF(Input!$D$20=3,K925*Input!$C$20,0)+IF(Input!$D$21=3,L925*Input!$C$21,0)+IF(Input!$D$22=3,M925*Input!$C$22,0)</f>
        <v>0</v>
      </c>
      <c r="Q925" s="75">
        <f>IF(Input!$D$19=4,J925*Input!$C$19,0)+IF(Input!$D$20=4,K925*Input!$C$20,0)+IF(Input!$D$21=4,L925*Input!$C$21,0)+IF(Input!$D$22=4,M925*Input!$C$22,0)</f>
        <v>0</v>
      </c>
      <c r="R925" s="58">
        <v>62.991450224385332</v>
      </c>
      <c r="S925" s="124">
        <f t="shared" si="14"/>
        <v>1.239174504977304</v>
      </c>
    </row>
    <row r="926" spans="8:19" x14ac:dyDescent="0.3">
      <c r="H926" s="44">
        <v>919</v>
      </c>
      <c r="I926" s="56">
        <f>Bühler!I952</f>
        <v>0.33033697015973223</v>
      </c>
      <c r="J926" s="59">
        <f>Bühler!J952</f>
        <v>1.1011232338657742</v>
      </c>
      <c r="K926" s="59">
        <f>Bühler!K952</f>
        <v>1.6516848507986612</v>
      </c>
      <c r="L926" s="59">
        <f>Bühler!L952</f>
        <v>7.9280872838335732</v>
      </c>
      <c r="M926" s="58">
        <f>Bühler!M952</f>
        <v>0</v>
      </c>
      <c r="N926" s="56">
        <f>IF(Input!$D$19=1,J926*Input!$C$19,0)+IF(Input!$D$20=1,K926*Input!$C$20,0)+IF(Input!$D$21=1,L926*Input!$C$21,0)+IF(Input!$D$22=1,M926*Input!$C$22,0)</f>
        <v>0.33033697015973223</v>
      </c>
      <c r="O926" s="59">
        <f>IF(Input!$D$19=2,J926*Input!$C$19,0)+IF(Input!$D$20=2,K926*Input!$C$20,0)+IF(Input!$D$21=2,L926*Input!$C$21,0)+IF(Input!$D$22=2,M926*Input!$C$22,0)</f>
        <v>0.82584242539933062</v>
      </c>
      <c r="P926" s="59">
        <f>IF(Input!$D$19=3,J926*Input!$C$19,0)+IF(Input!$D$20=3,K926*Input!$C$20,0)+IF(Input!$D$21=3,L926*Input!$C$21,0)+IF(Input!$D$22=3,M926*Input!$C$22,0)</f>
        <v>0</v>
      </c>
      <c r="Q926" s="75">
        <f>IF(Input!$D$19=4,J926*Input!$C$19,0)+IF(Input!$D$20=4,K926*Input!$C$20,0)+IF(Input!$D$21=4,L926*Input!$C$21,0)+IF(Input!$D$22=4,M926*Input!$C$22,0)</f>
        <v>0</v>
      </c>
      <c r="R926" s="58">
        <v>65.443579837778955</v>
      </c>
      <c r="S926" s="124">
        <f t="shared" si="14"/>
        <v>1.4314602040255064</v>
      </c>
    </row>
    <row r="927" spans="8:19" x14ac:dyDescent="0.3">
      <c r="H927" s="44">
        <v>920</v>
      </c>
      <c r="I927" s="56">
        <f>Bühler!I953</f>
        <v>0.33033697015973223</v>
      </c>
      <c r="J927" s="59">
        <f>Bühler!J953</f>
        <v>1.1011232338657742</v>
      </c>
      <c r="K927" s="59">
        <f>Bühler!K953</f>
        <v>1.6516848507986612</v>
      </c>
      <c r="L927" s="59">
        <f>Bühler!L953</f>
        <v>7.9280872838335732</v>
      </c>
      <c r="M927" s="58">
        <f>Bühler!M953</f>
        <v>0</v>
      </c>
      <c r="N927" s="56">
        <f>IF(Input!$D$19=1,J927*Input!$C$19,0)+IF(Input!$D$20=1,K927*Input!$C$20,0)+IF(Input!$D$21=1,L927*Input!$C$21,0)+IF(Input!$D$22=1,M927*Input!$C$22,0)</f>
        <v>0.33033697015973223</v>
      </c>
      <c r="O927" s="59">
        <f>IF(Input!$D$19=2,J927*Input!$C$19,0)+IF(Input!$D$20=2,K927*Input!$C$20,0)+IF(Input!$D$21=2,L927*Input!$C$21,0)+IF(Input!$D$22=2,M927*Input!$C$22,0)</f>
        <v>0.82584242539933062</v>
      </c>
      <c r="P927" s="59">
        <f>IF(Input!$D$19=3,J927*Input!$C$19,0)+IF(Input!$D$20=3,K927*Input!$C$20,0)+IF(Input!$D$21=3,L927*Input!$C$21,0)+IF(Input!$D$22=3,M927*Input!$C$22,0)</f>
        <v>0</v>
      </c>
      <c r="Q927" s="75">
        <f>IF(Input!$D$19=4,J927*Input!$C$19,0)+IF(Input!$D$20=4,K927*Input!$C$20,0)+IF(Input!$D$21=4,L927*Input!$C$21,0)+IF(Input!$D$22=4,M927*Input!$C$22,0)</f>
        <v>0</v>
      </c>
      <c r="R927" s="58">
        <v>65.601093655883716</v>
      </c>
      <c r="S927" s="124">
        <f t="shared" si="14"/>
        <v>1.4314602040255064</v>
      </c>
    </row>
    <row r="928" spans="8:19" x14ac:dyDescent="0.3">
      <c r="H928" s="44">
        <v>921</v>
      </c>
      <c r="I928" s="56">
        <f>Bühler!I954</f>
        <v>0.33033697015973223</v>
      </c>
      <c r="J928" s="59">
        <f>Bühler!J954</f>
        <v>1.1011232338657742</v>
      </c>
      <c r="K928" s="59">
        <f>Bühler!K954</f>
        <v>1.6516848507986612</v>
      </c>
      <c r="L928" s="59">
        <f>Bühler!L954</f>
        <v>7.9280872838335732</v>
      </c>
      <c r="M928" s="58">
        <f>Bühler!M954</f>
        <v>0</v>
      </c>
      <c r="N928" s="56">
        <f>IF(Input!$D$19=1,J928*Input!$C$19,0)+IF(Input!$D$20=1,K928*Input!$C$20,0)+IF(Input!$D$21=1,L928*Input!$C$21,0)+IF(Input!$D$22=1,M928*Input!$C$22,0)</f>
        <v>0.33033697015973223</v>
      </c>
      <c r="O928" s="59">
        <f>IF(Input!$D$19=2,J928*Input!$C$19,0)+IF(Input!$D$20=2,K928*Input!$C$20,0)+IF(Input!$D$21=2,L928*Input!$C$21,0)+IF(Input!$D$22=2,M928*Input!$C$22,0)</f>
        <v>0.82584242539933062</v>
      </c>
      <c r="P928" s="59">
        <f>IF(Input!$D$19=3,J928*Input!$C$19,0)+IF(Input!$D$20=3,K928*Input!$C$20,0)+IF(Input!$D$21=3,L928*Input!$C$21,0)+IF(Input!$D$22=3,M928*Input!$C$22,0)</f>
        <v>0</v>
      </c>
      <c r="Q928" s="75">
        <f>IF(Input!$D$19=4,J928*Input!$C$19,0)+IF(Input!$D$20=4,K928*Input!$C$20,0)+IF(Input!$D$21=4,L928*Input!$C$21,0)+IF(Input!$D$22=4,M928*Input!$C$22,0)</f>
        <v>0</v>
      </c>
      <c r="R928" s="58">
        <v>66.216532238694185</v>
      </c>
      <c r="S928" s="124">
        <f t="shared" si="14"/>
        <v>1.4314602040255064</v>
      </c>
    </row>
    <row r="929" spans="8:19" x14ac:dyDescent="0.3">
      <c r="H929" s="44">
        <v>922</v>
      </c>
      <c r="I929" s="56">
        <f>Bühler!I955</f>
        <v>0.35498898285821967</v>
      </c>
      <c r="J929" s="59">
        <f>Bühler!J955</f>
        <v>1.1832966095273991</v>
      </c>
      <c r="K929" s="59">
        <f>Bühler!K955</f>
        <v>1.7749449142910985</v>
      </c>
      <c r="L929" s="59">
        <f>Bühler!L955</f>
        <v>8.519735588597273</v>
      </c>
      <c r="M929" s="58">
        <f>Bühler!M955</f>
        <v>0</v>
      </c>
      <c r="N929" s="56">
        <f>IF(Input!$D$19=1,J929*Input!$C$19,0)+IF(Input!$D$20=1,K929*Input!$C$20,0)+IF(Input!$D$21=1,L929*Input!$C$21,0)+IF(Input!$D$22=1,M929*Input!$C$22,0)</f>
        <v>0.35498898285821973</v>
      </c>
      <c r="O929" s="59">
        <f>IF(Input!$D$19=2,J929*Input!$C$19,0)+IF(Input!$D$20=2,K929*Input!$C$20,0)+IF(Input!$D$21=2,L929*Input!$C$21,0)+IF(Input!$D$22=2,M929*Input!$C$22,0)</f>
        <v>0.88747245714554923</v>
      </c>
      <c r="P929" s="59">
        <f>IF(Input!$D$19=3,J929*Input!$C$19,0)+IF(Input!$D$20=3,K929*Input!$C$20,0)+IF(Input!$D$21=3,L929*Input!$C$21,0)+IF(Input!$D$22=3,M929*Input!$C$22,0)</f>
        <v>0</v>
      </c>
      <c r="Q929" s="75">
        <f>IF(Input!$D$19=4,J929*Input!$C$19,0)+IF(Input!$D$20=4,K929*Input!$C$20,0)+IF(Input!$D$21=4,L929*Input!$C$21,0)+IF(Input!$D$22=4,M929*Input!$C$22,0)</f>
        <v>0</v>
      </c>
      <c r="R929" s="58">
        <v>65.700998522531251</v>
      </c>
      <c r="S929" s="124">
        <f t="shared" si="14"/>
        <v>1.5382855923856189</v>
      </c>
    </row>
    <row r="930" spans="8:19" x14ac:dyDescent="0.3">
      <c r="H930" s="44">
        <v>923</v>
      </c>
      <c r="I930" s="56">
        <f>Bühler!I956</f>
        <v>0.38457139809640467</v>
      </c>
      <c r="J930" s="59">
        <f>Bühler!J956</f>
        <v>1.2819046603213491</v>
      </c>
      <c r="K930" s="59">
        <f>Bühler!K956</f>
        <v>1.9228569904820234</v>
      </c>
      <c r="L930" s="59">
        <f>Bühler!L956</f>
        <v>9.2297135543137117</v>
      </c>
      <c r="M930" s="58">
        <f>Bühler!M956</f>
        <v>0</v>
      </c>
      <c r="N930" s="56">
        <f>IF(Input!$D$19=1,J930*Input!$C$19,0)+IF(Input!$D$20=1,K930*Input!$C$20,0)+IF(Input!$D$21=1,L930*Input!$C$21,0)+IF(Input!$D$22=1,M930*Input!$C$22,0)</f>
        <v>0.38457139809640473</v>
      </c>
      <c r="O930" s="59">
        <f>IF(Input!$D$19=2,J930*Input!$C$19,0)+IF(Input!$D$20=2,K930*Input!$C$20,0)+IF(Input!$D$21=2,L930*Input!$C$21,0)+IF(Input!$D$22=2,M930*Input!$C$22,0)</f>
        <v>0.9614284952410117</v>
      </c>
      <c r="P930" s="59">
        <f>IF(Input!$D$19=3,J930*Input!$C$19,0)+IF(Input!$D$20=3,K930*Input!$C$20,0)+IF(Input!$D$21=3,L930*Input!$C$21,0)+IF(Input!$D$22=3,M930*Input!$C$22,0)</f>
        <v>0</v>
      </c>
      <c r="Q930" s="75">
        <f>IF(Input!$D$19=4,J930*Input!$C$19,0)+IF(Input!$D$20=4,K930*Input!$C$20,0)+IF(Input!$D$21=4,L930*Input!$C$21,0)+IF(Input!$D$22=4,M930*Input!$C$22,0)</f>
        <v>0</v>
      </c>
      <c r="R930" s="58">
        <v>66.429628791094544</v>
      </c>
      <c r="S930" s="124">
        <f t="shared" si="14"/>
        <v>1.6664760584177538</v>
      </c>
    </row>
    <row r="931" spans="8:19" x14ac:dyDescent="0.3">
      <c r="H931" s="44">
        <v>924</v>
      </c>
      <c r="I931" s="56">
        <f>Bühler!I957</f>
        <v>0.44373622857277456</v>
      </c>
      <c r="J931" s="59">
        <f>Bühler!J957</f>
        <v>1.4791207619092486</v>
      </c>
      <c r="K931" s="59">
        <f>Bühler!K957</f>
        <v>2.2186811428638729</v>
      </c>
      <c r="L931" s="59">
        <f>Bühler!L957</f>
        <v>10.649669485746589</v>
      </c>
      <c r="M931" s="58">
        <f>Bühler!M957</f>
        <v>0</v>
      </c>
      <c r="N931" s="56">
        <f>IF(Input!$D$19=1,J931*Input!$C$19,0)+IF(Input!$D$20=1,K931*Input!$C$20,0)+IF(Input!$D$21=1,L931*Input!$C$21,0)+IF(Input!$D$22=1,M931*Input!$C$22,0)</f>
        <v>0.44373622857277456</v>
      </c>
      <c r="O931" s="59">
        <f>IF(Input!$D$19=2,J931*Input!$C$19,0)+IF(Input!$D$20=2,K931*Input!$C$20,0)+IF(Input!$D$21=2,L931*Input!$C$21,0)+IF(Input!$D$22=2,M931*Input!$C$22,0)</f>
        <v>1.1093405714319364</v>
      </c>
      <c r="P931" s="59">
        <f>IF(Input!$D$19=3,J931*Input!$C$19,0)+IF(Input!$D$20=3,K931*Input!$C$20,0)+IF(Input!$D$21=3,L931*Input!$C$21,0)+IF(Input!$D$22=3,M931*Input!$C$22,0)</f>
        <v>0</v>
      </c>
      <c r="Q931" s="75">
        <f>IF(Input!$D$19=4,J931*Input!$C$19,0)+IF(Input!$D$20=4,K931*Input!$C$20,0)+IF(Input!$D$21=4,L931*Input!$C$21,0)+IF(Input!$D$22=4,M931*Input!$C$22,0)</f>
        <v>0</v>
      </c>
      <c r="R931" s="58">
        <v>66.772865361197844</v>
      </c>
      <c r="S931" s="124">
        <f t="shared" si="14"/>
        <v>1.9228569904820232</v>
      </c>
    </row>
    <row r="932" spans="8:19" x14ac:dyDescent="0.3">
      <c r="H932" s="44">
        <v>925</v>
      </c>
      <c r="I932" s="56">
        <f>Bühler!I958</f>
        <v>0.44373622857277456</v>
      </c>
      <c r="J932" s="59">
        <f>Bühler!J958</f>
        <v>1.4791207619092486</v>
      </c>
      <c r="K932" s="59">
        <f>Bühler!K958</f>
        <v>2.2186811428638729</v>
      </c>
      <c r="L932" s="59">
        <f>Bühler!L958</f>
        <v>10.649669485746589</v>
      </c>
      <c r="M932" s="58">
        <f>Bühler!M958</f>
        <v>0</v>
      </c>
      <c r="N932" s="56">
        <f>IF(Input!$D$19=1,J932*Input!$C$19,0)+IF(Input!$D$20=1,K932*Input!$C$20,0)+IF(Input!$D$21=1,L932*Input!$C$21,0)+IF(Input!$D$22=1,M932*Input!$C$22,0)</f>
        <v>0.44373622857277456</v>
      </c>
      <c r="O932" s="59">
        <f>IF(Input!$D$19=2,J932*Input!$C$19,0)+IF(Input!$D$20=2,K932*Input!$C$20,0)+IF(Input!$D$21=2,L932*Input!$C$21,0)+IF(Input!$D$22=2,M932*Input!$C$22,0)</f>
        <v>1.1093405714319364</v>
      </c>
      <c r="P932" s="59">
        <f>IF(Input!$D$19=3,J932*Input!$C$19,0)+IF(Input!$D$20=3,K932*Input!$C$20,0)+IF(Input!$D$21=3,L932*Input!$C$21,0)+IF(Input!$D$22=3,M932*Input!$C$22,0)</f>
        <v>0</v>
      </c>
      <c r="Q932" s="75">
        <f>IF(Input!$D$19=4,J932*Input!$C$19,0)+IF(Input!$D$20=4,K932*Input!$C$20,0)+IF(Input!$D$21=4,L932*Input!$C$21,0)+IF(Input!$D$22=4,M932*Input!$C$22,0)</f>
        <v>0</v>
      </c>
      <c r="R932" s="58">
        <v>65.156770275466712</v>
      </c>
      <c r="S932" s="124">
        <f t="shared" si="14"/>
        <v>1.9228569904820232</v>
      </c>
    </row>
    <row r="933" spans="8:19" x14ac:dyDescent="0.3">
      <c r="H933" s="44">
        <v>926</v>
      </c>
      <c r="I933" s="56">
        <f>Bühler!I959</f>
        <v>0.44373622857277456</v>
      </c>
      <c r="J933" s="59">
        <f>Bühler!J959</f>
        <v>1.4791207619092486</v>
      </c>
      <c r="K933" s="59">
        <f>Bühler!K959</f>
        <v>2.2186811428638729</v>
      </c>
      <c r="L933" s="59">
        <f>Bühler!L959</f>
        <v>10.649669485746589</v>
      </c>
      <c r="M933" s="58">
        <f>Bühler!M959</f>
        <v>0</v>
      </c>
      <c r="N933" s="56">
        <f>IF(Input!$D$19=1,J933*Input!$C$19,0)+IF(Input!$D$20=1,K933*Input!$C$20,0)+IF(Input!$D$21=1,L933*Input!$C$21,0)+IF(Input!$D$22=1,M933*Input!$C$22,0)</f>
        <v>0.44373622857277456</v>
      </c>
      <c r="O933" s="59">
        <f>IF(Input!$D$19=2,J933*Input!$C$19,0)+IF(Input!$D$20=2,K933*Input!$C$20,0)+IF(Input!$D$21=2,L933*Input!$C$21,0)+IF(Input!$D$22=2,M933*Input!$C$22,0)</f>
        <v>1.1093405714319364</v>
      </c>
      <c r="P933" s="59">
        <f>IF(Input!$D$19=3,J933*Input!$C$19,0)+IF(Input!$D$20=3,K933*Input!$C$20,0)+IF(Input!$D$21=3,L933*Input!$C$21,0)+IF(Input!$D$22=3,M933*Input!$C$22,0)</f>
        <v>0</v>
      </c>
      <c r="Q933" s="75">
        <f>IF(Input!$D$19=4,J933*Input!$C$19,0)+IF(Input!$D$20=4,K933*Input!$C$20,0)+IF(Input!$D$21=4,L933*Input!$C$21,0)+IF(Input!$D$22=4,M933*Input!$C$22,0)</f>
        <v>0</v>
      </c>
      <c r="R933" s="58">
        <v>64.828903091909154</v>
      </c>
      <c r="S933" s="124">
        <f t="shared" si="14"/>
        <v>1.9228569904820232</v>
      </c>
    </row>
    <row r="934" spans="8:19" x14ac:dyDescent="0.3">
      <c r="H934" s="44">
        <v>927</v>
      </c>
      <c r="I934" s="56">
        <f>Bühler!I960</f>
        <v>0.44373622857277456</v>
      </c>
      <c r="J934" s="59">
        <f>Bühler!J960</f>
        <v>1.4791207619092486</v>
      </c>
      <c r="K934" s="59">
        <f>Bühler!K960</f>
        <v>2.2186811428638729</v>
      </c>
      <c r="L934" s="59">
        <f>Bühler!L960</f>
        <v>10.649669485746589</v>
      </c>
      <c r="M934" s="58">
        <f>Bühler!M960</f>
        <v>0</v>
      </c>
      <c r="N934" s="56">
        <f>IF(Input!$D$19=1,J934*Input!$C$19,0)+IF(Input!$D$20=1,K934*Input!$C$20,0)+IF(Input!$D$21=1,L934*Input!$C$21,0)+IF(Input!$D$22=1,M934*Input!$C$22,0)</f>
        <v>0.44373622857277456</v>
      </c>
      <c r="O934" s="59">
        <f>IF(Input!$D$19=2,J934*Input!$C$19,0)+IF(Input!$D$20=2,K934*Input!$C$20,0)+IF(Input!$D$21=2,L934*Input!$C$21,0)+IF(Input!$D$22=2,M934*Input!$C$22,0)</f>
        <v>1.1093405714319364</v>
      </c>
      <c r="P934" s="59">
        <f>IF(Input!$D$19=3,J934*Input!$C$19,0)+IF(Input!$D$20=3,K934*Input!$C$20,0)+IF(Input!$D$21=3,L934*Input!$C$21,0)+IF(Input!$D$22=3,M934*Input!$C$22,0)</f>
        <v>0</v>
      </c>
      <c r="Q934" s="75">
        <f>IF(Input!$D$19=4,J934*Input!$C$19,0)+IF(Input!$D$20=4,K934*Input!$C$20,0)+IF(Input!$D$21=4,L934*Input!$C$21,0)+IF(Input!$D$22=4,M934*Input!$C$22,0)</f>
        <v>0</v>
      </c>
      <c r="R934" s="58">
        <v>64.741683196714277</v>
      </c>
      <c r="S934" s="124">
        <f t="shared" si="14"/>
        <v>1.9228569904820232</v>
      </c>
    </row>
    <row r="935" spans="8:19" x14ac:dyDescent="0.3">
      <c r="H935" s="44">
        <v>928</v>
      </c>
      <c r="I935" s="56">
        <f>Bühler!I961</f>
        <v>0.44373622857277456</v>
      </c>
      <c r="J935" s="59">
        <f>Bühler!J961</f>
        <v>1.4791207619092486</v>
      </c>
      <c r="K935" s="59">
        <f>Bühler!K961</f>
        <v>2.2186811428638729</v>
      </c>
      <c r="L935" s="59">
        <f>Bühler!L961</f>
        <v>10.649669485746589</v>
      </c>
      <c r="M935" s="58">
        <f>Bühler!M961</f>
        <v>0</v>
      </c>
      <c r="N935" s="56">
        <f>IF(Input!$D$19=1,J935*Input!$C$19,0)+IF(Input!$D$20=1,K935*Input!$C$20,0)+IF(Input!$D$21=1,L935*Input!$C$21,0)+IF(Input!$D$22=1,M935*Input!$C$22,0)</f>
        <v>0.44373622857277456</v>
      </c>
      <c r="O935" s="59">
        <f>IF(Input!$D$19=2,J935*Input!$C$19,0)+IF(Input!$D$20=2,K935*Input!$C$20,0)+IF(Input!$D$21=2,L935*Input!$C$21,0)+IF(Input!$D$22=2,M935*Input!$C$22,0)</f>
        <v>1.1093405714319364</v>
      </c>
      <c r="P935" s="59">
        <f>IF(Input!$D$19=3,J935*Input!$C$19,0)+IF(Input!$D$20=3,K935*Input!$C$20,0)+IF(Input!$D$21=3,L935*Input!$C$21,0)+IF(Input!$D$22=3,M935*Input!$C$22,0)</f>
        <v>0</v>
      </c>
      <c r="Q935" s="75">
        <f>IF(Input!$D$19=4,J935*Input!$C$19,0)+IF(Input!$D$20=4,K935*Input!$C$20,0)+IF(Input!$D$21=4,L935*Input!$C$21,0)+IF(Input!$D$22=4,M935*Input!$C$22,0)</f>
        <v>0</v>
      </c>
      <c r="R935" s="58">
        <v>63.662500569828573</v>
      </c>
      <c r="S935" s="124">
        <f t="shared" si="14"/>
        <v>1.9228569904820232</v>
      </c>
    </row>
    <row r="936" spans="8:19" x14ac:dyDescent="0.3">
      <c r="H936" s="44">
        <v>929</v>
      </c>
      <c r="I936" s="56">
        <f>Bühler!I962</f>
        <v>0.44373622857277456</v>
      </c>
      <c r="J936" s="59">
        <f>Bühler!J962</f>
        <v>1.4791207619092486</v>
      </c>
      <c r="K936" s="59">
        <f>Bühler!K962</f>
        <v>2.2186811428638729</v>
      </c>
      <c r="L936" s="59">
        <f>Bühler!L962</f>
        <v>10.649669485746589</v>
      </c>
      <c r="M936" s="58">
        <f>Bühler!M962</f>
        <v>0</v>
      </c>
      <c r="N936" s="56">
        <f>IF(Input!$D$19=1,J936*Input!$C$19,0)+IF(Input!$D$20=1,K936*Input!$C$20,0)+IF(Input!$D$21=1,L936*Input!$C$21,0)+IF(Input!$D$22=1,M936*Input!$C$22,0)</f>
        <v>0.44373622857277456</v>
      </c>
      <c r="O936" s="59">
        <f>IF(Input!$D$19=2,J936*Input!$C$19,0)+IF(Input!$D$20=2,K936*Input!$C$20,0)+IF(Input!$D$21=2,L936*Input!$C$21,0)+IF(Input!$D$22=2,M936*Input!$C$22,0)</f>
        <v>1.1093405714319364</v>
      </c>
      <c r="P936" s="59">
        <f>IF(Input!$D$19=3,J936*Input!$C$19,0)+IF(Input!$D$20=3,K936*Input!$C$20,0)+IF(Input!$D$21=3,L936*Input!$C$21,0)+IF(Input!$D$22=3,M936*Input!$C$22,0)</f>
        <v>0</v>
      </c>
      <c r="Q936" s="75">
        <f>IF(Input!$D$19=4,J936*Input!$C$19,0)+IF(Input!$D$20=4,K936*Input!$C$20,0)+IF(Input!$D$21=4,L936*Input!$C$21,0)+IF(Input!$D$22=4,M936*Input!$C$22,0)</f>
        <v>0</v>
      </c>
      <c r="R936" s="58">
        <v>63.221915117392612</v>
      </c>
      <c r="S936" s="124">
        <f t="shared" si="14"/>
        <v>1.9228569904820232</v>
      </c>
    </row>
    <row r="937" spans="8:19" x14ac:dyDescent="0.3">
      <c r="H937" s="44">
        <v>930</v>
      </c>
      <c r="I937" s="56">
        <f>Bühler!I963</f>
        <v>0.44373622857277456</v>
      </c>
      <c r="J937" s="59">
        <f>Bühler!J963</f>
        <v>1.4791207619092486</v>
      </c>
      <c r="K937" s="59">
        <f>Bühler!K963</f>
        <v>2.2186811428638729</v>
      </c>
      <c r="L937" s="59">
        <f>Bühler!L963</f>
        <v>10.649669485746589</v>
      </c>
      <c r="M937" s="58">
        <f>Bühler!M963</f>
        <v>0</v>
      </c>
      <c r="N937" s="56">
        <f>IF(Input!$D$19=1,J937*Input!$C$19,0)+IF(Input!$D$20=1,K937*Input!$C$20,0)+IF(Input!$D$21=1,L937*Input!$C$21,0)+IF(Input!$D$22=1,M937*Input!$C$22,0)</f>
        <v>0.44373622857277456</v>
      </c>
      <c r="O937" s="59">
        <f>IF(Input!$D$19=2,J937*Input!$C$19,0)+IF(Input!$D$20=2,K937*Input!$C$20,0)+IF(Input!$D$21=2,L937*Input!$C$21,0)+IF(Input!$D$22=2,M937*Input!$C$22,0)</f>
        <v>1.1093405714319364</v>
      </c>
      <c r="P937" s="59">
        <f>IF(Input!$D$19=3,J937*Input!$C$19,0)+IF(Input!$D$20=3,K937*Input!$C$20,0)+IF(Input!$D$21=3,L937*Input!$C$21,0)+IF(Input!$D$22=3,M937*Input!$C$22,0)</f>
        <v>0</v>
      </c>
      <c r="Q937" s="75">
        <f>IF(Input!$D$19=4,J937*Input!$C$19,0)+IF(Input!$D$20=4,K937*Input!$C$20,0)+IF(Input!$D$21=4,L937*Input!$C$21,0)+IF(Input!$D$22=4,M937*Input!$C$22,0)</f>
        <v>0</v>
      </c>
      <c r="R937" s="58">
        <v>61.620340319731405</v>
      </c>
      <c r="S937" s="124">
        <f t="shared" si="14"/>
        <v>1.9228569904820232</v>
      </c>
    </row>
    <row r="938" spans="8:19" x14ac:dyDescent="0.3">
      <c r="H938" s="44">
        <v>931</v>
      </c>
      <c r="I938" s="56">
        <f>Bühler!I964</f>
        <v>0.44373622857277456</v>
      </c>
      <c r="J938" s="59">
        <f>Bühler!J964</f>
        <v>1.4791207619092486</v>
      </c>
      <c r="K938" s="59">
        <f>Bühler!K964</f>
        <v>2.2186811428638729</v>
      </c>
      <c r="L938" s="59">
        <f>Bühler!L964</f>
        <v>10.649669485746589</v>
      </c>
      <c r="M938" s="58">
        <f>Bühler!M964</f>
        <v>0</v>
      </c>
      <c r="N938" s="56">
        <f>IF(Input!$D$19=1,J938*Input!$C$19,0)+IF(Input!$D$20=1,K938*Input!$C$20,0)+IF(Input!$D$21=1,L938*Input!$C$21,0)+IF(Input!$D$22=1,M938*Input!$C$22,0)</f>
        <v>0.44373622857277456</v>
      </c>
      <c r="O938" s="59">
        <f>IF(Input!$D$19=2,J938*Input!$C$19,0)+IF(Input!$D$20=2,K938*Input!$C$20,0)+IF(Input!$D$21=2,L938*Input!$C$21,0)+IF(Input!$D$22=2,M938*Input!$C$22,0)</f>
        <v>1.1093405714319364</v>
      </c>
      <c r="P938" s="59">
        <f>IF(Input!$D$19=3,J938*Input!$C$19,0)+IF(Input!$D$20=3,K938*Input!$C$20,0)+IF(Input!$D$21=3,L938*Input!$C$21,0)+IF(Input!$D$22=3,M938*Input!$C$22,0)</f>
        <v>0</v>
      </c>
      <c r="Q938" s="75">
        <f>IF(Input!$D$19=4,J938*Input!$C$19,0)+IF(Input!$D$20=4,K938*Input!$C$20,0)+IF(Input!$D$21=4,L938*Input!$C$21,0)+IF(Input!$D$22=4,M938*Input!$C$22,0)</f>
        <v>0</v>
      </c>
      <c r="R938" s="58">
        <v>60.26879214076336</v>
      </c>
      <c r="S938" s="124">
        <f t="shared" si="14"/>
        <v>1.9228569904820232</v>
      </c>
    </row>
    <row r="939" spans="8:19" x14ac:dyDescent="0.3">
      <c r="H939" s="44">
        <v>932</v>
      </c>
      <c r="I939" s="56">
        <f>Bühler!I965</f>
        <v>0.36978019047731214</v>
      </c>
      <c r="J939" s="59">
        <f>Bühler!J965</f>
        <v>1.2326006349243741</v>
      </c>
      <c r="K939" s="59">
        <f>Bühler!K965</f>
        <v>1.8489009523865607</v>
      </c>
      <c r="L939" s="59">
        <f>Bühler!L965</f>
        <v>8.8747245714554914</v>
      </c>
      <c r="M939" s="58">
        <f>Bühler!M965</f>
        <v>0</v>
      </c>
      <c r="N939" s="56">
        <f>IF(Input!$D$19=1,J939*Input!$C$19,0)+IF(Input!$D$20=1,K939*Input!$C$20,0)+IF(Input!$D$21=1,L939*Input!$C$21,0)+IF(Input!$D$22=1,M939*Input!$C$22,0)</f>
        <v>0.3697801904773122</v>
      </c>
      <c r="O939" s="59">
        <f>IF(Input!$D$19=2,J939*Input!$C$19,0)+IF(Input!$D$20=2,K939*Input!$C$20,0)+IF(Input!$D$21=2,L939*Input!$C$21,0)+IF(Input!$D$22=2,M939*Input!$C$22,0)</f>
        <v>0.92445047619328036</v>
      </c>
      <c r="P939" s="59">
        <f>IF(Input!$D$19=3,J939*Input!$C$19,0)+IF(Input!$D$20=3,K939*Input!$C$20,0)+IF(Input!$D$21=3,L939*Input!$C$21,0)+IF(Input!$D$22=3,M939*Input!$C$22,0)</f>
        <v>0</v>
      </c>
      <c r="Q939" s="75">
        <f>IF(Input!$D$19=4,J939*Input!$C$19,0)+IF(Input!$D$20=4,K939*Input!$C$20,0)+IF(Input!$D$21=4,L939*Input!$C$21,0)+IF(Input!$D$22=4,M939*Input!$C$22,0)</f>
        <v>0</v>
      </c>
      <c r="R939" s="58">
        <v>59.541983321902222</v>
      </c>
      <c r="S939" s="124">
        <f t="shared" si="14"/>
        <v>1.6023808254016862</v>
      </c>
    </row>
    <row r="940" spans="8:19" x14ac:dyDescent="0.3">
      <c r="H940" s="44">
        <v>933</v>
      </c>
      <c r="I940" s="56">
        <f>Bühler!I966</f>
        <v>0.29582415238184973</v>
      </c>
      <c r="J940" s="59">
        <f>Bühler!J966</f>
        <v>0.9860805079394992</v>
      </c>
      <c r="K940" s="59">
        <f>Bühler!K966</f>
        <v>1.4791207619092486</v>
      </c>
      <c r="L940" s="59">
        <f>Bühler!L966</f>
        <v>7.099779657164393</v>
      </c>
      <c r="M940" s="58">
        <f>Bühler!M966</f>
        <v>0</v>
      </c>
      <c r="N940" s="56">
        <f>IF(Input!$D$19=1,J940*Input!$C$19,0)+IF(Input!$D$20=1,K940*Input!$C$20,0)+IF(Input!$D$21=1,L940*Input!$C$21,0)+IF(Input!$D$22=1,M940*Input!$C$22,0)</f>
        <v>0.29582415238184973</v>
      </c>
      <c r="O940" s="59">
        <f>IF(Input!$D$19=2,J940*Input!$C$19,0)+IF(Input!$D$20=2,K940*Input!$C$20,0)+IF(Input!$D$21=2,L940*Input!$C$21,0)+IF(Input!$D$22=2,M940*Input!$C$22,0)</f>
        <v>0.73956038095462429</v>
      </c>
      <c r="P940" s="59">
        <f>IF(Input!$D$19=3,J940*Input!$C$19,0)+IF(Input!$D$20=3,K940*Input!$C$20,0)+IF(Input!$D$21=3,L940*Input!$C$21,0)+IF(Input!$D$22=3,M940*Input!$C$22,0)</f>
        <v>0</v>
      </c>
      <c r="Q940" s="75">
        <f>IF(Input!$D$19=4,J940*Input!$C$19,0)+IF(Input!$D$20=4,K940*Input!$C$20,0)+IF(Input!$D$21=4,L940*Input!$C$21,0)+IF(Input!$D$22=4,M940*Input!$C$22,0)</f>
        <v>0</v>
      </c>
      <c r="R940" s="58">
        <v>58.748981519236757</v>
      </c>
      <c r="S940" s="124">
        <f t="shared" si="14"/>
        <v>1.2819046603213489</v>
      </c>
    </row>
    <row r="941" spans="8:19" x14ac:dyDescent="0.3">
      <c r="H941" s="44">
        <v>934</v>
      </c>
      <c r="I941" s="56">
        <f>Bühler!I967</f>
        <v>0.22186811428638728</v>
      </c>
      <c r="J941" s="59">
        <f>Bühler!J967</f>
        <v>0.73956038095462429</v>
      </c>
      <c r="K941" s="59">
        <f>Bühler!K967</f>
        <v>1.1093405714319364</v>
      </c>
      <c r="L941" s="59">
        <f>Bühler!L967</f>
        <v>5.3248347428732945</v>
      </c>
      <c r="M941" s="58">
        <f>Bühler!M967</f>
        <v>0</v>
      </c>
      <c r="N941" s="56">
        <f>IF(Input!$D$19=1,J941*Input!$C$19,0)+IF(Input!$D$20=1,K941*Input!$C$20,0)+IF(Input!$D$21=1,L941*Input!$C$21,0)+IF(Input!$D$22=1,M941*Input!$C$22,0)</f>
        <v>0.22186811428638728</v>
      </c>
      <c r="O941" s="59">
        <f>IF(Input!$D$19=2,J941*Input!$C$19,0)+IF(Input!$D$20=2,K941*Input!$C$20,0)+IF(Input!$D$21=2,L941*Input!$C$21,0)+IF(Input!$D$22=2,M941*Input!$C$22,0)</f>
        <v>0.55467028571596821</v>
      </c>
      <c r="P941" s="59">
        <f>IF(Input!$D$19=3,J941*Input!$C$19,0)+IF(Input!$D$20=3,K941*Input!$C$20,0)+IF(Input!$D$21=3,L941*Input!$C$21,0)+IF(Input!$D$22=3,M941*Input!$C$22,0)</f>
        <v>0</v>
      </c>
      <c r="Q941" s="75">
        <f>IF(Input!$D$19=4,J941*Input!$C$19,0)+IF(Input!$D$20=4,K941*Input!$C$20,0)+IF(Input!$D$21=4,L941*Input!$C$21,0)+IF(Input!$D$22=4,M941*Input!$C$22,0)</f>
        <v>0</v>
      </c>
      <c r="R941" s="58">
        <v>56.144361872987133</v>
      </c>
      <c r="S941" s="124">
        <f t="shared" si="14"/>
        <v>0.96142849524101159</v>
      </c>
    </row>
    <row r="942" spans="8:19" x14ac:dyDescent="0.3">
      <c r="H942" s="44">
        <v>935</v>
      </c>
      <c r="I942" s="56">
        <f>Bühler!I968</f>
        <v>0.22186811428638728</v>
      </c>
      <c r="J942" s="59">
        <f>Bühler!J968</f>
        <v>0.73956038095462429</v>
      </c>
      <c r="K942" s="59">
        <f>Bühler!K968</f>
        <v>1.1093405714319364</v>
      </c>
      <c r="L942" s="59">
        <f>Bühler!L968</f>
        <v>5.3248347428732945</v>
      </c>
      <c r="M942" s="58">
        <f>Bühler!M968</f>
        <v>0</v>
      </c>
      <c r="N942" s="56">
        <f>IF(Input!$D$19=1,J942*Input!$C$19,0)+IF(Input!$D$20=1,K942*Input!$C$20,0)+IF(Input!$D$21=1,L942*Input!$C$21,0)+IF(Input!$D$22=1,M942*Input!$C$22,0)</f>
        <v>0.22186811428638728</v>
      </c>
      <c r="O942" s="59">
        <f>IF(Input!$D$19=2,J942*Input!$C$19,0)+IF(Input!$D$20=2,K942*Input!$C$20,0)+IF(Input!$D$21=2,L942*Input!$C$21,0)+IF(Input!$D$22=2,M942*Input!$C$22,0)</f>
        <v>0.55467028571596821</v>
      </c>
      <c r="P942" s="59">
        <f>IF(Input!$D$19=3,J942*Input!$C$19,0)+IF(Input!$D$20=3,K942*Input!$C$20,0)+IF(Input!$D$21=3,L942*Input!$C$21,0)+IF(Input!$D$22=3,M942*Input!$C$22,0)</f>
        <v>0</v>
      </c>
      <c r="Q942" s="75">
        <f>IF(Input!$D$19=4,J942*Input!$C$19,0)+IF(Input!$D$20=4,K942*Input!$C$20,0)+IF(Input!$D$21=4,L942*Input!$C$21,0)+IF(Input!$D$22=4,M942*Input!$C$22,0)</f>
        <v>0</v>
      </c>
      <c r="R942" s="58">
        <v>56.414478964604882</v>
      </c>
      <c r="S942" s="124">
        <f t="shared" si="14"/>
        <v>0.96142849524101159</v>
      </c>
    </row>
    <row r="943" spans="8:19" x14ac:dyDescent="0.3">
      <c r="H943" s="44">
        <v>936</v>
      </c>
      <c r="I943" s="56">
        <f>Bühler!I969</f>
        <v>0.22186811428638728</v>
      </c>
      <c r="J943" s="59">
        <f>Bühler!J969</f>
        <v>0.73956038095462429</v>
      </c>
      <c r="K943" s="59">
        <f>Bühler!K969</f>
        <v>1.1093405714319364</v>
      </c>
      <c r="L943" s="59">
        <f>Bühler!L969</f>
        <v>5.3248347428732945</v>
      </c>
      <c r="M943" s="58">
        <f>Bühler!M969</f>
        <v>0</v>
      </c>
      <c r="N943" s="56">
        <f>IF(Input!$D$19=1,J943*Input!$C$19,0)+IF(Input!$D$20=1,K943*Input!$C$20,0)+IF(Input!$D$21=1,L943*Input!$C$21,0)+IF(Input!$D$22=1,M943*Input!$C$22,0)</f>
        <v>0.22186811428638728</v>
      </c>
      <c r="O943" s="59">
        <f>IF(Input!$D$19=2,J943*Input!$C$19,0)+IF(Input!$D$20=2,K943*Input!$C$20,0)+IF(Input!$D$21=2,L943*Input!$C$21,0)+IF(Input!$D$22=2,M943*Input!$C$22,0)</f>
        <v>0.55467028571596821</v>
      </c>
      <c r="P943" s="59">
        <f>IF(Input!$D$19=3,J943*Input!$C$19,0)+IF(Input!$D$20=3,K943*Input!$C$20,0)+IF(Input!$D$21=3,L943*Input!$C$21,0)+IF(Input!$D$22=3,M943*Input!$C$22,0)</f>
        <v>0</v>
      </c>
      <c r="Q943" s="75">
        <f>IF(Input!$D$19=4,J943*Input!$C$19,0)+IF(Input!$D$20=4,K943*Input!$C$20,0)+IF(Input!$D$21=4,L943*Input!$C$21,0)+IF(Input!$D$22=4,M943*Input!$C$22,0)</f>
        <v>0</v>
      </c>
      <c r="R943" s="58">
        <v>55.238709076576036</v>
      </c>
      <c r="S943" s="124">
        <f t="shared" si="14"/>
        <v>0.96142849524101159</v>
      </c>
    </row>
    <row r="944" spans="8:19" x14ac:dyDescent="0.3">
      <c r="H944" s="44">
        <v>937</v>
      </c>
      <c r="I944" s="56">
        <f>Bühler!I970</f>
        <v>0.25317589522737649</v>
      </c>
      <c r="J944" s="59">
        <f>Bühler!J970</f>
        <v>0.84391965075792175</v>
      </c>
      <c r="K944" s="59">
        <f>Bühler!K970</f>
        <v>1.2658794761368826</v>
      </c>
      <c r="L944" s="59">
        <f>Bühler!L970</f>
        <v>6.0762214854570358</v>
      </c>
      <c r="M944" s="58">
        <f>Bühler!M970</f>
        <v>0</v>
      </c>
      <c r="N944" s="56">
        <f>IF(Input!$D$19=1,J944*Input!$C$19,0)+IF(Input!$D$20=1,K944*Input!$C$20,0)+IF(Input!$D$21=1,L944*Input!$C$21,0)+IF(Input!$D$22=1,M944*Input!$C$22,0)</f>
        <v>0.25317589522737649</v>
      </c>
      <c r="O944" s="59">
        <f>IF(Input!$D$19=2,J944*Input!$C$19,0)+IF(Input!$D$20=2,K944*Input!$C$20,0)+IF(Input!$D$21=2,L944*Input!$C$21,0)+IF(Input!$D$22=2,M944*Input!$C$22,0)</f>
        <v>0.63293973806844128</v>
      </c>
      <c r="P944" s="59">
        <f>IF(Input!$D$19=3,J944*Input!$C$19,0)+IF(Input!$D$20=3,K944*Input!$C$20,0)+IF(Input!$D$21=3,L944*Input!$C$21,0)+IF(Input!$D$22=3,M944*Input!$C$22,0)</f>
        <v>0</v>
      </c>
      <c r="Q944" s="75">
        <f>IF(Input!$D$19=4,J944*Input!$C$19,0)+IF(Input!$D$20=4,K944*Input!$C$20,0)+IF(Input!$D$21=4,L944*Input!$C$21,0)+IF(Input!$D$22=4,M944*Input!$C$22,0)</f>
        <v>0</v>
      </c>
      <c r="R944" s="58">
        <v>54.080671226759534</v>
      </c>
      <c r="S944" s="124">
        <f t="shared" si="14"/>
        <v>1.0970955459852982</v>
      </c>
    </row>
    <row r="945" spans="8:19" x14ac:dyDescent="0.3">
      <c r="H945" s="44">
        <v>938</v>
      </c>
      <c r="I945" s="56">
        <f>Bühler!I971</f>
        <v>0.25317589522737649</v>
      </c>
      <c r="J945" s="59">
        <f>Bühler!J971</f>
        <v>0.84391965075792175</v>
      </c>
      <c r="K945" s="59">
        <f>Bühler!K971</f>
        <v>1.2658794761368826</v>
      </c>
      <c r="L945" s="59">
        <f>Bühler!L971</f>
        <v>6.0762214854570358</v>
      </c>
      <c r="M945" s="58">
        <f>Bühler!M971</f>
        <v>0</v>
      </c>
      <c r="N945" s="56">
        <f>IF(Input!$D$19=1,J945*Input!$C$19,0)+IF(Input!$D$20=1,K945*Input!$C$20,0)+IF(Input!$D$21=1,L945*Input!$C$21,0)+IF(Input!$D$22=1,M945*Input!$C$22,0)</f>
        <v>0.25317589522737649</v>
      </c>
      <c r="O945" s="59">
        <f>IF(Input!$D$19=2,J945*Input!$C$19,0)+IF(Input!$D$20=2,K945*Input!$C$20,0)+IF(Input!$D$21=2,L945*Input!$C$21,0)+IF(Input!$D$22=2,M945*Input!$C$22,0)</f>
        <v>0.63293973806844128</v>
      </c>
      <c r="P945" s="59">
        <f>IF(Input!$D$19=3,J945*Input!$C$19,0)+IF(Input!$D$20=3,K945*Input!$C$20,0)+IF(Input!$D$21=3,L945*Input!$C$21,0)+IF(Input!$D$22=3,M945*Input!$C$22,0)</f>
        <v>0</v>
      </c>
      <c r="Q945" s="75">
        <f>IF(Input!$D$19=4,J945*Input!$C$19,0)+IF(Input!$D$20=4,K945*Input!$C$20,0)+IF(Input!$D$21=4,L945*Input!$C$21,0)+IF(Input!$D$22=4,M945*Input!$C$22,0)</f>
        <v>0</v>
      </c>
      <c r="R945" s="58">
        <v>56.002073849227862</v>
      </c>
      <c r="S945" s="124">
        <f t="shared" si="14"/>
        <v>1.0970955459852982</v>
      </c>
    </row>
    <row r="946" spans="8:19" x14ac:dyDescent="0.3">
      <c r="H946" s="44">
        <v>939</v>
      </c>
      <c r="I946" s="56">
        <f>Bühler!I972</f>
        <v>0.25317589522737649</v>
      </c>
      <c r="J946" s="59">
        <f>Bühler!J972</f>
        <v>0.84391965075792175</v>
      </c>
      <c r="K946" s="59">
        <f>Bühler!K972</f>
        <v>1.2658794761368826</v>
      </c>
      <c r="L946" s="59">
        <f>Bühler!L972</f>
        <v>6.0762214854570358</v>
      </c>
      <c r="M946" s="58">
        <f>Bühler!M972</f>
        <v>0</v>
      </c>
      <c r="N946" s="56">
        <f>IF(Input!$D$19=1,J946*Input!$C$19,0)+IF(Input!$D$20=1,K946*Input!$C$20,0)+IF(Input!$D$21=1,L946*Input!$C$21,0)+IF(Input!$D$22=1,M946*Input!$C$22,0)</f>
        <v>0.25317589522737649</v>
      </c>
      <c r="O946" s="59">
        <f>IF(Input!$D$19=2,J946*Input!$C$19,0)+IF(Input!$D$20=2,K946*Input!$C$20,0)+IF(Input!$D$21=2,L946*Input!$C$21,0)+IF(Input!$D$22=2,M946*Input!$C$22,0)</f>
        <v>0.63293973806844128</v>
      </c>
      <c r="P946" s="59">
        <f>IF(Input!$D$19=3,J946*Input!$C$19,0)+IF(Input!$D$20=3,K946*Input!$C$20,0)+IF(Input!$D$21=3,L946*Input!$C$21,0)+IF(Input!$D$22=3,M946*Input!$C$22,0)</f>
        <v>0</v>
      </c>
      <c r="Q946" s="75">
        <f>IF(Input!$D$19=4,J946*Input!$C$19,0)+IF(Input!$D$20=4,K946*Input!$C$20,0)+IF(Input!$D$21=4,L946*Input!$C$21,0)+IF(Input!$D$22=4,M946*Input!$C$22,0)</f>
        <v>0</v>
      </c>
      <c r="R946" s="58">
        <v>56.588330283913578</v>
      </c>
      <c r="S946" s="124">
        <f t="shared" si="14"/>
        <v>1.0970955459852982</v>
      </c>
    </row>
    <row r="947" spans="8:19" x14ac:dyDescent="0.3">
      <c r="H947" s="44">
        <v>940</v>
      </c>
      <c r="I947" s="56">
        <f>Bühler!I973</f>
        <v>0.25317589522737649</v>
      </c>
      <c r="J947" s="59">
        <f>Bühler!J973</f>
        <v>0.84391965075792175</v>
      </c>
      <c r="K947" s="59">
        <f>Bühler!K973</f>
        <v>1.2658794761368826</v>
      </c>
      <c r="L947" s="59">
        <f>Bühler!L973</f>
        <v>6.0762214854570358</v>
      </c>
      <c r="M947" s="58">
        <f>Bühler!M973</f>
        <v>0</v>
      </c>
      <c r="N947" s="56">
        <f>IF(Input!$D$19=1,J947*Input!$C$19,0)+IF(Input!$D$20=1,K947*Input!$C$20,0)+IF(Input!$D$21=1,L947*Input!$C$21,0)+IF(Input!$D$22=1,M947*Input!$C$22,0)</f>
        <v>0.25317589522737649</v>
      </c>
      <c r="O947" s="59">
        <f>IF(Input!$D$19=2,J947*Input!$C$19,0)+IF(Input!$D$20=2,K947*Input!$C$20,0)+IF(Input!$D$21=2,L947*Input!$C$21,0)+IF(Input!$D$22=2,M947*Input!$C$22,0)</f>
        <v>0.63293973806844128</v>
      </c>
      <c r="P947" s="59">
        <f>IF(Input!$D$19=3,J947*Input!$C$19,0)+IF(Input!$D$20=3,K947*Input!$C$20,0)+IF(Input!$D$21=3,L947*Input!$C$21,0)+IF(Input!$D$22=3,M947*Input!$C$22,0)</f>
        <v>0</v>
      </c>
      <c r="Q947" s="75">
        <f>IF(Input!$D$19=4,J947*Input!$C$19,0)+IF(Input!$D$20=4,K947*Input!$C$20,0)+IF(Input!$D$21=4,L947*Input!$C$21,0)+IF(Input!$D$22=4,M947*Input!$C$22,0)</f>
        <v>0</v>
      </c>
      <c r="R947" s="58">
        <v>56.381820300443508</v>
      </c>
      <c r="S947" s="124">
        <f t="shared" si="14"/>
        <v>1.0970955459852982</v>
      </c>
    </row>
    <row r="948" spans="8:19" x14ac:dyDescent="0.3">
      <c r="H948" s="44">
        <v>941</v>
      </c>
      <c r="I948" s="56">
        <f>Bühler!I974</f>
        <v>0.25317589522737649</v>
      </c>
      <c r="J948" s="59">
        <f>Bühler!J974</f>
        <v>0.84391965075792175</v>
      </c>
      <c r="K948" s="59">
        <f>Bühler!K974</f>
        <v>1.2658794761368826</v>
      </c>
      <c r="L948" s="59">
        <f>Bühler!L974</f>
        <v>6.0762214854570358</v>
      </c>
      <c r="M948" s="58">
        <f>Bühler!M974</f>
        <v>0</v>
      </c>
      <c r="N948" s="56">
        <f>IF(Input!$D$19=1,J948*Input!$C$19,0)+IF(Input!$D$20=1,K948*Input!$C$20,0)+IF(Input!$D$21=1,L948*Input!$C$21,0)+IF(Input!$D$22=1,M948*Input!$C$22,0)</f>
        <v>0.25317589522737649</v>
      </c>
      <c r="O948" s="59">
        <f>IF(Input!$D$19=2,J948*Input!$C$19,0)+IF(Input!$D$20=2,K948*Input!$C$20,0)+IF(Input!$D$21=2,L948*Input!$C$21,0)+IF(Input!$D$22=2,M948*Input!$C$22,0)</f>
        <v>0.63293973806844128</v>
      </c>
      <c r="P948" s="59">
        <f>IF(Input!$D$19=3,J948*Input!$C$19,0)+IF(Input!$D$20=3,K948*Input!$C$20,0)+IF(Input!$D$21=3,L948*Input!$C$21,0)+IF(Input!$D$22=3,M948*Input!$C$22,0)</f>
        <v>0</v>
      </c>
      <c r="Q948" s="75">
        <f>IF(Input!$D$19=4,J948*Input!$C$19,0)+IF(Input!$D$20=4,K948*Input!$C$20,0)+IF(Input!$D$21=4,L948*Input!$C$21,0)+IF(Input!$D$22=4,M948*Input!$C$22,0)</f>
        <v>0</v>
      </c>
      <c r="R948" s="58">
        <v>57.303169974039314</v>
      </c>
      <c r="S948" s="124">
        <f t="shared" si="14"/>
        <v>1.0970955459852982</v>
      </c>
    </row>
    <row r="949" spans="8:19" x14ac:dyDescent="0.3">
      <c r="H949" s="44">
        <v>942</v>
      </c>
      <c r="I949" s="56">
        <f>Bühler!I975</f>
        <v>0.32631559829306306</v>
      </c>
      <c r="J949" s="59">
        <f>Bühler!J975</f>
        <v>1.087718660976877</v>
      </c>
      <c r="K949" s="59">
        <f>Bühler!K975</f>
        <v>1.6315779914653152</v>
      </c>
      <c r="L949" s="59">
        <f>Bühler!L975</f>
        <v>7.831574359033513</v>
      </c>
      <c r="M949" s="58">
        <f>Bühler!M975</f>
        <v>0</v>
      </c>
      <c r="N949" s="56">
        <f>IF(Input!$D$19=1,J949*Input!$C$19,0)+IF(Input!$D$20=1,K949*Input!$C$20,0)+IF(Input!$D$21=1,L949*Input!$C$21,0)+IF(Input!$D$22=1,M949*Input!$C$22,0)</f>
        <v>0.32631559829306306</v>
      </c>
      <c r="O949" s="59">
        <f>IF(Input!$D$19=2,J949*Input!$C$19,0)+IF(Input!$D$20=2,K949*Input!$C$20,0)+IF(Input!$D$21=2,L949*Input!$C$21,0)+IF(Input!$D$22=2,M949*Input!$C$22,0)</f>
        <v>0.81578899573265762</v>
      </c>
      <c r="P949" s="59">
        <f>IF(Input!$D$19=3,J949*Input!$C$19,0)+IF(Input!$D$20=3,K949*Input!$C$20,0)+IF(Input!$D$21=3,L949*Input!$C$21,0)+IF(Input!$D$22=3,M949*Input!$C$22,0)</f>
        <v>0</v>
      </c>
      <c r="Q949" s="75">
        <f>IF(Input!$D$19=4,J949*Input!$C$19,0)+IF(Input!$D$20=4,K949*Input!$C$20,0)+IF(Input!$D$21=4,L949*Input!$C$21,0)+IF(Input!$D$22=4,M949*Input!$C$22,0)</f>
        <v>0</v>
      </c>
      <c r="R949" s="58">
        <v>59.98295190916128</v>
      </c>
      <c r="S949" s="124">
        <f t="shared" si="14"/>
        <v>1.41403425926994</v>
      </c>
    </row>
    <row r="950" spans="8:19" x14ac:dyDescent="0.3">
      <c r="H950" s="44">
        <v>943</v>
      </c>
      <c r="I950" s="56">
        <f>Bühler!I976</f>
        <v>0.3938291703536968</v>
      </c>
      <c r="J950" s="59">
        <f>Bühler!J976</f>
        <v>1.3127639011789896</v>
      </c>
      <c r="K950" s="59">
        <f>Bühler!K976</f>
        <v>1.9691458517684839</v>
      </c>
      <c r="L950" s="59">
        <f>Bühler!L976</f>
        <v>9.4519000884887223</v>
      </c>
      <c r="M950" s="58">
        <f>Bühler!M976</f>
        <v>0</v>
      </c>
      <c r="N950" s="56">
        <f>IF(Input!$D$19=1,J950*Input!$C$19,0)+IF(Input!$D$20=1,K950*Input!$C$20,0)+IF(Input!$D$21=1,L950*Input!$C$21,0)+IF(Input!$D$22=1,M950*Input!$C$22,0)</f>
        <v>0.39382917035369686</v>
      </c>
      <c r="O950" s="59">
        <f>IF(Input!$D$19=2,J950*Input!$C$19,0)+IF(Input!$D$20=2,K950*Input!$C$20,0)+IF(Input!$D$21=2,L950*Input!$C$21,0)+IF(Input!$D$22=2,M950*Input!$C$22,0)</f>
        <v>0.98457292588424195</v>
      </c>
      <c r="P950" s="59">
        <f>IF(Input!$D$19=3,J950*Input!$C$19,0)+IF(Input!$D$20=3,K950*Input!$C$20,0)+IF(Input!$D$21=3,L950*Input!$C$21,0)+IF(Input!$D$22=3,M950*Input!$C$22,0)</f>
        <v>0</v>
      </c>
      <c r="Q950" s="75">
        <f>IF(Input!$D$19=4,J950*Input!$C$19,0)+IF(Input!$D$20=4,K950*Input!$C$20,0)+IF(Input!$D$21=4,L950*Input!$C$21,0)+IF(Input!$D$22=4,M950*Input!$C$22,0)</f>
        <v>0</v>
      </c>
      <c r="R950" s="58">
        <v>63.493718147373684</v>
      </c>
      <c r="S950" s="124">
        <f t="shared" si="14"/>
        <v>1.7065930715326862</v>
      </c>
    </row>
    <row r="951" spans="8:19" x14ac:dyDescent="0.3">
      <c r="H951" s="44">
        <v>944</v>
      </c>
      <c r="I951" s="56">
        <f>Bühler!I977</f>
        <v>0.3938291703536968</v>
      </c>
      <c r="J951" s="59">
        <f>Bühler!J977</f>
        <v>1.3127639011789896</v>
      </c>
      <c r="K951" s="59">
        <f>Bühler!K977</f>
        <v>1.9691458517684839</v>
      </c>
      <c r="L951" s="59">
        <f>Bühler!L977</f>
        <v>9.4519000884887223</v>
      </c>
      <c r="M951" s="58">
        <f>Bühler!M977</f>
        <v>0</v>
      </c>
      <c r="N951" s="56">
        <f>IF(Input!$D$19=1,J951*Input!$C$19,0)+IF(Input!$D$20=1,K951*Input!$C$20,0)+IF(Input!$D$21=1,L951*Input!$C$21,0)+IF(Input!$D$22=1,M951*Input!$C$22,0)</f>
        <v>0.39382917035369686</v>
      </c>
      <c r="O951" s="59">
        <f>IF(Input!$D$19=2,J951*Input!$C$19,0)+IF(Input!$D$20=2,K951*Input!$C$20,0)+IF(Input!$D$21=2,L951*Input!$C$21,0)+IF(Input!$D$22=2,M951*Input!$C$22,0)</f>
        <v>0.98457292588424195</v>
      </c>
      <c r="P951" s="59">
        <f>IF(Input!$D$19=3,J951*Input!$C$19,0)+IF(Input!$D$20=3,K951*Input!$C$20,0)+IF(Input!$D$21=3,L951*Input!$C$21,0)+IF(Input!$D$22=3,M951*Input!$C$22,0)</f>
        <v>0</v>
      </c>
      <c r="Q951" s="75">
        <f>IF(Input!$D$19=4,J951*Input!$C$19,0)+IF(Input!$D$20=4,K951*Input!$C$20,0)+IF(Input!$D$21=4,L951*Input!$C$21,0)+IF(Input!$D$22=4,M951*Input!$C$22,0)</f>
        <v>0</v>
      </c>
      <c r="R951" s="58">
        <v>64.922672878338034</v>
      </c>
      <c r="S951" s="124">
        <f t="shared" si="14"/>
        <v>1.7065930715326862</v>
      </c>
    </row>
    <row r="952" spans="8:19" x14ac:dyDescent="0.3">
      <c r="H952" s="44">
        <v>945</v>
      </c>
      <c r="I952" s="56">
        <f>Bühler!I978</f>
        <v>0.3938291703536968</v>
      </c>
      <c r="J952" s="59">
        <f>Bühler!J978</f>
        <v>1.3127639011789896</v>
      </c>
      <c r="K952" s="59">
        <f>Bühler!K978</f>
        <v>1.9691458517684839</v>
      </c>
      <c r="L952" s="59">
        <f>Bühler!L978</f>
        <v>9.4519000884887223</v>
      </c>
      <c r="M952" s="58">
        <f>Bühler!M978</f>
        <v>0</v>
      </c>
      <c r="N952" s="56">
        <f>IF(Input!$D$19=1,J952*Input!$C$19,0)+IF(Input!$D$20=1,K952*Input!$C$20,0)+IF(Input!$D$21=1,L952*Input!$C$21,0)+IF(Input!$D$22=1,M952*Input!$C$22,0)</f>
        <v>0.39382917035369686</v>
      </c>
      <c r="O952" s="59">
        <f>IF(Input!$D$19=2,J952*Input!$C$19,0)+IF(Input!$D$20=2,K952*Input!$C$20,0)+IF(Input!$D$21=2,L952*Input!$C$21,0)+IF(Input!$D$22=2,M952*Input!$C$22,0)</f>
        <v>0.98457292588424195</v>
      </c>
      <c r="P952" s="59">
        <f>IF(Input!$D$19=3,J952*Input!$C$19,0)+IF(Input!$D$20=3,K952*Input!$C$20,0)+IF(Input!$D$21=3,L952*Input!$C$21,0)+IF(Input!$D$22=3,M952*Input!$C$22,0)</f>
        <v>0</v>
      </c>
      <c r="Q952" s="75">
        <f>IF(Input!$D$19=4,J952*Input!$C$19,0)+IF(Input!$D$20=4,K952*Input!$C$20,0)+IF(Input!$D$21=4,L952*Input!$C$21,0)+IF(Input!$D$22=4,M952*Input!$C$22,0)</f>
        <v>0</v>
      </c>
      <c r="R952" s="58">
        <v>65.617407424460666</v>
      </c>
      <c r="S952" s="124">
        <f t="shared" si="14"/>
        <v>1.7065930715326862</v>
      </c>
    </row>
    <row r="953" spans="8:19" x14ac:dyDescent="0.3">
      <c r="H953" s="44">
        <v>946</v>
      </c>
      <c r="I953" s="56">
        <f>Bühler!I979</f>
        <v>0.42195982537896093</v>
      </c>
      <c r="J953" s="59">
        <f>Bühler!J979</f>
        <v>1.4065327512632031</v>
      </c>
      <c r="K953" s="59">
        <f>Bühler!K979</f>
        <v>2.1097991268948046</v>
      </c>
      <c r="L953" s="59">
        <f>Bühler!L979</f>
        <v>10.127035809095062</v>
      </c>
      <c r="M953" s="58">
        <f>Bühler!M979</f>
        <v>0</v>
      </c>
      <c r="N953" s="56">
        <f>IF(Input!$D$19=1,J953*Input!$C$19,0)+IF(Input!$D$20=1,K953*Input!$C$20,0)+IF(Input!$D$21=1,L953*Input!$C$21,0)+IF(Input!$D$22=1,M953*Input!$C$22,0)</f>
        <v>0.42195982537896093</v>
      </c>
      <c r="O953" s="59">
        <f>IF(Input!$D$19=2,J953*Input!$C$19,0)+IF(Input!$D$20=2,K953*Input!$C$20,0)+IF(Input!$D$21=2,L953*Input!$C$21,0)+IF(Input!$D$22=2,M953*Input!$C$22,0)</f>
        <v>1.0548995634474023</v>
      </c>
      <c r="P953" s="59">
        <f>IF(Input!$D$19=3,J953*Input!$C$19,0)+IF(Input!$D$20=3,K953*Input!$C$20,0)+IF(Input!$D$21=3,L953*Input!$C$21,0)+IF(Input!$D$22=3,M953*Input!$C$22,0)</f>
        <v>0</v>
      </c>
      <c r="Q953" s="75">
        <f>IF(Input!$D$19=4,J953*Input!$C$19,0)+IF(Input!$D$20=4,K953*Input!$C$20,0)+IF(Input!$D$21=4,L953*Input!$C$21,0)+IF(Input!$D$22=4,M953*Input!$C$22,0)</f>
        <v>0</v>
      </c>
      <c r="R953" s="58">
        <v>65.386603762913168</v>
      </c>
      <c r="S953" s="124">
        <f t="shared" si="14"/>
        <v>1.828492576642164</v>
      </c>
    </row>
    <row r="954" spans="8:19" x14ac:dyDescent="0.3">
      <c r="H954" s="44">
        <v>947</v>
      </c>
      <c r="I954" s="56">
        <f>Bühler!I980</f>
        <v>0.43883821839411924</v>
      </c>
      <c r="J954" s="59">
        <f>Bühler!J980</f>
        <v>1.4627940613137309</v>
      </c>
      <c r="K954" s="59">
        <f>Bühler!K980</f>
        <v>2.194191091970596</v>
      </c>
      <c r="L954" s="59">
        <f>Bühler!L980</f>
        <v>10.532117241458861</v>
      </c>
      <c r="M954" s="58">
        <f>Bühler!M980</f>
        <v>0</v>
      </c>
      <c r="N954" s="56">
        <f>IF(Input!$D$19=1,J954*Input!$C$19,0)+IF(Input!$D$20=1,K954*Input!$C$20,0)+IF(Input!$D$21=1,L954*Input!$C$21,0)+IF(Input!$D$22=1,M954*Input!$C$22,0)</f>
        <v>0.43883821839411924</v>
      </c>
      <c r="O954" s="59">
        <f>IF(Input!$D$19=2,J954*Input!$C$19,0)+IF(Input!$D$20=2,K954*Input!$C$20,0)+IF(Input!$D$21=2,L954*Input!$C$21,0)+IF(Input!$D$22=2,M954*Input!$C$22,0)</f>
        <v>1.097095545985298</v>
      </c>
      <c r="P954" s="59">
        <f>IF(Input!$D$19=3,J954*Input!$C$19,0)+IF(Input!$D$20=3,K954*Input!$C$20,0)+IF(Input!$D$21=3,L954*Input!$C$21,0)+IF(Input!$D$22=3,M954*Input!$C$22,0)</f>
        <v>0</v>
      </c>
      <c r="Q954" s="75">
        <f>IF(Input!$D$19=4,J954*Input!$C$19,0)+IF(Input!$D$20=4,K954*Input!$C$20,0)+IF(Input!$D$21=4,L954*Input!$C$21,0)+IF(Input!$D$22=4,M954*Input!$C$22,0)</f>
        <v>0</v>
      </c>
      <c r="R954" s="58">
        <v>65.397472776511236</v>
      </c>
      <c r="S954" s="124">
        <f t="shared" si="14"/>
        <v>1.9016322797078502</v>
      </c>
    </row>
    <row r="955" spans="8:19" x14ac:dyDescent="0.3">
      <c r="H955" s="44">
        <v>948</v>
      </c>
      <c r="I955" s="56">
        <f>Bühler!I981</f>
        <v>0.50635179045475298</v>
      </c>
      <c r="J955" s="59">
        <f>Bühler!J981</f>
        <v>1.6878393015158435</v>
      </c>
      <c r="K955" s="59">
        <f>Bühler!K981</f>
        <v>2.5317589522737651</v>
      </c>
      <c r="L955" s="59">
        <f>Bühler!L981</f>
        <v>12.152442970914072</v>
      </c>
      <c r="M955" s="58">
        <f>Bühler!M981</f>
        <v>0</v>
      </c>
      <c r="N955" s="56">
        <f>IF(Input!$D$19=1,J955*Input!$C$19,0)+IF(Input!$D$20=1,K955*Input!$C$20,0)+IF(Input!$D$21=1,L955*Input!$C$21,0)+IF(Input!$D$22=1,M955*Input!$C$22,0)</f>
        <v>0.50635179045475298</v>
      </c>
      <c r="O955" s="59">
        <f>IF(Input!$D$19=2,J955*Input!$C$19,0)+IF(Input!$D$20=2,K955*Input!$C$20,0)+IF(Input!$D$21=2,L955*Input!$C$21,0)+IF(Input!$D$22=2,M955*Input!$C$22,0)</f>
        <v>1.2658794761368826</v>
      </c>
      <c r="P955" s="59">
        <f>IF(Input!$D$19=3,J955*Input!$C$19,0)+IF(Input!$D$20=3,K955*Input!$C$20,0)+IF(Input!$D$21=3,L955*Input!$C$21,0)+IF(Input!$D$22=3,M955*Input!$C$22,0)</f>
        <v>0</v>
      </c>
      <c r="Q955" s="75">
        <f>IF(Input!$D$19=4,J955*Input!$C$19,0)+IF(Input!$D$20=4,K955*Input!$C$20,0)+IF(Input!$D$21=4,L955*Input!$C$21,0)+IF(Input!$D$22=4,M955*Input!$C$22,0)</f>
        <v>0</v>
      </c>
      <c r="R955" s="58">
        <v>65.609495241209004</v>
      </c>
      <c r="S955" s="124">
        <f t="shared" si="14"/>
        <v>2.1941910919705965</v>
      </c>
    </row>
    <row r="956" spans="8:19" x14ac:dyDescent="0.3">
      <c r="H956" s="44">
        <v>949</v>
      </c>
      <c r="I956" s="56">
        <f>Bühler!I982</f>
        <v>0.50635179045475298</v>
      </c>
      <c r="J956" s="59">
        <f>Bühler!J982</f>
        <v>1.6878393015158435</v>
      </c>
      <c r="K956" s="59">
        <f>Bühler!K982</f>
        <v>2.5317589522737651</v>
      </c>
      <c r="L956" s="59">
        <f>Bühler!L982</f>
        <v>12.152442970914072</v>
      </c>
      <c r="M956" s="58">
        <f>Bühler!M982</f>
        <v>0</v>
      </c>
      <c r="N956" s="56">
        <f>IF(Input!$D$19=1,J956*Input!$C$19,0)+IF(Input!$D$20=1,K956*Input!$C$20,0)+IF(Input!$D$21=1,L956*Input!$C$21,0)+IF(Input!$D$22=1,M956*Input!$C$22,0)</f>
        <v>0.50635179045475298</v>
      </c>
      <c r="O956" s="59">
        <f>IF(Input!$D$19=2,J956*Input!$C$19,0)+IF(Input!$D$20=2,K956*Input!$C$20,0)+IF(Input!$D$21=2,L956*Input!$C$21,0)+IF(Input!$D$22=2,M956*Input!$C$22,0)</f>
        <v>1.2658794761368826</v>
      </c>
      <c r="P956" s="59">
        <f>IF(Input!$D$19=3,J956*Input!$C$19,0)+IF(Input!$D$20=3,K956*Input!$C$20,0)+IF(Input!$D$21=3,L956*Input!$C$21,0)+IF(Input!$D$22=3,M956*Input!$C$22,0)</f>
        <v>0</v>
      </c>
      <c r="Q956" s="75">
        <f>IF(Input!$D$19=4,J956*Input!$C$19,0)+IF(Input!$D$20=4,K956*Input!$C$20,0)+IF(Input!$D$21=4,L956*Input!$C$21,0)+IF(Input!$D$22=4,M956*Input!$C$22,0)</f>
        <v>0</v>
      </c>
      <c r="R956" s="58">
        <v>64.843488085711726</v>
      </c>
      <c r="S956" s="124">
        <f t="shared" si="14"/>
        <v>2.1941910919705965</v>
      </c>
    </row>
    <row r="957" spans="8:19" x14ac:dyDescent="0.3">
      <c r="H957" s="44">
        <v>950</v>
      </c>
      <c r="I957" s="56">
        <f>Bühler!I983</f>
        <v>0.50635179045475298</v>
      </c>
      <c r="J957" s="59">
        <f>Bühler!J983</f>
        <v>1.6878393015158435</v>
      </c>
      <c r="K957" s="59">
        <f>Bühler!K983</f>
        <v>2.5317589522737651</v>
      </c>
      <c r="L957" s="59">
        <f>Bühler!L983</f>
        <v>12.152442970914072</v>
      </c>
      <c r="M957" s="58">
        <f>Bühler!M983</f>
        <v>0</v>
      </c>
      <c r="N957" s="56">
        <f>IF(Input!$D$19=1,J957*Input!$C$19,0)+IF(Input!$D$20=1,K957*Input!$C$20,0)+IF(Input!$D$21=1,L957*Input!$C$21,0)+IF(Input!$D$22=1,M957*Input!$C$22,0)</f>
        <v>0.50635179045475298</v>
      </c>
      <c r="O957" s="59">
        <f>IF(Input!$D$19=2,J957*Input!$C$19,0)+IF(Input!$D$20=2,K957*Input!$C$20,0)+IF(Input!$D$21=2,L957*Input!$C$21,0)+IF(Input!$D$22=2,M957*Input!$C$22,0)</f>
        <v>1.2658794761368826</v>
      </c>
      <c r="P957" s="59">
        <f>IF(Input!$D$19=3,J957*Input!$C$19,0)+IF(Input!$D$20=3,K957*Input!$C$20,0)+IF(Input!$D$21=3,L957*Input!$C$21,0)+IF(Input!$D$22=3,M957*Input!$C$22,0)</f>
        <v>0</v>
      </c>
      <c r="Q957" s="75">
        <f>IF(Input!$D$19=4,J957*Input!$C$19,0)+IF(Input!$D$20=4,K957*Input!$C$20,0)+IF(Input!$D$21=4,L957*Input!$C$21,0)+IF(Input!$D$22=4,M957*Input!$C$22,0)</f>
        <v>0</v>
      </c>
      <c r="R957" s="58">
        <v>64.68196574845058</v>
      </c>
      <c r="S957" s="124">
        <f t="shared" si="14"/>
        <v>2.1941910919705965</v>
      </c>
    </row>
    <row r="958" spans="8:19" x14ac:dyDescent="0.3">
      <c r="H958" s="44">
        <v>951</v>
      </c>
      <c r="I958" s="56">
        <f>Bühler!I984</f>
        <v>0.50635179045475298</v>
      </c>
      <c r="J958" s="59">
        <f>Bühler!J984</f>
        <v>1.6878393015158435</v>
      </c>
      <c r="K958" s="59">
        <f>Bühler!K984</f>
        <v>2.5317589522737651</v>
      </c>
      <c r="L958" s="59">
        <f>Bühler!L984</f>
        <v>12.152442970914072</v>
      </c>
      <c r="M958" s="58">
        <f>Bühler!M984</f>
        <v>0</v>
      </c>
      <c r="N958" s="56">
        <f>IF(Input!$D$19=1,J958*Input!$C$19,0)+IF(Input!$D$20=1,K958*Input!$C$20,0)+IF(Input!$D$21=1,L958*Input!$C$21,0)+IF(Input!$D$22=1,M958*Input!$C$22,0)</f>
        <v>0.50635179045475298</v>
      </c>
      <c r="O958" s="59">
        <f>IF(Input!$D$19=2,J958*Input!$C$19,0)+IF(Input!$D$20=2,K958*Input!$C$20,0)+IF(Input!$D$21=2,L958*Input!$C$21,0)+IF(Input!$D$22=2,M958*Input!$C$22,0)</f>
        <v>1.2658794761368826</v>
      </c>
      <c r="P958" s="59">
        <f>IF(Input!$D$19=3,J958*Input!$C$19,0)+IF(Input!$D$20=3,K958*Input!$C$20,0)+IF(Input!$D$21=3,L958*Input!$C$21,0)+IF(Input!$D$22=3,M958*Input!$C$22,0)</f>
        <v>0</v>
      </c>
      <c r="Q958" s="75">
        <f>IF(Input!$D$19=4,J958*Input!$C$19,0)+IF(Input!$D$20=4,K958*Input!$C$20,0)+IF(Input!$D$21=4,L958*Input!$C$21,0)+IF(Input!$D$22=4,M958*Input!$C$22,0)</f>
        <v>0</v>
      </c>
      <c r="R958" s="58">
        <v>64.798565243304154</v>
      </c>
      <c r="S958" s="124">
        <f t="shared" si="14"/>
        <v>2.1941910919705965</v>
      </c>
    </row>
    <row r="959" spans="8:19" x14ac:dyDescent="0.3">
      <c r="H959" s="44">
        <v>952</v>
      </c>
      <c r="I959" s="56">
        <f>Bühler!I985</f>
        <v>0.42195982537896093</v>
      </c>
      <c r="J959" s="59">
        <f>Bühler!J985</f>
        <v>1.4065327512632031</v>
      </c>
      <c r="K959" s="59">
        <f>Bühler!K985</f>
        <v>2.1097991268948046</v>
      </c>
      <c r="L959" s="59">
        <f>Bühler!L985</f>
        <v>10.127035809095062</v>
      </c>
      <c r="M959" s="58">
        <f>Bühler!M985</f>
        <v>0</v>
      </c>
      <c r="N959" s="56">
        <f>IF(Input!$D$19=1,J959*Input!$C$19,0)+IF(Input!$D$20=1,K959*Input!$C$20,0)+IF(Input!$D$21=1,L959*Input!$C$21,0)+IF(Input!$D$22=1,M959*Input!$C$22,0)</f>
        <v>0.42195982537896093</v>
      </c>
      <c r="O959" s="59">
        <f>IF(Input!$D$19=2,J959*Input!$C$19,0)+IF(Input!$D$20=2,K959*Input!$C$20,0)+IF(Input!$D$21=2,L959*Input!$C$21,0)+IF(Input!$D$22=2,M959*Input!$C$22,0)</f>
        <v>1.0548995634474023</v>
      </c>
      <c r="P959" s="59">
        <f>IF(Input!$D$19=3,J959*Input!$C$19,0)+IF(Input!$D$20=3,K959*Input!$C$20,0)+IF(Input!$D$21=3,L959*Input!$C$21,0)+IF(Input!$D$22=3,M959*Input!$C$22,0)</f>
        <v>0</v>
      </c>
      <c r="Q959" s="75">
        <f>IF(Input!$D$19=4,J959*Input!$C$19,0)+IF(Input!$D$20=4,K959*Input!$C$20,0)+IF(Input!$D$21=4,L959*Input!$C$21,0)+IF(Input!$D$22=4,M959*Input!$C$22,0)</f>
        <v>0</v>
      </c>
      <c r="R959" s="58">
        <v>63.451254966197325</v>
      </c>
      <c r="S959" s="124">
        <f t="shared" si="14"/>
        <v>1.828492576642164</v>
      </c>
    </row>
    <row r="960" spans="8:19" x14ac:dyDescent="0.3">
      <c r="H960" s="44">
        <v>953</v>
      </c>
      <c r="I960" s="56">
        <f>Bühler!I986</f>
        <v>0.39945530135874968</v>
      </c>
      <c r="J960" s="59">
        <f>Bühler!J986</f>
        <v>1.3315176711958323</v>
      </c>
      <c r="K960" s="59">
        <f>Bühler!K986</f>
        <v>1.9972765067937484</v>
      </c>
      <c r="L960" s="59">
        <f>Bühler!L986</f>
        <v>9.5869272326099928</v>
      </c>
      <c r="M960" s="58">
        <f>Bühler!M986</f>
        <v>0</v>
      </c>
      <c r="N960" s="56">
        <f>IF(Input!$D$19=1,J960*Input!$C$19,0)+IF(Input!$D$20=1,K960*Input!$C$20,0)+IF(Input!$D$21=1,L960*Input!$C$21,0)+IF(Input!$D$22=1,M960*Input!$C$22,0)</f>
        <v>0.39945530135874968</v>
      </c>
      <c r="O960" s="59">
        <f>IF(Input!$D$19=2,J960*Input!$C$19,0)+IF(Input!$D$20=2,K960*Input!$C$20,0)+IF(Input!$D$21=2,L960*Input!$C$21,0)+IF(Input!$D$22=2,M960*Input!$C$22,0)</f>
        <v>0.99863825339687418</v>
      </c>
      <c r="P960" s="59">
        <f>IF(Input!$D$19=3,J960*Input!$C$19,0)+IF(Input!$D$20=3,K960*Input!$C$20,0)+IF(Input!$D$21=3,L960*Input!$C$21,0)+IF(Input!$D$22=3,M960*Input!$C$22,0)</f>
        <v>0</v>
      </c>
      <c r="Q960" s="75">
        <f>IF(Input!$D$19=4,J960*Input!$C$19,0)+IF(Input!$D$20=4,K960*Input!$C$20,0)+IF(Input!$D$21=4,L960*Input!$C$21,0)+IF(Input!$D$22=4,M960*Input!$C$22,0)</f>
        <v>0</v>
      </c>
      <c r="R960" s="58">
        <v>62.072410755311836</v>
      </c>
      <c r="S960" s="124">
        <f t="shared" si="14"/>
        <v>1.7309729725545819</v>
      </c>
    </row>
    <row r="961" spans="8:19" x14ac:dyDescent="0.3">
      <c r="H961" s="44">
        <v>954</v>
      </c>
      <c r="I961" s="56">
        <f>Bühler!I987</f>
        <v>0.39945530135874968</v>
      </c>
      <c r="J961" s="59">
        <f>Bühler!J987</f>
        <v>1.3315176711958323</v>
      </c>
      <c r="K961" s="59">
        <f>Bühler!K987</f>
        <v>1.9972765067937484</v>
      </c>
      <c r="L961" s="59">
        <f>Bühler!L987</f>
        <v>9.5869272326099928</v>
      </c>
      <c r="M961" s="58">
        <f>Bühler!M987</f>
        <v>0</v>
      </c>
      <c r="N961" s="56">
        <f>IF(Input!$D$19=1,J961*Input!$C$19,0)+IF(Input!$D$20=1,K961*Input!$C$20,0)+IF(Input!$D$21=1,L961*Input!$C$21,0)+IF(Input!$D$22=1,M961*Input!$C$22,0)</f>
        <v>0.39945530135874968</v>
      </c>
      <c r="O961" s="59">
        <f>IF(Input!$D$19=2,J961*Input!$C$19,0)+IF(Input!$D$20=2,K961*Input!$C$20,0)+IF(Input!$D$21=2,L961*Input!$C$21,0)+IF(Input!$D$22=2,M961*Input!$C$22,0)</f>
        <v>0.99863825339687418</v>
      </c>
      <c r="P961" s="59">
        <f>IF(Input!$D$19=3,J961*Input!$C$19,0)+IF(Input!$D$20=3,K961*Input!$C$20,0)+IF(Input!$D$21=3,L961*Input!$C$21,0)+IF(Input!$D$22=3,M961*Input!$C$22,0)</f>
        <v>0</v>
      </c>
      <c r="Q961" s="75">
        <f>IF(Input!$D$19=4,J961*Input!$C$19,0)+IF(Input!$D$20=4,K961*Input!$C$20,0)+IF(Input!$D$21=4,L961*Input!$C$21,0)+IF(Input!$D$22=4,M961*Input!$C$22,0)</f>
        <v>0</v>
      </c>
      <c r="R961" s="58">
        <v>60.431248719751444</v>
      </c>
      <c r="S961" s="124">
        <f t="shared" si="14"/>
        <v>1.7309729725545819</v>
      </c>
    </row>
    <row r="962" spans="8:19" x14ac:dyDescent="0.3">
      <c r="H962" s="44">
        <v>955</v>
      </c>
      <c r="I962" s="56">
        <f>Bühler!I988</f>
        <v>0.39945530135874968</v>
      </c>
      <c r="J962" s="59">
        <f>Bühler!J988</f>
        <v>1.3315176711958323</v>
      </c>
      <c r="K962" s="59">
        <f>Bühler!K988</f>
        <v>1.9972765067937484</v>
      </c>
      <c r="L962" s="59">
        <f>Bühler!L988</f>
        <v>9.5869272326099928</v>
      </c>
      <c r="M962" s="58">
        <f>Bühler!M988</f>
        <v>0</v>
      </c>
      <c r="N962" s="56">
        <f>IF(Input!$D$19=1,J962*Input!$C$19,0)+IF(Input!$D$20=1,K962*Input!$C$20,0)+IF(Input!$D$21=1,L962*Input!$C$21,0)+IF(Input!$D$22=1,M962*Input!$C$22,0)</f>
        <v>0.39945530135874968</v>
      </c>
      <c r="O962" s="59">
        <f>IF(Input!$D$19=2,J962*Input!$C$19,0)+IF(Input!$D$20=2,K962*Input!$C$20,0)+IF(Input!$D$21=2,L962*Input!$C$21,0)+IF(Input!$D$22=2,M962*Input!$C$22,0)</f>
        <v>0.99863825339687418</v>
      </c>
      <c r="P962" s="59">
        <f>IF(Input!$D$19=3,J962*Input!$C$19,0)+IF(Input!$D$20=3,K962*Input!$C$20,0)+IF(Input!$D$21=3,L962*Input!$C$21,0)+IF(Input!$D$22=3,M962*Input!$C$22,0)</f>
        <v>0</v>
      </c>
      <c r="Q962" s="75">
        <f>IF(Input!$D$19=4,J962*Input!$C$19,0)+IF(Input!$D$20=4,K962*Input!$C$20,0)+IF(Input!$D$21=4,L962*Input!$C$21,0)+IF(Input!$D$22=4,M962*Input!$C$22,0)</f>
        <v>0</v>
      </c>
      <c r="R962" s="58">
        <v>59.084703613921306</v>
      </c>
      <c r="S962" s="124">
        <f t="shared" si="14"/>
        <v>1.7309729725545819</v>
      </c>
    </row>
    <row r="963" spans="8:19" x14ac:dyDescent="0.3">
      <c r="H963" s="44">
        <v>956</v>
      </c>
      <c r="I963" s="56">
        <f>Bühler!I989</f>
        <v>0.39945530135874968</v>
      </c>
      <c r="J963" s="59">
        <f>Bühler!J989</f>
        <v>1.3315176711958323</v>
      </c>
      <c r="K963" s="59">
        <f>Bühler!K989</f>
        <v>1.9972765067937484</v>
      </c>
      <c r="L963" s="59">
        <f>Bühler!L989</f>
        <v>9.5869272326099928</v>
      </c>
      <c r="M963" s="58">
        <f>Bühler!M989</f>
        <v>0</v>
      </c>
      <c r="N963" s="56">
        <f>IF(Input!$D$19=1,J963*Input!$C$19,0)+IF(Input!$D$20=1,K963*Input!$C$20,0)+IF(Input!$D$21=1,L963*Input!$C$21,0)+IF(Input!$D$22=1,M963*Input!$C$22,0)</f>
        <v>0.39945530135874968</v>
      </c>
      <c r="O963" s="59">
        <f>IF(Input!$D$19=2,J963*Input!$C$19,0)+IF(Input!$D$20=2,K963*Input!$C$20,0)+IF(Input!$D$21=2,L963*Input!$C$21,0)+IF(Input!$D$22=2,M963*Input!$C$22,0)</f>
        <v>0.99863825339687418</v>
      </c>
      <c r="P963" s="59">
        <f>IF(Input!$D$19=3,J963*Input!$C$19,0)+IF(Input!$D$20=3,K963*Input!$C$20,0)+IF(Input!$D$21=3,L963*Input!$C$21,0)+IF(Input!$D$22=3,M963*Input!$C$22,0)</f>
        <v>0</v>
      </c>
      <c r="Q963" s="75">
        <f>IF(Input!$D$19=4,J963*Input!$C$19,0)+IF(Input!$D$20=4,K963*Input!$C$20,0)+IF(Input!$D$21=4,L963*Input!$C$21,0)+IF(Input!$D$22=4,M963*Input!$C$22,0)</f>
        <v>0</v>
      </c>
      <c r="R963" s="58">
        <v>58.201991990826862</v>
      </c>
      <c r="S963" s="124">
        <f t="shared" si="14"/>
        <v>1.7309729725545819</v>
      </c>
    </row>
    <row r="964" spans="8:19" x14ac:dyDescent="0.3">
      <c r="H964" s="44">
        <v>957</v>
      </c>
      <c r="I964" s="56">
        <f>Bühler!I990</f>
        <v>0.30943720527790464</v>
      </c>
      <c r="J964" s="59">
        <f>Bühler!J990</f>
        <v>1.0314573509263487</v>
      </c>
      <c r="K964" s="59">
        <f>Bühler!K990</f>
        <v>1.5471860263895232</v>
      </c>
      <c r="L964" s="59">
        <f>Bühler!L990</f>
        <v>7.4264929266697104</v>
      </c>
      <c r="M964" s="58">
        <f>Bühler!M990</f>
        <v>0</v>
      </c>
      <c r="N964" s="56">
        <f>IF(Input!$D$19=1,J964*Input!$C$19,0)+IF(Input!$D$20=1,K964*Input!$C$20,0)+IF(Input!$D$21=1,L964*Input!$C$21,0)+IF(Input!$D$22=1,M964*Input!$C$22,0)</f>
        <v>0.30943720527790458</v>
      </c>
      <c r="O964" s="59">
        <f>IF(Input!$D$19=2,J964*Input!$C$19,0)+IF(Input!$D$20=2,K964*Input!$C$20,0)+IF(Input!$D$21=2,L964*Input!$C$21,0)+IF(Input!$D$22=2,M964*Input!$C$22,0)</f>
        <v>0.77359301319476159</v>
      </c>
      <c r="P964" s="59">
        <f>IF(Input!$D$19=3,J964*Input!$C$19,0)+IF(Input!$D$20=3,K964*Input!$C$20,0)+IF(Input!$D$21=3,L964*Input!$C$21,0)+IF(Input!$D$22=3,M964*Input!$C$22,0)</f>
        <v>0</v>
      </c>
      <c r="Q964" s="75">
        <f>IF(Input!$D$19=4,J964*Input!$C$19,0)+IF(Input!$D$20=4,K964*Input!$C$20,0)+IF(Input!$D$21=4,L964*Input!$C$21,0)+IF(Input!$D$22=4,M964*Input!$C$22,0)</f>
        <v>0</v>
      </c>
      <c r="R964" s="58">
        <v>57.254861564513646</v>
      </c>
      <c r="S964" s="124">
        <f t="shared" si="14"/>
        <v>1.3408945562042534</v>
      </c>
    </row>
    <row r="965" spans="8:19" x14ac:dyDescent="0.3">
      <c r="H965" s="44">
        <v>958</v>
      </c>
      <c r="I965" s="56">
        <f>Bühler!I991</f>
        <v>0.11814875110610905</v>
      </c>
      <c r="J965" s="59">
        <f>Bühler!J991</f>
        <v>0.39382917035369686</v>
      </c>
      <c r="K965" s="59">
        <f>Bühler!K991</f>
        <v>0.59074375553054526</v>
      </c>
      <c r="L965" s="59">
        <f>Bühler!L991</f>
        <v>2.8355700265466171</v>
      </c>
      <c r="M965" s="58">
        <f>Bühler!M991</f>
        <v>0</v>
      </c>
      <c r="N965" s="56">
        <f>IF(Input!$D$19=1,J965*Input!$C$19,0)+IF(Input!$D$20=1,K965*Input!$C$20,0)+IF(Input!$D$21=1,L965*Input!$C$21,0)+IF(Input!$D$22=1,M965*Input!$C$22,0)</f>
        <v>0.11814875110610905</v>
      </c>
      <c r="O965" s="59">
        <f>IF(Input!$D$19=2,J965*Input!$C$19,0)+IF(Input!$D$20=2,K965*Input!$C$20,0)+IF(Input!$D$21=2,L965*Input!$C$21,0)+IF(Input!$D$22=2,M965*Input!$C$22,0)</f>
        <v>0.29537187776527263</v>
      </c>
      <c r="P965" s="59">
        <f>IF(Input!$D$19=3,J965*Input!$C$19,0)+IF(Input!$D$20=3,K965*Input!$C$20,0)+IF(Input!$D$21=3,L965*Input!$C$21,0)+IF(Input!$D$22=3,M965*Input!$C$22,0)</f>
        <v>0</v>
      </c>
      <c r="Q965" s="75">
        <f>IF(Input!$D$19=4,J965*Input!$C$19,0)+IF(Input!$D$20=4,K965*Input!$C$20,0)+IF(Input!$D$21=4,L965*Input!$C$21,0)+IF(Input!$D$22=4,M965*Input!$C$22,0)</f>
        <v>0</v>
      </c>
      <c r="R965" s="58">
        <v>55.520337747571475</v>
      </c>
      <c r="S965" s="124">
        <f t="shared" si="14"/>
        <v>0.51197792145980592</v>
      </c>
    </row>
    <row r="966" spans="8:19" x14ac:dyDescent="0.3">
      <c r="H966" s="44">
        <v>959</v>
      </c>
      <c r="I966" s="56">
        <f>Bühler!I992</f>
        <v>0.11814875110610905</v>
      </c>
      <c r="J966" s="59">
        <f>Bühler!J992</f>
        <v>0.39382917035369686</v>
      </c>
      <c r="K966" s="59">
        <f>Bühler!K992</f>
        <v>0.59074375553054526</v>
      </c>
      <c r="L966" s="59">
        <f>Bühler!L992</f>
        <v>2.8355700265466171</v>
      </c>
      <c r="M966" s="58">
        <f>Bühler!M992</f>
        <v>0</v>
      </c>
      <c r="N966" s="56">
        <f>IF(Input!$D$19=1,J966*Input!$C$19,0)+IF(Input!$D$20=1,K966*Input!$C$20,0)+IF(Input!$D$21=1,L966*Input!$C$21,0)+IF(Input!$D$22=1,M966*Input!$C$22,0)</f>
        <v>0.11814875110610905</v>
      </c>
      <c r="O966" s="59">
        <f>IF(Input!$D$19=2,J966*Input!$C$19,0)+IF(Input!$D$20=2,K966*Input!$C$20,0)+IF(Input!$D$21=2,L966*Input!$C$21,0)+IF(Input!$D$22=2,M966*Input!$C$22,0)</f>
        <v>0.29537187776527263</v>
      </c>
      <c r="P966" s="59">
        <f>IF(Input!$D$19=3,J966*Input!$C$19,0)+IF(Input!$D$20=3,K966*Input!$C$20,0)+IF(Input!$D$21=3,L966*Input!$C$21,0)+IF(Input!$D$22=3,M966*Input!$C$22,0)</f>
        <v>0</v>
      </c>
      <c r="Q966" s="75">
        <f>IF(Input!$D$19=4,J966*Input!$C$19,0)+IF(Input!$D$20=4,K966*Input!$C$20,0)+IF(Input!$D$21=4,L966*Input!$C$21,0)+IF(Input!$D$22=4,M966*Input!$C$22,0)</f>
        <v>0</v>
      </c>
      <c r="R966" s="58">
        <v>55.061844007843582</v>
      </c>
      <c r="S966" s="124">
        <f t="shared" si="14"/>
        <v>0.51197792145980592</v>
      </c>
    </row>
    <row r="967" spans="8:19" x14ac:dyDescent="0.3">
      <c r="H967" s="44">
        <v>960</v>
      </c>
      <c r="I967" s="56">
        <f>Bühler!I993</f>
        <v>0.11814875110610905</v>
      </c>
      <c r="J967" s="59">
        <f>Bühler!J993</f>
        <v>0.39382917035369686</v>
      </c>
      <c r="K967" s="59">
        <f>Bühler!K993</f>
        <v>0.59074375553054526</v>
      </c>
      <c r="L967" s="59">
        <f>Bühler!L993</f>
        <v>2.8355700265466171</v>
      </c>
      <c r="M967" s="58">
        <f>Bühler!M993</f>
        <v>0</v>
      </c>
      <c r="N967" s="56">
        <f>IF(Input!$D$19=1,J967*Input!$C$19,0)+IF(Input!$D$20=1,K967*Input!$C$20,0)+IF(Input!$D$21=1,L967*Input!$C$21,0)+IF(Input!$D$22=1,M967*Input!$C$22,0)</f>
        <v>0.11814875110610905</v>
      </c>
      <c r="O967" s="59">
        <f>IF(Input!$D$19=2,J967*Input!$C$19,0)+IF(Input!$D$20=2,K967*Input!$C$20,0)+IF(Input!$D$21=2,L967*Input!$C$21,0)+IF(Input!$D$22=2,M967*Input!$C$22,0)</f>
        <v>0.29537187776527263</v>
      </c>
      <c r="P967" s="59">
        <f>IF(Input!$D$19=3,J967*Input!$C$19,0)+IF(Input!$D$20=3,K967*Input!$C$20,0)+IF(Input!$D$21=3,L967*Input!$C$21,0)+IF(Input!$D$22=3,M967*Input!$C$22,0)</f>
        <v>0</v>
      </c>
      <c r="Q967" s="75">
        <f>IF(Input!$D$19=4,J967*Input!$C$19,0)+IF(Input!$D$20=4,K967*Input!$C$20,0)+IF(Input!$D$21=4,L967*Input!$C$21,0)+IF(Input!$D$22=4,M967*Input!$C$22,0)</f>
        <v>0</v>
      </c>
      <c r="R967" s="58">
        <v>54.040204822519065</v>
      </c>
      <c r="S967" s="124">
        <f t="shared" si="14"/>
        <v>0.51197792145980592</v>
      </c>
    </row>
    <row r="968" spans="8:19" x14ac:dyDescent="0.3">
      <c r="H968" s="44">
        <v>961</v>
      </c>
      <c r="I968" s="56">
        <f>Bühler!I994</f>
        <v>9.0534775198156059E-2</v>
      </c>
      <c r="J968" s="59">
        <f>Bühler!J994</f>
        <v>0.30178258399385355</v>
      </c>
      <c r="K968" s="59">
        <f>Bühler!K994</f>
        <v>0.45267387599078029</v>
      </c>
      <c r="L968" s="59">
        <f>Bühler!L994</f>
        <v>4.4893596683542043</v>
      </c>
      <c r="M968" s="58">
        <f>Bühler!M994</f>
        <v>0</v>
      </c>
      <c r="N968" s="56">
        <f>IF(Input!$D$19=1,J968*Input!$C$19,0)+IF(Input!$D$20=1,K968*Input!$C$20,0)+IF(Input!$D$21=1,L968*Input!$C$21,0)+IF(Input!$D$22=1,M968*Input!$C$22,0)</f>
        <v>9.0534775198156059E-2</v>
      </c>
      <c r="O968" s="59">
        <f>IF(Input!$D$19=2,J968*Input!$C$19,0)+IF(Input!$D$20=2,K968*Input!$C$20,0)+IF(Input!$D$21=2,L968*Input!$C$21,0)+IF(Input!$D$22=2,M968*Input!$C$22,0)</f>
        <v>0.22633693799539015</v>
      </c>
      <c r="P968" s="59">
        <f>IF(Input!$D$19=3,J968*Input!$C$19,0)+IF(Input!$D$20=3,K968*Input!$C$20,0)+IF(Input!$D$21=3,L968*Input!$C$21,0)+IF(Input!$D$22=3,M968*Input!$C$22,0)</f>
        <v>0</v>
      </c>
      <c r="Q968" s="75">
        <f>IF(Input!$D$19=4,J968*Input!$C$19,0)+IF(Input!$D$20=4,K968*Input!$C$20,0)+IF(Input!$D$21=4,L968*Input!$C$21,0)+IF(Input!$D$22=4,M968*Input!$C$22,0)</f>
        <v>0</v>
      </c>
      <c r="R968" s="58">
        <v>53.470079277886157</v>
      </c>
      <c r="S968" s="124">
        <f t="shared" si="14"/>
        <v>0.39231735919200961</v>
      </c>
    </row>
    <row r="969" spans="8:19" x14ac:dyDescent="0.3">
      <c r="H969" s="44">
        <v>962</v>
      </c>
      <c r="I969" s="56">
        <f>Bühler!I995</f>
        <v>0.17675837062497135</v>
      </c>
      <c r="J969" s="59">
        <f>Bühler!J995</f>
        <v>0.58919456874990461</v>
      </c>
      <c r="K969" s="59">
        <f>Bühler!K995</f>
        <v>0.88379185312485697</v>
      </c>
      <c r="L969" s="59">
        <f>Bühler!L995</f>
        <v>8.7649403048820211</v>
      </c>
      <c r="M969" s="58">
        <f>Bühler!M995</f>
        <v>0</v>
      </c>
      <c r="N969" s="56">
        <f>IF(Input!$D$19=1,J969*Input!$C$19,0)+IF(Input!$D$20=1,K969*Input!$C$20,0)+IF(Input!$D$21=1,L969*Input!$C$21,0)+IF(Input!$D$22=1,M969*Input!$C$22,0)</f>
        <v>0.17675837062497138</v>
      </c>
      <c r="O969" s="59">
        <f>IF(Input!$D$19=2,J969*Input!$C$19,0)+IF(Input!$D$20=2,K969*Input!$C$20,0)+IF(Input!$D$21=2,L969*Input!$C$21,0)+IF(Input!$D$22=2,M969*Input!$C$22,0)</f>
        <v>0.44189592656242849</v>
      </c>
      <c r="P969" s="59">
        <f>IF(Input!$D$19=3,J969*Input!$C$19,0)+IF(Input!$D$20=3,K969*Input!$C$20,0)+IF(Input!$D$21=3,L969*Input!$C$21,0)+IF(Input!$D$22=3,M969*Input!$C$22,0)</f>
        <v>0</v>
      </c>
      <c r="Q969" s="75">
        <f>IF(Input!$D$19=4,J969*Input!$C$19,0)+IF(Input!$D$20=4,K969*Input!$C$20,0)+IF(Input!$D$21=4,L969*Input!$C$21,0)+IF(Input!$D$22=4,M969*Input!$C$22,0)</f>
        <v>0</v>
      </c>
      <c r="R969" s="58">
        <v>52.776461989310789</v>
      </c>
      <c r="S969" s="124">
        <f t="shared" ref="S969:S1032" si="15">I969+J969</f>
        <v>0.76595293937487596</v>
      </c>
    </row>
    <row r="970" spans="8:19" x14ac:dyDescent="0.3">
      <c r="H970" s="44">
        <v>963</v>
      </c>
      <c r="I970" s="56">
        <f>Bühler!I996</f>
        <v>0.17675837062497135</v>
      </c>
      <c r="J970" s="59">
        <f>Bühler!J996</f>
        <v>0.58919456874990461</v>
      </c>
      <c r="K970" s="59">
        <f>Bühler!K996</f>
        <v>0.88379185312485697</v>
      </c>
      <c r="L970" s="59">
        <f>Bühler!L996</f>
        <v>8.7649403048820211</v>
      </c>
      <c r="M970" s="58">
        <f>Bühler!M996</f>
        <v>0</v>
      </c>
      <c r="N970" s="56">
        <f>IF(Input!$D$19=1,J970*Input!$C$19,0)+IF(Input!$D$20=1,K970*Input!$C$20,0)+IF(Input!$D$21=1,L970*Input!$C$21,0)+IF(Input!$D$22=1,M970*Input!$C$22,0)</f>
        <v>0.17675837062497138</v>
      </c>
      <c r="O970" s="59">
        <f>IF(Input!$D$19=2,J970*Input!$C$19,0)+IF(Input!$D$20=2,K970*Input!$C$20,0)+IF(Input!$D$21=2,L970*Input!$C$21,0)+IF(Input!$D$22=2,M970*Input!$C$22,0)</f>
        <v>0.44189592656242849</v>
      </c>
      <c r="P970" s="59">
        <f>IF(Input!$D$19=3,J970*Input!$C$19,0)+IF(Input!$D$20=3,K970*Input!$C$20,0)+IF(Input!$D$21=3,L970*Input!$C$21,0)+IF(Input!$D$22=3,M970*Input!$C$22,0)</f>
        <v>0</v>
      </c>
      <c r="Q970" s="75">
        <f>IF(Input!$D$19=4,J970*Input!$C$19,0)+IF(Input!$D$20=4,K970*Input!$C$20,0)+IF(Input!$D$21=4,L970*Input!$C$21,0)+IF(Input!$D$22=4,M970*Input!$C$22,0)</f>
        <v>0</v>
      </c>
      <c r="R970" s="58">
        <v>52.14926814600036</v>
      </c>
      <c r="S970" s="124">
        <f t="shared" si="15"/>
        <v>0.76595293937487596</v>
      </c>
    </row>
    <row r="971" spans="8:19" x14ac:dyDescent="0.3">
      <c r="H971" s="44">
        <v>964</v>
      </c>
      <c r="I971" s="56">
        <f>Bühler!I997</f>
        <v>0.17675837062497135</v>
      </c>
      <c r="J971" s="59">
        <f>Bühler!J997</f>
        <v>0.58919456874990461</v>
      </c>
      <c r="K971" s="59">
        <f>Bühler!K997</f>
        <v>0.88379185312485697</v>
      </c>
      <c r="L971" s="59">
        <f>Bühler!L997</f>
        <v>8.7649403048820211</v>
      </c>
      <c r="M971" s="58">
        <f>Bühler!M997</f>
        <v>0</v>
      </c>
      <c r="N971" s="56">
        <f>IF(Input!$D$19=1,J971*Input!$C$19,0)+IF(Input!$D$20=1,K971*Input!$C$20,0)+IF(Input!$D$21=1,L971*Input!$C$21,0)+IF(Input!$D$22=1,M971*Input!$C$22,0)</f>
        <v>0.17675837062497138</v>
      </c>
      <c r="O971" s="59">
        <f>IF(Input!$D$19=2,J971*Input!$C$19,0)+IF(Input!$D$20=2,K971*Input!$C$20,0)+IF(Input!$D$21=2,L971*Input!$C$21,0)+IF(Input!$D$22=2,M971*Input!$C$22,0)</f>
        <v>0.44189592656242849</v>
      </c>
      <c r="P971" s="59">
        <f>IF(Input!$D$19=3,J971*Input!$C$19,0)+IF(Input!$D$20=3,K971*Input!$C$20,0)+IF(Input!$D$21=3,L971*Input!$C$21,0)+IF(Input!$D$22=3,M971*Input!$C$22,0)</f>
        <v>0</v>
      </c>
      <c r="Q971" s="75">
        <f>IF(Input!$D$19=4,J971*Input!$C$19,0)+IF(Input!$D$20=4,K971*Input!$C$20,0)+IF(Input!$D$21=4,L971*Input!$C$21,0)+IF(Input!$D$22=4,M971*Input!$C$22,0)</f>
        <v>0</v>
      </c>
      <c r="R971" s="58">
        <v>51.019491284947151</v>
      </c>
      <c r="S971" s="124">
        <f t="shared" si="15"/>
        <v>0.76595293937487596</v>
      </c>
    </row>
    <row r="972" spans="8:19" x14ac:dyDescent="0.3">
      <c r="H972" s="44">
        <v>965</v>
      </c>
      <c r="I972" s="56">
        <f>Bühler!I998</f>
        <v>0.17675837062497135</v>
      </c>
      <c r="J972" s="59">
        <f>Bühler!J998</f>
        <v>0.58919456874990461</v>
      </c>
      <c r="K972" s="59">
        <f>Bühler!K998</f>
        <v>0.88379185312485697</v>
      </c>
      <c r="L972" s="59">
        <f>Bühler!L998</f>
        <v>8.7649403048820211</v>
      </c>
      <c r="M972" s="58">
        <f>Bühler!M998</f>
        <v>0</v>
      </c>
      <c r="N972" s="56">
        <f>IF(Input!$D$19=1,J972*Input!$C$19,0)+IF(Input!$D$20=1,K972*Input!$C$20,0)+IF(Input!$D$21=1,L972*Input!$C$21,0)+IF(Input!$D$22=1,M972*Input!$C$22,0)</f>
        <v>0.17675837062497138</v>
      </c>
      <c r="O972" s="59">
        <f>IF(Input!$D$19=2,J972*Input!$C$19,0)+IF(Input!$D$20=2,K972*Input!$C$20,0)+IF(Input!$D$21=2,L972*Input!$C$21,0)+IF(Input!$D$22=2,M972*Input!$C$22,0)</f>
        <v>0.44189592656242849</v>
      </c>
      <c r="P972" s="59">
        <f>IF(Input!$D$19=3,J972*Input!$C$19,0)+IF(Input!$D$20=3,K972*Input!$C$20,0)+IF(Input!$D$21=3,L972*Input!$C$21,0)+IF(Input!$D$22=3,M972*Input!$C$22,0)</f>
        <v>0</v>
      </c>
      <c r="Q972" s="75">
        <f>IF(Input!$D$19=4,J972*Input!$C$19,0)+IF(Input!$D$20=4,K972*Input!$C$20,0)+IF(Input!$D$21=4,L972*Input!$C$21,0)+IF(Input!$D$22=4,M972*Input!$C$22,0)</f>
        <v>0</v>
      </c>
      <c r="R972" s="58">
        <v>49.877869783574759</v>
      </c>
      <c r="S972" s="124">
        <f t="shared" si="15"/>
        <v>0.76595293937487596</v>
      </c>
    </row>
    <row r="973" spans="8:19" x14ac:dyDescent="0.3">
      <c r="H973" s="44">
        <v>966</v>
      </c>
      <c r="I973" s="56">
        <f>Bühler!I999</f>
        <v>0.21987016833837897</v>
      </c>
      <c r="J973" s="59">
        <f>Bühler!J999</f>
        <v>0.73290056112793001</v>
      </c>
      <c r="K973" s="59">
        <f>Bühler!K999</f>
        <v>1.0993508416918951</v>
      </c>
      <c r="L973" s="59">
        <f>Bühler!L999</f>
        <v>10.902730623145926</v>
      </c>
      <c r="M973" s="58">
        <f>Bühler!M999</f>
        <v>0</v>
      </c>
      <c r="N973" s="56">
        <f>IF(Input!$D$19=1,J973*Input!$C$19,0)+IF(Input!$D$20=1,K973*Input!$C$20,0)+IF(Input!$D$21=1,L973*Input!$C$21,0)+IF(Input!$D$22=1,M973*Input!$C$22,0)</f>
        <v>0.219870168338379</v>
      </c>
      <c r="O973" s="59">
        <f>IF(Input!$D$19=2,J973*Input!$C$19,0)+IF(Input!$D$20=2,K973*Input!$C$20,0)+IF(Input!$D$21=2,L973*Input!$C$21,0)+IF(Input!$D$22=2,M973*Input!$C$22,0)</f>
        <v>0.54967542084594756</v>
      </c>
      <c r="P973" s="59">
        <f>IF(Input!$D$19=3,J973*Input!$C$19,0)+IF(Input!$D$20=3,K973*Input!$C$20,0)+IF(Input!$D$21=3,L973*Input!$C$21,0)+IF(Input!$D$22=3,M973*Input!$C$22,0)</f>
        <v>0</v>
      </c>
      <c r="Q973" s="75">
        <f>IF(Input!$D$19=4,J973*Input!$C$19,0)+IF(Input!$D$20=4,K973*Input!$C$20,0)+IF(Input!$D$21=4,L973*Input!$C$21,0)+IF(Input!$D$22=4,M973*Input!$C$22,0)</f>
        <v>0</v>
      </c>
      <c r="R973" s="58">
        <v>48.443970448035387</v>
      </c>
      <c r="S973" s="124">
        <f t="shared" si="15"/>
        <v>0.95277072946630903</v>
      </c>
    </row>
    <row r="974" spans="8:19" x14ac:dyDescent="0.3">
      <c r="H974" s="44">
        <v>967</v>
      </c>
      <c r="I974" s="56">
        <f>Bühler!I1000</f>
        <v>0.27591550536580889</v>
      </c>
      <c r="J974" s="59">
        <f>Bühler!J1000</f>
        <v>0.91971835121936307</v>
      </c>
      <c r="K974" s="59">
        <f>Bühler!K1000</f>
        <v>1.3795775268290447</v>
      </c>
      <c r="L974" s="59">
        <f>Bühler!L1000</f>
        <v>13.681858036889006</v>
      </c>
      <c r="M974" s="58">
        <f>Bühler!M1000</f>
        <v>0</v>
      </c>
      <c r="N974" s="56">
        <f>IF(Input!$D$19=1,J974*Input!$C$19,0)+IF(Input!$D$20=1,K974*Input!$C$20,0)+IF(Input!$D$21=1,L974*Input!$C$21,0)+IF(Input!$D$22=1,M974*Input!$C$22,0)</f>
        <v>0.27591550536580889</v>
      </c>
      <c r="O974" s="59">
        <f>IF(Input!$D$19=2,J974*Input!$C$19,0)+IF(Input!$D$20=2,K974*Input!$C$20,0)+IF(Input!$D$21=2,L974*Input!$C$21,0)+IF(Input!$D$22=2,M974*Input!$C$22,0)</f>
        <v>0.68978876341452233</v>
      </c>
      <c r="P974" s="59">
        <f>IF(Input!$D$19=3,J974*Input!$C$19,0)+IF(Input!$D$20=3,K974*Input!$C$20,0)+IF(Input!$D$21=3,L974*Input!$C$21,0)+IF(Input!$D$22=3,M974*Input!$C$22,0)</f>
        <v>0</v>
      </c>
      <c r="Q974" s="75">
        <f>IF(Input!$D$19=4,J974*Input!$C$19,0)+IF(Input!$D$20=4,K974*Input!$C$20,0)+IF(Input!$D$21=4,L974*Input!$C$21,0)+IF(Input!$D$22=4,M974*Input!$C$22,0)</f>
        <v>0</v>
      </c>
      <c r="R974" s="58">
        <v>49.282852930166165</v>
      </c>
      <c r="S974" s="124">
        <f t="shared" si="15"/>
        <v>1.1956338565851721</v>
      </c>
    </row>
    <row r="975" spans="8:19" x14ac:dyDescent="0.3">
      <c r="H975" s="44">
        <v>968</v>
      </c>
      <c r="I975" s="56">
        <f>Bühler!I1001</f>
        <v>0.31471612330787579</v>
      </c>
      <c r="J975" s="59">
        <f>Bühler!J1001</f>
        <v>1.049053744359586</v>
      </c>
      <c r="K975" s="59">
        <f>Bühler!K1001</f>
        <v>1.5735806165393791</v>
      </c>
      <c r="L975" s="59">
        <f>Bühler!L1001</f>
        <v>15.605869323326521</v>
      </c>
      <c r="M975" s="58">
        <f>Bühler!M1001</f>
        <v>0</v>
      </c>
      <c r="N975" s="56">
        <f>IF(Input!$D$19=1,J975*Input!$C$19,0)+IF(Input!$D$20=1,K975*Input!$C$20,0)+IF(Input!$D$21=1,L975*Input!$C$21,0)+IF(Input!$D$22=1,M975*Input!$C$22,0)</f>
        <v>0.31471612330787579</v>
      </c>
      <c r="O975" s="59">
        <f>IF(Input!$D$19=2,J975*Input!$C$19,0)+IF(Input!$D$20=2,K975*Input!$C$20,0)+IF(Input!$D$21=2,L975*Input!$C$21,0)+IF(Input!$D$22=2,M975*Input!$C$22,0)</f>
        <v>0.78679030826968954</v>
      </c>
      <c r="P975" s="59">
        <f>IF(Input!$D$19=3,J975*Input!$C$19,0)+IF(Input!$D$20=3,K975*Input!$C$20,0)+IF(Input!$D$21=3,L975*Input!$C$21,0)+IF(Input!$D$22=3,M975*Input!$C$22,0)</f>
        <v>0</v>
      </c>
      <c r="Q975" s="75">
        <f>IF(Input!$D$19=4,J975*Input!$C$19,0)+IF(Input!$D$20=4,K975*Input!$C$20,0)+IF(Input!$D$21=4,L975*Input!$C$21,0)+IF(Input!$D$22=4,M975*Input!$C$22,0)</f>
        <v>0</v>
      </c>
      <c r="R975" s="58">
        <v>49.324217918351835</v>
      </c>
      <c r="S975" s="124">
        <f t="shared" si="15"/>
        <v>1.3637698676674619</v>
      </c>
    </row>
    <row r="976" spans="8:19" x14ac:dyDescent="0.3">
      <c r="H976" s="44">
        <v>969</v>
      </c>
      <c r="I976" s="56">
        <f>Bühler!I1002</f>
        <v>0.31471612330787579</v>
      </c>
      <c r="J976" s="59">
        <f>Bühler!J1002</f>
        <v>1.049053744359586</v>
      </c>
      <c r="K976" s="59">
        <f>Bühler!K1002</f>
        <v>1.5735806165393791</v>
      </c>
      <c r="L976" s="59">
        <f>Bühler!L1002</f>
        <v>15.605869323326521</v>
      </c>
      <c r="M976" s="58">
        <f>Bühler!M1002</f>
        <v>0</v>
      </c>
      <c r="N976" s="56">
        <f>IF(Input!$D$19=1,J976*Input!$C$19,0)+IF(Input!$D$20=1,K976*Input!$C$20,0)+IF(Input!$D$21=1,L976*Input!$C$21,0)+IF(Input!$D$22=1,M976*Input!$C$22,0)</f>
        <v>0.31471612330787579</v>
      </c>
      <c r="O976" s="59">
        <f>IF(Input!$D$19=2,J976*Input!$C$19,0)+IF(Input!$D$20=2,K976*Input!$C$20,0)+IF(Input!$D$21=2,L976*Input!$C$21,0)+IF(Input!$D$22=2,M976*Input!$C$22,0)</f>
        <v>0.78679030826968954</v>
      </c>
      <c r="P976" s="59">
        <f>IF(Input!$D$19=3,J976*Input!$C$19,0)+IF(Input!$D$20=3,K976*Input!$C$20,0)+IF(Input!$D$21=3,L976*Input!$C$21,0)+IF(Input!$D$22=3,M976*Input!$C$22,0)</f>
        <v>0</v>
      </c>
      <c r="Q976" s="75">
        <f>IF(Input!$D$19=4,J976*Input!$C$19,0)+IF(Input!$D$20=4,K976*Input!$C$20,0)+IF(Input!$D$21=4,L976*Input!$C$21,0)+IF(Input!$D$22=4,M976*Input!$C$22,0)</f>
        <v>0</v>
      </c>
      <c r="R976" s="58">
        <v>48.520009569213798</v>
      </c>
      <c r="S976" s="124">
        <f t="shared" si="15"/>
        <v>1.3637698676674619</v>
      </c>
    </row>
    <row r="977" spans="8:19" x14ac:dyDescent="0.3">
      <c r="H977" s="44">
        <v>970</v>
      </c>
      <c r="I977" s="56">
        <f>Bühler!I1003</f>
        <v>0.31471612330787579</v>
      </c>
      <c r="J977" s="59">
        <f>Bühler!J1003</f>
        <v>1.049053744359586</v>
      </c>
      <c r="K977" s="59">
        <f>Bühler!K1003</f>
        <v>1.5735806165393791</v>
      </c>
      <c r="L977" s="59">
        <f>Bühler!L1003</f>
        <v>15.605869323326521</v>
      </c>
      <c r="M977" s="58">
        <f>Bühler!M1003</f>
        <v>0</v>
      </c>
      <c r="N977" s="56">
        <f>IF(Input!$D$19=1,J977*Input!$C$19,0)+IF(Input!$D$20=1,K977*Input!$C$20,0)+IF(Input!$D$21=1,L977*Input!$C$21,0)+IF(Input!$D$22=1,M977*Input!$C$22,0)</f>
        <v>0.31471612330787579</v>
      </c>
      <c r="O977" s="59">
        <f>IF(Input!$D$19=2,J977*Input!$C$19,0)+IF(Input!$D$20=2,K977*Input!$C$20,0)+IF(Input!$D$21=2,L977*Input!$C$21,0)+IF(Input!$D$22=2,M977*Input!$C$22,0)</f>
        <v>0.78679030826968954</v>
      </c>
      <c r="P977" s="59">
        <f>IF(Input!$D$19=3,J977*Input!$C$19,0)+IF(Input!$D$20=3,K977*Input!$C$20,0)+IF(Input!$D$21=3,L977*Input!$C$21,0)+IF(Input!$D$22=3,M977*Input!$C$22,0)</f>
        <v>0</v>
      </c>
      <c r="Q977" s="75">
        <f>IF(Input!$D$19=4,J977*Input!$C$19,0)+IF(Input!$D$20=4,K977*Input!$C$20,0)+IF(Input!$D$21=4,L977*Input!$C$21,0)+IF(Input!$D$22=4,M977*Input!$C$22,0)</f>
        <v>0</v>
      </c>
      <c r="R977" s="58">
        <v>47.682172656405704</v>
      </c>
      <c r="S977" s="124">
        <f t="shared" si="15"/>
        <v>1.3637698676674619</v>
      </c>
    </row>
    <row r="978" spans="8:19" x14ac:dyDescent="0.3">
      <c r="H978" s="44">
        <v>971</v>
      </c>
      <c r="I978" s="56">
        <f>Bühler!I1004</f>
        <v>0.31471612330787579</v>
      </c>
      <c r="J978" s="59">
        <f>Bühler!J1004</f>
        <v>1.049053744359586</v>
      </c>
      <c r="K978" s="59">
        <f>Bühler!K1004</f>
        <v>1.5735806165393791</v>
      </c>
      <c r="L978" s="59">
        <f>Bühler!L1004</f>
        <v>15.605869323326521</v>
      </c>
      <c r="M978" s="58">
        <f>Bühler!M1004</f>
        <v>0</v>
      </c>
      <c r="N978" s="56">
        <f>IF(Input!$D$19=1,J978*Input!$C$19,0)+IF(Input!$D$20=1,K978*Input!$C$20,0)+IF(Input!$D$21=1,L978*Input!$C$21,0)+IF(Input!$D$22=1,M978*Input!$C$22,0)</f>
        <v>0.31471612330787579</v>
      </c>
      <c r="O978" s="59">
        <f>IF(Input!$D$19=2,J978*Input!$C$19,0)+IF(Input!$D$20=2,K978*Input!$C$20,0)+IF(Input!$D$21=2,L978*Input!$C$21,0)+IF(Input!$D$22=2,M978*Input!$C$22,0)</f>
        <v>0.78679030826968954</v>
      </c>
      <c r="P978" s="59">
        <f>IF(Input!$D$19=3,J978*Input!$C$19,0)+IF(Input!$D$20=3,K978*Input!$C$20,0)+IF(Input!$D$21=3,L978*Input!$C$21,0)+IF(Input!$D$22=3,M978*Input!$C$22,0)</f>
        <v>0</v>
      </c>
      <c r="Q978" s="75">
        <f>IF(Input!$D$19=4,J978*Input!$C$19,0)+IF(Input!$D$20=4,K978*Input!$C$20,0)+IF(Input!$D$21=4,L978*Input!$C$21,0)+IF(Input!$D$22=4,M978*Input!$C$22,0)</f>
        <v>0</v>
      </c>
      <c r="R978" s="58">
        <v>47.661015843206343</v>
      </c>
      <c r="S978" s="124">
        <f t="shared" si="15"/>
        <v>1.3637698676674619</v>
      </c>
    </row>
    <row r="979" spans="8:19" x14ac:dyDescent="0.3">
      <c r="H979" s="44">
        <v>972</v>
      </c>
      <c r="I979" s="56">
        <f>Bühler!I1005</f>
        <v>0.31471612330787579</v>
      </c>
      <c r="J979" s="59">
        <f>Bühler!J1005</f>
        <v>1.049053744359586</v>
      </c>
      <c r="K979" s="59">
        <f>Bühler!K1005</f>
        <v>1.5735806165393791</v>
      </c>
      <c r="L979" s="59">
        <f>Bühler!L1005</f>
        <v>15.605869323326521</v>
      </c>
      <c r="M979" s="58">
        <f>Bühler!M1005</f>
        <v>0</v>
      </c>
      <c r="N979" s="56">
        <f>IF(Input!$D$19=1,J979*Input!$C$19,0)+IF(Input!$D$20=1,K979*Input!$C$20,0)+IF(Input!$D$21=1,L979*Input!$C$21,0)+IF(Input!$D$22=1,M979*Input!$C$22,0)</f>
        <v>0.31471612330787579</v>
      </c>
      <c r="O979" s="59">
        <f>IF(Input!$D$19=2,J979*Input!$C$19,0)+IF(Input!$D$20=2,K979*Input!$C$20,0)+IF(Input!$D$21=2,L979*Input!$C$21,0)+IF(Input!$D$22=2,M979*Input!$C$22,0)</f>
        <v>0.78679030826968954</v>
      </c>
      <c r="P979" s="59">
        <f>IF(Input!$D$19=3,J979*Input!$C$19,0)+IF(Input!$D$20=3,K979*Input!$C$20,0)+IF(Input!$D$21=3,L979*Input!$C$21,0)+IF(Input!$D$22=3,M979*Input!$C$22,0)</f>
        <v>0</v>
      </c>
      <c r="Q979" s="75">
        <f>IF(Input!$D$19=4,J979*Input!$C$19,0)+IF(Input!$D$20=4,K979*Input!$C$20,0)+IF(Input!$D$21=4,L979*Input!$C$21,0)+IF(Input!$D$22=4,M979*Input!$C$22,0)</f>
        <v>0</v>
      </c>
      <c r="R979" s="58">
        <v>47.102110555051205</v>
      </c>
      <c r="S979" s="124">
        <f t="shared" si="15"/>
        <v>1.3637698676674619</v>
      </c>
    </row>
    <row r="980" spans="8:19" x14ac:dyDescent="0.3">
      <c r="H980" s="44">
        <v>973</v>
      </c>
      <c r="I980" s="56">
        <f>Bühler!I1006</f>
        <v>0.31471612330787579</v>
      </c>
      <c r="J980" s="59">
        <f>Bühler!J1006</f>
        <v>1.049053744359586</v>
      </c>
      <c r="K980" s="59">
        <f>Bühler!K1006</f>
        <v>1.5735806165393791</v>
      </c>
      <c r="L980" s="59">
        <f>Bühler!L1006</f>
        <v>15.605869323326521</v>
      </c>
      <c r="M980" s="58">
        <f>Bühler!M1006</f>
        <v>0</v>
      </c>
      <c r="N980" s="56">
        <f>IF(Input!$D$19=1,J980*Input!$C$19,0)+IF(Input!$D$20=1,K980*Input!$C$20,0)+IF(Input!$D$21=1,L980*Input!$C$21,0)+IF(Input!$D$22=1,M980*Input!$C$22,0)</f>
        <v>0.31471612330787579</v>
      </c>
      <c r="O980" s="59">
        <f>IF(Input!$D$19=2,J980*Input!$C$19,0)+IF(Input!$D$20=2,K980*Input!$C$20,0)+IF(Input!$D$21=2,L980*Input!$C$21,0)+IF(Input!$D$22=2,M980*Input!$C$22,0)</f>
        <v>0.78679030826968954</v>
      </c>
      <c r="P980" s="59">
        <f>IF(Input!$D$19=3,J980*Input!$C$19,0)+IF(Input!$D$20=3,K980*Input!$C$20,0)+IF(Input!$D$21=3,L980*Input!$C$21,0)+IF(Input!$D$22=3,M980*Input!$C$22,0)</f>
        <v>0</v>
      </c>
      <c r="Q980" s="75">
        <f>IF(Input!$D$19=4,J980*Input!$C$19,0)+IF(Input!$D$20=4,K980*Input!$C$20,0)+IF(Input!$D$21=4,L980*Input!$C$21,0)+IF(Input!$D$22=4,M980*Input!$C$22,0)</f>
        <v>0</v>
      </c>
      <c r="R980" s="58">
        <v>45.485549839100948</v>
      </c>
      <c r="S980" s="124">
        <f t="shared" si="15"/>
        <v>1.3637698676674619</v>
      </c>
    </row>
    <row r="981" spans="8:19" x14ac:dyDescent="0.3">
      <c r="H981" s="44">
        <v>974</v>
      </c>
      <c r="I981" s="56">
        <f>Bühler!I1007</f>
        <v>0.31471612330787579</v>
      </c>
      <c r="J981" s="59">
        <f>Bühler!J1007</f>
        <v>1.049053744359586</v>
      </c>
      <c r="K981" s="59">
        <f>Bühler!K1007</f>
        <v>1.5735806165393791</v>
      </c>
      <c r="L981" s="59">
        <f>Bühler!L1007</f>
        <v>15.605869323326521</v>
      </c>
      <c r="M981" s="58">
        <f>Bühler!M1007</f>
        <v>0</v>
      </c>
      <c r="N981" s="56">
        <f>IF(Input!$D$19=1,J981*Input!$C$19,0)+IF(Input!$D$20=1,K981*Input!$C$20,0)+IF(Input!$D$21=1,L981*Input!$C$21,0)+IF(Input!$D$22=1,M981*Input!$C$22,0)</f>
        <v>0.31471612330787579</v>
      </c>
      <c r="O981" s="59">
        <f>IF(Input!$D$19=2,J981*Input!$C$19,0)+IF(Input!$D$20=2,K981*Input!$C$20,0)+IF(Input!$D$21=2,L981*Input!$C$21,0)+IF(Input!$D$22=2,M981*Input!$C$22,0)</f>
        <v>0.78679030826968954</v>
      </c>
      <c r="P981" s="59">
        <f>IF(Input!$D$19=3,J981*Input!$C$19,0)+IF(Input!$D$20=3,K981*Input!$C$20,0)+IF(Input!$D$21=3,L981*Input!$C$21,0)+IF(Input!$D$22=3,M981*Input!$C$22,0)</f>
        <v>0</v>
      </c>
      <c r="Q981" s="75">
        <f>IF(Input!$D$19=4,J981*Input!$C$19,0)+IF(Input!$D$20=4,K981*Input!$C$20,0)+IF(Input!$D$21=4,L981*Input!$C$21,0)+IF(Input!$D$22=4,M981*Input!$C$22,0)</f>
        <v>0</v>
      </c>
      <c r="R981" s="58">
        <v>44.622569561327388</v>
      </c>
      <c r="S981" s="124">
        <f t="shared" si="15"/>
        <v>1.3637698676674619</v>
      </c>
    </row>
    <row r="982" spans="8:19" x14ac:dyDescent="0.3">
      <c r="H982" s="44">
        <v>975</v>
      </c>
      <c r="I982" s="56">
        <f>Bühler!I1008</f>
        <v>0.31471612330787579</v>
      </c>
      <c r="J982" s="59">
        <f>Bühler!J1008</f>
        <v>1.049053744359586</v>
      </c>
      <c r="K982" s="59">
        <f>Bühler!K1008</f>
        <v>1.5735806165393791</v>
      </c>
      <c r="L982" s="59">
        <f>Bühler!L1008</f>
        <v>15.605869323326521</v>
      </c>
      <c r="M982" s="58">
        <f>Bühler!M1008</f>
        <v>0</v>
      </c>
      <c r="N982" s="56">
        <f>IF(Input!$D$19=1,J982*Input!$C$19,0)+IF(Input!$D$20=1,K982*Input!$C$20,0)+IF(Input!$D$21=1,L982*Input!$C$21,0)+IF(Input!$D$22=1,M982*Input!$C$22,0)</f>
        <v>0.31471612330787579</v>
      </c>
      <c r="O982" s="59">
        <f>IF(Input!$D$19=2,J982*Input!$C$19,0)+IF(Input!$D$20=2,K982*Input!$C$20,0)+IF(Input!$D$21=2,L982*Input!$C$21,0)+IF(Input!$D$22=2,M982*Input!$C$22,0)</f>
        <v>0.78679030826968954</v>
      </c>
      <c r="P982" s="59">
        <f>IF(Input!$D$19=3,J982*Input!$C$19,0)+IF(Input!$D$20=3,K982*Input!$C$20,0)+IF(Input!$D$21=3,L982*Input!$C$21,0)+IF(Input!$D$22=3,M982*Input!$C$22,0)</f>
        <v>0</v>
      </c>
      <c r="Q982" s="75">
        <f>IF(Input!$D$19=4,J982*Input!$C$19,0)+IF(Input!$D$20=4,K982*Input!$C$20,0)+IF(Input!$D$21=4,L982*Input!$C$21,0)+IF(Input!$D$22=4,M982*Input!$C$22,0)</f>
        <v>0</v>
      </c>
      <c r="R982" s="58">
        <v>44.200500892894325</v>
      </c>
      <c r="S982" s="124">
        <f t="shared" si="15"/>
        <v>1.3637698676674619</v>
      </c>
    </row>
    <row r="983" spans="8:19" x14ac:dyDescent="0.3">
      <c r="H983" s="44">
        <v>976</v>
      </c>
      <c r="I983" s="56">
        <f>Bühler!I1009</f>
        <v>0.28453786490849042</v>
      </c>
      <c r="J983" s="59">
        <f>Bühler!J1009</f>
        <v>0.94845954969496826</v>
      </c>
      <c r="K983" s="59">
        <f>Bühler!K1009</f>
        <v>1.4226893245424523</v>
      </c>
      <c r="L983" s="59">
        <f>Bühler!L1009</f>
        <v>14.109416100541784</v>
      </c>
      <c r="M983" s="58">
        <f>Bühler!M1009</f>
        <v>0</v>
      </c>
      <c r="N983" s="56">
        <f>IF(Input!$D$19=1,J983*Input!$C$19,0)+IF(Input!$D$20=1,K983*Input!$C$20,0)+IF(Input!$D$21=1,L983*Input!$C$21,0)+IF(Input!$D$22=1,M983*Input!$C$22,0)</f>
        <v>0.28453786490849048</v>
      </c>
      <c r="O983" s="59">
        <f>IF(Input!$D$19=2,J983*Input!$C$19,0)+IF(Input!$D$20=2,K983*Input!$C$20,0)+IF(Input!$D$21=2,L983*Input!$C$21,0)+IF(Input!$D$22=2,M983*Input!$C$22,0)</f>
        <v>0.71134466227122617</v>
      </c>
      <c r="P983" s="59">
        <f>IF(Input!$D$19=3,J983*Input!$C$19,0)+IF(Input!$D$20=3,K983*Input!$C$20,0)+IF(Input!$D$21=3,L983*Input!$C$21,0)+IF(Input!$D$22=3,M983*Input!$C$22,0)</f>
        <v>0</v>
      </c>
      <c r="Q983" s="75">
        <f>IF(Input!$D$19=4,J983*Input!$C$19,0)+IF(Input!$D$20=4,K983*Input!$C$20,0)+IF(Input!$D$21=4,L983*Input!$C$21,0)+IF(Input!$D$22=4,M983*Input!$C$22,0)</f>
        <v>0</v>
      </c>
      <c r="R983" s="58">
        <v>43.544302601955565</v>
      </c>
      <c r="S983" s="124">
        <f t="shared" si="15"/>
        <v>1.2329974146034588</v>
      </c>
    </row>
    <row r="984" spans="8:19" x14ac:dyDescent="0.3">
      <c r="H984" s="44">
        <v>977</v>
      </c>
      <c r="I984" s="56">
        <f>Bühler!I1010</f>
        <v>0.25867078628044587</v>
      </c>
      <c r="J984" s="59">
        <f>Bühler!J1010</f>
        <v>0.86223595426815292</v>
      </c>
      <c r="K984" s="59">
        <f>Bühler!K1010</f>
        <v>1.2933539314022293</v>
      </c>
      <c r="L984" s="59">
        <f>Bühler!L1010</f>
        <v>12.826741909583442</v>
      </c>
      <c r="M984" s="58">
        <f>Bühler!M1010</f>
        <v>0</v>
      </c>
      <c r="N984" s="56">
        <f>IF(Input!$D$19=1,J984*Input!$C$19,0)+IF(Input!$D$20=1,K984*Input!$C$20,0)+IF(Input!$D$21=1,L984*Input!$C$21,0)+IF(Input!$D$22=1,M984*Input!$C$22,0)</f>
        <v>0.25867078628044587</v>
      </c>
      <c r="O984" s="59">
        <f>IF(Input!$D$19=2,J984*Input!$C$19,0)+IF(Input!$D$20=2,K984*Input!$C$20,0)+IF(Input!$D$21=2,L984*Input!$C$21,0)+IF(Input!$D$22=2,M984*Input!$C$22,0)</f>
        <v>0.64667696570111466</v>
      </c>
      <c r="P984" s="59">
        <f>IF(Input!$D$19=3,J984*Input!$C$19,0)+IF(Input!$D$20=3,K984*Input!$C$20,0)+IF(Input!$D$21=3,L984*Input!$C$21,0)+IF(Input!$D$22=3,M984*Input!$C$22,0)</f>
        <v>0</v>
      </c>
      <c r="Q984" s="75">
        <f>IF(Input!$D$19=4,J984*Input!$C$19,0)+IF(Input!$D$20=4,K984*Input!$C$20,0)+IF(Input!$D$21=4,L984*Input!$C$21,0)+IF(Input!$D$22=4,M984*Input!$C$22,0)</f>
        <v>0</v>
      </c>
      <c r="R984" s="58">
        <v>42.692878544434976</v>
      </c>
      <c r="S984" s="124">
        <f t="shared" si="15"/>
        <v>1.1209067405485988</v>
      </c>
    </row>
    <row r="985" spans="8:19" x14ac:dyDescent="0.3">
      <c r="H985" s="44">
        <v>978</v>
      </c>
      <c r="I985" s="56">
        <f>Bühler!I1011</f>
        <v>0.23280370765240127</v>
      </c>
      <c r="J985" s="59">
        <f>Bühler!J1011</f>
        <v>0.77601235884133768</v>
      </c>
      <c r="K985" s="59">
        <f>Bühler!K1011</f>
        <v>1.1640185382620065</v>
      </c>
      <c r="L985" s="59">
        <f>Bühler!L1011</f>
        <v>11.544067718625099</v>
      </c>
      <c r="M985" s="58">
        <f>Bühler!M1011</f>
        <v>0</v>
      </c>
      <c r="N985" s="56">
        <f>IF(Input!$D$19=1,J985*Input!$C$19,0)+IF(Input!$D$20=1,K985*Input!$C$20,0)+IF(Input!$D$21=1,L985*Input!$C$21,0)+IF(Input!$D$22=1,M985*Input!$C$22,0)</f>
        <v>0.2328037076524013</v>
      </c>
      <c r="O985" s="59">
        <f>IF(Input!$D$19=2,J985*Input!$C$19,0)+IF(Input!$D$20=2,K985*Input!$C$20,0)+IF(Input!$D$21=2,L985*Input!$C$21,0)+IF(Input!$D$22=2,M985*Input!$C$22,0)</f>
        <v>0.58200926913100326</v>
      </c>
      <c r="P985" s="59">
        <f>IF(Input!$D$19=3,J985*Input!$C$19,0)+IF(Input!$D$20=3,K985*Input!$C$20,0)+IF(Input!$D$21=3,L985*Input!$C$21,0)+IF(Input!$D$22=3,M985*Input!$C$22,0)</f>
        <v>0</v>
      </c>
      <c r="Q985" s="75">
        <f>IF(Input!$D$19=4,J985*Input!$C$19,0)+IF(Input!$D$20=4,K985*Input!$C$20,0)+IF(Input!$D$21=4,L985*Input!$C$21,0)+IF(Input!$D$22=4,M985*Input!$C$22,0)</f>
        <v>0</v>
      </c>
      <c r="R985" s="58">
        <v>42.357626904949925</v>
      </c>
      <c r="S985" s="124">
        <f t="shared" si="15"/>
        <v>1.0088160664937389</v>
      </c>
    </row>
    <row r="986" spans="8:19" x14ac:dyDescent="0.3">
      <c r="H986" s="44">
        <v>979</v>
      </c>
      <c r="I986" s="56">
        <f>Bühler!I1012</f>
        <v>0.22418134810971974</v>
      </c>
      <c r="J986" s="59">
        <f>Bühler!J1012</f>
        <v>0.7472711603657326</v>
      </c>
      <c r="K986" s="59">
        <f>Bühler!K1012</f>
        <v>1.1209067405485988</v>
      </c>
      <c r="L986" s="59">
        <f>Bühler!L1012</f>
        <v>11.116509654972315</v>
      </c>
      <c r="M986" s="58">
        <f>Bühler!M1012</f>
        <v>0</v>
      </c>
      <c r="N986" s="56">
        <f>IF(Input!$D$19=1,J986*Input!$C$19,0)+IF(Input!$D$20=1,K986*Input!$C$20,0)+IF(Input!$D$21=1,L986*Input!$C$21,0)+IF(Input!$D$22=1,M986*Input!$C$22,0)</f>
        <v>0.22418134810971976</v>
      </c>
      <c r="O986" s="59">
        <f>IF(Input!$D$19=2,J986*Input!$C$19,0)+IF(Input!$D$20=2,K986*Input!$C$20,0)+IF(Input!$D$21=2,L986*Input!$C$21,0)+IF(Input!$D$22=2,M986*Input!$C$22,0)</f>
        <v>0.56045337027429942</v>
      </c>
      <c r="P986" s="59">
        <f>IF(Input!$D$19=3,J986*Input!$C$19,0)+IF(Input!$D$20=3,K986*Input!$C$20,0)+IF(Input!$D$21=3,L986*Input!$C$21,0)+IF(Input!$D$22=3,M986*Input!$C$22,0)</f>
        <v>0</v>
      </c>
      <c r="Q986" s="75">
        <f>IF(Input!$D$19=4,J986*Input!$C$19,0)+IF(Input!$D$20=4,K986*Input!$C$20,0)+IF(Input!$D$21=4,L986*Input!$C$21,0)+IF(Input!$D$22=4,M986*Input!$C$22,0)</f>
        <v>0</v>
      </c>
      <c r="R986" s="58">
        <v>41.490262838307132</v>
      </c>
      <c r="S986" s="124">
        <f t="shared" si="15"/>
        <v>0.97145250847545239</v>
      </c>
    </row>
    <row r="987" spans="8:19" x14ac:dyDescent="0.3">
      <c r="H987" s="44">
        <v>980</v>
      </c>
      <c r="I987" s="56">
        <f>Bühler!I1013</f>
        <v>0.18106955039631212</v>
      </c>
      <c r="J987" s="59">
        <f>Bühler!J1013</f>
        <v>0.6035651679877071</v>
      </c>
      <c r="K987" s="59">
        <f>Bühler!K1013</f>
        <v>0.90534775198156059</v>
      </c>
      <c r="L987" s="59">
        <f>Bühler!L1013</f>
        <v>8.9787193367084086</v>
      </c>
      <c r="M987" s="58">
        <f>Bühler!M1013</f>
        <v>0</v>
      </c>
      <c r="N987" s="56">
        <f>IF(Input!$D$19=1,J987*Input!$C$19,0)+IF(Input!$D$20=1,K987*Input!$C$20,0)+IF(Input!$D$21=1,L987*Input!$C$21,0)+IF(Input!$D$22=1,M987*Input!$C$22,0)</f>
        <v>0.18106955039631212</v>
      </c>
      <c r="O987" s="59">
        <f>IF(Input!$D$19=2,J987*Input!$C$19,0)+IF(Input!$D$20=2,K987*Input!$C$20,0)+IF(Input!$D$21=2,L987*Input!$C$21,0)+IF(Input!$D$22=2,M987*Input!$C$22,0)</f>
        <v>0.45267387599078029</v>
      </c>
      <c r="P987" s="59">
        <f>IF(Input!$D$19=3,J987*Input!$C$19,0)+IF(Input!$D$20=3,K987*Input!$C$20,0)+IF(Input!$D$21=3,L987*Input!$C$21,0)+IF(Input!$D$22=3,M987*Input!$C$22,0)</f>
        <v>0</v>
      </c>
      <c r="Q987" s="75">
        <f>IF(Input!$D$19=4,J987*Input!$C$19,0)+IF(Input!$D$20=4,K987*Input!$C$20,0)+IF(Input!$D$21=4,L987*Input!$C$21,0)+IF(Input!$D$22=4,M987*Input!$C$22,0)</f>
        <v>0</v>
      </c>
      <c r="R987" s="58">
        <v>41.838742946017035</v>
      </c>
      <c r="S987" s="124">
        <f t="shared" si="15"/>
        <v>0.78463471838401921</v>
      </c>
    </row>
    <row r="988" spans="8:19" x14ac:dyDescent="0.3">
      <c r="H988" s="44">
        <v>981</v>
      </c>
      <c r="I988" s="56">
        <f>Bühler!I1014</f>
        <v>0.13364657291156368</v>
      </c>
      <c r="J988" s="59">
        <f>Bühler!J1014</f>
        <v>0.445488576371879</v>
      </c>
      <c r="K988" s="59">
        <f>Bühler!K1014</f>
        <v>0.6682328645578185</v>
      </c>
      <c r="L988" s="59">
        <f>Bühler!L1014</f>
        <v>6.6271499866181109</v>
      </c>
      <c r="M988" s="58">
        <f>Bühler!M1014</f>
        <v>0</v>
      </c>
      <c r="N988" s="56">
        <f>IF(Input!$D$19=1,J988*Input!$C$19,0)+IF(Input!$D$20=1,K988*Input!$C$20,0)+IF(Input!$D$21=1,L988*Input!$C$21,0)+IF(Input!$D$22=1,M988*Input!$C$22,0)</f>
        <v>0.1336465729115637</v>
      </c>
      <c r="O988" s="59">
        <f>IF(Input!$D$19=2,J988*Input!$C$19,0)+IF(Input!$D$20=2,K988*Input!$C$20,0)+IF(Input!$D$21=2,L988*Input!$C$21,0)+IF(Input!$D$22=2,M988*Input!$C$22,0)</f>
        <v>0.33411643227890925</v>
      </c>
      <c r="P988" s="59">
        <f>IF(Input!$D$19=3,J988*Input!$C$19,0)+IF(Input!$D$20=3,K988*Input!$C$20,0)+IF(Input!$D$21=3,L988*Input!$C$21,0)+IF(Input!$D$22=3,M988*Input!$C$22,0)</f>
        <v>0</v>
      </c>
      <c r="Q988" s="75">
        <f>IF(Input!$D$19=4,J988*Input!$C$19,0)+IF(Input!$D$20=4,K988*Input!$C$20,0)+IF(Input!$D$21=4,L988*Input!$C$21,0)+IF(Input!$D$22=4,M988*Input!$C$22,0)</f>
        <v>0</v>
      </c>
      <c r="R988" s="58">
        <v>42.046439247017581</v>
      </c>
      <c r="S988" s="124">
        <f t="shared" si="15"/>
        <v>0.57913514928344267</v>
      </c>
    </row>
    <row r="989" spans="8:19" x14ac:dyDescent="0.3">
      <c r="H989" s="44">
        <v>982</v>
      </c>
      <c r="I989" s="56">
        <f>Bühler!I1015</f>
        <v>0.13364657291156368</v>
      </c>
      <c r="J989" s="59">
        <f>Bühler!J1015</f>
        <v>0.445488576371879</v>
      </c>
      <c r="K989" s="59">
        <f>Bühler!K1015</f>
        <v>0.6682328645578185</v>
      </c>
      <c r="L989" s="59">
        <f>Bühler!L1015</f>
        <v>6.6271499866181109</v>
      </c>
      <c r="M989" s="58">
        <f>Bühler!M1015</f>
        <v>0</v>
      </c>
      <c r="N989" s="56">
        <f>IF(Input!$D$19=1,J989*Input!$C$19,0)+IF(Input!$D$20=1,K989*Input!$C$20,0)+IF(Input!$D$21=1,L989*Input!$C$21,0)+IF(Input!$D$22=1,M989*Input!$C$22,0)</f>
        <v>0.1336465729115637</v>
      </c>
      <c r="O989" s="59">
        <f>IF(Input!$D$19=2,J989*Input!$C$19,0)+IF(Input!$D$20=2,K989*Input!$C$20,0)+IF(Input!$D$21=2,L989*Input!$C$21,0)+IF(Input!$D$22=2,M989*Input!$C$22,0)</f>
        <v>0.33411643227890925</v>
      </c>
      <c r="P989" s="59">
        <f>IF(Input!$D$19=3,J989*Input!$C$19,0)+IF(Input!$D$20=3,K989*Input!$C$20,0)+IF(Input!$D$21=3,L989*Input!$C$21,0)+IF(Input!$D$22=3,M989*Input!$C$22,0)</f>
        <v>0</v>
      </c>
      <c r="Q989" s="75">
        <f>IF(Input!$D$19=4,J989*Input!$C$19,0)+IF(Input!$D$20=4,K989*Input!$C$20,0)+IF(Input!$D$21=4,L989*Input!$C$21,0)+IF(Input!$D$22=4,M989*Input!$C$22,0)</f>
        <v>0</v>
      </c>
      <c r="R989" s="58">
        <v>42.020771214471587</v>
      </c>
      <c r="S989" s="124">
        <f t="shared" si="15"/>
        <v>0.57913514928344267</v>
      </c>
    </row>
    <row r="990" spans="8:19" x14ac:dyDescent="0.3">
      <c r="H990" s="44">
        <v>983</v>
      </c>
      <c r="I990" s="56">
        <f>Bühler!I1016</f>
        <v>0.13364657291156368</v>
      </c>
      <c r="J990" s="59">
        <f>Bühler!J1016</f>
        <v>0.445488576371879</v>
      </c>
      <c r="K990" s="59">
        <f>Bühler!K1016</f>
        <v>0.6682328645578185</v>
      </c>
      <c r="L990" s="59">
        <f>Bühler!L1016</f>
        <v>6.6271499866181109</v>
      </c>
      <c r="M990" s="58">
        <f>Bühler!M1016</f>
        <v>0</v>
      </c>
      <c r="N990" s="56">
        <f>IF(Input!$D$19=1,J990*Input!$C$19,0)+IF(Input!$D$20=1,K990*Input!$C$20,0)+IF(Input!$D$21=1,L990*Input!$C$21,0)+IF(Input!$D$22=1,M990*Input!$C$22,0)</f>
        <v>0.1336465729115637</v>
      </c>
      <c r="O990" s="59">
        <f>IF(Input!$D$19=2,J990*Input!$C$19,0)+IF(Input!$D$20=2,K990*Input!$C$20,0)+IF(Input!$D$21=2,L990*Input!$C$21,0)+IF(Input!$D$22=2,M990*Input!$C$22,0)</f>
        <v>0.33411643227890925</v>
      </c>
      <c r="P990" s="59">
        <f>IF(Input!$D$19=3,J990*Input!$C$19,0)+IF(Input!$D$20=3,K990*Input!$C$20,0)+IF(Input!$D$21=3,L990*Input!$C$21,0)+IF(Input!$D$22=3,M990*Input!$C$22,0)</f>
        <v>0</v>
      </c>
      <c r="Q990" s="75">
        <f>IF(Input!$D$19=4,J990*Input!$C$19,0)+IF(Input!$D$20=4,K990*Input!$C$20,0)+IF(Input!$D$21=4,L990*Input!$C$21,0)+IF(Input!$D$22=4,M990*Input!$C$22,0)</f>
        <v>0</v>
      </c>
      <c r="R990" s="58">
        <v>42.093983250202477</v>
      </c>
      <c r="S990" s="124">
        <f t="shared" si="15"/>
        <v>0.57913514928344267</v>
      </c>
    </row>
    <row r="991" spans="8:19" x14ac:dyDescent="0.3">
      <c r="H991" s="44">
        <v>984</v>
      </c>
      <c r="I991" s="56">
        <f>Bühler!I1017</f>
        <v>0.13364657291156368</v>
      </c>
      <c r="J991" s="59">
        <f>Bühler!J1017</f>
        <v>0.445488576371879</v>
      </c>
      <c r="K991" s="59">
        <f>Bühler!K1017</f>
        <v>0.6682328645578185</v>
      </c>
      <c r="L991" s="59">
        <f>Bühler!L1017</f>
        <v>6.6271499866181109</v>
      </c>
      <c r="M991" s="58">
        <f>Bühler!M1017</f>
        <v>0</v>
      </c>
      <c r="N991" s="56">
        <f>IF(Input!$D$19=1,J991*Input!$C$19,0)+IF(Input!$D$20=1,K991*Input!$C$20,0)+IF(Input!$D$21=1,L991*Input!$C$21,0)+IF(Input!$D$22=1,M991*Input!$C$22,0)</f>
        <v>0.1336465729115637</v>
      </c>
      <c r="O991" s="59">
        <f>IF(Input!$D$19=2,J991*Input!$C$19,0)+IF(Input!$D$20=2,K991*Input!$C$20,0)+IF(Input!$D$21=2,L991*Input!$C$21,0)+IF(Input!$D$22=2,M991*Input!$C$22,0)</f>
        <v>0.33411643227890925</v>
      </c>
      <c r="P991" s="59">
        <f>IF(Input!$D$19=3,J991*Input!$C$19,0)+IF(Input!$D$20=3,K991*Input!$C$20,0)+IF(Input!$D$21=3,L991*Input!$C$21,0)+IF(Input!$D$22=3,M991*Input!$C$22,0)</f>
        <v>0</v>
      </c>
      <c r="Q991" s="75">
        <f>IF(Input!$D$19=4,J991*Input!$C$19,0)+IF(Input!$D$20=4,K991*Input!$C$20,0)+IF(Input!$D$21=4,L991*Input!$C$21,0)+IF(Input!$D$22=4,M991*Input!$C$22,0)</f>
        <v>0</v>
      </c>
      <c r="R991" s="58">
        <v>42.097945108268249</v>
      </c>
      <c r="S991" s="124">
        <f t="shared" si="15"/>
        <v>0.57913514928344267</v>
      </c>
    </row>
    <row r="992" spans="8:19" x14ac:dyDescent="0.3">
      <c r="H992" s="44">
        <v>985</v>
      </c>
      <c r="I992" s="56">
        <f>Bühler!I1018</f>
        <v>0.14897563348772699</v>
      </c>
      <c r="J992" s="59">
        <f>Bühler!J1018</f>
        <v>0.49658544495909007</v>
      </c>
      <c r="K992" s="59">
        <f>Bühler!K1018</f>
        <v>0.74487816743863511</v>
      </c>
      <c r="L992" s="59">
        <f>Bühler!L1018</f>
        <v>7.466123643156573</v>
      </c>
      <c r="M992" s="58">
        <f>Bühler!M1018</f>
        <v>0</v>
      </c>
      <c r="N992" s="56">
        <f>IF(Input!$D$19=1,J992*Input!$C$19,0)+IF(Input!$D$20=1,K992*Input!$C$20,0)+IF(Input!$D$21=1,L992*Input!$C$21,0)+IF(Input!$D$22=1,M992*Input!$C$22,0)</f>
        <v>0.14897563348772702</v>
      </c>
      <c r="O992" s="59">
        <f>IF(Input!$D$19=2,J992*Input!$C$19,0)+IF(Input!$D$20=2,K992*Input!$C$20,0)+IF(Input!$D$21=2,L992*Input!$C$21,0)+IF(Input!$D$22=2,M992*Input!$C$22,0)</f>
        <v>0.37243908371931755</v>
      </c>
      <c r="P992" s="59">
        <f>IF(Input!$D$19=3,J992*Input!$C$19,0)+IF(Input!$D$20=3,K992*Input!$C$20,0)+IF(Input!$D$21=3,L992*Input!$C$21,0)+IF(Input!$D$22=3,M992*Input!$C$22,0)</f>
        <v>0</v>
      </c>
      <c r="Q992" s="75">
        <f>IF(Input!$D$19=4,J992*Input!$C$19,0)+IF(Input!$D$20=4,K992*Input!$C$20,0)+IF(Input!$D$21=4,L992*Input!$C$21,0)+IF(Input!$D$22=4,M992*Input!$C$22,0)</f>
        <v>0</v>
      </c>
      <c r="R992" s="58">
        <v>41.536183902465844</v>
      </c>
      <c r="S992" s="124">
        <f t="shared" si="15"/>
        <v>0.64556107844681709</v>
      </c>
    </row>
    <row r="993" spans="8:19" x14ac:dyDescent="0.3">
      <c r="H993" s="44">
        <v>986</v>
      </c>
      <c r="I993" s="56">
        <f>Bühler!I1019</f>
        <v>0.17300396146961844</v>
      </c>
      <c r="J993" s="59">
        <f>Bühler!J1019</f>
        <v>0.57667987156539491</v>
      </c>
      <c r="K993" s="59">
        <f>Bühler!K1019</f>
        <v>0.86501980734809236</v>
      </c>
      <c r="L993" s="59">
        <f>Bühler!L1019</f>
        <v>8.6703371339882782</v>
      </c>
      <c r="M993" s="58">
        <f>Bühler!M1019</f>
        <v>0</v>
      </c>
      <c r="N993" s="56">
        <f>IF(Input!$D$19=1,J993*Input!$C$19,0)+IF(Input!$D$20=1,K993*Input!$C$20,0)+IF(Input!$D$21=1,L993*Input!$C$21,0)+IF(Input!$D$22=1,M993*Input!$C$22,0)</f>
        <v>0.17300396146961847</v>
      </c>
      <c r="O993" s="59">
        <f>IF(Input!$D$19=2,J993*Input!$C$19,0)+IF(Input!$D$20=2,K993*Input!$C$20,0)+IF(Input!$D$21=2,L993*Input!$C$21,0)+IF(Input!$D$22=2,M993*Input!$C$22,0)</f>
        <v>0.43250990367404618</v>
      </c>
      <c r="P993" s="59">
        <f>IF(Input!$D$19=3,J993*Input!$C$19,0)+IF(Input!$D$20=3,K993*Input!$C$20,0)+IF(Input!$D$21=3,L993*Input!$C$21,0)+IF(Input!$D$22=3,M993*Input!$C$22,0)</f>
        <v>0</v>
      </c>
      <c r="Q993" s="75">
        <f>IF(Input!$D$19=4,J993*Input!$C$19,0)+IF(Input!$D$20=4,K993*Input!$C$20,0)+IF(Input!$D$21=4,L993*Input!$C$21,0)+IF(Input!$D$22=4,M993*Input!$C$22,0)</f>
        <v>0</v>
      </c>
      <c r="R993" s="58">
        <v>41.786085110896941</v>
      </c>
      <c r="S993" s="124">
        <f t="shared" si="15"/>
        <v>0.74968383303501329</v>
      </c>
    </row>
    <row r="994" spans="8:19" x14ac:dyDescent="0.3">
      <c r="H994" s="44">
        <v>987</v>
      </c>
      <c r="I994" s="56">
        <f>Bühler!I1020</f>
        <v>0.17300396146961844</v>
      </c>
      <c r="J994" s="59">
        <f>Bühler!J1020</f>
        <v>0.57667987156539491</v>
      </c>
      <c r="K994" s="59">
        <f>Bühler!K1020</f>
        <v>0.86501980734809236</v>
      </c>
      <c r="L994" s="59">
        <f>Bühler!L1020</f>
        <v>8.6703371339882782</v>
      </c>
      <c r="M994" s="58">
        <f>Bühler!M1020</f>
        <v>0</v>
      </c>
      <c r="N994" s="56">
        <f>IF(Input!$D$19=1,J994*Input!$C$19,0)+IF(Input!$D$20=1,K994*Input!$C$20,0)+IF(Input!$D$21=1,L994*Input!$C$21,0)+IF(Input!$D$22=1,M994*Input!$C$22,0)</f>
        <v>0.17300396146961847</v>
      </c>
      <c r="O994" s="59">
        <f>IF(Input!$D$19=2,J994*Input!$C$19,0)+IF(Input!$D$20=2,K994*Input!$C$20,0)+IF(Input!$D$21=2,L994*Input!$C$21,0)+IF(Input!$D$22=2,M994*Input!$C$22,0)</f>
        <v>0.43250990367404618</v>
      </c>
      <c r="P994" s="59">
        <f>IF(Input!$D$19=3,J994*Input!$C$19,0)+IF(Input!$D$20=3,K994*Input!$C$20,0)+IF(Input!$D$21=3,L994*Input!$C$21,0)+IF(Input!$D$22=3,M994*Input!$C$22,0)</f>
        <v>0</v>
      </c>
      <c r="Q994" s="75">
        <f>IF(Input!$D$19=4,J994*Input!$C$19,0)+IF(Input!$D$20=4,K994*Input!$C$20,0)+IF(Input!$D$21=4,L994*Input!$C$21,0)+IF(Input!$D$22=4,M994*Input!$C$22,0)</f>
        <v>0</v>
      </c>
      <c r="R994" s="58">
        <v>42.278553322236938</v>
      </c>
      <c r="S994" s="124">
        <f t="shared" si="15"/>
        <v>0.74968383303501329</v>
      </c>
    </row>
    <row r="995" spans="8:19" x14ac:dyDescent="0.3">
      <c r="H995" s="44">
        <v>988</v>
      </c>
      <c r="I995" s="56">
        <f>Bühler!I1021</f>
        <v>0.17300396146961844</v>
      </c>
      <c r="J995" s="59">
        <f>Bühler!J1021</f>
        <v>0.57667987156539491</v>
      </c>
      <c r="K995" s="59">
        <f>Bühler!K1021</f>
        <v>0.86501980734809236</v>
      </c>
      <c r="L995" s="59">
        <f>Bühler!L1021</f>
        <v>8.6703371339882782</v>
      </c>
      <c r="M995" s="58">
        <f>Bühler!M1021</f>
        <v>0</v>
      </c>
      <c r="N995" s="56">
        <f>IF(Input!$D$19=1,J995*Input!$C$19,0)+IF(Input!$D$20=1,K995*Input!$C$20,0)+IF(Input!$D$21=1,L995*Input!$C$21,0)+IF(Input!$D$22=1,M995*Input!$C$22,0)</f>
        <v>0.17300396146961847</v>
      </c>
      <c r="O995" s="59">
        <f>IF(Input!$D$19=2,J995*Input!$C$19,0)+IF(Input!$D$20=2,K995*Input!$C$20,0)+IF(Input!$D$21=2,L995*Input!$C$21,0)+IF(Input!$D$22=2,M995*Input!$C$22,0)</f>
        <v>0.43250990367404618</v>
      </c>
      <c r="P995" s="59">
        <f>IF(Input!$D$19=3,J995*Input!$C$19,0)+IF(Input!$D$20=3,K995*Input!$C$20,0)+IF(Input!$D$21=3,L995*Input!$C$21,0)+IF(Input!$D$22=3,M995*Input!$C$22,0)</f>
        <v>0</v>
      </c>
      <c r="Q995" s="75">
        <f>IF(Input!$D$19=4,J995*Input!$C$19,0)+IF(Input!$D$20=4,K995*Input!$C$20,0)+IF(Input!$D$21=4,L995*Input!$C$21,0)+IF(Input!$D$22=4,M995*Input!$C$22,0)</f>
        <v>0</v>
      </c>
      <c r="R995" s="58">
        <v>42.050880406080196</v>
      </c>
      <c r="S995" s="124">
        <f t="shared" si="15"/>
        <v>0.74968383303501329</v>
      </c>
    </row>
    <row r="996" spans="8:19" x14ac:dyDescent="0.3">
      <c r="H996" s="44">
        <v>989</v>
      </c>
      <c r="I996" s="56">
        <f>Bühler!I1022</f>
        <v>0.17300396146961844</v>
      </c>
      <c r="J996" s="59">
        <f>Bühler!J1022</f>
        <v>0.57667987156539491</v>
      </c>
      <c r="K996" s="59">
        <f>Bühler!K1022</f>
        <v>0.86501980734809236</v>
      </c>
      <c r="L996" s="59">
        <f>Bühler!L1022</f>
        <v>8.6703371339882782</v>
      </c>
      <c r="M996" s="58">
        <f>Bühler!M1022</f>
        <v>0</v>
      </c>
      <c r="N996" s="56">
        <f>IF(Input!$D$19=1,J996*Input!$C$19,0)+IF(Input!$D$20=1,K996*Input!$C$20,0)+IF(Input!$D$21=1,L996*Input!$C$21,0)+IF(Input!$D$22=1,M996*Input!$C$22,0)</f>
        <v>0.17300396146961847</v>
      </c>
      <c r="O996" s="59">
        <f>IF(Input!$D$19=2,J996*Input!$C$19,0)+IF(Input!$D$20=2,K996*Input!$C$20,0)+IF(Input!$D$21=2,L996*Input!$C$21,0)+IF(Input!$D$22=2,M996*Input!$C$22,0)</f>
        <v>0.43250990367404618</v>
      </c>
      <c r="P996" s="59">
        <f>IF(Input!$D$19=3,J996*Input!$C$19,0)+IF(Input!$D$20=3,K996*Input!$C$20,0)+IF(Input!$D$21=3,L996*Input!$C$21,0)+IF(Input!$D$22=3,M996*Input!$C$22,0)</f>
        <v>0</v>
      </c>
      <c r="Q996" s="75">
        <f>IF(Input!$D$19=4,J996*Input!$C$19,0)+IF(Input!$D$20=4,K996*Input!$C$20,0)+IF(Input!$D$21=4,L996*Input!$C$21,0)+IF(Input!$D$22=4,M996*Input!$C$22,0)</f>
        <v>0</v>
      </c>
      <c r="R996" s="58">
        <v>41.929496766669402</v>
      </c>
      <c r="S996" s="124">
        <f t="shared" si="15"/>
        <v>0.74968383303501329</v>
      </c>
    </row>
    <row r="997" spans="8:19" x14ac:dyDescent="0.3">
      <c r="H997" s="44">
        <v>990</v>
      </c>
      <c r="I997" s="56">
        <f>Bühler!I1023</f>
        <v>0.21625495183702304</v>
      </c>
      <c r="J997" s="59">
        <f>Bühler!J1023</f>
        <v>0.72084983945674352</v>
      </c>
      <c r="K997" s="59">
        <f>Bühler!K1023</f>
        <v>1.0812747591851153</v>
      </c>
      <c r="L997" s="59">
        <f>Bühler!L1023</f>
        <v>10.837921417485349</v>
      </c>
      <c r="M997" s="58">
        <f>Bühler!M1023</f>
        <v>0</v>
      </c>
      <c r="N997" s="56">
        <f>IF(Input!$D$19=1,J997*Input!$C$19,0)+IF(Input!$D$20=1,K997*Input!$C$20,0)+IF(Input!$D$21=1,L997*Input!$C$21,0)+IF(Input!$D$22=1,M997*Input!$C$22,0)</f>
        <v>0.21625495183702306</v>
      </c>
      <c r="O997" s="59">
        <f>IF(Input!$D$19=2,J997*Input!$C$19,0)+IF(Input!$D$20=2,K997*Input!$C$20,0)+IF(Input!$D$21=2,L997*Input!$C$21,0)+IF(Input!$D$22=2,M997*Input!$C$22,0)</f>
        <v>0.54063737959255764</v>
      </c>
      <c r="P997" s="59">
        <f>IF(Input!$D$19=3,J997*Input!$C$19,0)+IF(Input!$D$20=3,K997*Input!$C$20,0)+IF(Input!$D$21=3,L997*Input!$C$21,0)+IF(Input!$D$22=3,M997*Input!$C$22,0)</f>
        <v>0</v>
      </c>
      <c r="Q997" s="75">
        <f>IF(Input!$D$19=4,J997*Input!$C$19,0)+IF(Input!$D$20=4,K997*Input!$C$20,0)+IF(Input!$D$21=4,L997*Input!$C$21,0)+IF(Input!$D$22=4,M997*Input!$C$22,0)</f>
        <v>0</v>
      </c>
      <c r="R997" s="58">
        <v>41.96851124409433</v>
      </c>
      <c r="S997" s="124">
        <f t="shared" si="15"/>
        <v>0.93710479129376656</v>
      </c>
    </row>
    <row r="998" spans="8:19" x14ac:dyDescent="0.3">
      <c r="H998" s="44">
        <v>991</v>
      </c>
      <c r="I998" s="56">
        <f>Bühler!I1024</f>
        <v>0.25470027660804939</v>
      </c>
      <c r="J998" s="59">
        <f>Bühler!J1024</f>
        <v>0.84900092202683142</v>
      </c>
      <c r="K998" s="59">
        <f>Bühler!K1024</f>
        <v>1.2735013830402471</v>
      </c>
      <c r="L998" s="59">
        <f>Bühler!L1024</f>
        <v>12.764663002816077</v>
      </c>
      <c r="M998" s="58">
        <f>Bühler!M1024</f>
        <v>0</v>
      </c>
      <c r="N998" s="56">
        <f>IF(Input!$D$19=1,J998*Input!$C$19,0)+IF(Input!$D$20=1,K998*Input!$C$20,0)+IF(Input!$D$21=1,L998*Input!$C$21,0)+IF(Input!$D$22=1,M998*Input!$C$22,0)</f>
        <v>0.25470027660804939</v>
      </c>
      <c r="O998" s="59">
        <f>IF(Input!$D$19=2,J998*Input!$C$19,0)+IF(Input!$D$20=2,K998*Input!$C$20,0)+IF(Input!$D$21=2,L998*Input!$C$21,0)+IF(Input!$D$22=2,M998*Input!$C$22,0)</f>
        <v>0.63675069152012354</v>
      </c>
      <c r="P998" s="59">
        <f>IF(Input!$D$19=3,J998*Input!$C$19,0)+IF(Input!$D$20=3,K998*Input!$C$20,0)+IF(Input!$D$21=3,L998*Input!$C$21,0)+IF(Input!$D$22=3,M998*Input!$C$22,0)</f>
        <v>0</v>
      </c>
      <c r="Q998" s="75">
        <f>IF(Input!$D$19=4,J998*Input!$C$19,0)+IF(Input!$D$20=4,K998*Input!$C$20,0)+IF(Input!$D$21=4,L998*Input!$C$21,0)+IF(Input!$D$22=4,M998*Input!$C$22,0)</f>
        <v>0</v>
      </c>
      <c r="R998" s="58">
        <v>42.432937061818137</v>
      </c>
      <c r="S998" s="124">
        <f t="shared" si="15"/>
        <v>1.1037011986348808</v>
      </c>
    </row>
    <row r="999" spans="8:19" x14ac:dyDescent="0.3">
      <c r="H999" s="44">
        <v>992</v>
      </c>
      <c r="I999" s="56">
        <f>Bühler!I1025</f>
        <v>0.30275693257183228</v>
      </c>
      <c r="J999" s="59">
        <f>Bühler!J1025</f>
        <v>1.009189775239441</v>
      </c>
      <c r="K999" s="59">
        <f>Bühler!K1025</f>
        <v>1.5137846628591616</v>
      </c>
      <c r="L999" s="59">
        <f>Bühler!L1025</f>
        <v>15.173089984479486</v>
      </c>
      <c r="M999" s="58">
        <f>Bühler!M1025</f>
        <v>0</v>
      </c>
      <c r="N999" s="56">
        <f>IF(Input!$D$19=1,J999*Input!$C$19,0)+IF(Input!$D$20=1,K999*Input!$C$20,0)+IF(Input!$D$21=1,L999*Input!$C$21,0)+IF(Input!$D$22=1,M999*Input!$C$22,0)</f>
        <v>0.30275693257183228</v>
      </c>
      <c r="O999" s="59">
        <f>IF(Input!$D$19=2,J999*Input!$C$19,0)+IF(Input!$D$20=2,K999*Input!$C$20,0)+IF(Input!$D$21=2,L999*Input!$C$21,0)+IF(Input!$D$22=2,M999*Input!$C$22,0)</f>
        <v>0.75689233142958079</v>
      </c>
      <c r="P999" s="59">
        <f>IF(Input!$D$19=3,J999*Input!$C$19,0)+IF(Input!$D$20=3,K999*Input!$C$20,0)+IF(Input!$D$21=3,L999*Input!$C$21,0)+IF(Input!$D$22=3,M999*Input!$C$22,0)</f>
        <v>0</v>
      </c>
      <c r="Q999" s="75">
        <f>IF(Input!$D$19=4,J999*Input!$C$19,0)+IF(Input!$D$20=4,K999*Input!$C$20,0)+IF(Input!$D$21=4,L999*Input!$C$21,0)+IF(Input!$D$22=4,M999*Input!$C$22,0)</f>
        <v>0</v>
      </c>
      <c r="R999" s="58">
        <v>41.92140519613956</v>
      </c>
      <c r="S999" s="124">
        <f t="shared" si="15"/>
        <v>1.3119467078112732</v>
      </c>
    </row>
    <row r="1000" spans="8:19" x14ac:dyDescent="0.3">
      <c r="H1000" s="44">
        <v>993</v>
      </c>
      <c r="I1000" s="56">
        <f>Bühler!I1026</f>
        <v>0.30275693257183228</v>
      </c>
      <c r="J1000" s="59">
        <f>Bühler!J1026</f>
        <v>1.009189775239441</v>
      </c>
      <c r="K1000" s="59">
        <f>Bühler!K1026</f>
        <v>1.5137846628591616</v>
      </c>
      <c r="L1000" s="59">
        <f>Bühler!L1026</f>
        <v>15.173089984479486</v>
      </c>
      <c r="M1000" s="58">
        <f>Bühler!M1026</f>
        <v>0</v>
      </c>
      <c r="N1000" s="56">
        <f>IF(Input!$D$19=1,J1000*Input!$C$19,0)+IF(Input!$D$20=1,K1000*Input!$C$20,0)+IF(Input!$D$21=1,L1000*Input!$C$21,0)+IF(Input!$D$22=1,M1000*Input!$C$22,0)</f>
        <v>0.30275693257183228</v>
      </c>
      <c r="O1000" s="59">
        <f>IF(Input!$D$19=2,J1000*Input!$C$19,0)+IF(Input!$D$20=2,K1000*Input!$C$20,0)+IF(Input!$D$21=2,L1000*Input!$C$21,0)+IF(Input!$D$22=2,M1000*Input!$C$22,0)</f>
        <v>0.75689233142958079</v>
      </c>
      <c r="P1000" s="59">
        <f>IF(Input!$D$19=3,J1000*Input!$C$19,0)+IF(Input!$D$20=3,K1000*Input!$C$20,0)+IF(Input!$D$21=3,L1000*Input!$C$21,0)+IF(Input!$D$22=3,M1000*Input!$C$22,0)</f>
        <v>0</v>
      </c>
      <c r="Q1000" s="75">
        <f>IF(Input!$D$19=4,J1000*Input!$C$19,0)+IF(Input!$D$20=4,K1000*Input!$C$20,0)+IF(Input!$D$21=4,L1000*Input!$C$21,0)+IF(Input!$D$22=4,M1000*Input!$C$22,0)</f>
        <v>0</v>
      </c>
      <c r="R1000" s="58">
        <v>41.156708552382838</v>
      </c>
      <c r="S1000" s="124">
        <f t="shared" si="15"/>
        <v>1.3119467078112732</v>
      </c>
    </row>
    <row r="1001" spans="8:19" x14ac:dyDescent="0.3">
      <c r="H1001" s="44">
        <v>994</v>
      </c>
      <c r="I1001" s="56">
        <f>Bühler!I1027</f>
        <v>0.30275693257183228</v>
      </c>
      <c r="J1001" s="59">
        <f>Bühler!J1027</f>
        <v>1.009189775239441</v>
      </c>
      <c r="K1001" s="59">
        <f>Bühler!K1027</f>
        <v>1.5137846628591616</v>
      </c>
      <c r="L1001" s="59">
        <f>Bühler!L1027</f>
        <v>15.173089984479486</v>
      </c>
      <c r="M1001" s="58">
        <f>Bühler!M1027</f>
        <v>0</v>
      </c>
      <c r="N1001" s="56">
        <f>IF(Input!$D$19=1,J1001*Input!$C$19,0)+IF(Input!$D$20=1,K1001*Input!$C$20,0)+IF(Input!$D$21=1,L1001*Input!$C$21,0)+IF(Input!$D$22=1,M1001*Input!$C$22,0)</f>
        <v>0.30275693257183228</v>
      </c>
      <c r="O1001" s="59">
        <f>IF(Input!$D$19=2,J1001*Input!$C$19,0)+IF(Input!$D$20=2,K1001*Input!$C$20,0)+IF(Input!$D$21=2,L1001*Input!$C$21,0)+IF(Input!$D$22=2,M1001*Input!$C$22,0)</f>
        <v>0.75689233142958079</v>
      </c>
      <c r="P1001" s="59">
        <f>IF(Input!$D$19=3,J1001*Input!$C$19,0)+IF(Input!$D$20=3,K1001*Input!$C$20,0)+IF(Input!$D$21=3,L1001*Input!$C$21,0)+IF(Input!$D$22=3,M1001*Input!$C$22,0)</f>
        <v>0</v>
      </c>
      <c r="Q1001" s="75">
        <f>IF(Input!$D$19=4,J1001*Input!$C$19,0)+IF(Input!$D$20=4,K1001*Input!$C$20,0)+IF(Input!$D$21=4,L1001*Input!$C$21,0)+IF(Input!$D$22=4,M1001*Input!$C$22,0)</f>
        <v>0</v>
      </c>
      <c r="R1001" s="58">
        <v>40.686636566170463</v>
      </c>
      <c r="S1001" s="124">
        <f t="shared" si="15"/>
        <v>1.3119467078112732</v>
      </c>
    </row>
    <row r="1002" spans="8:19" x14ac:dyDescent="0.3">
      <c r="H1002" s="44">
        <v>995</v>
      </c>
      <c r="I1002" s="56">
        <f>Bühler!I1028</f>
        <v>0.30275693257183228</v>
      </c>
      <c r="J1002" s="59">
        <f>Bühler!J1028</f>
        <v>1.009189775239441</v>
      </c>
      <c r="K1002" s="59">
        <f>Bühler!K1028</f>
        <v>1.5137846628591616</v>
      </c>
      <c r="L1002" s="59">
        <f>Bühler!L1028</f>
        <v>15.173089984479486</v>
      </c>
      <c r="M1002" s="58">
        <f>Bühler!M1028</f>
        <v>0</v>
      </c>
      <c r="N1002" s="56">
        <f>IF(Input!$D$19=1,J1002*Input!$C$19,0)+IF(Input!$D$20=1,K1002*Input!$C$20,0)+IF(Input!$D$21=1,L1002*Input!$C$21,0)+IF(Input!$D$22=1,M1002*Input!$C$22,0)</f>
        <v>0.30275693257183228</v>
      </c>
      <c r="O1002" s="59">
        <f>IF(Input!$D$19=2,J1002*Input!$C$19,0)+IF(Input!$D$20=2,K1002*Input!$C$20,0)+IF(Input!$D$21=2,L1002*Input!$C$21,0)+IF(Input!$D$22=2,M1002*Input!$C$22,0)</f>
        <v>0.75689233142958079</v>
      </c>
      <c r="P1002" s="59">
        <f>IF(Input!$D$19=3,J1002*Input!$C$19,0)+IF(Input!$D$20=3,K1002*Input!$C$20,0)+IF(Input!$D$21=3,L1002*Input!$C$21,0)+IF(Input!$D$22=3,M1002*Input!$C$22,0)</f>
        <v>0</v>
      </c>
      <c r="Q1002" s="75">
        <f>IF(Input!$D$19=4,J1002*Input!$C$19,0)+IF(Input!$D$20=4,K1002*Input!$C$20,0)+IF(Input!$D$21=4,L1002*Input!$C$21,0)+IF(Input!$D$22=4,M1002*Input!$C$22,0)</f>
        <v>0</v>
      </c>
      <c r="R1002" s="58">
        <v>40.493216205250377</v>
      </c>
      <c r="S1002" s="124">
        <f t="shared" si="15"/>
        <v>1.3119467078112732</v>
      </c>
    </row>
    <row r="1003" spans="8:19" x14ac:dyDescent="0.3">
      <c r="H1003" s="44">
        <v>996</v>
      </c>
      <c r="I1003" s="56">
        <f>Bühler!I1029</f>
        <v>0.30275693257183228</v>
      </c>
      <c r="J1003" s="59">
        <f>Bühler!J1029</f>
        <v>1.009189775239441</v>
      </c>
      <c r="K1003" s="59">
        <f>Bühler!K1029</f>
        <v>1.5137846628591616</v>
      </c>
      <c r="L1003" s="59">
        <f>Bühler!L1029</f>
        <v>15.173089984479486</v>
      </c>
      <c r="M1003" s="58">
        <f>Bühler!M1029</f>
        <v>0</v>
      </c>
      <c r="N1003" s="56">
        <f>IF(Input!$D$19=1,J1003*Input!$C$19,0)+IF(Input!$D$20=1,K1003*Input!$C$20,0)+IF(Input!$D$21=1,L1003*Input!$C$21,0)+IF(Input!$D$22=1,M1003*Input!$C$22,0)</f>
        <v>0.30275693257183228</v>
      </c>
      <c r="O1003" s="59">
        <f>IF(Input!$D$19=2,J1003*Input!$C$19,0)+IF(Input!$D$20=2,K1003*Input!$C$20,0)+IF(Input!$D$21=2,L1003*Input!$C$21,0)+IF(Input!$D$22=2,M1003*Input!$C$22,0)</f>
        <v>0.75689233142958079</v>
      </c>
      <c r="P1003" s="59">
        <f>IF(Input!$D$19=3,J1003*Input!$C$19,0)+IF(Input!$D$20=3,K1003*Input!$C$20,0)+IF(Input!$D$21=3,L1003*Input!$C$21,0)+IF(Input!$D$22=3,M1003*Input!$C$22,0)</f>
        <v>0</v>
      </c>
      <c r="Q1003" s="75">
        <f>IF(Input!$D$19=4,J1003*Input!$C$19,0)+IF(Input!$D$20=4,K1003*Input!$C$20,0)+IF(Input!$D$21=4,L1003*Input!$C$21,0)+IF(Input!$D$22=4,M1003*Input!$C$22,0)</f>
        <v>0</v>
      </c>
      <c r="R1003" s="58">
        <v>41.139460914740056</v>
      </c>
      <c r="S1003" s="124">
        <f t="shared" si="15"/>
        <v>1.3119467078112732</v>
      </c>
    </row>
    <row r="1004" spans="8:19" x14ac:dyDescent="0.3">
      <c r="H1004" s="44">
        <v>997</v>
      </c>
      <c r="I1004" s="56">
        <f>Bühler!I1030</f>
        <v>0.30275693257183228</v>
      </c>
      <c r="J1004" s="59">
        <f>Bühler!J1030</f>
        <v>1.009189775239441</v>
      </c>
      <c r="K1004" s="59">
        <f>Bühler!K1030</f>
        <v>1.5137846628591616</v>
      </c>
      <c r="L1004" s="59">
        <f>Bühler!L1030</f>
        <v>15.173089984479486</v>
      </c>
      <c r="M1004" s="58">
        <f>Bühler!M1030</f>
        <v>0</v>
      </c>
      <c r="N1004" s="56">
        <f>IF(Input!$D$19=1,J1004*Input!$C$19,0)+IF(Input!$D$20=1,K1004*Input!$C$20,0)+IF(Input!$D$21=1,L1004*Input!$C$21,0)+IF(Input!$D$22=1,M1004*Input!$C$22,0)</f>
        <v>0.30275693257183228</v>
      </c>
      <c r="O1004" s="59">
        <f>IF(Input!$D$19=2,J1004*Input!$C$19,0)+IF(Input!$D$20=2,K1004*Input!$C$20,0)+IF(Input!$D$21=2,L1004*Input!$C$21,0)+IF(Input!$D$22=2,M1004*Input!$C$22,0)</f>
        <v>0.75689233142958079</v>
      </c>
      <c r="P1004" s="59">
        <f>IF(Input!$D$19=3,J1004*Input!$C$19,0)+IF(Input!$D$20=3,K1004*Input!$C$20,0)+IF(Input!$D$21=3,L1004*Input!$C$21,0)+IF(Input!$D$22=3,M1004*Input!$C$22,0)</f>
        <v>0</v>
      </c>
      <c r="Q1004" s="75">
        <f>IF(Input!$D$19=4,J1004*Input!$C$19,0)+IF(Input!$D$20=4,K1004*Input!$C$20,0)+IF(Input!$D$21=4,L1004*Input!$C$21,0)+IF(Input!$D$22=4,M1004*Input!$C$22,0)</f>
        <v>0</v>
      </c>
      <c r="R1004" s="58">
        <v>40.846380898166515</v>
      </c>
      <c r="S1004" s="124">
        <f t="shared" si="15"/>
        <v>1.3119467078112732</v>
      </c>
    </row>
    <row r="1005" spans="8:19" x14ac:dyDescent="0.3">
      <c r="H1005" s="44">
        <v>998</v>
      </c>
      <c r="I1005" s="56">
        <f>Bühler!I1031</f>
        <v>0.30275693257183228</v>
      </c>
      <c r="J1005" s="59">
        <f>Bühler!J1031</f>
        <v>1.009189775239441</v>
      </c>
      <c r="K1005" s="59">
        <f>Bühler!K1031</f>
        <v>1.5137846628591616</v>
      </c>
      <c r="L1005" s="59">
        <f>Bühler!L1031</f>
        <v>15.173089984479486</v>
      </c>
      <c r="M1005" s="58">
        <f>Bühler!M1031</f>
        <v>0</v>
      </c>
      <c r="N1005" s="56">
        <f>IF(Input!$D$19=1,J1005*Input!$C$19,0)+IF(Input!$D$20=1,K1005*Input!$C$20,0)+IF(Input!$D$21=1,L1005*Input!$C$21,0)+IF(Input!$D$22=1,M1005*Input!$C$22,0)</f>
        <v>0.30275693257183228</v>
      </c>
      <c r="O1005" s="59">
        <f>IF(Input!$D$19=2,J1005*Input!$C$19,0)+IF(Input!$D$20=2,K1005*Input!$C$20,0)+IF(Input!$D$21=2,L1005*Input!$C$21,0)+IF(Input!$D$22=2,M1005*Input!$C$22,0)</f>
        <v>0.75689233142958079</v>
      </c>
      <c r="P1005" s="59">
        <f>IF(Input!$D$19=3,J1005*Input!$C$19,0)+IF(Input!$D$20=3,K1005*Input!$C$20,0)+IF(Input!$D$21=3,L1005*Input!$C$21,0)+IF(Input!$D$22=3,M1005*Input!$C$22,0)</f>
        <v>0</v>
      </c>
      <c r="Q1005" s="75">
        <f>IF(Input!$D$19=4,J1005*Input!$C$19,0)+IF(Input!$D$20=4,K1005*Input!$C$20,0)+IF(Input!$D$21=4,L1005*Input!$C$21,0)+IF(Input!$D$22=4,M1005*Input!$C$22,0)</f>
        <v>0</v>
      </c>
      <c r="R1005" s="58">
        <v>40.66370053165403</v>
      </c>
      <c r="S1005" s="124">
        <f t="shared" si="15"/>
        <v>1.3119467078112732</v>
      </c>
    </row>
    <row r="1006" spans="8:19" x14ac:dyDescent="0.3">
      <c r="H1006" s="44">
        <v>999</v>
      </c>
      <c r="I1006" s="56">
        <f>Bühler!I1032</f>
        <v>0.30275693257183228</v>
      </c>
      <c r="J1006" s="59">
        <f>Bühler!J1032</f>
        <v>1.009189775239441</v>
      </c>
      <c r="K1006" s="59">
        <f>Bühler!K1032</f>
        <v>1.5137846628591616</v>
      </c>
      <c r="L1006" s="59">
        <f>Bühler!L1032</f>
        <v>15.173089984479486</v>
      </c>
      <c r="M1006" s="58">
        <f>Bühler!M1032</f>
        <v>0</v>
      </c>
      <c r="N1006" s="56">
        <f>IF(Input!$D$19=1,J1006*Input!$C$19,0)+IF(Input!$D$20=1,K1006*Input!$C$20,0)+IF(Input!$D$21=1,L1006*Input!$C$21,0)+IF(Input!$D$22=1,M1006*Input!$C$22,0)</f>
        <v>0.30275693257183228</v>
      </c>
      <c r="O1006" s="59">
        <f>IF(Input!$D$19=2,J1006*Input!$C$19,0)+IF(Input!$D$20=2,K1006*Input!$C$20,0)+IF(Input!$D$21=2,L1006*Input!$C$21,0)+IF(Input!$D$22=2,M1006*Input!$C$22,0)</f>
        <v>0.75689233142958079</v>
      </c>
      <c r="P1006" s="59">
        <f>IF(Input!$D$19=3,J1006*Input!$C$19,0)+IF(Input!$D$20=3,K1006*Input!$C$20,0)+IF(Input!$D$21=3,L1006*Input!$C$21,0)+IF(Input!$D$22=3,M1006*Input!$C$22,0)</f>
        <v>0</v>
      </c>
      <c r="Q1006" s="75">
        <f>IF(Input!$D$19=4,J1006*Input!$C$19,0)+IF(Input!$D$20=4,K1006*Input!$C$20,0)+IF(Input!$D$21=4,L1006*Input!$C$21,0)+IF(Input!$D$22=4,M1006*Input!$C$22,0)</f>
        <v>0</v>
      </c>
      <c r="R1006" s="58">
        <v>41.009426595489117</v>
      </c>
      <c r="S1006" s="124">
        <f t="shared" si="15"/>
        <v>1.3119467078112732</v>
      </c>
    </row>
    <row r="1007" spans="8:19" x14ac:dyDescent="0.3">
      <c r="H1007" s="44">
        <v>1000</v>
      </c>
      <c r="I1007" s="56">
        <f>Bühler!I1033</f>
        <v>0.26911727339718422</v>
      </c>
      <c r="J1007" s="59">
        <f>Bühler!J1033</f>
        <v>0.89705757799061425</v>
      </c>
      <c r="K1007" s="59">
        <f>Bühler!K1033</f>
        <v>1.3455863669859214</v>
      </c>
      <c r="L1007" s="59">
        <f>Bühler!L1033</f>
        <v>13.487191097315099</v>
      </c>
      <c r="M1007" s="58">
        <f>Bühler!M1033</f>
        <v>0</v>
      </c>
      <c r="N1007" s="56">
        <f>IF(Input!$D$19=1,J1007*Input!$C$19,0)+IF(Input!$D$20=1,K1007*Input!$C$20,0)+IF(Input!$D$21=1,L1007*Input!$C$21,0)+IF(Input!$D$22=1,M1007*Input!$C$22,0)</f>
        <v>0.26911727339718428</v>
      </c>
      <c r="O1007" s="59">
        <f>IF(Input!$D$19=2,J1007*Input!$C$19,0)+IF(Input!$D$20=2,K1007*Input!$C$20,0)+IF(Input!$D$21=2,L1007*Input!$C$21,0)+IF(Input!$D$22=2,M1007*Input!$C$22,0)</f>
        <v>0.67279318349296069</v>
      </c>
      <c r="P1007" s="59">
        <f>IF(Input!$D$19=3,J1007*Input!$C$19,0)+IF(Input!$D$20=3,K1007*Input!$C$20,0)+IF(Input!$D$21=3,L1007*Input!$C$21,0)+IF(Input!$D$22=3,M1007*Input!$C$22,0)</f>
        <v>0</v>
      </c>
      <c r="Q1007" s="75">
        <f>IF(Input!$D$19=4,J1007*Input!$C$19,0)+IF(Input!$D$20=4,K1007*Input!$C$20,0)+IF(Input!$D$21=4,L1007*Input!$C$21,0)+IF(Input!$D$22=4,M1007*Input!$C$22,0)</f>
        <v>0</v>
      </c>
      <c r="R1007" s="58">
        <v>40.952145546559422</v>
      </c>
      <c r="S1007" s="124">
        <f t="shared" si="15"/>
        <v>1.1661748513877985</v>
      </c>
    </row>
    <row r="1008" spans="8:19" x14ac:dyDescent="0.3">
      <c r="H1008" s="44">
        <v>1001</v>
      </c>
      <c r="I1008" s="56">
        <f>Bühler!I1034</f>
        <v>0.26431160780080593</v>
      </c>
      <c r="J1008" s="59">
        <f>Bühler!J1034</f>
        <v>0.8810386926693532</v>
      </c>
      <c r="K1008" s="59">
        <f>Bühler!K1034</f>
        <v>1.3215580390040298</v>
      </c>
      <c r="L1008" s="59">
        <f>Bühler!L1034</f>
        <v>13.246348399148758</v>
      </c>
      <c r="M1008" s="58">
        <f>Bühler!M1034</f>
        <v>0</v>
      </c>
      <c r="N1008" s="56">
        <f>IF(Input!$D$19=1,J1008*Input!$C$19,0)+IF(Input!$D$20=1,K1008*Input!$C$20,0)+IF(Input!$D$21=1,L1008*Input!$C$21,0)+IF(Input!$D$22=1,M1008*Input!$C$22,0)</f>
        <v>0.26431160780080593</v>
      </c>
      <c r="O1008" s="59">
        <f>IF(Input!$D$19=2,J1008*Input!$C$19,0)+IF(Input!$D$20=2,K1008*Input!$C$20,0)+IF(Input!$D$21=2,L1008*Input!$C$21,0)+IF(Input!$D$22=2,M1008*Input!$C$22,0)</f>
        <v>0.6607790195020149</v>
      </c>
      <c r="P1008" s="59">
        <f>IF(Input!$D$19=3,J1008*Input!$C$19,0)+IF(Input!$D$20=3,K1008*Input!$C$20,0)+IF(Input!$D$21=3,L1008*Input!$C$21,0)+IF(Input!$D$22=3,M1008*Input!$C$22,0)</f>
        <v>0</v>
      </c>
      <c r="Q1008" s="75">
        <f>IF(Input!$D$19=4,J1008*Input!$C$19,0)+IF(Input!$D$20=4,K1008*Input!$C$20,0)+IF(Input!$D$21=4,L1008*Input!$C$21,0)+IF(Input!$D$22=4,M1008*Input!$C$22,0)</f>
        <v>0</v>
      </c>
      <c r="R1008" s="58">
        <v>40.707738029391798</v>
      </c>
      <c r="S1008" s="124">
        <f t="shared" si="15"/>
        <v>1.1453503004701591</v>
      </c>
    </row>
    <row r="1009" spans="8:19" x14ac:dyDescent="0.3">
      <c r="H1009" s="44">
        <v>1002</v>
      </c>
      <c r="I1009" s="56">
        <f>Bühler!I1035</f>
        <v>0.22586628302977962</v>
      </c>
      <c r="J1009" s="59">
        <f>Bühler!J1035</f>
        <v>0.75288761009926553</v>
      </c>
      <c r="K1009" s="59">
        <f>Bühler!K1035</f>
        <v>1.1293314151488982</v>
      </c>
      <c r="L1009" s="59">
        <f>Bühler!L1035</f>
        <v>11.319606813818032</v>
      </c>
      <c r="M1009" s="58">
        <f>Bühler!M1035</f>
        <v>0</v>
      </c>
      <c r="N1009" s="56">
        <f>IF(Input!$D$19=1,J1009*Input!$C$19,0)+IF(Input!$D$20=1,K1009*Input!$C$20,0)+IF(Input!$D$21=1,L1009*Input!$C$21,0)+IF(Input!$D$22=1,M1009*Input!$C$22,0)</f>
        <v>0.22586628302977965</v>
      </c>
      <c r="O1009" s="59">
        <f>IF(Input!$D$19=2,J1009*Input!$C$19,0)+IF(Input!$D$20=2,K1009*Input!$C$20,0)+IF(Input!$D$21=2,L1009*Input!$C$21,0)+IF(Input!$D$22=2,M1009*Input!$C$22,0)</f>
        <v>0.56466570757444912</v>
      </c>
      <c r="P1009" s="59">
        <f>IF(Input!$D$19=3,J1009*Input!$C$19,0)+IF(Input!$D$20=3,K1009*Input!$C$20,0)+IF(Input!$D$21=3,L1009*Input!$C$21,0)+IF(Input!$D$22=3,M1009*Input!$C$22,0)</f>
        <v>0</v>
      </c>
      <c r="Q1009" s="75">
        <f>IF(Input!$D$19=4,J1009*Input!$C$19,0)+IF(Input!$D$20=4,K1009*Input!$C$20,0)+IF(Input!$D$21=4,L1009*Input!$C$21,0)+IF(Input!$D$22=4,M1009*Input!$C$22,0)</f>
        <v>0</v>
      </c>
      <c r="R1009" s="58">
        <v>41.466108515861848</v>
      </c>
      <c r="S1009" s="124">
        <f t="shared" si="15"/>
        <v>0.97875389312904515</v>
      </c>
    </row>
    <row r="1010" spans="8:19" x14ac:dyDescent="0.3">
      <c r="H1010" s="44">
        <v>1003</v>
      </c>
      <c r="I1010" s="56">
        <f>Bühler!I1036</f>
        <v>0.21144928624064477</v>
      </c>
      <c r="J1010" s="59">
        <f>Bühler!J1036</f>
        <v>0.70483095413548269</v>
      </c>
      <c r="K1010" s="59">
        <f>Bühler!K1036</f>
        <v>1.0572464312032239</v>
      </c>
      <c r="L1010" s="59">
        <f>Bühler!L1036</f>
        <v>10.597078719319008</v>
      </c>
      <c r="M1010" s="58">
        <f>Bühler!M1036</f>
        <v>0</v>
      </c>
      <c r="N1010" s="56">
        <f>IF(Input!$D$19=1,J1010*Input!$C$19,0)+IF(Input!$D$20=1,K1010*Input!$C$20,0)+IF(Input!$D$21=1,L1010*Input!$C$21,0)+IF(Input!$D$22=1,M1010*Input!$C$22,0)</f>
        <v>0.2114492862406448</v>
      </c>
      <c r="O1010" s="59">
        <f>IF(Input!$D$19=2,J1010*Input!$C$19,0)+IF(Input!$D$20=2,K1010*Input!$C$20,0)+IF(Input!$D$21=2,L1010*Input!$C$21,0)+IF(Input!$D$22=2,M1010*Input!$C$22,0)</f>
        <v>0.52862321560161196</v>
      </c>
      <c r="P1010" s="59">
        <f>IF(Input!$D$19=3,J1010*Input!$C$19,0)+IF(Input!$D$20=3,K1010*Input!$C$20,0)+IF(Input!$D$21=3,L1010*Input!$C$21,0)+IF(Input!$D$22=3,M1010*Input!$C$22,0)</f>
        <v>0</v>
      </c>
      <c r="Q1010" s="75">
        <f>IF(Input!$D$19=4,J1010*Input!$C$19,0)+IF(Input!$D$20=4,K1010*Input!$C$20,0)+IF(Input!$D$21=4,L1010*Input!$C$21,0)+IF(Input!$D$22=4,M1010*Input!$C$22,0)</f>
        <v>0</v>
      </c>
      <c r="R1010" s="58">
        <v>41.714245899762815</v>
      </c>
      <c r="S1010" s="124">
        <f t="shared" si="15"/>
        <v>0.91628024037612743</v>
      </c>
    </row>
    <row r="1011" spans="8:19" x14ac:dyDescent="0.3">
      <c r="H1011" s="44">
        <v>1004</v>
      </c>
      <c r="I1011" s="56">
        <f>Bühler!I1037</f>
        <v>0.17780962706599673</v>
      </c>
      <c r="J1011" s="59">
        <f>Bühler!J1037</f>
        <v>0.59269875688665585</v>
      </c>
      <c r="K1011" s="59">
        <f>Bühler!K1037</f>
        <v>0.88904813532998384</v>
      </c>
      <c r="L1011" s="59">
        <f>Bühler!L1037</f>
        <v>8.9111798321546196</v>
      </c>
      <c r="M1011" s="58">
        <f>Bühler!M1037</f>
        <v>0</v>
      </c>
      <c r="N1011" s="56">
        <f>IF(Input!$D$19=1,J1011*Input!$C$19,0)+IF(Input!$D$20=1,K1011*Input!$C$20,0)+IF(Input!$D$21=1,L1011*Input!$C$21,0)+IF(Input!$D$22=1,M1011*Input!$C$22,0)</f>
        <v>0.17780962706599676</v>
      </c>
      <c r="O1011" s="59">
        <f>IF(Input!$D$19=2,J1011*Input!$C$19,0)+IF(Input!$D$20=2,K1011*Input!$C$20,0)+IF(Input!$D$21=2,L1011*Input!$C$21,0)+IF(Input!$D$22=2,M1011*Input!$C$22,0)</f>
        <v>0.44452406766499192</v>
      </c>
      <c r="P1011" s="59">
        <f>IF(Input!$D$19=3,J1011*Input!$C$19,0)+IF(Input!$D$20=3,K1011*Input!$C$20,0)+IF(Input!$D$21=3,L1011*Input!$C$21,0)+IF(Input!$D$22=3,M1011*Input!$C$22,0)</f>
        <v>0</v>
      </c>
      <c r="Q1011" s="75">
        <f>IF(Input!$D$19=4,J1011*Input!$C$19,0)+IF(Input!$D$20=4,K1011*Input!$C$20,0)+IF(Input!$D$21=4,L1011*Input!$C$21,0)+IF(Input!$D$22=4,M1011*Input!$C$22,0)</f>
        <v>0</v>
      </c>
      <c r="R1011" s="58">
        <v>41.618362497340968</v>
      </c>
      <c r="S1011" s="124">
        <f t="shared" si="15"/>
        <v>0.77050838395265253</v>
      </c>
    </row>
    <row r="1012" spans="8:19" x14ac:dyDescent="0.3">
      <c r="H1012" s="44">
        <v>1005</v>
      </c>
      <c r="I1012" s="56">
        <f>Bühler!I1038</f>
        <v>0.14897563348772699</v>
      </c>
      <c r="J1012" s="59">
        <f>Bühler!J1038</f>
        <v>0.49658544495909007</v>
      </c>
      <c r="K1012" s="59">
        <f>Bühler!K1038</f>
        <v>0.74487816743863511</v>
      </c>
      <c r="L1012" s="59">
        <f>Bühler!L1038</f>
        <v>7.466123643156573</v>
      </c>
      <c r="M1012" s="58">
        <f>Bühler!M1038</f>
        <v>0</v>
      </c>
      <c r="N1012" s="56">
        <f>IF(Input!$D$19=1,J1012*Input!$C$19,0)+IF(Input!$D$20=1,K1012*Input!$C$20,0)+IF(Input!$D$21=1,L1012*Input!$C$21,0)+IF(Input!$D$22=1,M1012*Input!$C$22,0)</f>
        <v>0.14897563348772702</v>
      </c>
      <c r="O1012" s="59">
        <f>IF(Input!$D$19=2,J1012*Input!$C$19,0)+IF(Input!$D$20=2,K1012*Input!$C$20,0)+IF(Input!$D$21=2,L1012*Input!$C$21,0)+IF(Input!$D$22=2,M1012*Input!$C$22,0)</f>
        <v>0.37243908371931755</v>
      </c>
      <c r="P1012" s="59">
        <f>IF(Input!$D$19=3,J1012*Input!$C$19,0)+IF(Input!$D$20=3,K1012*Input!$C$20,0)+IF(Input!$D$21=3,L1012*Input!$C$21,0)+IF(Input!$D$22=3,M1012*Input!$C$22,0)</f>
        <v>0</v>
      </c>
      <c r="Q1012" s="75">
        <f>IF(Input!$D$19=4,J1012*Input!$C$19,0)+IF(Input!$D$20=4,K1012*Input!$C$20,0)+IF(Input!$D$21=4,L1012*Input!$C$21,0)+IF(Input!$D$22=4,M1012*Input!$C$22,0)</f>
        <v>0</v>
      </c>
      <c r="R1012" s="58">
        <v>42.086218719195529</v>
      </c>
      <c r="S1012" s="124">
        <f t="shared" si="15"/>
        <v>0.64556107844681709</v>
      </c>
    </row>
    <row r="1013" spans="8:19" x14ac:dyDescent="0.3">
      <c r="H1013" s="44">
        <v>1006</v>
      </c>
      <c r="I1013" s="56">
        <f>Bühler!I1039</f>
        <v>0.12975297110221384</v>
      </c>
      <c r="J1013" s="59">
        <f>Bühler!J1039</f>
        <v>0.43250990367404624</v>
      </c>
      <c r="K1013" s="59">
        <f>Bühler!K1039</f>
        <v>0.64876485551106933</v>
      </c>
      <c r="L1013" s="59">
        <f>Bühler!L1039</f>
        <v>6.5027528504912091</v>
      </c>
      <c r="M1013" s="58">
        <f>Bühler!M1039</f>
        <v>0</v>
      </c>
      <c r="N1013" s="56">
        <f>IF(Input!$D$19=1,J1013*Input!$C$19,0)+IF(Input!$D$20=1,K1013*Input!$C$20,0)+IF(Input!$D$21=1,L1013*Input!$C$21,0)+IF(Input!$D$22=1,M1013*Input!$C$22,0)</f>
        <v>0.12975297110221387</v>
      </c>
      <c r="O1013" s="59">
        <f>IF(Input!$D$19=2,J1013*Input!$C$19,0)+IF(Input!$D$20=2,K1013*Input!$C$20,0)+IF(Input!$D$21=2,L1013*Input!$C$21,0)+IF(Input!$D$22=2,M1013*Input!$C$22,0)</f>
        <v>0.32438242775553466</v>
      </c>
      <c r="P1013" s="59">
        <f>IF(Input!$D$19=3,J1013*Input!$C$19,0)+IF(Input!$D$20=3,K1013*Input!$C$20,0)+IF(Input!$D$21=3,L1013*Input!$C$21,0)+IF(Input!$D$22=3,M1013*Input!$C$22,0)</f>
        <v>0</v>
      </c>
      <c r="Q1013" s="75">
        <f>IF(Input!$D$19=4,J1013*Input!$C$19,0)+IF(Input!$D$20=4,K1013*Input!$C$20,0)+IF(Input!$D$21=4,L1013*Input!$C$21,0)+IF(Input!$D$22=4,M1013*Input!$C$22,0)</f>
        <v>0</v>
      </c>
      <c r="R1013" s="58">
        <v>42.479583795178499</v>
      </c>
      <c r="S1013" s="124">
        <f t="shared" si="15"/>
        <v>0.56226287477626014</v>
      </c>
    </row>
    <row r="1014" spans="8:19" x14ac:dyDescent="0.3">
      <c r="H1014" s="44">
        <v>1007</v>
      </c>
      <c r="I1014" s="56">
        <f>Bühler!I1040</f>
        <v>0.12975297110221384</v>
      </c>
      <c r="J1014" s="59">
        <f>Bühler!J1040</f>
        <v>0.43250990367404624</v>
      </c>
      <c r="K1014" s="59">
        <f>Bühler!K1040</f>
        <v>0.64876485551106933</v>
      </c>
      <c r="L1014" s="59">
        <f>Bühler!L1040</f>
        <v>6.5027528504912091</v>
      </c>
      <c r="M1014" s="58">
        <f>Bühler!M1040</f>
        <v>0</v>
      </c>
      <c r="N1014" s="56">
        <f>IF(Input!$D$19=1,J1014*Input!$C$19,0)+IF(Input!$D$20=1,K1014*Input!$C$20,0)+IF(Input!$D$21=1,L1014*Input!$C$21,0)+IF(Input!$D$22=1,M1014*Input!$C$22,0)</f>
        <v>0.12975297110221387</v>
      </c>
      <c r="O1014" s="59">
        <f>IF(Input!$D$19=2,J1014*Input!$C$19,0)+IF(Input!$D$20=2,K1014*Input!$C$20,0)+IF(Input!$D$21=2,L1014*Input!$C$21,0)+IF(Input!$D$22=2,M1014*Input!$C$22,0)</f>
        <v>0.32438242775553466</v>
      </c>
      <c r="P1014" s="59">
        <f>IF(Input!$D$19=3,J1014*Input!$C$19,0)+IF(Input!$D$20=3,K1014*Input!$C$20,0)+IF(Input!$D$21=3,L1014*Input!$C$21,0)+IF(Input!$D$22=3,M1014*Input!$C$22,0)</f>
        <v>0</v>
      </c>
      <c r="Q1014" s="75">
        <f>IF(Input!$D$19=4,J1014*Input!$C$19,0)+IF(Input!$D$20=4,K1014*Input!$C$20,0)+IF(Input!$D$21=4,L1014*Input!$C$21,0)+IF(Input!$D$22=4,M1014*Input!$C$22,0)</f>
        <v>0</v>
      </c>
      <c r="R1014" s="58">
        <v>43.264784604891901</v>
      </c>
      <c r="S1014" s="124">
        <f t="shared" si="15"/>
        <v>0.56226287477626014</v>
      </c>
    </row>
    <row r="1015" spans="8:19" x14ac:dyDescent="0.3">
      <c r="H1015" s="44">
        <v>1008</v>
      </c>
      <c r="I1015" s="56">
        <f>Bühler!I1041</f>
        <v>0.12975297110221384</v>
      </c>
      <c r="J1015" s="59">
        <f>Bühler!J1041</f>
        <v>0.43250990367404624</v>
      </c>
      <c r="K1015" s="59">
        <f>Bühler!K1041</f>
        <v>0.64876485551106933</v>
      </c>
      <c r="L1015" s="59">
        <f>Bühler!L1041</f>
        <v>6.5027528504912091</v>
      </c>
      <c r="M1015" s="58">
        <f>Bühler!M1041</f>
        <v>0</v>
      </c>
      <c r="N1015" s="56">
        <f>IF(Input!$D$19=1,J1015*Input!$C$19,0)+IF(Input!$D$20=1,K1015*Input!$C$20,0)+IF(Input!$D$21=1,L1015*Input!$C$21,0)+IF(Input!$D$22=1,M1015*Input!$C$22,0)</f>
        <v>0.12975297110221387</v>
      </c>
      <c r="O1015" s="59">
        <f>IF(Input!$D$19=2,J1015*Input!$C$19,0)+IF(Input!$D$20=2,K1015*Input!$C$20,0)+IF(Input!$D$21=2,L1015*Input!$C$21,0)+IF(Input!$D$22=2,M1015*Input!$C$22,0)</f>
        <v>0.32438242775553466</v>
      </c>
      <c r="P1015" s="59">
        <f>IF(Input!$D$19=3,J1015*Input!$C$19,0)+IF(Input!$D$20=3,K1015*Input!$C$20,0)+IF(Input!$D$21=3,L1015*Input!$C$21,0)+IF(Input!$D$22=3,M1015*Input!$C$22,0)</f>
        <v>0</v>
      </c>
      <c r="Q1015" s="75">
        <f>IF(Input!$D$19=4,J1015*Input!$C$19,0)+IF(Input!$D$20=4,K1015*Input!$C$20,0)+IF(Input!$D$21=4,L1015*Input!$C$21,0)+IF(Input!$D$22=4,M1015*Input!$C$22,0)</f>
        <v>0</v>
      </c>
      <c r="R1015" s="58">
        <v>43.551891805728786</v>
      </c>
      <c r="S1015" s="124">
        <f t="shared" si="15"/>
        <v>0.56226287477626014</v>
      </c>
    </row>
    <row r="1016" spans="8:19" x14ac:dyDescent="0.3">
      <c r="H1016" s="44">
        <v>1009</v>
      </c>
      <c r="I1016" s="56">
        <f>Bühler!I1042</f>
        <v>7.5630917828080221E-2</v>
      </c>
      <c r="J1016" s="59">
        <f>Bühler!J1042</f>
        <v>0.25210305942693412</v>
      </c>
      <c r="K1016" s="59">
        <f>Bühler!K1042</f>
        <v>0.37815458914040112</v>
      </c>
      <c r="L1016" s="59">
        <f>Bühler!L1042</f>
        <v>1.8151420278739254</v>
      </c>
      <c r="M1016" s="58">
        <f>Bühler!M1042</f>
        <v>0</v>
      </c>
      <c r="N1016" s="56">
        <f>IF(Input!$D$19=1,J1016*Input!$C$19,0)+IF(Input!$D$20=1,K1016*Input!$C$20,0)+IF(Input!$D$21=1,L1016*Input!$C$21,0)+IF(Input!$D$22=1,M1016*Input!$C$22,0)</f>
        <v>7.5630917828080235E-2</v>
      </c>
      <c r="O1016" s="59">
        <f>IF(Input!$D$19=2,J1016*Input!$C$19,0)+IF(Input!$D$20=2,K1016*Input!$C$20,0)+IF(Input!$D$21=2,L1016*Input!$C$21,0)+IF(Input!$D$22=2,M1016*Input!$C$22,0)</f>
        <v>0.18907729457020056</v>
      </c>
      <c r="P1016" s="59">
        <f>IF(Input!$D$19=3,J1016*Input!$C$19,0)+IF(Input!$D$20=3,K1016*Input!$C$20,0)+IF(Input!$D$21=3,L1016*Input!$C$21,0)+IF(Input!$D$22=3,M1016*Input!$C$22,0)</f>
        <v>0</v>
      </c>
      <c r="Q1016" s="75">
        <f>IF(Input!$D$19=4,J1016*Input!$C$19,0)+IF(Input!$D$20=4,K1016*Input!$C$20,0)+IF(Input!$D$21=4,L1016*Input!$C$21,0)+IF(Input!$D$22=4,M1016*Input!$C$22,0)</f>
        <v>0</v>
      </c>
      <c r="R1016" s="58">
        <v>43.590250419257451</v>
      </c>
      <c r="S1016" s="124">
        <f t="shared" si="15"/>
        <v>0.32773397725501435</v>
      </c>
    </row>
    <row r="1017" spans="8:19" x14ac:dyDescent="0.3">
      <c r="H1017" s="44">
        <v>1010</v>
      </c>
      <c r="I1017" s="56">
        <f>Bühler!I1043</f>
        <v>7.5630917828080221E-2</v>
      </c>
      <c r="J1017" s="59">
        <f>Bühler!J1043</f>
        <v>0.25210305942693412</v>
      </c>
      <c r="K1017" s="59">
        <f>Bühler!K1043</f>
        <v>0.37815458914040112</v>
      </c>
      <c r="L1017" s="59">
        <f>Bühler!L1043</f>
        <v>1.8151420278739254</v>
      </c>
      <c r="M1017" s="58">
        <f>Bühler!M1043</f>
        <v>0</v>
      </c>
      <c r="N1017" s="56">
        <f>IF(Input!$D$19=1,J1017*Input!$C$19,0)+IF(Input!$D$20=1,K1017*Input!$C$20,0)+IF(Input!$D$21=1,L1017*Input!$C$21,0)+IF(Input!$D$22=1,M1017*Input!$C$22,0)</f>
        <v>7.5630917828080235E-2</v>
      </c>
      <c r="O1017" s="59">
        <f>IF(Input!$D$19=2,J1017*Input!$C$19,0)+IF(Input!$D$20=2,K1017*Input!$C$20,0)+IF(Input!$D$21=2,L1017*Input!$C$21,0)+IF(Input!$D$22=2,M1017*Input!$C$22,0)</f>
        <v>0.18907729457020056</v>
      </c>
      <c r="P1017" s="59">
        <f>IF(Input!$D$19=3,J1017*Input!$C$19,0)+IF(Input!$D$20=3,K1017*Input!$C$20,0)+IF(Input!$D$21=3,L1017*Input!$C$21,0)+IF(Input!$D$22=3,M1017*Input!$C$22,0)</f>
        <v>0</v>
      </c>
      <c r="Q1017" s="75">
        <f>IF(Input!$D$19=4,J1017*Input!$C$19,0)+IF(Input!$D$20=4,K1017*Input!$C$20,0)+IF(Input!$D$21=4,L1017*Input!$C$21,0)+IF(Input!$D$22=4,M1017*Input!$C$22,0)</f>
        <v>0</v>
      </c>
      <c r="R1017" s="58">
        <v>44.31446643881123</v>
      </c>
      <c r="S1017" s="124">
        <f t="shared" si="15"/>
        <v>0.32773397725501435</v>
      </c>
    </row>
    <row r="1018" spans="8:19" x14ac:dyDescent="0.3">
      <c r="H1018" s="44">
        <v>1011</v>
      </c>
      <c r="I1018" s="56">
        <f>Bühler!I1044</f>
        <v>7.5630917828080221E-2</v>
      </c>
      <c r="J1018" s="59">
        <f>Bühler!J1044</f>
        <v>0.25210305942693412</v>
      </c>
      <c r="K1018" s="59">
        <f>Bühler!K1044</f>
        <v>0.37815458914040112</v>
      </c>
      <c r="L1018" s="59">
        <f>Bühler!L1044</f>
        <v>1.8151420278739254</v>
      </c>
      <c r="M1018" s="58">
        <f>Bühler!M1044</f>
        <v>0</v>
      </c>
      <c r="N1018" s="56">
        <f>IF(Input!$D$19=1,J1018*Input!$C$19,0)+IF(Input!$D$20=1,K1018*Input!$C$20,0)+IF(Input!$D$21=1,L1018*Input!$C$21,0)+IF(Input!$D$22=1,M1018*Input!$C$22,0)</f>
        <v>7.5630917828080235E-2</v>
      </c>
      <c r="O1018" s="59">
        <f>IF(Input!$D$19=2,J1018*Input!$C$19,0)+IF(Input!$D$20=2,K1018*Input!$C$20,0)+IF(Input!$D$21=2,L1018*Input!$C$21,0)+IF(Input!$D$22=2,M1018*Input!$C$22,0)</f>
        <v>0.18907729457020056</v>
      </c>
      <c r="P1018" s="59">
        <f>IF(Input!$D$19=3,J1018*Input!$C$19,0)+IF(Input!$D$20=3,K1018*Input!$C$20,0)+IF(Input!$D$21=3,L1018*Input!$C$21,0)+IF(Input!$D$22=3,M1018*Input!$C$22,0)</f>
        <v>0</v>
      </c>
      <c r="Q1018" s="75">
        <f>IF(Input!$D$19=4,J1018*Input!$C$19,0)+IF(Input!$D$20=4,K1018*Input!$C$20,0)+IF(Input!$D$21=4,L1018*Input!$C$21,0)+IF(Input!$D$22=4,M1018*Input!$C$22,0)</f>
        <v>0</v>
      </c>
      <c r="R1018" s="58">
        <v>45.088471803429641</v>
      </c>
      <c r="S1018" s="124">
        <f t="shared" si="15"/>
        <v>0.32773397725501435</v>
      </c>
    </row>
    <row r="1019" spans="8:19" x14ac:dyDescent="0.3">
      <c r="H1019" s="44">
        <v>1012</v>
      </c>
      <c r="I1019" s="56">
        <f>Bühler!I1045</f>
        <v>7.5630917828080221E-2</v>
      </c>
      <c r="J1019" s="59">
        <f>Bühler!J1045</f>
        <v>0.25210305942693412</v>
      </c>
      <c r="K1019" s="59">
        <f>Bühler!K1045</f>
        <v>0.37815458914040112</v>
      </c>
      <c r="L1019" s="59">
        <f>Bühler!L1045</f>
        <v>1.8151420278739254</v>
      </c>
      <c r="M1019" s="58">
        <f>Bühler!M1045</f>
        <v>0</v>
      </c>
      <c r="N1019" s="56">
        <f>IF(Input!$D$19=1,J1019*Input!$C$19,0)+IF(Input!$D$20=1,K1019*Input!$C$20,0)+IF(Input!$D$21=1,L1019*Input!$C$21,0)+IF(Input!$D$22=1,M1019*Input!$C$22,0)</f>
        <v>7.5630917828080235E-2</v>
      </c>
      <c r="O1019" s="59">
        <f>IF(Input!$D$19=2,J1019*Input!$C$19,0)+IF(Input!$D$20=2,K1019*Input!$C$20,0)+IF(Input!$D$21=2,L1019*Input!$C$21,0)+IF(Input!$D$22=2,M1019*Input!$C$22,0)</f>
        <v>0.18907729457020056</v>
      </c>
      <c r="P1019" s="59">
        <f>IF(Input!$D$19=3,J1019*Input!$C$19,0)+IF(Input!$D$20=3,K1019*Input!$C$20,0)+IF(Input!$D$21=3,L1019*Input!$C$21,0)+IF(Input!$D$22=3,M1019*Input!$C$22,0)</f>
        <v>0</v>
      </c>
      <c r="Q1019" s="75">
        <f>IF(Input!$D$19=4,J1019*Input!$C$19,0)+IF(Input!$D$20=4,K1019*Input!$C$20,0)+IF(Input!$D$21=4,L1019*Input!$C$21,0)+IF(Input!$D$22=4,M1019*Input!$C$22,0)</f>
        <v>0</v>
      </c>
      <c r="R1019" s="58">
        <v>46.133915127461776</v>
      </c>
      <c r="S1019" s="124">
        <f t="shared" si="15"/>
        <v>0.32773397725501435</v>
      </c>
    </row>
    <row r="1020" spans="8:19" x14ac:dyDescent="0.3">
      <c r="H1020" s="44">
        <v>1013</v>
      </c>
      <c r="I1020" s="56">
        <f>Bühler!I1046</f>
        <v>7.5630917828080221E-2</v>
      </c>
      <c r="J1020" s="59">
        <f>Bühler!J1046</f>
        <v>0.25210305942693412</v>
      </c>
      <c r="K1020" s="59">
        <f>Bühler!K1046</f>
        <v>0.37815458914040112</v>
      </c>
      <c r="L1020" s="59">
        <f>Bühler!L1046</f>
        <v>1.8151420278739254</v>
      </c>
      <c r="M1020" s="58">
        <f>Bühler!M1046</f>
        <v>0</v>
      </c>
      <c r="N1020" s="56">
        <f>IF(Input!$D$19=1,J1020*Input!$C$19,0)+IF(Input!$D$20=1,K1020*Input!$C$20,0)+IF(Input!$D$21=1,L1020*Input!$C$21,0)+IF(Input!$D$22=1,M1020*Input!$C$22,0)</f>
        <v>7.5630917828080235E-2</v>
      </c>
      <c r="O1020" s="59">
        <f>IF(Input!$D$19=2,J1020*Input!$C$19,0)+IF(Input!$D$20=2,K1020*Input!$C$20,0)+IF(Input!$D$21=2,L1020*Input!$C$21,0)+IF(Input!$D$22=2,M1020*Input!$C$22,0)</f>
        <v>0.18907729457020056</v>
      </c>
      <c r="P1020" s="59">
        <f>IF(Input!$D$19=3,J1020*Input!$C$19,0)+IF(Input!$D$20=3,K1020*Input!$C$20,0)+IF(Input!$D$21=3,L1020*Input!$C$21,0)+IF(Input!$D$22=3,M1020*Input!$C$22,0)</f>
        <v>0</v>
      </c>
      <c r="Q1020" s="75">
        <f>IF(Input!$D$19=4,J1020*Input!$C$19,0)+IF(Input!$D$20=4,K1020*Input!$C$20,0)+IF(Input!$D$21=4,L1020*Input!$C$21,0)+IF(Input!$D$22=4,M1020*Input!$C$22,0)</f>
        <v>0</v>
      </c>
      <c r="R1020" s="58">
        <v>49.149632809752575</v>
      </c>
      <c r="S1020" s="124">
        <f t="shared" si="15"/>
        <v>0.32773397725501435</v>
      </c>
    </row>
    <row r="1021" spans="8:19" x14ac:dyDescent="0.3">
      <c r="H1021" s="44">
        <v>1014</v>
      </c>
      <c r="I1021" s="56">
        <f>Bühler!I1047</f>
        <v>0.32773397725501441</v>
      </c>
      <c r="J1021" s="59">
        <f>Bühler!J1047</f>
        <v>1.092446590850048</v>
      </c>
      <c r="K1021" s="59">
        <f>Bühler!K1047</f>
        <v>1.6386698862750719</v>
      </c>
      <c r="L1021" s="59">
        <f>Bühler!L1047</f>
        <v>7.8656154541203449</v>
      </c>
      <c r="M1021" s="58">
        <f>Bühler!M1047</f>
        <v>0</v>
      </c>
      <c r="N1021" s="56">
        <f>IF(Input!$D$19=1,J1021*Input!$C$19,0)+IF(Input!$D$20=1,K1021*Input!$C$20,0)+IF(Input!$D$21=1,L1021*Input!$C$21,0)+IF(Input!$D$22=1,M1021*Input!$C$22,0)</f>
        <v>0.32773397725501441</v>
      </c>
      <c r="O1021" s="59">
        <f>IF(Input!$D$19=2,J1021*Input!$C$19,0)+IF(Input!$D$20=2,K1021*Input!$C$20,0)+IF(Input!$D$21=2,L1021*Input!$C$21,0)+IF(Input!$D$22=2,M1021*Input!$C$22,0)</f>
        <v>0.81933494313753596</v>
      </c>
      <c r="P1021" s="59">
        <f>IF(Input!$D$19=3,J1021*Input!$C$19,0)+IF(Input!$D$20=3,K1021*Input!$C$20,0)+IF(Input!$D$21=3,L1021*Input!$C$21,0)+IF(Input!$D$22=3,M1021*Input!$C$22,0)</f>
        <v>0</v>
      </c>
      <c r="Q1021" s="75">
        <f>IF(Input!$D$19=4,J1021*Input!$C$19,0)+IF(Input!$D$20=4,K1021*Input!$C$20,0)+IF(Input!$D$21=4,L1021*Input!$C$21,0)+IF(Input!$D$22=4,M1021*Input!$C$22,0)</f>
        <v>0</v>
      </c>
      <c r="R1021" s="58">
        <v>54.668310940166137</v>
      </c>
      <c r="S1021" s="124">
        <f t="shared" si="15"/>
        <v>1.4201805681050623</v>
      </c>
    </row>
    <row r="1022" spans="8:19" x14ac:dyDescent="0.3">
      <c r="H1022" s="44">
        <v>1015</v>
      </c>
      <c r="I1022" s="56">
        <f>Bühler!I1048</f>
        <v>0.37185201265472784</v>
      </c>
      <c r="J1022" s="59">
        <f>Bühler!J1048</f>
        <v>1.2395067088490928</v>
      </c>
      <c r="K1022" s="59">
        <f>Bühler!K1048</f>
        <v>1.8592600632736391</v>
      </c>
      <c r="L1022" s="59">
        <f>Bühler!L1048</f>
        <v>8.9244483037134668</v>
      </c>
      <c r="M1022" s="58">
        <f>Bühler!M1048</f>
        <v>0</v>
      </c>
      <c r="N1022" s="56">
        <f>IF(Input!$D$19=1,J1022*Input!$C$19,0)+IF(Input!$D$20=1,K1022*Input!$C$20,0)+IF(Input!$D$21=1,L1022*Input!$C$21,0)+IF(Input!$D$22=1,M1022*Input!$C$22,0)</f>
        <v>0.37185201265472784</v>
      </c>
      <c r="O1022" s="59">
        <f>IF(Input!$D$19=2,J1022*Input!$C$19,0)+IF(Input!$D$20=2,K1022*Input!$C$20,0)+IF(Input!$D$21=2,L1022*Input!$C$21,0)+IF(Input!$D$22=2,M1022*Input!$C$22,0)</f>
        <v>0.92963003163681956</v>
      </c>
      <c r="P1022" s="59">
        <f>IF(Input!$D$19=3,J1022*Input!$C$19,0)+IF(Input!$D$20=3,K1022*Input!$C$20,0)+IF(Input!$D$21=3,L1022*Input!$C$21,0)+IF(Input!$D$22=3,M1022*Input!$C$22,0)</f>
        <v>0</v>
      </c>
      <c r="Q1022" s="75">
        <f>IF(Input!$D$19=4,J1022*Input!$C$19,0)+IF(Input!$D$20=4,K1022*Input!$C$20,0)+IF(Input!$D$21=4,L1022*Input!$C$21,0)+IF(Input!$D$22=4,M1022*Input!$C$22,0)</f>
        <v>0</v>
      </c>
      <c r="R1022" s="58">
        <v>59.791107394674434</v>
      </c>
      <c r="S1022" s="124">
        <f t="shared" si="15"/>
        <v>1.6113587215038205</v>
      </c>
    </row>
    <row r="1023" spans="8:19" x14ac:dyDescent="0.3">
      <c r="H1023" s="44">
        <v>1016</v>
      </c>
      <c r="I1023" s="56">
        <f>Bühler!I1049</f>
        <v>0.37185201265472784</v>
      </c>
      <c r="J1023" s="59">
        <f>Bühler!J1049</f>
        <v>1.2395067088490928</v>
      </c>
      <c r="K1023" s="59">
        <f>Bühler!K1049</f>
        <v>1.8592600632736391</v>
      </c>
      <c r="L1023" s="59">
        <f>Bühler!L1049</f>
        <v>8.9244483037134668</v>
      </c>
      <c r="M1023" s="58">
        <f>Bühler!M1049</f>
        <v>0</v>
      </c>
      <c r="N1023" s="56">
        <f>IF(Input!$D$19=1,J1023*Input!$C$19,0)+IF(Input!$D$20=1,K1023*Input!$C$20,0)+IF(Input!$D$21=1,L1023*Input!$C$21,0)+IF(Input!$D$22=1,M1023*Input!$C$22,0)</f>
        <v>0.37185201265472784</v>
      </c>
      <c r="O1023" s="59">
        <f>IF(Input!$D$19=2,J1023*Input!$C$19,0)+IF(Input!$D$20=2,K1023*Input!$C$20,0)+IF(Input!$D$21=2,L1023*Input!$C$21,0)+IF(Input!$D$22=2,M1023*Input!$C$22,0)</f>
        <v>0.92963003163681956</v>
      </c>
      <c r="P1023" s="59">
        <f>IF(Input!$D$19=3,J1023*Input!$C$19,0)+IF(Input!$D$20=3,K1023*Input!$C$20,0)+IF(Input!$D$21=3,L1023*Input!$C$21,0)+IF(Input!$D$22=3,M1023*Input!$C$22,0)</f>
        <v>0</v>
      </c>
      <c r="Q1023" s="75">
        <f>IF(Input!$D$19=4,J1023*Input!$C$19,0)+IF(Input!$D$20=4,K1023*Input!$C$20,0)+IF(Input!$D$21=4,L1023*Input!$C$21,0)+IF(Input!$D$22=4,M1023*Input!$C$22,0)</f>
        <v>0</v>
      </c>
      <c r="R1023" s="58">
        <v>60.281033312090976</v>
      </c>
      <c r="S1023" s="124">
        <f t="shared" si="15"/>
        <v>1.6113587215038205</v>
      </c>
    </row>
    <row r="1024" spans="8:19" x14ac:dyDescent="0.3">
      <c r="H1024" s="44">
        <v>1017</v>
      </c>
      <c r="I1024" s="56">
        <f>Bühler!I1050</f>
        <v>0.37185201265472784</v>
      </c>
      <c r="J1024" s="59">
        <f>Bühler!J1050</f>
        <v>1.2395067088490928</v>
      </c>
      <c r="K1024" s="59">
        <f>Bühler!K1050</f>
        <v>1.8592600632736391</v>
      </c>
      <c r="L1024" s="59">
        <f>Bühler!L1050</f>
        <v>8.9244483037134668</v>
      </c>
      <c r="M1024" s="58">
        <f>Bühler!M1050</f>
        <v>0</v>
      </c>
      <c r="N1024" s="56">
        <f>IF(Input!$D$19=1,J1024*Input!$C$19,0)+IF(Input!$D$20=1,K1024*Input!$C$20,0)+IF(Input!$D$21=1,L1024*Input!$C$21,0)+IF(Input!$D$22=1,M1024*Input!$C$22,0)</f>
        <v>0.37185201265472784</v>
      </c>
      <c r="O1024" s="59">
        <f>IF(Input!$D$19=2,J1024*Input!$C$19,0)+IF(Input!$D$20=2,K1024*Input!$C$20,0)+IF(Input!$D$21=2,L1024*Input!$C$21,0)+IF(Input!$D$22=2,M1024*Input!$C$22,0)</f>
        <v>0.92963003163681956</v>
      </c>
      <c r="P1024" s="59">
        <f>IF(Input!$D$19=3,J1024*Input!$C$19,0)+IF(Input!$D$20=3,K1024*Input!$C$20,0)+IF(Input!$D$21=3,L1024*Input!$C$21,0)+IF(Input!$D$22=3,M1024*Input!$C$22,0)</f>
        <v>0</v>
      </c>
      <c r="Q1024" s="75">
        <f>IF(Input!$D$19=4,J1024*Input!$C$19,0)+IF(Input!$D$20=4,K1024*Input!$C$20,0)+IF(Input!$D$21=4,L1024*Input!$C$21,0)+IF(Input!$D$22=4,M1024*Input!$C$22,0)</f>
        <v>0</v>
      </c>
      <c r="R1024" s="58">
        <v>61.615567747281581</v>
      </c>
      <c r="S1024" s="124">
        <f t="shared" si="15"/>
        <v>1.6113587215038205</v>
      </c>
    </row>
    <row r="1025" spans="8:19" x14ac:dyDescent="0.3">
      <c r="H1025" s="44">
        <v>1018</v>
      </c>
      <c r="I1025" s="56">
        <f>Bühler!I1051</f>
        <v>0.3970623185974213</v>
      </c>
      <c r="J1025" s="59">
        <f>Bühler!J1051</f>
        <v>1.3235410619914045</v>
      </c>
      <c r="K1025" s="59">
        <f>Bühler!K1051</f>
        <v>1.9853115929871064</v>
      </c>
      <c r="L1025" s="59">
        <f>Bühler!L1051</f>
        <v>9.5294956463381109</v>
      </c>
      <c r="M1025" s="58">
        <f>Bühler!M1051</f>
        <v>0</v>
      </c>
      <c r="N1025" s="56">
        <f>IF(Input!$D$19=1,J1025*Input!$C$19,0)+IF(Input!$D$20=1,K1025*Input!$C$20,0)+IF(Input!$D$21=1,L1025*Input!$C$21,0)+IF(Input!$D$22=1,M1025*Input!$C$22,0)</f>
        <v>0.39706231859742136</v>
      </c>
      <c r="O1025" s="59">
        <f>IF(Input!$D$19=2,J1025*Input!$C$19,0)+IF(Input!$D$20=2,K1025*Input!$C$20,0)+IF(Input!$D$21=2,L1025*Input!$C$21,0)+IF(Input!$D$22=2,M1025*Input!$C$22,0)</f>
        <v>0.99265579649355318</v>
      </c>
      <c r="P1025" s="59">
        <f>IF(Input!$D$19=3,J1025*Input!$C$19,0)+IF(Input!$D$20=3,K1025*Input!$C$20,0)+IF(Input!$D$21=3,L1025*Input!$C$21,0)+IF(Input!$D$22=3,M1025*Input!$C$22,0)</f>
        <v>0</v>
      </c>
      <c r="Q1025" s="75">
        <f>IF(Input!$D$19=4,J1025*Input!$C$19,0)+IF(Input!$D$20=4,K1025*Input!$C$20,0)+IF(Input!$D$21=4,L1025*Input!$C$21,0)+IF(Input!$D$22=4,M1025*Input!$C$22,0)</f>
        <v>0</v>
      </c>
      <c r="R1025" s="58">
        <v>61.287220007447743</v>
      </c>
      <c r="S1025" s="124">
        <f t="shared" si="15"/>
        <v>1.7206033805888259</v>
      </c>
    </row>
    <row r="1026" spans="8:19" x14ac:dyDescent="0.3">
      <c r="H1026" s="44">
        <v>1019</v>
      </c>
      <c r="I1026" s="56">
        <f>Bühler!I1052</f>
        <v>0.3970623185974213</v>
      </c>
      <c r="J1026" s="59">
        <f>Bühler!J1052</f>
        <v>1.3235410619914045</v>
      </c>
      <c r="K1026" s="59">
        <f>Bühler!K1052</f>
        <v>1.9853115929871064</v>
      </c>
      <c r="L1026" s="59">
        <f>Bühler!L1052</f>
        <v>9.5294956463381109</v>
      </c>
      <c r="M1026" s="58">
        <f>Bühler!M1052</f>
        <v>0</v>
      </c>
      <c r="N1026" s="56">
        <f>IF(Input!$D$19=1,J1026*Input!$C$19,0)+IF(Input!$D$20=1,K1026*Input!$C$20,0)+IF(Input!$D$21=1,L1026*Input!$C$21,0)+IF(Input!$D$22=1,M1026*Input!$C$22,0)</f>
        <v>0.39706231859742136</v>
      </c>
      <c r="O1026" s="59">
        <f>IF(Input!$D$19=2,J1026*Input!$C$19,0)+IF(Input!$D$20=2,K1026*Input!$C$20,0)+IF(Input!$D$21=2,L1026*Input!$C$21,0)+IF(Input!$D$22=2,M1026*Input!$C$22,0)</f>
        <v>0.99265579649355318</v>
      </c>
      <c r="P1026" s="59">
        <f>IF(Input!$D$19=3,J1026*Input!$C$19,0)+IF(Input!$D$20=3,K1026*Input!$C$20,0)+IF(Input!$D$21=3,L1026*Input!$C$21,0)+IF(Input!$D$22=3,M1026*Input!$C$22,0)</f>
        <v>0</v>
      </c>
      <c r="Q1026" s="75">
        <f>IF(Input!$D$19=4,J1026*Input!$C$19,0)+IF(Input!$D$20=4,K1026*Input!$C$20,0)+IF(Input!$D$21=4,L1026*Input!$C$21,0)+IF(Input!$D$22=4,M1026*Input!$C$22,0)</f>
        <v>0</v>
      </c>
      <c r="R1026" s="58">
        <v>61.889753493786642</v>
      </c>
      <c r="S1026" s="124">
        <f t="shared" si="15"/>
        <v>1.7206033805888259</v>
      </c>
    </row>
    <row r="1027" spans="8:19" x14ac:dyDescent="0.3">
      <c r="H1027" s="44">
        <v>1020</v>
      </c>
      <c r="I1027" s="56">
        <f>Bühler!I1053</f>
        <v>0.50420611885386835</v>
      </c>
      <c r="J1027" s="59">
        <f>Bühler!J1053</f>
        <v>1.6806870628462278</v>
      </c>
      <c r="K1027" s="59">
        <f>Bühler!K1053</f>
        <v>2.5210305942693414</v>
      </c>
      <c r="L1027" s="59">
        <f>Bühler!L1053</f>
        <v>12.100946852492839</v>
      </c>
      <c r="M1027" s="58">
        <f>Bühler!M1053</f>
        <v>0</v>
      </c>
      <c r="N1027" s="56">
        <f>IF(Input!$D$19=1,J1027*Input!$C$19,0)+IF(Input!$D$20=1,K1027*Input!$C$20,0)+IF(Input!$D$21=1,L1027*Input!$C$21,0)+IF(Input!$D$22=1,M1027*Input!$C$22,0)</f>
        <v>0.50420611885386835</v>
      </c>
      <c r="O1027" s="59">
        <f>IF(Input!$D$19=2,J1027*Input!$C$19,0)+IF(Input!$D$20=2,K1027*Input!$C$20,0)+IF(Input!$D$21=2,L1027*Input!$C$21,0)+IF(Input!$D$22=2,M1027*Input!$C$22,0)</f>
        <v>1.2605152971346707</v>
      </c>
      <c r="P1027" s="59">
        <f>IF(Input!$D$19=3,J1027*Input!$C$19,0)+IF(Input!$D$20=3,K1027*Input!$C$20,0)+IF(Input!$D$21=3,L1027*Input!$C$21,0)+IF(Input!$D$22=3,M1027*Input!$C$22,0)</f>
        <v>0</v>
      </c>
      <c r="Q1027" s="75">
        <f>IF(Input!$D$19=4,J1027*Input!$C$19,0)+IF(Input!$D$20=4,K1027*Input!$C$20,0)+IF(Input!$D$21=4,L1027*Input!$C$21,0)+IF(Input!$D$22=4,M1027*Input!$C$22,0)</f>
        <v>0</v>
      </c>
      <c r="R1027" s="58">
        <v>64.566433554945093</v>
      </c>
      <c r="S1027" s="124">
        <f t="shared" si="15"/>
        <v>2.1848931817000961</v>
      </c>
    </row>
    <row r="1028" spans="8:19" x14ac:dyDescent="0.3">
      <c r="H1028" s="44">
        <v>1021</v>
      </c>
      <c r="I1028" s="56">
        <f>Bühler!I1054</f>
        <v>0.50420611885386835</v>
      </c>
      <c r="J1028" s="59">
        <f>Bühler!J1054</f>
        <v>1.6806870628462278</v>
      </c>
      <c r="K1028" s="59">
        <f>Bühler!K1054</f>
        <v>2.5210305942693414</v>
      </c>
      <c r="L1028" s="59">
        <f>Bühler!L1054</f>
        <v>12.100946852492839</v>
      </c>
      <c r="M1028" s="58">
        <f>Bühler!M1054</f>
        <v>0</v>
      </c>
      <c r="N1028" s="56">
        <f>IF(Input!$D$19=1,J1028*Input!$C$19,0)+IF(Input!$D$20=1,K1028*Input!$C$20,0)+IF(Input!$D$21=1,L1028*Input!$C$21,0)+IF(Input!$D$22=1,M1028*Input!$C$22,0)</f>
        <v>0.50420611885386835</v>
      </c>
      <c r="O1028" s="59">
        <f>IF(Input!$D$19=2,J1028*Input!$C$19,0)+IF(Input!$D$20=2,K1028*Input!$C$20,0)+IF(Input!$D$21=2,L1028*Input!$C$21,0)+IF(Input!$D$22=2,M1028*Input!$C$22,0)</f>
        <v>1.2605152971346707</v>
      </c>
      <c r="P1028" s="59">
        <f>IF(Input!$D$19=3,J1028*Input!$C$19,0)+IF(Input!$D$20=3,K1028*Input!$C$20,0)+IF(Input!$D$21=3,L1028*Input!$C$21,0)+IF(Input!$D$22=3,M1028*Input!$C$22,0)</f>
        <v>0</v>
      </c>
      <c r="Q1028" s="75">
        <f>IF(Input!$D$19=4,J1028*Input!$C$19,0)+IF(Input!$D$20=4,K1028*Input!$C$20,0)+IF(Input!$D$21=4,L1028*Input!$C$21,0)+IF(Input!$D$22=4,M1028*Input!$C$22,0)</f>
        <v>0</v>
      </c>
      <c r="R1028" s="58">
        <v>64.209145661327</v>
      </c>
      <c r="S1028" s="124">
        <f t="shared" si="15"/>
        <v>2.1848931817000961</v>
      </c>
    </row>
    <row r="1029" spans="8:19" x14ac:dyDescent="0.3">
      <c r="H1029" s="44">
        <v>1022</v>
      </c>
      <c r="I1029" s="56">
        <f>Bühler!I1055</f>
        <v>0.33403655374068769</v>
      </c>
      <c r="J1029" s="59">
        <f>Bühler!J1055</f>
        <v>1.1134551791356257</v>
      </c>
      <c r="K1029" s="59">
        <f>Bühler!K1055</f>
        <v>1.6701827687034385</v>
      </c>
      <c r="L1029" s="59">
        <f>Bühler!L1055</f>
        <v>8.0168772897765042</v>
      </c>
      <c r="M1029" s="58">
        <f>Bühler!M1055</f>
        <v>0</v>
      </c>
      <c r="N1029" s="56">
        <f>IF(Input!$D$19=1,J1029*Input!$C$19,0)+IF(Input!$D$20=1,K1029*Input!$C$20,0)+IF(Input!$D$21=1,L1029*Input!$C$21,0)+IF(Input!$D$22=1,M1029*Input!$C$22,0)</f>
        <v>0.33403655374068769</v>
      </c>
      <c r="O1029" s="59">
        <f>IF(Input!$D$19=2,J1029*Input!$C$19,0)+IF(Input!$D$20=2,K1029*Input!$C$20,0)+IF(Input!$D$21=2,L1029*Input!$C$21,0)+IF(Input!$D$22=2,M1029*Input!$C$22,0)</f>
        <v>0.83509138435171926</v>
      </c>
      <c r="P1029" s="59">
        <f>IF(Input!$D$19=3,J1029*Input!$C$19,0)+IF(Input!$D$20=3,K1029*Input!$C$20,0)+IF(Input!$D$21=3,L1029*Input!$C$21,0)+IF(Input!$D$22=3,M1029*Input!$C$22,0)</f>
        <v>0</v>
      </c>
      <c r="Q1029" s="75">
        <f>IF(Input!$D$19=4,J1029*Input!$C$19,0)+IF(Input!$D$20=4,K1029*Input!$C$20,0)+IF(Input!$D$21=4,L1029*Input!$C$21,0)+IF(Input!$D$22=4,M1029*Input!$C$22,0)</f>
        <v>0</v>
      </c>
      <c r="R1029" s="58">
        <v>63.83932093884453</v>
      </c>
      <c r="S1029" s="124">
        <f t="shared" si="15"/>
        <v>1.4474917328763135</v>
      </c>
    </row>
    <row r="1030" spans="8:19" x14ac:dyDescent="0.3">
      <c r="H1030" s="44">
        <v>1023</v>
      </c>
      <c r="I1030" s="56">
        <f>Bühler!I1056</f>
        <v>0.50420611885386835</v>
      </c>
      <c r="J1030" s="59">
        <f>Bühler!J1056</f>
        <v>1.6806870628462278</v>
      </c>
      <c r="K1030" s="59">
        <f>Bühler!K1056</f>
        <v>2.5210305942693414</v>
      </c>
      <c r="L1030" s="59">
        <f>Bühler!L1056</f>
        <v>12.100946852492839</v>
      </c>
      <c r="M1030" s="58">
        <f>Bühler!M1056</f>
        <v>0</v>
      </c>
      <c r="N1030" s="56">
        <f>IF(Input!$D$19=1,J1030*Input!$C$19,0)+IF(Input!$D$20=1,K1030*Input!$C$20,0)+IF(Input!$D$21=1,L1030*Input!$C$21,0)+IF(Input!$D$22=1,M1030*Input!$C$22,0)</f>
        <v>0.50420611885386835</v>
      </c>
      <c r="O1030" s="59">
        <f>IF(Input!$D$19=2,J1030*Input!$C$19,0)+IF(Input!$D$20=2,K1030*Input!$C$20,0)+IF(Input!$D$21=2,L1030*Input!$C$21,0)+IF(Input!$D$22=2,M1030*Input!$C$22,0)</f>
        <v>1.2605152971346707</v>
      </c>
      <c r="P1030" s="59">
        <f>IF(Input!$D$19=3,J1030*Input!$C$19,0)+IF(Input!$D$20=3,K1030*Input!$C$20,0)+IF(Input!$D$21=3,L1030*Input!$C$21,0)+IF(Input!$D$22=3,M1030*Input!$C$22,0)</f>
        <v>0</v>
      </c>
      <c r="Q1030" s="75">
        <f>IF(Input!$D$19=4,J1030*Input!$C$19,0)+IF(Input!$D$20=4,K1030*Input!$C$20,0)+IF(Input!$D$21=4,L1030*Input!$C$21,0)+IF(Input!$D$22=4,M1030*Input!$C$22,0)</f>
        <v>0</v>
      </c>
      <c r="R1030" s="58">
        <v>64.806622077898112</v>
      </c>
      <c r="S1030" s="124">
        <f t="shared" si="15"/>
        <v>2.1848931817000961</v>
      </c>
    </row>
    <row r="1031" spans="8:19" x14ac:dyDescent="0.3">
      <c r="H1031" s="44">
        <v>1024</v>
      </c>
      <c r="I1031" s="56">
        <f>Bühler!I1057</f>
        <v>0.50420611885386835</v>
      </c>
      <c r="J1031" s="59">
        <f>Bühler!J1057</f>
        <v>1.6806870628462278</v>
      </c>
      <c r="K1031" s="59">
        <f>Bühler!K1057</f>
        <v>2.5210305942693414</v>
      </c>
      <c r="L1031" s="59">
        <f>Bühler!L1057</f>
        <v>12.100946852492839</v>
      </c>
      <c r="M1031" s="58">
        <f>Bühler!M1057</f>
        <v>0</v>
      </c>
      <c r="N1031" s="56">
        <f>IF(Input!$D$19=1,J1031*Input!$C$19,0)+IF(Input!$D$20=1,K1031*Input!$C$20,0)+IF(Input!$D$21=1,L1031*Input!$C$21,0)+IF(Input!$D$22=1,M1031*Input!$C$22,0)</f>
        <v>0.50420611885386835</v>
      </c>
      <c r="O1031" s="59">
        <f>IF(Input!$D$19=2,J1031*Input!$C$19,0)+IF(Input!$D$20=2,K1031*Input!$C$20,0)+IF(Input!$D$21=2,L1031*Input!$C$21,0)+IF(Input!$D$22=2,M1031*Input!$C$22,0)</f>
        <v>1.2605152971346707</v>
      </c>
      <c r="P1031" s="59">
        <f>IF(Input!$D$19=3,J1031*Input!$C$19,0)+IF(Input!$D$20=3,K1031*Input!$C$20,0)+IF(Input!$D$21=3,L1031*Input!$C$21,0)+IF(Input!$D$22=3,M1031*Input!$C$22,0)</f>
        <v>0</v>
      </c>
      <c r="Q1031" s="75">
        <f>IF(Input!$D$19=4,J1031*Input!$C$19,0)+IF(Input!$D$20=4,K1031*Input!$C$20,0)+IF(Input!$D$21=4,L1031*Input!$C$21,0)+IF(Input!$D$22=4,M1031*Input!$C$22,0)</f>
        <v>0</v>
      </c>
      <c r="R1031" s="58">
        <v>63.978553396683544</v>
      </c>
      <c r="S1031" s="124">
        <f t="shared" si="15"/>
        <v>2.1848931817000961</v>
      </c>
    </row>
    <row r="1032" spans="8:19" x14ac:dyDescent="0.3">
      <c r="H1032" s="44">
        <v>1025</v>
      </c>
      <c r="I1032" s="56">
        <f>Bühler!I1058</f>
        <v>0.50420611885386835</v>
      </c>
      <c r="J1032" s="59">
        <f>Bühler!J1058</f>
        <v>1.6806870628462278</v>
      </c>
      <c r="K1032" s="59">
        <f>Bühler!K1058</f>
        <v>2.5210305942693414</v>
      </c>
      <c r="L1032" s="59">
        <f>Bühler!L1058</f>
        <v>12.100946852492839</v>
      </c>
      <c r="M1032" s="58">
        <f>Bühler!M1058</f>
        <v>0</v>
      </c>
      <c r="N1032" s="56">
        <f>IF(Input!$D$19=1,J1032*Input!$C$19,0)+IF(Input!$D$20=1,K1032*Input!$C$20,0)+IF(Input!$D$21=1,L1032*Input!$C$21,0)+IF(Input!$D$22=1,M1032*Input!$C$22,0)</f>
        <v>0.50420611885386835</v>
      </c>
      <c r="O1032" s="59">
        <f>IF(Input!$D$19=2,J1032*Input!$C$19,0)+IF(Input!$D$20=2,K1032*Input!$C$20,0)+IF(Input!$D$21=2,L1032*Input!$C$21,0)+IF(Input!$D$22=2,M1032*Input!$C$22,0)</f>
        <v>1.2605152971346707</v>
      </c>
      <c r="P1032" s="59">
        <f>IF(Input!$D$19=3,J1032*Input!$C$19,0)+IF(Input!$D$20=3,K1032*Input!$C$20,0)+IF(Input!$D$21=3,L1032*Input!$C$21,0)+IF(Input!$D$22=3,M1032*Input!$C$22,0)</f>
        <v>0</v>
      </c>
      <c r="Q1032" s="75">
        <f>IF(Input!$D$19=4,J1032*Input!$C$19,0)+IF(Input!$D$20=4,K1032*Input!$C$20,0)+IF(Input!$D$21=4,L1032*Input!$C$21,0)+IF(Input!$D$22=4,M1032*Input!$C$22,0)</f>
        <v>0</v>
      </c>
      <c r="R1032" s="58">
        <v>63.096169833026551</v>
      </c>
      <c r="S1032" s="124">
        <f t="shared" si="15"/>
        <v>2.1848931817000961</v>
      </c>
    </row>
    <row r="1033" spans="8:19" x14ac:dyDescent="0.3">
      <c r="H1033" s="44">
        <v>1026</v>
      </c>
      <c r="I1033" s="56">
        <f>Bühler!I1059</f>
        <v>0.50420611885386835</v>
      </c>
      <c r="J1033" s="59">
        <f>Bühler!J1059</f>
        <v>1.6806870628462278</v>
      </c>
      <c r="K1033" s="59">
        <f>Bühler!K1059</f>
        <v>2.5210305942693414</v>
      </c>
      <c r="L1033" s="59">
        <f>Bühler!L1059</f>
        <v>12.100946852492839</v>
      </c>
      <c r="M1033" s="58">
        <f>Bühler!M1059</f>
        <v>0</v>
      </c>
      <c r="N1033" s="56">
        <f>IF(Input!$D$19=1,J1033*Input!$C$19,0)+IF(Input!$D$20=1,K1033*Input!$C$20,0)+IF(Input!$D$21=1,L1033*Input!$C$21,0)+IF(Input!$D$22=1,M1033*Input!$C$22,0)</f>
        <v>0.50420611885386835</v>
      </c>
      <c r="O1033" s="59">
        <f>IF(Input!$D$19=2,J1033*Input!$C$19,0)+IF(Input!$D$20=2,K1033*Input!$C$20,0)+IF(Input!$D$21=2,L1033*Input!$C$21,0)+IF(Input!$D$22=2,M1033*Input!$C$22,0)</f>
        <v>1.2605152971346707</v>
      </c>
      <c r="P1033" s="59">
        <f>IF(Input!$D$19=3,J1033*Input!$C$19,0)+IF(Input!$D$20=3,K1033*Input!$C$20,0)+IF(Input!$D$21=3,L1033*Input!$C$21,0)+IF(Input!$D$22=3,M1033*Input!$C$22,0)</f>
        <v>0</v>
      </c>
      <c r="Q1033" s="75">
        <f>IF(Input!$D$19=4,J1033*Input!$C$19,0)+IF(Input!$D$20=4,K1033*Input!$C$20,0)+IF(Input!$D$21=4,L1033*Input!$C$21,0)+IF(Input!$D$22=4,M1033*Input!$C$22,0)</f>
        <v>0</v>
      </c>
      <c r="R1033" s="58">
        <v>62.487898425117152</v>
      </c>
      <c r="S1033" s="124">
        <f t="shared" ref="S1033:S1096" si="16">I1033+J1033</f>
        <v>2.1848931817000961</v>
      </c>
    </row>
    <row r="1034" spans="8:19" x14ac:dyDescent="0.3">
      <c r="H1034" s="44">
        <v>1027</v>
      </c>
      <c r="I1034" s="56">
        <f>Bühler!I1060</f>
        <v>0.50420611885386835</v>
      </c>
      <c r="J1034" s="59">
        <f>Bühler!J1060</f>
        <v>1.6806870628462278</v>
      </c>
      <c r="K1034" s="59">
        <f>Bühler!K1060</f>
        <v>2.5210305942693414</v>
      </c>
      <c r="L1034" s="59">
        <f>Bühler!L1060</f>
        <v>12.100946852492839</v>
      </c>
      <c r="M1034" s="58">
        <f>Bühler!M1060</f>
        <v>0</v>
      </c>
      <c r="N1034" s="56">
        <f>IF(Input!$D$19=1,J1034*Input!$C$19,0)+IF(Input!$D$20=1,K1034*Input!$C$20,0)+IF(Input!$D$21=1,L1034*Input!$C$21,0)+IF(Input!$D$22=1,M1034*Input!$C$22,0)</f>
        <v>0.50420611885386835</v>
      </c>
      <c r="O1034" s="59">
        <f>IF(Input!$D$19=2,J1034*Input!$C$19,0)+IF(Input!$D$20=2,K1034*Input!$C$20,0)+IF(Input!$D$21=2,L1034*Input!$C$21,0)+IF(Input!$D$22=2,M1034*Input!$C$22,0)</f>
        <v>1.2605152971346707</v>
      </c>
      <c r="P1034" s="59">
        <f>IF(Input!$D$19=3,J1034*Input!$C$19,0)+IF(Input!$D$20=3,K1034*Input!$C$20,0)+IF(Input!$D$21=3,L1034*Input!$C$21,0)+IF(Input!$D$22=3,M1034*Input!$C$22,0)</f>
        <v>0</v>
      </c>
      <c r="Q1034" s="75">
        <f>IF(Input!$D$19=4,J1034*Input!$C$19,0)+IF(Input!$D$20=4,K1034*Input!$C$20,0)+IF(Input!$D$21=4,L1034*Input!$C$21,0)+IF(Input!$D$22=4,M1034*Input!$C$22,0)</f>
        <v>0</v>
      </c>
      <c r="R1034" s="58">
        <v>60.682435079355571</v>
      </c>
      <c r="S1034" s="124">
        <f t="shared" si="16"/>
        <v>2.1848931817000961</v>
      </c>
    </row>
    <row r="1035" spans="8:19" x14ac:dyDescent="0.3">
      <c r="H1035" s="44">
        <v>1028</v>
      </c>
      <c r="I1035" s="56">
        <f>Bühler!I1061</f>
        <v>0.42227262454011472</v>
      </c>
      <c r="J1035" s="59">
        <f>Bühler!J1061</f>
        <v>1.4075754151337159</v>
      </c>
      <c r="K1035" s="59">
        <f>Bühler!K1061</f>
        <v>2.1113631227005736</v>
      </c>
      <c r="L1035" s="59">
        <f>Bühler!L1061</f>
        <v>10.134542988962753</v>
      </c>
      <c r="M1035" s="58">
        <f>Bühler!M1061</f>
        <v>0</v>
      </c>
      <c r="N1035" s="56">
        <f>IF(Input!$D$19=1,J1035*Input!$C$19,0)+IF(Input!$D$20=1,K1035*Input!$C$20,0)+IF(Input!$D$21=1,L1035*Input!$C$21,0)+IF(Input!$D$22=1,M1035*Input!$C$22,0)</f>
        <v>0.42227262454011477</v>
      </c>
      <c r="O1035" s="59">
        <f>IF(Input!$D$19=2,J1035*Input!$C$19,0)+IF(Input!$D$20=2,K1035*Input!$C$20,0)+IF(Input!$D$21=2,L1035*Input!$C$21,0)+IF(Input!$D$22=2,M1035*Input!$C$22,0)</f>
        <v>1.0556815613502868</v>
      </c>
      <c r="P1035" s="59">
        <f>IF(Input!$D$19=3,J1035*Input!$C$19,0)+IF(Input!$D$20=3,K1035*Input!$C$20,0)+IF(Input!$D$21=3,L1035*Input!$C$21,0)+IF(Input!$D$22=3,M1035*Input!$C$22,0)</f>
        <v>0</v>
      </c>
      <c r="Q1035" s="75">
        <f>IF(Input!$D$19=4,J1035*Input!$C$19,0)+IF(Input!$D$20=4,K1035*Input!$C$20,0)+IF(Input!$D$21=4,L1035*Input!$C$21,0)+IF(Input!$D$22=4,M1035*Input!$C$22,0)</f>
        <v>0</v>
      </c>
      <c r="R1035" s="58">
        <v>59.905820753706948</v>
      </c>
      <c r="S1035" s="124">
        <f t="shared" si="16"/>
        <v>1.8298480396738306</v>
      </c>
    </row>
    <row r="1036" spans="8:19" x14ac:dyDescent="0.3">
      <c r="H1036" s="44">
        <v>1029</v>
      </c>
      <c r="I1036" s="56">
        <f>Bühler!I1062</f>
        <v>0.34664170671203443</v>
      </c>
      <c r="J1036" s="59">
        <f>Bühler!J1062</f>
        <v>1.1554723557067816</v>
      </c>
      <c r="K1036" s="59">
        <f>Bühler!K1062</f>
        <v>1.7332085335601721</v>
      </c>
      <c r="L1036" s="59">
        <f>Bühler!L1062</f>
        <v>8.3194009610888262</v>
      </c>
      <c r="M1036" s="58">
        <f>Bühler!M1062</f>
        <v>0</v>
      </c>
      <c r="N1036" s="56">
        <f>IF(Input!$D$19=1,J1036*Input!$C$19,0)+IF(Input!$D$20=1,K1036*Input!$C$20,0)+IF(Input!$D$21=1,L1036*Input!$C$21,0)+IF(Input!$D$22=1,M1036*Input!$C$22,0)</f>
        <v>0.34664170671203448</v>
      </c>
      <c r="O1036" s="59">
        <f>IF(Input!$D$19=2,J1036*Input!$C$19,0)+IF(Input!$D$20=2,K1036*Input!$C$20,0)+IF(Input!$D$21=2,L1036*Input!$C$21,0)+IF(Input!$D$22=2,M1036*Input!$C$22,0)</f>
        <v>0.86660426678008606</v>
      </c>
      <c r="P1036" s="59">
        <f>IF(Input!$D$19=3,J1036*Input!$C$19,0)+IF(Input!$D$20=3,K1036*Input!$C$20,0)+IF(Input!$D$21=3,L1036*Input!$C$21,0)+IF(Input!$D$22=3,M1036*Input!$C$22,0)</f>
        <v>0</v>
      </c>
      <c r="Q1036" s="75">
        <f>IF(Input!$D$19=4,J1036*Input!$C$19,0)+IF(Input!$D$20=4,K1036*Input!$C$20,0)+IF(Input!$D$21=4,L1036*Input!$C$21,0)+IF(Input!$D$22=4,M1036*Input!$C$22,0)</f>
        <v>0</v>
      </c>
      <c r="R1036" s="58">
        <v>59.244277306367799</v>
      </c>
      <c r="S1036" s="124">
        <f t="shared" si="16"/>
        <v>1.5021140624188161</v>
      </c>
    </row>
    <row r="1037" spans="8:19" x14ac:dyDescent="0.3">
      <c r="H1037" s="44">
        <v>1030</v>
      </c>
      <c r="I1037" s="56">
        <f>Bühler!I1063</f>
        <v>0.25210305942693417</v>
      </c>
      <c r="J1037" s="59">
        <f>Bühler!J1063</f>
        <v>0.84034353142311391</v>
      </c>
      <c r="K1037" s="59">
        <f>Bühler!K1063</f>
        <v>1.2605152971346707</v>
      </c>
      <c r="L1037" s="59">
        <f>Bühler!L1063</f>
        <v>6.0504734262464197</v>
      </c>
      <c r="M1037" s="58">
        <f>Bühler!M1063</f>
        <v>0</v>
      </c>
      <c r="N1037" s="56">
        <f>IF(Input!$D$19=1,J1037*Input!$C$19,0)+IF(Input!$D$20=1,K1037*Input!$C$20,0)+IF(Input!$D$21=1,L1037*Input!$C$21,0)+IF(Input!$D$22=1,M1037*Input!$C$22,0)</f>
        <v>0.25210305942693417</v>
      </c>
      <c r="O1037" s="59">
        <f>IF(Input!$D$19=2,J1037*Input!$C$19,0)+IF(Input!$D$20=2,K1037*Input!$C$20,0)+IF(Input!$D$21=2,L1037*Input!$C$21,0)+IF(Input!$D$22=2,M1037*Input!$C$22,0)</f>
        <v>0.63025764856733535</v>
      </c>
      <c r="P1037" s="59">
        <f>IF(Input!$D$19=3,J1037*Input!$C$19,0)+IF(Input!$D$20=3,K1037*Input!$C$20,0)+IF(Input!$D$21=3,L1037*Input!$C$21,0)+IF(Input!$D$22=3,M1037*Input!$C$22,0)</f>
        <v>0</v>
      </c>
      <c r="Q1037" s="75">
        <f>IF(Input!$D$19=4,J1037*Input!$C$19,0)+IF(Input!$D$20=4,K1037*Input!$C$20,0)+IF(Input!$D$21=4,L1037*Input!$C$21,0)+IF(Input!$D$22=4,M1037*Input!$C$22,0)</f>
        <v>0</v>
      </c>
      <c r="R1037" s="58">
        <v>57.143538068008553</v>
      </c>
      <c r="S1037" s="124">
        <f t="shared" si="16"/>
        <v>1.092446590850048</v>
      </c>
    </row>
    <row r="1038" spans="8:19" x14ac:dyDescent="0.3">
      <c r="H1038" s="44">
        <v>1031</v>
      </c>
      <c r="I1038" s="56">
        <f>Bühler!I1064</f>
        <v>0.23949790645558741</v>
      </c>
      <c r="J1038" s="59">
        <f>Bühler!J1064</f>
        <v>0.79832635485195813</v>
      </c>
      <c r="K1038" s="59">
        <f>Bühler!K1064</f>
        <v>1.1974895322779371</v>
      </c>
      <c r="L1038" s="59">
        <f>Bühler!L1064</f>
        <v>5.7479497549340977</v>
      </c>
      <c r="M1038" s="58">
        <f>Bühler!M1064</f>
        <v>0</v>
      </c>
      <c r="N1038" s="56">
        <f>IF(Input!$D$19=1,J1038*Input!$C$19,0)+IF(Input!$D$20=1,K1038*Input!$C$20,0)+IF(Input!$D$21=1,L1038*Input!$C$21,0)+IF(Input!$D$22=1,M1038*Input!$C$22,0)</f>
        <v>0.23949790645558744</v>
      </c>
      <c r="O1038" s="59">
        <f>IF(Input!$D$19=2,J1038*Input!$C$19,0)+IF(Input!$D$20=2,K1038*Input!$C$20,0)+IF(Input!$D$21=2,L1038*Input!$C$21,0)+IF(Input!$D$22=2,M1038*Input!$C$22,0)</f>
        <v>0.59874476613896854</v>
      </c>
      <c r="P1038" s="59">
        <f>IF(Input!$D$19=3,J1038*Input!$C$19,0)+IF(Input!$D$20=3,K1038*Input!$C$20,0)+IF(Input!$D$21=3,L1038*Input!$C$21,0)+IF(Input!$D$22=3,M1038*Input!$C$22,0)</f>
        <v>0</v>
      </c>
      <c r="Q1038" s="75">
        <f>IF(Input!$D$19=4,J1038*Input!$C$19,0)+IF(Input!$D$20=4,K1038*Input!$C$20,0)+IF(Input!$D$21=4,L1038*Input!$C$21,0)+IF(Input!$D$22=4,M1038*Input!$C$22,0)</f>
        <v>0</v>
      </c>
      <c r="R1038" s="58">
        <v>57.022848029332351</v>
      </c>
      <c r="S1038" s="124">
        <f t="shared" si="16"/>
        <v>1.0378242613075455</v>
      </c>
    </row>
    <row r="1039" spans="8:19" x14ac:dyDescent="0.3">
      <c r="H1039" s="44">
        <v>1032</v>
      </c>
      <c r="I1039" s="56">
        <f>Bühler!I1065</f>
        <v>0.23949790645558741</v>
      </c>
      <c r="J1039" s="59">
        <f>Bühler!J1065</f>
        <v>0.79832635485195813</v>
      </c>
      <c r="K1039" s="59">
        <f>Bühler!K1065</f>
        <v>1.1974895322779371</v>
      </c>
      <c r="L1039" s="59">
        <f>Bühler!L1065</f>
        <v>5.7479497549340977</v>
      </c>
      <c r="M1039" s="58">
        <f>Bühler!M1065</f>
        <v>0</v>
      </c>
      <c r="N1039" s="56">
        <f>IF(Input!$D$19=1,J1039*Input!$C$19,0)+IF(Input!$D$20=1,K1039*Input!$C$20,0)+IF(Input!$D$21=1,L1039*Input!$C$21,0)+IF(Input!$D$22=1,M1039*Input!$C$22,0)</f>
        <v>0.23949790645558744</v>
      </c>
      <c r="O1039" s="59">
        <f>IF(Input!$D$19=2,J1039*Input!$C$19,0)+IF(Input!$D$20=2,K1039*Input!$C$20,0)+IF(Input!$D$21=2,L1039*Input!$C$21,0)+IF(Input!$D$22=2,M1039*Input!$C$22,0)</f>
        <v>0.59874476613896854</v>
      </c>
      <c r="P1039" s="59">
        <f>IF(Input!$D$19=3,J1039*Input!$C$19,0)+IF(Input!$D$20=3,K1039*Input!$C$20,0)+IF(Input!$D$21=3,L1039*Input!$C$21,0)+IF(Input!$D$22=3,M1039*Input!$C$22,0)</f>
        <v>0</v>
      </c>
      <c r="Q1039" s="75">
        <f>IF(Input!$D$19=4,J1039*Input!$C$19,0)+IF(Input!$D$20=4,K1039*Input!$C$20,0)+IF(Input!$D$21=4,L1039*Input!$C$21,0)+IF(Input!$D$22=4,M1039*Input!$C$22,0)</f>
        <v>0</v>
      </c>
      <c r="R1039" s="58">
        <v>56.388516117912978</v>
      </c>
      <c r="S1039" s="124">
        <f t="shared" si="16"/>
        <v>1.0378242613075455</v>
      </c>
    </row>
    <row r="1040" spans="8:19" x14ac:dyDescent="0.3">
      <c r="H1040" s="44">
        <v>1033</v>
      </c>
      <c r="I1040" s="56">
        <f>Bühler!I1066</f>
        <v>0.21855574117767948</v>
      </c>
      <c r="J1040" s="59">
        <f>Bühler!J1066</f>
        <v>0.72851913725893169</v>
      </c>
      <c r="K1040" s="59">
        <f>Bühler!K1066</f>
        <v>1.0927787058883973</v>
      </c>
      <c r="L1040" s="59">
        <f>Bühler!L1066</f>
        <v>5.2453377882643073</v>
      </c>
      <c r="M1040" s="58">
        <f>Bühler!M1066</f>
        <v>0</v>
      </c>
      <c r="N1040" s="56">
        <f>IF(Input!$D$19=1,J1040*Input!$C$19,0)+IF(Input!$D$20=1,K1040*Input!$C$20,0)+IF(Input!$D$21=1,L1040*Input!$C$21,0)+IF(Input!$D$22=1,M1040*Input!$C$22,0)</f>
        <v>0.21855574117767951</v>
      </c>
      <c r="O1040" s="59">
        <f>IF(Input!$D$19=2,J1040*Input!$C$19,0)+IF(Input!$D$20=2,K1040*Input!$C$20,0)+IF(Input!$D$21=2,L1040*Input!$C$21,0)+IF(Input!$D$22=2,M1040*Input!$C$22,0)</f>
        <v>0.54638935294419866</v>
      </c>
      <c r="P1040" s="59">
        <f>IF(Input!$D$19=3,J1040*Input!$C$19,0)+IF(Input!$D$20=3,K1040*Input!$C$20,0)+IF(Input!$D$21=3,L1040*Input!$C$21,0)+IF(Input!$D$22=3,M1040*Input!$C$22,0)</f>
        <v>0</v>
      </c>
      <c r="Q1040" s="75">
        <f>IF(Input!$D$19=4,J1040*Input!$C$19,0)+IF(Input!$D$20=4,K1040*Input!$C$20,0)+IF(Input!$D$21=4,L1040*Input!$C$21,0)+IF(Input!$D$22=4,M1040*Input!$C$22,0)</f>
        <v>0</v>
      </c>
      <c r="R1040" s="58">
        <v>56.039739509275421</v>
      </c>
      <c r="S1040" s="124">
        <f t="shared" si="16"/>
        <v>0.9470748784366112</v>
      </c>
    </row>
    <row r="1041" spans="8:19" x14ac:dyDescent="0.3">
      <c r="H1041" s="44">
        <v>1034</v>
      </c>
      <c r="I1041" s="56">
        <f>Bühler!I1067</f>
        <v>0.21855574117767948</v>
      </c>
      <c r="J1041" s="59">
        <f>Bühler!J1067</f>
        <v>0.72851913725893169</v>
      </c>
      <c r="K1041" s="59">
        <f>Bühler!K1067</f>
        <v>1.0927787058883973</v>
      </c>
      <c r="L1041" s="59">
        <f>Bühler!L1067</f>
        <v>5.2453377882643073</v>
      </c>
      <c r="M1041" s="58">
        <f>Bühler!M1067</f>
        <v>0</v>
      </c>
      <c r="N1041" s="56">
        <f>IF(Input!$D$19=1,J1041*Input!$C$19,0)+IF(Input!$D$20=1,K1041*Input!$C$20,0)+IF(Input!$D$21=1,L1041*Input!$C$21,0)+IF(Input!$D$22=1,M1041*Input!$C$22,0)</f>
        <v>0.21855574117767951</v>
      </c>
      <c r="O1041" s="59">
        <f>IF(Input!$D$19=2,J1041*Input!$C$19,0)+IF(Input!$D$20=2,K1041*Input!$C$20,0)+IF(Input!$D$21=2,L1041*Input!$C$21,0)+IF(Input!$D$22=2,M1041*Input!$C$22,0)</f>
        <v>0.54638935294419866</v>
      </c>
      <c r="P1041" s="59">
        <f>IF(Input!$D$19=3,J1041*Input!$C$19,0)+IF(Input!$D$20=3,K1041*Input!$C$20,0)+IF(Input!$D$21=3,L1041*Input!$C$21,0)+IF(Input!$D$22=3,M1041*Input!$C$22,0)</f>
        <v>0</v>
      </c>
      <c r="Q1041" s="75">
        <f>IF(Input!$D$19=4,J1041*Input!$C$19,0)+IF(Input!$D$20=4,K1041*Input!$C$20,0)+IF(Input!$D$21=4,L1041*Input!$C$21,0)+IF(Input!$D$22=4,M1041*Input!$C$22,0)</f>
        <v>0</v>
      </c>
      <c r="R1041" s="58">
        <v>56.822625936739605</v>
      </c>
      <c r="S1041" s="124">
        <f t="shared" si="16"/>
        <v>0.9470748784366112</v>
      </c>
    </row>
    <row r="1042" spans="8:19" x14ac:dyDescent="0.3">
      <c r="H1042" s="44">
        <v>1035</v>
      </c>
      <c r="I1042" s="56">
        <f>Bühler!I1068</f>
        <v>0.21855574117767948</v>
      </c>
      <c r="J1042" s="59">
        <f>Bühler!J1068</f>
        <v>0.72851913725893169</v>
      </c>
      <c r="K1042" s="59">
        <f>Bühler!K1068</f>
        <v>1.0927787058883973</v>
      </c>
      <c r="L1042" s="59">
        <f>Bühler!L1068</f>
        <v>5.2453377882643073</v>
      </c>
      <c r="M1042" s="58">
        <f>Bühler!M1068</f>
        <v>0</v>
      </c>
      <c r="N1042" s="56">
        <f>IF(Input!$D$19=1,J1042*Input!$C$19,0)+IF(Input!$D$20=1,K1042*Input!$C$20,0)+IF(Input!$D$21=1,L1042*Input!$C$21,0)+IF(Input!$D$22=1,M1042*Input!$C$22,0)</f>
        <v>0.21855574117767951</v>
      </c>
      <c r="O1042" s="59">
        <f>IF(Input!$D$19=2,J1042*Input!$C$19,0)+IF(Input!$D$20=2,K1042*Input!$C$20,0)+IF(Input!$D$21=2,L1042*Input!$C$21,0)+IF(Input!$D$22=2,M1042*Input!$C$22,0)</f>
        <v>0.54638935294419866</v>
      </c>
      <c r="P1042" s="59">
        <f>IF(Input!$D$19=3,J1042*Input!$C$19,0)+IF(Input!$D$20=3,K1042*Input!$C$20,0)+IF(Input!$D$21=3,L1042*Input!$C$21,0)+IF(Input!$D$22=3,M1042*Input!$C$22,0)</f>
        <v>0</v>
      </c>
      <c r="Q1042" s="75">
        <f>IF(Input!$D$19=4,J1042*Input!$C$19,0)+IF(Input!$D$20=4,K1042*Input!$C$20,0)+IF(Input!$D$21=4,L1042*Input!$C$21,0)+IF(Input!$D$22=4,M1042*Input!$C$22,0)</f>
        <v>0</v>
      </c>
      <c r="R1042" s="58">
        <v>57.810295200840009</v>
      </c>
      <c r="S1042" s="124">
        <f t="shared" si="16"/>
        <v>0.9470748784366112</v>
      </c>
    </row>
    <row r="1043" spans="8:19" x14ac:dyDescent="0.3">
      <c r="H1043" s="44">
        <v>1036</v>
      </c>
      <c r="I1043" s="56">
        <f>Bühler!I1069</f>
        <v>0.21855574117767948</v>
      </c>
      <c r="J1043" s="59">
        <f>Bühler!J1069</f>
        <v>0.72851913725893169</v>
      </c>
      <c r="K1043" s="59">
        <f>Bühler!K1069</f>
        <v>1.0927787058883973</v>
      </c>
      <c r="L1043" s="59">
        <f>Bühler!L1069</f>
        <v>5.2453377882643073</v>
      </c>
      <c r="M1043" s="58">
        <f>Bühler!M1069</f>
        <v>0</v>
      </c>
      <c r="N1043" s="56">
        <f>IF(Input!$D$19=1,J1043*Input!$C$19,0)+IF(Input!$D$20=1,K1043*Input!$C$20,0)+IF(Input!$D$21=1,L1043*Input!$C$21,0)+IF(Input!$D$22=1,M1043*Input!$C$22,0)</f>
        <v>0.21855574117767951</v>
      </c>
      <c r="O1043" s="59">
        <f>IF(Input!$D$19=2,J1043*Input!$C$19,0)+IF(Input!$D$20=2,K1043*Input!$C$20,0)+IF(Input!$D$21=2,L1043*Input!$C$21,0)+IF(Input!$D$22=2,M1043*Input!$C$22,0)</f>
        <v>0.54638935294419866</v>
      </c>
      <c r="P1043" s="59">
        <f>IF(Input!$D$19=3,J1043*Input!$C$19,0)+IF(Input!$D$20=3,K1043*Input!$C$20,0)+IF(Input!$D$21=3,L1043*Input!$C$21,0)+IF(Input!$D$22=3,M1043*Input!$C$22,0)</f>
        <v>0</v>
      </c>
      <c r="Q1043" s="75">
        <f>IF(Input!$D$19=4,J1043*Input!$C$19,0)+IF(Input!$D$20=4,K1043*Input!$C$20,0)+IF(Input!$D$21=4,L1043*Input!$C$21,0)+IF(Input!$D$22=4,M1043*Input!$C$22,0)</f>
        <v>0</v>
      </c>
      <c r="R1043" s="58">
        <v>57.661965909386872</v>
      </c>
      <c r="S1043" s="124">
        <f t="shared" si="16"/>
        <v>0.9470748784366112</v>
      </c>
    </row>
    <row r="1044" spans="8:19" x14ac:dyDescent="0.3">
      <c r="H1044" s="44">
        <v>1037</v>
      </c>
      <c r="I1044" s="56">
        <f>Bühler!I1070</f>
        <v>0.21855574117767948</v>
      </c>
      <c r="J1044" s="59">
        <f>Bühler!J1070</f>
        <v>0.72851913725893169</v>
      </c>
      <c r="K1044" s="59">
        <f>Bühler!K1070</f>
        <v>1.0927787058883973</v>
      </c>
      <c r="L1044" s="59">
        <f>Bühler!L1070</f>
        <v>5.2453377882643073</v>
      </c>
      <c r="M1044" s="58">
        <f>Bühler!M1070</f>
        <v>0</v>
      </c>
      <c r="N1044" s="56">
        <f>IF(Input!$D$19=1,J1044*Input!$C$19,0)+IF(Input!$D$20=1,K1044*Input!$C$20,0)+IF(Input!$D$21=1,L1044*Input!$C$21,0)+IF(Input!$D$22=1,M1044*Input!$C$22,0)</f>
        <v>0.21855574117767951</v>
      </c>
      <c r="O1044" s="59">
        <f>IF(Input!$D$19=2,J1044*Input!$C$19,0)+IF(Input!$D$20=2,K1044*Input!$C$20,0)+IF(Input!$D$21=2,L1044*Input!$C$21,0)+IF(Input!$D$22=2,M1044*Input!$C$22,0)</f>
        <v>0.54638935294419866</v>
      </c>
      <c r="P1044" s="59">
        <f>IF(Input!$D$19=3,J1044*Input!$C$19,0)+IF(Input!$D$20=3,K1044*Input!$C$20,0)+IF(Input!$D$21=3,L1044*Input!$C$21,0)+IF(Input!$D$22=3,M1044*Input!$C$22,0)</f>
        <v>0</v>
      </c>
      <c r="Q1044" s="75">
        <f>IF(Input!$D$19=4,J1044*Input!$C$19,0)+IF(Input!$D$20=4,K1044*Input!$C$20,0)+IF(Input!$D$21=4,L1044*Input!$C$21,0)+IF(Input!$D$22=4,M1044*Input!$C$22,0)</f>
        <v>0</v>
      </c>
      <c r="R1044" s="58">
        <v>59.625756965063353</v>
      </c>
      <c r="S1044" s="124">
        <f t="shared" si="16"/>
        <v>0.9470748784366112</v>
      </c>
    </row>
    <row r="1045" spans="8:19" x14ac:dyDescent="0.3">
      <c r="H1045" s="44">
        <v>1038</v>
      </c>
      <c r="I1045" s="56">
        <f>Bühler!I1071</f>
        <v>0.2841224635309833</v>
      </c>
      <c r="J1045" s="59">
        <f>Bühler!J1071</f>
        <v>0.94707487843661109</v>
      </c>
      <c r="K1045" s="59">
        <f>Bühler!K1071</f>
        <v>1.4206123176549166</v>
      </c>
      <c r="L1045" s="59">
        <f>Bühler!L1071</f>
        <v>6.8189391247435989</v>
      </c>
      <c r="M1045" s="58">
        <f>Bühler!M1071</f>
        <v>0</v>
      </c>
      <c r="N1045" s="56">
        <f>IF(Input!$D$19=1,J1045*Input!$C$19,0)+IF(Input!$D$20=1,K1045*Input!$C$20,0)+IF(Input!$D$21=1,L1045*Input!$C$21,0)+IF(Input!$D$22=1,M1045*Input!$C$22,0)</f>
        <v>0.2841224635309833</v>
      </c>
      <c r="O1045" s="59">
        <f>IF(Input!$D$19=2,J1045*Input!$C$19,0)+IF(Input!$D$20=2,K1045*Input!$C$20,0)+IF(Input!$D$21=2,L1045*Input!$C$21,0)+IF(Input!$D$22=2,M1045*Input!$C$22,0)</f>
        <v>0.71030615882745829</v>
      </c>
      <c r="P1045" s="59">
        <f>IF(Input!$D$19=3,J1045*Input!$C$19,0)+IF(Input!$D$20=3,K1045*Input!$C$20,0)+IF(Input!$D$21=3,L1045*Input!$C$21,0)+IF(Input!$D$22=3,M1045*Input!$C$22,0)</f>
        <v>0</v>
      </c>
      <c r="Q1045" s="75">
        <f>IF(Input!$D$19=4,J1045*Input!$C$19,0)+IF(Input!$D$20=4,K1045*Input!$C$20,0)+IF(Input!$D$21=4,L1045*Input!$C$21,0)+IF(Input!$D$22=4,M1045*Input!$C$22,0)</f>
        <v>0</v>
      </c>
      <c r="R1045" s="58">
        <v>63.090214551974654</v>
      </c>
      <c r="S1045" s="124">
        <f t="shared" si="16"/>
        <v>1.2311973419675943</v>
      </c>
    </row>
    <row r="1046" spans="8:19" x14ac:dyDescent="0.3">
      <c r="H1046" s="44">
        <v>1039</v>
      </c>
      <c r="I1046" s="56">
        <f>Bühler!I1072</f>
        <v>0.31690582470763523</v>
      </c>
      <c r="J1046" s="59">
        <f>Bühler!J1072</f>
        <v>1.0563527490254507</v>
      </c>
      <c r="K1046" s="59">
        <f>Bühler!K1072</f>
        <v>1.5845291235381762</v>
      </c>
      <c r="L1046" s="59">
        <f>Bühler!L1072</f>
        <v>7.6057397929832451</v>
      </c>
      <c r="M1046" s="58">
        <f>Bühler!M1072</f>
        <v>0</v>
      </c>
      <c r="N1046" s="56">
        <f>IF(Input!$D$19=1,J1046*Input!$C$19,0)+IF(Input!$D$20=1,K1046*Input!$C$20,0)+IF(Input!$D$21=1,L1046*Input!$C$21,0)+IF(Input!$D$22=1,M1046*Input!$C$22,0)</f>
        <v>0.31690582470763523</v>
      </c>
      <c r="O1046" s="59">
        <f>IF(Input!$D$19=2,J1046*Input!$C$19,0)+IF(Input!$D$20=2,K1046*Input!$C$20,0)+IF(Input!$D$21=2,L1046*Input!$C$21,0)+IF(Input!$D$22=2,M1046*Input!$C$22,0)</f>
        <v>0.7922645617690881</v>
      </c>
      <c r="P1046" s="59">
        <f>IF(Input!$D$19=3,J1046*Input!$C$19,0)+IF(Input!$D$20=3,K1046*Input!$C$20,0)+IF(Input!$D$21=3,L1046*Input!$C$21,0)+IF(Input!$D$22=3,M1046*Input!$C$22,0)</f>
        <v>0</v>
      </c>
      <c r="Q1046" s="75">
        <f>IF(Input!$D$19=4,J1046*Input!$C$19,0)+IF(Input!$D$20=4,K1046*Input!$C$20,0)+IF(Input!$D$21=4,L1046*Input!$C$21,0)+IF(Input!$D$22=4,M1046*Input!$C$22,0)</f>
        <v>0</v>
      </c>
      <c r="R1046" s="58">
        <v>65.338762827298325</v>
      </c>
      <c r="S1046" s="124">
        <f t="shared" si="16"/>
        <v>1.373258573733086</v>
      </c>
    </row>
    <row r="1047" spans="8:19" x14ac:dyDescent="0.3">
      <c r="H1047" s="44">
        <v>1040</v>
      </c>
      <c r="I1047" s="56">
        <f>Bühler!I1073</f>
        <v>0.32783361176651921</v>
      </c>
      <c r="J1047" s="59">
        <f>Bühler!J1073</f>
        <v>1.0927787058883973</v>
      </c>
      <c r="K1047" s="59">
        <f>Bühler!K1073</f>
        <v>1.6391680588325961</v>
      </c>
      <c r="L1047" s="59">
        <f>Bühler!L1073</f>
        <v>7.8680066823964605</v>
      </c>
      <c r="M1047" s="58">
        <f>Bühler!M1073</f>
        <v>0</v>
      </c>
      <c r="N1047" s="56">
        <f>IF(Input!$D$19=1,J1047*Input!$C$19,0)+IF(Input!$D$20=1,K1047*Input!$C$20,0)+IF(Input!$D$21=1,L1047*Input!$C$21,0)+IF(Input!$D$22=1,M1047*Input!$C$22,0)</f>
        <v>0.32783361176651921</v>
      </c>
      <c r="O1047" s="59">
        <f>IF(Input!$D$19=2,J1047*Input!$C$19,0)+IF(Input!$D$20=2,K1047*Input!$C$20,0)+IF(Input!$D$21=2,L1047*Input!$C$21,0)+IF(Input!$D$22=2,M1047*Input!$C$22,0)</f>
        <v>0.81958402941629804</v>
      </c>
      <c r="P1047" s="59">
        <f>IF(Input!$D$19=3,J1047*Input!$C$19,0)+IF(Input!$D$20=3,K1047*Input!$C$20,0)+IF(Input!$D$21=3,L1047*Input!$C$21,0)+IF(Input!$D$22=3,M1047*Input!$C$22,0)</f>
        <v>0</v>
      </c>
      <c r="Q1047" s="75">
        <f>IF(Input!$D$19=4,J1047*Input!$C$19,0)+IF(Input!$D$20=4,K1047*Input!$C$20,0)+IF(Input!$D$21=4,L1047*Input!$C$21,0)+IF(Input!$D$22=4,M1047*Input!$C$22,0)</f>
        <v>0</v>
      </c>
      <c r="R1047" s="58">
        <v>65.495749173057547</v>
      </c>
      <c r="S1047" s="124">
        <f t="shared" si="16"/>
        <v>1.4206123176549166</v>
      </c>
    </row>
    <row r="1048" spans="8:19" x14ac:dyDescent="0.3">
      <c r="H1048" s="44">
        <v>1041</v>
      </c>
      <c r="I1048" s="56">
        <f>Bühler!I1074</f>
        <v>0.32783361176651921</v>
      </c>
      <c r="J1048" s="59">
        <f>Bühler!J1074</f>
        <v>1.0927787058883973</v>
      </c>
      <c r="K1048" s="59">
        <f>Bühler!K1074</f>
        <v>1.6391680588325961</v>
      </c>
      <c r="L1048" s="59">
        <f>Bühler!L1074</f>
        <v>7.8680066823964605</v>
      </c>
      <c r="M1048" s="58">
        <f>Bühler!M1074</f>
        <v>0</v>
      </c>
      <c r="N1048" s="56">
        <f>IF(Input!$D$19=1,J1048*Input!$C$19,0)+IF(Input!$D$20=1,K1048*Input!$C$20,0)+IF(Input!$D$21=1,L1048*Input!$C$21,0)+IF(Input!$D$22=1,M1048*Input!$C$22,0)</f>
        <v>0.32783361176651921</v>
      </c>
      <c r="O1048" s="59">
        <f>IF(Input!$D$19=2,J1048*Input!$C$19,0)+IF(Input!$D$20=2,K1048*Input!$C$20,0)+IF(Input!$D$21=2,L1048*Input!$C$21,0)+IF(Input!$D$22=2,M1048*Input!$C$22,0)</f>
        <v>0.81958402941629804</v>
      </c>
      <c r="P1048" s="59">
        <f>IF(Input!$D$19=3,J1048*Input!$C$19,0)+IF(Input!$D$20=3,K1048*Input!$C$20,0)+IF(Input!$D$21=3,L1048*Input!$C$21,0)+IF(Input!$D$22=3,M1048*Input!$C$22,0)</f>
        <v>0</v>
      </c>
      <c r="Q1048" s="75">
        <f>IF(Input!$D$19=4,J1048*Input!$C$19,0)+IF(Input!$D$20=4,K1048*Input!$C$20,0)+IF(Input!$D$21=4,L1048*Input!$C$21,0)+IF(Input!$D$22=4,M1048*Input!$C$22,0)</f>
        <v>0</v>
      </c>
      <c r="R1048" s="58">
        <v>65.435042329226292</v>
      </c>
      <c r="S1048" s="124">
        <f t="shared" si="16"/>
        <v>1.4206123176549166</v>
      </c>
    </row>
    <row r="1049" spans="8:19" x14ac:dyDescent="0.3">
      <c r="H1049" s="44">
        <v>1042</v>
      </c>
      <c r="I1049" s="56">
        <f>Bühler!I1075</f>
        <v>0.35515307941372914</v>
      </c>
      <c r="J1049" s="59">
        <f>Bühler!J1075</f>
        <v>1.183843598045764</v>
      </c>
      <c r="K1049" s="59">
        <f>Bühler!K1075</f>
        <v>1.7757653970686458</v>
      </c>
      <c r="L1049" s="59">
        <f>Bühler!L1075</f>
        <v>8.523673905929499</v>
      </c>
      <c r="M1049" s="58">
        <f>Bühler!M1075</f>
        <v>0</v>
      </c>
      <c r="N1049" s="56">
        <f>IF(Input!$D$19=1,J1049*Input!$C$19,0)+IF(Input!$D$20=1,K1049*Input!$C$20,0)+IF(Input!$D$21=1,L1049*Input!$C$21,0)+IF(Input!$D$22=1,M1049*Input!$C$22,0)</f>
        <v>0.3551530794137292</v>
      </c>
      <c r="O1049" s="59">
        <f>IF(Input!$D$19=2,J1049*Input!$C$19,0)+IF(Input!$D$20=2,K1049*Input!$C$20,0)+IF(Input!$D$21=2,L1049*Input!$C$21,0)+IF(Input!$D$22=2,M1049*Input!$C$22,0)</f>
        <v>0.88788269853432289</v>
      </c>
      <c r="P1049" s="59">
        <f>IF(Input!$D$19=3,J1049*Input!$C$19,0)+IF(Input!$D$20=3,K1049*Input!$C$20,0)+IF(Input!$D$21=3,L1049*Input!$C$21,0)+IF(Input!$D$22=3,M1049*Input!$C$22,0)</f>
        <v>0</v>
      </c>
      <c r="Q1049" s="75">
        <f>IF(Input!$D$19=4,J1049*Input!$C$19,0)+IF(Input!$D$20=4,K1049*Input!$C$20,0)+IF(Input!$D$21=4,L1049*Input!$C$21,0)+IF(Input!$D$22=4,M1049*Input!$C$22,0)</f>
        <v>0</v>
      </c>
      <c r="R1049" s="58">
        <v>65.016365700445945</v>
      </c>
      <c r="S1049" s="124">
        <f t="shared" si="16"/>
        <v>1.5389966774594932</v>
      </c>
    </row>
    <row r="1050" spans="8:19" x14ac:dyDescent="0.3">
      <c r="H1050" s="44">
        <v>1043</v>
      </c>
      <c r="I1050" s="56">
        <f>Bühler!I1076</f>
        <v>0.37154476000205511</v>
      </c>
      <c r="J1050" s="59">
        <f>Bühler!J1076</f>
        <v>1.2384825333401839</v>
      </c>
      <c r="K1050" s="59">
        <f>Bühler!K1076</f>
        <v>1.8577238000102754</v>
      </c>
      <c r="L1050" s="59">
        <f>Bühler!L1076</f>
        <v>8.9170742400493221</v>
      </c>
      <c r="M1050" s="58">
        <f>Bühler!M1076</f>
        <v>0</v>
      </c>
      <c r="N1050" s="56">
        <f>IF(Input!$D$19=1,J1050*Input!$C$19,0)+IF(Input!$D$20=1,K1050*Input!$C$20,0)+IF(Input!$D$21=1,L1050*Input!$C$21,0)+IF(Input!$D$22=1,M1050*Input!$C$22,0)</f>
        <v>0.37154476000205516</v>
      </c>
      <c r="O1050" s="59">
        <f>IF(Input!$D$19=2,J1050*Input!$C$19,0)+IF(Input!$D$20=2,K1050*Input!$C$20,0)+IF(Input!$D$21=2,L1050*Input!$C$21,0)+IF(Input!$D$22=2,M1050*Input!$C$22,0)</f>
        <v>0.92886190000513769</v>
      </c>
      <c r="P1050" s="59">
        <f>IF(Input!$D$19=3,J1050*Input!$C$19,0)+IF(Input!$D$20=3,K1050*Input!$C$20,0)+IF(Input!$D$21=3,L1050*Input!$C$21,0)+IF(Input!$D$22=3,M1050*Input!$C$22,0)</f>
        <v>0</v>
      </c>
      <c r="Q1050" s="75">
        <f>IF(Input!$D$19=4,J1050*Input!$C$19,0)+IF(Input!$D$20=4,K1050*Input!$C$20,0)+IF(Input!$D$21=4,L1050*Input!$C$21,0)+IF(Input!$D$22=4,M1050*Input!$C$22,0)</f>
        <v>0</v>
      </c>
      <c r="R1050" s="58">
        <v>65.741153068284603</v>
      </c>
      <c r="S1050" s="124">
        <f t="shared" si="16"/>
        <v>1.610027293342239</v>
      </c>
    </row>
    <row r="1051" spans="8:19" x14ac:dyDescent="0.3">
      <c r="H1051" s="44">
        <v>1044</v>
      </c>
      <c r="I1051" s="56">
        <f>Bühler!I1077</f>
        <v>0.43711148235535896</v>
      </c>
      <c r="J1051" s="59">
        <f>Bühler!J1077</f>
        <v>1.4570382745178634</v>
      </c>
      <c r="K1051" s="59">
        <f>Bühler!K1077</f>
        <v>2.1855574117767946</v>
      </c>
      <c r="L1051" s="59">
        <f>Bühler!L1077</f>
        <v>10.490675576528615</v>
      </c>
      <c r="M1051" s="58">
        <f>Bühler!M1077</f>
        <v>0</v>
      </c>
      <c r="N1051" s="56">
        <f>IF(Input!$D$19=1,J1051*Input!$C$19,0)+IF(Input!$D$20=1,K1051*Input!$C$20,0)+IF(Input!$D$21=1,L1051*Input!$C$21,0)+IF(Input!$D$22=1,M1051*Input!$C$22,0)</f>
        <v>0.43711148235535902</v>
      </c>
      <c r="O1051" s="59">
        <f>IF(Input!$D$19=2,J1051*Input!$C$19,0)+IF(Input!$D$20=2,K1051*Input!$C$20,0)+IF(Input!$D$21=2,L1051*Input!$C$21,0)+IF(Input!$D$22=2,M1051*Input!$C$22,0)</f>
        <v>1.0927787058883973</v>
      </c>
      <c r="P1051" s="59">
        <f>IF(Input!$D$19=3,J1051*Input!$C$19,0)+IF(Input!$D$20=3,K1051*Input!$C$20,0)+IF(Input!$D$21=3,L1051*Input!$C$21,0)+IF(Input!$D$22=3,M1051*Input!$C$22,0)</f>
        <v>0</v>
      </c>
      <c r="Q1051" s="75">
        <f>IF(Input!$D$19=4,J1051*Input!$C$19,0)+IF(Input!$D$20=4,K1051*Input!$C$20,0)+IF(Input!$D$21=4,L1051*Input!$C$21,0)+IF(Input!$D$22=4,M1051*Input!$C$22,0)</f>
        <v>0</v>
      </c>
      <c r="R1051" s="58">
        <v>66.512393326878097</v>
      </c>
      <c r="S1051" s="124">
        <f t="shared" si="16"/>
        <v>1.8941497568732224</v>
      </c>
    </row>
    <row r="1052" spans="8:19" x14ac:dyDescent="0.3">
      <c r="H1052" s="44">
        <v>1045</v>
      </c>
      <c r="I1052" s="56">
        <f>Bühler!I1078</f>
        <v>0.43711148235535896</v>
      </c>
      <c r="J1052" s="59">
        <f>Bühler!J1078</f>
        <v>1.4570382745178634</v>
      </c>
      <c r="K1052" s="59">
        <f>Bühler!K1078</f>
        <v>2.1855574117767946</v>
      </c>
      <c r="L1052" s="59">
        <f>Bühler!L1078</f>
        <v>10.490675576528615</v>
      </c>
      <c r="M1052" s="58">
        <f>Bühler!M1078</f>
        <v>0</v>
      </c>
      <c r="N1052" s="56">
        <f>IF(Input!$D$19=1,J1052*Input!$C$19,0)+IF(Input!$D$20=1,K1052*Input!$C$20,0)+IF(Input!$D$21=1,L1052*Input!$C$21,0)+IF(Input!$D$22=1,M1052*Input!$C$22,0)</f>
        <v>0.43711148235535902</v>
      </c>
      <c r="O1052" s="59">
        <f>IF(Input!$D$19=2,J1052*Input!$C$19,0)+IF(Input!$D$20=2,K1052*Input!$C$20,0)+IF(Input!$D$21=2,L1052*Input!$C$21,0)+IF(Input!$D$22=2,M1052*Input!$C$22,0)</f>
        <v>1.0927787058883973</v>
      </c>
      <c r="P1052" s="59">
        <f>IF(Input!$D$19=3,J1052*Input!$C$19,0)+IF(Input!$D$20=3,K1052*Input!$C$20,0)+IF(Input!$D$21=3,L1052*Input!$C$21,0)+IF(Input!$D$22=3,M1052*Input!$C$22,0)</f>
        <v>0</v>
      </c>
      <c r="Q1052" s="75">
        <f>IF(Input!$D$19=4,J1052*Input!$C$19,0)+IF(Input!$D$20=4,K1052*Input!$C$20,0)+IF(Input!$D$21=4,L1052*Input!$C$21,0)+IF(Input!$D$22=4,M1052*Input!$C$22,0)</f>
        <v>0</v>
      </c>
      <c r="R1052" s="58">
        <v>65.630146098337065</v>
      </c>
      <c r="S1052" s="124">
        <f t="shared" si="16"/>
        <v>1.8941497568732224</v>
      </c>
    </row>
    <row r="1053" spans="8:19" x14ac:dyDescent="0.3">
      <c r="H1053" s="44">
        <v>1046</v>
      </c>
      <c r="I1053" s="56">
        <f>Bühler!I1079</f>
        <v>0.43711148235535896</v>
      </c>
      <c r="J1053" s="59">
        <f>Bühler!J1079</f>
        <v>1.4570382745178634</v>
      </c>
      <c r="K1053" s="59">
        <f>Bühler!K1079</f>
        <v>2.1855574117767946</v>
      </c>
      <c r="L1053" s="59">
        <f>Bühler!L1079</f>
        <v>10.490675576528615</v>
      </c>
      <c r="M1053" s="58">
        <f>Bühler!M1079</f>
        <v>0</v>
      </c>
      <c r="N1053" s="56">
        <f>IF(Input!$D$19=1,J1053*Input!$C$19,0)+IF(Input!$D$20=1,K1053*Input!$C$20,0)+IF(Input!$D$21=1,L1053*Input!$C$21,0)+IF(Input!$D$22=1,M1053*Input!$C$22,0)</f>
        <v>0.43711148235535902</v>
      </c>
      <c r="O1053" s="59">
        <f>IF(Input!$D$19=2,J1053*Input!$C$19,0)+IF(Input!$D$20=2,K1053*Input!$C$20,0)+IF(Input!$D$21=2,L1053*Input!$C$21,0)+IF(Input!$D$22=2,M1053*Input!$C$22,0)</f>
        <v>1.0927787058883973</v>
      </c>
      <c r="P1053" s="59">
        <f>IF(Input!$D$19=3,J1053*Input!$C$19,0)+IF(Input!$D$20=3,K1053*Input!$C$20,0)+IF(Input!$D$21=3,L1053*Input!$C$21,0)+IF(Input!$D$22=3,M1053*Input!$C$22,0)</f>
        <v>0</v>
      </c>
      <c r="Q1053" s="75">
        <f>IF(Input!$D$19=4,J1053*Input!$C$19,0)+IF(Input!$D$20=4,K1053*Input!$C$20,0)+IF(Input!$D$21=4,L1053*Input!$C$21,0)+IF(Input!$D$22=4,M1053*Input!$C$22,0)</f>
        <v>0</v>
      </c>
      <c r="R1053" s="58">
        <v>64.575215568397169</v>
      </c>
      <c r="S1053" s="124">
        <f t="shared" si="16"/>
        <v>1.8941497568732224</v>
      </c>
    </row>
    <row r="1054" spans="8:19" x14ac:dyDescent="0.3">
      <c r="H1054" s="44">
        <v>1047</v>
      </c>
      <c r="I1054" s="56">
        <f>Bühler!I1080</f>
        <v>0.43711148235535896</v>
      </c>
      <c r="J1054" s="59">
        <f>Bühler!J1080</f>
        <v>1.4570382745178634</v>
      </c>
      <c r="K1054" s="59">
        <f>Bühler!K1080</f>
        <v>2.1855574117767946</v>
      </c>
      <c r="L1054" s="59">
        <f>Bühler!L1080</f>
        <v>10.490675576528615</v>
      </c>
      <c r="M1054" s="58">
        <f>Bühler!M1080</f>
        <v>0</v>
      </c>
      <c r="N1054" s="56">
        <f>IF(Input!$D$19=1,J1054*Input!$C$19,0)+IF(Input!$D$20=1,K1054*Input!$C$20,0)+IF(Input!$D$21=1,L1054*Input!$C$21,0)+IF(Input!$D$22=1,M1054*Input!$C$22,0)</f>
        <v>0.43711148235535902</v>
      </c>
      <c r="O1054" s="59">
        <f>IF(Input!$D$19=2,J1054*Input!$C$19,0)+IF(Input!$D$20=2,K1054*Input!$C$20,0)+IF(Input!$D$21=2,L1054*Input!$C$21,0)+IF(Input!$D$22=2,M1054*Input!$C$22,0)</f>
        <v>1.0927787058883973</v>
      </c>
      <c r="P1054" s="59">
        <f>IF(Input!$D$19=3,J1054*Input!$C$19,0)+IF(Input!$D$20=3,K1054*Input!$C$20,0)+IF(Input!$D$21=3,L1054*Input!$C$21,0)+IF(Input!$D$22=3,M1054*Input!$C$22,0)</f>
        <v>0</v>
      </c>
      <c r="Q1054" s="75">
        <f>IF(Input!$D$19=4,J1054*Input!$C$19,0)+IF(Input!$D$20=4,K1054*Input!$C$20,0)+IF(Input!$D$21=4,L1054*Input!$C$21,0)+IF(Input!$D$22=4,M1054*Input!$C$22,0)</f>
        <v>0</v>
      </c>
      <c r="R1054" s="58">
        <v>65.069013375648026</v>
      </c>
      <c r="S1054" s="124">
        <f t="shared" si="16"/>
        <v>1.8941497568732224</v>
      </c>
    </row>
    <row r="1055" spans="8:19" x14ac:dyDescent="0.3">
      <c r="H1055" s="44">
        <v>1048</v>
      </c>
      <c r="I1055" s="56">
        <f>Bühler!I1081</f>
        <v>0.43711148235535896</v>
      </c>
      <c r="J1055" s="59">
        <f>Bühler!J1081</f>
        <v>1.4570382745178634</v>
      </c>
      <c r="K1055" s="59">
        <f>Bühler!K1081</f>
        <v>2.1855574117767946</v>
      </c>
      <c r="L1055" s="59">
        <f>Bühler!L1081</f>
        <v>10.490675576528615</v>
      </c>
      <c r="M1055" s="58">
        <f>Bühler!M1081</f>
        <v>0</v>
      </c>
      <c r="N1055" s="56">
        <f>IF(Input!$D$19=1,J1055*Input!$C$19,0)+IF(Input!$D$20=1,K1055*Input!$C$20,0)+IF(Input!$D$21=1,L1055*Input!$C$21,0)+IF(Input!$D$22=1,M1055*Input!$C$22,0)</f>
        <v>0.43711148235535902</v>
      </c>
      <c r="O1055" s="59">
        <f>IF(Input!$D$19=2,J1055*Input!$C$19,0)+IF(Input!$D$20=2,K1055*Input!$C$20,0)+IF(Input!$D$21=2,L1055*Input!$C$21,0)+IF(Input!$D$22=2,M1055*Input!$C$22,0)</f>
        <v>1.0927787058883973</v>
      </c>
      <c r="P1055" s="59">
        <f>IF(Input!$D$19=3,J1055*Input!$C$19,0)+IF(Input!$D$20=3,K1055*Input!$C$20,0)+IF(Input!$D$21=3,L1055*Input!$C$21,0)+IF(Input!$D$22=3,M1055*Input!$C$22,0)</f>
        <v>0</v>
      </c>
      <c r="Q1055" s="75">
        <f>IF(Input!$D$19=4,J1055*Input!$C$19,0)+IF(Input!$D$20=4,K1055*Input!$C$20,0)+IF(Input!$D$21=4,L1055*Input!$C$21,0)+IF(Input!$D$22=4,M1055*Input!$C$22,0)</f>
        <v>0</v>
      </c>
      <c r="R1055" s="58">
        <v>64.354176627583499</v>
      </c>
      <c r="S1055" s="124">
        <f t="shared" si="16"/>
        <v>1.8941497568732224</v>
      </c>
    </row>
    <row r="1056" spans="8:19" x14ac:dyDescent="0.3">
      <c r="H1056" s="44">
        <v>1049</v>
      </c>
      <c r="I1056" s="56">
        <f>Bühler!I1082</f>
        <v>0.43711148235535896</v>
      </c>
      <c r="J1056" s="59">
        <f>Bühler!J1082</f>
        <v>1.4570382745178634</v>
      </c>
      <c r="K1056" s="59">
        <f>Bühler!K1082</f>
        <v>2.1855574117767946</v>
      </c>
      <c r="L1056" s="59">
        <f>Bühler!L1082</f>
        <v>10.490675576528615</v>
      </c>
      <c r="M1056" s="58">
        <f>Bühler!M1082</f>
        <v>0</v>
      </c>
      <c r="N1056" s="56">
        <f>IF(Input!$D$19=1,J1056*Input!$C$19,0)+IF(Input!$D$20=1,K1056*Input!$C$20,0)+IF(Input!$D$21=1,L1056*Input!$C$21,0)+IF(Input!$D$22=1,M1056*Input!$C$22,0)</f>
        <v>0.43711148235535902</v>
      </c>
      <c r="O1056" s="59">
        <f>IF(Input!$D$19=2,J1056*Input!$C$19,0)+IF(Input!$D$20=2,K1056*Input!$C$20,0)+IF(Input!$D$21=2,L1056*Input!$C$21,0)+IF(Input!$D$22=2,M1056*Input!$C$22,0)</f>
        <v>1.0927787058883973</v>
      </c>
      <c r="P1056" s="59">
        <f>IF(Input!$D$19=3,J1056*Input!$C$19,0)+IF(Input!$D$20=3,K1056*Input!$C$20,0)+IF(Input!$D$21=3,L1056*Input!$C$21,0)+IF(Input!$D$22=3,M1056*Input!$C$22,0)</f>
        <v>0</v>
      </c>
      <c r="Q1056" s="75">
        <f>IF(Input!$D$19=4,J1056*Input!$C$19,0)+IF(Input!$D$20=4,K1056*Input!$C$20,0)+IF(Input!$D$21=4,L1056*Input!$C$21,0)+IF(Input!$D$22=4,M1056*Input!$C$22,0)</f>
        <v>0</v>
      </c>
      <c r="R1056" s="58">
        <v>62.615722922973909</v>
      </c>
      <c r="S1056" s="124">
        <f t="shared" si="16"/>
        <v>1.8941497568732224</v>
      </c>
    </row>
    <row r="1057" spans="8:19" x14ac:dyDescent="0.3">
      <c r="H1057" s="44">
        <v>1050</v>
      </c>
      <c r="I1057" s="56">
        <f>Bühler!I1083</f>
        <v>0.43711148235535896</v>
      </c>
      <c r="J1057" s="59">
        <f>Bühler!J1083</f>
        <v>1.4570382745178634</v>
      </c>
      <c r="K1057" s="59">
        <f>Bühler!K1083</f>
        <v>2.1855574117767946</v>
      </c>
      <c r="L1057" s="59">
        <f>Bühler!L1083</f>
        <v>10.490675576528615</v>
      </c>
      <c r="M1057" s="58">
        <f>Bühler!M1083</f>
        <v>0</v>
      </c>
      <c r="N1057" s="56">
        <f>IF(Input!$D$19=1,J1057*Input!$C$19,0)+IF(Input!$D$20=1,K1057*Input!$C$20,0)+IF(Input!$D$21=1,L1057*Input!$C$21,0)+IF(Input!$D$22=1,M1057*Input!$C$22,0)</f>
        <v>0.43711148235535902</v>
      </c>
      <c r="O1057" s="59">
        <f>IF(Input!$D$19=2,J1057*Input!$C$19,0)+IF(Input!$D$20=2,K1057*Input!$C$20,0)+IF(Input!$D$21=2,L1057*Input!$C$21,0)+IF(Input!$D$22=2,M1057*Input!$C$22,0)</f>
        <v>1.0927787058883973</v>
      </c>
      <c r="P1057" s="59">
        <f>IF(Input!$D$19=3,J1057*Input!$C$19,0)+IF(Input!$D$20=3,K1057*Input!$C$20,0)+IF(Input!$D$21=3,L1057*Input!$C$21,0)+IF(Input!$D$22=3,M1057*Input!$C$22,0)</f>
        <v>0</v>
      </c>
      <c r="Q1057" s="75">
        <f>IF(Input!$D$19=4,J1057*Input!$C$19,0)+IF(Input!$D$20=4,K1057*Input!$C$20,0)+IF(Input!$D$21=4,L1057*Input!$C$21,0)+IF(Input!$D$22=4,M1057*Input!$C$22,0)</f>
        <v>0</v>
      </c>
      <c r="R1057" s="58">
        <v>61.948696022744222</v>
      </c>
      <c r="S1057" s="124">
        <f t="shared" si="16"/>
        <v>1.8941497568732224</v>
      </c>
    </row>
    <row r="1058" spans="8:19" x14ac:dyDescent="0.3">
      <c r="H1058" s="44">
        <v>1051</v>
      </c>
      <c r="I1058" s="56">
        <f>Bühler!I1084</f>
        <v>0.43711148235535896</v>
      </c>
      <c r="J1058" s="59">
        <f>Bühler!J1084</f>
        <v>1.4570382745178634</v>
      </c>
      <c r="K1058" s="59">
        <f>Bühler!K1084</f>
        <v>2.1855574117767946</v>
      </c>
      <c r="L1058" s="59">
        <f>Bühler!L1084</f>
        <v>10.490675576528615</v>
      </c>
      <c r="M1058" s="58">
        <f>Bühler!M1084</f>
        <v>0</v>
      </c>
      <c r="N1058" s="56">
        <f>IF(Input!$D$19=1,J1058*Input!$C$19,0)+IF(Input!$D$20=1,K1058*Input!$C$20,0)+IF(Input!$D$21=1,L1058*Input!$C$21,0)+IF(Input!$D$22=1,M1058*Input!$C$22,0)</f>
        <v>0.43711148235535902</v>
      </c>
      <c r="O1058" s="59">
        <f>IF(Input!$D$19=2,J1058*Input!$C$19,0)+IF(Input!$D$20=2,K1058*Input!$C$20,0)+IF(Input!$D$21=2,L1058*Input!$C$21,0)+IF(Input!$D$22=2,M1058*Input!$C$22,0)</f>
        <v>1.0927787058883973</v>
      </c>
      <c r="P1058" s="59">
        <f>IF(Input!$D$19=3,J1058*Input!$C$19,0)+IF(Input!$D$20=3,K1058*Input!$C$20,0)+IF(Input!$D$21=3,L1058*Input!$C$21,0)+IF(Input!$D$22=3,M1058*Input!$C$22,0)</f>
        <v>0</v>
      </c>
      <c r="Q1058" s="75">
        <f>IF(Input!$D$19=4,J1058*Input!$C$19,0)+IF(Input!$D$20=4,K1058*Input!$C$20,0)+IF(Input!$D$21=4,L1058*Input!$C$21,0)+IF(Input!$D$22=4,M1058*Input!$C$22,0)</f>
        <v>0</v>
      </c>
      <c r="R1058" s="58">
        <v>60.244700111560533</v>
      </c>
      <c r="S1058" s="124">
        <f t="shared" si="16"/>
        <v>1.8941497568732224</v>
      </c>
    </row>
    <row r="1059" spans="8:19" x14ac:dyDescent="0.3">
      <c r="H1059" s="44">
        <v>1052</v>
      </c>
      <c r="I1059" s="56">
        <f>Bühler!I1085</f>
        <v>0.36608086647261312</v>
      </c>
      <c r="J1059" s="59">
        <f>Bühler!J1085</f>
        <v>1.2202695549087106</v>
      </c>
      <c r="K1059" s="59">
        <f>Bühler!K1085</f>
        <v>1.8304043323630657</v>
      </c>
      <c r="L1059" s="59">
        <f>Bühler!L1085</f>
        <v>8.7859407953427144</v>
      </c>
      <c r="M1059" s="58">
        <f>Bühler!M1085</f>
        <v>0</v>
      </c>
      <c r="N1059" s="56">
        <f>IF(Input!$D$19=1,J1059*Input!$C$19,0)+IF(Input!$D$20=1,K1059*Input!$C$20,0)+IF(Input!$D$21=1,L1059*Input!$C$21,0)+IF(Input!$D$22=1,M1059*Input!$C$22,0)</f>
        <v>0.36608086647261318</v>
      </c>
      <c r="O1059" s="59">
        <f>IF(Input!$D$19=2,J1059*Input!$C$19,0)+IF(Input!$D$20=2,K1059*Input!$C$20,0)+IF(Input!$D$21=2,L1059*Input!$C$21,0)+IF(Input!$D$22=2,M1059*Input!$C$22,0)</f>
        <v>0.91520216618153283</v>
      </c>
      <c r="P1059" s="59">
        <f>IF(Input!$D$19=3,J1059*Input!$C$19,0)+IF(Input!$D$20=3,K1059*Input!$C$20,0)+IF(Input!$D$21=3,L1059*Input!$C$21,0)+IF(Input!$D$22=3,M1059*Input!$C$22,0)</f>
        <v>0</v>
      </c>
      <c r="Q1059" s="75">
        <f>IF(Input!$D$19=4,J1059*Input!$C$19,0)+IF(Input!$D$20=4,K1059*Input!$C$20,0)+IF(Input!$D$21=4,L1059*Input!$C$21,0)+IF(Input!$D$22=4,M1059*Input!$C$22,0)</f>
        <v>0</v>
      </c>
      <c r="R1059" s="58">
        <v>58.835806766342387</v>
      </c>
      <c r="S1059" s="124">
        <f t="shared" si="16"/>
        <v>1.5863504213813238</v>
      </c>
    </row>
    <row r="1060" spans="8:19" x14ac:dyDescent="0.3">
      <c r="H1060" s="44">
        <v>1053</v>
      </c>
      <c r="I1060" s="56">
        <f>Bühler!I1086</f>
        <v>0.30051414411930927</v>
      </c>
      <c r="J1060" s="59">
        <f>Bühler!J1086</f>
        <v>1.0017138137310311</v>
      </c>
      <c r="K1060" s="59">
        <f>Bühler!K1086</f>
        <v>1.5025707205965464</v>
      </c>
      <c r="L1060" s="59">
        <f>Bühler!L1086</f>
        <v>7.2123394588634229</v>
      </c>
      <c r="M1060" s="58">
        <f>Bühler!M1086</f>
        <v>0</v>
      </c>
      <c r="N1060" s="56">
        <f>IF(Input!$D$19=1,J1060*Input!$C$19,0)+IF(Input!$D$20=1,K1060*Input!$C$20,0)+IF(Input!$D$21=1,L1060*Input!$C$21,0)+IF(Input!$D$22=1,M1060*Input!$C$22,0)</f>
        <v>0.30051414411930932</v>
      </c>
      <c r="O1060" s="59">
        <f>IF(Input!$D$19=2,J1060*Input!$C$19,0)+IF(Input!$D$20=2,K1060*Input!$C$20,0)+IF(Input!$D$21=2,L1060*Input!$C$21,0)+IF(Input!$D$22=2,M1060*Input!$C$22,0)</f>
        <v>0.7512853602982732</v>
      </c>
      <c r="P1060" s="59">
        <f>IF(Input!$D$19=3,J1060*Input!$C$19,0)+IF(Input!$D$20=3,K1060*Input!$C$20,0)+IF(Input!$D$21=3,L1060*Input!$C$21,0)+IF(Input!$D$22=3,M1060*Input!$C$22,0)</f>
        <v>0</v>
      </c>
      <c r="Q1060" s="75">
        <f>IF(Input!$D$19=4,J1060*Input!$C$19,0)+IF(Input!$D$20=4,K1060*Input!$C$20,0)+IF(Input!$D$21=4,L1060*Input!$C$21,0)+IF(Input!$D$22=4,M1060*Input!$C$22,0)</f>
        <v>0</v>
      </c>
      <c r="R1060" s="58">
        <v>57.651243351595291</v>
      </c>
      <c r="S1060" s="124">
        <f t="shared" si="16"/>
        <v>1.3022279578503404</v>
      </c>
    </row>
    <row r="1061" spans="8:19" x14ac:dyDescent="0.3">
      <c r="H1061" s="44">
        <v>1054</v>
      </c>
      <c r="I1061" s="56">
        <f>Bühler!I1087</f>
        <v>0.21855574117767948</v>
      </c>
      <c r="J1061" s="59">
        <f>Bühler!J1087</f>
        <v>0.72851913725893169</v>
      </c>
      <c r="K1061" s="59">
        <f>Bühler!K1087</f>
        <v>1.0927787058883973</v>
      </c>
      <c r="L1061" s="59">
        <f>Bühler!L1087</f>
        <v>5.2453377882643073</v>
      </c>
      <c r="M1061" s="58">
        <f>Bühler!M1087</f>
        <v>0</v>
      </c>
      <c r="N1061" s="56">
        <f>IF(Input!$D$19=1,J1061*Input!$C$19,0)+IF(Input!$D$20=1,K1061*Input!$C$20,0)+IF(Input!$D$21=1,L1061*Input!$C$21,0)+IF(Input!$D$22=1,M1061*Input!$C$22,0)</f>
        <v>0.21855574117767951</v>
      </c>
      <c r="O1061" s="59">
        <f>IF(Input!$D$19=2,J1061*Input!$C$19,0)+IF(Input!$D$20=2,K1061*Input!$C$20,0)+IF(Input!$D$21=2,L1061*Input!$C$21,0)+IF(Input!$D$22=2,M1061*Input!$C$22,0)</f>
        <v>0.54638935294419866</v>
      </c>
      <c r="P1061" s="59">
        <f>IF(Input!$D$19=3,J1061*Input!$C$19,0)+IF(Input!$D$20=3,K1061*Input!$C$20,0)+IF(Input!$D$21=3,L1061*Input!$C$21,0)+IF(Input!$D$22=3,M1061*Input!$C$22,0)</f>
        <v>0</v>
      </c>
      <c r="Q1061" s="75">
        <f>IF(Input!$D$19=4,J1061*Input!$C$19,0)+IF(Input!$D$20=4,K1061*Input!$C$20,0)+IF(Input!$D$21=4,L1061*Input!$C$21,0)+IF(Input!$D$22=4,M1061*Input!$C$22,0)</f>
        <v>0</v>
      </c>
      <c r="R1061" s="58">
        <v>55.986749221239826</v>
      </c>
      <c r="S1061" s="124">
        <f t="shared" si="16"/>
        <v>0.9470748784366112</v>
      </c>
    </row>
    <row r="1062" spans="8:19" x14ac:dyDescent="0.3">
      <c r="H1062" s="44">
        <v>1055</v>
      </c>
      <c r="I1062" s="56">
        <f>Bühler!I1088</f>
        <v>0.21855574117767948</v>
      </c>
      <c r="J1062" s="59">
        <f>Bühler!J1088</f>
        <v>0.72851913725893169</v>
      </c>
      <c r="K1062" s="59">
        <f>Bühler!K1088</f>
        <v>1.0927787058883973</v>
      </c>
      <c r="L1062" s="59">
        <f>Bühler!L1088</f>
        <v>5.2453377882643073</v>
      </c>
      <c r="M1062" s="58">
        <f>Bühler!M1088</f>
        <v>0</v>
      </c>
      <c r="N1062" s="56">
        <f>IF(Input!$D$19=1,J1062*Input!$C$19,0)+IF(Input!$D$20=1,K1062*Input!$C$20,0)+IF(Input!$D$21=1,L1062*Input!$C$21,0)+IF(Input!$D$22=1,M1062*Input!$C$22,0)</f>
        <v>0.21855574117767951</v>
      </c>
      <c r="O1062" s="59">
        <f>IF(Input!$D$19=2,J1062*Input!$C$19,0)+IF(Input!$D$20=2,K1062*Input!$C$20,0)+IF(Input!$D$21=2,L1062*Input!$C$21,0)+IF(Input!$D$22=2,M1062*Input!$C$22,0)</f>
        <v>0.54638935294419866</v>
      </c>
      <c r="P1062" s="59">
        <f>IF(Input!$D$19=3,J1062*Input!$C$19,0)+IF(Input!$D$20=3,K1062*Input!$C$20,0)+IF(Input!$D$21=3,L1062*Input!$C$21,0)+IF(Input!$D$22=3,M1062*Input!$C$22,0)</f>
        <v>0</v>
      </c>
      <c r="Q1062" s="75">
        <f>IF(Input!$D$19=4,J1062*Input!$C$19,0)+IF(Input!$D$20=4,K1062*Input!$C$20,0)+IF(Input!$D$21=4,L1062*Input!$C$21,0)+IF(Input!$D$22=4,M1062*Input!$C$22,0)</f>
        <v>0</v>
      </c>
      <c r="R1062" s="58">
        <v>55.892646746530552</v>
      </c>
      <c r="S1062" s="124">
        <f t="shared" si="16"/>
        <v>0.9470748784366112</v>
      </c>
    </row>
    <row r="1063" spans="8:19" x14ac:dyDescent="0.3">
      <c r="H1063" s="44">
        <v>1056</v>
      </c>
      <c r="I1063" s="56">
        <f>Bühler!I1089</f>
        <v>0.21855574117767948</v>
      </c>
      <c r="J1063" s="59">
        <f>Bühler!J1089</f>
        <v>0.72851913725893169</v>
      </c>
      <c r="K1063" s="59">
        <f>Bühler!K1089</f>
        <v>1.0927787058883973</v>
      </c>
      <c r="L1063" s="59">
        <f>Bühler!L1089</f>
        <v>5.2453377882643073</v>
      </c>
      <c r="M1063" s="58">
        <f>Bühler!M1089</f>
        <v>0</v>
      </c>
      <c r="N1063" s="56">
        <f>IF(Input!$D$19=1,J1063*Input!$C$19,0)+IF(Input!$D$20=1,K1063*Input!$C$20,0)+IF(Input!$D$21=1,L1063*Input!$C$21,0)+IF(Input!$D$22=1,M1063*Input!$C$22,0)</f>
        <v>0.21855574117767951</v>
      </c>
      <c r="O1063" s="59">
        <f>IF(Input!$D$19=2,J1063*Input!$C$19,0)+IF(Input!$D$20=2,K1063*Input!$C$20,0)+IF(Input!$D$21=2,L1063*Input!$C$21,0)+IF(Input!$D$22=2,M1063*Input!$C$22,0)</f>
        <v>0.54638935294419866</v>
      </c>
      <c r="P1063" s="59">
        <f>IF(Input!$D$19=3,J1063*Input!$C$19,0)+IF(Input!$D$20=3,K1063*Input!$C$20,0)+IF(Input!$D$21=3,L1063*Input!$C$21,0)+IF(Input!$D$22=3,M1063*Input!$C$22,0)</f>
        <v>0</v>
      </c>
      <c r="Q1063" s="75">
        <f>IF(Input!$D$19=4,J1063*Input!$C$19,0)+IF(Input!$D$20=4,K1063*Input!$C$20,0)+IF(Input!$D$21=4,L1063*Input!$C$21,0)+IF(Input!$D$22=4,M1063*Input!$C$22,0)</f>
        <v>0</v>
      </c>
      <c r="R1063" s="58">
        <v>54.820642631288393</v>
      </c>
      <c r="S1063" s="124">
        <f t="shared" si="16"/>
        <v>0.9470748784366112</v>
      </c>
    </row>
    <row r="1064" spans="8:19" x14ac:dyDescent="0.3">
      <c r="H1064" s="44">
        <v>1057</v>
      </c>
      <c r="I1064" s="56">
        <f>Bühler!I1090</f>
        <v>0.20210074032927908</v>
      </c>
      <c r="J1064" s="59">
        <f>Bühler!J1090</f>
        <v>0.67366913443093035</v>
      </c>
      <c r="K1064" s="59">
        <f>Bühler!K1090</f>
        <v>1.0105037016463954</v>
      </c>
      <c r="L1064" s="59">
        <f>Bühler!L1090</f>
        <v>4.8504177679026981</v>
      </c>
      <c r="M1064" s="58">
        <f>Bühler!M1090</f>
        <v>0</v>
      </c>
      <c r="N1064" s="56">
        <f>IF(Input!$D$19=1,J1064*Input!$C$19,0)+IF(Input!$D$20=1,K1064*Input!$C$20,0)+IF(Input!$D$21=1,L1064*Input!$C$21,0)+IF(Input!$D$22=1,M1064*Input!$C$22,0)</f>
        <v>0.2021007403292791</v>
      </c>
      <c r="O1064" s="59">
        <f>IF(Input!$D$19=2,J1064*Input!$C$19,0)+IF(Input!$D$20=2,K1064*Input!$C$20,0)+IF(Input!$D$21=2,L1064*Input!$C$21,0)+IF(Input!$D$22=2,M1064*Input!$C$22,0)</f>
        <v>0.50525185082319768</v>
      </c>
      <c r="P1064" s="59">
        <f>IF(Input!$D$19=3,J1064*Input!$C$19,0)+IF(Input!$D$20=3,K1064*Input!$C$20,0)+IF(Input!$D$21=3,L1064*Input!$C$21,0)+IF(Input!$D$22=3,M1064*Input!$C$22,0)</f>
        <v>0</v>
      </c>
      <c r="Q1064" s="75">
        <f>IF(Input!$D$19=4,J1064*Input!$C$19,0)+IF(Input!$D$20=4,K1064*Input!$C$20,0)+IF(Input!$D$21=4,L1064*Input!$C$21,0)+IF(Input!$D$22=4,M1064*Input!$C$22,0)</f>
        <v>0</v>
      </c>
      <c r="R1064" s="58">
        <v>53.917953039689621</v>
      </c>
      <c r="S1064" s="124">
        <f t="shared" si="16"/>
        <v>0.8757698747602094</v>
      </c>
    </row>
    <row r="1065" spans="8:19" x14ac:dyDescent="0.3">
      <c r="H1065" s="44">
        <v>1058</v>
      </c>
      <c r="I1065" s="56">
        <f>Bühler!I1091</f>
        <v>0.22736333287043894</v>
      </c>
      <c r="J1065" s="59">
        <f>Bühler!J1091</f>
        <v>0.75787777623479657</v>
      </c>
      <c r="K1065" s="59">
        <f>Bühler!K1091</f>
        <v>1.1368166643521946</v>
      </c>
      <c r="L1065" s="59">
        <f>Bühler!L1091</f>
        <v>5.4567199888905344</v>
      </c>
      <c r="M1065" s="58">
        <f>Bühler!M1091</f>
        <v>0</v>
      </c>
      <c r="N1065" s="56">
        <f>IF(Input!$D$19=1,J1065*Input!$C$19,0)+IF(Input!$D$20=1,K1065*Input!$C$20,0)+IF(Input!$D$21=1,L1065*Input!$C$21,0)+IF(Input!$D$22=1,M1065*Input!$C$22,0)</f>
        <v>0.22736333287043897</v>
      </c>
      <c r="O1065" s="59">
        <f>IF(Input!$D$19=2,J1065*Input!$C$19,0)+IF(Input!$D$20=2,K1065*Input!$C$20,0)+IF(Input!$D$21=2,L1065*Input!$C$21,0)+IF(Input!$D$22=2,M1065*Input!$C$22,0)</f>
        <v>0.56840833217609732</v>
      </c>
      <c r="P1065" s="59">
        <f>IF(Input!$D$19=3,J1065*Input!$C$19,0)+IF(Input!$D$20=3,K1065*Input!$C$20,0)+IF(Input!$D$21=3,L1065*Input!$C$21,0)+IF(Input!$D$22=3,M1065*Input!$C$22,0)</f>
        <v>0</v>
      </c>
      <c r="Q1065" s="75">
        <f>IF(Input!$D$19=4,J1065*Input!$C$19,0)+IF(Input!$D$20=4,K1065*Input!$C$20,0)+IF(Input!$D$21=4,L1065*Input!$C$21,0)+IF(Input!$D$22=4,M1065*Input!$C$22,0)</f>
        <v>0</v>
      </c>
      <c r="R1065" s="58">
        <v>55.438875270005973</v>
      </c>
      <c r="S1065" s="124">
        <f t="shared" si="16"/>
        <v>0.98524110910523555</v>
      </c>
    </row>
    <row r="1066" spans="8:19" x14ac:dyDescent="0.3">
      <c r="H1066" s="44">
        <v>1059</v>
      </c>
      <c r="I1066" s="56">
        <f>Bühler!I1092</f>
        <v>0.22736333287043894</v>
      </c>
      <c r="J1066" s="59">
        <f>Bühler!J1092</f>
        <v>0.75787777623479657</v>
      </c>
      <c r="K1066" s="59">
        <f>Bühler!K1092</f>
        <v>1.1368166643521946</v>
      </c>
      <c r="L1066" s="59">
        <f>Bühler!L1092</f>
        <v>5.4567199888905344</v>
      </c>
      <c r="M1066" s="58">
        <f>Bühler!M1092</f>
        <v>0</v>
      </c>
      <c r="N1066" s="56">
        <f>IF(Input!$D$19=1,J1066*Input!$C$19,0)+IF(Input!$D$20=1,K1066*Input!$C$20,0)+IF(Input!$D$21=1,L1066*Input!$C$21,0)+IF(Input!$D$22=1,M1066*Input!$C$22,0)</f>
        <v>0.22736333287043897</v>
      </c>
      <c r="O1066" s="59">
        <f>IF(Input!$D$19=2,J1066*Input!$C$19,0)+IF(Input!$D$20=2,K1066*Input!$C$20,0)+IF(Input!$D$21=2,L1066*Input!$C$21,0)+IF(Input!$D$22=2,M1066*Input!$C$22,0)</f>
        <v>0.56840833217609732</v>
      </c>
      <c r="P1066" s="59">
        <f>IF(Input!$D$19=3,J1066*Input!$C$19,0)+IF(Input!$D$20=3,K1066*Input!$C$20,0)+IF(Input!$D$21=3,L1066*Input!$C$21,0)+IF(Input!$D$22=3,M1066*Input!$C$22,0)</f>
        <v>0</v>
      </c>
      <c r="Q1066" s="75">
        <f>IF(Input!$D$19=4,J1066*Input!$C$19,0)+IF(Input!$D$20=4,K1066*Input!$C$20,0)+IF(Input!$D$21=4,L1066*Input!$C$21,0)+IF(Input!$D$22=4,M1066*Input!$C$22,0)</f>
        <v>0</v>
      </c>
      <c r="R1066" s="58">
        <v>55.931080049186185</v>
      </c>
      <c r="S1066" s="124">
        <f t="shared" si="16"/>
        <v>0.98524110910523555</v>
      </c>
    </row>
    <row r="1067" spans="8:19" x14ac:dyDescent="0.3">
      <c r="H1067" s="44">
        <v>1060</v>
      </c>
      <c r="I1067" s="56">
        <f>Bühler!I1093</f>
        <v>0.22736333287043894</v>
      </c>
      <c r="J1067" s="59">
        <f>Bühler!J1093</f>
        <v>0.75787777623479657</v>
      </c>
      <c r="K1067" s="59">
        <f>Bühler!K1093</f>
        <v>1.1368166643521946</v>
      </c>
      <c r="L1067" s="59">
        <f>Bühler!L1093</f>
        <v>5.4567199888905344</v>
      </c>
      <c r="M1067" s="58">
        <f>Bühler!M1093</f>
        <v>0</v>
      </c>
      <c r="N1067" s="56">
        <f>IF(Input!$D$19=1,J1067*Input!$C$19,0)+IF(Input!$D$20=1,K1067*Input!$C$20,0)+IF(Input!$D$21=1,L1067*Input!$C$21,0)+IF(Input!$D$22=1,M1067*Input!$C$22,0)</f>
        <v>0.22736333287043897</v>
      </c>
      <c r="O1067" s="59">
        <f>IF(Input!$D$19=2,J1067*Input!$C$19,0)+IF(Input!$D$20=2,K1067*Input!$C$20,0)+IF(Input!$D$21=2,L1067*Input!$C$21,0)+IF(Input!$D$22=2,M1067*Input!$C$22,0)</f>
        <v>0.56840833217609732</v>
      </c>
      <c r="P1067" s="59">
        <f>IF(Input!$D$19=3,J1067*Input!$C$19,0)+IF(Input!$D$20=3,K1067*Input!$C$20,0)+IF(Input!$D$21=3,L1067*Input!$C$21,0)+IF(Input!$D$22=3,M1067*Input!$C$22,0)</f>
        <v>0</v>
      </c>
      <c r="Q1067" s="75">
        <f>IF(Input!$D$19=4,J1067*Input!$C$19,0)+IF(Input!$D$20=4,K1067*Input!$C$20,0)+IF(Input!$D$21=4,L1067*Input!$C$21,0)+IF(Input!$D$22=4,M1067*Input!$C$22,0)</f>
        <v>0</v>
      </c>
      <c r="R1067" s="58">
        <v>55.829011237685435</v>
      </c>
      <c r="S1067" s="124">
        <f t="shared" si="16"/>
        <v>0.98524110910523555</v>
      </c>
    </row>
    <row r="1068" spans="8:19" x14ac:dyDescent="0.3">
      <c r="H1068" s="44">
        <v>1061</v>
      </c>
      <c r="I1068" s="56">
        <f>Bühler!I1094</f>
        <v>0.22736333287043894</v>
      </c>
      <c r="J1068" s="59">
        <f>Bühler!J1094</f>
        <v>0.75787777623479657</v>
      </c>
      <c r="K1068" s="59">
        <f>Bühler!K1094</f>
        <v>1.1368166643521946</v>
      </c>
      <c r="L1068" s="59">
        <f>Bühler!L1094</f>
        <v>5.4567199888905344</v>
      </c>
      <c r="M1068" s="58">
        <f>Bühler!M1094</f>
        <v>0</v>
      </c>
      <c r="N1068" s="56">
        <f>IF(Input!$D$19=1,J1068*Input!$C$19,0)+IF(Input!$D$20=1,K1068*Input!$C$20,0)+IF(Input!$D$21=1,L1068*Input!$C$21,0)+IF(Input!$D$22=1,M1068*Input!$C$22,0)</f>
        <v>0.22736333287043897</v>
      </c>
      <c r="O1068" s="59">
        <f>IF(Input!$D$19=2,J1068*Input!$C$19,0)+IF(Input!$D$20=2,K1068*Input!$C$20,0)+IF(Input!$D$21=2,L1068*Input!$C$21,0)+IF(Input!$D$22=2,M1068*Input!$C$22,0)</f>
        <v>0.56840833217609732</v>
      </c>
      <c r="P1068" s="59">
        <f>IF(Input!$D$19=3,J1068*Input!$C$19,0)+IF(Input!$D$20=3,K1068*Input!$C$20,0)+IF(Input!$D$21=3,L1068*Input!$C$21,0)+IF(Input!$D$22=3,M1068*Input!$C$22,0)</f>
        <v>0</v>
      </c>
      <c r="Q1068" s="75">
        <f>IF(Input!$D$19=4,J1068*Input!$C$19,0)+IF(Input!$D$20=4,K1068*Input!$C$20,0)+IF(Input!$D$21=4,L1068*Input!$C$21,0)+IF(Input!$D$22=4,M1068*Input!$C$22,0)</f>
        <v>0</v>
      </c>
      <c r="R1068" s="58">
        <v>56.738211159601946</v>
      </c>
      <c r="S1068" s="124">
        <f t="shared" si="16"/>
        <v>0.98524110910523555</v>
      </c>
    </row>
    <row r="1069" spans="8:19" x14ac:dyDescent="0.3">
      <c r="H1069" s="44">
        <v>1062</v>
      </c>
      <c r="I1069" s="56">
        <f>Bühler!I1095</f>
        <v>0.29304607347745465</v>
      </c>
      <c r="J1069" s="59">
        <f>Bühler!J1095</f>
        <v>0.97682024492484898</v>
      </c>
      <c r="K1069" s="59">
        <f>Bühler!K1095</f>
        <v>1.4652303673872733</v>
      </c>
      <c r="L1069" s="59">
        <f>Bühler!L1095</f>
        <v>7.033105763458912</v>
      </c>
      <c r="M1069" s="58">
        <f>Bühler!M1095</f>
        <v>0</v>
      </c>
      <c r="N1069" s="56">
        <f>IF(Input!$D$19=1,J1069*Input!$C$19,0)+IF(Input!$D$20=1,K1069*Input!$C$20,0)+IF(Input!$D$21=1,L1069*Input!$C$21,0)+IF(Input!$D$22=1,M1069*Input!$C$22,0)</f>
        <v>0.2930460734774547</v>
      </c>
      <c r="O1069" s="59">
        <f>IF(Input!$D$19=2,J1069*Input!$C$19,0)+IF(Input!$D$20=2,K1069*Input!$C$20,0)+IF(Input!$D$21=2,L1069*Input!$C$21,0)+IF(Input!$D$22=2,M1069*Input!$C$22,0)</f>
        <v>0.73261518369363665</v>
      </c>
      <c r="P1069" s="59">
        <f>IF(Input!$D$19=3,J1069*Input!$C$19,0)+IF(Input!$D$20=3,K1069*Input!$C$20,0)+IF(Input!$D$21=3,L1069*Input!$C$21,0)+IF(Input!$D$22=3,M1069*Input!$C$22,0)</f>
        <v>0</v>
      </c>
      <c r="Q1069" s="75">
        <f>IF(Input!$D$19=4,J1069*Input!$C$19,0)+IF(Input!$D$20=4,K1069*Input!$C$20,0)+IF(Input!$D$21=4,L1069*Input!$C$21,0)+IF(Input!$D$22=4,M1069*Input!$C$22,0)</f>
        <v>0</v>
      </c>
      <c r="R1069" s="58">
        <v>59.668180036138693</v>
      </c>
      <c r="S1069" s="124">
        <f t="shared" si="16"/>
        <v>1.2698663184023036</v>
      </c>
    </row>
    <row r="1070" spans="8:19" x14ac:dyDescent="0.3">
      <c r="H1070" s="44">
        <v>1063</v>
      </c>
      <c r="I1070" s="56">
        <f>Bühler!I1096</f>
        <v>0.33851874005154248</v>
      </c>
      <c r="J1070" s="59">
        <f>Bühler!J1096</f>
        <v>1.1283958001718084</v>
      </c>
      <c r="K1070" s="59">
        <f>Bühler!K1096</f>
        <v>1.6925937002577125</v>
      </c>
      <c r="L1070" s="59">
        <f>Bühler!L1096</f>
        <v>8.1244497612370203</v>
      </c>
      <c r="M1070" s="58">
        <f>Bühler!M1096</f>
        <v>0</v>
      </c>
      <c r="N1070" s="56">
        <f>IF(Input!$D$19=1,J1070*Input!$C$19,0)+IF(Input!$D$20=1,K1070*Input!$C$20,0)+IF(Input!$D$21=1,L1070*Input!$C$21,0)+IF(Input!$D$22=1,M1070*Input!$C$22,0)</f>
        <v>0.33851874005154253</v>
      </c>
      <c r="O1070" s="59">
        <f>IF(Input!$D$19=2,J1070*Input!$C$19,0)+IF(Input!$D$20=2,K1070*Input!$C$20,0)+IF(Input!$D$21=2,L1070*Input!$C$21,0)+IF(Input!$D$22=2,M1070*Input!$C$22,0)</f>
        <v>0.84629685012885625</v>
      </c>
      <c r="P1070" s="59">
        <f>IF(Input!$D$19=3,J1070*Input!$C$19,0)+IF(Input!$D$20=3,K1070*Input!$C$20,0)+IF(Input!$D$21=3,L1070*Input!$C$21,0)+IF(Input!$D$22=3,M1070*Input!$C$22,0)</f>
        <v>0</v>
      </c>
      <c r="Q1070" s="75">
        <f>IF(Input!$D$19=4,J1070*Input!$C$19,0)+IF(Input!$D$20=4,K1070*Input!$C$20,0)+IF(Input!$D$21=4,L1070*Input!$C$21,0)+IF(Input!$D$22=4,M1070*Input!$C$22,0)</f>
        <v>0</v>
      </c>
      <c r="R1070" s="58">
        <v>62.284533916957578</v>
      </c>
      <c r="S1070" s="124">
        <f t="shared" si="16"/>
        <v>1.466914540223351</v>
      </c>
    </row>
    <row r="1071" spans="8:19" x14ac:dyDescent="0.3">
      <c r="H1071" s="44">
        <v>1064</v>
      </c>
      <c r="I1071" s="56">
        <f>Bühler!I1097</f>
        <v>0.33851874005154248</v>
      </c>
      <c r="J1071" s="59">
        <f>Bühler!J1097</f>
        <v>1.1283958001718084</v>
      </c>
      <c r="K1071" s="59">
        <f>Bühler!K1097</f>
        <v>1.6925937002577125</v>
      </c>
      <c r="L1071" s="59">
        <f>Bühler!L1097</f>
        <v>8.1244497612370203</v>
      </c>
      <c r="M1071" s="58">
        <f>Bühler!M1097</f>
        <v>0</v>
      </c>
      <c r="N1071" s="56">
        <f>IF(Input!$D$19=1,J1071*Input!$C$19,0)+IF(Input!$D$20=1,K1071*Input!$C$20,0)+IF(Input!$D$21=1,L1071*Input!$C$21,0)+IF(Input!$D$22=1,M1071*Input!$C$22,0)</f>
        <v>0.33851874005154253</v>
      </c>
      <c r="O1071" s="59">
        <f>IF(Input!$D$19=2,J1071*Input!$C$19,0)+IF(Input!$D$20=2,K1071*Input!$C$20,0)+IF(Input!$D$21=2,L1071*Input!$C$21,0)+IF(Input!$D$22=2,M1071*Input!$C$22,0)</f>
        <v>0.84629685012885625</v>
      </c>
      <c r="P1071" s="59">
        <f>IF(Input!$D$19=3,J1071*Input!$C$19,0)+IF(Input!$D$20=3,K1071*Input!$C$20,0)+IF(Input!$D$21=3,L1071*Input!$C$21,0)+IF(Input!$D$22=3,M1071*Input!$C$22,0)</f>
        <v>0</v>
      </c>
      <c r="Q1071" s="75">
        <f>IF(Input!$D$19=4,J1071*Input!$C$19,0)+IF(Input!$D$20=4,K1071*Input!$C$20,0)+IF(Input!$D$21=4,L1071*Input!$C$21,0)+IF(Input!$D$22=4,M1071*Input!$C$22,0)</f>
        <v>0</v>
      </c>
      <c r="R1071" s="58">
        <v>62.345901665416605</v>
      </c>
      <c r="S1071" s="124">
        <f t="shared" si="16"/>
        <v>1.466914540223351</v>
      </c>
    </row>
    <row r="1072" spans="8:19" x14ac:dyDescent="0.3">
      <c r="H1072" s="44">
        <v>1065</v>
      </c>
      <c r="I1072" s="56">
        <f>Bühler!I1098</f>
        <v>0.33851874005154248</v>
      </c>
      <c r="J1072" s="59">
        <f>Bühler!J1098</f>
        <v>1.1283958001718084</v>
      </c>
      <c r="K1072" s="59">
        <f>Bühler!K1098</f>
        <v>1.6925937002577125</v>
      </c>
      <c r="L1072" s="59">
        <f>Bühler!L1098</f>
        <v>8.1244497612370203</v>
      </c>
      <c r="M1072" s="58">
        <f>Bühler!M1098</f>
        <v>0</v>
      </c>
      <c r="N1072" s="56">
        <f>IF(Input!$D$19=1,J1072*Input!$C$19,0)+IF(Input!$D$20=1,K1072*Input!$C$20,0)+IF(Input!$D$21=1,L1072*Input!$C$21,0)+IF(Input!$D$22=1,M1072*Input!$C$22,0)</f>
        <v>0.33851874005154253</v>
      </c>
      <c r="O1072" s="59">
        <f>IF(Input!$D$19=2,J1072*Input!$C$19,0)+IF(Input!$D$20=2,K1072*Input!$C$20,0)+IF(Input!$D$21=2,L1072*Input!$C$21,0)+IF(Input!$D$22=2,M1072*Input!$C$22,0)</f>
        <v>0.84629685012885625</v>
      </c>
      <c r="P1072" s="59">
        <f>IF(Input!$D$19=3,J1072*Input!$C$19,0)+IF(Input!$D$20=3,K1072*Input!$C$20,0)+IF(Input!$D$21=3,L1072*Input!$C$21,0)+IF(Input!$D$22=3,M1072*Input!$C$22,0)</f>
        <v>0</v>
      </c>
      <c r="Q1072" s="75">
        <f>IF(Input!$D$19=4,J1072*Input!$C$19,0)+IF(Input!$D$20=4,K1072*Input!$C$20,0)+IF(Input!$D$21=4,L1072*Input!$C$21,0)+IF(Input!$D$22=4,M1072*Input!$C$22,0)</f>
        <v>0</v>
      </c>
      <c r="R1072" s="58">
        <v>62.943647476724848</v>
      </c>
      <c r="S1072" s="124">
        <f t="shared" si="16"/>
        <v>1.466914540223351</v>
      </c>
    </row>
    <row r="1073" spans="8:19" x14ac:dyDescent="0.3">
      <c r="H1073" s="44">
        <v>1066</v>
      </c>
      <c r="I1073" s="56">
        <f>Bühler!I1099</f>
        <v>0.36378133259270234</v>
      </c>
      <c r="J1073" s="59">
        <f>Bühler!J1099</f>
        <v>1.2126044419756745</v>
      </c>
      <c r="K1073" s="59">
        <f>Bühler!K1099</f>
        <v>1.8189066629635118</v>
      </c>
      <c r="L1073" s="59">
        <f>Bühler!L1099</f>
        <v>8.7307519822248558</v>
      </c>
      <c r="M1073" s="58">
        <f>Bühler!M1099</f>
        <v>0</v>
      </c>
      <c r="N1073" s="56">
        <f>IF(Input!$D$19=1,J1073*Input!$C$19,0)+IF(Input!$D$20=1,K1073*Input!$C$20,0)+IF(Input!$D$21=1,L1073*Input!$C$21,0)+IF(Input!$D$22=1,M1073*Input!$C$22,0)</f>
        <v>0.36378133259270234</v>
      </c>
      <c r="O1073" s="59">
        <f>IF(Input!$D$19=2,J1073*Input!$C$19,0)+IF(Input!$D$20=2,K1073*Input!$C$20,0)+IF(Input!$D$21=2,L1073*Input!$C$21,0)+IF(Input!$D$22=2,M1073*Input!$C$22,0)</f>
        <v>0.90945333148175589</v>
      </c>
      <c r="P1073" s="59">
        <f>IF(Input!$D$19=3,J1073*Input!$C$19,0)+IF(Input!$D$20=3,K1073*Input!$C$20,0)+IF(Input!$D$21=3,L1073*Input!$C$21,0)+IF(Input!$D$22=3,M1073*Input!$C$22,0)</f>
        <v>0</v>
      </c>
      <c r="Q1073" s="75">
        <f>IF(Input!$D$19=4,J1073*Input!$C$19,0)+IF(Input!$D$20=4,K1073*Input!$C$20,0)+IF(Input!$D$21=4,L1073*Input!$C$21,0)+IF(Input!$D$22=4,M1073*Input!$C$22,0)</f>
        <v>0</v>
      </c>
      <c r="R1073" s="58">
        <v>62.236964357067734</v>
      </c>
      <c r="S1073" s="124">
        <f t="shared" si="16"/>
        <v>1.5763857745683769</v>
      </c>
    </row>
    <row r="1074" spans="8:19" x14ac:dyDescent="0.3">
      <c r="H1074" s="44">
        <v>1067</v>
      </c>
      <c r="I1074" s="56">
        <f>Bühler!I1100</f>
        <v>0.39409644364209423</v>
      </c>
      <c r="J1074" s="59">
        <f>Bühler!J1100</f>
        <v>1.3136548121403142</v>
      </c>
      <c r="K1074" s="59">
        <f>Bühler!K1100</f>
        <v>1.9704822182104711</v>
      </c>
      <c r="L1074" s="59">
        <f>Bühler!L1100</f>
        <v>9.458314647410262</v>
      </c>
      <c r="M1074" s="58">
        <f>Bühler!M1100</f>
        <v>0</v>
      </c>
      <c r="N1074" s="56">
        <f>IF(Input!$D$19=1,J1074*Input!$C$19,0)+IF(Input!$D$20=1,K1074*Input!$C$20,0)+IF(Input!$D$21=1,L1074*Input!$C$21,0)+IF(Input!$D$22=1,M1074*Input!$C$22,0)</f>
        <v>0.39409644364209423</v>
      </c>
      <c r="O1074" s="59">
        <f>IF(Input!$D$19=2,J1074*Input!$C$19,0)+IF(Input!$D$20=2,K1074*Input!$C$20,0)+IF(Input!$D$21=2,L1074*Input!$C$21,0)+IF(Input!$D$22=2,M1074*Input!$C$22,0)</f>
        <v>0.98524110910523555</v>
      </c>
      <c r="P1074" s="59">
        <f>IF(Input!$D$19=3,J1074*Input!$C$19,0)+IF(Input!$D$20=3,K1074*Input!$C$20,0)+IF(Input!$D$21=3,L1074*Input!$C$21,0)+IF(Input!$D$22=3,M1074*Input!$C$22,0)</f>
        <v>0</v>
      </c>
      <c r="Q1074" s="75">
        <f>IF(Input!$D$19=4,J1074*Input!$C$19,0)+IF(Input!$D$20=4,K1074*Input!$C$20,0)+IF(Input!$D$21=4,L1074*Input!$C$21,0)+IF(Input!$D$22=4,M1074*Input!$C$22,0)</f>
        <v>0</v>
      </c>
      <c r="R1074" s="58">
        <v>62.743446704268926</v>
      </c>
      <c r="S1074" s="124">
        <f t="shared" si="16"/>
        <v>1.7077512557824084</v>
      </c>
    </row>
    <row r="1075" spans="8:19" x14ac:dyDescent="0.3">
      <c r="H1075" s="44">
        <v>1068</v>
      </c>
      <c r="I1075" s="56">
        <f>Bühler!I1101</f>
        <v>0.45472666574087789</v>
      </c>
      <c r="J1075" s="59">
        <f>Bühler!J1101</f>
        <v>1.5157555524695931</v>
      </c>
      <c r="K1075" s="59">
        <f>Bühler!K1101</f>
        <v>2.2736333287043893</v>
      </c>
      <c r="L1075" s="59">
        <f>Bühler!L1101</f>
        <v>10.913439977781069</v>
      </c>
      <c r="M1075" s="58">
        <f>Bühler!M1101</f>
        <v>0</v>
      </c>
      <c r="N1075" s="56">
        <f>IF(Input!$D$19=1,J1075*Input!$C$19,0)+IF(Input!$D$20=1,K1075*Input!$C$20,0)+IF(Input!$D$21=1,L1075*Input!$C$21,0)+IF(Input!$D$22=1,M1075*Input!$C$22,0)</f>
        <v>0.45472666574087794</v>
      </c>
      <c r="O1075" s="59">
        <f>IF(Input!$D$19=2,J1075*Input!$C$19,0)+IF(Input!$D$20=2,K1075*Input!$C$20,0)+IF(Input!$D$21=2,L1075*Input!$C$21,0)+IF(Input!$D$22=2,M1075*Input!$C$22,0)</f>
        <v>1.1368166643521946</v>
      </c>
      <c r="P1075" s="59">
        <f>IF(Input!$D$19=3,J1075*Input!$C$19,0)+IF(Input!$D$20=3,K1075*Input!$C$20,0)+IF(Input!$D$21=3,L1075*Input!$C$21,0)+IF(Input!$D$22=3,M1075*Input!$C$22,0)</f>
        <v>0</v>
      </c>
      <c r="Q1075" s="75">
        <f>IF(Input!$D$19=4,J1075*Input!$C$19,0)+IF(Input!$D$20=4,K1075*Input!$C$20,0)+IF(Input!$D$21=4,L1075*Input!$C$21,0)+IF(Input!$D$22=4,M1075*Input!$C$22,0)</f>
        <v>0</v>
      </c>
      <c r="R1075" s="58">
        <v>63.58752353274307</v>
      </c>
      <c r="S1075" s="124">
        <f t="shared" si="16"/>
        <v>1.9704822182104711</v>
      </c>
    </row>
    <row r="1076" spans="8:19" x14ac:dyDescent="0.3">
      <c r="H1076" s="44">
        <v>1069</v>
      </c>
      <c r="I1076" s="56">
        <f>Bühler!I1102</f>
        <v>0.45472666574087789</v>
      </c>
      <c r="J1076" s="59">
        <f>Bühler!J1102</f>
        <v>1.5157555524695931</v>
      </c>
      <c r="K1076" s="59">
        <f>Bühler!K1102</f>
        <v>2.2736333287043893</v>
      </c>
      <c r="L1076" s="59">
        <f>Bühler!L1102</f>
        <v>10.913439977781069</v>
      </c>
      <c r="M1076" s="58">
        <f>Bühler!M1102</f>
        <v>0</v>
      </c>
      <c r="N1076" s="56">
        <f>IF(Input!$D$19=1,J1076*Input!$C$19,0)+IF(Input!$D$20=1,K1076*Input!$C$20,0)+IF(Input!$D$21=1,L1076*Input!$C$21,0)+IF(Input!$D$22=1,M1076*Input!$C$22,0)</f>
        <v>0.45472666574087794</v>
      </c>
      <c r="O1076" s="59">
        <f>IF(Input!$D$19=2,J1076*Input!$C$19,0)+IF(Input!$D$20=2,K1076*Input!$C$20,0)+IF(Input!$D$21=2,L1076*Input!$C$21,0)+IF(Input!$D$22=2,M1076*Input!$C$22,0)</f>
        <v>1.1368166643521946</v>
      </c>
      <c r="P1076" s="59">
        <f>IF(Input!$D$19=3,J1076*Input!$C$19,0)+IF(Input!$D$20=3,K1076*Input!$C$20,0)+IF(Input!$D$21=3,L1076*Input!$C$21,0)+IF(Input!$D$22=3,M1076*Input!$C$22,0)</f>
        <v>0</v>
      </c>
      <c r="Q1076" s="75">
        <f>IF(Input!$D$19=4,J1076*Input!$C$19,0)+IF(Input!$D$20=4,K1076*Input!$C$20,0)+IF(Input!$D$21=4,L1076*Input!$C$21,0)+IF(Input!$D$22=4,M1076*Input!$C$22,0)</f>
        <v>0</v>
      </c>
      <c r="R1076" s="58">
        <v>62.477440319399918</v>
      </c>
      <c r="S1076" s="124">
        <f t="shared" si="16"/>
        <v>1.9704822182104711</v>
      </c>
    </row>
    <row r="1077" spans="8:19" x14ac:dyDescent="0.3">
      <c r="H1077" s="44">
        <v>1070</v>
      </c>
      <c r="I1077" s="56">
        <f>Bühler!I1103</f>
        <v>0.45472666574087789</v>
      </c>
      <c r="J1077" s="59">
        <f>Bühler!J1103</f>
        <v>1.5157555524695931</v>
      </c>
      <c r="K1077" s="59">
        <f>Bühler!K1103</f>
        <v>2.2736333287043893</v>
      </c>
      <c r="L1077" s="59">
        <f>Bühler!L1103</f>
        <v>10.913439977781069</v>
      </c>
      <c r="M1077" s="58">
        <f>Bühler!M1103</f>
        <v>0</v>
      </c>
      <c r="N1077" s="56">
        <f>IF(Input!$D$19=1,J1077*Input!$C$19,0)+IF(Input!$D$20=1,K1077*Input!$C$20,0)+IF(Input!$D$21=1,L1077*Input!$C$21,0)+IF(Input!$D$22=1,M1077*Input!$C$22,0)</f>
        <v>0.45472666574087794</v>
      </c>
      <c r="O1077" s="59">
        <f>IF(Input!$D$19=2,J1077*Input!$C$19,0)+IF(Input!$D$20=2,K1077*Input!$C$20,0)+IF(Input!$D$21=2,L1077*Input!$C$21,0)+IF(Input!$D$22=2,M1077*Input!$C$22,0)</f>
        <v>1.1368166643521946</v>
      </c>
      <c r="P1077" s="59">
        <f>IF(Input!$D$19=3,J1077*Input!$C$19,0)+IF(Input!$D$20=3,K1077*Input!$C$20,0)+IF(Input!$D$21=3,L1077*Input!$C$21,0)+IF(Input!$D$22=3,M1077*Input!$C$22,0)</f>
        <v>0</v>
      </c>
      <c r="Q1077" s="75">
        <f>IF(Input!$D$19=4,J1077*Input!$C$19,0)+IF(Input!$D$20=4,K1077*Input!$C$20,0)+IF(Input!$D$21=4,L1077*Input!$C$21,0)+IF(Input!$D$22=4,M1077*Input!$C$22,0)</f>
        <v>0</v>
      </c>
      <c r="R1077" s="58">
        <v>62.827646240209255</v>
      </c>
      <c r="S1077" s="124">
        <f t="shared" si="16"/>
        <v>1.9704822182104711</v>
      </c>
    </row>
    <row r="1078" spans="8:19" x14ac:dyDescent="0.3">
      <c r="H1078" s="44">
        <v>1071</v>
      </c>
      <c r="I1078" s="56">
        <f>Bühler!I1104</f>
        <v>0.45472666574087789</v>
      </c>
      <c r="J1078" s="59">
        <f>Bühler!J1104</f>
        <v>1.5157555524695931</v>
      </c>
      <c r="K1078" s="59">
        <f>Bühler!K1104</f>
        <v>2.2736333287043893</v>
      </c>
      <c r="L1078" s="59">
        <f>Bühler!L1104</f>
        <v>10.913439977781069</v>
      </c>
      <c r="M1078" s="58">
        <f>Bühler!M1104</f>
        <v>0</v>
      </c>
      <c r="N1078" s="56">
        <f>IF(Input!$D$19=1,J1078*Input!$C$19,0)+IF(Input!$D$20=1,K1078*Input!$C$20,0)+IF(Input!$D$21=1,L1078*Input!$C$21,0)+IF(Input!$D$22=1,M1078*Input!$C$22,0)</f>
        <v>0.45472666574087794</v>
      </c>
      <c r="O1078" s="59">
        <f>IF(Input!$D$19=2,J1078*Input!$C$19,0)+IF(Input!$D$20=2,K1078*Input!$C$20,0)+IF(Input!$D$21=2,L1078*Input!$C$21,0)+IF(Input!$D$22=2,M1078*Input!$C$22,0)</f>
        <v>1.1368166643521946</v>
      </c>
      <c r="P1078" s="59">
        <f>IF(Input!$D$19=3,J1078*Input!$C$19,0)+IF(Input!$D$20=3,K1078*Input!$C$20,0)+IF(Input!$D$21=3,L1078*Input!$C$21,0)+IF(Input!$D$22=3,M1078*Input!$C$22,0)</f>
        <v>0</v>
      </c>
      <c r="Q1078" s="75">
        <f>IF(Input!$D$19=4,J1078*Input!$C$19,0)+IF(Input!$D$20=4,K1078*Input!$C$20,0)+IF(Input!$D$21=4,L1078*Input!$C$21,0)+IF(Input!$D$22=4,M1078*Input!$C$22,0)</f>
        <v>0</v>
      </c>
      <c r="R1078" s="58">
        <v>63.247520013305284</v>
      </c>
      <c r="S1078" s="124">
        <f t="shared" si="16"/>
        <v>1.9704822182104711</v>
      </c>
    </row>
    <row r="1079" spans="8:19" x14ac:dyDescent="0.3">
      <c r="H1079" s="44">
        <v>1072</v>
      </c>
      <c r="I1079" s="56">
        <f>Bühler!I1105</f>
        <v>0.45472666574087789</v>
      </c>
      <c r="J1079" s="59">
        <f>Bühler!J1105</f>
        <v>1.5157555524695931</v>
      </c>
      <c r="K1079" s="59">
        <f>Bühler!K1105</f>
        <v>2.2736333287043893</v>
      </c>
      <c r="L1079" s="59">
        <f>Bühler!L1105</f>
        <v>10.913439977781069</v>
      </c>
      <c r="M1079" s="58">
        <f>Bühler!M1105</f>
        <v>0</v>
      </c>
      <c r="N1079" s="56">
        <f>IF(Input!$D$19=1,J1079*Input!$C$19,0)+IF(Input!$D$20=1,K1079*Input!$C$20,0)+IF(Input!$D$21=1,L1079*Input!$C$21,0)+IF(Input!$D$22=1,M1079*Input!$C$22,0)</f>
        <v>0.45472666574087794</v>
      </c>
      <c r="O1079" s="59">
        <f>IF(Input!$D$19=2,J1079*Input!$C$19,0)+IF(Input!$D$20=2,K1079*Input!$C$20,0)+IF(Input!$D$21=2,L1079*Input!$C$21,0)+IF(Input!$D$22=2,M1079*Input!$C$22,0)</f>
        <v>1.1368166643521946</v>
      </c>
      <c r="P1079" s="59">
        <f>IF(Input!$D$19=3,J1079*Input!$C$19,0)+IF(Input!$D$20=3,K1079*Input!$C$20,0)+IF(Input!$D$21=3,L1079*Input!$C$21,0)+IF(Input!$D$22=3,M1079*Input!$C$22,0)</f>
        <v>0</v>
      </c>
      <c r="Q1079" s="75">
        <f>IF(Input!$D$19=4,J1079*Input!$C$19,0)+IF(Input!$D$20=4,K1079*Input!$C$20,0)+IF(Input!$D$21=4,L1079*Input!$C$21,0)+IF(Input!$D$22=4,M1079*Input!$C$22,0)</f>
        <v>0</v>
      </c>
      <c r="R1079" s="58">
        <v>62.377562500101668</v>
      </c>
      <c r="S1079" s="124">
        <f t="shared" si="16"/>
        <v>1.9704822182104711</v>
      </c>
    </row>
    <row r="1080" spans="8:19" x14ac:dyDescent="0.3">
      <c r="H1080" s="44">
        <v>1073</v>
      </c>
      <c r="I1080" s="56">
        <f>Bühler!I1106</f>
        <v>0.45472666574087789</v>
      </c>
      <c r="J1080" s="59">
        <f>Bühler!J1106</f>
        <v>1.5157555524695931</v>
      </c>
      <c r="K1080" s="59">
        <f>Bühler!K1106</f>
        <v>2.2736333287043893</v>
      </c>
      <c r="L1080" s="59">
        <f>Bühler!L1106</f>
        <v>10.913439977781069</v>
      </c>
      <c r="M1080" s="58">
        <f>Bühler!M1106</f>
        <v>0</v>
      </c>
      <c r="N1080" s="56">
        <f>IF(Input!$D$19=1,J1080*Input!$C$19,0)+IF(Input!$D$20=1,K1080*Input!$C$20,0)+IF(Input!$D$21=1,L1080*Input!$C$21,0)+IF(Input!$D$22=1,M1080*Input!$C$22,0)</f>
        <v>0.45472666574087794</v>
      </c>
      <c r="O1080" s="59">
        <f>IF(Input!$D$19=2,J1080*Input!$C$19,0)+IF(Input!$D$20=2,K1080*Input!$C$20,0)+IF(Input!$D$21=2,L1080*Input!$C$21,0)+IF(Input!$D$22=2,M1080*Input!$C$22,0)</f>
        <v>1.1368166643521946</v>
      </c>
      <c r="P1080" s="59">
        <f>IF(Input!$D$19=3,J1080*Input!$C$19,0)+IF(Input!$D$20=3,K1080*Input!$C$20,0)+IF(Input!$D$21=3,L1080*Input!$C$21,0)+IF(Input!$D$22=3,M1080*Input!$C$22,0)</f>
        <v>0</v>
      </c>
      <c r="Q1080" s="75">
        <f>IF(Input!$D$19=4,J1080*Input!$C$19,0)+IF(Input!$D$20=4,K1080*Input!$C$20,0)+IF(Input!$D$21=4,L1080*Input!$C$21,0)+IF(Input!$D$22=4,M1080*Input!$C$22,0)</f>
        <v>0</v>
      </c>
      <c r="R1080" s="58">
        <v>62.066218697174627</v>
      </c>
      <c r="S1080" s="124">
        <f t="shared" si="16"/>
        <v>1.9704822182104711</v>
      </c>
    </row>
    <row r="1081" spans="8:19" x14ac:dyDescent="0.3">
      <c r="H1081" s="44">
        <v>1074</v>
      </c>
      <c r="I1081" s="56">
        <f>Bühler!I1107</f>
        <v>0.45472666574087789</v>
      </c>
      <c r="J1081" s="59">
        <f>Bühler!J1107</f>
        <v>1.5157555524695931</v>
      </c>
      <c r="K1081" s="59">
        <f>Bühler!K1107</f>
        <v>2.2736333287043893</v>
      </c>
      <c r="L1081" s="59">
        <f>Bühler!L1107</f>
        <v>10.913439977781069</v>
      </c>
      <c r="M1081" s="58">
        <f>Bühler!M1107</f>
        <v>0</v>
      </c>
      <c r="N1081" s="56">
        <f>IF(Input!$D$19=1,J1081*Input!$C$19,0)+IF(Input!$D$20=1,K1081*Input!$C$20,0)+IF(Input!$D$21=1,L1081*Input!$C$21,0)+IF(Input!$D$22=1,M1081*Input!$C$22,0)</f>
        <v>0.45472666574087794</v>
      </c>
      <c r="O1081" s="59">
        <f>IF(Input!$D$19=2,J1081*Input!$C$19,0)+IF(Input!$D$20=2,K1081*Input!$C$20,0)+IF(Input!$D$21=2,L1081*Input!$C$21,0)+IF(Input!$D$22=2,M1081*Input!$C$22,0)</f>
        <v>1.1368166643521946</v>
      </c>
      <c r="P1081" s="59">
        <f>IF(Input!$D$19=3,J1081*Input!$C$19,0)+IF(Input!$D$20=3,K1081*Input!$C$20,0)+IF(Input!$D$21=3,L1081*Input!$C$21,0)+IF(Input!$D$22=3,M1081*Input!$C$22,0)</f>
        <v>0</v>
      </c>
      <c r="Q1081" s="75">
        <f>IF(Input!$D$19=4,J1081*Input!$C$19,0)+IF(Input!$D$20=4,K1081*Input!$C$20,0)+IF(Input!$D$21=4,L1081*Input!$C$21,0)+IF(Input!$D$22=4,M1081*Input!$C$22,0)</f>
        <v>0</v>
      </c>
      <c r="R1081" s="58">
        <v>60.92374692050192</v>
      </c>
      <c r="S1081" s="124">
        <f t="shared" si="16"/>
        <v>1.9704822182104711</v>
      </c>
    </row>
    <row r="1082" spans="8:19" x14ac:dyDescent="0.3">
      <c r="H1082" s="44">
        <v>1075</v>
      </c>
      <c r="I1082" s="56">
        <f>Bühler!I1108</f>
        <v>0.45472666574087789</v>
      </c>
      <c r="J1082" s="59">
        <f>Bühler!J1108</f>
        <v>1.5157555524695931</v>
      </c>
      <c r="K1082" s="59">
        <f>Bühler!K1108</f>
        <v>2.2736333287043893</v>
      </c>
      <c r="L1082" s="59">
        <f>Bühler!L1108</f>
        <v>10.913439977781069</v>
      </c>
      <c r="M1082" s="58">
        <f>Bühler!M1108</f>
        <v>0</v>
      </c>
      <c r="N1082" s="56">
        <f>IF(Input!$D$19=1,J1082*Input!$C$19,0)+IF(Input!$D$20=1,K1082*Input!$C$20,0)+IF(Input!$D$21=1,L1082*Input!$C$21,0)+IF(Input!$D$22=1,M1082*Input!$C$22,0)</f>
        <v>0.45472666574087794</v>
      </c>
      <c r="O1082" s="59">
        <f>IF(Input!$D$19=2,J1082*Input!$C$19,0)+IF(Input!$D$20=2,K1082*Input!$C$20,0)+IF(Input!$D$21=2,L1082*Input!$C$21,0)+IF(Input!$D$22=2,M1082*Input!$C$22,0)</f>
        <v>1.1368166643521946</v>
      </c>
      <c r="P1082" s="59">
        <f>IF(Input!$D$19=3,J1082*Input!$C$19,0)+IF(Input!$D$20=3,K1082*Input!$C$20,0)+IF(Input!$D$21=3,L1082*Input!$C$21,0)+IF(Input!$D$22=3,M1082*Input!$C$22,0)</f>
        <v>0</v>
      </c>
      <c r="Q1082" s="75">
        <f>IF(Input!$D$19=4,J1082*Input!$C$19,0)+IF(Input!$D$20=4,K1082*Input!$C$20,0)+IF(Input!$D$21=4,L1082*Input!$C$21,0)+IF(Input!$D$22=4,M1082*Input!$C$22,0)</f>
        <v>0</v>
      </c>
      <c r="R1082" s="58">
        <v>59.664666371675992</v>
      </c>
      <c r="S1082" s="124">
        <f t="shared" si="16"/>
        <v>1.9704822182104711</v>
      </c>
    </row>
    <row r="1083" spans="8:19" x14ac:dyDescent="0.3">
      <c r="H1083" s="44">
        <v>1076</v>
      </c>
      <c r="I1083" s="56">
        <f>Bühler!I1109</f>
        <v>0.37893888811739829</v>
      </c>
      <c r="J1083" s="59">
        <f>Bühler!J1109</f>
        <v>1.2631296270579944</v>
      </c>
      <c r="K1083" s="59">
        <f>Bühler!K1109</f>
        <v>1.8946944405869914</v>
      </c>
      <c r="L1083" s="59">
        <f>Bühler!L1109</f>
        <v>9.0945333148175589</v>
      </c>
      <c r="M1083" s="58">
        <f>Bühler!M1109</f>
        <v>0</v>
      </c>
      <c r="N1083" s="56">
        <f>IF(Input!$D$19=1,J1083*Input!$C$19,0)+IF(Input!$D$20=1,K1083*Input!$C$20,0)+IF(Input!$D$21=1,L1083*Input!$C$21,0)+IF(Input!$D$22=1,M1083*Input!$C$22,0)</f>
        <v>0.37893888811739829</v>
      </c>
      <c r="O1083" s="59">
        <f>IF(Input!$D$19=2,J1083*Input!$C$19,0)+IF(Input!$D$20=2,K1083*Input!$C$20,0)+IF(Input!$D$21=2,L1083*Input!$C$21,0)+IF(Input!$D$22=2,M1083*Input!$C$22,0)</f>
        <v>0.94734722029349572</v>
      </c>
      <c r="P1083" s="59">
        <f>IF(Input!$D$19=3,J1083*Input!$C$19,0)+IF(Input!$D$20=3,K1083*Input!$C$20,0)+IF(Input!$D$21=3,L1083*Input!$C$21,0)+IF(Input!$D$22=3,M1083*Input!$C$22,0)</f>
        <v>0</v>
      </c>
      <c r="Q1083" s="75">
        <f>IF(Input!$D$19=4,J1083*Input!$C$19,0)+IF(Input!$D$20=4,K1083*Input!$C$20,0)+IF(Input!$D$21=4,L1083*Input!$C$21,0)+IF(Input!$D$22=4,M1083*Input!$C$22,0)</f>
        <v>0</v>
      </c>
      <c r="R1083" s="58">
        <v>59.059065001987292</v>
      </c>
      <c r="S1083" s="124">
        <f t="shared" si="16"/>
        <v>1.6420685151753927</v>
      </c>
    </row>
    <row r="1084" spans="8:19" x14ac:dyDescent="0.3">
      <c r="H1084" s="44">
        <v>1077</v>
      </c>
      <c r="I1084" s="56">
        <f>Bühler!I1110</f>
        <v>0.30315111049391869</v>
      </c>
      <c r="J1084" s="59">
        <f>Bühler!J1110</f>
        <v>1.0105037016463958</v>
      </c>
      <c r="K1084" s="59">
        <f>Bühler!K1110</f>
        <v>1.5157555524695934</v>
      </c>
      <c r="L1084" s="59">
        <f>Bühler!L1110</f>
        <v>7.2756266518540489</v>
      </c>
      <c r="M1084" s="58">
        <f>Bühler!M1110</f>
        <v>0</v>
      </c>
      <c r="N1084" s="56">
        <f>IF(Input!$D$19=1,J1084*Input!$C$19,0)+IF(Input!$D$20=1,K1084*Input!$C$20,0)+IF(Input!$D$21=1,L1084*Input!$C$21,0)+IF(Input!$D$22=1,M1084*Input!$C$22,0)</f>
        <v>0.30315111049391874</v>
      </c>
      <c r="O1084" s="59">
        <f>IF(Input!$D$19=2,J1084*Input!$C$19,0)+IF(Input!$D$20=2,K1084*Input!$C$20,0)+IF(Input!$D$21=2,L1084*Input!$C$21,0)+IF(Input!$D$22=2,M1084*Input!$C$22,0)</f>
        <v>0.75787777623479669</v>
      </c>
      <c r="P1084" s="59">
        <f>IF(Input!$D$19=3,J1084*Input!$C$19,0)+IF(Input!$D$20=3,K1084*Input!$C$20,0)+IF(Input!$D$21=3,L1084*Input!$C$21,0)+IF(Input!$D$22=3,M1084*Input!$C$22,0)</f>
        <v>0</v>
      </c>
      <c r="Q1084" s="75">
        <f>IF(Input!$D$19=4,J1084*Input!$C$19,0)+IF(Input!$D$20=4,K1084*Input!$C$20,0)+IF(Input!$D$21=4,L1084*Input!$C$21,0)+IF(Input!$D$22=4,M1084*Input!$C$22,0)</f>
        <v>0</v>
      </c>
      <c r="R1084" s="58">
        <v>58.118615192494019</v>
      </c>
      <c r="S1084" s="124">
        <f t="shared" si="16"/>
        <v>1.3136548121403144</v>
      </c>
    </row>
    <row r="1085" spans="8:19" x14ac:dyDescent="0.3">
      <c r="H1085" s="44">
        <v>1078</v>
      </c>
      <c r="I1085" s="56">
        <f>Bühler!I1111</f>
        <v>0.22736333287043894</v>
      </c>
      <c r="J1085" s="59">
        <f>Bühler!J1111</f>
        <v>0.75787777623479657</v>
      </c>
      <c r="K1085" s="59">
        <f>Bühler!K1111</f>
        <v>1.1368166643521946</v>
      </c>
      <c r="L1085" s="59">
        <f>Bühler!L1111</f>
        <v>5.4567199888905344</v>
      </c>
      <c r="M1085" s="58">
        <f>Bühler!M1111</f>
        <v>0</v>
      </c>
      <c r="N1085" s="56">
        <f>IF(Input!$D$19=1,J1085*Input!$C$19,0)+IF(Input!$D$20=1,K1085*Input!$C$20,0)+IF(Input!$D$21=1,L1085*Input!$C$21,0)+IF(Input!$D$22=1,M1085*Input!$C$22,0)</f>
        <v>0.22736333287043897</v>
      </c>
      <c r="O1085" s="59">
        <f>IF(Input!$D$19=2,J1085*Input!$C$19,0)+IF(Input!$D$20=2,K1085*Input!$C$20,0)+IF(Input!$D$21=2,L1085*Input!$C$21,0)+IF(Input!$D$22=2,M1085*Input!$C$22,0)</f>
        <v>0.56840833217609732</v>
      </c>
      <c r="P1085" s="59">
        <f>IF(Input!$D$19=3,J1085*Input!$C$19,0)+IF(Input!$D$20=3,K1085*Input!$C$20,0)+IF(Input!$D$21=3,L1085*Input!$C$21,0)+IF(Input!$D$22=3,M1085*Input!$C$22,0)</f>
        <v>0</v>
      </c>
      <c r="Q1085" s="75">
        <f>IF(Input!$D$19=4,J1085*Input!$C$19,0)+IF(Input!$D$20=4,K1085*Input!$C$20,0)+IF(Input!$D$21=4,L1085*Input!$C$21,0)+IF(Input!$D$22=4,M1085*Input!$C$22,0)</f>
        <v>0</v>
      </c>
      <c r="R1085" s="58">
        <v>56.236908624961771</v>
      </c>
      <c r="S1085" s="124">
        <f t="shared" si="16"/>
        <v>0.98524110910523555</v>
      </c>
    </row>
    <row r="1086" spans="8:19" x14ac:dyDescent="0.3">
      <c r="H1086" s="44">
        <v>1079</v>
      </c>
      <c r="I1086" s="56">
        <f>Bühler!I1112</f>
        <v>0.22736333287043894</v>
      </c>
      <c r="J1086" s="59">
        <f>Bühler!J1112</f>
        <v>0.75787777623479657</v>
      </c>
      <c r="K1086" s="59">
        <f>Bühler!K1112</f>
        <v>1.1368166643521946</v>
      </c>
      <c r="L1086" s="59">
        <f>Bühler!L1112</f>
        <v>5.4567199888905344</v>
      </c>
      <c r="M1086" s="58">
        <f>Bühler!M1112</f>
        <v>0</v>
      </c>
      <c r="N1086" s="56">
        <f>IF(Input!$D$19=1,J1086*Input!$C$19,0)+IF(Input!$D$20=1,K1086*Input!$C$20,0)+IF(Input!$D$21=1,L1086*Input!$C$21,0)+IF(Input!$D$22=1,M1086*Input!$C$22,0)</f>
        <v>0.22736333287043897</v>
      </c>
      <c r="O1086" s="59">
        <f>IF(Input!$D$19=2,J1086*Input!$C$19,0)+IF(Input!$D$20=2,K1086*Input!$C$20,0)+IF(Input!$D$21=2,L1086*Input!$C$21,0)+IF(Input!$D$22=2,M1086*Input!$C$22,0)</f>
        <v>0.56840833217609732</v>
      </c>
      <c r="P1086" s="59">
        <f>IF(Input!$D$19=3,J1086*Input!$C$19,0)+IF(Input!$D$20=3,K1086*Input!$C$20,0)+IF(Input!$D$21=3,L1086*Input!$C$21,0)+IF(Input!$D$22=3,M1086*Input!$C$22,0)</f>
        <v>0</v>
      </c>
      <c r="Q1086" s="75">
        <f>IF(Input!$D$19=4,J1086*Input!$C$19,0)+IF(Input!$D$20=4,K1086*Input!$C$20,0)+IF(Input!$D$21=4,L1086*Input!$C$21,0)+IF(Input!$D$22=4,M1086*Input!$C$22,0)</f>
        <v>0</v>
      </c>
      <c r="R1086" s="58">
        <v>56.167930509502632</v>
      </c>
      <c r="S1086" s="124">
        <f t="shared" si="16"/>
        <v>0.98524110910523555</v>
      </c>
    </row>
    <row r="1087" spans="8:19" x14ac:dyDescent="0.3">
      <c r="H1087" s="44">
        <v>1080</v>
      </c>
      <c r="I1087" s="56">
        <f>Bühler!I1113</f>
        <v>0.22736333287043894</v>
      </c>
      <c r="J1087" s="59">
        <f>Bühler!J1113</f>
        <v>0.75787777623479657</v>
      </c>
      <c r="K1087" s="59">
        <f>Bühler!K1113</f>
        <v>1.1368166643521946</v>
      </c>
      <c r="L1087" s="59">
        <f>Bühler!L1113</f>
        <v>5.4567199888905344</v>
      </c>
      <c r="M1087" s="58">
        <f>Bühler!M1113</f>
        <v>0</v>
      </c>
      <c r="N1087" s="56">
        <f>IF(Input!$D$19=1,J1087*Input!$C$19,0)+IF(Input!$D$20=1,K1087*Input!$C$20,0)+IF(Input!$D$21=1,L1087*Input!$C$21,0)+IF(Input!$D$22=1,M1087*Input!$C$22,0)</f>
        <v>0.22736333287043897</v>
      </c>
      <c r="O1087" s="59">
        <f>IF(Input!$D$19=2,J1087*Input!$C$19,0)+IF(Input!$D$20=2,K1087*Input!$C$20,0)+IF(Input!$D$21=2,L1087*Input!$C$21,0)+IF(Input!$D$22=2,M1087*Input!$C$22,0)</f>
        <v>0.56840833217609732</v>
      </c>
      <c r="P1087" s="59">
        <f>IF(Input!$D$19=3,J1087*Input!$C$19,0)+IF(Input!$D$20=3,K1087*Input!$C$20,0)+IF(Input!$D$21=3,L1087*Input!$C$21,0)+IF(Input!$D$22=3,M1087*Input!$C$22,0)</f>
        <v>0</v>
      </c>
      <c r="Q1087" s="75">
        <f>IF(Input!$D$19=4,J1087*Input!$C$19,0)+IF(Input!$D$20=4,K1087*Input!$C$20,0)+IF(Input!$D$21=4,L1087*Input!$C$21,0)+IF(Input!$D$22=4,M1087*Input!$C$22,0)</f>
        <v>0</v>
      </c>
      <c r="R1087" s="58">
        <v>55.438715378786675</v>
      </c>
      <c r="S1087" s="124">
        <f t="shared" si="16"/>
        <v>0.98524110910523555</v>
      </c>
    </row>
    <row r="1088" spans="8:19" x14ac:dyDescent="0.3">
      <c r="H1088" s="44">
        <v>1081</v>
      </c>
      <c r="I1088" s="56">
        <f>Bühler!I1114</f>
        <v>0.23422436391867713</v>
      </c>
      <c r="J1088" s="59">
        <f>Bühler!J1114</f>
        <v>0.78074787972892379</v>
      </c>
      <c r="K1088" s="59">
        <f>Bühler!K1114</f>
        <v>1.1711218195933857</v>
      </c>
      <c r="L1088" s="59">
        <f>Bühler!L1114</f>
        <v>5.6213847340482515</v>
      </c>
      <c r="M1088" s="58">
        <f>Bühler!M1114</f>
        <v>0</v>
      </c>
      <c r="N1088" s="56">
        <f>IF(Input!$D$19=1,J1088*Input!$C$19,0)+IF(Input!$D$20=1,K1088*Input!$C$20,0)+IF(Input!$D$21=1,L1088*Input!$C$21,0)+IF(Input!$D$22=1,M1088*Input!$C$22,0)</f>
        <v>0.23422436391867713</v>
      </c>
      <c r="O1088" s="59">
        <f>IF(Input!$D$19=2,J1088*Input!$C$19,0)+IF(Input!$D$20=2,K1088*Input!$C$20,0)+IF(Input!$D$21=2,L1088*Input!$C$21,0)+IF(Input!$D$22=2,M1088*Input!$C$22,0)</f>
        <v>0.58556090979669284</v>
      </c>
      <c r="P1088" s="59">
        <f>IF(Input!$D$19=3,J1088*Input!$C$19,0)+IF(Input!$D$20=3,K1088*Input!$C$20,0)+IF(Input!$D$21=3,L1088*Input!$C$21,0)+IF(Input!$D$22=3,M1088*Input!$C$22,0)</f>
        <v>0</v>
      </c>
      <c r="Q1088" s="75">
        <f>IF(Input!$D$19=4,J1088*Input!$C$19,0)+IF(Input!$D$20=4,K1088*Input!$C$20,0)+IF(Input!$D$21=4,L1088*Input!$C$21,0)+IF(Input!$D$22=4,M1088*Input!$C$22,0)</f>
        <v>0</v>
      </c>
      <c r="R1088" s="58">
        <v>55.385131363187355</v>
      </c>
      <c r="S1088" s="124">
        <f t="shared" si="16"/>
        <v>1.014972243647601</v>
      </c>
    </row>
    <row r="1089" spans="8:19" x14ac:dyDescent="0.3">
      <c r="H1089" s="44">
        <v>1082</v>
      </c>
      <c r="I1089" s="56">
        <f>Bühler!I1115</f>
        <v>0.23422436391867713</v>
      </c>
      <c r="J1089" s="59">
        <f>Bühler!J1115</f>
        <v>0.78074787972892379</v>
      </c>
      <c r="K1089" s="59">
        <f>Bühler!K1115</f>
        <v>1.1711218195933857</v>
      </c>
      <c r="L1089" s="59">
        <f>Bühler!L1115</f>
        <v>5.6213847340482515</v>
      </c>
      <c r="M1089" s="58">
        <f>Bühler!M1115</f>
        <v>0</v>
      </c>
      <c r="N1089" s="56">
        <f>IF(Input!$D$19=1,J1089*Input!$C$19,0)+IF(Input!$D$20=1,K1089*Input!$C$20,0)+IF(Input!$D$21=1,L1089*Input!$C$21,0)+IF(Input!$D$22=1,M1089*Input!$C$22,0)</f>
        <v>0.23422436391867713</v>
      </c>
      <c r="O1089" s="59">
        <f>IF(Input!$D$19=2,J1089*Input!$C$19,0)+IF(Input!$D$20=2,K1089*Input!$C$20,0)+IF(Input!$D$21=2,L1089*Input!$C$21,0)+IF(Input!$D$22=2,M1089*Input!$C$22,0)</f>
        <v>0.58556090979669284</v>
      </c>
      <c r="P1089" s="59">
        <f>IF(Input!$D$19=3,J1089*Input!$C$19,0)+IF(Input!$D$20=3,K1089*Input!$C$20,0)+IF(Input!$D$21=3,L1089*Input!$C$21,0)+IF(Input!$D$22=3,M1089*Input!$C$22,0)</f>
        <v>0</v>
      </c>
      <c r="Q1089" s="75">
        <f>IF(Input!$D$19=4,J1089*Input!$C$19,0)+IF(Input!$D$20=4,K1089*Input!$C$20,0)+IF(Input!$D$21=4,L1089*Input!$C$21,0)+IF(Input!$D$22=4,M1089*Input!$C$22,0)</f>
        <v>0</v>
      </c>
      <c r="R1089" s="58">
        <v>56.573859716677923</v>
      </c>
      <c r="S1089" s="124">
        <f t="shared" si="16"/>
        <v>1.014972243647601</v>
      </c>
    </row>
    <row r="1090" spans="8:19" x14ac:dyDescent="0.3">
      <c r="H1090" s="44">
        <v>1083</v>
      </c>
      <c r="I1090" s="56">
        <f>Bühler!I1116</f>
        <v>0.23422436391867713</v>
      </c>
      <c r="J1090" s="59">
        <f>Bühler!J1116</f>
        <v>0.78074787972892379</v>
      </c>
      <c r="K1090" s="59">
        <f>Bühler!K1116</f>
        <v>1.1711218195933857</v>
      </c>
      <c r="L1090" s="59">
        <f>Bühler!L1116</f>
        <v>5.6213847340482515</v>
      </c>
      <c r="M1090" s="58">
        <f>Bühler!M1116</f>
        <v>0</v>
      </c>
      <c r="N1090" s="56">
        <f>IF(Input!$D$19=1,J1090*Input!$C$19,0)+IF(Input!$D$20=1,K1090*Input!$C$20,0)+IF(Input!$D$21=1,L1090*Input!$C$21,0)+IF(Input!$D$22=1,M1090*Input!$C$22,0)</f>
        <v>0.23422436391867713</v>
      </c>
      <c r="O1090" s="59">
        <f>IF(Input!$D$19=2,J1090*Input!$C$19,0)+IF(Input!$D$20=2,K1090*Input!$C$20,0)+IF(Input!$D$21=2,L1090*Input!$C$21,0)+IF(Input!$D$22=2,M1090*Input!$C$22,0)</f>
        <v>0.58556090979669284</v>
      </c>
      <c r="P1090" s="59">
        <f>IF(Input!$D$19=3,J1090*Input!$C$19,0)+IF(Input!$D$20=3,K1090*Input!$C$20,0)+IF(Input!$D$21=3,L1090*Input!$C$21,0)+IF(Input!$D$22=3,M1090*Input!$C$22,0)</f>
        <v>0</v>
      </c>
      <c r="Q1090" s="75">
        <f>IF(Input!$D$19=4,J1090*Input!$C$19,0)+IF(Input!$D$20=4,K1090*Input!$C$20,0)+IF(Input!$D$21=4,L1090*Input!$C$21,0)+IF(Input!$D$22=4,M1090*Input!$C$22,0)</f>
        <v>0</v>
      </c>
      <c r="R1090" s="58">
        <v>57.183748375628504</v>
      </c>
      <c r="S1090" s="124">
        <f t="shared" si="16"/>
        <v>1.014972243647601</v>
      </c>
    </row>
    <row r="1091" spans="8:19" x14ac:dyDescent="0.3">
      <c r="H1091" s="44">
        <v>1084</v>
      </c>
      <c r="I1091" s="56">
        <f>Bühler!I1117</f>
        <v>0.23422436391867713</v>
      </c>
      <c r="J1091" s="59">
        <f>Bühler!J1117</f>
        <v>0.78074787972892379</v>
      </c>
      <c r="K1091" s="59">
        <f>Bühler!K1117</f>
        <v>1.1711218195933857</v>
      </c>
      <c r="L1091" s="59">
        <f>Bühler!L1117</f>
        <v>5.6213847340482515</v>
      </c>
      <c r="M1091" s="58">
        <f>Bühler!M1117</f>
        <v>0</v>
      </c>
      <c r="N1091" s="56">
        <f>IF(Input!$D$19=1,J1091*Input!$C$19,0)+IF(Input!$D$20=1,K1091*Input!$C$20,0)+IF(Input!$D$21=1,L1091*Input!$C$21,0)+IF(Input!$D$22=1,M1091*Input!$C$22,0)</f>
        <v>0.23422436391867713</v>
      </c>
      <c r="O1091" s="59">
        <f>IF(Input!$D$19=2,J1091*Input!$C$19,0)+IF(Input!$D$20=2,K1091*Input!$C$20,0)+IF(Input!$D$21=2,L1091*Input!$C$21,0)+IF(Input!$D$22=2,M1091*Input!$C$22,0)</f>
        <v>0.58556090979669284</v>
      </c>
      <c r="P1091" s="59">
        <f>IF(Input!$D$19=3,J1091*Input!$C$19,0)+IF(Input!$D$20=3,K1091*Input!$C$20,0)+IF(Input!$D$21=3,L1091*Input!$C$21,0)+IF(Input!$D$22=3,M1091*Input!$C$22,0)</f>
        <v>0</v>
      </c>
      <c r="Q1091" s="75">
        <f>IF(Input!$D$19=4,J1091*Input!$C$19,0)+IF(Input!$D$20=4,K1091*Input!$C$20,0)+IF(Input!$D$21=4,L1091*Input!$C$21,0)+IF(Input!$D$22=4,M1091*Input!$C$22,0)</f>
        <v>0</v>
      </c>
      <c r="R1091" s="58">
        <v>57.235306703637235</v>
      </c>
      <c r="S1091" s="124">
        <f t="shared" si="16"/>
        <v>1.014972243647601</v>
      </c>
    </row>
    <row r="1092" spans="8:19" x14ac:dyDescent="0.3">
      <c r="H1092" s="44">
        <v>1085</v>
      </c>
      <c r="I1092" s="56">
        <f>Bühler!I1118</f>
        <v>0.23422436391867713</v>
      </c>
      <c r="J1092" s="59">
        <f>Bühler!J1118</f>
        <v>0.78074787972892379</v>
      </c>
      <c r="K1092" s="59">
        <f>Bühler!K1118</f>
        <v>1.1711218195933857</v>
      </c>
      <c r="L1092" s="59">
        <f>Bühler!L1118</f>
        <v>5.6213847340482515</v>
      </c>
      <c r="M1092" s="58">
        <f>Bühler!M1118</f>
        <v>0</v>
      </c>
      <c r="N1092" s="56">
        <f>IF(Input!$D$19=1,J1092*Input!$C$19,0)+IF(Input!$D$20=1,K1092*Input!$C$20,0)+IF(Input!$D$21=1,L1092*Input!$C$21,0)+IF(Input!$D$22=1,M1092*Input!$C$22,0)</f>
        <v>0.23422436391867713</v>
      </c>
      <c r="O1092" s="59">
        <f>IF(Input!$D$19=2,J1092*Input!$C$19,0)+IF(Input!$D$20=2,K1092*Input!$C$20,0)+IF(Input!$D$21=2,L1092*Input!$C$21,0)+IF(Input!$D$22=2,M1092*Input!$C$22,0)</f>
        <v>0.58556090979669284</v>
      </c>
      <c r="P1092" s="59">
        <f>IF(Input!$D$19=3,J1092*Input!$C$19,0)+IF(Input!$D$20=3,K1092*Input!$C$20,0)+IF(Input!$D$21=3,L1092*Input!$C$21,0)+IF(Input!$D$22=3,M1092*Input!$C$22,0)</f>
        <v>0</v>
      </c>
      <c r="Q1092" s="75">
        <f>IF(Input!$D$19=4,J1092*Input!$C$19,0)+IF(Input!$D$20=4,K1092*Input!$C$20,0)+IF(Input!$D$21=4,L1092*Input!$C$21,0)+IF(Input!$D$22=4,M1092*Input!$C$22,0)</f>
        <v>0</v>
      </c>
      <c r="R1092" s="58">
        <v>58.380539153629314</v>
      </c>
      <c r="S1092" s="124">
        <f t="shared" si="16"/>
        <v>1.014972243647601</v>
      </c>
    </row>
    <row r="1093" spans="8:19" x14ac:dyDescent="0.3">
      <c r="H1093" s="44">
        <v>1086</v>
      </c>
      <c r="I1093" s="56">
        <f>Bühler!I1119</f>
        <v>0.30188918016185051</v>
      </c>
      <c r="J1093" s="59">
        <f>Bühler!J1119</f>
        <v>1.0062972672061685</v>
      </c>
      <c r="K1093" s="59">
        <f>Bühler!K1119</f>
        <v>1.5094459008092527</v>
      </c>
      <c r="L1093" s="59">
        <f>Bühler!L1119</f>
        <v>7.2453403238844132</v>
      </c>
      <c r="M1093" s="58">
        <f>Bühler!M1119</f>
        <v>0</v>
      </c>
      <c r="N1093" s="56">
        <f>IF(Input!$D$19=1,J1093*Input!$C$19,0)+IF(Input!$D$20=1,K1093*Input!$C$20,0)+IF(Input!$D$21=1,L1093*Input!$C$21,0)+IF(Input!$D$22=1,M1093*Input!$C$22,0)</f>
        <v>0.30188918016185057</v>
      </c>
      <c r="O1093" s="59">
        <f>IF(Input!$D$19=2,J1093*Input!$C$19,0)+IF(Input!$D$20=2,K1093*Input!$C$20,0)+IF(Input!$D$21=2,L1093*Input!$C$21,0)+IF(Input!$D$22=2,M1093*Input!$C$22,0)</f>
        <v>0.75472295040462634</v>
      </c>
      <c r="P1093" s="59">
        <f>IF(Input!$D$19=3,J1093*Input!$C$19,0)+IF(Input!$D$20=3,K1093*Input!$C$20,0)+IF(Input!$D$21=3,L1093*Input!$C$21,0)+IF(Input!$D$22=3,M1093*Input!$C$22,0)</f>
        <v>0</v>
      </c>
      <c r="Q1093" s="75">
        <f>IF(Input!$D$19=4,J1093*Input!$C$19,0)+IF(Input!$D$20=4,K1093*Input!$C$20,0)+IF(Input!$D$21=4,L1093*Input!$C$21,0)+IF(Input!$D$22=4,M1093*Input!$C$22,0)</f>
        <v>0</v>
      </c>
      <c r="R1093" s="58">
        <v>61.38747482246805</v>
      </c>
      <c r="S1093" s="124">
        <f t="shared" si="16"/>
        <v>1.3081864473680191</v>
      </c>
    </row>
    <row r="1094" spans="8:19" x14ac:dyDescent="0.3">
      <c r="H1094" s="44">
        <v>1087</v>
      </c>
      <c r="I1094" s="56">
        <f>Bühler!I1120</f>
        <v>0.34873405294558596</v>
      </c>
      <c r="J1094" s="59">
        <f>Bühler!J1120</f>
        <v>1.1624468431519535</v>
      </c>
      <c r="K1094" s="59">
        <f>Bühler!K1120</f>
        <v>1.7436702647279299</v>
      </c>
      <c r="L1094" s="59">
        <f>Bühler!L1120</f>
        <v>8.3696172706940644</v>
      </c>
      <c r="M1094" s="58">
        <f>Bühler!M1120</f>
        <v>0</v>
      </c>
      <c r="N1094" s="56">
        <f>IF(Input!$D$19=1,J1094*Input!$C$19,0)+IF(Input!$D$20=1,K1094*Input!$C$20,0)+IF(Input!$D$21=1,L1094*Input!$C$21,0)+IF(Input!$D$22=1,M1094*Input!$C$22,0)</f>
        <v>0.34873405294558601</v>
      </c>
      <c r="O1094" s="59">
        <f>IF(Input!$D$19=2,J1094*Input!$C$19,0)+IF(Input!$D$20=2,K1094*Input!$C$20,0)+IF(Input!$D$21=2,L1094*Input!$C$21,0)+IF(Input!$D$22=2,M1094*Input!$C$22,0)</f>
        <v>0.87183513236396493</v>
      </c>
      <c r="P1094" s="59">
        <f>IF(Input!$D$19=3,J1094*Input!$C$19,0)+IF(Input!$D$20=3,K1094*Input!$C$20,0)+IF(Input!$D$21=3,L1094*Input!$C$21,0)+IF(Input!$D$22=3,M1094*Input!$C$22,0)</f>
        <v>0</v>
      </c>
      <c r="Q1094" s="75">
        <f>IF(Input!$D$19=4,J1094*Input!$C$19,0)+IF(Input!$D$20=4,K1094*Input!$C$20,0)+IF(Input!$D$21=4,L1094*Input!$C$21,0)+IF(Input!$D$22=4,M1094*Input!$C$22,0)</f>
        <v>0</v>
      </c>
      <c r="R1094" s="58">
        <v>64.557744844060508</v>
      </c>
      <c r="S1094" s="124">
        <f t="shared" si="16"/>
        <v>1.5111808960975395</v>
      </c>
    </row>
    <row r="1095" spans="8:19" x14ac:dyDescent="0.3">
      <c r="H1095" s="44">
        <v>1088</v>
      </c>
      <c r="I1095" s="56">
        <f>Bühler!I1121</f>
        <v>0.34873405294558596</v>
      </c>
      <c r="J1095" s="59">
        <f>Bühler!J1121</f>
        <v>1.1624468431519535</v>
      </c>
      <c r="K1095" s="59">
        <f>Bühler!K1121</f>
        <v>1.7436702647279299</v>
      </c>
      <c r="L1095" s="59">
        <f>Bühler!L1121</f>
        <v>8.3696172706940644</v>
      </c>
      <c r="M1095" s="58">
        <f>Bühler!M1121</f>
        <v>0</v>
      </c>
      <c r="N1095" s="56">
        <f>IF(Input!$D$19=1,J1095*Input!$C$19,0)+IF(Input!$D$20=1,K1095*Input!$C$20,0)+IF(Input!$D$21=1,L1095*Input!$C$21,0)+IF(Input!$D$22=1,M1095*Input!$C$22,0)</f>
        <v>0.34873405294558601</v>
      </c>
      <c r="O1095" s="59">
        <f>IF(Input!$D$19=2,J1095*Input!$C$19,0)+IF(Input!$D$20=2,K1095*Input!$C$20,0)+IF(Input!$D$21=2,L1095*Input!$C$21,0)+IF(Input!$D$22=2,M1095*Input!$C$22,0)</f>
        <v>0.87183513236396493</v>
      </c>
      <c r="P1095" s="59">
        <f>IF(Input!$D$19=3,J1095*Input!$C$19,0)+IF(Input!$D$20=3,K1095*Input!$C$20,0)+IF(Input!$D$21=3,L1095*Input!$C$21,0)+IF(Input!$D$22=3,M1095*Input!$C$22,0)</f>
        <v>0</v>
      </c>
      <c r="Q1095" s="75">
        <f>IF(Input!$D$19=4,J1095*Input!$C$19,0)+IF(Input!$D$20=4,K1095*Input!$C$20,0)+IF(Input!$D$21=4,L1095*Input!$C$21,0)+IF(Input!$D$22=4,M1095*Input!$C$22,0)</f>
        <v>0</v>
      </c>
      <c r="R1095" s="58">
        <v>65.032826866288971</v>
      </c>
      <c r="S1095" s="124">
        <f t="shared" si="16"/>
        <v>1.5111808960975395</v>
      </c>
    </row>
    <row r="1096" spans="8:19" x14ac:dyDescent="0.3">
      <c r="H1096" s="44">
        <v>1089</v>
      </c>
      <c r="I1096" s="56">
        <f>Bühler!I1122</f>
        <v>0.34873405294558596</v>
      </c>
      <c r="J1096" s="59">
        <f>Bühler!J1122</f>
        <v>1.1624468431519535</v>
      </c>
      <c r="K1096" s="59">
        <f>Bühler!K1122</f>
        <v>1.7436702647279299</v>
      </c>
      <c r="L1096" s="59">
        <f>Bühler!L1122</f>
        <v>8.3696172706940644</v>
      </c>
      <c r="M1096" s="58">
        <f>Bühler!M1122</f>
        <v>0</v>
      </c>
      <c r="N1096" s="56">
        <f>IF(Input!$D$19=1,J1096*Input!$C$19,0)+IF(Input!$D$20=1,K1096*Input!$C$20,0)+IF(Input!$D$21=1,L1096*Input!$C$21,0)+IF(Input!$D$22=1,M1096*Input!$C$22,0)</f>
        <v>0.34873405294558601</v>
      </c>
      <c r="O1096" s="59">
        <f>IF(Input!$D$19=2,J1096*Input!$C$19,0)+IF(Input!$D$20=2,K1096*Input!$C$20,0)+IF(Input!$D$21=2,L1096*Input!$C$21,0)+IF(Input!$D$22=2,M1096*Input!$C$22,0)</f>
        <v>0.87183513236396493</v>
      </c>
      <c r="P1096" s="59">
        <f>IF(Input!$D$19=3,J1096*Input!$C$19,0)+IF(Input!$D$20=3,K1096*Input!$C$20,0)+IF(Input!$D$21=3,L1096*Input!$C$21,0)+IF(Input!$D$22=3,M1096*Input!$C$22,0)</f>
        <v>0</v>
      </c>
      <c r="Q1096" s="75">
        <f>IF(Input!$D$19=4,J1096*Input!$C$19,0)+IF(Input!$D$20=4,K1096*Input!$C$20,0)+IF(Input!$D$21=4,L1096*Input!$C$21,0)+IF(Input!$D$22=4,M1096*Input!$C$22,0)</f>
        <v>0</v>
      </c>
      <c r="R1096" s="58">
        <v>65.571354928621318</v>
      </c>
      <c r="S1096" s="124">
        <f t="shared" si="16"/>
        <v>1.5111808960975395</v>
      </c>
    </row>
    <row r="1097" spans="8:19" x14ac:dyDescent="0.3">
      <c r="H1097" s="44">
        <v>1090</v>
      </c>
      <c r="I1097" s="56">
        <f>Bühler!I1123</f>
        <v>0.37475898226988347</v>
      </c>
      <c r="J1097" s="59">
        <f>Bühler!J1123</f>
        <v>1.2491966075662784</v>
      </c>
      <c r="K1097" s="59">
        <f>Bühler!K1123</f>
        <v>1.8737949113494172</v>
      </c>
      <c r="L1097" s="59">
        <f>Bühler!L1123</f>
        <v>8.9942155744772023</v>
      </c>
      <c r="M1097" s="58">
        <f>Bühler!M1123</f>
        <v>0</v>
      </c>
      <c r="N1097" s="56">
        <f>IF(Input!$D$19=1,J1097*Input!$C$19,0)+IF(Input!$D$20=1,K1097*Input!$C$20,0)+IF(Input!$D$21=1,L1097*Input!$C$21,0)+IF(Input!$D$22=1,M1097*Input!$C$22,0)</f>
        <v>0.37475898226988352</v>
      </c>
      <c r="O1097" s="59">
        <f>IF(Input!$D$19=2,J1097*Input!$C$19,0)+IF(Input!$D$20=2,K1097*Input!$C$20,0)+IF(Input!$D$21=2,L1097*Input!$C$21,0)+IF(Input!$D$22=2,M1097*Input!$C$22,0)</f>
        <v>0.93689745567470861</v>
      </c>
      <c r="P1097" s="59">
        <f>IF(Input!$D$19=3,J1097*Input!$C$19,0)+IF(Input!$D$20=3,K1097*Input!$C$20,0)+IF(Input!$D$21=3,L1097*Input!$C$21,0)+IF(Input!$D$22=3,M1097*Input!$C$22,0)</f>
        <v>0</v>
      </c>
      <c r="Q1097" s="75">
        <f>IF(Input!$D$19=4,J1097*Input!$C$19,0)+IF(Input!$D$20=4,K1097*Input!$C$20,0)+IF(Input!$D$21=4,L1097*Input!$C$21,0)+IF(Input!$D$22=4,M1097*Input!$C$22,0)</f>
        <v>0</v>
      </c>
      <c r="R1097" s="58">
        <v>64.803267931993631</v>
      </c>
      <c r="S1097" s="124">
        <f t="shared" ref="S1097:S1160" si="17">I1097+J1097</f>
        <v>1.6239555898361617</v>
      </c>
    </row>
    <row r="1098" spans="8:19" x14ac:dyDescent="0.3">
      <c r="H1098" s="44">
        <v>1091</v>
      </c>
      <c r="I1098" s="56">
        <f>Bühler!I1124</f>
        <v>0.40598889745904038</v>
      </c>
      <c r="J1098" s="59">
        <f>Bühler!J1124</f>
        <v>1.353296324863468</v>
      </c>
      <c r="K1098" s="59">
        <f>Bühler!K1124</f>
        <v>2.0299444872952019</v>
      </c>
      <c r="L1098" s="59">
        <f>Bühler!L1124</f>
        <v>9.7437335390169686</v>
      </c>
      <c r="M1098" s="58">
        <f>Bühler!M1124</f>
        <v>0</v>
      </c>
      <c r="N1098" s="56">
        <f>IF(Input!$D$19=1,J1098*Input!$C$19,0)+IF(Input!$D$20=1,K1098*Input!$C$20,0)+IF(Input!$D$21=1,L1098*Input!$C$21,0)+IF(Input!$D$22=1,M1098*Input!$C$22,0)</f>
        <v>0.40598889745904038</v>
      </c>
      <c r="O1098" s="59">
        <f>IF(Input!$D$19=2,J1098*Input!$C$19,0)+IF(Input!$D$20=2,K1098*Input!$C$20,0)+IF(Input!$D$21=2,L1098*Input!$C$21,0)+IF(Input!$D$22=2,M1098*Input!$C$22,0)</f>
        <v>1.014972243647601</v>
      </c>
      <c r="P1098" s="59">
        <f>IF(Input!$D$19=3,J1098*Input!$C$19,0)+IF(Input!$D$20=3,K1098*Input!$C$20,0)+IF(Input!$D$21=3,L1098*Input!$C$21,0)+IF(Input!$D$22=3,M1098*Input!$C$22,0)</f>
        <v>0</v>
      </c>
      <c r="Q1098" s="75">
        <f>IF(Input!$D$19=4,J1098*Input!$C$19,0)+IF(Input!$D$20=4,K1098*Input!$C$20,0)+IF(Input!$D$21=4,L1098*Input!$C$21,0)+IF(Input!$D$22=4,M1098*Input!$C$22,0)</f>
        <v>0</v>
      </c>
      <c r="R1098" s="58">
        <v>66.130060745027151</v>
      </c>
      <c r="S1098" s="124">
        <f t="shared" si="17"/>
        <v>1.7592852223225084</v>
      </c>
    </row>
    <row r="1099" spans="8:19" x14ac:dyDescent="0.3">
      <c r="H1099" s="44">
        <v>1092</v>
      </c>
      <c r="I1099" s="56">
        <f>Bühler!I1125</f>
        <v>0.46844872783735425</v>
      </c>
      <c r="J1099" s="59">
        <f>Bühler!J1125</f>
        <v>1.5614957594578476</v>
      </c>
      <c r="K1099" s="59">
        <f>Bühler!K1125</f>
        <v>2.3422436391867714</v>
      </c>
      <c r="L1099" s="59">
        <f>Bühler!L1125</f>
        <v>11.242769468096503</v>
      </c>
      <c r="M1099" s="58">
        <f>Bühler!M1125</f>
        <v>0</v>
      </c>
      <c r="N1099" s="56">
        <f>IF(Input!$D$19=1,J1099*Input!$C$19,0)+IF(Input!$D$20=1,K1099*Input!$C$20,0)+IF(Input!$D$21=1,L1099*Input!$C$21,0)+IF(Input!$D$22=1,M1099*Input!$C$22,0)</f>
        <v>0.46844872783735425</v>
      </c>
      <c r="O1099" s="59">
        <f>IF(Input!$D$19=2,J1099*Input!$C$19,0)+IF(Input!$D$20=2,K1099*Input!$C$20,0)+IF(Input!$D$21=2,L1099*Input!$C$21,0)+IF(Input!$D$22=2,M1099*Input!$C$22,0)</f>
        <v>1.1711218195933857</v>
      </c>
      <c r="P1099" s="59">
        <f>IF(Input!$D$19=3,J1099*Input!$C$19,0)+IF(Input!$D$20=3,K1099*Input!$C$20,0)+IF(Input!$D$21=3,L1099*Input!$C$21,0)+IF(Input!$D$22=3,M1099*Input!$C$22,0)</f>
        <v>0</v>
      </c>
      <c r="Q1099" s="75">
        <f>IF(Input!$D$19=4,J1099*Input!$C$19,0)+IF(Input!$D$20=4,K1099*Input!$C$20,0)+IF(Input!$D$21=4,L1099*Input!$C$21,0)+IF(Input!$D$22=4,M1099*Input!$C$22,0)</f>
        <v>0</v>
      </c>
      <c r="R1099" s="58">
        <v>66.082921765600673</v>
      </c>
      <c r="S1099" s="124">
        <f t="shared" si="17"/>
        <v>2.0299444872952019</v>
      </c>
    </row>
    <row r="1100" spans="8:19" x14ac:dyDescent="0.3">
      <c r="H1100" s="44">
        <v>1093</v>
      </c>
      <c r="I1100" s="56">
        <f>Bühler!I1126</f>
        <v>0.46844872783735425</v>
      </c>
      <c r="J1100" s="59">
        <f>Bühler!J1126</f>
        <v>1.5614957594578476</v>
      </c>
      <c r="K1100" s="59">
        <f>Bühler!K1126</f>
        <v>2.3422436391867714</v>
      </c>
      <c r="L1100" s="59">
        <f>Bühler!L1126</f>
        <v>11.242769468096503</v>
      </c>
      <c r="M1100" s="58">
        <f>Bühler!M1126</f>
        <v>0</v>
      </c>
      <c r="N1100" s="56">
        <f>IF(Input!$D$19=1,J1100*Input!$C$19,0)+IF(Input!$D$20=1,K1100*Input!$C$20,0)+IF(Input!$D$21=1,L1100*Input!$C$21,0)+IF(Input!$D$22=1,M1100*Input!$C$22,0)</f>
        <v>0.46844872783735425</v>
      </c>
      <c r="O1100" s="59">
        <f>IF(Input!$D$19=2,J1100*Input!$C$19,0)+IF(Input!$D$20=2,K1100*Input!$C$20,0)+IF(Input!$D$21=2,L1100*Input!$C$21,0)+IF(Input!$D$22=2,M1100*Input!$C$22,0)</f>
        <v>1.1711218195933857</v>
      </c>
      <c r="P1100" s="59">
        <f>IF(Input!$D$19=3,J1100*Input!$C$19,0)+IF(Input!$D$20=3,K1100*Input!$C$20,0)+IF(Input!$D$21=3,L1100*Input!$C$21,0)+IF(Input!$D$22=3,M1100*Input!$C$22,0)</f>
        <v>0</v>
      </c>
      <c r="Q1100" s="75">
        <f>IF(Input!$D$19=4,J1100*Input!$C$19,0)+IF(Input!$D$20=4,K1100*Input!$C$20,0)+IF(Input!$D$21=4,L1100*Input!$C$21,0)+IF(Input!$D$22=4,M1100*Input!$C$22,0)</f>
        <v>0</v>
      </c>
      <c r="R1100" s="58">
        <v>64.589812703105608</v>
      </c>
      <c r="S1100" s="124">
        <f t="shared" si="17"/>
        <v>2.0299444872952019</v>
      </c>
    </row>
    <row r="1101" spans="8:19" x14ac:dyDescent="0.3">
      <c r="H1101" s="44">
        <v>1094</v>
      </c>
      <c r="I1101" s="56">
        <f>Bühler!I1127</f>
        <v>0.46844872783735425</v>
      </c>
      <c r="J1101" s="59">
        <f>Bühler!J1127</f>
        <v>1.5614957594578476</v>
      </c>
      <c r="K1101" s="59">
        <f>Bühler!K1127</f>
        <v>2.3422436391867714</v>
      </c>
      <c r="L1101" s="59">
        <f>Bühler!L1127</f>
        <v>11.242769468096503</v>
      </c>
      <c r="M1101" s="58">
        <f>Bühler!M1127</f>
        <v>0</v>
      </c>
      <c r="N1101" s="56">
        <f>IF(Input!$D$19=1,J1101*Input!$C$19,0)+IF(Input!$D$20=1,K1101*Input!$C$20,0)+IF(Input!$D$21=1,L1101*Input!$C$21,0)+IF(Input!$D$22=1,M1101*Input!$C$22,0)</f>
        <v>0.46844872783735425</v>
      </c>
      <c r="O1101" s="59">
        <f>IF(Input!$D$19=2,J1101*Input!$C$19,0)+IF(Input!$D$20=2,K1101*Input!$C$20,0)+IF(Input!$D$21=2,L1101*Input!$C$21,0)+IF(Input!$D$22=2,M1101*Input!$C$22,0)</f>
        <v>1.1711218195933857</v>
      </c>
      <c r="P1101" s="59">
        <f>IF(Input!$D$19=3,J1101*Input!$C$19,0)+IF(Input!$D$20=3,K1101*Input!$C$20,0)+IF(Input!$D$21=3,L1101*Input!$C$21,0)+IF(Input!$D$22=3,M1101*Input!$C$22,0)</f>
        <v>0</v>
      </c>
      <c r="Q1101" s="75">
        <f>IF(Input!$D$19=4,J1101*Input!$C$19,0)+IF(Input!$D$20=4,K1101*Input!$C$20,0)+IF(Input!$D$21=4,L1101*Input!$C$21,0)+IF(Input!$D$22=4,M1101*Input!$C$22,0)</f>
        <v>0</v>
      </c>
      <c r="R1101" s="58">
        <v>63.83544736222845</v>
      </c>
      <c r="S1101" s="124">
        <f t="shared" si="17"/>
        <v>2.0299444872952019</v>
      </c>
    </row>
    <row r="1102" spans="8:19" x14ac:dyDescent="0.3">
      <c r="H1102" s="44">
        <v>1095</v>
      </c>
      <c r="I1102" s="56">
        <f>Bühler!I1128</f>
        <v>0.46844872783735425</v>
      </c>
      <c r="J1102" s="59">
        <f>Bühler!J1128</f>
        <v>1.5614957594578476</v>
      </c>
      <c r="K1102" s="59">
        <f>Bühler!K1128</f>
        <v>2.3422436391867714</v>
      </c>
      <c r="L1102" s="59">
        <f>Bühler!L1128</f>
        <v>11.242769468096503</v>
      </c>
      <c r="M1102" s="58">
        <f>Bühler!M1128</f>
        <v>0</v>
      </c>
      <c r="N1102" s="56">
        <f>IF(Input!$D$19=1,J1102*Input!$C$19,0)+IF(Input!$D$20=1,K1102*Input!$C$20,0)+IF(Input!$D$21=1,L1102*Input!$C$21,0)+IF(Input!$D$22=1,M1102*Input!$C$22,0)</f>
        <v>0.46844872783735425</v>
      </c>
      <c r="O1102" s="59">
        <f>IF(Input!$D$19=2,J1102*Input!$C$19,0)+IF(Input!$D$20=2,K1102*Input!$C$20,0)+IF(Input!$D$21=2,L1102*Input!$C$21,0)+IF(Input!$D$22=2,M1102*Input!$C$22,0)</f>
        <v>1.1711218195933857</v>
      </c>
      <c r="P1102" s="59">
        <f>IF(Input!$D$19=3,J1102*Input!$C$19,0)+IF(Input!$D$20=3,K1102*Input!$C$20,0)+IF(Input!$D$21=3,L1102*Input!$C$21,0)+IF(Input!$D$22=3,M1102*Input!$C$22,0)</f>
        <v>0</v>
      </c>
      <c r="Q1102" s="75">
        <f>IF(Input!$D$19=4,J1102*Input!$C$19,0)+IF(Input!$D$20=4,K1102*Input!$C$20,0)+IF(Input!$D$21=4,L1102*Input!$C$21,0)+IF(Input!$D$22=4,M1102*Input!$C$22,0)</f>
        <v>0</v>
      </c>
      <c r="R1102" s="58">
        <v>63.646243700715218</v>
      </c>
      <c r="S1102" s="124">
        <f t="shared" si="17"/>
        <v>2.0299444872952019</v>
      </c>
    </row>
    <row r="1103" spans="8:19" x14ac:dyDescent="0.3">
      <c r="H1103" s="44">
        <v>1096</v>
      </c>
      <c r="I1103" s="56">
        <f>Bühler!I1129</f>
        <v>0.46844872783735425</v>
      </c>
      <c r="J1103" s="59">
        <f>Bühler!J1129</f>
        <v>1.5614957594578476</v>
      </c>
      <c r="K1103" s="59">
        <f>Bühler!K1129</f>
        <v>2.3422436391867714</v>
      </c>
      <c r="L1103" s="59">
        <f>Bühler!L1129</f>
        <v>11.242769468096503</v>
      </c>
      <c r="M1103" s="58">
        <f>Bühler!M1129</f>
        <v>0</v>
      </c>
      <c r="N1103" s="56">
        <f>IF(Input!$D$19=1,J1103*Input!$C$19,0)+IF(Input!$D$20=1,K1103*Input!$C$20,0)+IF(Input!$D$21=1,L1103*Input!$C$21,0)+IF(Input!$D$22=1,M1103*Input!$C$22,0)</f>
        <v>0.46844872783735425</v>
      </c>
      <c r="O1103" s="59">
        <f>IF(Input!$D$19=2,J1103*Input!$C$19,0)+IF(Input!$D$20=2,K1103*Input!$C$20,0)+IF(Input!$D$21=2,L1103*Input!$C$21,0)+IF(Input!$D$22=2,M1103*Input!$C$22,0)</f>
        <v>1.1711218195933857</v>
      </c>
      <c r="P1103" s="59">
        <f>IF(Input!$D$19=3,J1103*Input!$C$19,0)+IF(Input!$D$20=3,K1103*Input!$C$20,0)+IF(Input!$D$21=3,L1103*Input!$C$21,0)+IF(Input!$D$22=3,M1103*Input!$C$22,0)</f>
        <v>0</v>
      </c>
      <c r="Q1103" s="75">
        <f>IF(Input!$D$19=4,J1103*Input!$C$19,0)+IF(Input!$D$20=4,K1103*Input!$C$20,0)+IF(Input!$D$21=4,L1103*Input!$C$21,0)+IF(Input!$D$22=4,M1103*Input!$C$22,0)</f>
        <v>0</v>
      </c>
      <c r="R1103" s="58">
        <v>62.752105053081941</v>
      </c>
      <c r="S1103" s="124">
        <f t="shared" si="17"/>
        <v>2.0299444872952019</v>
      </c>
    </row>
    <row r="1104" spans="8:19" x14ac:dyDescent="0.3">
      <c r="H1104" s="44">
        <v>1097</v>
      </c>
      <c r="I1104" s="56">
        <f>Bühler!I1130</f>
        <v>0.46844872783735425</v>
      </c>
      <c r="J1104" s="59">
        <f>Bühler!J1130</f>
        <v>1.5614957594578476</v>
      </c>
      <c r="K1104" s="59">
        <f>Bühler!K1130</f>
        <v>2.3422436391867714</v>
      </c>
      <c r="L1104" s="59">
        <f>Bühler!L1130</f>
        <v>11.242769468096503</v>
      </c>
      <c r="M1104" s="58">
        <f>Bühler!M1130</f>
        <v>0</v>
      </c>
      <c r="N1104" s="56">
        <f>IF(Input!$D$19=1,J1104*Input!$C$19,0)+IF(Input!$D$20=1,K1104*Input!$C$20,0)+IF(Input!$D$21=1,L1104*Input!$C$21,0)+IF(Input!$D$22=1,M1104*Input!$C$22,0)</f>
        <v>0.46844872783735425</v>
      </c>
      <c r="O1104" s="59">
        <f>IF(Input!$D$19=2,J1104*Input!$C$19,0)+IF(Input!$D$20=2,K1104*Input!$C$20,0)+IF(Input!$D$21=2,L1104*Input!$C$21,0)+IF(Input!$D$22=2,M1104*Input!$C$22,0)</f>
        <v>1.1711218195933857</v>
      </c>
      <c r="P1104" s="59">
        <f>IF(Input!$D$19=3,J1104*Input!$C$19,0)+IF(Input!$D$20=3,K1104*Input!$C$20,0)+IF(Input!$D$21=3,L1104*Input!$C$21,0)+IF(Input!$D$22=3,M1104*Input!$C$22,0)</f>
        <v>0</v>
      </c>
      <c r="Q1104" s="75">
        <f>IF(Input!$D$19=4,J1104*Input!$C$19,0)+IF(Input!$D$20=4,K1104*Input!$C$20,0)+IF(Input!$D$21=4,L1104*Input!$C$21,0)+IF(Input!$D$22=4,M1104*Input!$C$22,0)</f>
        <v>0</v>
      </c>
      <c r="R1104" s="58">
        <v>61.800934941377349</v>
      </c>
      <c r="S1104" s="124">
        <f t="shared" si="17"/>
        <v>2.0299444872952019</v>
      </c>
    </row>
    <row r="1105" spans="8:19" x14ac:dyDescent="0.3">
      <c r="H1105" s="44">
        <v>1098</v>
      </c>
      <c r="I1105" s="56">
        <f>Bühler!I1131</f>
        <v>0.46844872783735425</v>
      </c>
      <c r="J1105" s="59">
        <f>Bühler!J1131</f>
        <v>1.5614957594578476</v>
      </c>
      <c r="K1105" s="59">
        <f>Bühler!K1131</f>
        <v>2.3422436391867714</v>
      </c>
      <c r="L1105" s="59">
        <f>Bühler!L1131</f>
        <v>11.242769468096503</v>
      </c>
      <c r="M1105" s="58">
        <f>Bühler!M1131</f>
        <v>0</v>
      </c>
      <c r="N1105" s="56">
        <f>IF(Input!$D$19=1,J1105*Input!$C$19,0)+IF(Input!$D$20=1,K1105*Input!$C$20,0)+IF(Input!$D$21=1,L1105*Input!$C$21,0)+IF(Input!$D$22=1,M1105*Input!$C$22,0)</f>
        <v>0.46844872783735425</v>
      </c>
      <c r="O1105" s="59">
        <f>IF(Input!$D$19=2,J1105*Input!$C$19,0)+IF(Input!$D$20=2,K1105*Input!$C$20,0)+IF(Input!$D$21=2,L1105*Input!$C$21,0)+IF(Input!$D$22=2,M1105*Input!$C$22,0)</f>
        <v>1.1711218195933857</v>
      </c>
      <c r="P1105" s="59">
        <f>IF(Input!$D$19=3,J1105*Input!$C$19,0)+IF(Input!$D$20=3,K1105*Input!$C$20,0)+IF(Input!$D$21=3,L1105*Input!$C$21,0)+IF(Input!$D$22=3,M1105*Input!$C$22,0)</f>
        <v>0</v>
      </c>
      <c r="Q1105" s="75">
        <f>IF(Input!$D$19=4,J1105*Input!$C$19,0)+IF(Input!$D$20=4,K1105*Input!$C$20,0)+IF(Input!$D$21=4,L1105*Input!$C$21,0)+IF(Input!$D$22=4,M1105*Input!$C$22,0)</f>
        <v>0</v>
      </c>
      <c r="R1105" s="58">
        <v>60.662632143878845</v>
      </c>
      <c r="S1105" s="124">
        <f t="shared" si="17"/>
        <v>2.0299444872952019</v>
      </c>
    </row>
    <row r="1106" spans="8:19" x14ac:dyDescent="0.3">
      <c r="H1106" s="44">
        <v>1099</v>
      </c>
      <c r="I1106" s="56">
        <f>Bühler!I1132</f>
        <v>0.46844872783735425</v>
      </c>
      <c r="J1106" s="59">
        <f>Bühler!J1132</f>
        <v>1.5614957594578476</v>
      </c>
      <c r="K1106" s="59">
        <f>Bühler!K1132</f>
        <v>2.3422436391867714</v>
      </c>
      <c r="L1106" s="59">
        <f>Bühler!L1132</f>
        <v>11.242769468096503</v>
      </c>
      <c r="M1106" s="58">
        <f>Bühler!M1132</f>
        <v>0</v>
      </c>
      <c r="N1106" s="56">
        <f>IF(Input!$D$19=1,J1106*Input!$C$19,0)+IF(Input!$D$20=1,K1106*Input!$C$20,0)+IF(Input!$D$21=1,L1106*Input!$C$21,0)+IF(Input!$D$22=1,M1106*Input!$C$22,0)</f>
        <v>0.46844872783735425</v>
      </c>
      <c r="O1106" s="59">
        <f>IF(Input!$D$19=2,J1106*Input!$C$19,0)+IF(Input!$D$20=2,K1106*Input!$C$20,0)+IF(Input!$D$21=2,L1106*Input!$C$21,0)+IF(Input!$D$22=2,M1106*Input!$C$22,0)</f>
        <v>1.1711218195933857</v>
      </c>
      <c r="P1106" s="59">
        <f>IF(Input!$D$19=3,J1106*Input!$C$19,0)+IF(Input!$D$20=3,K1106*Input!$C$20,0)+IF(Input!$D$21=3,L1106*Input!$C$21,0)+IF(Input!$D$22=3,M1106*Input!$C$22,0)</f>
        <v>0</v>
      </c>
      <c r="Q1106" s="75">
        <f>IF(Input!$D$19=4,J1106*Input!$C$19,0)+IF(Input!$D$20=4,K1106*Input!$C$20,0)+IF(Input!$D$21=4,L1106*Input!$C$21,0)+IF(Input!$D$22=4,M1106*Input!$C$22,0)</f>
        <v>0</v>
      </c>
      <c r="R1106" s="58">
        <v>59.440152248560111</v>
      </c>
      <c r="S1106" s="124">
        <f t="shared" si="17"/>
        <v>2.0299444872952019</v>
      </c>
    </row>
    <row r="1107" spans="8:19" x14ac:dyDescent="0.3">
      <c r="H1107" s="44">
        <v>1100</v>
      </c>
      <c r="I1107" s="56">
        <f>Bühler!I1133</f>
        <v>0.39037393986446189</v>
      </c>
      <c r="J1107" s="59">
        <f>Bühler!J1133</f>
        <v>1.3012464662148731</v>
      </c>
      <c r="K1107" s="59">
        <f>Bühler!K1133</f>
        <v>1.9518696993223095</v>
      </c>
      <c r="L1107" s="59">
        <f>Bühler!L1133</f>
        <v>9.3689745567470855</v>
      </c>
      <c r="M1107" s="58">
        <f>Bühler!M1133</f>
        <v>0</v>
      </c>
      <c r="N1107" s="56">
        <f>IF(Input!$D$19=1,J1107*Input!$C$19,0)+IF(Input!$D$20=1,K1107*Input!$C$20,0)+IF(Input!$D$21=1,L1107*Input!$C$21,0)+IF(Input!$D$22=1,M1107*Input!$C$22,0)</f>
        <v>0.39037393986446189</v>
      </c>
      <c r="O1107" s="59">
        <f>IF(Input!$D$19=2,J1107*Input!$C$19,0)+IF(Input!$D$20=2,K1107*Input!$C$20,0)+IF(Input!$D$21=2,L1107*Input!$C$21,0)+IF(Input!$D$22=2,M1107*Input!$C$22,0)</f>
        <v>0.97593484966115474</v>
      </c>
      <c r="P1107" s="59">
        <f>IF(Input!$D$19=3,J1107*Input!$C$19,0)+IF(Input!$D$20=3,K1107*Input!$C$20,0)+IF(Input!$D$21=3,L1107*Input!$C$21,0)+IF(Input!$D$22=3,M1107*Input!$C$22,0)</f>
        <v>0</v>
      </c>
      <c r="Q1107" s="75">
        <f>IF(Input!$D$19=4,J1107*Input!$C$19,0)+IF(Input!$D$20=4,K1107*Input!$C$20,0)+IF(Input!$D$21=4,L1107*Input!$C$21,0)+IF(Input!$D$22=4,M1107*Input!$C$22,0)</f>
        <v>0</v>
      </c>
      <c r="R1107" s="58">
        <v>58.55691905685628</v>
      </c>
      <c r="S1107" s="124">
        <f t="shared" si="17"/>
        <v>1.6916204060793349</v>
      </c>
    </row>
    <row r="1108" spans="8:19" x14ac:dyDescent="0.3">
      <c r="H1108" s="44">
        <v>1101</v>
      </c>
      <c r="I1108" s="56">
        <f>Bühler!I1134</f>
        <v>0.31229915189156954</v>
      </c>
      <c r="J1108" s="59">
        <f>Bühler!J1134</f>
        <v>1.0409971729718985</v>
      </c>
      <c r="K1108" s="59">
        <f>Bühler!K1134</f>
        <v>1.5614957594578476</v>
      </c>
      <c r="L1108" s="59">
        <f>Bühler!L1134</f>
        <v>7.4951796453976689</v>
      </c>
      <c r="M1108" s="58">
        <f>Bühler!M1134</f>
        <v>0</v>
      </c>
      <c r="N1108" s="56">
        <f>IF(Input!$D$19=1,J1108*Input!$C$19,0)+IF(Input!$D$20=1,K1108*Input!$C$20,0)+IF(Input!$D$21=1,L1108*Input!$C$21,0)+IF(Input!$D$22=1,M1108*Input!$C$22,0)</f>
        <v>0.31229915189156954</v>
      </c>
      <c r="O1108" s="59">
        <f>IF(Input!$D$19=2,J1108*Input!$C$19,0)+IF(Input!$D$20=2,K1108*Input!$C$20,0)+IF(Input!$D$21=2,L1108*Input!$C$21,0)+IF(Input!$D$22=2,M1108*Input!$C$22,0)</f>
        <v>0.78074787972892379</v>
      </c>
      <c r="P1108" s="59">
        <f>IF(Input!$D$19=3,J1108*Input!$C$19,0)+IF(Input!$D$20=3,K1108*Input!$C$20,0)+IF(Input!$D$21=3,L1108*Input!$C$21,0)+IF(Input!$D$22=3,M1108*Input!$C$22,0)</f>
        <v>0</v>
      </c>
      <c r="Q1108" s="75">
        <f>IF(Input!$D$19=4,J1108*Input!$C$19,0)+IF(Input!$D$20=4,K1108*Input!$C$20,0)+IF(Input!$D$21=4,L1108*Input!$C$21,0)+IF(Input!$D$22=4,M1108*Input!$C$22,0)</f>
        <v>0</v>
      </c>
      <c r="R1108" s="58">
        <v>57.711707769583732</v>
      </c>
      <c r="S1108" s="124">
        <f t="shared" si="17"/>
        <v>1.353296324863468</v>
      </c>
    </row>
    <row r="1109" spans="8:19" x14ac:dyDescent="0.3">
      <c r="H1109" s="44">
        <v>1102</v>
      </c>
      <c r="I1109" s="56">
        <f>Bühler!I1135</f>
        <v>0.23422436391867713</v>
      </c>
      <c r="J1109" s="59">
        <f>Bühler!J1135</f>
        <v>0.78074787972892379</v>
      </c>
      <c r="K1109" s="59">
        <f>Bühler!K1135</f>
        <v>1.1711218195933857</v>
      </c>
      <c r="L1109" s="59">
        <f>Bühler!L1135</f>
        <v>5.6213847340482515</v>
      </c>
      <c r="M1109" s="58">
        <f>Bühler!M1135</f>
        <v>0</v>
      </c>
      <c r="N1109" s="56">
        <f>IF(Input!$D$19=1,J1109*Input!$C$19,0)+IF(Input!$D$20=1,K1109*Input!$C$20,0)+IF(Input!$D$21=1,L1109*Input!$C$21,0)+IF(Input!$D$22=1,M1109*Input!$C$22,0)</f>
        <v>0.23422436391867713</v>
      </c>
      <c r="O1109" s="59">
        <f>IF(Input!$D$19=2,J1109*Input!$C$19,0)+IF(Input!$D$20=2,K1109*Input!$C$20,0)+IF(Input!$D$21=2,L1109*Input!$C$21,0)+IF(Input!$D$22=2,M1109*Input!$C$22,0)</f>
        <v>0.58556090979669284</v>
      </c>
      <c r="P1109" s="59">
        <f>IF(Input!$D$19=3,J1109*Input!$C$19,0)+IF(Input!$D$20=3,K1109*Input!$C$20,0)+IF(Input!$D$21=3,L1109*Input!$C$21,0)+IF(Input!$D$22=3,M1109*Input!$C$22,0)</f>
        <v>0</v>
      </c>
      <c r="Q1109" s="75">
        <f>IF(Input!$D$19=4,J1109*Input!$C$19,0)+IF(Input!$D$20=4,K1109*Input!$C$20,0)+IF(Input!$D$21=4,L1109*Input!$C$21,0)+IF(Input!$D$22=4,M1109*Input!$C$22,0)</f>
        <v>0</v>
      </c>
      <c r="R1109" s="58">
        <v>55.765060379107261</v>
      </c>
      <c r="S1109" s="124">
        <f t="shared" si="17"/>
        <v>1.014972243647601</v>
      </c>
    </row>
    <row r="1110" spans="8:19" x14ac:dyDescent="0.3">
      <c r="H1110" s="44">
        <v>1103</v>
      </c>
      <c r="I1110" s="56">
        <f>Bühler!I1136</f>
        <v>0.23422436391867713</v>
      </c>
      <c r="J1110" s="59">
        <f>Bühler!J1136</f>
        <v>0.78074787972892379</v>
      </c>
      <c r="K1110" s="59">
        <f>Bühler!K1136</f>
        <v>1.1711218195933857</v>
      </c>
      <c r="L1110" s="59">
        <f>Bühler!L1136</f>
        <v>5.6213847340482515</v>
      </c>
      <c r="M1110" s="58">
        <f>Bühler!M1136</f>
        <v>0</v>
      </c>
      <c r="N1110" s="56">
        <f>IF(Input!$D$19=1,J1110*Input!$C$19,0)+IF(Input!$D$20=1,K1110*Input!$C$20,0)+IF(Input!$D$21=1,L1110*Input!$C$21,0)+IF(Input!$D$22=1,M1110*Input!$C$22,0)</f>
        <v>0.23422436391867713</v>
      </c>
      <c r="O1110" s="59">
        <f>IF(Input!$D$19=2,J1110*Input!$C$19,0)+IF(Input!$D$20=2,K1110*Input!$C$20,0)+IF(Input!$D$21=2,L1110*Input!$C$21,0)+IF(Input!$D$22=2,M1110*Input!$C$22,0)</f>
        <v>0.58556090979669284</v>
      </c>
      <c r="P1110" s="59">
        <f>IF(Input!$D$19=3,J1110*Input!$C$19,0)+IF(Input!$D$20=3,K1110*Input!$C$20,0)+IF(Input!$D$21=3,L1110*Input!$C$21,0)+IF(Input!$D$22=3,M1110*Input!$C$22,0)</f>
        <v>0</v>
      </c>
      <c r="Q1110" s="75">
        <f>IF(Input!$D$19=4,J1110*Input!$C$19,0)+IF(Input!$D$20=4,K1110*Input!$C$20,0)+IF(Input!$D$21=4,L1110*Input!$C$21,0)+IF(Input!$D$22=4,M1110*Input!$C$22,0)</f>
        <v>0</v>
      </c>
      <c r="R1110" s="58">
        <v>55.750222014994229</v>
      </c>
      <c r="S1110" s="124">
        <f t="shared" si="17"/>
        <v>1.014972243647601</v>
      </c>
    </row>
    <row r="1111" spans="8:19" x14ac:dyDescent="0.3">
      <c r="H1111" s="44">
        <v>1104</v>
      </c>
      <c r="I1111" s="56">
        <f>Bühler!I1137</f>
        <v>0.23422436391867713</v>
      </c>
      <c r="J1111" s="59">
        <f>Bühler!J1137</f>
        <v>0.78074787972892379</v>
      </c>
      <c r="K1111" s="59">
        <f>Bühler!K1137</f>
        <v>1.1711218195933857</v>
      </c>
      <c r="L1111" s="59">
        <f>Bühler!L1137</f>
        <v>5.6213847340482515</v>
      </c>
      <c r="M1111" s="58">
        <f>Bühler!M1137</f>
        <v>0</v>
      </c>
      <c r="N1111" s="56">
        <f>IF(Input!$D$19=1,J1111*Input!$C$19,0)+IF(Input!$D$20=1,K1111*Input!$C$20,0)+IF(Input!$D$21=1,L1111*Input!$C$21,0)+IF(Input!$D$22=1,M1111*Input!$C$22,0)</f>
        <v>0.23422436391867713</v>
      </c>
      <c r="O1111" s="59">
        <f>IF(Input!$D$19=2,J1111*Input!$C$19,0)+IF(Input!$D$20=2,K1111*Input!$C$20,0)+IF(Input!$D$21=2,L1111*Input!$C$21,0)+IF(Input!$D$22=2,M1111*Input!$C$22,0)</f>
        <v>0.58556090979669284</v>
      </c>
      <c r="P1111" s="59">
        <f>IF(Input!$D$19=3,J1111*Input!$C$19,0)+IF(Input!$D$20=3,K1111*Input!$C$20,0)+IF(Input!$D$21=3,L1111*Input!$C$21,0)+IF(Input!$D$22=3,M1111*Input!$C$22,0)</f>
        <v>0</v>
      </c>
      <c r="Q1111" s="75">
        <f>IF(Input!$D$19=4,J1111*Input!$C$19,0)+IF(Input!$D$20=4,K1111*Input!$C$20,0)+IF(Input!$D$21=4,L1111*Input!$C$21,0)+IF(Input!$D$22=4,M1111*Input!$C$22,0)</f>
        <v>0</v>
      </c>
      <c r="R1111" s="58">
        <v>55.436587052487695</v>
      </c>
      <c r="S1111" s="124">
        <f t="shared" si="17"/>
        <v>1.014972243647601</v>
      </c>
    </row>
    <row r="1112" spans="8:19" x14ac:dyDescent="0.3">
      <c r="H1112" s="44">
        <v>1105</v>
      </c>
      <c r="I1112" s="56">
        <f>Bühler!I1138</f>
        <v>0.24567304806500012</v>
      </c>
      <c r="J1112" s="59">
        <f>Bühler!J1138</f>
        <v>0.81891016021666718</v>
      </c>
      <c r="K1112" s="59">
        <f>Bühler!K1138</f>
        <v>1.2283652403250007</v>
      </c>
      <c r="L1112" s="59">
        <f>Bühler!L1138</f>
        <v>5.8961531535600029</v>
      </c>
      <c r="M1112" s="58">
        <f>Bühler!M1138</f>
        <v>0</v>
      </c>
      <c r="N1112" s="56">
        <f>IF(Input!$D$19=1,J1112*Input!$C$19,0)+IF(Input!$D$20=1,K1112*Input!$C$20,0)+IF(Input!$D$21=1,L1112*Input!$C$21,0)+IF(Input!$D$22=1,M1112*Input!$C$22,0)</f>
        <v>0.24567304806500015</v>
      </c>
      <c r="O1112" s="59">
        <f>IF(Input!$D$19=2,J1112*Input!$C$19,0)+IF(Input!$D$20=2,K1112*Input!$C$20,0)+IF(Input!$D$21=2,L1112*Input!$C$21,0)+IF(Input!$D$22=2,M1112*Input!$C$22,0)</f>
        <v>0.61418262016250036</v>
      </c>
      <c r="P1112" s="59">
        <f>IF(Input!$D$19=3,J1112*Input!$C$19,0)+IF(Input!$D$20=3,K1112*Input!$C$20,0)+IF(Input!$D$21=3,L1112*Input!$C$21,0)+IF(Input!$D$22=3,M1112*Input!$C$22,0)</f>
        <v>0</v>
      </c>
      <c r="Q1112" s="75">
        <f>IF(Input!$D$19=4,J1112*Input!$C$19,0)+IF(Input!$D$20=4,K1112*Input!$C$20,0)+IF(Input!$D$21=4,L1112*Input!$C$21,0)+IF(Input!$D$22=4,M1112*Input!$C$22,0)</f>
        <v>0</v>
      </c>
      <c r="R1112" s="58">
        <v>54.345872859821867</v>
      </c>
      <c r="S1112" s="124">
        <f t="shared" si="17"/>
        <v>1.0645832082816673</v>
      </c>
    </row>
    <row r="1113" spans="8:19" x14ac:dyDescent="0.3">
      <c r="H1113" s="44">
        <v>1106</v>
      </c>
      <c r="I1113" s="56">
        <f>Bühler!I1139</f>
        <v>0.24567304806500012</v>
      </c>
      <c r="J1113" s="59">
        <f>Bühler!J1139</f>
        <v>0.81891016021666718</v>
      </c>
      <c r="K1113" s="59">
        <f>Bühler!K1139</f>
        <v>1.2283652403250007</v>
      </c>
      <c r="L1113" s="59">
        <f>Bühler!L1139</f>
        <v>5.8961531535600029</v>
      </c>
      <c r="M1113" s="58">
        <f>Bühler!M1139</f>
        <v>0</v>
      </c>
      <c r="N1113" s="56">
        <f>IF(Input!$D$19=1,J1113*Input!$C$19,0)+IF(Input!$D$20=1,K1113*Input!$C$20,0)+IF(Input!$D$21=1,L1113*Input!$C$21,0)+IF(Input!$D$22=1,M1113*Input!$C$22,0)</f>
        <v>0.24567304806500015</v>
      </c>
      <c r="O1113" s="59">
        <f>IF(Input!$D$19=2,J1113*Input!$C$19,0)+IF(Input!$D$20=2,K1113*Input!$C$20,0)+IF(Input!$D$21=2,L1113*Input!$C$21,0)+IF(Input!$D$22=2,M1113*Input!$C$22,0)</f>
        <v>0.61418262016250036</v>
      </c>
      <c r="P1113" s="59">
        <f>IF(Input!$D$19=3,J1113*Input!$C$19,0)+IF(Input!$D$20=3,K1113*Input!$C$20,0)+IF(Input!$D$21=3,L1113*Input!$C$21,0)+IF(Input!$D$22=3,M1113*Input!$C$22,0)</f>
        <v>0</v>
      </c>
      <c r="Q1113" s="75">
        <f>IF(Input!$D$19=4,J1113*Input!$C$19,0)+IF(Input!$D$20=4,K1113*Input!$C$20,0)+IF(Input!$D$21=4,L1113*Input!$C$21,0)+IF(Input!$D$22=4,M1113*Input!$C$22,0)</f>
        <v>0</v>
      </c>
      <c r="R1113" s="58">
        <v>55.770515039025504</v>
      </c>
      <c r="S1113" s="124">
        <f t="shared" si="17"/>
        <v>1.0645832082816673</v>
      </c>
    </row>
    <row r="1114" spans="8:19" x14ac:dyDescent="0.3">
      <c r="H1114" s="44">
        <v>1107</v>
      </c>
      <c r="I1114" s="56">
        <f>Bühler!I1140</f>
        <v>0.24567304806500012</v>
      </c>
      <c r="J1114" s="59">
        <f>Bühler!J1140</f>
        <v>0.81891016021666718</v>
      </c>
      <c r="K1114" s="59">
        <f>Bühler!K1140</f>
        <v>1.2283652403250007</v>
      </c>
      <c r="L1114" s="59">
        <f>Bühler!L1140</f>
        <v>5.8961531535600029</v>
      </c>
      <c r="M1114" s="58">
        <f>Bühler!M1140</f>
        <v>0</v>
      </c>
      <c r="N1114" s="56">
        <f>IF(Input!$D$19=1,J1114*Input!$C$19,0)+IF(Input!$D$20=1,K1114*Input!$C$20,0)+IF(Input!$D$21=1,L1114*Input!$C$21,0)+IF(Input!$D$22=1,M1114*Input!$C$22,0)</f>
        <v>0.24567304806500015</v>
      </c>
      <c r="O1114" s="59">
        <f>IF(Input!$D$19=2,J1114*Input!$C$19,0)+IF(Input!$D$20=2,K1114*Input!$C$20,0)+IF(Input!$D$21=2,L1114*Input!$C$21,0)+IF(Input!$D$22=2,M1114*Input!$C$22,0)</f>
        <v>0.61418262016250036</v>
      </c>
      <c r="P1114" s="59">
        <f>IF(Input!$D$19=3,J1114*Input!$C$19,0)+IF(Input!$D$20=3,K1114*Input!$C$20,0)+IF(Input!$D$21=3,L1114*Input!$C$21,0)+IF(Input!$D$22=3,M1114*Input!$C$22,0)</f>
        <v>0</v>
      </c>
      <c r="Q1114" s="75">
        <f>IF(Input!$D$19=4,J1114*Input!$C$19,0)+IF(Input!$D$20=4,K1114*Input!$C$20,0)+IF(Input!$D$21=4,L1114*Input!$C$21,0)+IF(Input!$D$22=4,M1114*Input!$C$22,0)</f>
        <v>0</v>
      </c>
      <c r="R1114" s="58">
        <v>56.16558804037583</v>
      </c>
      <c r="S1114" s="124">
        <f t="shared" si="17"/>
        <v>1.0645832082816673</v>
      </c>
    </row>
    <row r="1115" spans="8:19" x14ac:dyDescent="0.3">
      <c r="H1115" s="44">
        <v>1108</v>
      </c>
      <c r="I1115" s="56">
        <f>Bühler!I1141</f>
        <v>0.24567304806500012</v>
      </c>
      <c r="J1115" s="59">
        <f>Bühler!J1141</f>
        <v>0.81891016021666718</v>
      </c>
      <c r="K1115" s="59">
        <f>Bühler!K1141</f>
        <v>1.2283652403250007</v>
      </c>
      <c r="L1115" s="59">
        <f>Bühler!L1141</f>
        <v>5.8961531535600029</v>
      </c>
      <c r="M1115" s="58">
        <f>Bühler!M1141</f>
        <v>0</v>
      </c>
      <c r="N1115" s="56">
        <f>IF(Input!$D$19=1,J1115*Input!$C$19,0)+IF(Input!$D$20=1,K1115*Input!$C$20,0)+IF(Input!$D$21=1,L1115*Input!$C$21,0)+IF(Input!$D$22=1,M1115*Input!$C$22,0)</f>
        <v>0.24567304806500015</v>
      </c>
      <c r="O1115" s="59">
        <f>IF(Input!$D$19=2,J1115*Input!$C$19,0)+IF(Input!$D$20=2,K1115*Input!$C$20,0)+IF(Input!$D$21=2,L1115*Input!$C$21,0)+IF(Input!$D$22=2,M1115*Input!$C$22,0)</f>
        <v>0.61418262016250036</v>
      </c>
      <c r="P1115" s="59">
        <f>IF(Input!$D$19=3,J1115*Input!$C$19,0)+IF(Input!$D$20=3,K1115*Input!$C$20,0)+IF(Input!$D$21=3,L1115*Input!$C$21,0)+IF(Input!$D$22=3,M1115*Input!$C$22,0)</f>
        <v>0</v>
      </c>
      <c r="Q1115" s="75">
        <f>IF(Input!$D$19=4,J1115*Input!$C$19,0)+IF(Input!$D$20=4,K1115*Input!$C$20,0)+IF(Input!$D$21=4,L1115*Input!$C$21,0)+IF(Input!$D$22=4,M1115*Input!$C$22,0)</f>
        <v>0</v>
      </c>
      <c r="R1115" s="58">
        <v>56.123390507712024</v>
      </c>
      <c r="S1115" s="124">
        <f t="shared" si="17"/>
        <v>1.0645832082816673</v>
      </c>
    </row>
    <row r="1116" spans="8:19" x14ac:dyDescent="0.3">
      <c r="H1116" s="44">
        <v>1109</v>
      </c>
      <c r="I1116" s="56">
        <f>Bühler!I1142</f>
        <v>0.24567304806500012</v>
      </c>
      <c r="J1116" s="59">
        <f>Bühler!J1142</f>
        <v>0.81891016021666718</v>
      </c>
      <c r="K1116" s="59">
        <f>Bühler!K1142</f>
        <v>1.2283652403250007</v>
      </c>
      <c r="L1116" s="59">
        <f>Bühler!L1142</f>
        <v>5.8961531535600029</v>
      </c>
      <c r="M1116" s="58">
        <f>Bühler!M1142</f>
        <v>0</v>
      </c>
      <c r="N1116" s="56">
        <f>IF(Input!$D$19=1,J1116*Input!$C$19,0)+IF(Input!$D$20=1,K1116*Input!$C$20,0)+IF(Input!$D$21=1,L1116*Input!$C$21,0)+IF(Input!$D$22=1,M1116*Input!$C$22,0)</f>
        <v>0.24567304806500015</v>
      </c>
      <c r="O1116" s="59">
        <f>IF(Input!$D$19=2,J1116*Input!$C$19,0)+IF(Input!$D$20=2,K1116*Input!$C$20,0)+IF(Input!$D$21=2,L1116*Input!$C$21,0)+IF(Input!$D$22=2,M1116*Input!$C$22,0)</f>
        <v>0.61418262016250036</v>
      </c>
      <c r="P1116" s="59">
        <f>IF(Input!$D$19=3,J1116*Input!$C$19,0)+IF(Input!$D$20=3,K1116*Input!$C$20,0)+IF(Input!$D$21=3,L1116*Input!$C$21,0)+IF(Input!$D$22=3,M1116*Input!$C$22,0)</f>
        <v>0</v>
      </c>
      <c r="Q1116" s="75">
        <f>IF(Input!$D$19=4,J1116*Input!$C$19,0)+IF(Input!$D$20=4,K1116*Input!$C$20,0)+IF(Input!$D$21=4,L1116*Input!$C$21,0)+IF(Input!$D$22=4,M1116*Input!$C$22,0)</f>
        <v>0</v>
      </c>
      <c r="R1116" s="58">
        <v>57.307880115950489</v>
      </c>
      <c r="S1116" s="124">
        <f t="shared" si="17"/>
        <v>1.0645832082816673</v>
      </c>
    </row>
    <row r="1117" spans="8:19" x14ac:dyDescent="0.3">
      <c r="H1117" s="44">
        <v>1110</v>
      </c>
      <c r="I1117" s="56">
        <f>Bühler!I1143</f>
        <v>0.31664526195044457</v>
      </c>
      <c r="J1117" s="59">
        <f>Bühler!J1143</f>
        <v>1.055484206501482</v>
      </c>
      <c r="K1117" s="59">
        <f>Bühler!K1143</f>
        <v>1.5832263097522228</v>
      </c>
      <c r="L1117" s="59">
        <f>Bühler!L1143</f>
        <v>7.5994862868106692</v>
      </c>
      <c r="M1117" s="58">
        <f>Bühler!M1143</f>
        <v>0</v>
      </c>
      <c r="N1117" s="56">
        <f>IF(Input!$D$19=1,J1117*Input!$C$19,0)+IF(Input!$D$20=1,K1117*Input!$C$20,0)+IF(Input!$D$21=1,L1117*Input!$C$21,0)+IF(Input!$D$22=1,M1117*Input!$C$22,0)</f>
        <v>0.31664526195044457</v>
      </c>
      <c r="O1117" s="59">
        <f>IF(Input!$D$19=2,J1117*Input!$C$19,0)+IF(Input!$D$20=2,K1117*Input!$C$20,0)+IF(Input!$D$21=2,L1117*Input!$C$21,0)+IF(Input!$D$22=2,M1117*Input!$C$22,0)</f>
        <v>0.79161315487611139</v>
      </c>
      <c r="P1117" s="59">
        <f>IF(Input!$D$19=3,J1117*Input!$C$19,0)+IF(Input!$D$20=3,K1117*Input!$C$20,0)+IF(Input!$D$21=3,L1117*Input!$C$21,0)+IF(Input!$D$22=3,M1117*Input!$C$22,0)</f>
        <v>0</v>
      </c>
      <c r="Q1117" s="75">
        <f>IF(Input!$D$19=4,J1117*Input!$C$19,0)+IF(Input!$D$20=4,K1117*Input!$C$20,0)+IF(Input!$D$21=4,L1117*Input!$C$21,0)+IF(Input!$D$22=4,M1117*Input!$C$22,0)</f>
        <v>0</v>
      </c>
      <c r="R1117" s="58">
        <v>60.478906286498621</v>
      </c>
      <c r="S1117" s="124">
        <f t="shared" si="17"/>
        <v>1.3721294684519265</v>
      </c>
    </row>
    <row r="1118" spans="8:19" x14ac:dyDescent="0.3">
      <c r="H1118" s="44">
        <v>1111</v>
      </c>
      <c r="I1118" s="56">
        <f>Bühler!I1144</f>
        <v>0.38215807476777791</v>
      </c>
      <c r="J1118" s="59">
        <f>Bühler!J1144</f>
        <v>1.2738602492259266</v>
      </c>
      <c r="K1118" s="59">
        <f>Bühler!K1144</f>
        <v>1.9107903738388896</v>
      </c>
      <c r="L1118" s="59">
        <f>Bühler!L1144</f>
        <v>9.1717937944266694</v>
      </c>
      <c r="M1118" s="58">
        <f>Bühler!M1144</f>
        <v>0</v>
      </c>
      <c r="N1118" s="56">
        <f>IF(Input!$D$19=1,J1118*Input!$C$19,0)+IF(Input!$D$20=1,K1118*Input!$C$20,0)+IF(Input!$D$21=1,L1118*Input!$C$21,0)+IF(Input!$D$22=1,M1118*Input!$C$22,0)</f>
        <v>0.38215807476777797</v>
      </c>
      <c r="O1118" s="59">
        <f>IF(Input!$D$19=2,J1118*Input!$C$19,0)+IF(Input!$D$20=2,K1118*Input!$C$20,0)+IF(Input!$D$21=2,L1118*Input!$C$21,0)+IF(Input!$D$22=2,M1118*Input!$C$22,0)</f>
        <v>0.95539518691944481</v>
      </c>
      <c r="P1118" s="59">
        <f>IF(Input!$D$19=3,J1118*Input!$C$19,0)+IF(Input!$D$20=3,K1118*Input!$C$20,0)+IF(Input!$D$21=3,L1118*Input!$C$21,0)+IF(Input!$D$22=3,M1118*Input!$C$22,0)</f>
        <v>0</v>
      </c>
      <c r="Q1118" s="75">
        <f>IF(Input!$D$19=4,J1118*Input!$C$19,0)+IF(Input!$D$20=4,K1118*Input!$C$20,0)+IF(Input!$D$21=4,L1118*Input!$C$21,0)+IF(Input!$D$22=4,M1118*Input!$C$22,0)</f>
        <v>0</v>
      </c>
      <c r="R1118" s="58">
        <v>63.973824582490622</v>
      </c>
      <c r="S1118" s="124">
        <f t="shared" si="17"/>
        <v>1.6560183239937045</v>
      </c>
    </row>
    <row r="1119" spans="8:19" x14ac:dyDescent="0.3">
      <c r="H1119" s="44">
        <v>1112</v>
      </c>
      <c r="I1119" s="56">
        <f>Bühler!I1145</f>
        <v>0.38215807476777791</v>
      </c>
      <c r="J1119" s="59">
        <f>Bühler!J1145</f>
        <v>1.2738602492259266</v>
      </c>
      <c r="K1119" s="59">
        <f>Bühler!K1145</f>
        <v>1.9107903738388896</v>
      </c>
      <c r="L1119" s="59">
        <f>Bühler!L1145</f>
        <v>9.1717937944266694</v>
      </c>
      <c r="M1119" s="58">
        <f>Bühler!M1145</f>
        <v>0</v>
      </c>
      <c r="N1119" s="56">
        <f>IF(Input!$D$19=1,J1119*Input!$C$19,0)+IF(Input!$D$20=1,K1119*Input!$C$20,0)+IF(Input!$D$21=1,L1119*Input!$C$21,0)+IF(Input!$D$22=1,M1119*Input!$C$22,0)</f>
        <v>0.38215807476777797</v>
      </c>
      <c r="O1119" s="59">
        <f>IF(Input!$D$19=2,J1119*Input!$C$19,0)+IF(Input!$D$20=2,K1119*Input!$C$20,0)+IF(Input!$D$21=2,L1119*Input!$C$21,0)+IF(Input!$D$22=2,M1119*Input!$C$22,0)</f>
        <v>0.95539518691944481</v>
      </c>
      <c r="P1119" s="59">
        <f>IF(Input!$D$19=3,J1119*Input!$C$19,0)+IF(Input!$D$20=3,K1119*Input!$C$20,0)+IF(Input!$D$21=3,L1119*Input!$C$21,0)+IF(Input!$D$22=3,M1119*Input!$C$22,0)</f>
        <v>0</v>
      </c>
      <c r="Q1119" s="75">
        <f>IF(Input!$D$19=4,J1119*Input!$C$19,0)+IF(Input!$D$20=4,K1119*Input!$C$20,0)+IF(Input!$D$21=4,L1119*Input!$C$21,0)+IF(Input!$D$22=4,M1119*Input!$C$22,0)</f>
        <v>0</v>
      </c>
      <c r="R1119" s="58">
        <v>65.991922047473281</v>
      </c>
      <c r="S1119" s="124">
        <f t="shared" si="17"/>
        <v>1.6560183239937045</v>
      </c>
    </row>
    <row r="1120" spans="8:19" x14ac:dyDescent="0.3">
      <c r="H1120" s="44">
        <v>1113</v>
      </c>
      <c r="I1120" s="56">
        <f>Bühler!I1146</f>
        <v>0.38215807476777791</v>
      </c>
      <c r="J1120" s="59">
        <f>Bühler!J1146</f>
        <v>1.2738602492259266</v>
      </c>
      <c r="K1120" s="59">
        <f>Bühler!K1146</f>
        <v>1.9107903738388896</v>
      </c>
      <c r="L1120" s="59">
        <f>Bühler!L1146</f>
        <v>9.1717937944266694</v>
      </c>
      <c r="M1120" s="58">
        <f>Bühler!M1146</f>
        <v>0</v>
      </c>
      <c r="N1120" s="56">
        <f>IF(Input!$D$19=1,J1120*Input!$C$19,0)+IF(Input!$D$20=1,K1120*Input!$C$20,0)+IF(Input!$D$21=1,L1120*Input!$C$21,0)+IF(Input!$D$22=1,M1120*Input!$C$22,0)</f>
        <v>0.38215807476777797</v>
      </c>
      <c r="O1120" s="59">
        <f>IF(Input!$D$19=2,J1120*Input!$C$19,0)+IF(Input!$D$20=2,K1120*Input!$C$20,0)+IF(Input!$D$21=2,L1120*Input!$C$21,0)+IF(Input!$D$22=2,M1120*Input!$C$22,0)</f>
        <v>0.95539518691944481</v>
      </c>
      <c r="P1120" s="59">
        <f>IF(Input!$D$19=3,J1120*Input!$C$19,0)+IF(Input!$D$20=3,K1120*Input!$C$20,0)+IF(Input!$D$21=3,L1120*Input!$C$21,0)+IF(Input!$D$22=3,M1120*Input!$C$22,0)</f>
        <v>0</v>
      </c>
      <c r="Q1120" s="75">
        <f>IF(Input!$D$19=4,J1120*Input!$C$19,0)+IF(Input!$D$20=4,K1120*Input!$C$20,0)+IF(Input!$D$21=4,L1120*Input!$C$21,0)+IF(Input!$D$22=4,M1120*Input!$C$22,0)</f>
        <v>0</v>
      </c>
      <c r="R1120" s="58">
        <v>66.356081674206806</v>
      </c>
      <c r="S1120" s="124">
        <f t="shared" si="17"/>
        <v>1.6560183239937045</v>
      </c>
    </row>
    <row r="1121" spans="8:19" x14ac:dyDescent="0.3">
      <c r="H1121" s="44">
        <v>1114</v>
      </c>
      <c r="I1121" s="56">
        <f>Bühler!I1147</f>
        <v>0.40945508010833348</v>
      </c>
      <c r="J1121" s="59">
        <f>Bühler!J1147</f>
        <v>1.3648502670277782</v>
      </c>
      <c r="K1121" s="59">
        <f>Bühler!K1147</f>
        <v>2.0472754005416673</v>
      </c>
      <c r="L1121" s="59">
        <f>Bühler!L1147</f>
        <v>9.8269219226000022</v>
      </c>
      <c r="M1121" s="58">
        <f>Bühler!M1147</f>
        <v>0</v>
      </c>
      <c r="N1121" s="56">
        <f>IF(Input!$D$19=1,J1121*Input!$C$19,0)+IF(Input!$D$20=1,K1121*Input!$C$20,0)+IF(Input!$D$21=1,L1121*Input!$C$21,0)+IF(Input!$D$22=1,M1121*Input!$C$22,0)</f>
        <v>0.40945508010833348</v>
      </c>
      <c r="O1121" s="59">
        <f>IF(Input!$D$19=2,J1121*Input!$C$19,0)+IF(Input!$D$20=2,K1121*Input!$C$20,0)+IF(Input!$D$21=2,L1121*Input!$C$21,0)+IF(Input!$D$22=2,M1121*Input!$C$22,0)</f>
        <v>1.0236377002708337</v>
      </c>
      <c r="P1121" s="59">
        <f>IF(Input!$D$19=3,J1121*Input!$C$19,0)+IF(Input!$D$20=3,K1121*Input!$C$20,0)+IF(Input!$D$21=3,L1121*Input!$C$21,0)+IF(Input!$D$22=3,M1121*Input!$C$22,0)</f>
        <v>0</v>
      </c>
      <c r="Q1121" s="75">
        <f>IF(Input!$D$19=4,J1121*Input!$C$19,0)+IF(Input!$D$20=4,K1121*Input!$C$20,0)+IF(Input!$D$21=4,L1121*Input!$C$21,0)+IF(Input!$D$22=4,M1121*Input!$C$22,0)</f>
        <v>0</v>
      </c>
      <c r="R1121" s="58">
        <v>65.935669347001394</v>
      </c>
      <c r="S1121" s="124">
        <f t="shared" si="17"/>
        <v>1.7743053471361117</v>
      </c>
    </row>
    <row r="1122" spans="8:19" x14ac:dyDescent="0.3">
      <c r="H1122" s="44">
        <v>1115</v>
      </c>
      <c r="I1122" s="56">
        <f>Bühler!I1148</f>
        <v>0.42583328331266684</v>
      </c>
      <c r="J1122" s="59">
        <f>Bühler!J1148</f>
        <v>1.4194442777088896</v>
      </c>
      <c r="K1122" s="59">
        <f>Bühler!K1148</f>
        <v>2.1291664165633342</v>
      </c>
      <c r="L1122" s="59">
        <f>Bühler!L1148</f>
        <v>10.219998799504005</v>
      </c>
      <c r="M1122" s="58">
        <f>Bühler!M1148</f>
        <v>0</v>
      </c>
      <c r="N1122" s="56">
        <f>IF(Input!$D$19=1,J1122*Input!$C$19,0)+IF(Input!$D$20=1,K1122*Input!$C$20,0)+IF(Input!$D$21=1,L1122*Input!$C$21,0)+IF(Input!$D$22=1,M1122*Input!$C$22,0)</f>
        <v>0.42583328331266684</v>
      </c>
      <c r="O1122" s="59">
        <f>IF(Input!$D$19=2,J1122*Input!$C$19,0)+IF(Input!$D$20=2,K1122*Input!$C$20,0)+IF(Input!$D$21=2,L1122*Input!$C$21,0)+IF(Input!$D$22=2,M1122*Input!$C$22,0)</f>
        <v>1.0645832082816671</v>
      </c>
      <c r="P1122" s="59">
        <f>IF(Input!$D$19=3,J1122*Input!$C$19,0)+IF(Input!$D$20=3,K1122*Input!$C$20,0)+IF(Input!$D$21=3,L1122*Input!$C$21,0)+IF(Input!$D$22=3,M1122*Input!$C$22,0)</f>
        <v>0</v>
      </c>
      <c r="Q1122" s="75">
        <f>IF(Input!$D$19=4,J1122*Input!$C$19,0)+IF(Input!$D$20=4,K1122*Input!$C$20,0)+IF(Input!$D$21=4,L1122*Input!$C$21,0)+IF(Input!$D$22=4,M1122*Input!$C$22,0)</f>
        <v>0</v>
      </c>
      <c r="R1122" s="58">
        <v>66.225972803125089</v>
      </c>
      <c r="S1122" s="124">
        <f t="shared" si="17"/>
        <v>1.8452775610215564</v>
      </c>
    </row>
    <row r="1123" spans="8:19" x14ac:dyDescent="0.3">
      <c r="H1123" s="44">
        <v>1116</v>
      </c>
      <c r="I1123" s="56">
        <f>Bühler!I1149</f>
        <v>0.49134609613000024</v>
      </c>
      <c r="J1123" s="59">
        <f>Bühler!J1149</f>
        <v>1.6378203204333344</v>
      </c>
      <c r="K1123" s="59">
        <f>Bühler!K1149</f>
        <v>2.4567304806500014</v>
      </c>
      <c r="L1123" s="59">
        <f>Bühler!L1149</f>
        <v>11.792306307120006</v>
      </c>
      <c r="M1123" s="58">
        <f>Bühler!M1149</f>
        <v>0</v>
      </c>
      <c r="N1123" s="56">
        <f>IF(Input!$D$19=1,J1123*Input!$C$19,0)+IF(Input!$D$20=1,K1123*Input!$C$20,0)+IF(Input!$D$21=1,L1123*Input!$C$21,0)+IF(Input!$D$22=1,M1123*Input!$C$22,0)</f>
        <v>0.4913460961300003</v>
      </c>
      <c r="O1123" s="59">
        <f>IF(Input!$D$19=2,J1123*Input!$C$19,0)+IF(Input!$D$20=2,K1123*Input!$C$20,0)+IF(Input!$D$21=2,L1123*Input!$C$21,0)+IF(Input!$D$22=2,M1123*Input!$C$22,0)</f>
        <v>1.2283652403250007</v>
      </c>
      <c r="P1123" s="59">
        <f>IF(Input!$D$19=3,J1123*Input!$C$19,0)+IF(Input!$D$20=3,K1123*Input!$C$20,0)+IF(Input!$D$21=3,L1123*Input!$C$21,0)+IF(Input!$D$22=3,M1123*Input!$C$22,0)</f>
        <v>0</v>
      </c>
      <c r="Q1123" s="75">
        <f>IF(Input!$D$19=4,J1123*Input!$C$19,0)+IF(Input!$D$20=4,K1123*Input!$C$20,0)+IF(Input!$D$21=4,L1123*Input!$C$21,0)+IF(Input!$D$22=4,M1123*Input!$C$22,0)</f>
        <v>0</v>
      </c>
      <c r="R1123" s="58">
        <v>66.57439263780789</v>
      </c>
      <c r="S1123" s="124">
        <f t="shared" si="17"/>
        <v>2.1291664165633346</v>
      </c>
    </row>
    <row r="1124" spans="8:19" x14ac:dyDescent="0.3">
      <c r="H1124" s="44">
        <v>1117</v>
      </c>
      <c r="I1124" s="56">
        <f>Bühler!I1150</f>
        <v>0.49134609613000024</v>
      </c>
      <c r="J1124" s="59">
        <f>Bühler!J1150</f>
        <v>1.6378203204333344</v>
      </c>
      <c r="K1124" s="59">
        <f>Bühler!K1150</f>
        <v>2.4567304806500014</v>
      </c>
      <c r="L1124" s="59">
        <f>Bühler!L1150</f>
        <v>11.792306307120006</v>
      </c>
      <c r="M1124" s="58">
        <f>Bühler!M1150</f>
        <v>0</v>
      </c>
      <c r="N1124" s="56">
        <f>IF(Input!$D$19=1,J1124*Input!$C$19,0)+IF(Input!$D$20=1,K1124*Input!$C$20,0)+IF(Input!$D$21=1,L1124*Input!$C$21,0)+IF(Input!$D$22=1,M1124*Input!$C$22,0)</f>
        <v>0.4913460961300003</v>
      </c>
      <c r="O1124" s="59">
        <f>IF(Input!$D$19=2,J1124*Input!$C$19,0)+IF(Input!$D$20=2,K1124*Input!$C$20,0)+IF(Input!$D$21=2,L1124*Input!$C$21,0)+IF(Input!$D$22=2,M1124*Input!$C$22,0)</f>
        <v>1.2283652403250007</v>
      </c>
      <c r="P1124" s="59">
        <f>IF(Input!$D$19=3,J1124*Input!$C$19,0)+IF(Input!$D$20=3,K1124*Input!$C$20,0)+IF(Input!$D$21=3,L1124*Input!$C$21,0)+IF(Input!$D$22=3,M1124*Input!$C$22,0)</f>
        <v>0</v>
      </c>
      <c r="Q1124" s="75">
        <f>IF(Input!$D$19=4,J1124*Input!$C$19,0)+IF(Input!$D$20=4,K1124*Input!$C$20,0)+IF(Input!$D$21=4,L1124*Input!$C$21,0)+IF(Input!$D$22=4,M1124*Input!$C$22,0)</f>
        <v>0</v>
      </c>
      <c r="R1124" s="58">
        <v>64.745140471670666</v>
      </c>
      <c r="S1124" s="124">
        <f t="shared" si="17"/>
        <v>2.1291664165633346</v>
      </c>
    </row>
    <row r="1125" spans="8:19" x14ac:dyDescent="0.3">
      <c r="H1125" s="44">
        <v>1118</v>
      </c>
      <c r="I1125" s="56">
        <f>Bühler!I1151</f>
        <v>0.49134609613000024</v>
      </c>
      <c r="J1125" s="59">
        <f>Bühler!J1151</f>
        <v>1.6378203204333344</v>
      </c>
      <c r="K1125" s="59">
        <f>Bühler!K1151</f>
        <v>2.4567304806500014</v>
      </c>
      <c r="L1125" s="59">
        <f>Bühler!L1151</f>
        <v>11.792306307120006</v>
      </c>
      <c r="M1125" s="58">
        <f>Bühler!M1151</f>
        <v>0</v>
      </c>
      <c r="N1125" s="56">
        <f>IF(Input!$D$19=1,J1125*Input!$C$19,0)+IF(Input!$D$20=1,K1125*Input!$C$20,0)+IF(Input!$D$21=1,L1125*Input!$C$21,0)+IF(Input!$D$22=1,M1125*Input!$C$22,0)</f>
        <v>0.4913460961300003</v>
      </c>
      <c r="O1125" s="59">
        <f>IF(Input!$D$19=2,J1125*Input!$C$19,0)+IF(Input!$D$20=2,K1125*Input!$C$20,0)+IF(Input!$D$21=2,L1125*Input!$C$21,0)+IF(Input!$D$22=2,M1125*Input!$C$22,0)</f>
        <v>1.2283652403250007</v>
      </c>
      <c r="P1125" s="59">
        <f>IF(Input!$D$19=3,J1125*Input!$C$19,0)+IF(Input!$D$20=3,K1125*Input!$C$20,0)+IF(Input!$D$21=3,L1125*Input!$C$21,0)+IF(Input!$D$22=3,M1125*Input!$C$22,0)</f>
        <v>0</v>
      </c>
      <c r="Q1125" s="75">
        <f>IF(Input!$D$19=4,J1125*Input!$C$19,0)+IF(Input!$D$20=4,K1125*Input!$C$20,0)+IF(Input!$D$21=4,L1125*Input!$C$21,0)+IF(Input!$D$22=4,M1125*Input!$C$22,0)</f>
        <v>0</v>
      </c>
      <c r="R1125" s="58">
        <v>63.99841440844834</v>
      </c>
      <c r="S1125" s="124">
        <f t="shared" si="17"/>
        <v>2.1291664165633346</v>
      </c>
    </row>
    <row r="1126" spans="8:19" x14ac:dyDescent="0.3">
      <c r="H1126" s="44">
        <v>1119</v>
      </c>
      <c r="I1126" s="56">
        <f>Bühler!I1152</f>
        <v>0.49134609613000024</v>
      </c>
      <c r="J1126" s="59">
        <f>Bühler!J1152</f>
        <v>1.6378203204333344</v>
      </c>
      <c r="K1126" s="59">
        <f>Bühler!K1152</f>
        <v>2.4567304806500014</v>
      </c>
      <c r="L1126" s="59">
        <f>Bühler!L1152</f>
        <v>11.792306307120006</v>
      </c>
      <c r="M1126" s="58">
        <f>Bühler!M1152</f>
        <v>0</v>
      </c>
      <c r="N1126" s="56">
        <f>IF(Input!$D$19=1,J1126*Input!$C$19,0)+IF(Input!$D$20=1,K1126*Input!$C$20,0)+IF(Input!$D$21=1,L1126*Input!$C$21,0)+IF(Input!$D$22=1,M1126*Input!$C$22,0)</f>
        <v>0.4913460961300003</v>
      </c>
      <c r="O1126" s="59">
        <f>IF(Input!$D$19=2,J1126*Input!$C$19,0)+IF(Input!$D$20=2,K1126*Input!$C$20,0)+IF(Input!$D$21=2,L1126*Input!$C$21,0)+IF(Input!$D$22=2,M1126*Input!$C$22,0)</f>
        <v>1.2283652403250007</v>
      </c>
      <c r="P1126" s="59">
        <f>IF(Input!$D$19=3,J1126*Input!$C$19,0)+IF(Input!$D$20=3,K1126*Input!$C$20,0)+IF(Input!$D$21=3,L1126*Input!$C$21,0)+IF(Input!$D$22=3,M1126*Input!$C$22,0)</f>
        <v>0</v>
      </c>
      <c r="Q1126" s="75">
        <f>IF(Input!$D$19=4,J1126*Input!$C$19,0)+IF(Input!$D$20=4,K1126*Input!$C$20,0)+IF(Input!$D$21=4,L1126*Input!$C$21,0)+IF(Input!$D$22=4,M1126*Input!$C$22,0)</f>
        <v>0</v>
      </c>
      <c r="R1126" s="58">
        <v>64.167895256618181</v>
      </c>
      <c r="S1126" s="124">
        <f t="shared" si="17"/>
        <v>2.1291664165633346</v>
      </c>
    </row>
    <row r="1127" spans="8:19" x14ac:dyDescent="0.3">
      <c r="H1127" s="44">
        <v>1120</v>
      </c>
      <c r="I1127" s="56">
        <f>Bühler!I1153</f>
        <v>0.40945508010833348</v>
      </c>
      <c r="J1127" s="59">
        <f>Bühler!J1153</f>
        <v>1.3648502670277782</v>
      </c>
      <c r="K1127" s="59">
        <f>Bühler!K1153</f>
        <v>2.0472754005416673</v>
      </c>
      <c r="L1127" s="59">
        <f>Bühler!L1153</f>
        <v>9.8269219226000022</v>
      </c>
      <c r="M1127" s="58">
        <f>Bühler!M1153</f>
        <v>0</v>
      </c>
      <c r="N1127" s="56">
        <f>IF(Input!$D$19=1,J1127*Input!$C$19,0)+IF(Input!$D$20=1,K1127*Input!$C$20,0)+IF(Input!$D$21=1,L1127*Input!$C$21,0)+IF(Input!$D$22=1,M1127*Input!$C$22,0)</f>
        <v>0.40945508010833348</v>
      </c>
      <c r="O1127" s="59">
        <f>IF(Input!$D$19=2,J1127*Input!$C$19,0)+IF(Input!$D$20=2,K1127*Input!$C$20,0)+IF(Input!$D$21=2,L1127*Input!$C$21,0)+IF(Input!$D$22=2,M1127*Input!$C$22,0)</f>
        <v>1.0236377002708337</v>
      </c>
      <c r="P1127" s="59">
        <f>IF(Input!$D$19=3,J1127*Input!$C$19,0)+IF(Input!$D$20=3,K1127*Input!$C$20,0)+IF(Input!$D$21=3,L1127*Input!$C$21,0)+IF(Input!$D$22=3,M1127*Input!$C$22,0)</f>
        <v>0</v>
      </c>
      <c r="Q1127" s="75">
        <f>IF(Input!$D$19=4,J1127*Input!$C$19,0)+IF(Input!$D$20=4,K1127*Input!$C$20,0)+IF(Input!$D$21=4,L1127*Input!$C$21,0)+IF(Input!$D$22=4,M1127*Input!$C$22,0)</f>
        <v>0</v>
      </c>
      <c r="R1127" s="58">
        <v>62.485090423839956</v>
      </c>
      <c r="S1127" s="124">
        <f t="shared" si="17"/>
        <v>1.7743053471361117</v>
      </c>
    </row>
    <row r="1128" spans="8:19" x14ac:dyDescent="0.3">
      <c r="H1128" s="44">
        <v>1121</v>
      </c>
      <c r="I1128" s="56">
        <f>Bühler!I1154</f>
        <v>0.38761747583588907</v>
      </c>
      <c r="J1128" s="59">
        <f>Bühler!J1154</f>
        <v>1.2920582527862969</v>
      </c>
      <c r="K1128" s="59">
        <f>Bühler!K1154</f>
        <v>1.9380873791794453</v>
      </c>
      <c r="L1128" s="59">
        <f>Bühler!L1154</f>
        <v>9.3028194200613381</v>
      </c>
      <c r="M1128" s="58">
        <f>Bühler!M1154</f>
        <v>0</v>
      </c>
      <c r="N1128" s="56">
        <f>IF(Input!$D$19=1,J1128*Input!$C$19,0)+IF(Input!$D$20=1,K1128*Input!$C$20,0)+IF(Input!$D$21=1,L1128*Input!$C$21,0)+IF(Input!$D$22=1,M1128*Input!$C$22,0)</f>
        <v>0.38761747583588907</v>
      </c>
      <c r="O1128" s="59">
        <f>IF(Input!$D$19=2,J1128*Input!$C$19,0)+IF(Input!$D$20=2,K1128*Input!$C$20,0)+IF(Input!$D$21=2,L1128*Input!$C$21,0)+IF(Input!$D$22=2,M1128*Input!$C$22,0)</f>
        <v>0.96904368958972265</v>
      </c>
      <c r="P1128" s="59">
        <f>IF(Input!$D$19=3,J1128*Input!$C$19,0)+IF(Input!$D$20=3,K1128*Input!$C$20,0)+IF(Input!$D$21=3,L1128*Input!$C$21,0)+IF(Input!$D$22=3,M1128*Input!$C$22,0)</f>
        <v>0</v>
      </c>
      <c r="Q1128" s="75">
        <f>IF(Input!$D$19=4,J1128*Input!$C$19,0)+IF(Input!$D$20=4,K1128*Input!$C$20,0)+IF(Input!$D$21=4,L1128*Input!$C$21,0)+IF(Input!$D$22=4,M1128*Input!$C$22,0)</f>
        <v>0</v>
      </c>
      <c r="R1128" s="58">
        <v>61.436193551462289</v>
      </c>
      <c r="S1128" s="124">
        <f t="shared" si="17"/>
        <v>1.6796757286221859</v>
      </c>
    </row>
    <row r="1129" spans="8:19" x14ac:dyDescent="0.3">
      <c r="H1129" s="44">
        <v>1122</v>
      </c>
      <c r="I1129" s="56">
        <f>Bühler!I1155</f>
        <v>0.38761747583588907</v>
      </c>
      <c r="J1129" s="59">
        <f>Bühler!J1155</f>
        <v>1.2920582527862969</v>
      </c>
      <c r="K1129" s="59">
        <f>Bühler!K1155</f>
        <v>1.9380873791794453</v>
      </c>
      <c r="L1129" s="59">
        <f>Bühler!L1155</f>
        <v>9.3028194200613381</v>
      </c>
      <c r="M1129" s="58">
        <f>Bühler!M1155</f>
        <v>0</v>
      </c>
      <c r="N1129" s="56">
        <f>IF(Input!$D$19=1,J1129*Input!$C$19,0)+IF(Input!$D$20=1,K1129*Input!$C$20,0)+IF(Input!$D$21=1,L1129*Input!$C$21,0)+IF(Input!$D$22=1,M1129*Input!$C$22,0)</f>
        <v>0.38761747583588907</v>
      </c>
      <c r="O1129" s="59">
        <f>IF(Input!$D$19=2,J1129*Input!$C$19,0)+IF(Input!$D$20=2,K1129*Input!$C$20,0)+IF(Input!$D$21=2,L1129*Input!$C$21,0)+IF(Input!$D$22=2,M1129*Input!$C$22,0)</f>
        <v>0.96904368958972265</v>
      </c>
      <c r="P1129" s="59">
        <f>IF(Input!$D$19=3,J1129*Input!$C$19,0)+IF(Input!$D$20=3,K1129*Input!$C$20,0)+IF(Input!$D$21=3,L1129*Input!$C$21,0)+IF(Input!$D$22=3,M1129*Input!$C$22,0)</f>
        <v>0</v>
      </c>
      <c r="Q1129" s="75">
        <f>IF(Input!$D$19=4,J1129*Input!$C$19,0)+IF(Input!$D$20=4,K1129*Input!$C$20,0)+IF(Input!$D$21=4,L1129*Input!$C$21,0)+IF(Input!$D$22=4,M1129*Input!$C$22,0)</f>
        <v>0</v>
      </c>
      <c r="R1129" s="58">
        <v>60.228255676238867</v>
      </c>
      <c r="S1129" s="124">
        <f t="shared" si="17"/>
        <v>1.6796757286221859</v>
      </c>
    </row>
    <row r="1130" spans="8:19" x14ac:dyDescent="0.3">
      <c r="H1130" s="44">
        <v>1123</v>
      </c>
      <c r="I1130" s="56">
        <f>Bühler!I1156</f>
        <v>0.38761747583588907</v>
      </c>
      <c r="J1130" s="59">
        <f>Bühler!J1156</f>
        <v>1.2920582527862969</v>
      </c>
      <c r="K1130" s="59">
        <f>Bühler!K1156</f>
        <v>1.9380873791794453</v>
      </c>
      <c r="L1130" s="59">
        <f>Bühler!L1156</f>
        <v>9.3028194200613381</v>
      </c>
      <c r="M1130" s="58">
        <f>Bühler!M1156</f>
        <v>0</v>
      </c>
      <c r="N1130" s="56">
        <f>IF(Input!$D$19=1,J1130*Input!$C$19,0)+IF(Input!$D$20=1,K1130*Input!$C$20,0)+IF(Input!$D$21=1,L1130*Input!$C$21,0)+IF(Input!$D$22=1,M1130*Input!$C$22,0)</f>
        <v>0.38761747583588907</v>
      </c>
      <c r="O1130" s="59">
        <f>IF(Input!$D$19=2,J1130*Input!$C$19,0)+IF(Input!$D$20=2,K1130*Input!$C$20,0)+IF(Input!$D$21=2,L1130*Input!$C$21,0)+IF(Input!$D$22=2,M1130*Input!$C$22,0)</f>
        <v>0.96904368958972265</v>
      </c>
      <c r="P1130" s="59">
        <f>IF(Input!$D$19=3,J1130*Input!$C$19,0)+IF(Input!$D$20=3,K1130*Input!$C$20,0)+IF(Input!$D$21=3,L1130*Input!$C$21,0)+IF(Input!$D$22=3,M1130*Input!$C$22,0)</f>
        <v>0</v>
      </c>
      <c r="Q1130" s="75">
        <f>IF(Input!$D$19=4,J1130*Input!$C$19,0)+IF(Input!$D$20=4,K1130*Input!$C$20,0)+IF(Input!$D$21=4,L1130*Input!$C$21,0)+IF(Input!$D$22=4,M1130*Input!$C$22,0)</f>
        <v>0</v>
      </c>
      <c r="R1130" s="58">
        <v>58.632890079124792</v>
      </c>
      <c r="S1130" s="124">
        <f t="shared" si="17"/>
        <v>1.6796757286221859</v>
      </c>
    </row>
    <row r="1131" spans="8:19" x14ac:dyDescent="0.3">
      <c r="H1131" s="44">
        <v>1124</v>
      </c>
      <c r="I1131" s="56">
        <f>Bühler!I1157</f>
        <v>0.38761747583588907</v>
      </c>
      <c r="J1131" s="59">
        <f>Bühler!J1157</f>
        <v>1.2920582527862969</v>
      </c>
      <c r="K1131" s="59">
        <f>Bühler!K1157</f>
        <v>1.9380873791794453</v>
      </c>
      <c r="L1131" s="59">
        <f>Bühler!L1157</f>
        <v>9.3028194200613381</v>
      </c>
      <c r="M1131" s="58">
        <f>Bühler!M1157</f>
        <v>0</v>
      </c>
      <c r="N1131" s="56">
        <f>IF(Input!$D$19=1,J1131*Input!$C$19,0)+IF(Input!$D$20=1,K1131*Input!$C$20,0)+IF(Input!$D$21=1,L1131*Input!$C$21,0)+IF(Input!$D$22=1,M1131*Input!$C$22,0)</f>
        <v>0.38761747583588907</v>
      </c>
      <c r="O1131" s="59">
        <f>IF(Input!$D$19=2,J1131*Input!$C$19,0)+IF(Input!$D$20=2,K1131*Input!$C$20,0)+IF(Input!$D$21=2,L1131*Input!$C$21,0)+IF(Input!$D$22=2,M1131*Input!$C$22,0)</f>
        <v>0.96904368958972265</v>
      </c>
      <c r="P1131" s="59">
        <f>IF(Input!$D$19=3,J1131*Input!$C$19,0)+IF(Input!$D$20=3,K1131*Input!$C$20,0)+IF(Input!$D$21=3,L1131*Input!$C$21,0)+IF(Input!$D$22=3,M1131*Input!$C$22,0)</f>
        <v>0</v>
      </c>
      <c r="Q1131" s="75">
        <f>IF(Input!$D$19=4,J1131*Input!$C$19,0)+IF(Input!$D$20=4,K1131*Input!$C$20,0)+IF(Input!$D$21=4,L1131*Input!$C$21,0)+IF(Input!$D$22=4,M1131*Input!$C$22,0)</f>
        <v>0</v>
      </c>
      <c r="R1131" s="58">
        <v>57.363679327109132</v>
      </c>
      <c r="S1131" s="124">
        <f t="shared" si="17"/>
        <v>1.6796757286221859</v>
      </c>
    </row>
    <row r="1132" spans="8:19" x14ac:dyDescent="0.3">
      <c r="H1132" s="44">
        <v>1125</v>
      </c>
      <c r="I1132" s="56">
        <f>Bühler!I1158</f>
        <v>0.30026705874611126</v>
      </c>
      <c r="J1132" s="59">
        <f>Bühler!J1158</f>
        <v>1.0008901958203709</v>
      </c>
      <c r="K1132" s="59">
        <f>Bühler!K1158</f>
        <v>1.5013352937305562</v>
      </c>
      <c r="L1132" s="59">
        <f>Bühler!L1158</f>
        <v>7.2064094099066693</v>
      </c>
      <c r="M1132" s="58">
        <f>Bühler!M1158</f>
        <v>0</v>
      </c>
      <c r="N1132" s="56">
        <f>IF(Input!$D$19=1,J1132*Input!$C$19,0)+IF(Input!$D$20=1,K1132*Input!$C$20,0)+IF(Input!$D$21=1,L1132*Input!$C$21,0)+IF(Input!$D$22=1,M1132*Input!$C$22,0)</f>
        <v>0.30026705874611126</v>
      </c>
      <c r="O1132" s="59">
        <f>IF(Input!$D$19=2,J1132*Input!$C$19,0)+IF(Input!$D$20=2,K1132*Input!$C$20,0)+IF(Input!$D$21=2,L1132*Input!$C$21,0)+IF(Input!$D$22=2,M1132*Input!$C$22,0)</f>
        <v>0.75066764686527809</v>
      </c>
      <c r="P1132" s="59">
        <f>IF(Input!$D$19=3,J1132*Input!$C$19,0)+IF(Input!$D$20=3,K1132*Input!$C$20,0)+IF(Input!$D$21=3,L1132*Input!$C$21,0)+IF(Input!$D$22=3,M1132*Input!$C$22,0)</f>
        <v>0</v>
      </c>
      <c r="Q1132" s="75">
        <f>IF(Input!$D$19=4,J1132*Input!$C$19,0)+IF(Input!$D$20=4,K1132*Input!$C$20,0)+IF(Input!$D$21=4,L1132*Input!$C$21,0)+IF(Input!$D$22=4,M1132*Input!$C$22,0)</f>
        <v>0</v>
      </c>
      <c r="R1132" s="58">
        <v>56.785880239615288</v>
      </c>
      <c r="S1132" s="124">
        <f t="shared" si="17"/>
        <v>1.301157254566482</v>
      </c>
    </row>
    <row r="1133" spans="8:19" x14ac:dyDescent="0.3">
      <c r="H1133" s="44">
        <v>1126</v>
      </c>
      <c r="I1133" s="56">
        <f>Bühler!I1159</f>
        <v>0.11464742243033338</v>
      </c>
      <c r="J1133" s="59">
        <f>Bühler!J1159</f>
        <v>0.38215807476777797</v>
      </c>
      <c r="K1133" s="59">
        <f>Bühler!K1159</f>
        <v>0.57323711215166684</v>
      </c>
      <c r="L1133" s="59">
        <f>Bühler!L1159</f>
        <v>2.7515381383280011</v>
      </c>
      <c r="M1133" s="58">
        <f>Bühler!M1159</f>
        <v>0</v>
      </c>
      <c r="N1133" s="56">
        <f>IF(Input!$D$19=1,J1133*Input!$C$19,0)+IF(Input!$D$20=1,K1133*Input!$C$20,0)+IF(Input!$D$21=1,L1133*Input!$C$21,0)+IF(Input!$D$22=1,M1133*Input!$C$22,0)</f>
        <v>0.11464742243033338</v>
      </c>
      <c r="O1133" s="59">
        <f>IF(Input!$D$19=2,J1133*Input!$C$19,0)+IF(Input!$D$20=2,K1133*Input!$C$20,0)+IF(Input!$D$21=2,L1133*Input!$C$21,0)+IF(Input!$D$22=2,M1133*Input!$C$22,0)</f>
        <v>0.28661855607583342</v>
      </c>
      <c r="P1133" s="59">
        <f>IF(Input!$D$19=3,J1133*Input!$C$19,0)+IF(Input!$D$20=3,K1133*Input!$C$20,0)+IF(Input!$D$21=3,L1133*Input!$C$21,0)+IF(Input!$D$22=3,M1133*Input!$C$22,0)</f>
        <v>0</v>
      </c>
      <c r="Q1133" s="75">
        <f>IF(Input!$D$19=4,J1133*Input!$C$19,0)+IF(Input!$D$20=4,K1133*Input!$C$20,0)+IF(Input!$D$21=4,L1133*Input!$C$21,0)+IF(Input!$D$22=4,M1133*Input!$C$22,0)</f>
        <v>0</v>
      </c>
      <c r="R1133" s="58">
        <v>55.10639418916594</v>
      </c>
      <c r="S1133" s="124">
        <f t="shared" si="17"/>
        <v>0.49680549719811135</v>
      </c>
    </row>
    <row r="1134" spans="8:19" x14ac:dyDescent="0.3">
      <c r="H1134" s="44">
        <v>1127</v>
      </c>
      <c r="I1134" s="56">
        <f>Bühler!I1160</f>
        <v>0.11464742243033338</v>
      </c>
      <c r="J1134" s="59">
        <f>Bühler!J1160</f>
        <v>0.38215807476777797</v>
      </c>
      <c r="K1134" s="59">
        <f>Bühler!K1160</f>
        <v>0.57323711215166684</v>
      </c>
      <c r="L1134" s="59">
        <f>Bühler!L1160</f>
        <v>2.7515381383280011</v>
      </c>
      <c r="M1134" s="58">
        <f>Bühler!M1160</f>
        <v>0</v>
      </c>
      <c r="N1134" s="56">
        <f>IF(Input!$D$19=1,J1134*Input!$C$19,0)+IF(Input!$D$20=1,K1134*Input!$C$20,0)+IF(Input!$D$21=1,L1134*Input!$C$21,0)+IF(Input!$D$22=1,M1134*Input!$C$22,0)</f>
        <v>0.11464742243033338</v>
      </c>
      <c r="O1134" s="59">
        <f>IF(Input!$D$19=2,J1134*Input!$C$19,0)+IF(Input!$D$20=2,K1134*Input!$C$20,0)+IF(Input!$D$21=2,L1134*Input!$C$21,0)+IF(Input!$D$22=2,M1134*Input!$C$22,0)</f>
        <v>0.28661855607583342</v>
      </c>
      <c r="P1134" s="59">
        <f>IF(Input!$D$19=3,J1134*Input!$C$19,0)+IF(Input!$D$20=3,K1134*Input!$C$20,0)+IF(Input!$D$21=3,L1134*Input!$C$21,0)+IF(Input!$D$22=3,M1134*Input!$C$22,0)</f>
        <v>0</v>
      </c>
      <c r="Q1134" s="75">
        <f>IF(Input!$D$19=4,J1134*Input!$C$19,0)+IF(Input!$D$20=4,K1134*Input!$C$20,0)+IF(Input!$D$21=4,L1134*Input!$C$21,0)+IF(Input!$D$22=4,M1134*Input!$C$22,0)</f>
        <v>0</v>
      </c>
      <c r="R1134" s="58">
        <v>54.474667080663615</v>
      </c>
      <c r="S1134" s="124">
        <f t="shared" si="17"/>
        <v>0.49680549719811135</v>
      </c>
    </row>
    <row r="1135" spans="8:19" x14ac:dyDescent="0.3">
      <c r="H1135" s="44">
        <v>1128</v>
      </c>
      <c r="I1135" s="56">
        <f>Bühler!I1161</f>
        <v>0.11464742243033338</v>
      </c>
      <c r="J1135" s="59">
        <f>Bühler!J1161</f>
        <v>0.38215807476777797</v>
      </c>
      <c r="K1135" s="59">
        <f>Bühler!K1161</f>
        <v>0.57323711215166684</v>
      </c>
      <c r="L1135" s="59">
        <f>Bühler!L1161</f>
        <v>2.7515381383280011</v>
      </c>
      <c r="M1135" s="58">
        <f>Bühler!M1161</f>
        <v>0</v>
      </c>
      <c r="N1135" s="56">
        <f>IF(Input!$D$19=1,J1135*Input!$C$19,0)+IF(Input!$D$20=1,K1135*Input!$C$20,0)+IF(Input!$D$21=1,L1135*Input!$C$21,0)+IF(Input!$D$22=1,M1135*Input!$C$22,0)</f>
        <v>0.11464742243033338</v>
      </c>
      <c r="O1135" s="59">
        <f>IF(Input!$D$19=2,J1135*Input!$C$19,0)+IF(Input!$D$20=2,K1135*Input!$C$20,0)+IF(Input!$D$21=2,L1135*Input!$C$21,0)+IF(Input!$D$22=2,M1135*Input!$C$22,0)</f>
        <v>0.28661855607583342</v>
      </c>
      <c r="P1135" s="59">
        <f>IF(Input!$D$19=3,J1135*Input!$C$19,0)+IF(Input!$D$20=3,K1135*Input!$C$20,0)+IF(Input!$D$21=3,L1135*Input!$C$21,0)+IF(Input!$D$22=3,M1135*Input!$C$22,0)</f>
        <v>0</v>
      </c>
      <c r="Q1135" s="75">
        <f>IF(Input!$D$19=4,J1135*Input!$C$19,0)+IF(Input!$D$20=4,K1135*Input!$C$20,0)+IF(Input!$D$21=4,L1135*Input!$C$21,0)+IF(Input!$D$22=4,M1135*Input!$C$22,0)</f>
        <v>0</v>
      </c>
      <c r="R1135" s="58">
        <v>53.747968844076084</v>
      </c>
      <c r="S1135" s="124">
        <f t="shared" si="17"/>
        <v>0.49680549719811135</v>
      </c>
    </row>
    <row r="1136" spans="8:19" x14ac:dyDescent="0.3">
      <c r="H1136" s="44">
        <v>1129</v>
      </c>
      <c r="I1136" s="56">
        <f>Bühler!I1162</f>
        <v>8.039253254397638E-2</v>
      </c>
      <c r="J1136" s="59">
        <f>Bühler!J1162</f>
        <v>0.26797510847992134</v>
      </c>
      <c r="K1136" s="59">
        <f>Bühler!K1162</f>
        <v>0.40196266271988196</v>
      </c>
      <c r="L1136" s="59">
        <f>Bühler!L1162</f>
        <v>4.2605889814973228</v>
      </c>
      <c r="M1136" s="58">
        <f>Bühler!M1162</f>
        <v>0</v>
      </c>
      <c r="N1136" s="56">
        <f>IF(Input!$D$19=1,J1136*Input!$C$19,0)+IF(Input!$D$20=1,K1136*Input!$C$20,0)+IF(Input!$D$21=1,L1136*Input!$C$21,0)+IF(Input!$D$22=1,M1136*Input!$C$22,0)</f>
        <v>8.0392532543976394E-2</v>
      </c>
      <c r="O1136" s="59">
        <f>IF(Input!$D$19=2,J1136*Input!$C$19,0)+IF(Input!$D$20=2,K1136*Input!$C$20,0)+IF(Input!$D$21=2,L1136*Input!$C$21,0)+IF(Input!$D$22=2,M1136*Input!$C$22,0)</f>
        <v>0.20098133135994098</v>
      </c>
      <c r="P1136" s="59">
        <f>IF(Input!$D$19=3,J1136*Input!$C$19,0)+IF(Input!$D$20=3,K1136*Input!$C$20,0)+IF(Input!$D$21=3,L1136*Input!$C$21,0)+IF(Input!$D$22=3,M1136*Input!$C$22,0)</f>
        <v>0</v>
      </c>
      <c r="Q1136" s="75">
        <f>IF(Input!$D$19=4,J1136*Input!$C$19,0)+IF(Input!$D$20=4,K1136*Input!$C$20,0)+IF(Input!$D$21=4,L1136*Input!$C$21,0)+IF(Input!$D$22=4,M1136*Input!$C$22,0)</f>
        <v>0</v>
      </c>
      <c r="R1136" s="58">
        <v>52.65805859905354</v>
      </c>
      <c r="S1136" s="124">
        <f t="shared" si="17"/>
        <v>0.34836764102389772</v>
      </c>
    </row>
    <row r="1137" spans="8:19" x14ac:dyDescent="0.3">
      <c r="H1137" s="44">
        <v>1130</v>
      </c>
      <c r="I1137" s="56">
        <f>Bühler!I1163</f>
        <v>0.15695684925252534</v>
      </c>
      <c r="J1137" s="59">
        <f>Bühler!J1163</f>
        <v>0.52318949750841792</v>
      </c>
      <c r="K1137" s="59">
        <f>Bühler!K1163</f>
        <v>0.78478424626262688</v>
      </c>
      <c r="L1137" s="59">
        <f>Bühler!L1163</f>
        <v>8.318292773399536</v>
      </c>
      <c r="M1137" s="58">
        <f>Bühler!M1163</f>
        <v>0</v>
      </c>
      <c r="N1137" s="56">
        <f>IF(Input!$D$19=1,J1137*Input!$C$19,0)+IF(Input!$D$20=1,K1137*Input!$C$20,0)+IF(Input!$D$21=1,L1137*Input!$C$21,0)+IF(Input!$D$22=1,M1137*Input!$C$22,0)</f>
        <v>0.15695684925252537</v>
      </c>
      <c r="O1137" s="59">
        <f>IF(Input!$D$19=2,J1137*Input!$C$19,0)+IF(Input!$D$20=2,K1137*Input!$C$20,0)+IF(Input!$D$21=2,L1137*Input!$C$21,0)+IF(Input!$D$22=2,M1137*Input!$C$22,0)</f>
        <v>0.39239212313131344</v>
      </c>
      <c r="P1137" s="59">
        <f>IF(Input!$D$19=3,J1137*Input!$C$19,0)+IF(Input!$D$20=3,K1137*Input!$C$20,0)+IF(Input!$D$21=3,L1137*Input!$C$21,0)+IF(Input!$D$22=3,M1137*Input!$C$22,0)</f>
        <v>0</v>
      </c>
      <c r="Q1137" s="75">
        <f>IF(Input!$D$19=4,J1137*Input!$C$19,0)+IF(Input!$D$20=4,K1137*Input!$C$20,0)+IF(Input!$D$21=4,L1137*Input!$C$21,0)+IF(Input!$D$22=4,M1137*Input!$C$22,0)</f>
        <v>0</v>
      </c>
      <c r="R1137" s="58">
        <v>52.084576790232084</v>
      </c>
      <c r="S1137" s="124">
        <f t="shared" si="17"/>
        <v>0.68014634676094321</v>
      </c>
    </row>
    <row r="1138" spans="8:19" x14ac:dyDescent="0.3">
      <c r="H1138" s="44">
        <v>1131</v>
      </c>
      <c r="I1138" s="56">
        <f>Bühler!I1164</f>
        <v>0.15695684925252534</v>
      </c>
      <c r="J1138" s="59">
        <f>Bühler!J1164</f>
        <v>0.52318949750841792</v>
      </c>
      <c r="K1138" s="59">
        <f>Bühler!K1164</f>
        <v>0.78478424626262688</v>
      </c>
      <c r="L1138" s="59">
        <f>Bühler!L1164</f>
        <v>8.318292773399536</v>
      </c>
      <c r="M1138" s="58">
        <f>Bühler!M1164</f>
        <v>0</v>
      </c>
      <c r="N1138" s="56">
        <f>IF(Input!$D$19=1,J1138*Input!$C$19,0)+IF(Input!$D$20=1,K1138*Input!$C$20,0)+IF(Input!$D$21=1,L1138*Input!$C$21,0)+IF(Input!$D$22=1,M1138*Input!$C$22,0)</f>
        <v>0.15695684925252537</v>
      </c>
      <c r="O1138" s="59">
        <f>IF(Input!$D$19=2,J1138*Input!$C$19,0)+IF(Input!$D$20=2,K1138*Input!$C$20,0)+IF(Input!$D$21=2,L1138*Input!$C$21,0)+IF(Input!$D$22=2,M1138*Input!$C$22,0)</f>
        <v>0.39239212313131344</v>
      </c>
      <c r="P1138" s="59">
        <f>IF(Input!$D$19=3,J1138*Input!$C$19,0)+IF(Input!$D$20=3,K1138*Input!$C$20,0)+IF(Input!$D$21=3,L1138*Input!$C$21,0)+IF(Input!$D$22=3,M1138*Input!$C$22,0)</f>
        <v>0</v>
      </c>
      <c r="Q1138" s="75">
        <f>IF(Input!$D$19=4,J1138*Input!$C$19,0)+IF(Input!$D$20=4,K1138*Input!$C$20,0)+IF(Input!$D$21=4,L1138*Input!$C$21,0)+IF(Input!$D$22=4,M1138*Input!$C$22,0)</f>
        <v>0</v>
      </c>
      <c r="R1138" s="58">
        <v>51.575912002419592</v>
      </c>
      <c r="S1138" s="124">
        <f t="shared" si="17"/>
        <v>0.68014634676094321</v>
      </c>
    </row>
    <row r="1139" spans="8:19" x14ac:dyDescent="0.3">
      <c r="H1139" s="44">
        <v>1132</v>
      </c>
      <c r="I1139" s="56">
        <f>Bühler!I1165</f>
        <v>0.15695684925252534</v>
      </c>
      <c r="J1139" s="59">
        <f>Bühler!J1165</f>
        <v>0.52318949750841792</v>
      </c>
      <c r="K1139" s="59">
        <f>Bühler!K1165</f>
        <v>0.78478424626262688</v>
      </c>
      <c r="L1139" s="59">
        <f>Bühler!L1165</f>
        <v>8.318292773399536</v>
      </c>
      <c r="M1139" s="58">
        <f>Bühler!M1165</f>
        <v>0</v>
      </c>
      <c r="N1139" s="56">
        <f>IF(Input!$D$19=1,J1139*Input!$C$19,0)+IF(Input!$D$20=1,K1139*Input!$C$20,0)+IF(Input!$D$21=1,L1139*Input!$C$21,0)+IF(Input!$D$22=1,M1139*Input!$C$22,0)</f>
        <v>0.15695684925252537</v>
      </c>
      <c r="O1139" s="59">
        <f>IF(Input!$D$19=2,J1139*Input!$C$19,0)+IF(Input!$D$20=2,K1139*Input!$C$20,0)+IF(Input!$D$21=2,L1139*Input!$C$21,0)+IF(Input!$D$22=2,M1139*Input!$C$22,0)</f>
        <v>0.39239212313131344</v>
      </c>
      <c r="P1139" s="59">
        <f>IF(Input!$D$19=3,J1139*Input!$C$19,0)+IF(Input!$D$20=3,K1139*Input!$C$20,0)+IF(Input!$D$21=3,L1139*Input!$C$21,0)+IF(Input!$D$22=3,M1139*Input!$C$22,0)</f>
        <v>0</v>
      </c>
      <c r="Q1139" s="75">
        <f>IF(Input!$D$19=4,J1139*Input!$C$19,0)+IF(Input!$D$20=4,K1139*Input!$C$20,0)+IF(Input!$D$21=4,L1139*Input!$C$21,0)+IF(Input!$D$22=4,M1139*Input!$C$22,0)</f>
        <v>0</v>
      </c>
      <c r="R1139" s="58">
        <v>50.452445313453872</v>
      </c>
      <c r="S1139" s="124">
        <f t="shared" si="17"/>
        <v>0.68014634676094321</v>
      </c>
    </row>
    <row r="1140" spans="8:19" x14ac:dyDescent="0.3">
      <c r="H1140" s="44">
        <v>1133</v>
      </c>
      <c r="I1140" s="56">
        <f>Bühler!I1166</f>
        <v>0.15695684925252534</v>
      </c>
      <c r="J1140" s="59">
        <f>Bühler!J1166</f>
        <v>0.52318949750841792</v>
      </c>
      <c r="K1140" s="59">
        <f>Bühler!K1166</f>
        <v>0.78478424626262688</v>
      </c>
      <c r="L1140" s="59">
        <f>Bühler!L1166</f>
        <v>8.318292773399536</v>
      </c>
      <c r="M1140" s="58">
        <f>Bühler!M1166</f>
        <v>0</v>
      </c>
      <c r="N1140" s="56">
        <f>IF(Input!$D$19=1,J1140*Input!$C$19,0)+IF(Input!$D$20=1,K1140*Input!$C$20,0)+IF(Input!$D$21=1,L1140*Input!$C$21,0)+IF(Input!$D$22=1,M1140*Input!$C$22,0)</f>
        <v>0.15695684925252537</v>
      </c>
      <c r="O1140" s="59">
        <f>IF(Input!$D$19=2,J1140*Input!$C$19,0)+IF(Input!$D$20=2,K1140*Input!$C$20,0)+IF(Input!$D$21=2,L1140*Input!$C$21,0)+IF(Input!$D$22=2,M1140*Input!$C$22,0)</f>
        <v>0.39239212313131344</v>
      </c>
      <c r="P1140" s="59">
        <f>IF(Input!$D$19=3,J1140*Input!$C$19,0)+IF(Input!$D$20=3,K1140*Input!$C$20,0)+IF(Input!$D$21=3,L1140*Input!$C$21,0)+IF(Input!$D$22=3,M1140*Input!$C$22,0)</f>
        <v>0</v>
      </c>
      <c r="Q1140" s="75">
        <f>IF(Input!$D$19=4,J1140*Input!$C$19,0)+IF(Input!$D$20=4,K1140*Input!$C$20,0)+IF(Input!$D$21=4,L1140*Input!$C$21,0)+IF(Input!$D$22=4,M1140*Input!$C$22,0)</f>
        <v>0</v>
      </c>
      <c r="R1140" s="58">
        <v>49.092113434251999</v>
      </c>
      <c r="S1140" s="124">
        <f t="shared" si="17"/>
        <v>0.68014634676094321</v>
      </c>
    </row>
    <row r="1141" spans="8:19" x14ac:dyDescent="0.3">
      <c r="H1141" s="44">
        <v>1134</v>
      </c>
      <c r="I1141" s="56">
        <f>Bühler!I1167</f>
        <v>0.1952390076067998</v>
      </c>
      <c r="J1141" s="59">
        <f>Bühler!J1167</f>
        <v>0.6507966920226661</v>
      </c>
      <c r="K1141" s="59">
        <f>Bühler!K1167</f>
        <v>0.97619503803399921</v>
      </c>
      <c r="L1141" s="59">
        <f>Bühler!L1167</f>
        <v>10.347144669350643</v>
      </c>
      <c r="M1141" s="58">
        <f>Bühler!M1167</f>
        <v>0</v>
      </c>
      <c r="N1141" s="56">
        <f>IF(Input!$D$19=1,J1141*Input!$C$19,0)+IF(Input!$D$20=1,K1141*Input!$C$20,0)+IF(Input!$D$21=1,L1141*Input!$C$21,0)+IF(Input!$D$22=1,M1141*Input!$C$22,0)</f>
        <v>0.19523900760679982</v>
      </c>
      <c r="O1141" s="59">
        <f>IF(Input!$D$19=2,J1141*Input!$C$19,0)+IF(Input!$D$20=2,K1141*Input!$C$20,0)+IF(Input!$D$21=2,L1141*Input!$C$21,0)+IF(Input!$D$22=2,M1141*Input!$C$22,0)</f>
        <v>0.4880975190169996</v>
      </c>
      <c r="P1141" s="59">
        <f>IF(Input!$D$19=3,J1141*Input!$C$19,0)+IF(Input!$D$20=3,K1141*Input!$C$20,0)+IF(Input!$D$21=3,L1141*Input!$C$21,0)+IF(Input!$D$22=3,M1141*Input!$C$22,0)</f>
        <v>0</v>
      </c>
      <c r="Q1141" s="75">
        <f>IF(Input!$D$19=4,J1141*Input!$C$19,0)+IF(Input!$D$20=4,K1141*Input!$C$20,0)+IF(Input!$D$21=4,L1141*Input!$C$21,0)+IF(Input!$D$22=4,M1141*Input!$C$22,0)</f>
        <v>0</v>
      </c>
      <c r="R1141" s="58">
        <v>48.510891062415489</v>
      </c>
      <c r="S1141" s="124">
        <f t="shared" si="17"/>
        <v>0.8460356996294659</v>
      </c>
    </row>
    <row r="1142" spans="8:19" x14ac:dyDescent="0.3">
      <c r="H1142" s="44">
        <v>1135</v>
      </c>
      <c r="I1142" s="56">
        <f>Bühler!I1168</f>
        <v>0.24500581346735661</v>
      </c>
      <c r="J1142" s="59">
        <f>Bühler!J1168</f>
        <v>0.8166860448911889</v>
      </c>
      <c r="K1142" s="59">
        <f>Bühler!K1168</f>
        <v>1.2250290673367832</v>
      </c>
      <c r="L1142" s="59">
        <f>Bühler!L1168</f>
        <v>12.984652134087082</v>
      </c>
      <c r="M1142" s="58">
        <f>Bühler!M1168</f>
        <v>0</v>
      </c>
      <c r="N1142" s="56">
        <f>IF(Input!$D$19=1,J1142*Input!$C$19,0)+IF(Input!$D$20=1,K1142*Input!$C$20,0)+IF(Input!$D$21=1,L1142*Input!$C$21,0)+IF(Input!$D$22=1,M1142*Input!$C$22,0)</f>
        <v>0.24500581346735667</v>
      </c>
      <c r="O1142" s="59">
        <f>IF(Input!$D$19=2,J1142*Input!$C$19,0)+IF(Input!$D$20=2,K1142*Input!$C$20,0)+IF(Input!$D$21=2,L1142*Input!$C$21,0)+IF(Input!$D$22=2,M1142*Input!$C$22,0)</f>
        <v>0.61251453366839159</v>
      </c>
      <c r="P1142" s="59">
        <f>IF(Input!$D$19=3,J1142*Input!$C$19,0)+IF(Input!$D$20=3,K1142*Input!$C$20,0)+IF(Input!$D$21=3,L1142*Input!$C$21,0)+IF(Input!$D$22=3,M1142*Input!$C$22,0)</f>
        <v>0</v>
      </c>
      <c r="Q1142" s="75">
        <f>IF(Input!$D$19=4,J1142*Input!$C$19,0)+IF(Input!$D$20=4,K1142*Input!$C$20,0)+IF(Input!$D$21=4,L1142*Input!$C$21,0)+IF(Input!$D$22=4,M1142*Input!$C$22,0)</f>
        <v>0</v>
      </c>
      <c r="R1142" s="58">
        <v>48.774015168768898</v>
      </c>
      <c r="S1142" s="124">
        <f t="shared" si="17"/>
        <v>1.0616918583585455</v>
      </c>
    </row>
    <row r="1143" spans="8:19" x14ac:dyDescent="0.3">
      <c r="H1143" s="44">
        <v>1136</v>
      </c>
      <c r="I1143" s="56">
        <f>Bühler!I1169</f>
        <v>0.2794597559862036</v>
      </c>
      <c r="J1143" s="59">
        <f>Bühler!J1169</f>
        <v>0.93153251995401221</v>
      </c>
      <c r="K1143" s="59">
        <f>Bühler!K1169</f>
        <v>1.3972987799310184</v>
      </c>
      <c r="L1143" s="59">
        <f>Bühler!L1169</f>
        <v>14.810618840443075</v>
      </c>
      <c r="M1143" s="58">
        <f>Bühler!M1169</f>
        <v>0</v>
      </c>
      <c r="N1143" s="56">
        <f>IF(Input!$D$19=1,J1143*Input!$C$19,0)+IF(Input!$D$20=1,K1143*Input!$C$20,0)+IF(Input!$D$21=1,L1143*Input!$C$21,0)+IF(Input!$D$22=1,M1143*Input!$C$22,0)</f>
        <v>0.27945975598620365</v>
      </c>
      <c r="O1143" s="59">
        <f>IF(Input!$D$19=2,J1143*Input!$C$19,0)+IF(Input!$D$20=2,K1143*Input!$C$20,0)+IF(Input!$D$21=2,L1143*Input!$C$21,0)+IF(Input!$D$22=2,M1143*Input!$C$22,0)</f>
        <v>0.69864938996550918</v>
      </c>
      <c r="P1143" s="59">
        <f>IF(Input!$D$19=3,J1143*Input!$C$19,0)+IF(Input!$D$20=3,K1143*Input!$C$20,0)+IF(Input!$D$21=3,L1143*Input!$C$21,0)+IF(Input!$D$22=3,M1143*Input!$C$22,0)</f>
        <v>0</v>
      </c>
      <c r="Q1143" s="75">
        <f>IF(Input!$D$19=4,J1143*Input!$C$19,0)+IF(Input!$D$20=4,K1143*Input!$C$20,0)+IF(Input!$D$21=4,L1143*Input!$C$21,0)+IF(Input!$D$22=4,M1143*Input!$C$22,0)</f>
        <v>0</v>
      </c>
      <c r="R1143" s="58">
        <v>48.418615862689542</v>
      </c>
      <c r="S1143" s="124">
        <f t="shared" si="17"/>
        <v>1.2109922759402159</v>
      </c>
    </row>
    <row r="1144" spans="8:19" x14ac:dyDescent="0.3">
      <c r="H1144" s="44">
        <v>1137</v>
      </c>
      <c r="I1144" s="56">
        <f>Bühler!I1170</f>
        <v>0.2794597559862036</v>
      </c>
      <c r="J1144" s="59">
        <f>Bühler!J1170</f>
        <v>0.93153251995401221</v>
      </c>
      <c r="K1144" s="59">
        <f>Bühler!K1170</f>
        <v>1.3972987799310184</v>
      </c>
      <c r="L1144" s="59">
        <f>Bühler!L1170</f>
        <v>14.810618840443075</v>
      </c>
      <c r="M1144" s="58">
        <f>Bühler!M1170</f>
        <v>0</v>
      </c>
      <c r="N1144" s="56">
        <f>IF(Input!$D$19=1,J1144*Input!$C$19,0)+IF(Input!$D$20=1,K1144*Input!$C$20,0)+IF(Input!$D$21=1,L1144*Input!$C$21,0)+IF(Input!$D$22=1,M1144*Input!$C$22,0)</f>
        <v>0.27945975598620365</v>
      </c>
      <c r="O1144" s="59">
        <f>IF(Input!$D$19=2,J1144*Input!$C$19,0)+IF(Input!$D$20=2,K1144*Input!$C$20,0)+IF(Input!$D$21=2,L1144*Input!$C$21,0)+IF(Input!$D$22=2,M1144*Input!$C$22,0)</f>
        <v>0.69864938996550918</v>
      </c>
      <c r="P1144" s="59">
        <f>IF(Input!$D$19=3,J1144*Input!$C$19,0)+IF(Input!$D$20=3,K1144*Input!$C$20,0)+IF(Input!$D$21=3,L1144*Input!$C$21,0)+IF(Input!$D$22=3,M1144*Input!$C$22,0)</f>
        <v>0</v>
      </c>
      <c r="Q1144" s="75">
        <f>IF(Input!$D$19=4,J1144*Input!$C$19,0)+IF(Input!$D$20=4,K1144*Input!$C$20,0)+IF(Input!$D$21=4,L1144*Input!$C$21,0)+IF(Input!$D$22=4,M1144*Input!$C$22,0)</f>
        <v>0</v>
      </c>
      <c r="R1144" s="58">
        <v>47.738920603846111</v>
      </c>
      <c r="S1144" s="124">
        <f t="shared" si="17"/>
        <v>1.2109922759402159</v>
      </c>
    </row>
    <row r="1145" spans="8:19" x14ac:dyDescent="0.3">
      <c r="H1145" s="44">
        <v>1138</v>
      </c>
      <c r="I1145" s="56">
        <f>Bühler!I1171</f>
        <v>0.2794597559862036</v>
      </c>
      <c r="J1145" s="59">
        <f>Bühler!J1171</f>
        <v>0.93153251995401221</v>
      </c>
      <c r="K1145" s="59">
        <f>Bühler!K1171</f>
        <v>1.3972987799310184</v>
      </c>
      <c r="L1145" s="59">
        <f>Bühler!L1171</f>
        <v>14.810618840443075</v>
      </c>
      <c r="M1145" s="58">
        <f>Bühler!M1171</f>
        <v>0</v>
      </c>
      <c r="N1145" s="56">
        <f>IF(Input!$D$19=1,J1145*Input!$C$19,0)+IF(Input!$D$20=1,K1145*Input!$C$20,0)+IF(Input!$D$21=1,L1145*Input!$C$21,0)+IF(Input!$D$22=1,M1145*Input!$C$22,0)</f>
        <v>0.27945975598620365</v>
      </c>
      <c r="O1145" s="59">
        <f>IF(Input!$D$19=2,J1145*Input!$C$19,0)+IF(Input!$D$20=2,K1145*Input!$C$20,0)+IF(Input!$D$21=2,L1145*Input!$C$21,0)+IF(Input!$D$22=2,M1145*Input!$C$22,0)</f>
        <v>0.69864938996550918</v>
      </c>
      <c r="P1145" s="59">
        <f>IF(Input!$D$19=3,J1145*Input!$C$19,0)+IF(Input!$D$20=3,K1145*Input!$C$20,0)+IF(Input!$D$21=3,L1145*Input!$C$21,0)+IF(Input!$D$22=3,M1145*Input!$C$22,0)</f>
        <v>0</v>
      </c>
      <c r="Q1145" s="75">
        <f>IF(Input!$D$19=4,J1145*Input!$C$19,0)+IF(Input!$D$20=4,K1145*Input!$C$20,0)+IF(Input!$D$21=4,L1145*Input!$C$21,0)+IF(Input!$D$22=4,M1145*Input!$C$22,0)</f>
        <v>0</v>
      </c>
      <c r="R1145" s="58">
        <v>46.808698732815614</v>
      </c>
      <c r="S1145" s="124">
        <f t="shared" si="17"/>
        <v>1.2109922759402159</v>
      </c>
    </row>
    <row r="1146" spans="8:19" x14ac:dyDescent="0.3">
      <c r="H1146" s="44">
        <v>1139</v>
      </c>
      <c r="I1146" s="56">
        <f>Bühler!I1172</f>
        <v>0.2794597559862036</v>
      </c>
      <c r="J1146" s="59">
        <f>Bühler!J1172</f>
        <v>0.93153251995401221</v>
      </c>
      <c r="K1146" s="59">
        <f>Bühler!K1172</f>
        <v>1.3972987799310184</v>
      </c>
      <c r="L1146" s="59">
        <f>Bühler!L1172</f>
        <v>14.810618840443075</v>
      </c>
      <c r="M1146" s="58">
        <f>Bühler!M1172</f>
        <v>0</v>
      </c>
      <c r="N1146" s="56">
        <f>IF(Input!$D$19=1,J1146*Input!$C$19,0)+IF(Input!$D$20=1,K1146*Input!$C$20,0)+IF(Input!$D$21=1,L1146*Input!$C$21,0)+IF(Input!$D$22=1,M1146*Input!$C$22,0)</f>
        <v>0.27945975598620365</v>
      </c>
      <c r="O1146" s="59">
        <f>IF(Input!$D$19=2,J1146*Input!$C$19,0)+IF(Input!$D$20=2,K1146*Input!$C$20,0)+IF(Input!$D$21=2,L1146*Input!$C$21,0)+IF(Input!$D$22=2,M1146*Input!$C$22,0)</f>
        <v>0.69864938996550918</v>
      </c>
      <c r="P1146" s="59">
        <f>IF(Input!$D$19=3,J1146*Input!$C$19,0)+IF(Input!$D$20=3,K1146*Input!$C$20,0)+IF(Input!$D$21=3,L1146*Input!$C$21,0)+IF(Input!$D$22=3,M1146*Input!$C$22,0)</f>
        <v>0</v>
      </c>
      <c r="Q1146" s="75">
        <f>IF(Input!$D$19=4,J1146*Input!$C$19,0)+IF(Input!$D$20=4,K1146*Input!$C$20,0)+IF(Input!$D$21=4,L1146*Input!$C$21,0)+IF(Input!$D$22=4,M1146*Input!$C$22,0)</f>
        <v>0</v>
      </c>
      <c r="R1146" s="58">
        <v>46.876312771406631</v>
      </c>
      <c r="S1146" s="124">
        <f t="shared" si="17"/>
        <v>1.2109922759402159</v>
      </c>
    </row>
    <row r="1147" spans="8:19" x14ac:dyDescent="0.3">
      <c r="H1147" s="44">
        <v>1140</v>
      </c>
      <c r="I1147" s="56">
        <f>Bühler!I1173</f>
        <v>0.2794597559862036</v>
      </c>
      <c r="J1147" s="59">
        <f>Bühler!J1173</f>
        <v>0.93153251995401221</v>
      </c>
      <c r="K1147" s="59">
        <f>Bühler!K1173</f>
        <v>1.3972987799310184</v>
      </c>
      <c r="L1147" s="59">
        <f>Bühler!L1173</f>
        <v>14.810618840443075</v>
      </c>
      <c r="M1147" s="58">
        <f>Bühler!M1173</f>
        <v>0</v>
      </c>
      <c r="N1147" s="56">
        <f>IF(Input!$D$19=1,J1147*Input!$C$19,0)+IF(Input!$D$20=1,K1147*Input!$C$20,0)+IF(Input!$D$21=1,L1147*Input!$C$21,0)+IF(Input!$D$22=1,M1147*Input!$C$22,0)</f>
        <v>0.27945975598620365</v>
      </c>
      <c r="O1147" s="59">
        <f>IF(Input!$D$19=2,J1147*Input!$C$19,0)+IF(Input!$D$20=2,K1147*Input!$C$20,0)+IF(Input!$D$21=2,L1147*Input!$C$21,0)+IF(Input!$D$22=2,M1147*Input!$C$22,0)</f>
        <v>0.69864938996550918</v>
      </c>
      <c r="P1147" s="59">
        <f>IF(Input!$D$19=3,J1147*Input!$C$19,0)+IF(Input!$D$20=3,K1147*Input!$C$20,0)+IF(Input!$D$21=3,L1147*Input!$C$21,0)+IF(Input!$D$22=3,M1147*Input!$C$22,0)</f>
        <v>0</v>
      </c>
      <c r="Q1147" s="75">
        <f>IF(Input!$D$19=4,J1147*Input!$C$19,0)+IF(Input!$D$20=4,K1147*Input!$C$20,0)+IF(Input!$D$21=4,L1147*Input!$C$21,0)+IF(Input!$D$22=4,M1147*Input!$C$22,0)</f>
        <v>0</v>
      </c>
      <c r="R1147" s="58">
        <v>47.056692249923934</v>
      </c>
      <c r="S1147" s="124">
        <f t="shared" si="17"/>
        <v>1.2109922759402159</v>
      </c>
    </row>
    <row r="1148" spans="8:19" x14ac:dyDescent="0.3">
      <c r="H1148" s="44">
        <v>1141</v>
      </c>
      <c r="I1148" s="56">
        <f>Bühler!I1174</f>
        <v>0.2794597559862036</v>
      </c>
      <c r="J1148" s="59">
        <f>Bühler!J1174</f>
        <v>0.93153251995401221</v>
      </c>
      <c r="K1148" s="59">
        <f>Bühler!K1174</f>
        <v>1.3972987799310184</v>
      </c>
      <c r="L1148" s="59">
        <f>Bühler!L1174</f>
        <v>14.810618840443075</v>
      </c>
      <c r="M1148" s="58">
        <f>Bühler!M1174</f>
        <v>0</v>
      </c>
      <c r="N1148" s="56">
        <f>IF(Input!$D$19=1,J1148*Input!$C$19,0)+IF(Input!$D$20=1,K1148*Input!$C$20,0)+IF(Input!$D$21=1,L1148*Input!$C$21,0)+IF(Input!$D$22=1,M1148*Input!$C$22,0)</f>
        <v>0.27945975598620365</v>
      </c>
      <c r="O1148" s="59">
        <f>IF(Input!$D$19=2,J1148*Input!$C$19,0)+IF(Input!$D$20=2,K1148*Input!$C$20,0)+IF(Input!$D$21=2,L1148*Input!$C$21,0)+IF(Input!$D$22=2,M1148*Input!$C$22,0)</f>
        <v>0.69864938996550918</v>
      </c>
      <c r="P1148" s="59">
        <f>IF(Input!$D$19=3,J1148*Input!$C$19,0)+IF(Input!$D$20=3,K1148*Input!$C$20,0)+IF(Input!$D$21=3,L1148*Input!$C$21,0)+IF(Input!$D$22=3,M1148*Input!$C$22,0)</f>
        <v>0</v>
      </c>
      <c r="Q1148" s="75">
        <f>IF(Input!$D$19=4,J1148*Input!$C$19,0)+IF(Input!$D$20=4,K1148*Input!$C$20,0)+IF(Input!$D$21=4,L1148*Input!$C$21,0)+IF(Input!$D$22=4,M1148*Input!$C$22,0)</f>
        <v>0</v>
      </c>
      <c r="R1148" s="58">
        <v>45.894165206992326</v>
      </c>
      <c r="S1148" s="124">
        <f t="shared" si="17"/>
        <v>1.2109922759402159</v>
      </c>
    </row>
    <row r="1149" spans="8:19" x14ac:dyDescent="0.3">
      <c r="H1149" s="44">
        <v>1142</v>
      </c>
      <c r="I1149" s="56">
        <f>Bühler!I1175</f>
        <v>0.2794597559862036</v>
      </c>
      <c r="J1149" s="59">
        <f>Bühler!J1175</f>
        <v>0.93153251995401221</v>
      </c>
      <c r="K1149" s="59">
        <f>Bühler!K1175</f>
        <v>1.3972987799310184</v>
      </c>
      <c r="L1149" s="59">
        <f>Bühler!L1175</f>
        <v>14.810618840443075</v>
      </c>
      <c r="M1149" s="58">
        <f>Bühler!M1175</f>
        <v>0</v>
      </c>
      <c r="N1149" s="56">
        <f>IF(Input!$D$19=1,J1149*Input!$C$19,0)+IF(Input!$D$20=1,K1149*Input!$C$20,0)+IF(Input!$D$21=1,L1149*Input!$C$21,0)+IF(Input!$D$22=1,M1149*Input!$C$22,0)</f>
        <v>0.27945975598620365</v>
      </c>
      <c r="O1149" s="59">
        <f>IF(Input!$D$19=2,J1149*Input!$C$19,0)+IF(Input!$D$20=2,K1149*Input!$C$20,0)+IF(Input!$D$21=2,L1149*Input!$C$21,0)+IF(Input!$D$22=2,M1149*Input!$C$22,0)</f>
        <v>0.69864938996550918</v>
      </c>
      <c r="P1149" s="59">
        <f>IF(Input!$D$19=3,J1149*Input!$C$19,0)+IF(Input!$D$20=3,K1149*Input!$C$20,0)+IF(Input!$D$21=3,L1149*Input!$C$21,0)+IF(Input!$D$22=3,M1149*Input!$C$22,0)</f>
        <v>0</v>
      </c>
      <c r="Q1149" s="75">
        <f>IF(Input!$D$19=4,J1149*Input!$C$19,0)+IF(Input!$D$20=4,K1149*Input!$C$20,0)+IF(Input!$D$21=4,L1149*Input!$C$21,0)+IF(Input!$D$22=4,M1149*Input!$C$22,0)</f>
        <v>0</v>
      </c>
      <c r="R1149" s="58">
        <v>45.090154858572987</v>
      </c>
      <c r="S1149" s="124">
        <f t="shared" si="17"/>
        <v>1.2109922759402159</v>
      </c>
    </row>
    <row r="1150" spans="8:19" x14ac:dyDescent="0.3">
      <c r="H1150" s="44">
        <v>1143</v>
      </c>
      <c r="I1150" s="56">
        <f>Bühler!I1176</f>
        <v>0.2794597559862036</v>
      </c>
      <c r="J1150" s="59">
        <f>Bühler!J1176</f>
        <v>0.93153251995401221</v>
      </c>
      <c r="K1150" s="59">
        <f>Bühler!K1176</f>
        <v>1.3972987799310184</v>
      </c>
      <c r="L1150" s="59">
        <f>Bühler!L1176</f>
        <v>14.810618840443075</v>
      </c>
      <c r="M1150" s="58">
        <f>Bühler!M1176</f>
        <v>0</v>
      </c>
      <c r="N1150" s="56">
        <f>IF(Input!$D$19=1,J1150*Input!$C$19,0)+IF(Input!$D$20=1,K1150*Input!$C$20,0)+IF(Input!$D$21=1,L1150*Input!$C$21,0)+IF(Input!$D$22=1,M1150*Input!$C$22,0)</f>
        <v>0.27945975598620365</v>
      </c>
      <c r="O1150" s="59">
        <f>IF(Input!$D$19=2,J1150*Input!$C$19,0)+IF(Input!$D$20=2,K1150*Input!$C$20,0)+IF(Input!$D$21=2,L1150*Input!$C$21,0)+IF(Input!$D$22=2,M1150*Input!$C$22,0)</f>
        <v>0.69864938996550918</v>
      </c>
      <c r="P1150" s="59">
        <f>IF(Input!$D$19=3,J1150*Input!$C$19,0)+IF(Input!$D$20=3,K1150*Input!$C$20,0)+IF(Input!$D$21=3,L1150*Input!$C$21,0)+IF(Input!$D$22=3,M1150*Input!$C$22,0)</f>
        <v>0</v>
      </c>
      <c r="Q1150" s="75">
        <f>IF(Input!$D$19=4,J1150*Input!$C$19,0)+IF(Input!$D$20=4,K1150*Input!$C$20,0)+IF(Input!$D$21=4,L1150*Input!$C$21,0)+IF(Input!$D$22=4,M1150*Input!$C$22,0)</f>
        <v>0</v>
      </c>
      <c r="R1150" s="58">
        <v>44.687485474820122</v>
      </c>
      <c r="S1150" s="124">
        <f t="shared" si="17"/>
        <v>1.2109922759402159</v>
      </c>
    </row>
    <row r="1151" spans="8:19" x14ac:dyDescent="0.3">
      <c r="H1151" s="44">
        <v>1144</v>
      </c>
      <c r="I1151" s="56">
        <f>Bühler!I1177</f>
        <v>0.25266224513821151</v>
      </c>
      <c r="J1151" s="59">
        <f>Bühler!J1177</f>
        <v>0.84220748379403843</v>
      </c>
      <c r="K1151" s="59">
        <f>Bühler!K1177</f>
        <v>1.2633112256910577</v>
      </c>
      <c r="L1151" s="59">
        <f>Bühler!L1177</f>
        <v>13.390422513277301</v>
      </c>
      <c r="M1151" s="58">
        <f>Bühler!M1177</f>
        <v>0</v>
      </c>
      <c r="N1151" s="56">
        <f>IF(Input!$D$19=1,J1151*Input!$C$19,0)+IF(Input!$D$20=1,K1151*Input!$C$20,0)+IF(Input!$D$21=1,L1151*Input!$C$21,0)+IF(Input!$D$22=1,M1151*Input!$C$22,0)</f>
        <v>0.25266224513821151</v>
      </c>
      <c r="O1151" s="59">
        <f>IF(Input!$D$19=2,J1151*Input!$C$19,0)+IF(Input!$D$20=2,K1151*Input!$C$20,0)+IF(Input!$D$21=2,L1151*Input!$C$21,0)+IF(Input!$D$22=2,M1151*Input!$C$22,0)</f>
        <v>0.63165561284552885</v>
      </c>
      <c r="P1151" s="59">
        <f>IF(Input!$D$19=3,J1151*Input!$C$19,0)+IF(Input!$D$20=3,K1151*Input!$C$20,0)+IF(Input!$D$21=3,L1151*Input!$C$21,0)+IF(Input!$D$22=3,M1151*Input!$C$22,0)</f>
        <v>0</v>
      </c>
      <c r="Q1151" s="75">
        <f>IF(Input!$D$19=4,J1151*Input!$C$19,0)+IF(Input!$D$20=4,K1151*Input!$C$20,0)+IF(Input!$D$21=4,L1151*Input!$C$21,0)+IF(Input!$D$22=4,M1151*Input!$C$22,0)</f>
        <v>0</v>
      </c>
      <c r="R1151" s="58">
        <v>43.983143412100411</v>
      </c>
      <c r="S1151" s="124">
        <f t="shared" si="17"/>
        <v>1.09486972893225</v>
      </c>
    </row>
    <row r="1152" spans="8:19" x14ac:dyDescent="0.3">
      <c r="H1152" s="44">
        <v>1145</v>
      </c>
      <c r="I1152" s="56">
        <f>Bühler!I1178</f>
        <v>0.22969295012564686</v>
      </c>
      <c r="J1152" s="59">
        <f>Bühler!J1178</f>
        <v>0.76564316708548963</v>
      </c>
      <c r="K1152" s="59">
        <f>Bühler!K1178</f>
        <v>1.1484647506282344</v>
      </c>
      <c r="L1152" s="59">
        <f>Bühler!L1178</f>
        <v>12.173111375706638</v>
      </c>
      <c r="M1152" s="58">
        <f>Bühler!M1178</f>
        <v>0</v>
      </c>
      <c r="N1152" s="56">
        <f>IF(Input!$D$19=1,J1152*Input!$C$19,0)+IF(Input!$D$20=1,K1152*Input!$C$20,0)+IF(Input!$D$21=1,L1152*Input!$C$21,0)+IF(Input!$D$22=1,M1152*Input!$C$22,0)</f>
        <v>0.22969295012564689</v>
      </c>
      <c r="O1152" s="59">
        <f>IF(Input!$D$19=2,J1152*Input!$C$19,0)+IF(Input!$D$20=2,K1152*Input!$C$20,0)+IF(Input!$D$21=2,L1152*Input!$C$21,0)+IF(Input!$D$22=2,M1152*Input!$C$22,0)</f>
        <v>0.57423237531411719</v>
      </c>
      <c r="P1152" s="59">
        <f>IF(Input!$D$19=3,J1152*Input!$C$19,0)+IF(Input!$D$20=3,K1152*Input!$C$20,0)+IF(Input!$D$21=3,L1152*Input!$C$21,0)+IF(Input!$D$22=3,M1152*Input!$C$22,0)</f>
        <v>0</v>
      </c>
      <c r="Q1152" s="75">
        <f>IF(Input!$D$19=4,J1152*Input!$C$19,0)+IF(Input!$D$20=4,K1152*Input!$C$20,0)+IF(Input!$D$21=4,L1152*Input!$C$21,0)+IF(Input!$D$22=4,M1152*Input!$C$22,0)</f>
        <v>0</v>
      </c>
      <c r="R1152" s="58">
        <v>43.433941257531323</v>
      </c>
      <c r="S1152" s="124">
        <f t="shared" si="17"/>
        <v>0.99533611721113646</v>
      </c>
    </row>
    <row r="1153" spans="8:19" x14ac:dyDescent="0.3">
      <c r="H1153" s="44">
        <v>1146</v>
      </c>
      <c r="I1153" s="56">
        <f>Bühler!I1179</f>
        <v>0.20672365511308219</v>
      </c>
      <c r="J1153" s="59">
        <f>Bühler!J1179</f>
        <v>0.68907885037694072</v>
      </c>
      <c r="K1153" s="59">
        <f>Bühler!K1179</f>
        <v>1.0336182755654111</v>
      </c>
      <c r="L1153" s="59">
        <f>Bühler!L1179</f>
        <v>10.955800238135973</v>
      </c>
      <c r="M1153" s="58">
        <f>Bühler!M1179</f>
        <v>0</v>
      </c>
      <c r="N1153" s="56">
        <f>IF(Input!$D$19=1,J1153*Input!$C$19,0)+IF(Input!$D$20=1,K1153*Input!$C$20,0)+IF(Input!$D$21=1,L1153*Input!$C$21,0)+IF(Input!$D$22=1,M1153*Input!$C$22,0)</f>
        <v>0.20672365511308222</v>
      </c>
      <c r="O1153" s="59">
        <f>IF(Input!$D$19=2,J1153*Input!$C$19,0)+IF(Input!$D$20=2,K1153*Input!$C$20,0)+IF(Input!$D$21=2,L1153*Input!$C$21,0)+IF(Input!$D$22=2,M1153*Input!$C$22,0)</f>
        <v>0.51680913778270554</v>
      </c>
      <c r="P1153" s="59">
        <f>IF(Input!$D$19=3,J1153*Input!$C$19,0)+IF(Input!$D$20=3,K1153*Input!$C$20,0)+IF(Input!$D$21=3,L1153*Input!$C$21,0)+IF(Input!$D$22=3,M1153*Input!$C$22,0)</f>
        <v>0</v>
      </c>
      <c r="Q1153" s="75">
        <f>IF(Input!$D$19=4,J1153*Input!$C$19,0)+IF(Input!$D$20=4,K1153*Input!$C$20,0)+IF(Input!$D$21=4,L1153*Input!$C$21,0)+IF(Input!$D$22=4,M1153*Input!$C$22,0)</f>
        <v>0</v>
      </c>
      <c r="R1153" s="58">
        <v>42.760693486578418</v>
      </c>
      <c r="S1153" s="124">
        <f t="shared" si="17"/>
        <v>0.89580250549002294</v>
      </c>
    </row>
    <row r="1154" spans="8:19" x14ac:dyDescent="0.3">
      <c r="H1154" s="44">
        <v>1147</v>
      </c>
      <c r="I1154" s="56">
        <f>Bühler!I1180</f>
        <v>0.19906722344222724</v>
      </c>
      <c r="J1154" s="59">
        <f>Bühler!J1180</f>
        <v>0.66355741147409097</v>
      </c>
      <c r="K1154" s="59">
        <f>Bühler!K1180</f>
        <v>0.99533611721113635</v>
      </c>
      <c r="L1154" s="59">
        <f>Bühler!L1180</f>
        <v>10.550029858945752</v>
      </c>
      <c r="M1154" s="58">
        <f>Bühler!M1180</f>
        <v>0</v>
      </c>
      <c r="N1154" s="56">
        <f>IF(Input!$D$19=1,J1154*Input!$C$19,0)+IF(Input!$D$20=1,K1154*Input!$C$20,0)+IF(Input!$D$21=1,L1154*Input!$C$21,0)+IF(Input!$D$22=1,M1154*Input!$C$22,0)</f>
        <v>0.1990672234422273</v>
      </c>
      <c r="O1154" s="59">
        <f>IF(Input!$D$19=2,J1154*Input!$C$19,0)+IF(Input!$D$20=2,K1154*Input!$C$20,0)+IF(Input!$D$21=2,L1154*Input!$C$21,0)+IF(Input!$D$22=2,M1154*Input!$C$22,0)</f>
        <v>0.49766805860556818</v>
      </c>
      <c r="P1154" s="59">
        <f>IF(Input!$D$19=3,J1154*Input!$C$19,0)+IF(Input!$D$20=3,K1154*Input!$C$20,0)+IF(Input!$D$21=3,L1154*Input!$C$21,0)+IF(Input!$D$22=3,M1154*Input!$C$22,0)</f>
        <v>0</v>
      </c>
      <c r="Q1154" s="75">
        <f>IF(Input!$D$19=4,J1154*Input!$C$19,0)+IF(Input!$D$20=4,K1154*Input!$C$20,0)+IF(Input!$D$21=4,L1154*Input!$C$21,0)+IF(Input!$D$22=4,M1154*Input!$C$22,0)</f>
        <v>0</v>
      </c>
      <c r="R1154" s="58">
        <v>42.380387926052485</v>
      </c>
      <c r="S1154" s="124">
        <f t="shared" si="17"/>
        <v>0.86262463491631824</v>
      </c>
    </row>
    <row r="1155" spans="8:19" x14ac:dyDescent="0.3">
      <c r="H1155" s="44">
        <v>1148</v>
      </c>
      <c r="I1155" s="56">
        <f>Bühler!I1181</f>
        <v>0.16078506508795276</v>
      </c>
      <c r="J1155" s="59">
        <f>Bühler!J1181</f>
        <v>0.53595021695984268</v>
      </c>
      <c r="K1155" s="59">
        <f>Bühler!K1181</f>
        <v>0.80392532543976392</v>
      </c>
      <c r="L1155" s="59">
        <f>Bühler!L1181</f>
        <v>8.5211779629946456</v>
      </c>
      <c r="M1155" s="58">
        <f>Bühler!M1181</f>
        <v>0</v>
      </c>
      <c r="N1155" s="56">
        <f>IF(Input!$D$19=1,J1155*Input!$C$19,0)+IF(Input!$D$20=1,K1155*Input!$C$20,0)+IF(Input!$D$21=1,L1155*Input!$C$21,0)+IF(Input!$D$22=1,M1155*Input!$C$22,0)</f>
        <v>0.16078506508795279</v>
      </c>
      <c r="O1155" s="59">
        <f>IF(Input!$D$19=2,J1155*Input!$C$19,0)+IF(Input!$D$20=2,K1155*Input!$C$20,0)+IF(Input!$D$21=2,L1155*Input!$C$21,0)+IF(Input!$D$22=2,M1155*Input!$C$22,0)</f>
        <v>0.40196266271988196</v>
      </c>
      <c r="P1155" s="59">
        <f>IF(Input!$D$19=3,J1155*Input!$C$19,0)+IF(Input!$D$20=3,K1155*Input!$C$20,0)+IF(Input!$D$21=3,L1155*Input!$C$21,0)+IF(Input!$D$22=3,M1155*Input!$C$22,0)</f>
        <v>0</v>
      </c>
      <c r="Q1155" s="75">
        <f>IF(Input!$D$19=4,J1155*Input!$C$19,0)+IF(Input!$D$20=4,K1155*Input!$C$20,0)+IF(Input!$D$21=4,L1155*Input!$C$21,0)+IF(Input!$D$22=4,M1155*Input!$C$22,0)</f>
        <v>0</v>
      </c>
      <c r="R1155" s="58">
        <v>42.105262132153079</v>
      </c>
      <c r="S1155" s="124">
        <f t="shared" si="17"/>
        <v>0.69673528204779545</v>
      </c>
    </row>
    <row r="1156" spans="8:19" x14ac:dyDescent="0.3">
      <c r="H1156" s="44">
        <v>1149</v>
      </c>
      <c r="I1156" s="56">
        <f>Bühler!I1182</f>
        <v>0.11867469089825086</v>
      </c>
      <c r="J1156" s="59">
        <f>Bühler!J1182</f>
        <v>0.39558230299416963</v>
      </c>
      <c r="K1156" s="59">
        <f>Bühler!K1182</f>
        <v>0.59337345449125445</v>
      </c>
      <c r="L1156" s="59">
        <f>Bühler!L1182</f>
        <v>6.2894408774484285</v>
      </c>
      <c r="M1156" s="58">
        <f>Bühler!M1182</f>
        <v>0</v>
      </c>
      <c r="N1156" s="56">
        <f>IF(Input!$D$19=1,J1156*Input!$C$19,0)+IF(Input!$D$20=1,K1156*Input!$C$20,0)+IF(Input!$D$21=1,L1156*Input!$C$21,0)+IF(Input!$D$22=1,M1156*Input!$C$22,0)</f>
        <v>0.11867469089825089</v>
      </c>
      <c r="O1156" s="59">
        <f>IF(Input!$D$19=2,J1156*Input!$C$19,0)+IF(Input!$D$20=2,K1156*Input!$C$20,0)+IF(Input!$D$21=2,L1156*Input!$C$21,0)+IF(Input!$D$22=2,M1156*Input!$C$22,0)</f>
        <v>0.29668672724562722</v>
      </c>
      <c r="P1156" s="59">
        <f>IF(Input!$D$19=3,J1156*Input!$C$19,0)+IF(Input!$D$20=3,K1156*Input!$C$20,0)+IF(Input!$D$21=3,L1156*Input!$C$21,0)+IF(Input!$D$22=3,M1156*Input!$C$22,0)</f>
        <v>0</v>
      </c>
      <c r="Q1156" s="75">
        <f>IF(Input!$D$19=4,J1156*Input!$C$19,0)+IF(Input!$D$20=4,K1156*Input!$C$20,0)+IF(Input!$D$21=4,L1156*Input!$C$21,0)+IF(Input!$D$22=4,M1156*Input!$C$22,0)</f>
        <v>0</v>
      </c>
      <c r="R1156" s="58">
        <v>42.271307515846885</v>
      </c>
      <c r="S1156" s="124">
        <f t="shared" si="17"/>
        <v>0.51425699389242052</v>
      </c>
    </row>
    <row r="1157" spans="8:19" x14ac:dyDescent="0.3">
      <c r="H1157" s="44">
        <v>1150</v>
      </c>
      <c r="I1157" s="56">
        <f>Bühler!I1183</f>
        <v>0.11867469089825086</v>
      </c>
      <c r="J1157" s="59">
        <f>Bühler!J1183</f>
        <v>0.39558230299416963</v>
      </c>
      <c r="K1157" s="59">
        <f>Bühler!K1183</f>
        <v>0.59337345449125445</v>
      </c>
      <c r="L1157" s="59">
        <f>Bühler!L1183</f>
        <v>6.2894408774484285</v>
      </c>
      <c r="M1157" s="58">
        <f>Bühler!M1183</f>
        <v>0</v>
      </c>
      <c r="N1157" s="56">
        <f>IF(Input!$D$19=1,J1157*Input!$C$19,0)+IF(Input!$D$20=1,K1157*Input!$C$20,0)+IF(Input!$D$21=1,L1157*Input!$C$21,0)+IF(Input!$D$22=1,M1157*Input!$C$22,0)</f>
        <v>0.11867469089825089</v>
      </c>
      <c r="O1157" s="59">
        <f>IF(Input!$D$19=2,J1157*Input!$C$19,0)+IF(Input!$D$20=2,K1157*Input!$C$20,0)+IF(Input!$D$21=2,L1157*Input!$C$21,0)+IF(Input!$D$22=2,M1157*Input!$C$22,0)</f>
        <v>0.29668672724562722</v>
      </c>
      <c r="P1157" s="59">
        <f>IF(Input!$D$19=3,J1157*Input!$C$19,0)+IF(Input!$D$20=3,K1157*Input!$C$20,0)+IF(Input!$D$21=3,L1157*Input!$C$21,0)+IF(Input!$D$22=3,M1157*Input!$C$22,0)</f>
        <v>0</v>
      </c>
      <c r="Q1157" s="75">
        <f>IF(Input!$D$19=4,J1157*Input!$C$19,0)+IF(Input!$D$20=4,K1157*Input!$C$20,0)+IF(Input!$D$21=4,L1157*Input!$C$21,0)+IF(Input!$D$22=4,M1157*Input!$C$22,0)</f>
        <v>0</v>
      </c>
      <c r="R1157" s="58">
        <v>42.008432092119769</v>
      </c>
      <c r="S1157" s="124">
        <f t="shared" si="17"/>
        <v>0.51425699389242052</v>
      </c>
    </row>
    <row r="1158" spans="8:19" x14ac:dyDescent="0.3">
      <c r="H1158" s="44">
        <v>1151</v>
      </c>
      <c r="I1158" s="56">
        <f>Bühler!I1184</f>
        <v>0.11867469089825086</v>
      </c>
      <c r="J1158" s="59">
        <f>Bühler!J1184</f>
        <v>0.39558230299416963</v>
      </c>
      <c r="K1158" s="59">
        <f>Bühler!K1184</f>
        <v>0.59337345449125445</v>
      </c>
      <c r="L1158" s="59">
        <f>Bühler!L1184</f>
        <v>6.2894408774484285</v>
      </c>
      <c r="M1158" s="58">
        <f>Bühler!M1184</f>
        <v>0</v>
      </c>
      <c r="N1158" s="56">
        <f>IF(Input!$D$19=1,J1158*Input!$C$19,0)+IF(Input!$D$20=1,K1158*Input!$C$20,0)+IF(Input!$D$21=1,L1158*Input!$C$21,0)+IF(Input!$D$22=1,M1158*Input!$C$22,0)</f>
        <v>0.11867469089825089</v>
      </c>
      <c r="O1158" s="59">
        <f>IF(Input!$D$19=2,J1158*Input!$C$19,0)+IF(Input!$D$20=2,K1158*Input!$C$20,0)+IF(Input!$D$21=2,L1158*Input!$C$21,0)+IF(Input!$D$22=2,M1158*Input!$C$22,0)</f>
        <v>0.29668672724562722</v>
      </c>
      <c r="P1158" s="59">
        <f>IF(Input!$D$19=3,J1158*Input!$C$19,0)+IF(Input!$D$20=3,K1158*Input!$C$20,0)+IF(Input!$D$21=3,L1158*Input!$C$21,0)+IF(Input!$D$22=3,M1158*Input!$C$22,0)</f>
        <v>0</v>
      </c>
      <c r="Q1158" s="75">
        <f>IF(Input!$D$19=4,J1158*Input!$C$19,0)+IF(Input!$D$20=4,K1158*Input!$C$20,0)+IF(Input!$D$21=4,L1158*Input!$C$21,0)+IF(Input!$D$22=4,M1158*Input!$C$22,0)</f>
        <v>0</v>
      </c>
      <c r="R1158" s="58">
        <v>42.160102702090576</v>
      </c>
      <c r="S1158" s="124">
        <f t="shared" si="17"/>
        <v>0.51425699389242052</v>
      </c>
    </row>
    <row r="1159" spans="8:19" x14ac:dyDescent="0.3">
      <c r="H1159" s="44">
        <v>1152</v>
      </c>
      <c r="I1159" s="56">
        <f>Bühler!I1185</f>
        <v>0.11867469089825086</v>
      </c>
      <c r="J1159" s="59">
        <f>Bühler!J1185</f>
        <v>0.39558230299416963</v>
      </c>
      <c r="K1159" s="59">
        <f>Bühler!K1185</f>
        <v>0.59337345449125445</v>
      </c>
      <c r="L1159" s="59">
        <f>Bühler!L1185</f>
        <v>6.2894408774484285</v>
      </c>
      <c r="M1159" s="58">
        <f>Bühler!M1185</f>
        <v>0</v>
      </c>
      <c r="N1159" s="56">
        <f>IF(Input!$D$19=1,J1159*Input!$C$19,0)+IF(Input!$D$20=1,K1159*Input!$C$20,0)+IF(Input!$D$21=1,L1159*Input!$C$21,0)+IF(Input!$D$22=1,M1159*Input!$C$22,0)</f>
        <v>0.11867469089825089</v>
      </c>
      <c r="O1159" s="59">
        <f>IF(Input!$D$19=2,J1159*Input!$C$19,0)+IF(Input!$D$20=2,K1159*Input!$C$20,0)+IF(Input!$D$21=2,L1159*Input!$C$21,0)+IF(Input!$D$22=2,M1159*Input!$C$22,0)</f>
        <v>0.29668672724562722</v>
      </c>
      <c r="P1159" s="59">
        <f>IF(Input!$D$19=3,J1159*Input!$C$19,0)+IF(Input!$D$20=3,K1159*Input!$C$20,0)+IF(Input!$D$21=3,L1159*Input!$C$21,0)+IF(Input!$D$22=3,M1159*Input!$C$22,0)</f>
        <v>0</v>
      </c>
      <c r="Q1159" s="75">
        <f>IF(Input!$D$19=4,J1159*Input!$C$19,0)+IF(Input!$D$20=4,K1159*Input!$C$20,0)+IF(Input!$D$21=4,L1159*Input!$C$21,0)+IF(Input!$D$22=4,M1159*Input!$C$22,0)</f>
        <v>0</v>
      </c>
      <c r="R1159" s="58">
        <v>41.563257710694032</v>
      </c>
      <c r="S1159" s="124">
        <f t="shared" si="17"/>
        <v>0.51425699389242052</v>
      </c>
    </row>
    <row r="1160" spans="8:19" x14ac:dyDescent="0.3">
      <c r="H1160" s="44">
        <v>1153</v>
      </c>
      <c r="I1160" s="56">
        <f>Bühler!I1186</f>
        <v>0.14216926726749049</v>
      </c>
      <c r="J1160" s="59">
        <f>Bühler!J1186</f>
        <v>0.47389755755830165</v>
      </c>
      <c r="K1160" s="59">
        <f>Bühler!K1186</f>
        <v>0.71084633633745242</v>
      </c>
      <c r="L1160" s="59">
        <f>Bühler!L1186</f>
        <v>7.3125977289879449</v>
      </c>
      <c r="M1160" s="58">
        <f>Bühler!M1186</f>
        <v>0</v>
      </c>
      <c r="N1160" s="56">
        <f>IF(Input!$D$19=1,J1160*Input!$C$19,0)+IF(Input!$D$20=1,K1160*Input!$C$20,0)+IF(Input!$D$21=1,L1160*Input!$C$21,0)+IF(Input!$D$22=1,M1160*Input!$C$22,0)</f>
        <v>0.14216926726749049</v>
      </c>
      <c r="O1160" s="59">
        <f>IF(Input!$D$19=2,J1160*Input!$C$19,0)+IF(Input!$D$20=2,K1160*Input!$C$20,0)+IF(Input!$D$21=2,L1160*Input!$C$21,0)+IF(Input!$D$22=2,M1160*Input!$C$22,0)</f>
        <v>0.35542316816872621</v>
      </c>
      <c r="P1160" s="59">
        <f>IF(Input!$D$19=3,J1160*Input!$C$19,0)+IF(Input!$D$20=3,K1160*Input!$C$20,0)+IF(Input!$D$21=3,L1160*Input!$C$21,0)+IF(Input!$D$22=3,M1160*Input!$C$22,0)</f>
        <v>0</v>
      </c>
      <c r="Q1160" s="75">
        <f>IF(Input!$D$19=4,J1160*Input!$C$19,0)+IF(Input!$D$20=4,K1160*Input!$C$20,0)+IF(Input!$D$21=4,L1160*Input!$C$21,0)+IF(Input!$D$22=4,M1160*Input!$C$22,0)</f>
        <v>0</v>
      </c>
      <c r="R1160" s="58">
        <v>41.552090038656772</v>
      </c>
      <c r="S1160" s="124">
        <f t="shared" si="17"/>
        <v>0.61606682482579211</v>
      </c>
    </row>
    <row r="1161" spans="8:19" x14ac:dyDescent="0.3">
      <c r="H1161" s="44">
        <v>1154</v>
      </c>
      <c r="I1161" s="56">
        <f>Bühler!I1187</f>
        <v>0.16509979424611798</v>
      </c>
      <c r="J1161" s="59">
        <f>Bühler!J1187</f>
        <v>0.55033264748706001</v>
      </c>
      <c r="K1161" s="59">
        <f>Bühler!K1187</f>
        <v>0.82549897123058991</v>
      </c>
      <c r="L1161" s="59">
        <f>Bühler!L1187</f>
        <v>8.4920489755989053</v>
      </c>
      <c r="M1161" s="58">
        <f>Bühler!M1187</f>
        <v>0</v>
      </c>
      <c r="N1161" s="56">
        <f>IF(Input!$D$19=1,J1161*Input!$C$19,0)+IF(Input!$D$20=1,K1161*Input!$C$20,0)+IF(Input!$D$21=1,L1161*Input!$C$21,0)+IF(Input!$D$22=1,M1161*Input!$C$22,0)</f>
        <v>0.16509979424611801</v>
      </c>
      <c r="O1161" s="59">
        <f>IF(Input!$D$19=2,J1161*Input!$C$19,0)+IF(Input!$D$20=2,K1161*Input!$C$20,0)+IF(Input!$D$21=2,L1161*Input!$C$21,0)+IF(Input!$D$22=2,M1161*Input!$C$22,0)</f>
        <v>0.41274948561529495</v>
      </c>
      <c r="P1161" s="59">
        <f>IF(Input!$D$19=3,J1161*Input!$C$19,0)+IF(Input!$D$20=3,K1161*Input!$C$20,0)+IF(Input!$D$21=3,L1161*Input!$C$21,0)+IF(Input!$D$22=3,M1161*Input!$C$22,0)</f>
        <v>0</v>
      </c>
      <c r="Q1161" s="75">
        <f>IF(Input!$D$19=4,J1161*Input!$C$19,0)+IF(Input!$D$20=4,K1161*Input!$C$20,0)+IF(Input!$D$21=4,L1161*Input!$C$21,0)+IF(Input!$D$22=4,M1161*Input!$C$22,0)</f>
        <v>0</v>
      </c>
      <c r="R1161" s="58">
        <v>41.569929030600598</v>
      </c>
      <c r="S1161" s="124">
        <f t="shared" ref="S1161:S1224" si="18">I1161+J1161</f>
        <v>0.71543244173317799</v>
      </c>
    </row>
    <row r="1162" spans="8:19" x14ac:dyDescent="0.3">
      <c r="H1162" s="44">
        <v>1155</v>
      </c>
      <c r="I1162" s="56">
        <f>Bühler!I1188</f>
        <v>0.16509979424611798</v>
      </c>
      <c r="J1162" s="59">
        <f>Bühler!J1188</f>
        <v>0.55033264748706001</v>
      </c>
      <c r="K1162" s="59">
        <f>Bühler!K1188</f>
        <v>0.82549897123058991</v>
      </c>
      <c r="L1162" s="59">
        <f>Bühler!L1188</f>
        <v>8.4920489755989053</v>
      </c>
      <c r="M1162" s="58">
        <f>Bühler!M1188</f>
        <v>0</v>
      </c>
      <c r="N1162" s="56">
        <f>IF(Input!$D$19=1,J1162*Input!$C$19,0)+IF(Input!$D$20=1,K1162*Input!$C$20,0)+IF(Input!$D$21=1,L1162*Input!$C$21,0)+IF(Input!$D$22=1,M1162*Input!$C$22,0)</f>
        <v>0.16509979424611801</v>
      </c>
      <c r="O1162" s="59">
        <f>IF(Input!$D$19=2,J1162*Input!$C$19,0)+IF(Input!$D$20=2,K1162*Input!$C$20,0)+IF(Input!$D$21=2,L1162*Input!$C$21,0)+IF(Input!$D$22=2,M1162*Input!$C$22,0)</f>
        <v>0.41274948561529495</v>
      </c>
      <c r="P1162" s="59">
        <f>IF(Input!$D$19=3,J1162*Input!$C$19,0)+IF(Input!$D$20=3,K1162*Input!$C$20,0)+IF(Input!$D$21=3,L1162*Input!$C$21,0)+IF(Input!$D$22=3,M1162*Input!$C$22,0)</f>
        <v>0</v>
      </c>
      <c r="Q1162" s="75">
        <f>IF(Input!$D$19=4,J1162*Input!$C$19,0)+IF(Input!$D$20=4,K1162*Input!$C$20,0)+IF(Input!$D$21=4,L1162*Input!$C$21,0)+IF(Input!$D$22=4,M1162*Input!$C$22,0)</f>
        <v>0</v>
      </c>
      <c r="R1162" s="58">
        <v>41.255741902048214</v>
      </c>
      <c r="S1162" s="124">
        <f t="shared" si="18"/>
        <v>0.71543244173317799</v>
      </c>
    </row>
    <row r="1163" spans="8:19" x14ac:dyDescent="0.3">
      <c r="H1163" s="44">
        <v>1156</v>
      </c>
      <c r="I1163" s="56">
        <f>Bühler!I1189</f>
        <v>0.16509979424611798</v>
      </c>
      <c r="J1163" s="59">
        <f>Bühler!J1189</f>
        <v>0.55033264748706001</v>
      </c>
      <c r="K1163" s="59">
        <f>Bühler!K1189</f>
        <v>0.82549897123058991</v>
      </c>
      <c r="L1163" s="59">
        <f>Bühler!L1189</f>
        <v>8.4920489755989053</v>
      </c>
      <c r="M1163" s="58">
        <f>Bühler!M1189</f>
        <v>0</v>
      </c>
      <c r="N1163" s="56">
        <f>IF(Input!$D$19=1,J1163*Input!$C$19,0)+IF(Input!$D$20=1,K1163*Input!$C$20,0)+IF(Input!$D$21=1,L1163*Input!$C$21,0)+IF(Input!$D$22=1,M1163*Input!$C$22,0)</f>
        <v>0.16509979424611801</v>
      </c>
      <c r="O1163" s="59">
        <f>IF(Input!$D$19=2,J1163*Input!$C$19,0)+IF(Input!$D$20=2,K1163*Input!$C$20,0)+IF(Input!$D$21=2,L1163*Input!$C$21,0)+IF(Input!$D$22=2,M1163*Input!$C$22,0)</f>
        <v>0.41274948561529495</v>
      </c>
      <c r="P1163" s="59">
        <f>IF(Input!$D$19=3,J1163*Input!$C$19,0)+IF(Input!$D$20=3,K1163*Input!$C$20,0)+IF(Input!$D$21=3,L1163*Input!$C$21,0)+IF(Input!$D$22=3,M1163*Input!$C$22,0)</f>
        <v>0</v>
      </c>
      <c r="Q1163" s="75">
        <f>IF(Input!$D$19=4,J1163*Input!$C$19,0)+IF(Input!$D$20=4,K1163*Input!$C$20,0)+IF(Input!$D$21=4,L1163*Input!$C$21,0)+IF(Input!$D$22=4,M1163*Input!$C$22,0)</f>
        <v>0</v>
      </c>
      <c r="R1163" s="58">
        <v>41.261209801241847</v>
      </c>
      <c r="S1163" s="124">
        <f t="shared" si="18"/>
        <v>0.71543244173317799</v>
      </c>
    </row>
    <row r="1164" spans="8:19" x14ac:dyDescent="0.3">
      <c r="H1164" s="44">
        <v>1157</v>
      </c>
      <c r="I1164" s="56">
        <f>Bühler!I1190</f>
        <v>0.16509979424611798</v>
      </c>
      <c r="J1164" s="59">
        <f>Bühler!J1190</f>
        <v>0.55033264748706001</v>
      </c>
      <c r="K1164" s="59">
        <f>Bühler!K1190</f>
        <v>0.82549897123058991</v>
      </c>
      <c r="L1164" s="59">
        <f>Bühler!L1190</f>
        <v>8.4920489755989053</v>
      </c>
      <c r="M1164" s="58">
        <f>Bühler!M1190</f>
        <v>0</v>
      </c>
      <c r="N1164" s="56">
        <f>IF(Input!$D$19=1,J1164*Input!$C$19,0)+IF(Input!$D$20=1,K1164*Input!$C$20,0)+IF(Input!$D$21=1,L1164*Input!$C$21,0)+IF(Input!$D$22=1,M1164*Input!$C$22,0)</f>
        <v>0.16509979424611801</v>
      </c>
      <c r="O1164" s="59">
        <f>IF(Input!$D$19=2,J1164*Input!$C$19,0)+IF(Input!$D$20=2,K1164*Input!$C$20,0)+IF(Input!$D$21=2,L1164*Input!$C$21,0)+IF(Input!$D$22=2,M1164*Input!$C$22,0)</f>
        <v>0.41274948561529495</v>
      </c>
      <c r="P1164" s="59">
        <f>IF(Input!$D$19=3,J1164*Input!$C$19,0)+IF(Input!$D$20=3,K1164*Input!$C$20,0)+IF(Input!$D$21=3,L1164*Input!$C$21,0)+IF(Input!$D$22=3,M1164*Input!$C$22,0)</f>
        <v>0</v>
      </c>
      <c r="Q1164" s="75">
        <f>IF(Input!$D$19=4,J1164*Input!$C$19,0)+IF(Input!$D$20=4,K1164*Input!$C$20,0)+IF(Input!$D$21=4,L1164*Input!$C$21,0)+IF(Input!$D$22=4,M1164*Input!$C$22,0)</f>
        <v>0</v>
      </c>
      <c r="R1164" s="58">
        <v>41.1170774385443</v>
      </c>
      <c r="S1164" s="124">
        <f t="shared" si="18"/>
        <v>0.71543244173317799</v>
      </c>
    </row>
    <row r="1165" spans="8:19" x14ac:dyDescent="0.3">
      <c r="H1165" s="44">
        <v>1158</v>
      </c>
      <c r="I1165" s="56">
        <f>Bühler!I1191</f>
        <v>0.20637474280764748</v>
      </c>
      <c r="J1165" s="59">
        <f>Bühler!J1191</f>
        <v>0.68791580935882501</v>
      </c>
      <c r="K1165" s="59">
        <f>Bühler!K1191</f>
        <v>1.0318737140382375</v>
      </c>
      <c r="L1165" s="59">
        <f>Bühler!L1191</f>
        <v>10.61506121949863</v>
      </c>
      <c r="M1165" s="58">
        <f>Bühler!M1191</f>
        <v>0</v>
      </c>
      <c r="N1165" s="56">
        <f>IF(Input!$D$19=1,J1165*Input!$C$19,0)+IF(Input!$D$20=1,K1165*Input!$C$20,0)+IF(Input!$D$21=1,L1165*Input!$C$21,0)+IF(Input!$D$22=1,M1165*Input!$C$22,0)</f>
        <v>0.2063747428076475</v>
      </c>
      <c r="O1165" s="59">
        <f>IF(Input!$D$19=2,J1165*Input!$C$19,0)+IF(Input!$D$20=2,K1165*Input!$C$20,0)+IF(Input!$D$21=2,L1165*Input!$C$21,0)+IF(Input!$D$22=2,M1165*Input!$C$22,0)</f>
        <v>0.51593685701911873</v>
      </c>
      <c r="P1165" s="59">
        <f>IF(Input!$D$19=3,J1165*Input!$C$19,0)+IF(Input!$D$20=3,K1165*Input!$C$20,0)+IF(Input!$D$21=3,L1165*Input!$C$21,0)+IF(Input!$D$22=3,M1165*Input!$C$22,0)</f>
        <v>0</v>
      </c>
      <c r="Q1165" s="75">
        <f>IF(Input!$D$19=4,J1165*Input!$C$19,0)+IF(Input!$D$20=4,K1165*Input!$C$20,0)+IF(Input!$D$21=4,L1165*Input!$C$21,0)+IF(Input!$D$22=4,M1165*Input!$C$22,0)</f>
        <v>0</v>
      </c>
      <c r="R1165" s="58">
        <v>41.354678124466531</v>
      </c>
      <c r="S1165" s="124">
        <f t="shared" si="18"/>
        <v>0.89429055216647246</v>
      </c>
    </row>
    <row r="1166" spans="8:19" x14ac:dyDescent="0.3">
      <c r="H1166" s="44">
        <v>1159</v>
      </c>
      <c r="I1166" s="56">
        <f>Bühler!I1192</f>
        <v>0.24306358597345151</v>
      </c>
      <c r="J1166" s="59">
        <f>Bühler!J1192</f>
        <v>0.81021195324483841</v>
      </c>
      <c r="K1166" s="59">
        <f>Bühler!K1192</f>
        <v>1.2153179298672576</v>
      </c>
      <c r="L1166" s="59">
        <f>Bühler!L1192</f>
        <v>12.502183214076165</v>
      </c>
      <c r="M1166" s="58">
        <f>Bühler!M1192</f>
        <v>0</v>
      </c>
      <c r="N1166" s="56">
        <f>IF(Input!$D$19=1,J1166*Input!$C$19,0)+IF(Input!$D$20=1,K1166*Input!$C$20,0)+IF(Input!$D$21=1,L1166*Input!$C$21,0)+IF(Input!$D$22=1,M1166*Input!$C$22,0)</f>
        <v>0.24306358597345151</v>
      </c>
      <c r="O1166" s="59">
        <f>IF(Input!$D$19=2,J1166*Input!$C$19,0)+IF(Input!$D$20=2,K1166*Input!$C$20,0)+IF(Input!$D$21=2,L1166*Input!$C$21,0)+IF(Input!$D$22=2,M1166*Input!$C$22,0)</f>
        <v>0.60765896493362881</v>
      </c>
      <c r="P1166" s="59">
        <f>IF(Input!$D$19=3,J1166*Input!$C$19,0)+IF(Input!$D$20=3,K1166*Input!$C$20,0)+IF(Input!$D$21=3,L1166*Input!$C$21,0)+IF(Input!$D$22=3,M1166*Input!$C$22,0)</f>
        <v>0</v>
      </c>
      <c r="Q1166" s="75">
        <f>IF(Input!$D$19=4,J1166*Input!$C$19,0)+IF(Input!$D$20=4,K1166*Input!$C$20,0)+IF(Input!$D$21=4,L1166*Input!$C$21,0)+IF(Input!$D$22=4,M1166*Input!$C$22,0)</f>
        <v>0</v>
      </c>
      <c r="R1166" s="58">
        <v>41.770527412820712</v>
      </c>
      <c r="S1166" s="124">
        <f t="shared" si="18"/>
        <v>1.05327553921829</v>
      </c>
    </row>
    <row r="1167" spans="8:19" x14ac:dyDescent="0.3">
      <c r="H1167" s="44">
        <v>1160</v>
      </c>
      <c r="I1167" s="56">
        <f>Bühler!I1193</f>
        <v>0.28892463993070649</v>
      </c>
      <c r="J1167" s="59">
        <f>Bühler!J1193</f>
        <v>0.96308213310235513</v>
      </c>
      <c r="K1167" s="59">
        <f>Bühler!K1193</f>
        <v>1.4446231996535326</v>
      </c>
      <c r="L1167" s="59">
        <f>Bühler!L1193</f>
        <v>14.861085707298082</v>
      </c>
      <c r="M1167" s="58">
        <f>Bühler!M1193</f>
        <v>0</v>
      </c>
      <c r="N1167" s="56">
        <f>IF(Input!$D$19=1,J1167*Input!$C$19,0)+IF(Input!$D$20=1,K1167*Input!$C$20,0)+IF(Input!$D$21=1,L1167*Input!$C$21,0)+IF(Input!$D$22=1,M1167*Input!$C$22,0)</f>
        <v>0.28892463993070655</v>
      </c>
      <c r="O1167" s="59">
        <f>IF(Input!$D$19=2,J1167*Input!$C$19,0)+IF(Input!$D$20=2,K1167*Input!$C$20,0)+IF(Input!$D$21=2,L1167*Input!$C$21,0)+IF(Input!$D$22=2,M1167*Input!$C$22,0)</f>
        <v>0.72231159982676629</v>
      </c>
      <c r="P1167" s="59">
        <f>IF(Input!$D$19=3,J1167*Input!$C$19,0)+IF(Input!$D$20=3,K1167*Input!$C$20,0)+IF(Input!$D$21=3,L1167*Input!$C$21,0)+IF(Input!$D$22=3,M1167*Input!$C$22,0)</f>
        <v>0</v>
      </c>
      <c r="Q1167" s="75">
        <f>IF(Input!$D$19=4,J1167*Input!$C$19,0)+IF(Input!$D$20=4,K1167*Input!$C$20,0)+IF(Input!$D$21=4,L1167*Input!$C$21,0)+IF(Input!$D$22=4,M1167*Input!$C$22,0)</f>
        <v>0</v>
      </c>
      <c r="R1167" s="58">
        <v>41.751795799509054</v>
      </c>
      <c r="S1167" s="124">
        <f t="shared" si="18"/>
        <v>1.2520067730330617</v>
      </c>
    </row>
    <row r="1168" spans="8:19" x14ac:dyDescent="0.3">
      <c r="H1168" s="44">
        <v>1161</v>
      </c>
      <c r="I1168" s="56">
        <f>Bühler!I1194</f>
        <v>0.28892463993070649</v>
      </c>
      <c r="J1168" s="59">
        <f>Bühler!J1194</f>
        <v>0.96308213310235513</v>
      </c>
      <c r="K1168" s="59">
        <f>Bühler!K1194</f>
        <v>1.4446231996535326</v>
      </c>
      <c r="L1168" s="59">
        <f>Bühler!L1194</f>
        <v>14.861085707298082</v>
      </c>
      <c r="M1168" s="58">
        <f>Bühler!M1194</f>
        <v>0</v>
      </c>
      <c r="N1168" s="56">
        <f>IF(Input!$D$19=1,J1168*Input!$C$19,0)+IF(Input!$D$20=1,K1168*Input!$C$20,0)+IF(Input!$D$21=1,L1168*Input!$C$21,0)+IF(Input!$D$22=1,M1168*Input!$C$22,0)</f>
        <v>0.28892463993070655</v>
      </c>
      <c r="O1168" s="59">
        <f>IF(Input!$D$19=2,J1168*Input!$C$19,0)+IF(Input!$D$20=2,K1168*Input!$C$20,0)+IF(Input!$D$21=2,L1168*Input!$C$21,0)+IF(Input!$D$22=2,M1168*Input!$C$22,0)</f>
        <v>0.72231159982676629</v>
      </c>
      <c r="P1168" s="59">
        <f>IF(Input!$D$19=3,J1168*Input!$C$19,0)+IF(Input!$D$20=3,K1168*Input!$C$20,0)+IF(Input!$D$21=3,L1168*Input!$C$21,0)+IF(Input!$D$22=3,M1168*Input!$C$22,0)</f>
        <v>0</v>
      </c>
      <c r="Q1168" s="75">
        <f>IF(Input!$D$19=4,J1168*Input!$C$19,0)+IF(Input!$D$20=4,K1168*Input!$C$20,0)+IF(Input!$D$21=4,L1168*Input!$C$21,0)+IF(Input!$D$22=4,M1168*Input!$C$22,0)</f>
        <v>0</v>
      </c>
      <c r="R1168" s="58">
        <v>41.107071547247116</v>
      </c>
      <c r="S1168" s="124">
        <f t="shared" si="18"/>
        <v>1.2520067730330617</v>
      </c>
    </row>
    <row r="1169" spans="8:19" x14ac:dyDescent="0.3">
      <c r="H1169" s="44">
        <v>1162</v>
      </c>
      <c r="I1169" s="56">
        <f>Bühler!I1195</f>
        <v>0.28892463993070649</v>
      </c>
      <c r="J1169" s="59">
        <f>Bühler!J1195</f>
        <v>0.96308213310235513</v>
      </c>
      <c r="K1169" s="59">
        <f>Bühler!K1195</f>
        <v>1.4446231996535326</v>
      </c>
      <c r="L1169" s="59">
        <f>Bühler!L1195</f>
        <v>14.861085707298082</v>
      </c>
      <c r="M1169" s="58">
        <f>Bühler!M1195</f>
        <v>0</v>
      </c>
      <c r="N1169" s="56">
        <f>IF(Input!$D$19=1,J1169*Input!$C$19,0)+IF(Input!$D$20=1,K1169*Input!$C$20,0)+IF(Input!$D$21=1,L1169*Input!$C$21,0)+IF(Input!$D$22=1,M1169*Input!$C$22,0)</f>
        <v>0.28892463993070655</v>
      </c>
      <c r="O1169" s="59">
        <f>IF(Input!$D$19=2,J1169*Input!$C$19,0)+IF(Input!$D$20=2,K1169*Input!$C$20,0)+IF(Input!$D$21=2,L1169*Input!$C$21,0)+IF(Input!$D$22=2,M1169*Input!$C$22,0)</f>
        <v>0.72231159982676629</v>
      </c>
      <c r="P1169" s="59">
        <f>IF(Input!$D$19=3,J1169*Input!$C$19,0)+IF(Input!$D$20=3,K1169*Input!$C$20,0)+IF(Input!$D$21=3,L1169*Input!$C$21,0)+IF(Input!$D$22=3,M1169*Input!$C$22,0)</f>
        <v>0</v>
      </c>
      <c r="Q1169" s="75">
        <f>IF(Input!$D$19=4,J1169*Input!$C$19,0)+IF(Input!$D$20=4,K1169*Input!$C$20,0)+IF(Input!$D$21=4,L1169*Input!$C$21,0)+IF(Input!$D$22=4,M1169*Input!$C$22,0)</f>
        <v>0</v>
      </c>
      <c r="R1169" s="58">
        <v>40.359490187606703</v>
      </c>
      <c r="S1169" s="124">
        <f t="shared" si="18"/>
        <v>1.2520067730330617</v>
      </c>
    </row>
    <row r="1170" spans="8:19" x14ac:dyDescent="0.3">
      <c r="H1170" s="44">
        <v>1163</v>
      </c>
      <c r="I1170" s="56">
        <f>Bühler!I1196</f>
        <v>0.28892463993070649</v>
      </c>
      <c r="J1170" s="59">
        <f>Bühler!J1196</f>
        <v>0.96308213310235513</v>
      </c>
      <c r="K1170" s="59">
        <f>Bühler!K1196</f>
        <v>1.4446231996535326</v>
      </c>
      <c r="L1170" s="59">
        <f>Bühler!L1196</f>
        <v>14.861085707298082</v>
      </c>
      <c r="M1170" s="58">
        <f>Bühler!M1196</f>
        <v>0</v>
      </c>
      <c r="N1170" s="56">
        <f>IF(Input!$D$19=1,J1170*Input!$C$19,0)+IF(Input!$D$20=1,K1170*Input!$C$20,0)+IF(Input!$D$21=1,L1170*Input!$C$21,0)+IF(Input!$D$22=1,M1170*Input!$C$22,0)</f>
        <v>0.28892463993070655</v>
      </c>
      <c r="O1170" s="59">
        <f>IF(Input!$D$19=2,J1170*Input!$C$19,0)+IF(Input!$D$20=2,K1170*Input!$C$20,0)+IF(Input!$D$21=2,L1170*Input!$C$21,0)+IF(Input!$D$22=2,M1170*Input!$C$22,0)</f>
        <v>0.72231159982676629</v>
      </c>
      <c r="P1170" s="59">
        <f>IF(Input!$D$19=3,J1170*Input!$C$19,0)+IF(Input!$D$20=3,K1170*Input!$C$20,0)+IF(Input!$D$21=3,L1170*Input!$C$21,0)+IF(Input!$D$22=3,M1170*Input!$C$22,0)</f>
        <v>0</v>
      </c>
      <c r="Q1170" s="75">
        <f>IF(Input!$D$19=4,J1170*Input!$C$19,0)+IF(Input!$D$20=4,K1170*Input!$C$20,0)+IF(Input!$D$21=4,L1170*Input!$C$21,0)+IF(Input!$D$22=4,M1170*Input!$C$22,0)</f>
        <v>0</v>
      </c>
      <c r="R1170" s="58">
        <v>40.58141678751165</v>
      </c>
      <c r="S1170" s="124">
        <f t="shared" si="18"/>
        <v>1.2520067730330617</v>
      </c>
    </row>
    <row r="1171" spans="8:19" x14ac:dyDescent="0.3">
      <c r="H1171" s="44">
        <v>1164</v>
      </c>
      <c r="I1171" s="56">
        <f>Bühler!I1197</f>
        <v>0.28892463993070649</v>
      </c>
      <c r="J1171" s="59">
        <f>Bühler!J1197</f>
        <v>0.96308213310235513</v>
      </c>
      <c r="K1171" s="59">
        <f>Bühler!K1197</f>
        <v>1.4446231996535326</v>
      </c>
      <c r="L1171" s="59">
        <f>Bühler!L1197</f>
        <v>14.861085707298082</v>
      </c>
      <c r="M1171" s="58">
        <f>Bühler!M1197</f>
        <v>0</v>
      </c>
      <c r="N1171" s="56">
        <f>IF(Input!$D$19=1,J1171*Input!$C$19,0)+IF(Input!$D$20=1,K1171*Input!$C$20,0)+IF(Input!$D$21=1,L1171*Input!$C$21,0)+IF(Input!$D$22=1,M1171*Input!$C$22,0)</f>
        <v>0.28892463993070655</v>
      </c>
      <c r="O1171" s="59">
        <f>IF(Input!$D$19=2,J1171*Input!$C$19,0)+IF(Input!$D$20=2,K1171*Input!$C$20,0)+IF(Input!$D$21=2,L1171*Input!$C$21,0)+IF(Input!$D$22=2,M1171*Input!$C$22,0)</f>
        <v>0.72231159982676629</v>
      </c>
      <c r="P1171" s="59">
        <f>IF(Input!$D$19=3,J1171*Input!$C$19,0)+IF(Input!$D$20=3,K1171*Input!$C$20,0)+IF(Input!$D$21=3,L1171*Input!$C$21,0)+IF(Input!$D$22=3,M1171*Input!$C$22,0)</f>
        <v>0</v>
      </c>
      <c r="Q1171" s="75">
        <f>IF(Input!$D$19=4,J1171*Input!$C$19,0)+IF(Input!$D$20=4,K1171*Input!$C$20,0)+IF(Input!$D$21=4,L1171*Input!$C$21,0)+IF(Input!$D$22=4,M1171*Input!$C$22,0)</f>
        <v>0</v>
      </c>
      <c r="R1171" s="58">
        <v>40.929080983196059</v>
      </c>
      <c r="S1171" s="124">
        <f t="shared" si="18"/>
        <v>1.2520067730330617</v>
      </c>
    </row>
    <row r="1172" spans="8:19" x14ac:dyDescent="0.3">
      <c r="H1172" s="44">
        <v>1165</v>
      </c>
      <c r="I1172" s="56">
        <f>Bühler!I1198</f>
        <v>0.28892463993070649</v>
      </c>
      <c r="J1172" s="59">
        <f>Bühler!J1198</f>
        <v>0.96308213310235513</v>
      </c>
      <c r="K1172" s="59">
        <f>Bühler!K1198</f>
        <v>1.4446231996535326</v>
      </c>
      <c r="L1172" s="59">
        <f>Bühler!L1198</f>
        <v>14.861085707298082</v>
      </c>
      <c r="M1172" s="58">
        <f>Bühler!M1198</f>
        <v>0</v>
      </c>
      <c r="N1172" s="56">
        <f>IF(Input!$D$19=1,J1172*Input!$C$19,0)+IF(Input!$D$20=1,K1172*Input!$C$20,0)+IF(Input!$D$21=1,L1172*Input!$C$21,0)+IF(Input!$D$22=1,M1172*Input!$C$22,0)</f>
        <v>0.28892463993070655</v>
      </c>
      <c r="O1172" s="59">
        <f>IF(Input!$D$19=2,J1172*Input!$C$19,0)+IF(Input!$D$20=2,K1172*Input!$C$20,0)+IF(Input!$D$21=2,L1172*Input!$C$21,0)+IF(Input!$D$22=2,M1172*Input!$C$22,0)</f>
        <v>0.72231159982676629</v>
      </c>
      <c r="P1172" s="59">
        <f>IF(Input!$D$19=3,J1172*Input!$C$19,0)+IF(Input!$D$20=3,K1172*Input!$C$20,0)+IF(Input!$D$21=3,L1172*Input!$C$21,0)+IF(Input!$D$22=3,M1172*Input!$C$22,0)</f>
        <v>0</v>
      </c>
      <c r="Q1172" s="75">
        <f>IF(Input!$D$19=4,J1172*Input!$C$19,0)+IF(Input!$D$20=4,K1172*Input!$C$20,0)+IF(Input!$D$21=4,L1172*Input!$C$21,0)+IF(Input!$D$22=4,M1172*Input!$C$22,0)</f>
        <v>0</v>
      </c>
      <c r="R1172" s="58">
        <v>40.382715289442842</v>
      </c>
      <c r="S1172" s="124">
        <f t="shared" si="18"/>
        <v>1.2520067730330617</v>
      </c>
    </row>
    <row r="1173" spans="8:19" x14ac:dyDescent="0.3">
      <c r="H1173" s="44">
        <v>1166</v>
      </c>
      <c r="I1173" s="56">
        <f>Bühler!I1199</f>
        <v>0.28892463993070649</v>
      </c>
      <c r="J1173" s="59">
        <f>Bühler!J1199</f>
        <v>0.96308213310235513</v>
      </c>
      <c r="K1173" s="59">
        <f>Bühler!K1199</f>
        <v>1.4446231996535326</v>
      </c>
      <c r="L1173" s="59">
        <f>Bühler!L1199</f>
        <v>14.861085707298082</v>
      </c>
      <c r="M1173" s="58">
        <f>Bühler!M1199</f>
        <v>0</v>
      </c>
      <c r="N1173" s="56">
        <f>IF(Input!$D$19=1,J1173*Input!$C$19,0)+IF(Input!$D$20=1,K1173*Input!$C$20,0)+IF(Input!$D$21=1,L1173*Input!$C$21,0)+IF(Input!$D$22=1,M1173*Input!$C$22,0)</f>
        <v>0.28892463993070655</v>
      </c>
      <c r="O1173" s="59">
        <f>IF(Input!$D$19=2,J1173*Input!$C$19,0)+IF(Input!$D$20=2,K1173*Input!$C$20,0)+IF(Input!$D$21=2,L1173*Input!$C$21,0)+IF(Input!$D$22=2,M1173*Input!$C$22,0)</f>
        <v>0.72231159982676629</v>
      </c>
      <c r="P1173" s="59">
        <f>IF(Input!$D$19=3,J1173*Input!$C$19,0)+IF(Input!$D$20=3,K1173*Input!$C$20,0)+IF(Input!$D$21=3,L1173*Input!$C$21,0)+IF(Input!$D$22=3,M1173*Input!$C$22,0)</f>
        <v>0</v>
      </c>
      <c r="Q1173" s="75">
        <f>IF(Input!$D$19=4,J1173*Input!$C$19,0)+IF(Input!$D$20=4,K1173*Input!$C$20,0)+IF(Input!$D$21=4,L1173*Input!$C$21,0)+IF(Input!$D$22=4,M1173*Input!$C$22,0)</f>
        <v>0</v>
      </c>
      <c r="R1173" s="58">
        <v>40.59303496757348</v>
      </c>
      <c r="S1173" s="124">
        <f t="shared" si="18"/>
        <v>1.2520067730330617</v>
      </c>
    </row>
    <row r="1174" spans="8:19" x14ac:dyDescent="0.3">
      <c r="H1174" s="44">
        <v>1167</v>
      </c>
      <c r="I1174" s="56">
        <f>Bühler!I1200</f>
        <v>0.28892463993070649</v>
      </c>
      <c r="J1174" s="59">
        <f>Bühler!J1200</f>
        <v>0.96308213310235513</v>
      </c>
      <c r="K1174" s="59">
        <f>Bühler!K1200</f>
        <v>1.4446231996535326</v>
      </c>
      <c r="L1174" s="59">
        <f>Bühler!L1200</f>
        <v>14.861085707298082</v>
      </c>
      <c r="M1174" s="58">
        <f>Bühler!M1200</f>
        <v>0</v>
      </c>
      <c r="N1174" s="56">
        <f>IF(Input!$D$19=1,J1174*Input!$C$19,0)+IF(Input!$D$20=1,K1174*Input!$C$20,0)+IF(Input!$D$21=1,L1174*Input!$C$21,0)+IF(Input!$D$22=1,M1174*Input!$C$22,0)</f>
        <v>0.28892463993070655</v>
      </c>
      <c r="O1174" s="59">
        <f>IF(Input!$D$19=2,J1174*Input!$C$19,0)+IF(Input!$D$20=2,K1174*Input!$C$20,0)+IF(Input!$D$21=2,L1174*Input!$C$21,0)+IF(Input!$D$22=2,M1174*Input!$C$22,0)</f>
        <v>0.72231159982676629</v>
      </c>
      <c r="P1174" s="59">
        <f>IF(Input!$D$19=3,J1174*Input!$C$19,0)+IF(Input!$D$20=3,K1174*Input!$C$20,0)+IF(Input!$D$21=3,L1174*Input!$C$21,0)+IF(Input!$D$22=3,M1174*Input!$C$22,0)</f>
        <v>0</v>
      </c>
      <c r="Q1174" s="75">
        <f>IF(Input!$D$19=4,J1174*Input!$C$19,0)+IF(Input!$D$20=4,K1174*Input!$C$20,0)+IF(Input!$D$21=4,L1174*Input!$C$21,0)+IF(Input!$D$22=4,M1174*Input!$C$22,0)</f>
        <v>0</v>
      </c>
      <c r="R1174" s="58">
        <v>40.877954647840077</v>
      </c>
      <c r="S1174" s="124">
        <f t="shared" si="18"/>
        <v>1.2520067730330617</v>
      </c>
    </row>
    <row r="1175" spans="8:19" x14ac:dyDescent="0.3">
      <c r="H1175" s="44">
        <v>1168</v>
      </c>
      <c r="I1175" s="56">
        <f>Bühler!I1201</f>
        <v>0.256821902160628</v>
      </c>
      <c r="J1175" s="59">
        <f>Bühler!J1201</f>
        <v>0.85607300720209345</v>
      </c>
      <c r="K1175" s="59">
        <f>Bühler!K1201</f>
        <v>1.2841095108031402</v>
      </c>
      <c r="L1175" s="59">
        <f>Bühler!L1201</f>
        <v>13.209853962042741</v>
      </c>
      <c r="M1175" s="58">
        <f>Bühler!M1201</f>
        <v>0</v>
      </c>
      <c r="N1175" s="56">
        <f>IF(Input!$D$19=1,J1175*Input!$C$19,0)+IF(Input!$D$20=1,K1175*Input!$C$20,0)+IF(Input!$D$21=1,L1175*Input!$C$21,0)+IF(Input!$D$22=1,M1175*Input!$C$22,0)</f>
        <v>0.256821902160628</v>
      </c>
      <c r="O1175" s="59">
        <f>IF(Input!$D$19=2,J1175*Input!$C$19,0)+IF(Input!$D$20=2,K1175*Input!$C$20,0)+IF(Input!$D$21=2,L1175*Input!$C$21,0)+IF(Input!$D$22=2,M1175*Input!$C$22,0)</f>
        <v>0.64205475540157009</v>
      </c>
      <c r="P1175" s="59">
        <f>IF(Input!$D$19=3,J1175*Input!$C$19,0)+IF(Input!$D$20=3,K1175*Input!$C$20,0)+IF(Input!$D$21=3,L1175*Input!$C$21,0)+IF(Input!$D$22=3,M1175*Input!$C$22,0)</f>
        <v>0</v>
      </c>
      <c r="Q1175" s="75">
        <f>IF(Input!$D$19=4,J1175*Input!$C$19,0)+IF(Input!$D$20=4,K1175*Input!$C$20,0)+IF(Input!$D$21=4,L1175*Input!$C$21,0)+IF(Input!$D$22=4,M1175*Input!$C$22,0)</f>
        <v>0</v>
      </c>
      <c r="R1175" s="58">
        <v>40.504811339166139</v>
      </c>
      <c r="S1175" s="124">
        <f t="shared" si="18"/>
        <v>1.1128949093627214</v>
      </c>
    </row>
    <row r="1176" spans="8:19" x14ac:dyDescent="0.3">
      <c r="H1176" s="44">
        <v>1169</v>
      </c>
      <c r="I1176" s="56">
        <f>Bühler!I1202</f>
        <v>0.25223579676490249</v>
      </c>
      <c r="J1176" s="59">
        <f>Bühler!J1202</f>
        <v>0.84078598921634162</v>
      </c>
      <c r="K1176" s="59">
        <f>Bühler!K1202</f>
        <v>1.2611789838245124</v>
      </c>
      <c r="L1176" s="59">
        <f>Bühler!L1202</f>
        <v>12.973963712720547</v>
      </c>
      <c r="M1176" s="58">
        <f>Bühler!M1202</f>
        <v>0</v>
      </c>
      <c r="N1176" s="56">
        <f>IF(Input!$D$19=1,J1176*Input!$C$19,0)+IF(Input!$D$20=1,K1176*Input!$C$20,0)+IF(Input!$D$21=1,L1176*Input!$C$21,0)+IF(Input!$D$22=1,M1176*Input!$C$22,0)</f>
        <v>0.25223579676490249</v>
      </c>
      <c r="O1176" s="59">
        <f>IF(Input!$D$19=2,J1176*Input!$C$19,0)+IF(Input!$D$20=2,K1176*Input!$C$20,0)+IF(Input!$D$21=2,L1176*Input!$C$21,0)+IF(Input!$D$22=2,M1176*Input!$C$22,0)</f>
        <v>0.63058949191225622</v>
      </c>
      <c r="P1176" s="59">
        <f>IF(Input!$D$19=3,J1176*Input!$C$19,0)+IF(Input!$D$20=3,K1176*Input!$C$20,0)+IF(Input!$D$21=3,L1176*Input!$C$21,0)+IF(Input!$D$22=3,M1176*Input!$C$22,0)</f>
        <v>0</v>
      </c>
      <c r="Q1176" s="75">
        <f>IF(Input!$D$19=4,J1176*Input!$C$19,0)+IF(Input!$D$20=4,K1176*Input!$C$20,0)+IF(Input!$D$21=4,L1176*Input!$C$21,0)+IF(Input!$D$22=4,M1176*Input!$C$22,0)</f>
        <v>0</v>
      </c>
      <c r="R1176" s="58">
        <v>40.090751883163094</v>
      </c>
      <c r="S1176" s="124">
        <f t="shared" si="18"/>
        <v>1.0930217859812441</v>
      </c>
    </row>
    <row r="1177" spans="8:19" x14ac:dyDescent="0.3">
      <c r="H1177" s="44">
        <v>1170</v>
      </c>
      <c r="I1177" s="56">
        <f>Bühler!I1203</f>
        <v>0.21554695359909848</v>
      </c>
      <c r="J1177" s="59">
        <f>Bühler!J1203</f>
        <v>0.71848984533032834</v>
      </c>
      <c r="K1177" s="59">
        <f>Bühler!K1203</f>
        <v>1.0777347679954925</v>
      </c>
      <c r="L1177" s="59">
        <f>Bühler!L1203</f>
        <v>11.086841718143013</v>
      </c>
      <c r="M1177" s="58">
        <f>Bühler!M1203</f>
        <v>0</v>
      </c>
      <c r="N1177" s="56">
        <f>IF(Input!$D$19=1,J1177*Input!$C$19,0)+IF(Input!$D$20=1,K1177*Input!$C$20,0)+IF(Input!$D$21=1,L1177*Input!$C$21,0)+IF(Input!$D$22=1,M1177*Input!$C$22,0)</f>
        <v>0.21554695359909851</v>
      </c>
      <c r="O1177" s="59">
        <f>IF(Input!$D$19=2,J1177*Input!$C$19,0)+IF(Input!$D$20=2,K1177*Input!$C$20,0)+IF(Input!$D$21=2,L1177*Input!$C$21,0)+IF(Input!$D$22=2,M1177*Input!$C$22,0)</f>
        <v>0.53886738399774625</v>
      </c>
      <c r="P1177" s="59">
        <f>IF(Input!$D$19=3,J1177*Input!$C$19,0)+IF(Input!$D$20=3,K1177*Input!$C$20,0)+IF(Input!$D$21=3,L1177*Input!$C$21,0)+IF(Input!$D$22=3,M1177*Input!$C$22,0)</f>
        <v>0</v>
      </c>
      <c r="Q1177" s="75">
        <f>IF(Input!$D$19=4,J1177*Input!$C$19,0)+IF(Input!$D$20=4,K1177*Input!$C$20,0)+IF(Input!$D$21=4,L1177*Input!$C$21,0)+IF(Input!$D$22=4,M1177*Input!$C$22,0)</f>
        <v>0</v>
      </c>
      <c r="R1177" s="58">
        <v>40.456255090405058</v>
      </c>
      <c r="S1177" s="124">
        <f t="shared" si="18"/>
        <v>0.93403679892942681</v>
      </c>
    </row>
    <row r="1178" spans="8:19" x14ac:dyDescent="0.3">
      <c r="H1178" s="44">
        <v>1171</v>
      </c>
      <c r="I1178" s="56">
        <f>Bühler!I1204</f>
        <v>0.20178863741192199</v>
      </c>
      <c r="J1178" s="59">
        <f>Bühler!J1204</f>
        <v>0.6726287913730733</v>
      </c>
      <c r="K1178" s="59">
        <f>Bühler!K1204</f>
        <v>1.0089431870596099</v>
      </c>
      <c r="L1178" s="59">
        <f>Bühler!L1204</f>
        <v>10.379170970176441</v>
      </c>
      <c r="M1178" s="58">
        <f>Bühler!M1204</f>
        <v>0</v>
      </c>
      <c r="N1178" s="56">
        <f>IF(Input!$D$19=1,J1178*Input!$C$19,0)+IF(Input!$D$20=1,K1178*Input!$C$20,0)+IF(Input!$D$21=1,L1178*Input!$C$21,0)+IF(Input!$D$22=1,M1178*Input!$C$22,0)</f>
        <v>0.20178863741192199</v>
      </c>
      <c r="O1178" s="59">
        <f>IF(Input!$D$19=2,J1178*Input!$C$19,0)+IF(Input!$D$20=2,K1178*Input!$C$20,0)+IF(Input!$D$21=2,L1178*Input!$C$21,0)+IF(Input!$D$22=2,M1178*Input!$C$22,0)</f>
        <v>0.50447159352980497</v>
      </c>
      <c r="P1178" s="59">
        <f>IF(Input!$D$19=3,J1178*Input!$C$19,0)+IF(Input!$D$20=3,K1178*Input!$C$20,0)+IF(Input!$D$21=3,L1178*Input!$C$21,0)+IF(Input!$D$22=3,M1178*Input!$C$22,0)</f>
        <v>0</v>
      </c>
      <c r="Q1178" s="75">
        <f>IF(Input!$D$19=4,J1178*Input!$C$19,0)+IF(Input!$D$20=4,K1178*Input!$C$20,0)+IF(Input!$D$21=4,L1178*Input!$C$21,0)+IF(Input!$D$22=4,M1178*Input!$C$22,0)</f>
        <v>0</v>
      </c>
      <c r="R1178" s="58">
        <v>40.892757962197358</v>
      </c>
      <c r="S1178" s="124">
        <f t="shared" si="18"/>
        <v>0.87441742878499529</v>
      </c>
    </row>
    <row r="1179" spans="8:19" x14ac:dyDescent="0.3">
      <c r="H1179" s="44">
        <v>1172</v>
      </c>
      <c r="I1179" s="56">
        <f>Bühler!I1205</f>
        <v>0.1696858996418435</v>
      </c>
      <c r="J1179" s="59">
        <f>Bühler!J1205</f>
        <v>0.56561966547281173</v>
      </c>
      <c r="K1179" s="59">
        <f>Bühler!K1205</f>
        <v>0.84842949820921754</v>
      </c>
      <c r="L1179" s="59">
        <f>Bühler!L1205</f>
        <v>8.7279392249210961</v>
      </c>
      <c r="M1179" s="58">
        <f>Bühler!M1205</f>
        <v>0</v>
      </c>
      <c r="N1179" s="56">
        <f>IF(Input!$D$19=1,J1179*Input!$C$19,0)+IF(Input!$D$20=1,K1179*Input!$C$20,0)+IF(Input!$D$21=1,L1179*Input!$C$21,0)+IF(Input!$D$22=1,M1179*Input!$C$22,0)</f>
        <v>0.16968589964184352</v>
      </c>
      <c r="O1179" s="59">
        <f>IF(Input!$D$19=2,J1179*Input!$C$19,0)+IF(Input!$D$20=2,K1179*Input!$C$20,0)+IF(Input!$D$21=2,L1179*Input!$C$21,0)+IF(Input!$D$22=2,M1179*Input!$C$22,0)</f>
        <v>0.42421474910460877</v>
      </c>
      <c r="P1179" s="59">
        <f>IF(Input!$D$19=3,J1179*Input!$C$19,0)+IF(Input!$D$20=3,K1179*Input!$C$20,0)+IF(Input!$D$21=3,L1179*Input!$C$21,0)+IF(Input!$D$22=3,M1179*Input!$C$22,0)</f>
        <v>0</v>
      </c>
      <c r="Q1179" s="75">
        <f>IF(Input!$D$19=4,J1179*Input!$C$19,0)+IF(Input!$D$20=4,K1179*Input!$C$20,0)+IF(Input!$D$21=4,L1179*Input!$C$21,0)+IF(Input!$D$22=4,M1179*Input!$C$22,0)</f>
        <v>0</v>
      </c>
      <c r="R1179" s="58">
        <v>41.261953181651926</v>
      </c>
      <c r="S1179" s="124">
        <f t="shared" si="18"/>
        <v>0.73530556511465517</v>
      </c>
    </row>
    <row r="1180" spans="8:19" x14ac:dyDescent="0.3">
      <c r="H1180" s="44">
        <v>1173</v>
      </c>
      <c r="I1180" s="56">
        <f>Bühler!I1206</f>
        <v>0.14216926726749049</v>
      </c>
      <c r="J1180" s="59">
        <f>Bühler!J1206</f>
        <v>0.47389755755830165</v>
      </c>
      <c r="K1180" s="59">
        <f>Bühler!K1206</f>
        <v>0.71084633633745242</v>
      </c>
      <c r="L1180" s="59">
        <f>Bühler!L1206</f>
        <v>7.3125977289879449</v>
      </c>
      <c r="M1180" s="58">
        <f>Bühler!M1206</f>
        <v>0</v>
      </c>
      <c r="N1180" s="56">
        <f>IF(Input!$D$19=1,J1180*Input!$C$19,0)+IF(Input!$D$20=1,K1180*Input!$C$20,0)+IF(Input!$D$21=1,L1180*Input!$C$21,0)+IF(Input!$D$22=1,M1180*Input!$C$22,0)</f>
        <v>0.14216926726749049</v>
      </c>
      <c r="O1180" s="59">
        <f>IF(Input!$D$19=2,J1180*Input!$C$19,0)+IF(Input!$D$20=2,K1180*Input!$C$20,0)+IF(Input!$D$21=2,L1180*Input!$C$21,0)+IF(Input!$D$22=2,M1180*Input!$C$22,0)</f>
        <v>0.35542316816872621</v>
      </c>
      <c r="P1180" s="59">
        <f>IF(Input!$D$19=3,J1180*Input!$C$19,0)+IF(Input!$D$20=3,K1180*Input!$C$20,0)+IF(Input!$D$21=3,L1180*Input!$C$21,0)+IF(Input!$D$22=3,M1180*Input!$C$22,0)</f>
        <v>0</v>
      </c>
      <c r="Q1180" s="75">
        <f>IF(Input!$D$19=4,J1180*Input!$C$19,0)+IF(Input!$D$20=4,K1180*Input!$C$20,0)+IF(Input!$D$21=4,L1180*Input!$C$21,0)+IF(Input!$D$22=4,M1180*Input!$C$22,0)</f>
        <v>0</v>
      </c>
      <c r="R1180" s="58">
        <v>40.931602388484983</v>
      </c>
      <c r="S1180" s="124">
        <f t="shared" si="18"/>
        <v>0.61606682482579211</v>
      </c>
    </row>
    <row r="1181" spans="8:19" x14ac:dyDescent="0.3">
      <c r="H1181" s="44">
        <v>1174</v>
      </c>
      <c r="I1181" s="56">
        <f>Bühler!I1207</f>
        <v>0.12382484568458849</v>
      </c>
      <c r="J1181" s="59">
        <f>Bühler!J1207</f>
        <v>0.41274948561529501</v>
      </c>
      <c r="K1181" s="59">
        <f>Bühler!K1207</f>
        <v>0.61912422842294246</v>
      </c>
      <c r="L1181" s="59">
        <f>Bühler!L1207</f>
        <v>6.3690367316991781</v>
      </c>
      <c r="M1181" s="58">
        <f>Bühler!M1207</f>
        <v>0</v>
      </c>
      <c r="N1181" s="56">
        <f>IF(Input!$D$19=1,J1181*Input!$C$19,0)+IF(Input!$D$20=1,K1181*Input!$C$20,0)+IF(Input!$D$21=1,L1181*Input!$C$21,0)+IF(Input!$D$22=1,M1181*Input!$C$22,0)</f>
        <v>0.1238248456845885</v>
      </c>
      <c r="O1181" s="59">
        <f>IF(Input!$D$19=2,J1181*Input!$C$19,0)+IF(Input!$D$20=2,K1181*Input!$C$20,0)+IF(Input!$D$21=2,L1181*Input!$C$21,0)+IF(Input!$D$22=2,M1181*Input!$C$22,0)</f>
        <v>0.30956211421147123</v>
      </c>
      <c r="P1181" s="59">
        <f>IF(Input!$D$19=3,J1181*Input!$C$19,0)+IF(Input!$D$20=3,K1181*Input!$C$20,0)+IF(Input!$D$21=3,L1181*Input!$C$21,0)+IF(Input!$D$22=3,M1181*Input!$C$22,0)</f>
        <v>0</v>
      </c>
      <c r="Q1181" s="75">
        <f>IF(Input!$D$19=4,J1181*Input!$C$19,0)+IF(Input!$D$20=4,K1181*Input!$C$20,0)+IF(Input!$D$21=4,L1181*Input!$C$21,0)+IF(Input!$D$22=4,M1181*Input!$C$22,0)</f>
        <v>0</v>
      </c>
      <c r="R1181" s="58">
        <v>41.540478684176925</v>
      </c>
      <c r="S1181" s="124">
        <f t="shared" si="18"/>
        <v>0.53657433129988352</v>
      </c>
    </row>
    <row r="1182" spans="8:19" x14ac:dyDescent="0.3">
      <c r="H1182" s="44">
        <v>1175</v>
      </c>
      <c r="I1182" s="56">
        <f>Bühler!I1208</f>
        <v>0.12382484568458849</v>
      </c>
      <c r="J1182" s="59">
        <f>Bühler!J1208</f>
        <v>0.41274948561529501</v>
      </c>
      <c r="K1182" s="59">
        <f>Bühler!K1208</f>
        <v>0.61912422842294246</v>
      </c>
      <c r="L1182" s="59">
        <f>Bühler!L1208</f>
        <v>6.3690367316991781</v>
      </c>
      <c r="M1182" s="58">
        <f>Bühler!M1208</f>
        <v>0</v>
      </c>
      <c r="N1182" s="56">
        <f>IF(Input!$D$19=1,J1182*Input!$C$19,0)+IF(Input!$D$20=1,K1182*Input!$C$20,0)+IF(Input!$D$21=1,L1182*Input!$C$21,0)+IF(Input!$D$22=1,M1182*Input!$C$22,0)</f>
        <v>0.1238248456845885</v>
      </c>
      <c r="O1182" s="59">
        <f>IF(Input!$D$19=2,J1182*Input!$C$19,0)+IF(Input!$D$20=2,K1182*Input!$C$20,0)+IF(Input!$D$21=2,L1182*Input!$C$21,0)+IF(Input!$D$22=2,M1182*Input!$C$22,0)</f>
        <v>0.30956211421147123</v>
      </c>
      <c r="P1182" s="59">
        <f>IF(Input!$D$19=3,J1182*Input!$C$19,0)+IF(Input!$D$20=3,K1182*Input!$C$20,0)+IF(Input!$D$21=3,L1182*Input!$C$21,0)+IF(Input!$D$22=3,M1182*Input!$C$22,0)</f>
        <v>0</v>
      </c>
      <c r="Q1182" s="75">
        <f>IF(Input!$D$19=4,J1182*Input!$C$19,0)+IF(Input!$D$20=4,K1182*Input!$C$20,0)+IF(Input!$D$21=4,L1182*Input!$C$21,0)+IF(Input!$D$22=4,M1182*Input!$C$22,0)</f>
        <v>0</v>
      </c>
      <c r="R1182" s="58">
        <v>41.954621459353142</v>
      </c>
      <c r="S1182" s="124">
        <f t="shared" si="18"/>
        <v>0.53657433129988352</v>
      </c>
    </row>
    <row r="1183" spans="8:19" x14ac:dyDescent="0.3">
      <c r="H1183" s="44">
        <v>1176</v>
      </c>
      <c r="I1183" s="56">
        <f>Bühler!I1209</f>
        <v>0.12382484568458849</v>
      </c>
      <c r="J1183" s="59">
        <f>Bühler!J1209</f>
        <v>0.41274948561529501</v>
      </c>
      <c r="K1183" s="59">
        <f>Bühler!K1209</f>
        <v>0.61912422842294246</v>
      </c>
      <c r="L1183" s="59">
        <f>Bühler!L1209</f>
        <v>6.3690367316991781</v>
      </c>
      <c r="M1183" s="58">
        <f>Bühler!M1209</f>
        <v>0</v>
      </c>
      <c r="N1183" s="56">
        <f>IF(Input!$D$19=1,J1183*Input!$C$19,0)+IF(Input!$D$20=1,K1183*Input!$C$20,0)+IF(Input!$D$21=1,L1183*Input!$C$21,0)+IF(Input!$D$22=1,M1183*Input!$C$22,0)</f>
        <v>0.1238248456845885</v>
      </c>
      <c r="O1183" s="59">
        <f>IF(Input!$D$19=2,J1183*Input!$C$19,0)+IF(Input!$D$20=2,K1183*Input!$C$20,0)+IF(Input!$D$21=2,L1183*Input!$C$21,0)+IF(Input!$D$22=2,M1183*Input!$C$22,0)</f>
        <v>0.30956211421147123</v>
      </c>
      <c r="P1183" s="59">
        <f>IF(Input!$D$19=3,J1183*Input!$C$19,0)+IF(Input!$D$20=3,K1183*Input!$C$20,0)+IF(Input!$D$21=3,L1183*Input!$C$21,0)+IF(Input!$D$22=3,M1183*Input!$C$22,0)</f>
        <v>0</v>
      </c>
      <c r="Q1183" s="75">
        <f>IF(Input!$D$19=4,J1183*Input!$C$19,0)+IF(Input!$D$20=4,K1183*Input!$C$20,0)+IF(Input!$D$21=4,L1183*Input!$C$21,0)+IF(Input!$D$22=4,M1183*Input!$C$22,0)</f>
        <v>0</v>
      </c>
      <c r="R1183" s="58">
        <v>42.040597274549334</v>
      </c>
      <c r="S1183" s="124">
        <f t="shared" si="18"/>
        <v>0.53657433129988352</v>
      </c>
    </row>
    <row r="1184" spans="8:19" x14ac:dyDescent="0.3">
      <c r="H1184" s="44">
        <v>1177</v>
      </c>
      <c r="I1184" s="56">
        <f>Bühler!I1210</f>
        <v>8.0928369403955536E-2</v>
      </c>
      <c r="J1184" s="59">
        <f>Bühler!J1210</f>
        <v>0.26976123134651847</v>
      </c>
      <c r="K1184" s="59">
        <f>Bühler!K1210</f>
        <v>0.40464184701977773</v>
      </c>
      <c r="L1184" s="59">
        <f>Bühler!L1210</f>
        <v>1.9422808656949331</v>
      </c>
      <c r="M1184" s="58">
        <f>Bühler!M1210</f>
        <v>0</v>
      </c>
      <c r="N1184" s="56">
        <f>IF(Input!$D$19=1,J1184*Input!$C$19,0)+IF(Input!$D$20=1,K1184*Input!$C$20,0)+IF(Input!$D$21=1,L1184*Input!$C$21,0)+IF(Input!$D$22=1,M1184*Input!$C$22,0)</f>
        <v>8.0928369403955536E-2</v>
      </c>
      <c r="O1184" s="59">
        <f>IF(Input!$D$19=2,J1184*Input!$C$19,0)+IF(Input!$D$20=2,K1184*Input!$C$20,0)+IF(Input!$D$21=2,L1184*Input!$C$21,0)+IF(Input!$D$22=2,M1184*Input!$C$22,0)</f>
        <v>0.20232092350988887</v>
      </c>
      <c r="P1184" s="59">
        <f>IF(Input!$D$19=3,J1184*Input!$C$19,0)+IF(Input!$D$20=3,K1184*Input!$C$20,0)+IF(Input!$D$21=3,L1184*Input!$C$21,0)+IF(Input!$D$22=3,M1184*Input!$C$22,0)</f>
        <v>0</v>
      </c>
      <c r="Q1184" s="75">
        <f>IF(Input!$D$19=4,J1184*Input!$C$19,0)+IF(Input!$D$20=4,K1184*Input!$C$20,0)+IF(Input!$D$21=4,L1184*Input!$C$21,0)+IF(Input!$D$22=4,M1184*Input!$C$22,0)</f>
        <v>0</v>
      </c>
      <c r="R1184" s="58">
        <v>41.668184656194825</v>
      </c>
      <c r="S1184" s="124">
        <f t="shared" si="18"/>
        <v>0.35068960075047401</v>
      </c>
    </row>
    <row r="1185" spans="8:19" x14ac:dyDescent="0.3">
      <c r="H1185" s="44">
        <v>1178</v>
      </c>
      <c r="I1185" s="56">
        <f>Bühler!I1211</f>
        <v>8.0928369403955536E-2</v>
      </c>
      <c r="J1185" s="59">
        <f>Bühler!J1211</f>
        <v>0.26976123134651847</v>
      </c>
      <c r="K1185" s="59">
        <f>Bühler!K1211</f>
        <v>0.40464184701977773</v>
      </c>
      <c r="L1185" s="59">
        <f>Bühler!L1211</f>
        <v>1.9422808656949331</v>
      </c>
      <c r="M1185" s="58">
        <f>Bühler!M1211</f>
        <v>0</v>
      </c>
      <c r="N1185" s="56">
        <f>IF(Input!$D$19=1,J1185*Input!$C$19,0)+IF(Input!$D$20=1,K1185*Input!$C$20,0)+IF(Input!$D$21=1,L1185*Input!$C$21,0)+IF(Input!$D$22=1,M1185*Input!$C$22,0)</f>
        <v>8.0928369403955536E-2</v>
      </c>
      <c r="O1185" s="59">
        <f>IF(Input!$D$19=2,J1185*Input!$C$19,0)+IF(Input!$D$20=2,K1185*Input!$C$20,0)+IF(Input!$D$21=2,L1185*Input!$C$21,0)+IF(Input!$D$22=2,M1185*Input!$C$22,0)</f>
        <v>0.20232092350988887</v>
      </c>
      <c r="P1185" s="59">
        <f>IF(Input!$D$19=3,J1185*Input!$C$19,0)+IF(Input!$D$20=3,K1185*Input!$C$20,0)+IF(Input!$D$21=3,L1185*Input!$C$21,0)+IF(Input!$D$22=3,M1185*Input!$C$22,0)</f>
        <v>0</v>
      </c>
      <c r="Q1185" s="75">
        <f>IF(Input!$D$19=4,J1185*Input!$C$19,0)+IF(Input!$D$20=4,K1185*Input!$C$20,0)+IF(Input!$D$21=4,L1185*Input!$C$21,0)+IF(Input!$D$22=4,M1185*Input!$C$22,0)</f>
        <v>0</v>
      </c>
      <c r="R1185" s="58">
        <v>42.310377951275825</v>
      </c>
      <c r="S1185" s="124">
        <f t="shared" si="18"/>
        <v>0.35068960075047401</v>
      </c>
    </row>
    <row r="1186" spans="8:19" x14ac:dyDescent="0.3">
      <c r="H1186" s="44">
        <v>1179</v>
      </c>
      <c r="I1186" s="56">
        <f>Bühler!I1212</f>
        <v>8.0928369403955536E-2</v>
      </c>
      <c r="J1186" s="59">
        <f>Bühler!J1212</f>
        <v>0.26976123134651847</v>
      </c>
      <c r="K1186" s="59">
        <f>Bühler!K1212</f>
        <v>0.40464184701977773</v>
      </c>
      <c r="L1186" s="59">
        <f>Bühler!L1212</f>
        <v>1.9422808656949331</v>
      </c>
      <c r="M1186" s="58">
        <f>Bühler!M1212</f>
        <v>0</v>
      </c>
      <c r="N1186" s="56">
        <f>IF(Input!$D$19=1,J1186*Input!$C$19,0)+IF(Input!$D$20=1,K1186*Input!$C$20,0)+IF(Input!$D$21=1,L1186*Input!$C$21,0)+IF(Input!$D$22=1,M1186*Input!$C$22,0)</f>
        <v>8.0928369403955536E-2</v>
      </c>
      <c r="O1186" s="59">
        <f>IF(Input!$D$19=2,J1186*Input!$C$19,0)+IF(Input!$D$20=2,K1186*Input!$C$20,0)+IF(Input!$D$21=2,L1186*Input!$C$21,0)+IF(Input!$D$22=2,M1186*Input!$C$22,0)</f>
        <v>0.20232092350988887</v>
      </c>
      <c r="P1186" s="59">
        <f>IF(Input!$D$19=3,J1186*Input!$C$19,0)+IF(Input!$D$20=3,K1186*Input!$C$20,0)+IF(Input!$D$21=3,L1186*Input!$C$21,0)+IF(Input!$D$22=3,M1186*Input!$C$22,0)</f>
        <v>0</v>
      </c>
      <c r="Q1186" s="75">
        <f>IF(Input!$D$19=4,J1186*Input!$C$19,0)+IF(Input!$D$20=4,K1186*Input!$C$20,0)+IF(Input!$D$21=4,L1186*Input!$C$21,0)+IF(Input!$D$22=4,M1186*Input!$C$22,0)</f>
        <v>0</v>
      </c>
      <c r="R1186" s="58">
        <v>43.367303865575984</v>
      </c>
      <c r="S1186" s="124">
        <f t="shared" si="18"/>
        <v>0.35068960075047401</v>
      </c>
    </row>
    <row r="1187" spans="8:19" x14ac:dyDescent="0.3">
      <c r="H1187" s="44">
        <v>1180</v>
      </c>
      <c r="I1187" s="56">
        <f>Bühler!I1213</f>
        <v>8.0928369403955536E-2</v>
      </c>
      <c r="J1187" s="59">
        <f>Bühler!J1213</f>
        <v>0.26976123134651847</v>
      </c>
      <c r="K1187" s="59">
        <f>Bühler!K1213</f>
        <v>0.40464184701977773</v>
      </c>
      <c r="L1187" s="59">
        <f>Bühler!L1213</f>
        <v>1.9422808656949331</v>
      </c>
      <c r="M1187" s="58">
        <f>Bühler!M1213</f>
        <v>0</v>
      </c>
      <c r="N1187" s="56">
        <f>IF(Input!$D$19=1,J1187*Input!$C$19,0)+IF(Input!$D$20=1,K1187*Input!$C$20,0)+IF(Input!$D$21=1,L1187*Input!$C$21,0)+IF(Input!$D$22=1,M1187*Input!$C$22,0)</f>
        <v>8.0928369403955536E-2</v>
      </c>
      <c r="O1187" s="59">
        <f>IF(Input!$D$19=2,J1187*Input!$C$19,0)+IF(Input!$D$20=2,K1187*Input!$C$20,0)+IF(Input!$D$21=2,L1187*Input!$C$21,0)+IF(Input!$D$22=2,M1187*Input!$C$22,0)</f>
        <v>0.20232092350988887</v>
      </c>
      <c r="P1187" s="59">
        <f>IF(Input!$D$19=3,J1187*Input!$C$19,0)+IF(Input!$D$20=3,K1187*Input!$C$20,0)+IF(Input!$D$21=3,L1187*Input!$C$21,0)+IF(Input!$D$22=3,M1187*Input!$C$22,0)</f>
        <v>0</v>
      </c>
      <c r="Q1187" s="75">
        <f>IF(Input!$D$19=4,J1187*Input!$C$19,0)+IF(Input!$D$20=4,K1187*Input!$C$20,0)+IF(Input!$D$21=4,L1187*Input!$C$21,0)+IF(Input!$D$22=4,M1187*Input!$C$22,0)</f>
        <v>0</v>
      </c>
      <c r="R1187" s="58">
        <v>44.61051344564919</v>
      </c>
      <c r="S1187" s="124">
        <f t="shared" si="18"/>
        <v>0.35068960075047401</v>
      </c>
    </row>
    <row r="1188" spans="8:19" x14ac:dyDescent="0.3">
      <c r="H1188" s="44">
        <v>1181</v>
      </c>
      <c r="I1188" s="56">
        <f>Bühler!I1214</f>
        <v>8.0928369403955536E-2</v>
      </c>
      <c r="J1188" s="59">
        <f>Bühler!J1214</f>
        <v>0.26976123134651847</v>
      </c>
      <c r="K1188" s="59">
        <f>Bühler!K1214</f>
        <v>0.40464184701977773</v>
      </c>
      <c r="L1188" s="59">
        <f>Bühler!L1214</f>
        <v>1.9422808656949331</v>
      </c>
      <c r="M1188" s="58">
        <f>Bühler!M1214</f>
        <v>0</v>
      </c>
      <c r="N1188" s="56">
        <f>IF(Input!$D$19=1,J1188*Input!$C$19,0)+IF(Input!$D$20=1,K1188*Input!$C$20,0)+IF(Input!$D$21=1,L1188*Input!$C$21,0)+IF(Input!$D$22=1,M1188*Input!$C$22,0)</f>
        <v>8.0928369403955536E-2</v>
      </c>
      <c r="O1188" s="59">
        <f>IF(Input!$D$19=2,J1188*Input!$C$19,0)+IF(Input!$D$20=2,K1188*Input!$C$20,0)+IF(Input!$D$21=2,L1188*Input!$C$21,0)+IF(Input!$D$22=2,M1188*Input!$C$22,0)</f>
        <v>0.20232092350988887</v>
      </c>
      <c r="P1188" s="59">
        <f>IF(Input!$D$19=3,J1188*Input!$C$19,0)+IF(Input!$D$20=3,K1188*Input!$C$20,0)+IF(Input!$D$21=3,L1188*Input!$C$21,0)+IF(Input!$D$22=3,M1188*Input!$C$22,0)</f>
        <v>0</v>
      </c>
      <c r="Q1188" s="75">
        <f>IF(Input!$D$19=4,J1188*Input!$C$19,0)+IF(Input!$D$20=4,K1188*Input!$C$20,0)+IF(Input!$D$21=4,L1188*Input!$C$21,0)+IF(Input!$D$22=4,M1188*Input!$C$22,0)</f>
        <v>0</v>
      </c>
      <c r="R1188" s="58">
        <v>47.613961399004992</v>
      </c>
      <c r="S1188" s="124">
        <f t="shared" si="18"/>
        <v>0.35068960075047401</v>
      </c>
    </row>
    <row r="1189" spans="8:19" x14ac:dyDescent="0.3">
      <c r="H1189" s="44">
        <v>1182</v>
      </c>
      <c r="I1189" s="56">
        <f>Bühler!I1215</f>
        <v>0.35068960075047401</v>
      </c>
      <c r="J1189" s="59">
        <f>Bühler!J1215</f>
        <v>1.1689653358349135</v>
      </c>
      <c r="K1189" s="59">
        <f>Bühler!K1215</f>
        <v>1.7534480037523699</v>
      </c>
      <c r="L1189" s="59">
        <f>Bühler!L1215</f>
        <v>8.4165504180113757</v>
      </c>
      <c r="M1189" s="58">
        <f>Bühler!M1215</f>
        <v>0</v>
      </c>
      <c r="N1189" s="56">
        <f>IF(Input!$D$19=1,J1189*Input!$C$19,0)+IF(Input!$D$20=1,K1189*Input!$C$20,0)+IF(Input!$D$21=1,L1189*Input!$C$21,0)+IF(Input!$D$22=1,M1189*Input!$C$22,0)</f>
        <v>0.35068960075047401</v>
      </c>
      <c r="O1189" s="59">
        <f>IF(Input!$D$19=2,J1189*Input!$C$19,0)+IF(Input!$D$20=2,K1189*Input!$C$20,0)+IF(Input!$D$21=2,L1189*Input!$C$21,0)+IF(Input!$D$22=2,M1189*Input!$C$22,0)</f>
        <v>0.87672400187618493</v>
      </c>
      <c r="P1189" s="59">
        <f>IF(Input!$D$19=3,J1189*Input!$C$19,0)+IF(Input!$D$20=3,K1189*Input!$C$20,0)+IF(Input!$D$21=3,L1189*Input!$C$21,0)+IF(Input!$D$22=3,M1189*Input!$C$22,0)</f>
        <v>0</v>
      </c>
      <c r="Q1189" s="75">
        <f>IF(Input!$D$19=4,J1189*Input!$C$19,0)+IF(Input!$D$20=4,K1189*Input!$C$20,0)+IF(Input!$D$21=4,L1189*Input!$C$21,0)+IF(Input!$D$22=4,M1189*Input!$C$22,0)</f>
        <v>0</v>
      </c>
      <c r="R1189" s="58">
        <v>53.426727927661254</v>
      </c>
      <c r="S1189" s="124">
        <f t="shared" si="18"/>
        <v>1.5196549365853875</v>
      </c>
    </row>
    <row r="1190" spans="8:19" x14ac:dyDescent="0.3">
      <c r="H1190" s="44">
        <v>1183</v>
      </c>
      <c r="I1190" s="56">
        <f>Bühler!I1216</f>
        <v>0.39789781623611475</v>
      </c>
      <c r="J1190" s="59">
        <f>Bühler!J1216</f>
        <v>1.3263260541203827</v>
      </c>
      <c r="K1190" s="59">
        <f>Bühler!K1216</f>
        <v>1.9894890811805737</v>
      </c>
      <c r="L1190" s="59">
        <f>Bühler!L1216</f>
        <v>9.5495475896667532</v>
      </c>
      <c r="M1190" s="58">
        <f>Bühler!M1216</f>
        <v>0</v>
      </c>
      <c r="N1190" s="56">
        <f>IF(Input!$D$19=1,J1190*Input!$C$19,0)+IF(Input!$D$20=1,K1190*Input!$C$20,0)+IF(Input!$D$21=1,L1190*Input!$C$21,0)+IF(Input!$D$22=1,M1190*Input!$C$22,0)</f>
        <v>0.39789781623611481</v>
      </c>
      <c r="O1190" s="59">
        <f>IF(Input!$D$19=2,J1190*Input!$C$19,0)+IF(Input!$D$20=2,K1190*Input!$C$20,0)+IF(Input!$D$21=2,L1190*Input!$C$21,0)+IF(Input!$D$22=2,M1190*Input!$C$22,0)</f>
        <v>0.99474454059028683</v>
      </c>
      <c r="P1190" s="59">
        <f>IF(Input!$D$19=3,J1190*Input!$C$19,0)+IF(Input!$D$20=3,K1190*Input!$C$20,0)+IF(Input!$D$21=3,L1190*Input!$C$21,0)+IF(Input!$D$22=3,M1190*Input!$C$22,0)</f>
        <v>0</v>
      </c>
      <c r="Q1190" s="75">
        <f>IF(Input!$D$19=4,J1190*Input!$C$19,0)+IF(Input!$D$20=4,K1190*Input!$C$20,0)+IF(Input!$D$21=4,L1190*Input!$C$21,0)+IF(Input!$D$22=4,M1190*Input!$C$22,0)</f>
        <v>0</v>
      </c>
      <c r="R1190" s="58">
        <v>58.922471357292793</v>
      </c>
      <c r="S1190" s="124">
        <f t="shared" si="18"/>
        <v>1.7242238703564974</v>
      </c>
    </row>
    <row r="1191" spans="8:19" x14ac:dyDescent="0.3">
      <c r="H1191" s="44">
        <v>1184</v>
      </c>
      <c r="I1191" s="56">
        <f>Bühler!I1217</f>
        <v>0.39789781623611475</v>
      </c>
      <c r="J1191" s="59">
        <f>Bühler!J1217</f>
        <v>1.3263260541203827</v>
      </c>
      <c r="K1191" s="59">
        <f>Bühler!K1217</f>
        <v>1.9894890811805737</v>
      </c>
      <c r="L1191" s="59">
        <f>Bühler!L1217</f>
        <v>9.5495475896667532</v>
      </c>
      <c r="M1191" s="58">
        <f>Bühler!M1217</f>
        <v>0</v>
      </c>
      <c r="N1191" s="56">
        <f>IF(Input!$D$19=1,J1191*Input!$C$19,0)+IF(Input!$D$20=1,K1191*Input!$C$20,0)+IF(Input!$D$21=1,L1191*Input!$C$21,0)+IF(Input!$D$22=1,M1191*Input!$C$22,0)</f>
        <v>0.39789781623611481</v>
      </c>
      <c r="O1191" s="59">
        <f>IF(Input!$D$19=2,J1191*Input!$C$19,0)+IF(Input!$D$20=2,K1191*Input!$C$20,0)+IF(Input!$D$21=2,L1191*Input!$C$21,0)+IF(Input!$D$22=2,M1191*Input!$C$22,0)</f>
        <v>0.99474454059028683</v>
      </c>
      <c r="P1191" s="59">
        <f>IF(Input!$D$19=3,J1191*Input!$C$19,0)+IF(Input!$D$20=3,K1191*Input!$C$20,0)+IF(Input!$D$21=3,L1191*Input!$C$21,0)+IF(Input!$D$22=3,M1191*Input!$C$22,0)</f>
        <v>0</v>
      </c>
      <c r="Q1191" s="75">
        <f>IF(Input!$D$19=4,J1191*Input!$C$19,0)+IF(Input!$D$20=4,K1191*Input!$C$20,0)+IF(Input!$D$21=4,L1191*Input!$C$21,0)+IF(Input!$D$22=4,M1191*Input!$C$22,0)</f>
        <v>0</v>
      </c>
      <c r="R1191" s="58">
        <v>62.292608011643907</v>
      </c>
      <c r="S1191" s="124">
        <f t="shared" si="18"/>
        <v>1.7242238703564974</v>
      </c>
    </row>
    <row r="1192" spans="8:19" x14ac:dyDescent="0.3">
      <c r="H1192" s="44">
        <v>1185</v>
      </c>
      <c r="I1192" s="56">
        <f>Bühler!I1218</f>
        <v>0.39789781623611475</v>
      </c>
      <c r="J1192" s="59">
        <f>Bühler!J1218</f>
        <v>1.3263260541203827</v>
      </c>
      <c r="K1192" s="59">
        <f>Bühler!K1218</f>
        <v>1.9894890811805737</v>
      </c>
      <c r="L1192" s="59">
        <f>Bühler!L1218</f>
        <v>9.5495475896667532</v>
      </c>
      <c r="M1192" s="58">
        <f>Bühler!M1218</f>
        <v>0</v>
      </c>
      <c r="N1192" s="56">
        <f>IF(Input!$D$19=1,J1192*Input!$C$19,0)+IF(Input!$D$20=1,K1192*Input!$C$20,0)+IF(Input!$D$21=1,L1192*Input!$C$21,0)+IF(Input!$D$22=1,M1192*Input!$C$22,0)</f>
        <v>0.39789781623611481</v>
      </c>
      <c r="O1192" s="59">
        <f>IF(Input!$D$19=2,J1192*Input!$C$19,0)+IF(Input!$D$20=2,K1192*Input!$C$20,0)+IF(Input!$D$21=2,L1192*Input!$C$21,0)+IF(Input!$D$22=2,M1192*Input!$C$22,0)</f>
        <v>0.99474454059028683</v>
      </c>
      <c r="P1192" s="59">
        <f>IF(Input!$D$19=3,J1192*Input!$C$19,0)+IF(Input!$D$20=3,K1192*Input!$C$20,0)+IF(Input!$D$21=3,L1192*Input!$C$21,0)+IF(Input!$D$22=3,M1192*Input!$C$22,0)</f>
        <v>0</v>
      </c>
      <c r="Q1192" s="75">
        <f>IF(Input!$D$19=4,J1192*Input!$C$19,0)+IF(Input!$D$20=4,K1192*Input!$C$20,0)+IF(Input!$D$21=4,L1192*Input!$C$21,0)+IF(Input!$D$22=4,M1192*Input!$C$22,0)</f>
        <v>0</v>
      </c>
      <c r="R1192" s="58">
        <v>63.058490835634892</v>
      </c>
      <c r="S1192" s="124">
        <f t="shared" si="18"/>
        <v>1.7242238703564974</v>
      </c>
    </row>
    <row r="1193" spans="8:19" x14ac:dyDescent="0.3">
      <c r="H1193" s="44">
        <v>1186</v>
      </c>
      <c r="I1193" s="56">
        <f>Bühler!I1219</f>
        <v>0.42487393937076662</v>
      </c>
      <c r="J1193" s="59">
        <f>Bühler!J1219</f>
        <v>1.4162464645692223</v>
      </c>
      <c r="K1193" s="59">
        <f>Bühler!K1219</f>
        <v>2.124369696853833</v>
      </c>
      <c r="L1193" s="59">
        <f>Bühler!L1219</f>
        <v>10.196974544898399</v>
      </c>
      <c r="M1193" s="58">
        <f>Bühler!M1219</f>
        <v>0</v>
      </c>
      <c r="N1193" s="56">
        <f>IF(Input!$D$19=1,J1193*Input!$C$19,0)+IF(Input!$D$20=1,K1193*Input!$C$20,0)+IF(Input!$D$21=1,L1193*Input!$C$21,0)+IF(Input!$D$22=1,M1193*Input!$C$22,0)</f>
        <v>0.42487393937076667</v>
      </c>
      <c r="O1193" s="59">
        <f>IF(Input!$D$19=2,J1193*Input!$C$19,0)+IF(Input!$D$20=2,K1193*Input!$C$20,0)+IF(Input!$D$21=2,L1193*Input!$C$21,0)+IF(Input!$D$22=2,M1193*Input!$C$22,0)</f>
        <v>1.0621848484269165</v>
      </c>
      <c r="P1193" s="59">
        <f>IF(Input!$D$19=3,J1193*Input!$C$19,0)+IF(Input!$D$20=3,K1193*Input!$C$20,0)+IF(Input!$D$21=3,L1193*Input!$C$21,0)+IF(Input!$D$22=3,M1193*Input!$C$22,0)</f>
        <v>0</v>
      </c>
      <c r="Q1193" s="75">
        <f>IF(Input!$D$19=4,J1193*Input!$C$19,0)+IF(Input!$D$20=4,K1193*Input!$C$20,0)+IF(Input!$D$21=4,L1193*Input!$C$21,0)+IF(Input!$D$22=4,M1193*Input!$C$22,0)</f>
        <v>0</v>
      </c>
      <c r="R1193" s="58">
        <v>63.21387103173052</v>
      </c>
      <c r="S1193" s="124">
        <f t="shared" si="18"/>
        <v>1.8411204039399889</v>
      </c>
    </row>
    <row r="1194" spans="8:19" x14ac:dyDescent="0.3">
      <c r="H1194" s="44">
        <v>1187</v>
      </c>
      <c r="I1194" s="56">
        <f>Bühler!I1220</f>
        <v>0.42487393937076662</v>
      </c>
      <c r="J1194" s="59">
        <f>Bühler!J1220</f>
        <v>1.4162464645692223</v>
      </c>
      <c r="K1194" s="59">
        <f>Bühler!K1220</f>
        <v>2.124369696853833</v>
      </c>
      <c r="L1194" s="59">
        <f>Bühler!L1220</f>
        <v>10.196974544898399</v>
      </c>
      <c r="M1194" s="58">
        <f>Bühler!M1220</f>
        <v>0</v>
      </c>
      <c r="N1194" s="56">
        <f>IF(Input!$D$19=1,J1194*Input!$C$19,0)+IF(Input!$D$20=1,K1194*Input!$C$20,0)+IF(Input!$D$21=1,L1194*Input!$C$21,0)+IF(Input!$D$22=1,M1194*Input!$C$22,0)</f>
        <v>0.42487393937076667</v>
      </c>
      <c r="O1194" s="59">
        <f>IF(Input!$D$19=2,J1194*Input!$C$19,0)+IF(Input!$D$20=2,K1194*Input!$C$20,0)+IF(Input!$D$21=2,L1194*Input!$C$21,0)+IF(Input!$D$22=2,M1194*Input!$C$22,0)</f>
        <v>1.0621848484269165</v>
      </c>
      <c r="P1194" s="59">
        <f>IF(Input!$D$19=3,J1194*Input!$C$19,0)+IF(Input!$D$20=3,K1194*Input!$C$20,0)+IF(Input!$D$21=3,L1194*Input!$C$21,0)+IF(Input!$D$22=3,M1194*Input!$C$22,0)</f>
        <v>0</v>
      </c>
      <c r="Q1194" s="75">
        <f>IF(Input!$D$19=4,J1194*Input!$C$19,0)+IF(Input!$D$20=4,K1194*Input!$C$20,0)+IF(Input!$D$21=4,L1194*Input!$C$21,0)+IF(Input!$D$22=4,M1194*Input!$C$22,0)</f>
        <v>0</v>
      </c>
      <c r="R1194" s="58">
        <v>64.628357706018122</v>
      </c>
      <c r="S1194" s="124">
        <f t="shared" si="18"/>
        <v>1.8411204039399889</v>
      </c>
    </row>
    <row r="1195" spans="8:19" x14ac:dyDescent="0.3">
      <c r="H1195" s="44">
        <v>1188</v>
      </c>
      <c r="I1195" s="56">
        <f>Bühler!I1221</f>
        <v>0.53952246269303705</v>
      </c>
      <c r="J1195" s="59">
        <f>Bühler!J1221</f>
        <v>1.7984082089767903</v>
      </c>
      <c r="K1195" s="59">
        <f>Bühler!K1221</f>
        <v>2.6976123134651853</v>
      </c>
      <c r="L1195" s="59">
        <f>Bühler!L1221</f>
        <v>12.948539104632889</v>
      </c>
      <c r="M1195" s="58">
        <f>Bühler!M1221</f>
        <v>0</v>
      </c>
      <c r="N1195" s="56">
        <f>IF(Input!$D$19=1,J1195*Input!$C$19,0)+IF(Input!$D$20=1,K1195*Input!$C$20,0)+IF(Input!$D$21=1,L1195*Input!$C$21,0)+IF(Input!$D$22=1,M1195*Input!$C$22,0)</f>
        <v>0.53952246269303705</v>
      </c>
      <c r="O1195" s="59">
        <f>IF(Input!$D$19=2,J1195*Input!$C$19,0)+IF(Input!$D$20=2,K1195*Input!$C$20,0)+IF(Input!$D$21=2,L1195*Input!$C$21,0)+IF(Input!$D$22=2,M1195*Input!$C$22,0)</f>
        <v>1.3488061567325926</v>
      </c>
      <c r="P1195" s="59">
        <f>IF(Input!$D$19=3,J1195*Input!$C$19,0)+IF(Input!$D$20=3,K1195*Input!$C$20,0)+IF(Input!$D$21=3,L1195*Input!$C$21,0)+IF(Input!$D$22=3,M1195*Input!$C$22,0)</f>
        <v>0</v>
      </c>
      <c r="Q1195" s="75">
        <f>IF(Input!$D$19=4,J1195*Input!$C$19,0)+IF(Input!$D$20=4,K1195*Input!$C$20,0)+IF(Input!$D$21=4,L1195*Input!$C$21,0)+IF(Input!$D$22=4,M1195*Input!$C$22,0)</f>
        <v>0</v>
      </c>
      <c r="R1195" s="58">
        <v>65.220809238970944</v>
      </c>
      <c r="S1195" s="124">
        <f t="shared" si="18"/>
        <v>2.3379306716698274</v>
      </c>
    </row>
    <row r="1196" spans="8:19" x14ac:dyDescent="0.3">
      <c r="H1196" s="44">
        <v>1189</v>
      </c>
      <c r="I1196" s="56">
        <f>Bühler!I1222</f>
        <v>0.53952246269303705</v>
      </c>
      <c r="J1196" s="59">
        <f>Bühler!J1222</f>
        <v>1.7984082089767903</v>
      </c>
      <c r="K1196" s="59">
        <f>Bühler!K1222</f>
        <v>2.6976123134651853</v>
      </c>
      <c r="L1196" s="59">
        <f>Bühler!L1222</f>
        <v>12.948539104632889</v>
      </c>
      <c r="M1196" s="58">
        <f>Bühler!M1222</f>
        <v>0</v>
      </c>
      <c r="N1196" s="56">
        <f>IF(Input!$D$19=1,J1196*Input!$C$19,0)+IF(Input!$D$20=1,K1196*Input!$C$20,0)+IF(Input!$D$21=1,L1196*Input!$C$21,0)+IF(Input!$D$22=1,M1196*Input!$C$22,0)</f>
        <v>0.53952246269303705</v>
      </c>
      <c r="O1196" s="59">
        <f>IF(Input!$D$19=2,J1196*Input!$C$19,0)+IF(Input!$D$20=2,K1196*Input!$C$20,0)+IF(Input!$D$21=2,L1196*Input!$C$21,0)+IF(Input!$D$22=2,M1196*Input!$C$22,0)</f>
        <v>1.3488061567325926</v>
      </c>
      <c r="P1196" s="59">
        <f>IF(Input!$D$19=3,J1196*Input!$C$19,0)+IF(Input!$D$20=3,K1196*Input!$C$20,0)+IF(Input!$D$21=3,L1196*Input!$C$21,0)+IF(Input!$D$22=3,M1196*Input!$C$22,0)</f>
        <v>0</v>
      </c>
      <c r="Q1196" s="75">
        <f>IF(Input!$D$19=4,J1196*Input!$C$19,0)+IF(Input!$D$20=4,K1196*Input!$C$20,0)+IF(Input!$D$21=4,L1196*Input!$C$21,0)+IF(Input!$D$22=4,M1196*Input!$C$22,0)</f>
        <v>0</v>
      </c>
      <c r="R1196" s="58">
        <v>64.985157413614544</v>
      </c>
      <c r="S1196" s="124">
        <f t="shared" si="18"/>
        <v>2.3379306716698274</v>
      </c>
    </row>
    <row r="1197" spans="8:19" x14ac:dyDescent="0.3">
      <c r="H1197" s="44">
        <v>1190</v>
      </c>
      <c r="I1197" s="56">
        <f>Bühler!I1223</f>
        <v>0.35743363153413704</v>
      </c>
      <c r="J1197" s="59">
        <f>Bühler!J1223</f>
        <v>1.1914454384471236</v>
      </c>
      <c r="K1197" s="59">
        <f>Bühler!K1223</f>
        <v>1.787168157670685</v>
      </c>
      <c r="L1197" s="59">
        <f>Bühler!L1223</f>
        <v>8.5784071568192886</v>
      </c>
      <c r="M1197" s="58">
        <f>Bühler!M1223</f>
        <v>0</v>
      </c>
      <c r="N1197" s="56">
        <f>IF(Input!$D$19=1,J1197*Input!$C$19,0)+IF(Input!$D$20=1,K1197*Input!$C$20,0)+IF(Input!$D$21=1,L1197*Input!$C$21,0)+IF(Input!$D$22=1,M1197*Input!$C$22,0)</f>
        <v>0.35743363153413704</v>
      </c>
      <c r="O1197" s="59">
        <f>IF(Input!$D$19=2,J1197*Input!$C$19,0)+IF(Input!$D$20=2,K1197*Input!$C$20,0)+IF(Input!$D$21=2,L1197*Input!$C$21,0)+IF(Input!$D$22=2,M1197*Input!$C$22,0)</f>
        <v>0.89358407883534252</v>
      </c>
      <c r="P1197" s="59">
        <f>IF(Input!$D$19=3,J1197*Input!$C$19,0)+IF(Input!$D$20=3,K1197*Input!$C$20,0)+IF(Input!$D$21=3,L1197*Input!$C$21,0)+IF(Input!$D$22=3,M1197*Input!$C$22,0)</f>
        <v>0</v>
      </c>
      <c r="Q1197" s="75">
        <f>IF(Input!$D$19=4,J1197*Input!$C$19,0)+IF(Input!$D$20=4,K1197*Input!$C$20,0)+IF(Input!$D$21=4,L1197*Input!$C$21,0)+IF(Input!$D$22=4,M1197*Input!$C$22,0)</f>
        <v>0</v>
      </c>
      <c r="R1197" s="58">
        <v>64.625512144426267</v>
      </c>
      <c r="S1197" s="124">
        <f t="shared" si="18"/>
        <v>1.5488790699812607</v>
      </c>
    </row>
    <row r="1198" spans="8:19" x14ac:dyDescent="0.3">
      <c r="H1198" s="44">
        <v>1191</v>
      </c>
      <c r="I1198" s="56">
        <f>Bühler!I1224</f>
        <v>0.53952246269303705</v>
      </c>
      <c r="J1198" s="59">
        <f>Bühler!J1224</f>
        <v>1.7984082089767903</v>
      </c>
      <c r="K1198" s="59">
        <f>Bühler!K1224</f>
        <v>2.6976123134651853</v>
      </c>
      <c r="L1198" s="59">
        <f>Bühler!L1224</f>
        <v>12.948539104632889</v>
      </c>
      <c r="M1198" s="58">
        <f>Bühler!M1224</f>
        <v>0</v>
      </c>
      <c r="N1198" s="56">
        <f>IF(Input!$D$19=1,J1198*Input!$C$19,0)+IF(Input!$D$20=1,K1198*Input!$C$20,0)+IF(Input!$D$21=1,L1198*Input!$C$21,0)+IF(Input!$D$22=1,M1198*Input!$C$22,0)</f>
        <v>0.53952246269303705</v>
      </c>
      <c r="O1198" s="59">
        <f>IF(Input!$D$19=2,J1198*Input!$C$19,0)+IF(Input!$D$20=2,K1198*Input!$C$20,0)+IF(Input!$D$21=2,L1198*Input!$C$21,0)+IF(Input!$D$22=2,M1198*Input!$C$22,0)</f>
        <v>1.3488061567325926</v>
      </c>
      <c r="P1198" s="59">
        <f>IF(Input!$D$19=3,J1198*Input!$C$19,0)+IF(Input!$D$20=3,K1198*Input!$C$20,0)+IF(Input!$D$21=3,L1198*Input!$C$21,0)+IF(Input!$D$22=3,M1198*Input!$C$22,0)</f>
        <v>0</v>
      </c>
      <c r="Q1198" s="75">
        <f>IF(Input!$D$19=4,J1198*Input!$C$19,0)+IF(Input!$D$20=4,K1198*Input!$C$20,0)+IF(Input!$D$21=4,L1198*Input!$C$21,0)+IF(Input!$D$22=4,M1198*Input!$C$22,0)</f>
        <v>0</v>
      </c>
      <c r="R1198" s="58">
        <v>64.67395988997032</v>
      </c>
      <c r="S1198" s="124">
        <f t="shared" si="18"/>
        <v>2.3379306716698274</v>
      </c>
    </row>
    <row r="1199" spans="8:19" x14ac:dyDescent="0.3">
      <c r="H1199" s="44">
        <v>1192</v>
      </c>
      <c r="I1199" s="56">
        <f>Bühler!I1225</f>
        <v>0.53952246269303705</v>
      </c>
      <c r="J1199" s="59">
        <f>Bühler!J1225</f>
        <v>1.7984082089767903</v>
      </c>
      <c r="K1199" s="59">
        <f>Bühler!K1225</f>
        <v>2.6976123134651853</v>
      </c>
      <c r="L1199" s="59">
        <f>Bühler!L1225</f>
        <v>12.948539104632889</v>
      </c>
      <c r="M1199" s="58">
        <f>Bühler!M1225</f>
        <v>0</v>
      </c>
      <c r="N1199" s="56">
        <f>IF(Input!$D$19=1,J1199*Input!$C$19,0)+IF(Input!$D$20=1,K1199*Input!$C$20,0)+IF(Input!$D$21=1,L1199*Input!$C$21,0)+IF(Input!$D$22=1,M1199*Input!$C$22,0)</f>
        <v>0.53952246269303705</v>
      </c>
      <c r="O1199" s="59">
        <f>IF(Input!$D$19=2,J1199*Input!$C$19,0)+IF(Input!$D$20=2,K1199*Input!$C$20,0)+IF(Input!$D$21=2,L1199*Input!$C$21,0)+IF(Input!$D$22=2,M1199*Input!$C$22,0)</f>
        <v>1.3488061567325926</v>
      </c>
      <c r="P1199" s="59">
        <f>IF(Input!$D$19=3,J1199*Input!$C$19,0)+IF(Input!$D$20=3,K1199*Input!$C$20,0)+IF(Input!$D$21=3,L1199*Input!$C$21,0)+IF(Input!$D$22=3,M1199*Input!$C$22,0)</f>
        <v>0</v>
      </c>
      <c r="Q1199" s="75">
        <f>IF(Input!$D$19=4,J1199*Input!$C$19,0)+IF(Input!$D$20=4,K1199*Input!$C$20,0)+IF(Input!$D$21=4,L1199*Input!$C$21,0)+IF(Input!$D$22=4,M1199*Input!$C$22,0)</f>
        <v>0</v>
      </c>
      <c r="R1199" s="58">
        <v>63.962979850704308</v>
      </c>
      <c r="S1199" s="124">
        <f t="shared" si="18"/>
        <v>2.3379306716698274</v>
      </c>
    </row>
    <row r="1200" spans="8:19" x14ac:dyDescent="0.3">
      <c r="H1200" s="44">
        <v>1193</v>
      </c>
      <c r="I1200" s="56">
        <f>Bühler!I1226</f>
        <v>0.53952246269303705</v>
      </c>
      <c r="J1200" s="59">
        <f>Bühler!J1226</f>
        <v>1.7984082089767903</v>
      </c>
      <c r="K1200" s="59">
        <f>Bühler!K1226</f>
        <v>2.6976123134651853</v>
      </c>
      <c r="L1200" s="59">
        <f>Bühler!L1226</f>
        <v>12.948539104632889</v>
      </c>
      <c r="M1200" s="58">
        <f>Bühler!M1226</f>
        <v>0</v>
      </c>
      <c r="N1200" s="56">
        <f>IF(Input!$D$19=1,J1200*Input!$C$19,0)+IF(Input!$D$20=1,K1200*Input!$C$20,0)+IF(Input!$D$21=1,L1200*Input!$C$21,0)+IF(Input!$D$22=1,M1200*Input!$C$22,0)</f>
        <v>0.53952246269303705</v>
      </c>
      <c r="O1200" s="59">
        <f>IF(Input!$D$19=2,J1200*Input!$C$19,0)+IF(Input!$D$20=2,K1200*Input!$C$20,0)+IF(Input!$D$21=2,L1200*Input!$C$21,0)+IF(Input!$D$22=2,M1200*Input!$C$22,0)</f>
        <v>1.3488061567325926</v>
      </c>
      <c r="P1200" s="59">
        <f>IF(Input!$D$19=3,J1200*Input!$C$19,0)+IF(Input!$D$20=3,K1200*Input!$C$20,0)+IF(Input!$D$21=3,L1200*Input!$C$21,0)+IF(Input!$D$22=3,M1200*Input!$C$22,0)</f>
        <v>0</v>
      </c>
      <c r="Q1200" s="75">
        <f>IF(Input!$D$19=4,J1200*Input!$C$19,0)+IF(Input!$D$20=4,K1200*Input!$C$20,0)+IF(Input!$D$21=4,L1200*Input!$C$21,0)+IF(Input!$D$22=4,M1200*Input!$C$22,0)</f>
        <v>0</v>
      </c>
      <c r="R1200" s="58">
        <v>63.130742092246848</v>
      </c>
      <c r="S1200" s="124">
        <f t="shared" si="18"/>
        <v>2.3379306716698274</v>
      </c>
    </row>
    <row r="1201" spans="8:19" x14ac:dyDescent="0.3">
      <c r="H1201" s="44">
        <v>1194</v>
      </c>
      <c r="I1201" s="56">
        <f>Bühler!I1227</f>
        <v>0.53952246269303705</v>
      </c>
      <c r="J1201" s="59">
        <f>Bühler!J1227</f>
        <v>1.7984082089767903</v>
      </c>
      <c r="K1201" s="59">
        <f>Bühler!K1227</f>
        <v>2.6976123134651853</v>
      </c>
      <c r="L1201" s="59">
        <f>Bühler!L1227</f>
        <v>12.948539104632889</v>
      </c>
      <c r="M1201" s="58">
        <f>Bühler!M1227</f>
        <v>0</v>
      </c>
      <c r="N1201" s="56">
        <f>IF(Input!$D$19=1,J1201*Input!$C$19,0)+IF(Input!$D$20=1,K1201*Input!$C$20,0)+IF(Input!$D$21=1,L1201*Input!$C$21,0)+IF(Input!$D$22=1,M1201*Input!$C$22,0)</f>
        <v>0.53952246269303705</v>
      </c>
      <c r="O1201" s="59">
        <f>IF(Input!$D$19=2,J1201*Input!$C$19,0)+IF(Input!$D$20=2,K1201*Input!$C$20,0)+IF(Input!$D$21=2,L1201*Input!$C$21,0)+IF(Input!$D$22=2,M1201*Input!$C$22,0)</f>
        <v>1.3488061567325926</v>
      </c>
      <c r="P1201" s="59">
        <f>IF(Input!$D$19=3,J1201*Input!$C$19,0)+IF(Input!$D$20=3,K1201*Input!$C$20,0)+IF(Input!$D$21=3,L1201*Input!$C$21,0)+IF(Input!$D$22=3,M1201*Input!$C$22,0)</f>
        <v>0</v>
      </c>
      <c r="Q1201" s="75">
        <f>IF(Input!$D$19=4,J1201*Input!$C$19,0)+IF(Input!$D$20=4,K1201*Input!$C$20,0)+IF(Input!$D$21=4,L1201*Input!$C$21,0)+IF(Input!$D$22=4,M1201*Input!$C$22,0)</f>
        <v>0</v>
      </c>
      <c r="R1201" s="58">
        <v>62.042263924933614</v>
      </c>
      <c r="S1201" s="124">
        <f t="shared" si="18"/>
        <v>2.3379306716698274</v>
      </c>
    </row>
    <row r="1202" spans="8:19" x14ac:dyDescent="0.3">
      <c r="H1202" s="44">
        <v>1195</v>
      </c>
      <c r="I1202" s="56">
        <f>Bühler!I1228</f>
        <v>0.53952246269303705</v>
      </c>
      <c r="J1202" s="59">
        <f>Bühler!J1228</f>
        <v>1.7984082089767903</v>
      </c>
      <c r="K1202" s="59">
        <f>Bühler!K1228</f>
        <v>2.6976123134651853</v>
      </c>
      <c r="L1202" s="59">
        <f>Bühler!L1228</f>
        <v>12.948539104632889</v>
      </c>
      <c r="M1202" s="58">
        <f>Bühler!M1228</f>
        <v>0</v>
      </c>
      <c r="N1202" s="56">
        <f>IF(Input!$D$19=1,J1202*Input!$C$19,0)+IF(Input!$D$20=1,K1202*Input!$C$20,0)+IF(Input!$D$21=1,L1202*Input!$C$21,0)+IF(Input!$D$22=1,M1202*Input!$C$22,0)</f>
        <v>0.53952246269303705</v>
      </c>
      <c r="O1202" s="59">
        <f>IF(Input!$D$19=2,J1202*Input!$C$19,0)+IF(Input!$D$20=2,K1202*Input!$C$20,0)+IF(Input!$D$21=2,L1202*Input!$C$21,0)+IF(Input!$D$22=2,M1202*Input!$C$22,0)</f>
        <v>1.3488061567325926</v>
      </c>
      <c r="P1202" s="59">
        <f>IF(Input!$D$19=3,J1202*Input!$C$19,0)+IF(Input!$D$20=3,K1202*Input!$C$20,0)+IF(Input!$D$21=3,L1202*Input!$C$21,0)+IF(Input!$D$22=3,M1202*Input!$C$22,0)</f>
        <v>0</v>
      </c>
      <c r="Q1202" s="75">
        <f>IF(Input!$D$19=4,J1202*Input!$C$19,0)+IF(Input!$D$20=4,K1202*Input!$C$20,0)+IF(Input!$D$21=4,L1202*Input!$C$21,0)+IF(Input!$D$22=4,M1202*Input!$C$22,0)</f>
        <v>0</v>
      </c>
      <c r="R1202" s="58">
        <v>60.969841644726358</v>
      </c>
      <c r="S1202" s="124">
        <f t="shared" si="18"/>
        <v>2.3379306716698274</v>
      </c>
    </row>
    <row r="1203" spans="8:19" x14ac:dyDescent="0.3">
      <c r="H1203" s="44">
        <v>1196</v>
      </c>
      <c r="I1203" s="56">
        <f>Bühler!I1229</f>
        <v>0.45185006250541848</v>
      </c>
      <c r="J1203" s="59">
        <f>Bühler!J1229</f>
        <v>1.5061668750180619</v>
      </c>
      <c r="K1203" s="59">
        <f>Bühler!K1229</f>
        <v>2.2592503125270924</v>
      </c>
      <c r="L1203" s="59">
        <f>Bühler!L1229</f>
        <v>10.844401500130044</v>
      </c>
      <c r="M1203" s="58">
        <f>Bühler!M1229</f>
        <v>0</v>
      </c>
      <c r="N1203" s="56">
        <f>IF(Input!$D$19=1,J1203*Input!$C$19,0)+IF(Input!$D$20=1,K1203*Input!$C$20,0)+IF(Input!$D$21=1,L1203*Input!$C$21,0)+IF(Input!$D$22=1,M1203*Input!$C$22,0)</f>
        <v>0.45185006250541854</v>
      </c>
      <c r="O1203" s="59">
        <f>IF(Input!$D$19=2,J1203*Input!$C$19,0)+IF(Input!$D$20=2,K1203*Input!$C$20,0)+IF(Input!$D$21=2,L1203*Input!$C$21,0)+IF(Input!$D$22=2,M1203*Input!$C$22,0)</f>
        <v>1.1296251562635462</v>
      </c>
      <c r="P1203" s="59">
        <f>IF(Input!$D$19=3,J1203*Input!$C$19,0)+IF(Input!$D$20=3,K1203*Input!$C$20,0)+IF(Input!$D$21=3,L1203*Input!$C$21,0)+IF(Input!$D$22=3,M1203*Input!$C$22,0)</f>
        <v>0</v>
      </c>
      <c r="Q1203" s="75">
        <f>IF(Input!$D$19=4,J1203*Input!$C$19,0)+IF(Input!$D$20=4,K1203*Input!$C$20,0)+IF(Input!$D$21=4,L1203*Input!$C$21,0)+IF(Input!$D$22=4,M1203*Input!$C$22,0)</f>
        <v>0</v>
      </c>
      <c r="R1203" s="58">
        <v>60.373596931883156</v>
      </c>
      <c r="S1203" s="124">
        <f t="shared" si="18"/>
        <v>1.9580169375234804</v>
      </c>
    </row>
    <row r="1204" spans="8:19" x14ac:dyDescent="0.3">
      <c r="H1204" s="44">
        <v>1197</v>
      </c>
      <c r="I1204" s="56">
        <f>Bühler!I1230</f>
        <v>0.37092169310146289</v>
      </c>
      <c r="J1204" s="59">
        <f>Bühler!J1230</f>
        <v>1.2364056436715432</v>
      </c>
      <c r="K1204" s="59">
        <f>Bühler!K1230</f>
        <v>1.8546084655073143</v>
      </c>
      <c r="L1204" s="59">
        <f>Bühler!L1230</f>
        <v>8.9021206344351089</v>
      </c>
      <c r="M1204" s="58">
        <f>Bühler!M1230</f>
        <v>0</v>
      </c>
      <c r="N1204" s="56">
        <f>IF(Input!$D$19=1,J1204*Input!$C$19,0)+IF(Input!$D$20=1,K1204*Input!$C$20,0)+IF(Input!$D$21=1,L1204*Input!$C$21,0)+IF(Input!$D$22=1,M1204*Input!$C$22,0)</f>
        <v>0.37092169310146295</v>
      </c>
      <c r="O1204" s="59">
        <f>IF(Input!$D$19=2,J1204*Input!$C$19,0)+IF(Input!$D$20=2,K1204*Input!$C$20,0)+IF(Input!$D$21=2,L1204*Input!$C$21,0)+IF(Input!$D$22=2,M1204*Input!$C$22,0)</f>
        <v>0.92730423275365714</v>
      </c>
      <c r="P1204" s="59">
        <f>IF(Input!$D$19=3,J1204*Input!$C$19,0)+IF(Input!$D$20=3,K1204*Input!$C$20,0)+IF(Input!$D$21=3,L1204*Input!$C$21,0)+IF(Input!$D$22=3,M1204*Input!$C$22,0)</f>
        <v>0</v>
      </c>
      <c r="Q1204" s="75">
        <f>IF(Input!$D$19=4,J1204*Input!$C$19,0)+IF(Input!$D$20=4,K1204*Input!$C$20,0)+IF(Input!$D$21=4,L1204*Input!$C$21,0)+IF(Input!$D$22=4,M1204*Input!$C$22,0)</f>
        <v>0</v>
      </c>
      <c r="R1204" s="58">
        <v>59.92520695602169</v>
      </c>
      <c r="S1204" s="124">
        <f t="shared" si="18"/>
        <v>1.6073273367730061</v>
      </c>
    </row>
    <row r="1205" spans="8:19" x14ac:dyDescent="0.3">
      <c r="H1205" s="44">
        <v>1198</v>
      </c>
      <c r="I1205" s="56">
        <f>Bühler!I1231</f>
        <v>0.26976123134651853</v>
      </c>
      <c r="J1205" s="59">
        <f>Bühler!J1231</f>
        <v>0.89920410448839516</v>
      </c>
      <c r="K1205" s="59">
        <f>Bühler!K1231</f>
        <v>1.3488061567325926</v>
      </c>
      <c r="L1205" s="59">
        <f>Bühler!L1231</f>
        <v>6.4742695523164446</v>
      </c>
      <c r="M1205" s="58">
        <f>Bühler!M1231</f>
        <v>0</v>
      </c>
      <c r="N1205" s="56">
        <f>IF(Input!$D$19=1,J1205*Input!$C$19,0)+IF(Input!$D$20=1,K1205*Input!$C$20,0)+IF(Input!$D$21=1,L1205*Input!$C$21,0)+IF(Input!$D$22=1,M1205*Input!$C$22,0)</f>
        <v>0.26976123134651853</v>
      </c>
      <c r="O1205" s="59">
        <f>IF(Input!$D$19=2,J1205*Input!$C$19,0)+IF(Input!$D$20=2,K1205*Input!$C$20,0)+IF(Input!$D$21=2,L1205*Input!$C$21,0)+IF(Input!$D$22=2,M1205*Input!$C$22,0)</f>
        <v>0.67440307836629632</v>
      </c>
      <c r="P1205" s="59">
        <f>IF(Input!$D$19=3,J1205*Input!$C$19,0)+IF(Input!$D$20=3,K1205*Input!$C$20,0)+IF(Input!$D$21=3,L1205*Input!$C$21,0)+IF(Input!$D$22=3,M1205*Input!$C$22,0)</f>
        <v>0</v>
      </c>
      <c r="Q1205" s="75">
        <f>IF(Input!$D$19=4,J1205*Input!$C$19,0)+IF(Input!$D$20=4,K1205*Input!$C$20,0)+IF(Input!$D$21=4,L1205*Input!$C$21,0)+IF(Input!$D$22=4,M1205*Input!$C$22,0)</f>
        <v>0</v>
      </c>
      <c r="R1205" s="58">
        <v>59.110958666131509</v>
      </c>
      <c r="S1205" s="124">
        <f t="shared" si="18"/>
        <v>1.1689653358349137</v>
      </c>
    </row>
    <row r="1206" spans="8:19" x14ac:dyDescent="0.3">
      <c r="H1206" s="44">
        <v>1199</v>
      </c>
      <c r="I1206" s="56">
        <f>Bühler!I1232</f>
        <v>0.25627316977919257</v>
      </c>
      <c r="J1206" s="59">
        <f>Bühler!J1232</f>
        <v>0.85424389926397526</v>
      </c>
      <c r="K1206" s="59">
        <f>Bühler!K1232</f>
        <v>1.2813658488959627</v>
      </c>
      <c r="L1206" s="59">
        <f>Bühler!L1232</f>
        <v>6.1505560747006216</v>
      </c>
      <c r="M1206" s="58">
        <f>Bühler!M1232</f>
        <v>0</v>
      </c>
      <c r="N1206" s="56">
        <f>IF(Input!$D$19=1,J1206*Input!$C$19,0)+IF(Input!$D$20=1,K1206*Input!$C$20,0)+IF(Input!$D$21=1,L1206*Input!$C$21,0)+IF(Input!$D$22=1,M1206*Input!$C$22,0)</f>
        <v>0.25627316977919257</v>
      </c>
      <c r="O1206" s="59">
        <f>IF(Input!$D$19=2,J1206*Input!$C$19,0)+IF(Input!$D$20=2,K1206*Input!$C$20,0)+IF(Input!$D$21=2,L1206*Input!$C$21,0)+IF(Input!$D$22=2,M1206*Input!$C$22,0)</f>
        <v>0.64068292444798136</v>
      </c>
      <c r="P1206" s="59">
        <f>IF(Input!$D$19=3,J1206*Input!$C$19,0)+IF(Input!$D$20=3,K1206*Input!$C$20,0)+IF(Input!$D$21=3,L1206*Input!$C$21,0)+IF(Input!$D$22=3,M1206*Input!$C$22,0)</f>
        <v>0</v>
      </c>
      <c r="Q1206" s="75">
        <f>IF(Input!$D$19=4,J1206*Input!$C$19,0)+IF(Input!$D$20=4,K1206*Input!$C$20,0)+IF(Input!$D$21=4,L1206*Input!$C$21,0)+IF(Input!$D$22=4,M1206*Input!$C$22,0)</f>
        <v>0</v>
      </c>
      <c r="R1206" s="58">
        <v>58.881155776121531</v>
      </c>
      <c r="S1206" s="124">
        <f t="shared" si="18"/>
        <v>1.1105170690431678</v>
      </c>
    </row>
    <row r="1207" spans="8:19" x14ac:dyDescent="0.3">
      <c r="H1207" s="44">
        <v>1200</v>
      </c>
      <c r="I1207" s="56">
        <f>Bühler!I1233</f>
        <v>0.25627316977919257</v>
      </c>
      <c r="J1207" s="59">
        <f>Bühler!J1233</f>
        <v>0.85424389926397526</v>
      </c>
      <c r="K1207" s="59">
        <f>Bühler!K1233</f>
        <v>1.2813658488959627</v>
      </c>
      <c r="L1207" s="59">
        <f>Bühler!L1233</f>
        <v>6.1505560747006216</v>
      </c>
      <c r="M1207" s="58">
        <f>Bühler!M1233</f>
        <v>0</v>
      </c>
      <c r="N1207" s="56">
        <f>IF(Input!$D$19=1,J1207*Input!$C$19,0)+IF(Input!$D$20=1,K1207*Input!$C$20,0)+IF(Input!$D$21=1,L1207*Input!$C$21,0)+IF(Input!$D$22=1,M1207*Input!$C$22,0)</f>
        <v>0.25627316977919257</v>
      </c>
      <c r="O1207" s="59">
        <f>IF(Input!$D$19=2,J1207*Input!$C$19,0)+IF(Input!$D$20=2,K1207*Input!$C$20,0)+IF(Input!$D$21=2,L1207*Input!$C$21,0)+IF(Input!$D$22=2,M1207*Input!$C$22,0)</f>
        <v>0.64068292444798136</v>
      </c>
      <c r="P1207" s="59">
        <f>IF(Input!$D$19=3,J1207*Input!$C$19,0)+IF(Input!$D$20=3,K1207*Input!$C$20,0)+IF(Input!$D$21=3,L1207*Input!$C$21,0)+IF(Input!$D$22=3,M1207*Input!$C$22,0)</f>
        <v>0</v>
      </c>
      <c r="Q1207" s="75">
        <f>IF(Input!$D$19=4,J1207*Input!$C$19,0)+IF(Input!$D$20=4,K1207*Input!$C$20,0)+IF(Input!$D$21=4,L1207*Input!$C$21,0)+IF(Input!$D$22=4,M1207*Input!$C$22,0)</f>
        <v>0</v>
      </c>
      <c r="R1207" s="58">
        <v>58.585102139839002</v>
      </c>
      <c r="S1207" s="124">
        <f t="shared" si="18"/>
        <v>1.1105170690431678</v>
      </c>
    </row>
    <row r="1208" spans="8:19" x14ac:dyDescent="0.3">
      <c r="H1208" s="44">
        <v>1201</v>
      </c>
      <c r="I1208" s="56">
        <f>Bühler!I1234</f>
        <v>0.23331759745546882</v>
      </c>
      <c r="J1208" s="59">
        <f>Bühler!J1234</f>
        <v>0.77772532485156276</v>
      </c>
      <c r="K1208" s="59">
        <f>Bühler!K1234</f>
        <v>1.1665879872773441</v>
      </c>
      <c r="L1208" s="59">
        <f>Bühler!L1234</f>
        <v>5.5996223389312521</v>
      </c>
      <c r="M1208" s="58">
        <f>Bühler!M1234</f>
        <v>0</v>
      </c>
      <c r="N1208" s="56">
        <f>IF(Input!$D$19=1,J1208*Input!$C$19,0)+IF(Input!$D$20=1,K1208*Input!$C$20,0)+IF(Input!$D$21=1,L1208*Input!$C$21,0)+IF(Input!$D$22=1,M1208*Input!$C$22,0)</f>
        <v>0.23331759745546882</v>
      </c>
      <c r="O1208" s="59">
        <f>IF(Input!$D$19=2,J1208*Input!$C$19,0)+IF(Input!$D$20=2,K1208*Input!$C$20,0)+IF(Input!$D$21=2,L1208*Input!$C$21,0)+IF(Input!$D$22=2,M1208*Input!$C$22,0)</f>
        <v>0.58329399363867207</v>
      </c>
      <c r="P1208" s="59">
        <f>IF(Input!$D$19=3,J1208*Input!$C$19,0)+IF(Input!$D$20=3,K1208*Input!$C$20,0)+IF(Input!$D$21=3,L1208*Input!$C$21,0)+IF(Input!$D$22=3,M1208*Input!$C$22,0)</f>
        <v>0</v>
      </c>
      <c r="Q1208" s="75">
        <f>IF(Input!$D$19=4,J1208*Input!$C$19,0)+IF(Input!$D$20=4,K1208*Input!$C$20,0)+IF(Input!$D$21=4,L1208*Input!$C$21,0)+IF(Input!$D$22=4,M1208*Input!$C$22,0)</f>
        <v>0</v>
      </c>
      <c r="R1208" s="58">
        <v>57.583216306453124</v>
      </c>
      <c r="S1208" s="124">
        <f t="shared" si="18"/>
        <v>1.0110429223070316</v>
      </c>
    </row>
    <row r="1209" spans="8:19" x14ac:dyDescent="0.3">
      <c r="H1209" s="44">
        <v>1202</v>
      </c>
      <c r="I1209" s="56">
        <f>Bühler!I1235</f>
        <v>0.23331759745546882</v>
      </c>
      <c r="J1209" s="59">
        <f>Bühler!J1235</f>
        <v>0.77772532485156276</v>
      </c>
      <c r="K1209" s="59">
        <f>Bühler!K1235</f>
        <v>1.1665879872773441</v>
      </c>
      <c r="L1209" s="59">
        <f>Bühler!L1235</f>
        <v>5.5996223389312521</v>
      </c>
      <c r="M1209" s="58">
        <f>Bühler!M1235</f>
        <v>0</v>
      </c>
      <c r="N1209" s="56">
        <f>IF(Input!$D$19=1,J1209*Input!$C$19,0)+IF(Input!$D$20=1,K1209*Input!$C$20,0)+IF(Input!$D$21=1,L1209*Input!$C$21,0)+IF(Input!$D$22=1,M1209*Input!$C$22,0)</f>
        <v>0.23331759745546882</v>
      </c>
      <c r="O1209" s="59">
        <f>IF(Input!$D$19=2,J1209*Input!$C$19,0)+IF(Input!$D$20=2,K1209*Input!$C$20,0)+IF(Input!$D$21=2,L1209*Input!$C$21,0)+IF(Input!$D$22=2,M1209*Input!$C$22,0)</f>
        <v>0.58329399363867207</v>
      </c>
      <c r="P1209" s="59">
        <f>IF(Input!$D$19=3,J1209*Input!$C$19,0)+IF(Input!$D$20=3,K1209*Input!$C$20,0)+IF(Input!$D$21=3,L1209*Input!$C$21,0)+IF(Input!$D$22=3,M1209*Input!$C$22,0)</f>
        <v>0</v>
      </c>
      <c r="Q1209" s="75">
        <f>IF(Input!$D$19=4,J1209*Input!$C$19,0)+IF(Input!$D$20=4,K1209*Input!$C$20,0)+IF(Input!$D$21=4,L1209*Input!$C$21,0)+IF(Input!$D$22=4,M1209*Input!$C$22,0)</f>
        <v>0</v>
      </c>
      <c r="R1209" s="58">
        <v>57.353859334852245</v>
      </c>
      <c r="S1209" s="124">
        <f t="shared" si="18"/>
        <v>1.0110429223070316</v>
      </c>
    </row>
    <row r="1210" spans="8:19" x14ac:dyDescent="0.3">
      <c r="H1210" s="44">
        <v>1203</v>
      </c>
      <c r="I1210" s="56">
        <f>Bühler!I1236</f>
        <v>0.23331759745546882</v>
      </c>
      <c r="J1210" s="59">
        <f>Bühler!J1236</f>
        <v>0.77772532485156276</v>
      </c>
      <c r="K1210" s="59">
        <f>Bühler!K1236</f>
        <v>1.1665879872773441</v>
      </c>
      <c r="L1210" s="59">
        <f>Bühler!L1236</f>
        <v>5.5996223389312521</v>
      </c>
      <c r="M1210" s="58">
        <f>Bühler!M1236</f>
        <v>0</v>
      </c>
      <c r="N1210" s="56">
        <f>IF(Input!$D$19=1,J1210*Input!$C$19,0)+IF(Input!$D$20=1,K1210*Input!$C$20,0)+IF(Input!$D$21=1,L1210*Input!$C$21,0)+IF(Input!$D$22=1,M1210*Input!$C$22,0)</f>
        <v>0.23331759745546882</v>
      </c>
      <c r="O1210" s="59">
        <f>IF(Input!$D$19=2,J1210*Input!$C$19,0)+IF(Input!$D$20=2,K1210*Input!$C$20,0)+IF(Input!$D$21=2,L1210*Input!$C$21,0)+IF(Input!$D$22=2,M1210*Input!$C$22,0)</f>
        <v>0.58329399363867207</v>
      </c>
      <c r="P1210" s="59">
        <f>IF(Input!$D$19=3,J1210*Input!$C$19,0)+IF(Input!$D$20=3,K1210*Input!$C$20,0)+IF(Input!$D$21=3,L1210*Input!$C$21,0)+IF(Input!$D$22=3,M1210*Input!$C$22,0)</f>
        <v>0</v>
      </c>
      <c r="Q1210" s="75">
        <f>IF(Input!$D$19=4,J1210*Input!$C$19,0)+IF(Input!$D$20=4,K1210*Input!$C$20,0)+IF(Input!$D$21=4,L1210*Input!$C$21,0)+IF(Input!$D$22=4,M1210*Input!$C$22,0)</f>
        <v>0</v>
      </c>
      <c r="R1210" s="58">
        <v>57.088547982520915</v>
      </c>
      <c r="S1210" s="124">
        <f t="shared" si="18"/>
        <v>1.0110429223070316</v>
      </c>
    </row>
    <row r="1211" spans="8:19" x14ac:dyDescent="0.3">
      <c r="H1211" s="44">
        <v>1204</v>
      </c>
      <c r="I1211" s="56">
        <f>Bühler!I1237</f>
        <v>0.23331759745546882</v>
      </c>
      <c r="J1211" s="59">
        <f>Bühler!J1237</f>
        <v>0.77772532485156276</v>
      </c>
      <c r="K1211" s="59">
        <f>Bühler!K1237</f>
        <v>1.1665879872773441</v>
      </c>
      <c r="L1211" s="59">
        <f>Bühler!L1237</f>
        <v>5.5996223389312521</v>
      </c>
      <c r="M1211" s="58">
        <f>Bühler!M1237</f>
        <v>0</v>
      </c>
      <c r="N1211" s="56">
        <f>IF(Input!$D$19=1,J1211*Input!$C$19,0)+IF(Input!$D$20=1,K1211*Input!$C$20,0)+IF(Input!$D$21=1,L1211*Input!$C$21,0)+IF(Input!$D$22=1,M1211*Input!$C$22,0)</f>
        <v>0.23331759745546882</v>
      </c>
      <c r="O1211" s="59">
        <f>IF(Input!$D$19=2,J1211*Input!$C$19,0)+IF(Input!$D$20=2,K1211*Input!$C$20,0)+IF(Input!$D$21=2,L1211*Input!$C$21,0)+IF(Input!$D$22=2,M1211*Input!$C$22,0)</f>
        <v>0.58329399363867207</v>
      </c>
      <c r="P1211" s="59">
        <f>IF(Input!$D$19=3,J1211*Input!$C$19,0)+IF(Input!$D$20=3,K1211*Input!$C$20,0)+IF(Input!$D$21=3,L1211*Input!$C$21,0)+IF(Input!$D$22=3,M1211*Input!$C$22,0)</f>
        <v>0</v>
      </c>
      <c r="Q1211" s="75">
        <f>IF(Input!$D$19=4,J1211*Input!$C$19,0)+IF(Input!$D$20=4,K1211*Input!$C$20,0)+IF(Input!$D$21=4,L1211*Input!$C$21,0)+IF(Input!$D$22=4,M1211*Input!$C$22,0)</f>
        <v>0</v>
      </c>
      <c r="R1211" s="58">
        <v>56.764297808229109</v>
      </c>
      <c r="S1211" s="124">
        <f t="shared" si="18"/>
        <v>1.0110429223070316</v>
      </c>
    </row>
    <row r="1212" spans="8:19" x14ac:dyDescent="0.3">
      <c r="H1212" s="44">
        <v>1205</v>
      </c>
      <c r="I1212" s="56">
        <f>Bühler!I1238</f>
        <v>0.23331759745546882</v>
      </c>
      <c r="J1212" s="59">
        <f>Bühler!J1238</f>
        <v>0.77772532485156276</v>
      </c>
      <c r="K1212" s="59">
        <f>Bühler!K1238</f>
        <v>1.1665879872773441</v>
      </c>
      <c r="L1212" s="59">
        <f>Bühler!L1238</f>
        <v>5.5996223389312521</v>
      </c>
      <c r="M1212" s="58">
        <f>Bühler!M1238</f>
        <v>0</v>
      </c>
      <c r="N1212" s="56">
        <f>IF(Input!$D$19=1,J1212*Input!$C$19,0)+IF(Input!$D$20=1,K1212*Input!$C$20,0)+IF(Input!$D$21=1,L1212*Input!$C$21,0)+IF(Input!$D$22=1,M1212*Input!$C$22,0)</f>
        <v>0.23331759745546882</v>
      </c>
      <c r="O1212" s="59">
        <f>IF(Input!$D$19=2,J1212*Input!$C$19,0)+IF(Input!$D$20=2,K1212*Input!$C$20,0)+IF(Input!$D$21=2,L1212*Input!$C$21,0)+IF(Input!$D$22=2,M1212*Input!$C$22,0)</f>
        <v>0.58329399363867207</v>
      </c>
      <c r="P1212" s="59">
        <f>IF(Input!$D$19=3,J1212*Input!$C$19,0)+IF(Input!$D$20=3,K1212*Input!$C$20,0)+IF(Input!$D$21=3,L1212*Input!$C$21,0)+IF(Input!$D$22=3,M1212*Input!$C$22,0)</f>
        <v>0</v>
      </c>
      <c r="Q1212" s="75">
        <f>IF(Input!$D$19=4,J1212*Input!$C$19,0)+IF(Input!$D$20=4,K1212*Input!$C$20,0)+IF(Input!$D$21=4,L1212*Input!$C$21,0)+IF(Input!$D$22=4,M1212*Input!$C$22,0)</f>
        <v>0</v>
      </c>
      <c r="R1212" s="58">
        <v>58.000263327535244</v>
      </c>
      <c r="S1212" s="124">
        <f t="shared" si="18"/>
        <v>1.0110429223070316</v>
      </c>
    </row>
    <row r="1213" spans="8:19" x14ac:dyDescent="0.3">
      <c r="H1213" s="44">
        <v>1206</v>
      </c>
      <c r="I1213" s="56">
        <f>Bühler!I1239</f>
        <v>0.30331287669210943</v>
      </c>
      <c r="J1213" s="59">
        <f>Bühler!J1239</f>
        <v>1.0110429223070314</v>
      </c>
      <c r="K1213" s="59">
        <f>Bühler!K1239</f>
        <v>1.5165643834605471</v>
      </c>
      <c r="L1213" s="59">
        <f>Bühler!L1239</f>
        <v>7.279509040610626</v>
      </c>
      <c r="M1213" s="58">
        <f>Bühler!M1239</f>
        <v>0</v>
      </c>
      <c r="N1213" s="56">
        <f>IF(Input!$D$19=1,J1213*Input!$C$19,0)+IF(Input!$D$20=1,K1213*Input!$C$20,0)+IF(Input!$D$21=1,L1213*Input!$C$21,0)+IF(Input!$D$22=1,M1213*Input!$C$22,0)</f>
        <v>0.30331287669210943</v>
      </c>
      <c r="O1213" s="59">
        <f>IF(Input!$D$19=2,J1213*Input!$C$19,0)+IF(Input!$D$20=2,K1213*Input!$C$20,0)+IF(Input!$D$21=2,L1213*Input!$C$21,0)+IF(Input!$D$22=2,M1213*Input!$C$22,0)</f>
        <v>0.75828219173027356</v>
      </c>
      <c r="P1213" s="59">
        <f>IF(Input!$D$19=3,J1213*Input!$C$19,0)+IF(Input!$D$20=3,K1213*Input!$C$20,0)+IF(Input!$D$21=3,L1213*Input!$C$21,0)+IF(Input!$D$22=3,M1213*Input!$C$22,0)</f>
        <v>0</v>
      </c>
      <c r="Q1213" s="75">
        <f>IF(Input!$D$19=4,J1213*Input!$C$19,0)+IF(Input!$D$20=4,K1213*Input!$C$20,0)+IF(Input!$D$21=4,L1213*Input!$C$21,0)+IF(Input!$D$22=4,M1213*Input!$C$22,0)</f>
        <v>0</v>
      </c>
      <c r="R1213" s="58">
        <v>61.54607520261488</v>
      </c>
      <c r="S1213" s="124">
        <f t="shared" si="18"/>
        <v>1.3143557989991408</v>
      </c>
    </row>
    <row r="1214" spans="8:19" x14ac:dyDescent="0.3">
      <c r="H1214" s="44">
        <v>1207</v>
      </c>
      <c r="I1214" s="56">
        <f>Bühler!I1240</f>
        <v>0.3383105163104298</v>
      </c>
      <c r="J1214" s="59">
        <f>Bühler!J1240</f>
        <v>1.127701721034766</v>
      </c>
      <c r="K1214" s="59">
        <f>Bühler!K1240</f>
        <v>1.691552581552149</v>
      </c>
      <c r="L1214" s="59">
        <f>Bühler!L1240</f>
        <v>8.1194523914503147</v>
      </c>
      <c r="M1214" s="58">
        <f>Bühler!M1240</f>
        <v>0</v>
      </c>
      <c r="N1214" s="56">
        <f>IF(Input!$D$19=1,J1214*Input!$C$19,0)+IF(Input!$D$20=1,K1214*Input!$C$20,0)+IF(Input!$D$21=1,L1214*Input!$C$21,0)+IF(Input!$D$22=1,M1214*Input!$C$22,0)</f>
        <v>0.3383105163104298</v>
      </c>
      <c r="O1214" s="59">
        <f>IF(Input!$D$19=2,J1214*Input!$C$19,0)+IF(Input!$D$20=2,K1214*Input!$C$20,0)+IF(Input!$D$21=2,L1214*Input!$C$21,0)+IF(Input!$D$22=2,M1214*Input!$C$22,0)</f>
        <v>0.84577629077607452</v>
      </c>
      <c r="P1214" s="59">
        <f>IF(Input!$D$19=3,J1214*Input!$C$19,0)+IF(Input!$D$20=3,K1214*Input!$C$20,0)+IF(Input!$D$21=3,L1214*Input!$C$21,0)+IF(Input!$D$22=3,M1214*Input!$C$22,0)</f>
        <v>0</v>
      </c>
      <c r="Q1214" s="75">
        <f>IF(Input!$D$19=4,J1214*Input!$C$19,0)+IF(Input!$D$20=4,K1214*Input!$C$20,0)+IF(Input!$D$21=4,L1214*Input!$C$21,0)+IF(Input!$D$22=4,M1214*Input!$C$22,0)</f>
        <v>0</v>
      </c>
      <c r="R1214" s="58">
        <v>64.767078480573375</v>
      </c>
      <c r="S1214" s="124">
        <f t="shared" si="18"/>
        <v>1.4660122373451958</v>
      </c>
    </row>
    <row r="1215" spans="8:19" x14ac:dyDescent="0.3">
      <c r="H1215" s="44">
        <v>1208</v>
      </c>
      <c r="I1215" s="56">
        <f>Bühler!I1241</f>
        <v>0.34997639618320325</v>
      </c>
      <c r="J1215" s="59">
        <f>Bühler!J1241</f>
        <v>1.1665879872773441</v>
      </c>
      <c r="K1215" s="59">
        <f>Bühler!K1241</f>
        <v>1.7498819809160162</v>
      </c>
      <c r="L1215" s="59">
        <f>Bühler!L1241</f>
        <v>8.3994335083968767</v>
      </c>
      <c r="M1215" s="58">
        <f>Bühler!M1241</f>
        <v>0</v>
      </c>
      <c r="N1215" s="56">
        <f>IF(Input!$D$19=1,J1215*Input!$C$19,0)+IF(Input!$D$20=1,K1215*Input!$C$20,0)+IF(Input!$D$21=1,L1215*Input!$C$21,0)+IF(Input!$D$22=1,M1215*Input!$C$22,0)</f>
        <v>0.34997639618320325</v>
      </c>
      <c r="O1215" s="59">
        <f>IF(Input!$D$19=2,J1215*Input!$C$19,0)+IF(Input!$D$20=2,K1215*Input!$C$20,0)+IF(Input!$D$21=2,L1215*Input!$C$21,0)+IF(Input!$D$22=2,M1215*Input!$C$22,0)</f>
        <v>0.87494099045800811</v>
      </c>
      <c r="P1215" s="59">
        <f>IF(Input!$D$19=3,J1215*Input!$C$19,0)+IF(Input!$D$20=3,K1215*Input!$C$20,0)+IF(Input!$D$21=3,L1215*Input!$C$21,0)+IF(Input!$D$22=3,M1215*Input!$C$22,0)</f>
        <v>0</v>
      </c>
      <c r="Q1215" s="75">
        <f>IF(Input!$D$19=4,J1215*Input!$C$19,0)+IF(Input!$D$20=4,K1215*Input!$C$20,0)+IF(Input!$D$21=4,L1215*Input!$C$21,0)+IF(Input!$D$22=4,M1215*Input!$C$22,0)</f>
        <v>0</v>
      </c>
      <c r="R1215" s="58">
        <v>66.564015909503411</v>
      </c>
      <c r="S1215" s="124">
        <f t="shared" si="18"/>
        <v>1.5165643834605473</v>
      </c>
    </row>
    <row r="1216" spans="8:19" x14ac:dyDescent="0.3">
      <c r="H1216" s="44">
        <v>1209</v>
      </c>
      <c r="I1216" s="56">
        <f>Bühler!I1242</f>
        <v>0.34997639618320325</v>
      </c>
      <c r="J1216" s="59">
        <f>Bühler!J1242</f>
        <v>1.1665879872773441</v>
      </c>
      <c r="K1216" s="59">
        <f>Bühler!K1242</f>
        <v>1.7498819809160162</v>
      </c>
      <c r="L1216" s="59">
        <f>Bühler!L1242</f>
        <v>8.3994335083968767</v>
      </c>
      <c r="M1216" s="58">
        <f>Bühler!M1242</f>
        <v>0</v>
      </c>
      <c r="N1216" s="56">
        <f>IF(Input!$D$19=1,J1216*Input!$C$19,0)+IF(Input!$D$20=1,K1216*Input!$C$20,0)+IF(Input!$D$21=1,L1216*Input!$C$21,0)+IF(Input!$D$22=1,M1216*Input!$C$22,0)</f>
        <v>0.34997639618320325</v>
      </c>
      <c r="O1216" s="59">
        <f>IF(Input!$D$19=2,J1216*Input!$C$19,0)+IF(Input!$D$20=2,K1216*Input!$C$20,0)+IF(Input!$D$21=2,L1216*Input!$C$21,0)+IF(Input!$D$22=2,M1216*Input!$C$22,0)</f>
        <v>0.87494099045800811</v>
      </c>
      <c r="P1216" s="59">
        <f>IF(Input!$D$19=3,J1216*Input!$C$19,0)+IF(Input!$D$20=3,K1216*Input!$C$20,0)+IF(Input!$D$21=3,L1216*Input!$C$21,0)+IF(Input!$D$22=3,M1216*Input!$C$22,0)</f>
        <v>0</v>
      </c>
      <c r="Q1216" s="75">
        <f>IF(Input!$D$19=4,J1216*Input!$C$19,0)+IF(Input!$D$20=4,K1216*Input!$C$20,0)+IF(Input!$D$21=4,L1216*Input!$C$21,0)+IF(Input!$D$22=4,M1216*Input!$C$22,0)</f>
        <v>0</v>
      </c>
      <c r="R1216" s="58">
        <v>66.577625864997074</v>
      </c>
      <c r="S1216" s="124">
        <f t="shared" si="18"/>
        <v>1.5165643834605473</v>
      </c>
    </row>
    <row r="1217" spans="8:19" x14ac:dyDescent="0.3">
      <c r="H1217" s="44">
        <v>1210</v>
      </c>
      <c r="I1217" s="56">
        <f>Bühler!I1243</f>
        <v>0.37914109586513678</v>
      </c>
      <c r="J1217" s="59">
        <f>Bühler!J1243</f>
        <v>1.2638036528837895</v>
      </c>
      <c r="K1217" s="59">
        <f>Bühler!K1243</f>
        <v>1.895705479325684</v>
      </c>
      <c r="L1217" s="59">
        <f>Bühler!L1243</f>
        <v>9.0993863007632836</v>
      </c>
      <c r="M1217" s="58">
        <f>Bühler!M1243</f>
        <v>0</v>
      </c>
      <c r="N1217" s="56">
        <f>IF(Input!$D$19=1,J1217*Input!$C$19,0)+IF(Input!$D$20=1,K1217*Input!$C$20,0)+IF(Input!$D$21=1,L1217*Input!$C$21,0)+IF(Input!$D$22=1,M1217*Input!$C$22,0)</f>
        <v>0.37914109586513683</v>
      </c>
      <c r="O1217" s="59">
        <f>IF(Input!$D$19=2,J1217*Input!$C$19,0)+IF(Input!$D$20=2,K1217*Input!$C$20,0)+IF(Input!$D$21=2,L1217*Input!$C$21,0)+IF(Input!$D$22=2,M1217*Input!$C$22,0)</f>
        <v>0.947852739662842</v>
      </c>
      <c r="P1217" s="59">
        <f>IF(Input!$D$19=3,J1217*Input!$C$19,0)+IF(Input!$D$20=3,K1217*Input!$C$20,0)+IF(Input!$D$21=3,L1217*Input!$C$21,0)+IF(Input!$D$22=3,M1217*Input!$C$22,0)</f>
        <v>0</v>
      </c>
      <c r="Q1217" s="75">
        <f>IF(Input!$D$19=4,J1217*Input!$C$19,0)+IF(Input!$D$20=4,K1217*Input!$C$20,0)+IF(Input!$D$21=4,L1217*Input!$C$21,0)+IF(Input!$D$22=4,M1217*Input!$C$22,0)</f>
        <v>0</v>
      </c>
      <c r="R1217" s="58">
        <v>65.857013458523738</v>
      </c>
      <c r="S1217" s="124">
        <f t="shared" si="18"/>
        <v>1.6429447487489264</v>
      </c>
    </row>
    <row r="1218" spans="8:19" x14ac:dyDescent="0.3">
      <c r="H1218" s="44">
        <v>1211</v>
      </c>
      <c r="I1218" s="56">
        <f>Bühler!I1244</f>
        <v>0.39663991567429696</v>
      </c>
      <c r="J1218" s="59">
        <f>Bühler!J1244</f>
        <v>1.3221330522476566</v>
      </c>
      <c r="K1218" s="59">
        <f>Bühler!K1244</f>
        <v>1.9831995783714846</v>
      </c>
      <c r="L1218" s="59">
        <f>Bühler!L1244</f>
        <v>9.5193579761831266</v>
      </c>
      <c r="M1218" s="58">
        <f>Bühler!M1244</f>
        <v>0</v>
      </c>
      <c r="N1218" s="56">
        <f>IF(Input!$D$19=1,J1218*Input!$C$19,0)+IF(Input!$D$20=1,K1218*Input!$C$20,0)+IF(Input!$D$21=1,L1218*Input!$C$21,0)+IF(Input!$D$22=1,M1218*Input!$C$22,0)</f>
        <v>0.39663991567429696</v>
      </c>
      <c r="O1218" s="59">
        <f>IF(Input!$D$19=2,J1218*Input!$C$19,0)+IF(Input!$D$20=2,K1218*Input!$C$20,0)+IF(Input!$D$21=2,L1218*Input!$C$21,0)+IF(Input!$D$22=2,M1218*Input!$C$22,0)</f>
        <v>0.99159978918574232</v>
      </c>
      <c r="P1218" s="59">
        <f>IF(Input!$D$19=3,J1218*Input!$C$19,0)+IF(Input!$D$20=3,K1218*Input!$C$20,0)+IF(Input!$D$21=3,L1218*Input!$C$21,0)+IF(Input!$D$22=3,M1218*Input!$C$22,0)</f>
        <v>0</v>
      </c>
      <c r="Q1218" s="75">
        <f>IF(Input!$D$19=4,J1218*Input!$C$19,0)+IF(Input!$D$20=4,K1218*Input!$C$20,0)+IF(Input!$D$21=4,L1218*Input!$C$21,0)+IF(Input!$D$22=4,M1218*Input!$C$22,0)</f>
        <v>0</v>
      </c>
      <c r="R1218" s="58">
        <v>66.761869015191081</v>
      </c>
      <c r="S1218" s="124">
        <f t="shared" si="18"/>
        <v>1.7187729679219537</v>
      </c>
    </row>
    <row r="1219" spans="8:19" x14ac:dyDescent="0.3">
      <c r="H1219" s="44">
        <v>1212</v>
      </c>
      <c r="I1219" s="56">
        <f>Bühler!I1245</f>
        <v>0.46663519491093763</v>
      </c>
      <c r="J1219" s="59">
        <f>Bühler!J1245</f>
        <v>1.5554506497031255</v>
      </c>
      <c r="K1219" s="59">
        <f>Bühler!K1245</f>
        <v>2.3331759745546883</v>
      </c>
      <c r="L1219" s="59">
        <f>Bühler!L1245</f>
        <v>11.199244677862504</v>
      </c>
      <c r="M1219" s="58">
        <f>Bühler!M1245</f>
        <v>0</v>
      </c>
      <c r="N1219" s="56">
        <f>IF(Input!$D$19=1,J1219*Input!$C$19,0)+IF(Input!$D$20=1,K1219*Input!$C$20,0)+IF(Input!$D$21=1,L1219*Input!$C$21,0)+IF(Input!$D$22=1,M1219*Input!$C$22,0)</f>
        <v>0.46663519491093763</v>
      </c>
      <c r="O1219" s="59">
        <f>IF(Input!$D$19=2,J1219*Input!$C$19,0)+IF(Input!$D$20=2,K1219*Input!$C$20,0)+IF(Input!$D$21=2,L1219*Input!$C$21,0)+IF(Input!$D$22=2,M1219*Input!$C$22,0)</f>
        <v>1.1665879872773441</v>
      </c>
      <c r="P1219" s="59">
        <f>IF(Input!$D$19=3,J1219*Input!$C$19,0)+IF(Input!$D$20=3,K1219*Input!$C$20,0)+IF(Input!$D$21=3,L1219*Input!$C$21,0)+IF(Input!$D$22=3,M1219*Input!$C$22,0)</f>
        <v>0</v>
      </c>
      <c r="Q1219" s="75">
        <f>IF(Input!$D$19=4,J1219*Input!$C$19,0)+IF(Input!$D$20=4,K1219*Input!$C$20,0)+IF(Input!$D$21=4,L1219*Input!$C$21,0)+IF(Input!$D$22=4,M1219*Input!$C$22,0)</f>
        <v>0</v>
      </c>
      <c r="R1219" s="58">
        <v>67.382655147278399</v>
      </c>
      <c r="S1219" s="124">
        <f t="shared" si="18"/>
        <v>2.0220858446140633</v>
      </c>
    </row>
    <row r="1220" spans="8:19" x14ac:dyDescent="0.3">
      <c r="H1220" s="44">
        <v>1213</v>
      </c>
      <c r="I1220" s="56">
        <f>Bühler!I1246</f>
        <v>0.46663519491093763</v>
      </c>
      <c r="J1220" s="59">
        <f>Bühler!J1246</f>
        <v>1.5554506497031255</v>
      </c>
      <c r="K1220" s="59">
        <f>Bühler!K1246</f>
        <v>2.3331759745546883</v>
      </c>
      <c r="L1220" s="59">
        <f>Bühler!L1246</f>
        <v>11.199244677862504</v>
      </c>
      <c r="M1220" s="58">
        <f>Bühler!M1246</f>
        <v>0</v>
      </c>
      <c r="N1220" s="56">
        <f>IF(Input!$D$19=1,J1220*Input!$C$19,0)+IF(Input!$D$20=1,K1220*Input!$C$20,0)+IF(Input!$D$21=1,L1220*Input!$C$21,0)+IF(Input!$D$22=1,M1220*Input!$C$22,0)</f>
        <v>0.46663519491093763</v>
      </c>
      <c r="O1220" s="59">
        <f>IF(Input!$D$19=2,J1220*Input!$C$19,0)+IF(Input!$D$20=2,K1220*Input!$C$20,0)+IF(Input!$D$21=2,L1220*Input!$C$21,0)+IF(Input!$D$22=2,M1220*Input!$C$22,0)</f>
        <v>1.1665879872773441</v>
      </c>
      <c r="P1220" s="59">
        <f>IF(Input!$D$19=3,J1220*Input!$C$19,0)+IF(Input!$D$20=3,K1220*Input!$C$20,0)+IF(Input!$D$21=3,L1220*Input!$C$21,0)+IF(Input!$D$22=3,M1220*Input!$C$22,0)</f>
        <v>0</v>
      </c>
      <c r="Q1220" s="75">
        <f>IF(Input!$D$19=4,J1220*Input!$C$19,0)+IF(Input!$D$20=4,K1220*Input!$C$20,0)+IF(Input!$D$21=4,L1220*Input!$C$21,0)+IF(Input!$D$22=4,M1220*Input!$C$22,0)</f>
        <v>0</v>
      </c>
      <c r="R1220" s="58">
        <v>66.217925951925466</v>
      </c>
      <c r="S1220" s="124">
        <f t="shared" si="18"/>
        <v>2.0220858446140633</v>
      </c>
    </row>
    <row r="1221" spans="8:19" x14ac:dyDescent="0.3">
      <c r="H1221" s="44">
        <v>1214</v>
      </c>
      <c r="I1221" s="56">
        <f>Bühler!I1247</f>
        <v>0.46663519491093763</v>
      </c>
      <c r="J1221" s="59">
        <f>Bühler!J1247</f>
        <v>1.5554506497031255</v>
      </c>
      <c r="K1221" s="59">
        <f>Bühler!K1247</f>
        <v>2.3331759745546883</v>
      </c>
      <c r="L1221" s="59">
        <f>Bühler!L1247</f>
        <v>11.199244677862504</v>
      </c>
      <c r="M1221" s="58">
        <f>Bühler!M1247</f>
        <v>0</v>
      </c>
      <c r="N1221" s="56">
        <f>IF(Input!$D$19=1,J1221*Input!$C$19,0)+IF(Input!$D$20=1,K1221*Input!$C$20,0)+IF(Input!$D$21=1,L1221*Input!$C$21,0)+IF(Input!$D$22=1,M1221*Input!$C$22,0)</f>
        <v>0.46663519491093763</v>
      </c>
      <c r="O1221" s="59">
        <f>IF(Input!$D$19=2,J1221*Input!$C$19,0)+IF(Input!$D$20=2,K1221*Input!$C$20,0)+IF(Input!$D$21=2,L1221*Input!$C$21,0)+IF(Input!$D$22=2,M1221*Input!$C$22,0)</f>
        <v>1.1665879872773441</v>
      </c>
      <c r="P1221" s="59">
        <f>IF(Input!$D$19=3,J1221*Input!$C$19,0)+IF(Input!$D$20=3,K1221*Input!$C$20,0)+IF(Input!$D$21=3,L1221*Input!$C$21,0)+IF(Input!$D$22=3,M1221*Input!$C$22,0)</f>
        <v>0</v>
      </c>
      <c r="Q1221" s="75">
        <f>IF(Input!$D$19=4,J1221*Input!$C$19,0)+IF(Input!$D$20=4,K1221*Input!$C$20,0)+IF(Input!$D$21=4,L1221*Input!$C$21,0)+IF(Input!$D$22=4,M1221*Input!$C$22,0)</f>
        <v>0</v>
      </c>
      <c r="R1221" s="58">
        <v>65.580162047662284</v>
      </c>
      <c r="S1221" s="124">
        <f t="shared" si="18"/>
        <v>2.0220858446140633</v>
      </c>
    </row>
    <row r="1222" spans="8:19" x14ac:dyDescent="0.3">
      <c r="H1222" s="44">
        <v>1215</v>
      </c>
      <c r="I1222" s="56">
        <f>Bühler!I1248</f>
        <v>0.46663519491093763</v>
      </c>
      <c r="J1222" s="59">
        <f>Bühler!J1248</f>
        <v>1.5554506497031255</v>
      </c>
      <c r="K1222" s="59">
        <f>Bühler!K1248</f>
        <v>2.3331759745546883</v>
      </c>
      <c r="L1222" s="59">
        <f>Bühler!L1248</f>
        <v>11.199244677862504</v>
      </c>
      <c r="M1222" s="58">
        <f>Bühler!M1248</f>
        <v>0</v>
      </c>
      <c r="N1222" s="56">
        <f>IF(Input!$D$19=1,J1222*Input!$C$19,0)+IF(Input!$D$20=1,K1222*Input!$C$20,0)+IF(Input!$D$21=1,L1222*Input!$C$21,0)+IF(Input!$D$22=1,M1222*Input!$C$22,0)</f>
        <v>0.46663519491093763</v>
      </c>
      <c r="O1222" s="59">
        <f>IF(Input!$D$19=2,J1222*Input!$C$19,0)+IF(Input!$D$20=2,K1222*Input!$C$20,0)+IF(Input!$D$21=2,L1222*Input!$C$21,0)+IF(Input!$D$22=2,M1222*Input!$C$22,0)</f>
        <v>1.1665879872773441</v>
      </c>
      <c r="P1222" s="59">
        <f>IF(Input!$D$19=3,J1222*Input!$C$19,0)+IF(Input!$D$20=3,K1222*Input!$C$20,0)+IF(Input!$D$21=3,L1222*Input!$C$21,0)+IF(Input!$D$22=3,M1222*Input!$C$22,0)</f>
        <v>0</v>
      </c>
      <c r="Q1222" s="75">
        <f>IF(Input!$D$19=4,J1222*Input!$C$19,0)+IF(Input!$D$20=4,K1222*Input!$C$20,0)+IF(Input!$D$21=4,L1222*Input!$C$21,0)+IF(Input!$D$22=4,M1222*Input!$C$22,0)</f>
        <v>0</v>
      </c>
      <c r="R1222" s="58">
        <v>66.362266063371166</v>
      </c>
      <c r="S1222" s="124">
        <f t="shared" si="18"/>
        <v>2.0220858446140633</v>
      </c>
    </row>
    <row r="1223" spans="8:19" x14ac:dyDescent="0.3">
      <c r="H1223" s="44">
        <v>1216</v>
      </c>
      <c r="I1223" s="56">
        <f>Bühler!I1249</f>
        <v>0.46663519491093763</v>
      </c>
      <c r="J1223" s="59">
        <f>Bühler!J1249</f>
        <v>1.5554506497031255</v>
      </c>
      <c r="K1223" s="59">
        <f>Bühler!K1249</f>
        <v>2.3331759745546883</v>
      </c>
      <c r="L1223" s="59">
        <f>Bühler!L1249</f>
        <v>11.199244677862504</v>
      </c>
      <c r="M1223" s="58">
        <f>Bühler!M1249</f>
        <v>0</v>
      </c>
      <c r="N1223" s="56">
        <f>IF(Input!$D$19=1,J1223*Input!$C$19,0)+IF(Input!$D$20=1,K1223*Input!$C$20,0)+IF(Input!$D$21=1,L1223*Input!$C$21,0)+IF(Input!$D$22=1,M1223*Input!$C$22,0)</f>
        <v>0.46663519491093763</v>
      </c>
      <c r="O1223" s="59">
        <f>IF(Input!$D$19=2,J1223*Input!$C$19,0)+IF(Input!$D$20=2,K1223*Input!$C$20,0)+IF(Input!$D$21=2,L1223*Input!$C$21,0)+IF(Input!$D$22=2,M1223*Input!$C$22,0)</f>
        <v>1.1665879872773441</v>
      </c>
      <c r="P1223" s="59">
        <f>IF(Input!$D$19=3,J1223*Input!$C$19,0)+IF(Input!$D$20=3,K1223*Input!$C$20,0)+IF(Input!$D$21=3,L1223*Input!$C$21,0)+IF(Input!$D$22=3,M1223*Input!$C$22,0)</f>
        <v>0</v>
      </c>
      <c r="Q1223" s="75">
        <f>IF(Input!$D$19=4,J1223*Input!$C$19,0)+IF(Input!$D$20=4,K1223*Input!$C$20,0)+IF(Input!$D$21=4,L1223*Input!$C$21,0)+IF(Input!$D$22=4,M1223*Input!$C$22,0)</f>
        <v>0</v>
      </c>
      <c r="R1223" s="58">
        <v>65.572770236581789</v>
      </c>
      <c r="S1223" s="124">
        <f t="shared" si="18"/>
        <v>2.0220858446140633</v>
      </c>
    </row>
    <row r="1224" spans="8:19" x14ac:dyDescent="0.3">
      <c r="H1224" s="44">
        <v>1217</v>
      </c>
      <c r="I1224" s="56">
        <f>Bühler!I1250</f>
        <v>0.46663519491093763</v>
      </c>
      <c r="J1224" s="59">
        <f>Bühler!J1250</f>
        <v>1.5554506497031255</v>
      </c>
      <c r="K1224" s="59">
        <f>Bühler!K1250</f>
        <v>2.3331759745546883</v>
      </c>
      <c r="L1224" s="59">
        <f>Bühler!L1250</f>
        <v>11.199244677862504</v>
      </c>
      <c r="M1224" s="58">
        <f>Bühler!M1250</f>
        <v>0</v>
      </c>
      <c r="N1224" s="56">
        <f>IF(Input!$D$19=1,J1224*Input!$C$19,0)+IF(Input!$D$20=1,K1224*Input!$C$20,0)+IF(Input!$D$21=1,L1224*Input!$C$21,0)+IF(Input!$D$22=1,M1224*Input!$C$22,0)</f>
        <v>0.46663519491093763</v>
      </c>
      <c r="O1224" s="59">
        <f>IF(Input!$D$19=2,J1224*Input!$C$19,0)+IF(Input!$D$20=2,K1224*Input!$C$20,0)+IF(Input!$D$21=2,L1224*Input!$C$21,0)+IF(Input!$D$22=2,M1224*Input!$C$22,0)</f>
        <v>1.1665879872773441</v>
      </c>
      <c r="P1224" s="59">
        <f>IF(Input!$D$19=3,J1224*Input!$C$19,0)+IF(Input!$D$20=3,K1224*Input!$C$20,0)+IF(Input!$D$21=3,L1224*Input!$C$21,0)+IF(Input!$D$22=3,M1224*Input!$C$22,0)</f>
        <v>0</v>
      </c>
      <c r="Q1224" s="75">
        <f>IF(Input!$D$19=4,J1224*Input!$C$19,0)+IF(Input!$D$20=4,K1224*Input!$C$20,0)+IF(Input!$D$21=4,L1224*Input!$C$21,0)+IF(Input!$D$22=4,M1224*Input!$C$22,0)</f>
        <v>0</v>
      </c>
      <c r="R1224" s="58">
        <v>64.497207129520731</v>
      </c>
      <c r="S1224" s="124">
        <f t="shared" si="18"/>
        <v>2.0220858446140633</v>
      </c>
    </row>
    <row r="1225" spans="8:19" x14ac:dyDescent="0.3">
      <c r="H1225" s="44">
        <v>1218</v>
      </c>
      <c r="I1225" s="56">
        <f>Bühler!I1251</f>
        <v>0.46663519491093763</v>
      </c>
      <c r="J1225" s="59">
        <f>Bühler!J1251</f>
        <v>1.5554506497031255</v>
      </c>
      <c r="K1225" s="59">
        <f>Bühler!K1251</f>
        <v>2.3331759745546883</v>
      </c>
      <c r="L1225" s="59">
        <f>Bühler!L1251</f>
        <v>11.199244677862504</v>
      </c>
      <c r="M1225" s="58">
        <f>Bühler!M1251</f>
        <v>0</v>
      </c>
      <c r="N1225" s="56">
        <f>IF(Input!$D$19=1,J1225*Input!$C$19,0)+IF(Input!$D$20=1,K1225*Input!$C$20,0)+IF(Input!$D$21=1,L1225*Input!$C$21,0)+IF(Input!$D$22=1,M1225*Input!$C$22,0)</f>
        <v>0.46663519491093763</v>
      </c>
      <c r="O1225" s="59">
        <f>IF(Input!$D$19=2,J1225*Input!$C$19,0)+IF(Input!$D$20=2,K1225*Input!$C$20,0)+IF(Input!$D$21=2,L1225*Input!$C$21,0)+IF(Input!$D$22=2,M1225*Input!$C$22,0)</f>
        <v>1.1665879872773441</v>
      </c>
      <c r="P1225" s="59">
        <f>IF(Input!$D$19=3,J1225*Input!$C$19,0)+IF(Input!$D$20=3,K1225*Input!$C$20,0)+IF(Input!$D$21=3,L1225*Input!$C$21,0)+IF(Input!$D$22=3,M1225*Input!$C$22,0)</f>
        <v>0</v>
      </c>
      <c r="Q1225" s="75">
        <f>IF(Input!$D$19=4,J1225*Input!$C$19,0)+IF(Input!$D$20=4,K1225*Input!$C$20,0)+IF(Input!$D$21=4,L1225*Input!$C$21,0)+IF(Input!$D$22=4,M1225*Input!$C$22,0)</f>
        <v>0</v>
      </c>
      <c r="R1225" s="58">
        <v>63.255509435470287</v>
      </c>
      <c r="S1225" s="124">
        <f t="shared" ref="S1225:S1288" si="19">I1225+J1225</f>
        <v>2.0220858446140633</v>
      </c>
    </row>
    <row r="1226" spans="8:19" x14ac:dyDescent="0.3">
      <c r="H1226" s="44">
        <v>1219</v>
      </c>
      <c r="I1226" s="56">
        <f>Bühler!I1252</f>
        <v>0.46663519491093763</v>
      </c>
      <c r="J1226" s="59">
        <f>Bühler!J1252</f>
        <v>1.5554506497031255</v>
      </c>
      <c r="K1226" s="59">
        <f>Bühler!K1252</f>
        <v>2.3331759745546883</v>
      </c>
      <c r="L1226" s="59">
        <f>Bühler!L1252</f>
        <v>11.199244677862504</v>
      </c>
      <c r="M1226" s="58">
        <f>Bühler!M1252</f>
        <v>0</v>
      </c>
      <c r="N1226" s="56">
        <f>IF(Input!$D$19=1,J1226*Input!$C$19,0)+IF(Input!$D$20=1,K1226*Input!$C$20,0)+IF(Input!$D$21=1,L1226*Input!$C$21,0)+IF(Input!$D$22=1,M1226*Input!$C$22,0)</f>
        <v>0.46663519491093763</v>
      </c>
      <c r="O1226" s="59">
        <f>IF(Input!$D$19=2,J1226*Input!$C$19,0)+IF(Input!$D$20=2,K1226*Input!$C$20,0)+IF(Input!$D$21=2,L1226*Input!$C$21,0)+IF(Input!$D$22=2,M1226*Input!$C$22,0)</f>
        <v>1.1665879872773441</v>
      </c>
      <c r="P1226" s="59">
        <f>IF(Input!$D$19=3,J1226*Input!$C$19,0)+IF(Input!$D$20=3,K1226*Input!$C$20,0)+IF(Input!$D$21=3,L1226*Input!$C$21,0)+IF(Input!$D$22=3,M1226*Input!$C$22,0)</f>
        <v>0</v>
      </c>
      <c r="Q1226" s="75">
        <f>IF(Input!$D$19=4,J1226*Input!$C$19,0)+IF(Input!$D$20=4,K1226*Input!$C$20,0)+IF(Input!$D$21=4,L1226*Input!$C$21,0)+IF(Input!$D$22=4,M1226*Input!$C$22,0)</f>
        <v>0</v>
      </c>
      <c r="R1226" s="58">
        <v>61.24707350332833</v>
      </c>
      <c r="S1226" s="124">
        <f t="shared" si="19"/>
        <v>2.0220858446140633</v>
      </c>
    </row>
    <row r="1227" spans="8:19" x14ac:dyDescent="0.3">
      <c r="H1227" s="44">
        <v>1220</v>
      </c>
      <c r="I1227" s="56">
        <f>Bühler!I1253</f>
        <v>0.39080697573791029</v>
      </c>
      <c r="J1227" s="59">
        <f>Bühler!J1253</f>
        <v>1.3026899191263679</v>
      </c>
      <c r="K1227" s="59">
        <f>Bühler!K1253</f>
        <v>1.9540348786895514</v>
      </c>
      <c r="L1227" s="59">
        <f>Bühler!L1253</f>
        <v>9.3793674177098474</v>
      </c>
      <c r="M1227" s="58">
        <f>Bühler!M1253</f>
        <v>0</v>
      </c>
      <c r="N1227" s="56">
        <f>IF(Input!$D$19=1,J1227*Input!$C$19,0)+IF(Input!$D$20=1,K1227*Input!$C$20,0)+IF(Input!$D$21=1,L1227*Input!$C$21,0)+IF(Input!$D$22=1,M1227*Input!$C$22,0)</f>
        <v>0.39080697573791034</v>
      </c>
      <c r="O1227" s="59">
        <f>IF(Input!$D$19=2,J1227*Input!$C$19,0)+IF(Input!$D$20=2,K1227*Input!$C$20,0)+IF(Input!$D$21=2,L1227*Input!$C$21,0)+IF(Input!$D$22=2,M1227*Input!$C$22,0)</f>
        <v>0.9770174393447757</v>
      </c>
      <c r="P1227" s="59">
        <f>IF(Input!$D$19=3,J1227*Input!$C$19,0)+IF(Input!$D$20=3,K1227*Input!$C$20,0)+IF(Input!$D$21=3,L1227*Input!$C$21,0)+IF(Input!$D$22=3,M1227*Input!$C$22,0)</f>
        <v>0</v>
      </c>
      <c r="Q1227" s="75">
        <f>IF(Input!$D$19=4,J1227*Input!$C$19,0)+IF(Input!$D$20=4,K1227*Input!$C$20,0)+IF(Input!$D$21=4,L1227*Input!$C$21,0)+IF(Input!$D$22=4,M1227*Input!$C$22,0)</f>
        <v>0</v>
      </c>
      <c r="R1227" s="58">
        <v>60.712099019422297</v>
      </c>
      <c r="S1227" s="124">
        <f t="shared" si="19"/>
        <v>1.6934968948642781</v>
      </c>
    </row>
    <row r="1228" spans="8:19" x14ac:dyDescent="0.3">
      <c r="H1228" s="44">
        <v>1221</v>
      </c>
      <c r="I1228" s="56">
        <f>Bühler!I1254</f>
        <v>0.32081169650126962</v>
      </c>
      <c r="J1228" s="59">
        <f>Bühler!J1254</f>
        <v>1.0693723216708988</v>
      </c>
      <c r="K1228" s="59">
        <f>Bühler!K1254</f>
        <v>1.604058482506348</v>
      </c>
      <c r="L1228" s="59">
        <f>Bühler!L1254</f>
        <v>7.6994807160304708</v>
      </c>
      <c r="M1228" s="58">
        <f>Bühler!M1254</f>
        <v>0</v>
      </c>
      <c r="N1228" s="56">
        <f>IF(Input!$D$19=1,J1228*Input!$C$19,0)+IF(Input!$D$20=1,K1228*Input!$C$20,0)+IF(Input!$D$21=1,L1228*Input!$C$21,0)+IF(Input!$D$22=1,M1228*Input!$C$22,0)</f>
        <v>0.32081169650126962</v>
      </c>
      <c r="O1228" s="59">
        <f>IF(Input!$D$19=2,J1228*Input!$C$19,0)+IF(Input!$D$20=2,K1228*Input!$C$20,0)+IF(Input!$D$21=2,L1228*Input!$C$21,0)+IF(Input!$D$22=2,M1228*Input!$C$22,0)</f>
        <v>0.80202924125317399</v>
      </c>
      <c r="P1228" s="59">
        <f>IF(Input!$D$19=3,J1228*Input!$C$19,0)+IF(Input!$D$20=3,K1228*Input!$C$20,0)+IF(Input!$D$21=3,L1228*Input!$C$21,0)+IF(Input!$D$22=3,M1228*Input!$C$22,0)</f>
        <v>0</v>
      </c>
      <c r="Q1228" s="75">
        <f>IF(Input!$D$19=4,J1228*Input!$C$19,0)+IF(Input!$D$20=4,K1228*Input!$C$20,0)+IF(Input!$D$21=4,L1228*Input!$C$21,0)+IF(Input!$D$22=4,M1228*Input!$C$22,0)</f>
        <v>0</v>
      </c>
      <c r="R1228" s="58">
        <v>60.952462045831915</v>
      </c>
      <c r="S1228" s="124">
        <f t="shared" si="19"/>
        <v>1.3901840181721683</v>
      </c>
    </row>
    <row r="1229" spans="8:19" x14ac:dyDescent="0.3">
      <c r="H1229" s="44">
        <v>1222</v>
      </c>
      <c r="I1229" s="56">
        <f>Bühler!I1255</f>
        <v>0.23331759745546882</v>
      </c>
      <c r="J1229" s="59">
        <f>Bühler!J1255</f>
        <v>0.77772532485156276</v>
      </c>
      <c r="K1229" s="59">
        <f>Bühler!K1255</f>
        <v>1.1665879872773441</v>
      </c>
      <c r="L1229" s="59">
        <f>Bühler!L1255</f>
        <v>5.5996223389312521</v>
      </c>
      <c r="M1229" s="58">
        <f>Bühler!M1255</f>
        <v>0</v>
      </c>
      <c r="N1229" s="56">
        <f>IF(Input!$D$19=1,J1229*Input!$C$19,0)+IF(Input!$D$20=1,K1229*Input!$C$20,0)+IF(Input!$D$21=1,L1229*Input!$C$21,0)+IF(Input!$D$22=1,M1229*Input!$C$22,0)</f>
        <v>0.23331759745546882</v>
      </c>
      <c r="O1229" s="59">
        <f>IF(Input!$D$19=2,J1229*Input!$C$19,0)+IF(Input!$D$20=2,K1229*Input!$C$20,0)+IF(Input!$D$21=2,L1229*Input!$C$21,0)+IF(Input!$D$22=2,M1229*Input!$C$22,0)</f>
        <v>0.58329399363867207</v>
      </c>
      <c r="P1229" s="59">
        <f>IF(Input!$D$19=3,J1229*Input!$C$19,0)+IF(Input!$D$20=3,K1229*Input!$C$20,0)+IF(Input!$D$21=3,L1229*Input!$C$21,0)+IF(Input!$D$22=3,M1229*Input!$C$22,0)</f>
        <v>0</v>
      </c>
      <c r="Q1229" s="75">
        <f>IF(Input!$D$19=4,J1229*Input!$C$19,0)+IF(Input!$D$20=4,K1229*Input!$C$20,0)+IF(Input!$D$21=4,L1229*Input!$C$21,0)+IF(Input!$D$22=4,M1229*Input!$C$22,0)</f>
        <v>0</v>
      </c>
      <c r="R1229" s="58">
        <v>59.101252335505606</v>
      </c>
      <c r="S1229" s="124">
        <f t="shared" si="19"/>
        <v>1.0110429223070316</v>
      </c>
    </row>
    <row r="1230" spans="8:19" x14ac:dyDescent="0.3">
      <c r="H1230" s="44">
        <v>1223</v>
      </c>
      <c r="I1230" s="56">
        <f>Bühler!I1256</f>
        <v>0.23331759745546882</v>
      </c>
      <c r="J1230" s="59">
        <f>Bühler!J1256</f>
        <v>0.77772532485156276</v>
      </c>
      <c r="K1230" s="59">
        <f>Bühler!K1256</f>
        <v>1.1665879872773441</v>
      </c>
      <c r="L1230" s="59">
        <f>Bühler!L1256</f>
        <v>5.5996223389312521</v>
      </c>
      <c r="M1230" s="58">
        <f>Bühler!M1256</f>
        <v>0</v>
      </c>
      <c r="N1230" s="56">
        <f>IF(Input!$D$19=1,J1230*Input!$C$19,0)+IF(Input!$D$20=1,K1230*Input!$C$20,0)+IF(Input!$D$21=1,L1230*Input!$C$21,0)+IF(Input!$D$22=1,M1230*Input!$C$22,0)</f>
        <v>0.23331759745546882</v>
      </c>
      <c r="O1230" s="59">
        <f>IF(Input!$D$19=2,J1230*Input!$C$19,0)+IF(Input!$D$20=2,K1230*Input!$C$20,0)+IF(Input!$D$21=2,L1230*Input!$C$21,0)+IF(Input!$D$22=2,M1230*Input!$C$22,0)</f>
        <v>0.58329399363867207</v>
      </c>
      <c r="P1230" s="59">
        <f>IF(Input!$D$19=3,J1230*Input!$C$19,0)+IF(Input!$D$20=3,K1230*Input!$C$20,0)+IF(Input!$D$21=3,L1230*Input!$C$21,0)+IF(Input!$D$22=3,M1230*Input!$C$22,0)</f>
        <v>0</v>
      </c>
      <c r="Q1230" s="75">
        <f>IF(Input!$D$19=4,J1230*Input!$C$19,0)+IF(Input!$D$20=4,K1230*Input!$C$20,0)+IF(Input!$D$21=4,L1230*Input!$C$21,0)+IF(Input!$D$22=4,M1230*Input!$C$22,0)</f>
        <v>0</v>
      </c>
      <c r="R1230" s="58">
        <v>59.21944660405282</v>
      </c>
      <c r="S1230" s="124">
        <f t="shared" si="19"/>
        <v>1.0110429223070316</v>
      </c>
    </row>
    <row r="1231" spans="8:19" x14ac:dyDescent="0.3">
      <c r="H1231" s="44">
        <v>1224</v>
      </c>
      <c r="I1231" s="56">
        <f>Bühler!I1257</f>
        <v>0.23331759745546882</v>
      </c>
      <c r="J1231" s="59">
        <f>Bühler!J1257</f>
        <v>0.77772532485156276</v>
      </c>
      <c r="K1231" s="59">
        <f>Bühler!K1257</f>
        <v>1.1665879872773441</v>
      </c>
      <c r="L1231" s="59">
        <f>Bühler!L1257</f>
        <v>5.5996223389312521</v>
      </c>
      <c r="M1231" s="58">
        <f>Bühler!M1257</f>
        <v>0</v>
      </c>
      <c r="N1231" s="56">
        <f>IF(Input!$D$19=1,J1231*Input!$C$19,0)+IF(Input!$D$20=1,K1231*Input!$C$20,0)+IF(Input!$D$21=1,L1231*Input!$C$21,0)+IF(Input!$D$22=1,M1231*Input!$C$22,0)</f>
        <v>0.23331759745546882</v>
      </c>
      <c r="O1231" s="59">
        <f>IF(Input!$D$19=2,J1231*Input!$C$19,0)+IF(Input!$D$20=2,K1231*Input!$C$20,0)+IF(Input!$D$21=2,L1231*Input!$C$21,0)+IF(Input!$D$22=2,M1231*Input!$C$22,0)</f>
        <v>0.58329399363867207</v>
      </c>
      <c r="P1231" s="59">
        <f>IF(Input!$D$19=3,J1231*Input!$C$19,0)+IF(Input!$D$20=3,K1231*Input!$C$20,0)+IF(Input!$D$21=3,L1231*Input!$C$21,0)+IF(Input!$D$22=3,M1231*Input!$C$22,0)</f>
        <v>0</v>
      </c>
      <c r="Q1231" s="75">
        <f>IF(Input!$D$19=4,J1231*Input!$C$19,0)+IF(Input!$D$20=4,K1231*Input!$C$20,0)+IF(Input!$D$21=4,L1231*Input!$C$21,0)+IF(Input!$D$22=4,M1231*Input!$C$22,0)</f>
        <v>0</v>
      </c>
      <c r="R1231" s="58">
        <v>58.408075551946723</v>
      </c>
      <c r="S1231" s="124">
        <f t="shared" si="19"/>
        <v>1.0110429223070316</v>
      </c>
    </row>
    <row r="1232" spans="8:19" x14ac:dyDescent="0.3">
      <c r="H1232" s="44">
        <v>1225</v>
      </c>
      <c r="I1232" s="56">
        <f>Bühler!I1258</f>
        <v>0.21454566994034124</v>
      </c>
      <c r="J1232" s="59">
        <f>Bühler!J1258</f>
        <v>0.71515223313447085</v>
      </c>
      <c r="K1232" s="59">
        <f>Bühler!K1258</f>
        <v>1.0727283497017062</v>
      </c>
      <c r="L1232" s="59">
        <f>Bühler!L1258</f>
        <v>5.1490960785681894</v>
      </c>
      <c r="M1232" s="58">
        <f>Bühler!M1258</f>
        <v>0</v>
      </c>
      <c r="N1232" s="56">
        <f>IF(Input!$D$19=1,J1232*Input!$C$19,0)+IF(Input!$D$20=1,K1232*Input!$C$20,0)+IF(Input!$D$21=1,L1232*Input!$C$21,0)+IF(Input!$D$22=1,M1232*Input!$C$22,0)</f>
        <v>0.21454566994034124</v>
      </c>
      <c r="O1232" s="59">
        <f>IF(Input!$D$19=2,J1232*Input!$C$19,0)+IF(Input!$D$20=2,K1232*Input!$C$20,0)+IF(Input!$D$21=2,L1232*Input!$C$21,0)+IF(Input!$D$22=2,M1232*Input!$C$22,0)</f>
        <v>0.53636417485085308</v>
      </c>
      <c r="P1232" s="59">
        <f>IF(Input!$D$19=3,J1232*Input!$C$19,0)+IF(Input!$D$20=3,K1232*Input!$C$20,0)+IF(Input!$D$21=3,L1232*Input!$C$21,0)+IF(Input!$D$22=3,M1232*Input!$C$22,0)</f>
        <v>0</v>
      </c>
      <c r="Q1232" s="75">
        <f>IF(Input!$D$19=4,J1232*Input!$C$19,0)+IF(Input!$D$20=4,K1232*Input!$C$20,0)+IF(Input!$D$21=4,L1232*Input!$C$21,0)+IF(Input!$D$22=4,M1232*Input!$C$22,0)</f>
        <v>0</v>
      </c>
      <c r="R1232" s="58">
        <v>57.90927924155968</v>
      </c>
      <c r="S1232" s="124">
        <f t="shared" si="19"/>
        <v>0.92969790307481204</v>
      </c>
    </row>
    <row r="1233" spans="8:19" x14ac:dyDescent="0.3">
      <c r="H1233" s="44">
        <v>1226</v>
      </c>
      <c r="I1233" s="56">
        <f>Bühler!I1259</f>
        <v>0.24136387868288384</v>
      </c>
      <c r="J1233" s="59">
        <f>Bühler!J1259</f>
        <v>0.80454626227627957</v>
      </c>
      <c r="K1233" s="59">
        <f>Bühler!K1259</f>
        <v>1.2068193934144191</v>
      </c>
      <c r="L1233" s="59">
        <f>Bühler!L1259</f>
        <v>5.7927330883892116</v>
      </c>
      <c r="M1233" s="58">
        <f>Bühler!M1259</f>
        <v>0</v>
      </c>
      <c r="N1233" s="56">
        <f>IF(Input!$D$19=1,J1233*Input!$C$19,0)+IF(Input!$D$20=1,K1233*Input!$C$20,0)+IF(Input!$D$21=1,L1233*Input!$C$21,0)+IF(Input!$D$22=1,M1233*Input!$C$22,0)</f>
        <v>0.24136387868288386</v>
      </c>
      <c r="O1233" s="59">
        <f>IF(Input!$D$19=2,J1233*Input!$C$19,0)+IF(Input!$D$20=2,K1233*Input!$C$20,0)+IF(Input!$D$21=2,L1233*Input!$C$21,0)+IF(Input!$D$22=2,M1233*Input!$C$22,0)</f>
        <v>0.60340969670720956</v>
      </c>
      <c r="P1233" s="59">
        <f>IF(Input!$D$19=3,J1233*Input!$C$19,0)+IF(Input!$D$20=3,K1233*Input!$C$20,0)+IF(Input!$D$21=3,L1233*Input!$C$21,0)+IF(Input!$D$22=3,M1233*Input!$C$22,0)</f>
        <v>0</v>
      </c>
      <c r="Q1233" s="75">
        <f>IF(Input!$D$19=4,J1233*Input!$C$19,0)+IF(Input!$D$20=4,K1233*Input!$C$20,0)+IF(Input!$D$21=4,L1233*Input!$C$21,0)+IF(Input!$D$22=4,M1233*Input!$C$22,0)</f>
        <v>0</v>
      </c>
      <c r="R1233" s="58">
        <v>57.784685852608071</v>
      </c>
      <c r="S1233" s="124">
        <f t="shared" si="19"/>
        <v>1.0459101409591633</v>
      </c>
    </row>
    <row r="1234" spans="8:19" x14ac:dyDescent="0.3">
      <c r="H1234" s="44">
        <v>1227</v>
      </c>
      <c r="I1234" s="56">
        <f>Bühler!I1260</f>
        <v>0.24136387868288384</v>
      </c>
      <c r="J1234" s="59">
        <f>Bühler!J1260</f>
        <v>0.80454626227627957</v>
      </c>
      <c r="K1234" s="59">
        <f>Bühler!K1260</f>
        <v>1.2068193934144191</v>
      </c>
      <c r="L1234" s="59">
        <f>Bühler!L1260</f>
        <v>5.7927330883892116</v>
      </c>
      <c r="M1234" s="58">
        <f>Bühler!M1260</f>
        <v>0</v>
      </c>
      <c r="N1234" s="56">
        <f>IF(Input!$D$19=1,J1234*Input!$C$19,0)+IF(Input!$D$20=1,K1234*Input!$C$20,0)+IF(Input!$D$21=1,L1234*Input!$C$21,0)+IF(Input!$D$22=1,M1234*Input!$C$22,0)</f>
        <v>0.24136387868288386</v>
      </c>
      <c r="O1234" s="59">
        <f>IF(Input!$D$19=2,J1234*Input!$C$19,0)+IF(Input!$D$20=2,K1234*Input!$C$20,0)+IF(Input!$D$21=2,L1234*Input!$C$21,0)+IF(Input!$D$22=2,M1234*Input!$C$22,0)</f>
        <v>0.60340969670720956</v>
      </c>
      <c r="P1234" s="59">
        <f>IF(Input!$D$19=3,J1234*Input!$C$19,0)+IF(Input!$D$20=3,K1234*Input!$C$20,0)+IF(Input!$D$21=3,L1234*Input!$C$21,0)+IF(Input!$D$22=3,M1234*Input!$C$22,0)</f>
        <v>0</v>
      </c>
      <c r="Q1234" s="75">
        <f>IF(Input!$D$19=4,J1234*Input!$C$19,0)+IF(Input!$D$20=4,K1234*Input!$C$20,0)+IF(Input!$D$21=4,L1234*Input!$C$21,0)+IF(Input!$D$22=4,M1234*Input!$C$22,0)</f>
        <v>0</v>
      </c>
      <c r="R1234" s="58">
        <v>58.214921526020134</v>
      </c>
      <c r="S1234" s="124">
        <f t="shared" si="19"/>
        <v>1.0459101409591633</v>
      </c>
    </row>
    <row r="1235" spans="8:19" x14ac:dyDescent="0.3">
      <c r="H1235" s="44">
        <v>1228</v>
      </c>
      <c r="I1235" s="56">
        <f>Bühler!I1261</f>
        <v>0.24136387868288384</v>
      </c>
      <c r="J1235" s="59">
        <f>Bühler!J1261</f>
        <v>0.80454626227627957</v>
      </c>
      <c r="K1235" s="59">
        <f>Bühler!K1261</f>
        <v>1.2068193934144191</v>
      </c>
      <c r="L1235" s="59">
        <f>Bühler!L1261</f>
        <v>5.7927330883892116</v>
      </c>
      <c r="M1235" s="58">
        <f>Bühler!M1261</f>
        <v>0</v>
      </c>
      <c r="N1235" s="56">
        <f>IF(Input!$D$19=1,J1235*Input!$C$19,0)+IF(Input!$D$20=1,K1235*Input!$C$20,0)+IF(Input!$D$21=1,L1235*Input!$C$21,0)+IF(Input!$D$22=1,M1235*Input!$C$22,0)</f>
        <v>0.24136387868288386</v>
      </c>
      <c r="O1235" s="59">
        <f>IF(Input!$D$19=2,J1235*Input!$C$19,0)+IF(Input!$D$20=2,K1235*Input!$C$20,0)+IF(Input!$D$21=2,L1235*Input!$C$21,0)+IF(Input!$D$22=2,M1235*Input!$C$22,0)</f>
        <v>0.60340969670720956</v>
      </c>
      <c r="P1235" s="59">
        <f>IF(Input!$D$19=3,J1235*Input!$C$19,0)+IF(Input!$D$20=3,K1235*Input!$C$20,0)+IF(Input!$D$21=3,L1235*Input!$C$21,0)+IF(Input!$D$22=3,M1235*Input!$C$22,0)</f>
        <v>0</v>
      </c>
      <c r="Q1235" s="75">
        <f>IF(Input!$D$19=4,J1235*Input!$C$19,0)+IF(Input!$D$20=4,K1235*Input!$C$20,0)+IF(Input!$D$21=4,L1235*Input!$C$21,0)+IF(Input!$D$22=4,M1235*Input!$C$22,0)</f>
        <v>0</v>
      </c>
      <c r="R1235" s="58">
        <v>58.237723735979486</v>
      </c>
      <c r="S1235" s="124">
        <f t="shared" si="19"/>
        <v>1.0459101409591633</v>
      </c>
    </row>
    <row r="1236" spans="8:19" x14ac:dyDescent="0.3">
      <c r="H1236" s="44">
        <v>1229</v>
      </c>
      <c r="I1236" s="56">
        <f>Bühler!I1262</f>
        <v>0.24136387868288384</v>
      </c>
      <c r="J1236" s="59">
        <f>Bühler!J1262</f>
        <v>0.80454626227627957</v>
      </c>
      <c r="K1236" s="59">
        <f>Bühler!K1262</f>
        <v>1.2068193934144191</v>
      </c>
      <c r="L1236" s="59">
        <f>Bühler!L1262</f>
        <v>5.7927330883892116</v>
      </c>
      <c r="M1236" s="58">
        <f>Bühler!M1262</f>
        <v>0</v>
      </c>
      <c r="N1236" s="56">
        <f>IF(Input!$D$19=1,J1236*Input!$C$19,0)+IF(Input!$D$20=1,K1236*Input!$C$20,0)+IF(Input!$D$21=1,L1236*Input!$C$21,0)+IF(Input!$D$22=1,M1236*Input!$C$22,0)</f>
        <v>0.24136387868288386</v>
      </c>
      <c r="O1236" s="59">
        <f>IF(Input!$D$19=2,J1236*Input!$C$19,0)+IF(Input!$D$20=2,K1236*Input!$C$20,0)+IF(Input!$D$21=2,L1236*Input!$C$21,0)+IF(Input!$D$22=2,M1236*Input!$C$22,0)</f>
        <v>0.60340969670720956</v>
      </c>
      <c r="P1236" s="59">
        <f>IF(Input!$D$19=3,J1236*Input!$C$19,0)+IF(Input!$D$20=3,K1236*Input!$C$20,0)+IF(Input!$D$21=3,L1236*Input!$C$21,0)+IF(Input!$D$22=3,M1236*Input!$C$22,0)</f>
        <v>0</v>
      </c>
      <c r="Q1236" s="75">
        <f>IF(Input!$D$19=4,J1236*Input!$C$19,0)+IF(Input!$D$20=4,K1236*Input!$C$20,0)+IF(Input!$D$21=4,L1236*Input!$C$21,0)+IF(Input!$D$22=4,M1236*Input!$C$22,0)</f>
        <v>0</v>
      </c>
      <c r="R1236" s="58">
        <v>59.335524589138231</v>
      </c>
      <c r="S1236" s="124">
        <f t="shared" si="19"/>
        <v>1.0459101409591633</v>
      </c>
    </row>
    <row r="1237" spans="8:19" x14ac:dyDescent="0.3">
      <c r="H1237" s="44">
        <v>1230</v>
      </c>
      <c r="I1237" s="56">
        <f>Bühler!I1263</f>
        <v>0.31109122141349471</v>
      </c>
      <c r="J1237" s="59">
        <f>Bühler!J1263</f>
        <v>1.0369707380449824</v>
      </c>
      <c r="K1237" s="59">
        <f>Bühler!K1263</f>
        <v>1.5554561070674737</v>
      </c>
      <c r="L1237" s="59">
        <f>Bühler!L1263</f>
        <v>7.4661893139238735</v>
      </c>
      <c r="M1237" s="58">
        <f>Bühler!M1263</f>
        <v>0</v>
      </c>
      <c r="N1237" s="56">
        <f>IF(Input!$D$19=1,J1237*Input!$C$19,0)+IF(Input!$D$20=1,K1237*Input!$C$20,0)+IF(Input!$D$21=1,L1237*Input!$C$21,0)+IF(Input!$D$22=1,M1237*Input!$C$22,0)</f>
        <v>0.31109122141349471</v>
      </c>
      <c r="O1237" s="59">
        <f>IF(Input!$D$19=2,J1237*Input!$C$19,0)+IF(Input!$D$20=2,K1237*Input!$C$20,0)+IF(Input!$D$21=2,L1237*Input!$C$21,0)+IF(Input!$D$22=2,M1237*Input!$C$22,0)</f>
        <v>0.77772805353373686</v>
      </c>
      <c r="P1237" s="59">
        <f>IF(Input!$D$19=3,J1237*Input!$C$19,0)+IF(Input!$D$20=3,K1237*Input!$C$20,0)+IF(Input!$D$21=3,L1237*Input!$C$21,0)+IF(Input!$D$22=3,M1237*Input!$C$22,0)</f>
        <v>0</v>
      </c>
      <c r="Q1237" s="75">
        <f>IF(Input!$D$19=4,J1237*Input!$C$19,0)+IF(Input!$D$20=4,K1237*Input!$C$20,0)+IF(Input!$D$21=4,L1237*Input!$C$21,0)+IF(Input!$D$22=4,M1237*Input!$C$22,0)</f>
        <v>0</v>
      </c>
      <c r="R1237" s="58">
        <v>62.197762744936789</v>
      </c>
      <c r="S1237" s="124">
        <f t="shared" si="19"/>
        <v>1.3480619594584771</v>
      </c>
    </row>
    <row r="1238" spans="8:19" x14ac:dyDescent="0.3">
      <c r="H1238" s="44">
        <v>1231</v>
      </c>
      <c r="I1238" s="56">
        <f>Bühler!I1264</f>
        <v>0.3593639971500715</v>
      </c>
      <c r="J1238" s="59">
        <f>Bühler!J1264</f>
        <v>1.1978799905002384</v>
      </c>
      <c r="K1238" s="59">
        <f>Bühler!K1264</f>
        <v>1.7968199857503577</v>
      </c>
      <c r="L1238" s="59">
        <f>Bühler!L1264</f>
        <v>8.624735931601716</v>
      </c>
      <c r="M1238" s="58">
        <f>Bühler!M1264</f>
        <v>0</v>
      </c>
      <c r="N1238" s="56">
        <f>IF(Input!$D$19=1,J1238*Input!$C$19,0)+IF(Input!$D$20=1,K1238*Input!$C$20,0)+IF(Input!$D$21=1,L1238*Input!$C$21,0)+IF(Input!$D$22=1,M1238*Input!$C$22,0)</f>
        <v>0.3593639971500715</v>
      </c>
      <c r="O1238" s="59">
        <f>IF(Input!$D$19=2,J1238*Input!$C$19,0)+IF(Input!$D$20=2,K1238*Input!$C$20,0)+IF(Input!$D$21=2,L1238*Input!$C$21,0)+IF(Input!$D$22=2,M1238*Input!$C$22,0)</f>
        <v>0.89840999287517886</v>
      </c>
      <c r="P1238" s="59">
        <f>IF(Input!$D$19=3,J1238*Input!$C$19,0)+IF(Input!$D$20=3,K1238*Input!$C$20,0)+IF(Input!$D$21=3,L1238*Input!$C$21,0)+IF(Input!$D$22=3,M1238*Input!$C$22,0)</f>
        <v>0</v>
      </c>
      <c r="Q1238" s="75">
        <f>IF(Input!$D$19=4,J1238*Input!$C$19,0)+IF(Input!$D$20=4,K1238*Input!$C$20,0)+IF(Input!$D$21=4,L1238*Input!$C$21,0)+IF(Input!$D$22=4,M1238*Input!$C$22,0)</f>
        <v>0</v>
      </c>
      <c r="R1238" s="58">
        <v>64.998318292886779</v>
      </c>
      <c r="S1238" s="124">
        <f t="shared" si="19"/>
        <v>1.5572439876503099</v>
      </c>
    </row>
    <row r="1239" spans="8:19" x14ac:dyDescent="0.3">
      <c r="H1239" s="44">
        <v>1232</v>
      </c>
      <c r="I1239" s="56">
        <f>Bühler!I1265</f>
        <v>0.3593639971500715</v>
      </c>
      <c r="J1239" s="59">
        <f>Bühler!J1265</f>
        <v>1.1978799905002384</v>
      </c>
      <c r="K1239" s="59">
        <f>Bühler!K1265</f>
        <v>1.7968199857503577</v>
      </c>
      <c r="L1239" s="59">
        <f>Bühler!L1265</f>
        <v>8.624735931601716</v>
      </c>
      <c r="M1239" s="58">
        <f>Bühler!M1265</f>
        <v>0</v>
      </c>
      <c r="N1239" s="56">
        <f>IF(Input!$D$19=1,J1239*Input!$C$19,0)+IF(Input!$D$20=1,K1239*Input!$C$20,0)+IF(Input!$D$21=1,L1239*Input!$C$21,0)+IF(Input!$D$22=1,M1239*Input!$C$22,0)</f>
        <v>0.3593639971500715</v>
      </c>
      <c r="O1239" s="59">
        <f>IF(Input!$D$19=2,J1239*Input!$C$19,0)+IF(Input!$D$20=2,K1239*Input!$C$20,0)+IF(Input!$D$21=2,L1239*Input!$C$21,0)+IF(Input!$D$22=2,M1239*Input!$C$22,0)</f>
        <v>0.89840999287517886</v>
      </c>
      <c r="P1239" s="59">
        <f>IF(Input!$D$19=3,J1239*Input!$C$19,0)+IF(Input!$D$20=3,K1239*Input!$C$20,0)+IF(Input!$D$21=3,L1239*Input!$C$21,0)+IF(Input!$D$22=3,M1239*Input!$C$22,0)</f>
        <v>0</v>
      </c>
      <c r="Q1239" s="75">
        <f>IF(Input!$D$19=4,J1239*Input!$C$19,0)+IF(Input!$D$20=4,K1239*Input!$C$20,0)+IF(Input!$D$21=4,L1239*Input!$C$21,0)+IF(Input!$D$22=4,M1239*Input!$C$22,0)</f>
        <v>0</v>
      </c>
      <c r="R1239" s="58">
        <v>64.591800810767822</v>
      </c>
      <c r="S1239" s="124">
        <f t="shared" si="19"/>
        <v>1.5572439876503099</v>
      </c>
    </row>
    <row r="1240" spans="8:19" x14ac:dyDescent="0.3">
      <c r="H1240" s="44">
        <v>1233</v>
      </c>
      <c r="I1240" s="56">
        <f>Bühler!I1266</f>
        <v>0.3593639971500715</v>
      </c>
      <c r="J1240" s="59">
        <f>Bühler!J1266</f>
        <v>1.1978799905002384</v>
      </c>
      <c r="K1240" s="59">
        <f>Bühler!K1266</f>
        <v>1.7968199857503577</v>
      </c>
      <c r="L1240" s="59">
        <f>Bühler!L1266</f>
        <v>8.624735931601716</v>
      </c>
      <c r="M1240" s="58">
        <f>Bühler!M1266</f>
        <v>0</v>
      </c>
      <c r="N1240" s="56">
        <f>IF(Input!$D$19=1,J1240*Input!$C$19,0)+IF(Input!$D$20=1,K1240*Input!$C$20,0)+IF(Input!$D$21=1,L1240*Input!$C$21,0)+IF(Input!$D$22=1,M1240*Input!$C$22,0)</f>
        <v>0.3593639971500715</v>
      </c>
      <c r="O1240" s="59">
        <f>IF(Input!$D$19=2,J1240*Input!$C$19,0)+IF(Input!$D$20=2,K1240*Input!$C$20,0)+IF(Input!$D$21=2,L1240*Input!$C$21,0)+IF(Input!$D$22=2,M1240*Input!$C$22,0)</f>
        <v>0.89840999287517886</v>
      </c>
      <c r="P1240" s="59">
        <f>IF(Input!$D$19=3,J1240*Input!$C$19,0)+IF(Input!$D$20=3,K1240*Input!$C$20,0)+IF(Input!$D$21=3,L1240*Input!$C$21,0)+IF(Input!$D$22=3,M1240*Input!$C$22,0)</f>
        <v>0</v>
      </c>
      <c r="Q1240" s="75">
        <f>IF(Input!$D$19=4,J1240*Input!$C$19,0)+IF(Input!$D$20=4,K1240*Input!$C$20,0)+IF(Input!$D$21=4,L1240*Input!$C$21,0)+IF(Input!$D$22=4,M1240*Input!$C$22,0)</f>
        <v>0</v>
      </c>
      <c r="R1240" s="58">
        <v>65.06017854239056</v>
      </c>
      <c r="S1240" s="124">
        <f t="shared" si="19"/>
        <v>1.5572439876503099</v>
      </c>
    </row>
    <row r="1241" spans="8:19" x14ac:dyDescent="0.3">
      <c r="H1241" s="44">
        <v>1234</v>
      </c>
      <c r="I1241" s="56">
        <f>Bühler!I1267</f>
        <v>0.38618220589261421</v>
      </c>
      <c r="J1241" s="59">
        <f>Bühler!J1267</f>
        <v>1.2872740196420474</v>
      </c>
      <c r="K1241" s="59">
        <f>Bühler!K1267</f>
        <v>1.9309110294630709</v>
      </c>
      <c r="L1241" s="59">
        <f>Bühler!L1267</f>
        <v>9.26837294142274</v>
      </c>
      <c r="M1241" s="58">
        <f>Bühler!M1267</f>
        <v>0</v>
      </c>
      <c r="N1241" s="56">
        <f>IF(Input!$D$19=1,J1241*Input!$C$19,0)+IF(Input!$D$20=1,K1241*Input!$C$20,0)+IF(Input!$D$21=1,L1241*Input!$C$21,0)+IF(Input!$D$22=1,M1241*Input!$C$22,0)</f>
        <v>0.38618220589261421</v>
      </c>
      <c r="O1241" s="59">
        <f>IF(Input!$D$19=2,J1241*Input!$C$19,0)+IF(Input!$D$20=2,K1241*Input!$C$20,0)+IF(Input!$D$21=2,L1241*Input!$C$21,0)+IF(Input!$D$22=2,M1241*Input!$C$22,0)</f>
        <v>0.96545551473153546</v>
      </c>
      <c r="P1241" s="59">
        <f>IF(Input!$D$19=3,J1241*Input!$C$19,0)+IF(Input!$D$20=3,K1241*Input!$C$20,0)+IF(Input!$D$21=3,L1241*Input!$C$21,0)+IF(Input!$D$22=3,M1241*Input!$C$22,0)</f>
        <v>0</v>
      </c>
      <c r="Q1241" s="75">
        <f>IF(Input!$D$19=4,J1241*Input!$C$19,0)+IF(Input!$D$20=4,K1241*Input!$C$20,0)+IF(Input!$D$21=4,L1241*Input!$C$21,0)+IF(Input!$D$22=4,M1241*Input!$C$22,0)</f>
        <v>0</v>
      </c>
      <c r="R1241" s="58">
        <v>64.518727561870563</v>
      </c>
      <c r="S1241" s="124">
        <f t="shared" si="19"/>
        <v>1.6734562255346614</v>
      </c>
    </row>
    <row r="1242" spans="8:19" x14ac:dyDescent="0.3">
      <c r="H1242" s="44">
        <v>1235</v>
      </c>
      <c r="I1242" s="56">
        <f>Bühler!I1268</f>
        <v>0.41836405638366542</v>
      </c>
      <c r="J1242" s="59">
        <f>Bühler!J1268</f>
        <v>1.3945468546122182</v>
      </c>
      <c r="K1242" s="59">
        <f>Bühler!K1268</f>
        <v>2.0918202819183271</v>
      </c>
      <c r="L1242" s="59">
        <f>Bühler!L1268</f>
        <v>10.04073735320797</v>
      </c>
      <c r="M1242" s="58">
        <f>Bühler!M1268</f>
        <v>0</v>
      </c>
      <c r="N1242" s="56">
        <f>IF(Input!$D$19=1,J1242*Input!$C$19,0)+IF(Input!$D$20=1,K1242*Input!$C$20,0)+IF(Input!$D$21=1,L1242*Input!$C$21,0)+IF(Input!$D$22=1,M1242*Input!$C$22,0)</f>
        <v>0.41836405638366542</v>
      </c>
      <c r="O1242" s="59">
        <f>IF(Input!$D$19=2,J1242*Input!$C$19,0)+IF(Input!$D$20=2,K1242*Input!$C$20,0)+IF(Input!$D$21=2,L1242*Input!$C$21,0)+IF(Input!$D$22=2,M1242*Input!$C$22,0)</f>
        <v>1.0459101409591636</v>
      </c>
      <c r="P1242" s="59">
        <f>IF(Input!$D$19=3,J1242*Input!$C$19,0)+IF(Input!$D$20=3,K1242*Input!$C$20,0)+IF(Input!$D$21=3,L1242*Input!$C$21,0)+IF(Input!$D$22=3,M1242*Input!$C$22,0)</f>
        <v>0</v>
      </c>
      <c r="Q1242" s="75">
        <f>IF(Input!$D$19=4,J1242*Input!$C$19,0)+IF(Input!$D$20=4,K1242*Input!$C$20,0)+IF(Input!$D$21=4,L1242*Input!$C$21,0)+IF(Input!$D$22=4,M1242*Input!$C$22,0)</f>
        <v>0</v>
      </c>
      <c r="R1242" s="58">
        <v>64.83667974420824</v>
      </c>
      <c r="S1242" s="124">
        <f t="shared" si="19"/>
        <v>1.8129109109958836</v>
      </c>
    </row>
    <row r="1243" spans="8:19" x14ac:dyDescent="0.3">
      <c r="H1243" s="44">
        <v>1236</v>
      </c>
      <c r="I1243" s="56">
        <f>Bühler!I1269</f>
        <v>0.48272775736576767</v>
      </c>
      <c r="J1243" s="59">
        <f>Bühler!J1269</f>
        <v>1.6090925245525591</v>
      </c>
      <c r="K1243" s="59">
        <f>Bühler!K1269</f>
        <v>2.4136387868288383</v>
      </c>
      <c r="L1243" s="59">
        <f>Bühler!L1269</f>
        <v>11.585466176778423</v>
      </c>
      <c r="M1243" s="58">
        <f>Bühler!M1269</f>
        <v>0</v>
      </c>
      <c r="N1243" s="56">
        <f>IF(Input!$D$19=1,J1243*Input!$C$19,0)+IF(Input!$D$20=1,K1243*Input!$C$20,0)+IF(Input!$D$21=1,L1243*Input!$C$21,0)+IF(Input!$D$22=1,M1243*Input!$C$22,0)</f>
        <v>0.48272775736576773</v>
      </c>
      <c r="O1243" s="59">
        <f>IF(Input!$D$19=2,J1243*Input!$C$19,0)+IF(Input!$D$20=2,K1243*Input!$C$20,0)+IF(Input!$D$21=2,L1243*Input!$C$21,0)+IF(Input!$D$22=2,M1243*Input!$C$22,0)</f>
        <v>1.2068193934144191</v>
      </c>
      <c r="P1243" s="59">
        <f>IF(Input!$D$19=3,J1243*Input!$C$19,0)+IF(Input!$D$20=3,K1243*Input!$C$20,0)+IF(Input!$D$21=3,L1243*Input!$C$21,0)+IF(Input!$D$22=3,M1243*Input!$C$22,0)</f>
        <v>0</v>
      </c>
      <c r="Q1243" s="75">
        <f>IF(Input!$D$19=4,J1243*Input!$C$19,0)+IF(Input!$D$20=4,K1243*Input!$C$20,0)+IF(Input!$D$21=4,L1243*Input!$C$21,0)+IF(Input!$D$22=4,M1243*Input!$C$22,0)</f>
        <v>0</v>
      </c>
      <c r="R1243" s="58">
        <v>64.971888874516168</v>
      </c>
      <c r="S1243" s="124">
        <f t="shared" si="19"/>
        <v>2.0918202819183267</v>
      </c>
    </row>
    <row r="1244" spans="8:19" x14ac:dyDescent="0.3">
      <c r="H1244" s="44">
        <v>1237</v>
      </c>
      <c r="I1244" s="56">
        <f>Bühler!I1270</f>
        <v>0.48272775736576767</v>
      </c>
      <c r="J1244" s="59">
        <f>Bühler!J1270</f>
        <v>1.6090925245525591</v>
      </c>
      <c r="K1244" s="59">
        <f>Bühler!K1270</f>
        <v>2.4136387868288383</v>
      </c>
      <c r="L1244" s="59">
        <f>Bühler!L1270</f>
        <v>11.585466176778423</v>
      </c>
      <c r="M1244" s="58">
        <f>Bühler!M1270</f>
        <v>0</v>
      </c>
      <c r="N1244" s="56">
        <f>IF(Input!$D$19=1,J1244*Input!$C$19,0)+IF(Input!$D$20=1,K1244*Input!$C$20,0)+IF(Input!$D$21=1,L1244*Input!$C$21,0)+IF(Input!$D$22=1,M1244*Input!$C$22,0)</f>
        <v>0.48272775736576773</v>
      </c>
      <c r="O1244" s="59">
        <f>IF(Input!$D$19=2,J1244*Input!$C$19,0)+IF(Input!$D$20=2,K1244*Input!$C$20,0)+IF(Input!$D$21=2,L1244*Input!$C$21,0)+IF(Input!$D$22=2,M1244*Input!$C$22,0)</f>
        <v>1.2068193934144191</v>
      </c>
      <c r="P1244" s="59">
        <f>IF(Input!$D$19=3,J1244*Input!$C$19,0)+IF(Input!$D$20=3,K1244*Input!$C$20,0)+IF(Input!$D$21=3,L1244*Input!$C$21,0)+IF(Input!$D$22=3,M1244*Input!$C$22,0)</f>
        <v>0</v>
      </c>
      <c r="Q1244" s="75">
        <f>IF(Input!$D$19=4,J1244*Input!$C$19,0)+IF(Input!$D$20=4,K1244*Input!$C$20,0)+IF(Input!$D$21=4,L1244*Input!$C$21,0)+IF(Input!$D$22=4,M1244*Input!$C$22,0)</f>
        <v>0</v>
      </c>
      <c r="R1244" s="58">
        <v>64.262397733968101</v>
      </c>
      <c r="S1244" s="124">
        <f t="shared" si="19"/>
        <v>2.0918202819183267</v>
      </c>
    </row>
    <row r="1245" spans="8:19" x14ac:dyDescent="0.3">
      <c r="H1245" s="44">
        <v>1238</v>
      </c>
      <c r="I1245" s="56">
        <f>Bühler!I1271</f>
        <v>0.48272775736576767</v>
      </c>
      <c r="J1245" s="59">
        <f>Bühler!J1271</f>
        <v>1.6090925245525591</v>
      </c>
      <c r="K1245" s="59">
        <f>Bühler!K1271</f>
        <v>2.4136387868288383</v>
      </c>
      <c r="L1245" s="59">
        <f>Bühler!L1271</f>
        <v>11.585466176778423</v>
      </c>
      <c r="M1245" s="58">
        <f>Bühler!M1271</f>
        <v>0</v>
      </c>
      <c r="N1245" s="56">
        <f>IF(Input!$D$19=1,J1245*Input!$C$19,0)+IF(Input!$D$20=1,K1245*Input!$C$20,0)+IF(Input!$D$21=1,L1245*Input!$C$21,0)+IF(Input!$D$22=1,M1245*Input!$C$22,0)</f>
        <v>0.48272775736576773</v>
      </c>
      <c r="O1245" s="59">
        <f>IF(Input!$D$19=2,J1245*Input!$C$19,0)+IF(Input!$D$20=2,K1245*Input!$C$20,0)+IF(Input!$D$21=2,L1245*Input!$C$21,0)+IF(Input!$D$22=2,M1245*Input!$C$22,0)</f>
        <v>1.2068193934144191</v>
      </c>
      <c r="P1245" s="59">
        <f>IF(Input!$D$19=3,J1245*Input!$C$19,0)+IF(Input!$D$20=3,K1245*Input!$C$20,0)+IF(Input!$D$21=3,L1245*Input!$C$21,0)+IF(Input!$D$22=3,M1245*Input!$C$22,0)</f>
        <v>0</v>
      </c>
      <c r="Q1245" s="75">
        <f>IF(Input!$D$19=4,J1245*Input!$C$19,0)+IF(Input!$D$20=4,K1245*Input!$C$20,0)+IF(Input!$D$21=4,L1245*Input!$C$21,0)+IF(Input!$D$22=4,M1245*Input!$C$22,0)</f>
        <v>0</v>
      </c>
      <c r="R1245" s="58">
        <v>63.682915963992002</v>
      </c>
      <c r="S1245" s="124">
        <f t="shared" si="19"/>
        <v>2.0918202819183267</v>
      </c>
    </row>
    <row r="1246" spans="8:19" x14ac:dyDescent="0.3">
      <c r="H1246" s="44">
        <v>1239</v>
      </c>
      <c r="I1246" s="56">
        <f>Bühler!I1272</f>
        <v>0.48272775736576767</v>
      </c>
      <c r="J1246" s="59">
        <f>Bühler!J1272</f>
        <v>1.6090925245525591</v>
      </c>
      <c r="K1246" s="59">
        <f>Bühler!K1272</f>
        <v>2.4136387868288383</v>
      </c>
      <c r="L1246" s="59">
        <f>Bühler!L1272</f>
        <v>11.585466176778423</v>
      </c>
      <c r="M1246" s="58">
        <f>Bühler!M1272</f>
        <v>0</v>
      </c>
      <c r="N1246" s="56">
        <f>IF(Input!$D$19=1,J1246*Input!$C$19,0)+IF(Input!$D$20=1,K1246*Input!$C$20,0)+IF(Input!$D$21=1,L1246*Input!$C$21,0)+IF(Input!$D$22=1,M1246*Input!$C$22,0)</f>
        <v>0.48272775736576773</v>
      </c>
      <c r="O1246" s="59">
        <f>IF(Input!$D$19=2,J1246*Input!$C$19,0)+IF(Input!$D$20=2,K1246*Input!$C$20,0)+IF(Input!$D$21=2,L1246*Input!$C$21,0)+IF(Input!$D$22=2,M1246*Input!$C$22,0)</f>
        <v>1.2068193934144191</v>
      </c>
      <c r="P1246" s="59">
        <f>IF(Input!$D$19=3,J1246*Input!$C$19,0)+IF(Input!$D$20=3,K1246*Input!$C$20,0)+IF(Input!$D$21=3,L1246*Input!$C$21,0)+IF(Input!$D$22=3,M1246*Input!$C$22,0)</f>
        <v>0</v>
      </c>
      <c r="Q1246" s="75">
        <f>IF(Input!$D$19=4,J1246*Input!$C$19,0)+IF(Input!$D$20=4,K1246*Input!$C$20,0)+IF(Input!$D$21=4,L1246*Input!$C$21,0)+IF(Input!$D$22=4,M1246*Input!$C$22,0)</f>
        <v>0</v>
      </c>
      <c r="R1246" s="58">
        <v>64.34762291166993</v>
      </c>
      <c r="S1246" s="124">
        <f t="shared" si="19"/>
        <v>2.0918202819183267</v>
      </c>
    </row>
    <row r="1247" spans="8:19" x14ac:dyDescent="0.3">
      <c r="H1247" s="44">
        <v>1240</v>
      </c>
      <c r="I1247" s="56">
        <f>Bühler!I1273</f>
        <v>0.48272775736576767</v>
      </c>
      <c r="J1247" s="59">
        <f>Bühler!J1273</f>
        <v>1.6090925245525591</v>
      </c>
      <c r="K1247" s="59">
        <f>Bühler!K1273</f>
        <v>2.4136387868288383</v>
      </c>
      <c r="L1247" s="59">
        <f>Bühler!L1273</f>
        <v>11.585466176778423</v>
      </c>
      <c r="M1247" s="58">
        <f>Bühler!M1273</f>
        <v>0</v>
      </c>
      <c r="N1247" s="56">
        <f>IF(Input!$D$19=1,J1247*Input!$C$19,0)+IF(Input!$D$20=1,K1247*Input!$C$20,0)+IF(Input!$D$21=1,L1247*Input!$C$21,0)+IF(Input!$D$22=1,M1247*Input!$C$22,0)</f>
        <v>0.48272775736576773</v>
      </c>
      <c r="O1247" s="59">
        <f>IF(Input!$D$19=2,J1247*Input!$C$19,0)+IF(Input!$D$20=2,K1247*Input!$C$20,0)+IF(Input!$D$21=2,L1247*Input!$C$21,0)+IF(Input!$D$22=2,M1247*Input!$C$22,0)</f>
        <v>1.2068193934144191</v>
      </c>
      <c r="P1247" s="59">
        <f>IF(Input!$D$19=3,J1247*Input!$C$19,0)+IF(Input!$D$20=3,K1247*Input!$C$20,0)+IF(Input!$D$21=3,L1247*Input!$C$21,0)+IF(Input!$D$22=3,M1247*Input!$C$22,0)</f>
        <v>0</v>
      </c>
      <c r="Q1247" s="75">
        <f>IF(Input!$D$19=4,J1247*Input!$C$19,0)+IF(Input!$D$20=4,K1247*Input!$C$20,0)+IF(Input!$D$21=4,L1247*Input!$C$21,0)+IF(Input!$D$22=4,M1247*Input!$C$22,0)</f>
        <v>0</v>
      </c>
      <c r="R1247" s="58">
        <v>63.359733110662035</v>
      </c>
      <c r="S1247" s="124">
        <f t="shared" si="19"/>
        <v>2.0918202819183267</v>
      </c>
    </row>
    <row r="1248" spans="8:19" x14ac:dyDescent="0.3">
      <c r="H1248" s="44">
        <v>1241</v>
      </c>
      <c r="I1248" s="56">
        <f>Bühler!I1274</f>
        <v>0.48272775736576767</v>
      </c>
      <c r="J1248" s="59">
        <f>Bühler!J1274</f>
        <v>1.6090925245525591</v>
      </c>
      <c r="K1248" s="59">
        <f>Bühler!K1274</f>
        <v>2.4136387868288383</v>
      </c>
      <c r="L1248" s="59">
        <f>Bühler!L1274</f>
        <v>11.585466176778423</v>
      </c>
      <c r="M1248" s="58">
        <f>Bühler!M1274</f>
        <v>0</v>
      </c>
      <c r="N1248" s="56">
        <f>IF(Input!$D$19=1,J1248*Input!$C$19,0)+IF(Input!$D$20=1,K1248*Input!$C$20,0)+IF(Input!$D$21=1,L1248*Input!$C$21,0)+IF(Input!$D$22=1,M1248*Input!$C$22,0)</f>
        <v>0.48272775736576773</v>
      </c>
      <c r="O1248" s="59">
        <f>IF(Input!$D$19=2,J1248*Input!$C$19,0)+IF(Input!$D$20=2,K1248*Input!$C$20,0)+IF(Input!$D$21=2,L1248*Input!$C$21,0)+IF(Input!$D$22=2,M1248*Input!$C$22,0)</f>
        <v>1.2068193934144191</v>
      </c>
      <c r="P1248" s="59">
        <f>IF(Input!$D$19=3,J1248*Input!$C$19,0)+IF(Input!$D$20=3,K1248*Input!$C$20,0)+IF(Input!$D$21=3,L1248*Input!$C$21,0)+IF(Input!$D$22=3,M1248*Input!$C$22,0)</f>
        <v>0</v>
      </c>
      <c r="Q1248" s="75">
        <f>IF(Input!$D$19=4,J1248*Input!$C$19,0)+IF(Input!$D$20=4,K1248*Input!$C$20,0)+IF(Input!$D$21=4,L1248*Input!$C$21,0)+IF(Input!$D$22=4,M1248*Input!$C$22,0)</f>
        <v>0</v>
      </c>
      <c r="R1248" s="58">
        <v>62.262304997043493</v>
      </c>
      <c r="S1248" s="124">
        <f t="shared" si="19"/>
        <v>2.0918202819183267</v>
      </c>
    </row>
    <row r="1249" spans="8:19" x14ac:dyDescent="0.3">
      <c r="H1249" s="44">
        <v>1242</v>
      </c>
      <c r="I1249" s="56">
        <f>Bühler!I1275</f>
        <v>0.48272775736576767</v>
      </c>
      <c r="J1249" s="59">
        <f>Bühler!J1275</f>
        <v>1.6090925245525591</v>
      </c>
      <c r="K1249" s="59">
        <f>Bühler!K1275</f>
        <v>2.4136387868288383</v>
      </c>
      <c r="L1249" s="59">
        <f>Bühler!L1275</f>
        <v>11.585466176778423</v>
      </c>
      <c r="M1249" s="58">
        <f>Bühler!M1275</f>
        <v>0</v>
      </c>
      <c r="N1249" s="56">
        <f>IF(Input!$D$19=1,J1249*Input!$C$19,0)+IF(Input!$D$20=1,K1249*Input!$C$20,0)+IF(Input!$D$21=1,L1249*Input!$C$21,0)+IF(Input!$D$22=1,M1249*Input!$C$22,0)</f>
        <v>0.48272775736576773</v>
      </c>
      <c r="O1249" s="59">
        <f>IF(Input!$D$19=2,J1249*Input!$C$19,0)+IF(Input!$D$20=2,K1249*Input!$C$20,0)+IF(Input!$D$21=2,L1249*Input!$C$21,0)+IF(Input!$D$22=2,M1249*Input!$C$22,0)</f>
        <v>1.2068193934144191</v>
      </c>
      <c r="P1249" s="59">
        <f>IF(Input!$D$19=3,J1249*Input!$C$19,0)+IF(Input!$D$20=3,K1249*Input!$C$20,0)+IF(Input!$D$21=3,L1249*Input!$C$21,0)+IF(Input!$D$22=3,M1249*Input!$C$22,0)</f>
        <v>0</v>
      </c>
      <c r="Q1249" s="75">
        <f>IF(Input!$D$19=4,J1249*Input!$C$19,0)+IF(Input!$D$20=4,K1249*Input!$C$20,0)+IF(Input!$D$21=4,L1249*Input!$C$21,0)+IF(Input!$D$22=4,M1249*Input!$C$22,0)</f>
        <v>0</v>
      </c>
      <c r="R1249" s="58">
        <v>61.375716070722135</v>
      </c>
      <c r="S1249" s="124">
        <f t="shared" si="19"/>
        <v>2.0918202819183267</v>
      </c>
    </row>
    <row r="1250" spans="8:19" x14ac:dyDescent="0.3">
      <c r="H1250" s="44">
        <v>1243</v>
      </c>
      <c r="I1250" s="56">
        <f>Bühler!I1276</f>
        <v>0.48272775736576767</v>
      </c>
      <c r="J1250" s="59">
        <f>Bühler!J1276</f>
        <v>1.6090925245525591</v>
      </c>
      <c r="K1250" s="59">
        <f>Bühler!K1276</f>
        <v>2.4136387868288383</v>
      </c>
      <c r="L1250" s="59">
        <f>Bühler!L1276</f>
        <v>11.585466176778423</v>
      </c>
      <c r="M1250" s="58">
        <f>Bühler!M1276</f>
        <v>0</v>
      </c>
      <c r="N1250" s="56">
        <f>IF(Input!$D$19=1,J1250*Input!$C$19,0)+IF(Input!$D$20=1,K1250*Input!$C$20,0)+IF(Input!$D$21=1,L1250*Input!$C$21,0)+IF(Input!$D$22=1,M1250*Input!$C$22,0)</f>
        <v>0.48272775736576773</v>
      </c>
      <c r="O1250" s="59">
        <f>IF(Input!$D$19=2,J1250*Input!$C$19,0)+IF(Input!$D$20=2,K1250*Input!$C$20,0)+IF(Input!$D$21=2,L1250*Input!$C$21,0)+IF(Input!$D$22=2,M1250*Input!$C$22,0)</f>
        <v>1.2068193934144191</v>
      </c>
      <c r="P1250" s="59">
        <f>IF(Input!$D$19=3,J1250*Input!$C$19,0)+IF(Input!$D$20=3,K1250*Input!$C$20,0)+IF(Input!$D$21=3,L1250*Input!$C$21,0)+IF(Input!$D$22=3,M1250*Input!$C$22,0)</f>
        <v>0</v>
      </c>
      <c r="Q1250" s="75">
        <f>IF(Input!$D$19=4,J1250*Input!$C$19,0)+IF(Input!$D$20=4,K1250*Input!$C$20,0)+IF(Input!$D$21=4,L1250*Input!$C$21,0)+IF(Input!$D$22=4,M1250*Input!$C$22,0)</f>
        <v>0</v>
      </c>
      <c r="R1250" s="58">
        <v>59.962710841930772</v>
      </c>
      <c r="S1250" s="124">
        <f t="shared" si="19"/>
        <v>2.0918202819183267</v>
      </c>
    </row>
    <row r="1251" spans="8:19" x14ac:dyDescent="0.3">
      <c r="H1251" s="44">
        <v>1244</v>
      </c>
      <c r="I1251" s="56">
        <f>Bühler!I1277</f>
        <v>0.40227313113813984</v>
      </c>
      <c r="J1251" s="59">
        <f>Bühler!J1277</f>
        <v>1.3409104371271328</v>
      </c>
      <c r="K1251" s="59">
        <f>Bühler!K1277</f>
        <v>2.0113656556906991</v>
      </c>
      <c r="L1251" s="59">
        <f>Bühler!L1277</f>
        <v>9.6545551473153548</v>
      </c>
      <c r="M1251" s="58">
        <f>Bühler!M1277</f>
        <v>0</v>
      </c>
      <c r="N1251" s="56">
        <f>IF(Input!$D$19=1,J1251*Input!$C$19,0)+IF(Input!$D$20=1,K1251*Input!$C$20,0)+IF(Input!$D$21=1,L1251*Input!$C$21,0)+IF(Input!$D$22=1,M1251*Input!$C$22,0)</f>
        <v>0.40227313113813984</v>
      </c>
      <c r="O1251" s="59">
        <f>IF(Input!$D$19=2,J1251*Input!$C$19,0)+IF(Input!$D$20=2,K1251*Input!$C$20,0)+IF(Input!$D$21=2,L1251*Input!$C$21,0)+IF(Input!$D$22=2,M1251*Input!$C$22,0)</f>
        <v>1.0056828278453496</v>
      </c>
      <c r="P1251" s="59">
        <f>IF(Input!$D$19=3,J1251*Input!$C$19,0)+IF(Input!$D$20=3,K1251*Input!$C$20,0)+IF(Input!$D$21=3,L1251*Input!$C$21,0)+IF(Input!$D$22=3,M1251*Input!$C$22,0)</f>
        <v>0</v>
      </c>
      <c r="Q1251" s="75">
        <f>IF(Input!$D$19=4,J1251*Input!$C$19,0)+IF(Input!$D$20=4,K1251*Input!$C$20,0)+IF(Input!$D$21=4,L1251*Input!$C$21,0)+IF(Input!$D$22=4,M1251*Input!$C$22,0)</f>
        <v>0</v>
      </c>
      <c r="R1251" s="58">
        <v>59.526508021153312</v>
      </c>
      <c r="S1251" s="124">
        <f t="shared" si="19"/>
        <v>1.7431835682652725</v>
      </c>
    </row>
    <row r="1252" spans="8:19" x14ac:dyDescent="0.3">
      <c r="H1252" s="44">
        <v>1245</v>
      </c>
      <c r="I1252" s="56">
        <f>Bühler!I1278</f>
        <v>0.32181850491051184</v>
      </c>
      <c r="J1252" s="59">
        <f>Bühler!J1278</f>
        <v>1.0727283497017062</v>
      </c>
      <c r="K1252" s="59">
        <f>Bühler!K1278</f>
        <v>1.6090925245525594</v>
      </c>
      <c r="L1252" s="59">
        <f>Bühler!L1278</f>
        <v>7.7236441178522846</v>
      </c>
      <c r="M1252" s="58">
        <f>Bühler!M1278</f>
        <v>0</v>
      </c>
      <c r="N1252" s="56">
        <f>IF(Input!$D$19=1,J1252*Input!$C$19,0)+IF(Input!$D$20=1,K1252*Input!$C$20,0)+IF(Input!$D$21=1,L1252*Input!$C$21,0)+IF(Input!$D$22=1,M1252*Input!$C$22,0)</f>
        <v>0.32181850491051184</v>
      </c>
      <c r="O1252" s="59">
        <f>IF(Input!$D$19=2,J1252*Input!$C$19,0)+IF(Input!$D$20=2,K1252*Input!$C$20,0)+IF(Input!$D$21=2,L1252*Input!$C$21,0)+IF(Input!$D$22=2,M1252*Input!$C$22,0)</f>
        <v>0.80454626227627968</v>
      </c>
      <c r="P1252" s="59">
        <f>IF(Input!$D$19=3,J1252*Input!$C$19,0)+IF(Input!$D$20=3,K1252*Input!$C$20,0)+IF(Input!$D$21=3,L1252*Input!$C$21,0)+IF(Input!$D$22=3,M1252*Input!$C$22,0)</f>
        <v>0</v>
      </c>
      <c r="Q1252" s="75">
        <f>IF(Input!$D$19=4,J1252*Input!$C$19,0)+IF(Input!$D$20=4,K1252*Input!$C$20,0)+IF(Input!$D$21=4,L1252*Input!$C$21,0)+IF(Input!$D$22=4,M1252*Input!$C$22,0)</f>
        <v>0</v>
      </c>
      <c r="R1252" s="58">
        <v>58.972878378299306</v>
      </c>
      <c r="S1252" s="124">
        <f t="shared" si="19"/>
        <v>1.3945468546122179</v>
      </c>
    </row>
    <row r="1253" spans="8:19" x14ac:dyDescent="0.3">
      <c r="H1253" s="44">
        <v>1246</v>
      </c>
      <c r="I1253" s="56">
        <f>Bühler!I1279</f>
        <v>0.24136387868288384</v>
      </c>
      <c r="J1253" s="59">
        <f>Bühler!J1279</f>
        <v>0.80454626227627957</v>
      </c>
      <c r="K1253" s="59">
        <f>Bühler!K1279</f>
        <v>1.2068193934144191</v>
      </c>
      <c r="L1253" s="59">
        <f>Bühler!L1279</f>
        <v>5.7927330883892116</v>
      </c>
      <c r="M1253" s="58">
        <f>Bühler!M1279</f>
        <v>0</v>
      </c>
      <c r="N1253" s="56">
        <f>IF(Input!$D$19=1,J1253*Input!$C$19,0)+IF(Input!$D$20=1,K1253*Input!$C$20,0)+IF(Input!$D$21=1,L1253*Input!$C$21,0)+IF(Input!$D$22=1,M1253*Input!$C$22,0)</f>
        <v>0.24136387868288386</v>
      </c>
      <c r="O1253" s="59">
        <f>IF(Input!$D$19=2,J1253*Input!$C$19,0)+IF(Input!$D$20=2,K1253*Input!$C$20,0)+IF(Input!$D$21=2,L1253*Input!$C$21,0)+IF(Input!$D$22=2,M1253*Input!$C$22,0)</f>
        <v>0.60340969670720956</v>
      </c>
      <c r="P1253" s="59">
        <f>IF(Input!$D$19=3,J1253*Input!$C$19,0)+IF(Input!$D$20=3,K1253*Input!$C$20,0)+IF(Input!$D$21=3,L1253*Input!$C$21,0)+IF(Input!$D$22=3,M1253*Input!$C$22,0)</f>
        <v>0</v>
      </c>
      <c r="Q1253" s="75">
        <f>IF(Input!$D$19=4,J1253*Input!$C$19,0)+IF(Input!$D$20=4,K1253*Input!$C$20,0)+IF(Input!$D$21=4,L1253*Input!$C$21,0)+IF(Input!$D$22=4,M1253*Input!$C$22,0)</f>
        <v>0</v>
      </c>
      <c r="R1253" s="58">
        <v>57.42532774820657</v>
      </c>
      <c r="S1253" s="124">
        <f t="shared" si="19"/>
        <v>1.0459101409591633</v>
      </c>
    </row>
    <row r="1254" spans="8:19" x14ac:dyDescent="0.3">
      <c r="H1254" s="44">
        <v>1247</v>
      </c>
      <c r="I1254" s="56">
        <f>Bühler!I1280</f>
        <v>0.24136387868288384</v>
      </c>
      <c r="J1254" s="59">
        <f>Bühler!J1280</f>
        <v>0.80454626227627957</v>
      </c>
      <c r="K1254" s="59">
        <f>Bühler!K1280</f>
        <v>1.2068193934144191</v>
      </c>
      <c r="L1254" s="59">
        <f>Bühler!L1280</f>
        <v>5.7927330883892116</v>
      </c>
      <c r="M1254" s="58">
        <f>Bühler!M1280</f>
        <v>0</v>
      </c>
      <c r="N1254" s="56">
        <f>IF(Input!$D$19=1,J1254*Input!$C$19,0)+IF(Input!$D$20=1,K1254*Input!$C$20,0)+IF(Input!$D$21=1,L1254*Input!$C$21,0)+IF(Input!$D$22=1,M1254*Input!$C$22,0)</f>
        <v>0.24136387868288386</v>
      </c>
      <c r="O1254" s="59">
        <f>IF(Input!$D$19=2,J1254*Input!$C$19,0)+IF(Input!$D$20=2,K1254*Input!$C$20,0)+IF(Input!$D$21=2,L1254*Input!$C$21,0)+IF(Input!$D$22=2,M1254*Input!$C$22,0)</f>
        <v>0.60340969670720956</v>
      </c>
      <c r="P1254" s="59">
        <f>IF(Input!$D$19=3,J1254*Input!$C$19,0)+IF(Input!$D$20=3,K1254*Input!$C$20,0)+IF(Input!$D$21=3,L1254*Input!$C$21,0)+IF(Input!$D$22=3,M1254*Input!$C$22,0)</f>
        <v>0</v>
      </c>
      <c r="Q1254" s="75">
        <f>IF(Input!$D$19=4,J1254*Input!$C$19,0)+IF(Input!$D$20=4,K1254*Input!$C$20,0)+IF(Input!$D$21=4,L1254*Input!$C$21,0)+IF(Input!$D$22=4,M1254*Input!$C$22,0)</f>
        <v>0</v>
      </c>
      <c r="R1254" s="58">
        <v>57.743243802032723</v>
      </c>
      <c r="S1254" s="124">
        <f t="shared" si="19"/>
        <v>1.0459101409591633</v>
      </c>
    </row>
    <row r="1255" spans="8:19" x14ac:dyDescent="0.3">
      <c r="H1255" s="44">
        <v>1248</v>
      </c>
      <c r="I1255" s="56">
        <f>Bühler!I1281</f>
        <v>0.24136387868288384</v>
      </c>
      <c r="J1255" s="59">
        <f>Bühler!J1281</f>
        <v>0.80454626227627957</v>
      </c>
      <c r="K1255" s="59">
        <f>Bühler!K1281</f>
        <v>1.2068193934144191</v>
      </c>
      <c r="L1255" s="59">
        <f>Bühler!L1281</f>
        <v>5.7927330883892116</v>
      </c>
      <c r="M1255" s="58">
        <f>Bühler!M1281</f>
        <v>0</v>
      </c>
      <c r="N1255" s="56">
        <f>IF(Input!$D$19=1,J1255*Input!$C$19,0)+IF(Input!$D$20=1,K1255*Input!$C$20,0)+IF(Input!$D$21=1,L1255*Input!$C$21,0)+IF(Input!$D$22=1,M1255*Input!$C$22,0)</f>
        <v>0.24136387868288386</v>
      </c>
      <c r="O1255" s="59">
        <f>IF(Input!$D$19=2,J1255*Input!$C$19,0)+IF(Input!$D$20=2,K1255*Input!$C$20,0)+IF(Input!$D$21=2,L1255*Input!$C$21,0)+IF(Input!$D$22=2,M1255*Input!$C$22,0)</f>
        <v>0.60340969670720956</v>
      </c>
      <c r="P1255" s="59">
        <f>IF(Input!$D$19=3,J1255*Input!$C$19,0)+IF(Input!$D$20=3,K1255*Input!$C$20,0)+IF(Input!$D$21=3,L1255*Input!$C$21,0)+IF(Input!$D$22=3,M1255*Input!$C$22,0)</f>
        <v>0</v>
      </c>
      <c r="Q1255" s="75">
        <f>IF(Input!$D$19=4,J1255*Input!$C$19,0)+IF(Input!$D$20=4,K1255*Input!$C$20,0)+IF(Input!$D$21=4,L1255*Input!$C$21,0)+IF(Input!$D$22=4,M1255*Input!$C$22,0)</f>
        <v>0</v>
      </c>
      <c r="R1255" s="58">
        <v>57.111760335425195</v>
      </c>
      <c r="S1255" s="124">
        <f t="shared" si="19"/>
        <v>1.0459101409591633</v>
      </c>
    </row>
    <row r="1256" spans="8:19" x14ac:dyDescent="0.3">
      <c r="H1256" s="44">
        <v>1249</v>
      </c>
      <c r="I1256" s="56">
        <f>Bühler!I1282</f>
        <v>0.23725423730644338</v>
      </c>
      <c r="J1256" s="59">
        <f>Bühler!J1282</f>
        <v>0.79084745768814468</v>
      </c>
      <c r="K1256" s="59">
        <f>Bühler!K1282</f>
        <v>1.1862711865322169</v>
      </c>
      <c r="L1256" s="59">
        <f>Bühler!L1282</f>
        <v>5.6941016953546413</v>
      </c>
      <c r="M1256" s="58">
        <f>Bühler!M1282</f>
        <v>0</v>
      </c>
      <c r="N1256" s="56">
        <f>IF(Input!$D$19=1,J1256*Input!$C$19,0)+IF(Input!$D$20=1,K1256*Input!$C$20,0)+IF(Input!$D$21=1,L1256*Input!$C$21,0)+IF(Input!$D$22=1,M1256*Input!$C$22,0)</f>
        <v>0.23725423730644341</v>
      </c>
      <c r="O1256" s="59">
        <f>IF(Input!$D$19=2,J1256*Input!$C$19,0)+IF(Input!$D$20=2,K1256*Input!$C$20,0)+IF(Input!$D$21=2,L1256*Input!$C$21,0)+IF(Input!$D$22=2,M1256*Input!$C$22,0)</f>
        <v>0.59313559326610843</v>
      </c>
      <c r="P1256" s="59">
        <f>IF(Input!$D$19=3,J1256*Input!$C$19,0)+IF(Input!$D$20=3,K1256*Input!$C$20,0)+IF(Input!$D$21=3,L1256*Input!$C$21,0)+IF(Input!$D$22=3,M1256*Input!$C$22,0)</f>
        <v>0</v>
      </c>
      <c r="Q1256" s="75">
        <f>IF(Input!$D$19=4,J1256*Input!$C$19,0)+IF(Input!$D$20=4,K1256*Input!$C$20,0)+IF(Input!$D$21=4,L1256*Input!$C$21,0)+IF(Input!$D$22=4,M1256*Input!$C$22,0)</f>
        <v>0</v>
      </c>
      <c r="R1256" s="58">
        <v>56.468181447201822</v>
      </c>
      <c r="S1256" s="124">
        <f t="shared" si="19"/>
        <v>1.028101694994588</v>
      </c>
    </row>
    <row r="1257" spans="8:19" x14ac:dyDescent="0.3">
      <c r="H1257" s="44">
        <v>1250</v>
      </c>
      <c r="I1257" s="56">
        <f>Bühler!I1283</f>
        <v>0.23725423730644338</v>
      </c>
      <c r="J1257" s="59">
        <f>Bühler!J1283</f>
        <v>0.79084745768814468</v>
      </c>
      <c r="K1257" s="59">
        <f>Bühler!K1283</f>
        <v>1.1862711865322169</v>
      </c>
      <c r="L1257" s="59">
        <f>Bühler!L1283</f>
        <v>5.6941016953546413</v>
      </c>
      <c r="M1257" s="58">
        <f>Bühler!M1283</f>
        <v>0</v>
      </c>
      <c r="N1257" s="56">
        <f>IF(Input!$D$19=1,J1257*Input!$C$19,0)+IF(Input!$D$20=1,K1257*Input!$C$20,0)+IF(Input!$D$21=1,L1257*Input!$C$21,0)+IF(Input!$D$22=1,M1257*Input!$C$22,0)</f>
        <v>0.23725423730644341</v>
      </c>
      <c r="O1257" s="59">
        <f>IF(Input!$D$19=2,J1257*Input!$C$19,0)+IF(Input!$D$20=2,K1257*Input!$C$20,0)+IF(Input!$D$21=2,L1257*Input!$C$21,0)+IF(Input!$D$22=2,M1257*Input!$C$22,0)</f>
        <v>0.59313559326610843</v>
      </c>
      <c r="P1257" s="59">
        <f>IF(Input!$D$19=3,J1257*Input!$C$19,0)+IF(Input!$D$20=3,K1257*Input!$C$20,0)+IF(Input!$D$21=3,L1257*Input!$C$21,0)+IF(Input!$D$22=3,M1257*Input!$C$22,0)</f>
        <v>0</v>
      </c>
      <c r="Q1257" s="75">
        <f>IF(Input!$D$19=4,J1257*Input!$C$19,0)+IF(Input!$D$20=4,K1257*Input!$C$20,0)+IF(Input!$D$21=4,L1257*Input!$C$21,0)+IF(Input!$D$22=4,M1257*Input!$C$22,0)</f>
        <v>0</v>
      </c>
      <c r="R1257" s="58">
        <v>57.622322478118768</v>
      </c>
      <c r="S1257" s="124">
        <f t="shared" si="19"/>
        <v>1.028101694994588</v>
      </c>
    </row>
    <row r="1258" spans="8:19" x14ac:dyDescent="0.3">
      <c r="H1258" s="44">
        <v>1251</v>
      </c>
      <c r="I1258" s="56">
        <f>Bühler!I1284</f>
        <v>0.23725423730644338</v>
      </c>
      <c r="J1258" s="59">
        <f>Bühler!J1284</f>
        <v>0.79084745768814468</v>
      </c>
      <c r="K1258" s="59">
        <f>Bühler!K1284</f>
        <v>1.1862711865322169</v>
      </c>
      <c r="L1258" s="59">
        <f>Bühler!L1284</f>
        <v>5.6941016953546413</v>
      </c>
      <c r="M1258" s="58">
        <f>Bühler!M1284</f>
        <v>0</v>
      </c>
      <c r="N1258" s="56">
        <f>IF(Input!$D$19=1,J1258*Input!$C$19,0)+IF(Input!$D$20=1,K1258*Input!$C$20,0)+IF(Input!$D$21=1,L1258*Input!$C$21,0)+IF(Input!$D$22=1,M1258*Input!$C$22,0)</f>
        <v>0.23725423730644341</v>
      </c>
      <c r="O1258" s="59">
        <f>IF(Input!$D$19=2,J1258*Input!$C$19,0)+IF(Input!$D$20=2,K1258*Input!$C$20,0)+IF(Input!$D$21=2,L1258*Input!$C$21,0)+IF(Input!$D$22=2,M1258*Input!$C$22,0)</f>
        <v>0.59313559326610843</v>
      </c>
      <c r="P1258" s="59">
        <f>IF(Input!$D$19=3,J1258*Input!$C$19,0)+IF(Input!$D$20=3,K1258*Input!$C$20,0)+IF(Input!$D$21=3,L1258*Input!$C$21,0)+IF(Input!$D$22=3,M1258*Input!$C$22,0)</f>
        <v>0</v>
      </c>
      <c r="Q1258" s="75">
        <f>IF(Input!$D$19=4,J1258*Input!$C$19,0)+IF(Input!$D$20=4,K1258*Input!$C$20,0)+IF(Input!$D$21=4,L1258*Input!$C$21,0)+IF(Input!$D$22=4,M1258*Input!$C$22,0)</f>
        <v>0</v>
      </c>
      <c r="R1258" s="58">
        <v>58.532903697768305</v>
      </c>
      <c r="S1258" s="124">
        <f t="shared" si="19"/>
        <v>1.028101694994588</v>
      </c>
    </row>
    <row r="1259" spans="8:19" x14ac:dyDescent="0.3">
      <c r="H1259" s="44">
        <v>1252</v>
      </c>
      <c r="I1259" s="56">
        <f>Bühler!I1285</f>
        <v>0.23725423730644338</v>
      </c>
      <c r="J1259" s="59">
        <f>Bühler!J1285</f>
        <v>0.79084745768814468</v>
      </c>
      <c r="K1259" s="59">
        <f>Bühler!K1285</f>
        <v>1.1862711865322169</v>
      </c>
      <c r="L1259" s="59">
        <f>Bühler!L1285</f>
        <v>5.6941016953546413</v>
      </c>
      <c r="M1259" s="58">
        <f>Bühler!M1285</f>
        <v>0</v>
      </c>
      <c r="N1259" s="56">
        <f>IF(Input!$D$19=1,J1259*Input!$C$19,0)+IF(Input!$D$20=1,K1259*Input!$C$20,0)+IF(Input!$D$21=1,L1259*Input!$C$21,0)+IF(Input!$D$22=1,M1259*Input!$C$22,0)</f>
        <v>0.23725423730644341</v>
      </c>
      <c r="O1259" s="59">
        <f>IF(Input!$D$19=2,J1259*Input!$C$19,0)+IF(Input!$D$20=2,K1259*Input!$C$20,0)+IF(Input!$D$21=2,L1259*Input!$C$21,0)+IF(Input!$D$22=2,M1259*Input!$C$22,0)</f>
        <v>0.59313559326610843</v>
      </c>
      <c r="P1259" s="59">
        <f>IF(Input!$D$19=3,J1259*Input!$C$19,0)+IF(Input!$D$20=3,K1259*Input!$C$20,0)+IF(Input!$D$21=3,L1259*Input!$C$21,0)+IF(Input!$D$22=3,M1259*Input!$C$22,0)</f>
        <v>0</v>
      </c>
      <c r="Q1259" s="75">
        <f>IF(Input!$D$19=4,J1259*Input!$C$19,0)+IF(Input!$D$20=4,K1259*Input!$C$20,0)+IF(Input!$D$21=4,L1259*Input!$C$21,0)+IF(Input!$D$22=4,M1259*Input!$C$22,0)</f>
        <v>0</v>
      </c>
      <c r="R1259" s="58">
        <v>58.350267089512727</v>
      </c>
      <c r="S1259" s="124">
        <f t="shared" si="19"/>
        <v>1.028101694994588</v>
      </c>
    </row>
    <row r="1260" spans="8:19" x14ac:dyDescent="0.3">
      <c r="H1260" s="44">
        <v>1253</v>
      </c>
      <c r="I1260" s="56">
        <f>Bühler!I1286</f>
        <v>0.23725423730644338</v>
      </c>
      <c r="J1260" s="59">
        <f>Bühler!J1286</f>
        <v>0.79084745768814468</v>
      </c>
      <c r="K1260" s="59">
        <f>Bühler!K1286</f>
        <v>1.1862711865322169</v>
      </c>
      <c r="L1260" s="59">
        <f>Bühler!L1286</f>
        <v>5.6941016953546413</v>
      </c>
      <c r="M1260" s="58">
        <f>Bühler!M1286</f>
        <v>0</v>
      </c>
      <c r="N1260" s="56">
        <f>IF(Input!$D$19=1,J1260*Input!$C$19,0)+IF(Input!$D$20=1,K1260*Input!$C$20,0)+IF(Input!$D$21=1,L1260*Input!$C$21,0)+IF(Input!$D$22=1,M1260*Input!$C$22,0)</f>
        <v>0.23725423730644341</v>
      </c>
      <c r="O1260" s="59">
        <f>IF(Input!$D$19=2,J1260*Input!$C$19,0)+IF(Input!$D$20=2,K1260*Input!$C$20,0)+IF(Input!$D$21=2,L1260*Input!$C$21,0)+IF(Input!$D$22=2,M1260*Input!$C$22,0)</f>
        <v>0.59313559326610843</v>
      </c>
      <c r="P1260" s="59">
        <f>IF(Input!$D$19=3,J1260*Input!$C$19,0)+IF(Input!$D$20=3,K1260*Input!$C$20,0)+IF(Input!$D$21=3,L1260*Input!$C$21,0)+IF(Input!$D$22=3,M1260*Input!$C$22,0)</f>
        <v>0</v>
      </c>
      <c r="Q1260" s="75">
        <f>IF(Input!$D$19=4,J1260*Input!$C$19,0)+IF(Input!$D$20=4,K1260*Input!$C$20,0)+IF(Input!$D$21=4,L1260*Input!$C$21,0)+IF(Input!$D$22=4,M1260*Input!$C$22,0)</f>
        <v>0</v>
      </c>
      <c r="R1260" s="58">
        <v>59.384547664556656</v>
      </c>
      <c r="S1260" s="124">
        <f t="shared" si="19"/>
        <v>1.028101694994588</v>
      </c>
    </row>
    <row r="1261" spans="8:19" x14ac:dyDescent="0.3">
      <c r="H1261" s="44">
        <v>1254</v>
      </c>
      <c r="I1261" s="56">
        <f>Bühler!I1287</f>
        <v>0.3057943503060826</v>
      </c>
      <c r="J1261" s="59">
        <f>Bühler!J1287</f>
        <v>1.0193145010202753</v>
      </c>
      <c r="K1261" s="59">
        <f>Bühler!K1287</f>
        <v>1.5289717515304131</v>
      </c>
      <c r="L1261" s="59">
        <f>Bühler!L1287</f>
        <v>7.3390644073459823</v>
      </c>
      <c r="M1261" s="58">
        <f>Bühler!M1287</f>
        <v>0</v>
      </c>
      <c r="N1261" s="56">
        <f>IF(Input!$D$19=1,J1261*Input!$C$19,0)+IF(Input!$D$20=1,K1261*Input!$C$20,0)+IF(Input!$D$21=1,L1261*Input!$C$21,0)+IF(Input!$D$22=1,M1261*Input!$C$22,0)</f>
        <v>0.3057943503060826</v>
      </c>
      <c r="O1261" s="59">
        <f>IF(Input!$D$19=2,J1261*Input!$C$19,0)+IF(Input!$D$20=2,K1261*Input!$C$20,0)+IF(Input!$D$21=2,L1261*Input!$C$21,0)+IF(Input!$D$22=2,M1261*Input!$C$22,0)</f>
        <v>0.76448587576520655</v>
      </c>
      <c r="P1261" s="59">
        <f>IF(Input!$D$19=3,J1261*Input!$C$19,0)+IF(Input!$D$20=3,K1261*Input!$C$20,0)+IF(Input!$D$21=3,L1261*Input!$C$21,0)+IF(Input!$D$22=3,M1261*Input!$C$22,0)</f>
        <v>0</v>
      </c>
      <c r="Q1261" s="75">
        <f>IF(Input!$D$19=4,J1261*Input!$C$19,0)+IF(Input!$D$20=4,K1261*Input!$C$20,0)+IF(Input!$D$21=4,L1261*Input!$C$21,0)+IF(Input!$D$22=4,M1261*Input!$C$22,0)</f>
        <v>0</v>
      </c>
      <c r="R1261" s="58">
        <v>62.279855333556185</v>
      </c>
      <c r="S1261" s="124">
        <f t="shared" si="19"/>
        <v>1.325108851326358</v>
      </c>
    </row>
    <row r="1262" spans="8:19" x14ac:dyDescent="0.3">
      <c r="H1262" s="44">
        <v>1255</v>
      </c>
      <c r="I1262" s="56">
        <f>Bühler!I1288</f>
        <v>0.35324519776737134</v>
      </c>
      <c r="J1262" s="59">
        <f>Bühler!J1288</f>
        <v>1.1774839925579046</v>
      </c>
      <c r="K1262" s="59">
        <f>Bühler!K1288</f>
        <v>1.7662259888368566</v>
      </c>
      <c r="L1262" s="59">
        <f>Bühler!L1288</f>
        <v>8.4778847464169118</v>
      </c>
      <c r="M1262" s="58">
        <f>Bühler!M1288</f>
        <v>0</v>
      </c>
      <c r="N1262" s="56">
        <f>IF(Input!$D$19=1,J1262*Input!$C$19,0)+IF(Input!$D$20=1,K1262*Input!$C$20,0)+IF(Input!$D$21=1,L1262*Input!$C$21,0)+IF(Input!$D$22=1,M1262*Input!$C$22,0)</f>
        <v>0.35324519776737134</v>
      </c>
      <c r="O1262" s="59">
        <f>IF(Input!$D$19=2,J1262*Input!$C$19,0)+IF(Input!$D$20=2,K1262*Input!$C$20,0)+IF(Input!$D$21=2,L1262*Input!$C$21,0)+IF(Input!$D$22=2,M1262*Input!$C$22,0)</f>
        <v>0.88311299441842828</v>
      </c>
      <c r="P1262" s="59">
        <f>IF(Input!$D$19=3,J1262*Input!$C$19,0)+IF(Input!$D$20=3,K1262*Input!$C$20,0)+IF(Input!$D$21=3,L1262*Input!$C$21,0)+IF(Input!$D$22=3,M1262*Input!$C$22,0)</f>
        <v>0</v>
      </c>
      <c r="Q1262" s="75">
        <f>IF(Input!$D$19=4,J1262*Input!$C$19,0)+IF(Input!$D$20=4,K1262*Input!$C$20,0)+IF(Input!$D$21=4,L1262*Input!$C$21,0)+IF(Input!$D$22=4,M1262*Input!$C$22,0)</f>
        <v>0</v>
      </c>
      <c r="R1262" s="58">
        <v>65.109156290452773</v>
      </c>
      <c r="S1262" s="124">
        <f t="shared" si="19"/>
        <v>1.530729190325276</v>
      </c>
    </row>
    <row r="1263" spans="8:19" x14ac:dyDescent="0.3">
      <c r="H1263" s="44">
        <v>1256</v>
      </c>
      <c r="I1263" s="56">
        <f>Bühler!I1289</f>
        <v>0.35324519776737134</v>
      </c>
      <c r="J1263" s="59">
        <f>Bühler!J1289</f>
        <v>1.1774839925579046</v>
      </c>
      <c r="K1263" s="59">
        <f>Bühler!K1289</f>
        <v>1.7662259888368566</v>
      </c>
      <c r="L1263" s="59">
        <f>Bühler!L1289</f>
        <v>8.4778847464169118</v>
      </c>
      <c r="M1263" s="58">
        <f>Bühler!M1289</f>
        <v>0</v>
      </c>
      <c r="N1263" s="56">
        <f>IF(Input!$D$19=1,J1263*Input!$C$19,0)+IF(Input!$D$20=1,K1263*Input!$C$20,0)+IF(Input!$D$21=1,L1263*Input!$C$21,0)+IF(Input!$D$22=1,M1263*Input!$C$22,0)</f>
        <v>0.35324519776737134</v>
      </c>
      <c r="O1263" s="59">
        <f>IF(Input!$D$19=2,J1263*Input!$C$19,0)+IF(Input!$D$20=2,K1263*Input!$C$20,0)+IF(Input!$D$21=2,L1263*Input!$C$21,0)+IF(Input!$D$22=2,M1263*Input!$C$22,0)</f>
        <v>0.88311299441842828</v>
      </c>
      <c r="P1263" s="59">
        <f>IF(Input!$D$19=3,J1263*Input!$C$19,0)+IF(Input!$D$20=3,K1263*Input!$C$20,0)+IF(Input!$D$21=3,L1263*Input!$C$21,0)+IF(Input!$D$22=3,M1263*Input!$C$22,0)</f>
        <v>0</v>
      </c>
      <c r="Q1263" s="75">
        <f>IF(Input!$D$19=4,J1263*Input!$C$19,0)+IF(Input!$D$20=4,K1263*Input!$C$20,0)+IF(Input!$D$21=4,L1263*Input!$C$21,0)+IF(Input!$D$22=4,M1263*Input!$C$22,0)</f>
        <v>0</v>
      </c>
      <c r="R1263" s="58">
        <v>65.550322819589297</v>
      </c>
      <c r="S1263" s="124">
        <f t="shared" si="19"/>
        <v>1.530729190325276</v>
      </c>
    </row>
    <row r="1264" spans="8:19" x14ac:dyDescent="0.3">
      <c r="H1264" s="44">
        <v>1257</v>
      </c>
      <c r="I1264" s="56">
        <f>Bühler!I1290</f>
        <v>0.35324519776737134</v>
      </c>
      <c r="J1264" s="59">
        <f>Bühler!J1290</f>
        <v>1.1774839925579046</v>
      </c>
      <c r="K1264" s="59">
        <f>Bühler!K1290</f>
        <v>1.7662259888368566</v>
      </c>
      <c r="L1264" s="59">
        <f>Bühler!L1290</f>
        <v>8.4778847464169118</v>
      </c>
      <c r="M1264" s="58">
        <f>Bühler!M1290</f>
        <v>0</v>
      </c>
      <c r="N1264" s="56">
        <f>IF(Input!$D$19=1,J1264*Input!$C$19,0)+IF(Input!$D$20=1,K1264*Input!$C$20,0)+IF(Input!$D$21=1,L1264*Input!$C$21,0)+IF(Input!$D$22=1,M1264*Input!$C$22,0)</f>
        <v>0.35324519776737134</v>
      </c>
      <c r="O1264" s="59">
        <f>IF(Input!$D$19=2,J1264*Input!$C$19,0)+IF(Input!$D$20=2,K1264*Input!$C$20,0)+IF(Input!$D$21=2,L1264*Input!$C$21,0)+IF(Input!$D$22=2,M1264*Input!$C$22,0)</f>
        <v>0.88311299441842828</v>
      </c>
      <c r="P1264" s="59">
        <f>IF(Input!$D$19=3,J1264*Input!$C$19,0)+IF(Input!$D$20=3,K1264*Input!$C$20,0)+IF(Input!$D$21=3,L1264*Input!$C$21,0)+IF(Input!$D$22=3,M1264*Input!$C$22,0)</f>
        <v>0</v>
      </c>
      <c r="Q1264" s="75">
        <f>IF(Input!$D$19=4,J1264*Input!$C$19,0)+IF(Input!$D$20=4,K1264*Input!$C$20,0)+IF(Input!$D$21=4,L1264*Input!$C$21,0)+IF(Input!$D$22=4,M1264*Input!$C$22,0)</f>
        <v>0</v>
      </c>
      <c r="R1264" s="58">
        <v>65.526189856508338</v>
      </c>
      <c r="S1264" s="124">
        <f t="shared" si="19"/>
        <v>1.530729190325276</v>
      </c>
    </row>
    <row r="1265" spans="8:19" x14ac:dyDescent="0.3">
      <c r="H1265" s="44">
        <v>1258</v>
      </c>
      <c r="I1265" s="56">
        <f>Bühler!I1291</f>
        <v>0.37960677969030943</v>
      </c>
      <c r="J1265" s="59">
        <f>Bühler!J1291</f>
        <v>1.2653559323010315</v>
      </c>
      <c r="K1265" s="59">
        <f>Bühler!K1291</f>
        <v>1.8980338984515472</v>
      </c>
      <c r="L1265" s="59">
        <f>Bühler!L1291</f>
        <v>9.1105627125674271</v>
      </c>
      <c r="M1265" s="58">
        <f>Bühler!M1291</f>
        <v>0</v>
      </c>
      <c r="N1265" s="56">
        <f>IF(Input!$D$19=1,J1265*Input!$C$19,0)+IF(Input!$D$20=1,K1265*Input!$C$20,0)+IF(Input!$D$21=1,L1265*Input!$C$21,0)+IF(Input!$D$22=1,M1265*Input!$C$22,0)</f>
        <v>0.37960677969030943</v>
      </c>
      <c r="O1265" s="59">
        <f>IF(Input!$D$19=2,J1265*Input!$C$19,0)+IF(Input!$D$20=2,K1265*Input!$C$20,0)+IF(Input!$D$21=2,L1265*Input!$C$21,0)+IF(Input!$D$22=2,M1265*Input!$C$22,0)</f>
        <v>0.94901694922577362</v>
      </c>
      <c r="P1265" s="59">
        <f>IF(Input!$D$19=3,J1265*Input!$C$19,0)+IF(Input!$D$20=3,K1265*Input!$C$20,0)+IF(Input!$D$21=3,L1265*Input!$C$21,0)+IF(Input!$D$22=3,M1265*Input!$C$22,0)</f>
        <v>0</v>
      </c>
      <c r="Q1265" s="75">
        <f>IF(Input!$D$19=4,J1265*Input!$C$19,0)+IF(Input!$D$20=4,K1265*Input!$C$20,0)+IF(Input!$D$21=4,L1265*Input!$C$21,0)+IF(Input!$D$22=4,M1265*Input!$C$22,0)</f>
        <v>0</v>
      </c>
      <c r="R1265" s="58">
        <v>64.559914006168924</v>
      </c>
      <c r="S1265" s="124">
        <f t="shared" si="19"/>
        <v>1.644962711991341</v>
      </c>
    </row>
    <row r="1266" spans="8:19" x14ac:dyDescent="0.3">
      <c r="H1266" s="44">
        <v>1259</v>
      </c>
      <c r="I1266" s="56">
        <f>Bühler!I1292</f>
        <v>0.4112406779978352</v>
      </c>
      <c r="J1266" s="59">
        <f>Bühler!J1292</f>
        <v>1.370802259992784</v>
      </c>
      <c r="K1266" s="59">
        <f>Bühler!K1292</f>
        <v>2.0562033899891761</v>
      </c>
      <c r="L1266" s="59">
        <f>Bühler!L1292</f>
        <v>9.8697762719480444</v>
      </c>
      <c r="M1266" s="58">
        <f>Bühler!M1292</f>
        <v>0</v>
      </c>
      <c r="N1266" s="56">
        <f>IF(Input!$D$19=1,J1266*Input!$C$19,0)+IF(Input!$D$20=1,K1266*Input!$C$20,0)+IF(Input!$D$21=1,L1266*Input!$C$21,0)+IF(Input!$D$22=1,M1266*Input!$C$22,0)</f>
        <v>0.4112406779978352</v>
      </c>
      <c r="O1266" s="59">
        <f>IF(Input!$D$19=2,J1266*Input!$C$19,0)+IF(Input!$D$20=2,K1266*Input!$C$20,0)+IF(Input!$D$21=2,L1266*Input!$C$21,0)+IF(Input!$D$22=2,M1266*Input!$C$22,0)</f>
        <v>1.028101694994588</v>
      </c>
      <c r="P1266" s="59">
        <f>IF(Input!$D$19=3,J1266*Input!$C$19,0)+IF(Input!$D$20=3,K1266*Input!$C$20,0)+IF(Input!$D$21=3,L1266*Input!$C$21,0)+IF(Input!$D$22=3,M1266*Input!$C$22,0)</f>
        <v>0</v>
      </c>
      <c r="Q1266" s="75">
        <f>IF(Input!$D$19=4,J1266*Input!$C$19,0)+IF(Input!$D$20=4,K1266*Input!$C$20,0)+IF(Input!$D$21=4,L1266*Input!$C$21,0)+IF(Input!$D$22=4,M1266*Input!$C$22,0)</f>
        <v>0</v>
      </c>
      <c r="R1266" s="58">
        <v>64.980844469578997</v>
      </c>
      <c r="S1266" s="124">
        <f t="shared" si="19"/>
        <v>1.7820429379906193</v>
      </c>
    </row>
    <row r="1267" spans="8:19" x14ac:dyDescent="0.3">
      <c r="H1267" s="44">
        <v>1260</v>
      </c>
      <c r="I1267" s="56">
        <f>Bühler!I1293</f>
        <v>0.47450847461288675</v>
      </c>
      <c r="J1267" s="59">
        <f>Bühler!J1293</f>
        <v>1.5816949153762894</v>
      </c>
      <c r="K1267" s="59">
        <f>Bühler!K1293</f>
        <v>2.3725423730644337</v>
      </c>
      <c r="L1267" s="59">
        <f>Bühler!L1293</f>
        <v>11.388203390709283</v>
      </c>
      <c r="M1267" s="58">
        <f>Bühler!M1293</f>
        <v>0</v>
      </c>
      <c r="N1267" s="56">
        <f>IF(Input!$D$19=1,J1267*Input!$C$19,0)+IF(Input!$D$20=1,K1267*Input!$C$20,0)+IF(Input!$D$21=1,L1267*Input!$C$21,0)+IF(Input!$D$22=1,M1267*Input!$C$22,0)</f>
        <v>0.47450847461288681</v>
      </c>
      <c r="O1267" s="59">
        <f>IF(Input!$D$19=2,J1267*Input!$C$19,0)+IF(Input!$D$20=2,K1267*Input!$C$20,0)+IF(Input!$D$21=2,L1267*Input!$C$21,0)+IF(Input!$D$22=2,M1267*Input!$C$22,0)</f>
        <v>1.1862711865322169</v>
      </c>
      <c r="P1267" s="59">
        <f>IF(Input!$D$19=3,J1267*Input!$C$19,0)+IF(Input!$D$20=3,K1267*Input!$C$20,0)+IF(Input!$D$21=3,L1267*Input!$C$21,0)+IF(Input!$D$22=3,M1267*Input!$C$22,0)</f>
        <v>0</v>
      </c>
      <c r="Q1267" s="75">
        <f>IF(Input!$D$19=4,J1267*Input!$C$19,0)+IF(Input!$D$20=4,K1267*Input!$C$20,0)+IF(Input!$D$21=4,L1267*Input!$C$21,0)+IF(Input!$D$22=4,M1267*Input!$C$22,0)</f>
        <v>0</v>
      </c>
      <c r="R1267" s="58">
        <v>65.137713525165069</v>
      </c>
      <c r="S1267" s="124">
        <f t="shared" si="19"/>
        <v>2.0562033899891761</v>
      </c>
    </row>
    <row r="1268" spans="8:19" x14ac:dyDescent="0.3">
      <c r="H1268" s="44">
        <v>1261</v>
      </c>
      <c r="I1268" s="56">
        <f>Bühler!I1294</f>
        <v>0.47450847461288675</v>
      </c>
      <c r="J1268" s="59">
        <f>Bühler!J1294</f>
        <v>1.5816949153762894</v>
      </c>
      <c r="K1268" s="59">
        <f>Bühler!K1294</f>
        <v>2.3725423730644337</v>
      </c>
      <c r="L1268" s="59">
        <f>Bühler!L1294</f>
        <v>11.388203390709283</v>
      </c>
      <c r="M1268" s="58">
        <f>Bühler!M1294</f>
        <v>0</v>
      </c>
      <c r="N1268" s="56">
        <f>IF(Input!$D$19=1,J1268*Input!$C$19,0)+IF(Input!$D$20=1,K1268*Input!$C$20,0)+IF(Input!$D$21=1,L1268*Input!$C$21,0)+IF(Input!$D$22=1,M1268*Input!$C$22,0)</f>
        <v>0.47450847461288681</v>
      </c>
      <c r="O1268" s="59">
        <f>IF(Input!$D$19=2,J1268*Input!$C$19,0)+IF(Input!$D$20=2,K1268*Input!$C$20,0)+IF(Input!$D$21=2,L1268*Input!$C$21,0)+IF(Input!$D$22=2,M1268*Input!$C$22,0)</f>
        <v>1.1862711865322169</v>
      </c>
      <c r="P1268" s="59">
        <f>IF(Input!$D$19=3,J1268*Input!$C$19,0)+IF(Input!$D$20=3,K1268*Input!$C$20,0)+IF(Input!$D$21=3,L1268*Input!$C$21,0)+IF(Input!$D$22=3,M1268*Input!$C$22,0)</f>
        <v>0</v>
      </c>
      <c r="Q1268" s="75">
        <f>IF(Input!$D$19=4,J1268*Input!$C$19,0)+IF(Input!$D$20=4,K1268*Input!$C$20,0)+IF(Input!$D$21=4,L1268*Input!$C$21,0)+IF(Input!$D$22=4,M1268*Input!$C$22,0)</f>
        <v>0</v>
      </c>
      <c r="R1268" s="58">
        <v>64.336871913953445</v>
      </c>
      <c r="S1268" s="124">
        <f t="shared" si="19"/>
        <v>2.0562033899891761</v>
      </c>
    </row>
    <row r="1269" spans="8:19" x14ac:dyDescent="0.3">
      <c r="H1269" s="44">
        <v>1262</v>
      </c>
      <c r="I1269" s="56">
        <f>Bühler!I1295</f>
        <v>0.47450847461288675</v>
      </c>
      <c r="J1269" s="59">
        <f>Bühler!J1295</f>
        <v>1.5816949153762894</v>
      </c>
      <c r="K1269" s="59">
        <f>Bühler!K1295</f>
        <v>2.3725423730644337</v>
      </c>
      <c r="L1269" s="59">
        <f>Bühler!L1295</f>
        <v>11.388203390709283</v>
      </c>
      <c r="M1269" s="58">
        <f>Bühler!M1295</f>
        <v>0</v>
      </c>
      <c r="N1269" s="56">
        <f>IF(Input!$D$19=1,J1269*Input!$C$19,0)+IF(Input!$D$20=1,K1269*Input!$C$20,0)+IF(Input!$D$21=1,L1269*Input!$C$21,0)+IF(Input!$D$22=1,M1269*Input!$C$22,0)</f>
        <v>0.47450847461288681</v>
      </c>
      <c r="O1269" s="59">
        <f>IF(Input!$D$19=2,J1269*Input!$C$19,0)+IF(Input!$D$20=2,K1269*Input!$C$20,0)+IF(Input!$D$21=2,L1269*Input!$C$21,0)+IF(Input!$D$22=2,M1269*Input!$C$22,0)</f>
        <v>1.1862711865322169</v>
      </c>
      <c r="P1269" s="59">
        <f>IF(Input!$D$19=3,J1269*Input!$C$19,0)+IF(Input!$D$20=3,K1269*Input!$C$20,0)+IF(Input!$D$21=3,L1269*Input!$C$21,0)+IF(Input!$D$22=3,M1269*Input!$C$22,0)</f>
        <v>0</v>
      </c>
      <c r="Q1269" s="75">
        <f>IF(Input!$D$19=4,J1269*Input!$C$19,0)+IF(Input!$D$20=4,K1269*Input!$C$20,0)+IF(Input!$D$21=4,L1269*Input!$C$21,0)+IF(Input!$D$22=4,M1269*Input!$C$22,0)</f>
        <v>0</v>
      </c>
      <c r="R1269" s="58">
        <v>64.10623392967895</v>
      </c>
      <c r="S1269" s="124">
        <f t="shared" si="19"/>
        <v>2.0562033899891761</v>
      </c>
    </row>
    <row r="1270" spans="8:19" x14ac:dyDescent="0.3">
      <c r="H1270" s="44">
        <v>1263</v>
      </c>
      <c r="I1270" s="56">
        <f>Bühler!I1296</f>
        <v>0.47450847461288675</v>
      </c>
      <c r="J1270" s="59">
        <f>Bühler!J1296</f>
        <v>1.5816949153762894</v>
      </c>
      <c r="K1270" s="59">
        <f>Bühler!K1296</f>
        <v>2.3725423730644337</v>
      </c>
      <c r="L1270" s="59">
        <f>Bühler!L1296</f>
        <v>11.388203390709283</v>
      </c>
      <c r="M1270" s="58">
        <f>Bühler!M1296</f>
        <v>0</v>
      </c>
      <c r="N1270" s="56">
        <f>IF(Input!$D$19=1,J1270*Input!$C$19,0)+IF(Input!$D$20=1,K1270*Input!$C$20,0)+IF(Input!$D$21=1,L1270*Input!$C$21,0)+IF(Input!$D$22=1,M1270*Input!$C$22,0)</f>
        <v>0.47450847461288681</v>
      </c>
      <c r="O1270" s="59">
        <f>IF(Input!$D$19=2,J1270*Input!$C$19,0)+IF(Input!$D$20=2,K1270*Input!$C$20,0)+IF(Input!$D$21=2,L1270*Input!$C$21,0)+IF(Input!$D$22=2,M1270*Input!$C$22,0)</f>
        <v>1.1862711865322169</v>
      </c>
      <c r="P1270" s="59">
        <f>IF(Input!$D$19=3,J1270*Input!$C$19,0)+IF(Input!$D$20=3,K1270*Input!$C$20,0)+IF(Input!$D$21=3,L1270*Input!$C$21,0)+IF(Input!$D$22=3,M1270*Input!$C$22,0)</f>
        <v>0</v>
      </c>
      <c r="Q1270" s="75">
        <f>IF(Input!$D$19=4,J1270*Input!$C$19,0)+IF(Input!$D$20=4,K1270*Input!$C$20,0)+IF(Input!$D$21=4,L1270*Input!$C$21,0)+IF(Input!$D$22=4,M1270*Input!$C$22,0)</f>
        <v>0</v>
      </c>
      <c r="R1270" s="58">
        <v>64.519909505536731</v>
      </c>
      <c r="S1270" s="124">
        <f t="shared" si="19"/>
        <v>2.0562033899891761</v>
      </c>
    </row>
    <row r="1271" spans="8:19" x14ac:dyDescent="0.3">
      <c r="H1271" s="44">
        <v>1264</v>
      </c>
      <c r="I1271" s="56">
        <f>Bühler!I1297</f>
        <v>0.47450847461288675</v>
      </c>
      <c r="J1271" s="59">
        <f>Bühler!J1297</f>
        <v>1.5816949153762894</v>
      </c>
      <c r="K1271" s="59">
        <f>Bühler!K1297</f>
        <v>2.3725423730644337</v>
      </c>
      <c r="L1271" s="59">
        <f>Bühler!L1297</f>
        <v>11.388203390709283</v>
      </c>
      <c r="M1271" s="58">
        <f>Bühler!M1297</f>
        <v>0</v>
      </c>
      <c r="N1271" s="56">
        <f>IF(Input!$D$19=1,J1271*Input!$C$19,0)+IF(Input!$D$20=1,K1271*Input!$C$20,0)+IF(Input!$D$21=1,L1271*Input!$C$21,0)+IF(Input!$D$22=1,M1271*Input!$C$22,0)</f>
        <v>0.47450847461288681</v>
      </c>
      <c r="O1271" s="59">
        <f>IF(Input!$D$19=2,J1271*Input!$C$19,0)+IF(Input!$D$20=2,K1271*Input!$C$20,0)+IF(Input!$D$21=2,L1271*Input!$C$21,0)+IF(Input!$D$22=2,M1271*Input!$C$22,0)</f>
        <v>1.1862711865322169</v>
      </c>
      <c r="P1271" s="59">
        <f>IF(Input!$D$19=3,J1271*Input!$C$19,0)+IF(Input!$D$20=3,K1271*Input!$C$20,0)+IF(Input!$D$21=3,L1271*Input!$C$21,0)+IF(Input!$D$22=3,M1271*Input!$C$22,0)</f>
        <v>0</v>
      </c>
      <c r="Q1271" s="75">
        <f>IF(Input!$D$19=4,J1271*Input!$C$19,0)+IF(Input!$D$20=4,K1271*Input!$C$20,0)+IF(Input!$D$21=4,L1271*Input!$C$21,0)+IF(Input!$D$22=4,M1271*Input!$C$22,0)</f>
        <v>0</v>
      </c>
      <c r="R1271" s="58">
        <v>63.645220647967562</v>
      </c>
      <c r="S1271" s="124">
        <f t="shared" si="19"/>
        <v>2.0562033899891761</v>
      </c>
    </row>
    <row r="1272" spans="8:19" x14ac:dyDescent="0.3">
      <c r="H1272" s="44">
        <v>1265</v>
      </c>
      <c r="I1272" s="56">
        <f>Bühler!I1298</f>
        <v>0.47450847461288675</v>
      </c>
      <c r="J1272" s="59">
        <f>Bühler!J1298</f>
        <v>1.5816949153762894</v>
      </c>
      <c r="K1272" s="59">
        <f>Bühler!K1298</f>
        <v>2.3725423730644337</v>
      </c>
      <c r="L1272" s="59">
        <f>Bühler!L1298</f>
        <v>11.388203390709283</v>
      </c>
      <c r="M1272" s="58">
        <f>Bühler!M1298</f>
        <v>0</v>
      </c>
      <c r="N1272" s="56">
        <f>IF(Input!$D$19=1,J1272*Input!$C$19,0)+IF(Input!$D$20=1,K1272*Input!$C$20,0)+IF(Input!$D$21=1,L1272*Input!$C$21,0)+IF(Input!$D$22=1,M1272*Input!$C$22,0)</f>
        <v>0.47450847461288681</v>
      </c>
      <c r="O1272" s="59">
        <f>IF(Input!$D$19=2,J1272*Input!$C$19,0)+IF(Input!$D$20=2,K1272*Input!$C$20,0)+IF(Input!$D$21=2,L1272*Input!$C$21,0)+IF(Input!$D$22=2,M1272*Input!$C$22,0)</f>
        <v>1.1862711865322169</v>
      </c>
      <c r="P1272" s="59">
        <f>IF(Input!$D$19=3,J1272*Input!$C$19,0)+IF(Input!$D$20=3,K1272*Input!$C$20,0)+IF(Input!$D$21=3,L1272*Input!$C$21,0)+IF(Input!$D$22=3,M1272*Input!$C$22,0)</f>
        <v>0</v>
      </c>
      <c r="Q1272" s="75">
        <f>IF(Input!$D$19=4,J1272*Input!$C$19,0)+IF(Input!$D$20=4,K1272*Input!$C$20,0)+IF(Input!$D$21=4,L1272*Input!$C$21,0)+IF(Input!$D$22=4,M1272*Input!$C$22,0)</f>
        <v>0</v>
      </c>
      <c r="R1272" s="58">
        <v>62.951490364628398</v>
      </c>
      <c r="S1272" s="124">
        <f t="shared" si="19"/>
        <v>2.0562033899891761</v>
      </c>
    </row>
    <row r="1273" spans="8:19" x14ac:dyDescent="0.3">
      <c r="H1273" s="44">
        <v>1266</v>
      </c>
      <c r="I1273" s="56">
        <f>Bühler!I1299</f>
        <v>0.47450847461288675</v>
      </c>
      <c r="J1273" s="59">
        <f>Bühler!J1299</f>
        <v>1.5816949153762894</v>
      </c>
      <c r="K1273" s="59">
        <f>Bühler!K1299</f>
        <v>2.3725423730644337</v>
      </c>
      <c r="L1273" s="59">
        <f>Bühler!L1299</f>
        <v>11.388203390709283</v>
      </c>
      <c r="M1273" s="58">
        <f>Bühler!M1299</f>
        <v>0</v>
      </c>
      <c r="N1273" s="56">
        <f>IF(Input!$D$19=1,J1273*Input!$C$19,0)+IF(Input!$D$20=1,K1273*Input!$C$20,0)+IF(Input!$D$21=1,L1273*Input!$C$21,0)+IF(Input!$D$22=1,M1273*Input!$C$22,0)</f>
        <v>0.47450847461288681</v>
      </c>
      <c r="O1273" s="59">
        <f>IF(Input!$D$19=2,J1273*Input!$C$19,0)+IF(Input!$D$20=2,K1273*Input!$C$20,0)+IF(Input!$D$21=2,L1273*Input!$C$21,0)+IF(Input!$D$22=2,M1273*Input!$C$22,0)</f>
        <v>1.1862711865322169</v>
      </c>
      <c r="P1273" s="59">
        <f>IF(Input!$D$19=3,J1273*Input!$C$19,0)+IF(Input!$D$20=3,K1273*Input!$C$20,0)+IF(Input!$D$21=3,L1273*Input!$C$21,0)+IF(Input!$D$22=3,M1273*Input!$C$22,0)</f>
        <v>0</v>
      </c>
      <c r="Q1273" s="75">
        <f>IF(Input!$D$19=4,J1273*Input!$C$19,0)+IF(Input!$D$20=4,K1273*Input!$C$20,0)+IF(Input!$D$21=4,L1273*Input!$C$21,0)+IF(Input!$D$22=4,M1273*Input!$C$22,0)</f>
        <v>0</v>
      </c>
      <c r="R1273" s="58">
        <v>61.709643586530142</v>
      </c>
      <c r="S1273" s="124">
        <f t="shared" si="19"/>
        <v>2.0562033899891761</v>
      </c>
    </row>
    <row r="1274" spans="8:19" x14ac:dyDescent="0.3">
      <c r="H1274" s="44">
        <v>1267</v>
      </c>
      <c r="I1274" s="56">
        <f>Bühler!I1300</f>
        <v>0.47450847461288675</v>
      </c>
      <c r="J1274" s="59">
        <f>Bühler!J1300</f>
        <v>1.5816949153762894</v>
      </c>
      <c r="K1274" s="59">
        <f>Bühler!K1300</f>
        <v>2.3725423730644337</v>
      </c>
      <c r="L1274" s="59">
        <f>Bühler!L1300</f>
        <v>11.388203390709283</v>
      </c>
      <c r="M1274" s="58">
        <f>Bühler!M1300</f>
        <v>0</v>
      </c>
      <c r="N1274" s="56">
        <f>IF(Input!$D$19=1,J1274*Input!$C$19,0)+IF(Input!$D$20=1,K1274*Input!$C$20,0)+IF(Input!$D$21=1,L1274*Input!$C$21,0)+IF(Input!$D$22=1,M1274*Input!$C$22,0)</f>
        <v>0.47450847461288681</v>
      </c>
      <c r="O1274" s="59">
        <f>IF(Input!$D$19=2,J1274*Input!$C$19,0)+IF(Input!$D$20=2,K1274*Input!$C$20,0)+IF(Input!$D$21=2,L1274*Input!$C$21,0)+IF(Input!$D$22=2,M1274*Input!$C$22,0)</f>
        <v>1.1862711865322169</v>
      </c>
      <c r="P1274" s="59">
        <f>IF(Input!$D$19=3,J1274*Input!$C$19,0)+IF(Input!$D$20=3,K1274*Input!$C$20,0)+IF(Input!$D$21=3,L1274*Input!$C$21,0)+IF(Input!$D$22=3,M1274*Input!$C$22,0)</f>
        <v>0</v>
      </c>
      <c r="Q1274" s="75">
        <f>IF(Input!$D$19=4,J1274*Input!$C$19,0)+IF(Input!$D$20=4,K1274*Input!$C$20,0)+IF(Input!$D$21=4,L1274*Input!$C$21,0)+IF(Input!$D$22=4,M1274*Input!$C$22,0)</f>
        <v>0</v>
      </c>
      <c r="R1274" s="58">
        <v>60.04206570530814</v>
      </c>
      <c r="S1274" s="124">
        <f t="shared" si="19"/>
        <v>2.0562033899891761</v>
      </c>
    </row>
    <row r="1275" spans="8:19" x14ac:dyDescent="0.3">
      <c r="H1275" s="44">
        <v>1268</v>
      </c>
      <c r="I1275" s="56">
        <f>Bühler!I1301</f>
        <v>0.39542372884407234</v>
      </c>
      <c r="J1275" s="59">
        <f>Bühler!J1301</f>
        <v>1.318079096146908</v>
      </c>
      <c r="K1275" s="59">
        <f>Bühler!K1301</f>
        <v>1.9771186442203617</v>
      </c>
      <c r="L1275" s="59">
        <f>Bühler!L1301</f>
        <v>9.4901694922577366</v>
      </c>
      <c r="M1275" s="58">
        <f>Bühler!M1301</f>
        <v>0</v>
      </c>
      <c r="N1275" s="56">
        <f>IF(Input!$D$19=1,J1275*Input!$C$19,0)+IF(Input!$D$20=1,K1275*Input!$C$20,0)+IF(Input!$D$21=1,L1275*Input!$C$21,0)+IF(Input!$D$22=1,M1275*Input!$C$22,0)</f>
        <v>0.3954237288440724</v>
      </c>
      <c r="O1275" s="59">
        <f>IF(Input!$D$19=2,J1275*Input!$C$19,0)+IF(Input!$D$20=2,K1275*Input!$C$20,0)+IF(Input!$D$21=2,L1275*Input!$C$21,0)+IF(Input!$D$22=2,M1275*Input!$C$22,0)</f>
        <v>0.98855932211018083</v>
      </c>
      <c r="P1275" s="59">
        <f>IF(Input!$D$19=3,J1275*Input!$C$19,0)+IF(Input!$D$20=3,K1275*Input!$C$20,0)+IF(Input!$D$21=3,L1275*Input!$C$21,0)+IF(Input!$D$22=3,M1275*Input!$C$22,0)</f>
        <v>0</v>
      </c>
      <c r="Q1275" s="75">
        <f>IF(Input!$D$19=4,J1275*Input!$C$19,0)+IF(Input!$D$20=4,K1275*Input!$C$20,0)+IF(Input!$D$21=4,L1275*Input!$C$21,0)+IF(Input!$D$22=4,M1275*Input!$C$22,0)</f>
        <v>0</v>
      </c>
      <c r="R1275" s="58">
        <v>59.401266849166852</v>
      </c>
      <c r="S1275" s="124">
        <f t="shared" si="19"/>
        <v>1.7135028249909803</v>
      </c>
    </row>
    <row r="1276" spans="8:19" x14ac:dyDescent="0.3">
      <c r="H1276" s="44">
        <v>1269</v>
      </c>
      <c r="I1276" s="56">
        <f>Bühler!I1302</f>
        <v>0.31633898307525793</v>
      </c>
      <c r="J1276" s="59">
        <f>Bühler!J1302</f>
        <v>1.0544632769175264</v>
      </c>
      <c r="K1276" s="59">
        <f>Bühler!K1302</f>
        <v>1.5816949153762896</v>
      </c>
      <c r="L1276" s="59">
        <f>Bühler!L1302</f>
        <v>7.5921355938061899</v>
      </c>
      <c r="M1276" s="58">
        <f>Bühler!M1302</f>
        <v>0</v>
      </c>
      <c r="N1276" s="56">
        <f>IF(Input!$D$19=1,J1276*Input!$C$19,0)+IF(Input!$D$20=1,K1276*Input!$C$20,0)+IF(Input!$D$21=1,L1276*Input!$C$21,0)+IF(Input!$D$22=1,M1276*Input!$C$22,0)</f>
        <v>0.31633898307525793</v>
      </c>
      <c r="O1276" s="59">
        <f>IF(Input!$D$19=2,J1276*Input!$C$19,0)+IF(Input!$D$20=2,K1276*Input!$C$20,0)+IF(Input!$D$21=2,L1276*Input!$C$21,0)+IF(Input!$D$22=2,M1276*Input!$C$22,0)</f>
        <v>0.79084745768814479</v>
      </c>
      <c r="P1276" s="59">
        <f>IF(Input!$D$19=3,J1276*Input!$C$19,0)+IF(Input!$D$20=3,K1276*Input!$C$20,0)+IF(Input!$D$21=3,L1276*Input!$C$21,0)+IF(Input!$D$22=3,M1276*Input!$C$22,0)</f>
        <v>0</v>
      </c>
      <c r="Q1276" s="75">
        <f>IF(Input!$D$19=4,J1276*Input!$C$19,0)+IF(Input!$D$20=4,K1276*Input!$C$20,0)+IF(Input!$D$21=4,L1276*Input!$C$21,0)+IF(Input!$D$22=4,M1276*Input!$C$22,0)</f>
        <v>0</v>
      </c>
      <c r="R1276" s="58">
        <v>59.013387050152339</v>
      </c>
      <c r="S1276" s="124">
        <f t="shared" si="19"/>
        <v>1.3708022599927843</v>
      </c>
    </row>
    <row r="1277" spans="8:19" x14ac:dyDescent="0.3">
      <c r="H1277" s="44">
        <v>1270</v>
      </c>
      <c r="I1277" s="56">
        <f>Bühler!I1303</f>
        <v>0.23725423730644338</v>
      </c>
      <c r="J1277" s="59">
        <f>Bühler!J1303</f>
        <v>0.79084745768814468</v>
      </c>
      <c r="K1277" s="59">
        <f>Bühler!K1303</f>
        <v>1.1862711865322169</v>
      </c>
      <c r="L1277" s="59">
        <f>Bühler!L1303</f>
        <v>5.6941016953546413</v>
      </c>
      <c r="M1277" s="58">
        <f>Bühler!M1303</f>
        <v>0</v>
      </c>
      <c r="N1277" s="56">
        <f>IF(Input!$D$19=1,J1277*Input!$C$19,0)+IF(Input!$D$20=1,K1277*Input!$C$20,0)+IF(Input!$D$21=1,L1277*Input!$C$21,0)+IF(Input!$D$22=1,M1277*Input!$C$22,0)</f>
        <v>0.23725423730644341</v>
      </c>
      <c r="O1277" s="59">
        <f>IF(Input!$D$19=2,J1277*Input!$C$19,0)+IF(Input!$D$20=2,K1277*Input!$C$20,0)+IF(Input!$D$21=2,L1277*Input!$C$21,0)+IF(Input!$D$22=2,M1277*Input!$C$22,0)</f>
        <v>0.59313559326610843</v>
      </c>
      <c r="P1277" s="59">
        <f>IF(Input!$D$19=3,J1277*Input!$C$19,0)+IF(Input!$D$20=3,K1277*Input!$C$20,0)+IF(Input!$D$21=3,L1277*Input!$C$21,0)+IF(Input!$D$22=3,M1277*Input!$C$22,0)</f>
        <v>0</v>
      </c>
      <c r="Q1277" s="75">
        <f>IF(Input!$D$19=4,J1277*Input!$C$19,0)+IF(Input!$D$20=4,K1277*Input!$C$20,0)+IF(Input!$D$21=4,L1277*Input!$C$21,0)+IF(Input!$D$22=4,M1277*Input!$C$22,0)</f>
        <v>0</v>
      </c>
      <c r="R1277" s="58">
        <v>57.111965750138111</v>
      </c>
      <c r="S1277" s="124">
        <f t="shared" si="19"/>
        <v>1.028101694994588</v>
      </c>
    </row>
    <row r="1278" spans="8:19" x14ac:dyDescent="0.3">
      <c r="H1278" s="44">
        <v>1271</v>
      </c>
      <c r="I1278" s="56">
        <f>Bühler!I1304</f>
        <v>0.23725423730644338</v>
      </c>
      <c r="J1278" s="59">
        <f>Bühler!J1304</f>
        <v>0.79084745768814468</v>
      </c>
      <c r="K1278" s="59">
        <f>Bühler!K1304</f>
        <v>1.1862711865322169</v>
      </c>
      <c r="L1278" s="59">
        <f>Bühler!L1304</f>
        <v>5.6941016953546413</v>
      </c>
      <c r="M1278" s="58">
        <f>Bühler!M1304</f>
        <v>0</v>
      </c>
      <c r="N1278" s="56">
        <f>IF(Input!$D$19=1,J1278*Input!$C$19,0)+IF(Input!$D$20=1,K1278*Input!$C$20,0)+IF(Input!$D$21=1,L1278*Input!$C$21,0)+IF(Input!$D$22=1,M1278*Input!$C$22,0)</f>
        <v>0.23725423730644341</v>
      </c>
      <c r="O1278" s="59">
        <f>IF(Input!$D$19=2,J1278*Input!$C$19,0)+IF(Input!$D$20=2,K1278*Input!$C$20,0)+IF(Input!$D$21=2,L1278*Input!$C$21,0)+IF(Input!$D$22=2,M1278*Input!$C$22,0)</f>
        <v>0.59313559326610843</v>
      </c>
      <c r="P1278" s="59">
        <f>IF(Input!$D$19=3,J1278*Input!$C$19,0)+IF(Input!$D$20=3,K1278*Input!$C$20,0)+IF(Input!$D$21=3,L1278*Input!$C$21,0)+IF(Input!$D$22=3,M1278*Input!$C$22,0)</f>
        <v>0</v>
      </c>
      <c r="Q1278" s="75">
        <f>IF(Input!$D$19=4,J1278*Input!$C$19,0)+IF(Input!$D$20=4,K1278*Input!$C$20,0)+IF(Input!$D$21=4,L1278*Input!$C$21,0)+IF(Input!$D$22=4,M1278*Input!$C$22,0)</f>
        <v>0</v>
      </c>
      <c r="R1278" s="58">
        <v>56.60700517428532</v>
      </c>
      <c r="S1278" s="124">
        <f t="shared" si="19"/>
        <v>1.028101694994588</v>
      </c>
    </row>
    <row r="1279" spans="8:19" x14ac:dyDescent="0.3">
      <c r="H1279" s="44">
        <v>1272</v>
      </c>
      <c r="I1279" s="56">
        <f>Bühler!I1305</f>
        <v>0.23725423730644338</v>
      </c>
      <c r="J1279" s="59">
        <f>Bühler!J1305</f>
        <v>0.79084745768814468</v>
      </c>
      <c r="K1279" s="59">
        <f>Bühler!K1305</f>
        <v>1.1862711865322169</v>
      </c>
      <c r="L1279" s="59">
        <f>Bühler!L1305</f>
        <v>5.6941016953546413</v>
      </c>
      <c r="M1279" s="58">
        <f>Bühler!M1305</f>
        <v>0</v>
      </c>
      <c r="N1279" s="56">
        <f>IF(Input!$D$19=1,J1279*Input!$C$19,0)+IF(Input!$D$20=1,K1279*Input!$C$20,0)+IF(Input!$D$21=1,L1279*Input!$C$21,0)+IF(Input!$D$22=1,M1279*Input!$C$22,0)</f>
        <v>0.23725423730644341</v>
      </c>
      <c r="O1279" s="59">
        <f>IF(Input!$D$19=2,J1279*Input!$C$19,0)+IF(Input!$D$20=2,K1279*Input!$C$20,0)+IF(Input!$D$21=2,L1279*Input!$C$21,0)+IF(Input!$D$22=2,M1279*Input!$C$22,0)</f>
        <v>0.59313559326610843</v>
      </c>
      <c r="P1279" s="59">
        <f>IF(Input!$D$19=3,J1279*Input!$C$19,0)+IF(Input!$D$20=3,K1279*Input!$C$20,0)+IF(Input!$D$21=3,L1279*Input!$C$21,0)+IF(Input!$D$22=3,M1279*Input!$C$22,0)</f>
        <v>0</v>
      </c>
      <c r="Q1279" s="75">
        <f>IF(Input!$D$19=4,J1279*Input!$C$19,0)+IF(Input!$D$20=4,K1279*Input!$C$20,0)+IF(Input!$D$21=4,L1279*Input!$C$21,0)+IF(Input!$D$22=4,M1279*Input!$C$22,0)</f>
        <v>0</v>
      </c>
      <c r="R1279" s="58">
        <v>55.55914712410334</v>
      </c>
      <c r="S1279" s="124">
        <f t="shared" si="19"/>
        <v>1.028101694994588</v>
      </c>
    </row>
    <row r="1280" spans="8:19" x14ac:dyDescent="0.3">
      <c r="H1280" s="44">
        <v>1273</v>
      </c>
      <c r="I1280" s="56">
        <f>Bühler!I1306</f>
        <v>0.25612518083866442</v>
      </c>
      <c r="J1280" s="59">
        <f>Bühler!J1306</f>
        <v>0.85375060279554826</v>
      </c>
      <c r="K1280" s="59">
        <f>Bühler!K1306</f>
        <v>1.2806259041933223</v>
      </c>
      <c r="L1280" s="59">
        <f>Bühler!L1306</f>
        <v>6.1470043401279471</v>
      </c>
      <c r="M1280" s="58">
        <f>Bühler!M1306</f>
        <v>0</v>
      </c>
      <c r="N1280" s="56">
        <f>IF(Input!$D$19=1,J1280*Input!$C$19,0)+IF(Input!$D$20=1,K1280*Input!$C$20,0)+IF(Input!$D$21=1,L1280*Input!$C$21,0)+IF(Input!$D$22=1,M1280*Input!$C$22,0)</f>
        <v>0.25612518083866448</v>
      </c>
      <c r="O1280" s="59">
        <f>IF(Input!$D$19=2,J1280*Input!$C$19,0)+IF(Input!$D$20=2,K1280*Input!$C$20,0)+IF(Input!$D$21=2,L1280*Input!$C$21,0)+IF(Input!$D$22=2,M1280*Input!$C$22,0)</f>
        <v>0.64031295209666117</v>
      </c>
      <c r="P1280" s="59">
        <f>IF(Input!$D$19=3,J1280*Input!$C$19,0)+IF(Input!$D$20=3,K1280*Input!$C$20,0)+IF(Input!$D$21=3,L1280*Input!$C$21,0)+IF(Input!$D$22=3,M1280*Input!$C$22,0)</f>
        <v>0</v>
      </c>
      <c r="Q1280" s="75">
        <f>IF(Input!$D$19=4,J1280*Input!$C$19,0)+IF(Input!$D$20=4,K1280*Input!$C$20,0)+IF(Input!$D$21=4,L1280*Input!$C$21,0)+IF(Input!$D$22=4,M1280*Input!$C$22,0)</f>
        <v>0</v>
      </c>
      <c r="R1280" s="58">
        <v>54.490663695043281</v>
      </c>
      <c r="S1280" s="124">
        <f t="shared" si="19"/>
        <v>1.1098757836342128</v>
      </c>
    </row>
    <row r="1281" spans="8:19" x14ac:dyDescent="0.3">
      <c r="H1281" s="44">
        <v>1274</v>
      </c>
      <c r="I1281" s="56">
        <f>Bühler!I1307</f>
        <v>0.25612518083866442</v>
      </c>
      <c r="J1281" s="59">
        <f>Bühler!J1307</f>
        <v>0.85375060279554826</v>
      </c>
      <c r="K1281" s="59">
        <f>Bühler!K1307</f>
        <v>1.2806259041933223</v>
      </c>
      <c r="L1281" s="59">
        <f>Bühler!L1307</f>
        <v>6.1470043401279471</v>
      </c>
      <c r="M1281" s="58">
        <f>Bühler!M1307</f>
        <v>0</v>
      </c>
      <c r="N1281" s="56">
        <f>IF(Input!$D$19=1,J1281*Input!$C$19,0)+IF(Input!$D$20=1,K1281*Input!$C$20,0)+IF(Input!$D$21=1,L1281*Input!$C$21,0)+IF(Input!$D$22=1,M1281*Input!$C$22,0)</f>
        <v>0.25612518083866448</v>
      </c>
      <c r="O1281" s="59">
        <f>IF(Input!$D$19=2,J1281*Input!$C$19,0)+IF(Input!$D$20=2,K1281*Input!$C$20,0)+IF(Input!$D$21=2,L1281*Input!$C$21,0)+IF(Input!$D$22=2,M1281*Input!$C$22,0)</f>
        <v>0.64031295209666117</v>
      </c>
      <c r="P1281" s="59">
        <f>IF(Input!$D$19=3,J1281*Input!$C$19,0)+IF(Input!$D$20=3,K1281*Input!$C$20,0)+IF(Input!$D$21=3,L1281*Input!$C$21,0)+IF(Input!$D$22=3,M1281*Input!$C$22,0)</f>
        <v>0</v>
      </c>
      <c r="Q1281" s="75">
        <f>IF(Input!$D$19=4,J1281*Input!$C$19,0)+IF(Input!$D$20=4,K1281*Input!$C$20,0)+IF(Input!$D$21=4,L1281*Input!$C$21,0)+IF(Input!$D$22=4,M1281*Input!$C$22,0)</f>
        <v>0</v>
      </c>
      <c r="R1281" s="58">
        <v>55.837212547098019</v>
      </c>
      <c r="S1281" s="124">
        <f t="shared" si="19"/>
        <v>1.1098757836342128</v>
      </c>
    </row>
    <row r="1282" spans="8:19" x14ac:dyDescent="0.3">
      <c r="H1282" s="44">
        <v>1275</v>
      </c>
      <c r="I1282" s="56">
        <f>Bühler!I1308</f>
        <v>0.25612518083866442</v>
      </c>
      <c r="J1282" s="59">
        <f>Bühler!J1308</f>
        <v>0.85375060279554826</v>
      </c>
      <c r="K1282" s="59">
        <f>Bühler!K1308</f>
        <v>1.2806259041933223</v>
      </c>
      <c r="L1282" s="59">
        <f>Bühler!L1308</f>
        <v>6.1470043401279471</v>
      </c>
      <c r="M1282" s="58">
        <f>Bühler!M1308</f>
        <v>0</v>
      </c>
      <c r="N1282" s="56">
        <f>IF(Input!$D$19=1,J1282*Input!$C$19,0)+IF(Input!$D$20=1,K1282*Input!$C$20,0)+IF(Input!$D$21=1,L1282*Input!$C$21,0)+IF(Input!$D$22=1,M1282*Input!$C$22,0)</f>
        <v>0.25612518083866448</v>
      </c>
      <c r="O1282" s="59">
        <f>IF(Input!$D$19=2,J1282*Input!$C$19,0)+IF(Input!$D$20=2,K1282*Input!$C$20,0)+IF(Input!$D$21=2,L1282*Input!$C$21,0)+IF(Input!$D$22=2,M1282*Input!$C$22,0)</f>
        <v>0.64031295209666117</v>
      </c>
      <c r="P1282" s="59">
        <f>IF(Input!$D$19=3,J1282*Input!$C$19,0)+IF(Input!$D$20=3,K1282*Input!$C$20,0)+IF(Input!$D$21=3,L1282*Input!$C$21,0)+IF(Input!$D$22=3,M1282*Input!$C$22,0)</f>
        <v>0</v>
      </c>
      <c r="Q1282" s="75">
        <f>IF(Input!$D$19=4,J1282*Input!$C$19,0)+IF(Input!$D$20=4,K1282*Input!$C$20,0)+IF(Input!$D$21=4,L1282*Input!$C$21,0)+IF(Input!$D$22=4,M1282*Input!$C$22,0)</f>
        <v>0</v>
      </c>
      <c r="R1282" s="58">
        <v>55.816262266594833</v>
      </c>
      <c r="S1282" s="124">
        <f t="shared" si="19"/>
        <v>1.1098757836342128</v>
      </c>
    </row>
    <row r="1283" spans="8:19" x14ac:dyDescent="0.3">
      <c r="H1283" s="44">
        <v>1276</v>
      </c>
      <c r="I1283" s="56">
        <f>Bühler!I1309</f>
        <v>0.25612518083866442</v>
      </c>
      <c r="J1283" s="59">
        <f>Bühler!J1309</f>
        <v>0.85375060279554826</v>
      </c>
      <c r="K1283" s="59">
        <f>Bühler!K1309</f>
        <v>1.2806259041933223</v>
      </c>
      <c r="L1283" s="59">
        <f>Bühler!L1309</f>
        <v>6.1470043401279471</v>
      </c>
      <c r="M1283" s="58">
        <f>Bühler!M1309</f>
        <v>0</v>
      </c>
      <c r="N1283" s="56">
        <f>IF(Input!$D$19=1,J1283*Input!$C$19,0)+IF(Input!$D$20=1,K1283*Input!$C$20,0)+IF(Input!$D$21=1,L1283*Input!$C$21,0)+IF(Input!$D$22=1,M1283*Input!$C$22,0)</f>
        <v>0.25612518083866448</v>
      </c>
      <c r="O1283" s="59">
        <f>IF(Input!$D$19=2,J1283*Input!$C$19,0)+IF(Input!$D$20=2,K1283*Input!$C$20,0)+IF(Input!$D$21=2,L1283*Input!$C$21,0)+IF(Input!$D$22=2,M1283*Input!$C$22,0)</f>
        <v>0.64031295209666117</v>
      </c>
      <c r="P1283" s="59">
        <f>IF(Input!$D$19=3,J1283*Input!$C$19,0)+IF(Input!$D$20=3,K1283*Input!$C$20,0)+IF(Input!$D$21=3,L1283*Input!$C$21,0)+IF(Input!$D$22=3,M1283*Input!$C$22,0)</f>
        <v>0</v>
      </c>
      <c r="Q1283" s="75">
        <f>IF(Input!$D$19=4,J1283*Input!$C$19,0)+IF(Input!$D$20=4,K1283*Input!$C$20,0)+IF(Input!$D$21=4,L1283*Input!$C$21,0)+IF(Input!$D$22=4,M1283*Input!$C$22,0)</f>
        <v>0</v>
      </c>
      <c r="R1283" s="58">
        <v>55.889798399787431</v>
      </c>
      <c r="S1283" s="124">
        <f t="shared" si="19"/>
        <v>1.1098757836342128</v>
      </c>
    </row>
    <row r="1284" spans="8:19" x14ac:dyDescent="0.3">
      <c r="H1284" s="44">
        <v>1277</v>
      </c>
      <c r="I1284" s="56">
        <f>Bühler!I1310</f>
        <v>0.25612518083866442</v>
      </c>
      <c r="J1284" s="59">
        <f>Bühler!J1310</f>
        <v>0.85375060279554826</v>
      </c>
      <c r="K1284" s="59">
        <f>Bühler!K1310</f>
        <v>1.2806259041933223</v>
      </c>
      <c r="L1284" s="59">
        <f>Bühler!L1310</f>
        <v>6.1470043401279471</v>
      </c>
      <c r="M1284" s="58">
        <f>Bühler!M1310</f>
        <v>0</v>
      </c>
      <c r="N1284" s="56">
        <f>IF(Input!$D$19=1,J1284*Input!$C$19,0)+IF(Input!$D$20=1,K1284*Input!$C$20,0)+IF(Input!$D$21=1,L1284*Input!$C$21,0)+IF(Input!$D$22=1,M1284*Input!$C$22,0)</f>
        <v>0.25612518083866448</v>
      </c>
      <c r="O1284" s="59">
        <f>IF(Input!$D$19=2,J1284*Input!$C$19,0)+IF(Input!$D$20=2,K1284*Input!$C$20,0)+IF(Input!$D$21=2,L1284*Input!$C$21,0)+IF(Input!$D$22=2,M1284*Input!$C$22,0)</f>
        <v>0.64031295209666117</v>
      </c>
      <c r="P1284" s="59">
        <f>IF(Input!$D$19=3,J1284*Input!$C$19,0)+IF(Input!$D$20=3,K1284*Input!$C$20,0)+IF(Input!$D$21=3,L1284*Input!$C$21,0)+IF(Input!$D$22=3,M1284*Input!$C$22,0)</f>
        <v>0</v>
      </c>
      <c r="Q1284" s="75">
        <f>IF(Input!$D$19=4,J1284*Input!$C$19,0)+IF(Input!$D$20=4,K1284*Input!$C$20,0)+IF(Input!$D$21=4,L1284*Input!$C$21,0)+IF(Input!$D$22=4,M1284*Input!$C$22,0)</f>
        <v>0</v>
      </c>
      <c r="R1284" s="58">
        <v>56.587996732628561</v>
      </c>
      <c r="S1284" s="124">
        <f t="shared" si="19"/>
        <v>1.1098757836342128</v>
      </c>
    </row>
    <row r="1285" spans="8:19" x14ac:dyDescent="0.3">
      <c r="H1285" s="44">
        <v>1278</v>
      </c>
      <c r="I1285" s="56">
        <f>Bühler!I1311</f>
        <v>0.33011689974761199</v>
      </c>
      <c r="J1285" s="59">
        <f>Bühler!J1311</f>
        <v>1.1003896658253733</v>
      </c>
      <c r="K1285" s="59">
        <f>Bühler!K1311</f>
        <v>1.65058449873806</v>
      </c>
      <c r="L1285" s="59">
        <f>Bühler!L1311</f>
        <v>7.9228055939426874</v>
      </c>
      <c r="M1285" s="58">
        <f>Bühler!M1311</f>
        <v>0</v>
      </c>
      <c r="N1285" s="56">
        <f>IF(Input!$D$19=1,J1285*Input!$C$19,0)+IF(Input!$D$20=1,K1285*Input!$C$20,0)+IF(Input!$D$21=1,L1285*Input!$C$21,0)+IF(Input!$D$22=1,M1285*Input!$C$22,0)</f>
        <v>0.33011689974761199</v>
      </c>
      <c r="O1285" s="59">
        <f>IF(Input!$D$19=2,J1285*Input!$C$19,0)+IF(Input!$D$20=2,K1285*Input!$C$20,0)+IF(Input!$D$21=2,L1285*Input!$C$21,0)+IF(Input!$D$22=2,M1285*Input!$C$22,0)</f>
        <v>0.82529224936903001</v>
      </c>
      <c r="P1285" s="59">
        <f>IF(Input!$D$19=3,J1285*Input!$C$19,0)+IF(Input!$D$20=3,K1285*Input!$C$20,0)+IF(Input!$D$21=3,L1285*Input!$C$21,0)+IF(Input!$D$22=3,M1285*Input!$C$22,0)</f>
        <v>0</v>
      </c>
      <c r="Q1285" s="75">
        <f>IF(Input!$D$19=4,J1285*Input!$C$19,0)+IF(Input!$D$20=4,K1285*Input!$C$20,0)+IF(Input!$D$21=4,L1285*Input!$C$21,0)+IF(Input!$D$22=4,M1285*Input!$C$22,0)</f>
        <v>0</v>
      </c>
      <c r="R1285" s="58">
        <v>59.58071177213737</v>
      </c>
      <c r="S1285" s="124">
        <f t="shared" si="19"/>
        <v>1.4305065655729854</v>
      </c>
    </row>
    <row r="1286" spans="8:19" x14ac:dyDescent="0.3">
      <c r="H1286" s="44">
        <v>1279</v>
      </c>
      <c r="I1286" s="56">
        <f>Bühler!I1312</f>
        <v>0.39841694797125587</v>
      </c>
      <c r="J1286" s="59">
        <f>Bühler!J1312</f>
        <v>1.3280564932375196</v>
      </c>
      <c r="K1286" s="59">
        <f>Bühler!K1312</f>
        <v>1.9920847398562793</v>
      </c>
      <c r="L1286" s="59">
        <f>Bühler!L1312</f>
        <v>9.5620067513101414</v>
      </c>
      <c r="M1286" s="58">
        <f>Bühler!M1312</f>
        <v>0</v>
      </c>
      <c r="N1286" s="56">
        <f>IF(Input!$D$19=1,J1286*Input!$C$19,0)+IF(Input!$D$20=1,K1286*Input!$C$20,0)+IF(Input!$D$21=1,L1286*Input!$C$21,0)+IF(Input!$D$22=1,M1286*Input!$C$22,0)</f>
        <v>0.39841694797125587</v>
      </c>
      <c r="O1286" s="59">
        <f>IF(Input!$D$19=2,J1286*Input!$C$19,0)+IF(Input!$D$20=2,K1286*Input!$C$20,0)+IF(Input!$D$21=2,L1286*Input!$C$21,0)+IF(Input!$D$22=2,M1286*Input!$C$22,0)</f>
        <v>0.99604236992813966</v>
      </c>
      <c r="P1286" s="59">
        <f>IF(Input!$D$19=3,J1286*Input!$C$19,0)+IF(Input!$D$20=3,K1286*Input!$C$20,0)+IF(Input!$D$21=3,L1286*Input!$C$21,0)+IF(Input!$D$22=3,M1286*Input!$C$22,0)</f>
        <v>0</v>
      </c>
      <c r="Q1286" s="75">
        <f>IF(Input!$D$19=4,J1286*Input!$C$19,0)+IF(Input!$D$20=4,K1286*Input!$C$20,0)+IF(Input!$D$21=4,L1286*Input!$C$21,0)+IF(Input!$D$22=4,M1286*Input!$C$22,0)</f>
        <v>0</v>
      </c>
      <c r="R1286" s="58">
        <v>62.889568959479163</v>
      </c>
      <c r="S1286" s="124">
        <f t="shared" si="19"/>
        <v>1.7264734412087754</v>
      </c>
    </row>
    <row r="1287" spans="8:19" x14ac:dyDescent="0.3">
      <c r="H1287" s="44">
        <v>1280</v>
      </c>
      <c r="I1287" s="56">
        <f>Bühler!I1313</f>
        <v>0.39841694797125587</v>
      </c>
      <c r="J1287" s="59">
        <f>Bühler!J1313</f>
        <v>1.3280564932375196</v>
      </c>
      <c r="K1287" s="59">
        <f>Bühler!K1313</f>
        <v>1.9920847398562793</v>
      </c>
      <c r="L1287" s="59">
        <f>Bühler!L1313</f>
        <v>9.5620067513101414</v>
      </c>
      <c r="M1287" s="58">
        <f>Bühler!M1313</f>
        <v>0</v>
      </c>
      <c r="N1287" s="56">
        <f>IF(Input!$D$19=1,J1287*Input!$C$19,0)+IF(Input!$D$20=1,K1287*Input!$C$20,0)+IF(Input!$D$21=1,L1287*Input!$C$21,0)+IF(Input!$D$22=1,M1287*Input!$C$22,0)</f>
        <v>0.39841694797125587</v>
      </c>
      <c r="O1287" s="59">
        <f>IF(Input!$D$19=2,J1287*Input!$C$19,0)+IF(Input!$D$20=2,K1287*Input!$C$20,0)+IF(Input!$D$21=2,L1287*Input!$C$21,0)+IF(Input!$D$22=2,M1287*Input!$C$22,0)</f>
        <v>0.99604236992813966</v>
      </c>
      <c r="P1287" s="59">
        <f>IF(Input!$D$19=3,J1287*Input!$C$19,0)+IF(Input!$D$20=3,K1287*Input!$C$20,0)+IF(Input!$D$21=3,L1287*Input!$C$21,0)+IF(Input!$D$22=3,M1287*Input!$C$22,0)</f>
        <v>0</v>
      </c>
      <c r="Q1287" s="75">
        <f>IF(Input!$D$19=4,J1287*Input!$C$19,0)+IF(Input!$D$20=4,K1287*Input!$C$20,0)+IF(Input!$D$21=4,L1287*Input!$C$21,0)+IF(Input!$D$22=4,M1287*Input!$C$22,0)</f>
        <v>0</v>
      </c>
      <c r="R1287" s="58">
        <v>65.201703571998422</v>
      </c>
      <c r="S1287" s="124">
        <f t="shared" si="19"/>
        <v>1.7264734412087754</v>
      </c>
    </row>
    <row r="1288" spans="8:19" x14ac:dyDescent="0.3">
      <c r="H1288" s="44">
        <v>1281</v>
      </c>
      <c r="I1288" s="56">
        <f>Bühler!I1314</f>
        <v>0.39841694797125587</v>
      </c>
      <c r="J1288" s="59">
        <f>Bühler!J1314</f>
        <v>1.3280564932375196</v>
      </c>
      <c r="K1288" s="59">
        <f>Bühler!K1314</f>
        <v>1.9920847398562793</v>
      </c>
      <c r="L1288" s="59">
        <f>Bühler!L1314</f>
        <v>9.5620067513101414</v>
      </c>
      <c r="M1288" s="58">
        <f>Bühler!M1314</f>
        <v>0</v>
      </c>
      <c r="N1288" s="56">
        <f>IF(Input!$D$19=1,J1288*Input!$C$19,0)+IF(Input!$D$20=1,K1288*Input!$C$20,0)+IF(Input!$D$21=1,L1288*Input!$C$21,0)+IF(Input!$D$22=1,M1288*Input!$C$22,0)</f>
        <v>0.39841694797125587</v>
      </c>
      <c r="O1288" s="59">
        <f>IF(Input!$D$19=2,J1288*Input!$C$19,0)+IF(Input!$D$20=2,K1288*Input!$C$20,0)+IF(Input!$D$21=2,L1288*Input!$C$21,0)+IF(Input!$D$22=2,M1288*Input!$C$22,0)</f>
        <v>0.99604236992813966</v>
      </c>
      <c r="P1288" s="59">
        <f>IF(Input!$D$19=3,J1288*Input!$C$19,0)+IF(Input!$D$20=3,K1288*Input!$C$20,0)+IF(Input!$D$21=3,L1288*Input!$C$21,0)+IF(Input!$D$22=3,M1288*Input!$C$22,0)</f>
        <v>0</v>
      </c>
      <c r="Q1288" s="75">
        <f>IF(Input!$D$19=4,J1288*Input!$C$19,0)+IF(Input!$D$20=4,K1288*Input!$C$20,0)+IF(Input!$D$21=4,L1288*Input!$C$21,0)+IF(Input!$D$22=4,M1288*Input!$C$22,0)</f>
        <v>0</v>
      </c>
      <c r="R1288" s="58">
        <v>64.925578124544742</v>
      </c>
      <c r="S1288" s="124">
        <f t="shared" si="19"/>
        <v>1.7264734412087754</v>
      </c>
    </row>
    <row r="1289" spans="8:19" x14ac:dyDescent="0.3">
      <c r="H1289" s="44">
        <v>1282</v>
      </c>
      <c r="I1289" s="56">
        <f>Bühler!I1315</f>
        <v>0.42687530139777413</v>
      </c>
      <c r="J1289" s="59">
        <f>Bühler!J1315</f>
        <v>1.422917671325914</v>
      </c>
      <c r="K1289" s="59">
        <f>Bühler!K1315</f>
        <v>2.1343765069888705</v>
      </c>
      <c r="L1289" s="59">
        <f>Bühler!L1315</f>
        <v>10.245007233546579</v>
      </c>
      <c r="M1289" s="58">
        <f>Bühler!M1315</f>
        <v>0</v>
      </c>
      <c r="N1289" s="56">
        <f>IF(Input!$D$19=1,J1289*Input!$C$19,0)+IF(Input!$D$20=1,K1289*Input!$C$20,0)+IF(Input!$D$21=1,L1289*Input!$C$21,0)+IF(Input!$D$22=1,M1289*Input!$C$22,0)</f>
        <v>0.42687530139777419</v>
      </c>
      <c r="O1289" s="59">
        <f>IF(Input!$D$19=2,J1289*Input!$C$19,0)+IF(Input!$D$20=2,K1289*Input!$C$20,0)+IF(Input!$D$21=2,L1289*Input!$C$21,0)+IF(Input!$D$22=2,M1289*Input!$C$22,0)</f>
        <v>1.0671882534944352</v>
      </c>
      <c r="P1289" s="59">
        <f>IF(Input!$D$19=3,J1289*Input!$C$19,0)+IF(Input!$D$20=3,K1289*Input!$C$20,0)+IF(Input!$D$21=3,L1289*Input!$C$21,0)+IF(Input!$D$22=3,M1289*Input!$C$22,0)</f>
        <v>0</v>
      </c>
      <c r="Q1289" s="75">
        <f>IF(Input!$D$19=4,J1289*Input!$C$19,0)+IF(Input!$D$20=4,K1289*Input!$C$20,0)+IF(Input!$D$21=4,L1289*Input!$C$21,0)+IF(Input!$D$22=4,M1289*Input!$C$22,0)</f>
        <v>0</v>
      </c>
      <c r="R1289" s="58">
        <v>64.411288213788112</v>
      </c>
      <c r="S1289" s="124">
        <f t="shared" ref="S1289:S1352" si="20">I1289+J1289</f>
        <v>1.8497929727236881</v>
      </c>
    </row>
    <row r="1290" spans="8:19" x14ac:dyDescent="0.3">
      <c r="H1290" s="44">
        <v>1283</v>
      </c>
      <c r="I1290" s="56">
        <f>Bühler!I1316</f>
        <v>0.44395031345368507</v>
      </c>
      <c r="J1290" s="59">
        <f>Bühler!J1316</f>
        <v>1.4798343781789505</v>
      </c>
      <c r="K1290" s="59">
        <f>Bühler!K1316</f>
        <v>2.2197515672684256</v>
      </c>
      <c r="L1290" s="59">
        <f>Bühler!L1316</f>
        <v>10.654807522888442</v>
      </c>
      <c r="M1290" s="58">
        <f>Bühler!M1316</f>
        <v>0</v>
      </c>
      <c r="N1290" s="56">
        <f>IF(Input!$D$19=1,J1290*Input!$C$19,0)+IF(Input!$D$20=1,K1290*Input!$C$20,0)+IF(Input!$D$21=1,L1290*Input!$C$21,0)+IF(Input!$D$22=1,M1290*Input!$C$22,0)</f>
        <v>0.44395031345368513</v>
      </c>
      <c r="O1290" s="59">
        <f>IF(Input!$D$19=2,J1290*Input!$C$19,0)+IF(Input!$D$20=2,K1290*Input!$C$20,0)+IF(Input!$D$21=2,L1290*Input!$C$21,0)+IF(Input!$D$22=2,M1290*Input!$C$22,0)</f>
        <v>1.1098757836342128</v>
      </c>
      <c r="P1290" s="59">
        <f>IF(Input!$D$19=3,J1290*Input!$C$19,0)+IF(Input!$D$20=3,K1290*Input!$C$20,0)+IF(Input!$D$21=3,L1290*Input!$C$21,0)+IF(Input!$D$22=3,M1290*Input!$C$22,0)</f>
        <v>0</v>
      </c>
      <c r="Q1290" s="75">
        <f>IF(Input!$D$19=4,J1290*Input!$C$19,0)+IF(Input!$D$20=4,K1290*Input!$C$20,0)+IF(Input!$D$21=4,L1290*Input!$C$21,0)+IF(Input!$D$22=4,M1290*Input!$C$22,0)</f>
        <v>0</v>
      </c>
      <c r="R1290" s="58">
        <v>64.628356274214994</v>
      </c>
      <c r="S1290" s="124">
        <f t="shared" si="20"/>
        <v>1.9237846916326355</v>
      </c>
    </row>
    <row r="1291" spans="8:19" x14ac:dyDescent="0.3">
      <c r="H1291" s="44">
        <v>1284</v>
      </c>
      <c r="I1291" s="56">
        <f>Bühler!I1317</f>
        <v>0.51225036167732885</v>
      </c>
      <c r="J1291" s="59">
        <f>Bühler!J1317</f>
        <v>1.7075012055910965</v>
      </c>
      <c r="K1291" s="59">
        <f>Bühler!K1317</f>
        <v>2.5612518083866447</v>
      </c>
      <c r="L1291" s="59">
        <f>Bühler!L1317</f>
        <v>12.294008680255894</v>
      </c>
      <c r="M1291" s="58">
        <f>Bühler!M1317</f>
        <v>0</v>
      </c>
      <c r="N1291" s="56">
        <f>IF(Input!$D$19=1,J1291*Input!$C$19,0)+IF(Input!$D$20=1,K1291*Input!$C$20,0)+IF(Input!$D$21=1,L1291*Input!$C$21,0)+IF(Input!$D$22=1,M1291*Input!$C$22,0)</f>
        <v>0.51225036167732896</v>
      </c>
      <c r="O1291" s="59">
        <f>IF(Input!$D$19=2,J1291*Input!$C$19,0)+IF(Input!$D$20=2,K1291*Input!$C$20,0)+IF(Input!$D$21=2,L1291*Input!$C$21,0)+IF(Input!$D$22=2,M1291*Input!$C$22,0)</f>
        <v>1.2806259041933223</v>
      </c>
      <c r="P1291" s="59">
        <f>IF(Input!$D$19=3,J1291*Input!$C$19,0)+IF(Input!$D$20=3,K1291*Input!$C$20,0)+IF(Input!$D$21=3,L1291*Input!$C$21,0)+IF(Input!$D$22=3,M1291*Input!$C$22,0)</f>
        <v>0</v>
      </c>
      <c r="Q1291" s="75">
        <f>IF(Input!$D$19=4,J1291*Input!$C$19,0)+IF(Input!$D$20=4,K1291*Input!$C$20,0)+IF(Input!$D$21=4,L1291*Input!$C$21,0)+IF(Input!$D$22=4,M1291*Input!$C$22,0)</f>
        <v>0</v>
      </c>
      <c r="R1291" s="58">
        <v>65.005565844899792</v>
      </c>
      <c r="S1291" s="124">
        <f t="shared" si="20"/>
        <v>2.2197515672684256</v>
      </c>
    </row>
    <row r="1292" spans="8:19" x14ac:dyDescent="0.3">
      <c r="H1292" s="44">
        <v>1285</v>
      </c>
      <c r="I1292" s="56">
        <f>Bühler!I1318</f>
        <v>0.51225036167732885</v>
      </c>
      <c r="J1292" s="59">
        <f>Bühler!J1318</f>
        <v>1.7075012055910965</v>
      </c>
      <c r="K1292" s="59">
        <f>Bühler!K1318</f>
        <v>2.5612518083866447</v>
      </c>
      <c r="L1292" s="59">
        <f>Bühler!L1318</f>
        <v>12.294008680255894</v>
      </c>
      <c r="M1292" s="58">
        <f>Bühler!M1318</f>
        <v>0</v>
      </c>
      <c r="N1292" s="56">
        <f>IF(Input!$D$19=1,J1292*Input!$C$19,0)+IF(Input!$D$20=1,K1292*Input!$C$20,0)+IF(Input!$D$21=1,L1292*Input!$C$21,0)+IF(Input!$D$22=1,M1292*Input!$C$22,0)</f>
        <v>0.51225036167732896</v>
      </c>
      <c r="O1292" s="59">
        <f>IF(Input!$D$19=2,J1292*Input!$C$19,0)+IF(Input!$D$20=2,K1292*Input!$C$20,0)+IF(Input!$D$21=2,L1292*Input!$C$21,0)+IF(Input!$D$22=2,M1292*Input!$C$22,0)</f>
        <v>1.2806259041933223</v>
      </c>
      <c r="P1292" s="59">
        <f>IF(Input!$D$19=3,J1292*Input!$C$19,0)+IF(Input!$D$20=3,K1292*Input!$C$20,0)+IF(Input!$D$21=3,L1292*Input!$C$21,0)+IF(Input!$D$22=3,M1292*Input!$C$22,0)</f>
        <v>0</v>
      </c>
      <c r="Q1292" s="75">
        <f>IF(Input!$D$19=4,J1292*Input!$C$19,0)+IF(Input!$D$20=4,K1292*Input!$C$20,0)+IF(Input!$D$21=4,L1292*Input!$C$21,0)+IF(Input!$D$22=4,M1292*Input!$C$22,0)</f>
        <v>0</v>
      </c>
      <c r="R1292" s="58">
        <v>63.191571482733913</v>
      </c>
      <c r="S1292" s="124">
        <f t="shared" si="20"/>
        <v>2.2197515672684256</v>
      </c>
    </row>
    <row r="1293" spans="8:19" x14ac:dyDescent="0.3">
      <c r="H1293" s="44">
        <v>1286</v>
      </c>
      <c r="I1293" s="56">
        <f>Bühler!I1319</f>
        <v>0.51225036167732885</v>
      </c>
      <c r="J1293" s="59">
        <f>Bühler!J1319</f>
        <v>1.7075012055910965</v>
      </c>
      <c r="K1293" s="59">
        <f>Bühler!K1319</f>
        <v>2.5612518083866447</v>
      </c>
      <c r="L1293" s="59">
        <f>Bühler!L1319</f>
        <v>12.294008680255894</v>
      </c>
      <c r="M1293" s="58">
        <f>Bühler!M1319</f>
        <v>0</v>
      </c>
      <c r="N1293" s="56">
        <f>IF(Input!$D$19=1,J1293*Input!$C$19,0)+IF(Input!$D$20=1,K1293*Input!$C$20,0)+IF(Input!$D$21=1,L1293*Input!$C$21,0)+IF(Input!$D$22=1,M1293*Input!$C$22,0)</f>
        <v>0.51225036167732896</v>
      </c>
      <c r="O1293" s="59">
        <f>IF(Input!$D$19=2,J1293*Input!$C$19,0)+IF(Input!$D$20=2,K1293*Input!$C$20,0)+IF(Input!$D$21=2,L1293*Input!$C$21,0)+IF(Input!$D$22=2,M1293*Input!$C$22,0)</f>
        <v>1.2806259041933223</v>
      </c>
      <c r="P1293" s="59">
        <f>IF(Input!$D$19=3,J1293*Input!$C$19,0)+IF(Input!$D$20=3,K1293*Input!$C$20,0)+IF(Input!$D$21=3,L1293*Input!$C$21,0)+IF(Input!$D$22=3,M1293*Input!$C$22,0)</f>
        <v>0</v>
      </c>
      <c r="Q1293" s="75">
        <f>IF(Input!$D$19=4,J1293*Input!$C$19,0)+IF(Input!$D$20=4,K1293*Input!$C$20,0)+IF(Input!$D$21=4,L1293*Input!$C$21,0)+IF(Input!$D$22=4,M1293*Input!$C$22,0)</f>
        <v>0</v>
      </c>
      <c r="R1293" s="58">
        <v>62.43433614154322</v>
      </c>
      <c r="S1293" s="124">
        <f t="shared" si="20"/>
        <v>2.2197515672684256</v>
      </c>
    </row>
    <row r="1294" spans="8:19" x14ac:dyDescent="0.3">
      <c r="H1294" s="44">
        <v>1287</v>
      </c>
      <c r="I1294" s="56">
        <f>Bühler!I1320</f>
        <v>0.51225036167732885</v>
      </c>
      <c r="J1294" s="59">
        <f>Bühler!J1320</f>
        <v>1.7075012055910965</v>
      </c>
      <c r="K1294" s="59">
        <f>Bühler!K1320</f>
        <v>2.5612518083866447</v>
      </c>
      <c r="L1294" s="59">
        <f>Bühler!L1320</f>
        <v>12.294008680255894</v>
      </c>
      <c r="M1294" s="58">
        <f>Bühler!M1320</f>
        <v>0</v>
      </c>
      <c r="N1294" s="56">
        <f>IF(Input!$D$19=1,J1294*Input!$C$19,0)+IF(Input!$D$20=1,K1294*Input!$C$20,0)+IF(Input!$D$21=1,L1294*Input!$C$21,0)+IF(Input!$D$22=1,M1294*Input!$C$22,0)</f>
        <v>0.51225036167732896</v>
      </c>
      <c r="O1294" s="59">
        <f>IF(Input!$D$19=2,J1294*Input!$C$19,0)+IF(Input!$D$20=2,K1294*Input!$C$20,0)+IF(Input!$D$21=2,L1294*Input!$C$21,0)+IF(Input!$D$22=2,M1294*Input!$C$22,0)</f>
        <v>1.2806259041933223</v>
      </c>
      <c r="P1294" s="59">
        <f>IF(Input!$D$19=3,J1294*Input!$C$19,0)+IF(Input!$D$20=3,K1294*Input!$C$20,0)+IF(Input!$D$21=3,L1294*Input!$C$21,0)+IF(Input!$D$22=3,M1294*Input!$C$22,0)</f>
        <v>0</v>
      </c>
      <c r="Q1294" s="75">
        <f>IF(Input!$D$19=4,J1294*Input!$C$19,0)+IF(Input!$D$20=4,K1294*Input!$C$20,0)+IF(Input!$D$21=4,L1294*Input!$C$21,0)+IF(Input!$D$22=4,M1294*Input!$C$22,0)</f>
        <v>0</v>
      </c>
      <c r="R1294" s="58">
        <v>62.314644736506715</v>
      </c>
      <c r="S1294" s="124">
        <f t="shared" si="20"/>
        <v>2.2197515672684256</v>
      </c>
    </row>
    <row r="1295" spans="8:19" x14ac:dyDescent="0.3">
      <c r="H1295" s="44">
        <v>1288</v>
      </c>
      <c r="I1295" s="56">
        <f>Bühler!I1321</f>
        <v>0.42687530139777413</v>
      </c>
      <c r="J1295" s="59">
        <f>Bühler!J1321</f>
        <v>1.422917671325914</v>
      </c>
      <c r="K1295" s="59">
        <f>Bühler!K1321</f>
        <v>2.1343765069888705</v>
      </c>
      <c r="L1295" s="59">
        <f>Bühler!L1321</f>
        <v>10.245007233546579</v>
      </c>
      <c r="M1295" s="58">
        <f>Bühler!M1321</f>
        <v>0</v>
      </c>
      <c r="N1295" s="56">
        <f>IF(Input!$D$19=1,J1295*Input!$C$19,0)+IF(Input!$D$20=1,K1295*Input!$C$20,0)+IF(Input!$D$21=1,L1295*Input!$C$21,0)+IF(Input!$D$22=1,M1295*Input!$C$22,0)</f>
        <v>0.42687530139777419</v>
      </c>
      <c r="O1295" s="59">
        <f>IF(Input!$D$19=2,J1295*Input!$C$19,0)+IF(Input!$D$20=2,K1295*Input!$C$20,0)+IF(Input!$D$21=2,L1295*Input!$C$21,0)+IF(Input!$D$22=2,M1295*Input!$C$22,0)</f>
        <v>1.0671882534944352</v>
      </c>
      <c r="P1295" s="59">
        <f>IF(Input!$D$19=3,J1295*Input!$C$19,0)+IF(Input!$D$20=3,K1295*Input!$C$20,0)+IF(Input!$D$21=3,L1295*Input!$C$21,0)+IF(Input!$D$22=3,M1295*Input!$C$22,0)</f>
        <v>0</v>
      </c>
      <c r="Q1295" s="75">
        <f>IF(Input!$D$19=4,J1295*Input!$C$19,0)+IF(Input!$D$20=4,K1295*Input!$C$20,0)+IF(Input!$D$21=4,L1295*Input!$C$21,0)+IF(Input!$D$22=4,M1295*Input!$C$22,0)</f>
        <v>0</v>
      </c>
      <c r="R1295" s="58">
        <v>61.824323661043636</v>
      </c>
      <c r="S1295" s="124">
        <f t="shared" si="20"/>
        <v>1.8497929727236881</v>
      </c>
    </row>
    <row r="1296" spans="8:19" x14ac:dyDescent="0.3">
      <c r="H1296" s="44">
        <v>1289</v>
      </c>
      <c r="I1296" s="56">
        <f>Bühler!I1322</f>
        <v>0.4041086186565595</v>
      </c>
      <c r="J1296" s="59">
        <f>Bühler!J1322</f>
        <v>1.3470287288551985</v>
      </c>
      <c r="K1296" s="59">
        <f>Bühler!K1322</f>
        <v>2.0205430932827975</v>
      </c>
      <c r="L1296" s="59">
        <f>Bühler!L1322</f>
        <v>9.6986068477574285</v>
      </c>
      <c r="M1296" s="58">
        <f>Bühler!M1322</f>
        <v>0</v>
      </c>
      <c r="N1296" s="56">
        <f>IF(Input!$D$19=1,J1296*Input!$C$19,0)+IF(Input!$D$20=1,K1296*Input!$C$20,0)+IF(Input!$D$21=1,L1296*Input!$C$21,0)+IF(Input!$D$22=1,M1296*Input!$C$22,0)</f>
        <v>0.40410861865655956</v>
      </c>
      <c r="O1296" s="59">
        <f>IF(Input!$D$19=2,J1296*Input!$C$19,0)+IF(Input!$D$20=2,K1296*Input!$C$20,0)+IF(Input!$D$21=2,L1296*Input!$C$21,0)+IF(Input!$D$22=2,M1296*Input!$C$22,0)</f>
        <v>1.0102715466413987</v>
      </c>
      <c r="P1296" s="59">
        <f>IF(Input!$D$19=3,J1296*Input!$C$19,0)+IF(Input!$D$20=3,K1296*Input!$C$20,0)+IF(Input!$D$21=3,L1296*Input!$C$21,0)+IF(Input!$D$22=3,M1296*Input!$C$22,0)</f>
        <v>0</v>
      </c>
      <c r="Q1296" s="75">
        <f>IF(Input!$D$19=4,J1296*Input!$C$19,0)+IF(Input!$D$20=4,K1296*Input!$C$20,0)+IF(Input!$D$21=4,L1296*Input!$C$21,0)+IF(Input!$D$22=4,M1296*Input!$C$22,0)</f>
        <v>0</v>
      </c>
      <c r="R1296" s="58">
        <v>61.507315958805847</v>
      </c>
      <c r="S1296" s="124">
        <f t="shared" si="20"/>
        <v>1.751137347511758</v>
      </c>
    </row>
    <row r="1297" spans="8:19" x14ac:dyDescent="0.3">
      <c r="H1297" s="44">
        <v>1290</v>
      </c>
      <c r="I1297" s="56">
        <f>Bühler!I1323</f>
        <v>0.4041086186565595</v>
      </c>
      <c r="J1297" s="59">
        <f>Bühler!J1323</f>
        <v>1.3470287288551985</v>
      </c>
      <c r="K1297" s="59">
        <f>Bühler!K1323</f>
        <v>2.0205430932827975</v>
      </c>
      <c r="L1297" s="59">
        <f>Bühler!L1323</f>
        <v>9.6986068477574285</v>
      </c>
      <c r="M1297" s="58">
        <f>Bühler!M1323</f>
        <v>0</v>
      </c>
      <c r="N1297" s="56">
        <f>IF(Input!$D$19=1,J1297*Input!$C$19,0)+IF(Input!$D$20=1,K1297*Input!$C$20,0)+IF(Input!$D$21=1,L1297*Input!$C$21,0)+IF(Input!$D$22=1,M1297*Input!$C$22,0)</f>
        <v>0.40410861865655956</v>
      </c>
      <c r="O1297" s="59">
        <f>IF(Input!$D$19=2,J1297*Input!$C$19,0)+IF(Input!$D$20=2,K1297*Input!$C$20,0)+IF(Input!$D$21=2,L1297*Input!$C$21,0)+IF(Input!$D$22=2,M1297*Input!$C$22,0)</f>
        <v>1.0102715466413987</v>
      </c>
      <c r="P1297" s="59">
        <f>IF(Input!$D$19=3,J1297*Input!$C$19,0)+IF(Input!$D$20=3,K1297*Input!$C$20,0)+IF(Input!$D$21=3,L1297*Input!$C$21,0)+IF(Input!$D$22=3,M1297*Input!$C$22,0)</f>
        <v>0</v>
      </c>
      <c r="Q1297" s="75">
        <f>IF(Input!$D$19=4,J1297*Input!$C$19,0)+IF(Input!$D$20=4,K1297*Input!$C$20,0)+IF(Input!$D$21=4,L1297*Input!$C$21,0)+IF(Input!$D$22=4,M1297*Input!$C$22,0)</f>
        <v>0</v>
      </c>
      <c r="R1297" s="58">
        <v>60.28923826965945</v>
      </c>
      <c r="S1297" s="124">
        <f t="shared" si="20"/>
        <v>1.751137347511758</v>
      </c>
    </row>
    <row r="1298" spans="8:19" x14ac:dyDescent="0.3">
      <c r="H1298" s="44">
        <v>1291</v>
      </c>
      <c r="I1298" s="56">
        <f>Bühler!I1324</f>
        <v>0.4041086186565595</v>
      </c>
      <c r="J1298" s="59">
        <f>Bühler!J1324</f>
        <v>1.3470287288551985</v>
      </c>
      <c r="K1298" s="59">
        <f>Bühler!K1324</f>
        <v>2.0205430932827975</v>
      </c>
      <c r="L1298" s="59">
        <f>Bühler!L1324</f>
        <v>9.6986068477574285</v>
      </c>
      <c r="M1298" s="58">
        <f>Bühler!M1324</f>
        <v>0</v>
      </c>
      <c r="N1298" s="56">
        <f>IF(Input!$D$19=1,J1298*Input!$C$19,0)+IF(Input!$D$20=1,K1298*Input!$C$20,0)+IF(Input!$D$21=1,L1298*Input!$C$21,0)+IF(Input!$D$22=1,M1298*Input!$C$22,0)</f>
        <v>0.40410861865655956</v>
      </c>
      <c r="O1298" s="59">
        <f>IF(Input!$D$19=2,J1298*Input!$C$19,0)+IF(Input!$D$20=2,K1298*Input!$C$20,0)+IF(Input!$D$21=2,L1298*Input!$C$21,0)+IF(Input!$D$22=2,M1298*Input!$C$22,0)</f>
        <v>1.0102715466413987</v>
      </c>
      <c r="P1298" s="59">
        <f>IF(Input!$D$19=3,J1298*Input!$C$19,0)+IF(Input!$D$20=3,K1298*Input!$C$20,0)+IF(Input!$D$21=3,L1298*Input!$C$21,0)+IF(Input!$D$22=3,M1298*Input!$C$22,0)</f>
        <v>0</v>
      </c>
      <c r="Q1298" s="75">
        <f>IF(Input!$D$19=4,J1298*Input!$C$19,0)+IF(Input!$D$20=4,K1298*Input!$C$20,0)+IF(Input!$D$21=4,L1298*Input!$C$21,0)+IF(Input!$D$22=4,M1298*Input!$C$22,0)</f>
        <v>0</v>
      </c>
      <c r="R1298" s="58">
        <v>58.075904819335719</v>
      </c>
      <c r="S1298" s="124">
        <f t="shared" si="20"/>
        <v>1.751137347511758</v>
      </c>
    </row>
    <row r="1299" spans="8:19" x14ac:dyDescent="0.3">
      <c r="H1299" s="44">
        <v>1292</v>
      </c>
      <c r="I1299" s="56">
        <f>Bühler!I1325</f>
        <v>0.4041086186565595</v>
      </c>
      <c r="J1299" s="59">
        <f>Bühler!J1325</f>
        <v>1.3470287288551985</v>
      </c>
      <c r="K1299" s="59">
        <f>Bühler!K1325</f>
        <v>2.0205430932827975</v>
      </c>
      <c r="L1299" s="59">
        <f>Bühler!L1325</f>
        <v>9.6986068477574285</v>
      </c>
      <c r="M1299" s="58">
        <f>Bühler!M1325</f>
        <v>0</v>
      </c>
      <c r="N1299" s="56">
        <f>IF(Input!$D$19=1,J1299*Input!$C$19,0)+IF(Input!$D$20=1,K1299*Input!$C$20,0)+IF(Input!$D$21=1,L1299*Input!$C$21,0)+IF(Input!$D$22=1,M1299*Input!$C$22,0)</f>
        <v>0.40410861865655956</v>
      </c>
      <c r="O1299" s="59">
        <f>IF(Input!$D$19=2,J1299*Input!$C$19,0)+IF(Input!$D$20=2,K1299*Input!$C$20,0)+IF(Input!$D$21=2,L1299*Input!$C$21,0)+IF(Input!$D$22=2,M1299*Input!$C$22,0)</f>
        <v>1.0102715466413987</v>
      </c>
      <c r="P1299" s="59">
        <f>IF(Input!$D$19=3,J1299*Input!$C$19,0)+IF(Input!$D$20=3,K1299*Input!$C$20,0)+IF(Input!$D$21=3,L1299*Input!$C$21,0)+IF(Input!$D$22=3,M1299*Input!$C$22,0)</f>
        <v>0</v>
      </c>
      <c r="Q1299" s="75">
        <f>IF(Input!$D$19=4,J1299*Input!$C$19,0)+IF(Input!$D$20=4,K1299*Input!$C$20,0)+IF(Input!$D$21=4,L1299*Input!$C$21,0)+IF(Input!$D$22=4,M1299*Input!$C$22,0)</f>
        <v>0</v>
      </c>
      <c r="R1299" s="58">
        <v>57.275840461465421</v>
      </c>
      <c r="S1299" s="124">
        <f t="shared" si="20"/>
        <v>1.751137347511758</v>
      </c>
    </row>
    <row r="1300" spans="8:19" x14ac:dyDescent="0.3">
      <c r="H1300" s="44">
        <v>1293</v>
      </c>
      <c r="I1300" s="56">
        <f>Bühler!I1326</f>
        <v>0.31304188769170099</v>
      </c>
      <c r="J1300" s="59">
        <f>Bühler!J1326</f>
        <v>1.0434729589723366</v>
      </c>
      <c r="K1300" s="59">
        <f>Bühler!K1326</f>
        <v>1.5652094384585049</v>
      </c>
      <c r="L1300" s="59">
        <f>Bühler!L1326</f>
        <v>7.5130053046008234</v>
      </c>
      <c r="M1300" s="58">
        <f>Bühler!M1326</f>
        <v>0</v>
      </c>
      <c r="N1300" s="56">
        <f>IF(Input!$D$19=1,J1300*Input!$C$19,0)+IF(Input!$D$20=1,K1300*Input!$C$20,0)+IF(Input!$D$21=1,L1300*Input!$C$21,0)+IF(Input!$D$22=1,M1300*Input!$C$22,0)</f>
        <v>0.31304188769170099</v>
      </c>
      <c r="O1300" s="59">
        <f>IF(Input!$D$19=2,J1300*Input!$C$19,0)+IF(Input!$D$20=2,K1300*Input!$C$20,0)+IF(Input!$D$21=2,L1300*Input!$C$21,0)+IF(Input!$D$22=2,M1300*Input!$C$22,0)</f>
        <v>0.78260471922925245</v>
      </c>
      <c r="P1300" s="59">
        <f>IF(Input!$D$19=3,J1300*Input!$C$19,0)+IF(Input!$D$20=3,K1300*Input!$C$20,0)+IF(Input!$D$21=3,L1300*Input!$C$21,0)+IF(Input!$D$22=3,M1300*Input!$C$22,0)</f>
        <v>0</v>
      </c>
      <c r="Q1300" s="75">
        <f>IF(Input!$D$19=4,J1300*Input!$C$19,0)+IF(Input!$D$20=4,K1300*Input!$C$20,0)+IF(Input!$D$21=4,L1300*Input!$C$21,0)+IF(Input!$D$22=4,M1300*Input!$C$22,0)</f>
        <v>0</v>
      </c>
      <c r="R1300" s="58">
        <v>55.983528311480185</v>
      </c>
      <c r="S1300" s="124">
        <f t="shared" si="20"/>
        <v>1.3565148466640375</v>
      </c>
    </row>
    <row r="1301" spans="8:19" x14ac:dyDescent="0.3">
      <c r="H1301" s="44">
        <v>1294</v>
      </c>
      <c r="I1301" s="56">
        <f>Bühler!I1327</f>
        <v>0.11952508439137675</v>
      </c>
      <c r="J1301" s="59">
        <f>Bühler!J1327</f>
        <v>0.39841694797125587</v>
      </c>
      <c r="K1301" s="59">
        <f>Bühler!K1327</f>
        <v>0.59762542195688373</v>
      </c>
      <c r="L1301" s="59">
        <f>Bühler!L1327</f>
        <v>2.868602025393042</v>
      </c>
      <c r="M1301" s="58">
        <f>Bühler!M1327</f>
        <v>0</v>
      </c>
      <c r="N1301" s="56">
        <f>IF(Input!$D$19=1,J1301*Input!$C$19,0)+IF(Input!$D$20=1,K1301*Input!$C$20,0)+IF(Input!$D$21=1,L1301*Input!$C$21,0)+IF(Input!$D$22=1,M1301*Input!$C$22,0)</f>
        <v>0.11952508439137675</v>
      </c>
      <c r="O1301" s="59">
        <f>IF(Input!$D$19=2,J1301*Input!$C$19,0)+IF(Input!$D$20=2,K1301*Input!$C$20,0)+IF(Input!$D$21=2,L1301*Input!$C$21,0)+IF(Input!$D$22=2,M1301*Input!$C$22,0)</f>
        <v>0.29881271097844186</v>
      </c>
      <c r="P1301" s="59">
        <f>IF(Input!$D$19=3,J1301*Input!$C$19,0)+IF(Input!$D$20=3,K1301*Input!$C$20,0)+IF(Input!$D$21=3,L1301*Input!$C$21,0)+IF(Input!$D$22=3,M1301*Input!$C$22,0)</f>
        <v>0</v>
      </c>
      <c r="Q1301" s="75">
        <f>IF(Input!$D$19=4,J1301*Input!$C$19,0)+IF(Input!$D$20=4,K1301*Input!$C$20,0)+IF(Input!$D$21=4,L1301*Input!$C$21,0)+IF(Input!$D$22=4,M1301*Input!$C$22,0)</f>
        <v>0</v>
      </c>
      <c r="R1301" s="58">
        <v>54.08336601752179</v>
      </c>
      <c r="S1301" s="124">
        <f t="shared" si="20"/>
        <v>0.51794203236263259</v>
      </c>
    </row>
    <row r="1302" spans="8:19" x14ac:dyDescent="0.3">
      <c r="H1302" s="44">
        <v>1295</v>
      </c>
      <c r="I1302" s="56">
        <f>Bühler!I1328</f>
        <v>0.11952508439137675</v>
      </c>
      <c r="J1302" s="59">
        <f>Bühler!J1328</f>
        <v>0.39841694797125587</v>
      </c>
      <c r="K1302" s="59">
        <f>Bühler!K1328</f>
        <v>0.59762542195688373</v>
      </c>
      <c r="L1302" s="59">
        <f>Bühler!L1328</f>
        <v>2.868602025393042</v>
      </c>
      <c r="M1302" s="58">
        <f>Bühler!M1328</f>
        <v>0</v>
      </c>
      <c r="N1302" s="56">
        <f>IF(Input!$D$19=1,J1302*Input!$C$19,0)+IF(Input!$D$20=1,K1302*Input!$C$20,0)+IF(Input!$D$21=1,L1302*Input!$C$21,0)+IF(Input!$D$22=1,M1302*Input!$C$22,0)</f>
        <v>0.11952508439137675</v>
      </c>
      <c r="O1302" s="59">
        <f>IF(Input!$D$19=2,J1302*Input!$C$19,0)+IF(Input!$D$20=2,K1302*Input!$C$20,0)+IF(Input!$D$21=2,L1302*Input!$C$21,0)+IF(Input!$D$22=2,M1302*Input!$C$22,0)</f>
        <v>0.29881271097844186</v>
      </c>
      <c r="P1302" s="59">
        <f>IF(Input!$D$19=3,J1302*Input!$C$19,0)+IF(Input!$D$20=3,K1302*Input!$C$20,0)+IF(Input!$D$21=3,L1302*Input!$C$21,0)+IF(Input!$D$22=3,M1302*Input!$C$22,0)</f>
        <v>0</v>
      </c>
      <c r="Q1302" s="75">
        <f>IF(Input!$D$19=4,J1302*Input!$C$19,0)+IF(Input!$D$20=4,K1302*Input!$C$20,0)+IF(Input!$D$21=4,L1302*Input!$C$21,0)+IF(Input!$D$22=4,M1302*Input!$C$22,0)</f>
        <v>0</v>
      </c>
      <c r="R1302" s="58">
        <v>54.167187086709454</v>
      </c>
      <c r="S1302" s="124">
        <f t="shared" si="20"/>
        <v>0.51794203236263259</v>
      </c>
    </row>
    <row r="1303" spans="8:19" x14ac:dyDescent="0.3">
      <c r="H1303" s="44">
        <v>1296</v>
      </c>
      <c r="I1303" s="56">
        <f>Bühler!I1329</f>
        <v>0.11952508439137675</v>
      </c>
      <c r="J1303" s="59">
        <f>Bühler!J1329</f>
        <v>0.39841694797125587</v>
      </c>
      <c r="K1303" s="59">
        <f>Bühler!K1329</f>
        <v>0.59762542195688373</v>
      </c>
      <c r="L1303" s="59">
        <f>Bühler!L1329</f>
        <v>2.868602025393042</v>
      </c>
      <c r="M1303" s="58">
        <f>Bühler!M1329</f>
        <v>0</v>
      </c>
      <c r="N1303" s="56">
        <f>IF(Input!$D$19=1,J1303*Input!$C$19,0)+IF(Input!$D$20=1,K1303*Input!$C$20,0)+IF(Input!$D$21=1,L1303*Input!$C$21,0)+IF(Input!$D$22=1,M1303*Input!$C$22,0)</f>
        <v>0.11952508439137675</v>
      </c>
      <c r="O1303" s="59">
        <f>IF(Input!$D$19=2,J1303*Input!$C$19,0)+IF(Input!$D$20=2,K1303*Input!$C$20,0)+IF(Input!$D$21=2,L1303*Input!$C$21,0)+IF(Input!$D$22=2,M1303*Input!$C$22,0)</f>
        <v>0.29881271097844186</v>
      </c>
      <c r="P1303" s="59">
        <f>IF(Input!$D$19=3,J1303*Input!$C$19,0)+IF(Input!$D$20=3,K1303*Input!$C$20,0)+IF(Input!$D$21=3,L1303*Input!$C$21,0)+IF(Input!$D$22=3,M1303*Input!$C$22,0)</f>
        <v>0</v>
      </c>
      <c r="Q1303" s="75">
        <f>IF(Input!$D$19=4,J1303*Input!$C$19,0)+IF(Input!$D$20=4,K1303*Input!$C$20,0)+IF(Input!$D$21=4,L1303*Input!$C$21,0)+IF(Input!$D$22=4,M1303*Input!$C$22,0)</f>
        <v>0</v>
      </c>
      <c r="R1303" s="58">
        <v>53.715562746061792</v>
      </c>
      <c r="S1303" s="124">
        <f t="shared" si="20"/>
        <v>0.51794203236263259</v>
      </c>
    </row>
    <row r="1304" spans="8:19" x14ac:dyDescent="0.3">
      <c r="H1304" s="44">
        <v>1297</v>
      </c>
      <c r="I1304" s="56">
        <f>Bühler!I1330</f>
        <v>8.6767656498032156E-2</v>
      </c>
      <c r="J1304" s="59">
        <f>Bühler!J1330</f>
        <v>0.28922552166010723</v>
      </c>
      <c r="K1304" s="59">
        <f>Bühler!K1330</f>
        <v>0.43383828249016088</v>
      </c>
      <c r="L1304" s="59">
        <f>Bühler!L1330</f>
        <v>4.4043876989502184</v>
      </c>
      <c r="M1304" s="58">
        <f>Bühler!M1330</f>
        <v>0</v>
      </c>
      <c r="N1304" s="56">
        <f>IF(Input!$D$19=1,J1304*Input!$C$19,0)+IF(Input!$D$20=1,K1304*Input!$C$20,0)+IF(Input!$D$21=1,L1304*Input!$C$21,0)+IF(Input!$D$22=1,M1304*Input!$C$22,0)</f>
        <v>8.676765649803217E-2</v>
      </c>
      <c r="O1304" s="59">
        <f>IF(Input!$D$19=2,J1304*Input!$C$19,0)+IF(Input!$D$20=2,K1304*Input!$C$20,0)+IF(Input!$D$21=2,L1304*Input!$C$21,0)+IF(Input!$D$22=2,M1304*Input!$C$22,0)</f>
        <v>0.21691914124508044</v>
      </c>
      <c r="P1304" s="59">
        <f>IF(Input!$D$19=3,J1304*Input!$C$19,0)+IF(Input!$D$20=3,K1304*Input!$C$20,0)+IF(Input!$D$21=3,L1304*Input!$C$21,0)+IF(Input!$D$22=3,M1304*Input!$C$22,0)</f>
        <v>0</v>
      </c>
      <c r="Q1304" s="75">
        <f>IF(Input!$D$19=4,J1304*Input!$C$19,0)+IF(Input!$D$20=4,K1304*Input!$C$20,0)+IF(Input!$D$21=4,L1304*Input!$C$21,0)+IF(Input!$D$22=4,M1304*Input!$C$22,0)</f>
        <v>0</v>
      </c>
      <c r="R1304" s="58">
        <v>52.239245105586221</v>
      </c>
      <c r="S1304" s="124">
        <f t="shared" si="20"/>
        <v>0.37599317815813937</v>
      </c>
    </row>
    <row r="1305" spans="8:19" x14ac:dyDescent="0.3">
      <c r="H1305" s="44">
        <v>1298</v>
      </c>
      <c r="I1305" s="56">
        <f>Bühler!I1331</f>
        <v>0.16940351982949139</v>
      </c>
      <c r="J1305" s="59">
        <f>Bühler!J1331</f>
        <v>0.564678399431638</v>
      </c>
      <c r="K1305" s="59">
        <f>Bühler!K1331</f>
        <v>0.84701759914745711</v>
      </c>
      <c r="L1305" s="59">
        <f>Bühler!L1331</f>
        <v>8.5990426503313806</v>
      </c>
      <c r="M1305" s="58">
        <f>Bühler!M1331</f>
        <v>0</v>
      </c>
      <c r="N1305" s="56">
        <f>IF(Input!$D$19=1,J1305*Input!$C$19,0)+IF(Input!$D$20=1,K1305*Input!$C$20,0)+IF(Input!$D$21=1,L1305*Input!$C$21,0)+IF(Input!$D$22=1,M1305*Input!$C$22,0)</f>
        <v>0.16940351982949139</v>
      </c>
      <c r="O1305" s="59">
        <f>IF(Input!$D$19=2,J1305*Input!$C$19,0)+IF(Input!$D$20=2,K1305*Input!$C$20,0)+IF(Input!$D$21=2,L1305*Input!$C$21,0)+IF(Input!$D$22=2,M1305*Input!$C$22,0)</f>
        <v>0.42350879957372856</v>
      </c>
      <c r="P1305" s="59">
        <f>IF(Input!$D$19=3,J1305*Input!$C$19,0)+IF(Input!$D$20=3,K1305*Input!$C$20,0)+IF(Input!$D$21=3,L1305*Input!$C$21,0)+IF(Input!$D$22=3,M1305*Input!$C$22,0)</f>
        <v>0</v>
      </c>
      <c r="Q1305" s="75">
        <f>IF(Input!$D$19=4,J1305*Input!$C$19,0)+IF(Input!$D$20=4,K1305*Input!$C$20,0)+IF(Input!$D$21=4,L1305*Input!$C$21,0)+IF(Input!$D$22=4,M1305*Input!$C$22,0)</f>
        <v>0</v>
      </c>
      <c r="R1305" s="58">
        <v>52.033003398870029</v>
      </c>
      <c r="S1305" s="124">
        <f t="shared" si="20"/>
        <v>0.73408191926112942</v>
      </c>
    </row>
    <row r="1306" spans="8:19" x14ac:dyDescent="0.3">
      <c r="H1306" s="44">
        <v>1299</v>
      </c>
      <c r="I1306" s="56">
        <f>Bühler!I1332</f>
        <v>0.16940351982949139</v>
      </c>
      <c r="J1306" s="59">
        <f>Bühler!J1332</f>
        <v>0.564678399431638</v>
      </c>
      <c r="K1306" s="59">
        <f>Bühler!K1332</f>
        <v>0.84701759914745711</v>
      </c>
      <c r="L1306" s="59">
        <f>Bühler!L1332</f>
        <v>8.5990426503313806</v>
      </c>
      <c r="M1306" s="58">
        <f>Bühler!M1332</f>
        <v>0</v>
      </c>
      <c r="N1306" s="56">
        <f>IF(Input!$D$19=1,J1306*Input!$C$19,0)+IF(Input!$D$20=1,K1306*Input!$C$20,0)+IF(Input!$D$21=1,L1306*Input!$C$21,0)+IF(Input!$D$22=1,M1306*Input!$C$22,0)</f>
        <v>0.16940351982949139</v>
      </c>
      <c r="O1306" s="59">
        <f>IF(Input!$D$19=2,J1306*Input!$C$19,0)+IF(Input!$D$20=2,K1306*Input!$C$20,0)+IF(Input!$D$21=2,L1306*Input!$C$21,0)+IF(Input!$D$22=2,M1306*Input!$C$22,0)</f>
        <v>0.42350879957372856</v>
      </c>
      <c r="P1306" s="59">
        <f>IF(Input!$D$19=3,J1306*Input!$C$19,0)+IF(Input!$D$20=3,K1306*Input!$C$20,0)+IF(Input!$D$21=3,L1306*Input!$C$21,0)+IF(Input!$D$22=3,M1306*Input!$C$22,0)</f>
        <v>0</v>
      </c>
      <c r="Q1306" s="75">
        <f>IF(Input!$D$19=4,J1306*Input!$C$19,0)+IF(Input!$D$20=4,K1306*Input!$C$20,0)+IF(Input!$D$21=4,L1306*Input!$C$21,0)+IF(Input!$D$22=4,M1306*Input!$C$22,0)</f>
        <v>0</v>
      </c>
      <c r="R1306" s="58">
        <v>51.318492415435216</v>
      </c>
      <c r="S1306" s="124">
        <f t="shared" si="20"/>
        <v>0.73408191926112942</v>
      </c>
    </row>
    <row r="1307" spans="8:19" x14ac:dyDescent="0.3">
      <c r="H1307" s="44">
        <v>1300</v>
      </c>
      <c r="I1307" s="56">
        <f>Bühler!I1333</f>
        <v>0.16940351982949139</v>
      </c>
      <c r="J1307" s="59">
        <f>Bühler!J1333</f>
        <v>0.564678399431638</v>
      </c>
      <c r="K1307" s="59">
        <f>Bühler!K1333</f>
        <v>0.84701759914745711</v>
      </c>
      <c r="L1307" s="59">
        <f>Bühler!L1333</f>
        <v>8.5990426503313806</v>
      </c>
      <c r="M1307" s="58">
        <f>Bühler!M1333</f>
        <v>0</v>
      </c>
      <c r="N1307" s="56">
        <f>IF(Input!$D$19=1,J1307*Input!$C$19,0)+IF(Input!$D$20=1,K1307*Input!$C$20,0)+IF(Input!$D$21=1,L1307*Input!$C$21,0)+IF(Input!$D$22=1,M1307*Input!$C$22,0)</f>
        <v>0.16940351982949139</v>
      </c>
      <c r="O1307" s="59">
        <f>IF(Input!$D$19=2,J1307*Input!$C$19,0)+IF(Input!$D$20=2,K1307*Input!$C$20,0)+IF(Input!$D$21=2,L1307*Input!$C$21,0)+IF(Input!$D$22=2,M1307*Input!$C$22,0)</f>
        <v>0.42350879957372856</v>
      </c>
      <c r="P1307" s="59">
        <f>IF(Input!$D$19=3,J1307*Input!$C$19,0)+IF(Input!$D$20=3,K1307*Input!$C$20,0)+IF(Input!$D$21=3,L1307*Input!$C$21,0)+IF(Input!$D$22=3,M1307*Input!$C$22,0)</f>
        <v>0</v>
      </c>
      <c r="Q1307" s="75">
        <f>IF(Input!$D$19=4,J1307*Input!$C$19,0)+IF(Input!$D$20=4,K1307*Input!$C$20,0)+IF(Input!$D$21=4,L1307*Input!$C$21,0)+IF(Input!$D$22=4,M1307*Input!$C$22,0)</f>
        <v>0</v>
      </c>
      <c r="R1307" s="58">
        <v>50.198909953347098</v>
      </c>
      <c r="S1307" s="124">
        <f t="shared" si="20"/>
        <v>0.73408191926112942</v>
      </c>
    </row>
    <row r="1308" spans="8:19" x14ac:dyDescent="0.3">
      <c r="H1308" s="44">
        <v>1301</v>
      </c>
      <c r="I1308" s="56">
        <f>Bühler!I1334</f>
        <v>0.16940351982949139</v>
      </c>
      <c r="J1308" s="59">
        <f>Bühler!J1334</f>
        <v>0.564678399431638</v>
      </c>
      <c r="K1308" s="59">
        <f>Bühler!K1334</f>
        <v>0.84701759914745711</v>
      </c>
      <c r="L1308" s="59">
        <f>Bühler!L1334</f>
        <v>8.5990426503313806</v>
      </c>
      <c r="M1308" s="58">
        <f>Bühler!M1334</f>
        <v>0</v>
      </c>
      <c r="N1308" s="56">
        <f>IF(Input!$D$19=1,J1308*Input!$C$19,0)+IF(Input!$D$20=1,K1308*Input!$C$20,0)+IF(Input!$D$21=1,L1308*Input!$C$21,0)+IF(Input!$D$22=1,M1308*Input!$C$22,0)</f>
        <v>0.16940351982949139</v>
      </c>
      <c r="O1308" s="59">
        <f>IF(Input!$D$19=2,J1308*Input!$C$19,0)+IF(Input!$D$20=2,K1308*Input!$C$20,0)+IF(Input!$D$21=2,L1308*Input!$C$21,0)+IF(Input!$D$22=2,M1308*Input!$C$22,0)</f>
        <v>0.42350879957372856</v>
      </c>
      <c r="P1308" s="59">
        <f>IF(Input!$D$19=3,J1308*Input!$C$19,0)+IF(Input!$D$20=3,K1308*Input!$C$20,0)+IF(Input!$D$21=3,L1308*Input!$C$21,0)+IF(Input!$D$22=3,M1308*Input!$C$22,0)</f>
        <v>0</v>
      </c>
      <c r="Q1308" s="75">
        <f>IF(Input!$D$19=4,J1308*Input!$C$19,0)+IF(Input!$D$20=4,K1308*Input!$C$20,0)+IF(Input!$D$21=4,L1308*Input!$C$21,0)+IF(Input!$D$22=4,M1308*Input!$C$22,0)</f>
        <v>0</v>
      </c>
      <c r="R1308" s="58">
        <v>49.151382375092766</v>
      </c>
      <c r="S1308" s="124">
        <f t="shared" si="20"/>
        <v>0.73408191926112942</v>
      </c>
    </row>
    <row r="1309" spans="8:19" x14ac:dyDescent="0.3">
      <c r="H1309" s="44">
        <v>1302</v>
      </c>
      <c r="I1309" s="56">
        <f>Bühler!I1335</f>
        <v>0.21072145149522103</v>
      </c>
      <c r="J1309" s="59">
        <f>Bühler!J1335</f>
        <v>0.70240483831740352</v>
      </c>
      <c r="K1309" s="59">
        <f>Bühler!K1335</f>
        <v>1.0536072574761053</v>
      </c>
      <c r="L1309" s="59">
        <f>Bühler!L1335</f>
        <v>10.696370126021961</v>
      </c>
      <c r="M1309" s="58">
        <f>Bühler!M1335</f>
        <v>0</v>
      </c>
      <c r="N1309" s="56">
        <f>IF(Input!$D$19=1,J1309*Input!$C$19,0)+IF(Input!$D$20=1,K1309*Input!$C$20,0)+IF(Input!$D$21=1,L1309*Input!$C$21,0)+IF(Input!$D$22=1,M1309*Input!$C$22,0)</f>
        <v>0.21072145149522106</v>
      </c>
      <c r="O1309" s="59">
        <f>IF(Input!$D$19=2,J1309*Input!$C$19,0)+IF(Input!$D$20=2,K1309*Input!$C$20,0)+IF(Input!$D$21=2,L1309*Input!$C$21,0)+IF(Input!$D$22=2,M1309*Input!$C$22,0)</f>
        <v>0.52680362873805264</v>
      </c>
      <c r="P1309" s="59">
        <f>IF(Input!$D$19=3,J1309*Input!$C$19,0)+IF(Input!$D$20=3,K1309*Input!$C$20,0)+IF(Input!$D$21=3,L1309*Input!$C$21,0)+IF(Input!$D$22=3,M1309*Input!$C$22,0)</f>
        <v>0</v>
      </c>
      <c r="Q1309" s="75">
        <f>IF(Input!$D$19=4,J1309*Input!$C$19,0)+IF(Input!$D$20=4,K1309*Input!$C$20,0)+IF(Input!$D$21=4,L1309*Input!$C$21,0)+IF(Input!$D$22=4,M1309*Input!$C$22,0)</f>
        <v>0</v>
      </c>
      <c r="R1309" s="58">
        <v>48.419967406376962</v>
      </c>
      <c r="S1309" s="124">
        <f t="shared" si="20"/>
        <v>0.91312628981262456</v>
      </c>
    </row>
    <row r="1310" spans="8:19" x14ac:dyDescent="0.3">
      <c r="H1310" s="44">
        <v>1303</v>
      </c>
      <c r="I1310" s="56">
        <f>Bühler!I1336</f>
        <v>0.26443476266066951</v>
      </c>
      <c r="J1310" s="59">
        <f>Bühler!J1336</f>
        <v>0.88144920886889844</v>
      </c>
      <c r="K1310" s="59">
        <f>Bühler!K1336</f>
        <v>1.3221738133033476</v>
      </c>
      <c r="L1310" s="59">
        <f>Bühler!L1336</f>
        <v>13.422895844419717</v>
      </c>
      <c r="M1310" s="58">
        <f>Bühler!M1336</f>
        <v>0</v>
      </c>
      <c r="N1310" s="56">
        <f>IF(Input!$D$19=1,J1310*Input!$C$19,0)+IF(Input!$D$20=1,K1310*Input!$C$20,0)+IF(Input!$D$21=1,L1310*Input!$C$21,0)+IF(Input!$D$22=1,M1310*Input!$C$22,0)</f>
        <v>0.26443476266066951</v>
      </c>
      <c r="O1310" s="59">
        <f>IF(Input!$D$19=2,J1310*Input!$C$19,0)+IF(Input!$D$20=2,K1310*Input!$C$20,0)+IF(Input!$D$21=2,L1310*Input!$C$21,0)+IF(Input!$D$22=2,M1310*Input!$C$22,0)</f>
        <v>0.6610869066516738</v>
      </c>
      <c r="P1310" s="59">
        <f>IF(Input!$D$19=3,J1310*Input!$C$19,0)+IF(Input!$D$20=3,K1310*Input!$C$20,0)+IF(Input!$D$21=3,L1310*Input!$C$21,0)+IF(Input!$D$22=3,M1310*Input!$C$22,0)</f>
        <v>0</v>
      </c>
      <c r="Q1310" s="75">
        <f>IF(Input!$D$19=4,J1310*Input!$C$19,0)+IF(Input!$D$20=4,K1310*Input!$C$20,0)+IF(Input!$D$21=4,L1310*Input!$C$21,0)+IF(Input!$D$22=4,M1310*Input!$C$22,0)</f>
        <v>0</v>
      </c>
      <c r="R1310" s="58">
        <v>48.852039514389553</v>
      </c>
      <c r="S1310" s="124">
        <f t="shared" si="20"/>
        <v>1.1458839715295679</v>
      </c>
    </row>
    <row r="1311" spans="8:19" x14ac:dyDescent="0.3">
      <c r="H1311" s="44">
        <v>1304</v>
      </c>
      <c r="I1311" s="56">
        <f>Bühler!I1337</f>
        <v>0.30162090115982609</v>
      </c>
      <c r="J1311" s="59">
        <f>Bühler!J1337</f>
        <v>1.0054030038660871</v>
      </c>
      <c r="K1311" s="59">
        <f>Bühler!K1337</f>
        <v>1.5081045057991307</v>
      </c>
      <c r="L1311" s="59">
        <f>Bühler!L1337</f>
        <v>15.310490572541241</v>
      </c>
      <c r="M1311" s="58">
        <f>Bühler!M1337</f>
        <v>0</v>
      </c>
      <c r="N1311" s="56">
        <f>IF(Input!$D$19=1,J1311*Input!$C$19,0)+IF(Input!$D$20=1,K1311*Input!$C$20,0)+IF(Input!$D$21=1,L1311*Input!$C$21,0)+IF(Input!$D$22=1,M1311*Input!$C$22,0)</f>
        <v>0.30162090115982609</v>
      </c>
      <c r="O1311" s="59">
        <f>IF(Input!$D$19=2,J1311*Input!$C$19,0)+IF(Input!$D$20=2,K1311*Input!$C$20,0)+IF(Input!$D$21=2,L1311*Input!$C$21,0)+IF(Input!$D$22=2,M1311*Input!$C$22,0)</f>
        <v>0.75405225289956535</v>
      </c>
      <c r="P1311" s="59">
        <f>IF(Input!$D$19=3,J1311*Input!$C$19,0)+IF(Input!$D$20=3,K1311*Input!$C$20,0)+IF(Input!$D$21=3,L1311*Input!$C$21,0)+IF(Input!$D$22=3,M1311*Input!$C$22,0)</f>
        <v>0</v>
      </c>
      <c r="Q1311" s="75">
        <f>IF(Input!$D$19=4,J1311*Input!$C$19,0)+IF(Input!$D$20=4,K1311*Input!$C$20,0)+IF(Input!$D$21=4,L1311*Input!$C$21,0)+IF(Input!$D$22=4,M1311*Input!$C$22,0)</f>
        <v>0</v>
      </c>
      <c r="R1311" s="58">
        <v>48.286225148555474</v>
      </c>
      <c r="S1311" s="124">
        <f t="shared" si="20"/>
        <v>1.3070239050259131</v>
      </c>
    </row>
    <row r="1312" spans="8:19" x14ac:dyDescent="0.3">
      <c r="H1312" s="44">
        <v>1305</v>
      </c>
      <c r="I1312" s="56">
        <f>Bühler!I1338</f>
        <v>0.30162090115982609</v>
      </c>
      <c r="J1312" s="59">
        <f>Bühler!J1338</f>
        <v>1.0054030038660871</v>
      </c>
      <c r="K1312" s="59">
        <f>Bühler!K1338</f>
        <v>1.5081045057991307</v>
      </c>
      <c r="L1312" s="59">
        <f>Bühler!L1338</f>
        <v>15.310490572541241</v>
      </c>
      <c r="M1312" s="58">
        <f>Bühler!M1338</f>
        <v>0</v>
      </c>
      <c r="N1312" s="56">
        <f>IF(Input!$D$19=1,J1312*Input!$C$19,0)+IF(Input!$D$20=1,K1312*Input!$C$20,0)+IF(Input!$D$21=1,L1312*Input!$C$21,0)+IF(Input!$D$22=1,M1312*Input!$C$22,0)</f>
        <v>0.30162090115982609</v>
      </c>
      <c r="O1312" s="59">
        <f>IF(Input!$D$19=2,J1312*Input!$C$19,0)+IF(Input!$D$20=2,K1312*Input!$C$20,0)+IF(Input!$D$21=2,L1312*Input!$C$21,0)+IF(Input!$D$22=2,M1312*Input!$C$22,0)</f>
        <v>0.75405225289956535</v>
      </c>
      <c r="P1312" s="59">
        <f>IF(Input!$D$19=3,J1312*Input!$C$19,0)+IF(Input!$D$20=3,K1312*Input!$C$20,0)+IF(Input!$D$21=3,L1312*Input!$C$21,0)+IF(Input!$D$22=3,M1312*Input!$C$22,0)</f>
        <v>0</v>
      </c>
      <c r="Q1312" s="75">
        <f>IF(Input!$D$19=4,J1312*Input!$C$19,0)+IF(Input!$D$20=4,K1312*Input!$C$20,0)+IF(Input!$D$21=4,L1312*Input!$C$21,0)+IF(Input!$D$22=4,M1312*Input!$C$22,0)</f>
        <v>0</v>
      </c>
      <c r="R1312" s="58">
        <v>47.722657987906565</v>
      </c>
      <c r="S1312" s="124">
        <f t="shared" si="20"/>
        <v>1.3070239050259131</v>
      </c>
    </row>
    <row r="1313" spans="8:19" x14ac:dyDescent="0.3">
      <c r="H1313" s="44">
        <v>1306</v>
      </c>
      <c r="I1313" s="56">
        <f>Bühler!I1339</f>
        <v>0.30162090115982609</v>
      </c>
      <c r="J1313" s="59">
        <f>Bühler!J1339</f>
        <v>1.0054030038660871</v>
      </c>
      <c r="K1313" s="59">
        <f>Bühler!K1339</f>
        <v>1.5081045057991307</v>
      </c>
      <c r="L1313" s="59">
        <f>Bühler!L1339</f>
        <v>15.310490572541241</v>
      </c>
      <c r="M1313" s="58">
        <f>Bühler!M1339</f>
        <v>0</v>
      </c>
      <c r="N1313" s="56">
        <f>IF(Input!$D$19=1,J1313*Input!$C$19,0)+IF(Input!$D$20=1,K1313*Input!$C$20,0)+IF(Input!$D$21=1,L1313*Input!$C$21,0)+IF(Input!$D$22=1,M1313*Input!$C$22,0)</f>
        <v>0.30162090115982609</v>
      </c>
      <c r="O1313" s="59">
        <f>IF(Input!$D$19=2,J1313*Input!$C$19,0)+IF(Input!$D$20=2,K1313*Input!$C$20,0)+IF(Input!$D$21=2,L1313*Input!$C$21,0)+IF(Input!$D$22=2,M1313*Input!$C$22,0)</f>
        <v>0.75405225289956535</v>
      </c>
      <c r="P1313" s="59">
        <f>IF(Input!$D$19=3,J1313*Input!$C$19,0)+IF(Input!$D$20=3,K1313*Input!$C$20,0)+IF(Input!$D$21=3,L1313*Input!$C$21,0)+IF(Input!$D$22=3,M1313*Input!$C$22,0)</f>
        <v>0</v>
      </c>
      <c r="Q1313" s="75">
        <f>IF(Input!$D$19=4,J1313*Input!$C$19,0)+IF(Input!$D$20=4,K1313*Input!$C$20,0)+IF(Input!$D$21=4,L1313*Input!$C$21,0)+IF(Input!$D$22=4,M1313*Input!$C$22,0)</f>
        <v>0</v>
      </c>
      <c r="R1313" s="58">
        <v>46.737527291118738</v>
      </c>
      <c r="S1313" s="124">
        <f t="shared" si="20"/>
        <v>1.3070239050259131</v>
      </c>
    </row>
    <row r="1314" spans="8:19" x14ac:dyDescent="0.3">
      <c r="H1314" s="44">
        <v>1307</v>
      </c>
      <c r="I1314" s="56">
        <f>Bühler!I1340</f>
        <v>0.30162090115982609</v>
      </c>
      <c r="J1314" s="59">
        <f>Bühler!J1340</f>
        <v>1.0054030038660871</v>
      </c>
      <c r="K1314" s="59">
        <f>Bühler!K1340</f>
        <v>1.5081045057991307</v>
      </c>
      <c r="L1314" s="59">
        <f>Bühler!L1340</f>
        <v>15.310490572541241</v>
      </c>
      <c r="M1314" s="58">
        <f>Bühler!M1340</f>
        <v>0</v>
      </c>
      <c r="N1314" s="56">
        <f>IF(Input!$D$19=1,J1314*Input!$C$19,0)+IF(Input!$D$20=1,K1314*Input!$C$20,0)+IF(Input!$D$21=1,L1314*Input!$C$21,0)+IF(Input!$D$22=1,M1314*Input!$C$22,0)</f>
        <v>0.30162090115982609</v>
      </c>
      <c r="O1314" s="59">
        <f>IF(Input!$D$19=2,J1314*Input!$C$19,0)+IF(Input!$D$20=2,K1314*Input!$C$20,0)+IF(Input!$D$21=2,L1314*Input!$C$21,0)+IF(Input!$D$22=2,M1314*Input!$C$22,0)</f>
        <v>0.75405225289956535</v>
      </c>
      <c r="P1314" s="59">
        <f>IF(Input!$D$19=3,J1314*Input!$C$19,0)+IF(Input!$D$20=3,K1314*Input!$C$20,0)+IF(Input!$D$21=3,L1314*Input!$C$21,0)+IF(Input!$D$22=3,M1314*Input!$C$22,0)</f>
        <v>0</v>
      </c>
      <c r="Q1314" s="75">
        <f>IF(Input!$D$19=4,J1314*Input!$C$19,0)+IF(Input!$D$20=4,K1314*Input!$C$20,0)+IF(Input!$D$21=4,L1314*Input!$C$21,0)+IF(Input!$D$22=4,M1314*Input!$C$22,0)</f>
        <v>0</v>
      </c>
      <c r="R1314" s="58">
        <v>47.040678885409172</v>
      </c>
      <c r="S1314" s="124">
        <f t="shared" si="20"/>
        <v>1.3070239050259131</v>
      </c>
    </row>
    <row r="1315" spans="8:19" x14ac:dyDescent="0.3">
      <c r="H1315" s="44">
        <v>1308</v>
      </c>
      <c r="I1315" s="56">
        <f>Bühler!I1341</f>
        <v>0.30162090115982609</v>
      </c>
      <c r="J1315" s="59">
        <f>Bühler!J1341</f>
        <v>1.0054030038660871</v>
      </c>
      <c r="K1315" s="59">
        <f>Bühler!K1341</f>
        <v>1.5081045057991307</v>
      </c>
      <c r="L1315" s="59">
        <f>Bühler!L1341</f>
        <v>15.310490572541241</v>
      </c>
      <c r="M1315" s="58">
        <f>Bühler!M1341</f>
        <v>0</v>
      </c>
      <c r="N1315" s="56">
        <f>IF(Input!$D$19=1,J1315*Input!$C$19,0)+IF(Input!$D$20=1,K1315*Input!$C$20,0)+IF(Input!$D$21=1,L1315*Input!$C$21,0)+IF(Input!$D$22=1,M1315*Input!$C$22,0)</f>
        <v>0.30162090115982609</v>
      </c>
      <c r="O1315" s="59">
        <f>IF(Input!$D$19=2,J1315*Input!$C$19,0)+IF(Input!$D$20=2,K1315*Input!$C$20,0)+IF(Input!$D$21=2,L1315*Input!$C$21,0)+IF(Input!$D$22=2,M1315*Input!$C$22,0)</f>
        <v>0.75405225289956535</v>
      </c>
      <c r="P1315" s="59">
        <f>IF(Input!$D$19=3,J1315*Input!$C$19,0)+IF(Input!$D$20=3,K1315*Input!$C$20,0)+IF(Input!$D$21=3,L1315*Input!$C$21,0)+IF(Input!$D$22=3,M1315*Input!$C$22,0)</f>
        <v>0</v>
      </c>
      <c r="Q1315" s="75">
        <f>IF(Input!$D$19=4,J1315*Input!$C$19,0)+IF(Input!$D$20=4,K1315*Input!$C$20,0)+IF(Input!$D$21=4,L1315*Input!$C$21,0)+IF(Input!$D$22=4,M1315*Input!$C$22,0)</f>
        <v>0</v>
      </c>
      <c r="R1315" s="58">
        <v>46.979232328937485</v>
      </c>
      <c r="S1315" s="124">
        <f t="shared" si="20"/>
        <v>1.3070239050259131</v>
      </c>
    </row>
    <row r="1316" spans="8:19" x14ac:dyDescent="0.3">
      <c r="H1316" s="44">
        <v>1309</v>
      </c>
      <c r="I1316" s="56">
        <f>Bühler!I1342</f>
        <v>0.30162090115982609</v>
      </c>
      <c r="J1316" s="59">
        <f>Bühler!J1342</f>
        <v>1.0054030038660871</v>
      </c>
      <c r="K1316" s="59">
        <f>Bühler!K1342</f>
        <v>1.5081045057991307</v>
      </c>
      <c r="L1316" s="59">
        <f>Bühler!L1342</f>
        <v>15.310490572541241</v>
      </c>
      <c r="M1316" s="58">
        <f>Bühler!M1342</f>
        <v>0</v>
      </c>
      <c r="N1316" s="56">
        <f>IF(Input!$D$19=1,J1316*Input!$C$19,0)+IF(Input!$D$20=1,K1316*Input!$C$20,0)+IF(Input!$D$21=1,L1316*Input!$C$21,0)+IF(Input!$D$22=1,M1316*Input!$C$22,0)</f>
        <v>0.30162090115982609</v>
      </c>
      <c r="O1316" s="59">
        <f>IF(Input!$D$19=2,J1316*Input!$C$19,0)+IF(Input!$D$20=2,K1316*Input!$C$20,0)+IF(Input!$D$21=2,L1316*Input!$C$21,0)+IF(Input!$D$22=2,M1316*Input!$C$22,0)</f>
        <v>0.75405225289956535</v>
      </c>
      <c r="P1316" s="59">
        <f>IF(Input!$D$19=3,J1316*Input!$C$19,0)+IF(Input!$D$20=3,K1316*Input!$C$20,0)+IF(Input!$D$21=3,L1316*Input!$C$21,0)+IF(Input!$D$22=3,M1316*Input!$C$22,0)</f>
        <v>0</v>
      </c>
      <c r="Q1316" s="75">
        <f>IF(Input!$D$19=4,J1316*Input!$C$19,0)+IF(Input!$D$20=4,K1316*Input!$C$20,0)+IF(Input!$D$21=4,L1316*Input!$C$21,0)+IF(Input!$D$22=4,M1316*Input!$C$22,0)</f>
        <v>0</v>
      </c>
      <c r="R1316" s="58">
        <v>46.002319044443865</v>
      </c>
      <c r="S1316" s="124">
        <f t="shared" si="20"/>
        <v>1.3070239050259131</v>
      </c>
    </row>
    <row r="1317" spans="8:19" x14ac:dyDescent="0.3">
      <c r="H1317" s="44">
        <v>1310</v>
      </c>
      <c r="I1317" s="56">
        <f>Bühler!I1343</f>
        <v>0.30162090115982609</v>
      </c>
      <c r="J1317" s="59">
        <f>Bühler!J1343</f>
        <v>1.0054030038660871</v>
      </c>
      <c r="K1317" s="59">
        <f>Bühler!K1343</f>
        <v>1.5081045057991307</v>
      </c>
      <c r="L1317" s="59">
        <f>Bühler!L1343</f>
        <v>15.310490572541241</v>
      </c>
      <c r="M1317" s="58">
        <f>Bühler!M1343</f>
        <v>0</v>
      </c>
      <c r="N1317" s="56">
        <f>IF(Input!$D$19=1,J1317*Input!$C$19,0)+IF(Input!$D$20=1,K1317*Input!$C$20,0)+IF(Input!$D$21=1,L1317*Input!$C$21,0)+IF(Input!$D$22=1,M1317*Input!$C$22,0)</f>
        <v>0.30162090115982609</v>
      </c>
      <c r="O1317" s="59">
        <f>IF(Input!$D$19=2,J1317*Input!$C$19,0)+IF(Input!$D$20=2,K1317*Input!$C$20,0)+IF(Input!$D$21=2,L1317*Input!$C$21,0)+IF(Input!$D$22=2,M1317*Input!$C$22,0)</f>
        <v>0.75405225289956535</v>
      </c>
      <c r="P1317" s="59">
        <f>IF(Input!$D$19=3,J1317*Input!$C$19,0)+IF(Input!$D$20=3,K1317*Input!$C$20,0)+IF(Input!$D$21=3,L1317*Input!$C$21,0)+IF(Input!$D$22=3,M1317*Input!$C$22,0)</f>
        <v>0</v>
      </c>
      <c r="Q1317" s="75">
        <f>IF(Input!$D$19=4,J1317*Input!$C$19,0)+IF(Input!$D$20=4,K1317*Input!$C$20,0)+IF(Input!$D$21=4,L1317*Input!$C$21,0)+IF(Input!$D$22=4,M1317*Input!$C$22,0)</f>
        <v>0</v>
      </c>
      <c r="R1317" s="58">
        <v>45.311808552881089</v>
      </c>
      <c r="S1317" s="124">
        <f t="shared" si="20"/>
        <v>1.3070239050259131</v>
      </c>
    </row>
    <row r="1318" spans="8:19" x14ac:dyDescent="0.3">
      <c r="H1318" s="44">
        <v>1311</v>
      </c>
      <c r="I1318" s="56">
        <f>Bühler!I1344</f>
        <v>0.30162090115982609</v>
      </c>
      <c r="J1318" s="59">
        <f>Bühler!J1344</f>
        <v>1.0054030038660871</v>
      </c>
      <c r="K1318" s="59">
        <f>Bühler!K1344</f>
        <v>1.5081045057991307</v>
      </c>
      <c r="L1318" s="59">
        <f>Bühler!L1344</f>
        <v>15.310490572541241</v>
      </c>
      <c r="M1318" s="58">
        <f>Bühler!M1344</f>
        <v>0</v>
      </c>
      <c r="N1318" s="56">
        <f>IF(Input!$D$19=1,J1318*Input!$C$19,0)+IF(Input!$D$20=1,K1318*Input!$C$20,0)+IF(Input!$D$21=1,L1318*Input!$C$21,0)+IF(Input!$D$22=1,M1318*Input!$C$22,0)</f>
        <v>0.30162090115982609</v>
      </c>
      <c r="O1318" s="59">
        <f>IF(Input!$D$19=2,J1318*Input!$C$19,0)+IF(Input!$D$20=2,K1318*Input!$C$20,0)+IF(Input!$D$21=2,L1318*Input!$C$21,0)+IF(Input!$D$22=2,M1318*Input!$C$22,0)</f>
        <v>0.75405225289956535</v>
      </c>
      <c r="P1318" s="59">
        <f>IF(Input!$D$19=3,J1318*Input!$C$19,0)+IF(Input!$D$20=3,K1318*Input!$C$20,0)+IF(Input!$D$21=3,L1318*Input!$C$21,0)+IF(Input!$D$22=3,M1318*Input!$C$22,0)</f>
        <v>0</v>
      </c>
      <c r="Q1318" s="75">
        <f>IF(Input!$D$19=4,J1318*Input!$C$19,0)+IF(Input!$D$20=4,K1318*Input!$C$20,0)+IF(Input!$D$21=4,L1318*Input!$C$21,0)+IF(Input!$D$22=4,M1318*Input!$C$22,0)</f>
        <v>0</v>
      </c>
      <c r="R1318" s="58">
        <v>45.003285813982984</v>
      </c>
      <c r="S1318" s="124">
        <f t="shared" si="20"/>
        <v>1.3070239050259131</v>
      </c>
    </row>
    <row r="1319" spans="8:19" x14ac:dyDescent="0.3">
      <c r="H1319" s="44">
        <v>1312</v>
      </c>
      <c r="I1319" s="56">
        <f>Bühler!I1345</f>
        <v>0.2726983489938154</v>
      </c>
      <c r="J1319" s="59">
        <f>Bühler!J1345</f>
        <v>0.90899449664605148</v>
      </c>
      <c r="K1319" s="59">
        <f>Bühler!K1345</f>
        <v>1.3634917449690771</v>
      </c>
      <c r="L1319" s="59">
        <f>Bühler!L1345</f>
        <v>13.842361339557833</v>
      </c>
      <c r="M1319" s="58">
        <f>Bühler!M1345</f>
        <v>0</v>
      </c>
      <c r="N1319" s="56">
        <f>IF(Input!$D$19=1,J1319*Input!$C$19,0)+IF(Input!$D$20=1,K1319*Input!$C$20,0)+IF(Input!$D$21=1,L1319*Input!$C$21,0)+IF(Input!$D$22=1,M1319*Input!$C$22,0)</f>
        <v>0.27269834899381545</v>
      </c>
      <c r="O1319" s="59">
        <f>IF(Input!$D$19=2,J1319*Input!$C$19,0)+IF(Input!$D$20=2,K1319*Input!$C$20,0)+IF(Input!$D$21=2,L1319*Input!$C$21,0)+IF(Input!$D$22=2,M1319*Input!$C$22,0)</f>
        <v>0.68174587248453855</v>
      </c>
      <c r="P1319" s="59">
        <f>IF(Input!$D$19=3,J1319*Input!$C$19,0)+IF(Input!$D$20=3,K1319*Input!$C$20,0)+IF(Input!$D$21=3,L1319*Input!$C$21,0)+IF(Input!$D$22=3,M1319*Input!$C$22,0)</f>
        <v>0</v>
      </c>
      <c r="Q1319" s="75">
        <f>IF(Input!$D$19=4,J1319*Input!$C$19,0)+IF(Input!$D$20=4,K1319*Input!$C$20,0)+IF(Input!$D$21=4,L1319*Input!$C$21,0)+IF(Input!$D$22=4,M1319*Input!$C$22,0)</f>
        <v>0</v>
      </c>
      <c r="R1319" s="58">
        <v>44.491383032842151</v>
      </c>
      <c r="S1319" s="124">
        <f t="shared" si="20"/>
        <v>1.181692845639867</v>
      </c>
    </row>
    <row r="1320" spans="8:19" x14ac:dyDescent="0.3">
      <c r="H1320" s="44">
        <v>1313</v>
      </c>
      <c r="I1320" s="56">
        <f>Bühler!I1346</f>
        <v>0.24790758999437762</v>
      </c>
      <c r="J1320" s="59">
        <f>Bühler!J1346</f>
        <v>0.82635863331459214</v>
      </c>
      <c r="K1320" s="59">
        <f>Bühler!K1346</f>
        <v>1.2395379499718882</v>
      </c>
      <c r="L1320" s="59">
        <f>Bühler!L1346</f>
        <v>12.583964854143483</v>
      </c>
      <c r="M1320" s="58">
        <f>Bühler!M1346</f>
        <v>0</v>
      </c>
      <c r="N1320" s="56">
        <f>IF(Input!$D$19=1,J1320*Input!$C$19,0)+IF(Input!$D$20=1,K1320*Input!$C$20,0)+IF(Input!$D$21=1,L1320*Input!$C$21,0)+IF(Input!$D$22=1,M1320*Input!$C$22,0)</f>
        <v>0.24790758999437762</v>
      </c>
      <c r="O1320" s="59">
        <f>IF(Input!$D$19=2,J1320*Input!$C$19,0)+IF(Input!$D$20=2,K1320*Input!$C$20,0)+IF(Input!$D$21=2,L1320*Input!$C$21,0)+IF(Input!$D$22=2,M1320*Input!$C$22,0)</f>
        <v>0.61976897498594408</v>
      </c>
      <c r="P1320" s="59">
        <f>IF(Input!$D$19=3,J1320*Input!$C$19,0)+IF(Input!$D$20=3,K1320*Input!$C$20,0)+IF(Input!$D$21=3,L1320*Input!$C$21,0)+IF(Input!$D$22=3,M1320*Input!$C$22,0)</f>
        <v>0</v>
      </c>
      <c r="Q1320" s="75">
        <f>IF(Input!$D$19=4,J1320*Input!$C$19,0)+IF(Input!$D$20=4,K1320*Input!$C$20,0)+IF(Input!$D$21=4,L1320*Input!$C$21,0)+IF(Input!$D$22=4,M1320*Input!$C$22,0)</f>
        <v>0</v>
      </c>
      <c r="R1320" s="58">
        <v>43.604119844935163</v>
      </c>
      <c r="S1320" s="124">
        <f t="shared" si="20"/>
        <v>1.0742662233089697</v>
      </c>
    </row>
    <row r="1321" spans="8:19" x14ac:dyDescent="0.3">
      <c r="H1321" s="44">
        <v>1314</v>
      </c>
      <c r="I1321" s="56">
        <f>Bühler!I1347</f>
        <v>0.2231168309949399</v>
      </c>
      <c r="J1321" s="59">
        <f>Bühler!J1347</f>
        <v>0.74372276998313303</v>
      </c>
      <c r="K1321" s="59">
        <f>Bühler!K1347</f>
        <v>1.1155841549746996</v>
      </c>
      <c r="L1321" s="59">
        <f>Bühler!L1347</f>
        <v>11.325568368729137</v>
      </c>
      <c r="M1321" s="58">
        <f>Bühler!M1347</f>
        <v>0</v>
      </c>
      <c r="N1321" s="56">
        <f>IF(Input!$D$19=1,J1321*Input!$C$19,0)+IF(Input!$D$20=1,K1321*Input!$C$20,0)+IF(Input!$D$21=1,L1321*Input!$C$21,0)+IF(Input!$D$22=1,M1321*Input!$C$22,0)</f>
        <v>0.2231168309949399</v>
      </c>
      <c r="O1321" s="59">
        <f>IF(Input!$D$19=2,J1321*Input!$C$19,0)+IF(Input!$D$20=2,K1321*Input!$C$20,0)+IF(Input!$D$21=2,L1321*Input!$C$21,0)+IF(Input!$D$22=2,M1321*Input!$C$22,0)</f>
        <v>0.55779207748734982</v>
      </c>
      <c r="P1321" s="59">
        <f>IF(Input!$D$19=3,J1321*Input!$C$19,0)+IF(Input!$D$20=3,K1321*Input!$C$20,0)+IF(Input!$D$21=3,L1321*Input!$C$21,0)+IF(Input!$D$22=3,M1321*Input!$C$22,0)</f>
        <v>0</v>
      </c>
      <c r="Q1321" s="75">
        <f>IF(Input!$D$19=4,J1321*Input!$C$19,0)+IF(Input!$D$20=4,K1321*Input!$C$20,0)+IF(Input!$D$21=4,L1321*Input!$C$21,0)+IF(Input!$D$22=4,M1321*Input!$C$22,0)</f>
        <v>0</v>
      </c>
      <c r="R1321" s="58">
        <v>42.829862934084218</v>
      </c>
      <c r="S1321" s="124">
        <f t="shared" si="20"/>
        <v>0.96683960097807287</v>
      </c>
    </row>
    <row r="1322" spans="8:19" x14ac:dyDescent="0.3">
      <c r="H1322" s="44">
        <v>1315</v>
      </c>
      <c r="I1322" s="56">
        <f>Bühler!I1348</f>
        <v>0.21485324466179395</v>
      </c>
      <c r="J1322" s="59">
        <f>Bühler!J1348</f>
        <v>0.71617748220597988</v>
      </c>
      <c r="K1322" s="59">
        <f>Bühler!K1348</f>
        <v>1.0742662233089699</v>
      </c>
      <c r="L1322" s="59">
        <f>Bühler!L1348</f>
        <v>10.906102873591019</v>
      </c>
      <c r="M1322" s="58">
        <f>Bühler!M1348</f>
        <v>0</v>
      </c>
      <c r="N1322" s="56">
        <f>IF(Input!$D$19=1,J1322*Input!$C$19,0)+IF(Input!$D$20=1,K1322*Input!$C$20,0)+IF(Input!$D$21=1,L1322*Input!$C$21,0)+IF(Input!$D$22=1,M1322*Input!$C$22,0)</f>
        <v>0.21485324466179395</v>
      </c>
      <c r="O1322" s="59">
        <f>IF(Input!$D$19=2,J1322*Input!$C$19,0)+IF(Input!$D$20=2,K1322*Input!$C$20,0)+IF(Input!$D$21=2,L1322*Input!$C$21,0)+IF(Input!$D$22=2,M1322*Input!$C$22,0)</f>
        <v>0.53713311165448496</v>
      </c>
      <c r="P1322" s="59">
        <f>IF(Input!$D$19=3,J1322*Input!$C$19,0)+IF(Input!$D$20=3,K1322*Input!$C$20,0)+IF(Input!$D$21=3,L1322*Input!$C$21,0)+IF(Input!$D$22=3,M1322*Input!$C$22,0)</f>
        <v>0</v>
      </c>
      <c r="Q1322" s="75">
        <f>IF(Input!$D$19=4,J1322*Input!$C$19,0)+IF(Input!$D$20=4,K1322*Input!$C$20,0)+IF(Input!$D$21=4,L1322*Input!$C$21,0)+IF(Input!$D$22=4,M1322*Input!$C$22,0)</f>
        <v>0</v>
      </c>
      <c r="R1322" s="58">
        <v>42.160270085759066</v>
      </c>
      <c r="S1322" s="124">
        <f t="shared" si="20"/>
        <v>0.93103072686777377</v>
      </c>
    </row>
    <row r="1323" spans="8:19" x14ac:dyDescent="0.3">
      <c r="H1323" s="44">
        <v>1316</v>
      </c>
      <c r="I1323" s="56">
        <f>Bühler!I1349</f>
        <v>0.17353531299606431</v>
      </c>
      <c r="J1323" s="59">
        <f>Bühler!J1349</f>
        <v>0.57845104332021446</v>
      </c>
      <c r="K1323" s="59">
        <f>Bühler!K1349</f>
        <v>0.86767656498032175</v>
      </c>
      <c r="L1323" s="59">
        <f>Bühler!L1349</f>
        <v>8.8087753979004368</v>
      </c>
      <c r="M1323" s="58">
        <f>Bühler!M1349</f>
        <v>0</v>
      </c>
      <c r="N1323" s="56">
        <f>IF(Input!$D$19=1,J1323*Input!$C$19,0)+IF(Input!$D$20=1,K1323*Input!$C$20,0)+IF(Input!$D$21=1,L1323*Input!$C$21,0)+IF(Input!$D$22=1,M1323*Input!$C$22,0)</f>
        <v>0.17353531299606434</v>
      </c>
      <c r="O1323" s="59">
        <f>IF(Input!$D$19=2,J1323*Input!$C$19,0)+IF(Input!$D$20=2,K1323*Input!$C$20,0)+IF(Input!$D$21=2,L1323*Input!$C$21,0)+IF(Input!$D$22=2,M1323*Input!$C$22,0)</f>
        <v>0.43383828249016088</v>
      </c>
      <c r="P1323" s="59">
        <f>IF(Input!$D$19=3,J1323*Input!$C$19,0)+IF(Input!$D$20=3,K1323*Input!$C$20,0)+IF(Input!$D$21=3,L1323*Input!$C$21,0)+IF(Input!$D$22=3,M1323*Input!$C$22,0)</f>
        <v>0</v>
      </c>
      <c r="Q1323" s="75">
        <f>IF(Input!$D$19=4,J1323*Input!$C$19,0)+IF(Input!$D$20=4,K1323*Input!$C$20,0)+IF(Input!$D$21=4,L1323*Input!$C$21,0)+IF(Input!$D$22=4,M1323*Input!$C$22,0)</f>
        <v>0</v>
      </c>
      <c r="R1323" s="58">
        <v>41.995609844091561</v>
      </c>
      <c r="S1323" s="124">
        <f t="shared" si="20"/>
        <v>0.75198635631627875</v>
      </c>
    </row>
    <row r="1324" spans="8:19" x14ac:dyDescent="0.3">
      <c r="H1324" s="44">
        <v>1317</v>
      </c>
      <c r="I1324" s="56">
        <f>Bühler!I1350</f>
        <v>0.12808558816376178</v>
      </c>
      <c r="J1324" s="59">
        <f>Bühler!J1350</f>
        <v>0.42695196054587264</v>
      </c>
      <c r="K1324" s="59">
        <f>Bühler!K1350</f>
        <v>0.64042794081880894</v>
      </c>
      <c r="L1324" s="59">
        <f>Bühler!L1350</f>
        <v>6.5017151746407995</v>
      </c>
      <c r="M1324" s="58">
        <f>Bühler!M1350</f>
        <v>0</v>
      </c>
      <c r="N1324" s="56">
        <f>IF(Input!$D$19=1,J1324*Input!$C$19,0)+IF(Input!$D$20=1,K1324*Input!$C$20,0)+IF(Input!$D$21=1,L1324*Input!$C$21,0)+IF(Input!$D$22=1,M1324*Input!$C$22,0)</f>
        <v>0.12808558816376178</v>
      </c>
      <c r="O1324" s="59">
        <f>IF(Input!$D$19=2,J1324*Input!$C$19,0)+IF(Input!$D$20=2,K1324*Input!$C$20,0)+IF(Input!$D$21=2,L1324*Input!$C$21,0)+IF(Input!$D$22=2,M1324*Input!$C$22,0)</f>
        <v>0.32021397040940447</v>
      </c>
      <c r="P1324" s="59">
        <f>IF(Input!$D$19=3,J1324*Input!$C$19,0)+IF(Input!$D$20=3,K1324*Input!$C$20,0)+IF(Input!$D$21=3,L1324*Input!$C$21,0)+IF(Input!$D$22=3,M1324*Input!$C$22,0)</f>
        <v>0</v>
      </c>
      <c r="Q1324" s="75">
        <f>IF(Input!$D$19=4,J1324*Input!$C$19,0)+IF(Input!$D$20=4,K1324*Input!$C$20,0)+IF(Input!$D$21=4,L1324*Input!$C$21,0)+IF(Input!$D$22=4,M1324*Input!$C$22,0)</f>
        <v>0</v>
      </c>
      <c r="R1324" s="58">
        <v>42.246169583887756</v>
      </c>
      <c r="S1324" s="124">
        <f t="shared" si="20"/>
        <v>0.5550375487096344</v>
      </c>
    </row>
    <row r="1325" spans="8:19" x14ac:dyDescent="0.3">
      <c r="H1325" s="44">
        <v>1318</v>
      </c>
      <c r="I1325" s="56">
        <f>Bühler!I1351</f>
        <v>0.12808558816376178</v>
      </c>
      <c r="J1325" s="59">
        <f>Bühler!J1351</f>
        <v>0.42695196054587264</v>
      </c>
      <c r="K1325" s="59">
        <f>Bühler!K1351</f>
        <v>0.64042794081880894</v>
      </c>
      <c r="L1325" s="59">
        <f>Bühler!L1351</f>
        <v>6.5017151746407995</v>
      </c>
      <c r="M1325" s="58">
        <f>Bühler!M1351</f>
        <v>0</v>
      </c>
      <c r="N1325" s="56">
        <f>IF(Input!$D$19=1,J1325*Input!$C$19,0)+IF(Input!$D$20=1,K1325*Input!$C$20,0)+IF(Input!$D$21=1,L1325*Input!$C$21,0)+IF(Input!$D$22=1,M1325*Input!$C$22,0)</f>
        <v>0.12808558816376178</v>
      </c>
      <c r="O1325" s="59">
        <f>IF(Input!$D$19=2,J1325*Input!$C$19,0)+IF(Input!$D$20=2,K1325*Input!$C$20,0)+IF(Input!$D$21=2,L1325*Input!$C$21,0)+IF(Input!$D$22=2,M1325*Input!$C$22,0)</f>
        <v>0.32021397040940447</v>
      </c>
      <c r="P1325" s="59">
        <f>IF(Input!$D$19=3,J1325*Input!$C$19,0)+IF(Input!$D$20=3,K1325*Input!$C$20,0)+IF(Input!$D$21=3,L1325*Input!$C$21,0)+IF(Input!$D$22=3,M1325*Input!$C$22,0)</f>
        <v>0</v>
      </c>
      <c r="Q1325" s="75">
        <f>IF(Input!$D$19=4,J1325*Input!$C$19,0)+IF(Input!$D$20=4,K1325*Input!$C$20,0)+IF(Input!$D$21=4,L1325*Input!$C$21,0)+IF(Input!$D$22=4,M1325*Input!$C$22,0)</f>
        <v>0</v>
      </c>
      <c r="R1325" s="58">
        <v>41.886455745059784</v>
      </c>
      <c r="S1325" s="124">
        <f t="shared" si="20"/>
        <v>0.5550375487096344</v>
      </c>
    </row>
    <row r="1326" spans="8:19" x14ac:dyDescent="0.3">
      <c r="H1326" s="44">
        <v>1319</v>
      </c>
      <c r="I1326" s="56">
        <f>Bühler!I1352</f>
        <v>0.12808558816376178</v>
      </c>
      <c r="J1326" s="59">
        <f>Bühler!J1352</f>
        <v>0.42695196054587264</v>
      </c>
      <c r="K1326" s="59">
        <f>Bühler!K1352</f>
        <v>0.64042794081880894</v>
      </c>
      <c r="L1326" s="59">
        <f>Bühler!L1352</f>
        <v>6.5017151746407995</v>
      </c>
      <c r="M1326" s="58">
        <f>Bühler!M1352</f>
        <v>0</v>
      </c>
      <c r="N1326" s="56">
        <f>IF(Input!$D$19=1,J1326*Input!$C$19,0)+IF(Input!$D$20=1,K1326*Input!$C$20,0)+IF(Input!$D$21=1,L1326*Input!$C$21,0)+IF(Input!$D$22=1,M1326*Input!$C$22,0)</f>
        <v>0.12808558816376178</v>
      </c>
      <c r="O1326" s="59">
        <f>IF(Input!$D$19=2,J1326*Input!$C$19,0)+IF(Input!$D$20=2,K1326*Input!$C$20,0)+IF(Input!$D$21=2,L1326*Input!$C$21,0)+IF(Input!$D$22=2,M1326*Input!$C$22,0)</f>
        <v>0.32021397040940447</v>
      </c>
      <c r="P1326" s="59">
        <f>IF(Input!$D$19=3,J1326*Input!$C$19,0)+IF(Input!$D$20=3,K1326*Input!$C$20,0)+IF(Input!$D$21=3,L1326*Input!$C$21,0)+IF(Input!$D$22=3,M1326*Input!$C$22,0)</f>
        <v>0</v>
      </c>
      <c r="Q1326" s="75">
        <f>IF(Input!$D$19=4,J1326*Input!$C$19,0)+IF(Input!$D$20=4,K1326*Input!$C$20,0)+IF(Input!$D$21=4,L1326*Input!$C$21,0)+IF(Input!$D$22=4,M1326*Input!$C$22,0)</f>
        <v>0</v>
      </c>
      <c r="R1326" s="58">
        <v>42.24135036996104</v>
      </c>
      <c r="S1326" s="124">
        <f t="shared" si="20"/>
        <v>0.5550375487096344</v>
      </c>
    </row>
    <row r="1327" spans="8:19" x14ac:dyDescent="0.3">
      <c r="H1327" s="44">
        <v>1320</v>
      </c>
      <c r="I1327" s="56">
        <f>Bühler!I1353</f>
        <v>0.12808558816376178</v>
      </c>
      <c r="J1327" s="59">
        <f>Bühler!J1353</f>
        <v>0.42695196054587264</v>
      </c>
      <c r="K1327" s="59">
        <f>Bühler!K1353</f>
        <v>0.64042794081880894</v>
      </c>
      <c r="L1327" s="59">
        <f>Bühler!L1353</f>
        <v>6.5017151746407995</v>
      </c>
      <c r="M1327" s="58">
        <f>Bühler!M1353</f>
        <v>0</v>
      </c>
      <c r="N1327" s="56">
        <f>IF(Input!$D$19=1,J1327*Input!$C$19,0)+IF(Input!$D$20=1,K1327*Input!$C$20,0)+IF(Input!$D$21=1,L1327*Input!$C$21,0)+IF(Input!$D$22=1,M1327*Input!$C$22,0)</f>
        <v>0.12808558816376178</v>
      </c>
      <c r="O1327" s="59">
        <f>IF(Input!$D$19=2,J1327*Input!$C$19,0)+IF(Input!$D$20=2,K1327*Input!$C$20,0)+IF(Input!$D$21=2,L1327*Input!$C$21,0)+IF(Input!$D$22=2,M1327*Input!$C$22,0)</f>
        <v>0.32021397040940447</v>
      </c>
      <c r="P1327" s="59">
        <f>IF(Input!$D$19=3,J1327*Input!$C$19,0)+IF(Input!$D$20=3,K1327*Input!$C$20,0)+IF(Input!$D$21=3,L1327*Input!$C$21,0)+IF(Input!$D$22=3,M1327*Input!$C$22,0)</f>
        <v>0</v>
      </c>
      <c r="Q1327" s="75">
        <f>IF(Input!$D$19=4,J1327*Input!$C$19,0)+IF(Input!$D$20=4,K1327*Input!$C$20,0)+IF(Input!$D$21=4,L1327*Input!$C$21,0)+IF(Input!$D$22=4,M1327*Input!$C$22,0)</f>
        <v>0</v>
      </c>
      <c r="R1327" s="58">
        <v>41.802348197566296</v>
      </c>
      <c r="S1327" s="124">
        <f t="shared" si="20"/>
        <v>0.5550375487096344</v>
      </c>
    </row>
    <row r="1328" spans="8:19" x14ac:dyDescent="0.3">
      <c r="H1328" s="44">
        <v>1321</v>
      </c>
      <c r="I1328" s="56">
        <f>Bühler!I1354</f>
        <v>0.14508628136187757</v>
      </c>
      <c r="J1328" s="59">
        <f>Bühler!J1354</f>
        <v>0.48362093787292526</v>
      </c>
      <c r="K1328" s="59">
        <f>Bühler!K1354</f>
        <v>0.72543140680938789</v>
      </c>
      <c r="L1328" s="59">
        <f>Bühler!L1354</f>
        <v>7.3783945493459289</v>
      </c>
      <c r="M1328" s="58">
        <f>Bühler!M1354</f>
        <v>0</v>
      </c>
      <c r="N1328" s="56">
        <f>IF(Input!$D$19=1,J1328*Input!$C$19,0)+IF(Input!$D$20=1,K1328*Input!$C$20,0)+IF(Input!$D$21=1,L1328*Input!$C$21,0)+IF(Input!$D$22=1,M1328*Input!$C$22,0)</f>
        <v>0.14508628136187757</v>
      </c>
      <c r="O1328" s="59">
        <f>IF(Input!$D$19=2,J1328*Input!$C$19,0)+IF(Input!$D$20=2,K1328*Input!$C$20,0)+IF(Input!$D$21=2,L1328*Input!$C$21,0)+IF(Input!$D$22=2,M1328*Input!$C$22,0)</f>
        <v>0.36271570340469395</v>
      </c>
      <c r="P1328" s="59">
        <f>IF(Input!$D$19=3,J1328*Input!$C$19,0)+IF(Input!$D$20=3,K1328*Input!$C$20,0)+IF(Input!$D$21=3,L1328*Input!$C$21,0)+IF(Input!$D$22=3,M1328*Input!$C$22,0)</f>
        <v>0</v>
      </c>
      <c r="Q1328" s="75">
        <f>IF(Input!$D$19=4,J1328*Input!$C$19,0)+IF(Input!$D$20=4,K1328*Input!$C$20,0)+IF(Input!$D$21=4,L1328*Input!$C$21,0)+IF(Input!$D$22=4,M1328*Input!$C$22,0)</f>
        <v>0</v>
      </c>
      <c r="R1328" s="58">
        <v>41.455150416650675</v>
      </c>
      <c r="S1328" s="124">
        <f t="shared" si="20"/>
        <v>0.62870721923480288</v>
      </c>
    </row>
    <row r="1329" spans="8:19" x14ac:dyDescent="0.3">
      <c r="H1329" s="44">
        <v>1322</v>
      </c>
      <c r="I1329" s="56">
        <f>Bühler!I1355</f>
        <v>0.16848729448476102</v>
      </c>
      <c r="J1329" s="59">
        <f>Bühler!J1355</f>
        <v>0.5616243149492034</v>
      </c>
      <c r="K1329" s="59">
        <f>Bühler!K1355</f>
        <v>0.84243647242380515</v>
      </c>
      <c r="L1329" s="59">
        <f>Bühler!L1355</f>
        <v>8.5684581863372085</v>
      </c>
      <c r="M1329" s="58">
        <f>Bühler!M1355</f>
        <v>0</v>
      </c>
      <c r="N1329" s="56">
        <f>IF(Input!$D$19=1,J1329*Input!$C$19,0)+IF(Input!$D$20=1,K1329*Input!$C$20,0)+IF(Input!$D$21=1,L1329*Input!$C$21,0)+IF(Input!$D$22=1,M1329*Input!$C$22,0)</f>
        <v>0.16848729448476102</v>
      </c>
      <c r="O1329" s="59">
        <f>IF(Input!$D$19=2,J1329*Input!$C$19,0)+IF(Input!$D$20=2,K1329*Input!$C$20,0)+IF(Input!$D$21=2,L1329*Input!$C$21,0)+IF(Input!$D$22=2,M1329*Input!$C$22,0)</f>
        <v>0.42121823621190257</v>
      </c>
      <c r="P1329" s="59">
        <f>IF(Input!$D$19=3,J1329*Input!$C$19,0)+IF(Input!$D$20=3,K1329*Input!$C$20,0)+IF(Input!$D$21=3,L1329*Input!$C$21,0)+IF(Input!$D$22=3,M1329*Input!$C$22,0)</f>
        <v>0</v>
      </c>
      <c r="Q1329" s="75">
        <f>IF(Input!$D$19=4,J1329*Input!$C$19,0)+IF(Input!$D$20=4,K1329*Input!$C$20,0)+IF(Input!$D$21=4,L1329*Input!$C$21,0)+IF(Input!$D$22=4,M1329*Input!$C$22,0)</f>
        <v>0</v>
      </c>
      <c r="R1329" s="58">
        <v>41.163498555038174</v>
      </c>
      <c r="S1329" s="124">
        <f t="shared" si="20"/>
        <v>0.73011160943396436</v>
      </c>
    </row>
    <row r="1330" spans="8:19" x14ac:dyDescent="0.3">
      <c r="H1330" s="44">
        <v>1323</v>
      </c>
      <c r="I1330" s="56">
        <f>Bühler!I1356</f>
        <v>0.16848729448476102</v>
      </c>
      <c r="J1330" s="59">
        <f>Bühler!J1356</f>
        <v>0.5616243149492034</v>
      </c>
      <c r="K1330" s="59">
        <f>Bühler!K1356</f>
        <v>0.84243647242380515</v>
      </c>
      <c r="L1330" s="59">
        <f>Bühler!L1356</f>
        <v>8.5684581863372085</v>
      </c>
      <c r="M1330" s="58">
        <f>Bühler!M1356</f>
        <v>0</v>
      </c>
      <c r="N1330" s="56">
        <f>IF(Input!$D$19=1,J1330*Input!$C$19,0)+IF(Input!$D$20=1,K1330*Input!$C$20,0)+IF(Input!$D$21=1,L1330*Input!$C$21,0)+IF(Input!$D$22=1,M1330*Input!$C$22,0)</f>
        <v>0.16848729448476102</v>
      </c>
      <c r="O1330" s="59">
        <f>IF(Input!$D$19=2,J1330*Input!$C$19,0)+IF(Input!$D$20=2,K1330*Input!$C$20,0)+IF(Input!$D$21=2,L1330*Input!$C$21,0)+IF(Input!$D$22=2,M1330*Input!$C$22,0)</f>
        <v>0.42121823621190257</v>
      </c>
      <c r="P1330" s="59">
        <f>IF(Input!$D$19=3,J1330*Input!$C$19,0)+IF(Input!$D$20=3,K1330*Input!$C$20,0)+IF(Input!$D$21=3,L1330*Input!$C$21,0)+IF(Input!$D$22=3,M1330*Input!$C$22,0)</f>
        <v>0</v>
      </c>
      <c r="Q1330" s="75">
        <f>IF(Input!$D$19=4,J1330*Input!$C$19,0)+IF(Input!$D$20=4,K1330*Input!$C$20,0)+IF(Input!$D$21=4,L1330*Input!$C$21,0)+IF(Input!$D$22=4,M1330*Input!$C$22,0)</f>
        <v>0</v>
      </c>
      <c r="R1330" s="58">
        <v>41.522121340277288</v>
      </c>
      <c r="S1330" s="124">
        <f t="shared" si="20"/>
        <v>0.73011160943396436</v>
      </c>
    </row>
    <row r="1331" spans="8:19" x14ac:dyDescent="0.3">
      <c r="H1331" s="44">
        <v>1324</v>
      </c>
      <c r="I1331" s="56">
        <f>Bühler!I1357</f>
        <v>0.16848729448476102</v>
      </c>
      <c r="J1331" s="59">
        <f>Bühler!J1357</f>
        <v>0.5616243149492034</v>
      </c>
      <c r="K1331" s="59">
        <f>Bühler!K1357</f>
        <v>0.84243647242380515</v>
      </c>
      <c r="L1331" s="59">
        <f>Bühler!L1357</f>
        <v>8.5684581863372085</v>
      </c>
      <c r="M1331" s="58">
        <f>Bühler!M1357</f>
        <v>0</v>
      </c>
      <c r="N1331" s="56">
        <f>IF(Input!$D$19=1,J1331*Input!$C$19,0)+IF(Input!$D$20=1,K1331*Input!$C$20,0)+IF(Input!$D$21=1,L1331*Input!$C$21,0)+IF(Input!$D$22=1,M1331*Input!$C$22,0)</f>
        <v>0.16848729448476102</v>
      </c>
      <c r="O1331" s="59">
        <f>IF(Input!$D$19=2,J1331*Input!$C$19,0)+IF(Input!$D$20=2,K1331*Input!$C$20,0)+IF(Input!$D$21=2,L1331*Input!$C$21,0)+IF(Input!$D$22=2,M1331*Input!$C$22,0)</f>
        <v>0.42121823621190257</v>
      </c>
      <c r="P1331" s="59">
        <f>IF(Input!$D$19=3,J1331*Input!$C$19,0)+IF(Input!$D$20=3,K1331*Input!$C$20,0)+IF(Input!$D$21=3,L1331*Input!$C$21,0)+IF(Input!$D$22=3,M1331*Input!$C$22,0)</f>
        <v>0</v>
      </c>
      <c r="Q1331" s="75">
        <f>IF(Input!$D$19=4,J1331*Input!$C$19,0)+IF(Input!$D$20=4,K1331*Input!$C$20,0)+IF(Input!$D$21=4,L1331*Input!$C$21,0)+IF(Input!$D$22=4,M1331*Input!$C$22,0)</f>
        <v>0</v>
      </c>
      <c r="R1331" s="58">
        <v>41.160426337051547</v>
      </c>
      <c r="S1331" s="124">
        <f t="shared" si="20"/>
        <v>0.73011160943396436</v>
      </c>
    </row>
    <row r="1332" spans="8:19" x14ac:dyDescent="0.3">
      <c r="H1332" s="44">
        <v>1325</v>
      </c>
      <c r="I1332" s="56">
        <f>Bühler!I1358</f>
        <v>0.16848729448476102</v>
      </c>
      <c r="J1332" s="59">
        <f>Bühler!J1358</f>
        <v>0.5616243149492034</v>
      </c>
      <c r="K1332" s="59">
        <f>Bühler!K1358</f>
        <v>0.84243647242380515</v>
      </c>
      <c r="L1332" s="59">
        <f>Bühler!L1358</f>
        <v>8.5684581863372085</v>
      </c>
      <c r="M1332" s="58">
        <f>Bühler!M1358</f>
        <v>0</v>
      </c>
      <c r="N1332" s="56">
        <f>IF(Input!$D$19=1,J1332*Input!$C$19,0)+IF(Input!$D$20=1,K1332*Input!$C$20,0)+IF(Input!$D$21=1,L1332*Input!$C$21,0)+IF(Input!$D$22=1,M1332*Input!$C$22,0)</f>
        <v>0.16848729448476102</v>
      </c>
      <c r="O1332" s="59">
        <f>IF(Input!$D$19=2,J1332*Input!$C$19,0)+IF(Input!$D$20=2,K1332*Input!$C$20,0)+IF(Input!$D$21=2,L1332*Input!$C$21,0)+IF(Input!$D$22=2,M1332*Input!$C$22,0)</f>
        <v>0.42121823621190257</v>
      </c>
      <c r="P1332" s="59">
        <f>IF(Input!$D$19=3,J1332*Input!$C$19,0)+IF(Input!$D$20=3,K1332*Input!$C$20,0)+IF(Input!$D$21=3,L1332*Input!$C$21,0)+IF(Input!$D$22=3,M1332*Input!$C$22,0)</f>
        <v>0</v>
      </c>
      <c r="Q1332" s="75">
        <f>IF(Input!$D$19=4,J1332*Input!$C$19,0)+IF(Input!$D$20=4,K1332*Input!$C$20,0)+IF(Input!$D$21=4,L1332*Input!$C$21,0)+IF(Input!$D$22=4,M1332*Input!$C$22,0)</f>
        <v>0</v>
      </c>
      <c r="R1332" s="58">
        <v>41.172314735627644</v>
      </c>
      <c r="S1332" s="124">
        <f t="shared" si="20"/>
        <v>0.73011160943396436</v>
      </c>
    </row>
    <row r="1333" spans="8:19" x14ac:dyDescent="0.3">
      <c r="H1333" s="44">
        <v>1326</v>
      </c>
      <c r="I1333" s="56">
        <f>Bühler!I1359</f>
        <v>0.21060911810595129</v>
      </c>
      <c r="J1333" s="59">
        <f>Bühler!J1359</f>
        <v>0.70203039368650444</v>
      </c>
      <c r="K1333" s="59">
        <f>Bühler!K1359</f>
        <v>1.0530455905297567</v>
      </c>
      <c r="L1333" s="59">
        <f>Bühler!L1359</f>
        <v>10.710572732921509</v>
      </c>
      <c r="M1333" s="58">
        <f>Bühler!M1359</f>
        <v>0</v>
      </c>
      <c r="N1333" s="56">
        <f>IF(Input!$D$19=1,J1333*Input!$C$19,0)+IF(Input!$D$20=1,K1333*Input!$C$20,0)+IF(Input!$D$21=1,L1333*Input!$C$21,0)+IF(Input!$D$22=1,M1333*Input!$C$22,0)</f>
        <v>0.21060911810595132</v>
      </c>
      <c r="O1333" s="59">
        <f>IF(Input!$D$19=2,J1333*Input!$C$19,0)+IF(Input!$D$20=2,K1333*Input!$C$20,0)+IF(Input!$D$21=2,L1333*Input!$C$21,0)+IF(Input!$D$22=2,M1333*Input!$C$22,0)</f>
        <v>0.52652279526487833</v>
      </c>
      <c r="P1333" s="59">
        <f>IF(Input!$D$19=3,J1333*Input!$C$19,0)+IF(Input!$D$20=3,K1333*Input!$C$20,0)+IF(Input!$D$21=3,L1333*Input!$C$21,0)+IF(Input!$D$22=3,M1333*Input!$C$22,0)</f>
        <v>0</v>
      </c>
      <c r="Q1333" s="75">
        <f>IF(Input!$D$19=4,J1333*Input!$C$19,0)+IF(Input!$D$20=4,K1333*Input!$C$20,0)+IF(Input!$D$21=4,L1333*Input!$C$21,0)+IF(Input!$D$22=4,M1333*Input!$C$22,0)</f>
        <v>0</v>
      </c>
      <c r="R1333" s="58">
        <v>41.615998570781159</v>
      </c>
      <c r="S1333" s="124">
        <f t="shared" si="20"/>
        <v>0.91263951179245573</v>
      </c>
    </row>
    <row r="1334" spans="8:19" x14ac:dyDescent="0.3">
      <c r="H1334" s="44">
        <v>1327</v>
      </c>
      <c r="I1334" s="56">
        <f>Bühler!I1360</f>
        <v>0.24805073910256484</v>
      </c>
      <c r="J1334" s="59">
        <f>Bühler!J1360</f>
        <v>0.82683579700854959</v>
      </c>
      <c r="K1334" s="59">
        <f>Bühler!K1360</f>
        <v>1.2402536955128243</v>
      </c>
      <c r="L1334" s="59">
        <f>Bühler!L1360</f>
        <v>12.614674552107555</v>
      </c>
      <c r="M1334" s="58">
        <f>Bühler!M1360</f>
        <v>0</v>
      </c>
      <c r="N1334" s="56">
        <f>IF(Input!$D$19=1,J1334*Input!$C$19,0)+IF(Input!$D$20=1,K1334*Input!$C$20,0)+IF(Input!$D$21=1,L1334*Input!$C$21,0)+IF(Input!$D$22=1,M1334*Input!$C$22,0)</f>
        <v>0.24805073910256487</v>
      </c>
      <c r="O1334" s="59">
        <f>IF(Input!$D$19=2,J1334*Input!$C$19,0)+IF(Input!$D$20=2,K1334*Input!$C$20,0)+IF(Input!$D$21=2,L1334*Input!$C$21,0)+IF(Input!$D$22=2,M1334*Input!$C$22,0)</f>
        <v>0.62012684775641214</v>
      </c>
      <c r="P1334" s="59">
        <f>IF(Input!$D$19=3,J1334*Input!$C$19,0)+IF(Input!$D$20=3,K1334*Input!$C$20,0)+IF(Input!$D$21=3,L1334*Input!$C$21,0)+IF(Input!$D$22=3,M1334*Input!$C$22,0)</f>
        <v>0</v>
      </c>
      <c r="Q1334" s="75">
        <f>IF(Input!$D$19=4,J1334*Input!$C$19,0)+IF(Input!$D$20=4,K1334*Input!$C$20,0)+IF(Input!$D$21=4,L1334*Input!$C$21,0)+IF(Input!$D$22=4,M1334*Input!$C$22,0)</f>
        <v>0</v>
      </c>
      <c r="R1334" s="58">
        <v>41.949588730238339</v>
      </c>
      <c r="S1334" s="124">
        <f t="shared" si="20"/>
        <v>1.0748865361111144</v>
      </c>
    </row>
    <row r="1335" spans="8:19" x14ac:dyDescent="0.3">
      <c r="H1335" s="44">
        <v>1328</v>
      </c>
      <c r="I1335" s="56">
        <f>Bühler!I1361</f>
        <v>0.29485276534833177</v>
      </c>
      <c r="J1335" s="59">
        <f>Bühler!J1361</f>
        <v>0.98284255116110608</v>
      </c>
      <c r="K1335" s="59">
        <f>Bühler!K1361</f>
        <v>1.4742638267416592</v>
      </c>
      <c r="L1335" s="59">
        <f>Bühler!L1361</f>
        <v>14.994801826090113</v>
      </c>
      <c r="M1335" s="58">
        <f>Bühler!M1361</f>
        <v>0</v>
      </c>
      <c r="N1335" s="56">
        <f>IF(Input!$D$19=1,J1335*Input!$C$19,0)+IF(Input!$D$20=1,K1335*Input!$C$20,0)+IF(Input!$D$21=1,L1335*Input!$C$21,0)+IF(Input!$D$22=1,M1335*Input!$C$22,0)</f>
        <v>0.29485276534833182</v>
      </c>
      <c r="O1335" s="59">
        <f>IF(Input!$D$19=2,J1335*Input!$C$19,0)+IF(Input!$D$20=2,K1335*Input!$C$20,0)+IF(Input!$D$21=2,L1335*Input!$C$21,0)+IF(Input!$D$22=2,M1335*Input!$C$22,0)</f>
        <v>0.73713191337082962</v>
      </c>
      <c r="P1335" s="59">
        <f>IF(Input!$D$19=3,J1335*Input!$C$19,0)+IF(Input!$D$20=3,K1335*Input!$C$20,0)+IF(Input!$D$21=3,L1335*Input!$C$21,0)+IF(Input!$D$22=3,M1335*Input!$C$22,0)</f>
        <v>0</v>
      </c>
      <c r="Q1335" s="75">
        <f>IF(Input!$D$19=4,J1335*Input!$C$19,0)+IF(Input!$D$20=4,K1335*Input!$C$20,0)+IF(Input!$D$21=4,L1335*Input!$C$21,0)+IF(Input!$D$22=4,M1335*Input!$C$22,0)</f>
        <v>0</v>
      </c>
      <c r="R1335" s="58">
        <v>41.727152467264993</v>
      </c>
      <c r="S1335" s="124">
        <f t="shared" si="20"/>
        <v>1.2776953165094378</v>
      </c>
    </row>
    <row r="1336" spans="8:19" x14ac:dyDescent="0.3">
      <c r="H1336" s="44">
        <v>1329</v>
      </c>
      <c r="I1336" s="56">
        <f>Bühler!I1362</f>
        <v>0.29485276534833177</v>
      </c>
      <c r="J1336" s="59">
        <f>Bühler!J1362</f>
        <v>0.98284255116110608</v>
      </c>
      <c r="K1336" s="59">
        <f>Bühler!K1362</f>
        <v>1.4742638267416592</v>
      </c>
      <c r="L1336" s="59">
        <f>Bühler!L1362</f>
        <v>14.994801826090113</v>
      </c>
      <c r="M1336" s="58">
        <f>Bühler!M1362</f>
        <v>0</v>
      </c>
      <c r="N1336" s="56">
        <f>IF(Input!$D$19=1,J1336*Input!$C$19,0)+IF(Input!$D$20=1,K1336*Input!$C$20,0)+IF(Input!$D$21=1,L1336*Input!$C$21,0)+IF(Input!$D$22=1,M1336*Input!$C$22,0)</f>
        <v>0.29485276534833182</v>
      </c>
      <c r="O1336" s="59">
        <f>IF(Input!$D$19=2,J1336*Input!$C$19,0)+IF(Input!$D$20=2,K1336*Input!$C$20,0)+IF(Input!$D$21=2,L1336*Input!$C$21,0)+IF(Input!$D$22=2,M1336*Input!$C$22,0)</f>
        <v>0.73713191337082962</v>
      </c>
      <c r="P1336" s="59">
        <f>IF(Input!$D$19=3,J1336*Input!$C$19,0)+IF(Input!$D$20=3,K1336*Input!$C$20,0)+IF(Input!$D$21=3,L1336*Input!$C$21,0)+IF(Input!$D$22=3,M1336*Input!$C$22,0)</f>
        <v>0</v>
      </c>
      <c r="Q1336" s="75">
        <f>IF(Input!$D$19=4,J1336*Input!$C$19,0)+IF(Input!$D$20=4,K1336*Input!$C$20,0)+IF(Input!$D$21=4,L1336*Input!$C$21,0)+IF(Input!$D$22=4,M1336*Input!$C$22,0)</f>
        <v>0</v>
      </c>
      <c r="R1336" s="58">
        <v>41.149389724033831</v>
      </c>
      <c r="S1336" s="124">
        <f t="shared" si="20"/>
        <v>1.2776953165094378</v>
      </c>
    </row>
    <row r="1337" spans="8:19" x14ac:dyDescent="0.3">
      <c r="H1337" s="44">
        <v>1330</v>
      </c>
      <c r="I1337" s="56">
        <f>Bühler!I1363</f>
        <v>0.29485276534833177</v>
      </c>
      <c r="J1337" s="59">
        <f>Bühler!J1363</f>
        <v>0.98284255116110608</v>
      </c>
      <c r="K1337" s="59">
        <f>Bühler!K1363</f>
        <v>1.4742638267416592</v>
      </c>
      <c r="L1337" s="59">
        <f>Bühler!L1363</f>
        <v>14.994801826090113</v>
      </c>
      <c r="M1337" s="58">
        <f>Bühler!M1363</f>
        <v>0</v>
      </c>
      <c r="N1337" s="56">
        <f>IF(Input!$D$19=1,J1337*Input!$C$19,0)+IF(Input!$D$20=1,K1337*Input!$C$20,0)+IF(Input!$D$21=1,L1337*Input!$C$21,0)+IF(Input!$D$22=1,M1337*Input!$C$22,0)</f>
        <v>0.29485276534833182</v>
      </c>
      <c r="O1337" s="59">
        <f>IF(Input!$D$19=2,J1337*Input!$C$19,0)+IF(Input!$D$20=2,K1337*Input!$C$20,0)+IF(Input!$D$21=2,L1337*Input!$C$21,0)+IF(Input!$D$22=2,M1337*Input!$C$22,0)</f>
        <v>0.73713191337082962</v>
      </c>
      <c r="P1337" s="59">
        <f>IF(Input!$D$19=3,J1337*Input!$C$19,0)+IF(Input!$D$20=3,K1337*Input!$C$20,0)+IF(Input!$D$21=3,L1337*Input!$C$21,0)+IF(Input!$D$22=3,M1337*Input!$C$22,0)</f>
        <v>0</v>
      </c>
      <c r="Q1337" s="75">
        <f>IF(Input!$D$19=4,J1337*Input!$C$19,0)+IF(Input!$D$20=4,K1337*Input!$C$20,0)+IF(Input!$D$21=4,L1337*Input!$C$21,0)+IF(Input!$D$22=4,M1337*Input!$C$22,0)</f>
        <v>0</v>
      </c>
      <c r="R1337" s="58">
        <v>40.201841642712779</v>
      </c>
      <c r="S1337" s="124">
        <f t="shared" si="20"/>
        <v>1.2776953165094378</v>
      </c>
    </row>
    <row r="1338" spans="8:19" x14ac:dyDescent="0.3">
      <c r="H1338" s="44">
        <v>1331</v>
      </c>
      <c r="I1338" s="56">
        <f>Bühler!I1364</f>
        <v>0.29485276534833177</v>
      </c>
      <c r="J1338" s="59">
        <f>Bühler!J1364</f>
        <v>0.98284255116110608</v>
      </c>
      <c r="K1338" s="59">
        <f>Bühler!K1364</f>
        <v>1.4742638267416592</v>
      </c>
      <c r="L1338" s="59">
        <f>Bühler!L1364</f>
        <v>14.994801826090113</v>
      </c>
      <c r="M1338" s="58">
        <f>Bühler!M1364</f>
        <v>0</v>
      </c>
      <c r="N1338" s="56">
        <f>IF(Input!$D$19=1,J1338*Input!$C$19,0)+IF(Input!$D$20=1,K1338*Input!$C$20,0)+IF(Input!$D$21=1,L1338*Input!$C$21,0)+IF(Input!$D$22=1,M1338*Input!$C$22,0)</f>
        <v>0.29485276534833182</v>
      </c>
      <c r="O1338" s="59">
        <f>IF(Input!$D$19=2,J1338*Input!$C$19,0)+IF(Input!$D$20=2,K1338*Input!$C$20,0)+IF(Input!$D$21=2,L1338*Input!$C$21,0)+IF(Input!$D$22=2,M1338*Input!$C$22,0)</f>
        <v>0.73713191337082962</v>
      </c>
      <c r="P1338" s="59">
        <f>IF(Input!$D$19=3,J1338*Input!$C$19,0)+IF(Input!$D$20=3,K1338*Input!$C$20,0)+IF(Input!$D$21=3,L1338*Input!$C$21,0)+IF(Input!$D$22=3,M1338*Input!$C$22,0)</f>
        <v>0</v>
      </c>
      <c r="Q1338" s="75">
        <f>IF(Input!$D$19=4,J1338*Input!$C$19,0)+IF(Input!$D$20=4,K1338*Input!$C$20,0)+IF(Input!$D$21=4,L1338*Input!$C$21,0)+IF(Input!$D$22=4,M1338*Input!$C$22,0)</f>
        <v>0</v>
      </c>
      <c r="R1338" s="58">
        <v>40.583008089573063</v>
      </c>
      <c r="S1338" s="124">
        <f t="shared" si="20"/>
        <v>1.2776953165094378</v>
      </c>
    </row>
    <row r="1339" spans="8:19" x14ac:dyDescent="0.3">
      <c r="H1339" s="44">
        <v>1332</v>
      </c>
      <c r="I1339" s="56">
        <f>Bühler!I1365</f>
        <v>0.29485276534833177</v>
      </c>
      <c r="J1339" s="59">
        <f>Bühler!J1365</f>
        <v>0.98284255116110608</v>
      </c>
      <c r="K1339" s="59">
        <f>Bühler!K1365</f>
        <v>1.4742638267416592</v>
      </c>
      <c r="L1339" s="59">
        <f>Bühler!L1365</f>
        <v>14.994801826090113</v>
      </c>
      <c r="M1339" s="58">
        <f>Bühler!M1365</f>
        <v>0</v>
      </c>
      <c r="N1339" s="56">
        <f>IF(Input!$D$19=1,J1339*Input!$C$19,0)+IF(Input!$D$20=1,K1339*Input!$C$20,0)+IF(Input!$D$21=1,L1339*Input!$C$21,0)+IF(Input!$D$22=1,M1339*Input!$C$22,0)</f>
        <v>0.29485276534833182</v>
      </c>
      <c r="O1339" s="59">
        <f>IF(Input!$D$19=2,J1339*Input!$C$19,0)+IF(Input!$D$20=2,K1339*Input!$C$20,0)+IF(Input!$D$21=2,L1339*Input!$C$21,0)+IF(Input!$D$22=2,M1339*Input!$C$22,0)</f>
        <v>0.73713191337082962</v>
      </c>
      <c r="P1339" s="59">
        <f>IF(Input!$D$19=3,J1339*Input!$C$19,0)+IF(Input!$D$20=3,K1339*Input!$C$20,0)+IF(Input!$D$21=3,L1339*Input!$C$21,0)+IF(Input!$D$22=3,M1339*Input!$C$22,0)</f>
        <v>0</v>
      </c>
      <c r="Q1339" s="75">
        <f>IF(Input!$D$19=4,J1339*Input!$C$19,0)+IF(Input!$D$20=4,K1339*Input!$C$20,0)+IF(Input!$D$21=4,L1339*Input!$C$21,0)+IF(Input!$D$22=4,M1339*Input!$C$22,0)</f>
        <v>0</v>
      </c>
      <c r="R1339" s="58">
        <v>40.75534334513209</v>
      </c>
      <c r="S1339" s="124">
        <f t="shared" si="20"/>
        <v>1.2776953165094378</v>
      </c>
    </row>
    <row r="1340" spans="8:19" x14ac:dyDescent="0.3">
      <c r="H1340" s="44">
        <v>1333</v>
      </c>
      <c r="I1340" s="56">
        <f>Bühler!I1366</f>
        <v>0.29485276534833177</v>
      </c>
      <c r="J1340" s="59">
        <f>Bühler!J1366</f>
        <v>0.98284255116110608</v>
      </c>
      <c r="K1340" s="59">
        <f>Bühler!K1366</f>
        <v>1.4742638267416592</v>
      </c>
      <c r="L1340" s="59">
        <f>Bühler!L1366</f>
        <v>14.994801826090113</v>
      </c>
      <c r="M1340" s="58">
        <f>Bühler!M1366</f>
        <v>0</v>
      </c>
      <c r="N1340" s="56">
        <f>IF(Input!$D$19=1,J1340*Input!$C$19,0)+IF(Input!$D$20=1,K1340*Input!$C$20,0)+IF(Input!$D$21=1,L1340*Input!$C$21,0)+IF(Input!$D$22=1,M1340*Input!$C$22,0)</f>
        <v>0.29485276534833182</v>
      </c>
      <c r="O1340" s="59">
        <f>IF(Input!$D$19=2,J1340*Input!$C$19,0)+IF(Input!$D$20=2,K1340*Input!$C$20,0)+IF(Input!$D$21=2,L1340*Input!$C$21,0)+IF(Input!$D$22=2,M1340*Input!$C$22,0)</f>
        <v>0.73713191337082962</v>
      </c>
      <c r="P1340" s="59">
        <f>IF(Input!$D$19=3,J1340*Input!$C$19,0)+IF(Input!$D$20=3,K1340*Input!$C$20,0)+IF(Input!$D$21=3,L1340*Input!$C$21,0)+IF(Input!$D$22=3,M1340*Input!$C$22,0)</f>
        <v>0</v>
      </c>
      <c r="Q1340" s="75">
        <f>IF(Input!$D$19=4,J1340*Input!$C$19,0)+IF(Input!$D$20=4,K1340*Input!$C$20,0)+IF(Input!$D$21=4,L1340*Input!$C$21,0)+IF(Input!$D$22=4,M1340*Input!$C$22,0)</f>
        <v>0</v>
      </c>
      <c r="R1340" s="58">
        <v>40.633554897714035</v>
      </c>
      <c r="S1340" s="124">
        <f t="shared" si="20"/>
        <v>1.2776953165094378</v>
      </c>
    </row>
    <row r="1341" spans="8:19" x14ac:dyDescent="0.3">
      <c r="H1341" s="44">
        <v>1334</v>
      </c>
      <c r="I1341" s="56">
        <f>Bühler!I1367</f>
        <v>0.29485276534833177</v>
      </c>
      <c r="J1341" s="59">
        <f>Bühler!J1367</f>
        <v>0.98284255116110608</v>
      </c>
      <c r="K1341" s="59">
        <f>Bühler!K1367</f>
        <v>1.4742638267416592</v>
      </c>
      <c r="L1341" s="59">
        <f>Bühler!L1367</f>
        <v>14.994801826090113</v>
      </c>
      <c r="M1341" s="58">
        <f>Bühler!M1367</f>
        <v>0</v>
      </c>
      <c r="N1341" s="56">
        <f>IF(Input!$D$19=1,J1341*Input!$C$19,0)+IF(Input!$D$20=1,K1341*Input!$C$20,0)+IF(Input!$D$21=1,L1341*Input!$C$21,0)+IF(Input!$D$22=1,M1341*Input!$C$22,0)</f>
        <v>0.29485276534833182</v>
      </c>
      <c r="O1341" s="59">
        <f>IF(Input!$D$19=2,J1341*Input!$C$19,0)+IF(Input!$D$20=2,K1341*Input!$C$20,0)+IF(Input!$D$21=2,L1341*Input!$C$21,0)+IF(Input!$D$22=2,M1341*Input!$C$22,0)</f>
        <v>0.73713191337082962</v>
      </c>
      <c r="P1341" s="59">
        <f>IF(Input!$D$19=3,J1341*Input!$C$19,0)+IF(Input!$D$20=3,K1341*Input!$C$20,0)+IF(Input!$D$21=3,L1341*Input!$C$21,0)+IF(Input!$D$22=3,M1341*Input!$C$22,0)</f>
        <v>0</v>
      </c>
      <c r="Q1341" s="75">
        <f>IF(Input!$D$19=4,J1341*Input!$C$19,0)+IF(Input!$D$20=4,K1341*Input!$C$20,0)+IF(Input!$D$21=4,L1341*Input!$C$21,0)+IF(Input!$D$22=4,M1341*Input!$C$22,0)</f>
        <v>0</v>
      </c>
      <c r="R1341" s="58">
        <v>40.483451209924176</v>
      </c>
      <c r="S1341" s="124">
        <f t="shared" si="20"/>
        <v>1.2776953165094378</v>
      </c>
    </row>
    <row r="1342" spans="8:19" x14ac:dyDescent="0.3">
      <c r="H1342" s="44">
        <v>1335</v>
      </c>
      <c r="I1342" s="56">
        <f>Bühler!I1368</f>
        <v>0.29485276534833177</v>
      </c>
      <c r="J1342" s="59">
        <f>Bühler!J1368</f>
        <v>0.98284255116110608</v>
      </c>
      <c r="K1342" s="59">
        <f>Bühler!K1368</f>
        <v>1.4742638267416592</v>
      </c>
      <c r="L1342" s="59">
        <f>Bühler!L1368</f>
        <v>14.994801826090113</v>
      </c>
      <c r="M1342" s="58">
        <f>Bühler!M1368</f>
        <v>0</v>
      </c>
      <c r="N1342" s="56">
        <f>IF(Input!$D$19=1,J1342*Input!$C$19,0)+IF(Input!$D$20=1,K1342*Input!$C$20,0)+IF(Input!$D$21=1,L1342*Input!$C$21,0)+IF(Input!$D$22=1,M1342*Input!$C$22,0)</f>
        <v>0.29485276534833182</v>
      </c>
      <c r="O1342" s="59">
        <f>IF(Input!$D$19=2,J1342*Input!$C$19,0)+IF(Input!$D$20=2,K1342*Input!$C$20,0)+IF(Input!$D$21=2,L1342*Input!$C$21,0)+IF(Input!$D$22=2,M1342*Input!$C$22,0)</f>
        <v>0.73713191337082962</v>
      </c>
      <c r="P1342" s="59">
        <f>IF(Input!$D$19=3,J1342*Input!$C$19,0)+IF(Input!$D$20=3,K1342*Input!$C$20,0)+IF(Input!$D$21=3,L1342*Input!$C$21,0)+IF(Input!$D$22=3,M1342*Input!$C$22,0)</f>
        <v>0</v>
      </c>
      <c r="Q1342" s="75">
        <f>IF(Input!$D$19=4,J1342*Input!$C$19,0)+IF(Input!$D$20=4,K1342*Input!$C$20,0)+IF(Input!$D$21=4,L1342*Input!$C$21,0)+IF(Input!$D$22=4,M1342*Input!$C$22,0)</f>
        <v>0</v>
      </c>
      <c r="R1342" s="58">
        <v>40.678101372039272</v>
      </c>
      <c r="S1342" s="124">
        <f t="shared" si="20"/>
        <v>1.2776953165094378</v>
      </c>
    </row>
    <row r="1343" spans="8:19" x14ac:dyDescent="0.3">
      <c r="H1343" s="44">
        <v>1336</v>
      </c>
      <c r="I1343" s="56">
        <f>Bühler!I1369</f>
        <v>0.26209134697629488</v>
      </c>
      <c r="J1343" s="59">
        <f>Bühler!J1369</f>
        <v>0.87363782325431649</v>
      </c>
      <c r="K1343" s="59">
        <f>Bühler!K1369</f>
        <v>1.3104567348814746</v>
      </c>
      <c r="L1343" s="59">
        <f>Bühler!L1369</f>
        <v>13.328712734302323</v>
      </c>
      <c r="M1343" s="58">
        <f>Bühler!M1369</f>
        <v>0</v>
      </c>
      <c r="N1343" s="56">
        <f>IF(Input!$D$19=1,J1343*Input!$C$19,0)+IF(Input!$D$20=1,K1343*Input!$C$20,0)+IF(Input!$D$21=1,L1343*Input!$C$21,0)+IF(Input!$D$22=1,M1343*Input!$C$22,0)</f>
        <v>0.26209134697629494</v>
      </c>
      <c r="O1343" s="59">
        <f>IF(Input!$D$19=2,J1343*Input!$C$19,0)+IF(Input!$D$20=2,K1343*Input!$C$20,0)+IF(Input!$D$21=2,L1343*Input!$C$21,0)+IF(Input!$D$22=2,M1343*Input!$C$22,0)</f>
        <v>0.65522836744073731</v>
      </c>
      <c r="P1343" s="59">
        <f>IF(Input!$D$19=3,J1343*Input!$C$19,0)+IF(Input!$D$20=3,K1343*Input!$C$20,0)+IF(Input!$D$21=3,L1343*Input!$C$21,0)+IF(Input!$D$22=3,M1343*Input!$C$22,0)</f>
        <v>0</v>
      </c>
      <c r="Q1343" s="75">
        <f>IF(Input!$D$19=4,J1343*Input!$C$19,0)+IF(Input!$D$20=4,K1343*Input!$C$20,0)+IF(Input!$D$21=4,L1343*Input!$C$21,0)+IF(Input!$D$22=4,M1343*Input!$C$22,0)</f>
        <v>0</v>
      </c>
      <c r="R1343" s="58">
        <v>40.902188758985076</v>
      </c>
      <c r="S1343" s="124">
        <f t="shared" si="20"/>
        <v>1.1357291702306114</v>
      </c>
    </row>
    <row r="1344" spans="8:19" x14ac:dyDescent="0.3">
      <c r="H1344" s="44">
        <v>1337</v>
      </c>
      <c r="I1344" s="56">
        <f>Bühler!I1370</f>
        <v>0.25741114435171819</v>
      </c>
      <c r="J1344" s="59">
        <f>Bühler!J1370</f>
        <v>0.85803714783906071</v>
      </c>
      <c r="K1344" s="59">
        <f>Bühler!K1370</f>
        <v>1.287055721758591</v>
      </c>
      <c r="L1344" s="59">
        <f>Bühler!L1370</f>
        <v>13.090700006904067</v>
      </c>
      <c r="M1344" s="58">
        <f>Bühler!M1370</f>
        <v>0</v>
      </c>
      <c r="N1344" s="56">
        <f>IF(Input!$D$19=1,J1344*Input!$C$19,0)+IF(Input!$D$20=1,K1344*Input!$C$20,0)+IF(Input!$D$21=1,L1344*Input!$C$21,0)+IF(Input!$D$22=1,M1344*Input!$C$22,0)</f>
        <v>0.25741114435171819</v>
      </c>
      <c r="O1344" s="59">
        <f>IF(Input!$D$19=2,J1344*Input!$C$19,0)+IF(Input!$D$20=2,K1344*Input!$C$20,0)+IF(Input!$D$21=2,L1344*Input!$C$21,0)+IF(Input!$D$22=2,M1344*Input!$C$22,0)</f>
        <v>0.64352786087929548</v>
      </c>
      <c r="P1344" s="59">
        <f>IF(Input!$D$19=3,J1344*Input!$C$19,0)+IF(Input!$D$20=3,K1344*Input!$C$20,0)+IF(Input!$D$21=3,L1344*Input!$C$21,0)+IF(Input!$D$22=3,M1344*Input!$C$22,0)</f>
        <v>0</v>
      </c>
      <c r="Q1344" s="75">
        <f>IF(Input!$D$19=4,J1344*Input!$C$19,0)+IF(Input!$D$20=4,K1344*Input!$C$20,0)+IF(Input!$D$21=4,L1344*Input!$C$21,0)+IF(Input!$D$22=4,M1344*Input!$C$22,0)</f>
        <v>0</v>
      </c>
      <c r="R1344" s="58">
        <v>40.818581597260348</v>
      </c>
      <c r="S1344" s="124">
        <f t="shared" si="20"/>
        <v>1.1154482921907789</v>
      </c>
    </row>
    <row r="1345" spans="8:19" x14ac:dyDescent="0.3">
      <c r="H1345" s="44">
        <v>1338</v>
      </c>
      <c r="I1345" s="56">
        <f>Bühler!I1371</f>
        <v>0.21996952335510467</v>
      </c>
      <c r="J1345" s="59">
        <f>Bühler!J1371</f>
        <v>0.73323174451701567</v>
      </c>
      <c r="K1345" s="59">
        <f>Bühler!K1371</f>
        <v>1.0998476167755236</v>
      </c>
      <c r="L1345" s="59">
        <f>Bühler!L1371</f>
        <v>11.186598187718023</v>
      </c>
      <c r="M1345" s="58">
        <f>Bühler!M1371</f>
        <v>0</v>
      </c>
      <c r="N1345" s="56">
        <f>IF(Input!$D$19=1,J1345*Input!$C$19,0)+IF(Input!$D$20=1,K1345*Input!$C$20,0)+IF(Input!$D$21=1,L1345*Input!$C$21,0)+IF(Input!$D$22=1,M1345*Input!$C$22,0)</f>
        <v>0.2199695233551047</v>
      </c>
      <c r="O1345" s="59">
        <f>IF(Input!$D$19=2,J1345*Input!$C$19,0)+IF(Input!$D$20=2,K1345*Input!$C$20,0)+IF(Input!$D$21=2,L1345*Input!$C$21,0)+IF(Input!$D$22=2,M1345*Input!$C$22,0)</f>
        <v>0.54992380838776178</v>
      </c>
      <c r="P1345" s="59">
        <f>IF(Input!$D$19=3,J1345*Input!$C$19,0)+IF(Input!$D$20=3,K1345*Input!$C$20,0)+IF(Input!$D$21=3,L1345*Input!$C$21,0)+IF(Input!$D$22=3,M1345*Input!$C$22,0)</f>
        <v>0</v>
      </c>
      <c r="Q1345" s="75">
        <f>IF(Input!$D$19=4,J1345*Input!$C$19,0)+IF(Input!$D$20=4,K1345*Input!$C$20,0)+IF(Input!$D$21=4,L1345*Input!$C$21,0)+IF(Input!$D$22=4,M1345*Input!$C$22,0)</f>
        <v>0</v>
      </c>
      <c r="R1345" s="58">
        <v>41.263098682986694</v>
      </c>
      <c r="S1345" s="124">
        <f t="shared" si="20"/>
        <v>0.95320126787212034</v>
      </c>
    </row>
    <row r="1346" spans="8:19" x14ac:dyDescent="0.3">
      <c r="H1346" s="44">
        <v>1339</v>
      </c>
      <c r="I1346" s="56">
        <f>Bühler!I1372</f>
        <v>0.20592891548137462</v>
      </c>
      <c r="J1346" s="59">
        <f>Bühler!J1372</f>
        <v>0.68642971827124877</v>
      </c>
      <c r="K1346" s="59">
        <f>Bühler!K1372</f>
        <v>1.0296445774068732</v>
      </c>
      <c r="L1346" s="59">
        <f>Bühler!L1372</f>
        <v>10.472560005523256</v>
      </c>
      <c r="M1346" s="58">
        <f>Bühler!M1372</f>
        <v>0</v>
      </c>
      <c r="N1346" s="56">
        <f>IF(Input!$D$19=1,J1346*Input!$C$19,0)+IF(Input!$D$20=1,K1346*Input!$C$20,0)+IF(Input!$D$21=1,L1346*Input!$C$21,0)+IF(Input!$D$22=1,M1346*Input!$C$22,0)</f>
        <v>0.20592891548137462</v>
      </c>
      <c r="O1346" s="59">
        <f>IF(Input!$D$19=2,J1346*Input!$C$19,0)+IF(Input!$D$20=2,K1346*Input!$C$20,0)+IF(Input!$D$21=2,L1346*Input!$C$21,0)+IF(Input!$D$22=2,M1346*Input!$C$22,0)</f>
        <v>0.5148222887034366</v>
      </c>
      <c r="P1346" s="59">
        <f>IF(Input!$D$19=3,J1346*Input!$C$19,0)+IF(Input!$D$20=3,K1346*Input!$C$20,0)+IF(Input!$D$21=3,L1346*Input!$C$21,0)+IF(Input!$D$22=3,M1346*Input!$C$22,0)</f>
        <v>0</v>
      </c>
      <c r="Q1346" s="75">
        <f>IF(Input!$D$19=4,J1346*Input!$C$19,0)+IF(Input!$D$20=4,K1346*Input!$C$20,0)+IF(Input!$D$21=4,L1346*Input!$C$21,0)+IF(Input!$D$22=4,M1346*Input!$C$22,0)</f>
        <v>0</v>
      </c>
      <c r="R1346" s="58">
        <v>41.481436419344689</v>
      </c>
      <c r="S1346" s="124">
        <f t="shared" si="20"/>
        <v>0.89235863375262336</v>
      </c>
    </row>
    <row r="1347" spans="8:19" x14ac:dyDescent="0.3">
      <c r="H1347" s="44">
        <v>1340</v>
      </c>
      <c r="I1347" s="56">
        <f>Bühler!I1373</f>
        <v>0.17316749710933774</v>
      </c>
      <c r="J1347" s="59">
        <f>Bühler!J1373</f>
        <v>0.57722499036445918</v>
      </c>
      <c r="K1347" s="59">
        <f>Bühler!K1373</f>
        <v>0.86583748554668882</v>
      </c>
      <c r="L1347" s="59">
        <f>Bühler!L1373</f>
        <v>8.8064709137354651</v>
      </c>
      <c r="M1347" s="58">
        <f>Bühler!M1373</f>
        <v>0</v>
      </c>
      <c r="N1347" s="56">
        <f>IF(Input!$D$19=1,J1347*Input!$C$19,0)+IF(Input!$D$20=1,K1347*Input!$C$20,0)+IF(Input!$D$21=1,L1347*Input!$C$21,0)+IF(Input!$D$22=1,M1347*Input!$C$22,0)</f>
        <v>0.17316749710933774</v>
      </c>
      <c r="O1347" s="59">
        <f>IF(Input!$D$19=2,J1347*Input!$C$19,0)+IF(Input!$D$20=2,K1347*Input!$C$20,0)+IF(Input!$D$21=2,L1347*Input!$C$21,0)+IF(Input!$D$22=2,M1347*Input!$C$22,0)</f>
        <v>0.43291874277334441</v>
      </c>
      <c r="P1347" s="59">
        <f>IF(Input!$D$19=3,J1347*Input!$C$19,0)+IF(Input!$D$20=3,K1347*Input!$C$20,0)+IF(Input!$D$21=3,L1347*Input!$C$21,0)+IF(Input!$D$22=3,M1347*Input!$C$22,0)</f>
        <v>0</v>
      </c>
      <c r="Q1347" s="75">
        <f>IF(Input!$D$19=4,J1347*Input!$C$19,0)+IF(Input!$D$20=4,K1347*Input!$C$20,0)+IF(Input!$D$21=4,L1347*Input!$C$21,0)+IF(Input!$D$22=4,M1347*Input!$C$22,0)</f>
        <v>0</v>
      </c>
      <c r="R1347" s="58">
        <v>41.552905303428801</v>
      </c>
      <c r="S1347" s="124">
        <f t="shared" si="20"/>
        <v>0.75039248747379694</v>
      </c>
    </row>
    <row r="1348" spans="8:19" x14ac:dyDescent="0.3">
      <c r="H1348" s="44">
        <v>1341</v>
      </c>
      <c r="I1348" s="56">
        <f>Bühler!I1374</f>
        <v>0.14508628136187757</v>
      </c>
      <c r="J1348" s="59">
        <f>Bühler!J1374</f>
        <v>0.48362093787292526</v>
      </c>
      <c r="K1348" s="59">
        <f>Bühler!K1374</f>
        <v>0.72543140680938789</v>
      </c>
      <c r="L1348" s="59">
        <f>Bühler!L1374</f>
        <v>7.3783945493459289</v>
      </c>
      <c r="M1348" s="58">
        <f>Bühler!M1374</f>
        <v>0</v>
      </c>
      <c r="N1348" s="56">
        <f>IF(Input!$D$19=1,J1348*Input!$C$19,0)+IF(Input!$D$20=1,K1348*Input!$C$20,0)+IF(Input!$D$21=1,L1348*Input!$C$21,0)+IF(Input!$D$22=1,M1348*Input!$C$22,0)</f>
        <v>0.14508628136187757</v>
      </c>
      <c r="O1348" s="59">
        <f>IF(Input!$D$19=2,J1348*Input!$C$19,0)+IF(Input!$D$20=2,K1348*Input!$C$20,0)+IF(Input!$D$21=2,L1348*Input!$C$21,0)+IF(Input!$D$22=2,M1348*Input!$C$22,0)</f>
        <v>0.36271570340469395</v>
      </c>
      <c r="P1348" s="59">
        <f>IF(Input!$D$19=3,J1348*Input!$C$19,0)+IF(Input!$D$20=3,K1348*Input!$C$20,0)+IF(Input!$D$21=3,L1348*Input!$C$21,0)+IF(Input!$D$22=3,M1348*Input!$C$22,0)</f>
        <v>0</v>
      </c>
      <c r="Q1348" s="75">
        <f>IF(Input!$D$19=4,J1348*Input!$C$19,0)+IF(Input!$D$20=4,K1348*Input!$C$20,0)+IF(Input!$D$21=4,L1348*Input!$C$21,0)+IF(Input!$D$22=4,M1348*Input!$C$22,0)</f>
        <v>0</v>
      </c>
      <c r="R1348" s="58">
        <v>41.951052935255952</v>
      </c>
      <c r="S1348" s="124">
        <f t="shared" si="20"/>
        <v>0.62870721923480288</v>
      </c>
    </row>
    <row r="1349" spans="8:19" x14ac:dyDescent="0.3">
      <c r="H1349" s="44">
        <v>1342</v>
      </c>
      <c r="I1349" s="56">
        <f>Bühler!I1375</f>
        <v>0.12636547086357078</v>
      </c>
      <c r="J1349" s="59">
        <f>Bühler!J1375</f>
        <v>0.42121823621190269</v>
      </c>
      <c r="K1349" s="59">
        <f>Bühler!K1375</f>
        <v>0.63182735431785397</v>
      </c>
      <c r="L1349" s="59">
        <f>Bühler!L1375</f>
        <v>6.4263436397529059</v>
      </c>
      <c r="M1349" s="58">
        <f>Bühler!M1375</f>
        <v>0</v>
      </c>
      <c r="N1349" s="56">
        <f>IF(Input!$D$19=1,J1349*Input!$C$19,0)+IF(Input!$D$20=1,K1349*Input!$C$20,0)+IF(Input!$D$21=1,L1349*Input!$C$21,0)+IF(Input!$D$22=1,M1349*Input!$C$22,0)</f>
        <v>0.12636547086357081</v>
      </c>
      <c r="O1349" s="59">
        <f>IF(Input!$D$19=2,J1349*Input!$C$19,0)+IF(Input!$D$20=2,K1349*Input!$C$20,0)+IF(Input!$D$21=2,L1349*Input!$C$21,0)+IF(Input!$D$22=2,M1349*Input!$C$22,0)</f>
        <v>0.31591367715892699</v>
      </c>
      <c r="P1349" s="59">
        <f>IF(Input!$D$19=3,J1349*Input!$C$19,0)+IF(Input!$D$20=3,K1349*Input!$C$20,0)+IF(Input!$D$21=3,L1349*Input!$C$21,0)+IF(Input!$D$22=3,M1349*Input!$C$22,0)</f>
        <v>0</v>
      </c>
      <c r="Q1349" s="75">
        <f>IF(Input!$D$19=4,J1349*Input!$C$19,0)+IF(Input!$D$20=4,K1349*Input!$C$20,0)+IF(Input!$D$21=4,L1349*Input!$C$21,0)+IF(Input!$D$22=4,M1349*Input!$C$22,0)</f>
        <v>0</v>
      </c>
      <c r="R1349" s="58">
        <v>42.483557225351674</v>
      </c>
      <c r="S1349" s="124">
        <f t="shared" si="20"/>
        <v>0.54758370707547344</v>
      </c>
    </row>
    <row r="1350" spans="8:19" x14ac:dyDescent="0.3">
      <c r="H1350" s="44">
        <v>1343</v>
      </c>
      <c r="I1350" s="56">
        <f>Bühler!I1376</f>
        <v>0.12636547086357078</v>
      </c>
      <c r="J1350" s="59">
        <f>Bühler!J1376</f>
        <v>0.42121823621190269</v>
      </c>
      <c r="K1350" s="59">
        <f>Bühler!K1376</f>
        <v>0.63182735431785397</v>
      </c>
      <c r="L1350" s="59">
        <f>Bühler!L1376</f>
        <v>6.4263436397529059</v>
      </c>
      <c r="M1350" s="58">
        <f>Bühler!M1376</f>
        <v>0</v>
      </c>
      <c r="N1350" s="56">
        <f>IF(Input!$D$19=1,J1350*Input!$C$19,0)+IF(Input!$D$20=1,K1350*Input!$C$20,0)+IF(Input!$D$21=1,L1350*Input!$C$21,0)+IF(Input!$D$22=1,M1350*Input!$C$22,0)</f>
        <v>0.12636547086357081</v>
      </c>
      <c r="O1350" s="59">
        <f>IF(Input!$D$19=2,J1350*Input!$C$19,0)+IF(Input!$D$20=2,K1350*Input!$C$20,0)+IF(Input!$D$21=2,L1350*Input!$C$21,0)+IF(Input!$D$22=2,M1350*Input!$C$22,0)</f>
        <v>0.31591367715892699</v>
      </c>
      <c r="P1350" s="59">
        <f>IF(Input!$D$19=3,J1350*Input!$C$19,0)+IF(Input!$D$20=3,K1350*Input!$C$20,0)+IF(Input!$D$21=3,L1350*Input!$C$21,0)+IF(Input!$D$22=3,M1350*Input!$C$22,0)</f>
        <v>0</v>
      </c>
      <c r="Q1350" s="75">
        <f>IF(Input!$D$19=4,J1350*Input!$C$19,0)+IF(Input!$D$20=4,K1350*Input!$C$20,0)+IF(Input!$D$21=4,L1350*Input!$C$21,0)+IF(Input!$D$22=4,M1350*Input!$C$22,0)</f>
        <v>0</v>
      </c>
      <c r="R1350" s="58">
        <v>43.171643556555026</v>
      </c>
      <c r="S1350" s="124">
        <f t="shared" si="20"/>
        <v>0.54758370707547344</v>
      </c>
    </row>
    <row r="1351" spans="8:19" x14ac:dyDescent="0.3">
      <c r="H1351" s="44">
        <v>1344</v>
      </c>
      <c r="I1351" s="56">
        <f>Bühler!I1377</f>
        <v>0.12636547086357078</v>
      </c>
      <c r="J1351" s="59">
        <f>Bühler!J1377</f>
        <v>0.42121823621190269</v>
      </c>
      <c r="K1351" s="59">
        <f>Bühler!K1377</f>
        <v>0.63182735431785397</v>
      </c>
      <c r="L1351" s="59">
        <f>Bühler!L1377</f>
        <v>6.4263436397529059</v>
      </c>
      <c r="M1351" s="58">
        <f>Bühler!M1377</f>
        <v>0</v>
      </c>
      <c r="N1351" s="56">
        <f>IF(Input!$D$19=1,J1351*Input!$C$19,0)+IF(Input!$D$20=1,K1351*Input!$C$20,0)+IF(Input!$D$21=1,L1351*Input!$C$21,0)+IF(Input!$D$22=1,M1351*Input!$C$22,0)</f>
        <v>0.12636547086357081</v>
      </c>
      <c r="O1351" s="59">
        <f>IF(Input!$D$19=2,J1351*Input!$C$19,0)+IF(Input!$D$20=2,K1351*Input!$C$20,0)+IF(Input!$D$21=2,L1351*Input!$C$21,0)+IF(Input!$D$22=2,M1351*Input!$C$22,0)</f>
        <v>0.31591367715892699</v>
      </c>
      <c r="P1351" s="59">
        <f>IF(Input!$D$19=3,J1351*Input!$C$19,0)+IF(Input!$D$20=3,K1351*Input!$C$20,0)+IF(Input!$D$21=3,L1351*Input!$C$21,0)+IF(Input!$D$22=3,M1351*Input!$C$22,0)</f>
        <v>0</v>
      </c>
      <c r="Q1351" s="75">
        <f>IF(Input!$D$19=4,J1351*Input!$C$19,0)+IF(Input!$D$20=4,K1351*Input!$C$20,0)+IF(Input!$D$21=4,L1351*Input!$C$21,0)+IF(Input!$D$22=4,M1351*Input!$C$22,0)</f>
        <v>0</v>
      </c>
      <c r="R1351" s="58">
        <v>43.299272819230588</v>
      </c>
      <c r="S1351" s="124">
        <f t="shared" si="20"/>
        <v>0.54758370707547344</v>
      </c>
    </row>
    <row r="1352" spans="8:19" x14ac:dyDescent="0.3">
      <c r="H1352" s="44">
        <v>1345</v>
      </c>
      <c r="I1352" s="56">
        <f>Bühler!I1378</f>
        <v>7.7218324099526545E-2</v>
      </c>
      <c r="J1352" s="59">
        <f>Bühler!J1378</f>
        <v>0.25739441366508847</v>
      </c>
      <c r="K1352" s="59">
        <f>Bühler!K1378</f>
        <v>0.38609162049763274</v>
      </c>
      <c r="L1352" s="59">
        <f>Bühler!L1378</f>
        <v>1.853239778388637</v>
      </c>
      <c r="M1352" s="58">
        <f>Bühler!M1378</f>
        <v>0</v>
      </c>
      <c r="N1352" s="56">
        <f>IF(Input!$D$19=1,J1352*Input!$C$19,0)+IF(Input!$D$20=1,K1352*Input!$C$20,0)+IF(Input!$D$21=1,L1352*Input!$C$21,0)+IF(Input!$D$22=1,M1352*Input!$C$22,0)</f>
        <v>7.7218324099526545E-2</v>
      </c>
      <c r="O1352" s="59">
        <f>IF(Input!$D$19=2,J1352*Input!$C$19,0)+IF(Input!$D$20=2,K1352*Input!$C$20,0)+IF(Input!$D$21=2,L1352*Input!$C$21,0)+IF(Input!$D$22=2,M1352*Input!$C$22,0)</f>
        <v>0.19304581024881637</v>
      </c>
      <c r="P1352" s="59">
        <f>IF(Input!$D$19=3,J1352*Input!$C$19,0)+IF(Input!$D$20=3,K1352*Input!$C$20,0)+IF(Input!$D$21=3,L1352*Input!$C$21,0)+IF(Input!$D$22=3,M1352*Input!$C$22,0)</f>
        <v>0</v>
      </c>
      <c r="Q1352" s="75">
        <f>IF(Input!$D$19=4,J1352*Input!$C$19,0)+IF(Input!$D$20=4,K1352*Input!$C$20,0)+IF(Input!$D$21=4,L1352*Input!$C$21,0)+IF(Input!$D$22=4,M1352*Input!$C$22,0)</f>
        <v>0</v>
      </c>
      <c r="R1352" s="58">
        <v>43.385570201715851</v>
      </c>
      <c r="S1352" s="124">
        <f t="shared" si="20"/>
        <v>0.33461273776461503</v>
      </c>
    </row>
    <row r="1353" spans="8:19" x14ac:dyDescent="0.3">
      <c r="H1353" s="44">
        <v>1346</v>
      </c>
      <c r="I1353" s="56">
        <f>Bühler!I1379</f>
        <v>7.7218324099526545E-2</v>
      </c>
      <c r="J1353" s="59">
        <f>Bühler!J1379</f>
        <v>0.25739441366508847</v>
      </c>
      <c r="K1353" s="59">
        <f>Bühler!K1379</f>
        <v>0.38609162049763274</v>
      </c>
      <c r="L1353" s="59">
        <f>Bühler!L1379</f>
        <v>1.853239778388637</v>
      </c>
      <c r="M1353" s="58">
        <f>Bühler!M1379</f>
        <v>0</v>
      </c>
      <c r="N1353" s="56">
        <f>IF(Input!$D$19=1,J1353*Input!$C$19,0)+IF(Input!$D$20=1,K1353*Input!$C$20,0)+IF(Input!$D$21=1,L1353*Input!$C$21,0)+IF(Input!$D$22=1,M1353*Input!$C$22,0)</f>
        <v>7.7218324099526545E-2</v>
      </c>
      <c r="O1353" s="59">
        <f>IF(Input!$D$19=2,J1353*Input!$C$19,0)+IF(Input!$D$20=2,K1353*Input!$C$20,0)+IF(Input!$D$21=2,L1353*Input!$C$21,0)+IF(Input!$D$22=2,M1353*Input!$C$22,0)</f>
        <v>0.19304581024881637</v>
      </c>
      <c r="P1353" s="59">
        <f>IF(Input!$D$19=3,J1353*Input!$C$19,0)+IF(Input!$D$20=3,K1353*Input!$C$20,0)+IF(Input!$D$21=3,L1353*Input!$C$21,0)+IF(Input!$D$22=3,M1353*Input!$C$22,0)</f>
        <v>0</v>
      </c>
      <c r="Q1353" s="75">
        <f>IF(Input!$D$19=4,J1353*Input!$C$19,0)+IF(Input!$D$20=4,K1353*Input!$C$20,0)+IF(Input!$D$21=4,L1353*Input!$C$21,0)+IF(Input!$D$22=4,M1353*Input!$C$22,0)</f>
        <v>0</v>
      </c>
      <c r="R1353" s="58">
        <v>43.878714341809477</v>
      </c>
      <c r="S1353" s="124">
        <f t="shared" ref="S1353:S1416" si="21">I1353+J1353</f>
        <v>0.33461273776461503</v>
      </c>
    </row>
    <row r="1354" spans="8:19" x14ac:dyDescent="0.3">
      <c r="H1354" s="44">
        <v>1347</v>
      </c>
      <c r="I1354" s="56">
        <f>Bühler!I1380</f>
        <v>7.7218324099526545E-2</v>
      </c>
      <c r="J1354" s="59">
        <f>Bühler!J1380</f>
        <v>0.25739441366508847</v>
      </c>
      <c r="K1354" s="59">
        <f>Bühler!K1380</f>
        <v>0.38609162049763274</v>
      </c>
      <c r="L1354" s="59">
        <f>Bühler!L1380</f>
        <v>1.853239778388637</v>
      </c>
      <c r="M1354" s="58">
        <f>Bühler!M1380</f>
        <v>0</v>
      </c>
      <c r="N1354" s="56">
        <f>IF(Input!$D$19=1,J1354*Input!$C$19,0)+IF(Input!$D$20=1,K1354*Input!$C$20,0)+IF(Input!$D$21=1,L1354*Input!$C$21,0)+IF(Input!$D$22=1,M1354*Input!$C$22,0)</f>
        <v>7.7218324099526545E-2</v>
      </c>
      <c r="O1354" s="59">
        <f>IF(Input!$D$19=2,J1354*Input!$C$19,0)+IF(Input!$D$20=2,K1354*Input!$C$20,0)+IF(Input!$D$21=2,L1354*Input!$C$21,0)+IF(Input!$D$22=2,M1354*Input!$C$22,0)</f>
        <v>0.19304581024881637</v>
      </c>
      <c r="P1354" s="59">
        <f>IF(Input!$D$19=3,J1354*Input!$C$19,0)+IF(Input!$D$20=3,K1354*Input!$C$20,0)+IF(Input!$D$21=3,L1354*Input!$C$21,0)+IF(Input!$D$22=3,M1354*Input!$C$22,0)</f>
        <v>0</v>
      </c>
      <c r="Q1354" s="75">
        <f>IF(Input!$D$19=4,J1354*Input!$C$19,0)+IF(Input!$D$20=4,K1354*Input!$C$20,0)+IF(Input!$D$21=4,L1354*Input!$C$21,0)+IF(Input!$D$22=4,M1354*Input!$C$22,0)</f>
        <v>0</v>
      </c>
      <c r="R1354" s="58">
        <v>45.029559263882547</v>
      </c>
      <c r="S1354" s="124">
        <f t="shared" si="21"/>
        <v>0.33461273776461503</v>
      </c>
    </row>
    <row r="1355" spans="8:19" x14ac:dyDescent="0.3">
      <c r="H1355" s="44">
        <v>1348</v>
      </c>
      <c r="I1355" s="56">
        <f>Bühler!I1381</f>
        <v>7.7218324099526545E-2</v>
      </c>
      <c r="J1355" s="59">
        <f>Bühler!J1381</f>
        <v>0.25739441366508847</v>
      </c>
      <c r="K1355" s="59">
        <f>Bühler!K1381</f>
        <v>0.38609162049763274</v>
      </c>
      <c r="L1355" s="59">
        <f>Bühler!L1381</f>
        <v>1.853239778388637</v>
      </c>
      <c r="M1355" s="58">
        <f>Bühler!M1381</f>
        <v>0</v>
      </c>
      <c r="N1355" s="56">
        <f>IF(Input!$D$19=1,J1355*Input!$C$19,0)+IF(Input!$D$20=1,K1355*Input!$C$20,0)+IF(Input!$D$21=1,L1355*Input!$C$21,0)+IF(Input!$D$22=1,M1355*Input!$C$22,0)</f>
        <v>7.7218324099526545E-2</v>
      </c>
      <c r="O1355" s="59">
        <f>IF(Input!$D$19=2,J1355*Input!$C$19,0)+IF(Input!$D$20=2,K1355*Input!$C$20,0)+IF(Input!$D$21=2,L1355*Input!$C$21,0)+IF(Input!$D$22=2,M1355*Input!$C$22,0)</f>
        <v>0.19304581024881637</v>
      </c>
      <c r="P1355" s="59">
        <f>IF(Input!$D$19=3,J1355*Input!$C$19,0)+IF(Input!$D$20=3,K1355*Input!$C$20,0)+IF(Input!$D$21=3,L1355*Input!$C$21,0)+IF(Input!$D$22=3,M1355*Input!$C$22,0)</f>
        <v>0</v>
      </c>
      <c r="Q1355" s="75">
        <f>IF(Input!$D$19=4,J1355*Input!$C$19,0)+IF(Input!$D$20=4,K1355*Input!$C$20,0)+IF(Input!$D$21=4,L1355*Input!$C$21,0)+IF(Input!$D$22=4,M1355*Input!$C$22,0)</f>
        <v>0</v>
      </c>
      <c r="R1355" s="58">
        <v>46.130333462157886</v>
      </c>
      <c r="S1355" s="124">
        <f t="shared" si="21"/>
        <v>0.33461273776461503</v>
      </c>
    </row>
    <row r="1356" spans="8:19" x14ac:dyDescent="0.3">
      <c r="H1356" s="44">
        <v>1349</v>
      </c>
      <c r="I1356" s="56">
        <f>Bühler!I1382</f>
        <v>7.7218324099526545E-2</v>
      </c>
      <c r="J1356" s="59">
        <f>Bühler!J1382</f>
        <v>0.25739441366508847</v>
      </c>
      <c r="K1356" s="59">
        <f>Bühler!K1382</f>
        <v>0.38609162049763274</v>
      </c>
      <c r="L1356" s="59">
        <f>Bühler!L1382</f>
        <v>1.853239778388637</v>
      </c>
      <c r="M1356" s="58">
        <f>Bühler!M1382</f>
        <v>0</v>
      </c>
      <c r="N1356" s="56">
        <f>IF(Input!$D$19=1,J1356*Input!$C$19,0)+IF(Input!$D$20=1,K1356*Input!$C$20,0)+IF(Input!$D$21=1,L1356*Input!$C$21,0)+IF(Input!$D$22=1,M1356*Input!$C$22,0)</f>
        <v>7.7218324099526545E-2</v>
      </c>
      <c r="O1356" s="59">
        <f>IF(Input!$D$19=2,J1356*Input!$C$19,0)+IF(Input!$D$20=2,K1356*Input!$C$20,0)+IF(Input!$D$21=2,L1356*Input!$C$21,0)+IF(Input!$D$22=2,M1356*Input!$C$22,0)</f>
        <v>0.19304581024881637</v>
      </c>
      <c r="P1356" s="59">
        <f>IF(Input!$D$19=3,J1356*Input!$C$19,0)+IF(Input!$D$20=3,K1356*Input!$C$20,0)+IF(Input!$D$21=3,L1356*Input!$C$21,0)+IF(Input!$D$22=3,M1356*Input!$C$22,0)</f>
        <v>0</v>
      </c>
      <c r="Q1356" s="75">
        <f>IF(Input!$D$19=4,J1356*Input!$C$19,0)+IF(Input!$D$20=4,K1356*Input!$C$20,0)+IF(Input!$D$21=4,L1356*Input!$C$21,0)+IF(Input!$D$22=4,M1356*Input!$C$22,0)</f>
        <v>0</v>
      </c>
      <c r="R1356" s="58">
        <v>49.015580164474571</v>
      </c>
      <c r="S1356" s="124">
        <f t="shared" si="21"/>
        <v>0.33461273776461503</v>
      </c>
    </row>
    <row r="1357" spans="8:19" x14ac:dyDescent="0.3">
      <c r="H1357" s="44">
        <v>1350</v>
      </c>
      <c r="I1357" s="56">
        <f>Bühler!I1383</f>
        <v>0.33461273776461498</v>
      </c>
      <c r="J1357" s="59">
        <f>Bühler!J1383</f>
        <v>1.1153757925487167</v>
      </c>
      <c r="K1357" s="59">
        <f>Bühler!K1383</f>
        <v>1.673063688823075</v>
      </c>
      <c r="L1357" s="59">
        <f>Bühler!L1383</f>
        <v>8.0307057063507603</v>
      </c>
      <c r="M1357" s="58">
        <f>Bühler!M1383</f>
        <v>0</v>
      </c>
      <c r="N1357" s="56">
        <f>IF(Input!$D$19=1,J1357*Input!$C$19,0)+IF(Input!$D$20=1,K1357*Input!$C$20,0)+IF(Input!$D$21=1,L1357*Input!$C$21,0)+IF(Input!$D$22=1,M1357*Input!$C$22,0)</f>
        <v>0.33461273776461498</v>
      </c>
      <c r="O1357" s="59">
        <f>IF(Input!$D$19=2,J1357*Input!$C$19,0)+IF(Input!$D$20=2,K1357*Input!$C$20,0)+IF(Input!$D$21=2,L1357*Input!$C$21,0)+IF(Input!$D$22=2,M1357*Input!$C$22,0)</f>
        <v>0.8365318444115375</v>
      </c>
      <c r="P1357" s="59">
        <f>IF(Input!$D$19=3,J1357*Input!$C$19,0)+IF(Input!$D$20=3,K1357*Input!$C$20,0)+IF(Input!$D$21=3,L1357*Input!$C$21,0)+IF(Input!$D$22=3,M1357*Input!$C$22,0)</f>
        <v>0</v>
      </c>
      <c r="Q1357" s="75">
        <f>IF(Input!$D$19=4,J1357*Input!$C$19,0)+IF(Input!$D$20=4,K1357*Input!$C$20,0)+IF(Input!$D$21=4,L1357*Input!$C$21,0)+IF(Input!$D$22=4,M1357*Input!$C$22,0)</f>
        <v>0</v>
      </c>
      <c r="R1357" s="58">
        <v>54.239185796788064</v>
      </c>
      <c r="S1357" s="124">
        <f t="shared" si="21"/>
        <v>1.4499885303133317</v>
      </c>
    </row>
    <row r="1358" spans="8:19" x14ac:dyDescent="0.3">
      <c r="H1358" s="44">
        <v>1351</v>
      </c>
      <c r="I1358" s="56">
        <f>Bühler!I1384</f>
        <v>0.37965676015600552</v>
      </c>
      <c r="J1358" s="59">
        <f>Bühler!J1384</f>
        <v>1.2655225338533518</v>
      </c>
      <c r="K1358" s="59">
        <f>Bühler!K1384</f>
        <v>1.8982838007800276</v>
      </c>
      <c r="L1358" s="59">
        <f>Bühler!L1384</f>
        <v>9.111762243744133</v>
      </c>
      <c r="M1358" s="58">
        <f>Bühler!M1384</f>
        <v>0</v>
      </c>
      <c r="N1358" s="56">
        <f>IF(Input!$D$19=1,J1358*Input!$C$19,0)+IF(Input!$D$20=1,K1358*Input!$C$20,0)+IF(Input!$D$21=1,L1358*Input!$C$21,0)+IF(Input!$D$22=1,M1358*Input!$C$22,0)</f>
        <v>0.37965676015600552</v>
      </c>
      <c r="O1358" s="59">
        <f>IF(Input!$D$19=2,J1358*Input!$C$19,0)+IF(Input!$D$20=2,K1358*Input!$C$20,0)+IF(Input!$D$21=2,L1358*Input!$C$21,0)+IF(Input!$D$22=2,M1358*Input!$C$22,0)</f>
        <v>0.94914190039001378</v>
      </c>
      <c r="P1358" s="59">
        <f>IF(Input!$D$19=3,J1358*Input!$C$19,0)+IF(Input!$D$20=3,K1358*Input!$C$20,0)+IF(Input!$D$21=3,L1358*Input!$C$21,0)+IF(Input!$D$22=3,M1358*Input!$C$22,0)</f>
        <v>0</v>
      </c>
      <c r="Q1358" s="75">
        <f>IF(Input!$D$19=4,J1358*Input!$C$19,0)+IF(Input!$D$20=4,K1358*Input!$C$20,0)+IF(Input!$D$21=4,L1358*Input!$C$21,0)+IF(Input!$D$22=4,M1358*Input!$C$22,0)</f>
        <v>0</v>
      </c>
      <c r="R1358" s="58">
        <v>60.10411010822925</v>
      </c>
      <c r="S1358" s="124">
        <f t="shared" si="21"/>
        <v>1.6451792940093573</v>
      </c>
    </row>
    <row r="1359" spans="8:19" x14ac:dyDescent="0.3">
      <c r="H1359" s="44">
        <v>1352</v>
      </c>
      <c r="I1359" s="56">
        <f>Bühler!I1385</f>
        <v>0.37965676015600552</v>
      </c>
      <c r="J1359" s="59">
        <f>Bühler!J1385</f>
        <v>1.2655225338533518</v>
      </c>
      <c r="K1359" s="59">
        <f>Bühler!K1385</f>
        <v>1.8982838007800276</v>
      </c>
      <c r="L1359" s="59">
        <f>Bühler!L1385</f>
        <v>9.111762243744133</v>
      </c>
      <c r="M1359" s="58">
        <f>Bühler!M1385</f>
        <v>0</v>
      </c>
      <c r="N1359" s="56">
        <f>IF(Input!$D$19=1,J1359*Input!$C$19,0)+IF(Input!$D$20=1,K1359*Input!$C$20,0)+IF(Input!$D$21=1,L1359*Input!$C$21,0)+IF(Input!$D$22=1,M1359*Input!$C$22,0)</f>
        <v>0.37965676015600552</v>
      </c>
      <c r="O1359" s="59">
        <f>IF(Input!$D$19=2,J1359*Input!$C$19,0)+IF(Input!$D$20=2,K1359*Input!$C$20,0)+IF(Input!$D$21=2,L1359*Input!$C$21,0)+IF(Input!$D$22=2,M1359*Input!$C$22,0)</f>
        <v>0.94914190039001378</v>
      </c>
      <c r="P1359" s="59">
        <f>IF(Input!$D$19=3,J1359*Input!$C$19,0)+IF(Input!$D$20=3,K1359*Input!$C$20,0)+IF(Input!$D$21=3,L1359*Input!$C$21,0)+IF(Input!$D$22=3,M1359*Input!$C$22,0)</f>
        <v>0</v>
      </c>
      <c r="Q1359" s="75">
        <f>IF(Input!$D$19=4,J1359*Input!$C$19,0)+IF(Input!$D$20=4,K1359*Input!$C$20,0)+IF(Input!$D$21=4,L1359*Input!$C$21,0)+IF(Input!$D$22=4,M1359*Input!$C$22,0)</f>
        <v>0</v>
      </c>
      <c r="R1359" s="58">
        <v>63.280659704472718</v>
      </c>
      <c r="S1359" s="124">
        <f t="shared" si="21"/>
        <v>1.6451792940093573</v>
      </c>
    </row>
    <row r="1360" spans="8:19" x14ac:dyDescent="0.3">
      <c r="H1360" s="44">
        <v>1353</v>
      </c>
      <c r="I1360" s="56">
        <f>Bühler!I1386</f>
        <v>0.37965676015600552</v>
      </c>
      <c r="J1360" s="59">
        <f>Bühler!J1386</f>
        <v>1.2655225338533518</v>
      </c>
      <c r="K1360" s="59">
        <f>Bühler!K1386</f>
        <v>1.8982838007800276</v>
      </c>
      <c r="L1360" s="59">
        <f>Bühler!L1386</f>
        <v>9.111762243744133</v>
      </c>
      <c r="M1360" s="58">
        <f>Bühler!M1386</f>
        <v>0</v>
      </c>
      <c r="N1360" s="56">
        <f>IF(Input!$D$19=1,J1360*Input!$C$19,0)+IF(Input!$D$20=1,K1360*Input!$C$20,0)+IF(Input!$D$21=1,L1360*Input!$C$21,0)+IF(Input!$D$22=1,M1360*Input!$C$22,0)</f>
        <v>0.37965676015600552</v>
      </c>
      <c r="O1360" s="59">
        <f>IF(Input!$D$19=2,J1360*Input!$C$19,0)+IF(Input!$D$20=2,K1360*Input!$C$20,0)+IF(Input!$D$21=2,L1360*Input!$C$21,0)+IF(Input!$D$22=2,M1360*Input!$C$22,0)</f>
        <v>0.94914190039001378</v>
      </c>
      <c r="P1360" s="59">
        <f>IF(Input!$D$19=3,J1360*Input!$C$19,0)+IF(Input!$D$20=3,K1360*Input!$C$20,0)+IF(Input!$D$21=3,L1360*Input!$C$21,0)+IF(Input!$D$22=3,M1360*Input!$C$22,0)</f>
        <v>0</v>
      </c>
      <c r="Q1360" s="75">
        <f>IF(Input!$D$19=4,J1360*Input!$C$19,0)+IF(Input!$D$20=4,K1360*Input!$C$20,0)+IF(Input!$D$21=4,L1360*Input!$C$21,0)+IF(Input!$D$22=4,M1360*Input!$C$22,0)</f>
        <v>0</v>
      </c>
      <c r="R1360" s="58">
        <v>65.023369198675624</v>
      </c>
      <c r="S1360" s="124">
        <f t="shared" si="21"/>
        <v>1.6451792940093573</v>
      </c>
    </row>
    <row r="1361" spans="8:19" x14ac:dyDescent="0.3">
      <c r="H1361" s="44">
        <v>1354</v>
      </c>
      <c r="I1361" s="56">
        <f>Bühler!I1387</f>
        <v>0.40539620152251438</v>
      </c>
      <c r="J1361" s="59">
        <f>Bühler!J1387</f>
        <v>1.3513206717417148</v>
      </c>
      <c r="K1361" s="59">
        <f>Bühler!K1387</f>
        <v>2.026981007612572</v>
      </c>
      <c r="L1361" s="59">
        <f>Bühler!L1387</f>
        <v>9.7295088365403455</v>
      </c>
      <c r="M1361" s="58">
        <f>Bühler!M1387</f>
        <v>0</v>
      </c>
      <c r="N1361" s="56">
        <f>IF(Input!$D$19=1,J1361*Input!$C$19,0)+IF(Input!$D$20=1,K1361*Input!$C$20,0)+IF(Input!$D$21=1,L1361*Input!$C$21,0)+IF(Input!$D$22=1,M1361*Input!$C$22,0)</f>
        <v>0.40539620152251443</v>
      </c>
      <c r="O1361" s="59">
        <f>IF(Input!$D$19=2,J1361*Input!$C$19,0)+IF(Input!$D$20=2,K1361*Input!$C$20,0)+IF(Input!$D$21=2,L1361*Input!$C$21,0)+IF(Input!$D$22=2,M1361*Input!$C$22,0)</f>
        <v>1.013490503806286</v>
      </c>
      <c r="P1361" s="59">
        <f>IF(Input!$D$19=3,J1361*Input!$C$19,0)+IF(Input!$D$20=3,K1361*Input!$C$20,0)+IF(Input!$D$21=3,L1361*Input!$C$21,0)+IF(Input!$D$22=3,M1361*Input!$C$22,0)</f>
        <v>0</v>
      </c>
      <c r="Q1361" s="75">
        <f>IF(Input!$D$19=4,J1361*Input!$C$19,0)+IF(Input!$D$20=4,K1361*Input!$C$20,0)+IF(Input!$D$21=4,L1361*Input!$C$21,0)+IF(Input!$D$22=4,M1361*Input!$C$22,0)</f>
        <v>0</v>
      </c>
      <c r="R1361" s="58">
        <v>65.402545929546918</v>
      </c>
      <c r="S1361" s="124">
        <f t="shared" si="21"/>
        <v>1.7567168732642291</v>
      </c>
    </row>
    <row r="1362" spans="8:19" x14ac:dyDescent="0.3">
      <c r="H1362" s="44">
        <v>1355</v>
      </c>
      <c r="I1362" s="56">
        <f>Bühler!I1388</f>
        <v>0.40539620152251438</v>
      </c>
      <c r="J1362" s="59">
        <f>Bühler!J1388</f>
        <v>1.3513206717417148</v>
      </c>
      <c r="K1362" s="59">
        <f>Bühler!K1388</f>
        <v>2.026981007612572</v>
      </c>
      <c r="L1362" s="59">
        <f>Bühler!L1388</f>
        <v>9.7295088365403455</v>
      </c>
      <c r="M1362" s="58">
        <f>Bühler!M1388</f>
        <v>0</v>
      </c>
      <c r="N1362" s="56">
        <f>IF(Input!$D$19=1,J1362*Input!$C$19,0)+IF(Input!$D$20=1,K1362*Input!$C$20,0)+IF(Input!$D$21=1,L1362*Input!$C$21,0)+IF(Input!$D$22=1,M1362*Input!$C$22,0)</f>
        <v>0.40539620152251443</v>
      </c>
      <c r="O1362" s="59">
        <f>IF(Input!$D$19=2,J1362*Input!$C$19,0)+IF(Input!$D$20=2,K1362*Input!$C$20,0)+IF(Input!$D$21=2,L1362*Input!$C$21,0)+IF(Input!$D$22=2,M1362*Input!$C$22,0)</f>
        <v>1.013490503806286</v>
      </c>
      <c r="P1362" s="59">
        <f>IF(Input!$D$19=3,J1362*Input!$C$19,0)+IF(Input!$D$20=3,K1362*Input!$C$20,0)+IF(Input!$D$21=3,L1362*Input!$C$21,0)+IF(Input!$D$22=3,M1362*Input!$C$22,0)</f>
        <v>0</v>
      </c>
      <c r="Q1362" s="75">
        <f>IF(Input!$D$19=4,J1362*Input!$C$19,0)+IF(Input!$D$20=4,K1362*Input!$C$20,0)+IF(Input!$D$21=4,L1362*Input!$C$21,0)+IF(Input!$D$22=4,M1362*Input!$C$22,0)</f>
        <v>0</v>
      </c>
      <c r="R1362" s="58">
        <v>66.509505948789723</v>
      </c>
      <c r="S1362" s="124">
        <f t="shared" si="21"/>
        <v>1.7567168732642291</v>
      </c>
    </row>
    <row r="1363" spans="8:19" x14ac:dyDescent="0.3">
      <c r="H1363" s="44">
        <v>1356</v>
      </c>
      <c r="I1363" s="56">
        <f>Bühler!I1389</f>
        <v>0.51478882733017695</v>
      </c>
      <c r="J1363" s="59">
        <f>Bühler!J1389</f>
        <v>1.7159627577672567</v>
      </c>
      <c r="K1363" s="59">
        <f>Bühler!K1389</f>
        <v>2.5739441366508848</v>
      </c>
      <c r="L1363" s="59">
        <f>Bühler!L1389</f>
        <v>12.354931855924248</v>
      </c>
      <c r="M1363" s="58">
        <f>Bühler!M1389</f>
        <v>0</v>
      </c>
      <c r="N1363" s="56">
        <f>IF(Input!$D$19=1,J1363*Input!$C$19,0)+IF(Input!$D$20=1,K1363*Input!$C$20,0)+IF(Input!$D$21=1,L1363*Input!$C$21,0)+IF(Input!$D$22=1,M1363*Input!$C$22,0)</f>
        <v>0.51478882733017695</v>
      </c>
      <c r="O1363" s="59">
        <f>IF(Input!$D$19=2,J1363*Input!$C$19,0)+IF(Input!$D$20=2,K1363*Input!$C$20,0)+IF(Input!$D$21=2,L1363*Input!$C$21,0)+IF(Input!$D$22=2,M1363*Input!$C$22,0)</f>
        <v>1.2869720683254424</v>
      </c>
      <c r="P1363" s="59">
        <f>IF(Input!$D$19=3,J1363*Input!$C$19,0)+IF(Input!$D$20=3,K1363*Input!$C$20,0)+IF(Input!$D$21=3,L1363*Input!$C$21,0)+IF(Input!$D$22=3,M1363*Input!$C$22,0)</f>
        <v>0</v>
      </c>
      <c r="Q1363" s="75">
        <f>IF(Input!$D$19=4,J1363*Input!$C$19,0)+IF(Input!$D$20=4,K1363*Input!$C$20,0)+IF(Input!$D$21=4,L1363*Input!$C$21,0)+IF(Input!$D$22=4,M1363*Input!$C$22,0)</f>
        <v>0</v>
      </c>
      <c r="R1363" s="58">
        <v>67.511066919777988</v>
      </c>
      <c r="S1363" s="124">
        <f t="shared" si="21"/>
        <v>2.2307515850974338</v>
      </c>
    </row>
    <row r="1364" spans="8:19" x14ac:dyDescent="0.3">
      <c r="H1364" s="44">
        <v>1357</v>
      </c>
      <c r="I1364" s="56">
        <f>Bühler!I1390</f>
        <v>0.51478882733017695</v>
      </c>
      <c r="J1364" s="59">
        <f>Bühler!J1390</f>
        <v>1.7159627577672567</v>
      </c>
      <c r="K1364" s="59">
        <f>Bühler!K1390</f>
        <v>2.5739441366508848</v>
      </c>
      <c r="L1364" s="59">
        <f>Bühler!L1390</f>
        <v>12.354931855924248</v>
      </c>
      <c r="M1364" s="58">
        <f>Bühler!M1390</f>
        <v>0</v>
      </c>
      <c r="N1364" s="56">
        <f>IF(Input!$D$19=1,J1364*Input!$C$19,0)+IF(Input!$D$20=1,K1364*Input!$C$20,0)+IF(Input!$D$21=1,L1364*Input!$C$21,0)+IF(Input!$D$22=1,M1364*Input!$C$22,0)</f>
        <v>0.51478882733017695</v>
      </c>
      <c r="O1364" s="59">
        <f>IF(Input!$D$19=2,J1364*Input!$C$19,0)+IF(Input!$D$20=2,K1364*Input!$C$20,0)+IF(Input!$D$21=2,L1364*Input!$C$21,0)+IF(Input!$D$22=2,M1364*Input!$C$22,0)</f>
        <v>1.2869720683254424</v>
      </c>
      <c r="P1364" s="59">
        <f>IF(Input!$D$19=3,J1364*Input!$C$19,0)+IF(Input!$D$20=3,K1364*Input!$C$20,0)+IF(Input!$D$21=3,L1364*Input!$C$21,0)+IF(Input!$D$22=3,M1364*Input!$C$22,0)</f>
        <v>0</v>
      </c>
      <c r="Q1364" s="75">
        <f>IF(Input!$D$19=4,J1364*Input!$C$19,0)+IF(Input!$D$20=4,K1364*Input!$C$20,0)+IF(Input!$D$21=4,L1364*Input!$C$21,0)+IF(Input!$D$22=4,M1364*Input!$C$22,0)</f>
        <v>0</v>
      </c>
      <c r="R1364" s="58">
        <v>66.662295483475802</v>
      </c>
      <c r="S1364" s="124">
        <f t="shared" si="21"/>
        <v>2.2307515850974338</v>
      </c>
    </row>
    <row r="1365" spans="8:19" x14ac:dyDescent="0.3">
      <c r="H1365" s="44">
        <v>1358</v>
      </c>
      <c r="I1365" s="56">
        <f>Bühler!I1391</f>
        <v>0.34104759810624224</v>
      </c>
      <c r="J1365" s="59">
        <f>Bühler!J1391</f>
        <v>1.1368253270208075</v>
      </c>
      <c r="K1365" s="59">
        <f>Bühler!K1391</f>
        <v>1.7052379905312114</v>
      </c>
      <c r="L1365" s="59">
        <f>Bühler!L1391</f>
        <v>8.1851423545498143</v>
      </c>
      <c r="M1365" s="58">
        <f>Bühler!M1391</f>
        <v>0</v>
      </c>
      <c r="N1365" s="56">
        <f>IF(Input!$D$19=1,J1365*Input!$C$19,0)+IF(Input!$D$20=1,K1365*Input!$C$20,0)+IF(Input!$D$21=1,L1365*Input!$C$21,0)+IF(Input!$D$22=1,M1365*Input!$C$22,0)</f>
        <v>0.34104759810624224</v>
      </c>
      <c r="O1365" s="59">
        <f>IF(Input!$D$19=2,J1365*Input!$C$19,0)+IF(Input!$D$20=2,K1365*Input!$C$20,0)+IF(Input!$D$21=2,L1365*Input!$C$21,0)+IF(Input!$D$22=2,M1365*Input!$C$22,0)</f>
        <v>0.85261899526560569</v>
      </c>
      <c r="P1365" s="59">
        <f>IF(Input!$D$19=3,J1365*Input!$C$19,0)+IF(Input!$D$20=3,K1365*Input!$C$20,0)+IF(Input!$D$21=3,L1365*Input!$C$21,0)+IF(Input!$D$22=3,M1365*Input!$C$22,0)</f>
        <v>0</v>
      </c>
      <c r="Q1365" s="75">
        <f>IF(Input!$D$19=4,J1365*Input!$C$19,0)+IF(Input!$D$20=4,K1365*Input!$C$20,0)+IF(Input!$D$21=4,L1365*Input!$C$21,0)+IF(Input!$D$22=4,M1365*Input!$C$22,0)</f>
        <v>0</v>
      </c>
      <c r="R1365" s="58">
        <v>66.347761328998104</v>
      </c>
      <c r="S1365" s="124">
        <f t="shared" si="21"/>
        <v>1.4778729251270497</v>
      </c>
    </row>
    <row r="1366" spans="8:19" x14ac:dyDescent="0.3">
      <c r="H1366" s="44">
        <v>1359</v>
      </c>
      <c r="I1366" s="56">
        <f>Bühler!I1392</f>
        <v>0.51478882733017695</v>
      </c>
      <c r="J1366" s="59">
        <f>Bühler!J1392</f>
        <v>1.7159627577672567</v>
      </c>
      <c r="K1366" s="59">
        <f>Bühler!K1392</f>
        <v>2.5739441366508848</v>
      </c>
      <c r="L1366" s="59">
        <f>Bühler!L1392</f>
        <v>12.354931855924248</v>
      </c>
      <c r="M1366" s="58">
        <f>Bühler!M1392</f>
        <v>0</v>
      </c>
      <c r="N1366" s="56">
        <f>IF(Input!$D$19=1,J1366*Input!$C$19,0)+IF(Input!$D$20=1,K1366*Input!$C$20,0)+IF(Input!$D$21=1,L1366*Input!$C$21,0)+IF(Input!$D$22=1,M1366*Input!$C$22,0)</f>
        <v>0.51478882733017695</v>
      </c>
      <c r="O1366" s="59">
        <f>IF(Input!$D$19=2,J1366*Input!$C$19,0)+IF(Input!$D$20=2,K1366*Input!$C$20,0)+IF(Input!$D$21=2,L1366*Input!$C$21,0)+IF(Input!$D$22=2,M1366*Input!$C$22,0)</f>
        <v>1.2869720683254424</v>
      </c>
      <c r="P1366" s="59">
        <f>IF(Input!$D$19=3,J1366*Input!$C$19,0)+IF(Input!$D$20=3,K1366*Input!$C$20,0)+IF(Input!$D$21=3,L1366*Input!$C$21,0)+IF(Input!$D$22=3,M1366*Input!$C$22,0)</f>
        <v>0</v>
      </c>
      <c r="Q1366" s="75">
        <f>IF(Input!$D$19=4,J1366*Input!$C$19,0)+IF(Input!$D$20=4,K1366*Input!$C$20,0)+IF(Input!$D$21=4,L1366*Input!$C$21,0)+IF(Input!$D$22=4,M1366*Input!$C$22,0)</f>
        <v>0</v>
      </c>
      <c r="R1366" s="58">
        <v>66.815228276928536</v>
      </c>
      <c r="S1366" s="124">
        <f t="shared" si="21"/>
        <v>2.2307515850974338</v>
      </c>
    </row>
    <row r="1367" spans="8:19" x14ac:dyDescent="0.3">
      <c r="H1367" s="44">
        <v>1360</v>
      </c>
      <c r="I1367" s="56">
        <f>Bühler!I1393</f>
        <v>0.51478882733017695</v>
      </c>
      <c r="J1367" s="59">
        <f>Bühler!J1393</f>
        <v>1.7159627577672567</v>
      </c>
      <c r="K1367" s="59">
        <f>Bühler!K1393</f>
        <v>2.5739441366508848</v>
      </c>
      <c r="L1367" s="59">
        <f>Bühler!L1393</f>
        <v>12.354931855924248</v>
      </c>
      <c r="M1367" s="58">
        <f>Bühler!M1393</f>
        <v>0</v>
      </c>
      <c r="N1367" s="56">
        <f>IF(Input!$D$19=1,J1367*Input!$C$19,0)+IF(Input!$D$20=1,K1367*Input!$C$20,0)+IF(Input!$D$21=1,L1367*Input!$C$21,0)+IF(Input!$D$22=1,M1367*Input!$C$22,0)</f>
        <v>0.51478882733017695</v>
      </c>
      <c r="O1367" s="59">
        <f>IF(Input!$D$19=2,J1367*Input!$C$19,0)+IF(Input!$D$20=2,K1367*Input!$C$20,0)+IF(Input!$D$21=2,L1367*Input!$C$21,0)+IF(Input!$D$22=2,M1367*Input!$C$22,0)</f>
        <v>1.2869720683254424</v>
      </c>
      <c r="P1367" s="59">
        <f>IF(Input!$D$19=3,J1367*Input!$C$19,0)+IF(Input!$D$20=3,K1367*Input!$C$20,0)+IF(Input!$D$21=3,L1367*Input!$C$21,0)+IF(Input!$D$22=3,M1367*Input!$C$22,0)</f>
        <v>0</v>
      </c>
      <c r="Q1367" s="75">
        <f>IF(Input!$D$19=4,J1367*Input!$C$19,0)+IF(Input!$D$20=4,K1367*Input!$C$20,0)+IF(Input!$D$21=4,L1367*Input!$C$21,0)+IF(Input!$D$22=4,M1367*Input!$C$22,0)</f>
        <v>0</v>
      </c>
      <c r="R1367" s="58">
        <v>66.456753850028818</v>
      </c>
      <c r="S1367" s="124">
        <f t="shared" si="21"/>
        <v>2.2307515850974338</v>
      </c>
    </row>
    <row r="1368" spans="8:19" x14ac:dyDescent="0.3">
      <c r="H1368" s="44">
        <v>1361</v>
      </c>
      <c r="I1368" s="56">
        <f>Bühler!I1394</f>
        <v>0.51478882733017695</v>
      </c>
      <c r="J1368" s="59">
        <f>Bühler!J1394</f>
        <v>1.7159627577672567</v>
      </c>
      <c r="K1368" s="59">
        <f>Bühler!K1394</f>
        <v>2.5739441366508848</v>
      </c>
      <c r="L1368" s="59">
        <f>Bühler!L1394</f>
        <v>12.354931855924248</v>
      </c>
      <c r="M1368" s="58">
        <f>Bühler!M1394</f>
        <v>0</v>
      </c>
      <c r="N1368" s="56">
        <f>IF(Input!$D$19=1,J1368*Input!$C$19,0)+IF(Input!$D$20=1,K1368*Input!$C$20,0)+IF(Input!$D$21=1,L1368*Input!$C$21,0)+IF(Input!$D$22=1,M1368*Input!$C$22,0)</f>
        <v>0.51478882733017695</v>
      </c>
      <c r="O1368" s="59">
        <f>IF(Input!$D$19=2,J1368*Input!$C$19,0)+IF(Input!$D$20=2,K1368*Input!$C$20,0)+IF(Input!$D$21=2,L1368*Input!$C$21,0)+IF(Input!$D$22=2,M1368*Input!$C$22,0)</f>
        <v>1.2869720683254424</v>
      </c>
      <c r="P1368" s="59">
        <f>IF(Input!$D$19=3,J1368*Input!$C$19,0)+IF(Input!$D$20=3,K1368*Input!$C$20,0)+IF(Input!$D$21=3,L1368*Input!$C$21,0)+IF(Input!$D$22=3,M1368*Input!$C$22,0)</f>
        <v>0</v>
      </c>
      <c r="Q1368" s="75">
        <f>IF(Input!$D$19=4,J1368*Input!$C$19,0)+IF(Input!$D$20=4,K1368*Input!$C$20,0)+IF(Input!$D$21=4,L1368*Input!$C$21,0)+IF(Input!$D$22=4,M1368*Input!$C$22,0)</f>
        <v>0</v>
      </c>
      <c r="R1368" s="58">
        <v>65.607130255507172</v>
      </c>
      <c r="S1368" s="124">
        <f t="shared" si="21"/>
        <v>2.2307515850974338</v>
      </c>
    </row>
    <row r="1369" spans="8:19" x14ac:dyDescent="0.3">
      <c r="H1369" s="44">
        <v>1362</v>
      </c>
      <c r="I1369" s="56">
        <f>Bühler!I1395</f>
        <v>0.51478882733017695</v>
      </c>
      <c r="J1369" s="59">
        <f>Bühler!J1395</f>
        <v>1.7159627577672567</v>
      </c>
      <c r="K1369" s="59">
        <f>Bühler!K1395</f>
        <v>2.5739441366508848</v>
      </c>
      <c r="L1369" s="59">
        <f>Bühler!L1395</f>
        <v>12.354931855924248</v>
      </c>
      <c r="M1369" s="58">
        <f>Bühler!M1395</f>
        <v>0</v>
      </c>
      <c r="N1369" s="56">
        <f>IF(Input!$D$19=1,J1369*Input!$C$19,0)+IF(Input!$D$20=1,K1369*Input!$C$20,0)+IF(Input!$D$21=1,L1369*Input!$C$21,0)+IF(Input!$D$22=1,M1369*Input!$C$22,0)</f>
        <v>0.51478882733017695</v>
      </c>
      <c r="O1369" s="59">
        <f>IF(Input!$D$19=2,J1369*Input!$C$19,0)+IF(Input!$D$20=2,K1369*Input!$C$20,0)+IF(Input!$D$21=2,L1369*Input!$C$21,0)+IF(Input!$D$22=2,M1369*Input!$C$22,0)</f>
        <v>1.2869720683254424</v>
      </c>
      <c r="P1369" s="59">
        <f>IF(Input!$D$19=3,J1369*Input!$C$19,0)+IF(Input!$D$20=3,K1369*Input!$C$20,0)+IF(Input!$D$21=3,L1369*Input!$C$21,0)+IF(Input!$D$22=3,M1369*Input!$C$22,0)</f>
        <v>0</v>
      </c>
      <c r="Q1369" s="75">
        <f>IF(Input!$D$19=4,J1369*Input!$C$19,0)+IF(Input!$D$20=4,K1369*Input!$C$20,0)+IF(Input!$D$21=4,L1369*Input!$C$21,0)+IF(Input!$D$22=4,M1369*Input!$C$22,0)</f>
        <v>0</v>
      </c>
      <c r="R1369" s="58">
        <v>64.047174542050527</v>
      </c>
      <c r="S1369" s="124">
        <f t="shared" si="21"/>
        <v>2.2307515850974338</v>
      </c>
    </row>
    <row r="1370" spans="8:19" x14ac:dyDescent="0.3">
      <c r="H1370" s="44">
        <v>1363</v>
      </c>
      <c r="I1370" s="56">
        <f>Bühler!I1396</f>
        <v>0.51478882733017695</v>
      </c>
      <c r="J1370" s="59">
        <f>Bühler!J1396</f>
        <v>1.7159627577672567</v>
      </c>
      <c r="K1370" s="59">
        <f>Bühler!K1396</f>
        <v>2.5739441366508848</v>
      </c>
      <c r="L1370" s="59">
        <f>Bühler!L1396</f>
        <v>12.354931855924248</v>
      </c>
      <c r="M1370" s="58">
        <f>Bühler!M1396</f>
        <v>0</v>
      </c>
      <c r="N1370" s="56">
        <f>IF(Input!$D$19=1,J1370*Input!$C$19,0)+IF(Input!$D$20=1,K1370*Input!$C$20,0)+IF(Input!$D$21=1,L1370*Input!$C$21,0)+IF(Input!$D$22=1,M1370*Input!$C$22,0)</f>
        <v>0.51478882733017695</v>
      </c>
      <c r="O1370" s="59">
        <f>IF(Input!$D$19=2,J1370*Input!$C$19,0)+IF(Input!$D$20=2,K1370*Input!$C$20,0)+IF(Input!$D$21=2,L1370*Input!$C$21,0)+IF(Input!$D$22=2,M1370*Input!$C$22,0)</f>
        <v>1.2869720683254424</v>
      </c>
      <c r="P1370" s="59">
        <f>IF(Input!$D$19=3,J1370*Input!$C$19,0)+IF(Input!$D$20=3,K1370*Input!$C$20,0)+IF(Input!$D$21=3,L1370*Input!$C$21,0)+IF(Input!$D$22=3,M1370*Input!$C$22,0)</f>
        <v>0</v>
      </c>
      <c r="Q1370" s="75">
        <f>IF(Input!$D$19=4,J1370*Input!$C$19,0)+IF(Input!$D$20=4,K1370*Input!$C$20,0)+IF(Input!$D$21=4,L1370*Input!$C$21,0)+IF(Input!$D$22=4,M1370*Input!$C$22,0)</f>
        <v>0</v>
      </c>
      <c r="R1370" s="58">
        <v>62.008494358077158</v>
      </c>
      <c r="S1370" s="124">
        <f t="shared" si="21"/>
        <v>2.2307515850974338</v>
      </c>
    </row>
    <row r="1371" spans="8:19" x14ac:dyDescent="0.3">
      <c r="H1371" s="44">
        <v>1364</v>
      </c>
      <c r="I1371" s="56">
        <f>Bühler!I1397</f>
        <v>0.43113564288902323</v>
      </c>
      <c r="J1371" s="59">
        <f>Bühler!J1397</f>
        <v>1.4371188096300775</v>
      </c>
      <c r="K1371" s="59">
        <f>Bühler!K1397</f>
        <v>2.1556782144451163</v>
      </c>
      <c r="L1371" s="59">
        <f>Bühler!L1397</f>
        <v>10.347255429336558</v>
      </c>
      <c r="M1371" s="58">
        <f>Bühler!M1397</f>
        <v>0</v>
      </c>
      <c r="N1371" s="56">
        <f>IF(Input!$D$19=1,J1371*Input!$C$19,0)+IF(Input!$D$20=1,K1371*Input!$C$20,0)+IF(Input!$D$21=1,L1371*Input!$C$21,0)+IF(Input!$D$22=1,M1371*Input!$C$22,0)</f>
        <v>0.43113564288902323</v>
      </c>
      <c r="O1371" s="59">
        <f>IF(Input!$D$19=2,J1371*Input!$C$19,0)+IF(Input!$D$20=2,K1371*Input!$C$20,0)+IF(Input!$D$21=2,L1371*Input!$C$21,0)+IF(Input!$D$22=2,M1371*Input!$C$22,0)</f>
        <v>1.0778391072225582</v>
      </c>
      <c r="P1371" s="59">
        <f>IF(Input!$D$19=3,J1371*Input!$C$19,0)+IF(Input!$D$20=3,K1371*Input!$C$20,0)+IF(Input!$D$21=3,L1371*Input!$C$21,0)+IF(Input!$D$22=3,M1371*Input!$C$22,0)</f>
        <v>0</v>
      </c>
      <c r="Q1371" s="75">
        <f>IF(Input!$D$19=4,J1371*Input!$C$19,0)+IF(Input!$D$20=4,K1371*Input!$C$20,0)+IF(Input!$D$21=4,L1371*Input!$C$21,0)+IF(Input!$D$22=4,M1371*Input!$C$22,0)</f>
        <v>0</v>
      </c>
      <c r="R1371" s="58">
        <v>61.349946635133456</v>
      </c>
      <c r="S1371" s="124">
        <f t="shared" si="21"/>
        <v>1.8682544525191007</v>
      </c>
    </row>
    <row r="1372" spans="8:19" x14ac:dyDescent="0.3">
      <c r="H1372" s="44">
        <v>1365</v>
      </c>
      <c r="I1372" s="56">
        <f>Bühler!I1398</f>
        <v>0.35391731878949667</v>
      </c>
      <c r="J1372" s="59">
        <f>Bühler!J1398</f>
        <v>1.179724395964989</v>
      </c>
      <c r="K1372" s="59">
        <f>Bühler!K1398</f>
        <v>1.7695865939474835</v>
      </c>
      <c r="L1372" s="59">
        <f>Bühler!L1398</f>
        <v>8.4940156509479205</v>
      </c>
      <c r="M1372" s="58">
        <f>Bühler!M1398</f>
        <v>0</v>
      </c>
      <c r="N1372" s="56">
        <f>IF(Input!$D$19=1,J1372*Input!$C$19,0)+IF(Input!$D$20=1,K1372*Input!$C$20,0)+IF(Input!$D$21=1,L1372*Input!$C$21,0)+IF(Input!$D$22=1,M1372*Input!$C$22,0)</f>
        <v>0.35391731878949667</v>
      </c>
      <c r="O1372" s="59">
        <f>IF(Input!$D$19=2,J1372*Input!$C$19,0)+IF(Input!$D$20=2,K1372*Input!$C$20,0)+IF(Input!$D$21=2,L1372*Input!$C$21,0)+IF(Input!$D$22=2,M1372*Input!$C$22,0)</f>
        <v>0.88479329697374176</v>
      </c>
      <c r="P1372" s="59">
        <f>IF(Input!$D$19=3,J1372*Input!$C$19,0)+IF(Input!$D$20=3,K1372*Input!$C$20,0)+IF(Input!$D$21=3,L1372*Input!$C$21,0)+IF(Input!$D$22=3,M1372*Input!$C$22,0)</f>
        <v>0</v>
      </c>
      <c r="Q1372" s="75">
        <f>IF(Input!$D$19=4,J1372*Input!$C$19,0)+IF(Input!$D$20=4,K1372*Input!$C$20,0)+IF(Input!$D$21=4,L1372*Input!$C$21,0)+IF(Input!$D$22=4,M1372*Input!$C$22,0)</f>
        <v>0</v>
      </c>
      <c r="R1372" s="58">
        <v>60.745864526234293</v>
      </c>
      <c r="S1372" s="124">
        <f t="shared" si="21"/>
        <v>1.5336417147544856</v>
      </c>
    </row>
    <row r="1373" spans="8:19" x14ac:dyDescent="0.3">
      <c r="H1373" s="44">
        <v>1366</v>
      </c>
      <c r="I1373" s="56">
        <f>Bühler!I1399</f>
        <v>0.25739441366508847</v>
      </c>
      <c r="J1373" s="59">
        <f>Bühler!J1399</f>
        <v>0.85798137888362835</v>
      </c>
      <c r="K1373" s="59">
        <f>Bühler!K1399</f>
        <v>1.2869720683254424</v>
      </c>
      <c r="L1373" s="59">
        <f>Bühler!L1399</f>
        <v>6.1774659279621238</v>
      </c>
      <c r="M1373" s="58">
        <f>Bühler!M1399</f>
        <v>0</v>
      </c>
      <c r="N1373" s="56">
        <f>IF(Input!$D$19=1,J1373*Input!$C$19,0)+IF(Input!$D$20=1,K1373*Input!$C$20,0)+IF(Input!$D$21=1,L1373*Input!$C$21,0)+IF(Input!$D$22=1,M1373*Input!$C$22,0)</f>
        <v>0.25739441366508847</v>
      </c>
      <c r="O1373" s="59">
        <f>IF(Input!$D$19=2,J1373*Input!$C$19,0)+IF(Input!$D$20=2,K1373*Input!$C$20,0)+IF(Input!$D$21=2,L1373*Input!$C$21,0)+IF(Input!$D$22=2,M1373*Input!$C$22,0)</f>
        <v>0.64348603416272121</v>
      </c>
      <c r="P1373" s="59">
        <f>IF(Input!$D$19=3,J1373*Input!$C$19,0)+IF(Input!$D$20=3,K1373*Input!$C$20,0)+IF(Input!$D$21=3,L1373*Input!$C$21,0)+IF(Input!$D$22=3,M1373*Input!$C$22,0)</f>
        <v>0</v>
      </c>
      <c r="Q1373" s="75">
        <f>IF(Input!$D$19=4,J1373*Input!$C$19,0)+IF(Input!$D$20=4,K1373*Input!$C$20,0)+IF(Input!$D$21=4,L1373*Input!$C$21,0)+IF(Input!$D$22=4,M1373*Input!$C$22,0)</f>
        <v>0</v>
      </c>
      <c r="R1373" s="58">
        <v>58.618913876239311</v>
      </c>
      <c r="S1373" s="124">
        <f t="shared" si="21"/>
        <v>1.1153757925487169</v>
      </c>
    </row>
    <row r="1374" spans="8:19" x14ac:dyDescent="0.3">
      <c r="H1374" s="44">
        <v>1367</v>
      </c>
      <c r="I1374" s="56">
        <f>Bühler!I1400</f>
        <v>0.24452469298183405</v>
      </c>
      <c r="J1374" s="59">
        <f>Bühler!J1400</f>
        <v>0.81508230993944686</v>
      </c>
      <c r="K1374" s="59">
        <f>Bühler!K1400</f>
        <v>1.2226234649091703</v>
      </c>
      <c r="L1374" s="59">
        <f>Bühler!L1400</f>
        <v>5.8685926315640176</v>
      </c>
      <c r="M1374" s="58">
        <f>Bühler!M1400</f>
        <v>0</v>
      </c>
      <c r="N1374" s="56">
        <f>IF(Input!$D$19=1,J1374*Input!$C$19,0)+IF(Input!$D$20=1,K1374*Input!$C$20,0)+IF(Input!$D$21=1,L1374*Input!$C$21,0)+IF(Input!$D$22=1,M1374*Input!$C$22,0)</f>
        <v>0.24452469298183405</v>
      </c>
      <c r="O1374" s="59">
        <f>IF(Input!$D$19=2,J1374*Input!$C$19,0)+IF(Input!$D$20=2,K1374*Input!$C$20,0)+IF(Input!$D$21=2,L1374*Input!$C$21,0)+IF(Input!$D$22=2,M1374*Input!$C$22,0)</f>
        <v>0.61131173245458514</v>
      </c>
      <c r="P1374" s="59">
        <f>IF(Input!$D$19=3,J1374*Input!$C$19,0)+IF(Input!$D$20=3,K1374*Input!$C$20,0)+IF(Input!$D$21=3,L1374*Input!$C$21,0)+IF(Input!$D$22=3,M1374*Input!$C$22,0)</f>
        <v>0</v>
      </c>
      <c r="Q1374" s="75">
        <f>IF(Input!$D$19=4,J1374*Input!$C$19,0)+IF(Input!$D$20=4,K1374*Input!$C$20,0)+IF(Input!$D$21=4,L1374*Input!$C$21,0)+IF(Input!$D$22=4,M1374*Input!$C$22,0)</f>
        <v>0</v>
      </c>
      <c r="R1374" s="58">
        <v>58.280436364718049</v>
      </c>
      <c r="S1374" s="124">
        <f t="shared" si="21"/>
        <v>1.059607002921281</v>
      </c>
    </row>
    <row r="1375" spans="8:19" x14ac:dyDescent="0.3">
      <c r="H1375" s="44">
        <v>1368</v>
      </c>
      <c r="I1375" s="56">
        <f>Bühler!I1401</f>
        <v>0.24452469298183405</v>
      </c>
      <c r="J1375" s="59">
        <f>Bühler!J1401</f>
        <v>0.81508230993944686</v>
      </c>
      <c r="K1375" s="59">
        <f>Bühler!K1401</f>
        <v>1.2226234649091703</v>
      </c>
      <c r="L1375" s="59">
        <f>Bühler!L1401</f>
        <v>5.8685926315640176</v>
      </c>
      <c r="M1375" s="58">
        <f>Bühler!M1401</f>
        <v>0</v>
      </c>
      <c r="N1375" s="56">
        <f>IF(Input!$D$19=1,J1375*Input!$C$19,0)+IF(Input!$D$20=1,K1375*Input!$C$20,0)+IF(Input!$D$21=1,L1375*Input!$C$21,0)+IF(Input!$D$22=1,M1375*Input!$C$22,0)</f>
        <v>0.24452469298183405</v>
      </c>
      <c r="O1375" s="59">
        <f>IF(Input!$D$19=2,J1375*Input!$C$19,0)+IF(Input!$D$20=2,K1375*Input!$C$20,0)+IF(Input!$D$21=2,L1375*Input!$C$21,0)+IF(Input!$D$22=2,M1375*Input!$C$22,0)</f>
        <v>0.61131173245458514</v>
      </c>
      <c r="P1375" s="59">
        <f>IF(Input!$D$19=3,J1375*Input!$C$19,0)+IF(Input!$D$20=3,K1375*Input!$C$20,0)+IF(Input!$D$21=3,L1375*Input!$C$21,0)+IF(Input!$D$22=3,M1375*Input!$C$22,0)</f>
        <v>0</v>
      </c>
      <c r="Q1375" s="75">
        <f>IF(Input!$D$19=4,J1375*Input!$C$19,0)+IF(Input!$D$20=4,K1375*Input!$C$20,0)+IF(Input!$D$21=4,L1375*Input!$C$21,0)+IF(Input!$D$22=4,M1375*Input!$C$22,0)</f>
        <v>0</v>
      </c>
      <c r="R1375" s="58">
        <v>57.555689146207889</v>
      </c>
      <c r="S1375" s="124">
        <f t="shared" si="21"/>
        <v>1.059607002921281</v>
      </c>
    </row>
    <row r="1376" spans="8:19" x14ac:dyDescent="0.3">
      <c r="H1376" s="44">
        <v>1369</v>
      </c>
      <c r="I1376" s="56">
        <f>Bühler!I1402</f>
        <v>0.22319162662093447</v>
      </c>
      <c r="J1376" s="59">
        <f>Bühler!J1402</f>
        <v>0.74397208873644827</v>
      </c>
      <c r="K1376" s="59">
        <f>Bühler!K1402</f>
        <v>1.1159581331046724</v>
      </c>
      <c r="L1376" s="59">
        <f>Bühler!L1402</f>
        <v>5.3565990389024272</v>
      </c>
      <c r="M1376" s="58">
        <f>Bühler!M1402</f>
        <v>0</v>
      </c>
      <c r="N1376" s="56">
        <f>IF(Input!$D$19=1,J1376*Input!$C$19,0)+IF(Input!$D$20=1,K1376*Input!$C$20,0)+IF(Input!$D$21=1,L1376*Input!$C$21,0)+IF(Input!$D$22=1,M1376*Input!$C$22,0)</f>
        <v>0.22319162662093447</v>
      </c>
      <c r="O1376" s="59">
        <f>IF(Input!$D$19=2,J1376*Input!$C$19,0)+IF(Input!$D$20=2,K1376*Input!$C$20,0)+IF(Input!$D$21=2,L1376*Input!$C$21,0)+IF(Input!$D$22=2,M1376*Input!$C$22,0)</f>
        <v>0.5579790665523362</v>
      </c>
      <c r="P1376" s="59">
        <f>IF(Input!$D$19=3,J1376*Input!$C$19,0)+IF(Input!$D$20=3,K1376*Input!$C$20,0)+IF(Input!$D$21=3,L1376*Input!$C$21,0)+IF(Input!$D$22=3,M1376*Input!$C$22,0)</f>
        <v>0</v>
      </c>
      <c r="Q1376" s="75">
        <f>IF(Input!$D$19=4,J1376*Input!$C$19,0)+IF(Input!$D$20=4,K1376*Input!$C$20,0)+IF(Input!$D$21=4,L1376*Input!$C$21,0)+IF(Input!$D$22=4,M1376*Input!$C$22,0)</f>
        <v>0</v>
      </c>
      <c r="R1376" s="58">
        <v>57.758642256143119</v>
      </c>
      <c r="S1376" s="124">
        <f t="shared" si="21"/>
        <v>0.96716371535738277</v>
      </c>
    </row>
    <row r="1377" spans="8:19" x14ac:dyDescent="0.3">
      <c r="H1377" s="44">
        <v>1370</v>
      </c>
      <c r="I1377" s="56">
        <f>Bühler!I1403</f>
        <v>0.22319162662093447</v>
      </c>
      <c r="J1377" s="59">
        <f>Bühler!J1403</f>
        <v>0.74397208873644827</v>
      </c>
      <c r="K1377" s="59">
        <f>Bühler!K1403</f>
        <v>1.1159581331046724</v>
      </c>
      <c r="L1377" s="59">
        <f>Bühler!L1403</f>
        <v>5.3565990389024272</v>
      </c>
      <c r="M1377" s="58">
        <f>Bühler!M1403</f>
        <v>0</v>
      </c>
      <c r="N1377" s="56">
        <f>IF(Input!$D$19=1,J1377*Input!$C$19,0)+IF(Input!$D$20=1,K1377*Input!$C$20,0)+IF(Input!$D$21=1,L1377*Input!$C$21,0)+IF(Input!$D$22=1,M1377*Input!$C$22,0)</f>
        <v>0.22319162662093447</v>
      </c>
      <c r="O1377" s="59">
        <f>IF(Input!$D$19=2,J1377*Input!$C$19,0)+IF(Input!$D$20=2,K1377*Input!$C$20,0)+IF(Input!$D$21=2,L1377*Input!$C$21,0)+IF(Input!$D$22=2,M1377*Input!$C$22,0)</f>
        <v>0.5579790665523362</v>
      </c>
      <c r="P1377" s="59">
        <f>IF(Input!$D$19=3,J1377*Input!$C$19,0)+IF(Input!$D$20=3,K1377*Input!$C$20,0)+IF(Input!$D$21=3,L1377*Input!$C$21,0)+IF(Input!$D$22=3,M1377*Input!$C$22,0)</f>
        <v>0</v>
      </c>
      <c r="Q1377" s="75">
        <f>IF(Input!$D$19=4,J1377*Input!$C$19,0)+IF(Input!$D$20=4,K1377*Input!$C$20,0)+IF(Input!$D$21=4,L1377*Input!$C$21,0)+IF(Input!$D$22=4,M1377*Input!$C$22,0)</f>
        <v>0</v>
      </c>
      <c r="R1377" s="58">
        <v>57.818605503813146</v>
      </c>
      <c r="S1377" s="124">
        <f t="shared" si="21"/>
        <v>0.96716371535738277</v>
      </c>
    </row>
    <row r="1378" spans="8:19" x14ac:dyDescent="0.3">
      <c r="H1378" s="44">
        <v>1371</v>
      </c>
      <c r="I1378" s="56">
        <f>Bühler!I1404</f>
        <v>0.22319162662093447</v>
      </c>
      <c r="J1378" s="59">
        <f>Bühler!J1404</f>
        <v>0.74397208873644827</v>
      </c>
      <c r="K1378" s="59">
        <f>Bühler!K1404</f>
        <v>1.1159581331046724</v>
      </c>
      <c r="L1378" s="59">
        <f>Bühler!L1404</f>
        <v>5.3565990389024272</v>
      </c>
      <c r="M1378" s="58">
        <f>Bühler!M1404</f>
        <v>0</v>
      </c>
      <c r="N1378" s="56">
        <f>IF(Input!$D$19=1,J1378*Input!$C$19,0)+IF(Input!$D$20=1,K1378*Input!$C$20,0)+IF(Input!$D$21=1,L1378*Input!$C$21,0)+IF(Input!$D$22=1,M1378*Input!$C$22,0)</f>
        <v>0.22319162662093447</v>
      </c>
      <c r="O1378" s="59">
        <f>IF(Input!$D$19=2,J1378*Input!$C$19,0)+IF(Input!$D$20=2,K1378*Input!$C$20,0)+IF(Input!$D$21=2,L1378*Input!$C$21,0)+IF(Input!$D$22=2,M1378*Input!$C$22,0)</f>
        <v>0.5579790665523362</v>
      </c>
      <c r="P1378" s="59">
        <f>IF(Input!$D$19=3,J1378*Input!$C$19,0)+IF(Input!$D$20=3,K1378*Input!$C$20,0)+IF(Input!$D$21=3,L1378*Input!$C$21,0)+IF(Input!$D$22=3,M1378*Input!$C$22,0)</f>
        <v>0</v>
      </c>
      <c r="Q1378" s="75">
        <f>IF(Input!$D$19=4,J1378*Input!$C$19,0)+IF(Input!$D$20=4,K1378*Input!$C$20,0)+IF(Input!$D$21=4,L1378*Input!$C$21,0)+IF(Input!$D$22=4,M1378*Input!$C$22,0)</f>
        <v>0</v>
      </c>
      <c r="R1378" s="58">
        <v>58.085180314519597</v>
      </c>
      <c r="S1378" s="124">
        <f t="shared" si="21"/>
        <v>0.96716371535738277</v>
      </c>
    </row>
    <row r="1379" spans="8:19" x14ac:dyDescent="0.3">
      <c r="H1379" s="44">
        <v>1372</v>
      </c>
      <c r="I1379" s="56">
        <f>Bühler!I1405</f>
        <v>0.22319162662093447</v>
      </c>
      <c r="J1379" s="59">
        <f>Bühler!J1405</f>
        <v>0.74397208873644827</v>
      </c>
      <c r="K1379" s="59">
        <f>Bühler!K1405</f>
        <v>1.1159581331046724</v>
      </c>
      <c r="L1379" s="59">
        <f>Bühler!L1405</f>
        <v>5.3565990389024272</v>
      </c>
      <c r="M1379" s="58">
        <f>Bühler!M1405</f>
        <v>0</v>
      </c>
      <c r="N1379" s="56">
        <f>IF(Input!$D$19=1,J1379*Input!$C$19,0)+IF(Input!$D$20=1,K1379*Input!$C$20,0)+IF(Input!$D$21=1,L1379*Input!$C$21,0)+IF(Input!$D$22=1,M1379*Input!$C$22,0)</f>
        <v>0.22319162662093447</v>
      </c>
      <c r="O1379" s="59">
        <f>IF(Input!$D$19=2,J1379*Input!$C$19,0)+IF(Input!$D$20=2,K1379*Input!$C$20,0)+IF(Input!$D$21=2,L1379*Input!$C$21,0)+IF(Input!$D$22=2,M1379*Input!$C$22,0)</f>
        <v>0.5579790665523362</v>
      </c>
      <c r="P1379" s="59">
        <f>IF(Input!$D$19=3,J1379*Input!$C$19,0)+IF(Input!$D$20=3,K1379*Input!$C$20,0)+IF(Input!$D$21=3,L1379*Input!$C$21,0)+IF(Input!$D$22=3,M1379*Input!$C$22,0)</f>
        <v>0</v>
      </c>
      <c r="Q1379" s="75">
        <f>IF(Input!$D$19=4,J1379*Input!$C$19,0)+IF(Input!$D$20=4,K1379*Input!$C$20,0)+IF(Input!$D$21=4,L1379*Input!$C$21,0)+IF(Input!$D$22=4,M1379*Input!$C$22,0)</f>
        <v>0</v>
      </c>
      <c r="R1379" s="58">
        <v>58.148466620314103</v>
      </c>
      <c r="S1379" s="124">
        <f t="shared" si="21"/>
        <v>0.96716371535738277</v>
      </c>
    </row>
    <row r="1380" spans="8:19" x14ac:dyDescent="0.3">
      <c r="H1380" s="44">
        <v>1373</v>
      </c>
      <c r="I1380" s="56">
        <f>Bühler!I1406</f>
        <v>0.22319162662093447</v>
      </c>
      <c r="J1380" s="59">
        <f>Bühler!J1406</f>
        <v>0.74397208873644827</v>
      </c>
      <c r="K1380" s="59">
        <f>Bühler!K1406</f>
        <v>1.1159581331046724</v>
      </c>
      <c r="L1380" s="59">
        <f>Bühler!L1406</f>
        <v>5.3565990389024272</v>
      </c>
      <c r="M1380" s="58">
        <f>Bühler!M1406</f>
        <v>0</v>
      </c>
      <c r="N1380" s="56">
        <f>IF(Input!$D$19=1,J1380*Input!$C$19,0)+IF(Input!$D$20=1,K1380*Input!$C$20,0)+IF(Input!$D$21=1,L1380*Input!$C$21,0)+IF(Input!$D$22=1,M1380*Input!$C$22,0)</f>
        <v>0.22319162662093447</v>
      </c>
      <c r="O1380" s="59">
        <f>IF(Input!$D$19=2,J1380*Input!$C$19,0)+IF(Input!$D$20=2,K1380*Input!$C$20,0)+IF(Input!$D$21=2,L1380*Input!$C$21,0)+IF(Input!$D$22=2,M1380*Input!$C$22,0)</f>
        <v>0.5579790665523362</v>
      </c>
      <c r="P1380" s="59">
        <f>IF(Input!$D$19=3,J1380*Input!$C$19,0)+IF(Input!$D$20=3,K1380*Input!$C$20,0)+IF(Input!$D$21=3,L1380*Input!$C$21,0)+IF(Input!$D$22=3,M1380*Input!$C$22,0)</f>
        <v>0</v>
      </c>
      <c r="Q1380" s="75">
        <f>IF(Input!$D$19=4,J1380*Input!$C$19,0)+IF(Input!$D$20=4,K1380*Input!$C$20,0)+IF(Input!$D$21=4,L1380*Input!$C$21,0)+IF(Input!$D$22=4,M1380*Input!$C$22,0)</f>
        <v>0</v>
      </c>
      <c r="R1380" s="58">
        <v>59.653224597603661</v>
      </c>
      <c r="S1380" s="124">
        <f t="shared" si="21"/>
        <v>0.96716371535738277</v>
      </c>
    </row>
    <row r="1381" spans="8:19" x14ac:dyDescent="0.3">
      <c r="H1381" s="44">
        <v>1374</v>
      </c>
      <c r="I1381" s="56">
        <f>Bühler!I1407</f>
        <v>0.29014911460721476</v>
      </c>
      <c r="J1381" s="59">
        <f>Bühler!J1407</f>
        <v>0.96716371535738266</v>
      </c>
      <c r="K1381" s="59">
        <f>Bühler!K1407</f>
        <v>1.4507455730360739</v>
      </c>
      <c r="L1381" s="59">
        <f>Bühler!L1407</f>
        <v>6.9635787505731548</v>
      </c>
      <c r="M1381" s="58">
        <f>Bühler!M1407</f>
        <v>0</v>
      </c>
      <c r="N1381" s="56">
        <f>IF(Input!$D$19=1,J1381*Input!$C$19,0)+IF(Input!$D$20=1,K1381*Input!$C$20,0)+IF(Input!$D$21=1,L1381*Input!$C$21,0)+IF(Input!$D$22=1,M1381*Input!$C$22,0)</f>
        <v>0.29014911460721476</v>
      </c>
      <c r="O1381" s="59">
        <f>IF(Input!$D$19=2,J1381*Input!$C$19,0)+IF(Input!$D$20=2,K1381*Input!$C$20,0)+IF(Input!$D$21=2,L1381*Input!$C$21,0)+IF(Input!$D$22=2,M1381*Input!$C$22,0)</f>
        <v>0.72537278651803694</v>
      </c>
      <c r="P1381" s="59">
        <f>IF(Input!$D$19=3,J1381*Input!$C$19,0)+IF(Input!$D$20=3,K1381*Input!$C$20,0)+IF(Input!$D$21=3,L1381*Input!$C$21,0)+IF(Input!$D$22=3,M1381*Input!$C$22,0)</f>
        <v>0</v>
      </c>
      <c r="Q1381" s="75">
        <f>IF(Input!$D$19=4,J1381*Input!$C$19,0)+IF(Input!$D$20=4,K1381*Input!$C$20,0)+IF(Input!$D$21=4,L1381*Input!$C$21,0)+IF(Input!$D$22=4,M1381*Input!$C$22,0)</f>
        <v>0</v>
      </c>
      <c r="R1381" s="58">
        <v>63.067701213197573</v>
      </c>
      <c r="S1381" s="124">
        <f t="shared" si="21"/>
        <v>1.2573128299645975</v>
      </c>
    </row>
    <row r="1382" spans="8:19" x14ac:dyDescent="0.3">
      <c r="H1382" s="44">
        <v>1375</v>
      </c>
      <c r="I1382" s="56">
        <f>Bühler!I1408</f>
        <v>0.32362785860035498</v>
      </c>
      <c r="J1382" s="59">
        <f>Bühler!J1408</f>
        <v>1.07875952866785</v>
      </c>
      <c r="K1382" s="59">
        <f>Bühler!K1408</f>
        <v>1.6181392930017748</v>
      </c>
      <c r="L1382" s="59">
        <f>Bühler!L1408</f>
        <v>7.767068606408519</v>
      </c>
      <c r="M1382" s="58">
        <f>Bühler!M1408</f>
        <v>0</v>
      </c>
      <c r="N1382" s="56">
        <f>IF(Input!$D$19=1,J1382*Input!$C$19,0)+IF(Input!$D$20=1,K1382*Input!$C$20,0)+IF(Input!$D$21=1,L1382*Input!$C$21,0)+IF(Input!$D$22=1,M1382*Input!$C$22,0)</f>
        <v>0.32362785860035498</v>
      </c>
      <c r="O1382" s="59">
        <f>IF(Input!$D$19=2,J1382*Input!$C$19,0)+IF(Input!$D$20=2,K1382*Input!$C$20,0)+IF(Input!$D$21=2,L1382*Input!$C$21,0)+IF(Input!$D$22=2,M1382*Input!$C$22,0)</f>
        <v>0.80906964650088742</v>
      </c>
      <c r="P1382" s="59">
        <f>IF(Input!$D$19=3,J1382*Input!$C$19,0)+IF(Input!$D$20=3,K1382*Input!$C$20,0)+IF(Input!$D$21=3,L1382*Input!$C$21,0)+IF(Input!$D$22=3,M1382*Input!$C$22,0)</f>
        <v>0</v>
      </c>
      <c r="Q1382" s="75">
        <f>IF(Input!$D$19=4,J1382*Input!$C$19,0)+IF(Input!$D$20=4,K1382*Input!$C$20,0)+IF(Input!$D$21=4,L1382*Input!$C$21,0)+IF(Input!$D$22=4,M1382*Input!$C$22,0)</f>
        <v>0</v>
      </c>
      <c r="R1382" s="58">
        <v>66.07356259819629</v>
      </c>
      <c r="S1382" s="124">
        <f t="shared" si="21"/>
        <v>1.4023873872682049</v>
      </c>
    </row>
    <row r="1383" spans="8:19" x14ac:dyDescent="0.3">
      <c r="H1383" s="44">
        <v>1376</v>
      </c>
      <c r="I1383" s="56">
        <f>Bühler!I1409</f>
        <v>0.3347874399314017</v>
      </c>
      <c r="J1383" s="59">
        <f>Bühler!J1409</f>
        <v>1.1159581331046724</v>
      </c>
      <c r="K1383" s="59">
        <f>Bühler!K1409</f>
        <v>1.6739371996570085</v>
      </c>
      <c r="L1383" s="59">
        <f>Bühler!L1409</f>
        <v>8.0348985583536408</v>
      </c>
      <c r="M1383" s="58">
        <f>Bühler!M1409</f>
        <v>0</v>
      </c>
      <c r="N1383" s="56">
        <f>IF(Input!$D$19=1,J1383*Input!$C$19,0)+IF(Input!$D$20=1,K1383*Input!$C$20,0)+IF(Input!$D$21=1,L1383*Input!$C$21,0)+IF(Input!$D$22=1,M1383*Input!$C$22,0)</f>
        <v>0.3347874399314017</v>
      </c>
      <c r="O1383" s="59">
        <f>IF(Input!$D$19=2,J1383*Input!$C$19,0)+IF(Input!$D$20=2,K1383*Input!$C$20,0)+IF(Input!$D$21=2,L1383*Input!$C$21,0)+IF(Input!$D$22=2,M1383*Input!$C$22,0)</f>
        <v>0.83696859982850424</v>
      </c>
      <c r="P1383" s="59">
        <f>IF(Input!$D$19=3,J1383*Input!$C$19,0)+IF(Input!$D$20=3,K1383*Input!$C$20,0)+IF(Input!$D$21=3,L1383*Input!$C$21,0)+IF(Input!$D$22=3,M1383*Input!$C$22,0)</f>
        <v>0</v>
      </c>
      <c r="Q1383" s="75">
        <f>IF(Input!$D$19=4,J1383*Input!$C$19,0)+IF(Input!$D$20=4,K1383*Input!$C$20,0)+IF(Input!$D$21=4,L1383*Input!$C$21,0)+IF(Input!$D$22=4,M1383*Input!$C$22,0)</f>
        <v>0</v>
      </c>
      <c r="R1383" s="58">
        <v>67.521297859143161</v>
      </c>
      <c r="S1383" s="124">
        <f t="shared" si="21"/>
        <v>1.4507455730360741</v>
      </c>
    </row>
    <row r="1384" spans="8:19" x14ac:dyDescent="0.3">
      <c r="H1384" s="44">
        <v>1377</v>
      </c>
      <c r="I1384" s="56">
        <f>Bühler!I1410</f>
        <v>0.3347874399314017</v>
      </c>
      <c r="J1384" s="59">
        <f>Bühler!J1410</f>
        <v>1.1159581331046724</v>
      </c>
      <c r="K1384" s="59">
        <f>Bühler!K1410</f>
        <v>1.6739371996570085</v>
      </c>
      <c r="L1384" s="59">
        <f>Bühler!L1410</f>
        <v>8.0348985583536408</v>
      </c>
      <c r="M1384" s="58">
        <f>Bühler!M1410</f>
        <v>0</v>
      </c>
      <c r="N1384" s="56">
        <f>IF(Input!$D$19=1,J1384*Input!$C$19,0)+IF(Input!$D$20=1,K1384*Input!$C$20,0)+IF(Input!$D$21=1,L1384*Input!$C$21,0)+IF(Input!$D$22=1,M1384*Input!$C$22,0)</f>
        <v>0.3347874399314017</v>
      </c>
      <c r="O1384" s="59">
        <f>IF(Input!$D$19=2,J1384*Input!$C$19,0)+IF(Input!$D$20=2,K1384*Input!$C$20,0)+IF(Input!$D$21=2,L1384*Input!$C$21,0)+IF(Input!$D$22=2,M1384*Input!$C$22,0)</f>
        <v>0.83696859982850424</v>
      </c>
      <c r="P1384" s="59">
        <f>IF(Input!$D$19=3,J1384*Input!$C$19,0)+IF(Input!$D$20=3,K1384*Input!$C$20,0)+IF(Input!$D$21=3,L1384*Input!$C$21,0)+IF(Input!$D$22=3,M1384*Input!$C$22,0)</f>
        <v>0</v>
      </c>
      <c r="Q1384" s="75">
        <f>IF(Input!$D$19=4,J1384*Input!$C$19,0)+IF(Input!$D$20=4,K1384*Input!$C$20,0)+IF(Input!$D$21=4,L1384*Input!$C$21,0)+IF(Input!$D$22=4,M1384*Input!$C$22,0)</f>
        <v>0</v>
      </c>
      <c r="R1384" s="58">
        <v>66.777753399742878</v>
      </c>
      <c r="S1384" s="124">
        <f t="shared" si="21"/>
        <v>1.4507455730360741</v>
      </c>
    </row>
    <row r="1385" spans="8:19" x14ac:dyDescent="0.3">
      <c r="H1385" s="44">
        <v>1378</v>
      </c>
      <c r="I1385" s="56">
        <f>Bühler!I1411</f>
        <v>0.36268639325901852</v>
      </c>
      <c r="J1385" s="59">
        <f>Bühler!J1411</f>
        <v>1.2089546441967285</v>
      </c>
      <c r="K1385" s="59">
        <f>Bühler!K1411</f>
        <v>1.8134319662950926</v>
      </c>
      <c r="L1385" s="59">
        <f>Bühler!L1411</f>
        <v>8.7044734382164446</v>
      </c>
      <c r="M1385" s="58">
        <f>Bühler!M1411</f>
        <v>0</v>
      </c>
      <c r="N1385" s="56">
        <f>IF(Input!$D$19=1,J1385*Input!$C$19,0)+IF(Input!$D$20=1,K1385*Input!$C$20,0)+IF(Input!$D$21=1,L1385*Input!$C$21,0)+IF(Input!$D$22=1,M1385*Input!$C$22,0)</f>
        <v>0.36268639325901852</v>
      </c>
      <c r="O1385" s="59">
        <f>IF(Input!$D$19=2,J1385*Input!$C$19,0)+IF(Input!$D$20=2,K1385*Input!$C$20,0)+IF(Input!$D$21=2,L1385*Input!$C$21,0)+IF(Input!$D$22=2,M1385*Input!$C$22,0)</f>
        <v>0.90671598314754631</v>
      </c>
      <c r="P1385" s="59">
        <f>IF(Input!$D$19=3,J1385*Input!$C$19,0)+IF(Input!$D$20=3,K1385*Input!$C$20,0)+IF(Input!$D$21=3,L1385*Input!$C$21,0)+IF(Input!$D$22=3,M1385*Input!$C$22,0)</f>
        <v>0</v>
      </c>
      <c r="Q1385" s="75">
        <f>IF(Input!$D$19=4,J1385*Input!$C$19,0)+IF(Input!$D$20=4,K1385*Input!$C$20,0)+IF(Input!$D$21=4,L1385*Input!$C$21,0)+IF(Input!$D$22=4,M1385*Input!$C$22,0)</f>
        <v>0</v>
      </c>
      <c r="R1385" s="58">
        <v>66.454164110465115</v>
      </c>
      <c r="S1385" s="124">
        <f t="shared" si="21"/>
        <v>1.571641037455747</v>
      </c>
    </row>
    <row r="1386" spans="8:19" x14ac:dyDescent="0.3">
      <c r="H1386" s="44">
        <v>1379</v>
      </c>
      <c r="I1386" s="56">
        <f>Bühler!I1412</f>
        <v>0.37942576525558863</v>
      </c>
      <c r="J1386" s="59">
        <f>Bühler!J1412</f>
        <v>1.2647525508519621</v>
      </c>
      <c r="K1386" s="59">
        <f>Bühler!K1412</f>
        <v>1.8971288262779431</v>
      </c>
      <c r="L1386" s="59">
        <f>Bühler!L1412</f>
        <v>9.1062183661341276</v>
      </c>
      <c r="M1386" s="58">
        <f>Bühler!M1412</f>
        <v>0</v>
      </c>
      <c r="N1386" s="56">
        <f>IF(Input!$D$19=1,J1386*Input!$C$19,0)+IF(Input!$D$20=1,K1386*Input!$C$20,0)+IF(Input!$D$21=1,L1386*Input!$C$21,0)+IF(Input!$D$22=1,M1386*Input!$C$22,0)</f>
        <v>0.37942576525558863</v>
      </c>
      <c r="O1386" s="59">
        <f>IF(Input!$D$19=2,J1386*Input!$C$19,0)+IF(Input!$D$20=2,K1386*Input!$C$20,0)+IF(Input!$D$21=2,L1386*Input!$C$21,0)+IF(Input!$D$22=2,M1386*Input!$C$22,0)</f>
        <v>0.94856441313897155</v>
      </c>
      <c r="P1386" s="59">
        <f>IF(Input!$D$19=3,J1386*Input!$C$19,0)+IF(Input!$D$20=3,K1386*Input!$C$20,0)+IF(Input!$D$21=3,L1386*Input!$C$21,0)+IF(Input!$D$22=3,M1386*Input!$C$22,0)</f>
        <v>0</v>
      </c>
      <c r="Q1386" s="75">
        <f>IF(Input!$D$19=4,J1386*Input!$C$19,0)+IF(Input!$D$20=4,K1386*Input!$C$20,0)+IF(Input!$D$21=4,L1386*Input!$C$21,0)+IF(Input!$D$22=4,M1386*Input!$C$22,0)</f>
        <v>0</v>
      </c>
      <c r="R1386" s="58">
        <v>68.086434354463222</v>
      </c>
      <c r="S1386" s="124">
        <f t="shared" si="21"/>
        <v>1.6441783161075507</v>
      </c>
    </row>
    <row r="1387" spans="8:19" x14ac:dyDescent="0.3">
      <c r="H1387" s="44">
        <v>1380</v>
      </c>
      <c r="I1387" s="56">
        <f>Bühler!I1413</f>
        <v>0.44638325324186895</v>
      </c>
      <c r="J1387" s="59">
        <f>Bühler!J1413</f>
        <v>1.4879441774728965</v>
      </c>
      <c r="K1387" s="59">
        <f>Bühler!K1413</f>
        <v>2.2319162662093448</v>
      </c>
      <c r="L1387" s="59">
        <f>Bühler!L1413</f>
        <v>10.713198077804854</v>
      </c>
      <c r="M1387" s="58">
        <f>Bühler!M1413</f>
        <v>0</v>
      </c>
      <c r="N1387" s="56">
        <f>IF(Input!$D$19=1,J1387*Input!$C$19,0)+IF(Input!$D$20=1,K1387*Input!$C$20,0)+IF(Input!$D$21=1,L1387*Input!$C$21,0)+IF(Input!$D$22=1,M1387*Input!$C$22,0)</f>
        <v>0.44638325324186895</v>
      </c>
      <c r="O1387" s="59">
        <f>IF(Input!$D$19=2,J1387*Input!$C$19,0)+IF(Input!$D$20=2,K1387*Input!$C$20,0)+IF(Input!$D$21=2,L1387*Input!$C$21,0)+IF(Input!$D$22=2,M1387*Input!$C$22,0)</f>
        <v>1.1159581331046724</v>
      </c>
      <c r="P1387" s="59">
        <f>IF(Input!$D$19=3,J1387*Input!$C$19,0)+IF(Input!$D$20=3,K1387*Input!$C$20,0)+IF(Input!$D$21=3,L1387*Input!$C$21,0)+IF(Input!$D$22=3,M1387*Input!$C$22,0)</f>
        <v>0</v>
      </c>
      <c r="Q1387" s="75">
        <f>IF(Input!$D$19=4,J1387*Input!$C$19,0)+IF(Input!$D$20=4,K1387*Input!$C$20,0)+IF(Input!$D$21=4,L1387*Input!$C$21,0)+IF(Input!$D$22=4,M1387*Input!$C$22,0)</f>
        <v>0</v>
      </c>
      <c r="R1387" s="58">
        <v>68.671280247327601</v>
      </c>
      <c r="S1387" s="124">
        <f t="shared" si="21"/>
        <v>1.9343274307147655</v>
      </c>
    </row>
    <row r="1388" spans="8:19" x14ac:dyDescent="0.3">
      <c r="H1388" s="44">
        <v>1381</v>
      </c>
      <c r="I1388" s="56">
        <f>Bühler!I1414</f>
        <v>0.44638325324186895</v>
      </c>
      <c r="J1388" s="59">
        <f>Bühler!J1414</f>
        <v>1.4879441774728965</v>
      </c>
      <c r="K1388" s="59">
        <f>Bühler!K1414</f>
        <v>2.2319162662093448</v>
      </c>
      <c r="L1388" s="59">
        <f>Bühler!L1414</f>
        <v>10.713198077804854</v>
      </c>
      <c r="M1388" s="58">
        <f>Bühler!M1414</f>
        <v>0</v>
      </c>
      <c r="N1388" s="56">
        <f>IF(Input!$D$19=1,J1388*Input!$C$19,0)+IF(Input!$D$20=1,K1388*Input!$C$20,0)+IF(Input!$D$21=1,L1388*Input!$C$21,0)+IF(Input!$D$22=1,M1388*Input!$C$22,0)</f>
        <v>0.44638325324186895</v>
      </c>
      <c r="O1388" s="59">
        <f>IF(Input!$D$19=2,J1388*Input!$C$19,0)+IF(Input!$D$20=2,K1388*Input!$C$20,0)+IF(Input!$D$21=2,L1388*Input!$C$21,0)+IF(Input!$D$22=2,M1388*Input!$C$22,0)</f>
        <v>1.1159581331046724</v>
      </c>
      <c r="P1388" s="59">
        <f>IF(Input!$D$19=3,J1388*Input!$C$19,0)+IF(Input!$D$20=3,K1388*Input!$C$20,0)+IF(Input!$D$21=3,L1388*Input!$C$21,0)+IF(Input!$D$22=3,M1388*Input!$C$22,0)</f>
        <v>0</v>
      </c>
      <c r="Q1388" s="75">
        <f>IF(Input!$D$19=4,J1388*Input!$C$19,0)+IF(Input!$D$20=4,K1388*Input!$C$20,0)+IF(Input!$D$21=4,L1388*Input!$C$21,0)+IF(Input!$D$22=4,M1388*Input!$C$22,0)</f>
        <v>0</v>
      </c>
      <c r="R1388" s="58">
        <v>67.648702367956872</v>
      </c>
      <c r="S1388" s="124">
        <f t="shared" si="21"/>
        <v>1.9343274307147655</v>
      </c>
    </row>
    <row r="1389" spans="8:19" x14ac:dyDescent="0.3">
      <c r="H1389" s="44">
        <v>1382</v>
      </c>
      <c r="I1389" s="56">
        <f>Bühler!I1415</f>
        <v>0.44638325324186895</v>
      </c>
      <c r="J1389" s="59">
        <f>Bühler!J1415</f>
        <v>1.4879441774728965</v>
      </c>
      <c r="K1389" s="59">
        <f>Bühler!K1415</f>
        <v>2.2319162662093448</v>
      </c>
      <c r="L1389" s="59">
        <f>Bühler!L1415</f>
        <v>10.713198077804854</v>
      </c>
      <c r="M1389" s="58">
        <f>Bühler!M1415</f>
        <v>0</v>
      </c>
      <c r="N1389" s="56">
        <f>IF(Input!$D$19=1,J1389*Input!$C$19,0)+IF(Input!$D$20=1,K1389*Input!$C$20,0)+IF(Input!$D$21=1,L1389*Input!$C$21,0)+IF(Input!$D$22=1,M1389*Input!$C$22,0)</f>
        <v>0.44638325324186895</v>
      </c>
      <c r="O1389" s="59">
        <f>IF(Input!$D$19=2,J1389*Input!$C$19,0)+IF(Input!$D$20=2,K1389*Input!$C$20,0)+IF(Input!$D$21=2,L1389*Input!$C$21,0)+IF(Input!$D$22=2,M1389*Input!$C$22,0)</f>
        <v>1.1159581331046724</v>
      </c>
      <c r="P1389" s="59">
        <f>IF(Input!$D$19=3,J1389*Input!$C$19,0)+IF(Input!$D$20=3,K1389*Input!$C$20,0)+IF(Input!$D$21=3,L1389*Input!$C$21,0)+IF(Input!$D$22=3,M1389*Input!$C$22,0)</f>
        <v>0</v>
      </c>
      <c r="Q1389" s="75">
        <f>IF(Input!$D$19=4,J1389*Input!$C$19,0)+IF(Input!$D$20=4,K1389*Input!$C$20,0)+IF(Input!$D$21=4,L1389*Input!$C$21,0)+IF(Input!$D$22=4,M1389*Input!$C$22,0)</f>
        <v>0</v>
      </c>
      <c r="R1389" s="58">
        <v>66.893779467255001</v>
      </c>
      <c r="S1389" s="124">
        <f t="shared" si="21"/>
        <v>1.9343274307147655</v>
      </c>
    </row>
    <row r="1390" spans="8:19" x14ac:dyDescent="0.3">
      <c r="H1390" s="44">
        <v>1383</v>
      </c>
      <c r="I1390" s="56">
        <f>Bühler!I1416</f>
        <v>0.44638325324186895</v>
      </c>
      <c r="J1390" s="59">
        <f>Bühler!J1416</f>
        <v>1.4879441774728965</v>
      </c>
      <c r="K1390" s="59">
        <f>Bühler!K1416</f>
        <v>2.2319162662093448</v>
      </c>
      <c r="L1390" s="59">
        <f>Bühler!L1416</f>
        <v>10.713198077804854</v>
      </c>
      <c r="M1390" s="58">
        <f>Bühler!M1416</f>
        <v>0</v>
      </c>
      <c r="N1390" s="56">
        <f>IF(Input!$D$19=1,J1390*Input!$C$19,0)+IF(Input!$D$20=1,K1390*Input!$C$20,0)+IF(Input!$D$21=1,L1390*Input!$C$21,0)+IF(Input!$D$22=1,M1390*Input!$C$22,0)</f>
        <v>0.44638325324186895</v>
      </c>
      <c r="O1390" s="59">
        <f>IF(Input!$D$19=2,J1390*Input!$C$19,0)+IF(Input!$D$20=2,K1390*Input!$C$20,0)+IF(Input!$D$21=2,L1390*Input!$C$21,0)+IF(Input!$D$22=2,M1390*Input!$C$22,0)</f>
        <v>1.1159581331046724</v>
      </c>
      <c r="P1390" s="59">
        <f>IF(Input!$D$19=3,J1390*Input!$C$19,0)+IF(Input!$D$20=3,K1390*Input!$C$20,0)+IF(Input!$D$21=3,L1390*Input!$C$21,0)+IF(Input!$D$22=3,M1390*Input!$C$22,0)</f>
        <v>0</v>
      </c>
      <c r="Q1390" s="75">
        <f>IF(Input!$D$19=4,J1390*Input!$C$19,0)+IF(Input!$D$20=4,K1390*Input!$C$20,0)+IF(Input!$D$21=4,L1390*Input!$C$21,0)+IF(Input!$D$22=4,M1390*Input!$C$22,0)</f>
        <v>0</v>
      </c>
      <c r="R1390" s="58">
        <v>67.092971210788306</v>
      </c>
      <c r="S1390" s="124">
        <f t="shared" si="21"/>
        <v>1.9343274307147655</v>
      </c>
    </row>
    <row r="1391" spans="8:19" x14ac:dyDescent="0.3">
      <c r="H1391" s="44">
        <v>1384</v>
      </c>
      <c r="I1391" s="56">
        <f>Bühler!I1417</f>
        <v>0.44638325324186895</v>
      </c>
      <c r="J1391" s="59">
        <f>Bühler!J1417</f>
        <v>1.4879441774728965</v>
      </c>
      <c r="K1391" s="59">
        <f>Bühler!K1417</f>
        <v>2.2319162662093448</v>
      </c>
      <c r="L1391" s="59">
        <f>Bühler!L1417</f>
        <v>10.713198077804854</v>
      </c>
      <c r="M1391" s="58">
        <f>Bühler!M1417</f>
        <v>0</v>
      </c>
      <c r="N1391" s="56">
        <f>IF(Input!$D$19=1,J1391*Input!$C$19,0)+IF(Input!$D$20=1,K1391*Input!$C$20,0)+IF(Input!$D$21=1,L1391*Input!$C$21,0)+IF(Input!$D$22=1,M1391*Input!$C$22,0)</f>
        <v>0.44638325324186895</v>
      </c>
      <c r="O1391" s="59">
        <f>IF(Input!$D$19=2,J1391*Input!$C$19,0)+IF(Input!$D$20=2,K1391*Input!$C$20,0)+IF(Input!$D$21=2,L1391*Input!$C$21,0)+IF(Input!$D$22=2,M1391*Input!$C$22,0)</f>
        <v>1.1159581331046724</v>
      </c>
      <c r="P1391" s="59">
        <f>IF(Input!$D$19=3,J1391*Input!$C$19,0)+IF(Input!$D$20=3,K1391*Input!$C$20,0)+IF(Input!$D$21=3,L1391*Input!$C$21,0)+IF(Input!$D$22=3,M1391*Input!$C$22,0)</f>
        <v>0</v>
      </c>
      <c r="Q1391" s="75">
        <f>IF(Input!$D$19=4,J1391*Input!$C$19,0)+IF(Input!$D$20=4,K1391*Input!$C$20,0)+IF(Input!$D$21=4,L1391*Input!$C$21,0)+IF(Input!$D$22=4,M1391*Input!$C$22,0)</f>
        <v>0</v>
      </c>
      <c r="R1391" s="58">
        <v>66.261835724979719</v>
      </c>
      <c r="S1391" s="124">
        <f t="shared" si="21"/>
        <v>1.9343274307147655</v>
      </c>
    </row>
    <row r="1392" spans="8:19" x14ac:dyDescent="0.3">
      <c r="H1392" s="44">
        <v>1385</v>
      </c>
      <c r="I1392" s="56">
        <f>Bühler!I1418</f>
        <v>0.44638325324186895</v>
      </c>
      <c r="J1392" s="59">
        <f>Bühler!J1418</f>
        <v>1.4879441774728965</v>
      </c>
      <c r="K1392" s="59">
        <f>Bühler!K1418</f>
        <v>2.2319162662093448</v>
      </c>
      <c r="L1392" s="59">
        <f>Bühler!L1418</f>
        <v>10.713198077804854</v>
      </c>
      <c r="M1392" s="58">
        <f>Bühler!M1418</f>
        <v>0</v>
      </c>
      <c r="N1392" s="56">
        <f>IF(Input!$D$19=1,J1392*Input!$C$19,0)+IF(Input!$D$20=1,K1392*Input!$C$20,0)+IF(Input!$D$21=1,L1392*Input!$C$21,0)+IF(Input!$D$22=1,M1392*Input!$C$22,0)</f>
        <v>0.44638325324186895</v>
      </c>
      <c r="O1392" s="59">
        <f>IF(Input!$D$19=2,J1392*Input!$C$19,0)+IF(Input!$D$20=2,K1392*Input!$C$20,0)+IF(Input!$D$21=2,L1392*Input!$C$21,0)+IF(Input!$D$22=2,M1392*Input!$C$22,0)</f>
        <v>1.1159581331046724</v>
      </c>
      <c r="P1392" s="59">
        <f>IF(Input!$D$19=3,J1392*Input!$C$19,0)+IF(Input!$D$20=3,K1392*Input!$C$20,0)+IF(Input!$D$21=3,L1392*Input!$C$21,0)+IF(Input!$D$22=3,M1392*Input!$C$22,0)</f>
        <v>0</v>
      </c>
      <c r="Q1392" s="75">
        <f>IF(Input!$D$19=4,J1392*Input!$C$19,0)+IF(Input!$D$20=4,K1392*Input!$C$20,0)+IF(Input!$D$21=4,L1392*Input!$C$21,0)+IF(Input!$D$22=4,M1392*Input!$C$22,0)</f>
        <v>0</v>
      </c>
      <c r="R1392" s="58">
        <v>65.094609288467169</v>
      </c>
      <c r="S1392" s="124">
        <f t="shared" si="21"/>
        <v>1.9343274307147655</v>
      </c>
    </row>
    <row r="1393" spans="8:19" x14ac:dyDescent="0.3">
      <c r="H1393" s="44">
        <v>1386</v>
      </c>
      <c r="I1393" s="56">
        <f>Bühler!I1419</f>
        <v>0.44638325324186895</v>
      </c>
      <c r="J1393" s="59">
        <f>Bühler!J1419</f>
        <v>1.4879441774728965</v>
      </c>
      <c r="K1393" s="59">
        <f>Bühler!K1419</f>
        <v>2.2319162662093448</v>
      </c>
      <c r="L1393" s="59">
        <f>Bühler!L1419</f>
        <v>10.713198077804854</v>
      </c>
      <c r="M1393" s="58">
        <f>Bühler!M1419</f>
        <v>0</v>
      </c>
      <c r="N1393" s="56">
        <f>IF(Input!$D$19=1,J1393*Input!$C$19,0)+IF(Input!$D$20=1,K1393*Input!$C$20,0)+IF(Input!$D$21=1,L1393*Input!$C$21,0)+IF(Input!$D$22=1,M1393*Input!$C$22,0)</f>
        <v>0.44638325324186895</v>
      </c>
      <c r="O1393" s="59">
        <f>IF(Input!$D$19=2,J1393*Input!$C$19,0)+IF(Input!$D$20=2,K1393*Input!$C$20,0)+IF(Input!$D$21=2,L1393*Input!$C$21,0)+IF(Input!$D$22=2,M1393*Input!$C$22,0)</f>
        <v>1.1159581331046724</v>
      </c>
      <c r="P1393" s="59">
        <f>IF(Input!$D$19=3,J1393*Input!$C$19,0)+IF(Input!$D$20=3,K1393*Input!$C$20,0)+IF(Input!$D$21=3,L1393*Input!$C$21,0)+IF(Input!$D$22=3,M1393*Input!$C$22,0)</f>
        <v>0</v>
      </c>
      <c r="Q1393" s="75">
        <f>IF(Input!$D$19=4,J1393*Input!$C$19,0)+IF(Input!$D$20=4,K1393*Input!$C$20,0)+IF(Input!$D$21=4,L1393*Input!$C$21,0)+IF(Input!$D$22=4,M1393*Input!$C$22,0)</f>
        <v>0</v>
      </c>
      <c r="R1393" s="58">
        <v>63.694112056340451</v>
      </c>
      <c r="S1393" s="124">
        <f t="shared" si="21"/>
        <v>1.9343274307147655</v>
      </c>
    </row>
    <row r="1394" spans="8:19" x14ac:dyDescent="0.3">
      <c r="H1394" s="44">
        <v>1387</v>
      </c>
      <c r="I1394" s="56">
        <f>Bühler!I1420</f>
        <v>0.44638325324186895</v>
      </c>
      <c r="J1394" s="59">
        <f>Bühler!J1420</f>
        <v>1.4879441774728965</v>
      </c>
      <c r="K1394" s="59">
        <f>Bühler!K1420</f>
        <v>2.2319162662093448</v>
      </c>
      <c r="L1394" s="59">
        <f>Bühler!L1420</f>
        <v>10.713198077804854</v>
      </c>
      <c r="M1394" s="58">
        <f>Bühler!M1420</f>
        <v>0</v>
      </c>
      <c r="N1394" s="56">
        <f>IF(Input!$D$19=1,J1394*Input!$C$19,0)+IF(Input!$D$20=1,K1394*Input!$C$20,0)+IF(Input!$D$21=1,L1394*Input!$C$21,0)+IF(Input!$D$22=1,M1394*Input!$C$22,0)</f>
        <v>0.44638325324186895</v>
      </c>
      <c r="O1394" s="59">
        <f>IF(Input!$D$19=2,J1394*Input!$C$19,0)+IF(Input!$D$20=2,K1394*Input!$C$20,0)+IF(Input!$D$21=2,L1394*Input!$C$21,0)+IF(Input!$D$22=2,M1394*Input!$C$22,0)</f>
        <v>1.1159581331046724</v>
      </c>
      <c r="P1394" s="59">
        <f>IF(Input!$D$19=3,J1394*Input!$C$19,0)+IF(Input!$D$20=3,K1394*Input!$C$20,0)+IF(Input!$D$21=3,L1394*Input!$C$21,0)+IF(Input!$D$22=3,M1394*Input!$C$22,0)</f>
        <v>0</v>
      </c>
      <c r="Q1394" s="75">
        <f>IF(Input!$D$19=4,J1394*Input!$C$19,0)+IF(Input!$D$20=4,K1394*Input!$C$20,0)+IF(Input!$D$21=4,L1394*Input!$C$21,0)+IF(Input!$D$22=4,M1394*Input!$C$22,0)</f>
        <v>0</v>
      </c>
      <c r="R1394" s="58">
        <v>62.079891671619187</v>
      </c>
      <c r="S1394" s="124">
        <f t="shared" si="21"/>
        <v>1.9343274307147655</v>
      </c>
    </row>
    <row r="1395" spans="8:19" x14ac:dyDescent="0.3">
      <c r="H1395" s="44">
        <v>1388</v>
      </c>
      <c r="I1395" s="56">
        <f>Bühler!I1421</f>
        <v>0.37384597459006524</v>
      </c>
      <c r="J1395" s="59">
        <f>Bühler!J1421</f>
        <v>1.2461532486335509</v>
      </c>
      <c r="K1395" s="59">
        <f>Bühler!K1421</f>
        <v>1.8692298729503263</v>
      </c>
      <c r="L1395" s="59">
        <f>Bühler!L1421</f>
        <v>8.9723033901615654</v>
      </c>
      <c r="M1395" s="58">
        <f>Bühler!M1421</f>
        <v>0</v>
      </c>
      <c r="N1395" s="56">
        <f>IF(Input!$D$19=1,J1395*Input!$C$19,0)+IF(Input!$D$20=1,K1395*Input!$C$20,0)+IF(Input!$D$21=1,L1395*Input!$C$21,0)+IF(Input!$D$22=1,M1395*Input!$C$22,0)</f>
        <v>0.37384597459006524</v>
      </c>
      <c r="O1395" s="59">
        <f>IF(Input!$D$19=2,J1395*Input!$C$19,0)+IF(Input!$D$20=2,K1395*Input!$C$20,0)+IF(Input!$D$21=2,L1395*Input!$C$21,0)+IF(Input!$D$22=2,M1395*Input!$C$22,0)</f>
        <v>0.93461493647516314</v>
      </c>
      <c r="P1395" s="59">
        <f>IF(Input!$D$19=3,J1395*Input!$C$19,0)+IF(Input!$D$20=3,K1395*Input!$C$20,0)+IF(Input!$D$21=3,L1395*Input!$C$21,0)+IF(Input!$D$22=3,M1395*Input!$C$22,0)</f>
        <v>0</v>
      </c>
      <c r="Q1395" s="75">
        <f>IF(Input!$D$19=4,J1395*Input!$C$19,0)+IF(Input!$D$20=4,K1395*Input!$C$20,0)+IF(Input!$D$21=4,L1395*Input!$C$21,0)+IF(Input!$D$22=4,M1395*Input!$C$22,0)</f>
        <v>0</v>
      </c>
      <c r="R1395" s="58">
        <v>61.313910602397875</v>
      </c>
      <c r="S1395" s="124">
        <f t="shared" si="21"/>
        <v>1.6199992232236162</v>
      </c>
    </row>
    <row r="1396" spans="8:19" x14ac:dyDescent="0.3">
      <c r="H1396" s="44">
        <v>1389</v>
      </c>
      <c r="I1396" s="56">
        <f>Bühler!I1422</f>
        <v>0.30688848660378487</v>
      </c>
      <c r="J1396" s="59">
        <f>Bühler!J1422</f>
        <v>1.0229616220126163</v>
      </c>
      <c r="K1396" s="59">
        <f>Bühler!K1422</f>
        <v>1.5344424330189244</v>
      </c>
      <c r="L1396" s="59">
        <f>Bühler!L1422</f>
        <v>7.3653236784908369</v>
      </c>
      <c r="M1396" s="58">
        <f>Bühler!M1422</f>
        <v>0</v>
      </c>
      <c r="N1396" s="56">
        <f>IF(Input!$D$19=1,J1396*Input!$C$19,0)+IF(Input!$D$20=1,K1396*Input!$C$20,0)+IF(Input!$D$21=1,L1396*Input!$C$21,0)+IF(Input!$D$22=1,M1396*Input!$C$22,0)</f>
        <v>0.30688848660378487</v>
      </c>
      <c r="O1396" s="59">
        <f>IF(Input!$D$19=2,J1396*Input!$C$19,0)+IF(Input!$D$20=2,K1396*Input!$C$20,0)+IF(Input!$D$21=2,L1396*Input!$C$21,0)+IF(Input!$D$22=2,M1396*Input!$C$22,0)</f>
        <v>0.76722121650946218</v>
      </c>
      <c r="P1396" s="59">
        <f>IF(Input!$D$19=3,J1396*Input!$C$19,0)+IF(Input!$D$20=3,K1396*Input!$C$20,0)+IF(Input!$D$21=3,L1396*Input!$C$21,0)+IF(Input!$D$22=3,M1396*Input!$C$22,0)</f>
        <v>0</v>
      </c>
      <c r="Q1396" s="75">
        <f>IF(Input!$D$19=4,J1396*Input!$C$19,0)+IF(Input!$D$20=4,K1396*Input!$C$20,0)+IF(Input!$D$21=4,L1396*Input!$C$21,0)+IF(Input!$D$22=4,M1396*Input!$C$22,0)</f>
        <v>0</v>
      </c>
      <c r="R1396" s="58">
        <v>60.578798561124216</v>
      </c>
      <c r="S1396" s="124">
        <f t="shared" si="21"/>
        <v>1.3298501086164012</v>
      </c>
    </row>
    <row r="1397" spans="8:19" x14ac:dyDescent="0.3">
      <c r="H1397" s="44">
        <v>1390</v>
      </c>
      <c r="I1397" s="56">
        <f>Bühler!I1423</f>
        <v>0.22319162662093447</v>
      </c>
      <c r="J1397" s="59">
        <f>Bühler!J1423</f>
        <v>0.74397208873644827</v>
      </c>
      <c r="K1397" s="59">
        <f>Bühler!K1423</f>
        <v>1.1159581331046724</v>
      </c>
      <c r="L1397" s="59">
        <f>Bühler!L1423</f>
        <v>5.3565990389024272</v>
      </c>
      <c r="M1397" s="58">
        <f>Bühler!M1423</f>
        <v>0</v>
      </c>
      <c r="N1397" s="56">
        <f>IF(Input!$D$19=1,J1397*Input!$C$19,0)+IF(Input!$D$20=1,K1397*Input!$C$20,0)+IF(Input!$D$21=1,L1397*Input!$C$21,0)+IF(Input!$D$22=1,M1397*Input!$C$22,0)</f>
        <v>0.22319162662093447</v>
      </c>
      <c r="O1397" s="59">
        <f>IF(Input!$D$19=2,J1397*Input!$C$19,0)+IF(Input!$D$20=2,K1397*Input!$C$20,0)+IF(Input!$D$21=2,L1397*Input!$C$21,0)+IF(Input!$D$22=2,M1397*Input!$C$22,0)</f>
        <v>0.5579790665523362</v>
      </c>
      <c r="P1397" s="59">
        <f>IF(Input!$D$19=3,J1397*Input!$C$19,0)+IF(Input!$D$20=3,K1397*Input!$C$20,0)+IF(Input!$D$21=3,L1397*Input!$C$21,0)+IF(Input!$D$22=3,M1397*Input!$C$22,0)</f>
        <v>0</v>
      </c>
      <c r="Q1397" s="75">
        <f>IF(Input!$D$19=4,J1397*Input!$C$19,0)+IF(Input!$D$20=4,K1397*Input!$C$20,0)+IF(Input!$D$21=4,L1397*Input!$C$21,0)+IF(Input!$D$22=4,M1397*Input!$C$22,0)</f>
        <v>0</v>
      </c>
      <c r="R1397" s="58">
        <v>58.754211582203055</v>
      </c>
      <c r="S1397" s="124">
        <f t="shared" si="21"/>
        <v>0.96716371535738277</v>
      </c>
    </row>
    <row r="1398" spans="8:19" x14ac:dyDescent="0.3">
      <c r="H1398" s="44">
        <v>1391</v>
      </c>
      <c r="I1398" s="56">
        <f>Bühler!I1424</f>
        <v>0.22319162662093447</v>
      </c>
      <c r="J1398" s="59">
        <f>Bühler!J1424</f>
        <v>0.74397208873644827</v>
      </c>
      <c r="K1398" s="59">
        <f>Bühler!K1424</f>
        <v>1.1159581331046724</v>
      </c>
      <c r="L1398" s="59">
        <f>Bühler!L1424</f>
        <v>5.3565990389024272</v>
      </c>
      <c r="M1398" s="58">
        <f>Bühler!M1424</f>
        <v>0</v>
      </c>
      <c r="N1398" s="56">
        <f>IF(Input!$D$19=1,J1398*Input!$C$19,0)+IF(Input!$D$20=1,K1398*Input!$C$20,0)+IF(Input!$D$21=1,L1398*Input!$C$21,0)+IF(Input!$D$22=1,M1398*Input!$C$22,0)</f>
        <v>0.22319162662093447</v>
      </c>
      <c r="O1398" s="59">
        <f>IF(Input!$D$19=2,J1398*Input!$C$19,0)+IF(Input!$D$20=2,K1398*Input!$C$20,0)+IF(Input!$D$21=2,L1398*Input!$C$21,0)+IF(Input!$D$22=2,M1398*Input!$C$22,0)</f>
        <v>0.5579790665523362</v>
      </c>
      <c r="P1398" s="59">
        <f>IF(Input!$D$19=3,J1398*Input!$C$19,0)+IF(Input!$D$20=3,K1398*Input!$C$20,0)+IF(Input!$D$21=3,L1398*Input!$C$21,0)+IF(Input!$D$22=3,M1398*Input!$C$22,0)</f>
        <v>0</v>
      </c>
      <c r="Q1398" s="75">
        <f>IF(Input!$D$19=4,J1398*Input!$C$19,0)+IF(Input!$D$20=4,K1398*Input!$C$20,0)+IF(Input!$D$21=4,L1398*Input!$C$21,0)+IF(Input!$D$22=4,M1398*Input!$C$22,0)</f>
        <v>0</v>
      </c>
      <c r="R1398" s="58">
        <v>58.203669122620326</v>
      </c>
      <c r="S1398" s="124">
        <f t="shared" si="21"/>
        <v>0.96716371535738277</v>
      </c>
    </row>
    <row r="1399" spans="8:19" x14ac:dyDescent="0.3">
      <c r="H1399" s="44">
        <v>1392</v>
      </c>
      <c r="I1399" s="56">
        <f>Bühler!I1425</f>
        <v>0.22319162662093447</v>
      </c>
      <c r="J1399" s="59">
        <f>Bühler!J1425</f>
        <v>0.74397208873644827</v>
      </c>
      <c r="K1399" s="59">
        <f>Bühler!K1425</f>
        <v>1.1159581331046724</v>
      </c>
      <c r="L1399" s="59">
        <f>Bühler!L1425</f>
        <v>5.3565990389024272</v>
      </c>
      <c r="M1399" s="58">
        <f>Bühler!M1425</f>
        <v>0</v>
      </c>
      <c r="N1399" s="56">
        <f>IF(Input!$D$19=1,J1399*Input!$C$19,0)+IF(Input!$D$20=1,K1399*Input!$C$20,0)+IF(Input!$D$21=1,L1399*Input!$C$21,0)+IF(Input!$D$22=1,M1399*Input!$C$22,0)</f>
        <v>0.22319162662093447</v>
      </c>
      <c r="O1399" s="59">
        <f>IF(Input!$D$19=2,J1399*Input!$C$19,0)+IF(Input!$D$20=2,K1399*Input!$C$20,0)+IF(Input!$D$21=2,L1399*Input!$C$21,0)+IF(Input!$D$22=2,M1399*Input!$C$22,0)</f>
        <v>0.5579790665523362</v>
      </c>
      <c r="P1399" s="59">
        <f>IF(Input!$D$19=3,J1399*Input!$C$19,0)+IF(Input!$D$20=3,K1399*Input!$C$20,0)+IF(Input!$D$21=3,L1399*Input!$C$21,0)+IF(Input!$D$22=3,M1399*Input!$C$22,0)</f>
        <v>0</v>
      </c>
      <c r="Q1399" s="75">
        <f>IF(Input!$D$19=4,J1399*Input!$C$19,0)+IF(Input!$D$20=4,K1399*Input!$C$20,0)+IF(Input!$D$21=4,L1399*Input!$C$21,0)+IF(Input!$D$22=4,M1399*Input!$C$22,0)</f>
        <v>0</v>
      </c>
      <c r="R1399" s="58">
        <v>57.153060323672079</v>
      </c>
      <c r="S1399" s="124">
        <f t="shared" si="21"/>
        <v>0.96716371535738277</v>
      </c>
    </row>
    <row r="1400" spans="8:19" x14ac:dyDescent="0.3">
      <c r="H1400" s="44">
        <v>1393</v>
      </c>
      <c r="I1400" s="56">
        <f>Bühler!I1426</f>
        <v>0.1987906207663373</v>
      </c>
      <c r="J1400" s="59">
        <f>Bühler!J1426</f>
        <v>0.66263540255445774</v>
      </c>
      <c r="K1400" s="59">
        <f>Bühler!K1426</f>
        <v>0.99395310383168656</v>
      </c>
      <c r="L1400" s="59">
        <f>Bühler!L1426</f>
        <v>4.7709748983920957</v>
      </c>
      <c r="M1400" s="58">
        <f>Bühler!M1426</f>
        <v>0</v>
      </c>
      <c r="N1400" s="56">
        <f>IF(Input!$D$19=1,J1400*Input!$C$19,0)+IF(Input!$D$20=1,K1400*Input!$C$20,0)+IF(Input!$D$21=1,L1400*Input!$C$21,0)+IF(Input!$D$22=1,M1400*Input!$C$22,0)</f>
        <v>0.19879062076633733</v>
      </c>
      <c r="O1400" s="59">
        <f>IF(Input!$D$19=2,J1400*Input!$C$19,0)+IF(Input!$D$20=2,K1400*Input!$C$20,0)+IF(Input!$D$21=2,L1400*Input!$C$21,0)+IF(Input!$D$22=2,M1400*Input!$C$22,0)</f>
        <v>0.49697655191584328</v>
      </c>
      <c r="P1400" s="59">
        <f>IF(Input!$D$19=3,J1400*Input!$C$19,0)+IF(Input!$D$20=3,K1400*Input!$C$20,0)+IF(Input!$D$21=3,L1400*Input!$C$21,0)+IF(Input!$D$22=3,M1400*Input!$C$22,0)</f>
        <v>0</v>
      </c>
      <c r="Q1400" s="75">
        <f>IF(Input!$D$19=4,J1400*Input!$C$19,0)+IF(Input!$D$20=4,K1400*Input!$C$20,0)+IF(Input!$D$21=4,L1400*Input!$C$21,0)+IF(Input!$D$22=4,M1400*Input!$C$22,0)</f>
        <v>0</v>
      </c>
      <c r="R1400" s="58">
        <v>56.152818965200368</v>
      </c>
      <c r="S1400" s="124">
        <f t="shared" si="21"/>
        <v>0.8614260233207951</v>
      </c>
    </row>
    <row r="1401" spans="8:19" x14ac:dyDescent="0.3">
      <c r="H1401" s="44">
        <v>1394</v>
      </c>
      <c r="I1401" s="56">
        <f>Bühler!I1427</f>
        <v>0.22363944836212946</v>
      </c>
      <c r="J1401" s="59">
        <f>Bühler!J1427</f>
        <v>0.74546482787376489</v>
      </c>
      <c r="K1401" s="59">
        <f>Bühler!K1427</f>
        <v>1.1181972418106472</v>
      </c>
      <c r="L1401" s="59">
        <f>Bühler!L1427</f>
        <v>5.3673467606911069</v>
      </c>
      <c r="M1401" s="58">
        <f>Bühler!M1427</f>
        <v>0</v>
      </c>
      <c r="N1401" s="56">
        <f>IF(Input!$D$19=1,J1401*Input!$C$19,0)+IF(Input!$D$20=1,K1401*Input!$C$20,0)+IF(Input!$D$21=1,L1401*Input!$C$21,0)+IF(Input!$D$22=1,M1401*Input!$C$22,0)</f>
        <v>0.22363944836212946</v>
      </c>
      <c r="O1401" s="59">
        <f>IF(Input!$D$19=2,J1401*Input!$C$19,0)+IF(Input!$D$20=2,K1401*Input!$C$20,0)+IF(Input!$D$21=2,L1401*Input!$C$21,0)+IF(Input!$D$22=2,M1401*Input!$C$22,0)</f>
        <v>0.55909862090532358</v>
      </c>
      <c r="P1401" s="59">
        <f>IF(Input!$D$19=3,J1401*Input!$C$19,0)+IF(Input!$D$20=3,K1401*Input!$C$20,0)+IF(Input!$D$21=3,L1401*Input!$C$21,0)+IF(Input!$D$22=3,M1401*Input!$C$22,0)</f>
        <v>0</v>
      </c>
      <c r="Q1401" s="75">
        <f>IF(Input!$D$19=4,J1401*Input!$C$19,0)+IF(Input!$D$20=4,K1401*Input!$C$20,0)+IF(Input!$D$21=4,L1401*Input!$C$21,0)+IF(Input!$D$22=4,M1401*Input!$C$22,0)</f>
        <v>0</v>
      </c>
      <c r="R1401" s="58">
        <v>56.27952732349312</v>
      </c>
      <c r="S1401" s="124">
        <f t="shared" si="21"/>
        <v>0.96910427623589435</v>
      </c>
    </row>
    <row r="1402" spans="8:19" x14ac:dyDescent="0.3">
      <c r="H1402" s="44">
        <v>1395</v>
      </c>
      <c r="I1402" s="56">
        <f>Bühler!I1428</f>
        <v>0.22363944836212946</v>
      </c>
      <c r="J1402" s="59">
        <f>Bühler!J1428</f>
        <v>0.74546482787376489</v>
      </c>
      <c r="K1402" s="59">
        <f>Bühler!K1428</f>
        <v>1.1181972418106472</v>
      </c>
      <c r="L1402" s="59">
        <f>Bühler!L1428</f>
        <v>5.3673467606911069</v>
      </c>
      <c r="M1402" s="58">
        <f>Bühler!M1428</f>
        <v>0</v>
      </c>
      <c r="N1402" s="56">
        <f>IF(Input!$D$19=1,J1402*Input!$C$19,0)+IF(Input!$D$20=1,K1402*Input!$C$20,0)+IF(Input!$D$21=1,L1402*Input!$C$21,0)+IF(Input!$D$22=1,M1402*Input!$C$22,0)</f>
        <v>0.22363944836212946</v>
      </c>
      <c r="O1402" s="59">
        <f>IF(Input!$D$19=2,J1402*Input!$C$19,0)+IF(Input!$D$20=2,K1402*Input!$C$20,0)+IF(Input!$D$21=2,L1402*Input!$C$21,0)+IF(Input!$D$22=2,M1402*Input!$C$22,0)</f>
        <v>0.55909862090532358</v>
      </c>
      <c r="P1402" s="59">
        <f>IF(Input!$D$19=3,J1402*Input!$C$19,0)+IF(Input!$D$20=3,K1402*Input!$C$20,0)+IF(Input!$D$21=3,L1402*Input!$C$21,0)+IF(Input!$D$22=3,M1402*Input!$C$22,0)</f>
        <v>0</v>
      </c>
      <c r="Q1402" s="75">
        <f>IF(Input!$D$19=4,J1402*Input!$C$19,0)+IF(Input!$D$20=4,K1402*Input!$C$20,0)+IF(Input!$D$21=4,L1402*Input!$C$21,0)+IF(Input!$D$22=4,M1402*Input!$C$22,0)</f>
        <v>0</v>
      </c>
      <c r="R1402" s="58">
        <v>57.141969164839736</v>
      </c>
      <c r="S1402" s="124">
        <f t="shared" si="21"/>
        <v>0.96910427623589435</v>
      </c>
    </row>
    <row r="1403" spans="8:19" x14ac:dyDescent="0.3">
      <c r="H1403" s="44">
        <v>1396</v>
      </c>
      <c r="I1403" s="56">
        <f>Bühler!I1429</f>
        <v>0.22363944836212946</v>
      </c>
      <c r="J1403" s="59">
        <f>Bühler!J1429</f>
        <v>0.74546482787376489</v>
      </c>
      <c r="K1403" s="59">
        <f>Bühler!K1429</f>
        <v>1.1181972418106472</v>
      </c>
      <c r="L1403" s="59">
        <f>Bühler!L1429</f>
        <v>5.3673467606911069</v>
      </c>
      <c r="M1403" s="58">
        <f>Bühler!M1429</f>
        <v>0</v>
      </c>
      <c r="N1403" s="56">
        <f>IF(Input!$D$19=1,J1403*Input!$C$19,0)+IF(Input!$D$20=1,K1403*Input!$C$20,0)+IF(Input!$D$21=1,L1403*Input!$C$21,0)+IF(Input!$D$22=1,M1403*Input!$C$22,0)</f>
        <v>0.22363944836212946</v>
      </c>
      <c r="O1403" s="59">
        <f>IF(Input!$D$19=2,J1403*Input!$C$19,0)+IF(Input!$D$20=2,K1403*Input!$C$20,0)+IF(Input!$D$21=2,L1403*Input!$C$21,0)+IF(Input!$D$22=2,M1403*Input!$C$22,0)</f>
        <v>0.55909862090532358</v>
      </c>
      <c r="P1403" s="59">
        <f>IF(Input!$D$19=3,J1403*Input!$C$19,0)+IF(Input!$D$20=3,K1403*Input!$C$20,0)+IF(Input!$D$21=3,L1403*Input!$C$21,0)+IF(Input!$D$22=3,M1403*Input!$C$22,0)</f>
        <v>0</v>
      </c>
      <c r="Q1403" s="75">
        <f>IF(Input!$D$19=4,J1403*Input!$C$19,0)+IF(Input!$D$20=4,K1403*Input!$C$20,0)+IF(Input!$D$21=4,L1403*Input!$C$21,0)+IF(Input!$D$22=4,M1403*Input!$C$22,0)</f>
        <v>0</v>
      </c>
      <c r="R1403" s="58">
        <v>56.845948852303735</v>
      </c>
      <c r="S1403" s="124">
        <f t="shared" si="21"/>
        <v>0.96910427623589435</v>
      </c>
    </row>
    <row r="1404" spans="8:19" x14ac:dyDescent="0.3">
      <c r="H1404" s="44">
        <v>1397</v>
      </c>
      <c r="I1404" s="56">
        <f>Bühler!I1430</f>
        <v>0.22363944836212946</v>
      </c>
      <c r="J1404" s="59">
        <f>Bühler!J1430</f>
        <v>0.74546482787376489</v>
      </c>
      <c r="K1404" s="59">
        <f>Bühler!K1430</f>
        <v>1.1181972418106472</v>
      </c>
      <c r="L1404" s="59">
        <f>Bühler!L1430</f>
        <v>5.3673467606911069</v>
      </c>
      <c r="M1404" s="58">
        <f>Bühler!M1430</f>
        <v>0</v>
      </c>
      <c r="N1404" s="56">
        <f>IF(Input!$D$19=1,J1404*Input!$C$19,0)+IF(Input!$D$20=1,K1404*Input!$C$20,0)+IF(Input!$D$21=1,L1404*Input!$C$21,0)+IF(Input!$D$22=1,M1404*Input!$C$22,0)</f>
        <v>0.22363944836212946</v>
      </c>
      <c r="O1404" s="59">
        <f>IF(Input!$D$19=2,J1404*Input!$C$19,0)+IF(Input!$D$20=2,K1404*Input!$C$20,0)+IF(Input!$D$21=2,L1404*Input!$C$21,0)+IF(Input!$D$22=2,M1404*Input!$C$22,0)</f>
        <v>0.55909862090532358</v>
      </c>
      <c r="P1404" s="59">
        <f>IF(Input!$D$19=3,J1404*Input!$C$19,0)+IF(Input!$D$20=3,K1404*Input!$C$20,0)+IF(Input!$D$21=3,L1404*Input!$C$21,0)+IF(Input!$D$22=3,M1404*Input!$C$22,0)</f>
        <v>0</v>
      </c>
      <c r="Q1404" s="75">
        <f>IF(Input!$D$19=4,J1404*Input!$C$19,0)+IF(Input!$D$20=4,K1404*Input!$C$20,0)+IF(Input!$D$21=4,L1404*Input!$C$21,0)+IF(Input!$D$22=4,M1404*Input!$C$22,0)</f>
        <v>0</v>
      </c>
      <c r="R1404" s="58">
        <v>57.165843422672594</v>
      </c>
      <c r="S1404" s="124">
        <f t="shared" si="21"/>
        <v>0.96910427623589435</v>
      </c>
    </row>
    <row r="1405" spans="8:19" x14ac:dyDescent="0.3">
      <c r="H1405" s="44">
        <v>1398</v>
      </c>
      <c r="I1405" s="56">
        <f>Bühler!I1431</f>
        <v>0.28824640011118907</v>
      </c>
      <c r="J1405" s="59">
        <f>Bühler!J1431</f>
        <v>0.96082133370396372</v>
      </c>
      <c r="K1405" s="59">
        <f>Bühler!K1431</f>
        <v>1.4412320005559454</v>
      </c>
      <c r="L1405" s="59">
        <f>Bühler!L1431</f>
        <v>6.9179136026685377</v>
      </c>
      <c r="M1405" s="58">
        <f>Bühler!M1431</f>
        <v>0</v>
      </c>
      <c r="N1405" s="56">
        <f>IF(Input!$D$19=1,J1405*Input!$C$19,0)+IF(Input!$D$20=1,K1405*Input!$C$20,0)+IF(Input!$D$21=1,L1405*Input!$C$21,0)+IF(Input!$D$22=1,M1405*Input!$C$22,0)</f>
        <v>0.28824640011118913</v>
      </c>
      <c r="O1405" s="59">
        <f>IF(Input!$D$19=2,J1405*Input!$C$19,0)+IF(Input!$D$20=2,K1405*Input!$C$20,0)+IF(Input!$D$21=2,L1405*Input!$C$21,0)+IF(Input!$D$22=2,M1405*Input!$C$22,0)</f>
        <v>0.72061600027797268</v>
      </c>
      <c r="P1405" s="59">
        <f>IF(Input!$D$19=3,J1405*Input!$C$19,0)+IF(Input!$D$20=3,K1405*Input!$C$20,0)+IF(Input!$D$21=3,L1405*Input!$C$21,0)+IF(Input!$D$22=3,M1405*Input!$C$22,0)</f>
        <v>0</v>
      </c>
      <c r="Q1405" s="75">
        <f>IF(Input!$D$19=4,J1405*Input!$C$19,0)+IF(Input!$D$20=4,K1405*Input!$C$20,0)+IF(Input!$D$21=4,L1405*Input!$C$21,0)+IF(Input!$D$22=4,M1405*Input!$C$22,0)</f>
        <v>0</v>
      </c>
      <c r="R1405" s="58">
        <v>60.33550771309163</v>
      </c>
      <c r="S1405" s="124">
        <f t="shared" si="21"/>
        <v>1.2490677338151528</v>
      </c>
    </row>
    <row r="1406" spans="8:19" x14ac:dyDescent="0.3">
      <c r="H1406" s="44">
        <v>1399</v>
      </c>
      <c r="I1406" s="56">
        <f>Bühler!I1432</f>
        <v>0.33297428978361499</v>
      </c>
      <c r="J1406" s="59">
        <f>Bühler!J1432</f>
        <v>1.1099142992787168</v>
      </c>
      <c r="K1406" s="59">
        <f>Bühler!K1432</f>
        <v>1.6648714489180749</v>
      </c>
      <c r="L1406" s="59">
        <f>Bühler!L1432</f>
        <v>7.9913829548067596</v>
      </c>
      <c r="M1406" s="58">
        <f>Bühler!M1432</f>
        <v>0</v>
      </c>
      <c r="N1406" s="56">
        <f>IF(Input!$D$19=1,J1406*Input!$C$19,0)+IF(Input!$D$20=1,K1406*Input!$C$20,0)+IF(Input!$D$21=1,L1406*Input!$C$21,0)+IF(Input!$D$22=1,M1406*Input!$C$22,0)</f>
        <v>0.33297428978361504</v>
      </c>
      <c r="O1406" s="59">
        <f>IF(Input!$D$19=2,J1406*Input!$C$19,0)+IF(Input!$D$20=2,K1406*Input!$C$20,0)+IF(Input!$D$21=2,L1406*Input!$C$21,0)+IF(Input!$D$22=2,M1406*Input!$C$22,0)</f>
        <v>0.83243572445903746</v>
      </c>
      <c r="P1406" s="59">
        <f>IF(Input!$D$19=3,J1406*Input!$C$19,0)+IF(Input!$D$20=3,K1406*Input!$C$20,0)+IF(Input!$D$21=3,L1406*Input!$C$21,0)+IF(Input!$D$22=3,M1406*Input!$C$22,0)</f>
        <v>0</v>
      </c>
      <c r="Q1406" s="75">
        <f>IF(Input!$D$19=4,J1406*Input!$C$19,0)+IF(Input!$D$20=4,K1406*Input!$C$20,0)+IF(Input!$D$21=4,L1406*Input!$C$21,0)+IF(Input!$D$22=4,M1406*Input!$C$22,0)</f>
        <v>0</v>
      </c>
      <c r="R1406" s="58">
        <v>62.782579766373928</v>
      </c>
      <c r="S1406" s="124">
        <f t="shared" si="21"/>
        <v>1.4428885890623318</v>
      </c>
    </row>
    <row r="1407" spans="8:19" x14ac:dyDescent="0.3">
      <c r="H1407" s="44">
        <v>1400</v>
      </c>
      <c r="I1407" s="56">
        <f>Bühler!I1433</f>
        <v>0.33297428978361499</v>
      </c>
      <c r="J1407" s="59">
        <f>Bühler!J1433</f>
        <v>1.1099142992787168</v>
      </c>
      <c r="K1407" s="59">
        <f>Bühler!K1433</f>
        <v>1.6648714489180749</v>
      </c>
      <c r="L1407" s="59">
        <f>Bühler!L1433</f>
        <v>7.9913829548067596</v>
      </c>
      <c r="M1407" s="58">
        <f>Bühler!M1433</f>
        <v>0</v>
      </c>
      <c r="N1407" s="56">
        <f>IF(Input!$D$19=1,J1407*Input!$C$19,0)+IF(Input!$D$20=1,K1407*Input!$C$20,0)+IF(Input!$D$21=1,L1407*Input!$C$21,0)+IF(Input!$D$22=1,M1407*Input!$C$22,0)</f>
        <v>0.33297428978361504</v>
      </c>
      <c r="O1407" s="59">
        <f>IF(Input!$D$19=2,J1407*Input!$C$19,0)+IF(Input!$D$20=2,K1407*Input!$C$20,0)+IF(Input!$D$21=2,L1407*Input!$C$21,0)+IF(Input!$D$22=2,M1407*Input!$C$22,0)</f>
        <v>0.83243572445903746</v>
      </c>
      <c r="P1407" s="59">
        <f>IF(Input!$D$19=3,J1407*Input!$C$19,0)+IF(Input!$D$20=3,K1407*Input!$C$20,0)+IF(Input!$D$21=3,L1407*Input!$C$21,0)+IF(Input!$D$22=3,M1407*Input!$C$22,0)</f>
        <v>0</v>
      </c>
      <c r="Q1407" s="75">
        <f>IF(Input!$D$19=4,J1407*Input!$C$19,0)+IF(Input!$D$20=4,K1407*Input!$C$20,0)+IF(Input!$D$21=4,L1407*Input!$C$21,0)+IF(Input!$D$22=4,M1407*Input!$C$22,0)</f>
        <v>0</v>
      </c>
      <c r="R1407" s="58">
        <v>62.706070484202151</v>
      </c>
      <c r="S1407" s="124">
        <f t="shared" si="21"/>
        <v>1.4428885890623318</v>
      </c>
    </row>
    <row r="1408" spans="8:19" x14ac:dyDescent="0.3">
      <c r="H1408" s="44">
        <v>1401</v>
      </c>
      <c r="I1408" s="56">
        <f>Bühler!I1434</f>
        <v>0.33297428978361499</v>
      </c>
      <c r="J1408" s="59">
        <f>Bühler!J1434</f>
        <v>1.1099142992787168</v>
      </c>
      <c r="K1408" s="59">
        <f>Bühler!K1434</f>
        <v>1.6648714489180749</v>
      </c>
      <c r="L1408" s="59">
        <f>Bühler!L1434</f>
        <v>7.9913829548067596</v>
      </c>
      <c r="M1408" s="58">
        <f>Bühler!M1434</f>
        <v>0</v>
      </c>
      <c r="N1408" s="56">
        <f>IF(Input!$D$19=1,J1408*Input!$C$19,0)+IF(Input!$D$20=1,K1408*Input!$C$20,0)+IF(Input!$D$21=1,L1408*Input!$C$21,0)+IF(Input!$D$22=1,M1408*Input!$C$22,0)</f>
        <v>0.33297428978361504</v>
      </c>
      <c r="O1408" s="59">
        <f>IF(Input!$D$19=2,J1408*Input!$C$19,0)+IF(Input!$D$20=2,K1408*Input!$C$20,0)+IF(Input!$D$21=2,L1408*Input!$C$21,0)+IF(Input!$D$22=2,M1408*Input!$C$22,0)</f>
        <v>0.83243572445903746</v>
      </c>
      <c r="P1408" s="59">
        <f>IF(Input!$D$19=3,J1408*Input!$C$19,0)+IF(Input!$D$20=3,K1408*Input!$C$20,0)+IF(Input!$D$21=3,L1408*Input!$C$21,0)+IF(Input!$D$22=3,M1408*Input!$C$22,0)</f>
        <v>0</v>
      </c>
      <c r="Q1408" s="75">
        <f>IF(Input!$D$19=4,J1408*Input!$C$19,0)+IF(Input!$D$20=4,K1408*Input!$C$20,0)+IF(Input!$D$21=4,L1408*Input!$C$21,0)+IF(Input!$D$22=4,M1408*Input!$C$22,0)</f>
        <v>0</v>
      </c>
      <c r="R1408" s="58">
        <v>63.161156218691879</v>
      </c>
      <c r="S1408" s="124">
        <f t="shared" si="21"/>
        <v>1.4428885890623318</v>
      </c>
    </row>
    <row r="1409" spans="8:19" x14ac:dyDescent="0.3">
      <c r="H1409" s="44">
        <v>1402</v>
      </c>
      <c r="I1409" s="56">
        <f>Bühler!I1435</f>
        <v>0.35782311737940714</v>
      </c>
      <c r="J1409" s="59">
        <f>Bühler!J1435</f>
        <v>1.1927437245980239</v>
      </c>
      <c r="K1409" s="59">
        <f>Bühler!K1435</f>
        <v>1.7891155868970356</v>
      </c>
      <c r="L1409" s="59">
        <f>Bühler!L1435</f>
        <v>8.5877548171057718</v>
      </c>
      <c r="M1409" s="58">
        <f>Bühler!M1435</f>
        <v>0</v>
      </c>
      <c r="N1409" s="56">
        <f>IF(Input!$D$19=1,J1409*Input!$C$19,0)+IF(Input!$D$20=1,K1409*Input!$C$20,0)+IF(Input!$D$21=1,L1409*Input!$C$21,0)+IF(Input!$D$22=1,M1409*Input!$C$22,0)</f>
        <v>0.35782311737940714</v>
      </c>
      <c r="O1409" s="59">
        <f>IF(Input!$D$19=2,J1409*Input!$C$19,0)+IF(Input!$D$20=2,K1409*Input!$C$20,0)+IF(Input!$D$21=2,L1409*Input!$C$21,0)+IF(Input!$D$22=2,M1409*Input!$C$22,0)</f>
        <v>0.89455779344851782</v>
      </c>
      <c r="P1409" s="59">
        <f>IF(Input!$D$19=3,J1409*Input!$C$19,0)+IF(Input!$D$20=3,K1409*Input!$C$20,0)+IF(Input!$D$21=3,L1409*Input!$C$21,0)+IF(Input!$D$22=3,M1409*Input!$C$22,0)</f>
        <v>0</v>
      </c>
      <c r="Q1409" s="75">
        <f>IF(Input!$D$19=4,J1409*Input!$C$19,0)+IF(Input!$D$20=4,K1409*Input!$C$20,0)+IF(Input!$D$21=4,L1409*Input!$C$21,0)+IF(Input!$D$22=4,M1409*Input!$C$22,0)</f>
        <v>0</v>
      </c>
      <c r="R1409" s="58">
        <v>62.536882410349122</v>
      </c>
      <c r="S1409" s="124">
        <f t="shared" si="21"/>
        <v>1.550566841977431</v>
      </c>
    </row>
    <row r="1410" spans="8:19" x14ac:dyDescent="0.3">
      <c r="H1410" s="44">
        <v>1403</v>
      </c>
      <c r="I1410" s="56">
        <f>Bühler!I1436</f>
        <v>0.38764171049435775</v>
      </c>
      <c r="J1410" s="59">
        <f>Bühler!J1436</f>
        <v>1.2921390349811928</v>
      </c>
      <c r="K1410" s="59">
        <f>Bühler!K1436</f>
        <v>1.9382085524717887</v>
      </c>
      <c r="L1410" s="59">
        <f>Bühler!L1436</f>
        <v>9.3034010518645864</v>
      </c>
      <c r="M1410" s="58">
        <f>Bühler!M1436</f>
        <v>0</v>
      </c>
      <c r="N1410" s="56">
        <f>IF(Input!$D$19=1,J1410*Input!$C$19,0)+IF(Input!$D$20=1,K1410*Input!$C$20,0)+IF(Input!$D$21=1,L1410*Input!$C$21,0)+IF(Input!$D$22=1,M1410*Input!$C$22,0)</f>
        <v>0.38764171049435781</v>
      </c>
      <c r="O1410" s="59">
        <f>IF(Input!$D$19=2,J1410*Input!$C$19,0)+IF(Input!$D$20=2,K1410*Input!$C$20,0)+IF(Input!$D$21=2,L1410*Input!$C$21,0)+IF(Input!$D$22=2,M1410*Input!$C$22,0)</f>
        <v>0.96910427623589435</v>
      </c>
      <c r="P1410" s="59">
        <f>IF(Input!$D$19=3,J1410*Input!$C$19,0)+IF(Input!$D$20=3,K1410*Input!$C$20,0)+IF(Input!$D$21=3,L1410*Input!$C$21,0)+IF(Input!$D$22=3,M1410*Input!$C$22,0)</f>
        <v>0</v>
      </c>
      <c r="Q1410" s="75">
        <f>IF(Input!$D$19=4,J1410*Input!$C$19,0)+IF(Input!$D$20=4,K1410*Input!$C$20,0)+IF(Input!$D$21=4,L1410*Input!$C$21,0)+IF(Input!$D$22=4,M1410*Input!$C$22,0)</f>
        <v>0</v>
      </c>
      <c r="R1410" s="58">
        <v>63.731789680770213</v>
      </c>
      <c r="S1410" s="124">
        <f t="shared" si="21"/>
        <v>1.6797807454755505</v>
      </c>
    </row>
    <row r="1411" spans="8:19" x14ac:dyDescent="0.3">
      <c r="H1411" s="44">
        <v>1404</v>
      </c>
      <c r="I1411" s="56">
        <f>Bühler!I1437</f>
        <v>0.44727889672425891</v>
      </c>
      <c r="J1411" s="59">
        <f>Bühler!J1437</f>
        <v>1.4909296557475298</v>
      </c>
      <c r="K1411" s="59">
        <f>Bühler!K1437</f>
        <v>2.2363944836212943</v>
      </c>
      <c r="L1411" s="59">
        <f>Bühler!L1437</f>
        <v>10.734693521382214</v>
      </c>
      <c r="M1411" s="58">
        <f>Bühler!M1437</f>
        <v>0</v>
      </c>
      <c r="N1411" s="56">
        <f>IF(Input!$D$19=1,J1411*Input!$C$19,0)+IF(Input!$D$20=1,K1411*Input!$C$20,0)+IF(Input!$D$21=1,L1411*Input!$C$21,0)+IF(Input!$D$22=1,M1411*Input!$C$22,0)</f>
        <v>0.44727889672425891</v>
      </c>
      <c r="O1411" s="59">
        <f>IF(Input!$D$19=2,J1411*Input!$C$19,0)+IF(Input!$D$20=2,K1411*Input!$C$20,0)+IF(Input!$D$21=2,L1411*Input!$C$21,0)+IF(Input!$D$22=2,M1411*Input!$C$22,0)</f>
        <v>1.1181972418106472</v>
      </c>
      <c r="P1411" s="59">
        <f>IF(Input!$D$19=3,J1411*Input!$C$19,0)+IF(Input!$D$20=3,K1411*Input!$C$20,0)+IF(Input!$D$21=3,L1411*Input!$C$21,0)+IF(Input!$D$22=3,M1411*Input!$C$22,0)</f>
        <v>0</v>
      </c>
      <c r="Q1411" s="75">
        <f>IF(Input!$D$19=4,J1411*Input!$C$19,0)+IF(Input!$D$20=4,K1411*Input!$C$20,0)+IF(Input!$D$21=4,L1411*Input!$C$21,0)+IF(Input!$D$22=4,M1411*Input!$C$22,0)</f>
        <v>0</v>
      </c>
      <c r="R1411" s="58">
        <v>64.804452307763711</v>
      </c>
      <c r="S1411" s="124">
        <f t="shared" si="21"/>
        <v>1.9382085524717887</v>
      </c>
    </row>
    <row r="1412" spans="8:19" x14ac:dyDescent="0.3">
      <c r="H1412" s="44">
        <v>1405</v>
      </c>
      <c r="I1412" s="56">
        <f>Bühler!I1438</f>
        <v>0.44727889672425891</v>
      </c>
      <c r="J1412" s="59">
        <f>Bühler!J1438</f>
        <v>1.4909296557475298</v>
      </c>
      <c r="K1412" s="59">
        <f>Bühler!K1438</f>
        <v>2.2363944836212943</v>
      </c>
      <c r="L1412" s="59">
        <f>Bühler!L1438</f>
        <v>10.734693521382214</v>
      </c>
      <c r="M1412" s="58">
        <f>Bühler!M1438</f>
        <v>0</v>
      </c>
      <c r="N1412" s="56">
        <f>IF(Input!$D$19=1,J1412*Input!$C$19,0)+IF(Input!$D$20=1,K1412*Input!$C$20,0)+IF(Input!$D$21=1,L1412*Input!$C$21,0)+IF(Input!$D$22=1,M1412*Input!$C$22,0)</f>
        <v>0.44727889672425891</v>
      </c>
      <c r="O1412" s="59">
        <f>IF(Input!$D$19=2,J1412*Input!$C$19,0)+IF(Input!$D$20=2,K1412*Input!$C$20,0)+IF(Input!$D$21=2,L1412*Input!$C$21,0)+IF(Input!$D$22=2,M1412*Input!$C$22,0)</f>
        <v>1.1181972418106472</v>
      </c>
      <c r="P1412" s="59">
        <f>IF(Input!$D$19=3,J1412*Input!$C$19,0)+IF(Input!$D$20=3,K1412*Input!$C$20,0)+IF(Input!$D$21=3,L1412*Input!$C$21,0)+IF(Input!$D$22=3,M1412*Input!$C$22,0)</f>
        <v>0</v>
      </c>
      <c r="Q1412" s="75">
        <f>IF(Input!$D$19=4,J1412*Input!$C$19,0)+IF(Input!$D$20=4,K1412*Input!$C$20,0)+IF(Input!$D$21=4,L1412*Input!$C$21,0)+IF(Input!$D$22=4,M1412*Input!$C$22,0)</f>
        <v>0</v>
      </c>
      <c r="R1412" s="58">
        <v>64.007622648113212</v>
      </c>
      <c r="S1412" s="124">
        <f t="shared" si="21"/>
        <v>1.9382085524717887</v>
      </c>
    </row>
    <row r="1413" spans="8:19" x14ac:dyDescent="0.3">
      <c r="H1413" s="44">
        <v>1406</v>
      </c>
      <c r="I1413" s="56">
        <f>Bühler!I1439</f>
        <v>0.44727889672425891</v>
      </c>
      <c r="J1413" s="59">
        <f>Bühler!J1439</f>
        <v>1.4909296557475298</v>
      </c>
      <c r="K1413" s="59">
        <f>Bühler!K1439</f>
        <v>2.2363944836212943</v>
      </c>
      <c r="L1413" s="59">
        <f>Bühler!L1439</f>
        <v>10.734693521382214</v>
      </c>
      <c r="M1413" s="58">
        <f>Bühler!M1439</f>
        <v>0</v>
      </c>
      <c r="N1413" s="56">
        <f>IF(Input!$D$19=1,J1413*Input!$C$19,0)+IF(Input!$D$20=1,K1413*Input!$C$20,0)+IF(Input!$D$21=1,L1413*Input!$C$21,0)+IF(Input!$D$22=1,M1413*Input!$C$22,0)</f>
        <v>0.44727889672425891</v>
      </c>
      <c r="O1413" s="59">
        <f>IF(Input!$D$19=2,J1413*Input!$C$19,0)+IF(Input!$D$20=2,K1413*Input!$C$20,0)+IF(Input!$D$21=2,L1413*Input!$C$21,0)+IF(Input!$D$22=2,M1413*Input!$C$22,0)</f>
        <v>1.1181972418106472</v>
      </c>
      <c r="P1413" s="59">
        <f>IF(Input!$D$19=3,J1413*Input!$C$19,0)+IF(Input!$D$20=3,K1413*Input!$C$20,0)+IF(Input!$D$21=3,L1413*Input!$C$21,0)+IF(Input!$D$22=3,M1413*Input!$C$22,0)</f>
        <v>0</v>
      </c>
      <c r="Q1413" s="75">
        <f>IF(Input!$D$19=4,J1413*Input!$C$19,0)+IF(Input!$D$20=4,K1413*Input!$C$20,0)+IF(Input!$D$21=4,L1413*Input!$C$21,0)+IF(Input!$D$22=4,M1413*Input!$C$22,0)</f>
        <v>0</v>
      </c>
      <c r="R1413" s="58">
        <v>64.482482662403584</v>
      </c>
      <c r="S1413" s="124">
        <f t="shared" si="21"/>
        <v>1.9382085524717887</v>
      </c>
    </row>
    <row r="1414" spans="8:19" x14ac:dyDescent="0.3">
      <c r="H1414" s="44">
        <v>1407</v>
      </c>
      <c r="I1414" s="56">
        <f>Bühler!I1440</f>
        <v>0.44727889672425891</v>
      </c>
      <c r="J1414" s="59">
        <f>Bühler!J1440</f>
        <v>1.4909296557475298</v>
      </c>
      <c r="K1414" s="59">
        <f>Bühler!K1440</f>
        <v>2.2363944836212943</v>
      </c>
      <c r="L1414" s="59">
        <f>Bühler!L1440</f>
        <v>10.734693521382214</v>
      </c>
      <c r="M1414" s="58">
        <f>Bühler!M1440</f>
        <v>0</v>
      </c>
      <c r="N1414" s="56">
        <f>IF(Input!$D$19=1,J1414*Input!$C$19,0)+IF(Input!$D$20=1,K1414*Input!$C$20,0)+IF(Input!$D$21=1,L1414*Input!$C$21,0)+IF(Input!$D$22=1,M1414*Input!$C$22,0)</f>
        <v>0.44727889672425891</v>
      </c>
      <c r="O1414" s="59">
        <f>IF(Input!$D$19=2,J1414*Input!$C$19,0)+IF(Input!$D$20=2,K1414*Input!$C$20,0)+IF(Input!$D$21=2,L1414*Input!$C$21,0)+IF(Input!$D$22=2,M1414*Input!$C$22,0)</f>
        <v>1.1181972418106472</v>
      </c>
      <c r="P1414" s="59">
        <f>IF(Input!$D$19=3,J1414*Input!$C$19,0)+IF(Input!$D$20=3,K1414*Input!$C$20,0)+IF(Input!$D$21=3,L1414*Input!$C$21,0)+IF(Input!$D$22=3,M1414*Input!$C$22,0)</f>
        <v>0</v>
      </c>
      <c r="Q1414" s="75">
        <f>IF(Input!$D$19=4,J1414*Input!$C$19,0)+IF(Input!$D$20=4,K1414*Input!$C$20,0)+IF(Input!$D$21=4,L1414*Input!$C$21,0)+IF(Input!$D$22=4,M1414*Input!$C$22,0)</f>
        <v>0</v>
      </c>
      <c r="R1414" s="58">
        <v>64.944523939525439</v>
      </c>
      <c r="S1414" s="124">
        <f t="shared" si="21"/>
        <v>1.9382085524717887</v>
      </c>
    </row>
    <row r="1415" spans="8:19" x14ac:dyDescent="0.3">
      <c r="H1415" s="44">
        <v>1408</v>
      </c>
      <c r="I1415" s="56">
        <f>Bühler!I1441</f>
        <v>0.44727889672425891</v>
      </c>
      <c r="J1415" s="59">
        <f>Bühler!J1441</f>
        <v>1.4909296557475298</v>
      </c>
      <c r="K1415" s="59">
        <f>Bühler!K1441</f>
        <v>2.2363944836212943</v>
      </c>
      <c r="L1415" s="59">
        <f>Bühler!L1441</f>
        <v>10.734693521382214</v>
      </c>
      <c r="M1415" s="58">
        <f>Bühler!M1441</f>
        <v>0</v>
      </c>
      <c r="N1415" s="56">
        <f>IF(Input!$D$19=1,J1415*Input!$C$19,0)+IF(Input!$D$20=1,K1415*Input!$C$20,0)+IF(Input!$D$21=1,L1415*Input!$C$21,0)+IF(Input!$D$22=1,M1415*Input!$C$22,0)</f>
        <v>0.44727889672425891</v>
      </c>
      <c r="O1415" s="59">
        <f>IF(Input!$D$19=2,J1415*Input!$C$19,0)+IF(Input!$D$20=2,K1415*Input!$C$20,0)+IF(Input!$D$21=2,L1415*Input!$C$21,0)+IF(Input!$D$22=2,M1415*Input!$C$22,0)</f>
        <v>1.1181972418106472</v>
      </c>
      <c r="P1415" s="59">
        <f>IF(Input!$D$19=3,J1415*Input!$C$19,0)+IF(Input!$D$20=3,K1415*Input!$C$20,0)+IF(Input!$D$21=3,L1415*Input!$C$21,0)+IF(Input!$D$22=3,M1415*Input!$C$22,0)</f>
        <v>0</v>
      </c>
      <c r="Q1415" s="75">
        <f>IF(Input!$D$19=4,J1415*Input!$C$19,0)+IF(Input!$D$20=4,K1415*Input!$C$20,0)+IF(Input!$D$21=4,L1415*Input!$C$21,0)+IF(Input!$D$22=4,M1415*Input!$C$22,0)</f>
        <v>0</v>
      </c>
      <c r="R1415" s="58">
        <v>63.889190562952408</v>
      </c>
      <c r="S1415" s="124">
        <f t="shared" si="21"/>
        <v>1.9382085524717887</v>
      </c>
    </row>
    <row r="1416" spans="8:19" x14ac:dyDescent="0.3">
      <c r="H1416" s="44">
        <v>1409</v>
      </c>
      <c r="I1416" s="56">
        <f>Bühler!I1442</f>
        <v>0.44727889672425891</v>
      </c>
      <c r="J1416" s="59">
        <f>Bühler!J1442</f>
        <v>1.4909296557475298</v>
      </c>
      <c r="K1416" s="59">
        <f>Bühler!K1442</f>
        <v>2.2363944836212943</v>
      </c>
      <c r="L1416" s="59">
        <f>Bühler!L1442</f>
        <v>10.734693521382214</v>
      </c>
      <c r="M1416" s="58">
        <f>Bühler!M1442</f>
        <v>0</v>
      </c>
      <c r="N1416" s="56">
        <f>IF(Input!$D$19=1,J1416*Input!$C$19,0)+IF(Input!$D$20=1,K1416*Input!$C$20,0)+IF(Input!$D$21=1,L1416*Input!$C$21,0)+IF(Input!$D$22=1,M1416*Input!$C$22,0)</f>
        <v>0.44727889672425891</v>
      </c>
      <c r="O1416" s="59">
        <f>IF(Input!$D$19=2,J1416*Input!$C$19,0)+IF(Input!$D$20=2,K1416*Input!$C$20,0)+IF(Input!$D$21=2,L1416*Input!$C$21,0)+IF(Input!$D$22=2,M1416*Input!$C$22,0)</f>
        <v>1.1181972418106472</v>
      </c>
      <c r="P1416" s="59">
        <f>IF(Input!$D$19=3,J1416*Input!$C$19,0)+IF(Input!$D$20=3,K1416*Input!$C$20,0)+IF(Input!$D$21=3,L1416*Input!$C$21,0)+IF(Input!$D$22=3,M1416*Input!$C$22,0)</f>
        <v>0</v>
      </c>
      <c r="Q1416" s="75">
        <f>IF(Input!$D$19=4,J1416*Input!$C$19,0)+IF(Input!$D$20=4,K1416*Input!$C$20,0)+IF(Input!$D$21=4,L1416*Input!$C$21,0)+IF(Input!$D$22=4,M1416*Input!$C$22,0)</f>
        <v>0</v>
      </c>
      <c r="R1416" s="58">
        <v>62.656382130291625</v>
      </c>
      <c r="S1416" s="124">
        <f t="shared" si="21"/>
        <v>1.9382085524717887</v>
      </c>
    </row>
    <row r="1417" spans="8:19" x14ac:dyDescent="0.3">
      <c r="H1417" s="44">
        <v>1410</v>
      </c>
      <c r="I1417" s="56">
        <f>Bühler!I1443</f>
        <v>0.44727889672425891</v>
      </c>
      <c r="J1417" s="59">
        <f>Bühler!J1443</f>
        <v>1.4909296557475298</v>
      </c>
      <c r="K1417" s="59">
        <f>Bühler!K1443</f>
        <v>2.2363944836212943</v>
      </c>
      <c r="L1417" s="59">
        <f>Bühler!L1443</f>
        <v>10.734693521382214</v>
      </c>
      <c r="M1417" s="58">
        <f>Bühler!M1443</f>
        <v>0</v>
      </c>
      <c r="N1417" s="56">
        <f>IF(Input!$D$19=1,J1417*Input!$C$19,0)+IF(Input!$D$20=1,K1417*Input!$C$20,0)+IF(Input!$D$21=1,L1417*Input!$C$21,0)+IF(Input!$D$22=1,M1417*Input!$C$22,0)</f>
        <v>0.44727889672425891</v>
      </c>
      <c r="O1417" s="59">
        <f>IF(Input!$D$19=2,J1417*Input!$C$19,0)+IF(Input!$D$20=2,K1417*Input!$C$20,0)+IF(Input!$D$21=2,L1417*Input!$C$21,0)+IF(Input!$D$22=2,M1417*Input!$C$22,0)</f>
        <v>1.1181972418106472</v>
      </c>
      <c r="P1417" s="59">
        <f>IF(Input!$D$19=3,J1417*Input!$C$19,0)+IF(Input!$D$20=3,K1417*Input!$C$20,0)+IF(Input!$D$21=3,L1417*Input!$C$21,0)+IF(Input!$D$22=3,M1417*Input!$C$22,0)</f>
        <v>0</v>
      </c>
      <c r="Q1417" s="75">
        <f>IF(Input!$D$19=4,J1417*Input!$C$19,0)+IF(Input!$D$20=4,K1417*Input!$C$20,0)+IF(Input!$D$21=4,L1417*Input!$C$21,0)+IF(Input!$D$22=4,M1417*Input!$C$22,0)</f>
        <v>0</v>
      </c>
      <c r="R1417" s="58">
        <v>61.457433252332514</v>
      </c>
      <c r="S1417" s="124">
        <f t="shared" ref="S1417:S1480" si="22">I1417+J1417</f>
        <v>1.9382085524717887</v>
      </c>
    </row>
    <row r="1418" spans="8:19" x14ac:dyDescent="0.3">
      <c r="H1418" s="44">
        <v>1411</v>
      </c>
      <c r="I1418" s="56">
        <f>Bühler!I1444</f>
        <v>0.44727889672425891</v>
      </c>
      <c r="J1418" s="59">
        <f>Bühler!J1444</f>
        <v>1.4909296557475298</v>
      </c>
      <c r="K1418" s="59">
        <f>Bühler!K1444</f>
        <v>2.2363944836212943</v>
      </c>
      <c r="L1418" s="59">
        <f>Bühler!L1444</f>
        <v>10.734693521382214</v>
      </c>
      <c r="M1418" s="58">
        <f>Bühler!M1444</f>
        <v>0</v>
      </c>
      <c r="N1418" s="56">
        <f>IF(Input!$D$19=1,J1418*Input!$C$19,0)+IF(Input!$D$20=1,K1418*Input!$C$20,0)+IF(Input!$D$21=1,L1418*Input!$C$21,0)+IF(Input!$D$22=1,M1418*Input!$C$22,0)</f>
        <v>0.44727889672425891</v>
      </c>
      <c r="O1418" s="59">
        <f>IF(Input!$D$19=2,J1418*Input!$C$19,0)+IF(Input!$D$20=2,K1418*Input!$C$20,0)+IF(Input!$D$21=2,L1418*Input!$C$21,0)+IF(Input!$D$22=2,M1418*Input!$C$22,0)</f>
        <v>1.1181972418106472</v>
      </c>
      <c r="P1418" s="59">
        <f>IF(Input!$D$19=3,J1418*Input!$C$19,0)+IF(Input!$D$20=3,K1418*Input!$C$20,0)+IF(Input!$D$21=3,L1418*Input!$C$21,0)+IF(Input!$D$22=3,M1418*Input!$C$22,0)</f>
        <v>0</v>
      </c>
      <c r="Q1418" s="75">
        <f>IF(Input!$D$19=4,J1418*Input!$C$19,0)+IF(Input!$D$20=4,K1418*Input!$C$20,0)+IF(Input!$D$21=4,L1418*Input!$C$21,0)+IF(Input!$D$22=4,M1418*Input!$C$22,0)</f>
        <v>0</v>
      </c>
      <c r="R1418" s="58">
        <v>59.965312624331645</v>
      </c>
      <c r="S1418" s="124">
        <f t="shared" si="22"/>
        <v>1.9382085524717887</v>
      </c>
    </row>
    <row r="1419" spans="8:19" x14ac:dyDescent="0.3">
      <c r="H1419" s="44">
        <v>1412</v>
      </c>
      <c r="I1419" s="56">
        <f>Bühler!I1445</f>
        <v>0.37273241393688239</v>
      </c>
      <c r="J1419" s="59">
        <f>Bühler!J1445</f>
        <v>1.2424413797896081</v>
      </c>
      <c r="K1419" s="59">
        <f>Bühler!K1445</f>
        <v>1.8636620696844117</v>
      </c>
      <c r="L1419" s="59">
        <f>Bühler!L1445</f>
        <v>8.9455779344851774</v>
      </c>
      <c r="M1419" s="58">
        <f>Bühler!M1445</f>
        <v>0</v>
      </c>
      <c r="N1419" s="56">
        <f>IF(Input!$D$19=1,J1419*Input!$C$19,0)+IF(Input!$D$20=1,K1419*Input!$C$20,0)+IF(Input!$D$21=1,L1419*Input!$C$21,0)+IF(Input!$D$22=1,M1419*Input!$C$22,0)</f>
        <v>0.37273241393688245</v>
      </c>
      <c r="O1419" s="59">
        <f>IF(Input!$D$19=2,J1419*Input!$C$19,0)+IF(Input!$D$20=2,K1419*Input!$C$20,0)+IF(Input!$D$21=2,L1419*Input!$C$21,0)+IF(Input!$D$22=2,M1419*Input!$C$22,0)</f>
        <v>0.93183103484220586</v>
      </c>
      <c r="P1419" s="59">
        <f>IF(Input!$D$19=3,J1419*Input!$C$19,0)+IF(Input!$D$20=3,K1419*Input!$C$20,0)+IF(Input!$D$21=3,L1419*Input!$C$21,0)+IF(Input!$D$22=3,M1419*Input!$C$22,0)</f>
        <v>0</v>
      </c>
      <c r="Q1419" s="75">
        <f>IF(Input!$D$19=4,J1419*Input!$C$19,0)+IF(Input!$D$20=4,K1419*Input!$C$20,0)+IF(Input!$D$21=4,L1419*Input!$C$21,0)+IF(Input!$D$22=4,M1419*Input!$C$22,0)</f>
        <v>0</v>
      </c>
      <c r="R1419" s="58">
        <v>59.212843873399692</v>
      </c>
      <c r="S1419" s="124">
        <f t="shared" si="22"/>
        <v>1.6151737937264905</v>
      </c>
    </row>
    <row r="1420" spans="8:19" x14ac:dyDescent="0.3">
      <c r="H1420" s="44">
        <v>1413</v>
      </c>
      <c r="I1420" s="56">
        <f>Bühler!I1446</f>
        <v>0.29818593114950592</v>
      </c>
      <c r="J1420" s="59">
        <f>Bühler!J1446</f>
        <v>0.99395310383168656</v>
      </c>
      <c r="K1420" s="59">
        <f>Bühler!K1446</f>
        <v>1.4909296557475298</v>
      </c>
      <c r="L1420" s="59">
        <f>Bühler!L1446</f>
        <v>7.1564623475881426</v>
      </c>
      <c r="M1420" s="58">
        <f>Bühler!M1446</f>
        <v>0</v>
      </c>
      <c r="N1420" s="56">
        <f>IF(Input!$D$19=1,J1420*Input!$C$19,0)+IF(Input!$D$20=1,K1420*Input!$C$20,0)+IF(Input!$D$21=1,L1420*Input!$C$21,0)+IF(Input!$D$22=1,M1420*Input!$C$22,0)</f>
        <v>0.29818593114950598</v>
      </c>
      <c r="O1420" s="59">
        <f>IF(Input!$D$19=2,J1420*Input!$C$19,0)+IF(Input!$D$20=2,K1420*Input!$C$20,0)+IF(Input!$D$21=2,L1420*Input!$C$21,0)+IF(Input!$D$22=2,M1420*Input!$C$22,0)</f>
        <v>0.74546482787376489</v>
      </c>
      <c r="P1420" s="59">
        <f>IF(Input!$D$19=3,J1420*Input!$C$19,0)+IF(Input!$D$20=3,K1420*Input!$C$20,0)+IF(Input!$D$21=3,L1420*Input!$C$21,0)+IF(Input!$D$22=3,M1420*Input!$C$22,0)</f>
        <v>0</v>
      </c>
      <c r="Q1420" s="75">
        <f>IF(Input!$D$19=4,J1420*Input!$C$19,0)+IF(Input!$D$20=4,K1420*Input!$C$20,0)+IF(Input!$D$21=4,L1420*Input!$C$21,0)+IF(Input!$D$22=4,M1420*Input!$C$22,0)</f>
        <v>0</v>
      </c>
      <c r="R1420" s="58">
        <v>58.524900820576747</v>
      </c>
      <c r="S1420" s="124">
        <f t="shared" si="22"/>
        <v>1.2921390349811925</v>
      </c>
    </row>
    <row r="1421" spans="8:19" x14ac:dyDescent="0.3">
      <c r="H1421" s="44">
        <v>1414</v>
      </c>
      <c r="I1421" s="56">
        <f>Bühler!I1447</f>
        <v>0.22363944836212946</v>
      </c>
      <c r="J1421" s="59">
        <f>Bühler!J1447</f>
        <v>0.74546482787376489</v>
      </c>
      <c r="K1421" s="59">
        <f>Bühler!K1447</f>
        <v>1.1181972418106472</v>
      </c>
      <c r="L1421" s="59">
        <f>Bühler!L1447</f>
        <v>5.3673467606911069</v>
      </c>
      <c r="M1421" s="58">
        <f>Bühler!M1447</f>
        <v>0</v>
      </c>
      <c r="N1421" s="56">
        <f>IF(Input!$D$19=1,J1421*Input!$C$19,0)+IF(Input!$D$20=1,K1421*Input!$C$20,0)+IF(Input!$D$21=1,L1421*Input!$C$21,0)+IF(Input!$D$22=1,M1421*Input!$C$22,0)</f>
        <v>0.22363944836212946</v>
      </c>
      <c r="O1421" s="59">
        <f>IF(Input!$D$19=2,J1421*Input!$C$19,0)+IF(Input!$D$20=2,K1421*Input!$C$20,0)+IF(Input!$D$21=2,L1421*Input!$C$21,0)+IF(Input!$D$22=2,M1421*Input!$C$22,0)</f>
        <v>0.55909862090532358</v>
      </c>
      <c r="P1421" s="59">
        <f>IF(Input!$D$19=3,J1421*Input!$C$19,0)+IF(Input!$D$20=3,K1421*Input!$C$20,0)+IF(Input!$D$21=3,L1421*Input!$C$21,0)+IF(Input!$D$22=3,M1421*Input!$C$22,0)</f>
        <v>0</v>
      </c>
      <c r="Q1421" s="75">
        <f>IF(Input!$D$19=4,J1421*Input!$C$19,0)+IF(Input!$D$20=4,K1421*Input!$C$20,0)+IF(Input!$D$21=4,L1421*Input!$C$21,0)+IF(Input!$D$22=4,M1421*Input!$C$22,0)</f>
        <v>0</v>
      </c>
      <c r="R1421" s="58">
        <v>56.889769069015088</v>
      </c>
      <c r="S1421" s="124">
        <f t="shared" si="22"/>
        <v>0.96910427623589435</v>
      </c>
    </row>
    <row r="1422" spans="8:19" x14ac:dyDescent="0.3">
      <c r="H1422" s="44">
        <v>1415</v>
      </c>
      <c r="I1422" s="56">
        <f>Bühler!I1448</f>
        <v>0.22363944836212946</v>
      </c>
      <c r="J1422" s="59">
        <f>Bühler!J1448</f>
        <v>0.74546482787376489</v>
      </c>
      <c r="K1422" s="59">
        <f>Bühler!K1448</f>
        <v>1.1181972418106472</v>
      </c>
      <c r="L1422" s="59">
        <f>Bühler!L1448</f>
        <v>5.3673467606911069</v>
      </c>
      <c r="M1422" s="58">
        <f>Bühler!M1448</f>
        <v>0</v>
      </c>
      <c r="N1422" s="56">
        <f>IF(Input!$D$19=1,J1422*Input!$C$19,0)+IF(Input!$D$20=1,K1422*Input!$C$20,0)+IF(Input!$D$21=1,L1422*Input!$C$21,0)+IF(Input!$D$22=1,M1422*Input!$C$22,0)</f>
        <v>0.22363944836212946</v>
      </c>
      <c r="O1422" s="59">
        <f>IF(Input!$D$19=2,J1422*Input!$C$19,0)+IF(Input!$D$20=2,K1422*Input!$C$20,0)+IF(Input!$D$21=2,L1422*Input!$C$21,0)+IF(Input!$D$22=2,M1422*Input!$C$22,0)</f>
        <v>0.55909862090532358</v>
      </c>
      <c r="P1422" s="59">
        <f>IF(Input!$D$19=3,J1422*Input!$C$19,0)+IF(Input!$D$20=3,K1422*Input!$C$20,0)+IF(Input!$D$21=3,L1422*Input!$C$21,0)+IF(Input!$D$22=3,M1422*Input!$C$22,0)</f>
        <v>0</v>
      </c>
      <c r="Q1422" s="75">
        <f>IF(Input!$D$19=4,J1422*Input!$C$19,0)+IF(Input!$D$20=4,K1422*Input!$C$20,0)+IF(Input!$D$21=4,L1422*Input!$C$21,0)+IF(Input!$D$22=4,M1422*Input!$C$22,0)</f>
        <v>0</v>
      </c>
      <c r="R1422" s="58">
        <v>56.554560030576184</v>
      </c>
      <c r="S1422" s="124">
        <f t="shared" si="22"/>
        <v>0.96910427623589435</v>
      </c>
    </row>
    <row r="1423" spans="8:19" x14ac:dyDescent="0.3">
      <c r="H1423" s="44">
        <v>1416</v>
      </c>
      <c r="I1423" s="56">
        <f>Bühler!I1449</f>
        <v>0.22363944836212946</v>
      </c>
      <c r="J1423" s="59">
        <f>Bühler!J1449</f>
        <v>0.74546482787376489</v>
      </c>
      <c r="K1423" s="59">
        <f>Bühler!K1449</f>
        <v>1.1181972418106472</v>
      </c>
      <c r="L1423" s="59">
        <f>Bühler!L1449</f>
        <v>5.3673467606911069</v>
      </c>
      <c r="M1423" s="58">
        <f>Bühler!M1449</f>
        <v>0</v>
      </c>
      <c r="N1423" s="56">
        <f>IF(Input!$D$19=1,J1423*Input!$C$19,0)+IF(Input!$D$20=1,K1423*Input!$C$20,0)+IF(Input!$D$21=1,L1423*Input!$C$21,0)+IF(Input!$D$22=1,M1423*Input!$C$22,0)</f>
        <v>0.22363944836212946</v>
      </c>
      <c r="O1423" s="59">
        <f>IF(Input!$D$19=2,J1423*Input!$C$19,0)+IF(Input!$D$20=2,K1423*Input!$C$20,0)+IF(Input!$D$21=2,L1423*Input!$C$21,0)+IF(Input!$D$22=2,M1423*Input!$C$22,0)</f>
        <v>0.55909862090532358</v>
      </c>
      <c r="P1423" s="59">
        <f>IF(Input!$D$19=3,J1423*Input!$C$19,0)+IF(Input!$D$20=3,K1423*Input!$C$20,0)+IF(Input!$D$21=3,L1423*Input!$C$21,0)+IF(Input!$D$22=3,M1423*Input!$C$22,0)</f>
        <v>0</v>
      </c>
      <c r="Q1423" s="75">
        <f>IF(Input!$D$19=4,J1423*Input!$C$19,0)+IF(Input!$D$20=4,K1423*Input!$C$20,0)+IF(Input!$D$21=4,L1423*Input!$C$21,0)+IF(Input!$D$22=4,M1423*Input!$C$22,0)</f>
        <v>0</v>
      </c>
      <c r="R1423" s="58">
        <v>56.260761974546369</v>
      </c>
      <c r="S1423" s="124">
        <f t="shared" si="22"/>
        <v>0.96910427623589435</v>
      </c>
    </row>
    <row r="1424" spans="8:19" x14ac:dyDescent="0.3">
      <c r="H1424" s="44">
        <v>1417</v>
      </c>
      <c r="I1424" s="56">
        <f>Bühler!I1450</f>
        <v>0.2231055874019359</v>
      </c>
      <c r="J1424" s="59">
        <f>Bühler!J1450</f>
        <v>0.74368529133978634</v>
      </c>
      <c r="K1424" s="59">
        <f>Bühler!K1450</f>
        <v>1.1155279370096793</v>
      </c>
      <c r="L1424" s="59">
        <f>Bühler!L1450</f>
        <v>5.3545340976464608</v>
      </c>
      <c r="M1424" s="58">
        <f>Bühler!M1450</f>
        <v>0</v>
      </c>
      <c r="N1424" s="56">
        <f>IF(Input!$D$19=1,J1424*Input!$C$19,0)+IF(Input!$D$20=1,K1424*Input!$C$20,0)+IF(Input!$D$21=1,L1424*Input!$C$21,0)+IF(Input!$D$22=1,M1424*Input!$C$22,0)</f>
        <v>0.2231055874019359</v>
      </c>
      <c r="O1424" s="59">
        <f>IF(Input!$D$19=2,J1424*Input!$C$19,0)+IF(Input!$D$20=2,K1424*Input!$C$20,0)+IF(Input!$D$21=2,L1424*Input!$C$21,0)+IF(Input!$D$22=2,M1424*Input!$C$22,0)</f>
        <v>0.55776396850483967</v>
      </c>
      <c r="P1424" s="59">
        <f>IF(Input!$D$19=3,J1424*Input!$C$19,0)+IF(Input!$D$20=3,K1424*Input!$C$20,0)+IF(Input!$D$21=3,L1424*Input!$C$21,0)+IF(Input!$D$22=3,M1424*Input!$C$22,0)</f>
        <v>0</v>
      </c>
      <c r="Q1424" s="75">
        <f>IF(Input!$D$19=4,J1424*Input!$C$19,0)+IF(Input!$D$20=4,K1424*Input!$C$20,0)+IF(Input!$D$21=4,L1424*Input!$C$21,0)+IF(Input!$D$22=4,M1424*Input!$C$22,0)</f>
        <v>0</v>
      </c>
      <c r="R1424" s="58">
        <v>55.832499345443182</v>
      </c>
      <c r="S1424" s="124">
        <f t="shared" si="22"/>
        <v>0.9667908787417222</v>
      </c>
    </row>
    <row r="1425" spans="8:19" x14ac:dyDescent="0.3">
      <c r="H1425" s="44">
        <v>1418</v>
      </c>
      <c r="I1425" s="56">
        <f>Bühler!I1451</f>
        <v>0.2231055874019359</v>
      </c>
      <c r="J1425" s="59">
        <f>Bühler!J1451</f>
        <v>0.74368529133978634</v>
      </c>
      <c r="K1425" s="59">
        <f>Bühler!K1451</f>
        <v>1.1155279370096793</v>
      </c>
      <c r="L1425" s="59">
        <f>Bühler!L1451</f>
        <v>5.3545340976464608</v>
      </c>
      <c r="M1425" s="58">
        <f>Bühler!M1451</f>
        <v>0</v>
      </c>
      <c r="N1425" s="56">
        <f>IF(Input!$D$19=1,J1425*Input!$C$19,0)+IF(Input!$D$20=1,K1425*Input!$C$20,0)+IF(Input!$D$21=1,L1425*Input!$C$21,0)+IF(Input!$D$22=1,M1425*Input!$C$22,0)</f>
        <v>0.2231055874019359</v>
      </c>
      <c r="O1425" s="59">
        <f>IF(Input!$D$19=2,J1425*Input!$C$19,0)+IF(Input!$D$20=2,K1425*Input!$C$20,0)+IF(Input!$D$21=2,L1425*Input!$C$21,0)+IF(Input!$D$22=2,M1425*Input!$C$22,0)</f>
        <v>0.55776396850483967</v>
      </c>
      <c r="P1425" s="59">
        <f>IF(Input!$D$19=3,J1425*Input!$C$19,0)+IF(Input!$D$20=3,K1425*Input!$C$20,0)+IF(Input!$D$21=3,L1425*Input!$C$21,0)+IF(Input!$D$22=3,M1425*Input!$C$22,0)</f>
        <v>0</v>
      </c>
      <c r="Q1425" s="75">
        <f>IF(Input!$D$19=4,J1425*Input!$C$19,0)+IF(Input!$D$20=4,K1425*Input!$C$20,0)+IF(Input!$D$21=4,L1425*Input!$C$21,0)+IF(Input!$D$22=4,M1425*Input!$C$22,0)</f>
        <v>0</v>
      </c>
      <c r="R1425" s="58">
        <v>57.484501621243119</v>
      </c>
      <c r="S1425" s="124">
        <f t="shared" si="22"/>
        <v>0.9667908787417222</v>
      </c>
    </row>
    <row r="1426" spans="8:19" x14ac:dyDescent="0.3">
      <c r="H1426" s="44">
        <v>1419</v>
      </c>
      <c r="I1426" s="56">
        <f>Bühler!I1452</f>
        <v>0.2231055874019359</v>
      </c>
      <c r="J1426" s="59">
        <f>Bühler!J1452</f>
        <v>0.74368529133978634</v>
      </c>
      <c r="K1426" s="59">
        <f>Bühler!K1452</f>
        <v>1.1155279370096793</v>
      </c>
      <c r="L1426" s="59">
        <f>Bühler!L1452</f>
        <v>5.3545340976464608</v>
      </c>
      <c r="M1426" s="58">
        <f>Bühler!M1452</f>
        <v>0</v>
      </c>
      <c r="N1426" s="56">
        <f>IF(Input!$D$19=1,J1426*Input!$C$19,0)+IF(Input!$D$20=1,K1426*Input!$C$20,0)+IF(Input!$D$21=1,L1426*Input!$C$21,0)+IF(Input!$D$22=1,M1426*Input!$C$22,0)</f>
        <v>0.2231055874019359</v>
      </c>
      <c r="O1426" s="59">
        <f>IF(Input!$D$19=2,J1426*Input!$C$19,0)+IF(Input!$D$20=2,K1426*Input!$C$20,0)+IF(Input!$D$21=2,L1426*Input!$C$21,0)+IF(Input!$D$22=2,M1426*Input!$C$22,0)</f>
        <v>0.55776396850483967</v>
      </c>
      <c r="P1426" s="59">
        <f>IF(Input!$D$19=3,J1426*Input!$C$19,0)+IF(Input!$D$20=3,K1426*Input!$C$20,0)+IF(Input!$D$21=3,L1426*Input!$C$21,0)+IF(Input!$D$22=3,M1426*Input!$C$22,0)</f>
        <v>0</v>
      </c>
      <c r="Q1426" s="75">
        <f>IF(Input!$D$19=4,J1426*Input!$C$19,0)+IF(Input!$D$20=4,K1426*Input!$C$20,0)+IF(Input!$D$21=4,L1426*Input!$C$21,0)+IF(Input!$D$22=4,M1426*Input!$C$22,0)</f>
        <v>0</v>
      </c>
      <c r="R1426" s="58">
        <v>58.135961840303032</v>
      </c>
      <c r="S1426" s="124">
        <f t="shared" si="22"/>
        <v>0.9667908787417222</v>
      </c>
    </row>
    <row r="1427" spans="8:19" x14ac:dyDescent="0.3">
      <c r="H1427" s="44">
        <v>1420</v>
      </c>
      <c r="I1427" s="56">
        <f>Bühler!I1453</f>
        <v>0.2231055874019359</v>
      </c>
      <c r="J1427" s="59">
        <f>Bühler!J1453</f>
        <v>0.74368529133978634</v>
      </c>
      <c r="K1427" s="59">
        <f>Bühler!K1453</f>
        <v>1.1155279370096793</v>
      </c>
      <c r="L1427" s="59">
        <f>Bühler!L1453</f>
        <v>5.3545340976464608</v>
      </c>
      <c r="M1427" s="58">
        <f>Bühler!M1453</f>
        <v>0</v>
      </c>
      <c r="N1427" s="56">
        <f>IF(Input!$D$19=1,J1427*Input!$C$19,0)+IF(Input!$D$20=1,K1427*Input!$C$20,0)+IF(Input!$D$21=1,L1427*Input!$C$21,0)+IF(Input!$D$22=1,M1427*Input!$C$22,0)</f>
        <v>0.2231055874019359</v>
      </c>
      <c r="O1427" s="59">
        <f>IF(Input!$D$19=2,J1427*Input!$C$19,0)+IF(Input!$D$20=2,K1427*Input!$C$20,0)+IF(Input!$D$21=2,L1427*Input!$C$21,0)+IF(Input!$D$22=2,M1427*Input!$C$22,0)</f>
        <v>0.55776396850483967</v>
      </c>
      <c r="P1427" s="59">
        <f>IF(Input!$D$19=3,J1427*Input!$C$19,0)+IF(Input!$D$20=3,K1427*Input!$C$20,0)+IF(Input!$D$21=3,L1427*Input!$C$21,0)+IF(Input!$D$22=3,M1427*Input!$C$22,0)</f>
        <v>0</v>
      </c>
      <c r="Q1427" s="75">
        <f>IF(Input!$D$19=4,J1427*Input!$C$19,0)+IF(Input!$D$20=4,K1427*Input!$C$20,0)+IF(Input!$D$21=4,L1427*Input!$C$21,0)+IF(Input!$D$22=4,M1427*Input!$C$22,0)</f>
        <v>0</v>
      </c>
      <c r="R1427" s="58">
        <v>58.026367295096001</v>
      </c>
      <c r="S1427" s="124">
        <f t="shared" si="22"/>
        <v>0.9667908787417222</v>
      </c>
    </row>
    <row r="1428" spans="8:19" x14ac:dyDescent="0.3">
      <c r="H1428" s="44">
        <v>1421</v>
      </c>
      <c r="I1428" s="56">
        <f>Bühler!I1454</f>
        <v>0.2231055874019359</v>
      </c>
      <c r="J1428" s="59">
        <f>Bühler!J1454</f>
        <v>0.74368529133978634</v>
      </c>
      <c r="K1428" s="59">
        <f>Bühler!K1454</f>
        <v>1.1155279370096793</v>
      </c>
      <c r="L1428" s="59">
        <f>Bühler!L1454</f>
        <v>5.3545340976464608</v>
      </c>
      <c r="M1428" s="58">
        <f>Bühler!M1454</f>
        <v>0</v>
      </c>
      <c r="N1428" s="56">
        <f>IF(Input!$D$19=1,J1428*Input!$C$19,0)+IF(Input!$D$20=1,K1428*Input!$C$20,0)+IF(Input!$D$21=1,L1428*Input!$C$21,0)+IF(Input!$D$22=1,M1428*Input!$C$22,0)</f>
        <v>0.2231055874019359</v>
      </c>
      <c r="O1428" s="59">
        <f>IF(Input!$D$19=2,J1428*Input!$C$19,0)+IF(Input!$D$20=2,K1428*Input!$C$20,0)+IF(Input!$D$21=2,L1428*Input!$C$21,0)+IF(Input!$D$22=2,M1428*Input!$C$22,0)</f>
        <v>0.55776396850483967</v>
      </c>
      <c r="P1428" s="59">
        <f>IF(Input!$D$19=3,J1428*Input!$C$19,0)+IF(Input!$D$20=3,K1428*Input!$C$20,0)+IF(Input!$D$21=3,L1428*Input!$C$21,0)+IF(Input!$D$22=3,M1428*Input!$C$22,0)</f>
        <v>0</v>
      </c>
      <c r="Q1428" s="75">
        <f>IF(Input!$D$19=4,J1428*Input!$C$19,0)+IF(Input!$D$20=4,K1428*Input!$C$20,0)+IF(Input!$D$21=4,L1428*Input!$C$21,0)+IF(Input!$D$22=4,M1428*Input!$C$22,0)</f>
        <v>0</v>
      </c>
      <c r="R1428" s="58">
        <v>59.083654396442711</v>
      </c>
      <c r="S1428" s="124">
        <f t="shared" si="22"/>
        <v>0.9667908787417222</v>
      </c>
    </row>
    <row r="1429" spans="8:19" x14ac:dyDescent="0.3">
      <c r="H1429" s="44">
        <v>1422</v>
      </c>
      <c r="I1429" s="56">
        <f>Bühler!I1455</f>
        <v>0.28755831265138404</v>
      </c>
      <c r="J1429" s="59">
        <f>Bühler!J1455</f>
        <v>0.95852770883794691</v>
      </c>
      <c r="K1429" s="59">
        <f>Bühler!K1455</f>
        <v>1.4377915632569203</v>
      </c>
      <c r="L1429" s="59">
        <f>Bühler!L1455</f>
        <v>6.9013995036332174</v>
      </c>
      <c r="M1429" s="58">
        <f>Bühler!M1455</f>
        <v>0</v>
      </c>
      <c r="N1429" s="56">
        <f>IF(Input!$D$19=1,J1429*Input!$C$19,0)+IF(Input!$D$20=1,K1429*Input!$C$20,0)+IF(Input!$D$21=1,L1429*Input!$C$21,0)+IF(Input!$D$22=1,M1429*Input!$C$22,0)</f>
        <v>0.28755831265138404</v>
      </c>
      <c r="O1429" s="59">
        <f>IF(Input!$D$19=2,J1429*Input!$C$19,0)+IF(Input!$D$20=2,K1429*Input!$C$20,0)+IF(Input!$D$21=2,L1429*Input!$C$21,0)+IF(Input!$D$22=2,M1429*Input!$C$22,0)</f>
        <v>0.71889578162846013</v>
      </c>
      <c r="P1429" s="59">
        <f>IF(Input!$D$19=3,J1429*Input!$C$19,0)+IF(Input!$D$20=3,K1429*Input!$C$20,0)+IF(Input!$D$21=3,L1429*Input!$C$21,0)+IF(Input!$D$22=3,M1429*Input!$C$22,0)</f>
        <v>0</v>
      </c>
      <c r="Q1429" s="75">
        <f>IF(Input!$D$19=4,J1429*Input!$C$19,0)+IF(Input!$D$20=4,K1429*Input!$C$20,0)+IF(Input!$D$21=4,L1429*Input!$C$21,0)+IF(Input!$D$22=4,M1429*Input!$C$22,0)</f>
        <v>0</v>
      </c>
      <c r="R1429" s="58">
        <v>62.446984945256865</v>
      </c>
      <c r="S1429" s="124">
        <f t="shared" si="22"/>
        <v>1.246086021489331</v>
      </c>
    </row>
    <row r="1430" spans="8:19" x14ac:dyDescent="0.3">
      <c r="H1430" s="44">
        <v>1423</v>
      </c>
      <c r="I1430" s="56">
        <f>Bühler!I1456</f>
        <v>0.3321794301317712</v>
      </c>
      <c r="J1430" s="59">
        <f>Bühler!J1456</f>
        <v>1.1072647671059042</v>
      </c>
      <c r="K1430" s="59">
        <f>Bühler!K1456</f>
        <v>1.6608971506588561</v>
      </c>
      <c r="L1430" s="59">
        <f>Bühler!L1456</f>
        <v>7.9723063231625098</v>
      </c>
      <c r="M1430" s="58">
        <f>Bühler!M1456</f>
        <v>0</v>
      </c>
      <c r="N1430" s="56">
        <f>IF(Input!$D$19=1,J1430*Input!$C$19,0)+IF(Input!$D$20=1,K1430*Input!$C$20,0)+IF(Input!$D$21=1,L1430*Input!$C$21,0)+IF(Input!$D$22=1,M1430*Input!$C$22,0)</f>
        <v>0.33217943013177126</v>
      </c>
      <c r="O1430" s="59">
        <f>IF(Input!$D$19=2,J1430*Input!$C$19,0)+IF(Input!$D$20=2,K1430*Input!$C$20,0)+IF(Input!$D$21=2,L1430*Input!$C$21,0)+IF(Input!$D$22=2,M1430*Input!$C$22,0)</f>
        <v>0.83044857532942806</v>
      </c>
      <c r="P1430" s="59">
        <f>IF(Input!$D$19=3,J1430*Input!$C$19,0)+IF(Input!$D$20=3,K1430*Input!$C$20,0)+IF(Input!$D$21=3,L1430*Input!$C$21,0)+IF(Input!$D$22=3,M1430*Input!$C$22,0)</f>
        <v>0</v>
      </c>
      <c r="Q1430" s="75">
        <f>IF(Input!$D$19=4,J1430*Input!$C$19,0)+IF(Input!$D$20=4,K1430*Input!$C$20,0)+IF(Input!$D$21=4,L1430*Input!$C$21,0)+IF(Input!$D$22=4,M1430*Input!$C$22,0)</f>
        <v>0</v>
      </c>
      <c r="R1430" s="58">
        <v>66.600592163516382</v>
      </c>
      <c r="S1430" s="124">
        <f t="shared" si="22"/>
        <v>1.4394441972376755</v>
      </c>
    </row>
    <row r="1431" spans="8:19" x14ac:dyDescent="0.3">
      <c r="H1431" s="44">
        <v>1424</v>
      </c>
      <c r="I1431" s="56">
        <f>Bühler!I1457</f>
        <v>0.3321794301317712</v>
      </c>
      <c r="J1431" s="59">
        <f>Bühler!J1457</f>
        <v>1.1072647671059042</v>
      </c>
      <c r="K1431" s="59">
        <f>Bühler!K1457</f>
        <v>1.6608971506588561</v>
      </c>
      <c r="L1431" s="59">
        <f>Bühler!L1457</f>
        <v>7.9723063231625098</v>
      </c>
      <c r="M1431" s="58">
        <f>Bühler!M1457</f>
        <v>0</v>
      </c>
      <c r="N1431" s="56">
        <f>IF(Input!$D$19=1,J1431*Input!$C$19,0)+IF(Input!$D$20=1,K1431*Input!$C$20,0)+IF(Input!$D$21=1,L1431*Input!$C$21,0)+IF(Input!$D$22=1,M1431*Input!$C$22,0)</f>
        <v>0.33217943013177126</v>
      </c>
      <c r="O1431" s="59">
        <f>IF(Input!$D$19=2,J1431*Input!$C$19,0)+IF(Input!$D$20=2,K1431*Input!$C$20,0)+IF(Input!$D$21=2,L1431*Input!$C$21,0)+IF(Input!$D$22=2,M1431*Input!$C$22,0)</f>
        <v>0.83044857532942806</v>
      </c>
      <c r="P1431" s="59">
        <f>IF(Input!$D$19=3,J1431*Input!$C$19,0)+IF(Input!$D$20=3,K1431*Input!$C$20,0)+IF(Input!$D$21=3,L1431*Input!$C$21,0)+IF(Input!$D$22=3,M1431*Input!$C$22,0)</f>
        <v>0</v>
      </c>
      <c r="Q1431" s="75">
        <f>IF(Input!$D$19=4,J1431*Input!$C$19,0)+IF(Input!$D$20=4,K1431*Input!$C$20,0)+IF(Input!$D$21=4,L1431*Input!$C$21,0)+IF(Input!$D$22=4,M1431*Input!$C$22,0)</f>
        <v>0</v>
      </c>
      <c r="R1431" s="58">
        <v>68.010931551427689</v>
      </c>
      <c r="S1431" s="124">
        <f t="shared" si="22"/>
        <v>1.4394441972376755</v>
      </c>
    </row>
    <row r="1432" spans="8:19" x14ac:dyDescent="0.3">
      <c r="H1432" s="44">
        <v>1425</v>
      </c>
      <c r="I1432" s="56">
        <f>Bühler!I1458</f>
        <v>0.3321794301317712</v>
      </c>
      <c r="J1432" s="59">
        <f>Bühler!J1458</f>
        <v>1.1072647671059042</v>
      </c>
      <c r="K1432" s="59">
        <f>Bühler!K1458</f>
        <v>1.6608971506588561</v>
      </c>
      <c r="L1432" s="59">
        <f>Bühler!L1458</f>
        <v>7.9723063231625098</v>
      </c>
      <c r="M1432" s="58">
        <f>Bühler!M1458</f>
        <v>0</v>
      </c>
      <c r="N1432" s="56">
        <f>IF(Input!$D$19=1,J1432*Input!$C$19,0)+IF(Input!$D$20=1,K1432*Input!$C$20,0)+IF(Input!$D$21=1,L1432*Input!$C$21,0)+IF(Input!$D$22=1,M1432*Input!$C$22,0)</f>
        <v>0.33217943013177126</v>
      </c>
      <c r="O1432" s="59">
        <f>IF(Input!$D$19=2,J1432*Input!$C$19,0)+IF(Input!$D$20=2,K1432*Input!$C$20,0)+IF(Input!$D$21=2,L1432*Input!$C$21,0)+IF(Input!$D$22=2,M1432*Input!$C$22,0)</f>
        <v>0.83044857532942806</v>
      </c>
      <c r="P1432" s="59">
        <f>IF(Input!$D$19=3,J1432*Input!$C$19,0)+IF(Input!$D$20=3,K1432*Input!$C$20,0)+IF(Input!$D$21=3,L1432*Input!$C$21,0)+IF(Input!$D$22=3,M1432*Input!$C$22,0)</f>
        <v>0</v>
      </c>
      <c r="Q1432" s="75">
        <f>IF(Input!$D$19=4,J1432*Input!$C$19,0)+IF(Input!$D$20=4,K1432*Input!$C$20,0)+IF(Input!$D$21=4,L1432*Input!$C$21,0)+IF(Input!$D$22=4,M1432*Input!$C$22,0)</f>
        <v>0</v>
      </c>
      <c r="R1432" s="58">
        <v>68.185377990875764</v>
      </c>
      <c r="S1432" s="124">
        <f t="shared" si="22"/>
        <v>1.4394441972376755</v>
      </c>
    </row>
    <row r="1433" spans="8:19" x14ac:dyDescent="0.3">
      <c r="H1433" s="44">
        <v>1426</v>
      </c>
      <c r="I1433" s="56">
        <f>Bühler!I1459</f>
        <v>0.35696893984309741</v>
      </c>
      <c r="J1433" s="59">
        <f>Bühler!J1459</f>
        <v>1.1898964661436582</v>
      </c>
      <c r="K1433" s="59">
        <f>Bühler!K1459</f>
        <v>1.7848446992154872</v>
      </c>
      <c r="L1433" s="59">
        <f>Bühler!L1459</f>
        <v>8.5672545562343387</v>
      </c>
      <c r="M1433" s="58">
        <f>Bühler!M1459</f>
        <v>0</v>
      </c>
      <c r="N1433" s="56">
        <f>IF(Input!$D$19=1,J1433*Input!$C$19,0)+IF(Input!$D$20=1,K1433*Input!$C$20,0)+IF(Input!$D$21=1,L1433*Input!$C$21,0)+IF(Input!$D$22=1,M1433*Input!$C$22,0)</f>
        <v>0.35696893984309747</v>
      </c>
      <c r="O1433" s="59">
        <f>IF(Input!$D$19=2,J1433*Input!$C$19,0)+IF(Input!$D$20=2,K1433*Input!$C$20,0)+IF(Input!$D$21=2,L1433*Input!$C$21,0)+IF(Input!$D$22=2,M1433*Input!$C$22,0)</f>
        <v>0.89242234960774358</v>
      </c>
      <c r="P1433" s="59">
        <f>IF(Input!$D$19=3,J1433*Input!$C$19,0)+IF(Input!$D$20=3,K1433*Input!$C$20,0)+IF(Input!$D$21=3,L1433*Input!$C$21,0)+IF(Input!$D$22=3,M1433*Input!$C$22,0)</f>
        <v>0</v>
      </c>
      <c r="Q1433" s="75">
        <f>IF(Input!$D$19=4,J1433*Input!$C$19,0)+IF(Input!$D$20=4,K1433*Input!$C$20,0)+IF(Input!$D$21=4,L1433*Input!$C$21,0)+IF(Input!$D$22=4,M1433*Input!$C$22,0)</f>
        <v>0</v>
      </c>
      <c r="R1433" s="58">
        <v>67.033878813233216</v>
      </c>
      <c r="S1433" s="124">
        <f t="shared" si="22"/>
        <v>1.5468654059867557</v>
      </c>
    </row>
    <row r="1434" spans="8:19" x14ac:dyDescent="0.3">
      <c r="H1434" s="44">
        <v>1427</v>
      </c>
      <c r="I1434" s="56">
        <f>Bühler!I1460</f>
        <v>0.38671635149668893</v>
      </c>
      <c r="J1434" s="59">
        <f>Bühler!J1460</f>
        <v>1.2890545049889632</v>
      </c>
      <c r="K1434" s="59">
        <f>Bühler!K1460</f>
        <v>1.9335817574834446</v>
      </c>
      <c r="L1434" s="59">
        <f>Bühler!L1460</f>
        <v>9.2811924359205342</v>
      </c>
      <c r="M1434" s="58">
        <f>Bühler!M1460</f>
        <v>0</v>
      </c>
      <c r="N1434" s="56">
        <f>IF(Input!$D$19=1,J1434*Input!$C$19,0)+IF(Input!$D$20=1,K1434*Input!$C$20,0)+IF(Input!$D$21=1,L1434*Input!$C$21,0)+IF(Input!$D$22=1,M1434*Input!$C$22,0)</f>
        <v>0.38671635149668898</v>
      </c>
      <c r="O1434" s="59">
        <f>IF(Input!$D$19=2,J1434*Input!$C$19,0)+IF(Input!$D$20=2,K1434*Input!$C$20,0)+IF(Input!$D$21=2,L1434*Input!$C$21,0)+IF(Input!$D$22=2,M1434*Input!$C$22,0)</f>
        <v>0.96679087874172231</v>
      </c>
      <c r="P1434" s="59">
        <f>IF(Input!$D$19=3,J1434*Input!$C$19,0)+IF(Input!$D$20=3,K1434*Input!$C$20,0)+IF(Input!$D$21=3,L1434*Input!$C$21,0)+IF(Input!$D$22=3,M1434*Input!$C$22,0)</f>
        <v>0</v>
      </c>
      <c r="Q1434" s="75">
        <f>IF(Input!$D$19=4,J1434*Input!$C$19,0)+IF(Input!$D$20=4,K1434*Input!$C$20,0)+IF(Input!$D$21=4,L1434*Input!$C$21,0)+IF(Input!$D$22=4,M1434*Input!$C$22,0)</f>
        <v>0</v>
      </c>
      <c r="R1434" s="58">
        <v>68.280622259922694</v>
      </c>
      <c r="S1434" s="124">
        <f t="shared" si="22"/>
        <v>1.6757708564856522</v>
      </c>
    </row>
    <row r="1435" spans="8:19" x14ac:dyDescent="0.3">
      <c r="H1435" s="44">
        <v>1428</v>
      </c>
      <c r="I1435" s="56">
        <f>Bühler!I1461</f>
        <v>0.44621117480387179</v>
      </c>
      <c r="J1435" s="59">
        <f>Bühler!J1461</f>
        <v>1.4873705826795727</v>
      </c>
      <c r="K1435" s="59">
        <f>Bühler!K1461</f>
        <v>2.2310558740193587</v>
      </c>
      <c r="L1435" s="59">
        <f>Bühler!L1461</f>
        <v>10.709068195292922</v>
      </c>
      <c r="M1435" s="58">
        <f>Bühler!M1461</f>
        <v>0</v>
      </c>
      <c r="N1435" s="56">
        <f>IF(Input!$D$19=1,J1435*Input!$C$19,0)+IF(Input!$D$20=1,K1435*Input!$C$20,0)+IF(Input!$D$21=1,L1435*Input!$C$21,0)+IF(Input!$D$22=1,M1435*Input!$C$22,0)</f>
        <v>0.44621117480387179</v>
      </c>
      <c r="O1435" s="59">
        <f>IF(Input!$D$19=2,J1435*Input!$C$19,0)+IF(Input!$D$20=2,K1435*Input!$C$20,0)+IF(Input!$D$21=2,L1435*Input!$C$21,0)+IF(Input!$D$22=2,M1435*Input!$C$22,0)</f>
        <v>1.1155279370096793</v>
      </c>
      <c r="P1435" s="59">
        <f>IF(Input!$D$19=3,J1435*Input!$C$19,0)+IF(Input!$D$20=3,K1435*Input!$C$20,0)+IF(Input!$D$21=3,L1435*Input!$C$21,0)+IF(Input!$D$22=3,M1435*Input!$C$22,0)</f>
        <v>0</v>
      </c>
      <c r="Q1435" s="75">
        <f>IF(Input!$D$19=4,J1435*Input!$C$19,0)+IF(Input!$D$20=4,K1435*Input!$C$20,0)+IF(Input!$D$21=4,L1435*Input!$C$21,0)+IF(Input!$D$22=4,M1435*Input!$C$22,0)</f>
        <v>0</v>
      </c>
      <c r="R1435" s="58">
        <v>69.006475163872736</v>
      </c>
      <c r="S1435" s="124">
        <f t="shared" si="22"/>
        <v>1.9335817574834444</v>
      </c>
    </row>
    <row r="1436" spans="8:19" x14ac:dyDescent="0.3">
      <c r="H1436" s="44">
        <v>1429</v>
      </c>
      <c r="I1436" s="56">
        <f>Bühler!I1462</f>
        <v>0.44621117480387179</v>
      </c>
      <c r="J1436" s="59">
        <f>Bühler!J1462</f>
        <v>1.4873705826795727</v>
      </c>
      <c r="K1436" s="59">
        <f>Bühler!K1462</f>
        <v>2.2310558740193587</v>
      </c>
      <c r="L1436" s="59">
        <f>Bühler!L1462</f>
        <v>10.709068195292922</v>
      </c>
      <c r="M1436" s="58">
        <f>Bühler!M1462</f>
        <v>0</v>
      </c>
      <c r="N1436" s="56">
        <f>IF(Input!$D$19=1,J1436*Input!$C$19,0)+IF(Input!$D$20=1,K1436*Input!$C$20,0)+IF(Input!$D$21=1,L1436*Input!$C$21,0)+IF(Input!$D$22=1,M1436*Input!$C$22,0)</f>
        <v>0.44621117480387179</v>
      </c>
      <c r="O1436" s="59">
        <f>IF(Input!$D$19=2,J1436*Input!$C$19,0)+IF(Input!$D$20=2,K1436*Input!$C$20,0)+IF(Input!$D$21=2,L1436*Input!$C$21,0)+IF(Input!$D$22=2,M1436*Input!$C$22,0)</f>
        <v>1.1155279370096793</v>
      </c>
      <c r="P1436" s="59">
        <f>IF(Input!$D$19=3,J1436*Input!$C$19,0)+IF(Input!$D$20=3,K1436*Input!$C$20,0)+IF(Input!$D$21=3,L1436*Input!$C$21,0)+IF(Input!$D$22=3,M1436*Input!$C$22,0)</f>
        <v>0</v>
      </c>
      <c r="Q1436" s="75">
        <f>IF(Input!$D$19=4,J1436*Input!$C$19,0)+IF(Input!$D$20=4,K1436*Input!$C$20,0)+IF(Input!$D$21=4,L1436*Input!$C$21,0)+IF(Input!$D$22=4,M1436*Input!$C$22,0)</f>
        <v>0</v>
      </c>
      <c r="R1436" s="58">
        <v>67.465780203241295</v>
      </c>
      <c r="S1436" s="124">
        <f t="shared" si="22"/>
        <v>1.9335817574834444</v>
      </c>
    </row>
    <row r="1437" spans="8:19" x14ac:dyDescent="0.3">
      <c r="H1437" s="44">
        <v>1430</v>
      </c>
      <c r="I1437" s="56">
        <f>Bühler!I1463</f>
        <v>0.44621117480387179</v>
      </c>
      <c r="J1437" s="59">
        <f>Bühler!J1463</f>
        <v>1.4873705826795727</v>
      </c>
      <c r="K1437" s="59">
        <f>Bühler!K1463</f>
        <v>2.2310558740193587</v>
      </c>
      <c r="L1437" s="59">
        <f>Bühler!L1463</f>
        <v>10.709068195292922</v>
      </c>
      <c r="M1437" s="58">
        <f>Bühler!M1463</f>
        <v>0</v>
      </c>
      <c r="N1437" s="56">
        <f>IF(Input!$D$19=1,J1437*Input!$C$19,0)+IF(Input!$D$20=1,K1437*Input!$C$20,0)+IF(Input!$D$21=1,L1437*Input!$C$21,0)+IF(Input!$D$22=1,M1437*Input!$C$22,0)</f>
        <v>0.44621117480387179</v>
      </c>
      <c r="O1437" s="59">
        <f>IF(Input!$D$19=2,J1437*Input!$C$19,0)+IF(Input!$D$20=2,K1437*Input!$C$20,0)+IF(Input!$D$21=2,L1437*Input!$C$21,0)+IF(Input!$D$22=2,M1437*Input!$C$22,0)</f>
        <v>1.1155279370096793</v>
      </c>
      <c r="P1437" s="59">
        <f>IF(Input!$D$19=3,J1437*Input!$C$19,0)+IF(Input!$D$20=3,K1437*Input!$C$20,0)+IF(Input!$D$21=3,L1437*Input!$C$21,0)+IF(Input!$D$22=3,M1437*Input!$C$22,0)</f>
        <v>0</v>
      </c>
      <c r="Q1437" s="75">
        <f>IF(Input!$D$19=4,J1437*Input!$C$19,0)+IF(Input!$D$20=4,K1437*Input!$C$20,0)+IF(Input!$D$21=4,L1437*Input!$C$21,0)+IF(Input!$D$22=4,M1437*Input!$C$22,0)</f>
        <v>0</v>
      </c>
      <c r="R1437" s="58">
        <v>67.177961729688889</v>
      </c>
      <c r="S1437" s="124">
        <f t="shared" si="22"/>
        <v>1.9335817574834444</v>
      </c>
    </row>
    <row r="1438" spans="8:19" x14ac:dyDescent="0.3">
      <c r="H1438" s="44">
        <v>1431</v>
      </c>
      <c r="I1438" s="56">
        <f>Bühler!I1464</f>
        <v>0.44621117480387179</v>
      </c>
      <c r="J1438" s="59">
        <f>Bühler!J1464</f>
        <v>1.4873705826795727</v>
      </c>
      <c r="K1438" s="59">
        <f>Bühler!K1464</f>
        <v>2.2310558740193587</v>
      </c>
      <c r="L1438" s="59">
        <f>Bühler!L1464</f>
        <v>10.709068195292922</v>
      </c>
      <c r="M1438" s="58">
        <f>Bühler!M1464</f>
        <v>0</v>
      </c>
      <c r="N1438" s="56">
        <f>IF(Input!$D$19=1,J1438*Input!$C$19,0)+IF(Input!$D$20=1,K1438*Input!$C$20,0)+IF(Input!$D$21=1,L1438*Input!$C$21,0)+IF(Input!$D$22=1,M1438*Input!$C$22,0)</f>
        <v>0.44621117480387179</v>
      </c>
      <c r="O1438" s="59">
        <f>IF(Input!$D$19=2,J1438*Input!$C$19,0)+IF(Input!$D$20=2,K1438*Input!$C$20,0)+IF(Input!$D$21=2,L1438*Input!$C$21,0)+IF(Input!$D$22=2,M1438*Input!$C$22,0)</f>
        <v>1.1155279370096793</v>
      </c>
      <c r="P1438" s="59">
        <f>IF(Input!$D$19=3,J1438*Input!$C$19,0)+IF(Input!$D$20=3,K1438*Input!$C$20,0)+IF(Input!$D$21=3,L1438*Input!$C$21,0)+IF(Input!$D$22=3,M1438*Input!$C$22,0)</f>
        <v>0</v>
      </c>
      <c r="Q1438" s="75">
        <f>IF(Input!$D$19=4,J1438*Input!$C$19,0)+IF(Input!$D$20=4,K1438*Input!$C$20,0)+IF(Input!$D$21=4,L1438*Input!$C$21,0)+IF(Input!$D$22=4,M1438*Input!$C$22,0)</f>
        <v>0</v>
      </c>
      <c r="R1438" s="58">
        <v>67.509543226282929</v>
      </c>
      <c r="S1438" s="124">
        <f t="shared" si="22"/>
        <v>1.9335817574834444</v>
      </c>
    </row>
    <row r="1439" spans="8:19" x14ac:dyDescent="0.3">
      <c r="H1439" s="44">
        <v>1432</v>
      </c>
      <c r="I1439" s="56">
        <f>Bühler!I1465</f>
        <v>0.44621117480387179</v>
      </c>
      <c r="J1439" s="59">
        <f>Bühler!J1465</f>
        <v>1.4873705826795727</v>
      </c>
      <c r="K1439" s="59">
        <f>Bühler!K1465</f>
        <v>2.2310558740193587</v>
      </c>
      <c r="L1439" s="59">
        <f>Bühler!L1465</f>
        <v>10.709068195292922</v>
      </c>
      <c r="M1439" s="58">
        <f>Bühler!M1465</f>
        <v>0</v>
      </c>
      <c r="N1439" s="56">
        <f>IF(Input!$D$19=1,J1439*Input!$C$19,0)+IF(Input!$D$20=1,K1439*Input!$C$20,0)+IF(Input!$D$21=1,L1439*Input!$C$21,0)+IF(Input!$D$22=1,M1439*Input!$C$22,0)</f>
        <v>0.44621117480387179</v>
      </c>
      <c r="O1439" s="59">
        <f>IF(Input!$D$19=2,J1439*Input!$C$19,0)+IF(Input!$D$20=2,K1439*Input!$C$20,0)+IF(Input!$D$21=2,L1439*Input!$C$21,0)+IF(Input!$D$22=2,M1439*Input!$C$22,0)</f>
        <v>1.1155279370096793</v>
      </c>
      <c r="P1439" s="59">
        <f>IF(Input!$D$19=3,J1439*Input!$C$19,0)+IF(Input!$D$20=3,K1439*Input!$C$20,0)+IF(Input!$D$21=3,L1439*Input!$C$21,0)+IF(Input!$D$22=3,M1439*Input!$C$22,0)</f>
        <v>0</v>
      </c>
      <c r="Q1439" s="75">
        <f>IF(Input!$D$19=4,J1439*Input!$C$19,0)+IF(Input!$D$20=4,K1439*Input!$C$20,0)+IF(Input!$D$21=4,L1439*Input!$C$21,0)+IF(Input!$D$22=4,M1439*Input!$C$22,0)</f>
        <v>0</v>
      </c>
      <c r="R1439" s="58">
        <v>66.868028115535836</v>
      </c>
      <c r="S1439" s="124">
        <f t="shared" si="22"/>
        <v>1.9335817574834444</v>
      </c>
    </row>
    <row r="1440" spans="8:19" x14ac:dyDescent="0.3">
      <c r="H1440" s="44">
        <v>1433</v>
      </c>
      <c r="I1440" s="56">
        <f>Bühler!I1466</f>
        <v>0.44621117480387179</v>
      </c>
      <c r="J1440" s="59">
        <f>Bühler!J1466</f>
        <v>1.4873705826795727</v>
      </c>
      <c r="K1440" s="59">
        <f>Bühler!K1466</f>
        <v>2.2310558740193587</v>
      </c>
      <c r="L1440" s="59">
        <f>Bühler!L1466</f>
        <v>10.709068195292922</v>
      </c>
      <c r="M1440" s="58">
        <f>Bühler!M1466</f>
        <v>0</v>
      </c>
      <c r="N1440" s="56">
        <f>IF(Input!$D$19=1,J1440*Input!$C$19,0)+IF(Input!$D$20=1,K1440*Input!$C$20,0)+IF(Input!$D$21=1,L1440*Input!$C$21,0)+IF(Input!$D$22=1,M1440*Input!$C$22,0)</f>
        <v>0.44621117480387179</v>
      </c>
      <c r="O1440" s="59">
        <f>IF(Input!$D$19=2,J1440*Input!$C$19,0)+IF(Input!$D$20=2,K1440*Input!$C$20,0)+IF(Input!$D$21=2,L1440*Input!$C$21,0)+IF(Input!$D$22=2,M1440*Input!$C$22,0)</f>
        <v>1.1155279370096793</v>
      </c>
      <c r="P1440" s="59">
        <f>IF(Input!$D$19=3,J1440*Input!$C$19,0)+IF(Input!$D$20=3,K1440*Input!$C$20,0)+IF(Input!$D$21=3,L1440*Input!$C$21,0)+IF(Input!$D$22=3,M1440*Input!$C$22,0)</f>
        <v>0</v>
      </c>
      <c r="Q1440" s="75">
        <f>IF(Input!$D$19=4,J1440*Input!$C$19,0)+IF(Input!$D$20=4,K1440*Input!$C$20,0)+IF(Input!$D$21=4,L1440*Input!$C$21,0)+IF(Input!$D$22=4,M1440*Input!$C$22,0)</f>
        <v>0</v>
      </c>
      <c r="R1440" s="58">
        <v>65.861921306947494</v>
      </c>
      <c r="S1440" s="124">
        <f t="shared" si="22"/>
        <v>1.9335817574834444</v>
      </c>
    </row>
    <row r="1441" spans="8:19" x14ac:dyDescent="0.3">
      <c r="H1441" s="44">
        <v>1434</v>
      </c>
      <c r="I1441" s="56">
        <f>Bühler!I1467</f>
        <v>0.44621117480387179</v>
      </c>
      <c r="J1441" s="59">
        <f>Bühler!J1467</f>
        <v>1.4873705826795727</v>
      </c>
      <c r="K1441" s="59">
        <f>Bühler!K1467</f>
        <v>2.2310558740193587</v>
      </c>
      <c r="L1441" s="59">
        <f>Bühler!L1467</f>
        <v>10.709068195292922</v>
      </c>
      <c r="M1441" s="58">
        <f>Bühler!M1467</f>
        <v>0</v>
      </c>
      <c r="N1441" s="56">
        <f>IF(Input!$D$19=1,J1441*Input!$C$19,0)+IF(Input!$D$20=1,K1441*Input!$C$20,0)+IF(Input!$D$21=1,L1441*Input!$C$21,0)+IF(Input!$D$22=1,M1441*Input!$C$22,0)</f>
        <v>0.44621117480387179</v>
      </c>
      <c r="O1441" s="59">
        <f>IF(Input!$D$19=2,J1441*Input!$C$19,0)+IF(Input!$D$20=2,K1441*Input!$C$20,0)+IF(Input!$D$21=2,L1441*Input!$C$21,0)+IF(Input!$D$22=2,M1441*Input!$C$22,0)</f>
        <v>1.1155279370096793</v>
      </c>
      <c r="P1441" s="59">
        <f>IF(Input!$D$19=3,J1441*Input!$C$19,0)+IF(Input!$D$20=3,K1441*Input!$C$20,0)+IF(Input!$D$21=3,L1441*Input!$C$21,0)+IF(Input!$D$22=3,M1441*Input!$C$22,0)</f>
        <v>0</v>
      </c>
      <c r="Q1441" s="75">
        <f>IF(Input!$D$19=4,J1441*Input!$C$19,0)+IF(Input!$D$20=4,K1441*Input!$C$20,0)+IF(Input!$D$21=4,L1441*Input!$C$21,0)+IF(Input!$D$22=4,M1441*Input!$C$22,0)</f>
        <v>0</v>
      </c>
      <c r="R1441" s="58">
        <v>64.360033663405076</v>
      </c>
      <c r="S1441" s="124">
        <f t="shared" si="22"/>
        <v>1.9335817574834444</v>
      </c>
    </row>
    <row r="1442" spans="8:19" x14ac:dyDescent="0.3">
      <c r="H1442" s="44">
        <v>1435</v>
      </c>
      <c r="I1442" s="56">
        <f>Bühler!I1468</f>
        <v>0.44621117480387179</v>
      </c>
      <c r="J1442" s="59">
        <f>Bühler!J1468</f>
        <v>1.4873705826795727</v>
      </c>
      <c r="K1442" s="59">
        <f>Bühler!K1468</f>
        <v>2.2310558740193587</v>
      </c>
      <c r="L1442" s="59">
        <f>Bühler!L1468</f>
        <v>10.709068195292922</v>
      </c>
      <c r="M1442" s="58">
        <f>Bühler!M1468</f>
        <v>0</v>
      </c>
      <c r="N1442" s="56">
        <f>IF(Input!$D$19=1,J1442*Input!$C$19,0)+IF(Input!$D$20=1,K1442*Input!$C$20,0)+IF(Input!$D$21=1,L1442*Input!$C$21,0)+IF(Input!$D$22=1,M1442*Input!$C$22,0)</f>
        <v>0.44621117480387179</v>
      </c>
      <c r="O1442" s="59">
        <f>IF(Input!$D$19=2,J1442*Input!$C$19,0)+IF(Input!$D$20=2,K1442*Input!$C$20,0)+IF(Input!$D$21=2,L1442*Input!$C$21,0)+IF(Input!$D$22=2,M1442*Input!$C$22,0)</f>
        <v>1.1155279370096793</v>
      </c>
      <c r="P1442" s="59">
        <f>IF(Input!$D$19=3,J1442*Input!$C$19,0)+IF(Input!$D$20=3,K1442*Input!$C$20,0)+IF(Input!$D$21=3,L1442*Input!$C$21,0)+IF(Input!$D$22=3,M1442*Input!$C$22,0)</f>
        <v>0</v>
      </c>
      <c r="Q1442" s="75">
        <f>IF(Input!$D$19=4,J1442*Input!$C$19,0)+IF(Input!$D$20=4,K1442*Input!$C$20,0)+IF(Input!$D$21=4,L1442*Input!$C$21,0)+IF(Input!$D$22=4,M1442*Input!$C$22,0)</f>
        <v>0</v>
      </c>
      <c r="R1442" s="58">
        <v>62.779406321868308</v>
      </c>
      <c r="S1442" s="124">
        <f t="shared" si="22"/>
        <v>1.9335817574834444</v>
      </c>
    </row>
    <row r="1443" spans="8:19" x14ac:dyDescent="0.3">
      <c r="H1443" s="44">
        <v>1436</v>
      </c>
      <c r="I1443" s="56">
        <f>Bühler!I1469</f>
        <v>0.37184264566989317</v>
      </c>
      <c r="J1443" s="59">
        <f>Bühler!J1469</f>
        <v>1.2394754855663106</v>
      </c>
      <c r="K1443" s="59">
        <f>Bühler!K1469</f>
        <v>1.8592132283494658</v>
      </c>
      <c r="L1443" s="59">
        <f>Bühler!L1469</f>
        <v>8.9242234960774365</v>
      </c>
      <c r="M1443" s="58">
        <f>Bühler!M1469</f>
        <v>0</v>
      </c>
      <c r="N1443" s="56">
        <f>IF(Input!$D$19=1,J1443*Input!$C$19,0)+IF(Input!$D$20=1,K1443*Input!$C$20,0)+IF(Input!$D$21=1,L1443*Input!$C$21,0)+IF(Input!$D$22=1,M1443*Input!$C$22,0)</f>
        <v>0.37184264566989317</v>
      </c>
      <c r="O1443" s="59">
        <f>IF(Input!$D$19=2,J1443*Input!$C$19,0)+IF(Input!$D$20=2,K1443*Input!$C$20,0)+IF(Input!$D$21=2,L1443*Input!$C$21,0)+IF(Input!$D$22=2,M1443*Input!$C$22,0)</f>
        <v>0.92960661417473289</v>
      </c>
      <c r="P1443" s="59">
        <f>IF(Input!$D$19=3,J1443*Input!$C$19,0)+IF(Input!$D$20=3,K1443*Input!$C$20,0)+IF(Input!$D$21=3,L1443*Input!$C$21,0)+IF(Input!$D$22=3,M1443*Input!$C$22,0)</f>
        <v>0</v>
      </c>
      <c r="Q1443" s="75">
        <f>IF(Input!$D$19=4,J1443*Input!$C$19,0)+IF(Input!$D$20=4,K1443*Input!$C$20,0)+IF(Input!$D$21=4,L1443*Input!$C$21,0)+IF(Input!$D$22=4,M1443*Input!$C$22,0)</f>
        <v>0</v>
      </c>
      <c r="R1443" s="58">
        <v>61.719079894779163</v>
      </c>
      <c r="S1443" s="124">
        <f t="shared" si="22"/>
        <v>1.6113181312362037</v>
      </c>
    </row>
    <row r="1444" spans="8:19" x14ac:dyDescent="0.3">
      <c r="H1444" s="44">
        <v>1437</v>
      </c>
      <c r="I1444" s="56">
        <f>Bühler!I1470</f>
        <v>0.29747411653591455</v>
      </c>
      <c r="J1444" s="59">
        <f>Bühler!J1470</f>
        <v>0.99158038845304852</v>
      </c>
      <c r="K1444" s="59">
        <f>Bühler!K1470</f>
        <v>1.4873705826795727</v>
      </c>
      <c r="L1444" s="59">
        <f>Bühler!L1470</f>
        <v>7.1393787968619487</v>
      </c>
      <c r="M1444" s="58">
        <f>Bühler!M1470</f>
        <v>0</v>
      </c>
      <c r="N1444" s="56">
        <f>IF(Input!$D$19=1,J1444*Input!$C$19,0)+IF(Input!$D$20=1,K1444*Input!$C$20,0)+IF(Input!$D$21=1,L1444*Input!$C$21,0)+IF(Input!$D$22=1,M1444*Input!$C$22,0)</f>
        <v>0.29747411653591455</v>
      </c>
      <c r="O1444" s="59">
        <f>IF(Input!$D$19=2,J1444*Input!$C$19,0)+IF(Input!$D$20=2,K1444*Input!$C$20,0)+IF(Input!$D$21=2,L1444*Input!$C$21,0)+IF(Input!$D$22=2,M1444*Input!$C$22,0)</f>
        <v>0.74368529133978634</v>
      </c>
      <c r="P1444" s="59">
        <f>IF(Input!$D$19=3,J1444*Input!$C$19,0)+IF(Input!$D$20=3,K1444*Input!$C$20,0)+IF(Input!$D$21=3,L1444*Input!$C$21,0)+IF(Input!$D$22=3,M1444*Input!$C$22,0)</f>
        <v>0</v>
      </c>
      <c r="Q1444" s="75">
        <f>IF(Input!$D$19=4,J1444*Input!$C$19,0)+IF(Input!$D$20=4,K1444*Input!$C$20,0)+IF(Input!$D$21=4,L1444*Input!$C$21,0)+IF(Input!$D$22=4,M1444*Input!$C$22,0)</f>
        <v>0</v>
      </c>
      <c r="R1444" s="58">
        <v>60.669122605476623</v>
      </c>
      <c r="S1444" s="124">
        <f t="shared" si="22"/>
        <v>1.289054504988963</v>
      </c>
    </row>
    <row r="1445" spans="8:19" x14ac:dyDescent="0.3">
      <c r="H1445" s="44">
        <v>1438</v>
      </c>
      <c r="I1445" s="56">
        <f>Bühler!I1471</f>
        <v>0.2231055874019359</v>
      </c>
      <c r="J1445" s="59">
        <f>Bühler!J1471</f>
        <v>0.74368529133978634</v>
      </c>
      <c r="K1445" s="59">
        <f>Bühler!K1471</f>
        <v>1.1155279370096793</v>
      </c>
      <c r="L1445" s="59">
        <f>Bühler!L1471</f>
        <v>5.3545340976464608</v>
      </c>
      <c r="M1445" s="58">
        <f>Bühler!M1471</f>
        <v>0</v>
      </c>
      <c r="N1445" s="56">
        <f>IF(Input!$D$19=1,J1445*Input!$C$19,0)+IF(Input!$D$20=1,K1445*Input!$C$20,0)+IF(Input!$D$21=1,L1445*Input!$C$21,0)+IF(Input!$D$22=1,M1445*Input!$C$22,0)</f>
        <v>0.2231055874019359</v>
      </c>
      <c r="O1445" s="59">
        <f>IF(Input!$D$19=2,J1445*Input!$C$19,0)+IF(Input!$D$20=2,K1445*Input!$C$20,0)+IF(Input!$D$21=2,L1445*Input!$C$21,0)+IF(Input!$D$22=2,M1445*Input!$C$22,0)</f>
        <v>0.55776396850483967</v>
      </c>
      <c r="P1445" s="59">
        <f>IF(Input!$D$19=3,J1445*Input!$C$19,0)+IF(Input!$D$20=3,K1445*Input!$C$20,0)+IF(Input!$D$21=3,L1445*Input!$C$21,0)+IF(Input!$D$22=3,M1445*Input!$C$22,0)</f>
        <v>0</v>
      </c>
      <c r="Q1445" s="75">
        <f>IF(Input!$D$19=4,J1445*Input!$C$19,0)+IF(Input!$D$20=4,K1445*Input!$C$20,0)+IF(Input!$D$21=4,L1445*Input!$C$21,0)+IF(Input!$D$22=4,M1445*Input!$C$22,0)</f>
        <v>0</v>
      </c>
      <c r="R1445" s="58">
        <v>58.961627583226296</v>
      </c>
      <c r="S1445" s="124">
        <f t="shared" si="22"/>
        <v>0.9667908787417222</v>
      </c>
    </row>
    <row r="1446" spans="8:19" x14ac:dyDescent="0.3">
      <c r="H1446" s="44">
        <v>1439</v>
      </c>
      <c r="I1446" s="56">
        <f>Bühler!I1472</f>
        <v>0.2231055874019359</v>
      </c>
      <c r="J1446" s="59">
        <f>Bühler!J1472</f>
        <v>0.74368529133978634</v>
      </c>
      <c r="K1446" s="59">
        <f>Bühler!K1472</f>
        <v>1.1155279370096793</v>
      </c>
      <c r="L1446" s="59">
        <f>Bühler!L1472</f>
        <v>5.3545340976464608</v>
      </c>
      <c r="M1446" s="58">
        <f>Bühler!M1472</f>
        <v>0</v>
      </c>
      <c r="N1446" s="56">
        <f>IF(Input!$D$19=1,J1446*Input!$C$19,0)+IF(Input!$D$20=1,K1446*Input!$C$20,0)+IF(Input!$D$21=1,L1446*Input!$C$21,0)+IF(Input!$D$22=1,M1446*Input!$C$22,0)</f>
        <v>0.2231055874019359</v>
      </c>
      <c r="O1446" s="59">
        <f>IF(Input!$D$19=2,J1446*Input!$C$19,0)+IF(Input!$D$20=2,K1446*Input!$C$20,0)+IF(Input!$D$21=2,L1446*Input!$C$21,0)+IF(Input!$D$22=2,M1446*Input!$C$22,0)</f>
        <v>0.55776396850483967</v>
      </c>
      <c r="P1446" s="59">
        <f>IF(Input!$D$19=3,J1446*Input!$C$19,0)+IF(Input!$D$20=3,K1446*Input!$C$20,0)+IF(Input!$D$21=3,L1446*Input!$C$21,0)+IF(Input!$D$22=3,M1446*Input!$C$22,0)</f>
        <v>0</v>
      </c>
      <c r="Q1446" s="75">
        <f>IF(Input!$D$19=4,J1446*Input!$C$19,0)+IF(Input!$D$20=4,K1446*Input!$C$20,0)+IF(Input!$D$21=4,L1446*Input!$C$21,0)+IF(Input!$D$22=4,M1446*Input!$C$22,0)</f>
        <v>0</v>
      </c>
      <c r="R1446" s="58">
        <v>58.578095660320642</v>
      </c>
      <c r="S1446" s="124">
        <f t="shared" si="22"/>
        <v>0.9667908787417222</v>
      </c>
    </row>
    <row r="1447" spans="8:19" x14ac:dyDescent="0.3">
      <c r="H1447" s="44">
        <v>1440</v>
      </c>
      <c r="I1447" s="56">
        <f>Bühler!I1473</f>
        <v>0.2231055874019359</v>
      </c>
      <c r="J1447" s="59">
        <f>Bühler!J1473</f>
        <v>0.74368529133978634</v>
      </c>
      <c r="K1447" s="59">
        <f>Bühler!K1473</f>
        <v>1.1155279370096793</v>
      </c>
      <c r="L1447" s="59">
        <f>Bühler!L1473</f>
        <v>5.3545340976464608</v>
      </c>
      <c r="M1447" s="58">
        <f>Bühler!M1473</f>
        <v>0</v>
      </c>
      <c r="N1447" s="56">
        <f>IF(Input!$D$19=1,J1447*Input!$C$19,0)+IF(Input!$D$20=1,K1447*Input!$C$20,0)+IF(Input!$D$21=1,L1447*Input!$C$21,0)+IF(Input!$D$22=1,M1447*Input!$C$22,0)</f>
        <v>0.2231055874019359</v>
      </c>
      <c r="O1447" s="59">
        <f>IF(Input!$D$19=2,J1447*Input!$C$19,0)+IF(Input!$D$20=2,K1447*Input!$C$20,0)+IF(Input!$D$21=2,L1447*Input!$C$21,0)+IF(Input!$D$22=2,M1447*Input!$C$22,0)</f>
        <v>0.55776396850483967</v>
      </c>
      <c r="P1447" s="59">
        <f>IF(Input!$D$19=3,J1447*Input!$C$19,0)+IF(Input!$D$20=3,K1447*Input!$C$20,0)+IF(Input!$D$21=3,L1447*Input!$C$21,0)+IF(Input!$D$22=3,M1447*Input!$C$22,0)</f>
        <v>0</v>
      </c>
      <c r="Q1447" s="75">
        <f>IF(Input!$D$19=4,J1447*Input!$C$19,0)+IF(Input!$D$20=4,K1447*Input!$C$20,0)+IF(Input!$D$21=4,L1447*Input!$C$21,0)+IF(Input!$D$22=4,M1447*Input!$C$22,0)</f>
        <v>0</v>
      </c>
      <c r="R1447" s="58">
        <v>57.952612488301348</v>
      </c>
      <c r="S1447" s="124">
        <f t="shared" si="22"/>
        <v>0.9667908787417222</v>
      </c>
    </row>
    <row r="1448" spans="8:19" x14ac:dyDescent="0.3">
      <c r="H1448" s="44">
        <v>1441</v>
      </c>
      <c r="I1448" s="56">
        <f>Bühler!I1474</f>
        <v>0.24533426580949588</v>
      </c>
      <c r="J1448" s="59">
        <f>Bühler!J1474</f>
        <v>0.817780886031653</v>
      </c>
      <c r="K1448" s="59">
        <f>Bühler!K1474</f>
        <v>1.2266713290474793</v>
      </c>
      <c r="L1448" s="59">
        <f>Bühler!L1474</f>
        <v>5.888022379427901</v>
      </c>
      <c r="M1448" s="58">
        <f>Bühler!M1474</f>
        <v>0</v>
      </c>
      <c r="N1448" s="56">
        <f>IF(Input!$D$19=1,J1448*Input!$C$19,0)+IF(Input!$D$20=1,K1448*Input!$C$20,0)+IF(Input!$D$21=1,L1448*Input!$C$21,0)+IF(Input!$D$22=1,M1448*Input!$C$22,0)</f>
        <v>0.24533426580949588</v>
      </c>
      <c r="O1448" s="59">
        <f>IF(Input!$D$19=2,J1448*Input!$C$19,0)+IF(Input!$D$20=2,K1448*Input!$C$20,0)+IF(Input!$D$21=2,L1448*Input!$C$21,0)+IF(Input!$D$22=2,M1448*Input!$C$22,0)</f>
        <v>0.61333566452373967</v>
      </c>
      <c r="P1448" s="59">
        <f>IF(Input!$D$19=3,J1448*Input!$C$19,0)+IF(Input!$D$20=3,K1448*Input!$C$20,0)+IF(Input!$D$21=3,L1448*Input!$C$21,0)+IF(Input!$D$22=3,M1448*Input!$C$22,0)</f>
        <v>0</v>
      </c>
      <c r="Q1448" s="75">
        <f>IF(Input!$D$19=4,J1448*Input!$C$19,0)+IF(Input!$D$20=4,K1448*Input!$C$20,0)+IF(Input!$D$21=4,L1448*Input!$C$21,0)+IF(Input!$D$22=4,M1448*Input!$C$22,0)</f>
        <v>0</v>
      </c>
      <c r="R1448" s="58">
        <v>56.946594000390206</v>
      </c>
      <c r="S1448" s="124">
        <f t="shared" si="22"/>
        <v>1.0631151518411488</v>
      </c>
    </row>
    <row r="1449" spans="8:19" x14ac:dyDescent="0.3">
      <c r="H1449" s="44">
        <v>1442</v>
      </c>
      <c r="I1449" s="56">
        <f>Bühler!I1475</f>
        <v>0.24533426580949588</v>
      </c>
      <c r="J1449" s="59">
        <f>Bühler!J1475</f>
        <v>0.817780886031653</v>
      </c>
      <c r="K1449" s="59">
        <f>Bühler!K1475</f>
        <v>1.2266713290474793</v>
      </c>
      <c r="L1449" s="59">
        <f>Bühler!L1475</f>
        <v>5.888022379427901</v>
      </c>
      <c r="M1449" s="58">
        <f>Bühler!M1475</f>
        <v>0</v>
      </c>
      <c r="N1449" s="56">
        <f>IF(Input!$D$19=1,J1449*Input!$C$19,0)+IF(Input!$D$20=1,K1449*Input!$C$20,0)+IF(Input!$D$21=1,L1449*Input!$C$21,0)+IF(Input!$D$22=1,M1449*Input!$C$22,0)</f>
        <v>0.24533426580949588</v>
      </c>
      <c r="O1449" s="59">
        <f>IF(Input!$D$19=2,J1449*Input!$C$19,0)+IF(Input!$D$20=2,K1449*Input!$C$20,0)+IF(Input!$D$21=2,L1449*Input!$C$21,0)+IF(Input!$D$22=2,M1449*Input!$C$22,0)</f>
        <v>0.61333566452373967</v>
      </c>
      <c r="P1449" s="59">
        <f>IF(Input!$D$19=3,J1449*Input!$C$19,0)+IF(Input!$D$20=3,K1449*Input!$C$20,0)+IF(Input!$D$21=3,L1449*Input!$C$21,0)+IF(Input!$D$22=3,M1449*Input!$C$22,0)</f>
        <v>0</v>
      </c>
      <c r="Q1449" s="75">
        <f>IF(Input!$D$19=4,J1449*Input!$C$19,0)+IF(Input!$D$20=4,K1449*Input!$C$20,0)+IF(Input!$D$21=4,L1449*Input!$C$21,0)+IF(Input!$D$22=4,M1449*Input!$C$22,0)</f>
        <v>0</v>
      </c>
      <c r="R1449" s="58">
        <v>56.913630774053495</v>
      </c>
      <c r="S1449" s="124">
        <f t="shared" si="22"/>
        <v>1.0631151518411488</v>
      </c>
    </row>
    <row r="1450" spans="8:19" x14ac:dyDescent="0.3">
      <c r="H1450" s="44">
        <v>1443</v>
      </c>
      <c r="I1450" s="56">
        <f>Bühler!I1476</f>
        <v>0.24533426580949588</v>
      </c>
      <c r="J1450" s="59">
        <f>Bühler!J1476</f>
        <v>0.817780886031653</v>
      </c>
      <c r="K1450" s="59">
        <f>Bühler!K1476</f>
        <v>1.2266713290474793</v>
      </c>
      <c r="L1450" s="59">
        <f>Bühler!L1476</f>
        <v>5.888022379427901</v>
      </c>
      <c r="M1450" s="58">
        <f>Bühler!M1476</f>
        <v>0</v>
      </c>
      <c r="N1450" s="56">
        <f>IF(Input!$D$19=1,J1450*Input!$C$19,0)+IF(Input!$D$20=1,K1450*Input!$C$20,0)+IF(Input!$D$21=1,L1450*Input!$C$21,0)+IF(Input!$D$22=1,M1450*Input!$C$22,0)</f>
        <v>0.24533426580949588</v>
      </c>
      <c r="O1450" s="59">
        <f>IF(Input!$D$19=2,J1450*Input!$C$19,0)+IF(Input!$D$20=2,K1450*Input!$C$20,0)+IF(Input!$D$21=2,L1450*Input!$C$21,0)+IF(Input!$D$22=2,M1450*Input!$C$22,0)</f>
        <v>0.61333566452373967</v>
      </c>
      <c r="P1450" s="59">
        <f>IF(Input!$D$19=3,J1450*Input!$C$19,0)+IF(Input!$D$20=3,K1450*Input!$C$20,0)+IF(Input!$D$21=3,L1450*Input!$C$21,0)+IF(Input!$D$22=3,M1450*Input!$C$22,0)</f>
        <v>0</v>
      </c>
      <c r="Q1450" s="75">
        <f>IF(Input!$D$19=4,J1450*Input!$C$19,0)+IF(Input!$D$20=4,K1450*Input!$C$20,0)+IF(Input!$D$21=4,L1450*Input!$C$21,0)+IF(Input!$D$22=4,M1450*Input!$C$22,0)</f>
        <v>0</v>
      </c>
      <c r="R1450" s="58">
        <v>56.849368880765326</v>
      </c>
      <c r="S1450" s="124">
        <f t="shared" si="22"/>
        <v>1.0631151518411488</v>
      </c>
    </row>
    <row r="1451" spans="8:19" x14ac:dyDescent="0.3">
      <c r="H1451" s="44">
        <v>1444</v>
      </c>
      <c r="I1451" s="56">
        <f>Bühler!I1477</f>
        <v>0.24533426580949588</v>
      </c>
      <c r="J1451" s="59">
        <f>Bühler!J1477</f>
        <v>0.817780886031653</v>
      </c>
      <c r="K1451" s="59">
        <f>Bühler!K1477</f>
        <v>1.2266713290474793</v>
      </c>
      <c r="L1451" s="59">
        <f>Bühler!L1477</f>
        <v>5.888022379427901</v>
      </c>
      <c r="M1451" s="58">
        <f>Bühler!M1477</f>
        <v>0</v>
      </c>
      <c r="N1451" s="56">
        <f>IF(Input!$D$19=1,J1451*Input!$C$19,0)+IF(Input!$D$20=1,K1451*Input!$C$20,0)+IF(Input!$D$21=1,L1451*Input!$C$21,0)+IF(Input!$D$22=1,M1451*Input!$C$22,0)</f>
        <v>0.24533426580949588</v>
      </c>
      <c r="O1451" s="59">
        <f>IF(Input!$D$19=2,J1451*Input!$C$19,0)+IF(Input!$D$20=2,K1451*Input!$C$20,0)+IF(Input!$D$21=2,L1451*Input!$C$21,0)+IF(Input!$D$22=2,M1451*Input!$C$22,0)</f>
        <v>0.61333566452373967</v>
      </c>
      <c r="P1451" s="59">
        <f>IF(Input!$D$19=3,J1451*Input!$C$19,0)+IF(Input!$D$20=3,K1451*Input!$C$20,0)+IF(Input!$D$21=3,L1451*Input!$C$21,0)+IF(Input!$D$22=3,M1451*Input!$C$22,0)</f>
        <v>0</v>
      </c>
      <c r="Q1451" s="75">
        <f>IF(Input!$D$19=4,J1451*Input!$C$19,0)+IF(Input!$D$20=4,K1451*Input!$C$20,0)+IF(Input!$D$21=4,L1451*Input!$C$21,0)+IF(Input!$D$22=4,M1451*Input!$C$22,0)</f>
        <v>0</v>
      </c>
      <c r="R1451" s="58">
        <v>56.980853596959982</v>
      </c>
      <c r="S1451" s="124">
        <f t="shared" si="22"/>
        <v>1.0631151518411488</v>
      </c>
    </row>
    <row r="1452" spans="8:19" x14ac:dyDescent="0.3">
      <c r="H1452" s="44">
        <v>1445</v>
      </c>
      <c r="I1452" s="56">
        <f>Bühler!I1478</f>
        <v>0.24533426580949588</v>
      </c>
      <c r="J1452" s="59">
        <f>Bühler!J1478</f>
        <v>0.817780886031653</v>
      </c>
      <c r="K1452" s="59">
        <f>Bühler!K1478</f>
        <v>1.2266713290474793</v>
      </c>
      <c r="L1452" s="59">
        <f>Bühler!L1478</f>
        <v>5.888022379427901</v>
      </c>
      <c r="M1452" s="58">
        <f>Bühler!M1478</f>
        <v>0</v>
      </c>
      <c r="N1452" s="56">
        <f>IF(Input!$D$19=1,J1452*Input!$C$19,0)+IF(Input!$D$20=1,K1452*Input!$C$20,0)+IF(Input!$D$21=1,L1452*Input!$C$21,0)+IF(Input!$D$22=1,M1452*Input!$C$22,0)</f>
        <v>0.24533426580949588</v>
      </c>
      <c r="O1452" s="59">
        <f>IF(Input!$D$19=2,J1452*Input!$C$19,0)+IF(Input!$D$20=2,K1452*Input!$C$20,0)+IF(Input!$D$21=2,L1452*Input!$C$21,0)+IF(Input!$D$22=2,M1452*Input!$C$22,0)</f>
        <v>0.61333566452373967</v>
      </c>
      <c r="P1452" s="59">
        <f>IF(Input!$D$19=3,J1452*Input!$C$19,0)+IF(Input!$D$20=3,K1452*Input!$C$20,0)+IF(Input!$D$21=3,L1452*Input!$C$21,0)+IF(Input!$D$22=3,M1452*Input!$C$22,0)</f>
        <v>0</v>
      </c>
      <c r="Q1452" s="75">
        <f>IF(Input!$D$19=4,J1452*Input!$C$19,0)+IF(Input!$D$20=4,K1452*Input!$C$20,0)+IF(Input!$D$21=4,L1452*Input!$C$21,0)+IF(Input!$D$22=4,M1452*Input!$C$22,0)</f>
        <v>0</v>
      </c>
      <c r="R1452" s="58">
        <v>58.430321790794409</v>
      </c>
      <c r="S1452" s="124">
        <f t="shared" si="22"/>
        <v>1.0631151518411488</v>
      </c>
    </row>
    <row r="1453" spans="8:19" x14ac:dyDescent="0.3">
      <c r="H1453" s="44">
        <v>1446</v>
      </c>
      <c r="I1453" s="56">
        <f>Bühler!I1479</f>
        <v>0.31620860926557248</v>
      </c>
      <c r="J1453" s="59">
        <f>Bühler!J1479</f>
        <v>1.0540286975519082</v>
      </c>
      <c r="K1453" s="59">
        <f>Bühler!K1479</f>
        <v>1.5810430463278624</v>
      </c>
      <c r="L1453" s="59">
        <f>Bühler!L1479</f>
        <v>7.5890066223737387</v>
      </c>
      <c r="M1453" s="58">
        <f>Bühler!M1479</f>
        <v>0</v>
      </c>
      <c r="N1453" s="56">
        <f>IF(Input!$D$19=1,J1453*Input!$C$19,0)+IF(Input!$D$20=1,K1453*Input!$C$20,0)+IF(Input!$D$21=1,L1453*Input!$C$21,0)+IF(Input!$D$22=1,M1453*Input!$C$22,0)</f>
        <v>0.31620860926557243</v>
      </c>
      <c r="O1453" s="59">
        <f>IF(Input!$D$19=2,J1453*Input!$C$19,0)+IF(Input!$D$20=2,K1453*Input!$C$20,0)+IF(Input!$D$21=2,L1453*Input!$C$21,0)+IF(Input!$D$22=2,M1453*Input!$C$22,0)</f>
        <v>0.79052152316393121</v>
      </c>
      <c r="P1453" s="59">
        <f>IF(Input!$D$19=3,J1453*Input!$C$19,0)+IF(Input!$D$20=3,K1453*Input!$C$20,0)+IF(Input!$D$21=3,L1453*Input!$C$21,0)+IF(Input!$D$22=3,M1453*Input!$C$22,0)</f>
        <v>0</v>
      </c>
      <c r="Q1453" s="75">
        <f>IF(Input!$D$19=4,J1453*Input!$C$19,0)+IF(Input!$D$20=4,K1453*Input!$C$20,0)+IF(Input!$D$21=4,L1453*Input!$C$21,0)+IF(Input!$D$22=4,M1453*Input!$C$22,0)</f>
        <v>0</v>
      </c>
      <c r="R1453" s="58">
        <v>61.59402528870023</v>
      </c>
      <c r="S1453" s="124">
        <f t="shared" si="22"/>
        <v>1.3702373068174807</v>
      </c>
    </row>
    <row r="1454" spans="8:19" x14ac:dyDescent="0.3">
      <c r="H1454" s="44">
        <v>1447</v>
      </c>
      <c r="I1454" s="56">
        <f>Bühler!I1480</f>
        <v>0.38163108014810471</v>
      </c>
      <c r="J1454" s="59">
        <f>Bühler!J1480</f>
        <v>1.2721036004936825</v>
      </c>
      <c r="K1454" s="59">
        <f>Bühler!K1480</f>
        <v>1.9081554007405235</v>
      </c>
      <c r="L1454" s="59">
        <f>Bühler!L1480</f>
        <v>9.1591459235545134</v>
      </c>
      <c r="M1454" s="58">
        <f>Bühler!M1480</f>
        <v>0</v>
      </c>
      <c r="N1454" s="56">
        <f>IF(Input!$D$19=1,J1454*Input!$C$19,0)+IF(Input!$D$20=1,K1454*Input!$C$20,0)+IF(Input!$D$21=1,L1454*Input!$C$21,0)+IF(Input!$D$22=1,M1454*Input!$C$22,0)</f>
        <v>0.38163108014810476</v>
      </c>
      <c r="O1454" s="59">
        <f>IF(Input!$D$19=2,J1454*Input!$C$19,0)+IF(Input!$D$20=2,K1454*Input!$C$20,0)+IF(Input!$D$21=2,L1454*Input!$C$21,0)+IF(Input!$D$22=2,M1454*Input!$C$22,0)</f>
        <v>0.95407770037026174</v>
      </c>
      <c r="P1454" s="59">
        <f>IF(Input!$D$19=3,J1454*Input!$C$19,0)+IF(Input!$D$20=3,K1454*Input!$C$20,0)+IF(Input!$D$21=3,L1454*Input!$C$21,0)+IF(Input!$D$22=3,M1454*Input!$C$22,0)</f>
        <v>0</v>
      </c>
      <c r="Q1454" s="75">
        <f>IF(Input!$D$19=4,J1454*Input!$C$19,0)+IF(Input!$D$20=4,K1454*Input!$C$20,0)+IF(Input!$D$21=4,L1454*Input!$C$21,0)+IF(Input!$D$22=4,M1454*Input!$C$22,0)</f>
        <v>0</v>
      </c>
      <c r="R1454" s="58">
        <v>65.00315817969684</v>
      </c>
      <c r="S1454" s="124">
        <f t="shared" si="22"/>
        <v>1.6537346806417872</v>
      </c>
    </row>
    <row r="1455" spans="8:19" x14ac:dyDescent="0.3">
      <c r="H1455" s="44">
        <v>1448</v>
      </c>
      <c r="I1455" s="56">
        <f>Bühler!I1481</f>
        <v>0.38163108014810471</v>
      </c>
      <c r="J1455" s="59">
        <f>Bühler!J1481</f>
        <v>1.2721036004936825</v>
      </c>
      <c r="K1455" s="59">
        <f>Bühler!K1481</f>
        <v>1.9081554007405235</v>
      </c>
      <c r="L1455" s="59">
        <f>Bühler!L1481</f>
        <v>9.1591459235545134</v>
      </c>
      <c r="M1455" s="58">
        <f>Bühler!M1481</f>
        <v>0</v>
      </c>
      <c r="N1455" s="56">
        <f>IF(Input!$D$19=1,J1455*Input!$C$19,0)+IF(Input!$D$20=1,K1455*Input!$C$20,0)+IF(Input!$D$21=1,L1455*Input!$C$21,0)+IF(Input!$D$22=1,M1455*Input!$C$22,0)</f>
        <v>0.38163108014810476</v>
      </c>
      <c r="O1455" s="59">
        <f>IF(Input!$D$19=2,J1455*Input!$C$19,0)+IF(Input!$D$20=2,K1455*Input!$C$20,0)+IF(Input!$D$21=2,L1455*Input!$C$21,0)+IF(Input!$D$22=2,M1455*Input!$C$22,0)</f>
        <v>0.95407770037026174</v>
      </c>
      <c r="P1455" s="59">
        <f>IF(Input!$D$19=3,J1455*Input!$C$19,0)+IF(Input!$D$20=3,K1455*Input!$C$20,0)+IF(Input!$D$21=3,L1455*Input!$C$21,0)+IF(Input!$D$22=3,M1455*Input!$C$22,0)</f>
        <v>0</v>
      </c>
      <c r="Q1455" s="75">
        <f>IF(Input!$D$19=4,J1455*Input!$C$19,0)+IF(Input!$D$20=4,K1455*Input!$C$20,0)+IF(Input!$D$21=4,L1455*Input!$C$21,0)+IF(Input!$D$22=4,M1455*Input!$C$22,0)</f>
        <v>0</v>
      </c>
      <c r="R1455" s="58">
        <v>66.746875153336802</v>
      </c>
      <c r="S1455" s="124">
        <f t="shared" si="22"/>
        <v>1.6537346806417872</v>
      </c>
    </row>
    <row r="1456" spans="8:19" x14ac:dyDescent="0.3">
      <c r="H1456" s="44">
        <v>1449</v>
      </c>
      <c r="I1456" s="56">
        <f>Bühler!I1482</f>
        <v>0.38163108014810471</v>
      </c>
      <c r="J1456" s="59">
        <f>Bühler!J1482</f>
        <v>1.2721036004936825</v>
      </c>
      <c r="K1456" s="59">
        <f>Bühler!K1482</f>
        <v>1.9081554007405235</v>
      </c>
      <c r="L1456" s="59">
        <f>Bühler!L1482</f>
        <v>9.1591459235545134</v>
      </c>
      <c r="M1456" s="58">
        <f>Bühler!M1482</f>
        <v>0</v>
      </c>
      <c r="N1456" s="56">
        <f>IF(Input!$D$19=1,J1456*Input!$C$19,0)+IF(Input!$D$20=1,K1456*Input!$C$20,0)+IF(Input!$D$21=1,L1456*Input!$C$21,0)+IF(Input!$D$22=1,M1456*Input!$C$22,0)</f>
        <v>0.38163108014810476</v>
      </c>
      <c r="O1456" s="59">
        <f>IF(Input!$D$19=2,J1456*Input!$C$19,0)+IF(Input!$D$20=2,K1456*Input!$C$20,0)+IF(Input!$D$21=2,L1456*Input!$C$21,0)+IF(Input!$D$22=2,M1456*Input!$C$22,0)</f>
        <v>0.95407770037026174</v>
      </c>
      <c r="P1456" s="59">
        <f>IF(Input!$D$19=3,J1456*Input!$C$19,0)+IF(Input!$D$20=3,K1456*Input!$C$20,0)+IF(Input!$D$21=3,L1456*Input!$C$21,0)+IF(Input!$D$22=3,M1456*Input!$C$22,0)</f>
        <v>0</v>
      </c>
      <c r="Q1456" s="75">
        <f>IF(Input!$D$19=4,J1456*Input!$C$19,0)+IF(Input!$D$20=4,K1456*Input!$C$20,0)+IF(Input!$D$21=4,L1456*Input!$C$21,0)+IF(Input!$D$22=4,M1456*Input!$C$22,0)</f>
        <v>0</v>
      </c>
      <c r="R1456" s="58">
        <v>66.713915477087255</v>
      </c>
      <c r="S1456" s="124">
        <f t="shared" si="22"/>
        <v>1.6537346806417872</v>
      </c>
    </row>
    <row r="1457" spans="8:19" x14ac:dyDescent="0.3">
      <c r="H1457" s="44">
        <v>1450</v>
      </c>
      <c r="I1457" s="56">
        <f>Bühler!I1483</f>
        <v>0.4088904430158265</v>
      </c>
      <c r="J1457" s="59">
        <f>Bühler!J1483</f>
        <v>1.3629681433860885</v>
      </c>
      <c r="K1457" s="59">
        <f>Bühler!K1483</f>
        <v>2.0444522150791324</v>
      </c>
      <c r="L1457" s="59">
        <f>Bühler!L1483</f>
        <v>9.8133706323798364</v>
      </c>
      <c r="M1457" s="58">
        <f>Bühler!M1483</f>
        <v>0</v>
      </c>
      <c r="N1457" s="56">
        <f>IF(Input!$D$19=1,J1457*Input!$C$19,0)+IF(Input!$D$20=1,K1457*Input!$C$20,0)+IF(Input!$D$21=1,L1457*Input!$C$21,0)+IF(Input!$D$22=1,M1457*Input!$C$22,0)</f>
        <v>0.40889044301582655</v>
      </c>
      <c r="O1457" s="59">
        <f>IF(Input!$D$19=2,J1457*Input!$C$19,0)+IF(Input!$D$20=2,K1457*Input!$C$20,0)+IF(Input!$D$21=2,L1457*Input!$C$21,0)+IF(Input!$D$22=2,M1457*Input!$C$22,0)</f>
        <v>1.0222261075395662</v>
      </c>
      <c r="P1457" s="59">
        <f>IF(Input!$D$19=3,J1457*Input!$C$19,0)+IF(Input!$D$20=3,K1457*Input!$C$20,0)+IF(Input!$D$21=3,L1457*Input!$C$21,0)+IF(Input!$D$22=3,M1457*Input!$C$22,0)</f>
        <v>0</v>
      </c>
      <c r="Q1457" s="75">
        <f>IF(Input!$D$19=4,J1457*Input!$C$19,0)+IF(Input!$D$20=4,K1457*Input!$C$20,0)+IF(Input!$D$21=4,L1457*Input!$C$21,0)+IF(Input!$D$22=4,M1457*Input!$C$22,0)</f>
        <v>0</v>
      </c>
      <c r="R1457" s="58">
        <v>65.964251648075106</v>
      </c>
      <c r="S1457" s="124">
        <f t="shared" si="22"/>
        <v>1.771858586401915</v>
      </c>
    </row>
    <row r="1458" spans="8:19" x14ac:dyDescent="0.3">
      <c r="H1458" s="44">
        <v>1451</v>
      </c>
      <c r="I1458" s="56">
        <f>Bühler!I1484</f>
        <v>0.4252460607364596</v>
      </c>
      <c r="J1458" s="59">
        <f>Bühler!J1484</f>
        <v>1.4174868691215321</v>
      </c>
      <c r="K1458" s="59">
        <f>Bühler!K1484</f>
        <v>2.126230303682298</v>
      </c>
      <c r="L1458" s="59">
        <f>Bühler!L1484</f>
        <v>10.20590545767503</v>
      </c>
      <c r="M1458" s="58">
        <f>Bühler!M1484</f>
        <v>0</v>
      </c>
      <c r="N1458" s="56">
        <f>IF(Input!$D$19=1,J1458*Input!$C$19,0)+IF(Input!$D$20=1,K1458*Input!$C$20,0)+IF(Input!$D$21=1,L1458*Input!$C$21,0)+IF(Input!$D$22=1,M1458*Input!$C$22,0)</f>
        <v>0.4252460607364596</v>
      </c>
      <c r="O1458" s="59">
        <f>IF(Input!$D$19=2,J1458*Input!$C$19,0)+IF(Input!$D$20=2,K1458*Input!$C$20,0)+IF(Input!$D$21=2,L1458*Input!$C$21,0)+IF(Input!$D$22=2,M1458*Input!$C$22,0)</f>
        <v>1.063115151841149</v>
      </c>
      <c r="P1458" s="59">
        <f>IF(Input!$D$19=3,J1458*Input!$C$19,0)+IF(Input!$D$20=3,K1458*Input!$C$20,0)+IF(Input!$D$21=3,L1458*Input!$C$21,0)+IF(Input!$D$22=3,M1458*Input!$C$22,0)</f>
        <v>0</v>
      </c>
      <c r="Q1458" s="75">
        <f>IF(Input!$D$19=4,J1458*Input!$C$19,0)+IF(Input!$D$20=4,K1458*Input!$C$20,0)+IF(Input!$D$21=4,L1458*Input!$C$21,0)+IF(Input!$D$22=4,M1458*Input!$C$22,0)</f>
        <v>0</v>
      </c>
      <c r="R1458" s="58">
        <v>65.893434979731367</v>
      </c>
      <c r="S1458" s="124">
        <f t="shared" si="22"/>
        <v>1.8427329298579918</v>
      </c>
    </row>
    <row r="1459" spans="8:19" x14ac:dyDescent="0.3">
      <c r="H1459" s="44">
        <v>1452</v>
      </c>
      <c r="I1459" s="56">
        <f>Bühler!I1485</f>
        <v>0.49066853161899177</v>
      </c>
      <c r="J1459" s="59">
        <f>Bühler!J1485</f>
        <v>1.635561772063306</v>
      </c>
      <c r="K1459" s="59">
        <f>Bühler!K1485</f>
        <v>2.4533426580949587</v>
      </c>
      <c r="L1459" s="59">
        <f>Bühler!L1485</f>
        <v>11.776044758855802</v>
      </c>
      <c r="M1459" s="58">
        <f>Bühler!M1485</f>
        <v>0</v>
      </c>
      <c r="N1459" s="56">
        <f>IF(Input!$D$19=1,J1459*Input!$C$19,0)+IF(Input!$D$20=1,K1459*Input!$C$20,0)+IF(Input!$D$21=1,L1459*Input!$C$21,0)+IF(Input!$D$22=1,M1459*Input!$C$22,0)</f>
        <v>0.49066853161899177</v>
      </c>
      <c r="O1459" s="59">
        <f>IF(Input!$D$19=2,J1459*Input!$C$19,0)+IF(Input!$D$20=2,K1459*Input!$C$20,0)+IF(Input!$D$21=2,L1459*Input!$C$21,0)+IF(Input!$D$22=2,M1459*Input!$C$22,0)</f>
        <v>1.2266713290474793</v>
      </c>
      <c r="P1459" s="59">
        <f>IF(Input!$D$19=3,J1459*Input!$C$19,0)+IF(Input!$D$20=3,K1459*Input!$C$20,0)+IF(Input!$D$21=3,L1459*Input!$C$21,0)+IF(Input!$D$22=3,M1459*Input!$C$22,0)</f>
        <v>0</v>
      </c>
      <c r="Q1459" s="75">
        <f>IF(Input!$D$19=4,J1459*Input!$C$19,0)+IF(Input!$D$20=4,K1459*Input!$C$20,0)+IF(Input!$D$21=4,L1459*Input!$C$21,0)+IF(Input!$D$22=4,M1459*Input!$C$22,0)</f>
        <v>0</v>
      </c>
      <c r="R1459" s="58">
        <v>66.036919735917763</v>
      </c>
      <c r="S1459" s="124">
        <f t="shared" si="22"/>
        <v>2.1262303036822976</v>
      </c>
    </row>
    <row r="1460" spans="8:19" x14ac:dyDescent="0.3">
      <c r="H1460" s="44">
        <v>1453</v>
      </c>
      <c r="I1460" s="56">
        <f>Bühler!I1486</f>
        <v>0.49066853161899177</v>
      </c>
      <c r="J1460" s="59">
        <f>Bühler!J1486</f>
        <v>1.635561772063306</v>
      </c>
      <c r="K1460" s="59">
        <f>Bühler!K1486</f>
        <v>2.4533426580949587</v>
      </c>
      <c r="L1460" s="59">
        <f>Bühler!L1486</f>
        <v>11.776044758855802</v>
      </c>
      <c r="M1460" s="58">
        <f>Bühler!M1486</f>
        <v>0</v>
      </c>
      <c r="N1460" s="56">
        <f>IF(Input!$D$19=1,J1460*Input!$C$19,0)+IF(Input!$D$20=1,K1460*Input!$C$20,0)+IF(Input!$D$21=1,L1460*Input!$C$21,0)+IF(Input!$D$22=1,M1460*Input!$C$22,0)</f>
        <v>0.49066853161899177</v>
      </c>
      <c r="O1460" s="59">
        <f>IF(Input!$D$19=2,J1460*Input!$C$19,0)+IF(Input!$D$20=2,K1460*Input!$C$20,0)+IF(Input!$D$21=2,L1460*Input!$C$21,0)+IF(Input!$D$22=2,M1460*Input!$C$22,0)</f>
        <v>1.2266713290474793</v>
      </c>
      <c r="P1460" s="59">
        <f>IF(Input!$D$19=3,J1460*Input!$C$19,0)+IF(Input!$D$20=3,K1460*Input!$C$20,0)+IF(Input!$D$21=3,L1460*Input!$C$21,0)+IF(Input!$D$22=3,M1460*Input!$C$22,0)</f>
        <v>0</v>
      </c>
      <c r="Q1460" s="75">
        <f>IF(Input!$D$19=4,J1460*Input!$C$19,0)+IF(Input!$D$20=4,K1460*Input!$C$20,0)+IF(Input!$D$21=4,L1460*Input!$C$21,0)+IF(Input!$D$22=4,M1460*Input!$C$22,0)</f>
        <v>0</v>
      </c>
      <c r="R1460" s="58">
        <v>64.543214141093941</v>
      </c>
      <c r="S1460" s="124">
        <f t="shared" si="22"/>
        <v>2.1262303036822976</v>
      </c>
    </row>
    <row r="1461" spans="8:19" x14ac:dyDescent="0.3">
      <c r="H1461" s="44">
        <v>1454</v>
      </c>
      <c r="I1461" s="56">
        <f>Bühler!I1487</f>
        <v>0.49066853161899177</v>
      </c>
      <c r="J1461" s="59">
        <f>Bühler!J1487</f>
        <v>1.635561772063306</v>
      </c>
      <c r="K1461" s="59">
        <f>Bühler!K1487</f>
        <v>2.4533426580949587</v>
      </c>
      <c r="L1461" s="59">
        <f>Bühler!L1487</f>
        <v>11.776044758855802</v>
      </c>
      <c r="M1461" s="58">
        <f>Bühler!M1487</f>
        <v>0</v>
      </c>
      <c r="N1461" s="56">
        <f>IF(Input!$D$19=1,J1461*Input!$C$19,0)+IF(Input!$D$20=1,K1461*Input!$C$20,0)+IF(Input!$D$21=1,L1461*Input!$C$21,0)+IF(Input!$D$22=1,M1461*Input!$C$22,0)</f>
        <v>0.49066853161899177</v>
      </c>
      <c r="O1461" s="59">
        <f>IF(Input!$D$19=2,J1461*Input!$C$19,0)+IF(Input!$D$20=2,K1461*Input!$C$20,0)+IF(Input!$D$21=2,L1461*Input!$C$21,0)+IF(Input!$D$22=2,M1461*Input!$C$22,0)</f>
        <v>1.2266713290474793</v>
      </c>
      <c r="P1461" s="59">
        <f>IF(Input!$D$19=3,J1461*Input!$C$19,0)+IF(Input!$D$20=3,K1461*Input!$C$20,0)+IF(Input!$D$21=3,L1461*Input!$C$21,0)+IF(Input!$D$22=3,M1461*Input!$C$22,0)</f>
        <v>0</v>
      </c>
      <c r="Q1461" s="75">
        <f>IF(Input!$D$19=4,J1461*Input!$C$19,0)+IF(Input!$D$20=4,K1461*Input!$C$20,0)+IF(Input!$D$21=4,L1461*Input!$C$21,0)+IF(Input!$D$22=4,M1461*Input!$C$22,0)</f>
        <v>0</v>
      </c>
      <c r="R1461" s="58">
        <v>64.001219742256723</v>
      </c>
      <c r="S1461" s="124">
        <f t="shared" si="22"/>
        <v>2.1262303036822976</v>
      </c>
    </row>
    <row r="1462" spans="8:19" x14ac:dyDescent="0.3">
      <c r="H1462" s="44">
        <v>1455</v>
      </c>
      <c r="I1462" s="56">
        <f>Bühler!I1488</f>
        <v>0.49066853161899177</v>
      </c>
      <c r="J1462" s="59">
        <f>Bühler!J1488</f>
        <v>1.635561772063306</v>
      </c>
      <c r="K1462" s="59">
        <f>Bühler!K1488</f>
        <v>2.4533426580949587</v>
      </c>
      <c r="L1462" s="59">
        <f>Bühler!L1488</f>
        <v>11.776044758855802</v>
      </c>
      <c r="M1462" s="58">
        <f>Bühler!M1488</f>
        <v>0</v>
      </c>
      <c r="N1462" s="56">
        <f>IF(Input!$D$19=1,J1462*Input!$C$19,0)+IF(Input!$D$20=1,K1462*Input!$C$20,0)+IF(Input!$D$21=1,L1462*Input!$C$21,0)+IF(Input!$D$22=1,M1462*Input!$C$22,0)</f>
        <v>0.49066853161899177</v>
      </c>
      <c r="O1462" s="59">
        <f>IF(Input!$D$19=2,J1462*Input!$C$19,0)+IF(Input!$D$20=2,K1462*Input!$C$20,0)+IF(Input!$D$21=2,L1462*Input!$C$21,0)+IF(Input!$D$22=2,M1462*Input!$C$22,0)</f>
        <v>1.2266713290474793</v>
      </c>
      <c r="P1462" s="59">
        <f>IF(Input!$D$19=3,J1462*Input!$C$19,0)+IF(Input!$D$20=3,K1462*Input!$C$20,0)+IF(Input!$D$21=3,L1462*Input!$C$21,0)+IF(Input!$D$22=3,M1462*Input!$C$22,0)</f>
        <v>0</v>
      </c>
      <c r="Q1462" s="75">
        <f>IF(Input!$D$19=4,J1462*Input!$C$19,0)+IF(Input!$D$20=4,K1462*Input!$C$20,0)+IF(Input!$D$21=4,L1462*Input!$C$21,0)+IF(Input!$D$22=4,M1462*Input!$C$22,0)</f>
        <v>0</v>
      </c>
      <c r="R1462" s="58">
        <v>63.951037278974674</v>
      </c>
      <c r="S1462" s="124">
        <f t="shared" si="22"/>
        <v>2.1262303036822976</v>
      </c>
    </row>
    <row r="1463" spans="8:19" x14ac:dyDescent="0.3">
      <c r="H1463" s="44">
        <v>1456</v>
      </c>
      <c r="I1463" s="56">
        <f>Bühler!I1489</f>
        <v>0.4088904430158265</v>
      </c>
      <c r="J1463" s="59">
        <f>Bühler!J1489</f>
        <v>1.3629681433860885</v>
      </c>
      <c r="K1463" s="59">
        <f>Bühler!K1489</f>
        <v>2.0444522150791324</v>
      </c>
      <c r="L1463" s="59">
        <f>Bühler!L1489</f>
        <v>9.8133706323798364</v>
      </c>
      <c r="M1463" s="58">
        <f>Bühler!M1489</f>
        <v>0</v>
      </c>
      <c r="N1463" s="56">
        <f>IF(Input!$D$19=1,J1463*Input!$C$19,0)+IF(Input!$D$20=1,K1463*Input!$C$20,0)+IF(Input!$D$21=1,L1463*Input!$C$21,0)+IF(Input!$D$22=1,M1463*Input!$C$22,0)</f>
        <v>0.40889044301582655</v>
      </c>
      <c r="O1463" s="59">
        <f>IF(Input!$D$19=2,J1463*Input!$C$19,0)+IF(Input!$D$20=2,K1463*Input!$C$20,0)+IF(Input!$D$21=2,L1463*Input!$C$21,0)+IF(Input!$D$22=2,M1463*Input!$C$22,0)</f>
        <v>1.0222261075395662</v>
      </c>
      <c r="P1463" s="59">
        <f>IF(Input!$D$19=3,J1463*Input!$C$19,0)+IF(Input!$D$20=3,K1463*Input!$C$20,0)+IF(Input!$D$21=3,L1463*Input!$C$21,0)+IF(Input!$D$22=3,M1463*Input!$C$22,0)</f>
        <v>0</v>
      </c>
      <c r="Q1463" s="75">
        <f>IF(Input!$D$19=4,J1463*Input!$C$19,0)+IF(Input!$D$20=4,K1463*Input!$C$20,0)+IF(Input!$D$21=4,L1463*Input!$C$21,0)+IF(Input!$D$22=4,M1463*Input!$C$22,0)</f>
        <v>0</v>
      </c>
      <c r="R1463" s="58">
        <v>62.952881390777108</v>
      </c>
      <c r="S1463" s="124">
        <f t="shared" si="22"/>
        <v>1.771858586401915</v>
      </c>
    </row>
    <row r="1464" spans="8:19" x14ac:dyDescent="0.3">
      <c r="H1464" s="44">
        <v>1457</v>
      </c>
      <c r="I1464" s="56">
        <f>Bühler!I1490</f>
        <v>0.38708295272164911</v>
      </c>
      <c r="J1464" s="59">
        <f>Bühler!J1490</f>
        <v>1.2902765090721637</v>
      </c>
      <c r="K1464" s="59">
        <f>Bühler!K1490</f>
        <v>1.9354147636082455</v>
      </c>
      <c r="L1464" s="59">
        <f>Bühler!L1490</f>
        <v>9.2899908653195791</v>
      </c>
      <c r="M1464" s="58">
        <f>Bühler!M1490</f>
        <v>0</v>
      </c>
      <c r="N1464" s="56">
        <f>IF(Input!$D$19=1,J1464*Input!$C$19,0)+IF(Input!$D$20=1,K1464*Input!$C$20,0)+IF(Input!$D$21=1,L1464*Input!$C$21,0)+IF(Input!$D$22=1,M1464*Input!$C$22,0)</f>
        <v>0.38708295272164911</v>
      </c>
      <c r="O1464" s="59">
        <f>IF(Input!$D$19=2,J1464*Input!$C$19,0)+IF(Input!$D$20=2,K1464*Input!$C$20,0)+IF(Input!$D$21=2,L1464*Input!$C$21,0)+IF(Input!$D$22=2,M1464*Input!$C$22,0)</f>
        <v>0.96770738180412275</v>
      </c>
      <c r="P1464" s="59">
        <f>IF(Input!$D$19=3,J1464*Input!$C$19,0)+IF(Input!$D$20=3,K1464*Input!$C$20,0)+IF(Input!$D$21=3,L1464*Input!$C$21,0)+IF(Input!$D$22=3,M1464*Input!$C$22,0)</f>
        <v>0</v>
      </c>
      <c r="Q1464" s="75">
        <f>IF(Input!$D$19=4,J1464*Input!$C$19,0)+IF(Input!$D$20=4,K1464*Input!$C$20,0)+IF(Input!$D$21=4,L1464*Input!$C$21,0)+IF(Input!$D$22=4,M1464*Input!$C$22,0)</f>
        <v>0</v>
      </c>
      <c r="R1464" s="58">
        <v>61.366820768300144</v>
      </c>
      <c r="S1464" s="124">
        <f t="shared" si="22"/>
        <v>1.6773594617938128</v>
      </c>
    </row>
    <row r="1465" spans="8:19" x14ac:dyDescent="0.3">
      <c r="H1465" s="44">
        <v>1458</v>
      </c>
      <c r="I1465" s="56">
        <f>Bühler!I1491</f>
        <v>0.38708295272164911</v>
      </c>
      <c r="J1465" s="59">
        <f>Bühler!J1491</f>
        <v>1.2902765090721637</v>
      </c>
      <c r="K1465" s="59">
        <f>Bühler!K1491</f>
        <v>1.9354147636082455</v>
      </c>
      <c r="L1465" s="59">
        <f>Bühler!L1491</f>
        <v>9.2899908653195791</v>
      </c>
      <c r="M1465" s="58">
        <f>Bühler!M1491</f>
        <v>0</v>
      </c>
      <c r="N1465" s="56">
        <f>IF(Input!$D$19=1,J1465*Input!$C$19,0)+IF(Input!$D$20=1,K1465*Input!$C$20,0)+IF(Input!$D$21=1,L1465*Input!$C$21,0)+IF(Input!$D$22=1,M1465*Input!$C$22,0)</f>
        <v>0.38708295272164911</v>
      </c>
      <c r="O1465" s="59">
        <f>IF(Input!$D$19=2,J1465*Input!$C$19,0)+IF(Input!$D$20=2,K1465*Input!$C$20,0)+IF(Input!$D$21=2,L1465*Input!$C$21,0)+IF(Input!$D$22=2,M1465*Input!$C$22,0)</f>
        <v>0.96770738180412275</v>
      </c>
      <c r="P1465" s="59">
        <f>IF(Input!$D$19=3,J1465*Input!$C$19,0)+IF(Input!$D$20=3,K1465*Input!$C$20,0)+IF(Input!$D$21=3,L1465*Input!$C$21,0)+IF(Input!$D$22=3,M1465*Input!$C$22,0)</f>
        <v>0</v>
      </c>
      <c r="Q1465" s="75">
        <f>IF(Input!$D$19=4,J1465*Input!$C$19,0)+IF(Input!$D$20=4,K1465*Input!$C$20,0)+IF(Input!$D$21=4,L1465*Input!$C$21,0)+IF(Input!$D$22=4,M1465*Input!$C$22,0)</f>
        <v>0</v>
      </c>
      <c r="R1465" s="58">
        <v>60.107727372473633</v>
      </c>
      <c r="S1465" s="124">
        <f t="shared" si="22"/>
        <v>1.6773594617938128</v>
      </c>
    </row>
    <row r="1466" spans="8:19" x14ac:dyDescent="0.3">
      <c r="H1466" s="44">
        <v>1459</v>
      </c>
      <c r="I1466" s="56">
        <f>Bühler!I1492</f>
        <v>0.38708295272164911</v>
      </c>
      <c r="J1466" s="59">
        <f>Bühler!J1492</f>
        <v>1.2902765090721637</v>
      </c>
      <c r="K1466" s="59">
        <f>Bühler!K1492</f>
        <v>1.9354147636082455</v>
      </c>
      <c r="L1466" s="59">
        <f>Bühler!L1492</f>
        <v>9.2899908653195791</v>
      </c>
      <c r="M1466" s="58">
        <f>Bühler!M1492</f>
        <v>0</v>
      </c>
      <c r="N1466" s="56">
        <f>IF(Input!$D$19=1,J1466*Input!$C$19,0)+IF(Input!$D$20=1,K1466*Input!$C$20,0)+IF(Input!$D$21=1,L1466*Input!$C$21,0)+IF(Input!$D$22=1,M1466*Input!$C$22,0)</f>
        <v>0.38708295272164911</v>
      </c>
      <c r="O1466" s="59">
        <f>IF(Input!$D$19=2,J1466*Input!$C$19,0)+IF(Input!$D$20=2,K1466*Input!$C$20,0)+IF(Input!$D$21=2,L1466*Input!$C$21,0)+IF(Input!$D$22=2,M1466*Input!$C$22,0)</f>
        <v>0.96770738180412275</v>
      </c>
      <c r="P1466" s="59">
        <f>IF(Input!$D$19=3,J1466*Input!$C$19,0)+IF(Input!$D$20=3,K1466*Input!$C$20,0)+IF(Input!$D$21=3,L1466*Input!$C$21,0)+IF(Input!$D$22=3,M1466*Input!$C$22,0)</f>
        <v>0</v>
      </c>
      <c r="Q1466" s="75">
        <f>IF(Input!$D$19=4,J1466*Input!$C$19,0)+IF(Input!$D$20=4,K1466*Input!$C$20,0)+IF(Input!$D$21=4,L1466*Input!$C$21,0)+IF(Input!$D$22=4,M1466*Input!$C$22,0)</f>
        <v>0</v>
      </c>
      <c r="R1466" s="58">
        <v>58.192775787983017</v>
      </c>
      <c r="S1466" s="124">
        <f t="shared" si="22"/>
        <v>1.6773594617938128</v>
      </c>
    </row>
    <row r="1467" spans="8:19" x14ac:dyDescent="0.3">
      <c r="H1467" s="44">
        <v>1460</v>
      </c>
      <c r="I1467" s="56">
        <f>Bühler!I1493</f>
        <v>0.38708295272164911</v>
      </c>
      <c r="J1467" s="59">
        <f>Bühler!J1493</f>
        <v>1.2902765090721637</v>
      </c>
      <c r="K1467" s="59">
        <f>Bühler!K1493</f>
        <v>1.9354147636082455</v>
      </c>
      <c r="L1467" s="59">
        <f>Bühler!L1493</f>
        <v>9.2899908653195791</v>
      </c>
      <c r="M1467" s="58">
        <f>Bühler!M1493</f>
        <v>0</v>
      </c>
      <c r="N1467" s="56">
        <f>IF(Input!$D$19=1,J1467*Input!$C$19,0)+IF(Input!$D$20=1,K1467*Input!$C$20,0)+IF(Input!$D$21=1,L1467*Input!$C$21,0)+IF(Input!$D$22=1,M1467*Input!$C$22,0)</f>
        <v>0.38708295272164911</v>
      </c>
      <c r="O1467" s="59">
        <f>IF(Input!$D$19=2,J1467*Input!$C$19,0)+IF(Input!$D$20=2,K1467*Input!$C$20,0)+IF(Input!$D$21=2,L1467*Input!$C$21,0)+IF(Input!$D$22=2,M1467*Input!$C$22,0)</f>
        <v>0.96770738180412275</v>
      </c>
      <c r="P1467" s="59">
        <f>IF(Input!$D$19=3,J1467*Input!$C$19,0)+IF(Input!$D$20=3,K1467*Input!$C$20,0)+IF(Input!$D$21=3,L1467*Input!$C$21,0)+IF(Input!$D$22=3,M1467*Input!$C$22,0)</f>
        <v>0</v>
      </c>
      <c r="Q1467" s="75">
        <f>IF(Input!$D$19=4,J1467*Input!$C$19,0)+IF(Input!$D$20=4,K1467*Input!$C$20,0)+IF(Input!$D$21=4,L1467*Input!$C$21,0)+IF(Input!$D$22=4,M1467*Input!$C$22,0)</f>
        <v>0</v>
      </c>
      <c r="R1467" s="58">
        <v>57.618523649470909</v>
      </c>
      <c r="S1467" s="124">
        <f t="shared" si="22"/>
        <v>1.6773594617938128</v>
      </c>
    </row>
    <row r="1468" spans="8:19" x14ac:dyDescent="0.3">
      <c r="H1468" s="44">
        <v>1461</v>
      </c>
      <c r="I1468" s="56">
        <f>Bühler!I1494</f>
        <v>0.29985299154493944</v>
      </c>
      <c r="J1468" s="59">
        <f>Bühler!J1494</f>
        <v>0.99950997181646484</v>
      </c>
      <c r="K1468" s="59">
        <f>Bühler!K1494</f>
        <v>1.499264957724697</v>
      </c>
      <c r="L1468" s="59">
        <f>Bühler!L1494</f>
        <v>7.1964717970785461</v>
      </c>
      <c r="M1468" s="58">
        <f>Bühler!M1494</f>
        <v>0</v>
      </c>
      <c r="N1468" s="56">
        <f>IF(Input!$D$19=1,J1468*Input!$C$19,0)+IF(Input!$D$20=1,K1468*Input!$C$20,0)+IF(Input!$D$21=1,L1468*Input!$C$21,0)+IF(Input!$D$22=1,M1468*Input!$C$22,0)</f>
        <v>0.29985299154493944</v>
      </c>
      <c r="O1468" s="59">
        <f>IF(Input!$D$19=2,J1468*Input!$C$19,0)+IF(Input!$D$20=2,K1468*Input!$C$20,0)+IF(Input!$D$21=2,L1468*Input!$C$21,0)+IF(Input!$D$22=2,M1468*Input!$C$22,0)</f>
        <v>0.74963247886234852</v>
      </c>
      <c r="P1468" s="59">
        <f>IF(Input!$D$19=3,J1468*Input!$C$19,0)+IF(Input!$D$20=3,K1468*Input!$C$20,0)+IF(Input!$D$21=3,L1468*Input!$C$21,0)+IF(Input!$D$22=3,M1468*Input!$C$22,0)</f>
        <v>0</v>
      </c>
      <c r="Q1468" s="75">
        <f>IF(Input!$D$19=4,J1468*Input!$C$19,0)+IF(Input!$D$20=4,K1468*Input!$C$20,0)+IF(Input!$D$21=4,L1468*Input!$C$21,0)+IF(Input!$D$22=4,M1468*Input!$C$22,0)</f>
        <v>0</v>
      </c>
      <c r="R1468" s="58">
        <v>56.596700663776403</v>
      </c>
      <c r="S1468" s="124">
        <f t="shared" si="22"/>
        <v>1.2993629633614043</v>
      </c>
    </row>
    <row r="1469" spans="8:19" x14ac:dyDescent="0.3">
      <c r="H1469" s="44">
        <v>1462</v>
      </c>
      <c r="I1469" s="56">
        <f>Bühler!I1495</f>
        <v>0.11448932404443141</v>
      </c>
      <c r="J1469" s="59">
        <f>Bühler!J1495</f>
        <v>0.38163108014810471</v>
      </c>
      <c r="K1469" s="59">
        <f>Bühler!K1495</f>
        <v>0.57244662022215698</v>
      </c>
      <c r="L1469" s="59">
        <f>Bühler!L1495</f>
        <v>2.7477437770663538</v>
      </c>
      <c r="M1469" s="58">
        <f>Bühler!M1495</f>
        <v>0</v>
      </c>
      <c r="N1469" s="56">
        <f>IF(Input!$D$19=1,J1469*Input!$C$19,0)+IF(Input!$D$20=1,K1469*Input!$C$20,0)+IF(Input!$D$21=1,L1469*Input!$C$21,0)+IF(Input!$D$22=1,M1469*Input!$C$22,0)</f>
        <v>0.11448932404443141</v>
      </c>
      <c r="O1469" s="59">
        <f>IF(Input!$D$19=2,J1469*Input!$C$19,0)+IF(Input!$D$20=2,K1469*Input!$C$20,0)+IF(Input!$D$21=2,L1469*Input!$C$21,0)+IF(Input!$D$22=2,M1469*Input!$C$22,0)</f>
        <v>0.28622331011107849</v>
      </c>
      <c r="P1469" s="59">
        <f>IF(Input!$D$19=3,J1469*Input!$C$19,0)+IF(Input!$D$20=3,K1469*Input!$C$20,0)+IF(Input!$D$21=3,L1469*Input!$C$21,0)+IF(Input!$D$22=3,M1469*Input!$C$22,0)</f>
        <v>0</v>
      </c>
      <c r="Q1469" s="75">
        <f>IF(Input!$D$19=4,J1469*Input!$C$19,0)+IF(Input!$D$20=4,K1469*Input!$C$20,0)+IF(Input!$D$21=4,L1469*Input!$C$21,0)+IF(Input!$D$22=4,M1469*Input!$C$22,0)</f>
        <v>0</v>
      </c>
      <c r="R1469" s="58">
        <v>54.97337357972912</v>
      </c>
      <c r="S1469" s="124">
        <f t="shared" si="22"/>
        <v>0.49612040419253611</v>
      </c>
    </row>
    <row r="1470" spans="8:19" x14ac:dyDescent="0.3">
      <c r="H1470" s="44">
        <v>1463</v>
      </c>
      <c r="I1470" s="56">
        <f>Bühler!I1496</f>
        <v>0.11448932404443141</v>
      </c>
      <c r="J1470" s="59">
        <f>Bühler!J1496</f>
        <v>0.38163108014810471</v>
      </c>
      <c r="K1470" s="59">
        <f>Bühler!K1496</f>
        <v>0.57244662022215698</v>
      </c>
      <c r="L1470" s="59">
        <f>Bühler!L1496</f>
        <v>2.7477437770663538</v>
      </c>
      <c r="M1470" s="58">
        <f>Bühler!M1496</f>
        <v>0</v>
      </c>
      <c r="N1470" s="56">
        <f>IF(Input!$D$19=1,J1470*Input!$C$19,0)+IF(Input!$D$20=1,K1470*Input!$C$20,0)+IF(Input!$D$21=1,L1470*Input!$C$21,0)+IF(Input!$D$22=1,M1470*Input!$C$22,0)</f>
        <v>0.11448932404443141</v>
      </c>
      <c r="O1470" s="59">
        <f>IF(Input!$D$19=2,J1470*Input!$C$19,0)+IF(Input!$D$20=2,K1470*Input!$C$20,0)+IF(Input!$D$21=2,L1470*Input!$C$21,0)+IF(Input!$D$22=2,M1470*Input!$C$22,0)</f>
        <v>0.28622331011107849</v>
      </c>
      <c r="P1470" s="59">
        <f>IF(Input!$D$19=3,J1470*Input!$C$19,0)+IF(Input!$D$20=3,K1470*Input!$C$20,0)+IF(Input!$D$21=3,L1470*Input!$C$21,0)+IF(Input!$D$22=3,M1470*Input!$C$22,0)</f>
        <v>0</v>
      </c>
      <c r="Q1470" s="75">
        <f>IF(Input!$D$19=4,J1470*Input!$C$19,0)+IF(Input!$D$20=4,K1470*Input!$C$20,0)+IF(Input!$D$21=4,L1470*Input!$C$21,0)+IF(Input!$D$22=4,M1470*Input!$C$22,0)</f>
        <v>0</v>
      </c>
      <c r="R1470" s="58">
        <v>54.276627762115766</v>
      </c>
      <c r="S1470" s="124">
        <f t="shared" si="22"/>
        <v>0.49612040419253611</v>
      </c>
    </row>
    <row r="1471" spans="8:19" x14ac:dyDescent="0.3">
      <c r="H1471" s="44">
        <v>1464</v>
      </c>
      <c r="I1471" s="56">
        <f>Bühler!I1497</f>
        <v>0.11448932404443141</v>
      </c>
      <c r="J1471" s="59">
        <f>Bühler!J1497</f>
        <v>0.38163108014810471</v>
      </c>
      <c r="K1471" s="59">
        <f>Bühler!K1497</f>
        <v>0.57244662022215698</v>
      </c>
      <c r="L1471" s="59">
        <f>Bühler!L1497</f>
        <v>2.7477437770663538</v>
      </c>
      <c r="M1471" s="58">
        <f>Bühler!M1497</f>
        <v>0</v>
      </c>
      <c r="N1471" s="56">
        <f>IF(Input!$D$19=1,J1471*Input!$C$19,0)+IF(Input!$D$20=1,K1471*Input!$C$20,0)+IF(Input!$D$21=1,L1471*Input!$C$21,0)+IF(Input!$D$22=1,M1471*Input!$C$22,0)</f>
        <v>0.11448932404443141</v>
      </c>
      <c r="O1471" s="59">
        <f>IF(Input!$D$19=2,J1471*Input!$C$19,0)+IF(Input!$D$20=2,K1471*Input!$C$20,0)+IF(Input!$D$21=2,L1471*Input!$C$21,0)+IF(Input!$D$22=2,M1471*Input!$C$22,0)</f>
        <v>0.28622331011107849</v>
      </c>
      <c r="P1471" s="59">
        <f>IF(Input!$D$19=3,J1471*Input!$C$19,0)+IF(Input!$D$20=3,K1471*Input!$C$20,0)+IF(Input!$D$21=3,L1471*Input!$C$21,0)+IF(Input!$D$22=3,M1471*Input!$C$22,0)</f>
        <v>0</v>
      </c>
      <c r="Q1471" s="75">
        <f>IF(Input!$D$19=4,J1471*Input!$C$19,0)+IF(Input!$D$20=4,K1471*Input!$C$20,0)+IF(Input!$D$21=4,L1471*Input!$C$21,0)+IF(Input!$D$22=4,M1471*Input!$C$22,0)</f>
        <v>0</v>
      </c>
      <c r="R1471" s="58">
        <v>53.493525230449634</v>
      </c>
      <c r="S1471" s="124">
        <f t="shared" si="22"/>
        <v>0.49612040419253611</v>
      </c>
    </row>
    <row r="1472" spans="8:19" x14ac:dyDescent="0.3">
      <c r="H1472" s="44">
        <v>1465</v>
      </c>
      <c r="I1472" s="56">
        <f>Bühler!I1498</f>
        <v>8.3580094521004275E-2</v>
      </c>
      <c r="J1472" s="59">
        <f>Bühler!J1498</f>
        <v>0.27860031507001426</v>
      </c>
      <c r="K1472" s="59">
        <f>Bühler!K1498</f>
        <v>0.41790047260502144</v>
      </c>
      <c r="L1472" s="59">
        <f>Bühler!L1498</f>
        <v>4.3324883402237706</v>
      </c>
      <c r="M1472" s="58">
        <f>Bühler!M1498</f>
        <v>0</v>
      </c>
      <c r="N1472" s="56">
        <f>IF(Input!$D$19=1,J1472*Input!$C$19,0)+IF(Input!$D$20=1,K1472*Input!$C$20,0)+IF(Input!$D$21=1,L1472*Input!$C$21,0)+IF(Input!$D$22=1,M1472*Input!$C$22,0)</f>
        <v>8.3580094521004275E-2</v>
      </c>
      <c r="O1472" s="59">
        <f>IF(Input!$D$19=2,J1472*Input!$C$19,0)+IF(Input!$D$20=2,K1472*Input!$C$20,0)+IF(Input!$D$21=2,L1472*Input!$C$21,0)+IF(Input!$D$22=2,M1472*Input!$C$22,0)</f>
        <v>0.20895023630251072</v>
      </c>
      <c r="P1472" s="59">
        <f>IF(Input!$D$19=3,J1472*Input!$C$19,0)+IF(Input!$D$20=3,K1472*Input!$C$20,0)+IF(Input!$D$21=3,L1472*Input!$C$21,0)+IF(Input!$D$22=3,M1472*Input!$C$22,0)</f>
        <v>0</v>
      </c>
      <c r="Q1472" s="75">
        <f>IF(Input!$D$19=4,J1472*Input!$C$19,0)+IF(Input!$D$20=4,K1472*Input!$C$20,0)+IF(Input!$D$21=4,L1472*Input!$C$21,0)+IF(Input!$D$22=4,M1472*Input!$C$22,0)</f>
        <v>0</v>
      </c>
      <c r="R1472" s="58">
        <v>52.563688436002622</v>
      </c>
      <c r="S1472" s="124">
        <f t="shared" si="22"/>
        <v>0.36218040959101855</v>
      </c>
    </row>
    <row r="1473" spans="8:19" x14ac:dyDescent="0.3">
      <c r="H1473" s="44">
        <v>1466</v>
      </c>
      <c r="I1473" s="56">
        <f>Bühler!I1499</f>
        <v>0.16318018454100838</v>
      </c>
      <c r="J1473" s="59">
        <f>Bühler!J1499</f>
        <v>0.54393394847002796</v>
      </c>
      <c r="K1473" s="59">
        <f>Bühler!K1499</f>
        <v>0.815900922705042</v>
      </c>
      <c r="L1473" s="59">
        <f>Bühler!L1499</f>
        <v>8.4586677118654592</v>
      </c>
      <c r="M1473" s="58">
        <f>Bühler!M1499</f>
        <v>0</v>
      </c>
      <c r="N1473" s="56">
        <f>IF(Input!$D$19=1,J1473*Input!$C$19,0)+IF(Input!$D$20=1,K1473*Input!$C$20,0)+IF(Input!$D$21=1,L1473*Input!$C$21,0)+IF(Input!$D$22=1,M1473*Input!$C$22,0)</f>
        <v>0.16318018454100838</v>
      </c>
      <c r="O1473" s="59">
        <f>IF(Input!$D$19=2,J1473*Input!$C$19,0)+IF(Input!$D$20=2,K1473*Input!$C$20,0)+IF(Input!$D$21=2,L1473*Input!$C$21,0)+IF(Input!$D$22=2,M1473*Input!$C$22,0)</f>
        <v>0.407950461352521</v>
      </c>
      <c r="P1473" s="59">
        <f>IF(Input!$D$19=3,J1473*Input!$C$19,0)+IF(Input!$D$20=3,K1473*Input!$C$20,0)+IF(Input!$D$21=3,L1473*Input!$C$21,0)+IF(Input!$D$22=3,M1473*Input!$C$22,0)</f>
        <v>0</v>
      </c>
      <c r="Q1473" s="75">
        <f>IF(Input!$D$19=4,J1473*Input!$C$19,0)+IF(Input!$D$20=4,K1473*Input!$C$20,0)+IF(Input!$D$21=4,L1473*Input!$C$21,0)+IF(Input!$D$22=4,M1473*Input!$C$22,0)</f>
        <v>0</v>
      </c>
      <c r="R1473" s="58">
        <v>51.708676181802282</v>
      </c>
      <c r="S1473" s="124">
        <f t="shared" si="22"/>
        <v>0.70711413301103632</v>
      </c>
    </row>
    <row r="1474" spans="8:19" x14ac:dyDescent="0.3">
      <c r="H1474" s="44">
        <v>1467</v>
      </c>
      <c r="I1474" s="56">
        <f>Bühler!I1500</f>
        <v>0.16318018454100838</v>
      </c>
      <c r="J1474" s="59">
        <f>Bühler!J1500</f>
        <v>0.54393394847002796</v>
      </c>
      <c r="K1474" s="59">
        <f>Bühler!K1500</f>
        <v>0.815900922705042</v>
      </c>
      <c r="L1474" s="59">
        <f>Bühler!L1500</f>
        <v>8.4586677118654592</v>
      </c>
      <c r="M1474" s="58">
        <f>Bühler!M1500</f>
        <v>0</v>
      </c>
      <c r="N1474" s="56">
        <f>IF(Input!$D$19=1,J1474*Input!$C$19,0)+IF(Input!$D$20=1,K1474*Input!$C$20,0)+IF(Input!$D$21=1,L1474*Input!$C$21,0)+IF(Input!$D$22=1,M1474*Input!$C$22,0)</f>
        <v>0.16318018454100838</v>
      </c>
      <c r="O1474" s="59">
        <f>IF(Input!$D$19=2,J1474*Input!$C$19,0)+IF(Input!$D$20=2,K1474*Input!$C$20,0)+IF(Input!$D$21=2,L1474*Input!$C$21,0)+IF(Input!$D$22=2,M1474*Input!$C$22,0)</f>
        <v>0.407950461352521</v>
      </c>
      <c r="P1474" s="59">
        <f>IF(Input!$D$19=3,J1474*Input!$C$19,0)+IF(Input!$D$20=3,K1474*Input!$C$20,0)+IF(Input!$D$21=3,L1474*Input!$C$21,0)+IF(Input!$D$22=3,M1474*Input!$C$22,0)</f>
        <v>0</v>
      </c>
      <c r="Q1474" s="75">
        <f>IF(Input!$D$19=4,J1474*Input!$C$19,0)+IF(Input!$D$20=4,K1474*Input!$C$20,0)+IF(Input!$D$21=4,L1474*Input!$C$21,0)+IF(Input!$D$22=4,M1474*Input!$C$22,0)</f>
        <v>0</v>
      </c>
      <c r="R1474" s="58">
        <v>51.331746361910042</v>
      </c>
      <c r="S1474" s="124">
        <f t="shared" si="22"/>
        <v>0.70711413301103632</v>
      </c>
    </row>
    <row r="1475" spans="8:19" x14ac:dyDescent="0.3">
      <c r="H1475" s="44">
        <v>1468</v>
      </c>
      <c r="I1475" s="56">
        <f>Bühler!I1501</f>
        <v>0.16318018454100838</v>
      </c>
      <c r="J1475" s="59">
        <f>Bühler!J1501</f>
        <v>0.54393394847002796</v>
      </c>
      <c r="K1475" s="59">
        <f>Bühler!K1501</f>
        <v>0.815900922705042</v>
      </c>
      <c r="L1475" s="59">
        <f>Bühler!L1501</f>
        <v>8.4586677118654592</v>
      </c>
      <c r="M1475" s="58">
        <f>Bühler!M1501</f>
        <v>0</v>
      </c>
      <c r="N1475" s="56">
        <f>IF(Input!$D$19=1,J1475*Input!$C$19,0)+IF(Input!$D$20=1,K1475*Input!$C$20,0)+IF(Input!$D$21=1,L1475*Input!$C$21,0)+IF(Input!$D$22=1,M1475*Input!$C$22,0)</f>
        <v>0.16318018454100838</v>
      </c>
      <c r="O1475" s="59">
        <f>IF(Input!$D$19=2,J1475*Input!$C$19,0)+IF(Input!$D$20=2,K1475*Input!$C$20,0)+IF(Input!$D$21=2,L1475*Input!$C$21,0)+IF(Input!$D$22=2,M1475*Input!$C$22,0)</f>
        <v>0.407950461352521</v>
      </c>
      <c r="P1475" s="59">
        <f>IF(Input!$D$19=3,J1475*Input!$C$19,0)+IF(Input!$D$20=3,K1475*Input!$C$20,0)+IF(Input!$D$21=3,L1475*Input!$C$21,0)+IF(Input!$D$22=3,M1475*Input!$C$22,0)</f>
        <v>0</v>
      </c>
      <c r="Q1475" s="75">
        <f>IF(Input!$D$19=4,J1475*Input!$C$19,0)+IF(Input!$D$20=4,K1475*Input!$C$20,0)+IF(Input!$D$21=4,L1475*Input!$C$21,0)+IF(Input!$D$22=4,M1475*Input!$C$22,0)</f>
        <v>0</v>
      </c>
      <c r="R1475" s="58">
        <v>50.060194239137104</v>
      </c>
      <c r="S1475" s="124">
        <f t="shared" si="22"/>
        <v>0.70711413301103632</v>
      </c>
    </row>
    <row r="1476" spans="8:19" x14ac:dyDescent="0.3">
      <c r="H1476" s="44">
        <v>1469</v>
      </c>
      <c r="I1476" s="56">
        <f>Bühler!I1502</f>
        <v>0.16318018454100838</v>
      </c>
      <c r="J1476" s="59">
        <f>Bühler!J1502</f>
        <v>0.54393394847002796</v>
      </c>
      <c r="K1476" s="59">
        <f>Bühler!K1502</f>
        <v>0.815900922705042</v>
      </c>
      <c r="L1476" s="59">
        <f>Bühler!L1502</f>
        <v>8.4586677118654592</v>
      </c>
      <c r="M1476" s="58">
        <f>Bühler!M1502</f>
        <v>0</v>
      </c>
      <c r="N1476" s="56">
        <f>IF(Input!$D$19=1,J1476*Input!$C$19,0)+IF(Input!$D$20=1,K1476*Input!$C$20,0)+IF(Input!$D$21=1,L1476*Input!$C$21,0)+IF(Input!$D$22=1,M1476*Input!$C$22,0)</f>
        <v>0.16318018454100838</v>
      </c>
      <c r="O1476" s="59">
        <f>IF(Input!$D$19=2,J1476*Input!$C$19,0)+IF(Input!$D$20=2,K1476*Input!$C$20,0)+IF(Input!$D$21=2,L1476*Input!$C$21,0)+IF(Input!$D$22=2,M1476*Input!$C$22,0)</f>
        <v>0.407950461352521</v>
      </c>
      <c r="P1476" s="59">
        <f>IF(Input!$D$19=3,J1476*Input!$C$19,0)+IF(Input!$D$20=3,K1476*Input!$C$20,0)+IF(Input!$D$21=3,L1476*Input!$C$21,0)+IF(Input!$D$22=3,M1476*Input!$C$22,0)</f>
        <v>0</v>
      </c>
      <c r="Q1476" s="75">
        <f>IF(Input!$D$19=4,J1476*Input!$C$19,0)+IF(Input!$D$20=4,K1476*Input!$C$20,0)+IF(Input!$D$21=4,L1476*Input!$C$21,0)+IF(Input!$D$22=4,M1476*Input!$C$22,0)</f>
        <v>0</v>
      </c>
      <c r="R1476" s="58">
        <v>48.484075586774331</v>
      </c>
      <c r="S1476" s="124">
        <f t="shared" si="22"/>
        <v>0.70711413301103632</v>
      </c>
    </row>
    <row r="1477" spans="8:19" x14ac:dyDescent="0.3">
      <c r="H1477" s="44">
        <v>1470</v>
      </c>
      <c r="I1477" s="56">
        <f>Bühler!I1503</f>
        <v>0.20298022955101039</v>
      </c>
      <c r="J1477" s="59">
        <f>Bühler!J1503</f>
        <v>0.67660076517003476</v>
      </c>
      <c r="K1477" s="59">
        <f>Bühler!K1503</f>
        <v>1.014901147755052</v>
      </c>
      <c r="L1477" s="59">
        <f>Bühler!L1503</f>
        <v>10.521757397686301</v>
      </c>
      <c r="M1477" s="58">
        <f>Bühler!M1503</f>
        <v>0</v>
      </c>
      <c r="N1477" s="56">
        <f>IF(Input!$D$19=1,J1477*Input!$C$19,0)+IF(Input!$D$20=1,K1477*Input!$C$20,0)+IF(Input!$D$21=1,L1477*Input!$C$21,0)+IF(Input!$D$22=1,M1477*Input!$C$22,0)</f>
        <v>0.20298022955101042</v>
      </c>
      <c r="O1477" s="59">
        <f>IF(Input!$D$19=2,J1477*Input!$C$19,0)+IF(Input!$D$20=2,K1477*Input!$C$20,0)+IF(Input!$D$21=2,L1477*Input!$C$21,0)+IF(Input!$D$22=2,M1477*Input!$C$22,0)</f>
        <v>0.50745057387752601</v>
      </c>
      <c r="P1477" s="59">
        <f>IF(Input!$D$19=3,J1477*Input!$C$19,0)+IF(Input!$D$20=3,K1477*Input!$C$20,0)+IF(Input!$D$21=3,L1477*Input!$C$21,0)+IF(Input!$D$22=3,M1477*Input!$C$22,0)</f>
        <v>0</v>
      </c>
      <c r="Q1477" s="75">
        <f>IF(Input!$D$19=4,J1477*Input!$C$19,0)+IF(Input!$D$20=4,K1477*Input!$C$20,0)+IF(Input!$D$21=4,L1477*Input!$C$21,0)+IF(Input!$D$22=4,M1477*Input!$C$22,0)</f>
        <v>0</v>
      </c>
      <c r="R1477" s="58">
        <v>47.813673887370555</v>
      </c>
      <c r="S1477" s="124">
        <f t="shared" si="22"/>
        <v>0.87958099472104512</v>
      </c>
    </row>
    <row r="1478" spans="8:19" x14ac:dyDescent="0.3">
      <c r="H1478" s="44">
        <v>1471</v>
      </c>
      <c r="I1478" s="56">
        <f>Bühler!I1504</f>
        <v>0.25472028806401303</v>
      </c>
      <c r="J1478" s="59">
        <f>Bühler!J1504</f>
        <v>0.84906762688004356</v>
      </c>
      <c r="K1478" s="59">
        <f>Bühler!K1504</f>
        <v>1.2736014403200653</v>
      </c>
      <c r="L1478" s="59">
        <f>Bühler!L1504</f>
        <v>13.203773989253399</v>
      </c>
      <c r="M1478" s="58">
        <f>Bühler!M1504</f>
        <v>0</v>
      </c>
      <c r="N1478" s="56">
        <f>IF(Input!$D$19=1,J1478*Input!$C$19,0)+IF(Input!$D$20=1,K1478*Input!$C$20,0)+IF(Input!$D$21=1,L1478*Input!$C$21,0)+IF(Input!$D$22=1,M1478*Input!$C$22,0)</f>
        <v>0.25472028806401303</v>
      </c>
      <c r="O1478" s="59">
        <f>IF(Input!$D$19=2,J1478*Input!$C$19,0)+IF(Input!$D$20=2,K1478*Input!$C$20,0)+IF(Input!$D$21=2,L1478*Input!$C$21,0)+IF(Input!$D$22=2,M1478*Input!$C$22,0)</f>
        <v>0.63680072016003264</v>
      </c>
      <c r="P1478" s="59">
        <f>IF(Input!$D$19=3,J1478*Input!$C$19,0)+IF(Input!$D$20=3,K1478*Input!$C$20,0)+IF(Input!$D$21=3,L1478*Input!$C$21,0)+IF(Input!$D$22=3,M1478*Input!$C$22,0)</f>
        <v>0</v>
      </c>
      <c r="Q1478" s="75">
        <f>IF(Input!$D$19=4,J1478*Input!$C$19,0)+IF(Input!$D$20=4,K1478*Input!$C$20,0)+IF(Input!$D$21=4,L1478*Input!$C$21,0)+IF(Input!$D$22=4,M1478*Input!$C$22,0)</f>
        <v>0</v>
      </c>
      <c r="R1478" s="58">
        <v>48.792340463815208</v>
      </c>
      <c r="S1478" s="124">
        <f t="shared" si="22"/>
        <v>1.1037879149440566</v>
      </c>
    </row>
    <row r="1479" spans="8:19" x14ac:dyDescent="0.3">
      <c r="H1479" s="44">
        <v>1472</v>
      </c>
      <c r="I1479" s="56">
        <f>Bühler!I1505</f>
        <v>0.29054032857301487</v>
      </c>
      <c r="J1479" s="59">
        <f>Bühler!J1505</f>
        <v>0.96846776191004957</v>
      </c>
      <c r="K1479" s="59">
        <f>Bühler!K1505</f>
        <v>1.4527016428650745</v>
      </c>
      <c r="L1479" s="59">
        <f>Bühler!L1505</f>
        <v>15.060554706492155</v>
      </c>
      <c r="M1479" s="58">
        <f>Bühler!M1505</f>
        <v>0</v>
      </c>
      <c r="N1479" s="56">
        <f>IF(Input!$D$19=1,J1479*Input!$C$19,0)+IF(Input!$D$20=1,K1479*Input!$C$20,0)+IF(Input!$D$21=1,L1479*Input!$C$21,0)+IF(Input!$D$22=1,M1479*Input!$C$22,0)</f>
        <v>0.29054032857301487</v>
      </c>
      <c r="O1479" s="59">
        <f>IF(Input!$D$19=2,J1479*Input!$C$19,0)+IF(Input!$D$20=2,K1479*Input!$C$20,0)+IF(Input!$D$21=2,L1479*Input!$C$21,0)+IF(Input!$D$22=2,M1479*Input!$C$22,0)</f>
        <v>0.72635082143253726</v>
      </c>
      <c r="P1479" s="59">
        <f>IF(Input!$D$19=3,J1479*Input!$C$19,0)+IF(Input!$D$20=3,K1479*Input!$C$20,0)+IF(Input!$D$21=3,L1479*Input!$C$21,0)+IF(Input!$D$22=3,M1479*Input!$C$22,0)</f>
        <v>0</v>
      </c>
      <c r="Q1479" s="75">
        <f>IF(Input!$D$19=4,J1479*Input!$C$19,0)+IF(Input!$D$20=4,K1479*Input!$C$20,0)+IF(Input!$D$21=4,L1479*Input!$C$21,0)+IF(Input!$D$22=4,M1479*Input!$C$22,0)</f>
        <v>0</v>
      </c>
      <c r="R1479" s="58">
        <v>47.976365713572129</v>
      </c>
      <c r="S1479" s="124">
        <f t="shared" si="22"/>
        <v>1.2590080904830645</v>
      </c>
    </row>
    <row r="1480" spans="8:19" x14ac:dyDescent="0.3">
      <c r="H1480" s="44">
        <v>1473</v>
      </c>
      <c r="I1480" s="56">
        <f>Bühler!I1506</f>
        <v>0.29054032857301487</v>
      </c>
      <c r="J1480" s="59">
        <f>Bühler!J1506</f>
        <v>0.96846776191004957</v>
      </c>
      <c r="K1480" s="59">
        <f>Bühler!K1506</f>
        <v>1.4527016428650745</v>
      </c>
      <c r="L1480" s="59">
        <f>Bühler!L1506</f>
        <v>15.060554706492155</v>
      </c>
      <c r="M1480" s="58">
        <f>Bühler!M1506</f>
        <v>0</v>
      </c>
      <c r="N1480" s="56">
        <f>IF(Input!$D$19=1,J1480*Input!$C$19,0)+IF(Input!$D$20=1,K1480*Input!$C$20,0)+IF(Input!$D$21=1,L1480*Input!$C$21,0)+IF(Input!$D$22=1,M1480*Input!$C$22,0)</f>
        <v>0.29054032857301487</v>
      </c>
      <c r="O1480" s="59">
        <f>IF(Input!$D$19=2,J1480*Input!$C$19,0)+IF(Input!$D$20=2,K1480*Input!$C$20,0)+IF(Input!$D$21=2,L1480*Input!$C$21,0)+IF(Input!$D$22=2,M1480*Input!$C$22,0)</f>
        <v>0.72635082143253726</v>
      </c>
      <c r="P1480" s="59">
        <f>IF(Input!$D$19=3,J1480*Input!$C$19,0)+IF(Input!$D$20=3,K1480*Input!$C$20,0)+IF(Input!$D$21=3,L1480*Input!$C$21,0)+IF(Input!$D$22=3,M1480*Input!$C$22,0)</f>
        <v>0</v>
      </c>
      <c r="Q1480" s="75">
        <f>IF(Input!$D$19=4,J1480*Input!$C$19,0)+IF(Input!$D$20=4,K1480*Input!$C$20,0)+IF(Input!$D$21=4,L1480*Input!$C$21,0)+IF(Input!$D$22=4,M1480*Input!$C$22,0)</f>
        <v>0</v>
      </c>
      <c r="R1480" s="58">
        <v>46.973445019966306</v>
      </c>
      <c r="S1480" s="124">
        <f t="shared" si="22"/>
        <v>1.2590080904830645</v>
      </c>
    </row>
    <row r="1481" spans="8:19" x14ac:dyDescent="0.3">
      <c r="H1481" s="44">
        <v>1474</v>
      </c>
      <c r="I1481" s="56">
        <f>Bühler!I1507</f>
        <v>0.29054032857301487</v>
      </c>
      <c r="J1481" s="59">
        <f>Bühler!J1507</f>
        <v>0.96846776191004957</v>
      </c>
      <c r="K1481" s="59">
        <f>Bühler!K1507</f>
        <v>1.4527016428650745</v>
      </c>
      <c r="L1481" s="59">
        <f>Bühler!L1507</f>
        <v>15.060554706492155</v>
      </c>
      <c r="M1481" s="58">
        <f>Bühler!M1507</f>
        <v>0</v>
      </c>
      <c r="N1481" s="56">
        <f>IF(Input!$D$19=1,J1481*Input!$C$19,0)+IF(Input!$D$20=1,K1481*Input!$C$20,0)+IF(Input!$D$21=1,L1481*Input!$C$21,0)+IF(Input!$D$22=1,M1481*Input!$C$22,0)</f>
        <v>0.29054032857301487</v>
      </c>
      <c r="O1481" s="59">
        <f>IF(Input!$D$19=2,J1481*Input!$C$19,0)+IF(Input!$D$20=2,K1481*Input!$C$20,0)+IF(Input!$D$21=2,L1481*Input!$C$21,0)+IF(Input!$D$22=2,M1481*Input!$C$22,0)</f>
        <v>0.72635082143253726</v>
      </c>
      <c r="P1481" s="59">
        <f>IF(Input!$D$19=3,J1481*Input!$C$19,0)+IF(Input!$D$20=3,K1481*Input!$C$20,0)+IF(Input!$D$21=3,L1481*Input!$C$21,0)+IF(Input!$D$22=3,M1481*Input!$C$22,0)</f>
        <v>0</v>
      </c>
      <c r="Q1481" s="75">
        <f>IF(Input!$D$19=4,J1481*Input!$C$19,0)+IF(Input!$D$20=4,K1481*Input!$C$20,0)+IF(Input!$D$21=4,L1481*Input!$C$21,0)+IF(Input!$D$22=4,M1481*Input!$C$22,0)</f>
        <v>0</v>
      </c>
      <c r="R1481" s="58">
        <v>46.311690803362843</v>
      </c>
      <c r="S1481" s="124">
        <f t="shared" ref="S1481:S1544" si="23">I1481+J1481</f>
        <v>1.2590080904830645</v>
      </c>
    </row>
    <row r="1482" spans="8:19" x14ac:dyDescent="0.3">
      <c r="H1482" s="44">
        <v>1475</v>
      </c>
      <c r="I1482" s="56">
        <f>Bühler!I1508</f>
        <v>0.29054032857301487</v>
      </c>
      <c r="J1482" s="59">
        <f>Bühler!J1508</f>
        <v>0.96846776191004957</v>
      </c>
      <c r="K1482" s="59">
        <f>Bühler!K1508</f>
        <v>1.4527016428650745</v>
      </c>
      <c r="L1482" s="59">
        <f>Bühler!L1508</f>
        <v>15.060554706492155</v>
      </c>
      <c r="M1482" s="58">
        <f>Bühler!M1508</f>
        <v>0</v>
      </c>
      <c r="N1482" s="56">
        <f>IF(Input!$D$19=1,J1482*Input!$C$19,0)+IF(Input!$D$20=1,K1482*Input!$C$20,0)+IF(Input!$D$21=1,L1482*Input!$C$21,0)+IF(Input!$D$22=1,M1482*Input!$C$22,0)</f>
        <v>0.29054032857301487</v>
      </c>
      <c r="O1482" s="59">
        <f>IF(Input!$D$19=2,J1482*Input!$C$19,0)+IF(Input!$D$20=2,K1482*Input!$C$20,0)+IF(Input!$D$21=2,L1482*Input!$C$21,0)+IF(Input!$D$22=2,M1482*Input!$C$22,0)</f>
        <v>0.72635082143253726</v>
      </c>
      <c r="P1482" s="59">
        <f>IF(Input!$D$19=3,J1482*Input!$C$19,0)+IF(Input!$D$20=3,K1482*Input!$C$20,0)+IF(Input!$D$21=3,L1482*Input!$C$21,0)+IF(Input!$D$22=3,M1482*Input!$C$22,0)</f>
        <v>0</v>
      </c>
      <c r="Q1482" s="75">
        <f>IF(Input!$D$19=4,J1482*Input!$C$19,0)+IF(Input!$D$20=4,K1482*Input!$C$20,0)+IF(Input!$D$21=4,L1482*Input!$C$21,0)+IF(Input!$D$22=4,M1482*Input!$C$22,0)</f>
        <v>0</v>
      </c>
      <c r="R1482" s="58">
        <v>46.510133439273609</v>
      </c>
      <c r="S1482" s="124">
        <f t="shared" si="23"/>
        <v>1.2590080904830645</v>
      </c>
    </row>
    <row r="1483" spans="8:19" x14ac:dyDescent="0.3">
      <c r="H1483" s="44">
        <v>1476</v>
      </c>
      <c r="I1483" s="56">
        <f>Bühler!I1509</f>
        <v>0.29054032857301487</v>
      </c>
      <c r="J1483" s="59">
        <f>Bühler!J1509</f>
        <v>0.96846776191004957</v>
      </c>
      <c r="K1483" s="59">
        <f>Bühler!K1509</f>
        <v>1.4527016428650745</v>
      </c>
      <c r="L1483" s="59">
        <f>Bühler!L1509</f>
        <v>15.060554706492155</v>
      </c>
      <c r="M1483" s="58">
        <f>Bühler!M1509</f>
        <v>0</v>
      </c>
      <c r="N1483" s="56">
        <f>IF(Input!$D$19=1,J1483*Input!$C$19,0)+IF(Input!$D$20=1,K1483*Input!$C$20,0)+IF(Input!$D$21=1,L1483*Input!$C$21,0)+IF(Input!$D$22=1,M1483*Input!$C$22,0)</f>
        <v>0.29054032857301487</v>
      </c>
      <c r="O1483" s="59">
        <f>IF(Input!$D$19=2,J1483*Input!$C$19,0)+IF(Input!$D$20=2,K1483*Input!$C$20,0)+IF(Input!$D$21=2,L1483*Input!$C$21,0)+IF(Input!$D$22=2,M1483*Input!$C$22,0)</f>
        <v>0.72635082143253726</v>
      </c>
      <c r="P1483" s="59">
        <f>IF(Input!$D$19=3,J1483*Input!$C$19,0)+IF(Input!$D$20=3,K1483*Input!$C$20,0)+IF(Input!$D$21=3,L1483*Input!$C$21,0)+IF(Input!$D$22=3,M1483*Input!$C$22,0)</f>
        <v>0</v>
      </c>
      <c r="Q1483" s="75">
        <f>IF(Input!$D$19=4,J1483*Input!$C$19,0)+IF(Input!$D$20=4,K1483*Input!$C$20,0)+IF(Input!$D$21=4,L1483*Input!$C$21,0)+IF(Input!$D$22=4,M1483*Input!$C$22,0)</f>
        <v>0</v>
      </c>
      <c r="R1483" s="58">
        <v>46.311559626660845</v>
      </c>
      <c r="S1483" s="124">
        <f t="shared" si="23"/>
        <v>1.2590080904830645</v>
      </c>
    </row>
    <row r="1484" spans="8:19" x14ac:dyDescent="0.3">
      <c r="H1484" s="44">
        <v>1477</v>
      </c>
      <c r="I1484" s="56">
        <f>Bühler!I1510</f>
        <v>0.29054032857301487</v>
      </c>
      <c r="J1484" s="59">
        <f>Bühler!J1510</f>
        <v>0.96846776191004957</v>
      </c>
      <c r="K1484" s="59">
        <f>Bühler!K1510</f>
        <v>1.4527016428650745</v>
      </c>
      <c r="L1484" s="59">
        <f>Bühler!L1510</f>
        <v>15.060554706492155</v>
      </c>
      <c r="M1484" s="58">
        <f>Bühler!M1510</f>
        <v>0</v>
      </c>
      <c r="N1484" s="56">
        <f>IF(Input!$D$19=1,J1484*Input!$C$19,0)+IF(Input!$D$20=1,K1484*Input!$C$20,0)+IF(Input!$D$21=1,L1484*Input!$C$21,0)+IF(Input!$D$22=1,M1484*Input!$C$22,0)</f>
        <v>0.29054032857301487</v>
      </c>
      <c r="O1484" s="59">
        <f>IF(Input!$D$19=2,J1484*Input!$C$19,0)+IF(Input!$D$20=2,K1484*Input!$C$20,0)+IF(Input!$D$21=2,L1484*Input!$C$21,0)+IF(Input!$D$22=2,M1484*Input!$C$22,0)</f>
        <v>0.72635082143253726</v>
      </c>
      <c r="P1484" s="59">
        <f>IF(Input!$D$19=3,J1484*Input!$C$19,0)+IF(Input!$D$20=3,K1484*Input!$C$20,0)+IF(Input!$D$21=3,L1484*Input!$C$21,0)+IF(Input!$D$22=3,M1484*Input!$C$22,0)</f>
        <v>0</v>
      </c>
      <c r="Q1484" s="75">
        <f>IF(Input!$D$19=4,J1484*Input!$C$19,0)+IF(Input!$D$20=4,K1484*Input!$C$20,0)+IF(Input!$D$21=4,L1484*Input!$C$21,0)+IF(Input!$D$22=4,M1484*Input!$C$22,0)</f>
        <v>0</v>
      </c>
      <c r="R1484" s="58">
        <v>45.311941004476274</v>
      </c>
      <c r="S1484" s="124">
        <f t="shared" si="23"/>
        <v>1.2590080904830645</v>
      </c>
    </row>
    <row r="1485" spans="8:19" x14ac:dyDescent="0.3">
      <c r="H1485" s="44">
        <v>1478</v>
      </c>
      <c r="I1485" s="56">
        <f>Bühler!I1511</f>
        <v>0.29054032857301487</v>
      </c>
      <c r="J1485" s="59">
        <f>Bühler!J1511</f>
        <v>0.96846776191004957</v>
      </c>
      <c r="K1485" s="59">
        <f>Bühler!K1511</f>
        <v>1.4527016428650745</v>
      </c>
      <c r="L1485" s="59">
        <f>Bühler!L1511</f>
        <v>15.060554706492155</v>
      </c>
      <c r="M1485" s="58">
        <f>Bühler!M1511</f>
        <v>0</v>
      </c>
      <c r="N1485" s="56">
        <f>IF(Input!$D$19=1,J1485*Input!$C$19,0)+IF(Input!$D$20=1,K1485*Input!$C$20,0)+IF(Input!$D$21=1,L1485*Input!$C$21,0)+IF(Input!$D$22=1,M1485*Input!$C$22,0)</f>
        <v>0.29054032857301487</v>
      </c>
      <c r="O1485" s="59">
        <f>IF(Input!$D$19=2,J1485*Input!$C$19,0)+IF(Input!$D$20=2,K1485*Input!$C$20,0)+IF(Input!$D$21=2,L1485*Input!$C$21,0)+IF(Input!$D$22=2,M1485*Input!$C$22,0)</f>
        <v>0.72635082143253726</v>
      </c>
      <c r="P1485" s="59">
        <f>IF(Input!$D$19=3,J1485*Input!$C$19,0)+IF(Input!$D$20=3,K1485*Input!$C$20,0)+IF(Input!$D$21=3,L1485*Input!$C$21,0)+IF(Input!$D$22=3,M1485*Input!$C$22,0)</f>
        <v>0</v>
      </c>
      <c r="Q1485" s="75">
        <f>IF(Input!$D$19=4,J1485*Input!$C$19,0)+IF(Input!$D$20=4,K1485*Input!$C$20,0)+IF(Input!$D$21=4,L1485*Input!$C$21,0)+IF(Input!$D$22=4,M1485*Input!$C$22,0)</f>
        <v>0</v>
      </c>
      <c r="R1485" s="58">
        <v>44.640718058109364</v>
      </c>
      <c r="S1485" s="124">
        <f t="shared" si="23"/>
        <v>1.2590080904830645</v>
      </c>
    </row>
    <row r="1486" spans="8:19" x14ac:dyDescent="0.3">
      <c r="H1486" s="44">
        <v>1479</v>
      </c>
      <c r="I1486" s="56">
        <f>Bühler!I1512</f>
        <v>0.29054032857301487</v>
      </c>
      <c r="J1486" s="59">
        <f>Bühler!J1512</f>
        <v>0.96846776191004957</v>
      </c>
      <c r="K1486" s="59">
        <f>Bühler!K1512</f>
        <v>1.4527016428650745</v>
      </c>
      <c r="L1486" s="59">
        <f>Bühler!L1512</f>
        <v>15.060554706492155</v>
      </c>
      <c r="M1486" s="58">
        <f>Bühler!M1512</f>
        <v>0</v>
      </c>
      <c r="N1486" s="56">
        <f>IF(Input!$D$19=1,J1486*Input!$C$19,0)+IF(Input!$D$20=1,K1486*Input!$C$20,0)+IF(Input!$D$21=1,L1486*Input!$C$21,0)+IF(Input!$D$22=1,M1486*Input!$C$22,0)</f>
        <v>0.29054032857301487</v>
      </c>
      <c r="O1486" s="59">
        <f>IF(Input!$D$19=2,J1486*Input!$C$19,0)+IF(Input!$D$20=2,K1486*Input!$C$20,0)+IF(Input!$D$21=2,L1486*Input!$C$21,0)+IF(Input!$D$22=2,M1486*Input!$C$22,0)</f>
        <v>0.72635082143253726</v>
      </c>
      <c r="P1486" s="59">
        <f>IF(Input!$D$19=3,J1486*Input!$C$19,0)+IF(Input!$D$20=3,K1486*Input!$C$20,0)+IF(Input!$D$21=3,L1486*Input!$C$21,0)+IF(Input!$D$22=3,M1486*Input!$C$22,0)</f>
        <v>0</v>
      </c>
      <c r="Q1486" s="75">
        <f>IF(Input!$D$19=4,J1486*Input!$C$19,0)+IF(Input!$D$20=4,K1486*Input!$C$20,0)+IF(Input!$D$21=4,L1486*Input!$C$21,0)+IF(Input!$D$22=4,M1486*Input!$C$22,0)</f>
        <v>0</v>
      </c>
      <c r="R1486" s="58">
        <v>44.618359785571215</v>
      </c>
      <c r="S1486" s="124">
        <f t="shared" si="23"/>
        <v>1.2590080904830645</v>
      </c>
    </row>
    <row r="1487" spans="8:19" x14ac:dyDescent="0.3">
      <c r="H1487" s="44">
        <v>1480</v>
      </c>
      <c r="I1487" s="56">
        <f>Bühler!I1513</f>
        <v>0.26268029706601342</v>
      </c>
      <c r="J1487" s="59">
        <f>Bühler!J1513</f>
        <v>0.87560099022004489</v>
      </c>
      <c r="K1487" s="59">
        <f>Bühler!K1513</f>
        <v>1.3134014853300673</v>
      </c>
      <c r="L1487" s="59">
        <f>Bühler!L1513</f>
        <v>13.616391926417565</v>
      </c>
      <c r="M1487" s="58">
        <f>Bühler!M1513</f>
        <v>0</v>
      </c>
      <c r="N1487" s="56">
        <f>IF(Input!$D$19=1,J1487*Input!$C$19,0)+IF(Input!$D$20=1,K1487*Input!$C$20,0)+IF(Input!$D$21=1,L1487*Input!$C$21,0)+IF(Input!$D$22=1,M1487*Input!$C$22,0)</f>
        <v>0.26268029706601348</v>
      </c>
      <c r="O1487" s="59">
        <f>IF(Input!$D$19=2,J1487*Input!$C$19,0)+IF(Input!$D$20=2,K1487*Input!$C$20,0)+IF(Input!$D$21=2,L1487*Input!$C$21,0)+IF(Input!$D$22=2,M1487*Input!$C$22,0)</f>
        <v>0.65670074266503364</v>
      </c>
      <c r="P1487" s="59">
        <f>IF(Input!$D$19=3,J1487*Input!$C$19,0)+IF(Input!$D$20=3,K1487*Input!$C$20,0)+IF(Input!$D$21=3,L1487*Input!$C$21,0)+IF(Input!$D$22=3,M1487*Input!$C$22,0)</f>
        <v>0</v>
      </c>
      <c r="Q1487" s="75">
        <f>IF(Input!$D$19=4,J1487*Input!$C$19,0)+IF(Input!$D$20=4,K1487*Input!$C$20,0)+IF(Input!$D$21=4,L1487*Input!$C$21,0)+IF(Input!$D$22=4,M1487*Input!$C$22,0)</f>
        <v>0</v>
      </c>
      <c r="R1487" s="58">
        <v>43.927563541411047</v>
      </c>
      <c r="S1487" s="124">
        <f t="shared" si="23"/>
        <v>1.1382812872860584</v>
      </c>
    </row>
    <row r="1488" spans="8:19" x14ac:dyDescent="0.3">
      <c r="H1488" s="44">
        <v>1481</v>
      </c>
      <c r="I1488" s="56">
        <f>Bühler!I1514</f>
        <v>0.2388002700600122</v>
      </c>
      <c r="J1488" s="59">
        <f>Bühler!J1514</f>
        <v>0.79600090020004077</v>
      </c>
      <c r="K1488" s="59">
        <f>Bühler!K1514</f>
        <v>1.1940013503000613</v>
      </c>
      <c r="L1488" s="59">
        <f>Bühler!L1514</f>
        <v>12.37853811492506</v>
      </c>
      <c r="M1488" s="58">
        <f>Bühler!M1514</f>
        <v>0</v>
      </c>
      <c r="N1488" s="56">
        <f>IF(Input!$D$19=1,J1488*Input!$C$19,0)+IF(Input!$D$20=1,K1488*Input!$C$20,0)+IF(Input!$D$21=1,L1488*Input!$C$21,0)+IF(Input!$D$22=1,M1488*Input!$C$22,0)</f>
        <v>0.23880027006001223</v>
      </c>
      <c r="O1488" s="59">
        <f>IF(Input!$D$19=2,J1488*Input!$C$19,0)+IF(Input!$D$20=2,K1488*Input!$C$20,0)+IF(Input!$D$21=2,L1488*Input!$C$21,0)+IF(Input!$D$22=2,M1488*Input!$C$22,0)</f>
        <v>0.59700067515003064</v>
      </c>
      <c r="P1488" s="59">
        <f>IF(Input!$D$19=3,J1488*Input!$C$19,0)+IF(Input!$D$20=3,K1488*Input!$C$20,0)+IF(Input!$D$21=3,L1488*Input!$C$21,0)+IF(Input!$D$22=3,M1488*Input!$C$22,0)</f>
        <v>0</v>
      </c>
      <c r="Q1488" s="75">
        <f>IF(Input!$D$19=4,J1488*Input!$C$19,0)+IF(Input!$D$20=4,K1488*Input!$C$20,0)+IF(Input!$D$21=4,L1488*Input!$C$21,0)+IF(Input!$D$22=4,M1488*Input!$C$22,0)</f>
        <v>0</v>
      </c>
      <c r="R1488" s="58">
        <v>43.113984001645179</v>
      </c>
      <c r="S1488" s="124">
        <f t="shared" si="23"/>
        <v>1.034801170260053</v>
      </c>
    </row>
    <row r="1489" spans="8:19" x14ac:dyDescent="0.3">
      <c r="H1489" s="44">
        <v>1482</v>
      </c>
      <c r="I1489" s="56">
        <f>Bühler!I1515</f>
        <v>0.214920243054011</v>
      </c>
      <c r="J1489" s="59">
        <f>Bühler!J1515</f>
        <v>0.71640081018003676</v>
      </c>
      <c r="K1489" s="59">
        <f>Bühler!K1515</f>
        <v>1.0746012152700553</v>
      </c>
      <c r="L1489" s="59">
        <f>Bühler!L1515</f>
        <v>11.140684303432554</v>
      </c>
      <c r="M1489" s="58">
        <f>Bühler!M1515</f>
        <v>0</v>
      </c>
      <c r="N1489" s="56">
        <f>IF(Input!$D$19=1,J1489*Input!$C$19,0)+IF(Input!$D$20=1,K1489*Input!$C$20,0)+IF(Input!$D$21=1,L1489*Input!$C$21,0)+IF(Input!$D$22=1,M1489*Input!$C$22,0)</f>
        <v>0.21492024305401103</v>
      </c>
      <c r="O1489" s="59">
        <f>IF(Input!$D$19=2,J1489*Input!$C$19,0)+IF(Input!$D$20=2,K1489*Input!$C$20,0)+IF(Input!$D$21=2,L1489*Input!$C$21,0)+IF(Input!$D$22=2,M1489*Input!$C$22,0)</f>
        <v>0.53730060763502763</v>
      </c>
      <c r="P1489" s="59">
        <f>IF(Input!$D$19=3,J1489*Input!$C$19,0)+IF(Input!$D$20=3,K1489*Input!$C$20,0)+IF(Input!$D$21=3,L1489*Input!$C$21,0)+IF(Input!$D$22=3,M1489*Input!$C$22,0)</f>
        <v>0</v>
      </c>
      <c r="Q1489" s="75">
        <f>IF(Input!$D$19=4,J1489*Input!$C$19,0)+IF(Input!$D$20=4,K1489*Input!$C$20,0)+IF(Input!$D$21=4,L1489*Input!$C$21,0)+IF(Input!$D$22=4,M1489*Input!$C$22,0)</f>
        <v>0</v>
      </c>
      <c r="R1489" s="58">
        <v>42.931713444643997</v>
      </c>
      <c r="S1489" s="124">
        <f t="shared" si="23"/>
        <v>0.93132105323404779</v>
      </c>
    </row>
    <row r="1490" spans="8:19" x14ac:dyDescent="0.3">
      <c r="H1490" s="44">
        <v>1483</v>
      </c>
      <c r="I1490" s="56">
        <f>Bühler!I1516</f>
        <v>0.20696023405201058</v>
      </c>
      <c r="J1490" s="59">
        <f>Bühler!J1516</f>
        <v>0.68986744684003531</v>
      </c>
      <c r="K1490" s="59">
        <f>Bühler!K1516</f>
        <v>1.034801170260053</v>
      </c>
      <c r="L1490" s="59">
        <f>Bühler!L1516</f>
        <v>10.728066366268385</v>
      </c>
      <c r="M1490" s="58">
        <f>Bühler!M1516</f>
        <v>0</v>
      </c>
      <c r="N1490" s="56">
        <f>IF(Input!$D$19=1,J1490*Input!$C$19,0)+IF(Input!$D$20=1,K1490*Input!$C$20,0)+IF(Input!$D$21=1,L1490*Input!$C$21,0)+IF(Input!$D$22=1,M1490*Input!$C$22,0)</f>
        <v>0.20696023405201058</v>
      </c>
      <c r="O1490" s="59">
        <f>IF(Input!$D$19=2,J1490*Input!$C$19,0)+IF(Input!$D$20=2,K1490*Input!$C$20,0)+IF(Input!$D$21=2,L1490*Input!$C$21,0)+IF(Input!$D$22=2,M1490*Input!$C$22,0)</f>
        <v>0.51740058513002651</v>
      </c>
      <c r="P1490" s="59">
        <f>IF(Input!$D$19=3,J1490*Input!$C$19,0)+IF(Input!$D$20=3,K1490*Input!$C$20,0)+IF(Input!$D$21=3,L1490*Input!$C$21,0)+IF(Input!$D$22=3,M1490*Input!$C$22,0)</f>
        <v>0</v>
      </c>
      <c r="Q1490" s="75">
        <f>IF(Input!$D$19=4,J1490*Input!$C$19,0)+IF(Input!$D$20=4,K1490*Input!$C$20,0)+IF(Input!$D$21=4,L1490*Input!$C$21,0)+IF(Input!$D$22=4,M1490*Input!$C$22,0)</f>
        <v>0</v>
      </c>
      <c r="R1490" s="58">
        <v>42.330468463427898</v>
      </c>
      <c r="S1490" s="124">
        <f t="shared" si="23"/>
        <v>0.8968276808920459</v>
      </c>
    </row>
    <row r="1491" spans="8:19" x14ac:dyDescent="0.3">
      <c r="H1491" s="44">
        <v>1484</v>
      </c>
      <c r="I1491" s="56">
        <f>Bühler!I1517</f>
        <v>0.16716018904200855</v>
      </c>
      <c r="J1491" s="59">
        <f>Bühler!J1517</f>
        <v>0.55720063014002852</v>
      </c>
      <c r="K1491" s="59">
        <f>Bühler!K1517</f>
        <v>0.83580094521004289</v>
      </c>
      <c r="L1491" s="59">
        <f>Bühler!L1517</f>
        <v>8.6649766804475412</v>
      </c>
      <c r="M1491" s="58">
        <f>Bühler!M1517</f>
        <v>0</v>
      </c>
      <c r="N1491" s="56">
        <f>IF(Input!$D$19=1,J1491*Input!$C$19,0)+IF(Input!$D$20=1,K1491*Input!$C$20,0)+IF(Input!$D$21=1,L1491*Input!$C$21,0)+IF(Input!$D$22=1,M1491*Input!$C$22,0)</f>
        <v>0.16716018904200855</v>
      </c>
      <c r="O1491" s="59">
        <f>IF(Input!$D$19=2,J1491*Input!$C$19,0)+IF(Input!$D$20=2,K1491*Input!$C$20,0)+IF(Input!$D$21=2,L1491*Input!$C$21,0)+IF(Input!$D$22=2,M1491*Input!$C$22,0)</f>
        <v>0.41790047260502144</v>
      </c>
      <c r="P1491" s="59">
        <f>IF(Input!$D$19=3,J1491*Input!$C$19,0)+IF(Input!$D$20=3,K1491*Input!$C$20,0)+IF(Input!$D$21=3,L1491*Input!$C$21,0)+IF(Input!$D$22=3,M1491*Input!$C$22,0)</f>
        <v>0</v>
      </c>
      <c r="Q1491" s="75">
        <f>IF(Input!$D$19=4,J1491*Input!$C$19,0)+IF(Input!$D$20=4,K1491*Input!$C$20,0)+IF(Input!$D$21=4,L1491*Input!$C$21,0)+IF(Input!$D$22=4,M1491*Input!$C$22,0)</f>
        <v>0</v>
      </c>
      <c r="R1491" s="58">
        <v>42.191533173383732</v>
      </c>
      <c r="S1491" s="124">
        <f t="shared" si="23"/>
        <v>0.7243608191820371</v>
      </c>
    </row>
    <row r="1492" spans="8:19" x14ac:dyDescent="0.3">
      <c r="H1492" s="44">
        <v>1485</v>
      </c>
      <c r="I1492" s="56">
        <f>Bühler!I1518</f>
        <v>0.12338013953100631</v>
      </c>
      <c r="J1492" s="59">
        <f>Bühler!J1518</f>
        <v>0.41126713177002105</v>
      </c>
      <c r="K1492" s="59">
        <f>Bühler!K1518</f>
        <v>0.61690069765503164</v>
      </c>
      <c r="L1492" s="59">
        <f>Bühler!L1518</f>
        <v>6.395578026044614</v>
      </c>
      <c r="M1492" s="58">
        <f>Bühler!M1518</f>
        <v>0</v>
      </c>
      <c r="N1492" s="56">
        <f>IF(Input!$D$19=1,J1492*Input!$C$19,0)+IF(Input!$D$20=1,K1492*Input!$C$20,0)+IF(Input!$D$21=1,L1492*Input!$C$21,0)+IF(Input!$D$22=1,M1492*Input!$C$22,0)</f>
        <v>0.12338013953100631</v>
      </c>
      <c r="O1492" s="59">
        <f>IF(Input!$D$19=2,J1492*Input!$C$19,0)+IF(Input!$D$20=2,K1492*Input!$C$20,0)+IF(Input!$D$21=2,L1492*Input!$C$21,0)+IF(Input!$D$22=2,M1492*Input!$C$22,0)</f>
        <v>0.30845034882751582</v>
      </c>
      <c r="P1492" s="59">
        <f>IF(Input!$D$19=3,J1492*Input!$C$19,0)+IF(Input!$D$20=3,K1492*Input!$C$20,0)+IF(Input!$D$21=3,L1492*Input!$C$21,0)+IF(Input!$D$22=3,M1492*Input!$C$22,0)</f>
        <v>0</v>
      </c>
      <c r="Q1492" s="75">
        <f>IF(Input!$D$19=4,J1492*Input!$C$19,0)+IF(Input!$D$20=4,K1492*Input!$C$20,0)+IF(Input!$D$21=4,L1492*Input!$C$21,0)+IF(Input!$D$22=4,M1492*Input!$C$22,0)</f>
        <v>0</v>
      </c>
      <c r="R1492" s="58">
        <v>42.138100418957521</v>
      </c>
      <c r="S1492" s="124">
        <f t="shared" si="23"/>
        <v>0.5346472713010274</v>
      </c>
    </row>
    <row r="1493" spans="8:19" x14ac:dyDescent="0.3">
      <c r="H1493" s="44">
        <v>1486</v>
      </c>
      <c r="I1493" s="56">
        <f>Bühler!I1519</f>
        <v>0.12338013953100631</v>
      </c>
      <c r="J1493" s="59">
        <f>Bühler!J1519</f>
        <v>0.41126713177002105</v>
      </c>
      <c r="K1493" s="59">
        <f>Bühler!K1519</f>
        <v>0.61690069765503164</v>
      </c>
      <c r="L1493" s="59">
        <f>Bühler!L1519</f>
        <v>6.395578026044614</v>
      </c>
      <c r="M1493" s="58">
        <f>Bühler!M1519</f>
        <v>0</v>
      </c>
      <c r="N1493" s="56">
        <f>IF(Input!$D$19=1,J1493*Input!$C$19,0)+IF(Input!$D$20=1,K1493*Input!$C$20,0)+IF(Input!$D$21=1,L1493*Input!$C$21,0)+IF(Input!$D$22=1,M1493*Input!$C$22,0)</f>
        <v>0.12338013953100631</v>
      </c>
      <c r="O1493" s="59">
        <f>IF(Input!$D$19=2,J1493*Input!$C$19,0)+IF(Input!$D$20=2,K1493*Input!$C$20,0)+IF(Input!$D$21=2,L1493*Input!$C$21,0)+IF(Input!$D$22=2,M1493*Input!$C$22,0)</f>
        <v>0.30845034882751582</v>
      </c>
      <c r="P1493" s="59">
        <f>IF(Input!$D$19=3,J1493*Input!$C$19,0)+IF(Input!$D$20=3,K1493*Input!$C$20,0)+IF(Input!$D$21=3,L1493*Input!$C$21,0)+IF(Input!$D$22=3,M1493*Input!$C$22,0)</f>
        <v>0</v>
      </c>
      <c r="Q1493" s="75">
        <f>IF(Input!$D$19=4,J1493*Input!$C$19,0)+IF(Input!$D$20=4,K1493*Input!$C$20,0)+IF(Input!$D$21=4,L1493*Input!$C$21,0)+IF(Input!$D$22=4,M1493*Input!$C$22,0)</f>
        <v>0</v>
      </c>
      <c r="R1493" s="58">
        <v>42.218791507690341</v>
      </c>
      <c r="S1493" s="124">
        <f t="shared" si="23"/>
        <v>0.5346472713010274</v>
      </c>
    </row>
    <row r="1494" spans="8:19" x14ac:dyDescent="0.3">
      <c r="H1494" s="44">
        <v>1487</v>
      </c>
      <c r="I1494" s="56">
        <f>Bühler!I1520</f>
        <v>0.12338013953100631</v>
      </c>
      <c r="J1494" s="59">
        <f>Bühler!J1520</f>
        <v>0.41126713177002105</v>
      </c>
      <c r="K1494" s="59">
        <f>Bühler!K1520</f>
        <v>0.61690069765503164</v>
      </c>
      <c r="L1494" s="59">
        <f>Bühler!L1520</f>
        <v>6.395578026044614</v>
      </c>
      <c r="M1494" s="58">
        <f>Bühler!M1520</f>
        <v>0</v>
      </c>
      <c r="N1494" s="56">
        <f>IF(Input!$D$19=1,J1494*Input!$C$19,0)+IF(Input!$D$20=1,K1494*Input!$C$20,0)+IF(Input!$D$21=1,L1494*Input!$C$21,0)+IF(Input!$D$22=1,M1494*Input!$C$22,0)</f>
        <v>0.12338013953100631</v>
      </c>
      <c r="O1494" s="59">
        <f>IF(Input!$D$19=2,J1494*Input!$C$19,0)+IF(Input!$D$20=2,K1494*Input!$C$20,0)+IF(Input!$D$21=2,L1494*Input!$C$21,0)+IF(Input!$D$22=2,M1494*Input!$C$22,0)</f>
        <v>0.30845034882751582</v>
      </c>
      <c r="P1494" s="59">
        <f>IF(Input!$D$19=3,J1494*Input!$C$19,0)+IF(Input!$D$20=3,K1494*Input!$C$20,0)+IF(Input!$D$21=3,L1494*Input!$C$21,0)+IF(Input!$D$22=3,M1494*Input!$C$22,0)</f>
        <v>0</v>
      </c>
      <c r="Q1494" s="75">
        <f>IF(Input!$D$19=4,J1494*Input!$C$19,0)+IF(Input!$D$20=4,K1494*Input!$C$20,0)+IF(Input!$D$21=4,L1494*Input!$C$21,0)+IF(Input!$D$22=4,M1494*Input!$C$22,0)</f>
        <v>0</v>
      </c>
      <c r="R1494" s="58">
        <v>42.075362238778169</v>
      </c>
      <c r="S1494" s="124">
        <f t="shared" si="23"/>
        <v>0.5346472713010274</v>
      </c>
    </row>
    <row r="1495" spans="8:19" x14ac:dyDescent="0.3">
      <c r="H1495" s="44">
        <v>1488</v>
      </c>
      <c r="I1495" s="56">
        <f>Bühler!I1521</f>
        <v>0.12338013953100631</v>
      </c>
      <c r="J1495" s="59">
        <f>Bühler!J1521</f>
        <v>0.41126713177002105</v>
      </c>
      <c r="K1495" s="59">
        <f>Bühler!K1521</f>
        <v>0.61690069765503164</v>
      </c>
      <c r="L1495" s="59">
        <f>Bühler!L1521</f>
        <v>6.395578026044614</v>
      </c>
      <c r="M1495" s="58">
        <f>Bühler!M1521</f>
        <v>0</v>
      </c>
      <c r="N1495" s="56">
        <f>IF(Input!$D$19=1,J1495*Input!$C$19,0)+IF(Input!$D$20=1,K1495*Input!$C$20,0)+IF(Input!$D$21=1,L1495*Input!$C$21,0)+IF(Input!$D$22=1,M1495*Input!$C$22,0)</f>
        <v>0.12338013953100631</v>
      </c>
      <c r="O1495" s="59">
        <f>IF(Input!$D$19=2,J1495*Input!$C$19,0)+IF(Input!$D$20=2,K1495*Input!$C$20,0)+IF(Input!$D$21=2,L1495*Input!$C$21,0)+IF(Input!$D$22=2,M1495*Input!$C$22,0)</f>
        <v>0.30845034882751582</v>
      </c>
      <c r="P1495" s="59">
        <f>IF(Input!$D$19=3,J1495*Input!$C$19,0)+IF(Input!$D$20=3,K1495*Input!$C$20,0)+IF(Input!$D$21=3,L1495*Input!$C$21,0)+IF(Input!$D$22=3,M1495*Input!$C$22,0)</f>
        <v>0</v>
      </c>
      <c r="Q1495" s="75">
        <f>IF(Input!$D$19=4,J1495*Input!$C$19,0)+IF(Input!$D$20=4,K1495*Input!$C$20,0)+IF(Input!$D$21=4,L1495*Input!$C$21,0)+IF(Input!$D$22=4,M1495*Input!$C$22,0)</f>
        <v>0</v>
      </c>
      <c r="R1495" s="58">
        <v>41.805477511153931</v>
      </c>
      <c r="S1495" s="124">
        <f t="shared" si="23"/>
        <v>0.5346472713010274</v>
      </c>
    </row>
    <row r="1496" spans="8:19" x14ac:dyDescent="0.3">
      <c r="H1496" s="44">
        <v>1489</v>
      </c>
      <c r="I1496" s="56">
        <f>Bühler!I1522</f>
        <v>0.15432349266077</v>
      </c>
      <c r="J1496" s="59">
        <f>Bühler!J1522</f>
        <v>0.51441164220256674</v>
      </c>
      <c r="K1496" s="59">
        <f>Bühler!K1522</f>
        <v>0.77161746330385017</v>
      </c>
      <c r="L1496" s="59">
        <f>Bühler!L1522</f>
        <v>7.5867511471462095</v>
      </c>
      <c r="M1496" s="58">
        <f>Bühler!M1522</f>
        <v>0</v>
      </c>
      <c r="N1496" s="56">
        <f>IF(Input!$D$19=1,J1496*Input!$C$19,0)+IF(Input!$D$20=1,K1496*Input!$C$20,0)+IF(Input!$D$21=1,L1496*Input!$C$21,0)+IF(Input!$D$22=1,M1496*Input!$C$22,0)</f>
        <v>0.15432349266077003</v>
      </c>
      <c r="O1496" s="59">
        <f>IF(Input!$D$19=2,J1496*Input!$C$19,0)+IF(Input!$D$20=2,K1496*Input!$C$20,0)+IF(Input!$D$21=2,L1496*Input!$C$21,0)+IF(Input!$D$22=2,M1496*Input!$C$22,0)</f>
        <v>0.38580873165192509</v>
      </c>
      <c r="P1496" s="59">
        <f>IF(Input!$D$19=3,J1496*Input!$C$19,0)+IF(Input!$D$20=3,K1496*Input!$C$20,0)+IF(Input!$D$21=3,L1496*Input!$C$21,0)+IF(Input!$D$22=3,M1496*Input!$C$22,0)</f>
        <v>0</v>
      </c>
      <c r="Q1496" s="75">
        <f>IF(Input!$D$19=4,J1496*Input!$C$19,0)+IF(Input!$D$20=4,K1496*Input!$C$20,0)+IF(Input!$D$21=4,L1496*Input!$C$21,0)+IF(Input!$D$22=4,M1496*Input!$C$22,0)</f>
        <v>0</v>
      </c>
      <c r="R1496" s="58">
        <v>41.42474313540135</v>
      </c>
      <c r="S1496" s="124">
        <f t="shared" si="23"/>
        <v>0.6687351348633368</v>
      </c>
    </row>
    <row r="1497" spans="8:19" x14ac:dyDescent="0.3">
      <c r="H1497" s="44">
        <v>1490</v>
      </c>
      <c r="I1497" s="56">
        <f>Bühler!I1523</f>
        <v>0.17921437857379741</v>
      </c>
      <c r="J1497" s="59">
        <f>Bühler!J1523</f>
        <v>0.59738126191265817</v>
      </c>
      <c r="K1497" s="59">
        <f>Bühler!K1523</f>
        <v>0.89607189286898714</v>
      </c>
      <c r="L1497" s="59">
        <f>Bühler!L1523</f>
        <v>8.8104206870085022</v>
      </c>
      <c r="M1497" s="58">
        <f>Bühler!M1523</f>
        <v>0</v>
      </c>
      <c r="N1497" s="56">
        <f>IF(Input!$D$19=1,J1497*Input!$C$19,0)+IF(Input!$D$20=1,K1497*Input!$C$20,0)+IF(Input!$D$21=1,L1497*Input!$C$21,0)+IF(Input!$D$22=1,M1497*Input!$C$22,0)</f>
        <v>0.17921437857379743</v>
      </c>
      <c r="O1497" s="59">
        <f>IF(Input!$D$19=2,J1497*Input!$C$19,0)+IF(Input!$D$20=2,K1497*Input!$C$20,0)+IF(Input!$D$21=2,L1497*Input!$C$21,0)+IF(Input!$D$22=2,M1497*Input!$C$22,0)</f>
        <v>0.44803594643449357</v>
      </c>
      <c r="P1497" s="59">
        <f>IF(Input!$D$19=3,J1497*Input!$C$19,0)+IF(Input!$D$20=3,K1497*Input!$C$20,0)+IF(Input!$D$21=3,L1497*Input!$C$21,0)+IF(Input!$D$22=3,M1497*Input!$C$22,0)</f>
        <v>0</v>
      </c>
      <c r="Q1497" s="75">
        <f>IF(Input!$D$19=4,J1497*Input!$C$19,0)+IF(Input!$D$20=4,K1497*Input!$C$20,0)+IF(Input!$D$21=4,L1497*Input!$C$21,0)+IF(Input!$D$22=4,M1497*Input!$C$22,0)</f>
        <v>0</v>
      </c>
      <c r="R1497" s="58">
        <v>41.43749651958376</v>
      </c>
      <c r="S1497" s="124">
        <f t="shared" si="23"/>
        <v>0.77659564048645557</v>
      </c>
    </row>
    <row r="1498" spans="8:19" x14ac:dyDescent="0.3">
      <c r="H1498" s="44">
        <v>1491</v>
      </c>
      <c r="I1498" s="56">
        <f>Bühler!I1524</f>
        <v>0.17921437857379741</v>
      </c>
      <c r="J1498" s="59">
        <f>Bühler!J1524</f>
        <v>0.59738126191265817</v>
      </c>
      <c r="K1498" s="59">
        <f>Bühler!K1524</f>
        <v>0.89607189286898714</v>
      </c>
      <c r="L1498" s="59">
        <f>Bühler!L1524</f>
        <v>8.8104206870085022</v>
      </c>
      <c r="M1498" s="58">
        <f>Bühler!M1524</f>
        <v>0</v>
      </c>
      <c r="N1498" s="56">
        <f>IF(Input!$D$19=1,J1498*Input!$C$19,0)+IF(Input!$D$20=1,K1498*Input!$C$20,0)+IF(Input!$D$21=1,L1498*Input!$C$21,0)+IF(Input!$D$22=1,M1498*Input!$C$22,0)</f>
        <v>0.17921437857379743</v>
      </c>
      <c r="O1498" s="59">
        <f>IF(Input!$D$19=2,J1498*Input!$C$19,0)+IF(Input!$D$20=2,K1498*Input!$C$20,0)+IF(Input!$D$21=2,L1498*Input!$C$21,0)+IF(Input!$D$22=2,M1498*Input!$C$22,0)</f>
        <v>0.44803594643449357</v>
      </c>
      <c r="P1498" s="59">
        <f>IF(Input!$D$19=3,J1498*Input!$C$19,0)+IF(Input!$D$20=3,K1498*Input!$C$20,0)+IF(Input!$D$21=3,L1498*Input!$C$21,0)+IF(Input!$D$22=3,M1498*Input!$C$22,0)</f>
        <v>0</v>
      </c>
      <c r="Q1498" s="75">
        <f>IF(Input!$D$19=4,J1498*Input!$C$19,0)+IF(Input!$D$20=4,K1498*Input!$C$20,0)+IF(Input!$D$21=4,L1498*Input!$C$21,0)+IF(Input!$D$22=4,M1498*Input!$C$22,0)</f>
        <v>0</v>
      </c>
      <c r="R1498" s="58">
        <v>41.930055503318613</v>
      </c>
      <c r="S1498" s="124">
        <f t="shared" si="23"/>
        <v>0.77659564048645557</v>
      </c>
    </row>
    <row r="1499" spans="8:19" x14ac:dyDescent="0.3">
      <c r="H1499" s="44">
        <v>1492</v>
      </c>
      <c r="I1499" s="56">
        <f>Bühler!I1525</f>
        <v>0.17921437857379741</v>
      </c>
      <c r="J1499" s="59">
        <f>Bühler!J1525</f>
        <v>0.59738126191265817</v>
      </c>
      <c r="K1499" s="59">
        <f>Bühler!K1525</f>
        <v>0.89607189286898714</v>
      </c>
      <c r="L1499" s="59">
        <f>Bühler!L1525</f>
        <v>8.8104206870085022</v>
      </c>
      <c r="M1499" s="58">
        <f>Bühler!M1525</f>
        <v>0</v>
      </c>
      <c r="N1499" s="56">
        <f>IF(Input!$D$19=1,J1499*Input!$C$19,0)+IF(Input!$D$20=1,K1499*Input!$C$20,0)+IF(Input!$D$21=1,L1499*Input!$C$21,0)+IF(Input!$D$22=1,M1499*Input!$C$22,0)</f>
        <v>0.17921437857379743</v>
      </c>
      <c r="O1499" s="59">
        <f>IF(Input!$D$19=2,J1499*Input!$C$19,0)+IF(Input!$D$20=2,K1499*Input!$C$20,0)+IF(Input!$D$21=2,L1499*Input!$C$21,0)+IF(Input!$D$22=2,M1499*Input!$C$22,0)</f>
        <v>0.44803594643449357</v>
      </c>
      <c r="P1499" s="59">
        <f>IF(Input!$D$19=3,J1499*Input!$C$19,0)+IF(Input!$D$20=3,K1499*Input!$C$20,0)+IF(Input!$D$21=3,L1499*Input!$C$21,0)+IF(Input!$D$22=3,M1499*Input!$C$22,0)</f>
        <v>0</v>
      </c>
      <c r="Q1499" s="75">
        <f>IF(Input!$D$19=4,J1499*Input!$C$19,0)+IF(Input!$D$20=4,K1499*Input!$C$20,0)+IF(Input!$D$21=4,L1499*Input!$C$21,0)+IF(Input!$D$22=4,M1499*Input!$C$22,0)</f>
        <v>0</v>
      </c>
      <c r="R1499" s="58">
        <v>41.668921701366443</v>
      </c>
      <c r="S1499" s="124">
        <f t="shared" si="23"/>
        <v>0.77659564048645557</v>
      </c>
    </row>
    <row r="1500" spans="8:19" x14ac:dyDescent="0.3">
      <c r="H1500" s="44">
        <v>1493</v>
      </c>
      <c r="I1500" s="56">
        <f>Bühler!I1526</f>
        <v>0.17921437857379741</v>
      </c>
      <c r="J1500" s="59">
        <f>Bühler!J1526</f>
        <v>0.59738126191265817</v>
      </c>
      <c r="K1500" s="59">
        <f>Bühler!K1526</f>
        <v>0.89607189286898714</v>
      </c>
      <c r="L1500" s="59">
        <f>Bühler!L1526</f>
        <v>8.8104206870085022</v>
      </c>
      <c r="M1500" s="58">
        <f>Bühler!M1526</f>
        <v>0</v>
      </c>
      <c r="N1500" s="56">
        <f>IF(Input!$D$19=1,J1500*Input!$C$19,0)+IF(Input!$D$20=1,K1500*Input!$C$20,0)+IF(Input!$D$21=1,L1500*Input!$C$21,0)+IF(Input!$D$22=1,M1500*Input!$C$22,0)</f>
        <v>0.17921437857379743</v>
      </c>
      <c r="O1500" s="59">
        <f>IF(Input!$D$19=2,J1500*Input!$C$19,0)+IF(Input!$D$20=2,K1500*Input!$C$20,0)+IF(Input!$D$21=2,L1500*Input!$C$21,0)+IF(Input!$D$22=2,M1500*Input!$C$22,0)</f>
        <v>0.44803594643449357</v>
      </c>
      <c r="P1500" s="59">
        <f>IF(Input!$D$19=3,J1500*Input!$C$19,0)+IF(Input!$D$20=3,K1500*Input!$C$20,0)+IF(Input!$D$21=3,L1500*Input!$C$21,0)+IF(Input!$D$22=3,M1500*Input!$C$22,0)</f>
        <v>0</v>
      </c>
      <c r="Q1500" s="75">
        <f>IF(Input!$D$19=4,J1500*Input!$C$19,0)+IF(Input!$D$20=4,K1500*Input!$C$20,0)+IF(Input!$D$21=4,L1500*Input!$C$21,0)+IF(Input!$D$22=4,M1500*Input!$C$22,0)</f>
        <v>0</v>
      </c>
      <c r="R1500" s="58">
        <v>41.241541984829141</v>
      </c>
      <c r="S1500" s="124">
        <f t="shared" si="23"/>
        <v>0.77659564048645557</v>
      </c>
    </row>
    <row r="1501" spans="8:19" x14ac:dyDescent="0.3">
      <c r="H1501" s="44">
        <v>1494</v>
      </c>
      <c r="I1501" s="56">
        <f>Bühler!I1527</f>
        <v>0.22401797321724679</v>
      </c>
      <c r="J1501" s="59">
        <f>Bühler!J1527</f>
        <v>0.74672657739082271</v>
      </c>
      <c r="K1501" s="59">
        <f>Bühler!K1527</f>
        <v>1.1200898660862342</v>
      </c>
      <c r="L1501" s="59">
        <f>Bühler!L1527</f>
        <v>11.013025858760628</v>
      </c>
      <c r="M1501" s="58">
        <f>Bühler!M1527</f>
        <v>0</v>
      </c>
      <c r="N1501" s="56">
        <f>IF(Input!$D$19=1,J1501*Input!$C$19,0)+IF(Input!$D$20=1,K1501*Input!$C$20,0)+IF(Input!$D$21=1,L1501*Input!$C$21,0)+IF(Input!$D$22=1,M1501*Input!$C$22,0)</f>
        <v>0.22401797321724681</v>
      </c>
      <c r="O1501" s="59">
        <f>IF(Input!$D$19=2,J1501*Input!$C$19,0)+IF(Input!$D$20=2,K1501*Input!$C$20,0)+IF(Input!$D$21=2,L1501*Input!$C$21,0)+IF(Input!$D$22=2,M1501*Input!$C$22,0)</f>
        <v>0.56004493304311709</v>
      </c>
      <c r="P1501" s="59">
        <f>IF(Input!$D$19=3,J1501*Input!$C$19,0)+IF(Input!$D$20=3,K1501*Input!$C$20,0)+IF(Input!$D$21=3,L1501*Input!$C$21,0)+IF(Input!$D$22=3,M1501*Input!$C$22,0)</f>
        <v>0</v>
      </c>
      <c r="Q1501" s="75">
        <f>IF(Input!$D$19=4,J1501*Input!$C$19,0)+IF(Input!$D$20=4,K1501*Input!$C$20,0)+IF(Input!$D$21=4,L1501*Input!$C$21,0)+IF(Input!$D$22=4,M1501*Input!$C$22,0)</f>
        <v>0</v>
      </c>
      <c r="R1501" s="58">
        <v>41.721019564171627</v>
      </c>
      <c r="S1501" s="124">
        <f t="shared" si="23"/>
        <v>0.97074455060806952</v>
      </c>
    </row>
    <row r="1502" spans="8:19" x14ac:dyDescent="0.3">
      <c r="H1502" s="44">
        <v>1495</v>
      </c>
      <c r="I1502" s="56">
        <f>Bühler!I1528</f>
        <v>0.26384339067809065</v>
      </c>
      <c r="J1502" s="59">
        <f>Bühler!J1528</f>
        <v>0.87947796892696894</v>
      </c>
      <c r="K1502" s="59">
        <f>Bühler!K1528</f>
        <v>1.3192169533904534</v>
      </c>
      <c r="L1502" s="59">
        <f>Bühler!L1528</f>
        <v>12.970897122540295</v>
      </c>
      <c r="M1502" s="58">
        <f>Bühler!M1528</f>
        <v>0</v>
      </c>
      <c r="N1502" s="56">
        <f>IF(Input!$D$19=1,J1502*Input!$C$19,0)+IF(Input!$D$20=1,K1502*Input!$C$20,0)+IF(Input!$D$21=1,L1502*Input!$C$21,0)+IF(Input!$D$22=1,M1502*Input!$C$22,0)</f>
        <v>0.26384339067809065</v>
      </c>
      <c r="O1502" s="59">
        <f>IF(Input!$D$19=2,J1502*Input!$C$19,0)+IF(Input!$D$20=2,K1502*Input!$C$20,0)+IF(Input!$D$21=2,L1502*Input!$C$21,0)+IF(Input!$D$22=2,M1502*Input!$C$22,0)</f>
        <v>0.65960847669522671</v>
      </c>
      <c r="P1502" s="59">
        <f>IF(Input!$D$19=3,J1502*Input!$C$19,0)+IF(Input!$D$20=3,K1502*Input!$C$20,0)+IF(Input!$D$21=3,L1502*Input!$C$21,0)+IF(Input!$D$22=3,M1502*Input!$C$22,0)</f>
        <v>0</v>
      </c>
      <c r="Q1502" s="75">
        <f>IF(Input!$D$19=4,J1502*Input!$C$19,0)+IF(Input!$D$20=4,K1502*Input!$C$20,0)+IF(Input!$D$21=4,L1502*Input!$C$21,0)+IF(Input!$D$22=4,M1502*Input!$C$22,0)</f>
        <v>0</v>
      </c>
      <c r="R1502" s="58">
        <v>42.030444005599811</v>
      </c>
      <c r="S1502" s="124">
        <f t="shared" si="23"/>
        <v>1.1433213596050595</v>
      </c>
    </row>
    <row r="1503" spans="8:19" x14ac:dyDescent="0.3">
      <c r="H1503" s="44">
        <v>1496</v>
      </c>
      <c r="I1503" s="56">
        <f>Bühler!I1529</f>
        <v>0.31362516250414552</v>
      </c>
      <c r="J1503" s="59">
        <f>Bühler!J1529</f>
        <v>1.045417208347152</v>
      </c>
      <c r="K1503" s="59">
        <f>Bühler!K1529</f>
        <v>1.5681258125207278</v>
      </c>
      <c r="L1503" s="59">
        <f>Bühler!L1529</f>
        <v>15.418236202264881</v>
      </c>
      <c r="M1503" s="58">
        <f>Bühler!M1529</f>
        <v>0</v>
      </c>
      <c r="N1503" s="56">
        <f>IF(Input!$D$19=1,J1503*Input!$C$19,0)+IF(Input!$D$20=1,K1503*Input!$C$20,0)+IF(Input!$D$21=1,L1503*Input!$C$21,0)+IF(Input!$D$22=1,M1503*Input!$C$22,0)</f>
        <v>0.31362516250414557</v>
      </c>
      <c r="O1503" s="59">
        <f>IF(Input!$D$19=2,J1503*Input!$C$19,0)+IF(Input!$D$20=2,K1503*Input!$C$20,0)+IF(Input!$D$21=2,L1503*Input!$C$21,0)+IF(Input!$D$22=2,M1503*Input!$C$22,0)</f>
        <v>0.7840629062603639</v>
      </c>
      <c r="P1503" s="59">
        <f>IF(Input!$D$19=3,J1503*Input!$C$19,0)+IF(Input!$D$20=3,K1503*Input!$C$20,0)+IF(Input!$D$21=3,L1503*Input!$C$21,0)+IF(Input!$D$22=3,M1503*Input!$C$22,0)</f>
        <v>0</v>
      </c>
      <c r="Q1503" s="75">
        <f>IF(Input!$D$19=4,J1503*Input!$C$19,0)+IF(Input!$D$20=4,K1503*Input!$C$20,0)+IF(Input!$D$21=4,L1503*Input!$C$21,0)+IF(Input!$D$22=4,M1503*Input!$C$22,0)</f>
        <v>0</v>
      </c>
      <c r="R1503" s="58">
        <v>41.527083616833245</v>
      </c>
      <c r="S1503" s="124">
        <f t="shared" si="23"/>
        <v>1.3590423708512975</v>
      </c>
    </row>
    <row r="1504" spans="8:19" x14ac:dyDescent="0.3">
      <c r="H1504" s="44">
        <v>1497</v>
      </c>
      <c r="I1504" s="56">
        <f>Bühler!I1530</f>
        <v>0.31362516250414552</v>
      </c>
      <c r="J1504" s="59">
        <f>Bühler!J1530</f>
        <v>1.045417208347152</v>
      </c>
      <c r="K1504" s="59">
        <f>Bühler!K1530</f>
        <v>1.5681258125207278</v>
      </c>
      <c r="L1504" s="59">
        <f>Bühler!L1530</f>
        <v>15.418236202264881</v>
      </c>
      <c r="M1504" s="58">
        <f>Bühler!M1530</f>
        <v>0</v>
      </c>
      <c r="N1504" s="56">
        <f>IF(Input!$D$19=1,J1504*Input!$C$19,0)+IF(Input!$D$20=1,K1504*Input!$C$20,0)+IF(Input!$D$21=1,L1504*Input!$C$21,0)+IF(Input!$D$22=1,M1504*Input!$C$22,0)</f>
        <v>0.31362516250414557</v>
      </c>
      <c r="O1504" s="59">
        <f>IF(Input!$D$19=2,J1504*Input!$C$19,0)+IF(Input!$D$20=2,K1504*Input!$C$20,0)+IF(Input!$D$21=2,L1504*Input!$C$21,0)+IF(Input!$D$22=2,M1504*Input!$C$22,0)</f>
        <v>0.7840629062603639</v>
      </c>
      <c r="P1504" s="59">
        <f>IF(Input!$D$19=3,J1504*Input!$C$19,0)+IF(Input!$D$20=3,K1504*Input!$C$20,0)+IF(Input!$D$21=3,L1504*Input!$C$21,0)+IF(Input!$D$22=3,M1504*Input!$C$22,0)</f>
        <v>0</v>
      </c>
      <c r="Q1504" s="75">
        <f>IF(Input!$D$19=4,J1504*Input!$C$19,0)+IF(Input!$D$20=4,K1504*Input!$C$20,0)+IF(Input!$D$21=4,L1504*Input!$C$21,0)+IF(Input!$D$22=4,M1504*Input!$C$22,0)</f>
        <v>0</v>
      </c>
      <c r="R1504" s="58">
        <v>41.121248555616319</v>
      </c>
      <c r="S1504" s="124">
        <f t="shared" si="23"/>
        <v>1.3590423708512975</v>
      </c>
    </row>
    <row r="1505" spans="8:19" x14ac:dyDescent="0.3">
      <c r="H1505" s="44">
        <v>1498</v>
      </c>
      <c r="I1505" s="56">
        <f>Bühler!I1531</f>
        <v>0.31362516250414552</v>
      </c>
      <c r="J1505" s="59">
        <f>Bühler!J1531</f>
        <v>1.045417208347152</v>
      </c>
      <c r="K1505" s="59">
        <f>Bühler!K1531</f>
        <v>1.5681258125207278</v>
      </c>
      <c r="L1505" s="59">
        <f>Bühler!L1531</f>
        <v>15.418236202264881</v>
      </c>
      <c r="M1505" s="58">
        <f>Bühler!M1531</f>
        <v>0</v>
      </c>
      <c r="N1505" s="56">
        <f>IF(Input!$D$19=1,J1505*Input!$C$19,0)+IF(Input!$D$20=1,K1505*Input!$C$20,0)+IF(Input!$D$21=1,L1505*Input!$C$21,0)+IF(Input!$D$22=1,M1505*Input!$C$22,0)</f>
        <v>0.31362516250414557</v>
      </c>
      <c r="O1505" s="59">
        <f>IF(Input!$D$19=2,J1505*Input!$C$19,0)+IF(Input!$D$20=2,K1505*Input!$C$20,0)+IF(Input!$D$21=2,L1505*Input!$C$21,0)+IF(Input!$D$22=2,M1505*Input!$C$22,0)</f>
        <v>0.7840629062603639</v>
      </c>
      <c r="P1505" s="59">
        <f>IF(Input!$D$19=3,J1505*Input!$C$19,0)+IF(Input!$D$20=3,K1505*Input!$C$20,0)+IF(Input!$D$21=3,L1505*Input!$C$21,0)+IF(Input!$D$22=3,M1505*Input!$C$22,0)</f>
        <v>0</v>
      </c>
      <c r="Q1505" s="75">
        <f>IF(Input!$D$19=4,J1505*Input!$C$19,0)+IF(Input!$D$20=4,K1505*Input!$C$20,0)+IF(Input!$D$21=4,L1505*Input!$C$21,0)+IF(Input!$D$22=4,M1505*Input!$C$22,0)</f>
        <v>0</v>
      </c>
      <c r="R1505" s="58">
        <v>40.397622183968075</v>
      </c>
      <c r="S1505" s="124">
        <f t="shared" si="23"/>
        <v>1.3590423708512975</v>
      </c>
    </row>
    <row r="1506" spans="8:19" x14ac:dyDescent="0.3">
      <c r="H1506" s="44">
        <v>1499</v>
      </c>
      <c r="I1506" s="56">
        <f>Bühler!I1532</f>
        <v>0.31362516250414552</v>
      </c>
      <c r="J1506" s="59">
        <f>Bühler!J1532</f>
        <v>1.045417208347152</v>
      </c>
      <c r="K1506" s="59">
        <f>Bühler!K1532</f>
        <v>1.5681258125207278</v>
      </c>
      <c r="L1506" s="59">
        <f>Bühler!L1532</f>
        <v>15.418236202264881</v>
      </c>
      <c r="M1506" s="58">
        <f>Bühler!M1532</f>
        <v>0</v>
      </c>
      <c r="N1506" s="56">
        <f>IF(Input!$D$19=1,J1506*Input!$C$19,0)+IF(Input!$D$20=1,K1506*Input!$C$20,0)+IF(Input!$D$21=1,L1506*Input!$C$21,0)+IF(Input!$D$22=1,M1506*Input!$C$22,0)</f>
        <v>0.31362516250414557</v>
      </c>
      <c r="O1506" s="59">
        <f>IF(Input!$D$19=2,J1506*Input!$C$19,0)+IF(Input!$D$20=2,K1506*Input!$C$20,0)+IF(Input!$D$21=2,L1506*Input!$C$21,0)+IF(Input!$D$22=2,M1506*Input!$C$22,0)</f>
        <v>0.7840629062603639</v>
      </c>
      <c r="P1506" s="59">
        <f>IF(Input!$D$19=3,J1506*Input!$C$19,0)+IF(Input!$D$20=3,K1506*Input!$C$20,0)+IF(Input!$D$21=3,L1506*Input!$C$21,0)+IF(Input!$D$22=3,M1506*Input!$C$22,0)</f>
        <v>0</v>
      </c>
      <c r="Q1506" s="75">
        <f>IF(Input!$D$19=4,J1506*Input!$C$19,0)+IF(Input!$D$20=4,K1506*Input!$C$20,0)+IF(Input!$D$21=4,L1506*Input!$C$21,0)+IF(Input!$D$22=4,M1506*Input!$C$22,0)</f>
        <v>0</v>
      </c>
      <c r="R1506" s="58">
        <v>40.834327803004477</v>
      </c>
      <c r="S1506" s="124">
        <f t="shared" si="23"/>
        <v>1.3590423708512975</v>
      </c>
    </row>
    <row r="1507" spans="8:19" x14ac:dyDescent="0.3">
      <c r="H1507" s="44">
        <v>1500</v>
      </c>
      <c r="I1507" s="56">
        <f>Bühler!I1533</f>
        <v>0.31362516250414552</v>
      </c>
      <c r="J1507" s="59">
        <f>Bühler!J1533</f>
        <v>1.045417208347152</v>
      </c>
      <c r="K1507" s="59">
        <f>Bühler!K1533</f>
        <v>1.5681258125207278</v>
      </c>
      <c r="L1507" s="59">
        <f>Bühler!L1533</f>
        <v>15.418236202264881</v>
      </c>
      <c r="M1507" s="58">
        <f>Bühler!M1533</f>
        <v>0</v>
      </c>
      <c r="N1507" s="56">
        <f>IF(Input!$D$19=1,J1507*Input!$C$19,0)+IF(Input!$D$20=1,K1507*Input!$C$20,0)+IF(Input!$D$21=1,L1507*Input!$C$21,0)+IF(Input!$D$22=1,M1507*Input!$C$22,0)</f>
        <v>0.31362516250414557</v>
      </c>
      <c r="O1507" s="59">
        <f>IF(Input!$D$19=2,J1507*Input!$C$19,0)+IF(Input!$D$20=2,K1507*Input!$C$20,0)+IF(Input!$D$21=2,L1507*Input!$C$21,0)+IF(Input!$D$22=2,M1507*Input!$C$22,0)</f>
        <v>0.7840629062603639</v>
      </c>
      <c r="P1507" s="59">
        <f>IF(Input!$D$19=3,J1507*Input!$C$19,0)+IF(Input!$D$20=3,K1507*Input!$C$20,0)+IF(Input!$D$21=3,L1507*Input!$C$21,0)+IF(Input!$D$22=3,M1507*Input!$C$22,0)</f>
        <v>0</v>
      </c>
      <c r="Q1507" s="75">
        <f>IF(Input!$D$19=4,J1507*Input!$C$19,0)+IF(Input!$D$20=4,K1507*Input!$C$20,0)+IF(Input!$D$21=4,L1507*Input!$C$21,0)+IF(Input!$D$22=4,M1507*Input!$C$22,0)</f>
        <v>0</v>
      </c>
      <c r="R1507" s="58">
        <v>40.98088687584783</v>
      </c>
      <c r="S1507" s="124">
        <f t="shared" si="23"/>
        <v>1.3590423708512975</v>
      </c>
    </row>
    <row r="1508" spans="8:19" x14ac:dyDescent="0.3">
      <c r="H1508" s="44">
        <v>1501</v>
      </c>
      <c r="I1508" s="56">
        <f>Bühler!I1534</f>
        <v>0.31362516250414552</v>
      </c>
      <c r="J1508" s="59">
        <f>Bühler!J1534</f>
        <v>1.045417208347152</v>
      </c>
      <c r="K1508" s="59">
        <f>Bühler!K1534</f>
        <v>1.5681258125207278</v>
      </c>
      <c r="L1508" s="59">
        <f>Bühler!L1534</f>
        <v>15.418236202264881</v>
      </c>
      <c r="M1508" s="58">
        <f>Bühler!M1534</f>
        <v>0</v>
      </c>
      <c r="N1508" s="56">
        <f>IF(Input!$D$19=1,J1508*Input!$C$19,0)+IF(Input!$D$20=1,K1508*Input!$C$20,0)+IF(Input!$D$21=1,L1508*Input!$C$21,0)+IF(Input!$D$22=1,M1508*Input!$C$22,0)</f>
        <v>0.31362516250414557</v>
      </c>
      <c r="O1508" s="59">
        <f>IF(Input!$D$19=2,J1508*Input!$C$19,0)+IF(Input!$D$20=2,K1508*Input!$C$20,0)+IF(Input!$D$21=2,L1508*Input!$C$21,0)+IF(Input!$D$22=2,M1508*Input!$C$22,0)</f>
        <v>0.7840629062603639</v>
      </c>
      <c r="P1508" s="59">
        <f>IF(Input!$D$19=3,J1508*Input!$C$19,0)+IF(Input!$D$20=3,K1508*Input!$C$20,0)+IF(Input!$D$21=3,L1508*Input!$C$21,0)+IF(Input!$D$22=3,M1508*Input!$C$22,0)</f>
        <v>0</v>
      </c>
      <c r="Q1508" s="75">
        <f>IF(Input!$D$19=4,J1508*Input!$C$19,0)+IF(Input!$D$20=4,K1508*Input!$C$20,0)+IF(Input!$D$21=4,L1508*Input!$C$21,0)+IF(Input!$D$22=4,M1508*Input!$C$22,0)</f>
        <v>0</v>
      </c>
      <c r="R1508" s="58">
        <v>40.818727091993516</v>
      </c>
      <c r="S1508" s="124">
        <f t="shared" si="23"/>
        <v>1.3590423708512975</v>
      </c>
    </row>
    <row r="1509" spans="8:19" x14ac:dyDescent="0.3">
      <c r="H1509" s="44">
        <v>1502</v>
      </c>
      <c r="I1509" s="56">
        <f>Bühler!I1535</f>
        <v>0.31362516250414552</v>
      </c>
      <c r="J1509" s="59">
        <f>Bühler!J1535</f>
        <v>1.045417208347152</v>
      </c>
      <c r="K1509" s="59">
        <f>Bühler!K1535</f>
        <v>1.5681258125207278</v>
      </c>
      <c r="L1509" s="59">
        <f>Bühler!L1535</f>
        <v>15.418236202264881</v>
      </c>
      <c r="M1509" s="58">
        <f>Bühler!M1535</f>
        <v>0</v>
      </c>
      <c r="N1509" s="56">
        <f>IF(Input!$D$19=1,J1509*Input!$C$19,0)+IF(Input!$D$20=1,K1509*Input!$C$20,0)+IF(Input!$D$21=1,L1509*Input!$C$21,0)+IF(Input!$D$22=1,M1509*Input!$C$22,0)</f>
        <v>0.31362516250414557</v>
      </c>
      <c r="O1509" s="59">
        <f>IF(Input!$D$19=2,J1509*Input!$C$19,0)+IF(Input!$D$20=2,K1509*Input!$C$20,0)+IF(Input!$D$21=2,L1509*Input!$C$21,0)+IF(Input!$D$22=2,M1509*Input!$C$22,0)</f>
        <v>0.7840629062603639</v>
      </c>
      <c r="P1509" s="59">
        <f>IF(Input!$D$19=3,J1509*Input!$C$19,0)+IF(Input!$D$20=3,K1509*Input!$C$20,0)+IF(Input!$D$21=3,L1509*Input!$C$21,0)+IF(Input!$D$22=3,M1509*Input!$C$22,0)</f>
        <v>0</v>
      </c>
      <c r="Q1509" s="75">
        <f>IF(Input!$D$19=4,J1509*Input!$C$19,0)+IF(Input!$D$20=4,K1509*Input!$C$20,0)+IF(Input!$D$21=4,L1509*Input!$C$21,0)+IF(Input!$D$22=4,M1509*Input!$C$22,0)</f>
        <v>0</v>
      </c>
      <c r="R1509" s="58">
        <v>40.635949794371385</v>
      </c>
      <c r="S1509" s="124">
        <f t="shared" si="23"/>
        <v>1.3590423708512975</v>
      </c>
    </row>
    <row r="1510" spans="8:19" x14ac:dyDescent="0.3">
      <c r="H1510" s="44">
        <v>1503</v>
      </c>
      <c r="I1510" s="56">
        <f>Bühler!I1536</f>
        <v>0.31362516250414552</v>
      </c>
      <c r="J1510" s="59">
        <f>Bühler!J1536</f>
        <v>1.045417208347152</v>
      </c>
      <c r="K1510" s="59">
        <f>Bühler!K1536</f>
        <v>1.5681258125207278</v>
      </c>
      <c r="L1510" s="59">
        <f>Bühler!L1536</f>
        <v>15.418236202264881</v>
      </c>
      <c r="M1510" s="58">
        <f>Bühler!M1536</f>
        <v>0</v>
      </c>
      <c r="N1510" s="56">
        <f>IF(Input!$D$19=1,J1510*Input!$C$19,0)+IF(Input!$D$20=1,K1510*Input!$C$20,0)+IF(Input!$D$21=1,L1510*Input!$C$21,0)+IF(Input!$D$22=1,M1510*Input!$C$22,0)</f>
        <v>0.31362516250414557</v>
      </c>
      <c r="O1510" s="59">
        <f>IF(Input!$D$19=2,J1510*Input!$C$19,0)+IF(Input!$D$20=2,K1510*Input!$C$20,0)+IF(Input!$D$21=2,L1510*Input!$C$21,0)+IF(Input!$D$22=2,M1510*Input!$C$22,0)</f>
        <v>0.7840629062603639</v>
      </c>
      <c r="P1510" s="59">
        <f>IF(Input!$D$19=3,J1510*Input!$C$19,0)+IF(Input!$D$20=3,K1510*Input!$C$20,0)+IF(Input!$D$21=3,L1510*Input!$C$21,0)+IF(Input!$D$22=3,M1510*Input!$C$22,0)</f>
        <v>0</v>
      </c>
      <c r="Q1510" s="75">
        <f>IF(Input!$D$19=4,J1510*Input!$C$19,0)+IF(Input!$D$20=4,K1510*Input!$C$20,0)+IF(Input!$D$21=4,L1510*Input!$C$21,0)+IF(Input!$D$22=4,M1510*Input!$C$22,0)</f>
        <v>0</v>
      </c>
      <c r="R1510" s="58">
        <v>40.895220545876036</v>
      </c>
      <c r="S1510" s="124">
        <f t="shared" si="23"/>
        <v>1.3590423708512975</v>
      </c>
    </row>
    <row r="1511" spans="8:19" x14ac:dyDescent="0.3">
      <c r="H1511" s="44">
        <v>1504</v>
      </c>
      <c r="I1511" s="56">
        <f>Bühler!I1537</f>
        <v>0.27877792222590708</v>
      </c>
      <c r="J1511" s="59">
        <f>Bühler!J1537</f>
        <v>0.92925974075302376</v>
      </c>
      <c r="K1511" s="59">
        <f>Bühler!K1537</f>
        <v>1.3938896111295358</v>
      </c>
      <c r="L1511" s="59">
        <f>Bühler!L1537</f>
        <v>13.70509884645767</v>
      </c>
      <c r="M1511" s="58">
        <f>Bühler!M1537</f>
        <v>0</v>
      </c>
      <c r="N1511" s="56">
        <f>IF(Input!$D$19=1,J1511*Input!$C$19,0)+IF(Input!$D$20=1,K1511*Input!$C$20,0)+IF(Input!$D$21=1,L1511*Input!$C$21,0)+IF(Input!$D$22=1,M1511*Input!$C$22,0)</f>
        <v>0.27877792222590714</v>
      </c>
      <c r="O1511" s="59">
        <f>IF(Input!$D$19=2,J1511*Input!$C$19,0)+IF(Input!$D$20=2,K1511*Input!$C$20,0)+IF(Input!$D$21=2,L1511*Input!$C$21,0)+IF(Input!$D$22=2,M1511*Input!$C$22,0)</f>
        <v>0.6969448055647679</v>
      </c>
      <c r="P1511" s="59">
        <f>IF(Input!$D$19=3,J1511*Input!$C$19,0)+IF(Input!$D$20=3,K1511*Input!$C$20,0)+IF(Input!$D$21=3,L1511*Input!$C$21,0)+IF(Input!$D$22=3,M1511*Input!$C$22,0)</f>
        <v>0</v>
      </c>
      <c r="Q1511" s="75">
        <f>IF(Input!$D$19=4,J1511*Input!$C$19,0)+IF(Input!$D$20=4,K1511*Input!$C$20,0)+IF(Input!$D$21=4,L1511*Input!$C$21,0)+IF(Input!$D$22=4,M1511*Input!$C$22,0)</f>
        <v>0</v>
      </c>
      <c r="R1511" s="58">
        <v>40.902013961322368</v>
      </c>
      <c r="S1511" s="124">
        <f t="shared" si="23"/>
        <v>1.2080376629789309</v>
      </c>
    </row>
    <row r="1512" spans="8:19" x14ac:dyDescent="0.3">
      <c r="H1512" s="44">
        <v>1505</v>
      </c>
      <c r="I1512" s="56">
        <f>Bühler!I1538</f>
        <v>0.27379974504330157</v>
      </c>
      <c r="J1512" s="59">
        <f>Bühler!J1538</f>
        <v>0.91266581681100545</v>
      </c>
      <c r="K1512" s="59">
        <f>Bühler!K1538</f>
        <v>1.3689987252165081</v>
      </c>
      <c r="L1512" s="59">
        <f>Bühler!L1538</f>
        <v>13.46036493848521</v>
      </c>
      <c r="M1512" s="58">
        <f>Bühler!M1538</f>
        <v>0</v>
      </c>
      <c r="N1512" s="56">
        <f>IF(Input!$D$19=1,J1512*Input!$C$19,0)+IF(Input!$D$20=1,K1512*Input!$C$20,0)+IF(Input!$D$21=1,L1512*Input!$C$21,0)+IF(Input!$D$22=1,M1512*Input!$C$22,0)</f>
        <v>0.27379974504330162</v>
      </c>
      <c r="O1512" s="59">
        <f>IF(Input!$D$19=2,J1512*Input!$C$19,0)+IF(Input!$D$20=2,K1512*Input!$C$20,0)+IF(Input!$D$21=2,L1512*Input!$C$21,0)+IF(Input!$D$22=2,M1512*Input!$C$22,0)</f>
        <v>0.68449936260825406</v>
      </c>
      <c r="P1512" s="59">
        <f>IF(Input!$D$19=3,J1512*Input!$C$19,0)+IF(Input!$D$20=3,K1512*Input!$C$20,0)+IF(Input!$D$21=3,L1512*Input!$C$21,0)+IF(Input!$D$22=3,M1512*Input!$C$22,0)</f>
        <v>0</v>
      </c>
      <c r="Q1512" s="75">
        <f>IF(Input!$D$19=4,J1512*Input!$C$19,0)+IF(Input!$D$20=4,K1512*Input!$C$20,0)+IF(Input!$D$21=4,L1512*Input!$C$21,0)+IF(Input!$D$22=4,M1512*Input!$C$22,0)</f>
        <v>0</v>
      </c>
      <c r="R1512" s="58">
        <v>40.505981377291313</v>
      </c>
      <c r="S1512" s="124">
        <f t="shared" si="23"/>
        <v>1.186465561854307</v>
      </c>
    </row>
    <row r="1513" spans="8:19" x14ac:dyDescent="0.3">
      <c r="H1513" s="44">
        <v>1506</v>
      </c>
      <c r="I1513" s="56">
        <f>Bühler!I1539</f>
        <v>0.23397432758245779</v>
      </c>
      <c r="J1513" s="59">
        <f>Bühler!J1539</f>
        <v>0.77991442527485932</v>
      </c>
      <c r="K1513" s="59">
        <f>Bühler!K1539</f>
        <v>1.1698716379122891</v>
      </c>
      <c r="L1513" s="59">
        <f>Bühler!L1539</f>
        <v>11.502493674705544</v>
      </c>
      <c r="M1513" s="58">
        <f>Bühler!M1539</f>
        <v>0</v>
      </c>
      <c r="N1513" s="56">
        <f>IF(Input!$D$19=1,J1513*Input!$C$19,0)+IF(Input!$D$20=1,K1513*Input!$C$20,0)+IF(Input!$D$21=1,L1513*Input!$C$21,0)+IF(Input!$D$22=1,M1513*Input!$C$22,0)</f>
        <v>0.23397432758245779</v>
      </c>
      <c r="O1513" s="59">
        <f>IF(Input!$D$19=2,J1513*Input!$C$19,0)+IF(Input!$D$20=2,K1513*Input!$C$20,0)+IF(Input!$D$21=2,L1513*Input!$C$21,0)+IF(Input!$D$22=2,M1513*Input!$C$22,0)</f>
        <v>0.58493581895614455</v>
      </c>
      <c r="P1513" s="59">
        <f>IF(Input!$D$19=3,J1513*Input!$C$19,0)+IF(Input!$D$20=3,K1513*Input!$C$20,0)+IF(Input!$D$21=3,L1513*Input!$C$21,0)+IF(Input!$D$22=3,M1513*Input!$C$22,0)</f>
        <v>0</v>
      </c>
      <c r="Q1513" s="75">
        <f>IF(Input!$D$19=4,J1513*Input!$C$19,0)+IF(Input!$D$20=4,K1513*Input!$C$20,0)+IF(Input!$D$21=4,L1513*Input!$C$21,0)+IF(Input!$D$22=4,M1513*Input!$C$22,0)</f>
        <v>0</v>
      </c>
      <c r="R1513" s="58">
        <v>40.632145650399622</v>
      </c>
      <c r="S1513" s="124">
        <f t="shared" si="23"/>
        <v>1.0138887528573171</v>
      </c>
    </row>
    <row r="1514" spans="8:19" x14ac:dyDescent="0.3">
      <c r="H1514" s="44">
        <v>1507</v>
      </c>
      <c r="I1514" s="56">
        <f>Bühler!I1540</f>
        <v>0.21903979603464135</v>
      </c>
      <c r="J1514" s="59">
        <f>Bühler!J1540</f>
        <v>0.73013265344880462</v>
      </c>
      <c r="K1514" s="59">
        <f>Bühler!K1540</f>
        <v>1.0951989801732069</v>
      </c>
      <c r="L1514" s="59">
        <f>Bühler!L1540</f>
        <v>10.768291950788171</v>
      </c>
      <c r="M1514" s="58">
        <f>Bühler!M1540</f>
        <v>0</v>
      </c>
      <c r="N1514" s="56">
        <f>IF(Input!$D$19=1,J1514*Input!$C$19,0)+IF(Input!$D$20=1,K1514*Input!$C$20,0)+IF(Input!$D$21=1,L1514*Input!$C$21,0)+IF(Input!$D$22=1,M1514*Input!$C$22,0)</f>
        <v>0.21903979603464138</v>
      </c>
      <c r="O1514" s="59">
        <f>IF(Input!$D$19=2,J1514*Input!$C$19,0)+IF(Input!$D$20=2,K1514*Input!$C$20,0)+IF(Input!$D$21=2,L1514*Input!$C$21,0)+IF(Input!$D$22=2,M1514*Input!$C$22,0)</f>
        <v>0.54759949008660347</v>
      </c>
      <c r="P1514" s="59">
        <f>IF(Input!$D$19=3,J1514*Input!$C$19,0)+IF(Input!$D$20=3,K1514*Input!$C$20,0)+IF(Input!$D$21=3,L1514*Input!$C$21,0)+IF(Input!$D$22=3,M1514*Input!$C$22,0)</f>
        <v>0</v>
      </c>
      <c r="Q1514" s="75">
        <f>IF(Input!$D$19=4,J1514*Input!$C$19,0)+IF(Input!$D$20=4,K1514*Input!$C$20,0)+IF(Input!$D$21=4,L1514*Input!$C$21,0)+IF(Input!$D$22=4,M1514*Input!$C$22,0)</f>
        <v>0</v>
      </c>
      <c r="R1514" s="58">
        <v>40.860462407229193</v>
      </c>
      <c r="S1514" s="124">
        <f t="shared" si="23"/>
        <v>0.94917244948344592</v>
      </c>
    </row>
    <row r="1515" spans="8:19" x14ac:dyDescent="0.3">
      <c r="H1515" s="44">
        <v>1508</v>
      </c>
      <c r="I1515" s="56">
        <f>Bühler!I1541</f>
        <v>0.18419255575640292</v>
      </c>
      <c r="J1515" s="59">
        <f>Bühler!J1541</f>
        <v>0.61397518585467648</v>
      </c>
      <c r="K1515" s="59">
        <f>Bühler!K1541</f>
        <v>0.92096277878201471</v>
      </c>
      <c r="L1515" s="59">
        <f>Bühler!L1541</f>
        <v>9.0551545949809604</v>
      </c>
      <c r="M1515" s="58">
        <f>Bühler!M1541</f>
        <v>0</v>
      </c>
      <c r="N1515" s="56">
        <f>IF(Input!$D$19=1,J1515*Input!$C$19,0)+IF(Input!$D$20=1,K1515*Input!$C$20,0)+IF(Input!$D$21=1,L1515*Input!$C$21,0)+IF(Input!$D$22=1,M1515*Input!$C$22,0)</f>
        <v>0.18419255575640295</v>
      </c>
      <c r="O1515" s="59">
        <f>IF(Input!$D$19=2,J1515*Input!$C$19,0)+IF(Input!$D$20=2,K1515*Input!$C$20,0)+IF(Input!$D$21=2,L1515*Input!$C$21,0)+IF(Input!$D$22=2,M1515*Input!$C$22,0)</f>
        <v>0.46048138939100736</v>
      </c>
      <c r="P1515" s="59">
        <f>IF(Input!$D$19=3,J1515*Input!$C$19,0)+IF(Input!$D$20=3,K1515*Input!$C$20,0)+IF(Input!$D$21=3,L1515*Input!$C$21,0)+IF(Input!$D$22=3,M1515*Input!$C$22,0)</f>
        <v>0</v>
      </c>
      <c r="Q1515" s="75">
        <f>IF(Input!$D$19=4,J1515*Input!$C$19,0)+IF(Input!$D$20=4,K1515*Input!$C$20,0)+IF(Input!$D$21=4,L1515*Input!$C$21,0)+IF(Input!$D$22=4,M1515*Input!$C$22,0)</f>
        <v>0</v>
      </c>
      <c r="R1515" s="58">
        <v>41.401566675643714</v>
      </c>
      <c r="S1515" s="124">
        <f t="shared" si="23"/>
        <v>0.7981677416110794</v>
      </c>
    </row>
    <row r="1516" spans="8:19" x14ac:dyDescent="0.3">
      <c r="H1516" s="44">
        <v>1509</v>
      </c>
      <c r="I1516" s="56">
        <f>Bühler!I1542</f>
        <v>0.15432349266077</v>
      </c>
      <c r="J1516" s="59">
        <f>Bühler!J1542</f>
        <v>0.51441164220256674</v>
      </c>
      <c r="K1516" s="59">
        <f>Bühler!K1542</f>
        <v>0.77161746330385017</v>
      </c>
      <c r="L1516" s="59">
        <f>Bühler!L1542</f>
        <v>7.5867511471462095</v>
      </c>
      <c r="M1516" s="58">
        <f>Bühler!M1542</f>
        <v>0</v>
      </c>
      <c r="N1516" s="56">
        <f>IF(Input!$D$19=1,J1516*Input!$C$19,0)+IF(Input!$D$20=1,K1516*Input!$C$20,0)+IF(Input!$D$21=1,L1516*Input!$C$21,0)+IF(Input!$D$22=1,M1516*Input!$C$22,0)</f>
        <v>0.15432349266077003</v>
      </c>
      <c r="O1516" s="59">
        <f>IF(Input!$D$19=2,J1516*Input!$C$19,0)+IF(Input!$D$20=2,K1516*Input!$C$20,0)+IF(Input!$D$21=2,L1516*Input!$C$21,0)+IF(Input!$D$22=2,M1516*Input!$C$22,0)</f>
        <v>0.38580873165192509</v>
      </c>
      <c r="P1516" s="59">
        <f>IF(Input!$D$19=3,J1516*Input!$C$19,0)+IF(Input!$D$20=3,K1516*Input!$C$20,0)+IF(Input!$D$21=3,L1516*Input!$C$21,0)+IF(Input!$D$22=3,M1516*Input!$C$22,0)</f>
        <v>0</v>
      </c>
      <c r="Q1516" s="75">
        <f>IF(Input!$D$19=4,J1516*Input!$C$19,0)+IF(Input!$D$20=4,K1516*Input!$C$20,0)+IF(Input!$D$21=4,L1516*Input!$C$21,0)+IF(Input!$D$22=4,M1516*Input!$C$22,0)</f>
        <v>0</v>
      </c>
      <c r="R1516" s="58">
        <v>41.698552219617952</v>
      </c>
      <c r="S1516" s="124">
        <f t="shared" si="23"/>
        <v>0.6687351348633368</v>
      </c>
    </row>
    <row r="1517" spans="8:19" x14ac:dyDescent="0.3">
      <c r="H1517" s="44">
        <v>1510</v>
      </c>
      <c r="I1517" s="56">
        <f>Bühler!I1543</f>
        <v>0.13441078393034808</v>
      </c>
      <c r="J1517" s="59">
        <f>Bühler!J1543</f>
        <v>0.44803594643449368</v>
      </c>
      <c r="K1517" s="59">
        <f>Bühler!K1543</f>
        <v>0.67205391965174044</v>
      </c>
      <c r="L1517" s="59">
        <f>Bühler!L1543</f>
        <v>6.6078155152563767</v>
      </c>
      <c r="M1517" s="58">
        <f>Bühler!M1543</f>
        <v>0</v>
      </c>
      <c r="N1517" s="56">
        <f>IF(Input!$D$19=1,J1517*Input!$C$19,0)+IF(Input!$D$20=1,K1517*Input!$C$20,0)+IF(Input!$D$21=1,L1517*Input!$C$21,0)+IF(Input!$D$22=1,M1517*Input!$C$22,0)</f>
        <v>0.13441078393034811</v>
      </c>
      <c r="O1517" s="59">
        <f>IF(Input!$D$19=2,J1517*Input!$C$19,0)+IF(Input!$D$20=2,K1517*Input!$C$20,0)+IF(Input!$D$21=2,L1517*Input!$C$21,0)+IF(Input!$D$22=2,M1517*Input!$C$22,0)</f>
        <v>0.33602695982587022</v>
      </c>
      <c r="P1517" s="59">
        <f>IF(Input!$D$19=3,J1517*Input!$C$19,0)+IF(Input!$D$20=3,K1517*Input!$C$20,0)+IF(Input!$D$21=3,L1517*Input!$C$21,0)+IF(Input!$D$22=3,M1517*Input!$C$22,0)</f>
        <v>0</v>
      </c>
      <c r="Q1517" s="75">
        <f>IF(Input!$D$19=4,J1517*Input!$C$19,0)+IF(Input!$D$20=4,K1517*Input!$C$20,0)+IF(Input!$D$21=4,L1517*Input!$C$21,0)+IF(Input!$D$22=4,M1517*Input!$C$22,0)</f>
        <v>0</v>
      </c>
      <c r="R1517" s="58">
        <v>42.15588423744699</v>
      </c>
      <c r="S1517" s="124">
        <f t="shared" si="23"/>
        <v>0.58244673036484174</v>
      </c>
    </row>
    <row r="1518" spans="8:19" x14ac:dyDescent="0.3">
      <c r="H1518" s="44">
        <v>1511</v>
      </c>
      <c r="I1518" s="56">
        <f>Bühler!I1544</f>
        <v>0.13441078393034808</v>
      </c>
      <c r="J1518" s="59">
        <f>Bühler!J1544</f>
        <v>0.44803594643449368</v>
      </c>
      <c r="K1518" s="59">
        <f>Bühler!K1544</f>
        <v>0.67205391965174044</v>
      </c>
      <c r="L1518" s="59">
        <f>Bühler!L1544</f>
        <v>6.6078155152563767</v>
      </c>
      <c r="M1518" s="58">
        <f>Bühler!M1544</f>
        <v>0</v>
      </c>
      <c r="N1518" s="56">
        <f>IF(Input!$D$19=1,J1518*Input!$C$19,0)+IF(Input!$D$20=1,K1518*Input!$C$20,0)+IF(Input!$D$21=1,L1518*Input!$C$21,0)+IF(Input!$D$22=1,M1518*Input!$C$22,0)</f>
        <v>0.13441078393034811</v>
      </c>
      <c r="O1518" s="59">
        <f>IF(Input!$D$19=2,J1518*Input!$C$19,0)+IF(Input!$D$20=2,K1518*Input!$C$20,0)+IF(Input!$D$21=2,L1518*Input!$C$21,0)+IF(Input!$D$22=2,M1518*Input!$C$22,0)</f>
        <v>0.33602695982587022</v>
      </c>
      <c r="P1518" s="59">
        <f>IF(Input!$D$19=3,J1518*Input!$C$19,0)+IF(Input!$D$20=3,K1518*Input!$C$20,0)+IF(Input!$D$21=3,L1518*Input!$C$21,0)+IF(Input!$D$22=3,M1518*Input!$C$22,0)</f>
        <v>0</v>
      </c>
      <c r="Q1518" s="75">
        <f>IF(Input!$D$19=4,J1518*Input!$C$19,0)+IF(Input!$D$20=4,K1518*Input!$C$20,0)+IF(Input!$D$21=4,L1518*Input!$C$21,0)+IF(Input!$D$22=4,M1518*Input!$C$22,0)</f>
        <v>0</v>
      </c>
      <c r="R1518" s="58">
        <v>42.305039071272631</v>
      </c>
      <c r="S1518" s="124">
        <f t="shared" si="23"/>
        <v>0.58244673036484174</v>
      </c>
    </row>
    <row r="1519" spans="8:19" x14ac:dyDescent="0.3">
      <c r="H1519" s="44">
        <v>1512</v>
      </c>
      <c r="I1519" s="56">
        <f>Bühler!I1545</f>
        <v>0.13441078393034808</v>
      </c>
      <c r="J1519" s="59">
        <f>Bühler!J1545</f>
        <v>0.44803594643449368</v>
      </c>
      <c r="K1519" s="59">
        <f>Bühler!K1545</f>
        <v>0.67205391965174044</v>
      </c>
      <c r="L1519" s="59">
        <f>Bühler!L1545</f>
        <v>6.6078155152563767</v>
      </c>
      <c r="M1519" s="58">
        <f>Bühler!M1545</f>
        <v>0</v>
      </c>
      <c r="N1519" s="56">
        <f>IF(Input!$D$19=1,J1519*Input!$C$19,0)+IF(Input!$D$20=1,K1519*Input!$C$20,0)+IF(Input!$D$21=1,L1519*Input!$C$21,0)+IF(Input!$D$22=1,M1519*Input!$C$22,0)</f>
        <v>0.13441078393034811</v>
      </c>
      <c r="O1519" s="59">
        <f>IF(Input!$D$19=2,J1519*Input!$C$19,0)+IF(Input!$D$20=2,K1519*Input!$C$20,0)+IF(Input!$D$21=2,L1519*Input!$C$21,0)+IF(Input!$D$22=2,M1519*Input!$C$22,0)</f>
        <v>0.33602695982587022</v>
      </c>
      <c r="P1519" s="59">
        <f>IF(Input!$D$19=3,J1519*Input!$C$19,0)+IF(Input!$D$20=3,K1519*Input!$C$20,0)+IF(Input!$D$21=3,L1519*Input!$C$21,0)+IF(Input!$D$22=3,M1519*Input!$C$22,0)</f>
        <v>0</v>
      </c>
      <c r="Q1519" s="75">
        <f>IF(Input!$D$19=4,J1519*Input!$C$19,0)+IF(Input!$D$20=4,K1519*Input!$C$20,0)+IF(Input!$D$21=4,L1519*Input!$C$21,0)+IF(Input!$D$22=4,M1519*Input!$C$22,0)</f>
        <v>0</v>
      </c>
      <c r="R1519" s="58">
        <v>41.918602686709924</v>
      </c>
      <c r="S1519" s="124">
        <f t="shared" si="23"/>
        <v>0.58244673036484174</v>
      </c>
    </row>
    <row r="1520" spans="8:19" x14ac:dyDescent="0.3">
      <c r="H1520" s="44">
        <v>1513</v>
      </c>
      <c r="I1520" s="56">
        <f>Bühler!I1546</f>
        <v>8.1273850490965013E-2</v>
      </c>
      <c r="J1520" s="59">
        <f>Bühler!J1546</f>
        <v>0.27091283496988339</v>
      </c>
      <c r="K1520" s="59">
        <f>Bühler!K1546</f>
        <v>0.40636925245482503</v>
      </c>
      <c r="L1520" s="59">
        <f>Bühler!L1546</f>
        <v>1.9505724117831602</v>
      </c>
      <c r="M1520" s="58">
        <f>Bühler!M1546</f>
        <v>0</v>
      </c>
      <c r="N1520" s="56">
        <f>IF(Input!$D$19=1,J1520*Input!$C$19,0)+IF(Input!$D$20=1,K1520*Input!$C$20,0)+IF(Input!$D$21=1,L1520*Input!$C$21,0)+IF(Input!$D$22=1,M1520*Input!$C$22,0)</f>
        <v>8.1273850490965013E-2</v>
      </c>
      <c r="O1520" s="59">
        <f>IF(Input!$D$19=2,J1520*Input!$C$19,0)+IF(Input!$D$20=2,K1520*Input!$C$20,0)+IF(Input!$D$21=2,L1520*Input!$C$21,0)+IF(Input!$D$22=2,M1520*Input!$C$22,0)</f>
        <v>0.20318462622741251</v>
      </c>
      <c r="P1520" s="59">
        <f>IF(Input!$D$19=3,J1520*Input!$C$19,0)+IF(Input!$D$20=3,K1520*Input!$C$20,0)+IF(Input!$D$21=3,L1520*Input!$C$21,0)+IF(Input!$D$22=3,M1520*Input!$C$22,0)</f>
        <v>0</v>
      </c>
      <c r="Q1520" s="75">
        <f>IF(Input!$D$19=4,J1520*Input!$C$19,0)+IF(Input!$D$20=4,K1520*Input!$C$20,0)+IF(Input!$D$21=4,L1520*Input!$C$21,0)+IF(Input!$D$22=4,M1520*Input!$C$22,0)</f>
        <v>0</v>
      </c>
      <c r="R1520" s="58">
        <v>41.552955612675305</v>
      </c>
      <c r="S1520" s="124">
        <f t="shared" si="23"/>
        <v>0.35218668546084841</v>
      </c>
    </row>
    <row r="1521" spans="8:19" x14ac:dyDescent="0.3">
      <c r="H1521" s="44">
        <v>1514</v>
      </c>
      <c r="I1521" s="56">
        <f>Bühler!I1547</f>
        <v>8.1273850490965013E-2</v>
      </c>
      <c r="J1521" s="59">
        <f>Bühler!J1547</f>
        <v>0.27091283496988339</v>
      </c>
      <c r="K1521" s="59">
        <f>Bühler!K1547</f>
        <v>0.40636925245482503</v>
      </c>
      <c r="L1521" s="59">
        <f>Bühler!L1547</f>
        <v>1.9505724117831602</v>
      </c>
      <c r="M1521" s="58">
        <f>Bühler!M1547</f>
        <v>0</v>
      </c>
      <c r="N1521" s="56">
        <f>IF(Input!$D$19=1,J1521*Input!$C$19,0)+IF(Input!$D$20=1,K1521*Input!$C$20,0)+IF(Input!$D$21=1,L1521*Input!$C$21,0)+IF(Input!$D$22=1,M1521*Input!$C$22,0)</f>
        <v>8.1273850490965013E-2</v>
      </c>
      <c r="O1521" s="59">
        <f>IF(Input!$D$19=2,J1521*Input!$C$19,0)+IF(Input!$D$20=2,K1521*Input!$C$20,0)+IF(Input!$D$21=2,L1521*Input!$C$21,0)+IF(Input!$D$22=2,M1521*Input!$C$22,0)</f>
        <v>0.20318462622741251</v>
      </c>
      <c r="P1521" s="59">
        <f>IF(Input!$D$19=3,J1521*Input!$C$19,0)+IF(Input!$D$20=3,K1521*Input!$C$20,0)+IF(Input!$D$21=3,L1521*Input!$C$21,0)+IF(Input!$D$22=3,M1521*Input!$C$22,0)</f>
        <v>0</v>
      </c>
      <c r="Q1521" s="75">
        <f>IF(Input!$D$19=4,J1521*Input!$C$19,0)+IF(Input!$D$20=4,K1521*Input!$C$20,0)+IF(Input!$D$21=4,L1521*Input!$C$21,0)+IF(Input!$D$22=4,M1521*Input!$C$22,0)</f>
        <v>0</v>
      </c>
      <c r="R1521" s="58">
        <v>42.579034662555522</v>
      </c>
      <c r="S1521" s="124">
        <f t="shared" si="23"/>
        <v>0.35218668546084841</v>
      </c>
    </row>
    <row r="1522" spans="8:19" x14ac:dyDescent="0.3">
      <c r="H1522" s="44">
        <v>1515</v>
      </c>
      <c r="I1522" s="56">
        <f>Bühler!I1548</f>
        <v>8.1273850490965013E-2</v>
      </c>
      <c r="J1522" s="59">
        <f>Bühler!J1548</f>
        <v>0.27091283496988339</v>
      </c>
      <c r="K1522" s="59">
        <f>Bühler!K1548</f>
        <v>0.40636925245482503</v>
      </c>
      <c r="L1522" s="59">
        <f>Bühler!L1548</f>
        <v>1.9505724117831602</v>
      </c>
      <c r="M1522" s="58">
        <f>Bühler!M1548</f>
        <v>0</v>
      </c>
      <c r="N1522" s="56">
        <f>IF(Input!$D$19=1,J1522*Input!$C$19,0)+IF(Input!$D$20=1,K1522*Input!$C$20,0)+IF(Input!$D$21=1,L1522*Input!$C$21,0)+IF(Input!$D$22=1,M1522*Input!$C$22,0)</f>
        <v>8.1273850490965013E-2</v>
      </c>
      <c r="O1522" s="59">
        <f>IF(Input!$D$19=2,J1522*Input!$C$19,0)+IF(Input!$D$20=2,K1522*Input!$C$20,0)+IF(Input!$D$21=2,L1522*Input!$C$21,0)+IF(Input!$D$22=2,M1522*Input!$C$22,0)</f>
        <v>0.20318462622741251</v>
      </c>
      <c r="P1522" s="59">
        <f>IF(Input!$D$19=3,J1522*Input!$C$19,0)+IF(Input!$D$20=3,K1522*Input!$C$20,0)+IF(Input!$D$21=3,L1522*Input!$C$21,0)+IF(Input!$D$22=3,M1522*Input!$C$22,0)</f>
        <v>0</v>
      </c>
      <c r="Q1522" s="75">
        <f>IF(Input!$D$19=4,J1522*Input!$C$19,0)+IF(Input!$D$20=4,K1522*Input!$C$20,0)+IF(Input!$D$21=4,L1522*Input!$C$21,0)+IF(Input!$D$22=4,M1522*Input!$C$22,0)</f>
        <v>0</v>
      </c>
      <c r="R1522" s="58">
        <v>43.368078961405772</v>
      </c>
      <c r="S1522" s="124">
        <f t="shared" si="23"/>
        <v>0.35218668546084841</v>
      </c>
    </row>
    <row r="1523" spans="8:19" x14ac:dyDescent="0.3">
      <c r="H1523" s="44">
        <v>1516</v>
      </c>
      <c r="I1523" s="56">
        <f>Bühler!I1549</f>
        <v>8.1273850490965013E-2</v>
      </c>
      <c r="J1523" s="59">
        <f>Bühler!J1549</f>
        <v>0.27091283496988339</v>
      </c>
      <c r="K1523" s="59">
        <f>Bühler!K1549</f>
        <v>0.40636925245482503</v>
      </c>
      <c r="L1523" s="59">
        <f>Bühler!L1549</f>
        <v>1.9505724117831602</v>
      </c>
      <c r="M1523" s="58">
        <f>Bühler!M1549</f>
        <v>0</v>
      </c>
      <c r="N1523" s="56">
        <f>IF(Input!$D$19=1,J1523*Input!$C$19,0)+IF(Input!$D$20=1,K1523*Input!$C$20,0)+IF(Input!$D$21=1,L1523*Input!$C$21,0)+IF(Input!$D$22=1,M1523*Input!$C$22,0)</f>
        <v>8.1273850490965013E-2</v>
      </c>
      <c r="O1523" s="59">
        <f>IF(Input!$D$19=2,J1523*Input!$C$19,0)+IF(Input!$D$20=2,K1523*Input!$C$20,0)+IF(Input!$D$21=2,L1523*Input!$C$21,0)+IF(Input!$D$22=2,M1523*Input!$C$22,0)</f>
        <v>0.20318462622741251</v>
      </c>
      <c r="P1523" s="59">
        <f>IF(Input!$D$19=3,J1523*Input!$C$19,0)+IF(Input!$D$20=3,K1523*Input!$C$20,0)+IF(Input!$D$21=3,L1523*Input!$C$21,0)+IF(Input!$D$22=3,M1523*Input!$C$22,0)</f>
        <v>0</v>
      </c>
      <c r="Q1523" s="75">
        <f>IF(Input!$D$19=4,J1523*Input!$C$19,0)+IF(Input!$D$20=4,K1523*Input!$C$20,0)+IF(Input!$D$21=4,L1523*Input!$C$21,0)+IF(Input!$D$22=4,M1523*Input!$C$22,0)</f>
        <v>0</v>
      </c>
      <c r="R1523" s="58">
        <v>44.208773439415403</v>
      </c>
      <c r="S1523" s="124">
        <f t="shared" si="23"/>
        <v>0.35218668546084841</v>
      </c>
    </row>
    <row r="1524" spans="8:19" x14ac:dyDescent="0.3">
      <c r="H1524" s="44">
        <v>1517</v>
      </c>
      <c r="I1524" s="56">
        <f>Bühler!I1550</f>
        <v>8.1273850490965013E-2</v>
      </c>
      <c r="J1524" s="59">
        <f>Bühler!J1550</f>
        <v>0.27091283496988339</v>
      </c>
      <c r="K1524" s="59">
        <f>Bühler!K1550</f>
        <v>0.40636925245482503</v>
      </c>
      <c r="L1524" s="59">
        <f>Bühler!L1550</f>
        <v>1.9505724117831602</v>
      </c>
      <c r="M1524" s="58">
        <f>Bühler!M1550</f>
        <v>0</v>
      </c>
      <c r="N1524" s="56">
        <f>IF(Input!$D$19=1,J1524*Input!$C$19,0)+IF(Input!$D$20=1,K1524*Input!$C$20,0)+IF(Input!$D$21=1,L1524*Input!$C$21,0)+IF(Input!$D$22=1,M1524*Input!$C$22,0)</f>
        <v>8.1273850490965013E-2</v>
      </c>
      <c r="O1524" s="59">
        <f>IF(Input!$D$19=2,J1524*Input!$C$19,0)+IF(Input!$D$20=2,K1524*Input!$C$20,0)+IF(Input!$D$21=2,L1524*Input!$C$21,0)+IF(Input!$D$22=2,M1524*Input!$C$22,0)</f>
        <v>0.20318462622741251</v>
      </c>
      <c r="P1524" s="59">
        <f>IF(Input!$D$19=3,J1524*Input!$C$19,0)+IF(Input!$D$20=3,K1524*Input!$C$20,0)+IF(Input!$D$21=3,L1524*Input!$C$21,0)+IF(Input!$D$22=3,M1524*Input!$C$22,0)</f>
        <v>0</v>
      </c>
      <c r="Q1524" s="75">
        <f>IF(Input!$D$19=4,J1524*Input!$C$19,0)+IF(Input!$D$20=4,K1524*Input!$C$20,0)+IF(Input!$D$21=4,L1524*Input!$C$21,0)+IF(Input!$D$22=4,M1524*Input!$C$22,0)</f>
        <v>0</v>
      </c>
      <c r="R1524" s="58">
        <v>47.126622082953538</v>
      </c>
      <c r="S1524" s="124">
        <f t="shared" si="23"/>
        <v>0.35218668546084841</v>
      </c>
    </row>
    <row r="1525" spans="8:19" x14ac:dyDescent="0.3">
      <c r="H1525" s="44">
        <v>1518</v>
      </c>
      <c r="I1525" s="56">
        <f>Bühler!I1551</f>
        <v>0.35218668546084836</v>
      </c>
      <c r="J1525" s="59">
        <f>Bühler!J1551</f>
        <v>1.1739556182028279</v>
      </c>
      <c r="K1525" s="59">
        <f>Bühler!K1551</f>
        <v>1.7609334273042418</v>
      </c>
      <c r="L1525" s="59">
        <f>Bühler!L1551</f>
        <v>8.4524804510603602</v>
      </c>
      <c r="M1525" s="58">
        <f>Bühler!M1551</f>
        <v>0</v>
      </c>
      <c r="N1525" s="56">
        <f>IF(Input!$D$19=1,J1525*Input!$C$19,0)+IF(Input!$D$20=1,K1525*Input!$C$20,0)+IF(Input!$D$21=1,L1525*Input!$C$21,0)+IF(Input!$D$22=1,M1525*Input!$C$22,0)</f>
        <v>0.35218668546084836</v>
      </c>
      <c r="O1525" s="59">
        <f>IF(Input!$D$19=2,J1525*Input!$C$19,0)+IF(Input!$D$20=2,K1525*Input!$C$20,0)+IF(Input!$D$21=2,L1525*Input!$C$21,0)+IF(Input!$D$22=2,M1525*Input!$C$22,0)</f>
        <v>0.88046671365212092</v>
      </c>
      <c r="P1525" s="59">
        <f>IF(Input!$D$19=3,J1525*Input!$C$19,0)+IF(Input!$D$20=3,K1525*Input!$C$20,0)+IF(Input!$D$21=3,L1525*Input!$C$21,0)+IF(Input!$D$22=3,M1525*Input!$C$22,0)</f>
        <v>0</v>
      </c>
      <c r="Q1525" s="75">
        <f>IF(Input!$D$19=4,J1525*Input!$C$19,0)+IF(Input!$D$20=4,K1525*Input!$C$20,0)+IF(Input!$D$21=4,L1525*Input!$C$21,0)+IF(Input!$D$22=4,M1525*Input!$C$22,0)</f>
        <v>0</v>
      </c>
      <c r="R1525" s="58">
        <v>53.175573656137935</v>
      </c>
      <c r="S1525" s="124">
        <f t="shared" si="23"/>
        <v>1.5261423036636763</v>
      </c>
    </row>
    <row r="1526" spans="8:19" x14ac:dyDescent="0.3">
      <c r="H1526" s="44">
        <v>1519</v>
      </c>
      <c r="I1526" s="56">
        <f>Bühler!I1552</f>
        <v>0.39959643158057795</v>
      </c>
      <c r="J1526" s="59">
        <f>Bühler!J1552</f>
        <v>1.3319881052685933</v>
      </c>
      <c r="K1526" s="59">
        <f>Bühler!K1552</f>
        <v>1.9979821579028898</v>
      </c>
      <c r="L1526" s="59">
        <f>Bühler!L1552</f>
        <v>9.5903143579338703</v>
      </c>
      <c r="M1526" s="58">
        <f>Bühler!M1552</f>
        <v>0</v>
      </c>
      <c r="N1526" s="56">
        <f>IF(Input!$D$19=1,J1526*Input!$C$19,0)+IF(Input!$D$20=1,K1526*Input!$C$20,0)+IF(Input!$D$21=1,L1526*Input!$C$21,0)+IF(Input!$D$22=1,M1526*Input!$C$22,0)</f>
        <v>0.399596431580578</v>
      </c>
      <c r="O1526" s="59">
        <f>IF(Input!$D$19=2,J1526*Input!$C$19,0)+IF(Input!$D$20=2,K1526*Input!$C$20,0)+IF(Input!$D$21=2,L1526*Input!$C$21,0)+IF(Input!$D$22=2,M1526*Input!$C$22,0)</f>
        <v>0.9989910789514449</v>
      </c>
      <c r="P1526" s="59">
        <f>IF(Input!$D$19=3,J1526*Input!$C$19,0)+IF(Input!$D$20=3,K1526*Input!$C$20,0)+IF(Input!$D$21=3,L1526*Input!$C$21,0)+IF(Input!$D$22=3,M1526*Input!$C$22,0)</f>
        <v>0</v>
      </c>
      <c r="Q1526" s="75">
        <f>IF(Input!$D$19=4,J1526*Input!$C$19,0)+IF(Input!$D$20=4,K1526*Input!$C$20,0)+IF(Input!$D$21=4,L1526*Input!$C$21,0)+IF(Input!$D$22=4,M1526*Input!$C$22,0)</f>
        <v>0</v>
      </c>
      <c r="R1526" s="58">
        <v>59.034417511630075</v>
      </c>
      <c r="S1526" s="124">
        <f t="shared" si="23"/>
        <v>1.7315845368491714</v>
      </c>
    </row>
    <row r="1527" spans="8:19" x14ac:dyDescent="0.3">
      <c r="H1527" s="44">
        <v>1520</v>
      </c>
      <c r="I1527" s="56">
        <f>Bühler!I1553</f>
        <v>0.39959643158057795</v>
      </c>
      <c r="J1527" s="59">
        <f>Bühler!J1553</f>
        <v>1.3319881052685933</v>
      </c>
      <c r="K1527" s="59">
        <f>Bühler!K1553</f>
        <v>1.9979821579028898</v>
      </c>
      <c r="L1527" s="59">
        <f>Bühler!L1553</f>
        <v>9.5903143579338703</v>
      </c>
      <c r="M1527" s="58">
        <f>Bühler!M1553</f>
        <v>0</v>
      </c>
      <c r="N1527" s="56">
        <f>IF(Input!$D$19=1,J1527*Input!$C$19,0)+IF(Input!$D$20=1,K1527*Input!$C$20,0)+IF(Input!$D$21=1,L1527*Input!$C$21,0)+IF(Input!$D$22=1,M1527*Input!$C$22,0)</f>
        <v>0.399596431580578</v>
      </c>
      <c r="O1527" s="59">
        <f>IF(Input!$D$19=2,J1527*Input!$C$19,0)+IF(Input!$D$20=2,K1527*Input!$C$20,0)+IF(Input!$D$21=2,L1527*Input!$C$21,0)+IF(Input!$D$22=2,M1527*Input!$C$22,0)</f>
        <v>0.9989910789514449</v>
      </c>
      <c r="P1527" s="59">
        <f>IF(Input!$D$19=3,J1527*Input!$C$19,0)+IF(Input!$D$20=3,K1527*Input!$C$20,0)+IF(Input!$D$21=3,L1527*Input!$C$21,0)+IF(Input!$D$22=3,M1527*Input!$C$22,0)</f>
        <v>0</v>
      </c>
      <c r="Q1527" s="75">
        <f>IF(Input!$D$19=4,J1527*Input!$C$19,0)+IF(Input!$D$20=4,K1527*Input!$C$20,0)+IF(Input!$D$21=4,L1527*Input!$C$21,0)+IF(Input!$D$22=4,M1527*Input!$C$22,0)</f>
        <v>0</v>
      </c>
      <c r="R1527" s="58">
        <v>61.902624972305574</v>
      </c>
      <c r="S1527" s="124">
        <f t="shared" si="23"/>
        <v>1.7315845368491714</v>
      </c>
    </row>
    <row r="1528" spans="8:19" x14ac:dyDescent="0.3">
      <c r="H1528" s="44">
        <v>1521</v>
      </c>
      <c r="I1528" s="56">
        <f>Bühler!I1554</f>
        <v>0.39959643158057795</v>
      </c>
      <c r="J1528" s="59">
        <f>Bühler!J1554</f>
        <v>1.3319881052685933</v>
      </c>
      <c r="K1528" s="59">
        <f>Bühler!K1554</f>
        <v>1.9979821579028898</v>
      </c>
      <c r="L1528" s="59">
        <f>Bühler!L1554</f>
        <v>9.5903143579338703</v>
      </c>
      <c r="M1528" s="58">
        <f>Bühler!M1554</f>
        <v>0</v>
      </c>
      <c r="N1528" s="56">
        <f>IF(Input!$D$19=1,J1528*Input!$C$19,0)+IF(Input!$D$20=1,K1528*Input!$C$20,0)+IF(Input!$D$21=1,L1528*Input!$C$21,0)+IF(Input!$D$22=1,M1528*Input!$C$22,0)</f>
        <v>0.399596431580578</v>
      </c>
      <c r="O1528" s="59">
        <f>IF(Input!$D$19=2,J1528*Input!$C$19,0)+IF(Input!$D$20=2,K1528*Input!$C$20,0)+IF(Input!$D$21=2,L1528*Input!$C$21,0)+IF(Input!$D$22=2,M1528*Input!$C$22,0)</f>
        <v>0.9989910789514449</v>
      </c>
      <c r="P1528" s="59">
        <f>IF(Input!$D$19=3,J1528*Input!$C$19,0)+IF(Input!$D$20=3,K1528*Input!$C$20,0)+IF(Input!$D$21=3,L1528*Input!$C$21,0)+IF(Input!$D$22=3,M1528*Input!$C$22,0)</f>
        <v>0</v>
      </c>
      <c r="Q1528" s="75">
        <f>IF(Input!$D$19=4,J1528*Input!$C$19,0)+IF(Input!$D$20=4,K1528*Input!$C$20,0)+IF(Input!$D$21=4,L1528*Input!$C$21,0)+IF(Input!$D$22=4,M1528*Input!$C$22,0)</f>
        <v>0</v>
      </c>
      <c r="R1528" s="58">
        <v>63.888883137170836</v>
      </c>
      <c r="S1528" s="124">
        <f t="shared" si="23"/>
        <v>1.7315845368491714</v>
      </c>
    </row>
    <row r="1529" spans="8:19" x14ac:dyDescent="0.3">
      <c r="H1529" s="44">
        <v>1522</v>
      </c>
      <c r="I1529" s="56">
        <f>Bühler!I1555</f>
        <v>0.42668771507756637</v>
      </c>
      <c r="J1529" s="59">
        <f>Bühler!J1555</f>
        <v>1.4222923835918879</v>
      </c>
      <c r="K1529" s="59">
        <f>Bühler!K1555</f>
        <v>2.1334385753878315</v>
      </c>
      <c r="L1529" s="59">
        <f>Bühler!L1555</f>
        <v>10.240505161861593</v>
      </c>
      <c r="M1529" s="58">
        <f>Bühler!M1555</f>
        <v>0</v>
      </c>
      <c r="N1529" s="56">
        <f>IF(Input!$D$19=1,J1529*Input!$C$19,0)+IF(Input!$D$20=1,K1529*Input!$C$20,0)+IF(Input!$D$21=1,L1529*Input!$C$21,0)+IF(Input!$D$22=1,M1529*Input!$C$22,0)</f>
        <v>0.42668771507756637</v>
      </c>
      <c r="O1529" s="59">
        <f>IF(Input!$D$19=2,J1529*Input!$C$19,0)+IF(Input!$D$20=2,K1529*Input!$C$20,0)+IF(Input!$D$21=2,L1529*Input!$C$21,0)+IF(Input!$D$22=2,M1529*Input!$C$22,0)</f>
        <v>1.0667192876939158</v>
      </c>
      <c r="P1529" s="59">
        <f>IF(Input!$D$19=3,J1529*Input!$C$19,0)+IF(Input!$D$20=3,K1529*Input!$C$20,0)+IF(Input!$D$21=3,L1529*Input!$C$21,0)+IF(Input!$D$22=3,M1529*Input!$C$22,0)</f>
        <v>0</v>
      </c>
      <c r="Q1529" s="75">
        <f>IF(Input!$D$19=4,J1529*Input!$C$19,0)+IF(Input!$D$20=4,K1529*Input!$C$20,0)+IF(Input!$D$21=4,L1529*Input!$C$21,0)+IF(Input!$D$22=4,M1529*Input!$C$22,0)</f>
        <v>0</v>
      </c>
      <c r="R1529" s="58">
        <v>63.880000250247114</v>
      </c>
      <c r="S1529" s="124">
        <f t="shared" si="23"/>
        <v>1.8489800986694542</v>
      </c>
    </row>
    <row r="1530" spans="8:19" x14ac:dyDescent="0.3">
      <c r="H1530" s="44">
        <v>1523</v>
      </c>
      <c r="I1530" s="56">
        <f>Bühler!I1556</f>
        <v>0.42668771507756637</v>
      </c>
      <c r="J1530" s="59">
        <f>Bühler!J1556</f>
        <v>1.4222923835918879</v>
      </c>
      <c r="K1530" s="59">
        <f>Bühler!K1556</f>
        <v>2.1334385753878315</v>
      </c>
      <c r="L1530" s="59">
        <f>Bühler!L1556</f>
        <v>10.240505161861593</v>
      </c>
      <c r="M1530" s="58">
        <f>Bühler!M1556</f>
        <v>0</v>
      </c>
      <c r="N1530" s="56">
        <f>IF(Input!$D$19=1,J1530*Input!$C$19,0)+IF(Input!$D$20=1,K1530*Input!$C$20,0)+IF(Input!$D$21=1,L1530*Input!$C$21,0)+IF(Input!$D$22=1,M1530*Input!$C$22,0)</f>
        <v>0.42668771507756637</v>
      </c>
      <c r="O1530" s="59">
        <f>IF(Input!$D$19=2,J1530*Input!$C$19,0)+IF(Input!$D$20=2,K1530*Input!$C$20,0)+IF(Input!$D$21=2,L1530*Input!$C$21,0)+IF(Input!$D$22=2,M1530*Input!$C$22,0)</f>
        <v>1.0667192876939158</v>
      </c>
      <c r="P1530" s="59">
        <f>IF(Input!$D$19=3,J1530*Input!$C$19,0)+IF(Input!$D$20=3,K1530*Input!$C$20,0)+IF(Input!$D$21=3,L1530*Input!$C$21,0)+IF(Input!$D$22=3,M1530*Input!$C$22,0)</f>
        <v>0</v>
      </c>
      <c r="Q1530" s="75">
        <f>IF(Input!$D$19=4,J1530*Input!$C$19,0)+IF(Input!$D$20=4,K1530*Input!$C$20,0)+IF(Input!$D$21=4,L1530*Input!$C$21,0)+IF(Input!$D$22=4,M1530*Input!$C$22,0)</f>
        <v>0</v>
      </c>
      <c r="R1530" s="58">
        <v>64.971189370045451</v>
      </c>
      <c r="S1530" s="124">
        <f t="shared" si="23"/>
        <v>1.8489800986694542</v>
      </c>
    </row>
    <row r="1531" spans="8:19" x14ac:dyDescent="0.3">
      <c r="H1531" s="44">
        <v>1524</v>
      </c>
      <c r="I1531" s="56">
        <f>Bühler!I1557</f>
        <v>0.54182566993976677</v>
      </c>
      <c r="J1531" s="59">
        <f>Bühler!J1557</f>
        <v>1.8060855664658892</v>
      </c>
      <c r="K1531" s="59">
        <f>Bühler!K1557</f>
        <v>2.7091283496988336</v>
      </c>
      <c r="L1531" s="59">
        <f>Bühler!L1557</f>
        <v>13.003816078554401</v>
      </c>
      <c r="M1531" s="58">
        <f>Bühler!M1557</f>
        <v>0</v>
      </c>
      <c r="N1531" s="56">
        <f>IF(Input!$D$19=1,J1531*Input!$C$19,0)+IF(Input!$D$20=1,K1531*Input!$C$20,0)+IF(Input!$D$21=1,L1531*Input!$C$21,0)+IF(Input!$D$22=1,M1531*Input!$C$22,0)</f>
        <v>0.54182566993976677</v>
      </c>
      <c r="O1531" s="59">
        <f>IF(Input!$D$19=2,J1531*Input!$C$19,0)+IF(Input!$D$20=2,K1531*Input!$C$20,0)+IF(Input!$D$21=2,L1531*Input!$C$21,0)+IF(Input!$D$22=2,M1531*Input!$C$22,0)</f>
        <v>1.3545641748494168</v>
      </c>
      <c r="P1531" s="59">
        <f>IF(Input!$D$19=3,J1531*Input!$C$19,0)+IF(Input!$D$20=3,K1531*Input!$C$20,0)+IF(Input!$D$21=3,L1531*Input!$C$21,0)+IF(Input!$D$22=3,M1531*Input!$C$22,0)</f>
        <v>0</v>
      </c>
      <c r="Q1531" s="75">
        <f>IF(Input!$D$19=4,J1531*Input!$C$19,0)+IF(Input!$D$20=4,K1531*Input!$C$20,0)+IF(Input!$D$21=4,L1531*Input!$C$21,0)+IF(Input!$D$22=4,M1531*Input!$C$22,0)</f>
        <v>0</v>
      </c>
      <c r="R1531" s="58">
        <v>65.789788301582021</v>
      </c>
      <c r="S1531" s="124">
        <f t="shared" si="23"/>
        <v>2.3479112364056558</v>
      </c>
    </row>
    <row r="1532" spans="8:19" x14ac:dyDescent="0.3">
      <c r="H1532" s="44">
        <v>1525</v>
      </c>
      <c r="I1532" s="56">
        <f>Bühler!I1558</f>
        <v>0.54182566993976677</v>
      </c>
      <c r="J1532" s="59">
        <f>Bühler!J1558</f>
        <v>1.8060855664658892</v>
      </c>
      <c r="K1532" s="59">
        <f>Bühler!K1558</f>
        <v>2.7091283496988336</v>
      </c>
      <c r="L1532" s="59">
        <f>Bühler!L1558</f>
        <v>13.003816078554401</v>
      </c>
      <c r="M1532" s="58">
        <f>Bühler!M1558</f>
        <v>0</v>
      </c>
      <c r="N1532" s="56">
        <f>IF(Input!$D$19=1,J1532*Input!$C$19,0)+IF(Input!$D$20=1,K1532*Input!$C$20,0)+IF(Input!$D$21=1,L1532*Input!$C$21,0)+IF(Input!$D$22=1,M1532*Input!$C$22,0)</f>
        <v>0.54182566993976677</v>
      </c>
      <c r="O1532" s="59">
        <f>IF(Input!$D$19=2,J1532*Input!$C$19,0)+IF(Input!$D$20=2,K1532*Input!$C$20,0)+IF(Input!$D$21=2,L1532*Input!$C$21,0)+IF(Input!$D$22=2,M1532*Input!$C$22,0)</f>
        <v>1.3545641748494168</v>
      </c>
      <c r="P1532" s="59">
        <f>IF(Input!$D$19=3,J1532*Input!$C$19,0)+IF(Input!$D$20=3,K1532*Input!$C$20,0)+IF(Input!$D$21=3,L1532*Input!$C$21,0)+IF(Input!$D$22=3,M1532*Input!$C$22,0)</f>
        <v>0</v>
      </c>
      <c r="Q1532" s="75">
        <f>IF(Input!$D$19=4,J1532*Input!$C$19,0)+IF(Input!$D$20=4,K1532*Input!$C$20,0)+IF(Input!$D$21=4,L1532*Input!$C$21,0)+IF(Input!$D$22=4,M1532*Input!$C$22,0)</f>
        <v>0</v>
      </c>
      <c r="R1532" s="58">
        <v>65.378957777358806</v>
      </c>
      <c r="S1532" s="124">
        <f t="shared" si="23"/>
        <v>2.3479112364056558</v>
      </c>
    </row>
    <row r="1533" spans="8:19" x14ac:dyDescent="0.3">
      <c r="H1533" s="44">
        <v>1526</v>
      </c>
      <c r="I1533" s="56">
        <f>Bühler!I1559</f>
        <v>0.35895950633509549</v>
      </c>
      <c r="J1533" s="59">
        <f>Bühler!J1559</f>
        <v>1.1965316877836516</v>
      </c>
      <c r="K1533" s="59">
        <f>Bühler!K1559</f>
        <v>1.7947975316754774</v>
      </c>
      <c r="L1533" s="59">
        <f>Bühler!L1559</f>
        <v>8.6150281520422904</v>
      </c>
      <c r="M1533" s="58">
        <f>Bühler!M1559</f>
        <v>0</v>
      </c>
      <c r="N1533" s="56">
        <f>IF(Input!$D$19=1,J1533*Input!$C$19,0)+IF(Input!$D$20=1,K1533*Input!$C$20,0)+IF(Input!$D$21=1,L1533*Input!$C$21,0)+IF(Input!$D$22=1,M1533*Input!$C$22,0)</f>
        <v>0.35895950633509549</v>
      </c>
      <c r="O1533" s="59">
        <f>IF(Input!$D$19=2,J1533*Input!$C$19,0)+IF(Input!$D$20=2,K1533*Input!$C$20,0)+IF(Input!$D$21=2,L1533*Input!$C$21,0)+IF(Input!$D$22=2,M1533*Input!$C$22,0)</f>
        <v>0.8973987658377387</v>
      </c>
      <c r="P1533" s="59">
        <f>IF(Input!$D$19=3,J1533*Input!$C$19,0)+IF(Input!$D$20=3,K1533*Input!$C$20,0)+IF(Input!$D$21=3,L1533*Input!$C$21,0)+IF(Input!$D$22=3,M1533*Input!$C$22,0)</f>
        <v>0</v>
      </c>
      <c r="Q1533" s="75">
        <f>IF(Input!$D$19=4,J1533*Input!$C$19,0)+IF(Input!$D$20=4,K1533*Input!$C$20,0)+IF(Input!$D$21=4,L1533*Input!$C$21,0)+IF(Input!$D$22=4,M1533*Input!$C$22,0)</f>
        <v>0</v>
      </c>
      <c r="R1533" s="58">
        <v>65.640124648078853</v>
      </c>
      <c r="S1533" s="124">
        <f t="shared" si="23"/>
        <v>1.555491194118747</v>
      </c>
    </row>
    <row r="1534" spans="8:19" x14ac:dyDescent="0.3">
      <c r="H1534" s="44">
        <v>1527</v>
      </c>
      <c r="I1534" s="56">
        <f>Bühler!I1560</f>
        <v>0.54182566993976677</v>
      </c>
      <c r="J1534" s="59">
        <f>Bühler!J1560</f>
        <v>1.8060855664658892</v>
      </c>
      <c r="K1534" s="59">
        <f>Bühler!K1560</f>
        <v>2.7091283496988336</v>
      </c>
      <c r="L1534" s="59">
        <f>Bühler!L1560</f>
        <v>13.003816078554401</v>
      </c>
      <c r="M1534" s="58">
        <f>Bühler!M1560</f>
        <v>0</v>
      </c>
      <c r="N1534" s="56">
        <f>IF(Input!$D$19=1,J1534*Input!$C$19,0)+IF(Input!$D$20=1,K1534*Input!$C$20,0)+IF(Input!$D$21=1,L1534*Input!$C$21,0)+IF(Input!$D$22=1,M1534*Input!$C$22,0)</f>
        <v>0.54182566993976677</v>
      </c>
      <c r="O1534" s="59">
        <f>IF(Input!$D$19=2,J1534*Input!$C$19,0)+IF(Input!$D$20=2,K1534*Input!$C$20,0)+IF(Input!$D$21=2,L1534*Input!$C$21,0)+IF(Input!$D$22=2,M1534*Input!$C$22,0)</f>
        <v>1.3545641748494168</v>
      </c>
      <c r="P1534" s="59">
        <f>IF(Input!$D$19=3,J1534*Input!$C$19,0)+IF(Input!$D$20=3,K1534*Input!$C$20,0)+IF(Input!$D$21=3,L1534*Input!$C$21,0)+IF(Input!$D$22=3,M1534*Input!$C$22,0)</f>
        <v>0</v>
      </c>
      <c r="Q1534" s="75">
        <f>IF(Input!$D$19=4,J1534*Input!$C$19,0)+IF(Input!$D$20=4,K1534*Input!$C$20,0)+IF(Input!$D$21=4,L1534*Input!$C$21,0)+IF(Input!$D$22=4,M1534*Input!$C$22,0)</f>
        <v>0</v>
      </c>
      <c r="R1534" s="58">
        <v>66.554872689391033</v>
      </c>
      <c r="S1534" s="124">
        <f t="shared" si="23"/>
        <v>2.3479112364056558</v>
      </c>
    </row>
    <row r="1535" spans="8:19" x14ac:dyDescent="0.3">
      <c r="H1535" s="44">
        <v>1528</v>
      </c>
      <c r="I1535" s="56">
        <f>Bühler!I1561</f>
        <v>0.54182566993976677</v>
      </c>
      <c r="J1535" s="59">
        <f>Bühler!J1561</f>
        <v>1.8060855664658892</v>
      </c>
      <c r="K1535" s="59">
        <f>Bühler!K1561</f>
        <v>2.7091283496988336</v>
      </c>
      <c r="L1535" s="59">
        <f>Bühler!L1561</f>
        <v>13.003816078554401</v>
      </c>
      <c r="M1535" s="58">
        <f>Bühler!M1561</f>
        <v>0</v>
      </c>
      <c r="N1535" s="56">
        <f>IF(Input!$D$19=1,J1535*Input!$C$19,0)+IF(Input!$D$20=1,K1535*Input!$C$20,0)+IF(Input!$D$21=1,L1535*Input!$C$21,0)+IF(Input!$D$22=1,M1535*Input!$C$22,0)</f>
        <v>0.54182566993976677</v>
      </c>
      <c r="O1535" s="59">
        <f>IF(Input!$D$19=2,J1535*Input!$C$19,0)+IF(Input!$D$20=2,K1535*Input!$C$20,0)+IF(Input!$D$21=2,L1535*Input!$C$21,0)+IF(Input!$D$22=2,M1535*Input!$C$22,0)</f>
        <v>1.3545641748494168</v>
      </c>
      <c r="P1535" s="59">
        <f>IF(Input!$D$19=3,J1535*Input!$C$19,0)+IF(Input!$D$20=3,K1535*Input!$C$20,0)+IF(Input!$D$21=3,L1535*Input!$C$21,0)+IF(Input!$D$22=3,M1535*Input!$C$22,0)</f>
        <v>0</v>
      </c>
      <c r="Q1535" s="75">
        <f>IF(Input!$D$19=4,J1535*Input!$C$19,0)+IF(Input!$D$20=4,K1535*Input!$C$20,0)+IF(Input!$D$21=4,L1535*Input!$C$21,0)+IF(Input!$D$22=4,M1535*Input!$C$22,0)</f>
        <v>0</v>
      </c>
      <c r="R1535" s="58">
        <v>66.204450134808738</v>
      </c>
      <c r="S1535" s="124">
        <f t="shared" si="23"/>
        <v>2.3479112364056558</v>
      </c>
    </row>
    <row r="1536" spans="8:19" x14ac:dyDescent="0.3">
      <c r="H1536" s="44">
        <v>1529</v>
      </c>
      <c r="I1536" s="56">
        <f>Bühler!I1562</f>
        <v>0.54182566993976677</v>
      </c>
      <c r="J1536" s="59">
        <f>Bühler!J1562</f>
        <v>1.8060855664658892</v>
      </c>
      <c r="K1536" s="59">
        <f>Bühler!K1562</f>
        <v>2.7091283496988336</v>
      </c>
      <c r="L1536" s="59">
        <f>Bühler!L1562</f>
        <v>13.003816078554401</v>
      </c>
      <c r="M1536" s="58">
        <f>Bühler!M1562</f>
        <v>0</v>
      </c>
      <c r="N1536" s="56">
        <f>IF(Input!$D$19=1,J1536*Input!$C$19,0)+IF(Input!$D$20=1,K1536*Input!$C$20,0)+IF(Input!$D$21=1,L1536*Input!$C$21,0)+IF(Input!$D$22=1,M1536*Input!$C$22,0)</f>
        <v>0.54182566993976677</v>
      </c>
      <c r="O1536" s="59">
        <f>IF(Input!$D$19=2,J1536*Input!$C$19,0)+IF(Input!$D$20=2,K1536*Input!$C$20,0)+IF(Input!$D$21=2,L1536*Input!$C$21,0)+IF(Input!$D$22=2,M1536*Input!$C$22,0)</f>
        <v>1.3545641748494168</v>
      </c>
      <c r="P1536" s="59">
        <f>IF(Input!$D$19=3,J1536*Input!$C$19,0)+IF(Input!$D$20=3,K1536*Input!$C$20,0)+IF(Input!$D$21=3,L1536*Input!$C$21,0)+IF(Input!$D$22=3,M1536*Input!$C$22,0)</f>
        <v>0</v>
      </c>
      <c r="Q1536" s="75">
        <f>IF(Input!$D$19=4,J1536*Input!$C$19,0)+IF(Input!$D$20=4,K1536*Input!$C$20,0)+IF(Input!$D$21=4,L1536*Input!$C$21,0)+IF(Input!$D$22=4,M1536*Input!$C$22,0)</f>
        <v>0</v>
      </c>
      <c r="R1536" s="58">
        <v>65.062369260000679</v>
      </c>
      <c r="S1536" s="124">
        <f t="shared" si="23"/>
        <v>2.3479112364056558</v>
      </c>
    </row>
    <row r="1537" spans="8:19" x14ac:dyDescent="0.3">
      <c r="H1537" s="44">
        <v>1530</v>
      </c>
      <c r="I1537" s="56">
        <f>Bühler!I1563</f>
        <v>0.54182566993976677</v>
      </c>
      <c r="J1537" s="59">
        <f>Bühler!J1563</f>
        <v>1.8060855664658892</v>
      </c>
      <c r="K1537" s="59">
        <f>Bühler!K1563</f>
        <v>2.7091283496988336</v>
      </c>
      <c r="L1537" s="59">
        <f>Bühler!L1563</f>
        <v>13.003816078554401</v>
      </c>
      <c r="M1537" s="58">
        <f>Bühler!M1563</f>
        <v>0</v>
      </c>
      <c r="N1537" s="56">
        <f>IF(Input!$D$19=1,J1537*Input!$C$19,0)+IF(Input!$D$20=1,K1537*Input!$C$20,0)+IF(Input!$D$21=1,L1537*Input!$C$21,0)+IF(Input!$D$22=1,M1537*Input!$C$22,0)</f>
        <v>0.54182566993976677</v>
      </c>
      <c r="O1537" s="59">
        <f>IF(Input!$D$19=2,J1537*Input!$C$19,0)+IF(Input!$D$20=2,K1537*Input!$C$20,0)+IF(Input!$D$21=2,L1537*Input!$C$21,0)+IF(Input!$D$22=2,M1537*Input!$C$22,0)</f>
        <v>1.3545641748494168</v>
      </c>
      <c r="P1537" s="59">
        <f>IF(Input!$D$19=3,J1537*Input!$C$19,0)+IF(Input!$D$20=3,K1537*Input!$C$20,0)+IF(Input!$D$21=3,L1537*Input!$C$21,0)+IF(Input!$D$22=3,M1537*Input!$C$22,0)</f>
        <v>0</v>
      </c>
      <c r="Q1537" s="75">
        <f>IF(Input!$D$19=4,J1537*Input!$C$19,0)+IF(Input!$D$20=4,K1537*Input!$C$20,0)+IF(Input!$D$21=4,L1537*Input!$C$21,0)+IF(Input!$D$22=4,M1537*Input!$C$22,0)</f>
        <v>0</v>
      </c>
      <c r="R1537" s="58">
        <v>63.689559687364515</v>
      </c>
      <c r="S1537" s="124">
        <f t="shared" si="23"/>
        <v>2.3479112364056558</v>
      </c>
    </row>
    <row r="1538" spans="8:19" x14ac:dyDescent="0.3">
      <c r="H1538" s="44">
        <v>1531</v>
      </c>
      <c r="I1538" s="56">
        <f>Bühler!I1564</f>
        <v>0.54182566993976677</v>
      </c>
      <c r="J1538" s="59">
        <f>Bühler!J1564</f>
        <v>1.8060855664658892</v>
      </c>
      <c r="K1538" s="59">
        <f>Bühler!K1564</f>
        <v>2.7091283496988336</v>
      </c>
      <c r="L1538" s="59">
        <f>Bühler!L1564</f>
        <v>13.003816078554401</v>
      </c>
      <c r="M1538" s="58">
        <f>Bühler!M1564</f>
        <v>0</v>
      </c>
      <c r="N1538" s="56">
        <f>IF(Input!$D$19=1,J1538*Input!$C$19,0)+IF(Input!$D$20=1,K1538*Input!$C$20,0)+IF(Input!$D$21=1,L1538*Input!$C$21,0)+IF(Input!$D$22=1,M1538*Input!$C$22,0)</f>
        <v>0.54182566993976677</v>
      </c>
      <c r="O1538" s="59">
        <f>IF(Input!$D$19=2,J1538*Input!$C$19,0)+IF(Input!$D$20=2,K1538*Input!$C$20,0)+IF(Input!$D$21=2,L1538*Input!$C$21,0)+IF(Input!$D$22=2,M1538*Input!$C$22,0)</f>
        <v>1.3545641748494168</v>
      </c>
      <c r="P1538" s="59">
        <f>IF(Input!$D$19=3,J1538*Input!$C$19,0)+IF(Input!$D$20=3,K1538*Input!$C$20,0)+IF(Input!$D$21=3,L1538*Input!$C$21,0)+IF(Input!$D$22=3,M1538*Input!$C$22,0)</f>
        <v>0</v>
      </c>
      <c r="Q1538" s="75">
        <f>IF(Input!$D$19=4,J1538*Input!$C$19,0)+IF(Input!$D$20=4,K1538*Input!$C$20,0)+IF(Input!$D$21=4,L1538*Input!$C$21,0)+IF(Input!$D$22=4,M1538*Input!$C$22,0)</f>
        <v>0</v>
      </c>
      <c r="R1538" s="58">
        <v>62.393047646948737</v>
      </c>
      <c r="S1538" s="124">
        <f t="shared" si="23"/>
        <v>2.3479112364056558</v>
      </c>
    </row>
    <row r="1539" spans="8:19" x14ac:dyDescent="0.3">
      <c r="H1539" s="44">
        <v>1532</v>
      </c>
      <c r="I1539" s="56">
        <f>Bühler!I1565</f>
        <v>0.45377899857455467</v>
      </c>
      <c r="J1539" s="59">
        <f>Bühler!J1565</f>
        <v>1.5125966619151825</v>
      </c>
      <c r="K1539" s="59">
        <f>Bühler!K1565</f>
        <v>2.2688949928727733</v>
      </c>
      <c r="L1539" s="59">
        <f>Bühler!L1565</f>
        <v>10.890695965789313</v>
      </c>
      <c r="M1539" s="58">
        <f>Bühler!M1565</f>
        <v>0</v>
      </c>
      <c r="N1539" s="56">
        <f>IF(Input!$D$19=1,J1539*Input!$C$19,0)+IF(Input!$D$20=1,K1539*Input!$C$20,0)+IF(Input!$D$21=1,L1539*Input!$C$21,0)+IF(Input!$D$22=1,M1539*Input!$C$22,0)</f>
        <v>0.45377899857455473</v>
      </c>
      <c r="O1539" s="59">
        <f>IF(Input!$D$19=2,J1539*Input!$C$19,0)+IF(Input!$D$20=2,K1539*Input!$C$20,0)+IF(Input!$D$21=2,L1539*Input!$C$21,0)+IF(Input!$D$22=2,M1539*Input!$C$22,0)</f>
        <v>1.1344474964363866</v>
      </c>
      <c r="P1539" s="59">
        <f>IF(Input!$D$19=3,J1539*Input!$C$19,0)+IF(Input!$D$20=3,K1539*Input!$C$20,0)+IF(Input!$D$21=3,L1539*Input!$C$21,0)+IF(Input!$D$22=3,M1539*Input!$C$22,0)</f>
        <v>0</v>
      </c>
      <c r="Q1539" s="75">
        <f>IF(Input!$D$19=4,J1539*Input!$C$19,0)+IF(Input!$D$20=4,K1539*Input!$C$20,0)+IF(Input!$D$21=4,L1539*Input!$C$21,0)+IF(Input!$D$22=4,M1539*Input!$C$22,0)</f>
        <v>0</v>
      </c>
      <c r="R1539" s="58">
        <v>61.891437117728479</v>
      </c>
      <c r="S1539" s="124">
        <f t="shared" si="23"/>
        <v>1.9663756604897371</v>
      </c>
    </row>
    <row r="1540" spans="8:19" x14ac:dyDescent="0.3">
      <c r="H1540" s="44">
        <v>1533</v>
      </c>
      <c r="I1540" s="56">
        <f>Bühler!I1566</f>
        <v>0.37250514808358964</v>
      </c>
      <c r="J1540" s="59">
        <f>Bühler!J1566</f>
        <v>1.241683826945299</v>
      </c>
      <c r="K1540" s="59">
        <f>Bühler!K1566</f>
        <v>1.8625257404179481</v>
      </c>
      <c r="L1540" s="59">
        <f>Bühler!L1566</f>
        <v>8.940123554006151</v>
      </c>
      <c r="M1540" s="58">
        <f>Bühler!M1566</f>
        <v>0</v>
      </c>
      <c r="N1540" s="56">
        <f>IF(Input!$D$19=1,J1540*Input!$C$19,0)+IF(Input!$D$20=1,K1540*Input!$C$20,0)+IF(Input!$D$21=1,L1540*Input!$C$21,0)+IF(Input!$D$22=1,M1540*Input!$C$22,0)</f>
        <v>0.3725051480835897</v>
      </c>
      <c r="O1540" s="59">
        <f>IF(Input!$D$19=2,J1540*Input!$C$19,0)+IF(Input!$D$20=2,K1540*Input!$C$20,0)+IF(Input!$D$21=2,L1540*Input!$C$21,0)+IF(Input!$D$22=2,M1540*Input!$C$22,0)</f>
        <v>0.93126287020897403</v>
      </c>
      <c r="P1540" s="59">
        <f>IF(Input!$D$19=3,J1540*Input!$C$19,0)+IF(Input!$D$20=3,K1540*Input!$C$20,0)+IF(Input!$D$21=3,L1540*Input!$C$21,0)+IF(Input!$D$22=3,M1540*Input!$C$22,0)</f>
        <v>0</v>
      </c>
      <c r="Q1540" s="75">
        <f>IF(Input!$D$19=4,J1540*Input!$C$19,0)+IF(Input!$D$20=4,K1540*Input!$C$20,0)+IF(Input!$D$21=4,L1540*Input!$C$21,0)+IF(Input!$D$22=4,M1540*Input!$C$22,0)</f>
        <v>0</v>
      </c>
      <c r="R1540" s="58">
        <v>60.751712892782209</v>
      </c>
      <c r="S1540" s="124">
        <f t="shared" si="23"/>
        <v>1.6141889750288887</v>
      </c>
    </row>
    <row r="1541" spans="8:19" x14ac:dyDescent="0.3">
      <c r="H1541" s="44">
        <v>1534</v>
      </c>
      <c r="I1541" s="56">
        <f>Bühler!I1567</f>
        <v>0.27091283496988339</v>
      </c>
      <c r="J1541" s="59">
        <f>Bühler!J1567</f>
        <v>0.90304278323294462</v>
      </c>
      <c r="K1541" s="59">
        <f>Bühler!K1567</f>
        <v>1.3545641748494168</v>
      </c>
      <c r="L1541" s="59">
        <f>Bühler!L1567</f>
        <v>6.5019080392772004</v>
      </c>
      <c r="M1541" s="58">
        <f>Bühler!M1567</f>
        <v>0</v>
      </c>
      <c r="N1541" s="56">
        <f>IF(Input!$D$19=1,J1541*Input!$C$19,0)+IF(Input!$D$20=1,K1541*Input!$C$20,0)+IF(Input!$D$21=1,L1541*Input!$C$21,0)+IF(Input!$D$22=1,M1541*Input!$C$22,0)</f>
        <v>0.27091283496988339</v>
      </c>
      <c r="O1541" s="59">
        <f>IF(Input!$D$19=2,J1541*Input!$C$19,0)+IF(Input!$D$20=2,K1541*Input!$C$20,0)+IF(Input!$D$21=2,L1541*Input!$C$21,0)+IF(Input!$D$22=2,M1541*Input!$C$22,0)</f>
        <v>0.67728208742470841</v>
      </c>
      <c r="P1541" s="59">
        <f>IF(Input!$D$19=3,J1541*Input!$C$19,0)+IF(Input!$D$20=3,K1541*Input!$C$20,0)+IF(Input!$D$21=3,L1541*Input!$C$21,0)+IF(Input!$D$22=3,M1541*Input!$C$22,0)</f>
        <v>0</v>
      </c>
      <c r="Q1541" s="75">
        <f>IF(Input!$D$19=4,J1541*Input!$C$19,0)+IF(Input!$D$20=4,K1541*Input!$C$20,0)+IF(Input!$D$21=4,L1541*Input!$C$21,0)+IF(Input!$D$22=4,M1541*Input!$C$22,0)</f>
        <v>0</v>
      </c>
      <c r="R1541" s="58">
        <v>58.705404767896511</v>
      </c>
      <c r="S1541" s="124">
        <f t="shared" si="23"/>
        <v>1.1739556182028279</v>
      </c>
    </row>
    <row r="1542" spans="8:19" x14ac:dyDescent="0.3">
      <c r="H1542" s="44">
        <v>1535</v>
      </c>
      <c r="I1542" s="56">
        <f>Bühler!I1568</f>
        <v>0.25736719322138918</v>
      </c>
      <c r="J1542" s="59">
        <f>Bühler!J1568</f>
        <v>0.85789064407129745</v>
      </c>
      <c r="K1542" s="59">
        <f>Bühler!K1568</f>
        <v>1.2868359661069459</v>
      </c>
      <c r="L1542" s="59">
        <f>Bühler!L1568</f>
        <v>6.1768126373133407</v>
      </c>
      <c r="M1542" s="58">
        <f>Bühler!M1568</f>
        <v>0</v>
      </c>
      <c r="N1542" s="56">
        <f>IF(Input!$D$19=1,J1542*Input!$C$19,0)+IF(Input!$D$20=1,K1542*Input!$C$20,0)+IF(Input!$D$21=1,L1542*Input!$C$21,0)+IF(Input!$D$22=1,M1542*Input!$C$22,0)</f>
        <v>0.25736719322138923</v>
      </c>
      <c r="O1542" s="59">
        <f>IF(Input!$D$19=2,J1542*Input!$C$19,0)+IF(Input!$D$20=2,K1542*Input!$C$20,0)+IF(Input!$D$21=2,L1542*Input!$C$21,0)+IF(Input!$D$22=2,M1542*Input!$C$22,0)</f>
        <v>0.64341798305347297</v>
      </c>
      <c r="P1542" s="59">
        <f>IF(Input!$D$19=3,J1542*Input!$C$19,0)+IF(Input!$D$20=3,K1542*Input!$C$20,0)+IF(Input!$D$21=3,L1542*Input!$C$21,0)+IF(Input!$D$22=3,M1542*Input!$C$22,0)</f>
        <v>0</v>
      </c>
      <c r="Q1542" s="75">
        <f>IF(Input!$D$19=4,J1542*Input!$C$19,0)+IF(Input!$D$20=4,K1542*Input!$C$20,0)+IF(Input!$D$21=4,L1542*Input!$C$21,0)+IF(Input!$D$22=4,M1542*Input!$C$22,0)</f>
        <v>0</v>
      </c>
      <c r="R1542" s="58">
        <v>58.212002864014352</v>
      </c>
      <c r="S1542" s="124">
        <f t="shared" si="23"/>
        <v>1.1152578372926867</v>
      </c>
    </row>
    <row r="1543" spans="8:19" x14ac:dyDescent="0.3">
      <c r="H1543" s="44">
        <v>1536</v>
      </c>
      <c r="I1543" s="56">
        <f>Bühler!I1569</f>
        <v>0.25736719322138918</v>
      </c>
      <c r="J1543" s="59">
        <f>Bühler!J1569</f>
        <v>0.85789064407129745</v>
      </c>
      <c r="K1543" s="59">
        <f>Bühler!K1569</f>
        <v>1.2868359661069459</v>
      </c>
      <c r="L1543" s="59">
        <f>Bühler!L1569</f>
        <v>6.1768126373133407</v>
      </c>
      <c r="M1543" s="58">
        <f>Bühler!M1569</f>
        <v>0</v>
      </c>
      <c r="N1543" s="56">
        <f>IF(Input!$D$19=1,J1543*Input!$C$19,0)+IF(Input!$D$20=1,K1543*Input!$C$20,0)+IF(Input!$D$21=1,L1543*Input!$C$21,0)+IF(Input!$D$22=1,M1543*Input!$C$22,0)</f>
        <v>0.25736719322138923</v>
      </c>
      <c r="O1543" s="59">
        <f>IF(Input!$D$19=2,J1543*Input!$C$19,0)+IF(Input!$D$20=2,K1543*Input!$C$20,0)+IF(Input!$D$21=2,L1543*Input!$C$21,0)+IF(Input!$D$22=2,M1543*Input!$C$22,0)</f>
        <v>0.64341798305347297</v>
      </c>
      <c r="P1543" s="59">
        <f>IF(Input!$D$19=3,J1543*Input!$C$19,0)+IF(Input!$D$20=3,K1543*Input!$C$20,0)+IF(Input!$D$21=3,L1543*Input!$C$21,0)+IF(Input!$D$22=3,M1543*Input!$C$22,0)</f>
        <v>0</v>
      </c>
      <c r="Q1543" s="75">
        <f>IF(Input!$D$19=4,J1543*Input!$C$19,0)+IF(Input!$D$20=4,K1543*Input!$C$20,0)+IF(Input!$D$21=4,L1543*Input!$C$21,0)+IF(Input!$D$22=4,M1543*Input!$C$22,0)</f>
        <v>0</v>
      </c>
      <c r="R1543" s="58">
        <v>57.712923664636136</v>
      </c>
      <c r="S1543" s="124">
        <f t="shared" si="23"/>
        <v>1.1152578372926867</v>
      </c>
    </row>
    <row r="1544" spans="8:19" x14ac:dyDescent="0.3">
      <c r="H1544" s="44">
        <v>1537</v>
      </c>
      <c r="I1544" s="56">
        <f>Bühler!I1570</f>
        <v>0.24777918870085269</v>
      </c>
      <c r="J1544" s="59">
        <f>Bühler!J1570</f>
        <v>0.82593062900284231</v>
      </c>
      <c r="K1544" s="59">
        <f>Bühler!K1570</f>
        <v>1.2388959435042635</v>
      </c>
      <c r="L1544" s="59">
        <f>Bühler!L1570</f>
        <v>5.9467005288204646</v>
      </c>
      <c r="M1544" s="58">
        <f>Bühler!M1570</f>
        <v>0</v>
      </c>
      <c r="N1544" s="56">
        <f>IF(Input!$D$19=1,J1544*Input!$C$19,0)+IF(Input!$D$20=1,K1544*Input!$C$20,0)+IF(Input!$D$21=1,L1544*Input!$C$21,0)+IF(Input!$D$22=1,M1544*Input!$C$22,0)</f>
        <v>0.24777918870085269</v>
      </c>
      <c r="O1544" s="59">
        <f>IF(Input!$D$19=2,J1544*Input!$C$19,0)+IF(Input!$D$20=2,K1544*Input!$C$20,0)+IF(Input!$D$21=2,L1544*Input!$C$21,0)+IF(Input!$D$22=2,M1544*Input!$C$22,0)</f>
        <v>0.61944797175213173</v>
      </c>
      <c r="P1544" s="59">
        <f>IF(Input!$D$19=3,J1544*Input!$C$19,0)+IF(Input!$D$20=3,K1544*Input!$C$20,0)+IF(Input!$D$21=3,L1544*Input!$C$21,0)+IF(Input!$D$22=3,M1544*Input!$C$22,0)</f>
        <v>0</v>
      </c>
      <c r="Q1544" s="75">
        <f>IF(Input!$D$19=4,J1544*Input!$C$19,0)+IF(Input!$D$20=4,K1544*Input!$C$20,0)+IF(Input!$D$21=4,L1544*Input!$C$21,0)+IF(Input!$D$22=4,M1544*Input!$C$22,0)</f>
        <v>0</v>
      </c>
      <c r="R1544" s="58">
        <v>57.251248105335073</v>
      </c>
      <c r="S1544" s="124">
        <f t="shared" si="23"/>
        <v>1.073709817703695</v>
      </c>
    </row>
    <row r="1545" spans="8:19" x14ac:dyDescent="0.3">
      <c r="H1545" s="44">
        <v>1538</v>
      </c>
      <c r="I1545" s="56">
        <f>Bühler!I1571</f>
        <v>0.24777918870085269</v>
      </c>
      <c r="J1545" s="59">
        <f>Bühler!J1571</f>
        <v>0.82593062900284231</v>
      </c>
      <c r="K1545" s="59">
        <f>Bühler!K1571</f>
        <v>1.2388959435042635</v>
      </c>
      <c r="L1545" s="59">
        <f>Bühler!L1571</f>
        <v>5.9467005288204646</v>
      </c>
      <c r="M1545" s="58">
        <f>Bühler!M1571</f>
        <v>0</v>
      </c>
      <c r="N1545" s="56">
        <f>IF(Input!$D$19=1,J1545*Input!$C$19,0)+IF(Input!$D$20=1,K1545*Input!$C$20,0)+IF(Input!$D$21=1,L1545*Input!$C$21,0)+IF(Input!$D$22=1,M1545*Input!$C$22,0)</f>
        <v>0.24777918870085269</v>
      </c>
      <c r="O1545" s="59">
        <f>IF(Input!$D$19=2,J1545*Input!$C$19,0)+IF(Input!$D$20=2,K1545*Input!$C$20,0)+IF(Input!$D$21=2,L1545*Input!$C$21,0)+IF(Input!$D$22=2,M1545*Input!$C$22,0)</f>
        <v>0.61944797175213173</v>
      </c>
      <c r="P1545" s="59">
        <f>IF(Input!$D$19=3,J1545*Input!$C$19,0)+IF(Input!$D$20=3,K1545*Input!$C$20,0)+IF(Input!$D$21=3,L1545*Input!$C$21,0)+IF(Input!$D$22=3,M1545*Input!$C$22,0)</f>
        <v>0</v>
      </c>
      <c r="Q1545" s="75">
        <f>IF(Input!$D$19=4,J1545*Input!$C$19,0)+IF(Input!$D$20=4,K1545*Input!$C$20,0)+IF(Input!$D$21=4,L1545*Input!$C$21,0)+IF(Input!$D$22=4,M1545*Input!$C$22,0)</f>
        <v>0</v>
      </c>
      <c r="R1545" s="58">
        <v>57.382404801319744</v>
      </c>
      <c r="S1545" s="124">
        <f t="shared" ref="S1545:S1608" si="24">I1545+J1545</f>
        <v>1.073709817703695</v>
      </c>
    </row>
    <row r="1546" spans="8:19" x14ac:dyDescent="0.3">
      <c r="H1546" s="44">
        <v>1539</v>
      </c>
      <c r="I1546" s="56">
        <f>Bühler!I1572</f>
        <v>0.24777918870085269</v>
      </c>
      <c r="J1546" s="59">
        <f>Bühler!J1572</f>
        <v>0.82593062900284231</v>
      </c>
      <c r="K1546" s="59">
        <f>Bühler!K1572</f>
        <v>1.2388959435042635</v>
      </c>
      <c r="L1546" s="59">
        <f>Bühler!L1572</f>
        <v>5.9467005288204646</v>
      </c>
      <c r="M1546" s="58">
        <f>Bühler!M1572</f>
        <v>0</v>
      </c>
      <c r="N1546" s="56">
        <f>IF(Input!$D$19=1,J1546*Input!$C$19,0)+IF(Input!$D$20=1,K1546*Input!$C$20,0)+IF(Input!$D$21=1,L1546*Input!$C$21,0)+IF(Input!$D$22=1,M1546*Input!$C$22,0)</f>
        <v>0.24777918870085269</v>
      </c>
      <c r="O1546" s="59">
        <f>IF(Input!$D$19=2,J1546*Input!$C$19,0)+IF(Input!$D$20=2,K1546*Input!$C$20,0)+IF(Input!$D$21=2,L1546*Input!$C$21,0)+IF(Input!$D$22=2,M1546*Input!$C$22,0)</f>
        <v>0.61944797175213173</v>
      </c>
      <c r="P1546" s="59">
        <f>IF(Input!$D$19=3,J1546*Input!$C$19,0)+IF(Input!$D$20=3,K1546*Input!$C$20,0)+IF(Input!$D$21=3,L1546*Input!$C$21,0)+IF(Input!$D$22=3,M1546*Input!$C$22,0)</f>
        <v>0</v>
      </c>
      <c r="Q1546" s="75">
        <f>IF(Input!$D$19=4,J1546*Input!$C$19,0)+IF(Input!$D$20=4,K1546*Input!$C$20,0)+IF(Input!$D$21=4,L1546*Input!$C$21,0)+IF(Input!$D$22=4,M1546*Input!$C$22,0)</f>
        <v>0</v>
      </c>
      <c r="R1546" s="58">
        <v>57.482231821027952</v>
      </c>
      <c r="S1546" s="124">
        <f t="shared" si="24"/>
        <v>1.073709817703695</v>
      </c>
    </row>
    <row r="1547" spans="8:19" x14ac:dyDescent="0.3">
      <c r="H1547" s="44">
        <v>1540</v>
      </c>
      <c r="I1547" s="56">
        <f>Bühler!I1573</f>
        <v>0.24777918870085269</v>
      </c>
      <c r="J1547" s="59">
        <f>Bühler!J1573</f>
        <v>0.82593062900284231</v>
      </c>
      <c r="K1547" s="59">
        <f>Bühler!K1573</f>
        <v>1.2388959435042635</v>
      </c>
      <c r="L1547" s="59">
        <f>Bühler!L1573</f>
        <v>5.9467005288204646</v>
      </c>
      <c r="M1547" s="58">
        <f>Bühler!M1573</f>
        <v>0</v>
      </c>
      <c r="N1547" s="56">
        <f>IF(Input!$D$19=1,J1547*Input!$C$19,0)+IF(Input!$D$20=1,K1547*Input!$C$20,0)+IF(Input!$D$21=1,L1547*Input!$C$21,0)+IF(Input!$D$22=1,M1547*Input!$C$22,0)</f>
        <v>0.24777918870085269</v>
      </c>
      <c r="O1547" s="59">
        <f>IF(Input!$D$19=2,J1547*Input!$C$19,0)+IF(Input!$D$20=2,K1547*Input!$C$20,0)+IF(Input!$D$21=2,L1547*Input!$C$21,0)+IF(Input!$D$22=2,M1547*Input!$C$22,0)</f>
        <v>0.61944797175213173</v>
      </c>
      <c r="P1547" s="59">
        <f>IF(Input!$D$19=3,J1547*Input!$C$19,0)+IF(Input!$D$20=3,K1547*Input!$C$20,0)+IF(Input!$D$21=3,L1547*Input!$C$21,0)+IF(Input!$D$22=3,M1547*Input!$C$22,0)</f>
        <v>0</v>
      </c>
      <c r="Q1547" s="75">
        <f>IF(Input!$D$19=4,J1547*Input!$C$19,0)+IF(Input!$D$20=4,K1547*Input!$C$20,0)+IF(Input!$D$21=4,L1547*Input!$C$21,0)+IF(Input!$D$22=4,M1547*Input!$C$22,0)</f>
        <v>0</v>
      </c>
      <c r="R1547" s="58">
        <v>57.822700088066497</v>
      </c>
      <c r="S1547" s="124">
        <f t="shared" si="24"/>
        <v>1.073709817703695</v>
      </c>
    </row>
    <row r="1548" spans="8:19" x14ac:dyDescent="0.3">
      <c r="H1548" s="44">
        <v>1541</v>
      </c>
      <c r="I1548" s="56">
        <f>Bühler!I1574</f>
        <v>0.24777918870085269</v>
      </c>
      <c r="J1548" s="59">
        <f>Bühler!J1574</f>
        <v>0.82593062900284231</v>
      </c>
      <c r="K1548" s="59">
        <f>Bühler!K1574</f>
        <v>1.2388959435042635</v>
      </c>
      <c r="L1548" s="59">
        <f>Bühler!L1574</f>
        <v>5.9467005288204646</v>
      </c>
      <c r="M1548" s="58">
        <f>Bühler!M1574</f>
        <v>0</v>
      </c>
      <c r="N1548" s="56">
        <f>IF(Input!$D$19=1,J1548*Input!$C$19,0)+IF(Input!$D$20=1,K1548*Input!$C$20,0)+IF(Input!$D$21=1,L1548*Input!$C$21,0)+IF(Input!$D$22=1,M1548*Input!$C$22,0)</f>
        <v>0.24777918870085269</v>
      </c>
      <c r="O1548" s="59">
        <f>IF(Input!$D$19=2,J1548*Input!$C$19,0)+IF(Input!$D$20=2,K1548*Input!$C$20,0)+IF(Input!$D$21=2,L1548*Input!$C$21,0)+IF(Input!$D$22=2,M1548*Input!$C$22,0)</f>
        <v>0.61944797175213173</v>
      </c>
      <c r="P1548" s="59">
        <f>IF(Input!$D$19=3,J1548*Input!$C$19,0)+IF(Input!$D$20=3,K1548*Input!$C$20,0)+IF(Input!$D$21=3,L1548*Input!$C$21,0)+IF(Input!$D$22=3,M1548*Input!$C$22,0)</f>
        <v>0</v>
      </c>
      <c r="Q1548" s="75">
        <f>IF(Input!$D$19=4,J1548*Input!$C$19,0)+IF(Input!$D$20=4,K1548*Input!$C$20,0)+IF(Input!$D$21=4,L1548*Input!$C$21,0)+IF(Input!$D$22=4,M1548*Input!$C$22,0)</f>
        <v>0</v>
      </c>
      <c r="R1548" s="58">
        <v>59.67200944260928</v>
      </c>
      <c r="S1548" s="124">
        <f t="shared" si="24"/>
        <v>1.073709817703695</v>
      </c>
    </row>
    <row r="1549" spans="8:19" x14ac:dyDescent="0.3">
      <c r="H1549" s="44">
        <v>1542</v>
      </c>
      <c r="I1549" s="56">
        <f>Bühler!I1575</f>
        <v>0.32211294531110851</v>
      </c>
      <c r="J1549" s="59">
        <f>Bühler!J1575</f>
        <v>1.073709817703695</v>
      </c>
      <c r="K1549" s="59">
        <f>Bühler!K1575</f>
        <v>1.6105647265555425</v>
      </c>
      <c r="L1549" s="59">
        <f>Bühler!L1575</f>
        <v>7.7307106874666038</v>
      </c>
      <c r="M1549" s="58">
        <f>Bühler!M1575</f>
        <v>0</v>
      </c>
      <c r="N1549" s="56">
        <f>IF(Input!$D$19=1,J1549*Input!$C$19,0)+IF(Input!$D$20=1,K1549*Input!$C$20,0)+IF(Input!$D$21=1,L1549*Input!$C$21,0)+IF(Input!$D$22=1,M1549*Input!$C$22,0)</f>
        <v>0.32211294531110851</v>
      </c>
      <c r="O1549" s="59">
        <f>IF(Input!$D$19=2,J1549*Input!$C$19,0)+IF(Input!$D$20=2,K1549*Input!$C$20,0)+IF(Input!$D$21=2,L1549*Input!$C$21,0)+IF(Input!$D$22=2,M1549*Input!$C$22,0)</f>
        <v>0.80528236327777125</v>
      </c>
      <c r="P1549" s="59">
        <f>IF(Input!$D$19=3,J1549*Input!$C$19,0)+IF(Input!$D$20=3,K1549*Input!$C$20,0)+IF(Input!$D$21=3,L1549*Input!$C$21,0)+IF(Input!$D$22=3,M1549*Input!$C$22,0)</f>
        <v>0</v>
      </c>
      <c r="Q1549" s="75">
        <f>IF(Input!$D$19=4,J1549*Input!$C$19,0)+IF(Input!$D$20=4,K1549*Input!$C$20,0)+IF(Input!$D$21=4,L1549*Input!$C$21,0)+IF(Input!$D$22=4,M1549*Input!$C$22,0)</f>
        <v>0</v>
      </c>
      <c r="R1549" s="58">
        <v>63.051197524763353</v>
      </c>
      <c r="S1549" s="124">
        <f t="shared" si="24"/>
        <v>1.3958227630148035</v>
      </c>
    </row>
    <row r="1550" spans="8:19" x14ac:dyDescent="0.3">
      <c r="H1550" s="44">
        <v>1543</v>
      </c>
      <c r="I1550" s="56">
        <f>Bühler!I1576</f>
        <v>0.35927982361623634</v>
      </c>
      <c r="J1550" s="59">
        <f>Bühler!J1576</f>
        <v>1.1975994120541211</v>
      </c>
      <c r="K1550" s="59">
        <f>Bühler!K1576</f>
        <v>1.7963991180811816</v>
      </c>
      <c r="L1550" s="59">
        <f>Bühler!L1576</f>
        <v>8.6227157667896712</v>
      </c>
      <c r="M1550" s="58">
        <f>Bühler!M1576</f>
        <v>0</v>
      </c>
      <c r="N1550" s="56">
        <f>IF(Input!$D$19=1,J1550*Input!$C$19,0)+IF(Input!$D$20=1,K1550*Input!$C$20,0)+IF(Input!$D$21=1,L1550*Input!$C$21,0)+IF(Input!$D$22=1,M1550*Input!$C$22,0)</f>
        <v>0.35927982361623634</v>
      </c>
      <c r="O1550" s="59">
        <f>IF(Input!$D$19=2,J1550*Input!$C$19,0)+IF(Input!$D$20=2,K1550*Input!$C$20,0)+IF(Input!$D$21=2,L1550*Input!$C$21,0)+IF(Input!$D$22=2,M1550*Input!$C$22,0)</f>
        <v>0.89819955904059079</v>
      </c>
      <c r="P1550" s="59">
        <f>IF(Input!$D$19=3,J1550*Input!$C$19,0)+IF(Input!$D$20=3,K1550*Input!$C$20,0)+IF(Input!$D$21=3,L1550*Input!$C$21,0)+IF(Input!$D$22=3,M1550*Input!$C$22,0)</f>
        <v>0</v>
      </c>
      <c r="Q1550" s="75">
        <f>IF(Input!$D$19=4,J1550*Input!$C$19,0)+IF(Input!$D$20=4,K1550*Input!$C$20,0)+IF(Input!$D$21=4,L1550*Input!$C$21,0)+IF(Input!$D$22=4,M1550*Input!$C$22,0)</f>
        <v>0</v>
      </c>
      <c r="R1550" s="58">
        <v>65.299032311018735</v>
      </c>
      <c r="S1550" s="124">
        <f t="shared" si="24"/>
        <v>1.5568792356703574</v>
      </c>
    </row>
    <row r="1551" spans="8:19" x14ac:dyDescent="0.3">
      <c r="H1551" s="44">
        <v>1544</v>
      </c>
      <c r="I1551" s="56">
        <f>Bühler!I1577</f>
        <v>0.37166878305127904</v>
      </c>
      <c r="J1551" s="59">
        <f>Bühler!J1577</f>
        <v>1.2388959435042635</v>
      </c>
      <c r="K1551" s="59">
        <f>Bühler!K1577</f>
        <v>1.8583439152563952</v>
      </c>
      <c r="L1551" s="59">
        <f>Bühler!L1577</f>
        <v>8.9200507932306969</v>
      </c>
      <c r="M1551" s="58">
        <f>Bühler!M1577</f>
        <v>0</v>
      </c>
      <c r="N1551" s="56">
        <f>IF(Input!$D$19=1,J1551*Input!$C$19,0)+IF(Input!$D$20=1,K1551*Input!$C$20,0)+IF(Input!$D$21=1,L1551*Input!$C$21,0)+IF(Input!$D$22=1,M1551*Input!$C$22,0)</f>
        <v>0.37166878305127904</v>
      </c>
      <c r="O1551" s="59">
        <f>IF(Input!$D$19=2,J1551*Input!$C$19,0)+IF(Input!$D$20=2,K1551*Input!$C$20,0)+IF(Input!$D$21=2,L1551*Input!$C$21,0)+IF(Input!$D$22=2,M1551*Input!$C$22,0)</f>
        <v>0.9291719576281976</v>
      </c>
      <c r="P1551" s="59">
        <f>IF(Input!$D$19=3,J1551*Input!$C$19,0)+IF(Input!$D$20=3,K1551*Input!$C$20,0)+IF(Input!$D$21=3,L1551*Input!$C$21,0)+IF(Input!$D$22=3,M1551*Input!$C$22,0)</f>
        <v>0</v>
      </c>
      <c r="Q1551" s="75">
        <f>IF(Input!$D$19=4,J1551*Input!$C$19,0)+IF(Input!$D$20=4,K1551*Input!$C$20,0)+IF(Input!$D$21=4,L1551*Input!$C$21,0)+IF(Input!$D$22=4,M1551*Input!$C$22,0)</f>
        <v>0</v>
      </c>
      <c r="R1551" s="58">
        <v>65.090012945483167</v>
      </c>
      <c r="S1551" s="124">
        <f t="shared" si="24"/>
        <v>1.6105647265555425</v>
      </c>
    </row>
    <row r="1552" spans="8:19" x14ac:dyDescent="0.3">
      <c r="H1552" s="44">
        <v>1545</v>
      </c>
      <c r="I1552" s="56">
        <f>Bühler!I1578</f>
        <v>0.37166878305127904</v>
      </c>
      <c r="J1552" s="59">
        <f>Bühler!J1578</f>
        <v>1.2388959435042635</v>
      </c>
      <c r="K1552" s="59">
        <f>Bühler!K1578</f>
        <v>1.8583439152563952</v>
      </c>
      <c r="L1552" s="59">
        <f>Bühler!L1578</f>
        <v>8.9200507932306969</v>
      </c>
      <c r="M1552" s="58">
        <f>Bühler!M1578</f>
        <v>0</v>
      </c>
      <c r="N1552" s="56">
        <f>IF(Input!$D$19=1,J1552*Input!$C$19,0)+IF(Input!$D$20=1,K1552*Input!$C$20,0)+IF(Input!$D$21=1,L1552*Input!$C$21,0)+IF(Input!$D$22=1,M1552*Input!$C$22,0)</f>
        <v>0.37166878305127904</v>
      </c>
      <c r="O1552" s="59">
        <f>IF(Input!$D$19=2,J1552*Input!$C$19,0)+IF(Input!$D$20=2,K1552*Input!$C$20,0)+IF(Input!$D$21=2,L1552*Input!$C$21,0)+IF(Input!$D$22=2,M1552*Input!$C$22,0)</f>
        <v>0.9291719576281976</v>
      </c>
      <c r="P1552" s="59">
        <f>IF(Input!$D$19=3,J1552*Input!$C$19,0)+IF(Input!$D$20=3,K1552*Input!$C$20,0)+IF(Input!$D$21=3,L1552*Input!$C$21,0)+IF(Input!$D$22=3,M1552*Input!$C$22,0)</f>
        <v>0</v>
      </c>
      <c r="Q1552" s="75">
        <f>IF(Input!$D$19=4,J1552*Input!$C$19,0)+IF(Input!$D$20=4,K1552*Input!$C$20,0)+IF(Input!$D$21=4,L1552*Input!$C$21,0)+IF(Input!$D$22=4,M1552*Input!$C$22,0)</f>
        <v>0</v>
      </c>
      <c r="R1552" s="58">
        <v>65.359411919189668</v>
      </c>
      <c r="S1552" s="124">
        <f t="shared" si="24"/>
        <v>1.6105647265555425</v>
      </c>
    </row>
    <row r="1553" spans="8:19" x14ac:dyDescent="0.3">
      <c r="H1553" s="44">
        <v>1546</v>
      </c>
      <c r="I1553" s="56">
        <f>Bühler!I1579</f>
        <v>0.40264118163888557</v>
      </c>
      <c r="J1553" s="59">
        <f>Bühler!J1579</f>
        <v>1.3421372721296188</v>
      </c>
      <c r="K1553" s="59">
        <f>Bühler!K1579</f>
        <v>2.0132059081944278</v>
      </c>
      <c r="L1553" s="59">
        <f>Bühler!L1579</f>
        <v>9.6633883593332541</v>
      </c>
      <c r="M1553" s="58">
        <f>Bühler!M1579</f>
        <v>0</v>
      </c>
      <c r="N1553" s="56">
        <f>IF(Input!$D$19=1,J1553*Input!$C$19,0)+IF(Input!$D$20=1,K1553*Input!$C$20,0)+IF(Input!$D$21=1,L1553*Input!$C$21,0)+IF(Input!$D$22=1,M1553*Input!$C$22,0)</f>
        <v>0.40264118163888563</v>
      </c>
      <c r="O1553" s="59">
        <f>IF(Input!$D$19=2,J1553*Input!$C$19,0)+IF(Input!$D$20=2,K1553*Input!$C$20,0)+IF(Input!$D$21=2,L1553*Input!$C$21,0)+IF(Input!$D$22=2,M1553*Input!$C$22,0)</f>
        <v>1.0066029540972139</v>
      </c>
      <c r="P1553" s="59">
        <f>IF(Input!$D$19=3,J1553*Input!$C$19,0)+IF(Input!$D$20=3,K1553*Input!$C$20,0)+IF(Input!$D$21=3,L1553*Input!$C$21,0)+IF(Input!$D$22=3,M1553*Input!$C$22,0)</f>
        <v>0</v>
      </c>
      <c r="Q1553" s="75">
        <f>IF(Input!$D$19=4,J1553*Input!$C$19,0)+IF(Input!$D$20=4,K1553*Input!$C$20,0)+IF(Input!$D$21=4,L1553*Input!$C$21,0)+IF(Input!$D$22=4,M1553*Input!$C$22,0)</f>
        <v>0</v>
      </c>
      <c r="R1553" s="58">
        <v>65.575518102128072</v>
      </c>
      <c r="S1553" s="124">
        <f t="shared" si="24"/>
        <v>1.7447784537685043</v>
      </c>
    </row>
    <row r="1554" spans="8:19" x14ac:dyDescent="0.3">
      <c r="H1554" s="44">
        <v>1547</v>
      </c>
      <c r="I1554" s="56">
        <f>Bühler!I1580</f>
        <v>0.42122462079144951</v>
      </c>
      <c r="J1554" s="59">
        <f>Bühler!J1580</f>
        <v>1.4040820693048319</v>
      </c>
      <c r="K1554" s="59">
        <f>Bühler!K1580</f>
        <v>2.1061231039572474</v>
      </c>
      <c r="L1554" s="59">
        <f>Bühler!L1580</f>
        <v>10.109390898994787</v>
      </c>
      <c r="M1554" s="58">
        <f>Bühler!M1580</f>
        <v>0</v>
      </c>
      <c r="N1554" s="56">
        <f>IF(Input!$D$19=1,J1554*Input!$C$19,0)+IF(Input!$D$20=1,K1554*Input!$C$20,0)+IF(Input!$D$21=1,L1554*Input!$C$21,0)+IF(Input!$D$22=1,M1554*Input!$C$22,0)</f>
        <v>0.42122462079144957</v>
      </c>
      <c r="O1554" s="59">
        <f>IF(Input!$D$19=2,J1554*Input!$C$19,0)+IF(Input!$D$20=2,K1554*Input!$C$20,0)+IF(Input!$D$21=2,L1554*Input!$C$21,0)+IF(Input!$D$22=2,M1554*Input!$C$22,0)</f>
        <v>1.0530615519786237</v>
      </c>
      <c r="P1554" s="59">
        <f>IF(Input!$D$19=3,J1554*Input!$C$19,0)+IF(Input!$D$20=3,K1554*Input!$C$20,0)+IF(Input!$D$21=3,L1554*Input!$C$21,0)+IF(Input!$D$22=3,M1554*Input!$C$22,0)</f>
        <v>0</v>
      </c>
      <c r="Q1554" s="75">
        <f>IF(Input!$D$19=4,J1554*Input!$C$19,0)+IF(Input!$D$20=4,K1554*Input!$C$20,0)+IF(Input!$D$21=4,L1554*Input!$C$21,0)+IF(Input!$D$22=4,M1554*Input!$C$22,0)</f>
        <v>0</v>
      </c>
      <c r="R1554" s="58">
        <v>66.395519749603196</v>
      </c>
      <c r="S1554" s="124">
        <f t="shared" si="24"/>
        <v>1.8253066900962813</v>
      </c>
    </row>
    <row r="1555" spans="8:19" x14ac:dyDescent="0.3">
      <c r="H1555" s="44">
        <v>1548</v>
      </c>
      <c r="I1555" s="56">
        <f>Bühler!I1581</f>
        <v>0.49555837740170539</v>
      </c>
      <c r="J1555" s="59">
        <f>Bühler!J1581</f>
        <v>1.6518612580056846</v>
      </c>
      <c r="K1555" s="59">
        <f>Bühler!K1581</f>
        <v>2.4777918870085269</v>
      </c>
      <c r="L1555" s="59">
        <f>Bühler!L1581</f>
        <v>11.893401057640929</v>
      </c>
      <c r="M1555" s="58">
        <f>Bühler!M1581</f>
        <v>0</v>
      </c>
      <c r="N1555" s="56">
        <f>IF(Input!$D$19=1,J1555*Input!$C$19,0)+IF(Input!$D$20=1,K1555*Input!$C$20,0)+IF(Input!$D$21=1,L1555*Input!$C$21,0)+IF(Input!$D$22=1,M1555*Input!$C$22,0)</f>
        <v>0.49555837740170539</v>
      </c>
      <c r="O1555" s="59">
        <f>IF(Input!$D$19=2,J1555*Input!$C$19,0)+IF(Input!$D$20=2,K1555*Input!$C$20,0)+IF(Input!$D$21=2,L1555*Input!$C$21,0)+IF(Input!$D$22=2,M1555*Input!$C$22,0)</f>
        <v>1.2388959435042635</v>
      </c>
      <c r="P1555" s="59">
        <f>IF(Input!$D$19=3,J1555*Input!$C$19,0)+IF(Input!$D$20=3,K1555*Input!$C$20,0)+IF(Input!$D$21=3,L1555*Input!$C$21,0)+IF(Input!$D$22=3,M1555*Input!$C$22,0)</f>
        <v>0</v>
      </c>
      <c r="Q1555" s="75">
        <f>IF(Input!$D$19=4,J1555*Input!$C$19,0)+IF(Input!$D$20=4,K1555*Input!$C$20,0)+IF(Input!$D$21=4,L1555*Input!$C$21,0)+IF(Input!$D$22=4,M1555*Input!$C$22,0)</f>
        <v>0</v>
      </c>
      <c r="R1555" s="58">
        <v>66.463112115010048</v>
      </c>
      <c r="S1555" s="124">
        <f t="shared" si="24"/>
        <v>2.14741963540739</v>
      </c>
    </row>
    <row r="1556" spans="8:19" x14ac:dyDescent="0.3">
      <c r="H1556" s="44">
        <v>1549</v>
      </c>
      <c r="I1556" s="56">
        <f>Bühler!I1582</f>
        <v>0.49555837740170539</v>
      </c>
      <c r="J1556" s="59">
        <f>Bühler!J1582</f>
        <v>1.6518612580056846</v>
      </c>
      <c r="K1556" s="59">
        <f>Bühler!K1582</f>
        <v>2.4777918870085269</v>
      </c>
      <c r="L1556" s="59">
        <f>Bühler!L1582</f>
        <v>11.893401057640929</v>
      </c>
      <c r="M1556" s="58">
        <f>Bühler!M1582</f>
        <v>0</v>
      </c>
      <c r="N1556" s="56">
        <f>IF(Input!$D$19=1,J1556*Input!$C$19,0)+IF(Input!$D$20=1,K1556*Input!$C$20,0)+IF(Input!$D$21=1,L1556*Input!$C$21,0)+IF(Input!$D$22=1,M1556*Input!$C$22,0)</f>
        <v>0.49555837740170539</v>
      </c>
      <c r="O1556" s="59">
        <f>IF(Input!$D$19=2,J1556*Input!$C$19,0)+IF(Input!$D$20=2,K1556*Input!$C$20,0)+IF(Input!$D$21=2,L1556*Input!$C$21,0)+IF(Input!$D$22=2,M1556*Input!$C$22,0)</f>
        <v>1.2388959435042635</v>
      </c>
      <c r="P1556" s="59">
        <f>IF(Input!$D$19=3,J1556*Input!$C$19,0)+IF(Input!$D$20=3,K1556*Input!$C$20,0)+IF(Input!$D$21=3,L1556*Input!$C$21,0)+IF(Input!$D$22=3,M1556*Input!$C$22,0)</f>
        <v>0</v>
      </c>
      <c r="Q1556" s="75">
        <f>IF(Input!$D$19=4,J1556*Input!$C$19,0)+IF(Input!$D$20=4,K1556*Input!$C$20,0)+IF(Input!$D$21=4,L1556*Input!$C$21,0)+IF(Input!$D$22=4,M1556*Input!$C$22,0)</f>
        <v>0</v>
      </c>
      <c r="R1556" s="58">
        <v>65.775887278167048</v>
      </c>
      <c r="S1556" s="124">
        <f t="shared" si="24"/>
        <v>2.14741963540739</v>
      </c>
    </row>
    <row r="1557" spans="8:19" x14ac:dyDescent="0.3">
      <c r="H1557" s="44">
        <v>1550</v>
      </c>
      <c r="I1557" s="56">
        <f>Bühler!I1583</f>
        <v>0.49555837740170539</v>
      </c>
      <c r="J1557" s="59">
        <f>Bühler!J1583</f>
        <v>1.6518612580056846</v>
      </c>
      <c r="K1557" s="59">
        <f>Bühler!K1583</f>
        <v>2.4777918870085269</v>
      </c>
      <c r="L1557" s="59">
        <f>Bühler!L1583</f>
        <v>11.893401057640929</v>
      </c>
      <c r="M1557" s="58">
        <f>Bühler!M1583</f>
        <v>0</v>
      </c>
      <c r="N1557" s="56">
        <f>IF(Input!$D$19=1,J1557*Input!$C$19,0)+IF(Input!$D$20=1,K1557*Input!$C$20,0)+IF(Input!$D$21=1,L1557*Input!$C$21,0)+IF(Input!$D$22=1,M1557*Input!$C$22,0)</f>
        <v>0.49555837740170539</v>
      </c>
      <c r="O1557" s="59">
        <f>IF(Input!$D$19=2,J1557*Input!$C$19,0)+IF(Input!$D$20=2,K1557*Input!$C$20,0)+IF(Input!$D$21=2,L1557*Input!$C$21,0)+IF(Input!$D$22=2,M1557*Input!$C$22,0)</f>
        <v>1.2388959435042635</v>
      </c>
      <c r="P1557" s="59">
        <f>IF(Input!$D$19=3,J1557*Input!$C$19,0)+IF(Input!$D$20=3,K1557*Input!$C$20,0)+IF(Input!$D$21=3,L1557*Input!$C$21,0)+IF(Input!$D$22=3,M1557*Input!$C$22,0)</f>
        <v>0</v>
      </c>
      <c r="Q1557" s="75">
        <f>IF(Input!$D$19=4,J1557*Input!$C$19,0)+IF(Input!$D$20=4,K1557*Input!$C$20,0)+IF(Input!$D$21=4,L1557*Input!$C$21,0)+IF(Input!$D$22=4,M1557*Input!$C$22,0)</f>
        <v>0</v>
      </c>
      <c r="R1557" s="58">
        <v>65.38875401737495</v>
      </c>
      <c r="S1557" s="124">
        <f t="shared" si="24"/>
        <v>2.14741963540739</v>
      </c>
    </row>
    <row r="1558" spans="8:19" x14ac:dyDescent="0.3">
      <c r="H1558" s="44">
        <v>1551</v>
      </c>
      <c r="I1558" s="56">
        <f>Bühler!I1584</f>
        <v>0.49555837740170539</v>
      </c>
      <c r="J1558" s="59">
        <f>Bühler!J1584</f>
        <v>1.6518612580056846</v>
      </c>
      <c r="K1558" s="59">
        <f>Bühler!K1584</f>
        <v>2.4777918870085269</v>
      </c>
      <c r="L1558" s="59">
        <f>Bühler!L1584</f>
        <v>11.893401057640929</v>
      </c>
      <c r="M1558" s="58">
        <f>Bühler!M1584</f>
        <v>0</v>
      </c>
      <c r="N1558" s="56">
        <f>IF(Input!$D$19=1,J1558*Input!$C$19,0)+IF(Input!$D$20=1,K1558*Input!$C$20,0)+IF(Input!$D$21=1,L1558*Input!$C$21,0)+IF(Input!$D$22=1,M1558*Input!$C$22,0)</f>
        <v>0.49555837740170539</v>
      </c>
      <c r="O1558" s="59">
        <f>IF(Input!$D$19=2,J1558*Input!$C$19,0)+IF(Input!$D$20=2,K1558*Input!$C$20,0)+IF(Input!$D$21=2,L1558*Input!$C$21,0)+IF(Input!$D$22=2,M1558*Input!$C$22,0)</f>
        <v>1.2388959435042635</v>
      </c>
      <c r="P1558" s="59">
        <f>IF(Input!$D$19=3,J1558*Input!$C$19,0)+IF(Input!$D$20=3,K1558*Input!$C$20,0)+IF(Input!$D$21=3,L1558*Input!$C$21,0)+IF(Input!$D$22=3,M1558*Input!$C$22,0)</f>
        <v>0</v>
      </c>
      <c r="Q1558" s="75">
        <f>IF(Input!$D$19=4,J1558*Input!$C$19,0)+IF(Input!$D$20=4,K1558*Input!$C$20,0)+IF(Input!$D$21=4,L1558*Input!$C$21,0)+IF(Input!$D$22=4,M1558*Input!$C$22,0)</f>
        <v>0</v>
      </c>
      <c r="R1558" s="58">
        <v>65.741053822753486</v>
      </c>
      <c r="S1558" s="124">
        <f t="shared" si="24"/>
        <v>2.14741963540739</v>
      </c>
    </row>
    <row r="1559" spans="8:19" x14ac:dyDescent="0.3">
      <c r="H1559" s="44">
        <v>1552</v>
      </c>
      <c r="I1559" s="56">
        <f>Bühler!I1585</f>
        <v>0.49555837740170539</v>
      </c>
      <c r="J1559" s="59">
        <f>Bühler!J1585</f>
        <v>1.6518612580056846</v>
      </c>
      <c r="K1559" s="59">
        <f>Bühler!K1585</f>
        <v>2.4777918870085269</v>
      </c>
      <c r="L1559" s="59">
        <f>Bühler!L1585</f>
        <v>11.893401057640929</v>
      </c>
      <c r="M1559" s="58">
        <f>Bühler!M1585</f>
        <v>0</v>
      </c>
      <c r="N1559" s="56">
        <f>IF(Input!$D$19=1,J1559*Input!$C$19,0)+IF(Input!$D$20=1,K1559*Input!$C$20,0)+IF(Input!$D$21=1,L1559*Input!$C$21,0)+IF(Input!$D$22=1,M1559*Input!$C$22,0)</f>
        <v>0.49555837740170539</v>
      </c>
      <c r="O1559" s="59">
        <f>IF(Input!$D$19=2,J1559*Input!$C$19,0)+IF(Input!$D$20=2,K1559*Input!$C$20,0)+IF(Input!$D$21=2,L1559*Input!$C$21,0)+IF(Input!$D$22=2,M1559*Input!$C$22,0)</f>
        <v>1.2388959435042635</v>
      </c>
      <c r="P1559" s="59">
        <f>IF(Input!$D$19=3,J1559*Input!$C$19,0)+IF(Input!$D$20=3,K1559*Input!$C$20,0)+IF(Input!$D$21=3,L1559*Input!$C$21,0)+IF(Input!$D$22=3,M1559*Input!$C$22,0)</f>
        <v>0</v>
      </c>
      <c r="Q1559" s="75">
        <f>IF(Input!$D$19=4,J1559*Input!$C$19,0)+IF(Input!$D$20=4,K1559*Input!$C$20,0)+IF(Input!$D$21=4,L1559*Input!$C$21,0)+IF(Input!$D$22=4,M1559*Input!$C$22,0)</f>
        <v>0</v>
      </c>
      <c r="R1559" s="58">
        <v>64.442734356460619</v>
      </c>
      <c r="S1559" s="124">
        <f t="shared" si="24"/>
        <v>2.14741963540739</v>
      </c>
    </row>
    <row r="1560" spans="8:19" x14ac:dyDescent="0.3">
      <c r="H1560" s="44">
        <v>1553</v>
      </c>
      <c r="I1560" s="56">
        <f>Bühler!I1586</f>
        <v>0.49555837740170539</v>
      </c>
      <c r="J1560" s="59">
        <f>Bühler!J1586</f>
        <v>1.6518612580056846</v>
      </c>
      <c r="K1560" s="59">
        <f>Bühler!K1586</f>
        <v>2.4777918870085269</v>
      </c>
      <c r="L1560" s="59">
        <f>Bühler!L1586</f>
        <v>11.893401057640929</v>
      </c>
      <c r="M1560" s="58">
        <f>Bühler!M1586</f>
        <v>0</v>
      </c>
      <c r="N1560" s="56">
        <f>IF(Input!$D$19=1,J1560*Input!$C$19,0)+IF(Input!$D$20=1,K1560*Input!$C$20,0)+IF(Input!$D$21=1,L1560*Input!$C$21,0)+IF(Input!$D$22=1,M1560*Input!$C$22,0)</f>
        <v>0.49555837740170539</v>
      </c>
      <c r="O1560" s="59">
        <f>IF(Input!$D$19=2,J1560*Input!$C$19,0)+IF(Input!$D$20=2,K1560*Input!$C$20,0)+IF(Input!$D$21=2,L1560*Input!$C$21,0)+IF(Input!$D$22=2,M1560*Input!$C$22,0)</f>
        <v>1.2388959435042635</v>
      </c>
      <c r="P1560" s="59">
        <f>IF(Input!$D$19=3,J1560*Input!$C$19,0)+IF(Input!$D$20=3,K1560*Input!$C$20,0)+IF(Input!$D$21=3,L1560*Input!$C$21,0)+IF(Input!$D$22=3,M1560*Input!$C$22,0)</f>
        <v>0</v>
      </c>
      <c r="Q1560" s="75">
        <f>IF(Input!$D$19=4,J1560*Input!$C$19,0)+IF(Input!$D$20=4,K1560*Input!$C$20,0)+IF(Input!$D$21=4,L1560*Input!$C$21,0)+IF(Input!$D$22=4,M1560*Input!$C$22,0)</f>
        <v>0</v>
      </c>
      <c r="R1560" s="58">
        <v>62.684688132591269</v>
      </c>
      <c r="S1560" s="124">
        <f t="shared" si="24"/>
        <v>2.14741963540739</v>
      </c>
    </row>
    <row r="1561" spans="8:19" x14ac:dyDescent="0.3">
      <c r="H1561" s="44">
        <v>1554</v>
      </c>
      <c r="I1561" s="56">
        <f>Bühler!I1587</f>
        <v>0.49555837740170539</v>
      </c>
      <c r="J1561" s="59">
        <f>Bühler!J1587</f>
        <v>1.6518612580056846</v>
      </c>
      <c r="K1561" s="59">
        <f>Bühler!K1587</f>
        <v>2.4777918870085269</v>
      </c>
      <c r="L1561" s="59">
        <f>Bühler!L1587</f>
        <v>11.893401057640929</v>
      </c>
      <c r="M1561" s="58">
        <f>Bühler!M1587</f>
        <v>0</v>
      </c>
      <c r="N1561" s="56">
        <f>IF(Input!$D$19=1,J1561*Input!$C$19,0)+IF(Input!$D$20=1,K1561*Input!$C$20,0)+IF(Input!$D$21=1,L1561*Input!$C$21,0)+IF(Input!$D$22=1,M1561*Input!$C$22,0)</f>
        <v>0.49555837740170539</v>
      </c>
      <c r="O1561" s="59">
        <f>IF(Input!$D$19=2,J1561*Input!$C$19,0)+IF(Input!$D$20=2,K1561*Input!$C$20,0)+IF(Input!$D$21=2,L1561*Input!$C$21,0)+IF(Input!$D$22=2,M1561*Input!$C$22,0)</f>
        <v>1.2388959435042635</v>
      </c>
      <c r="P1561" s="59">
        <f>IF(Input!$D$19=3,J1561*Input!$C$19,0)+IF(Input!$D$20=3,K1561*Input!$C$20,0)+IF(Input!$D$21=3,L1561*Input!$C$21,0)+IF(Input!$D$22=3,M1561*Input!$C$22,0)</f>
        <v>0</v>
      </c>
      <c r="Q1561" s="75">
        <f>IF(Input!$D$19=4,J1561*Input!$C$19,0)+IF(Input!$D$20=4,K1561*Input!$C$20,0)+IF(Input!$D$21=4,L1561*Input!$C$21,0)+IF(Input!$D$22=4,M1561*Input!$C$22,0)</f>
        <v>0</v>
      </c>
      <c r="R1561" s="58">
        <v>61.65765279513888</v>
      </c>
      <c r="S1561" s="124">
        <f t="shared" si="24"/>
        <v>2.14741963540739</v>
      </c>
    </row>
    <row r="1562" spans="8:19" x14ac:dyDescent="0.3">
      <c r="H1562" s="44">
        <v>1555</v>
      </c>
      <c r="I1562" s="56">
        <f>Bühler!I1588</f>
        <v>0.49555837740170539</v>
      </c>
      <c r="J1562" s="59">
        <f>Bühler!J1588</f>
        <v>1.6518612580056846</v>
      </c>
      <c r="K1562" s="59">
        <f>Bühler!K1588</f>
        <v>2.4777918870085269</v>
      </c>
      <c r="L1562" s="59">
        <f>Bühler!L1588</f>
        <v>11.893401057640929</v>
      </c>
      <c r="M1562" s="58">
        <f>Bühler!M1588</f>
        <v>0</v>
      </c>
      <c r="N1562" s="56">
        <f>IF(Input!$D$19=1,J1562*Input!$C$19,0)+IF(Input!$D$20=1,K1562*Input!$C$20,0)+IF(Input!$D$21=1,L1562*Input!$C$21,0)+IF(Input!$D$22=1,M1562*Input!$C$22,0)</f>
        <v>0.49555837740170539</v>
      </c>
      <c r="O1562" s="59">
        <f>IF(Input!$D$19=2,J1562*Input!$C$19,0)+IF(Input!$D$20=2,K1562*Input!$C$20,0)+IF(Input!$D$21=2,L1562*Input!$C$21,0)+IF(Input!$D$22=2,M1562*Input!$C$22,0)</f>
        <v>1.2388959435042635</v>
      </c>
      <c r="P1562" s="59">
        <f>IF(Input!$D$19=3,J1562*Input!$C$19,0)+IF(Input!$D$20=3,K1562*Input!$C$20,0)+IF(Input!$D$21=3,L1562*Input!$C$21,0)+IF(Input!$D$22=3,M1562*Input!$C$22,0)</f>
        <v>0</v>
      </c>
      <c r="Q1562" s="75">
        <f>IF(Input!$D$19=4,J1562*Input!$C$19,0)+IF(Input!$D$20=4,K1562*Input!$C$20,0)+IF(Input!$D$21=4,L1562*Input!$C$21,0)+IF(Input!$D$22=4,M1562*Input!$C$22,0)</f>
        <v>0</v>
      </c>
      <c r="R1562" s="58">
        <v>61.069466937104998</v>
      </c>
      <c r="S1562" s="124">
        <f t="shared" si="24"/>
        <v>2.14741963540739</v>
      </c>
    </row>
    <row r="1563" spans="8:19" x14ac:dyDescent="0.3">
      <c r="H1563" s="44">
        <v>1556</v>
      </c>
      <c r="I1563" s="56">
        <f>Bühler!I1589</f>
        <v>0.41503014107392822</v>
      </c>
      <c r="J1563" s="59">
        <f>Bühler!J1589</f>
        <v>1.3834338035797609</v>
      </c>
      <c r="K1563" s="59">
        <f>Bühler!K1589</f>
        <v>2.0751507053696412</v>
      </c>
      <c r="L1563" s="59">
        <f>Bühler!L1589</f>
        <v>9.9607233857742763</v>
      </c>
      <c r="M1563" s="58">
        <f>Bühler!M1589</f>
        <v>0</v>
      </c>
      <c r="N1563" s="56">
        <f>IF(Input!$D$19=1,J1563*Input!$C$19,0)+IF(Input!$D$20=1,K1563*Input!$C$20,0)+IF(Input!$D$21=1,L1563*Input!$C$21,0)+IF(Input!$D$22=1,M1563*Input!$C$22,0)</f>
        <v>0.41503014107392827</v>
      </c>
      <c r="O1563" s="59">
        <f>IF(Input!$D$19=2,J1563*Input!$C$19,0)+IF(Input!$D$20=2,K1563*Input!$C$20,0)+IF(Input!$D$21=2,L1563*Input!$C$21,0)+IF(Input!$D$22=2,M1563*Input!$C$22,0)</f>
        <v>1.0375753526848206</v>
      </c>
      <c r="P1563" s="59">
        <f>IF(Input!$D$19=3,J1563*Input!$C$19,0)+IF(Input!$D$20=3,K1563*Input!$C$20,0)+IF(Input!$D$21=3,L1563*Input!$C$21,0)+IF(Input!$D$22=3,M1563*Input!$C$22,0)</f>
        <v>0</v>
      </c>
      <c r="Q1563" s="75">
        <f>IF(Input!$D$19=4,J1563*Input!$C$19,0)+IF(Input!$D$20=4,K1563*Input!$C$20,0)+IF(Input!$D$21=4,L1563*Input!$C$21,0)+IF(Input!$D$22=4,M1563*Input!$C$22,0)</f>
        <v>0</v>
      </c>
      <c r="R1563" s="58">
        <v>60.19275782495157</v>
      </c>
      <c r="S1563" s="124">
        <f t="shared" si="24"/>
        <v>1.798463944653689</v>
      </c>
    </row>
    <row r="1564" spans="8:19" x14ac:dyDescent="0.3">
      <c r="H1564" s="44">
        <v>1557</v>
      </c>
      <c r="I1564" s="56">
        <f>Bühler!I1590</f>
        <v>0.3406963844636724</v>
      </c>
      <c r="J1564" s="59">
        <f>Bühler!J1590</f>
        <v>1.1356546148789082</v>
      </c>
      <c r="K1564" s="59">
        <f>Bühler!K1590</f>
        <v>1.7034819223183619</v>
      </c>
      <c r="L1564" s="59">
        <f>Bühler!L1590</f>
        <v>8.176713227128138</v>
      </c>
      <c r="M1564" s="58">
        <f>Bühler!M1590</f>
        <v>0</v>
      </c>
      <c r="N1564" s="56">
        <f>IF(Input!$D$19=1,J1564*Input!$C$19,0)+IF(Input!$D$20=1,K1564*Input!$C$20,0)+IF(Input!$D$21=1,L1564*Input!$C$21,0)+IF(Input!$D$22=1,M1564*Input!$C$22,0)</f>
        <v>0.34069638446367245</v>
      </c>
      <c r="O1564" s="59">
        <f>IF(Input!$D$19=2,J1564*Input!$C$19,0)+IF(Input!$D$20=2,K1564*Input!$C$20,0)+IF(Input!$D$21=2,L1564*Input!$C$21,0)+IF(Input!$D$22=2,M1564*Input!$C$22,0)</f>
        <v>0.85174096115918096</v>
      </c>
      <c r="P1564" s="59">
        <f>IF(Input!$D$19=3,J1564*Input!$C$19,0)+IF(Input!$D$20=3,K1564*Input!$C$20,0)+IF(Input!$D$21=3,L1564*Input!$C$21,0)+IF(Input!$D$22=3,M1564*Input!$C$22,0)</f>
        <v>0</v>
      </c>
      <c r="Q1564" s="75">
        <f>IF(Input!$D$19=4,J1564*Input!$C$19,0)+IF(Input!$D$20=4,K1564*Input!$C$20,0)+IF(Input!$D$21=4,L1564*Input!$C$21,0)+IF(Input!$D$22=4,M1564*Input!$C$22,0)</f>
        <v>0</v>
      </c>
      <c r="R1564" s="58">
        <v>58.757095979002735</v>
      </c>
      <c r="S1564" s="124">
        <f t="shared" si="24"/>
        <v>1.4763509993425805</v>
      </c>
    </row>
    <row r="1565" spans="8:19" x14ac:dyDescent="0.3">
      <c r="H1565" s="44">
        <v>1558</v>
      </c>
      <c r="I1565" s="56">
        <f>Bühler!I1591</f>
        <v>0.24777918870085269</v>
      </c>
      <c r="J1565" s="59">
        <f>Bühler!J1591</f>
        <v>0.82593062900284231</v>
      </c>
      <c r="K1565" s="59">
        <f>Bühler!K1591</f>
        <v>1.2388959435042635</v>
      </c>
      <c r="L1565" s="59">
        <f>Bühler!L1591</f>
        <v>5.9467005288204646</v>
      </c>
      <c r="M1565" s="58">
        <f>Bühler!M1591</f>
        <v>0</v>
      </c>
      <c r="N1565" s="56">
        <f>IF(Input!$D$19=1,J1565*Input!$C$19,0)+IF(Input!$D$20=1,K1565*Input!$C$20,0)+IF(Input!$D$21=1,L1565*Input!$C$21,0)+IF(Input!$D$22=1,M1565*Input!$C$22,0)</f>
        <v>0.24777918870085269</v>
      </c>
      <c r="O1565" s="59">
        <f>IF(Input!$D$19=2,J1565*Input!$C$19,0)+IF(Input!$D$20=2,K1565*Input!$C$20,0)+IF(Input!$D$21=2,L1565*Input!$C$21,0)+IF(Input!$D$22=2,M1565*Input!$C$22,0)</f>
        <v>0.61944797175213173</v>
      </c>
      <c r="P1565" s="59">
        <f>IF(Input!$D$19=3,J1565*Input!$C$19,0)+IF(Input!$D$20=3,K1565*Input!$C$20,0)+IF(Input!$D$21=3,L1565*Input!$C$21,0)+IF(Input!$D$22=3,M1565*Input!$C$22,0)</f>
        <v>0</v>
      </c>
      <c r="Q1565" s="75">
        <f>IF(Input!$D$19=4,J1565*Input!$C$19,0)+IF(Input!$D$20=4,K1565*Input!$C$20,0)+IF(Input!$D$21=4,L1565*Input!$C$21,0)+IF(Input!$D$22=4,M1565*Input!$C$22,0)</f>
        <v>0</v>
      </c>
      <c r="R1565" s="58">
        <v>57.092600181479249</v>
      </c>
      <c r="S1565" s="124">
        <f t="shared" si="24"/>
        <v>1.073709817703695</v>
      </c>
    </row>
    <row r="1566" spans="8:19" x14ac:dyDescent="0.3">
      <c r="H1566" s="44">
        <v>1559</v>
      </c>
      <c r="I1566" s="56">
        <f>Bühler!I1592</f>
        <v>0.24777918870085269</v>
      </c>
      <c r="J1566" s="59">
        <f>Bühler!J1592</f>
        <v>0.82593062900284231</v>
      </c>
      <c r="K1566" s="59">
        <f>Bühler!K1592</f>
        <v>1.2388959435042635</v>
      </c>
      <c r="L1566" s="59">
        <f>Bühler!L1592</f>
        <v>5.9467005288204646</v>
      </c>
      <c r="M1566" s="58">
        <f>Bühler!M1592</f>
        <v>0</v>
      </c>
      <c r="N1566" s="56">
        <f>IF(Input!$D$19=1,J1566*Input!$C$19,0)+IF(Input!$D$20=1,K1566*Input!$C$20,0)+IF(Input!$D$21=1,L1566*Input!$C$21,0)+IF(Input!$D$22=1,M1566*Input!$C$22,0)</f>
        <v>0.24777918870085269</v>
      </c>
      <c r="O1566" s="59">
        <f>IF(Input!$D$19=2,J1566*Input!$C$19,0)+IF(Input!$D$20=2,K1566*Input!$C$20,0)+IF(Input!$D$21=2,L1566*Input!$C$21,0)+IF(Input!$D$22=2,M1566*Input!$C$22,0)</f>
        <v>0.61944797175213173</v>
      </c>
      <c r="P1566" s="59">
        <f>IF(Input!$D$19=3,J1566*Input!$C$19,0)+IF(Input!$D$20=3,K1566*Input!$C$20,0)+IF(Input!$D$21=3,L1566*Input!$C$21,0)+IF(Input!$D$22=3,M1566*Input!$C$22,0)</f>
        <v>0</v>
      </c>
      <c r="Q1566" s="75">
        <f>IF(Input!$D$19=4,J1566*Input!$C$19,0)+IF(Input!$D$20=4,K1566*Input!$C$20,0)+IF(Input!$D$21=4,L1566*Input!$C$21,0)+IF(Input!$D$22=4,M1566*Input!$C$22,0)</f>
        <v>0</v>
      </c>
      <c r="R1566" s="58">
        <v>57.04861960281881</v>
      </c>
      <c r="S1566" s="124">
        <f t="shared" si="24"/>
        <v>1.073709817703695</v>
      </c>
    </row>
    <row r="1567" spans="8:19" x14ac:dyDescent="0.3">
      <c r="H1567" s="44">
        <v>1560</v>
      </c>
      <c r="I1567" s="56">
        <f>Bühler!I1593</f>
        <v>0.24777918870085269</v>
      </c>
      <c r="J1567" s="59">
        <f>Bühler!J1593</f>
        <v>0.82593062900284231</v>
      </c>
      <c r="K1567" s="59">
        <f>Bühler!K1593</f>
        <v>1.2388959435042635</v>
      </c>
      <c r="L1567" s="59">
        <f>Bühler!L1593</f>
        <v>5.9467005288204646</v>
      </c>
      <c r="M1567" s="58">
        <f>Bühler!M1593</f>
        <v>0</v>
      </c>
      <c r="N1567" s="56">
        <f>IF(Input!$D$19=1,J1567*Input!$C$19,0)+IF(Input!$D$20=1,K1567*Input!$C$20,0)+IF(Input!$D$21=1,L1567*Input!$C$21,0)+IF(Input!$D$22=1,M1567*Input!$C$22,0)</f>
        <v>0.24777918870085269</v>
      </c>
      <c r="O1567" s="59">
        <f>IF(Input!$D$19=2,J1567*Input!$C$19,0)+IF(Input!$D$20=2,K1567*Input!$C$20,0)+IF(Input!$D$21=2,L1567*Input!$C$21,0)+IF(Input!$D$22=2,M1567*Input!$C$22,0)</f>
        <v>0.61944797175213173</v>
      </c>
      <c r="P1567" s="59">
        <f>IF(Input!$D$19=3,J1567*Input!$C$19,0)+IF(Input!$D$20=3,K1567*Input!$C$20,0)+IF(Input!$D$21=3,L1567*Input!$C$21,0)+IF(Input!$D$22=3,M1567*Input!$C$22,0)</f>
        <v>0</v>
      </c>
      <c r="Q1567" s="75">
        <f>IF(Input!$D$19=4,J1567*Input!$C$19,0)+IF(Input!$D$20=4,K1567*Input!$C$20,0)+IF(Input!$D$21=4,L1567*Input!$C$21,0)+IF(Input!$D$22=4,M1567*Input!$C$22,0)</f>
        <v>0</v>
      </c>
      <c r="R1567" s="58">
        <v>55.67835036273194</v>
      </c>
      <c r="S1567" s="124">
        <f t="shared" si="24"/>
        <v>1.073709817703695</v>
      </c>
    </row>
    <row r="1568" spans="8:19" x14ac:dyDescent="0.3">
      <c r="H1568" s="44">
        <v>1561</v>
      </c>
      <c r="I1568" s="56">
        <f>Bühler!I1594</f>
        <v>0.22535182327336145</v>
      </c>
      <c r="J1568" s="59">
        <f>Bühler!J1594</f>
        <v>0.75117274424453828</v>
      </c>
      <c r="K1568" s="59">
        <f>Bühler!K1594</f>
        <v>1.1267591163668074</v>
      </c>
      <c r="L1568" s="59">
        <f>Bühler!L1594</f>
        <v>5.4084437585606748</v>
      </c>
      <c r="M1568" s="58">
        <f>Bühler!M1594</f>
        <v>0</v>
      </c>
      <c r="N1568" s="56">
        <f>IF(Input!$D$19=1,J1568*Input!$C$19,0)+IF(Input!$D$20=1,K1568*Input!$C$20,0)+IF(Input!$D$21=1,L1568*Input!$C$21,0)+IF(Input!$D$22=1,M1568*Input!$C$22,0)</f>
        <v>0.22535182327336148</v>
      </c>
      <c r="O1568" s="59">
        <f>IF(Input!$D$19=2,J1568*Input!$C$19,0)+IF(Input!$D$20=2,K1568*Input!$C$20,0)+IF(Input!$D$21=2,L1568*Input!$C$21,0)+IF(Input!$D$22=2,M1568*Input!$C$22,0)</f>
        <v>0.56337955818340368</v>
      </c>
      <c r="P1568" s="59">
        <f>IF(Input!$D$19=3,J1568*Input!$C$19,0)+IF(Input!$D$20=3,K1568*Input!$C$20,0)+IF(Input!$D$21=3,L1568*Input!$C$21,0)+IF(Input!$D$22=3,M1568*Input!$C$22,0)</f>
        <v>0</v>
      </c>
      <c r="Q1568" s="75">
        <f>IF(Input!$D$19=4,J1568*Input!$C$19,0)+IF(Input!$D$20=4,K1568*Input!$C$20,0)+IF(Input!$D$21=4,L1568*Input!$C$21,0)+IF(Input!$D$22=4,M1568*Input!$C$22,0)</f>
        <v>0</v>
      </c>
      <c r="R1568" s="58">
        <v>54.495841938505002</v>
      </c>
      <c r="S1568" s="124">
        <f t="shared" si="24"/>
        <v>0.97652456751789973</v>
      </c>
    </row>
    <row r="1569" spans="8:19" x14ac:dyDescent="0.3">
      <c r="H1569" s="44">
        <v>1562</v>
      </c>
      <c r="I1569" s="56">
        <f>Bühler!I1595</f>
        <v>0.25352080118253162</v>
      </c>
      <c r="J1569" s="59">
        <f>Bühler!J1595</f>
        <v>0.84506933727510547</v>
      </c>
      <c r="K1569" s="59">
        <f>Bühler!K1595</f>
        <v>1.2676040059126581</v>
      </c>
      <c r="L1569" s="59">
        <f>Bühler!L1595</f>
        <v>6.0844992283807589</v>
      </c>
      <c r="M1569" s="58">
        <f>Bühler!M1595</f>
        <v>0</v>
      </c>
      <c r="N1569" s="56">
        <f>IF(Input!$D$19=1,J1569*Input!$C$19,0)+IF(Input!$D$20=1,K1569*Input!$C$20,0)+IF(Input!$D$21=1,L1569*Input!$C$21,0)+IF(Input!$D$22=1,M1569*Input!$C$22,0)</f>
        <v>0.25352080118253162</v>
      </c>
      <c r="O1569" s="59">
        <f>IF(Input!$D$19=2,J1569*Input!$C$19,0)+IF(Input!$D$20=2,K1569*Input!$C$20,0)+IF(Input!$D$21=2,L1569*Input!$C$21,0)+IF(Input!$D$22=2,M1569*Input!$C$22,0)</f>
        <v>0.63380200295632905</v>
      </c>
      <c r="P1569" s="59">
        <f>IF(Input!$D$19=3,J1569*Input!$C$19,0)+IF(Input!$D$20=3,K1569*Input!$C$20,0)+IF(Input!$D$21=3,L1569*Input!$C$21,0)+IF(Input!$D$22=3,M1569*Input!$C$22,0)</f>
        <v>0</v>
      </c>
      <c r="Q1569" s="75">
        <f>IF(Input!$D$19=4,J1569*Input!$C$19,0)+IF(Input!$D$20=4,K1569*Input!$C$20,0)+IF(Input!$D$21=4,L1569*Input!$C$21,0)+IF(Input!$D$22=4,M1569*Input!$C$22,0)</f>
        <v>0</v>
      </c>
      <c r="R1569" s="58">
        <v>55.388599484542681</v>
      </c>
      <c r="S1569" s="124">
        <f t="shared" si="24"/>
        <v>1.0985901384576371</v>
      </c>
    </row>
    <row r="1570" spans="8:19" x14ac:dyDescent="0.3">
      <c r="H1570" s="44">
        <v>1563</v>
      </c>
      <c r="I1570" s="56">
        <f>Bühler!I1596</f>
        <v>0.25352080118253162</v>
      </c>
      <c r="J1570" s="59">
        <f>Bühler!J1596</f>
        <v>0.84506933727510547</v>
      </c>
      <c r="K1570" s="59">
        <f>Bühler!K1596</f>
        <v>1.2676040059126581</v>
      </c>
      <c r="L1570" s="59">
        <f>Bühler!L1596</f>
        <v>6.0844992283807589</v>
      </c>
      <c r="M1570" s="58">
        <f>Bühler!M1596</f>
        <v>0</v>
      </c>
      <c r="N1570" s="56">
        <f>IF(Input!$D$19=1,J1570*Input!$C$19,0)+IF(Input!$D$20=1,K1570*Input!$C$20,0)+IF(Input!$D$21=1,L1570*Input!$C$21,0)+IF(Input!$D$22=1,M1570*Input!$C$22,0)</f>
        <v>0.25352080118253162</v>
      </c>
      <c r="O1570" s="59">
        <f>IF(Input!$D$19=2,J1570*Input!$C$19,0)+IF(Input!$D$20=2,K1570*Input!$C$20,0)+IF(Input!$D$21=2,L1570*Input!$C$21,0)+IF(Input!$D$22=2,M1570*Input!$C$22,0)</f>
        <v>0.63380200295632905</v>
      </c>
      <c r="P1570" s="59">
        <f>IF(Input!$D$19=3,J1570*Input!$C$19,0)+IF(Input!$D$20=3,K1570*Input!$C$20,0)+IF(Input!$D$21=3,L1570*Input!$C$21,0)+IF(Input!$D$22=3,M1570*Input!$C$22,0)</f>
        <v>0</v>
      </c>
      <c r="Q1570" s="75">
        <f>IF(Input!$D$19=4,J1570*Input!$C$19,0)+IF(Input!$D$20=4,K1570*Input!$C$20,0)+IF(Input!$D$21=4,L1570*Input!$C$21,0)+IF(Input!$D$22=4,M1570*Input!$C$22,0)</f>
        <v>0</v>
      </c>
      <c r="R1570" s="58">
        <v>56.079061902825458</v>
      </c>
      <c r="S1570" s="124">
        <f t="shared" si="24"/>
        <v>1.0985901384576371</v>
      </c>
    </row>
    <row r="1571" spans="8:19" x14ac:dyDescent="0.3">
      <c r="H1571" s="44">
        <v>1564</v>
      </c>
      <c r="I1571" s="56">
        <f>Bühler!I1597</f>
        <v>0.25352080118253162</v>
      </c>
      <c r="J1571" s="59">
        <f>Bühler!J1597</f>
        <v>0.84506933727510547</v>
      </c>
      <c r="K1571" s="59">
        <f>Bühler!K1597</f>
        <v>1.2676040059126581</v>
      </c>
      <c r="L1571" s="59">
        <f>Bühler!L1597</f>
        <v>6.0844992283807589</v>
      </c>
      <c r="M1571" s="58">
        <f>Bühler!M1597</f>
        <v>0</v>
      </c>
      <c r="N1571" s="56">
        <f>IF(Input!$D$19=1,J1571*Input!$C$19,0)+IF(Input!$D$20=1,K1571*Input!$C$20,0)+IF(Input!$D$21=1,L1571*Input!$C$21,0)+IF(Input!$D$22=1,M1571*Input!$C$22,0)</f>
        <v>0.25352080118253162</v>
      </c>
      <c r="O1571" s="59">
        <f>IF(Input!$D$19=2,J1571*Input!$C$19,0)+IF(Input!$D$20=2,K1571*Input!$C$20,0)+IF(Input!$D$21=2,L1571*Input!$C$21,0)+IF(Input!$D$22=2,M1571*Input!$C$22,0)</f>
        <v>0.63380200295632905</v>
      </c>
      <c r="P1571" s="59">
        <f>IF(Input!$D$19=3,J1571*Input!$C$19,0)+IF(Input!$D$20=3,K1571*Input!$C$20,0)+IF(Input!$D$21=3,L1571*Input!$C$21,0)+IF(Input!$D$22=3,M1571*Input!$C$22,0)</f>
        <v>0</v>
      </c>
      <c r="Q1571" s="75">
        <f>IF(Input!$D$19=4,J1571*Input!$C$19,0)+IF(Input!$D$20=4,K1571*Input!$C$20,0)+IF(Input!$D$21=4,L1571*Input!$C$21,0)+IF(Input!$D$22=4,M1571*Input!$C$22,0)</f>
        <v>0</v>
      </c>
      <c r="R1571" s="58">
        <v>56.602347204926062</v>
      </c>
      <c r="S1571" s="124">
        <f t="shared" si="24"/>
        <v>1.0985901384576371</v>
      </c>
    </row>
    <row r="1572" spans="8:19" x14ac:dyDescent="0.3">
      <c r="H1572" s="44">
        <v>1565</v>
      </c>
      <c r="I1572" s="56">
        <f>Bühler!I1598</f>
        <v>0.25352080118253162</v>
      </c>
      <c r="J1572" s="59">
        <f>Bühler!J1598</f>
        <v>0.84506933727510547</v>
      </c>
      <c r="K1572" s="59">
        <f>Bühler!K1598</f>
        <v>1.2676040059126581</v>
      </c>
      <c r="L1572" s="59">
        <f>Bühler!L1598</f>
        <v>6.0844992283807589</v>
      </c>
      <c r="M1572" s="58">
        <f>Bühler!M1598</f>
        <v>0</v>
      </c>
      <c r="N1572" s="56">
        <f>IF(Input!$D$19=1,J1572*Input!$C$19,0)+IF(Input!$D$20=1,K1572*Input!$C$20,0)+IF(Input!$D$21=1,L1572*Input!$C$21,0)+IF(Input!$D$22=1,M1572*Input!$C$22,0)</f>
        <v>0.25352080118253162</v>
      </c>
      <c r="O1572" s="59">
        <f>IF(Input!$D$19=2,J1572*Input!$C$19,0)+IF(Input!$D$20=2,K1572*Input!$C$20,0)+IF(Input!$D$21=2,L1572*Input!$C$21,0)+IF(Input!$D$22=2,M1572*Input!$C$22,0)</f>
        <v>0.63380200295632905</v>
      </c>
      <c r="P1572" s="59">
        <f>IF(Input!$D$19=3,J1572*Input!$C$19,0)+IF(Input!$D$20=3,K1572*Input!$C$20,0)+IF(Input!$D$21=3,L1572*Input!$C$21,0)+IF(Input!$D$22=3,M1572*Input!$C$22,0)</f>
        <v>0</v>
      </c>
      <c r="Q1572" s="75">
        <f>IF(Input!$D$19=4,J1572*Input!$C$19,0)+IF(Input!$D$20=4,K1572*Input!$C$20,0)+IF(Input!$D$21=4,L1572*Input!$C$21,0)+IF(Input!$D$22=4,M1572*Input!$C$22,0)</f>
        <v>0</v>
      </c>
      <c r="R1572" s="58">
        <v>58.192065515568302</v>
      </c>
      <c r="S1572" s="124">
        <f t="shared" si="24"/>
        <v>1.0985901384576371</v>
      </c>
    </row>
    <row r="1573" spans="8:19" x14ac:dyDescent="0.3">
      <c r="H1573" s="44">
        <v>1566</v>
      </c>
      <c r="I1573" s="56">
        <f>Bühler!I1599</f>
        <v>0.32676014374637408</v>
      </c>
      <c r="J1573" s="59">
        <f>Bühler!J1599</f>
        <v>1.0892004791545804</v>
      </c>
      <c r="K1573" s="59">
        <f>Bühler!K1599</f>
        <v>1.6338007187318704</v>
      </c>
      <c r="L1573" s="59">
        <f>Bühler!L1599</f>
        <v>7.8422434499129778</v>
      </c>
      <c r="M1573" s="58">
        <f>Bühler!M1599</f>
        <v>0</v>
      </c>
      <c r="N1573" s="56">
        <f>IF(Input!$D$19=1,J1573*Input!$C$19,0)+IF(Input!$D$20=1,K1573*Input!$C$20,0)+IF(Input!$D$21=1,L1573*Input!$C$21,0)+IF(Input!$D$22=1,M1573*Input!$C$22,0)</f>
        <v>0.32676014374637413</v>
      </c>
      <c r="O1573" s="59">
        <f>IF(Input!$D$19=2,J1573*Input!$C$19,0)+IF(Input!$D$20=2,K1573*Input!$C$20,0)+IF(Input!$D$21=2,L1573*Input!$C$21,0)+IF(Input!$D$22=2,M1573*Input!$C$22,0)</f>
        <v>0.81690035936593519</v>
      </c>
      <c r="P1573" s="59">
        <f>IF(Input!$D$19=3,J1573*Input!$C$19,0)+IF(Input!$D$20=3,K1573*Input!$C$20,0)+IF(Input!$D$21=3,L1573*Input!$C$21,0)+IF(Input!$D$22=3,M1573*Input!$C$22,0)</f>
        <v>0</v>
      </c>
      <c r="Q1573" s="75">
        <f>IF(Input!$D$19=4,J1573*Input!$C$19,0)+IF(Input!$D$20=4,K1573*Input!$C$20,0)+IF(Input!$D$21=4,L1573*Input!$C$21,0)+IF(Input!$D$22=4,M1573*Input!$C$22,0)</f>
        <v>0</v>
      </c>
      <c r="R1573" s="58">
        <v>61.387507498961099</v>
      </c>
      <c r="S1573" s="124">
        <f t="shared" si="24"/>
        <v>1.4159606229009545</v>
      </c>
    </row>
    <row r="1574" spans="8:19" x14ac:dyDescent="0.3">
      <c r="H1574" s="44">
        <v>1567</v>
      </c>
      <c r="I1574" s="56">
        <f>Bühler!I1600</f>
        <v>0.37746430398288044</v>
      </c>
      <c r="J1574" s="59">
        <f>Bühler!J1600</f>
        <v>1.2582143466096016</v>
      </c>
      <c r="K1574" s="59">
        <f>Bühler!K1600</f>
        <v>1.8873215199144022</v>
      </c>
      <c r="L1574" s="59">
        <f>Bühler!L1600</f>
        <v>9.0591432955891307</v>
      </c>
      <c r="M1574" s="58">
        <f>Bühler!M1600</f>
        <v>0</v>
      </c>
      <c r="N1574" s="56">
        <f>IF(Input!$D$19=1,J1574*Input!$C$19,0)+IF(Input!$D$20=1,K1574*Input!$C$20,0)+IF(Input!$D$21=1,L1574*Input!$C$21,0)+IF(Input!$D$22=1,M1574*Input!$C$22,0)</f>
        <v>0.3774643039828805</v>
      </c>
      <c r="O1574" s="59">
        <f>IF(Input!$D$19=2,J1574*Input!$C$19,0)+IF(Input!$D$20=2,K1574*Input!$C$20,0)+IF(Input!$D$21=2,L1574*Input!$C$21,0)+IF(Input!$D$22=2,M1574*Input!$C$22,0)</f>
        <v>0.94366075995720111</v>
      </c>
      <c r="P1574" s="59">
        <f>IF(Input!$D$19=3,J1574*Input!$C$19,0)+IF(Input!$D$20=3,K1574*Input!$C$20,0)+IF(Input!$D$21=3,L1574*Input!$C$21,0)+IF(Input!$D$22=3,M1574*Input!$C$22,0)</f>
        <v>0</v>
      </c>
      <c r="Q1574" s="75">
        <f>IF(Input!$D$19=4,J1574*Input!$C$19,0)+IF(Input!$D$20=4,K1574*Input!$C$20,0)+IF(Input!$D$21=4,L1574*Input!$C$21,0)+IF(Input!$D$22=4,M1574*Input!$C$22,0)</f>
        <v>0</v>
      </c>
      <c r="R1574" s="58">
        <v>64.69675752992795</v>
      </c>
      <c r="S1574" s="124">
        <f t="shared" si="24"/>
        <v>1.6356786505924821</v>
      </c>
    </row>
    <row r="1575" spans="8:19" x14ac:dyDescent="0.3">
      <c r="H1575" s="44">
        <v>1568</v>
      </c>
      <c r="I1575" s="56">
        <f>Bühler!I1601</f>
        <v>0.37746430398288044</v>
      </c>
      <c r="J1575" s="59">
        <f>Bühler!J1601</f>
        <v>1.2582143466096016</v>
      </c>
      <c r="K1575" s="59">
        <f>Bühler!K1601</f>
        <v>1.8873215199144022</v>
      </c>
      <c r="L1575" s="59">
        <f>Bühler!L1601</f>
        <v>9.0591432955891307</v>
      </c>
      <c r="M1575" s="58">
        <f>Bühler!M1601</f>
        <v>0</v>
      </c>
      <c r="N1575" s="56">
        <f>IF(Input!$D$19=1,J1575*Input!$C$19,0)+IF(Input!$D$20=1,K1575*Input!$C$20,0)+IF(Input!$D$21=1,L1575*Input!$C$21,0)+IF(Input!$D$22=1,M1575*Input!$C$22,0)</f>
        <v>0.3774643039828805</v>
      </c>
      <c r="O1575" s="59">
        <f>IF(Input!$D$19=2,J1575*Input!$C$19,0)+IF(Input!$D$20=2,K1575*Input!$C$20,0)+IF(Input!$D$21=2,L1575*Input!$C$21,0)+IF(Input!$D$22=2,M1575*Input!$C$22,0)</f>
        <v>0.94366075995720111</v>
      </c>
      <c r="P1575" s="59">
        <f>IF(Input!$D$19=3,J1575*Input!$C$19,0)+IF(Input!$D$20=3,K1575*Input!$C$20,0)+IF(Input!$D$21=3,L1575*Input!$C$21,0)+IF(Input!$D$22=3,M1575*Input!$C$22,0)</f>
        <v>0</v>
      </c>
      <c r="Q1575" s="75">
        <f>IF(Input!$D$19=4,J1575*Input!$C$19,0)+IF(Input!$D$20=4,K1575*Input!$C$20,0)+IF(Input!$D$21=4,L1575*Input!$C$21,0)+IF(Input!$D$22=4,M1575*Input!$C$22,0)</f>
        <v>0</v>
      </c>
      <c r="R1575" s="58">
        <v>64.52498193286398</v>
      </c>
      <c r="S1575" s="124">
        <f t="shared" si="24"/>
        <v>1.6356786505924821</v>
      </c>
    </row>
    <row r="1576" spans="8:19" x14ac:dyDescent="0.3">
      <c r="H1576" s="44">
        <v>1569</v>
      </c>
      <c r="I1576" s="56">
        <f>Bühler!I1602</f>
        <v>0.37746430398288044</v>
      </c>
      <c r="J1576" s="59">
        <f>Bühler!J1602</f>
        <v>1.2582143466096016</v>
      </c>
      <c r="K1576" s="59">
        <f>Bühler!K1602</f>
        <v>1.8873215199144022</v>
      </c>
      <c r="L1576" s="59">
        <f>Bühler!L1602</f>
        <v>9.0591432955891307</v>
      </c>
      <c r="M1576" s="58">
        <f>Bühler!M1602</f>
        <v>0</v>
      </c>
      <c r="N1576" s="56">
        <f>IF(Input!$D$19=1,J1576*Input!$C$19,0)+IF(Input!$D$20=1,K1576*Input!$C$20,0)+IF(Input!$D$21=1,L1576*Input!$C$21,0)+IF(Input!$D$22=1,M1576*Input!$C$22,0)</f>
        <v>0.3774643039828805</v>
      </c>
      <c r="O1576" s="59">
        <f>IF(Input!$D$19=2,J1576*Input!$C$19,0)+IF(Input!$D$20=2,K1576*Input!$C$20,0)+IF(Input!$D$21=2,L1576*Input!$C$21,0)+IF(Input!$D$22=2,M1576*Input!$C$22,0)</f>
        <v>0.94366075995720111</v>
      </c>
      <c r="P1576" s="59">
        <f>IF(Input!$D$19=3,J1576*Input!$C$19,0)+IF(Input!$D$20=3,K1576*Input!$C$20,0)+IF(Input!$D$21=3,L1576*Input!$C$21,0)+IF(Input!$D$22=3,M1576*Input!$C$22,0)</f>
        <v>0</v>
      </c>
      <c r="Q1576" s="75">
        <f>IF(Input!$D$19=4,J1576*Input!$C$19,0)+IF(Input!$D$20=4,K1576*Input!$C$20,0)+IF(Input!$D$21=4,L1576*Input!$C$21,0)+IF(Input!$D$22=4,M1576*Input!$C$22,0)</f>
        <v>0</v>
      </c>
      <c r="R1576" s="58">
        <v>65.262230381298025</v>
      </c>
      <c r="S1576" s="124">
        <f t="shared" si="24"/>
        <v>1.6356786505924821</v>
      </c>
    </row>
    <row r="1577" spans="8:19" x14ac:dyDescent="0.3">
      <c r="H1577" s="44">
        <v>1570</v>
      </c>
      <c r="I1577" s="56">
        <f>Bühler!I1603</f>
        <v>0.40563328189205056</v>
      </c>
      <c r="J1577" s="59">
        <f>Bühler!J1603</f>
        <v>1.3521109396401687</v>
      </c>
      <c r="K1577" s="59">
        <f>Bühler!K1603</f>
        <v>2.028166409460253</v>
      </c>
      <c r="L1577" s="59">
        <f>Bühler!L1603</f>
        <v>9.7351987654092138</v>
      </c>
      <c r="M1577" s="58">
        <f>Bühler!M1603</f>
        <v>0</v>
      </c>
      <c r="N1577" s="56">
        <f>IF(Input!$D$19=1,J1577*Input!$C$19,0)+IF(Input!$D$20=1,K1577*Input!$C$20,0)+IF(Input!$D$21=1,L1577*Input!$C$21,0)+IF(Input!$D$22=1,M1577*Input!$C$22,0)</f>
        <v>0.40563328189205061</v>
      </c>
      <c r="O1577" s="59">
        <f>IF(Input!$D$19=2,J1577*Input!$C$19,0)+IF(Input!$D$20=2,K1577*Input!$C$20,0)+IF(Input!$D$21=2,L1577*Input!$C$21,0)+IF(Input!$D$22=2,M1577*Input!$C$22,0)</f>
        <v>1.0140832047301265</v>
      </c>
      <c r="P1577" s="59">
        <f>IF(Input!$D$19=3,J1577*Input!$C$19,0)+IF(Input!$D$20=3,K1577*Input!$C$20,0)+IF(Input!$D$21=3,L1577*Input!$C$21,0)+IF(Input!$D$22=3,M1577*Input!$C$22,0)</f>
        <v>0</v>
      </c>
      <c r="Q1577" s="75">
        <f>IF(Input!$D$19=4,J1577*Input!$C$19,0)+IF(Input!$D$20=4,K1577*Input!$C$20,0)+IF(Input!$D$21=4,L1577*Input!$C$21,0)+IF(Input!$D$22=4,M1577*Input!$C$22,0)</f>
        <v>0</v>
      </c>
      <c r="R1577" s="58">
        <v>65.378077179214401</v>
      </c>
      <c r="S1577" s="124">
        <f t="shared" si="24"/>
        <v>1.7577442215322192</v>
      </c>
    </row>
    <row r="1578" spans="8:19" x14ac:dyDescent="0.3">
      <c r="H1578" s="44">
        <v>1571</v>
      </c>
      <c r="I1578" s="56">
        <f>Bühler!I1604</f>
        <v>0.43943605538305486</v>
      </c>
      <c r="J1578" s="59">
        <f>Bühler!J1604</f>
        <v>1.4647868512768496</v>
      </c>
      <c r="K1578" s="59">
        <f>Bühler!K1604</f>
        <v>2.1971802769152742</v>
      </c>
      <c r="L1578" s="59">
        <f>Bühler!L1604</f>
        <v>10.546465329193316</v>
      </c>
      <c r="M1578" s="58">
        <f>Bühler!M1604</f>
        <v>0</v>
      </c>
      <c r="N1578" s="56">
        <f>IF(Input!$D$19=1,J1578*Input!$C$19,0)+IF(Input!$D$20=1,K1578*Input!$C$20,0)+IF(Input!$D$21=1,L1578*Input!$C$21,0)+IF(Input!$D$22=1,M1578*Input!$C$22,0)</f>
        <v>0.43943605538305486</v>
      </c>
      <c r="O1578" s="59">
        <f>IF(Input!$D$19=2,J1578*Input!$C$19,0)+IF(Input!$D$20=2,K1578*Input!$C$20,0)+IF(Input!$D$21=2,L1578*Input!$C$21,0)+IF(Input!$D$22=2,M1578*Input!$C$22,0)</f>
        <v>1.0985901384576371</v>
      </c>
      <c r="P1578" s="59">
        <f>IF(Input!$D$19=3,J1578*Input!$C$19,0)+IF(Input!$D$20=3,K1578*Input!$C$20,0)+IF(Input!$D$21=3,L1578*Input!$C$21,0)+IF(Input!$D$22=3,M1578*Input!$C$22,0)</f>
        <v>0</v>
      </c>
      <c r="Q1578" s="75">
        <f>IF(Input!$D$19=4,J1578*Input!$C$19,0)+IF(Input!$D$20=4,K1578*Input!$C$20,0)+IF(Input!$D$21=4,L1578*Input!$C$21,0)+IF(Input!$D$22=4,M1578*Input!$C$22,0)</f>
        <v>0</v>
      </c>
      <c r="R1578" s="58">
        <v>66.055018178431865</v>
      </c>
      <c r="S1578" s="124">
        <f t="shared" si="24"/>
        <v>1.9042229066599043</v>
      </c>
    </row>
    <row r="1579" spans="8:19" x14ac:dyDescent="0.3">
      <c r="H1579" s="44">
        <v>1572</v>
      </c>
      <c r="I1579" s="56">
        <f>Bühler!I1605</f>
        <v>0.50704160236506324</v>
      </c>
      <c r="J1579" s="59">
        <f>Bühler!J1605</f>
        <v>1.6901386745502109</v>
      </c>
      <c r="K1579" s="59">
        <f>Bühler!K1605</f>
        <v>2.5352080118253162</v>
      </c>
      <c r="L1579" s="59">
        <f>Bühler!L1605</f>
        <v>12.168998456761518</v>
      </c>
      <c r="M1579" s="58">
        <f>Bühler!M1605</f>
        <v>0</v>
      </c>
      <c r="N1579" s="56">
        <f>IF(Input!$D$19=1,J1579*Input!$C$19,0)+IF(Input!$D$20=1,K1579*Input!$C$20,0)+IF(Input!$D$21=1,L1579*Input!$C$21,0)+IF(Input!$D$22=1,M1579*Input!$C$22,0)</f>
        <v>0.50704160236506324</v>
      </c>
      <c r="O1579" s="59">
        <f>IF(Input!$D$19=2,J1579*Input!$C$19,0)+IF(Input!$D$20=2,K1579*Input!$C$20,0)+IF(Input!$D$21=2,L1579*Input!$C$21,0)+IF(Input!$D$22=2,M1579*Input!$C$22,0)</f>
        <v>1.2676040059126581</v>
      </c>
      <c r="P1579" s="59">
        <f>IF(Input!$D$19=3,J1579*Input!$C$19,0)+IF(Input!$D$20=3,K1579*Input!$C$20,0)+IF(Input!$D$21=3,L1579*Input!$C$21,0)+IF(Input!$D$22=3,M1579*Input!$C$22,0)</f>
        <v>0</v>
      </c>
      <c r="Q1579" s="75">
        <f>IF(Input!$D$19=4,J1579*Input!$C$19,0)+IF(Input!$D$20=4,K1579*Input!$C$20,0)+IF(Input!$D$21=4,L1579*Input!$C$21,0)+IF(Input!$D$22=4,M1579*Input!$C$22,0)</f>
        <v>0</v>
      </c>
      <c r="R1579" s="58">
        <v>65.93715659816506</v>
      </c>
      <c r="S1579" s="124">
        <f t="shared" si="24"/>
        <v>2.1971802769152742</v>
      </c>
    </row>
    <row r="1580" spans="8:19" x14ac:dyDescent="0.3">
      <c r="H1580" s="44">
        <v>1573</v>
      </c>
      <c r="I1580" s="56">
        <f>Bühler!I1606</f>
        <v>0.50704160236506324</v>
      </c>
      <c r="J1580" s="59">
        <f>Bühler!J1606</f>
        <v>1.6901386745502109</v>
      </c>
      <c r="K1580" s="59">
        <f>Bühler!K1606</f>
        <v>2.5352080118253162</v>
      </c>
      <c r="L1580" s="59">
        <f>Bühler!L1606</f>
        <v>12.168998456761518</v>
      </c>
      <c r="M1580" s="58">
        <f>Bühler!M1606</f>
        <v>0</v>
      </c>
      <c r="N1580" s="56">
        <f>IF(Input!$D$19=1,J1580*Input!$C$19,0)+IF(Input!$D$20=1,K1580*Input!$C$20,0)+IF(Input!$D$21=1,L1580*Input!$C$21,0)+IF(Input!$D$22=1,M1580*Input!$C$22,0)</f>
        <v>0.50704160236506324</v>
      </c>
      <c r="O1580" s="59">
        <f>IF(Input!$D$19=2,J1580*Input!$C$19,0)+IF(Input!$D$20=2,K1580*Input!$C$20,0)+IF(Input!$D$21=2,L1580*Input!$C$21,0)+IF(Input!$D$22=2,M1580*Input!$C$22,0)</f>
        <v>1.2676040059126581</v>
      </c>
      <c r="P1580" s="59">
        <f>IF(Input!$D$19=3,J1580*Input!$C$19,0)+IF(Input!$D$20=3,K1580*Input!$C$20,0)+IF(Input!$D$21=3,L1580*Input!$C$21,0)+IF(Input!$D$22=3,M1580*Input!$C$22,0)</f>
        <v>0</v>
      </c>
      <c r="Q1580" s="75">
        <f>IF(Input!$D$19=4,J1580*Input!$C$19,0)+IF(Input!$D$20=4,K1580*Input!$C$20,0)+IF(Input!$D$21=4,L1580*Input!$C$21,0)+IF(Input!$D$22=4,M1580*Input!$C$22,0)</f>
        <v>0</v>
      </c>
      <c r="R1580" s="58">
        <v>64.30049079705293</v>
      </c>
      <c r="S1580" s="124">
        <f t="shared" si="24"/>
        <v>2.1971802769152742</v>
      </c>
    </row>
    <row r="1581" spans="8:19" x14ac:dyDescent="0.3">
      <c r="H1581" s="44">
        <v>1574</v>
      </c>
      <c r="I1581" s="56">
        <f>Bühler!I1607</f>
        <v>0.50704160236506324</v>
      </c>
      <c r="J1581" s="59">
        <f>Bühler!J1607</f>
        <v>1.6901386745502109</v>
      </c>
      <c r="K1581" s="59">
        <f>Bühler!K1607</f>
        <v>2.5352080118253162</v>
      </c>
      <c r="L1581" s="59">
        <f>Bühler!L1607</f>
        <v>12.168998456761518</v>
      </c>
      <c r="M1581" s="58">
        <f>Bühler!M1607</f>
        <v>0</v>
      </c>
      <c r="N1581" s="56">
        <f>IF(Input!$D$19=1,J1581*Input!$C$19,0)+IF(Input!$D$20=1,K1581*Input!$C$20,0)+IF(Input!$D$21=1,L1581*Input!$C$21,0)+IF(Input!$D$22=1,M1581*Input!$C$22,0)</f>
        <v>0.50704160236506324</v>
      </c>
      <c r="O1581" s="59">
        <f>IF(Input!$D$19=2,J1581*Input!$C$19,0)+IF(Input!$D$20=2,K1581*Input!$C$20,0)+IF(Input!$D$21=2,L1581*Input!$C$21,0)+IF(Input!$D$22=2,M1581*Input!$C$22,0)</f>
        <v>1.2676040059126581</v>
      </c>
      <c r="P1581" s="59">
        <f>IF(Input!$D$19=3,J1581*Input!$C$19,0)+IF(Input!$D$20=3,K1581*Input!$C$20,0)+IF(Input!$D$21=3,L1581*Input!$C$21,0)+IF(Input!$D$22=3,M1581*Input!$C$22,0)</f>
        <v>0</v>
      </c>
      <c r="Q1581" s="75">
        <f>IF(Input!$D$19=4,J1581*Input!$C$19,0)+IF(Input!$D$20=4,K1581*Input!$C$20,0)+IF(Input!$D$21=4,L1581*Input!$C$21,0)+IF(Input!$D$22=4,M1581*Input!$C$22,0)</f>
        <v>0</v>
      </c>
      <c r="R1581" s="58">
        <v>63.764275783235391</v>
      </c>
      <c r="S1581" s="124">
        <f t="shared" si="24"/>
        <v>2.1971802769152742</v>
      </c>
    </row>
    <row r="1582" spans="8:19" x14ac:dyDescent="0.3">
      <c r="H1582" s="44">
        <v>1575</v>
      </c>
      <c r="I1582" s="56">
        <f>Bühler!I1608</f>
        <v>0.50704160236506324</v>
      </c>
      <c r="J1582" s="59">
        <f>Bühler!J1608</f>
        <v>1.6901386745502109</v>
      </c>
      <c r="K1582" s="59">
        <f>Bühler!K1608</f>
        <v>2.5352080118253162</v>
      </c>
      <c r="L1582" s="59">
        <f>Bühler!L1608</f>
        <v>12.168998456761518</v>
      </c>
      <c r="M1582" s="58">
        <f>Bühler!M1608</f>
        <v>0</v>
      </c>
      <c r="N1582" s="56">
        <f>IF(Input!$D$19=1,J1582*Input!$C$19,0)+IF(Input!$D$20=1,K1582*Input!$C$20,0)+IF(Input!$D$21=1,L1582*Input!$C$21,0)+IF(Input!$D$22=1,M1582*Input!$C$22,0)</f>
        <v>0.50704160236506324</v>
      </c>
      <c r="O1582" s="59">
        <f>IF(Input!$D$19=2,J1582*Input!$C$19,0)+IF(Input!$D$20=2,K1582*Input!$C$20,0)+IF(Input!$D$21=2,L1582*Input!$C$21,0)+IF(Input!$D$22=2,M1582*Input!$C$22,0)</f>
        <v>1.2676040059126581</v>
      </c>
      <c r="P1582" s="59">
        <f>IF(Input!$D$19=3,J1582*Input!$C$19,0)+IF(Input!$D$20=3,K1582*Input!$C$20,0)+IF(Input!$D$21=3,L1582*Input!$C$21,0)+IF(Input!$D$22=3,M1582*Input!$C$22,0)</f>
        <v>0</v>
      </c>
      <c r="Q1582" s="75">
        <f>IF(Input!$D$19=4,J1582*Input!$C$19,0)+IF(Input!$D$20=4,K1582*Input!$C$20,0)+IF(Input!$D$21=4,L1582*Input!$C$21,0)+IF(Input!$D$22=4,M1582*Input!$C$22,0)</f>
        <v>0</v>
      </c>
      <c r="R1582" s="58">
        <v>64.164969886712868</v>
      </c>
      <c r="S1582" s="124">
        <f t="shared" si="24"/>
        <v>2.1971802769152742</v>
      </c>
    </row>
    <row r="1583" spans="8:19" x14ac:dyDescent="0.3">
      <c r="H1583" s="44">
        <v>1576</v>
      </c>
      <c r="I1583" s="56">
        <f>Bühler!I1609</f>
        <v>0.50704160236506324</v>
      </c>
      <c r="J1583" s="59">
        <f>Bühler!J1609</f>
        <v>1.6901386745502109</v>
      </c>
      <c r="K1583" s="59">
        <f>Bühler!K1609</f>
        <v>2.5352080118253162</v>
      </c>
      <c r="L1583" s="59">
        <f>Bühler!L1609</f>
        <v>12.168998456761518</v>
      </c>
      <c r="M1583" s="58">
        <f>Bühler!M1609</f>
        <v>0</v>
      </c>
      <c r="N1583" s="56">
        <f>IF(Input!$D$19=1,J1583*Input!$C$19,0)+IF(Input!$D$20=1,K1583*Input!$C$20,0)+IF(Input!$D$21=1,L1583*Input!$C$21,0)+IF(Input!$D$22=1,M1583*Input!$C$22,0)</f>
        <v>0.50704160236506324</v>
      </c>
      <c r="O1583" s="59">
        <f>IF(Input!$D$19=2,J1583*Input!$C$19,0)+IF(Input!$D$20=2,K1583*Input!$C$20,0)+IF(Input!$D$21=2,L1583*Input!$C$21,0)+IF(Input!$D$22=2,M1583*Input!$C$22,0)</f>
        <v>1.2676040059126581</v>
      </c>
      <c r="P1583" s="59">
        <f>IF(Input!$D$19=3,J1583*Input!$C$19,0)+IF(Input!$D$20=3,K1583*Input!$C$20,0)+IF(Input!$D$21=3,L1583*Input!$C$21,0)+IF(Input!$D$22=3,M1583*Input!$C$22,0)</f>
        <v>0</v>
      </c>
      <c r="Q1583" s="75">
        <f>IF(Input!$D$19=4,J1583*Input!$C$19,0)+IF(Input!$D$20=4,K1583*Input!$C$20,0)+IF(Input!$D$21=4,L1583*Input!$C$21,0)+IF(Input!$D$22=4,M1583*Input!$C$22,0)</f>
        <v>0</v>
      </c>
      <c r="R1583" s="58">
        <v>63.270436963651406</v>
      </c>
      <c r="S1583" s="124">
        <f t="shared" si="24"/>
        <v>2.1971802769152742</v>
      </c>
    </row>
    <row r="1584" spans="8:19" x14ac:dyDescent="0.3">
      <c r="H1584" s="44">
        <v>1577</v>
      </c>
      <c r="I1584" s="56">
        <f>Bühler!I1610</f>
        <v>0.50704160236506324</v>
      </c>
      <c r="J1584" s="59">
        <f>Bühler!J1610</f>
        <v>1.6901386745502109</v>
      </c>
      <c r="K1584" s="59">
        <f>Bühler!K1610</f>
        <v>2.5352080118253162</v>
      </c>
      <c r="L1584" s="59">
        <f>Bühler!L1610</f>
        <v>12.168998456761518</v>
      </c>
      <c r="M1584" s="58">
        <f>Bühler!M1610</f>
        <v>0</v>
      </c>
      <c r="N1584" s="56">
        <f>IF(Input!$D$19=1,J1584*Input!$C$19,0)+IF(Input!$D$20=1,K1584*Input!$C$20,0)+IF(Input!$D$21=1,L1584*Input!$C$21,0)+IF(Input!$D$22=1,M1584*Input!$C$22,0)</f>
        <v>0.50704160236506324</v>
      </c>
      <c r="O1584" s="59">
        <f>IF(Input!$D$19=2,J1584*Input!$C$19,0)+IF(Input!$D$20=2,K1584*Input!$C$20,0)+IF(Input!$D$21=2,L1584*Input!$C$21,0)+IF(Input!$D$22=2,M1584*Input!$C$22,0)</f>
        <v>1.2676040059126581</v>
      </c>
      <c r="P1584" s="59">
        <f>IF(Input!$D$19=3,J1584*Input!$C$19,0)+IF(Input!$D$20=3,K1584*Input!$C$20,0)+IF(Input!$D$21=3,L1584*Input!$C$21,0)+IF(Input!$D$22=3,M1584*Input!$C$22,0)</f>
        <v>0</v>
      </c>
      <c r="Q1584" s="75">
        <f>IF(Input!$D$19=4,J1584*Input!$C$19,0)+IF(Input!$D$20=4,K1584*Input!$C$20,0)+IF(Input!$D$21=4,L1584*Input!$C$21,0)+IF(Input!$D$22=4,M1584*Input!$C$22,0)</f>
        <v>0</v>
      </c>
      <c r="R1584" s="58">
        <v>62.339624836689381</v>
      </c>
      <c r="S1584" s="124">
        <f t="shared" si="24"/>
        <v>2.1971802769152742</v>
      </c>
    </row>
    <row r="1585" spans="8:19" x14ac:dyDescent="0.3">
      <c r="H1585" s="44">
        <v>1578</v>
      </c>
      <c r="I1585" s="56">
        <f>Bühler!I1611</f>
        <v>0.50704160236506324</v>
      </c>
      <c r="J1585" s="59">
        <f>Bühler!J1611</f>
        <v>1.6901386745502109</v>
      </c>
      <c r="K1585" s="59">
        <f>Bühler!K1611</f>
        <v>2.5352080118253162</v>
      </c>
      <c r="L1585" s="59">
        <f>Bühler!L1611</f>
        <v>12.168998456761518</v>
      </c>
      <c r="M1585" s="58">
        <f>Bühler!M1611</f>
        <v>0</v>
      </c>
      <c r="N1585" s="56">
        <f>IF(Input!$D$19=1,J1585*Input!$C$19,0)+IF(Input!$D$20=1,K1585*Input!$C$20,0)+IF(Input!$D$21=1,L1585*Input!$C$21,0)+IF(Input!$D$22=1,M1585*Input!$C$22,0)</f>
        <v>0.50704160236506324</v>
      </c>
      <c r="O1585" s="59">
        <f>IF(Input!$D$19=2,J1585*Input!$C$19,0)+IF(Input!$D$20=2,K1585*Input!$C$20,0)+IF(Input!$D$21=2,L1585*Input!$C$21,0)+IF(Input!$D$22=2,M1585*Input!$C$22,0)</f>
        <v>1.2676040059126581</v>
      </c>
      <c r="P1585" s="59">
        <f>IF(Input!$D$19=3,J1585*Input!$C$19,0)+IF(Input!$D$20=3,K1585*Input!$C$20,0)+IF(Input!$D$21=3,L1585*Input!$C$21,0)+IF(Input!$D$22=3,M1585*Input!$C$22,0)</f>
        <v>0</v>
      </c>
      <c r="Q1585" s="75">
        <f>IF(Input!$D$19=4,J1585*Input!$C$19,0)+IF(Input!$D$20=4,K1585*Input!$C$20,0)+IF(Input!$D$21=4,L1585*Input!$C$21,0)+IF(Input!$D$22=4,M1585*Input!$C$22,0)</f>
        <v>0</v>
      </c>
      <c r="R1585" s="58">
        <v>61.454031700015236</v>
      </c>
      <c r="S1585" s="124">
        <f t="shared" si="24"/>
        <v>2.1971802769152742</v>
      </c>
    </row>
    <row r="1586" spans="8:19" x14ac:dyDescent="0.3">
      <c r="H1586" s="44">
        <v>1579</v>
      </c>
      <c r="I1586" s="56">
        <f>Bühler!I1612</f>
        <v>0.50704160236506324</v>
      </c>
      <c r="J1586" s="59">
        <f>Bühler!J1612</f>
        <v>1.6901386745502109</v>
      </c>
      <c r="K1586" s="59">
        <f>Bühler!K1612</f>
        <v>2.5352080118253162</v>
      </c>
      <c r="L1586" s="59">
        <f>Bühler!L1612</f>
        <v>12.168998456761518</v>
      </c>
      <c r="M1586" s="58">
        <f>Bühler!M1612</f>
        <v>0</v>
      </c>
      <c r="N1586" s="56">
        <f>IF(Input!$D$19=1,J1586*Input!$C$19,0)+IF(Input!$D$20=1,K1586*Input!$C$20,0)+IF(Input!$D$21=1,L1586*Input!$C$21,0)+IF(Input!$D$22=1,M1586*Input!$C$22,0)</f>
        <v>0.50704160236506324</v>
      </c>
      <c r="O1586" s="59">
        <f>IF(Input!$D$19=2,J1586*Input!$C$19,0)+IF(Input!$D$20=2,K1586*Input!$C$20,0)+IF(Input!$D$21=2,L1586*Input!$C$21,0)+IF(Input!$D$22=2,M1586*Input!$C$22,0)</f>
        <v>1.2676040059126581</v>
      </c>
      <c r="P1586" s="59">
        <f>IF(Input!$D$19=3,J1586*Input!$C$19,0)+IF(Input!$D$20=3,K1586*Input!$C$20,0)+IF(Input!$D$21=3,L1586*Input!$C$21,0)+IF(Input!$D$22=3,M1586*Input!$C$22,0)</f>
        <v>0</v>
      </c>
      <c r="Q1586" s="75">
        <f>IF(Input!$D$19=4,J1586*Input!$C$19,0)+IF(Input!$D$20=4,K1586*Input!$C$20,0)+IF(Input!$D$21=4,L1586*Input!$C$21,0)+IF(Input!$D$22=4,M1586*Input!$C$22,0)</f>
        <v>0</v>
      </c>
      <c r="R1586" s="58">
        <v>60.545058316811058</v>
      </c>
      <c r="S1586" s="124">
        <f t="shared" si="24"/>
        <v>2.1971802769152742</v>
      </c>
    </row>
    <row r="1587" spans="8:19" x14ac:dyDescent="0.3">
      <c r="H1587" s="44">
        <v>1580</v>
      </c>
      <c r="I1587" s="56">
        <f>Bühler!I1613</f>
        <v>0.42253466863755262</v>
      </c>
      <c r="J1587" s="59">
        <f>Bühler!J1613</f>
        <v>1.408448895458509</v>
      </c>
      <c r="K1587" s="59">
        <f>Bühler!K1613</f>
        <v>2.1126733431877631</v>
      </c>
      <c r="L1587" s="59">
        <f>Bühler!L1613</f>
        <v>10.140832047301263</v>
      </c>
      <c r="M1587" s="58">
        <f>Bühler!M1613</f>
        <v>0</v>
      </c>
      <c r="N1587" s="56">
        <f>IF(Input!$D$19=1,J1587*Input!$C$19,0)+IF(Input!$D$20=1,K1587*Input!$C$20,0)+IF(Input!$D$21=1,L1587*Input!$C$21,0)+IF(Input!$D$22=1,M1587*Input!$C$22,0)</f>
        <v>0.42253466863755268</v>
      </c>
      <c r="O1587" s="59">
        <f>IF(Input!$D$19=2,J1587*Input!$C$19,0)+IF(Input!$D$20=2,K1587*Input!$C$20,0)+IF(Input!$D$21=2,L1587*Input!$C$21,0)+IF(Input!$D$22=2,M1587*Input!$C$22,0)</f>
        <v>1.0563366715938816</v>
      </c>
      <c r="P1587" s="59">
        <f>IF(Input!$D$19=3,J1587*Input!$C$19,0)+IF(Input!$D$20=3,K1587*Input!$C$20,0)+IF(Input!$D$21=3,L1587*Input!$C$21,0)+IF(Input!$D$22=3,M1587*Input!$C$22,0)</f>
        <v>0</v>
      </c>
      <c r="Q1587" s="75">
        <f>IF(Input!$D$19=4,J1587*Input!$C$19,0)+IF(Input!$D$20=4,K1587*Input!$C$20,0)+IF(Input!$D$21=4,L1587*Input!$C$21,0)+IF(Input!$D$22=4,M1587*Input!$C$22,0)</f>
        <v>0</v>
      </c>
      <c r="R1587" s="58">
        <v>60.106906360875392</v>
      </c>
      <c r="S1587" s="124">
        <f t="shared" si="24"/>
        <v>1.8309835640960617</v>
      </c>
    </row>
    <row r="1588" spans="8:19" x14ac:dyDescent="0.3">
      <c r="H1588" s="44">
        <v>1581</v>
      </c>
      <c r="I1588" s="56">
        <f>Bühler!I1614</f>
        <v>0.33802773491004218</v>
      </c>
      <c r="J1588" s="59">
        <f>Bühler!J1614</f>
        <v>1.1267591163668074</v>
      </c>
      <c r="K1588" s="59">
        <f>Bühler!K1614</f>
        <v>1.6901386745502107</v>
      </c>
      <c r="L1588" s="59">
        <f>Bühler!L1614</f>
        <v>8.1126656378410118</v>
      </c>
      <c r="M1588" s="58">
        <f>Bühler!M1614</f>
        <v>0</v>
      </c>
      <c r="N1588" s="56">
        <f>IF(Input!$D$19=1,J1588*Input!$C$19,0)+IF(Input!$D$20=1,K1588*Input!$C$20,0)+IF(Input!$D$21=1,L1588*Input!$C$21,0)+IF(Input!$D$22=1,M1588*Input!$C$22,0)</f>
        <v>0.33802773491004218</v>
      </c>
      <c r="O1588" s="59">
        <f>IF(Input!$D$19=2,J1588*Input!$C$19,0)+IF(Input!$D$20=2,K1588*Input!$C$20,0)+IF(Input!$D$21=2,L1588*Input!$C$21,0)+IF(Input!$D$22=2,M1588*Input!$C$22,0)</f>
        <v>0.84506933727510536</v>
      </c>
      <c r="P1588" s="59">
        <f>IF(Input!$D$19=3,J1588*Input!$C$19,0)+IF(Input!$D$20=3,K1588*Input!$C$20,0)+IF(Input!$D$21=3,L1588*Input!$C$21,0)+IF(Input!$D$22=3,M1588*Input!$C$22,0)</f>
        <v>0</v>
      </c>
      <c r="Q1588" s="75">
        <f>IF(Input!$D$19=4,J1588*Input!$C$19,0)+IF(Input!$D$20=4,K1588*Input!$C$20,0)+IF(Input!$D$21=4,L1588*Input!$C$21,0)+IF(Input!$D$22=4,M1588*Input!$C$22,0)</f>
        <v>0</v>
      </c>
      <c r="R1588" s="58">
        <v>58.035580928539737</v>
      </c>
      <c r="S1588" s="124">
        <f t="shared" si="24"/>
        <v>1.4647868512768496</v>
      </c>
    </row>
    <row r="1589" spans="8:19" x14ac:dyDescent="0.3">
      <c r="H1589" s="44">
        <v>1582</v>
      </c>
      <c r="I1589" s="56">
        <f>Bühler!I1615</f>
        <v>0.25352080118253162</v>
      </c>
      <c r="J1589" s="59">
        <f>Bühler!J1615</f>
        <v>0.84506933727510547</v>
      </c>
      <c r="K1589" s="59">
        <f>Bühler!K1615</f>
        <v>1.2676040059126581</v>
      </c>
      <c r="L1589" s="59">
        <f>Bühler!L1615</f>
        <v>6.0844992283807589</v>
      </c>
      <c r="M1589" s="58">
        <f>Bühler!M1615</f>
        <v>0</v>
      </c>
      <c r="N1589" s="56">
        <f>IF(Input!$D$19=1,J1589*Input!$C$19,0)+IF(Input!$D$20=1,K1589*Input!$C$20,0)+IF(Input!$D$21=1,L1589*Input!$C$21,0)+IF(Input!$D$22=1,M1589*Input!$C$22,0)</f>
        <v>0.25352080118253162</v>
      </c>
      <c r="O1589" s="59">
        <f>IF(Input!$D$19=2,J1589*Input!$C$19,0)+IF(Input!$D$20=2,K1589*Input!$C$20,0)+IF(Input!$D$21=2,L1589*Input!$C$21,0)+IF(Input!$D$22=2,M1589*Input!$C$22,0)</f>
        <v>0.63380200295632905</v>
      </c>
      <c r="P1589" s="59">
        <f>IF(Input!$D$19=3,J1589*Input!$C$19,0)+IF(Input!$D$20=3,K1589*Input!$C$20,0)+IF(Input!$D$21=3,L1589*Input!$C$21,0)+IF(Input!$D$22=3,M1589*Input!$C$22,0)</f>
        <v>0</v>
      </c>
      <c r="Q1589" s="75">
        <f>IF(Input!$D$19=4,J1589*Input!$C$19,0)+IF(Input!$D$20=4,K1589*Input!$C$20,0)+IF(Input!$D$21=4,L1589*Input!$C$21,0)+IF(Input!$D$22=4,M1589*Input!$C$22,0)</f>
        <v>0</v>
      </c>
      <c r="R1589" s="58">
        <v>56.480992378101277</v>
      </c>
      <c r="S1589" s="124">
        <f t="shared" si="24"/>
        <v>1.0985901384576371</v>
      </c>
    </row>
    <row r="1590" spans="8:19" x14ac:dyDescent="0.3">
      <c r="H1590" s="44">
        <v>1583</v>
      </c>
      <c r="I1590" s="56">
        <f>Bühler!I1616</f>
        <v>0.25352080118253162</v>
      </c>
      <c r="J1590" s="59">
        <f>Bühler!J1616</f>
        <v>0.84506933727510547</v>
      </c>
      <c r="K1590" s="59">
        <f>Bühler!K1616</f>
        <v>1.2676040059126581</v>
      </c>
      <c r="L1590" s="59">
        <f>Bühler!L1616</f>
        <v>6.0844992283807589</v>
      </c>
      <c r="M1590" s="58">
        <f>Bühler!M1616</f>
        <v>0</v>
      </c>
      <c r="N1590" s="56">
        <f>IF(Input!$D$19=1,J1590*Input!$C$19,0)+IF(Input!$D$20=1,K1590*Input!$C$20,0)+IF(Input!$D$21=1,L1590*Input!$C$21,0)+IF(Input!$D$22=1,M1590*Input!$C$22,0)</f>
        <v>0.25352080118253162</v>
      </c>
      <c r="O1590" s="59">
        <f>IF(Input!$D$19=2,J1590*Input!$C$19,0)+IF(Input!$D$20=2,K1590*Input!$C$20,0)+IF(Input!$D$21=2,L1590*Input!$C$21,0)+IF(Input!$D$22=2,M1590*Input!$C$22,0)</f>
        <v>0.63380200295632905</v>
      </c>
      <c r="P1590" s="59">
        <f>IF(Input!$D$19=3,J1590*Input!$C$19,0)+IF(Input!$D$20=3,K1590*Input!$C$20,0)+IF(Input!$D$21=3,L1590*Input!$C$21,0)+IF(Input!$D$22=3,M1590*Input!$C$22,0)</f>
        <v>0</v>
      </c>
      <c r="Q1590" s="75">
        <f>IF(Input!$D$19=4,J1590*Input!$C$19,0)+IF(Input!$D$20=4,K1590*Input!$C$20,0)+IF(Input!$D$21=4,L1590*Input!$C$21,0)+IF(Input!$D$22=4,M1590*Input!$C$22,0)</f>
        <v>0</v>
      </c>
      <c r="R1590" s="58">
        <v>55.916414344838053</v>
      </c>
      <c r="S1590" s="124">
        <f t="shared" si="24"/>
        <v>1.0985901384576371</v>
      </c>
    </row>
    <row r="1591" spans="8:19" x14ac:dyDescent="0.3">
      <c r="H1591" s="44">
        <v>1584</v>
      </c>
      <c r="I1591" s="56">
        <f>Bühler!I1617</f>
        <v>0.25352080118253162</v>
      </c>
      <c r="J1591" s="59">
        <f>Bühler!J1617</f>
        <v>0.84506933727510547</v>
      </c>
      <c r="K1591" s="59">
        <f>Bühler!K1617</f>
        <v>1.2676040059126581</v>
      </c>
      <c r="L1591" s="59">
        <f>Bühler!L1617</f>
        <v>6.0844992283807589</v>
      </c>
      <c r="M1591" s="58">
        <f>Bühler!M1617</f>
        <v>0</v>
      </c>
      <c r="N1591" s="56">
        <f>IF(Input!$D$19=1,J1591*Input!$C$19,0)+IF(Input!$D$20=1,K1591*Input!$C$20,0)+IF(Input!$D$21=1,L1591*Input!$C$21,0)+IF(Input!$D$22=1,M1591*Input!$C$22,0)</f>
        <v>0.25352080118253162</v>
      </c>
      <c r="O1591" s="59">
        <f>IF(Input!$D$19=2,J1591*Input!$C$19,0)+IF(Input!$D$20=2,K1591*Input!$C$20,0)+IF(Input!$D$21=2,L1591*Input!$C$21,0)+IF(Input!$D$22=2,M1591*Input!$C$22,0)</f>
        <v>0.63380200295632905</v>
      </c>
      <c r="P1591" s="59">
        <f>IF(Input!$D$19=3,J1591*Input!$C$19,0)+IF(Input!$D$20=3,K1591*Input!$C$20,0)+IF(Input!$D$21=3,L1591*Input!$C$21,0)+IF(Input!$D$22=3,M1591*Input!$C$22,0)</f>
        <v>0</v>
      </c>
      <c r="Q1591" s="75">
        <f>IF(Input!$D$19=4,J1591*Input!$C$19,0)+IF(Input!$D$20=4,K1591*Input!$C$20,0)+IF(Input!$D$21=4,L1591*Input!$C$21,0)+IF(Input!$D$22=4,M1591*Input!$C$22,0)</f>
        <v>0</v>
      </c>
      <c r="R1591" s="58">
        <v>55.506056256802218</v>
      </c>
      <c r="S1591" s="124">
        <f t="shared" si="24"/>
        <v>1.0985901384576371</v>
      </c>
    </row>
    <row r="1592" spans="8:19" x14ac:dyDescent="0.3">
      <c r="H1592" s="44">
        <v>1585</v>
      </c>
      <c r="I1592" s="56">
        <f>Bühler!I1618</f>
        <v>0.25880000361944794</v>
      </c>
      <c r="J1592" s="59">
        <f>Bühler!J1618</f>
        <v>0.86266667873149316</v>
      </c>
      <c r="K1592" s="59">
        <f>Bühler!K1618</f>
        <v>1.2940000180972397</v>
      </c>
      <c r="L1592" s="59">
        <f>Bühler!L1618</f>
        <v>6.211200086866751</v>
      </c>
      <c r="M1592" s="58">
        <f>Bühler!M1618</f>
        <v>0</v>
      </c>
      <c r="N1592" s="56">
        <f>IF(Input!$D$19=1,J1592*Input!$C$19,0)+IF(Input!$D$20=1,K1592*Input!$C$20,0)+IF(Input!$D$21=1,L1592*Input!$C$21,0)+IF(Input!$D$22=1,M1592*Input!$C$22,0)</f>
        <v>0.25880000361944794</v>
      </c>
      <c r="O1592" s="59">
        <f>IF(Input!$D$19=2,J1592*Input!$C$19,0)+IF(Input!$D$20=2,K1592*Input!$C$20,0)+IF(Input!$D$21=2,L1592*Input!$C$21,0)+IF(Input!$D$22=2,M1592*Input!$C$22,0)</f>
        <v>0.64700000904861987</v>
      </c>
      <c r="P1592" s="59">
        <f>IF(Input!$D$19=3,J1592*Input!$C$19,0)+IF(Input!$D$20=3,K1592*Input!$C$20,0)+IF(Input!$D$21=3,L1592*Input!$C$21,0)+IF(Input!$D$22=3,M1592*Input!$C$22,0)</f>
        <v>0</v>
      </c>
      <c r="Q1592" s="75">
        <f>IF(Input!$D$19=4,J1592*Input!$C$19,0)+IF(Input!$D$20=4,K1592*Input!$C$20,0)+IF(Input!$D$21=4,L1592*Input!$C$21,0)+IF(Input!$D$22=4,M1592*Input!$C$22,0)</f>
        <v>0</v>
      </c>
      <c r="R1592" s="58">
        <v>55.37347056246562</v>
      </c>
      <c r="S1592" s="124">
        <f t="shared" si="24"/>
        <v>1.1214666823509412</v>
      </c>
    </row>
    <row r="1593" spans="8:19" x14ac:dyDescent="0.3">
      <c r="H1593" s="44">
        <v>1586</v>
      </c>
      <c r="I1593" s="56">
        <f>Bühler!I1619</f>
        <v>0.25880000361944794</v>
      </c>
      <c r="J1593" s="59">
        <f>Bühler!J1619</f>
        <v>0.86266667873149316</v>
      </c>
      <c r="K1593" s="59">
        <f>Bühler!K1619</f>
        <v>1.2940000180972397</v>
      </c>
      <c r="L1593" s="59">
        <f>Bühler!L1619</f>
        <v>6.211200086866751</v>
      </c>
      <c r="M1593" s="58">
        <f>Bühler!M1619</f>
        <v>0</v>
      </c>
      <c r="N1593" s="56">
        <f>IF(Input!$D$19=1,J1593*Input!$C$19,0)+IF(Input!$D$20=1,K1593*Input!$C$20,0)+IF(Input!$D$21=1,L1593*Input!$C$21,0)+IF(Input!$D$22=1,M1593*Input!$C$22,0)</f>
        <v>0.25880000361944794</v>
      </c>
      <c r="O1593" s="59">
        <f>IF(Input!$D$19=2,J1593*Input!$C$19,0)+IF(Input!$D$20=2,K1593*Input!$C$20,0)+IF(Input!$D$21=2,L1593*Input!$C$21,0)+IF(Input!$D$22=2,M1593*Input!$C$22,0)</f>
        <v>0.64700000904861987</v>
      </c>
      <c r="P1593" s="59">
        <f>IF(Input!$D$19=3,J1593*Input!$C$19,0)+IF(Input!$D$20=3,K1593*Input!$C$20,0)+IF(Input!$D$21=3,L1593*Input!$C$21,0)+IF(Input!$D$22=3,M1593*Input!$C$22,0)</f>
        <v>0</v>
      </c>
      <c r="Q1593" s="75">
        <f>IF(Input!$D$19=4,J1593*Input!$C$19,0)+IF(Input!$D$20=4,K1593*Input!$C$20,0)+IF(Input!$D$21=4,L1593*Input!$C$21,0)+IF(Input!$D$22=4,M1593*Input!$C$22,0)</f>
        <v>0</v>
      </c>
      <c r="R1593" s="58">
        <v>56.6142805189698</v>
      </c>
      <c r="S1593" s="124">
        <f t="shared" si="24"/>
        <v>1.1214666823509412</v>
      </c>
    </row>
    <row r="1594" spans="8:19" x14ac:dyDescent="0.3">
      <c r="H1594" s="44">
        <v>1587</v>
      </c>
      <c r="I1594" s="56">
        <f>Bühler!I1620</f>
        <v>0.25880000361944794</v>
      </c>
      <c r="J1594" s="59">
        <f>Bühler!J1620</f>
        <v>0.86266667873149316</v>
      </c>
      <c r="K1594" s="59">
        <f>Bühler!K1620</f>
        <v>1.2940000180972397</v>
      </c>
      <c r="L1594" s="59">
        <f>Bühler!L1620</f>
        <v>6.211200086866751</v>
      </c>
      <c r="M1594" s="58">
        <f>Bühler!M1620</f>
        <v>0</v>
      </c>
      <c r="N1594" s="56">
        <f>IF(Input!$D$19=1,J1594*Input!$C$19,0)+IF(Input!$D$20=1,K1594*Input!$C$20,0)+IF(Input!$D$21=1,L1594*Input!$C$21,0)+IF(Input!$D$22=1,M1594*Input!$C$22,0)</f>
        <v>0.25880000361944794</v>
      </c>
      <c r="O1594" s="59">
        <f>IF(Input!$D$19=2,J1594*Input!$C$19,0)+IF(Input!$D$20=2,K1594*Input!$C$20,0)+IF(Input!$D$21=2,L1594*Input!$C$21,0)+IF(Input!$D$22=2,M1594*Input!$C$22,0)</f>
        <v>0.64700000904861987</v>
      </c>
      <c r="P1594" s="59">
        <f>IF(Input!$D$19=3,J1594*Input!$C$19,0)+IF(Input!$D$20=3,K1594*Input!$C$20,0)+IF(Input!$D$21=3,L1594*Input!$C$21,0)+IF(Input!$D$22=3,M1594*Input!$C$22,0)</f>
        <v>0</v>
      </c>
      <c r="Q1594" s="75">
        <f>IF(Input!$D$19=4,J1594*Input!$C$19,0)+IF(Input!$D$20=4,K1594*Input!$C$20,0)+IF(Input!$D$21=4,L1594*Input!$C$21,0)+IF(Input!$D$22=4,M1594*Input!$C$22,0)</f>
        <v>0</v>
      </c>
      <c r="R1594" s="58">
        <v>57.15873344144125</v>
      </c>
      <c r="S1594" s="124">
        <f t="shared" si="24"/>
        <v>1.1214666823509412</v>
      </c>
    </row>
    <row r="1595" spans="8:19" x14ac:dyDescent="0.3">
      <c r="H1595" s="44">
        <v>1588</v>
      </c>
      <c r="I1595" s="56">
        <f>Bühler!I1621</f>
        <v>0.25880000361944794</v>
      </c>
      <c r="J1595" s="59">
        <f>Bühler!J1621</f>
        <v>0.86266667873149316</v>
      </c>
      <c r="K1595" s="59">
        <f>Bühler!K1621</f>
        <v>1.2940000180972397</v>
      </c>
      <c r="L1595" s="59">
        <f>Bühler!L1621</f>
        <v>6.211200086866751</v>
      </c>
      <c r="M1595" s="58">
        <f>Bühler!M1621</f>
        <v>0</v>
      </c>
      <c r="N1595" s="56">
        <f>IF(Input!$D$19=1,J1595*Input!$C$19,0)+IF(Input!$D$20=1,K1595*Input!$C$20,0)+IF(Input!$D$21=1,L1595*Input!$C$21,0)+IF(Input!$D$22=1,M1595*Input!$C$22,0)</f>
        <v>0.25880000361944794</v>
      </c>
      <c r="O1595" s="59">
        <f>IF(Input!$D$19=2,J1595*Input!$C$19,0)+IF(Input!$D$20=2,K1595*Input!$C$20,0)+IF(Input!$D$21=2,L1595*Input!$C$21,0)+IF(Input!$D$22=2,M1595*Input!$C$22,0)</f>
        <v>0.64700000904861987</v>
      </c>
      <c r="P1595" s="59">
        <f>IF(Input!$D$19=3,J1595*Input!$C$19,0)+IF(Input!$D$20=3,K1595*Input!$C$20,0)+IF(Input!$D$21=3,L1595*Input!$C$21,0)+IF(Input!$D$22=3,M1595*Input!$C$22,0)</f>
        <v>0</v>
      </c>
      <c r="Q1595" s="75">
        <f>IF(Input!$D$19=4,J1595*Input!$C$19,0)+IF(Input!$D$20=4,K1595*Input!$C$20,0)+IF(Input!$D$21=4,L1595*Input!$C$21,0)+IF(Input!$D$22=4,M1595*Input!$C$22,0)</f>
        <v>0</v>
      </c>
      <c r="R1595" s="58">
        <v>56.985553029768404</v>
      </c>
      <c r="S1595" s="124">
        <f t="shared" si="24"/>
        <v>1.1214666823509412</v>
      </c>
    </row>
    <row r="1596" spans="8:19" x14ac:dyDescent="0.3">
      <c r="H1596" s="44">
        <v>1589</v>
      </c>
      <c r="I1596" s="56">
        <f>Bühler!I1622</f>
        <v>0.25880000361944794</v>
      </c>
      <c r="J1596" s="59">
        <f>Bühler!J1622</f>
        <v>0.86266667873149316</v>
      </c>
      <c r="K1596" s="59">
        <f>Bühler!K1622</f>
        <v>1.2940000180972397</v>
      </c>
      <c r="L1596" s="59">
        <f>Bühler!L1622</f>
        <v>6.211200086866751</v>
      </c>
      <c r="M1596" s="58">
        <f>Bühler!M1622</f>
        <v>0</v>
      </c>
      <c r="N1596" s="56">
        <f>IF(Input!$D$19=1,J1596*Input!$C$19,0)+IF(Input!$D$20=1,K1596*Input!$C$20,0)+IF(Input!$D$21=1,L1596*Input!$C$21,0)+IF(Input!$D$22=1,M1596*Input!$C$22,0)</f>
        <v>0.25880000361944794</v>
      </c>
      <c r="O1596" s="59">
        <f>IF(Input!$D$19=2,J1596*Input!$C$19,0)+IF(Input!$D$20=2,K1596*Input!$C$20,0)+IF(Input!$D$21=2,L1596*Input!$C$21,0)+IF(Input!$D$22=2,M1596*Input!$C$22,0)</f>
        <v>0.64700000904861987</v>
      </c>
      <c r="P1596" s="59">
        <f>IF(Input!$D$19=3,J1596*Input!$C$19,0)+IF(Input!$D$20=3,K1596*Input!$C$20,0)+IF(Input!$D$21=3,L1596*Input!$C$21,0)+IF(Input!$D$22=3,M1596*Input!$C$22,0)</f>
        <v>0</v>
      </c>
      <c r="Q1596" s="75">
        <f>IF(Input!$D$19=4,J1596*Input!$C$19,0)+IF(Input!$D$20=4,K1596*Input!$C$20,0)+IF(Input!$D$21=4,L1596*Input!$C$21,0)+IF(Input!$D$22=4,M1596*Input!$C$22,0)</f>
        <v>0</v>
      </c>
      <c r="R1596" s="58">
        <v>58.160623021051705</v>
      </c>
      <c r="S1596" s="124">
        <f t="shared" si="24"/>
        <v>1.1214666823509412</v>
      </c>
    </row>
    <row r="1597" spans="8:19" x14ac:dyDescent="0.3">
      <c r="H1597" s="44">
        <v>1590</v>
      </c>
      <c r="I1597" s="56">
        <f>Bühler!I1623</f>
        <v>0.33356444910951066</v>
      </c>
      <c r="J1597" s="59">
        <f>Bühler!J1623</f>
        <v>1.1118814970317021</v>
      </c>
      <c r="K1597" s="59">
        <f>Bühler!K1623</f>
        <v>1.6678222455475533</v>
      </c>
      <c r="L1597" s="59">
        <f>Bühler!L1623</f>
        <v>8.0055467786282559</v>
      </c>
      <c r="M1597" s="58">
        <f>Bühler!M1623</f>
        <v>0</v>
      </c>
      <c r="N1597" s="56">
        <f>IF(Input!$D$19=1,J1597*Input!$C$19,0)+IF(Input!$D$20=1,K1597*Input!$C$20,0)+IF(Input!$D$21=1,L1597*Input!$C$21,0)+IF(Input!$D$22=1,M1597*Input!$C$22,0)</f>
        <v>0.33356444910951061</v>
      </c>
      <c r="O1597" s="59">
        <f>IF(Input!$D$19=2,J1597*Input!$C$19,0)+IF(Input!$D$20=2,K1597*Input!$C$20,0)+IF(Input!$D$21=2,L1597*Input!$C$21,0)+IF(Input!$D$22=2,M1597*Input!$C$22,0)</f>
        <v>0.83391112277377666</v>
      </c>
      <c r="P1597" s="59">
        <f>IF(Input!$D$19=3,J1597*Input!$C$19,0)+IF(Input!$D$20=3,K1597*Input!$C$20,0)+IF(Input!$D$21=3,L1597*Input!$C$21,0)+IF(Input!$D$22=3,M1597*Input!$C$22,0)</f>
        <v>0</v>
      </c>
      <c r="Q1597" s="75">
        <f>IF(Input!$D$19=4,J1597*Input!$C$19,0)+IF(Input!$D$20=4,K1597*Input!$C$20,0)+IF(Input!$D$21=4,L1597*Input!$C$21,0)+IF(Input!$D$22=4,M1597*Input!$C$22,0)</f>
        <v>0</v>
      </c>
      <c r="R1597" s="58">
        <v>61.364524744512813</v>
      </c>
      <c r="S1597" s="124">
        <f t="shared" si="24"/>
        <v>1.4454459461412128</v>
      </c>
    </row>
    <row r="1598" spans="8:19" x14ac:dyDescent="0.3">
      <c r="H1598" s="44">
        <v>1591</v>
      </c>
      <c r="I1598" s="56">
        <f>Bühler!I1624</f>
        <v>0.38532444983340031</v>
      </c>
      <c r="J1598" s="59">
        <f>Bühler!J1624</f>
        <v>1.2844148327780012</v>
      </c>
      <c r="K1598" s="59">
        <f>Bühler!K1624</f>
        <v>1.9266222491670013</v>
      </c>
      <c r="L1598" s="59">
        <f>Bühler!L1624</f>
        <v>9.2477867960016074</v>
      </c>
      <c r="M1598" s="58">
        <f>Bühler!M1624</f>
        <v>0</v>
      </c>
      <c r="N1598" s="56">
        <f>IF(Input!$D$19=1,J1598*Input!$C$19,0)+IF(Input!$D$20=1,K1598*Input!$C$20,0)+IF(Input!$D$21=1,L1598*Input!$C$21,0)+IF(Input!$D$22=1,M1598*Input!$C$22,0)</f>
        <v>0.38532444983340036</v>
      </c>
      <c r="O1598" s="59">
        <f>IF(Input!$D$19=2,J1598*Input!$C$19,0)+IF(Input!$D$20=2,K1598*Input!$C$20,0)+IF(Input!$D$21=2,L1598*Input!$C$21,0)+IF(Input!$D$22=2,M1598*Input!$C$22,0)</f>
        <v>0.96331112458350066</v>
      </c>
      <c r="P1598" s="59">
        <f>IF(Input!$D$19=3,J1598*Input!$C$19,0)+IF(Input!$D$20=3,K1598*Input!$C$20,0)+IF(Input!$D$21=3,L1598*Input!$C$21,0)+IF(Input!$D$22=3,M1598*Input!$C$22,0)</f>
        <v>0</v>
      </c>
      <c r="Q1598" s="75">
        <f>IF(Input!$D$19=4,J1598*Input!$C$19,0)+IF(Input!$D$20=4,K1598*Input!$C$20,0)+IF(Input!$D$21=4,L1598*Input!$C$21,0)+IF(Input!$D$22=4,M1598*Input!$C$22,0)</f>
        <v>0</v>
      </c>
      <c r="R1598" s="58">
        <v>64.175845647437953</v>
      </c>
      <c r="S1598" s="124">
        <f t="shared" si="24"/>
        <v>1.6697392826114015</v>
      </c>
    </row>
    <row r="1599" spans="8:19" x14ac:dyDescent="0.3">
      <c r="H1599" s="44">
        <v>1592</v>
      </c>
      <c r="I1599" s="56">
        <f>Bühler!I1625</f>
        <v>0.38532444983340031</v>
      </c>
      <c r="J1599" s="59">
        <f>Bühler!J1625</f>
        <v>1.2844148327780012</v>
      </c>
      <c r="K1599" s="59">
        <f>Bühler!K1625</f>
        <v>1.9266222491670013</v>
      </c>
      <c r="L1599" s="59">
        <f>Bühler!L1625</f>
        <v>9.2477867960016074</v>
      </c>
      <c r="M1599" s="58">
        <f>Bühler!M1625</f>
        <v>0</v>
      </c>
      <c r="N1599" s="56">
        <f>IF(Input!$D$19=1,J1599*Input!$C$19,0)+IF(Input!$D$20=1,K1599*Input!$C$20,0)+IF(Input!$D$21=1,L1599*Input!$C$21,0)+IF(Input!$D$22=1,M1599*Input!$C$22,0)</f>
        <v>0.38532444983340036</v>
      </c>
      <c r="O1599" s="59">
        <f>IF(Input!$D$19=2,J1599*Input!$C$19,0)+IF(Input!$D$20=2,K1599*Input!$C$20,0)+IF(Input!$D$21=2,L1599*Input!$C$21,0)+IF(Input!$D$22=2,M1599*Input!$C$22,0)</f>
        <v>0.96331112458350066</v>
      </c>
      <c r="P1599" s="59">
        <f>IF(Input!$D$19=3,J1599*Input!$C$19,0)+IF(Input!$D$20=3,K1599*Input!$C$20,0)+IF(Input!$D$21=3,L1599*Input!$C$21,0)+IF(Input!$D$22=3,M1599*Input!$C$22,0)</f>
        <v>0</v>
      </c>
      <c r="Q1599" s="75">
        <f>IF(Input!$D$19=4,J1599*Input!$C$19,0)+IF(Input!$D$20=4,K1599*Input!$C$20,0)+IF(Input!$D$21=4,L1599*Input!$C$21,0)+IF(Input!$D$22=4,M1599*Input!$C$22,0)</f>
        <v>0</v>
      </c>
      <c r="R1599" s="58">
        <v>63.803999375864286</v>
      </c>
      <c r="S1599" s="124">
        <f t="shared" si="24"/>
        <v>1.6697392826114015</v>
      </c>
    </row>
    <row r="1600" spans="8:19" x14ac:dyDescent="0.3">
      <c r="H1600" s="44">
        <v>1593</v>
      </c>
      <c r="I1600" s="56">
        <f>Bühler!I1626</f>
        <v>0.38532444983340031</v>
      </c>
      <c r="J1600" s="59">
        <f>Bühler!J1626</f>
        <v>1.2844148327780012</v>
      </c>
      <c r="K1600" s="59">
        <f>Bühler!K1626</f>
        <v>1.9266222491670013</v>
      </c>
      <c r="L1600" s="59">
        <f>Bühler!L1626</f>
        <v>9.2477867960016074</v>
      </c>
      <c r="M1600" s="58">
        <f>Bühler!M1626</f>
        <v>0</v>
      </c>
      <c r="N1600" s="56">
        <f>IF(Input!$D$19=1,J1600*Input!$C$19,0)+IF(Input!$D$20=1,K1600*Input!$C$20,0)+IF(Input!$D$21=1,L1600*Input!$C$21,0)+IF(Input!$D$22=1,M1600*Input!$C$22,0)</f>
        <v>0.38532444983340036</v>
      </c>
      <c r="O1600" s="59">
        <f>IF(Input!$D$19=2,J1600*Input!$C$19,0)+IF(Input!$D$20=2,K1600*Input!$C$20,0)+IF(Input!$D$21=2,L1600*Input!$C$21,0)+IF(Input!$D$22=2,M1600*Input!$C$22,0)</f>
        <v>0.96331112458350066</v>
      </c>
      <c r="P1600" s="59">
        <f>IF(Input!$D$19=3,J1600*Input!$C$19,0)+IF(Input!$D$20=3,K1600*Input!$C$20,0)+IF(Input!$D$21=3,L1600*Input!$C$21,0)+IF(Input!$D$22=3,M1600*Input!$C$22,0)</f>
        <v>0</v>
      </c>
      <c r="Q1600" s="75">
        <f>IF(Input!$D$19=4,J1600*Input!$C$19,0)+IF(Input!$D$20=4,K1600*Input!$C$20,0)+IF(Input!$D$21=4,L1600*Input!$C$21,0)+IF(Input!$D$22=4,M1600*Input!$C$22,0)</f>
        <v>0</v>
      </c>
      <c r="R1600" s="58">
        <v>64.099954943440167</v>
      </c>
      <c r="S1600" s="124">
        <f t="shared" si="24"/>
        <v>1.6697392826114015</v>
      </c>
    </row>
    <row r="1601" spans="8:19" x14ac:dyDescent="0.3">
      <c r="H1601" s="44">
        <v>1594</v>
      </c>
      <c r="I1601" s="56">
        <f>Bühler!I1627</f>
        <v>0.41408000579111665</v>
      </c>
      <c r="J1601" s="59">
        <f>Bühler!J1627</f>
        <v>1.3802666859703889</v>
      </c>
      <c r="K1601" s="59">
        <f>Bühler!K1627</f>
        <v>2.0704000289555831</v>
      </c>
      <c r="L1601" s="59">
        <f>Bühler!L1627</f>
        <v>9.937920138986799</v>
      </c>
      <c r="M1601" s="58">
        <f>Bühler!M1627</f>
        <v>0</v>
      </c>
      <c r="N1601" s="56">
        <f>IF(Input!$D$19=1,J1601*Input!$C$19,0)+IF(Input!$D$20=1,K1601*Input!$C$20,0)+IF(Input!$D$21=1,L1601*Input!$C$21,0)+IF(Input!$D$22=1,M1601*Input!$C$22,0)</f>
        <v>0.41408000579111665</v>
      </c>
      <c r="O1601" s="59">
        <f>IF(Input!$D$19=2,J1601*Input!$C$19,0)+IF(Input!$D$20=2,K1601*Input!$C$20,0)+IF(Input!$D$21=2,L1601*Input!$C$21,0)+IF(Input!$D$22=2,M1601*Input!$C$22,0)</f>
        <v>1.0352000144777915</v>
      </c>
      <c r="P1601" s="59">
        <f>IF(Input!$D$19=3,J1601*Input!$C$19,0)+IF(Input!$D$20=3,K1601*Input!$C$20,0)+IF(Input!$D$21=3,L1601*Input!$C$21,0)+IF(Input!$D$22=3,M1601*Input!$C$22,0)</f>
        <v>0</v>
      </c>
      <c r="Q1601" s="75">
        <f>IF(Input!$D$19=4,J1601*Input!$C$19,0)+IF(Input!$D$20=4,K1601*Input!$C$20,0)+IF(Input!$D$21=4,L1601*Input!$C$21,0)+IF(Input!$D$22=4,M1601*Input!$C$22,0)</f>
        <v>0</v>
      </c>
      <c r="R1601" s="58">
        <v>63.767080920906359</v>
      </c>
      <c r="S1601" s="124">
        <f t="shared" si="24"/>
        <v>1.7943466917615056</v>
      </c>
    </row>
    <row r="1602" spans="8:19" x14ac:dyDescent="0.3">
      <c r="H1602" s="44">
        <v>1595</v>
      </c>
      <c r="I1602" s="56">
        <f>Bühler!I1628</f>
        <v>0.44858667294037641</v>
      </c>
      <c r="J1602" s="59">
        <f>Bühler!J1628</f>
        <v>1.495288909801255</v>
      </c>
      <c r="K1602" s="59">
        <f>Bühler!K1628</f>
        <v>2.2429333647018823</v>
      </c>
      <c r="L1602" s="59">
        <f>Bühler!L1628</f>
        <v>10.766080150569035</v>
      </c>
      <c r="M1602" s="58">
        <f>Bühler!M1628</f>
        <v>0</v>
      </c>
      <c r="N1602" s="56">
        <f>IF(Input!$D$19=1,J1602*Input!$C$19,0)+IF(Input!$D$20=1,K1602*Input!$C$20,0)+IF(Input!$D$21=1,L1602*Input!$C$21,0)+IF(Input!$D$22=1,M1602*Input!$C$22,0)</f>
        <v>0.44858667294037646</v>
      </c>
      <c r="O1602" s="59">
        <f>IF(Input!$D$19=2,J1602*Input!$C$19,0)+IF(Input!$D$20=2,K1602*Input!$C$20,0)+IF(Input!$D$21=2,L1602*Input!$C$21,0)+IF(Input!$D$22=2,M1602*Input!$C$22,0)</f>
        <v>1.1214666823509412</v>
      </c>
      <c r="P1602" s="59">
        <f>IF(Input!$D$19=3,J1602*Input!$C$19,0)+IF(Input!$D$20=3,K1602*Input!$C$20,0)+IF(Input!$D$21=3,L1602*Input!$C$21,0)+IF(Input!$D$22=3,M1602*Input!$C$22,0)</f>
        <v>0</v>
      </c>
      <c r="Q1602" s="75">
        <f>IF(Input!$D$19=4,J1602*Input!$C$19,0)+IF(Input!$D$20=4,K1602*Input!$C$20,0)+IF(Input!$D$21=4,L1602*Input!$C$21,0)+IF(Input!$D$22=4,M1602*Input!$C$22,0)</f>
        <v>0</v>
      </c>
      <c r="R1602" s="58">
        <v>64.527232335088968</v>
      </c>
      <c r="S1602" s="124">
        <f t="shared" si="24"/>
        <v>1.9438755827416314</v>
      </c>
    </row>
    <row r="1603" spans="8:19" x14ac:dyDescent="0.3">
      <c r="H1603" s="44">
        <v>1596</v>
      </c>
      <c r="I1603" s="56">
        <f>Bühler!I1629</f>
        <v>0.51760000723889588</v>
      </c>
      <c r="J1603" s="59">
        <f>Bühler!J1629</f>
        <v>1.7253333574629863</v>
      </c>
      <c r="K1603" s="59">
        <f>Bühler!K1629</f>
        <v>2.5880000361944795</v>
      </c>
      <c r="L1603" s="59">
        <f>Bühler!L1629</f>
        <v>12.422400173733502</v>
      </c>
      <c r="M1603" s="58">
        <f>Bühler!M1629</f>
        <v>0</v>
      </c>
      <c r="N1603" s="56">
        <f>IF(Input!$D$19=1,J1603*Input!$C$19,0)+IF(Input!$D$20=1,K1603*Input!$C$20,0)+IF(Input!$D$21=1,L1603*Input!$C$21,0)+IF(Input!$D$22=1,M1603*Input!$C$22,0)</f>
        <v>0.51760000723889588</v>
      </c>
      <c r="O1603" s="59">
        <f>IF(Input!$D$19=2,J1603*Input!$C$19,0)+IF(Input!$D$20=2,K1603*Input!$C$20,0)+IF(Input!$D$21=2,L1603*Input!$C$21,0)+IF(Input!$D$22=2,M1603*Input!$C$22,0)</f>
        <v>1.2940000180972397</v>
      </c>
      <c r="P1603" s="59">
        <f>IF(Input!$D$19=3,J1603*Input!$C$19,0)+IF(Input!$D$20=3,K1603*Input!$C$20,0)+IF(Input!$D$21=3,L1603*Input!$C$21,0)+IF(Input!$D$22=3,M1603*Input!$C$22,0)</f>
        <v>0</v>
      </c>
      <c r="Q1603" s="75">
        <f>IF(Input!$D$19=4,J1603*Input!$C$19,0)+IF(Input!$D$20=4,K1603*Input!$C$20,0)+IF(Input!$D$21=4,L1603*Input!$C$21,0)+IF(Input!$D$22=4,M1603*Input!$C$22,0)</f>
        <v>0</v>
      </c>
      <c r="R1603" s="58">
        <v>64.747990956311583</v>
      </c>
      <c r="S1603" s="124">
        <f t="shared" si="24"/>
        <v>2.2429333647018823</v>
      </c>
    </row>
    <row r="1604" spans="8:19" x14ac:dyDescent="0.3">
      <c r="H1604" s="44">
        <v>1597</v>
      </c>
      <c r="I1604" s="56">
        <f>Bühler!I1630</f>
        <v>0.51760000723889588</v>
      </c>
      <c r="J1604" s="59">
        <f>Bühler!J1630</f>
        <v>1.7253333574629863</v>
      </c>
      <c r="K1604" s="59">
        <f>Bühler!K1630</f>
        <v>2.5880000361944795</v>
      </c>
      <c r="L1604" s="59">
        <f>Bühler!L1630</f>
        <v>12.422400173733502</v>
      </c>
      <c r="M1604" s="58">
        <f>Bühler!M1630</f>
        <v>0</v>
      </c>
      <c r="N1604" s="56">
        <f>IF(Input!$D$19=1,J1604*Input!$C$19,0)+IF(Input!$D$20=1,K1604*Input!$C$20,0)+IF(Input!$D$21=1,L1604*Input!$C$21,0)+IF(Input!$D$22=1,M1604*Input!$C$22,0)</f>
        <v>0.51760000723889588</v>
      </c>
      <c r="O1604" s="59">
        <f>IF(Input!$D$19=2,J1604*Input!$C$19,0)+IF(Input!$D$20=2,K1604*Input!$C$20,0)+IF(Input!$D$21=2,L1604*Input!$C$21,0)+IF(Input!$D$22=2,M1604*Input!$C$22,0)</f>
        <v>1.2940000180972397</v>
      </c>
      <c r="P1604" s="59">
        <f>IF(Input!$D$19=3,J1604*Input!$C$19,0)+IF(Input!$D$20=3,K1604*Input!$C$20,0)+IF(Input!$D$21=3,L1604*Input!$C$21,0)+IF(Input!$D$22=3,M1604*Input!$C$22,0)</f>
        <v>0</v>
      </c>
      <c r="Q1604" s="75">
        <f>IF(Input!$D$19=4,J1604*Input!$C$19,0)+IF(Input!$D$20=4,K1604*Input!$C$20,0)+IF(Input!$D$21=4,L1604*Input!$C$21,0)+IF(Input!$D$22=4,M1604*Input!$C$22,0)</f>
        <v>0</v>
      </c>
      <c r="R1604" s="58">
        <v>63.809923412226254</v>
      </c>
      <c r="S1604" s="124">
        <f t="shared" si="24"/>
        <v>2.2429333647018823</v>
      </c>
    </row>
    <row r="1605" spans="8:19" x14ac:dyDescent="0.3">
      <c r="H1605" s="44">
        <v>1598</v>
      </c>
      <c r="I1605" s="56">
        <f>Bühler!I1631</f>
        <v>0.51760000723889588</v>
      </c>
      <c r="J1605" s="59">
        <f>Bühler!J1631</f>
        <v>1.7253333574629863</v>
      </c>
      <c r="K1605" s="59">
        <f>Bühler!K1631</f>
        <v>2.5880000361944795</v>
      </c>
      <c r="L1605" s="59">
        <f>Bühler!L1631</f>
        <v>12.422400173733502</v>
      </c>
      <c r="M1605" s="58">
        <f>Bühler!M1631</f>
        <v>0</v>
      </c>
      <c r="N1605" s="56">
        <f>IF(Input!$D$19=1,J1605*Input!$C$19,0)+IF(Input!$D$20=1,K1605*Input!$C$20,0)+IF(Input!$D$21=1,L1605*Input!$C$21,0)+IF(Input!$D$22=1,M1605*Input!$C$22,0)</f>
        <v>0.51760000723889588</v>
      </c>
      <c r="O1605" s="59">
        <f>IF(Input!$D$19=2,J1605*Input!$C$19,0)+IF(Input!$D$20=2,K1605*Input!$C$20,0)+IF(Input!$D$21=2,L1605*Input!$C$21,0)+IF(Input!$D$22=2,M1605*Input!$C$22,0)</f>
        <v>1.2940000180972397</v>
      </c>
      <c r="P1605" s="59">
        <f>IF(Input!$D$19=3,J1605*Input!$C$19,0)+IF(Input!$D$20=3,K1605*Input!$C$20,0)+IF(Input!$D$21=3,L1605*Input!$C$21,0)+IF(Input!$D$22=3,M1605*Input!$C$22,0)</f>
        <v>0</v>
      </c>
      <c r="Q1605" s="75">
        <f>IF(Input!$D$19=4,J1605*Input!$C$19,0)+IF(Input!$D$20=4,K1605*Input!$C$20,0)+IF(Input!$D$21=4,L1605*Input!$C$21,0)+IF(Input!$D$22=4,M1605*Input!$C$22,0)</f>
        <v>0</v>
      </c>
      <c r="R1605" s="58">
        <v>63.099875280651958</v>
      </c>
      <c r="S1605" s="124">
        <f t="shared" si="24"/>
        <v>2.2429333647018823</v>
      </c>
    </row>
    <row r="1606" spans="8:19" x14ac:dyDescent="0.3">
      <c r="H1606" s="44">
        <v>1599</v>
      </c>
      <c r="I1606" s="56">
        <f>Bühler!I1632</f>
        <v>0.51760000723889588</v>
      </c>
      <c r="J1606" s="59">
        <f>Bühler!J1632</f>
        <v>1.7253333574629863</v>
      </c>
      <c r="K1606" s="59">
        <f>Bühler!K1632</f>
        <v>2.5880000361944795</v>
      </c>
      <c r="L1606" s="59">
        <f>Bühler!L1632</f>
        <v>12.422400173733502</v>
      </c>
      <c r="M1606" s="58">
        <f>Bühler!M1632</f>
        <v>0</v>
      </c>
      <c r="N1606" s="56">
        <f>IF(Input!$D$19=1,J1606*Input!$C$19,0)+IF(Input!$D$20=1,K1606*Input!$C$20,0)+IF(Input!$D$21=1,L1606*Input!$C$21,0)+IF(Input!$D$22=1,M1606*Input!$C$22,0)</f>
        <v>0.51760000723889588</v>
      </c>
      <c r="O1606" s="59">
        <f>IF(Input!$D$19=2,J1606*Input!$C$19,0)+IF(Input!$D$20=2,K1606*Input!$C$20,0)+IF(Input!$D$21=2,L1606*Input!$C$21,0)+IF(Input!$D$22=2,M1606*Input!$C$22,0)</f>
        <v>1.2940000180972397</v>
      </c>
      <c r="P1606" s="59">
        <f>IF(Input!$D$19=3,J1606*Input!$C$19,0)+IF(Input!$D$20=3,K1606*Input!$C$20,0)+IF(Input!$D$21=3,L1606*Input!$C$21,0)+IF(Input!$D$22=3,M1606*Input!$C$22,0)</f>
        <v>0</v>
      </c>
      <c r="Q1606" s="75">
        <f>IF(Input!$D$19=4,J1606*Input!$C$19,0)+IF(Input!$D$20=4,K1606*Input!$C$20,0)+IF(Input!$D$21=4,L1606*Input!$C$21,0)+IF(Input!$D$22=4,M1606*Input!$C$22,0)</f>
        <v>0</v>
      </c>
      <c r="R1606" s="58">
        <v>63.472333657864986</v>
      </c>
      <c r="S1606" s="124">
        <f t="shared" si="24"/>
        <v>2.2429333647018823</v>
      </c>
    </row>
    <row r="1607" spans="8:19" x14ac:dyDescent="0.3">
      <c r="H1607" s="44">
        <v>1600</v>
      </c>
      <c r="I1607" s="56">
        <f>Bühler!I1633</f>
        <v>0.51760000723889588</v>
      </c>
      <c r="J1607" s="59">
        <f>Bühler!J1633</f>
        <v>1.7253333574629863</v>
      </c>
      <c r="K1607" s="59">
        <f>Bühler!K1633</f>
        <v>2.5880000361944795</v>
      </c>
      <c r="L1607" s="59">
        <f>Bühler!L1633</f>
        <v>12.422400173733502</v>
      </c>
      <c r="M1607" s="58">
        <f>Bühler!M1633</f>
        <v>0</v>
      </c>
      <c r="N1607" s="56">
        <f>IF(Input!$D$19=1,J1607*Input!$C$19,0)+IF(Input!$D$20=1,K1607*Input!$C$20,0)+IF(Input!$D$21=1,L1607*Input!$C$21,0)+IF(Input!$D$22=1,M1607*Input!$C$22,0)</f>
        <v>0.51760000723889588</v>
      </c>
      <c r="O1607" s="59">
        <f>IF(Input!$D$19=2,J1607*Input!$C$19,0)+IF(Input!$D$20=2,K1607*Input!$C$20,0)+IF(Input!$D$21=2,L1607*Input!$C$21,0)+IF(Input!$D$22=2,M1607*Input!$C$22,0)</f>
        <v>1.2940000180972397</v>
      </c>
      <c r="P1607" s="59">
        <f>IF(Input!$D$19=3,J1607*Input!$C$19,0)+IF(Input!$D$20=3,K1607*Input!$C$20,0)+IF(Input!$D$21=3,L1607*Input!$C$21,0)+IF(Input!$D$22=3,M1607*Input!$C$22,0)</f>
        <v>0</v>
      </c>
      <c r="Q1607" s="75">
        <f>IF(Input!$D$19=4,J1607*Input!$C$19,0)+IF(Input!$D$20=4,K1607*Input!$C$20,0)+IF(Input!$D$21=4,L1607*Input!$C$21,0)+IF(Input!$D$22=4,M1607*Input!$C$22,0)</f>
        <v>0</v>
      </c>
      <c r="R1607" s="58">
        <v>63.018268955907558</v>
      </c>
      <c r="S1607" s="124">
        <f t="shared" si="24"/>
        <v>2.2429333647018823</v>
      </c>
    </row>
    <row r="1608" spans="8:19" x14ac:dyDescent="0.3">
      <c r="H1608" s="44">
        <v>1601</v>
      </c>
      <c r="I1608" s="56">
        <f>Bühler!I1634</f>
        <v>0.51760000723889588</v>
      </c>
      <c r="J1608" s="59">
        <f>Bühler!J1634</f>
        <v>1.7253333574629863</v>
      </c>
      <c r="K1608" s="59">
        <f>Bühler!K1634</f>
        <v>2.5880000361944795</v>
      </c>
      <c r="L1608" s="59">
        <f>Bühler!L1634</f>
        <v>12.422400173733502</v>
      </c>
      <c r="M1608" s="58">
        <f>Bühler!M1634</f>
        <v>0</v>
      </c>
      <c r="N1608" s="56">
        <f>IF(Input!$D$19=1,J1608*Input!$C$19,0)+IF(Input!$D$20=1,K1608*Input!$C$20,0)+IF(Input!$D$21=1,L1608*Input!$C$21,0)+IF(Input!$D$22=1,M1608*Input!$C$22,0)</f>
        <v>0.51760000723889588</v>
      </c>
      <c r="O1608" s="59">
        <f>IF(Input!$D$19=2,J1608*Input!$C$19,0)+IF(Input!$D$20=2,K1608*Input!$C$20,0)+IF(Input!$D$21=2,L1608*Input!$C$21,0)+IF(Input!$D$22=2,M1608*Input!$C$22,0)</f>
        <v>1.2940000180972397</v>
      </c>
      <c r="P1608" s="59">
        <f>IF(Input!$D$19=3,J1608*Input!$C$19,0)+IF(Input!$D$20=3,K1608*Input!$C$20,0)+IF(Input!$D$21=3,L1608*Input!$C$21,0)+IF(Input!$D$22=3,M1608*Input!$C$22,0)</f>
        <v>0</v>
      </c>
      <c r="Q1608" s="75">
        <f>IF(Input!$D$19=4,J1608*Input!$C$19,0)+IF(Input!$D$20=4,K1608*Input!$C$20,0)+IF(Input!$D$21=4,L1608*Input!$C$21,0)+IF(Input!$D$22=4,M1608*Input!$C$22,0)</f>
        <v>0</v>
      </c>
      <c r="R1608" s="58">
        <v>61.962671637217476</v>
      </c>
      <c r="S1608" s="124">
        <f t="shared" si="24"/>
        <v>2.2429333647018823</v>
      </c>
    </row>
    <row r="1609" spans="8:19" x14ac:dyDescent="0.3">
      <c r="H1609" s="44">
        <v>1602</v>
      </c>
      <c r="I1609" s="56">
        <f>Bühler!I1635</f>
        <v>0.51760000723889588</v>
      </c>
      <c r="J1609" s="59">
        <f>Bühler!J1635</f>
        <v>1.7253333574629863</v>
      </c>
      <c r="K1609" s="59">
        <f>Bühler!K1635</f>
        <v>2.5880000361944795</v>
      </c>
      <c r="L1609" s="59">
        <f>Bühler!L1635</f>
        <v>12.422400173733502</v>
      </c>
      <c r="M1609" s="58">
        <f>Bühler!M1635</f>
        <v>0</v>
      </c>
      <c r="N1609" s="56">
        <f>IF(Input!$D$19=1,J1609*Input!$C$19,0)+IF(Input!$D$20=1,K1609*Input!$C$20,0)+IF(Input!$D$21=1,L1609*Input!$C$21,0)+IF(Input!$D$22=1,M1609*Input!$C$22,0)</f>
        <v>0.51760000723889588</v>
      </c>
      <c r="O1609" s="59">
        <f>IF(Input!$D$19=2,J1609*Input!$C$19,0)+IF(Input!$D$20=2,K1609*Input!$C$20,0)+IF(Input!$D$21=2,L1609*Input!$C$21,0)+IF(Input!$D$22=2,M1609*Input!$C$22,0)</f>
        <v>1.2940000180972397</v>
      </c>
      <c r="P1609" s="59">
        <f>IF(Input!$D$19=3,J1609*Input!$C$19,0)+IF(Input!$D$20=3,K1609*Input!$C$20,0)+IF(Input!$D$21=3,L1609*Input!$C$21,0)+IF(Input!$D$22=3,M1609*Input!$C$22,0)</f>
        <v>0</v>
      </c>
      <c r="Q1609" s="75">
        <f>IF(Input!$D$19=4,J1609*Input!$C$19,0)+IF(Input!$D$20=4,K1609*Input!$C$20,0)+IF(Input!$D$21=4,L1609*Input!$C$21,0)+IF(Input!$D$22=4,M1609*Input!$C$22,0)</f>
        <v>0</v>
      </c>
      <c r="R1609" s="58">
        <v>60.851663459447032</v>
      </c>
      <c r="S1609" s="124">
        <f t="shared" ref="S1609:S1672" si="25">I1609+J1609</f>
        <v>2.2429333647018823</v>
      </c>
    </row>
    <row r="1610" spans="8:19" x14ac:dyDescent="0.3">
      <c r="H1610" s="44">
        <v>1603</v>
      </c>
      <c r="I1610" s="56">
        <f>Bühler!I1636</f>
        <v>0.51760000723889588</v>
      </c>
      <c r="J1610" s="59">
        <f>Bühler!J1636</f>
        <v>1.7253333574629863</v>
      </c>
      <c r="K1610" s="59">
        <f>Bühler!K1636</f>
        <v>2.5880000361944795</v>
      </c>
      <c r="L1610" s="59">
        <f>Bühler!L1636</f>
        <v>12.422400173733502</v>
      </c>
      <c r="M1610" s="58">
        <f>Bühler!M1636</f>
        <v>0</v>
      </c>
      <c r="N1610" s="56">
        <f>IF(Input!$D$19=1,J1610*Input!$C$19,0)+IF(Input!$D$20=1,K1610*Input!$C$20,0)+IF(Input!$D$21=1,L1610*Input!$C$21,0)+IF(Input!$D$22=1,M1610*Input!$C$22,0)</f>
        <v>0.51760000723889588</v>
      </c>
      <c r="O1610" s="59">
        <f>IF(Input!$D$19=2,J1610*Input!$C$19,0)+IF(Input!$D$20=2,K1610*Input!$C$20,0)+IF(Input!$D$21=2,L1610*Input!$C$21,0)+IF(Input!$D$22=2,M1610*Input!$C$22,0)</f>
        <v>1.2940000180972397</v>
      </c>
      <c r="P1610" s="59">
        <f>IF(Input!$D$19=3,J1610*Input!$C$19,0)+IF(Input!$D$20=3,K1610*Input!$C$20,0)+IF(Input!$D$21=3,L1610*Input!$C$21,0)+IF(Input!$D$22=3,M1610*Input!$C$22,0)</f>
        <v>0</v>
      </c>
      <c r="Q1610" s="75">
        <f>IF(Input!$D$19=4,J1610*Input!$C$19,0)+IF(Input!$D$20=4,K1610*Input!$C$20,0)+IF(Input!$D$21=4,L1610*Input!$C$21,0)+IF(Input!$D$22=4,M1610*Input!$C$22,0)</f>
        <v>0</v>
      </c>
      <c r="R1610" s="58">
        <v>59.900678658370502</v>
      </c>
      <c r="S1610" s="124">
        <f t="shared" si="25"/>
        <v>2.2429333647018823</v>
      </c>
    </row>
    <row r="1611" spans="8:19" x14ac:dyDescent="0.3">
      <c r="H1611" s="44">
        <v>1604</v>
      </c>
      <c r="I1611" s="56">
        <f>Bühler!I1637</f>
        <v>0.43133333936574653</v>
      </c>
      <c r="J1611" s="59">
        <f>Bühler!J1637</f>
        <v>1.4377777978858219</v>
      </c>
      <c r="K1611" s="59">
        <f>Bühler!K1637</f>
        <v>2.1566666968287325</v>
      </c>
      <c r="L1611" s="59">
        <f>Bühler!L1637</f>
        <v>10.352000144777916</v>
      </c>
      <c r="M1611" s="58">
        <f>Bühler!M1637</f>
        <v>0</v>
      </c>
      <c r="N1611" s="56">
        <f>IF(Input!$D$19=1,J1611*Input!$C$19,0)+IF(Input!$D$20=1,K1611*Input!$C$20,0)+IF(Input!$D$21=1,L1611*Input!$C$21,0)+IF(Input!$D$22=1,M1611*Input!$C$22,0)</f>
        <v>0.43133333936574658</v>
      </c>
      <c r="O1611" s="59">
        <f>IF(Input!$D$19=2,J1611*Input!$C$19,0)+IF(Input!$D$20=2,K1611*Input!$C$20,0)+IF(Input!$D$21=2,L1611*Input!$C$21,0)+IF(Input!$D$22=2,M1611*Input!$C$22,0)</f>
        <v>1.0783333484143662</v>
      </c>
      <c r="P1611" s="59">
        <f>IF(Input!$D$19=3,J1611*Input!$C$19,0)+IF(Input!$D$20=3,K1611*Input!$C$20,0)+IF(Input!$D$21=3,L1611*Input!$C$21,0)+IF(Input!$D$22=3,M1611*Input!$C$22,0)</f>
        <v>0</v>
      </c>
      <c r="Q1611" s="75">
        <f>IF(Input!$D$19=4,J1611*Input!$C$19,0)+IF(Input!$D$20=4,K1611*Input!$C$20,0)+IF(Input!$D$21=4,L1611*Input!$C$21,0)+IF(Input!$D$22=4,M1611*Input!$C$22,0)</f>
        <v>0</v>
      </c>
      <c r="R1611" s="58">
        <v>59.102395306667752</v>
      </c>
      <c r="S1611" s="124">
        <f t="shared" si="25"/>
        <v>1.8691111372515685</v>
      </c>
    </row>
    <row r="1612" spans="8:19" x14ac:dyDescent="0.3">
      <c r="H1612" s="44">
        <v>1605</v>
      </c>
      <c r="I1612" s="56">
        <f>Bühler!I1638</f>
        <v>0.34506667149259729</v>
      </c>
      <c r="J1612" s="59">
        <f>Bühler!J1638</f>
        <v>1.1502222383086578</v>
      </c>
      <c r="K1612" s="59">
        <f>Bühler!K1638</f>
        <v>1.7253333574629865</v>
      </c>
      <c r="L1612" s="59">
        <f>Bühler!L1638</f>
        <v>8.2816001158223358</v>
      </c>
      <c r="M1612" s="58">
        <f>Bühler!M1638</f>
        <v>0</v>
      </c>
      <c r="N1612" s="56">
        <f>IF(Input!$D$19=1,J1612*Input!$C$19,0)+IF(Input!$D$20=1,K1612*Input!$C$20,0)+IF(Input!$D$21=1,L1612*Input!$C$21,0)+IF(Input!$D$22=1,M1612*Input!$C$22,0)</f>
        <v>0.34506667149259734</v>
      </c>
      <c r="O1612" s="59">
        <f>IF(Input!$D$19=2,J1612*Input!$C$19,0)+IF(Input!$D$20=2,K1612*Input!$C$20,0)+IF(Input!$D$21=2,L1612*Input!$C$21,0)+IF(Input!$D$22=2,M1612*Input!$C$22,0)</f>
        <v>0.86266667873149327</v>
      </c>
      <c r="P1612" s="59">
        <f>IF(Input!$D$19=3,J1612*Input!$C$19,0)+IF(Input!$D$20=3,K1612*Input!$C$20,0)+IF(Input!$D$21=3,L1612*Input!$C$21,0)+IF(Input!$D$22=3,M1612*Input!$C$22,0)</f>
        <v>0</v>
      </c>
      <c r="Q1612" s="75">
        <f>IF(Input!$D$19=4,J1612*Input!$C$19,0)+IF(Input!$D$20=4,K1612*Input!$C$20,0)+IF(Input!$D$21=4,L1612*Input!$C$21,0)+IF(Input!$D$22=4,M1612*Input!$C$22,0)</f>
        <v>0</v>
      </c>
      <c r="R1612" s="58">
        <v>57.909682715832531</v>
      </c>
      <c r="S1612" s="124">
        <f t="shared" si="25"/>
        <v>1.4952889098012552</v>
      </c>
    </row>
    <row r="1613" spans="8:19" x14ac:dyDescent="0.3">
      <c r="H1613" s="44">
        <v>1606</v>
      </c>
      <c r="I1613" s="56">
        <f>Bühler!I1639</f>
        <v>0.25880000361944794</v>
      </c>
      <c r="J1613" s="59">
        <f>Bühler!J1639</f>
        <v>0.86266667873149316</v>
      </c>
      <c r="K1613" s="59">
        <f>Bühler!K1639</f>
        <v>1.2940000180972397</v>
      </c>
      <c r="L1613" s="59">
        <f>Bühler!L1639</f>
        <v>6.211200086866751</v>
      </c>
      <c r="M1613" s="58">
        <f>Bühler!M1639</f>
        <v>0</v>
      </c>
      <c r="N1613" s="56">
        <f>IF(Input!$D$19=1,J1613*Input!$C$19,0)+IF(Input!$D$20=1,K1613*Input!$C$20,0)+IF(Input!$D$21=1,L1613*Input!$C$21,0)+IF(Input!$D$22=1,M1613*Input!$C$22,0)</f>
        <v>0.25880000361944794</v>
      </c>
      <c r="O1613" s="59">
        <f>IF(Input!$D$19=2,J1613*Input!$C$19,0)+IF(Input!$D$20=2,K1613*Input!$C$20,0)+IF(Input!$D$21=2,L1613*Input!$C$21,0)+IF(Input!$D$22=2,M1613*Input!$C$22,0)</f>
        <v>0.64700000904861987</v>
      </c>
      <c r="P1613" s="59">
        <f>IF(Input!$D$19=3,J1613*Input!$C$19,0)+IF(Input!$D$20=3,K1613*Input!$C$20,0)+IF(Input!$D$21=3,L1613*Input!$C$21,0)+IF(Input!$D$22=3,M1613*Input!$C$22,0)</f>
        <v>0</v>
      </c>
      <c r="Q1613" s="75">
        <f>IF(Input!$D$19=4,J1613*Input!$C$19,0)+IF(Input!$D$20=4,K1613*Input!$C$20,0)+IF(Input!$D$21=4,L1613*Input!$C$21,0)+IF(Input!$D$22=4,M1613*Input!$C$22,0)</f>
        <v>0</v>
      </c>
      <c r="R1613" s="58">
        <v>56.311161228511338</v>
      </c>
      <c r="S1613" s="124">
        <f t="shared" si="25"/>
        <v>1.1214666823509412</v>
      </c>
    </row>
    <row r="1614" spans="8:19" x14ac:dyDescent="0.3">
      <c r="H1614" s="44">
        <v>1607</v>
      </c>
      <c r="I1614" s="56">
        <f>Bühler!I1640</f>
        <v>0.25880000361944794</v>
      </c>
      <c r="J1614" s="59">
        <f>Bühler!J1640</f>
        <v>0.86266667873149316</v>
      </c>
      <c r="K1614" s="59">
        <f>Bühler!K1640</f>
        <v>1.2940000180972397</v>
      </c>
      <c r="L1614" s="59">
        <f>Bühler!L1640</f>
        <v>6.211200086866751</v>
      </c>
      <c r="M1614" s="58">
        <f>Bühler!M1640</f>
        <v>0</v>
      </c>
      <c r="N1614" s="56">
        <f>IF(Input!$D$19=1,J1614*Input!$C$19,0)+IF(Input!$D$20=1,K1614*Input!$C$20,0)+IF(Input!$D$21=1,L1614*Input!$C$21,0)+IF(Input!$D$22=1,M1614*Input!$C$22,0)</f>
        <v>0.25880000361944794</v>
      </c>
      <c r="O1614" s="59">
        <f>IF(Input!$D$19=2,J1614*Input!$C$19,0)+IF(Input!$D$20=2,K1614*Input!$C$20,0)+IF(Input!$D$21=2,L1614*Input!$C$21,0)+IF(Input!$D$22=2,M1614*Input!$C$22,0)</f>
        <v>0.64700000904861987</v>
      </c>
      <c r="P1614" s="59">
        <f>IF(Input!$D$19=3,J1614*Input!$C$19,0)+IF(Input!$D$20=3,K1614*Input!$C$20,0)+IF(Input!$D$21=3,L1614*Input!$C$21,0)+IF(Input!$D$22=3,M1614*Input!$C$22,0)</f>
        <v>0</v>
      </c>
      <c r="Q1614" s="75">
        <f>IF(Input!$D$19=4,J1614*Input!$C$19,0)+IF(Input!$D$20=4,K1614*Input!$C$20,0)+IF(Input!$D$21=4,L1614*Input!$C$21,0)+IF(Input!$D$22=4,M1614*Input!$C$22,0)</f>
        <v>0</v>
      </c>
      <c r="R1614" s="58">
        <v>55.270005860608293</v>
      </c>
      <c r="S1614" s="124">
        <f t="shared" si="25"/>
        <v>1.1214666823509412</v>
      </c>
    </row>
    <row r="1615" spans="8:19" x14ac:dyDescent="0.3">
      <c r="H1615" s="44">
        <v>1608</v>
      </c>
      <c r="I1615" s="56">
        <f>Bühler!I1641</f>
        <v>0.25880000361944794</v>
      </c>
      <c r="J1615" s="59">
        <f>Bühler!J1641</f>
        <v>0.86266667873149316</v>
      </c>
      <c r="K1615" s="59">
        <f>Bühler!K1641</f>
        <v>1.2940000180972397</v>
      </c>
      <c r="L1615" s="59">
        <f>Bühler!L1641</f>
        <v>6.211200086866751</v>
      </c>
      <c r="M1615" s="58">
        <f>Bühler!M1641</f>
        <v>0</v>
      </c>
      <c r="N1615" s="56">
        <f>IF(Input!$D$19=1,J1615*Input!$C$19,0)+IF(Input!$D$20=1,K1615*Input!$C$20,0)+IF(Input!$D$21=1,L1615*Input!$C$21,0)+IF(Input!$D$22=1,M1615*Input!$C$22,0)</f>
        <v>0.25880000361944794</v>
      </c>
      <c r="O1615" s="59">
        <f>IF(Input!$D$19=2,J1615*Input!$C$19,0)+IF(Input!$D$20=2,K1615*Input!$C$20,0)+IF(Input!$D$21=2,L1615*Input!$C$21,0)+IF(Input!$D$22=2,M1615*Input!$C$22,0)</f>
        <v>0.64700000904861987</v>
      </c>
      <c r="P1615" s="59">
        <f>IF(Input!$D$19=3,J1615*Input!$C$19,0)+IF(Input!$D$20=3,K1615*Input!$C$20,0)+IF(Input!$D$21=3,L1615*Input!$C$21,0)+IF(Input!$D$22=3,M1615*Input!$C$22,0)</f>
        <v>0</v>
      </c>
      <c r="Q1615" s="75">
        <f>IF(Input!$D$19=4,J1615*Input!$C$19,0)+IF(Input!$D$20=4,K1615*Input!$C$20,0)+IF(Input!$D$21=4,L1615*Input!$C$21,0)+IF(Input!$D$22=4,M1615*Input!$C$22,0)</f>
        <v>0</v>
      </c>
      <c r="R1615" s="58">
        <v>54.028297790888693</v>
      </c>
      <c r="S1615" s="124">
        <f t="shared" si="25"/>
        <v>1.1214666823509412</v>
      </c>
    </row>
    <row r="1616" spans="8:19" x14ac:dyDescent="0.3">
      <c r="H1616" s="44">
        <v>1609</v>
      </c>
      <c r="I1616" s="56">
        <f>Bühler!I1642</f>
        <v>0.28783000116000912</v>
      </c>
      <c r="J1616" s="59">
        <f>Bühler!J1642</f>
        <v>0.95943333720003054</v>
      </c>
      <c r="K1616" s="59">
        <f>Bühler!K1642</f>
        <v>1.4391500058000457</v>
      </c>
      <c r="L1616" s="59">
        <f>Bühler!L1642</f>
        <v>6.9079200278402197</v>
      </c>
      <c r="M1616" s="58">
        <f>Bühler!M1642</f>
        <v>0</v>
      </c>
      <c r="N1616" s="56">
        <f>IF(Input!$D$19=1,J1616*Input!$C$19,0)+IF(Input!$D$20=1,K1616*Input!$C$20,0)+IF(Input!$D$21=1,L1616*Input!$C$21,0)+IF(Input!$D$22=1,M1616*Input!$C$22,0)</f>
        <v>0.28783000116000917</v>
      </c>
      <c r="O1616" s="59">
        <f>IF(Input!$D$19=2,J1616*Input!$C$19,0)+IF(Input!$D$20=2,K1616*Input!$C$20,0)+IF(Input!$D$21=2,L1616*Input!$C$21,0)+IF(Input!$D$22=2,M1616*Input!$C$22,0)</f>
        <v>0.71957500290002285</v>
      </c>
      <c r="P1616" s="59">
        <f>IF(Input!$D$19=3,J1616*Input!$C$19,0)+IF(Input!$D$20=3,K1616*Input!$C$20,0)+IF(Input!$D$21=3,L1616*Input!$C$21,0)+IF(Input!$D$22=3,M1616*Input!$C$22,0)</f>
        <v>0</v>
      </c>
      <c r="Q1616" s="75">
        <f>IF(Input!$D$19=4,J1616*Input!$C$19,0)+IF(Input!$D$20=4,K1616*Input!$C$20,0)+IF(Input!$D$21=4,L1616*Input!$C$21,0)+IF(Input!$D$22=4,M1616*Input!$C$22,0)</f>
        <v>0</v>
      </c>
      <c r="R1616" s="58">
        <v>53.426133239024189</v>
      </c>
      <c r="S1616" s="124">
        <f t="shared" si="25"/>
        <v>1.2472633383600398</v>
      </c>
    </row>
    <row r="1617" spans="8:19" x14ac:dyDescent="0.3">
      <c r="H1617" s="44">
        <v>1610</v>
      </c>
      <c r="I1617" s="56">
        <f>Bühler!I1643</f>
        <v>0.28783000116000912</v>
      </c>
      <c r="J1617" s="59">
        <f>Bühler!J1643</f>
        <v>0.95943333720003054</v>
      </c>
      <c r="K1617" s="59">
        <f>Bühler!K1643</f>
        <v>1.4391500058000457</v>
      </c>
      <c r="L1617" s="59">
        <f>Bühler!L1643</f>
        <v>6.9079200278402197</v>
      </c>
      <c r="M1617" s="58">
        <f>Bühler!M1643</f>
        <v>0</v>
      </c>
      <c r="N1617" s="56">
        <f>IF(Input!$D$19=1,J1617*Input!$C$19,0)+IF(Input!$D$20=1,K1617*Input!$C$20,0)+IF(Input!$D$21=1,L1617*Input!$C$21,0)+IF(Input!$D$22=1,M1617*Input!$C$22,0)</f>
        <v>0.28783000116000917</v>
      </c>
      <c r="O1617" s="59">
        <f>IF(Input!$D$19=2,J1617*Input!$C$19,0)+IF(Input!$D$20=2,K1617*Input!$C$20,0)+IF(Input!$D$21=2,L1617*Input!$C$21,0)+IF(Input!$D$22=2,M1617*Input!$C$22,0)</f>
        <v>0.71957500290002285</v>
      </c>
      <c r="P1617" s="59">
        <f>IF(Input!$D$19=3,J1617*Input!$C$19,0)+IF(Input!$D$20=3,K1617*Input!$C$20,0)+IF(Input!$D$21=3,L1617*Input!$C$21,0)+IF(Input!$D$22=3,M1617*Input!$C$22,0)</f>
        <v>0</v>
      </c>
      <c r="Q1617" s="75">
        <f>IF(Input!$D$19=4,J1617*Input!$C$19,0)+IF(Input!$D$20=4,K1617*Input!$C$20,0)+IF(Input!$D$21=4,L1617*Input!$C$21,0)+IF(Input!$D$22=4,M1617*Input!$C$22,0)</f>
        <v>0</v>
      </c>
      <c r="R1617" s="58">
        <v>55.268762663227967</v>
      </c>
      <c r="S1617" s="124">
        <f t="shared" si="25"/>
        <v>1.2472633383600398</v>
      </c>
    </row>
    <row r="1618" spans="8:19" x14ac:dyDescent="0.3">
      <c r="H1618" s="44">
        <v>1611</v>
      </c>
      <c r="I1618" s="56">
        <f>Bühler!I1644</f>
        <v>0.28783000116000912</v>
      </c>
      <c r="J1618" s="59">
        <f>Bühler!J1644</f>
        <v>0.95943333720003054</v>
      </c>
      <c r="K1618" s="59">
        <f>Bühler!K1644</f>
        <v>1.4391500058000457</v>
      </c>
      <c r="L1618" s="59">
        <f>Bühler!L1644</f>
        <v>6.9079200278402197</v>
      </c>
      <c r="M1618" s="58">
        <f>Bühler!M1644</f>
        <v>0</v>
      </c>
      <c r="N1618" s="56">
        <f>IF(Input!$D$19=1,J1618*Input!$C$19,0)+IF(Input!$D$20=1,K1618*Input!$C$20,0)+IF(Input!$D$21=1,L1618*Input!$C$21,0)+IF(Input!$D$22=1,M1618*Input!$C$22,0)</f>
        <v>0.28783000116000917</v>
      </c>
      <c r="O1618" s="59">
        <f>IF(Input!$D$19=2,J1618*Input!$C$19,0)+IF(Input!$D$20=2,K1618*Input!$C$20,0)+IF(Input!$D$21=2,L1618*Input!$C$21,0)+IF(Input!$D$22=2,M1618*Input!$C$22,0)</f>
        <v>0.71957500290002285</v>
      </c>
      <c r="P1618" s="59">
        <f>IF(Input!$D$19=3,J1618*Input!$C$19,0)+IF(Input!$D$20=3,K1618*Input!$C$20,0)+IF(Input!$D$21=3,L1618*Input!$C$21,0)+IF(Input!$D$22=3,M1618*Input!$C$22,0)</f>
        <v>0</v>
      </c>
      <c r="Q1618" s="75">
        <f>IF(Input!$D$19=4,J1618*Input!$C$19,0)+IF(Input!$D$20=4,K1618*Input!$C$20,0)+IF(Input!$D$21=4,L1618*Input!$C$21,0)+IF(Input!$D$22=4,M1618*Input!$C$22,0)</f>
        <v>0</v>
      </c>
      <c r="R1618" s="58">
        <v>55.947833361706287</v>
      </c>
      <c r="S1618" s="124">
        <f t="shared" si="25"/>
        <v>1.2472633383600398</v>
      </c>
    </row>
    <row r="1619" spans="8:19" x14ac:dyDescent="0.3">
      <c r="H1619" s="44">
        <v>1612</v>
      </c>
      <c r="I1619" s="56">
        <f>Bühler!I1645</f>
        <v>0.28783000116000912</v>
      </c>
      <c r="J1619" s="59">
        <f>Bühler!J1645</f>
        <v>0.95943333720003054</v>
      </c>
      <c r="K1619" s="59">
        <f>Bühler!K1645</f>
        <v>1.4391500058000457</v>
      </c>
      <c r="L1619" s="59">
        <f>Bühler!L1645</f>
        <v>6.9079200278402197</v>
      </c>
      <c r="M1619" s="58">
        <f>Bühler!M1645</f>
        <v>0</v>
      </c>
      <c r="N1619" s="56">
        <f>IF(Input!$D$19=1,J1619*Input!$C$19,0)+IF(Input!$D$20=1,K1619*Input!$C$20,0)+IF(Input!$D$21=1,L1619*Input!$C$21,0)+IF(Input!$D$22=1,M1619*Input!$C$22,0)</f>
        <v>0.28783000116000917</v>
      </c>
      <c r="O1619" s="59">
        <f>IF(Input!$D$19=2,J1619*Input!$C$19,0)+IF(Input!$D$20=2,K1619*Input!$C$20,0)+IF(Input!$D$21=2,L1619*Input!$C$21,0)+IF(Input!$D$22=2,M1619*Input!$C$22,0)</f>
        <v>0.71957500290002285</v>
      </c>
      <c r="P1619" s="59">
        <f>IF(Input!$D$19=3,J1619*Input!$C$19,0)+IF(Input!$D$20=3,K1619*Input!$C$20,0)+IF(Input!$D$21=3,L1619*Input!$C$21,0)+IF(Input!$D$22=3,M1619*Input!$C$22,0)</f>
        <v>0</v>
      </c>
      <c r="Q1619" s="75">
        <f>IF(Input!$D$19=4,J1619*Input!$C$19,0)+IF(Input!$D$20=4,K1619*Input!$C$20,0)+IF(Input!$D$21=4,L1619*Input!$C$21,0)+IF(Input!$D$22=4,M1619*Input!$C$22,0)</f>
        <v>0</v>
      </c>
      <c r="R1619" s="58">
        <v>56.079720630327948</v>
      </c>
      <c r="S1619" s="124">
        <f t="shared" si="25"/>
        <v>1.2472633383600398</v>
      </c>
    </row>
    <row r="1620" spans="8:19" x14ac:dyDescent="0.3">
      <c r="H1620" s="44">
        <v>1613</v>
      </c>
      <c r="I1620" s="56">
        <f>Bühler!I1646</f>
        <v>0.28783000116000912</v>
      </c>
      <c r="J1620" s="59">
        <f>Bühler!J1646</f>
        <v>0.95943333720003054</v>
      </c>
      <c r="K1620" s="59">
        <f>Bühler!K1646</f>
        <v>1.4391500058000457</v>
      </c>
      <c r="L1620" s="59">
        <f>Bühler!L1646</f>
        <v>6.9079200278402197</v>
      </c>
      <c r="M1620" s="58">
        <f>Bühler!M1646</f>
        <v>0</v>
      </c>
      <c r="N1620" s="56">
        <f>IF(Input!$D$19=1,J1620*Input!$C$19,0)+IF(Input!$D$20=1,K1620*Input!$C$20,0)+IF(Input!$D$21=1,L1620*Input!$C$21,0)+IF(Input!$D$22=1,M1620*Input!$C$22,0)</f>
        <v>0.28783000116000917</v>
      </c>
      <c r="O1620" s="59">
        <f>IF(Input!$D$19=2,J1620*Input!$C$19,0)+IF(Input!$D$20=2,K1620*Input!$C$20,0)+IF(Input!$D$21=2,L1620*Input!$C$21,0)+IF(Input!$D$22=2,M1620*Input!$C$22,0)</f>
        <v>0.71957500290002285</v>
      </c>
      <c r="P1620" s="59">
        <f>IF(Input!$D$19=3,J1620*Input!$C$19,0)+IF(Input!$D$20=3,K1620*Input!$C$20,0)+IF(Input!$D$21=3,L1620*Input!$C$21,0)+IF(Input!$D$22=3,M1620*Input!$C$22,0)</f>
        <v>0</v>
      </c>
      <c r="Q1620" s="75">
        <f>IF(Input!$D$19=4,J1620*Input!$C$19,0)+IF(Input!$D$20=4,K1620*Input!$C$20,0)+IF(Input!$D$21=4,L1620*Input!$C$21,0)+IF(Input!$D$22=4,M1620*Input!$C$22,0)</f>
        <v>0</v>
      </c>
      <c r="R1620" s="58">
        <v>57.175931927048261</v>
      </c>
      <c r="S1620" s="124">
        <f t="shared" si="25"/>
        <v>1.2472633383600398</v>
      </c>
    </row>
    <row r="1621" spans="8:19" x14ac:dyDescent="0.3">
      <c r="H1621" s="44">
        <v>1614</v>
      </c>
      <c r="I1621" s="56">
        <f>Bühler!I1647</f>
        <v>0.37098089038401177</v>
      </c>
      <c r="J1621" s="59">
        <f>Bühler!J1647</f>
        <v>1.2366029679467061</v>
      </c>
      <c r="K1621" s="59">
        <f>Bühler!K1647</f>
        <v>1.8549044519200588</v>
      </c>
      <c r="L1621" s="59">
        <f>Bühler!L1647</f>
        <v>8.903541369216283</v>
      </c>
      <c r="M1621" s="58">
        <f>Bühler!M1647</f>
        <v>0</v>
      </c>
      <c r="N1621" s="56">
        <f>IF(Input!$D$19=1,J1621*Input!$C$19,0)+IF(Input!$D$20=1,K1621*Input!$C$20,0)+IF(Input!$D$21=1,L1621*Input!$C$21,0)+IF(Input!$D$22=1,M1621*Input!$C$22,0)</f>
        <v>0.37098089038401183</v>
      </c>
      <c r="O1621" s="59">
        <f>IF(Input!$D$19=2,J1621*Input!$C$19,0)+IF(Input!$D$20=2,K1621*Input!$C$20,0)+IF(Input!$D$21=2,L1621*Input!$C$21,0)+IF(Input!$D$22=2,M1621*Input!$C$22,0)</f>
        <v>0.92745222596002941</v>
      </c>
      <c r="P1621" s="59">
        <f>IF(Input!$D$19=3,J1621*Input!$C$19,0)+IF(Input!$D$20=3,K1621*Input!$C$20,0)+IF(Input!$D$21=3,L1621*Input!$C$21,0)+IF(Input!$D$22=3,M1621*Input!$C$22,0)</f>
        <v>0</v>
      </c>
      <c r="Q1621" s="75">
        <f>IF(Input!$D$19=4,J1621*Input!$C$19,0)+IF(Input!$D$20=4,K1621*Input!$C$20,0)+IF(Input!$D$21=4,L1621*Input!$C$21,0)+IF(Input!$D$22=4,M1621*Input!$C$22,0)</f>
        <v>0</v>
      </c>
      <c r="R1621" s="58">
        <v>59.951101331142603</v>
      </c>
      <c r="S1621" s="124">
        <f t="shared" si="25"/>
        <v>1.6075838583307178</v>
      </c>
    </row>
    <row r="1622" spans="8:19" x14ac:dyDescent="0.3">
      <c r="H1622" s="44">
        <v>1615</v>
      </c>
      <c r="I1622" s="56">
        <f>Bühler!I1648</f>
        <v>0.4477355573600143</v>
      </c>
      <c r="J1622" s="59">
        <f>Bühler!J1648</f>
        <v>1.4924518578667145</v>
      </c>
      <c r="K1622" s="59">
        <f>Bühler!K1648</f>
        <v>2.2386777868000713</v>
      </c>
      <c r="L1622" s="59">
        <f>Bühler!L1648</f>
        <v>10.745653376640343</v>
      </c>
      <c r="M1622" s="58">
        <f>Bühler!M1648</f>
        <v>0</v>
      </c>
      <c r="N1622" s="56">
        <f>IF(Input!$D$19=1,J1622*Input!$C$19,0)+IF(Input!$D$20=1,K1622*Input!$C$20,0)+IF(Input!$D$21=1,L1622*Input!$C$21,0)+IF(Input!$D$22=1,M1622*Input!$C$22,0)</f>
        <v>0.44773555736001436</v>
      </c>
      <c r="O1622" s="59">
        <f>IF(Input!$D$19=2,J1622*Input!$C$19,0)+IF(Input!$D$20=2,K1622*Input!$C$20,0)+IF(Input!$D$21=2,L1622*Input!$C$21,0)+IF(Input!$D$22=2,M1622*Input!$C$22,0)</f>
        <v>1.1193388934000357</v>
      </c>
      <c r="P1622" s="59">
        <f>IF(Input!$D$19=3,J1622*Input!$C$19,0)+IF(Input!$D$20=3,K1622*Input!$C$20,0)+IF(Input!$D$21=3,L1622*Input!$C$21,0)+IF(Input!$D$22=3,M1622*Input!$C$22,0)</f>
        <v>0</v>
      </c>
      <c r="Q1622" s="75">
        <f>IF(Input!$D$19=4,J1622*Input!$C$19,0)+IF(Input!$D$20=4,K1622*Input!$C$20,0)+IF(Input!$D$21=4,L1622*Input!$C$21,0)+IF(Input!$D$22=4,M1622*Input!$C$22,0)</f>
        <v>0</v>
      </c>
      <c r="R1622" s="58">
        <v>63.426320467963251</v>
      </c>
      <c r="S1622" s="124">
        <f t="shared" si="25"/>
        <v>1.9401874152267289</v>
      </c>
    </row>
    <row r="1623" spans="8:19" x14ac:dyDescent="0.3">
      <c r="H1623" s="44">
        <v>1616</v>
      </c>
      <c r="I1623" s="56">
        <f>Bühler!I1649</f>
        <v>0.4477355573600143</v>
      </c>
      <c r="J1623" s="59">
        <f>Bühler!J1649</f>
        <v>1.4924518578667145</v>
      </c>
      <c r="K1623" s="59">
        <f>Bühler!K1649</f>
        <v>2.2386777868000713</v>
      </c>
      <c r="L1623" s="59">
        <f>Bühler!L1649</f>
        <v>10.745653376640343</v>
      </c>
      <c r="M1623" s="58">
        <f>Bühler!M1649</f>
        <v>0</v>
      </c>
      <c r="N1623" s="56">
        <f>IF(Input!$D$19=1,J1623*Input!$C$19,0)+IF(Input!$D$20=1,K1623*Input!$C$20,0)+IF(Input!$D$21=1,L1623*Input!$C$21,0)+IF(Input!$D$22=1,M1623*Input!$C$22,0)</f>
        <v>0.44773555736001436</v>
      </c>
      <c r="O1623" s="59">
        <f>IF(Input!$D$19=2,J1623*Input!$C$19,0)+IF(Input!$D$20=2,K1623*Input!$C$20,0)+IF(Input!$D$21=2,L1623*Input!$C$21,0)+IF(Input!$D$22=2,M1623*Input!$C$22,0)</f>
        <v>1.1193388934000357</v>
      </c>
      <c r="P1623" s="59">
        <f>IF(Input!$D$19=3,J1623*Input!$C$19,0)+IF(Input!$D$20=3,K1623*Input!$C$20,0)+IF(Input!$D$21=3,L1623*Input!$C$21,0)+IF(Input!$D$22=3,M1623*Input!$C$22,0)</f>
        <v>0</v>
      </c>
      <c r="Q1623" s="75">
        <f>IF(Input!$D$19=4,J1623*Input!$C$19,0)+IF(Input!$D$20=4,K1623*Input!$C$20,0)+IF(Input!$D$21=4,L1623*Input!$C$21,0)+IF(Input!$D$22=4,M1623*Input!$C$22,0)</f>
        <v>0</v>
      </c>
      <c r="R1623" s="58">
        <v>64.032349966397646</v>
      </c>
      <c r="S1623" s="124">
        <f t="shared" si="25"/>
        <v>1.9401874152267289</v>
      </c>
    </row>
    <row r="1624" spans="8:19" x14ac:dyDescent="0.3">
      <c r="H1624" s="44">
        <v>1617</v>
      </c>
      <c r="I1624" s="56">
        <f>Bühler!I1650</f>
        <v>0.4477355573600143</v>
      </c>
      <c r="J1624" s="59">
        <f>Bühler!J1650</f>
        <v>1.4924518578667145</v>
      </c>
      <c r="K1624" s="59">
        <f>Bühler!K1650</f>
        <v>2.2386777868000713</v>
      </c>
      <c r="L1624" s="59">
        <f>Bühler!L1650</f>
        <v>10.745653376640343</v>
      </c>
      <c r="M1624" s="58">
        <f>Bühler!M1650</f>
        <v>0</v>
      </c>
      <c r="N1624" s="56">
        <f>IF(Input!$D$19=1,J1624*Input!$C$19,0)+IF(Input!$D$20=1,K1624*Input!$C$20,0)+IF(Input!$D$21=1,L1624*Input!$C$21,0)+IF(Input!$D$22=1,M1624*Input!$C$22,0)</f>
        <v>0.44773555736001436</v>
      </c>
      <c r="O1624" s="59">
        <f>IF(Input!$D$19=2,J1624*Input!$C$19,0)+IF(Input!$D$20=2,K1624*Input!$C$20,0)+IF(Input!$D$21=2,L1624*Input!$C$21,0)+IF(Input!$D$22=2,M1624*Input!$C$22,0)</f>
        <v>1.1193388934000357</v>
      </c>
      <c r="P1624" s="59">
        <f>IF(Input!$D$19=3,J1624*Input!$C$19,0)+IF(Input!$D$20=3,K1624*Input!$C$20,0)+IF(Input!$D$21=3,L1624*Input!$C$21,0)+IF(Input!$D$22=3,M1624*Input!$C$22,0)</f>
        <v>0</v>
      </c>
      <c r="Q1624" s="75">
        <f>IF(Input!$D$19=4,J1624*Input!$C$19,0)+IF(Input!$D$20=4,K1624*Input!$C$20,0)+IF(Input!$D$21=4,L1624*Input!$C$21,0)+IF(Input!$D$22=4,M1624*Input!$C$22,0)</f>
        <v>0</v>
      </c>
      <c r="R1624" s="58">
        <v>64.276475751784815</v>
      </c>
      <c r="S1624" s="124">
        <f t="shared" si="25"/>
        <v>1.9401874152267289</v>
      </c>
    </row>
    <row r="1625" spans="8:19" x14ac:dyDescent="0.3">
      <c r="H1625" s="44">
        <v>1618</v>
      </c>
      <c r="I1625" s="56">
        <f>Bühler!I1651</f>
        <v>0.47971666860001522</v>
      </c>
      <c r="J1625" s="59">
        <f>Bühler!J1651</f>
        <v>1.5990555620000508</v>
      </c>
      <c r="K1625" s="59">
        <f>Bühler!K1651</f>
        <v>2.3985833430000763</v>
      </c>
      <c r="L1625" s="59">
        <f>Bühler!L1651</f>
        <v>11.513200046400366</v>
      </c>
      <c r="M1625" s="58">
        <f>Bühler!M1651</f>
        <v>0</v>
      </c>
      <c r="N1625" s="56">
        <f>IF(Input!$D$19=1,J1625*Input!$C$19,0)+IF(Input!$D$20=1,K1625*Input!$C$20,0)+IF(Input!$D$21=1,L1625*Input!$C$21,0)+IF(Input!$D$22=1,M1625*Input!$C$22,0)</f>
        <v>0.47971666860001522</v>
      </c>
      <c r="O1625" s="59">
        <f>IF(Input!$D$19=2,J1625*Input!$C$19,0)+IF(Input!$D$20=2,K1625*Input!$C$20,0)+IF(Input!$D$21=2,L1625*Input!$C$21,0)+IF(Input!$D$22=2,M1625*Input!$C$22,0)</f>
        <v>1.1992916715000381</v>
      </c>
      <c r="P1625" s="59">
        <f>IF(Input!$D$19=3,J1625*Input!$C$19,0)+IF(Input!$D$20=3,K1625*Input!$C$20,0)+IF(Input!$D$21=3,L1625*Input!$C$21,0)+IF(Input!$D$22=3,M1625*Input!$C$22,0)</f>
        <v>0</v>
      </c>
      <c r="Q1625" s="75">
        <f>IF(Input!$D$19=4,J1625*Input!$C$19,0)+IF(Input!$D$20=4,K1625*Input!$C$20,0)+IF(Input!$D$21=4,L1625*Input!$C$21,0)+IF(Input!$D$22=4,M1625*Input!$C$22,0)</f>
        <v>0</v>
      </c>
      <c r="R1625" s="58">
        <v>63.695336385301623</v>
      </c>
      <c r="S1625" s="124">
        <f t="shared" si="25"/>
        <v>2.078772230600066</v>
      </c>
    </row>
    <row r="1626" spans="8:19" x14ac:dyDescent="0.3">
      <c r="H1626" s="44">
        <v>1619</v>
      </c>
      <c r="I1626" s="56">
        <f>Bühler!I1652</f>
        <v>0.49890533534401582</v>
      </c>
      <c r="J1626" s="59">
        <f>Bühler!J1652</f>
        <v>1.6630177844800529</v>
      </c>
      <c r="K1626" s="59">
        <f>Bühler!K1652</f>
        <v>2.4945266767200791</v>
      </c>
      <c r="L1626" s="59">
        <f>Bühler!L1652</f>
        <v>11.97372804825638</v>
      </c>
      <c r="M1626" s="58">
        <f>Bühler!M1652</f>
        <v>0</v>
      </c>
      <c r="N1626" s="56">
        <f>IF(Input!$D$19=1,J1626*Input!$C$19,0)+IF(Input!$D$20=1,K1626*Input!$C$20,0)+IF(Input!$D$21=1,L1626*Input!$C$21,0)+IF(Input!$D$22=1,M1626*Input!$C$22,0)</f>
        <v>0.49890533534401582</v>
      </c>
      <c r="O1626" s="59">
        <f>IF(Input!$D$19=2,J1626*Input!$C$19,0)+IF(Input!$D$20=2,K1626*Input!$C$20,0)+IF(Input!$D$21=2,L1626*Input!$C$21,0)+IF(Input!$D$22=2,M1626*Input!$C$22,0)</f>
        <v>1.2472633383600396</v>
      </c>
      <c r="P1626" s="59">
        <f>IF(Input!$D$19=3,J1626*Input!$C$19,0)+IF(Input!$D$20=3,K1626*Input!$C$20,0)+IF(Input!$D$21=3,L1626*Input!$C$21,0)+IF(Input!$D$22=3,M1626*Input!$C$22,0)</f>
        <v>0</v>
      </c>
      <c r="Q1626" s="75">
        <f>IF(Input!$D$19=4,J1626*Input!$C$19,0)+IF(Input!$D$20=4,K1626*Input!$C$20,0)+IF(Input!$D$21=4,L1626*Input!$C$21,0)+IF(Input!$D$22=4,M1626*Input!$C$22,0)</f>
        <v>0</v>
      </c>
      <c r="R1626" s="58">
        <v>63.958778979586718</v>
      </c>
      <c r="S1626" s="124">
        <f t="shared" si="25"/>
        <v>2.1619231198240687</v>
      </c>
    </row>
    <row r="1627" spans="8:19" x14ac:dyDescent="0.3">
      <c r="H1627" s="44">
        <v>1620</v>
      </c>
      <c r="I1627" s="56">
        <f>Bühler!I1653</f>
        <v>0.57566000232001824</v>
      </c>
      <c r="J1627" s="59">
        <f>Bühler!J1653</f>
        <v>1.9188666744000611</v>
      </c>
      <c r="K1627" s="59">
        <f>Bühler!K1653</f>
        <v>2.8783000116000914</v>
      </c>
      <c r="L1627" s="59">
        <f>Bühler!L1653</f>
        <v>13.815840055680439</v>
      </c>
      <c r="M1627" s="58">
        <f>Bühler!M1653</f>
        <v>0</v>
      </c>
      <c r="N1627" s="56">
        <f>IF(Input!$D$19=1,J1627*Input!$C$19,0)+IF(Input!$D$20=1,K1627*Input!$C$20,0)+IF(Input!$D$21=1,L1627*Input!$C$21,0)+IF(Input!$D$22=1,M1627*Input!$C$22,0)</f>
        <v>0.57566000232001835</v>
      </c>
      <c r="O1627" s="59">
        <f>IF(Input!$D$19=2,J1627*Input!$C$19,0)+IF(Input!$D$20=2,K1627*Input!$C$20,0)+IF(Input!$D$21=2,L1627*Input!$C$21,0)+IF(Input!$D$22=2,M1627*Input!$C$22,0)</f>
        <v>1.4391500058000457</v>
      </c>
      <c r="P1627" s="59">
        <f>IF(Input!$D$19=3,J1627*Input!$C$19,0)+IF(Input!$D$20=3,K1627*Input!$C$20,0)+IF(Input!$D$21=3,L1627*Input!$C$21,0)+IF(Input!$D$22=3,M1627*Input!$C$22,0)</f>
        <v>0</v>
      </c>
      <c r="Q1627" s="75">
        <f>IF(Input!$D$19=4,J1627*Input!$C$19,0)+IF(Input!$D$20=4,K1627*Input!$C$20,0)+IF(Input!$D$21=4,L1627*Input!$C$21,0)+IF(Input!$D$22=4,M1627*Input!$C$22,0)</f>
        <v>0</v>
      </c>
      <c r="R1627" s="58">
        <v>63.82371167624234</v>
      </c>
      <c r="S1627" s="124">
        <f t="shared" si="25"/>
        <v>2.4945266767200795</v>
      </c>
    </row>
    <row r="1628" spans="8:19" x14ac:dyDescent="0.3">
      <c r="H1628" s="44">
        <v>1621</v>
      </c>
      <c r="I1628" s="56">
        <f>Bühler!I1654</f>
        <v>0.57566000232001824</v>
      </c>
      <c r="J1628" s="59">
        <f>Bühler!J1654</f>
        <v>1.9188666744000611</v>
      </c>
      <c r="K1628" s="59">
        <f>Bühler!K1654</f>
        <v>2.8783000116000914</v>
      </c>
      <c r="L1628" s="59">
        <f>Bühler!L1654</f>
        <v>13.815840055680439</v>
      </c>
      <c r="M1628" s="58">
        <f>Bühler!M1654</f>
        <v>0</v>
      </c>
      <c r="N1628" s="56">
        <f>IF(Input!$D$19=1,J1628*Input!$C$19,0)+IF(Input!$D$20=1,K1628*Input!$C$20,0)+IF(Input!$D$21=1,L1628*Input!$C$21,0)+IF(Input!$D$22=1,M1628*Input!$C$22,0)</f>
        <v>0.57566000232001835</v>
      </c>
      <c r="O1628" s="59">
        <f>IF(Input!$D$19=2,J1628*Input!$C$19,0)+IF(Input!$D$20=2,K1628*Input!$C$20,0)+IF(Input!$D$21=2,L1628*Input!$C$21,0)+IF(Input!$D$22=2,M1628*Input!$C$22,0)</f>
        <v>1.4391500058000457</v>
      </c>
      <c r="P1628" s="59">
        <f>IF(Input!$D$19=3,J1628*Input!$C$19,0)+IF(Input!$D$20=3,K1628*Input!$C$20,0)+IF(Input!$D$21=3,L1628*Input!$C$21,0)+IF(Input!$D$22=3,M1628*Input!$C$22,0)</f>
        <v>0</v>
      </c>
      <c r="Q1628" s="75">
        <f>IF(Input!$D$19=4,J1628*Input!$C$19,0)+IF(Input!$D$20=4,K1628*Input!$C$20,0)+IF(Input!$D$21=4,L1628*Input!$C$21,0)+IF(Input!$D$22=4,M1628*Input!$C$22,0)</f>
        <v>0</v>
      </c>
      <c r="R1628" s="58">
        <v>62.408948252064611</v>
      </c>
      <c r="S1628" s="124">
        <f t="shared" si="25"/>
        <v>2.4945266767200795</v>
      </c>
    </row>
    <row r="1629" spans="8:19" x14ac:dyDescent="0.3">
      <c r="H1629" s="44">
        <v>1622</v>
      </c>
      <c r="I1629" s="56">
        <f>Bühler!I1655</f>
        <v>0.57566000232001824</v>
      </c>
      <c r="J1629" s="59">
        <f>Bühler!J1655</f>
        <v>1.9188666744000611</v>
      </c>
      <c r="K1629" s="59">
        <f>Bühler!K1655</f>
        <v>2.8783000116000914</v>
      </c>
      <c r="L1629" s="59">
        <f>Bühler!L1655</f>
        <v>13.815840055680439</v>
      </c>
      <c r="M1629" s="58">
        <f>Bühler!M1655</f>
        <v>0</v>
      </c>
      <c r="N1629" s="56">
        <f>IF(Input!$D$19=1,J1629*Input!$C$19,0)+IF(Input!$D$20=1,K1629*Input!$C$20,0)+IF(Input!$D$21=1,L1629*Input!$C$21,0)+IF(Input!$D$22=1,M1629*Input!$C$22,0)</f>
        <v>0.57566000232001835</v>
      </c>
      <c r="O1629" s="59">
        <f>IF(Input!$D$19=2,J1629*Input!$C$19,0)+IF(Input!$D$20=2,K1629*Input!$C$20,0)+IF(Input!$D$21=2,L1629*Input!$C$21,0)+IF(Input!$D$22=2,M1629*Input!$C$22,0)</f>
        <v>1.4391500058000457</v>
      </c>
      <c r="P1629" s="59">
        <f>IF(Input!$D$19=3,J1629*Input!$C$19,0)+IF(Input!$D$20=3,K1629*Input!$C$20,0)+IF(Input!$D$21=3,L1629*Input!$C$21,0)+IF(Input!$D$22=3,M1629*Input!$C$22,0)</f>
        <v>0</v>
      </c>
      <c r="Q1629" s="75">
        <f>IF(Input!$D$19=4,J1629*Input!$C$19,0)+IF(Input!$D$20=4,K1629*Input!$C$20,0)+IF(Input!$D$21=4,L1629*Input!$C$21,0)+IF(Input!$D$22=4,M1629*Input!$C$22,0)</f>
        <v>0</v>
      </c>
      <c r="R1629" s="58">
        <v>62.210648443418194</v>
      </c>
      <c r="S1629" s="124">
        <f t="shared" si="25"/>
        <v>2.4945266767200795</v>
      </c>
    </row>
    <row r="1630" spans="8:19" x14ac:dyDescent="0.3">
      <c r="H1630" s="44">
        <v>1623</v>
      </c>
      <c r="I1630" s="56">
        <f>Bühler!I1656</f>
        <v>0.57566000232001824</v>
      </c>
      <c r="J1630" s="59">
        <f>Bühler!J1656</f>
        <v>1.9188666744000611</v>
      </c>
      <c r="K1630" s="59">
        <f>Bühler!K1656</f>
        <v>2.8783000116000914</v>
      </c>
      <c r="L1630" s="59">
        <f>Bühler!L1656</f>
        <v>13.815840055680439</v>
      </c>
      <c r="M1630" s="58">
        <f>Bühler!M1656</f>
        <v>0</v>
      </c>
      <c r="N1630" s="56">
        <f>IF(Input!$D$19=1,J1630*Input!$C$19,0)+IF(Input!$D$20=1,K1630*Input!$C$20,0)+IF(Input!$D$21=1,L1630*Input!$C$21,0)+IF(Input!$D$22=1,M1630*Input!$C$22,0)</f>
        <v>0.57566000232001835</v>
      </c>
      <c r="O1630" s="59">
        <f>IF(Input!$D$19=2,J1630*Input!$C$19,0)+IF(Input!$D$20=2,K1630*Input!$C$20,0)+IF(Input!$D$21=2,L1630*Input!$C$21,0)+IF(Input!$D$22=2,M1630*Input!$C$22,0)</f>
        <v>1.4391500058000457</v>
      </c>
      <c r="P1630" s="59">
        <f>IF(Input!$D$19=3,J1630*Input!$C$19,0)+IF(Input!$D$20=3,K1630*Input!$C$20,0)+IF(Input!$D$21=3,L1630*Input!$C$21,0)+IF(Input!$D$22=3,M1630*Input!$C$22,0)</f>
        <v>0</v>
      </c>
      <c r="Q1630" s="75">
        <f>IF(Input!$D$19=4,J1630*Input!$C$19,0)+IF(Input!$D$20=4,K1630*Input!$C$20,0)+IF(Input!$D$21=4,L1630*Input!$C$21,0)+IF(Input!$D$22=4,M1630*Input!$C$22,0)</f>
        <v>0</v>
      </c>
      <c r="R1630" s="58">
        <v>62.076534779790912</v>
      </c>
      <c r="S1630" s="124">
        <f t="shared" si="25"/>
        <v>2.4945266767200795</v>
      </c>
    </row>
    <row r="1631" spans="8:19" x14ac:dyDescent="0.3">
      <c r="H1631" s="44">
        <v>1624</v>
      </c>
      <c r="I1631" s="56">
        <f>Bühler!I1657</f>
        <v>0.47971666860001522</v>
      </c>
      <c r="J1631" s="59">
        <f>Bühler!J1657</f>
        <v>1.5990555620000508</v>
      </c>
      <c r="K1631" s="59">
        <f>Bühler!K1657</f>
        <v>2.3985833430000763</v>
      </c>
      <c r="L1631" s="59">
        <f>Bühler!L1657</f>
        <v>11.513200046400366</v>
      </c>
      <c r="M1631" s="58">
        <f>Bühler!M1657</f>
        <v>0</v>
      </c>
      <c r="N1631" s="56">
        <f>IF(Input!$D$19=1,J1631*Input!$C$19,0)+IF(Input!$D$20=1,K1631*Input!$C$20,0)+IF(Input!$D$21=1,L1631*Input!$C$21,0)+IF(Input!$D$22=1,M1631*Input!$C$22,0)</f>
        <v>0.47971666860001522</v>
      </c>
      <c r="O1631" s="59">
        <f>IF(Input!$D$19=2,J1631*Input!$C$19,0)+IF(Input!$D$20=2,K1631*Input!$C$20,0)+IF(Input!$D$21=2,L1631*Input!$C$21,0)+IF(Input!$D$22=2,M1631*Input!$C$22,0)</f>
        <v>1.1992916715000381</v>
      </c>
      <c r="P1631" s="59">
        <f>IF(Input!$D$19=3,J1631*Input!$C$19,0)+IF(Input!$D$20=3,K1631*Input!$C$20,0)+IF(Input!$D$21=3,L1631*Input!$C$21,0)+IF(Input!$D$22=3,M1631*Input!$C$22,0)</f>
        <v>0</v>
      </c>
      <c r="Q1631" s="75">
        <f>IF(Input!$D$19=4,J1631*Input!$C$19,0)+IF(Input!$D$20=4,K1631*Input!$C$20,0)+IF(Input!$D$21=4,L1631*Input!$C$21,0)+IF(Input!$D$22=4,M1631*Input!$C$22,0)</f>
        <v>0</v>
      </c>
      <c r="R1631" s="58">
        <v>60.904309742073472</v>
      </c>
      <c r="S1631" s="124">
        <f t="shared" si="25"/>
        <v>2.078772230600066</v>
      </c>
    </row>
    <row r="1632" spans="8:19" x14ac:dyDescent="0.3">
      <c r="H1632" s="44">
        <v>1625</v>
      </c>
      <c r="I1632" s="56">
        <f>Bühler!I1658</f>
        <v>0.45413177960801449</v>
      </c>
      <c r="J1632" s="59">
        <f>Bühler!J1658</f>
        <v>1.5137725986933817</v>
      </c>
      <c r="K1632" s="59">
        <f>Bühler!K1658</f>
        <v>2.2706588980400721</v>
      </c>
      <c r="L1632" s="59">
        <f>Bühler!L1658</f>
        <v>10.899162710592346</v>
      </c>
      <c r="M1632" s="58">
        <f>Bühler!M1658</f>
        <v>0</v>
      </c>
      <c r="N1632" s="56">
        <f>IF(Input!$D$19=1,J1632*Input!$C$19,0)+IF(Input!$D$20=1,K1632*Input!$C$20,0)+IF(Input!$D$21=1,L1632*Input!$C$21,0)+IF(Input!$D$22=1,M1632*Input!$C$22,0)</f>
        <v>0.45413177960801449</v>
      </c>
      <c r="O1632" s="59">
        <f>IF(Input!$D$19=2,J1632*Input!$C$19,0)+IF(Input!$D$20=2,K1632*Input!$C$20,0)+IF(Input!$D$21=2,L1632*Input!$C$21,0)+IF(Input!$D$22=2,M1632*Input!$C$22,0)</f>
        <v>1.1353294490200361</v>
      </c>
      <c r="P1632" s="59">
        <f>IF(Input!$D$19=3,J1632*Input!$C$19,0)+IF(Input!$D$20=3,K1632*Input!$C$20,0)+IF(Input!$D$21=3,L1632*Input!$C$21,0)+IF(Input!$D$22=3,M1632*Input!$C$22,0)</f>
        <v>0</v>
      </c>
      <c r="Q1632" s="75">
        <f>IF(Input!$D$19=4,J1632*Input!$C$19,0)+IF(Input!$D$20=4,K1632*Input!$C$20,0)+IF(Input!$D$21=4,L1632*Input!$C$21,0)+IF(Input!$D$22=4,M1632*Input!$C$22,0)</f>
        <v>0</v>
      </c>
      <c r="R1632" s="58">
        <v>59.36728274720776</v>
      </c>
      <c r="S1632" s="124">
        <f t="shared" si="25"/>
        <v>1.9679043783013961</v>
      </c>
    </row>
    <row r="1633" spans="8:19" x14ac:dyDescent="0.3">
      <c r="H1633" s="44">
        <v>1626</v>
      </c>
      <c r="I1633" s="56">
        <f>Bühler!I1659</f>
        <v>0.45413177960801449</v>
      </c>
      <c r="J1633" s="59">
        <f>Bühler!J1659</f>
        <v>1.5137725986933817</v>
      </c>
      <c r="K1633" s="59">
        <f>Bühler!K1659</f>
        <v>2.2706588980400721</v>
      </c>
      <c r="L1633" s="59">
        <f>Bühler!L1659</f>
        <v>10.899162710592346</v>
      </c>
      <c r="M1633" s="58">
        <f>Bühler!M1659</f>
        <v>0</v>
      </c>
      <c r="N1633" s="56">
        <f>IF(Input!$D$19=1,J1633*Input!$C$19,0)+IF(Input!$D$20=1,K1633*Input!$C$20,0)+IF(Input!$D$21=1,L1633*Input!$C$21,0)+IF(Input!$D$22=1,M1633*Input!$C$22,0)</f>
        <v>0.45413177960801449</v>
      </c>
      <c r="O1633" s="59">
        <f>IF(Input!$D$19=2,J1633*Input!$C$19,0)+IF(Input!$D$20=2,K1633*Input!$C$20,0)+IF(Input!$D$21=2,L1633*Input!$C$21,0)+IF(Input!$D$22=2,M1633*Input!$C$22,0)</f>
        <v>1.1353294490200361</v>
      </c>
      <c r="P1633" s="59">
        <f>IF(Input!$D$19=3,J1633*Input!$C$19,0)+IF(Input!$D$20=3,K1633*Input!$C$20,0)+IF(Input!$D$21=3,L1633*Input!$C$21,0)+IF(Input!$D$22=3,M1633*Input!$C$22,0)</f>
        <v>0</v>
      </c>
      <c r="Q1633" s="75">
        <f>IF(Input!$D$19=4,J1633*Input!$C$19,0)+IF(Input!$D$20=4,K1633*Input!$C$20,0)+IF(Input!$D$21=4,L1633*Input!$C$21,0)+IF(Input!$D$22=4,M1633*Input!$C$22,0)</f>
        <v>0</v>
      </c>
      <c r="R1633" s="58">
        <v>57.851427158164967</v>
      </c>
      <c r="S1633" s="124">
        <f t="shared" si="25"/>
        <v>1.9679043783013961</v>
      </c>
    </row>
    <row r="1634" spans="8:19" x14ac:dyDescent="0.3">
      <c r="H1634" s="44">
        <v>1627</v>
      </c>
      <c r="I1634" s="56">
        <f>Bühler!I1660</f>
        <v>0.45413177960801449</v>
      </c>
      <c r="J1634" s="59">
        <f>Bühler!J1660</f>
        <v>1.5137725986933817</v>
      </c>
      <c r="K1634" s="59">
        <f>Bühler!K1660</f>
        <v>2.2706588980400721</v>
      </c>
      <c r="L1634" s="59">
        <f>Bühler!L1660</f>
        <v>10.899162710592346</v>
      </c>
      <c r="M1634" s="58">
        <f>Bühler!M1660</f>
        <v>0</v>
      </c>
      <c r="N1634" s="56">
        <f>IF(Input!$D$19=1,J1634*Input!$C$19,0)+IF(Input!$D$20=1,K1634*Input!$C$20,0)+IF(Input!$D$21=1,L1634*Input!$C$21,0)+IF(Input!$D$22=1,M1634*Input!$C$22,0)</f>
        <v>0.45413177960801449</v>
      </c>
      <c r="O1634" s="59">
        <f>IF(Input!$D$19=2,J1634*Input!$C$19,0)+IF(Input!$D$20=2,K1634*Input!$C$20,0)+IF(Input!$D$21=2,L1634*Input!$C$21,0)+IF(Input!$D$22=2,M1634*Input!$C$22,0)</f>
        <v>1.1353294490200361</v>
      </c>
      <c r="P1634" s="59">
        <f>IF(Input!$D$19=3,J1634*Input!$C$19,0)+IF(Input!$D$20=3,K1634*Input!$C$20,0)+IF(Input!$D$21=3,L1634*Input!$C$21,0)+IF(Input!$D$22=3,M1634*Input!$C$22,0)</f>
        <v>0</v>
      </c>
      <c r="Q1634" s="75">
        <f>IF(Input!$D$19=4,J1634*Input!$C$19,0)+IF(Input!$D$20=4,K1634*Input!$C$20,0)+IF(Input!$D$21=4,L1634*Input!$C$21,0)+IF(Input!$D$22=4,M1634*Input!$C$22,0)</f>
        <v>0</v>
      </c>
      <c r="R1634" s="58">
        <v>56.984119461414743</v>
      </c>
      <c r="S1634" s="124">
        <f t="shared" si="25"/>
        <v>1.9679043783013961</v>
      </c>
    </row>
    <row r="1635" spans="8:19" x14ac:dyDescent="0.3">
      <c r="H1635" s="44">
        <v>1628</v>
      </c>
      <c r="I1635" s="56">
        <f>Bühler!I1661</f>
        <v>0.45413177960801449</v>
      </c>
      <c r="J1635" s="59">
        <f>Bühler!J1661</f>
        <v>1.5137725986933817</v>
      </c>
      <c r="K1635" s="59">
        <f>Bühler!K1661</f>
        <v>2.2706588980400721</v>
      </c>
      <c r="L1635" s="59">
        <f>Bühler!L1661</f>
        <v>10.899162710592346</v>
      </c>
      <c r="M1635" s="58">
        <f>Bühler!M1661</f>
        <v>0</v>
      </c>
      <c r="N1635" s="56">
        <f>IF(Input!$D$19=1,J1635*Input!$C$19,0)+IF(Input!$D$20=1,K1635*Input!$C$20,0)+IF(Input!$D$21=1,L1635*Input!$C$21,0)+IF(Input!$D$22=1,M1635*Input!$C$22,0)</f>
        <v>0.45413177960801449</v>
      </c>
      <c r="O1635" s="59">
        <f>IF(Input!$D$19=2,J1635*Input!$C$19,0)+IF(Input!$D$20=2,K1635*Input!$C$20,0)+IF(Input!$D$21=2,L1635*Input!$C$21,0)+IF(Input!$D$22=2,M1635*Input!$C$22,0)</f>
        <v>1.1353294490200361</v>
      </c>
      <c r="P1635" s="59">
        <f>IF(Input!$D$19=3,J1635*Input!$C$19,0)+IF(Input!$D$20=3,K1635*Input!$C$20,0)+IF(Input!$D$21=3,L1635*Input!$C$21,0)+IF(Input!$D$22=3,M1635*Input!$C$22,0)</f>
        <v>0</v>
      </c>
      <c r="Q1635" s="75">
        <f>IF(Input!$D$19=4,J1635*Input!$C$19,0)+IF(Input!$D$20=4,K1635*Input!$C$20,0)+IF(Input!$D$21=4,L1635*Input!$C$21,0)+IF(Input!$D$22=4,M1635*Input!$C$22,0)</f>
        <v>0</v>
      </c>
      <c r="R1635" s="58">
        <v>55.931226387310232</v>
      </c>
      <c r="S1635" s="124">
        <f t="shared" si="25"/>
        <v>1.9679043783013961</v>
      </c>
    </row>
    <row r="1636" spans="8:19" x14ac:dyDescent="0.3">
      <c r="H1636" s="44">
        <v>1629</v>
      </c>
      <c r="I1636" s="56">
        <f>Bühler!I1662</f>
        <v>0.35179222364001117</v>
      </c>
      <c r="J1636" s="59">
        <f>Bühler!J1662</f>
        <v>1.172640745466704</v>
      </c>
      <c r="K1636" s="59">
        <f>Bühler!K1662</f>
        <v>1.758961118200056</v>
      </c>
      <c r="L1636" s="59">
        <f>Bühler!L1662</f>
        <v>8.443013367360269</v>
      </c>
      <c r="M1636" s="58">
        <f>Bühler!M1662</f>
        <v>0</v>
      </c>
      <c r="N1636" s="56">
        <f>IF(Input!$D$19=1,J1636*Input!$C$19,0)+IF(Input!$D$20=1,K1636*Input!$C$20,0)+IF(Input!$D$21=1,L1636*Input!$C$21,0)+IF(Input!$D$22=1,M1636*Input!$C$22,0)</f>
        <v>0.35179222364001123</v>
      </c>
      <c r="O1636" s="59">
        <f>IF(Input!$D$19=2,J1636*Input!$C$19,0)+IF(Input!$D$20=2,K1636*Input!$C$20,0)+IF(Input!$D$21=2,L1636*Input!$C$21,0)+IF(Input!$D$22=2,M1636*Input!$C$22,0)</f>
        <v>0.87948055910002798</v>
      </c>
      <c r="P1636" s="59">
        <f>IF(Input!$D$19=3,J1636*Input!$C$19,0)+IF(Input!$D$20=3,K1636*Input!$C$20,0)+IF(Input!$D$21=3,L1636*Input!$C$21,0)+IF(Input!$D$22=3,M1636*Input!$C$22,0)</f>
        <v>0</v>
      </c>
      <c r="Q1636" s="75">
        <f>IF(Input!$D$19=4,J1636*Input!$C$19,0)+IF(Input!$D$20=4,K1636*Input!$C$20,0)+IF(Input!$D$21=4,L1636*Input!$C$21,0)+IF(Input!$D$22=4,M1636*Input!$C$22,0)</f>
        <v>0</v>
      </c>
      <c r="R1636" s="58">
        <v>54.566991805086431</v>
      </c>
      <c r="S1636" s="124">
        <f t="shared" si="25"/>
        <v>1.5244329691067153</v>
      </c>
    </row>
    <row r="1637" spans="8:19" x14ac:dyDescent="0.3">
      <c r="H1637" s="44">
        <v>1630</v>
      </c>
      <c r="I1637" s="56">
        <f>Bühler!I1663</f>
        <v>0.13432066720800429</v>
      </c>
      <c r="J1637" s="59">
        <f>Bühler!J1663</f>
        <v>0.4477355573600143</v>
      </c>
      <c r="K1637" s="59">
        <f>Bühler!K1663</f>
        <v>0.67160333604002143</v>
      </c>
      <c r="L1637" s="59">
        <f>Bühler!L1663</f>
        <v>3.2236960129921024</v>
      </c>
      <c r="M1637" s="58">
        <f>Bühler!M1663</f>
        <v>0</v>
      </c>
      <c r="N1637" s="56">
        <f>IF(Input!$D$19=1,J1637*Input!$C$19,0)+IF(Input!$D$20=1,K1637*Input!$C$20,0)+IF(Input!$D$21=1,L1637*Input!$C$21,0)+IF(Input!$D$22=1,M1637*Input!$C$22,0)</f>
        <v>0.13432066720800429</v>
      </c>
      <c r="O1637" s="59">
        <f>IF(Input!$D$19=2,J1637*Input!$C$19,0)+IF(Input!$D$20=2,K1637*Input!$C$20,0)+IF(Input!$D$21=2,L1637*Input!$C$21,0)+IF(Input!$D$22=2,M1637*Input!$C$22,0)</f>
        <v>0.33580166802001071</v>
      </c>
      <c r="P1637" s="59">
        <f>IF(Input!$D$19=3,J1637*Input!$C$19,0)+IF(Input!$D$20=3,K1637*Input!$C$20,0)+IF(Input!$D$21=3,L1637*Input!$C$21,0)+IF(Input!$D$22=3,M1637*Input!$C$22,0)</f>
        <v>0</v>
      </c>
      <c r="Q1637" s="75">
        <f>IF(Input!$D$19=4,J1637*Input!$C$19,0)+IF(Input!$D$20=4,K1637*Input!$C$20,0)+IF(Input!$D$21=4,L1637*Input!$C$21,0)+IF(Input!$D$22=4,M1637*Input!$C$22,0)</f>
        <v>0</v>
      </c>
      <c r="R1637" s="58">
        <v>53.416562262827192</v>
      </c>
      <c r="S1637" s="124">
        <f t="shared" si="25"/>
        <v>0.58205622456801853</v>
      </c>
    </row>
    <row r="1638" spans="8:19" x14ac:dyDescent="0.3">
      <c r="H1638" s="44">
        <v>1631</v>
      </c>
      <c r="I1638" s="56">
        <f>Bühler!I1664</f>
        <v>0.13432066720800429</v>
      </c>
      <c r="J1638" s="59">
        <f>Bühler!J1664</f>
        <v>0.4477355573600143</v>
      </c>
      <c r="K1638" s="59">
        <f>Bühler!K1664</f>
        <v>0.67160333604002143</v>
      </c>
      <c r="L1638" s="59">
        <f>Bühler!L1664</f>
        <v>3.2236960129921024</v>
      </c>
      <c r="M1638" s="58">
        <f>Bühler!M1664</f>
        <v>0</v>
      </c>
      <c r="N1638" s="56">
        <f>IF(Input!$D$19=1,J1638*Input!$C$19,0)+IF(Input!$D$20=1,K1638*Input!$C$20,0)+IF(Input!$D$21=1,L1638*Input!$C$21,0)+IF(Input!$D$22=1,M1638*Input!$C$22,0)</f>
        <v>0.13432066720800429</v>
      </c>
      <c r="O1638" s="59">
        <f>IF(Input!$D$19=2,J1638*Input!$C$19,0)+IF(Input!$D$20=2,K1638*Input!$C$20,0)+IF(Input!$D$21=2,L1638*Input!$C$21,0)+IF(Input!$D$22=2,M1638*Input!$C$22,0)</f>
        <v>0.33580166802001071</v>
      </c>
      <c r="P1638" s="59">
        <f>IF(Input!$D$19=3,J1638*Input!$C$19,0)+IF(Input!$D$20=3,K1638*Input!$C$20,0)+IF(Input!$D$21=3,L1638*Input!$C$21,0)+IF(Input!$D$22=3,M1638*Input!$C$22,0)</f>
        <v>0</v>
      </c>
      <c r="Q1638" s="75">
        <f>IF(Input!$D$19=4,J1638*Input!$C$19,0)+IF(Input!$D$20=4,K1638*Input!$C$20,0)+IF(Input!$D$21=4,L1638*Input!$C$21,0)+IF(Input!$D$22=4,M1638*Input!$C$22,0)</f>
        <v>0</v>
      </c>
      <c r="R1638" s="58">
        <v>53.15586004163923</v>
      </c>
      <c r="S1638" s="124">
        <f t="shared" si="25"/>
        <v>0.58205622456801853</v>
      </c>
    </row>
    <row r="1639" spans="8:19" x14ac:dyDescent="0.3">
      <c r="H1639" s="44">
        <v>1632</v>
      </c>
      <c r="I1639" s="56">
        <f>Bühler!I1665</f>
        <v>0.13432066720800429</v>
      </c>
      <c r="J1639" s="59">
        <f>Bühler!J1665</f>
        <v>0.4477355573600143</v>
      </c>
      <c r="K1639" s="59">
        <f>Bühler!K1665</f>
        <v>0.67160333604002143</v>
      </c>
      <c r="L1639" s="59">
        <f>Bühler!L1665</f>
        <v>3.2236960129921024</v>
      </c>
      <c r="M1639" s="58">
        <f>Bühler!M1665</f>
        <v>0</v>
      </c>
      <c r="N1639" s="56">
        <f>IF(Input!$D$19=1,J1639*Input!$C$19,0)+IF(Input!$D$20=1,K1639*Input!$C$20,0)+IF(Input!$D$21=1,L1639*Input!$C$21,0)+IF(Input!$D$22=1,M1639*Input!$C$22,0)</f>
        <v>0.13432066720800429</v>
      </c>
      <c r="O1639" s="59">
        <f>IF(Input!$D$19=2,J1639*Input!$C$19,0)+IF(Input!$D$20=2,K1639*Input!$C$20,0)+IF(Input!$D$21=2,L1639*Input!$C$21,0)+IF(Input!$D$22=2,M1639*Input!$C$22,0)</f>
        <v>0.33580166802001071</v>
      </c>
      <c r="P1639" s="59">
        <f>IF(Input!$D$19=3,J1639*Input!$C$19,0)+IF(Input!$D$20=3,K1639*Input!$C$20,0)+IF(Input!$D$21=3,L1639*Input!$C$21,0)+IF(Input!$D$22=3,M1639*Input!$C$22,0)</f>
        <v>0</v>
      </c>
      <c r="Q1639" s="75">
        <f>IF(Input!$D$19=4,J1639*Input!$C$19,0)+IF(Input!$D$20=4,K1639*Input!$C$20,0)+IF(Input!$D$21=4,L1639*Input!$C$21,0)+IF(Input!$D$22=4,M1639*Input!$C$22,0)</f>
        <v>0</v>
      </c>
      <c r="R1639" s="58">
        <v>51.450815991732703</v>
      </c>
      <c r="S1639" s="124">
        <f t="shared" si="25"/>
        <v>0.58205622456801853</v>
      </c>
    </row>
    <row r="1640" spans="8:19" x14ac:dyDescent="0.3">
      <c r="H1640" s="44">
        <v>1633</v>
      </c>
      <c r="I1640" s="56">
        <f>Bühler!I1666</f>
        <v>0.10125657457543168</v>
      </c>
      <c r="J1640" s="59">
        <f>Bühler!J1666</f>
        <v>0.33752191525143899</v>
      </c>
      <c r="K1640" s="59">
        <f>Bühler!K1666</f>
        <v>0.50628287287715845</v>
      </c>
      <c r="L1640" s="59">
        <f>Bühler!L1666</f>
        <v>4.7312029658886212</v>
      </c>
      <c r="M1640" s="58">
        <f>Bühler!M1666</f>
        <v>0</v>
      </c>
      <c r="N1640" s="56">
        <f>IF(Input!$D$19=1,J1640*Input!$C$19,0)+IF(Input!$D$20=1,K1640*Input!$C$20,0)+IF(Input!$D$21=1,L1640*Input!$C$21,0)+IF(Input!$D$22=1,M1640*Input!$C$22,0)</f>
        <v>0.10125657457543169</v>
      </c>
      <c r="O1640" s="59">
        <f>IF(Input!$D$19=2,J1640*Input!$C$19,0)+IF(Input!$D$20=2,K1640*Input!$C$20,0)+IF(Input!$D$21=2,L1640*Input!$C$21,0)+IF(Input!$D$22=2,M1640*Input!$C$22,0)</f>
        <v>0.25314143643857923</v>
      </c>
      <c r="P1640" s="59">
        <f>IF(Input!$D$19=3,J1640*Input!$C$19,0)+IF(Input!$D$20=3,K1640*Input!$C$20,0)+IF(Input!$D$21=3,L1640*Input!$C$21,0)+IF(Input!$D$22=3,M1640*Input!$C$22,0)</f>
        <v>0</v>
      </c>
      <c r="Q1640" s="75">
        <f>IF(Input!$D$19=4,J1640*Input!$C$19,0)+IF(Input!$D$20=4,K1640*Input!$C$20,0)+IF(Input!$D$21=4,L1640*Input!$C$21,0)+IF(Input!$D$22=4,M1640*Input!$C$22,0)</f>
        <v>0</v>
      </c>
      <c r="R1640" s="58">
        <v>50.611190050736887</v>
      </c>
      <c r="S1640" s="124">
        <f t="shared" si="25"/>
        <v>0.43877848982687068</v>
      </c>
    </row>
    <row r="1641" spans="8:19" x14ac:dyDescent="0.3">
      <c r="H1641" s="44">
        <v>1634</v>
      </c>
      <c r="I1641" s="56">
        <f>Bühler!I1667</f>
        <v>0.19769140750441425</v>
      </c>
      <c r="J1641" s="59">
        <f>Bühler!J1667</f>
        <v>0.65897135834804754</v>
      </c>
      <c r="K1641" s="59">
        <f>Bühler!K1667</f>
        <v>0.98845703752207137</v>
      </c>
      <c r="L1641" s="59">
        <f>Bühler!L1667</f>
        <v>9.2371105524492148</v>
      </c>
      <c r="M1641" s="58">
        <f>Bühler!M1667</f>
        <v>0</v>
      </c>
      <c r="N1641" s="56">
        <f>IF(Input!$D$19=1,J1641*Input!$C$19,0)+IF(Input!$D$20=1,K1641*Input!$C$20,0)+IF(Input!$D$21=1,L1641*Input!$C$21,0)+IF(Input!$D$22=1,M1641*Input!$C$22,0)</f>
        <v>0.19769140750441425</v>
      </c>
      <c r="O1641" s="59">
        <f>IF(Input!$D$19=2,J1641*Input!$C$19,0)+IF(Input!$D$20=2,K1641*Input!$C$20,0)+IF(Input!$D$21=2,L1641*Input!$C$21,0)+IF(Input!$D$22=2,M1641*Input!$C$22,0)</f>
        <v>0.49422851876103568</v>
      </c>
      <c r="P1641" s="59">
        <f>IF(Input!$D$19=3,J1641*Input!$C$19,0)+IF(Input!$D$20=3,K1641*Input!$C$20,0)+IF(Input!$D$21=3,L1641*Input!$C$21,0)+IF(Input!$D$22=3,M1641*Input!$C$22,0)</f>
        <v>0</v>
      </c>
      <c r="Q1641" s="75">
        <f>IF(Input!$D$19=4,J1641*Input!$C$19,0)+IF(Input!$D$20=4,K1641*Input!$C$20,0)+IF(Input!$D$21=4,L1641*Input!$C$21,0)+IF(Input!$D$22=4,M1641*Input!$C$22,0)</f>
        <v>0</v>
      </c>
      <c r="R1641" s="58">
        <v>50.313129163780609</v>
      </c>
      <c r="S1641" s="124">
        <f t="shared" si="25"/>
        <v>0.85666276585246182</v>
      </c>
    </row>
    <row r="1642" spans="8:19" x14ac:dyDescent="0.3">
      <c r="H1642" s="44">
        <v>1635</v>
      </c>
      <c r="I1642" s="56">
        <f>Bühler!I1668</f>
        <v>0.19769140750441425</v>
      </c>
      <c r="J1642" s="59">
        <f>Bühler!J1668</f>
        <v>0.65897135834804754</v>
      </c>
      <c r="K1642" s="59">
        <f>Bühler!K1668</f>
        <v>0.98845703752207137</v>
      </c>
      <c r="L1642" s="59">
        <f>Bühler!L1668</f>
        <v>9.2371105524492148</v>
      </c>
      <c r="M1642" s="58">
        <f>Bühler!M1668</f>
        <v>0</v>
      </c>
      <c r="N1642" s="56">
        <f>IF(Input!$D$19=1,J1642*Input!$C$19,0)+IF(Input!$D$20=1,K1642*Input!$C$20,0)+IF(Input!$D$21=1,L1642*Input!$C$21,0)+IF(Input!$D$22=1,M1642*Input!$C$22,0)</f>
        <v>0.19769140750441425</v>
      </c>
      <c r="O1642" s="59">
        <f>IF(Input!$D$19=2,J1642*Input!$C$19,0)+IF(Input!$D$20=2,K1642*Input!$C$20,0)+IF(Input!$D$21=2,L1642*Input!$C$21,0)+IF(Input!$D$22=2,M1642*Input!$C$22,0)</f>
        <v>0.49422851876103568</v>
      </c>
      <c r="P1642" s="59">
        <f>IF(Input!$D$19=3,J1642*Input!$C$19,0)+IF(Input!$D$20=3,K1642*Input!$C$20,0)+IF(Input!$D$21=3,L1642*Input!$C$21,0)+IF(Input!$D$22=3,M1642*Input!$C$22,0)</f>
        <v>0</v>
      </c>
      <c r="Q1642" s="75">
        <f>IF(Input!$D$19=4,J1642*Input!$C$19,0)+IF(Input!$D$20=4,K1642*Input!$C$20,0)+IF(Input!$D$21=4,L1642*Input!$C$21,0)+IF(Input!$D$22=4,M1642*Input!$C$22,0)</f>
        <v>0</v>
      </c>
      <c r="R1642" s="58">
        <v>49.676236070404904</v>
      </c>
      <c r="S1642" s="124">
        <f t="shared" si="25"/>
        <v>0.85666276585246182</v>
      </c>
    </row>
    <row r="1643" spans="8:19" x14ac:dyDescent="0.3">
      <c r="H1643" s="44">
        <v>1636</v>
      </c>
      <c r="I1643" s="56">
        <f>Bühler!I1669</f>
        <v>0.19769140750441425</v>
      </c>
      <c r="J1643" s="59">
        <f>Bühler!J1669</f>
        <v>0.65897135834804754</v>
      </c>
      <c r="K1643" s="59">
        <f>Bühler!K1669</f>
        <v>0.98845703752207137</v>
      </c>
      <c r="L1643" s="59">
        <f>Bühler!L1669</f>
        <v>9.2371105524492148</v>
      </c>
      <c r="M1643" s="58">
        <f>Bühler!M1669</f>
        <v>0</v>
      </c>
      <c r="N1643" s="56">
        <f>IF(Input!$D$19=1,J1643*Input!$C$19,0)+IF(Input!$D$20=1,K1643*Input!$C$20,0)+IF(Input!$D$21=1,L1643*Input!$C$21,0)+IF(Input!$D$22=1,M1643*Input!$C$22,0)</f>
        <v>0.19769140750441425</v>
      </c>
      <c r="O1643" s="59">
        <f>IF(Input!$D$19=2,J1643*Input!$C$19,0)+IF(Input!$D$20=2,K1643*Input!$C$20,0)+IF(Input!$D$21=2,L1643*Input!$C$21,0)+IF(Input!$D$22=2,M1643*Input!$C$22,0)</f>
        <v>0.49422851876103568</v>
      </c>
      <c r="P1643" s="59">
        <f>IF(Input!$D$19=3,J1643*Input!$C$19,0)+IF(Input!$D$20=3,K1643*Input!$C$20,0)+IF(Input!$D$21=3,L1643*Input!$C$21,0)+IF(Input!$D$22=3,M1643*Input!$C$22,0)</f>
        <v>0</v>
      </c>
      <c r="Q1643" s="75">
        <f>IF(Input!$D$19=4,J1643*Input!$C$19,0)+IF(Input!$D$20=4,K1643*Input!$C$20,0)+IF(Input!$D$21=4,L1643*Input!$C$21,0)+IF(Input!$D$22=4,M1643*Input!$C$22,0)</f>
        <v>0</v>
      </c>
      <c r="R1643" s="58">
        <v>48.822737859738901</v>
      </c>
      <c r="S1643" s="124">
        <f t="shared" si="25"/>
        <v>0.85666276585246182</v>
      </c>
    </row>
    <row r="1644" spans="8:19" x14ac:dyDescent="0.3">
      <c r="H1644" s="44">
        <v>1637</v>
      </c>
      <c r="I1644" s="56">
        <f>Bühler!I1670</f>
        <v>0.19769140750441425</v>
      </c>
      <c r="J1644" s="59">
        <f>Bühler!J1670</f>
        <v>0.65897135834804754</v>
      </c>
      <c r="K1644" s="59">
        <f>Bühler!K1670</f>
        <v>0.98845703752207137</v>
      </c>
      <c r="L1644" s="59">
        <f>Bühler!L1670</f>
        <v>9.2371105524492148</v>
      </c>
      <c r="M1644" s="58">
        <f>Bühler!M1670</f>
        <v>0</v>
      </c>
      <c r="N1644" s="56">
        <f>IF(Input!$D$19=1,J1644*Input!$C$19,0)+IF(Input!$D$20=1,K1644*Input!$C$20,0)+IF(Input!$D$21=1,L1644*Input!$C$21,0)+IF(Input!$D$22=1,M1644*Input!$C$22,0)</f>
        <v>0.19769140750441425</v>
      </c>
      <c r="O1644" s="59">
        <f>IF(Input!$D$19=2,J1644*Input!$C$19,0)+IF(Input!$D$20=2,K1644*Input!$C$20,0)+IF(Input!$D$21=2,L1644*Input!$C$21,0)+IF(Input!$D$22=2,M1644*Input!$C$22,0)</f>
        <v>0.49422851876103568</v>
      </c>
      <c r="P1644" s="59">
        <f>IF(Input!$D$19=3,J1644*Input!$C$19,0)+IF(Input!$D$20=3,K1644*Input!$C$20,0)+IF(Input!$D$21=3,L1644*Input!$C$21,0)+IF(Input!$D$22=3,M1644*Input!$C$22,0)</f>
        <v>0</v>
      </c>
      <c r="Q1644" s="75">
        <f>IF(Input!$D$19=4,J1644*Input!$C$19,0)+IF(Input!$D$20=4,K1644*Input!$C$20,0)+IF(Input!$D$21=4,L1644*Input!$C$21,0)+IF(Input!$D$22=4,M1644*Input!$C$22,0)</f>
        <v>0</v>
      </c>
      <c r="R1644" s="58">
        <v>47.410679798130005</v>
      </c>
      <c r="S1644" s="124">
        <f t="shared" si="25"/>
        <v>0.85666276585246182</v>
      </c>
    </row>
    <row r="1645" spans="8:19" x14ac:dyDescent="0.3">
      <c r="H1645" s="44">
        <v>1638</v>
      </c>
      <c r="I1645" s="56">
        <f>Bühler!I1671</f>
        <v>0.24590882396890554</v>
      </c>
      <c r="J1645" s="59">
        <f>Bühler!J1671</f>
        <v>0.81969607989635196</v>
      </c>
      <c r="K1645" s="59">
        <f>Bühler!K1671</f>
        <v>1.2295441198445278</v>
      </c>
      <c r="L1645" s="59">
        <f>Bühler!L1671</f>
        <v>11.490064345729511</v>
      </c>
      <c r="M1645" s="58">
        <f>Bühler!M1671</f>
        <v>0</v>
      </c>
      <c r="N1645" s="56">
        <f>IF(Input!$D$19=1,J1645*Input!$C$19,0)+IF(Input!$D$20=1,K1645*Input!$C$20,0)+IF(Input!$D$21=1,L1645*Input!$C$21,0)+IF(Input!$D$22=1,M1645*Input!$C$22,0)</f>
        <v>0.24590882396890557</v>
      </c>
      <c r="O1645" s="59">
        <f>IF(Input!$D$19=2,J1645*Input!$C$19,0)+IF(Input!$D$20=2,K1645*Input!$C$20,0)+IF(Input!$D$21=2,L1645*Input!$C$21,0)+IF(Input!$D$22=2,M1645*Input!$C$22,0)</f>
        <v>0.61477205992226391</v>
      </c>
      <c r="P1645" s="59">
        <f>IF(Input!$D$19=3,J1645*Input!$C$19,0)+IF(Input!$D$20=3,K1645*Input!$C$20,0)+IF(Input!$D$21=3,L1645*Input!$C$21,0)+IF(Input!$D$22=3,M1645*Input!$C$22,0)</f>
        <v>0</v>
      </c>
      <c r="Q1645" s="75">
        <f>IF(Input!$D$19=4,J1645*Input!$C$19,0)+IF(Input!$D$20=4,K1645*Input!$C$20,0)+IF(Input!$D$21=4,L1645*Input!$C$21,0)+IF(Input!$D$22=4,M1645*Input!$C$22,0)</f>
        <v>0</v>
      </c>
      <c r="R1645" s="58">
        <v>46.980675743389284</v>
      </c>
      <c r="S1645" s="124">
        <f t="shared" si="25"/>
        <v>1.0656049038652575</v>
      </c>
    </row>
    <row r="1646" spans="8:19" x14ac:dyDescent="0.3">
      <c r="H1646" s="44">
        <v>1639</v>
      </c>
      <c r="I1646" s="56">
        <f>Bühler!I1672</f>
        <v>0.30859146537274423</v>
      </c>
      <c r="J1646" s="59">
        <f>Bühler!J1672</f>
        <v>1.0286382179091476</v>
      </c>
      <c r="K1646" s="59">
        <f>Bühler!K1672</f>
        <v>1.5429573268637211</v>
      </c>
      <c r="L1646" s="59">
        <f>Bühler!L1672</f>
        <v>14.418904276993896</v>
      </c>
      <c r="M1646" s="58">
        <f>Bühler!M1672</f>
        <v>0</v>
      </c>
      <c r="N1646" s="56">
        <f>IF(Input!$D$19=1,J1646*Input!$C$19,0)+IF(Input!$D$20=1,K1646*Input!$C$20,0)+IF(Input!$D$21=1,L1646*Input!$C$21,0)+IF(Input!$D$22=1,M1646*Input!$C$22,0)</f>
        <v>0.30859146537274423</v>
      </c>
      <c r="O1646" s="59">
        <f>IF(Input!$D$19=2,J1646*Input!$C$19,0)+IF(Input!$D$20=2,K1646*Input!$C$20,0)+IF(Input!$D$21=2,L1646*Input!$C$21,0)+IF(Input!$D$22=2,M1646*Input!$C$22,0)</f>
        <v>0.77147866343186056</v>
      </c>
      <c r="P1646" s="59">
        <f>IF(Input!$D$19=3,J1646*Input!$C$19,0)+IF(Input!$D$20=3,K1646*Input!$C$20,0)+IF(Input!$D$21=3,L1646*Input!$C$21,0)+IF(Input!$D$22=3,M1646*Input!$C$22,0)</f>
        <v>0</v>
      </c>
      <c r="Q1646" s="75">
        <f>IF(Input!$D$19=4,J1646*Input!$C$19,0)+IF(Input!$D$20=4,K1646*Input!$C$20,0)+IF(Input!$D$21=4,L1646*Input!$C$21,0)+IF(Input!$D$22=4,M1646*Input!$C$22,0)</f>
        <v>0</v>
      </c>
      <c r="R1646" s="58">
        <v>47.245153354804245</v>
      </c>
      <c r="S1646" s="124">
        <f t="shared" si="25"/>
        <v>1.3372296832818917</v>
      </c>
    </row>
    <row r="1647" spans="8:19" x14ac:dyDescent="0.3">
      <c r="H1647" s="44">
        <v>1640</v>
      </c>
      <c r="I1647" s="56">
        <f>Bühler!I1673</f>
        <v>0.35198714019078642</v>
      </c>
      <c r="J1647" s="59">
        <f>Bühler!J1673</f>
        <v>1.1732904673026214</v>
      </c>
      <c r="K1647" s="59">
        <f>Bühler!K1673</f>
        <v>1.7599357009539323</v>
      </c>
      <c r="L1647" s="59">
        <f>Bühler!L1673</f>
        <v>16.446562690946163</v>
      </c>
      <c r="M1647" s="58">
        <f>Bühler!M1673</f>
        <v>0</v>
      </c>
      <c r="N1647" s="56">
        <f>IF(Input!$D$19=1,J1647*Input!$C$19,0)+IF(Input!$D$20=1,K1647*Input!$C$20,0)+IF(Input!$D$21=1,L1647*Input!$C$21,0)+IF(Input!$D$22=1,M1647*Input!$C$22,0)</f>
        <v>0.35198714019078642</v>
      </c>
      <c r="O1647" s="59">
        <f>IF(Input!$D$19=2,J1647*Input!$C$19,0)+IF(Input!$D$20=2,K1647*Input!$C$20,0)+IF(Input!$D$21=2,L1647*Input!$C$21,0)+IF(Input!$D$22=2,M1647*Input!$C$22,0)</f>
        <v>0.87996785047696613</v>
      </c>
      <c r="P1647" s="59">
        <f>IF(Input!$D$19=3,J1647*Input!$C$19,0)+IF(Input!$D$20=3,K1647*Input!$C$20,0)+IF(Input!$D$21=3,L1647*Input!$C$21,0)+IF(Input!$D$22=3,M1647*Input!$C$22,0)</f>
        <v>0</v>
      </c>
      <c r="Q1647" s="75">
        <f>IF(Input!$D$19=4,J1647*Input!$C$19,0)+IF(Input!$D$20=4,K1647*Input!$C$20,0)+IF(Input!$D$21=4,L1647*Input!$C$21,0)+IF(Input!$D$22=4,M1647*Input!$C$22,0)</f>
        <v>0</v>
      </c>
      <c r="R1647" s="58">
        <v>46.995622512650627</v>
      </c>
      <c r="S1647" s="124">
        <f t="shared" si="25"/>
        <v>1.5252776074934078</v>
      </c>
    </row>
    <row r="1648" spans="8:19" x14ac:dyDescent="0.3">
      <c r="H1648" s="44">
        <v>1641</v>
      </c>
      <c r="I1648" s="56">
        <f>Bühler!I1674</f>
        <v>0.35198714019078642</v>
      </c>
      <c r="J1648" s="59">
        <f>Bühler!J1674</f>
        <v>1.1732904673026214</v>
      </c>
      <c r="K1648" s="59">
        <f>Bühler!K1674</f>
        <v>1.7599357009539323</v>
      </c>
      <c r="L1648" s="59">
        <f>Bühler!L1674</f>
        <v>16.446562690946163</v>
      </c>
      <c r="M1648" s="58">
        <f>Bühler!M1674</f>
        <v>0</v>
      </c>
      <c r="N1648" s="56">
        <f>IF(Input!$D$19=1,J1648*Input!$C$19,0)+IF(Input!$D$20=1,K1648*Input!$C$20,0)+IF(Input!$D$21=1,L1648*Input!$C$21,0)+IF(Input!$D$22=1,M1648*Input!$C$22,0)</f>
        <v>0.35198714019078642</v>
      </c>
      <c r="O1648" s="59">
        <f>IF(Input!$D$19=2,J1648*Input!$C$19,0)+IF(Input!$D$20=2,K1648*Input!$C$20,0)+IF(Input!$D$21=2,L1648*Input!$C$21,0)+IF(Input!$D$22=2,M1648*Input!$C$22,0)</f>
        <v>0.87996785047696613</v>
      </c>
      <c r="P1648" s="59">
        <f>IF(Input!$D$19=3,J1648*Input!$C$19,0)+IF(Input!$D$20=3,K1648*Input!$C$20,0)+IF(Input!$D$21=3,L1648*Input!$C$21,0)+IF(Input!$D$22=3,M1648*Input!$C$22,0)</f>
        <v>0</v>
      </c>
      <c r="Q1648" s="75">
        <f>IF(Input!$D$19=4,J1648*Input!$C$19,0)+IF(Input!$D$20=4,K1648*Input!$C$20,0)+IF(Input!$D$21=4,L1648*Input!$C$21,0)+IF(Input!$D$22=4,M1648*Input!$C$22,0)</f>
        <v>0</v>
      </c>
      <c r="R1648" s="58">
        <v>46.058546835464256</v>
      </c>
      <c r="S1648" s="124">
        <f t="shared" si="25"/>
        <v>1.5252776074934078</v>
      </c>
    </row>
    <row r="1649" spans="8:19" x14ac:dyDescent="0.3">
      <c r="H1649" s="44">
        <v>1642</v>
      </c>
      <c r="I1649" s="56">
        <f>Bühler!I1675</f>
        <v>0.35198714019078642</v>
      </c>
      <c r="J1649" s="59">
        <f>Bühler!J1675</f>
        <v>1.1732904673026214</v>
      </c>
      <c r="K1649" s="59">
        <f>Bühler!K1675</f>
        <v>1.7599357009539323</v>
      </c>
      <c r="L1649" s="59">
        <f>Bühler!L1675</f>
        <v>16.446562690946163</v>
      </c>
      <c r="M1649" s="58">
        <f>Bühler!M1675</f>
        <v>0</v>
      </c>
      <c r="N1649" s="56">
        <f>IF(Input!$D$19=1,J1649*Input!$C$19,0)+IF(Input!$D$20=1,K1649*Input!$C$20,0)+IF(Input!$D$21=1,L1649*Input!$C$21,0)+IF(Input!$D$22=1,M1649*Input!$C$22,0)</f>
        <v>0.35198714019078642</v>
      </c>
      <c r="O1649" s="59">
        <f>IF(Input!$D$19=2,J1649*Input!$C$19,0)+IF(Input!$D$20=2,K1649*Input!$C$20,0)+IF(Input!$D$21=2,L1649*Input!$C$21,0)+IF(Input!$D$22=2,M1649*Input!$C$22,0)</f>
        <v>0.87996785047696613</v>
      </c>
      <c r="P1649" s="59">
        <f>IF(Input!$D$19=3,J1649*Input!$C$19,0)+IF(Input!$D$20=3,K1649*Input!$C$20,0)+IF(Input!$D$21=3,L1649*Input!$C$21,0)+IF(Input!$D$22=3,M1649*Input!$C$22,0)</f>
        <v>0</v>
      </c>
      <c r="Q1649" s="75">
        <f>IF(Input!$D$19=4,J1649*Input!$C$19,0)+IF(Input!$D$20=4,K1649*Input!$C$20,0)+IF(Input!$D$21=4,L1649*Input!$C$21,0)+IF(Input!$D$22=4,M1649*Input!$C$22,0)</f>
        <v>0</v>
      </c>
      <c r="R1649" s="58">
        <v>45.603907509727158</v>
      </c>
      <c r="S1649" s="124">
        <f t="shared" si="25"/>
        <v>1.5252776074934078</v>
      </c>
    </row>
    <row r="1650" spans="8:19" x14ac:dyDescent="0.3">
      <c r="H1650" s="44">
        <v>1643</v>
      </c>
      <c r="I1650" s="56">
        <f>Bühler!I1676</f>
        <v>0.35198714019078642</v>
      </c>
      <c r="J1650" s="59">
        <f>Bühler!J1676</f>
        <v>1.1732904673026214</v>
      </c>
      <c r="K1650" s="59">
        <f>Bühler!K1676</f>
        <v>1.7599357009539323</v>
      </c>
      <c r="L1650" s="59">
        <f>Bühler!L1676</f>
        <v>16.446562690946163</v>
      </c>
      <c r="M1650" s="58">
        <f>Bühler!M1676</f>
        <v>0</v>
      </c>
      <c r="N1650" s="56">
        <f>IF(Input!$D$19=1,J1650*Input!$C$19,0)+IF(Input!$D$20=1,K1650*Input!$C$20,0)+IF(Input!$D$21=1,L1650*Input!$C$21,0)+IF(Input!$D$22=1,M1650*Input!$C$22,0)</f>
        <v>0.35198714019078642</v>
      </c>
      <c r="O1650" s="59">
        <f>IF(Input!$D$19=2,J1650*Input!$C$19,0)+IF(Input!$D$20=2,K1650*Input!$C$20,0)+IF(Input!$D$21=2,L1650*Input!$C$21,0)+IF(Input!$D$22=2,M1650*Input!$C$22,0)</f>
        <v>0.87996785047696613</v>
      </c>
      <c r="P1650" s="59">
        <f>IF(Input!$D$19=3,J1650*Input!$C$19,0)+IF(Input!$D$20=3,K1650*Input!$C$20,0)+IF(Input!$D$21=3,L1650*Input!$C$21,0)+IF(Input!$D$22=3,M1650*Input!$C$22,0)</f>
        <v>0</v>
      </c>
      <c r="Q1650" s="75">
        <f>IF(Input!$D$19=4,J1650*Input!$C$19,0)+IF(Input!$D$20=4,K1650*Input!$C$20,0)+IF(Input!$D$21=4,L1650*Input!$C$21,0)+IF(Input!$D$22=4,M1650*Input!$C$22,0)</f>
        <v>0</v>
      </c>
      <c r="R1650" s="58">
        <v>45.411923541539473</v>
      </c>
      <c r="S1650" s="124">
        <f t="shared" si="25"/>
        <v>1.5252776074934078</v>
      </c>
    </row>
    <row r="1651" spans="8:19" x14ac:dyDescent="0.3">
      <c r="H1651" s="44">
        <v>1644</v>
      </c>
      <c r="I1651" s="56">
        <f>Bühler!I1677</f>
        <v>0.35198714019078642</v>
      </c>
      <c r="J1651" s="59">
        <f>Bühler!J1677</f>
        <v>1.1732904673026214</v>
      </c>
      <c r="K1651" s="59">
        <f>Bühler!K1677</f>
        <v>1.7599357009539323</v>
      </c>
      <c r="L1651" s="59">
        <f>Bühler!L1677</f>
        <v>16.446562690946163</v>
      </c>
      <c r="M1651" s="58">
        <f>Bühler!M1677</f>
        <v>0</v>
      </c>
      <c r="N1651" s="56">
        <f>IF(Input!$D$19=1,J1651*Input!$C$19,0)+IF(Input!$D$20=1,K1651*Input!$C$20,0)+IF(Input!$D$21=1,L1651*Input!$C$21,0)+IF(Input!$D$22=1,M1651*Input!$C$22,0)</f>
        <v>0.35198714019078642</v>
      </c>
      <c r="O1651" s="59">
        <f>IF(Input!$D$19=2,J1651*Input!$C$19,0)+IF(Input!$D$20=2,K1651*Input!$C$20,0)+IF(Input!$D$21=2,L1651*Input!$C$21,0)+IF(Input!$D$22=2,M1651*Input!$C$22,0)</f>
        <v>0.87996785047696613</v>
      </c>
      <c r="P1651" s="59">
        <f>IF(Input!$D$19=3,J1651*Input!$C$19,0)+IF(Input!$D$20=3,K1651*Input!$C$20,0)+IF(Input!$D$21=3,L1651*Input!$C$21,0)+IF(Input!$D$22=3,M1651*Input!$C$22,0)</f>
        <v>0</v>
      </c>
      <c r="Q1651" s="75">
        <f>IF(Input!$D$19=4,J1651*Input!$C$19,0)+IF(Input!$D$20=4,K1651*Input!$C$20,0)+IF(Input!$D$21=4,L1651*Input!$C$21,0)+IF(Input!$D$22=4,M1651*Input!$C$22,0)</f>
        <v>0</v>
      </c>
      <c r="R1651" s="58">
        <v>45.17477548192587</v>
      </c>
      <c r="S1651" s="124">
        <f t="shared" si="25"/>
        <v>1.5252776074934078</v>
      </c>
    </row>
    <row r="1652" spans="8:19" x14ac:dyDescent="0.3">
      <c r="H1652" s="44">
        <v>1645</v>
      </c>
      <c r="I1652" s="56">
        <f>Bühler!I1678</f>
        <v>0.35198714019078642</v>
      </c>
      <c r="J1652" s="59">
        <f>Bühler!J1678</f>
        <v>1.1732904673026214</v>
      </c>
      <c r="K1652" s="59">
        <f>Bühler!K1678</f>
        <v>1.7599357009539323</v>
      </c>
      <c r="L1652" s="59">
        <f>Bühler!L1678</f>
        <v>16.446562690946163</v>
      </c>
      <c r="M1652" s="58">
        <f>Bühler!M1678</f>
        <v>0</v>
      </c>
      <c r="N1652" s="56">
        <f>IF(Input!$D$19=1,J1652*Input!$C$19,0)+IF(Input!$D$20=1,K1652*Input!$C$20,0)+IF(Input!$D$21=1,L1652*Input!$C$21,0)+IF(Input!$D$22=1,M1652*Input!$C$22,0)</f>
        <v>0.35198714019078642</v>
      </c>
      <c r="O1652" s="59">
        <f>IF(Input!$D$19=2,J1652*Input!$C$19,0)+IF(Input!$D$20=2,K1652*Input!$C$20,0)+IF(Input!$D$21=2,L1652*Input!$C$21,0)+IF(Input!$D$22=2,M1652*Input!$C$22,0)</f>
        <v>0.87996785047696613</v>
      </c>
      <c r="P1652" s="59">
        <f>IF(Input!$D$19=3,J1652*Input!$C$19,0)+IF(Input!$D$20=3,K1652*Input!$C$20,0)+IF(Input!$D$21=3,L1652*Input!$C$21,0)+IF(Input!$D$22=3,M1652*Input!$C$22,0)</f>
        <v>0</v>
      </c>
      <c r="Q1652" s="75">
        <f>IF(Input!$D$19=4,J1652*Input!$C$19,0)+IF(Input!$D$20=4,K1652*Input!$C$20,0)+IF(Input!$D$21=4,L1652*Input!$C$21,0)+IF(Input!$D$22=4,M1652*Input!$C$22,0)</f>
        <v>0</v>
      </c>
      <c r="R1652" s="58">
        <v>44.236697091441592</v>
      </c>
      <c r="S1652" s="124">
        <f t="shared" si="25"/>
        <v>1.5252776074934078</v>
      </c>
    </row>
    <row r="1653" spans="8:19" x14ac:dyDescent="0.3">
      <c r="H1653" s="44">
        <v>1646</v>
      </c>
      <c r="I1653" s="56">
        <f>Bühler!I1679</f>
        <v>0.35198714019078642</v>
      </c>
      <c r="J1653" s="59">
        <f>Bühler!J1679</f>
        <v>1.1732904673026214</v>
      </c>
      <c r="K1653" s="59">
        <f>Bühler!K1679</f>
        <v>1.7599357009539323</v>
      </c>
      <c r="L1653" s="59">
        <f>Bühler!L1679</f>
        <v>16.446562690946163</v>
      </c>
      <c r="M1653" s="58">
        <f>Bühler!M1679</f>
        <v>0</v>
      </c>
      <c r="N1653" s="56">
        <f>IF(Input!$D$19=1,J1653*Input!$C$19,0)+IF(Input!$D$20=1,K1653*Input!$C$20,0)+IF(Input!$D$21=1,L1653*Input!$C$21,0)+IF(Input!$D$22=1,M1653*Input!$C$22,0)</f>
        <v>0.35198714019078642</v>
      </c>
      <c r="O1653" s="59">
        <f>IF(Input!$D$19=2,J1653*Input!$C$19,0)+IF(Input!$D$20=2,K1653*Input!$C$20,0)+IF(Input!$D$21=2,L1653*Input!$C$21,0)+IF(Input!$D$22=2,M1653*Input!$C$22,0)</f>
        <v>0.87996785047696613</v>
      </c>
      <c r="P1653" s="59">
        <f>IF(Input!$D$19=3,J1653*Input!$C$19,0)+IF(Input!$D$20=3,K1653*Input!$C$20,0)+IF(Input!$D$21=3,L1653*Input!$C$21,0)+IF(Input!$D$22=3,M1653*Input!$C$22,0)</f>
        <v>0</v>
      </c>
      <c r="Q1653" s="75">
        <f>IF(Input!$D$19=4,J1653*Input!$C$19,0)+IF(Input!$D$20=4,K1653*Input!$C$20,0)+IF(Input!$D$21=4,L1653*Input!$C$21,0)+IF(Input!$D$22=4,M1653*Input!$C$22,0)</f>
        <v>0</v>
      </c>
      <c r="R1653" s="58">
        <v>43.604978887577836</v>
      </c>
      <c r="S1653" s="124">
        <f t="shared" si="25"/>
        <v>1.5252776074934078</v>
      </c>
    </row>
    <row r="1654" spans="8:19" x14ac:dyDescent="0.3">
      <c r="H1654" s="44">
        <v>1647</v>
      </c>
      <c r="I1654" s="56">
        <f>Bühler!I1680</f>
        <v>0.35198714019078642</v>
      </c>
      <c r="J1654" s="59">
        <f>Bühler!J1680</f>
        <v>1.1732904673026214</v>
      </c>
      <c r="K1654" s="59">
        <f>Bühler!K1680</f>
        <v>1.7599357009539323</v>
      </c>
      <c r="L1654" s="59">
        <f>Bühler!L1680</f>
        <v>16.446562690946163</v>
      </c>
      <c r="M1654" s="58">
        <f>Bühler!M1680</f>
        <v>0</v>
      </c>
      <c r="N1654" s="56">
        <f>IF(Input!$D$19=1,J1654*Input!$C$19,0)+IF(Input!$D$20=1,K1654*Input!$C$20,0)+IF(Input!$D$21=1,L1654*Input!$C$21,0)+IF(Input!$D$22=1,M1654*Input!$C$22,0)</f>
        <v>0.35198714019078642</v>
      </c>
      <c r="O1654" s="59">
        <f>IF(Input!$D$19=2,J1654*Input!$C$19,0)+IF(Input!$D$20=2,K1654*Input!$C$20,0)+IF(Input!$D$21=2,L1654*Input!$C$21,0)+IF(Input!$D$22=2,M1654*Input!$C$22,0)</f>
        <v>0.87996785047696613</v>
      </c>
      <c r="P1654" s="59">
        <f>IF(Input!$D$19=3,J1654*Input!$C$19,0)+IF(Input!$D$20=3,K1654*Input!$C$20,0)+IF(Input!$D$21=3,L1654*Input!$C$21,0)+IF(Input!$D$22=3,M1654*Input!$C$22,0)</f>
        <v>0</v>
      </c>
      <c r="Q1654" s="75">
        <f>IF(Input!$D$19=4,J1654*Input!$C$19,0)+IF(Input!$D$20=4,K1654*Input!$C$20,0)+IF(Input!$D$21=4,L1654*Input!$C$21,0)+IF(Input!$D$22=4,M1654*Input!$C$22,0)</f>
        <v>0</v>
      </c>
      <c r="R1654" s="58">
        <v>43.713945694993662</v>
      </c>
      <c r="S1654" s="124">
        <f t="shared" si="25"/>
        <v>1.5252776074934078</v>
      </c>
    </row>
    <row r="1655" spans="8:19" x14ac:dyDescent="0.3">
      <c r="H1655" s="44">
        <v>1648</v>
      </c>
      <c r="I1655" s="56">
        <f>Bühler!I1681</f>
        <v>0.31823494866564245</v>
      </c>
      <c r="J1655" s="59">
        <f>Bühler!J1681</f>
        <v>1.0607831622188082</v>
      </c>
      <c r="K1655" s="59">
        <f>Bühler!K1681</f>
        <v>1.5911747433282124</v>
      </c>
      <c r="L1655" s="59">
        <f>Bühler!L1681</f>
        <v>14.869495035649953</v>
      </c>
      <c r="M1655" s="58">
        <f>Bühler!M1681</f>
        <v>0</v>
      </c>
      <c r="N1655" s="56">
        <f>IF(Input!$D$19=1,J1655*Input!$C$19,0)+IF(Input!$D$20=1,K1655*Input!$C$20,0)+IF(Input!$D$21=1,L1655*Input!$C$21,0)+IF(Input!$D$22=1,M1655*Input!$C$22,0)</f>
        <v>0.31823494866564245</v>
      </c>
      <c r="O1655" s="59">
        <f>IF(Input!$D$19=2,J1655*Input!$C$19,0)+IF(Input!$D$20=2,K1655*Input!$C$20,0)+IF(Input!$D$21=2,L1655*Input!$C$21,0)+IF(Input!$D$22=2,M1655*Input!$C$22,0)</f>
        <v>0.7955873716641062</v>
      </c>
      <c r="P1655" s="59">
        <f>IF(Input!$D$19=3,J1655*Input!$C$19,0)+IF(Input!$D$20=3,K1655*Input!$C$20,0)+IF(Input!$D$21=3,L1655*Input!$C$21,0)+IF(Input!$D$22=3,M1655*Input!$C$22,0)</f>
        <v>0</v>
      </c>
      <c r="Q1655" s="75">
        <f>IF(Input!$D$19=4,J1655*Input!$C$19,0)+IF(Input!$D$20=4,K1655*Input!$C$20,0)+IF(Input!$D$21=4,L1655*Input!$C$21,0)+IF(Input!$D$22=4,M1655*Input!$C$22,0)</f>
        <v>0</v>
      </c>
      <c r="R1655" s="58">
        <v>43.253811736533493</v>
      </c>
      <c r="S1655" s="124">
        <f t="shared" si="25"/>
        <v>1.3790181108844506</v>
      </c>
    </row>
    <row r="1656" spans="8:19" x14ac:dyDescent="0.3">
      <c r="H1656" s="44">
        <v>1649</v>
      </c>
      <c r="I1656" s="56">
        <f>Bühler!I1682</f>
        <v>0.28930449878694769</v>
      </c>
      <c r="J1656" s="59">
        <f>Bühler!J1682</f>
        <v>0.96434832928982572</v>
      </c>
      <c r="K1656" s="59">
        <f>Bühler!K1682</f>
        <v>1.4465224939347388</v>
      </c>
      <c r="L1656" s="59">
        <f>Bühler!L1682</f>
        <v>13.517722759681778</v>
      </c>
      <c r="M1656" s="58">
        <f>Bühler!M1682</f>
        <v>0</v>
      </c>
      <c r="N1656" s="56">
        <f>IF(Input!$D$19=1,J1656*Input!$C$19,0)+IF(Input!$D$20=1,K1656*Input!$C$20,0)+IF(Input!$D$21=1,L1656*Input!$C$21,0)+IF(Input!$D$22=1,M1656*Input!$C$22,0)</f>
        <v>0.28930449878694769</v>
      </c>
      <c r="O1656" s="59">
        <f>IF(Input!$D$19=2,J1656*Input!$C$19,0)+IF(Input!$D$20=2,K1656*Input!$C$20,0)+IF(Input!$D$21=2,L1656*Input!$C$21,0)+IF(Input!$D$22=2,M1656*Input!$C$22,0)</f>
        <v>0.72326124696736938</v>
      </c>
      <c r="P1656" s="59">
        <f>IF(Input!$D$19=3,J1656*Input!$C$19,0)+IF(Input!$D$20=3,K1656*Input!$C$20,0)+IF(Input!$D$21=3,L1656*Input!$C$21,0)+IF(Input!$D$22=3,M1656*Input!$C$22,0)</f>
        <v>0</v>
      </c>
      <c r="Q1656" s="75">
        <f>IF(Input!$D$19=4,J1656*Input!$C$19,0)+IF(Input!$D$20=4,K1656*Input!$C$20,0)+IF(Input!$D$21=4,L1656*Input!$C$21,0)+IF(Input!$D$22=4,M1656*Input!$C$22,0)</f>
        <v>0</v>
      </c>
      <c r="R1656" s="58">
        <v>42.417236967979861</v>
      </c>
      <c r="S1656" s="124">
        <f t="shared" si="25"/>
        <v>1.2536528280767734</v>
      </c>
    </row>
    <row r="1657" spans="8:19" x14ac:dyDescent="0.3">
      <c r="H1657" s="44">
        <v>1650</v>
      </c>
      <c r="I1657" s="56">
        <f>Bühler!I1683</f>
        <v>0.26037404890825289</v>
      </c>
      <c r="J1657" s="59">
        <f>Bühler!J1683</f>
        <v>0.86791349636084314</v>
      </c>
      <c r="K1657" s="59">
        <f>Bühler!K1683</f>
        <v>1.3018702445412647</v>
      </c>
      <c r="L1657" s="59">
        <f>Bühler!L1683</f>
        <v>12.165950483713599</v>
      </c>
      <c r="M1657" s="58">
        <f>Bühler!M1683</f>
        <v>0</v>
      </c>
      <c r="N1657" s="56">
        <f>IF(Input!$D$19=1,J1657*Input!$C$19,0)+IF(Input!$D$20=1,K1657*Input!$C$20,0)+IF(Input!$D$21=1,L1657*Input!$C$21,0)+IF(Input!$D$22=1,M1657*Input!$C$22,0)</f>
        <v>0.26037404890825294</v>
      </c>
      <c r="O1657" s="59">
        <f>IF(Input!$D$19=2,J1657*Input!$C$19,0)+IF(Input!$D$20=2,K1657*Input!$C$20,0)+IF(Input!$D$21=2,L1657*Input!$C$21,0)+IF(Input!$D$22=2,M1657*Input!$C$22,0)</f>
        <v>0.65093512227063233</v>
      </c>
      <c r="P1657" s="59">
        <f>IF(Input!$D$19=3,J1657*Input!$C$19,0)+IF(Input!$D$20=3,K1657*Input!$C$20,0)+IF(Input!$D$21=3,L1657*Input!$C$21,0)+IF(Input!$D$22=3,M1657*Input!$C$22,0)</f>
        <v>0</v>
      </c>
      <c r="Q1657" s="75">
        <f>IF(Input!$D$19=4,J1657*Input!$C$19,0)+IF(Input!$D$20=4,K1657*Input!$C$20,0)+IF(Input!$D$21=4,L1657*Input!$C$21,0)+IF(Input!$D$22=4,M1657*Input!$C$22,0)</f>
        <v>0</v>
      </c>
      <c r="R1657" s="58">
        <v>42.430537575545308</v>
      </c>
      <c r="S1657" s="124">
        <f t="shared" si="25"/>
        <v>1.1282875452690959</v>
      </c>
    </row>
    <row r="1658" spans="8:19" x14ac:dyDescent="0.3">
      <c r="H1658" s="44">
        <v>1651</v>
      </c>
      <c r="I1658" s="56">
        <f>Bühler!I1684</f>
        <v>0.25073056561535462</v>
      </c>
      <c r="J1658" s="59">
        <f>Bühler!J1684</f>
        <v>0.83576855205118217</v>
      </c>
      <c r="K1658" s="59">
        <f>Bühler!K1684</f>
        <v>1.2536528280767734</v>
      </c>
      <c r="L1658" s="59">
        <f>Bühler!L1684</f>
        <v>11.715359725057539</v>
      </c>
      <c r="M1658" s="58">
        <f>Bühler!M1684</f>
        <v>0</v>
      </c>
      <c r="N1658" s="56">
        <f>IF(Input!$D$19=1,J1658*Input!$C$19,0)+IF(Input!$D$20=1,K1658*Input!$C$20,0)+IF(Input!$D$21=1,L1658*Input!$C$21,0)+IF(Input!$D$22=1,M1658*Input!$C$22,0)</f>
        <v>0.25073056561535462</v>
      </c>
      <c r="O1658" s="59">
        <f>IF(Input!$D$19=2,J1658*Input!$C$19,0)+IF(Input!$D$20=2,K1658*Input!$C$20,0)+IF(Input!$D$21=2,L1658*Input!$C$21,0)+IF(Input!$D$22=2,M1658*Input!$C$22,0)</f>
        <v>0.62682641403838668</v>
      </c>
      <c r="P1658" s="59">
        <f>IF(Input!$D$19=3,J1658*Input!$C$19,0)+IF(Input!$D$20=3,K1658*Input!$C$20,0)+IF(Input!$D$21=3,L1658*Input!$C$21,0)+IF(Input!$D$22=3,M1658*Input!$C$22,0)</f>
        <v>0</v>
      </c>
      <c r="Q1658" s="75">
        <f>IF(Input!$D$19=4,J1658*Input!$C$19,0)+IF(Input!$D$20=4,K1658*Input!$C$20,0)+IF(Input!$D$21=4,L1658*Input!$C$21,0)+IF(Input!$D$22=4,M1658*Input!$C$22,0)</f>
        <v>0</v>
      </c>
      <c r="R1658" s="58">
        <v>42.222997262629526</v>
      </c>
      <c r="S1658" s="124">
        <f t="shared" si="25"/>
        <v>1.0864991176665368</v>
      </c>
    </row>
    <row r="1659" spans="8:19" x14ac:dyDescent="0.3">
      <c r="H1659" s="44">
        <v>1652</v>
      </c>
      <c r="I1659" s="56">
        <f>Bühler!I1685</f>
        <v>0.20251314915086335</v>
      </c>
      <c r="J1659" s="59">
        <f>Bühler!J1685</f>
        <v>0.67504383050287797</v>
      </c>
      <c r="K1659" s="59">
        <f>Bühler!K1685</f>
        <v>1.0125657457543169</v>
      </c>
      <c r="L1659" s="59">
        <f>Bühler!L1685</f>
        <v>9.4624059317772424</v>
      </c>
      <c r="M1659" s="58">
        <f>Bühler!M1685</f>
        <v>0</v>
      </c>
      <c r="N1659" s="56">
        <f>IF(Input!$D$19=1,J1659*Input!$C$19,0)+IF(Input!$D$20=1,K1659*Input!$C$20,0)+IF(Input!$D$21=1,L1659*Input!$C$21,0)+IF(Input!$D$22=1,M1659*Input!$C$22,0)</f>
        <v>0.20251314915086338</v>
      </c>
      <c r="O1659" s="59">
        <f>IF(Input!$D$19=2,J1659*Input!$C$19,0)+IF(Input!$D$20=2,K1659*Input!$C$20,0)+IF(Input!$D$21=2,L1659*Input!$C$21,0)+IF(Input!$D$22=2,M1659*Input!$C$22,0)</f>
        <v>0.50628287287715845</v>
      </c>
      <c r="P1659" s="59">
        <f>IF(Input!$D$19=3,J1659*Input!$C$19,0)+IF(Input!$D$20=3,K1659*Input!$C$20,0)+IF(Input!$D$21=3,L1659*Input!$C$21,0)+IF(Input!$D$22=3,M1659*Input!$C$22,0)</f>
        <v>0</v>
      </c>
      <c r="Q1659" s="75">
        <f>IF(Input!$D$19=4,J1659*Input!$C$19,0)+IF(Input!$D$20=4,K1659*Input!$C$20,0)+IF(Input!$D$21=4,L1659*Input!$C$21,0)+IF(Input!$D$22=4,M1659*Input!$C$22,0)</f>
        <v>0</v>
      </c>
      <c r="R1659" s="58">
        <v>41.496551631416565</v>
      </c>
      <c r="S1659" s="124">
        <f t="shared" si="25"/>
        <v>0.87755697965374135</v>
      </c>
    </row>
    <row r="1660" spans="8:19" x14ac:dyDescent="0.3">
      <c r="H1660" s="44">
        <v>1653</v>
      </c>
      <c r="I1660" s="56">
        <f>Bühler!I1686</f>
        <v>0.14947399103992295</v>
      </c>
      <c r="J1660" s="59">
        <f>Bühler!J1686</f>
        <v>0.49824663679974329</v>
      </c>
      <c r="K1660" s="59">
        <f>Bühler!K1686</f>
        <v>0.74736995519961491</v>
      </c>
      <c r="L1660" s="59">
        <f>Bühler!L1686</f>
        <v>6.9841567591689175</v>
      </c>
      <c r="M1660" s="58">
        <f>Bühler!M1686</f>
        <v>0</v>
      </c>
      <c r="N1660" s="56">
        <f>IF(Input!$D$19=1,J1660*Input!$C$19,0)+IF(Input!$D$20=1,K1660*Input!$C$20,0)+IF(Input!$D$21=1,L1660*Input!$C$21,0)+IF(Input!$D$22=1,M1660*Input!$C$22,0)</f>
        <v>0.14947399103992298</v>
      </c>
      <c r="O1660" s="59">
        <f>IF(Input!$D$19=2,J1660*Input!$C$19,0)+IF(Input!$D$20=2,K1660*Input!$C$20,0)+IF(Input!$D$21=2,L1660*Input!$C$21,0)+IF(Input!$D$22=2,M1660*Input!$C$22,0)</f>
        <v>0.37368497759980746</v>
      </c>
      <c r="P1660" s="59">
        <f>IF(Input!$D$19=3,J1660*Input!$C$19,0)+IF(Input!$D$20=3,K1660*Input!$C$20,0)+IF(Input!$D$21=3,L1660*Input!$C$21,0)+IF(Input!$D$22=3,M1660*Input!$C$22,0)</f>
        <v>0</v>
      </c>
      <c r="Q1660" s="75">
        <f>IF(Input!$D$19=4,J1660*Input!$C$19,0)+IF(Input!$D$20=4,K1660*Input!$C$20,0)+IF(Input!$D$21=4,L1660*Input!$C$21,0)+IF(Input!$D$22=4,M1660*Input!$C$22,0)</f>
        <v>0</v>
      </c>
      <c r="R1660" s="58">
        <v>41.311446771111065</v>
      </c>
      <c r="S1660" s="124">
        <f t="shared" si="25"/>
        <v>0.64772062783966622</v>
      </c>
    </row>
    <row r="1661" spans="8:19" x14ac:dyDescent="0.3">
      <c r="H1661" s="44">
        <v>1654</v>
      </c>
      <c r="I1661" s="56">
        <f>Bühler!I1687</f>
        <v>0.14947399103992295</v>
      </c>
      <c r="J1661" s="59">
        <f>Bühler!J1687</f>
        <v>0.49824663679974329</v>
      </c>
      <c r="K1661" s="59">
        <f>Bühler!K1687</f>
        <v>0.74736995519961491</v>
      </c>
      <c r="L1661" s="59">
        <f>Bühler!L1687</f>
        <v>6.9841567591689175</v>
      </c>
      <c r="M1661" s="58">
        <f>Bühler!M1687</f>
        <v>0</v>
      </c>
      <c r="N1661" s="56">
        <f>IF(Input!$D$19=1,J1661*Input!$C$19,0)+IF(Input!$D$20=1,K1661*Input!$C$20,0)+IF(Input!$D$21=1,L1661*Input!$C$21,0)+IF(Input!$D$22=1,M1661*Input!$C$22,0)</f>
        <v>0.14947399103992298</v>
      </c>
      <c r="O1661" s="59">
        <f>IF(Input!$D$19=2,J1661*Input!$C$19,0)+IF(Input!$D$20=2,K1661*Input!$C$20,0)+IF(Input!$D$21=2,L1661*Input!$C$21,0)+IF(Input!$D$22=2,M1661*Input!$C$22,0)</f>
        <v>0.37368497759980746</v>
      </c>
      <c r="P1661" s="59">
        <f>IF(Input!$D$19=3,J1661*Input!$C$19,0)+IF(Input!$D$20=3,K1661*Input!$C$20,0)+IF(Input!$D$21=3,L1661*Input!$C$21,0)+IF(Input!$D$22=3,M1661*Input!$C$22,0)</f>
        <v>0</v>
      </c>
      <c r="Q1661" s="75">
        <f>IF(Input!$D$19=4,J1661*Input!$C$19,0)+IF(Input!$D$20=4,K1661*Input!$C$20,0)+IF(Input!$D$21=4,L1661*Input!$C$21,0)+IF(Input!$D$22=4,M1661*Input!$C$22,0)</f>
        <v>0</v>
      </c>
      <c r="R1661" s="58">
        <v>41.333427302604981</v>
      </c>
      <c r="S1661" s="124">
        <f t="shared" si="25"/>
        <v>0.64772062783966622</v>
      </c>
    </row>
    <row r="1662" spans="8:19" x14ac:dyDescent="0.3">
      <c r="H1662" s="44">
        <v>1655</v>
      </c>
      <c r="I1662" s="56">
        <f>Bühler!I1688</f>
        <v>0.14947399103992295</v>
      </c>
      <c r="J1662" s="59">
        <f>Bühler!J1688</f>
        <v>0.49824663679974329</v>
      </c>
      <c r="K1662" s="59">
        <f>Bühler!K1688</f>
        <v>0.74736995519961491</v>
      </c>
      <c r="L1662" s="59">
        <f>Bühler!L1688</f>
        <v>6.9841567591689175</v>
      </c>
      <c r="M1662" s="58">
        <f>Bühler!M1688</f>
        <v>0</v>
      </c>
      <c r="N1662" s="56">
        <f>IF(Input!$D$19=1,J1662*Input!$C$19,0)+IF(Input!$D$20=1,K1662*Input!$C$20,0)+IF(Input!$D$21=1,L1662*Input!$C$21,0)+IF(Input!$D$22=1,M1662*Input!$C$22,0)</f>
        <v>0.14947399103992298</v>
      </c>
      <c r="O1662" s="59">
        <f>IF(Input!$D$19=2,J1662*Input!$C$19,0)+IF(Input!$D$20=2,K1662*Input!$C$20,0)+IF(Input!$D$21=2,L1662*Input!$C$21,0)+IF(Input!$D$22=2,M1662*Input!$C$22,0)</f>
        <v>0.37368497759980746</v>
      </c>
      <c r="P1662" s="59">
        <f>IF(Input!$D$19=3,J1662*Input!$C$19,0)+IF(Input!$D$20=3,K1662*Input!$C$20,0)+IF(Input!$D$21=3,L1662*Input!$C$21,0)+IF(Input!$D$22=3,M1662*Input!$C$22,0)</f>
        <v>0</v>
      </c>
      <c r="Q1662" s="75">
        <f>IF(Input!$D$19=4,J1662*Input!$C$19,0)+IF(Input!$D$20=4,K1662*Input!$C$20,0)+IF(Input!$D$21=4,L1662*Input!$C$21,0)+IF(Input!$D$22=4,M1662*Input!$C$22,0)</f>
        <v>0</v>
      </c>
      <c r="R1662" s="58">
        <v>41.117911610962977</v>
      </c>
      <c r="S1662" s="124">
        <f t="shared" si="25"/>
        <v>0.64772062783966622</v>
      </c>
    </row>
    <row r="1663" spans="8:19" x14ac:dyDescent="0.3">
      <c r="H1663" s="44">
        <v>1656</v>
      </c>
      <c r="I1663" s="56">
        <f>Bühler!I1689</f>
        <v>0.14947399103992295</v>
      </c>
      <c r="J1663" s="59">
        <f>Bühler!J1689</f>
        <v>0.49824663679974329</v>
      </c>
      <c r="K1663" s="59">
        <f>Bühler!K1689</f>
        <v>0.74736995519961491</v>
      </c>
      <c r="L1663" s="59">
        <f>Bühler!L1689</f>
        <v>6.9841567591689175</v>
      </c>
      <c r="M1663" s="58">
        <f>Bühler!M1689</f>
        <v>0</v>
      </c>
      <c r="N1663" s="56">
        <f>IF(Input!$D$19=1,J1663*Input!$C$19,0)+IF(Input!$D$20=1,K1663*Input!$C$20,0)+IF(Input!$D$21=1,L1663*Input!$C$21,0)+IF(Input!$D$22=1,M1663*Input!$C$22,0)</f>
        <v>0.14947399103992298</v>
      </c>
      <c r="O1663" s="59">
        <f>IF(Input!$D$19=2,J1663*Input!$C$19,0)+IF(Input!$D$20=2,K1663*Input!$C$20,0)+IF(Input!$D$21=2,L1663*Input!$C$21,0)+IF(Input!$D$22=2,M1663*Input!$C$22,0)</f>
        <v>0.37368497759980746</v>
      </c>
      <c r="P1663" s="59">
        <f>IF(Input!$D$19=3,J1663*Input!$C$19,0)+IF(Input!$D$20=3,K1663*Input!$C$20,0)+IF(Input!$D$21=3,L1663*Input!$C$21,0)+IF(Input!$D$22=3,M1663*Input!$C$22,0)</f>
        <v>0</v>
      </c>
      <c r="Q1663" s="75">
        <f>IF(Input!$D$19=4,J1663*Input!$C$19,0)+IF(Input!$D$20=4,K1663*Input!$C$20,0)+IF(Input!$D$21=4,L1663*Input!$C$21,0)+IF(Input!$D$22=4,M1663*Input!$C$22,0)</f>
        <v>0</v>
      </c>
      <c r="R1663" s="58">
        <v>40.941899406544707</v>
      </c>
      <c r="S1663" s="124">
        <f t="shared" si="25"/>
        <v>0.64772062783966622</v>
      </c>
    </row>
    <row r="1664" spans="8:19" x14ac:dyDescent="0.3">
      <c r="H1664" s="44">
        <v>1657</v>
      </c>
      <c r="I1664" s="56">
        <f>Bühler!I1690</f>
        <v>0.16404687297539364</v>
      </c>
      <c r="J1664" s="59">
        <f>Bühler!J1690</f>
        <v>0.54682290991797888</v>
      </c>
      <c r="K1664" s="59">
        <f>Bühler!K1690</f>
        <v>0.82023436487696821</v>
      </c>
      <c r="L1664" s="59">
        <f>Bühler!L1690</f>
        <v>7.8060738816728215</v>
      </c>
      <c r="M1664" s="58">
        <f>Bühler!M1690</f>
        <v>0</v>
      </c>
      <c r="N1664" s="56">
        <f>IF(Input!$D$19=1,J1664*Input!$C$19,0)+IF(Input!$D$20=1,K1664*Input!$C$20,0)+IF(Input!$D$21=1,L1664*Input!$C$21,0)+IF(Input!$D$22=1,M1664*Input!$C$22,0)</f>
        <v>0.16404687297539366</v>
      </c>
      <c r="O1664" s="59">
        <f>IF(Input!$D$19=2,J1664*Input!$C$19,0)+IF(Input!$D$20=2,K1664*Input!$C$20,0)+IF(Input!$D$21=2,L1664*Input!$C$21,0)+IF(Input!$D$22=2,M1664*Input!$C$22,0)</f>
        <v>0.41011718243848411</v>
      </c>
      <c r="P1664" s="59">
        <f>IF(Input!$D$19=3,J1664*Input!$C$19,0)+IF(Input!$D$20=3,K1664*Input!$C$20,0)+IF(Input!$D$21=3,L1664*Input!$C$21,0)+IF(Input!$D$22=3,M1664*Input!$C$22,0)</f>
        <v>0</v>
      </c>
      <c r="Q1664" s="75">
        <f>IF(Input!$D$19=4,J1664*Input!$C$19,0)+IF(Input!$D$20=4,K1664*Input!$C$20,0)+IF(Input!$D$21=4,L1664*Input!$C$21,0)+IF(Input!$D$22=4,M1664*Input!$C$22,0)</f>
        <v>0</v>
      </c>
      <c r="R1664" s="58">
        <v>40.995258432917261</v>
      </c>
      <c r="S1664" s="124">
        <f t="shared" si="25"/>
        <v>0.71086978289337255</v>
      </c>
    </row>
    <row r="1665" spans="8:19" x14ac:dyDescent="0.3">
      <c r="H1665" s="44">
        <v>1658</v>
      </c>
      <c r="I1665" s="56">
        <f>Bühler!I1691</f>
        <v>0.19050604603594098</v>
      </c>
      <c r="J1665" s="59">
        <f>Bühler!J1691</f>
        <v>0.63502015345313667</v>
      </c>
      <c r="K1665" s="59">
        <f>Bühler!K1691</f>
        <v>0.95253023017970495</v>
      </c>
      <c r="L1665" s="59">
        <f>Bühler!L1691</f>
        <v>9.0651180561361802</v>
      </c>
      <c r="M1665" s="58">
        <f>Bühler!M1691</f>
        <v>0</v>
      </c>
      <c r="N1665" s="56">
        <f>IF(Input!$D$19=1,J1665*Input!$C$19,0)+IF(Input!$D$20=1,K1665*Input!$C$20,0)+IF(Input!$D$21=1,L1665*Input!$C$21,0)+IF(Input!$D$22=1,M1665*Input!$C$22,0)</f>
        <v>0.19050604603594098</v>
      </c>
      <c r="O1665" s="59">
        <f>IF(Input!$D$19=2,J1665*Input!$C$19,0)+IF(Input!$D$20=2,K1665*Input!$C$20,0)+IF(Input!$D$21=2,L1665*Input!$C$21,0)+IF(Input!$D$22=2,M1665*Input!$C$22,0)</f>
        <v>0.47626511508985248</v>
      </c>
      <c r="P1665" s="59">
        <f>IF(Input!$D$19=3,J1665*Input!$C$19,0)+IF(Input!$D$20=3,K1665*Input!$C$20,0)+IF(Input!$D$21=3,L1665*Input!$C$21,0)+IF(Input!$D$22=3,M1665*Input!$C$22,0)</f>
        <v>0</v>
      </c>
      <c r="Q1665" s="75">
        <f>IF(Input!$D$19=4,J1665*Input!$C$19,0)+IF(Input!$D$20=4,K1665*Input!$C$20,0)+IF(Input!$D$21=4,L1665*Input!$C$21,0)+IF(Input!$D$22=4,M1665*Input!$C$22,0)</f>
        <v>0</v>
      </c>
      <c r="R1665" s="58">
        <v>41.055283032370163</v>
      </c>
      <c r="S1665" s="124">
        <f t="shared" si="25"/>
        <v>0.82552619948907768</v>
      </c>
    </row>
    <row r="1666" spans="8:19" x14ac:dyDescent="0.3">
      <c r="H1666" s="44">
        <v>1659</v>
      </c>
      <c r="I1666" s="56">
        <f>Bühler!I1692</f>
        <v>0.19050604603594098</v>
      </c>
      <c r="J1666" s="59">
        <f>Bühler!J1692</f>
        <v>0.63502015345313667</v>
      </c>
      <c r="K1666" s="59">
        <f>Bühler!K1692</f>
        <v>0.95253023017970495</v>
      </c>
      <c r="L1666" s="59">
        <f>Bühler!L1692</f>
        <v>9.0651180561361802</v>
      </c>
      <c r="M1666" s="58">
        <f>Bühler!M1692</f>
        <v>0</v>
      </c>
      <c r="N1666" s="56">
        <f>IF(Input!$D$19=1,J1666*Input!$C$19,0)+IF(Input!$D$20=1,K1666*Input!$C$20,0)+IF(Input!$D$21=1,L1666*Input!$C$21,0)+IF(Input!$D$22=1,M1666*Input!$C$22,0)</f>
        <v>0.19050604603594098</v>
      </c>
      <c r="O1666" s="59">
        <f>IF(Input!$D$19=2,J1666*Input!$C$19,0)+IF(Input!$D$20=2,K1666*Input!$C$20,0)+IF(Input!$D$21=2,L1666*Input!$C$21,0)+IF(Input!$D$22=2,M1666*Input!$C$22,0)</f>
        <v>0.47626511508985248</v>
      </c>
      <c r="P1666" s="59">
        <f>IF(Input!$D$19=3,J1666*Input!$C$19,0)+IF(Input!$D$20=3,K1666*Input!$C$20,0)+IF(Input!$D$21=3,L1666*Input!$C$21,0)+IF(Input!$D$22=3,M1666*Input!$C$22,0)</f>
        <v>0</v>
      </c>
      <c r="Q1666" s="75">
        <f>IF(Input!$D$19=4,J1666*Input!$C$19,0)+IF(Input!$D$20=4,K1666*Input!$C$20,0)+IF(Input!$D$21=4,L1666*Input!$C$21,0)+IF(Input!$D$22=4,M1666*Input!$C$22,0)</f>
        <v>0</v>
      </c>
      <c r="R1666" s="58">
        <v>41.424748627248924</v>
      </c>
      <c r="S1666" s="124">
        <f t="shared" si="25"/>
        <v>0.82552619948907768</v>
      </c>
    </row>
    <row r="1667" spans="8:19" x14ac:dyDescent="0.3">
      <c r="H1667" s="44">
        <v>1660</v>
      </c>
      <c r="I1667" s="56">
        <f>Bühler!I1693</f>
        <v>0.19050604603594098</v>
      </c>
      <c r="J1667" s="59">
        <f>Bühler!J1693</f>
        <v>0.63502015345313667</v>
      </c>
      <c r="K1667" s="59">
        <f>Bühler!K1693</f>
        <v>0.95253023017970495</v>
      </c>
      <c r="L1667" s="59">
        <f>Bühler!L1693</f>
        <v>9.0651180561361802</v>
      </c>
      <c r="M1667" s="58">
        <f>Bühler!M1693</f>
        <v>0</v>
      </c>
      <c r="N1667" s="56">
        <f>IF(Input!$D$19=1,J1667*Input!$C$19,0)+IF(Input!$D$20=1,K1667*Input!$C$20,0)+IF(Input!$D$21=1,L1667*Input!$C$21,0)+IF(Input!$D$22=1,M1667*Input!$C$22,0)</f>
        <v>0.19050604603594098</v>
      </c>
      <c r="O1667" s="59">
        <f>IF(Input!$D$19=2,J1667*Input!$C$19,0)+IF(Input!$D$20=2,K1667*Input!$C$20,0)+IF(Input!$D$21=2,L1667*Input!$C$21,0)+IF(Input!$D$22=2,M1667*Input!$C$22,0)</f>
        <v>0.47626511508985248</v>
      </c>
      <c r="P1667" s="59">
        <f>IF(Input!$D$19=3,J1667*Input!$C$19,0)+IF(Input!$D$20=3,K1667*Input!$C$20,0)+IF(Input!$D$21=3,L1667*Input!$C$21,0)+IF(Input!$D$22=3,M1667*Input!$C$22,0)</f>
        <v>0</v>
      </c>
      <c r="Q1667" s="75">
        <f>IF(Input!$D$19=4,J1667*Input!$C$19,0)+IF(Input!$D$20=4,K1667*Input!$C$20,0)+IF(Input!$D$21=4,L1667*Input!$C$21,0)+IF(Input!$D$22=4,M1667*Input!$C$22,0)</f>
        <v>0</v>
      </c>
      <c r="R1667" s="58">
        <v>41.237318381385329</v>
      </c>
      <c r="S1667" s="124">
        <f t="shared" si="25"/>
        <v>0.82552619948907768</v>
      </c>
    </row>
    <row r="1668" spans="8:19" x14ac:dyDescent="0.3">
      <c r="H1668" s="44">
        <v>1661</v>
      </c>
      <c r="I1668" s="56">
        <f>Bühler!I1694</f>
        <v>0.19050604603594098</v>
      </c>
      <c r="J1668" s="59">
        <f>Bühler!J1694</f>
        <v>0.63502015345313667</v>
      </c>
      <c r="K1668" s="59">
        <f>Bühler!K1694</f>
        <v>0.95253023017970495</v>
      </c>
      <c r="L1668" s="59">
        <f>Bühler!L1694</f>
        <v>9.0651180561361802</v>
      </c>
      <c r="M1668" s="58">
        <f>Bühler!M1694</f>
        <v>0</v>
      </c>
      <c r="N1668" s="56">
        <f>IF(Input!$D$19=1,J1668*Input!$C$19,0)+IF(Input!$D$20=1,K1668*Input!$C$20,0)+IF(Input!$D$21=1,L1668*Input!$C$21,0)+IF(Input!$D$22=1,M1668*Input!$C$22,0)</f>
        <v>0.19050604603594098</v>
      </c>
      <c r="O1668" s="59">
        <f>IF(Input!$D$19=2,J1668*Input!$C$19,0)+IF(Input!$D$20=2,K1668*Input!$C$20,0)+IF(Input!$D$21=2,L1668*Input!$C$21,0)+IF(Input!$D$22=2,M1668*Input!$C$22,0)</f>
        <v>0.47626511508985248</v>
      </c>
      <c r="P1668" s="59">
        <f>IF(Input!$D$19=3,J1668*Input!$C$19,0)+IF(Input!$D$20=3,K1668*Input!$C$20,0)+IF(Input!$D$21=3,L1668*Input!$C$21,0)+IF(Input!$D$22=3,M1668*Input!$C$22,0)</f>
        <v>0</v>
      </c>
      <c r="Q1668" s="75">
        <f>IF(Input!$D$19=4,J1668*Input!$C$19,0)+IF(Input!$D$20=4,K1668*Input!$C$20,0)+IF(Input!$D$21=4,L1668*Input!$C$21,0)+IF(Input!$D$22=4,M1668*Input!$C$22,0)</f>
        <v>0</v>
      </c>
      <c r="R1668" s="58">
        <v>40.657037469132568</v>
      </c>
      <c r="S1668" s="124">
        <f t="shared" si="25"/>
        <v>0.82552619948907768</v>
      </c>
    </row>
    <row r="1669" spans="8:19" x14ac:dyDescent="0.3">
      <c r="H1669" s="44">
        <v>1662</v>
      </c>
      <c r="I1669" s="56">
        <f>Bühler!I1695</f>
        <v>0.23813255754492627</v>
      </c>
      <c r="J1669" s="59">
        <f>Bühler!J1695</f>
        <v>0.79377519181642098</v>
      </c>
      <c r="K1669" s="59">
        <f>Bühler!K1695</f>
        <v>1.1906627877246314</v>
      </c>
      <c r="L1669" s="59">
        <f>Bühler!L1695</f>
        <v>11.331397570170225</v>
      </c>
      <c r="M1669" s="58">
        <f>Bühler!M1695</f>
        <v>0</v>
      </c>
      <c r="N1669" s="56">
        <f>IF(Input!$D$19=1,J1669*Input!$C$19,0)+IF(Input!$D$20=1,K1669*Input!$C$20,0)+IF(Input!$D$21=1,L1669*Input!$C$21,0)+IF(Input!$D$22=1,M1669*Input!$C$22,0)</f>
        <v>0.23813255754492629</v>
      </c>
      <c r="O1669" s="59">
        <f>IF(Input!$D$19=2,J1669*Input!$C$19,0)+IF(Input!$D$20=2,K1669*Input!$C$20,0)+IF(Input!$D$21=2,L1669*Input!$C$21,0)+IF(Input!$D$22=2,M1669*Input!$C$22,0)</f>
        <v>0.59533139386231571</v>
      </c>
      <c r="P1669" s="59">
        <f>IF(Input!$D$19=3,J1669*Input!$C$19,0)+IF(Input!$D$20=3,K1669*Input!$C$20,0)+IF(Input!$D$21=3,L1669*Input!$C$21,0)+IF(Input!$D$22=3,M1669*Input!$C$22,0)</f>
        <v>0</v>
      </c>
      <c r="Q1669" s="75">
        <f>IF(Input!$D$19=4,J1669*Input!$C$19,0)+IF(Input!$D$20=4,K1669*Input!$C$20,0)+IF(Input!$D$21=4,L1669*Input!$C$21,0)+IF(Input!$D$22=4,M1669*Input!$C$22,0)</f>
        <v>0</v>
      </c>
      <c r="R1669" s="58">
        <v>41.034039016476861</v>
      </c>
      <c r="S1669" s="124">
        <f t="shared" si="25"/>
        <v>1.0319077493613473</v>
      </c>
    </row>
    <row r="1670" spans="8:19" x14ac:dyDescent="0.3">
      <c r="H1670" s="44">
        <v>1663</v>
      </c>
      <c r="I1670" s="56">
        <f>Bühler!I1696</f>
        <v>0.28046723444180199</v>
      </c>
      <c r="J1670" s="59">
        <f>Bühler!J1696</f>
        <v>0.93489078147267357</v>
      </c>
      <c r="K1670" s="59">
        <f>Bühler!K1696</f>
        <v>1.4023361722090102</v>
      </c>
      <c r="L1670" s="59">
        <f>Bühler!L1696</f>
        <v>13.345868249311598</v>
      </c>
      <c r="M1670" s="58">
        <f>Bühler!M1696</f>
        <v>0</v>
      </c>
      <c r="N1670" s="56">
        <f>IF(Input!$D$19=1,J1670*Input!$C$19,0)+IF(Input!$D$20=1,K1670*Input!$C$20,0)+IF(Input!$D$21=1,L1670*Input!$C$21,0)+IF(Input!$D$22=1,M1670*Input!$C$22,0)</f>
        <v>0.28046723444180205</v>
      </c>
      <c r="O1670" s="59">
        <f>IF(Input!$D$19=2,J1670*Input!$C$19,0)+IF(Input!$D$20=2,K1670*Input!$C$20,0)+IF(Input!$D$21=2,L1670*Input!$C$21,0)+IF(Input!$D$22=2,M1670*Input!$C$22,0)</f>
        <v>0.70116808610450509</v>
      </c>
      <c r="P1670" s="59">
        <f>IF(Input!$D$19=3,J1670*Input!$C$19,0)+IF(Input!$D$20=3,K1670*Input!$C$20,0)+IF(Input!$D$21=3,L1670*Input!$C$21,0)+IF(Input!$D$22=3,M1670*Input!$C$22,0)</f>
        <v>0</v>
      </c>
      <c r="Q1670" s="75">
        <f>IF(Input!$D$19=4,J1670*Input!$C$19,0)+IF(Input!$D$20=4,K1670*Input!$C$20,0)+IF(Input!$D$21=4,L1670*Input!$C$21,0)+IF(Input!$D$22=4,M1670*Input!$C$22,0)</f>
        <v>0</v>
      </c>
      <c r="R1670" s="58">
        <v>41.432206850457568</v>
      </c>
      <c r="S1670" s="124">
        <f t="shared" si="25"/>
        <v>1.2153580159144757</v>
      </c>
    </row>
    <row r="1671" spans="8:19" x14ac:dyDescent="0.3">
      <c r="H1671" s="44">
        <v>1664</v>
      </c>
      <c r="I1671" s="56">
        <f>Bühler!I1697</f>
        <v>0.33338558056289674</v>
      </c>
      <c r="J1671" s="59">
        <f>Bühler!J1697</f>
        <v>1.1112852685429893</v>
      </c>
      <c r="K1671" s="59">
        <f>Bühler!K1697</f>
        <v>1.6669279028144839</v>
      </c>
      <c r="L1671" s="59">
        <f>Bühler!L1697</f>
        <v>15.863956598238314</v>
      </c>
      <c r="M1671" s="58">
        <f>Bühler!M1697</f>
        <v>0</v>
      </c>
      <c r="N1671" s="56">
        <f>IF(Input!$D$19=1,J1671*Input!$C$19,0)+IF(Input!$D$20=1,K1671*Input!$C$20,0)+IF(Input!$D$21=1,L1671*Input!$C$21,0)+IF(Input!$D$22=1,M1671*Input!$C$22,0)</f>
        <v>0.33338558056289674</v>
      </c>
      <c r="O1671" s="59">
        <f>IF(Input!$D$19=2,J1671*Input!$C$19,0)+IF(Input!$D$20=2,K1671*Input!$C$20,0)+IF(Input!$D$21=2,L1671*Input!$C$21,0)+IF(Input!$D$22=2,M1671*Input!$C$22,0)</f>
        <v>0.83346395140724194</v>
      </c>
      <c r="P1671" s="59">
        <f>IF(Input!$D$19=3,J1671*Input!$C$19,0)+IF(Input!$D$20=3,K1671*Input!$C$20,0)+IF(Input!$D$21=3,L1671*Input!$C$21,0)+IF(Input!$D$22=3,M1671*Input!$C$22,0)</f>
        <v>0</v>
      </c>
      <c r="Q1671" s="75">
        <f>IF(Input!$D$19=4,J1671*Input!$C$19,0)+IF(Input!$D$20=4,K1671*Input!$C$20,0)+IF(Input!$D$21=4,L1671*Input!$C$21,0)+IF(Input!$D$22=4,M1671*Input!$C$22,0)</f>
        <v>0</v>
      </c>
      <c r="R1671" s="58">
        <v>41.147797009783034</v>
      </c>
      <c r="S1671" s="124">
        <f t="shared" si="25"/>
        <v>1.4446708491058859</v>
      </c>
    </row>
    <row r="1672" spans="8:19" x14ac:dyDescent="0.3">
      <c r="H1672" s="44">
        <v>1665</v>
      </c>
      <c r="I1672" s="56">
        <f>Bühler!I1698</f>
        <v>0.33338558056289674</v>
      </c>
      <c r="J1672" s="59">
        <f>Bühler!J1698</f>
        <v>1.1112852685429893</v>
      </c>
      <c r="K1672" s="59">
        <f>Bühler!K1698</f>
        <v>1.6669279028144839</v>
      </c>
      <c r="L1672" s="59">
        <f>Bühler!L1698</f>
        <v>15.863956598238314</v>
      </c>
      <c r="M1672" s="58">
        <f>Bühler!M1698</f>
        <v>0</v>
      </c>
      <c r="N1672" s="56">
        <f>IF(Input!$D$19=1,J1672*Input!$C$19,0)+IF(Input!$D$20=1,K1672*Input!$C$20,0)+IF(Input!$D$21=1,L1672*Input!$C$21,0)+IF(Input!$D$22=1,M1672*Input!$C$22,0)</f>
        <v>0.33338558056289674</v>
      </c>
      <c r="O1672" s="59">
        <f>IF(Input!$D$19=2,J1672*Input!$C$19,0)+IF(Input!$D$20=2,K1672*Input!$C$20,0)+IF(Input!$D$21=2,L1672*Input!$C$21,0)+IF(Input!$D$22=2,M1672*Input!$C$22,0)</f>
        <v>0.83346395140724194</v>
      </c>
      <c r="P1672" s="59">
        <f>IF(Input!$D$19=3,J1672*Input!$C$19,0)+IF(Input!$D$20=3,K1672*Input!$C$20,0)+IF(Input!$D$21=3,L1672*Input!$C$21,0)+IF(Input!$D$22=3,M1672*Input!$C$22,0)</f>
        <v>0</v>
      </c>
      <c r="Q1672" s="75">
        <f>IF(Input!$D$19=4,J1672*Input!$C$19,0)+IF(Input!$D$20=4,K1672*Input!$C$20,0)+IF(Input!$D$21=4,L1672*Input!$C$21,0)+IF(Input!$D$22=4,M1672*Input!$C$22,0)</f>
        <v>0</v>
      </c>
      <c r="R1672" s="58">
        <v>40.744411175286949</v>
      </c>
      <c r="S1672" s="124">
        <f t="shared" si="25"/>
        <v>1.4446708491058859</v>
      </c>
    </row>
    <row r="1673" spans="8:19" x14ac:dyDescent="0.3">
      <c r="H1673" s="44">
        <v>1666</v>
      </c>
      <c r="I1673" s="56">
        <f>Bühler!I1699</f>
        <v>0.33338558056289674</v>
      </c>
      <c r="J1673" s="59">
        <f>Bühler!J1699</f>
        <v>1.1112852685429893</v>
      </c>
      <c r="K1673" s="59">
        <f>Bühler!K1699</f>
        <v>1.6669279028144839</v>
      </c>
      <c r="L1673" s="59">
        <f>Bühler!L1699</f>
        <v>15.863956598238314</v>
      </c>
      <c r="M1673" s="58">
        <f>Bühler!M1699</f>
        <v>0</v>
      </c>
      <c r="N1673" s="56">
        <f>IF(Input!$D$19=1,J1673*Input!$C$19,0)+IF(Input!$D$20=1,K1673*Input!$C$20,0)+IF(Input!$D$21=1,L1673*Input!$C$21,0)+IF(Input!$D$22=1,M1673*Input!$C$22,0)</f>
        <v>0.33338558056289674</v>
      </c>
      <c r="O1673" s="59">
        <f>IF(Input!$D$19=2,J1673*Input!$C$19,0)+IF(Input!$D$20=2,K1673*Input!$C$20,0)+IF(Input!$D$21=2,L1673*Input!$C$21,0)+IF(Input!$D$22=2,M1673*Input!$C$22,0)</f>
        <v>0.83346395140724194</v>
      </c>
      <c r="P1673" s="59">
        <f>IF(Input!$D$19=3,J1673*Input!$C$19,0)+IF(Input!$D$20=3,K1673*Input!$C$20,0)+IF(Input!$D$21=3,L1673*Input!$C$21,0)+IF(Input!$D$22=3,M1673*Input!$C$22,0)</f>
        <v>0</v>
      </c>
      <c r="Q1673" s="75">
        <f>IF(Input!$D$19=4,J1673*Input!$C$19,0)+IF(Input!$D$20=4,K1673*Input!$C$20,0)+IF(Input!$D$21=4,L1673*Input!$C$21,0)+IF(Input!$D$22=4,M1673*Input!$C$22,0)</f>
        <v>0</v>
      </c>
      <c r="R1673" s="58">
        <v>40.23618767704059</v>
      </c>
      <c r="S1673" s="124">
        <f t="shared" ref="S1673:S1736" si="26">I1673+J1673</f>
        <v>1.4446708491058859</v>
      </c>
    </row>
    <row r="1674" spans="8:19" x14ac:dyDescent="0.3">
      <c r="H1674" s="44">
        <v>1667</v>
      </c>
      <c r="I1674" s="56">
        <f>Bühler!I1700</f>
        <v>0.33338558056289674</v>
      </c>
      <c r="J1674" s="59">
        <f>Bühler!J1700</f>
        <v>1.1112852685429893</v>
      </c>
      <c r="K1674" s="59">
        <f>Bühler!K1700</f>
        <v>1.6669279028144839</v>
      </c>
      <c r="L1674" s="59">
        <f>Bühler!L1700</f>
        <v>15.863956598238314</v>
      </c>
      <c r="M1674" s="58">
        <f>Bühler!M1700</f>
        <v>0</v>
      </c>
      <c r="N1674" s="56">
        <f>IF(Input!$D$19=1,J1674*Input!$C$19,0)+IF(Input!$D$20=1,K1674*Input!$C$20,0)+IF(Input!$D$21=1,L1674*Input!$C$21,0)+IF(Input!$D$22=1,M1674*Input!$C$22,0)</f>
        <v>0.33338558056289674</v>
      </c>
      <c r="O1674" s="59">
        <f>IF(Input!$D$19=2,J1674*Input!$C$19,0)+IF(Input!$D$20=2,K1674*Input!$C$20,0)+IF(Input!$D$21=2,L1674*Input!$C$21,0)+IF(Input!$D$22=2,M1674*Input!$C$22,0)</f>
        <v>0.83346395140724194</v>
      </c>
      <c r="P1674" s="59">
        <f>IF(Input!$D$19=3,J1674*Input!$C$19,0)+IF(Input!$D$20=3,K1674*Input!$C$20,0)+IF(Input!$D$21=3,L1674*Input!$C$21,0)+IF(Input!$D$22=3,M1674*Input!$C$22,0)</f>
        <v>0</v>
      </c>
      <c r="Q1674" s="75">
        <f>IF(Input!$D$19=4,J1674*Input!$C$19,0)+IF(Input!$D$20=4,K1674*Input!$C$20,0)+IF(Input!$D$21=4,L1674*Input!$C$21,0)+IF(Input!$D$22=4,M1674*Input!$C$22,0)</f>
        <v>0</v>
      </c>
      <c r="R1674" s="58">
        <v>40.466192627813733</v>
      </c>
      <c r="S1674" s="124">
        <f t="shared" si="26"/>
        <v>1.4446708491058859</v>
      </c>
    </row>
    <row r="1675" spans="8:19" x14ac:dyDescent="0.3">
      <c r="H1675" s="44">
        <v>1668</v>
      </c>
      <c r="I1675" s="56">
        <f>Bühler!I1701</f>
        <v>0.33338558056289674</v>
      </c>
      <c r="J1675" s="59">
        <f>Bühler!J1701</f>
        <v>1.1112852685429893</v>
      </c>
      <c r="K1675" s="59">
        <f>Bühler!K1701</f>
        <v>1.6669279028144839</v>
      </c>
      <c r="L1675" s="59">
        <f>Bühler!L1701</f>
        <v>15.863956598238314</v>
      </c>
      <c r="M1675" s="58">
        <f>Bühler!M1701</f>
        <v>0</v>
      </c>
      <c r="N1675" s="56">
        <f>IF(Input!$D$19=1,J1675*Input!$C$19,0)+IF(Input!$D$20=1,K1675*Input!$C$20,0)+IF(Input!$D$21=1,L1675*Input!$C$21,0)+IF(Input!$D$22=1,M1675*Input!$C$22,0)</f>
        <v>0.33338558056289674</v>
      </c>
      <c r="O1675" s="59">
        <f>IF(Input!$D$19=2,J1675*Input!$C$19,0)+IF(Input!$D$20=2,K1675*Input!$C$20,0)+IF(Input!$D$21=2,L1675*Input!$C$21,0)+IF(Input!$D$22=2,M1675*Input!$C$22,0)</f>
        <v>0.83346395140724194</v>
      </c>
      <c r="P1675" s="59">
        <f>IF(Input!$D$19=3,J1675*Input!$C$19,0)+IF(Input!$D$20=3,K1675*Input!$C$20,0)+IF(Input!$D$21=3,L1675*Input!$C$21,0)+IF(Input!$D$22=3,M1675*Input!$C$22,0)</f>
        <v>0</v>
      </c>
      <c r="Q1675" s="75">
        <f>IF(Input!$D$19=4,J1675*Input!$C$19,0)+IF(Input!$D$20=4,K1675*Input!$C$20,0)+IF(Input!$D$21=4,L1675*Input!$C$21,0)+IF(Input!$D$22=4,M1675*Input!$C$22,0)</f>
        <v>0</v>
      </c>
      <c r="R1675" s="58">
        <v>40.532064828878646</v>
      </c>
      <c r="S1675" s="124">
        <f t="shared" si="26"/>
        <v>1.4446708491058859</v>
      </c>
    </row>
    <row r="1676" spans="8:19" x14ac:dyDescent="0.3">
      <c r="H1676" s="44">
        <v>1669</v>
      </c>
      <c r="I1676" s="56">
        <f>Bühler!I1702</f>
        <v>0.33338558056289674</v>
      </c>
      <c r="J1676" s="59">
        <f>Bühler!J1702</f>
        <v>1.1112852685429893</v>
      </c>
      <c r="K1676" s="59">
        <f>Bühler!K1702</f>
        <v>1.6669279028144839</v>
      </c>
      <c r="L1676" s="59">
        <f>Bühler!L1702</f>
        <v>15.863956598238314</v>
      </c>
      <c r="M1676" s="58">
        <f>Bühler!M1702</f>
        <v>0</v>
      </c>
      <c r="N1676" s="56">
        <f>IF(Input!$D$19=1,J1676*Input!$C$19,0)+IF(Input!$D$20=1,K1676*Input!$C$20,0)+IF(Input!$D$21=1,L1676*Input!$C$21,0)+IF(Input!$D$22=1,M1676*Input!$C$22,0)</f>
        <v>0.33338558056289674</v>
      </c>
      <c r="O1676" s="59">
        <f>IF(Input!$D$19=2,J1676*Input!$C$19,0)+IF(Input!$D$20=2,K1676*Input!$C$20,0)+IF(Input!$D$21=2,L1676*Input!$C$21,0)+IF(Input!$D$22=2,M1676*Input!$C$22,0)</f>
        <v>0.83346395140724194</v>
      </c>
      <c r="P1676" s="59">
        <f>IF(Input!$D$19=3,J1676*Input!$C$19,0)+IF(Input!$D$20=3,K1676*Input!$C$20,0)+IF(Input!$D$21=3,L1676*Input!$C$21,0)+IF(Input!$D$22=3,M1676*Input!$C$22,0)</f>
        <v>0</v>
      </c>
      <c r="Q1676" s="75">
        <f>IF(Input!$D$19=4,J1676*Input!$C$19,0)+IF(Input!$D$20=4,K1676*Input!$C$20,0)+IF(Input!$D$21=4,L1676*Input!$C$21,0)+IF(Input!$D$22=4,M1676*Input!$C$22,0)</f>
        <v>0</v>
      </c>
      <c r="R1676" s="58">
        <v>40.040550374938206</v>
      </c>
      <c r="S1676" s="124">
        <f t="shared" si="26"/>
        <v>1.4446708491058859</v>
      </c>
    </row>
    <row r="1677" spans="8:19" x14ac:dyDescent="0.3">
      <c r="H1677" s="44">
        <v>1670</v>
      </c>
      <c r="I1677" s="56">
        <f>Bühler!I1703</f>
        <v>0.33338558056289674</v>
      </c>
      <c r="J1677" s="59">
        <f>Bühler!J1703</f>
        <v>1.1112852685429893</v>
      </c>
      <c r="K1677" s="59">
        <f>Bühler!K1703</f>
        <v>1.6669279028144839</v>
      </c>
      <c r="L1677" s="59">
        <f>Bühler!L1703</f>
        <v>15.863956598238314</v>
      </c>
      <c r="M1677" s="58">
        <f>Bühler!M1703</f>
        <v>0</v>
      </c>
      <c r="N1677" s="56">
        <f>IF(Input!$D$19=1,J1677*Input!$C$19,0)+IF(Input!$D$20=1,K1677*Input!$C$20,0)+IF(Input!$D$21=1,L1677*Input!$C$21,0)+IF(Input!$D$22=1,M1677*Input!$C$22,0)</f>
        <v>0.33338558056289674</v>
      </c>
      <c r="O1677" s="59">
        <f>IF(Input!$D$19=2,J1677*Input!$C$19,0)+IF(Input!$D$20=2,K1677*Input!$C$20,0)+IF(Input!$D$21=2,L1677*Input!$C$21,0)+IF(Input!$D$22=2,M1677*Input!$C$22,0)</f>
        <v>0.83346395140724194</v>
      </c>
      <c r="P1677" s="59">
        <f>IF(Input!$D$19=3,J1677*Input!$C$19,0)+IF(Input!$D$20=3,K1677*Input!$C$20,0)+IF(Input!$D$21=3,L1677*Input!$C$21,0)+IF(Input!$D$22=3,M1677*Input!$C$22,0)</f>
        <v>0</v>
      </c>
      <c r="Q1677" s="75">
        <f>IF(Input!$D$19=4,J1677*Input!$C$19,0)+IF(Input!$D$20=4,K1677*Input!$C$20,0)+IF(Input!$D$21=4,L1677*Input!$C$21,0)+IF(Input!$D$22=4,M1677*Input!$C$22,0)</f>
        <v>0</v>
      </c>
      <c r="R1677" s="58">
        <v>39.877410315906069</v>
      </c>
      <c r="S1677" s="124">
        <f t="shared" si="26"/>
        <v>1.4446708491058859</v>
      </c>
    </row>
    <row r="1678" spans="8:19" x14ac:dyDescent="0.3">
      <c r="H1678" s="44">
        <v>1671</v>
      </c>
      <c r="I1678" s="56">
        <f>Bühler!I1704</f>
        <v>0.33338558056289674</v>
      </c>
      <c r="J1678" s="59">
        <f>Bühler!J1704</f>
        <v>1.1112852685429893</v>
      </c>
      <c r="K1678" s="59">
        <f>Bühler!K1704</f>
        <v>1.6669279028144839</v>
      </c>
      <c r="L1678" s="59">
        <f>Bühler!L1704</f>
        <v>15.863956598238314</v>
      </c>
      <c r="M1678" s="58">
        <f>Bühler!M1704</f>
        <v>0</v>
      </c>
      <c r="N1678" s="56">
        <f>IF(Input!$D$19=1,J1678*Input!$C$19,0)+IF(Input!$D$20=1,K1678*Input!$C$20,0)+IF(Input!$D$21=1,L1678*Input!$C$21,0)+IF(Input!$D$22=1,M1678*Input!$C$22,0)</f>
        <v>0.33338558056289674</v>
      </c>
      <c r="O1678" s="59">
        <f>IF(Input!$D$19=2,J1678*Input!$C$19,0)+IF(Input!$D$20=2,K1678*Input!$C$20,0)+IF(Input!$D$21=2,L1678*Input!$C$21,0)+IF(Input!$D$22=2,M1678*Input!$C$22,0)</f>
        <v>0.83346395140724194</v>
      </c>
      <c r="P1678" s="59">
        <f>IF(Input!$D$19=3,J1678*Input!$C$19,0)+IF(Input!$D$20=3,K1678*Input!$C$20,0)+IF(Input!$D$21=3,L1678*Input!$C$21,0)+IF(Input!$D$22=3,M1678*Input!$C$22,0)</f>
        <v>0</v>
      </c>
      <c r="Q1678" s="75">
        <f>IF(Input!$D$19=4,J1678*Input!$C$19,0)+IF(Input!$D$20=4,K1678*Input!$C$20,0)+IF(Input!$D$21=4,L1678*Input!$C$21,0)+IF(Input!$D$22=4,M1678*Input!$C$22,0)</f>
        <v>0</v>
      </c>
      <c r="R1678" s="58">
        <v>40.149707945602202</v>
      </c>
      <c r="S1678" s="124">
        <f t="shared" si="26"/>
        <v>1.4446708491058859</v>
      </c>
    </row>
    <row r="1679" spans="8:19" x14ac:dyDescent="0.3">
      <c r="H1679" s="44">
        <v>1672</v>
      </c>
      <c r="I1679" s="56">
        <f>Bühler!I1705</f>
        <v>0.29634273827813046</v>
      </c>
      <c r="J1679" s="59">
        <f>Bühler!J1705</f>
        <v>0.98780912759376827</v>
      </c>
      <c r="K1679" s="59">
        <f>Bühler!K1705</f>
        <v>1.4817136913906523</v>
      </c>
      <c r="L1679" s="59">
        <f>Bühler!L1705</f>
        <v>14.101294753989615</v>
      </c>
      <c r="M1679" s="58">
        <f>Bühler!M1705</f>
        <v>0</v>
      </c>
      <c r="N1679" s="56">
        <f>IF(Input!$D$19=1,J1679*Input!$C$19,0)+IF(Input!$D$20=1,K1679*Input!$C$20,0)+IF(Input!$D$21=1,L1679*Input!$C$21,0)+IF(Input!$D$22=1,M1679*Input!$C$22,0)</f>
        <v>0.29634273827813046</v>
      </c>
      <c r="O1679" s="59">
        <f>IF(Input!$D$19=2,J1679*Input!$C$19,0)+IF(Input!$D$20=2,K1679*Input!$C$20,0)+IF(Input!$D$21=2,L1679*Input!$C$21,0)+IF(Input!$D$22=2,M1679*Input!$C$22,0)</f>
        <v>0.74085684569532617</v>
      </c>
      <c r="P1679" s="59">
        <f>IF(Input!$D$19=3,J1679*Input!$C$19,0)+IF(Input!$D$20=3,K1679*Input!$C$20,0)+IF(Input!$D$21=3,L1679*Input!$C$21,0)+IF(Input!$D$22=3,M1679*Input!$C$22,0)</f>
        <v>0</v>
      </c>
      <c r="Q1679" s="75">
        <f>IF(Input!$D$19=4,J1679*Input!$C$19,0)+IF(Input!$D$20=4,K1679*Input!$C$20,0)+IF(Input!$D$21=4,L1679*Input!$C$21,0)+IF(Input!$D$22=4,M1679*Input!$C$22,0)</f>
        <v>0</v>
      </c>
      <c r="R1679" s="58">
        <v>40.158044177941363</v>
      </c>
      <c r="S1679" s="124">
        <f t="shared" si="26"/>
        <v>1.2841518658718987</v>
      </c>
    </row>
    <row r="1680" spans="8:19" x14ac:dyDescent="0.3">
      <c r="H1680" s="44">
        <v>1673</v>
      </c>
      <c r="I1680" s="56">
        <f>Bühler!I1706</f>
        <v>0.29105090366602099</v>
      </c>
      <c r="J1680" s="59">
        <f>Bühler!J1706</f>
        <v>0.97016967888673666</v>
      </c>
      <c r="K1680" s="59">
        <f>Bühler!K1706</f>
        <v>1.4552545183301051</v>
      </c>
      <c r="L1680" s="59">
        <f>Bühler!L1706</f>
        <v>13.84948591909694</v>
      </c>
      <c r="M1680" s="58">
        <f>Bühler!M1706</f>
        <v>0</v>
      </c>
      <c r="N1680" s="56">
        <f>IF(Input!$D$19=1,J1680*Input!$C$19,0)+IF(Input!$D$20=1,K1680*Input!$C$20,0)+IF(Input!$D$21=1,L1680*Input!$C$21,0)+IF(Input!$D$22=1,M1680*Input!$C$22,0)</f>
        <v>0.29105090366602099</v>
      </c>
      <c r="O1680" s="59">
        <f>IF(Input!$D$19=2,J1680*Input!$C$19,0)+IF(Input!$D$20=2,K1680*Input!$C$20,0)+IF(Input!$D$21=2,L1680*Input!$C$21,0)+IF(Input!$D$22=2,M1680*Input!$C$22,0)</f>
        <v>0.72762725916505255</v>
      </c>
      <c r="P1680" s="59">
        <f>IF(Input!$D$19=3,J1680*Input!$C$19,0)+IF(Input!$D$20=3,K1680*Input!$C$20,0)+IF(Input!$D$21=3,L1680*Input!$C$21,0)+IF(Input!$D$22=3,M1680*Input!$C$22,0)</f>
        <v>0</v>
      </c>
      <c r="Q1680" s="75">
        <f>IF(Input!$D$19=4,J1680*Input!$C$19,0)+IF(Input!$D$20=4,K1680*Input!$C$20,0)+IF(Input!$D$21=4,L1680*Input!$C$21,0)+IF(Input!$D$22=4,M1680*Input!$C$22,0)</f>
        <v>0</v>
      </c>
      <c r="R1680" s="58">
        <v>39.594171454816305</v>
      </c>
      <c r="S1680" s="124">
        <f t="shared" si="26"/>
        <v>1.2612205825527576</v>
      </c>
    </row>
    <row r="1681" spans="8:19" x14ac:dyDescent="0.3">
      <c r="H1681" s="44">
        <v>1674</v>
      </c>
      <c r="I1681" s="56">
        <f>Bühler!I1707</f>
        <v>0.2487162267691452</v>
      </c>
      <c r="J1681" s="59">
        <f>Bühler!J1707</f>
        <v>0.82905408923048407</v>
      </c>
      <c r="K1681" s="59">
        <f>Bühler!K1707</f>
        <v>1.2435811338457261</v>
      </c>
      <c r="L1681" s="59">
        <f>Bühler!L1707</f>
        <v>11.835015239955569</v>
      </c>
      <c r="M1681" s="58">
        <f>Bühler!M1707</f>
        <v>0</v>
      </c>
      <c r="N1681" s="56">
        <f>IF(Input!$D$19=1,J1681*Input!$C$19,0)+IF(Input!$D$20=1,K1681*Input!$C$20,0)+IF(Input!$D$21=1,L1681*Input!$C$21,0)+IF(Input!$D$22=1,M1681*Input!$C$22,0)</f>
        <v>0.2487162267691452</v>
      </c>
      <c r="O1681" s="59">
        <f>IF(Input!$D$19=2,J1681*Input!$C$19,0)+IF(Input!$D$20=2,K1681*Input!$C$20,0)+IF(Input!$D$21=2,L1681*Input!$C$21,0)+IF(Input!$D$22=2,M1681*Input!$C$22,0)</f>
        <v>0.62179056692286305</v>
      </c>
      <c r="P1681" s="59">
        <f>IF(Input!$D$19=3,J1681*Input!$C$19,0)+IF(Input!$D$20=3,K1681*Input!$C$20,0)+IF(Input!$D$21=3,L1681*Input!$C$21,0)+IF(Input!$D$22=3,M1681*Input!$C$22,0)</f>
        <v>0</v>
      </c>
      <c r="Q1681" s="75">
        <f>IF(Input!$D$19=4,J1681*Input!$C$19,0)+IF(Input!$D$20=4,K1681*Input!$C$20,0)+IF(Input!$D$21=4,L1681*Input!$C$21,0)+IF(Input!$D$22=4,M1681*Input!$C$22,0)</f>
        <v>0</v>
      </c>
      <c r="R1681" s="58">
        <v>40.04318387275881</v>
      </c>
      <c r="S1681" s="124">
        <f t="shared" si="26"/>
        <v>1.0777703159996292</v>
      </c>
    </row>
    <row r="1682" spans="8:19" x14ac:dyDescent="0.3">
      <c r="H1682" s="44">
        <v>1675</v>
      </c>
      <c r="I1682" s="56">
        <f>Bühler!I1708</f>
        <v>0.23284072293281677</v>
      </c>
      <c r="J1682" s="59">
        <f>Bühler!J1708</f>
        <v>0.77613574310938938</v>
      </c>
      <c r="K1682" s="59">
        <f>Bühler!K1708</f>
        <v>1.164203614664084</v>
      </c>
      <c r="L1682" s="59">
        <f>Bühler!L1708</f>
        <v>11.079588735277552</v>
      </c>
      <c r="M1682" s="58">
        <f>Bühler!M1708</f>
        <v>0</v>
      </c>
      <c r="N1682" s="56">
        <f>IF(Input!$D$19=1,J1682*Input!$C$19,0)+IF(Input!$D$20=1,K1682*Input!$C$20,0)+IF(Input!$D$21=1,L1682*Input!$C$21,0)+IF(Input!$D$22=1,M1682*Input!$C$22,0)</f>
        <v>0.2328407229328168</v>
      </c>
      <c r="O1682" s="59">
        <f>IF(Input!$D$19=2,J1682*Input!$C$19,0)+IF(Input!$D$20=2,K1682*Input!$C$20,0)+IF(Input!$D$21=2,L1682*Input!$C$21,0)+IF(Input!$D$22=2,M1682*Input!$C$22,0)</f>
        <v>0.58210180733204198</v>
      </c>
      <c r="P1682" s="59">
        <f>IF(Input!$D$19=3,J1682*Input!$C$19,0)+IF(Input!$D$20=3,K1682*Input!$C$20,0)+IF(Input!$D$21=3,L1682*Input!$C$21,0)+IF(Input!$D$22=3,M1682*Input!$C$22,0)</f>
        <v>0</v>
      </c>
      <c r="Q1682" s="75">
        <f>IF(Input!$D$19=4,J1682*Input!$C$19,0)+IF(Input!$D$20=4,K1682*Input!$C$20,0)+IF(Input!$D$21=4,L1682*Input!$C$21,0)+IF(Input!$D$22=4,M1682*Input!$C$22,0)</f>
        <v>0</v>
      </c>
      <c r="R1682" s="58">
        <v>39.947763335018557</v>
      </c>
      <c r="S1682" s="124">
        <f t="shared" si="26"/>
        <v>1.0089764660422063</v>
      </c>
    </row>
    <row r="1683" spans="8:19" x14ac:dyDescent="0.3">
      <c r="H1683" s="44">
        <v>1676</v>
      </c>
      <c r="I1683" s="56">
        <f>Bühler!I1709</f>
        <v>0.19579788064805048</v>
      </c>
      <c r="J1683" s="59">
        <f>Bühler!J1709</f>
        <v>0.65265960216016838</v>
      </c>
      <c r="K1683" s="59">
        <f>Bühler!K1709</f>
        <v>0.97898940324025252</v>
      </c>
      <c r="L1683" s="59">
        <f>Bühler!L1709</f>
        <v>9.316926891028853</v>
      </c>
      <c r="M1683" s="58">
        <f>Bühler!M1709</f>
        <v>0</v>
      </c>
      <c r="N1683" s="56">
        <f>IF(Input!$D$19=1,J1683*Input!$C$19,0)+IF(Input!$D$20=1,K1683*Input!$C$20,0)+IF(Input!$D$21=1,L1683*Input!$C$21,0)+IF(Input!$D$22=1,M1683*Input!$C$22,0)</f>
        <v>0.19579788064805051</v>
      </c>
      <c r="O1683" s="59">
        <f>IF(Input!$D$19=2,J1683*Input!$C$19,0)+IF(Input!$D$20=2,K1683*Input!$C$20,0)+IF(Input!$D$21=2,L1683*Input!$C$21,0)+IF(Input!$D$22=2,M1683*Input!$C$22,0)</f>
        <v>0.48949470162012626</v>
      </c>
      <c r="P1683" s="59">
        <f>IF(Input!$D$19=3,J1683*Input!$C$19,0)+IF(Input!$D$20=3,K1683*Input!$C$20,0)+IF(Input!$D$21=3,L1683*Input!$C$21,0)+IF(Input!$D$22=3,M1683*Input!$C$22,0)</f>
        <v>0</v>
      </c>
      <c r="Q1683" s="75">
        <f>IF(Input!$D$19=4,J1683*Input!$C$19,0)+IF(Input!$D$20=4,K1683*Input!$C$20,0)+IF(Input!$D$21=4,L1683*Input!$C$21,0)+IF(Input!$D$22=4,M1683*Input!$C$22,0)</f>
        <v>0</v>
      </c>
      <c r="R1683" s="58">
        <v>40.146548858355224</v>
      </c>
      <c r="S1683" s="124">
        <f t="shared" si="26"/>
        <v>0.84845748280821887</v>
      </c>
    </row>
    <row r="1684" spans="8:19" x14ac:dyDescent="0.3">
      <c r="H1684" s="44">
        <v>1677</v>
      </c>
      <c r="I1684" s="56">
        <f>Bühler!I1710</f>
        <v>0.16404687297539364</v>
      </c>
      <c r="J1684" s="59">
        <f>Bühler!J1710</f>
        <v>0.54682290991797888</v>
      </c>
      <c r="K1684" s="59">
        <f>Bühler!K1710</f>
        <v>0.82023436487696821</v>
      </c>
      <c r="L1684" s="59">
        <f>Bühler!L1710</f>
        <v>7.8060738816728215</v>
      </c>
      <c r="M1684" s="58">
        <f>Bühler!M1710</f>
        <v>0</v>
      </c>
      <c r="N1684" s="56">
        <f>IF(Input!$D$19=1,J1684*Input!$C$19,0)+IF(Input!$D$20=1,K1684*Input!$C$20,0)+IF(Input!$D$21=1,L1684*Input!$C$21,0)+IF(Input!$D$22=1,M1684*Input!$C$22,0)</f>
        <v>0.16404687297539366</v>
      </c>
      <c r="O1684" s="59">
        <f>IF(Input!$D$19=2,J1684*Input!$C$19,0)+IF(Input!$D$20=2,K1684*Input!$C$20,0)+IF(Input!$D$21=2,L1684*Input!$C$21,0)+IF(Input!$D$22=2,M1684*Input!$C$22,0)</f>
        <v>0.41011718243848411</v>
      </c>
      <c r="P1684" s="59">
        <f>IF(Input!$D$19=3,J1684*Input!$C$19,0)+IF(Input!$D$20=3,K1684*Input!$C$20,0)+IF(Input!$D$21=3,L1684*Input!$C$21,0)+IF(Input!$D$22=3,M1684*Input!$C$22,0)</f>
        <v>0</v>
      </c>
      <c r="Q1684" s="75">
        <f>IF(Input!$D$19=4,J1684*Input!$C$19,0)+IF(Input!$D$20=4,K1684*Input!$C$20,0)+IF(Input!$D$21=4,L1684*Input!$C$21,0)+IF(Input!$D$22=4,M1684*Input!$C$22,0)</f>
        <v>0</v>
      </c>
      <c r="R1684" s="58">
        <v>40.599596136708733</v>
      </c>
      <c r="S1684" s="124">
        <f t="shared" si="26"/>
        <v>0.71086978289337255</v>
      </c>
    </row>
    <row r="1685" spans="8:19" x14ac:dyDescent="0.3">
      <c r="H1685" s="44">
        <v>1678</v>
      </c>
      <c r="I1685" s="56">
        <f>Bühler!I1711</f>
        <v>0.14287953452695576</v>
      </c>
      <c r="J1685" s="59">
        <f>Bühler!J1711</f>
        <v>0.47626511508985264</v>
      </c>
      <c r="K1685" s="59">
        <f>Bühler!K1711</f>
        <v>0.71439767263477894</v>
      </c>
      <c r="L1685" s="59">
        <f>Bühler!L1711</f>
        <v>6.7988385421021356</v>
      </c>
      <c r="M1685" s="58">
        <f>Bühler!M1711</f>
        <v>0</v>
      </c>
      <c r="N1685" s="56">
        <f>IF(Input!$D$19=1,J1685*Input!$C$19,0)+IF(Input!$D$20=1,K1685*Input!$C$20,0)+IF(Input!$D$21=1,L1685*Input!$C$21,0)+IF(Input!$D$22=1,M1685*Input!$C$22,0)</f>
        <v>0.14287953452695579</v>
      </c>
      <c r="O1685" s="59">
        <f>IF(Input!$D$19=2,J1685*Input!$C$19,0)+IF(Input!$D$20=2,K1685*Input!$C$20,0)+IF(Input!$D$21=2,L1685*Input!$C$21,0)+IF(Input!$D$22=2,M1685*Input!$C$22,0)</f>
        <v>0.35719883631738947</v>
      </c>
      <c r="P1685" s="59">
        <f>IF(Input!$D$19=3,J1685*Input!$C$19,0)+IF(Input!$D$20=3,K1685*Input!$C$20,0)+IF(Input!$D$21=3,L1685*Input!$C$21,0)+IF(Input!$D$22=3,M1685*Input!$C$22,0)</f>
        <v>0</v>
      </c>
      <c r="Q1685" s="75">
        <f>IF(Input!$D$19=4,J1685*Input!$C$19,0)+IF(Input!$D$20=4,K1685*Input!$C$20,0)+IF(Input!$D$21=4,L1685*Input!$C$21,0)+IF(Input!$D$22=4,M1685*Input!$C$22,0)</f>
        <v>0</v>
      </c>
      <c r="R1685" s="58">
        <v>41.085868680983111</v>
      </c>
      <c r="S1685" s="124">
        <f t="shared" si="26"/>
        <v>0.61914464961680837</v>
      </c>
    </row>
    <row r="1686" spans="8:19" x14ac:dyDescent="0.3">
      <c r="H1686" s="44">
        <v>1679</v>
      </c>
      <c r="I1686" s="56">
        <f>Bühler!I1712</f>
        <v>0.14287953452695576</v>
      </c>
      <c r="J1686" s="59">
        <f>Bühler!J1712</f>
        <v>0.47626511508985264</v>
      </c>
      <c r="K1686" s="59">
        <f>Bühler!K1712</f>
        <v>0.71439767263477894</v>
      </c>
      <c r="L1686" s="59">
        <f>Bühler!L1712</f>
        <v>6.7988385421021356</v>
      </c>
      <c r="M1686" s="58">
        <f>Bühler!M1712</f>
        <v>0</v>
      </c>
      <c r="N1686" s="56">
        <f>IF(Input!$D$19=1,J1686*Input!$C$19,0)+IF(Input!$D$20=1,K1686*Input!$C$20,0)+IF(Input!$D$21=1,L1686*Input!$C$21,0)+IF(Input!$D$22=1,M1686*Input!$C$22,0)</f>
        <v>0.14287953452695579</v>
      </c>
      <c r="O1686" s="59">
        <f>IF(Input!$D$19=2,J1686*Input!$C$19,0)+IF(Input!$D$20=2,K1686*Input!$C$20,0)+IF(Input!$D$21=2,L1686*Input!$C$21,0)+IF(Input!$D$22=2,M1686*Input!$C$22,0)</f>
        <v>0.35719883631738947</v>
      </c>
      <c r="P1686" s="59">
        <f>IF(Input!$D$19=3,J1686*Input!$C$19,0)+IF(Input!$D$20=3,K1686*Input!$C$20,0)+IF(Input!$D$21=3,L1686*Input!$C$21,0)+IF(Input!$D$22=3,M1686*Input!$C$22,0)</f>
        <v>0</v>
      </c>
      <c r="Q1686" s="75">
        <f>IF(Input!$D$19=4,J1686*Input!$C$19,0)+IF(Input!$D$20=4,K1686*Input!$C$20,0)+IF(Input!$D$21=4,L1686*Input!$C$21,0)+IF(Input!$D$22=4,M1686*Input!$C$22,0)</f>
        <v>0</v>
      </c>
      <c r="R1686" s="58">
        <v>41.599279052737366</v>
      </c>
      <c r="S1686" s="124">
        <f t="shared" si="26"/>
        <v>0.61914464961680837</v>
      </c>
    </row>
    <row r="1687" spans="8:19" x14ac:dyDescent="0.3">
      <c r="H1687" s="44">
        <v>1680</v>
      </c>
      <c r="I1687" s="56">
        <f>Bühler!I1713</f>
        <v>0.14287953452695576</v>
      </c>
      <c r="J1687" s="59">
        <f>Bühler!J1713</f>
        <v>0.47626511508985264</v>
      </c>
      <c r="K1687" s="59">
        <f>Bühler!K1713</f>
        <v>0.71439767263477894</v>
      </c>
      <c r="L1687" s="59">
        <f>Bühler!L1713</f>
        <v>6.7988385421021356</v>
      </c>
      <c r="M1687" s="58">
        <f>Bühler!M1713</f>
        <v>0</v>
      </c>
      <c r="N1687" s="56">
        <f>IF(Input!$D$19=1,J1687*Input!$C$19,0)+IF(Input!$D$20=1,K1687*Input!$C$20,0)+IF(Input!$D$21=1,L1687*Input!$C$21,0)+IF(Input!$D$22=1,M1687*Input!$C$22,0)</f>
        <v>0.14287953452695579</v>
      </c>
      <c r="O1687" s="59">
        <f>IF(Input!$D$19=2,J1687*Input!$C$19,0)+IF(Input!$D$20=2,K1687*Input!$C$20,0)+IF(Input!$D$21=2,L1687*Input!$C$21,0)+IF(Input!$D$22=2,M1687*Input!$C$22,0)</f>
        <v>0.35719883631738947</v>
      </c>
      <c r="P1687" s="59">
        <f>IF(Input!$D$19=3,J1687*Input!$C$19,0)+IF(Input!$D$20=3,K1687*Input!$C$20,0)+IF(Input!$D$21=3,L1687*Input!$C$21,0)+IF(Input!$D$22=3,M1687*Input!$C$22,0)</f>
        <v>0</v>
      </c>
      <c r="Q1687" s="75">
        <f>IF(Input!$D$19=4,J1687*Input!$C$19,0)+IF(Input!$D$20=4,K1687*Input!$C$20,0)+IF(Input!$D$21=4,L1687*Input!$C$21,0)+IF(Input!$D$22=4,M1687*Input!$C$22,0)</f>
        <v>0</v>
      </c>
      <c r="R1687" s="58">
        <v>42.400985296507962</v>
      </c>
      <c r="S1687" s="124">
        <f t="shared" si="26"/>
        <v>0.61914464961680837</v>
      </c>
    </row>
    <row r="1688" spans="8:19" x14ac:dyDescent="0.3">
      <c r="H1688" s="44">
        <v>1681</v>
      </c>
      <c r="I1688" s="56">
        <f>Bühler!I1714</f>
        <v>8.3692218100031315E-2</v>
      </c>
      <c r="J1688" s="59">
        <f>Bühler!J1714</f>
        <v>0.27897406033343775</v>
      </c>
      <c r="K1688" s="59">
        <f>Bühler!K1714</f>
        <v>0.41846109050015656</v>
      </c>
      <c r="L1688" s="59">
        <f>Bühler!L1714</f>
        <v>2.0086132344007517</v>
      </c>
      <c r="M1688" s="58">
        <f>Bühler!M1714</f>
        <v>0</v>
      </c>
      <c r="N1688" s="56">
        <f>IF(Input!$D$19=1,J1688*Input!$C$19,0)+IF(Input!$D$20=1,K1688*Input!$C$20,0)+IF(Input!$D$21=1,L1688*Input!$C$21,0)+IF(Input!$D$22=1,M1688*Input!$C$22,0)</f>
        <v>8.3692218100031315E-2</v>
      </c>
      <c r="O1688" s="59">
        <f>IF(Input!$D$19=2,J1688*Input!$C$19,0)+IF(Input!$D$20=2,K1688*Input!$C$20,0)+IF(Input!$D$21=2,L1688*Input!$C$21,0)+IF(Input!$D$22=2,M1688*Input!$C$22,0)</f>
        <v>0.20923054525007828</v>
      </c>
      <c r="P1688" s="59">
        <f>IF(Input!$D$19=3,J1688*Input!$C$19,0)+IF(Input!$D$20=3,K1688*Input!$C$20,0)+IF(Input!$D$21=3,L1688*Input!$C$21,0)+IF(Input!$D$22=3,M1688*Input!$C$22,0)</f>
        <v>0</v>
      </c>
      <c r="Q1688" s="75">
        <f>IF(Input!$D$19=4,J1688*Input!$C$19,0)+IF(Input!$D$20=4,K1688*Input!$C$20,0)+IF(Input!$D$21=4,L1688*Input!$C$21,0)+IF(Input!$D$22=4,M1688*Input!$C$22,0)</f>
        <v>0</v>
      </c>
      <c r="R1688" s="58">
        <v>42.170778402654108</v>
      </c>
      <c r="S1688" s="124">
        <f t="shared" si="26"/>
        <v>0.36266627843346905</v>
      </c>
    </row>
    <row r="1689" spans="8:19" x14ac:dyDescent="0.3">
      <c r="H1689" s="44">
        <v>1682</v>
      </c>
      <c r="I1689" s="56">
        <f>Bühler!I1715</f>
        <v>8.3692218100031315E-2</v>
      </c>
      <c r="J1689" s="59">
        <f>Bühler!J1715</f>
        <v>0.27897406033343775</v>
      </c>
      <c r="K1689" s="59">
        <f>Bühler!K1715</f>
        <v>0.41846109050015656</v>
      </c>
      <c r="L1689" s="59">
        <f>Bühler!L1715</f>
        <v>2.0086132344007517</v>
      </c>
      <c r="M1689" s="58">
        <f>Bühler!M1715</f>
        <v>0</v>
      </c>
      <c r="N1689" s="56">
        <f>IF(Input!$D$19=1,J1689*Input!$C$19,0)+IF(Input!$D$20=1,K1689*Input!$C$20,0)+IF(Input!$D$21=1,L1689*Input!$C$21,0)+IF(Input!$D$22=1,M1689*Input!$C$22,0)</f>
        <v>8.3692218100031315E-2</v>
      </c>
      <c r="O1689" s="59">
        <f>IF(Input!$D$19=2,J1689*Input!$C$19,0)+IF(Input!$D$20=2,K1689*Input!$C$20,0)+IF(Input!$D$21=2,L1689*Input!$C$21,0)+IF(Input!$D$22=2,M1689*Input!$C$22,0)</f>
        <v>0.20923054525007828</v>
      </c>
      <c r="P1689" s="59">
        <f>IF(Input!$D$19=3,J1689*Input!$C$19,0)+IF(Input!$D$20=3,K1689*Input!$C$20,0)+IF(Input!$D$21=3,L1689*Input!$C$21,0)+IF(Input!$D$22=3,M1689*Input!$C$22,0)</f>
        <v>0</v>
      </c>
      <c r="Q1689" s="75">
        <f>IF(Input!$D$19=4,J1689*Input!$C$19,0)+IF(Input!$D$20=4,K1689*Input!$C$20,0)+IF(Input!$D$21=4,L1689*Input!$C$21,0)+IF(Input!$D$22=4,M1689*Input!$C$22,0)</f>
        <v>0</v>
      </c>
      <c r="R1689" s="58">
        <v>42.906810387237272</v>
      </c>
      <c r="S1689" s="124">
        <f t="shared" si="26"/>
        <v>0.36266627843346905</v>
      </c>
    </row>
    <row r="1690" spans="8:19" x14ac:dyDescent="0.3">
      <c r="H1690" s="44">
        <v>1683</v>
      </c>
      <c r="I1690" s="56">
        <f>Bühler!I1716</f>
        <v>8.3692218100031315E-2</v>
      </c>
      <c r="J1690" s="59">
        <f>Bühler!J1716</f>
        <v>0.27897406033343775</v>
      </c>
      <c r="K1690" s="59">
        <f>Bühler!K1716</f>
        <v>0.41846109050015656</v>
      </c>
      <c r="L1690" s="59">
        <f>Bühler!L1716</f>
        <v>2.0086132344007517</v>
      </c>
      <c r="M1690" s="58">
        <f>Bühler!M1716</f>
        <v>0</v>
      </c>
      <c r="N1690" s="56">
        <f>IF(Input!$D$19=1,J1690*Input!$C$19,0)+IF(Input!$D$20=1,K1690*Input!$C$20,0)+IF(Input!$D$21=1,L1690*Input!$C$21,0)+IF(Input!$D$22=1,M1690*Input!$C$22,0)</f>
        <v>8.3692218100031315E-2</v>
      </c>
      <c r="O1690" s="59">
        <f>IF(Input!$D$19=2,J1690*Input!$C$19,0)+IF(Input!$D$20=2,K1690*Input!$C$20,0)+IF(Input!$D$21=2,L1690*Input!$C$21,0)+IF(Input!$D$22=2,M1690*Input!$C$22,0)</f>
        <v>0.20923054525007828</v>
      </c>
      <c r="P1690" s="59">
        <f>IF(Input!$D$19=3,J1690*Input!$C$19,0)+IF(Input!$D$20=3,K1690*Input!$C$20,0)+IF(Input!$D$21=3,L1690*Input!$C$21,0)+IF(Input!$D$22=3,M1690*Input!$C$22,0)</f>
        <v>0</v>
      </c>
      <c r="Q1690" s="75">
        <f>IF(Input!$D$19=4,J1690*Input!$C$19,0)+IF(Input!$D$20=4,K1690*Input!$C$20,0)+IF(Input!$D$21=4,L1690*Input!$C$21,0)+IF(Input!$D$22=4,M1690*Input!$C$22,0)</f>
        <v>0</v>
      </c>
      <c r="R1690" s="58">
        <v>44.030053028435795</v>
      </c>
      <c r="S1690" s="124">
        <f t="shared" si="26"/>
        <v>0.36266627843346905</v>
      </c>
    </row>
    <row r="1691" spans="8:19" x14ac:dyDescent="0.3">
      <c r="H1691" s="44">
        <v>1684</v>
      </c>
      <c r="I1691" s="56">
        <f>Bühler!I1717</f>
        <v>8.3692218100031315E-2</v>
      </c>
      <c r="J1691" s="59">
        <f>Bühler!J1717</f>
        <v>0.27897406033343775</v>
      </c>
      <c r="K1691" s="59">
        <f>Bühler!K1717</f>
        <v>0.41846109050015656</v>
      </c>
      <c r="L1691" s="59">
        <f>Bühler!L1717</f>
        <v>2.0086132344007517</v>
      </c>
      <c r="M1691" s="58">
        <f>Bühler!M1717</f>
        <v>0</v>
      </c>
      <c r="N1691" s="56">
        <f>IF(Input!$D$19=1,J1691*Input!$C$19,0)+IF(Input!$D$20=1,K1691*Input!$C$20,0)+IF(Input!$D$21=1,L1691*Input!$C$21,0)+IF(Input!$D$22=1,M1691*Input!$C$22,0)</f>
        <v>8.3692218100031315E-2</v>
      </c>
      <c r="O1691" s="59">
        <f>IF(Input!$D$19=2,J1691*Input!$C$19,0)+IF(Input!$D$20=2,K1691*Input!$C$20,0)+IF(Input!$D$21=2,L1691*Input!$C$21,0)+IF(Input!$D$22=2,M1691*Input!$C$22,0)</f>
        <v>0.20923054525007828</v>
      </c>
      <c r="P1691" s="59">
        <f>IF(Input!$D$19=3,J1691*Input!$C$19,0)+IF(Input!$D$20=3,K1691*Input!$C$20,0)+IF(Input!$D$21=3,L1691*Input!$C$21,0)+IF(Input!$D$22=3,M1691*Input!$C$22,0)</f>
        <v>0</v>
      </c>
      <c r="Q1691" s="75">
        <f>IF(Input!$D$19=4,J1691*Input!$C$19,0)+IF(Input!$D$20=4,K1691*Input!$C$20,0)+IF(Input!$D$21=4,L1691*Input!$C$21,0)+IF(Input!$D$22=4,M1691*Input!$C$22,0)</f>
        <v>0</v>
      </c>
      <c r="R1691" s="58">
        <v>45.262436902051789</v>
      </c>
      <c r="S1691" s="124">
        <f t="shared" si="26"/>
        <v>0.36266627843346905</v>
      </c>
    </row>
    <row r="1692" spans="8:19" x14ac:dyDescent="0.3">
      <c r="H1692" s="44">
        <v>1685</v>
      </c>
      <c r="I1692" s="56">
        <f>Bühler!I1718</f>
        <v>8.3692218100031315E-2</v>
      </c>
      <c r="J1692" s="59">
        <f>Bühler!J1718</f>
        <v>0.27897406033343775</v>
      </c>
      <c r="K1692" s="59">
        <f>Bühler!K1718</f>
        <v>0.41846109050015656</v>
      </c>
      <c r="L1692" s="59">
        <f>Bühler!L1718</f>
        <v>2.0086132344007517</v>
      </c>
      <c r="M1692" s="58">
        <f>Bühler!M1718</f>
        <v>0</v>
      </c>
      <c r="N1692" s="56">
        <f>IF(Input!$D$19=1,J1692*Input!$C$19,0)+IF(Input!$D$20=1,K1692*Input!$C$20,0)+IF(Input!$D$21=1,L1692*Input!$C$21,0)+IF(Input!$D$22=1,M1692*Input!$C$22,0)</f>
        <v>8.3692218100031315E-2</v>
      </c>
      <c r="O1692" s="59">
        <f>IF(Input!$D$19=2,J1692*Input!$C$19,0)+IF(Input!$D$20=2,K1692*Input!$C$20,0)+IF(Input!$D$21=2,L1692*Input!$C$21,0)+IF(Input!$D$22=2,M1692*Input!$C$22,0)</f>
        <v>0.20923054525007828</v>
      </c>
      <c r="P1692" s="59">
        <f>IF(Input!$D$19=3,J1692*Input!$C$19,0)+IF(Input!$D$20=3,K1692*Input!$C$20,0)+IF(Input!$D$21=3,L1692*Input!$C$21,0)+IF(Input!$D$22=3,M1692*Input!$C$22,0)</f>
        <v>0</v>
      </c>
      <c r="Q1692" s="75">
        <f>IF(Input!$D$19=4,J1692*Input!$C$19,0)+IF(Input!$D$20=4,K1692*Input!$C$20,0)+IF(Input!$D$21=4,L1692*Input!$C$21,0)+IF(Input!$D$22=4,M1692*Input!$C$22,0)</f>
        <v>0</v>
      </c>
      <c r="R1692" s="58">
        <v>48.239311609471834</v>
      </c>
      <c r="S1692" s="124">
        <f t="shared" si="26"/>
        <v>0.36266627843346905</v>
      </c>
    </row>
    <row r="1693" spans="8:19" x14ac:dyDescent="0.3">
      <c r="H1693" s="44">
        <v>1686</v>
      </c>
      <c r="I1693" s="56">
        <f>Bühler!I1719</f>
        <v>0.36266627843346905</v>
      </c>
      <c r="J1693" s="59">
        <f>Bühler!J1719</f>
        <v>1.2088875947782303</v>
      </c>
      <c r="K1693" s="59">
        <f>Bühler!K1719</f>
        <v>1.8133313921673453</v>
      </c>
      <c r="L1693" s="59">
        <f>Bühler!L1719</f>
        <v>8.7039906824032567</v>
      </c>
      <c r="M1693" s="58">
        <f>Bühler!M1719</f>
        <v>0</v>
      </c>
      <c r="N1693" s="56">
        <f>IF(Input!$D$19=1,J1693*Input!$C$19,0)+IF(Input!$D$20=1,K1693*Input!$C$20,0)+IF(Input!$D$21=1,L1693*Input!$C$21,0)+IF(Input!$D$22=1,M1693*Input!$C$22,0)</f>
        <v>0.36266627843346905</v>
      </c>
      <c r="O1693" s="59">
        <f>IF(Input!$D$19=2,J1693*Input!$C$19,0)+IF(Input!$D$20=2,K1693*Input!$C$20,0)+IF(Input!$D$21=2,L1693*Input!$C$21,0)+IF(Input!$D$22=2,M1693*Input!$C$22,0)</f>
        <v>0.90666569608367265</v>
      </c>
      <c r="P1693" s="59">
        <f>IF(Input!$D$19=3,J1693*Input!$C$19,0)+IF(Input!$D$20=3,K1693*Input!$C$20,0)+IF(Input!$D$21=3,L1693*Input!$C$21,0)+IF(Input!$D$22=3,M1693*Input!$C$22,0)</f>
        <v>0</v>
      </c>
      <c r="Q1693" s="75">
        <f>IF(Input!$D$19=4,J1693*Input!$C$19,0)+IF(Input!$D$20=4,K1693*Input!$C$20,0)+IF(Input!$D$21=4,L1693*Input!$C$21,0)+IF(Input!$D$22=4,M1693*Input!$C$22,0)</f>
        <v>0</v>
      </c>
      <c r="R1693" s="58">
        <v>53.880177130802061</v>
      </c>
      <c r="S1693" s="124">
        <f t="shared" si="26"/>
        <v>1.5715538732116994</v>
      </c>
    </row>
    <row r="1694" spans="8:19" x14ac:dyDescent="0.3">
      <c r="H1694" s="44">
        <v>1687</v>
      </c>
      <c r="I1694" s="56">
        <f>Bühler!I1720</f>
        <v>0.41148673899182064</v>
      </c>
      <c r="J1694" s="59">
        <f>Bühler!J1720</f>
        <v>1.371622463306069</v>
      </c>
      <c r="K1694" s="59">
        <f>Bühler!K1720</f>
        <v>2.0574336949591032</v>
      </c>
      <c r="L1694" s="59">
        <f>Bühler!L1720</f>
        <v>9.8756817358036955</v>
      </c>
      <c r="M1694" s="58">
        <f>Bühler!M1720</f>
        <v>0</v>
      </c>
      <c r="N1694" s="56">
        <f>IF(Input!$D$19=1,J1694*Input!$C$19,0)+IF(Input!$D$20=1,K1694*Input!$C$20,0)+IF(Input!$D$21=1,L1694*Input!$C$21,0)+IF(Input!$D$22=1,M1694*Input!$C$22,0)</f>
        <v>0.4114867389918207</v>
      </c>
      <c r="O1694" s="59">
        <f>IF(Input!$D$19=2,J1694*Input!$C$19,0)+IF(Input!$D$20=2,K1694*Input!$C$20,0)+IF(Input!$D$21=2,L1694*Input!$C$21,0)+IF(Input!$D$22=2,M1694*Input!$C$22,0)</f>
        <v>1.0287168474795516</v>
      </c>
      <c r="P1694" s="59">
        <f>IF(Input!$D$19=3,J1694*Input!$C$19,0)+IF(Input!$D$20=3,K1694*Input!$C$20,0)+IF(Input!$D$21=3,L1694*Input!$C$21,0)+IF(Input!$D$22=3,M1694*Input!$C$22,0)</f>
        <v>0</v>
      </c>
      <c r="Q1694" s="75">
        <f>IF(Input!$D$19=4,J1694*Input!$C$19,0)+IF(Input!$D$20=4,K1694*Input!$C$20,0)+IF(Input!$D$21=4,L1694*Input!$C$21,0)+IF(Input!$D$22=4,M1694*Input!$C$22,0)</f>
        <v>0</v>
      </c>
      <c r="R1694" s="58">
        <v>59.153005094532126</v>
      </c>
      <c r="S1694" s="124">
        <f t="shared" si="26"/>
        <v>1.7831092022978896</v>
      </c>
    </row>
    <row r="1695" spans="8:19" x14ac:dyDescent="0.3">
      <c r="H1695" s="44">
        <v>1688</v>
      </c>
      <c r="I1695" s="56">
        <f>Bühler!I1721</f>
        <v>0.41148673899182064</v>
      </c>
      <c r="J1695" s="59">
        <f>Bühler!J1721</f>
        <v>1.371622463306069</v>
      </c>
      <c r="K1695" s="59">
        <f>Bühler!K1721</f>
        <v>2.0574336949591032</v>
      </c>
      <c r="L1695" s="59">
        <f>Bühler!L1721</f>
        <v>9.8756817358036955</v>
      </c>
      <c r="M1695" s="58">
        <f>Bühler!M1721</f>
        <v>0</v>
      </c>
      <c r="N1695" s="56">
        <f>IF(Input!$D$19=1,J1695*Input!$C$19,0)+IF(Input!$D$20=1,K1695*Input!$C$20,0)+IF(Input!$D$21=1,L1695*Input!$C$21,0)+IF(Input!$D$22=1,M1695*Input!$C$22,0)</f>
        <v>0.4114867389918207</v>
      </c>
      <c r="O1695" s="59">
        <f>IF(Input!$D$19=2,J1695*Input!$C$19,0)+IF(Input!$D$20=2,K1695*Input!$C$20,0)+IF(Input!$D$21=2,L1695*Input!$C$21,0)+IF(Input!$D$22=2,M1695*Input!$C$22,0)</f>
        <v>1.0287168474795516</v>
      </c>
      <c r="P1695" s="59">
        <f>IF(Input!$D$19=3,J1695*Input!$C$19,0)+IF(Input!$D$20=3,K1695*Input!$C$20,0)+IF(Input!$D$21=3,L1695*Input!$C$21,0)+IF(Input!$D$22=3,M1695*Input!$C$22,0)</f>
        <v>0</v>
      </c>
      <c r="Q1695" s="75">
        <f>IF(Input!$D$19=4,J1695*Input!$C$19,0)+IF(Input!$D$20=4,K1695*Input!$C$20,0)+IF(Input!$D$21=4,L1695*Input!$C$21,0)+IF(Input!$D$22=4,M1695*Input!$C$22,0)</f>
        <v>0</v>
      </c>
      <c r="R1695" s="58">
        <v>60.531395070782203</v>
      </c>
      <c r="S1695" s="124">
        <f t="shared" si="26"/>
        <v>1.7831092022978896</v>
      </c>
    </row>
    <row r="1696" spans="8:19" x14ac:dyDescent="0.3">
      <c r="H1696" s="44">
        <v>1689</v>
      </c>
      <c r="I1696" s="56">
        <f>Bühler!I1722</f>
        <v>0.41148673899182064</v>
      </c>
      <c r="J1696" s="59">
        <f>Bühler!J1722</f>
        <v>1.371622463306069</v>
      </c>
      <c r="K1696" s="59">
        <f>Bühler!K1722</f>
        <v>2.0574336949591032</v>
      </c>
      <c r="L1696" s="59">
        <f>Bühler!L1722</f>
        <v>9.8756817358036955</v>
      </c>
      <c r="M1696" s="58">
        <f>Bühler!M1722</f>
        <v>0</v>
      </c>
      <c r="N1696" s="56">
        <f>IF(Input!$D$19=1,J1696*Input!$C$19,0)+IF(Input!$D$20=1,K1696*Input!$C$20,0)+IF(Input!$D$21=1,L1696*Input!$C$21,0)+IF(Input!$D$22=1,M1696*Input!$C$22,0)</f>
        <v>0.4114867389918207</v>
      </c>
      <c r="O1696" s="59">
        <f>IF(Input!$D$19=2,J1696*Input!$C$19,0)+IF(Input!$D$20=2,K1696*Input!$C$20,0)+IF(Input!$D$21=2,L1696*Input!$C$21,0)+IF(Input!$D$22=2,M1696*Input!$C$22,0)</f>
        <v>1.0287168474795516</v>
      </c>
      <c r="P1696" s="59">
        <f>IF(Input!$D$19=3,J1696*Input!$C$19,0)+IF(Input!$D$20=3,K1696*Input!$C$20,0)+IF(Input!$D$21=3,L1696*Input!$C$21,0)+IF(Input!$D$22=3,M1696*Input!$C$22,0)</f>
        <v>0</v>
      </c>
      <c r="Q1696" s="75">
        <f>IF(Input!$D$19=4,J1696*Input!$C$19,0)+IF(Input!$D$20=4,K1696*Input!$C$20,0)+IF(Input!$D$21=4,L1696*Input!$C$21,0)+IF(Input!$D$22=4,M1696*Input!$C$22,0)</f>
        <v>0</v>
      </c>
      <c r="R1696" s="58">
        <v>62.290149036893631</v>
      </c>
      <c r="S1696" s="124">
        <f t="shared" si="26"/>
        <v>1.7831092022978896</v>
      </c>
    </row>
    <row r="1697" spans="8:19" x14ac:dyDescent="0.3">
      <c r="H1697" s="44">
        <v>1690</v>
      </c>
      <c r="I1697" s="56">
        <f>Bühler!I1723</f>
        <v>0.43938414502516443</v>
      </c>
      <c r="J1697" s="59">
        <f>Bühler!J1723</f>
        <v>1.4646138167505482</v>
      </c>
      <c r="K1697" s="59">
        <f>Bühler!K1723</f>
        <v>2.196920725125822</v>
      </c>
      <c r="L1697" s="59">
        <f>Bühler!L1723</f>
        <v>10.545219480603947</v>
      </c>
      <c r="M1697" s="58">
        <f>Bühler!M1723</f>
        <v>0</v>
      </c>
      <c r="N1697" s="56">
        <f>IF(Input!$D$19=1,J1697*Input!$C$19,0)+IF(Input!$D$20=1,K1697*Input!$C$20,0)+IF(Input!$D$21=1,L1697*Input!$C$21,0)+IF(Input!$D$22=1,M1697*Input!$C$22,0)</f>
        <v>0.43938414502516449</v>
      </c>
      <c r="O1697" s="59">
        <f>IF(Input!$D$19=2,J1697*Input!$C$19,0)+IF(Input!$D$20=2,K1697*Input!$C$20,0)+IF(Input!$D$21=2,L1697*Input!$C$21,0)+IF(Input!$D$22=2,M1697*Input!$C$22,0)</f>
        <v>1.098460362562911</v>
      </c>
      <c r="P1697" s="59">
        <f>IF(Input!$D$19=3,J1697*Input!$C$19,0)+IF(Input!$D$20=3,K1697*Input!$C$20,0)+IF(Input!$D$21=3,L1697*Input!$C$21,0)+IF(Input!$D$22=3,M1697*Input!$C$22,0)</f>
        <v>0</v>
      </c>
      <c r="Q1697" s="75">
        <f>IF(Input!$D$19=4,J1697*Input!$C$19,0)+IF(Input!$D$20=4,K1697*Input!$C$20,0)+IF(Input!$D$21=4,L1697*Input!$C$21,0)+IF(Input!$D$22=4,M1697*Input!$C$22,0)</f>
        <v>0</v>
      </c>
      <c r="R1697" s="58">
        <v>62.848778712755632</v>
      </c>
      <c r="S1697" s="124">
        <f t="shared" si="26"/>
        <v>1.9039979617757128</v>
      </c>
    </row>
    <row r="1698" spans="8:19" x14ac:dyDescent="0.3">
      <c r="H1698" s="44">
        <v>1691</v>
      </c>
      <c r="I1698" s="56">
        <f>Bühler!I1724</f>
        <v>0.43938414502516443</v>
      </c>
      <c r="J1698" s="59">
        <f>Bühler!J1724</f>
        <v>1.4646138167505482</v>
      </c>
      <c r="K1698" s="59">
        <f>Bühler!K1724</f>
        <v>2.196920725125822</v>
      </c>
      <c r="L1698" s="59">
        <f>Bühler!L1724</f>
        <v>10.545219480603947</v>
      </c>
      <c r="M1698" s="58">
        <f>Bühler!M1724</f>
        <v>0</v>
      </c>
      <c r="N1698" s="56">
        <f>IF(Input!$D$19=1,J1698*Input!$C$19,0)+IF(Input!$D$20=1,K1698*Input!$C$20,0)+IF(Input!$D$21=1,L1698*Input!$C$21,0)+IF(Input!$D$22=1,M1698*Input!$C$22,0)</f>
        <v>0.43938414502516449</v>
      </c>
      <c r="O1698" s="59">
        <f>IF(Input!$D$19=2,J1698*Input!$C$19,0)+IF(Input!$D$20=2,K1698*Input!$C$20,0)+IF(Input!$D$21=2,L1698*Input!$C$21,0)+IF(Input!$D$22=2,M1698*Input!$C$22,0)</f>
        <v>1.098460362562911</v>
      </c>
      <c r="P1698" s="59">
        <f>IF(Input!$D$19=3,J1698*Input!$C$19,0)+IF(Input!$D$20=3,K1698*Input!$C$20,0)+IF(Input!$D$21=3,L1698*Input!$C$21,0)+IF(Input!$D$22=3,M1698*Input!$C$22,0)</f>
        <v>0</v>
      </c>
      <c r="Q1698" s="75">
        <f>IF(Input!$D$19=4,J1698*Input!$C$19,0)+IF(Input!$D$20=4,K1698*Input!$C$20,0)+IF(Input!$D$21=4,L1698*Input!$C$21,0)+IF(Input!$D$22=4,M1698*Input!$C$22,0)</f>
        <v>0</v>
      </c>
      <c r="R1698" s="58">
        <v>64.059382978043871</v>
      </c>
      <c r="S1698" s="124">
        <f t="shared" si="26"/>
        <v>1.9039979617757128</v>
      </c>
    </row>
    <row r="1699" spans="8:19" x14ac:dyDescent="0.3">
      <c r="H1699" s="44">
        <v>1692</v>
      </c>
      <c r="I1699" s="56">
        <f>Bühler!I1725</f>
        <v>0.55794812066687549</v>
      </c>
      <c r="J1699" s="59">
        <f>Bühler!J1725</f>
        <v>1.8598270688895853</v>
      </c>
      <c r="K1699" s="59">
        <f>Bühler!K1725</f>
        <v>2.7897406033343777</v>
      </c>
      <c r="L1699" s="59">
        <f>Bühler!L1725</f>
        <v>13.390754896005014</v>
      </c>
      <c r="M1699" s="58">
        <f>Bühler!M1725</f>
        <v>0</v>
      </c>
      <c r="N1699" s="56">
        <f>IF(Input!$D$19=1,J1699*Input!$C$19,0)+IF(Input!$D$20=1,K1699*Input!$C$20,0)+IF(Input!$D$21=1,L1699*Input!$C$21,0)+IF(Input!$D$22=1,M1699*Input!$C$22,0)</f>
        <v>0.5579481206668756</v>
      </c>
      <c r="O1699" s="59">
        <f>IF(Input!$D$19=2,J1699*Input!$C$19,0)+IF(Input!$D$20=2,K1699*Input!$C$20,0)+IF(Input!$D$21=2,L1699*Input!$C$21,0)+IF(Input!$D$22=2,M1699*Input!$C$22,0)</f>
        <v>1.3948703016671888</v>
      </c>
      <c r="P1699" s="59">
        <f>IF(Input!$D$19=3,J1699*Input!$C$19,0)+IF(Input!$D$20=3,K1699*Input!$C$20,0)+IF(Input!$D$21=3,L1699*Input!$C$21,0)+IF(Input!$D$22=3,M1699*Input!$C$22,0)</f>
        <v>0</v>
      </c>
      <c r="Q1699" s="75">
        <f>IF(Input!$D$19=4,J1699*Input!$C$19,0)+IF(Input!$D$20=4,K1699*Input!$C$20,0)+IF(Input!$D$21=4,L1699*Input!$C$21,0)+IF(Input!$D$22=4,M1699*Input!$C$22,0)</f>
        <v>0</v>
      </c>
      <c r="R1699" s="58">
        <v>64.596044969412546</v>
      </c>
      <c r="S1699" s="124">
        <f t="shared" si="26"/>
        <v>2.417775189556461</v>
      </c>
    </row>
    <row r="1700" spans="8:19" x14ac:dyDescent="0.3">
      <c r="H1700" s="44">
        <v>1693</v>
      </c>
      <c r="I1700" s="56">
        <f>Bühler!I1726</f>
        <v>0.55794812066687549</v>
      </c>
      <c r="J1700" s="59">
        <f>Bühler!J1726</f>
        <v>1.8598270688895853</v>
      </c>
      <c r="K1700" s="59">
        <f>Bühler!K1726</f>
        <v>2.7897406033343777</v>
      </c>
      <c r="L1700" s="59">
        <f>Bühler!L1726</f>
        <v>13.390754896005014</v>
      </c>
      <c r="M1700" s="58">
        <f>Bühler!M1726</f>
        <v>0</v>
      </c>
      <c r="N1700" s="56">
        <f>IF(Input!$D$19=1,J1700*Input!$C$19,0)+IF(Input!$D$20=1,K1700*Input!$C$20,0)+IF(Input!$D$21=1,L1700*Input!$C$21,0)+IF(Input!$D$22=1,M1700*Input!$C$22,0)</f>
        <v>0.5579481206668756</v>
      </c>
      <c r="O1700" s="59">
        <f>IF(Input!$D$19=2,J1700*Input!$C$19,0)+IF(Input!$D$20=2,K1700*Input!$C$20,0)+IF(Input!$D$21=2,L1700*Input!$C$21,0)+IF(Input!$D$22=2,M1700*Input!$C$22,0)</f>
        <v>1.3948703016671888</v>
      </c>
      <c r="P1700" s="59">
        <f>IF(Input!$D$19=3,J1700*Input!$C$19,0)+IF(Input!$D$20=3,K1700*Input!$C$20,0)+IF(Input!$D$21=3,L1700*Input!$C$21,0)+IF(Input!$D$22=3,M1700*Input!$C$22,0)</f>
        <v>0</v>
      </c>
      <c r="Q1700" s="75">
        <f>IF(Input!$D$19=4,J1700*Input!$C$19,0)+IF(Input!$D$20=4,K1700*Input!$C$20,0)+IF(Input!$D$21=4,L1700*Input!$C$21,0)+IF(Input!$D$22=4,M1700*Input!$C$22,0)</f>
        <v>0</v>
      </c>
      <c r="R1700" s="58">
        <v>63.870015835996668</v>
      </c>
      <c r="S1700" s="124">
        <f t="shared" si="26"/>
        <v>2.417775189556461</v>
      </c>
    </row>
    <row r="1701" spans="8:19" x14ac:dyDescent="0.3">
      <c r="H1701" s="44">
        <v>1694</v>
      </c>
      <c r="I1701" s="56">
        <f>Bühler!I1727</f>
        <v>0.36964062994180502</v>
      </c>
      <c r="J1701" s="59">
        <f>Bühler!J1727</f>
        <v>1.2321354331393501</v>
      </c>
      <c r="K1701" s="59">
        <f>Bühler!K1727</f>
        <v>1.848203149709025</v>
      </c>
      <c r="L1701" s="59">
        <f>Bühler!L1727</f>
        <v>8.8713751186033196</v>
      </c>
      <c r="M1701" s="58">
        <f>Bühler!M1727</f>
        <v>0</v>
      </c>
      <c r="N1701" s="56">
        <f>IF(Input!$D$19=1,J1701*Input!$C$19,0)+IF(Input!$D$20=1,K1701*Input!$C$20,0)+IF(Input!$D$21=1,L1701*Input!$C$21,0)+IF(Input!$D$22=1,M1701*Input!$C$22,0)</f>
        <v>0.36964062994180502</v>
      </c>
      <c r="O1701" s="59">
        <f>IF(Input!$D$19=2,J1701*Input!$C$19,0)+IF(Input!$D$20=2,K1701*Input!$C$20,0)+IF(Input!$D$21=2,L1701*Input!$C$21,0)+IF(Input!$D$22=2,M1701*Input!$C$22,0)</f>
        <v>0.9241015748545125</v>
      </c>
      <c r="P1701" s="59">
        <f>IF(Input!$D$19=3,J1701*Input!$C$19,0)+IF(Input!$D$20=3,K1701*Input!$C$20,0)+IF(Input!$D$21=3,L1701*Input!$C$21,0)+IF(Input!$D$22=3,M1701*Input!$C$22,0)</f>
        <v>0</v>
      </c>
      <c r="Q1701" s="75">
        <f>IF(Input!$D$19=4,J1701*Input!$C$19,0)+IF(Input!$D$20=4,K1701*Input!$C$20,0)+IF(Input!$D$21=4,L1701*Input!$C$21,0)+IF(Input!$D$22=4,M1701*Input!$C$22,0)</f>
        <v>0</v>
      </c>
      <c r="R1701" s="58">
        <v>63.44115614499372</v>
      </c>
      <c r="S1701" s="124">
        <f t="shared" si="26"/>
        <v>1.6017760630811551</v>
      </c>
    </row>
    <row r="1702" spans="8:19" x14ac:dyDescent="0.3">
      <c r="H1702" s="44">
        <v>1695</v>
      </c>
      <c r="I1702" s="56">
        <f>Bühler!I1728</f>
        <v>0.55794812066687549</v>
      </c>
      <c r="J1702" s="59">
        <f>Bühler!J1728</f>
        <v>1.8598270688895853</v>
      </c>
      <c r="K1702" s="59">
        <f>Bühler!K1728</f>
        <v>2.7897406033343777</v>
      </c>
      <c r="L1702" s="59">
        <f>Bühler!L1728</f>
        <v>13.390754896005014</v>
      </c>
      <c r="M1702" s="58">
        <f>Bühler!M1728</f>
        <v>0</v>
      </c>
      <c r="N1702" s="56">
        <f>IF(Input!$D$19=1,J1702*Input!$C$19,0)+IF(Input!$D$20=1,K1702*Input!$C$20,0)+IF(Input!$D$21=1,L1702*Input!$C$21,0)+IF(Input!$D$22=1,M1702*Input!$C$22,0)</f>
        <v>0.5579481206668756</v>
      </c>
      <c r="O1702" s="59">
        <f>IF(Input!$D$19=2,J1702*Input!$C$19,0)+IF(Input!$D$20=2,K1702*Input!$C$20,0)+IF(Input!$D$21=2,L1702*Input!$C$21,0)+IF(Input!$D$22=2,M1702*Input!$C$22,0)</f>
        <v>1.3948703016671888</v>
      </c>
      <c r="P1702" s="59">
        <f>IF(Input!$D$19=3,J1702*Input!$C$19,0)+IF(Input!$D$20=3,K1702*Input!$C$20,0)+IF(Input!$D$21=3,L1702*Input!$C$21,0)+IF(Input!$D$22=3,M1702*Input!$C$22,0)</f>
        <v>0</v>
      </c>
      <c r="Q1702" s="75">
        <f>IF(Input!$D$19=4,J1702*Input!$C$19,0)+IF(Input!$D$20=4,K1702*Input!$C$20,0)+IF(Input!$D$21=4,L1702*Input!$C$21,0)+IF(Input!$D$22=4,M1702*Input!$C$22,0)</f>
        <v>0</v>
      </c>
      <c r="R1702" s="58">
        <v>63.771916178873475</v>
      </c>
      <c r="S1702" s="124">
        <f t="shared" si="26"/>
        <v>2.417775189556461</v>
      </c>
    </row>
    <row r="1703" spans="8:19" x14ac:dyDescent="0.3">
      <c r="H1703" s="44">
        <v>1696</v>
      </c>
      <c r="I1703" s="56">
        <f>Bühler!I1729</f>
        <v>0.55794812066687549</v>
      </c>
      <c r="J1703" s="59">
        <f>Bühler!J1729</f>
        <v>1.8598270688895853</v>
      </c>
      <c r="K1703" s="59">
        <f>Bühler!K1729</f>
        <v>2.7897406033343777</v>
      </c>
      <c r="L1703" s="59">
        <f>Bühler!L1729</f>
        <v>13.390754896005014</v>
      </c>
      <c r="M1703" s="58">
        <f>Bühler!M1729</f>
        <v>0</v>
      </c>
      <c r="N1703" s="56">
        <f>IF(Input!$D$19=1,J1703*Input!$C$19,0)+IF(Input!$D$20=1,K1703*Input!$C$20,0)+IF(Input!$D$21=1,L1703*Input!$C$21,0)+IF(Input!$D$22=1,M1703*Input!$C$22,0)</f>
        <v>0.5579481206668756</v>
      </c>
      <c r="O1703" s="59">
        <f>IF(Input!$D$19=2,J1703*Input!$C$19,0)+IF(Input!$D$20=2,K1703*Input!$C$20,0)+IF(Input!$D$21=2,L1703*Input!$C$21,0)+IF(Input!$D$22=2,M1703*Input!$C$22,0)</f>
        <v>1.3948703016671888</v>
      </c>
      <c r="P1703" s="59">
        <f>IF(Input!$D$19=3,J1703*Input!$C$19,0)+IF(Input!$D$20=3,K1703*Input!$C$20,0)+IF(Input!$D$21=3,L1703*Input!$C$21,0)+IF(Input!$D$22=3,M1703*Input!$C$22,0)</f>
        <v>0</v>
      </c>
      <c r="Q1703" s="75">
        <f>IF(Input!$D$19=4,J1703*Input!$C$19,0)+IF(Input!$D$20=4,K1703*Input!$C$20,0)+IF(Input!$D$21=4,L1703*Input!$C$21,0)+IF(Input!$D$22=4,M1703*Input!$C$22,0)</f>
        <v>0</v>
      </c>
      <c r="R1703" s="58">
        <v>62.754423985719129</v>
      </c>
      <c r="S1703" s="124">
        <f t="shared" si="26"/>
        <v>2.417775189556461</v>
      </c>
    </row>
    <row r="1704" spans="8:19" x14ac:dyDescent="0.3">
      <c r="H1704" s="44">
        <v>1697</v>
      </c>
      <c r="I1704" s="56">
        <f>Bühler!I1730</f>
        <v>0.55794812066687549</v>
      </c>
      <c r="J1704" s="59">
        <f>Bühler!J1730</f>
        <v>1.8598270688895853</v>
      </c>
      <c r="K1704" s="59">
        <f>Bühler!K1730</f>
        <v>2.7897406033343777</v>
      </c>
      <c r="L1704" s="59">
        <f>Bühler!L1730</f>
        <v>13.390754896005014</v>
      </c>
      <c r="M1704" s="58">
        <f>Bühler!M1730</f>
        <v>0</v>
      </c>
      <c r="N1704" s="56">
        <f>IF(Input!$D$19=1,J1704*Input!$C$19,0)+IF(Input!$D$20=1,K1704*Input!$C$20,0)+IF(Input!$D$21=1,L1704*Input!$C$21,0)+IF(Input!$D$22=1,M1704*Input!$C$22,0)</f>
        <v>0.5579481206668756</v>
      </c>
      <c r="O1704" s="59">
        <f>IF(Input!$D$19=2,J1704*Input!$C$19,0)+IF(Input!$D$20=2,K1704*Input!$C$20,0)+IF(Input!$D$21=2,L1704*Input!$C$21,0)+IF(Input!$D$22=2,M1704*Input!$C$22,0)</f>
        <v>1.3948703016671888</v>
      </c>
      <c r="P1704" s="59">
        <f>IF(Input!$D$19=3,J1704*Input!$C$19,0)+IF(Input!$D$20=3,K1704*Input!$C$20,0)+IF(Input!$D$21=3,L1704*Input!$C$21,0)+IF(Input!$D$22=3,M1704*Input!$C$22,0)</f>
        <v>0</v>
      </c>
      <c r="Q1704" s="75">
        <f>IF(Input!$D$19=4,J1704*Input!$C$19,0)+IF(Input!$D$20=4,K1704*Input!$C$20,0)+IF(Input!$D$21=4,L1704*Input!$C$21,0)+IF(Input!$D$22=4,M1704*Input!$C$22,0)</f>
        <v>0</v>
      </c>
      <c r="R1704" s="58">
        <v>61.744513974618613</v>
      </c>
      <c r="S1704" s="124">
        <f t="shared" si="26"/>
        <v>2.417775189556461</v>
      </c>
    </row>
    <row r="1705" spans="8:19" x14ac:dyDescent="0.3">
      <c r="H1705" s="44">
        <v>1698</v>
      </c>
      <c r="I1705" s="56">
        <f>Bühler!I1731</f>
        <v>0.55794812066687549</v>
      </c>
      <c r="J1705" s="59">
        <f>Bühler!J1731</f>
        <v>1.8598270688895853</v>
      </c>
      <c r="K1705" s="59">
        <f>Bühler!K1731</f>
        <v>2.7897406033343777</v>
      </c>
      <c r="L1705" s="59">
        <f>Bühler!L1731</f>
        <v>13.390754896005014</v>
      </c>
      <c r="M1705" s="58">
        <f>Bühler!M1731</f>
        <v>0</v>
      </c>
      <c r="N1705" s="56">
        <f>IF(Input!$D$19=1,J1705*Input!$C$19,0)+IF(Input!$D$20=1,K1705*Input!$C$20,0)+IF(Input!$D$21=1,L1705*Input!$C$21,0)+IF(Input!$D$22=1,M1705*Input!$C$22,0)</f>
        <v>0.5579481206668756</v>
      </c>
      <c r="O1705" s="59">
        <f>IF(Input!$D$19=2,J1705*Input!$C$19,0)+IF(Input!$D$20=2,K1705*Input!$C$20,0)+IF(Input!$D$21=2,L1705*Input!$C$21,0)+IF(Input!$D$22=2,M1705*Input!$C$22,0)</f>
        <v>1.3948703016671888</v>
      </c>
      <c r="P1705" s="59">
        <f>IF(Input!$D$19=3,J1705*Input!$C$19,0)+IF(Input!$D$20=3,K1705*Input!$C$20,0)+IF(Input!$D$21=3,L1705*Input!$C$21,0)+IF(Input!$D$22=3,M1705*Input!$C$22,0)</f>
        <v>0</v>
      </c>
      <c r="Q1705" s="75">
        <f>IF(Input!$D$19=4,J1705*Input!$C$19,0)+IF(Input!$D$20=4,K1705*Input!$C$20,0)+IF(Input!$D$21=4,L1705*Input!$C$21,0)+IF(Input!$D$22=4,M1705*Input!$C$22,0)</f>
        <v>0</v>
      </c>
      <c r="R1705" s="58">
        <v>60.80695568171312</v>
      </c>
      <c r="S1705" s="124">
        <f t="shared" si="26"/>
        <v>2.417775189556461</v>
      </c>
    </row>
    <row r="1706" spans="8:19" x14ac:dyDescent="0.3">
      <c r="H1706" s="44">
        <v>1699</v>
      </c>
      <c r="I1706" s="56">
        <f>Bühler!I1732</f>
        <v>0.55794812066687549</v>
      </c>
      <c r="J1706" s="59">
        <f>Bühler!J1732</f>
        <v>1.8598270688895853</v>
      </c>
      <c r="K1706" s="59">
        <f>Bühler!K1732</f>
        <v>2.7897406033343777</v>
      </c>
      <c r="L1706" s="59">
        <f>Bühler!L1732</f>
        <v>13.390754896005014</v>
      </c>
      <c r="M1706" s="58">
        <f>Bühler!M1732</f>
        <v>0</v>
      </c>
      <c r="N1706" s="56">
        <f>IF(Input!$D$19=1,J1706*Input!$C$19,0)+IF(Input!$D$20=1,K1706*Input!$C$20,0)+IF(Input!$D$21=1,L1706*Input!$C$21,0)+IF(Input!$D$22=1,M1706*Input!$C$22,0)</f>
        <v>0.5579481206668756</v>
      </c>
      <c r="O1706" s="59">
        <f>IF(Input!$D$19=2,J1706*Input!$C$19,0)+IF(Input!$D$20=2,K1706*Input!$C$20,0)+IF(Input!$D$21=2,L1706*Input!$C$21,0)+IF(Input!$D$22=2,M1706*Input!$C$22,0)</f>
        <v>1.3948703016671888</v>
      </c>
      <c r="P1706" s="59">
        <f>IF(Input!$D$19=3,J1706*Input!$C$19,0)+IF(Input!$D$20=3,K1706*Input!$C$20,0)+IF(Input!$D$21=3,L1706*Input!$C$21,0)+IF(Input!$D$22=3,M1706*Input!$C$22,0)</f>
        <v>0</v>
      </c>
      <c r="Q1706" s="75">
        <f>IF(Input!$D$19=4,J1706*Input!$C$19,0)+IF(Input!$D$20=4,K1706*Input!$C$20,0)+IF(Input!$D$21=4,L1706*Input!$C$21,0)+IF(Input!$D$22=4,M1706*Input!$C$22,0)</f>
        <v>0</v>
      </c>
      <c r="R1706" s="58">
        <v>60.094127165009404</v>
      </c>
      <c r="S1706" s="124">
        <f t="shared" si="26"/>
        <v>2.417775189556461</v>
      </c>
    </row>
    <row r="1707" spans="8:19" x14ac:dyDescent="0.3">
      <c r="H1707" s="44">
        <v>1700</v>
      </c>
      <c r="I1707" s="56">
        <f>Bühler!I1733</f>
        <v>0.46728155105850822</v>
      </c>
      <c r="J1707" s="59">
        <f>Bühler!J1733</f>
        <v>1.5576051701950275</v>
      </c>
      <c r="K1707" s="59">
        <f>Bühler!K1733</f>
        <v>2.3364077552925413</v>
      </c>
      <c r="L1707" s="59">
        <f>Bühler!L1733</f>
        <v>11.214757225404197</v>
      </c>
      <c r="M1707" s="58">
        <f>Bühler!M1733</f>
        <v>0</v>
      </c>
      <c r="N1707" s="56">
        <f>IF(Input!$D$19=1,J1707*Input!$C$19,0)+IF(Input!$D$20=1,K1707*Input!$C$20,0)+IF(Input!$D$21=1,L1707*Input!$C$21,0)+IF(Input!$D$22=1,M1707*Input!$C$22,0)</f>
        <v>0.46728155105850822</v>
      </c>
      <c r="O1707" s="59">
        <f>IF(Input!$D$19=2,J1707*Input!$C$19,0)+IF(Input!$D$20=2,K1707*Input!$C$20,0)+IF(Input!$D$21=2,L1707*Input!$C$21,0)+IF(Input!$D$22=2,M1707*Input!$C$22,0)</f>
        <v>1.1682038776462706</v>
      </c>
      <c r="P1707" s="59">
        <f>IF(Input!$D$19=3,J1707*Input!$C$19,0)+IF(Input!$D$20=3,K1707*Input!$C$20,0)+IF(Input!$D$21=3,L1707*Input!$C$21,0)+IF(Input!$D$22=3,M1707*Input!$C$22,0)</f>
        <v>0</v>
      </c>
      <c r="Q1707" s="75">
        <f>IF(Input!$D$19=4,J1707*Input!$C$19,0)+IF(Input!$D$20=4,K1707*Input!$C$20,0)+IF(Input!$D$21=4,L1707*Input!$C$21,0)+IF(Input!$D$22=4,M1707*Input!$C$22,0)</f>
        <v>0</v>
      </c>
      <c r="R1707" s="58">
        <v>59.636636099351939</v>
      </c>
      <c r="S1707" s="124">
        <f t="shared" si="26"/>
        <v>2.0248867212535355</v>
      </c>
    </row>
    <row r="1708" spans="8:19" x14ac:dyDescent="0.3">
      <c r="H1708" s="44">
        <v>1701</v>
      </c>
      <c r="I1708" s="56">
        <f>Bühler!I1734</f>
        <v>0.38358933295847691</v>
      </c>
      <c r="J1708" s="59">
        <f>Bühler!J1734</f>
        <v>1.2786311098615899</v>
      </c>
      <c r="K1708" s="59">
        <f>Bühler!K1734</f>
        <v>1.9179466647923844</v>
      </c>
      <c r="L1708" s="59">
        <f>Bühler!L1734</f>
        <v>9.2061439910034455</v>
      </c>
      <c r="M1708" s="58">
        <f>Bühler!M1734</f>
        <v>0</v>
      </c>
      <c r="N1708" s="56">
        <f>IF(Input!$D$19=1,J1708*Input!$C$19,0)+IF(Input!$D$20=1,K1708*Input!$C$20,0)+IF(Input!$D$21=1,L1708*Input!$C$21,0)+IF(Input!$D$22=1,M1708*Input!$C$22,0)</f>
        <v>0.38358933295847697</v>
      </c>
      <c r="O1708" s="59">
        <f>IF(Input!$D$19=2,J1708*Input!$C$19,0)+IF(Input!$D$20=2,K1708*Input!$C$20,0)+IF(Input!$D$21=2,L1708*Input!$C$21,0)+IF(Input!$D$22=2,M1708*Input!$C$22,0)</f>
        <v>0.9589733323961922</v>
      </c>
      <c r="P1708" s="59">
        <f>IF(Input!$D$19=3,J1708*Input!$C$19,0)+IF(Input!$D$20=3,K1708*Input!$C$20,0)+IF(Input!$D$21=3,L1708*Input!$C$21,0)+IF(Input!$D$22=3,M1708*Input!$C$22,0)</f>
        <v>0</v>
      </c>
      <c r="Q1708" s="75">
        <f>IF(Input!$D$19=4,J1708*Input!$C$19,0)+IF(Input!$D$20=4,K1708*Input!$C$20,0)+IF(Input!$D$21=4,L1708*Input!$C$21,0)+IF(Input!$D$22=4,M1708*Input!$C$22,0)</f>
        <v>0</v>
      </c>
      <c r="R1708" s="58">
        <v>57.950053012740504</v>
      </c>
      <c r="S1708" s="124">
        <f t="shared" si="26"/>
        <v>1.6622204428200669</v>
      </c>
    </row>
    <row r="1709" spans="8:19" x14ac:dyDescent="0.3">
      <c r="H1709" s="44">
        <v>1702</v>
      </c>
      <c r="I1709" s="56">
        <f>Bühler!I1735</f>
        <v>0.27897406033343775</v>
      </c>
      <c r="J1709" s="59">
        <f>Bühler!J1735</f>
        <v>0.92991353444479263</v>
      </c>
      <c r="K1709" s="59">
        <f>Bühler!K1735</f>
        <v>1.3948703016671888</v>
      </c>
      <c r="L1709" s="59">
        <f>Bühler!L1735</f>
        <v>6.6953774480025068</v>
      </c>
      <c r="M1709" s="58">
        <f>Bühler!M1735</f>
        <v>0</v>
      </c>
      <c r="N1709" s="56">
        <f>IF(Input!$D$19=1,J1709*Input!$C$19,0)+IF(Input!$D$20=1,K1709*Input!$C$20,0)+IF(Input!$D$21=1,L1709*Input!$C$21,0)+IF(Input!$D$22=1,M1709*Input!$C$22,0)</f>
        <v>0.2789740603334378</v>
      </c>
      <c r="O1709" s="59">
        <f>IF(Input!$D$19=2,J1709*Input!$C$19,0)+IF(Input!$D$20=2,K1709*Input!$C$20,0)+IF(Input!$D$21=2,L1709*Input!$C$21,0)+IF(Input!$D$22=2,M1709*Input!$C$22,0)</f>
        <v>0.69743515083359442</v>
      </c>
      <c r="P1709" s="59">
        <f>IF(Input!$D$19=3,J1709*Input!$C$19,0)+IF(Input!$D$20=3,K1709*Input!$C$20,0)+IF(Input!$D$21=3,L1709*Input!$C$21,0)+IF(Input!$D$22=3,M1709*Input!$C$22,0)</f>
        <v>0</v>
      </c>
      <c r="Q1709" s="75">
        <f>IF(Input!$D$19=4,J1709*Input!$C$19,0)+IF(Input!$D$20=4,K1709*Input!$C$20,0)+IF(Input!$D$21=4,L1709*Input!$C$21,0)+IF(Input!$D$22=4,M1709*Input!$C$22,0)</f>
        <v>0</v>
      </c>
      <c r="R1709" s="58">
        <v>56.286880495503183</v>
      </c>
      <c r="S1709" s="124">
        <f t="shared" si="26"/>
        <v>1.2088875947782305</v>
      </c>
    </row>
    <row r="1710" spans="8:19" x14ac:dyDescent="0.3">
      <c r="H1710" s="44">
        <v>1703</v>
      </c>
      <c r="I1710" s="56">
        <f>Bühler!I1736</f>
        <v>0.2650253573167658</v>
      </c>
      <c r="J1710" s="59">
        <f>Bühler!J1736</f>
        <v>0.88341785772255277</v>
      </c>
      <c r="K1710" s="59">
        <f>Bühler!K1736</f>
        <v>1.325126786583829</v>
      </c>
      <c r="L1710" s="59">
        <f>Bühler!L1736</f>
        <v>6.3606085756023791</v>
      </c>
      <c r="M1710" s="58">
        <f>Bühler!M1736</f>
        <v>0</v>
      </c>
      <c r="N1710" s="56">
        <f>IF(Input!$D$19=1,J1710*Input!$C$19,0)+IF(Input!$D$20=1,K1710*Input!$C$20,0)+IF(Input!$D$21=1,L1710*Input!$C$21,0)+IF(Input!$D$22=1,M1710*Input!$C$22,0)</f>
        <v>0.2650253573167658</v>
      </c>
      <c r="O1710" s="59">
        <f>IF(Input!$D$19=2,J1710*Input!$C$19,0)+IF(Input!$D$20=2,K1710*Input!$C$20,0)+IF(Input!$D$21=2,L1710*Input!$C$21,0)+IF(Input!$D$22=2,M1710*Input!$C$22,0)</f>
        <v>0.66256339329191449</v>
      </c>
      <c r="P1710" s="59">
        <f>IF(Input!$D$19=3,J1710*Input!$C$19,0)+IF(Input!$D$20=3,K1710*Input!$C$20,0)+IF(Input!$D$21=3,L1710*Input!$C$21,0)+IF(Input!$D$22=3,M1710*Input!$C$22,0)</f>
        <v>0</v>
      </c>
      <c r="Q1710" s="75">
        <f>IF(Input!$D$19=4,J1710*Input!$C$19,0)+IF(Input!$D$20=4,K1710*Input!$C$20,0)+IF(Input!$D$21=4,L1710*Input!$C$21,0)+IF(Input!$D$22=4,M1710*Input!$C$22,0)</f>
        <v>0</v>
      </c>
      <c r="R1710" s="58">
        <v>55.992010921170895</v>
      </c>
      <c r="S1710" s="124">
        <f t="shared" si="26"/>
        <v>1.1484432150393187</v>
      </c>
    </row>
    <row r="1711" spans="8:19" x14ac:dyDescent="0.3">
      <c r="H1711" s="44">
        <v>1704</v>
      </c>
      <c r="I1711" s="56">
        <f>Bühler!I1737</f>
        <v>0.2650253573167658</v>
      </c>
      <c r="J1711" s="59">
        <f>Bühler!J1737</f>
        <v>0.88341785772255277</v>
      </c>
      <c r="K1711" s="59">
        <f>Bühler!K1737</f>
        <v>1.325126786583829</v>
      </c>
      <c r="L1711" s="59">
        <f>Bühler!L1737</f>
        <v>6.3606085756023791</v>
      </c>
      <c r="M1711" s="58">
        <f>Bühler!M1737</f>
        <v>0</v>
      </c>
      <c r="N1711" s="56">
        <f>IF(Input!$D$19=1,J1711*Input!$C$19,0)+IF(Input!$D$20=1,K1711*Input!$C$20,0)+IF(Input!$D$21=1,L1711*Input!$C$21,0)+IF(Input!$D$22=1,M1711*Input!$C$22,0)</f>
        <v>0.2650253573167658</v>
      </c>
      <c r="O1711" s="59">
        <f>IF(Input!$D$19=2,J1711*Input!$C$19,0)+IF(Input!$D$20=2,K1711*Input!$C$20,0)+IF(Input!$D$21=2,L1711*Input!$C$21,0)+IF(Input!$D$22=2,M1711*Input!$C$22,0)</f>
        <v>0.66256339329191449</v>
      </c>
      <c r="P1711" s="59">
        <f>IF(Input!$D$19=3,J1711*Input!$C$19,0)+IF(Input!$D$20=3,K1711*Input!$C$20,0)+IF(Input!$D$21=3,L1711*Input!$C$21,0)+IF(Input!$D$22=3,M1711*Input!$C$22,0)</f>
        <v>0</v>
      </c>
      <c r="Q1711" s="75">
        <f>IF(Input!$D$19=4,J1711*Input!$C$19,0)+IF(Input!$D$20=4,K1711*Input!$C$20,0)+IF(Input!$D$21=4,L1711*Input!$C$21,0)+IF(Input!$D$22=4,M1711*Input!$C$22,0)</f>
        <v>0</v>
      </c>
      <c r="R1711" s="58">
        <v>55.677947653395002</v>
      </c>
      <c r="S1711" s="124">
        <f t="shared" si="26"/>
        <v>1.1484432150393187</v>
      </c>
    </row>
    <row r="1712" spans="8:19" x14ac:dyDescent="0.3">
      <c r="H1712" s="44">
        <v>1705</v>
      </c>
      <c r="I1712" s="56">
        <f>Bühler!I1738</f>
        <v>0.23768970643663137</v>
      </c>
      <c r="J1712" s="59">
        <f>Bühler!J1738</f>
        <v>0.79229902145543796</v>
      </c>
      <c r="K1712" s="59">
        <f>Bühler!K1738</f>
        <v>1.1884485321831568</v>
      </c>
      <c r="L1712" s="59">
        <f>Bühler!L1738</f>
        <v>5.7045529544791531</v>
      </c>
      <c r="M1712" s="58">
        <f>Bühler!M1738</f>
        <v>0</v>
      </c>
      <c r="N1712" s="56">
        <f>IF(Input!$D$19=1,J1712*Input!$C$19,0)+IF(Input!$D$20=1,K1712*Input!$C$20,0)+IF(Input!$D$21=1,L1712*Input!$C$21,0)+IF(Input!$D$22=1,M1712*Input!$C$22,0)</f>
        <v>0.23768970643663137</v>
      </c>
      <c r="O1712" s="59">
        <f>IF(Input!$D$19=2,J1712*Input!$C$19,0)+IF(Input!$D$20=2,K1712*Input!$C$20,0)+IF(Input!$D$21=2,L1712*Input!$C$21,0)+IF(Input!$D$22=2,M1712*Input!$C$22,0)</f>
        <v>0.59422426609157841</v>
      </c>
      <c r="P1712" s="59">
        <f>IF(Input!$D$19=3,J1712*Input!$C$19,0)+IF(Input!$D$20=3,K1712*Input!$C$20,0)+IF(Input!$D$21=3,L1712*Input!$C$21,0)+IF(Input!$D$22=3,M1712*Input!$C$22,0)</f>
        <v>0</v>
      </c>
      <c r="Q1712" s="75">
        <f>IF(Input!$D$19=4,J1712*Input!$C$19,0)+IF(Input!$D$20=4,K1712*Input!$C$20,0)+IF(Input!$D$21=4,L1712*Input!$C$21,0)+IF(Input!$D$22=4,M1712*Input!$C$22,0)</f>
        <v>0</v>
      </c>
      <c r="R1712" s="58">
        <v>55.239268813526039</v>
      </c>
      <c r="S1712" s="124">
        <f t="shared" si="26"/>
        <v>1.0299887278920694</v>
      </c>
    </row>
    <row r="1713" spans="8:19" x14ac:dyDescent="0.3">
      <c r="H1713" s="44">
        <v>1706</v>
      </c>
      <c r="I1713" s="56">
        <f>Bühler!I1739</f>
        <v>0.23768970643663137</v>
      </c>
      <c r="J1713" s="59">
        <f>Bühler!J1739</f>
        <v>0.79229902145543796</v>
      </c>
      <c r="K1713" s="59">
        <f>Bühler!K1739</f>
        <v>1.1884485321831568</v>
      </c>
      <c r="L1713" s="59">
        <f>Bühler!L1739</f>
        <v>5.7045529544791531</v>
      </c>
      <c r="M1713" s="58">
        <f>Bühler!M1739</f>
        <v>0</v>
      </c>
      <c r="N1713" s="56">
        <f>IF(Input!$D$19=1,J1713*Input!$C$19,0)+IF(Input!$D$20=1,K1713*Input!$C$20,0)+IF(Input!$D$21=1,L1713*Input!$C$21,0)+IF(Input!$D$22=1,M1713*Input!$C$22,0)</f>
        <v>0.23768970643663137</v>
      </c>
      <c r="O1713" s="59">
        <f>IF(Input!$D$19=2,J1713*Input!$C$19,0)+IF(Input!$D$20=2,K1713*Input!$C$20,0)+IF(Input!$D$21=2,L1713*Input!$C$21,0)+IF(Input!$D$22=2,M1713*Input!$C$22,0)</f>
        <v>0.59422426609157841</v>
      </c>
      <c r="P1713" s="59">
        <f>IF(Input!$D$19=3,J1713*Input!$C$19,0)+IF(Input!$D$20=3,K1713*Input!$C$20,0)+IF(Input!$D$21=3,L1713*Input!$C$21,0)+IF(Input!$D$22=3,M1713*Input!$C$22,0)</f>
        <v>0</v>
      </c>
      <c r="Q1713" s="75">
        <f>IF(Input!$D$19=4,J1713*Input!$C$19,0)+IF(Input!$D$20=4,K1713*Input!$C$20,0)+IF(Input!$D$21=4,L1713*Input!$C$21,0)+IF(Input!$D$22=4,M1713*Input!$C$22,0)</f>
        <v>0</v>
      </c>
      <c r="R1713" s="58">
        <v>56.948445498344071</v>
      </c>
      <c r="S1713" s="124">
        <f t="shared" si="26"/>
        <v>1.0299887278920694</v>
      </c>
    </row>
    <row r="1714" spans="8:19" x14ac:dyDescent="0.3">
      <c r="H1714" s="44">
        <v>1707</v>
      </c>
      <c r="I1714" s="56">
        <f>Bühler!I1740</f>
        <v>0.23768970643663137</v>
      </c>
      <c r="J1714" s="59">
        <f>Bühler!J1740</f>
        <v>0.79229902145543796</v>
      </c>
      <c r="K1714" s="59">
        <f>Bühler!K1740</f>
        <v>1.1884485321831568</v>
      </c>
      <c r="L1714" s="59">
        <f>Bühler!L1740</f>
        <v>5.7045529544791531</v>
      </c>
      <c r="M1714" s="58">
        <f>Bühler!M1740</f>
        <v>0</v>
      </c>
      <c r="N1714" s="56">
        <f>IF(Input!$D$19=1,J1714*Input!$C$19,0)+IF(Input!$D$20=1,K1714*Input!$C$20,0)+IF(Input!$D$21=1,L1714*Input!$C$21,0)+IF(Input!$D$22=1,M1714*Input!$C$22,0)</f>
        <v>0.23768970643663137</v>
      </c>
      <c r="O1714" s="59">
        <f>IF(Input!$D$19=2,J1714*Input!$C$19,0)+IF(Input!$D$20=2,K1714*Input!$C$20,0)+IF(Input!$D$21=2,L1714*Input!$C$21,0)+IF(Input!$D$22=2,M1714*Input!$C$22,0)</f>
        <v>0.59422426609157841</v>
      </c>
      <c r="P1714" s="59">
        <f>IF(Input!$D$19=3,J1714*Input!$C$19,0)+IF(Input!$D$20=3,K1714*Input!$C$20,0)+IF(Input!$D$21=3,L1714*Input!$C$21,0)+IF(Input!$D$22=3,M1714*Input!$C$22,0)</f>
        <v>0</v>
      </c>
      <c r="Q1714" s="75">
        <f>IF(Input!$D$19=4,J1714*Input!$C$19,0)+IF(Input!$D$20=4,K1714*Input!$C$20,0)+IF(Input!$D$21=4,L1714*Input!$C$21,0)+IF(Input!$D$22=4,M1714*Input!$C$22,0)</f>
        <v>0</v>
      </c>
      <c r="R1714" s="58">
        <v>57.769292360774223</v>
      </c>
      <c r="S1714" s="124">
        <f t="shared" si="26"/>
        <v>1.0299887278920694</v>
      </c>
    </row>
    <row r="1715" spans="8:19" x14ac:dyDescent="0.3">
      <c r="H1715" s="44">
        <v>1708</v>
      </c>
      <c r="I1715" s="56">
        <f>Bühler!I1741</f>
        <v>0.23768970643663137</v>
      </c>
      <c r="J1715" s="59">
        <f>Bühler!J1741</f>
        <v>0.79229902145543796</v>
      </c>
      <c r="K1715" s="59">
        <f>Bühler!K1741</f>
        <v>1.1884485321831568</v>
      </c>
      <c r="L1715" s="59">
        <f>Bühler!L1741</f>
        <v>5.7045529544791531</v>
      </c>
      <c r="M1715" s="58">
        <f>Bühler!M1741</f>
        <v>0</v>
      </c>
      <c r="N1715" s="56">
        <f>IF(Input!$D$19=1,J1715*Input!$C$19,0)+IF(Input!$D$20=1,K1715*Input!$C$20,0)+IF(Input!$D$21=1,L1715*Input!$C$21,0)+IF(Input!$D$22=1,M1715*Input!$C$22,0)</f>
        <v>0.23768970643663137</v>
      </c>
      <c r="O1715" s="59">
        <f>IF(Input!$D$19=2,J1715*Input!$C$19,0)+IF(Input!$D$20=2,K1715*Input!$C$20,0)+IF(Input!$D$21=2,L1715*Input!$C$21,0)+IF(Input!$D$22=2,M1715*Input!$C$22,0)</f>
        <v>0.59422426609157841</v>
      </c>
      <c r="P1715" s="59">
        <f>IF(Input!$D$19=3,J1715*Input!$C$19,0)+IF(Input!$D$20=3,K1715*Input!$C$20,0)+IF(Input!$D$21=3,L1715*Input!$C$21,0)+IF(Input!$D$22=3,M1715*Input!$C$22,0)</f>
        <v>0</v>
      </c>
      <c r="Q1715" s="75">
        <f>IF(Input!$D$19=4,J1715*Input!$C$19,0)+IF(Input!$D$20=4,K1715*Input!$C$20,0)+IF(Input!$D$21=4,L1715*Input!$C$21,0)+IF(Input!$D$22=4,M1715*Input!$C$22,0)</f>
        <v>0</v>
      </c>
      <c r="R1715" s="58">
        <v>57.465186342217024</v>
      </c>
      <c r="S1715" s="124">
        <f t="shared" si="26"/>
        <v>1.0299887278920694</v>
      </c>
    </row>
    <row r="1716" spans="8:19" x14ac:dyDescent="0.3">
      <c r="H1716" s="44">
        <v>1709</v>
      </c>
      <c r="I1716" s="56">
        <f>Bühler!I1742</f>
        <v>0.23768970643663137</v>
      </c>
      <c r="J1716" s="59">
        <f>Bühler!J1742</f>
        <v>0.79229902145543796</v>
      </c>
      <c r="K1716" s="59">
        <f>Bühler!K1742</f>
        <v>1.1884485321831568</v>
      </c>
      <c r="L1716" s="59">
        <f>Bühler!L1742</f>
        <v>5.7045529544791531</v>
      </c>
      <c r="M1716" s="58">
        <f>Bühler!M1742</f>
        <v>0</v>
      </c>
      <c r="N1716" s="56">
        <f>IF(Input!$D$19=1,J1716*Input!$C$19,0)+IF(Input!$D$20=1,K1716*Input!$C$20,0)+IF(Input!$D$21=1,L1716*Input!$C$21,0)+IF(Input!$D$22=1,M1716*Input!$C$22,0)</f>
        <v>0.23768970643663137</v>
      </c>
      <c r="O1716" s="59">
        <f>IF(Input!$D$19=2,J1716*Input!$C$19,0)+IF(Input!$D$20=2,K1716*Input!$C$20,0)+IF(Input!$D$21=2,L1716*Input!$C$21,0)+IF(Input!$D$22=2,M1716*Input!$C$22,0)</f>
        <v>0.59422426609157841</v>
      </c>
      <c r="P1716" s="59">
        <f>IF(Input!$D$19=3,J1716*Input!$C$19,0)+IF(Input!$D$20=3,K1716*Input!$C$20,0)+IF(Input!$D$21=3,L1716*Input!$C$21,0)+IF(Input!$D$22=3,M1716*Input!$C$22,0)</f>
        <v>0</v>
      </c>
      <c r="Q1716" s="75">
        <f>IF(Input!$D$19=4,J1716*Input!$C$19,0)+IF(Input!$D$20=4,K1716*Input!$C$20,0)+IF(Input!$D$21=4,L1716*Input!$C$21,0)+IF(Input!$D$22=4,M1716*Input!$C$22,0)</f>
        <v>0</v>
      </c>
      <c r="R1716" s="58">
        <v>59.237589157871177</v>
      </c>
      <c r="S1716" s="124">
        <f t="shared" si="26"/>
        <v>1.0299887278920694</v>
      </c>
    </row>
    <row r="1717" spans="8:19" x14ac:dyDescent="0.3">
      <c r="H1717" s="44">
        <v>1710</v>
      </c>
      <c r="I1717" s="56">
        <f>Bühler!I1743</f>
        <v>0.30899661836762071</v>
      </c>
      <c r="J1717" s="59">
        <f>Bühler!J1743</f>
        <v>1.0299887278920692</v>
      </c>
      <c r="K1717" s="59">
        <f>Bühler!K1743</f>
        <v>1.5449830918381036</v>
      </c>
      <c r="L1717" s="59">
        <f>Bühler!L1743</f>
        <v>7.4159188408228971</v>
      </c>
      <c r="M1717" s="58">
        <f>Bühler!M1743</f>
        <v>0</v>
      </c>
      <c r="N1717" s="56">
        <f>IF(Input!$D$19=1,J1717*Input!$C$19,0)+IF(Input!$D$20=1,K1717*Input!$C$20,0)+IF(Input!$D$21=1,L1717*Input!$C$21,0)+IF(Input!$D$22=1,M1717*Input!$C$22,0)</f>
        <v>0.30899661836762077</v>
      </c>
      <c r="O1717" s="59">
        <f>IF(Input!$D$19=2,J1717*Input!$C$19,0)+IF(Input!$D$20=2,K1717*Input!$C$20,0)+IF(Input!$D$21=2,L1717*Input!$C$21,0)+IF(Input!$D$22=2,M1717*Input!$C$22,0)</f>
        <v>0.77249154591905178</v>
      </c>
      <c r="P1717" s="59">
        <f>IF(Input!$D$19=3,J1717*Input!$C$19,0)+IF(Input!$D$20=3,K1717*Input!$C$20,0)+IF(Input!$D$21=3,L1717*Input!$C$21,0)+IF(Input!$D$22=3,M1717*Input!$C$22,0)</f>
        <v>0</v>
      </c>
      <c r="Q1717" s="75">
        <f>IF(Input!$D$19=4,J1717*Input!$C$19,0)+IF(Input!$D$20=4,K1717*Input!$C$20,0)+IF(Input!$D$21=4,L1717*Input!$C$21,0)+IF(Input!$D$22=4,M1717*Input!$C$22,0)</f>
        <v>0</v>
      </c>
      <c r="R1717" s="58">
        <v>62.960169680530882</v>
      </c>
      <c r="S1717" s="124">
        <f t="shared" si="26"/>
        <v>1.3389853462596899</v>
      </c>
    </row>
    <row r="1718" spans="8:19" x14ac:dyDescent="0.3">
      <c r="H1718" s="44">
        <v>1711</v>
      </c>
      <c r="I1718" s="56">
        <f>Bühler!I1744</f>
        <v>0.34465007433311545</v>
      </c>
      <c r="J1718" s="59">
        <f>Bühler!J1744</f>
        <v>1.1488335811103849</v>
      </c>
      <c r="K1718" s="59">
        <f>Bühler!K1744</f>
        <v>1.7232503716655772</v>
      </c>
      <c r="L1718" s="59">
        <f>Bühler!L1744</f>
        <v>8.27160178399477</v>
      </c>
      <c r="M1718" s="58">
        <f>Bühler!M1744</f>
        <v>0</v>
      </c>
      <c r="N1718" s="56">
        <f>IF(Input!$D$19=1,J1718*Input!$C$19,0)+IF(Input!$D$20=1,K1718*Input!$C$20,0)+IF(Input!$D$21=1,L1718*Input!$C$21,0)+IF(Input!$D$22=1,M1718*Input!$C$22,0)</f>
        <v>0.34465007433311545</v>
      </c>
      <c r="O1718" s="59">
        <f>IF(Input!$D$19=2,J1718*Input!$C$19,0)+IF(Input!$D$20=2,K1718*Input!$C$20,0)+IF(Input!$D$21=2,L1718*Input!$C$21,0)+IF(Input!$D$22=2,M1718*Input!$C$22,0)</f>
        <v>0.86162518583278858</v>
      </c>
      <c r="P1718" s="59">
        <f>IF(Input!$D$19=3,J1718*Input!$C$19,0)+IF(Input!$D$20=3,K1718*Input!$C$20,0)+IF(Input!$D$21=3,L1718*Input!$C$21,0)+IF(Input!$D$22=3,M1718*Input!$C$22,0)</f>
        <v>0</v>
      </c>
      <c r="Q1718" s="75">
        <f>IF(Input!$D$19=4,J1718*Input!$C$19,0)+IF(Input!$D$20=4,K1718*Input!$C$20,0)+IF(Input!$D$21=4,L1718*Input!$C$21,0)+IF(Input!$D$22=4,M1718*Input!$C$22,0)</f>
        <v>0</v>
      </c>
      <c r="R1718" s="58">
        <v>66.303795205665025</v>
      </c>
      <c r="S1718" s="124">
        <f t="shared" si="26"/>
        <v>1.4934836554435003</v>
      </c>
    </row>
    <row r="1719" spans="8:19" x14ac:dyDescent="0.3">
      <c r="H1719" s="44">
        <v>1712</v>
      </c>
      <c r="I1719" s="56">
        <f>Bühler!I1745</f>
        <v>0.35653455965494707</v>
      </c>
      <c r="J1719" s="59">
        <f>Bühler!J1745</f>
        <v>1.188448532183157</v>
      </c>
      <c r="K1719" s="59">
        <f>Bühler!K1745</f>
        <v>1.7826727982747352</v>
      </c>
      <c r="L1719" s="59">
        <f>Bühler!L1745</f>
        <v>8.5568294317187288</v>
      </c>
      <c r="M1719" s="58">
        <f>Bühler!M1745</f>
        <v>0</v>
      </c>
      <c r="N1719" s="56">
        <f>IF(Input!$D$19=1,J1719*Input!$C$19,0)+IF(Input!$D$20=1,K1719*Input!$C$20,0)+IF(Input!$D$21=1,L1719*Input!$C$21,0)+IF(Input!$D$22=1,M1719*Input!$C$22,0)</f>
        <v>0.35653455965494713</v>
      </c>
      <c r="O1719" s="59">
        <f>IF(Input!$D$19=2,J1719*Input!$C$19,0)+IF(Input!$D$20=2,K1719*Input!$C$20,0)+IF(Input!$D$21=2,L1719*Input!$C$21,0)+IF(Input!$D$22=2,M1719*Input!$C$22,0)</f>
        <v>0.89133639913736762</v>
      </c>
      <c r="P1719" s="59">
        <f>IF(Input!$D$19=3,J1719*Input!$C$19,0)+IF(Input!$D$20=3,K1719*Input!$C$20,0)+IF(Input!$D$21=3,L1719*Input!$C$21,0)+IF(Input!$D$22=3,M1719*Input!$C$22,0)</f>
        <v>0</v>
      </c>
      <c r="Q1719" s="75">
        <f>IF(Input!$D$19=4,J1719*Input!$C$19,0)+IF(Input!$D$20=4,K1719*Input!$C$20,0)+IF(Input!$D$21=4,L1719*Input!$C$21,0)+IF(Input!$D$22=4,M1719*Input!$C$22,0)</f>
        <v>0</v>
      </c>
      <c r="R1719" s="58">
        <v>67.407954343418737</v>
      </c>
      <c r="S1719" s="124">
        <f t="shared" si="26"/>
        <v>1.544983091838104</v>
      </c>
    </row>
    <row r="1720" spans="8:19" x14ac:dyDescent="0.3">
      <c r="H1720" s="44">
        <v>1713</v>
      </c>
      <c r="I1720" s="56">
        <f>Bühler!I1746</f>
        <v>0.35653455965494707</v>
      </c>
      <c r="J1720" s="59">
        <f>Bühler!J1746</f>
        <v>1.188448532183157</v>
      </c>
      <c r="K1720" s="59">
        <f>Bühler!K1746</f>
        <v>1.7826727982747352</v>
      </c>
      <c r="L1720" s="59">
        <f>Bühler!L1746</f>
        <v>8.5568294317187288</v>
      </c>
      <c r="M1720" s="58">
        <f>Bühler!M1746</f>
        <v>0</v>
      </c>
      <c r="N1720" s="56">
        <f>IF(Input!$D$19=1,J1720*Input!$C$19,0)+IF(Input!$D$20=1,K1720*Input!$C$20,0)+IF(Input!$D$21=1,L1720*Input!$C$21,0)+IF(Input!$D$22=1,M1720*Input!$C$22,0)</f>
        <v>0.35653455965494713</v>
      </c>
      <c r="O1720" s="59">
        <f>IF(Input!$D$19=2,J1720*Input!$C$19,0)+IF(Input!$D$20=2,K1720*Input!$C$20,0)+IF(Input!$D$21=2,L1720*Input!$C$21,0)+IF(Input!$D$22=2,M1720*Input!$C$22,0)</f>
        <v>0.89133639913736762</v>
      </c>
      <c r="P1720" s="59">
        <f>IF(Input!$D$19=3,J1720*Input!$C$19,0)+IF(Input!$D$20=3,K1720*Input!$C$20,0)+IF(Input!$D$21=3,L1720*Input!$C$21,0)+IF(Input!$D$22=3,M1720*Input!$C$22,0)</f>
        <v>0</v>
      </c>
      <c r="Q1720" s="75">
        <f>IF(Input!$D$19=4,J1720*Input!$C$19,0)+IF(Input!$D$20=4,K1720*Input!$C$20,0)+IF(Input!$D$21=4,L1720*Input!$C$21,0)+IF(Input!$D$22=4,M1720*Input!$C$22,0)</f>
        <v>0</v>
      </c>
      <c r="R1720" s="58">
        <v>68.198680618656553</v>
      </c>
      <c r="S1720" s="124">
        <f t="shared" si="26"/>
        <v>1.544983091838104</v>
      </c>
    </row>
    <row r="1721" spans="8:19" x14ac:dyDescent="0.3">
      <c r="H1721" s="44">
        <v>1714</v>
      </c>
      <c r="I1721" s="56">
        <f>Bühler!I1747</f>
        <v>0.38624577295952589</v>
      </c>
      <c r="J1721" s="59">
        <f>Bühler!J1747</f>
        <v>1.2874859098650866</v>
      </c>
      <c r="K1721" s="59">
        <f>Bühler!K1747</f>
        <v>1.9312288647976295</v>
      </c>
      <c r="L1721" s="59">
        <f>Bühler!L1747</f>
        <v>9.2698985510286214</v>
      </c>
      <c r="M1721" s="58">
        <f>Bühler!M1747</f>
        <v>0</v>
      </c>
      <c r="N1721" s="56">
        <f>IF(Input!$D$19=1,J1721*Input!$C$19,0)+IF(Input!$D$20=1,K1721*Input!$C$20,0)+IF(Input!$D$21=1,L1721*Input!$C$21,0)+IF(Input!$D$22=1,M1721*Input!$C$22,0)</f>
        <v>0.38624577295952595</v>
      </c>
      <c r="O1721" s="59">
        <f>IF(Input!$D$19=2,J1721*Input!$C$19,0)+IF(Input!$D$20=2,K1721*Input!$C$20,0)+IF(Input!$D$21=2,L1721*Input!$C$21,0)+IF(Input!$D$22=2,M1721*Input!$C$22,0)</f>
        <v>0.96561443239881473</v>
      </c>
      <c r="P1721" s="59">
        <f>IF(Input!$D$19=3,J1721*Input!$C$19,0)+IF(Input!$D$20=3,K1721*Input!$C$20,0)+IF(Input!$D$21=3,L1721*Input!$C$21,0)+IF(Input!$D$22=3,M1721*Input!$C$22,0)</f>
        <v>0</v>
      </c>
      <c r="Q1721" s="75">
        <f>IF(Input!$D$19=4,J1721*Input!$C$19,0)+IF(Input!$D$20=4,K1721*Input!$C$20,0)+IF(Input!$D$21=4,L1721*Input!$C$21,0)+IF(Input!$D$22=4,M1721*Input!$C$22,0)</f>
        <v>0</v>
      </c>
      <c r="R1721" s="58">
        <v>67.886700447892125</v>
      </c>
      <c r="S1721" s="124">
        <f t="shared" si="26"/>
        <v>1.6737316828246125</v>
      </c>
    </row>
    <row r="1722" spans="8:19" x14ac:dyDescent="0.3">
      <c r="H1722" s="44">
        <v>1715</v>
      </c>
      <c r="I1722" s="56">
        <f>Bühler!I1748</f>
        <v>0.40407250094227326</v>
      </c>
      <c r="J1722" s="59">
        <f>Bühler!J1748</f>
        <v>1.3469083364742442</v>
      </c>
      <c r="K1722" s="59">
        <f>Bühler!K1748</f>
        <v>2.020362504711366</v>
      </c>
      <c r="L1722" s="59">
        <f>Bühler!L1748</f>
        <v>9.6977400226145587</v>
      </c>
      <c r="M1722" s="58">
        <f>Bühler!M1748</f>
        <v>0</v>
      </c>
      <c r="N1722" s="56">
        <f>IF(Input!$D$19=1,J1722*Input!$C$19,0)+IF(Input!$D$20=1,K1722*Input!$C$20,0)+IF(Input!$D$21=1,L1722*Input!$C$21,0)+IF(Input!$D$22=1,M1722*Input!$C$22,0)</f>
        <v>0.40407250094227326</v>
      </c>
      <c r="O1722" s="59">
        <f>IF(Input!$D$19=2,J1722*Input!$C$19,0)+IF(Input!$D$20=2,K1722*Input!$C$20,0)+IF(Input!$D$21=2,L1722*Input!$C$21,0)+IF(Input!$D$22=2,M1722*Input!$C$22,0)</f>
        <v>1.010181252355683</v>
      </c>
      <c r="P1722" s="59">
        <f>IF(Input!$D$19=3,J1722*Input!$C$19,0)+IF(Input!$D$20=3,K1722*Input!$C$20,0)+IF(Input!$D$21=3,L1722*Input!$C$21,0)+IF(Input!$D$22=3,M1722*Input!$C$22,0)</f>
        <v>0</v>
      </c>
      <c r="Q1722" s="75">
        <f>IF(Input!$D$19=4,J1722*Input!$C$19,0)+IF(Input!$D$20=4,K1722*Input!$C$20,0)+IF(Input!$D$21=4,L1722*Input!$C$21,0)+IF(Input!$D$22=4,M1722*Input!$C$22,0)</f>
        <v>0</v>
      </c>
      <c r="R1722" s="58">
        <v>68.676174287677469</v>
      </c>
      <c r="S1722" s="124">
        <f t="shared" si="26"/>
        <v>1.7509808374165174</v>
      </c>
    </row>
    <row r="1723" spans="8:19" x14ac:dyDescent="0.3">
      <c r="H1723" s="44">
        <v>1716</v>
      </c>
      <c r="I1723" s="56">
        <f>Bühler!I1749</f>
        <v>0.47537941287326274</v>
      </c>
      <c r="J1723" s="59">
        <f>Bühler!J1749</f>
        <v>1.5845980429108759</v>
      </c>
      <c r="K1723" s="59">
        <f>Bühler!K1749</f>
        <v>2.3768970643663136</v>
      </c>
      <c r="L1723" s="59">
        <f>Bühler!L1749</f>
        <v>11.409105908958306</v>
      </c>
      <c r="M1723" s="58">
        <f>Bühler!M1749</f>
        <v>0</v>
      </c>
      <c r="N1723" s="56">
        <f>IF(Input!$D$19=1,J1723*Input!$C$19,0)+IF(Input!$D$20=1,K1723*Input!$C$20,0)+IF(Input!$D$21=1,L1723*Input!$C$21,0)+IF(Input!$D$22=1,M1723*Input!$C$22,0)</f>
        <v>0.47537941287326274</v>
      </c>
      <c r="O1723" s="59">
        <f>IF(Input!$D$19=2,J1723*Input!$C$19,0)+IF(Input!$D$20=2,K1723*Input!$C$20,0)+IF(Input!$D$21=2,L1723*Input!$C$21,0)+IF(Input!$D$22=2,M1723*Input!$C$22,0)</f>
        <v>1.1884485321831568</v>
      </c>
      <c r="P1723" s="59">
        <f>IF(Input!$D$19=3,J1723*Input!$C$19,0)+IF(Input!$D$20=3,K1723*Input!$C$20,0)+IF(Input!$D$21=3,L1723*Input!$C$21,0)+IF(Input!$D$22=3,M1723*Input!$C$22,0)</f>
        <v>0</v>
      </c>
      <c r="Q1723" s="75">
        <f>IF(Input!$D$19=4,J1723*Input!$C$19,0)+IF(Input!$D$20=4,K1723*Input!$C$20,0)+IF(Input!$D$21=4,L1723*Input!$C$21,0)+IF(Input!$D$22=4,M1723*Input!$C$22,0)</f>
        <v>0</v>
      </c>
      <c r="R1723" s="58">
        <v>68.917653061376271</v>
      </c>
      <c r="S1723" s="124">
        <f t="shared" si="26"/>
        <v>2.0599774557841388</v>
      </c>
    </row>
    <row r="1724" spans="8:19" x14ac:dyDescent="0.3">
      <c r="H1724" s="44">
        <v>1717</v>
      </c>
      <c r="I1724" s="56">
        <f>Bühler!I1750</f>
        <v>0.47537941287326274</v>
      </c>
      <c r="J1724" s="59">
        <f>Bühler!J1750</f>
        <v>1.5845980429108759</v>
      </c>
      <c r="K1724" s="59">
        <f>Bühler!K1750</f>
        <v>2.3768970643663136</v>
      </c>
      <c r="L1724" s="59">
        <f>Bühler!L1750</f>
        <v>11.409105908958306</v>
      </c>
      <c r="M1724" s="58">
        <f>Bühler!M1750</f>
        <v>0</v>
      </c>
      <c r="N1724" s="56">
        <f>IF(Input!$D$19=1,J1724*Input!$C$19,0)+IF(Input!$D$20=1,K1724*Input!$C$20,0)+IF(Input!$D$21=1,L1724*Input!$C$21,0)+IF(Input!$D$22=1,M1724*Input!$C$22,0)</f>
        <v>0.47537941287326274</v>
      </c>
      <c r="O1724" s="59">
        <f>IF(Input!$D$19=2,J1724*Input!$C$19,0)+IF(Input!$D$20=2,K1724*Input!$C$20,0)+IF(Input!$D$21=2,L1724*Input!$C$21,0)+IF(Input!$D$22=2,M1724*Input!$C$22,0)</f>
        <v>1.1884485321831568</v>
      </c>
      <c r="P1724" s="59">
        <f>IF(Input!$D$19=3,J1724*Input!$C$19,0)+IF(Input!$D$20=3,K1724*Input!$C$20,0)+IF(Input!$D$21=3,L1724*Input!$C$21,0)+IF(Input!$D$22=3,M1724*Input!$C$22,0)</f>
        <v>0</v>
      </c>
      <c r="Q1724" s="75">
        <f>IF(Input!$D$19=4,J1724*Input!$C$19,0)+IF(Input!$D$20=4,K1724*Input!$C$20,0)+IF(Input!$D$21=4,L1724*Input!$C$21,0)+IF(Input!$D$22=4,M1724*Input!$C$22,0)</f>
        <v>0</v>
      </c>
      <c r="R1724" s="58">
        <v>67.783722716004505</v>
      </c>
      <c r="S1724" s="124">
        <f t="shared" si="26"/>
        <v>2.0599774557841388</v>
      </c>
    </row>
    <row r="1725" spans="8:19" x14ac:dyDescent="0.3">
      <c r="H1725" s="44">
        <v>1718</v>
      </c>
      <c r="I1725" s="56">
        <f>Bühler!I1751</f>
        <v>0.47537941287326274</v>
      </c>
      <c r="J1725" s="59">
        <f>Bühler!J1751</f>
        <v>1.5845980429108759</v>
      </c>
      <c r="K1725" s="59">
        <f>Bühler!K1751</f>
        <v>2.3768970643663136</v>
      </c>
      <c r="L1725" s="59">
        <f>Bühler!L1751</f>
        <v>11.409105908958306</v>
      </c>
      <c r="M1725" s="58">
        <f>Bühler!M1751</f>
        <v>0</v>
      </c>
      <c r="N1725" s="56">
        <f>IF(Input!$D$19=1,J1725*Input!$C$19,0)+IF(Input!$D$20=1,K1725*Input!$C$20,0)+IF(Input!$D$21=1,L1725*Input!$C$21,0)+IF(Input!$D$22=1,M1725*Input!$C$22,0)</f>
        <v>0.47537941287326274</v>
      </c>
      <c r="O1725" s="59">
        <f>IF(Input!$D$19=2,J1725*Input!$C$19,0)+IF(Input!$D$20=2,K1725*Input!$C$20,0)+IF(Input!$D$21=2,L1725*Input!$C$21,0)+IF(Input!$D$22=2,M1725*Input!$C$22,0)</f>
        <v>1.1884485321831568</v>
      </c>
      <c r="P1725" s="59">
        <f>IF(Input!$D$19=3,J1725*Input!$C$19,0)+IF(Input!$D$20=3,K1725*Input!$C$20,0)+IF(Input!$D$21=3,L1725*Input!$C$21,0)+IF(Input!$D$22=3,M1725*Input!$C$22,0)</f>
        <v>0</v>
      </c>
      <c r="Q1725" s="75">
        <f>IF(Input!$D$19=4,J1725*Input!$C$19,0)+IF(Input!$D$20=4,K1725*Input!$C$20,0)+IF(Input!$D$21=4,L1725*Input!$C$21,0)+IF(Input!$D$22=4,M1725*Input!$C$22,0)</f>
        <v>0</v>
      </c>
      <c r="R1725" s="58">
        <v>67.483767259318412</v>
      </c>
      <c r="S1725" s="124">
        <f t="shared" si="26"/>
        <v>2.0599774557841388</v>
      </c>
    </row>
    <row r="1726" spans="8:19" x14ac:dyDescent="0.3">
      <c r="H1726" s="44">
        <v>1719</v>
      </c>
      <c r="I1726" s="56">
        <f>Bühler!I1752</f>
        <v>0.47537941287326274</v>
      </c>
      <c r="J1726" s="59">
        <f>Bühler!J1752</f>
        <v>1.5845980429108759</v>
      </c>
      <c r="K1726" s="59">
        <f>Bühler!K1752</f>
        <v>2.3768970643663136</v>
      </c>
      <c r="L1726" s="59">
        <f>Bühler!L1752</f>
        <v>11.409105908958306</v>
      </c>
      <c r="M1726" s="58">
        <f>Bühler!M1752</f>
        <v>0</v>
      </c>
      <c r="N1726" s="56">
        <f>IF(Input!$D$19=1,J1726*Input!$C$19,0)+IF(Input!$D$20=1,K1726*Input!$C$20,0)+IF(Input!$D$21=1,L1726*Input!$C$21,0)+IF(Input!$D$22=1,M1726*Input!$C$22,0)</f>
        <v>0.47537941287326274</v>
      </c>
      <c r="O1726" s="59">
        <f>IF(Input!$D$19=2,J1726*Input!$C$19,0)+IF(Input!$D$20=2,K1726*Input!$C$20,0)+IF(Input!$D$21=2,L1726*Input!$C$21,0)+IF(Input!$D$22=2,M1726*Input!$C$22,0)</f>
        <v>1.1884485321831568</v>
      </c>
      <c r="P1726" s="59">
        <f>IF(Input!$D$19=3,J1726*Input!$C$19,0)+IF(Input!$D$20=3,K1726*Input!$C$20,0)+IF(Input!$D$21=3,L1726*Input!$C$21,0)+IF(Input!$D$22=3,M1726*Input!$C$22,0)</f>
        <v>0</v>
      </c>
      <c r="Q1726" s="75">
        <f>IF(Input!$D$19=4,J1726*Input!$C$19,0)+IF(Input!$D$20=4,K1726*Input!$C$20,0)+IF(Input!$D$21=4,L1726*Input!$C$21,0)+IF(Input!$D$22=4,M1726*Input!$C$22,0)</f>
        <v>0</v>
      </c>
      <c r="R1726" s="58">
        <v>67.108731636494909</v>
      </c>
      <c r="S1726" s="124">
        <f t="shared" si="26"/>
        <v>2.0599774557841388</v>
      </c>
    </row>
    <row r="1727" spans="8:19" x14ac:dyDescent="0.3">
      <c r="H1727" s="44">
        <v>1720</v>
      </c>
      <c r="I1727" s="56">
        <f>Bühler!I1753</f>
        <v>0.47537941287326274</v>
      </c>
      <c r="J1727" s="59">
        <f>Bühler!J1753</f>
        <v>1.5845980429108759</v>
      </c>
      <c r="K1727" s="59">
        <f>Bühler!K1753</f>
        <v>2.3768970643663136</v>
      </c>
      <c r="L1727" s="59">
        <f>Bühler!L1753</f>
        <v>11.409105908958306</v>
      </c>
      <c r="M1727" s="58">
        <f>Bühler!M1753</f>
        <v>0</v>
      </c>
      <c r="N1727" s="56">
        <f>IF(Input!$D$19=1,J1727*Input!$C$19,0)+IF(Input!$D$20=1,K1727*Input!$C$20,0)+IF(Input!$D$21=1,L1727*Input!$C$21,0)+IF(Input!$D$22=1,M1727*Input!$C$22,0)</f>
        <v>0.47537941287326274</v>
      </c>
      <c r="O1727" s="59">
        <f>IF(Input!$D$19=2,J1727*Input!$C$19,0)+IF(Input!$D$20=2,K1727*Input!$C$20,0)+IF(Input!$D$21=2,L1727*Input!$C$21,0)+IF(Input!$D$22=2,M1727*Input!$C$22,0)</f>
        <v>1.1884485321831568</v>
      </c>
      <c r="P1727" s="59">
        <f>IF(Input!$D$19=3,J1727*Input!$C$19,0)+IF(Input!$D$20=3,K1727*Input!$C$20,0)+IF(Input!$D$21=3,L1727*Input!$C$21,0)+IF(Input!$D$22=3,M1727*Input!$C$22,0)</f>
        <v>0</v>
      </c>
      <c r="Q1727" s="75">
        <f>IF(Input!$D$19=4,J1727*Input!$C$19,0)+IF(Input!$D$20=4,K1727*Input!$C$20,0)+IF(Input!$D$21=4,L1727*Input!$C$21,0)+IF(Input!$D$22=4,M1727*Input!$C$22,0)</f>
        <v>0</v>
      </c>
      <c r="R1727" s="58">
        <v>66.208368332686319</v>
      </c>
      <c r="S1727" s="124">
        <f t="shared" si="26"/>
        <v>2.0599774557841388</v>
      </c>
    </row>
    <row r="1728" spans="8:19" x14ac:dyDescent="0.3">
      <c r="H1728" s="44">
        <v>1721</v>
      </c>
      <c r="I1728" s="56">
        <f>Bühler!I1754</f>
        <v>0.47537941287326274</v>
      </c>
      <c r="J1728" s="59">
        <f>Bühler!J1754</f>
        <v>1.5845980429108759</v>
      </c>
      <c r="K1728" s="59">
        <f>Bühler!K1754</f>
        <v>2.3768970643663136</v>
      </c>
      <c r="L1728" s="59">
        <f>Bühler!L1754</f>
        <v>11.409105908958306</v>
      </c>
      <c r="M1728" s="58">
        <f>Bühler!M1754</f>
        <v>0</v>
      </c>
      <c r="N1728" s="56">
        <f>IF(Input!$D$19=1,J1728*Input!$C$19,0)+IF(Input!$D$20=1,K1728*Input!$C$20,0)+IF(Input!$D$21=1,L1728*Input!$C$21,0)+IF(Input!$D$22=1,M1728*Input!$C$22,0)</f>
        <v>0.47537941287326274</v>
      </c>
      <c r="O1728" s="59">
        <f>IF(Input!$D$19=2,J1728*Input!$C$19,0)+IF(Input!$D$20=2,K1728*Input!$C$20,0)+IF(Input!$D$21=2,L1728*Input!$C$21,0)+IF(Input!$D$22=2,M1728*Input!$C$22,0)</f>
        <v>1.1884485321831568</v>
      </c>
      <c r="P1728" s="59">
        <f>IF(Input!$D$19=3,J1728*Input!$C$19,0)+IF(Input!$D$20=3,K1728*Input!$C$20,0)+IF(Input!$D$21=3,L1728*Input!$C$21,0)+IF(Input!$D$22=3,M1728*Input!$C$22,0)</f>
        <v>0</v>
      </c>
      <c r="Q1728" s="75">
        <f>IF(Input!$D$19=4,J1728*Input!$C$19,0)+IF(Input!$D$20=4,K1728*Input!$C$20,0)+IF(Input!$D$21=4,L1728*Input!$C$21,0)+IF(Input!$D$22=4,M1728*Input!$C$22,0)</f>
        <v>0</v>
      </c>
      <c r="R1728" s="58">
        <v>65.391945055406538</v>
      </c>
      <c r="S1728" s="124">
        <f t="shared" si="26"/>
        <v>2.0599774557841388</v>
      </c>
    </row>
    <row r="1729" spans="8:19" x14ac:dyDescent="0.3">
      <c r="H1729" s="44">
        <v>1722</v>
      </c>
      <c r="I1729" s="56">
        <f>Bühler!I1755</f>
        <v>0.47537941287326274</v>
      </c>
      <c r="J1729" s="59">
        <f>Bühler!J1755</f>
        <v>1.5845980429108759</v>
      </c>
      <c r="K1729" s="59">
        <f>Bühler!K1755</f>
        <v>2.3768970643663136</v>
      </c>
      <c r="L1729" s="59">
        <f>Bühler!L1755</f>
        <v>11.409105908958306</v>
      </c>
      <c r="M1729" s="58">
        <f>Bühler!M1755</f>
        <v>0</v>
      </c>
      <c r="N1729" s="56">
        <f>IF(Input!$D$19=1,J1729*Input!$C$19,0)+IF(Input!$D$20=1,K1729*Input!$C$20,0)+IF(Input!$D$21=1,L1729*Input!$C$21,0)+IF(Input!$D$22=1,M1729*Input!$C$22,0)</f>
        <v>0.47537941287326274</v>
      </c>
      <c r="O1729" s="59">
        <f>IF(Input!$D$19=2,J1729*Input!$C$19,0)+IF(Input!$D$20=2,K1729*Input!$C$20,0)+IF(Input!$D$21=2,L1729*Input!$C$21,0)+IF(Input!$D$22=2,M1729*Input!$C$22,0)</f>
        <v>1.1884485321831568</v>
      </c>
      <c r="P1729" s="59">
        <f>IF(Input!$D$19=3,J1729*Input!$C$19,0)+IF(Input!$D$20=3,K1729*Input!$C$20,0)+IF(Input!$D$21=3,L1729*Input!$C$21,0)+IF(Input!$D$22=3,M1729*Input!$C$22,0)</f>
        <v>0</v>
      </c>
      <c r="Q1729" s="75">
        <f>IF(Input!$D$19=4,J1729*Input!$C$19,0)+IF(Input!$D$20=4,K1729*Input!$C$20,0)+IF(Input!$D$21=4,L1729*Input!$C$21,0)+IF(Input!$D$22=4,M1729*Input!$C$22,0)</f>
        <v>0</v>
      </c>
      <c r="R1729" s="58">
        <v>64.019315693825689</v>
      </c>
      <c r="S1729" s="124">
        <f t="shared" si="26"/>
        <v>2.0599774557841388</v>
      </c>
    </row>
    <row r="1730" spans="8:19" x14ac:dyDescent="0.3">
      <c r="H1730" s="44">
        <v>1723</v>
      </c>
      <c r="I1730" s="56">
        <f>Bühler!I1756</f>
        <v>0.47537941287326274</v>
      </c>
      <c r="J1730" s="59">
        <f>Bühler!J1756</f>
        <v>1.5845980429108759</v>
      </c>
      <c r="K1730" s="59">
        <f>Bühler!K1756</f>
        <v>2.3768970643663136</v>
      </c>
      <c r="L1730" s="59">
        <f>Bühler!L1756</f>
        <v>11.409105908958306</v>
      </c>
      <c r="M1730" s="58">
        <f>Bühler!M1756</f>
        <v>0</v>
      </c>
      <c r="N1730" s="56">
        <f>IF(Input!$D$19=1,J1730*Input!$C$19,0)+IF(Input!$D$20=1,K1730*Input!$C$20,0)+IF(Input!$D$21=1,L1730*Input!$C$21,0)+IF(Input!$D$22=1,M1730*Input!$C$22,0)</f>
        <v>0.47537941287326274</v>
      </c>
      <c r="O1730" s="59">
        <f>IF(Input!$D$19=2,J1730*Input!$C$19,0)+IF(Input!$D$20=2,K1730*Input!$C$20,0)+IF(Input!$D$21=2,L1730*Input!$C$21,0)+IF(Input!$D$22=2,M1730*Input!$C$22,0)</f>
        <v>1.1884485321831568</v>
      </c>
      <c r="P1730" s="59">
        <f>IF(Input!$D$19=3,J1730*Input!$C$19,0)+IF(Input!$D$20=3,K1730*Input!$C$20,0)+IF(Input!$D$21=3,L1730*Input!$C$21,0)+IF(Input!$D$22=3,M1730*Input!$C$22,0)</f>
        <v>0</v>
      </c>
      <c r="Q1730" s="75">
        <f>IF(Input!$D$19=4,J1730*Input!$C$19,0)+IF(Input!$D$20=4,K1730*Input!$C$20,0)+IF(Input!$D$21=4,L1730*Input!$C$21,0)+IF(Input!$D$22=4,M1730*Input!$C$22,0)</f>
        <v>0</v>
      </c>
      <c r="R1730" s="58">
        <v>63.018117361300845</v>
      </c>
      <c r="S1730" s="124">
        <f t="shared" si="26"/>
        <v>2.0599774557841388</v>
      </c>
    </row>
    <row r="1731" spans="8:19" x14ac:dyDescent="0.3">
      <c r="H1731" s="44">
        <v>1724</v>
      </c>
      <c r="I1731" s="56">
        <f>Bühler!I1757</f>
        <v>0.39813025828135756</v>
      </c>
      <c r="J1731" s="59">
        <f>Bühler!J1757</f>
        <v>1.3271008609378585</v>
      </c>
      <c r="K1731" s="59">
        <f>Bühler!K1757</f>
        <v>1.9906512914067878</v>
      </c>
      <c r="L1731" s="59">
        <f>Bühler!L1757</f>
        <v>9.5551261987525802</v>
      </c>
      <c r="M1731" s="58">
        <f>Bühler!M1757</f>
        <v>0</v>
      </c>
      <c r="N1731" s="56">
        <f>IF(Input!$D$19=1,J1731*Input!$C$19,0)+IF(Input!$D$20=1,K1731*Input!$C$20,0)+IF(Input!$D$21=1,L1731*Input!$C$21,0)+IF(Input!$D$22=1,M1731*Input!$C$22,0)</f>
        <v>0.39813025828135756</v>
      </c>
      <c r="O1731" s="59">
        <f>IF(Input!$D$19=2,J1731*Input!$C$19,0)+IF(Input!$D$20=2,K1731*Input!$C$20,0)+IF(Input!$D$21=2,L1731*Input!$C$21,0)+IF(Input!$D$22=2,M1731*Input!$C$22,0)</f>
        <v>0.99532564570339388</v>
      </c>
      <c r="P1731" s="59">
        <f>IF(Input!$D$19=3,J1731*Input!$C$19,0)+IF(Input!$D$20=3,K1731*Input!$C$20,0)+IF(Input!$D$21=3,L1731*Input!$C$21,0)+IF(Input!$D$22=3,M1731*Input!$C$22,0)</f>
        <v>0</v>
      </c>
      <c r="Q1731" s="75">
        <f>IF(Input!$D$19=4,J1731*Input!$C$19,0)+IF(Input!$D$20=4,K1731*Input!$C$20,0)+IF(Input!$D$21=4,L1731*Input!$C$21,0)+IF(Input!$D$22=4,M1731*Input!$C$22,0)</f>
        <v>0</v>
      </c>
      <c r="R1731" s="58">
        <v>62.400330464468674</v>
      </c>
      <c r="S1731" s="124">
        <f t="shared" si="26"/>
        <v>1.725231119219216</v>
      </c>
    </row>
    <row r="1732" spans="8:19" x14ac:dyDescent="0.3">
      <c r="H1732" s="44">
        <v>1725</v>
      </c>
      <c r="I1732" s="56">
        <f>Bühler!I1758</f>
        <v>0.32682334635036808</v>
      </c>
      <c r="J1732" s="59">
        <f>Bühler!J1758</f>
        <v>1.0894111545012271</v>
      </c>
      <c r="K1732" s="59">
        <f>Bühler!K1758</f>
        <v>1.6341167317518406</v>
      </c>
      <c r="L1732" s="59">
        <f>Bühler!L1758</f>
        <v>7.8437603124088344</v>
      </c>
      <c r="M1732" s="58">
        <f>Bühler!M1758</f>
        <v>0</v>
      </c>
      <c r="N1732" s="56">
        <f>IF(Input!$D$19=1,J1732*Input!$C$19,0)+IF(Input!$D$20=1,K1732*Input!$C$20,0)+IF(Input!$D$21=1,L1732*Input!$C$21,0)+IF(Input!$D$22=1,M1732*Input!$C$22,0)</f>
        <v>0.32682334635036808</v>
      </c>
      <c r="O1732" s="59">
        <f>IF(Input!$D$19=2,J1732*Input!$C$19,0)+IF(Input!$D$20=2,K1732*Input!$C$20,0)+IF(Input!$D$21=2,L1732*Input!$C$21,0)+IF(Input!$D$22=2,M1732*Input!$C$22,0)</f>
        <v>0.81705836587592029</v>
      </c>
      <c r="P1732" s="59">
        <f>IF(Input!$D$19=3,J1732*Input!$C$19,0)+IF(Input!$D$20=3,K1732*Input!$C$20,0)+IF(Input!$D$21=3,L1732*Input!$C$21,0)+IF(Input!$D$22=3,M1732*Input!$C$22,0)</f>
        <v>0</v>
      </c>
      <c r="Q1732" s="75">
        <f>IF(Input!$D$19=4,J1732*Input!$C$19,0)+IF(Input!$D$20=4,K1732*Input!$C$20,0)+IF(Input!$D$21=4,L1732*Input!$C$21,0)+IF(Input!$D$22=4,M1732*Input!$C$22,0)</f>
        <v>0</v>
      </c>
      <c r="R1732" s="58">
        <v>60.906842484104885</v>
      </c>
      <c r="S1732" s="124">
        <f t="shared" si="26"/>
        <v>1.4162345008515951</v>
      </c>
    </row>
    <row r="1733" spans="8:19" x14ac:dyDescent="0.3">
      <c r="H1733" s="44">
        <v>1726</v>
      </c>
      <c r="I1733" s="56">
        <f>Bühler!I1759</f>
        <v>0.23768970643663137</v>
      </c>
      <c r="J1733" s="59">
        <f>Bühler!J1759</f>
        <v>0.79229902145543796</v>
      </c>
      <c r="K1733" s="59">
        <f>Bühler!K1759</f>
        <v>1.1884485321831568</v>
      </c>
      <c r="L1733" s="59">
        <f>Bühler!L1759</f>
        <v>5.7045529544791531</v>
      </c>
      <c r="M1733" s="58">
        <f>Bühler!M1759</f>
        <v>0</v>
      </c>
      <c r="N1733" s="56">
        <f>IF(Input!$D$19=1,J1733*Input!$C$19,0)+IF(Input!$D$20=1,K1733*Input!$C$20,0)+IF(Input!$D$21=1,L1733*Input!$C$21,0)+IF(Input!$D$22=1,M1733*Input!$C$22,0)</f>
        <v>0.23768970643663137</v>
      </c>
      <c r="O1733" s="59">
        <f>IF(Input!$D$19=2,J1733*Input!$C$19,0)+IF(Input!$D$20=2,K1733*Input!$C$20,0)+IF(Input!$D$21=2,L1733*Input!$C$21,0)+IF(Input!$D$22=2,M1733*Input!$C$22,0)</f>
        <v>0.59422426609157841</v>
      </c>
      <c r="P1733" s="59">
        <f>IF(Input!$D$19=3,J1733*Input!$C$19,0)+IF(Input!$D$20=3,K1733*Input!$C$20,0)+IF(Input!$D$21=3,L1733*Input!$C$21,0)+IF(Input!$D$22=3,M1733*Input!$C$22,0)</f>
        <v>0</v>
      </c>
      <c r="Q1733" s="75">
        <f>IF(Input!$D$19=4,J1733*Input!$C$19,0)+IF(Input!$D$20=4,K1733*Input!$C$20,0)+IF(Input!$D$21=4,L1733*Input!$C$21,0)+IF(Input!$D$22=4,M1733*Input!$C$22,0)</f>
        <v>0</v>
      </c>
      <c r="R1733" s="58">
        <v>58.942656035016981</v>
      </c>
      <c r="S1733" s="124">
        <f t="shared" si="26"/>
        <v>1.0299887278920694</v>
      </c>
    </row>
    <row r="1734" spans="8:19" x14ac:dyDescent="0.3">
      <c r="H1734" s="44">
        <v>1727</v>
      </c>
      <c r="I1734" s="56">
        <f>Bühler!I1760</f>
        <v>0.23768970643663137</v>
      </c>
      <c r="J1734" s="59">
        <f>Bühler!J1760</f>
        <v>0.79229902145543796</v>
      </c>
      <c r="K1734" s="59">
        <f>Bühler!K1760</f>
        <v>1.1884485321831568</v>
      </c>
      <c r="L1734" s="59">
        <f>Bühler!L1760</f>
        <v>5.7045529544791531</v>
      </c>
      <c r="M1734" s="58">
        <f>Bühler!M1760</f>
        <v>0</v>
      </c>
      <c r="N1734" s="56">
        <f>IF(Input!$D$19=1,J1734*Input!$C$19,0)+IF(Input!$D$20=1,K1734*Input!$C$20,0)+IF(Input!$D$21=1,L1734*Input!$C$21,0)+IF(Input!$D$22=1,M1734*Input!$C$22,0)</f>
        <v>0.23768970643663137</v>
      </c>
      <c r="O1734" s="59">
        <f>IF(Input!$D$19=2,J1734*Input!$C$19,0)+IF(Input!$D$20=2,K1734*Input!$C$20,0)+IF(Input!$D$21=2,L1734*Input!$C$21,0)+IF(Input!$D$22=2,M1734*Input!$C$22,0)</f>
        <v>0.59422426609157841</v>
      </c>
      <c r="P1734" s="59">
        <f>IF(Input!$D$19=3,J1734*Input!$C$19,0)+IF(Input!$D$20=3,K1734*Input!$C$20,0)+IF(Input!$D$21=3,L1734*Input!$C$21,0)+IF(Input!$D$22=3,M1734*Input!$C$22,0)</f>
        <v>0</v>
      </c>
      <c r="Q1734" s="75">
        <f>IF(Input!$D$19=4,J1734*Input!$C$19,0)+IF(Input!$D$20=4,K1734*Input!$C$20,0)+IF(Input!$D$21=4,L1734*Input!$C$21,0)+IF(Input!$D$22=4,M1734*Input!$C$22,0)</f>
        <v>0</v>
      </c>
      <c r="R1734" s="58">
        <v>57.773975533791088</v>
      </c>
      <c r="S1734" s="124">
        <f t="shared" si="26"/>
        <v>1.0299887278920694</v>
      </c>
    </row>
    <row r="1735" spans="8:19" x14ac:dyDescent="0.3">
      <c r="H1735" s="44">
        <v>1728</v>
      </c>
      <c r="I1735" s="56">
        <f>Bühler!I1761</f>
        <v>0.23768970643663137</v>
      </c>
      <c r="J1735" s="59">
        <f>Bühler!J1761</f>
        <v>0.79229902145543796</v>
      </c>
      <c r="K1735" s="59">
        <f>Bühler!K1761</f>
        <v>1.1884485321831568</v>
      </c>
      <c r="L1735" s="59">
        <f>Bühler!L1761</f>
        <v>5.7045529544791531</v>
      </c>
      <c r="M1735" s="58">
        <f>Bühler!M1761</f>
        <v>0</v>
      </c>
      <c r="N1735" s="56">
        <f>IF(Input!$D$19=1,J1735*Input!$C$19,0)+IF(Input!$D$20=1,K1735*Input!$C$20,0)+IF(Input!$D$21=1,L1735*Input!$C$21,0)+IF(Input!$D$22=1,M1735*Input!$C$22,0)</f>
        <v>0.23768970643663137</v>
      </c>
      <c r="O1735" s="59">
        <f>IF(Input!$D$19=2,J1735*Input!$C$19,0)+IF(Input!$D$20=2,K1735*Input!$C$20,0)+IF(Input!$D$21=2,L1735*Input!$C$21,0)+IF(Input!$D$22=2,M1735*Input!$C$22,0)</f>
        <v>0.59422426609157841</v>
      </c>
      <c r="P1735" s="59">
        <f>IF(Input!$D$19=3,J1735*Input!$C$19,0)+IF(Input!$D$20=3,K1735*Input!$C$20,0)+IF(Input!$D$21=3,L1735*Input!$C$21,0)+IF(Input!$D$22=3,M1735*Input!$C$22,0)</f>
        <v>0</v>
      </c>
      <c r="Q1735" s="75">
        <f>IF(Input!$D$19=4,J1735*Input!$C$19,0)+IF(Input!$D$20=4,K1735*Input!$C$20,0)+IF(Input!$D$21=4,L1735*Input!$C$21,0)+IF(Input!$D$22=4,M1735*Input!$C$22,0)</f>
        <v>0</v>
      </c>
      <c r="R1735" s="58">
        <v>56.902320451275543</v>
      </c>
      <c r="S1735" s="124">
        <f t="shared" si="26"/>
        <v>1.0299887278920694</v>
      </c>
    </row>
    <row r="1736" spans="8:19" x14ac:dyDescent="0.3">
      <c r="H1736" s="44">
        <v>1729</v>
      </c>
      <c r="I1736" s="56">
        <f>Bühler!I1762</f>
        <v>0.21094361882933452</v>
      </c>
      <c r="J1736" s="59">
        <f>Bühler!J1762</f>
        <v>0.70314539609778182</v>
      </c>
      <c r="K1736" s="59">
        <f>Bühler!K1762</f>
        <v>1.0547180941466725</v>
      </c>
      <c r="L1736" s="59">
        <f>Bühler!L1762</f>
        <v>5.0626468519040282</v>
      </c>
      <c r="M1736" s="58">
        <f>Bühler!M1762</f>
        <v>0</v>
      </c>
      <c r="N1736" s="56">
        <f>IF(Input!$D$19=1,J1736*Input!$C$19,0)+IF(Input!$D$20=1,K1736*Input!$C$20,0)+IF(Input!$D$21=1,L1736*Input!$C$21,0)+IF(Input!$D$22=1,M1736*Input!$C$22,0)</f>
        <v>0.21094361882933454</v>
      </c>
      <c r="O1736" s="59">
        <f>IF(Input!$D$19=2,J1736*Input!$C$19,0)+IF(Input!$D$20=2,K1736*Input!$C$20,0)+IF(Input!$D$21=2,L1736*Input!$C$21,0)+IF(Input!$D$22=2,M1736*Input!$C$22,0)</f>
        <v>0.52735904707333625</v>
      </c>
      <c r="P1736" s="59">
        <f>IF(Input!$D$19=3,J1736*Input!$C$19,0)+IF(Input!$D$20=3,K1736*Input!$C$20,0)+IF(Input!$D$21=3,L1736*Input!$C$21,0)+IF(Input!$D$22=3,M1736*Input!$C$22,0)</f>
        <v>0</v>
      </c>
      <c r="Q1736" s="75">
        <f>IF(Input!$D$19=4,J1736*Input!$C$19,0)+IF(Input!$D$20=4,K1736*Input!$C$20,0)+IF(Input!$D$21=4,L1736*Input!$C$21,0)+IF(Input!$D$22=4,M1736*Input!$C$22,0)</f>
        <v>0</v>
      </c>
      <c r="R1736" s="58">
        <v>56.058407103335377</v>
      </c>
      <c r="S1736" s="124">
        <f t="shared" si="26"/>
        <v>0.91408901492711636</v>
      </c>
    </row>
    <row r="1737" spans="8:19" x14ac:dyDescent="0.3">
      <c r="H1737" s="44">
        <v>1730</v>
      </c>
      <c r="I1737" s="56">
        <f>Bühler!I1763</f>
        <v>0.23731157118300128</v>
      </c>
      <c r="J1737" s="59">
        <f>Bühler!J1763</f>
        <v>0.79103857061000438</v>
      </c>
      <c r="K1737" s="59">
        <f>Bühler!K1763</f>
        <v>1.1865578559150065</v>
      </c>
      <c r="L1737" s="59">
        <f>Bühler!L1763</f>
        <v>5.6954777083920307</v>
      </c>
      <c r="M1737" s="58">
        <f>Bühler!M1763</f>
        <v>0</v>
      </c>
      <c r="N1737" s="56">
        <f>IF(Input!$D$19=1,J1737*Input!$C$19,0)+IF(Input!$D$20=1,K1737*Input!$C$20,0)+IF(Input!$D$21=1,L1737*Input!$C$21,0)+IF(Input!$D$22=1,M1737*Input!$C$22,0)</f>
        <v>0.23731157118300131</v>
      </c>
      <c r="O1737" s="59">
        <f>IF(Input!$D$19=2,J1737*Input!$C$19,0)+IF(Input!$D$20=2,K1737*Input!$C$20,0)+IF(Input!$D$21=2,L1737*Input!$C$21,0)+IF(Input!$D$22=2,M1737*Input!$C$22,0)</f>
        <v>0.59327892795750325</v>
      </c>
      <c r="P1737" s="59">
        <f>IF(Input!$D$19=3,J1737*Input!$C$19,0)+IF(Input!$D$20=3,K1737*Input!$C$20,0)+IF(Input!$D$21=3,L1737*Input!$C$21,0)+IF(Input!$D$22=3,M1737*Input!$C$22,0)</f>
        <v>0</v>
      </c>
      <c r="Q1737" s="75">
        <f>IF(Input!$D$19=4,J1737*Input!$C$19,0)+IF(Input!$D$20=4,K1737*Input!$C$20,0)+IF(Input!$D$21=4,L1737*Input!$C$21,0)+IF(Input!$D$22=4,M1737*Input!$C$22,0)</f>
        <v>0</v>
      </c>
      <c r="R1737" s="58">
        <v>56.04570206702536</v>
      </c>
      <c r="S1737" s="124">
        <f t="shared" ref="S1737:S1800" si="27">I1737+J1737</f>
        <v>1.0283501417930057</v>
      </c>
    </row>
    <row r="1738" spans="8:19" x14ac:dyDescent="0.3">
      <c r="H1738" s="44">
        <v>1731</v>
      </c>
      <c r="I1738" s="56">
        <f>Bühler!I1764</f>
        <v>0.23731157118300128</v>
      </c>
      <c r="J1738" s="59">
        <f>Bühler!J1764</f>
        <v>0.79103857061000438</v>
      </c>
      <c r="K1738" s="59">
        <f>Bühler!K1764</f>
        <v>1.1865578559150065</v>
      </c>
      <c r="L1738" s="59">
        <f>Bühler!L1764</f>
        <v>5.6954777083920307</v>
      </c>
      <c r="M1738" s="58">
        <f>Bühler!M1764</f>
        <v>0</v>
      </c>
      <c r="N1738" s="56">
        <f>IF(Input!$D$19=1,J1738*Input!$C$19,0)+IF(Input!$D$20=1,K1738*Input!$C$20,0)+IF(Input!$D$21=1,L1738*Input!$C$21,0)+IF(Input!$D$22=1,M1738*Input!$C$22,0)</f>
        <v>0.23731157118300131</v>
      </c>
      <c r="O1738" s="59">
        <f>IF(Input!$D$19=2,J1738*Input!$C$19,0)+IF(Input!$D$20=2,K1738*Input!$C$20,0)+IF(Input!$D$21=2,L1738*Input!$C$21,0)+IF(Input!$D$22=2,M1738*Input!$C$22,0)</f>
        <v>0.59327892795750325</v>
      </c>
      <c r="P1738" s="59">
        <f>IF(Input!$D$19=3,J1738*Input!$C$19,0)+IF(Input!$D$20=3,K1738*Input!$C$20,0)+IF(Input!$D$21=3,L1738*Input!$C$21,0)+IF(Input!$D$22=3,M1738*Input!$C$22,0)</f>
        <v>0</v>
      </c>
      <c r="Q1738" s="75">
        <f>IF(Input!$D$19=4,J1738*Input!$C$19,0)+IF(Input!$D$20=4,K1738*Input!$C$20,0)+IF(Input!$D$21=4,L1738*Input!$C$21,0)+IF(Input!$D$22=4,M1738*Input!$C$22,0)</f>
        <v>0</v>
      </c>
      <c r="R1738" s="58">
        <v>56.50307578366845</v>
      </c>
      <c r="S1738" s="124">
        <f t="shared" si="27"/>
        <v>1.0283501417930057</v>
      </c>
    </row>
    <row r="1739" spans="8:19" x14ac:dyDescent="0.3">
      <c r="H1739" s="44">
        <v>1732</v>
      </c>
      <c r="I1739" s="56">
        <f>Bühler!I1765</f>
        <v>0.23731157118300128</v>
      </c>
      <c r="J1739" s="59">
        <f>Bühler!J1765</f>
        <v>0.79103857061000438</v>
      </c>
      <c r="K1739" s="59">
        <f>Bühler!K1765</f>
        <v>1.1865578559150065</v>
      </c>
      <c r="L1739" s="59">
        <f>Bühler!L1765</f>
        <v>5.6954777083920307</v>
      </c>
      <c r="M1739" s="58">
        <f>Bühler!M1765</f>
        <v>0</v>
      </c>
      <c r="N1739" s="56">
        <f>IF(Input!$D$19=1,J1739*Input!$C$19,0)+IF(Input!$D$20=1,K1739*Input!$C$20,0)+IF(Input!$D$21=1,L1739*Input!$C$21,0)+IF(Input!$D$22=1,M1739*Input!$C$22,0)</f>
        <v>0.23731157118300131</v>
      </c>
      <c r="O1739" s="59">
        <f>IF(Input!$D$19=2,J1739*Input!$C$19,0)+IF(Input!$D$20=2,K1739*Input!$C$20,0)+IF(Input!$D$21=2,L1739*Input!$C$21,0)+IF(Input!$D$22=2,M1739*Input!$C$22,0)</f>
        <v>0.59327892795750325</v>
      </c>
      <c r="P1739" s="59">
        <f>IF(Input!$D$19=3,J1739*Input!$C$19,0)+IF(Input!$D$20=3,K1739*Input!$C$20,0)+IF(Input!$D$21=3,L1739*Input!$C$21,0)+IF(Input!$D$22=3,M1739*Input!$C$22,0)</f>
        <v>0</v>
      </c>
      <c r="Q1739" s="75">
        <f>IF(Input!$D$19=4,J1739*Input!$C$19,0)+IF(Input!$D$20=4,K1739*Input!$C$20,0)+IF(Input!$D$21=4,L1739*Input!$C$21,0)+IF(Input!$D$22=4,M1739*Input!$C$22,0)</f>
        <v>0</v>
      </c>
      <c r="R1739" s="58">
        <v>56.6121520357609</v>
      </c>
      <c r="S1739" s="124">
        <f t="shared" si="27"/>
        <v>1.0283501417930057</v>
      </c>
    </row>
    <row r="1740" spans="8:19" x14ac:dyDescent="0.3">
      <c r="H1740" s="44">
        <v>1733</v>
      </c>
      <c r="I1740" s="56">
        <f>Bühler!I1766</f>
        <v>0.23731157118300128</v>
      </c>
      <c r="J1740" s="59">
        <f>Bühler!J1766</f>
        <v>0.79103857061000438</v>
      </c>
      <c r="K1740" s="59">
        <f>Bühler!K1766</f>
        <v>1.1865578559150065</v>
      </c>
      <c r="L1740" s="59">
        <f>Bühler!L1766</f>
        <v>5.6954777083920307</v>
      </c>
      <c r="M1740" s="58">
        <f>Bühler!M1766</f>
        <v>0</v>
      </c>
      <c r="N1740" s="56">
        <f>IF(Input!$D$19=1,J1740*Input!$C$19,0)+IF(Input!$D$20=1,K1740*Input!$C$20,0)+IF(Input!$D$21=1,L1740*Input!$C$21,0)+IF(Input!$D$22=1,M1740*Input!$C$22,0)</f>
        <v>0.23731157118300131</v>
      </c>
      <c r="O1740" s="59">
        <f>IF(Input!$D$19=2,J1740*Input!$C$19,0)+IF(Input!$D$20=2,K1740*Input!$C$20,0)+IF(Input!$D$21=2,L1740*Input!$C$21,0)+IF(Input!$D$22=2,M1740*Input!$C$22,0)</f>
        <v>0.59327892795750325</v>
      </c>
      <c r="P1740" s="59">
        <f>IF(Input!$D$19=3,J1740*Input!$C$19,0)+IF(Input!$D$20=3,K1740*Input!$C$20,0)+IF(Input!$D$21=3,L1740*Input!$C$21,0)+IF(Input!$D$22=3,M1740*Input!$C$22,0)</f>
        <v>0</v>
      </c>
      <c r="Q1740" s="75">
        <f>IF(Input!$D$19=4,J1740*Input!$C$19,0)+IF(Input!$D$20=4,K1740*Input!$C$20,0)+IF(Input!$D$21=4,L1740*Input!$C$21,0)+IF(Input!$D$22=4,M1740*Input!$C$22,0)</f>
        <v>0</v>
      </c>
      <c r="R1740" s="58">
        <v>57.473760508852251</v>
      </c>
      <c r="S1740" s="124">
        <f t="shared" si="27"/>
        <v>1.0283501417930057</v>
      </c>
    </row>
    <row r="1741" spans="8:19" x14ac:dyDescent="0.3">
      <c r="H1741" s="44">
        <v>1734</v>
      </c>
      <c r="I1741" s="56">
        <f>Bühler!I1767</f>
        <v>0.30586824730253498</v>
      </c>
      <c r="J1741" s="59">
        <f>Bühler!J1767</f>
        <v>1.0195608243417833</v>
      </c>
      <c r="K1741" s="59">
        <f>Bühler!K1767</f>
        <v>1.5293412365126751</v>
      </c>
      <c r="L1741" s="59">
        <f>Bühler!L1767</f>
        <v>7.3408379352608399</v>
      </c>
      <c r="M1741" s="58">
        <f>Bühler!M1767</f>
        <v>0</v>
      </c>
      <c r="N1741" s="56">
        <f>IF(Input!$D$19=1,J1741*Input!$C$19,0)+IF(Input!$D$20=1,K1741*Input!$C$20,0)+IF(Input!$D$21=1,L1741*Input!$C$21,0)+IF(Input!$D$22=1,M1741*Input!$C$22,0)</f>
        <v>0.30586824730253498</v>
      </c>
      <c r="O1741" s="59">
        <f>IF(Input!$D$19=2,J1741*Input!$C$19,0)+IF(Input!$D$20=2,K1741*Input!$C$20,0)+IF(Input!$D$21=2,L1741*Input!$C$21,0)+IF(Input!$D$22=2,M1741*Input!$C$22,0)</f>
        <v>0.76467061825633753</v>
      </c>
      <c r="P1741" s="59">
        <f>IF(Input!$D$19=3,J1741*Input!$C$19,0)+IF(Input!$D$20=3,K1741*Input!$C$20,0)+IF(Input!$D$21=3,L1741*Input!$C$21,0)+IF(Input!$D$22=3,M1741*Input!$C$22,0)</f>
        <v>0</v>
      </c>
      <c r="Q1741" s="75">
        <f>IF(Input!$D$19=4,J1741*Input!$C$19,0)+IF(Input!$D$20=4,K1741*Input!$C$20,0)+IF(Input!$D$21=4,L1741*Input!$C$21,0)+IF(Input!$D$22=4,M1741*Input!$C$22,0)</f>
        <v>0</v>
      </c>
      <c r="R1741" s="58">
        <v>60.637709884619362</v>
      </c>
      <c r="S1741" s="124">
        <f t="shared" si="27"/>
        <v>1.3254290716443182</v>
      </c>
    </row>
    <row r="1742" spans="8:19" x14ac:dyDescent="0.3">
      <c r="H1742" s="44">
        <v>1735</v>
      </c>
      <c r="I1742" s="56">
        <f>Bühler!I1768</f>
        <v>0.35333056153913528</v>
      </c>
      <c r="J1742" s="59">
        <f>Bühler!J1768</f>
        <v>1.1777685384637844</v>
      </c>
      <c r="K1742" s="59">
        <f>Bühler!K1768</f>
        <v>1.7666528076956765</v>
      </c>
      <c r="L1742" s="59">
        <f>Bühler!L1768</f>
        <v>8.4799334769392463</v>
      </c>
      <c r="M1742" s="58">
        <f>Bühler!M1768</f>
        <v>0</v>
      </c>
      <c r="N1742" s="56">
        <f>IF(Input!$D$19=1,J1742*Input!$C$19,0)+IF(Input!$D$20=1,K1742*Input!$C$20,0)+IF(Input!$D$21=1,L1742*Input!$C$21,0)+IF(Input!$D$22=1,M1742*Input!$C$22,0)</f>
        <v>0.35333056153913528</v>
      </c>
      <c r="O1742" s="59">
        <f>IF(Input!$D$19=2,J1742*Input!$C$19,0)+IF(Input!$D$20=2,K1742*Input!$C$20,0)+IF(Input!$D$21=2,L1742*Input!$C$21,0)+IF(Input!$D$22=2,M1742*Input!$C$22,0)</f>
        <v>0.88332640384783823</v>
      </c>
      <c r="P1742" s="59">
        <f>IF(Input!$D$19=3,J1742*Input!$C$19,0)+IF(Input!$D$20=3,K1742*Input!$C$20,0)+IF(Input!$D$21=3,L1742*Input!$C$21,0)+IF(Input!$D$22=3,M1742*Input!$C$22,0)</f>
        <v>0</v>
      </c>
      <c r="Q1742" s="75">
        <f>IF(Input!$D$19=4,J1742*Input!$C$19,0)+IF(Input!$D$20=4,K1742*Input!$C$20,0)+IF(Input!$D$21=4,L1742*Input!$C$21,0)+IF(Input!$D$22=4,M1742*Input!$C$22,0)</f>
        <v>0</v>
      </c>
      <c r="R1742" s="58">
        <v>64.462135053330186</v>
      </c>
      <c r="S1742" s="124">
        <f t="shared" si="27"/>
        <v>1.5310991000029197</v>
      </c>
    </row>
    <row r="1743" spans="8:19" x14ac:dyDescent="0.3">
      <c r="H1743" s="44">
        <v>1736</v>
      </c>
      <c r="I1743" s="56">
        <f>Bühler!I1769</f>
        <v>0.35333056153913528</v>
      </c>
      <c r="J1743" s="59">
        <f>Bühler!J1769</f>
        <v>1.1777685384637844</v>
      </c>
      <c r="K1743" s="59">
        <f>Bühler!K1769</f>
        <v>1.7666528076956765</v>
      </c>
      <c r="L1743" s="59">
        <f>Bühler!L1769</f>
        <v>8.4799334769392463</v>
      </c>
      <c r="M1743" s="58">
        <f>Bühler!M1769</f>
        <v>0</v>
      </c>
      <c r="N1743" s="56">
        <f>IF(Input!$D$19=1,J1743*Input!$C$19,0)+IF(Input!$D$20=1,K1743*Input!$C$20,0)+IF(Input!$D$21=1,L1743*Input!$C$21,0)+IF(Input!$D$22=1,M1743*Input!$C$22,0)</f>
        <v>0.35333056153913528</v>
      </c>
      <c r="O1743" s="59">
        <f>IF(Input!$D$19=2,J1743*Input!$C$19,0)+IF(Input!$D$20=2,K1743*Input!$C$20,0)+IF(Input!$D$21=2,L1743*Input!$C$21,0)+IF(Input!$D$22=2,M1743*Input!$C$22,0)</f>
        <v>0.88332640384783823</v>
      </c>
      <c r="P1743" s="59">
        <f>IF(Input!$D$19=3,J1743*Input!$C$19,0)+IF(Input!$D$20=3,K1743*Input!$C$20,0)+IF(Input!$D$21=3,L1743*Input!$C$21,0)+IF(Input!$D$22=3,M1743*Input!$C$22,0)</f>
        <v>0</v>
      </c>
      <c r="Q1743" s="75">
        <f>IF(Input!$D$19=4,J1743*Input!$C$19,0)+IF(Input!$D$20=4,K1743*Input!$C$20,0)+IF(Input!$D$21=4,L1743*Input!$C$21,0)+IF(Input!$D$22=4,M1743*Input!$C$22,0)</f>
        <v>0</v>
      </c>
      <c r="R1743" s="58">
        <v>66.299914273895965</v>
      </c>
      <c r="S1743" s="124">
        <f t="shared" si="27"/>
        <v>1.5310991000029197</v>
      </c>
    </row>
    <row r="1744" spans="8:19" x14ac:dyDescent="0.3">
      <c r="H1744" s="44">
        <v>1737</v>
      </c>
      <c r="I1744" s="56">
        <f>Bühler!I1770</f>
        <v>0.35333056153913528</v>
      </c>
      <c r="J1744" s="59">
        <f>Bühler!J1770</f>
        <v>1.1777685384637844</v>
      </c>
      <c r="K1744" s="59">
        <f>Bühler!K1770</f>
        <v>1.7666528076956765</v>
      </c>
      <c r="L1744" s="59">
        <f>Bühler!L1770</f>
        <v>8.4799334769392463</v>
      </c>
      <c r="M1744" s="58">
        <f>Bühler!M1770</f>
        <v>0</v>
      </c>
      <c r="N1744" s="56">
        <f>IF(Input!$D$19=1,J1744*Input!$C$19,0)+IF(Input!$D$20=1,K1744*Input!$C$20,0)+IF(Input!$D$21=1,L1744*Input!$C$21,0)+IF(Input!$D$22=1,M1744*Input!$C$22,0)</f>
        <v>0.35333056153913528</v>
      </c>
      <c r="O1744" s="59">
        <f>IF(Input!$D$19=2,J1744*Input!$C$19,0)+IF(Input!$D$20=2,K1744*Input!$C$20,0)+IF(Input!$D$21=2,L1744*Input!$C$21,0)+IF(Input!$D$22=2,M1744*Input!$C$22,0)</f>
        <v>0.88332640384783823</v>
      </c>
      <c r="P1744" s="59">
        <f>IF(Input!$D$19=3,J1744*Input!$C$19,0)+IF(Input!$D$20=3,K1744*Input!$C$20,0)+IF(Input!$D$21=3,L1744*Input!$C$21,0)+IF(Input!$D$22=3,M1744*Input!$C$22,0)</f>
        <v>0</v>
      </c>
      <c r="Q1744" s="75">
        <f>IF(Input!$D$19=4,J1744*Input!$C$19,0)+IF(Input!$D$20=4,K1744*Input!$C$20,0)+IF(Input!$D$21=4,L1744*Input!$C$21,0)+IF(Input!$D$22=4,M1744*Input!$C$22,0)</f>
        <v>0</v>
      </c>
      <c r="R1744" s="58">
        <v>67.231810393499956</v>
      </c>
      <c r="S1744" s="124">
        <f t="shared" si="27"/>
        <v>1.5310991000029197</v>
      </c>
    </row>
    <row r="1745" spans="8:19" x14ac:dyDescent="0.3">
      <c r="H1745" s="44">
        <v>1738</v>
      </c>
      <c r="I1745" s="56">
        <f>Bühler!I1771</f>
        <v>0.37969851389280207</v>
      </c>
      <c r="J1745" s="59">
        <f>Bühler!J1771</f>
        <v>1.265661712976007</v>
      </c>
      <c r="K1745" s="59">
        <f>Bühler!K1771</f>
        <v>1.8984925694640105</v>
      </c>
      <c r="L1745" s="59">
        <f>Bühler!L1771</f>
        <v>9.1127643334272506</v>
      </c>
      <c r="M1745" s="58">
        <f>Bühler!M1771</f>
        <v>0</v>
      </c>
      <c r="N1745" s="56">
        <f>IF(Input!$D$19=1,J1745*Input!$C$19,0)+IF(Input!$D$20=1,K1745*Input!$C$20,0)+IF(Input!$D$21=1,L1745*Input!$C$21,0)+IF(Input!$D$22=1,M1745*Input!$C$22,0)</f>
        <v>0.37969851389280213</v>
      </c>
      <c r="O1745" s="59">
        <f>IF(Input!$D$19=2,J1745*Input!$C$19,0)+IF(Input!$D$20=2,K1745*Input!$C$20,0)+IF(Input!$D$21=2,L1745*Input!$C$21,0)+IF(Input!$D$22=2,M1745*Input!$C$22,0)</f>
        <v>0.94924628473200523</v>
      </c>
      <c r="P1745" s="59">
        <f>IF(Input!$D$19=3,J1745*Input!$C$19,0)+IF(Input!$D$20=3,K1745*Input!$C$20,0)+IF(Input!$D$21=3,L1745*Input!$C$21,0)+IF(Input!$D$22=3,M1745*Input!$C$22,0)</f>
        <v>0</v>
      </c>
      <c r="Q1745" s="75">
        <f>IF(Input!$D$19=4,J1745*Input!$C$19,0)+IF(Input!$D$20=4,K1745*Input!$C$20,0)+IF(Input!$D$21=4,L1745*Input!$C$21,0)+IF(Input!$D$22=4,M1745*Input!$C$22,0)</f>
        <v>0</v>
      </c>
      <c r="R1745" s="58">
        <v>67.476108701355855</v>
      </c>
      <c r="S1745" s="124">
        <f t="shared" si="27"/>
        <v>1.6453602268688092</v>
      </c>
    </row>
    <row r="1746" spans="8:19" x14ac:dyDescent="0.3">
      <c r="H1746" s="44">
        <v>1739</v>
      </c>
      <c r="I1746" s="56">
        <f>Bühler!I1772</f>
        <v>0.41134005671720225</v>
      </c>
      <c r="J1746" s="59">
        <f>Bühler!J1772</f>
        <v>1.3711335223906742</v>
      </c>
      <c r="K1746" s="59">
        <f>Bühler!K1772</f>
        <v>2.0567002835860113</v>
      </c>
      <c r="L1746" s="59">
        <f>Bühler!L1772</f>
        <v>9.8721613612128536</v>
      </c>
      <c r="M1746" s="58">
        <f>Bühler!M1772</f>
        <v>0</v>
      </c>
      <c r="N1746" s="56">
        <f>IF(Input!$D$19=1,J1746*Input!$C$19,0)+IF(Input!$D$20=1,K1746*Input!$C$20,0)+IF(Input!$D$21=1,L1746*Input!$C$21,0)+IF(Input!$D$22=1,M1746*Input!$C$22,0)</f>
        <v>0.41134005671720225</v>
      </c>
      <c r="O1746" s="59">
        <f>IF(Input!$D$19=2,J1746*Input!$C$19,0)+IF(Input!$D$20=2,K1746*Input!$C$20,0)+IF(Input!$D$21=2,L1746*Input!$C$21,0)+IF(Input!$D$22=2,M1746*Input!$C$22,0)</f>
        <v>1.0283501417930057</v>
      </c>
      <c r="P1746" s="59">
        <f>IF(Input!$D$19=3,J1746*Input!$C$19,0)+IF(Input!$D$20=3,K1746*Input!$C$20,0)+IF(Input!$D$21=3,L1746*Input!$C$21,0)+IF(Input!$D$22=3,M1746*Input!$C$22,0)</f>
        <v>0</v>
      </c>
      <c r="Q1746" s="75">
        <f>IF(Input!$D$19=4,J1746*Input!$C$19,0)+IF(Input!$D$20=4,K1746*Input!$C$20,0)+IF(Input!$D$21=4,L1746*Input!$C$21,0)+IF(Input!$D$22=4,M1746*Input!$C$22,0)</f>
        <v>0</v>
      </c>
      <c r="R1746" s="58">
        <v>68.012665602298483</v>
      </c>
      <c r="S1746" s="124">
        <f t="shared" si="27"/>
        <v>1.7824735791078765</v>
      </c>
    </row>
    <row r="1747" spans="8:19" x14ac:dyDescent="0.3">
      <c r="H1747" s="44">
        <v>1740</v>
      </c>
      <c r="I1747" s="56">
        <f>Bühler!I1773</f>
        <v>0.47462314236600256</v>
      </c>
      <c r="J1747" s="59">
        <f>Bühler!J1773</f>
        <v>1.5820771412200088</v>
      </c>
      <c r="K1747" s="59">
        <f>Bühler!K1773</f>
        <v>2.373115711830013</v>
      </c>
      <c r="L1747" s="59">
        <f>Bühler!L1773</f>
        <v>11.390955416784061</v>
      </c>
      <c r="M1747" s="58">
        <f>Bühler!M1773</f>
        <v>0</v>
      </c>
      <c r="N1747" s="56">
        <f>IF(Input!$D$19=1,J1747*Input!$C$19,0)+IF(Input!$D$20=1,K1747*Input!$C$20,0)+IF(Input!$D$21=1,L1747*Input!$C$21,0)+IF(Input!$D$22=1,M1747*Input!$C$22,0)</f>
        <v>0.47462314236600261</v>
      </c>
      <c r="O1747" s="59">
        <f>IF(Input!$D$19=2,J1747*Input!$C$19,0)+IF(Input!$D$20=2,K1747*Input!$C$20,0)+IF(Input!$D$21=2,L1747*Input!$C$21,0)+IF(Input!$D$22=2,M1747*Input!$C$22,0)</f>
        <v>1.1865578559150065</v>
      </c>
      <c r="P1747" s="59">
        <f>IF(Input!$D$19=3,J1747*Input!$C$19,0)+IF(Input!$D$20=3,K1747*Input!$C$20,0)+IF(Input!$D$21=3,L1747*Input!$C$21,0)+IF(Input!$D$22=3,M1747*Input!$C$22,0)</f>
        <v>0</v>
      </c>
      <c r="Q1747" s="75">
        <f>IF(Input!$D$19=4,J1747*Input!$C$19,0)+IF(Input!$D$20=4,K1747*Input!$C$20,0)+IF(Input!$D$21=4,L1747*Input!$C$21,0)+IF(Input!$D$22=4,M1747*Input!$C$22,0)</f>
        <v>0</v>
      </c>
      <c r="R1747" s="58">
        <v>67.970651163909949</v>
      </c>
      <c r="S1747" s="124">
        <f t="shared" si="27"/>
        <v>2.0567002835860113</v>
      </c>
    </row>
    <row r="1748" spans="8:19" x14ac:dyDescent="0.3">
      <c r="H1748" s="44">
        <v>1741</v>
      </c>
      <c r="I1748" s="56">
        <f>Bühler!I1774</f>
        <v>0.47462314236600256</v>
      </c>
      <c r="J1748" s="59">
        <f>Bühler!J1774</f>
        <v>1.5820771412200088</v>
      </c>
      <c r="K1748" s="59">
        <f>Bühler!K1774</f>
        <v>2.373115711830013</v>
      </c>
      <c r="L1748" s="59">
        <f>Bühler!L1774</f>
        <v>11.390955416784061</v>
      </c>
      <c r="M1748" s="58">
        <f>Bühler!M1774</f>
        <v>0</v>
      </c>
      <c r="N1748" s="56">
        <f>IF(Input!$D$19=1,J1748*Input!$C$19,0)+IF(Input!$D$20=1,K1748*Input!$C$20,0)+IF(Input!$D$21=1,L1748*Input!$C$21,0)+IF(Input!$D$22=1,M1748*Input!$C$22,0)</f>
        <v>0.47462314236600261</v>
      </c>
      <c r="O1748" s="59">
        <f>IF(Input!$D$19=2,J1748*Input!$C$19,0)+IF(Input!$D$20=2,K1748*Input!$C$20,0)+IF(Input!$D$21=2,L1748*Input!$C$21,0)+IF(Input!$D$22=2,M1748*Input!$C$22,0)</f>
        <v>1.1865578559150065</v>
      </c>
      <c r="P1748" s="59">
        <f>IF(Input!$D$19=3,J1748*Input!$C$19,0)+IF(Input!$D$20=3,K1748*Input!$C$20,0)+IF(Input!$D$21=3,L1748*Input!$C$21,0)+IF(Input!$D$22=3,M1748*Input!$C$22,0)</f>
        <v>0</v>
      </c>
      <c r="Q1748" s="75">
        <f>IF(Input!$D$19=4,J1748*Input!$C$19,0)+IF(Input!$D$20=4,K1748*Input!$C$20,0)+IF(Input!$D$21=4,L1748*Input!$C$21,0)+IF(Input!$D$22=4,M1748*Input!$C$22,0)</f>
        <v>0</v>
      </c>
      <c r="R1748" s="58">
        <v>66.616407939201011</v>
      </c>
      <c r="S1748" s="124">
        <f t="shared" si="27"/>
        <v>2.0567002835860113</v>
      </c>
    </row>
    <row r="1749" spans="8:19" x14ac:dyDescent="0.3">
      <c r="H1749" s="44">
        <v>1742</v>
      </c>
      <c r="I1749" s="56">
        <f>Bühler!I1775</f>
        <v>0.47462314236600256</v>
      </c>
      <c r="J1749" s="59">
        <f>Bühler!J1775</f>
        <v>1.5820771412200088</v>
      </c>
      <c r="K1749" s="59">
        <f>Bühler!K1775</f>
        <v>2.373115711830013</v>
      </c>
      <c r="L1749" s="59">
        <f>Bühler!L1775</f>
        <v>11.390955416784061</v>
      </c>
      <c r="M1749" s="58">
        <f>Bühler!M1775</f>
        <v>0</v>
      </c>
      <c r="N1749" s="56">
        <f>IF(Input!$D$19=1,J1749*Input!$C$19,0)+IF(Input!$D$20=1,K1749*Input!$C$20,0)+IF(Input!$D$21=1,L1749*Input!$C$21,0)+IF(Input!$D$22=1,M1749*Input!$C$22,0)</f>
        <v>0.47462314236600261</v>
      </c>
      <c r="O1749" s="59">
        <f>IF(Input!$D$19=2,J1749*Input!$C$19,0)+IF(Input!$D$20=2,K1749*Input!$C$20,0)+IF(Input!$D$21=2,L1749*Input!$C$21,0)+IF(Input!$D$22=2,M1749*Input!$C$22,0)</f>
        <v>1.1865578559150065</v>
      </c>
      <c r="P1749" s="59">
        <f>IF(Input!$D$19=3,J1749*Input!$C$19,0)+IF(Input!$D$20=3,K1749*Input!$C$20,0)+IF(Input!$D$21=3,L1749*Input!$C$21,0)+IF(Input!$D$22=3,M1749*Input!$C$22,0)</f>
        <v>0</v>
      </c>
      <c r="Q1749" s="75">
        <f>IF(Input!$D$19=4,J1749*Input!$C$19,0)+IF(Input!$D$20=4,K1749*Input!$C$20,0)+IF(Input!$D$21=4,L1749*Input!$C$21,0)+IF(Input!$D$22=4,M1749*Input!$C$22,0)</f>
        <v>0</v>
      </c>
      <c r="R1749" s="58">
        <v>66.028950810112434</v>
      </c>
      <c r="S1749" s="124">
        <f t="shared" si="27"/>
        <v>2.0567002835860113</v>
      </c>
    </row>
    <row r="1750" spans="8:19" x14ac:dyDescent="0.3">
      <c r="H1750" s="44">
        <v>1743</v>
      </c>
      <c r="I1750" s="56">
        <f>Bühler!I1776</f>
        <v>0.47462314236600256</v>
      </c>
      <c r="J1750" s="59">
        <f>Bühler!J1776</f>
        <v>1.5820771412200088</v>
      </c>
      <c r="K1750" s="59">
        <f>Bühler!K1776</f>
        <v>2.373115711830013</v>
      </c>
      <c r="L1750" s="59">
        <f>Bühler!L1776</f>
        <v>11.390955416784061</v>
      </c>
      <c r="M1750" s="58">
        <f>Bühler!M1776</f>
        <v>0</v>
      </c>
      <c r="N1750" s="56">
        <f>IF(Input!$D$19=1,J1750*Input!$C$19,0)+IF(Input!$D$20=1,K1750*Input!$C$20,0)+IF(Input!$D$21=1,L1750*Input!$C$21,0)+IF(Input!$D$22=1,M1750*Input!$C$22,0)</f>
        <v>0.47462314236600261</v>
      </c>
      <c r="O1750" s="59">
        <f>IF(Input!$D$19=2,J1750*Input!$C$19,0)+IF(Input!$D$20=2,K1750*Input!$C$20,0)+IF(Input!$D$21=2,L1750*Input!$C$21,0)+IF(Input!$D$22=2,M1750*Input!$C$22,0)</f>
        <v>1.1865578559150065</v>
      </c>
      <c r="P1750" s="59">
        <f>IF(Input!$D$19=3,J1750*Input!$C$19,0)+IF(Input!$D$20=3,K1750*Input!$C$20,0)+IF(Input!$D$21=3,L1750*Input!$C$21,0)+IF(Input!$D$22=3,M1750*Input!$C$22,0)</f>
        <v>0</v>
      </c>
      <c r="Q1750" s="75">
        <f>IF(Input!$D$19=4,J1750*Input!$C$19,0)+IF(Input!$D$20=4,K1750*Input!$C$20,0)+IF(Input!$D$21=4,L1750*Input!$C$21,0)+IF(Input!$D$22=4,M1750*Input!$C$22,0)</f>
        <v>0</v>
      </c>
      <c r="R1750" s="58">
        <v>66.741384992546756</v>
      </c>
      <c r="S1750" s="124">
        <f t="shared" si="27"/>
        <v>2.0567002835860113</v>
      </c>
    </row>
    <row r="1751" spans="8:19" x14ac:dyDescent="0.3">
      <c r="H1751" s="44">
        <v>1744</v>
      </c>
      <c r="I1751" s="56">
        <f>Bühler!I1777</f>
        <v>0.47462314236600256</v>
      </c>
      <c r="J1751" s="59">
        <f>Bühler!J1777</f>
        <v>1.5820771412200088</v>
      </c>
      <c r="K1751" s="59">
        <f>Bühler!K1777</f>
        <v>2.373115711830013</v>
      </c>
      <c r="L1751" s="59">
        <f>Bühler!L1777</f>
        <v>11.390955416784061</v>
      </c>
      <c r="M1751" s="58">
        <f>Bühler!M1777</f>
        <v>0</v>
      </c>
      <c r="N1751" s="56">
        <f>IF(Input!$D$19=1,J1751*Input!$C$19,0)+IF(Input!$D$20=1,K1751*Input!$C$20,0)+IF(Input!$D$21=1,L1751*Input!$C$21,0)+IF(Input!$D$22=1,M1751*Input!$C$22,0)</f>
        <v>0.47462314236600261</v>
      </c>
      <c r="O1751" s="59">
        <f>IF(Input!$D$19=2,J1751*Input!$C$19,0)+IF(Input!$D$20=2,K1751*Input!$C$20,0)+IF(Input!$D$21=2,L1751*Input!$C$21,0)+IF(Input!$D$22=2,M1751*Input!$C$22,0)</f>
        <v>1.1865578559150065</v>
      </c>
      <c r="P1751" s="59">
        <f>IF(Input!$D$19=3,J1751*Input!$C$19,0)+IF(Input!$D$20=3,K1751*Input!$C$20,0)+IF(Input!$D$21=3,L1751*Input!$C$21,0)+IF(Input!$D$22=3,M1751*Input!$C$22,0)</f>
        <v>0</v>
      </c>
      <c r="Q1751" s="75">
        <f>IF(Input!$D$19=4,J1751*Input!$C$19,0)+IF(Input!$D$20=4,K1751*Input!$C$20,0)+IF(Input!$D$21=4,L1751*Input!$C$21,0)+IF(Input!$D$22=4,M1751*Input!$C$22,0)</f>
        <v>0</v>
      </c>
      <c r="R1751" s="58">
        <v>66.363239434512039</v>
      </c>
      <c r="S1751" s="124">
        <f t="shared" si="27"/>
        <v>2.0567002835860113</v>
      </c>
    </row>
    <row r="1752" spans="8:19" x14ac:dyDescent="0.3">
      <c r="H1752" s="44">
        <v>1745</v>
      </c>
      <c r="I1752" s="56">
        <f>Bühler!I1778</f>
        <v>0.47462314236600256</v>
      </c>
      <c r="J1752" s="59">
        <f>Bühler!J1778</f>
        <v>1.5820771412200088</v>
      </c>
      <c r="K1752" s="59">
        <f>Bühler!K1778</f>
        <v>2.373115711830013</v>
      </c>
      <c r="L1752" s="59">
        <f>Bühler!L1778</f>
        <v>11.390955416784061</v>
      </c>
      <c r="M1752" s="58">
        <f>Bühler!M1778</f>
        <v>0</v>
      </c>
      <c r="N1752" s="56">
        <f>IF(Input!$D$19=1,J1752*Input!$C$19,0)+IF(Input!$D$20=1,K1752*Input!$C$20,0)+IF(Input!$D$21=1,L1752*Input!$C$21,0)+IF(Input!$D$22=1,M1752*Input!$C$22,0)</f>
        <v>0.47462314236600261</v>
      </c>
      <c r="O1752" s="59">
        <f>IF(Input!$D$19=2,J1752*Input!$C$19,0)+IF(Input!$D$20=2,K1752*Input!$C$20,0)+IF(Input!$D$21=2,L1752*Input!$C$21,0)+IF(Input!$D$22=2,M1752*Input!$C$22,0)</f>
        <v>1.1865578559150065</v>
      </c>
      <c r="P1752" s="59">
        <f>IF(Input!$D$19=3,J1752*Input!$C$19,0)+IF(Input!$D$20=3,K1752*Input!$C$20,0)+IF(Input!$D$21=3,L1752*Input!$C$21,0)+IF(Input!$D$22=3,M1752*Input!$C$22,0)</f>
        <v>0</v>
      </c>
      <c r="Q1752" s="75">
        <f>IF(Input!$D$19=4,J1752*Input!$C$19,0)+IF(Input!$D$20=4,K1752*Input!$C$20,0)+IF(Input!$D$21=4,L1752*Input!$C$21,0)+IF(Input!$D$22=4,M1752*Input!$C$22,0)</f>
        <v>0</v>
      </c>
      <c r="R1752" s="58">
        <v>65.784127187422555</v>
      </c>
      <c r="S1752" s="124">
        <f t="shared" si="27"/>
        <v>2.0567002835860113</v>
      </c>
    </row>
    <row r="1753" spans="8:19" x14ac:dyDescent="0.3">
      <c r="H1753" s="44">
        <v>1746</v>
      </c>
      <c r="I1753" s="56">
        <f>Bühler!I1779</f>
        <v>0.47462314236600256</v>
      </c>
      <c r="J1753" s="59">
        <f>Bühler!J1779</f>
        <v>1.5820771412200088</v>
      </c>
      <c r="K1753" s="59">
        <f>Bühler!K1779</f>
        <v>2.373115711830013</v>
      </c>
      <c r="L1753" s="59">
        <f>Bühler!L1779</f>
        <v>11.390955416784061</v>
      </c>
      <c r="M1753" s="58">
        <f>Bühler!M1779</f>
        <v>0</v>
      </c>
      <c r="N1753" s="56">
        <f>IF(Input!$D$19=1,J1753*Input!$C$19,0)+IF(Input!$D$20=1,K1753*Input!$C$20,0)+IF(Input!$D$21=1,L1753*Input!$C$21,0)+IF(Input!$D$22=1,M1753*Input!$C$22,0)</f>
        <v>0.47462314236600261</v>
      </c>
      <c r="O1753" s="59">
        <f>IF(Input!$D$19=2,J1753*Input!$C$19,0)+IF(Input!$D$20=2,K1753*Input!$C$20,0)+IF(Input!$D$21=2,L1753*Input!$C$21,0)+IF(Input!$D$22=2,M1753*Input!$C$22,0)</f>
        <v>1.1865578559150065</v>
      </c>
      <c r="P1753" s="59">
        <f>IF(Input!$D$19=3,J1753*Input!$C$19,0)+IF(Input!$D$20=3,K1753*Input!$C$20,0)+IF(Input!$D$21=3,L1753*Input!$C$21,0)+IF(Input!$D$22=3,M1753*Input!$C$22,0)</f>
        <v>0</v>
      </c>
      <c r="Q1753" s="75">
        <f>IF(Input!$D$19=4,J1753*Input!$C$19,0)+IF(Input!$D$20=4,K1753*Input!$C$20,0)+IF(Input!$D$21=4,L1753*Input!$C$21,0)+IF(Input!$D$22=4,M1753*Input!$C$22,0)</f>
        <v>0</v>
      </c>
      <c r="R1753" s="58">
        <v>64.281152491494524</v>
      </c>
      <c r="S1753" s="124">
        <f t="shared" si="27"/>
        <v>2.0567002835860113</v>
      </c>
    </row>
    <row r="1754" spans="8:19" x14ac:dyDescent="0.3">
      <c r="H1754" s="44">
        <v>1747</v>
      </c>
      <c r="I1754" s="56">
        <f>Bühler!I1780</f>
        <v>0.47462314236600256</v>
      </c>
      <c r="J1754" s="59">
        <f>Bühler!J1780</f>
        <v>1.5820771412200088</v>
      </c>
      <c r="K1754" s="59">
        <f>Bühler!K1780</f>
        <v>2.373115711830013</v>
      </c>
      <c r="L1754" s="59">
        <f>Bühler!L1780</f>
        <v>11.390955416784061</v>
      </c>
      <c r="M1754" s="58">
        <f>Bühler!M1780</f>
        <v>0</v>
      </c>
      <c r="N1754" s="56">
        <f>IF(Input!$D$19=1,J1754*Input!$C$19,0)+IF(Input!$D$20=1,K1754*Input!$C$20,0)+IF(Input!$D$21=1,L1754*Input!$C$21,0)+IF(Input!$D$22=1,M1754*Input!$C$22,0)</f>
        <v>0.47462314236600261</v>
      </c>
      <c r="O1754" s="59">
        <f>IF(Input!$D$19=2,J1754*Input!$C$19,0)+IF(Input!$D$20=2,K1754*Input!$C$20,0)+IF(Input!$D$21=2,L1754*Input!$C$21,0)+IF(Input!$D$22=2,M1754*Input!$C$22,0)</f>
        <v>1.1865578559150065</v>
      </c>
      <c r="P1754" s="59">
        <f>IF(Input!$D$19=3,J1754*Input!$C$19,0)+IF(Input!$D$20=3,K1754*Input!$C$20,0)+IF(Input!$D$21=3,L1754*Input!$C$21,0)+IF(Input!$D$22=3,M1754*Input!$C$22,0)</f>
        <v>0</v>
      </c>
      <c r="Q1754" s="75">
        <f>IF(Input!$D$19=4,J1754*Input!$C$19,0)+IF(Input!$D$20=4,K1754*Input!$C$20,0)+IF(Input!$D$21=4,L1754*Input!$C$21,0)+IF(Input!$D$22=4,M1754*Input!$C$22,0)</f>
        <v>0</v>
      </c>
      <c r="R1754" s="58">
        <v>63.268635421896697</v>
      </c>
      <c r="S1754" s="124">
        <f t="shared" si="27"/>
        <v>2.0567002835860113</v>
      </c>
    </row>
    <row r="1755" spans="8:19" x14ac:dyDescent="0.3">
      <c r="H1755" s="44">
        <v>1748</v>
      </c>
      <c r="I1755" s="56">
        <f>Bühler!I1781</f>
        <v>0.39551928530500224</v>
      </c>
      <c r="J1755" s="59">
        <f>Bühler!J1781</f>
        <v>1.318397617683341</v>
      </c>
      <c r="K1755" s="59">
        <f>Bühler!K1781</f>
        <v>1.977596426525011</v>
      </c>
      <c r="L1755" s="59">
        <f>Bühler!L1781</f>
        <v>9.4924628473200539</v>
      </c>
      <c r="M1755" s="58">
        <f>Bühler!M1781</f>
        <v>0</v>
      </c>
      <c r="N1755" s="56">
        <f>IF(Input!$D$19=1,J1755*Input!$C$19,0)+IF(Input!$D$20=1,K1755*Input!$C$20,0)+IF(Input!$D$21=1,L1755*Input!$C$21,0)+IF(Input!$D$22=1,M1755*Input!$C$22,0)</f>
        <v>0.3955192853050023</v>
      </c>
      <c r="O1755" s="59">
        <f>IF(Input!$D$19=2,J1755*Input!$C$19,0)+IF(Input!$D$20=2,K1755*Input!$C$20,0)+IF(Input!$D$21=2,L1755*Input!$C$21,0)+IF(Input!$D$22=2,M1755*Input!$C$22,0)</f>
        <v>0.9887982132625055</v>
      </c>
      <c r="P1755" s="59">
        <f>IF(Input!$D$19=3,J1755*Input!$C$19,0)+IF(Input!$D$20=3,K1755*Input!$C$20,0)+IF(Input!$D$21=3,L1755*Input!$C$21,0)+IF(Input!$D$22=3,M1755*Input!$C$22,0)</f>
        <v>0</v>
      </c>
      <c r="Q1755" s="75">
        <f>IF(Input!$D$19=4,J1755*Input!$C$19,0)+IF(Input!$D$20=4,K1755*Input!$C$20,0)+IF(Input!$D$21=4,L1755*Input!$C$21,0)+IF(Input!$D$22=4,M1755*Input!$C$22,0)</f>
        <v>0</v>
      </c>
      <c r="R1755" s="58">
        <v>62.215582574255336</v>
      </c>
      <c r="S1755" s="124">
        <f t="shared" si="27"/>
        <v>1.7139169029883432</v>
      </c>
    </row>
    <row r="1756" spans="8:19" x14ac:dyDescent="0.3">
      <c r="H1756" s="44">
        <v>1749</v>
      </c>
      <c r="I1756" s="56">
        <f>Bühler!I1782</f>
        <v>0.31641542824400176</v>
      </c>
      <c r="J1756" s="59">
        <f>Bühler!J1782</f>
        <v>1.0547180941466727</v>
      </c>
      <c r="K1756" s="59">
        <f>Bühler!K1782</f>
        <v>1.5820771412200088</v>
      </c>
      <c r="L1756" s="59">
        <f>Bühler!L1782</f>
        <v>7.5939702778560427</v>
      </c>
      <c r="M1756" s="58">
        <f>Bühler!M1782</f>
        <v>0</v>
      </c>
      <c r="N1756" s="56">
        <f>IF(Input!$D$19=1,J1756*Input!$C$19,0)+IF(Input!$D$20=1,K1756*Input!$C$20,0)+IF(Input!$D$21=1,L1756*Input!$C$21,0)+IF(Input!$D$22=1,M1756*Input!$C$22,0)</f>
        <v>0.31641542824400182</v>
      </c>
      <c r="O1756" s="59">
        <f>IF(Input!$D$19=2,J1756*Input!$C$19,0)+IF(Input!$D$20=2,K1756*Input!$C$20,0)+IF(Input!$D$21=2,L1756*Input!$C$21,0)+IF(Input!$D$22=2,M1756*Input!$C$22,0)</f>
        <v>0.79103857061000438</v>
      </c>
      <c r="P1756" s="59">
        <f>IF(Input!$D$19=3,J1756*Input!$C$19,0)+IF(Input!$D$20=3,K1756*Input!$C$20,0)+IF(Input!$D$21=3,L1756*Input!$C$21,0)+IF(Input!$D$22=3,M1756*Input!$C$22,0)</f>
        <v>0</v>
      </c>
      <c r="Q1756" s="75">
        <f>IF(Input!$D$19=4,J1756*Input!$C$19,0)+IF(Input!$D$20=4,K1756*Input!$C$20,0)+IF(Input!$D$21=4,L1756*Input!$C$21,0)+IF(Input!$D$22=4,M1756*Input!$C$22,0)</f>
        <v>0</v>
      </c>
      <c r="R1756" s="58">
        <v>59.987177787799077</v>
      </c>
      <c r="S1756" s="124">
        <f t="shared" si="27"/>
        <v>1.3711335223906744</v>
      </c>
    </row>
    <row r="1757" spans="8:19" x14ac:dyDescent="0.3">
      <c r="H1757" s="44">
        <v>1750</v>
      </c>
      <c r="I1757" s="56">
        <f>Bühler!I1783</f>
        <v>0.23731157118300128</v>
      </c>
      <c r="J1757" s="59">
        <f>Bühler!J1783</f>
        <v>0.79103857061000438</v>
      </c>
      <c r="K1757" s="59">
        <f>Bühler!K1783</f>
        <v>1.1865578559150065</v>
      </c>
      <c r="L1757" s="59">
        <f>Bühler!L1783</f>
        <v>5.6954777083920307</v>
      </c>
      <c r="M1757" s="58">
        <f>Bühler!M1783</f>
        <v>0</v>
      </c>
      <c r="N1757" s="56">
        <f>IF(Input!$D$19=1,J1757*Input!$C$19,0)+IF(Input!$D$20=1,K1757*Input!$C$20,0)+IF(Input!$D$21=1,L1757*Input!$C$21,0)+IF(Input!$D$22=1,M1757*Input!$C$22,0)</f>
        <v>0.23731157118300131</v>
      </c>
      <c r="O1757" s="59">
        <f>IF(Input!$D$19=2,J1757*Input!$C$19,0)+IF(Input!$D$20=2,K1757*Input!$C$20,0)+IF(Input!$D$21=2,L1757*Input!$C$21,0)+IF(Input!$D$22=2,M1757*Input!$C$22,0)</f>
        <v>0.59327892795750325</v>
      </c>
      <c r="P1757" s="59">
        <f>IF(Input!$D$19=3,J1757*Input!$C$19,0)+IF(Input!$D$20=3,K1757*Input!$C$20,0)+IF(Input!$D$21=3,L1757*Input!$C$21,0)+IF(Input!$D$22=3,M1757*Input!$C$22,0)</f>
        <v>0</v>
      </c>
      <c r="Q1757" s="75">
        <f>IF(Input!$D$19=4,J1757*Input!$C$19,0)+IF(Input!$D$20=4,K1757*Input!$C$20,0)+IF(Input!$D$21=4,L1757*Input!$C$21,0)+IF(Input!$D$22=4,M1757*Input!$C$22,0)</f>
        <v>0</v>
      </c>
      <c r="R1757" s="58">
        <v>57.737104720610844</v>
      </c>
      <c r="S1757" s="124">
        <f t="shared" si="27"/>
        <v>1.0283501417930057</v>
      </c>
    </row>
    <row r="1758" spans="8:19" x14ac:dyDescent="0.3">
      <c r="H1758" s="44">
        <v>1751</v>
      </c>
      <c r="I1758" s="56">
        <f>Bühler!I1784</f>
        <v>0.23731157118300128</v>
      </c>
      <c r="J1758" s="59">
        <f>Bühler!J1784</f>
        <v>0.79103857061000438</v>
      </c>
      <c r="K1758" s="59">
        <f>Bühler!K1784</f>
        <v>1.1865578559150065</v>
      </c>
      <c r="L1758" s="59">
        <f>Bühler!L1784</f>
        <v>5.6954777083920307</v>
      </c>
      <c r="M1758" s="58">
        <f>Bühler!M1784</f>
        <v>0</v>
      </c>
      <c r="N1758" s="56">
        <f>IF(Input!$D$19=1,J1758*Input!$C$19,0)+IF(Input!$D$20=1,K1758*Input!$C$20,0)+IF(Input!$D$21=1,L1758*Input!$C$21,0)+IF(Input!$D$22=1,M1758*Input!$C$22,0)</f>
        <v>0.23731157118300131</v>
      </c>
      <c r="O1758" s="59">
        <f>IF(Input!$D$19=2,J1758*Input!$C$19,0)+IF(Input!$D$20=2,K1758*Input!$C$20,0)+IF(Input!$D$21=2,L1758*Input!$C$21,0)+IF(Input!$D$22=2,M1758*Input!$C$22,0)</f>
        <v>0.59327892795750325</v>
      </c>
      <c r="P1758" s="59">
        <f>IF(Input!$D$19=3,J1758*Input!$C$19,0)+IF(Input!$D$20=3,K1758*Input!$C$20,0)+IF(Input!$D$21=3,L1758*Input!$C$21,0)+IF(Input!$D$22=3,M1758*Input!$C$22,0)</f>
        <v>0</v>
      </c>
      <c r="Q1758" s="75">
        <f>IF(Input!$D$19=4,J1758*Input!$C$19,0)+IF(Input!$D$20=4,K1758*Input!$C$20,0)+IF(Input!$D$21=4,L1758*Input!$C$21,0)+IF(Input!$D$22=4,M1758*Input!$C$22,0)</f>
        <v>0</v>
      </c>
      <c r="R1758" s="58">
        <v>55.911160902292103</v>
      </c>
      <c r="S1758" s="124">
        <f t="shared" si="27"/>
        <v>1.0283501417930057</v>
      </c>
    </row>
    <row r="1759" spans="8:19" x14ac:dyDescent="0.3">
      <c r="H1759" s="44">
        <v>1752</v>
      </c>
      <c r="I1759" s="56">
        <f>Bühler!I1785</f>
        <v>0.23731157118300128</v>
      </c>
      <c r="J1759" s="59">
        <f>Bühler!J1785</f>
        <v>0.79103857061000438</v>
      </c>
      <c r="K1759" s="59">
        <f>Bühler!K1785</f>
        <v>1.1865578559150065</v>
      </c>
      <c r="L1759" s="59">
        <f>Bühler!L1785</f>
        <v>5.6954777083920307</v>
      </c>
      <c r="M1759" s="58">
        <f>Bühler!M1785</f>
        <v>0</v>
      </c>
      <c r="N1759" s="56">
        <f>IF(Input!$D$19=1,J1759*Input!$C$19,0)+IF(Input!$D$20=1,K1759*Input!$C$20,0)+IF(Input!$D$21=1,L1759*Input!$C$21,0)+IF(Input!$D$22=1,M1759*Input!$C$22,0)</f>
        <v>0.23731157118300131</v>
      </c>
      <c r="O1759" s="59">
        <f>IF(Input!$D$19=2,J1759*Input!$C$19,0)+IF(Input!$D$20=2,K1759*Input!$C$20,0)+IF(Input!$D$21=2,L1759*Input!$C$21,0)+IF(Input!$D$22=2,M1759*Input!$C$22,0)</f>
        <v>0.59327892795750325</v>
      </c>
      <c r="P1759" s="59">
        <f>IF(Input!$D$19=3,J1759*Input!$C$19,0)+IF(Input!$D$20=3,K1759*Input!$C$20,0)+IF(Input!$D$21=3,L1759*Input!$C$21,0)+IF(Input!$D$22=3,M1759*Input!$C$22,0)</f>
        <v>0</v>
      </c>
      <c r="Q1759" s="75">
        <f>IF(Input!$D$19=4,J1759*Input!$C$19,0)+IF(Input!$D$20=4,K1759*Input!$C$20,0)+IF(Input!$D$21=4,L1759*Input!$C$21,0)+IF(Input!$D$22=4,M1759*Input!$C$22,0)</f>
        <v>0</v>
      </c>
      <c r="R1759" s="58">
        <v>54.063839165068003</v>
      </c>
      <c r="S1759" s="124">
        <f t="shared" si="27"/>
        <v>1.0283501417930057</v>
      </c>
    </row>
    <row r="1760" spans="8:19" x14ac:dyDescent="0.3">
      <c r="H1760" s="44">
        <v>1753</v>
      </c>
      <c r="I1760" s="56">
        <f>Bühler!I1786</f>
        <v>0.23355105872139573</v>
      </c>
      <c r="J1760" s="59">
        <f>Bühler!J1786</f>
        <v>0.77850352907131914</v>
      </c>
      <c r="K1760" s="59">
        <f>Bühler!K1786</f>
        <v>1.1677552936069786</v>
      </c>
      <c r="L1760" s="59">
        <f>Bühler!L1786</f>
        <v>5.6052254093134977</v>
      </c>
      <c r="M1760" s="58">
        <f>Bühler!M1786</f>
        <v>0</v>
      </c>
      <c r="N1760" s="56">
        <f>IF(Input!$D$19=1,J1760*Input!$C$19,0)+IF(Input!$D$20=1,K1760*Input!$C$20,0)+IF(Input!$D$21=1,L1760*Input!$C$21,0)+IF(Input!$D$22=1,M1760*Input!$C$22,0)</f>
        <v>0.23355105872139573</v>
      </c>
      <c r="O1760" s="59">
        <f>IF(Input!$D$19=2,J1760*Input!$C$19,0)+IF(Input!$D$20=2,K1760*Input!$C$20,0)+IF(Input!$D$21=2,L1760*Input!$C$21,0)+IF(Input!$D$22=2,M1760*Input!$C$22,0)</f>
        <v>0.5838776468034893</v>
      </c>
      <c r="P1760" s="59">
        <f>IF(Input!$D$19=3,J1760*Input!$C$19,0)+IF(Input!$D$20=3,K1760*Input!$C$20,0)+IF(Input!$D$21=3,L1760*Input!$C$21,0)+IF(Input!$D$22=3,M1760*Input!$C$22,0)</f>
        <v>0</v>
      </c>
      <c r="Q1760" s="75">
        <f>IF(Input!$D$19=4,J1760*Input!$C$19,0)+IF(Input!$D$20=4,K1760*Input!$C$20,0)+IF(Input!$D$21=4,L1760*Input!$C$21,0)+IF(Input!$D$22=4,M1760*Input!$C$22,0)</f>
        <v>0</v>
      </c>
      <c r="R1760" s="58">
        <v>52.956264156965851</v>
      </c>
      <c r="S1760" s="124">
        <f t="shared" si="27"/>
        <v>1.012054587792715</v>
      </c>
    </row>
    <row r="1761" spans="8:19" x14ac:dyDescent="0.3">
      <c r="H1761" s="44">
        <v>1754</v>
      </c>
      <c r="I1761" s="56">
        <f>Bühler!I1787</f>
        <v>0.23355105872139573</v>
      </c>
      <c r="J1761" s="59">
        <f>Bühler!J1787</f>
        <v>0.77850352907131914</v>
      </c>
      <c r="K1761" s="59">
        <f>Bühler!K1787</f>
        <v>1.1677552936069786</v>
      </c>
      <c r="L1761" s="59">
        <f>Bühler!L1787</f>
        <v>5.6052254093134977</v>
      </c>
      <c r="M1761" s="58">
        <f>Bühler!M1787</f>
        <v>0</v>
      </c>
      <c r="N1761" s="56">
        <f>IF(Input!$D$19=1,J1761*Input!$C$19,0)+IF(Input!$D$20=1,K1761*Input!$C$20,0)+IF(Input!$D$21=1,L1761*Input!$C$21,0)+IF(Input!$D$22=1,M1761*Input!$C$22,0)</f>
        <v>0.23355105872139573</v>
      </c>
      <c r="O1761" s="59">
        <f>IF(Input!$D$19=2,J1761*Input!$C$19,0)+IF(Input!$D$20=2,K1761*Input!$C$20,0)+IF(Input!$D$21=2,L1761*Input!$C$21,0)+IF(Input!$D$22=2,M1761*Input!$C$22,0)</f>
        <v>0.5838776468034893</v>
      </c>
      <c r="P1761" s="59">
        <f>IF(Input!$D$19=3,J1761*Input!$C$19,0)+IF(Input!$D$20=3,K1761*Input!$C$20,0)+IF(Input!$D$21=3,L1761*Input!$C$21,0)+IF(Input!$D$22=3,M1761*Input!$C$22,0)</f>
        <v>0</v>
      </c>
      <c r="Q1761" s="75">
        <f>IF(Input!$D$19=4,J1761*Input!$C$19,0)+IF(Input!$D$20=4,K1761*Input!$C$20,0)+IF(Input!$D$21=4,L1761*Input!$C$21,0)+IF(Input!$D$22=4,M1761*Input!$C$22,0)</f>
        <v>0</v>
      </c>
      <c r="R1761" s="58">
        <v>52.472948482265373</v>
      </c>
      <c r="S1761" s="124">
        <f t="shared" si="27"/>
        <v>1.012054587792715</v>
      </c>
    </row>
    <row r="1762" spans="8:19" x14ac:dyDescent="0.3">
      <c r="H1762" s="44">
        <v>1755</v>
      </c>
      <c r="I1762" s="56">
        <f>Bühler!I1788</f>
        <v>0.23355105872139573</v>
      </c>
      <c r="J1762" s="59">
        <f>Bühler!J1788</f>
        <v>0.77850352907131914</v>
      </c>
      <c r="K1762" s="59">
        <f>Bühler!K1788</f>
        <v>1.1677552936069786</v>
      </c>
      <c r="L1762" s="59">
        <f>Bühler!L1788</f>
        <v>5.6052254093134977</v>
      </c>
      <c r="M1762" s="58">
        <f>Bühler!M1788</f>
        <v>0</v>
      </c>
      <c r="N1762" s="56">
        <f>IF(Input!$D$19=1,J1762*Input!$C$19,0)+IF(Input!$D$20=1,K1762*Input!$C$20,0)+IF(Input!$D$21=1,L1762*Input!$C$21,0)+IF(Input!$D$22=1,M1762*Input!$C$22,0)</f>
        <v>0.23355105872139573</v>
      </c>
      <c r="O1762" s="59">
        <f>IF(Input!$D$19=2,J1762*Input!$C$19,0)+IF(Input!$D$20=2,K1762*Input!$C$20,0)+IF(Input!$D$21=2,L1762*Input!$C$21,0)+IF(Input!$D$22=2,M1762*Input!$C$22,0)</f>
        <v>0.5838776468034893</v>
      </c>
      <c r="P1762" s="59">
        <f>IF(Input!$D$19=3,J1762*Input!$C$19,0)+IF(Input!$D$20=3,K1762*Input!$C$20,0)+IF(Input!$D$21=3,L1762*Input!$C$21,0)+IF(Input!$D$22=3,M1762*Input!$C$22,0)</f>
        <v>0</v>
      </c>
      <c r="Q1762" s="75">
        <f>IF(Input!$D$19=4,J1762*Input!$C$19,0)+IF(Input!$D$20=4,K1762*Input!$C$20,0)+IF(Input!$D$21=4,L1762*Input!$C$21,0)+IF(Input!$D$22=4,M1762*Input!$C$22,0)</f>
        <v>0</v>
      </c>
      <c r="R1762" s="58">
        <v>52.758166232558914</v>
      </c>
      <c r="S1762" s="124">
        <f t="shared" si="27"/>
        <v>1.012054587792715</v>
      </c>
    </row>
    <row r="1763" spans="8:19" x14ac:dyDescent="0.3">
      <c r="H1763" s="44">
        <v>1756</v>
      </c>
      <c r="I1763" s="56">
        <f>Bühler!I1789</f>
        <v>0.23355105872139573</v>
      </c>
      <c r="J1763" s="59">
        <f>Bühler!J1789</f>
        <v>0.77850352907131914</v>
      </c>
      <c r="K1763" s="59">
        <f>Bühler!K1789</f>
        <v>1.1677552936069786</v>
      </c>
      <c r="L1763" s="59">
        <f>Bühler!L1789</f>
        <v>5.6052254093134977</v>
      </c>
      <c r="M1763" s="58">
        <f>Bühler!M1789</f>
        <v>0</v>
      </c>
      <c r="N1763" s="56">
        <f>IF(Input!$D$19=1,J1763*Input!$C$19,0)+IF(Input!$D$20=1,K1763*Input!$C$20,0)+IF(Input!$D$21=1,L1763*Input!$C$21,0)+IF(Input!$D$22=1,M1763*Input!$C$22,0)</f>
        <v>0.23355105872139573</v>
      </c>
      <c r="O1763" s="59">
        <f>IF(Input!$D$19=2,J1763*Input!$C$19,0)+IF(Input!$D$20=2,K1763*Input!$C$20,0)+IF(Input!$D$21=2,L1763*Input!$C$21,0)+IF(Input!$D$22=2,M1763*Input!$C$22,0)</f>
        <v>0.5838776468034893</v>
      </c>
      <c r="P1763" s="59">
        <f>IF(Input!$D$19=3,J1763*Input!$C$19,0)+IF(Input!$D$20=3,K1763*Input!$C$20,0)+IF(Input!$D$21=3,L1763*Input!$C$21,0)+IF(Input!$D$22=3,M1763*Input!$C$22,0)</f>
        <v>0</v>
      </c>
      <c r="Q1763" s="75">
        <f>IF(Input!$D$19=4,J1763*Input!$C$19,0)+IF(Input!$D$20=4,K1763*Input!$C$20,0)+IF(Input!$D$21=4,L1763*Input!$C$21,0)+IF(Input!$D$22=4,M1763*Input!$C$22,0)</f>
        <v>0</v>
      </c>
      <c r="R1763" s="58">
        <v>52.797972418652563</v>
      </c>
      <c r="S1763" s="124">
        <f t="shared" si="27"/>
        <v>1.012054587792715</v>
      </c>
    </row>
    <row r="1764" spans="8:19" x14ac:dyDescent="0.3">
      <c r="H1764" s="44">
        <v>1757</v>
      </c>
      <c r="I1764" s="56">
        <f>Bühler!I1790</f>
        <v>0.23355105872139573</v>
      </c>
      <c r="J1764" s="59">
        <f>Bühler!J1790</f>
        <v>0.77850352907131914</v>
      </c>
      <c r="K1764" s="59">
        <f>Bühler!K1790</f>
        <v>1.1677552936069786</v>
      </c>
      <c r="L1764" s="59">
        <f>Bühler!L1790</f>
        <v>5.6052254093134977</v>
      </c>
      <c r="M1764" s="58">
        <f>Bühler!M1790</f>
        <v>0</v>
      </c>
      <c r="N1764" s="56">
        <f>IF(Input!$D$19=1,J1764*Input!$C$19,0)+IF(Input!$D$20=1,K1764*Input!$C$20,0)+IF(Input!$D$21=1,L1764*Input!$C$21,0)+IF(Input!$D$22=1,M1764*Input!$C$22,0)</f>
        <v>0.23355105872139573</v>
      </c>
      <c r="O1764" s="59">
        <f>IF(Input!$D$19=2,J1764*Input!$C$19,0)+IF(Input!$D$20=2,K1764*Input!$C$20,0)+IF(Input!$D$21=2,L1764*Input!$C$21,0)+IF(Input!$D$22=2,M1764*Input!$C$22,0)</f>
        <v>0.5838776468034893</v>
      </c>
      <c r="P1764" s="59">
        <f>IF(Input!$D$19=3,J1764*Input!$C$19,0)+IF(Input!$D$20=3,K1764*Input!$C$20,0)+IF(Input!$D$21=3,L1764*Input!$C$21,0)+IF(Input!$D$22=3,M1764*Input!$C$22,0)</f>
        <v>0</v>
      </c>
      <c r="Q1764" s="75">
        <f>IF(Input!$D$19=4,J1764*Input!$C$19,0)+IF(Input!$D$20=4,K1764*Input!$C$20,0)+IF(Input!$D$21=4,L1764*Input!$C$21,0)+IF(Input!$D$22=4,M1764*Input!$C$22,0)</f>
        <v>0</v>
      </c>
      <c r="R1764" s="58">
        <v>54.016426711246197</v>
      </c>
      <c r="S1764" s="124">
        <f t="shared" si="27"/>
        <v>1.012054587792715</v>
      </c>
    </row>
    <row r="1765" spans="8:19" x14ac:dyDescent="0.3">
      <c r="H1765" s="44">
        <v>1758</v>
      </c>
      <c r="I1765" s="56">
        <f>Bühler!I1791</f>
        <v>0.30102136457424344</v>
      </c>
      <c r="J1765" s="59">
        <f>Bühler!J1791</f>
        <v>1.0034045485808114</v>
      </c>
      <c r="K1765" s="59">
        <f>Bühler!K1791</f>
        <v>1.5051068228712172</v>
      </c>
      <c r="L1765" s="59">
        <f>Bühler!L1791</f>
        <v>7.2245127497818418</v>
      </c>
      <c r="M1765" s="58">
        <f>Bühler!M1791</f>
        <v>0</v>
      </c>
      <c r="N1765" s="56">
        <f>IF(Input!$D$19=1,J1765*Input!$C$19,0)+IF(Input!$D$20=1,K1765*Input!$C$20,0)+IF(Input!$D$21=1,L1765*Input!$C$21,0)+IF(Input!$D$22=1,M1765*Input!$C$22,0)</f>
        <v>0.30102136457424339</v>
      </c>
      <c r="O1765" s="59">
        <f>IF(Input!$D$19=2,J1765*Input!$C$19,0)+IF(Input!$D$20=2,K1765*Input!$C$20,0)+IF(Input!$D$21=2,L1765*Input!$C$21,0)+IF(Input!$D$22=2,M1765*Input!$C$22,0)</f>
        <v>0.75255341143560861</v>
      </c>
      <c r="P1765" s="59">
        <f>IF(Input!$D$19=3,J1765*Input!$C$19,0)+IF(Input!$D$20=3,K1765*Input!$C$20,0)+IF(Input!$D$21=3,L1765*Input!$C$21,0)+IF(Input!$D$22=3,M1765*Input!$C$22,0)</f>
        <v>0</v>
      </c>
      <c r="Q1765" s="75">
        <f>IF(Input!$D$19=4,J1765*Input!$C$19,0)+IF(Input!$D$20=4,K1765*Input!$C$20,0)+IF(Input!$D$21=4,L1765*Input!$C$21,0)+IF(Input!$D$22=4,M1765*Input!$C$22,0)</f>
        <v>0</v>
      </c>
      <c r="R1765" s="58">
        <v>57.103083785060228</v>
      </c>
      <c r="S1765" s="124">
        <f t="shared" si="27"/>
        <v>1.3044259131550549</v>
      </c>
    </row>
    <row r="1766" spans="8:19" x14ac:dyDescent="0.3">
      <c r="H1766" s="44">
        <v>1759</v>
      </c>
      <c r="I1766" s="56">
        <f>Bühler!I1792</f>
        <v>0.34773157631852258</v>
      </c>
      <c r="J1766" s="59">
        <f>Bühler!J1792</f>
        <v>1.1591052543950753</v>
      </c>
      <c r="K1766" s="59">
        <f>Bühler!K1792</f>
        <v>1.7386578815926128</v>
      </c>
      <c r="L1766" s="59">
        <f>Bühler!L1792</f>
        <v>8.3455578316445411</v>
      </c>
      <c r="M1766" s="58">
        <f>Bühler!M1792</f>
        <v>0</v>
      </c>
      <c r="N1766" s="56">
        <f>IF(Input!$D$19=1,J1766*Input!$C$19,0)+IF(Input!$D$20=1,K1766*Input!$C$20,0)+IF(Input!$D$21=1,L1766*Input!$C$21,0)+IF(Input!$D$22=1,M1766*Input!$C$22,0)</f>
        <v>0.34773157631852258</v>
      </c>
      <c r="O1766" s="59">
        <f>IF(Input!$D$19=2,J1766*Input!$C$19,0)+IF(Input!$D$20=2,K1766*Input!$C$20,0)+IF(Input!$D$21=2,L1766*Input!$C$21,0)+IF(Input!$D$22=2,M1766*Input!$C$22,0)</f>
        <v>0.8693289407963064</v>
      </c>
      <c r="P1766" s="59">
        <f>IF(Input!$D$19=3,J1766*Input!$C$19,0)+IF(Input!$D$20=3,K1766*Input!$C$20,0)+IF(Input!$D$21=3,L1766*Input!$C$21,0)+IF(Input!$D$22=3,M1766*Input!$C$22,0)</f>
        <v>0</v>
      </c>
      <c r="Q1766" s="75">
        <f>IF(Input!$D$19=4,J1766*Input!$C$19,0)+IF(Input!$D$20=4,K1766*Input!$C$20,0)+IF(Input!$D$21=4,L1766*Input!$C$21,0)+IF(Input!$D$22=4,M1766*Input!$C$22,0)</f>
        <v>0</v>
      </c>
      <c r="R1766" s="58">
        <v>61.094591002149009</v>
      </c>
      <c r="S1766" s="124">
        <f t="shared" si="27"/>
        <v>1.5068368307135978</v>
      </c>
    </row>
    <row r="1767" spans="8:19" x14ac:dyDescent="0.3">
      <c r="H1767" s="44">
        <v>1760</v>
      </c>
      <c r="I1767" s="56">
        <f>Bühler!I1793</f>
        <v>0.34773157631852258</v>
      </c>
      <c r="J1767" s="59">
        <f>Bühler!J1793</f>
        <v>1.1591052543950753</v>
      </c>
      <c r="K1767" s="59">
        <f>Bühler!K1793</f>
        <v>1.7386578815926128</v>
      </c>
      <c r="L1767" s="59">
        <f>Bühler!L1793</f>
        <v>8.3455578316445411</v>
      </c>
      <c r="M1767" s="58">
        <f>Bühler!M1793</f>
        <v>0</v>
      </c>
      <c r="N1767" s="56">
        <f>IF(Input!$D$19=1,J1767*Input!$C$19,0)+IF(Input!$D$20=1,K1767*Input!$C$20,0)+IF(Input!$D$21=1,L1767*Input!$C$21,0)+IF(Input!$D$22=1,M1767*Input!$C$22,0)</f>
        <v>0.34773157631852258</v>
      </c>
      <c r="O1767" s="59">
        <f>IF(Input!$D$19=2,J1767*Input!$C$19,0)+IF(Input!$D$20=2,K1767*Input!$C$20,0)+IF(Input!$D$21=2,L1767*Input!$C$21,0)+IF(Input!$D$22=2,M1767*Input!$C$22,0)</f>
        <v>0.8693289407963064</v>
      </c>
      <c r="P1767" s="59">
        <f>IF(Input!$D$19=3,J1767*Input!$C$19,0)+IF(Input!$D$20=3,K1767*Input!$C$20,0)+IF(Input!$D$21=3,L1767*Input!$C$21,0)+IF(Input!$D$22=3,M1767*Input!$C$22,0)</f>
        <v>0</v>
      </c>
      <c r="Q1767" s="75">
        <f>IF(Input!$D$19=4,J1767*Input!$C$19,0)+IF(Input!$D$20=4,K1767*Input!$C$20,0)+IF(Input!$D$21=4,L1767*Input!$C$21,0)+IF(Input!$D$22=4,M1767*Input!$C$22,0)</f>
        <v>0</v>
      </c>
      <c r="R1767" s="58">
        <v>62.497044253857119</v>
      </c>
      <c r="S1767" s="124">
        <f t="shared" si="27"/>
        <v>1.5068368307135978</v>
      </c>
    </row>
    <row r="1768" spans="8:19" x14ac:dyDescent="0.3">
      <c r="H1768" s="44">
        <v>1761</v>
      </c>
      <c r="I1768" s="56">
        <f>Bühler!I1794</f>
        <v>0.34773157631852258</v>
      </c>
      <c r="J1768" s="59">
        <f>Bühler!J1794</f>
        <v>1.1591052543950753</v>
      </c>
      <c r="K1768" s="59">
        <f>Bühler!K1794</f>
        <v>1.7386578815926128</v>
      </c>
      <c r="L1768" s="59">
        <f>Bühler!L1794</f>
        <v>8.3455578316445411</v>
      </c>
      <c r="M1768" s="58">
        <f>Bühler!M1794</f>
        <v>0</v>
      </c>
      <c r="N1768" s="56">
        <f>IF(Input!$D$19=1,J1768*Input!$C$19,0)+IF(Input!$D$20=1,K1768*Input!$C$20,0)+IF(Input!$D$21=1,L1768*Input!$C$21,0)+IF(Input!$D$22=1,M1768*Input!$C$22,0)</f>
        <v>0.34773157631852258</v>
      </c>
      <c r="O1768" s="59">
        <f>IF(Input!$D$19=2,J1768*Input!$C$19,0)+IF(Input!$D$20=2,K1768*Input!$C$20,0)+IF(Input!$D$21=2,L1768*Input!$C$21,0)+IF(Input!$D$22=2,M1768*Input!$C$22,0)</f>
        <v>0.8693289407963064</v>
      </c>
      <c r="P1768" s="59">
        <f>IF(Input!$D$19=3,J1768*Input!$C$19,0)+IF(Input!$D$20=3,K1768*Input!$C$20,0)+IF(Input!$D$21=3,L1768*Input!$C$21,0)+IF(Input!$D$22=3,M1768*Input!$C$22,0)</f>
        <v>0</v>
      </c>
      <c r="Q1768" s="75">
        <f>IF(Input!$D$19=4,J1768*Input!$C$19,0)+IF(Input!$D$20=4,K1768*Input!$C$20,0)+IF(Input!$D$21=4,L1768*Input!$C$21,0)+IF(Input!$D$22=4,M1768*Input!$C$22,0)</f>
        <v>0</v>
      </c>
      <c r="R1768" s="58">
        <v>63.188753105787548</v>
      </c>
      <c r="S1768" s="124">
        <f t="shared" si="27"/>
        <v>1.5068368307135978</v>
      </c>
    </row>
    <row r="1769" spans="8:19" x14ac:dyDescent="0.3">
      <c r="H1769" s="44">
        <v>1762</v>
      </c>
      <c r="I1769" s="56">
        <f>Bühler!I1795</f>
        <v>0.37368169395423323</v>
      </c>
      <c r="J1769" s="59">
        <f>Bühler!J1795</f>
        <v>1.245605646514111</v>
      </c>
      <c r="K1769" s="59">
        <f>Bühler!K1795</f>
        <v>1.868408469771166</v>
      </c>
      <c r="L1769" s="59">
        <f>Bühler!L1795</f>
        <v>8.9683606549015966</v>
      </c>
      <c r="M1769" s="58">
        <f>Bühler!M1795</f>
        <v>0</v>
      </c>
      <c r="N1769" s="56">
        <f>IF(Input!$D$19=1,J1769*Input!$C$19,0)+IF(Input!$D$20=1,K1769*Input!$C$20,0)+IF(Input!$D$21=1,L1769*Input!$C$21,0)+IF(Input!$D$22=1,M1769*Input!$C$22,0)</f>
        <v>0.37368169395423328</v>
      </c>
      <c r="O1769" s="59">
        <f>IF(Input!$D$19=2,J1769*Input!$C$19,0)+IF(Input!$D$20=2,K1769*Input!$C$20,0)+IF(Input!$D$21=2,L1769*Input!$C$21,0)+IF(Input!$D$22=2,M1769*Input!$C$22,0)</f>
        <v>0.93420423488558302</v>
      </c>
      <c r="P1769" s="59">
        <f>IF(Input!$D$19=3,J1769*Input!$C$19,0)+IF(Input!$D$20=3,K1769*Input!$C$20,0)+IF(Input!$D$21=3,L1769*Input!$C$21,0)+IF(Input!$D$22=3,M1769*Input!$C$22,0)</f>
        <v>0</v>
      </c>
      <c r="Q1769" s="75">
        <f>IF(Input!$D$19=4,J1769*Input!$C$19,0)+IF(Input!$D$20=4,K1769*Input!$C$20,0)+IF(Input!$D$21=4,L1769*Input!$C$21,0)+IF(Input!$D$22=4,M1769*Input!$C$22,0)</f>
        <v>0</v>
      </c>
      <c r="R1769" s="58">
        <v>62.523960877562317</v>
      </c>
      <c r="S1769" s="124">
        <f t="shared" si="27"/>
        <v>1.6192873404683441</v>
      </c>
    </row>
    <row r="1770" spans="8:19" x14ac:dyDescent="0.3">
      <c r="H1770" s="44">
        <v>1763</v>
      </c>
      <c r="I1770" s="56">
        <f>Bühler!I1796</f>
        <v>0.40482183511708603</v>
      </c>
      <c r="J1770" s="59">
        <f>Bühler!J1796</f>
        <v>1.3494061170569536</v>
      </c>
      <c r="K1770" s="59">
        <f>Bühler!K1796</f>
        <v>2.0241091755854299</v>
      </c>
      <c r="L1770" s="59">
        <f>Bühler!L1796</f>
        <v>9.7157240428100646</v>
      </c>
      <c r="M1770" s="58">
        <f>Bühler!M1796</f>
        <v>0</v>
      </c>
      <c r="N1770" s="56">
        <f>IF(Input!$D$19=1,J1770*Input!$C$19,0)+IF(Input!$D$20=1,K1770*Input!$C$20,0)+IF(Input!$D$21=1,L1770*Input!$C$21,0)+IF(Input!$D$22=1,M1770*Input!$C$22,0)</f>
        <v>0.40482183511708608</v>
      </c>
      <c r="O1770" s="59">
        <f>IF(Input!$D$19=2,J1770*Input!$C$19,0)+IF(Input!$D$20=2,K1770*Input!$C$20,0)+IF(Input!$D$21=2,L1770*Input!$C$21,0)+IF(Input!$D$22=2,M1770*Input!$C$22,0)</f>
        <v>1.012054587792715</v>
      </c>
      <c r="P1770" s="59">
        <f>IF(Input!$D$19=3,J1770*Input!$C$19,0)+IF(Input!$D$20=3,K1770*Input!$C$20,0)+IF(Input!$D$21=3,L1770*Input!$C$21,0)+IF(Input!$D$22=3,M1770*Input!$C$22,0)</f>
        <v>0</v>
      </c>
      <c r="Q1770" s="75">
        <f>IF(Input!$D$19=4,J1770*Input!$C$19,0)+IF(Input!$D$20=4,K1770*Input!$C$20,0)+IF(Input!$D$21=4,L1770*Input!$C$21,0)+IF(Input!$D$22=4,M1770*Input!$C$22,0)</f>
        <v>0</v>
      </c>
      <c r="R1770" s="58">
        <v>63.108910154457227</v>
      </c>
      <c r="S1770" s="124">
        <f t="shared" si="27"/>
        <v>1.7542279521740396</v>
      </c>
    </row>
    <row r="1771" spans="8:19" x14ac:dyDescent="0.3">
      <c r="H1771" s="44">
        <v>1764</v>
      </c>
      <c r="I1771" s="56">
        <f>Bühler!I1797</f>
        <v>0.46710211744279145</v>
      </c>
      <c r="J1771" s="59">
        <f>Bühler!J1797</f>
        <v>1.5570070581426383</v>
      </c>
      <c r="K1771" s="59">
        <f>Bühler!K1797</f>
        <v>2.3355105872139572</v>
      </c>
      <c r="L1771" s="59">
        <f>Bühler!L1797</f>
        <v>11.210450818626995</v>
      </c>
      <c r="M1771" s="58">
        <f>Bühler!M1797</f>
        <v>0</v>
      </c>
      <c r="N1771" s="56">
        <f>IF(Input!$D$19=1,J1771*Input!$C$19,0)+IF(Input!$D$20=1,K1771*Input!$C$20,0)+IF(Input!$D$21=1,L1771*Input!$C$21,0)+IF(Input!$D$22=1,M1771*Input!$C$22,0)</f>
        <v>0.46710211744279145</v>
      </c>
      <c r="O1771" s="59">
        <f>IF(Input!$D$19=2,J1771*Input!$C$19,0)+IF(Input!$D$20=2,K1771*Input!$C$20,0)+IF(Input!$D$21=2,L1771*Input!$C$21,0)+IF(Input!$D$22=2,M1771*Input!$C$22,0)</f>
        <v>1.1677552936069786</v>
      </c>
      <c r="P1771" s="59">
        <f>IF(Input!$D$19=3,J1771*Input!$C$19,0)+IF(Input!$D$20=3,K1771*Input!$C$20,0)+IF(Input!$D$21=3,L1771*Input!$C$21,0)+IF(Input!$D$22=3,M1771*Input!$C$22,0)</f>
        <v>0</v>
      </c>
      <c r="Q1771" s="75">
        <f>IF(Input!$D$19=4,J1771*Input!$C$19,0)+IF(Input!$D$20=4,K1771*Input!$C$20,0)+IF(Input!$D$21=4,L1771*Input!$C$21,0)+IF(Input!$D$22=4,M1771*Input!$C$22,0)</f>
        <v>0</v>
      </c>
      <c r="R1771" s="58">
        <v>63.711371952571568</v>
      </c>
      <c r="S1771" s="124">
        <f t="shared" si="27"/>
        <v>2.0241091755854299</v>
      </c>
    </row>
    <row r="1772" spans="8:19" x14ac:dyDescent="0.3">
      <c r="H1772" s="44">
        <v>1765</v>
      </c>
      <c r="I1772" s="56">
        <f>Bühler!I1798</f>
        <v>0.46710211744279145</v>
      </c>
      <c r="J1772" s="59">
        <f>Bühler!J1798</f>
        <v>1.5570070581426383</v>
      </c>
      <c r="K1772" s="59">
        <f>Bühler!K1798</f>
        <v>2.3355105872139572</v>
      </c>
      <c r="L1772" s="59">
        <f>Bühler!L1798</f>
        <v>11.210450818626995</v>
      </c>
      <c r="M1772" s="58">
        <f>Bühler!M1798</f>
        <v>0</v>
      </c>
      <c r="N1772" s="56">
        <f>IF(Input!$D$19=1,J1772*Input!$C$19,0)+IF(Input!$D$20=1,K1772*Input!$C$20,0)+IF(Input!$D$21=1,L1772*Input!$C$21,0)+IF(Input!$D$22=1,M1772*Input!$C$22,0)</f>
        <v>0.46710211744279145</v>
      </c>
      <c r="O1772" s="59">
        <f>IF(Input!$D$19=2,J1772*Input!$C$19,0)+IF(Input!$D$20=2,K1772*Input!$C$20,0)+IF(Input!$D$21=2,L1772*Input!$C$21,0)+IF(Input!$D$22=2,M1772*Input!$C$22,0)</f>
        <v>1.1677552936069786</v>
      </c>
      <c r="P1772" s="59">
        <f>IF(Input!$D$19=3,J1772*Input!$C$19,0)+IF(Input!$D$20=3,K1772*Input!$C$20,0)+IF(Input!$D$21=3,L1772*Input!$C$21,0)+IF(Input!$D$22=3,M1772*Input!$C$22,0)</f>
        <v>0</v>
      </c>
      <c r="Q1772" s="75">
        <f>IF(Input!$D$19=4,J1772*Input!$C$19,0)+IF(Input!$D$20=4,K1772*Input!$C$20,0)+IF(Input!$D$21=4,L1772*Input!$C$21,0)+IF(Input!$D$22=4,M1772*Input!$C$22,0)</f>
        <v>0</v>
      </c>
      <c r="R1772" s="58">
        <v>61.951381496979359</v>
      </c>
      <c r="S1772" s="124">
        <f t="shared" si="27"/>
        <v>2.0241091755854299</v>
      </c>
    </row>
    <row r="1773" spans="8:19" x14ac:dyDescent="0.3">
      <c r="H1773" s="44">
        <v>1766</v>
      </c>
      <c r="I1773" s="56">
        <f>Bühler!I1799</f>
        <v>0.46710211744279145</v>
      </c>
      <c r="J1773" s="59">
        <f>Bühler!J1799</f>
        <v>1.5570070581426383</v>
      </c>
      <c r="K1773" s="59">
        <f>Bühler!K1799</f>
        <v>2.3355105872139572</v>
      </c>
      <c r="L1773" s="59">
        <f>Bühler!L1799</f>
        <v>11.210450818626995</v>
      </c>
      <c r="M1773" s="58">
        <f>Bühler!M1799</f>
        <v>0</v>
      </c>
      <c r="N1773" s="56">
        <f>IF(Input!$D$19=1,J1773*Input!$C$19,0)+IF(Input!$D$20=1,K1773*Input!$C$20,0)+IF(Input!$D$21=1,L1773*Input!$C$21,0)+IF(Input!$D$22=1,M1773*Input!$C$22,0)</f>
        <v>0.46710211744279145</v>
      </c>
      <c r="O1773" s="59">
        <f>IF(Input!$D$19=2,J1773*Input!$C$19,0)+IF(Input!$D$20=2,K1773*Input!$C$20,0)+IF(Input!$D$21=2,L1773*Input!$C$21,0)+IF(Input!$D$22=2,M1773*Input!$C$22,0)</f>
        <v>1.1677552936069786</v>
      </c>
      <c r="P1773" s="59">
        <f>IF(Input!$D$19=3,J1773*Input!$C$19,0)+IF(Input!$D$20=3,K1773*Input!$C$20,0)+IF(Input!$D$21=3,L1773*Input!$C$21,0)+IF(Input!$D$22=3,M1773*Input!$C$22,0)</f>
        <v>0</v>
      </c>
      <c r="Q1773" s="75">
        <f>IF(Input!$D$19=4,J1773*Input!$C$19,0)+IF(Input!$D$20=4,K1773*Input!$C$20,0)+IF(Input!$D$21=4,L1773*Input!$C$21,0)+IF(Input!$D$22=4,M1773*Input!$C$22,0)</f>
        <v>0</v>
      </c>
      <c r="R1773" s="58">
        <v>61.21372869165409</v>
      </c>
      <c r="S1773" s="124">
        <f t="shared" si="27"/>
        <v>2.0241091755854299</v>
      </c>
    </row>
    <row r="1774" spans="8:19" x14ac:dyDescent="0.3">
      <c r="H1774" s="44">
        <v>1767</v>
      </c>
      <c r="I1774" s="56">
        <f>Bühler!I1800</f>
        <v>0.46710211744279145</v>
      </c>
      <c r="J1774" s="59">
        <f>Bühler!J1800</f>
        <v>1.5570070581426383</v>
      </c>
      <c r="K1774" s="59">
        <f>Bühler!K1800</f>
        <v>2.3355105872139572</v>
      </c>
      <c r="L1774" s="59">
        <f>Bühler!L1800</f>
        <v>11.210450818626995</v>
      </c>
      <c r="M1774" s="58">
        <f>Bühler!M1800</f>
        <v>0</v>
      </c>
      <c r="N1774" s="56">
        <f>IF(Input!$D$19=1,J1774*Input!$C$19,0)+IF(Input!$D$20=1,K1774*Input!$C$20,0)+IF(Input!$D$21=1,L1774*Input!$C$21,0)+IF(Input!$D$22=1,M1774*Input!$C$22,0)</f>
        <v>0.46710211744279145</v>
      </c>
      <c r="O1774" s="59">
        <f>IF(Input!$D$19=2,J1774*Input!$C$19,0)+IF(Input!$D$20=2,K1774*Input!$C$20,0)+IF(Input!$D$21=2,L1774*Input!$C$21,0)+IF(Input!$D$22=2,M1774*Input!$C$22,0)</f>
        <v>1.1677552936069786</v>
      </c>
      <c r="P1774" s="59">
        <f>IF(Input!$D$19=3,J1774*Input!$C$19,0)+IF(Input!$D$20=3,K1774*Input!$C$20,0)+IF(Input!$D$21=3,L1774*Input!$C$21,0)+IF(Input!$D$22=3,M1774*Input!$C$22,0)</f>
        <v>0</v>
      </c>
      <c r="Q1774" s="75">
        <f>IF(Input!$D$19=4,J1774*Input!$C$19,0)+IF(Input!$D$20=4,K1774*Input!$C$20,0)+IF(Input!$D$21=4,L1774*Input!$C$21,0)+IF(Input!$D$22=4,M1774*Input!$C$22,0)</f>
        <v>0</v>
      </c>
      <c r="R1774" s="58">
        <v>61.801647998943317</v>
      </c>
      <c r="S1774" s="124">
        <f t="shared" si="27"/>
        <v>2.0241091755854299</v>
      </c>
    </row>
    <row r="1775" spans="8:19" x14ac:dyDescent="0.3">
      <c r="H1775" s="44">
        <v>1768</v>
      </c>
      <c r="I1775" s="56">
        <f>Bühler!I1801</f>
        <v>0.46710211744279145</v>
      </c>
      <c r="J1775" s="59">
        <f>Bühler!J1801</f>
        <v>1.5570070581426383</v>
      </c>
      <c r="K1775" s="59">
        <f>Bühler!K1801</f>
        <v>2.3355105872139572</v>
      </c>
      <c r="L1775" s="59">
        <f>Bühler!L1801</f>
        <v>11.210450818626995</v>
      </c>
      <c r="M1775" s="58">
        <f>Bühler!M1801</f>
        <v>0</v>
      </c>
      <c r="N1775" s="56">
        <f>IF(Input!$D$19=1,J1775*Input!$C$19,0)+IF(Input!$D$20=1,K1775*Input!$C$20,0)+IF(Input!$D$21=1,L1775*Input!$C$21,0)+IF(Input!$D$22=1,M1775*Input!$C$22,0)</f>
        <v>0.46710211744279145</v>
      </c>
      <c r="O1775" s="59">
        <f>IF(Input!$D$19=2,J1775*Input!$C$19,0)+IF(Input!$D$20=2,K1775*Input!$C$20,0)+IF(Input!$D$21=2,L1775*Input!$C$21,0)+IF(Input!$D$22=2,M1775*Input!$C$22,0)</f>
        <v>1.1677552936069786</v>
      </c>
      <c r="P1775" s="59">
        <f>IF(Input!$D$19=3,J1775*Input!$C$19,0)+IF(Input!$D$20=3,K1775*Input!$C$20,0)+IF(Input!$D$21=3,L1775*Input!$C$21,0)+IF(Input!$D$22=3,M1775*Input!$C$22,0)</f>
        <v>0</v>
      </c>
      <c r="Q1775" s="75">
        <f>IF(Input!$D$19=4,J1775*Input!$C$19,0)+IF(Input!$D$20=4,K1775*Input!$C$20,0)+IF(Input!$D$21=4,L1775*Input!$C$21,0)+IF(Input!$D$22=4,M1775*Input!$C$22,0)</f>
        <v>0</v>
      </c>
      <c r="R1775" s="58">
        <v>61.158844834189473</v>
      </c>
      <c r="S1775" s="124">
        <f t="shared" si="27"/>
        <v>2.0241091755854299</v>
      </c>
    </row>
    <row r="1776" spans="8:19" x14ac:dyDescent="0.3">
      <c r="H1776" s="44">
        <v>1769</v>
      </c>
      <c r="I1776" s="56">
        <f>Bühler!I1802</f>
        <v>0.46710211744279145</v>
      </c>
      <c r="J1776" s="59">
        <f>Bühler!J1802</f>
        <v>1.5570070581426383</v>
      </c>
      <c r="K1776" s="59">
        <f>Bühler!K1802</f>
        <v>2.3355105872139572</v>
      </c>
      <c r="L1776" s="59">
        <f>Bühler!L1802</f>
        <v>11.210450818626995</v>
      </c>
      <c r="M1776" s="58">
        <f>Bühler!M1802</f>
        <v>0</v>
      </c>
      <c r="N1776" s="56">
        <f>IF(Input!$D$19=1,J1776*Input!$C$19,0)+IF(Input!$D$20=1,K1776*Input!$C$20,0)+IF(Input!$D$21=1,L1776*Input!$C$21,0)+IF(Input!$D$22=1,M1776*Input!$C$22,0)</f>
        <v>0.46710211744279145</v>
      </c>
      <c r="O1776" s="59">
        <f>IF(Input!$D$19=2,J1776*Input!$C$19,0)+IF(Input!$D$20=2,K1776*Input!$C$20,0)+IF(Input!$D$21=2,L1776*Input!$C$21,0)+IF(Input!$D$22=2,M1776*Input!$C$22,0)</f>
        <v>1.1677552936069786</v>
      </c>
      <c r="P1776" s="59">
        <f>IF(Input!$D$19=3,J1776*Input!$C$19,0)+IF(Input!$D$20=3,K1776*Input!$C$20,0)+IF(Input!$D$21=3,L1776*Input!$C$21,0)+IF(Input!$D$22=3,M1776*Input!$C$22,0)</f>
        <v>0</v>
      </c>
      <c r="Q1776" s="75">
        <f>IF(Input!$D$19=4,J1776*Input!$C$19,0)+IF(Input!$D$20=4,K1776*Input!$C$20,0)+IF(Input!$D$21=4,L1776*Input!$C$21,0)+IF(Input!$D$22=4,M1776*Input!$C$22,0)</f>
        <v>0</v>
      </c>
      <c r="R1776" s="58">
        <v>59.752276619550791</v>
      </c>
      <c r="S1776" s="124">
        <f t="shared" si="27"/>
        <v>2.0241091755854299</v>
      </c>
    </row>
    <row r="1777" spans="8:19" x14ac:dyDescent="0.3">
      <c r="H1777" s="44">
        <v>1770</v>
      </c>
      <c r="I1777" s="56">
        <f>Bühler!I1803</f>
        <v>0.46710211744279145</v>
      </c>
      <c r="J1777" s="59">
        <f>Bühler!J1803</f>
        <v>1.5570070581426383</v>
      </c>
      <c r="K1777" s="59">
        <f>Bühler!K1803</f>
        <v>2.3355105872139572</v>
      </c>
      <c r="L1777" s="59">
        <f>Bühler!L1803</f>
        <v>11.210450818626995</v>
      </c>
      <c r="M1777" s="58">
        <f>Bühler!M1803</f>
        <v>0</v>
      </c>
      <c r="N1777" s="56">
        <f>IF(Input!$D$19=1,J1777*Input!$C$19,0)+IF(Input!$D$20=1,K1777*Input!$C$20,0)+IF(Input!$D$21=1,L1777*Input!$C$21,0)+IF(Input!$D$22=1,M1777*Input!$C$22,0)</f>
        <v>0.46710211744279145</v>
      </c>
      <c r="O1777" s="59">
        <f>IF(Input!$D$19=2,J1777*Input!$C$19,0)+IF(Input!$D$20=2,K1777*Input!$C$20,0)+IF(Input!$D$21=2,L1777*Input!$C$21,0)+IF(Input!$D$22=2,M1777*Input!$C$22,0)</f>
        <v>1.1677552936069786</v>
      </c>
      <c r="P1777" s="59">
        <f>IF(Input!$D$19=3,J1777*Input!$C$19,0)+IF(Input!$D$20=3,K1777*Input!$C$20,0)+IF(Input!$D$21=3,L1777*Input!$C$21,0)+IF(Input!$D$22=3,M1777*Input!$C$22,0)</f>
        <v>0</v>
      </c>
      <c r="Q1777" s="75">
        <f>IF(Input!$D$19=4,J1777*Input!$C$19,0)+IF(Input!$D$20=4,K1777*Input!$C$20,0)+IF(Input!$D$21=4,L1777*Input!$C$21,0)+IF(Input!$D$22=4,M1777*Input!$C$22,0)</f>
        <v>0</v>
      </c>
      <c r="R1777" s="58">
        <v>58.490331562258874</v>
      </c>
      <c r="S1777" s="124">
        <f t="shared" si="27"/>
        <v>2.0241091755854299</v>
      </c>
    </row>
    <row r="1778" spans="8:19" x14ac:dyDescent="0.3">
      <c r="H1778" s="44">
        <v>1771</v>
      </c>
      <c r="I1778" s="56">
        <f>Bühler!I1804</f>
        <v>0.46710211744279145</v>
      </c>
      <c r="J1778" s="59">
        <f>Bühler!J1804</f>
        <v>1.5570070581426383</v>
      </c>
      <c r="K1778" s="59">
        <f>Bühler!K1804</f>
        <v>2.3355105872139572</v>
      </c>
      <c r="L1778" s="59">
        <f>Bühler!L1804</f>
        <v>11.210450818626995</v>
      </c>
      <c r="M1778" s="58">
        <f>Bühler!M1804</f>
        <v>0</v>
      </c>
      <c r="N1778" s="56">
        <f>IF(Input!$D$19=1,J1778*Input!$C$19,0)+IF(Input!$D$20=1,K1778*Input!$C$20,0)+IF(Input!$D$21=1,L1778*Input!$C$21,0)+IF(Input!$D$22=1,M1778*Input!$C$22,0)</f>
        <v>0.46710211744279145</v>
      </c>
      <c r="O1778" s="59">
        <f>IF(Input!$D$19=2,J1778*Input!$C$19,0)+IF(Input!$D$20=2,K1778*Input!$C$20,0)+IF(Input!$D$21=2,L1778*Input!$C$21,0)+IF(Input!$D$22=2,M1778*Input!$C$22,0)</f>
        <v>1.1677552936069786</v>
      </c>
      <c r="P1778" s="59">
        <f>IF(Input!$D$19=3,J1778*Input!$C$19,0)+IF(Input!$D$20=3,K1778*Input!$C$20,0)+IF(Input!$D$21=3,L1778*Input!$C$21,0)+IF(Input!$D$22=3,M1778*Input!$C$22,0)</f>
        <v>0</v>
      </c>
      <c r="Q1778" s="75">
        <f>IF(Input!$D$19=4,J1778*Input!$C$19,0)+IF(Input!$D$20=4,K1778*Input!$C$20,0)+IF(Input!$D$21=4,L1778*Input!$C$21,0)+IF(Input!$D$22=4,M1778*Input!$C$22,0)</f>
        <v>0</v>
      </c>
      <c r="R1778" s="58">
        <v>57.265361329817473</v>
      </c>
      <c r="S1778" s="124">
        <f t="shared" si="27"/>
        <v>2.0241091755854299</v>
      </c>
    </row>
    <row r="1779" spans="8:19" x14ac:dyDescent="0.3">
      <c r="H1779" s="44">
        <v>1772</v>
      </c>
      <c r="I1779" s="56">
        <f>Bühler!I1805</f>
        <v>0.38925176453565957</v>
      </c>
      <c r="J1779" s="59">
        <f>Bühler!J1805</f>
        <v>1.2975058817855321</v>
      </c>
      <c r="K1779" s="59">
        <f>Bühler!K1805</f>
        <v>1.946258822678298</v>
      </c>
      <c r="L1779" s="59">
        <f>Bühler!L1805</f>
        <v>9.3420423488558306</v>
      </c>
      <c r="M1779" s="58">
        <f>Bühler!M1805</f>
        <v>0</v>
      </c>
      <c r="N1779" s="56">
        <f>IF(Input!$D$19=1,J1779*Input!$C$19,0)+IF(Input!$D$20=1,K1779*Input!$C$20,0)+IF(Input!$D$21=1,L1779*Input!$C$21,0)+IF(Input!$D$22=1,M1779*Input!$C$22,0)</f>
        <v>0.38925176453565963</v>
      </c>
      <c r="O1779" s="59">
        <f>IF(Input!$D$19=2,J1779*Input!$C$19,0)+IF(Input!$D$20=2,K1779*Input!$C$20,0)+IF(Input!$D$21=2,L1779*Input!$C$21,0)+IF(Input!$D$22=2,M1779*Input!$C$22,0)</f>
        <v>0.97312941133914899</v>
      </c>
      <c r="P1779" s="59">
        <f>IF(Input!$D$19=3,J1779*Input!$C$19,0)+IF(Input!$D$20=3,K1779*Input!$C$20,0)+IF(Input!$D$21=3,L1779*Input!$C$21,0)+IF(Input!$D$22=3,M1779*Input!$C$22,0)</f>
        <v>0</v>
      </c>
      <c r="Q1779" s="75">
        <f>IF(Input!$D$19=4,J1779*Input!$C$19,0)+IF(Input!$D$20=4,K1779*Input!$C$20,0)+IF(Input!$D$21=4,L1779*Input!$C$21,0)+IF(Input!$D$22=4,M1779*Input!$C$22,0)</f>
        <v>0</v>
      </c>
      <c r="R1779" s="58">
        <v>56.153228657029224</v>
      </c>
      <c r="S1779" s="124">
        <f t="shared" si="27"/>
        <v>1.6867576463211917</v>
      </c>
    </row>
    <row r="1780" spans="8:19" x14ac:dyDescent="0.3">
      <c r="H1780" s="44">
        <v>1773</v>
      </c>
      <c r="I1780" s="56">
        <f>Bühler!I1806</f>
        <v>0.31140141162852769</v>
      </c>
      <c r="J1780" s="59">
        <f>Bühler!J1806</f>
        <v>1.0380047054284256</v>
      </c>
      <c r="K1780" s="59">
        <f>Bühler!K1806</f>
        <v>1.5570070581426385</v>
      </c>
      <c r="L1780" s="59">
        <f>Bühler!L1806</f>
        <v>7.4736338790846641</v>
      </c>
      <c r="M1780" s="58">
        <f>Bühler!M1806</f>
        <v>0</v>
      </c>
      <c r="N1780" s="56">
        <f>IF(Input!$D$19=1,J1780*Input!$C$19,0)+IF(Input!$D$20=1,K1780*Input!$C$20,0)+IF(Input!$D$21=1,L1780*Input!$C$21,0)+IF(Input!$D$22=1,M1780*Input!$C$22,0)</f>
        <v>0.31140141162852769</v>
      </c>
      <c r="O1780" s="59">
        <f>IF(Input!$D$19=2,J1780*Input!$C$19,0)+IF(Input!$D$20=2,K1780*Input!$C$20,0)+IF(Input!$D$21=2,L1780*Input!$C$21,0)+IF(Input!$D$22=2,M1780*Input!$C$22,0)</f>
        <v>0.77850352907131926</v>
      </c>
      <c r="P1780" s="59">
        <f>IF(Input!$D$19=3,J1780*Input!$C$19,0)+IF(Input!$D$20=3,K1780*Input!$C$20,0)+IF(Input!$D$21=3,L1780*Input!$C$21,0)+IF(Input!$D$22=3,M1780*Input!$C$22,0)</f>
        <v>0</v>
      </c>
      <c r="Q1780" s="75">
        <f>IF(Input!$D$19=4,J1780*Input!$C$19,0)+IF(Input!$D$20=4,K1780*Input!$C$20,0)+IF(Input!$D$21=4,L1780*Input!$C$21,0)+IF(Input!$D$22=4,M1780*Input!$C$22,0)</f>
        <v>0</v>
      </c>
      <c r="R1780" s="58">
        <v>54.312453594385538</v>
      </c>
      <c r="S1780" s="124">
        <f t="shared" si="27"/>
        <v>1.3494061170569533</v>
      </c>
    </row>
    <row r="1781" spans="8:19" x14ac:dyDescent="0.3">
      <c r="H1781" s="44">
        <v>1774</v>
      </c>
      <c r="I1781" s="56">
        <f>Bühler!I1807</f>
        <v>0.23355105872139573</v>
      </c>
      <c r="J1781" s="59">
        <f>Bühler!J1807</f>
        <v>0.77850352907131914</v>
      </c>
      <c r="K1781" s="59">
        <f>Bühler!K1807</f>
        <v>1.1677552936069786</v>
      </c>
      <c r="L1781" s="59">
        <f>Bühler!L1807</f>
        <v>5.6052254093134977</v>
      </c>
      <c r="M1781" s="58">
        <f>Bühler!M1807</f>
        <v>0</v>
      </c>
      <c r="N1781" s="56">
        <f>IF(Input!$D$19=1,J1781*Input!$C$19,0)+IF(Input!$D$20=1,K1781*Input!$C$20,0)+IF(Input!$D$21=1,L1781*Input!$C$21,0)+IF(Input!$D$22=1,M1781*Input!$C$22,0)</f>
        <v>0.23355105872139573</v>
      </c>
      <c r="O1781" s="59">
        <f>IF(Input!$D$19=2,J1781*Input!$C$19,0)+IF(Input!$D$20=2,K1781*Input!$C$20,0)+IF(Input!$D$21=2,L1781*Input!$C$21,0)+IF(Input!$D$22=2,M1781*Input!$C$22,0)</f>
        <v>0.5838776468034893</v>
      </c>
      <c r="P1781" s="59">
        <f>IF(Input!$D$19=3,J1781*Input!$C$19,0)+IF(Input!$D$20=3,K1781*Input!$C$20,0)+IF(Input!$D$21=3,L1781*Input!$C$21,0)+IF(Input!$D$22=3,M1781*Input!$C$22,0)</f>
        <v>0</v>
      </c>
      <c r="Q1781" s="75">
        <f>IF(Input!$D$19=4,J1781*Input!$C$19,0)+IF(Input!$D$20=4,K1781*Input!$C$20,0)+IF(Input!$D$21=4,L1781*Input!$C$21,0)+IF(Input!$D$22=4,M1781*Input!$C$22,0)</f>
        <v>0</v>
      </c>
      <c r="R1781" s="58">
        <v>52.499550109284833</v>
      </c>
      <c r="S1781" s="124">
        <f t="shared" si="27"/>
        <v>1.012054587792715</v>
      </c>
    </row>
    <row r="1782" spans="8:19" x14ac:dyDescent="0.3">
      <c r="H1782" s="44">
        <v>1775</v>
      </c>
      <c r="I1782" s="56">
        <f>Bühler!I1808</f>
        <v>0.23355105872139573</v>
      </c>
      <c r="J1782" s="59">
        <f>Bühler!J1808</f>
        <v>0.77850352907131914</v>
      </c>
      <c r="K1782" s="59">
        <f>Bühler!K1808</f>
        <v>1.1677552936069786</v>
      </c>
      <c r="L1782" s="59">
        <f>Bühler!L1808</f>
        <v>5.6052254093134977</v>
      </c>
      <c r="M1782" s="58">
        <f>Bühler!M1808</f>
        <v>0</v>
      </c>
      <c r="N1782" s="56">
        <f>IF(Input!$D$19=1,J1782*Input!$C$19,0)+IF(Input!$D$20=1,K1782*Input!$C$20,0)+IF(Input!$D$21=1,L1782*Input!$C$21,0)+IF(Input!$D$22=1,M1782*Input!$C$22,0)</f>
        <v>0.23355105872139573</v>
      </c>
      <c r="O1782" s="59">
        <f>IF(Input!$D$19=2,J1782*Input!$C$19,0)+IF(Input!$D$20=2,K1782*Input!$C$20,0)+IF(Input!$D$21=2,L1782*Input!$C$21,0)+IF(Input!$D$22=2,M1782*Input!$C$22,0)</f>
        <v>0.5838776468034893</v>
      </c>
      <c r="P1782" s="59">
        <f>IF(Input!$D$19=3,J1782*Input!$C$19,0)+IF(Input!$D$20=3,K1782*Input!$C$20,0)+IF(Input!$D$21=3,L1782*Input!$C$21,0)+IF(Input!$D$22=3,M1782*Input!$C$22,0)</f>
        <v>0</v>
      </c>
      <c r="Q1782" s="75">
        <f>IF(Input!$D$19=4,J1782*Input!$C$19,0)+IF(Input!$D$20=4,K1782*Input!$C$20,0)+IF(Input!$D$21=4,L1782*Input!$C$21,0)+IF(Input!$D$22=4,M1782*Input!$C$22,0)</f>
        <v>0</v>
      </c>
      <c r="R1782" s="58">
        <v>52.439838427461069</v>
      </c>
      <c r="S1782" s="124">
        <f t="shared" si="27"/>
        <v>1.012054587792715</v>
      </c>
    </row>
    <row r="1783" spans="8:19" x14ac:dyDescent="0.3">
      <c r="H1783" s="44">
        <v>1776</v>
      </c>
      <c r="I1783" s="56">
        <f>Bühler!I1809</f>
        <v>0.23355105872139573</v>
      </c>
      <c r="J1783" s="59">
        <f>Bühler!J1809</f>
        <v>0.77850352907131914</v>
      </c>
      <c r="K1783" s="59">
        <f>Bühler!K1809</f>
        <v>1.1677552936069786</v>
      </c>
      <c r="L1783" s="59">
        <f>Bühler!L1809</f>
        <v>5.6052254093134977</v>
      </c>
      <c r="M1783" s="58">
        <f>Bühler!M1809</f>
        <v>0</v>
      </c>
      <c r="N1783" s="56">
        <f>IF(Input!$D$19=1,J1783*Input!$C$19,0)+IF(Input!$D$20=1,K1783*Input!$C$20,0)+IF(Input!$D$21=1,L1783*Input!$C$21,0)+IF(Input!$D$22=1,M1783*Input!$C$22,0)</f>
        <v>0.23355105872139573</v>
      </c>
      <c r="O1783" s="59">
        <f>IF(Input!$D$19=2,J1783*Input!$C$19,0)+IF(Input!$D$20=2,K1783*Input!$C$20,0)+IF(Input!$D$21=2,L1783*Input!$C$21,0)+IF(Input!$D$22=2,M1783*Input!$C$22,0)</f>
        <v>0.5838776468034893</v>
      </c>
      <c r="P1783" s="59">
        <f>IF(Input!$D$19=3,J1783*Input!$C$19,0)+IF(Input!$D$20=3,K1783*Input!$C$20,0)+IF(Input!$D$21=3,L1783*Input!$C$21,0)+IF(Input!$D$22=3,M1783*Input!$C$22,0)</f>
        <v>0</v>
      </c>
      <c r="Q1783" s="75">
        <f>IF(Input!$D$19=4,J1783*Input!$C$19,0)+IF(Input!$D$20=4,K1783*Input!$C$20,0)+IF(Input!$D$21=4,L1783*Input!$C$21,0)+IF(Input!$D$22=4,M1783*Input!$C$22,0)</f>
        <v>0</v>
      </c>
      <c r="R1783" s="58">
        <v>51.125529133143019</v>
      </c>
      <c r="S1783" s="124">
        <f t="shared" si="27"/>
        <v>1.012054587792715</v>
      </c>
    </row>
    <row r="1784" spans="8:19" x14ac:dyDescent="0.3">
      <c r="H1784" s="44">
        <v>1777</v>
      </c>
      <c r="I1784" s="56">
        <f>Bühler!I1810</f>
        <v>0.25612518083866442</v>
      </c>
      <c r="J1784" s="59">
        <f>Bühler!J1810</f>
        <v>0.85375060279554826</v>
      </c>
      <c r="K1784" s="59">
        <f>Bühler!K1810</f>
        <v>1.2806259041933223</v>
      </c>
      <c r="L1784" s="59">
        <f>Bühler!L1810</f>
        <v>6.1470043401279471</v>
      </c>
      <c r="M1784" s="58">
        <f>Bühler!M1810</f>
        <v>0</v>
      </c>
      <c r="N1784" s="56">
        <f>IF(Input!$D$19=1,J1784*Input!$C$19,0)+IF(Input!$D$20=1,K1784*Input!$C$20,0)+IF(Input!$D$21=1,L1784*Input!$C$21,0)+IF(Input!$D$22=1,M1784*Input!$C$22,0)</f>
        <v>0.25612518083866448</v>
      </c>
      <c r="O1784" s="59">
        <f>IF(Input!$D$19=2,J1784*Input!$C$19,0)+IF(Input!$D$20=2,K1784*Input!$C$20,0)+IF(Input!$D$21=2,L1784*Input!$C$21,0)+IF(Input!$D$22=2,M1784*Input!$C$22,0)</f>
        <v>0.64031295209666117</v>
      </c>
      <c r="P1784" s="59">
        <f>IF(Input!$D$19=3,J1784*Input!$C$19,0)+IF(Input!$D$20=3,K1784*Input!$C$20,0)+IF(Input!$D$21=3,L1784*Input!$C$21,0)+IF(Input!$D$22=3,M1784*Input!$C$22,0)</f>
        <v>0</v>
      </c>
      <c r="Q1784" s="75">
        <f>IF(Input!$D$19=4,J1784*Input!$C$19,0)+IF(Input!$D$20=4,K1784*Input!$C$20,0)+IF(Input!$D$21=4,L1784*Input!$C$21,0)+IF(Input!$D$22=4,M1784*Input!$C$22,0)</f>
        <v>0</v>
      </c>
      <c r="R1784" s="58">
        <v>50.898109195021924</v>
      </c>
      <c r="S1784" s="124">
        <f t="shared" si="27"/>
        <v>1.1098757836342128</v>
      </c>
    </row>
    <row r="1785" spans="8:19" x14ac:dyDescent="0.3">
      <c r="H1785" s="44">
        <v>1778</v>
      </c>
      <c r="I1785" s="56">
        <f>Bühler!I1811</f>
        <v>0.25612518083866442</v>
      </c>
      <c r="J1785" s="59">
        <f>Bühler!J1811</f>
        <v>0.85375060279554826</v>
      </c>
      <c r="K1785" s="59">
        <f>Bühler!K1811</f>
        <v>1.2806259041933223</v>
      </c>
      <c r="L1785" s="59">
        <f>Bühler!L1811</f>
        <v>6.1470043401279471</v>
      </c>
      <c r="M1785" s="58">
        <f>Bühler!M1811</f>
        <v>0</v>
      </c>
      <c r="N1785" s="56">
        <f>IF(Input!$D$19=1,J1785*Input!$C$19,0)+IF(Input!$D$20=1,K1785*Input!$C$20,0)+IF(Input!$D$21=1,L1785*Input!$C$21,0)+IF(Input!$D$22=1,M1785*Input!$C$22,0)</f>
        <v>0.25612518083866448</v>
      </c>
      <c r="O1785" s="59">
        <f>IF(Input!$D$19=2,J1785*Input!$C$19,0)+IF(Input!$D$20=2,K1785*Input!$C$20,0)+IF(Input!$D$21=2,L1785*Input!$C$21,0)+IF(Input!$D$22=2,M1785*Input!$C$22,0)</f>
        <v>0.64031295209666117</v>
      </c>
      <c r="P1785" s="59">
        <f>IF(Input!$D$19=3,J1785*Input!$C$19,0)+IF(Input!$D$20=3,K1785*Input!$C$20,0)+IF(Input!$D$21=3,L1785*Input!$C$21,0)+IF(Input!$D$22=3,M1785*Input!$C$22,0)</f>
        <v>0</v>
      </c>
      <c r="Q1785" s="75">
        <f>IF(Input!$D$19=4,J1785*Input!$C$19,0)+IF(Input!$D$20=4,K1785*Input!$C$20,0)+IF(Input!$D$21=4,L1785*Input!$C$21,0)+IF(Input!$D$22=4,M1785*Input!$C$22,0)</f>
        <v>0</v>
      </c>
      <c r="R1785" s="58">
        <v>51.495209420034357</v>
      </c>
      <c r="S1785" s="124">
        <f t="shared" si="27"/>
        <v>1.1098757836342128</v>
      </c>
    </row>
    <row r="1786" spans="8:19" x14ac:dyDescent="0.3">
      <c r="H1786" s="44">
        <v>1779</v>
      </c>
      <c r="I1786" s="56">
        <f>Bühler!I1812</f>
        <v>0.25612518083866442</v>
      </c>
      <c r="J1786" s="59">
        <f>Bühler!J1812</f>
        <v>0.85375060279554826</v>
      </c>
      <c r="K1786" s="59">
        <f>Bühler!K1812</f>
        <v>1.2806259041933223</v>
      </c>
      <c r="L1786" s="59">
        <f>Bühler!L1812</f>
        <v>6.1470043401279471</v>
      </c>
      <c r="M1786" s="58">
        <f>Bühler!M1812</f>
        <v>0</v>
      </c>
      <c r="N1786" s="56">
        <f>IF(Input!$D$19=1,J1786*Input!$C$19,0)+IF(Input!$D$20=1,K1786*Input!$C$20,0)+IF(Input!$D$21=1,L1786*Input!$C$21,0)+IF(Input!$D$22=1,M1786*Input!$C$22,0)</f>
        <v>0.25612518083866448</v>
      </c>
      <c r="O1786" s="59">
        <f>IF(Input!$D$19=2,J1786*Input!$C$19,0)+IF(Input!$D$20=2,K1786*Input!$C$20,0)+IF(Input!$D$21=2,L1786*Input!$C$21,0)+IF(Input!$D$22=2,M1786*Input!$C$22,0)</f>
        <v>0.64031295209666117</v>
      </c>
      <c r="P1786" s="59">
        <f>IF(Input!$D$19=3,J1786*Input!$C$19,0)+IF(Input!$D$20=3,K1786*Input!$C$20,0)+IF(Input!$D$21=3,L1786*Input!$C$21,0)+IF(Input!$D$22=3,M1786*Input!$C$22,0)</f>
        <v>0</v>
      </c>
      <c r="Q1786" s="75">
        <f>IF(Input!$D$19=4,J1786*Input!$C$19,0)+IF(Input!$D$20=4,K1786*Input!$C$20,0)+IF(Input!$D$21=4,L1786*Input!$C$21,0)+IF(Input!$D$22=4,M1786*Input!$C$22,0)</f>
        <v>0</v>
      </c>
      <c r="R1786" s="58">
        <v>51.347797424035633</v>
      </c>
      <c r="S1786" s="124">
        <f t="shared" si="27"/>
        <v>1.1098757836342128</v>
      </c>
    </row>
    <row r="1787" spans="8:19" x14ac:dyDescent="0.3">
      <c r="H1787" s="44">
        <v>1780</v>
      </c>
      <c r="I1787" s="56">
        <f>Bühler!I1813</f>
        <v>0.25612518083866442</v>
      </c>
      <c r="J1787" s="59">
        <f>Bühler!J1813</f>
        <v>0.85375060279554826</v>
      </c>
      <c r="K1787" s="59">
        <f>Bühler!K1813</f>
        <v>1.2806259041933223</v>
      </c>
      <c r="L1787" s="59">
        <f>Bühler!L1813</f>
        <v>6.1470043401279471</v>
      </c>
      <c r="M1787" s="58">
        <f>Bühler!M1813</f>
        <v>0</v>
      </c>
      <c r="N1787" s="56">
        <f>IF(Input!$D$19=1,J1787*Input!$C$19,0)+IF(Input!$D$20=1,K1787*Input!$C$20,0)+IF(Input!$D$21=1,L1787*Input!$C$21,0)+IF(Input!$D$22=1,M1787*Input!$C$22,0)</f>
        <v>0.25612518083866448</v>
      </c>
      <c r="O1787" s="59">
        <f>IF(Input!$D$19=2,J1787*Input!$C$19,0)+IF(Input!$D$20=2,K1787*Input!$C$20,0)+IF(Input!$D$21=2,L1787*Input!$C$21,0)+IF(Input!$D$22=2,M1787*Input!$C$22,0)</f>
        <v>0.64031295209666117</v>
      </c>
      <c r="P1787" s="59">
        <f>IF(Input!$D$19=3,J1787*Input!$C$19,0)+IF(Input!$D$20=3,K1787*Input!$C$20,0)+IF(Input!$D$21=3,L1787*Input!$C$21,0)+IF(Input!$D$22=3,M1787*Input!$C$22,0)</f>
        <v>0</v>
      </c>
      <c r="Q1787" s="75">
        <f>IF(Input!$D$19=4,J1787*Input!$C$19,0)+IF(Input!$D$20=4,K1787*Input!$C$20,0)+IF(Input!$D$21=4,L1787*Input!$C$21,0)+IF(Input!$D$22=4,M1787*Input!$C$22,0)</f>
        <v>0</v>
      </c>
      <c r="R1787" s="58">
        <v>51.247625084797619</v>
      </c>
      <c r="S1787" s="124">
        <f t="shared" si="27"/>
        <v>1.1098757836342128</v>
      </c>
    </row>
    <row r="1788" spans="8:19" x14ac:dyDescent="0.3">
      <c r="H1788" s="44">
        <v>1781</v>
      </c>
      <c r="I1788" s="56">
        <f>Bühler!I1814</f>
        <v>0.25612518083866442</v>
      </c>
      <c r="J1788" s="59">
        <f>Bühler!J1814</f>
        <v>0.85375060279554826</v>
      </c>
      <c r="K1788" s="59">
        <f>Bühler!K1814</f>
        <v>1.2806259041933223</v>
      </c>
      <c r="L1788" s="59">
        <f>Bühler!L1814</f>
        <v>6.1470043401279471</v>
      </c>
      <c r="M1788" s="58">
        <f>Bühler!M1814</f>
        <v>0</v>
      </c>
      <c r="N1788" s="56">
        <f>IF(Input!$D$19=1,J1788*Input!$C$19,0)+IF(Input!$D$20=1,K1788*Input!$C$20,0)+IF(Input!$D$21=1,L1788*Input!$C$21,0)+IF(Input!$D$22=1,M1788*Input!$C$22,0)</f>
        <v>0.25612518083866448</v>
      </c>
      <c r="O1788" s="59">
        <f>IF(Input!$D$19=2,J1788*Input!$C$19,0)+IF(Input!$D$20=2,K1788*Input!$C$20,0)+IF(Input!$D$21=2,L1788*Input!$C$21,0)+IF(Input!$D$22=2,M1788*Input!$C$22,0)</f>
        <v>0.64031295209666117</v>
      </c>
      <c r="P1788" s="59">
        <f>IF(Input!$D$19=3,J1788*Input!$C$19,0)+IF(Input!$D$20=3,K1788*Input!$C$20,0)+IF(Input!$D$21=3,L1788*Input!$C$21,0)+IF(Input!$D$22=3,M1788*Input!$C$22,0)</f>
        <v>0</v>
      </c>
      <c r="Q1788" s="75">
        <f>IF(Input!$D$19=4,J1788*Input!$C$19,0)+IF(Input!$D$20=4,K1788*Input!$C$20,0)+IF(Input!$D$21=4,L1788*Input!$C$21,0)+IF(Input!$D$22=4,M1788*Input!$C$22,0)</f>
        <v>0</v>
      </c>
      <c r="R1788" s="58">
        <v>52.181141554413927</v>
      </c>
      <c r="S1788" s="124">
        <f t="shared" si="27"/>
        <v>1.1098757836342128</v>
      </c>
    </row>
    <row r="1789" spans="8:19" x14ac:dyDescent="0.3">
      <c r="H1789" s="44">
        <v>1782</v>
      </c>
      <c r="I1789" s="56">
        <f>Bühler!I1815</f>
        <v>0.33011689974761199</v>
      </c>
      <c r="J1789" s="59">
        <f>Bühler!J1815</f>
        <v>1.1003896658253733</v>
      </c>
      <c r="K1789" s="59">
        <f>Bühler!K1815</f>
        <v>1.65058449873806</v>
      </c>
      <c r="L1789" s="59">
        <f>Bühler!L1815</f>
        <v>7.9228055939426874</v>
      </c>
      <c r="M1789" s="58">
        <f>Bühler!M1815</f>
        <v>0</v>
      </c>
      <c r="N1789" s="56">
        <f>IF(Input!$D$19=1,J1789*Input!$C$19,0)+IF(Input!$D$20=1,K1789*Input!$C$20,0)+IF(Input!$D$21=1,L1789*Input!$C$21,0)+IF(Input!$D$22=1,M1789*Input!$C$22,0)</f>
        <v>0.33011689974761199</v>
      </c>
      <c r="O1789" s="59">
        <f>IF(Input!$D$19=2,J1789*Input!$C$19,0)+IF(Input!$D$20=2,K1789*Input!$C$20,0)+IF(Input!$D$21=2,L1789*Input!$C$21,0)+IF(Input!$D$22=2,M1789*Input!$C$22,0)</f>
        <v>0.82529224936903001</v>
      </c>
      <c r="P1789" s="59">
        <f>IF(Input!$D$19=3,J1789*Input!$C$19,0)+IF(Input!$D$20=3,K1789*Input!$C$20,0)+IF(Input!$D$21=3,L1789*Input!$C$21,0)+IF(Input!$D$22=3,M1789*Input!$C$22,0)</f>
        <v>0</v>
      </c>
      <c r="Q1789" s="75">
        <f>IF(Input!$D$19=4,J1789*Input!$C$19,0)+IF(Input!$D$20=4,K1789*Input!$C$20,0)+IF(Input!$D$21=4,L1789*Input!$C$21,0)+IF(Input!$D$22=4,M1789*Input!$C$22,0)</f>
        <v>0</v>
      </c>
      <c r="R1789" s="58">
        <v>55.087684386334629</v>
      </c>
      <c r="S1789" s="124">
        <f t="shared" si="27"/>
        <v>1.4305065655729854</v>
      </c>
    </row>
    <row r="1790" spans="8:19" x14ac:dyDescent="0.3">
      <c r="H1790" s="44">
        <v>1783</v>
      </c>
      <c r="I1790" s="56">
        <f>Bühler!I1816</f>
        <v>0.39841694797125587</v>
      </c>
      <c r="J1790" s="59">
        <f>Bühler!J1816</f>
        <v>1.3280564932375196</v>
      </c>
      <c r="K1790" s="59">
        <f>Bühler!K1816</f>
        <v>1.9920847398562793</v>
      </c>
      <c r="L1790" s="59">
        <f>Bühler!L1816</f>
        <v>9.5620067513101414</v>
      </c>
      <c r="M1790" s="58">
        <f>Bühler!M1816</f>
        <v>0</v>
      </c>
      <c r="N1790" s="56">
        <f>IF(Input!$D$19=1,J1790*Input!$C$19,0)+IF(Input!$D$20=1,K1790*Input!$C$20,0)+IF(Input!$D$21=1,L1790*Input!$C$21,0)+IF(Input!$D$22=1,M1790*Input!$C$22,0)</f>
        <v>0.39841694797125587</v>
      </c>
      <c r="O1790" s="59">
        <f>IF(Input!$D$19=2,J1790*Input!$C$19,0)+IF(Input!$D$20=2,K1790*Input!$C$20,0)+IF(Input!$D$21=2,L1790*Input!$C$21,0)+IF(Input!$D$22=2,M1790*Input!$C$22,0)</f>
        <v>0.99604236992813966</v>
      </c>
      <c r="P1790" s="59">
        <f>IF(Input!$D$19=3,J1790*Input!$C$19,0)+IF(Input!$D$20=3,K1790*Input!$C$20,0)+IF(Input!$D$21=3,L1790*Input!$C$21,0)+IF(Input!$D$22=3,M1790*Input!$C$22,0)</f>
        <v>0</v>
      </c>
      <c r="Q1790" s="75">
        <f>IF(Input!$D$19=4,J1790*Input!$C$19,0)+IF(Input!$D$20=4,K1790*Input!$C$20,0)+IF(Input!$D$21=4,L1790*Input!$C$21,0)+IF(Input!$D$22=4,M1790*Input!$C$22,0)</f>
        <v>0</v>
      </c>
      <c r="R1790" s="58">
        <v>58.863051253347606</v>
      </c>
      <c r="S1790" s="124">
        <f t="shared" si="27"/>
        <v>1.7264734412087754</v>
      </c>
    </row>
    <row r="1791" spans="8:19" x14ac:dyDescent="0.3">
      <c r="H1791" s="44">
        <v>1784</v>
      </c>
      <c r="I1791" s="56">
        <f>Bühler!I1817</f>
        <v>0.39841694797125587</v>
      </c>
      <c r="J1791" s="59">
        <f>Bühler!J1817</f>
        <v>1.3280564932375196</v>
      </c>
      <c r="K1791" s="59">
        <f>Bühler!K1817</f>
        <v>1.9920847398562793</v>
      </c>
      <c r="L1791" s="59">
        <f>Bühler!L1817</f>
        <v>9.5620067513101414</v>
      </c>
      <c r="M1791" s="58">
        <f>Bühler!M1817</f>
        <v>0</v>
      </c>
      <c r="N1791" s="56">
        <f>IF(Input!$D$19=1,J1791*Input!$C$19,0)+IF(Input!$D$20=1,K1791*Input!$C$20,0)+IF(Input!$D$21=1,L1791*Input!$C$21,0)+IF(Input!$D$22=1,M1791*Input!$C$22,0)</f>
        <v>0.39841694797125587</v>
      </c>
      <c r="O1791" s="59">
        <f>IF(Input!$D$19=2,J1791*Input!$C$19,0)+IF(Input!$D$20=2,K1791*Input!$C$20,0)+IF(Input!$D$21=2,L1791*Input!$C$21,0)+IF(Input!$D$22=2,M1791*Input!$C$22,0)</f>
        <v>0.99604236992813966</v>
      </c>
      <c r="P1791" s="59">
        <f>IF(Input!$D$19=3,J1791*Input!$C$19,0)+IF(Input!$D$20=3,K1791*Input!$C$20,0)+IF(Input!$D$21=3,L1791*Input!$C$21,0)+IF(Input!$D$22=3,M1791*Input!$C$22,0)</f>
        <v>0</v>
      </c>
      <c r="Q1791" s="75">
        <f>IF(Input!$D$19=4,J1791*Input!$C$19,0)+IF(Input!$D$20=4,K1791*Input!$C$20,0)+IF(Input!$D$21=4,L1791*Input!$C$21,0)+IF(Input!$D$22=4,M1791*Input!$C$22,0)</f>
        <v>0</v>
      </c>
      <c r="R1791" s="58">
        <v>60.370178060632298</v>
      </c>
      <c r="S1791" s="124">
        <f t="shared" si="27"/>
        <v>1.7264734412087754</v>
      </c>
    </row>
    <row r="1792" spans="8:19" x14ac:dyDescent="0.3">
      <c r="H1792" s="44">
        <v>1785</v>
      </c>
      <c r="I1792" s="56">
        <f>Bühler!I1818</f>
        <v>0.39841694797125587</v>
      </c>
      <c r="J1792" s="59">
        <f>Bühler!J1818</f>
        <v>1.3280564932375196</v>
      </c>
      <c r="K1792" s="59">
        <f>Bühler!K1818</f>
        <v>1.9920847398562793</v>
      </c>
      <c r="L1792" s="59">
        <f>Bühler!L1818</f>
        <v>9.5620067513101414</v>
      </c>
      <c r="M1792" s="58">
        <f>Bühler!M1818</f>
        <v>0</v>
      </c>
      <c r="N1792" s="56">
        <f>IF(Input!$D$19=1,J1792*Input!$C$19,0)+IF(Input!$D$20=1,K1792*Input!$C$20,0)+IF(Input!$D$21=1,L1792*Input!$C$21,0)+IF(Input!$D$22=1,M1792*Input!$C$22,0)</f>
        <v>0.39841694797125587</v>
      </c>
      <c r="O1792" s="59">
        <f>IF(Input!$D$19=2,J1792*Input!$C$19,0)+IF(Input!$D$20=2,K1792*Input!$C$20,0)+IF(Input!$D$21=2,L1792*Input!$C$21,0)+IF(Input!$D$22=2,M1792*Input!$C$22,0)</f>
        <v>0.99604236992813966</v>
      </c>
      <c r="P1792" s="59">
        <f>IF(Input!$D$19=3,J1792*Input!$C$19,0)+IF(Input!$D$20=3,K1792*Input!$C$20,0)+IF(Input!$D$21=3,L1792*Input!$C$21,0)+IF(Input!$D$22=3,M1792*Input!$C$22,0)</f>
        <v>0</v>
      </c>
      <c r="Q1792" s="75">
        <f>IF(Input!$D$19=4,J1792*Input!$C$19,0)+IF(Input!$D$20=4,K1792*Input!$C$20,0)+IF(Input!$D$21=4,L1792*Input!$C$21,0)+IF(Input!$D$22=4,M1792*Input!$C$22,0)</f>
        <v>0</v>
      </c>
      <c r="R1792" s="58">
        <v>60.972750048745418</v>
      </c>
      <c r="S1792" s="124">
        <f t="shared" si="27"/>
        <v>1.7264734412087754</v>
      </c>
    </row>
    <row r="1793" spans="8:19" x14ac:dyDescent="0.3">
      <c r="H1793" s="44">
        <v>1786</v>
      </c>
      <c r="I1793" s="56">
        <f>Bühler!I1819</f>
        <v>0.42687530139777413</v>
      </c>
      <c r="J1793" s="59">
        <f>Bühler!J1819</f>
        <v>1.422917671325914</v>
      </c>
      <c r="K1793" s="59">
        <f>Bühler!K1819</f>
        <v>2.1343765069888705</v>
      </c>
      <c r="L1793" s="59">
        <f>Bühler!L1819</f>
        <v>10.245007233546579</v>
      </c>
      <c r="M1793" s="58">
        <f>Bühler!M1819</f>
        <v>0</v>
      </c>
      <c r="N1793" s="56">
        <f>IF(Input!$D$19=1,J1793*Input!$C$19,0)+IF(Input!$D$20=1,K1793*Input!$C$20,0)+IF(Input!$D$21=1,L1793*Input!$C$21,0)+IF(Input!$D$22=1,M1793*Input!$C$22,0)</f>
        <v>0.42687530139777419</v>
      </c>
      <c r="O1793" s="59">
        <f>IF(Input!$D$19=2,J1793*Input!$C$19,0)+IF(Input!$D$20=2,K1793*Input!$C$20,0)+IF(Input!$D$21=2,L1793*Input!$C$21,0)+IF(Input!$D$22=2,M1793*Input!$C$22,0)</f>
        <v>1.0671882534944352</v>
      </c>
      <c r="P1793" s="59">
        <f>IF(Input!$D$19=3,J1793*Input!$C$19,0)+IF(Input!$D$20=3,K1793*Input!$C$20,0)+IF(Input!$D$21=3,L1793*Input!$C$21,0)+IF(Input!$D$22=3,M1793*Input!$C$22,0)</f>
        <v>0</v>
      </c>
      <c r="Q1793" s="75">
        <f>IF(Input!$D$19=4,J1793*Input!$C$19,0)+IF(Input!$D$20=4,K1793*Input!$C$20,0)+IF(Input!$D$21=4,L1793*Input!$C$21,0)+IF(Input!$D$22=4,M1793*Input!$C$22,0)</f>
        <v>0</v>
      </c>
      <c r="R1793" s="58">
        <v>60.433045789573121</v>
      </c>
      <c r="S1793" s="124">
        <f t="shared" si="27"/>
        <v>1.8497929727236881</v>
      </c>
    </row>
    <row r="1794" spans="8:19" x14ac:dyDescent="0.3">
      <c r="H1794" s="44">
        <v>1787</v>
      </c>
      <c r="I1794" s="56">
        <f>Bühler!I1820</f>
        <v>0.44395031345368507</v>
      </c>
      <c r="J1794" s="59">
        <f>Bühler!J1820</f>
        <v>1.4798343781789505</v>
      </c>
      <c r="K1794" s="59">
        <f>Bühler!K1820</f>
        <v>2.2197515672684256</v>
      </c>
      <c r="L1794" s="59">
        <f>Bühler!L1820</f>
        <v>10.654807522888442</v>
      </c>
      <c r="M1794" s="58">
        <f>Bühler!M1820</f>
        <v>0</v>
      </c>
      <c r="N1794" s="56">
        <f>IF(Input!$D$19=1,J1794*Input!$C$19,0)+IF(Input!$D$20=1,K1794*Input!$C$20,0)+IF(Input!$D$21=1,L1794*Input!$C$21,0)+IF(Input!$D$22=1,M1794*Input!$C$22,0)</f>
        <v>0.44395031345368513</v>
      </c>
      <c r="O1794" s="59">
        <f>IF(Input!$D$19=2,J1794*Input!$C$19,0)+IF(Input!$D$20=2,K1794*Input!$C$20,0)+IF(Input!$D$21=2,L1794*Input!$C$21,0)+IF(Input!$D$22=2,M1794*Input!$C$22,0)</f>
        <v>1.1098757836342128</v>
      </c>
      <c r="P1794" s="59">
        <f>IF(Input!$D$19=3,J1794*Input!$C$19,0)+IF(Input!$D$20=3,K1794*Input!$C$20,0)+IF(Input!$D$21=3,L1794*Input!$C$21,0)+IF(Input!$D$22=3,M1794*Input!$C$22,0)</f>
        <v>0</v>
      </c>
      <c r="Q1794" s="75">
        <f>IF(Input!$D$19=4,J1794*Input!$C$19,0)+IF(Input!$D$20=4,K1794*Input!$C$20,0)+IF(Input!$D$21=4,L1794*Input!$C$21,0)+IF(Input!$D$22=4,M1794*Input!$C$22,0)</f>
        <v>0</v>
      </c>
      <c r="R1794" s="58">
        <v>60.43636706284714</v>
      </c>
      <c r="S1794" s="124">
        <f t="shared" si="27"/>
        <v>1.9237846916326355</v>
      </c>
    </row>
    <row r="1795" spans="8:19" x14ac:dyDescent="0.3">
      <c r="H1795" s="44">
        <v>1788</v>
      </c>
      <c r="I1795" s="56">
        <f>Bühler!I1821</f>
        <v>0.51225036167732885</v>
      </c>
      <c r="J1795" s="59">
        <f>Bühler!J1821</f>
        <v>1.7075012055910965</v>
      </c>
      <c r="K1795" s="59">
        <f>Bühler!K1821</f>
        <v>2.5612518083866447</v>
      </c>
      <c r="L1795" s="59">
        <f>Bühler!L1821</f>
        <v>12.294008680255894</v>
      </c>
      <c r="M1795" s="58">
        <f>Bühler!M1821</f>
        <v>0</v>
      </c>
      <c r="N1795" s="56">
        <f>IF(Input!$D$19=1,J1795*Input!$C$19,0)+IF(Input!$D$20=1,K1795*Input!$C$20,0)+IF(Input!$D$21=1,L1795*Input!$C$21,0)+IF(Input!$D$22=1,M1795*Input!$C$22,0)</f>
        <v>0.51225036167732896</v>
      </c>
      <c r="O1795" s="59">
        <f>IF(Input!$D$19=2,J1795*Input!$C$19,0)+IF(Input!$D$20=2,K1795*Input!$C$20,0)+IF(Input!$D$21=2,L1795*Input!$C$21,0)+IF(Input!$D$22=2,M1795*Input!$C$22,0)</f>
        <v>1.2806259041933223</v>
      </c>
      <c r="P1795" s="59">
        <f>IF(Input!$D$19=3,J1795*Input!$C$19,0)+IF(Input!$D$20=3,K1795*Input!$C$20,0)+IF(Input!$D$21=3,L1795*Input!$C$21,0)+IF(Input!$D$22=3,M1795*Input!$C$22,0)</f>
        <v>0</v>
      </c>
      <c r="Q1795" s="75">
        <f>IF(Input!$D$19=4,J1795*Input!$C$19,0)+IF(Input!$D$20=4,K1795*Input!$C$20,0)+IF(Input!$D$21=4,L1795*Input!$C$21,0)+IF(Input!$D$22=4,M1795*Input!$C$22,0)</f>
        <v>0</v>
      </c>
      <c r="R1795" s="58">
        <v>60.262388823018306</v>
      </c>
      <c r="S1795" s="124">
        <f t="shared" si="27"/>
        <v>2.2197515672684256</v>
      </c>
    </row>
    <row r="1796" spans="8:19" x14ac:dyDescent="0.3">
      <c r="H1796" s="44">
        <v>1789</v>
      </c>
      <c r="I1796" s="56">
        <f>Bühler!I1822</f>
        <v>0.51225036167732885</v>
      </c>
      <c r="J1796" s="59">
        <f>Bühler!J1822</f>
        <v>1.7075012055910965</v>
      </c>
      <c r="K1796" s="59">
        <f>Bühler!K1822</f>
        <v>2.5612518083866447</v>
      </c>
      <c r="L1796" s="59">
        <f>Bühler!L1822</f>
        <v>12.294008680255894</v>
      </c>
      <c r="M1796" s="58">
        <f>Bühler!M1822</f>
        <v>0</v>
      </c>
      <c r="N1796" s="56">
        <f>IF(Input!$D$19=1,J1796*Input!$C$19,0)+IF(Input!$D$20=1,K1796*Input!$C$20,0)+IF(Input!$D$21=1,L1796*Input!$C$21,0)+IF(Input!$D$22=1,M1796*Input!$C$22,0)</f>
        <v>0.51225036167732896</v>
      </c>
      <c r="O1796" s="59">
        <f>IF(Input!$D$19=2,J1796*Input!$C$19,0)+IF(Input!$D$20=2,K1796*Input!$C$20,0)+IF(Input!$D$21=2,L1796*Input!$C$21,0)+IF(Input!$D$22=2,M1796*Input!$C$22,0)</f>
        <v>1.2806259041933223</v>
      </c>
      <c r="P1796" s="59">
        <f>IF(Input!$D$19=3,J1796*Input!$C$19,0)+IF(Input!$D$20=3,K1796*Input!$C$20,0)+IF(Input!$D$21=3,L1796*Input!$C$21,0)+IF(Input!$D$22=3,M1796*Input!$C$22,0)</f>
        <v>0</v>
      </c>
      <c r="Q1796" s="75">
        <f>IF(Input!$D$19=4,J1796*Input!$C$19,0)+IF(Input!$D$20=4,K1796*Input!$C$20,0)+IF(Input!$D$21=4,L1796*Input!$C$21,0)+IF(Input!$D$22=4,M1796*Input!$C$22,0)</f>
        <v>0</v>
      </c>
      <c r="R1796" s="58">
        <v>58.822743485046992</v>
      </c>
      <c r="S1796" s="124">
        <f t="shared" si="27"/>
        <v>2.2197515672684256</v>
      </c>
    </row>
    <row r="1797" spans="8:19" x14ac:dyDescent="0.3">
      <c r="H1797" s="44">
        <v>1790</v>
      </c>
      <c r="I1797" s="56">
        <f>Bühler!I1823</f>
        <v>0.51225036167732885</v>
      </c>
      <c r="J1797" s="59">
        <f>Bühler!J1823</f>
        <v>1.7075012055910965</v>
      </c>
      <c r="K1797" s="59">
        <f>Bühler!K1823</f>
        <v>2.5612518083866447</v>
      </c>
      <c r="L1797" s="59">
        <f>Bühler!L1823</f>
        <v>12.294008680255894</v>
      </c>
      <c r="M1797" s="58">
        <f>Bühler!M1823</f>
        <v>0</v>
      </c>
      <c r="N1797" s="56">
        <f>IF(Input!$D$19=1,J1797*Input!$C$19,0)+IF(Input!$D$20=1,K1797*Input!$C$20,0)+IF(Input!$D$21=1,L1797*Input!$C$21,0)+IF(Input!$D$22=1,M1797*Input!$C$22,0)</f>
        <v>0.51225036167732896</v>
      </c>
      <c r="O1797" s="59">
        <f>IF(Input!$D$19=2,J1797*Input!$C$19,0)+IF(Input!$D$20=2,K1797*Input!$C$20,0)+IF(Input!$D$21=2,L1797*Input!$C$21,0)+IF(Input!$D$22=2,M1797*Input!$C$22,0)</f>
        <v>1.2806259041933223</v>
      </c>
      <c r="P1797" s="59">
        <f>IF(Input!$D$19=3,J1797*Input!$C$19,0)+IF(Input!$D$20=3,K1797*Input!$C$20,0)+IF(Input!$D$21=3,L1797*Input!$C$21,0)+IF(Input!$D$22=3,M1797*Input!$C$22,0)</f>
        <v>0</v>
      </c>
      <c r="Q1797" s="75">
        <f>IF(Input!$D$19=4,J1797*Input!$C$19,0)+IF(Input!$D$20=4,K1797*Input!$C$20,0)+IF(Input!$D$21=4,L1797*Input!$C$21,0)+IF(Input!$D$22=4,M1797*Input!$C$22,0)</f>
        <v>0</v>
      </c>
      <c r="R1797" s="58">
        <v>58.056729307830331</v>
      </c>
      <c r="S1797" s="124">
        <f t="shared" si="27"/>
        <v>2.2197515672684256</v>
      </c>
    </row>
    <row r="1798" spans="8:19" x14ac:dyDescent="0.3">
      <c r="H1798" s="44">
        <v>1791</v>
      </c>
      <c r="I1798" s="56">
        <f>Bühler!I1824</f>
        <v>0.51225036167732885</v>
      </c>
      <c r="J1798" s="59">
        <f>Bühler!J1824</f>
        <v>1.7075012055910965</v>
      </c>
      <c r="K1798" s="59">
        <f>Bühler!K1824</f>
        <v>2.5612518083866447</v>
      </c>
      <c r="L1798" s="59">
        <f>Bühler!L1824</f>
        <v>12.294008680255894</v>
      </c>
      <c r="M1798" s="58">
        <f>Bühler!M1824</f>
        <v>0</v>
      </c>
      <c r="N1798" s="56">
        <f>IF(Input!$D$19=1,J1798*Input!$C$19,0)+IF(Input!$D$20=1,K1798*Input!$C$20,0)+IF(Input!$D$21=1,L1798*Input!$C$21,0)+IF(Input!$D$22=1,M1798*Input!$C$22,0)</f>
        <v>0.51225036167732896</v>
      </c>
      <c r="O1798" s="59">
        <f>IF(Input!$D$19=2,J1798*Input!$C$19,0)+IF(Input!$D$20=2,K1798*Input!$C$20,0)+IF(Input!$D$21=2,L1798*Input!$C$21,0)+IF(Input!$D$22=2,M1798*Input!$C$22,0)</f>
        <v>1.2806259041933223</v>
      </c>
      <c r="P1798" s="59">
        <f>IF(Input!$D$19=3,J1798*Input!$C$19,0)+IF(Input!$D$20=3,K1798*Input!$C$20,0)+IF(Input!$D$21=3,L1798*Input!$C$21,0)+IF(Input!$D$22=3,M1798*Input!$C$22,0)</f>
        <v>0</v>
      </c>
      <c r="Q1798" s="75">
        <f>IF(Input!$D$19=4,J1798*Input!$C$19,0)+IF(Input!$D$20=4,K1798*Input!$C$20,0)+IF(Input!$D$21=4,L1798*Input!$C$21,0)+IF(Input!$D$22=4,M1798*Input!$C$22,0)</f>
        <v>0</v>
      </c>
      <c r="R1798" s="58">
        <v>57.470807091296841</v>
      </c>
      <c r="S1798" s="124">
        <f t="shared" si="27"/>
        <v>2.2197515672684256</v>
      </c>
    </row>
    <row r="1799" spans="8:19" x14ac:dyDescent="0.3">
      <c r="H1799" s="44">
        <v>1792</v>
      </c>
      <c r="I1799" s="56">
        <f>Bühler!I1825</f>
        <v>0.42687530139777413</v>
      </c>
      <c r="J1799" s="59">
        <f>Bühler!J1825</f>
        <v>1.422917671325914</v>
      </c>
      <c r="K1799" s="59">
        <f>Bühler!K1825</f>
        <v>2.1343765069888705</v>
      </c>
      <c r="L1799" s="59">
        <f>Bühler!L1825</f>
        <v>10.245007233546579</v>
      </c>
      <c r="M1799" s="58">
        <f>Bühler!M1825</f>
        <v>0</v>
      </c>
      <c r="N1799" s="56">
        <f>IF(Input!$D$19=1,J1799*Input!$C$19,0)+IF(Input!$D$20=1,K1799*Input!$C$20,0)+IF(Input!$D$21=1,L1799*Input!$C$21,0)+IF(Input!$D$22=1,M1799*Input!$C$22,0)</f>
        <v>0.42687530139777419</v>
      </c>
      <c r="O1799" s="59">
        <f>IF(Input!$D$19=2,J1799*Input!$C$19,0)+IF(Input!$D$20=2,K1799*Input!$C$20,0)+IF(Input!$D$21=2,L1799*Input!$C$21,0)+IF(Input!$D$22=2,M1799*Input!$C$22,0)</f>
        <v>1.0671882534944352</v>
      </c>
      <c r="P1799" s="59">
        <f>IF(Input!$D$19=3,J1799*Input!$C$19,0)+IF(Input!$D$20=3,K1799*Input!$C$20,0)+IF(Input!$D$21=3,L1799*Input!$C$21,0)+IF(Input!$D$22=3,M1799*Input!$C$22,0)</f>
        <v>0</v>
      </c>
      <c r="Q1799" s="75">
        <f>IF(Input!$D$19=4,J1799*Input!$C$19,0)+IF(Input!$D$20=4,K1799*Input!$C$20,0)+IF(Input!$D$21=4,L1799*Input!$C$21,0)+IF(Input!$D$22=4,M1799*Input!$C$22,0)</f>
        <v>0</v>
      </c>
      <c r="R1799" s="58">
        <v>56.262759810624289</v>
      </c>
      <c r="S1799" s="124">
        <f t="shared" si="27"/>
        <v>1.8497929727236881</v>
      </c>
    </row>
    <row r="1800" spans="8:19" x14ac:dyDescent="0.3">
      <c r="H1800" s="44">
        <v>1793</v>
      </c>
      <c r="I1800" s="56">
        <f>Bühler!I1826</f>
        <v>0.4041086186565595</v>
      </c>
      <c r="J1800" s="59">
        <f>Bühler!J1826</f>
        <v>1.3470287288551985</v>
      </c>
      <c r="K1800" s="59">
        <f>Bühler!K1826</f>
        <v>2.0205430932827975</v>
      </c>
      <c r="L1800" s="59">
        <f>Bühler!L1826</f>
        <v>9.6986068477574285</v>
      </c>
      <c r="M1800" s="58">
        <f>Bühler!M1826</f>
        <v>0</v>
      </c>
      <c r="N1800" s="56">
        <f>IF(Input!$D$19=1,J1800*Input!$C$19,0)+IF(Input!$D$20=1,K1800*Input!$C$20,0)+IF(Input!$D$21=1,L1800*Input!$C$21,0)+IF(Input!$D$22=1,M1800*Input!$C$22,0)</f>
        <v>0.40410861865655956</v>
      </c>
      <c r="O1800" s="59">
        <f>IF(Input!$D$19=2,J1800*Input!$C$19,0)+IF(Input!$D$20=2,K1800*Input!$C$20,0)+IF(Input!$D$21=2,L1800*Input!$C$21,0)+IF(Input!$D$22=2,M1800*Input!$C$22,0)</f>
        <v>1.0102715466413987</v>
      </c>
      <c r="P1800" s="59">
        <f>IF(Input!$D$19=3,J1800*Input!$C$19,0)+IF(Input!$D$20=3,K1800*Input!$C$20,0)+IF(Input!$D$21=3,L1800*Input!$C$21,0)+IF(Input!$D$22=3,M1800*Input!$C$22,0)</f>
        <v>0</v>
      </c>
      <c r="Q1800" s="75">
        <f>IF(Input!$D$19=4,J1800*Input!$C$19,0)+IF(Input!$D$20=4,K1800*Input!$C$20,0)+IF(Input!$D$21=4,L1800*Input!$C$21,0)+IF(Input!$D$22=4,M1800*Input!$C$22,0)</f>
        <v>0</v>
      </c>
      <c r="R1800" s="58">
        <v>54.815758005534356</v>
      </c>
      <c r="S1800" s="124">
        <f t="shared" si="27"/>
        <v>1.751137347511758</v>
      </c>
    </row>
    <row r="1801" spans="8:19" x14ac:dyDescent="0.3">
      <c r="H1801" s="44">
        <v>1794</v>
      </c>
      <c r="I1801" s="56">
        <f>Bühler!I1827</f>
        <v>0.4041086186565595</v>
      </c>
      <c r="J1801" s="59">
        <f>Bühler!J1827</f>
        <v>1.3470287288551985</v>
      </c>
      <c r="K1801" s="59">
        <f>Bühler!K1827</f>
        <v>2.0205430932827975</v>
      </c>
      <c r="L1801" s="59">
        <f>Bühler!L1827</f>
        <v>9.6986068477574285</v>
      </c>
      <c r="M1801" s="58">
        <f>Bühler!M1827</f>
        <v>0</v>
      </c>
      <c r="N1801" s="56">
        <f>IF(Input!$D$19=1,J1801*Input!$C$19,0)+IF(Input!$D$20=1,K1801*Input!$C$20,0)+IF(Input!$D$21=1,L1801*Input!$C$21,0)+IF(Input!$D$22=1,M1801*Input!$C$22,0)</f>
        <v>0.40410861865655956</v>
      </c>
      <c r="O1801" s="59">
        <f>IF(Input!$D$19=2,J1801*Input!$C$19,0)+IF(Input!$D$20=2,K1801*Input!$C$20,0)+IF(Input!$D$21=2,L1801*Input!$C$21,0)+IF(Input!$D$22=2,M1801*Input!$C$22,0)</f>
        <v>1.0102715466413987</v>
      </c>
      <c r="P1801" s="59">
        <f>IF(Input!$D$19=3,J1801*Input!$C$19,0)+IF(Input!$D$20=3,K1801*Input!$C$20,0)+IF(Input!$D$21=3,L1801*Input!$C$21,0)+IF(Input!$D$22=3,M1801*Input!$C$22,0)</f>
        <v>0</v>
      </c>
      <c r="Q1801" s="75">
        <f>IF(Input!$D$19=4,J1801*Input!$C$19,0)+IF(Input!$D$20=4,K1801*Input!$C$20,0)+IF(Input!$D$21=4,L1801*Input!$C$21,0)+IF(Input!$D$22=4,M1801*Input!$C$22,0)</f>
        <v>0</v>
      </c>
      <c r="R1801" s="58">
        <v>53.663956638979194</v>
      </c>
      <c r="S1801" s="124">
        <f t="shared" ref="S1801:S1864" si="28">I1801+J1801</f>
        <v>1.751137347511758</v>
      </c>
    </row>
    <row r="1802" spans="8:19" x14ac:dyDescent="0.3">
      <c r="H1802" s="44">
        <v>1795</v>
      </c>
      <c r="I1802" s="56">
        <f>Bühler!I1828</f>
        <v>0.4041086186565595</v>
      </c>
      <c r="J1802" s="59">
        <f>Bühler!J1828</f>
        <v>1.3470287288551985</v>
      </c>
      <c r="K1802" s="59">
        <f>Bühler!K1828</f>
        <v>2.0205430932827975</v>
      </c>
      <c r="L1802" s="59">
        <f>Bühler!L1828</f>
        <v>9.6986068477574285</v>
      </c>
      <c r="M1802" s="58">
        <f>Bühler!M1828</f>
        <v>0</v>
      </c>
      <c r="N1802" s="56">
        <f>IF(Input!$D$19=1,J1802*Input!$C$19,0)+IF(Input!$D$20=1,K1802*Input!$C$20,0)+IF(Input!$D$21=1,L1802*Input!$C$21,0)+IF(Input!$D$22=1,M1802*Input!$C$22,0)</f>
        <v>0.40410861865655956</v>
      </c>
      <c r="O1802" s="59">
        <f>IF(Input!$D$19=2,J1802*Input!$C$19,0)+IF(Input!$D$20=2,K1802*Input!$C$20,0)+IF(Input!$D$21=2,L1802*Input!$C$21,0)+IF(Input!$D$22=2,M1802*Input!$C$22,0)</f>
        <v>1.0102715466413987</v>
      </c>
      <c r="P1802" s="59">
        <f>IF(Input!$D$19=3,J1802*Input!$C$19,0)+IF(Input!$D$20=3,K1802*Input!$C$20,0)+IF(Input!$D$21=3,L1802*Input!$C$21,0)+IF(Input!$D$22=3,M1802*Input!$C$22,0)</f>
        <v>0</v>
      </c>
      <c r="Q1802" s="75">
        <f>IF(Input!$D$19=4,J1802*Input!$C$19,0)+IF(Input!$D$20=4,K1802*Input!$C$20,0)+IF(Input!$D$21=4,L1802*Input!$C$21,0)+IF(Input!$D$22=4,M1802*Input!$C$22,0)</f>
        <v>0</v>
      </c>
      <c r="R1802" s="58">
        <v>53.154920837635729</v>
      </c>
      <c r="S1802" s="124">
        <f t="shared" si="28"/>
        <v>1.751137347511758</v>
      </c>
    </row>
    <row r="1803" spans="8:19" x14ac:dyDescent="0.3">
      <c r="H1803" s="44">
        <v>1796</v>
      </c>
      <c r="I1803" s="56">
        <f>Bühler!I1829</f>
        <v>0.4041086186565595</v>
      </c>
      <c r="J1803" s="59">
        <f>Bühler!J1829</f>
        <v>1.3470287288551985</v>
      </c>
      <c r="K1803" s="59">
        <f>Bühler!K1829</f>
        <v>2.0205430932827975</v>
      </c>
      <c r="L1803" s="59">
        <f>Bühler!L1829</f>
        <v>9.6986068477574285</v>
      </c>
      <c r="M1803" s="58">
        <f>Bühler!M1829</f>
        <v>0</v>
      </c>
      <c r="N1803" s="56">
        <f>IF(Input!$D$19=1,J1803*Input!$C$19,0)+IF(Input!$D$20=1,K1803*Input!$C$20,0)+IF(Input!$D$21=1,L1803*Input!$C$21,0)+IF(Input!$D$22=1,M1803*Input!$C$22,0)</f>
        <v>0.40410861865655956</v>
      </c>
      <c r="O1803" s="59">
        <f>IF(Input!$D$19=2,J1803*Input!$C$19,0)+IF(Input!$D$20=2,K1803*Input!$C$20,0)+IF(Input!$D$21=2,L1803*Input!$C$21,0)+IF(Input!$D$22=2,M1803*Input!$C$22,0)</f>
        <v>1.0102715466413987</v>
      </c>
      <c r="P1803" s="59">
        <f>IF(Input!$D$19=3,J1803*Input!$C$19,0)+IF(Input!$D$20=3,K1803*Input!$C$20,0)+IF(Input!$D$21=3,L1803*Input!$C$21,0)+IF(Input!$D$22=3,M1803*Input!$C$22,0)</f>
        <v>0</v>
      </c>
      <c r="Q1803" s="75">
        <f>IF(Input!$D$19=4,J1803*Input!$C$19,0)+IF(Input!$D$20=4,K1803*Input!$C$20,0)+IF(Input!$D$21=4,L1803*Input!$C$21,0)+IF(Input!$D$22=4,M1803*Input!$C$22,0)</f>
        <v>0</v>
      </c>
      <c r="R1803" s="58">
        <v>52.065016064847022</v>
      </c>
      <c r="S1803" s="124">
        <f t="shared" si="28"/>
        <v>1.751137347511758</v>
      </c>
    </row>
    <row r="1804" spans="8:19" x14ac:dyDescent="0.3">
      <c r="H1804" s="44">
        <v>1797</v>
      </c>
      <c r="I1804" s="56">
        <f>Bühler!I1830</f>
        <v>0.31304188769170099</v>
      </c>
      <c r="J1804" s="59">
        <f>Bühler!J1830</f>
        <v>1.0434729589723366</v>
      </c>
      <c r="K1804" s="59">
        <f>Bühler!K1830</f>
        <v>1.5652094384585049</v>
      </c>
      <c r="L1804" s="59">
        <f>Bühler!L1830</f>
        <v>7.5130053046008234</v>
      </c>
      <c r="M1804" s="58">
        <f>Bühler!M1830</f>
        <v>0</v>
      </c>
      <c r="N1804" s="56">
        <f>IF(Input!$D$19=1,J1804*Input!$C$19,0)+IF(Input!$D$20=1,K1804*Input!$C$20,0)+IF(Input!$D$21=1,L1804*Input!$C$21,0)+IF(Input!$D$22=1,M1804*Input!$C$22,0)</f>
        <v>0.31304188769170099</v>
      </c>
      <c r="O1804" s="59">
        <f>IF(Input!$D$19=2,J1804*Input!$C$19,0)+IF(Input!$D$20=2,K1804*Input!$C$20,0)+IF(Input!$D$21=2,L1804*Input!$C$21,0)+IF(Input!$D$22=2,M1804*Input!$C$22,0)</f>
        <v>0.78260471922925245</v>
      </c>
      <c r="P1804" s="59">
        <f>IF(Input!$D$19=3,J1804*Input!$C$19,0)+IF(Input!$D$20=3,K1804*Input!$C$20,0)+IF(Input!$D$21=3,L1804*Input!$C$21,0)+IF(Input!$D$22=3,M1804*Input!$C$22,0)</f>
        <v>0</v>
      </c>
      <c r="Q1804" s="75">
        <f>IF(Input!$D$19=4,J1804*Input!$C$19,0)+IF(Input!$D$20=4,K1804*Input!$C$20,0)+IF(Input!$D$21=4,L1804*Input!$C$21,0)+IF(Input!$D$22=4,M1804*Input!$C$22,0)</f>
        <v>0</v>
      </c>
      <c r="R1804" s="58">
        <v>50.937052356883392</v>
      </c>
      <c r="S1804" s="124">
        <f t="shared" si="28"/>
        <v>1.3565148466640375</v>
      </c>
    </row>
    <row r="1805" spans="8:19" x14ac:dyDescent="0.3">
      <c r="H1805" s="44">
        <v>1798</v>
      </c>
      <c r="I1805" s="56">
        <f>Bühler!I1831</f>
        <v>0.11952508439137675</v>
      </c>
      <c r="J1805" s="59">
        <f>Bühler!J1831</f>
        <v>0.39841694797125587</v>
      </c>
      <c r="K1805" s="59">
        <f>Bühler!K1831</f>
        <v>0.59762542195688373</v>
      </c>
      <c r="L1805" s="59">
        <f>Bühler!L1831</f>
        <v>2.868602025393042</v>
      </c>
      <c r="M1805" s="58">
        <f>Bühler!M1831</f>
        <v>0</v>
      </c>
      <c r="N1805" s="56">
        <f>IF(Input!$D$19=1,J1805*Input!$C$19,0)+IF(Input!$D$20=1,K1805*Input!$C$20,0)+IF(Input!$D$21=1,L1805*Input!$C$21,0)+IF(Input!$D$22=1,M1805*Input!$C$22,0)</f>
        <v>0.11952508439137675</v>
      </c>
      <c r="O1805" s="59">
        <f>IF(Input!$D$19=2,J1805*Input!$C$19,0)+IF(Input!$D$20=2,K1805*Input!$C$20,0)+IF(Input!$D$21=2,L1805*Input!$C$21,0)+IF(Input!$D$22=2,M1805*Input!$C$22,0)</f>
        <v>0.29881271097844186</v>
      </c>
      <c r="P1805" s="59">
        <f>IF(Input!$D$19=3,J1805*Input!$C$19,0)+IF(Input!$D$20=3,K1805*Input!$C$20,0)+IF(Input!$D$21=3,L1805*Input!$C$21,0)+IF(Input!$D$22=3,M1805*Input!$C$22,0)</f>
        <v>0</v>
      </c>
      <c r="Q1805" s="75">
        <f>IF(Input!$D$19=4,J1805*Input!$C$19,0)+IF(Input!$D$20=4,K1805*Input!$C$20,0)+IF(Input!$D$21=4,L1805*Input!$C$21,0)+IF(Input!$D$22=4,M1805*Input!$C$22,0)</f>
        <v>0</v>
      </c>
      <c r="R1805" s="58">
        <v>49.045721071502903</v>
      </c>
      <c r="S1805" s="124">
        <f t="shared" si="28"/>
        <v>0.51794203236263259</v>
      </c>
    </row>
    <row r="1806" spans="8:19" x14ac:dyDescent="0.3">
      <c r="H1806" s="44">
        <v>1799</v>
      </c>
      <c r="I1806" s="56">
        <f>Bühler!I1832</f>
        <v>0.11952508439137675</v>
      </c>
      <c r="J1806" s="59">
        <f>Bühler!J1832</f>
        <v>0.39841694797125587</v>
      </c>
      <c r="K1806" s="59">
        <f>Bühler!K1832</f>
        <v>0.59762542195688373</v>
      </c>
      <c r="L1806" s="59">
        <f>Bühler!L1832</f>
        <v>2.868602025393042</v>
      </c>
      <c r="M1806" s="58">
        <f>Bühler!M1832</f>
        <v>0</v>
      </c>
      <c r="N1806" s="56">
        <f>IF(Input!$D$19=1,J1806*Input!$C$19,0)+IF(Input!$D$20=1,K1806*Input!$C$20,0)+IF(Input!$D$21=1,L1806*Input!$C$21,0)+IF(Input!$D$22=1,M1806*Input!$C$22,0)</f>
        <v>0.11952508439137675</v>
      </c>
      <c r="O1806" s="59">
        <f>IF(Input!$D$19=2,J1806*Input!$C$19,0)+IF(Input!$D$20=2,K1806*Input!$C$20,0)+IF(Input!$D$21=2,L1806*Input!$C$21,0)+IF(Input!$D$22=2,M1806*Input!$C$22,0)</f>
        <v>0.29881271097844186</v>
      </c>
      <c r="P1806" s="59">
        <f>IF(Input!$D$19=3,J1806*Input!$C$19,0)+IF(Input!$D$20=3,K1806*Input!$C$20,0)+IF(Input!$D$21=3,L1806*Input!$C$21,0)+IF(Input!$D$22=3,M1806*Input!$C$22,0)</f>
        <v>0</v>
      </c>
      <c r="Q1806" s="75">
        <f>IF(Input!$D$19=4,J1806*Input!$C$19,0)+IF(Input!$D$20=4,K1806*Input!$C$20,0)+IF(Input!$D$21=4,L1806*Input!$C$21,0)+IF(Input!$D$22=4,M1806*Input!$C$22,0)</f>
        <v>0</v>
      </c>
      <c r="R1806" s="58">
        <v>48.984047250610452</v>
      </c>
      <c r="S1806" s="124">
        <f t="shared" si="28"/>
        <v>0.51794203236263259</v>
      </c>
    </row>
    <row r="1807" spans="8:19" x14ac:dyDescent="0.3">
      <c r="H1807" s="44">
        <v>1800</v>
      </c>
      <c r="I1807" s="56">
        <f>Bühler!I1833</f>
        <v>0.11952508439137675</v>
      </c>
      <c r="J1807" s="59">
        <f>Bühler!J1833</f>
        <v>0.39841694797125587</v>
      </c>
      <c r="K1807" s="59">
        <f>Bühler!K1833</f>
        <v>0.59762542195688373</v>
      </c>
      <c r="L1807" s="59">
        <f>Bühler!L1833</f>
        <v>2.868602025393042</v>
      </c>
      <c r="M1807" s="58">
        <f>Bühler!M1833</f>
        <v>0</v>
      </c>
      <c r="N1807" s="56">
        <f>IF(Input!$D$19=1,J1807*Input!$C$19,0)+IF(Input!$D$20=1,K1807*Input!$C$20,0)+IF(Input!$D$21=1,L1807*Input!$C$21,0)+IF(Input!$D$22=1,M1807*Input!$C$22,0)</f>
        <v>0.11952508439137675</v>
      </c>
      <c r="O1807" s="59">
        <f>IF(Input!$D$19=2,J1807*Input!$C$19,0)+IF(Input!$D$20=2,K1807*Input!$C$20,0)+IF(Input!$D$21=2,L1807*Input!$C$21,0)+IF(Input!$D$22=2,M1807*Input!$C$22,0)</f>
        <v>0.29881271097844186</v>
      </c>
      <c r="P1807" s="59">
        <f>IF(Input!$D$19=3,J1807*Input!$C$19,0)+IF(Input!$D$20=3,K1807*Input!$C$20,0)+IF(Input!$D$21=3,L1807*Input!$C$21,0)+IF(Input!$D$22=3,M1807*Input!$C$22,0)</f>
        <v>0</v>
      </c>
      <c r="Q1807" s="75">
        <f>IF(Input!$D$19=4,J1807*Input!$C$19,0)+IF(Input!$D$20=4,K1807*Input!$C$20,0)+IF(Input!$D$21=4,L1807*Input!$C$21,0)+IF(Input!$D$22=4,M1807*Input!$C$22,0)</f>
        <v>0</v>
      </c>
      <c r="R1807" s="58">
        <v>47.607690905516222</v>
      </c>
      <c r="S1807" s="124">
        <f t="shared" si="28"/>
        <v>0.51794203236263259</v>
      </c>
    </row>
    <row r="1808" spans="8:19" x14ac:dyDescent="0.3">
      <c r="H1808" s="44">
        <v>1801</v>
      </c>
      <c r="I1808" s="56">
        <f>Bühler!I1834</f>
        <v>7.8074305651592471E-2</v>
      </c>
      <c r="J1808" s="59">
        <f>Bühler!J1834</f>
        <v>0.2602476855053083</v>
      </c>
      <c r="K1808" s="59">
        <f>Bühler!K1834</f>
        <v>0.3903715282579624</v>
      </c>
      <c r="L1808" s="59">
        <f>Bühler!L1834</f>
        <v>4.2082985387871776</v>
      </c>
      <c r="M1808" s="58">
        <f>Bühler!M1834</f>
        <v>0</v>
      </c>
      <c r="N1808" s="56">
        <f>IF(Input!$D$19=1,J1808*Input!$C$19,0)+IF(Input!$D$20=1,K1808*Input!$C$20,0)+IF(Input!$D$21=1,L1808*Input!$C$21,0)+IF(Input!$D$22=1,M1808*Input!$C$22,0)</f>
        <v>7.8074305651592485E-2</v>
      </c>
      <c r="O1808" s="59">
        <f>IF(Input!$D$19=2,J1808*Input!$C$19,0)+IF(Input!$D$20=2,K1808*Input!$C$20,0)+IF(Input!$D$21=2,L1808*Input!$C$21,0)+IF(Input!$D$22=2,M1808*Input!$C$22,0)</f>
        <v>0.1951857641289812</v>
      </c>
      <c r="P1808" s="59">
        <f>IF(Input!$D$19=3,J1808*Input!$C$19,0)+IF(Input!$D$20=3,K1808*Input!$C$20,0)+IF(Input!$D$21=3,L1808*Input!$C$21,0)+IF(Input!$D$22=3,M1808*Input!$C$22,0)</f>
        <v>0</v>
      </c>
      <c r="Q1808" s="75">
        <f>IF(Input!$D$19=4,J1808*Input!$C$19,0)+IF(Input!$D$20=4,K1808*Input!$C$20,0)+IF(Input!$D$21=4,L1808*Input!$C$21,0)+IF(Input!$D$22=4,M1808*Input!$C$22,0)</f>
        <v>0</v>
      </c>
      <c r="R1808" s="58">
        <v>46.406636276674391</v>
      </c>
      <c r="S1808" s="124">
        <f t="shared" si="28"/>
        <v>0.33832199115690076</v>
      </c>
    </row>
    <row r="1809" spans="8:19" x14ac:dyDescent="0.3">
      <c r="H1809" s="44">
        <v>1802</v>
      </c>
      <c r="I1809" s="56">
        <f>Bühler!I1835</f>
        <v>0.15243078722453771</v>
      </c>
      <c r="J1809" s="59">
        <f>Bühler!J1835</f>
        <v>0.50810262408179241</v>
      </c>
      <c r="K1809" s="59">
        <f>Bühler!K1835</f>
        <v>0.76215393612268867</v>
      </c>
      <c r="L1809" s="59">
        <f>Bühler!L1835</f>
        <v>8.2162019090606826</v>
      </c>
      <c r="M1809" s="58">
        <f>Bühler!M1835</f>
        <v>0</v>
      </c>
      <c r="N1809" s="56">
        <f>IF(Input!$D$19=1,J1809*Input!$C$19,0)+IF(Input!$D$20=1,K1809*Input!$C$20,0)+IF(Input!$D$21=1,L1809*Input!$C$21,0)+IF(Input!$D$22=1,M1809*Input!$C$22,0)</f>
        <v>0.15243078722453771</v>
      </c>
      <c r="O1809" s="59">
        <f>IF(Input!$D$19=2,J1809*Input!$C$19,0)+IF(Input!$D$20=2,K1809*Input!$C$20,0)+IF(Input!$D$21=2,L1809*Input!$C$21,0)+IF(Input!$D$22=2,M1809*Input!$C$22,0)</f>
        <v>0.38107696806134433</v>
      </c>
      <c r="P1809" s="59">
        <f>IF(Input!$D$19=3,J1809*Input!$C$19,0)+IF(Input!$D$20=3,K1809*Input!$C$20,0)+IF(Input!$D$21=3,L1809*Input!$C$21,0)+IF(Input!$D$22=3,M1809*Input!$C$22,0)</f>
        <v>0</v>
      </c>
      <c r="Q1809" s="75">
        <f>IF(Input!$D$19=4,J1809*Input!$C$19,0)+IF(Input!$D$20=4,K1809*Input!$C$20,0)+IF(Input!$D$21=4,L1809*Input!$C$21,0)+IF(Input!$D$22=4,M1809*Input!$C$22,0)</f>
        <v>0</v>
      </c>
      <c r="R1809" s="58">
        <v>45.985613667907572</v>
      </c>
      <c r="S1809" s="124">
        <f t="shared" si="28"/>
        <v>0.66053341130633014</v>
      </c>
    </row>
    <row r="1810" spans="8:19" x14ac:dyDescent="0.3">
      <c r="H1810" s="44">
        <v>1803</v>
      </c>
      <c r="I1810" s="56">
        <f>Bühler!I1836</f>
        <v>0.15243078722453771</v>
      </c>
      <c r="J1810" s="59">
        <f>Bühler!J1836</f>
        <v>0.50810262408179241</v>
      </c>
      <c r="K1810" s="59">
        <f>Bühler!K1836</f>
        <v>0.76215393612268867</v>
      </c>
      <c r="L1810" s="59">
        <f>Bühler!L1836</f>
        <v>8.2162019090606826</v>
      </c>
      <c r="M1810" s="58">
        <f>Bühler!M1836</f>
        <v>0</v>
      </c>
      <c r="N1810" s="56">
        <f>IF(Input!$D$19=1,J1810*Input!$C$19,0)+IF(Input!$D$20=1,K1810*Input!$C$20,0)+IF(Input!$D$21=1,L1810*Input!$C$21,0)+IF(Input!$D$22=1,M1810*Input!$C$22,0)</f>
        <v>0.15243078722453771</v>
      </c>
      <c r="O1810" s="59">
        <f>IF(Input!$D$19=2,J1810*Input!$C$19,0)+IF(Input!$D$20=2,K1810*Input!$C$20,0)+IF(Input!$D$21=2,L1810*Input!$C$21,0)+IF(Input!$D$22=2,M1810*Input!$C$22,0)</f>
        <v>0.38107696806134433</v>
      </c>
      <c r="P1810" s="59">
        <f>IF(Input!$D$19=3,J1810*Input!$C$19,0)+IF(Input!$D$20=3,K1810*Input!$C$20,0)+IF(Input!$D$21=3,L1810*Input!$C$21,0)+IF(Input!$D$22=3,M1810*Input!$C$22,0)</f>
        <v>0</v>
      </c>
      <c r="Q1810" s="75">
        <f>IF(Input!$D$19=4,J1810*Input!$C$19,0)+IF(Input!$D$20=4,K1810*Input!$C$20,0)+IF(Input!$D$21=4,L1810*Input!$C$21,0)+IF(Input!$D$22=4,M1810*Input!$C$22,0)</f>
        <v>0</v>
      </c>
      <c r="R1810" s="58">
        <v>45.692587824487575</v>
      </c>
      <c r="S1810" s="124">
        <f t="shared" si="28"/>
        <v>0.66053341130633014</v>
      </c>
    </row>
    <row r="1811" spans="8:19" x14ac:dyDescent="0.3">
      <c r="H1811" s="44">
        <v>1804</v>
      </c>
      <c r="I1811" s="56">
        <f>Bühler!I1837</f>
        <v>0.15243078722453771</v>
      </c>
      <c r="J1811" s="59">
        <f>Bühler!J1837</f>
        <v>0.50810262408179241</v>
      </c>
      <c r="K1811" s="59">
        <f>Bühler!K1837</f>
        <v>0.76215393612268867</v>
      </c>
      <c r="L1811" s="59">
        <f>Bühler!L1837</f>
        <v>8.2162019090606826</v>
      </c>
      <c r="M1811" s="58">
        <f>Bühler!M1837</f>
        <v>0</v>
      </c>
      <c r="N1811" s="56">
        <f>IF(Input!$D$19=1,J1811*Input!$C$19,0)+IF(Input!$D$20=1,K1811*Input!$C$20,0)+IF(Input!$D$21=1,L1811*Input!$C$21,0)+IF(Input!$D$22=1,M1811*Input!$C$22,0)</f>
        <v>0.15243078722453771</v>
      </c>
      <c r="O1811" s="59">
        <f>IF(Input!$D$19=2,J1811*Input!$C$19,0)+IF(Input!$D$20=2,K1811*Input!$C$20,0)+IF(Input!$D$21=2,L1811*Input!$C$21,0)+IF(Input!$D$22=2,M1811*Input!$C$22,0)</f>
        <v>0.38107696806134433</v>
      </c>
      <c r="P1811" s="59">
        <f>IF(Input!$D$19=3,J1811*Input!$C$19,0)+IF(Input!$D$20=3,K1811*Input!$C$20,0)+IF(Input!$D$21=3,L1811*Input!$C$21,0)+IF(Input!$D$22=3,M1811*Input!$C$22,0)</f>
        <v>0</v>
      </c>
      <c r="Q1811" s="75">
        <f>IF(Input!$D$19=4,J1811*Input!$C$19,0)+IF(Input!$D$20=4,K1811*Input!$C$20,0)+IF(Input!$D$21=4,L1811*Input!$C$21,0)+IF(Input!$D$22=4,M1811*Input!$C$22,0)</f>
        <v>0</v>
      </c>
      <c r="R1811" s="58">
        <v>44.44168338141661</v>
      </c>
      <c r="S1811" s="124">
        <f t="shared" si="28"/>
        <v>0.66053341130633014</v>
      </c>
    </row>
    <row r="1812" spans="8:19" x14ac:dyDescent="0.3">
      <c r="H1812" s="44">
        <v>1805</v>
      </c>
      <c r="I1812" s="56">
        <f>Bühler!I1838</f>
        <v>0.15243078722453771</v>
      </c>
      <c r="J1812" s="59">
        <f>Bühler!J1838</f>
        <v>0.50810262408179241</v>
      </c>
      <c r="K1812" s="59">
        <f>Bühler!K1838</f>
        <v>0.76215393612268867</v>
      </c>
      <c r="L1812" s="59">
        <f>Bühler!L1838</f>
        <v>8.2162019090606826</v>
      </c>
      <c r="M1812" s="58">
        <f>Bühler!M1838</f>
        <v>0</v>
      </c>
      <c r="N1812" s="56">
        <f>IF(Input!$D$19=1,J1812*Input!$C$19,0)+IF(Input!$D$20=1,K1812*Input!$C$20,0)+IF(Input!$D$21=1,L1812*Input!$C$21,0)+IF(Input!$D$22=1,M1812*Input!$C$22,0)</f>
        <v>0.15243078722453771</v>
      </c>
      <c r="O1812" s="59">
        <f>IF(Input!$D$19=2,J1812*Input!$C$19,0)+IF(Input!$D$20=2,K1812*Input!$C$20,0)+IF(Input!$D$21=2,L1812*Input!$C$21,0)+IF(Input!$D$22=2,M1812*Input!$C$22,0)</f>
        <v>0.38107696806134433</v>
      </c>
      <c r="P1812" s="59">
        <f>IF(Input!$D$19=3,J1812*Input!$C$19,0)+IF(Input!$D$20=3,K1812*Input!$C$20,0)+IF(Input!$D$21=3,L1812*Input!$C$21,0)+IF(Input!$D$22=3,M1812*Input!$C$22,0)</f>
        <v>0</v>
      </c>
      <c r="Q1812" s="75">
        <f>IF(Input!$D$19=4,J1812*Input!$C$19,0)+IF(Input!$D$20=4,K1812*Input!$C$20,0)+IF(Input!$D$21=4,L1812*Input!$C$21,0)+IF(Input!$D$22=4,M1812*Input!$C$22,0)</f>
        <v>0</v>
      </c>
      <c r="R1812" s="58">
        <v>43.489731250231536</v>
      </c>
      <c r="S1812" s="124">
        <f t="shared" si="28"/>
        <v>0.66053341130633014</v>
      </c>
    </row>
    <row r="1813" spans="8:19" x14ac:dyDescent="0.3">
      <c r="H1813" s="44">
        <v>1806</v>
      </c>
      <c r="I1813" s="56">
        <f>Bühler!I1839</f>
        <v>0.18960902801101032</v>
      </c>
      <c r="J1813" s="59">
        <f>Bühler!J1839</f>
        <v>0.63203009337003446</v>
      </c>
      <c r="K1813" s="59">
        <f>Bühler!K1839</f>
        <v>0.94804514005505169</v>
      </c>
      <c r="L1813" s="59">
        <f>Bühler!L1839</f>
        <v>10.220153594197434</v>
      </c>
      <c r="M1813" s="58">
        <f>Bühler!M1839</f>
        <v>0</v>
      </c>
      <c r="N1813" s="56">
        <f>IF(Input!$D$19=1,J1813*Input!$C$19,0)+IF(Input!$D$20=1,K1813*Input!$C$20,0)+IF(Input!$D$21=1,L1813*Input!$C$21,0)+IF(Input!$D$22=1,M1813*Input!$C$22,0)</f>
        <v>0.18960902801101034</v>
      </c>
      <c r="O1813" s="59">
        <f>IF(Input!$D$19=2,J1813*Input!$C$19,0)+IF(Input!$D$20=2,K1813*Input!$C$20,0)+IF(Input!$D$21=2,L1813*Input!$C$21,0)+IF(Input!$D$22=2,M1813*Input!$C$22,0)</f>
        <v>0.47402257002752585</v>
      </c>
      <c r="P1813" s="59">
        <f>IF(Input!$D$19=3,J1813*Input!$C$19,0)+IF(Input!$D$20=3,K1813*Input!$C$20,0)+IF(Input!$D$21=3,L1813*Input!$C$21,0)+IF(Input!$D$22=3,M1813*Input!$C$22,0)</f>
        <v>0</v>
      </c>
      <c r="Q1813" s="75">
        <f>IF(Input!$D$19=4,J1813*Input!$C$19,0)+IF(Input!$D$20=4,K1813*Input!$C$20,0)+IF(Input!$D$21=4,L1813*Input!$C$21,0)+IF(Input!$D$22=4,M1813*Input!$C$22,0)</f>
        <v>0</v>
      </c>
      <c r="R1813" s="58">
        <v>42.956465182036382</v>
      </c>
      <c r="S1813" s="124">
        <f t="shared" si="28"/>
        <v>0.82163912138104478</v>
      </c>
    </row>
    <row r="1814" spans="8:19" x14ac:dyDescent="0.3">
      <c r="H1814" s="44">
        <v>1807</v>
      </c>
      <c r="I1814" s="56">
        <f>Bühler!I1840</f>
        <v>0.23794074103342472</v>
      </c>
      <c r="J1814" s="59">
        <f>Bühler!J1840</f>
        <v>0.79313580344474921</v>
      </c>
      <c r="K1814" s="59">
        <f>Bühler!K1840</f>
        <v>1.1897037051671238</v>
      </c>
      <c r="L1814" s="59">
        <f>Bühler!L1840</f>
        <v>12.825290784875211</v>
      </c>
      <c r="M1814" s="58">
        <f>Bühler!M1840</f>
        <v>0</v>
      </c>
      <c r="N1814" s="56">
        <f>IF(Input!$D$19=1,J1814*Input!$C$19,0)+IF(Input!$D$20=1,K1814*Input!$C$20,0)+IF(Input!$D$21=1,L1814*Input!$C$21,0)+IF(Input!$D$22=1,M1814*Input!$C$22,0)</f>
        <v>0.23794074103342475</v>
      </c>
      <c r="O1814" s="59">
        <f>IF(Input!$D$19=2,J1814*Input!$C$19,0)+IF(Input!$D$20=2,K1814*Input!$C$20,0)+IF(Input!$D$21=2,L1814*Input!$C$21,0)+IF(Input!$D$22=2,M1814*Input!$C$22,0)</f>
        <v>0.59485185258356188</v>
      </c>
      <c r="P1814" s="59">
        <f>IF(Input!$D$19=3,J1814*Input!$C$19,0)+IF(Input!$D$20=3,K1814*Input!$C$20,0)+IF(Input!$D$21=3,L1814*Input!$C$21,0)+IF(Input!$D$22=3,M1814*Input!$C$22,0)</f>
        <v>0</v>
      </c>
      <c r="Q1814" s="75">
        <f>IF(Input!$D$19=4,J1814*Input!$C$19,0)+IF(Input!$D$20=4,K1814*Input!$C$20,0)+IF(Input!$D$21=4,L1814*Input!$C$21,0)+IF(Input!$D$22=4,M1814*Input!$C$22,0)</f>
        <v>0</v>
      </c>
      <c r="R1814" s="58">
        <v>43.940949429523776</v>
      </c>
      <c r="S1814" s="124">
        <f t="shared" si="28"/>
        <v>1.031076544478174</v>
      </c>
    </row>
    <row r="1815" spans="8:19" x14ac:dyDescent="0.3">
      <c r="H1815" s="44">
        <v>1808</v>
      </c>
      <c r="I1815" s="56">
        <f>Bühler!I1841</f>
        <v>0.27140115774125007</v>
      </c>
      <c r="J1815" s="59">
        <f>Bühler!J1841</f>
        <v>0.90467052580416696</v>
      </c>
      <c r="K1815" s="59">
        <f>Bühler!K1841</f>
        <v>1.3570057887062503</v>
      </c>
      <c r="L1815" s="59">
        <f>Bühler!L1841</f>
        <v>14.628847301498288</v>
      </c>
      <c r="M1815" s="58">
        <f>Bühler!M1841</f>
        <v>0</v>
      </c>
      <c r="N1815" s="56">
        <f>IF(Input!$D$19=1,J1815*Input!$C$19,0)+IF(Input!$D$20=1,K1815*Input!$C$20,0)+IF(Input!$D$21=1,L1815*Input!$C$21,0)+IF(Input!$D$22=1,M1815*Input!$C$22,0)</f>
        <v>0.27140115774125007</v>
      </c>
      <c r="O1815" s="59">
        <f>IF(Input!$D$19=2,J1815*Input!$C$19,0)+IF(Input!$D$20=2,K1815*Input!$C$20,0)+IF(Input!$D$21=2,L1815*Input!$C$21,0)+IF(Input!$D$22=2,M1815*Input!$C$22,0)</f>
        <v>0.67850289435312516</v>
      </c>
      <c r="P1815" s="59">
        <f>IF(Input!$D$19=3,J1815*Input!$C$19,0)+IF(Input!$D$20=3,K1815*Input!$C$20,0)+IF(Input!$D$21=3,L1815*Input!$C$21,0)+IF(Input!$D$22=3,M1815*Input!$C$22,0)</f>
        <v>0</v>
      </c>
      <c r="Q1815" s="75">
        <f>IF(Input!$D$19=4,J1815*Input!$C$19,0)+IF(Input!$D$20=4,K1815*Input!$C$20,0)+IF(Input!$D$21=4,L1815*Input!$C$21,0)+IF(Input!$D$22=4,M1815*Input!$C$22,0)</f>
        <v>0</v>
      </c>
      <c r="R1815" s="58">
        <v>44.239887501833458</v>
      </c>
      <c r="S1815" s="124">
        <f t="shared" si="28"/>
        <v>1.176071683545417</v>
      </c>
    </row>
    <row r="1816" spans="8:19" x14ac:dyDescent="0.3">
      <c r="H1816" s="44">
        <v>1809</v>
      </c>
      <c r="I1816" s="56">
        <f>Bühler!I1842</f>
        <v>0.27140115774125007</v>
      </c>
      <c r="J1816" s="59">
        <f>Bühler!J1842</f>
        <v>0.90467052580416696</v>
      </c>
      <c r="K1816" s="59">
        <f>Bühler!K1842</f>
        <v>1.3570057887062503</v>
      </c>
      <c r="L1816" s="59">
        <f>Bühler!L1842</f>
        <v>14.628847301498288</v>
      </c>
      <c r="M1816" s="58">
        <f>Bühler!M1842</f>
        <v>0</v>
      </c>
      <c r="N1816" s="56">
        <f>IF(Input!$D$19=1,J1816*Input!$C$19,0)+IF(Input!$D$20=1,K1816*Input!$C$20,0)+IF(Input!$D$21=1,L1816*Input!$C$21,0)+IF(Input!$D$22=1,M1816*Input!$C$22,0)</f>
        <v>0.27140115774125007</v>
      </c>
      <c r="O1816" s="59">
        <f>IF(Input!$D$19=2,J1816*Input!$C$19,0)+IF(Input!$D$20=2,K1816*Input!$C$20,0)+IF(Input!$D$21=2,L1816*Input!$C$21,0)+IF(Input!$D$22=2,M1816*Input!$C$22,0)</f>
        <v>0.67850289435312516</v>
      </c>
      <c r="P1816" s="59">
        <f>IF(Input!$D$19=3,J1816*Input!$C$19,0)+IF(Input!$D$20=3,K1816*Input!$C$20,0)+IF(Input!$D$21=3,L1816*Input!$C$21,0)+IF(Input!$D$22=3,M1816*Input!$C$22,0)</f>
        <v>0</v>
      </c>
      <c r="Q1816" s="75">
        <f>IF(Input!$D$19=4,J1816*Input!$C$19,0)+IF(Input!$D$20=4,K1816*Input!$C$20,0)+IF(Input!$D$21=4,L1816*Input!$C$21,0)+IF(Input!$D$22=4,M1816*Input!$C$22,0)</f>
        <v>0</v>
      </c>
      <c r="R1816" s="58">
        <v>44.507588160905875</v>
      </c>
      <c r="S1816" s="124">
        <f t="shared" si="28"/>
        <v>1.176071683545417</v>
      </c>
    </row>
    <row r="1817" spans="8:19" x14ac:dyDescent="0.3">
      <c r="H1817" s="44">
        <v>1810</v>
      </c>
      <c r="I1817" s="56">
        <f>Bühler!I1843</f>
        <v>0.27140115774125007</v>
      </c>
      <c r="J1817" s="59">
        <f>Bühler!J1843</f>
        <v>0.90467052580416696</v>
      </c>
      <c r="K1817" s="59">
        <f>Bühler!K1843</f>
        <v>1.3570057887062503</v>
      </c>
      <c r="L1817" s="59">
        <f>Bühler!L1843</f>
        <v>14.628847301498288</v>
      </c>
      <c r="M1817" s="58">
        <f>Bühler!M1843</f>
        <v>0</v>
      </c>
      <c r="N1817" s="56">
        <f>IF(Input!$D$19=1,J1817*Input!$C$19,0)+IF(Input!$D$20=1,K1817*Input!$C$20,0)+IF(Input!$D$21=1,L1817*Input!$C$21,0)+IF(Input!$D$22=1,M1817*Input!$C$22,0)</f>
        <v>0.27140115774125007</v>
      </c>
      <c r="O1817" s="59">
        <f>IF(Input!$D$19=2,J1817*Input!$C$19,0)+IF(Input!$D$20=2,K1817*Input!$C$20,0)+IF(Input!$D$21=2,L1817*Input!$C$21,0)+IF(Input!$D$22=2,M1817*Input!$C$22,0)</f>
        <v>0.67850289435312516</v>
      </c>
      <c r="P1817" s="59">
        <f>IF(Input!$D$19=3,J1817*Input!$C$19,0)+IF(Input!$D$20=3,K1817*Input!$C$20,0)+IF(Input!$D$21=3,L1817*Input!$C$21,0)+IF(Input!$D$22=3,M1817*Input!$C$22,0)</f>
        <v>0</v>
      </c>
      <c r="Q1817" s="75">
        <f>IF(Input!$D$19=4,J1817*Input!$C$19,0)+IF(Input!$D$20=4,K1817*Input!$C$20,0)+IF(Input!$D$21=4,L1817*Input!$C$21,0)+IF(Input!$D$22=4,M1817*Input!$C$22,0)</f>
        <v>0</v>
      </c>
      <c r="R1817" s="58">
        <v>44.254233482584198</v>
      </c>
      <c r="S1817" s="124">
        <f t="shared" si="28"/>
        <v>1.176071683545417</v>
      </c>
    </row>
    <row r="1818" spans="8:19" x14ac:dyDescent="0.3">
      <c r="H1818" s="44">
        <v>1811</v>
      </c>
      <c r="I1818" s="56">
        <f>Bühler!I1844</f>
        <v>0.27140115774125007</v>
      </c>
      <c r="J1818" s="59">
        <f>Bühler!J1844</f>
        <v>0.90467052580416696</v>
      </c>
      <c r="K1818" s="59">
        <f>Bühler!K1844</f>
        <v>1.3570057887062503</v>
      </c>
      <c r="L1818" s="59">
        <f>Bühler!L1844</f>
        <v>14.628847301498288</v>
      </c>
      <c r="M1818" s="58">
        <f>Bühler!M1844</f>
        <v>0</v>
      </c>
      <c r="N1818" s="56">
        <f>IF(Input!$D$19=1,J1818*Input!$C$19,0)+IF(Input!$D$20=1,K1818*Input!$C$20,0)+IF(Input!$D$21=1,L1818*Input!$C$21,0)+IF(Input!$D$22=1,M1818*Input!$C$22,0)</f>
        <v>0.27140115774125007</v>
      </c>
      <c r="O1818" s="59">
        <f>IF(Input!$D$19=2,J1818*Input!$C$19,0)+IF(Input!$D$20=2,K1818*Input!$C$20,0)+IF(Input!$D$21=2,L1818*Input!$C$21,0)+IF(Input!$D$22=2,M1818*Input!$C$22,0)</f>
        <v>0.67850289435312516</v>
      </c>
      <c r="P1818" s="59">
        <f>IF(Input!$D$19=3,J1818*Input!$C$19,0)+IF(Input!$D$20=3,K1818*Input!$C$20,0)+IF(Input!$D$21=3,L1818*Input!$C$21,0)+IF(Input!$D$22=3,M1818*Input!$C$22,0)</f>
        <v>0</v>
      </c>
      <c r="Q1818" s="75">
        <f>IF(Input!$D$19=4,J1818*Input!$C$19,0)+IF(Input!$D$20=4,K1818*Input!$C$20,0)+IF(Input!$D$21=4,L1818*Input!$C$21,0)+IF(Input!$D$22=4,M1818*Input!$C$22,0)</f>
        <v>0</v>
      </c>
      <c r="R1818" s="58">
        <v>44.065014110464169</v>
      </c>
      <c r="S1818" s="124">
        <f t="shared" si="28"/>
        <v>1.176071683545417</v>
      </c>
    </row>
    <row r="1819" spans="8:19" x14ac:dyDescent="0.3">
      <c r="H1819" s="44">
        <v>1812</v>
      </c>
      <c r="I1819" s="56">
        <f>Bühler!I1845</f>
        <v>0.27140115774125007</v>
      </c>
      <c r="J1819" s="59">
        <f>Bühler!J1845</f>
        <v>0.90467052580416696</v>
      </c>
      <c r="K1819" s="59">
        <f>Bühler!K1845</f>
        <v>1.3570057887062503</v>
      </c>
      <c r="L1819" s="59">
        <f>Bühler!L1845</f>
        <v>14.628847301498288</v>
      </c>
      <c r="M1819" s="58">
        <f>Bühler!M1845</f>
        <v>0</v>
      </c>
      <c r="N1819" s="56">
        <f>IF(Input!$D$19=1,J1819*Input!$C$19,0)+IF(Input!$D$20=1,K1819*Input!$C$20,0)+IF(Input!$D$21=1,L1819*Input!$C$21,0)+IF(Input!$D$22=1,M1819*Input!$C$22,0)</f>
        <v>0.27140115774125007</v>
      </c>
      <c r="O1819" s="59">
        <f>IF(Input!$D$19=2,J1819*Input!$C$19,0)+IF(Input!$D$20=2,K1819*Input!$C$20,0)+IF(Input!$D$21=2,L1819*Input!$C$21,0)+IF(Input!$D$22=2,M1819*Input!$C$22,0)</f>
        <v>0.67850289435312516</v>
      </c>
      <c r="P1819" s="59">
        <f>IF(Input!$D$19=3,J1819*Input!$C$19,0)+IF(Input!$D$20=3,K1819*Input!$C$20,0)+IF(Input!$D$21=3,L1819*Input!$C$21,0)+IF(Input!$D$22=3,M1819*Input!$C$22,0)</f>
        <v>0</v>
      </c>
      <c r="Q1819" s="75">
        <f>IF(Input!$D$19=4,J1819*Input!$C$19,0)+IF(Input!$D$20=4,K1819*Input!$C$20,0)+IF(Input!$D$21=4,L1819*Input!$C$21,0)+IF(Input!$D$22=4,M1819*Input!$C$22,0)</f>
        <v>0</v>
      </c>
      <c r="R1819" s="58">
        <v>44.13815384994453</v>
      </c>
      <c r="S1819" s="124">
        <f t="shared" si="28"/>
        <v>1.176071683545417</v>
      </c>
    </row>
    <row r="1820" spans="8:19" x14ac:dyDescent="0.3">
      <c r="H1820" s="44">
        <v>1813</v>
      </c>
      <c r="I1820" s="56">
        <f>Bühler!I1846</f>
        <v>0.27140115774125007</v>
      </c>
      <c r="J1820" s="59">
        <f>Bühler!J1846</f>
        <v>0.90467052580416696</v>
      </c>
      <c r="K1820" s="59">
        <f>Bühler!K1846</f>
        <v>1.3570057887062503</v>
      </c>
      <c r="L1820" s="59">
        <f>Bühler!L1846</f>
        <v>14.628847301498288</v>
      </c>
      <c r="M1820" s="58">
        <f>Bühler!M1846</f>
        <v>0</v>
      </c>
      <c r="N1820" s="56">
        <f>IF(Input!$D$19=1,J1820*Input!$C$19,0)+IF(Input!$D$20=1,K1820*Input!$C$20,0)+IF(Input!$D$21=1,L1820*Input!$C$21,0)+IF(Input!$D$22=1,M1820*Input!$C$22,0)</f>
        <v>0.27140115774125007</v>
      </c>
      <c r="O1820" s="59">
        <f>IF(Input!$D$19=2,J1820*Input!$C$19,0)+IF(Input!$D$20=2,K1820*Input!$C$20,0)+IF(Input!$D$21=2,L1820*Input!$C$21,0)+IF(Input!$D$22=2,M1820*Input!$C$22,0)</f>
        <v>0.67850289435312516</v>
      </c>
      <c r="P1820" s="59">
        <f>IF(Input!$D$19=3,J1820*Input!$C$19,0)+IF(Input!$D$20=3,K1820*Input!$C$20,0)+IF(Input!$D$21=3,L1820*Input!$C$21,0)+IF(Input!$D$22=3,M1820*Input!$C$22,0)</f>
        <v>0</v>
      </c>
      <c r="Q1820" s="75">
        <f>IF(Input!$D$19=4,J1820*Input!$C$19,0)+IF(Input!$D$20=4,K1820*Input!$C$20,0)+IF(Input!$D$21=4,L1820*Input!$C$21,0)+IF(Input!$D$22=4,M1820*Input!$C$22,0)</f>
        <v>0</v>
      </c>
      <c r="R1820" s="58">
        <v>42.958521212084811</v>
      </c>
      <c r="S1820" s="124">
        <f t="shared" si="28"/>
        <v>1.176071683545417</v>
      </c>
    </row>
    <row r="1821" spans="8:19" x14ac:dyDescent="0.3">
      <c r="H1821" s="44">
        <v>1814</v>
      </c>
      <c r="I1821" s="56">
        <f>Bühler!I1847</f>
        <v>0.27140115774125007</v>
      </c>
      <c r="J1821" s="59">
        <f>Bühler!J1847</f>
        <v>0.90467052580416696</v>
      </c>
      <c r="K1821" s="59">
        <f>Bühler!K1847</f>
        <v>1.3570057887062503</v>
      </c>
      <c r="L1821" s="59">
        <f>Bühler!L1847</f>
        <v>14.628847301498288</v>
      </c>
      <c r="M1821" s="58">
        <f>Bühler!M1847</f>
        <v>0</v>
      </c>
      <c r="N1821" s="56">
        <f>IF(Input!$D$19=1,J1821*Input!$C$19,0)+IF(Input!$D$20=1,K1821*Input!$C$20,0)+IF(Input!$D$21=1,L1821*Input!$C$21,0)+IF(Input!$D$22=1,M1821*Input!$C$22,0)</f>
        <v>0.27140115774125007</v>
      </c>
      <c r="O1821" s="59">
        <f>IF(Input!$D$19=2,J1821*Input!$C$19,0)+IF(Input!$D$20=2,K1821*Input!$C$20,0)+IF(Input!$D$21=2,L1821*Input!$C$21,0)+IF(Input!$D$22=2,M1821*Input!$C$22,0)</f>
        <v>0.67850289435312516</v>
      </c>
      <c r="P1821" s="59">
        <f>IF(Input!$D$19=3,J1821*Input!$C$19,0)+IF(Input!$D$20=3,K1821*Input!$C$20,0)+IF(Input!$D$21=3,L1821*Input!$C$21,0)+IF(Input!$D$22=3,M1821*Input!$C$22,0)</f>
        <v>0</v>
      </c>
      <c r="Q1821" s="75">
        <f>IF(Input!$D$19=4,J1821*Input!$C$19,0)+IF(Input!$D$20=4,K1821*Input!$C$20,0)+IF(Input!$D$21=4,L1821*Input!$C$21,0)+IF(Input!$D$22=4,M1821*Input!$C$22,0)</f>
        <v>0</v>
      </c>
      <c r="R1821" s="58">
        <v>41.96989424822285</v>
      </c>
      <c r="S1821" s="124">
        <f t="shared" si="28"/>
        <v>1.176071683545417</v>
      </c>
    </row>
    <row r="1822" spans="8:19" x14ac:dyDescent="0.3">
      <c r="H1822" s="44">
        <v>1815</v>
      </c>
      <c r="I1822" s="56">
        <f>Bühler!I1848</f>
        <v>0.27140115774125007</v>
      </c>
      <c r="J1822" s="59">
        <f>Bühler!J1848</f>
        <v>0.90467052580416696</v>
      </c>
      <c r="K1822" s="59">
        <f>Bühler!K1848</f>
        <v>1.3570057887062503</v>
      </c>
      <c r="L1822" s="59">
        <f>Bühler!L1848</f>
        <v>14.628847301498288</v>
      </c>
      <c r="M1822" s="58">
        <f>Bühler!M1848</f>
        <v>0</v>
      </c>
      <c r="N1822" s="56">
        <f>IF(Input!$D$19=1,J1822*Input!$C$19,0)+IF(Input!$D$20=1,K1822*Input!$C$20,0)+IF(Input!$D$21=1,L1822*Input!$C$21,0)+IF(Input!$D$22=1,M1822*Input!$C$22,0)</f>
        <v>0.27140115774125007</v>
      </c>
      <c r="O1822" s="59">
        <f>IF(Input!$D$19=2,J1822*Input!$C$19,0)+IF(Input!$D$20=2,K1822*Input!$C$20,0)+IF(Input!$D$21=2,L1822*Input!$C$21,0)+IF(Input!$D$22=2,M1822*Input!$C$22,0)</f>
        <v>0.67850289435312516</v>
      </c>
      <c r="P1822" s="59">
        <f>IF(Input!$D$19=3,J1822*Input!$C$19,0)+IF(Input!$D$20=3,K1822*Input!$C$20,0)+IF(Input!$D$21=3,L1822*Input!$C$21,0)+IF(Input!$D$22=3,M1822*Input!$C$22,0)</f>
        <v>0</v>
      </c>
      <c r="Q1822" s="75">
        <f>IF(Input!$D$19=4,J1822*Input!$C$19,0)+IF(Input!$D$20=4,K1822*Input!$C$20,0)+IF(Input!$D$21=4,L1822*Input!$C$21,0)+IF(Input!$D$22=4,M1822*Input!$C$22,0)</f>
        <v>0</v>
      </c>
      <c r="R1822" s="58">
        <v>42.471731257314218</v>
      </c>
      <c r="S1822" s="124">
        <f t="shared" si="28"/>
        <v>1.176071683545417</v>
      </c>
    </row>
    <row r="1823" spans="8:19" x14ac:dyDescent="0.3">
      <c r="H1823" s="44">
        <v>1816</v>
      </c>
      <c r="I1823" s="56">
        <f>Bühler!I1849</f>
        <v>0.24537638919071922</v>
      </c>
      <c r="J1823" s="59">
        <f>Bühler!J1849</f>
        <v>0.81792129730239749</v>
      </c>
      <c r="K1823" s="59">
        <f>Bühler!K1849</f>
        <v>1.2268819459535962</v>
      </c>
      <c r="L1823" s="59">
        <f>Bühler!L1849</f>
        <v>13.22608112190256</v>
      </c>
      <c r="M1823" s="58">
        <f>Bühler!M1849</f>
        <v>0</v>
      </c>
      <c r="N1823" s="56">
        <f>IF(Input!$D$19=1,J1823*Input!$C$19,0)+IF(Input!$D$20=1,K1823*Input!$C$20,0)+IF(Input!$D$21=1,L1823*Input!$C$21,0)+IF(Input!$D$22=1,M1823*Input!$C$22,0)</f>
        <v>0.24537638919071925</v>
      </c>
      <c r="O1823" s="59">
        <f>IF(Input!$D$19=2,J1823*Input!$C$19,0)+IF(Input!$D$20=2,K1823*Input!$C$20,0)+IF(Input!$D$21=2,L1823*Input!$C$21,0)+IF(Input!$D$22=2,M1823*Input!$C$22,0)</f>
        <v>0.61344097297679812</v>
      </c>
      <c r="P1823" s="59">
        <f>IF(Input!$D$19=3,J1823*Input!$C$19,0)+IF(Input!$D$20=3,K1823*Input!$C$20,0)+IF(Input!$D$21=3,L1823*Input!$C$21,0)+IF(Input!$D$22=3,M1823*Input!$C$22,0)</f>
        <v>0</v>
      </c>
      <c r="Q1823" s="75">
        <f>IF(Input!$D$19=4,J1823*Input!$C$19,0)+IF(Input!$D$20=4,K1823*Input!$C$20,0)+IF(Input!$D$21=4,L1823*Input!$C$21,0)+IF(Input!$D$22=4,M1823*Input!$C$22,0)</f>
        <v>0</v>
      </c>
      <c r="R1823" s="58">
        <v>42.148033111772079</v>
      </c>
      <c r="S1823" s="124">
        <f t="shared" si="28"/>
        <v>1.0632976864931167</v>
      </c>
    </row>
    <row r="1824" spans="8:19" x14ac:dyDescent="0.3">
      <c r="H1824" s="44">
        <v>1817</v>
      </c>
      <c r="I1824" s="56">
        <f>Bühler!I1850</f>
        <v>0.22306944471883566</v>
      </c>
      <c r="J1824" s="59">
        <f>Bühler!J1850</f>
        <v>0.74356481572945232</v>
      </c>
      <c r="K1824" s="59">
        <f>Bühler!K1850</f>
        <v>1.1153472235941786</v>
      </c>
      <c r="L1824" s="59">
        <f>Bühler!L1850</f>
        <v>12.02371011082051</v>
      </c>
      <c r="M1824" s="58">
        <f>Bühler!M1850</f>
        <v>0</v>
      </c>
      <c r="N1824" s="56">
        <f>IF(Input!$D$19=1,J1824*Input!$C$19,0)+IF(Input!$D$20=1,K1824*Input!$C$20,0)+IF(Input!$D$21=1,L1824*Input!$C$21,0)+IF(Input!$D$22=1,M1824*Input!$C$22,0)</f>
        <v>0.22306944471883569</v>
      </c>
      <c r="O1824" s="59">
        <f>IF(Input!$D$19=2,J1824*Input!$C$19,0)+IF(Input!$D$20=2,K1824*Input!$C$20,0)+IF(Input!$D$21=2,L1824*Input!$C$21,0)+IF(Input!$D$22=2,M1824*Input!$C$22,0)</f>
        <v>0.5576736117970893</v>
      </c>
      <c r="P1824" s="59">
        <f>IF(Input!$D$19=3,J1824*Input!$C$19,0)+IF(Input!$D$20=3,K1824*Input!$C$20,0)+IF(Input!$D$21=3,L1824*Input!$C$21,0)+IF(Input!$D$22=3,M1824*Input!$C$22,0)</f>
        <v>0</v>
      </c>
      <c r="Q1824" s="75">
        <f>IF(Input!$D$19=4,J1824*Input!$C$19,0)+IF(Input!$D$20=4,K1824*Input!$C$20,0)+IF(Input!$D$21=4,L1824*Input!$C$21,0)+IF(Input!$D$22=4,M1824*Input!$C$22,0)</f>
        <v>0</v>
      </c>
      <c r="R1824" s="58">
        <v>41.765176607662795</v>
      </c>
      <c r="S1824" s="124">
        <f t="shared" si="28"/>
        <v>0.96663426044828804</v>
      </c>
    </row>
    <row r="1825" spans="8:19" x14ac:dyDescent="0.3">
      <c r="H1825" s="44">
        <v>1818</v>
      </c>
      <c r="I1825" s="56">
        <f>Bühler!I1851</f>
        <v>0.20076250024695205</v>
      </c>
      <c r="J1825" s="59">
        <f>Bühler!J1851</f>
        <v>0.66920833415650693</v>
      </c>
      <c r="K1825" s="59">
        <f>Bühler!K1851</f>
        <v>1.0038125012347605</v>
      </c>
      <c r="L1825" s="59">
        <f>Bühler!L1851</f>
        <v>10.821339099738459</v>
      </c>
      <c r="M1825" s="58">
        <f>Bühler!M1851</f>
        <v>0</v>
      </c>
      <c r="N1825" s="56">
        <f>IF(Input!$D$19=1,J1825*Input!$C$19,0)+IF(Input!$D$20=1,K1825*Input!$C$20,0)+IF(Input!$D$21=1,L1825*Input!$C$21,0)+IF(Input!$D$22=1,M1825*Input!$C$22,0)</f>
        <v>0.20076250024695208</v>
      </c>
      <c r="O1825" s="59">
        <f>IF(Input!$D$19=2,J1825*Input!$C$19,0)+IF(Input!$D$20=2,K1825*Input!$C$20,0)+IF(Input!$D$21=2,L1825*Input!$C$21,0)+IF(Input!$D$22=2,M1825*Input!$C$22,0)</f>
        <v>0.50190625061738026</v>
      </c>
      <c r="P1825" s="59">
        <f>IF(Input!$D$19=3,J1825*Input!$C$19,0)+IF(Input!$D$20=3,K1825*Input!$C$20,0)+IF(Input!$D$21=3,L1825*Input!$C$21,0)+IF(Input!$D$22=3,M1825*Input!$C$22,0)</f>
        <v>0</v>
      </c>
      <c r="Q1825" s="75">
        <f>IF(Input!$D$19=4,J1825*Input!$C$19,0)+IF(Input!$D$20=4,K1825*Input!$C$20,0)+IF(Input!$D$21=4,L1825*Input!$C$21,0)+IF(Input!$D$22=4,M1825*Input!$C$22,0)</f>
        <v>0</v>
      </c>
      <c r="R1825" s="58">
        <v>41.00736607389392</v>
      </c>
      <c r="S1825" s="124">
        <f t="shared" si="28"/>
        <v>0.86997083440345901</v>
      </c>
    </row>
    <row r="1826" spans="8:19" x14ac:dyDescent="0.3">
      <c r="H1826" s="44">
        <v>1819</v>
      </c>
      <c r="I1826" s="56">
        <f>Bühler!I1852</f>
        <v>0.19332685208965758</v>
      </c>
      <c r="J1826" s="59">
        <f>Bühler!J1852</f>
        <v>0.64442284029885866</v>
      </c>
      <c r="K1826" s="59">
        <f>Bühler!K1852</f>
        <v>0.96663426044828793</v>
      </c>
      <c r="L1826" s="59">
        <f>Bühler!L1852</f>
        <v>10.420548762711107</v>
      </c>
      <c r="M1826" s="58">
        <f>Bühler!M1852</f>
        <v>0</v>
      </c>
      <c r="N1826" s="56">
        <f>IF(Input!$D$19=1,J1826*Input!$C$19,0)+IF(Input!$D$20=1,K1826*Input!$C$20,0)+IF(Input!$D$21=1,L1826*Input!$C$21,0)+IF(Input!$D$22=1,M1826*Input!$C$22,0)</f>
        <v>0.19332685208965758</v>
      </c>
      <c r="O1826" s="59">
        <f>IF(Input!$D$19=2,J1826*Input!$C$19,0)+IF(Input!$D$20=2,K1826*Input!$C$20,0)+IF(Input!$D$21=2,L1826*Input!$C$21,0)+IF(Input!$D$22=2,M1826*Input!$C$22,0)</f>
        <v>0.48331713022414396</v>
      </c>
      <c r="P1826" s="59">
        <f>IF(Input!$D$19=3,J1826*Input!$C$19,0)+IF(Input!$D$20=3,K1826*Input!$C$20,0)+IF(Input!$D$21=3,L1826*Input!$C$21,0)+IF(Input!$D$22=3,M1826*Input!$C$22,0)</f>
        <v>0</v>
      </c>
      <c r="Q1826" s="75">
        <f>IF(Input!$D$19=4,J1826*Input!$C$19,0)+IF(Input!$D$20=4,K1826*Input!$C$20,0)+IF(Input!$D$21=4,L1826*Input!$C$21,0)+IF(Input!$D$22=4,M1826*Input!$C$22,0)</f>
        <v>0</v>
      </c>
      <c r="R1826" s="58">
        <v>40.886759374004605</v>
      </c>
      <c r="S1826" s="124">
        <f t="shared" si="28"/>
        <v>0.83774969238851626</v>
      </c>
    </row>
    <row r="1827" spans="8:19" x14ac:dyDescent="0.3">
      <c r="H1827" s="44">
        <v>1820</v>
      </c>
      <c r="I1827" s="56">
        <f>Bühler!I1853</f>
        <v>0.15614861130318494</v>
      </c>
      <c r="J1827" s="59">
        <f>Bühler!J1853</f>
        <v>0.5204953710106166</v>
      </c>
      <c r="K1827" s="59">
        <f>Bühler!K1853</f>
        <v>0.78074305651592479</v>
      </c>
      <c r="L1827" s="59">
        <f>Bühler!L1853</f>
        <v>8.4165970775743553</v>
      </c>
      <c r="M1827" s="58">
        <f>Bühler!M1853</f>
        <v>0</v>
      </c>
      <c r="N1827" s="56">
        <f>IF(Input!$D$19=1,J1827*Input!$C$19,0)+IF(Input!$D$20=1,K1827*Input!$C$20,0)+IF(Input!$D$21=1,L1827*Input!$C$21,0)+IF(Input!$D$22=1,M1827*Input!$C$22,0)</f>
        <v>0.15614861130318497</v>
      </c>
      <c r="O1827" s="59">
        <f>IF(Input!$D$19=2,J1827*Input!$C$19,0)+IF(Input!$D$20=2,K1827*Input!$C$20,0)+IF(Input!$D$21=2,L1827*Input!$C$21,0)+IF(Input!$D$22=2,M1827*Input!$C$22,0)</f>
        <v>0.3903715282579624</v>
      </c>
      <c r="P1827" s="59">
        <f>IF(Input!$D$19=3,J1827*Input!$C$19,0)+IF(Input!$D$20=3,K1827*Input!$C$20,0)+IF(Input!$D$21=3,L1827*Input!$C$21,0)+IF(Input!$D$22=3,M1827*Input!$C$22,0)</f>
        <v>0</v>
      </c>
      <c r="Q1827" s="75">
        <f>IF(Input!$D$19=4,J1827*Input!$C$19,0)+IF(Input!$D$20=4,K1827*Input!$C$20,0)+IF(Input!$D$21=4,L1827*Input!$C$21,0)+IF(Input!$D$22=4,M1827*Input!$C$22,0)</f>
        <v>0</v>
      </c>
      <c r="R1827" s="58">
        <v>41.060746420403298</v>
      </c>
      <c r="S1827" s="124">
        <f t="shared" si="28"/>
        <v>0.67664398231380152</v>
      </c>
    </row>
    <row r="1828" spans="8:19" x14ac:dyDescent="0.3">
      <c r="H1828" s="44">
        <v>1821</v>
      </c>
      <c r="I1828" s="56">
        <f>Bühler!I1854</f>
        <v>0.11525254643806508</v>
      </c>
      <c r="J1828" s="59">
        <f>Bühler!J1854</f>
        <v>0.3841751547935503</v>
      </c>
      <c r="K1828" s="59">
        <f>Bühler!K1854</f>
        <v>0.57626273219032542</v>
      </c>
      <c r="L1828" s="59">
        <f>Bühler!L1854</f>
        <v>6.2122502239239301</v>
      </c>
      <c r="M1828" s="58">
        <f>Bühler!M1854</f>
        <v>0</v>
      </c>
      <c r="N1828" s="56">
        <f>IF(Input!$D$19=1,J1828*Input!$C$19,0)+IF(Input!$D$20=1,K1828*Input!$C$20,0)+IF(Input!$D$21=1,L1828*Input!$C$21,0)+IF(Input!$D$22=1,M1828*Input!$C$22,0)</f>
        <v>0.11525254643806508</v>
      </c>
      <c r="O1828" s="59">
        <f>IF(Input!$D$19=2,J1828*Input!$C$19,0)+IF(Input!$D$20=2,K1828*Input!$C$20,0)+IF(Input!$D$21=2,L1828*Input!$C$21,0)+IF(Input!$D$22=2,M1828*Input!$C$22,0)</f>
        <v>0.28813136609516271</v>
      </c>
      <c r="P1828" s="59">
        <f>IF(Input!$D$19=3,J1828*Input!$C$19,0)+IF(Input!$D$20=3,K1828*Input!$C$20,0)+IF(Input!$D$21=3,L1828*Input!$C$21,0)+IF(Input!$D$22=3,M1828*Input!$C$22,0)</f>
        <v>0</v>
      </c>
      <c r="Q1828" s="75">
        <f>IF(Input!$D$19=4,J1828*Input!$C$19,0)+IF(Input!$D$20=4,K1828*Input!$C$20,0)+IF(Input!$D$21=4,L1828*Input!$C$21,0)+IF(Input!$D$22=4,M1828*Input!$C$22,0)</f>
        <v>0</v>
      </c>
      <c r="R1828" s="58">
        <v>40.555862396982903</v>
      </c>
      <c r="S1828" s="124">
        <f t="shared" si="28"/>
        <v>0.4994277012316154</v>
      </c>
    </row>
    <row r="1829" spans="8:19" x14ac:dyDescent="0.3">
      <c r="H1829" s="44">
        <v>1822</v>
      </c>
      <c r="I1829" s="56">
        <f>Bühler!I1855</f>
        <v>0.11525254643806508</v>
      </c>
      <c r="J1829" s="59">
        <f>Bühler!J1855</f>
        <v>0.3841751547935503</v>
      </c>
      <c r="K1829" s="59">
        <f>Bühler!K1855</f>
        <v>0.57626273219032542</v>
      </c>
      <c r="L1829" s="59">
        <f>Bühler!L1855</f>
        <v>6.2122502239239301</v>
      </c>
      <c r="M1829" s="58">
        <f>Bühler!M1855</f>
        <v>0</v>
      </c>
      <c r="N1829" s="56">
        <f>IF(Input!$D$19=1,J1829*Input!$C$19,0)+IF(Input!$D$20=1,K1829*Input!$C$20,0)+IF(Input!$D$21=1,L1829*Input!$C$21,0)+IF(Input!$D$22=1,M1829*Input!$C$22,0)</f>
        <v>0.11525254643806508</v>
      </c>
      <c r="O1829" s="59">
        <f>IF(Input!$D$19=2,J1829*Input!$C$19,0)+IF(Input!$D$20=2,K1829*Input!$C$20,0)+IF(Input!$D$21=2,L1829*Input!$C$21,0)+IF(Input!$D$22=2,M1829*Input!$C$22,0)</f>
        <v>0.28813136609516271</v>
      </c>
      <c r="P1829" s="59">
        <f>IF(Input!$D$19=3,J1829*Input!$C$19,0)+IF(Input!$D$20=3,K1829*Input!$C$20,0)+IF(Input!$D$21=3,L1829*Input!$C$21,0)+IF(Input!$D$22=3,M1829*Input!$C$22,0)</f>
        <v>0</v>
      </c>
      <c r="Q1829" s="75">
        <f>IF(Input!$D$19=4,J1829*Input!$C$19,0)+IF(Input!$D$20=4,K1829*Input!$C$20,0)+IF(Input!$D$21=4,L1829*Input!$C$21,0)+IF(Input!$D$22=4,M1829*Input!$C$22,0)</f>
        <v>0</v>
      </c>
      <c r="R1829" s="58">
        <v>40.266264250997367</v>
      </c>
      <c r="S1829" s="124">
        <f t="shared" si="28"/>
        <v>0.4994277012316154</v>
      </c>
    </row>
    <row r="1830" spans="8:19" x14ac:dyDescent="0.3">
      <c r="H1830" s="44">
        <v>1823</v>
      </c>
      <c r="I1830" s="56">
        <f>Bühler!I1856</f>
        <v>0.11525254643806508</v>
      </c>
      <c r="J1830" s="59">
        <f>Bühler!J1856</f>
        <v>0.3841751547935503</v>
      </c>
      <c r="K1830" s="59">
        <f>Bühler!K1856</f>
        <v>0.57626273219032542</v>
      </c>
      <c r="L1830" s="59">
        <f>Bühler!L1856</f>
        <v>6.2122502239239301</v>
      </c>
      <c r="M1830" s="58">
        <f>Bühler!M1856</f>
        <v>0</v>
      </c>
      <c r="N1830" s="56">
        <f>IF(Input!$D$19=1,J1830*Input!$C$19,0)+IF(Input!$D$20=1,K1830*Input!$C$20,0)+IF(Input!$D$21=1,L1830*Input!$C$21,0)+IF(Input!$D$22=1,M1830*Input!$C$22,0)</f>
        <v>0.11525254643806508</v>
      </c>
      <c r="O1830" s="59">
        <f>IF(Input!$D$19=2,J1830*Input!$C$19,0)+IF(Input!$D$20=2,K1830*Input!$C$20,0)+IF(Input!$D$21=2,L1830*Input!$C$21,0)+IF(Input!$D$22=2,M1830*Input!$C$22,0)</f>
        <v>0.28813136609516271</v>
      </c>
      <c r="P1830" s="59">
        <f>IF(Input!$D$19=3,J1830*Input!$C$19,0)+IF(Input!$D$20=3,K1830*Input!$C$20,0)+IF(Input!$D$21=3,L1830*Input!$C$21,0)+IF(Input!$D$22=3,M1830*Input!$C$22,0)</f>
        <v>0</v>
      </c>
      <c r="Q1830" s="75">
        <f>IF(Input!$D$19=4,J1830*Input!$C$19,0)+IF(Input!$D$20=4,K1830*Input!$C$20,0)+IF(Input!$D$21=4,L1830*Input!$C$21,0)+IF(Input!$D$22=4,M1830*Input!$C$22,0)</f>
        <v>0</v>
      </c>
      <c r="R1830" s="58">
        <v>40.751301325705498</v>
      </c>
      <c r="S1830" s="124">
        <f t="shared" si="28"/>
        <v>0.4994277012316154</v>
      </c>
    </row>
    <row r="1831" spans="8:19" x14ac:dyDescent="0.3">
      <c r="H1831" s="44">
        <v>1824</v>
      </c>
      <c r="I1831" s="56">
        <f>Bühler!I1857</f>
        <v>0.11525254643806508</v>
      </c>
      <c r="J1831" s="59">
        <f>Bühler!J1857</f>
        <v>0.3841751547935503</v>
      </c>
      <c r="K1831" s="59">
        <f>Bühler!K1857</f>
        <v>0.57626273219032542</v>
      </c>
      <c r="L1831" s="59">
        <f>Bühler!L1857</f>
        <v>6.2122502239239301</v>
      </c>
      <c r="M1831" s="58">
        <f>Bühler!M1857</f>
        <v>0</v>
      </c>
      <c r="N1831" s="56">
        <f>IF(Input!$D$19=1,J1831*Input!$C$19,0)+IF(Input!$D$20=1,K1831*Input!$C$20,0)+IF(Input!$D$21=1,L1831*Input!$C$21,0)+IF(Input!$D$22=1,M1831*Input!$C$22,0)</f>
        <v>0.11525254643806508</v>
      </c>
      <c r="O1831" s="59">
        <f>IF(Input!$D$19=2,J1831*Input!$C$19,0)+IF(Input!$D$20=2,K1831*Input!$C$20,0)+IF(Input!$D$21=2,L1831*Input!$C$21,0)+IF(Input!$D$22=2,M1831*Input!$C$22,0)</f>
        <v>0.28813136609516271</v>
      </c>
      <c r="P1831" s="59">
        <f>IF(Input!$D$19=3,J1831*Input!$C$19,0)+IF(Input!$D$20=3,K1831*Input!$C$20,0)+IF(Input!$D$21=3,L1831*Input!$C$21,0)+IF(Input!$D$22=3,M1831*Input!$C$22,0)</f>
        <v>0</v>
      </c>
      <c r="Q1831" s="75">
        <f>IF(Input!$D$19=4,J1831*Input!$C$19,0)+IF(Input!$D$20=4,K1831*Input!$C$20,0)+IF(Input!$D$21=4,L1831*Input!$C$21,0)+IF(Input!$D$22=4,M1831*Input!$C$22,0)</f>
        <v>0</v>
      </c>
      <c r="R1831" s="58">
        <v>40.323765130739879</v>
      </c>
      <c r="S1831" s="124">
        <f t="shared" si="28"/>
        <v>0.4994277012316154</v>
      </c>
    </row>
    <row r="1832" spans="8:19" x14ac:dyDescent="0.3">
      <c r="H1832" s="44">
        <v>1825</v>
      </c>
      <c r="I1832" s="56">
        <f>Bühler!I1858</f>
        <v>0.13730757711017866</v>
      </c>
      <c r="J1832" s="59">
        <f>Bühler!J1858</f>
        <v>0.45769192370059564</v>
      </c>
      <c r="K1832" s="59">
        <f>Bühler!K1858</f>
        <v>0.68653788555089346</v>
      </c>
      <c r="L1832" s="59">
        <f>Bühler!L1858</f>
        <v>7.2029363617246389</v>
      </c>
      <c r="M1832" s="58">
        <f>Bühler!M1858</f>
        <v>0</v>
      </c>
      <c r="N1832" s="56">
        <f>IF(Input!$D$19=1,J1832*Input!$C$19,0)+IF(Input!$D$20=1,K1832*Input!$C$20,0)+IF(Input!$D$21=1,L1832*Input!$C$21,0)+IF(Input!$D$22=1,M1832*Input!$C$22,0)</f>
        <v>0.13730757711017869</v>
      </c>
      <c r="O1832" s="59">
        <f>IF(Input!$D$19=2,J1832*Input!$C$19,0)+IF(Input!$D$20=2,K1832*Input!$C$20,0)+IF(Input!$D$21=2,L1832*Input!$C$21,0)+IF(Input!$D$22=2,M1832*Input!$C$22,0)</f>
        <v>0.34326894277544673</v>
      </c>
      <c r="P1832" s="59">
        <f>IF(Input!$D$19=3,J1832*Input!$C$19,0)+IF(Input!$D$20=3,K1832*Input!$C$20,0)+IF(Input!$D$21=3,L1832*Input!$C$21,0)+IF(Input!$D$22=3,M1832*Input!$C$22,0)</f>
        <v>0</v>
      </c>
      <c r="Q1832" s="75">
        <f>IF(Input!$D$19=4,J1832*Input!$C$19,0)+IF(Input!$D$20=4,K1832*Input!$C$20,0)+IF(Input!$D$21=4,L1832*Input!$C$21,0)+IF(Input!$D$22=4,M1832*Input!$C$22,0)</f>
        <v>0</v>
      </c>
      <c r="R1832" s="58">
        <v>40.193398986213161</v>
      </c>
      <c r="S1832" s="124">
        <f t="shared" si="28"/>
        <v>0.59499950081077424</v>
      </c>
    </row>
    <row r="1833" spans="8:19" x14ac:dyDescent="0.3">
      <c r="H1833" s="44">
        <v>1826</v>
      </c>
      <c r="I1833" s="56">
        <f>Bühler!I1859</f>
        <v>0.15945396051504618</v>
      </c>
      <c r="J1833" s="59">
        <f>Bühler!J1859</f>
        <v>0.5315132017168207</v>
      </c>
      <c r="K1833" s="59">
        <f>Bühler!K1859</f>
        <v>0.79726980257523106</v>
      </c>
      <c r="L1833" s="59">
        <f>Bühler!L1859</f>
        <v>8.3647002910350654</v>
      </c>
      <c r="M1833" s="58">
        <f>Bühler!M1859</f>
        <v>0</v>
      </c>
      <c r="N1833" s="56">
        <f>IF(Input!$D$19=1,J1833*Input!$C$19,0)+IF(Input!$D$20=1,K1833*Input!$C$20,0)+IF(Input!$D$21=1,L1833*Input!$C$21,0)+IF(Input!$D$22=1,M1833*Input!$C$22,0)</f>
        <v>0.15945396051504621</v>
      </c>
      <c r="O1833" s="59">
        <f>IF(Input!$D$19=2,J1833*Input!$C$19,0)+IF(Input!$D$20=2,K1833*Input!$C$20,0)+IF(Input!$D$21=2,L1833*Input!$C$21,0)+IF(Input!$D$22=2,M1833*Input!$C$22,0)</f>
        <v>0.39863490128761553</v>
      </c>
      <c r="P1833" s="59">
        <f>IF(Input!$D$19=3,J1833*Input!$C$19,0)+IF(Input!$D$20=3,K1833*Input!$C$20,0)+IF(Input!$D$21=3,L1833*Input!$C$21,0)+IF(Input!$D$22=3,M1833*Input!$C$22,0)</f>
        <v>0</v>
      </c>
      <c r="Q1833" s="75">
        <f>IF(Input!$D$19=4,J1833*Input!$C$19,0)+IF(Input!$D$20=4,K1833*Input!$C$20,0)+IF(Input!$D$21=4,L1833*Input!$C$21,0)+IF(Input!$D$22=4,M1833*Input!$C$22,0)</f>
        <v>0</v>
      </c>
      <c r="R1833" s="58">
        <v>39.903341604088169</v>
      </c>
      <c r="S1833" s="124">
        <f t="shared" si="28"/>
        <v>0.69096716223186694</v>
      </c>
    </row>
    <row r="1834" spans="8:19" x14ac:dyDescent="0.3">
      <c r="H1834" s="44">
        <v>1827</v>
      </c>
      <c r="I1834" s="56">
        <f>Bühler!I1860</f>
        <v>0.15945396051504618</v>
      </c>
      <c r="J1834" s="59">
        <f>Bühler!J1860</f>
        <v>0.5315132017168207</v>
      </c>
      <c r="K1834" s="59">
        <f>Bühler!K1860</f>
        <v>0.79726980257523106</v>
      </c>
      <c r="L1834" s="59">
        <f>Bühler!L1860</f>
        <v>8.3647002910350654</v>
      </c>
      <c r="M1834" s="58">
        <f>Bühler!M1860</f>
        <v>0</v>
      </c>
      <c r="N1834" s="56">
        <f>IF(Input!$D$19=1,J1834*Input!$C$19,0)+IF(Input!$D$20=1,K1834*Input!$C$20,0)+IF(Input!$D$21=1,L1834*Input!$C$21,0)+IF(Input!$D$22=1,M1834*Input!$C$22,0)</f>
        <v>0.15945396051504621</v>
      </c>
      <c r="O1834" s="59">
        <f>IF(Input!$D$19=2,J1834*Input!$C$19,0)+IF(Input!$D$20=2,K1834*Input!$C$20,0)+IF(Input!$D$21=2,L1834*Input!$C$21,0)+IF(Input!$D$22=2,M1834*Input!$C$22,0)</f>
        <v>0.39863490128761553</v>
      </c>
      <c r="P1834" s="59">
        <f>IF(Input!$D$19=3,J1834*Input!$C$19,0)+IF(Input!$D$20=3,K1834*Input!$C$20,0)+IF(Input!$D$21=3,L1834*Input!$C$21,0)+IF(Input!$D$22=3,M1834*Input!$C$22,0)</f>
        <v>0</v>
      </c>
      <c r="Q1834" s="75">
        <f>IF(Input!$D$19=4,J1834*Input!$C$19,0)+IF(Input!$D$20=4,K1834*Input!$C$20,0)+IF(Input!$D$21=4,L1834*Input!$C$21,0)+IF(Input!$D$22=4,M1834*Input!$C$22,0)</f>
        <v>0</v>
      </c>
      <c r="R1834" s="58">
        <v>39.977700769094362</v>
      </c>
      <c r="S1834" s="124">
        <f t="shared" si="28"/>
        <v>0.69096716223186694</v>
      </c>
    </row>
    <row r="1835" spans="8:19" x14ac:dyDescent="0.3">
      <c r="H1835" s="44">
        <v>1828</v>
      </c>
      <c r="I1835" s="56">
        <f>Bühler!I1861</f>
        <v>0.15945396051504618</v>
      </c>
      <c r="J1835" s="59">
        <f>Bühler!J1861</f>
        <v>0.5315132017168207</v>
      </c>
      <c r="K1835" s="59">
        <f>Bühler!K1861</f>
        <v>0.79726980257523106</v>
      </c>
      <c r="L1835" s="59">
        <f>Bühler!L1861</f>
        <v>8.3647002910350654</v>
      </c>
      <c r="M1835" s="58">
        <f>Bühler!M1861</f>
        <v>0</v>
      </c>
      <c r="N1835" s="56">
        <f>IF(Input!$D$19=1,J1835*Input!$C$19,0)+IF(Input!$D$20=1,K1835*Input!$C$20,0)+IF(Input!$D$21=1,L1835*Input!$C$21,0)+IF(Input!$D$22=1,M1835*Input!$C$22,0)</f>
        <v>0.15945396051504621</v>
      </c>
      <c r="O1835" s="59">
        <f>IF(Input!$D$19=2,J1835*Input!$C$19,0)+IF(Input!$D$20=2,K1835*Input!$C$20,0)+IF(Input!$D$21=2,L1835*Input!$C$21,0)+IF(Input!$D$22=2,M1835*Input!$C$22,0)</f>
        <v>0.39863490128761553</v>
      </c>
      <c r="P1835" s="59">
        <f>IF(Input!$D$19=3,J1835*Input!$C$19,0)+IF(Input!$D$20=3,K1835*Input!$C$20,0)+IF(Input!$D$21=3,L1835*Input!$C$21,0)+IF(Input!$D$22=3,M1835*Input!$C$22,0)</f>
        <v>0</v>
      </c>
      <c r="Q1835" s="75">
        <f>IF(Input!$D$19=4,J1835*Input!$C$19,0)+IF(Input!$D$20=4,K1835*Input!$C$20,0)+IF(Input!$D$21=4,L1835*Input!$C$21,0)+IF(Input!$D$22=4,M1835*Input!$C$22,0)</f>
        <v>0</v>
      </c>
      <c r="R1835" s="58">
        <v>39.873961690609612</v>
      </c>
      <c r="S1835" s="124">
        <f t="shared" si="28"/>
        <v>0.69096716223186694</v>
      </c>
    </row>
    <row r="1836" spans="8:19" x14ac:dyDescent="0.3">
      <c r="H1836" s="44">
        <v>1829</v>
      </c>
      <c r="I1836" s="56">
        <f>Bühler!I1862</f>
        <v>0.15945396051504618</v>
      </c>
      <c r="J1836" s="59">
        <f>Bühler!J1862</f>
        <v>0.5315132017168207</v>
      </c>
      <c r="K1836" s="59">
        <f>Bühler!K1862</f>
        <v>0.79726980257523106</v>
      </c>
      <c r="L1836" s="59">
        <f>Bühler!L1862</f>
        <v>8.3647002910350654</v>
      </c>
      <c r="M1836" s="58">
        <f>Bühler!M1862</f>
        <v>0</v>
      </c>
      <c r="N1836" s="56">
        <f>IF(Input!$D$19=1,J1836*Input!$C$19,0)+IF(Input!$D$20=1,K1836*Input!$C$20,0)+IF(Input!$D$21=1,L1836*Input!$C$21,0)+IF(Input!$D$22=1,M1836*Input!$C$22,0)</f>
        <v>0.15945396051504621</v>
      </c>
      <c r="O1836" s="59">
        <f>IF(Input!$D$19=2,J1836*Input!$C$19,0)+IF(Input!$D$20=2,K1836*Input!$C$20,0)+IF(Input!$D$21=2,L1836*Input!$C$21,0)+IF(Input!$D$22=2,M1836*Input!$C$22,0)</f>
        <v>0.39863490128761553</v>
      </c>
      <c r="P1836" s="59">
        <f>IF(Input!$D$19=3,J1836*Input!$C$19,0)+IF(Input!$D$20=3,K1836*Input!$C$20,0)+IF(Input!$D$21=3,L1836*Input!$C$21,0)+IF(Input!$D$22=3,M1836*Input!$C$22,0)</f>
        <v>0</v>
      </c>
      <c r="Q1836" s="75">
        <f>IF(Input!$D$19=4,J1836*Input!$C$19,0)+IF(Input!$D$20=4,K1836*Input!$C$20,0)+IF(Input!$D$21=4,L1836*Input!$C$21,0)+IF(Input!$D$22=4,M1836*Input!$C$22,0)</f>
        <v>0</v>
      </c>
      <c r="R1836" s="58">
        <v>39.825276461885558</v>
      </c>
      <c r="S1836" s="124">
        <f t="shared" si="28"/>
        <v>0.69096716223186694</v>
      </c>
    </row>
    <row r="1837" spans="8:19" x14ac:dyDescent="0.3">
      <c r="H1837" s="44">
        <v>1830</v>
      </c>
      <c r="I1837" s="56">
        <f>Bühler!I1863</f>
        <v>0.19931745064380774</v>
      </c>
      <c r="J1837" s="59">
        <f>Bühler!J1863</f>
        <v>0.66439150214602594</v>
      </c>
      <c r="K1837" s="59">
        <f>Bühler!K1863</f>
        <v>0.99658725321903885</v>
      </c>
      <c r="L1837" s="59">
        <f>Bühler!L1863</f>
        <v>10.455875363793831</v>
      </c>
      <c r="M1837" s="58">
        <f>Bühler!M1863</f>
        <v>0</v>
      </c>
      <c r="N1837" s="56">
        <f>IF(Input!$D$19=1,J1837*Input!$C$19,0)+IF(Input!$D$20=1,K1837*Input!$C$20,0)+IF(Input!$D$21=1,L1837*Input!$C$21,0)+IF(Input!$D$22=1,M1837*Input!$C$22,0)</f>
        <v>0.19931745064380776</v>
      </c>
      <c r="O1837" s="59">
        <f>IF(Input!$D$19=2,J1837*Input!$C$19,0)+IF(Input!$D$20=2,K1837*Input!$C$20,0)+IF(Input!$D$21=2,L1837*Input!$C$21,0)+IF(Input!$D$22=2,M1837*Input!$C$22,0)</f>
        <v>0.49829362660951942</v>
      </c>
      <c r="P1837" s="59">
        <f>IF(Input!$D$19=3,J1837*Input!$C$19,0)+IF(Input!$D$20=3,K1837*Input!$C$20,0)+IF(Input!$D$21=3,L1837*Input!$C$21,0)+IF(Input!$D$22=3,M1837*Input!$C$22,0)</f>
        <v>0</v>
      </c>
      <c r="Q1837" s="75">
        <f>IF(Input!$D$19=4,J1837*Input!$C$19,0)+IF(Input!$D$20=4,K1837*Input!$C$20,0)+IF(Input!$D$21=4,L1837*Input!$C$21,0)+IF(Input!$D$22=4,M1837*Input!$C$22,0)</f>
        <v>0</v>
      </c>
      <c r="R1837" s="58">
        <v>39.702571425107763</v>
      </c>
      <c r="S1837" s="124">
        <f t="shared" si="28"/>
        <v>0.86370895278983362</v>
      </c>
    </row>
    <row r="1838" spans="8:19" x14ac:dyDescent="0.3">
      <c r="H1838" s="44">
        <v>1831</v>
      </c>
      <c r="I1838" s="56">
        <f>Bühler!I1864</f>
        <v>0.23475166409159581</v>
      </c>
      <c r="J1838" s="59">
        <f>Bühler!J1864</f>
        <v>0.78250554697198604</v>
      </c>
      <c r="K1838" s="59">
        <f>Bühler!K1864</f>
        <v>1.1737583204579791</v>
      </c>
      <c r="L1838" s="59">
        <f>Bühler!L1864</f>
        <v>12.314697650690512</v>
      </c>
      <c r="M1838" s="58">
        <f>Bühler!M1864</f>
        <v>0</v>
      </c>
      <c r="N1838" s="56">
        <f>IF(Input!$D$19=1,J1838*Input!$C$19,0)+IF(Input!$D$20=1,K1838*Input!$C$20,0)+IF(Input!$D$21=1,L1838*Input!$C$21,0)+IF(Input!$D$22=1,M1838*Input!$C$22,0)</f>
        <v>0.23475166409159581</v>
      </c>
      <c r="O1838" s="59">
        <f>IF(Input!$D$19=2,J1838*Input!$C$19,0)+IF(Input!$D$20=2,K1838*Input!$C$20,0)+IF(Input!$D$21=2,L1838*Input!$C$21,0)+IF(Input!$D$22=2,M1838*Input!$C$22,0)</f>
        <v>0.58687916022898956</v>
      </c>
      <c r="P1838" s="59">
        <f>IF(Input!$D$19=3,J1838*Input!$C$19,0)+IF(Input!$D$20=3,K1838*Input!$C$20,0)+IF(Input!$D$21=3,L1838*Input!$C$21,0)+IF(Input!$D$22=3,M1838*Input!$C$22,0)</f>
        <v>0</v>
      </c>
      <c r="Q1838" s="75">
        <f>IF(Input!$D$19=4,J1838*Input!$C$19,0)+IF(Input!$D$20=4,K1838*Input!$C$20,0)+IF(Input!$D$21=4,L1838*Input!$C$21,0)+IF(Input!$D$22=4,M1838*Input!$C$22,0)</f>
        <v>0</v>
      </c>
      <c r="R1838" s="58">
        <v>39.616365011154777</v>
      </c>
      <c r="S1838" s="124">
        <f t="shared" si="28"/>
        <v>1.0172572110635818</v>
      </c>
    </row>
    <row r="1839" spans="8:19" x14ac:dyDescent="0.3">
      <c r="H1839" s="44">
        <v>1832</v>
      </c>
      <c r="I1839" s="56">
        <f>Bühler!I1865</f>
        <v>0.27904443090133091</v>
      </c>
      <c r="J1839" s="59">
        <f>Bühler!J1865</f>
        <v>0.9301481030044364</v>
      </c>
      <c r="K1839" s="59">
        <f>Bühler!K1865</f>
        <v>1.3952221545066545</v>
      </c>
      <c r="L1839" s="59">
        <f>Bühler!L1865</f>
        <v>14.638225509311363</v>
      </c>
      <c r="M1839" s="58">
        <f>Bühler!M1865</f>
        <v>0</v>
      </c>
      <c r="N1839" s="56">
        <f>IF(Input!$D$19=1,J1839*Input!$C$19,0)+IF(Input!$D$20=1,K1839*Input!$C$20,0)+IF(Input!$D$21=1,L1839*Input!$C$21,0)+IF(Input!$D$22=1,M1839*Input!$C$22,0)</f>
        <v>0.27904443090133091</v>
      </c>
      <c r="O1839" s="59">
        <f>IF(Input!$D$19=2,J1839*Input!$C$19,0)+IF(Input!$D$20=2,K1839*Input!$C$20,0)+IF(Input!$D$21=2,L1839*Input!$C$21,0)+IF(Input!$D$22=2,M1839*Input!$C$22,0)</f>
        <v>0.69761107725332727</v>
      </c>
      <c r="P1839" s="59">
        <f>IF(Input!$D$19=3,J1839*Input!$C$19,0)+IF(Input!$D$20=3,K1839*Input!$C$20,0)+IF(Input!$D$21=3,L1839*Input!$C$21,0)+IF(Input!$D$22=3,M1839*Input!$C$22,0)</f>
        <v>0</v>
      </c>
      <c r="Q1839" s="75">
        <f>IF(Input!$D$19=4,J1839*Input!$C$19,0)+IF(Input!$D$20=4,K1839*Input!$C$20,0)+IF(Input!$D$21=4,L1839*Input!$C$21,0)+IF(Input!$D$22=4,M1839*Input!$C$22,0)</f>
        <v>0</v>
      </c>
      <c r="R1839" s="58">
        <v>39.2691497936231</v>
      </c>
      <c r="S1839" s="124">
        <f t="shared" si="28"/>
        <v>1.2091925339057674</v>
      </c>
    </row>
    <row r="1840" spans="8:19" x14ac:dyDescent="0.3">
      <c r="H1840" s="44">
        <v>1833</v>
      </c>
      <c r="I1840" s="56">
        <f>Bühler!I1866</f>
        <v>0.27904443090133091</v>
      </c>
      <c r="J1840" s="59">
        <f>Bühler!J1866</f>
        <v>0.9301481030044364</v>
      </c>
      <c r="K1840" s="59">
        <f>Bühler!K1866</f>
        <v>1.3952221545066545</v>
      </c>
      <c r="L1840" s="59">
        <f>Bühler!L1866</f>
        <v>14.638225509311363</v>
      </c>
      <c r="M1840" s="58">
        <f>Bühler!M1866</f>
        <v>0</v>
      </c>
      <c r="N1840" s="56">
        <f>IF(Input!$D$19=1,J1840*Input!$C$19,0)+IF(Input!$D$20=1,K1840*Input!$C$20,0)+IF(Input!$D$21=1,L1840*Input!$C$21,0)+IF(Input!$D$22=1,M1840*Input!$C$22,0)</f>
        <v>0.27904443090133091</v>
      </c>
      <c r="O1840" s="59">
        <f>IF(Input!$D$19=2,J1840*Input!$C$19,0)+IF(Input!$D$20=2,K1840*Input!$C$20,0)+IF(Input!$D$21=2,L1840*Input!$C$21,0)+IF(Input!$D$22=2,M1840*Input!$C$22,0)</f>
        <v>0.69761107725332727</v>
      </c>
      <c r="P1840" s="59">
        <f>IF(Input!$D$19=3,J1840*Input!$C$19,0)+IF(Input!$D$20=3,K1840*Input!$C$20,0)+IF(Input!$D$21=3,L1840*Input!$C$21,0)+IF(Input!$D$22=3,M1840*Input!$C$22,0)</f>
        <v>0</v>
      </c>
      <c r="Q1840" s="75">
        <f>IF(Input!$D$19=4,J1840*Input!$C$19,0)+IF(Input!$D$20=4,K1840*Input!$C$20,0)+IF(Input!$D$21=4,L1840*Input!$C$21,0)+IF(Input!$D$22=4,M1840*Input!$C$22,0)</f>
        <v>0</v>
      </c>
      <c r="R1840" s="58">
        <v>39.007640466979481</v>
      </c>
      <c r="S1840" s="124">
        <f t="shared" si="28"/>
        <v>1.2091925339057674</v>
      </c>
    </row>
    <row r="1841" spans="8:19" x14ac:dyDescent="0.3">
      <c r="H1841" s="44">
        <v>1834</v>
      </c>
      <c r="I1841" s="56">
        <f>Bühler!I1867</f>
        <v>0.27904443090133091</v>
      </c>
      <c r="J1841" s="59">
        <f>Bühler!J1867</f>
        <v>0.9301481030044364</v>
      </c>
      <c r="K1841" s="59">
        <f>Bühler!K1867</f>
        <v>1.3952221545066545</v>
      </c>
      <c r="L1841" s="59">
        <f>Bühler!L1867</f>
        <v>14.638225509311363</v>
      </c>
      <c r="M1841" s="58">
        <f>Bühler!M1867</f>
        <v>0</v>
      </c>
      <c r="N1841" s="56">
        <f>IF(Input!$D$19=1,J1841*Input!$C$19,0)+IF(Input!$D$20=1,K1841*Input!$C$20,0)+IF(Input!$D$21=1,L1841*Input!$C$21,0)+IF(Input!$D$22=1,M1841*Input!$C$22,0)</f>
        <v>0.27904443090133091</v>
      </c>
      <c r="O1841" s="59">
        <f>IF(Input!$D$19=2,J1841*Input!$C$19,0)+IF(Input!$D$20=2,K1841*Input!$C$20,0)+IF(Input!$D$21=2,L1841*Input!$C$21,0)+IF(Input!$D$22=2,M1841*Input!$C$22,0)</f>
        <v>0.69761107725332727</v>
      </c>
      <c r="P1841" s="59">
        <f>IF(Input!$D$19=3,J1841*Input!$C$19,0)+IF(Input!$D$20=3,K1841*Input!$C$20,0)+IF(Input!$D$21=3,L1841*Input!$C$21,0)+IF(Input!$D$22=3,M1841*Input!$C$22,0)</f>
        <v>0</v>
      </c>
      <c r="Q1841" s="75">
        <f>IF(Input!$D$19=4,J1841*Input!$C$19,0)+IF(Input!$D$20=4,K1841*Input!$C$20,0)+IF(Input!$D$21=4,L1841*Input!$C$21,0)+IF(Input!$D$22=4,M1841*Input!$C$22,0)</f>
        <v>0</v>
      </c>
      <c r="R1841" s="58">
        <v>39.115835493287804</v>
      </c>
      <c r="S1841" s="124">
        <f t="shared" si="28"/>
        <v>1.2091925339057674</v>
      </c>
    </row>
    <row r="1842" spans="8:19" x14ac:dyDescent="0.3">
      <c r="H1842" s="44">
        <v>1835</v>
      </c>
      <c r="I1842" s="56">
        <f>Bühler!I1868</f>
        <v>0.27904443090133091</v>
      </c>
      <c r="J1842" s="59">
        <f>Bühler!J1868</f>
        <v>0.9301481030044364</v>
      </c>
      <c r="K1842" s="59">
        <f>Bühler!K1868</f>
        <v>1.3952221545066545</v>
      </c>
      <c r="L1842" s="59">
        <f>Bühler!L1868</f>
        <v>14.638225509311363</v>
      </c>
      <c r="M1842" s="58">
        <f>Bühler!M1868</f>
        <v>0</v>
      </c>
      <c r="N1842" s="56">
        <f>IF(Input!$D$19=1,J1842*Input!$C$19,0)+IF(Input!$D$20=1,K1842*Input!$C$20,0)+IF(Input!$D$21=1,L1842*Input!$C$21,0)+IF(Input!$D$22=1,M1842*Input!$C$22,0)</f>
        <v>0.27904443090133091</v>
      </c>
      <c r="O1842" s="59">
        <f>IF(Input!$D$19=2,J1842*Input!$C$19,0)+IF(Input!$D$20=2,K1842*Input!$C$20,0)+IF(Input!$D$21=2,L1842*Input!$C$21,0)+IF(Input!$D$22=2,M1842*Input!$C$22,0)</f>
        <v>0.69761107725332727</v>
      </c>
      <c r="P1842" s="59">
        <f>IF(Input!$D$19=3,J1842*Input!$C$19,0)+IF(Input!$D$20=3,K1842*Input!$C$20,0)+IF(Input!$D$21=3,L1842*Input!$C$21,0)+IF(Input!$D$22=3,M1842*Input!$C$22,0)</f>
        <v>0</v>
      </c>
      <c r="Q1842" s="75">
        <f>IF(Input!$D$19=4,J1842*Input!$C$19,0)+IF(Input!$D$20=4,K1842*Input!$C$20,0)+IF(Input!$D$21=4,L1842*Input!$C$21,0)+IF(Input!$D$22=4,M1842*Input!$C$22,0)</f>
        <v>0</v>
      </c>
      <c r="R1842" s="58">
        <v>39.535359376852284</v>
      </c>
      <c r="S1842" s="124">
        <f t="shared" si="28"/>
        <v>1.2091925339057674</v>
      </c>
    </row>
    <row r="1843" spans="8:19" x14ac:dyDescent="0.3">
      <c r="H1843" s="44">
        <v>1836</v>
      </c>
      <c r="I1843" s="56">
        <f>Bühler!I1869</f>
        <v>0.27904443090133091</v>
      </c>
      <c r="J1843" s="59">
        <f>Bühler!J1869</f>
        <v>0.9301481030044364</v>
      </c>
      <c r="K1843" s="59">
        <f>Bühler!K1869</f>
        <v>1.3952221545066545</v>
      </c>
      <c r="L1843" s="59">
        <f>Bühler!L1869</f>
        <v>14.638225509311363</v>
      </c>
      <c r="M1843" s="58">
        <f>Bühler!M1869</f>
        <v>0</v>
      </c>
      <c r="N1843" s="56">
        <f>IF(Input!$D$19=1,J1843*Input!$C$19,0)+IF(Input!$D$20=1,K1843*Input!$C$20,0)+IF(Input!$D$21=1,L1843*Input!$C$21,0)+IF(Input!$D$22=1,M1843*Input!$C$22,0)</f>
        <v>0.27904443090133091</v>
      </c>
      <c r="O1843" s="59">
        <f>IF(Input!$D$19=2,J1843*Input!$C$19,0)+IF(Input!$D$20=2,K1843*Input!$C$20,0)+IF(Input!$D$21=2,L1843*Input!$C$21,0)+IF(Input!$D$22=2,M1843*Input!$C$22,0)</f>
        <v>0.69761107725332727</v>
      </c>
      <c r="P1843" s="59">
        <f>IF(Input!$D$19=3,J1843*Input!$C$19,0)+IF(Input!$D$20=3,K1843*Input!$C$20,0)+IF(Input!$D$21=3,L1843*Input!$C$21,0)+IF(Input!$D$22=3,M1843*Input!$C$22,0)</f>
        <v>0</v>
      </c>
      <c r="Q1843" s="75">
        <f>IF(Input!$D$19=4,J1843*Input!$C$19,0)+IF(Input!$D$20=4,K1843*Input!$C$20,0)+IF(Input!$D$21=4,L1843*Input!$C$21,0)+IF(Input!$D$22=4,M1843*Input!$C$22,0)</f>
        <v>0</v>
      </c>
      <c r="R1843" s="58">
        <v>39.868110028953147</v>
      </c>
      <c r="S1843" s="124">
        <f t="shared" si="28"/>
        <v>1.2091925339057674</v>
      </c>
    </row>
    <row r="1844" spans="8:19" x14ac:dyDescent="0.3">
      <c r="H1844" s="44">
        <v>1837</v>
      </c>
      <c r="I1844" s="56">
        <f>Bühler!I1870</f>
        <v>0.27904443090133091</v>
      </c>
      <c r="J1844" s="59">
        <f>Bühler!J1870</f>
        <v>0.9301481030044364</v>
      </c>
      <c r="K1844" s="59">
        <f>Bühler!K1870</f>
        <v>1.3952221545066545</v>
      </c>
      <c r="L1844" s="59">
        <f>Bühler!L1870</f>
        <v>14.638225509311363</v>
      </c>
      <c r="M1844" s="58">
        <f>Bühler!M1870</f>
        <v>0</v>
      </c>
      <c r="N1844" s="56">
        <f>IF(Input!$D$19=1,J1844*Input!$C$19,0)+IF(Input!$D$20=1,K1844*Input!$C$20,0)+IF(Input!$D$21=1,L1844*Input!$C$21,0)+IF(Input!$D$22=1,M1844*Input!$C$22,0)</f>
        <v>0.27904443090133091</v>
      </c>
      <c r="O1844" s="59">
        <f>IF(Input!$D$19=2,J1844*Input!$C$19,0)+IF(Input!$D$20=2,K1844*Input!$C$20,0)+IF(Input!$D$21=2,L1844*Input!$C$21,0)+IF(Input!$D$22=2,M1844*Input!$C$22,0)</f>
        <v>0.69761107725332727</v>
      </c>
      <c r="P1844" s="59">
        <f>IF(Input!$D$19=3,J1844*Input!$C$19,0)+IF(Input!$D$20=3,K1844*Input!$C$20,0)+IF(Input!$D$21=3,L1844*Input!$C$21,0)+IF(Input!$D$22=3,M1844*Input!$C$22,0)</f>
        <v>0</v>
      </c>
      <c r="Q1844" s="75">
        <f>IF(Input!$D$19=4,J1844*Input!$C$19,0)+IF(Input!$D$20=4,K1844*Input!$C$20,0)+IF(Input!$D$21=4,L1844*Input!$C$21,0)+IF(Input!$D$22=4,M1844*Input!$C$22,0)</f>
        <v>0</v>
      </c>
      <c r="R1844" s="58">
        <v>39.731116734665335</v>
      </c>
      <c r="S1844" s="124">
        <f t="shared" si="28"/>
        <v>1.2091925339057674</v>
      </c>
    </row>
    <row r="1845" spans="8:19" x14ac:dyDescent="0.3">
      <c r="H1845" s="44">
        <v>1838</v>
      </c>
      <c r="I1845" s="56">
        <f>Bühler!I1871</f>
        <v>0.27904443090133091</v>
      </c>
      <c r="J1845" s="59">
        <f>Bühler!J1871</f>
        <v>0.9301481030044364</v>
      </c>
      <c r="K1845" s="59">
        <f>Bühler!K1871</f>
        <v>1.3952221545066545</v>
      </c>
      <c r="L1845" s="59">
        <f>Bühler!L1871</f>
        <v>14.638225509311363</v>
      </c>
      <c r="M1845" s="58">
        <f>Bühler!M1871</f>
        <v>0</v>
      </c>
      <c r="N1845" s="56">
        <f>IF(Input!$D$19=1,J1845*Input!$C$19,0)+IF(Input!$D$20=1,K1845*Input!$C$20,0)+IF(Input!$D$21=1,L1845*Input!$C$21,0)+IF(Input!$D$22=1,M1845*Input!$C$22,0)</f>
        <v>0.27904443090133091</v>
      </c>
      <c r="O1845" s="59">
        <f>IF(Input!$D$19=2,J1845*Input!$C$19,0)+IF(Input!$D$20=2,K1845*Input!$C$20,0)+IF(Input!$D$21=2,L1845*Input!$C$21,0)+IF(Input!$D$22=2,M1845*Input!$C$22,0)</f>
        <v>0.69761107725332727</v>
      </c>
      <c r="P1845" s="59">
        <f>IF(Input!$D$19=3,J1845*Input!$C$19,0)+IF(Input!$D$20=3,K1845*Input!$C$20,0)+IF(Input!$D$21=3,L1845*Input!$C$21,0)+IF(Input!$D$22=3,M1845*Input!$C$22,0)</f>
        <v>0</v>
      </c>
      <c r="Q1845" s="75">
        <f>IF(Input!$D$19=4,J1845*Input!$C$19,0)+IF(Input!$D$20=4,K1845*Input!$C$20,0)+IF(Input!$D$21=4,L1845*Input!$C$21,0)+IF(Input!$D$22=4,M1845*Input!$C$22,0)</f>
        <v>0</v>
      </c>
      <c r="R1845" s="58">
        <v>39.93427471012874</v>
      </c>
      <c r="S1845" s="124">
        <f t="shared" si="28"/>
        <v>1.2091925339057674</v>
      </c>
    </row>
    <row r="1846" spans="8:19" x14ac:dyDescent="0.3">
      <c r="H1846" s="44">
        <v>1839</v>
      </c>
      <c r="I1846" s="56">
        <f>Bühler!I1872</f>
        <v>0.27904443090133091</v>
      </c>
      <c r="J1846" s="59">
        <f>Bühler!J1872</f>
        <v>0.9301481030044364</v>
      </c>
      <c r="K1846" s="59">
        <f>Bühler!K1872</f>
        <v>1.3952221545066545</v>
      </c>
      <c r="L1846" s="59">
        <f>Bühler!L1872</f>
        <v>14.638225509311363</v>
      </c>
      <c r="M1846" s="58">
        <f>Bühler!M1872</f>
        <v>0</v>
      </c>
      <c r="N1846" s="56">
        <f>IF(Input!$D$19=1,J1846*Input!$C$19,0)+IF(Input!$D$20=1,K1846*Input!$C$20,0)+IF(Input!$D$21=1,L1846*Input!$C$21,0)+IF(Input!$D$22=1,M1846*Input!$C$22,0)</f>
        <v>0.27904443090133091</v>
      </c>
      <c r="O1846" s="59">
        <f>IF(Input!$D$19=2,J1846*Input!$C$19,0)+IF(Input!$D$20=2,K1846*Input!$C$20,0)+IF(Input!$D$21=2,L1846*Input!$C$21,0)+IF(Input!$D$22=2,M1846*Input!$C$22,0)</f>
        <v>0.69761107725332727</v>
      </c>
      <c r="P1846" s="59">
        <f>IF(Input!$D$19=3,J1846*Input!$C$19,0)+IF(Input!$D$20=3,K1846*Input!$C$20,0)+IF(Input!$D$21=3,L1846*Input!$C$21,0)+IF(Input!$D$22=3,M1846*Input!$C$22,0)</f>
        <v>0</v>
      </c>
      <c r="Q1846" s="75">
        <f>IF(Input!$D$19=4,J1846*Input!$C$19,0)+IF(Input!$D$20=4,K1846*Input!$C$20,0)+IF(Input!$D$21=4,L1846*Input!$C$21,0)+IF(Input!$D$22=4,M1846*Input!$C$22,0)</f>
        <v>0</v>
      </c>
      <c r="R1846" s="58">
        <v>40.202227856893252</v>
      </c>
      <c r="S1846" s="124">
        <f t="shared" si="28"/>
        <v>1.2091925339057674</v>
      </c>
    </row>
    <row r="1847" spans="8:19" x14ac:dyDescent="0.3">
      <c r="H1847" s="44">
        <v>1840</v>
      </c>
      <c r="I1847" s="56">
        <f>Bühler!I1873</f>
        <v>0.24803949413451631</v>
      </c>
      <c r="J1847" s="59">
        <f>Bühler!J1873</f>
        <v>0.82679831378172108</v>
      </c>
      <c r="K1847" s="59">
        <f>Bühler!K1873</f>
        <v>1.2401974706725818</v>
      </c>
      <c r="L1847" s="59">
        <f>Bühler!L1873</f>
        <v>13.011756008276766</v>
      </c>
      <c r="M1847" s="58">
        <f>Bühler!M1873</f>
        <v>0</v>
      </c>
      <c r="N1847" s="56">
        <f>IF(Input!$D$19=1,J1847*Input!$C$19,0)+IF(Input!$D$20=1,K1847*Input!$C$20,0)+IF(Input!$D$21=1,L1847*Input!$C$21,0)+IF(Input!$D$22=1,M1847*Input!$C$22,0)</f>
        <v>0.24803949413451631</v>
      </c>
      <c r="O1847" s="59">
        <f>IF(Input!$D$19=2,J1847*Input!$C$19,0)+IF(Input!$D$20=2,K1847*Input!$C$20,0)+IF(Input!$D$21=2,L1847*Input!$C$21,0)+IF(Input!$D$22=2,M1847*Input!$C$22,0)</f>
        <v>0.6200987353362909</v>
      </c>
      <c r="P1847" s="59">
        <f>IF(Input!$D$19=3,J1847*Input!$C$19,0)+IF(Input!$D$20=3,K1847*Input!$C$20,0)+IF(Input!$D$21=3,L1847*Input!$C$21,0)+IF(Input!$D$22=3,M1847*Input!$C$22,0)</f>
        <v>0</v>
      </c>
      <c r="Q1847" s="75">
        <f>IF(Input!$D$19=4,J1847*Input!$C$19,0)+IF(Input!$D$20=4,K1847*Input!$C$20,0)+IF(Input!$D$21=4,L1847*Input!$C$21,0)+IF(Input!$D$22=4,M1847*Input!$C$22,0)</f>
        <v>0</v>
      </c>
      <c r="R1847" s="58">
        <v>39.888938488508941</v>
      </c>
      <c r="S1847" s="124">
        <f t="shared" si="28"/>
        <v>1.0748378079162375</v>
      </c>
    </row>
    <row r="1848" spans="8:19" x14ac:dyDescent="0.3">
      <c r="H1848" s="44">
        <v>1841</v>
      </c>
      <c r="I1848" s="56">
        <f>Bühler!I1874</f>
        <v>0.2436102174535428</v>
      </c>
      <c r="J1848" s="59">
        <f>Bühler!J1874</f>
        <v>0.81203405817847607</v>
      </c>
      <c r="K1848" s="59">
        <f>Bühler!K1874</f>
        <v>1.2180510872677142</v>
      </c>
      <c r="L1848" s="59">
        <f>Bühler!L1874</f>
        <v>12.779403222414683</v>
      </c>
      <c r="M1848" s="58">
        <f>Bühler!M1874</f>
        <v>0</v>
      </c>
      <c r="N1848" s="56">
        <f>IF(Input!$D$19=1,J1848*Input!$C$19,0)+IF(Input!$D$20=1,K1848*Input!$C$20,0)+IF(Input!$D$21=1,L1848*Input!$C$21,0)+IF(Input!$D$22=1,M1848*Input!$C$22,0)</f>
        <v>0.2436102174535428</v>
      </c>
      <c r="O1848" s="59">
        <f>IF(Input!$D$19=2,J1848*Input!$C$19,0)+IF(Input!$D$20=2,K1848*Input!$C$20,0)+IF(Input!$D$21=2,L1848*Input!$C$21,0)+IF(Input!$D$22=2,M1848*Input!$C$22,0)</f>
        <v>0.60902554363385708</v>
      </c>
      <c r="P1848" s="59">
        <f>IF(Input!$D$19=3,J1848*Input!$C$19,0)+IF(Input!$D$20=3,K1848*Input!$C$20,0)+IF(Input!$D$21=3,L1848*Input!$C$21,0)+IF(Input!$D$22=3,M1848*Input!$C$22,0)</f>
        <v>0</v>
      </c>
      <c r="Q1848" s="75">
        <f>IF(Input!$D$19=4,J1848*Input!$C$19,0)+IF(Input!$D$20=4,K1848*Input!$C$20,0)+IF(Input!$D$21=4,L1848*Input!$C$21,0)+IF(Input!$D$22=4,M1848*Input!$C$22,0)</f>
        <v>0</v>
      </c>
      <c r="R1848" s="58">
        <v>39.240888216447573</v>
      </c>
      <c r="S1848" s="124">
        <f t="shared" si="28"/>
        <v>1.0556442756320188</v>
      </c>
    </row>
    <row r="1849" spans="8:19" x14ac:dyDescent="0.3">
      <c r="H1849" s="44">
        <v>1842</v>
      </c>
      <c r="I1849" s="56">
        <f>Bühler!I1875</f>
        <v>0.20817600400575478</v>
      </c>
      <c r="J1849" s="59">
        <f>Bühler!J1875</f>
        <v>0.69392001335251596</v>
      </c>
      <c r="K1849" s="59">
        <f>Bühler!K1875</f>
        <v>1.040880020028774</v>
      </c>
      <c r="L1849" s="59">
        <f>Bühler!L1875</f>
        <v>10.920580935518002</v>
      </c>
      <c r="M1849" s="58">
        <f>Bühler!M1875</f>
        <v>0</v>
      </c>
      <c r="N1849" s="56">
        <f>IF(Input!$D$19=1,J1849*Input!$C$19,0)+IF(Input!$D$20=1,K1849*Input!$C$20,0)+IF(Input!$D$21=1,L1849*Input!$C$21,0)+IF(Input!$D$22=1,M1849*Input!$C$22,0)</f>
        <v>0.20817600400575478</v>
      </c>
      <c r="O1849" s="59">
        <f>IF(Input!$D$19=2,J1849*Input!$C$19,0)+IF(Input!$D$20=2,K1849*Input!$C$20,0)+IF(Input!$D$21=2,L1849*Input!$C$21,0)+IF(Input!$D$22=2,M1849*Input!$C$22,0)</f>
        <v>0.520440010014387</v>
      </c>
      <c r="P1849" s="59">
        <f>IF(Input!$D$19=3,J1849*Input!$C$19,0)+IF(Input!$D$20=3,K1849*Input!$C$20,0)+IF(Input!$D$21=3,L1849*Input!$C$21,0)+IF(Input!$D$22=3,M1849*Input!$C$22,0)</f>
        <v>0</v>
      </c>
      <c r="Q1849" s="75">
        <f>IF(Input!$D$19=4,J1849*Input!$C$19,0)+IF(Input!$D$20=4,K1849*Input!$C$20,0)+IF(Input!$D$21=4,L1849*Input!$C$21,0)+IF(Input!$D$22=4,M1849*Input!$C$22,0)</f>
        <v>0</v>
      </c>
      <c r="R1849" s="58">
        <v>39.09151366949159</v>
      </c>
      <c r="S1849" s="124">
        <f t="shared" si="28"/>
        <v>0.90209601735827072</v>
      </c>
    </row>
    <row r="1850" spans="8:19" x14ac:dyDescent="0.3">
      <c r="H1850" s="44">
        <v>1843</v>
      </c>
      <c r="I1850" s="56">
        <f>Bühler!I1876</f>
        <v>0.19488817396283425</v>
      </c>
      <c r="J1850" s="59">
        <f>Bühler!J1876</f>
        <v>0.64962724654278092</v>
      </c>
      <c r="K1850" s="59">
        <f>Bühler!K1876</f>
        <v>0.97444086981417144</v>
      </c>
      <c r="L1850" s="59">
        <f>Bühler!L1876</f>
        <v>10.223522577931748</v>
      </c>
      <c r="M1850" s="58">
        <f>Bühler!M1876</f>
        <v>0</v>
      </c>
      <c r="N1850" s="56">
        <f>IF(Input!$D$19=1,J1850*Input!$C$19,0)+IF(Input!$D$20=1,K1850*Input!$C$20,0)+IF(Input!$D$21=1,L1850*Input!$C$21,0)+IF(Input!$D$22=1,M1850*Input!$C$22,0)</f>
        <v>0.19488817396283428</v>
      </c>
      <c r="O1850" s="59">
        <f>IF(Input!$D$19=2,J1850*Input!$C$19,0)+IF(Input!$D$20=2,K1850*Input!$C$20,0)+IF(Input!$D$21=2,L1850*Input!$C$21,0)+IF(Input!$D$22=2,M1850*Input!$C$22,0)</f>
        <v>0.48722043490708572</v>
      </c>
      <c r="P1850" s="59">
        <f>IF(Input!$D$19=3,J1850*Input!$C$19,0)+IF(Input!$D$20=3,K1850*Input!$C$20,0)+IF(Input!$D$21=3,L1850*Input!$C$21,0)+IF(Input!$D$22=3,M1850*Input!$C$22,0)</f>
        <v>0</v>
      </c>
      <c r="Q1850" s="75">
        <f>IF(Input!$D$19=4,J1850*Input!$C$19,0)+IF(Input!$D$20=4,K1850*Input!$C$20,0)+IF(Input!$D$21=4,L1850*Input!$C$21,0)+IF(Input!$D$22=4,M1850*Input!$C$22,0)</f>
        <v>0</v>
      </c>
      <c r="R1850" s="58">
        <v>39.382991851424627</v>
      </c>
      <c r="S1850" s="124">
        <f t="shared" si="28"/>
        <v>0.84451542050561512</v>
      </c>
    </row>
    <row r="1851" spans="8:19" x14ac:dyDescent="0.3">
      <c r="H1851" s="44">
        <v>1844</v>
      </c>
      <c r="I1851" s="56">
        <f>Bühler!I1877</f>
        <v>0.16388323719601972</v>
      </c>
      <c r="J1851" s="59">
        <f>Bühler!J1877</f>
        <v>0.54627745732006572</v>
      </c>
      <c r="K1851" s="59">
        <f>Bühler!K1877</f>
        <v>0.81941618598009869</v>
      </c>
      <c r="L1851" s="59">
        <f>Bühler!L1877</f>
        <v>8.5970530768971507</v>
      </c>
      <c r="M1851" s="58">
        <f>Bühler!M1877</f>
        <v>0</v>
      </c>
      <c r="N1851" s="56">
        <f>IF(Input!$D$19=1,J1851*Input!$C$19,0)+IF(Input!$D$20=1,K1851*Input!$C$20,0)+IF(Input!$D$21=1,L1851*Input!$C$21,0)+IF(Input!$D$22=1,M1851*Input!$C$22,0)</f>
        <v>0.16388323719601972</v>
      </c>
      <c r="O1851" s="59">
        <f>IF(Input!$D$19=2,J1851*Input!$C$19,0)+IF(Input!$D$20=2,K1851*Input!$C$20,0)+IF(Input!$D$21=2,L1851*Input!$C$21,0)+IF(Input!$D$22=2,M1851*Input!$C$22,0)</f>
        <v>0.40970809299004934</v>
      </c>
      <c r="P1851" s="59">
        <f>IF(Input!$D$19=3,J1851*Input!$C$19,0)+IF(Input!$D$20=3,K1851*Input!$C$20,0)+IF(Input!$D$21=3,L1851*Input!$C$21,0)+IF(Input!$D$22=3,M1851*Input!$C$22,0)</f>
        <v>0</v>
      </c>
      <c r="Q1851" s="75">
        <f>IF(Input!$D$19=4,J1851*Input!$C$19,0)+IF(Input!$D$20=4,K1851*Input!$C$20,0)+IF(Input!$D$21=4,L1851*Input!$C$21,0)+IF(Input!$D$22=4,M1851*Input!$C$22,0)</f>
        <v>0</v>
      </c>
      <c r="R1851" s="58">
        <v>39.662663169104263</v>
      </c>
      <c r="S1851" s="124">
        <f t="shared" si="28"/>
        <v>0.71016069451608543</v>
      </c>
    </row>
    <row r="1852" spans="8:19" x14ac:dyDescent="0.3">
      <c r="H1852" s="44">
        <v>1845</v>
      </c>
      <c r="I1852" s="56">
        <f>Bühler!I1878</f>
        <v>0.13730757711017866</v>
      </c>
      <c r="J1852" s="59">
        <f>Bühler!J1878</f>
        <v>0.45769192370059564</v>
      </c>
      <c r="K1852" s="59">
        <f>Bühler!K1878</f>
        <v>0.68653788555089346</v>
      </c>
      <c r="L1852" s="59">
        <f>Bühler!L1878</f>
        <v>7.2029363617246389</v>
      </c>
      <c r="M1852" s="58">
        <f>Bühler!M1878</f>
        <v>0</v>
      </c>
      <c r="N1852" s="56">
        <f>IF(Input!$D$19=1,J1852*Input!$C$19,0)+IF(Input!$D$20=1,K1852*Input!$C$20,0)+IF(Input!$D$21=1,L1852*Input!$C$21,0)+IF(Input!$D$22=1,M1852*Input!$C$22,0)</f>
        <v>0.13730757711017869</v>
      </c>
      <c r="O1852" s="59">
        <f>IF(Input!$D$19=2,J1852*Input!$C$19,0)+IF(Input!$D$20=2,K1852*Input!$C$20,0)+IF(Input!$D$21=2,L1852*Input!$C$21,0)+IF(Input!$D$22=2,M1852*Input!$C$22,0)</f>
        <v>0.34326894277544673</v>
      </c>
      <c r="P1852" s="59">
        <f>IF(Input!$D$19=3,J1852*Input!$C$19,0)+IF(Input!$D$20=3,K1852*Input!$C$20,0)+IF(Input!$D$21=3,L1852*Input!$C$21,0)+IF(Input!$D$22=3,M1852*Input!$C$22,0)</f>
        <v>0</v>
      </c>
      <c r="Q1852" s="75">
        <f>IF(Input!$D$19=4,J1852*Input!$C$19,0)+IF(Input!$D$20=4,K1852*Input!$C$20,0)+IF(Input!$D$21=4,L1852*Input!$C$21,0)+IF(Input!$D$22=4,M1852*Input!$C$22,0)</f>
        <v>0</v>
      </c>
      <c r="R1852" s="58">
        <v>40.236131464057941</v>
      </c>
      <c r="S1852" s="124">
        <f t="shared" si="28"/>
        <v>0.59499950081077424</v>
      </c>
    </row>
    <row r="1853" spans="8:19" x14ac:dyDescent="0.3">
      <c r="H1853" s="44">
        <v>1846</v>
      </c>
      <c r="I1853" s="56">
        <f>Bühler!I1879</f>
        <v>0.11959047038628466</v>
      </c>
      <c r="J1853" s="59">
        <f>Bühler!J1879</f>
        <v>0.39863490128761558</v>
      </c>
      <c r="K1853" s="59">
        <f>Bühler!K1879</f>
        <v>0.59795235193142338</v>
      </c>
      <c r="L1853" s="59">
        <f>Bühler!L1879</f>
        <v>6.2735252182762986</v>
      </c>
      <c r="M1853" s="58">
        <f>Bühler!M1879</f>
        <v>0</v>
      </c>
      <c r="N1853" s="56">
        <f>IF(Input!$D$19=1,J1853*Input!$C$19,0)+IF(Input!$D$20=1,K1853*Input!$C$20,0)+IF(Input!$D$21=1,L1853*Input!$C$21,0)+IF(Input!$D$22=1,M1853*Input!$C$22,0)</f>
        <v>0.11959047038628468</v>
      </c>
      <c r="O1853" s="59">
        <f>IF(Input!$D$19=2,J1853*Input!$C$19,0)+IF(Input!$D$20=2,K1853*Input!$C$20,0)+IF(Input!$D$21=2,L1853*Input!$C$21,0)+IF(Input!$D$22=2,M1853*Input!$C$22,0)</f>
        <v>0.29897617596571169</v>
      </c>
      <c r="P1853" s="59">
        <f>IF(Input!$D$19=3,J1853*Input!$C$19,0)+IF(Input!$D$20=3,K1853*Input!$C$20,0)+IF(Input!$D$21=3,L1853*Input!$C$21,0)+IF(Input!$D$22=3,M1853*Input!$C$22,0)</f>
        <v>0</v>
      </c>
      <c r="Q1853" s="75">
        <f>IF(Input!$D$19=4,J1853*Input!$C$19,0)+IF(Input!$D$20=4,K1853*Input!$C$20,0)+IF(Input!$D$21=4,L1853*Input!$C$21,0)+IF(Input!$D$22=4,M1853*Input!$C$22,0)</f>
        <v>0</v>
      </c>
      <c r="R1853" s="58">
        <v>40.840072354019561</v>
      </c>
      <c r="S1853" s="124">
        <f t="shared" si="28"/>
        <v>0.51822537167390026</v>
      </c>
    </row>
    <row r="1854" spans="8:19" x14ac:dyDescent="0.3">
      <c r="H1854" s="44">
        <v>1847</v>
      </c>
      <c r="I1854" s="56">
        <f>Bühler!I1880</f>
        <v>0.11959047038628466</v>
      </c>
      <c r="J1854" s="59">
        <f>Bühler!J1880</f>
        <v>0.39863490128761558</v>
      </c>
      <c r="K1854" s="59">
        <f>Bühler!K1880</f>
        <v>0.59795235193142338</v>
      </c>
      <c r="L1854" s="59">
        <f>Bühler!L1880</f>
        <v>6.2735252182762986</v>
      </c>
      <c r="M1854" s="58">
        <f>Bühler!M1880</f>
        <v>0</v>
      </c>
      <c r="N1854" s="56">
        <f>IF(Input!$D$19=1,J1854*Input!$C$19,0)+IF(Input!$D$20=1,K1854*Input!$C$20,0)+IF(Input!$D$21=1,L1854*Input!$C$21,0)+IF(Input!$D$22=1,M1854*Input!$C$22,0)</f>
        <v>0.11959047038628468</v>
      </c>
      <c r="O1854" s="59">
        <f>IF(Input!$D$19=2,J1854*Input!$C$19,0)+IF(Input!$D$20=2,K1854*Input!$C$20,0)+IF(Input!$D$21=2,L1854*Input!$C$21,0)+IF(Input!$D$22=2,M1854*Input!$C$22,0)</f>
        <v>0.29897617596571169</v>
      </c>
      <c r="P1854" s="59">
        <f>IF(Input!$D$19=3,J1854*Input!$C$19,0)+IF(Input!$D$20=3,K1854*Input!$C$20,0)+IF(Input!$D$21=3,L1854*Input!$C$21,0)+IF(Input!$D$22=3,M1854*Input!$C$22,0)</f>
        <v>0</v>
      </c>
      <c r="Q1854" s="75">
        <f>IF(Input!$D$19=4,J1854*Input!$C$19,0)+IF(Input!$D$20=4,K1854*Input!$C$20,0)+IF(Input!$D$21=4,L1854*Input!$C$21,0)+IF(Input!$D$22=4,M1854*Input!$C$22,0)</f>
        <v>0</v>
      </c>
      <c r="R1854" s="58">
        <v>41.32153241188049</v>
      </c>
      <c r="S1854" s="124">
        <f t="shared" si="28"/>
        <v>0.51822537167390026</v>
      </c>
    </row>
    <row r="1855" spans="8:19" x14ac:dyDescent="0.3">
      <c r="H1855" s="44">
        <v>1848</v>
      </c>
      <c r="I1855" s="56">
        <f>Bühler!I1881</f>
        <v>0.11959047038628466</v>
      </c>
      <c r="J1855" s="59">
        <f>Bühler!J1881</f>
        <v>0.39863490128761558</v>
      </c>
      <c r="K1855" s="59">
        <f>Bühler!K1881</f>
        <v>0.59795235193142338</v>
      </c>
      <c r="L1855" s="59">
        <f>Bühler!L1881</f>
        <v>6.2735252182762986</v>
      </c>
      <c r="M1855" s="58">
        <f>Bühler!M1881</f>
        <v>0</v>
      </c>
      <c r="N1855" s="56">
        <f>IF(Input!$D$19=1,J1855*Input!$C$19,0)+IF(Input!$D$20=1,K1855*Input!$C$20,0)+IF(Input!$D$21=1,L1855*Input!$C$21,0)+IF(Input!$D$22=1,M1855*Input!$C$22,0)</f>
        <v>0.11959047038628468</v>
      </c>
      <c r="O1855" s="59">
        <f>IF(Input!$D$19=2,J1855*Input!$C$19,0)+IF(Input!$D$20=2,K1855*Input!$C$20,0)+IF(Input!$D$21=2,L1855*Input!$C$21,0)+IF(Input!$D$22=2,M1855*Input!$C$22,0)</f>
        <v>0.29897617596571169</v>
      </c>
      <c r="P1855" s="59">
        <f>IF(Input!$D$19=3,J1855*Input!$C$19,0)+IF(Input!$D$20=3,K1855*Input!$C$20,0)+IF(Input!$D$21=3,L1855*Input!$C$21,0)+IF(Input!$D$22=3,M1855*Input!$C$22,0)</f>
        <v>0</v>
      </c>
      <c r="Q1855" s="75">
        <f>IF(Input!$D$19=4,J1855*Input!$C$19,0)+IF(Input!$D$20=4,K1855*Input!$C$20,0)+IF(Input!$D$21=4,L1855*Input!$C$21,0)+IF(Input!$D$22=4,M1855*Input!$C$22,0)</f>
        <v>0</v>
      </c>
      <c r="R1855" s="58">
        <v>40.967958576320257</v>
      </c>
      <c r="S1855" s="124">
        <f t="shared" si="28"/>
        <v>0.51822537167390026</v>
      </c>
    </row>
    <row r="1856" spans="8:19" x14ac:dyDescent="0.3">
      <c r="H1856" s="44">
        <v>1849</v>
      </c>
      <c r="I1856" s="56">
        <f>Bühler!I1882</f>
        <v>7.839484143255275E-2</v>
      </c>
      <c r="J1856" s="59">
        <f>Bühler!J1882</f>
        <v>0.26131613810850918</v>
      </c>
      <c r="K1856" s="59">
        <f>Bühler!K1882</f>
        <v>0.39197420716276377</v>
      </c>
      <c r="L1856" s="59">
        <f>Bühler!L1882</f>
        <v>1.8814761943812659</v>
      </c>
      <c r="M1856" s="58">
        <f>Bühler!M1882</f>
        <v>0</v>
      </c>
      <c r="N1856" s="56">
        <f>IF(Input!$D$19=1,J1856*Input!$C$19,0)+IF(Input!$D$20=1,K1856*Input!$C$20,0)+IF(Input!$D$21=1,L1856*Input!$C$21,0)+IF(Input!$D$22=1,M1856*Input!$C$22,0)</f>
        <v>7.839484143255275E-2</v>
      </c>
      <c r="O1856" s="59">
        <f>IF(Input!$D$19=2,J1856*Input!$C$19,0)+IF(Input!$D$20=2,K1856*Input!$C$20,0)+IF(Input!$D$21=2,L1856*Input!$C$21,0)+IF(Input!$D$22=2,M1856*Input!$C$22,0)</f>
        <v>0.19598710358138188</v>
      </c>
      <c r="P1856" s="59">
        <f>IF(Input!$D$19=3,J1856*Input!$C$19,0)+IF(Input!$D$20=3,K1856*Input!$C$20,0)+IF(Input!$D$21=3,L1856*Input!$C$21,0)+IF(Input!$D$22=3,M1856*Input!$C$22,0)</f>
        <v>0</v>
      </c>
      <c r="Q1856" s="75">
        <f>IF(Input!$D$19=4,J1856*Input!$C$19,0)+IF(Input!$D$20=4,K1856*Input!$C$20,0)+IF(Input!$D$21=4,L1856*Input!$C$21,0)+IF(Input!$D$22=4,M1856*Input!$C$22,0)</f>
        <v>0</v>
      </c>
      <c r="R1856" s="58">
        <v>40.656274553436134</v>
      </c>
      <c r="S1856" s="124">
        <f t="shared" si="28"/>
        <v>0.33971097954106194</v>
      </c>
    </row>
    <row r="1857" spans="8:19" x14ac:dyDescent="0.3">
      <c r="H1857" s="44">
        <v>1850</v>
      </c>
      <c r="I1857" s="56">
        <f>Bühler!I1883</f>
        <v>7.839484143255275E-2</v>
      </c>
      <c r="J1857" s="59">
        <f>Bühler!J1883</f>
        <v>0.26131613810850918</v>
      </c>
      <c r="K1857" s="59">
        <f>Bühler!K1883</f>
        <v>0.39197420716276377</v>
      </c>
      <c r="L1857" s="59">
        <f>Bühler!L1883</f>
        <v>1.8814761943812659</v>
      </c>
      <c r="M1857" s="58">
        <f>Bühler!M1883</f>
        <v>0</v>
      </c>
      <c r="N1857" s="56">
        <f>IF(Input!$D$19=1,J1857*Input!$C$19,0)+IF(Input!$D$20=1,K1857*Input!$C$20,0)+IF(Input!$D$21=1,L1857*Input!$C$21,0)+IF(Input!$D$22=1,M1857*Input!$C$22,0)</f>
        <v>7.839484143255275E-2</v>
      </c>
      <c r="O1857" s="59">
        <f>IF(Input!$D$19=2,J1857*Input!$C$19,0)+IF(Input!$D$20=2,K1857*Input!$C$20,0)+IF(Input!$D$21=2,L1857*Input!$C$21,0)+IF(Input!$D$22=2,M1857*Input!$C$22,0)</f>
        <v>0.19598710358138188</v>
      </c>
      <c r="P1857" s="59">
        <f>IF(Input!$D$19=3,J1857*Input!$C$19,0)+IF(Input!$D$20=3,K1857*Input!$C$20,0)+IF(Input!$D$21=3,L1857*Input!$C$21,0)+IF(Input!$D$22=3,M1857*Input!$C$22,0)</f>
        <v>0</v>
      </c>
      <c r="Q1857" s="75">
        <f>IF(Input!$D$19=4,J1857*Input!$C$19,0)+IF(Input!$D$20=4,K1857*Input!$C$20,0)+IF(Input!$D$21=4,L1857*Input!$C$21,0)+IF(Input!$D$22=4,M1857*Input!$C$22,0)</f>
        <v>0</v>
      </c>
      <c r="R1857" s="58">
        <v>41.467981804682324</v>
      </c>
      <c r="S1857" s="124">
        <f t="shared" si="28"/>
        <v>0.33971097954106194</v>
      </c>
    </row>
    <row r="1858" spans="8:19" x14ac:dyDescent="0.3">
      <c r="H1858" s="44">
        <v>1851</v>
      </c>
      <c r="I1858" s="56">
        <f>Bühler!I1884</f>
        <v>7.839484143255275E-2</v>
      </c>
      <c r="J1858" s="59">
        <f>Bühler!J1884</f>
        <v>0.26131613810850918</v>
      </c>
      <c r="K1858" s="59">
        <f>Bühler!K1884</f>
        <v>0.39197420716276377</v>
      </c>
      <c r="L1858" s="59">
        <f>Bühler!L1884</f>
        <v>1.8814761943812659</v>
      </c>
      <c r="M1858" s="58">
        <f>Bühler!M1884</f>
        <v>0</v>
      </c>
      <c r="N1858" s="56">
        <f>IF(Input!$D$19=1,J1858*Input!$C$19,0)+IF(Input!$D$20=1,K1858*Input!$C$20,0)+IF(Input!$D$21=1,L1858*Input!$C$21,0)+IF(Input!$D$22=1,M1858*Input!$C$22,0)</f>
        <v>7.839484143255275E-2</v>
      </c>
      <c r="O1858" s="59">
        <f>IF(Input!$D$19=2,J1858*Input!$C$19,0)+IF(Input!$D$20=2,K1858*Input!$C$20,0)+IF(Input!$D$21=2,L1858*Input!$C$21,0)+IF(Input!$D$22=2,M1858*Input!$C$22,0)</f>
        <v>0.19598710358138188</v>
      </c>
      <c r="P1858" s="59">
        <f>IF(Input!$D$19=3,J1858*Input!$C$19,0)+IF(Input!$D$20=3,K1858*Input!$C$20,0)+IF(Input!$D$21=3,L1858*Input!$C$21,0)+IF(Input!$D$22=3,M1858*Input!$C$22,0)</f>
        <v>0</v>
      </c>
      <c r="Q1858" s="75">
        <f>IF(Input!$D$19=4,J1858*Input!$C$19,0)+IF(Input!$D$20=4,K1858*Input!$C$20,0)+IF(Input!$D$21=4,L1858*Input!$C$21,0)+IF(Input!$D$22=4,M1858*Input!$C$22,0)</f>
        <v>0</v>
      </c>
      <c r="R1858" s="58">
        <v>42.445534144095895</v>
      </c>
      <c r="S1858" s="124">
        <f t="shared" si="28"/>
        <v>0.33971097954106194</v>
      </c>
    </row>
    <row r="1859" spans="8:19" x14ac:dyDescent="0.3">
      <c r="H1859" s="44">
        <v>1852</v>
      </c>
      <c r="I1859" s="56">
        <f>Bühler!I1885</f>
        <v>7.839484143255275E-2</v>
      </c>
      <c r="J1859" s="59">
        <f>Bühler!J1885</f>
        <v>0.26131613810850918</v>
      </c>
      <c r="K1859" s="59">
        <f>Bühler!K1885</f>
        <v>0.39197420716276377</v>
      </c>
      <c r="L1859" s="59">
        <f>Bühler!L1885</f>
        <v>1.8814761943812659</v>
      </c>
      <c r="M1859" s="58">
        <f>Bühler!M1885</f>
        <v>0</v>
      </c>
      <c r="N1859" s="56">
        <f>IF(Input!$D$19=1,J1859*Input!$C$19,0)+IF(Input!$D$20=1,K1859*Input!$C$20,0)+IF(Input!$D$21=1,L1859*Input!$C$21,0)+IF(Input!$D$22=1,M1859*Input!$C$22,0)</f>
        <v>7.839484143255275E-2</v>
      </c>
      <c r="O1859" s="59">
        <f>IF(Input!$D$19=2,J1859*Input!$C$19,0)+IF(Input!$D$20=2,K1859*Input!$C$20,0)+IF(Input!$D$21=2,L1859*Input!$C$21,0)+IF(Input!$D$22=2,M1859*Input!$C$22,0)</f>
        <v>0.19598710358138188</v>
      </c>
      <c r="P1859" s="59">
        <f>IF(Input!$D$19=3,J1859*Input!$C$19,0)+IF(Input!$D$20=3,K1859*Input!$C$20,0)+IF(Input!$D$21=3,L1859*Input!$C$21,0)+IF(Input!$D$22=3,M1859*Input!$C$22,0)</f>
        <v>0</v>
      </c>
      <c r="Q1859" s="75">
        <f>IF(Input!$D$19=4,J1859*Input!$C$19,0)+IF(Input!$D$20=4,K1859*Input!$C$20,0)+IF(Input!$D$21=4,L1859*Input!$C$21,0)+IF(Input!$D$22=4,M1859*Input!$C$22,0)</f>
        <v>0</v>
      </c>
      <c r="R1859" s="58">
        <v>43.403744824001279</v>
      </c>
      <c r="S1859" s="124">
        <f t="shared" si="28"/>
        <v>0.33971097954106194</v>
      </c>
    </row>
    <row r="1860" spans="8:19" x14ac:dyDescent="0.3">
      <c r="H1860" s="44">
        <v>1853</v>
      </c>
      <c r="I1860" s="56">
        <f>Bühler!I1886</f>
        <v>7.839484143255275E-2</v>
      </c>
      <c r="J1860" s="59">
        <f>Bühler!J1886</f>
        <v>0.26131613810850918</v>
      </c>
      <c r="K1860" s="59">
        <f>Bühler!K1886</f>
        <v>0.39197420716276377</v>
      </c>
      <c r="L1860" s="59">
        <f>Bühler!L1886</f>
        <v>1.8814761943812659</v>
      </c>
      <c r="M1860" s="58">
        <f>Bühler!M1886</f>
        <v>0</v>
      </c>
      <c r="N1860" s="56">
        <f>IF(Input!$D$19=1,J1860*Input!$C$19,0)+IF(Input!$D$20=1,K1860*Input!$C$20,0)+IF(Input!$D$21=1,L1860*Input!$C$21,0)+IF(Input!$D$22=1,M1860*Input!$C$22,0)</f>
        <v>7.839484143255275E-2</v>
      </c>
      <c r="O1860" s="59">
        <f>IF(Input!$D$19=2,J1860*Input!$C$19,0)+IF(Input!$D$20=2,K1860*Input!$C$20,0)+IF(Input!$D$21=2,L1860*Input!$C$21,0)+IF(Input!$D$22=2,M1860*Input!$C$22,0)</f>
        <v>0.19598710358138188</v>
      </c>
      <c r="P1860" s="59">
        <f>IF(Input!$D$19=3,J1860*Input!$C$19,0)+IF(Input!$D$20=3,K1860*Input!$C$20,0)+IF(Input!$D$21=3,L1860*Input!$C$21,0)+IF(Input!$D$22=3,M1860*Input!$C$22,0)</f>
        <v>0</v>
      </c>
      <c r="Q1860" s="75">
        <f>IF(Input!$D$19=4,J1860*Input!$C$19,0)+IF(Input!$D$20=4,K1860*Input!$C$20,0)+IF(Input!$D$21=4,L1860*Input!$C$21,0)+IF(Input!$D$22=4,M1860*Input!$C$22,0)</f>
        <v>0</v>
      </c>
      <c r="R1860" s="58">
        <v>46.739353467732542</v>
      </c>
      <c r="S1860" s="124">
        <f t="shared" si="28"/>
        <v>0.33971097954106194</v>
      </c>
    </row>
    <row r="1861" spans="8:19" x14ac:dyDescent="0.3">
      <c r="H1861" s="44">
        <v>1854</v>
      </c>
      <c r="I1861" s="56">
        <f>Bühler!I1887</f>
        <v>0.33971097954106189</v>
      </c>
      <c r="J1861" s="59">
        <f>Bühler!J1887</f>
        <v>1.1323699318035396</v>
      </c>
      <c r="K1861" s="59">
        <f>Bühler!K1887</f>
        <v>1.6985548977053095</v>
      </c>
      <c r="L1861" s="59">
        <f>Bühler!L1887</f>
        <v>8.1530635089854862</v>
      </c>
      <c r="M1861" s="58">
        <f>Bühler!M1887</f>
        <v>0</v>
      </c>
      <c r="N1861" s="56">
        <f>IF(Input!$D$19=1,J1861*Input!$C$19,0)+IF(Input!$D$20=1,K1861*Input!$C$20,0)+IF(Input!$D$21=1,L1861*Input!$C$21,0)+IF(Input!$D$22=1,M1861*Input!$C$22,0)</f>
        <v>0.33971097954106189</v>
      </c>
      <c r="O1861" s="59">
        <f>IF(Input!$D$19=2,J1861*Input!$C$19,0)+IF(Input!$D$20=2,K1861*Input!$C$20,0)+IF(Input!$D$21=2,L1861*Input!$C$21,0)+IF(Input!$D$22=2,M1861*Input!$C$22,0)</f>
        <v>0.84927744885265477</v>
      </c>
      <c r="P1861" s="59">
        <f>IF(Input!$D$19=3,J1861*Input!$C$19,0)+IF(Input!$D$20=3,K1861*Input!$C$20,0)+IF(Input!$D$21=3,L1861*Input!$C$21,0)+IF(Input!$D$22=3,M1861*Input!$C$22,0)</f>
        <v>0</v>
      </c>
      <c r="Q1861" s="75">
        <f>IF(Input!$D$19=4,J1861*Input!$C$19,0)+IF(Input!$D$20=4,K1861*Input!$C$20,0)+IF(Input!$D$21=4,L1861*Input!$C$21,0)+IF(Input!$D$22=4,M1861*Input!$C$22,0)</f>
        <v>0</v>
      </c>
      <c r="R1861" s="58">
        <v>52.271533874199889</v>
      </c>
      <c r="S1861" s="124">
        <f t="shared" si="28"/>
        <v>1.4720809113446016</v>
      </c>
    </row>
    <row r="1862" spans="8:19" x14ac:dyDescent="0.3">
      <c r="H1862" s="44">
        <v>1855</v>
      </c>
      <c r="I1862" s="56">
        <f>Bühler!I1888</f>
        <v>0.38544130371005103</v>
      </c>
      <c r="J1862" s="59">
        <f>Bühler!J1888</f>
        <v>1.2848043457001701</v>
      </c>
      <c r="K1862" s="59">
        <f>Bühler!K1888</f>
        <v>1.9272065185502552</v>
      </c>
      <c r="L1862" s="59">
        <f>Bühler!L1888</f>
        <v>9.2505912890412247</v>
      </c>
      <c r="M1862" s="58">
        <f>Bühler!M1888</f>
        <v>0</v>
      </c>
      <c r="N1862" s="56">
        <f>IF(Input!$D$19=1,J1862*Input!$C$19,0)+IF(Input!$D$20=1,K1862*Input!$C$20,0)+IF(Input!$D$21=1,L1862*Input!$C$21,0)+IF(Input!$D$22=1,M1862*Input!$C$22,0)</f>
        <v>0.38544130371005103</v>
      </c>
      <c r="O1862" s="59">
        <f>IF(Input!$D$19=2,J1862*Input!$C$19,0)+IF(Input!$D$20=2,K1862*Input!$C$20,0)+IF(Input!$D$21=2,L1862*Input!$C$21,0)+IF(Input!$D$22=2,M1862*Input!$C$22,0)</f>
        <v>0.96360325927512758</v>
      </c>
      <c r="P1862" s="59">
        <f>IF(Input!$D$19=3,J1862*Input!$C$19,0)+IF(Input!$D$20=3,K1862*Input!$C$20,0)+IF(Input!$D$21=3,L1862*Input!$C$21,0)+IF(Input!$D$22=3,M1862*Input!$C$22,0)</f>
        <v>0</v>
      </c>
      <c r="Q1862" s="75">
        <f>IF(Input!$D$19=4,J1862*Input!$C$19,0)+IF(Input!$D$20=4,K1862*Input!$C$20,0)+IF(Input!$D$21=4,L1862*Input!$C$21,0)+IF(Input!$D$22=4,M1862*Input!$C$22,0)</f>
        <v>0</v>
      </c>
      <c r="R1862" s="58">
        <v>58.256430792886995</v>
      </c>
      <c r="S1862" s="124">
        <f t="shared" si="28"/>
        <v>1.6702456494102211</v>
      </c>
    </row>
    <row r="1863" spans="8:19" x14ac:dyDescent="0.3">
      <c r="H1863" s="44">
        <v>1856</v>
      </c>
      <c r="I1863" s="56">
        <f>Bühler!I1889</f>
        <v>0.38544130371005103</v>
      </c>
      <c r="J1863" s="59">
        <f>Bühler!J1889</f>
        <v>1.2848043457001701</v>
      </c>
      <c r="K1863" s="59">
        <f>Bühler!K1889</f>
        <v>1.9272065185502552</v>
      </c>
      <c r="L1863" s="59">
        <f>Bühler!L1889</f>
        <v>9.2505912890412247</v>
      </c>
      <c r="M1863" s="58">
        <f>Bühler!M1889</f>
        <v>0</v>
      </c>
      <c r="N1863" s="56">
        <f>IF(Input!$D$19=1,J1863*Input!$C$19,0)+IF(Input!$D$20=1,K1863*Input!$C$20,0)+IF(Input!$D$21=1,L1863*Input!$C$21,0)+IF(Input!$D$22=1,M1863*Input!$C$22,0)</f>
        <v>0.38544130371005103</v>
      </c>
      <c r="O1863" s="59">
        <f>IF(Input!$D$19=2,J1863*Input!$C$19,0)+IF(Input!$D$20=2,K1863*Input!$C$20,0)+IF(Input!$D$21=2,L1863*Input!$C$21,0)+IF(Input!$D$22=2,M1863*Input!$C$22,0)</f>
        <v>0.96360325927512758</v>
      </c>
      <c r="P1863" s="59">
        <f>IF(Input!$D$19=3,J1863*Input!$C$19,0)+IF(Input!$D$20=3,K1863*Input!$C$20,0)+IF(Input!$D$21=3,L1863*Input!$C$21,0)+IF(Input!$D$22=3,M1863*Input!$C$22,0)</f>
        <v>0</v>
      </c>
      <c r="Q1863" s="75">
        <f>IF(Input!$D$19=4,J1863*Input!$C$19,0)+IF(Input!$D$20=4,K1863*Input!$C$20,0)+IF(Input!$D$21=4,L1863*Input!$C$21,0)+IF(Input!$D$22=4,M1863*Input!$C$22,0)</f>
        <v>0</v>
      </c>
      <c r="R1863" s="58">
        <v>61.199046256784612</v>
      </c>
      <c r="S1863" s="124">
        <f t="shared" si="28"/>
        <v>1.6702456494102211</v>
      </c>
    </row>
    <row r="1864" spans="8:19" x14ac:dyDescent="0.3">
      <c r="H1864" s="44">
        <v>1857</v>
      </c>
      <c r="I1864" s="56">
        <f>Bühler!I1890</f>
        <v>0.38544130371005103</v>
      </c>
      <c r="J1864" s="59">
        <f>Bühler!J1890</f>
        <v>1.2848043457001701</v>
      </c>
      <c r="K1864" s="59">
        <f>Bühler!K1890</f>
        <v>1.9272065185502552</v>
      </c>
      <c r="L1864" s="59">
        <f>Bühler!L1890</f>
        <v>9.2505912890412247</v>
      </c>
      <c r="M1864" s="58">
        <f>Bühler!M1890</f>
        <v>0</v>
      </c>
      <c r="N1864" s="56">
        <f>IF(Input!$D$19=1,J1864*Input!$C$19,0)+IF(Input!$D$20=1,K1864*Input!$C$20,0)+IF(Input!$D$21=1,L1864*Input!$C$21,0)+IF(Input!$D$22=1,M1864*Input!$C$22,0)</f>
        <v>0.38544130371005103</v>
      </c>
      <c r="O1864" s="59">
        <f>IF(Input!$D$19=2,J1864*Input!$C$19,0)+IF(Input!$D$20=2,K1864*Input!$C$20,0)+IF(Input!$D$21=2,L1864*Input!$C$21,0)+IF(Input!$D$22=2,M1864*Input!$C$22,0)</f>
        <v>0.96360325927512758</v>
      </c>
      <c r="P1864" s="59">
        <f>IF(Input!$D$19=3,J1864*Input!$C$19,0)+IF(Input!$D$20=3,K1864*Input!$C$20,0)+IF(Input!$D$21=3,L1864*Input!$C$21,0)+IF(Input!$D$22=3,M1864*Input!$C$22,0)</f>
        <v>0</v>
      </c>
      <c r="Q1864" s="75">
        <f>IF(Input!$D$19=4,J1864*Input!$C$19,0)+IF(Input!$D$20=4,K1864*Input!$C$20,0)+IF(Input!$D$21=4,L1864*Input!$C$21,0)+IF(Input!$D$22=4,M1864*Input!$C$22,0)</f>
        <v>0</v>
      </c>
      <c r="R1864" s="58">
        <v>62.783639889092711</v>
      </c>
      <c r="S1864" s="124">
        <f t="shared" si="28"/>
        <v>1.6702456494102211</v>
      </c>
    </row>
    <row r="1865" spans="8:19" x14ac:dyDescent="0.3">
      <c r="H1865" s="44">
        <v>1858</v>
      </c>
      <c r="I1865" s="56">
        <f>Bühler!I1891</f>
        <v>0.41157291752090197</v>
      </c>
      <c r="J1865" s="59">
        <f>Bühler!J1891</f>
        <v>1.3719097250696732</v>
      </c>
      <c r="K1865" s="59">
        <f>Bühler!K1891</f>
        <v>2.0578645876045099</v>
      </c>
      <c r="L1865" s="59">
        <f>Bühler!L1891</f>
        <v>9.8777500205016473</v>
      </c>
      <c r="M1865" s="58">
        <f>Bühler!M1891</f>
        <v>0</v>
      </c>
      <c r="N1865" s="56">
        <f>IF(Input!$D$19=1,J1865*Input!$C$19,0)+IF(Input!$D$20=1,K1865*Input!$C$20,0)+IF(Input!$D$21=1,L1865*Input!$C$21,0)+IF(Input!$D$22=1,M1865*Input!$C$22,0)</f>
        <v>0.41157291752090197</v>
      </c>
      <c r="O1865" s="59">
        <f>IF(Input!$D$19=2,J1865*Input!$C$19,0)+IF(Input!$D$20=2,K1865*Input!$C$20,0)+IF(Input!$D$21=2,L1865*Input!$C$21,0)+IF(Input!$D$22=2,M1865*Input!$C$22,0)</f>
        <v>1.0289322938022549</v>
      </c>
      <c r="P1865" s="59">
        <f>IF(Input!$D$19=3,J1865*Input!$C$19,0)+IF(Input!$D$20=3,K1865*Input!$C$20,0)+IF(Input!$D$21=3,L1865*Input!$C$21,0)+IF(Input!$D$22=3,M1865*Input!$C$22,0)</f>
        <v>0</v>
      </c>
      <c r="Q1865" s="75">
        <f>IF(Input!$D$19=4,J1865*Input!$C$19,0)+IF(Input!$D$20=4,K1865*Input!$C$20,0)+IF(Input!$D$21=4,L1865*Input!$C$21,0)+IF(Input!$D$22=4,M1865*Input!$C$22,0)</f>
        <v>0</v>
      </c>
      <c r="R1865" s="58">
        <v>62.966406830659409</v>
      </c>
      <c r="S1865" s="124">
        <f t="shared" ref="S1865:S1928" si="29">I1865+J1865</f>
        <v>1.7834826425905752</v>
      </c>
    </row>
    <row r="1866" spans="8:19" x14ac:dyDescent="0.3">
      <c r="H1866" s="44">
        <v>1859</v>
      </c>
      <c r="I1866" s="56">
        <f>Bühler!I1892</f>
        <v>0.41157291752090197</v>
      </c>
      <c r="J1866" s="59">
        <f>Bühler!J1892</f>
        <v>1.3719097250696732</v>
      </c>
      <c r="K1866" s="59">
        <f>Bühler!K1892</f>
        <v>2.0578645876045099</v>
      </c>
      <c r="L1866" s="59">
        <f>Bühler!L1892</f>
        <v>9.8777500205016473</v>
      </c>
      <c r="M1866" s="58">
        <f>Bühler!M1892</f>
        <v>0</v>
      </c>
      <c r="N1866" s="56">
        <f>IF(Input!$D$19=1,J1866*Input!$C$19,0)+IF(Input!$D$20=1,K1866*Input!$C$20,0)+IF(Input!$D$21=1,L1866*Input!$C$21,0)+IF(Input!$D$22=1,M1866*Input!$C$22,0)</f>
        <v>0.41157291752090197</v>
      </c>
      <c r="O1866" s="59">
        <f>IF(Input!$D$19=2,J1866*Input!$C$19,0)+IF(Input!$D$20=2,K1866*Input!$C$20,0)+IF(Input!$D$21=2,L1866*Input!$C$21,0)+IF(Input!$D$22=2,M1866*Input!$C$22,0)</f>
        <v>1.0289322938022549</v>
      </c>
      <c r="P1866" s="59">
        <f>IF(Input!$D$19=3,J1866*Input!$C$19,0)+IF(Input!$D$20=3,K1866*Input!$C$20,0)+IF(Input!$D$21=3,L1866*Input!$C$21,0)+IF(Input!$D$22=3,M1866*Input!$C$22,0)</f>
        <v>0</v>
      </c>
      <c r="Q1866" s="75">
        <f>IF(Input!$D$19=4,J1866*Input!$C$19,0)+IF(Input!$D$20=4,K1866*Input!$C$20,0)+IF(Input!$D$21=4,L1866*Input!$C$21,0)+IF(Input!$D$22=4,M1866*Input!$C$22,0)</f>
        <v>0</v>
      </c>
      <c r="R1866" s="58">
        <v>63.497962423700841</v>
      </c>
      <c r="S1866" s="124">
        <f t="shared" si="29"/>
        <v>1.7834826425905752</v>
      </c>
    </row>
    <row r="1867" spans="8:19" x14ac:dyDescent="0.3">
      <c r="H1867" s="44">
        <v>1860</v>
      </c>
      <c r="I1867" s="56">
        <f>Bühler!I1893</f>
        <v>0.52263227621701835</v>
      </c>
      <c r="J1867" s="59">
        <f>Bühler!J1893</f>
        <v>1.7421075873900613</v>
      </c>
      <c r="K1867" s="59">
        <f>Bühler!K1893</f>
        <v>2.6131613810850918</v>
      </c>
      <c r="L1867" s="59">
        <f>Bühler!L1893</f>
        <v>12.543174629208441</v>
      </c>
      <c r="M1867" s="58">
        <f>Bühler!M1893</f>
        <v>0</v>
      </c>
      <c r="N1867" s="56">
        <f>IF(Input!$D$19=1,J1867*Input!$C$19,0)+IF(Input!$D$20=1,K1867*Input!$C$20,0)+IF(Input!$D$21=1,L1867*Input!$C$21,0)+IF(Input!$D$22=1,M1867*Input!$C$22,0)</f>
        <v>0.52263227621701835</v>
      </c>
      <c r="O1867" s="59">
        <f>IF(Input!$D$19=2,J1867*Input!$C$19,0)+IF(Input!$D$20=2,K1867*Input!$C$20,0)+IF(Input!$D$21=2,L1867*Input!$C$21,0)+IF(Input!$D$22=2,M1867*Input!$C$22,0)</f>
        <v>1.3065806905425459</v>
      </c>
      <c r="P1867" s="59">
        <f>IF(Input!$D$19=3,J1867*Input!$C$19,0)+IF(Input!$D$20=3,K1867*Input!$C$20,0)+IF(Input!$D$21=3,L1867*Input!$C$21,0)+IF(Input!$D$22=3,M1867*Input!$C$22,0)</f>
        <v>0</v>
      </c>
      <c r="Q1867" s="75">
        <f>IF(Input!$D$19=4,J1867*Input!$C$19,0)+IF(Input!$D$20=4,K1867*Input!$C$20,0)+IF(Input!$D$21=4,L1867*Input!$C$21,0)+IF(Input!$D$22=4,M1867*Input!$C$22,0)</f>
        <v>0</v>
      </c>
      <c r="R1867" s="58">
        <v>64.497116278670902</v>
      </c>
      <c r="S1867" s="124">
        <f t="shared" si="29"/>
        <v>2.2647398636070797</v>
      </c>
    </row>
    <row r="1868" spans="8:19" x14ac:dyDescent="0.3">
      <c r="H1868" s="44">
        <v>1861</v>
      </c>
      <c r="I1868" s="56">
        <f>Bühler!I1894</f>
        <v>0.52263227621701835</v>
      </c>
      <c r="J1868" s="59">
        <f>Bühler!J1894</f>
        <v>1.7421075873900613</v>
      </c>
      <c r="K1868" s="59">
        <f>Bühler!K1894</f>
        <v>2.6131613810850918</v>
      </c>
      <c r="L1868" s="59">
        <f>Bühler!L1894</f>
        <v>12.543174629208441</v>
      </c>
      <c r="M1868" s="58">
        <f>Bühler!M1894</f>
        <v>0</v>
      </c>
      <c r="N1868" s="56">
        <f>IF(Input!$D$19=1,J1868*Input!$C$19,0)+IF(Input!$D$20=1,K1868*Input!$C$20,0)+IF(Input!$D$21=1,L1868*Input!$C$21,0)+IF(Input!$D$22=1,M1868*Input!$C$22,0)</f>
        <v>0.52263227621701835</v>
      </c>
      <c r="O1868" s="59">
        <f>IF(Input!$D$19=2,J1868*Input!$C$19,0)+IF(Input!$D$20=2,K1868*Input!$C$20,0)+IF(Input!$D$21=2,L1868*Input!$C$21,0)+IF(Input!$D$22=2,M1868*Input!$C$22,0)</f>
        <v>1.3065806905425459</v>
      </c>
      <c r="P1868" s="59">
        <f>IF(Input!$D$19=3,J1868*Input!$C$19,0)+IF(Input!$D$20=3,K1868*Input!$C$20,0)+IF(Input!$D$21=3,L1868*Input!$C$21,0)+IF(Input!$D$22=3,M1868*Input!$C$22,0)</f>
        <v>0</v>
      </c>
      <c r="Q1868" s="75">
        <f>IF(Input!$D$19=4,J1868*Input!$C$19,0)+IF(Input!$D$20=4,K1868*Input!$C$20,0)+IF(Input!$D$21=4,L1868*Input!$C$21,0)+IF(Input!$D$22=4,M1868*Input!$C$22,0)</f>
        <v>0</v>
      </c>
      <c r="R1868" s="58">
        <v>64.462543882154421</v>
      </c>
      <c r="S1868" s="124">
        <f t="shared" si="29"/>
        <v>2.2647398636070797</v>
      </c>
    </row>
    <row r="1869" spans="8:19" x14ac:dyDescent="0.3">
      <c r="H1869" s="44">
        <v>1862</v>
      </c>
      <c r="I1869" s="56">
        <f>Bühler!I1895</f>
        <v>0.34624388299377462</v>
      </c>
      <c r="J1869" s="59">
        <f>Bühler!J1895</f>
        <v>1.1541462766459156</v>
      </c>
      <c r="K1869" s="59">
        <f>Bühler!K1895</f>
        <v>1.7312194149688731</v>
      </c>
      <c r="L1869" s="59">
        <f>Bühler!L1895</f>
        <v>8.3098531918505909</v>
      </c>
      <c r="M1869" s="58">
        <f>Bühler!M1895</f>
        <v>0</v>
      </c>
      <c r="N1869" s="56">
        <f>IF(Input!$D$19=1,J1869*Input!$C$19,0)+IF(Input!$D$20=1,K1869*Input!$C$20,0)+IF(Input!$D$21=1,L1869*Input!$C$21,0)+IF(Input!$D$22=1,M1869*Input!$C$22,0)</f>
        <v>0.34624388299377468</v>
      </c>
      <c r="O1869" s="59">
        <f>IF(Input!$D$19=2,J1869*Input!$C$19,0)+IF(Input!$D$20=2,K1869*Input!$C$20,0)+IF(Input!$D$21=2,L1869*Input!$C$21,0)+IF(Input!$D$22=2,M1869*Input!$C$22,0)</f>
        <v>0.86560970748443655</v>
      </c>
      <c r="P1869" s="59">
        <f>IF(Input!$D$19=3,J1869*Input!$C$19,0)+IF(Input!$D$20=3,K1869*Input!$C$20,0)+IF(Input!$D$21=3,L1869*Input!$C$21,0)+IF(Input!$D$22=3,M1869*Input!$C$22,0)</f>
        <v>0</v>
      </c>
      <c r="Q1869" s="75">
        <f>IF(Input!$D$19=4,J1869*Input!$C$19,0)+IF(Input!$D$20=4,K1869*Input!$C$20,0)+IF(Input!$D$21=4,L1869*Input!$C$21,0)+IF(Input!$D$22=4,M1869*Input!$C$22,0)</f>
        <v>0</v>
      </c>
      <c r="R1869" s="58">
        <v>64.971936418225155</v>
      </c>
      <c r="S1869" s="124">
        <f t="shared" si="29"/>
        <v>1.5003901596396902</v>
      </c>
    </row>
    <row r="1870" spans="8:19" x14ac:dyDescent="0.3">
      <c r="H1870" s="44">
        <v>1863</v>
      </c>
      <c r="I1870" s="56">
        <f>Bühler!I1896</f>
        <v>0.52263227621701835</v>
      </c>
      <c r="J1870" s="59">
        <f>Bühler!J1896</f>
        <v>1.7421075873900613</v>
      </c>
      <c r="K1870" s="59">
        <f>Bühler!K1896</f>
        <v>2.6131613810850918</v>
      </c>
      <c r="L1870" s="59">
        <f>Bühler!L1896</f>
        <v>12.543174629208441</v>
      </c>
      <c r="M1870" s="58">
        <f>Bühler!M1896</f>
        <v>0</v>
      </c>
      <c r="N1870" s="56">
        <f>IF(Input!$D$19=1,J1870*Input!$C$19,0)+IF(Input!$D$20=1,K1870*Input!$C$20,0)+IF(Input!$D$21=1,L1870*Input!$C$21,0)+IF(Input!$D$22=1,M1870*Input!$C$22,0)</f>
        <v>0.52263227621701835</v>
      </c>
      <c r="O1870" s="59">
        <f>IF(Input!$D$19=2,J1870*Input!$C$19,0)+IF(Input!$D$20=2,K1870*Input!$C$20,0)+IF(Input!$D$21=2,L1870*Input!$C$21,0)+IF(Input!$D$22=2,M1870*Input!$C$22,0)</f>
        <v>1.3065806905425459</v>
      </c>
      <c r="P1870" s="59">
        <f>IF(Input!$D$19=3,J1870*Input!$C$19,0)+IF(Input!$D$20=3,K1870*Input!$C$20,0)+IF(Input!$D$21=3,L1870*Input!$C$21,0)+IF(Input!$D$22=3,M1870*Input!$C$22,0)</f>
        <v>0</v>
      </c>
      <c r="Q1870" s="75">
        <f>IF(Input!$D$19=4,J1870*Input!$C$19,0)+IF(Input!$D$20=4,K1870*Input!$C$20,0)+IF(Input!$D$21=4,L1870*Input!$C$21,0)+IF(Input!$D$22=4,M1870*Input!$C$22,0)</f>
        <v>0</v>
      </c>
      <c r="R1870" s="58">
        <v>66.403622166532003</v>
      </c>
      <c r="S1870" s="124">
        <f t="shared" si="29"/>
        <v>2.2647398636070797</v>
      </c>
    </row>
    <row r="1871" spans="8:19" x14ac:dyDescent="0.3">
      <c r="H1871" s="44">
        <v>1864</v>
      </c>
      <c r="I1871" s="56">
        <f>Bühler!I1897</f>
        <v>0.52263227621701835</v>
      </c>
      <c r="J1871" s="59">
        <f>Bühler!J1897</f>
        <v>1.7421075873900613</v>
      </c>
      <c r="K1871" s="59">
        <f>Bühler!K1897</f>
        <v>2.6131613810850918</v>
      </c>
      <c r="L1871" s="59">
        <f>Bühler!L1897</f>
        <v>12.543174629208441</v>
      </c>
      <c r="M1871" s="58">
        <f>Bühler!M1897</f>
        <v>0</v>
      </c>
      <c r="N1871" s="56">
        <f>IF(Input!$D$19=1,J1871*Input!$C$19,0)+IF(Input!$D$20=1,K1871*Input!$C$20,0)+IF(Input!$D$21=1,L1871*Input!$C$21,0)+IF(Input!$D$22=1,M1871*Input!$C$22,0)</f>
        <v>0.52263227621701835</v>
      </c>
      <c r="O1871" s="59">
        <f>IF(Input!$D$19=2,J1871*Input!$C$19,0)+IF(Input!$D$20=2,K1871*Input!$C$20,0)+IF(Input!$D$21=2,L1871*Input!$C$21,0)+IF(Input!$D$22=2,M1871*Input!$C$22,0)</f>
        <v>1.3065806905425459</v>
      </c>
      <c r="P1871" s="59">
        <f>IF(Input!$D$19=3,J1871*Input!$C$19,0)+IF(Input!$D$20=3,K1871*Input!$C$20,0)+IF(Input!$D$21=3,L1871*Input!$C$21,0)+IF(Input!$D$22=3,M1871*Input!$C$22,0)</f>
        <v>0</v>
      </c>
      <c r="Q1871" s="75">
        <f>IF(Input!$D$19=4,J1871*Input!$C$19,0)+IF(Input!$D$20=4,K1871*Input!$C$20,0)+IF(Input!$D$21=4,L1871*Input!$C$21,0)+IF(Input!$D$22=4,M1871*Input!$C$22,0)</f>
        <v>0</v>
      </c>
      <c r="R1871" s="58">
        <v>66.05325607991098</v>
      </c>
      <c r="S1871" s="124">
        <f t="shared" si="29"/>
        <v>2.2647398636070797</v>
      </c>
    </row>
    <row r="1872" spans="8:19" x14ac:dyDescent="0.3">
      <c r="H1872" s="44">
        <v>1865</v>
      </c>
      <c r="I1872" s="56">
        <f>Bühler!I1898</f>
        <v>0.52263227621701835</v>
      </c>
      <c r="J1872" s="59">
        <f>Bühler!J1898</f>
        <v>1.7421075873900613</v>
      </c>
      <c r="K1872" s="59">
        <f>Bühler!K1898</f>
        <v>2.6131613810850918</v>
      </c>
      <c r="L1872" s="59">
        <f>Bühler!L1898</f>
        <v>12.543174629208441</v>
      </c>
      <c r="M1872" s="58">
        <f>Bühler!M1898</f>
        <v>0</v>
      </c>
      <c r="N1872" s="56">
        <f>IF(Input!$D$19=1,J1872*Input!$C$19,0)+IF(Input!$D$20=1,K1872*Input!$C$20,0)+IF(Input!$D$21=1,L1872*Input!$C$21,0)+IF(Input!$D$22=1,M1872*Input!$C$22,0)</f>
        <v>0.52263227621701835</v>
      </c>
      <c r="O1872" s="59">
        <f>IF(Input!$D$19=2,J1872*Input!$C$19,0)+IF(Input!$D$20=2,K1872*Input!$C$20,0)+IF(Input!$D$21=2,L1872*Input!$C$21,0)+IF(Input!$D$22=2,M1872*Input!$C$22,0)</f>
        <v>1.3065806905425459</v>
      </c>
      <c r="P1872" s="59">
        <f>IF(Input!$D$19=3,J1872*Input!$C$19,0)+IF(Input!$D$20=3,K1872*Input!$C$20,0)+IF(Input!$D$21=3,L1872*Input!$C$21,0)+IF(Input!$D$22=3,M1872*Input!$C$22,0)</f>
        <v>0</v>
      </c>
      <c r="Q1872" s="75">
        <f>IF(Input!$D$19=4,J1872*Input!$C$19,0)+IF(Input!$D$20=4,K1872*Input!$C$20,0)+IF(Input!$D$21=4,L1872*Input!$C$21,0)+IF(Input!$D$22=4,M1872*Input!$C$22,0)</f>
        <v>0</v>
      </c>
      <c r="R1872" s="58">
        <v>64.914129230684324</v>
      </c>
      <c r="S1872" s="124">
        <f t="shared" si="29"/>
        <v>2.2647398636070797</v>
      </c>
    </row>
    <row r="1873" spans="8:19" x14ac:dyDescent="0.3">
      <c r="H1873" s="44">
        <v>1866</v>
      </c>
      <c r="I1873" s="56">
        <f>Bühler!I1899</f>
        <v>0.52263227621701835</v>
      </c>
      <c r="J1873" s="59">
        <f>Bühler!J1899</f>
        <v>1.7421075873900613</v>
      </c>
      <c r="K1873" s="59">
        <f>Bühler!K1899</f>
        <v>2.6131613810850918</v>
      </c>
      <c r="L1873" s="59">
        <f>Bühler!L1899</f>
        <v>12.543174629208441</v>
      </c>
      <c r="M1873" s="58">
        <f>Bühler!M1899</f>
        <v>0</v>
      </c>
      <c r="N1873" s="56">
        <f>IF(Input!$D$19=1,J1873*Input!$C$19,0)+IF(Input!$D$20=1,K1873*Input!$C$20,0)+IF(Input!$D$21=1,L1873*Input!$C$21,0)+IF(Input!$D$22=1,M1873*Input!$C$22,0)</f>
        <v>0.52263227621701835</v>
      </c>
      <c r="O1873" s="59">
        <f>IF(Input!$D$19=2,J1873*Input!$C$19,0)+IF(Input!$D$20=2,K1873*Input!$C$20,0)+IF(Input!$D$21=2,L1873*Input!$C$21,0)+IF(Input!$D$22=2,M1873*Input!$C$22,0)</f>
        <v>1.3065806905425459</v>
      </c>
      <c r="P1873" s="59">
        <f>IF(Input!$D$19=3,J1873*Input!$C$19,0)+IF(Input!$D$20=3,K1873*Input!$C$20,0)+IF(Input!$D$21=3,L1873*Input!$C$21,0)+IF(Input!$D$22=3,M1873*Input!$C$22,0)</f>
        <v>0</v>
      </c>
      <c r="Q1873" s="75">
        <f>IF(Input!$D$19=4,J1873*Input!$C$19,0)+IF(Input!$D$20=4,K1873*Input!$C$20,0)+IF(Input!$D$21=4,L1873*Input!$C$21,0)+IF(Input!$D$22=4,M1873*Input!$C$22,0)</f>
        <v>0</v>
      </c>
      <c r="R1873" s="58">
        <v>63.523617060061511</v>
      </c>
      <c r="S1873" s="124">
        <f t="shared" si="29"/>
        <v>2.2647398636070797</v>
      </c>
    </row>
    <row r="1874" spans="8:19" x14ac:dyDescent="0.3">
      <c r="H1874" s="44">
        <v>1867</v>
      </c>
      <c r="I1874" s="56">
        <f>Bühler!I1900</f>
        <v>0.52263227621701835</v>
      </c>
      <c r="J1874" s="59">
        <f>Bühler!J1900</f>
        <v>1.7421075873900613</v>
      </c>
      <c r="K1874" s="59">
        <f>Bühler!K1900</f>
        <v>2.6131613810850918</v>
      </c>
      <c r="L1874" s="59">
        <f>Bühler!L1900</f>
        <v>12.543174629208441</v>
      </c>
      <c r="M1874" s="58">
        <f>Bühler!M1900</f>
        <v>0</v>
      </c>
      <c r="N1874" s="56">
        <f>IF(Input!$D$19=1,J1874*Input!$C$19,0)+IF(Input!$D$20=1,K1874*Input!$C$20,0)+IF(Input!$D$21=1,L1874*Input!$C$21,0)+IF(Input!$D$22=1,M1874*Input!$C$22,0)</f>
        <v>0.52263227621701835</v>
      </c>
      <c r="O1874" s="59">
        <f>IF(Input!$D$19=2,J1874*Input!$C$19,0)+IF(Input!$D$20=2,K1874*Input!$C$20,0)+IF(Input!$D$21=2,L1874*Input!$C$21,0)+IF(Input!$D$22=2,M1874*Input!$C$22,0)</f>
        <v>1.3065806905425459</v>
      </c>
      <c r="P1874" s="59">
        <f>IF(Input!$D$19=3,J1874*Input!$C$19,0)+IF(Input!$D$20=3,K1874*Input!$C$20,0)+IF(Input!$D$21=3,L1874*Input!$C$21,0)+IF(Input!$D$22=3,M1874*Input!$C$22,0)</f>
        <v>0</v>
      </c>
      <c r="Q1874" s="75">
        <f>IF(Input!$D$19=4,J1874*Input!$C$19,0)+IF(Input!$D$20=4,K1874*Input!$C$20,0)+IF(Input!$D$21=4,L1874*Input!$C$21,0)+IF(Input!$D$22=4,M1874*Input!$C$22,0)</f>
        <v>0</v>
      </c>
      <c r="R1874" s="58">
        <v>62.852600764073223</v>
      </c>
      <c r="S1874" s="124">
        <f t="shared" si="29"/>
        <v>2.2647398636070797</v>
      </c>
    </row>
    <row r="1875" spans="8:19" x14ac:dyDescent="0.3">
      <c r="H1875" s="44">
        <v>1868</v>
      </c>
      <c r="I1875" s="56">
        <f>Bühler!I1901</f>
        <v>0.43770453133175291</v>
      </c>
      <c r="J1875" s="59">
        <f>Bühler!J1901</f>
        <v>1.4590151044391764</v>
      </c>
      <c r="K1875" s="59">
        <f>Bühler!K1901</f>
        <v>2.1885226566587646</v>
      </c>
      <c r="L1875" s="59">
        <f>Bühler!L1901</f>
        <v>10.50490875196207</v>
      </c>
      <c r="M1875" s="58">
        <f>Bühler!M1901</f>
        <v>0</v>
      </c>
      <c r="N1875" s="56">
        <f>IF(Input!$D$19=1,J1875*Input!$C$19,0)+IF(Input!$D$20=1,K1875*Input!$C$20,0)+IF(Input!$D$21=1,L1875*Input!$C$21,0)+IF(Input!$D$22=1,M1875*Input!$C$22,0)</f>
        <v>0.43770453133175291</v>
      </c>
      <c r="O1875" s="59">
        <f>IF(Input!$D$19=2,J1875*Input!$C$19,0)+IF(Input!$D$20=2,K1875*Input!$C$20,0)+IF(Input!$D$21=2,L1875*Input!$C$21,0)+IF(Input!$D$22=2,M1875*Input!$C$22,0)</f>
        <v>1.0942613283293823</v>
      </c>
      <c r="P1875" s="59">
        <f>IF(Input!$D$19=3,J1875*Input!$C$19,0)+IF(Input!$D$20=3,K1875*Input!$C$20,0)+IF(Input!$D$21=3,L1875*Input!$C$21,0)+IF(Input!$D$22=3,M1875*Input!$C$22,0)</f>
        <v>0</v>
      </c>
      <c r="Q1875" s="75">
        <f>IF(Input!$D$19=4,J1875*Input!$C$19,0)+IF(Input!$D$20=4,K1875*Input!$C$20,0)+IF(Input!$D$21=4,L1875*Input!$C$21,0)+IF(Input!$D$22=4,M1875*Input!$C$22,0)</f>
        <v>0</v>
      </c>
      <c r="R1875" s="58">
        <v>62.26549038631758</v>
      </c>
      <c r="S1875" s="124">
        <f t="shared" si="29"/>
        <v>1.8967196357709293</v>
      </c>
    </row>
    <row r="1876" spans="8:19" x14ac:dyDescent="0.3">
      <c r="H1876" s="44">
        <v>1869</v>
      </c>
      <c r="I1876" s="56">
        <f>Bühler!I1902</f>
        <v>0.35930968989920009</v>
      </c>
      <c r="J1876" s="59">
        <f>Bühler!J1902</f>
        <v>1.197698966330667</v>
      </c>
      <c r="K1876" s="59">
        <f>Bühler!K1902</f>
        <v>1.7965484494960005</v>
      </c>
      <c r="L1876" s="59">
        <f>Bühler!L1902</f>
        <v>8.6234325575808022</v>
      </c>
      <c r="M1876" s="58">
        <f>Bühler!M1902</f>
        <v>0</v>
      </c>
      <c r="N1876" s="56">
        <f>IF(Input!$D$19=1,J1876*Input!$C$19,0)+IF(Input!$D$20=1,K1876*Input!$C$20,0)+IF(Input!$D$21=1,L1876*Input!$C$21,0)+IF(Input!$D$22=1,M1876*Input!$C$22,0)</f>
        <v>0.35930968989920009</v>
      </c>
      <c r="O1876" s="59">
        <f>IF(Input!$D$19=2,J1876*Input!$C$19,0)+IF(Input!$D$20=2,K1876*Input!$C$20,0)+IF(Input!$D$21=2,L1876*Input!$C$21,0)+IF(Input!$D$22=2,M1876*Input!$C$22,0)</f>
        <v>0.89827422474800023</v>
      </c>
      <c r="P1876" s="59">
        <f>IF(Input!$D$19=3,J1876*Input!$C$19,0)+IF(Input!$D$20=3,K1876*Input!$C$20,0)+IF(Input!$D$21=3,L1876*Input!$C$21,0)+IF(Input!$D$22=3,M1876*Input!$C$22,0)</f>
        <v>0</v>
      </c>
      <c r="Q1876" s="75">
        <f>IF(Input!$D$19=4,J1876*Input!$C$19,0)+IF(Input!$D$20=4,K1876*Input!$C$20,0)+IF(Input!$D$21=4,L1876*Input!$C$21,0)+IF(Input!$D$22=4,M1876*Input!$C$22,0)</f>
        <v>0</v>
      </c>
      <c r="R1876" s="58">
        <v>60.538333529845644</v>
      </c>
      <c r="S1876" s="124">
        <f t="shared" si="29"/>
        <v>1.5570086562298671</v>
      </c>
    </row>
    <row r="1877" spans="8:19" x14ac:dyDescent="0.3">
      <c r="H1877" s="44">
        <v>1870</v>
      </c>
      <c r="I1877" s="56">
        <f>Bühler!I1903</f>
        <v>0.26131613810850918</v>
      </c>
      <c r="J1877" s="59">
        <f>Bühler!J1903</f>
        <v>0.87105379369503066</v>
      </c>
      <c r="K1877" s="59">
        <f>Bühler!K1903</f>
        <v>1.3065806905425459</v>
      </c>
      <c r="L1877" s="59">
        <f>Bühler!L1903</f>
        <v>6.2715873146042203</v>
      </c>
      <c r="M1877" s="58">
        <f>Bühler!M1903</f>
        <v>0</v>
      </c>
      <c r="N1877" s="56">
        <f>IF(Input!$D$19=1,J1877*Input!$C$19,0)+IF(Input!$D$20=1,K1877*Input!$C$20,0)+IF(Input!$D$21=1,L1877*Input!$C$21,0)+IF(Input!$D$22=1,M1877*Input!$C$22,0)</f>
        <v>0.26131613810850918</v>
      </c>
      <c r="O1877" s="59">
        <f>IF(Input!$D$19=2,J1877*Input!$C$19,0)+IF(Input!$D$20=2,K1877*Input!$C$20,0)+IF(Input!$D$21=2,L1877*Input!$C$21,0)+IF(Input!$D$22=2,M1877*Input!$C$22,0)</f>
        <v>0.65329034527127294</v>
      </c>
      <c r="P1877" s="59">
        <f>IF(Input!$D$19=3,J1877*Input!$C$19,0)+IF(Input!$D$20=3,K1877*Input!$C$20,0)+IF(Input!$D$21=3,L1877*Input!$C$21,0)+IF(Input!$D$22=3,M1877*Input!$C$22,0)</f>
        <v>0</v>
      </c>
      <c r="Q1877" s="75">
        <f>IF(Input!$D$19=4,J1877*Input!$C$19,0)+IF(Input!$D$20=4,K1877*Input!$C$20,0)+IF(Input!$D$21=4,L1877*Input!$C$21,0)+IF(Input!$D$22=4,M1877*Input!$C$22,0)</f>
        <v>0</v>
      </c>
      <c r="R1877" s="58">
        <v>59.106861139816957</v>
      </c>
      <c r="S1877" s="124">
        <f t="shared" si="29"/>
        <v>1.1323699318035398</v>
      </c>
    </row>
    <row r="1878" spans="8:19" x14ac:dyDescent="0.3">
      <c r="H1878" s="44">
        <v>1871</v>
      </c>
      <c r="I1878" s="56">
        <f>Bühler!I1904</f>
        <v>0.24825033120308368</v>
      </c>
      <c r="J1878" s="59">
        <f>Bühler!J1904</f>
        <v>0.82750110401027899</v>
      </c>
      <c r="K1878" s="59">
        <f>Bühler!K1904</f>
        <v>1.2412516560154183</v>
      </c>
      <c r="L1878" s="59">
        <f>Bühler!L1904</f>
        <v>5.9580079488740081</v>
      </c>
      <c r="M1878" s="58">
        <f>Bühler!M1904</f>
        <v>0</v>
      </c>
      <c r="N1878" s="56">
        <f>IF(Input!$D$19=1,J1878*Input!$C$19,0)+IF(Input!$D$20=1,K1878*Input!$C$20,0)+IF(Input!$D$21=1,L1878*Input!$C$21,0)+IF(Input!$D$22=1,M1878*Input!$C$22,0)</f>
        <v>0.24825033120308368</v>
      </c>
      <c r="O1878" s="59">
        <f>IF(Input!$D$19=2,J1878*Input!$C$19,0)+IF(Input!$D$20=2,K1878*Input!$C$20,0)+IF(Input!$D$21=2,L1878*Input!$C$21,0)+IF(Input!$D$22=2,M1878*Input!$C$22,0)</f>
        <v>0.62062582800770916</v>
      </c>
      <c r="P1878" s="59">
        <f>IF(Input!$D$19=3,J1878*Input!$C$19,0)+IF(Input!$D$20=3,K1878*Input!$C$20,0)+IF(Input!$D$21=3,L1878*Input!$C$21,0)+IF(Input!$D$22=3,M1878*Input!$C$22,0)</f>
        <v>0</v>
      </c>
      <c r="Q1878" s="75">
        <f>IF(Input!$D$19=4,J1878*Input!$C$19,0)+IF(Input!$D$20=4,K1878*Input!$C$20,0)+IF(Input!$D$21=4,L1878*Input!$C$21,0)+IF(Input!$D$22=4,M1878*Input!$C$22,0)</f>
        <v>0</v>
      </c>
      <c r="R1878" s="58">
        <v>58.872496466235205</v>
      </c>
      <c r="S1878" s="124">
        <f t="shared" si="29"/>
        <v>1.0757514352133626</v>
      </c>
    </row>
    <row r="1879" spans="8:19" x14ac:dyDescent="0.3">
      <c r="H1879" s="44">
        <v>1872</v>
      </c>
      <c r="I1879" s="56">
        <f>Bühler!I1905</f>
        <v>0.24825033120308368</v>
      </c>
      <c r="J1879" s="59">
        <f>Bühler!J1905</f>
        <v>0.82750110401027899</v>
      </c>
      <c r="K1879" s="59">
        <f>Bühler!K1905</f>
        <v>1.2412516560154183</v>
      </c>
      <c r="L1879" s="59">
        <f>Bühler!L1905</f>
        <v>5.9580079488740081</v>
      </c>
      <c r="M1879" s="58">
        <f>Bühler!M1905</f>
        <v>0</v>
      </c>
      <c r="N1879" s="56">
        <f>IF(Input!$D$19=1,J1879*Input!$C$19,0)+IF(Input!$D$20=1,K1879*Input!$C$20,0)+IF(Input!$D$21=1,L1879*Input!$C$21,0)+IF(Input!$D$22=1,M1879*Input!$C$22,0)</f>
        <v>0.24825033120308368</v>
      </c>
      <c r="O1879" s="59">
        <f>IF(Input!$D$19=2,J1879*Input!$C$19,0)+IF(Input!$D$20=2,K1879*Input!$C$20,0)+IF(Input!$D$21=2,L1879*Input!$C$21,0)+IF(Input!$D$22=2,M1879*Input!$C$22,0)</f>
        <v>0.62062582800770916</v>
      </c>
      <c r="P1879" s="59">
        <f>IF(Input!$D$19=3,J1879*Input!$C$19,0)+IF(Input!$D$20=3,K1879*Input!$C$20,0)+IF(Input!$D$21=3,L1879*Input!$C$21,0)+IF(Input!$D$22=3,M1879*Input!$C$22,0)</f>
        <v>0</v>
      </c>
      <c r="Q1879" s="75">
        <f>IF(Input!$D$19=4,J1879*Input!$C$19,0)+IF(Input!$D$20=4,K1879*Input!$C$20,0)+IF(Input!$D$21=4,L1879*Input!$C$21,0)+IF(Input!$D$22=4,M1879*Input!$C$22,0)</f>
        <v>0</v>
      </c>
      <c r="R1879" s="58">
        <v>57.853659437292983</v>
      </c>
      <c r="S1879" s="124">
        <f t="shared" si="29"/>
        <v>1.0757514352133626</v>
      </c>
    </row>
    <row r="1880" spans="8:19" x14ac:dyDescent="0.3">
      <c r="H1880" s="44">
        <v>1873</v>
      </c>
      <c r="I1880" s="56">
        <f>Bühler!I1906</f>
        <v>0.22643674643121292</v>
      </c>
      <c r="J1880" s="59">
        <f>Bühler!J1906</f>
        <v>0.75478915477070974</v>
      </c>
      <c r="K1880" s="59">
        <f>Bühler!K1906</f>
        <v>1.1321837321560646</v>
      </c>
      <c r="L1880" s="59">
        <f>Bühler!L1906</f>
        <v>5.4344819143491101</v>
      </c>
      <c r="M1880" s="58">
        <f>Bühler!M1906</f>
        <v>0</v>
      </c>
      <c r="N1880" s="56">
        <f>IF(Input!$D$19=1,J1880*Input!$C$19,0)+IF(Input!$D$20=1,K1880*Input!$C$20,0)+IF(Input!$D$21=1,L1880*Input!$C$21,0)+IF(Input!$D$22=1,M1880*Input!$C$22,0)</f>
        <v>0.22643674643121292</v>
      </c>
      <c r="O1880" s="59">
        <f>IF(Input!$D$19=2,J1880*Input!$C$19,0)+IF(Input!$D$20=2,K1880*Input!$C$20,0)+IF(Input!$D$21=2,L1880*Input!$C$21,0)+IF(Input!$D$22=2,M1880*Input!$C$22,0)</f>
        <v>0.5660918660780323</v>
      </c>
      <c r="P1880" s="59">
        <f>IF(Input!$D$19=3,J1880*Input!$C$19,0)+IF(Input!$D$20=3,K1880*Input!$C$20,0)+IF(Input!$D$21=3,L1880*Input!$C$21,0)+IF(Input!$D$22=3,M1880*Input!$C$22,0)</f>
        <v>0</v>
      </c>
      <c r="Q1880" s="75">
        <f>IF(Input!$D$19=4,J1880*Input!$C$19,0)+IF(Input!$D$20=4,K1880*Input!$C$20,0)+IF(Input!$D$21=4,L1880*Input!$C$21,0)+IF(Input!$D$22=4,M1880*Input!$C$22,0)</f>
        <v>0</v>
      </c>
      <c r="R1880" s="58">
        <v>57.539046769008735</v>
      </c>
      <c r="S1880" s="124">
        <f t="shared" si="29"/>
        <v>0.98122590120192266</v>
      </c>
    </row>
    <row r="1881" spans="8:19" x14ac:dyDescent="0.3">
      <c r="H1881" s="44">
        <v>1874</v>
      </c>
      <c r="I1881" s="56">
        <f>Bühler!I1907</f>
        <v>0.22643674643121292</v>
      </c>
      <c r="J1881" s="59">
        <f>Bühler!J1907</f>
        <v>0.75478915477070974</v>
      </c>
      <c r="K1881" s="59">
        <f>Bühler!K1907</f>
        <v>1.1321837321560646</v>
      </c>
      <c r="L1881" s="59">
        <f>Bühler!L1907</f>
        <v>5.4344819143491101</v>
      </c>
      <c r="M1881" s="58">
        <f>Bühler!M1907</f>
        <v>0</v>
      </c>
      <c r="N1881" s="56">
        <f>IF(Input!$D$19=1,J1881*Input!$C$19,0)+IF(Input!$D$20=1,K1881*Input!$C$20,0)+IF(Input!$D$21=1,L1881*Input!$C$21,0)+IF(Input!$D$22=1,M1881*Input!$C$22,0)</f>
        <v>0.22643674643121292</v>
      </c>
      <c r="O1881" s="59">
        <f>IF(Input!$D$19=2,J1881*Input!$C$19,0)+IF(Input!$D$20=2,K1881*Input!$C$20,0)+IF(Input!$D$21=2,L1881*Input!$C$21,0)+IF(Input!$D$22=2,M1881*Input!$C$22,0)</f>
        <v>0.5660918660780323</v>
      </c>
      <c r="P1881" s="59">
        <f>IF(Input!$D$19=3,J1881*Input!$C$19,0)+IF(Input!$D$20=3,K1881*Input!$C$20,0)+IF(Input!$D$21=3,L1881*Input!$C$21,0)+IF(Input!$D$22=3,M1881*Input!$C$22,0)</f>
        <v>0</v>
      </c>
      <c r="Q1881" s="75">
        <f>IF(Input!$D$19=4,J1881*Input!$C$19,0)+IF(Input!$D$20=4,K1881*Input!$C$20,0)+IF(Input!$D$21=4,L1881*Input!$C$21,0)+IF(Input!$D$22=4,M1881*Input!$C$22,0)</f>
        <v>0</v>
      </c>
      <c r="R1881" s="58">
        <v>57.471680118537087</v>
      </c>
      <c r="S1881" s="124">
        <f t="shared" si="29"/>
        <v>0.98122590120192266</v>
      </c>
    </row>
    <row r="1882" spans="8:19" x14ac:dyDescent="0.3">
      <c r="H1882" s="44">
        <v>1875</v>
      </c>
      <c r="I1882" s="56">
        <f>Bühler!I1908</f>
        <v>0.22643674643121292</v>
      </c>
      <c r="J1882" s="59">
        <f>Bühler!J1908</f>
        <v>0.75478915477070974</v>
      </c>
      <c r="K1882" s="59">
        <f>Bühler!K1908</f>
        <v>1.1321837321560646</v>
      </c>
      <c r="L1882" s="59">
        <f>Bühler!L1908</f>
        <v>5.4344819143491101</v>
      </c>
      <c r="M1882" s="58">
        <f>Bühler!M1908</f>
        <v>0</v>
      </c>
      <c r="N1882" s="56">
        <f>IF(Input!$D$19=1,J1882*Input!$C$19,0)+IF(Input!$D$20=1,K1882*Input!$C$20,0)+IF(Input!$D$21=1,L1882*Input!$C$21,0)+IF(Input!$D$22=1,M1882*Input!$C$22,0)</f>
        <v>0.22643674643121292</v>
      </c>
      <c r="O1882" s="59">
        <f>IF(Input!$D$19=2,J1882*Input!$C$19,0)+IF(Input!$D$20=2,K1882*Input!$C$20,0)+IF(Input!$D$21=2,L1882*Input!$C$21,0)+IF(Input!$D$22=2,M1882*Input!$C$22,0)</f>
        <v>0.5660918660780323</v>
      </c>
      <c r="P1882" s="59">
        <f>IF(Input!$D$19=3,J1882*Input!$C$19,0)+IF(Input!$D$20=3,K1882*Input!$C$20,0)+IF(Input!$D$21=3,L1882*Input!$C$21,0)+IF(Input!$D$22=3,M1882*Input!$C$22,0)</f>
        <v>0</v>
      </c>
      <c r="Q1882" s="75">
        <f>IF(Input!$D$19=4,J1882*Input!$C$19,0)+IF(Input!$D$20=4,K1882*Input!$C$20,0)+IF(Input!$D$21=4,L1882*Input!$C$21,0)+IF(Input!$D$22=4,M1882*Input!$C$22,0)</f>
        <v>0</v>
      </c>
      <c r="R1882" s="58">
        <v>58.163440417311008</v>
      </c>
      <c r="S1882" s="124">
        <f t="shared" si="29"/>
        <v>0.98122590120192266</v>
      </c>
    </row>
    <row r="1883" spans="8:19" x14ac:dyDescent="0.3">
      <c r="H1883" s="44">
        <v>1876</v>
      </c>
      <c r="I1883" s="56">
        <f>Bühler!I1909</f>
        <v>0.22643674643121292</v>
      </c>
      <c r="J1883" s="59">
        <f>Bühler!J1909</f>
        <v>0.75478915477070974</v>
      </c>
      <c r="K1883" s="59">
        <f>Bühler!K1909</f>
        <v>1.1321837321560646</v>
      </c>
      <c r="L1883" s="59">
        <f>Bühler!L1909</f>
        <v>5.4344819143491101</v>
      </c>
      <c r="M1883" s="58">
        <f>Bühler!M1909</f>
        <v>0</v>
      </c>
      <c r="N1883" s="56">
        <f>IF(Input!$D$19=1,J1883*Input!$C$19,0)+IF(Input!$D$20=1,K1883*Input!$C$20,0)+IF(Input!$D$21=1,L1883*Input!$C$21,0)+IF(Input!$D$22=1,M1883*Input!$C$22,0)</f>
        <v>0.22643674643121292</v>
      </c>
      <c r="O1883" s="59">
        <f>IF(Input!$D$19=2,J1883*Input!$C$19,0)+IF(Input!$D$20=2,K1883*Input!$C$20,0)+IF(Input!$D$21=2,L1883*Input!$C$21,0)+IF(Input!$D$22=2,M1883*Input!$C$22,0)</f>
        <v>0.5660918660780323</v>
      </c>
      <c r="P1883" s="59">
        <f>IF(Input!$D$19=3,J1883*Input!$C$19,0)+IF(Input!$D$20=3,K1883*Input!$C$20,0)+IF(Input!$D$21=3,L1883*Input!$C$21,0)+IF(Input!$D$22=3,M1883*Input!$C$22,0)</f>
        <v>0</v>
      </c>
      <c r="Q1883" s="75">
        <f>IF(Input!$D$19=4,J1883*Input!$C$19,0)+IF(Input!$D$20=4,K1883*Input!$C$20,0)+IF(Input!$D$21=4,L1883*Input!$C$21,0)+IF(Input!$D$22=4,M1883*Input!$C$22,0)</f>
        <v>0</v>
      </c>
      <c r="R1883" s="58">
        <v>58.254267711038402</v>
      </c>
      <c r="S1883" s="124">
        <f t="shared" si="29"/>
        <v>0.98122590120192266</v>
      </c>
    </row>
    <row r="1884" spans="8:19" x14ac:dyDescent="0.3">
      <c r="H1884" s="44">
        <v>1877</v>
      </c>
      <c r="I1884" s="56">
        <f>Bühler!I1910</f>
        <v>0.22643674643121292</v>
      </c>
      <c r="J1884" s="59">
        <f>Bühler!J1910</f>
        <v>0.75478915477070974</v>
      </c>
      <c r="K1884" s="59">
        <f>Bühler!K1910</f>
        <v>1.1321837321560646</v>
      </c>
      <c r="L1884" s="59">
        <f>Bühler!L1910</f>
        <v>5.4344819143491101</v>
      </c>
      <c r="M1884" s="58">
        <f>Bühler!M1910</f>
        <v>0</v>
      </c>
      <c r="N1884" s="56">
        <f>IF(Input!$D$19=1,J1884*Input!$C$19,0)+IF(Input!$D$20=1,K1884*Input!$C$20,0)+IF(Input!$D$21=1,L1884*Input!$C$21,0)+IF(Input!$D$22=1,M1884*Input!$C$22,0)</f>
        <v>0.22643674643121292</v>
      </c>
      <c r="O1884" s="59">
        <f>IF(Input!$D$19=2,J1884*Input!$C$19,0)+IF(Input!$D$20=2,K1884*Input!$C$20,0)+IF(Input!$D$21=2,L1884*Input!$C$21,0)+IF(Input!$D$22=2,M1884*Input!$C$22,0)</f>
        <v>0.5660918660780323</v>
      </c>
      <c r="P1884" s="59">
        <f>IF(Input!$D$19=3,J1884*Input!$C$19,0)+IF(Input!$D$20=3,K1884*Input!$C$20,0)+IF(Input!$D$21=3,L1884*Input!$C$21,0)+IF(Input!$D$22=3,M1884*Input!$C$22,0)</f>
        <v>0</v>
      </c>
      <c r="Q1884" s="75">
        <f>IF(Input!$D$19=4,J1884*Input!$C$19,0)+IF(Input!$D$20=4,K1884*Input!$C$20,0)+IF(Input!$D$21=4,L1884*Input!$C$21,0)+IF(Input!$D$22=4,M1884*Input!$C$22,0)</f>
        <v>0</v>
      </c>
      <c r="R1884" s="58">
        <v>59.750520130559899</v>
      </c>
      <c r="S1884" s="124">
        <f t="shared" si="29"/>
        <v>0.98122590120192266</v>
      </c>
    </row>
    <row r="1885" spans="8:19" x14ac:dyDescent="0.3">
      <c r="H1885" s="44">
        <v>1878</v>
      </c>
      <c r="I1885" s="56">
        <f>Bühler!I1911</f>
        <v>0.29436777036057676</v>
      </c>
      <c r="J1885" s="59">
        <f>Bühler!J1911</f>
        <v>0.98122590120192266</v>
      </c>
      <c r="K1885" s="59">
        <f>Bühler!K1911</f>
        <v>1.4718388518028838</v>
      </c>
      <c r="L1885" s="59">
        <f>Bühler!L1911</f>
        <v>7.0648264886538419</v>
      </c>
      <c r="M1885" s="58">
        <f>Bühler!M1911</f>
        <v>0</v>
      </c>
      <c r="N1885" s="56">
        <f>IF(Input!$D$19=1,J1885*Input!$C$19,0)+IF(Input!$D$20=1,K1885*Input!$C$20,0)+IF(Input!$D$21=1,L1885*Input!$C$21,0)+IF(Input!$D$22=1,M1885*Input!$C$22,0)</f>
        <v>0.29436777036057676</v>
      </c>
      <c r="O1885" s="59">
        <f>IF(Input!$D$19=2,J1885*Input!$C$19,0)+IF(Input!$D$20=2,K1885*Input!$C$20,0)+IF(Input!$D$21=2,L1885*Input!$C$21,0)+IF(Input!$D$22=2,M1885*Input!$C$22,0)</f>
        <v>0.73591942590144188</v>
      </c>
      <c r="P1885" s="59">
        <f>IF(Input!$D$19=3,J1885*Input!$C$19,0)+IF(Input!$D$20=3,K1885*Input!$C$20,0)+IF(Input!$D$21=3,L1885*Input!$C$21,0)+IF(Input!$D$22=3,M1885*Input!$C$22,0)</f>
        <v>0</v>
      </c>
      <c r="Q1885" s="75">
        <f>IF(Input!$D$19=4,J1885*Input!$C$19,0)+IF(Input!$D$20=4,K1885*Input!$C$20,0)+IF(Input!$D$21=4,L1885*Input!$C$21,0)+IF(Input!$D$22=4,M1885*Input!$C$22,0)</f>
        <v>0</v>
      </c>
      <c r="R1885" s="58">
        <v>63.321015251847207</v>
      </c>
      <c r="S1885" s="124">
        <f t="shared" si="29"/>
        <v>1.2755936715624994</v>
      </c>
    </row>
    <row r="1886" spans="8:19" x14ac:dyDescent="0.3">
      <c r="H1886" s="44">
        <v>1879</v>
      </c>
      <c r="I1886" s="56">
        <f>Bühler!I1912</f>
        <v>0.32833328232525871</v>
      </c>
      <c r="J1886" s="59">
        <f>Bühler!J1912</f>
        <v>1.0944442744175291</v>
      </c>
      <c r="K1886" s="59">
        <f>Bühler!K1912</f>
        <v>1.6416664116262936</v>
      </c>
      <c r="L1886" s="59">
        <f>Bühler!L1912</f>
        <v>7.8799987758062091</v>
      </c>
      <c r="M1886" s="58">
        <f>Bühler!M1912</f>
        <v>0</v>
      </c>
      <c r="N1886" s="56">
        <f>IF(Input!$D$19=1,J1886*Input!$C$19,0)+IF(Input!$D$20=1,K1886*Input!$C$20,0)+IF(Input!$D$21=1,L1886*Input!$C$21,0)+IF(Input!$D$22=1,M1886*Input!$C$22,0)</f>
        <v>0.32833328232525871</v>
      </c>
      <c r="O1886" s="59">
        <f>IF(Input!$D$19=2,J1886*Input!$C$19,0)+IF(Input!$D$20=2,K1886*Input!$C$20,0)+IF(Input!$D$21=2,L1886*Input!$C$21,0)+IF(Input!$D$22=2,M1886*Input!$C$22,0)</f>
        <v>0.82083320581314678</v>
      </c>
      <c r="P1886" s="59">
        <f>IF(Input!$D$19=3,J1886*Input!$C$19,0)+IF(Input!$D$20=3,K1886*Input!$C$20,0)+IF(Input!$D$21=3,L1886*Input!$C$21,0)+IF(Input!$D$22=3,M1886*Input!$C$22,0)</f>
        <v>0</v>
      </c>
      <c r="Q1886" s="75">
        <f>IF(Input!$D$19=4,J1886*Input!$C$19,0)+IF(Input!$D$20=4,K1886*Input!$C$20,0)+IF(Input!$D$21=4,L1886*Input!$C$21,0)+IF(Input!$D$22=4,M1886*Input!$C$22,0)</f>
        <v>0</v>
      </c>
      <c r="R1886" s="58">
        <v>66.8116284100727</v>
      </c>
      <c r="S1886" s="124">
        <f t="shared" si="29"/>
        <v>1.4227775567427878</v>
      </c>
    </row>
    <row r="1887" spans="8:19" x14ac:dyDescent="0.3">
      <c r="H1887" s="44">
        <v>1880</v>
      </c>
      <c r="I1887" s="56">
        <f>Bühler!I1913</f>
        <v>0.33965511964681938</v>
      </c>
      <c r="J1887" s="59">
        <f>Bühler!J1913</f>
        <v>1.1321837321560648</v>
      </c>
      <c r="K1887" s="59">
        <f>Bühler!K1913</f>
        <v>1.6982755982340969</v>
      </c>
      <c r="L1887" s="59">
        <f>Bühler!L1913</f>
        <v>8.1517228715236651</v>
      </c>
      <c r="M1887" s="58">
        <f>Bühler!M1913</f>
        <v>0</v>
      </c>
      <c r="N1887" s="56">
        <f>IF(Input!$D$19=1,J1887*Input!$C$19,0)+IF(Input!$D$20=1,K1887*Input!$C$20,0)+IF(Input!$D$21=1,L1887*Input!$C$21,0)+IF(Input!$D$22=1,M1887*Input!$C$22,0)</f>
        <v>0.33965511964681944</v>
      </c>
      <c r="O1887" s="59">
        <f>IF(Input!$D$19=2,J1887*Input!$C$19,0)+IF(Input!$D$20=2,K1887*Input!$C$20,0)+IF(Input!$D$21=2,L1887*Input!$C$21,0)+IF(Input!$D$22=2,M1887*Input!$C$22,0)</f>
        <v>0.84913779911704845</v>
      </c>
      <c r="P1887" s="59">
        <f>IF(Input!$D$19=3,J1887*Input!$C$19,0)+IF(Input!$D$20=3,K1887*Input!$C$20,0)+IF(Input!$D$21=3,L1887*Input!$C$21,0)+IF(Input!$D$22=3,M1887*Input!$C$22,0)</f>
        <v>0</v>
      </c>
      <c r="Q1887" s="75">
        <f>IF(Input!$D$19=4,J1887*Input!$C$19,0)+IF(Input!$D$20=4,K1887*Input!$C$20,0)+IF(Input!$D$21=4,L1887*Input!$C$21,0)+IF(Input!$D$22=4,M1887*Input!$C$22,0)</f>
        <v>0</v>
      </c>
      <c r="R1887" s="58">
        <v>68.119575320523836</v>
      </c>
      <c r="S1887" s="124">
        <f t="shared" si="29"/>
        <v>1.4718388518028842</v>
      </c>
    </row>
    <row r="1888" spans="8:19" x14ac:dyDescent="0.3">
      <c r="H1888" s="44">
        <v>1881</v>
      </c>
      <c r="I1888" s="56">
        <f>Bühler!I1914</f>
        <v>0.33965511964681938</v>
      </c>
      <c r="J1888" s="59">
        <f>Bühler!J1914</f>
        <v>1.1321837321560648</v>
      </c>
      <c r="K1888" s="59">
        <f>Bühler!K1914</f>
        <v>1.6982755982340969</v>
      </c>
      <c r="L1888" s="59">
        <f>Bühler!L1914</f>
        <v>8.1517228715236651</v>
      </c>
      <c r="M1888" s="58">
        <f>Bühler!M1914</f>
        <v>0</v>
      </c>
      <c r="N1888" s="56">
        <f>IF(Input!$D$19=1,J1888*Input!$C$19,0)+IF(Input!$D$20=1,K1888*Input!$C$20,0)+IF(Input!$D$21=1,L1888*Input!$C$21,0)+IF(Input!$D$22=1,M1888*Input!$C$22,0)</f>
        <v>0.33965511964681944</v>
      </c>
      <c r="O1888" s="59">
        <f>IF(Input!$D$19=2,J1888*Input!$C$19,0)+IF(Input!$D$20=2,K1888*Input!$C$20,0)+IF(Input!$D$21=2,L1888*Input!$C$21,0)+IF(Input!$D$22=2,M1888*Input!$C$22,0)</f>
        <v>0.84913779911704845</v>
      </c>
      <c r="P1888" s="59">
        <f>IF(Input!$D$19=3,J1888*Input!$C$19,0)+IF(Input!$D$20=3,K1888*Input!$C$20,0)+IF(Input!$D$21=3,L1888*Input!$C$21,0)+IF(Input!$D$22=3,M1888*Input!$C$22,0)</f>
        <v>0</v>
      </c>
      <c r="Q1888" s="75">
        <f>IF(Input!$D$19=4,J1888*Input!$C$19,0)+IF(Input!$D$20=4,K1888*Input!$C$20,0)+IF(Input!$D$21=4,L1888*Input!$C$21,0)+IF(Input!$D$22=4,M1888*Input!$C$22,0)</f>
        <v>0</v>
      </c>
      <c r="R1888" s="58">
        <v>68.670990925029272</v>
      </c>
      <c r="S1888" s="124">
        <f t="shared" si="29"/>
        <v>1.4718388518028842</v>
      </c>
    </row>
    <row r="1889" spans="8:19" x14ac:dyDescent="0.3">
      <c r="H1889" s="44">
        <v>1882</v>
      </c>
      <c r="I1889" s="56">
        <f>Bühler!I1915</f>
        <v>0.367959712950721</v>
      </c>
      <c r="J1889" s="59">
        <f>Bühler!J1915</f>
        <v>1.2265323765024034</v>
      </c>
      <c r="K1889" s="59">
        <f>Bühler!K1915</f>
        <v>1.839798564753605</v>
      </c>
      <c r="L1889" s="59">
        <f>Bühler!L1915</f>
        <v>8.8310331108173035</v>
      </c>
      <c r="M1889" s="58">
        <f>Bühler!M1915</f>
        <v>0</v>
      </c>
      <c r="N1889" s="56">
        <f>IF(Input!$D$19=1,J1889*Input!$C$19,0)+IF(Input!$D$20=1,K1889*Input!$C$20,0)+IF(Input!$D$21=1,L1889*Input!$C$21,0)+IF(Input!$D$22=1,M1889*Input!$C$22,0)</f>
        <v>0.367959712950721</v>
      </c>
      <c r="O1889" s="59">
        <f>IF(Input!$D$19=2,J1889*Input!$C$19,0)+IF(Input!$D$20=2,K1889*Input!$C$20,0)+IF(Input!$D$21=2,L1889*Input!$C$21,0)+IF(Input!$D$22=2,M1889*Input!$C$22,0)</f>
        <v>0.91989928237680252</v>
      </c>
      <c r="P1889" s="59">
        <f>IF(Input!$D$19=3,J1889*Input!$C$19,0)+IF(Input!$D$20=3,K1889*Input!$C$20,0)+IF(Input!$D$21=3,L1889*Input!$C$21,0)+IF(Input!$D$22=3,M1889*Input!$C$22,0)</f>
        <v>0</v>
      </c>
      <c r="Q1889" s="75">
        <f>IF(Input!$D$19=4,J1889*Input!$C$19,0)+IF(Input!$D$20=4,K1889*Input!$C$20,0)+IF(Input!$D$21=4,L1889*Input!$C$21,0)+IF(Input!$D$22=4,M1889*Input!$C$22,0)</f>
        <v>0</v>
      </c>
      <c r="R1889" s="58">
        <v>68.695097076125862</v>
      </c>
      <c r="S1889" s="124">
        <f t="shared" si="29"/>
        <v>1.5944920894531245</v>
      </c>
    </row>
    <row r="1890" spans="8:19" x14ac:dyDescent="0.3">
      <c r="H1890" s="44">
        <v>1883</v>
      </c>
      <c r="I1890" s="56">
        <f>Bühler!I1916</f>
        <v>0.38494246893306194</v>
      </c>
      <c r="J1890" s="59">
        <f>Bühler!J1916</f>
        <v>1.2831415631102066</v>
      </c>
      <c r="K1890" s="59">
        <f>Bühler!K1916</f>
        <v>1.9247123446653096</v>
      </c>
      <c r="L1890" s="59">
        <f>Bühler!L1916</f>
        <v>9.2386192543934857</v>
      </c>
      <c r="M1890" s="58">
        <f>Bühler!M1916</f>
        <v>0</v>
      </c>
      <c r="N1890" s="56">
        <f>IF(Input!$D$19=1,J1890*Input!$C$19,0)+IF(Input!$D$20=1,K1890*Input!$C$20,0)+IF(Input!$D$21=1,L1890*Input!$C$21,0)+IF(Input!$D$22=1,M1890*Input!$C$22,0)</f>
        <v>0.38494246893306194</v>
      </c>
      <c r="O1890" s="59">
        <f>IF(Input!$D$19=2,J1890*Input!$C$19,0)+IF(Input!$D$20=2,K1890*Input!$C$20,0)+IF(Input!$D$21=2,L1890*Input!$C$21,0)+IF(Input!$D$22=2,M1890*Input!$C$22,0)</f>
        <v>0.9623561723326548</v>
      </c>
      <c r="P1890" s="59">
        <f>IF(Input!$D$19=3,J1890*Input!$C$19,0)+IF(Input!$D$20=3,K1890*Input!$C$20,0)+IF(Input!$D$21=3,L1890*Input!$C$21,0)+IF(Input!$D$22=3,M1890*Input!$C$22,0)</f>
        <v>0</v>
      </c>
      <c r="Q1890" s="75">
        <f>IF(Input!$D$19=4,J1890*Input!$C$19,0)+IF(Input!$D$20=4,K1890*Input!$C$20,0)+IF(Input!$D$21=4,L1890*Input!$C$21,0)+IF(Input!$D$22=4,M1890*Input!$C$22,0)</f>
        <v>0</v>
      </c>
      <c r="R1890" s="58">
        <v>69.850665045951885</v>
      </c>
      <c r="S1890" s="124">
        <f t="shared" si="29"/>
        <v>1.6680840320432684</v>
      </c>
    </row>
    <row r="1891" spans="8:19" x14ac:dyDescent="0.3">
      <c r="H1891" s="44">
        <v>1884</v>
      </c>
      <c r="I1891" s="56">
        <f>Bühler!I1917</f>
        <v>0.45287349286242584</v>
      </c>
      <c r="J1891" s="59">
        <f>Bühler!J1917</f>
        <v>1.5095783095414195</v>
      </c>
      <c r="K1891" s="59">
        <f>Bühler!K1917</f>
        <v>2.2643674643121292</v>
      </c>
      <c r="L1891" s="59">
        <f>Bühler!L1917</f>
        <v>10.86896382869822</v>
      </c>
      <c r="M1891" s="58">
        <f>Bühler!M1917</f>
        <v>0</v>
      </c>
      <c r="N1891" s="56">
        <f>IF(Input!$D$19=1,J1891*Input!$C$19,0)+IF(Input!$D$20=1,K1891*Input!$C$20,0)+IF(Input!$D$21=1,L1891*Input!$C$21,0)+IF(Input!$D$22=1,M1891*Input!$C$22,0)</f>
        <v>0.45287349286242584</v>
      </c>
      <c r="O1891" s="59">
        <f>IF(Input!$D$19=2,J1891*Input!$C$19,0)+IF(Input!$D$20=2,K1891*Input!$C$20,0)+IF(Input!$D$21=2,L1891*Input!$C$21,0)+IF(Input!$D$22=2,M1891*Input!$C$22,0)</f>
        <v>1.1321837321560646</v>
      </c>
      <c r="P1891" s="59">
        <f>IF(Input!$D$19=3,J1891*Input!$C$19,0)+IF(Input!$D$20=3,K1891*Input!$C$20,0)+IF(Input!$D$21=3,L1891*Input!$C$21,0)+IF(Input!$D$22=3,M1891*Input!$C$22,0)</f>
        <v>0</v>
      </c>
      <c r="Q1891" s="75">
        <f>IF(Input!$D$19=4,J1891*Input!$C$19,0)+IF(Input!$D$20=4,K1891*Input!$C$20,0)+IF(Input!$D$21=4,L1891*Input!$C$21,0)+IF(Input!$D$22=4,M1891*Input!$C$22,0)</f>
        <v>0</v>
      </c>
      <c r="R1891" s="58">
        <v>69.884322324139234</v>
      </c>
      <c r="S1891" s="124">
        <f t="shared" si="29"/>
        <v>1.9624518024038453</v>
      </c>
    </row>
    <row r="1892" spans="8:19" x14ac:dyDescent="0.3">
      <c r="H1892" s="44">
        <v>1885</v>
      </c>
      <c r="I1892" s="56">
        <f>Bühler!I1918</f>
        <v>0.45287349286242584</v>
      </c>
      <c r="J1892" s="59">
        <f>Bühler!J1918</f>
        <v>1.5095783095414195</v>
      </c>
      <c r="K1892" s="59">
        <f>Bühler!K1918</f>
        <v>2.2643674643121292</v>
      </c>
      <c r="L1892" s="59">
        <f>Bühler!L1918</f>
        <v>10.86896382869822</v>
      </c>
      <c r="M1892" s="58">
        <f>Bühler!M1918</f>
        <v>0</v>
      </c>
      <c r="N1892" s="56">
        <f>IF(Input!$D$19=1,J1892*Input!$C$19,0)+IF(Input!$D$20=1,K1892*Input!$C$20,0)+IF(Input!$D$21=1,L1892*Input!$C$21,0)+IF(Input!$D$22=1,M1892*Input!$C$22,0)</f>
        <v>0.45287349286242584</v>
      </c>
      <c r="O1892" s="59">
        <f>IF(Input!$D$19=2,J1892*Input!$C$19,0)+IF(Input!$D$20=2,K1892*Input!$C$20,0)+IF(Input!$D$21=2,L1892*Input!$C$21,0)+IF(Input!$D$22=2,M1892*Input!$C$22,0)</f>
        <v>1.1321837321560646</v>
      </c>
      <c r="P1892" s="59">
        <f>IF(Input!$D$19=3,J1892*Input!$C$19,0)+IF(Input!$D$20=3,K1892*Input!$C$20,0)+IF(Input!$D$21=3,L1892*Input!$C$21,0)+IF(Input!$D$22=3,M1892*Input!$C$22,0)</f>
        <v>0</v>
      </c>
      <c r="Q1892" s="75">
        <f>IF(Input!$D$19=4,J1892*Input!$C$19,0)+IF(Input!$D$20=4,K1892*Input!$C$20,0)+IF(Input!$D$21=4,L1892*Input!$C$21,0)+IF(Input!$D$22=4,M1892*Input!$C$22,0)</f>
        <v>0</v>
      </c>
      <c r="R1892" s="58">
        <v>68.672123383226065</v>
      </c>
      <c r="S1892" s="124">
        <f t="shared" si="29"/>
        <v>1.9624518024038453</v>
      </c>
    </row>
    <row r="1893" spans="8:19" x14ac:dyDescent="0.3">
      <c r="H1893" s="44">
        <v>1886</v>
      </c>
      <c r="I1893" s="56">
        <f>Bühler!I1919</f>
        <v>0.45287349286242584</v>
      </c>
      <c r="J1893" s="59">
        <f>Bühler!J1919</f>
        <v>1.5095783095414195</v>
      </c>
      <c r="K1893" s="59">
        <f>Bühler!K1919</f>
        <v>2.2643674643121292</v>
      </c>
      <c r="L1893" s="59">
        <f>Bühler!L1919</f>
        <v>10.86896382869822</v>
      </c>
      <c r="M1893" s="58">
        <f>Bühler!M1919</f>
        <v>0</v>
      </c>
      <c r="N1893" s="56">
        <f>IF(Input!$D$19=1,J1893*Input!$C$19,0)+IF(Input!$D$20=1,K1893*Input!$C$20,0)+IF(Input!$D$21=1,L1893*Input!$C$21,0)+IF(Input!$D$22=1,M1893*Input!$C$22,0)</f>
        <v>0.45287349286242584</v>
      </c>
      <c r="O1893" s="59">
        <f>IF(Input!$D$19=2,J1893*Input!$C$19,0)+IF(Input!$D$20=2,K1893*Input!$C$20,0)+IF(Input!$D$21=2,L1893*Input!$C$21,0)+IF(Input!$D$22=2,M1893*Input!$C$22,0)</f>
        <v>1.1321837321560646</v>
      </c>
      <c r="P1893" s="59">
        <f>IF(Input!$D$19=3,J1893*Input!$C$19,0)+IF(Input!$D$20=3,K1893*Input!$C$20,0)+IF(Input!$D$21=3,L1893*Input!$C$21,0)+IF(Input!$D$22=3,M1893*Input!$C$22,0)</f>
        <v>0</v>
      </c>
      <c r="Q1893" s="75">
        <f>IF(Input!$D$19=4,J1893*Input!$C$19,0)+IF(Input!$D$20=4,K1893*Input!$C$20,0)+IF(Input!$D$21=4,L1893*Input!$C$21,0)+IF(Input!$D$22=4,M1893*Input!$C$22,0)</f>
        <v>0</v>
      </c>
      <c r="R1893" s="58">
        <v>67.478383248096421</v>
      </c>
      <c r="S1893" s="124">
        <f t="shared" si="29"/>
        <v>1.9624518024038453</v>
      </c>
    </row>
    <row r="1894" spans="8:19" x14ac:dyDescent="0.3">
      <c r="H1894" s="44">
        <v>1887</v>
      </c>
      <c r="I1894" s="56">
        <f>Bühler!I1920</f>
        <v>0.45287349286242584</v>
      </c>
      <c r="J1894" s="59">
        <f>Bühler!J1920</f>
        <v>1.5095783095414195</v>
      </c>
      <c r="K1894" s="59">
        <f>Bühler!K1920</f>
        <v>2.2643674643121292</v>
      </c>
      <c r="L1894" s="59">
        <f>Bühler!L1920</f>
        <v>10.86896382869822</v>
      </c>
      <c r="M1894" s="58">
        <f>Bühler!M1920</f>
        <v>0</v>
      </c>
      <c r="N1894" s="56">
        <f>IF(Input!$D$19=1,J1894*Input!$C$19,0)+IF(Input!$D$20=1,K1894*Input!$C$20,0)+IF(Input!$D$21=1,L1894*Input!$C$21,0)+IF(Input!$D$22=1,M1894*Input!$C$22,0)</f>
        <v>0.45287349286242584</v>
      </c>
      <c r="O1894" s="59">
        <f>IF(Input!$D$19=2,J1894*Input!$C$19,0)+IF(Input!$D$20=2,K1894*Input!$C$20,0)+IF(Input!$D$21=2,L1894*Input!$C$21,0)+IF(Input!$D$22=2,M1894*Input!$C$22,0)</f>
        <v>1.1321837321560646</v>
      </c>
      <c r="P1894" s="59">
        <f>IF(Input!$D$19=3,J1894*Input!$C$19,0)+IF(Input!$D$20=3,K1894*Input!$C$20,0)+IF(Input!$D$21=3,L1894*Input!$C$21,0)+IF(Input!$D$22=3,M1894*Input!$C$22,0)</f>
        <v>0</v>
      </c>
      <c r="Q1894" s="75">
        <f>IF(Input!$D$19=4,J1894*Input!$C$19,0)+IF(Input!$D$20=4,K1894*Input!$C$20,0)+IF(Input!$D$21=4,L1894*Input!$C$21,0)+IF(Input!$D$22=4,M1894*Input!$C$22,0)</f>
        <v>0</v>
      </c>
      <c r="R1894" s="58">
        <v>68.091954386981314</v>
      </c>
      <c r="S1894" s="124">
        <f t="shared" si="29"/>
        <v>1.9624518024038453</v>
      </c>
    </row>
    <row r="1895" spans="8:19" x14ac:dyDescent="0.3">
      <c r="H1895" s="44">
        <v>1888</v>
      </c>
      <c r="I1895" s="56">
        <f>Bühler!I1921</f>
        <v>0.45287349286242584</v>
      </c>
      <c r="J1895" s="59">
        <f>Bühler!J1921</f>
        <v>1.5095783095414195</v>
      </c>
      <c r="K1895" s="59">
        <f>Bühler!K1921</f>
        <v>2.2643674643121292</v>
      </c>
      <c r="L1895" s="59">
        <f>Bühler!L1921</f>
        <v>10.86896382869822</v>
      </c>
      <c r="M1895" s="58">
        <f>Bühler!M1921</f>
        <v>0</v>
      </c>
      <c r="N1895" s="56">
        <f>IF(Input!$D$19=1,J1895*Input!$C$19,0)+IF(Input!$D$20=1,K1895*Input!$C$20,0)+IF(Input!$D$21=1,L1895*Input!$C$21,0)+IF(Input!$D$22=1,M1895*Input!$C$22,0)</f>
        <v>0.45287349286242584</v>
      </c>
      <c r="O1895" s="59">
        <f>IF(Input!$D$19=2,J1895*Input!$C$19,0)+IF(Input!$D$20=2,K1895*Input!$C$20,0)+IF(Input!$D$21=2,L1895*Input!$C$21,0)+IF(Input!$D$22=2,M1895*Input!$C$22,0)</f>
        <v>1.1321837321560646</v>
      </c>
      <c r="P1895" s="59">
        <f>IF(Input!$D$19=3,J1895*Input!$C$19,0)+IF(Input!$D$20=3,K1895*Input!$C$20,0)+IF(Input!$D$21=3,L1895*Input!$C$21,0)+IF(Input!$D$22=3,M1895*Input!$C$22,0)</f>
        <v>0</v>
      </c>
      <c r="Q1895" s="75">
        <f>IF(Input!$D$19=4,J1895*Input!$C$19,0)+IF(Input!$D$20=4,K1895*Input!$C$20,0)+IF(Input!$D$21=4,L1895*Input!$C$21,0)+IF(Input!$D$22=4,M1895*Input!$C$22,0)</f>
        <v>0</v>
      </c>
      <c r="R1895" s="58">
        <v>66.906062710057768</v>
      </c>
      <c r="S1895" s="124">
        <f t="shared" si="29"/>
        <v>1.9624518024038453</v>
      </c>
    </row>
    <row r="1896" spans="8:19" x14ac:dyDescent="0.3">
      <c r="H1896" s="44">
        <v>1889</v>
      </c>
      <c r="I1896" s="56">
        <f>Bühler!I1922</f>
        <v>0.45287349286242584</v>
      </c>
      <c r="J1896" s="59">
        <f>Bühler!J1922</f>
        <v>1.5095783095414195</v>
      </c>
      <c r="K1896" s="59">
        <f>Bühler!K1922</f>
        <v>2.2643674643121292</v>
      </c>
      <c r="L1896" s="59">
        <f>Bühler!L1922</f>
        <v>10.86896382869822</v>
      </c>
      <c r="M1896" s="58">
        <f>Bühler!M1922</f>
        <v>0</v>
      </c>
      <c r="N1896" s="56">
        <f>IF(Input!$D$19=1,J1896*Input!$C$19,0)+IF(Input!$D$20=1,K1896*Input!$C$20,0)+IF(Input!$D$21=1,L1896*Input!$C$21,0)+IF(Input!$D$22=1,M1896*Input!$C$22,0)</f>
        <v>0.45287349286242584</v>
      </c>
      <c r="O1896" s="59">
        <f>IF(Input!$D$19=2,J1896*Input!$C$19,0)+IF(Input!$D$20=2,K1896*Input!$C$20,0)+IF(Input!$D$21=2,L1896*Input!$C$21,0)+IF(Input!$D$22=2,M1896*Input!$C$22,0)</f>
        <v>1.1321837321560646</v>
      </c>
      <c r="P1896" s="59">
        <f>IF(Input!$D$19=3,J1896*Input!$C$19,0)+IF(Input!$D$20=3,K1896*Input!$C$20,0)+IF(Input!$D$21=3,L1896*Input!$C$21,0)+IF(Input!$D$22=3,M1896*Input!$C$22,0)</f>
        <v>0</v>
      </c>
      <c r="Q1896" s="75">
        <f>IF(Input!$D$19=4,J1896*Input!$C$19,0)+IF(Input!$D$20=4,K1896*Input!$C$20,0)+IF(Input!$D$21=4,L1896*Input!$C$21,0)+IF(Input!$D$22=4,M1896*Input!$C$22,0)</f>
        <v>0</v>
      </c>
      <c r="R1896" s="58">
        <v>66.241567355421267</v>
      </c>
      <c r="S1896" s="124">
        <f t="shared" si="29"/>
        <v>1.9624518024038453</v>
      </c>
    </row>
    <row r="1897" spans="8:19" x14ac:dyDescent="0.3">
      <c r="H1897" s="44">
        <v>1890</v>
      </c>
      <c r="I1897" s="56">
        <f>Bühler!I1923</f>
        <v>0.45287349286242584</v>
      </c>
      <c r="J1897" s="59">
        <f>Bühler!J1923</f>
        <v>1.5095783095414195</v>
      </c>
      <c r="K1897" s="59">
        <f>Bühler!K1923</f>
        <v>2.2643674643121292</v>
      </c>
      <c r="L1897" s="59">
        <f>Bühler!L1923</f>
        <v>10.86896382869822</v>
      </c>
      <c r="M1897" s="58">
        <f>Bühler!M1923</f>
        <v>0</v>
      </c>
      <c r="N1897" s="56">
        <f>IF(Input!$D$19=1,J1897*Input!$C$19,0)+IF(Input!$D$20=1,K1897*Input!$C$20,0)+IF(Input!$D$21=1,L1897*Input!$C$21,0)+IF(Input!$D$22=1,M1897*Input!$C$22,0)</f>
        <v>0.45287349286242584</v>
      </c>
      <c r="O1897" s="59">
        <f>IF(Input!$D$19=2,J1897*Input!$C$19,0)+IF(Input!$D$20=2,K1897*Input!$C$20,0)+IF(Input!$D$21=2,L1897*Input!$C$21,0)+IF(Input!$D$22=2,M1897*Input!$C$22,0)</f>
        <v>1.1321837321560646</v>
      </c>
      <c r="P1897" s="59">
        <f>IF(Input!$D$19=3,J1897*Input!$C$19,0)+IF(Input!$D$20=3,K1897*Input!$C$20,0)+IF(Input!$D$21=3,L1897*Input!$C$21,0)+IF(Input!$D$22=3,M1897*Input!$C$22,0)</f>
        <v>0</v>
      </c>
      <c r="Q1897" s="75">
        <f>IF(Input!$D$19=4,J1897*Input!$C$19,0)+IF(Input!$D$20=4,K1897*Input!$C$20,0)+IF(Input!$D$21=4,L1897*Input!$C$21,0)+IF(Input!$D$22=4,M1897*Input!$C$22,0)</f>
        <v>0</v>
      </c>
      <c r="R1897" s="58">
        <v>64.641763168644701</v>
      </c>
      <c r="S1897" s="124">
        <f t="shared" si="29"/>
        <v>1.9624518024038453</v>
      </c>
    </row>
    <row r="1898" spans="8:19" x14ac:dyDescent="0.3">
      <c r="H1898" s="44">
        <v>1891</v>
      </c>
      <c r="I1898" s="56">
        <f>Bühler!I1924</f>
        <v>0.45287349286242584</v>
      </c>
      <c r="J1898" s="59">
        <f>Bühler!J1924</f>
        <v>1.5095783095414195</v>
      </c>
      <c r="K1898" s="59">
        <f>Bühler!K1924</f>
        <v>2.2643674643121292</v>
      </c>
      <c r="L1898" s="59">
        <f>Bühler!L1924</f>
        <v>10.86896382869822</v>
      </c>
      <c r="M1898" s="58">
        <f>Bühler!M1924</f>
        <v>0</v>
      </c>
      <c r="N1898" s="56">
        <f>IF(Input!$D$19=1,J1898*Input!$C$19,0)+IF(Input!$D$20=1,K1898*Input!$C$20,0)+IF(Input!$D$21=1,L1898*Input!$C$21,0)+IF(Input!$D$22=1,M1898*Input!$C$22,0)</f>
        <v>0.45287349286242584</v>
      </c>
      <c r="O1898" s="59">
        <f>IF(Input!$D$19=2,J1898*Input!$C$19,0)+IF(Input!$D$20=2,K1898*Input!$C$20,0)+IF(Input!$D$21=2,L1898*Input!$C$21,0)+IF(Input!$D$22=2,M1898*Input!$C$22,0)</f>
        <v>1.1321837321560646</v>
      </c>
      <c r="P1898" s="59">
        <f>IF(Input!$D$19=3,J1898*Input!$C$19,0)+IF(Input!$D$20=3,K1898*Input!$C$20,0)+IF(Input!$D$21=3,L1898*Input!$C$21,0)+IF(Input!$D$22=3,M1898*Input!$C$22,0)</f>
        <v>0</v>
      </c>
      <c r="Q1898" s="75">
        <f>IF(Input!$D$19=4,J1898*Input!$C$19,0)+IF(Input!$D$20=4,K1898*Input!$C$20,0)+IF(Input!$D$21=4,L1898*Input!$C$21,0)+IF(Input!$D$22=4,M1898*Input!$C$22,0)</f>
        <v>0</v>
      </c>
      <c r="R1898" s="58">
        <v>62.870644464635284</v>
      </c>
      <c r="S1898" s="124">
        <f t="shared" si="29"/>
        <v>1.9624518024038453</v>
      </c>
    </row>
    <row r="1899" spans="8:19" x14ac:dyDescent="0.3">
      <c r="H1899" s="44">
        <v>1892</v>
      </c>
      <c r="I1899" s="56">
        <f>Bühler!I1925</f>
        <v>0.37928155027228161</v>
      </c>
      <c r="J1899" s="59">
        <f>Bühler!J1925</f>
        <v>1.2642718342409389</v>
      </c>
      <c r="K1899" s="59">
        <f>Bühler!K1925</f>
        <v>1.8964077513614082</v>
      </c>
      <c r="L1899" s="59">
        <f>Bühler!L1925</f>
        <v>9.1027572065347595</v>
      </c>
      <c r="M1899" s="58">
        <f>Bühler!M1925</f>
        <v>0</v>
      </c>
      <c r="N1899" s="56">
        <f>IF(Input!$D$19=1,J1899*Input!$C$19,0)+IF(Input!$D$20=1,K1899*Input!$C$20,0)+IF(Input!$D$21=1,L1899*Input!$C$21,0)+IF(Input!$D$22=1,M1899*Input!$C$22,0)</f>
        <v>0.37928155027228166</v>
      </c>
      <c r="O1899" s="59">
        <f>IF(Input!$D$19=2,J1899*Input!$C$19,0)+IF(Input!$D$20=2,K1899*Input!$C$20,0)+IF(Input!$D$21=2,L1899*Input!$C$21,0)+IF(Input!$D$22=2,M1899*Input!$C$22,0)</f>
        <v>0.94820387568070408</v>
      </c>
      <c r="P1899" s="59">
        <f>IF(Input!$D$19=3,J1899*Input!$C$19,0)+IF(Input!$D$20=3,K1899*Input!$C$20,0)+IF(Input!$D$21=3,L1899*Input!$C$21,0)+IF(Input!$D$22=3,M1899*Input!$C$22,0)</f>
        <v>0</v>
      </c>
      <c r="Q1899" s="75">
        <f>IF(Input!$D$19=4,J1899*Input!$C$19,0)+IF(Input!$D$20=4,K1899*Input!$C$20,0)+IF(Input!$D$21=4,L1899*Input!$C$21,0)+IF(Input!$D$22=4,M1899*Input!$C$22,0)</f>
        <v>0</v>
      </c>
      <c r="R1899" s="58">
        <v>62.220854669469297</v>
      </c>
      <c r="S1899" s="124">
        <f t="shared" si="29"/>
        <v>1.6435533845132206</v>
      </c>
    </row>
    <row r="1900" spans="8:19" x14ac:dyDescent="0.3">
      <c r="H1900" s="44">
        <v>1893</v>
      </c>
      <c r="I1900" s="56">
        <f>Bühler!I1926</f>
        <v>0.31135052634291777</v>
      </c>
      <c r="J1900" s="59">
        <f>Bühler!J1926</f>
        <v>1.037835087809726</v>
      </c>
      <c r="K1900" s="59">
        <f>Bühler!K1926</f>
        <v>1.556752631714589</v>
      </c>
      <c r="L1900" s="59">
        <f>Bühler!L1926</f>
        <v>7.4724126322300268</v>
      </c>
      <c r="M1900" s="58">
        <f>Bühler!M1926</f>
        <v>0</v>
      </c>
      <c r="N1900" s="56">
        <f>IF(Input!$D$19=1,J1900*Input!$C$19,0)+IF(Input!$D$20=1,K1900*Input!$C$20,0)+IF(Input!$D$21=1,L1900*Input!$C$21,0)+IF(Input!$D$22=1,M1900*Input!$C$22,0)</f>
        <v>0.31135052634291777</v>
      </c>
      <c r="O1900" s="59">
        <f>IF(Input!$D$19=2,J1900*Input!$C$19,0)+IF(Input!$D$20=2,K1900*Input!$C$20,0)+IF(Input!$D$21=2,L1900*Input!$C$21,0)+IF(Input!$D$22=2,M1900*Input!$C$22,0)</f>
        <v>0.7783763158572945</v>
      </c>
      <c r="P1900" s="59">
        <f>IF(Input!$D$19=3,J1900*Input!$C$19,0)+IF(Input!$D$20=3,K1900*Input!$C$20,0)+IF(Input!$D$21=3,L1900*Input!$C$21,0)+IF(Input!$D$22=3,M1900*Input!$C$22,0)</f>
        <v>0</v>
      </c>
      <c r="Q1900" s="75">
        <f>IF(Input!$D$19=4,J1900*Input!$C$19,0)+IF(Input!$D$20=4,K1900*Input!$C$20,0)+IF(Input!$D$21=4,L1900*Input!$C$21,0)+IF(Input!$D$22=4,M1900*Input!$C$22,0)</f>
        <v>0</v>
      </c>
      <c r="R1900" s="58">
        <v>61.091714490073343</v>
      </c>
      <c r="S1900" s="124">
        <f t="shared" si="29"/>
        <v>1.3491856141526437</v>
      </c>
    </row>
    <row r="1901" spans="8:19" x14ac:dyDescent="0.3">
      <c r="H1901" s="44">
        <v>1894</v>
      </c>
      <c r="I1901" s="56">
        <f>Bühler!I1927</f>
        <v>0.22643674643121292</v>
      </c>
      <c r="J1901" s="59">
        <f>Bühler!J1927</f>
        <v>0.75478915477070974</v>
      </c>
      <c r="K1901" s="59">
        <f>Bühler!K1927</f>
        <v>1.1321837321560646</v>
      </c>
      <c r="L1901" s="59">
        <f>Bühler!L1927</f>
        <v>5.4344819143491101</v>
      </c>
      <c r="M1901" s="58">
        <f>Bühler!M1927</f>
        <v>0</v>
      </c>
      <c r="N1901" s="56">
        <f>IF(Input!$D$19=1,J1901*Input!$C$19,0)+IF(Input!$D$20=1,K1901*Input!$C$20,0)+IF(Input!$D$21=1,L1901*Input!$C$21,0)+IF(Input!$D$22=1,M1901*Input!$C$22,0)</f>
        <v>0.22643674643121292</v>
      </c>
      <c r="O1901" s="59">
        <f>IF(Input!$D$19=2,J1901*Input!$C$19,0)+IF(Input!$D$20=2,K1901*Input!$C$20,0)+IF(Input!$D$21=2,L1901*Input!$C$21,0)+IF(Input!$D$22=2,M1901*Input!$C$22,0)</f>
        <v>0.5660918660780323</v>
      </c>
      <c r="P1901" s="59">
        <f>IF(Input!$D$19=3,J1901*Input!$C$19,0)+IF(Input!$D$20=3,K1901*Input!$C$20,0)+IF(Input!$D$21=3,L1901*Input!$C$21,0)+IF(Input!$D$22=3,M1901*Input!$C$22,0)</f>
        <v>0</v>
      </c>
      <c r="Q1901" s="75">
        <f>IF(Input!$D$19=4,J1901*Input!$C$19,0)+IF(Input!$D$20=4,K1901*Input!$C$20,0)+IF(Input!$D$21=4,L1901*Input!$C$21,0)+IF(Input!$D$22=4,M1901*Input!$C$22,0)</f>
        <v>0</v>
      </c>
      <c r="R1901" s="58">
        <v>58.559659018064806</v>
      </c>
      <c r="S1901" s="124">
        <f t="shared" si="29"/>
        <v>0.98122590120192266</v>
      </c>
    </row>
    <row r="1902" spans="8:19" x14ac:dyDescent="0.3">
      <c r="H1902" s="44">
        <v>1895</v>
      </c>
      <c r="I1902" s="56">
        <f>Bühler!I1928</f>
        <v>0.22643674643121292</v>
      </c>
      <c r="J1902" s="59">
        <f>Bühler!J1928</f>
        <v>0.75478915477070974</v>
      </c>
      <c r="K1902" s="59">
        <f>Bühler!K1928</f>
        <v>1.1321837321560646</v>
      </c>
      <c r="L1902" s="59">
        <f>Bühler!L1928</f>
        <v>5.4344819143491101</v>
      </c>
      <c r="M1902" s="58">
        <f>Bühler!M1928</f>
        <v>0</v>
      </c>
      <c r="N1902" s="56">
        <f>IF(Input!$D$19=1,J1902*Input!$C$19,0)+IF(Input!$D$20=1,K1902*Input!$C$20,0)+IF(Input!$D$21=1,L1902*Input!$C$21,0)+IF(Input!$D$22=1,M1902*Input!$C$22,0)</f>
        <v>0.22643674643121292</v>
      </c>
      <c r="O1902" s="59">
        <f>IF(Input!$D$19=2,J1902*Input!$C$19,0)+IF(Input!$D$20=2,K1902*Input!$C$20,0)+IF(Input!$D$21=2,L1902*Input!$C$21,0)+IF(Input!$D$22=2,M1902*Input!$C$22,0)</f>
        <v>0.5660918660780323</v>
      </c>
      <c r="P1902" s="59">
        <f>IF(Input!$D$19=3,J1902*Input!$C$19,0)+IF(Input!$D$20=3,K1902*Input!$C$20,0)+IF(Input!$D$21=3,L1902*Input!$C$21,0)+IF(Input!$D$22=3,M1902*Input!$C$22,0)</f>
        <v>0</v>
      </c>
      <c r="Q1902" s="75">
        <f>IF(Input!$D$19=4,J1902*Input!$C$19,0)+IF(Input!$D$20=4,K1902*Input!$C$20,0)+IF(Input!$D$21=4,L1902*Input!$C$21,0)+IF(Input!$D$22=4,M1902*Input!$C$22,0)</f>
        <v>0</v>
      </c>
      <c r="R1902" s="58">
        <v>58.454342014090237</v>
      </c>
      <c r="S1902" s="124">
        <f t="shared" si="29"/>
        <v>0.98122590120192266</v>
      </c>
    </row>
    <row r="1903" spans="8:19" x14ac:dyDescent="0.3">
      <c r="H1903" s="44">
        <v>1896</v>
      </c>
      <c r="I1903" s="56">
        <f>Bühler!I1929</f>
        <v>0.22643674643121292</v>
      </c>
      <c r="J1903" s="59">
        <f>Bühler!J1929</f>
        <v>0.75478915477070974</v>
      </c>
      <c r="K1903" s="59">
        <f>Bühler!K1929</f>
        <v>1.1321837321560646</v>
      </c>
      <c r="L1903" s="59">
        <f>Bühler!L1929</f>
        <v>5.4344819143491101</v>
      </c>
      <c r="M1903" s="58">
        <f>Bühler!M1929</f>
        <v>0</v>
      </c>
      <c r="N1903" s="56">
        <f>IF(Input!$D$19=1,J1903*Input!$C$19,0)+IF(Input!$D$20=1,K1903*Input!$C$20,0)+IF(Input!$D$21=1,L1903*Input!$C$21,0)+IF(Input!$D$22=1,M1903*Input!$C$22,0)</f>
        <v>0.22643674643121292</v>
      </c>
      <c r="O1903" s="59">
        <f>IF(Input!$D$19=2,J1903*Input!$C$19,0)+IF(Input!$D$20=2,K1903*Input!$C$20,0)+IF(Input!$D$21=2,L1903*Input!$C$21,0)+IF(Input!$D$22=2,M1903*Input!$C$22,0)</f>
        <v>0.5660918660780323</v>
      </c>
      <c r="P1903" s="59">
        <f>IF(Input!$D$19=3,J1903*Input!$C$19,0)+IF(Input!$D$20=3,K1903*Input!$C$20,0)+IF(Input!$D$21=3,L1903*Input!$C$21,0)+IF(Input!$D$22=3,M1903*Input!$C$22,0)</f>
        <v>0</v>
      </c>
      <c r="Q1903" s="75">
        <f>IF(Input!$D$19=4,J1903*Input!$C$19,0)+IF(Input!$D$20=4,K1903*Input!$C$20,0)+IF(Input!$D$21=4,L1903*Input!$C$21,0)+IF(Input!$D$22=4,M1903*Input!$C$22,0)</f>
        <v>0</v>
      </c>
      <c r="R1903" s="58">
        <v>57.322233294944304</v>
      </c>
      <c r="S1903" s="124">
        <f t="shared" si="29"/>
        <v>0.98122590120192266</v>
      </c>
    </row>
    <row r="1904" spans="8:19" x14ac:dyDescent="0.3">
      <c r="H1904" s="44">
        <v>1897</v>
      </c>
      <c r="I1904" s="56">
        <f>Bühler!I1930</f>
        <v>0.20704139679241057</v>
      </c>
      <c r="J1904" s="59">
        <f>Bühler!J1930</f>
        <v>0.69013798930803527</v>
      </c>
      <c r="K1904" s="59">
        <f>Bühler!K1930</f>
        <v>1.0352069839620528</v>
      </c>
      <c r="L1904" s="59">
        <f>Bühler!L1930</f>
        <v>4.9689935230178532</v>
      </c>
      <c r="M1904" s="58">
        <f>Bühler!M1930</f>
        <v>0</v>
      </c>
      <c r="N1904" s="56">
        <f>IF(Input!$D$19=1,J1904*Input!$C$19,0)+IF(Input!$D$20=1,K1904*Input!$C$20,0)+IF(Input!$D$21=1,L1904*Input!$C$21,0)+IF(Input!$D$22=1,M1904*Input!$C$22,0)</f>
        <v>0.20704139679241057</v>
      </c>
      <c r="O1904" s="59">
        <f>IF(Input!$D$19=2,J1904*Input!$C$19,0)+IF(Input!$D$20=2,K1904*Input!$C$20,0)+IF(Input!$D$21=2,L1904*Input!$C$21,0)+IF(Input!$D$22=2,M1904*Input!$C$22,0)</f>
        <v>0.5176034919810264</v>
      </c>
      <c r="P1904" s="59">
        <f>IF(Input!$D$19=3,J1904*Input!$C$19,0)+IF(Input!$D$20=3,K1904*Input!$C$20,0)+IF(Input!$D$21=3,L1904*Input!$C$21,0)+IF(Input!$D$22=3,M1904*Input!$C$22,0)</f>
        <v>0</v>
      </c>
      <c r="Q1904" s="75">
        <f>IF(Input!$D$19=4,J1904*Input!$C$19,0)+IF(Input!$D$20=4,K1904*Input!$C$20,0)+IF(Input!$D$21=4,L1904*Input!$C$21,0)+IF(Input!$D$22=4,M1904*Input!$C$22,0)</f>
        <v>0</v>
      </c>
      <c r="R1904" s="58">
        <v>56.369622142050609</v>
      </c>
      <c r="S1904" s="124">
        <f t="shared" si="29"/>
        <v>0.89717938610044579</v>
      </c>
    </row>
    <row r="1905" spans="8:19" x14ac:dyDescent="0.3">
      <c r="H1905" s="44">
        <v>1898</v>
      </c>
      <c r="I1905" s="56">
        <f>Bühler!I1931</f>
        <v>0.23292157139146186</v>
      </c>
      <c r="J1905" s="59">
        <f>Bühler!J1931</f>
        <v>0.7764052379715396</v>
      </c>
      <c r="K1905" s="59">
        <f>Bühler!K1931</f>
        <v>1.1646078569573093</v>
      </c>
      <c r="L1905" s="59">
        <f>Bühler!L1931</f>
        <v>5.5901177133950846</v>
      </c>
      <c r="M1905" s="58">
        <f>Bühler!M1931</f>
        <v>0</v>
      </c>
      <c r="N1905" s="56">
        <f>IF(Input!$D$19=1,J1905*Input!$C$19,0)+IF(Input!$D$20=1,K1905*Input!$C$20,0)+IF(Input!$D$21=1,L1905*Input!$C$21,0)+IF(Input!$D$22=1,M1905*Input!$C$22,0)</f>
        <v>0.23292157139146186</v>
      </c>
      <c r="O1905" s="59">
        <f>IF(Input!$D$19=2,J1905*Input!$C$19,0)+IF(Input!$D$20=2,K1905*Input!$C$20,0)+IF(Input!$D$21=2,L1905*Input!$C$21,0)+IF(Input!$D$22=2,M1905*Input!$C$22,0)</f>
        <v>0.58230392847865464</v>
      </c>
      <c r="P1905" s="59">
        <f>IF(Input!$D$19=3,J1905*Input!$C$19,0)+IF(Input!$D$20=3,K1905*Input!$C$20,0)+IF(Input!$D$21=3,L1905*Input!$C$21,0)+IF(Input!$D$22=3,M1905*Input!$C$22,0)</f>
        <v>0</v>
      </c>
      <c r="Q1905" s="75">
        <f>IF(Input!$D$19=4,J1905*Input!$C$19,0)+IF(Input!$D$20=4,K1905*Input!$C$20,0)+IF(Input!$D$21=4,L1905*Input!$C$21,0)+IF(Input!$D$22=4,M1905*Input!$C$22,0)</f>
        <v>0</v>
      </c>
      <c r="R1905" s="58">
        <v>56.638259729932514</v>
      </c>
      <c r="S1905" s="124">
        <f t="shared" si="29"/>
        <v>1.0093268093630015</v>
      </c>
    </row>
    <row r="1906" spans="8:19" x14ac:dyDescent="0.3">
      <c r="H1906" s="44">
        <v>1899</v>
      </c>
      <c r="I1906" s="56">
        <f>Bühler!I1932</f>
        <v>0.23292157139146186</v>
      </c>
      <c r="J1906" s="59">
        <f>Bühler!J1932</f>
        <v>0.7764052379715396</v>
      </c>
      <c r="K1906" s="59">
        <f>Bühler!K1932</f>
        <v>1.1646078569573093</v>
      </c>
      <c r="L1906" s="59">
        <f>Bühler!L1932</f>
        <v>5.5901177133950846</v>
      </c>
      <c r="M1906" s="58">
        <f>Bühler!M1932</f>
        <v>0</v>
      </c>
      <c r="N1906" s="56">
        <f>IF(Input!$D$19=1,J1906*Input!$C$19,0)+IF(Input!$D$20=1,K1906*Input!$C$20,0)+IF(Input!$D$21=1,L1906*Input!$C$21,0)+IF(Input!$D$22=1,M1906*Input!$C$22,0)</f>
        <v>0.23292157139146186</v>
      </c>
      <c r="O1906" s="59">
        <f>IF(Input!$D$19=2,J1906*Input!$C$19,0)+IF(Input!$D$20=2,K1906*Input!$C$20,0)+IF(Input!$D$21=2,L1906*Input!$C$21,0)+IF(Input!$D$22=2,M1906*Input!$C$22,0)</f>
        <v>0.58230392847865464</v>
      </c>
      <c r="P1906" s="59">
        <f>IF(Input!$D$19=3,J1906*Input!$C$19,0)+IF(Input!$D$20=3,K1906*Input!$C$20,0)+IF(Input!$D$21=3,L1906*Input!$C$21,0)+IF(Input!$D$22=3,M1906*Input!$C$22,0)</f>
        <v>0</v>
      </c>
      <c r="Q1906" s="75">
        <f>IF(Input!$D$19=4,J1906*Input!$C$19,0)+IF(Input!$D$20=4,K1906*Input!$C$20,0)+IF(Input!$D$21=4,L1906*Input!$C$21,0)+IF(Input!$D$22=4,M1906*Input!$C$22,0)</f>
        <v>0</v>
      </c>
      <c r="R1906" s="58">
        <v>57.464403243980769</v>
      </c>
      <c r="S1906" s="124">
        <f t="shared" si="29"/>
        <v>1.0093268093630015</v>
      </c>
    </row>
    <row r="1907" spans="8:19" x14ac:dyDescent="0.3">
      <c r="H1907" s="44">
        <v>1900</v>
      </c>
      <c r="I1907" s="56">
        <f>Bühler!I1933</f>
        <v>0.23292157139146186</v>
      </c>
      <c r="J1907" s="59">
        <f>Bühler!J1933</f>
        <v>0.7764052379715396</v>
      </c>
      <c r="K1907" s="59">
        <f>Bühler!K1933</f>
        <v>1.1646078569573093</v>
      </c>
      <c r="L1907" s="59">
        <f>Bühler!L1933</f>
        <v>5.5901177133950846</v>
      </c>
      <c r="M1907" s="58">
        <f>Bühler!M1933</f>
        <v>0</v>
      </c>
      <c r="N1907" s="56">
        <f>IF(Input!$D$19=1,J1907*Input!$C$19,0)+IF(Input!$D$20=1,K1907*Input!$C$20,0)+IF(Input!$D$21=1,L1907*Input!$C$21,0)+IF(Input!$D$22=1,M1907*Input!$C$22,0)</f>
        <v>0.23292157139146186</v>
      </c>
      <c r="O1907" s="59">
        <f>IF(Input!$D$19=2,J1907*Input!$C$19,0)+IF(Input!$D$20=2,K1907*Input!$C$20,0)+IF(Input!$D$21=2,L1907*Input!$C$21,0)+IF(Input!$D$22=2,M1907*Input!$C$22,0)</f>
        <v>0.58230392847865464</v>
      </c>
      <c r="P1907" s="59">
        <f>IF(Input!$D$19=3,J1907*Input!$C$19,0)+IF(Input!$D$20=3,K1907*Input!$C$20,0)+IF(Input!$D$21=3,L1907*Input!$C$21,0)+IF(Input!$D$22=3,M1907*Input!$C$22,0)</f>
        <v>0</v>
      </c>
      <c r="Q1907" s="75">
        <f>IF(Input!$D$19=4,J1907*Input!$C$19,0)+IF(Input!$D$20=4,K1907*Input!$C$20,0)+IF(Input!$D$21=4,L1907*Input!$C$21,0)+IF(Input!$D$22=4,M1907*Input!$C$22,0)</f>
        <v>0</v>
      </c>
      <c r="R1907" s="58">
        <v>57.605745375450766</v>
      </c>
      <c r="S1907" s="124">
        <f t="shared" si="29"/>
        <v>1.0093268093630015</v>
      </c>
    </row>
    <row r="1908" spans="8:19" x14ac:dyDescent="0.3">
      <c r="H1908" s="44">
        <v>1901</v>
      </c>
      <c r="I1908" s="56">
        <f>Bühler!I1934</f>
        <v>0.23292157139146186</v>
      </c>
      <c r="J1908" s="59">
        <f>Bühler!J1934</f>
        <v>0.7764052379715396</v>
      </c>
      <c r="K1908" s="59">
        <f>Bühler!K1934</f>
        <v>1.1646078569573093</v>
      </c>
      <c r="L1908" s="59">
        <f>Bühler!L1934</f>
        <v>5.5901177133950846</v>
      </c>
      <c r="M1908" s="58">
        <f>Bühler!M1934</f>
        <v>0</v>
      </c>
      <c r="N1908" s="56">
        <f>IF(Input!$D$19=1,J1908*Input!$C$19,0)+IF(Input!$D$20=1,K1908*Input!$C$20,0)+IF(Input!$D$21=1,L1908*Input!$C$21,0)+IF(Input!$D$22=1,M1908*Input!$C$22,0)</f>
        <v>0.23292157139146186</v>
      </c>
      <c r="O1908" s="59">
        <f>IF(Input!$D$19=2,J1908*Input!$C$19,0)+IF(Input!$D$20=2,K1908*Input!$C$20,0)+IF(Input!$D$21=2,L1908*Input!$C$21,0)+IF(Input!$D$22=2,M1908*Input!$C$22,0)</f>
        <v>0.58230392847865464</v>
      </c>
      <c r="P1908" s="59">
        <f>IF(Input!$D$19=3,J1908*Input!$C$19,0)+IF(Input!$D$20=3,K1908*Input!$C$20,0)+IF(Input!$D$21=3,L1908*Input!$C$21,0)+IF(Input!$D$22=3,M1908*Input!$C$22,0)</f>
        <v>0</v>
      </c>
      <c r="Q1908" s="75">
        <f>IF(Input!$D$19=4,J1908*Input!$C$19,0)+IF(Input!$D$20=4,K1908*Input!$C$20,0)+IF(Input!$D$21=4,L1908*Input!$C$21,0)+IF(Input!$D$22=4,M1908*Input!$C$22,0)</f>
        <v>0</v>
      </c>
      <c r="R1908" s="58">
        <v>58.543440493815751</v>
      </c>
      <c r="S1908" s="124">
        <f t="shared" si="29"/>
        <v>1.0093268093630015</v>
      </c>
    </row>
    <row r="1909" spans="8:19" x14ac:dyDescent="0.3">
      <c r="H1909" s="44">
        <v>1902</v>
      </c>
      <c r="I1909" s="56">
        <f>Bühler!I1935</f>
        <v>0.30021002534899527</v>
      </c>
      <c r="J1909" s="59">
        <f>Bühler!J1935</f>
        <v>1.0007000844966509</v>
      </c>
      <c r="K1909" s="59">
        <f>Bühler!K1935</f>
        <v>1.5010501267449763</v>
      </c>
      <c r="L1909" s="59">
        <f>Bühler!L1935</f>
        <v>7.205040608375886</v>
      </c>
      <c r="M1909" s="58">
        <f>Bühler!M1935</f>
        <v>0</v>
      </c>
      <c r="N1909" s="56">
        <f>IF(Input!$D$19=1,J1909*Input!$C$19,0)+IF(Input!$D$20=1,K1909*Input!$C$20,0)+IF(Input!$D$21=1,L1909*Input!$C$21,0)+IF(Input!$D$22=1,M1909*Input!$C$22,0)</f>
        <v>0.30021002534899527</v>
      </c>
      <c r="O1909" s="59">
        <f>IF(Input!$D$19=2,J1909*Input!$C$19,0)+IF(Input!$D$20=2,K1909*Input!$C$20,0)+IF(Input!$D$21=2,L1909*Input!$C$21,0)+IF(Input!$D$22=2,M1909*Input!$C$22,0)</f>
        <v>0.75052506337248814</v>
      </c>
      <c r="P1909" s="59">
        <f>IF(Input!$D$19=3,J1909*Input!$C$19,0)+IF(Input!$D$20=3,K1909*Input!$C$20,0)+IF(Input!$D$21=3,L1909*Input!$C$21,0)+IF(Input!$D$22=3,M1909*Input!$C$22,0)</f>
        <v>0</v>
      </c>
      <c r="Q1909" s="75">
        <f>IF(Input!$D$19=4,J1909*Input!$C$19,0)+IF(Input!$D$20=4,K1909*Input!$C$20,0)+IF(Input!$D$21=4,L1909*Input!$C$21,0)+IF(Input!$D$22=4,M1909*Input!$C$22,0)</f>
        <v>0</v>
      </c>
      <c r="R1909" s="58">
        <v>61.530034790750825</v>
      </c>
      <c r="S1909" s="124">
        <f t="shared" si="29"/>
        <v>1.3009101098456461</v>
      </c>
    </row>
    <row r="1910" spans="8:19" x14ac:dyDescent="0.3">
      <c r="H1910" s="44">
        <v>1903</v>
      </c>
      <c r="I1910" s="56">
        <f>Bühler!I1936</f>
        <v>0.34679433962728767</v>
      </c>
      <c r="J1910" s="59">
        <f>Bühler!J1936</f>
        <v>1.155981132090959</v>
      </c>
      <c r="K1910" s="59">
        <f>Bühler!K1936</f>
        <v>1.7339716981364386</v>
      </c>
      <c r="L1910" s="59">
        <f>Bühler!L1936</f>
        <v>8.3230641510549042</v>
      </c>
      <c r="M1910" s="58">
        <f>Bühler!M1936</f>
        <v>0</v>
      </c>
      <c r="N1910" s="56">
        <f>IF(Input!$D$19=1,J1910*Input!$C$19,0)+IF(Input!$D$20=1,K1910*Input!$C$20,0)+IF(Input!$D$21=1,L1910*Input!$C$21,0)+IF(Input!$D$22=1,M1910*Input!$C$22,0)</f>
        <v>0.34679433962728767</v>
      </c>
      <c r="O1910" s="59">
        <f>IF(Input!$D$19=2,J1910*Input!$C$19,0)+IF(Input!$D$20=2,K1910*Input!$C$20,0)+IF(Input!$D$21=2,L1910*Input!$C$21,0)+IF(Input!$D$22=2,M1910*Input!$C$22,0)</f>
        <v>0.86698584906821929</v>
      </c>
      <c r="P1910" s="59">
        <f>IF(Input!$D$19=3,J1910*Input!$C$19,0)+IF(Input!$D$20=3,K1910*Input!$C$20,0)+IF(Input!$D$21=3,L1910*Input!$C$21,0)+IF(Input!$D$22=3,M1910*Input!$C$22,0)</f>
        <v>0</v>
      </c>
      <c r="Q1910" s="75">
        <f>IF(Input!$D$19=4,J1910*Input!$C$19,0)+IF(Input!$D$20=4,K1910*Input!$C$20,0)+IF(Input!$D$21=4,L1910*Input!$C$21,0)+IF(Input!$D$22=4,M1910*Input!$C$22,0)</f>
        <v>0</v>
      </c>
      <c r="R1910" s="58">
        <v>65.54318659517206</v>
      </c>
      <c r="S1910" s="124">
        <f t="shared" si="29"/>
        <v>1.5027754717182467</v>
      </c>
    </row>
    <row r="1911" spans="8:19" x14ac:dyDescent="0.3">
      <c r="H1911" s="44">
        <v>1904</v>
      </c>
      <c r="I1911" s="56">
        <f>Bühler!I1937</f>
        <v>0.34679433962728767</v>
      </c>
      <c r="J1911" s="59">
        <f>Bühler!J1937</f>
        <v>1.155981132090959</v>
      </c>
      <c r="K1911" s="59">
        <f>Bühler!K1937</f>
        <v>1.7339716981364386</v>
      </c>
      <c r="L1911" s="59">
        <f>Bühler!L1937</f>
        <v>8.3230641510549042</v>
      </c>
      <c r="M1911" s="58">
        <f>Bühler!M1937</f>
        <v>0</v>
      </c>
      <c r="N1911" s="56">
        <f>IF(Input!$D$19=1,J1911*Input!$C$19,0)+IF(Input!$D$20=1,K1911*Input!$C$20,0)+IF(Input!$D$21=1,L1911*Input!$C$21,0)+IF(Input!$D$22=1,M1911*Input!$C$22,0)</f>
        <v>0.34679433962728767</v>
      </c>
      <c r="O1911" s="59">
        <f>IF(Input!$D$19=2,J1911*Input!$C$19,0)+IF(Input!$D$20=2,K1911*Input!$C$20,0)+IF(Input!$D$21=2,L1911*Input!$C$21,0)+IF(Input!$D$22=2,M1911*Input!$C$22,0)</f>
        <v>0.86698584906821929</v>
      </c>
      <c r="P1911" s="59">
        <f>IF(Input!$D$19=3,J1911*Input!$C$19,0)+IF(Input!$D$20=3,K1911*Input!$C$20,0)+IF(Input!$D$21=3,L1911*Input!$C$21,0)+IF(Input!$D$22=3,M1911*Input!$C$22,0)</f>
        <v>0</v>
      </c>
      <c r="Q1911" s="75">
        <f>IF(Input!$D$19=4,J1911*Input!$C$19,0)+IF(Input!$D$20=4,K1911*Input!$C$20,0)+IF(Input!$D$21=4,L1911*Input!$C$21,0)+IF(Input!$D$22=4,M1911*Input!$C$22,0)</f>
        <v>0</v>
      </c>
      <c r="R1911" s="58">
        <v>67.128972664497923</v>
      </c>
      <c r="S1911" s="124">
        <f t="shared" si="29"/>
        <v>1.5027754717182467</v>
      </c>
    </row>
    <row r="1912" spans="8:19" x14ac:dyDescent="0.3">
      <c r="H1912" s="44">
        <v>1905</v>
      </c>
      <c r="I1912" s="56">
        <f>Bühler!I1938</f>
        <v>0.34679433962728767</v>
      </c>
      <c r="J1912" s="59">
        <f>Bühler!J1938</f>
        <v>1.155981132090959</v>
      </c>
      <c r="K1912" s="59">
        <f>Bühler!K1938</f>
        <v>1.7339716981364386</v>
      </c>
      <c r="L1912" s="59">
        <f>Bühler!L1938</f>
        <v>8.3230641510549042</v>
      </c>
      <c r="M1912" s="58">
        <f>Bühler!M1938</f>
        <v>0</v>
      </c>
      <c r="N1912" s="56">
        <f>IF(Input!$D$19=1,J1912*Input!$C$19,0)+IF(Input!$D$20=1,K1912*Input!$C$20,0)+IF(Input!$D$21=1,L1912*Input!$C$21,0)+IF(Input!$D$22=1,M1912*Input!$C$22,0)</f>
        <v>0.34679433962728767</v>
      </c>
      <c r="O1912" s="59">
        <f>IF(Input!$D$19=2,J1912*Input!$C$19,0)+IF(Input!$D$20=2,K1912*Input!$C$20,0)+IF(Input!$D$21=2,L1912*Input!$C$21,0)+IF(Input!$D$22=2,M1912*Input!$C$22,0)</f>
        <v>0.86698584906821929</v>
      </c>
      <c r="P1912" s="59">
        <f>IF(Input!$D$19=3,J1912*Input!$C$19,0)+IF(Input!$D$20=3,K1912*Input!$C$20,0)+IF(Input!$D$21=3,L1912*Input!$C$21,0)+IF(Input!$D$22=3,M1912*Input!$C$22,0)</f>
        <v>0</v>
      </c>
      <c r="Q1912" s="75">
        <f>IF(Input!$D$19=4,J1912*Input!$C$19,0)+IF(Input!$D$20=4,K1912*Input!$C$20,0)+IF(Input!$D$21=4,L1912*Input!$C$21,0)+IF(Input!$D$22=4,M1912*Input!$C$22,0)</f>
        <v>0</v>
      </c>
      <c r="R1912" s="58">
        <v>67.975655766919701</v>
      </c>
      <c r="S1912" s="124">
        <f t="shared" si="29"/>
        <v>1.5027754717182467</v>
      </c>
    </row>
    <row r="1913" spans="8:19" x14ac:dyDescent="0.3">
      <c r="H1913" s="44">
        <v>1906</v>
      </c>
      <c r="I1913" s="56">
        <f>Bühler!I1939</f>
        <v>0.37267451422633896</v>
      </c>
      <c r="J1913" s="59">
        <f>Bühler!J1939</f>
        <v>1.2422483807544633</v>
      </c>
      <c r="K1913" s="59">
        <f>Bühler!K1939</f>
        <v>1.8633725711316946</v>
      </c>
      <c r="L1913" s="59">
        <f>Bühler!L1939</f>
        <v>8.9441883414321346</v>
      </c>
      <c r="M1913" s="58">
        <f>Bühler!M1939</f>
        <v>0</v>
      </c>
      <c r="N1913" s="56">
        <f>IF(Input!$D$19=1,J1913*Input!$C$19,0)+IF(Input!$D$20=1,K1913*Input!$C$20,0)+IF(Input!$D$21=1,L1913*Input!$C$21,0)+IF(Input!$D$22=1,M1913*Input!$C$22,0)</f>
        <v>0.37267451422633896</v>
      </c>
      <c r="O1913" s="59">
        <f>IF(Input!$D$19=2,J1913*Input!$C$19,0)+IF(Input!$D$20=2,K1913*Input!$C$20,0)+IF(Input!$D$21=2,L1913*Input!$C$21,0)+IF(Input!$D$22=2,M1913*Input!$C$22,0)</f>
        <v>0.93168628556584732</v>
      </c>
      <c r="P1913" s="59">
        <f>IF(Input!$D$19=3,J1913*Input!$C$19,0)+IF(Input!$D$20=3,K1913*Input!$C$20,0)+IF(Input!$D$21=3,L1913*Input!$C$21,0)+IF(Input!$D$22=3,M1913*Input!$C$22,0)</f>
        <v>0</v>
      </c>
      <c r="Q1913" s="75">
        <f>IF(Input!$D$19=4,J1913*Input!$C$19,0)+IF(Input!$D$20=4,K1913*Input!$C$20,0)+IF(Input!$D$21=4,L1913*Input!$C$21,0)+IF(Input!$D$22=4,M1913*Input!$C$22,0)</f>
        <v>0</v>
      </c>
      <c r="R1913" s="58">
        <v>67.990401730697343</v>
      </c>
      <c r="S1913" s="124">
        <f t="shared" si="29"/>
        <v>1.6149228949808023</v>
      </c>
    </row>
    <row r="1914" spans="8:19" x14ac:dyDescent="0.3">
      <c r="H1914" s="44">
        <v>1907</v>
      </c>
      <c r="I1914" s="56">
        <f>Bühler!I1940</f>
        <v>0.40373072374520053</v>
      </c>
      <c r="J1914" s="59">
        <f>Bühler!J1940</f>
        <v>1.3457690791506687</v>
      </c>
      <c r="K1914" s="59">
        <f>Bühler!K1940</f>
        <v>2.0186536187260029</v>
      </c>
      <c r="L1914" s="59">
        <f>Bühler!L1940</f>
        <v>9.689537369884814</v>
      </c>
      <c r="M1914" s="58">
        <f>Bühler!M1940</f>
        <v>0</v>
      </c>
      <c r="N1914" s="56">
        <f>IF(Input!$D$19=1,J1914*Input!$C$19,0)+IF(Input!$D$20=1,K1914*Input!$C$20,0)+IF(Input!$D$21=1,L1914*Input!$C$21,0)+IF(Input!$D$22=1,M1914*Input!$C$22,0)</f>
        <v>0.40373072374520058</v>
      </c>
      <c r="O1914" s="59">
        <f>IF(Input!$D$19=2,J1914*Input!$C$19,0)+IF(Input!$D$20=2,K1914*Input!$C$20,0)+IF(Input!$D$21=2,L1914*Input!$C$21,0)+IF(Input!$D$22=2,M1914*Input!$C$22,0)</f>
        <v>1.0093268093630015</v>
      </c>
      <c r="P1914" s="59">
        <f>IF(Input!$D$19=3,J1914*Input!$C$19,0)+IF(Input!$D$20=3,K1914*Input!$C$20,0)+IF(Input!$D$21=3,L1914*Input!$C$21,0)+IF(Input!$D$22=3,M1914*Input!$C$22,0)</f>
        <v>0</v>
      </c>
      <c r="Q1914" s="75">
        <f>IF(Input!$D$19=4,J1914*Input!$C$19,0)+IF(Input!$D$20=4,K1914*Input!$C$20,0)+IF(Input!$D$21=4,L1914*Input!$C$21,0)+IF(Input!$D$22=4,M1914*Input!$C$22,0)</f>
        <v>0</v>
      </c>
      <c r="R1914" s="58">
        <v>68.616319052880939</v>
      </c>
      <c r="S1914" s="124">
        <f t="shared" si="29"/>
        <v>1.7494998028958693</v>
      </c>
    </row>
    <row r="1915" spans="8:19" x14ac:dyDescent="0.3">
      <c r="H1915" s="44">
        <v>1908</v>
      </c>
      <c r="I1915" s="56">
        <f>Bühler!I1941</f>
        <v>0.46584314278292371</v>
      </c>
      <c r="J1915" s="59">
        <f>Bühler!J1941</f>
        <v>1.5528104759430792</v>
      </c>
      <c r="K1915" s="59">
        <f>Bühler!K1941</f>
        <v>2.3292157139146186</v>
      </c>
      <c r="L1915" s="59">
        <f>Bühler!L1941</f>
        <v>11.180235426790169</v>
      </c>
      <c r="M1915" s="58">
        <f>Bühler!M1941</f>
        <v>0</v>
      </c>
      <c r="N1915" s="56">
        <f>IF(Input!$D$19=1,J1915*Input!$C$19,0)+IF(Input!$D$20=1,K1915*Input!$C$20,0)+IF(Input!$D$21=1,L1915*Input!$C$21,0)+IF(Input!$D$22=1,M1915*Input!$C$22,0)</f>
        <v>0.46584314278292371</v>
      </c>
      <c r="O1915" s="59">
        <f>IF(Input!$D$19=2,J1915*Input!$C$19,0)+IF(Input!$D$20=2,K1915*Input!$C$20,0)+IF(Input!$D$21=2,L1915*Input!$C$21,0)+IF(Input!$D$22=2,M1915*Input!$C$22,0)</f>
        <v>1.1646078569573093</v>
      </c>
      <c r="P1915" s="59">
        <f>IF(Input!$D$19=3,J1915*Input!$C$19,0)+IF(Input!$D$20=3,K1915*Input!$C$20,0)+IF(Input!$D$21=3,L1915*Input!$C$21,0)+IF(Input!$D$22=3,M1915*Input!$C$22,0)</f>
        <v>0</v>
      </c>
      <c r="Q1915" s="75">
        <f>IF(Input!$D$19=4,J1915*Input!$C$19,0)+IF(Input!$D$20=4,K1915*Input!$C$20,0)+IF(Input!$D$21=4,L1915*Input!$C$21,0)+IF(Input!$D$22=4,M1915*Input!$C$22,0)</f>
        <v>0</v>
      </c>
      <c r="R1915" s="58">
        <v>68.697707606255364</v>
      </c>
      <c r="S1915" s="124">
        <f t="shared" si="29"/>
        <v>2.0186536187260029</v>
      </c>
    </row>
    <row r="1916" spans="8:19" x14ac:dyDescent="0.3">
      <c r="H1916" s="44">
        <v>1909</v>
      </c>
      <c r="I1916" s="56">
        <f>Bühler!I1942</f>
        <v>0.46584314278292371</v>
      </c>
      <c r="J1916" s="59">
        <f>Bühler!J1942</f>
        <v>1.5528104759430792</v>
      </c>
      <c r="K1916" s="59">
        <f>Bühler!K1942</f>
        <v>2.3292157139146186</v>
      </c>
      <c r="L1916" s="59">
        <f>Bühler!L1942</f>
        <v>11.180235426790169</v>
      </c>
      <c r="M1916" s="58">
        <f>Bühler!M1942</f>
        <v>0</v>
      </c>
      <c r="N1916" s="56">
        <f>IF(Input!$D$19=1,J1916*Input!$C$19,0)+IF(Input!$D$20=1,K1916*Input!$C$20,0)+IF(Input!$D$21=1,L1916*Input!$C$21,0)+IF(Input!$D$22=1,M1916*Input!$C$22,0)</f>
        <v>0.46584314278292371</v>
      </c>
      <c r="O1916" s="59">
        <f>IF(Input!$D$19=2,J1916*Input!$C$19,0)+IF(Input!$D$20=2,K1916*Input!$C$20,0)+IF(Input!$D$21=2,L1916*Input!$C$21,0)+IF(Input!$D$22=2,M1916*Input!$C$22,0)</f>
        <v>1.1646078569573093</v>
      </c>
      <c r="P1916" s="59">
        <f>IF(Input!$D$19=3,J1916*Input!$C$19,0)+IF(Input!$D$20=3,K1916*Input!$C$20,0)+IF(Input!$D$21=3,L1916*Input!$C$21,0)+IF(Input!$D$22=3,M1916*Input!$C$22,0)</f>
        <v>0</v>
      </c>
      <c r="Q1916" s="75">
        <f>IF(Input!$D$19=4,J1916*Input!$C$19,0)+IF(Input!$D$20=4,K1916*Input!$C$20,0)+IF(Input!$D$21=4,L1916*Input!$C$21,0)+IF(Input!$D$22=4,M1916*Input!$C$22,0)</f>
        <v>0</v>
      </c>
      <c r="R1916" s="58">
        <v>67.73395839807381</v>
      </c>
      <c r="S1916" s="124">
        <f t="shared" si="29"/>
        <v>2.0186536187260029</v>
      </c>
    </row>
    <row r="1917" spans="8:19" x14ac:dyDescent="0.3">
      <c r="H1917" s="44">
        <v>1910</v>
      </c>
      <c r="I1917" s="56">
        <f>Bühler!I1943</f>
        <v>0.46584314278292371</v>
      </c>
      <c r="J1917" s="59">
        <f>Bühler!J1943</f>
        <v>1.5528104759430792</v>
      </c>
      <c r="K1917" s="59">
        <f>Bühler!K1943</f>
        <v>2.3292157139146186</v>
      </c>
      <c r="L1917" s="59">
        <f>Bühler!L1943</f>
        <v>11.180235426790169</v>
      </c>
      <c r="M1917" s="58">
        <f>Bühler!M1943</f>
        <v>0</v>
      </c>
      <c r="N1917" s="56">
        <f>IF(Input!$D$19=1,J1917*Input!$C$19,0)+IF(Input!$D$20=1,K1917*Input!$C$20,0)+IF(Input!$D$21=1,L1917*Input!$C$21,0)+IF(Input!$D$22=1,M1917*Input!$C$22,0)</f>
        <v>0.46584314278292371</v>
      </c>
      <c r="O1917" s="59">
        <f>IF(Input!$D$19=2,J1917*Input!$C$19,0)+IF(Input!$D$20=2,K1917*Input!$C$20,0)+IF(Input!$D$21=2,L1917*Input!$C$21,0)+IF(Input!$D$22=2,M1917*Input!$C$22,0)</f>
        <v>1.1646078569573093</v>
      </c>
      <c r="P1917" s="59">
        <f>IF(Input!$D$19=3,J1917*Input!$C$19,0)+IF(Input!$D$20=3,K1917*Input!$C$20,0)+IF(Input!$D$21=3,L1917*Input!$C$21,0)+IF(Input!$D$22=3,M1917*Input!$C$22,0)</f>
        <v>0</v>
      </c>
      <c r="Q1917" s="75">
        <f>IF(Input!$D$19=4,J1917*Input!$C$19,0)+IF(Input!$D$20=4,K1917*Input!$C$20,0)+IF(Input!$D$21=4,L1917*Input!$C$21,0)+IF(Input!$D$22=4,M1917*Input!$C$22,0)</f>
        <v>0</v>
      </c>
      <c r="R1917" s="58">
        <v>66.905710074602425</v>
      </c>
      <c r="S1917" s="124">
        <f t="shared" si="29"/>
        <v>2.0186536187260029</v>
      </c>
    </row>
    <row r="1918" spans="8:19" x14ac:dyDescent="0.3">
      <c r="H1918" s="44">
        <v>1911</v>
      </c>
      <c r="I1918" s="56">
        <f>Bühler!I1944</f>
        <v>0.46584314278292371</v>
      </c>
      <c r="J1918" s="59">
        <f>Bühler!J1944</f>
        <v>1.5528104759430792</v>
      </c>
      <c r="K1918" s="59">
        <f>Bühler!K1944</f>
        <v>2.3292157139146186</v>
      </c>
      <c r="L1918" s="59">
        <f>Bühler!L1944</f>
        <v>11.180235426790169</v>
      </c>
      <c r="M1918" s="58">
        <f>Bühler!M1944</f>
        <v>0</v>
      </c>
      <c r="N1918" s="56">
        <f>IF(Input!$D$19=1,J1918*Input!$C$19,0)+IF(Input!$D$20=1,K1918*Input!$C$20,0)+IF(Input!$D$21=1,L1918*Input!$C$21,0)+IF(Input!$D$22=1,M1918*Input!$C$22,0)</f>
        <v>0.46584314278292371</v>
      </c>
      <c r="O1918" s="59">
        <f>IF(Input!$D$19=2,J1918*Input!$C$19,0)+IF(Input!$D$20=2,K1918*Input!$C$20,0)+IF(Input!$D$21=2,L1918*Input!$C$21,0)+IF(Input!$D$22=2,M1918*Input!$C$22,0)</f>
        <v>1.1646078569573093</v>
      </c>
      <c r="P1918" s="59">
        <f>IF(Input!$D$19=3,J1918*Input!$C$19,0)+IF(Input!$D$20=3,K1918*Input!$C$20,0)+IF(Input!$D$21=3,L1918*Input!$C$21,0)+IF(Input!$D$22=3,M1918*Input!$C$22,0)</f>
        <v>0</v>
      </c>
      <c r="Q1918" s="75">
        <f>IF(Input!$D$19=4,J1918*Input!$C$19,0)+IF(Input!$D$20=4,K1918*Input!$C$20,0)+IF(Input!$D$21=4,L1918*Input!$C$21,0)+IF(Input!$D$22=4,M1918*Input!$C$22,0)</f>
        <v>0</v>
      </c>
      <c r="R1918" s="58">
        <v>67.138818684189545</v>
      </c>
      <c r="S1918" s="124">
        <f t="shared" si="29"/>
        <v>2.0186536187260029</v>
      </c>
    </row>
    <row r="1919" spans="8:19" x14ac:dyDescent="0.3">
      <c r="H1919" s="44">
        <v>1912</v>
      </c>
      <c r="I1919" s="56">
        <f>Bühler!I1945</f>
        <v>0.46584314278292371</v>
      </c>
      <c r="J1919" s="59">
        <f>Bühler!J1945</f>
        <v>1.5528104759430792</v>
      </c>
      <c r="K1919" s="59">
        <f>Bühler!K1945</f>
        <v>2.3292157139146186</v>
      </c>
      <c r="L1919" s="59">
        <f>Bühler!L1945</f>
        <v>11.180235426790169</v>
      </c>
      <c r="M1919" s="58">
        <f>Bühler!M1945</f>
        <v>0</v>
      </c>
      <c r="N1919" s="56">
        <f>IF(Input!$D$19=1,J1919*Input!$C$19,0)+IF(Input!$D$20=1,K1919*Input!$C$20,0)+IF(Input!$D$21=1,L1919*Input!$C$21,0)+IF(Input!$D$22=1,M1919*Input!$C$22,0)</f>
        <v>0.46584314278292371</v>
      </c>
      <c r="O1919" s="59">
        <f>IF(Input!$D$19=2,J1919*Input!$C$19,0)+IF(Input!$D$20=2,K1919*Input!$C$20,0)+IF(Input!$D$21=2,L1919*Input!$C$21,0)+IF(Input!$D$22=2,M1919*Input!$C$22,0)</f>
        <v>1.1646078569573093</v>
      </c>
      <c r="P1919" s="59">
        <f>IF(Input!$D$19=3,J1919*Input!$C$19,0)+IF(Input!$D$20=3,K1919*Input!$C$20,0)+IF(Input!$D$21=3,L1919*Input!$C$21,0)+IF(Input!$D$22=3,M1919*Input!$C$22,0)</f>
        <v>0</v>
      </c>
      <c r="Q1919" s="75">
        <f>IF(Input!$D$19=4,J1919*Input!$C$19,0)+IF(Input!$D$20=4,K1919*Input!$C$20,0)+IF(Input!$D$21=4,L1919*Input!$C$21,0)+IF(Input!$D$22=4,M1919*Input!$C$22,0)</f>
        <v>0</v>
      </c>
      <c r="R1919" s="58">
        <v>65.813897080919929</v>
      </c>
      <c r="S1919" s="124">
        <f t="shared" si="29"/>
        <v>2.0186536187260029</v>
      </c>
    </row>
    <row r="1920" spans="8:19" x14ac:dyDescent="0.3">
      <c r="H1920" s="44">
        <v>1913</v>
      </c>
      <c r="I1920" s="56">
        <f>Bühler!I1946</f>
        <v>0.46584314278292371</v>
      </c>
      <c r="J1920" s="59">
        <f>Bühler!J1946</f>
        <v>1.5528104759430792</v>
      </c>
      <c r="K1920" s="59">
        <f>Bühler!K1946</f>
        <v>2.3292157139146186</v>
      </c>
      <c r="L1920" s="59">
        <f>Bühler!L1946</f>
        <v>11.180235426790169</v>
      </c>
      <c r="M1920" s="58">
        <f>Bühler!M1946</f>
        <v>0</v>
      </c>
      <c r="N1920" s="56">
        <f>IF(Input!$D$19=1,J1920*Input!$C$19,0)+IF(Input!$D$20=1,K1920*Input!$C$20,0)+IF(Input!$D$21=1,L1920*Input!$C$21,0)+IF(Input!$D$22=1,M1920*Input!$C$22,0)</f>
        <v>0.46584314278292371</v>
      </c>
      <c r="O1920" s="59">
        <f>IF(Input!$D$19=2,J1920*Input!$C$19,0)+IF(Input!$D$20=2,K1920*Input!$C$20,0)+IF(Input!$D$21=2,L1920*Input!$C$21,0)+IF(Input!$D$22=2,M1920*Input!$C$22,0)</f>
        <v>1.1646078569573093</v>
      </c>
      <c r="P1920" s="59">
        <f>IF(Input!$D$19=3,J1920*Input!$C$19,0)+IF(Input!$D$20=3,K1920*Input!$C$20,0)+IF(Input!$D$21=3,L1920*Input!$C$21,0)+IF(Input!$D$22=3,M1920*Input!$C$22,0)</f>
        <v>0</v>
      </c>
      <c r="Q1920" s="75">
        <f>IF(Input!$D$19=4,J1920*Input!$C$19,0)+IF(Input!$D$20=4,K1920*Input!$C$20,0)+IF(Input!$D$21=4,L1920*Input!$C$21,0)+IF(Input!$D$22=4,M1920*Input!$C$22,0)</f>
        <v>0</v>
      </c>
      <c r="R1920" s="58">
        <v>64.783801313339453</v>
      </c>
      <c r="S1920" s="124">
        <f t="shared" si="29"/>
        <v>2.0186536187260029</v>
      </c>
    </row>
    <row r="1921" spans="8:19" x14ac:dyDescent="0.3">
      <c r="H1921" s="44">
        <v>1914</v>
      </c>
      <c r="I1921" s="56">
        <f>Bühler!I1947</f>
        <v>0.46584314278292371</v>
      </c>
      <c r="J1921" s="59">
        <f>Bühler!J1947</f>
        <v>1.5528104759430792</v>
      </c>
      <c r="K1921" s="59">
        <f>Bühler!K1947</f>
        <v>2.3292157139146186</v>
      </c>
      <c r="L1921" s="59">
        <f>Bühler!L1947</f>
        <v>11.180235426790169</v>
      </c>
      <c r="M1921" s="58">
        <f>Bühler!M1947</f>
        <v>0</v>
      </c>
      <c r="N1921" s="56">
        <f>IF(Input!$D$19=1,J1921*Input!$C$19,0)+IF(Input!$D$20=1,K1921*Input!$C$20,0)+IF(Input!$D$21=1,L1921*Input!$C$21,0)+IF(Input!$D$22=1,M1921*Input!$C$22,0)</f>
        <v>0.46584314278292371</v>
      </c>
      <c r="O1921" s="59">
        <f>IF(Input!$D$19=2,J1921*Input!$C$19,0)+IF(Input!$D$20=2,K1921*Input!$C$20,0)+IF(Input!$D$21=2,L1921*Input!$C$21,0)+IF(Input!$D$22=2,M1921*Input!$C$22,0)</f>
        <v>1.1646078569573093</v>
      </c>
      <c r="P1921" s="59">
        <f>IF(Input!$D$19=3,J1921*Input!$C$19,0)+IF(Input!$D$20=3,K1921*Input!$C$20,0)+IF(Input!$D$21=3,L1921*Input!$C$21,0)+IF(Input!$D$22=3,M1921*Input!$C$22,0)</f>
        <v>0</v>
      </c>
      <c r="Q1921" s="75">
        <f>IF(Input!$D$19=4,J1921*Input!$C$19,0)+IF(Input!$D$20=4,K1921*Input!$C$20,0)+IF(Input!$D$21=4,L1921*Input!$C$21,0)+IF(Input!$D$22=4,M1921*Input!$C$22,0)</f>
        <v>0</v>
      </c>
      <c r="R1921" s="58">
        <v>63.336224904083586</v>
      </c>
      <c r="S1921" s="124">
        <f t="shared" si="29"/>
        <v>2.0186536187260029</v>
      </c>
    </row>
    <row r="1922" spans="8:19" x14ac:dyDescent="0.3">
      <c r="H1922" s="44">
        <v>1915</v>
      </c>
      <c r="I1922" s="56">
        <f>Bühler!I1948</f>
        <v>0.46584314278292371</v>
      </c>
      <c r="J1922" s="59">
        <f>Bühler!J1948</f>
        <v>1.5528104759430792</v>
      </c>
      <c r="K1922" s="59">
        <f>Bühler!K1948</f>
        <v>2.3292157139146186</v>
      </c>
      <c r="L1922" s="59">
        <f>Bühler!L1948</f>
        <v>11.180235426790169</v>
      </c>
      <c r="M1922" s="58">
        <f>Bühler!M1948</f>
        <v>0</v>
      </c>
      <c r="N1922" s="56">
        <f>IF(Input!$D$19=1,J1922*Input!$C$19,0)+IF(Input!$D$20=1,K1922*Input!$C$20,0)+IF(Input!$D$21=1,L1922*Input!$C$21,0)+IF(Input!$D$22=1,M1922*Input!$C$22,0)</f>
        <v>0.46584314278292371</v>
      </c>
      <c r="O1922" s="59">
        <f>IF(Input!$D$19=2,J1922*Input!$C$19,0)+IF(Input!$D$20=2,K1922*Input!$C$20,0)+IF(Input!$D$21=2,L1922*Input!$C$21,0)+IF(Input!$D$22=2,M1922*Input!$C$22,0)</f>
        <v>1.1646078569573093</v>
      </c>
      <c r="P1922" s="59">
        <f>IF(Input!$D$19=3,J1922*Input!$C$19,0)+IF(Input!$D$20=3,K1922*Input!$C$20,0)+IF(Input!$D$21=3,L1922*Input!$C$21,0)+IF(Input!$D$22=3,M1922*Input!$C$22,0)</f>
        <v>0</v>
      </c>
      <c r="Q1922" s="75">
        <f>IF(Input!$D$19=4,J1922*Input!$C$19,0)+IF(Input!$D$20=4,K1922*Input!$C$20,0)+IF(Input!$D$21=4,L1922*Input!$C$21,0)+IF(Input!$D$22=4,M1922*Input!$C$22,0)</f>
        <v>0</v>
      </c>
      <c r="R1922" s="58">
        <v>62.579910055387145</v>
      </c>
      <c r="S1922" s="124">
        <f t="shared" si="29"/>
        <v>2.0186536187260029</v>
      </c>
    </row>
    <row r="1923" spans="8:19" x14ac:dyDescent="0.3">
      <c r="H1923" s="44">
        <v>1916</v>
      </c>
      <c r="I1923" s="56">
        <f>Bühler!I1949</f>
        <v>0.3882026189857698</v>
      </c>
      <c r="J1923" s="59">
        <f>Bühler!J1949</f>
        <v>1.294008729952566</v>
      </c>
      <c r="K1923" s="59">
        <f>Bühler!K1949</f>
        <v>1.9410130949288489</v>
      </c>
      <c r="L1923" s="59">
        <f>Bühler!L1949</f>
        <v>9.3168628556584743</v>
      </c>
      <c r="M1923" s="58">
        <f>Bühler!M1949</f>
        <v>0</v>
      </c>
      <c r="N1923" s="56">
        <f>IF(Input!$D$19=1,J1923*Input!$C$19,0)+IF(Input!$D$20=1,K1923*Input!$C$20,0)+IF(Input!$D$21=1,L1923*Input!$C$21,0)+IF(Input!$D$22=1,M1923*Input!$C$22,0)</f>
        <v>0.3882026189857698</v>
      </c>
      <c r="O1923" s="59">
        <f>IF(Input!$D$19=2,J1923*Input!$C$19,0)+IF(Input!$D$20=2,K1923*Input!$C$20,0)+IF(Input!$D$21=2,L1923*Input!$C$21,0)+IF(Input!$D$22=2,M1923*Input!$C$22,0)</f>
        <v>0.97050654746442444</v>
      </c>
      <c r="P1923" s="59">
        <f>IF(Input!$D$19=3,J1923*Input!$C$19,0)+IF(Input!$D$20=3,K1923*Input!$C$20,0)+IF(Input!$D$21=3,L1923*Input!$C$21,0)+IF(Input!$D$22=3,M1923*Input!$C$22,0)</f>
        <v>0</v>
      </c>
      <c r="Q1923" s="75">
        <f>IF(Input!$D$19=4,J1923*Input!$C$19,0)+IF(Input!$D$20=4,K1923*Input!$C$20,0)+IF(Input!$D$21=4,L1923*Input!$C$21,0)+IF(Input!$D$22=4,M1923*Input!$C$22,0)</f>
        <v>0</v>
      </c>
      <c r="R1923" s="58">
        <v>62.041392349110225</v>
      </c>
      <c r="S1923" s="124">
        <f t="shared" si="29"/>
        <v>1.6822113489383357</v>
      </c>
    </row>
    <row r="1924" spans="8:19" x14ac:dyDescent="0.3">
      <c r="H1924" s="44">
        <v>1917</v>
      </c>
      <c r="I1924" s="56">
        <f>Bühler!I1950</f>
        <v>0.31056209518861583</v>
      </c>
      <c r="J1924" s="59">
        <f>Bühler!J1950</f>
        <v>1.0352069839620528</v>
      </c>
      <c r="K1924" s="59">
        <f>Bühler!K1950</f>
        <v>1.5528104759430792</v>
      </c>
      <c r="L1924" s="59">
        <f>Bühler!L1950</f>
        <v>7.4534902845267794</v>
      </c>
      <c r="M1924" s="58">
        <f>Bühler!M1950</f>
        <v>0</v>
      </c>
      <c r="N1924" s="56">
        <f>IF(Input!$D$19=1,J1924*Input!$C$19,0)+IF(Input!$D$20=1,K1924*Input!$C$20,0)+IF(Input!$D$21=1,L1924*Input!$C$21,0)+IF(Input!$D$22=1,M1924*Input!$C$22,0)</f>
        <v>0.31056209518861583</v>
      </c>
      <c r="O1924" s="59">
        <f>IF(Input!$D$19=2,J1924*Input!$C$19,0)+IF(Input!$D$20=2,K1924*Input!$C$20,0)+IF(Input!$D$21=2,L1924*Input!$C$21,0)+IF(Input!$D$22=2,M1924*Input!$C$22,0)</f>
        <v>0.7764052379715396</v>
      </c>
      <c r="P1924" s="59">
        <f>IF(Input!$D$19=3,J1924*Input!$C$19,0)+IF(Input!$D$20=3,K1924*Input!$C$20,0)+IF(Input!$D$21=3,L1924*Input!$C$21,0)+IF(Input!$D$22=3,M1924*Input!$C$22,0)</f>
        <v>0</v>
      </c>
      <c r="Q1924" s="75">
        <f>IF(Input!$D$19=4,J1924*Input!$C$19,0)+IF(Input!$D$20=4,K1924*Input!$C$20,0)+IF(Input!$D$21=4,L1924*Input!$C$21,0)+IF(Input!$D$22=4,M1924*Input!$C$22,0)</f>
        <v>0</v>
      </c>
      <c r="R1924" s="58">
        <v>60.696752325975261</v>
      </c>
      <c r="S1924" s="124">
        <f t="shared" si="29"/>
        <v>1.3457690791506687</v>
      </c>
    </row>
    <row r="1925" spans="8:19" x14ac:dyDescent="0.3">
      <c r="H1925" s="44">
        <v>1918</v>
      </c>
      <c r="I1925" s="56">
        <f>Bühler!I1951</f>
        <v>0.23292157139146186</v>
      </c>
      <c r="J1925" s="59">
        <f>Bühler!J1951</f>
        <v>0.7764052379715396</v>
      </c>
      <c r="K1925" s="59">
        <f>Bühler!K1951</f>
        <v>1.1646078569573093</v>
      </c>
      <c r="L1925" s="59">
        <f>Bühler!L1951</f>
        <v>5.5901177133950846</v>
      </c>
      <c r="M1925" s="58">
        <f>Bühler!M1951</f>
        <v>0</v>
      </c>
      <c r="N1925" s="56">
        <f>IF(Input!$D$19=1,J1925*Input!$C$19,0)+IF(Input!$D$20=1,K1925*Input!$C$20,0)+IF(Input!$D$21=1,L1925*Input!$C$21,0)+IF(Input!$D$22=1,M1925*Input!$C$22,0)</f>
        <v>0.23292157139146186</v>
      </c>
      <c r="O1925" s="59">
        <f>IF(Input!$D$19=2,J1925*Input!$C$19,0)+IF(Input!$D$20=2,K1925*Input!$C$20,0)+IF(Input!$D$21=2,L1925*Input!$C$21,0)+IF(Input!$D$22=2,M1925*Input!$C$22,0)</f>
        <v>0.58230392847865464</v>
      </c>
      <c r="P1925" s="59">
        <f>IF(Input!$D$19=3,J1925*Input!$C$19,0)+IF(Input!$D$20=3,K1925*Input!$C$20,0)+IF(Input!$D$21=3,L1925*Input!$C$21,0)+IF(Input!$D$22=3,M1925*Input!$C$22,0)</f>
        <v>0</v>
      </c>
      <c r="Q1925" s="75">
        <f>IF(Input!$D$19=4,J1925*Input!$C$19,0)+IF(Input!$D$20=4,K1925*Input!$C$20,0)+IF(Input!$D$21=4,L1925*Input!$C$21,0)+IF(Input!$D$22=4,M1925*Input!$C$22,0)</f>
        <v>0</v>
      </c>
      <c r="R1925" s="58">
        <v>58.814031453423979</v>
      </c>
      <c r="S1925" s="124">
        <f t="shared" si="29"/>
        <v>1.0093268093630015</v>
      </c>
    </row>
    <row r="1926" spans="8:19" x14ac:dyDescent="0.3">
      <c r="H1926" s="44">
        <v>1919</v>
      </c>
      <c r="I1926" s="56">
        <f>Bühler!I1952</f>
        <v>0.23292157139146186</v>
      </c>
      <c r="J1926" s="59">
        <f>Bühler!J1952</f>
        <v>0.7764052379715396</v>
      </c>
      <c r="K1926" s="59">
        <f>Bühler!K1952</f>
        <v>1.1646078569573093</v>
      </c>
      <c r="L1926" s="59">
        <f>Bühler!L1952</f>
        <v>5.5901177133950846</v>
      </c>
      <c r="M1926" s="58">
        <f>Bühler!M1952</f>
        <v>0</v>
      </c>
      <c r="N1926" s="56">
        <f>IF(Input!$D$19=1,J1926*Input!$C$19,0)+IF(Input!$D$20=1,K1926*Input!$C$20,0)+IF(Input!$D$21=1,L1926*Input!$C$21,0)+IF(Input!$D$22=1,M1926*Input!$C$22,0)</f>
        <v>0.23292157139146186</v>
      </c>
      <c r="O1926" s="59">
        <f>IF(Input!$D$19=2,J1926*Input!$C$19,0)+IF(Input!$D$20=2,K1926*Input!$C$20,0)+IF(Input!$D$21=2,L1926*Input!$C$21,0)+IF(Input!$D$22=2,M1926*Input!$C$22,0)</f>
        <v>0.58230392847865464</v>
      </c>
      <c r="P1926" s="59">
        <f>IF(Input!$D$19=3,J1926*Input!$C$19,0)+IF(Input!$D$20=3,K1926*Input!$C$20,0)+IF(Input!$D$21=3,L1926*Input!$C$21,0)+IF(Input!$D$22=3,M1926*Input!$C$22,0)</f>
        <v>0</v>
      </c>
      <c r="Q1926" s="75">
        <f>IF(Input!$D$19=4,J1926*Input!$C$19,0)+IF(Input!$D$20=4,K1926*Input!$C$20,0)+IF(Input!$D$21=4,L1926*Input!$C$21,0)+IF(Input!$D$22=4,M1926*Input!$C$22,0)</f>
        <v>0</v>
      </c>
      <c r="R1926" s="58">
        <v>58.31502827690715</v>
      </c>
      <c r="S1926" s="124">
        <f t="shared" si="29"/>
        <v>1.0093268093630015</v>
      </c>
    </row>
    <row r="1927" spans="8:19" x14ac:dyDescent="0.3">
      <c r="H1927" s="44">
        <v>1920</v>
      </c>
      <c r="I1927" s="56">
        <f>Bühler!I1953</f>
        <v>0.23292157139146186</v>
      </c>
      <c r="J1927" s="59">
        <f>Bühler!J1953</f>
        <v>0.7764052379715396</v>
      </c>
      <c r="K1927" s="59">
        <f>Bühler!K1953</f>
        <v>1.1646078569573093</v>
      </c>
      <c r="L1927" s="59">
        <f>Bühler!L1953</f>
        <v>5.5901177133950846</v>
      </c>
      <c r="M1927" s="58">
        <f>Bühler!M1953</f>
        <v>0</v>
      </c>
      <c r="N1927" s="56">
        <f>IF(Input!$D$19=1,J1927*Input!$C$19,0)+IF(Input!$D$20=1,K1927*Input!$C$20,0)+IF(Input!$D$21=1,L1927*Input!$C$21,0)+IF(Input!$D$22=1,M1927*Input!$C$22,0)</f>
        <v>0.23292157139146186</v>
      </c>
      <c r="O1927" s="59">
        <f>IF(Input!$D$19=2,J1927*Input!$C$19,0)+IF(Input!$D$20=2,K1927*Input!$C$20,0)+IF(Input!$D$21=2,L1927*Input!$C$21,0)+IF(Input!$D$22=2,M1927*Input!$C$22,0)</f>
        <v>0.58230392847865464</v>
      </c>
      <c r="P1927" s="59">
        <f>IF(Input!$D$19=3,J1927*Input!$C$19,0)+IF(Input!$D$20=3,K1927*Input!$C$20,0)+IF(Input!$D$21=3,L1927*Input!$C$21,0)+IF(Input!$D$22=3,M1927*Input!$C$22,0)</f>
        <v>0</v>
      </c>
      <c r="Q1927" s="75">
        <f>IF(Input!$D$19=4,J1927*Input!$C$19,0)+IF(Input!$D$20=4,K1927*Input!$C$20,0)+IF(Input!$D$21=4,L1927*Input!$C$21,0)+IF(Input!$D$22=4,M1927*Input!$C$22,0)</f>
        <v>0</v>
      </c>
      <c r="R1927" s="58">
        <v>57.765118537005918</v>
      </c>
      <c r="S1927" s="124">
        <f t="shared" si="29"/>
        <v>1.0093268093630015</v>
      </c>
    </row>
    <row r="1928" spans="8:19" x14ac:dyDescent="0.3">
      <c r="H1928" s="44">
        <v>1921</v>
      </c>
      <c r="I1928" s="56">
        <f>Bühler!I1954</f>
        <v>0.23523432171459926</v>
      </c>
      <c r="J1928" s="59">
        <f>Bühler!J1954</f>
        <v>0.78411440571533098</v>
      </c>
      <c r="K1928" s="59">
        <f>Bühler!K1954</f>
        <v>1.1761716085729963</v>
      </c>
      <c r="L1928" s="59">
        <f>Bühler!L1954</f>
        <v>5.6456237211503826</v>
      </c>
      <c r="M1928" s="58">
        <f>Bühler!M1954</f>
        <v>0</v>
      </c>
      <c r="N1928" s="56">
        <f>IF(Input!$D$19=1,J1928*Input!$C$19,0)+IF(Input!$D$20=1,K1928*Input!$C$20,0)+IF(Input!$D$21=1,L1928*Input!$C$21,0)+IF(Input!$D$22=1,M1928*Input!$C$22,0)</f>
        <v>0.23523432171459929</v>
      </c>
      <c r="O1928" s="59">
        <f>IF(Input!$D$19=2,J1928*Input!$C$19,0)+IF(Input!$D$20=2,K1928*Input!$C$20,0)+IF(Input!$D$21=2,L1928*Input!$C$21,0)+IF(Input!$D$22=2,M1928*Input!$C$22,0)</f>
        <v>0.58808580428649815</v>
      </c>
      <c r="P1928" s="59">
        <f>IF(Input!$D$19=3,J1928*Input!$C$19,0)+IF(Input!$D$20=3,K1928*Input!$C$20,0)+IF(Input!$D$21=3,L1928*Input!$C$21,0)+IF(Input!$D$22=3,M1928*Input!$C$22,0)</f>
        <v>0</v>
      </c>
      <c r="Q1928" s="75">
        <f>IF(Input!$D$19=4,J1928*Input!$C$19,0)+IF(Input!$D$20=4,K1928*Input!$C$20,0)+IF(Input!$D$21=4,L1928*Input!$C$21,0)+IF(Input!$D$22=4,M1928*Input!$C$22,0)</f>
        <v>0</v>
      </c>
      <c r="R1928" s="58">
        <v>56.035736835013928</v>
      </c>
      <c r="S1928" s="124">
        <f t="shared" si="29"/>
        <v>1.0193487274299302</v>
      </c>
    </row>
    <row r="1929" spans="8:19" x14ac:dyDescent="0.3">
      <c r="H1929" s="44">
        <v>1922</v>
      </c>
      <c r="I1929" s="56">
        <f>Bühler!I1955</f>
        <v>0.23523432171459926</v>
      </c>
      <c r="J1929" s="59">
        <f>Bühler!J1955</f>
        <v>0.78411440571533098</v>
      </c>
      <c r="K1929" s="59">
        <f>Bühler!K1955</f>
        <v>1.1761716085729963</v>
      </c>
      <c r="L1929" s="59">
        <f>Bühler!L1955</f>
        <v>5.6456237211503826</v>
      </c>
      <c r="M1929" s="58">
        <f>Bühler!M1955</f>
        <v>0</v>
      </c>
      <c r="N1929" s="56">
        <f>IF(Input!$D$19=1,J1929*Input!$C$19,0)+IF(Input!$D$20=1,K1929*Input!$C$20,0)+IF(Input!$D$21=1,L1929*Input!$C$21,0)+IF(Input!$D$22=1,M1929*Input!$C$22,0)</f>
        <v>0.23523432171459929</v>
      </c>
      <c r="O1929" s="59">
        <f>IF(Input!$D$19=2,J1929*Input!$C$19,0)+IF(Input!$D$20=2,K1929*Input!$C$20,0)+IF(Input!$D$21=2,L1929*Input!$C$21,0)+IF(Input!$D$22=2,M1929*Input!$C$22,0)</f>
        <v>0.58808580428649815</v>
      </c>
      <c r="P1929" s="59">
        <f>IF(Input!$D$19=3,J1929*Input!$C$19,0)+IF(Input!$D$20=3,K1929*Input!$C$20,0)+IF(Input!$D$21=3,L1929*Input!$C$21,0)+IF(Input!$D$22=3,M1929*Input!$C$22,0)</f>
        <v>0</v>
      </c>
      <c r="Q1929" s="75">
        <f>IF(Input!$D$19=4,J1929*Input!$C$19,0)+IF(Input!$D$20=4,K1929*Input!$C$20,0)+IF(Input!$D$21=4,L1929*Input!$C$21,0)+IF(Input!$D$22=4,M1929*Input!$C$22,0)</f>
        <v>0</v>
      </c>
      <c r="R1929" s="58">
        <v>57.108295999521914</v>
      </c>
      <c r="S1929" s="124">
        <f t="shared" ref="S1929:S1992" si="30">I1929+J1929</f>
        <v>1.0193487274299302</v>
      </c>
    </row>
    <row r="1930" spans="8:19" x14ac:dyDescent="0.3">
      <c r="H1930" s="44">
        <v>1923</v>
      </c>
      <c r="I1930" s="56">
        <f>Bühler!I1956</f>
        <v>0.23523432171459926</v>
      </c>
      <c r="J1930" s="59">
        <f>Bühler!J1956</f>
        <v>0.78411440571533098</v>
      </c>
      <c r="K1930" s="59">
        <f>Bühler!K1956</f>
        <v>1.1761716085729963</v>
      </c>
      <c r="L1930" s="59">
        <f>Bühler!L1956</f>
        <v>5.6456237211503826</v>
      </c>
      <c r="M1930" s="58">
        <f>Bühler!M1956</f>
        <v>0</v>
      </c>
      <c r="N1930" s="56">
        <f>IF(Input!$D$19=1,J1930*Input!$C$19,0)+IF(Input!$D$20=1,K1930*Input!$C$20,0)+IF(Input!$D$21=1,L1930*Input!$C$21,0)+IF(Input!$D$22=1,M1930*Input!$C$22,0)</f>
        <v>0.23523432171459929</v>
      </c>
      <c r="O1930" s="59">
        <f>IF(Input!$D$19=2,J1930*Input!$C$19,0)+IF(Input!$D$20=2,K1930*Input!$C$20,0)+IF(Input!$D$21=2,L1930*Input!$C$21,0)+IF(Input!$D$22=2,M1930*Input!$C$22,0)</f>
        <v>0.58808580428649815</v>
      </c>
      <c r="P1930" s="59">
        <f>IF(Input!$D$19=3,J1930*Input!$C$19,0)+IF(Input!$D$20=3,K1930*Input!$C$20,0)+IF(Input!$D$21=3,L1930*Input!$C$21,0)+IF(Input!$D$22=3,M1930*Input!$C$22,0)</f>
        <v>0</v>
      </c>
      <c r="Q1930" s="75">
        <f>IF(Input!$D$19=4,J1930*Input!$C$19,0)+IF(Input!$D$20=4,K1930*Input!$C$20,0)+IF(Input!$D$21=4,L1930*Input!$C$21,0)+IF(Input!$D$22=4,M1930*Input!$C$22,0)</f>
        <v>0</v>
      </c>
      <c r="R1930" s="58">
        <v>57.594315055803378</v>
      </c>
      <c r="S1930" s="124">
        <f t="shared" si="30"/>
        <v>1.0193487274299302</v>
      </c>
    </row>
    <row r="1931" spans="8:19" x14ac:dyDescent="0.3">
      <c r="H1931" s="44">
        <v>1924</v>
      </c>
      <c r="I1931" s="56">
        <f>Bühler!I1957</f>
        <v>0.23523432171459926</v>
      </c>
      <c r="J1931" s="59">
        <f>Bühler!J1957</f>
        <v>0.78411440571533098</v>
      </c>
      <c r="K1931" s="59">
        <f>Bühler!K1957</f>
        <v>1.1761716085729963</v>
      </c>
      <c r="L1931" s="59">
        <f>Bühler!L1957</f>
        <v>5.6456237211503826</v>
      </c>
      <c r="M1931" s="58">
        <f>Bühler!M1957</f>
        <v>0</v>
      </c>
      <c r="N1931" s="56">
        <f>IF(Input!$D$19=1,J1931*Input!$C$19,0)+IF(Input!$D$20=1,K1931*Input!$C$20,0)+IF(Input!$D$21=1,L1931*Input!$C$21,0)+IF(Input!$D$22=1,M1931*Input!$C$22,0)</f>
        <v>0.23523432171459929</v>
      </c>
      <c r="O1931" s="59">
        <f>IF(Input!$D$19=2,J1931*Input!$C$19,0)+IF(Input!$D$20=2,K1931*Input!$C$20,0)+IF(Input!$D$21=2,L1931*Input!$C$21,0)+IF(Input!$D$22=2,M1931*Input!$C$22,0)</f>
        <v>0.58808580428649815</v>
      </c>
      <c r="P1931" s="59">
        <f>IF(Input!$D$19=3,J1931*Input!$C$19,0)+IF(Input!$D$20=3,K1931*Input!$C$20,0)+IF(Input!$D$21=3,L1931*Input!$C$21,0)+IF(Input!$D$22=3,M1931*Input!$C$22,0)</f>
        <v>0</v>
      </c>
      <c r="Q1931" s="75">
        <f>IF(Input!$D$19=4,J1931*Input!$C$19,0)+IF(Input!$D$20=4,K1931*Input!$C$20,0)+IF(Input!$D$21=4,L1931*Input!$C$21,0)+IF(Input!$D$22=4,M1931*Input!$C$22,0)</f>
        <v>0</v>
      </c>
      <c r="R1931" s="58">
        <v>57.497413543296673</v>
      </c>
      <c r="S1931" s="124">
        <f t="shared" si="30"/>
        <v>1.0193487274299302</v>
      </c>
    </row>
    <row r="1932" spans="8:19" x14ac:dyDescent="0.3">
      <c r="H1932" s="44">
        <v>1925</v>
      </c>
      <c r="I1932" s="56">
        <f>Bühler!I1958</f>
        <v>0.23523432171459926</v>
      </c>
      <c r="J1932" s="59">
        <f>Bühler!J1958</f>
        <v>0.78411440571533098</v>
      </c>
      <c r="K1932" s="59">
        <f>Bühler!K1958</f>
        <v>1.1761716085729963</v>
      </c>
      <c r="L1932" s="59">
        <f>Bühler!L1958</f>
        <v>5.6456237211503826</v>
      </c>
      <c r="M1932" s="58">
        <f>Bühler!M1958</f>
        <v>0</v>
      </c>
      <c r="N1932" s="56">
        <f>IF(Input!$D$19=1,J1932*Input!$C$19,0)+IF(Input!$D$20=1,K1932*Input!$C$20,0)+IF(Input!$D$21=1,L1932*Input!$C$21,0)+IF(Input!$D$22=1,M1932*Input!$C$22,0)</f>
        <v>0.23523432171459929</v>
      </c>
      <c r="O1932" s="59">
        <f>IF(Input!$D$19=2,J1932*Input!$C$19,0)+IF(Input!$D$20=2,K1932*Input!$C$20,0)+IF(Input!$D$21=2,L1932*Input!$C$21,0)+IF(Input!$D$22=2,M1932*Input!$C$22,0)</f>
        <v>0.58808580428649815</v>
      </c>
      <c r="P1932" s="59">
        <f>IF(Input!$D$19=3,J1932*Input!$C$19,0)+IF(Input!$D$20=3,K1932*Input!$C$20,0)+IF(Input!$D$21=3,L1932*Input!$C$21,0)+IF(Input!$D$22=3,M1932*Input!$C$22,0)</f>
        <v>0</v>
      </c>
      <c r="Q1932" s="75">
        <f>IF(Input!$D$19=4,J1932*Input!$C$19,0)+IF(Input!$D$20=4,K1932*Input!$C$20,0)+IF(Input!$D$21=4,L1932*Input!$C$21,0)+IF(Input!$D$22=4,M1932*Input!$C$22,0)</f>
        <v>0</v>
      </c>
      <c r="R1932" s="58">
        <v>58.81283448563196</v>
      </c>
      <c r="S1932" s="124">
        <f t="shared" si="30"/>
        <v>1.0193487274299302</v>
      </c>
    </row>
    <row r="1933" spans="8:19" x14ac:dyDescent="0.3">
      <c r="H1933" s="44">
        <v>1926</v>
      </c>
      <c r="I1933" s="56">
        <f>Bühler!I1959</f>
        <v>0.30319090354326128</v>
      </c>
      <c r="J1933" s="59">
        <f>Bühler!J1959</f>
        <v>1.0106363451442044</v>
      </c>
      <c r="K1933" s="59">
        <f>Bühler!K1959</f>
        <v>1.5159545177163063</v>
      </c>
      <c r="L1933" s="59">
        <f>Bühler!L1959</f>
        <v>7.2765816850382707</v>
      </c>
      <c r="M1933" s="58">
        <f>Bühler!M1959</f>
        <v>0</v>
      </c>
      <c r="N1933" s="56">
        <f>IF(Input!$D$19=1,J1933*Input!$C$19,0)+IF(Input!$D$20=1,K1933*Input!$C$20,0)+IF(Input!$D$21=1,L1933*Input!$C$21,0)+IF(Input!$D$22=1,M1933*Input!$C$22,0)</f>
        <v>0.30319090354326134</v>
      </c>
      <c r="O1933" s="59">
        <f>IF(Input!$D$19=2,J1933*Input!$C$19,0)+IF(Input!$D$20=2,K1933*Input!$C$20,0)+IF(Input!$D$21=2,L1933*Input!$C$21,0)+IF(Input!$D$22=2,M1933*Input!$C$22,0)</f>
        <v>0.75797725885815315</v>
      </c>
      <c r="P1933" s="59">
        <f>IF(Input!$D$19=3,J1933*Input!$C$19,0)+IF(Input!$D$20=3,K1933*Input!$C$20,0)+IF(Input!$D$21=3,L1933*Input!$C$21,0)+IF(Input!$D$22=3,M1933*Input!$C$22,0)</f>
        <v>0</v>
      </c>
      <c r="Q1933" s="75">
        <f>IF(Input!$D$19=4,J1933*Input!$C$19,0)+IF(Input!$D$20=4,K1933*Input!$C$20,0)+IF(Input!$D$21=4,L1933*Input!$C$21,0)+IF(Input!$D$22=4,M1933*Input!$C$22,0)</f>
        <v>0</v>
      </c>
      <c r="R1933" s="58">
        <v>62.188060082080526</v>
      </c>
      <c r="S1933" s="124">
        <f t="shared" si="30"/>
        <v>1.3138272486874656</v>
      </c>
    </row>
    <row r="1934" spans="8:19" x14ac:dyDescent="0.3">
      <c r="H1934" s="44">
        <v>1927</v>
      </c>
      <c r="I1934" s="56">
        <f>Bühler!I1960</f>
        <v>0.35023776788618122</v>
      </c>
      <c r="J1934" s="59">
        <f>Bühler!J1960</f>
        <v>1.1674592262872707</v>
      </c>
      <c r="K1934" s="59">
        <f>Bühler!K1960</f>
        <v>1.7511888394309061</v>
      </c>
      <c r="L1934" s="59">
        <f>Bühler!L1960</f>
        <v>8.4057064292683492</v>
      </c>
      <c r="M1934" s="58">
        <f>Bühler!M1960</f>
        <v>0</v>
      </c>
      <c r="N1934" s="56">
        <f>IF(Input!$D$19=1,J1934*Input!$C$19,0)+IF(Input!$D$20=1,K1934*Input!$C$20,0)+IF(Input!$D$21=1,L1934*Input!$C$21,0)+IF(Input!$D$22=1,M1934*Input!$C$22,0)</f>
        <v>0.35023776788618122</v>
      </c>
      <c r="O1934" s="59">
        <f>IF(Input!$D$19=2,J1934*Input!$C$19,0)+IF(Input!$D$20=2,K1934*Input!$C$20,0)+IF(Input!$D$21=2,L1934*Input!$C$21,0)+IF(Input!$D$22=2,M1934*Input!$C$22,0)</f>
        <v>0.87559441971545304</v>
      </c>
      <c r="P1934" s="59">
        <f>IF(Input!$D$19=3,J1934*Input!$C$19,0)+IF(Input!$D$20=3,K1934*Input!$C$20,0)+IF(Input!$D$21=3,L1934*Input!$C$21,0)+IF(Input!$D$22=3,M1934*Input!$C$22,0)</f>
        <v>0</v>
      </c>
      <c r="Q1934" s="75">
        <f>IF(Input!$D$19=4,J1934*Input!$C$19,0)+IF(Input!$D$20=4,K1934*Input!$C$20,0)+IF(Input!$D$21=4,L1934*Input!$C$21,0)+IF(Input!$D$22=4,M1934*Input!$C$22,0)</f>
        <v>0</v>
      </c>
      <c r="R1934" s="58">
        <v>66.006599049336401</v>
      </c>
      <c r="S1934" s="124">
        <f t="shared" si="30"/>
        <v>1.5176969941734519</v>
      </c>
    </row>
    <row r="1935" spans="8:19" x14ac:dyDescent="0.3">
      <c r="H1935" s="44">
        <v>1928</v>
      </c>
      <c r="I1935" s="56">
        <f>Bühler!I1961</f>
        <v>0.35023776788618122</v>
      </c>
      <c r="J1935" s="59">
        <f>Bühler!J1961</f>
        <v>1.1674592262872707</v>
      </c>
      <c r="K1935" s="59">
        <f>Bühler!K1961</f>
        <v>1.7511888394309061</v>
      </c>
      <c r="L1935" s="59">
        <f>Bühler!L1961</f>
        <v>8.4057064292683492</v>
      </c>
      <c r="M1935" s="58">
        <f>Bühler!M1961</f>
        <v>0</v>
      </c>
      <c r="N1935" s="56">
        <f>IF(Input!$D$19=1,J1935*Input!$C$19,0)+IF(Input!$D$20=1,K1935*Input!$C$20,0)+IF(Input!$D$21=1,L1935*Input!$C$21,0)+IF(Input!$D$22=1,M1935*Input!$C$22,0)</f>
        <v>0.35023776788618122</v>
      </c>
      <c r="O1935" s="59">
        <f>IF(Input!$D$19=2,J1935*Input!$C$19,0)+IF(Input!$D$20=2,K1935*Input!$C$20,0)+IF(Input!$D$21=2,L1935*Input!$C$21,0)+IF(Input!$D$22=2,M1935*Input!$C$22,0)</f>
        <v>0.87559441971545304</v>
      </c>
      <c r="P1935" s="59">
        <f>IF(Input!$D$19=3,J1935*Input!$C$19,0)+IF(Input!$D$20=3,K1935*Input!$C$20,0)+IF(Input!$D$21=3,L1935*Input!$C$21,0)+IF(Input!$D$22=3,M1935*Input!$C$22,0)</f>
        <v>0</v>
      </c>
      <c r="Q1935" s="75">
        <f>IF(Input!$D$19=4,J1935*Input!$C$19,0)+IF(Input!$D$20=4,K1935*Input!$C$20,0)+IF(Input!$D$21=4,L1935*Input!$C$21,0)+IF(Input!$D$22=4,M1935*Input!$C$22,0)</f>
        <v>0</v>
      </c>
      <c r="R1935" s="58">
        <v>67.164215870581558</v>
      </c>
      <c r="S1935" s="124">
        <f t="shared" si="30"/>
        <v>1.5176969941734519</v>
      </c>
    </row>
    <row r="1936" spans="8:19" x14ac:dyDescent="0.3">
      <c r="H1936" s="44">
        <v>1929</v>
      </c>
      <c r="I1936" s="56">
        <f>Bühler!I1962</f>
        <v>0.35023776788618122</v>
      </c>
      <c r="J1936" s="59">
        <f>Bühler!J1962</f>
        <v>1.1674592262872707</v>
      </c>
      <c r="K1936" s="59">
        <f>Bühler!K1962</f>
        <v>1.7511888394309061</v>
      </c>
      <c r="L1936" s="59">
        <f>Bühler!L1962</f>
        <v>8.4057064292683492</v>
      </c>
      <c r="M1936" s="58">
        <f>Bühler!M1962</f>
        <v>0</v>
      </c>
      <c r="N1936" s="56">
        <f>IF(Input!$D$19=1,J1936*Input!$C$19,0)+IF(Input!$D$20=1,K1936*Input!$C$20,0)+IF(Input!$D$21=1,L1936*Input!$C$21,0)+IF(Input!$D$22=1,M1936*Input!$C$22,0)</f>
        <v>0.35023776788618122</v>
      </c>
      <c r="O1936" s="59">
        <f>IF(Input!$D$19=2,J1936*Input!$C$19,0)+IF(Input!$D$20=2,K1936*Input!$C$20,0)+IF(Input!$D$21=2,L1936*Input!$C$21,0)+IF(Input!$D$22=2,M1936*Input!$C$22,0)</f>
        <v>0.87559441971545304</v>
      </c>
      <c r="P1936" s="59">
        <f>IF(Input!$D$19=3,J1936*Input!$C$19,0)+IF(Input!$D$20=3,K1936*Input!$C$20,0)+IF(Input!$D$21=3,L1936*Input!$C$21,0)+IF(Input!$D$22=3,M1936*Input!$C$22,0)</f>
        <v>0</v>
      </c>
      <c r="Q1936" s="75">
        <f>IF(Input!$D$19=4,J1936*Input!$C$19,0)+IF(Input!$D$20=4,K1936*Input!$C$20,0)+IF(Input!$D$21=4,L1936*Input!$C$21,0)+IF(Input!$D$22=4,M1936*Input!$C$22,0)</f>
        <v>0</v>
      </c>
      <c r="R1936" s="58">
        <v>67.938827750923039</v>
      </c>
      <c r="S1936" s="124">
        <f t="shared" si="30"/>
        <v>1.5176969941734519</v>
      </c>
    </row>
    <row r="1937" spans="8:19" x14ac:dyDescent="0.3">
      <c r="H1937" s="44">
        <v>1930</v>
      </c>
      <c r="I1937" s="56">
        <f>Bühler!I1963</f>
        <v>0.37637491474335893</v>
      </c>
      <c r="J1937" s="59">
        <f>Bühler!J1963</f>
        <v>1.2545830491445298</v>
      </c>
      <c r="K1937" s="59">
        <f>Bühler!K1963</f>
        <v>1.8818745737167946</v>
      </c>
      <c r="L1937" s="59">
        <f>Bühler!L1963</f>
        <v>9.0329979538406135</v>
      </c>
      <c r="M1937" s="58">
        <f>Bühler!M1963</f>
        <v>0</v>
      </c>
      <c r="N1937" s="56">
        <f>IF(Input!$D$19=1,J1937*Input!$C$19,0)+IF(Input!$D$20=1,K1937*Input!$C$20,0)+IF(Input!$D$21=1,L1937*Input!$C$21,0)+IF(Input!$D$22=1,M1937*Input!$C$22,0)</f>
        <v>0.37637491474335893</v>
      </c>
      <c r="O1937" s="59">
        <f>IF(Input!$D$19=2,J1937*Input!$C$19,0)+IF(Input!$D$20=2,K1937*Input!$C$20,0)+IF(Input!$D$21=2,L1937*Input!$C$21,0)+IF(Input!$D$22=2,M1937*Input!$C$22,0)</f>
        <v>0.94093728685839728</v>
      </c>
      <c r="P1937" s="59">
        <f>IF(Input!$D$19=3,J1937*Input!$C$19,0)+IF(Input!$D$20=3,K1937*Input!$C$20,0)+IF(Input!$D$21=3,L1937*Input!$C$21,0)+IF(Input!$D$22=3,M1937*Input!$C$22,0)</f>
        <v>0</v>
      </c>
      <c r="Q1937" s="75">
        <f>IF(Input!$D$19=4,J1937*Input!$C$19,0)+IF(Input!$D$20=4,K1937*Input!$C$20,0)+IF(Input!$D$21=4,L1937*Input!$C$21,0)+IF(Input!$D$22=4,M1937*Input!$C$22,0)</f>
        <v>0</v>
      </c>
      <c r="R1937" s="58">
        <v>67.714361642245933</v>
      </c>
      <c r="S1937" s="124">
        <f t="shared" si="30"/>
        <v>1.6309579638878886</v>
      </c>
    </row>
    <row r="1938" spans="8:19" x14ac:dyDescent="0.3">
      <c r="H1938" s="44">
        <v>1931</v>
      </c>
      <c r="I1938" s="56">
        <f>Bühler!I1964</f>
        <v>0.4077394909719721</v>
      </c>
      <c r="J1938" s="59">
        <f>Bühler!J1964</f>
        <v>1.3591316365732404</v>
      </c>
      <c r="K1938" s="59">
        <f>Bühler!K1964</f>
        <v>2.0386974548598604</v>
      </c>
      <c r="L1938" s="59">
        <f>Bühler!L1964</f>
        <v>9.7857477833273308</v>
      </c>
      <c r="M1938" s="58">
        <f>Bühler!M1964</f>
        <v>0</v>
      </c>
      <c r="N1938" s="56">
        <f>IF(Input!$D$19=1,J1938*Input!$C$19,0)+IF(Input!$D$20=1,K1938*Input!$C$20,0)+IF(Input!$D$21=1,L1938*Input!$C$21,0)+IF(Input!$D$22=1,M1938*Input!$C$22,0)</f>
        <v>0.4077394909719721</v>
      </c>
      <c r="O1938" s="59">
        <f>IF(Input!$D$19=2,J1938*Input!$C$19,0)+IF(Input!$D$20=2,K1938*Input!$C$20,0)+IF(Input!$D$21=2,L1938*Input!$C$21,0)+IF(Input!$D$22=2,M1938*Input!$C$22,0)</f>
        <v>1.0193487274299302</v>
      </c>
      <c r="P1938" s="59">
        <f>IF(Input!$D$19=3,J1938*Input!$C$19,0)+IF(Input!$D$20=3,K1938*Input!$C$20,0)+IF(Input!$D$21=3,L1938*Input!$C$21,0)+IF(Input!$D$22=3,M1938*Input!$C$22,0)</f>
        <v>0</v>
      </c>
      <c r="Q1938" s="75">
        <f>IF(Input!$D$19=4,J1938*Input!$C$19,0)+IF(Input!$D$20=4,K1938*Input!$C$20,0)+IF(Input!$D$21=4,L1938*Input!$C$21,0)+IF(Input!$D$22=4,M1938*Input!$C$22,0)</f>
        <v>0</v>
      </c>
      <c r="R1938" s="58">
        <v>68.625056739277611</v>
      </c>
      <c r="S1938" s="124">
        <f t="shared" si="30"/>
        <v>1.7668711275452125</v>
      </c>
    </row>
    <row r="1939" spans="8:19" x14ac:dyDescent="0.3">
      <c r="H1939" s="44">
        <v>1932</v>
      </c>
      <c r="I1939" s="56">
        <f>Bühler!I1965</f>
        <v>0.47046864342919853</v>
      </c>
      <c r="J1939" s="59">
        <f>Bühler!J1965</f>
        <v>1.568228811430662</v>
      </c>
      <c r="K1939" s="59">
        <f>Bühler!K1965</f>
        <v>2.3523432171459926</v>
      </c>
      <c r="L1939" s="59">
        <f>Bühler!L1965</f>
        <v>11.291247442300765</v>
      </c>
      <c r="M1939" s="58">
        <f>Bühler!M1965</f>
        <v>0</v>
      </c>
      <c r="N1939" s="56">
        <f>IF(Input!$D$19=1,J1939*Input!$C$19,0)+IF(Input!$D$20=1,K1939*Input!$C$20,0)+IF(Input!$D$21=1,L1939*Input!$C$21,0)+IF(Input!$D$22=1,M1939*Input!$C$22,0)</f>
        <v>0.47046864342919859</v>
      </c>
      <c r="O1939" s="59">
        <f>IF(Input!$D$19=2,J1939*Input!$C$19,0)+IF(Input!$D$20=2,K1939*Input!$C$20,0)+IF(Input!$D$21=2,L1939*Input!$C$21,0)+IF(Input!$D$22=2,M1939*Input!$C$22,0)</f>
        <v>1.1761716085729963</v>
      </c>
      <c r="P1939" s="59">
        <f>IF(Input!$D$19=3,J1939*Input!$C$19,0)+IF(Input!$D$20=3,K1939*Input!$C$20,0)+IF(Input!$D$21=3,L1939*Input!$C$21,0)+IF(Input!$D$22=3,M1939*Input!$C$22,0)</f>
        <v>0</v>
      </c>
      <c r="Q1939" s="75">
        <f>IF(Input!$D$19=4,J1939*Input!$C$19,0)+IF(Input!$D$20=4,K1939*Input!$C$20,0)+IF(Input!$D$21=4,L1939*Input!$C$21,0)+IF(Input!$D$22=4,M1939*Input!$C$22,0)</f>
        <v>0</v>
      </c>
      <c r="R1939" s="58">
        <v>69.259199240796974</v>
      </c>
      <c r="S1939" s="124">
        <f t="shared" si="30"/>
        <v>2.0386974548598604</v>
      </c>
    </row>
    <row r="1940" spans="8:19" x14ac:dyDescent="0.3">
      <c r="H1940" s="44">
        <v>1933</v>
      </c>
      <c r="I1940" s="56">
        <f>Bühler!I1966</f>
        <v>0.47046864342919853</v>
      </c>
      <c r="J1940" s="59">
        <f>Bühler!J1966</f>
        <v>1.568228811430662</v>
      </c>
      <c r="K1940" s="59">
        <f>Bühler!K1966</f>
        <v>2.3523432171459926</v>
      </c>
      <c r="L1940" s="59">
        <f>Bühler!L1966</f>
        <v>11.291247442300765</v>
      </c>
      <c r="M1940" s="58">
        <f>Bühler!M1966</f>
        <v>0</v>
      </c>
      <c r="N1940" s="56">
        <f>IF(Input!$D$19=1,J1940*Input!$C$19,0)+IF(Input!$D$20=1,K1940*Input!$C$20,0)+IF(Input!$D$21=1,L1940*Input!$C$21,0)+IF(Input!$D$22=1,M1940*Input!$C$22,0)</f>
        <v>0.47046864342919859</v>
      </c>
      <c r="O1940" s="59">
        <f>IF(Input!$D$19=2,J1940*Input!$C$19,0)+IF(Input!$D$20=2,K1940*Input!$C$20,0)+IF(Input!$D$21=2,L1940*Input!$C$21,0)+IF(Input!$D$22=2,M1940*Input!$C$22,0)</f>
        <v>1.1761716085729963</v>
      </c>
      <c r="P1940" s="59">
        <f>IF(Input!$D$19=3,J1940*Input!$C$19,0)+IF(Input!$D$20=3,K1940*Input!$C$20,0)+IF(Input!$D$21=3,L1940*Input!$C$21,0)+IF(Input!$D$22=3,M1940*Input!$C$22,0)</f>
        <v>0</v>
      </c>
      <c r="Q1940" s="75">
        <f>IF(Input!$D$19=4,J1940*Input!$C$19,0)+IF(Input!$D$20=4,K1940*Input!$C$20,0)+IF(Input!$D$21=4,L1940*Input!$C$21,0)+IF(Input!$D$22=4,M1940*Input!$C$22,0)</f>
        <v>0</v>
      </c>
      <c r="R1940" s="58">
        <v>67.713873711202922</v>
      </c>
      <c r="S1940" s="124">
        <f t="shared" si="30"/>
        <v>2.0386974548598604</v>
      </c>
    </row>
    <row r="1941" spans="8:19" x14ac:dyDescent="0.3">
      <c r="H1941" s="44">
        <v>1934</v>
      </c>
      <c r="I1941" s="56">
        <f>Bühler!I1967</f>
        <v>0.47046864342919853</v>
      </c>
      <c r="J1941" s="59">
        <f>Bühler!J1967</f>
        <v>1.568228811430662</v>
      </c>
      <c r="K1941" s="59">
        <f>Bühler!K1967</f>
        <v>2.3523432171459926</v>
      </c>
      <c r="L1941" s="59">
        <f>Bühler!L1967</f>
        <v>11.291247442300765</v>
      </c>
      <c r="M1941" s="58">
        <f>Bühler!M1967</f>
        <v>0</v>
      </c>
      <c r="N1941" s="56">
        <f>IF(Input!$D$19=1,J1941*Input!$C$19,0)+IF(Input!$D$20=1,K1941*Input!$C$20,0)+IF(Input!$D$21=1,L1941*Input!$C$21,0)+IF(Input!$D$22=1,M1941*Input!$C$22,0)</f>
        <v>0.47046864342919859</v>
      </c>
      <c r="O1941" s="59">
        <f>IF(Input!$D$19=2,J1941*Input!$C$19,0)+IF(Input!$D$20=2,K1941*Input!$C$20,0)+IF(Input!$D$21=2,L1941*Input!$C$21,0)+IF(Input!$D$22=2,M1941*Input!$C$22,0)</f>
        <v>1.1761716085729963</v>
      </c>
      <c r="P1941" s="59">
        <f>IF(Input!$D$19=3,J1941*Input!$C$19,0)+IF(Input!$D$20=3,K1941*Input!$C$20,0)+IF(Input!$D$21=3,L1941*Input!$C$21,0)+IF(Input!$D$22=3,M1941*Input!$C$22,0)</f>
        <v>0</v>
      </c>
      <c r="Q1941" s="75">
        <f>IF(Input!$D$19=4,J1941*Input!$C$19,0)+IF(Input!$D$20=4,K1941*Input!$C$20,0)+IF(Input!$D$21=4,L1941*Input!$C$21,0)+IF(Input!$D$22=4,M1941*Input!$C$22,0)</f>
        <v>0</v>
      </c>
      <c r="R1941" s="58">
        <v>67.175184208165703</v>
      </c>
      <c r="S1941" s="124">
        <f t="shared" si="30"/>
        <v>2.0386974548598604</v>
      </c>
    </row>
    <row r="1942" spans="8:19" x14ac:dyDescent="0.3">
      <c r="H1942" s="44">
        <v>1935</v>
      </c>
      <c r="I1942" s="56">
        <f>Bühler!I1968</f>
        <v>0.47046864342919853</v>
      </c>
      <c r="J1942" s="59">
        <f>Bühler!J1968</f>
        <v>1.568228811430662</v>
      </c>
      <c r="K1942" s="59">
        <f>Bühler!K1968</f>
        <v>2.3523432171459926</v>
      </c>
      <c r="L1942" s="59">
        <f>Bühler!L1968</f>
        <v>11.291247442300765</v>
      </c>
      <c r="M1942" s="58">
        <f>Bühler!M1968</f>
        <v>0</v>
      </c>
      <c r="N1942" s="56">
        <f>IF(Input!$D$19=1,J1942*Input!$C$19,0)+IF(Input!$D$20=1,K1942*Input!$C$20,0)+IF(Input!$D$21=1,L1942*Input!$C$21,0)+IF(Input!$D$22=1,M1942*Input!$C$22,0)</f>
        <v>0.47046864342919859</v>
      </c>
      <c r="O1942" s="59">
        <f>IF(Input!$D$19=2,J1942*Input!$C$19,0)+IF(Input!$D$20=2,K1942*Input!$C$20,0)+IF(Input!$D$21=2,L1942*Input!$C$21,0)+IF(Input!$D$22=2,M1942*Input!$C$22,0)</f>
        <v>1.1761716085729963</v>
      </c>
      <c r="P1942" s="59">
        <f>IF(Input!$D$19=3,J1942*Input!$C$19,0)+IF(Input!$D$20=3,K1942*Input!$C$20,0)+IF(Input!$D$21=3,L1942*Input!$C$21,0)+IF(Input!$D$22=3,M1942*Input!$C$22,0)</f>
        <v>0</v>
      </c>
      <c r="Q1942" s="75">
        <f>IF(Input!$D$19=4,J1942*Input!$C$19,0)+IF(Input!$D$20=4,K1942*Input!$C$20,0)+IF(Input!$D$21=4,L1942*Input!$C$21,0)+IF(Input!$D$22=4,M1942*Input!$C$22,0)</f>
        <v>0</v>
      </c>
      <c r="R1942" s="58">
        <v>67.768274678356036</v>
      </c>
      <c r="S1942" s="124">
        <f t="shared" si="30"/>
        <v>2.0386974548598604</v>
      </c>
    </row>
    <row r="1943" spans="8:19" x14ac:dyDescent="0.3">
      <c r="H1943" s="44">
        <v>1936</v>
      </c>
      <c r="I1943" s="56">
        <f>Bühler!I1969</f>
        <v>0.47046864342919853</v>
      </c>
      <c r="J1943" s="59">
        <f>Bühler!J1969</f>
        <v>1.568228811430662</v>
      </c>
      <c r="K1943" s="59">
        <f>Bühler!K1969</f>
        <v>2.3523432171459926</v>
      </c>
      <c r="L1943" s="59">
        <f>Bühler!L1969</f>
        <v>11.291247442300765</v>
      </c>
      <c r="M1943" s="58">
        <f>Bühler!M1969</f>
        <v>0</v>
      </c>
      <c r="N1943" s="56">
        <f>IF(Input!$D$19=1,J1943*Input!$C$19,0)+IF(Input!$D$20=1,K1943*Input!$C$20,0)+IF(Input!$D$21=1,L1943*Input!$C$21,0)+IF(Input!$D$22=1,M1943*Input!$C$22,0)</f>
        <v>0.47046864342919859</v>
      </c>
      <c r="O1943" s="59">
        <f>IF(Input!$D$19=2,J1943*Input!$C$19,0)+IF(Input!$D$20=2,K1943*Input!$C$20,0)+IF(Input!$D$21=2,L1943*Input!$C$21,0)+IF(Input!$D$22=2,M1943*Input!$C$22,0)</f>
        <v>1.1761716085729963</v>
      </c>
      <c r="P1943" s="59">
        <f>IF(Input!$D$19=3,J1943*Input!$C$19,0)+IF(Input!$D$20=3,K1943*Input!$C$20,0)+IF(Input!$D$21=3,L1943*Input!$C$21,0)+IF(Input!$D$22=3,M1943*Input!$C$22,0)</f>
        <v>0</v>
      </c>
      <c r="Q1943" s="75">
        <f>IF(Input!$D$19=4,J1943*Input!$C$19,0)+IF(Input!$D$20=4,K1943*Input!$C$20,0)+IF(Input!$D$21=4,L1943*Input!$C$21,0)+IF(Input!$D$22=4,M1943*Input!$C$22,0)</f>
        <v>0</v>
      </c>
      <c r="R1943" s="58">
        <v>67.193597902344166</v>
      </c>
      <c r="S1943" s="124">
        <f t="shared" si="30"/>
        <v>2.0386974548598604</v>
      </c>
    </row>
    <row r="1944" spans="8:19" x14ac:dyDescent="0.3">
      <c r="H1944" s="44">
        <v>1937</v>
      </c>
      <c r="I1944" s="56">
        <f>Bühler!I1970</f>
        <v>0.47046864342919853</v>
      </c>
      <c r="J1944" s="59">
        <f>Bühler!J1970</f>
        <v>1.568228811430662</v>
      </c>
      <c r="K1944" s="59">
        <f>Bühler!K1970</f>
        <v>2.3523432171459926</v>
      </c>
      <c r="L1944" s="59">
        <f>Bühler!L1970</f>
        <v>11.291247442300765</v>
      </c>
      <c r="M1944" s="58">
        <f>Bühler!M1970</f>
        <v>0</v>
      </c>
      <c r="N1944" s="56">
        <f>IF(Input!$D$19=1,J1944*Input!$C$19,0)+IF(Input!$D$20=1,K1944*Input!$C$20,0)+IF(Input!$D$21=1,L1944*Input!$C$21,0)+IF(Input!$D$22=1,M1944*Input!$C$22,0)</f>
        <v>0.47046864342919859</v>
      </c>
      <c r="O1944" s="59">
        <f>IF(Input!$D$19=2,J1944*Input!$C$19,0)+IF(Input!$D$20=2,K1944*Input!$C$20,0)+IF(Input!$D$21=2,L1944*Input!$C$21,0)+IF(Input!$D$22=2,M1944*Input!$C$22,0)</f>
        <v>1.1761716085729963</v>
      </c>
      <c r="P1944" s="59">
        <f>IF(Input!$D$19=3,J1944*Input!$C$19,0)+IF(Input!$D$20=3,K1944*Input!$C$20,0)+IF(Input!$D$21=3,L1944*Input!$C$21,0)+IF(Input!$D$22=3,M1944*Input!$C$22,0)</f>
        <v>0</v>
      </c>
      <c r="Q1944" s="75">
        <f>IF(Input!$D$19=4,J1944*Input!$C$19,0)+IF(Input!$D$20=4,K1944*Input!$C$20,0)+IF(Input!$D$21=4,L1944*Input!$C$21,0)+IF(Input!$D$22=4,M1944*Input!$C$22,0)</f>
        <v>0</v>
      </c>
      <c r="R1944" s="58">
        <v>65.93291732334194</v>
      </c>
      <c r="S1944" s="124">
        <f t="shared" si="30"/>
        <v>2.0386974548598604</v>
      </c>
    </row>
    <row r="1945" spans="8:19" x14ac:dyDescent="0.3">
      <c r="H1945" s="44">
        <v>1938</v>
      </c>
      <c r="I1945" s="56">
        <f>Bühler!I1971</f>
        <v>0.47046864342919853</v>
      </c>
      <c r="J1945" s="59">
        <f>Bühler!J1971</f>
        <v>1.568228811430662</v>
      </c>
      <c r="K1945" s="59">
        <f>Bühler!K1971</f>
        <v>2.3523432171459926</v>
      </c>
      <c r="L1945" s="59">
        <f>Bühler!L1971</f>
        <v>11.291247442300765</v>
      </c>
      <c r="M1945" s="58">
        <f>Bühler!M1971</f>
        <v>0</v>
      </c>
      <c r="N1945" s="56">
        <f>IF(Input!$D$19=1,J1945*Input!$C$19,0)+IF(Input!$D$20=1,K1945*Input!$C$20,0)+IF(Input!$D$21=1,L1945*Input!$C$21,0)+IF(Input!$D$22=1,M1945*Input!$C$22,0)</f>
        <v>0.47046864342919859</v>
      </c>
      <c r="O1945" s="59">
        <f>IF(Input!$D$19=2,J1945*Input!$C$19,0)+IF(Input!$D$20=2,K1945*Input!$C$20,0)+IF(Input!$D$21=2,L1945*Input!$C$21,0)+IF(Input!$D$22=2,M1945*Input!$C$22,0)</f>
        <v>1.1761716085729963</v>
      </c>
      <c r="P1945" s="59">
        <f>IF(Input!$D$19=3,J1945*Input!$C$19,0)+IF(Input!$D$20=3,K1945*Input!$C$20,0)+IF(Input!$D$21=3,L1945*Input!$C$21,0)+IF(Input!$D$22=3,M1945*Input!$C$22,0)</f>
        <v>0</v>
      </c>
      <c r="Q1945" s="75">
        <f>IF(Input!$D$19=4,J1945*Input!$C$19,0)+IF(Input!$D$20=4,K1945*Input!$C$20,0)+IF(Input!$D$21=4,L1945*Input!$C$21,0)+IF(Input!$D$22=4,M1945*Input!$C$22,0)</f>
        <v>0</v>
      </c>
      <c r="R1945" s="58">
        <v>64.57372619894943</v>
      </c>
      <c r="S1945" s="124">
        <f t="shared" si="30"/>
        <v>2.0386974548598604</v>
      </c>
    </row>
    <row r="1946" spans="8:19" x14ac:dyDescent="0.3">
      <c r="H1946" s="44">
        <v>1939</v>
      </c>
      <c r="I1946" s="56">
        <f>Bühler!I1972</f>
        <v>0.47046864342919853</v>
      </c>
      <c r="J1946" s="59">
        <f>Bühler!J1972</f>
        <v>1.568228811430662</v>
      </c>
      <c r="K1946" s="59">
        <f>Bühler!K1972</f>
        <v>2.3523432171459926</v>
      </c>
      <c r="L1946" s="59">
        <f>Bühler!L1972</f>
        <v>11.291247442300765</v>
      </c>
      <c r="M1946" s="58">
        <f>Bühler!M1972</f>
        <v>0</v>
      </c>
      <c r="N1946" s="56">
        <f>IF(Input!$D$19=1,J1946*Input!$C$19,0)+IF(Input!$D$20=1,K1946*Input!$C$20,0)+IF(Input!$D$21=1,L1946*Input!$C$21,0)+IF(Input!$D$22=1,M1946*Input!$C$22,0)</f>
        <v>0.47046864342919859</v>
      </c>
      <c r="O1946" s="59">
        <f>IF(Input!$D$19=2,J1946*Input!$C$19,0)+IF(Input!$D$20=2,K1946*Input!$C$20,0)+IF(Input!$D$21=2,L1946*Input!$C$21,0)+IF(Input!$D$22=2,M1946*Input!$C$22,0)</f>
        <v>1.1761716085729963</v>
      </c>
      <c r="P1946" s="59">
        <f>IF(Input!$D$19=3,J1946*Input!$C$19,0)+IF(Input!$D$20=3,K1946*Input!$C$20,0)+IF(Input!$D$21=3,L1946*Input!$C$21,0)+IF(Input!$D$22=3,M1946*Input!$C$22,0)</f>
        <v>0</v>
      </c>
      <c r="Q1946" s="75">
        <f>IF(Input!$D$19=4,J1946*Input!$C$19,0)+IF(Input!$D$20=4,K1946*Input!$C$20,0)+IF(Input!$D$21=4,L1946*Input!$C$21,0)+IF(Input!$D$22=4,M1946*Input!$C$22,0)</f>
        <v>0</v>
      </c>
      <c r="R1946" s="58">
        <v>63.337123978372304</v>
      </c>
      <c r="S1946" s="124">
        <f t="shared" si="30"/>
        <v>2.0386974548598604</v>
      </c>
    </row>
    <row r="1947" spans="8:19" x14ac:dyDescent="0.3">
      <c r="H1947" s="44">
        <v>1940</v>
      </c>
      <c r="I1947" s="56">
        <f>Bühler!I1973</f>
        <v>0.39205720285766549</v>
      </c>
      <c r="J1947" s="59">
        <f>Bühler!J1973</f>
        <v>1.3068573428588852</v>
      </c>
      <c r="K1947" s="59">
        <f>Bühler!K1973</f>
        <v>1.9602860142883274</v>
      </c>
      <c r="L1947" s="59">
        <f>Bühler!L1973</f>
        <v>9.4093728685839721</v>
      </c>
      <c r="M1947" s="58">
        <f>Bühler!M1973</f>
        <v>0</v>
      </c>
      <c r="N1947" s="56">
        <f>IF(Input!$D$19=1,J1947*Input!$C$19,0)+IF(Input!$D$20=1,K1947*Input!$C$20,0)+IF(Input!$D$21=1,L1947*Input!$C$21,0)+IF(Input!$D$22=1,M1947*Input!$C$22,0)</f>
        <v>0.39205720285766554</v>
      </c>
      <c r="O1947" s="59">
        <f>IF(Input!$D$19=2,J1947*Input!$C$19,0)+IF(Input!$D$20=2,K1947*Input!$C$20,0)+IF(Input!$D$21=2,L1947*Input!$C$21,0)+IF(Input!$D$22=2,M1947*Input!$C$22,0)</f>
        <v>0.98014300714416369</v>
      </c>
      <c r="P1947" s="59">
        <f>IF(Input!$D$19=3,J1947*Input!$C$19,0)+IF(Input!$D$20=3,K1947*Input!$C$20,0)+IF(Input!$D$21=3,L1947*Input!$C$21,0)+IF(Input!$D$22=3,M1947*Input!$C$22,0)</f>
        <v>0</v>
      </c>
      <c r="Q1947" s="75">
        <f>IF(Input!$D$19=4,J1947*Input!$C$19,0)+IF(Input!$D$20=4,K1947*Input!$C$20,0)+IF(Input!$D$21=4,L1947*Input!$C$21,0)+IF(Input!$D$22=4,M1947*Input!$C$22,0)</f>
        <v>0</v>
      </c>
      <c r="R1947" s="58">
        <v>61.993907285218029</v>
      </c>
      <c r="S1947" s="124">
        <f t="shared" si="30"/>
        <v>1.6989145457165507</v>
      </c>
    </row>
    <row r="1948" spans="8:19" x14ac:dyDescent="0.3">
      <c r="H1948" s="44">
        <v>1941</v>
      </c>
      <c r="I1948" s="56">
        <f>Bühler!I1974</f>
        <v>0.31364576228613245</v>
      </c>
      <c r="J1948" s="59">
        <f>Bühler!J1974</f>
        <v>1.0454858742871083</v>
      </c>
      <c r="K1948" s="59">
        <f>Bühler!K1974</f>
        <v>1.5682288114306622</v>
      </c>
      <c r="L1948" s="59">
        <f>Bühler!L1974</f>
        <v>7.5274982948671783</v>
      </c>
      <c r="M1948" s="58">
        <f>Bühler!M1974</f>
        <v>0</v>
      </c>
      <c r="N1948" s="56">
        <f>IF(Input!$D$19=1,J1948*Input!$C$19,0)+IF(Input!$D$20=1,K1948*Input!$C$20,0)+IF(Input!$D$21=1,L1948*Input!$C$21,0)+IF(Input!$D$22=1,M1948*Input!$C$22,0)</f>
        <v>0.31364576228613245</v>
      </c>
      <c r="O1948" s="59">
        <f>IF(Input!$D$19=2,J1948*Input!$C$19,0)+IF(Input!$D$20=2,K1948*Input!$C$20,0)+IF(Input!$D$21=2,L1948*Input!$C$21,0)+IF(Input!$D$22=2,M1948*Input!$C$22,0)</f>
        <v>0.78411440571533109</v>
      </c>
      <c r="P1948" s="59">
        <f>IF(Input!$D$19=3,J1948*Input!$C$19,0)+IF(Input!$D$20=3,K1948*Input!$C$20,0)+IF(Input!$D$21=3,L1948*Input!$C$21,0)+IF(Input!$D$22=3,M1948*Input!$C$22,0)</f>
        <v>0</v>
      </c>
      <c r="Q1948" s="75">
        <f>IF(Input!$D$19=4,J1948*Input!$C$19,0)+IF(Input!$D$20=4,K1948*Input!$C$20,0)+IF(Input!$D$21=4,L1948*Input!$C$21,0)+IF(Input!$D$22=4,M1948*Input!$C$22,0)</f>
        <v>0</v>
      </c>
      <c r="R1948" s="58">
        <v>60.748677607470498</v>
      </c>
      <c r="S1948" s="124">
        <f t="shared" si="30"/>
        <v>1.3591316365732407</v>
      </c>
    </row>
    <row r="1949" spans="8:19" x14ac:dyDescent="0.3">
      <c r="H1949" s="44">
        <v>1942</v>
      </c>
      <c r="I1949" s="56">
        <f>Bühler!I1975</f>
        <v>0.23523432171459926</v>
      </c>
      <c r="J1949" s="59">
        <f>Bühler!J1975</f>
        <v>0.78411440571533098</v>
      </c>
      <c r="K1949" s="59">
        <f>Bühler!K1975</f>
        <v>1.1761716085729963</v>
      </c>
      <c r="L1949" s="59">
        <f>Bühler!L1975</f>
        <v>5.6456237211503826</v>
      </c>
      <c r="M1949" s="58">
        <f>Bühler!M1975</f>
        <v>0</v>
      </c>
      <c r="N1949" s="56">
        <f>IF(Input!$D$19=1,J1949*Input!$C$19,0)+IF(Input!$D$20=1,K1949*Input!$C$20,0)+IF(Input!$D$21=1,L1949*Input!$C$21,0)+IF(Input!$D$22=1,M1949*Input!$C$22,0)</f>
        <v>0.23523432171459929</v>
      </c>
      <c r="O1949" s="59">
        <f>IF(Input!$D$19=2,J1949*Input!$C$19,0)+IF(Input!$D$20=2,K1949*Input!$C$20,0)+IF(Input!$D$21=2,L1949*Input!$C$21,0)+IF(Input!$D$22=2,M1949*Input!$C$22,0)</f>
        <v>0.58808580428649815</v>
      </c>
      <c r="P1949" s="59">
        <f>IF(Input!$D$19=3,J1949*Input!$C$19,0)+IF(Input!$D$20=3,K1949*Input!$C$20,0)+IF(Input!$D$21=3,L1949*Input!$C$21,0)+IF(Input!$D$22=3,M1949*Input!$C$22,0)</f>
        <v>0</v>
      </c>
      <c r="Q1949" s="75">
        <f>IF(Input!$D$19=4,J1949*Input!$C$19,0)+IF(Input!$D$20=4,K1949*Input!$C$20,0)+IF(Input!$D$21=4,L1949*Input!$C$21,0)+IF(Input!$D$22=4,M1949*Input!$C$22,0)</f>
        <v>0</v>
      </c>
      <c r="R1949" s="58">
        <v>58.913893817094049</v>
      </c>
      <c r="S1949" s="124">
        <f t="shared" si="30"/>
        <v>1.0193487274299302</v>
      </c>
    </row>
    <row r="1950" spans="8:19" x14ac:dyDescent="0.3">
      <c r="H1950" s="44">
        <v>1943</v>
      </c>
      <c r="I1950" s="56">
        <f>Bühler!I1976</f>
        <v>0.23523432171459926</v>
      </c>
      <c r="J1950" s="59">
        <f>Bühler!J1976</f>
        <v>0.78411440571533098</v>
      </c>
      <c r="K1950" s="59">
        <f>Bühler!K1976</f>
        <v>1.1761716085729963</v>
      </c>
      <c r="L1950" s="59">
        <f>Bühler!L1976</f>
        <v>5.6456237211503826</v>
      </c>
      <c r="M1950" s="58">
        <f>Bühler!M1976</f>
        <v>0</v>
      </c>
      <c r="N1950" s="56">
        <f>IF(Input!$D$19=1,J1950*Input!$C$19,0)+IF(Input!$D$20=1,K1950*Input!$C$20,0)+IF(Input!$D$21=1,L1950*Input!$C$21,0)+IF(Input!$D$22=1,M1950*Input!$C$22,0)</f>
        <v>0.23523432171459929</v>
      </c>
      <c r="O1950" s="59">
        <f>IF(Input!$D$19=2,J1950*Input!$C$19,0)+IF(Input!$D$20=2,K1950*Input!$C$20,0)+IF(Input!$D$21=2,L1950*Input!$C$21,0)+IF(Input!$D$22=2,M1950*Input!$C$22,0)</f>
        <v>0.58808580428649815</v>
      </c>
      <c r="P1950" s="59">
        <f>IF(Input!$D$19=3,J1950*Input!$C$19,0)+IF(Input!$D$20=3,K1950*Input!$C$20,0)+IF(Input!$D$21=3,L1950*Input!$C$21,0)+IF(Input!$D$22=3,M1950*Input!$C$22,0)</f>
        <v>0</v>
      </c>
      <c r="Q1950" s="75">
        <f>IF(Input!$D$19=4,J1950*Input!$C$19,0)+IF(Input!$D$20=4,K1950*Input!$C$20,0)+IF(Input!$D$21=4,L1950*Input!$C$21,0)+IF(Input!$D$22=4,M1950*Input!$C$22,0)</f>
        <v>0</v>
      </c>
      <c r="R1950" s="58">
        <v>58.542028912466129</v>
      </c>
      <c r="S1950" s="124">
        <f t="shared" si="30"/>
        <v>1.0193487274299302</v>
      </c>
    </row>
    <row r="1951" spans="8:19" x14ac:dyDescent="0.3">
      <c r="H1951" s="44">
        <v>1944</v>
      </c>
      <c r="I1951" s="56">
        <f>Bühler!I1977</f>
        <v>0.23523432171459926</v>
      </c>
      <c r="J1951" s="59">
        <f>Bühler!J1977</f>
        <v>0.78411440571533098</v>
      </c>
      <c r="K1951" s="59">
        <f>Bühler!K1977</f>
        <v>1.1761716085729963</v>
      </c>
      <c r="L1951" s="59">
        <f>Bühler!L1977</f>
        <v>5.6456237211503826</v>
      </c>
      <c r="M1951" s="58">
        <f>Bühler!M1977</f>
        <v>0</v>
      </c>
      <c r="N1951" s="56">
        <f>IF(Input!$D$19=1,J1951*Input!$C$19,0)+IF(Input!$D$20=1,K1951*Input!$C$20,0)+IF(Input!$D$21=1,L1951*Input!$C$21,0)+IF(Input!$D$22=1,M1951*Input!$C$22,0)</f>
        <v>0.23523432171459929</v>
      </c>
      <c r="O1951" s="59">
        <f>IF(Input!$D$19=2,J1951*Input!$C$19,0)+IF(Input!$D$20=2,K1951*Input!$C$20,0)+IF(Input!$D$21=2,L1951*Input!$C$21,0)+IF(Input!$D$22=2,M1951*Input!$C$22,0)</f>
        <v>0.58808580428649815</v>
      </c>
      <c r="P1951" s="59">
        <f>IF(Input!$D$19=3,J1951*Input!$C$19,0)+IF(Input!$D$20=3,K1951*Input!$C$20,0)+IF(Input!$D$21=3,L1951*Input!$C$21,0)+IF(Input!$D$22=3,M1951*Input!$C$22,0)</f>
        <v>0</v>
      </c>
      <c r="Q1951" s="75">
        <f>IF(Input!$D$19=4,J1951*Input!$C$19,0)+IF(Input!$D$20=4,K1951*Input!$C$20,0)+IF(Input!$D$21=4,L1951*Input!$C$21,0)+IF(Input!$D$22=4,M1951*Input!$C$22,0)</f>
        <v>0</v>
      </c>
      <c r="R1951" s="58">
        <v>57.121165065550677</v>
      </c>
      <c r="S1951" s="124">
        <f t="shared" si="30"/>
        <v>1.0193487274299302</v>
      </c>
    </row>
    <row r="1952" spans="8:19" x14ac:dyDescent="0.3">
      <c r="H1952" s="44">
        <v>1945</v>
      </c>
      <c r="I1952" s="56">
        <f>Bühler!I1978</f>
        <v>0.25391321663019845</v>
      </c>
      <c r="J1952" s="59">
        <f>Bühler!J1978</f>
        <v>0.84637738876732826</v>
      </c>
      <c r="K1952" s="59">
        <f>Bühler!K1978</f>
        <v>1.2695660831509923</v>
      </c>
      <c r="L1952" s="59">
        <f>Bühler!L1978</f>
        <v>6.0939171991247632</v>
      </c>
      <c r="M1952" s="58">
        <f>Bühler!M1978</f>
        <v>0</v>
      </c>
      <c r="N1952" s="56">
        <f>IF(Input!$D$19=1,J1952*Input!$C$19,0)+IF(Input!$D$20=1,K1952*Input!$C$20,0)+IF(Input!$D$21=1,L1952*Input!$C$21,0)+IF(Input!$D$22=1,M1952*Input!$C$22,0)</f>
        <v>0.25391321663019845</v>
      </c>
      <c r="O1952" s="59">
        <f>IF(Input!$D$19=2,J1952*Input!$C$19,0)+IF(Input!$D$20=2,K1952*Input!$C$20,0)+IF(Input!$D$21=2,L1952*Input!$C$21,0)+IF(Input!$D$22=2,M1952*Input!$C$22,0)</f>
        <v>0.63478304157549614</v>
      </c>
      <c r="P1952" s="59">
        <f>IF(Input!$D$19=3,J1952*Input!$C$19,0)+IF(Input!$D$20=3,K1952*Input!$C$20,0)+IF(Input!$D$21=3,L1952*Input!$C$21,0)+IF(Input!$D$22=3,M1952*Input!$C$22,0)</f>
        <v>0</v>
      </c>
      <c r="Q1952" s="75">
        <f>IF(Input!$D$19=4,J1952*Input!$C$19,0)+IF(Input!$D$20=4,K1952*Input!$C$20,0)+IF(Input!$D$21=4,L1952*Input!$C$21,0)+IF(Input!$D$22=4,M1952*Input!$C$22,0)</f>
        <v>0</v>
      </c>
      <c r="R1952" s="58">
        <v>55.824824547302818</v>
      </c>
      <c r="S1952" s="124">
        <f t="shared" si="30"/>
        <v>1.1002906053975268</v>
      </c>
    </row>
    <row r="1953" spans="8:19" x14ac:dyDescent="0.3">
      <c r="H1953" s="44">
        <v>1946</v>
      </c>
      <c r="I1953" s="56">
        <f>Bühler!I1979</f>
        <v>0.25391321663019845</v>
      </c>
      <c r="J1953" s="59">
        <f>Bühler!J1979</f>
        <v>0.84637738876732826</v>
      </c>
      <c r="K1953" s="59">
        <f>Bühler!K1979</f>
        <v>1.2695660831509923</v>
      </c>
      <c r="L1953" s="59">
        <f>Bühler!L1979</f>
        <v>6.0939171991247632</v>
      </c>
      <c r="M1953" s="58">
        <f>Bühler!M1979</f>
        <v>0</v>
      </c>
      <c r="N1953" s="56">
        <f>IF(Input!$D$19=1,J1953*Input!$C$19,0)+IF(Input!$D$20=1,K1953*Input!$C$20,0)+IF(Input!$D$21=1,L1953*Input!$C$21,0)+IF(Input!$D$22=1,M1953*Input!$C$22,0)</f>
        <v>0.25391321663019845</v>
      </c>
      <c r="O1953" s="59">
        <f>IF(Input!$D$19=2,J1953*Input!$C$19,0)+IF(Input!$D$20=2,K1953*Input!$C$20,0)+IF(Input!$D$21=2,L1953*Input!$C$21,0)+IF(Input!$D$22=2,M1953*Input!$C$22,0)</f>
        <v>0.63478304157549614</v>
      </c>
      <c r="P1953" s="59">
        <f>IF(Input!$D$19=3,J1953*Input!$C$19,0)+IF(Input!$D$20=3,K1953*Input!$C$20,0)+IF(Input!$D$21=3,L1953*Input!$C$21,0)+IF(Input!$D$22=3,M1953*Input!$C$22,0)</f>
        <v>0</v>
      </c>
      <c r="Q1953" s="75">
        <f>IF(Input!$D$19=4,J1953*Input!$C$19,0)+IF(Input!$D$20=4,K1953*Input!$C$20,0)+IF(Input!$D$21=4,L1953*Input!$C$21,0)+IF(Input!$D$22=4,M1953*Input!$C$22,0)</f>
        <v>0</v>
      </c>
      <c r="R1953" s="58">
        <v>55.602876960694644</v>
      </c>
      <c r="S1953" s="124">
        <f t="shared" si="30"/>
        <v>1.1002906053975268</v>
      </c>
    </row>
    <row r="1954" spans="8:19" x14ac:dyDescent="0.3">
      <c r="H1954" s="44">
        <v>1947</v>
      </c>
      <c r="I1954" s="56">
        <f>Bühler!I1980</f>
        <v>0.25391321663019845</v>
      </c>
      <c r="J1954" s="59">
        <f>Bühler!J1980</f>
        <v>0.84637738876732826</v>
      </c>
      <c r="K1954" s="59">
        <f>Bühler!K1980</f>
        <v>1.2695660831509923</v>
      </c>
      <c r="L1954" s="59">
        <f>Bühler!L1980</f>
        <v>6.0939171991247632</v>
      </c>
      <c r="M1954" s="58">
        <f>Bühler!M1980</f>
        <v>0</v>
      </c>
      <c r="N1954" s="56">
        <f>IF(Input!$D$19=1,J1954*Input!$C$19,0)+IF(Input!$D$20=1,K1954*Input!$C$20,0)+IF(Input!$D$21=1,L1954*Input!$C$21,0)+IF(Input!$D$22=1,M1954*Input!$C$22,0)</f>
        <v>0.25391321663019845</v>
      </c>
      <c r="O1954" s="59">
        <f>IF(Input!$D$19=2,J1954*Input!$C$19,0)+IF(Input!$D$20=2,K1954*Input!$C$20,0)+IF(Input!$D$21=2,L1954*Input!$C$21,0)+IF(Input!$D$22=2,M1954*Input!$C$22,0)</f>
        <v>0.63478304157549614</v>
      </c>
      <c r="P1954" s="59">
        <f>IF(Input!$D$19=3,J1954*Input!$C$19,0)+IF(Input!$D$20=3,K1954*Input!$C$20,0)+IF(Input!$D$21=3,L1954*Input!$C$21,0)+IF(Input!$D$22=3,M1954*Input!$C$22,0)</f>
        <v>0</v>
      </c>
      <c r="Q1954" s="75">
        <f>IF(Input!$D$19=4,J1954*Input!$C$19,0)+IF(Input!$D$20=4,K1954*Input!$C$20,0)+IF(Input!$D$21=4,L1954*Input!$C$21,0)+IF(Input!$D$22=4,M1954*Input!$C$22,0)</f>
        <v>0</v>
      </c>
      <c r="R1954" s="58">
        <v>55.812695429279394</v>
      </c>
      <c r="S1954" s="124">
        <f t="shared" si="30"/>
        <v>1.1002906053975268</v>
      </c>
    </row>
    <row r="1955" spans="8:19" x14ac:dyDescent="0.3">
      <c r="H1955" s="44">
        <v>1948</v>
      </c>
      <c r="I1955" s="56">
        <f>Bühler!I1981</f>
        <v>0.25391321663019845</v>
      </c>
      <c r="J1955" s="59">
        <f>Bühler!J1981</f>
        <v>0.84637738876732826</v>
      </c>
      <c r="K1955" s="59">
        <f>Bühler!K1981</f>
        <v>1.2695660831509923</v>
      </c>
      <c r="L1955" s="59">
        <f>Bühler!L1981</f>
        <v>6.0939171991247632</v>
      </c>
      <c r="M1955" s="58">
        <f>Bühler!M1981</f>
        <v>0</v>
      </c>
      <c r="N1955" s="56">
        <f>IF(Input!$D$19=1,J1955*Input!$C$19,0)+IF(Input!$D$20=1,K1955*Input!$C$20,0)+IF(Input!$D$21=1,L1955*Input!$C$21,0)+IF(Input!$D$22=1,M1955*Input!$C$22,0)</f>
        <v>0.25391321663019845</v>
      </c>
      <c r="O1955" s="59">
        <f>IF(Input!$D$19=2,J1955*Input!$C$19,0)+IF(Input!$D$20=2,K1955*Input!$C$20,0)+IF(Input!$D$21=2,L1955*Input!$C$21,0)+IF(Input!$D$22=2,M1955*Input!$C$22,0)</f>
        <v>0.63478304157549614</v>
      </c>
      <c r="P1955" s="59">
        <f>IF(Input!$D$19=3,J1955*Input!$C$19,0)+IF(Input!$D$20=3,K1955*Input!$C$20,0)+IF(Input!$D$21=3,L1955*Input!$C$21,0)+IF(Input!$D$22=3,M1955*Input!$C$22,0)</f>
        <v>0</v>
      </c>
      <c r="Q1955" s="75">
        <f>IF(Input!$D$19=4,J1955*Input!$C$19,0)+IF(Input!$D$20=4,K1955*Input!$C$20,0)+IF(Input!$D$21=4,L1955*Input!$C$21,0)+IF(Input!$D$22=4,M1955*Input!$C$22,0)</f>
        <v>0</v>
      </c>
      <c r="R1955" s="58">
        <v>55.835296480707697</v>
      </c>
      <c r="S1955" s="124">
        <f t="shared" si="30"/>
        <v>1.1002906053975268</v>
      </c>
    </row>
    <row r="1956" spans="8:19" x14ac:dyDescent="0.3">
      <c r="H1956" s="44">
        <v>1949</v>
      </c>
      <c r="I1956" s="56">
        <f>Bühler!I1982</f>
        <v>0.25391321663019845</v>
      </c>
      <c r="J1956" s="59">
        <f>Bühler!J1982</f>
        <v>0.84637738876732826</v>
      </c>
      <c r="K1956" s="59">
        <f>Bühler!K1982</f>
        <v>1.2695660831509923</v>
      </c>
      <c r="L1956" s="59">
        <f>Bühler!L1982</f>
        <v>6.0939171991247632</v>
      </c>
      <c r="M1956" s="58">
        <f>Bühler!M1982</f>
        <v>0</v>
      </c>
      <c r="N1956" s="56">
        <f>IF(Input!$D$19=1,J1956*Input!$C$19,0)+IF(Input!$D$20=1,K1956*Input!$C$20,0)+IF(Input!$D$21=1,L1956*Input!$C$21,0)+IF(Input!$D$22=1,M1956*Input!$C$22,0)</f>
        <v>0.25391321663019845</v>
      </c>
      <c r="O1956" s="59">
        <f>IF(Input!$D$19=2,J1956*Input!$C$19,0)+IF(Input!$D$20=2,K1956*Input!$C$20,0)+IF(Input!$D$21=2,L1956*Input!$C$21,0)+IF(Input!$D$22=2,M1956*Input!$C$22,0)</f>
        <v>0.63478304157549614</v>
      </c>
      <c r="P1956" s="59">
        <f>IF(Input!$D$19=3,J1956*Input!$C$19,0)+IF(Input!$D$20=3,K1956*Input!$C$20,0)+IF(Input!$D$21=3,L1956*Input!$C$21,0)+IF(Input!$D$22=3,M1956*Input!$C$22,0)</f>
        <v>0</v>
      </c>
      <c r="Q1956" s="75">
        <f>IF(Input!$D$19=4,J1956*Input!$C$19,0)+IF(Input!$D$20=4,K1956*Input!$C$20,0)+IF(Input!$D$21=4,L1956*Input!$C$21,0)+IF(Input!$D$22=4,M1956*Input!$C$22,0)</f>
        <v>0</v>
      </c>
      <c r="R1956" s="58">
        <v>57.102444259410497</v>
      </c>
      <c r="S1956" s="124">
        <f t="shared" si="30"/>
        <v>1.1002906053975268</v>
      </c>
    </row>
    <row r="1957" spans="8:19" x14ac:dyDescent="0.3">
      <c r="H1957" s="44">
        <v>1950</v>
      </c>
      <c r="I1957" s="56">
        <f>Bühler!I1983</f>
        <v>0.32726592365670026</v>
      </c>
      <c r="J1957" s="59">
        <f>Bühler!J1983</f>
        <v>1.090886412189001</v>
      </c>
      <c r="K1957" s="59">
        <f>Bühler!K1983</f>
        <v>1.6363296182835012</v>
      </c>
      <c r="L1957" s="59">
        <f>Bühler!L1983</f>
        <v>7.8543821677608063</v>
      </c>
      <c r="M1957" s="58">
        <f>Bühler!M1983</f>
        <v>0</v>
      </c>
      <c r="N1957" s="56">
        <f>IF(Input!$D$19=1,J1957*Input!$C$19,0)+IF(Input!$D$20=1,K1957*Input!$C$20,0)+IF(Input!$D$21=1,L1957*Input!$C$21,0)+IF(Input!$D$22=1,M1957*Input!$C$22,0)</f>
        <v>0.32726592365670026</v>
      </c>
      <c r="O1957" s="59">
        <f>IF(Input!$D$19=2,J1957*Input!$C$19,0)+IF(Input!$D$20=2,K1957*Input!$C$20,0)+IF(Input!$D$21=2,L1957*Input!$C$21,0)+IF(Input!$D$22=2,M1957*Input!$C$22,0)</f>
        <v>0.8181648091417506</v>
      </c>
      <c r="P1957" s="59">
        <f>IF(Input!$D$19=3,J1957*Input!$C$19,0)+IF(Input!$D$20=3,K1957*Input!$C$20,0)+IF(Input!$D$21=3,L1957*Input!$C$21,0)+IF(Input!$D$22=3,M1957*Input!$C$22,0)</f>
        <v>0</v>
      </c>
      <c r="Q1957" s="75">
        <f>IF(Input!$D$19=4,J1957*Input!$C$19,0)+IF(Input!$D$20=4,K1957*Input!$C$20,0)+IF(Input!$D$21=4,L1957*Input!$C$21,0)+IF(Input!$D$22=4,M1957*Input!$C$22,0)</f>
        <v>0</v>
      </c>
      <c r="R1957" s="58">
        <v>59.945959118123717</v>
      </c>
      <c r="S1957" s="124">
        <f t="shared" si="30"/>
        <v>1.4181523358457011</v>
      </c>
    </row>
    <row r="1958" spans="8:19" x14ac:dyDescent="0.3">
      <c r="H1958" s="44">
        <v>1951</v>
      </c>
      <c r="I1958" s="56">
        <f>Bühler!I1984</f>
        <v>0.39497611475808658</v>
      </c>
      <c r="J1958" s="59">
        <f>Bühler!J1984</f>
        <v>1.316587049193622</v>
      </c>
      <c r="K1958" s="59">
        <f>Bühler!K1984</f>
        <v>1.9748805737904329</v>
      </c>
      <c r="L1958" s="59">
        <f>Bühler!L1984</f>
        <v>9.479426754194078</v>
      </c>
      <c r="M1958" s="58">
        <f>Bühler!M1984</f>
        <v>0</v>
      </c>
      <c r="N1958" s="56">
        <f>IF(Input!$D$19=1,J1958*Input!$C$19,0)+IF(Input!$D$20=1,K1958*Input!$C$20,0)+IF(Input!$D$21=1,L1958*Input!$C$21,0)+IF(Input!$D$22=1,M1958*Input!$C$22,0)</f>
        <v>0.39497611475808658</v>
      </c>
      <c r="O1958" s="59">
        <f>IF(Input!$D$19=2,J1958*Input!$C$19,0)+IF(Input!$D$20=2,K1958*Input!$C$20,0)+IF(Input!$D$21=2,L1958*Input!$C$21,0)+IF(Input!$D$22=2,M1958*Input!$C$22,0)</f>
        <v>0.98744028689521646</v>
      </c>
      <c r="P1958" s="59">
        <f>IF(Input!$D$19=3,J1958*Input!$C$19,0)+IF(Input!$D$20=3,K1958*Input!$C$20,0)+IF(Input!$D$21=3,L1958*Input!$C$21,0)+IF(Input!$D$22=3,M1958*Input!$C$22,0)</f>
        <v>0</v>
      </c>
      <c r="Q1958" s="75">
        <f>IF(Input!$D$19=4,J1958*Input!$C$19,0)+IF(Input!$D$20=4,K1958*Input!$C$20,0)+IF(Input!$D$21=4,L1958*Input!$C$21,0)+IF(Input!$D$22=4,M1958*Input!$C$22,0)</f>
        <v>0</v>
      </c>
      <c r="R1958" s="58">
        <v>63.514122204794624</v>
      </c>
      <c r="S1958" s="124">
        <f t="shared" si="30"/>
        <v>1.7115631639517086</v>
      </c>
    </row>
    <row r="1959" spans="8:19" x14ac:dyDescent="0.3">
      <c r="H1959" s="44">
        <v>1952</v>
      </c>
      <c r="I1959" s="56">
        <f>Bühler!I1985</f>
        <v>0.39497611475808658</v>
      </c>
      <c r="J1959" s="59">
        <f>Bühler!J1985</f>
        <v>1.316587049193622</v>
      </c>
      <c r="K1959" s="59">
        <f>Bühler!K1985</f>
        <v>1.9748805737904329</v>
      </c>
      <c r="L1959" s="59">
        <f>Bühler!L1985</f>
        <v>9.479426754194078</v>
      </c>
      <c r="M1959" s="58">
        <f>Bühler!M1985</f>
        <v>0</v>
      </c>
      <c r="N1959" s="56">
        <f>IF(Input!$D$19=1,J1959*Input!$C$19,0)+IF(Input!$D$20=1,K1959*Input!$C$20,0)+IF(Input!$D$21=1,L1959*Input!$C$21,0)+IF(Input!$D$22=1,M1959*Input!$C$22,0)</f>
        <v>0.39497611475808658</v>
      </c>
      <c r="O1959" s="59">
        <f>IF(Input!$D$19=2,J1959*Input!$C$19,0)+IF(Input!$D$20=2,K1959*Input!$C$20,0)+IF(Input!$D$21=2,L1959*Input!$C$21,0)+IF(Input!$D$22=2,M1959*Input!$C$22,0)</f>
        <v>0.98744028689521646</v>
      </c>
      <c r="P1959" s="59">
        <f>IF(Input!$D$19=3,J1959*Input!$C$19,0)+IF(Input!$D$20=3,K1959*Input!$C$20,0)+IF(Input!$D$21=3,L1959*Input!$C$21,0)+IF(Input!$D$22=3,M1959*Input!$C$22,0)</f>
        <v>0</v>
      </c>
      <c r="Q1959" s="75">
        <f>IF(Input!$D$19=4,J1959*Input!$C$19,0)+IF(Input!$D$20=4,K1959*Input!$C$20,0)+IF(Input!$D$21=4,L1959*Input!$C$21,0)+IF(Input!$D$22=4,M1959*Input!$C$22,0)</f>
        <v>0</v>
      </c>
      <c r="R1959" s="58">
        <v>64.939106231895863</v>
      </c>
      <c r="S1959" s="124">
        <f t="shared" si="30"/>
        <v>1.7115631639517086</v>
      </c>
    </row>
    <row r="1960" spans="8:19" x14ac:dyDescent="0.3">
      <c r="H1960" s="44">
        <v>1953</v>
      </c>
      <c r="I1960" s="56">
        <f>Bühler!I1986</f>
        <v>0.39497611475808658</v>
      </c>
      <c r="J1960" s="59">
        <f>Bühler!J1986</f>
        <v>1.316587049193622</v>
      </c>
      <c r="K1960" s="59">
        <f>Bühler!K1986</f>
        <v>1.9748805737904329</v>
      </c>
      <c r="L1960" s="59">
        <f>Bühler!L1986</f>
        <v>9.479426754194078</v>
      </c>
      <c r="M1960" s="58">
        <f>Bühler!M1986</f>
        <v>0</v>
      </c>
      <c r="N1960" s="56">
        <f>IF(Input!$D$19=1,J1960*Input!$C$19,0)+IF(Input!$D$20=1,K1960*Input!$C$20,0)+IF(Input!$D$21=1,L1960*Input!$C$21,0)+IF(Input!$D$22=1,M1960*Input!$C$22,0)</f>
        <v>0.39497611475808658</v>
      </c>
      <c r="O1960" s="59">
        <f>IF(Input!$D$19=2,J1960*Input!$C$19,0)+IF(Input!$D$20=2,K1960*Input!$C$20,0)+IF(Input!$D$21=2,L1960*Input!$C$21,0)+IF(Input!$D$22=2,M1960*Input!$C$22,0)</f>
        <v>0.98744028689521646</v>
      </c>
      <c r="P1960" s="59">
        <f>IF(Input!$D$19=3,J1960*Input!$C$19,0)+IF(Input!$D$20=3,K1960*Input!$C$20,0)+IF(Input!$D$21=3,L1960*Input!$C$21,0)+IF(Input!$D$22=3,M1960*Input!$C$22,0)</f>
        <v>0</v>
      </c>
      <c r="Q1960" s="75">
        <f>IF(Input!$D$19=4,J1960*Input!$C$19,0)+IF(Input!$D$20=4,K1960*Input!$C$20,0)+IF(Input!$D$21=4,L1960*Input!$C$21,0)+IF(Input!$D$22=4,M1960*Input!$C$22,0)</f>
        <v>0</v>
      </c>
      <c r="R1960" s="58">
        <v>64.72054638953108</v>
      </c>
      <c r="S1960" s="124">
        <f t="shared" si="30"/>
        <v>1.7115631639517086</v>
      </c>
    </row>
    <row r="1961" spans="8:19" x14ac:dyDescent="0.3">
      <c r="H1961" s="44">
        <v>1954</v>
      </c>
      <c r="I1961" s="56">
        <f>Bühler!I1987</f>
        <v>0.42318869438366413</v>
      </c>
      <c r="J1961" s="59">
        <f>Bühler!J1987</f>
        <v>1.4106289812788806</v>
      </c>
      <c r="K1961" s="59">
        <f>Bühler!K1987</f>
        <v>2.1159434719183206</v>
      </c>
      <c r="L1961" s="59">
        <f>Bühler!L1987</f>
        <v>10.15652866520794</v>
      </c>
      <c r="M1961" s="58">
        <f>Bühler!M1987</f>
        <v>0</v>
      </c>
      <c r="N1961" s="56">
        <f>IF(Input!$D$19=1,J1961*Input!$C$19,0)+IF(Input!$D$20=1,K1961*Input!$C$20,0)+IF(Input!$D$21=1,L1961*Input!$C$21,0)+IF(Input!$D$22=1,M1961*Input!$C$22,0)</f>
        <v>0.42318869438366419</v>
      </c>
      <c r="O1961" s="59">
        <f>IF(Input!$D$19=2,J1961*Input!$C$19,0)+IF(Input!$D$20=2,K1961*Input!$C$20,0)+IF(Input!$D$21=2,L1961*Input!$C$21,0)+IF(Input!$D$22=2,M1961*Input!$C$22,0)</f>
        <v>1.0579717359591603</v>
      </c>
      <c r="P1961" s="59">
        <f>IF(Input!$D$19=3,J1961*Input!$C$19,0)+IF(Input!$D$20=3,K1961*Input!$C$20,0)+IF(Input!$D$21=3,L1961*Input!$C$21,0)+IF(Input!$D$22=3,M1961*Input!$C$22,0)</f>
        <v>0</v>
      </c>
      <c r="Q1961" s="75">
        <f>IF(Input!$D$19=4,J1961*Input!$C$19,0)+IF(Input!$D$20=4,K1961*Input!$C$20,0)+IF(Input!$D$21=4,L1961*Input!$C$21,0)+IF(Input!$D$22=4,M1961*Input!$C$22,0)</f>
        <v>0</v>
      </c>
      <c r="R1961" s="58">
        <v>64.458845044359833</v>
      </c>
      <c r="S1961" s="124">
        <f t="shared" si="30"/>
        <v>1.8338176756625448</v>
      </c>
    </row>
    <row r="1962" spans="8:19" x14ac:dyDescent="0.3">
      <c r="H1962" s="44">
        <v>1955</v>
      </c>
      <c r="I1962" s="56">
        <f>Bühler!I1988</f>
        <v>0.44011624215901068</v>
      </c>
      <c r="J1962" s="59">
        <f>Bühler!J1988</f>
        <v>1.4670541405300357</v>
      </c>
      <c r="K1962" s="59">
        <f>Bühler!K1988</f>
        <v>2.2005812107950535</v>
      </c>
      <c r="L1962" s="59">
        <f>Bühler!L1988</f>
        <v>10.562789811816257</v>
      </c>
      <c r="M1962" s="58">
        <f>Bühler!M1988</f>
        <v>0</v>
      </c>
      <c r="N1962" s="56">
        <f>IF(Input!$D$19=1,J1962*Input!$C$19,0)+IF(Input!$D$20=1,K1962*Input!$C$20,0)+IF(Input!$D$21=1,L1962*Input!$C$21,0)+IF(Input!$D$22=1,M1962*Input!$C$22,0)</f>
        <v>0.44011624215901068</v>
      </c>
      <c r="O1962" s="59">
        <f>IF(Input!$D$19=2,J1962*Input!$C$19,0)+IF(Input!$D$20=2,K1962*Input!$C$20,0)+IF(Input!$D$21=2,L1962*Input!$C$21,0)+IF(Input!$D$22=2,M1962*Input!$C$22,0)</f>
        <v>1.1002906053975268</v>
      </c>
      <c r="P1962" s="59">
        <f>IF(Input!$D$19=3,J1962*Input!$C$19,0)+IF(Input!$D$20=3,K1962*Input!$C$20,0)+IF(Input!$D$21=3,L1962*Input!$C$21,0)+IF(Input!$D$22=3,M1962*Input!$C$22,0)</f>
        <v>0</v>
      </c>
      <c r="Q1962" s="75">
        <f>IF(Input!$D$19=4,J1962*Input!$C$19,0)+IF(Input!$D$20=4,K1962*Input!$C$20,0)+IF(Input!$D$21=4,L1962*Input!$C$21,0)+IF(Input!$D$22=4,M1962*Input!$C$22,0)</f>
        <v>0</v>
      </c>
      <c r="R1962" s="58">
        <v>64.64235016869516</v>
      </c>
      <c r="S1962" s="124">
        <f t="shared" si="30"/>
        <v>1.9071703826890465</v>
      </c>
    </row>
    <row r="1963" spans="8:19" x14ac:dyDescent="0.3">
      <c r="H1963" s="44">
        <v>1956</v>
      </c>
      <c r="I1963" s="56">
        <f>Bühler!I1989</f>
        <v>0.50782643326039689</v>
      </c>
      <c r="J1963" s="59">
        <f>Bühler!J1989</f>
        <v>1.6927547775346565</v>
      </c>
      <c r="K1963" s="59">
        <f>Bühler!K1989</f>
        <v>2.5391321663019846</v>
      </c>
      <c r="L1963" s="59">
        <f>Bühler!L1989</f>
        <v>12.187834398249526</v>
      </c>
      <c r="M1963" s="58">
        <f>Bühler!M1989</f>
        <v>0</v>
      </c>
      <c r="N1963" s="56">
        <f>IF(Input!$D$19=1,J1963*Input!$C$19,0)+IF(Input!$D$20=1,K1963*Input!$C$20,0)+IF(Input!$D$21=1,L1963*Input!$C$21,0)+IF(Input!$D$22=1,M1963*Input!$C$22,0)</f>
        <v>0.50782643326039689</v>
      </c>
      <c r="O1963" s="59">
        <f>IF(Input!$D$19=2,J1963*Input!$C$19,0)+IF(Input!$D$20=2,K1963*Input!$C$20,0)+IF(Input!$D$21=2,L1963*Input!$C$21,0)+IF(Input!$D$22=2,M1963*Input!$C$22,0)</f>
        <v>1.2695660831509923</v>
      </c>
      <c r="P1963" s="59">
        <f>IF(Input!$D$19=3,J1963*Input!$C$19,0)+IF(Input!$D$20=3,K1963*Input!$C$20,0)+IF(Input!$D$21=3,L1963*Input!$C$21,0)+IF(Input!$D$22=3,M1963*Input!$C$22,0)</f>
        <v>0</v>
      </c>
      <c r="Q1963" s="75">
        <f>IF(Input!$D$19=4,J1963*Input!$C$19,0)+IF(Input!$D$20=4,K1963*Input!$C$20,0)+IF(Input!$D$21=4,L1963*Input!$C$21,0)+IF(Input!$D$22=4,M1963*Input!$C$22,0)</f>
        <v>0</v>
      </c>
      <c r="R1963" s="58">
        <v>64.942614914468265</v>
      </c>
      <c r="S1963" s="124">
        <f t="shared" si="30"/>
        <v>2.2005812107950535</v>
      </c>
    </row>
    <row r="1964" spans="8:19" x14ac:dyDescent="0.3">
      <c r="H1964" s="44">
        <v>1957</v>
      </c>
      <c r="I1964" s="56">
        <f>Bühler!I1990</f>
        <v>0.50782643326039689</v>
      </c>
      <c r="J1964" s="59">
        <f>Bühler!J1990</f>
        <v>1.6927547775346565</v>
      </c>
      <c r="K1964" s="59">
        <f>Bühler!K1990</f>
        <v>2.5391321663019846</v>
      </c>
      <c r="L1964" s="59">
        <f>Bühler!L1990</f>
        <v>12.187834398249526</v>
      </c>
      <c r="M1964" s="58">
        <f>Bühler!M1990</f>
        <v>0</v>
      </c>
      <c r="N1964" s="56">
        <f>IF(Input!$D$19=1,J1964*Input!$C$19,0)+IF(Input!$D$20=1,K1964*Input!$C$20,0)+IF(Input!$D$21=1,L1964*Input!$C$21,0)+IF(Input!$D$22=1,M1964*Input!$C$22,0)</f>
        <v>0.50782643326039689</v>
      </c>
      <c r="O1964" s="59">
        <f>IF(Input!$D$19=2,J1964*Input!$C$19,0)+IF(Input!$D$20=2,K1964*Input!$C$20,0)+IF(Input!$D$21=2,L1964*Input!$C$21,0)+IF(Input!$D$22=2,M1964*Input!$C$22,0)</f>
        <v>1.2695660831509923</v>
      </c>
      <c r="P1964" s="59">
        <f>IF(Input!$D$19=3,J1964*Input!$C$19,0)+IF(Input!$D$20=3,K1964*Input!$C$20,0)+IF(Input!$D$21=3,L1964*Input!$C$21,0)+IF(Input!$D$22=3,M1964*Input!$C$22,0)</f>
        <v>0</v>
      </c>
      <c r="Q1964" s="75">
        <f>IF(Input!$D$19=4,J1964*Input!$C$19,0)+IF(Input!$D$20=4,K1964*Input!$C$20,0)+IF(Input!$D$21=4,L1964*Input!$C$21,0)+IF(Input!$D$22=4,M1964*Input!$C$22,0)</f>
        <v>0</v>
      </c>
      <c r="R1964" s="58">
        <v>63.994836195162932</v>
      </c>
      <c r="S1964" s="124">
        <f t="shared" si="30"/>
        <v>2.2005812107950535</v>
      </c>
    </row>
    <row r="1965" spans="8:19" x14ac:dyDescent="0.3">
      <c r="H1965" s="44">
        <v>1958</v>
      </c>
      <c r="I1965" s="56">
        <f>Bühler!I1991</f>
        <v>0.50782643326039689</v>
      </c>
      <c r="J1965" s="59">
        <f>Bühler!J1991</f>
        <v>1.6927547775346565</v>
      </c>
      <c r="K1965" s="59">
        <f>Bühler!K1991</f>
        <v>2.5391321663019846</v>
      </c>
      <c r="L1965" s="59">
        <f>Bühler!L1991</f>
        <v>12.187834398249526</v>
      </c>
      <c r="M1965" s="58">
        <f>Bühler!M1991</f>
        <v>0</v>
      </c>
      <c r="N1965" s="56">
        <f>IF(Input!$D$19=1,J1965*Input!$C$19,0)+IF(Input!$D$20=1,K1965*Input!$C$20,0)+IF(Input!$D$21=1,L1965*Input!$C$21,0)+IF(Input!$D$22=1,M1965*Input!$C$22,0)</f>
        <v>0.50782643326039689</v>
      </c>
      <c r="O1965" s="59">
        <f>IF(Input!$D$19=2,J1965*Input!$C$19,0)+IF(Input!$D$20=2,K1965*Input!$C$20,0)+IF(Input!$D$21=2,L1965*Input!$C$21,0)+IF(Input!$D$22=2,M1965*Input!$C$22,0)</f>
        <v>1.2695660831509923</v>
      </c>
      <c r="P1965" s="59">
        <f>IF(Input!$D$19=3,J1965*Input!$C$19,0)+IF(Input!$D$20=3,K1965*Input!$C$20,0)+IF(Input!$D$21=3,L1965*Input!$C$21,0)+IF(Input!$D$22=3,M1965*Input!$C$22,0)</f>
        <v>0</v>
      </c>
      <c r="Q1965" s="75">
        <f>IF(Input!$D$19=4,J1965*Input!$C$19,0)+IF(Input!$D$20=4,K1965*Input!$C$20,0)+IF(Input!$D$21=4,L1965*Input!$C$21,0)+IF(Input!$D$22=4,M1965*Input!$C$22,0)</f>
        <v>0</v>
      </c>
      <c r="R1965" s="58">
        <v>63.4601137674467</v>
      </c>
      <c r="S1965" s="124">
        <f t="shared" si="30"/>
        <v>2.2005812107950535</v>
      </c>
    </row>
    <row r="1966" spans="8:19" x14ac:dyDescent="0.3">
      <c r="H1966" s="44">
        <v>1959</v>
      </c>
      <c r="I1966" s="56">
        <f>Bühler!I1992</f>
        <v>0.50782643326039689</v>
      </c>
      <c r="J1966" s="59">
        <f>Bühler!J1992</f>
        <v>1.6927547775346565</v>
      </c>
      <c r="K1966" s="59">
        <f>Bühler!K1992</f>
        <v>2.5391321663019846</v>
      </c>
      <c r="L1966" s="59">
        <f>Bühler!L1992</f>
        <v>12.187834398249526</v>
      </c>
      <c r="M1966" s="58">
        <f>Bühler!M1992</f>
        <v>0</v>
      </c>
      <c r="N1966" s="56">
        <f>IF(Input!$D$19=1,J1966*Input!$C$19,0)+IF(Input!$D$20=1,K1966*Input!$C$20,0)+IF(Input!$D$21=1,L1966*Input!$C$21,0)+IF(Input!$D$22=1,M1966*Input!$C$22,0)</f>
        <v>0.50782643326039689</v>
      </c>
      <c r="O1966" s="59">
        <f>IF(Input!$D$19=2,J1966*Input!$C$19,0)+IF(Input!$D$20=2,K1966*Input!$C$20,0)+IF(Input!$D$21=2,L1966*Input!$C$21,0)+IF(Input!$D$22=2,M1966*Input!$C$22,0)</f>
        <v>1.2695660831509923</v>
      </c>
      <c r="P1966" s="59">
        <f>IF(Input!$D$19=3,J1966*Input!$C$19,0)+IF(Input!$D$20=3,K1966*Input!$C$20,0)+IF(Input!$D$21=3,L1966*Input!$C$21,0)+IF(Input!$D$22=3,M1966*Input!$C$22,0)</f>
        <v>0</v>
      </c>
      <c r="Q1966" s="75">
        <f>IF(Input!$D$19=4,J1966*Input!$C$19,0)+IF(Input!$D$20=4,K1966*Input!$C$20,0)+IF(Input!$D$21=4,L1966*Input!$C$21,0)+IF(Input!$D$22=4,M1966*Input!$C$22,0)</f>
        <v>0</v>
      </c>
      <c r="R1966" s="58">
        <v>63.511463954432458</v>
      </c>
      <c r="S1966" s="124">
        <f t="shared" si="30"/>
        <v>2.2005812107950535</v>
      </c>
    </row>
    <row r="1967" spans="8:19" x14ac:dyDescent="0.3">
      <c r="H1967" s="44">
        <v>1960</v>
      </c>
      <c r="I1967" s="56">
        <f>Bühler!I1993</f>
        <v>0.42318869438366413</v>
      </c>
      <c r="J1967" s="59">
        <f>Bühler!J1993</f>
        <v>1.4106289812788806</v>
      </c>
      <c r="K1967" s="59">
        <f>Bühler!K1993</f>
        <v>2.1159434719183206</v>
      </c>
      <c r="L1967" s="59">
        <f>Bühler!L1993</f>
        <v>10.15652866520794</v>
      </c>
      <c r="M1967" s="58">
        <f>Bühler!M1993</f>
        <v>0</v>
      </c>
      <c r="N1967" s="56">
        <f>IF(Input!$D$19=1,J1967*Input!$C$19,0)+IF(Input!$D$20=1,K1967*Input!$C$20,0)+IF(Input!$D$21=1,L1967*Input!$C$21,0)+IF(Input!$D$22=1,M1967*Input!$C$22,0)</f>
        <v>0.42318869438366419</v>
      </c>
      <c r="O1967" s="59">
        <f>IF(Input!$D$19=2,J1967*Input!$C$19,0)+IF(Input!$D$20=2,K1967*Input!$C$20,0)+IF(Input!$D$21=2,L1967*Input!$C$21,0)+IF(Input!$D$22=2,M1967*Input!$C$22,0)</f>
        <v>1.0579717359591603</v>
      </c>
      <c r="P1967" s="59">
        <f>IF(Input!$D$19=3,J1967*Input!$C$19,0)+IF(Input!$D$20=3,K1967*Input!$C$20,0)+IF(Input!$D$21=3,L1967*Input!$C$21,0)+IF(Input!$D$22=3,M1967*Input!$C$22,0)</f>
        <v>0</v>
      </c>
      <c r="Q1967" s="75">
        <f>IF(Input!$D$19=4,J1967*Input!$C$19,0)+IF(Input!$D$20=4,K1967*Input!$C$20,0)+IF(Input!$D$21=4,L1967*Input!$C$21,0)+IF(Input!$D$22=4,M1967*Input!$C$22,0)</f>
        <v>0</v>
      </c>
      <c r="R1967" s="58">
        <v>62.883230347466757</v>
      </c>
      <c r="S1967" s="124">
        <f t="shared" si="30"/>
        <v>1.8338176756625448</v>
      </c>
    </row>
    <row r="1968" spans="8:19" x14ac:dyDescent="0.3">
      <c r="H1968" s="44">
        <v>1961</v>
      </c>
      <c r="I1968" s="56">
        <f>Bühler!I1994</f>
        <v>0.40061863068320208</v>
      </c>
      <c r="J1968" s="59">
        <f>Bühler!J1994</f>
        <v>1.3353954356106739</v>
      </c>
      <c r="K1968" s="59">
        <f>Bühler!K1994</f>
        <v>2.0030931534160104</v>
      </c>
      <c r="L1968" s="59">
        <f>Bühler!L1994</f>
        <v>9.6148471363968504</v>
      </c>
      <c r="M1968" s="58">
        <f>Bühler!M1994</f>
        <v>0</v>
      </c>
      <c r="N1968" s="56">
        <f>IF(Input!$D$19=1,J1968*Input!$C$19,0)+IF(Input!$D$20=1,K1968*Input!$C$20,0)+IF(Input!$D$21=1,L1968*Input!$C$21,0)+IF(Input!$D$22=1,M1968*Input!$C$22,0)</f>
        <v>0.40061863068320214</v>
      </c>
      <c r="O1968" s="59">
        <f>IF(Input!$D$19=2,J1968*Input!$C$19,0)+IF(Input!$D$20=2,K1968*Input!$C$20,0)+IF(Input!$D$21=2,L1968*Input!$C$21,0)+IF(Input!$D$22=2,M1968*Input!$C$22,0)</f>
        <v>1.0015465767080052</v>
      </c>
      <c r="P1968" s="59">
        <f>IF(Input!$D$19=3,J1968*Input!$C$19,0)+IF(Input!$D$20=3,K1968*Input!$C$20,0)+IF(Input!$D$21=3,L1968*Input!$C$21,0)+IF(Input!$D$22=3,M1968*Input!$C$22,0)</f>
        <v>0</v>
      </c>
      <c r="Q1968" s="75">
        <f>IF(Input!$D$19=4,J1968*Input!$C$19,0)+IF(Input!$D$20=4,K1968*Input!$C$20,0)+IF(Input!$D$21=4,L1968*Input!$C$21,0)+IF(Input!$D$22=4,M1968*Input!$C$22,0)</f>
        <v>0</v>
      </c>
      <c r="R1968" s="58">
        <v>61.326169484933921</v>
      </c>
      <c r="S1968" s="124">
        <f t="shared" si="30"/>
        <v>1.7360140662938759</v>
      </c>
    </row>
    <row r="1969" spans="8:19" x14ac:dyDescent="0.3">
      <c r="H1969" s="44">
        <v>1962</v>
      </c>
      <c r="I1969" s="56">
        <f>Bühler!I1995</f>
        <v>0.40061863068320208</v>
      </c>
      <c r="J1969" s="59">
        <f>Bühler!J1995</f>
        <v>1.3353954356106739</v>
      </c>
      <c r="K1969" s="59">
        <f>Bühler!K1995</f>
        <v>2.0030931534160104</v>
      </c>
      <c r="L1969" s="59">
        <f>Bühler!L1995</f>
        <v>9.6148471363968504</v>
      </c>
      <c r="M1969" s="58">
        <f>Bühler!M1995</f>
        <v>0</v>
      </c>
      <c r="N1969" s="56">
        <f>IF(Input!$D$19=1,J1969*Input!$C$19,0)+IF(Input!$D$20=1,K1969*Input!$C$20,0)+IF(Input!$D$21=1,L1969*Input!$C$21,0)+IF(Input!$D$22=1,M1969*Input!$C$22,0)</f>
        <v>0.40061863068320214</v>
      </c>
      <c r="O1969" s="59">
        <f>IF(Input!$D$19=2,J1969*Input!$C$19,0)+IF(Input!$D$20=2,K1969*Input!$C$20,0)+IF(Input!$D$21=2,L1969*Input!$C$21,0)+IF(Input!$D$22=2,M1969*Input!$C$22,0)</f>
        <v>1.0015465767080052</v>
      </c>
      <c r="P1969" s="59">
        <f>IF(Input!$D$19=3,J1969*Input!$C$19,0)+IF(Input!$D$20=3,K1969*Input!$C$20,0)+IF(Input!$D$21=3,L1969*Input!$C$21,0)+IF(Input!$D$22=3,M1969*Input!$C$22,0)</f>
        <v>0</v>
      </c>
      <c r="Q1969" s="75">
        <f>IF(Input!$D$19=4,J1969*Input!$C$19,0)+IF(Input!$D$20=4,K1969*Input!$C$20,0)+IF(Input!$D$21=4,L1969*Input!$C$21,0)+IF(Input!$D$22=4,M1969*Input!$C$22,0)</f>
        <v>0</v>
      </c>
      <c r="R1969" s="58">
        <v>59.965881736650026</v>
      </c>
      <c r="S1969" s="124">
        <f t="shared" si="30"/>
        <v>1.7360140662938759</v>
      </c>
    </row>
    <row r="1970" spans="8:19" x14ac:dyDescent="0.3">
      <c r="H1970" s="44">
        <v>1963</v>
      </c>
      <c r="I1970" s="56">
        <f>Bühler!I1996</f>
        <v>0.40061863068320208</v>
      </c>
      <c r="J1970" s="59">
        <f>Bühler!J1996</f>
        <v>1.3353954356106739</v>
      </c>
      <c r="K1970" s="59">
        <f>Bühler!K1996</f>
        <v>2.0030931534160104</v>
      </c>
      <c r="L1970" s="59">
        <f>Bühler!L1996</f>
        <v>9.6148471363968504</v>
      </c>
      <c r="M1970" s="58">
        <f>Bühler!M1996</f>
        <v>0</v>
      </c>
      <c r="N1970" s="56">
        <f>IF(Input!$D$19=1,J1970*Input!$C$19,0)+IF(Input!$D$20=1,K1970*Input!$C$20,0)+IF(Input!$D$21=1,L1970*Input!$C$21,0)+IF(Input!$D$22=1,M1970*Input!$C$22,0)</f>
        <v>0.40061863068320214</v>
      </c>
      <c r="O1970" s="59">
        <f>IF(Input!$D$19=2,J1970*Input!$C$19,0)+IF(Input!$D$20=2,K1970*Input!$C$20,0)+IF(Input!$D$21=2,L1970*Input!$C$21,0)+IF(Input!$D$22=2,M1970*Input!$C$22,0)</f>
        <v>1.0015465767080052</v>
      </c>
      <c r="P1970" s="59">
        <f>IF(Input!$D$19=3,J1970*Input!$C$19,0)+IF(Input!$D$20=3,K1970*Input!$C$20,0)+IF(Input!$D$21=3,L1970*Input!$C$21,0)+IF(Input!$D$22=3,M1970*Input!$C$22,0)</f>
        <v>0</v>
      </c>
      <c r="Q1970" s="75">
        <f>IF(Input!$D$19=4,J1970*Input!$C$19,0)+IF(Input!$D$20=4,K1970*Input!$C$20,0)+IF(Input!$D$21=4,L1970*Input!$C$21,0)+IF(Input!$D$22=4,M1970*Input!$C$22,0)</f>
        <v>0</v>
      </c>
      <c r="R1970" s="58">
        <v>58.329980538016073</v>
      </c>
      <c r="S1970" s="124">
        <f t="shared" si="30"/>
        <v>1.7360140662938759</v>
      </c>
    </row>
    <row r="1971" spans="8:19" x14ac:dyDescent="0.3">
      <c r="H1971" s="44">
        <v>1964</v>
      </c>
      <c r="I1971" s="56">
        <f>Bühler!I1997</f>
        <v>0.40061863068320208</v>
      </c>
      <c r="J1971" s="59">
        <f>Bühler!J1997</f>
        <v>1.3353954356106739</v>
      </c>
      <c r="K1971" s="59">
        <f>Bühler!K1997</f>
        <v>2.0030931534160104</v>
      </c>
      <c r="L1971" s="59">
        <f>Bühler!L1997</f>
        <v>9.6148471363968504</v>
      </c>
      <c r="M1971" s="58">
        <f>Bühler!M1997</f>
        <v>0</v>
      </c>
      <c r="N1971" s="56">
        <f>IF(Input!$D$19=1,J1971*Input!$C$19,0)+IF(Input!$D$20=1,K1971*Input!$C$20,0)+IF(Input!$D$21=1,L1971*Input!$C$21,0)+IF(Input!$D$22=1,M1971*Input!$C$22,0)</f>
        <v>0.40061863068320214</v>
      </c>
      <c r="O1971" s="59">
        <f>IF(Input!$D$19=2,J1971*Input!$C$19,0)+IF(Input!$D$20=2,K1971*Input!$C$20,0)+IF(Input!$D$21=2,L1971*Input!$C$21,0)+IF(Input!$D$22=2,M1971*Input!$C$22,0)</f>
        <v>1.0015465767080052</v>
      </c>
      <c r="P1971" s="59">
        <f>IF(Input!$D$19=3,J1971*Input!$C$19,0)+IF(Input!$D$20=3,K1971*Input!$C$20,0)+IF(Input!$D$21=3,L1971*Input!$C$21,0)+IF(Input!$D$22=3,M1971*Input!$C$22,0)</f>
        <v>0</v>
      </c>
      <c r="Q1971" s="75">
        <f>IF(Input!$D$19=4,J1971*Input!$C$19,0)+IF(Input!$D$20=4,K1971*Input!$C$20,0)+IF(Input!$D$21=4,L1971*Input!$C$21,0)+IF(Input!$D$22=4,M1971*Input!$C$22,0)</f>
        <v>0</v>
      </c>
      <c r="R1971" s="58">
        <v>56.779967657678263</v>
      </c>
      <c r="S1971" s="124">
        <f t="shared" si="30"/>
        <v>1.7360140662938759</v>
      </c>
    </row>
    <row r="1972" spans="8:19" x14ac:dyDescent="0.3">
      <c r="H1972" s="44">
        <v>1965</v>
      </c>
      <c r="I1972" s="56">
        <f>Bühler!I1998</f>
        <v>0.31033837588135366</v>
      </c>
      <c r="J1972" s="59">
        <f>Bühler!J1998</f>
        <v>1.0344612529378456</v>
      </c>
      <c r="K1972" s="59">
        <f>Bühler!K1998</f>
        <v>1.5516918794067682</v>
      </c>
      <c r="L1972" s="59">
        <f>Bühler!L1998</f>
        <v>7.4481210211524873</v>
      </c>
      <c r="M1972" s="58">
        <f>Bühler!M1998</f>
        <v>0</v>
      </c>
      <c r="N1972" s="56">
        <f>IF(Input!$D$19=1,J1972*Input!$C$19,0)+IF(Input!$D$20=1,K1972*Input!$C$20,0)+IF(Input!$D$21=1,L1972*Input!$C$21,0)+IF(Input!$D$22=1,M1972*Input!$C$22,0)</f>
        <v>0.31033837588135366</v>
      </c>
      <c r="O1972" s="59">
        <f>IF(Input!$D$19=2,J1972*Input!$C$19,0)+IF(Input!$D$20=2,K1972*Input!$C$20,0)+IF(Input!$D$21=2,L1972*Input!$C$21,0)+IF(Input!$D$22=2,M1972*Input!$C$22,0)</f>
        <v>0.77584593970338411</v>
      </c>
      <c r="P1972" s="59">
        <f>IF(Input!$D$19=3,J1972*Input!$C$19,0)+IF(Input!$D$20=3,K1972*Input!$C$20,0)+IF(Input!$D$21=3,L1972*Input!$C$21,0)+IF(Input!$D$22=3,M1972*Input!$C$22,0)</f>
        <v>0</v>
      </c>
      <c r="Q1972" s="75">
        <f>IF(Input!$D$19=4,J1972*Input!$C$19,0)+IF(Input!$D$20=4,K1972*Input!$C$20,0)+IF(Input!$D$21=4,L1972*Input!$C$21,0)+IF(Input!$D$22=4,M1972*Input!$C$22,0)</f>
        <v>0</v>
      </c>
      <c r="R1972" s="58">
        <v>55.342009474122236</v>
      </c>
      <c r="S1972" s="124">
        <f t="shared" si="30"/>
        <v>1.3447996288191992</v>
      </c>
    </row>
    <row r="1973" spans="8:19" x14ac:dyDescent="0.3">
      <c r="H1973" s="44">
        <v>1966</v>
      </c>
      <c r="I1973" s="56">
        <f>Bühler!I1999</f>
        <v>0.11849283442742596</v>
      </c>
      <c r="J1973" s="59">
        <f>Bühler!J1999</f>
        <v>0.39497611475808658</v>
      </c>
      <c r="K1973" s="59">
        <f>Bühler!K1999</f>
        <v>0.59246417213712976</v>
      </c>
      <c r="L1973" s="59">
        <f>Bühler!L1999</f>
        <v>2.843828026258223</v>
      </c>
      <c r="M1973" s="58">
        <f>Bühler!M1999</f>
        <v>0</v>
      </c>
      <c r="N1973" s="56">
        <f>IF(Input!$D$19=1,J1973*Input!$C$19,0)+IF(Input!$D$20=1,K1973*Input!$C$20,0)+IF(Input!$D$21=1,L1973*Input!$C$21,0)+IF(Input!$D$22=1,M1973*Input!$C$22,0)</f>
        <v>0.11849283442742597</v>
      </c>
      <c r="O1973" s="59">
        <f>IF(Input!$D$19=2,J1973*Input!$C$19,0)+IF(Input!$D$20=2,K1973*Input!$C$20,0)+IF(Input!$D$21=2,L1973*Input!$C$21,0)+IF(Input!$D$22=2,M1973*Input!$C$22,0)</f>
        <v>0.29623208606856488</v>
      </c>
      <c r="P1973" s="59">
        <f>IF(Input!$D$19=3,J1973*Input!$C$19,0)+IF(Input!$D$20=3,K1973*Input!$C$20,0)+IF(Input!$D$21=3,L1973*Input!$C$21,0)+IF(Input!$D$22=3,M1973*Input!$C$22,0)</f>
        <v>0</v>
      </c>
      <c r="Q1973" s="75">
        <f>IF(Input!$D$19=4,J1973*Input!$C$19,0)+IF(Input!$D$20=4,K1973*Input!$C$20,0)+IF(Input!$D$21=4,L1973*Input!$C$21,0)+IF(Input!$D$22=4,M1973*Input!$C$22,0)</f>
        <v>0</v>
      </c>
      <c r="R1973" s="58">
        <v>54.372859131922517</v>
      </c>
      <c r="S1973" s="124">
        <f t="shared" si="30"/>
        <v>0.51346894918551256</v>
      </c>
    </row>
    <row r="1974" spans="8:19" x14ac:dyDescent="0.3">
      <c r="H1974" s="44">
        <v>1967</v>
      </c>
      <c r="I1974" s="56">
        <f>Bühler!I2000</f>
        <v>0.11849283442742596</v>
      </c>
      <c r="J1974" s="59">
        <f>Bühler!J2000</f>
        <v>0.39497611475808658</v>
      </c>
      <c r="K1974" s="59">
        <f>Bühler!K2000</f>
        <v>0.59246417213712976</v>
      </c>
      <c r="L1974" s="59">
        <f>Bühler!L2000</f>
        <v>2.843828026258223</v>
      </c>
      <c r="M1974" s="58">
        <f>Bühler!M2000</f>
        <v>0</v>
      </c>
      <c r="N1974" s="56">
        <f>IF(Input!$D$19=1,J1974*Input!$C$19,0)+IF(Input!$D$20=1,K1974*Input!$C$20,0)+IF(Input!$D$21=1,L1974*Input!$C$21,0)+IF(Input!$D$22=1,M1974*Input!$C$22,0)</f>
        <v>0.11849283442742597</v>
      </c>
      <c r="O1974" s="59">
        <f>IF(Input!$D$19=2,J1974*Input!$C$19,0)+IF(Input!$D$20=2,K1974*Input!$C$20,0)+IF(Input!$D$21=2,L1974*Input!$C$21,0)+IF(Input!$D$22=2,M1974*Input!$C$22,0)</f>
        <v>0.29623208606856488</v>
      </c>
      <c r="P1974" s="59">
        <f>IF(Input!$D$19=3,J1974*Input!$C$19,0)+IF(Input!$D$20=3,K1974*Input!$C$20,0)+IF(Input!$D$21=3,L1974*Input!$C$21,0)+IF(Input!$D$22=3,M1974*Input!$C$22,0)</f>
        <v>0</v>
      </c>
      <c r="Q1974" s="75">
        <f>IF(Input!$D$19=4,J1974*Input!$C$19,0)+IF(Input!$D$20=4,K1974*Input!$C$20,0)+IF(Input!$D$21=4,L1974*Input!$C$21,0)+IF(Input!$D$22=4,M1974*Input!$C$22,0)</f>
        <v>0</v>
      </c>
      <c r="R1974" s="58">
        <v>54.437820117792825</v>
      </c>
      <c r="S1974" s="124">
        <f t="shared" si="30"/>
        <v>0.51346894918551256</v>
      </c>
    </row>
    <row r="1975" spans="8:19" x14ac:dyDescent="0.3">
      <c r="H1975" s="44">
        <v>1968</v>
      </c>
      <c r="I1975" s="56">
        <f>Bühler!I2001</f>
        <v>0.11849283442742596</v>
      </c>
      <c r="J1975" s="59">
        <f>Bühler!J2001</f>
        <v>0.39497611475808658</v>
      </c>
      <c r="K1975" s="59">
        <f>Bühler!K2001</f>
        <v>0.59246417213712976</v>
      </c>
      <c r="L1975" s="59">
        <f>Bühler!L2001</f>
        <v>2.843828026258223</v>
      </c>
      <c r="M1975" s="58">
        <f>Bühler!M2001</f>
        <v>0</v>
      </c>
      <c r="N1975" s="56">
        <f>IF(Input!$D$19=1,J1975*Input!$C$19,0)+IF(Input!$D$20=1,K1975*Input!$C$20,0)+IF(Input!$D$21=1,L1975*Input!$C$21,0)+IF(Input!$D$22=1,M1975*Input!$C$22,0)</f>
        <v>0.11849283442742597</v>
      </c>
      <c r="O1975" s="59">
        <f>IF(Input!$D$19=2,J1975*Input!$C$19,0)+IF(Input!$D$20=2,K1975*Input!$C$20,0)+IF(Input!$D$21=2,L1975*Input!$C$21,0)+IF(Input!$D$22=2,M1975*Input!$C$22,0)</f>
        <v>0.29623208606856488</v>
      </c>
      <c r="P1975" s="59">
        <f>IF(Input!$D$19=3,J1975*Input!$C$19,0)+IF(Input!$D$20=3,K1975*Input!$C$20,0)+IF(Input!$D$21=3,L1975*Input!$C$21,0)+IF(Input!$D$22=3,M1975*Input!$C$22,0)</f>
        <v>0</v>
      </c>
      <c r="Q1975" s="75">
        <f>IF(Input!$D$19=4,J1975*Input!$C$19,0)+IF(Input!$D$20=4,K1975*Input!$C$20,0)+IF(Input!$D$21=4,L1975*Input!$C$21,0)+IF(Input!$D$22=4,M1975*Input!$C$22,0)</f>
        <v>0</v>
      </c>
      <c r="R1975" s="58">
        <v>53.229825166582131</v>
      </c>
      <c r="S1975" s="124">
        <f t="shared" si="30"/>
        <v>0.51346894918551256</v>
      </c>
    </row>
    <row r="1976" spans="8:19" x14ac:dyDescent="0.3">
      <c r="H1976" s="44">
        <v>1969</v>
      </c>
      <c r="I1976" s="56">
        <f>Bühler!I2002</f>
        <v>8.5318764690292218E-2</v>
      </c>
      <c r="J1976" s="59">
        <f>Bühler!J2002</f>
        <v>0.28439588230097407</v>
      </c>
      <c r="K1976" s="59">
        <f>Bühler!K2002</f>
        <v>0.42659382345146113</v>
      </c>
      <c r="L1976" s="59">
        <f>Bühler!L2002</f>
        <v>4.3717061722563786</v>
      </c>
      <c r="M1976" s="58">
        <f>Bühler!M2002</f>
        <v>0</v>
      </c>
      <c r="N1976" s="56">
        <f>IF(Input!$D$19=1,J1976*Input!$C$19,0)+IF(Input!$D$20=1,K1976*Input!$C$20,0)+IF(Input!$D$21=1,L1976*Input!$C$21,0)+IF(Input!$D$22=1,M1976*Input!$C$22,0)</f>
        <v>8.5318764690292218E-2</v>
      </c>
      <c r="O1976" s="59">
        <f>IF(Input!$D$19=2,J1976*Input!$C$19,0)+IF(Input!$D$20=2,K1976*Input!$C$20,0)+IF(Input!$D$21=2,L1976*Input!$C$21,0)+IF(Input!$D$22=2,M1976*Input!$C$22,0)</f>
        <v>0.21329691172573056</v>
      </c>
      <c r="P1976" s="59">
        <f>IF(Input!$D$19=3,J1976*Input!$C$19,0)+IF(Input!$D$20=3,K1976*Input!$C$20,0)+IF(Input!$D$21=3,L1976*Input!$C$21,0)+IF(Input!$D$22=3,M1976*Input!$C$22,0)</f>
        <v>0</v>
      </c>
      <c r="Q1976" s="75">
        <f>IF(Input!$D$19=4,J1976*Input!$C$19,0)+IF(Input!$D$20=4,K1976*Input!$C$20,0)+IF(Input!$D$21=4,L1976*Input!$C$21,0)+IF(Input!$D$22=4,M1976*Input!$C$22,0)</f>
        <v>0</v>
      </c>
      <c r="R1976" s="58">
        <v>52.009908061546511</v>
      </c>
      <c r="S1976" s="124">
        <f t="shared" si="30"/>
        <v>0.36971464699126627</v>
      </c>
    </row>
    <row r="1977" spans="8:19" x14ac:dyDescent="0.3">
      <c r="H1977" s="44">
        <v>1970</v>
      </c>
      <c r="I1977" s="56">
        <f>Bühler!I2003</f>
        <v>0.1665747310619991</v>
      </c>
      <c r="J1977" s="59">
        <f>Bühler!J2003</f>
        <v>0.55524910353999712</v>
      </c>
      <c r="K1977" s="59">
        <f>Bühler!K2003</f>
        <v>0.83287365530999558</v>
      </c>
      <c r="L1977" s="59">
        <f>Bühler!L2003</f>
        <v>8.5352358601195988</v>
      </c>
      <c r="M1977" s="58">
        <f>Bühler!M2003</f>
        <v>0</v>
      </c>
      <c r="N1977" s="56">
        <f>IF(Input!$D$19=1,J1977*Input!$C$19,0)+IF(Input!$D$20=1,K1977*Input!$C$20,0)+IF(Input!$D$21=1,L1977*Input!$C$21,0)+IF(Input!$D$22=1,M1977*Input!$C$22,0)</f>
        <v>0.16657473106199913</v>
      </c>
      <c r="O1977" s="59">
        <f>IF(Input!$D$19=2,J1977*Input!$C$19,0)+IF(Input!$D$20=2,K1977*Input!$C$20,0)+IF(Input!$D$21=2,L1977*Input!$C$21,0)+IF(Input!$D$22=2,M1977*Input!$C$22,0)</f>
        <v>0.41643682765499779</v>
      </c>
      <c r="P1977" s="59">
        <f>IF(Input!$D$19=3,J1977*Input!$C$19,0)+IF(Input!$D$20=3,K1977*Input!$C$20,0)+IF(Input!$D$21=3,L1977*Input!$C$21,0)+IF(Input!$D$22=3,M1977*Input!$C$22,0)</f>
        <v>0</v>
      </c>
      <c r="Q1977" s="75">
        <f>IF(Input!$D$19=4,J1977*Input!$C$19,0)+IF(Input!$D$20=4,K1977*Input!$C$20,0)+IF(Input!$D$21=4,L1977*Input!$C$21,0)+IF(Input!$D$22=4,M1977*Input!$C$22,0)</f>
        <v>0</v>
      </c>
      <c r="R1977" s="58">
        <v>51.133430705360624</v>
      </c>
      <c r="S1977" s="124">
        <f t="shared" si="30"/>
        <v>0.72182383460199628</v>
      </c>
    </row>
    <row r="1978" spans="8:19" x14ac:dyDescent="0.3">
      <c r="H1978" s="44">
        <v>1971</v>
      </c>
      <c r="I1978" s="56">
        <f>Bühler!I2004</f>
        <v>0.1665747310619991</v>
      </c>
      <c r="J1978" s="59">
        <f>Bühler!J2004</f>
        <v>0.55524910353999712</v>
      </c>
      <c r="K1978" s="59">
        <f>Bühler!K2004</f>
        <v>0.83287365530999558</v>
      </c>
      <c r="L1978" s="59">
        <f>Bühler!L2004</f>
        <v>8.5352358601195988</v>
      </c>
      <c r="M1978" s="58">
        <f>Bühler!M2004</f>
        <v>0</v>
      </c>
      <c r="N1978" s="56">
        <f>IF(Input!$D$19=1,J1978*Input!$C$19,0)+IF(Input!$D$20=1,K1978*Input!$C$20,0)+IF(Input!$D$21=1,L1978*Input!$C$21,0)+IF(Input!$D$22=1,M1978*Input!$C$22,0)</f>
        <v>0.16657473106199913</v>
      </c>
      <c r="O1978" s="59">
        <f>IF(Input!$D$19=2,J1978*Input!$C$19,0)+IF(Input!$D$20=2,K1978*Input!$C$20,0)+IF(Input!$D$21=2,L1978*Input!$C$21,0)+IF(Input!$D$22=2,M1978*Input!$C$22,0)</f>
        <v>0.41643682765499779</v>
      </c>
      <c r="P1978" s="59">
        <f>IF(Input!$D$19=3,J1978*Input!$C$19,0)+IF(Input!$D$20=3,K1978*Input!$C$20,0)+IF(Input!$D$21=3,L1978*Input!$C$21,0)+IF(Input!$D$22=3,M1978*Input!$C$22,0)</f>
        <v>0</v>
      </c>
      <c r="Q1978" s="75">
        <f>IF(Input!$D$19=4,J1978*Input!$C$19,0)+IF(Input!$D$20=4,K1978*Input!$C$20,0)+IF(Input!$D$21=4,L1978*Input!$C$21,0)+IF(Input!$D$22=4,M1978*Input!$C$22,0)</f>
        <v>0</v>
      </c>
      <c r="R1978" s="58">
        <v>50.584345311393662</v>
      </c>
      <c r="S1978" s="124">
        <f t="shared" si="30"/>
        <v>0.72182383460199628</v>
      </c>
    </row>
    <row r="1979" spans="8:19" x14ac:dyDescent="0.3">
      <c r="H1979" s="44">
        <v>1972</v>
      </c>
      <c r="I1979" s="56">
        <f>Bühler!I2005</f>
        <v>0.1665747310619991</v>
      </c>
      <c r="J1979" s="59">
        <f>Bühler!J2005</f>
        <v>0.55524910353999712</v>
      </c>
      <c r="K1979" s="59">
        <f>Bühler!K2005</f>
        <v>0.83287365530999558</v>
      </c>
      <c r="L1979" s="59">
        <f>Bühler!L2005</f>
        <v>8.5352358601195988</v>
      </c>
      <c r="M1979" s="58">
        <f>Bühler!M2005</f>
        <v>0</v>
      </c>
      <c r="N1979" s="56">
        <f>IF(Input!$D$19=1,J1979*Input!$C$19,0)+IF(Input!$D$20=1,K1979*Input!$C$20,0)+IF(Input!$D$21=1,L1979*Input!$C$21,0)+IF(Input!$D$22=1,M1979*Input!$C$22,0)</f>
        <v>0.16657473106199913</v>
      </c>
      <c r="O1979" s="59">
        <f>IF(Input!$D$19=2,J1979*Input!$C$19,0)+IF(Input!$D$20=2,K1979*Input!$C$20,0)+IF(Input!$D$21=2,L1979*Input!$C$21,0)+IF(Input!$D$22=2,M1979*Input!$C$22,0)</f>
        <v>0.41643682765499779</v>
      </c>
      <c r="P1979" s="59">
        <f>IF(Input!$D$19=3,J1979*Input!$C$19,0)+IF(Input!$D$20=3,K1979*Input!$C$20,0)+IF(Input!$D$21=3,L1979*Input!$C$21,0)+IF(Input!$D$22=3,M1979*Input!$C$22,0)</f>
        <v>0</v>
      </c>
      <c r="Q1979" s="75">
        <f>IF(Input!$D$19=4,J1979*Input!$C$19,0)+IF(Input!$D$20=4,K1979*Input!$C$20,0)+IF(Input!$D$21=4,L1979*Input!$C$21,0)+IF(Input!$D$22=4,M1979*Input!$C$22,0)</f>
        <v>0</v>
      </c>
      <c r="R1979" s="58">
        <v>49.205071834165473</v>
      </c>
      <c r="S1979" s="124">
        <f t="shared" si="30"/>
        <v>0.72182383460199628</v>
      </c>
    </row>
    <row r="1980" spans="8:19" x14ac:dyDescent="0.3">
      <c r="H1980" s="44">
        <v>1973</v>
      </c>
      <c r="I1980" s="56">
        <f>Bühler!I2006</f>
        <v>0.1665747310619991</v>
      </c>
      <c r="J1980" s="59">
        <f>Bühler!J2006</f>
        <v>0.55524910353999712</v>
      </c>
      <c r="K1980" s="59">
        <f>Bühler!K2006</f>
        <v>0.83287365530999558</v>
      </c>
      <c r="L1980" s="59">
        <f>Bühler!L2006</f>
        <v>8.5352358601195988</v>
      </c>
      <c r="M1980" s="58">
        <f>Bühler!M2006</f>
        <v>0</v>
      </c>
      <c r="N1980" s="56">
        <f>IF(Input!$D$19=1,J1980*Input!$C$19,0)+IF(Input!$D$20=1,K1980*Input!$C$20,0)+IF(Input!$D$21=1,L1980*Input!$C$21,0)+IF(Input!$D$22=1,M1980*Input!$C$22,0)</f>
        <v>0.16657473106199913</v>
      </c>
      <c r="O1980" s="59">
        <f>IF(Input!$D$19=2,J1980*Input!$C$19,0)+IF(Input!$D$20=2,K1980*Input!$C$20,0)+IF(Input!$D$21=2,L1980*Input!$C$21,0)+IF(Input!$D$22=2,M1980*Input!$C$22,0)</f>
        <v>0.41643682765499779</v>
      </c>
      <c r="P1980" s="59">
        <f>IF(Input!$D$19=3,J1980*Input!$C$19,0)+IF(Input!$D$20=3,K1980*Input!$C$20,0)+IF(Input!$D$21=3,L1980*Input!$C$21,0)+IF(Input!$D$22=3,M1980*Input!$C$22,0)</f>
        <v>0</v>
      </c>
      <c r="Q1980" s="75">
        <f>IF(Input!$D$19=4,J1980*Input!$C$19,0)+IF(Input!$D$20=4,K1980*Input!$C$20,0)+IF(Input!$D$21=4,L1980*Input!$C$21,0)+IF(Input!$D$22=4,M1980*Input!$C$22,0)</f>
        <v>0</v>
      </c>
      <c r="R1980" s="58">
        <v>47.98207499908029</v>
      </c>
      <c r="S1980" s="124">
        <f t="shared" si="30"/>
        <v>0.72182383460199628</v>
      </c>
    </row>
    <row r="1981" spans="8:19" x14ac:dyDescent="0.3">
      <c r="H1981" s="44">
        <v>1974</v>
      </c>
      <c r="I1981" s="56">
        <f>Bühler!I2007</f>
        <v>0.20720271424785253</v>
      </c>
      <c r="J1981" s="59">
        <f>Bühler!J2007</f>
        <v>0.69067571415950857</v>
      </c>
      <c r="K1981" s="59">
        <f>Bühler!K2007</f>
        <v>1.0360135712392629</v>
      </c>
      <c r="L1981" s="59">
        <f>Bühler!L2007</f>
        <v>10.617000704051208</v>
      </c>
      <c r="M1981" s="58">
        <f>Bühler!M2007</f>
        <v>0</v>
      </c>
      <c r="N1981" s="56">
        <f>IF(Input!$D$19=1,J1981*Input!$C$19,0)+IF(Input!$D$20=1,K1981*Input!$C$20,0)+IF(Input!$D$21=1,L1981*Input!$C$21,0)+IF(Input!$D$22=1,M1981*Input!$C$22,0)</f>
        <v>0.20720271424785255</v>
      </c>
      <c r="O1981" s="59">
        <f>IF(Input!$D$19=2,J1981*Input!$C$19,0)+IF(Input!$D$20=2,K1981*Input!$C$20,0)+IF(Input!$D$21=2,L1981*Input!$C$21,0)+IF(Input!$D$22=2,M1981*Input!$C$22,0)</f>
        <v>0.51800678561963143</v>
      </c>
      <c r="P1981" s="59">
        <f>IF(Input!$D$19=3,J1981*Input!$C$19,0)+IF(Input!$D$20=3,K1981*Input!$C$20,0)+IF(Input!$D$21=3,L1981*Input!$C$21,0)+IF(Input!$D$22=3,M1981*Input!$C$22,0)</f>
        <v>0</v>
      </c>
      <c r="Q1981" s="75">
        <f>IF(Input!$D$19=4,J1981*Input!$C$19,0)+IF(Input!$D$20=4,K1981*Input!$C$20,0)+IF(Input!$D$21=4,L1981*Input!$C$21,0)+IF(Input!$D$22=4,M1981*Input!$C$22,0)</f>
        <v>0</v>
      </c>
      <c r="R1981" s="58">
        <v>47.582169407231667</v>
      </c>
      <c r="S1981" s="124">
        <f t="shared" si="30"/>
        <v>0.8978784284073611</v>
      </c>
    </row>
    <row r="1982" spans="8:19" x14ac:dyDescent="0.3">
      <c r="H1982" s="44">
        <v>1975</v>
      </c>
      <c r="I1982" s="56">
        <f>Bühler!I2008</f>
        <v>0.26001909238946197</v>
      </c>
      <c r="J1982" s="59">
        <f>Bühler!J2008</f>
        <v>0.86673030796487338</v>
      </c>
      <c r="K1982" s="59">
        <f>Bühler!K2008</f>
        <v>1.3000954619473102</v>
      </c>
      <c r="L1982" s="59">
        <f>Bühler!L2008</f>
        <v>13.323295001162299</v>
      </c>
      <c r="M1982" s="58">
        <f>Bühler!M2008</f>
        <v>0</v>
      </c>
      <c r="N1982" s="56">
        <f>IF(Input!$D$19=1,J1982*Input!$C$19,0)+IF(Input!$D$20=1,K1982*Input!$C$20,0)+IF(Input!$D$21=1,L1982*Input!$C$21,0)+IF(Input!$D$22=1,M1982*Input!$C$22,0)</f>
        <v>0.26001909238946203</v>
      </c>
      <c r="O1982" s="59">
        <f>IF(Input!$D$19=2,J1982*Input!$C$19,0)+IF(Input!$D$20=2,K1982*Input!$C$20,0)+IF(Input!$D$21=2,L1982*Input!$C$21,0)+IF(Input!$D$22=2,M1982*Input!$C$22,0)</f>
        <v>0.65004773097365509</v>
      </c>
      <c r="P1982" s="59">
        <f>IF(Input!$D$19=3,J1982*Input!$C$19,0)+IF(Input!$D$20=3,K1982*Input!$C$20,0)+IF(Input!$D$21=3,L1982*Input!$C$21,0)+IF(Input!$D$22=3,M1982*Input!$C$22,0)</f>
        <v>0</v>
      </c>
      <c r="Q1982" s="75">
        <f>IF(Input!$D$19=4,J1982*Input!$C$19,0)+IF(Input!$D$20=4,K1982*Input!$C$20,0)+IF(Input!$D$21=4,L1982*Input!$C$21,0)+IF(Input!$D$22=4,M1982*Input!$C$22,0)</f>
        <v>0</v>
      </c>
      <c r="R1982" s="58">
        <v>47.842908698390772</v>
      </c>
      <c r="S1982" s="124">
        <f t="shared" si="30"/>
        <v>1.1267494003543352</v>
      </c>
    </row>
    <row r="1983" spans="8:19" x14ac:dyDescent="0.3">
      <c r="H1983" s="44">
        <v>1976</v>
      </c>
      <c r="I1983" s="56">
        <f>Bühler!I2009</f>
        <v>0.29658427725673009</v>
      </c>
      <c r="J1983" s="59">
        <f>Bühler!J2009</f>
        <v>0.9886142575224337</v>
      </c>
      <c r="K1983" s="59">
        <f>Bühler!K2009</f>
        <v>1.4829213862836506</v>
      </c>
      <c r="L1983" s="59">
        <f>Bühler!L2009</f>
        <v>15.196883360700745</v>
      </c>
      <c r="M1983" s="58">
        <f>Bühler!M2009</f>
        <v>0</v>
      </c>
      <c r="N1983" s="56">
        <f>IF(Input!$D$19=1,J1983*Input!$C$19,0)+IF(Input!$D$20=1,K1983*Input!$C$20,0)+IF(Input!$D$21=1,L1983*Input!$C$21,0)+IF(Input!$D$22=1,M1983*Input!$C$22,0)</f>
        <v>0.29658427725673009</v>
      </c>
      <c r="O1983" s="59">
        <f>IF(Input!$D$19=2,J1983*Input!$C$19,0)+IF(Input!$D$20=2,K1983*Input!$C$20,0)+IF(Input!$D$21=2,L1983*Input!$C$21,0)+IF(Input!$D$22=2,M1983*Input!$C$22,0)</f>
        <v>0.74146069314182528</v>
      </c>
      <c r="P1983" s="59">
        <f>IF(Input!$D$19=3,J1983*Input!$C$19,0)+IF(Input!$D$20=3,K1983*Input!$C$20,0)+IF(Input!$D$21=3,L1983*Input!$C$21,0)+IF(Input!$D$22=3,M1983*Input!$C$22,0)</f>
        <v>0</v>
      </c>
      <c r="Q1983" s="75">
        <f>IF(Input!$D$19=4,J1983*Input!$C$19,0)+IF(Input!$D$20=4,K1983*Input!$C$20,0)+IF(Input!$D$21=4,L1983*Input!$C$21,0)+IF(Input!$D$22=4,M1983*Input!$C$22,0)</f>
        <v>0</v>
      </c>
      <c r="R1983" s="58">
        <v>47.170533268197168</v>
      </c>
      <c r="S1983" s="124">
        <f t="shared" si="30"/>
        <v>1.2851985347791639</v>
      </c>
    </row>
    <row r="1984" spans="8:19" x14ac:dyDescent="0.3">
      <c r="H1984" s="44">
        <v>1977</v>
      </c>
      <c r="I1984" s="56">
        <f>Bühler!I2010</f>
        <v>0.29658427725673009</v>
      </c>
      <c r="J1984" s="59">
        <f>Bühler!J2010</f>
        <v>0.9886142575224337</v>
      </c>
      <c r="K1984" s="59">
        <f>Bühler!K2010</f>
        <v>1.4829213862836506</v>
      </c>
      <c r="L1984" s="59">
        <f>Bühler!L2010</f>
        <v>15.196883360700745</v>
      </c>
      <c r="M1984" s="58">
        <f>Bühler!M2010</f>
        <v>0</v>
      </c>
      <c r="N1984" s="56">
        <f>IF(Input!$D$19=1,J1984*Input!$C$19,0)+IF(Input!$D$20=1,K1984*Input!$C$20,0)+IF(Input!$D$21=1,L1984*Input!$C$21,0)+IF(Input!$D$22=1,M1984*Input!$C$22,0)</f>
        <v>0.29658427725673009</v>
      </c>
      <c r="O1984" s="59">
        <f>IF(Input!$D$19=2,J1984*Input!$C$19,0)+IF(Input!$D$20=2,K1984*Input!$C$20,0)+IF(Input!$D$21=2,L1984*Input!$C$21,0)+IF(Input!$D$22=2,M1984*Input!$C$22,0)</f>
        <v>0.74146069314182528</v>
      </c>
      <c r="P1984" s="59">
        <f>IF(Input!$D$19=3,J1984*Input!$C$19,0)+IF(Input!$D$20=3,K1984*Input!$C$20,0)+IF(Input!$D$21=3,L1984*Input!$C$21,0)+IF(Input!$D$22=3,M1984*Input!$C$22,0)</f>
        <v>0</v>
      </c>
      <c r="Q1984" s="75">
        <f>IF(Input!$D$19=4,J1984*Input!$C$19,0)+IF(Input!$D$20=4,K1984*Input!$C$20,0)+IF(Input!$D$21=4,L1984*Input!$C$21,0)+IF(Input!$D$22=4,M1984*Input!$C$22,0)</f>
        <v>0</v>
      </c>
      <c r="R1984" s="58">
        <v>46.304474809859599</v>
      </c>
      <c r="S1984" s="124">
        <f t="shared" si="30"/>
        <v>1.2851985347791639</v>
      </c>
    </row>
    <row r="1985" spans="8:19" x14ac:dyDescent="0.3">
      <c r="H1985" s="44">
        <v>1978</v>
      </c>
      <c r="I1985" s="56">
        <f>Bühler!I2011</f>
        <v>0.29658427725673009</v>
      </c>
      <c r="J1985" s="59">
        <f>Bühler!J2011</f>
        <v>0.9886142575224337</v>
      </c>
      <c r="K1985" s="59">
        <f>Bühler!K2011</f>
        <v>1.4829213862836506</v>
      </c>
      <c r="L1985" s="59">
        <f>Bühler!L2011</f>
        <v>15.196883360700745</v>
      </c>
      <c r="M1985" s="58">
        <f>Bühler!M2011</f>
        <v>0</v>
      </c>
      <c r="N1985" s="56">
        <f>IF(Input!$D$19=1,J1985*Input!$C$19,0)+IF(Input!$D$20=1,K1985*Input!$C$20,0)+IF(Input!$D$21=1,L1985*Input!$C$21,0)+IF(Input!$D$22=1,M1985*Input!$C$22,0)</f>
        <v>0.29658427725673009</v>
      </c>
      <c r="O1985" s="59">
        <f>IF(Input!$D$19=2,J1985*Input!$C$19,0)+IF(Input!$D$20=2,K1985*Input!$C$20,0)+IF(Input!$D$21=2,L1985*Input!$C$21,0)+IF(Input!$D$22=2,M1985*Input!$C$22,0)</f>
        <v>0.74146069314182528</v>
      </c>
      <c r="P1985" s="59">
        <f>IF(Input!$D$19=3,J1985*Input!$C$19,0)+IF(Input!$D$20=3,K1985*Input!$C$20,0)+IF(Input!$D$21=3,L1985*Input!$C$21,0)+IF(Input!$D$22=3,M1985*Input!$C$22,0)</f>
        <v>0</v>
      </c>
      <c r="Q1985" s="75">
        <f>IF(Input!$D$19=4,J1985*Input!$C$19,0)+IF(Input!$D$20=4,K1985*Input!$C$20,0)+IF(Input!$D$21=4,L1985*Input!$C$21,0)+IF(Input!$D$22=4,M1985*Input!$C$22,0)</f>
        <v>0</v>
      </c>
      <c r="R1985" s="58">
        <v>45.668705525020769</v>
      </c>
      <c r="S1985" s="124">
        <f t="shared" si="30"/>
        <v>1.2851985347791639</v>
      </c>
    </row>
    <row r="1986" spans="8:19" x14ac:dyDescent="0.3">
      <c r="H1986" s="44">
        <v>1979</v>
      </c>
      <c r="I1986" s="56">
        <f>Bühler!I2012</f>
        <v>0.29658427725673009</v>
      </c>
      <c r="J1986" s="59">
        <f>Bühler!J2012</f>
        <v>0.9886142575224337</v>
      </c>
      <c r="K1986" s="59">
        <f>Bühler!K2012</f>
        <v>1.4829213862836506</v>
      </c>
      <c r="L1986" s="59">
        <f>Bühler!L2012</f>
        <v>15.196883360700745</v>
      </c>
      <c r="M1986" s="58">
        <f>Bühler!M2012</f>
        <v>0</v>
      </c>
      <c r="N1986" s="56">
        <f>IF(Input!$D$19=1,J1986*Input!$C$19,0)+IF(Input!$D$20=1,K1986*Input!$C$20,0)+IF(Input!$D$21=1,L1986*Input!$C$21,0)+IF(Input!$D$22=1,M1986*Input!$C$22,0)</f>
        <v>0.29658427725673009</v>
      </c>
      <c r="O1986" s="59">
        <f>IF(Input!$D$19=2,J1986*Input!$C$19,0)+IF(Input!$D$20=2,K1986*Input!$C$20,0)+IF(Input!$D$21=2,L1986*Input!$C$21,0)+IF(Input!$D$22=2,M1986*Input!$C$22,0)</f>
        <v>0.74146069314182528</v>
      </c>
      <c r="P1986" s="59">
        <f>IF(Input!$D$19=3,J1986*Input!$C$19,0)+IF(Input!$D$20=3,K1986*Input!$C$20,0)+IF(Input!$D$21=3,L1986*Input!$C$21,0)+IF(Input!$D$22=3,M1986*Input!$C$22,0)</f>
        <v>0</v>
      </c>
      <c r="Q1986" s="75">
        <f>IF(Input!$D$19=4,J1986*Input!$C$19,0)+IF(Input!$D$20=4,K1986*Input!$C$20,0)+IF(Input!$D$21=4,L1986*Input!$C$21,0)+IF(Input!$D$22=4,M1986*Input!$C$22,0)</f>
        <v>0</v>
      </c>
      <c r="R1986" s="58">
        <v>45.697555200616264</v>
      </c>
      <c r="S1986" s="124">
        <f t="shared" si="30"/>
        <v>1.2851985347791639</v>
      </c>
    </row>
    <row r="1987" spans="8:19" x14ac:dyDescent="0.3">
      <c r="H1987" s="44">
        <v>1980</v>
      </c>
      <c r="I1987" s="56">
        <f>Bühler!I2013</f>
        <v>0.29658427725673009</v>
      </c>
      <c r="J1987" s="59">
        <f>Bühler!J2013</f>
        <v>0.9886142575224337</v>
      </c>
      <c r="K1987" s="59">
        <f>Bühler!K2013</f>
        <v>1.4829213862836506</v>
      </c>
      <c r="L1987" s="59">
        <f>Bühler!L2013</f>
        <v>15.196883360700745</v>
      </c>
      <c r="M1987" s="58">
        <f>Bühler!M2013</f>
        <v>0</v>
      </c>
      <c r="N1987" s="56">
        <f>IF(Input!$D$19=1,J1987*Input!$C$19,0)+IF(Input!$D$20=1,K1987*Input!$C$20,0)+IF(Input!$D$21=1,L1987*Input!$C$21,0)+IF(Input!$D$22=1,M1987*Input!$C$22,0)</f>
        <v>0.29658427725673009</v>
      </c>
      <c r="O1987" s="59">
        <f>IF(Input!$D$19=2,J1987*Input!$C$19,0)+IF(Input!$D$20=2,K1987*Input!$C$20,0)+IF(Input!$D$21=2,L1987*Input!$C$21,0)+IF(Input!$D$22=2,M1987*Input!$C$22,0)</f>
        <v>0.74146069314182528</v>
      </c>
      <c r="P1987" s="59">
        <f>IF(Input!$D$19=3,J1987*Input!$C$19,0)+IF(Input!$D$20=3,K1987*Input!$C$20,0)+IF(Input!$D$21=3,L1987*Input!$C$21,0)+IF(Input!$D$22=3,M1987*Input!$C$22,0)</f>
        <v>0</v>
      </c>
      <c r="Q1987" s="75">
        <f>IF(Input!$D$19=4,J1987*Input!$C$19,0)+IF(Input!$D$20=4,K1987*Input!$C$20,0)+IF(Input!$D$21=4,L1987*Input!$C$21,0)+IF(Input!$D$22=4,M1987*Input!$C$22,0)</f>
        <v>0</v>
      </c>
      <c r="R1987" s="58">
        <v>45.371993690806768</v>
      </c>
      <c r="S1987" s="124">
        <f t="shared" si="30"/>
        <v>1.2851985347791639</v>
      </c>
    </row>
    <row r="1988" spans="8:19" x14ac:dyDescent="0.3">
      <c r="H1988" s="44">
        <v>1981</v>
      </c>
      <c r="I1988" s="56">
        <f>Bühler!I2014</f>
        <v>0.29658427725673009</v>
      </c>
      <c r="J1988" s="59">
        <f>Bühler!J2014</f>
        <v>0.9886142575224337</v>
      </c>
      <c r="K1988" s="59">
        <f>Bühler!K2014</f>
        <v>1.4829213862836506</v>
      </c>
      <c r="L1988" s="59">
        <f>Bühler!L2014</f>
        <v>15.196883360700745</v>
      </c>
      <c r="M1988" s="58">
        <f>Bühler!M2014</f>
        <v>0</v>
      </c>
      <c r="N1988" s="56">
        <f>IF(Input!$D$19=1,J1988*Input!$C$19,0)+IF(Input!$D$20=1,K1988*Input!$C$20,0)+IF(Input!$D$21=1,L1988*Input!$C$21,0)+IF(Input!$D$22=1,M1988*Input!$C$22,0)</f>
        <v>0.29658427725673009</v>
      </c>
      <c r="O1988" s="59">
        <f>IF(Input!$D$19=2,J1988*Input!$C$19,0)+IF(Input!$D$20=2,K1988*Input!$C$20,0)+IF(Input!$D$21=2,L1988*Input!$C$21,0)+IF(Input!$D$22=2,M1988*Input!$C$22,0)</f>
        <v>0.74146069314182528</v>
      </c>
      <c r="P1988" s="59">
        <f>IF(Input!$D$19=3,J1988*Input!$C$19,0)+IF(Input!$D$20=3,K1988*Input!$C$20,0)+IF(Input!$D$21=3,L1988*Input!$C$21,0)+IF(Input!$D$22=3,M1988*Input!$C$22,0)</f>
        <v>0</v>
      </c>
      <c r="Q1988" s="75">
        <f>IF(Input!$D$19=4,J1988*Input!$C$19,0)+IF(Input!$D$20=4,K1988*Input!$C$20,0)+IF(Input!$D$21=4,L1988*Input!$C$21,0)+IF(Input!$D$22=4,M1988*Input!$C$22,0)</f>
        <v>0</v>
      </c>
      <c r="R1988" s="58">
        <v>44.696805277445655</v>
      </c>
      <c r="S1988" s="124">
        <f t="shared" si="30"/>
        <v>1.2851985347791639</v>
      </c>
    </row>
    <row r="1989" spans="8:19" x14ac:dyDescent="0.3">
      <c r="H1989" s="44">
        <v>1982</v>
      </c>
      <c r="I1989" s="56">
        <f>Bühler!I2015</f>
        <v>0.29658427725673009</v>
      </c>
      <c r="J1989" s="59">
        <f>Bühler!J2015</f>
        <v>0.9886142575224337</v>
      </c>
      <c r="K1989" s="59">
        <f>Bühler!K2015</f>
        <v>1.4829213862836506</v>
      </c>
      <c r="L1989" s="59">
        <f>Bühler!L2015</f>
        <v>15.196883360700745</v>
      </c>
      <c r="M1989" s="58">
        <f>Bühler!M2015</f>
        <v>0</v>
      </c>
      <c r="N1989" s="56">
        <f>IF(Input!$D$19=1,J1989*Input!$C$19,0)+IF(Input!$D$20=1,K1989*Input!$C$20,0)+IF(Input!$D$21=1,L1989*Input!$C$21,0)+IF(Input!$D$22=1,M1989*Input!$C$22,0)</f>
        <v>0.29658427725673009</v>
      </c>
      <c r="O1989" s="59">
        <f>IF(Input!$D$19=2,J1989*Input!$C$19,0)+IF(Input!$D$20=2,K1989*Input!$C$20,0)+IF(Input!$D$21=2,L1989*Input!$C$21,0)+IF(Input!$D$22=2,M1989*Input!$C$22,0)</f>
        <v>0.74146069314182528</v>
      </c>
      <c r="P1989" s="59">
        <f>IF(Input!$D$19=3,J1989*Input!$C$19,0)+IF(Input!$D$20=3,K1989*Input!$C$20,0)+IF(Input!$D$21=3,L1989*Input!$C$21,0)+IF(Input!$D$22=3,M1989*Input!$C$22,0)</f>
        <v>0</v>
      </c>
      <c r="Q1989" s="75">
        <f>IF(Input!$D$19=4,J1989*Input!$C$19,0)+IF(Input!$D$20=4,K1989*Input!$C$20,0)+IF(Input!$D$21=4,L1989*Input!$C$21,0)+IF(Input!$D$22=4,M1989*Input!$C$22,0)</f>
        <v>0</v>
      </c>
      <c r="R1989" s="58">
        <v>44.131837264163615</v>
      </c>
      <c r="S1989" s="124">
        <f t="shared" si="30"/>
        <v>1.2851985347791639</v>
      </c>
    </row>
    <row r="1990" spans="8:19" x14ac:dyDescent="0.3">
      <c r="H1990" s="44">
        <v>1983</v>
      </c>
      <c r="I1990" s="56">
        <f>Bühler!I2016</f>
        <v>0.29658427725673009</v>
      </c>
      <c r="J1990" s="59">
        <f>Bühler!J2016</f>
        <v>0.9886142575224337</v>
      </c>
      <c r="K1990" s="59">
        <f>Bühler!K2016</f>
        <v>1.4829213862836506</v>
      </c>
      <c r="L1990" s="59">
        <f>Bühler!L2016</f>
        <v>15.196883360700745</v>
      </c>
      <c r="M1990" s="58">
        <f>Bühler!M2016</f>
        <v>0</v>
      </c>
      <c r="N1990" s="56">
        <f>IF(Input!$D$19=1,J1990*Input!$C$19,0)+IF(Input!$D$20=1,K1990*Input!$C$20,0)+IF(Input!$D$21=1,L1990*Input!$C$21,0)+IF(Input!$D$22=1,M1990*Input!$C$22,0)</f>
        <v>0.29658427725673009</v>
      </c>
      <c r="O1990" s="59">
        <f>IF(Input!$D$19=2,J1990*Input!$C$19,0)+IF(Input!$D$20=2,K1990*Input!$C$20,0)+IF(Input!$D$21=2,L1990*Input!$C$21,0)+IF(Input!$D$22=2,M1990*Input!$C$22,0)</f>
        <v>0.74146069314182528</v>
      </c>
      <c r="P1990" s="59">
        <f>IF(Input!$D$19=3,J1990*Input!$C$19,0)+IF(Input!$D$20=3,K1990*Input!$C$20,0)+IF(Input!$D$21=3,L1990*Input!$C$21,0)+IF(Input!$D$22=3,M1990*Input!$C$22,0)</f>
        <v>0</v>
      </c>
      <c r="Q1990" s="75">
        <f>IF(Input!$D$19=4,J1990*Input!$C$19,0)+IF(Input!$D$20=4,K1990*Input!$C$20,0)+IF(Input!$D$21=4,L1990*Input!$C$21,0)+IF(Input!$D$22=4,M1990*Input!$C$22,0)</f>
        <v>0</v>
      </c>
      <c r="R1990" s="58">
        <v>43.983121954667403</v>
      </c>
      <c r="S1990" s="124">
        <f t="shared" si="30"/>
        <v>1.2851985347791639</v>
      </c>
    </row>
    <row r="1991" spans="8:19" x14ac:dyDescent="0.3">
      <c r="H1991" s="44">
        <v>1984</v>
      </c>
      <c r="I1991" s="56">
        <f>Bühler!I2017</f>
        <v>0.26814468902663269</v>
      </c>
      <c r="J1991" s="59">
        <f>Bühler!J2017</f>
        <v>0.89381563008877574</v>
      </c>
      <c r="K1991" s="59">
        <f>Bühler!K2017</f>
        <v>1.3407234451331635</v>
      </c>
      <c r="L1991" s="59">
        <f>Bühler!L2017</f>
        <v>13.739647969948621</v>
      </c>
      <c r="M1991" s="58">
        <f>Bühler!M2017</f>
        <v>0</v>
      </c>
      <c r="N1991" s="56">
        <f>IF(Input!$D$19=1,J1991*Input!$C$19,0)+IF(Input!$D$20=1,K1991*Input!$C$20,0)+IF(Input!$D$21=1,L1991*Input!$C$21,0)+IF(Input!$D$22=1,M1991*Input!$C$22,0)</f>
        <v>0.26814468902663269</v>
      </c>
      <c r="O1991" s="59">
        <f>IF(Input!$D$19=2,J1991*Input!$C$19,0)+IF(Input!$D$20=2,K1991*Input!$C$20,0)+IF(Input!$D$21=2,L1991*Input!$C$21,0)+IF(Input!$D$22=2,M1991*Input!$C$22,0)</f>
        <v>0.67036172256658177</v>
      </c>
      <c r="P1991" s="59">
        <f>IF(Input!$D$19=3,J1991*Input!$C$19,0)+IF(Input!$D$20=3,K1991*Input!$C$20,0)+IF(Input!$D$21=3,L1991*Input!$C$21,0)+IF(Input!$D$22=3,M1991*Input!$C$22,0)</f>
        <v>0</v>
      </c>
      <c r="Q1991" s="75">
        <f>IF(Input!$D$19=4,J1991*Input!$C$19,0)+IF(Input!$D$20=4,K1991*Input!$C$20,0)+IF(Input!$D$21=4,L1991*Input!$C$21,0)+IF(Input!$D$22=4,M1991*Input!$C$22,0)</f>
        <v>0</v>
      </c>
      <c r="R1991" s="58">
        <v>43.343391812063587</v>
      </c>
      <c r="S1991" s="124">
        <f t="shared" si="30"/>
        <v>1.1619603191154084</v>
      </c>
    </row>
    <row r="1992" spans="8:19" x14ac:dyDescent="0.3">
      <c r="H1992" s="44">
        <v>1985</v>
      </c>
      <c r="I1992" s="56">
        <f>Bühler!I2018</f>
        <v>0.24376789911512062</v>
      </c>
      <c r="J1992" s="59">
        <f>Bühler!J2018</f>
        <v>0.81255966371706878</v>
      </c>
      <c r="K1992" s="59">
        <f>Bühler!K2018</f>
        <v>1.2188394955756032</v>
      </c>
      <c r="L1992" s="59">
        <f>Bühler!L2018</f>
        <v>12.490589063589656</v>
      </c>
      <c r="M1992" s="58">
        <f>Bühler!M2018</f>
        <v>0</v>
      </c>
      <c r="N1992" s="56">
        <f>IF(Input!$D$19=1,J1992*Input!$C$19,0)+IF(Input!$D$20=1,K1992*Input!$C$20,0)+IF(Input!$D$21=1,L1992*Input!$C$21,0)+IF(Input!$D$22=1,M1992*Input!$C$22,0)</f>
        <v>0.24376789911512062</v>
      </c>
      <c r="O1992" s="59">
        <f>IF(Input!$D$19=2,J1992*Input!$C$19,0)+IF(Input!$D$20=2,K1992*Input!$C$20,0)+IF(Input!$D$21=2,L1992*Input!$C$21,0)+IF(Input!$D$22=2,M1992*Input!$C$22,0)</f>
        <v>0.60941974778780161</v>
      </c>
      <c r="P1992" s="59">
        <f>IF(Input!$D$19=3,J1992*Input!$C$19,0)+IF(Input!$D$20=3,K1992*Input!$C$20,0)+IF(Input!$D$21=3,L1992*Input!$C$21,0)+IF(Input!$D$22=3,M1992*Input!$C$22,0)</f>
        <v>0</v>
      </c>
      <c r="Q1992" s="75">
        <f>IF(Input!$D$19=4,J1992*Input!$C$19,0)+IF(Input!$D$20=4,K1992*Input!$C$20,0)+IF(Input!$D$21=4,L1992*Input!$C$21,0)+IF(Input!$D$22=4,M1992*Input!$C$22,0)</f>
        <v>0</v>
      </c>
      <c r="R1992" s="58">
        <v>42.664448485221435</v>
      </c>
      <c r="S1992" s="124">
        <f t="shared" si="30"/>
        <v>1.0563275628321893</v>
      </c>
    </row>
    <row r="1993" spans="8:19" x14ac:dyDescent="0.3">
      <c r="H1993" s="44">
        <v>1986</v>
      </c>
      <c r="I1993" s="56">
        <f>Bühler!I2019</f>
        <v>0.21939110920360858</v>
      </c>
      <c r="J1993" s="59">
        <f>Bühler!J2019</f>
        <v>0.73130369734536205</v>
      </c>
      <c r="K1993" s="59">
        <f>Bühler!K2019</f>
        <v>1.0969555460180431</v>
      </c>
      <c r="L1993" s="59">
        <f>Bühler!L2019</f>
        <v>11.241530157230688</v>
      </c>
      <c r="M1993" s="58">
        <f>Bühler!M2019</f>
        <v>0</v>
      </c>
      <c r="N1993" s="56">
        <f>IF(Input!$D$19=1,J1993*Input!$C$19,0)+IF(Input!$D$20=1,K1993*Input!$C$20,0)+IF(Input!$D$21=1,L1993*Input!$C$21,0)+IF(Input!$D$22=1,M1993*Input!$C$22,0)</f>
        <v>0.2193911092036086</v>
      </c>
      <c r="O1993" s="59">
        <f>IF(Input!$D$19=2,J1993*Input!$C$19,0)+IF(Input!$D$20=2,K1993*Input!$C$20,0)+IF(Input!$D$21=2,L1993*Input!$C$21,0)+IF(Input!$D$22=2,M1993*Input!$C$22,0)</f>
        <v>0.54847777300902156</v>
      </c>
      <c r="P1993" s="59">
        <f>IF(Input!$D$19=3,J1993*Input!$C$19,0)+IF(Input!$D$20=3,K1993*Input!$C$20,0)+IF(Input!$D$21=3,L1993*Input!$C$21,0)+IF(Input!$D$22=3,M1993*Input!$C$22,0)</f>
        <v>0</v>
      </c>
      <c r="Q1993" s="75">
        <f>IF(Input!$D$19=4,J1993*Input!$C$19,0)+IF(Input!$D$20=4,K1993*Input!$C$20,0)+IF(Input!$D$21=4,L1993*Input!$C$21,0)+IF(Input!$D$22=4,M1993*Input!$C$22,0)</f>
        <v>0</v>
      </c>
      <c r="R1993" s="58">
        <v>42.091566817657132</v>
      </c>
      <c r="S1993" s="124">
        <f t="shared" ref="S1993:S2056" si="31">I1993+J1993</f>
        <v>0.95069480654897065</v>
      </c>
    </row>
    <row r="1994" spans="8:19" x14ac:dyDescent="0.3">
      <c r="H1994" s="44">
        <v>1987</v>
      </c>
      <c r="I1994" s="56">
        <f>Bühler!I2020</f>
        <v>0.21126551256643786</v>
      </c>
      <c r="J1994" s="59">
        <f>Bühler!J2020</f>
        <v>0.70421837522145958</v>
      </c>
      <c r="K1994" s="59">
        <f>Bühler!K2020</f>
        <v>1.0563275628321893</v>
      </c>
      <c r="L1994" s="59">
        <f>Bühler!L2020</f>
        <v>10.825177188444366</v>
      </c>
      <c r="M1994" s="58">
        <f>Bühler!M2020</f>
        <v>0</v>
      </c>
      <c r="N1994" s="56">
        <f>IF(Input!$D$19=1,J1994*Input!$C$19,0)+IF(Input!$D$20=1,K1994*Input!$C$20,0)+IF(Input!$D$21=1,L1994*Input!$C$21,0)+IF(Input!$D$22=1,M1994*Input!$C$22,0)</f>
        <v>0.21126551256643786</v>
      </c>
      <c r="O1994" s="59">
        <f>IF(Input!$D$19=2,J1994*Input!$C$19,0)+IF(Input!$D$20=2,K1994*Input!$C$20,0)+IF(Input!$D$21=2,L1994*Input!$C$21,0)+IF(Input!$D$22=2,M1994*Input!$C$22,0)</f>
        <v>0.52816378141609466</v>
      </c>
      <c r="P1994" s="59">
        <f>IF(Input!$D$19=3,J1994*Input!$C$19,0)+IF(Input!$D$20=3,K1994*Input!$C$20,0)+IF(Input!$D$21=3,L1994*Input!$C$21,0)+IF(Input!$D$22=3,M1994*Input!$C$22,0)</f>
        <v>0</v>
      </c>
      <c r="Q1994" s="75">
        <f>IF(Input!$D$19=4,J1994*Input!$C$19,0)+IF(Input!$D$20=4,K1994*Input!$C$20,0)+IF(Input!$D$21=4,L1994*Input!$C$21,0)+IF(Input!$D$22=4,M1994*Input!$C$22,0)</f>
        <v>0</v>
      </c>
      <c r="R1994" s="58">
        <v>41.602550742473312</v>
      </c>
      <c r="S1994" s="124">
        <f t="shared" si="31"/>
        <v>0.91548388778789747</v>
      </c>
    </row>
    <row r="1995" spans="8:19" x14ac:dyDescent="0.3">
      <c r="H1995" s="44">
        <v>1988</v>
      </c>
      <c r="I1995" s="56">
        <f>Bühler!I2021</f>
        <v>0.17063752938058444</v>
      </c>
      <c r="J1995" s="59">
        <f>Bühler!J2021</f>
        <v>0.56879176460194814</v>
      </c>
      <c r="K1995" s="59">
        <f>Bühler!K2021</f>
        <v>0.85318764690292226</v>
      </c>
      <c r="L1995" s="59">
        <f>Bühler!L2021</f>
        <v>8.7434123445127572</v>
      </c>
      <c r="M1995" s="58">
        <f>Bühler!M2021</f>
        <v>0</v>
      </c>
      <c r="N1995" s="56">
        <f>IF(Input!$D$19=1,J1995*Input!$C$19,0)+IF(Input!$D$20=1,K1995*Input!$C$20,0)+IF(Input!$D$21=1,L1995*Input!$C$21,0)+IF(Input!$D$22=1,M1995*Input!$C$22,0)</f>
        <v>0.17063752938058444</v>
      </c>
      <c r="O1995" s="59">
        <f>IF(Input!$D$19=2,J1995*Input!$C$19,0)+IF(Input!$D$20=2,K1995*Input!$C$20,0)+IF(Input!$D$21=2,L1995*Input!$C$21,0)+IF(Input!$D$22=2,M1995*Input!$C$22,0)</f>
        <v>0.42659382345146113</v>
      </c>
      <c r="P1995" s="59">
        <f>IF(Input!$D$19=3,J1995*Input!$C$19,0)+IF(Input!$D$20=3,K1995*Input!$C$20,0)+IF(Input!$D$21=3,L1995*Input!$C$21,0)+IF(Input!$D$22=3,M1995*Input!$C$22,0)</f>
        <v>0</v>
      </c>
      <c r="Q1995" s="75">
        <f>IF(Input!$D$19=4,J1995*Input!$C$19,0)+IF(Input!$D$20=4,K1995*Input!$C$20,0)+IF(Input!$D$21=4,L1995*Input!$C$21,0)+IF(Input!$D$22=4,M1995*Input!$C$22,0)</f>
        <v>0</v>
      </c>
      <c r="R1995" s="58">
        <v>41.345114640718727</v>
      </c>
      <c r="S1995" s="124">
        <f t="shared" si="31"/>
        <v>0.73942929398253254</v>
      </c>
    </row>
    <row r="1996" spans="8:19" x14ac:dyDescent="0.3">
      <c r="H1996" s="44">
        <v>1989</v>
      </c>
      <c r="I1996" s="56">
        <f>Bühler!I2022</f>
        <v>0.12594674787614565</v>
      </c>
      <c r="J1996" s="59">
        <f>Bühler!J2022</f>
        <v>0.41982249292048557</v>
      </c>
      <c r="K1996" s="59">
        <f>Bühler!K2022</f>
        <v>0.6297337393807283</v>
      </c>
      <c r="L1996" s="59">
        <f>Bühler!L2022</f>
        <v>6.4534710161879882</v>
      </c>
      <c r="M1996" s="58">
        <f>Bühler!M2022</f>
        <v>0</v>
      </c>
      <c r="N1996" s="56">
        <f>IF(Input!$D$19=1,J1996*Input!$C$19,0)+IF(Input!$D$20=1,K1996*Input!$C$20,0)+IF(Input!$D$21=1,L1996*Input!$C$21,0)+IF(Input!$D$22=1,M1996*Input!$C$22,0)</f>
        <v>0.12594674787614565</v>
      </c>
      <c r="O1996" s="59">
        <f>IF(Input!$D$19=2,J1996*Input!$C$19,0)+IF(Input!$D$20=2,K1996*Input!$C$20,0)+IF(Input!$D$21=2,L1996*Input!$C$21,0)+IF(Input!$D$22=2,M1996*Input!$C$22,0)</f>
        <v>0.31486686969036415</v>
      </c>
      <c r="P1996" s="59">
        <f>IF(Input!$D$19=3,J1996*Input!$C$19,0)+IF(Input!$D$20=3,K1996*Input!$C$20,0)+IF(Input!$D$21=3,L1996*Input!$C$21,0)+IF(Input!$D$22=3,M1996*Input!$C$22,0)</f>
        <v>0</v>
      </c>
      <c r="Q1996" s="75">
        <f>IF(Input!$D$19=4,J1996*Input!$C$19,0)+IF(Input!$D$20=4,K1996*Input!$C$20,0)+IF(Input!$D$21=4,L1996*Input!$C$21,0)+IF(Input!$D$22=4,M1996*Input!$C$22,0)</f>
        <v>0</v>
      </c>
      <c r="R1996" s="58">
        <v>41.40055852933947</v>
      </c>
      <c r="S1996" s="124">
        <f t="shared" si="31"/>
        <v>0.54576924079663125</v>
      </c>
    </row>
    <row r="1997" spans="8:19" x14ac:dyDescent="0.3">
      <c r="H1997" s="44">
        <v>1990</v>
      </c>
      <c r="I1997" s="56">
        <f>Bühler!I2023</f>
        <v>0.12594674787614565</v>
      </c>
      <c r="J1997" s="59">
        <f>Bühler!J2023</f>
        <v>0.41982249292048557</v>
      </c>
      <c r="K1997" s="59">
        <f>Bühler!K2023</f>
        <v>0.6297337393807283</v>
      </c>
      <c r="L1997" s="59">
        <f>Bühler!L2023</f>
        <v>6.4534710161879882</v>
      </c>
      <c r="M1997" s="58">
        <f>Bühler!M2023</f>
        <v>0</v>
      </c>
      <c r="N1997" s="56">
        <f>IF(Input!$D$19=1,J1997*Input!$C$19,0)+IF(Input!$D$20=1,K1997*Input!$C$20,0)+IF(Input!$D$21=1,L1997*Input!$C$21,0)+IF(Input!$D$22=1,M1997*Input!$C$22,0)</f>
        <v>0.12594674787614565</v>
      </c>
      <c r="O1997" s="59">
        <f>IF(Input!$D$19=2,J1997*Input!$C$19,0)+IF(Input!$D$20=2,K1997*Input!$C$20,0)+IF(Input!$D$21=2,L1997*Input!$C$21,0)+IF(Input!$D$22=2,M1997*Input!$C$22,0)</f>
        <v>0.31486686969036415</v>
      </c>
      <c r="P1997" s="59">
        <f>IF(Input!$D$19=3,J1997*Input!$C$19,0)+IF(Input!$D$20=3,K1997*Input!$C$20,0)+IF(Input!$D$21=3,L1997*Input!$C$21,0)+IF(Input!$D$22=3,M1997*Input!$C$22,0)</f>
        <v>0</v>
      </c>
      <c r="Q1997" s="75">
        <f>IF(Input!$D$19=4,J1997*Input!$C$19,0)+IF(Input!$D$20=4,K1997*Input!$C$20,0)+IF(Input!$D$21=4,L1997*Input!$C$21,0)+IF(Input!$D$22=4,M1997*Input!$C$22,0)</f>
        <v>0</v>
      </c>
      <c r="R1997" s="58">
        <v>41.24848083616741</v>
      </c>
      <c r="S1997" s="124">
        <f t="shared" si="31"/>
        <v>0.54576924079663125</v>
      </c>
    </row>
    <row r="1998" spans="8:19" x14ac:dyDescent="0.3">
      <c r="H1998" s="44">
        <v>1991</v>
      </c>
      <c r="I1998" s="56">
        <f>Bühler!I2024</f>
        <v>0.12594674787614565</v>
      </c>
      <c r="J1998" s="59">
        <f>Bühler!J2024</f>
        <v>0.41982249292048557</v>
      </c>
      <c r="K1998" s="59">
        <f>Bühler!K2024</f>
        <v>0.6297337393807283</v>
      </c>
      <c r="L1998" s="59">
        <f>Bühler!L2024</f>
        <v>6.4534710161879882</v>
      </c>
      <c r="M1998" s="58">
        <f>Bühler!M2024</f>
        <v>0</v>
      </c>
      <c r="N1998" s="56">
        <f>IF(Input!$D$19=1,J1998*Input!$C$19,0)+IF(Input!$D$20=1,K1998*Input!$C$20,0)+IF(Input!$D$21=1,L1998*Input!$C$21,0)+IF(Input!$D$22=1,M1998*Input!$C$22,0)</f>
        <v>0.12594674787614565</v>
      </c>
      <c r="O1998" s="59">
        <f>IF(Input!$D$19=2,J1998*Input!$C$19,0)+IF(Input!$D$20=2,K1998*Input!$C$20,0)+IF(Input!$D$21=2,L1998*Input!$C$21,0)+IF(Input!$D$22=2,M1998*Input!$C$22,0)</f>
        <v>0.31486686969036415</v>
      </c>
      <c r="P1998" s="59">
        <f>IF(Input!$D$19=3,J1998*Input!$C$19,0)+IF(Input!$D$20=3,K1998*Input!$C$20,0)+IF(Input!$D$21=3,L1998*Input!$C$21,0)+IF(Input!$D$22=3,M1998*Input!$C$22,0)</f>
        <v>0</v>
      </c>
      <c r="Q1998" s="75">
        <f>IF(Input!$D$19=4,J1998*Input!$C$19,0)+IF(Input!$D$20=4,K1998*Input!$C$20,0)+IF(Input!$D$21=4,L1998*Input!$C$21,0)+IF(Input!$D$22=4,M1998*Input!$C$22,0)</f>
        <v>0</v>
      </c>
      <c r="R1998" s="58">
        <v>41.532800767451675</v>
      </c>
      <c r="S1998" s="124">
        <f t="shared" si="31"/>
        <v>0.54576924079663125</v>
      </c>
    </row>
    <row r="1999" spans="8:19" x14ac:dyDescent="0.3">
      <c r="H1999" s="44">
        <v>1992</v>
      </c>
      <c r="I1999" s="56">
        <f>Bühler!I2025</f>
        <v>0.12594674787614565</v>
      </c>
      <c r="J1999" s="59">
        <f>Bühler!J2025</f>
        <v>0.41982249292048557</v>
      </c>
      <c r="K1999" s="59">
        <f>Bühler!K2025</f>
        <v>0.6297337393807283</v>
      </c>
      <c r="L1999" s="59">
        <f>Bühler!L2025</f>
        <v>6.4534710161879882</v>
      </c>
      <c r="M1999" s="58">
        <f>Bühler!M2025</f>
        <v>0</v>
      </c>
      <c r="N1999" s="56">
        <f>IF(Input!$D$19=1,J1999*Input!$C$19,0)+IF(Input!$D$20=1,K1999*Input!$C$20,0)+IF(Input!$D$21=1,L1999*Input!$C$21,0)+IF(Input!$D$22=1,M1999*Input!$C$22,0)</f>
        <v>0.12594674787614565</v>
      </c>
      <c r="O1999" s="59">
        <f>IF(Input!$D$19=2,J1999*Input!$C$19,0)+IF(Input!$D$20=2,K1999*Input!$C$20,0)+IF(Input!$D$21=2,L1999*Input!$C$21,0)+IF(Input!$D$22=2,M1999*Input!$C$22,0)</f>
        <v>0.31486686969036415</v>
      </c>
      <c r="P1999" s="59">
        <f>IF(Input!$D$19=3,J1999*Input!$C$19,0)+IF(Input!$D$20=3,K1999*Input!$C$20,0)+IF(Input!$D$21=3,L1999*Input!$C$21,0)+IF(Input!$D$22=3,M1999*Input!$C$22,0)</f>
        <v>0</v>
      </c>
      <c r="Q1999" s="75">
        <f>IF(Input!$D$19=4,J1999*Input!$C$19,0)+IF(Input!$D$20=4,K1999*Input!$C$20,0)+IF(Input!$D$21=4,L1999*Input!$C$21,0)+IF(Input!$D$22=4,M1999*Input!$C$22,0)</f>
        <v>0</v>
      </c>
      <c r="R1999" s="58">
        <v>41.206860810503258</v>
      </c>
      <c r="S1999" s="124">
        <f t="shared" si="31"/>
        <v>0.54576924079663125</v>
      </c>
    </row>
    <row r="2000" spans="8:19" x14ac:dyDescent="0.3">
      <c r="H2000" s="44">
        <v>1993</v>
      </c>
      <c r="I2000" s="56">
        <f>Bühler!I2026</f>
        <v>0.15529583069223238</v>
      </c>
      <c r="J2000" s="59">
        <f>Bühler!J2026</f>
        <v>0.51765276897410795</v>
      </c>
      <c r="K2000" s="59">
        <f>Bühler!K2026</f>
        <v>0.77647915346116203</v>
      </c>
      <c r="L2000" s="59">
        <f>Bühler!L2026</f>
        <v>7.6086834205988705</v>
      </c>
      <c r="M2000" s="58">
        <f>Bühler!M2026</f>
        <v>0</v>
      </c>
      <c r="N2000" s="56">
        <f>IF(Input!$D$19=1,J2000*Input!$C$19,0)+IF(Input!$D$20=1,K2000*Input!$C$20,0)+IF(Input!$D$21=1,L2000*Input!$C$21,0)+IF(Input!$D$22=1,M2000*Input!$C$22,0)</f>
        <v>0.15529583069223238</v>
      </c>
      <c r="O2000" s="59">
        <f>IF(Input!$D$19=2,J2000*Input!$C$19,0)+IF(Input!$D$20=2,K2000*Input!$C$20,0)+IF(Input!$D$21=2,L2000*Input!$C$21,0)+IF(Input!$D$22=2,M2000*Input!$C$22,0)</f>
        <v>0.38823957673058102</v>
      </c>
      <c r="P2000" s="59">
        <f>IF(Input!$D$19=3,J2000*Input!$C$19,0)+IF(Input!$D$20=3,K2000*Input!$C$20,0)+IF(Input!$D$21=3,L2000*Input!$C$21,0)+IF(Input!$D$22=3,M2000*Input!$C$22,0)</f>
        <v>0</v>
      </c>
      <c r="Q2000" s="75">
        <f>IF(Input!$D$19=4,J2000*Input!$C$19,0)+IF(Input!$D$20=4,K2000*Input!$C$20,0)+IF(Input!$D$21=4,L2000*Input!$C$21,0)+IF(Input!$D$22=4,M2000*Input!$C$22,0)</f>
        <v>0</v>
      </c>
      <c r="R2000" s="58">
        <v>41.154778167961354</v>
      </c>
      <c r="S2000" s="124">
        <f t="shared" si="31"/>
        <v>0.67294859966634035</v>
      </c>
    </row>
    <row r="2001" spans="8:19" x14ac:dyDescent="0.3">
      <c r="H2001" s="44">
        <v>1994</v>
      </c>
      <c r="I2001" s="56">
        <f>Bühler!I2027</f>
        <v>0.18034354532001179</v>
      </c>
      <c r="J2001" s="59">
        <f>Bühler!J2027</f>
        <v>0.60114515106670607</v>
      </c>
      <c r="K2001" s="59">
        <f>Bühler!K2027</f>
        <v>0.90171772660005911</v>
      </c>
      <c r="L2001" s="59">
        <f>Bühler!L2027</f>
        <v>8.8358904239212688</v>
      </c>
      <c r="M2001" s="58">
        <f>Bühler!M2027</f>
        <v>0</v>
      </c>
      <c r="N2001" s="56">
        <f>IF(Input!$D$19=1,J2001*Input!$C$19,0)+IF(Input!$D$20=1,K2001*Input!$C$20,0)+IF(Input!$D$21=1,L2001*Input!$C$21,0)+IF(Input!$D$22=1,M2001*Input!$C$22,0)</f>
        <v>0.18034354532001182</v>
      </c>
      <c r="O2001" s="59">
        <f>IF(Input!$D$19=2,J2001*Input!$C$19,0)+IF(Input!$D$20=2,K2001*Input!$C$20,0)+IF(Input!$D$21=2,L2001*Input!$C$21,0)+IF(Input!$D$22=2,M2001*Input!$C$22,0)</f>
        <v>0.45085886330002956</v>
      </c>
      <c r="P2001" s="59">
        <f>IF(Input!$D$19=3,J2001*Input!$C$19,0)+IF(Input!$D$20=3,K2001*Input!$C$20,0)+IF(Input!$D$21=3,L2001*Input!$C$21,0)+IF(Input!$D$22=3,M2001*Input!$C$22,0)</f>
        <v>0</v>
      </c>
      <c r="Q2001" s="75">
        <f>IF(Input!$D$19=4,J2001*Input!$C$19,0)+IF(Input!$D$20=4,K2001*Input!$C$20,0)+IF(Input!$D$21=4,L2001*Input!$C$21,0)+IF(Input!$D$22=4,M2001*Input!$C$22,0)</f>
        <v>0</v>
      </c>
      <c r="R2001" s="58">
        <v>40.999959885941031</v>
      </c>
      <c r="S2001" s="124">
        <f t="shared" si="31"/>
        <v>0.78148869638671781</v>
      </c>
    </row>
    <row r="2002" spans="8:19" x14ac:dyDescent="0.3">
      <c r="H2002" s="44">
        <v>1995</v>
      </c>
      <c r="I2002" s="56">
        <f>Bühler!I2028</f>
        <v>0.18034354532001179</v>
      </c>
      <c r="J2002" s="59">
        <f>Bühler!J2028</f>
        <v>0.60114515106670607</v>
      </c>
      <c r="K2002" s="59">
        <f>Bühler!K2028</f>
        <v>0.90171772660005911</v>
      </c>
      <c r="L2002" s="59">
        <f>Bühler!L2028</f>
        <v>8.8358904239212688</v>
      </c>
      <c r="M2002" s="58">
        <f>Bühler!M2028</f>
        <v>0</v>
      </c>
      <c r="N2002" s="56">
        <f>IF(Input!$D$19=1,J2002*Input!$C$19,0)+IF(Input!$D$20=1,K2002*Input!$C$20,0)+IF(Input!$D$21=1,L2002*Input!$C$21,0)+IF(Input!$D$22=1,M2002*Input!$C$22,0)</f>
        <v>0.18034354532001182</v>
      </c>
      <c r="O2002" s="59">
        <f>IF(Input!$D$19=2,J2002*Input!$C$19,0)+IF(Input!$D$20=2,K2002*Input!$C$20,0)+IF(Input!$D$21=2,L2002*Input!$C$21,0)+IF(Input!$D$22=2,M2002*Input!$C$22,0)</f>
        <v>0.45085886330002956</v>
      </c>
      <c r="P2002" s="59">
        <f>IF(Input!$D$19=3,J2002*Input!$C$19,0)+IF(Input!$D$20=3,K2002*Input!$C$20,0)+IF(Input!$D$21=3,L2002*Input!$C$21,0)+IF(Input!$D$22=3,M2002*Input!$C$22,0)</f>
        <v>0</v>
      </c>
      <c r="Q2002" s="75">
        <f>IF(Input!$D$19=4,J2002*Input!$C$19,0)+IF(Input!$D$20=4,K2002*Input!$C$20,0)+IF(Input!$D$21=4,L2002*Input!$C$21,0)+IF(Input!$D$22=4,M2002*Input!$C$22,0)</f>
        <v>0</v>
      </c>
      <c r="R2002" s="58">
        <v>40.963599383082666</v>
      </c>
      <c r="S2002" s="124">
        <f t="shared" si="31"/>
        <v>0.78148869638671781</v>
      </c>
    </row>
    <row r="2003" spans="8:19" x14ac:dyDescent="0.3">
      <c r="H2003" s="44">
        <v>1996</v>
      </c>
      <c r="I2003" s="56">
        <f>Bühler!I2029</f>
        <v>0.18034354532001179</v>
      </c>
      <c r="J2003" s="59">
        <f>Bühler!J2029</f>
        <v>0.60114515106670607</v>
      </c>
      <c r="K2003" s="59">
        <f>Bühler!K2029</f>
        <v>0.90171772660005911</v>
      </c>
      <c r="L2003" s="59">
        <f>Bühler!L2029</f>
        <v>8.8358904239212688</v>
      </c>
      <c r="M2003" s="58">
        <f>Bühler!M2029</f>
        <v>0</v>
      </c>
      <c r="N2003" s="56">
        <f>IF(Input!$D$19=1,J2003*Input!$C$19,0)+IF(Input!$D$20=1,K2003*Input!$C$20,0)+IF(Input!$D$21=1,L2003*Input!$C$21,0)+IF(Input!$D$22=1,M2003*Input!$C$22,0)</f>
        <v>0.18034354532001182</v>
      </c>
      <c r="O2003" s="59">
        <f>IF(Input!$D$19=2,J2003*Input!$C$19,0)+IF(Input!$D$20=2,K2003*Input!$C$20,0)+IF(Input!$D$21=2,L2003*Input!$C$21,0)+IF(Input!$D$22=2,M2003*Input!$C$22,0)</f>
        <v>0.45085886330002956</v>
      </c>
      <c r="P2003" s="59">
        <f>IF(Input!$D$19=3,J2003*Input!$C$19,0)+IF(Input!$D$20=3,K2003*Input!$C$20,0)+IF(Input!$D$21=3,L2003*Input!$C$21,0)+IF(Input!$D$22=3,M2003*Input!$C$22,0)</f>
        <v>0</v>
      </c>
      <c r="Q2003" s="75">
        <f>IF(Input!$D$19=4,J2003*Input!$C$19,0)+IF(Input!$D$20=4,K2003*Input!$C$20,0)+IF(Input!$D$21=4,L2003*Input!$C$21,0)+IF(Input!$D$22=4,M2003*Input!$C$22,0)</f>
        <v>0</v>
      </c>
      <c r="R2003" s="58">
        <v>40.546009963597861</v>
      </c>
      <c r="S2003" s="124">
        <f t="shared" si="31"/>
        <v>0.78148869638671781</v>
      </c>
    </row>
    <row r="2004" spans="8:19" x14ac:dyDescent="0.3">
      <c r="H2004" s="44">
        <v>1997</v>
      </c>
      <c r="I2004" s="56">
        <f>Bühler!I2030</f>
        <v>0.18034354532001179</v>
      </c>
      <c r="J2004" s="59">
        <f>Bühler!J2030</f>
        <v>0.60114515106670607</v>
      </c>
      <c r="K2004" s="59">
        <f>Bühler!K2030</f>
        <v>0.90171772660005911</v>
      </c>
      <c r="L2004" s="59">
        <f>Bühler!L2030</f>
        <v>8.8358904239212688</v>
      </c>
      <c r="M2004" s="58">
        <f>Bühler!M2030</f>
        <v>0</v>
      </c>
      <c r="N2004" s="56">
        <f>IF(Input!$D$19=1,J2004*Input!$C$19,0)+IF(Input!$D$20=1,K2004*Input!$C$20,0)+IF(Input!$D$21=1,L2004*Input!$C$21,0)+IF(Input!$D$22=1,M2004*Input!$C$22,0)</f>
        <v>0.18034354532001182</v>
      </c>
      <c r="O2004" s="59">
        <f>IF(Input!$D$19=2,J2004*Input!$C$19,0)+IF(Input!$D$20=2,K2004*Input!$C$20,0)+IF(Input!$D$21=2,L2004*Input!$C$21,0)+IF(Input!$D$22=2,M2004*Input!$C$22,0)</f>
        <v>0.45085886330002956</v>
      </c>
      <c r="P2004" s="59">
        <f>IF(Input!$D$19=3,J2004*Input!$C$19,0)+IF(Input!$D$20=3,K2004*Input!$C$20,0)+IF(Input!$D$21=3,L2004*Input!$C$21,0)+IF(Input!$D$22=3,M2004*Input!$C$22,0)</f>
        <v>0</v>
      </c>
      <c r="Q2004" s="75">
        <f>IF(Input!$D$19=4,J2004*Input!$C$19,0)+IF(Input!$D$20=4,K2004*Input!$C$20,0)+IF(Input!$D$21=4,L2004*Input!$C$21,0)+IF(Input!$D$22=4,M2004*Input!$C$22,0)</f>
        <v>0</v>
      </c>
      <c r="R2004" s="58">
        <v>40.239739882504999</v>
      </c>
      <c r="S2004" s="124">
        <f t="shared" si="31"/>
        <v>0.78148869638671781</v>
      </c>
    </row>
    <row r="2005" spans="8:19" x14ac:dyDescent="0.3">
      <c r="H2005" s="44">
        <v>1998</v>
      </c>
      <c r="I2005" s="56">
        <f>Bühler!I2031</f>
        <v>0.22542943165001475</v>
      </c>
      <c r="J2005" s="59">
        <f>Bühler!J2031</f>
        <v>0.75143143883338259</v>
      </c>
      <c r="K2005" s="59">
        <f>Bühler!K2031</f>
        <v>1.1271471582500738</v>
      </c>
      <c r="L2005" s="59">
        <f>Bühler!L2031</f>
        <v>11.044863029901586</v>
      </c>
      <c r="M2005" s="58">
        <f>Bühler!M2031</f>
        <v>0</v>
      </c>
      <c r="N2005" s="56">
        <f>IF(Input!$D$19=1,J2005*Input!$C$19,0)+IF(Input!$D$20=1,K2005*Input!$C$20,0)+IF(Input!$D$21=1,L2005*Input!$C$21,0)+IF(Input!$D$22=1,M2005*Input!$C$22,0)</f>
        <v>0.22542943165001478</v>
      </c>
      <c r="O2005" s="59">
        <f>IF(Input!$D$19=2,J2005*Input!$C$19,0)+IF(Input!$D$20=2,K2005*Input!$C$20,0)+IF(Input!$D$21=2,L2005*Input!$C$21,0)+IF(Input!$D$22=2,M2005*Input!$C$22,0)</f>
        <v>0.56357357912503692</v>
      </c>
      <c r="P2005" s="59">
        <f>IF(Input!$D$19=3,J2005*Input!$C$19,0)+IF(Input!$D$20=3,K2005*Input!$C$20,0)+IF(Input!$D$21=3,L2005*Input!$C$21,0)+IF(Input!$D$22=3,M2005*Input!$C$22,0)</f>
        <v>0</v>
      </c>
      <c r="Q2005" s="75">
        <f>IF(Input!$D$19=4,J2005*Input!$C$19,0)+IF(Input!$D$20=4,K2005*Input!$C$20,0)+IF(Input!$D$21=4,L2005*Input!$C$21,0)+IF(Input!$D$22=4,M2005*Input!$C$22,0)</f>
        <v>0</v>
      </c>
      <c r="R2005" s="58">
        <v>40.295132716557063</v>
      </c>
      <c r="S2005" s="124">
        <f t="shared" si="31"/>
        <v>0.97686087048339731</v>
      </c>
    </row>
    <row r="2006" spans="8:19" x14ac:dyDescent="0.3">
      <c r="H2006" s="44">
        <v>1999</v>
      </c>
      <c r="I2006" s="56">
        <f>Bühler!I2032</f>
        <v>0.26550577505446188</v>
      </c>
      <c r="J2006" s="59">
        <f>Bühler!J2032</f>
        <v>0.8850192501815396</v>
      </c>
      <c r="K2006" s="59">
        <f>Bühler!K2032</f>
        <v>1.3275288752723093</v>
      </c>
      <c r="L2006" s="59">
        <f>Bühler!L2032</f>
        <v>13.008394235217423</v>
      </c>
      <c r="M2006" s="58">
        <f>Bühler!M2032</f>
        <v>0</v>
      </c>
      <c r="N2006" s="56">
        <f>IF(Input!$D$19=1,J2006*Input!$C$19,0)+IF(Input!$D$20=1,K2006*Input!$C$20,0)+IF(Input!$D$21=1,L2006*Input!$C$21,0)+IF(Input!$D$22=1,M2006*Input!$C$22,0)</f>
        <v>0.26550577505446188</v>
      </c>
      <c r="O2006" s="59">
        <f>IF(Input!$D$19=2,J2006*Input!$C$19,0)+IF(Input!$D$20=2,K2006*Input!$C$20,0)+IF(Input!$D$21=2,L2006*Input!$C$21,0)+IF(Input!$D$22=2,M2006*Input!$C$22,0)</f>
        <v>0.66376443763615467</v>
      </c>
      <c r="P2006" s="59">
        <f>IF(Input!$D$19=3,J2006*Input!$C$19,0)+IF(Input!$D$20=3,K2006*Input!$C$20,0)+IF(Input!$D$21=3,L2006*Input!$C$21,0)+IF(Input!$D$22=3,M2006*Input!$C$22,0)</f>
        <v>0</v>
      </c>
      <c r="Q2006" s="75">
        <f>IF(Input!$D$19=4,J2006*Input!$C$19,0)+IF(Input!$D$20=4,K2006*Input!$C$20,0)+IF(Input!$D$21=4,L2006*Input!$C$21,0)+IF(Input!$D$22=4,M2006*Input!$C$22,0)</f>
        <v>0</v>
      </c>
      <c r="R2006" s="58">
        <v>40.927948701522944</v>
      </c>
      <c r="S2006" s="124">
        <f t="shared" si="31"/>
        <v>1.1505250252360015</v>
      </c>
    </row>
    <row r="2007" spans="8:19" x14ac:dyDescent="0.3">
      <c r="H2007" s="44">
        <v>2000</v>
      </c>
      <c r="I2007" s="56">
        <f>Bühler!I2033</f>
        <v>0.31560120431002064</v>
      </c>
      <c r="J2007" s="59">
        <f>Bühler!J2033</f>
        <v>1.0520040143667357</v>
      </c>
      <c r="K2007" s="59">
        <f>Bühler!K2033</f>
        <v>1.5780060215501035</v>
      </c>
      <c r="L2007" s="59">
        <f>Bühler!L2033</f>
        <v>15.462808241862222</v>
      </c>
      <c r="M2007" s="58">
        <f>Bühler!M2033</f>
        <v>0</v>
      </c>
      <c r="N2007" s="56">
        <f>IF(Input!$D$19=1,J2007*Input!$C$19,0)+IF(Input!$D$20=1,K2007*Input!$C$20,0)+IF(Input!$D$21=1,L2007*Input!$C$21,0)+IF(Input!$D$22=1,M2007*Input!$C$22,0)</f>
        <v>0.3156012043100207</v>
      </c>
      <c r="O2007" s="59">
        <f>IF(Input!$D$19=2,J2007*Input!$C$19,0)+IF(Input!$D$20=2,K2007*Input!$C$20,0)+IF(Input!$D$21=2,L2007*Input!$C$21,0)+IF(Input!$D$22=2,M2007*Input!$C$22,0)</f>
        <v>0.78900301077505175</v>
      </c>
      <c r="P2007" s="59">
        <f>IF(Input!$D$19=3,J2007*Input!$C$19,0)+IF(Input!$D$20=3,K2007*Input!$C$20,0)+IF(Input!$D$21=3,L2007*Input!$C$21,0)+IF(Input!$D$22=3,M2007*Input!$C$22,0)</f>
        <v>0</v>
      </c>
      <c r="Q2007" s="75">
        <f>IF(Input!$D$19=4,J2007*Input!$C$19,0)+IF(Input!$D$20=4,K2007*Input!$C$20,0)+IF(Input!$D$21=4,L2007*Input!$C$21,0)+IF(Input!$D$22=4,M2007*Input!$C$22,0)</f>
        <v>0</v>
      </c>
      <c r="R2007" s="58">
        <v>40.2879511647836</v>
      </c>
      <c r="S2007" s="124">
        <f t="shared" si="31"/>
        <v>1.3676052186767564</v>
      </c>
    </row>
    <row r="2008" spans="8:19" x14ac:dyDescent="0.3">
      <c r="H2008" s="44">
        <v>2001</v>
      </c>
      <c r="I2008" s="56">
        <f>Bühler!I2034</f>
        <v>0.31560120431002064</v>
      </c>
      <c r="J2008" s="59">
        <f>Bühler!J2034</f>
        <v>1.0520040143667357</v>
      </c>
      <c r="K2008" s="59">
        <f>Bühler!K2034</f>
        <v>1.5780060215501035</v>
      </c>
      <c r="L2008" s="59">
        <f>Bühler!L2034</f>
        <v>15.462808241862222</v>
      </c>
      <c r="M2008" s="58">
        <f>Bühler!M2034</f>
        <v>0</v>
      </c>
      <c r="N2008" s="56">
        <f>IF(Input!$D$19=1,J2008*Input!$C$19,0)+IF(Input!$D$20=1,K2008*Input!$C$20,0)+IF(Input!$D$21=1,L2008*Input!$C$21,0)+IF(Input!$D$22=1,M2008*Input!$C$22,0)</f>
        <v>0.3156012043100207</v>
      </c>
      <c r="O2008" s="59">
        <f>IF(Input!$D$19=2,J2008*Input!$C$19,0)+IF(Input!$D$20=2,K2008*Input!$C$20,0)+IF(Input!$D$21=2,L2008*Input!$C$21,0)+IF(Input!$D$22=2,M2008*Input!$C$22,0)</f>
        <v>0.78900301077505175</v>
      </c>
      <c r="P2008" s="59">
        <f>IF(Input!$D$19=3,J2008*Input!$C$19,0)+IF(Input!$D$20=3,K2008*Input!$C$20,0)+IF(Input!$D$21=3,L2008*Input!$C$21,0)+IF(Input!$D$22=3,M2008*Input!$C$22,0)</f>
        <v>0</v>
      </c>
      <c r="Q2008" s="75">
        <f>IF(Input!$D$19=4,J2008*Input!$C$19,0)+IF(Input!$D$20=4,K2008*Input!$C$20,0)+IF(Input!$D$21=4,L2008*Input!$C$21,0)+IF(Input!$D$22=4,M2008*Input!$C$22,0)</f>
        <v>0</v>
      </c>
      <c r="R2008" s="58">
        <v>39.97609289342153</v>
      </c>
      <c r="S2008" s="124">
        <f t="shared" si="31"/>
        <v>1.3676052186767564</v>
      </c>
    </row>
    <row r="2009" spans="8:19" x14ac:dyDescent="0.3">
      <c r="H2009" s="44">
        <v>2002</v>
      </c>
      <c r="I2009" s="56">
        <f>Bühler!I2035</f>
        <v>0.31560120431002064</v>
      </c>
      <c r="J2009" s="59">
        <f>Bühler!J2035</f>
        <v>1.0520040143667357</v>
      </c>
      <c r="K2009" s="59">
        <f>Bühler!K2035</f>
        <v>1.5780060215501035</v>
      </c>
      <c r="L2009" s="59">
        <f>Bühler!L2035</f>
        <v>15.462808241862222</v>
      </c>
      <c r="M2009" s="58">
        <f>Bühler!M2035</f>
        <v>0</v>
      </c>
      <c r="N2009" s="56">
        <f>IF(Input!$D$19=1,J2009*Input!$C$19,0)+IF(Input!$D$20=1,K2009*Input!$C$20,0)+IF(Input!$D$21=1,L2009*Input!$C$21,0)+IF(Input!$D$22=1,M2009*Input!$C$22,0)</f>
        <v>0.3156012043100207</v>
      </c>
      <c r="O2009" s="59">
        <f>IF(Input!$D$19=2,J2009*Input!$C$19,0)+IF(Input!$D$20=2,K2009*Input!$C$20,0)+IF(Input!$D$21=2,L2009*Input!$C$21,0)+IF(Input!$D$22=2,M2009*Input!$C$22,0)</f>
        <v>0.78900301077505175</v>
      </c>
      <c r="P2009" s="59">
        <f>IF(Input!$D$19=3,J2009*Input!$C$19,0)+IF(Input!$D$20=3,K2009*Input!$C$20,0)+IF(Input!$D$21=3,L2009*Input!$C$21,0)+IF(Input!$D$22=3,M2009*Input!$C$22,0)</f>
        <v>0</v>
      </c>
      <c r="Q2009" s="75">
        <f>IF(Input!$D$19=4,J2009*Input!$C$19,0)+IF(Input!$D$20=4,K2009*Input!$C$20,0)+IF(Input!$D$21=4,L2009*Input!$C$21,0)+IF(Input!$D$22=4,M2009*Input!$C$22,0)</f>
        <v>0</v>
      </c>
      <c r="R2009" s="58">
        <v>39.629122494609113</v>
      </c>
      <c r="S2009" s="124">
        <f t="shared" si="31"/>
        <v>1.3676052186767564</v>
      </c>
    </row>
    <row r="2010" spans="8:19" x14ac:dyDescent="0.3">
      <c r="H2010" s="44">
        <v>2003</v>
      </c>
      <c r="I2010" s="56">
        <f>Bühler!I2036</f>
        <v>0.31560120431002064</v>
      </c>
      <c r="J2010" s="59">
        <f>Bühler!J2036</f>
        <v>1.0520040143667357</v>
      </c>
      <c r="K2010" s="59">
        <f>Bühler!K2036</f>
        <v>1.5780060215501035</v>
      </c>
      <c r="L2010" s="59">
        <f>Bühler!L2036</f>
        <v>15.462808241862222</v>
      </c>
      <c r="M2010" s="58">
        <f>Bühler!M2036</f>
        <v>0</v>
      </c>
      <c r="N2010" s="56">
        <f>IF(Input!$D$19=1,J2010*Input!$C$19,0)+IF(Input!$D$20=1,K2010*Input!$C$20,0)+IF(Input!$D$21=1,L2010*Input!$C$21,0)+IF(Input!$D$22=1,M2010*Input!$C$22,0)</f>
        <v>0.3156012043100207</v>
      </c>
      <c r="O2010" s="59">
        <f>IF(Input!$D$19=2,J2010*Input!$C$19,0)+IF(Input!$D$20=2,K2010*Input!$C$20,0)+IF(Input!$D$21=2,L2010*Input!$C$21,0)+IF(Input!$D$22=2,M2010*Input!$C$22,0)</f>
        <v>0.78900301077505175</v>
      </c>
      <c r="P2010" s="59">
        <f>IF(Input!$D$19=3,J2010*Input!$C$19,0)+IF(Input!$D$20=3,K2010*Input!$C$20,0)+IF(Input!$D$21=3,L2010*Input!$C$21,0)+IF(Input!$D$22=3,M2010*Input!$C$22,0)</f>
        <v>0</v>
      </c>
      <c r="Q2010" s="75">
        <f>IF(Input!$D$19=4,J2010*Input!$C$19,0)+IF(Input!$D$20=4,K2010*Input!$C$20,0)+IF(Input!$D$21=4,L2010*Input!$C$21,0)+IF(Input!$D$22=4,M2010*Input!$C$22,0)</f>
        <v>0</v>
      </c>
      <c r="R2010" s="58">
        <v>39.98441788708692</v>
      </c>
      <c r="S2010" s="124">
        <f t="shared" si="31"/>
        <v>1.3676052186767564</v>
      </c>
    </row>
    <row r="2011" spans="8:19" x14ac:dyDescent="0.3">
      <c r="H2011" s="44">
        <v>2004</v>
      </c>
      <c r="I2011" s="56">
        <f>Bühler!I2037</f>
        <v>0.31560120431002064</v>
      </c>
      <c r="J2011" s="59">
        <f>Bühler!J2037</f>
        <v>1.0520040143667357</v>
      </c>
      <c r="K2011" s="59">
        <f>Bühler!K2037</f>
        <v>1.5780060215501035</v>
      </c>
      <c r="L2011" s="59">
        <f>Bühler!L2037</f>
        <v>15.462808241862222</v>
      </c>
      <c r="M2011" s="58">
        <f>Bühler!M2037</f>
        <v>0</v>
      </c>
      <c r="N2011" s="56">
        <f>IF(Input!$D$19=1,J2011*Input!$C$19,0)+IF(Input!$D$20=1,K2011*Input!$C$20,0)+IF(Input!$D$21=1,L2011*Input!$C$21,0)+IF(Input!$D$22=1,M2011*Input!$C$22,0)</f>
        <v>0.3156012043100207</v>
      </c>
      <c r="O2011" s="59">
        <f>IF(Input!$D$19=2,J2011*Input!$C$19,0)+IF(Input!$D$20=2,K2011*Input!$C$20,0)+IF(Input!$D$21=2,L2011*Input!$C$21,0)+IF(Input!$D$22=2,M2011*Input!$C$22,0)</f>
        <v>0.78900301077505175</v>
      </c>
      <c r="P2011" s="59">
        <f>IF(Input!$D$19=3,J2011*Input!$C$19,0)+IF(Input!$D$20=3,K2011*Input!$C$20,0)+IF(Input!$D$21=3,L2011*Input!$C$21,0)+IF(Input!$D$22=3,M2011*Input!$C$22,0)</f>
        <v>0</v>
      </c>
      <c r="Q2011" s="75">
        <f>IF(Input!$D$19=4,J2011*Input!$C$19,0)+IF(Input!$D$20=4,K2011*Input!$C$20,0)+IF(Input!$D$21=4,L2011*Input!$C$21,0)+IF(Input!$D$22=4,M2011*Input!$C$22,0)</f>
        <v>0</v>
      </c>
      <c r="R2011" s="58">
        <v>40.019508988606553</v>
      </c>
      <c r="S2011" s="124">
        <f t="shared" si="31"/>
        <v>1.3676052186767564</v>
      </c>
    </row>
    <row r="2012" spans="8:19" x14ac:dyDescent="0.3">
      <c r="H2012" s="44">
        <v>2005</v>
      </c>
      <c r="I2012" s="56">
        <f>Bühler!I2038</f>
        <v>0.31560120431002064</v>
      </c>
      <c r="J2012" s="59">
        <f>Bühler!J2038</f>
        <v>1.0520040143667357</v>
      </c>
      <c r="K2012" s="59">
        <f>Bühler!K2038</f>
        <v>1.5780060215501035</v>
      </c>
      <c r="L2012" s="59">
        <f>Bühler!L2038</f>
        <v>15.462808241862222</v>
      </c>
      <c r="M2012" s="58">
        <f>Bühler!M2038</f>
        <v>0</v>
      </c>
      <c r="N2012" s="56">
        <f>IF(Input!$D$19=1,J2012*Input!$C$19,0)+IF(Input!$D$20=1,K2012*Input!$C$20,0)+IF(Input!$D$21=1,L2012*Input!$C$21,0)+IF(Input!$D$22=1,M2012*Input!$C$22,0)</f>
        <v>0.3156012043100207</v>
      </c>
      <c r="O2012" s="59">
        <f>IF(Input!$D$19=2,J2012*Input!$C$19,0)+IF(Input!$D$20=2,K2012*Input!$C$20,0)+IF(Input!$D$21=2,L2012*Input!$C$21,0)+IF(Input!$D$22=2,M2012*Input!$C$22,0)</f>
        <v>0.78900301077505175</v>
      </c>
      <c r="P2012" s="59">
        <f>IF(Input!$D$19=3,J2012*Input!$C$19,0)+IF(Input!$D$20=3,K2012*Input!$C$20,0)+IF(Input!$D$21=3,L2012*Input!$C$21,0)+IF(Input!$D$22=3,M2012*Input!$C$22,0)</f>
        <v>0</v>
      </c>
      <c r="Q2012" s="75">
        <f>IF(Input!$D$19=4,J2012*Input!$C$19,0)+IF(Input!$D$20=4,K2012*Input!$C$20,0)+IF(Input!$D$21=4,L2012*Input!$C$21,0)+IF(Input!$D$22=4,M2012*Input!$C$22,0)</f>
        <v>0</v>
      </c>
      <c r="R2012" s="58">
        <v>39.401471663525108</v>
      </c>
      <c r="S2012" s="124">
        <f t="shared" si="31"/>
        <v>1.3676052186767564</v>
      </c>
    </row>
    <row r="2013" spans="8:19" x14ac:dyDescent="0.3">
      <c r="H2013" s="44">
        <v>2006</v>
      </c>
      <c r="I2013" s="56">
        <f>Bühler!I2039</f>
        <v>0.31560120431002064</v>
      </c>
      <c r="J2013" s="59">
        <f>Bühler!J2039</f>
        <v>1.0520040143667357</v>
      </c>
      <c r="K2013" s="59">
        <f>Bühler!K2039</f>
        <v>1.5780060215501035</v>
      </c>
      <c r="L2013" s="59">
        <f>Bühler!L2039</f>
        <v>15.462808241862222</v>
      </c>
      <c r="M2013" s="58">
        <f>Bühler!M2039</f>
        <v>0</v>
      </c>
      <c r="N2013" s="56">
        <f>IF(Input!$D$19=1,J2013*Input!$C$19,0)+IF(Input!$D$20=1,K2013*Input!$C$20,0)+IF(Input!$D$21=1,L2013*Input!$C$21,0)+IF(Input!$D$22=1,M2013*Input!$C$22,0)</f>
        <v>0.3156012043100207</v>
      </c>
      <c r="O2013" s="59">
        <f>IF(Input!$D$19=2,J2013*Input!$C$19,0)+IF(Input!$D$20=2,K2013*Input!$C$20,0)+IF(Input!$D$21=2,L2013*Input!$C$21,0)+IF(Input!$D$22=2,M2013*Input!$C$22,0)</f>
        <v>0.78900301077505175</v>
      </c>
      <c r="P2013" s="59">
        <f>IF(Input!$D$19=3,J2013*Input!$C$19,0)+IF(Input!$D$20=3,K2013*Input!$C$20,0)+IF(Input!$D$21=3,L2013*Input!$C$21,0)+IF(Input!$D$22=3,M2013*Input!$C$22,0)</f>
        <v>0</v>
      </c>
      <c r="Q2013" s="75">
        <f>IF(Input!$D$19=4,J2013*Input!$C$19,0)+IF(Input!$D$20=4,K2013*Input!$C$20,0)+IF(Input!$D$21=4,L2013*Input!$C$21,0)+IF(Input!$D$22=4,M2013*Input!$C$22,0)</f>
        <v>0</v>
      </c>
      <c r="R2013" s="58">
        <v>39.200371149913266</v>
      </c>
      <c r="S2013" s="124">
        <f t="shared" si="31"/>
        <v>1.3676052186767564</v>
      </c>
    </row>
    <row r="2014" spans="8:19" x14ac:dyDescent="0.3">
      <c r="H2014" s="44">
        <v>2007</v>
      </c>
      <c r="I2014" s="56">
        <f>Bühler!I2040</f>
        <v>0.31560120431002064</v>
      </c>
      <c r="J2014" s="59">
        <f>Bühler!J2040</f>
        <v>1.0520040143667357</v>
      </c>
      <c r="K2014" s="59">
        <f>Bühler!K2040</f>
        <v>1.5780060215501035</v>
      </c>
      <c r="L2014" s="59">
        <f>Bühler!L2040</f>
        <v>15.462808241862222</v>
      </c>
      <c r="M2014" s="58">
        <f>Bühler!M2040</f>
        <v>0</v>
      </c>
      <c r="N2014" s="56">
        <f>IF(Input!$D$19=1,J2014*Input!$C$19,0)+IF(Input!$D$20=1,K2014*Input!$C$20,0)+IF(Input!$D$21=1,L2014*Input!$C$21,0)+IF(Input!$D$22=1,M2014*Input!$C$22,0)</f>
        <v>0.3156012043100207</v>
      </c>
      <c r="O2014" s="59">
        <f>IF(Input!$D$19=2,J2014*Input!$C$19,0)+IF(Input!$D$20=2,K2014*Input!$C$20,0)+IF(Input!$D$21=2,L2014*Input!$C$21,0)+IF(Input!$D$22=2,M2014*Input!$C$22,0)</f>
        <v>0.78900301077505175</v>
      </c>
      <c r="P2014" s="59">
        <f>IF(Input!$D$19=3,J2014*Input!$C$19,0)+IF(Input!$D$20=3,K2014*Input!$C$20,0)+IF(Input!$D$21=3,L2014*Input!$C$21,0)+IF(Input!$D$22=3,M2014*Input!$C$22,0)</f>
        <v>0</v>
      </c>
      <c r="Q2014" s="75">
        <f>IF(Input!$D$19=4,J2014*Input!$C$19,0)+IF(Input!$D$20=4,K2014*Input!$C$20,0)+IF(Input!$D$21=4,L2014*Input!$C$21,0)+IF(Input!$D$22=4,M2014*Input!$C$22,0)</f>
        <v>0</v>
      </c>
      <c r="R2014" s="58">
        <v>39.633512324510676</v>
      </c>
      <c r="S2014" s="124">
        <f t="shared" si="31"/>
        <v>1.3676052186767564</v>
      </c>
    </row>
    <row r="2015" spans="8:19" x14ac:dyDescent="0.3">
      <c r="H2015" s="44">
        <v>2008</v>
      </c>
      <c r="I2015" s="56">
        <f>Bühler!I2041</f>
        <v>0.28053440383112949</v>
      </c>
      <c r="J2015" s="59">
        <f>Bühler!J2041</f>
        <v>0.93511467943709836</v>
      </c>
      <c r="K2015" s="59">
        <f>Bühler!K2041</f>
        <v>1.4026720191556474</v>
      </c>
      <c r="L2015" s="59">
        <f>Bühler!L2041</f>
        <v>13.744718437210864</v>
      </c>
      <c r="M2015" s="58">
        <f>Bühler!M2041</f>
        <v>0</v>
      </c>
      <c r="N2015" s="56">
        <f>IF(Input!$D$19=1,J2015*Input!$C$19,0)+IF(Input!$D$20=1,K2015*Input!$C$20,0)+IF(Input!$D$21=1,L2015*Input!$C$21,0)+IF(Input!$D$22=1,M2015*Input!$C$22,0)</f>
        <v>0.28053440383112949</v>
      </c>
      <c r="O2015" s="59">
        <f>IF(Input!$D$19=2,J2015*Input!$C$19,0)+IF(Input!$D$20=2,K2015*Input!$C$20,0)+IF(Input!$D$21=2,L2015*Input!$C$21,0)+IF(Input!$D$22=2,M2015*Input!$C$22,0)</f>
        <v>0.70133600957782372</v>
      </c>
      <c r="P2015" s="59">
        <f>IF(Input!$D$19=3,J2015*Input!$C$19,0)+IF(Input!$D$20=3,K2015*Input!$C$20,0)+IF(Input!$D$21=3,L2015*Input!$C$21,0)+IF(Input!$D$22=3,M2015*Input!$C$22,0)</f>
        <v>0</v>
      </c>
      <c r="Q2015" s="75">
        <f>IF(Input!$D$19=4,J2015*Input!$C$19,0)+IF(Input!$D$20=4,K2015*Input!$C$20,0)+IF(Input!$D$21=4,L2015*Input!$C$21,0)+IF(Input!$D$22=4,M2015*Input!$C$22,0)</f>
        <v>0</v>
      </c>
      <c r="R2015" s="58">
        <v>39.511098316426697</v>
      </c>
      <c r="S2015" s="124">
        <f t="shared" si="31"/>
        <v>1.2156490832682278</v>
      </c>
    </row>
    <row r="2016" spans="8:19" x14ac:dyDescent="0.3">
      <c r="H2016" s="44">
        <v>2009</v>
      </c>
      <c r="I2016" s="56">
        <f>Bühler!I2042</f>
        <v>0.27552486090557354</v>
      </c>
      <c r="J2016" s="59">
        <f>Bühler!J2042</f>
        <v>0.91841620301857863</v>
      </c>
      <c r="K2016" s="59">
        <f>Bühler!K2042</f>
        <v>1.377624304527868</v>
      </c>
      <c r="L2016" s="59">
        <f>Bühler!L2042</f>
        <v>13.499277036546383</v>
      </c>
      <c r="M2016" s="58">
        <f>Bühler!M2042</f>
        <v>0</v>
      </c>
      <c r="N2016" s="56">
        <f>IF(Input!$D$19=1,J2016*Input!$C$19,0)+IF(Input!$D$20=1,K2016*Input!$C$20,0)+IF(Input!$D$21=1,L2016*Input!$C$21,0)+IF(Input!$D$22=1,M2016*Input!$C$22,0)</f>
        <v>0.2755248609055736</v>
      </c>
      <c r="O2016" s="59">
        <f>IF(Input!$D$19=2,J2016*Input!$C$19,0)+IF(Input!$D$20=2,K2016*Input!$C$20,0)+IF(Input!$D$21=2,L2016*Input!$C$21,0)+IF(Input!$D$22=2,M2016*Input!$C$22,0)</f>
        <v>0.688812152263934</v>
      </c>
      <c r="P2016" s="59">
        <f>IF(Input!$D$19=3,J2016*Input!$C$19,0)+IF(Input!$D$20=3,K2016*Input!$C$20,0)+IF(Input!$D$21=3,L2016*Input!$C$21,0)+IF(Input!$D$22=3,M2016*Input!$C$22,0)</f>
        <v>0</v>
      </c>
      <c r="Q2016" s="75">
        <f>IF(Input!$D$19=4,J2016*Input!$C$19,0)+IF(Input!$D$20=4,K2016*Input!$C$20,0)+IF(Input!$D$21=4,L2016*Input!$C$21,0)+IF(Input!$D$22=4,M2016*Input!$C$22,0)</f>
        <v>0</v>
      </c>
      <c r="R2016" s="58">
        <v>39.486025482475036</v>
      </c>
      <c r="S2016" s="124">
        <f t="shared" si="31"/>
        <v>1.1939410639241521</v>
      </c>
    </row>
    <row r="2017" spans="8:19" x14ac:dyDescent="0.3">
      <c r="H2017" s="44">
        <v>2010</v>
      </c>
      <c r="I2017" s="56">
        <f>Bühler!I2043</f>
        <v>0.23544851750112653</v>
      </c>
      <c r="J2017" s="59">
        <f>Bühler!J2043</f>
        <v>0.78482839167042184</v>
      </c>
      <c r="K2017" s="59">
        <f>Bühler!K2043</f>
        <v>1.1772425875056327</v>
      </c>
      <c r="L2017" s="59">
        <f>Bühler!L2043</f>
        <v>11.535745831230546</v>
      </c>
      <c r="M2017" s="58">
        <f>Bühler!M2043</f>
        <v>0</v>
      </c>
      <c r="N2017" s="56">
        <f>IF(Input!$D$19=1,J2017*Input!$C$19,0)+IF(Input!$D$20=1,K2017*Input!$C$20,0)+IF(Input!$D$21=1,L2017*Input!$C$21,0)+IF(Input!$D$22=1,M2017*Input!$C$22,0)</f>
        <v>0.23544851750112655</v>
      </c>
      <c r="O2017" s="59">
        <f>IF(Input!$D$19=2,J2017*Input!$C$19,0)+IF(Input!$D$20=2,K2017*Input!$C$20,0)+IF(Input!$D$21=2,L2017*Input!$C$21,0)+IF(Input!$D$22=2,M2017*Input!$C$22,0)</f>
        <v>0.58862129375281635</v>
      </c>
      <c r="P2017" s="59">
        <f>IF(Input!$D$19=3,J2017*Input!$C$19,0)+IF(Input!$D$20=3,K2017*Input!$C$20,0)+IF(Input!$D$21=3,L2017*Input!$C$21,0)+IF(Input!$D$22=3,M2017*Input!$C$22,0)</f>
        <v>0</v>
      </c>
      <c r="Q2017" s="75">
        <f>IF(Input!$D$19=4,J2017*Input!$C$19,0)+IF(Input!$D$20=4,K2017*Input!$C$20,0)+IF(Input!$D$21=4,L2017*Input!$C$21,0)+IF(Input!$D$22=4,M2017*Input!$C$22,0)</f>
        <v>0</v>
      </c>
      <c r="R2017" s="58">
        <v>39.93811451188224</v>
      </c>
      <c r="S2017" s="124">
        <f t="shared" si="31"/>
        <v>1.0202769091715485</v>
      </c>
    </row>
    <row r="2018" spans="8:19" x14ac:dyDescent="0.3">
      <c r="H2018" s="44">
        <v>2011</v>
      </c>
      <c r="I2018" s="56">
        <f>Bühler!I2044</f>
        <v>0.22041988872445886</v>
      </c>
      <c r="J2018" s="59">
        <f>Bühler!J2044</f>
        <v>0.73473296241486297</v>
      </c>
      <c r="K2018" s="59">
        <f>Bühler!K2044</f>
        <v>1.1020994436222946</v>
      </c>
      <c r="L2018" s="59">
        <f>Bühler!L2044</f>
        <v>10.799421629237106</v>
      </c>
      <c r="M2018" s="58">
        <f>Bühler!M2044</f>
        <v>0</v>
      </c>
      <c r="N2018" s="56">
        <f>IF(Input!$D$19=1,J2018*Input!$C$19,0)+IF(Input!$D$20=1,K2018*Input!$C$20,0)+IF(Input!$D$21=1,L2018*Input!$C$21,0)+IF(Input!$D$22=1,M2018*Input!$C$22,0)</f>
        <v>0.22041988872445889</v>
      </c>
      <c r="O2018" s="59">
        <f>IF(Input!$D$19=2,J2018*Input!$C$19,0)+IF(Input!$D$20=2,K2018*Input!$C$20,0)+IF(Input!$D$21=2,L2018*Input!$C$21,0)+IF(Input!$D$22=2,M2018*Input!$C$22,0)</f>
        <v>0.55104972181114731</v>
      </c>
      <c r="P2018" s="59">
        <f>IF(Input!$D$19=3,J2018*Input!$C$19,0)+IF(Input!$D$20=3,K2018*Input!$C$20,0)+IF(Input!$D$21=3,L2018*Input!$C$21,0)+IF(Input!$D$22=3,M2018*Input!$C$22,0)</f>
        <v>0</v>
      </c>
      <c r="Q2018" s="75">
        <f>IF(Input!$D$19=4,J2018*Input!$C$19,0)+IF(Input!$D$20=4,K2018*Input!$C$20,0)+IF(Input!$D$21=4,L2018*Input!$C$21,0)+IF(Input!$D$22=4,M2018*Input!$C$22,0)</f>
        <v>0</v>
      </c>
      <c r="R2018" s="58">
        <v>40.179916539651856</v>
      </c>
      <c r="S2018" s="124">
        <f t="shared" si="31"/>
        <v>0.9551528511393218</v>
      </c>
    </row>
    <row r="2019" spans="8:19" x14ac:dyDescent="0.3">
      <c r="H2019" s="44">
        <v>2012</v>
      </c>
      <c r="I2019" s="56">
        <f>Bühler!I2045</f>
        <v>0.18535308824556768</v>
      </c>
      <c r="J2019" s="59">
        <f>Bühler!J2045</f>
        <v>0.6178436274852257</v>
      </c>
      <c r="K2019" s="59">
        <f>Bühler!K2045</f>
        <v>0.92676544122783844</v>
      </c>
      <c r="L2019" s="59">
        <f>Bühler!L2045</f>
        <v>9.0813318245857495</v>
      </c>
      <c r="M2019" s="58">
        <f>Bühler!M2045</f>
        <v>0</v>
      </c>
      <c r="N2019" s="56">
        <f>IF(Input!$D$19=1,J2019*Input!$C$19,0)+IF(Input!$D$20=1,K2019*Input!$C$20,0)+IF(Input!$D$21=1,L2019*Input!$C$21,0)+IF(Input!$D$22=1,M2019*Input!$C$22,0)</f>
        <v>0.1853530882455677</v>
      </c>
      <c r="O2019" s="59">
        <f>IF(Input!$D$19=2,J2019*Input!$C$19,0)+IF(Input!$D$20=2,K2019*Input!$C$20,0)+IF(Input!$D$21=2,L2019*Input!$C$21,0)+IF(Input!$D$22=2,M2019*Input!$C$22,0)</f>
        <v>0.46338272061391922</v>
      </c>
      <c r="P2019" s="59">
        <f>IF(Input!$D$19=3,J2019*Input!$C$19,0)+IF(Input!$D$20=3,K2019*Input!$C$20,0)+IF(Input!$D$21=3,L2019*Input!$C$21,0)+IF(Input!$D$22=3,M2019*Input!$C$22,0)</f>
        <v>0</v>
      </c>
      <c r="Q2019" s="75">
        <f>IF(Input!$D$19=4,J2019*Input!$C$19,0)+IF(Input!$D$20=4,K2019*Input!$C$20,0)+IF(Input!$D$21=4,L2019*Input!$C$21,0)+IF(Input!$D$22=4,M2019*Input!$C$22,0)</f>
        <v>0</v>
      </c>
      <c r="R2019" s="58">
        <v>40.427290988242653</v>
      </c>
      <c r="S2019" s="124">
        <f t="shared" si="31"/>
        <v>0.80319671573079332</v>
      </c>
    </row>
    <row r="2020" spans="8:19" x14ac:dyDescent="0.3">
      <c r="H2020" s="44">
        <v>2013</v>
      </c>
      <c r="I2020" s="56">
        <f>Bühler!I2046</f>
        <v>0.15529583069223238</v>
      </c>
      <c r="J2020" s="59">
        <f>Bühler!J2046</f>
        <v>0.51765276897410795</v>
      </c>
      <c r="K2020" s="59">
        <f>Bühler!K2046</f>
        <v>0.77647915346116203</v>
      </c>
      <c r="L2020" s="59">
        <f>Bühler!L2046</f>
        <v>7.6086834205988705</v>
      </c>
      <c r="M2020" s="58">
        <f>Bühler!M2046</f>
        <v>0</v>
      </c>
      <c r="N2020" s="56">
        <f>IF(Input!$D$19=1,J2020*Input!$C$19,0)+IF(Input!$D$20=1,K2020*Input!$C$20,0)+IF(Input!$D$21=1,L2020*Input!$C$21,0)+IF(Input!$D$22=1,M2020*Input!$C$22,0)</f>
        <v>0.15529583069223238</v>
      </c>
      <c r="O2020" s="59">
        <f>IF(Input!$D$19=2,J2020*Input!$C$19,0)+IF(Input!$D$20=2,K2020*Input!$C$20,0)+IF(Input!$D$21=2,L2020*Input!$C$21,0)+IF(Input!$D$22=2,M2020*Input!$C$22,0)</f>
        <v>0.38823957673058102</v>
      </c>
      <c r="P2020" s="59">
        <f>IF(Input!$D$19=3,J2020*Input!$C$19,0)+IF(Input!$D$20=3,K2020*Input!$C$20,0)+IF(Input!$D$21=3,L2020*Input!$C$21,0)+IF(Input!$D$22=3,M2020*Input!$C$22,0)</f>
        <v>0</v>
      </c>
      <c r="Q2020" s="75">
        <f>IF(Input!$D$19=4,J2020*Input!$C$19,0)+IF(Input!$D$20=4,K2020*Input!$C$20,0)+IF(Input!$D$21=4,L2020*Input!$C$21,0)+IF(Input!$D$22=4,M2020*Input!$C$22,0)</f>
        <v>0</v>
      </c>
      <c r="R2020" s="58">
        <v>40.979018745441316</v>
      </c>
      <c r="S2020" s="124">
        <f t="shared" si="31"/>
        <v>0.67294859966634035</v>
      </c>
    </row>
    <row r="2021" spans="8:19" x14ac:dyDescent="0.3">
      <c r="H2021" s="44">
        <v>2014</v>
      </c>
      <c r="I2021" s="56">
        <f>Bühler!I2047</f>
        <v>0.13525765899000886</v>
      </c>
      <c r="J2021" s="59">
        <f>Bühler!J2047</f>
        <v>0.45085886330002956</v>
      </c>
      <c r="K2021" s="59">
        <f>Bühler!K2047</f>
        <v>0.67628829495004428</v>
      </c>
      <c r="L2021" s="59">
        <f>Bühler!L2047</f>
        <v>6.626917817940952</v>
      </c>
      <c r="M2021" s="58">
        <f>Bühler!M2047</f>
        <v>0</v>
      </c>
      <c r="N2021" s="56">
        <f>IF(Input!$D$19=1,J2021*Input!$C$19,0)+IF(Input!$D$20=1,K2021*Input!$C$20,0)+IF(Input!$D$21=1,L2021*Input!$C$21,0)+IF(Input!$D$22=1,M2021*Input!$C$22,0)</f>
        <v>0.13525765899000886</v>
      </c>
      <c r="O2021" s="59">
        <f>IF(Input!$D$19=2,J2021*Input!$C$19,0)+IF(Input!$D$20=2,K2021*Input!$C$20,0)+IF(Input!$D$21=2,L2021*Input!$C$21,0)+IF(Input!$D$22=2,M2021*Input!$C$22,0)</f>
        <v>0.33814414747502214</v>
      </c>
      <c r="P2021" s="59">
        <f>IF(Input!$D$19=3,J2021*Input!$C$19,0)+IF(Input!$D$20=3,K2021*Input!$C$20,0)+IF(Input!$D$21=3,L2021*Input!$C$21,0)+IF(Input!$D$22=3,M2021*Input!$C$22,0)</f>
        <v>0</v>
      </c>
      <c r="Q2021" s="75">
        <f>IF(Input!$D$19=4,J2021*Input!$C$19,0)+IF(Input!$D$20=4,K2021*Input!$C$20,0)+IF(Input!$D$21=4,L2021*Input!$C$21,0)+IF(Input!$D$22=4,M2021*Input!$C$22,0)</f>
        <v>0</v>
      </c>
      <c r="R2021" s="58">
        <v>41.519248790177372</v>
      </c>
      <c r="S2021" s="124">
        <f t="shared" si="31"/>
        <v>0.58611652229003841</v>
      </c>
    </row>
    <row r="2022" spans="8:19" x14ac:dyDescent="0.3">
      <c r="H2022" s="44">
        <v>2015</v>
      </c>
      <c r="I2022" s="56">
        <f>Bühler!I2048</f>
        <v>0.13525765899000886</v>
      </c>
      <c r="J2022" s="59">
        <f>Bühler!J2048</f>
        <v>0.45085886330002956</v>
      </c>
      <c r="K2022" s="59">
        <f>Bühler!K2048</f>
        <v>0.67628829495004428</v>
      </c>
      <c r="L2022" s="59">
        <f>Bühler!L2048</f>
        <v>6.626917817940952</v>
      </c>
      <c r="M2022" s="58">
        <f>Bühler!M2048</f>
        <v>0</v>
      </c>
      <c r="N2022" s="56">
        <f>IF(Input!$D$19=1,J2022*Input!$C$19,0)+IF(Input!$D$20=1,K2022*Input!$C$20,0)+IF(Input!$D$21=1,L2022*Input!$C$21,0)+IF(Input!$D$22=1,M2022*Input!$C$22,0)</f>
        <v>0.13525765899000886</v>
      </c>
      <c r="O2022" s="59">
        <f>IF(Input!$D$19=2,J2022*Input!$C$19,0)+IF(Input!$D$20=2,K2022*Input!$C$20,0)+IF(Input!$D$21=2,L2022*Input!$C$21,0)+IF(Input!$D$22=2,M2022*Input!$C$22,0)</f>
        <v>0.33814414747502214</v>
      </c>
      <c r="P2022" s="59">
        <f>IF(Input!$D$19=3,J2022*Input!$C$19,0)+IF(Input!$D$20=3,K2022*Input!$C$20,0)+IF(Input!$D$21=3,L2022*Input!$C$21,0)+IF(Input!$D$22=3,M2022*Input!$C$22,0)</f>
        <v>0</v>
      </c>
      <c r="Q2022" s="75">
        <f>IF(Input!$D$19=4,J2022*Input!$C$19,0)+IF(Input!$D$20=4,K2022*Input!$C$20,0)+IF(Input!$D$21=4,L2022*Input!$C$21,0)+IF(Input!$D$22=4,M2022*Input!$C$22,0)</f>
        <v>0</v>
      </c>
      <c r="R2022" s="58">
        <v>41.993782039537216</v>
      </c>
      <c r="S2022" s="124">
        <f t="shared" si="31"/>
        <v>0.58611652229003841</v>
      </c>
    </row>
    <row r="2023" spans="8:19" x14ac:dyDescent="0.3">
      <c r="H2023" s="44">
        <v>2016</v>
      </c>
      <c r="I2023" s="56">
        <f>Bühler!I2049</f>
        <v>0.13525765899000886</v>
      </c>
      <c r="J2023" s="59">
        <f>Bühler!J2049</f>
        <v>0.45085886330002956</v>
      </c>
      <c r="K2023" s="59">
        <f>Bühler!K2049</f>
        <v>0.67628829495004428</v>
      </c>
      <c r="L2023" s="59">
        <f>Bühler!L2049</f>
        <v>6.626917817940952</v>
      </c>
      <c r="M2023" s="58">
        <f>Bühler!M2049</f>
        <v>0</v>
      </c>
      <c r="N2023" s="56">
        <f>IF(Input!$D$19=1,J2023*Input!$C$19,0)+IF(Input!$D$20=1,K2023*Input!$C$20,0)+IF(Input!$D$21=1,L2023*Input!$C$21,0)+IF(Input!$D$22=1,M2023*Input!$C$22,0)</f>
        <v>0.13525765899000886</v>
      </c>
      <c r="O2023" s="59">
        <f>IF(Input!$D$19=2,J2023*Input!$C$19,0)+IF(Input!$D$20=2,K2023*Input!$C$20,0)+IF(Input!$D$21=2,L2023*Input!$C$21,0)+IF(Input!$D$22=2,M2023*Input!$C$22,0)</f>
        <v>0.33814414747502214</v>
      </c>
      <c r="P2023" s="59">
        <f>IF(Input!$D$19=3,J2023*Input!$C$19,0)+IF(Input!$D$20=3,K2023*Input!$C$20,0)+IF(Input!$D$21=3,L2023*Input!$C$21,0)+IF(Input!$D$22=3,M2023*Input!$C$22,0)</f>
        <v>0</v>
      </c>
      <c r="Q2023" s="75">
        <f>IF(Input!$D$19=4,J2023*Input!$C$19,0)+IF(Input!$D$20=4,K2023*Input!$C$20,0)+IF(Input!$D$21=4,L2023*Input!$C$21,0)+IF(Input!$D$22=4,M2023*Input!$C$22,0)</f>
        <v>0</v>
      </c>
      <c r="R2023" s="58">
        <v>41.991421349244732</v>
      </c>
      <c r="S2023" s="124">
        <f t="shared" si="31"/>
        <v>0.58611652229003841</v>
      </c>
    </row>
    <row r="2024" spans="8:19" x14ac:dyDescent="0.3">
      <c r="H2024" s="44">
        <v>2017</v>
      </c>
      <c r="I2024" s="56">
        <f>Bühler!I2050</f>
        <v>8.2770935201339393E-2</v>
      </c>
      <c r="J2024" s="59">
        <f>Bühler!J2050</f>
        <v>0.27590311733779799</v>
      </c>
      <c r="K2024" s="59">
        <f>Bühler!K2050</f>
        <v>0.41385467600669695</v>
      </c>
      <c r="L2024" s="59">
        <f>Bühler!L2050</f>
        <v>1.9865024448321453</v>
      </c>
      <c r="M2024" s="58">
        <f>Bühler!M2050</f>
        <v>0</v>
      </c>
      <c r="N2024" s="56">
        <f>IF(Input!$D$19=1,J2024*Input!$C$19,0)+IF(Input!$D$20=1,K2024*Input!$C$20,0)+IF(Input!$D$21=1,L2024*Input!$C$21,0)+IF(Input!$D$22=1,M2024*Input!$C$22,0)</f>
        <v>8.2770935201339393E-2</v>
      </c>
      <c r="O2024" s="59">
        <f>IF(Input!$D$19=2,J2024*Input!$C$19,0)+IF(Input!$D$20=2,K2024*Input!$C$20,0)+IF(Input!$D$21=2,L2024*Input!$C$21,0)+IF(Input!$D$22=2,M2024*Input!$C$22,0)</f>
        <v>0.20692733800334848</v>
      </c>
      <c r="P2024" s="59">
        <f>IF(Input!$D$19=3,J2024*Input!$C$19,0)+IF(Input!$D$20=3,K2024*Input!$C$20,0)+IF(Input!$D$21=3,L2024*Input!$C$21,0)+IF(Input!$D$22=3,M2024*Input!$C$22,0)</f>
        <v>0</v>
      </c>
      <c r="Q2024" s="75">
        <f>IF(Input!$D$19=4,J2024*Input!$C$19,0)+IF(Input!$D$20=4,K2024*Input!$C$20,0)+IF(Input!$D$21=4,L2024*Input!$C$21,0)+IF(Input!$D$22=4,M2024*Input!$C$22,0)</f>
        <v>0</v>
      </c>
      <c r="R2024" s="58">
        <v>42.014710882221131</v>
      </c>
      <c r="S2024" s="124">
        <f t="shared" si="31"/>
        <v>0.35867405253913737</v>
      </c>
    </row>
    <row r="2025" spans="8:19" x14ac:dyDescent="0.3">
      <c r="H2025" s="44">
        <v>2018</v>
      </c>
      <c r="I2025" s="56">
        <f>Bühler!I2051</f>
        <v>8.2770935201339393E-2</v>
      </c>
      <c r="J2025" s="59">
        <f>Bühler!J2051</f>
        <v>0.27590311733779799</v>
      </c>
      <c r="K2025" s="59">
        <f>Bühler!K2051</f>
        <v>0.41385467600669695</v>
      </c>
      <c r="L2025" s="59">
        <f>Bühler!L2051</f>
        <v>1.9865024448321453</v>
      </c>
      <c r="M2025" s="58">
        <f>Bühler!M2051</f>
        <v>0</v>
      </c>
      <c r="N2025" s="56">
        <f>IF(Input!$D$19=1,J2025*Input!$C$19,0)+IF(Input!$D$20=1,K2025*Input!$C$20,0)+IF(Input!$D$21=1,L2025*Input!$C$21,0)+IF(Input!$D$22=1,M2025*Input!$C$22,0)</f>
        <v>8.2770935201339393E-2</v>
      </c>
      <c r="O2025" s="59">
        <f>IF(Input!$D$19=2,J2025*Input!$C$19,0)+IF(Input!$D$20=2,K2025*Input!$C$20,0)+IF(Input!$D$21=2,L2025*Input!$C$21,0)+IF(Input!$D$22=2,M2025*Input!$C$22,0)</f>
        <v>0.20692733800334848</v>
      </c>
      <c r="P2025" s="59">
        <f>IF(Input!$D$19=3,J2025*Input!$C$19,0)+IF(Input!$D$20=3,K2025*Input!$C$20,0)+IF(Input!$D$21=3,L2025*Input!$C$21,0)+IF(Input!$D$22=3,M2025*Input!$C$22,0)</f>
        <v>0</v>
      </c>
      <c r="Q2025" s="75">
        <f>IF(Input!$D$19=4,J2025*Input!$C$19,0)+IF(Input!$D$20=4,K2025*Input!$C$20,0)+IF(Input!$D$21=4,L2025*Input!$C$21,0)+IF(Input!$D$22=4,M2025*Input!$C$22,0)</f>
        <v>0</v>
      </c>
      <c r="R2025" s="58">
        <v>42.520906417682902</v>
      </c>
      <c r="S2025" s="124">
        <f t="shared" si="31"/>
        <v>0.35867405253913737</v>
      </c>
    </row>
    <row r="2026" spans="8:19" x14ac:dyDescent="0.3">
      <c r="H2026" s="44">
        <v>2019</v>
      </c>
      <c r="I2026" s="56">
        <f>Bühler!I2052</f>
        <v>8.2770935201339393E-2</v>
      </c>
      <c r="J2026" s="59">
        <f>Bühler!J2052</f>
        <v>0.27590311733779799</v>
      </c>
      <c r="K2026" s="59">
        <f>Bühler!K2052</f>
        <v>0.41385467600669695</v>
      </c>
      <c r="L2026" s="59">
        <f>Bühler!L2052</f>
        <v>1.9865024448321453</v>
      </c>
      <c r="M2026" s="58">
        <f>Bühler!M2052</f>
        <v>0</v>
      </c>
      <c r="N2026" s="56">
        <f>IF(Input!$D$19=1,J2026*Input!$C$19,0)+IF(Input!$D$20=1,K2026*Input!$C$20,0)+IF(Input!$D$21=1,L2026*Input!$C$21,0)+IF(Input!$D$22=1,M2026*Input!$C$22,0)</f>
        <v>8.2770935201339393E-2</v>
      </c>
      <c r="O2026" s="59">
        <f>IF(Input!$D$19=2,J2026*Input!$C$19,0)+IF(Input!$D$20=2,K2026*Input!$C$20,0)+IF(Input!$D$21=2,L2026*Input!$C$21,0)+IF(Input!$D$22=2,M2026*Input!$C$22,0)</f>
        <v>0.20692733800334848</v>
      </c>
      <c r="P2026" s="59">
        <f>IF(Input!$D$19=3,J2026*Input!$C$19,0)+IF(Input!$D$20=3,K2026*Input!$C$20,0)+IF(Input!$D$21=3,L2026*Input!$C$21,0)+IF(Input!$D$22=3,M2026*Input!$C$22,0)</f>
        <v>0</v>
      </c>
      <c r="Q2026" s="75">
        <f>IF(Input!$D$19=4,J2026*Input!$C$19,0)+IF(Input!$D$20=4,K2026*Input!$C$20,0)+IF(Input!$D$21=4,L2026*Input!$C$21,0)+IF(Input!$D$22=4,M2026*Input!$C$22,0)</f>
        <v>0</v>
      </c>
      <c r="R2026" s="58">
        <v>43.525530486268067</v>
      </c>
      <c r="S2026" s="124">
        <f t="shared" si="31"/>
        <v>0.35867405253913737</v>
      </c>
    </row>
    <row r="2027" spans="8:19" x14ac:dyDescent="0.3">
      <c r="H2027" s="44">
        <v>2020</v>
      </c>
      <c r="I2027" s="56">
        <f>Bühler!I2053</f>
        <v>8.2770935201339393E-2</v>
      </c>
      <c r="J2027" s="59">
        <f>Bühler!J2053</f>
        <v>0.27590311733779799</v>
      </c>
      <c r="K2027" s="59">
        <f>Bühler!K2053</f>
        <v>0.41385467600669695</v>
      </c>
      <c r="L2027" s="59">
        <f>Bühler!L2053</f>
        <v>1.9865024448321453</v>
      </c>
      <c r="M2027" s="58">
        <f>Bühler!M2053</f>
        <v>0</v>
      </c>
      <c r="N2027" s="56">
        <f>IF(Input!$D$19=1,J2027*Input!$C$19,0)+IF(Input!$D$20=1,K2027*Input!$C$20,0)+IF(Input!$D$21=1,L2027*Input!$C$21,0)+IF(Input!$D$22=1,M2027*Input!$C$22,0)</f>
        <v>8.2770935201339393E-2</v>
      </c>
      <c r="O2027" s="59">
        <f>IF(Input!$D$19=2,J2027*Input!$C$19,0)+IF(Input!$D$20=2,K2027*Input!$C$20,0)+IF(Input!$D$21=2,L2027*Input!$C$21,0)+IF(Input!$D$22=2,M2027*Input!$C$22,0)</f>
        <v>0.20692733800334848</v>
      </c>
      <c r="P2027" s="59">
        <f>IF(Input!$D$19=3,J2027*Input!$C$19,0)+IF(Input!$D$20=3,K2027*Input!$C$20,0)+IF(Input!$D$21=3,L2027*Input!$C$21,0)+IF(Input!$D$22=3,M2027*Input!$C$22,0)</f>
        <v>0</v>
      </c>
      <c r="Q2027" s="75">
        <f>IF(Input!$D$19=4,J2027*Input!$C$19,0)+IF(Input!$D$20=4,K2027*Input!$C$20,0)+IF(Input!$D$21=4,L2027*Input!$C$21,0)+IF(Input!$D$22=4,M2027*Input!$C$22,0)</f>
        <v>0</v>
      </c>
      <c r="R2027" s="58">
        <v>44.601016589780677</v>
      </c>
      <c r="S2027" s="124">
        <f t="shared" si="31"/>
        <v>0.35867405253913737</v>
      </c>
    </row>
    <row r="2028" spans="8:19" x14ac:dyDescent="0.3">
      <c r="H2028" s="44">
        <v>2021</v>
      </c>
      <c r="I2028" s="56">
        <f>Bühler!I2054</f>
        <v>8.2770935201339393E-2</v>
      </c>
      <c r="J2028" s="59">
        <f>Bühler!J2054</f>
        <v>0.27590311733779799</v>
      </c>
      <c r="K2028" s="59">
        <f>Bühler!K2054</f>
        <v>0.41385467600669695</v>
      </c>
      <c r="L2028" s="59">
        <f>Bühler!L2054</f>
        <v>1.9865024448321453</v>
      </c>
      <c r="M2028" s="58">
        <f>Bühler!M2054</f>
        <v>0</v>
      </c>
      <c r="N2028" s="56">
        <f>IF(Input!$D$19=1,J2028*Input!$C$19,0)+IF(Input!$D$20=1,K2028*Input!$C$20,0)+IF(Input!$D$21=1,L2028*Input!$C$21,0)+IF(Input!$D$22=1,M2028*Input!$C$22,0)</f>
        <v>8.2770935201339393E-2</v>
      </c>
      <c r="O2028" s="59">
        <f>IF(Input!$D$19=2,J2028*Input!$C$19,0)+IF(Input!$D$20=2,K2028*Input!$C$20,0)+IF(Input!$D$21=2,L2028*Input!$C$21,0)+IF(Input!$D$22=2,M2028*Input!$C$22,0)</f>
        <v>0.20692733800334848</v>
      </c>
      <c r="P2028" s="59">
        <f>IF(Input!$D$19=3,J2028*Input!$C$19,0)+IF(Input!$D$20=3,K2028*Input!$C$20,0)+IF(Input!$D$21=3,L2028*Input!$C$21,0)+IF(Input!$D$22=3,M2028*Input!$C$22,0)</f>
        <v>0</v>
      </c>
      <c r="Q2028" s="75">
        <f>IF(Input!$D$19=4,J2028*Input!$C$19,0)+IF(Input!$D$20=4,K2028*Input!$C$20,0)+IF(Input!$D$21=4,L2028*Input!$C$21,0)+IF(Input!$D$22=4,M2028*Input!$C$22,0)</f>
        <v>0</v>
      </c>
      <c r="R2028" s="58">
        <v>47.826808464615659</v>
      </c>
      <c r="S2028" s="124">
        <f t="shared" si="31"/>
        <v>0.35867405253913737</v>
      </c>
    </row>
    <row r="2029" spans="8:19" x14ac:dyDescent="0.3">
      <c r="H2029" s="44">
        <v>2022</v>
      </c>
      <c r="I2029" s="56">
        <f>Bühler!I2055</f>
        <v>0.35867405253913742</v>
      </c>
      <c r="J2029" s="59">
        <f>Bühler!J2055</f>
        <v>1.195580175130458</v>
      </c>
      <c r="K2029" s="59">
        <f>Bühler!K2055</f>
        <v>1.7933702626956871</v>
      </c>
      <c r="L2029" s="59">
        <f>Bühler!L2055</f>
        <v>8.6081772609392981</v>
      </c>
      <c r="M2029" s="58">
        <f>Bühler!M2055</f>
        <v>0</v>
      </c>
      <c r="N2029" s="56">
        <f>IF(Input!$D$19=1,J2029*Input!$C$19,0)+IF(Input!$D$20=1,K2029*Input!$C$20,0)+IF(Input!$D$21=1,L2029*Input!$C$21,0)+IF(Input!$D$22=1,M2029*Input!$C$22,0)</f>
        <v>0.35867405253913737</v>
      </c>
      <c r="O2029" s="59">
        <f>IF(Input!$D$19=2,J2029*Input!$C$19,0)+IF(Input!$D$20=2,K2029*Input!$C$20,0)+IF(Input!$D$21=2,L2029*Input!$C$21,0)+IF(Input!$D$22=2,M2029*Input!$C$22,0)</f>
        <v>0.89668513134784356</v>
      </c>
      <c r="P2029" s="59">
        <f>IF(Input!$D$19=3,J2029*Input!$C$19,0)+IF(Input!$D$20=3,K2029*Input!$C$20,0)+IF(Input!$D$21=3,L2029*Input!$C$21,0)+IF(Input!$D$22=3,M2029*Input!$C$22,0)</f>
        <v>0</v>
      </c>
      <c r="Q2029" s="75">
        <f>IF(Input!$D$19=4,J2029*Input!$C$19,0)+IF(Input!$D$20=4,K2029*Input!$C$20,0)+IF(Input!$D$21=4,L2029*Input!$C$21,0)+IF(Input!$D$22=4,M2029*Input!$C$22,0)</f>
        <v>0</v>
      </c>
      <c r="R2029" s="58">
        <v>53.366632875649493</v>
      </c>
      <c r="S2029" s="124">
        <f t="shared" si="31"/>
        <v>1.5542542276695954</v>
      </c>
    </row>
    <row r="2030" spans="8:19" x14ac:dyDescent="0.3">
      <c r="H2030" s="44">
        <v>2023</v>
      </c>
      <c r="I2030" s="56">
        <f>Bühler!I2056</f>
        <v>0.40695709807325209</v>
      </c>
      <c r="J2030" s="59">
        <f>Bühler!J2056</f>
        <v>1.3565236602441737</v>
      </c>
      <c r="K2030" s="59">
        <f>Bühler!K2056</f>
        <v>2.0347854903662603</v>
      </c>
      <c r="L2030" s="59">
        <f>Bühler!L2056</f>
        <v>9.7669703537580492</v>
      </c>
      <c r="M2030" s="58">
        <f>Bühler!M2056</f>
        <v>0</v>
      </c>
      <c r="N2030" s="56">
        <f>IF(Input!$D$19=1,J2030*Input!$C$19,0)+IF(Input!$D$20=1,K2030*Input!$C$20,0)+IF(Input!$D$21=1,L2030*Input!$C$21,0)+IF(Input!$D$22=1,M2030*Input!$C$22,0)</f>
        <v>0.40695709807325209</v>
      </c>
      <c r="O2030" s="59">
        <f>IF(Input!$D$19=2,J2030*Input!$C$19,0)+IF(Input!$D$20=2,K2030*Input!$C$20,0)+IF(Input!$D$21=2,L2030*Input!$C$21,0)+IF(Input!$D$22=2,M2030*Input!$C$22,0)</f>
        <v>1.0173927451831302</v>
      </c>
      <c r="P2030" s="59">
        <f>IF(Input!$D$19=3,J2030*Input!$C$19,0)+IF(Input!$D$20=3,K2030*Input!$C$20,0)+IF(Input!$D$21=3,L2030*Input!$C$21,0)+IF(Input!$D$22=3,M2030*Input!$C$22,0)</f>
        <v>0</v>
      </c>
      <c r="Q2030" s="75">
        <f>IF(Input!$D$19=4,J2030*Input!$C$19,0)+IF(Input!$D$20=4,K2030*Input!$C$20,0)+IF(Input!$D$21=4,L2030*Input!$C$21,0)+IF(Input!$D$22=4,M2030*Input!$C$22,0)</f>
        <v>0</v>
      </c>
      <c r="R2030" s="58">
        <v>58.776682359161462</v>
      </c>
      <c r="S2030" s="124">
        <f t="shared" si="31"/>
        <v>1.7634807583174257</v>
      </c>
    </row>
    <row r="2031" spans="8:19" x14ac:dyDescent="0.3">
      <c r="H2031" s="44">
        <v>2024</v>
      </c>
      <c r="I2031" s="56">
        <f>Bühler!I2057</f>
        <v>0.40695709807325209</v>
      </c>
      <c r="J2031" s="59">
        <f>Bühler!J2057</f>
        <v>1.3565236602441737</v>
      </c>
      <c r="K2031" s="59">
        <f>Bühler!K2057</f>
        <v>2.0347854903662603</v>
      </c>
      <c r="L2031" s="59">
        <f>Bühler!L2057</f>
        <v>9.7669703537580492</v>
      </c>
      <c r="M2031" s="58">
        <f>Bühler!M2057</f>
        <v>0</v>
      </c>
      <c r="N2031" s="56">
        <f>IF(Input!$D$19=1,J2031*Input!$C$19,0)+IF(Input!$D$20=1,K2031*Input!$C$20,0)+IF(Input!$D$21=1,L2031*Input!$C$21,0)+IF(Input!$D$22=1,M2031*Input!$C$22,0)</f>
        <v>0.40695709807325209</v>
      </c>
      <c r="O2031" s="59">
        <f>IF(Input!$D$19=2,J2031*Input!$C$19,0)+IF(Input!$D$20=2,K2031*Input!$C$20,0)+IF(Input!$D$21=2,L2031*Input!$C$21,0)+IF(Input!$D$22=2,M2031*Input!$C$22,0)</f>
        <v>1.0173927451831302</v>
      </c>
      <c r="P2031" s="59">
        <f>IF(Input!$D$19=3,J2031*Input!$C$19,0)+IF(Input!$D$20=3,K2031*Input!$C$20,0)+IF(Input!$D$21=3,L2031*Input!$C$21,0)+IF(Input!$D$22=3,M2031*Input!$C$22,0)</f>
        <v>0</v>
      </c>
      <c r="Q2031" s="75">
        <f>IF(Input!$D$19=4,J2031*Input!$C$19,0)+IF(Input!$D$20=4,K2031*Input!$C$20,0)+IF(Input!$D$21=4,L2031*Input!$C$21,0)+IF(Input!$D$22=4,M2031*Input!$C$22,0)</f>
        <v>0</v>
      </c>
      <c r="R2031" s="58">
        <v>61.960061009019249</v>
      </c>
      <c r="S2031" s="124">
        <f t="shared" si="31"/>
        <v>1.7634807583174257</v>
      </c>
    </row>
    <row r="2032" spans="8:19" x14ac:dyDescent="0.3">
      <c r="H2032" s="44">
        <v>2025</v>
      </c>
      <c r="I2032" s="56">
        <f>Bühler!I2058</f>
        <v>0.40695709807325209</v>
      </c>
      <c r="J2032" s="59">
        <f>Bühler!J2058</f>
        <v>1.3565236602441737</v>
      </c>
      <c r="K2032" s="59">
        <f>Bühler!K2058</f>
        <v>2.0347854903662603</v>
      </c>
      <c r="L2032" s="59">
        <f>Bühler!L2058</f>
        <v>9.7669703537580492</v>
      </c>
      <c r="M2032" s="58">
        <f>Bühler!M2058</f>
        <v>0</v>
      </c>
      <c r="N2032" s="56">
        <f>IF(Input!$D$19=1,J2032*Input!$C$19,0)+IF(Input!$D$20=1,K2032*Input!$C$20,0)+IF(Input!$D$21=1,L2032*Input!$C$21,0)+IF(Input!$D$22=1,M2032*Input!$C$22,0)</f>
        <v>0.40695709807325209</v>
      </c>
      <c r="O2032" s="59">
        <f>IF(Input!$D$19=2,J2032*Input!$C$19,0)+IF(Input!$D$20=2,K2032*Input!$C$20,0)+IF(Input!$D$21=2,L2032*Input!$C$21,0)+IF(Input!$D$22=2,M2032*Input!$C$22,0)</f>
        <v>1.0173927451831302</v>
      </c>
      <c r="P2032" s="59">
        <f>IF(Input!$D$19=3,J2032*Input!$C$19,0)+IF(Input!$D$20=3,K2032*Input!$C$20,0)+IF(Input!$D$21=3,L2032*Input!$C$21,0)+IF(Input!$D$22=3,M2032*Input!$C$22,0)</f>
        <v>0</v>
      </c>
      <c r="Q2032" s="75">
        <f>IF(Input!$D$19=4,J2032*Input!$C$19,0)+IF(Input!$D$20=4,K2032*Input!$C$20,0)+IF(Input!$D$21=4,L2032*Input!$C$21,0)+IF(Input!$D$22=4,M2032*Input!$C$22,0)</f>
        <v>0</v>
      </c>
      <c r="R2032" s="58">
        <v>63.597806213157881</v>
      </c>
      <c r="S2032" s="124">
        <f t="shared" si="31"/>
        <v>1.7634807583174257</v>
      </c>
    </row>
    <row r="2033" spans="8:19" x14ac:dyDescent="0.3">
      <c r="H2033" s="44">
        <v>2026</v>
      </c>
      <c r="I2033" s="56">
        <f>Bühler!I2059</f>
        <v>0.43454740980703188</v>
      </c>
      <c r="J2033" s="59">
        <f>Bühler!J2059</f>
        <v>1.4484913660234398</v>
      </c>
      <c r="K2033" s="59">
        <f>Bühler!K2059</f>
        <v>2.1727370490351592</v>
      </c>
      <c r="L2033" s="59">
        <f>Bühler!L2059</f>
        <v>10.429137835368765</v>
      </c>
      <c r="M2033" s="58">
        <f>Bühler!M2059</f>
        <v>0</v>
      </c>
      <c r="N2033" s="56">
        <f>IF(Input!$D$19=1,J2033*Input!$C$19,0)+IF(Input!$D$20=1,K2033*Input!$C$20,0)+IF(Input!$D$21=1,L2033*Input!$C$21,0)+IF(Input!$D$22=1,M2033*Input!$C$22,0)</f>
        <v>0.43454740980703194</v>
      </c>
      <c r="O2033" s="59">
        <f>IF(Input!$D$19=2,J2033*Input!$C$19,0)+IF(Input!$D$20=2,K2033*Input!$C$20,0)+IF(Input!$D$21=2,L2033*Input!$C$21,0)+IF(Input!$D$22=2,M2033*Input!$C$22,0)</f>
        <v>1.0863685245175796</v>
      </c>
      <c r="P2033" s="59">
        <f>IF(Input!$D$19=3,J2033*Input!$C$19,0)+IF(Input!$D$20=3,K2033*Input!$C$20,0)+IF(Input!$D$21=3,L2033*Input!$C$21,0)+IF(Input!$D$22=3,M2033*Input!$C$22,0)</f>
        <v>0</v>
      </c>
      <c r="Q2033" s="75">
        <f>IF(Input!$D$19=4,J2033*Input!$C$19,0)+IF(Input!$D$20=4,K2033*Input!$C$20,0)+IF(Input!$D$21=4,L2033*Input!$C$21,0)+IF(Input!$D$22=4,M2033*Input!$C$22,0)</f>
        <v>0</v>
      </c>
      <c r="R2033" s="58">
        <v>64.141265836927261</v>
      </c>
      <c r="S2033" s="124">
        <f t="shared" si="31"/>
        <v>1.8830387758304716</v>
      </c>
    </row>
    <row r="2034" spans="8:19" x14ac:dyDescent="0.3">
      <c r="H2034" s="44">
        <v>2027</v>
      </c>
      <c r="I2034" s="56">
        <f>Bühler!I2060</f>
        <v>0.43454740980703188</v>
      </c>
      <c r="J2034" s="59">
        <f>Bühler!J2060</f>
        <v>1.4484913660234398</v>
      </c>
      <c r="K2034" s="59">
        <f>Bühler!K2060</f>
        <v>2.1727370490351592</v>
      </c>
      <c r="L2034" s="59">
        <f>Bühler!L2060</f>
        <v>10.429137835368765</v>
      </c>
      <c r="M2034" s="58">
        <f>Bühler!M2060</f>
        <v>0</v>
      </c>
      <c r="N2034" s="56">
        <f>IF(Input!$D$19=1,J2034*Input!$C$19,0)+IF(Input!$D$20=1,K2034*Input!$C$20,0)+IF(Input!$D$21=1,L2034*Input!$C$21,0)+IF(Input!$D$22=1,M2034*Input!$C$22,0)</f>
        <v>0.43454740980703194</v>
      </c>
      <c r="O2034" s="59">
        <f>IF(Input!$D$19=2,J2034*Input!$C$19,0)+IF(Input!$D$20=2,K2034*Input!$C$20,0)+IF(Input!$D$21=2,L2034*Input!$C$21,0)+IF(Input!$D$22=2,M2034*Input!$C$22,0)</f>
        <v>1.0863685245175796</v>
      </c>
      <c r="P2034" s="59">
        <f>IF(Input!$D$19=3,J2034*Input!$C$19,0)+IF(Input!$D$20=3,K2034*Input!$C$20,0)+IF(Input!$D$21=3,L2034*Input!$C$21,0)+IF(Input!$D$22=3,M2034*Input!$C$22,0)</f>
        <v>0</v>
      </c>
      <c r="Q2034" s="75">
        <f>IF(Input!$D$19=4,J2034*Input!$C$19,0)+IF(Input!$D$20=4,K2034*Input!$C$20,0)+IF(Input!$D$21=4,L2034*Input!$C$21,0)+IF(Input!$D$22=4,M2034*Input!$C$22,0)</f>
        <v>0</v>
      </c>
      <c r="R2034" s="58">
        <v>65.547989627762163</v>
      </c>
      <c r="S2034" s="124">
        <f t="shared" si="31"/>
        <v>1.8830387758304716</v>
      </c>
    </row>
    <row r="2035" spans="8:19" x14ac:dyDescent="0.3">
      <c r="H2035" s="44">
        <v>2028</v>
      </c>
      <c r="I2035" s="56">
        <f>Bühler!I2061</f>
        <v>0.55180623467559609</v>
      </c>
      <c r="J2035" s="59">
        <f>Bühler!J2061</f>
        <v>1.8393541155853204</v>
      </c>
      <c r="K2035" s="59">
        <f>Bühler!K2061</f>
        <v>2.7590311733779802</v>
      </c>
      <c r="L2035" s="59">
        <f>Bühler!L2061</f>
        <v>13.243349632214306</v>
      </c>
      <c r="M2035" s="58">
        <f>Bühler!M2061</f>
        <v>0</v>
      </c>
      <c r="N2035" s="56">
        <f>IF(Input!$D$19=1,J2035*Input!$C$19,0)+IF(Input!$D$20=1,K2035*Input!$C$20,0)+IF(Input!$D$21=1,L2035*Input!$C$21,0)+IF(Input!$D$22=1,M2035*Input!$C$22,0)</f>
        <v>0.55180623467559609</v>
      </c>
      <c r="O2035" s="59">
        <f>IF(Input!$D$19=2,J2035*Input!$C$19,0)+IF(Input!$D$20=2,K2035*Input!$C$20,0)+IF(Input!$D$21=2,L2035*Input!$C$21,0)+IF(Input!$D$22=2,M2035*Input!$C$22,0)</f>
        <v>1.3795155866889901</v>
      </c>
      <c r="P2035" s="59">
        <f>IF(Input!$D$19=3,J2035*Input!$C$19,0)+IF(Input!$D$20=3,K2035*Input!$C$20,0)+IF(Input!$D$21=3,L2035*Input!$C$21,0)+IF(Input!$D$22=3,M2035*Input!$C$22,0)</f>
        <v>0</v>
      </c>
      <c r="Q2035" s="75">
        <f>IF(Input!$D$19=4,J2035*Input!$C$19,0)+IF(Input!$D$20=4,K2035*Input!$C$20,0)+IF(Input!$D$21=4,L2035*Input!$C$21,0)+IF(Input!$D$22=4,M2035*Input!$C$22,0)</f>
        <v>0</v>
      </c>
      <c r="R2035" s="58">
        <v>66.486305422971483</v>
      </c>
      <c r="S2035" s="124">
        <f t="shared" si="31"/>
        <v>2.3911603502609164</v>
      </c>
    </row>
    <row r="2036" spans="8:19" x14ac:dyDescent="0.3">
      <c r="H2036" s="44">
        <v>2029</v>
      </c>
      <c r="I2036" s="56">
        <f>Bühler!I2062</f>
        <v>0.55180623467559609</v>
      </c>
      <c r="J2036" s="59">
        <f>Bühler!J2062</f>
        <v>1.8393541155853204</v>
      </c>
      <c r="K2036" s="59">
        <f>Bühler!K2062</f>
        <v>2.7590311733779802</v>
      </c>
      <c r="L2036" s="59">
        <f>Bühler!L2062</f>
        <v>13.243349632214306</v>
      </c>
      <c r="M2036" s="58">
        <f>Bühler!M2062</f>
        <v>0</v>
      </c>
      <c r="N2036" s="56">
        <f>IF(Input!$D$19=1,J2036*Input!$C$19,0)+IF(Input!$D$20=1,K2036*Input!$C$20,0)+IF(Input!$D$21=1,L2036*Input!$C$21,0)+IF(Input!$D$22=1,M2036*Input!$C$22,0)</f>
        <v>0.55180623467559609</v>
      </c>
      <c r="O2036" s="59">
        <f>IF(Input!$D$19=2,J2036*Input!$C$19,0)+IF(Input!$D$20=2,K2036*Input!$C$20,0)+IF(Input!$D$21=2,L2036*Input!$C$21,0)+IF(Input!$D$22=2,M2036*Input!$C$22,0)</f>
        <v>1.3795155866889901</v>
      </c>
      <c r="P2036" s="59">
        <f>IF(Input!$D$19=3,J2036*Input!$C$19,0)+IF(Input!$D$20=3,K2036*Input!$C$20,0)+IF(Input!$D$21=3,L2036*Input!$C$21,0)+IF(Input!$D$22=3,M2036*Input!$C$22,0)</f>
        <v>0</v>
      </c>
      <c r="Q2036" s="75">
        <f>IF(Input!$D$19=4,J2036*Input!$C$19,0)+IF(Input!$D$20=4,K2036*Input!$C$20,0)+IF(Input!$D$21=4,L2036*Input!$C$21,0)+IF(Input!$D$22=4,M2036*Input!$C$22,0)</f>
        <v>0</v>
      </c>
      <c r="R2036" s="58">
        <v>65.343572724697893</v>
      </c>
      <c r="S2036" s="124">
        <f t="shared" si="31"/>
        <v>2.3911603502609164</v>
      </c>
    </row>
    <row r="2037" spans="8:19" x14ac:dyDescent="0.3">
      <c r="H2037" s="44">
        <v>2030</v>
      </c>
      <c r="I2037" s="56">
        <f>Bühler!I2063</f>
        <v>0.3655716304725824</v>
      </c>
      <c r="J2037" s="59">
        <f>Bühler!J2063</f>
        <v>1.2185721015752748</v>
      </c>
      <c r="K2037" s="59">
        <f>Bühler!K2063</f>
        <v>1.827858152362912</v>
      </c>
      <c r="L2037" s="59">
        <f>Bühler!L2063</f>
        <v>8.7737191313419771</v>
      </c>
      <c r="M2037" s="58">
        <f>Bühler!M2063</f>
        <v>0</v>
      </c>
      <c r="N2037" s="56">
        <f>IF(Input!$D$19=1,J2037*Input!$C$19,0)+IF(Input!$D$20=1,K2037*Input!$C$20,0)+IF(Input!$D$21=1,L2037*Input!$C$21,0)+IF(Input!$D$22=1,M2037*Input!$C$22,0)</f>
        <v>0.36557163047258245</v>
      </c>
      <c r="O2037" s="59">
        <f>IF(Input!$D$19=2,J2037*Input!$C$19,0)+IF(Input!$D$20=2,K2037*Input!$C$20,0)+IF(Input!$D$21=2,L2037*Input!$C$21,0)+IF(Input!$D$22=2,M2037*Input!$C$22,0)</f>
        <v>0.91392907618145602</v>
      </c>
      <c r="P2037" s="59">
        <f>IF(Input!$D$19=3,J2037*Input!$C$19,0)+IF(Input!$D$20=3,K2037*Input!$C$20,0)+IF(Input!$D$21=3,L2037*Input!$C$21,0)+IF(Input!$D$22=3,M2037*Input!$C$22,0)</f>
        <v>0</v>
      </c>
      <c r="Q2037" s="75">
        <f>IF(Input!$D$19=4,J2037*Input!$C$19,0)+IF(Input!$D$20=4,K2037*Input!$C$20,0)+IF(Input!$D$21=4,L2037*Input!$C$21,0)+IF(Input!$D$22=4,M2037*Input!$C$22,0)</f>
        <v>0</v>
      </c>
      <c r="R2037" s="58">
        <v>65.629072736342891</v>
      </c>
      <c r="S2037" s="124">
        <f t="shared" si="31"/>
        <v>1.5841437320478573</v>
      </c>
    </row>
    <row r="2038" spans="8:19" x14ac:dyDescent="0.3">
      <c r="H2038" s="44">
        <v>2031</v>
      </c>
      <c r="I2038" s="56">
        <f>Bühler!I2064</f>
        <v>0.55180623467559609</v>
      </c>
      <c r="J2038" s="59">
        <f>Bühler!J2064</f>
        <v>1.8393541155853204</v>
      </c>
      <c r="K2038" s="59">
        <f>Bühler!K2064</f>
        <v>2.7590311733779802</v>
      </c>
      <c r="L2038" s="59">
        <f>Bühler!L2064</f>
        <v>13.243349632214306</v>
      </c>
      <c r="M2038" s="58">
        <f>Bühler!M2064</f>
        <v>0</v>
      </c>
      <c r="N2038" s="56">
        <f>IF(Input!$D$19=1,J2038*Input!$C$19,0)+IF(Input!$D$20=1,K2038*Input!$C$20,0)+IF(Input!$D$21=1,L2038*Input!$C$21,0)+IF(Input!$D$22=1,M2038*Input!$C$22,0)</f>
        <v>0.55180623467559609</v>
      </c>
      <c r="O2038" s="59">
        <f>IF(Input!$D$19=2,J2038*Input!$C$19,0)+IF(Input!$D$20=2,K2038*Input!$C$20,0)+IF(Input!$D$21=2,L2038*Input!$C$21,0)+IF(Input!$D$22=2,M2038*Input!$C$22,0)</f>
        <v>1.3795155866889901</v>
      </c>
      <c r="P2038" s="59">
        <f>IF(Input!$D$19=3,J2038*Input!$C$19,0)+IF(Input!$D$20=3,K2038*Input!$C$20,0)+IF(Input!$D$21=3,L2038*Input!$C$21,0)+IF(Input!$D$22=3,M2038*Input!$C$22,0)</f>
        <v>0</v>
      </c>
      <c r="Q2038" s="75">
        <f>IF(Input!$D$19=4,J2038*Input!$C$19,0)+IF(Input!$D$20=4,K2038*Input!$C$20,0)+IF(Input!$D$21=4,L2038*Input!$C$21,0)+IF(Input!$D$22=4,M2038*Input!$C$22,0)</f>
        <v>0</v>
      </c>
      <c r="R2038" s="58">
        <v>65.926046041342545</v>
      </c>
      <c r="S2038" s="124">
        <f t="shared" si="31"/>
        <v>2.3911603502609164</v>
      </c>
    </row>
    <row r="2039" spans="8:19" x14ac:dyDescent="0.3">
      <c r="H2039" s="44">
        <v>2032</v>
      </c>
      <c r="I2039" s="56">
        <f>Bühler!I2065</f>
        <v>0.55180623467559609</v>
      </c>
      <c r="J2039" s="59">
        <f>Bühler!J2065</f>
        <v>1.8393541155853204</v>
      </c>
      <c r="K2039" s="59">
        <f>Bühler!K2065</f>
        <v>2.7590311733779802</v>
      </c>
      <c r="L2039" s="59">
        <f>Bühler!L2065</f>
        <v>13.243349632214306</v>
      </c>
      <c r="M2039" s="58">
        <f>Bühler!M2065</f>
        <v>0</v>
      </c>
      <c r="N2039" s="56">
        <f>IF(Input!$D$19=1,J2039*Input!$C$19,0)+IF(Input!$D$20=1,K2039*Input!$C$20,0)+IF(Input!$D$21=1,L2039*Input!$C$21,0)+IF(Input!$D$22=1,M2039*Input!$C$22,0)</f>
        <v>0.55180623467559609</v>
      </c>
      <c r="O2039" s="59">
        <f>IF(Input!$D$19=2,J2039*Input!$C$19,0)+IF(Input!$D$20=2,K2039*Input!$C$20,0)+IF(Input!$D$21=2,L2039*Input!$C$21,0)+IF(Input!$D$22=2,M2039*Input!$C$22,0)</f>
        <v>1.3795155866889901</v>
      </c>
      <c r="P2039" s="59">
        <f>IF(Input!$D$19=3,J2039*Input!$C$19,0)+IF(Input!$D$20=3,K2039*Input!$C$20,0)+IF(Input!$D$21=3,L2039*Input!$C$21,0)+IF(Input!$D$22=3,M2039*Input!$C$22,0)</f>
        <v>0</v>
      </c>
      <c r="Q2039" s="75">
        <f>IF(Input!$D$19=4,J2039*Input!$C$19,0)+IF(Input!$D$20=4,K2039*Input!$C$20,0)+IF(Input!$D$21=4,L2039*Input!$C$21,0)+IF(Input!$D$22=4,M2039*Input!$C$22,0)</f>
        <v>0</v>
      </c>
      <c r="R2039" s="58">
        <v>65.163864840297393</v>
      </c>
      <c r="S2039" s="124">
        <f t="shared" si="31"/>
        <v>2.3911603502609164</v>
      </c>
    </row>
    <row r="2040" spans="8:19" x14ac:dyDescent="0.3">
      <c r="H2040" s="44">
        <v>2033</v>
      </c>
      <c r="I2040" s="56">
        <f>Bühler!I2066</f>
        <v>0.55180623467559609</v>
      </c>
      <c r="J2040" s="59">
        <f>Bühler!J2066</f>
        <v>1.8393541155853204</v>
      </c>
      <c r="K2040" s="59">
        <f>Bühler!K2066</f>
        <v>2.7590311733779802</v>
      </c>
      <c r="L2040" s="59">
        <f>Bühler!L2066</f>
        <v>13.243349632214306</v>
      </c>
      <c r="M2040" s="58">
        <f>Bühler!M2066</f>
        <v>0</v>
      </c>
      <c r="N2040" s="56">
        <f>IF(Input!$D$19=1,J2040*Input!$C$19,0)+IF(Input!$D$20=1,K2040*Input!$C$20,0)+IF(Input!$D$21=1,L2040*Input!$C$21,0)+IF(Input!$D$22=1,M2040*Input!$C$22,0)</f>
        <v>0.55180623467559609</v>
      </c>
      <c r="O2040" s="59">
        <f>IF(Input!$D$19=2,J2040*Input!$C$19,0)+IF(Input!$D$20=2,K2040*Input!$C$20,0)+IF(Input!$D$21=2,L2040*Input!$C$21,0)+IF(Input!$D$22=2,M2040*Input!$C$22,0)</f>
        <v>1.3795155866889901</v>
      </c>
      <c r="P2040" s="59">
        <f>IF(Input!$D$19=3,J2040*Input!$C$19,0)+IF(Input!$D$20=3,K2040*Input!$C$20,0)+IF(Input!$D$21=3,L2040*Input!$C$21,0)+IF(Input!$D$22=3,M2040*Input!$C$22,0)</f>
        <v>0</v>
      </c>
      <c r="Q2040" s="75">
        <f>IF(Input!$D$19=4,J2040*Input!$C$19,0)+IF(Input!$D$20=4,K2040*Input!$C$20,0)+IF(Input!$D$21=4,L2040*Input!$C$21,0)+IF(Input!$D$22=4,M2040*Input!$C$22,0)</f>
        <v>0</v>
      </c>
      <c r="R2040" s="58">
        <v>64.421434519859474</v>
      </c>
      <c r="S2040" s="124">
        <f t="shared" si="31"/>
        <v>2.3911603502609164</v>
      </c>
    </row>
    <row r="2041" spans="8:19" x14ac:dyDescent="0.3">
      <c r="H2041" s="44">
        <v>2034</v>
      </c>
      <c r="I2041" s="56">
        <f>Bühler!I2067</f>
        <v>0.55180623467559609</v>
      </c>
      <c r="J2041" s="59">
        <f>Bühler!J2067</f>
        <v>1.8393541155853204</v>
      </c>
      <c r="K2041" s="59">
        <f>Bühler!K2067</f>
        <v>2.7590311733779802</v>
      </c>
      <c r="L2041" s="59">
        <f>Bühler!L2067</f>
        <v>13.243349632214306</v>
      </c>
      <c r="M2041" s="58">
        <f>Bühler!M2067</f>
        <v>0</v>
      </c>
      <c r="N2041" s="56">
        <f>IF(Input!$D$19=1,J2041*Input!$C$19,0)+IF(Input!$D$20=1,K2041*Input!$C$20,0)+IF(Input!$D$21=1,L2041*Input!$C$21,0)+IF(Input!$D$22=1,M2041*Input!$C$22,0)</f>
        <v>0.55180623467559609</v>
      </c>
      <c r="O2041" s="59">
        <f>IF(Input!$D$19=2,J2041*Input!$C$19,0)+IF(Input!$D$20=2,K2041*Input!$C$20,0)+IF(Input!$D$21=2,L2041*Input!$C$21,0)+IF(Input!$D$22=2,M2041*Input!$C$22,0)</f>
        <v>1.3795155866889901</v>
      </c>
      <c r="P2041" s="59">
        <f>IF(Input!$D$19=3,J2041*Input!$C$19,0)+IF(Input!$D$20=3,K2041*Input!$C$20,0)+IF(Input!$D$21=3,L2041*Input!$C$21,0)+IF(Input!$D$22=3,M2041*Input!$C$22,0)</f>
        <v>0</v>
      </c>
      <c r="Q2041" s="75">
        <f>IF(Input!$D$19=4,J2041*Input!$C$19,0)+IF(Input!$D$20=4,K2041*Input!$C$20,0)+IF(Input!$D$21=4,L2041*Input!$C$21,0)+IF(Input!$D$22=4,M2041*Input!$C$22,0)</f>
        <v>0</v>
      </c>
      <c r="R2041" s="58">
        <v>63.385970137843948</v>
      </c>
      <c r="S2041" s="124">
        <f t="shared" si="31"/>
        <v>2.3911603502609164</v>
      </c>
    </row>
    <row r="2042" spans="8:19" x14ac:dyDescent="0.3">
      <c r="H2042" s="44">
        <v>2035</v>
      </c>
      <c r="I2042" s="56">
        <f>Bühler!I2068</f>
        <v>0.55180623467559609</v>
      </c>
      <c r="J2042" s="59">
        <f>Bühler!J2068</f>
        <v>1.8393541155853204</v>
      </c>
      <c r="K2042" s="59">
        <f>Bühler!K2068</f>
        <v>2.7590311733779802</v>
      </c>
      <c r="L2042" s="59">
        <f>Bühler!L2068</f>
        <v>13.243349632214306</v>
      </c>
      <c r="M2042" s="58">
        <f>Bühler!M2068</f>
        <v>0</v>
      </c>
      <c r="N2042" s="56">
        <f>IF(Input!$D$19=1,J2042*Input!$C$19,0)+IF(Input!$D$20=1,K2042*Input!$C$20,0)+IF(Input!$D$21=1,L2042*Input!$C$21,0)+IF(Input!$D$22=1,M2042*Input!$C$22,0)</f>
        <v>0.55180623467559609</v>
      </c>
      <c r="O2042" s="59">
        <f>IF(Input!$D$19=2,J2042*Input!$C$19,0)+IF(Input!$D$20=2,K2042*Input!$C$20,0)+IF(Input!$D$21=2,L2042*Input!$C$21,0)+IF(Input!$D$22=2,M2042*Input!$C$22,0)</f>
        <v>1.3795155866889901</v>
      </c>
      <c r="P2042" s="59">
        <f>IF(Input!$D$19=3,J2042*Input!$C$19,0)+IF(Input!$D$20=3,K2042*Input!$C$20,0)+IF(Input!$D$21=3,L2042*Input!$C$21,0)+IF(Input!$D$22=3,M2042*Input!$C$22,0)</f>
        <v>0</v>
      </c>
      <c r="Q2042" s="75">
        <f>IF(Input!$D$19=4,J2042*Input!$C$19,0)+IF(Input!$D$20=4,K2042*Input!$C$20,0)+IF(Input!$D$21=4,L2042*Input!$C$21,0)+IF(Input!$D$22=4,M2042*Input!$C$22,0)</f>
        <v>0</v>
      </c>
      <c r="R2042" s="58">
        <v>62.43081778939635</v>
      </c>
      <c r="S2042" s="124">
        <f t="shared" si="31"/>
        <v>2.3911603502609164</v>
      </c>
    </row>
    <row r="2043" spans="8:19" x14ac:dyDescent="0.3">
      <c r="H2043" s="44">
        <v>2036</v>
      </c>
      <c r="I2043" s="56">
        <f>Bühler!I2069</f>
        <v>0.46213772154081167</v>
      </c>
      <c r="J2043" s="59">
        <f>Bühler!J2069</f>
        <v>1.5404590718027058</v>
      </c>
      <c r="K2043" s="59">
        <f>Bühler!K2069</f>
        <v>2.3106886077040585</v>
      </c>
      <c r="L2043" s="59">
        <f>Bühler!L2069</f>
        <v>11.091305316979481</v>
      </c>
      <c r="M2043" s="58">
        <f>Bühler!M2069</f>
        <v>0</v>
      </c>
      <c r="N2043" s="56">
        <f>IF(Input!$D$19=1,J2043*Input!$C$19,0)+IF(Input!$D$20=1,K2043*Input!$C$20,0)+IF(Input!$D$21=1,L2043*Input!$C$21,0)+IF(Input!$D$22=1,M2043*Input!$C$22,0)</f>
        <v>0.46213772154081173</v>
      </c>
      <c r="O2043" s="59">
        <f>IF(Input!$D$19=2,J2043*Input!$C$19,0)+IF(Input!$D$20=2,K2043*Input!$C$20,0)+IF(Input!$D$21=2,L2043*Input!$C$21,0)+IF(Input!$D$22=2,M2043*Input!$C$22,0)</f>
        <v>1.1553443038520292</v>
      </c>
      <c r="P2043" s="59">
        <f>IF(Input!$D$19=3,J2043*Input!$C$19,0)+IF(Input!$D$20=3,K2043*Input!$C$20,0)+IF(Input!$D$21=3,L2043*Input!$C$21,0)+IF(Input!$D$22=3,M2043*Input!$C$22,0)</f>
        <v>0</v>
      </c>
      <c r="Q2043" s="75">
        <f>IF(Input!$D$19=4,J2043*Input!$C$19,0)+IF(Input!$D$20=4,K2043*Input!$C$20,0)+IF(Input!$D$21=4,L2043*Input!$C$21,0)+IF(Input!$D$22=4,M2043*Input!$C$22,0)</f>
        <v>0</v>
      </c>
      <c r="R2043" s="58">
        <v>61.406895486126288</v>
      </c>
      <c r="S2043" s="124">
        <f t="shared" si="31"/>
        <v>2.0025967933435176</v>
      </c>
    </row>
    <row r="2044" spans="8:19" x14ac:dyDescent="0.3">
      <c r="H2044" s="44">
        <v>2037</v>
      </c>
      <c r="I2044" s="56">
        <f>Bühler!I2070</f>
        <v>0.37936678633947229</v>
      </c>
      <c r="J2044" s="59">
        <f>Bühler!J2070</f>
        <v>1.2645559544649076</v>
      </c>
      <c r="K2044" s="59">
        <f>Bühler!K2070</f>
        <v>1.8968339316973615</v>
      </c>
      <c r="L2044" s="59">
        <f>Bühler!L2070</f>
        <v>9.1048028721473351</v>
      </c>
      <c r="M2044" s="58">
        <f>Bühler!M2070</f>
        <v>0</v>
      </c>
      <c r="N2044" s="56">
        <f>IF(Input!$D$19=1,J2044*Input!$C$19,0)+IF(Input!$D$20=1,K2044*Input!$C$20,0)+IF(Input!$D$21=1,L2044*Input!$C$21,0)+IF(Input!$D$22=1,M2044*Input!$C$22,0)</f>
        <v>0.37936678633947229</v>
      </c>
      <c r="O2044" s="59">
        <f>IF(Input!$D$19=2,J2044*Input!$C$19,0)+IF(Input!$D$20=2,K2044*Input!$C$20,0)+IF(Input!$D$21=2,L2044*Input!$C$21,0)+IF(Input!$D$22=2,M2044*Input!$C$22,0)</f>
        <v>0.94841696584868074</v>
      </c>
      <c r="P2044" s="59">
        <f>IF(Input!$D$19=3,J2044*Input!$C$19,0)+IF(Input!$D$20=3,K2044*Input!$C$20,0)+IF(Input!$D$21=3,L2044*Input!$C$21,0)+IF(Input!$D$22=3,M2044*Input!$C$22,0)</f>
        <v>0</v>
      </c>
      <c r="Q2044" s="75">
        <f>IF(Input!$D$19=4,J2044*Input!$C$19,0)+IF(Input!$D$20=4,K2044*Input!$C$20,0)+IF(Input!$D$21=4,L2044*Input!$C$21,0)+IF(Input!$D$22=4,M2044*Input!$C$22,0)</f>
        <v>0</v>
      </c>
      <c r="R2044" s="58">
        <v>60.077943415923734</v>
      </c>
      <c r="S2044" s="124">
        <f t="shared" si="31"/>
        <v>1.6439227408043799</v>
      </c>
    </row>
    <row r="2045" spans="8:19" x14ac:dyDescent="0.3">
      <c r="H2045" s="44">
        <v>2038</v>
      </c>
      <c r="I2045" s="56">
        <f>Bühler!I2071</f>
        <v>0.27590311733779804</v>
      </c>
      <c r="J2045" s="59">
        <f>Bühler!J2071</f>
        <v>0.91967705779266018</v>
      </c>
      <c r="K2045" s="59">
        <f>Bühler!K2071</f>
        <v>1.3795155866889901</v>
      </c>
      <c r="L2045" s="59">
        <f>Bühler!L2071</f>
        <v>6.621674816107153</v>
      </c>
      <c r="M2045" s="58">
        <f>Bühler!M2071</f>
        <v>0</v>
      </c>
      <c r="N2045" s="56">
        <f>IF(Input!$D$19=1,J2045*Input!$C$19,0)+IF(Input!$D$20=1,K2045*Input!$C$20,0)+IF(Input!$D$21=1,L2045*Input!$C$21,0)+IF(Input!$D$22=1,M2045*Input!$C$22,0)</f>
        <v>0.27590311733779804</v>
      </c>
      <c r="O2045" s="59">
        <f>IF(Input!$D$19=2,J2045*Input!$C$19,0)+IF(Input!$D$20=2,K2045*Input!$C$20,0)+IF(Input!$D$21=2,L2045*Input!$C$21,0)+IF(Input!$D$22=2,M2045*Input!$C$22,0)</f>
        <v>0.68975779334449505</v>
      </c>
      <c r="P2045" s="59">
        <f>IF(Input!$D$19=3,J2045*Input!$C$19,0)+IF(Input!$D$20=3,K2045*Input!$C$20,0)+IF(Input!$D$21=3,L2045*Input!$C$21,0)+IF(Input!$D$22=3,M2045*Input!$C$22,0)</f>
        <v>0</v>
      </c>
      <c r="Q2045" s="75">
        <f>IF(Input!$D$19=4,J2045*Input!$C$19,0)+IF(Input!$D$20=4,K2045*Input!$C$20,0)+IF(Input!$D$21=4,L2045*Input!$C$21,0)+IF(Input!$D$22=4,M2045*Input!$C$22,0)</f>
        <v>0</v>
      </c>
      <c r="R2045" s="58">
        <v>58.356028508345332</v>
      </c>
      <c r="S2045" s="124">
        <f t="shared" si="31"/>
        <v>1.1955801751304582</v>
      </c>
    </row>
    <row r="2046" spans="8:19" x14ac:dyDescent="0.3">
      <c r="H2046" s="44">
        <v>2039</v>
      </c>
      <c r="I2046" s="56">
        <f>Bühler!I2072</f>
        <v>0.26210796147090809</v>
      </c>
      <c r="J2046" s="59">
        <f>Bühler!J2072</f>
        <v>0.87369320490302715</v>
      </c>
      <c r="K2046" s="59">
        <f>Bühler!K2072</f>
        <v>1.3105398073545407</v>
      </c>
      <c r="L2046" s="59">
        <f>Bühler!L2072</f>
        <v>6.2905910753017951</v>
      </c>
      <c r="M2046" s="58">
        <f>Bühler!M2072</f>
        <v>0</v>
      </c>
      <c r="N2046" s="56">
        <f>IF(Input!$D$19=1,J2046*Input!$C$19,0)+IF(Input!$D$20=1,K2046*Input!$C$20,0)+IF(Input!$D$21=1,L2046*Input!$C$21,0)+IF(Input!$D$22=1,M2046*Input!$C$22,0)</f>
        <v>0.26210796147090815</v>
      </c>
      <c r="O2046" s="59">
        <f>IF(Input!$D$19=2,J2046*Input!$C$19,0)+IF(Input!$D$20=2,K2046*Input!$C$20,0)+IF(Input!$D$21=2,L2046*Input!$C$21,0)+IF(Input!$D$22=2,M2046*Input!$C$22,0)</f>
        <v>0.65526990367727034</v>
      </c>
      <c r="P2046" s="59">
        <f>IF(Input!$D$19=3,J2046*Input!$C$19,0)+IF(Input!$D$20=3,K2046*Input!$C$20,0)+IF(Input!$D$21=3,L2046*Input!$C$21,0)+IF(Input!$D$22=3,M2046*Input!$C$22,0)</f>
        <v>0</v>
      </c>
      <c r="Q2046" s="75">
        <f>IF(Input!$D$19=4,J2046*Input!$C$19,0)+IF(Input!$D$20=4,K2046*Input!$C$20,0)+IF(Input!$D$21=4,L2046*Input!$C$21,0)+IF(Input!$D$22=4,M2046*Input!$C$22,0)</f>
        <v>0</v>
      </c>
      <c r="R2046" s="58">
        <v>58.377361296031893</v>
      </c>
      <c r="S2046" s="124">
        <f t="shared" si="31"/>
        <v>1.1358011663739354</v>
      </c>
    </row>
    <row r="2047" spans="8:19" x14ac:dyDescent="0.3">
      <c r="H2047" s="44">
        <v>2040</v>
      </c>
      <c r="I2047" s="56">
        <f>Bühler!I2073</f>
        <v>0.26210796147090809</v>
      </c>
      <c r="J2047" s="59">
        <f>Bühler!J2073</f>
        <v>0.87369320490302715</v>
      </c>
      <c r="K2047" s="59">
        <f>Bühler!K2073</f>
        <v>1.3105398073545407</v>
      </c>
      <c r="L2047" s="59">
        <f>Bühler!L2073</f>
        <v>6.2905910753017951</v>
      </c>
      <c r="M2047" s="58">
        <f>Bühler!M2073</f>
        <v>0</v>
      </c>
      <c r="N2047" s="56">
        <f>IF(Input!$D$19=1,J2047*Input!$C$19,0)+IF(Input!$D$20=1,K2047*Input!$C$20,0)+IF(Input!$D$21=1,L2047*Input!$C$21,0)+IF(Input!$D$22=1,M2047*Input!$C$22,0)</f>
        <v>0.26210796147090815</v>
      </c>
      <c r="O2047" s="59">
        <f>IF(Input!$D$19=2,J2047*Input!$C$19,0)+IF(Input!$D$20=2,K2047*Input!$C$20,0)+IF(Input!$D$21=2,L2047*Input!$C$21,0)+IF(Input!$D$22=2,M2047*Input!$C$22,0)</f>
        <v>0.65526990367727034</v>
      </c>
      <c r="P2047" s="59">
        <f>IF(Input!$D$19=3,J2047*Input!$C$19,0)+IF(Input!$D$20=3,K2047*Input!$C$20,0)+IF(Input!$D$21=3,L2047*Input!$C$21,0)+IF(Input!$D$22=3,M2047*Input!$C$22,0)</f>
        <v>0</v>
      </c>
      <c r="Q2047" s="75">
        <f>IF(Input!$D$19=4,J2047*Input!$C$19,0)+IF(Input!$D$20=4,K2047*Input!$C$20,0)+IF(Input!$D$21=4,L2047*Input!$C$21,0)+IF(Input!$D$22=4,M2047*Input!$C$22,0)</f>
        <v>0</v>
      </c>
      <c r="R2047" s="58">
        <v>57.38853360514117</v>
      </c>
      <c r="S2047" s="124">
        <f t="shared" si="31"/>
        <v>1.1358011663739354</v>
      </c>
    </row>
    <row r="2048" spans="8:19" x14ac:dyDescent="0.3">
      <c r="H2048" s="44">
        <v>2041</v>
      </c>
      <c r="I2048" s="56">
        <f>Bühler!I2074</f>
        <v>0.24374339579516413</v>
      </c>
      <c r="J2048" s="59">
        <f>Bühler!J2074</f>
        <v>0.81247798598388055</v>
      </c>
      <c r="K2048" s="59">
        <f>Bühler!K2074</f>
        <v>1.2187169789758208</v>
      </c>
      <c r="L2048" s="59">
        <f>Bühler!L2074</f>
        <v>5.8498414990839391</v>
      </c>
      <c r="M2048" s="58">
        <f>Bühler!M2074</f>
        <v>0</v>
      </c>
      <c r="N2048" s="56">
        <f>IF(Input!$D$19=1,J2048*Input!$C$19,0)+IF(Input!$D$20=1,K2048*Input!$C$20,0)+IF(Input!$D$21=1,L2048*Input!$C$21,0)+IF(Input!$D$22=1,M2048*Input!$C$22,0)</f>
        <v>0.24374339579516416</v>
      </c>
      <c r="O2048" s="59">
        <f>IF(Input!$D$19=2,J2048*Input!$C$19,0)+IF(Input!$D$20=2,K2048*Input!$C$20,0)+IF(Input!$D$21=2,L2048*Input!$C$21,0)+IF(Input!$D$22=2,M2048*Input!$C$22,0)</f>
        <v>0.60935848948791038</v>
      </c>
      <c r="P2048" s="59">
        <f>IF(Input!$D$19=3,J2048*Input!$C$19,0)+IF(Input!$D$20=3,K2048*Input!$C$20,0)+IF(Input!$D$21=3,L2048*Input!$C$21,0)+IF(Input!$D$22=3,M2048*Input!$C$22,0)</f>
        <v>0</v>
      </c>
      <c r="Q2048" s="75">
        <f>IF(Input!$D$19=4,J2048*Input!$C$19,0)+IF(Input!$D$20=4,K2048*Input!$C$20,0)+IF(Input!$D$21=4,L2048*Input!$C$21,0)+IF(Input!$D$22=4,M2048*Input!$C$22,0)</f>
        <v>0</v>
      </c>
      <c r="R2048" s="58">
        <v>56.608042054720606</v>
      </c>
      <c r="S2048" s="124">
        <f t="shared" si="31"/>
        <v>1.0562213817790447</v>
      </c>
    </row>
    <row r="2049" spans="8:19" x14ac:dyDescent="0.3">
      <c r="H2049" s="44">
        <v>2042</v>
      </c>
      <c r="I2049" s="56">
        <f>Bühler!I2075</f>
        <v>0.24374339579516413</v>
      </c>
      <c r="J2049" s="59">
        <f>Bühler!J2075</f>
        <v>0.81247798598388055</v>
      </c>
      <c r="K2049" s="59">
        <f>Bühler!K2075</f>
        <v>1.2187169789758208</v>
      </c>
      <c r="L2049" s="59">
        <f>Bühler!L2075</f>
        <v>5.8498414990839391</v>
      </c>
      <c r="M2049" s="58">
        <f>Bühler!M2075</f>
        <v>0</v>
      </c>
      <c r="N2049" s="56">
        <f>IF(Input!$D$19=1,J2049*Input!$C$19,0)+IF(Input!$D$20=1,K2049*Input!$C$20,0)+IF(Input!$D$21=1,L2049*Input!$C$21,0)+IF(Input!$D$22=1,M2049*Input!$C$22,0)</f>
        <v>0.24374339579516416</v>
      </c>
      <c r="O2049" s="59">
        <f>IF(Input!$D$19=2,J2049*Input!$C$19,0)+IF(Input!$D$20=2,K2049*Input!$C$20,0)+IF(Input!$D$21=2,L2049*Input!$C$21,0)+IF(Input!$D$22=2,M2049*Input!$C$22,0)</f>
        <v>0.60935848948791038</v>
      </c>
      <c r="P2049" s="59">
        <f>IF(Input!$D$19=3,J2049*Input!$C$19,0)+IF(Input!$D$20=3,K2049*Input!$C$20,0)+IF(Input!$D$21=3,L2049*Input!$C$21,0)+IF(Input!$D$22=3,M2049*Input!$C$22,0)</f>
        <v>0</v>
      </c>
      <c r="Q2049" s="75">
        <f>IF(Input!$D$19=4,J2049*Input!$C$19,0)+IF(Input!$D$20=4,K2049*Input!$C$20,0)+IF(Input!$D$21=4,L2049*Input!$C$21,0)+IF(Input!$D$22=4,M2049*Input!$C$22,0)</f>
        <v>0</v>
      </c>
      <c r="R2049" s="58">
        <v>56.774622893552674</v>
      </c>
      <c r="S2049" s="124">
        <f t="shared" si="31"/>
        <v>1.0562213817790447</v>
      </c>
    </row>
    <row r="2050" spans="8:19" x14ac:dyDescent="0.3">
      <c r="H2050" s="44">
        <v>2043</v>
      </c>
      <c r="I2050" s="56">
        <f>Bühler!I2076</f>
        <v>0.24374339579516413</v>
      </c>
      <c r="J2050" s="59">
        <f>Bühler!J2076</f>
        <v>0.81247798598388055</v>
      </c>
      <c r="K2050" s="59">
        <f>Bühler!K2076</f>
        <v>1.2187169789758208</v>
      </c>
      <c r="L2050" s="59">
        <f>Bühler!L2076</f>
        <v>5.8498414990839391</v>
      </c>
      <c r="M2050" s="58">
        <f>Bühler!M2076</f>
        <v>0</v>
      </c>
      <c r="N2050" s="56">
        <f>IF(Input!$D$19=1,J2050*Input!$C$19,0)+IF(Input!$D$20=1,K2050*Input!$C$20,0)+IF(Input!$D$21=1,L2050*Input!$C$21,0)+IF(Input!$D$22=1,M2050*Input!$C$22,0)</f>
        <v>0.24374339579516416</v>
      </c>
      <c r="O2050" s="59">
        <f>IF(Input!$D$19=2,J2050*Input!$C$19,0)+IF(Input!$D$20=2,K2050*Input!$C$20,0)+IF(Input!$D$21=2,L2050*Input!$C$21,0)+IF(Input!$D$22=2,M2050*Input!$C$22,0)</f>
        <v>0.60935848948791038</v>
      </c>
      <c r="P2050" s="59">
        <f>IF(Input!$D$19=3,J2050*Input!$C$19,0)+IF(Input!$D$20=3,K2050*Input!$C$20,0)+IF(Input!$D$21=3,L2050*Input!$C$21,0)+IF(Input!$D$22=3,M2050*Input!$C$22,0)</f>
        <v>0</v>
      </c>
      <c r="Q2050" s="75">
        <f>IF(Input!$D$19=4,J2050*Input!$C$19,0)+IF(Input!$D$20=4,K2050*Input!$C$20,0)+IF(Input!$D$21=4,L2050*Input!$C$21,0)+IF(Input!$D$22=4,M2050*Input!$C$22,0)</f>
        <v>0</v>
      </c>
      <c r="R2050" s="58">
        <v>57.306146418127049</v>
      </c>
      <c r="S2050" s="124">
        <f t="shared" si="31"/>
        <v>1.0562213817790447</v>
      </c>
    </row>
    <row r="2051" spans="8:19" x14ac:dyDescent="0.3">
      <c r="H2051" s="44">
        <v>2044</v>
      </c>
      <c r="I2051" s="56">
        <f>Bühler!I2077</f>
        <v>0.24374339579516413</v>
      </c>
      <c r="J2051" s="59">
        <f>Bühler!J2077</f>
        <v>0.81247798598388055</v>
      </c>
      <c r="K2051" s="59">
        <f>Bühler!K2077</f>
        <v>1.2187169789758208</v>
      </c>
      <c r="L2051" s="59">
        <f>Bühler!L2077</f>
        <v>5.8498414990839391</v>
      </c>
      <c r="M2051" s="58">
        <f>Bühler!M2077</f>
        <v>0</v>
      </c>
      <c r="N2051" s="56">
        <f>IF(Input!$D$19=1,J2051*Input!$C$19,0)+IF(Input!$D$20=1,K2051*Input!$C$20,0)+IF(Input!$D$21=1,L2051*Input!$C$21,0)+IF(Input!$D$22=1,M2051*Input!$C$22,0)</f>
        <v>0.24374339579516416</v>
      </c>
      <c r="O2051" s="59">
        <f>IF(Input!$D$19=2,J2051*Input!$C$19,0)+IF(Input!$D$20=2,K2051*Input!$C$20,0)+IF(Input!$D$21=2,L2051*Input!$C$21,0)+IF(Input!$D$22=2,M2051*Input!$C$22,0)</f>
        <v>0.60935848948791038</v>
      </c>
      <c r="P2051" s="59">
        <f>IF(Input!$D$19=3,J2051*Input!$C$19,0)+IF(Input!$D$20=3,K2051*Input!$C$20,0)+IF(Input!$D$21=3,L2051*Input!$C$21,0)+IF(Input!$D$22=3,M2051*Input!$C$22,0)</f>
        <v>0</v>
      </c>
      <c r="Q2051" s="75">
        <f>IF(Input!$D$19=4,J2051*Input!$C$19,0)+IF(Input!$D$20=4,K2051*Input!$C$20,0)+IF(Input!$D$21=4,L2051*Input!$C$21,0)+IF(Input!$D$22=4,M2051*Input!$C$22,0)</f>
        <v>0</v>
      </c>
      <c r="R2051" s="58">
        <v>57.38721601284</v>
      </c>
      <c r="S2051" s="124">
        <f t="shared" si="31"/>
        <v>1.0562213817790447</v>
      </c>
    </row>
    <row r="2052" spans="8:19" x14ac:dyDescent="0.3">
      <c r="H2052" s="44">
        <v>2045</v>
      </c>
      <c r="I2052" s="56">
        <f>Bühler!I2078</f>
        <v>0.24374339579516413</v>
      </c>
      <c r="J2052" s="59">
        <f>Bühler!J2078</f>
        <v>0.81247798598388055</v>
      </c>
      <c r="K2052" s="59">
        <f>Bühler!K2078</f>
        <v>1.2187169789758208</v>
      </c>
      <c r="L2052" s="59">
        <f>Bühler!L2078</f>
        <v>5.8498414990839391</v>
      </c>
      <c r="M2052" s="58">
        <f>Bühler!M2078</f>
        <v>0</v>
      </c>
      <c r="N2052" s="56">
        <f>IF(Input!$D$19=1,J2052*Input!$C$19,0)+IF(Input!$D$20=1,K2052*Input!$C$20,0)+IF(Input!$D$21=1,L2052*Input!$C$21,0)+IF(Input!$D$22=1,M2052*Input!$C$22,0)</f>
        <v>0.24374339579516416</v>
      </c>
      <c r="O2052" s="59">
        <f>IF(Input!$D$19=2,J2052*Input!$C$19,0)+IF(Input!$D$20=2,K2052*Input!$C$20,0)+IF(Input!$D$21=2,L2052*Input!$C$21,0)+IF(Input!$D$22=2,M2052*Input!$C$22,0)</f>
        <v>0.60935848948791038</v>
      </c>
      <c r="P2052" s="59">
        <f>IF(Input!$D$19=3,J2052*Input!$C$19,0)+IF(Input!$D$20=3,K2052*Input!$C$20,0)+IF(Input!$D$21=3,L2052*Input!$C$21,0)+IF(Input!$D$22=3,M2052*Input!$C$22,0)</f>
        <v>0</v>
      </c>
      <c r="Q2052" s="75">
        <f>IF(Input!$D$19=4,J2052*Input!$C$19,0)+IF(Input!$D$20=4,K2052*Input!$C$20,0)+IF(Input!$D$21=4,L2052*Input!$C$21,0)+IF(Input!$D$22=4,M2052*Input!$C$22,0)</f>
        <v>0</v>
      </c>
      <c r="R2052" s="58">
        <v>58.930953064751392</v>
      </c>
      <c r="S2052" s="124">
        <f t="shared" si="31"/>
        <v>1.0562213817790447</v>
      </c>
    </row>
    <row r="2053" spans="8:19" x14ac:dyDescent="0.3">
      <c r="H2053" s="44">
        <v>2046</v>
      </c>
      <c r="I2053" s="56">
        <f>Bühler!I2079</f>
        <v>0.31686641453371334</v>
      </c>
      <c r="J2053" s="59">
        <f>Bühler!J2079</f>
        <v>1.0562213817790445</v>
      </c>
      <c r="K2053" s="59">
        <f>Bühler!K2079</f>
        <v>1.5843320726685668</v>
      </c>
      <c r="L2053" s="59">
        <f>Bühler!L2079</f>
        <v>7.6047939488091201</v>
      </c>
      <c r="M2053" s="58">
        <f>Bühler!M2079</f>
        <v>0</v>
      </c>
      <c r="N2053" s="56">
        <f>IF(Input!$D$19=1,J2053*Input!$C$19,0)+IF(Input!$D$20=1,K2053*Input!$C$20,0)+IF(Input!$D$21=1,L2053*Input!$C$21,0)+IF(Input!$D$22=1,M2053*Input!$C$22,0)</f>
        <v>0.31686641453371334</v>
      </c>
      <c r="O2053" s="59">
        <f>IF(Input!$D$19=2,J2053*Input!$C$19,0)+IF(Input!$D$20=2,K2053*Input!$C$20,0)+IF(Input!$D$21=2,L2053*Input!$C$21,0)+IF(Input!$D$22=2,M2053*Input!$C$22,0)</f>
        <v>0.7921660363342834</v>
      </c>
      <c r="P2053" s="59">
        <f>IF(Input!$D$19=3,J2053*Input!$C$19,0)+IF(Input!$D$20=3,K2053*Input!$C$20,0)+IF(Input!$D$21=3,L2053*Input!$C$21,0)+IF(Input!$D$22=3,M2053*Input!$C$22,0)</f>
        <v>0</v>
      </c>
      <c r="Q2053" s="75">
        <f>IF(Input!$D$19=4,J2053*Input!$C$19,0)+IF(Input!$D$20=4,K2053*Input!$C$20,0)+IF(Input!$D$21=4,L2053*Input!$C$21,0)+IF(Input!$D$22=4,M2053*Input!$C$22,0)</f>
        <v>0</v>
      </c>
      <c r="R2053" s="58">
        <v>62.694847874075421</v>
      </c>
      <c r="S2053" s="124">
        <f t="shared" si="31"/>
        <v>1.3730877963127579</v>
      </c>
    </row>
    <row r="2054" spans="8:19" x14ac:dyDescent="0.3">
      <c r="H2054" s="44">
        <v>2047</v>
      </c>
      <c r="I2054" s="56">
        <f>Bühler!I2080</f>
        <v>0.35342792390298794</v>
      </c>
      <c r="J2054" s="59">
        <f>Bühler!J2080</f>
        <v>1.1780930796766265</v>
      </c>
      <c r="K2054" s="59">
        <f>Bühler!K2080</f>
        <v>1.7671396195149398</v>
      </c>
      <c r="L2054" s="59">
        <f>Bühler!L2080</f>
        <v>8.4822701736717114</v>
      </c>
      <c r="M2054" s="58">
        <f>Bühler!M2080</f>
        <v>0</v>
      </c>
      <c r="N2054" s="56">
        <f>IF(Input!$D$19=1,J2054*Input!$C$19,0)+IF(Input!$D$20=1,K2054*Input!$C$20,0)+IF(Input!$D$21=1,L2054*Input!$C$21,0)+IF(Input!$D$22=1,M2054*Input!$C$22,0)</f>
        <v>0.35342792390298794</v>
      </c>
      <c r="O2054" s="59">
        <f>IF(Input!$D$19=2,J2054*Input!$C$19,0)+IF(Input!$D$20=2,K2054*Input!$C$20,0)+IF(Input!$D$21=2,L2054*Input!$C$21,0)+IF(Input!$D$22=2,M2054*Input!$C$22,0)</f>
        <v>0.8835698097574699</v>
      </c>
      <c r="P2054" s="59">
        <f>IF(Input!$D$19=3,J2054*Input!$C$19,0)+IF(Input!$D$20=3,K2054*Input!$C$20,0)+IF(Input!$D$21=3,L2054*Input!$C$21,0)+IF(Input!$D$22=3,M2054*Input!$C$22,0)</f>
        <v>0</v>
      </c>
      <c r="Q2054" s="75">
        <f>IF(Input!$D$19=4,J2054*Input!$C$19,0)+IF(Input!$D$20=4,K2054*Input!$C$20,0)+IF(Input!$D$21=4,L2054*Input!$C$21,0)+IF(Input!$D$22=4,M2054*Input!$C$22,0)</f>
        <v>0</v>
      </c>
      <c r="R2054" s="58">
        <v>65.607942264398147</v>
      </c>
      <c r="S2054" s="124">
        <f t="shared" si="31"/>
        <v>1.5315210035796145</v>
      </c>
    </row>
    <row r="2055" spans="8:19" x14ac:dyDescent="0.3">
      <c r="H2055" s="44">
        <v>2048</v>
      </c>
      <c r="I2055" s="56">
        <f>Bühler!I2081</f>
        <v>0.3656150936927462</v>
      </c>
      <c r="J2055" s="59">
        <f>Bühler!J2081</f>
        <v>1.2187169789758208</v>
      </c>
      <c r="K2055" s="59">
        <f>Bühler!K2081</f>
        <v>1.8280754684637308</v>
      </c>
      <c r="L2055" s="59">
        <f>Bühler!L2081</f>
        <v>8.7747622486259083</v>
      </c>
      <c r="M2055" s="58">
        <f>Bühler!M2081</f>
        <v>0</v>
      </c>
      <c r="N2055" s="56">
        <f>IF(Input!$D$19=1,J2055*Input!$C$19,0)+IF(Input!$D$20=1,K2055*Input!$C$20,0)+IF(Input!$D$21=1,L2055*Input!$C$21,0)+IF(Input!$D$22=1,M2055*Input!$C$22,0)</f>
        <v>0.3656150936927462</v>
      </c>
      <c r="O2055" s="59">
        <f>IF(Input!$D$19=2,J2055*Input!$C$19,0)+IF(Input!$D$20=2,K2055*Input!$C$20,0)+IF(Input!$D$21=2,L2055*Input!$C$21,0)+IF(Input!$D$22=2,M2055*Input!$C$22,0)</f>
        <v>0.91403773423186541</v>
      </c>
      <c r="P2055" s="59">
        <f>IF(Input!$D$19=3,J2055*Input!$C$19,0)+IF(Input!$D$20=3,K2055*Input!$C$20,0)+IF(Input!$D$21=3,L2055*Input!$C$21,0)+IF(Input!$D$22=3,M2055*Input!$C$22,0)</f>
        <v>0</v>
      </c>
      <c r="Q2055" s="75">
        <f>IF(Input!$D$19=4,J2055*Input!$C$19,0)+IF(Input!$D$20=4,K2055*Input!$C$20,0)+IF(Input!$D$21=4,L2055*Input!$C$21,0)+IF(Input!$D$22=4,M2055*Input!$C$22,0)</f>
        <v>0</v>
      </c>
      <c r="R2055" s="58">
        <v>66.39237837356464</v>
      </c>
      <c r="S2055" s="124">
        <f t="shared" si="31"/>
        <v>1.584332072668567</v>
      </c>
    </row>
    <row r="2056" spans="8:19" x14ac:dyDescent="0.3">
      <c r="H2056" s="44">
        <v>2049</v>
      </c>
      <c r="I2056" s="56">
        <f>Bühler!I2082</f>
        <v>0.3656150936927462</v>
      </c>
      <c r="J2056" s="59">
        <f>Bühler!J2082</f>
        <v>1.2187169789758208</v>
      </c>
      <c r="K2056" s="59">
        <f>Bühler!K2082</f>
        <v>1.8280754684637308</v>
      </c>
      <c r="L2056" s="59">
        <f>Bühler!L2082</f>
        <v>8.7747622486259083</v>
      </c>
      <c r="M2056" s="58">
        <f>Bühler!M2082</f>
        <v>0</v>
      </c>
      <c r="N2056" s="56">
        <f>IF(Input!$D$19=1,J2056*Input!$C$19,0)+IF(Input!$D$20=1,K2056*Input!$C$20,0)+IF(Input!$D$21=1,L2056*Input!$C$21,0)+IF(Input!$D$22=1,M2056*Input!$C$22,0)</f>
        <v>0.3656150936927462</v>
      </c>
      <c r="O2056" s="59">
        <f>IF(Input!$D$19=2,J2056*Input!$C$19,0)+IF(Input!$D$20=2,K2056*Input!$C$20,0)+IF(Input!$D$21=2,L2056*Input!$C$21,0)+IF(Input!$D$22=2,M2056*Input!$C$22,0)</f>
        <v>0.91403773423186541</v>
      </c>
      <c r="P2056" s="59">
        <f>IF(Input!$D$19=3,J2056*Input!$C$19,0)+IF(Input!$D$20=3,K2056*Input!$C$20,0)+IF(Input!$D$21=3,L2056*Input!$C$21,0)+IF(Input!$D$22=3,M2056*Input!$C$22,0)</f>
        <v>0</v>
      </c>
      <c r="Q2056" s="75">
        <f>IF(Input!$D$19=4,J2056*Input!$C$19,0)+IF(Input!$D$20=4,K2056*Input!$C$20,0)+IF(Input!$D$21=4,L2056*Input!$C$21,0)+IF(Input!$D$22=4,M2056*Input!$C$22,0)</f>
        <v>0</v>
      </c>
      <c r="R2056" s="58">
        <v>67.56383331695632</v>
      </c>
      <c r="S2056" s="124">
        <f t="shared" si="31"/>
        <v>1.584332072668567</v>
      </c>
    </row>
    <row r="2057" spans="8:19" x14ac:dyDescent="0.3">
      <c r="H2057" s="44">
        <v>2050</v>
      </c>
      <c r="I2057" s="56">
        <f>Bühler!I2083</f>
        <v>0.39608301816714164</v>
      </c>
      <c r="J2057" s="59">
        <f>Bühler!J2083</f>
        <v>1.3202767272238056</v>
      </c>
      <c r="K2057" s="59">
        <f>Bühler!K2083</f>
        <v>1.9804150908357083</v>
      </c>
      <c r="L2057" s="59">
        <f>Bühler!L2083</f>
        <v>9.5059924360114003</v>
      </c>
      <c r="M2057" s="58">
        <f>Bühler!M2083</f>
        <v>0</v>
      </c>
      <c r="N2057" s="56">
        <f>IF(Input!$D$19=1,J2057*Input!$C$19,0)+IF(Input!$D$20=1,K2057*Input!$C$20,0)+IF(Input!$D$21=1,L2057*Input!$C$21,0)+IF(Input!$D$22=1,M2057*Input!$C$22,0)</f>
        <v>0.3960830181671417</v>
      </c>
      <c r="O2057" s="59">
        <f>IF(Input!$D$19=2,J2057*Input!$C$19,0)+IF(Input!$D$20=2,K2057*Input!$C$20,0)+IF(Input!$D$21=2,L2057*Input!$C$21,0)+IF(Input!$D$22=2,M2057*Input!$C$22,0)</f>
        <v>0.99020754541785416</v>
      </c>
      <c r="P2057" s="59">
        <f>IF(Input!$D$19=3,J2057*Input!$C$19,0)+IF(Input!$D$20=3,K2057*Input!$C$20,0)+IF(Input!$D$21=3,L2057*Input!$C$21,0)+IF(Input!$D$22=3,M2057*Input!$C$22,0)</f>
        <v>0</v>
      </c>
      <c r="Q2057" s="75">
        <f>IF(Input!$D$19=4,J2057*Input!$C$19,0)+IF(Input!$D$20=4,K2057*Input!$C$20,0)+IF(Input!$D$21=4,L2057*Input!$C$21,0)+IF(Input!$D$22=4,M2057*Input!$C$22,0)</f>
        <v>0</v>
      </c>
      <c r="R2057" s="58">
        <v>67.594414062133936</v>
      </c>
      <c r="S2057" s="124">
        <f t="shared" ref="S2057:S2120" si="32">I2057+J2057</f>
        <v>1.7163597453909474</v>
      </c>
    </row>
    <row r="2058" spans="8:19" x14ac:dyDescent="0.3">
      <c r="H2058" s="44">
        <v>2051</v>
      </c>
      <c r="I2058" s="56">
        <f>Bühler!I2084</f>
        <v>0.41436377285177894</v>
      </c>
      <c r="J2058" s="59">
        <f>Bühler!J2084</f>
        <v>1.3812125761725966</v>
      </c>
      <c r="K2058" s="59">
        <f>Bühler!K2084</f>
        <v>2.0718188642588946</v>
      </c>
      <c r="L2058" s="59">
        <f>Bühler!L2084</f>
        <v>9.9447305484426956</v>
      </c>
      <c r="M2058" s="58">
        <f>Bühler!M2084</f>
        <v>0</v>
      </c>
      <c r="N2058" s="56">
        <f>IF(Input!$D$19=1,J2058*Input!$C$19,0)+IF(Input!$D$20=1,K2058*Input!$C$20,0)+IF(Input!$D$21=1,L2058*Input!$C$21,0)+IF(Input!$D$22=1,M2058*Input!$C$22,0)</f>
        <v>0.414363772851779</v>
      </c>
      <c r="O2058" s="59">
        <f>IF(Input!$D$19=2,J2058*Input!$C$19,0)+IF(Input!$D$20=2,K2058*Input!$C$20,0)+IF(Input!$D$21=2,L2058*Input!$C$21,0)+IF(Input!$D$22=2,M2058*Input!$C$22,0)</f>
        <v>1.0359094321294473</v>
      </c>
      <c r="P2058" s="59">
        <f>IF(Input!$D$19=3,J2058*Input!$C$19,0)+IF(Input!$D$20=3,K2058*Input!$C$20,0)+IF(Input!$D$21=3,L2058*Input!$C$21,0)+IF(Input!$D$22=3,M2058*Input!$C$22,0)</f>
        <v>0</v>
      </c>
      <c r="Q2058" s="75">
        <f>IF(Input!$D$19=4,J2058*Input!$C$19,0)+IF(Input!$D$20=4,K2058*Input!$C$20,0)+IF(Input!$D$21=4,L2058*Input!$C$21,0)+IF(Input!$D$22=4,M2058*Input!$C$22,0)</f>
        <v>0</v>
      </c>
      <c r="R2058" s="58">
        <v>68.241529876717209</v>
      </c>
      <c r="S2058" s="124">
        <f t="shared" si="32"/>
        <v>1.7955763490243757</v>
      </c>
    </row>
    <row r="2059" spans="8:19" x14ac:dyDescent="0.3">
      <c r="H2059" s="44">
        <v>2052</v>
      </c>
      <c r="I2059" s="56">
        <f>Bühler!I2085</f>
        <v>0.48748679159032826</v>
      </c>
      <c r="J2059" s="59">
        <f>Bühler!J2085</f>
        <v>1.6249559719677611</v>
      </c>
      <c r="K2059" s="59">
        <f>Bühler!K2085</f>
        <v>2.4374339579516415</v>
      </c>
      <c r="L2059" s="59">
        <f>Bühler!L2085</f>
        <v>11.699682998167878</v>
      </c>
      <c r="M2059" s="58">
        <f>Bühler!M2085</f>
        <v>0</v>
      </c>
      <c r="N2059" s="56">
        <f>IF(Input!$D$19=1,J2059*Input!$C$19,0)+IF(Input!$D$20=1,K2059*Input!$C$20,0)+IF(Input!$D$21=1,L2059*Input!$C$21,0)+IF(Input!$D$22=1,M2059*Input!$C$22,0)</f>
        <v>0.48748679159032832</v>
      </c>
      <c r="O2059" s="59">
        <f>IF(Input!$D$19=2,J2059*Input!$C$19,0)+IF(Input!$D$20=2,K2059*Input!$C$20,0)+IF(Input!$D$21=2,L2059*Input!$C$21,0)+IF(Input!$D$22=2,M2059*Input!$C$22,0)</f>
        <v>1.2187169789758208</v>
      </c>
      <c r="P2059" s="59">
        <f>IF(Input!$D$19=3,J2059*Input!$C$19,0)+IF(Input!$D$20=3,K2059*Input!$C$20,0)+IF(Input!$D$21=3,L2059*Input!$C$21,0)+IF(Input!$D$22=3,M2059*Input!$C$22,0)</f>
        <v>0</v>
      </c>
      <c r="Q2059" s="75">
        <f>IF(Input!$D$19=4,J2059*Input!$C$19,0)+IF(Input!$D$20=4,K2059*Input!$C$20,0)+IF(Input!$D$21=4,L2059*Input!$C$21,0)+IF(Input!$D$22=4,M2059*Input!$C$22,0)</f>
        <v>0</v>
      </c>
      <c r="R2059" s="58">
        <v>68.483646744262614</v>
      </c>
      <c r="S2059" s="124">
        <f t="shared" si="32"/>
        <v>2.1124427635580894</v>
      </c>
    </row>
    <row r="2060" spans="8:19" x14ac:dyDescent="0.3">
      <c r="H2060" s="44">
        <v>2053</v>
      </c>
      <c r="I2060" s="56">
        <f>Bühler!I2086</f>
        <v>0.48748679159032826</v>
      </c>
      <c r="J2060" s="59">
        <f>Bühler!J2086</f>
        <v>1.6249559719677611</v>
      </c>
      <c r="K2060" s="59">
        <f>Bühler!K2086</f>
        <v>2.4374339579516415</v>
      </c>
      <c r="L2060" s="59">
        <f>Bühler!L2086</f>
        <v>11.699682998167878</v>
      </c>
      <c r="M2060" s="58">
        <f>Bühler!M2086</f>
        <v>0</v>
      </c>
      <c r="N2060" s="56">
        <f>IF(Input!$D$19=1,J2060*Input!$C$19,0)+IF(Input!$D$20=1,K2060*Input!$C$20,0)+IF(Input!$D$21=1,L2060*Input!$C$21,0)+IF(Input!$D$22=1,M2060*Input!$C$22,0)</f>
        <v>0.48748679159032832</v>
      </c>
      <c r="O2060" s="59">
        <f>IF(Input!$D$19=2,J2060*Input!$C$19,0)+IF(Input!$D$20=2,K2060*Input!$C$20,0)+IF(Input!$D$21=2,L2060*Input!$C$21,0)+IF(Input!$D$22=2,M2060*Input!$C$22,0)</f>
        <v>1.2187169789758208</v>
      </c>
      <c r="P2060" s="59">
        <f>IF(Input!$D$19=3,J2060*Input!$C$19,0)+IF(Input!$D$20=3,K2060*Input!$C$20,0)+IF(Input!$D$21=3,L2060*Input!$C$21,0)+IF(Input!$D$22=3,M2060*Input!$C$22,0)</f>
        <v>0</v>
      </c>
      <c r="Q2060" s="75">
        <f>IF(Input!$D$19=4,J2060*Input!$C$19,0)+IF(Input!$D$20=4,K2060*Input!$C$20,0)+IF(Input!$D$21=4,L2060*Input!$C$21,0)+IF(Input!$D$22=4,M2060*Input!$C$22,0)</f>
        <v>0</v>
      </c>
      <c r="R2060" s="58">
        <v>67.422794629678407</v>
      </c>
      <c r="S2060" s="124">
        <f t="shared" si="32"/>
        <v>2.1124427635580894</v>
      </c>
    </row>
    <row r="2061" spans="8:19" x14ac:dyDescent="0.3">
      <c r="H2061" s="44">
        <v>2054</v>
      </c>
      <c r="I2061" s="56">
        <f>Bühler!I2087</f>
        <v>0.48748679159032826</v>
      </c>
      <c r="J2061" s="59">
        <f>Bühler!J2087</f>
        <v>1.6249559719677611</v>
      </c>
      <c r="K2061" s="59">
        <f>Bühler!K2087</f>
        <v>2.4374339579516415</v>
      </c>
      <c r="L2061" s="59">
        <f>Bühler!L2087</f>
        <v>11.699682998167878</v>
      </c>
      <c r="M2061" s="58">
        <f>Bühler!M2087</f>
        <v>0</v>
      </c>
      <c r="N2061" s="56">
        <f>IF(Input!$D$19=1,J2061*Input!$C$19,0)+IF(Input!$D$20=1,K2061*Input!$C$20,0)+IF(Input!$D$21=1,L2061*Input!$C$21,0)+IF(Input!$D$22=1,M2061*Input!$C$22,0)</f>
        <v>0.48748679159032832</v>
      </c>
      <c r="O2061" s="59">
        <f>IF(Input!$D$19=2,J2061*Input!$C$19,0)+IF(Input!$D$20=2,K2061*Input!$C$20,0)+IF(Input!$D$21=2,L2061*Input!$C$21,0)+IF(Input!$D$22=2,M2061*Input!$C$22,0)</f>
        <v>1.2187169789758208</v>
      </c>
      <c r="P2061" s="59">
        <f>IF(Input!$D$19=3,J2061*Input!$C$19,0)+IF(Input!$D$20=3,K2061*Input!$C$20,0)+IF(Input!$D$21=3,L2061*Input!$C$21,0)+IF(Input!$D$22=3,M2061*Input!$C$22,0)</f>
        <v>0</v>
      </c>
      <c r="Q2061" s="75">
        <f>IF(Input!$D$19=4,J2061*Input!$C$19,0)+IF(Input!$D$20=4,K2061*Input!$C$20,0)+IF(Input!$D$21=4,L2061*Input!$C$21,0)+IF(Input!$D$22=4,M2061*Input!$C$22,0)</f>
        <v>0</v>
      </c>
      <c r="R2061" s="58">
        <v>66.484311627324288</v>
      </c>
      <c r="S2061" s="124">
        <f t="shared" si="32"/>
        <v>2.1124427635580894</v>
      </c>
    </row>
    <row r="2062" spans="8:19" x14ac:dyDescent="0.3">
      <c r="H2062" s="44">
        <v>2055</v>
      </c>
      <c r="I2062" s="56">
        <f>Bühler!I2088</f>
        <v>0.48748679159032826</v>
      </c>
      <c r="J2062" s="59">
        <f>Bühler!J2088</f>
        <v>1.6249559719677611</v>
      </c>
      <c r="K2062" s="59">
        <f>Bühler!K2088</f>
        <v>2.4374339579516415</v>
      </c>
      <c r="L2062" s="59">
        <f>Bühler!L2088</f>
        <v>11.699682998167878</v>
      </c>
      <c r="M2062" s="58">
        <f>Bühler!M2088</f>
        <v>0</v>
      </c>
      <c r="N2062" s="56">
        <f>IF(Input!$D$19=1,J2062*Input!$C$19,0)+IF(Input!$D$20=1,K2062*Input!$C$20,0)+IF(Input!$D$21=1,L2062*Input!$C$21,0)+IF(Input!$D$22=1,M2062*Input!$C$22,0)</f>
        <v>0.48748679159032832</v>
      </c>
      <c r="O2062" s="59">
        <f>IF(Input!$D$19=2,J2062*Input!$C$19,0)+IF(Input!$D$20=2,K2062*Input!$C$20,0)+IF(Input!$D$21=2,L2062*Input!$C$21,0)+IF(Input!$D$22=2,M2062*Input!$C$22,0)</f>
        <v>1.2187169789758208</v>
      </c>
      <c r="P2062" s="59">
        <f>IF(Input!$D$19=3,J2062*Input!$C$19,0)+IF(Input!$D$20=3,K2062*Input!$C$20,0)+IF(Input!$D$21=3,L2062*Input!$C$21,0)+IF(Input!$D$22=3,M2062*Input!$C$22,0)</f>
        <v>0</v>
      </c>
      <c r="Q2062" s="75">
        <f>IF(Input!$D$19=4,J2062*Input!$C$19,0)+IF(Input!$D$20=4,K2062*Input!$C$20,0)+IF(Input!$D$21=4,L2062*Input!$C$21,0)+IF(Input!$D$22=4,M2062*Input!$C$22,0)</f>
        <v>0</v>
      </c>
      <c r="R2062" s="58">
        <v>67.007142871313135</v>
      </c>
      <c r="S2062" s="124">
        <f t="shared" si="32"/>
        <v>2.1124427635580894</v>
      </c>
    </row>
    <row r="2063" spans="8:19" x14ac:dyDescent="0.3">
      <c r="H2063" s="44">
        <v>2056</v>
      </c>
      <c r="I2063" s="56">
        <f>Bühler!I2089</f>
        <v>0.48748679159032826</v>
      </c>
      <c r="J2063" s="59">
        <f>Bühler!J2089</f>
        <v>1.6249559719677611</v>
      </c>
      <c r="K2063" s="59">
        <f>Bühler!K2089</f>
        <v>2.4374339579516415</v>
      </c>
      <c r="L2063" s="59">
        <f>Bühler!L2089</f>
        <v>11.699682998167878</v>
      </c>
      <c r="M2063" s="58">
        <f>Bühler!M2089</f>
        <v>0</v>
      </c>
      <c r="N2063" s="56">
        <f>IF(Input!$D$19=1,J2063*Input!$C$19,0)+IF(Input!$D$20=1,K2063*Input!$C$20,0)+IF(Input!$D$21=1,L2063*Input!$C$21,0)+IF(Input!$D$22=1,M2063*Input!$C$22,0)</f>
        <v>0.48748679159032832</v>
      </c>
      <c r="O2063" s="59">
        <f>IF(Input!$D$19=2,J2063*Input!$C$19,0)+IF(Input!$D$20=2,K2063*Input!$C$20,0)+IF(Input!$D$21=2,L2063*Input!$C$21,0)+IF(Input!$D$22=2,M2063*Input!$C$22,0)</f>
        <v>1.2187169789758208</v>
      </c>
      <c r="P2063" s="59">
        <f>IF(Input!$D$19=3,J2063*Input!$C$19,0)+IF(Input!$D$20=3,K2063*Input!$C$20,0)+IF(Input!$D$21=3,L2063*Input!$C$21,0)+IF(Input!$D$22=3,M2063*Input!$C$22,0)</f>
        <v>0</v>
      </c>
      <c r="Q2063" s="75">
        <f>IF(Input!$D$19=4,J2063*Input!$C$19,0)+IF(Input!$D$20=4,K2063*Input!$C$20,0)+IF(Input!$D$21=4,L2063*Input!$C$21,0)+IF(Input!$D$22=4,M2063*Input!$C$22,0)</f>
        <v>0</v>
      </c>
      <c r="R2063" s="58">
        <v>66.357545369267129</v>
      </c>
      <c r="S2063" s="124">
        <f t="shared" si="32"/>
        <v>2.1124427635580894</v>
      </c>
    </row>
    <row r="2064" spans="8:19" x14ac:dyDescent="0.3">
      <c r="H2064" s="44">
        <v>2057</v>
      </c>
      <c r="I2064" s="56">
        <f>Bühler!I2090</f>
        <v>0.48748679159032826</v>
      </c>
      <c r="J2064" s="59">
        <f>Bühler!J2090</f>
        <v>1.6249559719677611</v>
      </c>
      <c r="K2064" s="59">
        <f>Bühler!K2090</f>
        <v>2.4374339579516415</v>
      </c>
      <c r="L2064" s="59">
        <f>Bühler!L2090</f>
        <v>11.699682998167878</v>
      </c>
      <c r="M2064" s="58">
        <f>Bühler!M2090</f>
        <v>0</v>
      </c>
      <c r="N2064" s="56">
        <f>IF(Input!$D$19=1,J2064*Input!$C$19,0)+IF(Input!$D$20=1,K2064*Input!$C$20,0)+IF(Input!$D$21=1,L2064*Input!$C$21,0)+IF(Input!$D$22=1,M2064*Input!$C$22,0)</f>
        <v>0.48748679159032832</v>
      </c>
      <c r="O2064" s="59">
        <f>IF(Input!$D$19=2,J2064*Input!$C$19,0)+IF(Input!$D$20=2,K2064*Input!$C$20,0)+IF(Input!$D$21=2,L2064*Input!$C$21,0)+IF(Input!$D$22=2,M2064*Input!$C$22,0)</f>
        <v>1.2187169789758208</v>
      </c>
      <c r="P2064" s="59">
        <f>IF(Input!$D$19=3,J2064*Input!$C$19,0)+IF(Input!$D$20=3,K2064*Input!$C$20,0)+IF(Input!$D$21=3,L2064*Input!$C$21,0)+IF(Input!$D$22=3,M2064*Input!$C$22,0)</f>
        <v>0</v>
      </c>
      <c r="Q2064" s="75">
        <f>IF(Input!$D$19=4,J2064*Input!$C$19,0)+IF(Input!$D$20=4,K2064*Input!$C$20,0)+IF(Input!$D$21=4,L2064*Input!$C$21,0)+IF(Input!$D$22=4,M2064*Input!$C$22,0)</f>
        <v>0</v>
      </c>
      <c r="R2064" s="58">
        <v>65.568353692764546</v>
      </c>
      <c r="S2064" s="124">
        <f t="shared" si="32"/>
        <v>2.1124427635580894</v>
      </c>
    </row>
    <row r="2065" spans="8:19" x14ac:dyDescent="0.3">
      <c r="H2065" s="44">
        <v>2058</v>
      </c>
      <c r="I2065" s="56">
        <f>Bühler!I2091</f>
        <v>0.48748679159032826</v>
      </c>
      <c r="J2065" s="59">
        <f>Bühler!J2091</f>
        <v>1.6249559719677611</v>
      </c>
      <c r="K2065" s="59">
        <f>Bühler!K2091</f>
        <v>2.4374339579516415</v>
      </c>
      <c r="L2065" s="59">
        <f>Bühler!L2091</f>
        <v>11.699682998167878</v>
      </c>
      <c r="M2065" s="58">
        <f>Bühler!M2091</f>
        <v>0</v>
      </c>
      <c r="N2065" s="56">
        <f>IF(Input!$D$19=1,J2065*Input!$C$19,0)+IF(Input!$D$20=1,K2065*Input!$C$20,0)+IF(Input!$D$21=1,L2065*Input!$C$21,0)+IF(Input!$D$22=1,M2065*Input!$C$22,0)</f>
        <v>0.48748679159032832</v>
      </c>
      <c r="O2065" s="59">
        <f>IF(Input!$D$19=2,J2065*Input!$C$19,0)+IF(Input!$D$20=2,K2065*Input!$C$20,0)+IF(Input!$D$21=2,L2065*Input!$C$21,0)+IF(Input!$D$22=2,M2065*Input!$C$22,0)</f>
        <v>1.2187169789758208</v>
      </c>
      <c r="P2065" s="59">
        <f>IF(Input!$D$19=3,J2065*Input!$C$19,0)+IF(Input!$D$20=3,K2065*Input!$C$20,0)+IF(Input!$D$21=3,L2065*Input!$C$21,0)+IF(Input!$D$22=3,M2065*Input!$C$22,0)</f>
        <v>0</v>
      </c>
      <c r="Q2065" s="75">
        <f>IF(Input!$D$19=4,J2065*Input!$C$19,0)+IF(Input!$D$20=4,K2065*Input!$C$20,0)+IF(Input!$D$21=4,L2065*Input!$C$21,0)+IF(Input!$D$22=4,M2065*Input!$C$22,0)</f>
        <v>0</v>
      </c>
      <c r="R2065" s="58">
        <v>64.308094201174868</v>
      </c>
      <c r="S2065" s="124">
        <f t="shared" si="32"/>
        <v>2.1124427635580894</v>
      </c>
    </row>
    <row r="2066" spans="8:19" x14ac:dyDescent="0.3">
      <c r="H2066" s="44">
        <v>2059</v>
      </c>
      <c r="I2066" s="56">
        <f>Bühler!I2092</f>
        <v>0.48748679159032826</v>
      </c>
      <c r="J2066" s="59">
        <f>Bühler!J2092</f>
        <v>1.6249559719677611</v>
      </c>
      <c r="K2066" s="59">
        <f>Bühler!K2092</f>
        <v>2.4374339579516415</v>
      </c>
      <c r="L2066" s="59">
        <f>Bühler!L2092</f>
        <v>11.699682998167878</v>
      </c>
      <c r="M2066" s="58">
        <f>Bühler!M2092</f>
        <v>0</v>
      </c>
      <c r="N2066" s="56">
        <f>IF(Input!$D$19=1,J2066*Input!$C$19,0)+IF(Input!$D$20=1,K2066*Input!$C$20,0)+IF(Input!$D$21=1,L2066*Input!$C$21,0)+IF(Input!$D$22=1,M2066*Input!$C$22,0)</f>
        <v>0.48748679159032832</v>
      </c>
      <c r="O2066" s="59">
        <f>IF(Input!$D$19=2,J2066*Input!$C$19,0)+IF(Input!$D$20=2,K2066*Input!$C$20,0)+IF(Input!$D$21=2,L2066*Input!$C$21,0)+IF(Input!$D$22=2,M2066*Input!$C$22,0)</f>
        <v>1.2187169789758208</v>
      </c>
      <c r="P2066" s="59">
        <f>IF(Input!$D$19=3,J2066*Input!$C$19,0)+IF(Input!$D$20=3,K2066*Input!$C$20,0)+IF(Input!$D$21=3,L2066*Input!$C$21,0)+IF(Input!$D$22=3,M2066*Input!$C$22,0)</f>
        <v>0</v>
      </c>
      <c r="Q2066" s="75">
        <f>IF(Input!$D$19=4,J2066*Input!$C$19,0)+IF(Input!$D$20=4,K2066*Input!$C$20,0)+IF(Input!$D$21=4,L2066*Input!$C$21,0)+IF(Input!$D$22=4,M2066*Input!$C$22,0)</f>
        <v>0</v>
      </c>
      <c r="R2066" s="58">
        <v>63.028797102295087</v>
      </c>
      <c r="S2066" s="124">
        <f t="shared" si="32"/>
        <v>2.1124427635580894</v>
      </c>
    </row>
    <row r="2067" spans="8:19" x14ac:dyDescent="0.3">
      <c r="H2067" s="44">
        <v>2060</v>
      </c>
      <c r="I2067" s="56">
        <f>Bühler!I2093</f>
        <v>0.40827018795689995</v>
      </c>
      <c r="J2067" s="59">
        <f>Bühler!J2093</f>
        <v>1.3609006265229999</v>
      </c>
      <c r="K2067" s="59">
        <f>Bühler!K2093</f>
        <v>2.0413509397844996</v>
      </c>
      <c r="L2067" s="59">
        <f>Bühler!L2093</f>
        <v>9.7984845109655989</v>
      </c>
      <c r="M2067" s="58">
        <f>Bühler!M2093</f>
        <v>0</v>
      </c>
      <c r="N2067" s="56">
        <f>IF(Input!$D$19=1,J2067*Input!$C$19,0)+IF(Input!$D$20=1,K2067*Input!$C$20,0)+IF(Input!$D$21=1,L2067*Input!$C$21,0)+IF(Input!$D$22=1,M2067*Input!$C$22,0)</f>
        <v>0.40827018795689995</v>
      </c>
      <c r="O2067" s="59">
        <f>IF(Input!$D$19=2,J2067*Input!$C$19,0)+IF(Input!$D$20=2,K2067*Input!$C$20,0)+IF(Input!$D$21=2,L2067*Input!$C$21,0)+IF(Input!$D$22=2,M2067*Input!$C$22,0)</f>
        <v>1.0206754698922498</v>
      </c>
      <c r="P2067" s="59">
        <f>IF(Input!$D$19=3,J2067*Input!$C$19,0)+IF(Input!$D$20=3,K2067*Input!$C$20,0)+IF(Input!$D$21=3,L2067*Input!$C$21,0)+IF(Input!$D$22=3,M2067*Input!$C$22,0)</f>
        <v>0</v>
      </c>
      <c r="Q2067" s="75">
        <f>IF(Input!$D$19=4,J2067*Input!$C$19,0)+IF(Input!$D$20=4,K2067*Input!$C$20,0)+IF(Input!$D$21=4,L2067*Input!$C$21,0)+IF(Input!$D$22=4,M2067*Input!$C$22,0)</f>
        <v>0</v>
      </c>
      <c r="R2067" s="58">
        <v>62.016118709674842</v>
      </c>
      <c r="S2067" s="124">
        <f t="shared" si="32"/>
        <v>1.7691708144798999</v>
      </c>
    </row>
    <row r="2068" spans="8:19" x14ac:dyDescent="0.3">
      <c r="H2068" s="44">
        <v>2061</v>
      </c>
      <c r="I2068" s="56">
        <f>Bühler!I2094</f>
        <v>0.33514716921835064</v>
      </c>
      <c r="J2068" s="59">
        <f>Bühler!J2094</f>
        <v>1.1171572307278355</v>
      </c>
      <c r="K2068" s="59">
        <f>Bühler!K2094</f>
        <v>1.6757358460917533</v>
      </c>
      <c r="L2068" s="59">
        <f>Bühler!L2094</f>
        <v>8.0435320612404162</v>
      </c>
      <c r="M2068" s="58">
        <f>Bühler!M2094</f>
        <v>0</v>
      </c>
      <c r="N2068" s="56">
        <f>IF(Input!$D$19=1,J2068*Input!$C$19,0)+IF(Input!$D$20=1,K2068*Input!$C$20,0)+IF(Input!$D$21=1,L2068*Input!$C$21,0)+IF(Input!$D$22=1,M2068*Input!$C$22,0)</f>
        <v>0.33514716921835064</v>
      </c>
      <c r="O2068" s="59">
        <f>IF(Input!$D$19=2,J2068*Input!$C$19,0)+IF(Input!$D$20=2,K2068*Input!$C$20,0)+IF(Input!$D$21=2,L2068*Input!$C$21,0)+IF(Input!$D$22=2,M2068*Input!$C$22,0)</f>
        <v>0.83786792304587665</v>
      </c>
      <c r="P2068" s="59">
        <f>IF(Input!$D$19=3,J2068*Input!$C$19,0)+IF(Input!$D$20=3,K2068*Input!$C$20,0)+IF(Input!$D$21=3,L2068*Input!$C$21,0)+IF(Input!$D$22=3,M2068*Input!$C$22,0)</f>
        <v>0</v>
      </c>
      <c r="Q2068" s="75">
        <f>IF(Input!$D$19=4,J2068*Input!$C$19,0)+IF(Input!$D$20=4,K2068*Input!$C$20,0)+IF(Input!$D$21=4,L2068*Input!$C$21,0)+IF(Input!$D$22=4,M2068*Input!$C$22,0)</f>
        <v>0</v>
      </c>
      <c r="R2068" s="58">
        <v>60.816040197897699</v>
      </c>
      <c r="S2068" s="124">
        <f t="shared" si="32"/>
        <v>1.4523043999461862</v>
      </c>
    </row>
    <row r="2069" spans="8:19" x14ac:dyDescent="0.3">
      <c r="H2069" s="44">
        <v>2062</v>
      </c>
      <c r="I2069" s="56">
        <f>Bühler!I2095</f>
        <v>0.24374339579516413</v>
      </c>
      <c r="J2069" s="59">
        <f>Bühler!J2095</f>
        <v>0.81247798598388055</v>
      </c>
      <c r="K2069" s="59">
        <f>Bühler!K2095</f>
        <v>1.2187169789758208</v>
      </c>
      <c r="L2069" s="59">
        <f>Bühler!L2095</f>
        <v>5.8498414990839391</v>
      </c>
      <c r="M2069" s="58">
        <f>Bühler!M2095</f>
        <v>0</v>
      </c>
      <c r="N2069" s="56">
        <f>IF(Input!$D$19=1,J2069*Input!$C$19,0)+IF(Input!$D$20=1,K2069*Input!$C$20,0)+IF(Input!$D$21=1,L2069*Input!$C$21,0)+IF(Input!$D$22=1,M2069*Input!$C$22,0)</f>
        <v>0.24374339579516416</v>
      </c>
      <c r="O2069" s="59">
        <f>IF(Input!$D$19=2,J2069*Input!$C$19,0)+IF(Input!$D$20=2,K2069*Input!$C$20,0)+IF(Input!$D$21=2,L2069*Input!$C$21,0)+IF(Input!$D$22=2,M2069*Input!$C$22,0)</f>
        <v>0.60935848948791038</v>
      </c>
      <c r="P2069" s="59">
        <f>IF(Input!$D$19=3,J2069*Input!$C$19,0)+IF(Input!$D$20=3,K2069*Input!$C$20,0)+IF(Input!$D$21=3,L2069*Input!$C$21,0)+IF(Input!$D$22=3,M2069*Input!$C$22,0)</f>
        <v>0</v>
      </c>
      <c r="Q2069" s="75">
        <f>IF(Input!$D$19=4,J2069*Input!$C$19,0)+IF(Input!$D$20=4,K2069*Input!$C$20,0)+IF(Input!$D$21=4,L2069*Input!$C$21,0)+IF(Input!$D$22=4,M2069*Input!$C$22,0)</f>
        <v>0</v>
      </c>
      <c r="R2069" s="58">
        <v>58.532653642180108</v>
      </c>
      <c r="S2069" s="124">
        <f t="shared" si="32"/>
        <v>1.0562213817790447</v>
      </c>
    </row>
    <row r="2070" spans="8:19" x14ac:dyDescent="0.3">
      <c r="H2070" s="44">
        <v>2063</v>
      </c>
      <c r="I2070" s="56">
        <f>Bühler!I2096</f>
        <v>0.24374339579516413</v>
      </c>
      <c r="J2070" s="59">
        <f>Bühler!J2096</f>
        <v>0.81247798598388055</v>
      </c>
      <c r="K2070" s="59">
        <f>Bühler!K2096</f>
        <v>1.2187169789758208</v>
      </c>
      <c r="L2070" s="59">
        <f>Bühler!L2096</f>
        <v>5.8498414990839391</v>
      </c>
      <c r="M2070" s="58">
        <f>Bühler!M2096</f>
        <v>0</v>
      </c>
      <c r="N2070" s="56">
        <f>IF(Input!$D$19=1,J2070*Input!$C$19,0)+IF(Input!$D$20=1,K2070*Input!$C$20,0)+IF(Input!$D$21=1,L2070*Input!$C$21,0)+IF(Input!$D$22=1,M2070*Input!$C$22,0)</f>
        <v>0.24374339579516416</v>
      </c>
      <c r="O2070" s="59">
        <f>IF(Input!$D$19=2,J2070*Input!$C$19,0)+IF(Input!$D$20=2,K2070*Input!$C$20,0)+IF(Input!$D$21=2,L2070*Input!$C$21,0)+IF(Input!$D$22=2,M2070*Input!$C$22,0)</f>
        <v>0.60935848948791038</v>
      </c>
      <c r="P2070" s="59">
        <f>IF(Input!$D$19=3,J2070*Input!$C$19,0)+IF(Input!$D$20=3,K2070*Input!$C$20,0)+IF(Input!$D$21=3,L2070*Input!$C$21,0)+IF(Input!$D$22=3,M2070*Input!$C$22,0)</f>
        <v>0</v>
      </c>
      <c r="Q2070" s="75">
        <f>IF(Input!$D$19=4,J2070*Input!$C$19,0)+IF(Input!$D$20=4,K2070*Input!$C$20,0)+IF(Input!$D$21=4,L2070*Input!$C$21,0)+IF(Input!$D$22=4,M2070*Input!$C$22,0)</f>
        <v>0</v>
      </c>
      <c r="R2070" s="58">
        <v>57.877119688273879</v>
      </c>
      <c r="S2070" s="124">
        <f t="shared" si="32"/>
        <v>1.0562213817790447</v>
      </c>
    </row>
    <row r="2071" spans="8:19" x14ac:dyDescent="0.3">
      <c r="H2071" s="44">
        <v>2064</v>
      </c>
      <c r="I2071" s="56">
        <f>Bühler!I2097</f>
        <v>0.24374339579516413</v>
      </c>
      <c r="J2071" s="59">
        <f>Bühler!J2097</f>
        <v>0.81247798598388055</v>
      </c>
      <c r="K2071" s="59">
        <f>Bühler!K2097</f>
        <v>1.2187169789758208</v>
      </c>
      <c r="L2071" s="59">
        <f>Bühler!L2097</f>
        <v>5.8498414990839391</v>
      </c>
      <c r="M2071" s="58">
        <f>Bühler!M2097</f>
        <v>0</v>
      </c>
      <c r="N2071" s="56">
        <f>IF(Input!$D$19=1,J2071*Input!$C$19,0)+IF(Input!$D$20=1,K2071*Input!$C$20,0)+IF(Input!$D$21=1,L2071*Input!$C$21,0)+IF(Input!$D$22=1,M2071*Input!$C$22,0)</f>
        <v>0.24374339579516416</v>
      </c>
      <c r="O2071" s="59">
        <f>IF(Input!$D$19=2,J2071*Input!$C$19,0)+IF(Input!$D$20=2,K2071*Input!$C$20,0)+IF(Input!$D$21=2,L2071*Input!$C$21,0)+IF(Input!$D$22=2,M2071*Input!$C$22,0)</f>
        <v>0.60935848948791038</v>
      </c>
      <c r="P2071" s="59">
        <f>IF(Input!$D$19=3,J2071*Input!$C$19,0)+IF(Input!$D$20=3,K2071*Input!$C$20,0)+IF(Input!$D$21=3,L2071*Input!$C$21,0)+IF(Input!$D$22=3,M2071*Input!$C$22,0)</f>
        <v>0</v>
      </c>
      <c r="Q2071" s="75">
        <f>IF(Input!$D$19=4,J2071*Input!$C$19,0)+IF(Input!$D$20=4,K2071*Input!$C$20,0)+IF(Input!$D$21=4,L2071*Input!$C$21,0)+IF(Input!$D$22=4,M2071*Input!$C$22,0)</f>
        <v>0</v>
      </c>
      <c r="R2071" s="58">
        <v>56.489615481021119</v>
      </c>
      <c r="S2071" s="124">
        <f t="shared" si="32"/>
        <v>1.0562213817790447</v>
      </c>
    </row>
    <row r="2072" spans="8:19" x14ac:dyDescent="0.3">
      <c r="H2072" s="44">
        <v>2065</v>
      </c>
      <c r="I2072" s="56">
        <f>Bühler!I2098</f>
        <v>0.22084925938460301</v>
      </c>
      <c r="J2072" s="59">
        <f>Bühler!J2098</f>
        <v>0.73616419794867671</v>
      </c>
      <c r="K2072" s="59">
        <f>Bühler!K2098</f>
        <v>1.1042462969230149</v>
      </c>
      <c r="L2072" s="59">
        <f>Bühler!L2098</f>
        <v>5.3003822252304715</v>
      </c>
      <c r="M2072" s="58">
        <f>Bühler!M2098</f>
        <v>0</v>
      </c>
      <c r="N2072" s="56">
        <f>IF(Input!$D$19=1,J2072*Input!$C$19,0)+IF(Input!$D$20=1,K2072*Input!$C$20,0)+IF(Input!$D$21=1,L2072*Input!$C$21,0)+IF(Input!$D$22=1,M2072*Input!$C$22,0)</f>
        <v>0.22084925938460301</v>
      </c>
      <c r="O2072" s="59">
        <f>IF(Input!$D$19=2,J2072*Input!$C$19,0)+IF(Input!$D$20=2,K2072*Input!$C$20,0)+IF(Input!$D$21=2,L2072*Input!$C$21,0)+IF(Input!$D$22=2,M2072*Input!$C$22,0)</f>
        <v>0.55212314846150745</v>
      </c>
      <c r="P2072" s="59">
        <f>IF(Input!$D$19=3,J2072*Input!$C$19,0)+IF(Input!$D$20=3,K2072*Input!$C$20,0)+IF(Input!$D$21=3,L2072*Input!$C$21,0)+IF(Input!$D$22=3,M2072*Input!$C$22,0)</f>
        <v>0</v>
      </c>
      <c r="Q2072" s="75">
        <f>IF(Input!$D$19=4,J2072*Input!$C$19,0)+IF(Input!$D$20=4,K2072*Input!$C$20,0)+IF(Input!$D$21=4,L2072*Input!$C$21,0)+IF(Input!$D$22=4,M2072*Input!$C$22,0)</f>
        <v>0</v>
      </c>
      <c r="R2072" s="58">
        <v>55.962700322654193</v>
      </c>
      <c r="S2072" s="124">
        <f t="shared" si="32"/>
        <v>0.95701345733327969</v>
      </c>
    </row>
    <row r="2073" spans="8:19" x14ac:dyDescent="0.3">
      <c r="H2073" s="44">
        <v>2066</v>
      </c>
      <c r="I2073" s="56">
        <f>Bühler!I2099</f>
        <v>0.24845541680767833</v>
      </c>
      <c r="J2073" s="59">
        <f>Bühler!J2099</f>
        <v>0.82818472269226118</v>
      </c>
      <c r="K2073" s="59">
        <f>Bühler!K2099</f>
        <v>1.2422770840383917</v>
      </c>
      <c r="L2073" s="59">
        <f>Bühler!L2099</f>
        <v>5.9629300033842796</v>
      </c>
      <c r="M2073" s="58">
        <f>Bühler!M2099</f>
        <v>0</v>
      </c>
      <c r="N2073" s="56">
        <f>IF(Input!$D$19=1,J2073*Input!$C$19,0)+IF(Input!$D$20=1,K2073*Input!$C$20,0)+IF(Input!$D$21=1,L2073*Input!$C$21,0)+IF(Input!$D$22=1,M2073*Input!$C$22,0)</f>
        <v>0.24845541680767835</v>
      </c>
      <c r="O2073" s="59">
        <f>IF(Input!$D$19=2,J2073*Input!$C$19,0)+IF(Input!$D$20=2,K2073*Input!$C$20,0)+IF(Input!$D$21=2,L2073*Input!$C$21,0)+IF(Input!$D$22=2,M2073*Input!$C$22,0)</f>
        <v>0.62113854201919583</v>
      </c>
      <c r="P2073" s="59">
        <f>IF(Input!$D$19=3,J2073*Input!$C$19,0)+IF(Input!$D$20=3,K2073*Input!$C$20,0)+IF(Input!$D$21=3,L2073*Input!$C$21,0)+IF(Input!$D$22=3,M2073*Input!$C$22,0)</f>
        <v>0</v>
      </c>
      <c r="Q2073" s="75">
        <f>IF(Input!$D$19=4,J2073*Input!$C$19,0)+IF(Input!$D$20=4,K2073*Input!$C$20,0)+IF(Input!$D$21=4,L2073*Input!$C$21,0)+IF(Input!$D$22=4,M2073*Input!$C$22,0)</f>
        <v>0</v>
      </c>
      <c r="R2073" s="58">
        <v>55.528518658693081</v>
      </c>
      <c r="S2073" s="124">
        <f t="shared" si="32"/>
        <v>1.0766401394999394</v>
      </c>
    </row>
    <row r="2074" spans="8:19" x14ac:dyDescent="0.3">
      <c r="H2074" s="44">
        <v>2067</v>
      </c>
      <c r="I2074" s="56">
        <f>Bühler!I2100</f>
        <v>0.24845541680767833</v>
      </c>
      <c r="J2074" s="59">
        <f>Bühler!J2100</f>
        <v>0.82818472269226118</v>
      </c>
      <c r="K2074" s="59">
        <f>Bühler!K2100</f>
        <v>1.2422770840383917</v>
      </c>
      <c r="L2074" s="59">
        <f>Bühler!L2100</f>
        <v>5.9629300033842796</v>
      </c>
      <c r="M2074" s="58">
        <f>Bühler!M2100</f>
        <v>0</v>
      </c>
      <c r="N2074" s="56">
        <f>IF(Input!$D$19=1,J2074*Input!$C$19,0)+IF(Input!$D$20=1,K2074*Input!$C$20,0)+IF(Input!$D$21=1,L2074*Input!$C$21,0)+IF(Input!$D$22=1,M2074*Input!$C$22,0)</f>
        <v>0.24845541680767835</v>
      </c>
      <c r="O2074" s="59">
        <f>IF(Input!$D$19=2,J2074*Input!$C$19,0)+IF(Input!$D$20=2,K2074*Input!$C$20,0)+IF(Input!$D$21=2,L2074*Input!$C$21,0)+IF(Input!$D$22=2,M2074*Input!$C$22,0)</f>
        <v>0.62113854201919583</v>
      </c>
      <c r="P2074" s="59">
        <f>IF(Input!$D$19=3,J2074*Input!$C$19,0)+IF(Input!$D$20=3,K2074*Input!$C$20,0)+IF(Input!$D$21=3,L2074*Input!$C$21,0)+IF(Input!$D$22=3,M2074*Input!$C$22,0)</f>
        <v>0</v>
      </c>
      <c r="Q2074" s="75">
        <f>IF(Input!$D$19=4,J2074*Input!$C$19,0)+IF(Input!$D$20=4,K2074*Input!$C$20,0)+IF(Input!$D$21=4,L2074*Input!$C$21,0)+IF(Input!$D$22=4,M2074*Input!$C$22,0)</f>
        <v>0</v>
      </c>
      <c r="R2074" s="58">
        <v>55.860801719200666</v>
      </c>
      <c r="S2074" s="124">
        <f t="shared" si="32"/>
        <v>1.0766401394999394</v>
      </c>
    </row>
    <row r="2075" spans="8:19" x14ac:dyDescent="0.3">
      <c r="H2075" s="44">
        <v>2068</v>
      </c>
      <c r="I2075" s="56">
        <f>Bühler!I2101</f>
        <v>0.24845541680767833</v>
      </c>
      <c r="J2075" s="59">
        <f>Bühler!J2101</f>
        <v>0.82818472269226118</v>
      </c>
      <c r="K2075" s="59">
        <f>Bühler!K2101</f>
        <v>1.2422770840383917</v>
      </c>
      <c r="L2075" s="59">
        <f>Bühler!L2101</f>
        <v>5.9629300033842796</v>
      </c>
      <c r="M2075" s="58">
        <f>Bühler!M2101</f>
        <v>0</v>
      </c>
      <c r="N2075" s="56">
        <f>IF(Input!$D$19=1,J2075*Input!$C$19,0)+IF(Input!$D$20=1,K2075*Input!$C$20,0)+IF(Input!$D$21=1,L2075*Input!$C$21,0)+IF(Input!$D$22=1,M2075*Input!$C$22,0)</f>
        <v>0.24845541680767835</v>
      </c>
      <c r="O2075" s="59">
        <f>IF(Input!$D$19=2,J2075*Input!$C$19,0)+IF(Input!$D$20=2,K2075*Input!$C$20,0)+IF(Input!$D$21=2,L2075*Input!$C$21,0)+IF(Input!$D$22=2,M2075*Input!$C$22,0)</f>
        <v>0.62113854201919583</v>
      </c>
      <c r="P2075" s="59">
        <f>IF(Input!$D$19=3,J2075*Input!$C$19,0)+IF(Input!$D$20=3,K2075*Input!$C$20,0)+IF(Input!$D$21=3,L2075*Input!$C$21,0)+IF(Input!$D$22=3,M2075*Input!$C$22,0)</f>
        <v>0</v>
      </c>
      <c r="Q2075" s="75">
        <f>IF(Input!$D$19=4,J2075*Input!$C$19,0)+IF(Input!$D$20=4,K2075*Input!$C$20,0)+IF(Input!$D$21=4,L2075*Input!$C$21,0)+IF(Input!$D$22=4,M2075*Input!$C$22,0)</f>
        <v>0</v>
      </c>
      <c r="R2075" s="58">
        <v>55.872261675211206</v>
      </c>
      <c r="S2075" s="124">
        <f t="shared" si="32"/>
        <v>1.0766401394999394</v>
      </c>
    </row>
    <row r="2076" spans="8:19" x14ac:dyDescent="0.3">
      <c r="H2076" s="44">
        <v>2069</v>
      </c>
      <c r="I2076" s="56">
        <f>Bühler!I2102</f>
        <v>0.24845541680767833</v>
      </c>
      <c r="J2076" s="59">
        <f>Bühler!J2102</f>
        <v>0.82818472269226118</v>
      </c>
      <c r="K2076" s="59">
        <f>Bühler!K2102</f>
        <v>1.2422770840383917</v>
      </c>
      <c r="L2076" s="59">
        <f>Bühler!L2102</f>
        <v>5.9629300033842796</v>
      </c>
      <c r="M2076" s="58">
        <f>Bühler!M2102</f>
        <v>0</v>
      </c>
      <c r="N2076" s="56">
        <f>IF(Input!$D$19=1,J2076*Input!$C$19,0)+IF(Input!$D$20=1,K2076*Input!$C$20,0)+IF(Input!$D$21=1,L2076*Input!$C$21,0)+IF(Input!$D$22=1,M2076*Input!$C$22,0)</f>
        <v>0.24845541680767835</v>
      </c>
      <c r="O2076" s="59">
        <f>IF(Input!$D$19=2,J2076*Input!$C$19,0)+IF(Input!$D$20=2,K2076*Input!$C$20,0)+IF(Input!$D$21=2,L2076*Input!$C$21,0)+IF(Input!$D$22=2,M2076*Input!$C$22,0)</f>
        <v>0.62113854201919583</v>
      </c>
      <c r="P2076" s="59">
        <f>IF(Input!$D$19=3,J2076*Input!$C$19,0)+IF(Input!$D$20=3,K2076*Input!$C$20,0)+IF(Input!$D$21=3,L2076*Input!$C$21,0)+IF(Input!$D$22=3,M2076*Input!$C$22,0)</f>
        <v>0</v>
      </c>
      <c r="Q2076" s="75">
        <f>IF(Input!$D$19=4,J2076*Input!$C$19,0)+IF(Input!$D$20=4,K2076*Input!$C$20,0)+IF(Input!$D$21=4,L2076*Input!$C$21,0)+IF(Input!$D$22=4,M2076*Input!$C$22,0)</f>
        <v>0</v>
      </c>
      <c r="R2076" s="58">
        <v>56.734317557355986</v>
      </c>
      <c r="S2076" s="124">
        <f t="shared" si="32"/>
        <v>1.0766401394999394</v>
      </c>
    </row>
    <row r="2077" spans="8:19" x14ac:dyDescent="0.3">
      <c r="H2077" s="44">
        <v>2070</v>
      </c>
      <c r="I2077" s="56">
        <f>Bühler!I2103</f>
        <v>0.32023142610767436</v>
      </c>
      <c r="J2077" s="59">
        <f>Bühler!J2103</f>
        <v>1.0674380870255813</v>
      </c>
      <c r="K2077" s="59">
        <f>Bühler!K2103</f>
        <v>1.6011571305383716</v>
      </c>
      <c r="L2077" s="59">
        <f>Bühler!L2103</f>
        <v>7.6855542265841841</v>
      </c>
      <c r="M2077" s="58">
        <f>Bühler!M2103</f>
        <v>0</v>
      </c>
      <c r="N2077" s="56">
        <f>IF(Input!$D$19=1,J2077*Input!$C$19,0)+IF(Input!$D$20=1,K2077*Input!$C$20,0)+IF(Input!$D$21=1,L2077*Input!$C$21,0)+IF(Input!$D$22=1,M2077*Input!$C$22,0)</f>
        <v>0.32023142610767436</v>
      </c>
      <c r="O2077" s="59">
        <f>IF(Input!$D$19=2,J2077*Input!$C$19,0)+IF(Input!$D$20=2,K2077*Input!$C$20,0)+IF(Input!$D$21=2,L2077*Input!$C$21,0)+IF(Input!$D$22=2,M2077*Input!$C$22,0)</f>
        <v>0.8005785652691858</v>
      </c>
      <c r="P2077" s="59">
        <f>IF(Input!$D$19=3,J2077*Input!$C$19,0)+IF(Input!$D$20=3,K2077*Input!$C$20,0)+IF(Input!$D$21=3,L2077*Input!$C$21,0)+IF(Input!$D$22=3,M2077*Input!$C$22,0)</f>
        <v>0</v>
      </c>
      <c r="Q2077" s="75">
        <f>IF(Input!$D$19=4,J2077*Input!$C$19,0)+IF(Input!$D$20=4,K2077*Input!$C$20,0)+IF(Input!$D$21=4,L2077*Input!$C$21,0)+IF(Input!$D$22=4,M2077*Input!$C$22,0)</f>
        <v>0</v>
      </c>
      <c r="R2077" s="58">
        <v>59.952829105616182</v>
      </c>
      <c r="S2077" s="124">
        <f t="shared" si="32"/>
        <v>1.3876695131332557</v>
      </c>
    </row>
    <row r="2078" spans="8:19" x14ac:dyDescent="0.3">
      <c r="H2078" s="44">
        <v>2071</v>
      </c>
      <c r="I2078" s="56">
        <f>Bühler!I2104</f>
        <v>0.36992250946921007</v>
      </c>
      <c r="J2078" s="59">
        <f>Bühler!J2104</f>
        <v>1.2330750315640335</v>
      </c>
      <c r="K2078" s="59">
        <f>Bühler!K2104</f>
        <v>1.8496125473460503</v>
      </c>
      <c r="L2078" s="59">
        <f>Bühler!L2104</f>
        <v>8.8781402272610404</v>
      </c>
      <c r="M2078" s="58">
        <f>Bühler!M2104</f>
        <v>0</v>
      </c>
      <c r="N2078" s="56">
        <f>IF(Input!$D$19=1,J2078*Input!$C$19,0)+IF(Input!$D$20=1,K2078*Input!$C$20,0)+IF(Input!$D$21=1,L2078*Input!$C$21,0)+IF(Input!$D$22=1,M2078*Input!$C$22,0)</f>
        <v>0.36992250946921007</v>
      </c>
      <c r="O2078" s="59">
        <f>IF(Input!$D$19=2,J2078*Input!$C$19,0)+IF(Input!$D$20=2,K2078*Input!$C$20,0)+IF(Input!$D$21=2,L2078*Input!$C$21,0)+IF(Input!$D$22=2,M2078*Input!$C$22,0)</f>
        <v>0.92480627367302515</v>
      </c>
      <c r="P2078" s="59">
        <f>IF(Input!$D$19=3,J2078*Input!$C$19,0)+IF(Input!$D$20=3,K2078*Input!$C$20,0)+IF(Input!$D$21=3,L2078*Input!$C$21,0)+IF(Input!$D$22=3,M2078*Input!$C$22,0)</f>
        <v>0</v>
      </c>
      <c r="Q2078" s="75">
        <f>IF(Input!$D$19=4,J2078*Input!$C$19,0)+IF(Input!$D$20=4,K2078*Input!$C$20,0)+IF(Input!$D$21=4,L2078*Input!$C$21,0)+IF(Input!$D$22=4,M2078*Input!$C$22,0)</f>
        <v>0</v>
      </c>
      <c r="R2078" s="58">
        <v>63.382906000718755</v>
      </c>
      <c r="S2078" s="124">
        <f t="shared" si="32"/>
        <v>1.6029975410332435</v>
      </c>
    </row>
    <row r="2079" spans="8:19" x14ac:dyDescent="0.3">
      <c r="H2079" s="44">
        <v>2072</v>
      </c>
      <c r="I2079" s="56">
        <f>Bühler!I2105</f>
        <v>0.36992250946921007</v>
      </c>
      <c r="J2079" s="59">
        <f>Bühler!J2105</f>
        <v>1.2330750315640335</v>
      </c>
      <c r="K2079" s="59">
        <f>Bühler!K2105</f>
        <v>1.8496125473460503</v>
      </c>
      <c r="L2079" s="59">
        <f>Bühler!L2105</f>
        <v>8.8781402272610404</v>
      </c>
      <c r="M2079" s="58">
        <f>Bühler!M2105</f>
        <v>0</v>
      </c>
      <c r="N2079" s="56">
        <f>IF(Input!$D$19=1,J2079*Input!$C$19,0)+IF(Input!$D$20=1,K2079*Input!$C$20,0)+IF(Input!$D$21=1,L2079*Input!$C$21,0)+IF(Input!$D$22=1,M2079*Input!$C$22,0)</f>
        <v>0.36992250946921007</v>
      </c>
      <c r="O2079" s="59">
        <f>IF(Input!$D$19=2,J2079*Input!$C$19,0)+IF(Input!$D$20=2,K2079*Input!$C$20,0)+IF(Input!$D$21=2,L2079*Input!$C$21,0)+IF(Input!$D$22=2,M2079*Input!$C$22,0)</f>
        <v>0.92480627367302515</v>
      </c>
      <c r="P2079" s="59">
        <f>IF(Input!$D$19=3,J2079*Input!$C$19,0)+IF(Input!$D$20=3,K2079*Input!$C$20,0)+IF(Input!$D$21=3,L2079*Input!$C$21,0)+IF(Input!$D$22=3,M2079*Input!$C$22,0)</f>
        <v>0</v>
      </c>
      <c r="Q2079" s="75">
        <f>IF(Input!$D$19=4,J2079*Input!$C$19,0)+IF(Input!$D$20=4,K2079*Input!$C$20,0)+IF(Input!$D$21=4,L2079*Input!$C$21,0)+IF(Input!$D$22=4,M2079*Input!$C$22,0)</f>
        <v>0</v>
      </c>
      <c r="R2079" s="58">
        <v>64.984747898309351</v>
      </c>
      <c r="S2079" s="124">
        <f t="shared" si="32"/>
        <v>1.6029975410332435</v>
      </c>
    </row>
    <row r="2080" spans="8:19" x14ac:dyDescent="0.3">
      <c r="H2080" s="44">
        <v>2073</v>
      </c>
      <c r="I2080" s="56">
        <f>Bühler!I2106</f>
        <v>0.36992250946921007</v>
      </c>
      <c r="J2080" s="59">
        <f>Bühler!J2106</f>
        <v>1.2330750315640335</v>
      </c>
      <c r="K2080" s="59">
        <f>Bühler!K2106</f>
        <v>1.8496125473460503</v>
      </c>
      <c r="L2080" s="59">
        <f>Bühler!L2106</f>
        <v>8.8781402272610404</v>
      </c>
      <c r="M2080" s="58">
        <f>Bühler!M2106</f>
        <v>0</v>
      </c>
      <c r="N2080" s="56">
        <f>IF(Input!$D$19=1,J2080*Input!$C$19,0)+IF(Input!$D$20=1,K2080*Input!$C$20,0)+IF(Input!$D$21=1,L2080*Input!$C$21,0)+IF(Input!$D$22=1,M2080*Input!$C$22,0)</f>
        <v>0.36992250946921007</v>
      </c>
      <c r="O2080" s="59">
        <f>IF(Input!$D$19=2,J2080*Input!$C$19,0)+IF(Input!$D$20=2,K2080*Input!$C$20,0)+IF(Input!$D$21=2,L2080*Input!$C$21,0)+IF(Input!$D$22=2,M2080*Input!$C$22,0)</f>
        <v>0.92480627367302515</v>
      </c>
      <c r="P2080" s="59">
        <f>IF(Input!$D$19=3,J2080*Input!$C$19,0)+IF(Input!$D$20=3,K2080*Input!$C$20,0)+IF(Input!$D$21=3,L2080*Input!$C$21,0)+IF(Input!$D$22=3,M2080*Input!$C$22,0)</f>
        <v>0</v>
      </c>
      <c r="Q2080" s="75">
        <f>IF(Input!$D$19=4,J2080*Input!$C$19,0)+IF(Input!$D$20=4,K2080*Input!$C$20,0)+IF(Input!$D$21=4,L2080*Input!$C$21,0)+IF(Input!$D$22=4,M2080*Input!$C$22,0)</f>
        <v>0</v>
      </c>
      <c r="R2080" s="58">
        <v>65.80378853130064</v>
      </c>
      <c r="S2080" s="124">
        <f t="shared" si="32"/>
        <v>1.6029975410332435</v>
      </c>
    </row>
    <row r="2081" spans="8:19" x14ac:dyDescent="0.3">
      <c r="H2081" s="44">
        <v>2074</v>
      </c>
      <c r="I2081" s="56">
        <f>Bühler!I2107</f>
        <v>0.39752866689228539</v>
      </c>
      <c r="J2081" s="59">
        <f>Bühler!J2107</f>
        <v>1.3250955563076181</v>
      </c>
      <c r="K2081" s="59">
        <f>Bühler!K2107</f>
        <v>1.987643334461427</v>
      </c>
      <c r="L2081" s="59">
        <f>Bühler!L2107</f>
        <v>9.5406880054148502</v>
      </c>
      <c r="M2081" s="58">
        <f>Bühler!M2107</f>
        <v>0</v>
      </c>
      <c r="N2081" s="56">
        <f>IF(Input!$D$19=1,J2081*Input!$C$19,0)+IF(Input!$D$20=1,K2081*Input!$C$20,0)+IF(Input!$D$21=1,L2081*Input!$C$21,0)+IF(Input!$D$22=1,M2081*Input!$C$22,0)</f>
        <v>0.39752866689228544</v>
      </c>
      <c r="O2081" s="59">
        <f>IF(Input!$D$19=2,J2081*Input!$C$19,0)+IF(Input!$D$20=2,K2081*Input!$C$20,0)+IF(Input!$D$21=2,L2081*Input!$C$21,0)+IF(Input!$D$22=2,M2081*Input!$C$22,0)</f>
        <v>0.99382166723071352</v>
      </c>
      <c r="P2081" s="59">
        <f>IF(Input!$D$19=3,J2081*Input!$C$19,0)+IF(Input!$D$20=3,K2081*Input!$C$20,0)+IF(Input!$D$21=3,L2081*Input!$C$21,0)+IF(Input!$D$22=3,M2081*Input!$C$22,0)</f>
        <v>0</v>
      </c>
      <c r="Q2081" s="75">
        <f>IF(Input!$D$19=4,J2081*Input!$C$19,0)+IF(Input!$D$20=4,K2081*Input!$C$20,0)+IF(Input!$D$21=4,L2081*Input!$C$21,0)+IF(Input!$D$22=4,M2081*Input!$C$22,0)</f>
        <v>0</v>
      </c>
      <c r="R2081" s="58">
        <v>65.274095890638009</v>
      </c>
      <c r="S2081" s="124">
        <f t="shared" si="32"/>
        <v>1.7226242231999036</v>
      </c>
    </row>
    <row r="2082" spans="8:19" x14ac:dyDescent="0.3">
      <c r="H2082" s="44">
        <v>2075</v>
      </c>
      <c r="I2082" s="56">
        <f>Bühler!I2108</f>
        <v>0.43065605579997585</v>
      </c>
      <c r="J2082" s="59">
        <f>Bühler!J2108</f>
        <v>1.4355201859999196</v>
      </c>
      <c r="K2082" s="59">
        <f>Bühler!K2108</f>
        <v>2.1532802789998793</v>
      </c>
      <c r="L2082" s="59">
        <f>Bühler!L2108</f>
        <v>10.33574533919942</v>
      </c>
      <c r="M2082" s="58">
        <f>Bühler!M2108</f>
        <v>0</v>
      </c>
      <c r="N2082" s="56">
        <f>IF(Input!$D$19=1,J2082*Input!$C$19,0)+IF(Input!$D$20=1,K2082*Input!$C$20,0)+IF(Input!$D$21=1,L2082*Input!$C$21,0)+IF(Input!$D$22=1,M2082*Input!$C$22,0)</f>
        <v>0.43065605579997585</v>
      </c>
      <c r="O2082" s="59">
        <f>IF(Input!$D$19=2,J2082*Input!$C$19,0)+IF(Input!$D$20=2,K2082*Input!$C$20,0)+IF(Input!$D$21=2,L2082*Input!$C$21,0)+IF(Input!$D$22=2,M2082*Input!$C$22,0)</f>
        <v>1.0766401394999396</v>
      </c>
      <c r="P2082" s="59">
        <f>IF(Input!$D$19=3,J2082*Input!$C$19,0)+IF(Input!$D$20=3,K2082*Input!$C$20,0)+IF(Input!$D$21=3,L2082*Input!$C$21,0)+IF(Input!$D$22=3,M2082*Input!$C$22,0)</f>
        <v>0</v>
      </c>
      <c r="Q2082" s="75">
        <f>IF(Input!$D$19=4,J2082*Input!$C$19,0)+IF(Input!$D$20=4,K2082*Input!$C$20,0)+IF(Input!$D$21=4,L2082*Input!$C$21,0)+IF(Input!$D$22=4,M2082*Input!$C$22,0)</f>
        <v>0</v>
      </c>
      <c r="R2082" s="58">
        <v>66.462113599052785</v>
      </c>
      <c r="S2082" s="124">
        <f t="shared" si="32"/>
        <v>1.8661762417998955</v>
      </c>
    </row>
    <row r="2083" spans="8:19" x14ac:dyDescent="0.3">
      <c r="H2083" s="44">
        <v>2076</v>
      </c>
      <c r="I2083" s="56">
        <f>Bühler!I2109</f>
        <v>0.49691083361535665</v>
      </c>
      <c r="J2083" s="59">
        <f>Bühler!J2109</f>
        <v>1.6563694453845224</v>
      </c>
      <c r="K2083" s="59">
        <f>Bühler!K2109</f>
        <v>2.4845541680767833</v>
      </c>
      <c r="L2083" s="59">
        <f>Bühler!L2109</f>
        <v>11.925860006768559</v>
      </c>
      <c r="M2083" s="58">
        <f>Bühler!M2109</f>
        <v>0</v>
      </c>
      <c r="N2083" s="56">
        <f>IF(Input!$D$19=1,J2083*Input!$C$19,0)+IF(Input!$D$20=1,K2083*Input!$C$20,0)+IF(Input!$D$21=1,L2083*Input!$C$21,0)+IF(Input!$D$22=1,M2083*Input!$C$22,0)</f>
        <v>0.49691083361535671</v>
      </c>
      <c r="O2083" s="59">
        <f>IF(Input!$D$19=2,J2083*Input!$C$19,0)+IF(Input!$D$20=2,K2083*Input!$C$20,0)+IF(Input!$D$21=2,L2083*Input!$C$21,0)+IF(Input!$D$22=2,M2083*Input!$C$22,0)</f>
        <v>1.2422770840383917</v>
      </c>
      <c r="P2083" s="59">
        <f>IF(Input!$D$19=3,J2083*Input!$C$19,0)+IF(Input!$D$20=3,K2083*Input!$C$20,0)+IF(Input!$D$21=3,L2083*Input!$C$21,0)+IF(Input!$D$22=3,M2083*Input!$C$22,0)</f>
        <v>0</v>
      </c>
      <c r="Q2083" s="75">
        <f>IF(Input!$D$19=4,J2083*Input!$C$19,0)+IF(Input!$D$20=4,K2083*Input!$C$20,0)+IF(Input!$D$21=4,L2083*Input!$C$21,0)+IF(Input!$D$22=4,M2083*Input!$C$22,0)</f>
        <v>0</v>
      </c>
      <c r="R2083" s="58">
        <v>66.48971868469232</v>
      </c>
      <c r="S2083" s="124">
        <f t="shared" si="32"/>
        <v>2.1532802789998788</v>
      </c>
    </row>
    <row r="2084" spans="8:19" x14ac:dyDescent="0.3">
      <c r="H2084" s="44">
        <v>2077</v>
      </c>
      <c r="I2084" s="56">
        <f>Bühler!I2110</f>
        <v>0.49691083361535665</v>
      </c>
      <c r="J2084" s="59">
        <f>Bühler!J2110</f>
        <v>1.6563694453845224</v>
      </c>
      <c r="K2084" s="59">
        <f>Bühler!K2110</f>
        <v>2.4845541680767833</v>
      </c>
      <c r="L2084" s="59">
        <f>Bühler!L2110</f>
        <v>11.925860006768559</v>
      </c>
      <c r="M2084" s="58">
        <f>Bühler!M2110</f>
        <v>0</v>
      </c>
      <c r="N2084" s="56">
        <f>IF(Input!$D$19=1,J2084*Input!$C$19,0)+IF(Input!$D$20=1,K2084*Input!$C$20,0)+IF(Input!$D$21=1,L2084*Input!$C$21,0)+IF(Input!$D$22=1,M2084*Input!$C$22,0)</f>
        <v>0.49691083361535671</v>
      </c>
      <c r="O2084" s="59">
        <f>IF(Input!$D$19=2,J2084*Input!$C$19,0)+IF(Input!$D$20=2,K2084*Input!$C$20,0)+IF(Input!$D$21=2,L2084*Input!$C$21,0)+IF(Input!$D$22=2,M2084*Input!$C$22,0)</f>
        <v>1.2422770840383917</v>
      </c>
      <c r="P2084" s="59">
        <f>IF(Input!$D$19=3,J2084*Input!$C$19,0)+IF(Input!$D$20=3,K2084*Input!$C$20,0)+IF(Input!$D$21=3,L2084*Input!$C$21,0)+IF(Input!$D$22=3,M2084*Input!$C$22,0)</f>
        <v>0</v>
      </c>
      <c r="Q2084" s="75">
        <f>IF(Input!$D$19=4,J2084*Input!$C$19,0)+IF(Input!$D$20=4,K2084*Input!$C$20,0)+IF(Input!$D$21=4,L2084*Input!$C$21,0)+IF(Input!$D$22=4,M2084*Input!$C$22,0)</f>
        <v>0</v>
      </c>
      <c r="R2084" s="58">
        <v>65.985997697291452</v>
      </c>
      <c r="S2084" s="124">
        <f t="shared" si="32"/>
        <v>2.1532802789998788</v>
      </c>
    </row>
    <row r="2085" spans="8:19" x14ac:dyDescent="0.3">
      <c r="H2085" s="44">
        <v>2078</v>
      </c>
      <c r="I2085" s="56">
        <f>Bühler!I2111</f>
        <v>0.49691083361535665</v>
      </c>
      <c r="J2085" s="59">
        <f>Bühler!J2111</f>
        <v>1.6563694453845224</v>
      </c>
      <c r="K2085" s="59">
        <f>Bühler!K2111</f>
        <v>2.4845541680767833</v>
      </c>
      <c r="L2085" s="59">
        <f>Bühler!L2111</f>
        <v>11.925860006768559</v>
      </c>
      <c r="M2085" s="58">
        <f>Bühler!M2111</f>
        <v>0</v>
      </c>
      <c r="N2085" s="56">
        <f>IF(Input!$D$19=1,J2085*Input!$C$19,0)+IF(Input!$D$20=1,K2085*Input!$C$20,0)+IF(Input!$D$21=1,L2085*Input!$C$21,0)+IF(Input!$D$22=1,M2085*Input!$C$22,0)</f>
        <v>0.49691083361535671</v>
      </c>
      <c r="O2085" s="59">
        <f>IF(Input!$D$19=2,J2085*Input!$C$19,0)+IF(Input!$D$20=2,K2085*Input!$C$20,0)+IF(Input!$D$21=2,L2085*Input!$C$21,0)+IF(Input!$D$22=2,M2085*Input!$C$22,0)</f>
        <v>1.2422770840383917</v>
      </c>
      <c r="P2085" s="59">
        <f>IF(Input!$D$19=3,J2085*Input!$C$19,0)+IF(Input!$D$20=3,K2085*Input!$C$20,0)+IF(Input!$D$21=3,L2085*Input!$C$21,0)+IF(Input!$D$22=3,M2085*Input!$C$22,0)</f>
        <v>0</v>
      </c>
      <c r="Q2085" s="75">
        <f>IF(Input!$D$19=4,J2085*Input!$C$19,0)+IF(Input!$D$20=4,K2085*Input!$C$20,0)+IF(Input!$D$21=4,L2085*Input!$C$21,0)+IF(Input!$D$22=4,M2085*Input!$C$22,0)</f>
        <v>0</v>
      </c>
      <c r="R2085" s="58">
        <v>65.248356934803368</v>
      </c>
      <c r="S2085" s="124">
        <f t="shared" si="32"/>
        <v>2.1532802789998788</v>
      </c>
    </row>
    <row r="2086" spans="8:19" x14ac:dyDescent="0.3">
      <c r="H2086" s="44">
        <v>2079</v>
      </c>
      <c r="I2086" s="56">
        <f>Bühler!I2112</f>
        <v>0.49691083361535665</v>
      </c>
      <c r="J2086" s="59">
        <f>Bühler!J2112</f>
        <v>1.6563694453845224</v>
      </c>
      <c r="K2086" s="59">
        <f>Bühler!K2112</f>
        <v>2.4845541680767833</v>
      </c>
      <c r="L2086" s="59">
        <f>Bühler!L2112</f>
        <v>11.925860006768559</v>
      </c>
      <c r="M2086" s="58">
        <f>Bühler!M2112</f>
        <v>0</v>
      </c>
      <c r="N2086" s="56">
        <f>IF(Input!$D$19=1,J2086*Input!$C$19,0)+IF(Input!$D$20=1,K2086*Input!$C$20,0)+IF(Input!$D$21=1,L2086*Input!$C$21,0)+IF(Input!$D$22=1,M2086*Input!$C$22,0)</f>
        <v>0.49691083361535671</v>
      </c>
      <c r="O2086" s="59">
        <f>IF(Input!$D$19=2,J2086*Input!$C$19,0)+IF(Input!$D$20=2,K2086*Input!$C$20,0)+IF(Input!$D$21=2,L2086*Input!$C$21,0)+IF(Input!$D$22=2,M2086*Input!$C$22,0)</f>
        <v>1.2422770840383917</v>
      </c>
      <c r="P2086" s="59">
        <f>IF(Input!$D$19=3,J2086*Input!$C$19,0)+IF(Input!$D$20=3,K2086*Input!$C$20,0)+IF(Input!$D$21=3,L2086*Input!$C$21,0)+IF(Input!$D$22=3,M2086*Input!$C$22,0)</f>
        <v>0</v>
      </c>
      <c r="Q2086" s="75">
        <f>IF(Input!$D$19=4,J2086*Input!$C$19,0)+IF(Input!$D$20=4,K2086*Input!$C$20,0)+IF(Input!$D$21=4,L2086*Input!$C$21,0)+IF(Input!$D$22=4,M2086*Input!$C$22,0)</f>
        <v>0</v>
      </c>
      <c r="R2086" s="58">
        <v>65.561757905375842</v>
      </c>
      <c r="S2086" s="124">
        <f t="shared" si="32"/>
        <v>2.1532802789998788</v>
      </c>
    </row>
    <row r="2087" spans="8:19" x14ac:dyDescent="0.3">
      <c r="H2087" s="44">
        <v>2080</v>
      </c>
      <c r="I2087" s="56">
        <f>Bühler!I2113</f>
        <v>0.49691083361535665</v>
      </c>
      <c r="J2087" s="59">
        <f>Bühler!J2113</f>
        <v>1.6563694453845224</v>
      </c>
      <c r="K2087" s="59">
        <f>Bühler!K2113</f>
        <v>2.4845541680767833</v>
      </c>
      <c r="L2087" s="59">
        <f>Bühler!L2113</f>
        <v>11.925860006768559</v>
      </c>
      <c r="M2087" s="58">
        <f>Bühler!M2113</f>
        <v>0</v>
      </c>
      <c r="N2087" s="56">
        <f>IF(Input!$D$19=1,J2087*Input!$C$19,0)+IF(Input!$D$20=1,K2087*Input!$C$20,0)+IF(Input!$D$21=1,L2087*Input!$C$21,0)+IF(Input!$D$22=1,M2087*Input!$C$22,0)</f>
        <v>0.49691083361535671</v>
      </c>
      <c r="O2087" s="59">
        <f>IF(Input!$D$19=2,J2087*Input!$C$19,0)+IF(Input!$D$20=2,K2087*Input!$C$20,0)+IF(Input!$D$21=2,L2087*Input!$C$21,0)+IF(Input!$D$22=2,M2087*Input!$C$22,0)</f>
        <v>1.2422770840383917</v>
      </c>
      <c r="P2087" s="59">
        <f>IF(Input!$D$19=3,J2087*Input!$C$19,0)+IF(Input!$D$20=3,K2087*Input!$C$20,0)+IF(Input!$D$21=3,L2087*Input!$C$21,0)+IF(Input!$D$22=3,M2087*Input!$C$22,0)</f>
        <v>0</v>
      </c>
      <c r="Q2087" s="75">
        <f>IF(Input!$D$19=4,J2087*Input!$C$19,0)+IF(Input!$D$20=4,K2087*Input!$C$20,0)+IF(Input!$D$21=4,L2087*Input!$C$21,0)+IF(Input!$D$22=4,M2087*Input!$C$22,0)</f>
        <v>0</v>
      </c>
      <c r="R2087" s="58">
        <v>64.519201527929752</v>
      </c>
      <c r="S2087" s="124">
        <f t="shared" si="32"/>
        <v>2.1532802789998788</v>
      </c>
    </row>
    <row r="2088" spans="8:19" x14ac:dyDescent="0.3">
      <c r="H2088" s="44">
        <v>2081</v>
      </c>
      <c r="I2088" s="56">
        <f>Bühler!I2114</f>
        <v>0.49691083361535665</v>
      </c>
      <c r="J2088" s="59">
        <f>Bühler!J2114</f>
        <v>1.6563694453845224</v>
      </c>
      <c r="K2088" s="59">
        <f>Bühler!K2114</f>
        <v>2.4845541680767833</v>
      </c>
      <c r="L2088" s="59">
        <f>Bühler!L2114</f>
        <v>11.925860006768559</v>
      </c>
      <c r="M2088" s="58">
        <f>Bühler!M2114</f>
        <v>0</v>
      </c>
      <c r="N2088" s="56">
        <f>IF(Input!$D$19=1,J2088*Input!$C$19,0)+IF(Input!$D$20=1,K2088*Input!$C$20,0)+IF(Input!$D$21=1,L2088*Input!$C$21,0)+IF(Input!$D$22=1,M2088*Input!$C$22,0)</f>
        <v>0.49691083361535671</v>
      </c>
      <c r="O2088" s="59">
        <f>IF(Input!$D$19=2,J2088*Input!$C$19,0)+IF(Input!$D$20=2,K2088*Input!$C$20,0)+IF(Input!$D$21=2,L2088*Input!$C$21,0)+IF(Input!$D$22=2,M2088*Input!$C$22,0)</f>
        <v>1.2422770840383917</v>
      </c>
      <c r="P2088" s="59">
        <f>IF(Input!$D$19=3,J2088*Input!$C$19,0)+IF(Input!$D$20=3,K2088*Input!$C$20,0)+IF(Input!$D$21=3,L2088*Input!$C$21,0)+IF(Input!$D$22=3,M2088*Input!$C$22,0)</f>
        <v>0</v>
      </c>
      <c r="Q2088" s="75">
        <f>IF(Input!$D$19=4,J2088*Input!$C$19,0)+IF(Input!$D$20=4,K2088*Input!$C$20,0)+IF(Input!$D$21=4,L2088*Input!$C$21,0)+IF(Input!$D$22=4,M2088*Input!$C$22,0)</f>
        <v>0</v>
      </c>
      <c r="R2088" s="58">
        <v>63.822683680831858</v>
      </c>
      <c r="S2088" s="124">
        <f t="shared" si="32"/>
        <v>2.1532802789998788</v>
      </c>
    </row>
    <row r="2089" spans="8:19" x14ac:dyDescent="0.3">
      <c r="H2089" s="44">
        <v>2082</v>
      </c>
      <c r="I2089" s="56">
        <f>Bühler!I2115</f>
        <v>0.49691083361535665</v>
      </c>
      <c r="J2089" s="59">
        <f>Bühler!J2115</f>
        <v>1.6563694453845224</v>
      </c>
      <c r="K2089" s="59">
        <f>Bühler!K2115</f>
        <v>2.4845541680767833</v>
      </c>
      <c r="L2089" s="59">
        <f>Bühler!L2115</f>
        <v>11.925860006768559</v>
      </c>
      <c r="M2089" s="58">
        <f>Bühler!M2115</f>
        <v>0</v>
      </c>
      <c r="N2089" s="56">
        <f>IF(Input!$D$19=1,J2089*Input!$C$19,0)+IF(Input!$D$20=1,K2089*Input!$C$20,0)+IF(Input!$D$21=1,L2089*Input!$C$21,0)+IF(Input!$D$22=1,M2089*Input!$C$22,0)</f>
        <v>0.49691083361535671</v>
      </c>
      <c r="O2089" s="59">
        <f>IF(Input!$D$19=2,J2089*Input!$C$19,0)+IF(Input!$D$20=2,K2089*Input!$C$20,0)+IF(Input!$D$21=2,L2089*Input!$C$21,0)+IF(Input!$D$22=2,M2089*Input!$C$22,0)</f>
        <v>1.2422770840383917</v>
      </c>
      <c r="P2089" s="59">
        <f>IF(Input!$D$19=3,J2089*Input!$C$19,0)+IF(Input!$D$20=3,K2089*Input!$C$20,0)+IF(Input!$D$21=3,L2089*Input!$C$21,0)+IF(Input!$D$22=3,M2089*Input!$C$22,0)</f>
        <v>0</v>
      </c>
      <c r="Q2089" s="75">
        <f>IF(Input!$D$19=4,J2089*Input!$C$19,0)+IF(Input!$D$20=4,K2089*Input!$C$20,0)+IF(Input!$D$21=4,L2089*Input!$C$21,0)+IF(Input!$D$22=4,M2089*Input!$C$22,0)</f>
        <v>0</v>
      </c>
      <c r="R2089" s="58">
        <v>62.522741530491444</v>
      </c>
      <c r="S2089" s="124">
        <f t="shared" si="32"/>
        <v>2.1532802789998788</v>
      </c>
    </row>
    <row r="2090" spans="8:19" x14ac:dyDescent="0.3">
      <c r="H2090" s="44">
        <v>2083</v>
      </c>
      <c r="I2090" s="56">
        <f>Bühler!I2116</f>
        <v>0.49691083361535665</v>
      </c>
      <c r="J2090" s="59">
        <f>Bühler!J2116</f>
        <v>1.6563694453845224</v>
      </c>
      <c r="K2090" s="59">
        <f>Bühler!K2116</f>
        <v>2.4845541680767833</v>
      </c>
      <c r="L2090" s="59">
        <f>Bühler!L2116</f>
        <v>11.925860006768559</v>
      </c>
      <c r="M2090" s="58">
        <f>Bühler!M2116</f>
        <v>0</v>
      </c>
      <c r="N2090" s="56">
        <f>IF(Input!$D$19=1,J2090*Input!$C$19,0)+IF(Input!$D$20=1,K2090*Input!$C$20,0)+IF(Input!$D$21=1,L2090*Input!$C$21,0)+IF(Input!$D$22=1,M2090*Input!$C$22,0)</f>
        <v>0.49691083361535671</v>
      </c>
      <c r="O2090" s="59">
        <f>IF(Input!$D$19=2,J2090*Input!$C$19,0)+IF(Input!$D$20=2,K2090*Input!$C$20,0)+IF(Input!$D$21=2,L2090*Input!$C$21,0)+IF(Input!$D$22=2,M2090*Input!$C$22,0)</f>
        <v>1.2422770840383917</v>
      </c>
      <c r="P2090" s="59">
        <f>IF(Input!$D$19=3,J2090*Input!$C$19,0)+IF(Input!$D$20=3,K2090*Input!$C$20,0)+IF(Input!$D$21=3,L2090*Input!$C$21,0)+IF(Input!$D$22=3,M2090*Input!$C$22,0)</f>
        <v>0</v>
      </c>
      <c r="Q2090" s="75">
        <f>IF(Input!$D$19=4,J2090*Input!$C$19,0)+IF(Input!$D$20=4,K2090*Input!$C$20,0)+IF(Input!$D$21=4,L2090*Input!$C$21,0)+IF(Input!$D$22=4,M2090*Input!$C$22,0)</f>
        <v>0</v>
      </c>
      <c r="R2090" s="58">
        <v>61.683305823172759</v>
      </c>
      <c r="S2090" s="124">
        <f t="shared" si="32"/>
        <v>2.1532802789998788</v>
      </c>
    </row>
    <row r="2091" spans="8:19" x14ac:dyDescent="0.3">
      <c r="H2091" s="44">
        <v>2084</v>
      </c>
      <c r="I2091" s="56">
        <f>Bühler!I2117</f>
        <v>0.41409236134613064</v>
      </c>
      <c r="J2091" s="59">
        <f>Bühler!J2117</f>
        <v>1.3803078711537689</v>
      </c>
      <c r="K2091" s="59">
        <f>Bühler!K2117</f>
        <v>2.0704618067306533</v>
      </c>
      <c r="L2091" s="59">
        <f>Bühler!L2117</f>
        <v>9.938216672307135</v>
      </c>
      <c r="M2091" s="58">
        <f>Bühler!M2117</f>
        <v>0</v>
      </c>
      <c r="N2091" s="56">
        <f>IF(Input!$D$19=1,J2091*Input!$C$19,0)+IF(Input!$D$20=1,K2091*Input!$C$20,0)+IF(Input!$D$21=1,L2091*Input!$C$21,0)+IF(Input!$D$22=1,M2091*Input!$C$22,0)</f>
        <v>0.41409236134613064</v>
      </c>
      <c r="O2091" s="59">
        <f>IF(Input!$D$19=2,J2091*Input!$C$19,0)+IF(Input!$D$20=2,K2091*Input!$C$20,0)+IF(Input!$D$21=2,L2091*Input!$C$21,0)+IF(Input!$D$22=2,M2091*Input!$C$22,0)</f>
        <v>1.0352309033653266</v>
      </c>
      <c r="P2091" s="59">
        <f>IF(Input!$D$19=3,J2091*Input!$C$19,0)+IF(Input!$D$20=3,K2091*Input!$C$20,0)+IF(Input!$D$21=3,L2091*Input!$C$21,0)+IF(Input!$D$22=3,M2091*Input!$C$22,0)</f>
        <v>0</v>
      </c>
      <c r="Q2091" s="75">
        <f>IF(Input!$D$19=4,J2091*Input!$C$19,0)+IF(Input!$D$20=4,K2091*Input!$C$20,0)+IF(Input!$D$21=4,L2091*Input!$C$21,0)+IF(Input!$D$22=4,M2091*Input!$C$22,0)</f>
        <v>0</v>
      </c>
      <c r="R2091" s="58">
        <v>61.295671392062253</v>
      </c>
      <c r="S2091" s="124">
        <f t="shared" si="32"/>
        <v>1.7944002324998996</v>
      </c>
    </row>
    <row r="2092" spans="8:19" x14ac:dyDescent="0.3">
      <c r="H2092" s="44">
        <v>2085</v>
      </c>
      <c r="I2092" s="56">
        <f>Bühler!I2118</f>
        <v>0.33127388907690453</v>
      </c>
      <c r="J2092" s="59">
        <f>Bühler!J2118</f>
        <v>1.1042462969230151</v>
      </c>
      <c r="K2092" s="59">
        <f>Bühler!K2118</f>
        <v>1.6563694453845226</v>
      </c>
      <c r="L2092" s="59">
        <f>Bühler!L2118</f>
        <v>7.9505733378457082</v>
      </c>
      <c r="M2092" s="58">
        <f>Bühler!M2118</f>
        <v>0</v>
      </c>
      <c r="N2092" s="56">
        <f>IF(Input!$D$19=1,J2092*Input!$C$19,0)+IF(Input!$D$20=1,K2092*Input!$C$20,0)+IF(Input!$D$21=1,L2092*Input!$C$21,0)+IF(Input!$D$22=1,M2092*Input!$C$22,0)</f>
        <v>0.33127388907690453</v>
      </c>
      <c r="O2092" s="59">
        <f>IF(Input!$D$19=2,J2092*Input!$C$19,0)+IF(Input!$D$20=2,K2092*Input!$C$20,0)+IF(Input!$D$21=2,L2092*Input!$C$21,0)+IF(Input!$D$22=2,M2092*Input!$C$22,0)</f>
        <v>0.82818472269226129</v>
      </c>
      <c r="P2092" s="59">
        <f>IF(Input!$D$19=3,J2092*Input!$C$19,0)+IF(Input!$D$20=3,K2092*Input!$C$20,0)+IF(Input!$D$21=3,L2092*Input!$C$21,0)+IF(Input!$D$22=3,M2092*Input!$C$22,0)</f>
        <v>0</v>
      </c>
      <c r="Q2092" s="75">
        <f>IF(Input!$D$19=4,J2092*Input!$C$19,0)+IF(Input!$D$20=4,K2092*Input!$C$20,0)+IF(Input!$D$21=4,L2092*Input!$C$21,0)+IF(Input!$D$22=4,M2092*Input!$C$22,0)</f>
        <v>0</v>
      </c>
      <c r="R2092" s="58">
        <v>60.080282648783204</v>
      </c>
      <c r="S2092" s="124">
        <f t="shared" si="32"/>
        <v>1.4355201859999196</v>
      </c>
    </row>
    <row r="2093" spans="8:19" x14ac:dyDescent="0.3">
      <c r="H2093" s="44">
        <v>2086</v>
      </c>
      <c r="I2093" s="56">
        <f>Bühler!I2119</f>
        <v>0.24845541680767833</v>
      </c>
      <c r="J2093" s="59">
        <f>Bühler!J2119</f>
        <v>0.82818472269226118</v>
      </c>
      <c r="K2093" s="59">
        <f>Bühler!K2119</f>
        <v>1.2422770840383917</v>
      </c>
      <c r="L2093" s="59">
        <f>Bühler!L2119</f>
        <v>5.9629300033842796</v>
      </c>
      <c r="M2093" s="58">
        <f>Bühler!M2119</f>
        <v>0</v>
      </c>
      <c r="N2093" s="56">
        <f>IF(Input!$D$19=1,J2093*Input!$C$19,0)+IF(Input!$D$20=1,K2093*Input!$C$20,0)+IF(Input!$D$21=1,L2093*Input!$C$21,0)+IF(Input!$D$22=1,M2093*Input!$C$22,0)</f>
        <v>0.24845541680767835</v>
      </c>
      <c r="O2093" s="59">
        <f>IF(Input!$D$19=2,J2093*Input!$C$19,0)+IF(Input!$D$20=2,K2093*Input!$C$20,0)+IF(Input!$D$21=2,L2093*Input!$C$21,0)+IF(Input!$D$22=2,M2093*Input!$C$22,0)</f>
        <v>0.62113854201919583</v>
      </c>
      <c r="P2093" s="59">
        <f>IF(Input!$D$19=3,J2093*Input!$C$19,0)+IF(Input!$D$20=3,K2093*Input!$C$20,0)+IF(Input!$D$21=3,L2093*Input!$C$21,0)+IF(Input!$D$22=3,M2093*Input!$C$22,0)</f>
        <v>0</v>
      </c>
      <c r="Q2093" s="75">
        <f>IF(Input!$D$19=4,J2093*Input!$C$19,0)+IF(Input!$D$20=4,K2093*Input!$C$20,0)+IF(Input!$D$21=4,L2093*Input!$C$21,0)+IF(Input!$D$22=4,M2093*Input!$C$22,0)</f>
        <v>0</v>
      </c>
      <c r="R2093" s="58">
        <v>58.027311892878352</v>
      </c>
      <c r="S2093" s="124">
        <f t="shared" si="32"/>
        <v>1.0766401394999394</v>
      </c>
    </row>
    <row r="2094" spans="8:19" x14ac:dyDescent="0.3">
      <c r="H2094" s="44">
        <v>2087</v>
      </c>
      <c r="I2094" s="56">
        <f>Bühler!I2120</f>
        <v>0.24845541680767833</v>
      </c>
      <c r="J2094" s="59">
        <f>Bühler!J2120</f>
        <v>0.82818472269226118</v>
      </c>
      <c r="K2094" s="59">
        <f>Bühler!K2120</f>
        <v>1.2422770840383917</v>
      </c>
      <c r="L2094" s="59">
        <f>Bühler!L2120</f>
        <v>5.9629300033842796</v>
      </c>
      <c r="M2094" s="58">
        <f>Bühler!M2120</f>
        <v>0</v>
      </c>
      <c r="N2094" s="56">
        <f>IF(Input!$D$19=1,J2094*Input!$C$19,0)+IF(Input!$D$20=1,K2094*Input!$C$20,0)+IF(Input!$D$21=1,L2094*Input!$C$21,0)+IF(Input!$D$22=1,M2094*Input!$C$22,0)</f>
        <v>0.24845541680767835</v>
      </c>
      <c r="O2094" s="59">
        <f>IF(Input!$D$19=2,J2094*Input!$C$19,0)+IF(Input!$D$20=2,K2094*Input!$C$20,0)+IF(Input!$D$21=2,L2094*Input!$C$21,0)+IF(Input!$D$22=2,M2094*Input!$C$22,0)</f>
        <v>0.62113854201919583</v>
      </c>
      <c r="P2094" s="59">
        <f>IF(Input!$D$19=3,J2094*Input!$C$19,0)+IF(Input!$D$20=3,K2094*Input!$C$20,0)+IF(Input!$D$21=3,L2094*Input!$C$21,0)+IF(Input!$D$22=3,M2094*Input!$C$22,0)</f>
        <v>0</v>
      </c>
      <c r="Q2094" s="75">
        <f>IF(Input!$D$19=4,J2094*Input!$C$19,0)+IF(Input!$D$20=4,K2094*Input!$C$20,0)+IF(Input!$D$21=4,L2094*Input!$C$21,0)+IF(Input!$D$22=4,M2094*Input!$C$22,0)</f>
        <v>0</v>
      </c>
      <c r="R2094" s="58">
        <v>57.853065513591822</v>
      </c>
      <c r="S2094" s="124">
        <f t="shared" si="32"/>
        <v>1.0766401394999394</v>
      </c>
    </row>
    <row r="2095" spans="8:19" x14ac:dyDescent="0.3">
      <c r="H2095" s="44">
        <v>2088</v>
      </c>
      <c r="I2095" s="56">
        <f>Bühler!I2121</f>
        <v>0.24845541680767833</v>
      </c>
      <c r="J2095" s="59">
        <f>Bühler!J2121</f>
        <v>0.82818472269226118</v>
      </c>
      <c r="K2095" s="59">
        <f>Bühler!K2121</f>
        <v>1.2422770840383917</v>
      </c>
      <c r="L2095" s="59">
        <f>Bühler!L2121</f>
        <v>5.9629300033842796</v>
      </c>
      <c r="M2095" s="58">
        <f>Bühler!M2121</f>
        <v>0</v>
      </c>
      <c r="N2095" s="56">
        <f>IF(Input!$D$19=1,J2095*Input!$C$19,0)+IF(Input!$D$20=1,K2095*Input!$C$20,0)+IF(Input!$D$21=1,L2095*Input!$C$21,0)+IF(Input!$D$22=1,M2095*Input!$C$22,0)</f>
        <v>0.24845541680767835</v>
      </c>
      <c r="O2095" s="59">
        <f>IF(Input!$D$19=2,J2095*Input!$C$19,0)+IF(Input!$D$20=2,K2095*Input!$C$20,0)+IF(Input!$D$21=2,L2095*Input!$C$21,0)+IF(Input!$D$22=2,M2095*Input!$C$22,0)</f>
        <v>0.62113854201919583</v>
      </c>
      <c r="P2095" s="59">
        <f>IF(Input!$D$19=3,J2095*Input!$C$19,0)+IF(Input!$D$20=3,K2095*Input!$C$20,0)+IF(Input!$D$21=3,L2095*Input!$C$21,0)+IF(Input!$D$22=3,M2095*Input!$C$22,0)</f>
        <v>0</v>
      </c>
      <c r="Q2095" s="75">
        <f>IF(Input!$D$19=4,J2095*Input!$C$19,0)+IF(Input!$D$20=4,K2095*Input!$C$20,0)+IF(Input!$D$21=4,L2095*Input!$C$21,0)+IF(Input!$D$22=4,M2095*Input!$C$22,0)</f>
        <v>0</v>
      </c>
      <c r="R2095" s="58">
        <v>56.952023319354652</v>
      </c>
      <c r="S2095" s="124">
        <f t="shared" si="32"/>
        <v>1.0766401394999394</v>
      </c>
    </row>
    <row r="2096" spans="8:19" x14ac:dyDescent="0.3">
      <c r="H2096" s="44">
        <v>2089</v>
      </c>
      <c r="I2096" s="56">
        <f>Bühler!I2122</f>
        <v>0.24634385746974219</v>
      </c>
      <c r="J2096" s="59">
        <f>Bühler!J2122</f>
        <v>0.82114619156580737</v>
      </c>
      <c r="K2096" s="59">
        <f>Bühler!K2122</f>
        <v>1.2317192873487111</v>
      </c>
      <c r="L2096" s="59">
        <f>Bühler!L2122</f>
        <v>5.9122525792738125</v>
      </c>
      <c r="M2096" s="58">
        <f>Bühler!M2122</f>
        <v>0</v>
      </c>
      <c r="N2096" s="56">
        <f>IF(Input!$D$19=1,J2096*Input!$C$19,0)+IF(Input!$D$20=1,K2096*Input!$C$20,0)+IF(Input!$D$21=1,L2096*Input!$C$21,0)+IF(Input!$D$22=1,M2096*Input!$C$22,0)</f>
        <v>0.24634385746974219</v>
      </c>
      <c r="O2096" s="59">
        <f>IF(Input!$D$19=2,J2096*Input!$C$19,0)+IF(Input!$D$20=2,K2096*Input!$C$20,0)+IF(Input!$D$21=2,L2096*Input!$C$21,0)+IF(Input!$D$22=2,M2096*Input!$C$22,0)</f>
        <v>0.61585964367435553</v>
      </c>
      <c r="P2096" s="59">
        <f>IF(Input!$D$19=3,J2096*Input!$C$19,0)+IF(Input!$D$20=3,K2096*Input!$C$20,0)+IF(Input!$D$21=3,L2096*Input!$C$21,0)+IF(Input!$D$22=3,M2096*Input!$C$22,0)</f>
        <v>0</v>
      </c>
      <c r="Q2096" s="75">
        <f>IF(Input!$D$19=4,J2096*Input!$C$19,0)+IF(Input!$D$20=4,K2096*Input!$C$20,0)+IF(Input!$D$21=4,L2096*Input!$C$21,0)+IF(Input!$D$22=4,M2096*Input!$C$22,0)</f>
        <v>0</v>
      </c>
      <c r="R2096" s="58">
        <v>56.567378591221015</v>
      </c>
      <c r="S2096" s="124">
        <f t="shared" si="32"/>
        <v>1.0674900490355497</v>
      </c>
    </row>
    <row r="2097" spans="8:19" x14ac:dyDescent="0.3">
      <c r="H2097" s="44">
        <v>2090</v>
      </c>
      <c r="I2097" s="56">
        <f>Bühler!I2123</f>
        <v>0.24634385746974219</v>
      </c>
      <c r="J2097" s="59">
        <f>Bühler!J2123</f>
        <v>0.82114619156580737</v>
      </c>
      <c r="K2097" s="59">
        <f>Bühler!K2123</f>
        <v>1.2317192873487111</v>
      </c>
      <c r="L2097" s="59">
        <f>Bühler!L2123</f>
        <v>5.9122525792738125</v>
      </c>
      <c r="M2097" s="58">
        <f>Bühler!M2123</f>
        <v>0</v>
      </c>
      <c r="N2097" s="56">
        <f>IF(Input!$D$19=1,J2097*Input!$C$19,0)+IF(Input!$D$20=1,K2097*Input!$C$20,0)+IF(Input!$D$21=1,L2097*Input!$C$21,0)+IF(Input!$D$22=1,M2097*Input!$C$22,0)</f>
        <v>0.24634385746974219</v>
      </c>
      <c r="O2097" s="59">
        <f>IF(Input!$D$19=2,J2097*Input!$C$19,0)+IF(Input!$D$20=2,K2097*Input!$C$20,0)+IF(Input!$D$21=2,L2097*Input!$C$21,0)+IF(Input!$D$22=2,M2097*Input!$C$22,0)</f>
        <v>0.61585964367435553</v>
      </c>
      <c r="P2097" s="59">
        <f>IF(Input!$D$19=3,J2097*Input!$C$19,0)+IF(Input!$D$20=3,K2097*Input!$C$20,0)+IF(Input!$D$21=3,L2097*Input!$C$21,0)+IF(Input!$D$22=3,M2097*Input!$C$22,0)</f>
        <v>0</v>
      </c>
      <c r="Q2097" s="75">
        <f>IF(Input!$D$19=4,J2097*Input!$C$19,0)+IF(Input!$D$20=4,K2097*Input!$C$20,0)+IF(Input!$D$21=4,L2097*Input!$C$21,0)+IF(Input!$D$22=4,M2097*Input!$C$22,0)</f>
        <v>0</v>
      </c>
      <c r="R2097" s="58">
        <v>56.521742691247475</v>
      </c>
      <c r="S2097" s="124">
        <f t="shared" si="32"/>
        <v>1.0674900490355497</v>
      </c>
    </row>
    <row r="2098" spans="8:19" x14ac:dyDescent="0.3">
      <c r="H2098" s="44">
        <v>2091</v>
      </c>
      <c r="I2098" s="56">
        <f>Bühler!I2124</f>
        <v>0.24634385746974219</v>
      </c>
      <c r="J2098" s="59">
        <f>Bühler!J2124</f>
        <v>0.82114619156580737</v>
      </c>
      <c r="K2098" s="59">
        <f>Bühler!K2124</f>
        <v>1.2317192873487111</v>
      </c>
      <c r="L2098" s="59">
        <f>Bühler!L2124</f>
        <v>5.9122525792738125</v>
      </c>
      <c r="M2098" s="58">
        <f>Bühler!M2124</f>
        <v>0</v>
      </c>
      <c r="N2098" s="56">
        <f>IF(Input!$D$19=1,J2098*Input!$C$19,0)+IF(Input!$D$20=1,K2098*Input!$C$20,0)+IF(Input!$D$21=1,L2098*Input!$C$21,0)+IF(Input!$D$22=1,M2098*Input!$C$22,0)</f>
        <v>0.24634385746974219</v>
      </c>
      <c r="O2098" s="59">
        <f>IF(Input!$D$19=2,J2098*Input!$C$19,0)+IF(Input!$D$20=2,K2098*Input!$C$20,0)+IF(Input!$D$21=2,L2098*Input!$C$21,0)+IF(Input!$D$22=2,M2098*Input!$C$22,0)</f>
        <v>0.61585964367435553</v>
      </c>
      <c r="P2098" s="59">
        <f>IF(Input!$D$19=3,J2098*Input!$C$19,0)+IF(Input!$D$20=3,K2098*Input!$C$20,0)+IF(Input!$D$21=3,L2098*Input!$C$21,0)+IF(Input!$D$22=3,M2098*Input!$C$22,0)</f>
        <v>0</v>
      </c>
      <c r="Q2098" s="75">
        <f>IF(Input!$D$19=4,J2098*Input!$C$19,0)+IF(Input!$D$20=4,K2098*Input!$C$20,0)+IF(Input!$D$21=4,L2098*Input!$C$21,0)+IF(Input!$D$22=4,M2098*Input!$C$22,0)</f>
        <v>0</v>
      </c>
      <c r="R2098" s="58">
        <v>56.853590032491475</v>
      </c>
      <c r="S2098" s="124">
        <f t="shared" si="32"/>
        <v>1.0674900490355497</v>
      </c>
    </row>
    <row r="2099" spans="8:19" x14ac:dyDescent="0.3">
      <c r="H2099" s="44">
        <v>2092</v>
      </c>
      <c r="I2099" s="56">
        <f>Bühler!I2125</f>
        <v>0.24634385746974219</v>
      </c>
      <c r="J2099" s="59">
        <f>Bühler!J2125</f>
        <v>0.82114619156580737</v>
      </c>
      <c r="K2099" s="59">
        <f>Bühler!K2125</f>
        <v>1.2317192873487111</v>
      </c>
      <c r="L2099" s="59">
        <f>Bühler!L2125</f>
        <v>5.9122525792738125</v>
      </c>
      <c r="M2099" s="58">
        <f>Bühler!M2125</f>
        <v>0</v>
      </c>
      <c r="N2099" s="56">
        <f>IF(Input!$D$19=1,J2099*Input!$C$19,0)+IF(Input!$D$20=1,K2099*Input!$C$20,0)+IF(Input!$D$21=1,L2099*Input!$C$21,0)+IF(Input!$D$22=1,M2099*Input!$C$22,0)</f>
        <v>0.24634385746974219</v>
      </c>
      <c r="O2099" s="59">
        <f>IF(Input!$D$19=2,J2099*Input!$C$19,0)+IF(Input!$D$20=2,K2099*Input!$C$20,0)+IF(Input!$D$21=2,L2099*Input!$C$21,0)+IF(Input!$D$22=2,M2099*Input!$C$22,0)</f>
        <v>0.61585964367435553</v>
      </c>
      <c r="P2099" s="59">
        <f>IF(Input!$D$19=3,J2099*Input!$C$19,0)+IF(Input!$D$20=3,K2099*Input!$C$20,0)+IF(Input!$D$21=3,L2099*Input!$C$21,0)+IF(Input!$D$22=3,M2099*Input!$C$22,0)</f>
        <v>0</v>
      </c>
      <c r="Q2099" s="75">
        <f>IF(Input!$D$19=4,J2099*Input!$C$19,0)+IF(Input!$D$20=4,K2099*Input!$C$20,0)+IF(Input!$D$21=4,L2099*Input!$C$21,0)+IF(Input!$D$22=4,M2099*Input!$C$22,0)</f>
        <v>0</v>
      </c>
      <c r="R2099" s="58">
        <v>56.929341204333447</v>
      </c>
      <c r="S2099" s="124">
        <f t="shared" si="32"/>
        <v>1.0674900490355497</v>
      </c>
    </row>
    <row r="2100" spans="8:19" x14ac:dyDescent="0.3">
      <c r="H2100" s="44">
        <v>2093</v>
      </c>
      <c r="I2100" s="56">
        <f>Bühler!I2126</f>
        <v>0.24634385746974219</v>
      </c>
      <c r="J2100" s="59">
        <f>Bühler!J2126</f>
        <v>0.82114619156580737</v>
      </c>
      <c r="K2100" s="59">
        <f>Bühler!K2126</f>
        <v>1.2317192873487111</v>
      </c>
      <c r="L2100" s="59">
        <f>Bühler!L2126</f>
        <v>5.9122525792738125</v>
      </c>
      <c r="M2100" s="58">
        <f>Bühler!M2126</f>
        <v>0</v>
      </c>
      <c r="N2100" s="56">
        <f>IF(Input!$D$19=1,J2100*Input!$C$19,0)+IF(Input!$D$20=1,K2100*Input!$C$20,0)+IF(Input!$D$21=1,L2100*Input!$C$21,0)+IF(Input!$D$22=1,M2100*Input!$C$22,0)</f>
        <v>0.24634385746974219</v>
      </c>
      <c r="O2100" s="59">
        <f>IF(Input!$D$19=2,J2100*Input!$C$19,0)+IF(Input!$D$20=2,K2100*Input!$C$20,0)+IF(Input!$D$21=2,L2100*Input!$C$21,0)+IF(Input!$D$22=2,M2100*Input!$C$22,0)</f>
        <v>0.61585964367435553</v>
      </c>
      <c r="P2100" s="59">
        <f>IF(Input!$D$19=3,J2100*Input!$C$19,0)+IF(Input!$D$20=3,K2100*Input!$C$20,0)+IF(Input!$D$21=3,L2100*Input!$C$21,0)+IF(Input!$D$22=3,M2100*Input!$C$22,0)</f>
        <v>0</v>
      </c>
      <c r="Q2100" s="75">
        <f>IF(Input!$D$19=4,J2100*Input!$C$19,0)+IF(Input!$D$20=4,K2100*Input!$C$20,0)+IF(Input!$D$21=4,L2100*Input!$C$21,0)+IF(Input!$D$22=4,M2100*Input!$C$22,0)</f>
        <v>0</v>
      </c>
      <c r="R2100" s="58">
        <v>58.105965976891817</v>
      </c>
      <c r="S2100" s="124">
        <f t="shared" si="32"/>
        <v>1.0674900490355497</v>
      </c>
    </row>
    <row r="2101" spans="8:19" x14ac:dyDescent="0.3">
      <c r="H2101" s="44">
        <v>2094</v>
      </c>
      <c r="I2101" s="56">
        <f>Bühler!I2127</f>
        <v>0.31750986073877885</v>
      </c>
      <c r="J2101" s="59">
        <f>Bühler!J2127</f>
        <v>1.0583662024625962</v>
      </c>
      <c r="K2101" s="59">
        <f>Bühler!K2127</f>
        <v>1.5875493036938944</v>
      </c>
      <c r="L2101" s="59">
        <f>Bühler!L2127</f>
        <v>7.6202366577306924</v>
      </c>
      <c r="M2101" s="58">
        <f>Bühler!M2127</f>
        <v>0</v>
      </c>
      <c r="N2101" s="56">
        <f>IF(Input!$D$19=1,J2101*Input!$C$19,0)+IF(Input!$D$20=1,K2101*Input!$C$20,0)+IF(Input!$D$21=1,L2101*Input!$C$21,0)+IF(Input!$D$22=1,M2101*Input!$C$22,0)</f>
        <v>0.31750986073877885</v>
      </c>
      <c r="O2101" s="59">
        <f>IF(Input!$D$19=2,J2101*Input!$C$19,0)+IF(Input!$D$20=2,K2101*Input!$C$20,0)+IF(Input!$D$21=2,L2101*Input!$C$21,0)+IF(Input!$D$22=2,M2101*Input!$C$22,0)</f>
        <v>0.79377465184694718</v>
      </c>
      <c r="P2101" s="59">
        <f>IF(Input!$D$19=3,J2101*Input!$C$19,0)+IF(Input!$D$20=3,K2101*Input!$C$20,0)+IF(Input!$D$21=3,L2101*Input!$C$21,0)+IF(Input!$D$22=3,M2101*Input!$C$22,0)</f>
        <v>0</v>
      </c>
      <c r="Q2101" s="75">
        <f>IF(Input!$D$19=4,J2101*Input!$C$19,0)+IF(Input!$D$20=4,K2101*Input!$C$20,0)+IF(Input!$D$21=4,L2101*Input!$C$21,0)+IF(Input!$D$22=4,M2101*Input!$C$22,0)</f>
        <v>0</v>
      </c>
      <c r="R2101" s="58">
        <v>61.770829554834556</v>
      </c>
      <c r="S2101" s="124">
        <f t="shared" si="32"/>
        <v>1.3758760632013751</v>
      </c>
    </row>
    <row r="2102" spans="8:19" x14ac:dyDescent="0.3">
      <c r="H2102" s="44">
        <v>2095</v>
      </c>
      <c r="I2102" s="56">
        <f>Bühler!I2128</f>
        <v>0.36677863223272728</v>
      </c>
      <c r="J2102" s="59">
        <f>Bühler!J2128</f>
        <v>1.2225954407757578</v>
      </c>
      <c r="K2102" s="59">
        <f>Bühler!K2128</f>
        <v>1.8338931611636364</v>
      </c>
      <c r="L2102" s="59">
        <f>Bühler!L2128</f>
        <v>8.8026871735854542</v>
      </c>
      <c r="M2102" s="58">
        <f>Bühler!M2128</f>
        <v>0</v>
      </c>
      <c r="N2102" s="56">
        <f>IF(Input!$D$19=1,J2102*Input!$C$19,0)+IF(Input!$D$20=1,K2102*Input!$C$20,0)+IF(Input!$D$21=1,L2102*Input!$C$21,0)+IF(Input!$D$22=1,M2102*Input!$C$22,0)</f>
        <v>0.36677863223272733</v>
      </c>
      <c r="O2102" s="59">
        <f>IF(Input!$D$19=2,J2102*Input!$C$19,0)+IF(Input!$D$20=2,K2102*Input!$C$20,0)+IF(Input!$D$21=2,L2102*Input!$C$21,0)+IF(Input!$D$22=2,M2102*Input!$C$22,0)</f>
        <v>0.91694658058181822</v>
      </c>
      <c r="P2102" s="59">
        <f>IF(Input!$D$19=3,J2102*Input!$C$19,0)+IF(Input!$D$20=3,K2102*Input!$C$20,0)+IF(Input!$D$21=3,L2102*Input!$C$21,0)+IF(Input!$D$22=3,M2102*Input!$C$22,0)</f>
        <v>0</v>
      </c>
      <c r="Q2102" s="75">
        <f>IF(Input!$D$19=4,J2102*Input!$C$19,0)+IF(Input!$D$20=4,K2102*Input!$C$20,0)+IF(Input!$D$21=4,L2102*Input!$C$21,0)+IF(Input!$D$22=4,M2102*Input!$C$22,0)</f>
        <v>0</v>
      </c>
      <c r="R2102" s="58">
        <v>65.822253613481379</v>
      </c>
      <c r="S2102" s="124">
        <f t="shared" si="32"/>
        <v>1.5893740730084851</v>
      </c>
    </row>
    <row r="2103" spans="8:19" x14ac:dyDescent="0.3">
      <c r="H2103" s="44">
        <v>2096</v>
      </c>
      <c r="I2103" s="56">
        <f>Bühler!I2129</f>
        <v>0.36677863223272728</v>
      </c>
      <c r="J2103" s="59">
        <f>Bühler!J2129</f>
        <v>1.2225954407757578</v>
      </c>
      <c r="K2103" s="59">
        <f>Bühler!K2129</f>
        <v>1.8338931611636364</v>
      </c>
      <c r="L2103" s="59">
        <f>Bühler!L2129</f>
        <v>8.8026871735854542</v>
      </c>
      <c r="M2103" s="58">
        <f>Bühler!M2129</f>
        <v>0</v>
      </c>
      <c r="N2103" s="56">
        <f>IF(Input!$D$19=1,J2103*Input!$C$19,0)+IF(Input!$D$20=1,K2103*Input!$C$20,0)+IF(Input!$D$21=1,L2103*Input!$C$21,0)+IF(Input!$D$22=1,M2103*Input!$C$22,0)</f>
        <v>0.36677863223272733</v>
      </c>
      <c r="O2103" s="59">
        <f>IF(Input!$D$19=2,J2103*Input!$C$19,0)+IF(Input!$D$20=2,K2103*Input!$C$20,0)+IF(Input!$D$21=2,L2103*Input!$C$21,0)+IF(Input!$D$22=2,M2103*Input!$C$22,0)</f>
        <v>0.91694658058181822</v>
      </c>
      <c r="P2103" s="59">
        <f>IF(Input!$D$19=3,J2103*Input!$C$19,0)+IF(Input!$D$20=3,K2103*Input!$C$20,0)+IF(Input!$D$21=3,L2103*Input!$C$21,0)+IF(Input!$D$22=3,M2103*Input!$C$22,0)</f>
        <v>0</v>
      </c>
      <c r="Q2103" s="75">
        <f>IF(Input!$D$19=4,J2103*Input!$C$19,0)+IF(Input!$D$20=4,K2103*Input!$C$20,0)+IF(Input!$D$21=4,L2103*Input!$C$21,0)+IF(Input!$D$22=4,M2103*Input!$C$22,0)</f>
        <v>0</v>
      </c>
      <c r="R2103" s="58">
        <v>67.059069741521412</v>
      </c>
      <c r="S2103" s="124">
        <f t="shared" si="32"/>
        <v>1.5893740730084851</v>
      </c>
    </row>
    <row r="2104" spans="8:19" x14ac:dyDescent="0.3">
      <c r="H2104" s="44">
        <v>2097</v>
      </c>
      <c r="I2104" s="56">
        <f>Bühler!I2130</f>
        <v>0.36677863223272728</v>
      </c>
      <c r="J2104" s="59">
        <f>Bühler!J2130</f>
        <v>1.2225954407757578</v>
      </c>
      <c r="K2104" s="59">
        <f>Bühler!K2130</f>
        <v>1.8338931611636364</v>
      </c>
      <c r="L2104" s="59">
        <f>Bühler!L2130</f>
        <v>8.8026871735854542</v>
      </c>
      <c r="M2104" s="58">
        <f>Bühler!M2130</f>
        <v>0</v>
      </c>
      <c r="N2104" s="56">
        <f>IF(Input!$D$19=1,J2104*Input!$C$19,0)+IF(Input!$D$20=1,K2104*Input!$C$20,0)+IF(Input!$D$21=1,L2104*Input!$C$21,0)+IF(Input!$D$22=1,M2104*Input!$C$22,0)</f>
        <v>0.36677863223272733</v>
      </c>
      <c r="O2104" s="59">
        <f>IF(Input!$D$19=2,J2104*Input!$C$19,0)+IF(Input!$D$20=2,K2104*Input!$C$20,0)+IF(Input!$D$21=2,L2104*Input!$C$21,0)+IF(Input!$D$22=2,M2104*Input!$C$22,0)</f>
        <v>0.91694658058181822</v>
      </c>
      <c r="P2104" s="59">
        <f>IF(Input!$D$19=3,J2104*Input!$C$19,0)+IF(Input!$D$20=3,K2104*Input!$C$20,0)+IF(Input!$D$21=3,L2104*Input!$C$21,0)+IF(Input!$D$22=3,M2104*Input!$C$22,0)</f>
        <v>0</v>
      </c>
      <c r="Q2104" s="75">
        <f>IF(Input!$D$19=4,J2104*Input!$C$19,0)+IF(Input!$D$20=4,K2104*Input!$C$20,0)+IF(Input!$D$21=4,L2104*Input!$C$21,0)+IF(Input!$D$22=4,M2104*Input!$C$22,0)</f>
        <v>0</v>
      </c>
      <c r="R2104" s="58">
        <v>67.802582112840909</v>
      </c>
      <c r="S2104" s="124">
        <f t="shared" si="32"/>
        <v>1.5893740730084851</v>
      </c>
    </row>
    <row r="2105" spans="8:19" x14ac:dyDescent="0.3">
      <c r="H2105" s="44">
        <v>2098</v>
      </c>
      <c r="I2105" s="56">
        <f>Bühler!I2131</f>
        <v>0.39415017195158752</v>
      </c>
      <c r="J2105" s="59">
        <f>Bühler!J2131</f>
        <v>1.313833906505292</v>
      </c>
      <c r="K2105" s="59">
        <f>Bühler!K2131</f>
        <v>1.9707508597579375</v>
      </c>
      <c r="L2105" s="59">
        <f>Bühler!L2131</f>
        <v>9.4596041268380997</v>
      </c>
      <c r="M2105" s="58">
        <f>Bühler!M2131</f>
        <v>0</v>
      </c>
      <c r="N2105" s="56">
        <f>IF(Input!$D$19=1,J2105*Input!$C$19,0)+IF(Input!$D$20=1,K2105*Input!$C$20,0)+IF(Input!$D$21=1,L2105*Input!$C$21,0)+IF(Input!$D$22=1,M2105*Input!$C$22,0)</f>
        <v>0.39415017195158758</v>
      </c>
      <c r="O2105" s="59">
        <f>IF(Input!$D$19=2,J2105*Input!$C$19,0)+IF(Input!$D$20=2,K2105*Input!$C$20,0)+IF(Input!$D$21=2,L2105*Input!$C$21,0)+IF(Input!$D$22=2,M2105*Input!$C$22,0)</f>
        <v>0.98537542987896876</v>
      </c>
      <c r="P2105" s="59">
        <f>IF(Input!$D$19=3,J2105*Input!$C$19,0)+IF(Input!$D$20=3,K2105*Input!$C$20,0)+IF(Input!$D$21=3,L2105*Input!$C$21,0)+IF(Input!$D$22=3,M2105*Input!$C$22,0)</f>
        <v>0</v>
      </c>
      <c r="Q2105" s="75">
        <f>IF(Input!$D$19=4,J2105*Input!$C$19,0)+IF(Input!$D$20=4,K2105*Input!$C$20,0)+IF(Input!$D$21=4,L2105*Input!$C$21,0)+IF(Input!$D$22=4,M2105*Input!$C$22,0)</f>
        <v>0</v>
      </c>
      <c r="R2105" s="58">
        <v>67.155418754548663</v>
      </c>
      <c r="S2105" s="124">
        <f t="shared" si="32"/>
        <v>1.7079840784568794</v>
      </c>
    </row>
    <row r="2106" spans="8:19" x14ac:dyDescent="0.3">
      <c r="H2106" s="44">
        <v>2099</v>
      </c>
      <c r="I2106" s="56">
        <f>Bühler!I2132</f>
        <v>0.42699601961421985</v>
      </c>
      <c r="J2106" s="59">
        <f>Bühler!J2132</f>
        <v>1.423320065380733</v>
      </c>
      <c r="K2106" s="59">
        <f>Bühler!K2132</f>
        <v>2.1349800980710993</v>
      </c>
      <c r="L2106" s="59">
        <f>Bühler!L2132</f>
        <v>10.247904470741275</v>
      </c>
      <c r="M2106" s="58">
        <f>Bühler!M2132</f>
        <v>0</v>
      </c>
      <c r="N2106" s="56">
        <f>IF(Input!$D$19=1,J2106*Input!$C$19,0)+IF(Input!$D$20=1,K2106*Input!$C$20,0)+IF(Input!$D$21=1,L2106*Input!$C$21,0)+IF(Input!$D$22=1,M2106*Input!$C$22,0)</f>
        <v>0.4269960196142199</v>
      </c>
      <c r="O2106" s="59">
        <f>IF(Input!$D$19=2,J2106*Input!$C$19,0)+IF(Input!$D$20=2,K2106*Input!$C$20,0)+IF(Input!$D$21=2,L2106*Input!$C$21,0)+IF(Input!$D$22=2,M2106*Input!$C$22,0)</f>
        <v>1.0674900490355497</v>
      </c>
      <c r="P2106" s="59">
        <f>IF(Input!$D$19=3,J2106*Input!$C$19,0)+IF(Input!$D$20=3,K2106*Input!$C$20,0)+IF(Input!$D$21=3,L2106*Input!$C$21,0)+IF(Input!$D$22=3,M2106*Input!$C$22,0)</f>
        <v>0</v>
      </c>
      <c r="Q2106" s="75">
        <f>IF(Input!$D$19=4,J2106*Input!$C$19,0)+IF(Input!$D$20=4,K2106*Input!$C$20,0)+IF(Input!$D$21=4,L2106*Input!$C$21,0)+IF(Input!$D$22=4,M2106*Input!$C$22,0)</f>
        <v>0</v>
      </c>
      <c r="R2106" s="58">
        <v>68.010084904669526</v>
      </c>
      <c r="S2106" s="124">
        <f t="shared" si="32"/>
        <v>1.8503160849949527</v>
      </c>
    </row>
    <row r="2107" spans="8:19" x14ac:dyDescent="0.3">
      <c r="H2107" s="44">
        <v>2100</v>
      </c>
      <c r="I2107" s="56">
        <f>Bühler!I2133</f>
        <v>0.49268771493948438</v>
      </c>
      <c r="J2107" s="59">
        <f>Bühler!J2133</f>
        <v>1.6422923831316147</v>
      </c>
      <c r="K2107" s="59">
        <f>Bühler!K2133</f>
        <v>2.4634385746974221</v>
      </c>
      <c r="L2107" s="59">
        <f>Bühler!L2133</f>
        <v>11.824505158547625</v>
      </c>
      <c r="M2107" s="58">
        <f>Bühler!M2133</f>
        <v>0</v>
      </c>
      <c r="N2107" s="56">
        <f>IF(Input!$D$19=1,J2107*Input!$C$19,0)+IF(Input!$D$20=1,K2107*Input!$C$20,0)+IF(Input!$D$21=1,L2107*Input!$C$21,0)+IF(Input!$D$22=1,M2107*Input!$C$22,0)</f>
        <v>0.49268771493948438</v>
      </c>
      <c r="O2107" s="59">
        <f>IF(Input!$D$19=2,J2107*Input!$C$19,0)+IF(Input!$D$20=2,K2107*Input!$C$20,0)+IF(Input!$D$21=2,L2107*Input!$C$21,0)+IF(Input!$D$22=2,M2107*Input!$C$22,0)</f>
        <v>1.2317192873487111</v>
      </c>
      <c r="P2107" s="59">
        <f>IF(Input!$D$19=3,J2107*Input!$C$19,0)+IF(Input!$D$20=3,K2107*Input!$C$20,0)+IF(Input!$D$21=3,L2107*Input!$C$21,0)+IF(Input!$D$22=3,M2107*Input!$C$22,0)</f>
        <v>0</v>
      </c>
      <c r="Q2107" s="75">
        <f>IF(Input!$D$19=4,J2107*Input!$C$19,0)+IF(Input!$D$20=4,K2107*Input!$C$20,0)+IF(Input!$D$21=4,L2107*Input!$C$21,0)+IF(Input!$D$22=4,M2107*Input!$C$22,0)</f>
        <v>0</v>
      </c>
      <c r="R2107" s="58">
        <v>68.04782321401494</v>
      </c>
      <c r="S2107" s="124">
        <f t="shared" si="32"/>
        <v>2.1349800980710993</v>
      </c>
    </row>
    <row r="2108" spans="8:19" x14ac:dyDescent="0.3">
      <c r="H2108" s="44">
        <v>2101</v>
      </c>
      <c r="I2108" s="56">
        <f>Bühler!I2134</f>
        <v>0.49268771493948438</v>
      </c>
      <c r="J2108" s="59">
        <f>Bühler!J2134</f>
        <v>1.6422923831316147</v>
      </c>
      <c r="K2108" s="59">
        <f>Bühler!K2134</f>
        <v>2.4634385746974221</v>
      </c>
      <c r="L2108" s="59">
        <f>Bühler!L2134</f>
        <v>11.824505158547625</v>
      </c>
      <c r="M2108" s="58">
        <f>Bühler!M2134</f>
        <v>0</v>
      </c>
      <c r="N2108" s="56">
        <f>IF(Input!$D$19=1,J2108*Input!$C$19,0)+IF(Input!$D$20=1,K2108*Input!$C$20,0)+IF(Input!$D$21=1,L2108*Input!$C$21,0)+IF(Input!$D$22=1,M2108*Input!$C$22,0)</f>
        <v>0.49268771493948438</v>
      </c>
      <c r="O2108" s="59">
        <f>IF(Input!$D$19=2,J2108*Input!$C$19,0)+IF(Input!$D$20=2,K2108*Input!$C$20,0)+IF(Input!$D$21=2,L2108*Input!$C$21,0)+IF(Input!$D$22=2,M2108*Input!$C$22,0)</f>
        <v>1.2317192873487111</v>
      </c>
      <c r="P2108" s="59">
        <f>IF(Input!$D$19=3,J2108*Input!$C$19,0)+IF(Input!$D$20=3,K2108*Input!$C$20,0)+IF(Input!$D$21=3,L2108*Input!$C$21,0)+IF(Input!$D$22=3,M2108*Input!$C$22,0)</f>
        <v>0</v>
      </c>
      <c r="Q2108" s="75">
        <f>IF(Input!$D$19=4,J2108*Input!$C$19,0)+IF(Input!$D$20=4,K2108*Input!$C$20,0)+IF(Input!$D$21=4,L2108*Input!$C$21,0)+IF(Input!$D$22=4,M2108*Input!$C$22,0)</f>
        <v>0</v>
      </c>
      <c r="R2108" s="58">
        <v>66.744203957905356</v>
      </c>
      <c r="S2108" s="124">
        <f t="shared" si="32"/>
        <v>2.1349800980710993</v>
      </c>
    </row>
    <row r="2109" spans="8:19" x14ac:dyDescent="0.3">
      <c r="H2109" s="44">
        <v>2102</v>
      </c>
      <c r="I2109" s="56">
        <f>Bühler!I2135</f>
        <v>0.49268771493948438</v>
      </c>
      <c r="J2109" s="59">
        <f>Bühler!J2135</f>
        <v>1.6422923831316147</v>
      </c>
      <c r="K2109" s="59">
        <f>Bühler!K2135</f>
        <v>2.4634385746974221</v>
      </c>
      <c r="L2109" s="59">
        <f>Bühler!L2135</f>
        <v>11.824505158547625</v>
      </c>
      <c r="M2109" s="58">
        <f>Bühler!M2135</f>
        <v>0</v>
      </c>
      <c r="N2109" s="56">
        <f>IF(Input!$D$19=1,J2109*Input!$C$19,0)+IF(Input!$D$20=1,K2109*Input!$C$20,0)+IF(Input!$D$21=1,L2109*Input!$C$21,0)+IF(Input!$D$22=1,M2109*Input!$C$22,0)</f>
        <v>0.49268771493948438</v>
      </c>
      <c r="O2109" s="59">
        <f>IF(Input!$D$19=2,J2109*Input!$C$19,0)+IF(Input!$D$20=2,K2109*Input!$C$20,0)+IF(Input!$D$21=2,L2109*Input!$C$21,0)+IF(Input!$D$22=2,M2109*Input!$C$22,0)</f>
        <v>1.2317192873487111</v>
      </c>
      <c r="P2109" s="59">
        <f>IF(Input!$D$19=3,J2109*Input!$C$19,0)+IF(Input!$D$20=3,K2109*Input!$C$20,0)+IF(Input!$D$21=3,L2109*Input!$C$21,0)+IF(Input!$D$22=3,M2109*Input!$C$22,0)</f>
        <v>0</v>
      </c>
      <c r="Q2109" s="75">
        <f>IF(Input!$D$19=4,J2109*Input!$C$19,0)+IF(Input!$D$20=4,K2109*Input!$C$20,0)+IF(Input!$D$21=4,L2109*Input!$C$21,0)+IF(Input!$D$22=4,M2109*Input!$C$22,0)</f>
        <v>0</v>
      </c>
      <c r="R2109" s="58">
        <v>66.017378369295386</v>
      </c>
      <c r="S2109" s="124">
        <f t="shared" si="32"/>
        <v>2.1349800980710993</v>
      </c>
    </row>
    <row r="2110" spans="8:19" x14ac:dyDescent="0.3">
      <c r="H2110" s="44">
        <v>2103</v>
      </c>
      <c r="I2110" s="56">
        <f>Bühler!I2136</f>
        <v>0.49268771493948438</v>
      </c>
      <c r="J2110" s="59">
        <f>Bühler!J2136</f>
        <v>1.6422923831316147</v>
      </c>
      <c r="K2110" s="59">
        <f>Bühler!K2136</f>
        <v>2.4634385746974221</v>
      </c>
      <c r="L2110" s="59">
        <f>Bühler!L2136</f>
        <v>11.824505158547625</v>
      </c>
      <c r="M2110" s="58">
        <f>Bühler!M2136</f>
        <v>0</v>
      </c>
      <c r="N2110" s="56">
        <f>IF(Input!$D$19=1,J2110*Input!$C$19,0)+IF(Input!$D$20=1,K2110*Input!$C$20,0)+IF(Input!$D$21=1,L2110*Input!$C$21,0)+IF(Input!$D$22=1,M2110*Input!$C$22,0)</f>
        <v>0.49268771493948438</v>
      </c>
      <c r="O2110" s="59">
        <f>IF(Input!$D$19=2,J2110*Input!$C$19,0)+IF(Input!$D$20=2,K2110*Input!$C$20,0)+IF(Input!$D$21=2,L2110*Input!$C$21,0)+IF(Input!$D$22=2,M2110*Input!$C$22,0)</f>
        <v>1.2317192873487111</v>
      </c>
      <c r="P2110" s="59">
        <f>IF(Input!$D$19=3,J2110*Input!$C$19,0)+IF(Input!$D$20=3,K2110*Input!$C$20,0)+IF(Input!$D$21=3,L2110*Input!$C$21,0)+IF(Input!$D$22=3,M2110*Input!$C$22,0)</f>
        <v>0</v>
      </c>
      <c r="Q2110" s="75">
        <f>IF(Input!$D$19=4,J2110*Input!$C$19,0)+IF(Input!$D$20=4,K2110*Input!$C$20,0)+IF(Input!$D$21=4,L2110*Input!$C$21,0)+IF(Input!$D$22=4,M2110*Input!$C$22,0)</f>
        <v>0</v>
      </c>
      <c r="R2110" s="58">
        <v>66.438075036908828</v>
      </c>
      <c r="S2110" s="124">
        <f t="shared" si="32"/>
        <v>2.1349800980710993</v>
      </c>
    </row>
    <row r="2111" spans="8:19" x14ac:dyDescent="0.3">
      <c r="H2111" s="44">
        <v>2104</v>
      </c>
      <c r="I2111" s="56">
        <f>Bühler!I2137</f>
        <v>0.49268771493948438</v>
      </c>
      <c r="J2111" s="59">
        <f>Bühler!J2137</f>
        <v>1.6422923831316147</v>
      </c>
      <c r="K2111" s="59">
        <f>Bühler!K2137</f>
        <v>2.4634385746974221</v>
      </c>
      <c r="L2111" s="59">
        <f>Bühler!L2137</f>
        <v>11.824505158547625</v>
      </c>
      <c r="M2111" s="58">
        <f>Bühler!M2137</f>
        <v>0</v>
      </c>
      <c r="N2111" s="56">
        <f>IF(Input!$D$19=1,J2111*Input!$C$19,0)+IF(Input!$D$20=1,K2111*Input!$C$20,0)+IF(Input!$D$21=1,L2111*Input!$C$21,0)+IF(Input!$D$22=1,M2111*Input!$C$22,0)</f>
        <v>0.49268771493948438</v>
      </c>
      <c r="O2111" s="59">
        <f>IF(Input!$D$19=2,J2111*Input!$C$19,0)+IF(Input!$D$20=2,K2111*Input!$C$20,0)+IF(Input!$D$21=2,L2111*Input!$C$21,0)+IF(Input!$D$22=2,M2111*Input!$C$22,0)</f>
        <v>1.2317192873487111</v>
      </c>
      <c r="P2111" s="59">
        <f>IF(Input!$D$19=3,J2111*Input!$C$19,0)+IF(Input!$D$20=3,K2111*Input!$C$20,0)+IF(Input!$D$21=3,L2111*Input!$C$21,0)+IF(Input!$D$22=3,M2111*Input!$C$22,0)</f>
        <v>0</v>
      </c>
      <c r="Q2111" s="75">
        <f>IF(Input!$D$19=4,J2111*Input!$C$19,0)+IF(Input!$D$20=4,K2111*Input!$C$20,0)+IF(Input!$D$21=4,L2111*Input!$C$21,0)+IF(Input!$D$22=4,M2111*Input!$C$22,0)</f>
        <v>0</v>
      </c>
      <c r="R2111" s="58">
        <v>65.355894488888637</v>
      </c>
      <c r="S2111" s="124">
        <f t="shared" si="32"/>
        <v>2.1349800980710993</v>
      </c>
    </row>
    <row r="2112" spans="8:19" x14ac:dyDescent="0.3">
      <c r="H2112" s="44">
        <v>2105</v>
      </c>
      <c r="I2112" s="56">
        <f>Bühler!I2138</f>
        <v>0.49268771493948438</v>
      </c>
      <c r="J2112" s="59">
        <f>Bühler!J2138</f>
        <v>1.6422923831316147</v>
      </c>
      <c r="K2112" s="59">
        <f>Bühler!K2138</f>
        <v>2.4634385746974221</v>
      </c>
      <c r="L2112" s="59">
        <f>Bühler!L2138</f>
        <v>11.824505158547625</v>
      </c>
      <c r="M2112" s="58">
        <f>Bühler!M2138</f>
        <v>0</v>
      </c>
      <c r="N2112" s="56">
        <f>IF(Input!$D$19=1,J2112*Input!$C$19,0)+IF(Input!$D$20=1,K2112*Input!$C$20,0)+IF(Input!$D$21=1,L2112*Input!$C$21,0)+IF(Input!$D$22=1,M2112*Input!$C$22,0)</f>
        <v>0.49268771493948438</v>
      </c>
      <c r="O2112" s="59">
        <f>IF(Input!$D$19=2,J2112*Input!$C$19,0)+IF(Input!$D$20=2,K2112*Input!$C$20,0)+IF(Input!$D$21=2,L2112*Input!$C$21,0)+IF(Input!$D$22=2,M2112*Input!$C$22,0)</f>
        <v>1.2317192873487111</v>
      </c>
      <c r="P2112" s="59">
        <f>IF(Input!$D$19=3,J2112*Input!$C$19,0)+IF(Input!$D$20=3,K2112*Input!$C$20,0)+IF(Input!$D$21=3,L2112*Input!$C$21,0)+IF(Input!$D$22=3,M2112*Input!$C$22,0)</f>
        <v>0</v>
      </c>
      <c r="Q2112" s="75">
        <f>IF(Input!$D$19=4,J2112*Input!$C$19,0)+IF(Input!$D$20=4,K2112*Input!$C$20,0)+IF(Input!$D$21=4,L2112*Input!$C$21,0)+IF(Input!$D$22=4,M2112*Input!$C$22,0)</f>
        <v>0</v>
      </c>
      <c r="R2112" s="58">
        <v>63.553980288847804</v>
      </c>
      <c r="S2112" s="124">
        <f t="shared" si="32"/>
        <v>2.1349800980710993</v>
      </c>
    </row>
    <row r="2113" spans="8:19" x14ac:dyDescent="0.3">
      <c r="H2113" s="44">
        <v>2106</v>
      </c>
      <c r="I2113" s="56">
        <f>Bühler!I2139</f>
        <v>0.49268771493948438</v>
      </c>
      <c r="J2113" s="59">
        <f>Bühler!J2139</f>
        <v>1.6422923831316147</v>
      </c>
      <c r="K2113" s="59">
        <f>Bühler!K2139</f>
        <v>2.4634385746974221</v>
      </c>
      <c r="L2113" s="59">
        <f>Bühler!L2139</f>
        <v>11.824505158547625</v>
      </c>
      <c r="M2113" s="58">
        <f>Bühler!M2139</f>
        <v>0</v>
      </c>
      <c r="N2113" s="56">
        <f>IF(Input!$D$19=1,J2113*Input!$C$19,0)+IF(Input!$D$20=1,K2113*Input!$C$20,0)+IF(Input!$D$21=1,L2113*Input!$C$21,0)+IF(Input!$D$22=1,M2113*Input!$C$22,0)</f>
        <v>0.49268771493948438</v>
      </c>
      <c r="O2113" s="59">
        <f>IF(Input!$D$19=2,J2113*Input!$C$19,0)+IF(Input!$D$20=2,K2113*Input!$C$20,0)+IF(Input!$D$21=2,L2113*Input!$C$21,0)+IF(Input!$D$22=2,M2113*Input!$C$22,0)</f>
        <v>1.2317192873487111</v>
      </c>
      <c r="P2113" s="59">
        <f>IF(Input!$D$19=3,J2113*Input!$C$19,0)+IF(Input!$D$20=3,K2113*Input!$C$20,0)+IF(Input!$D$21=3,L2113*Input!$C$21,0)+IF(Input!$D$22=3,M2113*Input!$C$22,0)</f>
        <v>0</v>
      </c>
      <c r="Q2113" s="75">
        <f>IF(Input!$D$19=4,J2113*Input!$C$19,0)+IF(Input!$D$20=4,K2113*Input!$C$20,0)+IF(Input!$D$21=4,L2113*Input!$C$21,0)+IF(Input!$D$22=4,M2113*Input!$C$22,0)</f>
        <v>0</v>
      </c>
      <c r="R2113" s="58">
        <v>62.002187049595918</v>
      </c>
      <c r="S2113" s="124">
        <f t="shared" si="32"/>
        <v>2.1349800980710993</v>
      </c>
    </row>
    <row r="2114" spans="8:19" x14ac:dyDescent="0.3">
      <c r="H2114" s="44">
        <v>2107</v>
      </c>
      <c r="I2114" s="56">
        <f>Bühler!I2140</f>
        <v>0.49268771493948438</v>
      </c>
      <c r="J2114" s="59">
        <f>Bühler!J2140</f>
        <v>1.6422923831316147</v>
      </c>
      <c r="K2114" s="59">
        <f>Bühler!K2140</f>
        <v>2.4634385746974221</v>
      </c>
      <c r="L2114" s="59">
        <f>Bühler!L2140</f>
        <v>11.824505158547625</v>
      </c>
      <c r="M2114" s="58">
        <f>Bühler!M2140</f>
        <v>0</v>
      </c>
      <c r="N2114" s="56">
        <f>IF(Input!$D$19=1,J2114*Input!$C$19,0)+IF(Input!$D$20=1,K2114*Input!$C$20,0)+IF(Input!$D$21=1,L2114*Input!$C$21,0)+IF(Input!$D$22=1,M2114*Input!$C$22,0)</f>
        <v>0.49268771493948438</v>
      </c>
      <c r="O2114" s="59">
        <f>IF(Input!$D$19=2,J2114*Input!$C$19,0)+IF(Input!$D$20=2,K2114*Input!$C$20,0)+IF(Input!$D$21=2,L2114*Input!$C$21,0)+IF(Input!$D$22=2,M2114*Input!$C$22,0)</f>
        <v>1.2317192873487111</v>
      </c>
      <c r="P2114" s="59">
        <f>IF(Input!$D$19=3,J2114*Input!$C$19,0)+IF(Input!$D$20=3,K2114*Input!$C$20,0)+IF(Input!$D$21=3,L2114*Input!$C$21,0)+IF(Input!$D$22=3,M2114*Input!$C$22,0)</f>
        <v>0</v>
      </c>
      <c r="Q2114" s="75">
        <f>IF(Input!$D$19=4,J2114*Input!$C$19,0)+IF(Input!$D$20=4,K2114*Input!$C$20,0)+IF(Input!$D$21=4,L2114*Input!$C$21,0)+IF(Input!$D$22=4,M2114*Input!$C$22,0)</f>
        <v>0</v>
      </c>
      <c r="R2114" s="58">
        <v>61.744897187896669</v>
      </c>
      <c r="S2114" s="124">
        <f t="shared" si="32"/>
        <v>2.1349800980710993</v>
      </c>
    </row>
    <row r="2115" spans="8:19" x14ac:dyDescent="0.3">
      <c r="H2115" s="44">
        <v>2108</v>
      </c>
      <c r="I2115" s="56">
        <f>Bühler!I2141</f>
        <v>0.41057309578290369</v>
      </c>
      <c r="J2115" s="59">
        <f>Bühler!J2141</f>
        <v>1.3685769859430126</v>
      </c>
      <c r="K2115" s="59">
        <f>Bühler!K2141</f>
        <v>2.0528654789145184</v>
      </c>
      <c r="L2115" s="59">
        <f>Bühler!L2141</f>
        <v>9.8537542987896884</v>
      </c>
      <c r="M2115" s="58">
        <f>Bühler!M2141</f>
        <v>0</v>
      </c>
      <c r="N2115" s="56">
        <f>IF(Input!$D$19=1,J2115*Input!$C$19,0)+IF(Input!$D$20=1,K2115*Input!$C$20,0)+IF(Input!$D$21=1,L2115*Input!$C$21,0)+IF(Input!$D$22=1,M2115*Input!$C$22,0)</f>
        <v>0.41057309578290374</v>
      </c>
      <c r="O2115" s="59">
        <f>IF(Input!$D$19=2,J2115*Input!$C$19,0)+IF(Input!$D$20=2,K2115*Input!$C$20,0)+IF(Input!$D$21=2,L2115*Input!$C$21,0)+IF(Input!$D$22=2,M2115*Input!$C$22,0)</f>
        <v>1.0264327394572592</v>
      </c>
      <c r="P2115" s="59">
        <f>IF(Input!$D$19=3,J2115*Input!$C$19,0)+IF(Input!$D$20=3,K2115*Input!$C$20,0)+IF(Input!$D$21=3,L2115*Input!$C$21,0)+IF(Input!$D$22=3,M2115*Input!$C$22,0)</f>
        <v>0</v>
      </c>
      <c r="Q2115" s="75">
        <f>IF(Input!$D$19=4,J2115*Input!$C$19,0)+IF(Input!$D$20=4,K2115*Input!$C$20,0)+IF(Input!$D$21=4,L2115*Input!$C$21,0)+IF(Input!$D$22=4,M2115*Input!$C$22,0)</f>
        <v>0</v>
      </c>
      <c r="R2115" s="58">
        <v>60.850679339975905</v>
      </c>
      <c r="S2115" s="124">
        <f t="shared" si="32"/>
        <v>1.7791500817259163</v>
      </c>
    </row>
    <row r="2116" spans="8:19" x14ac:dyDescent="0.3">
      <c r="H2116" s="44">
        <v>2109</v>
      </c>
      <c r="I2116" s="56">
        <f>Bühler!I2142</f>
        <v>0.32845847662632294</v>
      </c>
      <c r="J2116" s="59">
        <f>Bühler!J2142</f>
        <v>1.09486158875441</v>
      </c>
      <c r="K2116" s="59">
        <f>Bühler!K2142</f>
        <v>1.6422923831316147</v>
      </c>
      <c r="L2116" s="59">
        <f>Bühler!L2142</f>
        <v>7.8830034390317509</v>
      </c>
      <c r="M2116" s="58">
        <f>Bühler!M2142</f>
        <v>0</v>
      </c>
      <c r="N2116" s="56">
        <f>IF(Input!$D$19=1,J2116*Input!$C$19,0)+IF(Input!$D$20=1,K2116*Input!$C$20,0)+IF(Input!$D$21=1,L2116*Input!$C$21,0)+IF(Input!$D$22=1,M2116*Input!$C$22,0)</f>
        <v>0.32845847662632299</v>
      </c>
      <c r="O2116" s="59">
        <f>IF(Input!$D$19=2,J2116*Input!$C$19,0)+IF(Input!$D$20=2,K2116*Input!$C$20,0)+IF(Input!$D$21=2,L2116*Input!$C$21,0)+IF(Input!$D$22=2,M2116*Input!$C$22,0)</f>
        <v>0.82114619156580737</v>
      </c>
      <c r="P2116" s="59">
        <f>IF(Input!$D$19=3,J2116*Input!$C$19,0)+IF(Input!$D$20=3,K2116*Input!$C$20,0)+IF(Input!$D$21=3,L2116*Input!$C$21,0)+IF(Input!$D$22=3,M2116*Input!$C$22,0)</f>
        <v>0</v>
      </c>
      <c r="Q2116" s="75">
        <f>IF(Input!$D$19=4,J2116*Input!$C$19,0)+IF(Input!$D$20=4,K2116*Input!$C$20,0)+IF(Input!$D$21=4,L2116*Input!$C$21,0)+IF(Input!$D$22=4,M2116*Input!$C$22,0)</f>
        <v>0</v>
      </c>
      <c r="R2116" s="58">
        <v>59.68223781257435</v>
      </c>
      <c r="S2116" s="124">
        <f t="shared" si="32"/>
        <v>1.423320065380733</v>
      </c>
    </row>
    <row r="2117" spans="8:19" x14ac:dyDescent="0.3">
      <c r="H2117" s="44">
        <v>2110</v>
      </c>
      <c r="I2117" s="56">
        <f>Bühler!I2143</f>
        <v>0.24634385746974219</v>
      </c>
      <c r="J2117" s="59">
        <f>Bühler!J2143</f>
        <v>0.82114619156580737</v>
      </c>
      <c r="K2117" s="59">
        <f>Bühler!K2143</f>
        <v>1.2317192873487111</v>
      </c>
      <c r="L2117" s="59">
        <f>Bühler!L2143</f>
        <v>5.9122525792738125</v>
      </c>
      <c r="M2117" s="58">
        <f>Bühler!M2143</f>
        <v>0</v>
      </c>
      <c r="N2117" s="56">
        <f>IF(Input!$D$19=1,J2117*Input!$C$19,0)+IF(Input!$D$20=1,K2117*Input!$C$20,0)+IF(Input!$D$21=1,L2117*Input!$C$21,0)+IF(Input!$D$22=1,M2117*Input!$C$22,0)</f>
        <v>0.24634385746974219</v>
      </c>
      <c r="O2117" s="59">
        <f>IF(Input!$D$19=2,J2117*Input!$C$19,0)+IF(Input!$D$20=2,K2117*Input!$C$20,0)+IF(Input!$D$21=2,L2117*Input!$C$21,0)+IF(Input!$D$22=2,M2117*Input!$C$22,0)</f>
        <v>0.61585964367435553</v>
      </c>
      <c r="P2117" s="59">
        <f>IF(Input!$D$19=3,J2117*Input!$C$19,0)+IF(Input!$D$20=3,K2117*Input!$C$20,0)+IF(Input!$D$21=3,L2117*Input!$C$21,0)+IF(Input!$D$22=3,M2117*Input!$C$22,0)</f>
        <v>0</v>
      </c>
      <c r="Q2117" s="75">
        <f>IF(Input!$D$19=4,J2117*Input!$C$19,0)+IF(Input!$D$20=4,K2117*Input!$C$20,0)+IF(Input!$D$21=4,L2117*Input!$C$21,0)+IF(Input!$D$22=4,M2117*Input!$C$22,0)</f>
        <v>0</v>
      </c>
      <c r="R2117" s="58">
        <v>57.649442476707783</v>
      </c>
      <c r="S2117" s="124">
        <f t="shared" si="32"/>
        <v>1.0674900490355497</v>
      </c>
    </row>
    <row r="2118" spans="8:19" x14ac:dyDescent="0.3">
      <c r="H2118" s="44">
        <v>2111</v>
      </c>
      <c r="I2118" s="56">
        <f>Bühler!I2144</f>
        <v>0.24634385746974219</v>
      </c>
      <c r="J2118" s="59">
        <f>Bühler!J2144</f>
        <v>0.82114619156580737</v>
      </c>
      <c r="K2118" s="59">
        <f>Bühler!K2144</f>
        <v>1.2317192873487111</v>
      </c>
      <c r="L2118" s="59">
        <f>Bühler!L2144</f>
        <v>5.9122525792738125</v>
      </c>
      <c r="M2118" s="58">
        <f>Bühler!M2144</f>
        <v>0</v>
      </c>
      <c r="N2118" s="56">
        <f>IF(Input!$D$19=1,J2118*Input!$C$19,0)+IF(Input!$D$20=1,K2118*Input!$C$20,0)+IF(Input!$D$21=1,L2118*Input!$C$21,0)+IF(Input!$D$22=1,M2118*Input!$C$22,0)</f>
        <v>0.24634385746974219</v>
      </c>
      <c r="O2118" s="59">
        <f>IF(Input!$D$19=2,J2118*Input!$C$19,0)+IF(Input!$D$20=2,K2118*Input!$C$20,0)+IF(Input!$D$21=2,L2118*Input!$C$21,0)+IF(Input!$D$22=2,M2118*Input!$C$22,0)</f>
        <v>0.61585964367435553</v>
      </c>
      <c r="P2118" s="59">
        <f>IF(Input!$D$19=3,J2118*Input!$C$19,0)+IF(Input!$D$20=3,K2118*Input!$C$20,0)+IF(Input!$D$21=3,L2118*Input!$C$21,0)+IF(Input!$D$22=3,M2118*Input!$C$22,0)</f>
        <v>0</v>
      </c>
      <c r="Q2118" s="75">
        <f>IF(Input!$D$19=4,J2118*Input!$C$19,0)+IF(Input!$D$20=4,K2118*Input!$C$20,0)+IF(Input!$D$21=4,L2118*Input!$C$21,0)+IF(Input!$D$22=4,M2118*Input!$C$22,0)</f>
        <v>0</v>
      </c>
      <c r="R2118" s="58">
        <v>57.84334478647979</v>
      </c>
      <c r="S2118" s="124">
        <f t="shared" si="32"/>
        <v>1.0674900490355497</v>
      </c>
    </row>
    <row r="2119" spans="8:19" x14ac:dyDescent="0.3">
      <c r="H2119" s="44">
        <v>2112</v>
      </c>
      <c r="I2119" s="56">
        <f>Bühler!I2145</f>
        <v>0.24634385746974219</v>
      </c>
      <c r="J2119" s="59">
        <f>Bühler!J2145</f>
        <v>0.82114619156580737</v>
      </c>
      <c r="K2119" s="59">
        <f>Bühler!K2145</f>
        <v>1.2317192873487111</v>
      </c>
      <c r="L2119" s="59">
        <f>Bühler!L2145</f>
        <v>5.9122525792738125</v>
      </c>
      <c r="M2119" s="58">
        <f>Bühler!M2145</f>
        <v>0</v>
      </c>
      <c r="N2119" s="56">
        <f>IF(Input!$D$19=1,J2119*Input!$C$19,0)+IF(Input!$D$20=1,K2119*Input!$C$20,0)+IF(Input!$D$21=1,L2119*Input!$C$21,0)+IF(Input!$D$22=1,M2119*Input!$C$22,0)</f>
        <v>0.24634385746974219</v>
      </c>
      <c r="O2119" s="59">
        <f>IF(Input!$D$19=2,J2119*Input!$C$19,0)+IF(Input!$D$20=2,K2119*Input!$C$20,0)+IF(Input!$D$21=2,L2119*Input!$C$21,0)+IF(Input!$D$22=2,M2119*Input!$C$22,0)</f>
        <v>0.61585964367435553</v>
      </c>
      <c r="P2119" s="59">
        <f>IF(Input!$D$19=3,J2119*Input!$C$19,0)+IF(Input!$D$20=3,K2119*Input!$C$20,0)+IF(Input!$D$21=3,L2119*Input!$C$21,0)+IF(Input!$D$22=3,M2119*Input!$C$22,0)</f>
        <v>0</v>
      </c>
      <c r="Q2119" s="75">
        <f>IF(Input!$D$19=4,J2119*Input!$C$19,0)+IF(Input!$D$20=4,K2119*Input!$C$20,0)+IF(Input!$D$21=4,L2119*Input!$C$21,0)+IF(Input!$D$22=4,M2119*Input!$C$22,0)</f>
        <v>0</v>
      </c>
      <c r="R2119" s="58">
        <v>57.140161346687805</v>
      </c>
      <c r="S2119" s="124">
        <f t="shared" si="32"/>
        <v>1.0674900490355497</v>
      </c>
    </row>
    <row r="2120" spans="8:19" x14ac:dyDescent="0.3">
      <c r="H2120" s="44">
        <v>2113</v>
      </c>
      <c r="I2120" s="56">
        <f>Bühler!I2146</f>
        <v>0.26755366258240498</v>
      </c>
      <c r="J2120" s="59">
        <f>Bühler!J2146</f>
        <v>0.89184554194135002</v>
      </c>
      <c r="K2120" s="59">
        <f>Bühler!K2146</f>
        <v>1.3377683129120248</v>
      </c>
      <c r="L2120" s="59">
        <f>Bühler!L2146</f>
        <v>6.4212879019777196</v>
      </c>
      <c r="M2120" s="58">
        <f>Bühler!M2146</f>
        <v>0</v>
      </c>
      <c r="N2120" s="56">
        <f>IF(Input!$D$19=1,J2120*Input!$C$19,0)+IF(Input!$D$20=1,K2120*Input!$C$20,0)+IF(Input!$D$21=1,L2120*Input!$C$21,0)+IF(Input!$D$22=1,M2120*Input!$C$22,0)</f>
        <v>0.26755366258240498</v>
      </c>
      <c r="O2120" s="59">
        <f>IF(Input!$D$19=2,J2120*Input!$C$19,0)+IF(Input!$D$20=2,K2120*Input!$C$20,0)+IF(Input!$D$21=2,L2120*Input!$C$21,0)+IF(Input!$D$22=2,M2120*Input!$C$22,0)</f>
        <v>0.6688841564560124</v>
      </c>
      <c r="P2120" s="59">
        <f>IF(Input!$D$19=3,J2120*Input!$C$19,0)+IF(Input!$D$20=3,K2120*Input!$C$20,0)+IF(Input!$D$21=3,L2120*Input!$C$21,0)+IF(Input!$D$22=3,M2120*Input!$C$22,0)</f>
        <v>0</v>
      </c>
      <c r="Q2120" s="75">
        <f>IF(Input!$D$19=4,J2120*Input!$C$19,0)+IF(Input!$D$20=4,K2120*Input!$C$20,0)+IF(Input!$D$21=4,L2120*Input!$C$21,0)+IF(Input!$D$22=4,M2120*Input!$C$22,0)</f>
        <v>0</v>
      </c>
      <c r="R2120" s="58">
        <v>56.394218891659023</v>
      </c>
      <c r="S2120" s="124">
        <f t="shared" si="32"/>
        <v>1.1593992045237549</v>
      </c>
    </row>
    <row r="2121" spans="8:19" x14ac:dyDescent="0.3">
      <c r="H2121" s="44">
        <v>2114</v>
      </c>
      <c r="I2121" s="56">
        <f>Bühler!I2147</f>
        <v>0.26755366258240498</v>
      </c>
      <c r="J2121" s="59">
        <f>Bühler!J2147</f>
        <v>0.89184554194135002</v>
      </c>
      <c r="K2121" s="59">
        <f>Bühler!K2147</f>
        <v>1.3377683129120248</v>
      </c>
      <c r="L2121" s="59">
        <f>Bühler!L2147</f>
        <v>6.4212879019777196</v>
      </c>
      <c r="M2121" s="58">
        <f>Bühler!M2147</f>
        <v>0</v>
      </c>
      <c r="N2121" s="56">
        <f>IF(Input!$D$19=1,J2121*Input!$C$19,0)+IF(Input!$D$20=1,K2121*Input!$C$20,0)+IF(Input!$D$21=1,L2121*Input!$C$21,0)+IF(Input!$D$22=1,M2121*Input!$C$22,0)</f>
        <v>0.26755366258240498</v>
      </c>
      <c r="O2121" s="59">
        <f>IF(Input!$D$19=2,J2121*Input!$C$19,0)+IF(Input!$D$20=2,K2121*Input!$C$20,0)+IF(Input!$D$21=2,L2121*Input!$C$21,0)+IF(Input!$D$22=2,M2121*Input!$C$22,0)</f>
        <v>0.6688841564560124</v>
      </c>
      <c r="P2121" s="59">
        <f>IF(Input!$D$19=3,J2121*Input!$C$19,0)+IF(Input!$D$20=3,K2121*Input!$C$20,0)+IF(Input!$D$21=3,L2121*Input!$C$21,0)+IF(Input!$D$22=3,M2121*Input!$C$22,0)</f>
        <v>0</v>
      </c>
      <c r="Q2121" s="75">
        <f>IF(Input!$D$19=4,J2121*Input!$C$19,0)+IF(Input!$D$20=4,K2121*Input!$C$20,0)+IF(Input!$D$21=4,L2121*Input!$C$21,0)+IF(Input!$D$22=4,M2121*Input!$C$22,0)</f>
        <v>0</v>
      </c>
      <c r="R2121" s="58">
        <v>55.849023294872204</v>
      </c>
      <c r="S2121" s="124">
        <f t="shared" ref="S2121:S2184" si="33">I2121+J2121</f>
        <v>1.1593992045237549</v>
      </c>
    </row>
    <row r="2122" spans="8:19" x14ac:dyDescent="0.3">
      <c r="H2122" s="44">
        <v>2115</v>
      </c>
      <c r="I2122" s="56">
        <f>Bühler!I2148</f>
        <v>0.26755366258240498</v>
      </c>
      <c r="J2122" s="59">
        <f>Bühler!J2148</f>
        <v>0.89184554194135002</v>
      </c>
      <c r="K2122" s="59">
        <f>Bühler!K2148</f>
        <v>1.3377683129120248</v>
      </c>
      <c r="L2122" s="59">
        <f>Bühler!L2148</f>
        <v>6.4212879019777196</v>
      </c>
      <c r="M2122" s="58">
        <f>Bühler!M2148</f>
        <v>0</v>
      </c>
      <c r="N2122" s="56">
        <f>IF(Input!$D$19=1,J2122*Input!$C$19,0)+IF(Input!$D$20=1,K2122*Input!$C$20,0)+IF(Input!$D$21=1,L2122*Input!$C$21,0)+IF(Input!$D$22=1,M2122*Input!$C$22,0)</f>
        <v>0.26755366258240498</v>
      </c>
      <c r="O2122" s="59">
        <f>IF(Input!$D$19=2,J2122*Input!$C$19,0)+IF(Input!$D$20=2,K2122*Input!$C$20,0)+IF(Input!$D$21=2,L2122*Input!$C$21,0)+IF(Input!$D$22=2,M2122*Input!$C$22,0)</f>
        <v>0.6688841564560124</v>
      </c>
      <c r="P2122" s="59">
        <f>IF(Input!$D$19=3,J2122*Input!$C$19,0)+IF(Input!$D$20=3,K2122*Input!$C$20,0)+IF(Input!$D$21=3,L2122*Input!$C$21,0)+IF(Input!$D$22=3,M2122*Input!$C$22,0)</f>
        <v>0</v>
      </c>
      <c r="Q2122" s="75">
        <f>IF(Input!$D$19=4,J2122*Input!$C$19,0)+IF(Input!$D$20=4,K2122*Input!$C$20,0)+IF(Input!$D$21=4,L2122*Input!$C$21,0)+IF(Input!$D$22=4,M2122*Input!$C$22,0)</f>
        <v>0</v>
      </c>
      <c r="R2122" s="58">
        <v>56.038364958669412</v>
      </c>
      <c r="S2122" s="124">
        <f t="shared" si="33"/>
        <v>1.1593992045237549</v>
      </c>
    </row>
    <row r="2123" spans="8:19" x14ac:dyDescent="0.3">
      <c r="H2123" s="44">
        <v>2116</v>
      </c>
      <c r="I2123" s="56">
        <f>Bühler!I2149</f>
        <v>0.26755366258240498</v>
      </c>
      <c r="J2123" s="59">
        <f>Bühler!J2149</f>
        <v>0.89184554194135002</v>
      </c>
      <c r="K2123" s="59">
        <f>Bühler!K2149</f>
        <v>1.3377683129120248</v>
      </c>
      <c r="L2123" s="59">
        <f>Bühler!L2149</f>
        <v>6.4212879019777196</v>
      </c>
      <c r="M2123" s="58">
        <f>Bühler!M2149</f>
        <v>0</v>
      </c>
      <c r="N2123" s="56">
        <f>IF(Input!$D$19=1,J2123*Input!$C$19,0)+IF(Input!$D$20=1,K2123*Input!$C$20,0)+IF(Input!$D$21=1,L2123*Input!$C$21,0)+IF(Input!$D$22=1,M2123*Input!$C$22,0)</f>
        <v>0.26755366258240498</v>
      </c>
      <c r="O2123" s="59">
        <f>IF(Input!$D$19=2,J2123*Input!$C$19,0)+IF(Input!$D$20=2,K2123*Input!$C$20,0)+IF(Input!$D$21=2,L2123*Input!$C$21,0)+IF(Input!$D$22=2,M2123*Input!$C$22,0)</f>
        <v>0.6688841564560124</v>
      </c>
      <c r="P2123" s="59">
        <f>IF(Input!$D$19=3,J2123*Input!$C$19,0)+IF(Input!$D$20=3,K2123*Input!$C$20,0)+IF(Input!$D$21=3,L2123*Input!$C$21,0)+IF(Input!$D$22=3,M2123*Input!$C$22,0)</f>
        <v>0</v>
      </c>
      <c r="Q2123" s="75">
        <f>IF(Input!$D$19=4,J2123*Input!$C$19,0)+IF(Input!$D$20=4,K2123*Input!$C$20,0)+IF(Input!$D$21=4,L2123*Input!$C$21,0)+IF(Input!$D$22=4,M2123*Input!$C$22,0)</f>
        <v>0</v>
      </c>
      <c r="R2123" s="58">
        <v>56.541377399664817</v>
      </c>
      <c r="S2123" s="124">
        <f t="shared" si="33"/>
        <v>1.1593992045237549</v>
      </c>
    </row>
    <row r="2124" spans="8:19" x14ac:dyDescent="0.3">
      <c r="H2124" s="44">
        <v>2117</v>
      </c>
      <c r="I2124" s="56">
        <f>Bühler!I2150</f>
        <v>0.26755366258240498</v>
      </c>
      <c r="J2124" s="59">
        <f>Bühler!J2150</f>
        <v>0.89184554194135002</v>
      </c>
      <c r="K2124" s="59">
        <f>Bühler!K2150</f>
        <v>1.3377683129120248</v>
      </c>
      <c r="L2124" s="59">
        <f>Bühler!L2150</f>
        <v>6.4212879019777196</v>
      </c>
      <c r="M2124" s="58">
        <f>Bühler!M2150</f>
        <v>0</v>
      </c>
      <c r="N2124" s="56">
        <f>IF(Input!$D$19=1,J2124*Input!$C$19,0)+IF(Input!$D$20=1,K2124*Input!$C$20,0)+IF(Input!$D$21=1,L2124*Input!$C$21,0)+IF(Input!$D$22=1,M2124*Input!$C$22,0)</f>
        <v>0.26755366258240498</v>
      </c>
      <c r="O2124" s="59">
        <f>IF(Input!$D$19=2,J2124*Input!$C$19,0)+IF(Input!$D$20=2,K2124*Input!$C$20,0)+IF(Input!$D$21=2,L2124*Input!$C$21,0)+IF(Input!$D$22=2,M2124*Input!$C$22,0)</f>
        <v>0.6688841564560124</v>
      </c>
      <c r="P2124" s="59">
        <f>IF(Input!$D$19=3,J2124*Input!$C$19,0)+IF(Input!$D$20=3,K2124*Input!$C$20,0)+IF(Input!$D$21=3,L2124*Input!$C$21,0)+IF(Input!$D$22=3,M2124*Input!$C$22,0)</f>
        <v>0</v>
      </c>
      <c r="Q2124" s="75">
        <f>IF(Input!$D$19=4,J2124*Input!$C$19,0)+IF(Input!$D$20=4,K2124*Input!$C$20,0)+IF(Input!$D$21=4,L2124*Input!$C$21,0)+IF(Input!$D$22=4,M2124*Input!$C$22,0)</f>
        <v>0</v>
      </c>
      <c r="R2124" s="58">
        <v>57.560811098231994</v>
      </c>
      <c r="S2124" s="124">
        <f t="shared" si="33"/>
        <v>1.1593992045237549</v>
      </c>
    </row>
    <row r="2125" spans="8:19" x14ac:dyDescent="0.3">
      <c r="H2125" s="44">
        <v>2118</v>
      </c>
      <c r="I2125" s="56">
        <f>Bühler!I2151</f>
        <v>0.34484694288398865</v>
      </c>
      <c r="J2125" s="59">
        <f>Bühler!J2151</f>
        <v>1.1494898096132955</v>
      </c>
      <c r="K2125" s="59">
        <f>Bühler!K2151</f>
        <v>1.7242347144199432</v>
      </c>
      <c r="L2125" s="59">
        <f>Bühler!L2151</f>
        <v>8.2763266292157276</v>
      </c>
      <c r="M2125" s="58">
        <f>Bühler!M2151</f>
        <v>0</v>
      </c>
      <c r="N2125" s="56">
        <f>IF(Input!$D$19=1,J2125*Input!$C$19,0)+IF(Input!$D$20=1,K2125*Input!$C$20,0)+IF(Input!$D$21=1,L2125*Input!$C$21,0)+IF(Input!$D$22=1,M2125*Input!$C$22,0)</f>
        <v>0.34484694288398865</v>
      </c>
      <c r="O2125" s="59">
        <f>IF(Input!$D$19=2,J2125*Input!$C$19,0)+IF(Input!$D$20=2,K2125*Input!$C$20,0)+IF(Input!$D$21=2,L2125*Input!$C$21,0)+IF(Input!$D$22=2,M2125*Input!$C$22,0)</f>
        <v>0.86211735720997162</v>
      </c>
      <c r="P2125" s="59">
        <f>IF(Input!$D$19=3,J2125*Input!$C$19,0)+IF(Input!$D$20=3,K2125*Input!$C$20,0)+IF(Input!$D$21=3,L2125*Input!$C$21,0)+IF(Input!$D$22=3,M2125*Input!$C$22,0)</f>
        <v>0</v>
      </c>
      <c r="Q2125" s="75">
        <f>IF(Input!$D$19=4,J2125*Input!$C$19,0)+IF(Input!$D$20=4,K2125*Input!$C$20,0)+IF(Input!$D$21=4,L2125*Input!$C$21,0)+IF(Input!$D$22=4,M2125*Input!$C$22,0)</f>
        <v>0</v>
      </c>
      <c r="R2125" s="58">
        <v>60.418013249420945</v>
      </c>
      <c r="S2125" s="124">
        <f t="shared" si="33"/>
        <v>1.4943367524972841</v>
      </c>
    </row>
    <row r="2126" spans="8:19" x14ac:dyDescent="0.3">
      <c r="H2126" s="44">
        <v>2119</v>
      </c>
      <c r="I2126" s="56">
        <f>Bühler!I2152</f>
        <v>0.41619458623929667</v>
      </c>
      <c r="J2126" s="59">
        <f>Bühler!J2152</f>
        <v>1.3873152874643224</v>
      </c>
      <c r="K2126" s="59">
        <f>Bühler!K2152</f>
        <v>2.0809729311964835</v>
      </c>
      <c r="L2126" s="59">
        <f>Bühler!L2152</f>
        <v>9.9886700697431205</v>
      </c>
      <c r="M2126" s="58">
        <f>Bühler!M2152</f>
        <v>0</v>
      </c>
      <c r="N2126" s="56">
        <f>IF(Input!$D$19=1,J2126*Input!$C$19,0)+IF(Input!$D$20=1,K2126*Input!$C$20,0)+IF(Input!$D$21=1,L2126*Input!$C$21,0)+IF(Input!$D$22=1,M2126*Input!$C$22,0)</f>
        <v>0.41619458623929673</v>
      </c>
      <c r="O2126" s="59">
        <f>IF(Input!$D$19=2,J2126*Input!$C$19,0)+IF(Input!$D$20=2,K2126*Input!$C$20,0)+IF(Input!$D$21=2,L2126*Input!$C$21,0)+IF(Input!$D$22=2,M2126*Input!$C$22,0)</f>
        <v>1.0404864655982418</v>
      </c>
      <c r="P2126" s="59">
        <f>IF(Input!$D$19=3,J2126*Input!$C$19,0)+IF(Input!$D$20=3,K2126*Input!$C$20,0)+IF(Input!$D$21=3,L2126*Input!$C$21,0)+IF(Input!$D$22=3,M2126*Input!$C$22,0)</f>
        <v>0</v>
      </c>
      <c r="Q2126" s="75">
        <f>IF(Input!$D$19=4,J2126*Input!$C$19,0)+IF(Input!$D$20=4,K2126*Input!$C$20,0)+IF(Input!$D$21=4,L2126*Input!$C$21,0)+IF(Input!$D$22=4,M2126*Input!$C$22,0)</f>
        <v>0</v>
      </c>
      <c r="R2126" s="58">
        <v>64.340318126759712</v>
      </c>
      <c r="S2126" s="124">
        <f t="shared" si="33"/>
        <v>1.803509873703619</v>
      </c>
    </row>
    <row r="2127" spans="8:19" x14ac:dyDescent="0.3">
      <c r="H2127" s="44">
        <v>2120</v>
      </c>
      <c r="I2127" s="56">
        <f>Bühler!I2153</f>
        <v>0.41619458623929667</v>
      </c>
      <c r="J2127" s="59">
        <f>Bühler!J2153</f>
        <v>1.3873152874643224</v>
      </c>
      <c r="K2127" s="59">
        <f>Bühler!K2153</f>
        <v>2.0809729311964835</v>
      </c>
      <c r="L2127" s="59">
        <f>Bühler!L2153</f>
        <v>9.9886700697431205</v>
      </c>
      <c r="M2127" s="58">
        <f>Bühler!M2153</f>
        <v>0</v>
      </c>
      <c r="N2127" s="56">
        <f>IF(Input!$D$19=1,J2127*Input!$C$19,0)+IF(Input!$D$20=1,K2127*Input!$C$20,0)+IF(Input!$D$21=1,L2127*Input!$C$21,0)+IF(Input!$D$22=1,M2127*Input!$C$22,0)</f>
        <v>0.41619458623929673</v>
      </c>
      <c r="O2127" s="59">
        <f>IF(Input!$D$19=2,J2127*Input!$C$19,0)+IF(Input!$D$20=2,K2127*Input!$C$20,0)+IF(Input!$D$21=2,L2127*Input!$C$21,0)+IF(Input!$D$22=2,M2127*Input!$C$22,0)</f>
        <v>1.0404864655982418</v>
      </c>
      <c r="P2127" s="59">
        <f>IF(Input!$D$19=3,J2127*Input!$C$19,0)+IF(Input!$D$20=3,K2127*Input!$C$20,0)+IF(Input!$D$21=3,L2127*Input!$C$21,0)+IF(Input!$D$22=3,M2127*Input!$C$22,0)</f>
        <v>0</v>
      </c>
      <c r="Q2127" s="75">
        <f>IF(Input!$D$19=4,J2127*Input!$C$19,0)+IF(Input!$D$20=4,K2127*Input!$C$20,0)+IF(Input!$D$21=4,L2127*Input!$C$21,0)+IF(Input!$D$22=4,M2127*Input!$C$22,0)</f>
        <v>0</v>
      </c>
      <c r="R2127" s="58">
        <v>65.584466302810426</v>
      </c>
      <c r="S2127" s="124">
        <f t="shared" si="33"/>
        <v>1.803509873703619</v>
      </c>
    </row>
    <row r="2128" spans="8:19" x14ac:dyDescent="0.3">
      <c r="H2128" s="44">
        <v>2121</v>
      </c>
      <c r="I2128" s="56">
        <f>Bühler!I2154</f>
        <v>0.41619458623929667</v>
      </c>
      <c r="J2128" s="59">
        <f>Bühler!J2154</f>
        <v>1.3873152874643224</v>
      </c>
      <c r="K2128" s="59">
        <f>Bühler!K2154</f>
        <v>2.0809729311964835</v>
      </c>
      <c r="L2128" s="59">
        <f>Bühler!L2154</f>
        <v>9.9886700697431205</v>
      </c>
      <c r="M2128" s="58">
        <f>Bühler!M2154</f>
        <v>0</v>
      </c>
      <c r="N2128" s="56">
        <f>IF(Input!$D$19=1,J2128*Input!$C$19,0)+IF(Input!$D$20=1,K2128*Input!$C$20,0)+IF(Input!$D$21=1,L2128*Input!$C$21,0)+IF(Input!$D$22=1,M2128*Input!$C$22,0)</f>
        <v>0.41619458623929673</v>
      </c>
      <c r="O2128" s="59">
        <f>IF(Input!$D$19=2,J2128*Input!$C$19,0)+IF(Input!$D$20=2,K2128*Input!$C$20,0)+IF(Input!$D$21=2,L2128*Input!$C$21,0)+IF(Input!$D$22=2,M2128*Input!$C$22,0)</f>
        <v>1.0404864655982418</v>
      </c>
      <c r="P2128" s="59">
        <f>IF(Input!$D$19=3,J2128*Input!$C$19,0)+IF(Input!$D$20=3,K2128*Input!$C$20,0)+IF(Input!$D$21=3,L2128*Input!$C$21,0)+IF(Input!$D$22=3,M2128*Input!$C$22,0)</f>
        <v>0</v>
      </c>
      <c r="Q2128" s="75">
        <f>IF(Input!$D$19=4,J2128*Input!$C$19,0)+IF(Input!$D$20=4,K2128*Input!$C$20,0)+IF(Input!$D$21=4,L2128*Input!$C$21,0)+IF(Input!$D$22=4,M2128*Input!$C$22,0)</f>
        <v>0</v>
      </c>
      <c r="R2128" s="58">
        <v>65.622701800884784</v>
      </c>
      <c r="S2128" s="124">
        <f t="shared" si="33"/>
        <v>1.803509873703619</v>
      </c>
    </row>
    <row r="2129" spans="8:19" x14ac:dyDescent="0.3">
      <c r="H2129" s="44">
        <v>2122</v>
      </c>
      <c r="I2129" s="56">
        <f>Bühler!I2155</f>
        <v>0.44592277097067501</v>
      </c>
      <c r="J2129" s="59">
        <f>Bühler!J2155</f>
        <v>1.4864092365689168</v>
      </c>
      <c r="K2129" s="59">
        <f>Bühler!K2155</f>
        <v>2.2296138548533748</v>
      </c>
      <c r="L2129" s="59">
        <f>Bühler!L2155</f>
        <v>10.7021465032962</v>
      </c>
      <c r="M2129" s="58">
        <f>Bühler!M2155</f>
        <v>0</v>
      </c>
      <c r="N2129" s="56">
        <f>IF(Input!$D$19=1,J2129*Input!$C$19,0)+IF(Input!$D$20=1,K2129*Input!$C$20,0)+IF(Input!$D$21=1,L2129*Input!$C$21,0)+IF(Input!$D$22=1,M2129*Input!$C$22,0)</f>
        <v>0.44592277097067501</v>
      </c>
      <c r="O2129" s="59">
        <f>IF(Input!$D$19=2,J2129*Input!$C$19,0)+IF(Input!$D$20=2,K2129*Input!$C$20,0)+IF(Input!$D$21=2,L2129*Input!$C$21,0)+IF(Input!$D$22=2,M2129*Input!$C$22,0)</f>
        <v>1.1148069274266874</v>
      </c>
      <c r="P2129" s="59">
        <f>IF(Input!$D$19=3,J2129*Input!$C$19,0)+IF(Input!$D$20=3,K2129*Input!$C$20,0)+IF(Input!$D$21=3,L2129*Input!$C$21,0)+IF(Input!$D$22=3,M2129*Input!$C$22,0)</f>
        <v>0</v>
      </c>
      <c r="Q2129" s="75">
        <f>IF(Input!$D$19=4,J2129*Input!$C$19,0)+IF(Input!$D$20=4,K2129*Input!$C$20,0)+IF(Input!$D$21=4,L2129*Input!$C$21,0)+IF(Input!$D$22=4,M2129*Input!$C$22,0)</f>
        <v>0</v>
      </c>
      <c r="R2129" s="58">
        <v>65.948748750792149</v>
      </c>
      <c r="S2129" s="124">
        <f t="shared" si="33"/>
        <v>1.9323320075395918</v>
      </c>
    </row>
    <row r="2130" spans="8:19" x14ac:dyDescent="0.3">
      <c r="H2130" s="44">
        <v>2123</v>
      </c>
      <c r="I2130" s="56">
        <f>Bühler!I2156</f>
        <v>0.463759681809502</v>
      </c>
      <c r="J2130" s="59">
        <f>Bühler!J2156</f>
        <v>1.5458656060316736</v>
      </c>
      <c r="K2130" s="59">
        <f>Bühler!K2156</f>
        <v>2.3187984090475102</v>
      </c>
      <c r="L2130" s="59">
        <f>Bühler!L2156</f>
        <v>11.130232363428048</v>
      </c>
      <c r="M2130" s="58">
        <f>Bühler!M2156</f>
        <v>0</v>
      </c>
      <c r="N2130" s="56">
        <f>IF(Input!$D$19=1,J2130*Input!$C$19,0)+IF(Input!$D$20=1,K2130*Input!$C$20,0)+IF(Input!$D$21=1,L2130*Input!$C$21,0)+IF(Input!$D$22=1,M2130*Input!$C$22,0)</f>
        <v>0.46375968180950206</v>
      </c>
      <c r="O2130" s="59">
        <f>IF(Input!$D$19=2,J2130*Input!$C$19,0)+IF(Input!$D$20=2,K2130*Input!$C$20,0)+IF(Input!$D$21=2,L2130*Input!$C$21,0)+IF(Input!$D$22=2,M2130*Input!$C$22,0)</f>
        <v>1.1593992045237551</v>
      </c>
      <c r="P2130" s="59">
        <f>IF(Input!$D$19=3,J2130*Input!$C$19,0)+IF(Input!$D$20=3,K2130*Input!$C$20,0)+IF(Input!$D$21=3,L2130*Input!$C$21,0)+IF(Input!$D$22=3,M2130*Input!$C$22,0)</f>
        <v>0</v>
      </c>
      <c r="Q2130" s="75">
        <f>IF(Input!$D$19=4,J2130*Input!$C$19,0)+IF(Input!$D$20=4,K2130*Input!$C$20,0)+IF(Input!$D$21=4,L2130*Input!$C$21,0)+IF(Input!$D$22=4,M2130*Input!$C$22,0)</f>
        <v>0</v>
      </c>
      <c r="R2130" s="58">
        <v>66.230017136973146</v>
      </c>
      <c r="S2130" s="124">
        <f t="shared" si="33"/>
        <v>2.0096252878411756</v>
      </c>
    </row>
    <row r="2131" spans="8:19" x14ac:dyDescent="0.3">
      <c r="H2131" s="44">
        <v>2124</v>
      </c>
      <c r="I2131" s="56">
        <f>Bühler!I2157</f>
        <v>0.53510732516480997</v>
      </c>
      <c r="J2131" s="59">
        <f>Bühler!J2157</f>
        <v>1.7836910838827</v>
      </c>
      <c r="K2131" s="59">
        <f>Bühler!K2157</f>
        <v>2.6755366258240496</v>
      </c>
      <c r="L2131" s="59">
        <f>Bühler!L2157</f>
        <v>12.842575803955439</v>
      </c>
      <c r="M2131" s="58">
        <f>Bühler!M2157</f>
        <v>0</v>
      </c>
      <c r="N2131" s="56">
        <f>IF(Input!$D$19=1,J2131*Input!$C$19,0)+IF(Input!$D$20=1,K2131*Input!$C$20,0)+IF(Input!$D$21=1,L2131*Input!$C$21,0)+IF(Input!$D$22=1,M2131*Input!$C$22,0)</f>
        <v>0.53510732516480997</v>
      </c>
      <c r="O2131" s="59">
        <f>IF(Input!$D$19=2,J2131*Input!$C$19,0)+IF(Input!$D$20=2,K2131*Input!$C$20,0)+IF(Input!$D$21=2,L2131*Input!$C$21,0)+IF(Input!$D$22=2,M2131*Input!$C$22,0)</f>
        <v>1.3377683129120248</v>
      </c>
      <c r="P2131" s="59">
        <f>IF(Input!$D$19=3,J2131*Input!$C$19,0)+IF(Input!$D$20=3,K2131*Input!$C$20,0)+IF(Input!$D$21=3,L2131*Input!$C$21,0)+IF(Input!$D$22=3,M2131*Input!$C$22,0)</f>
        <v>0</v>
      </c>
      <c r="Q2131" s="75">
        <f>IF(Input!$D$19=4,J2131*Input!$C$19,0)+IF(Input!$D$20=4,K2131*Input!$C$20,0)+IF(Input!$D$21=4,L2131*Input!$C$21,0)+IF(Input!$D$22=4,M2131*Input!$C$22,0)</f>
        <v>0</v>
      </c>
      <c r="R2131" s="58">
        <v>66.024823019795008</v>
      </c>
      <c r="S2131" s="124">
        <f t="shared" si="33"/>
        <v>2.3187984090475098</v>
      </c>
    </row>
    <row r="2132" spans="8:19" x14ac:dyDescent="0.3">
      <c r="H2132" s="44">
        <v>2125</v>
      </c>
      <c r="I2132" s="56">
        <f>Bühler!I2158</f>
        <v>0.53510732516480997</v>
      </c>
      <c r="J2132" s="59">
        <f>Bühler!J2158</f>
        <v>1.7836910838827</v>
      </c>
      <c r="K2132" s="59">
        <f>Bühler!K2158</f>
        <v>2.6755366258240496</v>
      </c>
      <c r="L2132" s="59">
        <f>Bühler!L2158</f>
        <v>12.842575803955439</v>
      </c>
      <c r="M2132" s="58">
        <f>Bühler!M2158</f>
        <v>0</v>
      </c>
      <c r="N2132" s="56">
        <f>IF(Input!$D$19=1,J2132*Input!$C$19,0)+IF(Input!$D$20=1,K2132*Input!$C$20,0)+IF(Input!$D$21=1,L2132*Input!$C$21,0)+IF(Input!$D$22=1,M2132*Input!$C$22,0)</f>
        <v>0.53510732516480997</v>
      </c>
      <c r="O2132" s="59">
        <f>IF(Input!$D$19=2,J2132*Input!$C$19,0)+IF(Input!$D$20=2,K2132*Input!$C$20,0)+IF(Input!$D$21=2,L2132*Input!$C$21,0)+IF(Input!$D$22=2,M2132*Input!$C$22,0)</f>
        <v>1.3377683129120248</v>
      </c>
      <c r="P2132" s="59">
        <f>IF(Input!$D$19=3,J2132*Input!$C$19,0)+IF(Input!$D$20=3,K2132*Input!$C$20,0)+IF(Input!$D$21=3,L2132*Input!$C$21,0)+IF(Input!$D$22=3,M2132*Input!$C$22,0)</f>
        <v>0</v>
      </c>
      <c r="Q2132" s="75">
        <f>IF(Input!$D$19=4,J2132*Input!$C$19,0)+IF(Input!$D$20=4,K2132*Input!$C$20,0)+IF(Input!$D$21=4,L2132*Input!$C$21,0)+IF(Input!$D$22=4,M2132*Input!$C$22,0)</f>
        <v>0</v>
      </c>
      <c r="R2132" s="58">
        <v>64.483540058812309</v>
      </c>
      <c r="S2132" s="124">
        <f t="shared" si="33"/>
        <v>2.3187984090475098</v>
      </c>
    </row>
    <row r="2133" spans="8:19" x14ac:dyDescent="0.3">
      <c r="H2133" s="44">
        <v>2126</v>
      </c>
      <c r="I2133" s="56">
        <f>Bühler!I2159</f>
        <v>0.53510732516480997</v>
      </c>
      <c r="J2133" s="59">
        <f>Bühler!J2159</f>
        <v>1.7836910838827</v>
      </c>
      <c r="K2133" s="59">
        <f>Bühler!K2159</f>
        <v>2.6755366258240496</v>
      </c>
      <c r="L2133" s="59">
        <f>Bühler!L2159</f>
        <v>12.842575803955439</v>
      </c>
      <c r="M2133" s="58">
        <f>Bühler!M2159</f>
        <v>0</v>
      </c>
      <c r="N2133" s="56">
        <f>IF(Input!$D$19=1,J2133*Input!$C$19,0)+IF(Input!$D$20=1,K2133*Input!$C$20,0)+IF(Input!$D$21=1,L2133*Input!$C$21,0)+IF(Input!$D$22=1,M2133*Input!$C$22,0)</f>
        <v>0.53510732516480997</v>
      </c>
      <c r="O2133" s="59">
        <f>IF(Input!$D$19=2,J2133*Input!$C$19,0)+IF(Input!$D$20=2,K2133*Input!$C$20,0)+IF(Input!$D$21=2,L2133*Input!$C$21,0)+IF(Input!$D$22=2,M2133*Input!$C$22,0)</f>
        <v>1.3377683129120248</v>
      </c>
      <c r="P2133" s="59">
        <f>IF(Input!$D$19=3,J2133*Input!$C$19,0)+IF(Input!$D$20=3,K2133*Input!$C$20,0)+IF(Input!$D$21=3,L2133*Input!$C$21,0)+IF(Input!$D$22=3,M2133*Input!$C$22,0)</f>
        <v>0</v>
      </c>
      <c r="Q2133" s="75">
        <f>IF(Input!$D$19=4,J2133*Input!$C$19,0)+IF(Input!$D$20=4,K2133*Input!$C$20,0)+IF(Input!$D$21=4,L2133*Input!$C$21,0)+IF(Input!$D$22=4,M2133*Input!$C$22,0)</f>
        <v>0</v>
      </c>
      <c r="R2133" s="58">
        <v>63.15445847907575</v>
      </c>
      <c r="S2133" s="124">
        <f t="shared" si="33"/>
        <v>2.3187984090475098</v>
      </c>
    </row>
    <row r="2134" spans="8:19" x14ac:dyDescent="0.3">
      <c r="H2134" s="44">
        <v>2127</v>
      </c>
      <c r="I2134" s="56">
        <f>Bühler!I2160</f>
        <v>0.53510732516480997</v>
      </c>
      <c r="J2134" s="59">
        <f>Bühler!J2160</f>
        <v>1.7836910838827</v>
      </c>
      <c r="K2134" s="59">
        <f>Bühler!K2160</f>
        <v>2.6755366258240496</v>
      </c>
      <c r="L2134" s="59">
        <f>Bühler!L2160</f>
        <v>12.842575803955439</v>
      </c>
      <c r="M2134" s="58">
        <f>Bühler!M2160</f>
        <v>0</v>
      </c>
      <c r="N2134" s="56">
        <f>IF(Input!$D$19=1,J2134*Input!$C$19,0)+IF(Input!$D$20=1,K2134*Input!$C$20,0)+IF(Input!$D$21=1,L2134*Input!$C$21,0)+IF(Input!$D$22=1,M2134*Input!$C$22,0)</f>
        <v>0.53510732516480997</v>
      </c>
      <c r="O2134" s="59">
        <f>IF(Input!$D$19=2,J2134*Input!$C$19,0)+IF(Input!$D$20=2,K2134*Input!$C$20,0)+IF(Input!$D$21=2,L2134*Input!$C$21,0)+IF(Input!$D$22=2,M2134*Input!$C$22,0)</f>
        <v>1.3377683129120248</v>
      </c>
      <c r="P2134" s="59">
        <f>IF(Input!$D$19=3,J2134*Input!$C$19,0)+IF(Input!$D$20=3,K2134*Input!$C$20,0)+IF(Input!$D$21=3,L2134*Input!$C$21,0)+IF(Input!$D$22=3,M2134*Input!$C$22,0)</f>
        <v>0</v>
      </c>
      <c r="Q2134" s="75">
        <f>IF(Input!$D$19=4,J2134*Input!$C$19,0)+IF(Input!$D$20=4,K2134*Input!$C$20,0)+IF(Input!$D$21=4,L2134*Input!$C$21,0)+IF(Input!$D$22=4,M2134*Input!$C$22,0)</f>
        <v>0</v>
      </c>
      <c r="R2134" s="58">
        <v>63.064127491458933</v>
      </c>
      <c r="S2134" s="124">
        <f t="shared" si="33"/>
        <v>2.3187984090475098</v>
      </c>
    </row>
    <row r="2135" spans="8:19" x14ac:dyDescent="0.3">
      <c r="H2135" s="44">
        <v>2128</v>
      </c>
      <c r="I2135" s="56">
        <f>Bühler!I2161</f>
        <v>0.44592277097067501</v>
      </c>
      <c r="J2135" s="59">
        <f>Bühler!J2161</f>
        <v>1.4864092365689168</v>
      </c>
      <c r="K2135" s="59">
        <f>Bühler!K2161</f>
        <v>2.2296138548533748</v>
      </c>
      <c r="L2135" s="59">
        <f>Bühler!L2161</f>
        <v>10.7021465032962</v>
      </c>
      <c r="M2135" s="58">
        <f>Bühler!M2161</f>
        <v>0</v>
      </c>
      <c r="N2135" s="56">
        <f>IF(Input!$D$19=1,J2135*Input!$C$19,0)+IF(Input!$D$20=1,K2135*Input!$C$20,0)+IF(Input!$D$21=1,L2135*Input!$C$21,0)+IF(Input!$D$22=1,M2135*Input!$C$22,0)</f>
        <v>0.44592277097067501</v>
      </c>
      <c r="O2135" s="59">
        <f>IF(Input!$D$19=2,J2135*Input!$C$19,0)+IF(Input!$D$20=2,K2135*Input!$C$20,0)+IF(Input!$D$21=2,L2135*Input!$C$21,0)+IF(Input!$D$22=2,M2135*Input!$C$22,0)</f>
        <v>1.1148069274266874</v>
      </c>
      <c r="P2135" s="59">
        <f>IF(Input!$D$19=3,J2135*Input!$C$19,0)+IF(Input!$D$20=3,K2135*Input!$C$20,0)+IF(Input!$D$21=3,L2135*Input!$C$21,0)+IF(Input!$D$22=3,M2135*Input!$C$22,0)</f>
        <v>0</v>
      </c>
      <c r="Q2135" s="75">
        <f>IF(Input!$D$19=4,J2135*Input!$C$19,0)+IF(Input!$D$20=4,K2135*Input!$C$20,0)+IF(Input!$D$21=4,L2135*Input!$C$21,0)+IF(Input!$D$22=4,M2135*Input!$C$22,0)</f>
        <v>0</v>
      </c>
      <c r="R2135" s="58">
        <v>61.192016809575151</v>
      </c>
      <c r="S2135" s="124">
        <f t="shared" si="33"/>
        <v>1.9323320075395918</v>
      </c>
    </row>
    <row r="2136" spans="8:19" x14ac:dyDescent="0.3">
      <c r="H2136" s="44">
        <v>2129</v>
      </c>
      <c r="I2136" s="56">
        <f>Bühler!I2162</f>
        <v>0.42214022318557237</v>
      </c>
      <c r="J2136" s="59">
        <f>Bühler!J2162</f>
        <v>1.4071340772852414</v>
      </c>
      <c r="K2136" s="59">
        <f>Bühler!K2162</f>
        <v>2.1107011159278617</v>
      </c>
      <c r="L2136" s="59">
        <f>Bühler!L2162</f>
        <v>10.131365356453736</v>
      </c>
      <c r="M2136" s="58">
        <f>Bühler!M2162</f>
        <v>0</v>
      </c>
      <c r="N2136" s="56">
        <f>IF(Input!$D$19=1,J2136*Input!$C$19,0)+IF(Input!$D$20=1,K2136*Input!$C$20,0)+IF(Input!$D$21=1,L2136*Input!$C$21,0)+IF(Input!$D$22=1,M2136*Input!$C$22,0)</f>
        <v>0.42214022318557243</v>
      </c>
      <c r="O2136" s="59">
        <f>IF(Input!$D$19=2,J2136*Input!$C$19,0)+IF(Input!$D$20=2,K2136*Input!$C$20,0)+IF(Input!$D$21=2,L2136*Input!$C$21,0)+IF(Input!$D$22=2,M2136*Input!$C$22,0)</f>
        <v>1.0553505579639308</v>
      </c>
      <c r="P2136" s="59">
        <f>IF(Input!$D$19=3,J2136*Input!$C$19,0)+IF(Input!$D$20=3,K2136*Input!$C$20,0)+IF(Input!$D$21=3,L2136*Input!$C$21,0)+IF(Input!$D$22=3,M2136*Input!$C$22,0)</f>
        <v>0</v>
      </c>
      <c r="Q2136" s="75">
        <f>IF(Input!$D$19=4,J2136*Input!$C$19,0)+IF(Input!$D$20=4,K2136*Input!$C$20,0)+IF(Input!$D$21=4,L2136*Input!$C$21,0)+IF(Input!$D$22=4,M2136*Input!$C$22,0)</f>
        <v>0</v>
      </c>
      <c r="R2136" s="58">
        <v>59.77416227937789</v>
      </c>
      <c r="S2136" s="124">
        <f t="shared" si="33"/>
        <v>1.8292743004708139</v>
      </c>
    </row>
    <row r="2137" spans="8:19" x14ac:dyDescent="0.3">
      <c r="H2137" s="44">
        <v>2130</v>
      </c>
      <c r="I2137" s="56">
        <f>Bühler!I2163</f>
        <v>0.42214022318557237</v>
      </c>
      <c r="J2137" s="59">
        <f>Bühler!J2163</f>
        <v>1.4071340772852414</v>
      </c>
      <c r="K2137" s="59">
        <f>Bühler!K2163</f>
        <v>2.1107011159278617</v>
      </c>
      <c r="L2137" s="59">
        <f>Bühler!L2163</f>
        <v>10.131365356453736</v>
      </c>
      <c r="M2137" s="58">
        <f>Bühler!M2163</f>
        <v>0</v>
      </c>
      <c r="N2137" s="56">
        <f>IF(Input!$D$19=1,J2137*Input!$C$19,0)+IF(Input!$D$20=1,K2137*Input!$C$20,0)+IF(Input!$D$21=1,L2137*Input!$C$21,0)+IF(Input!$D$22=1,M2137*Input!$C$22,0)</f>
        <v>0.42214022318557243</v>
      </c>
      <c r="O2137" s="59">
        <f>IF(Input!$D$19=2,J2137*Input!$C$19,0)+IF(Input!$D$20=2,K2137*Input!$C$20,0)+IF(Input!$D$21=2,L2137*Input!$C$21,0)+IF(Input!$D$22=2,M2137*Input!$C$22,0)</f>
        <v>1.0553505579639308</v>
      </c>
      <c r="P2137" s="59">
        <f>IF(Input!$D$19=3,J2137*Input!$C$19,0)+IF(Input!$D$20=3,K2137*Input!$C$20,0)+IF(Input!$D$21=3,L2137*Input!$C$21,0)+IF(Input!$D$22=3,M2137*Input!$C$22,0)</f>
        <v>0</v>
      </c>
      <c r="Q2137" s="75">
        <f>IF(Input!$D$19=4,J2137*Input!$C$19,0)+IF(Input!$D$20=4,K2137*Input!$C$20,0)+IF(Input!$D$21=4,L2137*Input!$C$21,0)+IF(Input!$D$22=4,M2137*Input!$C$22,0)</f>
        <v>0</v>
      </c>
      <c r="R2137" s="58">
        <v>58.759527612197594</v>
      </c>
      <c r="S2137" s="124">
        <f t="shared" si="33"/>
        <v>1.8292743004708139</v>
      </c>
    </row>
    <row r="2138" spans="8:19" x14ac:dyDescent="0.3">
      <c r="H2138" s="44">
        <v>2131</v>
      </c>
      <c r="I2138" s="56">
        <f>Bühler!I2164</f>
        <v>0.42214022318557237</v>
      </c>
      <c r="J2138" s="59">
        <f>Bühler!J2164</f>
        <v>1.4071340772852414</v>
      </c>
      <c r="K2138" s="59">
        <f>Bühler!K2164</f>
        <v>2.1107011159278617</v>
      </c>
      <c r="L2138" s="59">
        <f>Bühler!L2164</f>
        <v>10.131365356453736</v>
      </c>
      <c r="M2138" s="58">
        <f>Bühler!M2164</f>
        <v>0</v>
      </c>
      <c r="N2138" s="56">
        <f>IF(Input!$D$19=1,J2138*Input!$C$19,0)+IF(Input!$D$20=1,K2138*Input!$C$20,0)+IF(Input!$D$21=1,L2138*Input!$C$21,0)+IF(Input!$D$22=1,M2138*Input!$C$22,0)</f>
        <v>0.42214022318557243</v>
      </c>
      <c r="O2138" s="59">
        <f>IF(Input!$D$19=2,J2138*Input!$C$19,0)+IF(Input!$D$20=2,K2138*Input!$C$20,0)+IF(Input!$D$21=2,L2138*Input!$C$21,0)+IF(Input!$D$22=2,M2138*Input!$C$22,0)</f>
        <v>1.0553505579639308</v>
      </c>
      <c r="P2138" s="59">
        <f>IF(Input!$D$19=3,J2138*Input!$C$19,0)+IF(Input!$D$20=3,K2138*Input!$C$20,0)+IF(Input!$D$21=3,L2138*Input!$C$21,0)+IF(Input!$D$22=3,M2138*Input!$C$22,0)</f>
        <v>0</v>
      </c>
      <c r="Q2138" s="75">
        <f>IF(Input!$D$19=4,J2138*Input!$C$19,0)+IF(Input!$D$20=4,K2138*Input!$C$20,0)+IF(Input!$D$21=4,L2138*Input!$C$21,0)+IF(Input!$D$22=4,M2138*Input!$C$22,0)</f>
        <v>0</v>
      </c>
      <c r="R2138" s="58">
        <v>58.468869284652065</v>
      </c>
      <c r="S2138" s="124">
        <f t="shared" si="33"/>
        <v>1.8292743004708139</v>
      </c>
    </row>
    <row r="2139" spans="8:19" x14ac:dyDescent="0.3">
      <c r="H2139" s="44">
        <v>2132</v>
      </c>
      <c r="I2139" s="56">
        <f>Bühler!I2165</f>
        <v>0.42214022318557237</v>
      </c>
      <c r="J2139" s="59">
        <f>Bühler!J2165</f>
        <v>1.4071340772852414</v>
      </c>
      <c r="K2139" s="59">
        <f>Bühler!K2165</f>
        <v>2.1107011159278617</v>
      </c>
      <c r="L2139" s="59">
        <f>Bühler!L2165</f>
        <v>10.131365356453736</v>
      </c>
      <c r="M2139" s="58">
        <f>Bühler!M2165</f>
        <v>0</v>
      </c>
      <c r="N2139" s="56">
        <f>IF(Input!$D$19=1,J2139*Input!$C$19,0)+IF(Input!$D$20=1,K2139*Input!$C$20,0)+IF(Input!$D$21=1,L2139*Input!$C$21,0)+IF(Input!$D$22=1,M2139*Input!$C$22,0)</f>
        <v>0.42214022318557243</v>
      </c>
      <c r="O2139" s="59">
        <f>IF(Input!$D$19=2,J2139*Input!$C$19,0)+IF(Input!$D$20=2,K2139*Input!$C$20,0)+IF(Input!$D$21=2,L2139*Input!$C$21,0)+IF(Input!$D$22=2,M2139*Input!$C$22,0)</f>
        <v>1.0553505579639308</v>
      </c>
      <c r="P2139" s="59">
        <f>IF(Input!$D$19=3,J2139*Input!$C$19,0)+IF(Input!$D$20=3,K2139*Input!$C$20,0)+IF(Input!$D$21=3,L2139*Input!$C$21,0)+IF(Input!$D$22=3,M2139*Input!$C$22,0)</f>
        <v>0</v>
      </c>
      <c r="Q2139" s="75">
        <f>IF(Input!$D$19=4,J2139*Input!$C$19,0)+IF(Input!$D$20=4,K2139*Input!$C$20,0)+IF(Input!$D$21=4,L2139*Input!$C$21,0)+IF(Input!$D$22=4,M2139*Input!$C$22,0)</f>
        <v>0</v>
      </c>
      <c r="R2139" s="58">
        <v>57.211776588509714</v>
      </c>
      <c r="S2139" s="124">
        <f t="shared" si="33"/>
        <v>1.8292743004708139</v>
      </c>
    </row>
    <row r="2140" spans="8:19" x14ac:dyDescent="0.3">
      <c r="H2140" s="44">
        <v>2133</v>
      </c>
      <c r="I2140" s="56">
        <f>Bühler!I2166</f>
        <v>0.32701003204516166</v>
      </c>
      <c r="J2140" s="59">
        <f>Bühler!J2166</f>
        <v>1.0900334401505389</v>
      </c>
      <c r="K2140" s="59">
        <f>Bühler!K2166</f>
        <v>1.6350501602258085</v>
      </c>
      <c r="L2140" s="59">
        <f>Bühler!L2166</f>
        <v>7.8482407690838807</v>
      </c>
      <c r="M2140" s="58">
        <f>Bühler!M2166</f>
        <v>0</v>
      </c>
      <c r="N2140" s="56">
        <f>IF(Input!$D$19=1,J2140*Input!$C$19,0)+IF(Input!$D$20=1,K2140*Input!$C$20,0)+IF(Input!$D$21=1,L2140*Input!$C$21,0)+IF(Input!$D$22=1,M2140*Input!$C$22,0)</f>
        <v>0.32701003204516166</v>
      </c>
      <c r="O2140" s="59">
        <f>IF(Input!$D$19=2,J2140*Input!$C$19,0)+IF(Input!$D$20=2,K2140*Input!$C$20,0)+IF(Input!$D$21=2,L2140*Input!$C$21,0)+IF(Input!$D$22=2,M2140*Input!$C$22,0)</f>
        <v>0.81752508011290426</v>
      </c>
      <c r="P2140" s="59">
        <f>IF(Input!$D$19=3,J2140*Input!$C$19,0)+IF(Input!$D$20=3,K2140*Input!$C$20,0)+IF(Input!$D$21=3,L2140*Input!$C$21,0)+IF(Input!$D$22=3,M2140*Input!$C$22,0)</f>
        <v>0</v>
      </c>
      <c r="Q2140" s="75">
        <f>IF(Input!$D$19=4,J2140*Input!$C$19,0)+IF(Input!$D$20=4,K2140*Input!$C$20,0)+IF(Input!$D$21=4,L2140*Input!$C$21,0)+IF(Input!$D$22=4,M2140*Input!$C$22,0)</f>
        <v>0</v>
      </c>
      <c r="R2140" s="58">
        <v>55.471232941692932</v>
      </c>
      <c r="S2140" s="124">
        <f t="shared" si="33"/>
        <v>1.4170434721957006</v>
      </c>
    </row>
    <row r="2141" spans="8:19" x14ac:dyDescent="0.3">
      <c r="H2141" s="44">
        <v>2134</v>
      </c>
      <c r="I2141" s="56">
        <f>Bühler!I2167</f>
        <v>0.12485837587178901</v>
      </c>
      <c r="J2141" s="59">
        <f>Bühler!J2167</f>
        <v>0.41619458623929673</v>
      </c>
      <c r="K2141" s="59">
        <f>Bühler!K2167</f>
        <v>0.62429187935894503</v>
      </c>
      <c r="L2141" s="59">
        <f>Bühler!L2167</f>
        <v>2.9966010209229363</v>
      </c>
      <c r="M2141" s="58">
        <f>Bühler!M2167</f>
        <v>0</v>
      </c>
      <c r="N2141" s="56">
        <f>IF(Input!$D$19=1,J2141*Input!$C$19,0)+IF(Input!$D$20=1,K2141*Input!$C$20,0)+IF(Input!$D$21=1,L2141*Input!$C$21,0)+IF(Input!$D$22=1,M2141*Input!$C$22,0)</f>
        <v>0.12485837587178901</v>
      </c>
      <c r="O2141" s="59">
        <f>IF(Input!$D$19=2,J2141*Input!$C$19,0)+IF(Input!$D$20=2,K2141*Input!$C$20,0)+IF(Input!$D$21=2,L2141*Input!$C$21,0)+IF(Input!$D$22=2,M2141*Input!$C$22,0)</f>
        <v>0.31214593967947252</v>
      </c>
      <c r="P2141" s="59">
        <f>IF(Input!$D$19=3,J2141*Input!$C$19,0)+IF(Input!$D$20=3,K2141*Input!$C$20,0)+IF(Input!$D$21=3,L2141*Input!$C$21,0)+IF(Input!$D$22=3,M2141*Input!$C$22,0)</f>
        <v>0</v>
      </c>
      <c r="Q2141" s="75">
        <f>IF(Input!$D$19=4,J2141*Input!$C$19,0)+IF(Input!$D$20=4,K2141*Input!$C$20,0)+IF(Input!$D$21=4,L2141*Input!$C$21,0)+IF(Input!$D$22=4,M2141*Input!$C$22,0)</f>
        <v>0</v>
      </c>
      <c r="R2141" s="58">
        <v>54.211281111249733</v>
      </c>
      <c r="S2141" s="124">
        <f t="shared" si="33"/>
        <v>0.54105296211108578</v>
      </c>
    </row>
    <row r="2142" spans="8:19" x14ac:dyDescent="0.3">
      <c r="H2142" s="44">
        <v>2135</v>
      </c>
      <c r="I2142" s="56">
        <f>Bühler!I2168</f>
        <v>0.12485837587178901</v>
      </c>
      <c r="J2142" s="59">
        <f>Bühler!J2168</f>
        <v>0.41619458623929673</v>
      </c>
      <c r="K2142" s="59">
        <f>Bühler!K2168</f>
        <v>0.62429187935894503</v>
      </c>
      <c r="L2142" s="59">
        <f>Bühler!L2168</f>
        <v>2.9966010209229363</v>
      </c>
      <c r="M2142" s="58">
        <f>Bühler!M2168</f>
        <v>0</v>
      </c>
      <c r="N2142" s="56">
        <f>IF(Input!$D$19=1,J2142*Input!$C$19,0)+IF(Input!$D$20=1,K2142*Input!$C$20,0)+IF(Input!$D$21=1,L2142*Input!$C$21,0)+IF(Input!$D$22=1,M2142*Input!$C$22,0)</f>
        <v>0.12485837587178901</v>
      </c>
      <c r="O2142" s="59">
        <f>IF(Input!$D$19=2,J2142*Input!$C$19,0)+IF(Input!$D$20=2,K2142*Input!$C$20,0)+IF(Input!$D$21=2,L2142*Input!$C$21,0)+IF(Input!$D$22=2,M2142*Input!$C$22,0)</f>
        <v>0.31214593967947252</v>
      </c>
      <c r="P2142" s="59">
        <f>IF(Input!$D$19=3,J2142*Input!$C$19,0)+IF(Input!$D$20=3,K2142*Input!$C$20,0)+IF(Input!$D$21=3,L2142*Input!$C$21,0)+IF(Input!$D$22=3,M2142*Input!$C$22,0)</f>
        <v>0</v>
      </c>
      <c r="Q2142" s="75">
        <f>IF(Input!$D$19=4,J2142*Input!$C$19,0)+IF(Input!$D$20=4,K2142*Input!$C$20,0)+IF(Input!$D$21=4,L2142*Input!$C$21,0)+IF(Input!$D$22=4,M2142*Input!$C$22,0)</f>
        <v>0</v>
      </c>
      <c r="R2142" s="58">
        <v>53.827436251101183</v>
      </c>
      <c r="S2142" s="124">
        <f t="shared" si="33"/>
        <v>0.54105296211108578</v>
      </c>
    </row>
    <row r="2143" spans="8:19" x14ac:dyDescent="0.3">
      <c r="H2143" s="44">
        <v>2136</v>
      </c>
      <c r="I2143" s="56">
        <f>Bühler!I2169</f>
        <v>0.12485837587178901</v>
      </c>
      <c r="J2143" s="59">
        <f>Bühler!J2169</f>
        <v>0.41619458623929673</v>
      </c>
      <c r="K2143" s="59">
        <f>Bühler!K2169</f>
        <v>0.62429187935894503</v>
      </c>
      <c r="L2143" s="59">
        <f>Bühler!L2169</f>
        <v>2.9966010209229363</v>
      </c>
      <c r="M2143" s="58">
        <f>Bühler!M2169</f>
        <v>0</v>
      </c>
      <c r="N2143" s="56">
        <f>IF(Input!$D$19=1,J2143*Input!$C$19,0)+IF(Input!$D$20=1,K2143*Input!$C$20,0)+IF(Input!$D$21=1,L2143*Input!$C$21,0)+IF(Input!$D$22=1,M2143*Input!$C$22,0)</f>
        <v>0.12485837587178901</v>
      </c>
      <c r="O2143" s="59">
        <f>IF(Input!$D$19=2,J2143*Input!$C$19,0)+IF(Input!$D$20=2,K2143*Input!$C$20,0)+IF(Input!$D$21=2,L2143*Input!$C$21,0)+IF(Input!$D$22=2,M2143*Input!$C$22,0)</f>
        <v>0.31214593967947252</v>
      </c>
      <c r="P2143" s="59">
        <f>IF(Input!$D$19=3,J2143*Input!$C$19,0)+IF(Input!$D$20=3,K2143*Input!$C$20,0)+IF(Input!$D$21=3,L2143*Input!$C$21,0)+IF(Input!$D$22=3,M2143*Input!$C$22,0)</f>
        <v>0</v>
      </c>
      <c r="Q2143" s="75">
        <f>IF(Input!$D$19=4,J2143*Input!$C$19,0)+IF(Input!$D$20=4,K2143*Input!$C$20,0)+IF(Input!$D$21=4,L2143*Input!$C$21,0)+IF(Input!$D$22=4,M2143*Input!$C$22,0)</f>
        <v>0</v>
      </c>
      <c r="R2143" s="58">
        <v>52.625624865277722</v>
      </c>
      <c r="S2143" s="124">
        <f t="shared" si="33"/>
        <v>0.54105296211108578</v>
      </c>
    </row>
    <row r="2144" spans="8:19" x14ac:dyDescent="0.3">
      <c r="H2144" s="44">
        <v>2137</v>
      </c>
      <c r="I2144" s="56">
        <f>Bühler!I2170</f>
        <v>8.9665440113512046E-2</v>
      </c>
      <c r="J2144" s="59">
        <f>Bühler!J2170</f>
        <v>0.29888480037837351</v>
      </c>
      <c r="K2144" s="59">
        <f>Bühler!K2170</f>
        <v>0.44832720056756031</v>
      </c>
      <c r="L2144" s="59">
        <f>Bühler!L2170</f>
        <v>4.469750752337899</v>
      </c>
      <c r="M2144" s="58">
        <f>Bühler!M2170</f>
        <v>0</v>
      </c>
      <c r="N2144" s="56">
        <f>IF(Input!$D$19=1,J2144*Input!$C$19,0)+IF(Input!$D$20=1,K2144*Input!$C$20,0)+IF(Input!$D$21=1,L2144*Input!$C$21,0)+IF(Input!$D$22=1,M2144*Input!$C$22,0)</f>
        <v>8.9665440113512046E-2</v>
      </c>
      <c r="O2144" s="59">
        <f>IF(Input!$D$19=2,J2144*Input!$C$19,0)+IF(Input!$D$20=2,K2144*Input!$C$20,0)+IF(Input!$D$21=2,L2144*Input!$C$21,0)+IF(Input!$D$22=2,M2144*Input!$C$22,0)</f>
        <v>0.22416360028378016</v>
      </c>
      <c r="P2144" s="59">
        <f>IF(Input!$D$19=3,J2144*Input!$C$19,0)+IF(Input!$D$20=3,K2144*Input!$C$20,0)+IF(Input!$D$21=3,L2144*Input!$C$21,0)+IF(Input!$D$22=3,M2144*Input!$C$22,0)</f>
        <v>0</v>
      </c>
      <c r="Q2144" s="75">
        <f>IF(Input!$D$19=4,J2144*Input!$C$19,0)+IF(Input!$D$20=4,K2144*Input!$C$20,0)+IF(Input!$D$21=4,L2144*Input!$C$21,0)+IF(Input!$D$22=4,M2144*Input!$C$22,0)</f>
        <v>0</v>
      </c>
      <c r="R2144" s="58">
        <v>51.345861351629161</v>
      </c>
      <c r="S2144" s="124">
        <f t="shared" si="33"/>
        <v>0.38855024049188558</v>
      </c>
    </row>
    <row r="2145" spans="8:19" x14ac:dyDescent="0.3">
      <c r="H2145" s="44">
        <v>2138</v>
      </c>
      <c r="I2145" s="56">
        <f>Bühler!I2171</f>
        <v>0.17506109736447595</v>
      </c>
      <c r="J2145" s="59">
        <f>Bühler!J2171</f>
        <v>0.58353699121491986</v>
      </c>
      <c r="K2145" s="59">
        <f>Bühler!K2171</f>
        <v>0.87530548682237985</v>
      </c>
      <c r="L2145" s="59">
        <f>Bühler!L2171</f>
        <v>8.7266562307549478</v>
      </c>
      <c r="M2145" s="58">
        <f>Bühler!M2171</f>
        <v>0</v>
      </c>
      <c r="N2145" s="56">
        <f>IF(Input!$D$19=1,J2145*Input!$C$19,0)+IF(Input!$D$20=1,K2145*Input!$C$20,0)+IF(Input!$D$21=1,L2145*Input!$C$21,0)+IF(Input!$D$22=1,M2145*Input!$C$22,0)</f>
        <v>0.17506109736447595</v>
      </c>
      <c r="O2145" s="59">
        <f>IF(Input!$D$19=2,J2145*Input!$C$19,0)+IF(Input!$D$20=2,K2145*Input!$C$20,0)+IF(Input!$D$21=2,L2145*Input!$C$21,0)+IF(Input!$D$22=2,M2145*Input!$C$22,0)</f>
        <v>0.43765274341118993</v>
      </c>
      <c r="P2145" s="59">
        <f>IF(Input!$D$19=3,J2145*Input!$C$19,0)+IF(Input!$D$20=3,K2145*Input!$C$20,0)+IF(Input!$D$21=3,L2145*Input!$C$21,0)+IF(Input!$D$22=3,M2145*Input!$C$22,0)</f>
        <v>0</v>
      </c>
      <c r="Q2145" s="75">
        <f>IF(Input!$D$19=4,J2145*Input!$C$19,0)+IF(Input!$D$20=4,K2145*Input!$C$20,0)+IF(Input!$D$21=4,L2145*Input!$C$21,0)+IF(Input!$D$22=4,M2145*Input!$C$22,0)</f>
        <v>0</v>
      </c>
      <c r="R2145" s="58">
        <v>50.494637589635012</v>
      </c>
      <c r="S2145" s="124">
        <f t="shared" si="33"/>
        <v>0.75859808857939581</v>
      </c>
    </row>
    <row r="2146" spans="8:19" x14ac:dyDescent="0.3">
      <c r="H2146" s="44">
        <v>2139</v>
      </c>
      <c r="I2146" s="56">
        <f>Bühler!I2172</f>
        <v>0.17506109736447595</v>
      </c>
      <c r="J2146" s="59">
        <f>Bühler!J2172</f>
        <v>0.58353699121491986</v>
      </c>
      <c r="K2146" s="59">
        <f>Bühler!K2172</f>
        <v>0.87530548682237985</v>
      </c>
      <c r="L2146" s="59">
        <f>Bühler!L2172</f>
        <v>8.7266562307549478</v>
      </c>
      <c r="M2146" s="58">
        <f>Bühler!M2172</f>
        <v>0</v>
      </c>
      <c r="N2146" s="56">
        <f>IF(Input!$D$19=1,J2146*Input!$C$19,0)+IF(Input!$D$20=1,K2146*Input!$C$20,0)+IF(Input!$D$21=1,L2146*Input!$C$21,0)+IF(Input!$D$22=1,M2146*Input!$C$22,0)</f>
        <v>0.17506109736447595</v>
      </c>
      <c r="O2146" s="59">
        <f>IF(Input!$D$19=2,J2146*Input!$C$19,0)+IF(Input!$D$20=2,K2146*Input!$C$20,0)+IF(Input!$D$21=2,L2146*Input!$C$21,0)+IF(Input!$D$22=2,M2146*Input!$C$22,0)</f>
        <v>0.43765274341118993</v>
      </c>
      <c r="P2146" s="59">
        <f>IF(Input!$D$19=3,J2146*Input!$C$19,0)+IF(Input!$D$20=3,K2146*Input!$C$20,0)+IF(Input!$D$21=3,L2146*Input!$C$21,0)+IF(Input!$D$22=3,M2146*Input!$C$22,0)</f>
        <v>0</v>
      </c>
      <c r="Q2146" s="75">
        <f>IF(Input!$D$19=4,J2146*Input!$C$19,0)+IF(Input!$D$20=4,K2146*Input!$C$20,0)+IF(Input!$D$21=4,L2146*Input!$C$21,0)+IF(Input!$D$22=4,M2146*Input!$C$22,0)</f>
        <v>0</v>
      </c>
      <c r="R2146" s="58">
        <v>50.140548206883963</v>
      </c>
      <c r="S2146" s="124">
        <f t="shared" si="33"/>
        <v>0.75859808857939581</v>
      </c>
    </row>
    <row r="2147" spans="8:19" x14ac:dyDescent="0.3">
      <c r="H2147" s="44">
        <v>2140</v>
      </c>
      <c r="I2147" s="56">
        <f>Bühler!I2173</f>
        <v>0.17506109736447595</v>
      </c>
      <c r="J2147" s="59">
        <f>Bühler!J2173</f>
        <v>0.58353699121491986</v>
      </c>
      <c r="K2147" s="59">
        <f>Bühler!K2173</f>
        <v>0.87530548682237985</v>
      </c>
      <c r="L2147" s="59">
        <f>Bühler!L2173</f>
        <v>8.7266562307549478</v>
      </c>
      <c r="M2147" s="58">
        <f>Bühler!M2173</f>
        <v>0</v>
      </c>
      <c r="N2147" s="56">
        <f>IF(Input!$D$19=1,J2147*Input!$C$19,0)+IF(Input!$D$20=1,K2147*Input!$C$20,0)+IF(Input!$D$21=1,L2147*Input!$C$21,0)+IF(Input!$D$22=1,M2147*Input!$C$22,0)</f>
        <v>0.17506109736447595</v>
      </c>
      <c r="O2147" s="59">
        <f>IF(Input!$D$19=2,J2147*Input!$C$19,0)+IF(Input!$D$20=2,K2147*Input!$C$20,0)+IF(Input!$D$21=2,L2147*Input!$C$21,0)+IF(Input!$D$22=2,M2147*Input!$C$22,0)</f>
        <v>0.43765274341118993</v>
      </c>
      <c r="P2147" s="59">
        <f>IF(Input!$D$19=3,J2147*Input!$C$19,0)+IF(Input!$D$20=3,K2147*Input!$C$20,0)+IF(Input!$D$21=3,L2147*Input!$C$21,0)+IF(Input!$D$22=3,M2147*Input!$C$22,0)</f>
        <v>0</v>
      </c>
      <c r="Q2147" s="75">
        <f>IF(Input!$D$19=4,J2147*Input!$C$19,0)+IF(Input!$D$20=4,K2147*Input!$C$20,0)+IF(Input!$D$21=4,L2147*Input!$C$21,0)+IF(Input!$D$22=4,M2147*Input!$C$22,0)</f>
        <v>0</v>
      </c>
      <c r="R2147" s="58">
        <v>49.157446963525075</v>
      </c>
      <c r="S2147" s="124">
        <f t="shared" si="33"/>
        <v>0.75859808857939581</v>
      </c>
    </row>
    <row r="2148" spans="8:19" x14ac:dyDescent="0.3">
      <c r="H2148" s="44">
        <v>2141</v>
      </c>
      <c r="I2148" s="56">
        <f>Bühler!I2174</f>
        <v>0.17506109736447595</v>
      </c>
      <c r="J2148" s="59">
        <f>Bühler!J2174</f>
        <v>0.58353699121491986</v>
      </c>
      <c r="K2148" s="59">
        <f>Bühler!K2174</f>
        <v>0.87530548682237985</v>
      </c>
      <c r="L2148" s="59">
        <f>Bühler!L2174</f>
        <v>8.7266562307549478</v>
      </c>
      <c r="M2148" s="58">
        <f>Bühler!M2174</f>
        <v>0</v>
      </c>
      <c r="N2148" s="56">
        <f>IF(Input!$D$19=1,J2148*Input!$C$19,0)+IF(Input!$D$20=1,K2148*Input!$C$20,0)+IF(Input!$D$21=1,L2148*Input!$C$21,0)+IF(Input!$D$22=1,M2148*Input!$C$22,0)</f>
        <v>0.17506109736447595</v>
      </c>
      <c r="O2148" s="59">
        <f>IF(Input!$D$19=2,J2148*Input!$C$19,0)+IF(Input!$D$20=2,K2148*Input!$C$20,0)+IF(Input!$D$21=2,L2148*Input!$C$21,0)+IF(Input!$D$22=2,M2148*Input!$C$22,0)</f>
        <v>0.43765274341118993</v>
      </c>
      <c r="P2148" s="59">
        <f>IF(Input!$D$19=3,J2148*Input!$C$19,0)+IF(Input!$D$20=3,K2148*Input!$C$20,0)+IF(Input!$D$21=3,L2148*Input!$C$21,0)+IF(Input!$D$22=3,M2148*Input!$C$22,0)</f>
        <v>0</v>
      </c>
      <c r="Q2148" s="75">
        <f>IF(Input!$D$19=4,J2148*Input!$C$19,0)+IF(Input!$D$20=4,K2148*Input!$C$20,0)+IF(Input!$D$21=4,L2148*Input!$C$21,0)+IF(Input!$D$22=4,M2148*Input!$C$22,0)</f>
        <v>0</v>
      </c>
      <c r="R2148" s="58">
        <v>47.807848508127471</v>
      </c>
      <c r="S2148" s="124">
        <f t="shared" si="33"/>
        <v>0.75859808857939581</v>
      </c>
    </row>
    <row r="2149" spans="8:19" x14ac:dyDescent="0.3">
      <c r="H2149" s="44">
        <v>2142</v>
      </c>
      <c r="I2149" s="56">
        <f>Bühler!I2175</f>
        <v>0.21775892598995789</v>
      </c>
      <c r="J2149" s="59">
        <f>Bühler!J2175</f>
        <v>0.7258630866331931</v>
      </c>
      <c r="K2149" s="59">
        <f>Bühler!K2175</f>
        <v>1.0887946299497895</v>
      </c>
      <c r="L2149" s="59">
        <f>Bühler!L2175</f>
        <v>10.855108969963473</v>
      </c>
      <c r="M2149" s="58">
        <f>Bühler!M2175</f>
        <v>0</v>
      </c>
      <c r="N2149" s="56">
        <f>IF(Input!$D$19=1,J2149*Input!$C$19,0)+IF(Input!$D$20=1,K2149*Input!$C$20,0)+IF(Input!$D$21=1,L2149*Input!$C$21,0)+IF(Input!$D$22=1,M2149*Input!$C$22,0)</f>
        <v>0.21775892598995791</v>
      </c>
      <c r="O2149" s="59">
        <f>IF(Input!$D$19=2,J2149*Input!$C$19,0)+IF(Input!$D$20=2,K2149*Input!$C$20,0)+IF(Input!$D$21=2,L2149*Input!$C$21,0)+IF(Input!$D$22=2,M2149*Input!$C$22,0)</f>
        <v>0.54439731497489474</v>
      </c>
      <c r="P2149" s="59">
        <f>IF(Input!$D$19=3,J2149*Input!$C$19,0)+IF(Input!$D$20=3,K2149*Input!$C$20,0)+IF(Input!$D$21=3,L2149*Input!$C$21,0)+IF(Input!$D$22=3,M2149*Input!$C$22,0)</f>
        <v>0</v>
      </c>
      <c r="Q2149" s="75">
        <f>IF(Input!$D$19=4,J2149*Input!$C$19,0)+IF(Input!$D$20=4,K2149*Input!$C$20,0)+IF(Input!$D$21=4,L2149*Input!$C$21,0)+IF(Input!$D$22=4,M2149*Input!$C$22,0)</f>
        <v>0</v>
      </c>
      <c r="R2149" s="58">
        <v>47.24767913395749</v>
      </c>
      <c r="S2149" s="124">
        <f t="shared" si="33"/>
        <v>0.94362201262315093</v>
      </c>
    </row>
    <row r="2150" spans="8:19" x14ac:dyDescent="0.3">
      <c r="H2150" s="44">
        <v>2143</v>
      </c>
      <c r="I2150" s="56">
        <f>Bühler!I2176</f>
        <v>0.27326610320308437</v>
      </c>
      <c r="J2150" s="59">
        <f>Bühler!J2176</f>
        <v>0.91088701067694788</v>
      </c>
      <c r="K2150" s="59">
        <f>Bühler!K2176</f>
        <v>1.366330516015422</v>
      </c>
      <c r="L2150" s="59">
        <f>Bühler!L2176</f>
        <v>13.622097530934552</v>
      </c>
      <c r="M2150" s="58">
        <f>Bühler!M2176</f>
        <v>0</v>
      </c>
      <c r="N2150" s="56">
        <f>IF(Input!$D$19=1,J2150*Input!$C$19,0)+IF(Input!$D$20=1,K2150*Input!$C$20,0)+IF(Input!$D$21=1,L2150*Input!$C$21,0)+IF(Input!$D$22=1,M2150*Input!$C$22,0)</f>
        <v>0.27326610320308437</v>
      </c>
      <c r="O2150" s="59">
        <f>IF(Input!$D$19=2,J2150*Input!$C$19,0)+IF(Input!$D$20=2,K2150*Input!$C$20,0)+IF(Input!$D$21=2,L2150*Input!$C$21,0)+IF(Input!$D$22=2,M2150*Input!$C$22,0)</f>
        <v>0.683165258007711</v>
      </c>
      <c r="P2150" s="59">
        <f>IF(Input!$D$19=3,J2150*Input!$C$19,0)+IF(Input!$D$20=3,K2150*Input!$C$20,0)+IF(Input!$D$21=3,L2150*Input!$C$21,0)+IF(Input!$D$22=3,M2150*Input!$C$22,0)</f>
        <v>0</v>
      </c>
      <c r="Q2150" s="75">
        <f>IF(Input!$D$19=4,J2150*Input!$C$19,0)+IF(Input!$D$20=4,K2150*Input!$C$20,0)+IF(Input!$D$21=4,L2150*Input!$C$21,0)+IF(Input!$D$22=4,M2150*Input!$C$22,0)</f>
        <v>0</v>
      </c>
      <c r="R2150" s="58">
        <v>47.371026618832474</v>
      </c>
      <c r="S2150" s="124">
        <f t="shared" si="33"/>
        <v>1.1841531138800323</v>
      </c>
    </row>
    <row r="2151" spans="8:19" x14ac:dyDescent="0.3">
      <c r="H2151" s="44">
        <v>2144</v>
      </c>
      <c r="I2151" s="56">
        <f>Bühler!I2177</f>
        <v>0.3116941489660181</v>
      </c>
      <c r="J2151" s="59">
        <f>Bühler!J2177</f>
        <v>1.0389804965533938</v>
      </c>
      <c r="K2151" s="59">
        <f>Bühler!K2177</f>
        <v>1.5584707448300907</v>
      </c>
      <c r="L2151" s="59">
        <f>Bühler!L2177</f>
        <v>15.537704996222221</v>
      </c>
      <c r="M2151" s="58">
        <f>Bühler!M2177</f>
        <v>0</v>
      </c>
      <c r="N2151" s="56">
        <f>IF(Input!$D$19=1,J2151*Input!$C$19,0)+IF(Input!$D$20=1,K2151*Input!$C$20,0)+IF(Input!$D$21=1,L2151*Input!$C$21,0)+IF(Input!$D$22=1,M2151*Input!$C$22,0)</f>
        <v>0.3116941489660181</v>
      </c>
      <c r="O2151" s="59">
        <f>IF(Input!$D$19=2,J2151*Input!$C$19,0)+IF(Input!$D$20=2,K2151*Input!$C$20,0)+IF(Input!$D$21=2,L2151*Input!$C$21,0)+IF(Input!$D$22=2,M2151*Input!$C$22,0)</f>
        <v>0.77923537241504537</v>
      </c>
      <c r="P2151" s="59">
        <f>IF(Input!$D$19=3,J2151*Input!$C$19,0)+IF(Input!$D$20=3,K2151*Input!$C$20,0)+IF(Input!$D$21=3,L2151*Input!$C$21,0)+IF(Input!$D$22=3,M2151*Input!$C$22,0)</f>
        <v>0</v>
      </c>
      <c r="Q2151" s="75">
        <f>IF(Input!$D$19=4,J2151*Input!$C$19,0)+IF(Input!$D$20=4,K2151*Input!$C$20,0)+IF(Input!$D$21=4,L2151*Input!$C$21,0)+IF(Input!$D$22=4,M2151*Input!$C$22,0)</f>
        <v>0</v>
      </c>
      <c r="R2151" s="58">
        <v>46.752516857563663</v>
      </c>
      <c r="S2151" s="124">
        <f t="shared" si="33"/>
        <v>1.3506746455194119</v>
      </c>
    </row>
    <row r="2152" spans="8:19" x14ac:dyDescent="0.3">
      <c r="H2152" s="44">
        <v>2145</v>
      </c>
      <c r="I2152" s="56">
        <f>Bühler!I2178</f>
        <v>0.3116941489660181</v>
      </c>
      <c r="J2152" s="59">
        <f>Bühler!J2178</f>
        <v>1.0389804965533938</v>
      </c>
      <c r="K2152" s="59">
        <f>Bühler!K2178</f>
        <v>1.5584707448300907</v>
      </c>
      <c r="L2152" s="59">
        <f>Bühler!L2178</f>
        <v>15.537704996222221</v>
      </c>
      <c r="M2152" s="58">
        <f>Bühler!M2178</f>
        <v>0</v>
      </c>
      <c r="N2152" s="56">
        <f>IF(Input!$D$19=1,J2152*Input!$C$19,0)+IF(Input!$D$20=1,K2152*Input!$C$20,0)+IF(Input!$D$21=1,L2152*Input!$C$21,0)+IF(Input!$D$22=1,M2152*Input!$C$22,0)</f>
        <v>0.3116941489660181</v>
      </c>
      <c r="O2152" s="59">
        <f>IF(Input!$D$19=2,J2152*Input!$C$19,0)+IF(Input!$D$20=2,K2152*Input!$C$20,0)+IF(Input!$D$21=2,L2152*Input!$C$21,0)+IF(Input!$D$22=2,M2152*Input!$C$22,0)</f>
        <v>0.77923537241504537</v>
      </c>
      <c r="P2152" s="59">
        <f>IF(Input!$D$19=3,J2152*Input!$C$19,0)+IF(Input!$D$20=3,K2152*Input!$C$20,0)+IF(Input!$D$21=3,L2152*Input!$C$21,0)+IF(Input!$D$22=3,M2152*Input!$C$22,0)</f>
        <v>0</v>
      </c>
      <c r="Q2152" s="75">
        <f>IF(Input!$D$19=4,J2152*Input!$C$19,0)+IF(Input!$D$20=4,K2152*Input!$C$20,0)+IF(Input!$D$21=4,L2152*Input!$C$21,0)+IF(Input!$D$22=4,M2152*Input!$C$22,0)</f>
        <v>0</v>
      </c>
      <c r="R2152" s="58">
        <v>46.367918515928267</v>
      </c>
      <c r="S2152" s="124">
        <f t="shared" si="33"/>
        <v>1.3506746455194119</v>
      </c>
    </row>
    <row r="2153" spans="8:19" x14ac:dyDescent="0.3">
      <c r="H2153" s="44">
        <v>2146</v>
      </c>
      <c r="I2153" s="56">
        <f>Bühler!I2179</f>
        <v>0.3116941489660181</v>
      </c>
      <c r="J2153" s="59">
        <f>Bühler!J2179</f>
        <v>1.0389804965533938</v>
      </c>
      <c r="K2153" s="59">
        <f>Bühler!K2179</f>
        <v>1.5584707448300907</v>
      </c>
      <c r="L2153" s="59">
        <f>Bühler!L2179</f>
        <v>15.537704996222221</v>
      </c>
      <c r="M2153" s="58">
        <f>Bühler!M2179</f>
        <v>0</v>
      </c>
      <c r="N2153" s="56">
        <f>IF(Input!$D$19=1,J2153*Input!$C$19,0)+IF(Input!$D$20=1,K2153*Input!$C$20,0)+IF(Input!$D$21=1,L2153*Input!$C$21,0)+IF(Input!$D$22=1,M2153*Input!$C$22,0)</f>
        <v>0.3116941489660181</v>
      </c>
      <c r="O2153" s="59">
        <f>IF(Input!$D$19=2,J2153*Input!$C$19,0)+IF(Input!$D$20=2,K2153*Input!$C$20,0)+IF(Input!$D$21=2,L2153*Input!$C$21,0)+IF(Input!$D$22=2,M2153*Input!$C$22,0)</f>
        <v>0.77923537241504537</v>
      </c>
      <c r="P2153" s="59">
        <f>IF(Input!$D$19=3,J2153*Input!$C$19,0)+IF(Input!$D$20=3,K2153*Input!$C$20,0)+IF(Input!$D$21=3,L2153*Input!$C$21,0)+IF(Input!$D$22=3,M2153*Input!$C$22,0)</f>
        <v>0</v>
      </c>
      <c r="Q2153" s="75">
        <f>IF(Input!$D$19=4,J2153*Input!$C$19,0)+IF(Input!$D$20=4,K2153*Input!$C$20,0)+IF(Input!$D$21=4,L2153*Input!$C$21,0)+IF(Input!$D$22=4,M2153*Input!$C$22,0)</f>
        <v>0</v>
      </c>
      <c r="R2153" s="58">
        <v>46.103492920155304</v>
      </c>
      <c r="S2153" s="124">
        <f t="shared" si="33"/>
        <v>1.3506746455194119</v>
      </c>
    </row>
    <row r="2154" spans="8:19" x14ac:dyDescent="0.3">
      <c r="H2154" s="44">
        <v>2147</v>
      </c>
      <c r="I2154" s="56">
        <f>Bühler!I2180</f>
        <v>0.3116941489660181</v>
      </c>
      <c r="J2154" s="59">
        <f>Bühler!J2180</f>
        <v>1.0389804965533938</v>
      </c>
      <c r="K2154" s="59">
        <f>Bühler!K2180</f>
        <v>1.5584707448300907</v>
      </c>
      <c r="L2154" s="59">
        <f>Bühler!L2180</f>
        <v>15.537704996222221</v>
      </c>
      <c r="M2154" s="58">
        <f>Bühler!M2180</f>
        <v>0</v>
      </c>
      <c r="N2154" s="56">
        <f>IF(Input!$D$19=1,J2154*Input!$C$19,0)+IF(Input!$D$20=1,K2154*Input!$C$20,0)+IF(Input!$D$21=1,L2154*Input!$C$21,0)+IF(Input!$D$22=1,M2154*Input!$C$22,0)</f>
        <v>0.3116941489660181</v>
      </c>
      <c r="O2154" s="59">
        <f>IF(Input!$D$19=2,J2154*Input!$C$19,0)+IF(Input!$D$20=2,K2154*Input!$C$20,0)+IF(Input!$D$21=2,L2154*Input!$C$21,0)+IF(Input!$D$22=2,M2154*Input!$C$22,0)</f>
        <v>0.77923537241504537</v>
      </c>
      <c r="P2154" s="59">
        <f>IF(Input!$D$19=3,J2154*Input!$C$19,0)+IF(Input!$D$20=3,K2154*Input!$C$20,0)+IF(Input!$D$21=3,L2154*Input!$C$21,0)+IF(Input!$D$22=3,M2154*Input!$C$22,0)</f>
        <v>0</v>
      </c>
      <c r="Q2154" s="75">
        <f>IF(Input!$D$19=4,J2154*Input!$C$19,0)+IF(Input!$D$20=4,K2154*Input!$C$20,0)+IF(Input!$D$21=4,L2154*Input!$C$21,0)+IF(Input!$D$22=4,M2154*Input!$C$22,0)</f>
        <v>0</v>
      </c>
      <c r="R2154" s="58">
        <v>46.226534214914423</v>
      </c>
      <c r="S2154" s="124">
        <f t="shared" si="33"/>
        <v>1.3506746455194119</v>
      </c>
    </row>
    <row r="2155" spans="8:19" x14ac:dyDescent="0.3">
      <c r="H2155" s="44">
        <v>2148</v>
      </c>
      <c r="I2155" s="56">
        <f>Bühler!I2181</f>
        <v>0.3116941489660181</v>
      </c>
      <c r="J2155" s="59">
        <f>Bühler!J2181</f>
        <v>1.0389804965533938</v>
      </c>
      <c r="K2155" s="59">
        <f>Bühler!K2181</f>
        <v>1.5584707448300907</v>
      </c>
      <c r="L2155" s="59">
        <f>Bühler!L2181</f>
        <v>15.537704996222221</v>
      </c>
      <c r="M2155" s="58">
        <f>Bühler!M2181</f>
        <v>0</v>
      </c>
      <c r="N2155" s="56">
        <f>IF(Input!$D$19=1,J2155*Input!$C$19,0)+IF(Input!$D$20=1,K2155*Input!$C$20,0)+IF(Input!$D$21=1,L2155*Input!$C$21,0)+IF(Input!$D$22=1,M2155*Input!$C$22,0)</f>
        <v>0.3116941489660181</v>
      </c>
      <c r="O2155" s="59">
        <f>IF(Input!$D$19=2,J2155*Input!$C$19,0)+IF(Input!$D$20=2,K2155*Input!$C$20,0)+IF(Input!$D$21=2,L2155*Input!$C$21,0)+IF(Input!$D$22=2,M2155*Input!$C$22,0)</f>
        <v>0.77923537241504537</v>
      </c>
      <c r="P2155" s="59">
        <f>IF(Input!$D$19=3,J2155*Input!$C$19,0)+IF(Input!$D$20=3,K2155*Input!$C$20,0)+IF(Input!$D$21=3,L2155*Input!$C$21,0)+IF(Input!$D$22=3,M2155*Input!$C$22,0)</f>
        <v>0</v>
      </c>
      <c r="Q2155" s="75">
        <f>IF(Input!$D$19=4,J2155*Input!$C$19,0)+IF(Input!$D$20=4,K2155*Input!$C$20,0)+IF(Input!$D$21=4,L2155*Input!$C$21,0)+IF(Input!$D$22=4,M2155*Input!$C$22,0)</f>
        <v>0</v>
      </c>
      <c r="R2155" s="58">
        <v>46.073494016614184</v>
      </c>
      <c r="S2155" s="124">
        <f t="shared" si="33"/>
        <v>1.3506746455194119</v>
      </c>
    </row>
    <row r="2156" spans="8:19" x14ac:dyDescent="0.3">
      <c r="H2156" s="44">
        <v>2149</v>
      </c>
      <c r="I2156" s="56">
        <f>Bühler!I2182</f>
        <v>0.3116941489660181</v>
      </c>
      <c r="J2156" s="59">
        <f>Bühler!J2182</f>
        <v>1.0389804965533938</v>
      </c>
      <c r="K2156" s="59">
        <f>Bühler!K2182</f>
        <v>1.5584707448300907</v>
      </c>
      <c r="L2156" s="59">
        <f>Bühler!L2182</f>
        <v>15.537704996222221</v>
      </c>
      <c r="M2156" s="58">
        <f>Bühler!M2182</f>
        <v>0</v>
      </c>
      <c r="N2156" s="56">
        <f>IF(Input!$D$19=1,J2156*Input!$C$19,0)+IF(Input!$D$20=1,K2156*Input!$C$20,0)+IF(Input!$D$21=1,L2156*Input!$C$21,0)+IF(Input!$D$22=1,M2156*Input!$C$22,0)</f>
        <v>0.3116941489660181</v>
      </c>
      <c r="O2156" s="59">
        <f>IF(Input!$D$19=2,J2156*Input!$C$19,0)+IF(Input!$D$20=2,K2156*Input!$C$20,0)+IF(Input!$D$21=2,L2156*Input!$C$21,0)+IF(Input!$D$22=2,M2156*Input!$C$22,0)</f>
        <v>0.77923537241504537</v>
      </c>
      <c r="P2156" s="59">
        <f>IF(Input!$D$19=3,J2156*Input!$C$19,0)+IF(Input!$D$20=3,K2156*Input!$C$20,0)+IF(Input!$D$21=3,L2156*Input!$C$21,0)+IF(Input!$D$22=3,M2156*Input!$C$22,0)</f>
        <v>0</v>
      </c>
      <c r="Q2156" s="75">
        <f>IF(Input!$D$19=4,J2156*Input!$C$19,0)+IF(Input!$D$20=4,K2156*Input!$C$20,0)+IF(Input!$D$21=4,L2156*Input!$C$21,0)+IF(Input!$D$22=4,M2156*Input!$C$22,0)</f>
        <v>0</v>
      </c>
      <c r="R2156" s="58">
        <v>45.382638499727719</v>
      </c>
      <c r="S2156" s="124">
        <f t="shared" si="33"/>
        <v>1.3506746455194119</v>
      </c>
    </row>
    <row r="2157" spans="8:19" x14ac:dyDescent="0.3">
      <c r="H2157" s="44">
        <v>2150</v>
      </c>
      <c r="I2157" s="56">
        <f>Bühler!I2183</f>
        <v>0.3116941489660181</v>
      </c>
      <c r="J2157" s="59">
        <f>Bühler!J2183</f>
        <v>1.0389804965533938</v>
      </c>
      <c r="K2157" s="59">
        <f>Bühler!K2183</f>
        <v>1.5584707448300907</v>
      </c>
      <c r="L2157" s="59">
        <f>Bühler!L2183</f>
        <v>15.537704996222221</v>
      </c>
      <c r="M2157" s="58">
        <f>Bühler!M2183</f>
        <v>0</v>
      </c>
      <c r="N2157" s="56">
        <f>IF(Input!$D$19=1,J2157*Input!$C$19,0)+IF(Input!$D$20=1,K2157*Input!$C$20,0)+IF(Input!$D$21=1,L2157*Input!$C$21,0)+IF(Input!$D$22=1,M2157*Input!$C$22,0)</f>
        <v>0.3116941489660181</v>
      </c>
      <c r="O2157" s="59">
        <f>IF(Input!$D$19=2,J2157*Input!$C$19,0)+IF(Input!$D$20=2,K2157*Input!$C$20,0)+IF(Input!$D$21=2,L2157*Input!$C$21,0)+IF(Input!$D$22=2,M2157*Input!$C$22,0)</f>
        <v>0.77923537241504537</v>
      </c>
      <c r="P2157" s="59">
        <f>IF(Input!$D$19=3,J2157*Input!$C$19,0)+IF(Input!$D$20=3,K2157*Input!$C$20,0)+IF(Input!$D$21=3,L2157*Input!$C$21,0)+IF(Input!$D$22=3,M2157*Input!$C$22,0)</f>
        <v>0</v>
      </c>
      <c r="Q2157" s="75">
        <f>IF(Input!$D$19=4,J2157*Input!$C$19,0)+IF(Input!$D$20=4,K2157*Input!$C$20,0)+IF(Input!$D$21=4,L2157*Input!$C$21,0)+IF(Input!$D$22=4,M2157*Input!$C$22,0)</f>
        <v>0</v>
      </c>
      <c r="R2157" s="58">
        <v>44.549124926238079</v>
      </c>
      <c r="S2157" s="124">
        <f t="shared" si="33"/>
        <v>1.3506746455194119</v>
      </c>
    </row>
    <row r="2158" spans="8:19" x14ac:dyDescent="0.3">
      <c r="H2158" s="44">
        <v>2151</v>
      </c>
      <c r="I2158" s="56">
        <f>Bühler!I2184</f>
        <v>0.3116941489660181</v>
      </c>
      <c r="J2158" s="59">
        <f>Bühler!J2184</f>
        <v>1.0389804965533938</v>
      </c>
      <c r="K2158" s="59">
        <f>Bühler!K2184</f>
        <v>1.5584707448300907</v>
      </c>
      <c r="L2158" s="59">
        <f>Bühler!L2184</f>
        <v>15.537704996222221</v>
      </c>
      <c r="M2158" s="58">
        <f>Bühler!M2184</f>
        <v>0</v>
      </c>
      <c r="N2158" s="56">
        <f>IF(Input!$D$19=1,J2158*Input!$C$19,0)+IF(Input!$D$20=1,K2158*Input!$C$20,0)+IF(Input!$D$21=1,L2158*Input!$C$21,0)+IF(Input!$D$22=1,M2158*Input!$C$22,0)</f>
        <v>0.3116941489660181</v>
      </c>
      <c r="O2158" s="59">
        <f>IF(Input!$D$19=2,J2158*Input!$C$19,0)+IF(Input!$D$20=2,K2158*Input!$C$20,0)+IF(Input!$D$21=2,L2158*Input!$C$21,0)+IF(Input!$D$22=2,M2158*Input!$C$22,0)</f>
        <v>0.77923537241504537</v>
      </c>
      <c r="P2158" s="59">
        <f>IF(Input!$D$19=3,J2158*Input!$C$19,0)+IF(Input!$D$20=3,K2158*Input!$C$20,0)+IF(Input!$D$21=3,L2158*Input!$C$21,0)+IF(Input!$D$22=3,M2158*Input!$C$22,0)</f>
        <v>0</v>
      </c>
      <c r="Q2158" s="75">
        <f>IF(Input!$D$19=4,J2158*Input!$C$19,0)+IF(Input!$D$20=4,K2158*Input!$C$20,0)+IF(Input!$D$21=4,L2158*Input!$C$21,0)+IF(Input!$D$22=4,M2158*Input!$C$22,0)</f>
        <v>0</v>
      </c>
      <c r="R2158" s="58">
        <v>44.592957107331635</v>
      </c>
      <c r="S2158" s="124">
        <f t="shared" si="33"/>
        <v>1.3506746455194119</v>
      </c>
    </row>
    <row r="2159" spans="8:19" x14ac:dyDescent="0.3">
      <c r="H2159" s="44">
        <v>2152</v>
      </c>
      <c r="I2159" s="56">
        <f>Bühler!I2185</f>
        <v>0.28180566892818071</v>
      </c>
      <c r="J2159" s="59">
        <f>Bühler!J2185</f>
        <v>0.93935222976060251</v>
      </c>
      <c r="K2159" s="59">
        <f>Bühler!K2185</f>
        <v>1.4090283446409038</v>
      </c>
      <c r="L2159" s="59">
        <f>Bühler!L2185</f>
        <v>14.047788078776255</v>
      </c>
      <c r="M2159" s="58">
        <f>Bühler!M2185</f>
        <v>0</v>
      </c>
      <c r="N2159" s="56">
        <f>IF(Input!$D$19=1,J2159*Input!$C$19,0)+IF(Input!$D$20=1,K2159*Input!$C$20,0)+IF(Input!$D$21=1,L2159*Input!$C$21,0)+IF(Input!$D$22=1,M2159*Input!$C$22,0)</f>
        <v>0.28180566892818076</v>
      </c>
      <c r="O2159" s="59">
        <f>IF(Input!$D$19=2,J2159*Input!$C$19,0)+IF(Input!$D$20=2,K2159*Input!$C$20,0)+IF(Input!$D$21=2,L2159*Input!$C$21,0)+IF(Input!$D$22=2,M2159*Input!$C$22,0)</f>
        <v>0.70451417232045188</v>
      </c>
      <c r="P2159" s="59">
        <f>IF(Input!$D$19=3,J2159*Input!$C$19,0)+IF(Input!$D$20=3,K2159*Input!$C$20,0)+IF(Input!$D$21=3,L2159*Input!$C$21,0)+IF(Input!$D$22=3,M2159*Input!$C$22,0)</f>
        <v>0</v>
      </c>
      <c r="Q2159" s="75">
        <f>IF(Input!$D$19=4,J2159*Input!$C$19,0)+IF(Input!$D$20=4,K2159*Input!$C$20,0)+IF(Input!$D$21=4,L2159*Input!$C$21,0)+IF(Input!$D$22=4,M2159*Input!$C$22,0)</f>
        <v>0</v>
      </c>
      <c r="R2159" s="58">
        <v>44.007053366942486</v>
      </c>
      <c r="S2159" s="124">
        <f t="shared" si="33"/>
        <v>1.2211578986887832</v>
      </c>
    </row>
    <row r="2160" spans="8:19" x14ac:dyDescent="0.3">
      <c r="H2160" s="44">
        <v>2153</v>
      </c>
      <c r="I2160" s="56">
        <f>Bühler!I2186</f>
        <v>0.25618697175289157</v>
      </c>
      <c r="J2160" s="59">
        <f>Bühler!J2186</f>
        <v>0.85395657250963874</v>
      </c>
      <c r="K2160" s="59">
        <f>Bühler!K2186</f>
        <v>1.280934858764458</v>
      </c>
      <c r="L2160" s="59">
        <f>Bühler!L2186</f>
        <v>12.770716435251142</v>
      </c>
      <c r="M2160" s="58">
        <f>Bühler!M2186</f>
        <v>0</v>
      </c>
      <c r="N2160" s="56">
        <f>IF(Input!$D$19=1,J2160*Input!$C$19,0)+IF(Input!$D$20=1,K2160*Input!$C$20,0)+IF(Input!$D$21=1,L2160*Input!$C$21,0)+IF(Input!$D$22=1,M2160*Input!$C$22,0)</f>
        <v>0.25618697175289162</v>
      </c>
      <c r="O2160" s="59">
        <f>IF(Input!$D$19=2,J2160*Input!$C$19,0)+IF(Input!$D$20=2,K2160*Input!$C$20,0)+IF(Input!$D$21=2,L2160*Input!$C$21,0)+IF(Input!$D$22=2,M2160*Input!$C$22,0)</f>
        <v>0.640467429382229</v>
      </c>
      <c r="P2160" s="59">
        <f>IF(Input!$D$19=3,J2160*Input!$C$19,0)+IF(Input!$D$20=3,K2160*Input!$C$20,0)+IF(Input!$D$21=3,L2160*Input!$C$21,0)+IF(Input!$D$22=3,M2160*Input!$C$22,0)</f>
        <v>0</v>
      </c>
      <c r="Q2160" s="75">
        <f>IF(Input!$D$19=4,J2160*Input!$C$19,0)+IF(Input!$D$20=4,K2160*Input!$C$20,0)+IF(Input!$D$21=4,L2160*Input!$C$21,0)+IF(Input!$D$22=4,M2160*Input!$C$22,0)</f>
        <v>0</v>
      </c>
      <c r="R2160" s="58">
        <v>43.588598549962825</v>
      </c>
      <c r="S2160" s="124">
        <f t="shared" si="33"/>
        <v>1.1101435442625303</v>
      </c>
    </row>
    <row r="2161" spans="8:19" x14ac:dyDescent="0.3">
      <c r="H2161" s="44">
        <v>2154</v>
      </c>
      <c r="I2161" s="56">
        <f>Bühler!I2187</f>
        <v>0.23056827457760243</v>
      </c>
      <c r="J2161" s="59">
        <f>Bühler!J2187</f>
        <v>0.76856091525867487</v>
      </c>
      <c r="K2161" s="59">
        <f>Bühler!K2187</f>
        <v>1.1528413728880123</v>
      </c>
      <c r="L2161" s="59">
        <f>Bühler!L2187</f>
        <v>11.493644791726027</v>
      </c>
      <c r="M2161" s="58">
        <f>Bühler!M2187</f>
        <v>0</v>
      </c>
      <c r="N2161" s="56">
        <f>IF(Input!$D$19=1,J2161*Input!$C$19,0)+IF(Input!$D$20=1,K2161*Input!$C$20,0)+IF(Input!$D$21=1,L2161*Input!$C$21,0)+IF(Input!$D$22=1,M2161*Input!$C$22,0)</f>
        <v>0.23056827457760246</v>
      </c>
      <c r="O2161" s="59">
        <f>IF(Input!$D$19=2,J2161*Input!$C$19,0)+IF(Input!$D$20=2,K2161*Input!$C$20,0)+IF(Input!$D$21=2,L2161*Input!$C$21,0)+IF(Input!$D$22=2,M2161*Input!$C$22,0)</f>
        <v>0.57642068644400613</v>
      </c>
      <c r="P2161" s="59">
        <f>IF(Input!$D$19=3,J2161*Input!$C$19,0)+IF(Input!$D$20=3,K2161*Input!$C$20,0)+IF(Input!$D$21=3,L2161*Input!$C$21,0)+IF(Input!$D$22=3,M2161*Input!$C$22,0)</f>
        <v>0</v>
      </c>
      <c r="Q2161" s="75">
        <f>IF(Input!$D$19=4,J2161*Input!$C$19,0)+IF(Input!$D$20=4,K2161*Input!$C$20,0)+IF(Input!$D$21=4,L2161*Input!$C$21,0)+IF(Input!$D$22=4,M2161*Input!$C$22,0)</f>
        <v>0</v>
      </c>
      <c r="R2161" s="58">
        <v>42.91297308360371</v>
      </c>
      <c r="S2161" s="124">
        <f t="shared" si="33"/>
        <v>0.9991291898362773</v>
      </c>
    </row>
    <row r="2162" spans="8:19" x14ac:dyDescent="0.3">
      <c r="H2162" s="44">
        <v>2155</v>
      </c>
      <c r="I2162" s="56">
        <f>Bühler!I2188</f>
        <v>0.22202870885250603</v>
      </c>
      <c r="J2162" s="59">
        <f>Bühler!J2188</f>
        <v>0.74009569617502013</v>
      </c>
      <c r="K2162" s="59">
        <f>Bühler!K2188</f>
        <v>1.1101435442625303</v>
      </c>
      <c r="L2162" s="59">
        <f>Bühler!L2188</f>
        <v>11.067954243884321</v>
      </c>
      <c r="M2162" s="58">
        <f>Bühler!M2188</f>
        <v>0</v>
      </c>
      <c r="N2162" s="56">
        <f>IF(Input!$D$19=1,J2162*Input!$C$19,0)+IF(Input!$D$20=1,K2162*Input!$C$20,0)+IF(Input!$D$21=1,L2162*Input!$C$21,0)+IF(Input!$D$22=1,M2162*Input!$C$22,0)</f>
        <v>0.22202870885250603</v>
      </c>
      <c r="O2162" s="59">
        <f>IF(Input!$D$19=2,J2162*Input!$C$19,0)+IF(Input!$D$20=2,K2162*Input!$C$20,0)+IF(Input!$D$21=2,L2162*Input!$C$21,0)+IF(Input!$D$22=2,M2162*Input!$C$22,0)</f>
        <v>0.55507177213126513</v>
      </c>
      <c r="P2162" s="59">
        <f>IF(Input!$D$19=3,J2162*Input!$C$19,0)+IF(Input!$D$20=3,K2162*Input!$C$20,0)+IF(Input!$D$21=3,L2162*Input!$C$21,0)+IF(Input!$D$22=3,M2162*Input!$C$22,0)</f>
        <v>0</v>
      </c>
      <c r="Q2162" s="75">
        <f>IF(Input!$D$19=4,J2162*Input!$C$19,0)+IF(Input!$D$20=4,K2162*Input!$C$20,0)+IF(Input!$D$21=4,L2162*Input!$C$21,0)+IF(Input!$D$22=4,M2162*Input!$C$22,0)</f>
        <v>0</v>
      </c>
      <c r="R2162" s="58">
        <v>42.402895223797245</v>
      </c>
      <c r="S2162" s="124">
        <f t="shared" si="33"/>
        <v>0.96212440502752616</v>
      </c>
    </row>
    <row r="2163" spans="8:19" x14ac:dyDescent="0.3">
      <c r="H2163" s="44">
        <v>2156</v>
      </c>
      <c r="I2163" s="56">
        <f>Bühler!I2189</f>
        <v>0.17933088022702409</v>
      </c>
      <c r="J2163" s="59">
        <f>Bühler!J2189</f>
        <v>0.59776960075674701</v>
      </c>
      <c r="K2163" s="59">
        <f>Bühler!K2189</f>
        <v>0.89665440113512063</v>
      </c>
      <c r="L2163" s="59">
        <f>Bühler!L2189</f>
        <v>8.939501504675798</v>
      </c>
      <c r="M2163" s="58">
        <f>Bühler!M2189</f>
        <v>0</v>
      </c>
      <c r="N2163" s="56">
        <f>IF(Input!$D$19=1,J2163*Input!$C$19,0)+IF(Input!$D$20=1,K2163*Input!$C$20,0)+IF(Input!$D$21=1,L2163*Input!$C$21,0)+IF(Input!$D$22=1,M2163*Input!$C$22,0)</f>
        <v>0.17933088022702409</v>
      </c>
      <c r="O2163" s="59">
        <f>IF(Input!$D$19=2,J2163*Input!$C$19,0)+IF(Input!$D$20=2,K2163*Input!$C$20,0)+IF(Input!$D$21=2,L2163*Input!$C$21,0)+IF(Input!$D$22=2,M2163*Input!$C$22,0)</f>
        <v>0.44832720056756031</v>
      </c>
      <c r="P2163" s="59">
        <f>IF(Input!$D$19=3,J2163*Input!$C$19,0)+IF(Input!$D$20=3,K2163*Input!$C$20,0)+IF(Input!$D$21=3,L2163*Input!$C$21,0)+IF(Input!$D$22=3,M2163*Input!$C$22,0)</f>
        <v>0</v>
      </c>
      <c r="Q2163" s="75">
        <f>IF(Input!$D$19=4,J2163*Input!$C$19,0)+IF(Input!$D$20=4,K2163*Input!$C$20,0)+IF(Input!$D$21=4,L2163*Input!$C$21,0)+IF(Input!$D$22=4,M2163*Input!$C$22,0)</f>
        <v>0</v>
      </c>
      <c r="R2163" s="58">
        <v>42.057408702584986</v>
      </c>
      <c r="S2163" s="124">
        <f t="shared" si="33"/>
        <v>0.77710048098377116</v>
      </c>
    </row>
    <row r="2164" spans="8:19" x14ac:dyDescent="0.3">
      <c r="H2164" s="44">
        <v>2157</v>
      </c>
      <c r="I2164" s="56">
        <f>Bühler!I2190</f>
        <v>0.13236326873899398</v>
      </c>
      <c r="J2164" s="59">
        <f>Bühler!J2190</f>
        <v>0.44121089579664668</v>
      </c>
      <c r="K2164" s="59">
        <f>Bühler!K2190</f>
        <v>0.66181634369497</v>
      </c>
      <c r="L2164" s="59">
        <f>Bühler!L2190</f>
        <v>6.5982034915464229</v>
      </c>
      <c r="M2164" s="58">
        <f>Bühler!M2190</f>
        <v>0</v>
      </c>
      <c r="N2164" s="56">
        <f>IF(Input!$D$19=1,J2164*Input!$C$19,0)+IF(Input!$D$20=1,K2164*Input!$C$20,0)+IF(Input!$D$21=1,L2164*Input!$C$21,0)+IF(Input!$D$22=1,M2164*Input!$C$22,0)</f>
        <v>0.13236326873899401</v>
      </c>
      <c r="O2164" s="59">
        <f>IF(Input!$D$19=2,J2164*Input!$C$19,0)+IF(Input!$D$20=2,K2164*Input!$C$20,0)+IF(Input!$D$21=2,L2164*Input!$C$21,0)+IF(Input!$D$22=2,M2164*Input!$C$22,0)</f>
        <v>0.330908171847485</v>
      </c>
      <c r="P2164" s="59">
        <f>IF(Input!$D$19=3,J2164*Input!$C$19,0)+IF(Input!$D$20=3,K2164*Input!$C$20,0)+IF(Input!$D$21=3,L2164*Input!$C$21,0)+IF(Input!$D$22=3,M2164*Input!$C$22,0)</f>
        <v>0</v>
      </c>
      <c r="Q2164" s="75">
        <f>IF(Input!$D$19=4,J2164*Input!$C$19,0)+IF(Input!$D$20=4,K2164*Input!$C$20,0)+IF(Input!$D$21=4,L2164*Input!$C$21,0)+IF(Input!$D$22=4,M2164*Input!$C$22,0)</f>
        <v>0</v>
      </c>
      <c r="R2164" s="58">
        <v>41.784256462951724</v>
      </c>
      <c r="S2164" s="124">
        <f t="shared" si="33"/>
        <v>0.5735741645356407</v>
      </c>
    </row>
    <row r="2165" spans="8:19" x14ac:dyDescent="0.3">
      <c r="H2165" s="44">
        <v>2158</v>
      </c>
      <c r="I2165" s="56">
        <f>Bühler!I2191</f>
        <v>0.13236326873899398</v>
      </c>
      <c r="J2165" s="59">
        <f>Bühler!J2191</f>
        <v>0.44121089579664668</v>
      </c>
      <c r="K2165" s="59">
        <f>Bühler!K2191</f>
        <v>0.66181634369497</v>
      </c>
      <c r="L2165" s="59">
        <f>Bühler!L2191</f>
        <v>6.5982034915464229</v>
      </c>
      <c r="M2165" s="58">
        <f>Bühler!M2191</f>
        <v>0</v>
      </c>
      <c r="N2165" s="56">
        <f>IF(Input!$D$19=1,J2165*Input!$C$19,0)+IF(Input!$D$20=1,K2165*Input!$C$20,0)+IF(Input!$D$21=1,L2165*Input!$C$21,0)+IF(Input!$D$22=1,M2165*Input!$C$22,0)</f>
        <v>0.13236326873899401</v>
      </c>
      <c r="O2165" s="59">
        <f>IF(Input!$D$19=2,J2165*Input!$C$19,0)+IF(Input!$D$20=2,K2165*Input!$C$20,0)+IF(Input!$D$21=2,L2165*Input!$C$21,0)+IF(Input!$D$22=2,M2165*Input!$C$22,0)</f>
        <v>0.330908171847485</v>
      </c>
      <c r="P2165" s="59">
        <f>IF(Input!$D$19=3,J2165*Input!$C$19,0)+IF(Input!$D$20=3,K2165*Input!$C$20,0)+IF(Input!$D$21=3,L2165*Input!$C$21,0)+IF(Input!$D$22=3,M2165*Input!$C$22,0)</f>
        <v>0</v>
      </c>
      <c r="Q2165" s="75">
        <f>IF(Input!$D$19=4,J2165*Input!$C$19,0)+IF(Input!$D$20=4,K2165*Input!$C$20,0)+IF(Input!$D$21=4,L2165*Input!$C$21,0)+IF(Input!$D$22=4,M2165*Input!$C$22,0)</f>
        <v>0</v>
      </c>
      <c r="R2165" s="58">
        <v>41.246451539648405</v>
      </c>
      <c r="S2165" s="124">
        <f t="shared" si="33"/>
        <v>0.5735741645356407</v>
      </c>
    </row>
    <row r="2166" spans="8:19" x14ac:dyDescent="0.3">
      <c r="H2166" s="44">
        <v>2159</v>
      </c>
      <c r="I2166" s="56">
        <f>Bühler!I2192</f>
        <v>0.13236326873899398</v>
      </c>
      <c r="J2166" s="59">
        <f>Bühler!J2192</f>
        <v>0.44121089579664668</v>
      </c>
      <c r="K2166" s="59">
        <f>Bühler!K2192</f>
        <v>0.66181634369497</v>
      </c>
      <c r="L2166" s="59">
        <f>Bühler!L2192</f>
        <v>6.5982034915464229</v>
      </c>
      <c r="M2166" s="58">
        <f>Bühler!M2192</f>
        <v>0</v>
      </c>
      <c r="N2166" s="56">
        <f>IF(Input!$D$19=1,J2166*Input!$C$19,0)+IF(Input!$D$20=1,K2166*Input!$C$20,0)+IF(Input!$D$21=1,L2166*Input!$C$21,0)+IF(Input!$D$22=1,M2166*Input!$C$22,0)</f>
        <v>0.13236326873899401</v>
      </c>
      <c r="O2166" s="59">
        <f>IF(Input!$D$19=2,J2166*Input!$C$19,0)+IF(Input!$D$20=2,K2166*Input!$C$20,0)+IF(Input!$D$21=2,L2166*Input!$C$21,0)+IF(Input!$D$22=2,M2166*Input!$C$22,0)</f>
        <v>0.330908171847485</v>
      </c>
      <c r="P2166" s="59">
        <f>IF(Input!$D$19=3,J2166*Input!$C$19,0)+IF(Input!$D$20=3,K2166*Input!$C$20,0)+IF(Input!$D$21=3,L2166*Input!$C$21,0)+IF(Input!$D$22=3,M2166*Input!$C$22,0)</f>
        <v>0</v>
      </c>
      <c r="Q2166" s="75">
        <f>IF(Input!$D$19=4,J2166*Input!$C$19,0)+IF(Input!$D$20=4,K2166*Input!$C$20,0)+IF(Input!$D$21=4,L2166*Input!$C$21,0)+IF(Input!$D$22=4,M2166*Input!$C$22,0)</f>
        <v>0</v>
      </c>
      <c r="R2166" s="58">
        <v>41.478695242084186</v>
      </c>
      <c r="S2166" s="124">
        <f t="shared" si="33"/>
        <v>0.5735741645356407</v>
      </c>
    </row>
    <row r="2167" spans="8:19" x14ac:dyDescent="0.3">
      <c r="H2167" s="44">
        <v>2160</v>
      </c>
      <c r="I2167" s="56">
        <f>Bühler!I2193</f>
        <v>0.13236326873899398</v>
      </c>
      <c r="J2167" s="59">
        <f>Bühler!J2193</f>
        <v>0.44121089579664668</v>
      </c>
      <c r="K2167" s="59">
        <f>Bühler!K2193</f>
        <v>0.66181634369497</v>
      </c>
      <c r="L2167" s="59">
        <f>Bühler!L2193</f>
        <v>6.5982034915464229</v>
      </c>
      <c r="M2167" s="58">
        <f>Bühler!M2193</f>
        <v>0</v>
      </c>
      <c r="N2167" s="56">
        <f>IF(Input!$D$19=1,J2167*Input!$C$19,0)+IF(Input!$D$20=1,K2167*Input!$C$20,0)+IF(Input!$D$21=1,L2167*Input!$C$21,0)+IF(Input!$D$22=1,M2167*Input!$C$22,0)</f>
        <v>0.13236326873899401</v>
      </c>
      <c r="O2167" s="59">
        <f>IF(Input!$D$19=2,J2167*Input!$C$19,0)+IF(Input!$D$20=2,K2167*Input!$C$20,0)+IF(Input!$D$21=2,L2167*Input!$C$21,0)+IF(Input!$D$22=2,M2167*Input!$C$22,0)</f>
        <v>0.330908171847485</v>
      </c>
      <c r="P2167" s="59">
        <f>IF(Input!$D$19=3,J2167*Input!$C$19,0)+IF(Input!$D$20=3,K2167*Input!$C$20,0)+IF(Input!$D$21=3,L2167*Input!$C$21,0)+IF(Input!$D$22=3,M2167*Input!$C$22,0)</f>
        <v>0</v>
      </c>
      <c r="Q2167" s="75">
        <f>IF(Input!$D$19=4,J2167*Input!$C$19,0)+IF(Input!$D$20=4,K2167*Input!$C$20,0)+IF(Input!$D$21=4,L2167*Input!$C$21,0)+IF(Input!$D$22=4,M2167*Input!$C$22,0)</f>
        <v>0</v>
      </c>
      <c r="R2167" s="58">
        <v>40.955251147133787</v>
      </c>
      <c r="S2167" s="124">
        <f t="shared" si="33"/>
        <v>0.5735741645356407</v>
      </c>
    </row>
    <row r="2168" spans="8:19" x14ac:dyDescent="0.3">
      <c r="H2168" s="44">
        <v>2161</v>
      </c>
      <c r="I2168" s="56">
        <f>Bühler!I2194</f>
        <v>0.14460011234614636</v>
      </c>
      <c r="J2168" s="59">
        <f>Bühler!J2194</f>
        <v>0.4820003744871546</v>
      </c>
      <c r="K2168" s="59">
        <f>Bühler!K2194</f>
        <v>0.72300056173073191</v>
      </c>
      <c r="L2168" s="59">
        <f>Bühler!L2194</f>
        <v>7.3674284126195975</v>
      </c>
      <c r="M2168" s="58">
        <f>Bühler!M2194</f>
        <v>0</v>
      </c>
      <c r="N2168" s="56">
        <f>IF(Input!$D$19=1,J2168*Input!$C$19,0)+IF(Input!$D$20=1,K2168*Input!$C$20,0)+IF(Input!$D$21=1,L2168*Input!$C$21,0)+IF(Input!$D$22=1,M2168*Input!$C$22,0)</f>
        <v>0.14460011234614636</v>
      </c>
      <c r="O2168" s="59">
        <f>IF(Input!$D$19=2,J2168*Input!$C$19,0)+IF(Input!$D$20=2,K2168*Input!$C$20,0)+IF(Input!$D$21=2,L2168*Input!$C$21,0)+IF(Input!$D$22=2,M2168*Input!$C$22,0)</f>
        <v>0.36150028086536595</v>
      </c>
      <c r="P2168" s="59">
        <f>IF(Input!$D$19=3,J2168*Input!$C$19,0)+IF(Input!$D$20=3,K2168*Input!$C$20,0)+IF(Input!$D$21=3,L2168*Input!$C$21,0)+IF(Input!$D$22=3,M2168*Input!$C$22,0)</f>
        <v>0</v>
      </c>
      <c r="Q2168" s="75">
        <f>IF(Input!$D$19=4,J2168*Input!$C$19,0)+IF(Input!$D$20=4,K2168*Input!$C$20,0)+IF(Input!$D$21=4,L2168*Input!$C$21,0)+IF(Input!$D$22=4,M2168*Input!$C$22,0)</f>
        <v>0</v>
      </c>
      <c r="R2168" s="58">
        <v>40.740968061451795</v>
      </c>
      <c r="S2168" s="124">
        <f t="shared" si="33"/>
        <v>0.62660048683330094</v>
      </c>
    </row>
    <row r="2169" spans="8:19" x14ac:dyDescent="0.3">
      <c r="H2169" s="44">
        <v>2162</v>
      </c>
      <c r="I2169" s="56">
        <f>Bühler!I2195</f>
        <v>0.16792271111165386</v>
      </c>
      <c r="J2169" s="59">
        <f>Bühler!J2195</f>
        <v>0.55974237037217955</v>
      </c>
      <c r="K2169" s="59">
        <f>Bühler!K2195</f>
        <v>0.83961355555826944</v>
      </c>
      <c r="L2169" s="59">
        <f>Bühler!L2195</f>
        <v>8.5557233178808225</v>
      </c>
      <c r="M2169" s="58">
        <f>Bühler!M2195</f>
        <v>0</v>
      </c>
      <c r="N2169" s="56">
        <f>IF(Input!$D$19=1,J2169*Input!$C$19,0)+IF(Input!$D$20=1,K2169*Input!$C$20,0)+IF(Input!$D$21=1,L2169*Input!$C$21,0)+IF(Input!$D$22=1,M2169*Input!$C$22,0)</f>
        <v>0.16792271111165386</v>
      </c>
      <c r="O2169" s="59">
        <f>IF(Input!$D$19=2,J2169*Input!$C$19,0)+IF(Input!$D$20=2,K2169*Input!$C$20,0)+IF(Input!$D$21=2,L2169*Input!$C$21,0)+IF(Input!$D$22=2,M2169*Input!$C$22,0)</f>
        <v>0.41980677777913472</v>
      </c>
      <c r="P2169" s="59">
        <f>IF(Input!$D$19=3,J2169*Input!$C$19,0)+IF(Input!$D$20=3,K2169*Input!$C$20,0)+IF(Input!$D$21=3,L2169*Input!$C$21,0)+IF(Input!$D$22=3,M2169*Input!$C$22,0)</f>
        <v>0</v>
      </c>
      <c r="Q2169" s="75">
        <f>IF(Input!$D$19=4,J2169*Input!$C$19,0)+IF(Input!$D$20=4,K2169*Input!$C$20,0)+IF(Input!$D$21=4,L2169*Input!$C$21,0)+IF(Input!$D$22=4,M2169*Input!$C$22,0)</f>
        <v>0</v>
      </c>
      <c r="R2169" s="58">
        <v>40.605235832662672</v>
      </c>
      <c r="S2169" s="124">
        <f t="shared" si="33"/>
        <v>0.72766508148383346</v>
      </c>
    </row>
    <row r="2170" spans="8:19" x14ac:dyDescent="0.3">
      <c r="H2170" s="44">
        <v>2163</v>
      </c>
      <c r="I2170" s="56">
        <f>Bühler!I2196</f>
        <v>0.16792271111165386</v>
      </c>
      <c r="J2170" s="59">
        <f>Bühler!J2196</f>
        <v>0.55974237037217955</v>
      </c>
      <c r="K2170" s="59">
        <f>Bühler!K2196</f>
        <v>0.83961355555826944</v>
      </c>
      <c r="L2170" s="59">
        <f>Bühler!L2196</f>
        <v>8.5557233178808225</v>
      </c>
      <c r="M2170" s="58">
        <f>Bühler!M2196</f>
        <v>0</v>
      </c>
      <c r="N2170" s="56">
        <f>IF(Input!$D$19=1,J2170*Input!$C$19,0)+IF(Input!$D$20=1,K2170*Input!$C$20,0)+IF(Input!$D$21=1,L2170*Input!$C$21,0)+IF(Input!$D$22=1,M2170*Input!$C$22,0)</f>
        <v>0.16792271111165386</v>
      </c>
      <c r="O2170" s="59">
        <f>IF(Input!$D$19=2,J2170*Input!$C$19,0)+IF(Input!$D$20=2,K2170*Input!$C$20,0)+IF(Input!$D$21=2,L2170*Input!$C$21,0)+IF(Input!$D$22=2,M2170*Input!$C$22,0)</f>
        <v>0.41980677777913472</v>
      </c>
      <c r="P2170" s="59">
        <f>IF(Input!$D$19=3,J2170*Input!$C$19,0)+IF(Input!$D$20=3,K2170*Input!$C$20,0)+IF(Input!$D$21=3,L2170*Input!$C$21,0)+IF(Input!$D$22=3,M2170*Input!$C$22,0)</f>
        <v>0</v>
      </c>
      <c r="Q2170" s="75">
        <f>IF(Input!$D$19=4,J2170*Input!$C$19,0)+IF(Input!$D$20=4,K2170*Input!$C$20,0)+IF(Input!$D$21=4,L2170*Input!$C$21,0)+IF(Input!$D$22=4,M2170*Input!$C$22,0)</f>
        <v>0</v>
      </c>
      <c r="R2170" s="58">
        <v>40.856364292502398</v>
      </c>
      <c r="S2170" s="124">
        <f t="shared" si="33"/>
        <v>0.72766508148383346</v>
      </c>
    </row>
    <row r="2171" spans="8:19" x14ac:dyDescent="0.3">
      <c r="H2171" s="44">
        <v>2164</v>
      </c>
      <c r="I2171" s="56">
        <f>Bühler!I2197</f>
        <v>0.16792271111165386</v>
      </c>
      <c r="J2171" s="59">
        <f>Bühler!J2197</f>
        <v>0.55974237037217955</v>
      </c>
      <c r="K2171" s="59">
        <f>Bühler!K2197</f>
        <v>0.83961355555826944</v>
      </c>
      <c r="L2171" s="59">
        <f>Bühler!L2197</f>
        <v>8.5557233178808225</v>
      </c>
      <c r="M2171" s="58">
        <f>Bühler!M2197</f>
        <v>0</v>
      </c>
      <c r="N2171" s="56">
        <f>IF(Input!$D$19=1,J2171*Input!$C$19,0)+IF(Input!$D$20=1,K2171*Input!$C$20,0)+IF(Input!$D$21=1,L2171*Input!$C$21,0)+IF(Input!$D$22=1,M2171*Input!$C$22,0)</f>
        <v>0.16792271111165386</v>
      </c>
      <c r="O2171" s="59">
        <f>IF(Input!$D$19=2,J2171*Input!$C$19,0)+IF(Input!$D$20=2,K2171*Input!$C$20,0)+IF(Input!$D$21=2,L2171*Input!$C$21,0)+IF(Input!$D$22=2,M2171*Input!$C$22,0)</f>
        <v>0.41980677777913472</v>
      </c>
      <c r="P2171" s="59">
        <f>IF(Input!$D$19=3,J2171*Input!$C$19,0)+IF(Input!$D$20=3,K2171*Input!$C$20,0)+IF(Input!$D$21=3,L2171*Input!$C$21,0)+IF(Input!$D$22=3,M2171*Input!$C$22,0)</f>
        <v>0</v>
      </c>
      <c r="Q2171" s="75">
        <f>IF(Input!$D$19=4,J2171*Input!$C$19,0)+IF(Input!$D$20=4,K2171*Input!$C$20,0)+IF(Input!$D$21=4,L2171*Input!$C$21,0)+IF(Input!$D$22=4,M2171*Input!$C$22,0)</f>
        <v>0</v>
      </c>
      <c r="R2171" s="58">
        <v>41.107367655899942</v>
      </c>
      <c r="S2171" s="124">
        <f t="shared" si="33"/>
        <v>0.72766508148383346</v>
      </c>
    </row>
    <row r="2172" spans="8:19" x14ac:dyDescent="0.3">
      <c r="H2172" s="44">
        <v>2165</v>
      </c>
      <c r="I2172" s="56">
        <f>Bühler!I2198</f>
        <v>0.16792271111165386</v>
      </c>
      <c r="J2172" s="59">
        <f>Bühler!J2198</f>
        <v>0.55974237037217955</v>
      </c>
      <c r="K2172" s="59">
        <f>Bühler!K2198</f>
        <v>0.83961355555826944</v>
      </c>
      <c r="L2172" s="59">
        <f>Bühler!L2198</f>
        <v>8.5557233178808225</v>
      </c>
      <c r="M2172" s="58">
        <f>Bühler!M2198</f>
        <v>0</v>
      </c>
      <c r="N2172" s="56">
        <f>IF(Input!$D$19=1,J2172*Input!$C$19,0)+IF(Input!$D$20=1,K2172*Input!$C$20,0)+IF(Input!$D$21=1,L2172*Input!$C$21,0)+IF(Input!$D$22=1,M2172*Input!$C$22,0)</f>
        <v>0.16792271111165386</v>
      </c>
      <c r="O2172" s="59">
        <f>IF(Input!$D$19=2,J2172*Input!$C$19,0)+IF(Input!$D$20=2,K2172*Input!$C$20,0)+IF(Input!$D$21=2,L2172*Input!$C$21,0)+IF(Input!$D$22=2,M2172*Input!$C$22,0)</f>
        <v>0.41980677777913472</v>
      </c>
      <c r="P2172" s="59">
        <f>IF(Input!$D$19=3,J2172*Input!$C$19,0)+IF(Input!$D$20=3,K2172*Input!$C$20,0)+IF(Input!$D$21=3,L2172*Input!$C$21,0)+IF(Input!$D$22=3,M2172*Input!$C$22,0)</f>
        <v>0</v>
      </c>
      <c r="Q2172" s="75">
        <f>IF(Input!$D$19=4,J2172*Input!$C$19,0)+IF(Input!$D$20=4,K2172*Input!$C$20,0)+IF(Input!$D$21=4,L2172*Input!$C$21,0)+IF(Input!$D$22=4,M2172*Input!$C$22,0)</f>
        <v>0</v>
      </c>
      <c r="R2172" s="58">
        <v>40.969458988304368</v>
      </c>
      <c r="S2172" s="124">
        <f t="shared" si="33"/>
        <v>0.72766508148383346</v>
      </c>
    </row>
    <row r="2173" spans="8:19" x14ac:dyDescent="0.3">
      <c r="H2173" s="44">
        <v>2166</v>
      </c>
      <c r="I2173" s="56">
        <f>Bühler!I2199</f>
        <v>0.20990338888956728</v>
      </c>
      <c r="J2173" s="59">
        <f>Bühler!J2199</f>
        <v>0.69967796296522433</v>
      </c>
      <c r="K2173" s="59">
        <f>Bühler!K2199</f>
        <v>1.0495169444478365</v>
      </c>
      <c r="L2173" s="59">
        <f>Bühler!L2199</f>
        <v>10.694654147351029</v>
      </c>
      <c r="M2173" s="58">
        <f>Bühler!M2199</f>
        <v>0</v>
      </c>
      <c r="N2173" s="56">
        <f>IF(Input!$D$19=1,J2173*Input!$C$19,0)+IF(Input!$D$20=1,K2173*Input!$C$20,0)+IF(Input!$D$21=1,L2173*Input!$C$21,0)+IF(Input!$D$22=1,M2173*Input!$C$22,0)</f>
        <v>0.20990338888956731</v>
      </c>
      <c r="O2173" s="59">
        <f>IF(Input!$D$19=2,J2173*Input!$C$19,0)+IF(Input!$D$20=2,K2173*Input!$C$20,0)+IF(Input!$D$21=2,L2173*Input!$C$21,0)+IF(Input!$D$22=2,M2173*Input!$C$22,0)</f>
        <v>0.52475847222391825</v>
      </c>
      <c r="P2173" s="59">
        <f>IF(Input!$D$19=3,J2173*Input!$C$19,0)+IF(Input!$D$20=3,K2173*Input!$C$20,0)+IF(Input!$D$21=3,L2173*Input!$C$21,0)+IF(Input!$D$22=3,M2173*Input!$C$22,0)</f>
        <v>0</v>
      </c>
      <c r="Q2173" s="75">
        <f>IF(Input!$D$19=4,J2173*Input!$C$19,0)+IF(Input!$D$20=4,K2173*Input!$C$20,0)+IF(Input!$D$21=4,L2173*Input!$C$21,0)+IF(Input!$D$22=4,M2173*Input!$C$22,0)</f>
        <v>0</v>
      </c>
      <c r="R2173" s="58">
        <v>41.162122317650422</v>
      </c>
      <c r="S2173" s="124">
        <f t="shared" si="33"/>
        <v>0.90958135185479161</v>
      </c>
    </row>
    <row r="2174" spans="8:19" x14ac:dyDescent="0.3">
      <c r="H2174" s="44">
        <v>2167</v>
      </c>
      <c r="I2174" s="56">
        <f>Bühler!I2200</f>
        <v>0.24721954691437931</v>
      </c>
      <c r="J2174" s="59">
        <f>Bühler!J2200</f>
        <v>0.82406515638126454</v>
      </c>
      <c r="K2174" s="59">
        <f>Bühler!K2200</f>
        <v>1.2360977345718966</v>
      </c>
      <c r="L2174" s="59">
        <f>Bühler!L2200</f>
        <v>12.59592599576899</v>
      </c>
      <c r="M2174" s="58">
        <f>Bühler!M2200</f>
        <v>0</v>
      </c>
      <c r="N2174" s="56">
        <f>IF(Input!$D$19=1,J2174*Input!$C$19,0)+IF(Input!$D$20=1,K2174*Input!$C$20,0)+IF(Input!$D$21=1,L2174*Input!$C$21,0)+IF(Input!$D$22=1,M2174*Input!$C$22,0)</f>
        <v>0.24721954691437936</v>
      </c>
      <c r="O2174" s="59">
        <f>IF(Input!$D$19=2,J2174*Input!$C$19,0)+IF(Input!$D$20=2,K2174*Input!$C$20,0)+IF(Input!$D$21=2,L2174*Input!$C$21,0)+IF(Input!$D$22=2,M2174*Input!$C$22,0)</f>
        <v>0.61804886728594832</v>
      </c>
      <c r="P2174" s="59">
        <f>IF(Input!$D$19=3,J2174*Input!$C$19,0)+IF(Input!$D$20=3,K2174*Input!$C$20,0)+IF(Input!$D$21=3,L2174*Input!$C$21,0)+IF(Input!$D$22=3,M2174*Input!$C$22,0)</f>
        <v>0</v>
      </c>
      <c r="Q2174" s="75">
        <f>IF(Input!$D$19=4,J2174*Input!$C$19,0)+IF(Input!$D$20=4,K2174*Input!$C$20,0)+IF(Input!$D$21=4,L2174*Input!$C$21,0)+IF(Input!$D$22=4,M2174*Input!$C$22,0)</f>
        <v>0</v>
      </c>
      <c r="R2174" s="58">
        <v>41.10614705354962</v>
      </c>
      <c r="S2174" s="124">
        <f t="shared" si="33"/>
        <v>1.0712847032956438</v>
      </c>
    </row>
    <row r="2175" spans="8:19" x14ac:dyDescent="0.3">
      <c r="H2175" s="44">
        <v>2168</v>
      </c>
      <c r="I2175" s="56">
        <f>Bühler!I2201</f>
        <v>0.29386474444539429</v>
      </c>
      <c r="J2175" s="59">
        <f>Bühler!J2201</f>
        <v>0.97954914815131444</v>
      </c>
      <c r="K2175" s="59">
        <f>Bühler!K2201</f>
        <v>1.4693237222269717</v>
      </c>
      <c r="L2175" s="59">
        <f>Bühler!L2201</f>
        <v>14.97251580629144</v>
      </c>
      <c r="M2175" s="58">
        <f>Bühler!M2201</f>
        <v>0</v>
      </c>
      <c r="N2175" s="56">
        <f>IF(Input!$D$19=1,J2175*Input!$C$19,0)+IF(Input!$D$20=1,K2175*Input!$C$20,0)+IF(Input!$D$21=1,L2175*Input!$C$21,0)+IF(Input!$D$22=1,M2175*Input!$C$22,0)</f>
        <v>0.29386474444539434</v>
      </c>
      <c r="O2175" s="59">
        <f>IF(Input!$D$19=2,J2175*Input!$C$19,0)+IF(Input!$D$20=2,K2175*Input!$C$20,0)+IF(Input!$D$21=2,L2175*Input!$C$21,0)+IF(Input!$D$22=2,M2175*Input!$C$22,0)</f>
        <v>0.73466186111348586</v>
      </c>
      <c r="P2175" s="59">
        <f>IF(Input!$D$19=3,J2175*Input!$C$19,0)+IF(Input!$D$20=3,K2175*Input!$C$20,0)+IF(Input!$D$21=3,L2175*Input!$C$21,0)+IF(Input!$D$22=3,M2175*Input!$C$22,0)</f>
        <v>0</v>
      </c>
      <c r="Q2175" s="75">
        <f>IF(Input!$D$19=4,J2175*Input!$C$19,0)+IF(Input!$D$20=4,K2175*Input!$C$20,0)+IF(Input!$D$21=4,L2175*Input!$C$21,0)+IF(Input!$D$22=4,M2175*Input!$C$22,0)</f>
        <v>0</v>
      </c>
      <c r="R2175" s="58">
        <v>41.075844313541587</v>
      </c>
      <c r="S2175" s="124">
        <f t="shared" si="33"/>
        <v>1.2734138925967087</v>
      </c>
    </row>
    <row r="2176" spans="8:19" x14ac:dyDescent="0.3">
      <c r="H2176" s="44">
        <v>2169</v>
      </c>
      <c r="I2176" s="56">
        <f>Bühler!I2202</f>
        <v>0.29386474444539429</v>
      </c>
      <c r="J2176" s="59">
        <f>Bühler!J2202</f>
        <v>0.97954914815131444</v>
      </c>
      <c r="K2176" s="59">
        <f>Bühler!K2202</f>
        <v>1.4693237222269717</v>
      </c>
      <c r="L2176" s="59">
        <f>Bühler!L2202</f>
        <v>14.97251580629144</v>
      </c>
      <c r="M2176" s="58">
        <f>Bühler!M2202</f>
        <v>0</v>
      </c>
      <c r="N2176" s="56">
        <f>IF(Input!$D$19=1,J2176*Input!$C$19,0)+IF(Input!$D$20=1,K2176*Input!$C$20,0)+IF(Input!$D$21=1,L2176*Input!$C$21,0)+IF(Input!$D$22=1,M2176*Input!$C$22,0)</f>
        <v>0.29386474444539434</v>
      </c>
      <c r="O2176" s="59">
        <f>IF(Input!$D$19=2,J2176*Input!$C$19,0)+IF(Input!$D$20=2,K2176*Input!$C$20,0)+IF(Input!$D$21=2,L2176*Input!$C$21,0)+IF(Input!$D$22=2,M2176*Input!$C$22,0)</f>
        <v>0.73466186111348586</v>
      </c>
      <c r="P2176" s="59">
        <f>IF(Input!$D$19=3,J2176*Input!$C$19,0)+IF(Input!$D$20=3,K2176*Input!$C$20,0)+IF(Input!$D$21=3,L2176*Input!$C$21,0)+IF(Input!$D$22=3,M2176*Input!$C$22,0)</f>
        <v>0</v>
      </c>
      <c r="Q2176" s="75">
        <f>IF(Input!$D$19=4,J2176*Input!$C$19,0)+IF(Input!$D$20=4,K2176*Input!$C$20,0)+IF(Input!$D$21=4,L2176*Input!$C$21,0)+IF(Input!$D$22=4,M2176*Input!$C$22,0)</f>
        <v>0</v>
      </c>
      <c r="R2176" s="58">
        <v>40.31790009251182</v>
      </c>
      <c r="S2176" s="124">
        <f t="shared" si="33"/>
        <v>1.2734138925967087</v>
      </c>
    </row>
    <row r="2177" spans="8:19" x14ac:dyDescent="0.3">
      <c r="H2177" s="44">
        <v>2170</v>
      </c>
      <c r="I2177" s="56">
        <f>Bühler!I2203</f>
        <v>0.29386474444539429</v>
      </c>
      <c r="J2177" s="59">
        <f>Bühler!J2203</f>
        <v>0.97954914815131444</v>
      </c>
      <c r="K2177" s="59">
        <f>Bühler!K2203</f>
        <v>1.4693237222269717</v>
      </c>
      <c r="L2177" s="59">
        <f>Bühler!L2203</f>
        <v>14.97251580629144</v>
      </c>
      <c r="M2177" s="58">
        <f>Bühler!M2203</f>
        <v>0</v>
      </c>
      <c r="N2177" s="56">
        <f>IF(Input!$D$19=1,J2177*Input!$C$19,0)+IF(Input!$D$20=1,K2177*Input!$C$20,0)+IF(Input!$D$21=1,L2177*Input!$C$21,0)+IF(Input!$D$22=1,M2177*Input!$C$22,0)</f>
        <v>0.29386474444539434</v>
      </c>
      <c r="O2177" s="59">
        <f>IF(Input!$D$19=2,J2177*Input!$C$19,0)+IF(Input!$D$20=2,K2177*Input!$C$20,0)+IF(Input!$D$21=2,L2177*Input!$C$21,0)+IF(Input!$D$22=2,M2177*Input!$C$22,0)</f>
        <v>0.73466186111348586</v>
      </c>
      <c r="P2177" s="59">
        <f>IF(Input!$D$19=3,J2177*Input!$C$19,0)+IF(Input!$D$20=3,K2177*Input!$C$20,0)+IF(Input!$D$21=3,L2177*Input!$C$21,0)+IF(Input!$D$22=3,M2177*Input!$C$22,0)</f>
        <v>0</v>
      </c>
      <c r="Q2177" s="75">
        <f>IF(Input!$D$19=4,J2177*Input!$C$19,0)+IF(Input!$D$20=4,K2177*Input!$C$20,0)+IF(Input!$D$21=4,L2177*Input!$C$21,0)+IF(Input!$D$22=4,M2177*Input!$C$22,0)</f>
        <v>0</v>
      </c>
      <c r="R2177" s="58">
        <v>39.55168997401929</v>
      </c>
      <c r="S2177" s="124">
        <f t="shared" si="33"/>
        <v>1.2734138925967087</v>
      </c>
    </row>
    <row r="2178" spans="8:19" x14ac:dyDescent="0.3">
      <c r="H2178" s="44">
        <v>2171</v>
      </c>
      <c r="I2178" s="56">
        <f>Bühler!I2204</f>
        <v>0.29386474444539429</v>
      </c>
      <c r="J2178" s="59">
        <f>Bühler!J2204</f>
        <v>0.97954914815131444</v>
      </c>
      <c r="K2178" s="59">
        <f>Bühler!K2204</f>
        <v>1.4693237222269717</v>
      </c>
      <c r="L2178" s="59">
        <f>Bühler!L2204</f>
        <v>14.97251580629144</v>
      </c>
      <c r="M2178" s="58">
        <f>Bühler!M2204</f>
        <v>0</v>
      </c>
      <c r="N2178" s="56">
        <f>IF(Input!$D$19=1,J2178*Input!$C$19,0)+IF(Input!$D$20=1,K2178*Input!$C$20,0)+IF(Input!$D$21=1,L2178*Input!$C$21,0)+IF(Input!$D$22=1,M2178*Input!$C$22,0)</f>
        <v>0.29386474444539434</v>
      </c>
      <c r="O2178" s="59">
        <f>IF(Input!$D$19=2,J2178*Input!$C$19,0)+IF(Input!$D$20=2,K2178*Input!$C$20,0)+IF(Input!$D$21=2,L2178*Input!$C$21,0)+IF(Input!$D$22=2,M2178*Input!$C$22,0)</f>
        <v>0.73466186111348586</v>
      </c>
      <c r="P2178" s="59">
        <f>IF(Input!$D$19=3,J2178*Input!$C$19,0)+IF(Input!$D$20=3,K2178*Input!$C$20,0)+IF(Input!$D$21=3,L2178*Input!$C$21,0)+IF(Input!$D$22=3,M2178*Input!$C$22,0)</f>
        <v>0</v>
      </c>
      <c r="Q2178" s="75">
        <f>IF(Input!$D$19=4,J2178*Input!$C$19,0)+IF(Input!$D$20=4,K2178*Input!$C$20,0)+IF(Input!$D$21=4,L2178*Input!$C$21,0)+IF(Input!$D$22=4,M2178*Input!$C$22,0)</f>
        <v>0</v>
      </c>
      <c r="R2178" s="58">
        <v>39.381294556705079</v>
      </c>
      <c r="S2178" s="124">
        <f t="shared" si="33"/>
        <v>1.2734138925967087</v>
      </c>
    </row>
    <row r="2179" spans="8:19" x14ac:dyDescent="0.3">
      <c r="H2179" s="44">
        <v>2172</v>
      </c>
      <c r="I2179" s="56">
        <f>Bühler!I2205</f>
        <v>0.29386474444539429</v>
      </c>
      <c r="J2179" s="59">
        <f>Bühler!J2205</f>
        <v>0.97954914815131444</v>
      </c>
      <c r="K2179" s="59">
        <f>Bühler!K2205</f>
        <v>1.4693237222269717</v>
      </c>
      <c r="L2179" s="59">
        <f>Bühler!L2205</f>
        <v>14.97251580629144</v>
      </c>
      <c r="M2179" s="58">
        <f>Bühler!M2205</f>
        <v>0</v>
      </c>
      <c r="N2179" s="56">
        <f>IF(Input!$D$19=1,J2179*Input!$C$19,0)+IF(Input!$D$20=1,K2179*Input!$C$20,0)+IF(Input!$D$21=1,L2179*Input!$C$21,0)+IF(Input!$D$22=1,M2179*Input!$C$22,0)</f>
        <v>0.29386474444539434</v>
      </c>
      <c r="O2179" s="59">
        <f>IF(Input!$D$19=2,J2179*Input!$C$19,0)+IF(Input!$D$20=2,K2179*Input!$C$20,0)+IF(Input!$D$21=2,L2179*Input!$C$21,0)+IF(Input!$D$22=2,M2179*Input!$C$22,0)</f>
        <v>0.73466186111348586</v>
      </c>
      <c r="P2179" s="59">
        <f>IF(Input!$D$19=3,J2179*Input!$C$19,0)+IF(Input!$D$20=3,K2179*Input!$C$20,0)+IF(Input!$D$21=3,L2179*Input!$C$21,0)+IF(Input!$D$22=3,M2179*Input!$C$22,0)</f>
        <v>0</v>
      </c>
      <c r="Q2179" s="75">
        <f>IF(Input!$D$19=4,J2179*Input!$C$19,0)+IF(Input!$D$20=4,K2179*Input!$C$20,0)+IF(Input!$D$21=4,L2179*Input!$C$21,0)+IF(Input!$D$22=4,M2179*Input!$C$22,0)</f>
        <v>0</v>
      </c>
      <c r="R2179" s="58">
        <v>39.905979083498273</v>
      </c>
      <c r="S2179" s="124">
        <f t="shared" si="33"/>
        <v>1.2734138925967087</v>
      </c>
    </row>
    <row r="2180" spans="8:19" x14ac:dyDescent="0.3">
      <c r="H2180" s="44">
        <v>2173</v>
      </c>
      <c r="I2180" s="56">
        <f>Bühler!I2206</f>
        <v>0.29386474444539429</v>
      </c>
      <c r="J2180" s="59">
        <f>Bühler!J2206</f>
        <v>0.97954914815131444</v>
      </c>
      <c r="K2180" s="59">
        <f>Bühler!K2206</f>
        <v>1.4693237222269717</v>
      </c>
      <c r="L2180" s="59">
        <f>Bühler!L2206</f>
        <v>14.97251580629144</v>
      </c>
      <c r="M2180" s="58">
        <f>Bühler!M2206</f>
        <v>0</v>
      </c>
      <c r="N2180" s="56">
        <f>IF(Input!$D$19=1,J2180*Input!$C$19,0)+IF(Input!$D$20=1,K2180*Input!$C$20,0)+IF(Input!$D$21=1,L2180*Input!$C$21,0)+IF(Input!$D$22=1,M2180*Input!$C$22,0)</f>
        <v>0.29386474444539434</v>
      </c>
      <c r="O2180" s="59">
        <f>IF(Input!$D$19=2,J2180*Input!$C$19,0)+IF(Input!$D$20=2,K2180*Input!$C$20,0)+IF(Input!$D$21=2,L2180*Input!$C$21,0)+IF(Input!$D$22=2,M2180*Input!$C$22,0)</f>
        <v>0.73466186111348586</v>
      </c>
      <c r="P2180" s="59">
        <f>IF(Input!$D$19=3,J2180*Input!$C$19,0)+IF(Input!$D$20=3,K2180*Input!$C$20,0)+IF(Input!$D$21=3,L2180*Input!$C$21,0)+IF(Input!$D$22=3,M2180*Input!$C$22,0)</f>
        <v>0</v>
      </c>
      <c r="Q2180" s="75">
        <f>IF(Input!$D$19=4,J2180*Input!$C$19,0)+IF(Input!$D$20=4,K2180*Input!$C$20,0)+IF(Input!$D$21=4,L2180*Input!$C$21,0)+IF(Input!$D$22=4,M2180*Input!$C$22,0)</f>
        <v>0</v>
      </c>
      <c r="R2180" s="58">
        <v>39.894240416223468</v>
      </c>
      <c r="S2180" s="124">
        <f t="shared" si="33"/>
        <v>1.2734138925967087</v>
      </c>
    </row>
    <row r="2181" spans="8:19" x14ac:dyDescent="0.3">
      <c r="H2181" s="44">
        <v>2174</v>
      </c>
      <c r="I2181" s="56">
        <f>Bühler!I2207</f>
        <v>0.29386474444539429</v>
      </c>
      <c r="J2181" s="59">
        <f>Bühler!J2207</f>
        <v>0.97954914815131444</v>
      </c>
      <c r="K2181" s="59">
        <f>Bühler!K2207</f>
        <v>1.4693237222269717</v>
      </c>
      <c r="L2181" s="59">
        <f>Bühler!L2207</f>
        <v>14.97251580629144</v>
      </c>
      <c r="M2181" s="58">
        <f>Bühler!M2207</f>
        <v>0</v>
      </c>
      <c r="N2181" s="56">
        <f>IF(Input!$D$19=1,J2181*Input!$C$19,0)+IF(Input!$D$20=1,K2181*Input!$C$20,0)+IF(Input!$D$21=1,L2181*Input!$C$21,0)+IF(Input!$D$22=1,M2181*Input!$C$22,0)</f>
        <v>0.29386474444539434</v>
      </c>
      <c r="O2181" s="59">
        <f>IF(Input!$D$19=2,J2181*Input!$C$19,0)+IF(Input!$D$20=2,K2181*Input!$C$20,0)+IF(Input!$D$21=2,L2181*Input!$C$21,0)+IF(Input!$D$22=2,M2181*Input!$C$22,0)</f>
        <v>0.73466186111348586</v>
      </c>
      <c r="P2181" s="59">
        <f>IF(Input!$D$19=3,J2181*Input!$C$19,0)+IF(Input!$D$20=3,K2181*Input!$C$20,0)+IF(Input!$D$21=3,L2181*Input!$C$21,0)+IF(Input!$D$22=3,M2181*Input!$C$22,0)</f>
        <v>0</v>
      </c>
      <c r="Q2181" s="75">
        <f>IF(Input!$D$19=4,J2181*Input!$C$19,0)+IF(Input!$D$20=4,K2181*Input!$C$20,0)+IF(Input!$D$21=4,L2181*Input!$C$21,0)+IF(Input!$D$22=4,M2181*Input!$C$22,0)</f>
        <v>0</v>
      </c>
      <c r="R2181" s="58">
        <v>39.725647364441095</v>
      </c>
      <c r="S2181" s="124">
        <f t="shared" si="33"/>
        <v>1.2734138925967087</v>
      </c>
    </row>
    <row r="2182" spans="8:19" x14ac:dyDescent="0.3">
      <c r="H2182" s="44">
        <v>2175</v>
      </c>
      <c r="I2182" s="56">
        <f>Bühler!I2208</f>
        <v>0.29386474444539429</v>
      </c>
      <c r="J2182" s="59">
        <f>Bühler!J2208</f>
        <v>0.97954914815131444</v>
      </c>
      <c r="K2182" s="59">
        <f>Bühler!K2208</f>
        <v>1.4693237222269717</v>
      </c>
      <c r="L2182" s="59">
        <f>Bühler!L2208</f>
        <v>14.97251580629144</v>
      </c>
      <c r="M2182" s="58">
        <f>Bühler!M2208</f>
        <v>0</v>
      </c>
      <c r="N2182" s="56">
        <f>IF(Input!$D$19=1,J2182*Input!$C$19,0)+IF(Input!$D$20=1,K2182*Input!$C$20,0)+IF(Input!$D$21=1,L2182*Input!$C$21,0)+IF(Input!$D$22=1,M2182*Input!$C$22,0)</f>
        <v>0.29386474444539434</v>
      </c>
      <c r="O2182" s="59">
        <f>IF(Input!$D$19=2,J2182*Input!$C$19,0)+IF(Input!$D$20=2,K2182*Input!$C$20,0)+IF(Input!$D$21=2,L2182*Input!$C$21,0)+IF(Input!$D$22=2,M2182*Input!$C$22,0)</f>
        <v>0.73466186111348586</v>
      </c>
      <c r="P2182" s="59">
        <f>IF(Input!$D$19=3,J2182*Input!$C$19,0)+IF(Input!$D$20=3,K2182*Input!$C$20,0)+IF(Input!$D$21=3,L2182*Input!$C$21,0)+IF(Input!$D$22=3,M2182*Input!$C$22,0)</f>
        <v>0</v>
      </c>
      <c r="Q2182" s="75">
        <f>IF(Input!$D$19=4,J2182*Input!$C$19,0)+IF(Input!$D$20=4,K2182*Input!$C$20,0)+IF(Input!$D$21=4,L2182*Input!$C$21,0)+IF(Input!$D$22=4,M2182*Input!$C$22,0)</f>
        <v>0</v>
      </c>
      <c r="R2182" s="58">
        <v>39.710710598187823</v>
      </c>
      <c r="S2182" s="124">
        <f t="shared" si="33"/>
        <v>1.2734138925967087</v>
      </c>
    </row>
    <row r="2183" spans="8:19" x14ac:dyDescent="0.3">
      <c r="H2183" s="44">
        <v>2176</v>
      </c>
      <c r="I2183" s="56">
        <f>Bühler!I2209</f>
        <v>0.26121310617368376</v>
      </c>
      <c r="J2183" s="59">
        <f>Bühler!J2209</f>
        <v>0.87071035391227936</v>
      </c>
      <c r="K2183" s="59">
        <f>Bühler!K2209</f>
        <v>1.306065530868419</v>
      </c>
      <c r="L2183" s="59">
        <f>Bühler!L2209</f>
        <v>13.308902938925725</v>
      </c>
      <c r="M2183" s="58">
        <f>Bühler!M2209</f>
        <v>0</v>
      </c>
      <c r="N2183" s="56">
        <f>IF(Input!$D$19=1,J2183*Input!$C$19,0)+IF(Input!$D$20=1,K2183*Input!$C$20,0)+IF(Input!$D$21=1,L2183*Input!$C$21,0)+IF(Input!$D$22=1,M2183*Input!$C$22,0)</f>
        <v>0.26121310617368382</v>
      </c>
      <c r="O2183" s="59">
        <f>IF(Input!$D$19=2,J2183*Input!$C$19,0)+IF(Input!$D$20=2,K2183*Input!$C$20,0)+IF(Input!$D$21=2,L2183*Input!$C$21,0)+IF(Input!$D$22=2,M2183*Input!$C$22,0)</f>
        <v>0.65303276543420952</v>
      </c>
      <c r="P2183" s="59">
        <f>IF(Input!$D$19=3,J2183*Input!$C$19,0)+IF(Input!$D$20=3,K2183*Input!$C$20,0)+IF(Input!$D$21=3,L2183*Input!$C$21,0)+IF(Input!$D$22=3,M2183*Input!$C$22,0)</f>
        <v>0</v>
      </c>
      <c r="Q2183" s="75">
        <f>IF(Input!$D$19=4,J2183*Input!$C$19,0)+IF(Input!$D$20=4,K2183*Input!$C$20,0)+IF(Input!$D$21=4,L2183*Input!$C$21,0)+IF(Input!$D$22=4,M2183*Input!$C$22,0)</f>
        <v>0</v>
      </c>
      <c r="R2183" s="58">
        <v>40.228716096874116</v>
      </c>
      <c r="S2183" s="124">
        <f t="shared" si="33"/>
        <v>1.1319234600859631</v>
      </c>
    </row>
    <row r="2184" spans="8:19" x14ac:dyDescent="0.3">
      <c r="H2184" s="44">
        <v>2177</v>
      </c>
      <c r="I2184" s="56">
        <f>Bühler!I2210</f>
        <v>0.25654858642058226</v>
      </c>
      <c r="J2184" s="59">
        <f>Bühler!J2210</f>
        <v>0.85516195473527434</v>
      </c>
      <c r="K2184" s="59">
        <f>Bühler!K2210</f>
        <v>1.2827429321029113</v>
      </c>
      <c r="L2184" s="59">
        <f>Bühler!L2210</f>
        <v>13.071243957873479</v>
      </c>
      <c r="M2184" s="58">
        <f>Bühler!M2210</f>
        <v>0</v>
      </c>
      <c r="N2184" s="56">
        <f>IF(Input!$D$19=1,J2184*Input!$C$19,0)+IF(Input!$D$20=1,K2184*Input!$C$20,0)+IF(Input!$D$21=1,L2184*Input!$C$21,0)+IF(Input!$D$22=1,M2184*Input!$C$22,0)</f>
        <v>0.25654858642058231</v>
      </c>
      <c r="O2184" s="59">
        <f>IF(Input!$D$19=2,J2184*Input!$C$19,0)+IF(Input!$D$20=2,K2184*Input!$C$20,0)+IF(Input!$D$21=2,L2184*Input!$C$21,0)+IF(Input!$D$22=2,M2184*Input!$C$22,0)</f>
        <v>0.64137146605145567</v>
      </c>
      <c r="P2184" s="59">
        <f>IF(Input!$D$19=3,J2184*Input!$C$19,0)+IF(Input!$D$20=3,K2184*Input!$C$20,0)+IF(Input!$D$21=3,L2184*Input!$C$21,0)+IF(Input!$D$22=3,M2184*Input!$C$22,0)</f>
        <v>0</v>
      </c>
      <c r="Q2184" s="75">
        <f>IF(Input!$D$19=4,J2184*Input!$C$19,0)+IF(Input!$D$20=4,K2184*Input!$C$20,0)+IF(Input!$D$21=4,L2184*Input!$C$21,0)+IF(Input!$D$22=4,M2184*Input!$C$22,0)</f>
        <v>0</v>
      </c>
      <c r="R2184" s="58">
        <v>39.998346016692416</v>
      </c>
      <c r="S2184" s="124">
        <f t="shared" si="33"/>
        <v>1.1117105411558565</v>
      </c>
    </row>
    <row r="2185" spans="8:19" x14ac:dyDescent="0.3">
      <c r="H2185" s="44">
        <v>2178</v>
      </c>
      <c r="I2185" s="56">
        <f>Bühler!I2211</f>
        <v>0.21923242839577034</v>
      </c>
      <c r="J2185" s="59">
        <f>Bühler!J2211</f>
        <v>0.73077476131923458</v>
      </c>
      <c r="K2185" s="59">
        <f>Bühler!K2211</f>
        <v>1.0961621419788519</v>
      </c>
      <c r="L2185" s="59">
        <f>Bühler!L2211</f>
        <v>11.16997210945552</v>
      </c>
      <c r="M2185" s="58">
        <f>Bühler!M2211</f>
        <v>0</v>
      </c>
      <c r="N2185" s="56">
        <f>IF(Input!$D$19=1,J2185*Input!$C$19,0)+IF(Input!$D$20=1,K2185*Input!$C$20,0)+IF(Input!$D$21=1,L2185*Input!$C$21,0)+IF(Input!$D$22=1,M2185*Input!$C$22,0)</f>
        <v>0.21923242839577037</v>
      </c>
      <c r="O2185" s="59">
        <f>IF(Input!$D$19=2,J2185*Input!$C$19,0)+IF(Input!$D$20=2,K2185*Input!$C$20,0)+IF(Input!$D$21=2,L2185*Input!$C$21,0)+IF(Input!$D$22=2,M2185*Input!$C$22,0)</f>
        <v>0.54808107098942593</v>
      </c>
      <c r="P2185" s="59">
        <f>IF(Input!$D$19=3,J2185*Input!$C$19,0)+IF(Input!$D$20=3,K2185*Input!$C$20,0)+IF(Input!$D$21=3,L2185*Input!$C$21,0)+IF(Input!$D$22=3,M2185*Input!$C$22,0)</f>
        <v>0</v>
      </c>
      <c r="Q2185" s="75">
        <f>IF(Input!$D$19=4,J2185*Input!$C$19,0)+IF(Input!$D$20=4,K2185*Input!$C$20,0)+IF(Input!$D$21=4,L2185*Input!$C$21,0)+IF(Input!$D$22=4,M2185*Input!$C$22,0)</f>
        <v>0</v>
      </c>
      <c r="R2185" s="58">
        <v>39.980969595224067</v>
      </c>
      <c r="S2185" s="124">
        <f t="shared" ref="S2185:S2248" si="34">I2185+J2185</f>
        <v>0.95000718971500486</v>
      </c>
    </row>
    <row r="2186" spans="8:19" x14ac:dyDescent="0.3">
      <c r="H2186" s="44">
        <v>2179</v>
      </c>
      <c r="I2186" s="56">
        <f>Bühler!I2212</f>
        <v>0.20523886913646586</v>
      </c>
      <c r="J2186" s="59">
        <f>Bühler!J2212</f>
        <v>0.68412956378821954</v>
      </c>
      <c r="K2186" s="59">
        <f>Bühler!K2212</f>
        <v>1.0261943456823295</v>
      </c>
      <c r="L2186" s="59">
        <f>Bühler!L2212</f>
        <v>10.456995166298785</v>
      </c>
      <c r="M2186" s="58">
        <f>Bühler!M2212</f>
        <v>0</v>
      </c>
      <c r="N2186" s="56">
        <f>IF(Input!$D$19=1,J2186*Input!$C$19,0)+IF(Input!$D$20=1,K2186*Input!$C$20,0)+IF(Input!$D$21=1,L2186*Input!$C$21,0)+IF(Input!$D$22=1,M2186*Input!$C$22,0)</f>
        <v>0.20523886913646586</v>
      </c>
      <c r="O2186" s="59">
        <f>IF(Input!$D$19=2,J2186*Input!$C$19,0)+IF(Input!$D$20=2,K2186*Input!$C$20,0)+IF(Input!$D$21=2,L2186*Input!$C$21,0)+IF(Input!$D$22=2,M2186*Input!$C$22,0)</f>
        <v>0.51309717284116474</v>
      </c>
      <c r="P2186" s="59">
        <f>IF(Input!$D$19=3,J2186*Input!$C$19,0)+IF(Input!$D$20=3,K2186*Input!$C$20,0)+IF(Input!$D$21=3,L2186*Input!$C$21,0)+IF(Input!$D$22=3,M2186*Input!$C$22,0)</f>
        <v>0</v>
      </c>
      <c r="Q2186" s="75">
        <f>IF(Input!$D$19=4,J2186*Input!$C$19,0)+IF(Input!$D$20=4,K2186*Input!$C$20,0)+IF(Input!$D$21=4,L2186*Input!$C$21,0)+IF(Input!$D$22=4,M2186*Input!$C$22,0)</f>
        <v>0</v>
      </c>
      <c r="R2186" s="58">
        <v>40.121603199902331</v>
      </c>
      <c r="S2186" s="124">
        <f t="shared" si="34"/>
        <v>0.88936843292468537</v>
      </c>
    </row>
    <row r="2187" spans="8:19" x14ac:dyDescent="0.3">
      <c r="H2187" s="44">
        <v>2180</v>
      </c>
      <c r="I2187" s="56">
        <f>Bühler!I2213</f>
        <v>0.17258723086475536</v>
      </c>
      <c r="J2187" s="59">
        <f>Bühler!J2213</f>
        <v>0.57529076954918468</v>
      </c>
      <c r="K2187" s="59">
        <f>Bühler!K2213</f>
        <v>0.8629361543237769</v>
      </c>
      <c r="L2187" s="59">
        <f>Bühler!L2213</f>
        <v>8.7933822989330697</v>
      </c>
      <c r="M2187" s="58">
        <f>Bühler!M2213</f>
        <v>0</v>
      </c>
      <c r="N2187" s="56">
        <f>IF(Input!$D$19=1,J2187*Input!$C$19,0)+IF(Input!$D$20=1,K2187*Input!$C$20,0)+IF(Input!$D$21=1,L2187*Input!$C$21,0)+IF(Input!$D$22=1,M2187*Input!$C$22,0)</f>
        <v>0.17258723086475539</v>
      </c>
      <c r="O2187" s="59">
        <f>IF(Input!$D$19=2,J2187*Input!$C$19,0)+IF(Input!$D$20=2,K2187*Input!$C$20,0)+IF(Input!$D$21=2,L2187*Input!$C$21,0)+IF(Input!$D$22=2,M2187*Input!$C$22,0)</f>
        <v>0.43146807716188845</v>
      </c>
      <c r="P2187" s="59">
        <f>IF(Input!$D$19=3,J2187*Input!$C$19,0)+IF(Input!$D$20=3,K2187*Input!$C$20,0)+IF(Input!$D$21=3,L2187*Input!$C$21,0)+IF(Input!$D$22=3,M2187*Input!$C$22,0)</f>
        <v>0</v>
      </c>
      <c r="Q2187" s="75">
        <f>IF(Input!$D$19=4,J2187*Input!$C$19,0)+IF(Input!$D$20=4,K2187*Input!$C$20,0)+IF(Input!$D$21=4,L2187*Input!$C$21,0)+IF(Input!$D$22=4,M2187*Input!$C$22,0)</f>
        <v>0</v>
      </c>
      <c r="R2187" s="58">
        <v>40.116993990304024</v>
      </c>
      <c r="S2187" s="124">
        <f t="shared" si="34"/>
        <v>0.74787800041394004</v>
      </c>
    </row>
    <row r="2188" spans="8:19" x14ac:dyDescent="0.3">
      <c r="H2188" s="44">
        <v>2181</v>
      </c>
      <c r="I2188" s="56">
        <f>Bühler!I2214</f>
        <v>0.14460011234614636</v>
      </c>
      <c r="J2188" s="59">
        <f>Bühler!J2214</f>
        <v>0.4820003744871546</v>
      </c>
      <c r="K2188" s="59">
        <f>Bühler!K2214</f>
        <v>0.72300056173073191</v>
      </c>
      <c r="L2188" s="59">
        <f>Bühler!L2214</f>
        <v>7.3674284126195975</v>
      </c>
      <c r="M2188" s="58">
        <f>Bühler!M2214</f>
        <v>0</v>
      </c>
      <c r="N2188" s="56">
        <f>IF(Input!$D$19=1,J2188*Input!$C$19,0)+IF(Input!$D$20=1,K2188*Input!$C$20,0)+IF(Input!$D$21=1,L2188*Input!$C$21,0)+IF(Input!$D$22=1,M2188*Input!$C$22,0)</f>
        <v>0.14460011234614636</v>
      </c>
      <c r="O2188" s="59">
        <f>IF(Input!$D$19=2,J2188*Input!$C$19,0)+IF(Input!$D$20=2,K2188*Input!$C$20,0)+IF(Input!$D$21=2,L2188*Input!$C$21,0)+IF(Input!$D$22=2,M2188*Input!$C$22,0)</f>
        <v>0.36150028086536595</v>
      </c>
      <c r="P2188" s="59">
        <f>IF(Input!$D$19=3,J2188*Input!$C$19,0)+IF(Input!$D$20=3,K2188*Input!$C$20,0)+IF(Input!$D$21=3,L2188*Input!$C$21,0)+IF(Input!$D$22=3,M2188*Input!$C$22,0)</f>
        <v>0</v>
      </c>
      <c r="Q2188" s="75">
        <f>IF(Input!$D$19=4,J2188*Input!$C$19,0)+IF(Input!$D$20=4,K2188*Input!$C$20,0)+IF(Input!$D$21=4,L2188*Input!$C$21,0)+IF(Input!$D$22=4,M2188*Input!$C$22,0)</f>
        <v>0</v>
      </c>
      <c r="R2188" s="58">
        <v>40.306862871468134</v>
      </c>
      <c r="S2188" s="124">
        <f t="shared" si="34"/>
        <v>0.62660048683330094</v>
      </c>
    </row>
    <row r="2189" spans="8:19" x14ac:dyDescent="0.3">
      <c r="H2189" s="44">
        <v>2182</v>
      </c>
      <c r="I2189" s="56">
        <f>Bühler!I2215</f>
        <v>0.12594203333374041</v>
      </c>
      <c r="J2189" s="59">
        <f>Bühler!J2215</f>
        <v>0.41980677777913472</v>
      </c>
      <c r="K2189" s="59">
        <f>Bühler!K2215</f>
        <v>0.62971016666870205</v>
      </c>
      <c r="L2189" s="59">
        <f>Bühler!L2215</f>
        <v>6.4167924884106169</v>
      </c>
      <c r="M2189" s="58">
        <f>Bühler!M2215</f>
        <v>0</v>
      </c>
      <c r="N2189" s="56">
        <f>IF(Input!$D$19=1,J2189*Input!$C$19,0)+IF(Input!$D$20=1,K2189*Input!$C$20,0)+IF(Input!$D$21=1,L2189*Input!$C$21,0)+IF(Input!$D$22=1,M2189*Input!$C$22,0)</f>
        <v>0.12594203333374041</v>
      </c>
      <c r="O2189" s="59">
        <f>IF(Input!$D$19=2,J2189*Input!$C$19,0)+IF(Input!$D$20=2,K2189*Input!$C$20,0)+IF(Input!$D$21=2,L2189*Input!$C$21,0)+IF(Input!$D$22=2,M2189*Input!$C$22,0)</f>
        <v>0.31485508333435103</v>
      </c>
      <c r="P2189" s="59">
        <f>IF(Input!$D$19=3,J2189*Input!$C$19,0)+IF(Input!$D$20=3,K2189*Input!$C$20,0)+IF(Input!$D$21=3,L2189*Input!$C$21,0)+IF(Input!$D$22=3,M2189*Input!$C$22,0)</f>
        <v>0</v>
      </c>
      <c r="Q2189" s="75">
        <f>IF(Input!$D$19=4,J2189*Input!$C$19,0)+IF(Input!$D$20=4,K2189*Input!$C$20,0)+IF(Input!$D$21=4,L2189*Input!$C$21,0)+IF(Input!$D$22=4,M2189*Input!$C$22,0)</f>
        <v>0</v>
      </c>
      <c r="R2189" s="58">
        <v>41.189542328026789</v>
      </c>
      <c r="S2189" s="124">
        <f t="shared" si="34"/>
        <v>0.5457488111128751</v>
      </c>
    </row>
    <row r="2190" spans="8:19" x14ac:dyDescent="0.3">
      <c r="H2190" s="44">
        <v>2183</v>
      </c>
      <c r="I2190" s="56">
        <f>Bühler!I2216</f>
        <v>0.12594203333374041</v>
      </c>
      <c r="J2190" s="59">
        <f>Bühler!J2216</f>
        <v>0.41980677777913472</v>
      </c>
      <c r="K2190" s="59">
        <f>Bühler!K2216</f>
        <v>0.62971016666870205</v>
      </c>
      <c r="L2190" s="59">
        <f>Bühler!L2216</f>
        <v>6.4167924884106169</v>
      </c>
      <c r="M2190" s="58">
        <f>Bühler!M2216</f>
        <v>0</v>
      </c>
      <c r="N2190" s="56">
        <f>IF(Input!$D$19=1,J2190*Input!$C$19,0)+IF(Input!$D$20=1,K2190*Input!$C$20,0)+IF(Input!$D$21=1,L2190*Input!$C$21,0)+IF(Input!$D$22=1,M2190*Input!$C$22,0)</f>
        <v>0.12594203333374041</v>
      </c>
      <c r="O2190" s="59">
        <f>IF(Input!$D$19=2,J2190*Input!$C$19,0)+IF(Input!$D$20=2,K2190*Input!$C$20,0)+IF(Input!$D$21=2,L2190*Input!$C$21,0)+IF(Input!$D$22=2,M2190*Input!$C$22,0)</f>
        <v>0.31485508333435103</v>
      </c>
      <c r="P2190" s="59">
        <f>IF(Input!$D$19=3,J2190*Input!$C$19,0)+IF(Input!$D$20=3,K2190*Input!$C$20,0)+IF(Input!$D$21=3,L2190*Input!$C$21,0)+IF(Input!$D$22=3,M2190*Input!$C$22,0)</f>
        <v>0</v>
      </c>
      <c r="Q2190" s="75">
        <f>IF(Input!$D$19=4,J2190*Input!$C$19,0)+IF(Input!$D$20=4,K2190*Input!$C$20,0)+IF(Input!$D$21=4,L2190*Input!$C$21,0)+IF(Input!$D$22=4,M2190*Input!$C$22,0)</f>
        <v>0</v>
      </c>
      <c r="R2190" s="58">
        <v>40.955669586691279</v>
      </c>
      <c r="S2190" s="124">
        <f t="shared" si="34"/>
        <v>0.5457488111128751</v>
      </c>
    </row>
    <row r="2191" spans="8:19" x14ac:dyDescent="0.3">
      <c r="H2191" s="44">
        <v>2184</v>
      </c>
      <c r="I2191" s="56">
        <f>Bühler!I2217</f>
        <v>0.12594203333374041</v>
      </c>
      <c r="J2191" s="59">
        <f>Bühler!J2217</f>
        <v>0.41980677777913472</v>
      </c>
      <c r="K2191" s="59">
        <f>Bühler!K2217</f>
        <v>0.62971016666870205</v>
      </c>
      <c r="L2191" s="59">
        <f>Bühler!L2217</f>
        <v>6.4167924884106169</v>
      </c>
      <c r="M2191" s="58">
        <f>Bühler!M2217</f>
        <v>0</v>
      </c>
      <c r="N2191" s="56">
        <f>IF(Input!$D$19=1,J2191*Input!$C$19,0)+IF(Input!$D$20=1,K2191*Input!$C$20,0)+IF(Input!$D$21=1,L2191*Input!$C$21,0)+IF(Input!$D$22=1,M2191*Input!$C$22,0)</f>
        <v>0.12594203333374041</v>
      </c>
      <c r="O2191" s="59">
        <f>IF(Input!$D$19=2,J2191*Input!$C$19,0)+IF(Input!$D$20=2,K2191*Input!$C$20,0)+IF(Input!$D$21=2,L2191*Input!$C$21,0)+IF(Input!$D$22=2,M2191*Input!$C$22,0)</f>
        <v>0.31485508333435103</v>
      </c>
      <c r="P2191" s="59">
        <f>IF(Input!$D$19=3,J2191*Input!$C$19,0)+IF(Input!$D$20=3,K2191*Input!$C$20,0)+IF(Input!$D$21=3,L2191*Input!$C$21,0)+IF(Input!$D$22=3,M2191*Input!$C$22,0)</f>
        <v>0</v>
      </c>
      <c r="Q2191" s="75">
        <f>IF(Input!$D$19=4,J2191*Input!$C$19,0)+IF(Input!$D$20=4,K2191*Input!$C$20,0)+IF(Input!$D$21=4,L2191*Input!$C$21,0)+IF(Input!$D$22=4,M2191*Input!$C$22,0)</f>
        <v>0</v>
      </c>
      <c r="R2191" s="58">
        <v>41.13974327416021</v>
      </c>
      <c r="S2191" s="124">
        <f t="shared" si="34"/>
        <v>0.5457488111128751</v>
      </c>
    </row>
    <row r="2192" spans="8:19" x14ac:dyDescent="0.3">
      <c r="H2192" s="44">
        <v>2185</v>
      </c>
      <c r="I2192" s="56">
        <f>Bühler!I2218</f>
        <v>7.8855482881898725E-2</v>
      </c>
      <c r="J2192" s="59">
        <f>Bühler!J2218</f>
        <v>0.26285160960632908</v>
      </c>
      <c r="K2192" s="59">
        <f>Bühler!K2218</f>
        <v>0.39427741440949365</v>
      </c>
      <c r="L2192" s="59">
        <f>Bühler!L2218</f>
        <v>1.8925315891655694</v>
      </c>
      <c r="M2192" s="58">
        <f>Bühler!M2218</f>
        <v>0</v>
      </c>
      <c r="N2192" s="56">
        <f>IF(Input!$D$19=1,J2192*Input!$C$19,0)+IF(Input!$D$20=1,K2192*Input!$C$20,0)+IF(Input!$D$21=1,L2192*Input!$C$21,0)+IF(Input!$D$22=1,M2192*Input!$C$22,0)</f>
        <v>7.8855482881898725E-2</v>
      </c>
      <c r="O2192" s="59">
        <f>IF(Input!$D$19=2,J2192*Input!$C$19,0)+IF(Input!$D$20=2,K2192*Input!$C$20,0)+IF(Input!$D$21=2,L2192*Input!$C$21,0)+IF(Input!$D$22=2,M2192*Input!$C$22,0)</f>
        <v>0.19713870720474683</v>
      </c>
      <c r="P2192" s="59">
        <f>IF(Input!$D$19=3,J2192*Input!$C$19,0)+IF(Input!$D$20=3,K2192*Input!$C$20,0)+IF(Input!$D$21=3,L2192*Input!$C$21,0)+IF(Input!$D$22=3,M2192*Input!$C$22,0)</f>
        <v>0</v>
      </c>
      <c r="Q2192" s="75">
        <f>IF(Input!$D$19=4,J2192*Input!$C$19,0)+IF(Input!$D$20=4,K2192*Input!$C$20,0)+IF(Input!$D$21=4,L2192*Input!$C$21,0)+IF(Input!$D$22=4,M2192*Input!$C$22,0)</f>
        <v>0</v>
      </c>
      <c r="R2192" s="58">
        <v>40.828720293200064</v>
      </c>
      <c r="S2192" s="124">
        <f t="shared" si="34"/>
        <v>0.34170709248822784</v>
      </c>
    </row>
    <row r="2193" spans="8:19" x14ac:dyDescent="0.3">
      <c r="H2193" s="44">
        <v>2186</v>
      </c>
      <c r="I2193" s="56">
        <f>Bühler!I2219</f>
        <v>7.8855482881898725E-2</v>
      </c>
      <c r="J2193" s="59">
        <f>Bühler!J2219</f>
        <v>0.26285160960632908</v>
      </c>
      <c r="K2193" s="59">
        <f>Bühler!K2219</f>
        <v>0.39427741440949365</v>
      </c>
      <c r="L2193" s="59">
        <f>Bühler!L2219</f>
        <v>1.8925315891655694</v>
      </c>
      <c r="M2193" s="58">
        <f>Bühler!M2219</f>
        <v>0</v>
      </c>
      <c r="N2193" s="56">
        <f>IF(Input!$D$19=1,J2193*Input!$C$19,0)+IF(Input!$D$20=1,K2193*Input!$C$20,0)+IF(Input!$D$21=1,L2193*Input!$C$21,0)+IF(Input!$D$22=1,M2193*Input!$C$22,0)</f>
        <v>7.8855482881898725E-2</v>
      </c>
      <c r="O2193" s="59">
        <f>IF(Input!$D$19=2,J2193*Input!$C$19,0)+IF(Input!$D$20=2,K2193*Input!$C$20,0)+IF(Input!$D$21=2,L2193*Input!$C$21,0)+IF(Input!$D$22=2,M2193*Input!$C$22,0)</f>
        <v>0.19713870720474683</v>
      </c>
      <c r="P2193" s="59">
        <f>IF(Input!$D$19=3,J2193*Input!$C$19,0)+IF(Input!$D$20=3,K2193*Input!$C$20,0)+IF(Input!$D$21=3,L2193*Input!$C$21,0)+IF(Input!$D$22=3,M2193*Input!$C$22,0)</f>
        <v>0</v>
      </c>
      <c r="Q2193" s="75">
        <f>IF(Input!$D$19=4,J2193*Input!$C$19,0)+IF(Input!$D$20=4,K2193*Input!$C$20,0)+IF(Input!$D$21=4,L2193*Input!$C$21,0)+IF(Input!$D$22=4,M2193*Input!$C$22,0)</f>
        <v>0</v>
      </c>
      <c r="R2193" s="58">
        <v>40.975950175610564</v>
      </c>
      <c r="S2193" s="124">
        <f t="shared" si="34"/>
        <v>0.34170709248822784</v>
      </c>
    </row>
    <row r="2194" spans="8:19" x14ac:dyDescent="0.3">
      <c r="H2194" s="44">
        <v>2187</v>
      </c>
      <c r="I2194" s="56">
        <f>Bühler!I2220</f>
        <v>7.8855482881898725E-2</v>
      </c>
      <c r="J2194" s="59">
        <f>Bühler!J2220</f>
        <v>0.26285160960632908</v>
      </c>
      <c r="K2194" s="59">
        <f>Bühler!K2220</f>
        <v>0.39427741440949365</v>
      </c>
      <c r="L2194" s="59">
        <f>Bühler!L2220</f>
        <v>1.8925315891655694</v>
      </c>
      <c r="M2194" s="58">
        <f>Bühler!M2220</f>
        <v>0</v>
      </c>
      <c r="N2194" s="56">
        <f>IF(Input!$D$19=1,J2194*Input!$C$19,0)+IF(Input!$D$20=1,K2194*Input!$C$20,0)+IF(Input!$D$21=1,L2194*Input!$C$21,0)+IF(Input!$D$22=1,M2194*Input!$C$22,0)</f>
        <v>7.8855482881898725E-2</v>
      </c>
      <c r="O2194" s="59">
        <f>IF(Input!$D$19=2,J2194*Input!$C$19,0)+IF(Input!$D$20=2,K2194*Input!$C$20,0)+IF(Input!$D$21=2,L2194*Input!$C$21,0)+IF(Input!$D$22=2,M2194*Input!$C$22,0)</f>
        <v>0.19713870720474683</v>
      </c>
      <c r="P2194" s="59">
        <f>IF(Input!$D$19=3,J2194*Input!$C$19,0)+IF(Input!$D$20=3,K2194*Input!$C$20,0)+IF(Input!$D$21=3,L2194*Input!$C$21,0)+IF(Input!$D$22=3,M2194*Input!$C$22,0)</f>
        <v>0</v>
      </c>
      <c r="Q2194" s="75">
        <f>IF(Input!$D$19=4,J2194*Input!$C$19,0)+IF(Input!$D$20=4,K2194*Input!$C$20,0)+IF(Input!$D$21=4,L2194*Input!$C$21,0)+IF(Input!$D$22=4,M2194*Input!$C$22,0)</f>
        <v>0</v>
      </c>
      <c r="R2194" s="58">
        <v>41.876024627850619</v>
      </c>
      <c r="S2194" s="124">
        <f t="shared" si="34"/>
        <v>0.34170709248822784</v>
      </c>
    </row>
    <row r="2195" spans="8:19" x14ac:dyDescent="0.3">
      <c r="H2195" s="44">
        <v>2188</v>
      </c>
      <c r="I2195" s="56">
        <f>Bühler!I2221</f>
        <v>7.8855482881898725E-2</v>
      </c>
      <c r="J2195" s="59">
        <f>Bühler!J2221</f>
        <v>0.26285160960632908</v>
      </c>
      <c r="K2195" s="59">
        <f>Bühler!K2221</f>
        <v>0.39427741440949365</v>
      </c>
      <c r="L2195" s="59">
        <f>Bühler!L2221</f>
        <v>1.8925315891655694</v>
      </c>
      <c r="M2195" s="58">
        <f>Bühler!M2221</f>
        <v>0</v>
      </c>
      <c r="N2195" s="56">
        <f>IF(Input!$D$19=1,J2195*Input!$C$19,0)+IF(Input!$D$20=1,K2195*Input!$C$20,0)+IF(Input!$D$21=1,L2195*Input!$C$21,0)+IF(Input!$D$22=1,M2195*Input!$C$22,0)</f>
        <v>7.8855482881898725E-2</v>
      </c>
      <c r="O2195" s="59">
        <f>IF(Input!$D$19=2,J2195*Input!$C$19,0)+IF(Input!$D$20=2,K2195*Input!$C$20,0)+IF(Input!$D$21=2,L2195*Input!$C$21,0)+IF(Input!$D$22=2,M2195*Input!$C$22,0)</f>
        <v>0.19713870720474683</v>
      </c>
      <c r="P2195" s="59">
        <f>IF(Input!$D$19=3,J2195*Input!$C$19,0)+IF(Input!$D$20=3,K2195*Input!$C$20,0)+IF(Input!$D$21=3,L2195*Input!$C$21,0)+IF(Input!$D$22=3,M2195*Input!$C$22,0)</f>
        <v>0</v>
      </c>
      <c r="Q2195" s="75">
        <f>IF(Input!$D$19=4,J2195*Input!$C$19,0)+IF(Input!$D$20=4,K2195*Input!$C$20,0)+IF(Input!$D$21=4,L2195*Input!$C$21,0)+IF(Input!$D$22=4,M2195*Input!$C$22,0)</f>
        <v>0</v>
      </c>
      <c r="R2195" s="58">
        <v>43.405736972094211</v>
      </c>
      <c r="S2195" s="124">
        <f t="shared" si="34"/>
        <v>0.34170709248822784</v>
      </c>
    </row>
    <row r="2196" spans="8:19" x14ac:dyDescent="0.3">
      <c r="H2196" s="44">
        <v>2189</v>
      </c>
      <c r="I2196" s="56">
        <f>Bühler!I2222</f>
        <v>7.8855482881898725E-2</v>
      </c>
      <c r="J2196" s="59">
        <f>Bühler!J2222</f>
        <v>0.26285160960632908</v>
      </c>
      <c r="K2196" s="59">
        <f>Bühler!K2222</f>
        <v>0.39427741440949365</v>
      </c>
      <c r="L2196" s="59">
        <f>Bühler!L2222</f>
        <v>1.8925315891655694</v>
      </c>
      <c r="M2196" s="58">
        <f>Bühler!M2222</f>
        <v>0</v>
      </c>
      <c r="N2196" s="56">
        <f>IF(Input!$D$19=1,J2196*Input!$C$19,0)+IF(Input!$D$20=1,K2196*Input!$C$20,0)+IF(Input!$D$21=1,L2196*Input!$C$21,0)+IF(Input!$D$22=1,M2196*Input!$C$22,0)</f>
        <v>7.8855482881898725E-2</v>
      </c>
      <c r="O2196" s="59">
        <f>IF(Input!$D$19=2,J2196*Input!$C$19,0)+IF(Input!$D$20=2,K2196*Input!$C$20,0)+IF(Input!$D$21=2,L2196*Input!$C$21,0)+IF(Input!$D$22=2,M2196*Input!$C$22,0)</f>
        <v>0.19713870720474683</v>
      </c>
      <c r="P2196" s="59">
        <f>IF(Input!$D$19=3,J2196*Input!$C$19,0)+IF(Input!$D$20=3,K2196*Input!$C$20,0)+IF(Input!$D$21=3,L2196*Input!$C$21,0)+IF(Input!$D$22=3,M2196*Input!$C$22,0)</f>
        <v>0</v>
      </c>
      <c r="Q2196" s="75">
        <f>IF(Input!$D$19=4,J2196*Input!$C$19,0)+IF(Input!$D$20=4,K2196*Input!$C$20,0)+IF(Input!$D$21=4,L2196*Input!$C$21,0)+IF(Input!$D$22=4,M2196*Input!$C$22,0)</f>
        <v>0</v>
      </c>
      <c r="R2196" s="58">
        <v>46.323898494034019</v>
      </c>
      <c r="S2196" s="124">
        <f t="shared" si="34"/>
        <v>0.34170709248822784</v>
      </c>
    </row>
    <row r="2197" spans="8:19" x14ac:dyDescent="0.3">
      <c r="H2197" s="44">
        <v>2190</v>
      </c>
      <c r="I2197" s="56">
        <f>Bühler!I2223</f>
        <v>0.34170709248822778</v>
      </c>
      <c r="J2197" s="59">
        <f>Bühler!J2223</f>
        <v>1.139023641627426</v>
      </c>
      <c r="K2197" s="59">
        <f>Bühler!K2223</f>
        <v>1.7085354624411389</v>
      </c>
      <c r="L2197" s="59">
        <f>Bühler!L2223</f>
        <v>8.2009702197174672</v>
      </c>
      <c r="M2197" s="58">
        <f>Bühler!M2223</f>
        <v>0</v>
      </c>
      <c r="N2197" s="56">
        <f>IF(Input!$D$19=1,J2197*Input!$C$19,0)+IF(Input!$D$20=1,K2197*Input!$C$20,0)+IF(Input!$D$21=1,L2197*Input!$C$21,0)+IF(Input!$D$22=1,M2197*Input!$C$22,0)</f>
        <v>0.34170709248822778</v>
      </c>
      <c r="O2197" s="59">
        <f>IF(Input!$D$19=2,J2197*Input!$C$19,0)+IF(Input!$D$20=2,K2197*Input!$C$20,0)+IF(Input!$D$21=2,L2197*Input!$C$21,0)+IF(Input!$D$22=2,M2197*Input!$C$22,0)</f>
        <v>0.85426773122056943</v>
      </c>
      <c r="P2197" s="59">
        <f>IF(Input!$D$19=3,J2197*Input!$C$19,0)+IF(Input!$D$20=3,K2197*Input!$C$20,0)+IF(Input!$D$21=3,L2197*Input!$C$21,0)+IF(Input!$D$22=3,M2197*Input!$C$22,0)</f>
        <v>0</v>
      </c>
      <c r="Q2197" s="75">
        <f>IF(Input!$D$19=4,J2197*Input!$C$19,0)+IF(Input!$D$20=4,K2197*Input!$C$20,0)+IF(Input!$D$21=4,L2197*Input!$C$21,0)+IF(Input!$D$22=4,M2197*Input!$C$22,0)</f>
        <v>0</v>
      </c>
      <c r="R2197" s="58">
        <v>51.919970211760869</v>
      </c>
      <c r="S2197" s="124">
        <f t="shared" si="34"/>
        <v>1.4807307341156537</v>
      </c>
    </row>
    <row r="2198" spans="8:19" x14ac:dyDescent="0.3">
      <c r="H2198" s="44">
        <v>2191</v>
      </c>
      <c r="I2198" s="56">
        <f>Bühler!I2224</f>
        <v>0.38770612416933536</v>
      </c>
      <c r="J2198" s="59">
        <f>Bühler!J2224</f>
        <v>1.2923537472311182</v>
      </c>
      <c r="K2198" s="59">
        <f>Bühler!K2224</f>
        <v>1.9385306208466768</v>
      </c>
      <c r="L2198" s="59">
        <f>Bühler!L2224</f>
        <v>9.3049469800640487</v>
      </c>
      <c r="M2198" s="58">
        <f>Bühler!M2224</f>
        <v>0</v>
      </c>
      <c r="N2198" s="56">
        <f>IF(Input!$D$19=1,J2198*Input!$C$19,0)+IF(Input!$D$20=1,K2198*Input!$C$20,0)+IF(Input!$D$21=1,L2198*Input!$C$21,0)+IF(Input!$D$22=1,M2198*Input!$C$22,0)</f>
        <v>0.38770612416933542</v>
      </c>
      <c r="O2198" s="59">
        <f>IF(Input!$D$19=2,J2198*Input!$C$19,0)+IF(Input!$D$20=2,K2198*Input!$C$20,0)+IF(Input!$D$21=2,L2198*Input!$C$21,0)+IF(Input!$D$22=2,M2198*Input!$C$22,0)</f>
        <v>0.96926531042333841</v>
      </c>
      <c r="P2198" s="59">
        <f>IF(Input!$D$19=3,J2198*Input!$C$19,0)+IF(Input!$D$20=3,K2198*Input!$C$20,0)+IF(Input!$D$21=3,L2198*Input!$C$21,0)+IF(Input!$D$22=3,M2198*Input!$C$22,0)</f>
        <v>0</v>
      </c>
      <c r="Q2198" s="75">
        <f>IF(Input!$D$19=4,J2198*Input!$C$19,0)+IF(Input!$D$20=4,K2198*Input!$C$20,0)+IF(Input!$D$21=4,L2198*Input!$C$21,0)+IF(Input!$D$22=4,M2198*Input!$C$22,0)</f>
        <v>0</v>
      </c>
      <c r="R2198" s="58">
        <v>57.441562532247183</v>
      </c>
      <c r="S2198" s="124">
        <f t="shared" si="34"/>
        <v>1.6800598714004535</v>
      </c>
    </row>
    <row r="2199" spans="8:19" x14ac:dyDescent="0.3">
      <c r="H2199" s="44">
        <v>2192</v>
      </c>
      <c r="I2199" s="56">
        <f>Bühler!I2225</f>
        <v>0.38770612416933536</v>
      </c>
      <c r="J2199" s="59">
        <f>Bühler!J2225</f>
        <v>1.2923537472311182</v>
      </c>
      <c r="K2199" s="59">
        <f>Bühler!K2225</f>
        <v>1.9385306208466768</v>
      </c>
      <c r="L2199" s="59">
        <f>Bühler!L2225</f>
        <v>9.3049469800640487</v>
      </c>
      <c r="M2199" s="58">
        <f>Bühler!M2225</f>
        <v>0</v>
      </c>
      <c r="N2199" s="56">
        <f>IF(Input!$D$19=1,J2199*Input!$C$19,0)+IF(Input!$D$20=1,K2199*Input!$C$20,0)+IF(Input!$D$21=1,L2199*Input!$C$21,0)+IF(Input!$D$22=1,M2199*Input!$C$22,0)</f>
        <v>0.38770612416933542</v>
      </c>
      <c r="O2199" s="59">
        <f>IF(Input!$D$19=2,J2199*Input!$C$19,0)+IF(Input!$D$20=2,K2199*Input!$C$20,0)+IF(Input!$D$21=2,L2199*Input!$C$21,0)+IF(Input!$D$22=2,M2199*Input!$C$22,0)</f>
        <v>0.96926531042333841</v>
      </c>
      <c r="P2199" s="59">
        <f>IF(Input!$D$19=3,J2199*Input!$C$19,0)+IF(Input!$D$20=3,K2199*Input!$C$20,0)+IF(Input!$D$21=3,L2199*Input!$C$21,0)+IF(Input!$D$22=3,M2199*Input!$C$22,0)</f>
        <v>0</v>
      </c>
      <c r="Q2199" s="75">
        <f>IF(Input!$D$19=4,J2199*Input!$C$19,0)+IF(Input!$D$20=4,K2199*Input!$C$20,0)+IF(Input!$D$21=4,L2199*Input!$C$21,0)+IF(Input!$D$22=4,M2199*Input!$C$22,0)</f>
        <v>0</v>
      </c>
      <c r="R2199" s="58">
        <v>60.978557344118997</v>
      </c>
      <c r="S2199" s="124">
        <f t="shared" si="34"/>
        <v>1.6800598714004535</v>
      </c>
    </row>
    <row r="2200" spans="8:19" x14ac:dyDescent="0.3">
      <c r="H2200" s="44">
        <v>2193</v>
      </c>
      <c r="I2200" s="56">
        <f>Bühler!I2226</f>
        <v>0.38770612416933536</v>
      </c>
      <c r="J2200" s="59">
        <f>Bühler!J2226</f>
        <v>1.2923537472311182</v>
      </c>
      <c r="K2200" s="59">
        <f>Bühler!K2226</f>
        <v>1.9385306208466768</v>
      </c>
      <c r="L2200" s="59">
        <f>Bühler!L2226</f>
        <v>9.3049469800640487</v>
      </c>
      <c r="M2200" s="58">
        <f>Bühler!M2226</f>
        <v>0</v>
      </c>
      <c r="N2200" s="56">
        <f>IF(Input!$D$19=1,J2200*Input!$C$19,0)+IF(Input!$D$20=1,K2200*Input!$C$20,0)+IF(Input!$D$21=1,L2200*Input!$C$21,0)+IF(Input!$D$22=1,M2200*Input!$C$22,0)</f>
        <v>0.38770612416933542</v>
      </c>
      <c r="O2200" s="59">
        <f>IF(Input!$D$19=2,J2200*Input!$C$19,0)+IF(Input!$D$20=2,K2200*Input!$C$20,0)+IF(Input!$D$21=2,L2200*Input!$C$21,0)+IF(Input!$D$22=2,M2200*Input!$C$22,0)</f>
        <v>0.96926531042333841</v>
      </c>
      <c r="P2200" s="59">
        <f>IF(Input!$D$19=3,J2200*Input!$C$19,0)+IF(Input!$D$20=3,K2200*Input!$C$20,0)+IF(Input!$D$21=3,L2200*Input!$C$21,0)+IF(Input!$D$22=3,M2200*Input!$C$22,0)</f>
        <v>0</v>
      </c>
      <c r="Q2200" s="75">
        <f>IF(Input!$D$19=4,J2200*Input!$C$19,0)+IF(Input!$D$20=4,K2200*Input!$C$20,0)+IF(Input!$D$21=4,L2200*Input!$C$21,0)+IF(Input!$D$22=4,M2200*Input!$C$22,0)</f>
        <v>0</v>
      </c>
      <c r="R2200" s="58">
        <v>62.354570860628563</v>
      </c>
      <c r="S2200" s="124">
        <f t="shared" si="34"/>
        <v>1.6800598714004535</v>
      </c>
    </row>
    <row r="2201" spans="8:19" x14ac:dyDescent="0.3">
      <c r="H2201" s="44">
        <v>2194</v>
      </c>
      <c r="I2201" s="56">
        <f>Bühler!I2227</f>
        <v>0.4139912851299683</v>
      </c>
      <c r="J2201" s="59">
        <f>Bühler!J2227</f>
        <v>1.3799709504332278</v>
      </c>
      <c r="K2201" s="59">
        <f>Bühler!K2227</f>
        <v>2.0699564256498415</v>
      </c>
      <c r="L2201" s="59">
        <f>Bühler!L2227</f>
        <v>9.9357908431192392</v>
      </c>
      <c r="M2201" s="58">
        <f>Bühler!M2227</f>
        <v>0</v>
      </c>
      <c r="N2201" s="56">
        <f>IF(Input!$D$19=1,J2201*Input!$C$19,0)+IF(Input!$D$20=1,K2201*Input!$C$20,0)+IF(Input!$D$21=1,L2201*Input!$C$21,0)+IF(Input!$D$22=1,M2201*Input!$C$22,0)</f>
        <v>0.41399128512996836</v>
      </c>
      <c r="O2201" s="59">
        <f>IF(Input!$D$19=2,J2201*Input!$C$19,0)+IF(Input!$D$20=2,K2201*Input!$C$20,0)+IF(Input!$D$21=2,L2201*Input!$C$21,0)+IF(Input!$D$22=2,M2201*Input!$C$22,0)</f>
        <v>1.0349782128249208</v>
      </c>
      <c r="P2201" s="59">
        <f>IF(Input!$D$19=3,J2201*Input!$C$19,0)+IF(Input!$D$20=3,K2201*Input!$C$20,0)+IF(Input!$D$21=3,L2201*Input!$C$21,0)+IF(Input!$D$22=3,M2201*Input!$C$22,0)</f>
        <v>0</v>
      </c>
      <c r="Q2201" s="75">
        <f>IF(Input!$D$19=4,J2201*Input!$C$19,0)+IF(Input!$D$20=4,K2201*Input!$C$20,0)+IF(Input!$D$21=4,L2201*Input!$C$21,0)+IF(Input!$D$22=4,M2201*Input!$C$22,0)</f>
        <v>0</v>
      </c>
      <c r="R2201" s="58">
        <v>63.134173418223448</v>
      </c>
      <c r="S2201" s="124">
        <f t="shared" si="34"/>
        <v>1.7939622355631961</v>
      </c>
    </row>
    <row r="2202" spans="8:19" x14ac:dyDescent="0.3">
      <c r="H2202" s="44">
        <v>2195</v>
      </c>
      <c r="I2202" s="56">
        <f>Bühler!I2228</f>
        <v>0.4139912851299683</v>
      </c>
      <c r="J2202" s="59">
        <f>Bühler!J2228</f>
        <v>1.3799709504332278</v>
      </c>
      <c r="K2202" s="59">
        <f>Bühler!K2228</f>
        <v>2.0699564256498415</v>
      </c>
      <c r="L2202" s="59">
        <f>Bühler!L2228</f>
        <v>9.9357908431192392</v>
      </c>
      <c r="M2202" s="58">
        <f>Bühler!M2228</f>
        <v>0</v>
      </c>
      <c r="N2202" s="56">
        <f>IF(Input!$D$19=1,J2202*Input!$C$19,0)+IF(Input!$D$20=1,K2202*Input!$C$20,0)+IF(Input!$D$21=1,L2202*Input!$C$21,0)+IF(Input!$D$22=1,M2202*Input!$C$22,0)</f>
        <v>0.41399128512996836</v>
      </c>
      <c r="O2202" s="59">
        <f>IF(Input!$D$19=2,J2202*Input!$C$19,0)+IF(Input!$D$20=2,K2202*Input!$C$20,0)+IF(Input!$D$21=2,L2202*Input!$C$21,0)+IF(Input!$D$22=2,M2202*Input!$C$22,0)</f>
        <v>1.0349782128249208</v>
      </c>
      <c r="P2202" s="59">
        <f>IF(Input!$D$19=3,J2202*Input!$C$19,0)+IF(Input!$D$20=3,K2202*Input!$C$20,0)+IF(Input!$D$21=3,L2202*Input!$C$21,0)+IF(Input!$D$22=3,M2202*Input!$C$22,0)</f>
        <v>0</v>
      </c>
      <c r="Q2202" s="75">
        <f>IF(Input!$D$19=4,J2202*Input!$C$19,0)+IF(Input!$D$20=4,K2202*Input!$C$20,0)+IF(Input!$D$21=4,L2202*Input!$C$21,0)+IF(Input!$D$22=4,M2202*Input!$C$22,0)</f>
        <v>0</v>
      </c>
      <c r="R2202" s="58">
        <v>63.295598196735241</v>
      </c>
      <c r="S2202" s="124">
        <f t="shared" si="34"/>
        <v>1.7939622355631961</v>
      </c>
    </row>
    <row r="2203" spans="8:19" x14ac:dyDescent="0.3">
      <c r="H2203" s="44">
        <v>2196</v>
      </c>
      <c r="I2203" s="56">
        <f>Bühler!I2229</f>
        <v>0.52570321921265828</v>
      </c>
      <c r="J2203" s="59">
        <f>Bühler!J2229</f>
        <v>1.7523440640421943</v>
      </c>
      <c r="K2203" s="59">
        <f>Bühler!K2229</f>
        <v>2.6285160960632914</v>
      </c>
      <c r="L2203" s="59">
        <f>Bühler!L2229</f>
        <v>12.616877261103797</v>
      </c>
      <c r="M2203" s="58">
        <f>Bühler!M2229</f>
        <v>0</v>
      </c>
      <c r="N2203" s="56">
        <f>IF(Input!$D$19=1,J2203*Input!$C$19,0)+IF(Input!$D$20=1,K2203*Input!$C$20,0)+IF(Input!$D$21=1,L2203*Input!$C$21,0)+IF(Input!$D$22=1,M2203*Input!$C$22,0)</f>
        <v>0.52570321921265828</v>
      </c>
      <c r="O2203" s="59">
        <f>IF(Input!$D$19=2,J2203*Input!$C$19,0)+IF(Input!$D$20=2,K2203*Input!$C$20,0)+IF(Input!$D$21=2,L2203*Input!$C$21,0)+IF(Input!$D$22=2,M2203*Input!$C$22,0)</f>
        <v>1.3142580480316457</v>
      </c>
      <c r="P2203" s="59">
        <f>IF(Input!$D$19=3,J2203*Input!$C$19,0)+IF(Input!$D$20=3,K2203*Input!$C$20,0)+IF(Input!$D$21=3,L2203*Input!$C$21,0)+IF(Input!$D$22=3,M2203*Input!$C$22,0)</f>
        <v>0</v>
      </c>
      <c r="Q2203" s="75">
        <f>IF(Input!$D$19=4,J2203*Input!$C$19,0)+IF(Input!$D$20=4,K2203*Input!$C$20,0)+IF(Input!$D$21=4,L2203*Input!$C$21,0)+IF(Input!$D$22=4,M2203*Input!$C$22,0)</f>
        <v>0</v>
      </c>
      <c r="R2203" s="58">
        <v>63.213094719848762</v>
      </c>
      <c r="S2203" s="124">
        <f t="shared" si="34"/>
        <v>2.2780472832548524</v>
      </c>
    </row>
    <row r="2204" spans="8:19" x14ac:dyDescent="0.3">
      <c r="H2204" s="44">
        <v>2197</v>
      </c>
      <c r="I2204" s="56">
        <f>Bühler!I2230</f>
        <v>0.52570321921265828</v>
      </c>
      <c r="J2204" s="59">
        <f>Bühler!J2230</f>
        <v>1.7523440640421943</v>
      </c>
      <c r="K2204" s="59">
        <f>Bühler!K2230</f>
        <v>2.6285160960632914</v>
      </c>
      <c r="L2204" s="59">
        <f>Bühler!L2230</f>
        <v>12.616877261103797</v>
      </c>
      <c r="M2204" s="58">
        <f>Bühler!M2230</f>
        <v>0</v>
      </c>
      <c r="N2204" s="56">
        <f>IF(Input!$D$19=1,J2204*Input!$C$19,0)+IF(Input!$D$20=1,K2204*Input!$C$20,0)+IF(Input!$D$21=1,L2204*Input!$C$21,0)+IF(Input!$D$22=1,M2204*Input!$C$22,0)</f>
        <v>0.52570321921265828</v>
      </c>
      <c r="O2204" s="59">
        <f>IF(Input!$D$19=2,J2204*Input!$C$19,0)+IF(Input!$D$20=2,K2204*Input!$C$20,0)+IF(Input!$D$21=2,L2204*Input!$C$21,0)+IF(Input!$D$22=2,M2204*Input!$C$22,0)</f>
        <v>1.3142580480316457</v>
      </c>
      <c r="P2204" s="59">
        <f>IF(Input!$D$19=3,J2204*Input!$C$19,0)+IF(Input!$D$20=3,K2204*Input!$C$20,0)+IF(Input!$D$21=3,L2204*Input!$C$21,0)+IF(Input!$D$22=3,M2204*Input!$C$22,0)</f>
        <v>0</v>
      </c>
      <c r="Q2204" s="75">
        <f>IF(Input!$D$19=4,J2204*Input!$C$19,0)+IF(Input!$D$20=4,K2204*Input!$C$20,0)+IF(Input!$D$21=4,L2204*Input!$C$21,0)+IF(Input!$D$22=4,M2204*Input!$C$22,0)</f>
        <v>0</v>
      </c>
      <c r="R2204" s="58">
        <v>64.051741915538585</v>
      </c>
      <c r="S2204" s="124">
        <f t="shared" si="34"/>
        <v>2.2780472832548524</v>
      </c>
    </row>
    <row r="2205" spans="8:19" x14ac:dyDescent="0.3">
      <c r="H2205" s="44">
        <v>2198</v>
      </c>
      <c r="I2205" s="56">
        <f>Bühler!I2231</f>
        <v>0.34827838272838602</v>
      </c>
      <c r="J2205" s="59">
        <f>Bühler!J2231</f>
        <v>1.1609279424279535</v>
      </c>
      <c r="K2205" s="59">
        <f>Bühler!K2231</f>
        <v>1.7413919136419302</v>
      </c>
      <c r="L2205" s="59">
        <f>Bühler!L2231</f>
        <v>8.3586811854812648</v>
      </c>
      <c r="M2205" s="58">
        <f>Bühler!M2231</f>
        <v>0</v>
      </c>
      <c r="N2205" s="56">
        <f>IF(Input!$D$19=1,J2205*Input!$C$19,0)+IF(Input!$D$20=1,K2205*Input!$C$20,0)+IF(Input!$D$21=1,L2205*Input!$C$21,0)+IF(Input!$D$22=1,M2205*Input!$C$22,0)</f>
        <v>0.34827838272838602</v>
      </c>
      <c r="O2205" s="59">
        <f>IF(Input!$D$19=2,J2205*Input!$C$19,0)+IF(Input!$D$20=2,K2205*Input!$C$20,0)+IF(Input!$D$21=2,L2205*Input!$C$21,0)+IF(Input!$D$22=2,M2205*Input!$C$22,0)</f>
        <v>0.87069595682096512</v>
      </c>
      <c r="P2205" s="59">
        <f>IF(Input!$D$19=3,J2205*Input!$C$19,0)+IF(Input!$D$20=3,K2205*Input!$C$20,0)+IF(Input!$D$21=3,L2205*Input!$C$21,0)+IF(Input!$D$22=3,M2205*Input!$C$22,0)</f>
        <v>0</v>
      </c>
      <c r="Q2205" s="75">
        <f>IF(Input!$D$19=4,J2205*Input!$C$19,0)+IF(Input!$D$20=4,K2205*Input!$C$20,0)+IF(Input!$D$21=4,L2205*Input!$C$21,0)+IF(Input!$D$22=4,M2205*Input!$C$22,0)</f>
        <v>0</v>
      </c>
      <c r="R2205" s="58">
        <v>63.970311055324103</v>
      </c>
      <c r="S2205" s="124">
        <f t="shared" si="34"/>
        <v>1.5092063251563395</v>
      </c>
    </row>
    <row r="2206" spans="8:19" x14ac:dyDescent="0.3">
      <c r="H2206" s="44">
        <v>2199</v>
      </c>
      <c r="I2206" s="56">
        <f>Bühler!I2232</f>
        <v>0.52570321921265828</v>
      </c>
      <c r="J2206" s="59">
        <f>Bühler!J2232</f>
        <v>1.7523440640421943</v>
      </c>
      <c r="K2206" s="59">
        <f>Bühler!K2232</f>
        <v>2.6285160960632914</v>
      </c>
      <c r="L2206" s="59">
        <f>Bühler!L2232</f>
        <v>12.616877261103797</v>
      </c>
      <c r="M2206" s="58">
        <f>Bühler!M2232</f>
        <v>0</v>
      </c>
      <c r="N2206" s="56">
        <f>IF(Input!$D$19=1,J2206*Input!$C$19,0)+IF(Input!$D$20=1,K2206*Input!$C$20,0)+IF(Input!$D$21=1,L2206*Input!$C$21,0)+IF(Input!$D$22=1,M2206*Input!$C$22,0)</f>
        <v>0.52570321921265828</v>
      </c>
      <c r="O2206" s="59">
        <f>IF(Input!$D$19=2,J2206*Input!$C$19,0)+IF(Input!$D$20=2,K2206*Input!$C$20,0)+IF(Input!$D$21=2,L2206*Input!$C$21,0)+IF(Input!$D$22=2,M2206*Input!$C$22,0)</f>
        <v>1.3142580480316457</v>
      </c>
      <c r="P2206" s="59">
        <f>IF(Input!$D$19=3,J2206*Input!$C$19,0)+IF(Input!$D$20=3,K2206*Input!$C$20,0)+IF(Input!$D$21=3,L2206*Input!$C$21,0)+IF(Input!$D$22=3,M2206*Input!$C$22,0)</f>
        <v>0</v>
      </c>
      <c r="Q2206" s="75">
        <f>IF(Input!$D$19=4,J2206*Input!$C$19,0)+IF(Input!$D$20=4,K2206*Input!$C$20,0)+IF(Input!$D$21=4,L2206*Input!$C$21,0)+IF(Input!$D$22=4,M2206*Input!$C$22,0)</f>
        <v>0</v>
      </c>
      <c r="R2206" s="58">
        <v>64.796682206454221</v>
      </c>
      <c r="S2206" s="124">
        <f t="shared" si="34"/>
        <v>2.2780472832548524</v>
      </c>
    </row>
    <row r="2207" spans="8:19" x14ac:dyDescent="0.3">
      <c r="H2207" s="44">
        <v>2200</v>
      </c>
      <c r="I2207" s="56">
        <f>Bühler!I2233</f>
        <v>0.52570321921265828</v>
      </c>
      <c r="J2207" s="59">
        <f>Bühler!J2233</f>
        <v>1.7523440640421943</v>
      </c>
      <c r="K2207" s="59">
        <f>Bühler!K2233</f>
        <v>2.6285160960632914</v>
      </c>
      <c r="L2207" s="59">
        <f>Bühler!L2233</f>
        <v>12.616877261103797</v>
      </c>
      <c r="M2207" s="58">
        <f>Bühler!M2233</f>
        <v>0</v>
      </c>
      <c r="N2207" s="56">
        <f>IF(Input!$D$19=1,J2207*Input!$C$19,0)+IF(Input!$D$20=1,K2207*Input!$C$20,0)+IF(Input!$D$21=1,L2207*Input!$C$21,0)+IF(Input!$D$22=1,M2207*Input!$C$22,0)</f>
        <v>0.52570321921265828</v>
      </c>
      <c r="O2207" s="59">
        <f>IF(Input!$D$19=2,J2207*Input!$C$19,0)+IF(Input!$D$20=2,K2207*Input!$C$20,0)+IF(Input!$D$21=2,L2207*Input!$C$21,0)+IF(Input!$D$22=2,M2207*Input!$C$22,0)</f>
        <v>1.3142580480316457</v>
      </c>
      <c r="P2207" s="59">
        <f>IF(Input!$D$19=3,J2207*Input!$C$19,0)+IF(Input!$D$20=3,K2207*Input!$C$20,0)+IF(Input!$D$21=3,L2207*Input!$C$21,0)+IF(Input!$D$22=3,M2207*Input!$C$22,0)</f>
        <v>0</v>
      </c>
      <c r="Q2207" s="75">
        <f>IF(Input!$D$19=4,J2207*Input!$C$19,0)+IF(Input!$D$20=4,K2207*Input!$C$20,0)+IF(Input!$D$21=4,L2207*Input!$C$21,0)+IF(Input!$D$22=4,M2207*Input!$C$22,0)</f>
        <v>0</v>
      </c>
      <c r="R2207" s="58">
        <v>64.667003248968669</v>
      </c>
      <c r="S2207" s="124">
        <f t="shared" si="34"/>
        <v>2.2780472832548524</v>
      </c>
    </row>
    <row r="2208" spans="8:19" x14ac:dyDescent="0.3">
      <c r="H2208" s="44">
        <v>2201</v>
      </c>
      <c r="I2208" s="56">
        <f>Bühler!I2234</f>
        <v>0.52570321921265828</v>
      </c>
      <c r="J2208" s="59">
        <f>Bühler!J2234</f>
        <v>1.7523440640421943</v>
      </c>
      <c r="K2208" s="59">
        <f>Bühler!K2234</f>
        <v>2.6285160960632914</v>
      </c>
      <c r="L2208" s="59">
        <f>Bühler!L2234</f>
        <v>12.616877261103797</v>
      </c>
      <c r="M2208" s="58">
        <f>Bühler!M2234</f>
        <v>0</v>
      </c>
      <c r="N2208" s="56">
        <f>IF(Input!$D$19=1,J2208*Input!$C$19,0)+IF(Input!$D$20=1,K2208*Input!$C$20,0)+IF(Input!$D$21=1,L2208*Input!$C$21,0)+IF(Input!$D$22=1,M2208*Input!$C$22,0)</f>
        <v>0.52570321921265828</v>
      </c>
      <c r="O2208" s="59">
        <f>IF(Input!$D$19=2,J2208*Input!$C$19,0)+IF(Input!$D$20=2,K2208*Input!$C$20,0)+IF(Input!$D$21=2,L2208*Input!$C$21,0)+IF(Input!$D$22=2,M2208*Input!$C$22,0)</f>
        <v>1.3142580480316457</v>
      </c>
      <c r="P2208" s="59">
        <f>IF(Input!$D$19=3,J2208*Input!$C$19,0)+IF(Input!$D$20=3,K2208*Input!$C$20,0)+IF(Input!$D$21=3,L2208*Input!$C$21,0)+IF(Input!$D$22=3,M2208*Input!$C$22,0)</f>
        <v>0</v>
      </c>
      <c r="Q2208" s="75">
        <f>IF(Input!$D$19=4,J2208*Input!$C$19,0)+IF(Input!$D$20=4,K2208*Input!$C$20,0)+IF(Input!$D$21=4,L2208*Input!$C$21,0)+IF(Input!$D$22=4,M2208*Input!$C$22,0)</f>
        <v>0</v>
      </c>
      <c r="R2208" s="58">
        <v>63.8291532930226</v>
      </c>
      <c r="S2208" s="124">
        <f t="shared" si="34"/>
        <v>2.2780472832548524</v>
      </c>
    </row>
    <row r="2209" spans="8:19" x14ac:dyDescent="0.3">
      <c r="H2209" s="44">
        <v>2202</v>
      </c>
      <c r="I2209" s="56">
        <f>Bühler!I2235</f>
        <v>0.52570321921265828</v>
      </c>
      <c r="J2209" s="59">
        <f>Bühler!J2235</f>
        <v>1.7523440640421943</v>
      </c>
      <c r="K2209" s="59">
        <f>Bühler!K2235</f>
        <v>2.6285160960632914</v>
      </c>
      <c r="L2209" s="59">
        <f>Bühler!L2235</f>
        <v>12.616877261103797</v>
      </c>
      <c r="M2209" s="58">
        <f>Bühler!M2235</f>
        <v>0</v>
      </c>
      <c r="N2209" s="56">
        <f>IF(Input!$D$19=1,J2209*Input!$C$19,0)+IF(Input!$D$20=1,K2209*Input!$C$20,0)+IF(Input!$D$21=1,L2209*Input!$C$21,0)+IF(Input!$D$22=1,M2209*Input!$C$22,0)</f>
        <v>0.52570321921265828</v>
      </c>
      <c r="O2209" s="59">
        <f>IF(Input!$D$19=2,J2209*Input!$C$19,0)+IF(Input!$D$20=2,K2209*Input!$C$20,0)+IF(Input!$D$21=2,L2209*Input!$C$21,0)+IF(Input!$D$22=2,M2209*Input!$C$22,0)</f>
        <v>1.3142580480316457</v>
      </c>
      <c r="P2209" s="59">
        <f>IF(Input!$D$19=3,J2209*Input!$C$19,0)+IF(Input!$D$20=3,K2209*Input!$C$20,0)+IF(Input!$D$21=3,L2209*Input!$C$21,0)+IF(Input!$D$22=3,M2209*Input!$C$22,0)</f>
        <v>0</v>
      </c>
      <c r="Q2209" s="75">
        <f>IF(Input!$D$19=4,J2209*Input!$C$19,0)+IF(Input!$D$20=4,K2209*Input!$C$20,0)+IF(Input!$D$21=4,L2209*Input!$C$21,0)+IF(Input!$D$22=4,M2209*Input!$C$22,0)</f>
        <v>0</v>
      </c>
      <c r="R2209" s="58">
        <v>62.90404264529969</v>
      </c>
      <c r="S2209" s="124">
        <f t="shared" si="34"/>
        <v>2.2780472832548524</v>
      </c>
    </row>
    <row r="2210" spans="8:19" x14ac:dyDescent="0.3">
      <c r="H2210" s="44">
        <v>2203</v>
      </c>
      <c r="I2210" s="56">
        <f>Bühler!I2236</f>
        <v>0.52570321921265828</v>
      </c>
      <c r="J2210" s="59">
        <f>Bühler!J2236</f>
        <v>1.7523440640421943</v>
      </c>
      <c r="K2210" s="59">
        <f>Bühler!K2236</f>
        <v>2.6285160960632914</v>
      </c>
      <c r="L2210" s="59">
        <f>Bühler!L2236</f>
        <v>12.616877261103797</v>
      </c>
      <c r="M2210" s="58">
        <f>Bühler!M2236</f>
        <v>0</v>
      </c>
      <c r="N2210" s="56">
        <f>IF(Input!$D$19=1,J2210*Input!$C$19,0)+IF(Input!$D$20=1,K2210*Input!$C$20,0)+IF(Input!$D$21=1,L2210*Input!$C$21,0)+IF(Input!$D$22=1,M2210*Input!$C$22,0)</f>
        <v>0.52570321921265828</v>
      </c>
      <c r="O2210" s="59">
        <f>IF(Input!$D$19=2,J2210*Input!$C$19,0)+IF(Input!$D$20=2,K2210*Input!$C$20,0)+IF(Input!$D$21=2,L2210*Input!$C$21,0)+IF(Input!$D$22=2,M2210*Input!$C$22,0)</f>
        <v>1.3142580480316457</v>
      </c>
      <c r="P2210" s="59">
        <f>IF(Input!$D$19=3,J2210*Input!$C$19,0)+IF(Input!$D$20=3,K2210*Input!$C$20,0)+IF(Input!$D$21=3,L2210*Input!$C$21,0)+IF(Input!$D$22=3,M2210*Input!$C$22,0)</f>
        <v>0</v>
      </c>
      <c r="Q2210" s="75">
        <f>IF(Input!$D$19=4,J2210*Input!$C$19,0)+IF(Input!$D$20=4,K2210*Input!$C$20,0)+IF(Input!$D$21=4,L2210*Input!$C$21,0)+IF(Input!$D$22=4,M2210*Input!$C$22,0)</f>
        <v>0</v>
      </c>
      <c r="R2210" s="58">
        <v>61.521191758949485</v>
      </c>
      <c r="S2210" s="124">
        <f t="shared" si="34"/>
        <v>2.2780472832548524</v>
      </c>
    </row>
    <row r="2211" spans="8:19" x14ac:dyDescent="0.3">
      <c r="H2211" s="44">
        <v>2204</v>
      </c>
      <c r="I2211" s="56">
        <f>Bühler!I2237</f>
        <v>0.44027644609060129</v>
      </c>
      <c r="J2211" s="59">
        <f>Bühler!J2237</f>
        <v>1.4675881536353377</v>
      </c>
      <c r="K2211" s="59">
        <f>Bühler!K2237</f>
        <v>2.2013822304530062</v>
      </c>
      <c r="L2211" s="59">
        <f>Bühler!L2237</f>
        <v>10.56663470617443</v>
      </c>
      <c r="M2211" s="58">
        <f>Bühler!M2237</f>
        <v>0</v>
      </c>
      <c r="N2211" s="56">
        <f>IF(Input!$D$19=1,J2211*Input!$C$19,0)+IF(Input!$D$20=1,K2211*Input!$C$20,0)+IF(Input!$D$21=1,L2211*Input!$C$21,0)+IF(Input!$D$22=1,M2211*Input!$C$22,0)</f>
        <v>0.44027644609060129</v>
      </c>
      <c r="O2211" s="59">
        <f>IF(Input!$D$19=2,J2211*Input!$C$19,0)+IF(Input!$D$20=2,K2211*Input!$C$20,0)+IF(Input!$D$21=2,L2211*Input!$C$21,0)+IF(Input!$D$22=2,M2211*Input!$C$22,0)</f>
        <v>1.1006911152265031</v>
      </c>
      <c r="P2211" s="59">
        <f>IF(Input!$D$19=3,J2211*Input!$C$19,0)+IF(Input!$D$20=3,K2211*Input!$C$20,0)+IF(Input!$D$21=3,L2211*Input!$C$21,0)+IF(Input!$D$22=3,M2211*Input!$C$22,0)</f>
        <v>0</v>
      </c>
      <c r="Q2211" s="75">
        <f>IF(Input!$D$19=4,J2211*Input!$C$19,0)+IF(Input!$D$20=4,K2211*Input!$C$20,0)+IF(Input!$D$21=4,L2211*Input!$C$21,0)+IF(Input!$D$22=4,M2211*Input!$C$22,0)</f>
        <v>0</v>
      </c>
      <c r="R2211" s="58">
        <v>60.475552375959033</v>
      </c>
      <c r="S2211" s="124">
        <f t="shared" si="34"/>
        <v>1.9078645997259389</v>
      </c>
    </row>
    <row r="2212" spans="8:19" x14ac:dyDescent="0.3">
      <c r="H2212" s="44">
        <v>2205</v>
      </c>
      <c r="I2212" s="56">
        <f>Bühler!I2238</f>
        <v>0.36142096320870248</v>
      </c>
      <c r="J2212" s="59">
        <f>Bühler!J2238</f>
        <v>1.2047365440290083</v>
      </c>
      <c r="K2212" s="59">
        <f>Bühler!K2238</f>
        <v>1.8071048160435124</v>
      </c>
      <c r="L2212" s="59">
        <f>Bühler!L2238</f>
        <v>8.6741031170088601</v>
      </c>
      <c r="M2212" s="58">
        <f>Bühler!M2238</f>
        <v>0</v>
      </c>
      <c r="N2212" s="56">
        <f>IF(Input!$D$19=1,J2212*Input!$C$19,0)+IF(Input!$D$20=1,K2212*Input!$C$20,0)+IF(Input!$D$21=1,L2212*Input!$C$21,0)+IF(Input!$D$22=1,M2212*Input!$C$22,0)</f>
        <v>0.36142096320870248</v>
      </c>
      <c r="O2212" s="59">
        <f>IF(Input!$D$19=2,J2212*Input!$C$19,0)+IF(Input!$D$20=2,K2212*Input!$C$20,0)+IF(Input!$D$21=2,L2212*Input!$C$21,0)+IF(Input!$D$22=2,M2212*Input!$C$22,0)</f>
        <v>0.90355240802175618</v>
      </c>
      <c r="P2212" s="59">
        <f>IF(Input!$D$19=3,J2212*Input!$C$19,0)+IF(Input!$D$20=3,K2212*Input!$C$20,0)+IF(Input!$D$21=3,L2212*Input!$C$21,0)+IF(Input!$D$22=3,M2212*Input!$C$22,0)</f>
        <v>0</v>
      </c>
      <c r="Q2212" s="75">
        <f>IF(Input!$D$19=4,J2212*Input!$C$19,0)+IF(Input!$D$20=4,K2212*Input!$C$20,0)+IF(Input!$D$21=4,L2212*Input!$C$21,0)+IF(Input!$D$22=4,M2212*Input!$C$22,0)</f>
        <v>0</v>
      </c>
      <c r="R2212" s="58">
        <v>59.086968589156108</v>
      </c>
      <c r="S2212" s="124">
        <f t="shared" si="34"/>
        <v>1.5661575072377107</v>
      </c>
    </row>
    <row r="2213" spans="8:19" x14ac:dyDescent="0.3">
      <c r="H2213" s="44">
        <v>2206</v>
      </c>
      <c r="I2213" s="56">
        <f>Bühler!I2239</f>
        <v>0.26285160960632914</v>
      </c>
      <c r="J2213" s="59">
        <f>Bühler!J2239</f>
        <v>0.87617203202109717</v>
      </c>
      <c r="K2213" s="59">
        <f>Bühler!K2239</f>
        <v>1.3142580480316457</v>
      </c>
      <c r="L2213" s="59">
        <f>Bühler!L2239</f>
        <v>6.3084386305518985</v>
      </c>
      <c r="M2213" s="58">
        <f>Bühler!M2239</f>
        <v>0</v>
      </c>
      <c r="N2213" s="56">
        <f>IF(Input!$D$19=1,J2213*Input!$C$19,0)+IF(Input!$D$20=1,K2213*Input!$C$20,0)+IF(Input!$D$21=1,L2213*Input!$C$21,0)+IF(Input!$D$22=1,M2213*Input!$C$22,0)</f>
        <v>0.26285160960632914</v>
      </c>
      <c r="O2213" s="59">
        <f>IF(Input!$D$19=2,J2213*Input!$C$19,0)+IF(Input!$D$20=2,K2213*Input!$C$20,0)+IF(Input!$D$21=2,L2213*Input!$C$21,0)+IF(Input!$D$22=2,M2213*Input!$C$22,0)</f>
        <v>0.65712902401582285</v>
      </c>
      <c r="P2213" s="59">
        <f>IF(Input!$D$19=3,J2213*Input!$C$19,0)+IF(Input!$D$20=3,K2213*Input!$C$20,0)+IF(Input!$D$21=3,L2213*Input!$C$21,0)+IF(Input!$D$22=3,M2213*Input!$C$22,0)</f>
        <v>0</v>
      </c>
      <c r="Q2213" s="75">
        <f>IF(Input!$D$19=4,J2213*Input!$C$19,0)+IF(Input!$D$20=4,K2213*Input!$C$20,0)+IF(Input!$D$21=4,L2213*Input!$C$21,0)+IF(Input!$D$22=4,M2213*Input!$C$22,0)</f>
        <v>0</v>
      </c>
      <c r="R2213" s="58">
        <v>57.710024126028152</v>
      </c>
      <c r="S2213" s="124">
        <f t="shared" si="34"/>
        <v>1.1390236416274262</v>
      </c>
    </row>
    <row r="2214" spans="8:19" x14ac:dyDescent="0.3">
      <c r="H2214" s="44">
        <v>2207</v>
      </c>
      <c r="I2214" s="56">
        <f>Bühler!I2240</f>
        <v>0.24970902912601264</v>
      </c>
      <c r="J2214" s="59">
        <f>Bühler!J2240</f>
        <v>0.83236343042004224</v>
      </c>
      <c r="K2214" s="59">
        <f>Bühler!K2240</f>
        <v>1.2485451456300631</v>
      </c>
      <c r="L2214" s="59">
        <f>Bühler!L2240</f>
        <v>5.9930166990243032</v>
      </c>
      <c r="M2214" s="58">
        <f>Bühler!M2240</f>
        <v>0</v>
      </c>
      <c r="N2214" s="56">
        <f>IF(Input!$D$19=1,J2214*Input!$C$19,0)+IF(Input!$D$20=1,K2214*Input!$C$20,0)+IF(Input!$D$21=1,L2214*Input!$C$21,0)+IF(Input!$D$22=1,M2214*Input!$C$22,0)</f>
        <v>0.24970902912601267</v>
      </c>
      <c r="O2214" s="59">
        <f>IF(Input!$D$19=2,J2214*Input!$C$19,0)+IF(Input!$D$20=2,K2214*Input!$C$20,0)+IF(Input!$D$21=2,L2214*Input!$C$21,0)+IF(Input!$D$22=2,M2214*Input!$C$22,0)</f>
        <v>0.62427257281503157</v>
      </c>
      <c r="P2214" s="59">
        <f>IF(Input!$D$19=3,J2214*Input!$C$19,0)+IF(Input!$D$20=3,K2214*Input!$C$20,0)+IF(Input!$D$21=3,L2214*Input!$C$21,0)+IF(Input!$D$22=3,M2214*Input!$C$22,0)</f>
        <v>0</v>
      </c>
      <c r="Q2214" s="75">
        <f>IF(Input!$D$19=4,J2214*Input!$C$19,0)+IF(Input!$D$20=4,K2214*Input!$C$20,0)+IF(Input!$D$21=4,L2214*Input!$C$21,0)+IF(Input!$D$22=4,M2214*Input!$C$22,0)</f>
        <v>0</v>
      </c>
      <c r="R2214" s="58">
        <v>57.323186267794199</v>
      </c>
      <c r="S2214" s="124">
        <f t="shared" si="34"/>
        <v>1.0820724595460549</v>
      </c>
    </row>
    <row r="2215" spans="8:19" x14ac:dyDescent="0.3">
      <c r="H2215" s="44">
        <v>2208</v>
      </c>
      <c r="I2215" s="56">
        <f>Bühler!I2241</f>
        <v>0.24970902912601264</v>
      </c>
      <c r="J2215" s="59">
        <f>Bühler!J2241</f>
        <v>0.83236343042004224</v>
      </c>
      <c r="K2215" s="59">
        <f>Bühler!K2241</f>
        <v>1.2485451456300631</v>
      </c>
      <c r="L2215" s="59">
        <f>Bühler!L2241</f>
        <v>5.9930166990243032</v>
      </c>
      <c r="M2215" s="58">
        <f>Bühler!M2241</f>
        <v>0</v>
      </c>
      <c r="N2215" s="56">
        <f>IF(Input!$D$19=1,J2215*Input!$C$19,0)+IF(Input!$D$20=1,K2215*Input!$C$20,0)+IF(Input!$D$21=1,L2215*Input!$C$21,0)+IF(Input!$D$22=1,M2215*Input!$C$22,0)</f>
        <v>0.24970902912601267</v>
      </c>
      <c r="O2215" s="59">
        <f>IF(Input!$D$19=2,J2215*Input!$C$19,0)+IF(Input!$D$20=2,K2215*Input!$C$20,0)+IF(Input!$D$21=2,L2215*Input!$C$21,0)+IF(Input!$D$22=2,M2215*Input!$C$22,0)</f>
        <v>0.62427257281503157</v>
      </c>
      <c r="P2215" s="59">
        <f>IF(Input!$D$19=3,J2215*Input!$C$19,0)+IF(Input!$D$20=3,K2215*Input!$C$20,0)+IF(Input!$D$21=3,L2215*Input!$C$21,0)+IF(Input!$D$22=3,M2215*Input!$C$22,0)</f>
        <v>0</v>
      </c>
      <c r="Q2215" s="75">
        <f>IF(Input!$D$19=4,J2215*Input!$C$19,0)+IF(Input!$D$20=4,K2215*Input!$C$20,0)+IF(Input!$D$21=4,L2215*Input!$C$21,0)+IF(Input!$D$22=4,M2215*Input!$C$22,0)</f>
        <v>0</v>
      </c>
      <c r="R2215" s="58">
        <v>57.043211858969819</v>
      </c>
      <c r="S2215" s="124">
        <f t="shared" si="34"/>
        <v>1.0820724595460549</v>
      </c>
    </row>
    <row r="2216" spans="8:19" x14ac:dyDescent="0.3">
      <c r="H2216" s="44">
        <v>2209</v>
      </c>
      <c r="I2216" s="56">
        <f>Bühler!I2242</f>
        <v>0.22489145128346125</v>
      </c>
      <c r="J2216" s="59">
        <f>Bühler!J2242</f>
        <v>0.74963817094487084</v>
      </c>
      <c r="K2216" s="59">
        <f>Bühler!K2242</f>
        <v>1.1244572564173061</v>
      </c>
      <c r="L2216" s="59">
        <f>Bühler!L2242</f>
        <v>5.3973948308030693</v>
      </c>
      <c r="M2216" s="58">
        <f>Bühler!M2242</f>
        <v>0</v>
      </c>
      <c r="N2216" s="56">
        <f>IF(Input!$D$19=1,J2216*Input!$C$19,0)+IF(Input!$D$20=1,K2216*Input!$C$20,0)+IF(Input!$D$21=1,L2216*Input!$C$21,0)+IF(Input!$D$22=1,M2216*Input!$C$22,0)</f>
        <v>0.22489145128346125</v>
      </c>
      <c r="O2216" s="59">
        <f>IF(Input!$D$19=2,J2216*Input!$C$19,0)+IF(Input!$D$20=2,K2216*Input!$C$20,0)+IF(Input!$D$21=2,L2216*Input!$C$21,0)+IF(Input!$D$22=2,M2216*Input!$C$22,0)</f>
        <v>0.56222862820865305</v>
      </c>
      <c r="P2216" s="59">
        <f>IF(Input!$D$19=3,J2216*Input!$C$19,0)+IF(Input!$D$20=3,K2216*Input!$C$20,0)+IF(Input!$D$21=3,L2216*Input!$C$21,0)+IF(Input!$D$22=3,M2216*Input!$C$22,0)</f>
        <v>0</v>
      </c>
      <c r="Q2216" s="75">
        <f>IF(Input!$D$19=4,J2216*Input!$C$19,0)+IF(Input!$D$20=4,K2216*Input!$C$20,0)+IF(Input!$D$21=4,L2216*Input!$C$21,0)+IF(Input!$D$22=4,M2216*Input!$C$22,0)</f>
        <v>0</v>
      </c>
      <c r="R2216" s="58">
        <v>55.916248746020031</v>
      </c>
      <c r="S2216" s="124">
        <f t="shared" si="34"/>
        <v>0.97452962222833206</v>
      </c>
    </row>
    <row r="2217" spans="8:19" x14ac:dyDescent="0.3">
      <c r="H2217" s="44">
        <v>2210</v>
      </c>
      <c r="I2217" s="56">
        <f>Bühler!I2243</f>
        <v>0.22489145128346125</v>
      </c>
      <c r="J2217" s="59">
        <f>Bühler!J2243</f>
        <v>0.74963817094487084</v>
      </c>
      <c r="K2217" s="59">
        <f>Bühler!K2243</f>
        <v>1.1244572564173061</v>
      </c>
      <c r="L2217" s="59">
        <f>Bühler!L2243</f>
        <v>5.3973948308030693</v>
      </c>
      <c r="M2217" s="58">
        <f>Bühler!M2243</f>
        <v>0</v>
      </c>
      <c r="N2217" s="56">
        <f>IF(Input!$D$19=1,J2217*Input!$C$19,0)+IF(Input!$D$20=1,K2217*Input!$C$20,0)+IF(Input!$D$21=1,L2217*Input!$C$21,0)+IF(Input!$D$22=1,M2217*Input!$C$22,0)</f>
        <v>0.22489145128346125</v>
      </c>
      <c r="O2217" s="59">
        <f>IF(Input!$D$19=2,J2217*Input!$C$19,0)+IF(Input!$D$20=2,K2217*Input!$C$20,0)+IF(Input!$D$21=2,L2217*Input!$C$21,0)+IF(Input!$D$22=2,M2217*Input!$C$22,0)</f>
        <v>0.56222862820865305</v>
      </c>
      <c r="P2217" s="59">
        <f>IF(Input!$D$19=3,J2217*Input!$C$19,0)+IF(Input!$D$20=3,K2217*Input!$C$20,0)+IF(Input!$D$21=3,L2217*Input!$C$21,0)+IF(Input!$D$22=3,M2217*Input!$C$22,0)</f>
        <v>0</v>
      </c>
      <c r="Q2217" s="75">
        <f>IF(Input!$D$19=4,J2217*Input!$C$19,0)+IF(Input!$D$20=4,K2217*Input!$C$20,0)+IF(Input!$D$21=4,L2217*Input!$C$21,0)+IF(Input!$D$22=4,M2217*Input!$C$22,0)</f>
        <v>0</v>
      </c>
      <c r="R2217" s="58">
        <v>55.143424795496763</v>
      </c>
      <c r="S2217" s="124">
        <f t="shared" si="34"/>
        <v>0.97452962222833206</v>
      </c>
    </row>
    <row r="2218" spans="8:19" x14ac:dyDescent="0.3">
      <c r="H2218" s="44">
        <v>2211</v>
      </c>
      <c r="I2218" s="56">
        <f>Bühler!I2244</f>
        <v>0.22489145128346125</v>
      </c>
      <c r="J2218" s="59">
        <f>Bühler!J2244</f>
        <v>0.74963817094487084</v>
      </c>
      <c r="K2218" s="59">
        <f>Bühler!K2244</f>
        <v>1.1244572564173061</v>
      </c>
      <c r="L2218" s="59">
        <f>Bühler!L2244</f>
        <v>5.3973948308030693</v>
      </c>
      <c r="M2218" s="58">
        <f>Bühler!M2244</f>
        <v>0</v>
      </c>
      <c r="N2218" s="56">
        <f>IF(Input!$D$19=1,J2218*Input!$C$19,0)+IF(Input!$D$20=1,K2218*Input!$C$20,0)+IF(Input!$D$21=1,L2218*Input!$C$21,0)+IF(Input!$D$22=1,M2218*Input!$C$22,0)</f>
        <v>0.22489145128346125</v>
      </c>
      <c r="O2218" s="59">
        <f>IF(Input!$D$19=2,J2218*Input!$C$19,0)+IF(Input!$D$20=2,K2218*Input!$C$20,0)+IF(Input!$D$21=2,L2218*Input!$C$21,0)+IF(Input!$D$22=2,M2218*Input!$C$22,0)</f>
        <v>0.56222862820865305</v>
      </c>
      <c r="P2218" s="59">
        <f>IF(Input!$D$19=3,J2218*Input!$C$19,0)+IF(Input!$D$20=3,K2218*Input!$C$20,0)+IF(Input!$D$21=3,L2218*Input!$C$21,0)+IF(Input!$D$22=3,M2218*Input!$C$22,0)</f>
        <v>0</v>
      </c>
      <c r="Q2218" s="75">
        <f>IF(Input!$D$19=4,J2218*Input!$C$19,0)+IF(Input!$D$20=4,K2218*Input!$C$20,0)+IF(Input!$D$21=4,L2218*Input!$C$21,0)+IF(Input!$D$22=4,M2218*Input!$C$22,0)</f>
        <v>0</v>
      </c>
      <c r="R2218" s="58">
        <v>55.262835724032286</v>
      </c>
      <c r="S2218" s="124">
        <f t="shared" si="34"/>
        <v>0.97452962222833206</v>
      </c>
    </row>
    <row r="2219" spans="8:19" x14ac:dyDescent="0.3">
      <c r="H2219" s="44">
        <v>2212</v>
      </c>
      <c r="I2219" s="56">
        <f>Bühler!I2245</f>
        <v>0.22489145128346125</v>
      </c>
      <c r="J2219" s="59">
        <f>Bühler!J2245</f>
        <v>0.74963817094487084</v>
      </c>
      <c r="K2219" s="59">
        <f>Bühler!K2245</f>
        <v>1.1244572564173061</v>
      </c>
      <c r="L2219" s="59">
        <f>Bühler!L2245</f>
        <v>5.3973948308030693</v>
      </c>
      <c r="M2219" s="58">
        <f>Bühler!M2245</f>
        <v>0</v>
      </c>
      <c r="N2219" s="56">
        <f>IF(Input!$D$19=1,J2219*Input!$C$19,0)+IF(Input!$D$20=1,K2219*Input!$C$20,0)+IF(Input!$D$21=1,L2219*Input!$C$21,0)+IF(Input!$D$22=1,M2219*Input!$C$22,0)</f>
        <v>0.22489145128346125</v>
      </c>
      <c r="O2219" s="59">
        <f>IF(Input!$D$19=2,J2219*Input!$C$19,0)+IF(Input!$D$20=2,K2219*Input!$C$20,0)+IF(Input!$D$21=2,L2219*Input!$C$21,0)+IF(Input!$D$22=2,M2219*Input!$C$22,0)</f>
        <v>0.56222862820865305</v>
      </c>
      <c r="P2219" s="59">
        <f>IF(Input!$D$19=3,J2219*Input!$C$19,0)+IF(Input!$D$20=3,K2219*Input!$C$20,0)+IF(Input!$D$21=3,L2219*Input!$C$21,0)+IF(Input!$D$22=3,M2219*Input!$C$22,0)</f>
        <v>0</v>
      </c>
      <c r="Q2219" s="75">
        <f>IF(Input!$D$19=4,J2219*Input!$C$19,0)+IF(Input!$D$20=4,K2219*Input!$C$20,0)+IF(Input!$D$21=4,L2219*Input!$C$21,0)+IF(Input!$D$22=4,M2219*Input!$C$22,0)</f>
        <v>0</v>
      </c>
      <c r="R2219" s="58">
        <v>56.106462083709346</v>
      </c>
      <c r="S2219" s="124">
        <f t="shared" si="34"/>
        <v>0.97452962222833206</v>
      </c>
    </row>
    <row r="2220" spans="8:19" x14ac:dyDescent="0.3">
      <c r="H2220" s="44">
        <v>2213</v>
      </c>
      <c r="I2220" s="56">
        <f>Bühler!I2246</f>
        <v>0.22489145128346125</v>
      </c>
      <c r="J2220" s="59">
        <f>Bühler!J2246</f>
        <v>0.74963817094487084</v>
      </c>
      <c r="K2220" s="59">
        <f>Bühler!K2246</f>
        <v>1.1244572564173061</v>
      </c>
      <c r="L2220" s="59">
        <f>Bühler!L2246</f>
        <v>5.3973948308030693</v>
      </c>
      <c r="M2220" s="58">
        <f>Bühler!M2246</f>
        <v>0</v>
      </c>
      <c r="N2220" s="56">
        <f>IF(Input!$D$19=1,J2220*Input!$C$19,0)+IF(Input!$D$20=1,K2220*Input!$C$20,0)+IF(Input!$D$21=1,L2220*Input!$C$21,0)+IF(Input!$D$22=1,M2220*Input!$C$22,0)</f>
        <v>0.22489145128346125</v>
      </c>
      <c r="O2220" s="59">
        <f>IF(Input!$D$19=2,J2220*Input!$C$19,0)+IF(Input!$D$20=2,K2220*Input!$C$20,0)+IF(Input!$D$21=2,L2220*Input!$C$21,0)+IF(Input!$D$22=2,M2220*Input!$C$22,0)</f>
        <v>0.56222862820865305</v>
      </c>
      <c r="P2220" s="59">
        <f>IF(Input!$D$19=3,J2220*Input!$C$19,0)+IF(Input!$D$20=3,K2220*Input!$C$20,0)+IF(Input!$D$21=3,L2220*Input!$C$21,0)+IF(Input!$D$22=3,M2220*Input!$C$22,0)</f>
        <v>0</v>
      </c>
      <c r="Q2220" s="75">
        <f>IF(Input!$D$19=4,J2220*Input!$C$19,0)+IF(Input!$D$20=4,K2220*Input!$C$20,0)+IF(Input!$D$21=4,L2220*Input!$C$21,0)+IF(Input!$D$22=4,M2220*Input!$C$22,0)</f>
        <v>0</v>
      </c>
      <c r="R2220" s="58">
        <v>57.830886255670777</v>
      </c>
      <c r="S2220" s="124">
        <f t="shared" si="34"/>
        <v>0.97452962222833206</v>
      </c>
    </row>
    <row r="2221" spans="8:19" x14ac:dyDescent="0.3">
      <c r="H2221" s="44">
        <v>2214</v>
      </c>
      <c r="I2221" s="56">
        <f>Bühler!I2247</f>
        <v>0.29235888666849957</v>
      </c>
      <c r="J2221" s="59">
        <f>Bühler!J2247</f>
        <v>0.97452962222833206</v>
      </c>
      <c r="K2221" s="59">
        <f>Bühler!K2247</f>
        <v>1.4617944333424979</v>
      </c>
      <c r="L2221" s="59">
        <f>Bühler!L2247</f>
        <v>7.0166132800439902</v>
      </c>
      <c r="M2221" s="58">
        <f>Bühler!M2247</f>
        <v>0</v>
      </c>
      <c r="N2221" s="56">
        <f>IF(Input!$D$19=1,J2221*Input!$C$19,0)+IF(Input!$D$20=1,K2221*Input!$C$20,0)+IF(Input!$D$21=1,L2221*Input!$C$21,0)+IF(Input!$D$22=1,M2221*Input!$C$22,0)</f>
        <v>0.29235888666849963</v>
      </c>
      <c r="O2221" s="59">
        <f>IF(Input!$D$19=2,J2221*Input!$C$19,0)+IF(Input!$D$20=2,K2221*Input!$C$20,0)+IF(Input!$D$21=2,L2221*Input!$C$21,0)+IF(Input!$D$22=2,M2221*Input!$C$22,0)</f>
        <v>0.73089721667124896</v>
      </c>
      <c r="P2221" s="59">
        <f>IF(Input!$D$19=3,J2221*Input!$C$19,0)+IF(Input!$D$20=3,K2221*Input!$C$20,0)+IF(Input!$D$21=3,L2221*Input!$C$21,0)+IF(Input!$D$22=3,M2221*Input!$C$22,0)</f>
        <v>0</v>
      </c>
      <c r="Q2221" s="75">
        <f>IF(Input!$D$19=4,J2221*Input!$C$19,0)+IF(Input!$D$20=4,K2221*Input!$C$20,0)+IF(Input!$D$21=4,L2221*Input!$C$21,0)+IF(Input!$D$22=4,M2221*Input!$C$22,0)</f>
        <v>0</v>
      </c>
      <c r="R2221" s="58">
        <v>60.86419715011283</v>
      </c>
      <c r="S2221" s="124">
        <f t="shared" si="34"/>
        <v>1.2668885088968316</v>
      </c>
    </row>
    <row r="2222" spans="8:19" x14ac:dyDescent="0.3">
      <c r="H2222" s="44">
        <v>2215</v>
      </c>
      <c r="I2222" s="56">
        <f>Bühler!I2248</f>
        <v>0.32609260436101872</v>
      </c>
      <c r="J2222" s="59">
        <f>Bühler!J2248</f>
        <v>1.0869753478700626</v>
      </c>
      <c r="K2222" s="59">
        <f>Bühler!K2248</f>
        <v>1.6304630218050937</v>
      </c>
      <c r="L2222" s="59">
        <f>Bühler!L2248</f>
        <v>7.8262225046644502</v>
      </c>
      <c r="M2222" s="58">
        <f>Bühler!M2248</f>
        <v>0</v>
      </c>
      <c r="N2222" s="56">
        <f>IF(Input!$D$19=1,J2222*Input!$C$19,0)+IF(Input!$D$20=1,K2222*Input!$C$20,0)+IF(Input!$D$21=1,L2222*Input!$C$21,0)+IF(Input!$D$22=1,M2222*Input!$C$22,0)</f>
        <v>0.32609260436101878</v>
      </c>
      <c r="O2222" s="59">
        <f>IF(Input!$D$19=2,J2222*Input!$C$19,0)+IF(Input!$D$20=2,K2222*Input!$C$20,0)+IF(Input!$D$21=2,L2222*Input!$C$21,0)+IF(Input!$D$22=2,M2222*Input!$C$22,0)</f>
        <v>0.81523151090254686</v>
      </c>
      <c r="P2222" s="59">
        <f>IF(Input!$D$19=3,J2222*Input!$C$19,0)+IF(Input!$D$20=3,K2222*Input!$C$20,0)+IF(Input!$D$21=3,L2222*Input!$C$21,0)+IF(Input!$D$22=3,M2222*Input!$C$22,0)</f>
        <v>0</v>
      </c>
      <c r="Q2222" s="75">
        <f>IF(Input!$D$19=4,J2222*Input!$C$19,0)+IF(Input!$D$20=4,K2222*Input!$C$20,0)+IF(Input!$D$21=4,L2222*Input!$C$21,0)+IF(Input!$D$22=4,M2222*Input!$C$22,0)</f>
        <v>0</v>
      </c>
      <c r="R2222" s="58">
        <v>64.573309053898868</v>
      </c>
      <c r="S2222" s="124">
        <f t="shared" si="34"/>
        <v>1.4130679522310814</v>
      </c>
    </row>
    <row r="2223" spans="8:19" x14ac:dyDescent="0.3">
      <c r="H2223" s="44">
        <v>2216</v>
      </c>
      <c r="I2223" s="56">
        <f>Bühler!I2249</f>
        <v>0.33733717692519183</v>
      </c>
      <c r="J2223" s="59">
        <f>Bühler!J2249</f>
        <v>1.1244572564173063</v>
      </c>
      <c r="K2223" s="59">
        <f>Bühler!K2249</f>
        <v>1.6866858846259591</v>
      </c>
      <c r="L2223" s="59">
        <f>Bühler!L2249</f>
        <v>8.0960922462046039</v>
      </c>
      <c r="M2223" s="58">
        <f>Bühler!M2249</f>
        <v>0</v>
      </c>
      <c r="N2223" s="56">
        <f>IF(Input!$D$19=1,J2223*Input!$C$19,0)+IF(Input!$D$20=1,K2223*Input!$C$20,0)+IF(Input!$D$21=1,L2223*Input!$C$21,0)+IF(Input!$D$22=1,M2223*Input!$C$22,0)</f>
        <v>0.33733717692519188</v>
      </c>
      <c r="O2223" s="59">
        <f>IF(Input!$D$19=2,J2223*Input!$C$19,0)+IF(Input!$D$20=2,K2223*Input!$C$20,0)+IF(Input!$D$21=2,L2223*Input!$C$21,0)+IF(Input!$D$22=2,M2223*Input!$C$22,0)</f>
        <v>0.84334294231297957</v>
      </c>
      <c r="P2223" s="59">
        <f>IF(Input!$D$19=3,J2223*Input!$C$19,0)+IF(Input!$D$20=3,K2223*Input!$C$20,0)+IF(Input!$D$21=3,L2223*Input!$C$21,0)+IF(Input!$D$22=3,M2223*Input!$C$22,0)</f>
        <v>0</v>
      </c>
      <c r="Q2223" s="75">
        <f>IF(Input!$D$19=4,J2223*Input!$C$19,0)+IF(Input!$D$20=4,K2223*Input!$C$20,0)+IF(Input!$D$21=4,L2223*Input!$C$21,0)+IF(Input!$D$22=4,M2223*Input!$C$22,0)</f>
        <v>0</v>
      </c>
      <c r="R2223" s="58">
        <v>66.834748264572866</v>
      </c>
      <c r="S2223" s="124">
        <f t="shared" si="34"/>
        <v>1.4617944333424981</v>
      </c>
    </row>
    <row r="2224" spans="8:19" x14ac:dyDescent="0.3">
      <c r="H2224" s="44">
        <v>2217</v>
      </c>
      <c r="I2224" s="56">
        <f>Bühler!I2250</f>
        <v>0.33733717692519183</v>
      </c>
      <c r="J2224" s="59">
        <f>Bühler!J2250</f>
        <v>1.1244572564173063</v>
      </c>
      <c r="K2224" s="59">
        <f>Bühler!K2250</f>
        <v>1.6866858846259591</v>
      </c>
      <c r="L2224" s="59">
        <f>Bühler!L2250</f>
        <v>8.0960922462046039</v>
      </c>
      <c r="M2224" s="58">
        <f>Bühler!M2250</f>
        <v>0</v>
      </c>
      <c r="N2224" s="56">
        <f>IF(Input!$D$19=1,J2224*Input!$C$19,0)+IF(Input!$D$20=1,K2224*Input!$C$20,0)+IF(Input!$D$21=1,L2224*Input!$C$21,0)+IF(Input!$D$22=1,M2224*Input!$C$22,0)</f>
        <v>0.33733717692519188</v>
      </c>
      <c r="O2224" s="59">
        <f>IF(Input!$D$19=2,J2224*Input!$C$19,0)+IF(Input!$D$20=2,K2224*Input!$C$20,0)+IF(Input!$D$21=2,L2224*Input!$C$21,0)+IF(Input!$D$22=2,M2224*Input!$C$22,0)</f>
        <v>0.84334294231297957</v>
      </c>
      <c r="P2224" s="59">
        <f>IF(Input!$D$19=3,J2224*Input!$C$19,0)+IF(Input!$D$20=3,K2224*Input!$C$20,0)+IF(Input!$D$21=3,L2224*Input!$C$21,0)+IF(Input!$D$22=3,M2224*Input!$C$22,0)</f>
        <v>0</v>
      </c>
      <c r="Q2224" s="75">
        <f>IF(Input!$D$19=4,J2224*Input!$C$19,0)+IF(Input!$D$20=4,K2224*Input!$C$20,0)+IF(Input!$D$21=4,L2224*Input!$C$21,0)+IF(Input!$D$22=4,M2224*Input!$C$22,0)</f>
        <v>0</v>
      </c>
      <c r="R2224" s="58">
        <v>67.842018324931871</v>
      </c>
      <c r="S2224" s="124">
        <f t="shared" si="34"/>
        <v>1.4617944333424981</v>
      </c>
    </row>
    <row r="2225" spans="8:19" x14ac:dyDescent="0.3">
      <c r="H2225" s="44">
        <v>2218</v>
      </c>
      <c r="I2225" s="56">
        <f>Bühler!I2251</f>
        <v>0.36544860833562454</v>
      </c>
      <c r="J2225" s="59">
        <f>Bühler!J2251</f>
        <v>1.2181620277854153</v>
      </c>
      <c r="K2225" s="59">
        <f>Bühler!K2251</f>
        <v>1.8272430416781225</v>
      </c>
      <c r="L2225" s="59">
        <f>Bühler!L2251</f>
        <v>8.7707666000549889</v>
      </c>
      <c r="M2225" s="58">
        <f>Bühler!M2251</f>
        <v>0</v>
      </c>
      <c r="N2225" s="56">
        <f>IF(Input!$D$19=1,J2225*Input!$C$19,0)+IF(Input!$D$20=1,K2225*Input!$C$20,0)+IF(Input!$D$21=1,L2225*Input!$C$21,0)+IF(Input!$D$22=1,M2225*Input!$C$22,0)</f>
        <v>0.36544860833562459</v>
      </c>
      <c r="O2225" s="59">
        <f>IF(Input!$D$19=2,J2225*Input!$C$19,0)+IF(Input!$D$20=2,K2225*Input!$C$20,0)+IF(Input!$D$21=2,L2225*Input!$C$21,0)+IF(Input!$D$22=2,M2225*Input!$C$22,0)</f>
        <v>0.91362152083906123</v>
      </c>
      <c r="P2225" s="59">
        <f>IF(Input!$D$19=3,J2225*Input!$C$19,0)+IF(Input!$D$20=3,K2225*Input!$C$20,0)+IF(Input!$D$21=3,L2225*Input!$C$21,0)+IF(Input!$D$22=3,M2225*Input!$C$22,0)</f>
        <v>0</v>
      </c>
      <c r="Q2225" s="75">
        <f>IF(Input!$D$19=4,J2225*Input!$C$19,0)+IF(Input!$D$20=4,K2225*Input!$C$20,0)+IF(Input!$D$21=4,L2225*Input!$C$21,0)+IF(Input!$D$22=4,M2225*Input!$C$22,0)</f>
        <v>0</v>
      </c>
      <c r="R2225" s="58">
        <v>67.673282151679032</v>
      </c>
      <c r="S2225" s="124">
        <f t="shared" si="34"/>
        <v>1.5836106361210398</v>
      </c>
    </row>
    <row r="2226" spans="8:19" x14ac:dyDescent="0.3">
      <c r="H2226" s="44">
        <v>2219</v>
      </c>
      <c r="I2226" s="56">
        <f>Bühler!I2252</f>
        <v>0.38231546718188408</v>
      </c>
      <c r="J2226" s="59">
        <f>Bühler!J2252</f>
        <v>1.2743848906062805</v>
      </c>
      <c r="K2226" s="59">
        <f>Bühler!K2252</f>
        <v>1.9115773359094204</v>
      </c>
      <c r="L2226" s="59">
        <f>Bühler!L2252</f>
        <v>9.1755712123652184</v>
      </c>
      <c r="M2226" s="58">
        <f>Bühler!M2252</f>
        <v>0</v>
      </c>
      <c r="N2226" s="56">
        <f>IF(Input!$D$19=1,J2226*Input!$C$19,0)+IF(Input!$D$20=1,K2226*Input!$C$20,0)+IF(Input!$D$21=1,L2226*Input!$C$21,0)+IF(Input!$D$22=1,M2226*Input!$C$22,0)</f>
        <v>0.38231546718188414</v>
      </c>
      <c r="O2226" s="59">
        <f>IF(Input!$D$19=2,J2226*Input!$C$19,0)+IF(Input!$D$20=2,K2226*Input!$C$20,0)+IF(Input!$D$21=2,L2226*Input!$C$21,0)+IF(Input!$D$22=2,M2226*Input!$C$22,0)</f>
        <v>0.95578866795471018</v>
      </c>
      <c r="P2226" s="59">
        <f>IF(Input!$D$19=3,J2226*Input!$C$19,0)+IF(Input!$D$20=3,K2226*Input!$C$20,0)+IF(Input!$D$21=3,L2226*Input!$C$21,0)+IF(Input!$D$22=3,M2226*Input!$C$22,0)</f>
        <v>0</v>
      </c>
      <c r="Q2226" s="75">
        <f>IF(Input!$D$19=4,J2226*Input!$C$19,0)+IF(Input!$D$20=4,K2226*Input!$C$20,0)+IF(Input!$D$21=4,L2226*Input!$C$21,0)+IF(Input!$D$22=4,M2226*Input!$C$22,0)</f>
        <v>0</v>
      </c>
      <c r="R2226" s="58">
        <v>67.717131671319919</v>
      </c>
      <c r="S2226" s="124">
        <f t="shared" si="34"/>
        <v>1.6567003577881645</v>
      </c>
    </row>
    <row r="2227" spans="8:19" x14ac:dyDescent="0.3">
      <c r="H2227" s="44">
        <v>2220</v>
      </c>
      <c r="I2227" s="56">
        <f>Bühler!I2253</f>
        <v>0.44978290256692249</v>
      </c>
      <c r="J2227" s="59">
        <f>Bühler!J2253</f>
        <v>1.4992763418897417</v>
      </c>
      <c r="K2227" s="59">
        <f>Bühler!K2253</f>
        <v>2.2489145128346122</v>
      </c>
      <c r="L2227" s="59">
        <f>Bühler!L2253</f>
        <v>10.794789661606139</v>
      </c>
      <c r="M2227" s="58">
        <f>Bühler!M2253</f>
        <v>0</v>
      </c>
      <c r="N2227" s="56">
        <f>IF(Input!$D$19=1,J2227*Input!$C$19,0)+IF(Input!$D$20=1,K2227*Input!$C$20,0)+IF(Input!$D$21=1,L2227*Input!$C$21,0)+IF(Input!$D$22=1,M2227*Input!$C$22,0)</f>
        <v>0.44978290256692249</v>
      </c>
      <c r="O2227" s="59">
        <f>IF(Input!$D$19=2,J2227*Input!$C$19,0)+IF(Input!$D$20=2,K2227*Input!$C$20,0)+IF(Input!$D$21=2,L2227*Input!$C$21,0)+IF(Input!$D$22=2,M2227*Input!$C$22,0)</f>
        <v>1.1244572564173061</v>
      </c>
      <c r="P2227" s="59">
        <f>IF(Input!$D$19=3,J2227*Input!$C$19,0)+IF(Input!$D$20=3,K2227*Input!$C$20,0)+IF(Input!$D$21=3,L2227*Input!$C$21,0)+IF(Input!$D$22=3,M2227*Input!$C$22,0)</f>
        <v>0</v>
      </c>
      <c r="Q2227" s="75">
        <f>IF(Input!$D$19=4,J2227*Input!$C$19,0)+IF(Input!$D$20=4,K2227*Input!$C$20,0)+IF(Input!$D$21=4,L2227*Input!$C$21,0)+IF(Input!$D$22=4,M2227*Input!$C$22,0)</f>
        <v>0</v>
      </c>
      <c r="R2227" s="58">
        <v>68.181160546146714</v>
      </c>
      <c r="S2227" s="124">
        <f t="shared" si="34"/>
        <v>1.9490592444566641</v>
      </c>
    </row>
    <row r="2228" spans="8:19" x14ac:dyDescent="0.3">
      <c r="H2228" s="44">
        <v>2221</v>
      </c>
      <c r="I2228" s="56">
        <f>Bühler!I2254</f>
        <v>0.44978290256692249</v>
      </c>
      <c r="J2228" s="59">
        <f>Bühler!J2254</f>
        <v>1.4992763418897417</v>
      </c>
      <c r="K2228" s="59">
        <f>Bühler!K2254</f>
        <v>2.2489145128346122</v>
      </c>
      <c r="L2228" s="59">
        <f>Bühler!L2254</f>
        <v>10.794789661606139</v>
      </c>
      <c r="M2228" s="58">
        <f>Bühler!M2254</f>
        <v>0</v>
      </c>
      <c r="N2228" s="56">
        <f>IF(Input!$D$19=1,J2228*Input!$C$19,0)+IF(Input!$D$20=1,K2228*Input!$C$20,0)+IF(Input!$D$21=1,L2228*Input!$C$21,0)+IF(Input!$D$22=1,M2228*Input!$C$22,0)</f>
        <v>0.44978290256692249</v>
      </c>
      <c r="O2228" s="59">
        <f>IF(Input!$D$19=2,J2228*Input!$C$19,0)+IF(Input!$D$20=2,K2228*Input!$C$20,0)+IF(Input!$D$21=2,L2228*Input!$C$21,0)+IF(Input!$D$22=2,M2228*Input!$C$22,0)</f>
        <v>1.1244572564173061</v>
      </c>
      <c r="P2228" s="59">
        <f>IF(Input!$D$19=3,J2228*Input!$C$19,0)+IF(Input!$D$20=3,K2228*Input!$C$20,0)+IF(Input!$D$21=3,L2228*Input!$C$21,0)+IF(Input!$D$22=3,M2228*Input!$C$22,0)</f>
        <v>0</v>
      </c>
      <c r="Q2228" s="75">
        <f>IF(Input!$D$19=4,J2228*Input!$C$19,0)+IF(Input!$D$20=4,K2228*Input!$C$20,0)+IF(Input!$D$21=4,L2228*Input!$C$21,0)+IF(Input!$D$22=4,M2228*Input!$C$22,0)</f>
        <v>0</v>
      </c>
      <c r="R2228" s="58">
        <v>67.659539921113847</v>
      </c>
      <c r="S2228" s="124">
        <f t="shared" si="34"/>
        <v>1.9490592444566641</v>
      </c>
    </row>
    <row r="2229" spans="8:19" x14ac:dyDescent="0.3">
      <c r="H2229" s="44">
        <v>2222</v>
      </c>
      <c r="I2229" s="56">
        <f>Bühler!I2255</f>
        <v>0.44978290256692249</v>
      </c>
      <c r="J2229" s="59">
        <f>Bühler!J2255</f>
        <v>1.4992763418897417</v>
      </c>
      <c r="K2229" s="59">
        <f>Bühler!K2255</f>
        <v>2.2489145128346122</v>
      </c>
      <c r="L2229" s="59">
        <f>Bühler!L2255</f>
        <v>10.794789661606139</v>
      </c>
      <c r="M2229" s="58">
        <f>Bühler!M2255</f>
        <v>0</v>
      </c>
      <c r="N2229" s="56">
        <f>IF(Input!$D$19=1,J2229*Input!$C$19,0)+IF(Input!$D$20=1,K2229*Input!$C$20,0)+IF(Input!$D$21=1,L2229*Input!$C$21,0)+IF(Input!$D$22=1,M2229*Input!$C$22,0)</f>
        <v>0.44978290256692249</v>
      </c>
      <c r="O2229" s="59">
        <f>IF(Input!$D$19=2,J2229*Input!$C$19,0)+IF(Input!$D$20=2,K2229*Input!$C$20,0)+IF(Input!$D$21=2,L2229*Input!$C$21,0)+IF(Input!$D$22=2,M2229*Input!$C$22,0)</f>
        <v>1.1244572564173061</v>
      </c>
      <c r="P2229" s="59">
        <f>IF(Input!$D$19=3,J2229*Input!$C$19,0)+IF(Input!$D$20=3,K2229*Input!$C$20,0)+IF(Input!$D$21=3,L2229*Input!$C$21,0)+IF(Input!$D$22=3,M2229*Input!$C$22,0)</f>
        <v>0</v>
      </c>
      <c r="Q2229" s="75">
        <f>IF(Input!$D$19=4,J2229*Input!$C$19,0)+IF(Input!$D$20=4,K2229*Input!$C$20,0)+IF(Input!$D$21=4,L2229*Input!$C$21,0)+IF(Input!$D$22=4,M2229*Input!$C$22,0)</f>
        <v>0</v>
      </c>
      <c r="R2229" s="58">
        <v>66.724201727202995</v>
      </c>
      <c r="S2229" s="124">
        <f t="shared" si="34"/>
        <v>1.9490592444566641</v>
      </c>
    </row>
    <row r="2230" spans="8:19" x14ac:dyDescent="0.3">
      <c r="H2230" s="44">
        <v>2223</v>
      </c>
      <c r="I2230" s="56">
        <f>Bühler!I2256</f>
        <v>0.44978290256692249</v>
      </c>
      <c r="J2230" s="59">
        <f>Bühler!J2256</f>
        <v>1.4992763418897417</v>
      </c>
      <c r="K2230" s="59">
        <f>Bühler!K2256</f>
        <v>2.2489145128346122</v>
      </c>
      <c r="L2230" s="59">
        <f>Bühler!L2256</f>
        <v>10.794789661606139</v>
      </c>
      <c r="M2230" s="58">
        <f>Bühler!M2256</f>
        <v>0</v>
      </c>
      <c r="N2230" s="56">
        <f>IF(Input!$D$19=1,J2230*Input!$C$19,0)+IF(Input!$D$20=1,K2230*Input!$C$20,0)+IF(Input!$D$21=1,L2230*Input!$C$21,0)+IF(Input!$D$22=1,M2230*Input!$C$22,0)</f>
        <v>0.44978290256692249</v>
      </c>
      <c r="O2230" s="59">
        <f>IF(Input!$D$19=2,J2230*Input!$C$19,0)+IF(Input!$D$20=2,K2230*Input!$C$20,0)+IF(Input!$D$21=2,L2230*Input!$C$21,0)+IF(Input!$D$22=2,M2230*Input!$C$22,0)</f>
        <v>1.1244572564173061</v>
      </c>
      <c r="P2230" s="59">
        <f>IF(Input!$D$19=3,J2230*Input!$C$19,0)+IF(Input!$D$20=3,K2230*Input!$C$20,0)+IF(Input!$D$21=3,L2230*Input!$C$21,0)+IF(Input!$D$22=3,M2230*Input!$C$22,0)</f>
        <v>0</v>
      </c>
      <c r="Q2230" s="75">
        <f>IF(Input!$D$19=4,J2230*Input!$C$19,0)+IF(Input!$D$20=4,K2230*Input!$C$20,0)+IF(Input!$D$21=4,L2230*Input!$C$21,0)+IF(Input!$D$22=4,M2230*Input!$C$22,0)</f>
        <v>0</v>
      </c>
      <c r="R2230" s="58">
        <v>66.845592800221752</v>
      </c>
      <c r="S2230" s="124">
        <f t="shared" si="34"/>
        <v>1.9490592444566641</v>
      </c>
    </row>
    <row r="2231" spans="8:19" x14ac:dyDescent="0.3">
      <c r="H2231" s="44">
        <v>2224</v>
      </c>
      <c r="I2231" s="56">
        <f>Bühler!I2257</f>
        <v>0.44978290256692249</v>
      </c>
      <c r="J2231" s="59">
        <f>Bühler!J2257</f>
        <v>1.4992763418897417</v>
      </c>
      <c r="K2231" s="59">
        <f>Bühler!K2257</f>
        <v>2.2489145128346122</v>
      </c>
      <c r="L2231" s="59">
        <f>Bühler!L2257</f>
        <v>10.794789661606139</v>
      </c>
      <c r="M2231" s="58">
        <f>Bühler!M2257</f>
        <v>0</v>
      </c>
      <c r="N2231" s="56">
        <f>IF(Input!$D$19=1,J2231*Input!$C$19,0)+IF(Input!$D$20=1,K2231*Input!$C$20,0)+IF(Input!$D$21=1,L2231*Input!$C$21,0)+IF(Input!$D$22=1,M2231*Input!$C$22,0)</f>
        <v>0.44978290256692249</v>
      </c>
      <c r="O2231" s="59">
        <f>IF(Input!$D$19=2,J2231*Input!$C$19,0)+IF(Input!$D$20=2,K2231*Input!$C$20,0)+IF(Input!$D$21=2,L2231*Input!$C$21,0)+IF(Input!$D$22=2,M2231*Input!$C$22,0)</f>
        <v>1.1244572564173061</v>
      </c>
      <c r="P2231" s="59">
        <f>IF(Input!$D$19=3,J2231*Input!$C$19,0)+IF(Input!$D$20=3,K2231*Input!$C$20,0)+IF(Input!$D$21=3,L2231*Input!$C$21,0)+IF(Input!$D$22=3,M2231*Input!$C$22,0)</f>
        <v>0</v>
      </c>
      <c r="Q2231" s="75">
        <f>IF(Input!$D$19=4,J2231*Input!$C$19,0)+IF(Input!$D$20=4,K2231*Input!$C$20,0)+IF(Input!$D$21=4,L2231*Input!$C$21,0)+IF(Input!$D$22=4,M2231*Input!$C$22,0)</f>
        <v>0</v>
      </c>
      <c r="R2231" s="58">
        <v>65.210896238352674</v>
      </c>
      <c r="S2231" s="124">
        <f t="shared" si="34"/>
        <v>1.9490592444566641</v>
      </c>
    </row>
    <row r="2232" spans="8:19" x14ac:dyDescent="0.3">
      <c r="H2232" s="44">
        <v>2225</v>
      </c>
      <c r="I2232" s="56">
        <f>Bühler!I2258</f>
        <v>0.44978290256692249</v>
      </c>
      <c r="J2232" s="59">
        <f>Bühler!J2258</f>
        <v>1.4992763418897417</v>
      </c>
      <c r="K2232" s="59">
        <f>Bühler!K2258</f>
        <v>2.2489145128346122</v>
      </c>
      <c r="L2232" s="59">
        <f>Bühler!L2258</f>
        <v>10.794789661606139</v>
      </c>
      <c r="M2232" s="58">
        <f>Bühler!M2258</f>
        <v>0</v>
      </c>
      <c r="N2232" s="56">
        <f>IF(Input!$D$19=1,J2232*Input!$C$19,0)+IF(Input!$D$20=1,K2232*Input!$C$20,0)+IF(Input!$D$21=1,L2232*Input!$C$21,0)+IF(Input!$D$22=1,M2232*Input!$C$22,0)</f>
        <v>0.44978290256692249</v>
      </c>
      <c r="O2232" s="59">
        <f>IF(Input!$D$19=2,J2232*Input!$C$19,0)+IF(Input!$D$20=2,K2232*Input!$C$20,0)+IF(Input!$D$21=2,L2232*Input!$C$21,0)+IF(Input!$D$22=2,M2232*Input!$C$22,0)</f>
        <v>1.1244572564173061</v>
      </c>
      <c r="P2232" s="59">
        <f>IF(Input!$D$19=3,J2232*Input!$C$19,0)+IF(Input!$D$20=3,K2232*Input!$C$20,0)+IF(Input!$D$21=3,L2232*Input!$C$21,0)+IF(Input!$D$22=3,M2232*Input!$C$22,0)</f>
        <v>0</v>
      </c>
      <c r="Q2232" s="75">
        <f>IF(Input!$D$19=4,J2232*Input!$C$19,0)+IF(Input!$D$20=4,K2232*Input!$C$20,0)+IF(Input!$D$21=4,L2232*Input!$C$21,0)+IF(Input!$D$22=4,M2232*Input!$C$22,0)</f>
        <v>0</v>
      </c>
      <c r="R2232" s="58">
        <v>64.382037868684776</v>
      </c>
      <c r="S2232" s="124">
        <f t="shared" si="34"/>
        <v>1.9490592444566641</v>
      </c>
    </row>
    <row r="2233" spans="8:19" x14ac:dyDescent="0.3">
      <c r="H2233" s="44">
        <v>2226</v>
      </c>
      <c r="I2233" s="56">
        <f>Bühler!I2259</f>
        <v>0.44978290256692249</v>
      </c>
      <c r="J2233" s="59">
        <f>Bühler!J2259</f>
        <v>1.4992763418897417</v>
      </c>
      <c r="K2233" s="59">
        <f>Bühler!K2259</f>
        <v>2.2489145128346122</v>
      </c>
      <c r="L2233" s="59">
        <f>Bühler!L2259</f>
        <v>10.794789661606139</v>
      </c>
      <c r="M2233" s="58">
        <f>Bühler!M2259</f>
        <v>0</v>
      </c>
      <c r="N2233" s="56">
        <f>IF(Input!$D$19=1,J2233*Input!$C$19,0)+IF(Input!$D$20=1,K2233*Input!$C$20,0)+IF(Input!$D$21=1,L2233*Input!$C$21,0)+IF(Input!$D$22=1,M2233*Input!$C$22,0)</f>
        <v>0.44978290256692249</v>
      </c>
      <c r="O2233" s="59">
        <f>IF(Input!$D$19=2,J2233*Input!$C$19,0)+IF(Input!$D$20=2,K2233*Input!$C$20,0)+IF(Input!$D$21=2,L2233*Input!$C$21,0)+IF(Input!$D$22=2,M2233*Input!$C$22,0)</f>
        <v>1.1244572564173061</v>
      </c>
      <c r="P2233" s="59">
        <f>IF(Input!$D$19=3,J2233*Input!$C$19,0)+IF(Input!$D$20=3,K2233*Input!$C$20,0)+IF(Input!$D$21=3,L2233*Input!$C$21,0)+IF(Input!$D$22=3,M2233*Input!$C$22,0)</f>
        <v>0</v>
      </c>
      <c r="Q2233" s="75">
        <f>IF(Input!$D$19=4,J2233*Input!$C$19,0)+IF(Input!$D$20=4,K2233*Input!$C$20,0)+IF(Input!$D$21=4,L2233*Input!$C$21,0)+IF(Input!$D$22=4,M2233*Input!$C$22,0)</f>
        <v>0</v>
      </c>
      <c r="R2233" s="58">
        <v>63.089124792892733</v>
      </c>
      <c r="S2233" s="124">
        <f t="shared" si="34"/>
        <v>1.9490592444566641</v>
      </c>
    </row>
    <row r="2234" spans="8:19" x14ac:dyDescent="0.3">
      <c r="H2234" s="44">
        <v>2227</v>
      </c>
      <c r="I2234" s="56">
        <f>Bühler!I2260</f>
        <v>0.44978290256692249</v>
      </c>
      <c r="J2234" s="59">
        <f>Bühler!J2260</f>
        <v>1.4992763418897417</v>
      </c>
      <c r="K2234" s="59">
        <f>Bühler!K2260</f>
        <v>2.2489145128346122</v>
      </c>
      <c r="L2234" s="59">
        <f>Bühler!L2260</f>
        <v>10.794789661606139</v>
      </c>
      <c r="M2234" s="58">
        <f>Bühler!M2260</f>
        <v>0</v>
      </c>
      <c r="N2234" s="56">
        <f>IF(Input!$D$19=1,J2234*Input!$C$19,0)+IF(Input!$D$20=1,K2234*Input!$C$20,0)+IF(Input!$D$21=1,L2234*Input!$C$21,0)+IF(Input!$D$22=1,M2234*Input!$C$22,0)</f>
        <v>0.44978290256692249</v>
      </c>
      <c r="O2234" s="59">
        <f>IF(Input!$D$19=2,J2234*Input!$C$19,0)+IF(Input!$D$20=2,K2234*Input!$C$20,0)+IF(Input!$D$21=2,L2234*Input!$C$21,0)+IF(Input!$D$22=2,M2234*Input!$C$22,0)</f>
        <v>1.1244572564173061</v>
      </c>
      <c r="P2234" s="59">
        <f>IF(Input!$D$19=3,J2234*Input!$C$19,0)+IF(Input!$D$20=3,K2234*Input!$C$20,0)+IF(Input!$D$21=3,L2234*Input!$C$21,0)+IF(Input!$D$22=3,M2234*Input!$C$22,0)</f>
        <v>0</v>
      </c>
      <c r="Q2234" s="75">
        <f>IF(Input!$D$19=4,J2234*Input!$C$19,0)+IF(Input!$D$20=4,K2234*Input!$C$20,0)+IF(Input!$D$21=4,L2234*Input!$C$21,0)+IF(Input!$D$22=4,M2234*Input!$C$22,0)</f>
        <v>0</v>
      </c>
      <c r="R2234" s="58">
        <v>61.898256482154579</v>
      </c>
      <c r="S2234" s="124">
        <f t="shared" si="34"/>
        <v>1.9490592444566641</v>
      </c>
    </row>
    <row r="2235" spans="8:19" x14ac:dyDescent="0.3">
      <c r="H2235" s="44">
        <v>2228</v>
      </c>
      <c r="I2235" s="56">
        <f>Bühler!I2261</f>
        <v>0.37669318089979764</v>
      </c>
      <c r="J2235" s="59">
        <f>Bühler!J2261</f>
        <v>1.2556439363326588</v>
      </c>
      <c r="K2235" s="59">
        <f>Bühler!K2261</f>
        <v>1.8834659044989881</v>
      </c>
      <c r="L2235" s="59">
        <f>Bühler!L2261</f>
        <v>9.0406363415951425</v>
      </c>
      <c r="M2235" s="58">
        <f>Bühler!M2261</f>
        <v>0</v>
      </c>
      <c r="N2235" s="56">
        <f>IF(Input!$D$19=1,J2235*Input!$C$19,0)+IF(Input!$D$20=1,K2235*Input!$C$20,0)+IF(Input!$D$21=1,L2235*Input!$C$21,0)+IF(Input!$D$22=1,M2235*Input!$C$22,0)</f>
        <v>0.37669318089979764</v>
      </c>
      <c r="O2235" s="59">
        <f>IF(Input!$D$19=2,J2235*Input!$C$19,0)+IF(Input!$D$20=2,K2235*Input!$C$20,0)+IF(Input!$D$21=2,L2235*Input!$C$21,0)+IF(Input!$D$22=2,M2235*Input!$C$22,0)</f>
        <v>0.94173295224949405</v>
      </c>
      <c r="P2235" s="59">
        <f>IF(Input!$D$19=3,J2235*Input!$C$19,0)+IF(Input!$D$20=3,K2235*Input!$C$20,0)+IF(Input!$D$21=3,L2235*Input!$C$21,0)+IF(Input!$D$22=3,M2235*Input!$C$22,0)</f>
        <v>0</v>
      </c>
      <c r="Q2235" s="75">
        <f>IF(Input!$D$19=4,J2235*Input!$C$19,0)+IF(Input!$D$20=4,K2235*Input!$C$20,0)+IF(Input!$D$21=4,L2235*Input!$C$21,0)+IF(Input!$D$22=4,M2235*Input!$C$22,0)</f>
        <v>0</v>
      </c>
      <c r="R2235" s="58">
        <v>60.579604274004218</v>
      </c>
      <c r="S2235" s="124">
        <f t="shared" si="34"/>
        <v>1.6323371172324563</v>
      </c>
    </row>
    <row r="2236" spans="8:19" x14ac:dyDescent="0.3">
      <c r="H2236" s="44">
        <v>2229</v>
      </c>
      <c r="I2236" s="56">
        <f>Bühler!I2262</f>
        <v>0.30922574551475918</v>
      </c>
      <c r="J2236" s="59">
        <f>Bühler!J2262</f>
        <v>1.0307524850491974</v>
      </c>
      <c r="K2236" s="59">
        <f>Bühler!K2262</f>
        <v>1.5461287275737958</v>
      </c>
      <c r="L2236" s="59">
        <f>Bühler!L2262</f>
        <v>7.4214178923542198</v>
      </c>
      <c r="M2236" s="58">
        <f>Bühler!M2262</f>
        <v>0</v>
      </c>
      <c r="N2236" s="56">
        <f>IF(Input!$D$19=1,J2236*Input!$C$19,0)+IF(Input!$D$20=1,K2236*Input!$C$20,0)+IF(Input!$D$21=1,L2236*Input!$C$21,0)+IF(Input!$D$22=1,M2236*Input!$C$22,0)</f>
        <v>0.30922574551475918</v>
      </c>
      <c r="O2236" s="59">
        <f>IF(Input!$D$19=2,J2236*Input!$C$19,0)+IF(Input!$D$20=2,K2236*Input!$C$20,0)+IF(Input!$D$21=2,L2236*Input!$C$21,0)+IF(Input!$D$22=2,M2236*Input!$C$22,0)</f>
        <v>0.77306436378689791</v>
      </c>
      <c r="P2236" s="59">
        <f>IF(Input!$D$19=3,J2236*Input!$C$19,0)+IF(Input!$D$20=3,K2236*Input!$C$20,0)+IF(Input!$D$21=3,L2236*Input!$C$21,0)+IF(Input!$D$22=3,M2236*Input!$C$22,0)</f>
        <v>0</v>
      </c>
      <c r="Q2236" s="75">
        <f>IF(Input!$D$19=4,J2236*Input!$C$19,0)+IF(Input!$D$20=4,K2236*Input!$C$20,0)+IF(Input!$D$21=4,L2236*Input!$C$21,0)+IF(Input!$D$22=4,M2236*Input!$C$22,0)</f>
        <v>0</v>
      </c>
      <c r="R2236" s="58">
        <v>58.939807688273852</v>
      </c>
      <c r="S2236" s="124">
        <f t="shared" si="34"/>
        <v>1.3399782305639565</v>
      </c>
    </row>
    <row r="2237" spans="8:19" x14ac:dyDescent="0.3">
      <c r="H2237" s="44">
        <v>2230</v>
      </c>
      <c r="I2237" s="56">
        <f>Bühler!I2263</f>
        <v>0.22489145128346125</v>
      </c>
      <c r="J2237" s="59">
        <f>Bühler!J2263</f>
        <v>0.74963817094487084</v>
      </c>
      <c r="K2237" s="59">
        <f>Bühler!K2263</f>
        <v>1.1244572564173061</v>
      </c>
      <c r="L2237" s="59">
        <f>Bühler!L2263</f>
        <v>5.3973948308030693</v>
      </c>
      <c r="M2237" s="58">
        <f>Bühler!M2263</f>
        <v>0</v>
      </c>
      <c r="N2237" s="56">
        <f>IF(Input!$D$19=1,J2237*Input!$C$19,0)+IF(Input!$D$20=1,K2237*Input!$C$20,0)+IF(Input!$D$21=1,L2237*Input!$C$21,0)+IF(Input!$D$22=1,M2237*Input!$C$22,0)</f>
        <v>0.22489145128346125</v>
      </c>
      <c r="O2237" s="59">
        <f>IF(Input!$D$19=2,J2237*Input!$C$19,0)+IF(Input!$D$20=2,K2237*Input!$C$20,0)+IF(Input!$D$21=2,L2237*Input!$C$21,0)+IF(Input!$D$22=2,M2237*Input!$C$22,0)</f>
        <v>0.56222862820865305</v>
      </c>
      <c r="P2237" s="59">
        <f>IF(Input!$D$19=3,J2237*Input!$C$19,0)+IF(Input!$D$20=3,K2237*Input!$C$20,0)+IF(Input!$D$21=3,L2237*Input!$C$21,0)+IF(Input!$D$22=3,M2237*Input!$C$22,0)</f>
        <v>0</v>
      </c>
      <c r="Q2237" s="75">
        <f>IF(Input!$D$19=4,J2237*Input!$C$19,0)+IF(Input!$D$20=4,K2237*Input!$C$20,0)+IF(Input!$D$21=4,L2237*Input!$C$21,0)+IF(Input!$D$22=4,M2237*Input!$C$22,0)</f>
        <v>0</v>
      </c>
      <c r="R2237" s="58">
        <v>57.942455924243262</v>
      </c>
      <c r="S2237" s="124">
        <f t="shared" si="34"/>
        <v>0.97452962222833206</v>
      </c>
    </row>
    <row r="2238" spans="8:19" x14ac:dyDescent="0.3">
      <c r="H2238" s="44">
        <v>2231</v>
      </c>
      <c r="I2238" s="56">
        <f>Bühler!I2264</f>
        <v>0.22489145128346125</v>
      </c>
      <c r="J2238" s="59">
        <f>Bühler!J2264</f>
        <v>0.74963817094487084</v>
      </c>
      <c r="K2238" s="59">
        <f>Bühler!K2264</f>
        <v>1.1244572564173061</v>
      </c>
      <c r="L2238" s="59">
        <f>Bühler!L2264</f>
        <v>5.3973948308030693</v>
      </c>
      <c r="M2238" s="58">
        <f>Bühler!M2264</f>
        <v>0</v>
      </c>
      <c r="N2238" s="56">
        <f>IF(Input!$D$19=1,J2238*Input!$C$19,0)+IF(Input!$D$20=1,K2238*Input!$C$20,0)+IF(Input!$D$21=1,L2238*Input!$C$21,0)+IF(Input!$D$22=1,M2238*Input!$C$22,0)</f>
        <v>0.22489145128346125</v>
      </c>
      <c r="O2238" s="59">
        <f>IF(Input!$D$19=2,J2238*Input!$C$19,0)+IF(Input!$D$20=2,K2238*Input!$C$20,0)+IF(Input!$D$21=2,L2238*Input!$C$21,0)+IF(Input!$D$22=2,M2238*Input!$C$22,0)</f>
        <v>0.56222862820865305</v>
      </c>
      <c r="P2238" s="59">
        <f>IF(Input!$D$19=3,J2238*Input!$C$19,0)+IF(Input!$D$20=3,K2238*Input!$C$20,0)+IF(Input!$D$21=3,L2238*Input!$C$21,0)+IF(Input!$D$22=3,M2238*Input!$C$22,0)</f>
        <v>0</v>
      </c>
      <c r="Q2238" s="75">
        <f>IF(Input!$D$19=4,J2238*Input!$C$19,0)+IF(Input!$D$20=4,K2238*Input!$C$20,0)+IF(Input!$D$21=4,L2238*Input!$C$21,0)+IF(Input!$D$22=4,M2238*Input!$C$22,0)</f>
        <v>0</v>
      </c>
      <c r="R2238" s="58">
        <v>57.467437352468011</v>
      </c>
      <c r="S2238" s="124">
        <f t="shared" si="34"/>
        <v>0.97452962222833206</v>
      </c>
    </row>
    <row r="2239" spans="8:19" x14ac:dyDescent="0.3">
      <c r="H2239" s="44">
        <v>2232</v>
      </c>
      <c r="I2239" s="56">
        <f>Bühler!I2265</f>
        <v>0.22489145128346125</v>
      </c>
      <c r="J2239" s="59">
        <f>Bühler!J2265</f>
        <v>0.74963817094487084</v>
      </c>
      <c r="K2239" s="59">
        <f>Bühler!K2265</f>
        <v>1.1244572564173061</v>
      </c>
      <c r="L2239" s="59">
        <f>Bühler!L2265</f>
        <v>5.3973948308030693</v>
      </c>
      <c r="M2239" s="58">
        <f>Bühler!M2265</f>
        <v>0</v>
      </c>
      <c r="N2239" s="56">
        <f>IF(Input!$D$19=1,J2239*Input!$C$19,0)+IF(Input!$D$20=1,K2239*Input!$C$20,0)+IF(Input!$D$21=1,L2239*Input!$C$21,0)+IF(Input!$D$22=1,M2239*Input!$C$22,0)</f>
        <v>0.22489145128346125</v>
      </c>
      <c r="O2239" s="59">
        <f>IF(Input!$D$19=2,J2239*Input!$C$19,0)+IF(Input!$D$20=2,K2239*Input!$C$20,0)+IF(Input!$D$21=2,L2239*Input!$C$21,0)+IF(Input!$D$22=2,M2239*Input!$C$22,0)</f>
        <v>0.56222862820865305</v>
      </c>
      <c r="P2239" s="59">
        <f>IF(Input!$D$19=3,J2239*Input!$C$19,0)+IF(Input!$D$20=3,K2239*Input!$C$20,0)+IF(Input!$D$21=3,L2239*Input!$C$21,0)+IF(Input!$D$22=3,M2239*Input!$C$22,0)</f>
        <v>0</v>
      </c>
      <c r="Q2239" s="75">
        <f>IF(Input!$D$19=4,J2239*Input!$C$19,0)+IF(Input!$D$20=4,K2239*Input!$C$20,0)+IF(Input!$D$21=4,L2239*Input!$C$21,0)+IF(Input!$D$22=4,M2239*Input!$C$22,0)</f>
        <v>0</v>
      </c>
      <c r="R2239" s="58">
        <v>57.366301448959774</v>
      </c>
      <c r="S2239" s="124">
        <f t="shared" si="34"/>
        <v>0.97452962222833206</v>
      </c>
    </row>
    <row r="2240" spans="8:19" x14ac:dyDescent="0.3">
      <c r="H2240" s="44">
        <v>2233</v>
      </c>
      <c r="I2240" s="56">
        <f>Bühler!I2266</f>
        <v>0.19865269911788141</v>
      </c>
      <c r="J2240" s="59">
        <f>Bühler!J2266</f>
        <v>0.66217566372627146</v>
      </c>
      <c r="K2240" s="59">
        <f>Bühler!K2266</f>
        <v>0.99326349558940707</v>
      </c>
      <c r="L2240" s="59">
        <f>Bühler!L2266</f>
        <v>4.767664778829154</v>
      </c>
      <c r="M2240" s="58">
        <f>Bühler!M2266</f>
        <v>0</v>
      </c>
      <c r="N2240" s="56">
        <f>IF(Input!$D$19=1,J2240*Input!$C$19,0)+IF(Input!$D$20=1,K2240*Input!$C$20,0)+IF(Input!$D$21=1,L2240*Input!$C$21,0)+IF(Input!$D$22=1,M2240*Input!$C$22,0)</f>
        <v>0.19865269911788144</v>
      </c>
      <c r="O2240" s="59">
        <f>IF(Input!$D$19=2,J2240*Input!$C$19,0)+IF(Input!$D$20=2,K2240*Input!$C$20,0)+IF(Input!$D$21=2,L2240*Input!$C$21,0)+IF(Input!$D$22=2,M2240*Input!$C$22,0)</f>
        <v>0.49663174779470354</v>
      </c>
      <c r="P2240" s="59">
        <f>IF(Input!$D$19=3,J2240*Input!$C$19,0)+IF(Input!$D$20=3,K2240*Input!$C$20,0)+IF(Input!$D$21=3,L2240*Input!$C$21,0)+IF(Input!$D$22=3,M2240*Input!$C$22,0)</f>
        <v>0</v>
      </c>
      <c r="Q2240" s="75">
        <f>IF(Input!$D$19=4,J2240*Input!$C$19,0)+IF(Input!$D$20=4,K2240*Input!$C$20,0)+IF(Input!$D$21=4,L2240*Input!$C$21,0)+IF(Input!$D$22=4,M2240*Input!$C$22,0)</f>
        <v>0</v>
      </c>
      <c r="R2240" s="58">
        <v>56.492406320274654</v>
      </c>
      <c r="S2240" s="124">
        <f t="shared" si="34"/>
        <v>0.86082836284415287</v>
      </c>
    </row>
    <row r="2241" spans="8:19" x14ac:dyDescent="0.3">
      <c r="H2241" s="44">
        <v>2234</v>
      </c>
      <c r="I2241" s="56">
        <f>Bühler!I2267</f>
        <v>0.22348428650761656</v>
      </c>
      <c r="J2241" s="59">
        <f>Bühler!J2267</f>
        <v>0.74494762169205531</v>
      </c>
      <c r="K2241" s="59">
        <f>Bühler!K2267</f>
        <v>1.1174214325380829</v>
      </c>
      <c r="L2241" s="59">
        <f>Bühler!L2267</f>
        <v>5.3636228761827978</v>
      </c>
      <c r="M2241" s="58">
        <f>Bühler!M2267</f>
        <v>0</v>
      </c>
      <c r="N2241" s="56">
        <f>IF(Input!$D$19=1,J2241*Input!$C$19,0)+IF(Input!$D$20=1,K2241*Input!$C$20,0)+IF(Input!$D$21=1,L2241*Input!$C$21,0)+IF(Input!$D$22=1,M2241*Input!$C$22,0)</f>
        <v>0.22348428650761659</v>
      </c>
      <c r="O2241" s="59">
        <f>IF(Input!$D$19=2,J2241*Input!$C$19,0)+IF(Input!$D$20=2,K2241*Input!$C$20,0)+IF(Input!$D$21=2,L2241*Input!$C$21,0)+IF(Input!$D$22=2,M2241*Input!$C$22,0)</f>
        <v>0.55871071626904145</v>
      </c>
      <c r="P2241" s="59">
        <f>IF(Input!$D$19=3,J2241*Input!$C$19,0)+IF(Input!$D$20=3,K2241*Input!$C$20,0)+IF(Input!$D$21=3,L2241*Input!$C$21,0)+IF(Input!$D$22=3,M2241*Input!$C$22,0)</f>
        <v>0</v>
      </c>
      <c r="Q2241" s="75">
        <f>IF(Input!$D$19=4,J2241*Input!$C$19,0)+IF(Input!$D$20=4,K2241*Input!$C$20,0)+IF(Input!$D$21=4,L2241*Input!$C$21,0)+IF(Input!$D$22=4,M2241*Input!$C$22,0)</f>
        <v>0</v>
      </c>
      <c r="R2241" s="58">
        <v>56.081168281347885</v>
      </c>
      <c r="S2241" s="124">
        <f t="shared" si="34"/>
        <v>0.96843190819967184</v>
      </c>
    </row>
    <row r="2242" spans="8:19" x14ac:dyDescent="0.3">
      <c r="H2242" s="44">
        <v>2235</v>
      </c>
      <c r="I2242" s="56">
        <f>Bühler!I2268</f>
        <v>0.22348428650761656</v>
      </c>
      <c r="J2242" s="59">
        <f>Bühler!J2268</f>
        <v>0.74494762169205531</v>
      </c>
      <c r="K2242" s="59">
        <f>Bühler!K2268</f>
        <v>1.1174214325380829</v>
      </c>
      <c r="L2242" s="59">
        <f>Bühler!L2268</f>
        <v>5.3636228761827978</v>
      </c>
      <c r="M2242" s="58">
        <f>Bühler!M2268</f>
        <v>0</v>
      </c>
      <c r="N2242" s="56">
        <f>IF(Input!$D$19=1,J2242*Input!$C$19,0)+IF(Input!$D$20=1,K2242*Input!$C$20,0)+IF(Input!$D$21=1,L2242*Input!$C$21,0)+IF(Input!$D$22=1,M2242*Input!$C$22,0)</f>
        <v>0.22348428650761659</v>
      </c>
      <c r="O2242" s="59">
        <f>IF(Input!$D$19=2,J2242*Input!$C$19,0)+IF(Input!$D$20=2,K2242*Input!$C$20,0)+IF(Input!$D$21=2,L2242*Input!$C$21,0)+IF(Input!$D$22=2,M2242*Input!$C$22,0)</f>
        <v>0.55871071626904145</v>
      </c>
      <c r="P2242" s="59">
        <f>IF(Input!$D$19=3,J2242*Input!$C$19,0)+IF(Input!$D$20=3,K2242*Input!$C$20,0)+IF(Input!$D$21=3,L2242*Input!$C$21,0)+IF(Input!$D$22=3,M2242*Input!$C$22,0)</f>
        <v>0</v>
      </c>
      <c r="Q2242" s="75">
        <f>IF(Input!$D$19=4,J2242*Input!$C$19,0)+IF(Input!$D$20=4,K2242*Input!$C$20,0)+IF(Input!$D$21=4,L2242*Input!$C$21,0)+IF(Input!$D$22=4,M2242*Input!$C$22,0)</f>
        <v>0</v>
      </c>
      <c r="R2242" s="58">
        <v>56.23753555858957</v>
      </c>
      <c r="S2242" s="124">
        <f t="shared" si="34"/>
        <v>0.96843190819967184</v>
      </c>
    </row>
    <row r="2243" spans="8:19" x14ac:dyDescent="0.3">
      <c r="H2243" s="44">
        <v>2236</v>
      </c>
      <c r="I2243" s="56">
        <f>Bühler!I2269</f>
        <v>0.22348428650761656</v>
      </c>
      <c r="J2243" s="59">
        <f>Bühler!J2269</f>
        <v>0.74494762169205531</v>
      </c>
      <c r="K2243" s="59">
        <f>Bühler!K2269</f>
        <v>1.1174214325380829</v>
      </c>
      <c r="L2243" s="59">
        <f>Bühler!L2269</f>
        <v>5.3636228761827978</v>
      </c>
      <c r="M2243" s="58">
        <f>Bühler!M2269</f>
        <v>0</v>
      </c>
      <c r="N2243" s="56">
        <f>IF(Input!$D$19=1,J2243*Input!$C$19,0)+IF(Input!$D$20=1,K2243*Input!$C$20,0)+IF(Input!$D$21=1,L2243*Input!$C$21,0)+IF(Input!$D$22=1,M2243*Input!$C$22,0)</f>
        <v>0.22348428650761659</v>
      </c>
      <c r="O2243" s="59">
        <f>IF(Input!$D$19=2,J2243*Input!$C$19,0)+IF(Input!$D$20=2,K2243*Input!$C$20,0)+IF(Input!$D$21=2,L2243*Input!$C$21,0)+IF(Input!$D$22=2,M2243*Input!$C$22,0)</f>
        <v>0.55871071626904145</v>
      </c>
      <c r="P2243" s="59">
        <f>IF(Input!$D$19=3,J2243*Input!$C$19,0)+IF(Input!$D$20=3,K2243*Input!$C$20,0)+IF(Input!$D$21=3,L2243*Input!$C$21,0)+IF(Input!$D$22=3,M2243*Input!$C$22,0)</f>
        <v>0</v>
      </c>
      <c r="Q2243" s="75">
        <f>IF(Input!$D$19=4,J2243*Input!$C$19,0)+IF(Input!$D$20=4,K2243*Input!$C$20,0)+IF(Input!$D$21=4,L2243*Input!$C$21,0)+IF(Input!$D$22=4,M2243*Input!$C$22,0)</f>
        <v>0</v>
      </c>
      <c r="R2243" s="58">
        <v>57.120280426975562</v>
      </c>
      <c r="S2243" s="124">
        <f t="shared" si="34"/>
        <v>0.96843190819967184</v>
      </c>
    </row>
    <row r="2244" spans="8:19" x14ac:dyDescent="0.3">
      <c r="H2244" s="44">
        <v>2237</v>
      </c>
      <c r="I2244" s="56">
        <f>Bühler!I2270</f>
        <v>0.22348428650761656</v>
      </c>
      <c r="J2244" s="59">
        <f>Bühler!J2270</f>
        <v>0.74494762169205531</v>
      </c>
      <c r="K2244" s="59">
        <f>Bühler!K2270</f>
        <v>1.1174214325380829</v>
      </c>
      <c r="L2244" s="59">
        <f>Bühler!L2270</f>
        <v>5.3636228761827978</v>
      </c>
      <c r="M2244" s="58">
        <f>Bühler!M2270</f>
        <v>0</v>
      </c>
      <c r="N2244" s="56">
        <f>IF(Input!$D$19=1,J2244*Input!$C$19,0)+IF(Input!$D$20=1,K2244*Input!$C$20,0)+IF(Input!$D$21=1,L2244*Input!$C$21,0)+IF(Input!$D$22=1,M2244*Input!$C$22,0)</f>
        <v>0.22348428650761659</v>
      </c>
      <c r="O2244" s="59">
        <f>IF(Input!$D$19=2,J2244*Input!$C$19,0)+IF(Input!$D$20=2,K2244*Input!$C$20,0)+IF(Input!$D$21=2,L2244*Input!$C$21,0)+IF(Input!$D$22=2,M2244*Input!$C$22,0)</f>
        <v>0.55871071626904145</v>
      </c>
      <c r="P2244" s="59">
        <f>IF(Input!$D$19=3,J2244*Input!$C$19,0)+IF(Input!$D$20=3,K2244*Input!$C$20,0)+IF(Input!$D$21=3,L2244*Input!$C$21,0)+IF(Input!$D$22=3,M2244*Input!$C$22,0)</f>
        <v>0</v>
      </c>
      <c r="Q2244" s="75">
        <f>IF(Input!$D$19=4,J2244*Input!$C$19,0)+IF(Input!$D$20=4,K2244*Input!$C$20,0)+IF(Input!$D$21=4,L2244*Input!$C$21,0)+IF(Input!$D$22=4,M2244*Input!$C$22,0)</f>
        <v>0</v>
      </c>
      <c r="R2244" s="58">
        <v>58.501576963553021</v>
      </c>
      <c r="S2244" s="124">
        <f t="shared" si="34"/>
        <v>0.96843190819967184</v>
      </c>
    </row>
    <row r="2245" spans="8:19" x14ac:dyDescent="0.3">
      <c r="H2245" s="44">
        <v>2238</v>
      </c>
      <c r="I2245" s="56">
        <f>Bühler!I2271</f>
        <v>0.28804641372092804</v>
      </c>
      <c r="J2245" s="59">
        <f>Bühler!J2271</f>
        <v>0.96015471240309358</v>
      </c>
      <c r="K2245" s="59">
        <f>Bühler!K2271</f>
        <v>1.4402320686046401</v>
      </c>
      <c r="L2245" s="59">
        <f>Bühler!L2271</f>
        <v>6.9131139293022725</v>
      </c>
      <c r="M2245" s="58">
        <f>Bühler!M2271</f>
        <v>0</v>
      </c>
      <c r="N2245" s="56">
        <f>IF(Input!$D$19=1,J2245*Input!$C$19,0)+IF(Input!$D$20=1,K2245*Input!$C$20,0)+IF(Input!$D$21=1,L2245*Input!$C$21,0)+IF(Input!$D$22=1,M2245*Input!$C$22,0)</f>
        <v>0.28804641372092804</v>
      </c>
      <c r="O2245" s="59">
        <f>IF(Input!$D$19=2,J2245*Input!$C$19,0)+IF(Input!$D$20=2,K2245*Input!$C$20,0)+IF(Input!$D$21=2,L2245*Input!$C$21,0)+IF(Input!$D$22=2,M2245*Input!$C$22,0)</f>
        <v>0.72011603430232007</v>
      </c>
      <c r="P2245" s="59">
        <f>IF(Input!$D$19=3,J2245*Input!$C$19,0)+IF(Input!$D$20=3,K2245*Input!$C$20,0)+IF(Input!$D$21=3,L2245*Input!$C$21,0)+IF(Input!$D$22=3,M2245*Input!$C$22,0)</f>
        <v>0</v>
      </c>
      <c r="Q2245" s="75">
        <f>IF(Input!$D$19=4,J2245*Input!$C$19,0)+IF(Input!$D$20=4,K2245*Input!$C$20,0)+IF(Input!$D$21=4,L2245*Input!$C$21,0)+IF(Input!$D$22=4,M2245*Input!$C$22,0)</f>
        <v>0</v>
      </c>
      <c r="R2245" s="58">
        <v>61.400876911531135</v>
      </c>
      <c r="S2245" s="124">
        <f t="shared" si="34"/>
        <v>1.2482011261240216</v>
      </c>
    </row>
    <row r="2246" spans="8:19" x14ac:dyDescent="0.3">
      <c r="H2246" s="44">
        <v>2239</v>
      </c>
      <c r="I2246" s="56">
        <f>Bühler!I2272</f>
        <v>0.33274327102245138</v>
      </c>
      <c r="J2246" s="59">
        <f>Bühler!J2272</f>
        <v>1.1091442367415048</v>
      </c>
      <c r="K2246" s="59">
        <f>Bühler!K2272</f>
        <v>1.6637163551122569</v>
      </c>
      <c r="L2246" s="59">
        <f>Bühler!L2272</f>
        <v>7.9858385045388331</v>
      </c>
      <c r="M2246" s="58">
        <f>Bühler!M2272</f>
        <v>0</v>
      </c>
      <c r="N2246" s="56">
        <f>IF(Input!$D$19=1,J2246*Input!$C$19,0)+IF(Input!$D$20=1,K2246*Input!$C$20,0)+IF(Input!$D$21=1,L2246*Input!$C$21,0)+IF(Input!$D$22=1,M2246*Input!$C$22,0)</f>
        <v>0.33274327102245144</v>
      </c>
      <c r="O2246" s="59">
        <f>IF(Input!$D$19=2,J2246*Input!$C$19,0)+IF(Input!$D$20=2,K2246*Input!$C$20,0)+IF(Input!$D$21=2,L2246*Input!$C$21,0)+IF(Input!$D$22=2,M2246*Input!$C$22,0)</f>
        <v>0.83185817755612845</v>
      </c>
      <c r="P2246" s="59">
        <f>IF(Input!$D$19=3,J2246*Input!$C$19,0)+IF(Input!$D$20=3,K2246*Input!$C$20,0)+IF(Input!$D$21=3,L2246*Input!$C$21,0)+IF(Input!$D$22=3,M2246*Input!$C$22,0)</f>
        <v>0</v>
      </c>
      <c r="Q2246" s="75">
        <f>IF(Input!$D$19=4,J2246*Input!$C$19,0)+IF(Input!$D$20=4,K2246*Input!$C$20,0)+IF(Input!$D$21=4,L2246*Input!$C$21,0)+IF(Input!$D$22=4,M2246*Input!$C$22,0)</f>
        <v>0</v>
      </c>
      <c r="R2246" s="58">
        <v>65.030129074624284</v>
      </c>
      <c r="S2246" s="124">
        <f t="shared" si="34"/>
        <v>1.4418875077639561</v>
      </c>
    </row>
    <row r="2247" spans="8:19" x14ac:dyDescent="0.3">
      <c r="H2247" s="44">
        <v>2240</v>
      </c>
      <c r="I2247" s="56">
        <f>Bühler!I2273</f>
        <v>0.33274327102245138</v>
      </c>
      <c r="J2247" s="59">
        <f>Bühler!J2273</f>
        <v>1.1091442367415048</v>
      </c>
      <c r="K2247" s="59">
        <f>Bühler!K2273</f>
        <v>1.6637163551122569</v>
      </c>
      <c r="L2247" s="59">
        <f>Bühler!L2273</f>
        <v>7.9858385045388331</v>
      </c>
      <c r="M2247" s="58">
        <f>Bühler!M2273</f>
        <v>0</v>
      </c>
      <c r="N2247" s="56">
        <f>IF(Input!$D$19=1,J2247*Input!$C$19,0)+IF(Input!$D$20=1,K2247*Input!$C$20,0)+IF(Input!$D$21=1,L2247*Input!$C$21,0)+IF(Input!$D$22=1,M2247*Input!$C$22,0)</f>
        <v>0.33274327102245144</v>
      </c>
      <c r="O2247" s="59">
        <f>IF(Input!$D$19=2,J2247*Input!$C$19,0)+IF(Input!$D$20=2,K2247*Input!$C$20,0)+IF(Input!$D$21=2,L2247*Input!$C$21,0)+IF(Input!$D$22=2,M2247*Input!$C$22,0)</f>
        <v>0.83185817755612845</v>
      </c>
      <c r="P2247" s="59">
        <f>IF(Input!$D$19=3,J2247*Input!$C$19,0)+IF(Input!$D$20=3,K2247*Input!$C$20,0)+IF(Input!$D$21=3,L2247*Input!$C$21,0)+IF(Input!$D$22=3,M2247*Input!$C$22,0)</f>
        <v>0</v>
      </c>
      <c r="Q2247" s="75">
        <f>IF(Input!$D$19=4,J2247*Input!$C$19,0)+IF(Input!$D$20=4,K2247*Input!$C$20,0)+IF(Input!$D$21=4,L2247*Input!$C$21,0)+IF(Input!$D$22=4,M2247*Input!$C$22,0)</f>
        <v>0</v>
      </c>
      <c r="R2247" s="58">
        <v>67.581355684273888</v>
      </c>
      <c r="S2247" s="124">
        <f t="shared" si="34"/>
        <v>1.4418875077639561</v>
      </c>
    </row>
    <row r="2248" spans="8:19" x14ac:dyDescent="0.3">
      <c r="H2248" s="44">
        <v>2241</v>
      </c>
      <c r="I2248" s="56">
        <f>Bühler!I2274</f>
        <v>0.33274327102245138</v>
      </c>
      <c r="J2248" s="59">
        <f>Bühler!J2274</f>
        <v>1.1091442367415048</v>
      </c>
      <c r="K2248" s="59">
        <f>Bühler!K2274</f>
        <v>1.6637163551122569</v>
      </c>
      <c r="L2248" s="59">
        <f>Bühler!L2274</f>
        <v>7.9858385045388331</v>
      </c>
      <c r="M2248" s="58">
        <f>Bühler!M2274</f>
        <v>0</v>
      </c>
      <c r="N2248" s="56">
        <f>IF(Input!$D$19=1,J2248*Input!$C$19,0)+IF(Input!$D$20=1,K2248*Input!$C$20,0)+IF(Input!$D$21=1,L2248*Input!$C$21,0)+IF(Input!$D$22=1,M2248*Input!$C$22,0)</f>
        <v>0.33274327102245144</v>
      </c>
      <c r="O2248" s="59">
        <f>IF(Input!$D$19=2,J2248*Input!$C$19,0)+IF(Input!$D$20=2,K2248*Input!$C$20,0)+IF(Input!$D$21=2,L2248*Input!$C$21,0)+IF(Input!$D$22=2,M2248*Input!$C$22,0)</f>
        <v>0.83185817755612845</v>
      </c>
      <c r="P2248" s="59">
        <f>IF(Input!$D$19=3,J2248*Input!$C$19,0)+IF(Input!$D$20=3,K2248*Input!$C$20,0)+IF(Input!$D$21=3,L2248*Input!$C$21,0)+IF(Input!$D$22=3,M2248*Input!$C$22,0)</f>
        <v>0</v>
      </c>
      <c r="Q2248" s="75">
        <f>IF(Input!$D$19=4,J2248*Input!$C$19,0)+IF(Input!$D$20=4,K2248*Input!$C$20,0)+IF(Input!$D$21=4,L2248*Input!$C$21,0)+IF(Input!$D$22=4,M2248*Input!$C$22,0)</f>
        <v>0</v>
      </c>
      <c r="R2248" s="58">
        <v>67.998938140880512</v>
      </c>
      <c r="S2248" s="124">
        <f t="shared" si="34"/>
        <v>1.4418875077639561</v>
      </c>
    </row>
    <row r="2249" spans="8:19" x14ac:dyDescent="0.3">
      <c r="H2249" s="44">
        <v>2242</v>
      </c>
      <c r="I2249" s="56">
        <f>Bühler!I2275</f>
        <v>0.35757485841218656</v>
      </c>
      <c r="J2249" s="59">
        <f>Bühler!J2275</f>
        <v>1.1919161947072885</v>
      </c>
      <c r="K2249" s="59">
        <f>Bühler!K2275</f>
        <v>1.7878742920609327</v>
      </c>
      <c r="L2249" s="59">
        <f>Bühler!L2275</f>
        <v>8.5817966018924761</v>
      </c>
      <c r="M2249" s="58">
        <f>Bühler!M2275</f>
        <v>0</v>
      </c>
      <c r="N2249" s="56">
        <f>IF(Input!$D$19=1,J2249*Input!$C$19,0)+IF(Input!$D$20=1,K2249*Input!$C$20,0)+IF(Input!$D$21=1,L2249*Input!$C$21,0)+IF(Input!$D$22=1,M2249*Input!$C$22,0)</f>
        <v>0.35757485841218656</v>
      </c>
      <c r="O2249" s="59">
        <f>IF(Input!$D$19=2,J2249*Input!$C$19,0)+IF(Input!$D$20=2,K2249*Input!$C$20,0)+IF(Input!$D$21=2,L2249*Input!$C$21,0)+IF(Input!$D$22=2,M2249*Input!$C$22,0)</f>
        <v>0.89393714603046637</v>
      </c>
      <c r="P2249" s="59">
        <f>IF(Input!$D$19=3,J2249*Input!$C$19,0)+IF(Input!$D$20=3,K2249*Input!$C$20,0)+IF(Input!$D$21=3,L2249*Input!$C$21,0)+IF(Input!$D$22=3,M2249*Input!$C$22,0)</f>
        <v>0</v>
      </c>
      <c r="Q2249" s="75">
        <f>IF(Input!$D$19=4,J2249*Input!$C$19,0)+IF(Input!$D$20=4,K2249*Input!$C$20,0)+IF(Input!$D$21=4,L2249*Input!$C$21,0)+IF(Input!$D$22=4,M2249*Input!$C$22,0)</f>
        <v>0</v>
      </c>
      <c r="R2249" s="58">
        <v>67.675596043584704</v>
      </c>
      <c r="S2249" s="124">
        <f t="shared" ref="S2249:S2312" si="35">I2249+J2249</f>
        <v>1.549491053119475</v>
      </c>
    </row>
    <row r="2250" spans="8:19" x14ac:dyDescent="0.3">
      <c r="H2250" s="44">
        <v>2243</v>
      </c>
      <c r="I2250" s="56">
        <f>Bühler!I2276</f>
        <v>0.38737276327986869</v>
      </c>
      <c r="J2250" s="59">
        <f>Bühler!J2276</f>
        <v>1.291242544266229</v>
      </c>
      <c r="K2250" s="59">
        <f>Bühler!K2276</f>
        <v>1.9368638163993435</v>
      </c>
      <c r="L2250" s="59">
        <f>Bühler!L2276</f>
        <v>9.2969463187168486</v>
      </c>
      <c r="M2250" s="58">
        <f>Bühler!M2276</f>
        <v>0</v>
      </c>
      <c r="N2250" s="56">
        <f>IF(Input!$D$19=1,J2250*Input!$C$19,0)+IF(Input!$D$20=1,K2250*Input!$C$20,0)+IF(Input!$D$21=1,L2250*Input!$C$21,0)+IF(Input!$D$22=1,M2250*Input!$C$22,0)</f>
        <v>0.38737276327986869</v>
      </c>
      <c r="O2250" s="59">
        <f>IF(Input!$D$19=2,J2250*Input!$C$19,0)+IF(Input!$D$20=2,K2250*Input!$C$20,0)+IF(Input!$D$21=2,L2250*Input!$C$21,0)+IF(Input!$D$22=2,M2250*Input!$C$22,0)</f>
        <v>0.96843190819967173</v>
      </c>
      <c r="P2250" s="59">
        <f>IF(Input!$D$19=3,J2250*Input!$C$19,0)+IF(Input!$D$20=3,K2250*Input!$C$20,0)+IF(Input!$D$21=3,L2250*Input!$C$21,0)+IF(Input!$D$22=3,M2250*Input!$C$22,0)</f>
        <v>0</v>
      </c>
      <c r="Q2250" s="75">
        <f>IF(Input!$D$19=4,J2250*Input!$C$19,0)+IF(Input!$D$20=4,K2250*Input!$C$20,0)+IF(Input!$D$21=4,L2250*Input!$C$21,0)+IF(Input!$D$22=4,M2250*Input!$C$22,0)</f>
        <v>0</v>
      </c>
      <c r="R2250" s="58">
        <v>68.166329282208054</v>
      </c>
      <c r="S2250" s="124">
        <f t="shared" si="35"/>
        <v>1.6786153075460977</v>
      </c>
    </row>
    <row r="2251" spans="8:19" x14ac:dyDescent="0.3">
      <c r="H2251" s="44">
        <v>2244</v>
      </c>
      <c r="I2251" s="56">
        <f>Bühler!I2277</f>
        <v>0.44696857301523313</v>
      </c>
      <c r="J2251" s="59">
        <f>Bühler!J2277</f>
        <v>1.4898952433841106</v>
      </c>
      <c r="K2251" s="59">
        <f>Bühler!K2277</f>
        <v>2.2348428650761658</v>
      </c>
      <c r="L2251" s="59">
        <f>Bühler!L2277</f>
        <v>10.727245752365596</v>
      </c>
      <c r="M2251" s="58">
        <f>Bühler!M2277</f>
        <v>0</v>
      </c>
      <c r="N2251" s="56">
        <f>IF(Input!$D$19=1,J2251*Input!$C$19,0)+IF(Input!$D$20=1,K2251*Input!$C$20,0)+IF(Input!$D$21=1,L2251*Input!$C$21,0)+IF(Input!$D$22=1,M2251*Input!$C$22,0)</f>
        <v>0.44696857301523318</v>
      </c>
      <c r="O2251" s="59">
        <f>IF(Input!$D$19=2,J2251*Input!$C$19,0)+IF(Input!$D$20=2,K2251*Input!$C$20,0)+IF(Input!$D$21=2,L2251*Input!$C$21,0)+IF(Input!$D$22=2,M2251*Input!$C$22,0)</f>
        <v>1.1174214325380829</v>
      </c>
      <c r="P2251" s="59">
        <f>IF(Input!$D$19=3,J2251*Input!$C$19,0)+IF(Input!$D$20=3,K2251*Input!$C$20,0)+IF(Input!$D$21=3,L2251*Input!$C$21,0)+IF(Input!$D$22=3,M2251*Input!$C$22,0)</f>
        <v>0</v>
      </c>
      <c r="Q2251" s="75">
        <f>IF(Input!$D$19=4,J2251*Input!$C$19,0)+IF(Input!$D$20=4,K2251*Input!$C$20,0)+IF(Input!$D$21=4,L2251*Input!$C$21,0)+IF(Input!$D$22=4,M2251*Input!$C$22,0)</f>
        <v>0</v>
      </c>
      <c r="R2251" s="58">
        <v>68.35362576235579</v>
      </c>
      <c r="S2251" s="124">
        <f t="shared" si="35"/>
        <v>1.9368638163993437</v>
      </c>
    </row>
    <row r="2252" spans="8:19" x14ac:dyDescent="0.3">
      <c r="H2252" s="44">
        <v>2245</v>
      </c>
      <c r="I2252" s="56">
        <f>Bühler!I2278</f>
        <v>0.44696857301523313</v>
      </c>
      <c r="J2252" s="59">
        <f>Bühler!J2278</f>
        <v>1.4898952433841106</v>
      </c>
      <c r="K2252" s="59">
        <f>Bühler!K2278</f>
        <v>2.2348428650761658</v>
      </c>
      <c r="L2252" s="59">
        <f>Bühler!L2278</f>
        <v>10.727245752365596</v>
      </c>
      <c r="M2252" s="58">
        <f>Bühler!M2278</f>
        <v>0</v>
      </c>
      <c r="N2252" s="56">
        <f>IF(Input!$D$19=1,J2252*Input!$C$19,0)+IF(Input!$D$20=1,K2252*Input!$C$20,0)+IF(Input!$D$21=1,L2252*Input!$C$21,0)+IF(Input!$D$22=1,M2252*Input!$C$22,0)</f>
        <v>0.44696857301523318</v>
      </c>
      <c r="O2252" s="59">
        <f>IF(Input!$D$19=2,J2252*Input!$C$19,0)+IF(Input!$D$20=2,K2252*Input!$C$20,0)+IF(Input!$D$21=2,L2252*Input!$C$21,0)+IF(Input!$D$22=2,M2252*Input!$C$22,0)</f>
        <v>1.1174214325380829</v>
      </c>
      <c r="P2252" s="59">
        <f>IF(Input!$D$19=3,J2252*Input!$C$19,0)+IF(Input!$D$20=3,K2252*Input!$C$20,0)+IF(Input!$D$21=3,L2252*Input!$C$21,0)+IF(Input!$D$22=3,M2252*Input!$C$22,0)</f>
        <v>0</v>
      </c>
      <c r="Q2252" s="75">
        <f>IF(Input!$D$19=4,J2252*Input!$C$19,0)+IF(Input!$D$20=4,K2252*Input!$C$20,0)+IF(Input!$D$21=4,L2252*Input!$C$21,0)+IF(Input!$D$22=4,M2252*Input!$C$22,0)</f>
        <v>0</v>
      </c>
      <c r="R2252" s="58">
        <v>67.554595460542032</v>
      </c>
      <c r="S2252" s="124">
        <f t="shared" si="35"/>
        <v>1.9368638163993437</v>
      </c>
    </row>
    <row r="2253" spans="8:19" x14ac:dyDescent="0.3">
      <c r="H2253" s="44">
        <v>2246</v>
      </c>
      <c r="I2253" s="56">
        <f>Bühler!I2279</f>
        <v>0.44696857301523313</v>
      </c>
      <c r="J2253" s="59">
        <f>Bühler!J2279</f>
        <v>1.4898952433841106</v>
      </c>
      <c r="K2253" s="59">
        <f>Bühler!K2279</f>
        <v>2.2348428650761658</v>
      </c>
      <c r="L2253" s="59">
        <f>Bühler!L2279</f>
        <v>10.727245752365596</v>
      </c>
      <c r="M2253" s="58">
        <f>Bühler!M2279</f>
        <v>0</v>
      </c>
      <c r="N2253" s="56">
        <f>IF(Input!$D$19=1,J2253*Input!$C$19,0)+IF(Input!$D$20=1,K2253*Input!$C$20,0)+IF(Input!$D$21=1,L2253*Input!$C$21,0)+IF(Input!$D$22=1,M2253*Input!$C$22,0)</f>
        <v>0.44696857301523318</v>
      </c>
      <c r="O2253" s="59">
        <f>IF(Input!$D$19=2,J2253*Input!$C$19,0)+IF(Input!$D$20=2,K2253*Input!$C$20,0)+IF(Input!$D$21=2,L2253*Input!$C$21,0)+IF(Input!$D$22=2,M2253*Input!$C$22,0)</f>
        <v>1.1174214325380829</v>
      </c>
      <c r="P2253" s="59">
        <f>IF(Input!$D$19=3,J2253*Input!$C$19,0)+IF(Input!$D$20=3,K2253*Input!$C$20,0)+IF(Input!$D$21=3,L2253*Input!$C$21,0)+IF(Input!$D$22=3,M2253*Input!$C$22,0)</f>
        <v>0</v>
      </c>
      <c r="Q2253" s="75">
        <f>IF(Input!$D$19=4,J2253*Input!$C$19,0)+IF(Input!$D$20=4,K2253*Input!$C$20,0)+IF(Input!$D$21=4,L2253*Input!$C$21,0)+IF(Input!$D$22=4,M2253*Input!$C$22,0)</f>
        <v>0</v>
      </c>
      <c r="R2253" s="58">
        <v>67.075237681931597</v>
      </c>
      <c r="S2253" s="124">
        <f t="shared" si="35"/>
        <v>1.9368638163993437</v>
      </c>
    </row>
    <row r="2254" spans="8:19" x14ac:dyDescent="0.3">
      <c r="H2254" s="44">
        <v>2247</v>
      </c>
      <c r="I2254" s="56">
        <f>Bühler!I2280</f>
        <v>0.44696857301523313</v>
      </c>
      <c r="J2254" s="59">
        <f>Bühler!J2280</f>
        <v>1.4898952433841106</v>
      </c>
      <c r="K2254" s="59">
        <f>Bühler!K2280</f>
        <v>2.2348428650761658</v>
      </c>
      <c r="L2254" s="59">
        <f>Bühler!L2280</f>
        <v>10.727245752365596</v>
      </c>
      <c r="M2254" s="58">
        <f>Bühler!M2280</f>
        <v>0</v>
      </c>
      <c r="N2254" s="56">
        <f>IF(Input!$D$19=1,J2254*Input!$C$19,0)+IF(Input!$D$20=1,K2254*Input!$C$20,0)+IF(Input!$D$21=1,L2254*Input!$C$21,0)+IF(Input!$D$22=1,M2254*Input!$C$22,0)</f>
        <v>0.44696857301523318</v>
      </c>
      <c r="O2254" s="59">
        <f>IF(Input!$D$19=2,J2254*Input!$C$19,0)+IF(Input!$D$20=2,K2254*Input!$C$20,0)+IF(Input!$D$21=2,L2254*Input!$C$21,0)+IF(Input!$D$22=2,M2254*Input!$C$22,0)</f>
        <v>1.1174214325380829</v>
      </c>
      <c r="P2254" s="59">
        <f>IF(Input!$D$19=3,J2254*Input!$C$19,0)+IF(Input!$D$20=3,K2254*Input!$C$20,0)+IF(Input!$D$21=3,L2254*Input!$C$21,0)+IF(Input!$D$22=3,M2254*Input!$C$22,0)</f>
        <v>0</v>
      </c>
      <c r="Q2254" s="75">
        <f>IF(Input!$D$19=4,J2254*Input!$C$19,0)+IF(Input!$D$20=4,K2254*Input!$C$20,0)+IF(Input!$D$21=4,L2254*Input!$C$21,0)+IF(Input!$D$22=4,M2254*Input!$C$22,0)</f>
        <v>0</v>
      </c>
      <c r="R2254" s="58">
        <v>67.00937972044288</v>
      </c>
      <c r="S2254" s="124">
        <f t="shared" si="35"/>
        <v>1.9368638163993437</v>
      </c>
    </row>
    <row r="2255" spans="8:19" x14ac:dyDescent="0.3">
      <c r="H2255" s="44">
        <v>2248</v>
      </c>
      <c r="I2255" s="56">
        <f>Bühler!I2281</f>
        <v>0.44696857301523313</v>
      </c>
      <c r="J2255" s="59">
        <f>Bühler!J2281</f>
        <v>1.4898952433841106</v>
      </c>
      <c r="K2255" s="59">
        <f>Bühler!K2281</f>
        <v>2.2348428650761658</v>
      </c>
      <c r="L2255" s="59">
        <f>Bühler!L2281</f>
        <v>10.727245752365596</v>
      </c>
      <c r="M2255" s="58">
        <f>Bühler!M2281</f>
        <v>0</v>
      </c>
      <c r="N2255" s="56">
        <f>IF(Input!$D$19=1,J2255*Input!$C$19,0)+IF(Input!$D$20=1,K2255*Input!$C$20,0)+IF(Input!$D$21=1,L2255*Input!$C$21,0)+IF(Input!$D$22=1,M2255*Input!$C$22,0)</f>
        <v>0.44696857301523318</v>
      </c>
      <c r="O2255" s="59">
        <f>IF(Input!$D$19=2,J2255*Input!$C$19,0)+IF(Input!$D$20=2,K2255*Input!$C$20,0)+IF(Input!$D$21=2,L2255*Input!$C$21,0)+IF(Input!$D$22=2,M2255*Input!$C$22,0)</f>
        <v>1.1174214325380829</v>
      </c>
      <c r="P2255" s="59">
        <f>IF(Input!$D$19=3,J2255*Input!$C$19,0)+IF(Input!$D$20=3,K2255*Input!$C$20,0)+IF(Input!$D$21=3,L2255*Input!$C$21,0)+IF(Input!$D$22=3,M2255*Input!$C$22,0)</f>
        <v>0</v>
      </c>
      <c r="Q2255" s="75">
        <f>IF(Input!$D$19=4,J2255*Input!$C$19,0)+IF(Input!$D$20=4,K2255*Input!$C$20,0)+IF(Input!$D$21=4,L2255*Input!$C$21,0)+IF(Input!$D$22=4,M2255*Input!$C$22,0)</f>
        <v>0</v>
      </c>
      <c r="R2255" s="58">
        <v>66.496973199583522</v>
      </c>
      <c r="S2255" s="124">
        <f t="shared" si="35"/>
        <v>1.9368638163993437</v>
      </c>
    </row>
    <row r="2256" spans="8:19" x14ac:dyDescent="0.3">
      <c r="H2256" s="44">
        <v>2249</v>
      </c>
      <c r="I2256" s="56">
        <f>Bühler!I2282</f>
        <v>0.44696857301523313</v>
      </c>
      <c r="J2256" s="59">
        <f>Bühler!J2282</f>
        <v>1.4898952433841106</v>
      </c>
      <c r="K2256" s="59">
        <f>Bühler!K2282</f>
        <v>2.2348428650761658</v>
      </c>
      <c r="L2256" s="59">
        <f>Bühler!L2282</f>
        <v>10.727245752365596</v>
      </c>
      <c r="M2256" s="58">
        <f>Bühler!M2282</f>
        <v>0</v>
      </c>
      <c r="N2256" s="56">
        <f>IF(Input!$D$19=1,J2256*Input!$C$19,0)+IF(Input!$D$20=1,K2256*Input!$C$20,0)+IF(Input!$D$21=1,L2256*Input!$C$21,0)+IF(Input!$D$22=1,M2256*Input!$C$22,0)</f>
        <v>0.44696857301523318</v>
      </c>
      <c r="O2256" s="59">
        <f>IF(Input!$D$19=2,J2256*Input!$C$19,0)+IF(Input!$D$20=2,K2256*Input!$C$20,0)+IF(Input!$D$21=2,L2256*Input!$C$21,0)+IF(Input!$D$22=2,M2256*Input!$C$22,0)</f>
        <v>1.1174214325380829</v>
      </c>
      <c r="P2256" s="59">
        <f>IF(Input!$D$19=3,J2256*Input!$C$19,0)+IF(Input!$D$20=3,K2256*Input!$C$20,0)+IF(Input!$D$21=3,L2256*Input!$C$21,0)+IF(Input!$D$22=3,M2256*Input!$C$22,0)</f>
        <v>0</v>
      </c>
      <c r="Q2256" s="75">
        <f>IF(Input!$D$19=4,J2256*Input!$C$19,0)+IF(Input!$D$20=4,K2256*Input!$C$20,0)+IF(Input!$D$21=4,L2256*Input!$C$21,0)+IF(Input!$D$22=4,M2256*Input!$C$22,0)</f>
        <v>0</v>
      </c>
      <c r="R2256" s="58">
        <v>65.182960013918304</v>
      </c>
      <c r="S2256" s="124">
        <f t="shared" si="35"/>
        <v>1.9368638163993437</v>
      </c>
    </row>
    <row r="2257" spans="8:19" x14ac:dyDescent="0.3">
      <c r="H2257" s="44">
        <v>2250</v>
      </c>
      <c r="I2257" s="56">
        <f>Bühler!I2283</f>
        <v>0.44696857301523313</v>
      </c>
      <c r="J2257" s="59">
        <f>Bühler!J2283</f>
        <v>1.4898952433841106</v>
      </c>
      <c r="K2257" s="59">
        <f>Bühler!K2283</f>
        <v>2.2348428650761658</v>
      </c>
      <c r="L2257" s="59">
        <f>Bühler!L2283</f>
        <v>10.727245752365596</v>
      </c>
      <c r="M2257" s="58">
        <f>Bühler!M2283</f>
        <v>0</v>
      </c>
      <c r="N2257" s="56">
        <f>IF(Input!$D$19=1,J2257*Input!$C$19,0)+IF(Input!$D$20=1,K2257*Input!$C$20,0)+IF(Input!$D$21=1,L2257*Input!$C$21,0)+IF(Input!$D$22=1,M2257*Input!$C$22,0)</f>
        <v>0.44696857301523318</v>
      </c>
      <c r="O2257" s="59">
        <f>IF(Input!$D$19=2,J2257*Input!$C$19,0)+IF(Input!$D$20=2,K2257*Input!$C$20,0)+IF(Input!$D$21=2,L2257*Input!$C$21,0)+IF(Input!$D$22=2,M2257*Input!$C$22,0)</f>
        <v>1.1174214325380829</v>
      </c>
      <c r="P2257" s="59">
        <f>IF(Input!$D$19=3,J2257*Input!$C$19,0)+IF(Input!$D$20=3,K2257*Input!$C$20,0)+IF(Input!$D$21=3,L2257*Input!$C$21,0)+IF(Input!$D$22=3,M2257*Input!$C$22,0)</f>
        <v>0</v>
      </c>
      <c r="Q2257" s="75">
        <f>IF(Input!$D$19=4,J2257*Input!$C$19,0)+IF(Input!$D$20=4,K2257*Input!$C$20,0)+IF(Input!$D$21=4,L2257*Input!$C$21,0)+IF(Input!$D$22=4,M2257*Input!$C$22,0)</f>
        <v>0</v>
      </c>
      <c r="R2257" s="58">
        <v>64.068465297489411</v>
      </c>
      <c r="S2257" s="124">
        <f t="shared" si="35"/>
        <v>1.9368638163993437</v>
      </c>
    </row>
    <row r="2258" spans="8:19" x14ac:dyDescent="0.3">
      <c r="H2258" s="44">
        <v>2251</v>
      </c>
      <c r="I2258" s="56">
        <f>Bühler!I2284</f>
        <v>0.44696857301523313</v>
      </c>
      <c r="J2258" s="59">
        <f>Bühler!J2284</f>
        <v>1.4898952433841106</v>
      </c>
      <c r="K2258" s="59">
        <f>Bühler!K2284</f>
        <v>2.2348428650761658</v>
      </c>
      <c r="L2258" s="59">
        <f>Bühler!L2284</f>
        <v>10.727245752365596</v>
      </c>
      <c r="M2258" s="58">
        <f>Bühler!M2284</f>
        <v>0</v>
      </c>
      <c r="N2258" s="56">
        <f>IF(Input!$D$19=1,J2258*Input!$C$19,0)+IF(Input!$D$20=1,K2258*Input!$C$20,0)+IF(Input!$D$21=1,L2258*Input!$C$21,0)+IF(Input!$D$22=1,M2258*Input!$C$22,0)</f>
        <v>0.44696857301523318</v>
      </c>
      <c r="O2258" s="59">
        <f>IF(Input!$D$19=2,J2258*Input!$C$19,0)+IF(Input!$D$20=2,K2258*Input!$C$20,0)+IF(Input!$D$21=2,L2258*Input!$C$21,0)+IF(Input!$D$22=2,M2258*Input!$C$22,0)</f>
        <v>1.1174214325380829</v>
      </c>
      <c r="P2258" s="59">
        <f>IF(Input!$D$19=3,J2258*Input!$C$19,0)+IF(Input!$D$20=3,K2258*Input!$C$20,0)+IF(Input!$D$21=3,L2258*Input!$C$21,0)+IF(Input!$D$22=3,M2258*Input!$C$22,0)</f>
        <v>0</v>
      </c>
      <c r="Q2258" s="75">
        <f>IF(Input!$D$19=4,J2258*Input!$C$19,0)+IF(Input!$D$20=4,K2258*Input!$C$20,0)+IF(Input!$D$21=4,L2258*Input!$C$21,0)+IF(Input!$D$22=4,M2258*Input!$C$22,0)</f>
        <v>0</v>
      </c>
      <c r="R2258" s="58">
        <v>62.62808313009765</v>
      </c>
      <c r="S2258" s="124">
        <f t="shared" si="35"/>
        <v>1.9368638163993437</v>
      </c>
    </row>
    <row r="2259" spans="8:19" x14ac:dyDescent="0.3">
      <c r="H2259" s="44">
        <v>2252</v>
      </c>
      <c r="I2259" s="56">
        <f>Bühler!I2285</f>
        <v>0.37247381084602771</v>
      </c>
      <c r="J2259" s="59">
        <f>Bühler!J2285</f>
        <v>1.2415793694867592</v>
      </c>
      <c r="K2259" s="59">
        <f>Bühler!K2285</f>
        <v>1.8623690542301383</v>
      </c>
      <c r="L2259" s="59">
        <f>Bühler!L2285</f>
        <v>8.939371460304665</v>
      </c>
      <c r="M2259" s="58">
        <f>Bühler!M2285</f>
        <v>0</v>
      </c>
      <c r="N2259" s="56">
        <f>IF(Input!$D$19=1,J2259*Input!$C$19,0)+IF(Input!$D$20=1,K2259*Input!$C$20,0)+IF(Input!$D$21=1,L2259*Input!$C$21,0)+IF(Input!$D$22=1,M2259*Input!$C$22,0)</f>
        <v>0.37247381084602776</v>
      </c>
      <c r="O2259" s="59">
        <f>IF(Input!$D$19=2,J2259*Input!$C$19,0)+IF(Input!$D$20=2,K2259*Input!$C$20,0)+IF(Input!$D$21=2,L2259*Input!$C$21,0)+IF(Input!$D$22=2,M2259*Input!$C$22,0)</f>
        <v>0.93118452711506916</v>
      </c>
      <c r="P2259" s="59">
        <f>IF(Input!$D$19=3,J2259*Input!$C$19,0)+IF(Input!$D$20=3,K2259*Input!$C$20,0)+IF(Input!$D$21=3,L2259*Input!$C$21,0)+IF(Input!$D$22=3,M2259*Input!$C$22,0)</f>
        <v>0</v>
      </c>
      <c r="Q2259" s="75">
        <f>IF(Input!$D$19=4,J2259*Input!$C$19,0)+IF(Input!$D$20=4,K2259*Input!$C$20,0)+IF(Input!$D$21=4,L2259*Input!$C$21,0)+IF(Input!$D$22=4,M2259*Input!$C$22,0)</f>
        <v>0</v>
      </c>
      <c r="R2259" s="58">
        <v>61.468293008244665</v>
      </c>
      <c r="S2259" s="124">
        <f t="shared" si="35"/>
        <v>1.6140531803327869</v>
      </c>
    </row>
    <row r="2260" spans="8:19" x14ac:dyDescent="0.3">
      <c r="H2260" s="44">
        <v>2253</v>
      </c>
      <c r="I2260" s="56">
        <f>Bühler!I2286</f>
        <v>0.29797904867682212</v>
      </c>
      <c r="J2260" s="59">
        <f>Bühler!J2286</f>
        <v>0.99326349558940719</v>
      </c>
      <c r="K2260" s="59">
        <f>Bühler!K2286</f>
        <v>1.4898952433841106</v>
      </c>
      <c r="L2260" s="59">
        <f>Bühler!L2286</f>
        <v>7.1514971682437309</v>
      </c>
      <c r="M2260" s="58">
        <f>Bühler!M2286</f>
        <v>0</v>
      </c>
      <c r="N2260" s="56">
        <f>IF(Input!$D$19=1,J2260*Input!$C$19,0)+IF(Input!$D$20=1,K2260*Input!$C$20,0)+IF(Input!$D$21=1,L2260*Input!$C$21,0)+IF(Input!$D$22=1,M2260*Input!$C$22,0)</f>
        <v>0.29797904867682212</v>
      </c>
      <c r="O2260" s="59">
        <f>IF(Input!$D$19=2,J2260*Input!$C$19,0)+IF(Input!$D$20=2,K2260*Input!$C$20,0)+IF(Input!$D$21=2,L2260*Input!$C$21,0)+IF(Input!$D$22=2,M2260*Input!$C$22,0)</f>
        <v>0.74494762169205531</v>
      </c>
      <c r="P2260" s="59">
        <f>IF(Input!$D$19=3,J2260*Input!$C$19,0)+IF(Input!$D$20=3,K2260*Input!$C$20,0)+IF(Input!$D$21=3,L2260*Input!$C$21,0)+IF(Input!$D$22=3,M2260*Input!$C$22,0)</f>
        <v>0</v>
      </c>
      <c r="Q2260" s="75">
        <f>IF(Input!$D$19=4,J2260*Input!$C$19,0)+IF(Input!$D$20=4,K2260*Input!$C$20,0)+IF(Input!$D$21=4,L2260*Input!$C$21,0)+IF(Input!$D$22=4,M2260*Input!$C$22,0)</f>
        <v>0</v>
      </c>
      <c r="R2260" s="58">
        <v>59.695360896167045</v>
      </c>
      <c r="S2260" s="124">
        <f t="shared" si="35"/>
        <v>1.2912425442662294</v>
      </c>
    </row>
    <row r="2261" spans="8:19" x14ac:dyDescent="0.3">
      <c r="H2261" s="44">
        <v>2254</v>
      </c>
      <c r="I2261" s="56">
        <f>Bühler!I2287</f>
        <v>0.22348428650761656</v>
      </c>
      <c r="J2261" s="59">
        <f>Bühler!J2287</f>
        <v>0.74494762169205531</v>
      </c>
      <c r="K2261" s="59">
        <f>Bühler!K2287</f>
        <v>1.1174214325380829</v>
      </c>
      <c r="L2261" s="59">
        <f>Bühler!L2287</f>
        <v>5.3636228761827978</v>
      </c>
      <c r="M2261" s="58">
        <f>Bühler!M2287</f>
        <v>0</v>
      </c>
      <c r="N2261" s="56">
        <f>IF(Input!$D$19=1,J2261*Input!$C$19,0)+IF(Input!$D$20=1,K2261*Input!$C$20,0)+IF(Input!$D$21=1,L2261*Input!$C$21,0)+IF(Input!$D$22=1,M2261*Input!$C$22,0)</f>
        <v>0.22348428650761659</v>
      </c>
      <c r="O2261" s="59">
        <f>IF(Input!$D$19=2,J2261*Input!$C$19,0)+IF(Input!$D$20=2,K2261*Input!$C$20,0)+IF(Input!$D$21=2,L2261*Input!$C$21,0)+IF(Input!$D$22=2,M2261*Input!$C$22,0)</f>
        <v>0.55871071626904145</v>
      </c>
      <c r="P2261" s="59">
        <f>IF(Input!$D$19=3,J2261*Input!$C$19,0)+IF(Input!$D$20=3,K2261*Input!$C$20,0)+IF(Input!$D$21=3,L2261*Input!$C$21,0)+IF(Input!$D$22=3,M2261*Input!$C$22,0)</f>
        <v>0</v>
      </c>
      <c r="Q2261" s="75">
        <f>IF(Input!$D$19=4,J2261*Input!$C$19,0)+IF(Input!$D$20=4,K2261*Input!$C$20,0)+IF(Input!$D$21=4,L2261*Input!$C$21,0)+IF(Input!$D$22=4,M2261*Input!$C$22,0)</f>
        <v>0</v>
      </c>
      <c r="R2261" s="58">
        <v>58.699924394363393</v>
      </c>
      <c r="S2261" s="124">
        <f t="shared" si="35"/>
        <v>0.96843190819967184</v>
      </c>
    </row>
    <row r="2262" spans="8:19" x14ac:dyDescent="0.3">
      <c r="H2262" s="44">
        <v>2255</v>
      </c>
      <c r="I2262" s="56">
        <f>Bühler!I2288</f>
        <v>0.22348428650761656</v>
      </c>
      <c r="J2262" s="59">
        <f>Bühler!J2288</f>
        <v>0.74494762169205531</v>
      </c>
      <c r="K2262" s="59">
        <f>Bühler!K2288</f>
        <v>1.1174214325380829</v>
      </c>
      <c r="L2262" s="59">
        <f>Bühler!L2288</f>
        <v>5.3636228761827978</v>
      </c>
      <c r="M2262" s="58">
        <f>Bühler!M2288</f>
        <v>0</v>
      </c>
      <c r="N2262" s="56">
        <f>IF(Input!$D$19=1,J2262*Input!$C$19,0)+IF(Input!$D$20=1,K2262*Input!$C$20,0)+IF(Input!$D$21=1,L2262*Input!$C$21,0)+IF(Input!$D$22=1,M2262*Input!$C$22,0)</f>
        <v>0.22348428650761659</v>
      </c>
      <c r="O2262" s="59">
        <f>IF(Input!$D$19=2,J2262*Input!$C$19,0)+IF(Input!$D$20=2,K2262*Input!$C$20,0)+IF(Input!$D$21=2,L2262*Input!$C$21,0)+IF(Input!$D$22=2,M2262*Input!$C$22,0)</f>
        <v>0.55871071626904145</v>
      </c>
      <c r="P2262" s="59">
        <f>IF(Input!$D$19=3,J2262*Input!$C$19,0)+IF(Input!$D$20=3,K2262*Input!$C$20,0)+IF(Input!$D$21=3,L2262*Input!$C$21,0)+IF(Input!$D$22=3,M2262*Input!$C$22,0)</f>
        <v>0</v>
      </c>
      <c r="Q2262" s="75">
        <f>IF(Input!$D$19=4,J2262*Input!$C$19,0)+IF(Input!$D$20=4,K2262*Input!$C$20,0)+IF(Input!$D$21=4,L2262*Input!$C$21,0)+IF(Input!$D$22=4,M2262*Input!$C$22,0)</f>
        <v>0</v>
      </c>
      <c r="R2262" s="58">
        <v>57.980966230447365</v>
      </c>
      <c r="S2262" s="124">
        <f t="shared" si="35"/>
        <v>0.96843190819967184</v>
      </c>
    </row>
    <row r="2263" spans="8:19" x14ac:dyDescent="0.3">
      <c r="H2263" s="44">
        <v>2256</v>
      </c>
      <c r="I2263" s="56">
        <f>Bühler!I2289</f>
        <v>0.22348428650761656</v>
      </c>
      <c r="J2263" s="59">
        <f>Bühler!J2289</f>
        <v>0.74494762169205531</v>
      </c>
      <c r="K2263" s="59">
        <f>Bühler!K2289</f>
        <v>1.1174214325380829</v>
      </c>
      <c r="L2263" s="59">
        <f>Bühler!L2289</f>
        <v>5.3636228761827978</v>
      </c>
      <c r="M2263" s="58">
        <f>Bühler!M2289</f>
        <v>0</v>
      </c>
      <c r="N2263" s="56">
        <f>IF(Input!$D$19=1,J2263*Input!$C$19,0)+IF(Input!$D$20=1,K2263*Input!$C$20,0)+IF(Input!$D$21=1,L2263*Input!$C$21,0)+IF(Input!$D$22=1,M2263*Input!$C$22,0)</f>
        <v>0.22348428650761659</v>
      </c>
      <c r="O2263" s="59">
        <f>IF(Input!$D$19=2,J2263*Input!$C$19,0)+IF(Input!$D$20=2,K2263*Input!$C$20,0)+IF(Input!$D$21=2,L2263*Input!$C$21,0)+IF(Input!$D$22=2,M2263*Input!$C$22,0)</f>
        <v>0.55871071626904145</v>
      </c>
      <c r="P2263" s="59">
        <f>IF(Input!$D$19=3,J2263*Input!$C$19,0)+IF(Input!$D$20=3,K2263*Input!$C$20,0)+IF(Input!$D$21=3,L2263*Input!$C$21,0)+IF(Input!$D$22=3,M2263*Input!$C$22,0)</f>
        <v>0</v>
      </c>
      <c r="Q2263" s="75">
        <f>IF(Input!$D$19=4,J2263*Input!$C$19,0)+IF(Input!$D$20=4,K2263*Input!$C$20,0)+IF(Input!$D$21=4,L2263*Input!$C$21,0)+IF(Input!$D$22=4,M2263*Input!$C$22,0)</f>
        <v>0</v>
      </c>
      <c r="R2263" s="58">
        <v>57.751411552333899</v>
      </c>
      <c r="S2263" s="124">
        <f t="shared" si="35"/>
        <v>0.96843190819967184</v>
      </c>
    </row>
    <row r="2264" spans="8:19" x14ac:dyDescent="0.3">
      <c r="H2264" s="44">
        <v>2257</v>
      </c>
      <c r="I2264" s="56">
        <f>Bühler!I2290</f>
        <v>0.22078532531028217</v>
      </c>
      <c r="J2264" s="59">
        <f>Bühler!J2290</f>
        <v>0.73595108436760726</v>
      </c>
      <c r="K2264" s="59">
        <f>Bühler!K2290</f>
        <v>1.1039266265514107</v>
      </c>
      <c r="L2264" s="59">
        <f>Bühler!L2290</f>
        <v>5.298847807446772</v>
      </c>
      <c r="M2264" s="58">
        <f>Bühler!M2290</f>
        <v>0</v>
      </c>
      <c r="N2264" s="56">
        <f>IF(Input!$D$19=1,J2264*Input!$C$19,0)+IF(Input!$D$20=1,K2264*Input!$C$20,0)+IF(Input!$D$21=1,L2264*Input!$C$21,0)+IF(Input!$D$22=1,M2264*Input!$C$22,0)</f>
        <v>0.22078532531028217</v>
      </c>
      <c r="O2264" s="59">
        <f>IF(Input!$D$19=2,J2264*Input!$C$19,0)+IF(Input!$D$20=2,K2264*Input!$C$20,0)+IF(Input!$D$21=2,L2264*Input!$C$21,0)+IF(Input!$D$22=2,M2264*Input!$C$22,0)</f>
        <v>0.55196331327570536</v>
      </c>
      <c r="P2264" s="59">
        <f>IF(Input!$D$19=3,J2264*Input!$C$19,0)+IF(Input!$D$20=3,K2264*Input!$C$20,0)+IF(Input!$D$21=3,L2264*Input!$C$21,0)+IF(Input!$D$22=3,M2264*Input!$C$22,0)</f>
        <v>0</v>
      </c>
      <c r="Q2264" s="75">
        <f>IF(Input!$D$19=4,J2264*Input!$C$19,0)+IF(Input!$D$20=4,K2264*Input!$C$20,0)+IF(Input!$D$21=4,L2264*Input!$C$21,0)+IF(Input!$D$22=4,M2264*Input!$C$22,0)</f>
        <v>0</v>
      </c>
      <c r="R2264" s="58">
        <v>56.703729633549038</v>
      </c>
      <c r="S2264" s="124">
        <f t="shared" si="35"/>
        <v>0.95673640967788942</v>
      </c>
    </row>
    <row r="2265" spans="8:19" x14ac:dyDescent="0.3">
      <c r="H2265" s="44">
        <v>2258</v>
      </c>
      <c r="I2265" s="56">
        <f>Bühler!I2291</f>
        <v>0.22078532531028217</v>
      </c>
      <c r="J2265" s="59">
        <f>Bühler!J2291</f>
        <v>0.73595108436760726</v>
      </c>
      <c r="K2265" s="59">
        <f>Bühler!K2291</f>
        <v>1.1039266265514107</v>
      </c>
      <c r="L2265" s="59">
        <f>Bühler!L2291</f>
        <v>5.298847807446772</v>
      </c>
      <c r="M2265" s="58">
        <f>Bühler!M2291</f>
        <v>0</v>
      </c>
      <c r="N2265" s="56">
        <f>IF(Input!$D$19=1,J2265*Input!$C$19,0)+IF(Input!$D$20=1,K2265*Input!$C$20,0)+IF(Input!$D$21=1,L2265*Input!$C$21,0)+IF(Input!$D$22=1,M2265*Input!$C$22,0)</f>
        <v>0.22078532531028217</v>
      </c>
      <c r="O2265" s="59">
        <f>IF(Input!$D$19=2,J2265*Input!$C$19,0)+IF(Input!$D$20=2,K2265*Input!$C$20,0)+IF(Input!$D$21=2,L2265*Input!$C$21,0)+IF(Input!$D$22=2,M2265*Input!$C$22,0)</f>
        <v>0.55196331327570536</v>
      </c>
      <c r="P2265" s="59">
        <f>IF(Input!$D$19=3,J2265*Input!$C$19,0)+IF(Input!$D$20=3,K2265*Input!$C$20,0)+IF(Input!$D$21=3,L2265*Input!$C$21,0)+IF(Input!$D$22=3,M2265*Input!$C$22,0)</f>
        <v>0</v>
      </c>
      <c r="Q2265" s="75">
        <f>IF(Input!$D$19=4,J2265*Input!$C$19,0)+IF(Input!$D$20=4,K2265*Input!$C$20,0)+IF(Input!$D$21=4,L2265*Input!$C$21,0)+IF(Input!$D$22=4,M2265*Input!$C$22,0)</f>
        <v>0</v>
      </c>
      <c r="R2265" s="58">
        <v>56.740038316902833</v>
      </c>
      <c r="S2265" s="124">
        <f t="shared" si="35"/>
        <v>0.95673640967788942</v>
      </c>
    </row>
    <row r="2266" spans="8:19" x14ac:dyDescent="0.3">
      <c r="H2266" s="44">
        <v>2259</v>
      </c>
      <c r="I2266" s="56">
        <f>Bühler!I2292</f>
        <v>0.22078532531028217</v>
      </c>
      <c r="J2266" s="59">
        <f>Bühler!J2292</f>
        <v>0.73595108436760726</v>
      </c>
      <c r="K2266" s="59">
        <f>Bühler!K2292</f>
        <v>1.1039266265514107</v>
      </c>
      <c r="L2266" s="59">
        <f>Bühler!L2292</f>
        <v>5.298847807446772</v>
      </c>
      <c r="M2266" s="58">
        <f>Bühler!M2292</f>
        <v>0</v>
      </c>
      <c r="N2266" s="56">
        <f>IF(Input!$D$19=1,J2266*Input!$C$19,0)+IF(Input!$D$20=1,K2266*Input!$C$20,0)+IF(Input!$D$21=1,L2266*Input!$C$21,0)+IF(Input!$D$22=1,M2266*Input!$C$22,0)</f>
        <v>0.22078532531028217</v>
      </c>
      <c r="O2266" s="59">
        <f>IF(Input!$D$19=2,J2266*Input!$C$19,0)+IF(Input!$D$20=2,K2266*Input!$C$20,0)+IF(Input!$D$21=2,L2266*Input!$C$21,0)+IF(Input!$D$22=2,M2266*Input!$C$22,0)</f>
        <v>0.55196331327570536</v>
      </c>
      <c r="P2266" s="59">
        <f>IF(Input!$D$19=3,J2266*Input!$C$19,0)+IF(Input!$D$20=3,K2266*Input!$C$20,0)+IF(Input!$D$21=3,L2266*Input!$C$21,0)+IF(Input!$D$22=3,M2266*Input!$C$22,0)</f>
        <v>0</v>
      </c>
      <c r="Q2266" s="75">
        <f>IF(Input!$D$19=4,J2266*Input!$C$19,0)+IF(Input!$D$20=4,K2266*Input!$C$20,0)+IF(Input!$D$21=4,L2266*Input!$C$21,0)+IF(Input!$D$22=4,M2266*Input!$C$22,0)</f>
        <v>0</v>
      </c>
      <c r="R2266" s="58">
        <v>57.08271993580901</v>
      </c>
      <c r="S2266" s="124">
        <f t="shared" si="35"/>
        <v>0.95673640967788942</v>
      </c>
    </row>
    <row r="2267" spans="8:19" x14ac:dyDescent="0.3">
      <c r="H2267" s="44">
        <v>2260</v>
      </c>
      <c r="I2267" s="56">
        <f>Bühler!I2293</f>
        <v>0.22078532531028217</v>
      </c>
      <c r="J2267" s="59">
        <f>Bühler!J2293</f>
        <v>0.73595108436760726</v>
      </c>
      <c r="K2267" s="59">
        <f>Bühler!K2293</f>
        <v>1.1039266265514107</v>
      </c>
      <c r="L2267" s="59">
        <f>Bühler!L2293</f>
        <v>5.298847807446772</v>
      </c>
      <c r="M2267" s="58">
        <f>Bühler!M2293</f>
        <v>0</v>
      </c>
      <c r="N2267" s="56">
        <f>IF(Input!$D$19=1,J2267*Input!$C$19,0)+IF(Input!$D$20=1,K2267*Input!$C$20,0)+IF(Input!$D$21=1,L2267*Input!$C$21,0)+IF(Input!$D$22=1,M2267*Input!$C$22,0)</f>
        <v>0.22078532531028217</v>
      </c>
      <c r="O2267" s="59">
        <f>IF(Input!$D$19=2,J2267*Input!$C$19,0)+IF(Input!$D$20=2,K2267*Input!$C$20,0)+IF(Input!$D$21=2,L2267*Input!$C$21,0)+IF(Input!$D$22=2,M2267*Input!$C$22,0)</f>
        <v>0.55196331327570536</v>
      </c>
      <c r="P2267" s="59">
        <f>IF(Input!$D$19=3,J2267*Input!$C$19,0)+IF(Input!$D$20=3,K2267*Input!$C$20,0)+IF(Input!$D$21=3,L2267*Input!$C$21,0)+IF(Input!$D$22=3,M2267*Input!$C$22,0)</f>
        <v>0</v>
      </c>
      <c r="Q2267" s="75">
        <f>IF(Input!$D$19=4,J2267*Input!$C$19,0)+IF(Input!$D$20=4,K2267*Input!$C$20,0)+IF(Input!$D$21=4,L2267*Input!$C$21,0)+IF(Input!$D$22=4,M2267*Input!$C$22,0)</f>
        <v>0</v>
      </c>
      <c r="R2267" s="58">
        <v>57.928695060623816</v>
      </c>
      <c r="S2267" s="124">
        <f t="shared" si="35"/>
        <v>0.95673640967788942</v>
      </c>
    </row>
    <row r="2268" spans="8:19" x14ac:dyDescent="0.3">
      <c r="H2268" s="44">
        <v>2261</v>
      </c>
      <c r="I2268" s="56">
        <f>Bühler!I2294</f>
        <v>0.22078532531028217</v>
      </c>
      <c r="J2268" s="59">
        <f>Bühler!J2294</f>
        <v>0.73595108436760726</v>
      </c>
      <c r="K2268" s="59">
        <f>Bühler!K2294</f>
        <v>1.1039266265514107</v>
      </c>
      <c r="L2268" s="59">
        <f>Bühler!L2294</f>
        <v>5.298847807446772</v>
      </c>
      <c r="M2268" s="58">
        <f>Bühler!M2294</f>
        <v>0</v>
      </c>
      <c r="N2268" s="56">
        <f>IF(Input!$D$19=1,J2268*Input!$C$19,0)+IF(Input!$D$20=1,K2268*Input!$C$20,0)+IF(Input!$D$21=1,L2268*Input!$C$21,0)+IF(Input!$D$22=1,M2268*Input!$C$22,0)</f>
        <v>0.22078532531028217</v>
      </c>
      <c r="O2268" s="59">
        <f>IF(Input!$D$19=2,J2268*Input!$C$19,0)+IF(Input!$D$20=2,K2268*Input!$C$20,0)+IF(Input!$D$21=2,L2268*Input!$C$21,0)+IF(Input!$D$22=2,M2268*Input!$C$22,0)</f>
        <v>0.55196331327570536</v>
      </c>
      <c r="P2268" s="59">
        <f>IF(Input!$D$19=3,J2268*Input!$C$19,0)+IF(Input!$D$20=3,K2268*Input!$C$20,0)+IF(Input!$D$21=3,L2268*Input!$C$21,0)+IF(Input!$D$22=3,M2268*Input!$C$22,0)</f>
        <v>0</v>
      </c>
      <c r="Q2268" s="75">
        <f>IF(Input!$D$19=4,J2268*Input!$C$19,0)+IF(Input!$D$20=4,K2268*Input!$C$20,0)+IF(Input!$D$21=4,L2268*Input!$C$21,0)+IF(Input!$D$22=4,M2268*Input!$C$22,0)</f>
        <v>0</v>
      </c>
      <c r="R2268" s="58">
        <v>59.204671258890677</v>
      </c>
      <c r="S2268" s="124">
        <f t="shared" si="35"/>
        <v>0.95673640967788942</v>
      </c>
    </row>
    <row r="2269" spans="8:19" x14ac:dyDescent="0.3">
      <c r="H2269" s="44">
        <v>2262</v>
      </c>
      <c r="I2269" s="56">
        <f>Bühler!I2295</f>
        <v>0.28456775262214146</v>
      </c>
      <c r="J2269" s="59">
        <f>Bühler!J2295</f>
        <v>0.9485591754071383</v>
      </c>
      <c r="K2269" s="59">
        <f>Bühler!K2295</f>
        <v>1.4228387631107073</v>
      </c>
      <c r="L2269" s="59">
        <f>Bühler!L2295</f>
        <v>6.8296260629313954</v>
      </c>
      <c r="M2269" s="58">
        <f>Bühler!M2295</f>
        <v>0</v>
      </c>
      <c r="N2269" s="56">
        <f>IF(Input!$D$19=1,J2269*Input!$C$19,0)+IF(Input!$D$20=1,K2269*Input!$C$20,0)+IF(Input!$D$21=1,L2269*Input!$C$21,0)+IF(Input!$D$22=1,M2269*Input!$C$22,0)</f>
        <v>0.28456775262214146</v>
      </c>
      <c r="O2269" s="59">
        <f>IF(Input!$D$19=2,J2269*Input!$C$19,0)+IF(Input!$D$20=2,K2269*Input!$C$20,0)+IF(Input!$D$21=2,L2269*Input!$C$21,0)+IF(Input!$D$22=2,M2269*Input!$C$22,0)</f>
        <v>0.71141938155535367</v>
      </c>
      <c r="P2269" s="59">
        <f>IF(Input!$D$19=3,J2269*Input!$C$19,0)+IF(Input!$D$20=3,K2269*Input!$C$20,0)+IF(Input!$D$21=3,L2269*Input!$C$21,0)+IF(Input!$D$22=3,M2269*Input!$C$22,0)</f>
        <v>0</v>
      </c>
      <c r="Q2269" s="75">
        <f>IF(Input!$D$19=4,J2269*Input!$C$19,0)+IF(Input!$D$20=4,K2269*Input!$C$20,0)+IF(Input!$D$21=4,L2269*Input!$C$21,0)+IF(Input!$D$22=4,M2269*Input!$C$22,0)</f>
        <v>0</v>
      </c>
      <c r="R2269" s="58">
        <v>62.165489373110056</v>
      </c>
      <c r="S2269" s="124">
        <f t="shared" si="35"/>
        <v>1.2331269280292798</v>
      </c>
    </row>
    <row r="2270" spans="8:19" x14ac:dyDescent="0.3">
      <c r="H2270" s="44">
        <v>2263</v>
      </c>
      <c r="I2270" s="56">
        <f>Bühler!I2296</f>
        <v>0.32872481768419792</v>
      </c>
      <c r="J2270" s="59">
        <f>Bühler!J2296</f>
        <v>1.0957493922806598</v>
      </c>
      <c r="K2270" s="59">
        <f>Bühler!K2296</f>
        <v>1.6436240884209898</v>
      </c>
      <c r="L2270" s="59">
        <f>Bühler!L2296</f>
        <v>7.889395624420751</v>
      </c>
      <c r="M2270" s="58">
        <f>Bühler!M2296</f>
        <v>0</v>
      </c>
      <c r="N2270" s="56">
        <f>IF(Input!$D$19=1,J2270*Input!$C$19,0)+IF(Input!$D$20=1,K2270*Input!$C$20,0)+IF(Input!$D$21=1,L2270*Input!$C$21,0)+IF(Input!$D$22=1,M2270*Input!$C$22,0)</f>
        <v>0.32872481768419792</v>
      </c>
      <c r="O2270" s="59">
        <f>IF(Input!$D$19=2,J2270*Input!$C$19,0)+IF(Input!$D$20=2,K2270*Input!$C$20,0)+IF(Input!$D$21=2,L2270*Input!$C$21,0)+IF(Input!$D$22=2,M2270*Input!$C$22,0)</f>
        <v>0.82181204421049492</v>
      </c>
      <c r="P2270" s="59">
        <f>IF(Input!$D$19=3,J2270*Input!$C$19,0)+IF(Input!$D$20=3,K2270*Input!$C$20,0)+IF(Input!$D$21=3,L2270*Input!$C$21,0)+IF(Input!$D$22=3,M2270*Input!$C$22,0)</f>
        <v>0</v>
      </c>
      <c r="Q2270" s="75">
        <f>IF(Input!$D$19=4,J2270*Input!$C$19,0)+IF(Input!$D$20=4,K2270*Input!$C$20,0)+IF(Input!$D$21=4,L2270*Input!$C$21,0)+IF(Input!$D$22=4,M2270*Input!$C$22,0)</f>
        <v>0</v>
      </c>
      <c r="R2270" s="58">
        <v>66.057302826249227</v>
      </c>
      <c r="S2270" s="124">
        <f t="shared" si="35"/>
        <v>1.4244742099648577</v>
      </c>
    </row>
    <row r="2271" spans="8:19" x14ac:dyDescent="0.3">
      <c r="H2271" s="44">
        <v>2264</v>
      </c>
      <c r="I2271" s="56">
        <f>Bühler!I2297</f>
        <v>0.32872481768419792</v>
      </c>
      <c r="J2271" s="59">
        <f>Bühler!J2297</f>
        <v>1.0957493922806598</v>
      </c>
      <c r="K2271" s="59">
        <f>Bühler!K2297</f>
        <v>1.6436240884209898</v>
      </c>
      <c r="L2271" s="59">
        <f>Bühler!L2297</f>
        <v>7.889395624420751</v>
      </c>
      <c r="M2271" s="58">
        <f>Bühler!M2297</f>
        <v>0</v>
      </c>
      <c r="N2271" s="56">
        <f>IF(Input!$D$19=1,J2271*Input!$C$19,0)+IF(Input!$D$20=1,K2271*Input!$C$20,0)+IF(Input!$D$21=1,L2271*Input!$C$21,0)+IF(Input!$D$22=1,M2271*Input!$C$22,0)</f>
        <v>0.32872481768419792</v>
      </c>
      <c r="O2271" s="59">
        <f>IF(Input!$D$19=2,J2271*Input!$C$19,0)+IF(Input!$D$20=2,K2271*Input!$C$20,0)+IF(Input!$D$21=2,L2271*Input!$C$21,0)+IF(Input!$D$22=2,M2271*Input!$C$22,0)</f>
        <v>0.82181204421049492</v>
      </c>
      <c r="P2271" s="59">
        <f>IF(Input!$D$19=3,J2271*Input!$C$19,0)+IF(Input!$D$20=3,K2271*Input!$C$20,0)+IF(Input!$D$21=3,L2271*Input!$C$21,0)+IF(Input!$D$22=3,M2271*Input!$C$22,0)</f>
        <v>0</v>
      </c>
      <c r="Q2271" s="75">
        <f>IF(Input!$D$19=4,J2271*Input!$C$19,0)+IF(Input!$D$20=4,K2271*Input!$C$20,0)+IF(Input!$D$21=4,L2271*Input!$C$21,0)+IF(Input!$D$22=4,M2271*Input!$C$22,0)</f>
        <v>0</v>
      </c>
      <c r="R2271" s="58">
        <v>68.397846942781115</v>
      </c>
      <c r="S2271" s="124">
        <f t="shared" si="35"/>
        <v>1.4244742099648577</v>
      </c>
    </row>
    <row r="2272" spans="8:19" x14ac:dyDescent="0.3">
      <c r="H2272" s="44">
        <v>2265</v>
      </c>
      <c r="I2272" s="56">
        <f>Bühler!I2298</f>
        <v>0.32872481768419792</v>
      </c>
      <c r="J2272" s="59">
        <f>Bühler!J2298</f>
        <v>1.0957493922806598</v>
      </c>
      <c r="K2272" s="59">
        <f>Bühler!K2298</f>
        <v>1.6436240884209898</v>
      </c>
      <c r="L2272" s="59">
        <f>Bühler!L2298</f>
        <v>7.889395624420751</v>
      </c>
      <c r="M2272" s="58">
        <f>Bühler!M2298</f>
        <v>0</v>
      </c>
      <c r="N2272" s="56">
        <f>IF(Input!$D$19=1,J2272*Input!$C$19,0)+IF(Input!$D$20=1,K2272*Input!$C$20,0)+IF(Input!$D$21=1,L2272*Input!$C$21,0)+IF(Input!$D$22=1,M2272*Input!$C$22,0)</f>
        <v>0.32872481768419792</v>
      </c>
      <c r="O2272" s="59">
        <f>IF(Input!$D$19=2,J2272*Input!$C$19,0)+IF(Input!$D$20=2,K2272*Input!$C$20,0)+IF(Input!$D$21=2,L2272*Input!$C$21,0)+IF(Input!$D$22=2,M2272*Input!$C$22,0)</f>
        <v>0.82181204421049492</v>
      </c>
      <c r="P2272" s="59">
        <f>IF(Input!$D$19=3,J2272*Input!$C$19,0)+IF(Input!$D$20=3,K2272*Input!$C$20,0)+IF(Input!$D$21=3,L2272*Input!$C$21,0)+IF(Input!$D$22=3,M2272*Input!$C$22,0)</f>
        <v>0</v>
      </c>
      <c r="Q2272" s="75">
        <f>IF(Input!$D$19=4,J2272*Input!$C$19,0)+IF(Input!$D$20=4,K2272*Input!$C$20,0)+IF(Input!$D$21=4,L2272*Input!$C$21,0)+IF(Input!$D$22=4,M2272*Input!$C$22,0)</f>
        <v>0</v>
      </c>
      <c r="R2272" s="58">
        <v>68.867302351421102</v>
      </c>
      <c r="S2272" s="124">
        <f t="shared" si="35"/>
        <v>1.4244742099648577</v>
      </c>
    </row>
    <row r="2273" spans="8:19" x14ac:dyDescent="0.3">
      <c r="H2273" s="44">
        <v>2266</v>
      </c>
      <c r="I2273" s="56">
        <f>Bühler!I2299</f>
        <v>0.35325652049645151</v>
      </c>
      <c r="J2273" s="59">
        <f>Bühler!J2299</f>
        <v>1.1775217349881719</v>
      </c>
      <c r="K2273" s="59">
        <f>Bühler!K2299</f>
        <v>1.7662826024822575</v>
      </c>
      <c r="L2273" s="59">
        <f>Bühler!L2299</f>
        <v>8.4781564919148362</v>
      </c>
      <c r="M2273" s="58">
        <f>Bühler!M2299</f>
        <v>0</v>
      </c>
      <c r="N2273" s="56">
        <f>IF(Input!$D$19=1,J2273*Input!$C$19,0)+IF(Input!$D$20=1,K2273*Input!$C$20,0)+IF(Input!$D$21=1,L2273*Input!$C$21,0)+IF(Input!$D$22=1,M2273*Input!$C$22,0)</f>
        <v>0.35325652049645156</v>
      </c>
      <c r="O2273" s="59">
        <f>IF(Input!$D$19=2,J2273*Input!$C$19,0)+IF(Input!$D$20=2,K2273*Input!$C$20,0)+IF(Input!$D$21=2,L2273*Input!$C$21,0)+IF(Input!$D$22=2,M2273*Input!$C$22,0)</f>
        <v>0.88314130124112877</v>
      </c>
      <c r="P2273" s="59">
        <f>IF(Input!$D$19=3,J2273*Input!$C$19,0)+IF(Input!$D$20=3,K2273*Input!$C$20,0)+IF(Input!$D$21=3,L2273*Input!$C$21,0)+IF(Input!$D$22=3,M2273*Input!$C$22,0)</f>
        <v>0</v>
      </c>
      <c r="Q2273" s="75">
        <f>IF(Input!$D$19=4,J2273*Input!$C$19,0)+IF(Input!$D$20=4,K2273*Input!$C$20,0)+IF(Input!$D$21=4,L2273*Input!$C$21,0)+IF(Input!$D$22=4,M2273*Input!$C$22,0)</f>
        <v>0</v>
      </c>
      <c r="R2273" s="58">
        <v>68.993427965845243</v>
      </c>
      <c r="S2273" s="124">
        <f t="shared" si="35"/>
        <v>1.5307782554846234</v>
      </c>
    </row>
    <row r="2274" spans="8:19" x14ac:dyDescent="0.3">
      <c r="H2274" s="44">
        <v>2267</v>
      </c>
      <c r="I2274" s="56">
        <f>Bühler!I2300</f>
        <v>0.38269456387115575</v>
      </c>
      <c r="J2274" s="59">
        <f>Bühler!J2300</f>
        <v>1.275648546237186</v>
      </c>
      <c r="K2274" s="59">
        <f>Bühler!K2300</f>
        <v>1.9134728193557788</v>
      </c>
      <c r="L2274" s="59">
        <f>Bühler!L2300</f>
        <v>9.1846695329077388</v>
      </c>
      <c r="M2274" s="58">
        <f>Bühler!M2300</f>
        <v>0</v>
      </c>
      <c r="N2274" s="56">
        <f>IF(Input!$D$19=1,J2274*Input!$C$19,0)+IF(Input!$D$20=1,K2274*Input!$C$20,0)+IF(Input!$D$21=1,L2274*Input!$C$21,0)+IF(Input!$D$22=1,M2274*Input!$C$22,0)</f>
        <v>0.3826945638711558</v>
      </c>
      <c r="O2274" s="59">
        <f>IF(Input!$D$19=2,J2274*Input!$C$19,0)+IF(Input!$D$20=2,K2274*Input!$C$20,0)+IF(Input!$D$21=2,L2274*Input!$C$21,0)+IF(Input!$D$22=2,M2274*Input!$C$22,0)</f>
        <v>0.95673640967788942</v>
      </c>
      <c r="P2274" s="59">
        <f>IF(Input!$D$19=3,J2274*Input!$C$19,0)+IF(Input!$D$20=3,K2274*Input!$C$20,0)+IF(Input!$D$21=3,L2274*Input!$C$21,0)+IF(Input!$D$22=3,M2274*Input!$C$22,0)</f>
        <v>0</v>
      </c>
      <c r="Q2274" s="75">
        <f>IF(Input!$D$19=4,J2274*Input!$C$19,0)+IF(Input!$D$20=4,K2274*Input!$C$20,0)+IF(Input!$D$21=4,L2274*Input!$C$21,0)+IF(Input!$D$22=4,M2274*Input!$C$22,0)</f>
        <v>0</v>
      </c>
      <c r="R2274" s="58">
        <v>69.120835534402588</v>
      </c>
      <c r="S2274" s="124">
        <f t="shared" si="35"/>
        <v>1.6583431101083419</v>
      </c>
    </row>
    <row r="2275" spans="8:19" x14ac:dyDescent="0.3">
      <c r="H2275" s="44">
        <v>2268</v>
      </c>
      <c r="I2275" s="56">
        <f>Bühler!I2301</f>
        <v>0.44157065062056433</v>
      </c>
      <c r="J2275" s="59">
        <f>Bühler!J2301</f>
        <v>1.4719021687352145</v>
      </c>
      <c r="K2275" s="59">
        <f>Bühler!K2301</f>
        <v>2.2078532531028214</v>
      </c>
      <c r="L2275" s="59">
        <f>Bühler!L2301</f>
        <v>10.597695614893544</v>
      </c>
      <c r="M2275" s="58">
        <f>Bühler!M2301</f>
        <v>0</v>
      </c>
      <c r="N2275" s="56">
        <f>IF(Input!$D$19=1,J2275*Input!$C$19,0)+IF(Input!$D$20=1,K2275*Input!$C$20,0)+IF(Input!$D$21=1,L2275*Input!$C$21,0)+IF(Input!$D$22=1,M2275*Input!$C$22,0)</f>
        <v>0.44157065062056433</v>
      </c>
      <c r="O2275" s="59">
        <f>IF(Input!$D$19=2,J2275*Input!$C$19,0)+IF(Input!$D$20=2,K2275*Input!$C$20,0)+IF(Input!$D$21=2,L2275*Input!$C$21,0)+IF(Input!$D$22=2,M2275*Input!$C$22,0)</f>
        <v>1.1039266265514107</v>
      </c>
      <c r="P2275" s="59">
        <f>IF(Input!$D$19=3,J2275*Input!$C$19,0)+IF(Input!$D$20=3,K2275*Input!$C$20,0)+IF(Input!$D$21=3,L2275*Input!$C$21,0)+IF(Input!$D$22=3,M2275*Input!$C$22,0)</f>
        <v>0</v>
      </c>
      <c r="Q2275" s="75">
        <f>IF(Input!$D$19=4,J2275*Input!$C$19,0)+IF(Input!$D$20=4,K2275*Input!$C$20,0)+IF(Input!$D$21=4,L2275*Input!$C$21,0)+IF(Input!$D$22=4,M2275*Input!$C$22,0)</f>
        <v>0</v>
      </c>
      <c r="R2275" s="58">
        <v>69.57678178256559</v>
      </c>
      <c r="S2275" s="124">
        <f t="shared" si="35"/>
        <v>1.9134728193557788</v>
      </c>
    </row>
    <row r="2276" spans="8:19" x14ac:dyDescent="0.3">
      <c r="H2276" s="44">
        <v>2269</v>
      </c>
      <c r="I2276" s="56">
        <f>Bühler!I2302</f>
        <v>0.44157065062056433</v>
      </c>
      <c r="J2276" s="59">
        <f>Bühler!J2302</f>
        <v>1.4719021687352145</v>
      </c>
      <c r="K2276" s="59">
        <f>Bühler!K2302</f>
        <v>2.2078532531028214</v>
      </c>
      <c r="L2276" s="59">
        <f>Bühler!L2302</f>
        <v>10.597695614893544</v>
      </c>
      <c r="M2276" s="58">
        <f>Bühler!M2302</f>
        <v>0</v>
      </c>
      <c r="N2276" s="56">
        <f>IF(Input!$D$19=1,J2276*Input!$C$19,0)+IF(Input!$D$20=1,K2276*Input!$C$20,0)+IF(Input!$D$21=1,L2276*Input!$C$21,0)+IF(Input!$D$22=1,M2276*Input!$C$22,0)</f>
        <v>0.44157065062056433</v>
      </c>
      <c r="O2276" s="59">
        <f>IF(Input!$D$19=2,J2276*Input!$C$19,0)+IF(Input!$D$20=2,K2276*Input!$C$20,0)+IF(Input!$D$21=2,L2276*Input!$C$21,0)+IF(Input!$D$22=2,M2276*Input!$C$22,0)</f>
        <v>1.1039266265514107</v>
      </c>
      <c r="P2276" s="59">
        <f>IF(Input!$D$19=3,J2276*Input!$C$19,0)+IF(Input!$D$20=3,K2276*Input!$C$20,0)+IF(Input!$D$21=3,L2276*Input!$C$21,0)+IF(Input!$D$22=3,M2276*Input!$C$22,0)</f>
        <v>0</v>
      </c>
      <c r="Q2276" s="75">
        <f>IF(Input!$D$19=4,J2276*Input!$C$19,0)+IF(Input!$D$20=4,K2276*Input!$C$20,0)+IF(Input!$D$21=4,L2276*Input!$C$21,0)+IF(Input!$D$22=4,M2276*Input!$C$22,0)</f>
        <v>0</v>
      </c>
      <c r="R2276" s="58">
        <v>68.732473413875084</v>
      </c>
      <c r="S2276" s="124">
        <f t="shared" si="35"/>
        <v>1.9134728193557788</v>
      </c>
    </row>
    <row r="2277" spans="8:19" x14ac:dyDescent="0.3">
      <c r="H2277" s="44">
        <v>2270</v>
      </c>
      <c r="I2277" s="56">
        <f>Bühler!I2303</f>
        <v>0.44157065062056433</v>
      </c>
      <c r="J2277" s="59">
        <f>Bühler!J2303</f>
        <v>1.4719021687352145</v>
      </c>
      <c r="K2277" s="59">
        <f>Bühler!K2303</f>
        <v>2.2078532531028214</v>
      </c>
      <c r="L2277" s="59">
        <f>Bühler!L2303</f>
        <v>10.597695614893544</v>
      </c>
      <c r="M2277" s="58">
        <f>Bühler!M2303</f>
        <v>0</v>
      </c>
      <c r="N2277" s="56">
        <f>IF(Input!$D$19=1,J2277*Input!$C$19,0)+IF(Input!$D$20=1,K2277*Input!$C$20,0)+IF(Input!$D$21=1,L2277*Input!$C$21,0)+IF(Input!$D$22=1,M2277*Input!$C$22,0)</f>
        <v>0.44157065062056433</v>
      </c>
      <c r="O2277" s="59">
        <f>IF(Input!$D$19=2,J2277*Input!$C$19,0)+IF(Input!$D$20=2,K2277*Input!$C$20,0)+IF(Input!$D$21=2,L2277*Input!$C$21,0)+IF(Input!$D$22=2,M2277*Input!$C$22,0)</f>
        <v>1.1039266265514107</v>
      </c>
      <c r="P2277" s="59">
        <f>IF(Input!$D$19=3,J2277*Input!$C$19,0)+IF(Input!$D$20=3,K2277*Input!$C$20,0)+IF(Input!$D$21=3,L2277*Input!$C$21,0)+IF(Input!$D$22=3,M2277*Input!$C$22,0)</f>
        <v>0</v>
      </c>
      <c r="Q2277" s="75">
        <f>IF(Input!$D$19=4,J2277*Input!$C$19,0)+IF(Input!$D$20=4,K2277*Input!$C$20,0)+IF(Input!$D$21=4,L2277*Input!$C$21,0)+IF(Input!$D$22=4,M2277*Input!$C$22,0)</f>
        <v>0</v>
      </c>
      <c r="R2277" s="58">
        <v>67.844612869862203</v>
      </c>
      <c r="S2277" s="124">
        <f t="shared" si="35"/>
        <v>1.9134728193557788</v>
      </c>
    </row>
    <row r="2278" spans="8:19" x14ac:dyDescent="0.3">
      <c r="H2278" s="44">
        <v>2271</v>
      </c>
      <c r="I2278" s="56">
        <f>Bühler!I2304</f>
        <v>0.44157065062056433</v>
      </c>
      <c r="J2278" s="59">
        <f>Bühler!J2304</f>
        <v>1.4719021687352145</v>
      </c>
      <c r="K2278" s="59">
        <f>Bühler!K2304</f>
        <v>2.2078532531028214</v>
      </c>
      <c r="L2278" s="59">
        <f>Bühler!L2304</f>
        <v>10.597695614893544</v>
      </c>
      <c r="M2278" s="58">
        <f>Bühler!M2304</f>
        <v>0</v>
      </c>
      <c r="N2278" s="56">
        <f>IF(Input!$D$19=1,J2278*Input!$C$19,0)+IF(Input!$D$20=1,K2278*Input!$C$20,0)+IF(Input!$D$21=1,L2278*Input!$C$21,0)+IF(Input!$D$22=1,M2278*Input!$C$22,0)</f>
        <v>0.44157065062056433</v>
      </c>
      <c r="O2278" s="59">
        <f>IF(Input!$D$19=2,J2278*Input!$C$19,0)+IF(Input!$D$20=2,K2278*Input!$C$20,0)+IF(Input!$D$21=2,L2278*Input!$C$21,0)+IF(Input!$D$22=2,M2278*Input!$C$22,0)</f>
        <v>1.1039266265514107</v>
      </c>
      <c r="P2278" s="59">
        <f>IF(Input!$D$19=3,J2278*Input!$C$19,0)+IF(Input!$D$20=3,K2278*Input!$C$20,0)+IF(Input!$D$21=3,L2278*Input!$C$21,0)+IF(Input!$D$22=3,M2278*Input!$C$22,0)</f>
        <v>0</v>
      </c>
      <c r="Q2278" s="75">
        <f>IF(Input!$D$19=4,J2278*Input!$C$19,0)+IF(Input!$D$20=4,K2278*Input!$C$20,0)+IF(Input!$D$21=4,L2278*Input!$C$21,0)+IF(Input!$D$22=4,M2278*Input!$C$22,0)</f>
        <v>0</v>
      </c>
      <c r="R2278" s="58">
        <v>67.072916493714146</v>
      </c>
      <c r="S2278" s="124">
        <f t="shared" si="35"/>
        <v>1.9134728193557788</v>
      </c>
    </row>
    <row r="2279" spans="8:19" x14ac:dyDescent="0.3">
      <c r="H2279" s="44">
        <v>2272</v>
      </c>
      <c r="I2279" s="56">
        <f>Bühler!I2305</f>
        <v>0.44157065062056433</v>
      </c>
      <c r="J2279" s="59">
        <f>Bühler!J2305</f>
        <v>1.4719021687352145</v>
      </c>
      <c r="K2279" s="59">
        <f>Bühler!K2305</f>
        <v>2.2078532531028214</v>
      </c>
      <c r="L2279" s="59">
        <f>Bühler!L2305</f>
        <v>10.597695614893544</v>
      </c>
      <c r="M2279" s="58">
        <f>Bühler!M2305</f>
        <v>0</v>
      </c>
      <c r="N2279" s="56">
        <f>IF(Input!$D$19=1,J2279*Input!$C$19,0)+IF(Input!$D$20=1,K2279*Input!$C$20,0)+IF(Input!$D$21=1,L2279*Input!$C$21,0)+IF(Input!$D$22=1,M2279*Input!$C$22,0)</f>
        <v>0.44157065062056433</v>
      </c>
      <c r="O2279" s="59">
        <f>IF(Input!$D$19=2,J2279*Input!$C$19,0)+IF(Input!$D$20=2,K2279*Input!$C$20,0)+IF(Input!$D$21=2,L2279*Input!$C$21,0)+IF(Input!$D$22=2,M2279*Input!$C$22,0)</f>
        <v>1.1039266265514107</v>
      </c>
      <c r="P2279" s="59">
        <f>IF(Input!$D$19=3,J2279*Input!$C$19,0)+IF(Input!$D$20=3,K2279*Input!$C$20,0)+IF(Input!$D$21=3,L2279*Input!$C$21,0)+IF(Input!$D$22=3,M2279*Input!$C$22,0)</f>
        <v>0</v>
      </c>
      <c r="Q2279" s="75">
        <f>IF(Input!$D$19=4,J2279*Input!$C$19,0)+IF(Input!$D$20=4,K2279*Input!$C$20,0)+IF(Input!$D$21=4,L2279*Input!$C$21,0)+IF(Input!$D$22=4,M2279*Input!$C$22,0)</f>
        <v>0</v>
      </c>
      <c r="R2279" s="58">
        <v>66.686936050182339</v>
      </c>
      <c r="S2279" s="124">
        <f t="shared" si="35"/>
        <v>1.9134728193557788</v>
      </c>
    </row>
    <row r="2280" spans="8:19" x14ac:dyDescent="0.3">
      <c r="H2280" s="44">
        <v>2273</v>
      </c>
      <c r="I2280" s="56">
        <f>Bühler!I2306</f>
        <v>0.44157065062056433</v>
      </c>
      <c r="J2280" s="59">
        <f>Bühler!J2306</f>
        <v>1.4719021687352145</v>
      </c>
      <c r="K2280" s="59">
        <f>Bühler!K2306</f>
        <v>2.2078532531028214</v>
      </c>
      <c r="L2280" s="59">
        <f>Bühler!L2306</f>
        <v>10.597695614893544</v>
      </c>
      <c r="M2280" s="58">
        <f>Bühler!M2306</f>
        <v>0</v>
      </c>
      <c r="N2280" s="56">
        <f>IF(Input!$D$19=1,J2280*Input!$C$19,0)+IF(Input!$D$20=1,K2280*Input!$C$20,0)+IF(Input!$D$21=1,L2280*Input!$C$21,0)+IF(Input!$D$22=1,M2280*Input!$C$22,0)</f>
        <v>0.44157065062056433</v>
      </c>
      <c r="O2280" s="59">
        <f>IF(Input!$D$19=2,J2280*Input!$C$19,0)+IF(Input!$D$20=2,K2280*Input!$C$20,0)+IF(Input!$D$21=2,L2280*Input!$C$21,0)+IF(Input!$D$22=2,M2280*Input!$C$22,0)</f>
        <v>1.1039266265514107</v>
      </c>
      <c r="P2280" s="59">
        <f>IF(Input!$D$19=3,J2280*Input!$C$19,0)+IF(Input!$D$20=3,K2280*Input!$C$20,0)+IF(Input!$D$21=3,L2280*Input!$C$21,0)+IF(Input!$D$22=3,M2280*Input!$C$22,0)</f>
        <v>0</v>
      </c>
      <c r="Q2280" s="75">
        <f>IF(Input!$D$19=4,J2280*Input!$C$19,0)+IF(Input!$D$20=4,K2280*Input!$C$20,0)+IF(Input!$D$21=4,L2280*Input!$C$21,0)+IF(Input!$D$22=4,M2280*Input!$C$22,0)</f>
        <v>0</v>
      </c>
      <c r="R2280" s="58">
        <v>65.757551332859194</v>
      </c>
      <c r="S2280" s="124">
        <f t="shared" si="35"/>
        <v>1.9134728193557788</v>
      </c>
    </row>
    <row r="2281" spans="8:19" x14ac:dyDescent="0.3">
      <c r="H2281" s="44">
        <v>2274</v>
      </c>
      <c r="I2281" s="56">
        <f>Bühler!I2307</f>
        <v>0.44157065062056433</v>
      </c>
      <c r="J2281" s="59">
        <f>Bühler!J2307</f>
        <v>1.4719021687352145</v>
      </c>
      <c r="K2281" s="59">
        <f>Bühler!K2307</f>
        <v>2.2078532531028214</v>
      </c>
      <c r="L2281" s="59">
        <f>Bühler!L2307</f>
        <v>10.597695614893544</v>
      </c>
      <c r="M2281" s="58">
        <f>Bühler!M2307</f>
        <v>0</v>
      </c>
      <c r="N2281" s="56">
        <f>IF(Input!$D$19=1,J2281*Input!$C$19,0)+IF(Input!$D$20=1,K2281*Input!$C$20,0)+IF(Input!$D$21=1,L2281*Input!$C$21,0)+IF(Input!$D$22=1,M2281*Input!$C$22,0)</f>
        <v>0.44157065062056433</v>
      </c>
      <c r="O2281" s="59">
        <f>IF(Input!$D$19=2,J2281*Input!$C$19,0)+IF(Input!$D$20=2,K2281*Input!$C$20,0)+IF(Input!$D$21=2,L2281*Input!$C$21,0)+IF(Input!$D$22=2,M2281*Input!$C$22,0)</f>
        <v>1.1039266265514107</v>
      </c>
      <c r="P2281" s="59">
        <f>IF(Input!$D$19=3,J2281*Input!$C$19,0)+IF(Input!$D$20=3,K2281*Input!$C$20,0)+IF(Input!$D$21=3,L2281*Input!$C$21,0)+IF(Input!$D$22=3,M2281*Input!$C$22,0)</f>
        <v>0</v>
      </c>
      <c r="Q2281" s="75">
        <f>IF(Input!$D$19=4,J2281*Input!$C$19,0)+IF(Input!$D$20=4,K2281*Input!$C$20,0)+IF(Input!$D$21=4,L2281*Input!$C$21,0)+IF(Input!$D$22=4,M2281*Input!$C$22,0)</f>
        <v>0</v>
      </c>
      <c r="R2281" s="58">
        <v>64.731805147783064</v>
      </c>
      <c r="S2281" s="124">
        <f t="shared" si="35"/>
        <v>1.9134728193557788</v>
      </c>
    </row>
    <row r="2282" spans="8:19" x14ac:dyDescent="0.3">
      <c r="H2282" s="44">
        <v>2275</v>
      </c>
      <c r="I2282" s="56">
        <f>Bühler!I2308</f>
        <v>0.44157065062056433</v>
      </c>
      <c r="J2282" s="59">
        <f>Bühler!J2308</f>
        <v>1.4719021687352145</v>
      </c>
      <c r="K2282" s="59">
        <f>Bühler!K2308</f>
        <v>2.2078532531028214</v>
      </c>
      <c r="L2282" s="59">
        <f>Bühler!L2308</f>
        <v>10.597695614893544</v>
      </c>
      <c r="M2282" s="58">
        <f>Bühler!M2308</f>
        <v>0</v>
      </c>
      <c r="N2282" s="56">
        <f>IF(Input!$D$19=1,J2282*Input!$C$19,0)+IF(Input!$D$20=1,K2282*Input!$C$20,0)+IF(Input!$D$21=1,L2282*Input!$C$21,0)+IF(Input!$D$22=1,M2282*Input!$C$22,0)</f>
        <v>0.44157065062056433</v>
      </c>
      <c r="O2282" s="59">
        <f>IF(Input!$D$19=2,J2282*Input!$C$19,0)+IF(Input!$D$20=2,K2282*Input!$C$20,0)+IF(Input!$D$21=2,L2282*Input!$C$21,0)+IF(Input!$D$22=2,M2282*Input!$C$22,0)</f>
        <v>1.1039266265514107</v>
      </c>
      <c r="P2282" s="59">
        <f>IF(Input!$D$19=3,J2282*Input!$C$19,0)+IF(Input!$D$20=3,K2282*Input!$C$20,0)+IF(Input!$D$21=3,L2282*Input!$C$21,0)+IF(Input!$D$22=3,M2282*Input!$C$22,0)</f>
        <v>0</v>
      </c>
      <c r="Q2282" s="75">
        <f>IF(Input!$D$19=4,J2282*Input!$C$19,0)+IF(Input!$D$20=4,K2282*Input!$C$20,0)+IF(Input!$D$21=4,L2282*Input!$C$21,0)+IF(Input!$D$22=4,M2282*Input!$C$22,0)</f>
        <v>0</v>
      </c>
      <c r="R2282" s="58">
        <v>62.952277679819048</v>
      </c>
      <c r="S2282" s="124">
        <f t="shared" si="35"/>
        <v>1.9134728193557788</v>
      </c>
    </row>
    <row r="2283" spans="8:19" x14ac:dyDescent="0.3">
      <c r="H2283" s="44">
        <v>2276</v>
      </c>
      <c r="I2283" s="56">
        <f>Bühler!I2309</f>
        <v>0.36797554218380363</v>
      </c>
      <c r="J2283" s="59">
        <f>Bühler!J2309</f>
        <v>1.2265851406126789</v>
      </c>
      <c r="K2283" s="59">
        <f>Bühler!K2309</f>
        <v>1.8398777109190183</v>
      </c>
      <c r="L2283" s="59">
        <f>Bühler!L2309</f>
        <v>8.8314130124112875</v>
      </c>
      <c r="M2283" s="58">
        <f>Bühler!M2309</f>
        <v>0</v>
      </c>
      <c r="N2283" s="56">
        <f>IF(Input!$D$19=1,J2283*Input!$C$19,0)+IF(Input!$D$20=1,K2283*Input!$C$20,0)+IF(Input!$D$21=1,L2283*Input!$C$21,0)+IF(Input!$D$22=1,M2283*Input!$C$22,0)</f>
        <v>0.36797554218380363</v>
      </c>
      <c r="O2283" s="59">
        <f>IF(Input!$D$19=2,J2283*Input!$C$19,0)+IF(Input!$D$20=2,K2283*Input!$C$20,0)+IF(Input!$D$21=2,L2283*Input!$C$21,0)+IF(Input!$D$22=2,M2283*Input!$C$22,0)</f>
        <v>0.91993885545950915</v>
      </c>
      <c r="P2283" s="59">
        <f>IF(Input!$D$19=3,J2283*Input!$C$19,0)+IF(Input!$D$20=3,K2283*Input!$C$20,0)+IF(Input!$D$21=3,L2283*Input!$C$21,0)+IF(Input!$D$22=3,M2283*Input!$C$22,0)</f>
        <v>0</v>
      </c>
      <c r="Q2283" s="75">
        <f>IF(Input!$D$19=4,J2283*Input!$C$19,0)+IF(Input!$D$20=4,K2283*Input!$C$20,0)+IF(Input!$D$21=4,L2283*Input!$C$21,0)+IF(Input!$D$22=4,M2283*Input!$C$22,0)</f>
        <v>0</v>
      </c>
      <c r="R2283" s="58">
        <v>61.237679305781938</v>
      </c>
      <c r="S2283" s="124">
        <f t="shared" si="35"/>
        <v>1.5945606827964824</v>
      </c>
    </row>
    <row r="2284" spans="8:19" x14ac:dyDescent="0.3">
      <c r="H2284" s="44">
        <v>2277</v>
      </c>
      <c r="I2284" s="56">
        <f>Bühler!I2310</f>
        <v>0.29438043374704292</v>
      </c>
      <c r="J2284" s="59">
        <f>Bühler!J2310</f>
        <v>0.98126811249014312</v>
      </c>
      <c r="K2284" s="59">
        <f>Bühler!K2310</f>
        <v>1.4719021687352145</v>
      </c>
      <c r="L2284" s="59">
        <f>Bühler!L2310</f>
        <v>7.0651304099290302</v>
      </c>
      <c r="M2284" s="58">
        <f>Bühler!M2310</f>
        <v>0</v>
      </c>
      <c r="N2284" s="56">
        <f>IF(Input!$D$19=1,J2284*Input!$C$19,0)+IF(Input!$D$20=1,K2284*Input!$C$20,0)+IF(Input!$D$21=1,L2284*Input!$C$21,0)+IF(Input!$D$22=1,M2284*Input!$C$22,0)</f>
        <v>0.29438043374704292</v>
      </c>
      <c r="O2284" s="59">
        <f>IF(Input!$D$19=2,J2284*Input!$C$19,0)+IF(Input!$D$20=2,K2284*Input!$C$20,0)+IF(Input!$D$21=2,L2284*Input!$C$21,0)+IF(Input!$D$22=2,M2284*Input!$C$22,0)</f>
        <v>0.73595108436760726</v>
      </c>
      <c r="P2284" s="59">
        <f>IF(Input!$D$19=3,J2284*Input!$C$19,0)+IF(Input!$D$20=3,K2284*Input!$C$20,0)+IF(Input!$D$21=3,L2284*Input!$C$21,0)+IF(Input!$D$22=3,M2284*Input!$C$22,0)</f>
        <v>0</v>
      </c>
      <c r="Q2284" s="75">
        <f>IF(Input!$D$19=4,J2284*Input!$C$19,0)+IF(Input!$D$20=4,K2284*Input!$C$20,0)+IF(Input!$D$21=4,L2284*Input!$C$21,0)+IF(Input!$D$22=4,M2284*Input!$C$22,0)</f>
        <v>0</v>
      </c>
      <c r="R2284" s="58">
        <v>59.334406860861186</v>
      </c>
      <c r="S2284" s="124">
        <f t="shared" si="35"/>
        <v>1.275648546237186</v>
      </c>
    </row>
    <row r="2285" spans="8:19" x14ac:dyDescent="0.3">
      <c r="H2285" s="44">
        <v>2278</v>
      </c>
      <c r="I2285" s="56">
        <f>Bühler!I2311</f>
        <v>0.22078532531028217</v>
      </c>
      <c r="J2285" s="59">
        <f>Bühler!J2311</f>
        <v>0.73595108436760726</v>
      </c>
      <c r="K2285" s="59">
        <f>Bühler!K2311</f>
        <v>1.1039266265514107</v>
      </c>
      <c r="L2285" s="59">
        <f>Bühler!L2311</f>
        <v>5.298847807446772</v>
      </c>
      <c r="M2285" s="58">
        <f>Bühler!M2311</f>
        <v>0</v>
      </c>
      <c r="N2285" s="56">
        <f>IF(Input!$D$19=1,J2285*Input!$C$19,0)+IF(Input!$D$20=1,K2285*Input!$C$20,0)+IF(Input!$D$21=1,L2285*Input!$C$21,0)+IF(Input!$D$22=1,M2285*Input!$C$22,0)</f>
        <v>0.22078532531028217</v>
      </c>
      <c r="O2285" s="59">
        <f>IF(Input!$D$19=2,J2285*Input!$C$19,0)+IF(Input!$D$20=2,K2285*Input!$C$20,0)+IF(Input!$D$21=2,L2285*Input!$C$21,0)+IF(Input!$D$22=2,M2285*Input!$C$22,0)</f>
        <v>0.55196331327570536</v>
      </c>
      <c r="P2285" s="59">
        <f>IF(Input!$D$19=3,J2285*Input!$C$19,0)+IF(Input!$D$20=3,K2285*Input!$C$20,0)+IF(Input!$D$21=3,L2285*Input!$C$21,0)+IF(Input!$D$22=3,M2285*Input!$C$22,0)</f>
        <v>0</v>
      </c>
      <c r="Q2285" s="75">
        <f>IF(Input!$D$19=4,J2285*Input!$C$19,0)+IF(Input!$D$20=4,K2285*Input!$C$20,0)+IF(Input!$D$21=4,L2285*Input!$C$21,0)+IF(Input!$D$22=4,M2285*Input!$C$22,0)</f>
        <v>0</v>
      </c>
      <c r="R2285" s="58">
        <v>57.665041500937008</v>
      </c>
      <c r="S2285" s="124">
        <f t="shared" si="35"/>
        <v>0.95673640967788942</v>
      </c>
    </row>
    <row r="2286" spans="8:19" x14ac:dyDescent="0.3">
      <c r="H2286" s="44">
        <v>2279</v>
      </c>
      <c r="I2286" s="56">
        <f>Bühler!I2312</f>
        <v>0.22078532531028217</v>
      </c>
      <c r="J2286" s="59">
        <f>Bühler!J2312</f>
        <v>0.73595108436760726</v>
      </c>
      <c r="K2286" s="59">
        <f>Bühler!K2312</f>
        <v>1.1039266265514107</v>
      </c>
      <c r="L2286" s="59">
        <f>Bühler!L2312</f>
        <v>5.298847807446772</v>
      </c>
      <c r="M2286" s="58">
        <f>Bühler!M2312</f>
        <v>0</v>
      </c>
      <c r="N2286" s="56">
        <f>IF(Input!$D$19=1,J2286*Input!$C$19,0)+IF(Input!$D$20=1,K2286*Input!$C$20,0)+IF(Input!$D$21=1,L2286*Input!$C$21,0)+IF(Input!$D$22=1,M2286*Input!$C$22,0)</f>
        <v>0.22078532531028217</v>
      </c>
      <c r="O2286" s="59">
        <f>IF(Input!$D$19=2,J2286*Input!$C$19,0)+IF(Input!$D$20=2,K2286*Input!$C$20,0)+IF(Input!$D$21=2,L2286*Input!$C$21,0)+IF(Input!$D$22=2,M2286*Input!$C$22,0)</f>
        <v>0.55196331327570536</v>
      </c>
      <c r="P2286" s="59">
        <f>IF(Input!$D$19=3,J2286*Input!$C$19,0)+IF(Input!$D$20=3,K2286*Input!$C$20,0)+IF(Input!$D$21=3,L2286*Input!$C$21,0)+IF(Input!$D$22=3,M2286*Input!$C$22,0)</f>
        <v>0</v>
      </c>
      <c r="Q2286" s="75">
        <f>IF(Input!$D$19=4,J2286*Input!$C$19,0)+IF(Input!$D$20=4,K2286*Input!$C$20,0)+IF(Input!$D$21=4,L2286*Input!$C$21,0)+IF(Input!$D$22=4,M2286*Input!$C$22,0)</f>
        <v>0</v>
      </c>
      <c r="R2286" s="58">
        <v>57.271138675008046</v>
      </c>
      <c r="S2286" s="124">
        <f t="shared" si="35"/>
        <v>0.95673640967788942</v>
      </c>
    </row>
    <row r="2287" spans="8:19" x14ac:dyDescent="0.3">
      <c r="H2287" s="44">
        <v>2280</v>
      </c>
      <c r="I2287" s="56">
        <f>Bühler!I2313</f>
        <v>0.22078532531028217</v>
      </c>
      <c r="J2287" s="59">
        <f>Bühler!J2313</f>
        <v>0.73595108436760726</v>
      </c>
      <c r="K2287" s="59">
        <f>Bühler!K2313</f>
        <v>1.1039266265514107</v>
      </c>
      <c r="L2287" s="59">
        <f>Bühler!L2313</f>
        <v>5.298847807446772</v>
      </c>
      <c r="M2287" s="58">
        <f>Bühler!M2313</f>
        <v>0</v>
      </c>
      <c r="N2287" s="56">
        <f>IF(Input!$D$19=1,J2287*Input!$C$19,0)+IF(Input!$D$20=1,K2287*Input!$C$20,0)+IF(Input!$D$21=1,L2287*Input!$C$21,0)+IF(Input!$D$22=1,M2287*Input!$C$22,0)</f>
        <v>0.22078532531028217</v>
      </c>
      <c r="O2287" s="59">
        <f>IF(Input!$D$19=2,J2287*Input!$C$19,0)+IF(Input!$D$20=2,K2287*Input!$C$20,0)+IF(Input!$D$21=2,L2287*Input!$C$21,0)+IF(Input!$D$22=2,M2287*Input!$C$22,0)</f>
        <v>0.55196331327570536</v>
      </c>
      <c r="P2287" s="59">
        <f>IF(Input!$D$19=3,J2287*Input!$C$19,0)+IF(Input!$D$20=3,K2287*Input!$C$20,0)+IF(Input!$D$21=3,L2287*Input!$C$21,0)+IF(Input!$D$22=3,M2287*Input!$C$22,0)</f>
        <v>0</v>
      </c>
      <c r="Q2287" s="75">
        <f>IF(Input!$D$19=4,J2287*Input!$C$19,0)+IF(Input!$D$20=4,K2287*Input!$C$20,0)+IF(Input!$D$21=4,L2287*Input!$C$21,0)+IF(Input!$D$22=4,M2287*Input!$C$22,0)</f>
        <v>0</v>
      </c>
      <c r="R2287" s="58">
        <v>56.854539592550374</v>
      </c>
      <c r="S2287" s="124">
        <f t="shared" si="35"/>
        <v>0.95673640967788942</v>
      </c>
    </row>
    <row r="2288" spans="8:19" x14ac:dyDescent="0.3">
      <c r="H2288" s="44">
        <v>2281</v>
      </c>
      <c r="I2288" s="56">
        <f>Bühler!I2314</f>
        <v>0.24533426580949588</v>
      </c>
      <c r="J2288" s="59">
        <f>Bühler!J2314</f>
        <v>0.817780886031653</v>
      </c>
      <c r="K2288" s="59">
        <f>Bühler!K2314</f>
        <v>1.2266713290474793</v>
      </c>
      <c r="L2288" s="59">
        <f>Bühler!L2314</f>
        <v>5.888022379427901</v>
      </c>
      <c r="M2288" s="58">
        <f>Bühler!M2314</f>
        <v>0</v>
      </c>
      <c r="N2288" s="56">
        <f>IF(Input!$D$19=1,J2288*Input!$C$19,0)+IF(Input!$D$20=1,K2288*Input!$C$20,0)+IF(Input!$D$21=1,L2288*Input!$C$21,0)+IF(Input!$D$22=1,M2288*Input!$C$22,0)</f>
        <v>0.24533426580949588</v>
      </c>
      <c r="O2288" s="59">
        <f>IF(Input!$D$19=2,J2288*Input!$C$19,0)+IF(Input!$D$20=2,K2288*Input!$C$20,0)+IF(Input!$D$21=2,L2288*Input!$C$21,0)+IF(Input!$D$22=2,M2288*Input!$C$22,0)</f>
        <v>0.61333566452373967</v>
      </c>
      <c r="P2288" s="59">
        <f>IF(Input!$D$19=3,J2288*Input!$C$19,0)+IF(Input!$D$20=3,K2288*Input!$C$20,0)+IF(Input!$D$21=3,L2288*Input!$C$21,0)+IF(Input!$D$22=3,M2288*Input!$C$22,0)</f>
        <v>0</v>
      </c>
      <c r="Q2288" s="75">
        <f>IF(Input!$D$19=4,J2288*Input!$C$19,0)+IF(Input!$D$20=4,K2288*Input!$C$20,0)+IF(Input!$D$21=4,L2288*Input!$C$21,0)+IF(Input!$D$22=4,M2288*Input!$C$22,0)</f>
        <v>0</v>
      </c>
      <c r="R2288" s="58">
        <v>56.013746810469222</v>
      </c>
      <c r="S2288" s="124">
        <f t="shared" si="35"/>
        <v>1.0631151518411488</v>
      </c>
    </row>
    <row r="2289" spans="8:19" x14ac:dyDescent="0.3">
      <c r="H2289" s="44">
        <v>2282</v>
      </c>
      <c r="I2289" s="56">
        <f>Bühler!I2315</f>
        <v>0.24533426580949588</v>
      </c>
      <c r="J2289" s="59">
        <f>Bühler!J2315</f>
        <v>0.817780886031653</v>
      </c>
      <c r="K2289" s="59">
        <f>Bühler!K2315</f>
        <v>1.2266713290474793</v>
      </c>
      <c r="L2289" s="59">
        <f>Bühler!L2315</f>
        <v>5.888022379427901</v>
      </c>
      <c r="M2289" s="58">
        <f>Bühler!M2315</f>
        <v>0</v>
      </c>
      <c r="N2289" s="56">
        <f>IF(Input!$D$19=1,J2289*Input!$C$19,0)+IF(Input!$D$20=1,K2289*Input!$C$20,0)+IF(Input!$D$21=1,L2289*Input!$C$21,0)+IF(Input!$D$22=1,M2289*Input!$C$22,0)</f>
        <v>0.24533426580949588</v>
      </c>
      <c r="O2289" s="59">
        <f>IF(Input!$D$19=2,J2289*Input!$C$19,0)+IF(Input!$D$20=2,K2289*Input!$C$20,0)+IF(Input!$D$21=2,L2289*Input!$C$21,0)+IF(Input!$D$22=2,M2289*Input!$C$22,0)</f>
        <v>0.61333566452373967</v>
      </c>
      <c r="P2289" s="59">
        <f>IF(Input!$D$19=3,J2289*Input!$C$19,0)+IF(Input!$D$20=3,K2289*Input!$C$20,0)+IF(Input!$D$21=3,L2289*Input!$C$21,0)+IF(Input!$D$22=3,M2289*Input!$C$22,0)</f>
        <v>0</v>
      </c>
      <c r="Q2289" s="75">
        <f>IF(Input!$D$19=4,J2289*Input!$C$19,0)+IF(Input!$D$20=4,K2289*Input!$C$20,0)+IF(Input!$D$21=4,L2289*Input!$C$21,0)+IF(Input!$D$22=4,M2289*Input!$C$22,0)</f>
        <v>0</v>
      </c>
      <c r="R2289" s="58">
        <v>55.701174657764035</v>
      </c>
      <c r="S2289" s="124">
        <f t="shared" si="35"/>
        <v>1.0631151518411488</v>
      </c>
    </row>
    <row r="2290" spans="8:19" x14ac:dyDescent="0.3">
      <c r="H2290" s="44">
        <v>2283</v>
      </c>
      <c r="I2290" s="56">
        <f>Bühler!I2316</f>
        <v>0.24533426580949588</v>
      </c>
      <c r="J2290" s="59">
        <f>Bühler!J2316</f>
        <v>0.817780886031653</v>
      </c>
      <c r="K2290" s="59">
        <f>Bühler!K2316</f>
        <v>1.2266713290474793</v>
      </c>
      <c r="L2290" s="59">
        <f>Bühler!L2316</f>
        <v>5.888022379427901</v>
      </c>
      <c r="M2290" s="58">
        <f>Bühler!M2316</f>
        <v>0</v>
      </c>
      <c r="N2290" s="56">
        <f>IF(Input!$D$19=1,J2290*Input!$C$19,0)+IF(Input!$D$20=1,K2290*Input!$C$20,0)+IF(Input!$D$21=1,L2290*Input!$C$21,0)+IF(Input!$D$22=1,M2290*Input!$C$22,0)</f>
        <v>0.24533426580949588</v>
      </c>
      <c r="O2290" s="59">
        <f>IF(Input!$D$19=2,J2290*Input!$C$19,0)+IF(Input!$D$20=2,K2290*Input!$C$20,0)+IF(Input!$D$21=2,L2290*Input!$C$21,0)+IF(Input!$D$22=2,M2290*Input!$C$22,0)</f>
        <v>0.61333566452373967</v>
      </c>
      <c r="P2290" s="59">
        <f>IF(Input!$D$19=3,J2290*Input!$C$19,0)+IF(Input!$D$20=3,K2290*Input!$C$20,0)+IF(Input!$D$21=3,L2290*Input!$C$21,0)+IF(Input!$D$22=3,M2290*Input!$C$22,0)</f>
        <v>0</v>
      </c>
      <c r="Q2290" s="75">
        <f>IF(Input!$D$19=4,J2290*Input!$C$19,0)+IF(Input!$D$20=4,K2290*Input!$C$20,0)+IF(Input!$D$21=4,L2290*Input!$C$21,0)+IF(Input!$D$22=4,M2290*Input!$C$22,0)</f>
        <v>0</v>
      </c>
      <c r="R2290" s="58">
        <v>55.84356981177843</v>
      </c>
      <c r="S2290" s="124">
        <f t="shared" si="35"/>
        <v>1.0631151518411488</v>
      </c>
    </row>
    <row r="2291" spans="8:19" x14ac:dyDescent="0.3">
      <c r="H2291" s="44">
        <v>2284</v>
      </c>
      <c r="I2291" s="56">
        <f>Bühler!I2317</f>
        <v>0.24533426580949588</v>
      </c>
      <c r="J2291" s="59">
        <f>Bühler!J2317</f>
        <v>0.817780886031653</v>
      </c>
      <c r="K2291" s="59">
        <f>Bühler!K2317</f>
        <v>1.2266713290474793</v>
      </c>
      <c r="L2291" s="59">
        <f>Bühler!L2317</f>
        <v>5.888022379427901</v>
      </c>
      <c r="M2291" s="58">
        <f>Bühler!M2317</f>
        <v>0</v>
      </c>
      <c r="N2291" s="56">
        <f>IF(Input!$D$19=1,J2291*Input!$C$19,0)+IF(Input!$D$20=1,K2291*Input!$C$20,0)+IF(Input!$D$21=1,L2291*Input!$C$21,0)+IF(Input!$D$22=1,M2291*Input!$C$22,0)</f>
        <v>0.24533426580949588</v>
      </c>
      <c r="O2291" s="59">
        <f>IF(Input!$D$19=2,J2291*Input!$C$19,0)+IF(Input!$D$20=2,K2291*Input!$C$20,0)+IF(Input!$D$21=2,L2291*Input!$C$21,0)+IF(Input!$D$22=2,M2291*Input!$C$22,0)</f>
        <v>0.61333566452373967</v>
      </c>
      <c r="P2291" s="59">
        <f>IF(Input!$D$19=3,J2291*Input!$C$19,0)+IF(Input!$D$20=3,K2291*Input!$C$20,0)+IF(Input!$D$21=3,L2291*Input!$C$21,0)+IF(Input!$D$22=3,M2291*Input!$C$22,0)</f>
        <v>0</v>
      </c>
      <c r="Q2291" s="75">
        <f>IF(Input!$D$19=4,J2291*Input!$C$19,0)+IF(Input!$D$20=4,K2291*Input!$C$20,0)+IF(Input!$D$21=4,L2291*Input!$C$21,0)+IF(Input!$D$22=4,M2291*Input!$C$22,0)</f>
        <v>0</v>
      </c>
      <c r="R2291" s="58">
        <v>56.377239785748749</v>
      </c>
      <c r="S2291" s="124">
        <f t="shared" si="35"/>
        <v>1.0631151518411488</v>
      </c>
    </row>
    <row r="2292" spans="8:19" x14ac:dyDescent="0.3">
      <c r="H2292" s="44">
        <v>2285</v>
      </c>
      <c r="I2292" s="56">
        <f>Bühler!I2318</f>
        <v>0.24533426580949588</v>
      </c>
      <c r="J2292" s="59">
        <f>Bühler!J2318</f>
        <v>0.817780886031653</v>
      </c>
      <c r="K2292" s="59">
        <f>Bühler!K2318</f>
        <v>1.2266713290474793</v>
      </c>
      <c r="L2292" s="59">
        <f>Bühler!L2318</f>
        <v>5.888022379427901</v>
      </c>
      <c r="M2292" s="58">
        <f>Bühler!M2318</f>
        <v>0</v>
      </c>
      <c r="N2292" s="56">
        <f>IF(Input!$D$19=1,J2292*Input!$C$19,0)+IF(Input!$D$20=1,K2292*Input!$C$20,0)+IF(Input!$D$21=1,L2292*Input!$C$21,0)+IF(Input!$D$22=1,M2292*Input!$C$22,0)</f>
        <v>0.24533426580949588</v>
      </c>
      <c r="O2292" s="59">
        <f>IF(Input!$D$19=2,J2292*Input!$C$19,0)+IF(Input!$D$20=2,K2292*Input!$C$20,0)+IF(Input!$D$21=2,L2292*Input!$C$21,0)+IF(Input!$D$22=2,M2292*Input!$C$22,0)</f>
        <v>0.61333566452373967</v>
      </c>
      <c r="P2292" s="59">
        <f>IF(Input!$D$19=3,J2292*Input!$C$19,0)+IF(Input!$D$20=3,K2292*Input!$C$20,0)+IF(Input!$D$21=3,L2292*Input!$C$21,0)+IF(Input!$D$22=3,M2292*Input!$C$22,0)</f>
        <v>0</v>
      </c>
      <c r="Q2292" s="75">
        <f>IF(Input!$D$19=4,J2292*Input!$C$19,0)+IF(Input!$D$20=4,K2292*Input!$C$20,0)+IF(Input!$D$21=4,L2292*Input!$C$21,0)+IF(Input!$D$22=4,M2292*Input!$C$22,0)</f>
        <v>0</v>
      </c>
      <c r="R2292" s="58">
        <v>57.151646780948326</v>
      </c>
      <c r="S2292" s="124">
        <f t="shared" si="35"/>
        <v>1.0631151518411488</v>
      </c>
    </row>
    <row r="2293" spans="8:19" x14ac:dyDescent="0.3">
      <c r="H2293" s="44">
        <v>2286</v>
      </c>
      <c r="I2293" s="56">
        <f>Bühler!I2319</f>
        <v>0.31620860926557248</v>
      </c>
      <c r="J2293" s="59">
        <f>Bühler!J2319</f>
        <v>1.0540286975519082</v>
      </c>
      <c r="K2293" s="59">
        <f>Bühler!K2319</f>
        <v>1.5810430463278624</v>
      </c>
      <c r="L2293" s="59">
        <f>Bühler!L2319</f>
        <v>7.5890066223737387</v>
      </c>
      <c r="M2293" s="58">
        <f>Bühler!M2319</f>
        <v>0</v>
      </c>
      <c r="N2293" s="56">
        <f>IF(Input!$D$19=1,J2293*Input!$C$19,0)+IF(Input!$D$20=1,K2293*Input!$C$20,0)+IF(Input!$D$21=1,L2293*Input!$C$21,0)+IF(Input!$D$22=1,M2293*Input!$C$22,0)</f>
        <v>0.31620860926557243</v>
      </c>
      <c r="O2293" s="59">
        <f>IF(Input!$D$19=2,J2293*Input!$C$19,0)+IF(Input!$D$20=2,K2293*Input!$C$20,0)+IF(Input!$D$21=2,L2293*Input!$C$21,0)+IF(Input!$D$22=2,M2293*Input!$C$22,0)</f>
        <v>0.79052152316393121</v>
      </c>
      <c r="P2293" s="59">
        <f>IF(Input!$D$19=3,J2293*Input!$C$19,0)+IF(Input!$D$20=3,K2293*Input!$C$20,0)+IF(Input!$D$21=3,L2293*Input!$C$21,0)+IF(Input!$D$22=3,M2293*Input!$C$22,0)</f>
        <v>0</v>
      </c>
      <c r="Q2293" s="75">
        <f>IF(Input!$D$19=4,J2293*Input!$C$19,0)+IF(Input!$D$20=4,K2293*Input!$C$20,0)+IF(Input!$D$21=4,L2293*Input!$C$21,0)+IF(Input!$D$22=4,M2293*Input!$C$22,0)</f>
        <v>0</v>
      </c>
      <c r="R2293" s="58">
        <v>59.908233832302521</v>
      </c>
      <c r="S2293" s="124">
        <f t="shared" si="35"/>
        <v>1.3702373068174807</v>
      </c>
    </row>
    <row r="2294" spans="8:19" x14ac:dyDescent="0.3">
      <c r="H2294" s="44">
        <v>2287</v>
      </c>
      <c r="I2294" s="56">
        <f>Bühler!I2320</f>
        <v>0.38163108014810471</v>
      </c>
      <c r="J2294" s="59">
        <f>Bühler!J2320</f>
        <v>1.2721036004936825</v>
      </c>
      <c r="K2294" s="59">
        <f>Bühler!K2320</f>
        <v>1.9081554007405235</v>
      </c>
      <c r="L2294" s="59">
        <f>Bühler!L2320</f>
        <v>9.1591459235545134</v>
      </c>
      <c r="M2294" s="58">
        <f>Bühler!M2320</f>
        <v>0</v>
      </c>
      <c r="N2294" s="56">
        <f>IF(Input!$D$19=1,J2294*Input!$C$19,0)+IF(Input!$D$20=1,K2294*Input!$C$20,0)+IF(Input!$D$21=1,L2294*Input!$C$21,0)+IF(Input!$D$22=1,M2294*Input!$C$22,0)</f>
        <v>0.38163108014810476</v>
      </c>
      <c r="O2294" s="59">
        <f>IF(Input!$D$19=2,J2294*Input!$C$19,0)+IF(Input!$D$20=2,K2294*Input!$C$20,0)+IF(Input!$D$21=2,L2294*Input!$C$21,0)+IF(Input!$D$22=2,M2294*Input!$C$22,0)</f>
        <v>0.95407770037026174</v>
      </c>
      <c r="P2294" s="59">
        <f>IF(Input!$D$19=3,J2294*Input!$C$19,0)+IF(Input!$D$20=3,K2294*Input!$C$20,0)+IF(Input!$D$21=3,L2294*Input!$C$21,0)+IF(Input!$D$22=3,M2294*Input!$C$22,0)</f>
        <v>0</v>
      </c>
      <c r="Q2294" s="75">
        <f>IF(Input!$D$19=4,J2294*Input!$C$19,0)+IF(Input!$D$20=4,K2294*Input!$C$20,0)+IF(Input!$D$21=4,L2294*Input!$C$21,0)+IF(Input!$D$22=4,M2294*Input!$C$22,0)</f>
        <v>0</v>
      </c>
      <c r="R2294" s="58">
        <v>63.387275961900343</v>
      </c>
      <c r="S2294" s="124">
        <f t="shared" si="35"/>
        <v>1.6537346806417872</v>
      </c>
    </row>
    <row r="2295" spans="8:19" x14ac:dyDescent="0.3">
      <c r="H2295" s="44">
        <v>2288</v>
      </c>
      <c r="I2295" s="56">
        <f>Bühler!I2321</f>
        <v>0.38163108014810471</v>
      </c>
      <c r="J2295" s="59">
        <f>Bühler!J2321</f>
        <v>1.2721036004936825</v>
      </c>
      <c r="K2295" s="59">
        <f>Bühler!K2321</f>
        <v>1.9081554007405235</v>
      </c>
      <c r="L2295" s="59">
        <f>Bühler!L2321</f>
        <v>9.1591459235545134</v>
      </c>
      <c r="M2295" s="58">
        <f>Bühler!M2321</f>
        <v>0</v>
      </c>
      <c r="N2295" s="56">
        <f>IF(Input!$D$19=1,J2295*Input!$C$19,0)+IF(Input!$D$20=1,K2295*Input!$C$20,0)+IF(Input!$D$21=1,L2295*Input!$C$21,0)+IF(Input!$D$22=1,M2295*Input!$C$22,0)</f>
        <v>0.38163108014810476</v>
      </c>
      <c r="O2295" s="59">
        <f>IF(Input!$D$19=2,J2295*Input!$C$19,0)+IF(Input!$D$20=2,K2295*Input!$C$20,0)+IF(Input!$D$21=2,L2295*Input!$C$21,0)+IF(Input!$D$22=2,M2295*Input!$C$22,0)</f>
        <v>0.95407770037026174</v>
      </c>
      <c r="P2295" s="59">
        <f>IF(Input!$D$19=3,J2295*Input!$C$19,0)+IF(Input!$D$20=3,K2295*Input!$C$20,0)+IF(Input!$D$21=3,L2295*Input!$C$21,0)+IF(Input!$D$22=3,M2295*Input!$C$22,0)</f>
        <v>0</v>
      </c>
      <c r="Q2295" s="75">
        <f>IF(Input!$D$19=4,J2295*Input!$C$19,0)+IF(Input!$D$20=4,K2295*Input!$C$20,0)+IF(Input!$D$21=4,L2295*Input!$C$21,0)+IF(Input!$D$22=4,M2295*Input!$C$22,0)</f>
        <v>0</v>
      </c>
      <c r="R2295" s="58">
        <v>64.870962798812656</v>
      </c>
      <c r="S2295" s="124">
        <f t="shared" si="35"/>
        <v>1.6537346806417872</v>
      </c>
    </row>
    <row r="2296" spans="8:19" x14ac:dyDescent="0.3">
      <c r="H2296" s="44">
        <v>2289</v>
      </c>
      <c r="I2296" s="56">
        <f>Bühler!I2322</f>
        <v>0.38163108014810471</v>
      </c>
      <c r="J2296" s="59">
        <f>Bühler!J2322</f>
        <v>1.2721036004936825</v>
      </c>
      <c r="K2296" s="59">
        <f>Bühler!K2322</f>
        <v>1.9081554007405235</v>
      </c>
      <c r="L2296" s="59">
        <f>Bühler!L2322</f>
        <v>9.1591459235545134</v>
      </c>
      <c r="M2296" s="58">
        <f>Bühler!M2322</f>
        <v>0</v>
      </c>
      <c r="N2296" s="56">
        <f>IF(Input!$D$19=1,J2296*Input!$C$19,0)+IF(Input!$D$20=1,K2296*Input!$C$20,0)+IF(Input!$D$21=1,L2296*Input!$C$21,0)+IF(Input!$D$22=1,M2296*Input!$C$22,0)</f>
        <v>0.38163108014810476</v>
      </c>
      <c r="O2296" s="59">
        <f>IF(Input!$D$19=2,J2296*Input!$C$19,0)+IF(Input!$D$20=2,K2296*Input!$C$20,0)+IF(Input!$D$21=2,L2296*Input!$C$21,0)+IF(Input!$D$22=2,M2296*Input!$C$22,0)</f>
        <v>0.95407770037026174</v>
      </c>
      <c r="P2296" s="59">
        <f>IF(Input!$D$19=3,J2296*Input!$C$19,0)+IF(Input!$D$20=3,K2296*Input!$C$20,0)+IF(Input!$D$21=3,L2296*Input!$C$21,0)+IF(Input!$D$22=3,M2296*Input!$C$22,0)</f>
        <v>0</v>
      </c>
      <c r="Q2296" s="75">
        <f>IF(Input!$D$19=4,J2296*Input!$C$19,0)+IF(Input!$D$20=4,K2296*Input!$C$20,0)+IF(Input!$D$21=4,L2296*Input!$C$21,0)+IF(Input!$D$22=4,M2296*Input!$C$22,0)</f>
        <v>0</v>
      </c>
      <c r="R2296" s="58">
        <v>65.413804177841641</v>
      </c>
      <c r="S2296" s="124">
        <f t="shared" si="35"/>
        <v>1.6537346806417872</v>
      </c>
    </row>
    <row r="2297" spans="8:19" x14ac:dyDescent="0.3">
      <c r="H2297" s="44">
        <v>2290</v>
      </c>
      <c r="I2297" s="56">
        <f>Bühler!I2323</f>
        <v>0.4088904430158265</v>
      </c>
      <c r="J2297" s="59">
        <f>Bühler!J2323</f>
        <v>1.3629681433860885</v>
      </c>
      <c r="K2297" s="59">
        <f>Bühler!K2323</f>
        <v>2.0444522150791324</v>
      </c>
      <c r="L2297" s="59">
        <f>Bühler!L2323</f>
        <v>9.8133706323798364</v>
      </c>
      <c r="M2297" s="58">
        <f>Bühler!M2323</f>
        <v>0</v>
      </c>
      <c r="N2297" s="56">
        <f>IF(Input!$D$19=1,J2297*Input!$C$19,0)+IF(Input!$D$20=1,K2297*Input!$C$20,0)+IF(Input!$D$21=1,L2297*Input!$C$21,0)+IF(Input!$D$22=1,M2297*Input!$C$22,0)</f>
        <v>0.40889044301582655</v>
      </c>
      <c r="O2297" s="59">
        <f>IF(Input!$D$19=2,J2297*Input!$C$19,0)+IF(Input!$D$20=2,K2297*Input!$C$20,0)+IF(Input!$D$21=2,L2297*Input!$C$21,0)+IF(Input!$D$22=2,M2297*Input!$C$22,0)</f>
        <v>1.0222261075395662</v>
      </c>
      <c r="P2297" s="59">
        <f>IF(Input!$D$19=3,J2297*Input!$C$19,0)+IF(Input!$D$20=3,K2297*Input!$C$20,0)+IF(Input!$D$21=3,L2297*Input!$C$21,0)+IF(Input!$D$22=3,M2297*Input!$C$22,0)</f>
        <v>0</v>
      </c>
      <c r="Q2297" s="75">
        <f>IF(Input!$D$19=4,J2297*Input!$C$19,0)+IF(Input!$D$20=4,K2297*Input!$C$20,0)+IF(Input!$D$21=4,L2297*Input!$C$21,0)+IF(Input!$D$22=4,M2297*Input!$C$22,0)</f>
        <v>0</v>
      </c>
      <c r="R2297" s="58">
        <v>65.552789090651359</v>
      </c>
      <c r="S2297" s="124">
        <f t="shared" si="35"/>
        <v>1.771858586401915</v>
      </c>
    </row>
    <row r="2298" spans="8:19" x14ac:dyDescent="0.3">
      <c r="H2298" s="44">
        <v>2291</v>
      </c>
      <c r="I2298" s="56">
        <f>Bühler!I2324</f>
        <v>0.4252460607364596</v>
      </c>
      <c r="J2298" s="59">
        <f>Bühler!J2324</f>
        <v>1.4174868691215321</v>
      </c>
      <c r="K2298" s="59">
        <f>Bühler!K2324</f>
        <v>2.126230303682298</v>
      </c>
      <c r="L2298" s="59">
        <f>Bühler!L2324</f>
        <v>10.20590545767503</v>
      </c>
      <c r="M2298" s="58">
        <f>Bühler!M2324</f>
        <v>0</v>
      </c>
      <c r="N2298" s="56">
        <f>IF(Input!$D$19=1,J2298*Input!$C$19,0)+IF(Input!$D$20=1,K2298*Input!$C$20,0)+IF(Input!$D$21=1,L2298*Input!$C$21,0)+IF(Input!$D$22=1,M2298*Input!$C$22,0)</f>
        <v>0.4252460607364596</v>
      </c>
      <c r="O2298" s="59">
        <f>IF(Input!$D$19=2,J2298*Input!$C$19,0)+IF(Input!$D$20=2,K2298*Input!$C$20,0)+IF(Input!$D$21=2,L2298*Input!$C$21,0)+IF(Input!$D$22=2,M2298*Input!$C$22,0)</f>
        <v>1.063115151841149</v>
      </c>
      <c r="P2298" s="59">
        <f>IF(Input!$D$19=3,J2298*Input!$C$19,0)+IF(Input!$D$20=3,K2298*Input!$C$20,0)+IF(Input!$D$21=3,L2298*Input!$C$21,0)+IF(Input!$D$22=3,M2298*Input!$C$22,0)</f>
        <v>0</v>
      </c>
      <c r="Q2298" s="75">
        <f>IF(Input!$D$19=4,J2298*Input!$C$19,0)+IF(Input!$D$20=4,K2298*Input!$C$20,0)+IF(Input!$D$21=4,L2298*Input!$C$21,0)+IF(Input!$D$22=4,M2298*Input!$C$22,0)</f>
        <v>0</v>
      </c>
      <c r="R2298" s="58">
        <v>65.601259313542982</v>
      </c>
      <c r="S2298" s="124">
        <f t="shared" si="35"/>
        <v>1.8427329298579918</v>
      </c>
    </row>
    <row r="2299" spans="8:19" x14ac:dyDescent="0.3">
      <c r="H2299" s="44">
        <v>2292</v>
      </c>
      <c r="I2299" s="56">
        <f>Bühler!I2325</f>
        <v>0.49066853161899177</v>
      </c>
      <c r="J2299" s="59">
        <f>Bühler!J2325</f>
        <v>1.635561772063306</v>
      </c>
      <c r="K2299" s="59">
        <f>Bühler!K2325</f>
        <v>2.4533426580949587</v>
      </c>
      <c r="L2299" s="59">
        <f>Bühler!L2325</f>
        <v>11.776044758855802</v>
      </c>
      <c r="M2299" s="58">
        <f>Bühler!M2325</f>
        <v>0</v>
      </c>
      <c r="N2299" s="56">
        <f>IF(Input!$D$19=1,J2299*Input!$C$19,0)+IF(Input!$D$20=1,K2299*Input!$C$20,0)+IF(Input!$D$21=1,L2299*Input!$C$21,0)+IF(Input!$D$22=1,M2299*Input!$C$22,0)</f>
        <v>0.49066853161899177</v>
      </c>
      <c r="O2299" s="59">
        <f>IF(Input!$D$19=2,J2299*Input!$C$19,0)+IF(Input!$D$20=2,K2299*Input!$C$20,0)+IF(Input!$D$21=2,L2299*Input!$C$21,0)+IF(Input!$D$22=2,M2299*Input!$C$22,0)</f>
        <v>1.2266713290474793</v>
      </c>
      <c r="P2299" s="59">
        <f>IF(Input!$D$19=3,J2299*Input!$C$19,0)+IF(Input!$D$20=3,K2299*Input!$C$20,0)+IF(Input!$D$21=3,L2299*Input!$C$21,0)+IF(Input!$D$22=3,M2299*Input!$C$22,0)</f>
        <v>0</v>
      </c>
      <c r="Q2299" s="75">
        <f>IF(Input!$D$19=4,J2299*Input!$C$19,0)+IF(Input!$D$20=4,K2299*Input!$C$20,0)+IF(Input!$D$21=4,L2299*Input!$C$21,0)+IF(Input!$D$22=4,M2299*Input!$C$22,0)</f>
        <v>0</v>
      </c>
      <c r="R2299" s="58">
        <v>65.676450199250183</v>
      </c>
      <c r="S2299" s="124">
        <f t="shared" si="35"/>
        <v>2.1262303036822976</v>
      </c>
    </row>
    <row r="2300" spans="8:19" x14ac:dyDescent="0.3">
      <c r="H2300" s="44">
        <v>2293</v>
      </c>
      <c r="I2300" s="56">
        <f>Bühler!I2326</f>
        <v>0.49066853161899177</v>
      </c>
      <c r="J2300" s="59">
        <f>Bühler!J2326</f>
        <v>1.635561772063306</v>
      </c>
      <c r="K2300" s="59">
        <f>Bühler!K2326</f>
        <v>2.4533426580949587</v>
      </c>
      <c r="L2300" s="59">
        <f>Bühler!L2326</f>
        <v>11.776044758855802</v>
      </c>
      <c r="M2300" s="58">
        <f>Bühler!M2326</f>
        <v>0</v>
      </c>
      <c r="N2300" s="56">
        <f>IF(Input!$D$19=1,J2300*Input!$C$19,0)+IF(Input!$D$20=1,K2300*Input!$C$20,0)+IF(Input!$D$21=1,L2300*Input!$C$21,0)+IF(Input!$D$22=1,M2300*Input!$C$22,0)</f>
        <v>0.49066853161899177</v>
      </c>
      <c r="O2300" s="59">
        <f>IF(Input!$D$19=2,J2300*Input!$C$19,0)+IF(Input!$D$20=2,K2300*Input!$C$20,0)+IF(Input!$D$21=2,L2300*Input!$C$21,0)+IF(Input!$D$22=2,M2300*Input!$C$22,0)</f>
        <v>1.2266713290474793</v>
      </c>
      <c r="P2300" s="59">
        <f>IF(Input!$D$19=3,J2300*Input!$C$19,0)+IF(Input!$D$20=3,K2300*Input!$C$20,0)+IF(Input!$D$21=3,L2300*Input!$C$21,0)+IF(Input!$D$22=3,M2300*Input!$C$22,0)</f>
        <v>0</v>
      </c>
      <c r="Q2300" s="75">
        <f>IF(Input!$D$19=4,J2300*Input!$C$19,0)+IF(Input!$D$20=4,K2300*Input!$C$20,0)+IF(Input!$D$21=4,L2300*Input!$C$21,0)+IF(Input!$D$22=4,M2300*Input!$C$22,0)</f>
        <v>0</v>
      </c>
      <c r="R2300" s="58">
        <v>64.98574600237805</v>
      </c>
      <c r="S2300" s="124">
        <f t="shared" si="35"/>
        <v>2.1262303036822976</v>
      </c>
    </row>
    <row r="2301" spans="8:19" x14ac:dyDescent="0.3">
      <c r="H2301" s="44">
        <v>2294</v>
      </c>
      <c r="I2301" s="56">
        <f>Bühler!I2327</f>
        <v>0.49066853161899177</v>
      </c>
      <c r="J2301" s="59">
        <f>Bühler!J2327</f>
        <v>1.635561772063306</v>
      </c>
      <c r="K2301" s="59">
        <f>Bühler!K2327</f>
        <v>2.4533426580949587</v>
      </c>
      <c r="L2301" s="59">
        <f>Bühler!L2327</f>
        <v>11.776044758855802</v>
      </c>
      <c r="M2301" s="58">
        <f>Bühler!M2327</f>
        <v>0</v>
      </c>
      <c r="N2301" s="56">
        <f>IF(Input!$D$19=1,J2301*Input!$C$19,0)+IF(Input!$D$20=1,K2301*Input!$C$20,0)+IF(Input!$D$21=1,L2301*Input!$C$21,0)+IF(Input!$D$22=1,M2301*Input!$C$22,0)</f>
        <v>0.49066853161899177</v>
      </c>
      <c r="O2301" s="59">
        <f>IF(Input!$D$19=2,J2301*Input!$C$19,0)+IF(Input!$D$20=2,K2301*Input!$C$20,0)+IF(Input!$D$21=2,L2301*Input!$C$21,0)+IF(Input!$D$22=2,M2301*Input!$C$22,0)</f>
        <v>1.2266713290474793</v>
      </c>
      <c r="P2301" s="59">
        <f>IF(Input!$D$19=3,J2301*Input!$C$19,0)+IF(Input!$D$20=3,K2301*Input!$C$20,0)+IF(Input!$D$21=3,L2301*Input!$C$21,0)+IF(Input!$D$22=3,M2301*Input!$C$22,0)</f>
        <v>0</v>
      </c>
      <c r="Q2301" s="75">
        <f>IF(Input!$D$19=4,J2301*Input!$C$19,0)+IF(Input!$D$20=4,K2301*Input!$C$20,0)+IF(Input!$D$21=4,L2301*Input!$C$21,0)+IF(Input!$D$22=4,M2301*Input!$C$22,0)</f>
        <v>0</v>
      </c>
      <c r="R2301" s="58">
        <v>64.532539774264819</v>
      </c>
      <c r="S2301" s="124">
        <f t="shared" si="35"/>
        <v>2.1262303036822976</v>
      </c>
    </row>
    <row r="2302" spans="8:19" x14ac:dyDescent="0.3">
      <c r="H2302" s="44">
        <v>2295</v>
      </c>
      <c r="I2302" s="56">
        <f>Bühler!I2328</f>
        <v>0.49066853161899177</v>
      </c>
      <c r="J2302" s="59">
        <f>Bühler!J2328</f>
        <v>1.635561772063306</v>
      </c>
      <c r="K2302" s="59">
        <f>Bühler!K2328</f>
        <v>2.4533426580949587</v>
      </c>
      <c r="L2302" s="59">
        <f>Bühler!L2328</f>
        <v>11.776044758855802</v>
      </c>
      <c r="M2302" s="58">
        <f>Bühler!M2328</f>
        <v>0</v>
      </c>
      <c r="N2302" s="56">
        <f>IF(Input!$D$19=1,J2302*Input!$C$19,0)+IF(Input!$D$20=1,K2302*Input!$C$20,0)+IF(Input!$D$21=1,L2302*Input!$C$21,0)+IF(Input!$D$22=1,M2302*Input!$C$22,0)</f>
        <v>0.49066853161899177</v>
      </c>
      <c r="O2302" s="59">
        <f>IF(Input!$D$19=2,J2302*Input!$C$19,0)+IF(Input!$D$20=2,K2302*Input!$C$20,0)+IF(Input!$D$21=2,L2302*Input!$C$21,0)+IF(Input!$D$22=2,M2302*Input!$C$22,0)</f>
        <v>1.2266713290474793</v>
      </c>
      <c r="P2302" s="59">
        <f>IF(Input!$D$19=3,J2302*Input!$C$19,0)+IF(Input!$D$20=3,K2302*Input!$C$20,0)+IF(Input!$D$21=3,L2302*Input!$C$21,0)+IF(Input!$D$22=3,M2302*Input!$C$22,0)</f>
        <v>0</v>
      </c>
      <c r="Q2302" s="75">
        <f>IF(Input!$D$19=4,J2302*Input!$C$19,0)+IF(Input!$D$20=4,K2302*Input!$C$20,0)+IF(Input!$D$21=4,L2302*Input!$C$21,0)+IF(Input!$D$22=4,M2302*Input!$C$22,0)</f>
        <v>0</v>
      </c>
      <c r="R2302" s="58">
        <v>64.222084591502366</v>
      </c>
      <c r="S2302" s="124">
        <f t="shared" si="35"/>
        <v>2.1262303036822976</v>
      </c>
    </row>
    <row r="2303" spans="8:19" x14ac:dyDescent="0.3">
      <c r="H2303" s="44">
        <v>2296</v>
      </c>
      <c r="I2303" s="56">
        <f>Bühler!I2329</f>
        <v>0.4088904430158265</v>
      </c>
      <c r="J2303" s="59">
        <f>Bühler!J2329</f>
        <v>1.3629681433860885</v>
      </c>
      <c r="K2303" s="59">
        <f>Bühler!K2329</f>
        <v>2.0444522150791324</v>
      </c>
      <c r="L2303" s="59">
        <f>Bühler!L2329</f>
        <v>9.8133706323798364</v>
      </c>
      <c r="M2303" s="58">
        <f>Bühler!M2329</f>
        <v>0</v>
      </c>
      <c r="N2303" s="56">
        <f>IF(Input!$D$19=1,J2303*Input!$C$19,0)+IF(Input!$D$20=1,K2303*Input!$C$20,0)+IF(Input!$D$21=1,L2303*Input!$C$21,0)+IF(Input!$D$22=1,M2303*Input!$C$22,0)</f>
        <v>0.40889044301582655</v>
      </c>
      <c r="O2303" s="59">
        <f>IF(Input!$D$19=2,J2303*Input!$C$19,0)+IF(Input!$D$20=2,K2303*Input!$C$20,0)+IF(Input!$D$21=2,L2303*Input!$C$21,0)+IF(Input!$D$22=2,M2303*Input!$C$22,0)</f>
        <v>1.0222261075395662</v>
      </c>
      <c r="P2303" s="59">
        <f>IF(Input!$D$19=3,J2303*Input!$C$19,0)+IF(Input!$D$20=3,K2303*Input!$C$20,0)+IF(Input!$D$21=3,L2303*Input!$C$21,0)+IF(Input!$D$22=3,M2303*Input!$C$22,0)</f>
        <v>0</v>
      </c>
      <c r="Q2303" s="75">
        <f>IF(Input!$D$19=4,J2303*Input!$C$19,0)+IF(Input!$D$20=4,K2303*Input!$C$20,0)+IF(Input!$D$21=4,L2303*Input!$C$21,0)+IF(Input!$D$22=4,M2303*Input!$C$22,0)</f>
        <v>0</v>
      </c>
      <c r="R2303" s="58">
        <v>63.840763745270344</v>
      </c>
      <c r="S2303" s="124">
        <f t="shared" si="35"/>
        <v>1.771858586401915</v>
      </c>
    </row>
    <row r="2304" spans="8:19" x14ac:dyDescent="0.3">
      <c r="H2304" s="44">
        <v>2297</v>
      </c>
      <c r="I2304" s="56">
        <f>Bühler!I2330</f>
        <v>0.38708295272164911</v>
      </c>
      <c r="J2304" s="59">
        <f>Bühler!J2330</f>
        <v>1.2902765090721637</v>
      </c>
      <c r="K2304" s="59">
        <f>Bühler!K2330</f>
        <v>1.9354147636082455</v>
      </c>
      <c r="L2304" s="59">
        <f>Bühler!L2330</f>
        <v>9.2899908653195791</v>
      </c>
      <c r="M2304" s="58">
        <f>Bühler!M2330</f>
        <v>0</v>
      </c>
      <c r="N2304" s="56">
        <f>IF(Input!$D$19=1,J2304*Input!$C$19,0)+IF(Input!$D$20=1,K2304*Input!$C$20,0)+IF(Input!$D$21=1,L2304*Input!$C$21,0)+IF(Input!$D$22=1,M2304*Input!$C$22,0)</f>
        <v>0.38708295272164911</v>
      </c>
      <c r="O2304" s="59">
        <f>IF(Input!$D$19=2,J2304*Input!$C$19,0)+IF(Input!$D$20=2,K2304*Input!$C$20,0)+IF(Input!$D$21=2,L2304*Input!$C$21,0)+IF(Input!$D$22=2,M2304*Input!$C$22,0)</f>
        <v>0.96770738180412275</v>
      </c>
      <c r="P2304" s="59">
        <f>IF(Input!$D$19=3,J2304*Input!$C$19,0)+IF(Input!$D$20=3,K2304*Input!$C$20,0)+IF(Input!$D$21=3,L2304*Input!$C$21,0)+IF(Input!$D$22=3,M2304*Input!$C$22,0)</f>
        <v>0</v>
      </c>
      <c r="Q2304" s="75">
        <f>IF(Input!$D$19=4,J2304*Input!$C$19,0)+IF(Input!$D$20=4,K2304*Input!$C$20,0)+IF(Input!$D$21=4,L2304*Input!$C$21,0)+IF(Input!$D$22=4,M2304*Input!$C$22,0)</f>
        <v>0</v>
      </c>
      <c r="R2304" s="58">
        <v>62.522899126903013</v>
      </c>
      <c r="S2304" s="124">
        <f t="shared" si="35"/>
        <v>1.6773594617938128</v>
      </c>
    </row>
    <row r="2305" spans="8:19" x14ac:dyDescent="0.3">
      <c r="H2305" s="44">
        <v>2298</v>
      </c>
      <c r="I2305" s="56">
        <f>Bühler!I2331</f>
        <v>0.38708295272164911</v>
      </c>
      <c r="J2305" s="59">
        <f>Bühler!J2331</f>
        <v>1.2902765090721637</v>
      </c>
      <c r="K2305" s="59">
        <f>Bühler!K2331</f>
        <v>1.9354147636082455</v>
      </c>
      <c r="L2305" s="59">
        <f>Bühler!L2331</f>
        <v>9.2899908653195791</v>
      </c>
      <c r="M2305" s="58">
        <f>Bühler!M2331</f>
        <v>0</v>
      </c>
      <c r="N2305" s="56">
        <f>IF(Input!$D$19=1,J2305*Input!$C$19,0)+IF(Input!$D$20=1,K2305*Input!$C$20,0)+IF(Input!$D$21=1,L2305*Input!$C$21,0)+IF(Input!$D$22=1,M2305*Input!$C$22,0)</f>
        <v>0.38708295272164911</v>
      </c>
      <c r="O2305" s="59">
        <f>IF(Input!$D$19=2,J2305*Input!$C$19,0)+IF(Input!$D$20=2,K2305*Input!$C$20,0)+IF(Input!$D$21=2,L2305*Input!$C$21,0)+IF(Input!$D$22=2,M2305*Input!$C$22,0)</f>
        <v>0.96770738180412275</v>
      </c>
      <c r="P2305" s="59">
        <f>IF(Input!$D$19=3,J2305*Input!$C$19,0)+IF(Input!$D$20=3,K2305*Input!$C$20,0)+IF(Input!$D$21=3,L2305*Input!$C$21,0)+IF(Input!$D$22=3,M2305*Input!$C$22,0)</f>
        <v>0</v>
      </c>
      <c r="Q2305" s="75">
        <f>IF(Input!$D$19=4,J2305*Input!$C$19,0)+IF(Input!$D$20=4,K2305*Input!$C$20,0)+IF(Input!$D$21=4,L2305*Input!$C$21,0)+IF(Input!$D$22=4,M2305*Input!$C$22,0)</f>
        <v>0</v>
      </c>
      <c r="R2305" s="58">
        <v>61.100529336928396</v>
      </c>
      <c r="S2305" s="124">
        <f t="shared" si="35"/>
        <v>1.6773594617938128</v>
      </c>
    </row>
    <row r="2306" spans="8:19" x14ac:dyDescent="0.3">
      <c r="H2306" s="44">
        <v>2299</v>
      </c>
      <c r="I2306" s="56">
        <f>Bühler!I2332</f>
        <v>0.38708295272164911</v>
      </c>
      <c r="J2306" s="59">
        <f>Bühler!J2332</f>
        <v>1.2902765090721637</v>
      </c>
      <c r="K2306" s="59">
        <f>Bühler!K2332</f>
        <v>1.9354147636082455</v>
      </c>
      <c r="L2306" s="59">
        <f>Bühler!L2332</f>
        <v>9.2899908653195791</v>
      </c>
      <c r="M2306" s="58">
        <f>Bühler!M2332</f>
        <v>0</v>
      </c>
      <c r="N2306" s="56">
        <f>IF(Input!$D$19=1,J2306*Input!$C$19,0)+IF(Input!$D$20=1,K2306*Input!$C$20,0)+IF(Input!$D$21=1,L2306*Input!$C$21,0)+IF(Input!$D$22=1,M2306*Input!$C$22,0)</f>
        <v>0.38708295272164911</v>
      </c>
      <c r="O2306" s="59">
        <f>IF(Input!$D$19=2,J2306*Input!$C$19,0)+IF(Input!$D$20=2,K2306*Input!$C$20,0)+IF(Input!$D$21=2,L2306*Input!$C$21,0)+IF(Input!$D$22=2,M2306*Input!$C$22,0)</f>
        <v>0.96770738180412275</v>
      </c>
      <c r="P2306" s="59">
        <f>IF(Input!$D$19=3,J2306*Input!$C$19,0)+IF(Input!$D$20=3,K2306*Input!$C$20,0)+IF(Input!$D$21=3,L2306*Input!$C$21,0)+IF(Input!$D$22=3,M2306*Input!$C$22,0)</f>
        <v>0</v>
      </c>
      <c r="Q2306" s="75">
        <f>IF(Input!$D$19=4,J2306*Input!$C$19,0)+IF(Input!$D$20=4,K2306*Input!$C$20,0)+IF(Input!$D$21=4,L2306*Input!$C$21,0)+IF(Input!$D$22=4,M2306*Input!$C$22,0)</f>
        <v>0</v>
      </c>
      <c r="R2306" s="58">
        <v>59.707765312663746</v>
      </c>
      <c r="S2306" s="124">
        <f t="shared" si="35"/>
        <v>1.6773594617938128</v>
      </c>
    </row>
    <row r="2307" spans="8:19" x14ac:dyDescent="0.3">
      <c r="H2307" s="44">
        <v>2300</v>
      </c>
      <c r="I2307" s="56">
        <f>Bühler!I2333</f>
        <v>0.38708295272164911</v>
      </c>
      <c r="J2307" s="59">
        <f>Bühler!J2333</f>
        <v>1.2902765090721637</v>
      </c>
      <c r="K2307" s="59">
        <f>Bühler!K2333</f>
        <v>1.9354147636082455</v>
      </c>
      <c r="L2307" s="59">
        <f>Bühler!L2333</f>
        <v>9.2899908653195791</v>
      </c>
      <c r="M2307" s="58">
        <f>Bühler!M2333</f>
        <v>0</v>
      </c>
      <c r="N2307" s="56">
        <f>IF(Input!$D$19=1,J2307*Input!$C$19,0)+IF(Input!$D$20=1,K2307*Input!$C$20,0)+IF(Input!$D$21=1,L2307*Input!$C$21,0)+IF(Input!$D$22=1,M2307*Input!$C$22,0)</f>
        <v>0.38708295272164911</v>
      </c>
      <c r="O2307" s="59">
        <f>IF(Input!$D$19=2,J2307*Input!$C$19,0)+IF(Input!$D$20=2,K2307*Input!$C$20,0)+IF(Input!$D$21=2,L2307*Input!$C$21,0)+IF(Input!$D$22=2,M2307*Input!$C$22,0)</f>
        <v>0.96770738180412275</v>
      </c>
      <c r="P2307" s="59">
        <f>IF(Input!$D$19=3,J2307*Input!$C$19,0)+IF(Input!$D$20=3,K2307*Input!$C$20,0)+IF(Input!$D$21=3,L2307*Input!$C$21,0)+IF(Input!$D$22=3,M2307*Input!$C$22,0)</f>
        <v>0</v>
      </c>
      <c r="Q2307" s="75">
        <f>IF(Input!$D$19=4,J2307*Input!$C$19,0)+IF(Input!$D$20=4,K2307*Input!$C$20,0)+IF(Input!$D$21=4,L2307*Input!$C$21,0)+IF(Input!$D$22=4,M2307*Input!$C$22,0)</f>
        <v>0</v>
      </c>
      <c r="R2307" s="58">
        <v>58.29759752537533</v>
      </c>
      <c r="S2307" s="124">
        <f t="shared" si="35"/>
        <v>1.6773594617938128</v>
      </c>
    </row>
    <row r="2308" spans="8:19" x14ac:dyDescent="0.3">
      <c r="H2308" s="44">
        <v>2301</v>
      </c>
      <c r="I2308" s="56">
        <f>Bühler!I2334</f>
        <v>0.29985299154493944</v>
      </c>
      <c r="J2308" s="59">
        <f>Bühler!J2334</f>
        <v>0.99950997181646484</v>
      </c>
      <c r="K2308" s="59">
        <f>Bühler!K2334</f>
        <v>1.499264957724697</v>
      </c>
      <c r="L2308" s="59">
        <f>Bühler!L2334</f>
        <v>7.1964717970785461</v>
      </c>
      <c r="M2308" s="58">
        <f>Bühler!M2334</f>
        <v>0</v>
      </c>
      <c r="N2308" s="56">
        <f>IF(Input!$D$19=1,J2308*Input!$C$19,0)+IF(Input!$D$20=1,K2308*Input!$C$20,0)+IF(Input!$D$21=1,L2308*Input!$C$21,0)+IF(Input!$D$22=1,M2308*Input!$C$22,0)</f>
        <v>0.29985299154493944</v>
      </c>
      <c r="O2308" s="59">
        <f>IF(Input!$D$19=2,J2308*Input!$C$19,0)+IF(Input!$D$20=2,K2308*Input!$C$20,0)+IF(Input!$D$21=2,L2308*Input!$C$21,0)+IF(Input!$D$22=2,M2308*Input!$C$22,0)</f>
        <v>0.74963247886234852</v>
      </c>
      <c r="P2308" s="59">
        <f>IF(Input!$D$19=3,J2308*Input!$C$19,0)+IF(Input!$D$20=3,K2308*Input!$C$20,0)+IF(Input!$D$21=3,L2308*Input!$C$21,0)+IF(Input!$D$22=3,M2308*Input!$C$22,0)</f>
        <v>0</v>
      </c>
      <c r="Q2308" s="75">
        <f>IF(Input!$D$19=4,J2308*Input!$C$19,0)+IF(Input!$D$20=4,K2308*Input!$C$20,0)+IF(Input!$D$21=4,L2308*Input!$C$21,0)+IF(Input!$D$22=4,M2308*Input!$C$22,0)</f>
        <v>0</v>
      </c>
      <c r="R2308" s="58">
        <v>56.550317225279628</v>
      </c>
      <c r="S2308" s="124">
        <f t="shared" si="35"/>
        <v>1.2993629633614043</v>
      </c>
    </row>
    <row r="2309" spans="8:19" x14ac:dyDescent="0.3">
      <c r="H2309" s="44">
        <v>2302</v>
      </c>
      <c r="I2309" s="56">
        <f>Bühler!I2335</f>
        <v>0.11448932404443141</v>
      </c>
      <c r="J2309" s="59">
        <f>Bühler!J2335</f>
        <v>0.38163108014810471</v>
      </c>
      <c r="K2309" s="59">
        <f>Bühler!K2335</f>
        <v>0.57244662022215698</v>
      </c>
      <c r="L2309" s="59">
        <f>Bühler!L2335</f>
        <v>2.7477437770663538</v>
      </c>
      <c r="M2309" s="58">
        <f>Bühler!M2335</f>
        <v>0</v>
      </c>
      <c r="N2309" s="56">
        <f>IF(Input!$D$19=1,J2309*Input!$C$19,0)+IF(Input!$D$20=1,K2309*Input!$C$20,0)+IF(Input!$D$21=1,L2309*Input!$C$21,0)+IF(Input!$D$22=1,M2309*Input!$C$22,0)</f>
        <v>0.11448932404443141</v>
      </c>
      <c r="O2309" s="59">
        <f>IF(Input!$D$19=2,J2309*Input!$C$19,0)+IF(Input!$D$20=2,K2309*Input!$C$20,0)+IF(Input!$D$21=2,L2309*Input!$C$21,0)+IF(Input!$D$22=2,M2309*Input!$C$22,0)</f>
        <v>0.28622331011107849</v>
      </c>
      <c r="P2309" s="59">
        <f>IF(Input!$D$19=3,J2309*Input!$C$19,0)+IF(Input!$D$20=3,K2309*Input!$C$20,0)+IF(Input!$D$21=3,L2309*Input!$C$21,0)+IF(Input!$D$22=3,M2309*Input!$C$22,0)</f>
        <v>0</v>
      </c>
      <c r="Q2309" s="75">
        <f>IF(Input!$D$19=4,J2309*Input!$C$19,0)+IF(Input!$D$20=4,K2309*Input!$C$20,0)+IF(Input!$D$21=4,L2309*Input!$C$21,0)+IF(Input!$D$22=4,M2309*Input!$C$22,0)</f>
        <v>0</v>
      </c>
      <c r="R2309" s="58">
        <v>55.487514602575324</v>
      </c>
      <c r="S2309" s="124">
        <f t="shared" si="35"/>
        <v>0.49612040419253611</v>
      </c>
    </row>
    <row r="2310" spans="8:19" x14ac:dyDescent="0.3">
      <c r="H2310" s="44">
        <v>2303</v>
      </c>
      <c r="I2310" s="56">
        <f>Bühler!I2336</f>
        <v>0.11448932404443141</v>
      </c>
      <c r="J2310" s="59">
        <f>Bühler!J2336</f>
        <v>0.38163108014810471</v>
      </c>
      <c r="K2310" s="59">
        <f>Bühler!K2336</f>
        <v>0.57244662022215698</v>
      </c>
      <c r="L2310" s="59">
        <f>Bühler!L2336</f>
        <v>2.7477437770663538</v>
      </c>
      <c r="M2310" s="58">
        <f>Bühler!M2336</f>
        <v>0</v>
      </c>
      <c r="N2310" s="56">
        <f>IF(Input!$D$19=1,J2310*Input!$C$19,0)+IF(Input!$D$20=1,K2310*Input!$C$20,0)+IF(Input!$D$21=1,L2310*Input!$C$21,0)+IF(Input!$D$22=1,M2310*Input!$C$22,0)</f>
        <v>0.11448932404443141</v>
      </c>
      <c r="O2310" s="59">
        <f>IF(Input!$D$19=2,J2310*Input!$C$19,0)+IF(Input!$D$20=2,K2310*Input!$C$20,0)+IF(Input!$D$21=2,L2310*Input!$C$21,0)+IF(Input!$D$22=2,M2310*Input!$C$22,0)</f>
        <v>0.28622331011107849</v>
      </c>
      <c r="P2310" s="59">
        <f>IF(Input!$D$19=3,J2310*Input!$C$19,0)+IF(Input!$D$20=3,K2310*Input!$C$20,0)+IF(Input!$D$21=3,L2310*Input!$C$21,0)+IF(Input!$D$22=3,M2310*Input!$C$22,0)</f>
        <v>0</v>
      </c>
      <c r="Q2310" s="75">
        <f>IF(Input!$D$19=4,J2310*Input!$C$19,0)+IF(Input!$D$20=4,K2310*Input!$C$20,0)+IF(Input!$D$21=4,L2310*Input!$C$21,0)+IF(Input!$D$22=4,M2310*Input!$C$22,0)</f>
        <v>0</v>
      </c>
      <c r="R2310" s="58">
        <v>54.453715937155813</v>
      </c>
      <c r="S2310" s="124">
        <f t="shared" si="35"/>
        <v>0.49612040419253611</v>
      </c>
    </row>
    <row r="2311" spans="8:19" x14ac:dyDescent="0.3">
      <c r="H2311" s="44">
        <v>2304</v>
      </c>
      <c r="I2311" s="56">
        <f>Bühler!I2337</f>
        <v>0.11448932404443141</v>
      </c>
      <c r="J2311" s="59">
        <f>Bühler!J2337</f>
        <v>0.38163108014810471</v>
      </c>
      <c r="K2311" s="59">
        <f>Bühler!K2337</f>
        <v>0.57244662022215698</v>
      </c>
      <c r="L2311" s="59">
        <f>Bühler!L2337</f>
        <v>2.7477437770663538</v>
      </c>
      <c r="M2311" s="58">
        <f>Bühler!M2337</f>
        <v>0</v>
      </c>
      <c r="N2311" s="56">
        <f>IF(Input!$D$19=1,J2311*Input!$C$19,0)+IF(Input!$D$20=1,K2311*Input!$C$20,0)+IF(Input!$D$21=1,L2311*Input!$C$21,0)+IF(Input!$D$22=1,M2311*Input!$C$22,0)</f>
        <v>0.11448932404443141</v>
      </c>
      <c r="O2311" s="59">
        <f>IF(Input!$D$19=2,J2311*Input!$C$19,0)+IF(Input!$D$20=2,K2311*Input!$C$20,0)+IF(Input!$D$21=2,L2311*Input!$C$21,0)+IF(Input!$D$22=2,M2311*Input!$C$22,0)</f>
        <v>0.28622331011107849</v>
      </c>
      <c r="P2311" s="59">
        <f>IF(Input!$D$19=3,J2311*Input!$C$19,0)+IF(Input!$D$20=3,K2311*Input!$C$20,0)+IF(Input!$D$21=3,L2311*Input!$C$21,0)+IF(Input!$D$22=3,M2311*Input!$C$22,0)</f>
        <v>0</v>
      </c>
      <c r="Q2311" s="75">
        <f>IF(Input!$D$19=4,J2311*Input!$C$19,0)+IF(Input!$D$20=4,K2311*Input!$C$20,0)+IF(Input!$D$21=4,L2311*Input!$C$21,0)+IF(Input!$D$22=4,M2311*Input!$C$22,0)</f>
        <v>0</v>
      </c>
      <c r="R2311" s="58">
        <v>53.68877578880052</v>
      </c>
      <c r="S2311" s="124">
        <f t="shared" si="35"/>
        <v>0.49612040419253611</v>
      </c>
    </row>
    <row r="2312" spans="8:19" x14ac:dyDescent="0.3">
      <c r="H2312" s="44">
        <v>2305</v>
      </c>
      <c r="I2312" s="56">
        <f>Bühler!I2338</f>
        <v>7.6045857120756538E-2</v>
      </c>
      <c r="J2312" s="59">
        <f>Bühler!J2338</f>
        <v>0.25348619040252179</v>
      </c>
      <c r="K2312" s="59">
        <f>Bühler!K2338</f>
        <v>0.38022928560378272</v>
      </c>
      <c r="L2312" s="59">
        <f>Bühler!L2338</f>
        <v>4.1625444014158024</v>
      </c>
      <c r="M2312" s="58">
        <f>Bühler!M2338</f>
        <v>0</v>
      </c>
      <c r="N2312" s="56">
        <f>IF(Input!$D$19=1,J2312*Input!$C$19,0)+IF(Input!$D$20=1,K2312*Input!$C$20,0)+IF(Input!$D$21=1,L2312*Input!$C$21,0)+IF(Input!$D$22=1,M2312*Input!$C$22,0)</f>
        <v>7.6045857120756538E-2</v>
      </c>
      <c r="O2312" s="59">
        <f>IF(Input!$D$19=2,J2312*Input!$C$19,0)+IF(Input!$D$20=2,K2312*Input!$C$20,0)+IF(Input!$D$21=2,L2312*Input!$C$21,0)+IF(Input!$D$22=2,M2312*Input!$C$22,0)</f>
        <v>0.19011464280189136</v>
      </c>
      <c r="P2312" s="59">
        <f>IF(Input!$D$19=3,J2312*Input!$C$19,0)+IF(Input!$D$20=3,K2312*Input!$C$20,0)+IF(Input!$D$21=3,L2312*Input!$C$21,0)+IF(Input!$D$22=3,M2312*Input!$C$22,0)</f>
        <v>0</v>
      </c>
      <c r="Q2312" s="75">
        <f>IF(Input!$D$19=4,J2312*Input!$C$19,0)+IF(Input!$D$20=4,K2312*Input!$C$20,0)+IF(Input!$D$21=4,L2312*Input!$C$21,0)+IF(Input!$D$22=4,M2312*Input!$C$22,0)</f>
        <v>0</v>
      </c>
      <c r="R2312" s="58">
        <v>52.521855267811461</v>
      </c>
      <c r="S2312" s="124">
        <f t="shared" si="35"/>
        <v>0.32953204752327836</v>
      </c>
    </row>
    <row r="2313" spans="8:19" x14ac:dyDescent="0.3">
      <c r="H2313" s="44">
        <v>2306</v>
      </c>
      <c r="I2313" s="56">
        <f>Bühler!I2339</f>
        <v>0.1484704829500485</v>
      </c>
      <c r="J2313" s="59">
        <f>Bühler!J2339</f>
        <v>0.49490160983349502</v>
      </c>
      <c r="K2313" s="59">
        <f>Bühler!K2339</f>
        <v>0.7423524147502425</v>
      </c>
      <c r="L2313" s="59">
        <f>Bühler!L2339</f>
        <v>8.126872402764187</v>
      </c>
      <c r="M2313" s="58">
        <f>Bühler!M2339</f>
        <v>0</v>
      </c>
      <c r="N2313" s="56">
        <f>IF(Input!$D$19=1,J2313*Input!$C$19,0)+IF(Input!$D$20=1,K2313*Input!$C$20,0)+IF(Input!$D$21=1,L2313*Input!$C$21,0)+IF(Input!$D$22=1,M2313*Input!$C$22,0)</f>
        <v>0.1484704829500485</v>
      </c>
      <c r="O2313" s="59">
        <f>IF(Input!$D$19=2,J2313*Input!$C$19,0)+IF(Input!$D$20=2,K2313*Input!$C$20,0)+IF(Input!$D$21=2,L2313*Input!$C$21,0)+IF(Input!$D$22=2,M2313*Input!$C$22,0)</f>
        <v>0.37117620737512125</v>
      </c>
      <c r="P2313" s="59">
        <f>IF(Input!$D$19=3,J2313*Input!$C$19,0)+IF(Input!$D$20=3,K2313*Input!$C$20,0)+IF(Input!$D$21=3,L2313*Input!$C$21,0)+IF(Input!$D$22=3,M2313*Input!$C$22,0)</f>
        <v>0</v>
      </c>
      <c r="Q2313" s="75">
        <f>IF(Input!$D$19=4,J2313*Input!$C$19,0)+IF(Input!$D$20=4,K2313*Input!$C$20,0)+IF(Input!$D$21=4,L2313*Input!$C$21,0)+IF(Input!$D$22=4,M2313*Input!$C$22,0)</f>
        <v>0</v>
      </c>
      <c r="R2313" s="58">
        <v>51.413160923105472</v>
      </c>
      <c r="S2313" s="124">
        <f t="shared" ref="S2313:S2376" si="36">I2313+J2313</f>
        <v>0.64337209278354357</v>
      </c>
    </row>
    <row r="2314" spans="8:19" x14ac:dyDescent="0.3">
      <c r="H2314" s="44">
        <v>2307</v>
      </c>
      <c r="I2314" s="56">
        <f>Bühler!I2340</f>
        <v>0.1484704829500485</v>
      </c>
      <c r="J2314" s="59">
        <f>Bühler!J2340</f>
        <v>0.49490160983349502</v>
      </c>
      <c r="K2314" s="59">
        <f>Bühler!K2340</f>
        <v>0.7423524147502425</v>
      </c>
      <c r="L2314" s="59">
        <f>Bühler!L2340</f>
        <v>8.126872402764187</v>
      </c>
      <c r="M2314" s="58">
        <f>Bühler!M2340</f>
        <v>0</v>
      </c>
      <c r="N2314" s="56">
        <f>IF(Input!$D$19=1,J2314*Input!$C$19,0)+IF(Input!$D$20=1,K2314*Input!$C$20,0)+IF(Input!$D$21=1,L2314*Input!$C$21,0)+IF(Input!$D$22=1,M2314*Input!$C$22,0)</f>
        <v>0.1484704829500485</v>
      </c>
      <c r="O2314" s="59">
        <f>IF(Input!$D$19=2,J2314*Input!$C$19,0)+IF(Input!$D$20=2,K2314*Input!$C$20,0)+IF(Input!$D$21=2,L2314*Input!$C$21,0)+IF(Input!$D$22=2,M2314*Input!$C$22,0)</f>
        <v>0.37117620737512125</v>
      </c>
      <c r="P2314" s="59">
        <f>IF(Input!$D$19=3,J2314*Input!$C$19,0)+IF(Input!$D$20=3,K2314*Input!$C$20,0)+IF(Input!$D$21=3,L2314*Input!$C$21,0)+IF(Input!$D$22=3,M2314*Input!$C$22,0)</f>
        <v>0</v>
      </c>
      <c r="Q2314" s="75">
        <f>IF(Input!$D$19=4,J2314*Input!$C$19,0)+IF(Input!$D$20=4,K2314*Input!$C$20,0)+IF(Input!$D$21=4,L2314*Input!$C$21,0)+IF(Input!$D$22=4,M2314*Input!$C$22,0)</f>
        <v>0</v>
      </c>
      <c r="R2314" s="58">
        <v>51.014375236659191</v>
      </c>
      <c r="S2314" s="124">
        <f t="shared" si="36"/>
        <v>0.64337209278354357</v>
      </c>
    </row>
    <row r="2315" spans="8:19" x14ac:dyDescent="0.3">
      <c r="H2315" s="44">
        <v>2308</v>
      </c>
      <c r="I2315" s="56">
        <f>Bühler!I2341</f>
        <v>0.1484704829500485</v>
      </c>
      <c r="J2315" s="59">
        <f>Bühler!J2341</f>
        <v>0.49490160983349502</v>
      </c>
      <c r="K2315" s="59">
        <f>Bühler!K2341</f>
        <v>0.7423524147502425</v>
      </c>
      <c r="L2315" s="59">
        <f>Bühler!L2341</f>
        <v>8.126872402764187</v>
      </c>
      <c r="M2315" s="58">
        <f>Bühler!M2341</f>
        <v>0</v>
      </c>
      <c r="N2315" s="56">
        <f>IF(Input!$D$19=1,J2315*Input!$C$19,0)+IF(Input!$D$20=1,K2315*Input!$C$20,0)+IF(Input!$D$21=1,L2315*Input!$C$21,0)+IF(Input!$D$22=1,M2315*Input!$C$22,0)</f>
        <v>0.1484704829500485</v>
      </c>
      <c r="O2315" s="59">
        <f>IF(Input!$D$19=2,J2315*Input!$C$19,0)+IF(Input!$D$20=2,K2315*Input!$C$20,0)+IF(Input!$D$21=2,L2315*Input!$C$21,0)+IF(Input!$D$22=2,M2315*Input!$C$22,0)</f>
        <v>0.37117620737512125</v>
      </c>
      <c r="P2315" s="59">
        <f>IF(Input!$D$19=3,J2315*Input!$C$19,0)+IF(Input!$D$20=3,K2315*Input!$C$20,0)+IF(Input!$D$21=3,L2315*Input!$C$21,0)+IF(Input!$D$22=3,M2315*Input!$C$22,0)</f>
        <v>0</v>
      </c>
      <c r="Q2315" s="75">
        <f>IF(Input!$D$19=4,J2315*Input!$C$19,0)+IF(Input!$D$20=4,K2315*Input!$C$20,0)+IF(Input!$D$21=4,L2315*Input!$C$21,0)+IF(Input!$D$22=4,M2315*Input!$C$22,0)</f>
        <v>0</v>
      </c>
      <c r="R2315" s="58">
        <v>50.394588071645181</v>
      </c>
      <c r="S2315" s="124">
        <f t="shared" si="36"/>
        <v>0.64337209278354357</v>
      </c>
    </row>
    <row r="2316" spans="8:19" x14ac:dyDescent="0.3">
      <c r="H2316" s="44">
        <v>2309</v>
      </c>
      <c r="I2316" s="56">
        <f>Bühler!I2342</f>
        <v>0.1484704829500485</v>
      </c>
      <c r="J2316" s="59">
        <f>Bühler!J2342</f>
        <v>0.49490160983349502</v>
      </c>
      <c r="K2316" s="59">
        <f>Bühler!K2342</f>
        <v>0.7423524147502425</v>
      </c>
      <c r="L2316" s="59">
        <f>Bühler!L2342</f>
        <v>8.126872402764187</v>
      </c>
      <c r="M2316" s="58">
        <f>Bühler!M2342</f>
        <v>0</v>
      </c>
      <c r="N2316" s="56">
        <f>IF(Input!$D$19=1,J2316*Input!$C$19,0)+IF(Input!$D$20=1,K2316*Input!$C$20,0)+IF(Input!$D$21=1,L2316*Input!$C$21,0)+IF(Input!$D$22=1,M2316*Input!$C$22,0)</f>
        <v>0.1484704829500485</v>
      </c>
      <c r="O2316" s="59">
        <f>IF(Input!$D$19=2,J2316*Input!$C$19,0)+IF(Input!$D$20=2,K2316*Input!$C$20,0)+IF(Input!$D$21=2,L2316*Input!$C$21,0)+IF(Input!$D$22=2,M2316*Input!$C$22,0)</f>
        <v>0.37117620737512125</v>
      </c>
      <c r="P2316" s="59">
        <f>IF(Input!$D$19=3,J2316*Input!$C$19,0)+IF(Input!$D$20=3,K2316*Input!$C$20,0)+IF(Input!$D$21=3,L2316*Input!$C$21,0)+IF(Input!$D$22=3,M2316*Input!$C$22,0)</f>
        <v>0</v>
      </c>
      <c r="Q2316" s="75">
        <f>IF(Input!$D$19=4,J2316*Input!$C$19,0)+IF(Input!$D$20=4,K2316*Input!$C$20,0)+IF(Input!$D$21=4,L2316*Input!$C$21,0)+IF(Input!$D$22=4,M2316*Input!$C$22,0)</f>
        <v>0</v>
      </c>
      <c r="R2316" s="58">
        <v>49.345046279838925</v>
      </c>
      <c r="S2316" s="124">
        <f t="shared" si="36"/>
        <v>0.64337209278354357</v>
      </c>
    </row>
    <row r="2317" spans="8:19" x14ac:dyDescent="0.3">
      <c r="H2317" s="44">
        <v>2310</v>
      </c>
      <c r="I2317" s="56">
        <f>Bühler!I2343</f>
        <v>0.18468279586469449</v>
      </c>
      <c r="J2317" s="59">
        <f>Bühler!J2343</f>
        <v>0.61560931954898168</v>
      </c>
      <c r="K2317" s="59">
        <f>Bühler!K2343</f>
        <v>0.92341397932347258</v>
      </c>
      <c r="L2317" s="59">
        <f>Bühler!L2343</f>
        <v>10.109036403438379</v>
      </c>
      <c r="M2317" s="58">
        <f>Bühler!M2343</f>
        <v>0</v>
      </c>
      <c r="N2317" s="56">
        <f>IF(Input!$D$19=1,J2317*Input!$C$19,0)+IF(Input!$D$20=1,K2317*Input!$C$20,0)+IF(Input!$D$21=1,L2317*Input!$C$21,0)+IF(Input!$D$22=1,M2317*Input!$C$22,0)</f>
        <v>0.18468279586469449</v>
      </c>
      <c r="O2317" s="59">
        <f>IF(Input!$D$19=2,J2317*Input!$C$19,0)+IF(Input!$D$20=2,K2317*Input!$C$20,0)+IF(Input!$D$21=2,L2317*Input!$C$21,0)+IF(Input!$D$22=2,M2317*Input!$C$22,0)</f>
        <v>0.46170698966173629</v>
      </c>
      <c r="P2317" s="59">
        <f>IF(Input!$D$19=3,J2317*Input!$C$19,0)+IF(Input!$D$20=3,K2317*Input!$C$20,0)+IF(Input!$D$21=3,L2317*Input!$C$21,0)+IF(Input!$D$22=3,M2317*Input!$C$22,0)</f>
        <v>0</v>
      </c>
      <c r="Q2317" s="75">
        <f>IF(Input!$D$19=4,J2317*Input!$C$19,0)+IF(Input!$D$20=4,K2317*Input!$C$20,0)+IF(Input!$D$21=4,L2317*Input!$C$21,0)+IF(Input!$D$22=4,M2317*Input!$C$22,0)</f>
        <v>0</v>
      </c>
      <c r="R2317" s="58">
        <v>48.953079447861477</v>
      </c>
      <c r="S2317" s="124">
        <f t="shared" si="36"/>
        <v>0.80029211541367617</v>
      </c>
    </row>
    <row r="2318" spans="8:19" x14ac:dyDescent="0.3">
      <c r="H2318" s="44">
        <v>2311</v>
      </c>
      <c r="I2318" s="56">
        <f>Bühler!I2344</f>
        <v>0.23175880265373425</v>
      </c>
      <c r="J2318" s="59">
        <f>Bühler!J2344</f>
        <v>0.77252934217911418</v>
      </c>
      <c r="K2318" s="59">
        <f>Bühler!K2344</f>
        <v>1.1587940132686714</v>
      </c>
      <c r="L2318" s="59">
        <f>Bühler!L2344</f>
        <v>12.685849604314827</v>
      </c>
      <c r="M2318" s="58">
        <f>Bühler!M2344</f>
        <v>0</v>
      </c>
      <c r="N2318" s="56">
        <f>IF(Input!$D$19=1,J2318*Input!$C$19,0)+IF(Input!$D$20=1,K2318*Input!$C$20,0)+IF(Input!$D$21=1,L2318*Input!$C$21,0)+IF(Input!$D$22=1,M2318*Input!$C$22,0)</f>
        <v>0.23175880265373425</v>
      </c>
      <c r="O2318" s="59">
        <f>IF(Input!$D$19=2,J2318*Input!$C$19,0)+IF(Input!$D$20=2,K2318*Input!$C$20,0)+IF(Input!$D$21=2,L2318*Input!$C$21,0)+IF(Input!$D$22=2,M2318*Input!$C$22,0)</f>
        <v>0.57939700663433569</v>
      </c>
      <c r="P2318" s="59">
        <f>IF(Input!$D$19=3,J2318*Input!$C$19,0)+IF(Input!$D$20=3,K2318*Input!$C$20,0)+IF(Input!$D$21=3,L2318*Input!$C$21,0)+IF(Input!$D$22=3,M2318*Input!$C$22,0)</f>
        <v>0</v>
      </c>
      <c r="Q2318" s="75">
        <f>IF(Input!$D$19=4,J2318*Input!$C$19,0)+IF(Input!$D$20=4,K2318*Input!$C$20,0)+IF(Input!$D$21=4,L2318*Input!$C$21,0)+IF(Input!$D$22=4,M2318*Input!$C$22,0)</f>
        <v>0</v>
      </c>
      <c r="R2318" s="58">
        <v>49.177391353304266</v>
      </c>
      <c r="S2318" s="124">
        <f t="shared" si="36"/>
        <v>1.0042881448328485</v>
      </c>
    </row>
    <row r="2319" spans="8:19" x14ac:dyDescent="0.3">
      <c r="H2319" s="44">
        <v>2312</v>
      </c>
      <c r="I2319" s="56">
        <f>Bühler!I2345</f>
        <v>0.26434988427691564</v>
      </c>
      <c r="J2319" s="59">
        <f>Bühler!J2345</f>
        <v>0.88116628092305216</v>
      </c>
      <c r="K2319" s="59">
        <f>Bühler!K2345</f>
        <v>1.3217494213845782</v>
      </c>
      <c r="L2319" s="59">
        <f>Bühler!L2345</f>
        <v>14.469797204921599</v>
      </c>
      <c r="M2319" s="58">
        <f>Bühler!M2345</f>
        <v>0</v>
      </c>
      <c r="N2319" s="56">
        <f>IF(Input!$D$19=1,J2319*Input!$C$19,0)+IF(Input!$D$20=1,K2319*Input!$C$20,0)+IF(Input!$D$21=1,L2319*Input!$C$21,0)+IF(Input!$D$22=1,M2319*Input!$C$22,0)</f>
        <v>0.26434988427691564</v>
      </c>
      <c r="O2319" s="59">
        <f>IF(Input!$D$19=2,J2319*Input!$C$19,0)+IF(Input!$D$20=2,K2319*Input!$C$20,0)+IF(Input!$D$21=2,L2319*Input!$C$21,0)+IF(Input!$D$22=2,M2319*Input!$C$22,0)</f>
        <v>0.66087471069228909</v>
      </c>
      <c r="P2319" s="59">
        <f>IF(Input!$D$19=3,J2319*Input!$C$19,0)+IF(Input!$D$20=3,K2319*Input!$C$20,0)+IF(Input!$D$21=3,L2319*Input!$C$21,0)+IF(Input!$D$22=3,M2319*Input!$C$22,0)</f>
        <v>0</v>
      </c>
      <c r="Q2319" s="75">
        <f>IF(Input!$D$19=4,J2319*Input!$C$19,0)+IF(Input!$D$20=4,K2319*Input!$C$20,0)+IF(Input!$D$21=4,L2319*Input!$C$21,0)+IF(Input!$D$22=4,M2319*Input!$C$22,0)</f>
        <v>0</v>
      </c>
      <c r="R2319" s="58">
        <v>49.284450371328617</v>
      </c>
      <c r="S2319" s="124">
        <f t="shared" si="36"/>
        <v>1.1455161651999677</v>
      </c>
    </row>
    <row r="2320" spans="8:19" x14ac:dyDescent="0.3">
      <c r="H2320" s="44">
        <v>2313</v>
      </c>
      <c r="I2320" s="56">
        <f>Bühler!I2346</f>
        <v>0.26434988427691564</v>
      </c>
      <c r="J2320" s="59">
        <f>Bühler!J2346</f>
        <v>0.88116628092305216</v>
      </c>
      <c r="K2320" s="59">
        <f>Bühler!K2346</f>
        <v>1.3217494213845782</v>
      </c>
      <c r="L2320" s="59">
        <f>Bühler!L2346</f>
        <v>14.469797204921599</v>
      </c>
      <c r="M2320" s="58">
        <f>Bühler!M2346</f>
        <v>0</v>
      </c>
      <c r="N2320" s="56">
        <f>IF(Input!$D$19=1,J2320*Input!$C$19,0)+IF(Input!$D$20=1,K2320*Input!$C$20,0)+IF(Input!$D$21=1,L2320*Input!$C$21,0)+IF(Input!$D$22=1,M2320*Input!$C$22,0)</f>
        <v>0.26434988427691564</v>
      </c>
      <c r="O2320" s="59">
        <f>IF(Input!$D$19=2,J2320*Input!$C$19,0)+IF(Input!$D$20=2,K2320*Input!$C$20,0)+IF(Input!$D$21=2,L2320*Input!$C$21,0)+IF(Input!$D$22=2,M2320*Input!$C$22,0)</f>
        <v>0.66087471069228909</v>
      </c>
      <c r="P2320" s="59">
        <f>IF(Input!$D$19=3,J2320*Input!$C$19,0)+IF(Input!$D$20=3,K2320*Input!$C$20,0)+IF(Input!$D$21=3,L2320*Input!$C$21,0)+IF(Input!$D$22=3,M2320*Input!$C$22,0)</f>
        <v>0</v>
      </c>
      <c r="Q2320" s="75">
        <f>IF(Input!$D$19=4,J2320*Input!$C$19,0)+IF(Input!$D$20=4,K2320*Input!$C$20,0)+IF(Input!$D$21=4,L2320*Input!$C$21,0)+IF(Input!$D$22=4,M2320*Input!$C$22,0)</f>
        <v>0</v>
      </c>
      <c r="R2320" s="58">
        <v>48.509192688940182</v>
      </c>
      <c r="S2320" s="124">
        <f t="shared" si="36"/>
        <v>1.1455161651999677</v>
      </c>
    </row>
    <row r="2321" spans="8:19" x14ac:dyDescent="0.3">
      <c r="H2321" s="44">
        <v>2314</v>
      </c>
      <c r="I2321" s="56">
        <f>Bühler!I2347</f>
        <v>0.26434988427691564</v>
      </c>
      <c r="J2321" s="59">
        <f>Bühler!J2347</f>
        <v>0.88116628092305216</v>
      </c>
      <c r="K2321" s="59">
        <f>Bühler!K2347</f>
        <v>1.3217494213845782</v>
      </c>
      <c r="L2321" s="59">
        <f>Bühler!L2347</f>
        <v>14.469797204921599</v>
      </c>
      <c r="M2321" s="58">
        <f>Bühler!M2347</f>
        <v>0</v>
      </c>
      <c r="N2321" s="56">
        <f>IF(Input!$D$19=1,J2321*Input!$C$19,0)+IF(Input!$D$20=1,K2321*Input!$C$20,0)+IF(Input!$D$21=1,L2321*Input!$C$21,0)+IF(Input!$D$22=1,M2321*Input!$C$22,0)</f>
        <v>0.26434988427691564</v>
      </c>
      <c r="O2321" s="59">
        <f>IF(Input!$D$19=2,J2321*Input!$C$19,0)+IF(Input!$D$20=2,K2321*Input!$C$20,0)+IF(Input!$D$21=2,L2321*Input!$C$21,0)+IF(Input!$D$22=2,M2321*Input!$C$22,0)</f>
        <v>0.66087471069228909</v>
      </c>
      <c r="P2321" s="59">
        <f>IF(Input!$D$19=3,J2321*Input!$C$19,0)+IF(Input!$D$20=3,K2321*Input!$C$20,0)+IF(Input!$D$21=3,L2321*Input!$C$21,0)+IF(Input!$D$22=3,M2321*Input!$C$22,0)</f>
        <v>0</v>
      </c>
      <c r="Q2321" s="75">
        <f>IF(Input!$D$19=4,J2321*Input!$C$19,0)+IF(Input!$D$20=4,K2321*Input!$C$20,0)+IF(Input!$D$21=4,L2321*Input!$C$21,0)+IF(Input!$D$22=4,M2321*Input!$C$22,0)</f>
        <v>0</v>
      </c>
      <c r="R2321" s="58">
        <v>47.583496453356176</v>
      </c>
      <c r="S2321" s="124">
        <f t="shared" si="36"/>
        <v>1.1455161651999677</v>
      </c>
    </row>
    <row r="2322" spans="8:19" x14ac:dyDescent="0.3">
      <c r="H2322" s="44">
        <v>2315</v>
      </c>
      <c r="I2322" s="56">
        <f>Bühler!I2348</f>
        <v>0.26434988427691564</v>
      </c>
      <c r="J2322" s="59">
        <f>Bühler!J2348</f>
        <v>0.88116628092305216</v>
      </c>
      <c r="K2322" s="59">
        <f>Bühler!K2348</f>
        <v>1.3217494213845782</v>
      </c>
      <c r="L2322" s="59">
        <f>Bühler!L2348</f>
        <v>14.469797204921599</v>
      </c>
      <c r="M2322" s="58">
        <f>Bühler!M2348</f>
        <v>0</v>
      </c>
      <c r="N2322" s="56">
        <f>IF(Input!$D$19=1,J2322*Input!$C$19,0)+IF(Input!$D$20=1,K2322*Input!$C$20,0)+IF(Input!$D$21=1,L2322*Input!$C$21,0)+IF(Input!$D$22=1,M2322*Input!$C$22,0)</f>
        <v>0.26434988427691564</v>
      </c>
      <c r="O2322" s="59">
        <f>IF(Input!$D$19=2,J2322*Input!$C$19,0)+IF(Input!$D$20=2,K2322*Input!$C$20,0)+IF(Input!$D$21=2,L2322*Input!$C$21,0)+IF(Input!$D$22=2,M2322*Input!$C$22,0)</f>
        <v>0.66087471069228909</v>
      </c>
      <c r="P2322" s="59">
        <f>IF(Input!$D$19=3,J2322*Input!$C$19,0)+IF(Input!$D$20=3,K2322*Input!$C$20,0)+IF(Input!$D$21=3,L2322*Input!$C$21,0)+IF(Input!$D$22=3,M2322*Input!$C$22,0)</f>
        <v>0</v>
      </c>
      <c r="Q2322" s="75">
        <f>IF(Input!$D$19=4,J2322*Input!$C$19,0)+IF(Input!$D$20=4,K2322*Input!$C$20,0)+IF(Input!$D$21=4,L2322*Input!$C$21,0)+IF(Input!$D$22=4,M2322*Input!$C$22,0)</f>
        <v>0</v>
      </c>
      <c r="R2322" s="58">
        <v>46.67149521844825</v>
      </c>
      <c r="S2322" s="124">
        <f t="shared" si="36"/>
        <v>1.1455161651999677</v>
      </c>
    </row>
    <row r="2323" spans="8:19" x14ac:dyDescent="0.3">
      <c r="H2323" s="44">
        <v>2316</v>
      </c>
      <c r="I2323" s="56">
        <f>Bühler!I2349</f>
        <v>0.26434988427691564</v>
      </c>
      <c r="J2323" s="59">
        <f>Bühler!J2349</f>
        <v>0.88116628092305216</v>
      </c>
      <c r="K2323" s="59">
        <f>Bühler!K2349</f>
        <v>1.3217494213845782</v>
      </c>
      <c r="L2323" s="59">
        <f>Bühler!L2349</f>
        <v>14.469797204921599</v>
      </c>
      <c r="M2323" s="58">
        <f>Bühler!M2349</f>
        <v>0</v>
      </c>
      <c r="N2323" s="56">
        <f>IF(Input!$D$19=1,J2323*Input!$C$19,0)+IF(Input!$D$20=1,K2323*Input!$C$20,0)+IF(Input!$D$21=1,L2323*Input!$C$21,0)+IF(Input!$D$22=1,M2323*Input!$C$22,0)</f>
        <v>0.26434988427691564</v>
      </c>
      <c r="O2323" s="59">
        <f>IF(Input!$D$19=2,J2323*Input!$C$19,0)+IF(Input!$D$20=2,K2323*Input!$C$20,0)+IF(Input!$D$21=2,L2323*Input!$C$21,0)+IF(Input!$D$22=2,M2323*Input!$C$22,0)</f>
        <v>0.66087471069228909</v>
      </c>
      <c r="P2323" s="59">
        <f>IF(Input!$D$19=3,J2323*Input!$C$19,0)+IF(Input!$D$20=3,K2323*Input!$C$20,0)+IF(Input!$D$21=3,L2323*Input!$C$21,0)+IF(Input!$D$22=3,M2323*Input!$C$22,0)</f>
        <v>0</v>
      </c>
      <c r="Q2323" s="75">
        <f>IF(Input!$D$19=4,J2323*Input!$C$19,0)+IF(Input!$D$20=4,K2323*Input!$C$20,0)+IF(Input!$D$21=4,L2323*Input!$C$21,0)+IF(Input!$D$22=4,M2323*Input!$C$22,0)</f>
        <v>0</v>
      </c>
      <c r="R2323" s="58">
        <v>46.388955410713152</v>
      </c>
      <c r="S2323" s="124">
        <f t="shared" si="36"/>
        <v>1.1455161651999677</v>
      </c>
    </row>
    <row r="2324" spans="8:19" x14ac:dyDescent="0.3">
      <c r="H2324" s="44">
        <v>2317</v>
      </c>
      <c r="I2324" s="56">
        <f>Bühler!I2350</f>
        <v>0.26434988427691564</v>
      </c>
      <c r="J2324" s="59">
        <f>Bühler!J2350</f>
        <v>0.88116628092305216</v>
      </c>
      <c r="K2324" s="59">
        <f>Bühler!K2350</f>
        <v>1.3217494213845782</v>
      </c>
      <c r="L2324" s="59">
        <f>Bühler!L2350</f>
        <v>14.469797204921599</v>
      </c>
      <c r="M2324" s="58">
        <f>Bühler!M2350</f>
        <v>0</v>
      </c>
      <c r="N2324" s="56">
        <f>IF(Input!$D$19=1,J2324*Input!$C$19,0)+IF(Input!$D$20=1,K2324*Input!$C$20,0)+IF(Input!$D$21=1,L2324*Input!$C$21,0)+IF(Input!$D$22=1,M2324*Input!$C$22,0)</f>
        <v>0.26434988427691564</v>
      </c>
      <c r="O2324" s="59">
        <f>IF(Input!$D$19=2,J2324*Input!$C$19,0)+IF(Input!$D$20=2,K2324*Input!$C$20,0)+IF(Input!$D$21=2,L2324*Input!$C$21,0)+IF(Input!$D$22=2,M2324*Input!$C$22,0)</f>
        <v>0.66087471069228909</v>
      </c>
      <c r="P2324" s="59">
        <f>IF(Input!$D$19=3,J2324*Input!$C$19,0)+IF(Input!$D$20=3,K2324*Input!$C$20,0)+IF(Input!$D$21=3,L2324*Input!$C$21,0)+IF(Input!$D$22=3,M2324*Input!$C$22,0)</f>
        <v>0</v>
      </c>
      <c r="Q2324" s="75">
        <f>IF(Input!$D$19=4,J2324*Input!$C$19,0)+IF(Input!$D$20=4,K2324*Input!$C$20,0)+IF(Input!$D$21=4,L2324*Input!$C$21,0)+IF(Input!$D$22=4,M2324*Input!$C$22,0)</f>
        <v>0</v>
      </c>
      <c r="R2324" s="58">
        <v>45.668788334236659</v>
      </c>
      <c r="S2324" s="124">
        <f t="shared" si="36"/>
        <v>1.1455161651999677</v>
      </c>
    </row>
    <row r="2325" spans="8:19" x14ac:dyDescent="0.3">
      <c r="H2325" s="44">
        <v>2318</v>
      </c>
      <c r="I2325" s="56">
        <f>Bühler!I2351</f>
        <v>0.26434988427691564</v>
      </c>
      <c r="J2325" s="59">
        <f>Bühler!J2351</f>
        <v>0.88116628092305216</v>
      </c>
      <c r="K2325" s="59">
        <f>Bühler!K2351</f>
        <v>1.3217494213845782</v>
      </c>
      <c r="L2325" s="59">
        <f>Bühler!L2351</f>
        <v>14.469797204921599</v>
      </c>
      <c r="M2325" s="58">
        <f>Bühler!M2351</f>
        <v>0</v>
      </c>
      <c r="N2325" s="56">
        <f>IF(Input!$D$19=1,J2325*Input!$C$19,0)+IF(Input!$D$20=1,K2325*Input!$C$20,0)+IF(Input!$D$21=1,L2325*Input!$C$21,0)+IF(Input!$D$22=1,M2325*Input!$C$22,0)</f>
        <v>0.26434988427691564</v>
      </c>
      <c r="O2325" s="59">
        <f>IF(Input!$D$19=2,J2325*Input!$C$19,0)+IF(Input!$D$20=2,K2325*Input!$C$20,0)+IF(Input!$D$21=2,L2325*Input!$C$21,0)+IF(Input!$D$22=2,M2325*Input!$C$22,0)</f>
        <v>0.66087471069228909</v>
      </c>
      <c r="P2325" s="59">
        <f>IF(Input!$D$19=3,J2325*Input!$C$19,0)+IF(Input!$D$20=3,K2325*Input!$C$20,0)+IF(Input!$D$21=3,L2325*Input!$C$21,0)+IF(Input!$D$22=3,M2325*Input!$C$22,0)</f>
        <v>0</v>
      </c>
      <c r="Q2325" s="75">
        <f>IF(Input!$D$19=4,J2325*Input!$C$19,0)+IF(Input!$D$20=4,K2325*Input!$C$20,0)+IF(Input!$D$21=4,L2325*Input!$C$21,0)+IF(Input!$D$22=4,M2325*Input!$C$22,0)</f>
        <v>0</v>
      </c>
      <c r="R2325" s="58">
        <v>44.663573048646633</v>
      </c>
      <c r="S2325" s="124">
        <f t="shared" si="36"/>
        <v>1.1455161651999677</v>
      </c>
    </row>
    <row r="2326" spans="8:19" x14ac:dyDescent="0.3">
      <c r="H2326" s="44">
        <v>2319</v>
      </c>
      <c r="I2326" s="56">
        <f>Bühler!I2352</f>
        <v>0.26434988427691564</v>
      </c>
      <c r="J2326" s="59">
        <f>Bühler!J2352</f>
        <v>0.88116628092305216</v>
      </c>
      <c r="K2326" s="59">
        <f>Bühler!K2352</f>
        <v>1.3217494213845782</v>
      </c>
      <c r="L2326" s="59">
        <f>Bühler!L2352</f>
        <v>14.469797204921599</v>
      </c>
      <c r="M2326" s="58">
        <f>Bühler!M2352</f>
        <v>0</v>
      </c>
      <c r="N2326" s="56">
        <f>IF(Input!$D$19=1,J2326*Input!$C$19,0)+IF(Input!$D$20=1,K2326*Input!$C$20,0)+IF(Input!$D$21=1,L2326*Input!$C$21,0)+IF(Input!$D$22=1,M2326*Input!$C$22,0)</f>
        <v>0.26434988427691564</v>
      </c>
      <c r="O2326" s="59">
        <f>IF(Input!$D$19=2,J2326*Input!$C$19,0)+IF(Input!$D$20=2,K2326*Input!$C$20,0)+IF(Input!$D$21=2,L2326*Input!$C$21,0)+IF(Input!$D$22=2,M2326*Input!$C$22,0)</f>
        <v>0.66087471069228909</v>
      </c>
      <c r="P2326" s="59">
        <f>IF(Input!$D$19=3,J2326*Input!$C$19,0)+IF(Input!$D$20=3,K2326*Input!$C$20,0)+IF(Input!$D$21=3,L2326*Input!$C$21,0)+IF(Input!$D$22=3,M2326*Input!$C$22,0)</f>
        <v>0</v>
      </c>
      <c r="Q2326" s="75">
        <f>IF(Input!$D$19=4,J2326*Input!$C$19,0)+IF(Input!$D$20=4,K2326*Input!$C$20,0)+IF(Input!$D$21=4,L2326*Input!$C$21,0)+IF(Input!$D$22=4,M2326*Input!$C$22,0)</f>
        <v>0</v>
      </c>
      <c r="R2326" s="58">
        <v>44.464158806831705</v>
      </c>
      <c r="S2326" s="124">
        <f t="shared" si="36"/>
        <v>1.1455161651999677</v>
      </c>
    </row>
    <row r="2327" spans="8:19" x14ac:dyDescent="0.3">
      <c r="H2327" s="44">
        <v>2320</v>
      </c>
      <c r="I2327" s="56">
        <f>Bühler!I2353</f>
        <v>0.2390012652366634</v>
      </c>
      <c r="J2327" s="59">
        <f>Bühler!J2353</f>
        <v>0.79667088412221143</v>
      </c>
      <c r="K2327" s="59">
        <f>Bühler!K2353</f>
        <v>1.195006326183317</v>
      </c>
      <c r="L2327" s="59">
        <f>Bühler!L2353</f>
        <v>13.082282404449664</v>
      </c>
      <c r="M2327" s="58">
        <f>Bühler!M2353</f>
        <v>0</v>
      </c>
      <c r="N2327" s="56">
        <f>IF(Input!$D$19=1,J2327*Input!$C$19,0)+IF(Input!$D$20=1,K2327*Input!$C$20,0)+IF(Input!$D$21=1,L2327*Input!$C$21,0)+IF(Input!$D$22=1,M2327*Input!$C$22,0)</f>
        <v>0.23900126523666343</v>
      </c>
      <c r="O2327" s="59">
        <f>IF(Input!$D$19=2,J2327*Input!$C$19,0)+IF(Input!$D$20=2,K2327*Input!$C$20,0)+IF(Input!$D$21=2,L2327*Input!$C$21,0)+IF(Input!$D$22=2,M2327*Input!$C$22,0)</f>
        <v>0.59750316309165852</v>
      </c>
      <c r="P2327" s="59">
        <f>IF(Input!$D$19=3,J2327*Input!$C$19,0)+IF(Input!$D$20=3,K2327*Input!$C$20,0)+IF(Input!$D$21=3,L2327*Input!$C$21,0)+IF(Input!$D$22=3,M2327*Input!$C$22,0)</f>
        <v>0</v>
      </c>
      <c r="Q2327" s="75">
        <f>IF(Input!$D$19=4,J2327*Input!$C$19,0)+IF(Input!$D$20=4,K2327*Input!$C$20,0)+IF(Input!$D$21=4,L2327*Input!$C$21,0)+IF(Input!$D$22=4,M2327*Input!$C$22,0)</f>
        <v>0</v>
      </c>
      <c r="R2327" s="58">
        <v>44.282732484098503</v>
      </c>
      <c r="S2327" s="124">
        <f t="shared" si="36"/>
        <v>1.0356721493588747</v>
      </c>
    </row>
    <row r="2328" spans="8:19" x14ac:dyDescent="0.3">
      <c r="H2328" s="44">
        <v>2321</v>
      </c>
      <c r="I2328" s="56">
        <f>Bühler!I2354</f>
        <v>0.2172738774878758</v>
      </c>
      <c r="J2328" s="59">
        <f>Bühler!J2354</f>
        <v>0.72424625829291944</v>
      </c>
      <c r="K2328" s="59">
        <f>Bühler!K2354</f>
        <v>1.0863693874393792</v>
      </c>
      <c r="L2328" s="59">
        <f>Bühler!L2354</f>
        <v>11.892984004045152</v>
      </c>
      <c r="M2328" s="58">
        <f>Bühler!M2354</f>
        <v>0</v>
      </c>
      <c r="N2328" s="56">
        <f>IF(Input!$D$19=1,J2328*Input!$C$19,0)+IF(Input!$D$20=1,K2328*Input!$C$20,0)+IF(Input!$D$21=1,L2328*Input!$C$21,0)+IF(Input!$D$22=1,M2328*Input!$C$22,0)</f>
        <v>0.21727387748787583</v>
      </c>
      <c r="O2328" s="59">
        <f>IF(Input!$D$19=2,J2328*Input!$C$19,0)+IF(Input!$D$20=2,K2328*Input!$C$20,0)+IF(Input!$D$21=2,L2328*Input!$C$21,0)+IF(Input!$D$22=2,M2328*Input!$C$22,0)</f>
        <v>0.54318469371968958</v>
      </c>
      <c r="P2328" s="59">
        <f>IF(Input!$D$19=3,J2328*Input!$C$19,0)+IF(Input!$D$20=3,K2328*Input!$C$20,0)+IF(Input!$D$21=3,L2328*Input!$C$21,0)+IF(Input!$D$22=3,M2328*Input!$C$22,0)</f>
        <v>0</v>
      </c>
      <c r="Q2328" s="75">
        <f>IF(Input!$D$19=4,J2328*Input!$C$19,0)+IF(Input!$D$20=4,K2328*Input!$C$20,0)+IF(Input!$D$21=4,L2328*Input!$C$21,0)+IF(Input!$D$22=4,M2328*Input!$C$22,0)</f>
        <v>0</v>
      </c>
      <c r="R2328" s="58">
        <v>43.699982574473644</v>
      </c>
      <c r="S2328" s="124">
        <f t="shared" si="36"/>
        <v>0.94152013578079519</v>
      </c>
    </row>
    <row r="2329" spans="8:19" x14ac:dyDescent="0.3">
      <c r="H2329" s="44">
        <v>2322</v>
      </c>
      <c r="I2329" s="56">
        <f>Bühler!I2355</f>
        <v>0.19554648973908825</v>
      </c>
      <c r="J2329" s="59">
        <f>Bühler!J2355</f>
        <v>0.65182163246362756</v>
      </c>
      <c r="K2329" s="59">
        <f>Bühler!K2355</f>
        <v>0.9777324486954414</v>
      </c>
      <c r="L2329" s="59">
        <f>Bühler!L2355</f>
        <v>10.703685603640634</v>
      </c>
      <c r="M2329" s="58">
        <f>Bühler!M2355</f>
        <v>0</v>
      </c>
      <c r="N2329" s="56">
        <f>IF(Input!$D$19=1,J2329*Input!$C$19,0)+IF(Input!$D$20=1,K2329*Input!$C$20,0)+IF(Input!$D$21=1,L2329*Input!$C$21,0)+IF(Input!$D$22=1,M2329*Input!$C$22,0)</f>
        <v>0.19554648973908825</v>
      </c>
      <c r="O2329" s="59">
        <f>IF(Input!$D$19=2,J2329*Input!$C$19,0)+IF(Input!$D$20=2,K2329*Input!$C$20,0)+IF(Input!$D$21=2,L2329*Input!$C$21,0)+IF(Input!$D$22=2,M2329*Input!$C$22,0)</f>
        <v>0.4888662243477207</v>
      </c>
      <c r="P2329" s="59">
        <f>IF(Input!$D$19=3,J2329*Input!$C$19,0)+IF(Input!$D$20=3,K2329*Input!$C$20,0)+IF(Input!$D$21=3,L2329*Input!$C$21,0)+IF(Input!$D$22=3,M2329*Input!$C$22,0)</f>
        <v>0</v>
      </c>
      <c r="Q2329" s="75">
        <f>IF(Input!$D$19=4,J2329*Input!$C$19,0)+IF(Input!$D$20=4,K2329*Input!$C$20,0)+IF(Input!$D$21=4,L2329*Input!$C$21,0)+IF(Input!$D$22=4,M2329*Input!$C$22,0)</f>
        <v>0</v>
      </c>
      <c r="R2329" s="58">
        <v>42.85510729020379</v>
      </c>
      <c r="S2329" s="124">
        <f t="shared" si="36"/>
        <v>0.84736812220271585</v>
      </c>
    </row>
    <row r="2330" spans="8:19" x14ac:dyDescent="0.3">
      <c r="H2330" s="44">
        <v>2323</v>
      </c>
      <c r="I2330" s="56">
        <f>Bühler!I2356</f>
        <v>0.18830402715615904</v>
      </c>
      <c r="J2330" s="59">
        <f>Bühler!J2356</f>
        <v>0.6276800905205302</v>
      </c>
      <c r="K2330" s="59">
        <f>Bühler!K2356</f>
        <v>0.94152013578079541</v>
      </c>
      <c r="L2330" s="59">
        <f>Bühler!L2356</f>
        <v>10.307252803505797</v>
      </c>
      <c r="M2330" s="58">
        <f>Bühler!M2356</f>
        <v>0</v>
      </c>
      <c r="N2330" s="56">
        <f>IF(Input!$D$19=1,J2330*Input!$C$19,0)+IF(Input!$D$20=1,K2330*Input!$C$20,0)+IF(Input!$D$21=1,L2330*Input!$C$21,0)+IF(Input!$D$22=1,M2330*Input!$C$22,0)</f>
        <v>0.18830402715615904</v>
      </c>
      <c r="O2330" s="59">
        <f>IF(Input!$D$19=2,J2330*Input!$C$19,0)+IF(Input!$D$20=2,K2330*Input!$C$20,0)+IF(Input!$D$21=2,L2330*Input!$C$21,0)+IF(Input!$D$22=2,M2330*Input!$C$22,0)</f>
        <v>0.4707600678903977</v>
      </c>
      <c r="P2330" s="59">
        <f>IF(Input!$D$19=3,J2330*Input!$C$19,0)+IF(Input!$D$20=3,K2330*Input!$C$20,0)+IF(Input!$D$21=3,L2330*Input!$C$21,0)+IF(Input!$D$22=3,M2330*Input!$C$22,0)</f>
        <v>0</v>
      </c>
      <c r="Q2330" s="75">
        <f>IF(Input!$D$19=4,J2330*Input!$C$19,0)+IF(Input!$D$20=4,K2330*Input!$C$20,0)+IF(Input!$D$21=4,L2330*Input!$C$21,0)+IF(Input!$D$22=4,M2330*Input!$C$22,0)</f>
        <v>0</v>
      </c>
      <c r="R2330" s="58">
        <v>42.036530914469751</v>
      </c>
      <c r="S2330" s="124">
        <f t="shared" si="36"/>
        <v>0.81598411767668921</v>
      </c>
    </row>
    <row r="2331" spans="8:19" x14ac:dyDescent="0.3">
      <c r="H2331" s="44">
        <v>2324</v>
      </c>
      <c r="I2331" s="56">
        <f>Bühler!I2357</f>
        <v>0.15209171424151308</v>
      </c>
      <c r="J2331" s="59">
        <f>Bühler!J2357</f>
        <v>0.50697238080504359</v>
      </c>
      <c r="K2331" s="59">
        <f>Bühler!K2357</f>
        <v>0.76045857120756544</v>
      </c>
      <c r="L2331" s="59">
        <f>Bühler!L2357</f>
        <v>8.3250888028316048</v>
      </c>
      <c r="M2331" s="58">
        <f>Bühler!M2357</f>
        <v>0</v>
      </c>
      <c r="N2331" s="56">
        <f>IF(Input!$D$19=1,J2331*Input!$C$19,0)+IF(Input!$D$20=1,K2331*Input!$C$20,0)+IF(Input!$D$21=1,L2331*Input!$C$21,0)+IF(Input!$D$22=1,M2331*Input!$C$22,0)</f>
        <v>0.15209171424151308</v>
      </c>
      <c r="O2331" s="59">
        <f>IF(Input!$D$19=2,J2331*Input!$C$19,0)+IF(Input!$D$20=2,K2331*Input!$C$20,0)+IF(Input!$D$21=2,L2331*Input!$C$21,0)+IF(Input!$D$22=2,M2331*Input!$C$22,0)</f>
        <v>0.38022928560378272</v>
      </c>
      <c r="P2331" s="59">
        <f>IF(Input!$D$19=3,J2331*Input!$C$19,0)+IF(Input!$D$20=3,K2331*Input!$C$20,0)+IF(Input!$D$21=3,L2331*Input!$C$21,0)+IF(Input!$D$22=3,M2331*Input!$C$22,0)</f>
        <v>0</v>
      </c>
      <c r="Q2331" s="75">
        <f>IF(Input!$D$19=4,J2331*Input!$C$19,0)+IF(Input!$D$20=4,K2331*Input!$C$20,0)+IF(Input!$D$21=4,L2331*Input!$C$21,0)+IF(Input!$D$22=4,M2331*Input!$C$22,0)</f>
        <v>0</v>
      </c>
      <c r="R2331" s="58">
        <v>41.59567696952876</v>
      </c>
      <c r="S2331" s="124">
        <f t="shared" si="36"/>
        <v>0.65906409504655672</v>
      </c>
    </row>
    <row r="2332" spans="8:19" x14ac:dyDescent="0.3">
      <c r="H2332" s="44">
        <v>2325</v>
      </c>
      <c r="I2332" s="56">
        <f>Bühler!I2358</f>
        <v>0.1122581700354025</v>
      </c>
      <c r="J2332" s="59">
        <f>Bühler!J2358</f>
        <v>0.37419390011800835</v>
      </c>
      <c r="K2332" s="59">
        <f>Bühler!K2358</f>
        <v>0.56129085017701252</v>
      </c>
      <c r="L2332" s="59">
        <f>Bühler!L2358</f>
        <v>6.1447084020899938</v>
      </c>
      <c r="M2332" s="58">
        <f>Bühler!M2358</f>
        <v>0</v>
      </c>
      <c r="N2332" s="56">
        <f>IF(Input!$D$19=1,J2332*Input!$C$19,0)+IF(Input!$D$20=1,K2332*Input!$C$20,0)+IF(Input!$D$21=1,L2332*Input!$C$21,0)+IF(Input!$D$22=1,M2332*Input!$C$22,0)</f>
        <v>0.1122581700354025</v>
      </c>
      <c r="O2332" s="59">
        <f>IF(Input!$D$19=2,J2332*Input!$C$19,0)+IF(Input!$D$20=2,K2332*Input!$C$20,0)+IF(Input!$D$21=2,L2332*Input!$C$21,0)+IF(Input!$D$22=2,M2332*Input!$C$22,0)</f>
        <v>0.28064542508850626</v>
      </c>
      <c r="P2332" s="59">
        <f>IF(Input!$D$19=3,J2332*Input!$C$19,0)+IF(Input!$D$20=3,K2332*Input!$C$20,0)+IF(Input!$D$21=3,L2332*Input!$C$21,0)+IF(Input!$D$22=3,M2332*Input!$C$22,0)</f>
        <v>0</v>
      </c>
      <c r="Q2332" s="75">
        <f>IF(Input!$D$19=4,J2332*Input!$C$19,0)+IF(Input!$D$20=4,K2332*Input!$C$20,0)+IF(Input!$D$21=4,L2332*Input!$C$21,0)+IF(Input!$D$22=4,M2332*Input!$C$22,0)</f>
        <v>0</v>
      </c>
      <c r="R2332" s="58">
        <v>41.675875714126761</v>
      </c>
      <c r="S2332" s="124">
        <f t="shared" si="36"/>
        <v>0.48645207015341085</v>
      </c>
    </row>
    <row r="2333" spans="8:19" x14ac:dyDescent="0.3">
      <c r="H2333" s="44">
        <v>2326</v>
      </c>
      <c r="I2333" s="56">
        <f>Bühler!I2359</f>
        <v>0.1122581700354025</v>
      </c>
      <c r="J2333" s="59">
        <f>Bühler!J2359</f>
        <v>0.37419390011800835</v>
      </c>
      <c r="K2333" s="59">
        <f>Bühler!K2359</f>
        <v>0.56129085017701252</v>
      </c>
      <c r="L2333" s="59">
        <f>Bühler!L2359</f>
        <v>6.1447084020899938</v>
      </c>
      <c r="M2333" s="58">
        <f>Bühler!M2359</f>
        <v>0</v>
      </c>
      <c r="N2333" s="56">
        <f>IF(Input!$D$19=1,J2333*Input!$C$19,0)+IF(Input!$D$20=1,K2333*Input!$C$20,0)+IF(Input!$D$21=1,L2333*Input!$C$21,0)+IF(Input!$D$22=1,M2333*Input!$C$22,0)</f>
        <v>0.1122581700354025</v>
      </c>
      <c r="O2333" s="59">
        <f>IF(Input!$D$19=2,J2333*Input!$C$19,0)+IF(Input!$D$20=2,K2333*Input!$C$20,0)+IF(Input!$D$21=2,L2333*Input!$C$21,0)+IF(Input!$D$22=2,M2333*Input!$C$22,0)</f>
        <v>0.28064542508850626</v>
      </c>
      <c r="P2333" s="59">
        <f>IF(Input!$D$19=3,J2333*Input!$C$19,0)+IF(Input!$D$20=3,K2333*Input!$C$20,0)+IF(Input!$D$21=3,L2333*Input!$C$21,0)+IF(Input!$D$22=3,M2333*Input!$C$22,0)</f>
        <v>0</v>
      </c>
      <c r="Q2333" s="75">
        <f>IF(Input!$D$19=4,J2333*Input!$C$19,0)+IF(Input!$D$20=4,K2333*Input!$C$20,0)+IF(Input!$D$21=4,L2333*Input!$C$21,0)+IF(Input!$D$22=4,M2333*Input!$C$22,0)</f>
        <v>0</v>
      </c>
      <c r="R2333" s="58">
        <v>41.484864469826498</v>
      </c>
      <c r="S2333" s="124">
        <f t="shared" si="36"/>
        <v>0.48645207015341085</v>
      </c>
    </row>
    <row r="2334" spans="8:19" x14ac:dyDescent="0.3">
      <c r="H2334" s="44">
        <v>2327</v>
      </c>
      <c r="I2334" s="56">
        <f>Bühler!I2360</f>
        <v>0.1122581700354025</v>
      </c>
      <c r="J2334" s="59">
        <f>Bühler!J2360</f>
        <v>0.37419390011800835</v>
      </c>
      <c r="K2334" s="59">
        <f>Bühler!K2360</f>
        <v>0.56129085017701252</v>
      </c>
      <c r="L2334" s="59">
        <f>Bühler!L2360</f>
        <v>6.1447084020899938</v>
      </c>
      <c r="M2334" s="58">
        <f>Bühler!M2360</f>
        <v>0</v>
      </c>
      <c r="N2334" s="56">
        <f>IF(Input!$D$19=1,J2334*Input!$C$19,0)+IF(Input!$D$20=1,K2334*Input!$C$20,0)+IF(Input!$D$21=1,L2334*Input!$C$21,0)+IF(Input!$D$22=1,M2334*Input!$C$22,0)</f>
        <v>0.1122581700354025</v>
      </c>
      <c r="O2334" s="59">
        <f>IF(Input!$D$19=2,J2334*Input!$C$19,0)+IF(Input!$D$20=2,K2334*Input!$C$20,0)+IF(Input!$D$21=2,L2334*Input!$C$21,0)+IF(Input!$D$22=2,M2334*Input!$C$22,0)</f>
        <v>0.28064542508850626</v>
      </c>
      <c r="P2334" s="59">
        <f>IF(Input!$D$19=3,J2334*Input!$C$19,0)+IF(Input!$D$20=3,K2334*Input!$C$20,0)+IF(Input!$D$21=3,L2334*Input!$C$21,0)+IF(Input!$D$22=3,M2334*Input!$C$22,0)</f>
        <v>0</v>
      </c>
      <c r="Q2334" s="75">
        <f>IF(Input!$D$19=4,J2334*Input!$C$19,0)+IF(Input!$D$20=4,K2334*Input!$C$20,0)+IF(Input!$D$21=4,L2334*Input!$C$21,0)+IF(Input!$D$22=4,M2334*Input!$C$22,0)</f>
        <v>0</v>
      </c>
      <c r="R2334" s="58">
        <v>41.634473459832584</v>
      </c>
      <c r="S2334" s="124">
        <f t="shared" si="36"/>
        <v>0.48645207015341085</v>
      </c>
    </row>
    <row r="2335" spans="8:19" x14ac:dyDescent="0.3">
      <c r="H2335" s="44">
        <v>2328</v>
      </c>
      <c r="I2335" s="56">
        <f>Bühler!I2361</f>
        <v>0.1122581700354025</v>
      </c>
      <c r="J2335" s="59">
        <f>Bühler!J2361</f>
        <v>0.37419390011800835</v>
      </c>
      <c r="K2335" s="59">
        <f>Bühler!K2361</f>
        <v>0.56129085017701252</v>
      </c>
      <c r="L2335" s="59">
        <f>Bühler!L2361</f>
        <v>6.1447084020899938</v>
      </c>
      <c r="M2335" s="58">
        <f>Bühler!M2361</f>
        <v>0</v>
      </c>
      <c r="N2335" s="56">
        <f>IF(Input!$D$19=1,J2335*Input!$C$19,0)+IF(Input!$D$20=1,K2335*Input!$C$20,0)+IF(Input!$D$21=1,L2335*Input!$C$21,0)+IF(Input!$D$22=1,M2335*Input!$C$22,0)</f>
        <v>0.1122581700354025</v>
      </c>
      <c r="O2335" s="59">
        <f>IF(Input!$D$19=2,J2335*Input!$C$19,0)+IF(Input!$D$20=2,K2335*Input!$C$20,0)+IF(Input!$D$21=2,L2335*Input!$C$21,0)+IF(Input!$D$22=2,M2335*Input!$C$22,0)</f>
        <v>0.28064542508850626</v>
      </c>
      <c r="P2335" s="59">
        <f>IF(Input!$D$19=3,J2335*Input!$C$19,0)+IF(Input!$D$20=3,K2335*Input!$C$20,0)+IF(Input!$D$21=3,L2335*Input!$C$21,0)+IF(Input!$D$22=3,M2335*Input!$C$22,0)</f>
        <v>0</v>
      </c>
      <c r="Q2335" s="75">
        <f>IF(Input!$D$19=4,J2335*Input!$C$19,0)+IF(Input!$D$20=4,K2335*Input!$C$20,0)+IF(Input!$D$21=4,L2335*Input!$C$21,0)+IF(Input!$D$22=4,M2335*Input!$C$22,0)</f>
        <v>0</v>
      </c>
      <c r="R2335" s="58">
        <v>41.497127588930667</v>
      </c>
      <c r="S2335" s="124">
        <f t="shared" si="36"/>
        <v>0.48645207015341085</v>
      </c>
    </row>
    <row r="2336" spans="8:19" x14ac:dyDescent="0.3">
      <c r="H2336" s="44">
        <v>2329</v>
      </c>
      <c r="I2336" s="56">
        <f>Bühler!I2362</f>
        <v>0.11834698549666257</v>
      </c>
      <c r="J2336" s="59">
        <f>Bühler!J2362</f>
        <v>0.39448995165554196</v>
      </c>
      <c r="K2336" s="59">
        <f>Bühler!K2362</f>
        <v>0.59173492748331291</v>
      </c>
      <c r="L2336" s="59">
        <f>Bühler!L2362</f>
        <v>6.7752570293977445</v>
      </c>
      <c r="M2336" s="58">
        <f>Bühler!M2362</f>
        <v>0</v>
      </c>
      <c r="N2336" s="56">
        <f>IF(Input!$D$19=1,J2336*Input!$C$19,0)+IF(Input!$D$20=1,K2336*Input!$C$20,0)+IF(Input!$D$21=1,L2336*Input!$C$21,0)+IF(Input!$D$22=1,M2336*Input!$C$22,0)</f>
        <v>0.11834698549666259</v>
      </c>
      <c r="O2336" s="59">
        <f>IF(Input!$D$19=2,J2336*Input!$C$19,0)+IF(Input!$D$20=2,K2336*Input!$C$20,0)+IF(Input!$D$21=2,L2336*Input!$C$21,0)+IF(Input!$D$22=2,M2336*Input!$C$22,0)</f>
        <v>0.29586746374165646</v>
      </c>
      <c r="P2336" s="59">
        <f>IF(Input!$D$19=3,J2336*Input!$C$19,0)+IF(Input!$D$20=3,K2336*Input!$C$20,0)+IF(Input!$D$21=3,L2336*Input!$C$21,0)+IF(Input!$D$22=3,M2336*Input!$C$22,0)</f>
        <v>0</v>
      </c>
      <c r="Q2336" s="75">
        <f>IF(Input!$D$19=4,J2336*Input!$C$19,0)+IF(Input!$D$20=4,K2336*Input!$C$20,0)+IF(Input!$D$21=4,L2336*Input!$C$21,0)+IF(Input!$D$22=4,M2336*Input!$C$22,0)</f>
        <v>0</v>
      </c>
      <c r="R2336" s="58">
        <v>40.901308455046802</v>
      </c>
      <c r="S2336" s="124">
        <f t="shared" si="36"/>
        <v>0.51283693715220457</v>
      </c>
    </row>
    <row r="2337" spans="8:19" x14ac:dyDescent="0.3">
      <c r="H2337" s="44">
        <v>2330</v>
      </c>
      <c r="I2337" s="56">
        <f>Bühler!I2363</f>
        <v>0.13743520896386624</v>
      </c>
      <c r="J2337" s="59">
        <f>Bühler!J2363</f>
        <v>0.45811736321288749</v>
      </c>
      <c r="K2337" s="59">
        <f>Bühler!K2363</f>
        <v>0.68717604481933126</v>
      </c>
      <c r="L2337" s="59">
        <f>Bühler!L2363</f>
        <v>7.868040421236091</v>
      </c>
      <c r="M2337" s="58">
        <f>Bühler!M2363</f>
        <v>0</v>
      </c>
      <c r="N2337" s="56">
        <f>IF(Input!$D$19=1,J2337*Input!$C$19,0)+IF(Input!$D$20=1,K2337*Input!$C$20,0)+IF(Input!$D$21=1,L2337*Input!$C$21,0)+IF(Input!$D$22=1,M2337*Input!$C$22,0)</f>
        <v>0.13743520896386624</v>
      </c>
      <c r="O2337" s="59">
        <f>IF(Input!$D$19=2,J2337*Input!$C$19,0)+IF(Input!$D$20=2,K2337*Input!$C$20,0)+IF(Input!$D$21=2,L2337*Input!$C$21,0)+IF(Input!$D$22=2,M2337*Input!$C$22,0)</f>
        <v>0.34358802240966563</v>
      </c>
      <c r="P2337" s="59">
        <f>IF(Input!$D$19=3,J2337*Input!$C$19,0)+IF(Input!$D$20=3,K2337*Input!$C$20,0)+IF(Input!$D$21=3,L2337*Input!$C$21,0)+IF(Input!$D$22=3,M2337*Input!$C$22,0)</f>
        <v>0</v>
      </c>
      <c r="Q2337" s="75">
        <f>IF(Input!$D$19=4,J2337*Input!$C$19,0)+IF(Input!$D$20=4,K2337*Input!$C$20,0)+IF(Input!$D$21=4,L2337*Input!$C$21,0)+IF(Input!$D$22=4,M2337*Input!$C$22,0)</f>
        <v>0</v>
      </c>
      <c r="R2337" s="58">
        <v>40.666336696943461</v>
      </c>
      <c r="S2337" s="124">
        <f t="shared" si="36"/>
        <v>0.59555257217675373</v>
      </c>
    </row>
    <row r="2338" spans="8:19" x14ac:dyDescent="0.3">
      <c r="H2338" s="44">
        <v>2331</v>
      </c>
      <c r="I2338" s="56">
        <f>Bühler!I2364</f>
        <v>0.13743520896386624</v>
      </c>
      <c r="J2338" s="59">
        <f>Bühler!J2364</f>
        <v>0.45811736321288749</v>
      </c>
      <c r="K2338" s="59">
        <f>Bühler!K2364</f>
        <v>0.68717604481933126</v>
      </c>
      <c r="L2338" s="59">
        <f>Bühler!L2364</f>
        <v>7.868040421236091</v>
      </c>
      <c r="M2338" s="58">
        <f>Bühler!M2364</f>
        <v>0</v>
      </c>
      <c r="N2338" s="56">
        <f>IF(Input!$D$19=1,J2338*Input!$C$19,0)+IF(Input!$D$20=1,K2338*Input!$C$20,0)+IF(Input!$D$21=1,L2338*Input!$C$21,0)+IF(Input!$D$22=1,M2338*Input!$C$22,0)</f>
        <v>0.13743520896386624</v>
      </c>
      <c r="O2338" s="59">
        <f>IF(Input!$D$19=2,J2338*Input!$C$19,0)+IF(Input!$D$20=2,K2338*Input!$C$20,0)+IF(Input!$D$21=2,L2338*Input!$C$21,0)+IF(Input!$D$22=2,M2338*Input!$C$22,0)</f>
        <v>0.34358802240966563</v>
      </c>
      <c r="P2338" s="59">
        <f>IF(Input!$D$19=3,J2338*Input!$C$19,0)+IF(Input!$D$20=3,K2338*Input!$C$20,0)+IF(Input!$D$21=3,L2338*Input!$C$21,0)+IF(Input!$D$22=3,M2338*Input!$C$22,0)</f>
        <v>0</v>
      </c>
      <c r="Q2338" s="75">
        <f>IF(Input!$D$19=4,J2338*Input!$C$19,0)+IF(Input!$D$20=4,K2338*Input!$C$20,0)+IF(Input!$D$21=4,L2338*Input!$C$21,0)+IF(Input!$D$22=4,M2338*Input!$C$22,0)</f>
        <v>0</v>
      </c>
      <c r="R2338" s="58">
        <v>40.736857491999274</v>
      </c>
      <c r="S2338" s="124">
        <f t="shared" si="36"/>
        <v>0.59555257217675373</v>
      </c>
    </row>
    <row r="2339" spans="8:19" x14ac:dyDescent="0.3">
      <c r="H2339" s="44">
        <v>2332</v>
      </c>
      <c r="I2339" s="56">
        <f>Bühler!I2365</f>
        <v>0.13743520896386624</v>
      </c>
      <c r="J2339" s="59">
        <f>Bühler!J2365</f>
        <v>0.45811736321288749</v>
      </c>
      <c r="K2339" s="59">
        <f>Bühler!K2365</f>
        <v>0.68717604481933126</v>
      </c>
      <c r="L2339" s="59">
        <f>Bühler!L2365</f>
        <v>7.868040421236091</v>
      </c>
      <c r="M2339" s="58">
        <f>Bühler!M2365</f>
        <v>0</v>
      </c>
      <c r="N2339" s="56">
        <f>IF(Input!$D$19=1,J2339*Input!$C$19,0)+IF(Input!$D$20=1,K2339*Input!$C$20,0)+IF(Input!$D$21=1,L2339*Input!$C$21,0)+IF(Input!$D$22=1,M2339*Input!$C$22,0)</f>
        <v>0.13743520896386624</v>
      </c>
      <c r="O2339" s="59">
        <f>IF(Input!$D$19=2,J2339*Input!$C$19,0)+IF(Input!$D$20=2,K2339*Input!$C$20,0)+IF(Input!$D$21=2,L2339*Input!$C$21,0)+IF(Input!$D$22=2,M2339*Input!$C$22,0)</f>
        <v>0.34358802240966563</v>
      </c>
      <c r="P2339" s="59">
        <f>IF(Input!$D$19=3,J2339*Input!$C$19,0)+IF(Input!$D$20=3,K2339*Input!$C$20,0)+IF(Input!$D$21=3,L2339*Input!$C$21,0)+IF(Input!$D$22=3,M2339*Input!$C$22,0)</f>
        <v>0</v>
      </c>
      <c r="Q2339" s="75">
        <f>IF(Input!$D$19=4,J2339*Input!$C$19,0)+IF(Input!$D$20=4,K2339*Input!$C$20,0)+IF(Input!$D$21=4,L2339*Input!$C$21,0)+IF(Input!$D$22=4,M2339*Input!$C$22,0)</f>
        <v>0</v>
      </c>
      <c r="R2339" s="58">
        <v>40.967289786968458</v>
      </c>
      <c r="S2339" s="124">
        <f t="shared" si="36"/>
        <v>0.59555257217675373</v>
      </c>
    </row>
    <row r="2340" spans="8:19" x14ac:dyDescent="0.3">
      <c r="H2340" s="44">
        <v>2333</v>
      </c>
      <c r="I2340" s="56">
        <f>Bühler!I2366</f>
        <v>0.13743520896386624</v>
      </c>
      <c r="J2340" s="59">
        <f>Bühler!J2366</f>
        <v>0.45811736321288749</v>
      </c>
      <c r="K2340" s="59">
        <f>Bühler!K2366</f>
        <v>0.68717604481933126</v>
      </c>
      <c r="L2340" s="59">
        <f>Bühler!L2366</f>
        <v>7.868040421236091</v>
      </c>
      <c r="M2340" s="58">
        <f>Bühler!M2366</f>
        <v>0</v>
      </c>
      <c r="N2340" s="56">
        <f>IF(Input!$D$19=1,J2340*Input!$C$19,0)+IF(Input!$D$20=1,K2340*Input!$C$20,0)+IF(Input!$D$21=1,L2340*Input!$C$21,0)+IF(Input!$D$22=1,M2340*Input!$C$22,0)</f>
        <v>0.13743520896386624</v>
      </c>
      <c r="O2340" s="59">
        <f>IF(Input!$D$19=2,J2340*Input!$C$19,0)+IF(Input!$D$20=2,K2340*Input!$C$20,0)+IF(Input!$D$21=2,L2340*Input!$C$21,0)+IF(Input!$D$22=2,M2340*Input!$C$22,0)</f>
        <v>0.34358802240966563</v>
      </c>
      <c r="P2340" s="59">
        <f>IF(Input!$D$19=3,J2340*Input!$C$19,0)+IF(Input!$D$20=3,K2340*Input!$C$20,0)+IF(Input!$D$21=3,L2340*Input!$C$21,0)+IF(Input!$D$22=3,M2340*Input!$C$22,0)</f>
        <v>0</v>
      </c>
      <c r="Q2340" s="75">
        <f>IF(Input!$D$19=4,J2340*Input!$C$19,0)+IF(Input!$D$20=4,K2340*Input!$C$20,0)+IF(Input!$D$21=4,L2340*Input!$C$21,0)+IF(Input!$D$22=4,M2340*Input!$C$22,0)</f>
        <v>0</v>
      </c>
      <c r="R2340" s="58">
        <v>40.543171051064327</v>
      </c>
      <c r="S2340" s="124">
        <f t="shared" si="36"/>
        <v>0.59555257217675373</v>
      </c>
    </row>
    <row r="2341" spans="8:19" x14ac:dyDescent="0.3">
      <c r="H2341" s="44">
        <v>2334</v>
      </c>
      <c r="I2341" s="56">
        <f>Bühler!I2367</f>
        <v>0.17179401120483276</v>
      </c>
      <c r="J2341" s="59">
        <f>Bühler!J2367</f>
        <v>0.57264670401610929</v>
      </c>
      <c r="K2341" s="59">
        <f>Bühler!K2367</f>
        <v>0.85897005602416399</v>
      </c>
      <c r="L2341" s="59">
        <f>Bühler!L2367</f>
        <v>9.835050526545114</v>
      </c>
      <c r="M2341" s="58">
        <f>Bühler!M2367</f>
        <v>0</v>
      </c>
      <c r="N2341" s="56">
        <f>IF(Input!$D$19=1,J2341*Input!$C$19,0)+IF(Input!$D$20=1,K2341*Input!$C$20,0)+IF(Input!$D$21=1,L2341*Input!$C$21,0)+IF(Input!$D$22=1,M2341*Input!$C$22,0)</f>
        <v>0.17179401120483279</v>
      </c>
      <c r="O2341" s="59">
        <f>IF(Input!$D$19=2,J2341*Input!$C$19,0)+IF(Input!$D$20=2,K2341*Input!$C$20,0)+IF(Input!$D$21=2,L2341*Input!$C$21,0)+IF(Input!$D$22=2,M2341*Input!$C$22,0)</f>
        <v>0.42948502801208199</v>
      </c>
      <c r="P2341" s="59">
        <f>IF(Input!$D$19=3,J2341*Input!$C$19,0)+IF(Input!$D$20=3,K2341*Input!$C$20,0)+IF(Input!$D$21=3,L2341*Input!$C$21,0)+IF(Input!$D$22=3,M2341*Input!$C$22,0)</f>
        <v>0</v>
      </c>
      <c r="Q2341" s="75">
        <f>IF(Input!$D$19=4,J2341*Input!$C$19,0)+IF(Input!$D$20=4,K2341*Input!$C$20,0)+IF(Input!$D$21=4,L2341*Input!$C$21,0)+IF(Input!$D$22=4,M2341*Input!$C$22,0)</f>
        <v>0</v>
      </c>
      <c r="R2341" s="58">
        <v>40.593235949580865</v>
      </c>
      <c r="S2341" s="124">
        <f t="shared" si="36"/>
        <v>0.74444071522094202</v>
      </c>
    </row>
    <row r="2342" spans="8:19" x14ac:dyDescent="0.3">
      <c r="H2342" s="44">
        <v>2335</v>
      </c>
      <c r="I2342" s="56">
        <f>Bühler!I2368</f>
        <v>0.20233516875235863</v>
      </c>
      <c r="J2342" s="59">
        <f>Bühler!J2368</f>
        <v>0.67445056250786217</v>
      </c>
      <c r="K2342" s="59">
        <f>Bühler!K2368</f>
        <v>1.0116758437617932</v>
      </c>
      <c r="L2342" s="59">
        <f>Bühler!L2368</f>
        <v>11.583503953486467</v>
      </c>
      <c r="M2342" s="58">
        <f>Bühler!M2368</f>
        <v>0</v>
      </c>
      <c r="N2342" s="56">
        <f>IF(Input!$D$19=1,J2342*Input!$C$19,0)+IF(Input!$D$20=1,K2342*Input!$C$20,0)+IF(Input!$D$21=1,L2342*Input!$C$21,0)+IF(Input!$D$22=1,M2342*Input!$C$22,0)</f>
        <v>0.20233516875235866</v>
      </c>
      <c r="O2342" s="59">
        <f>IF(Input!$D$19=2,J2342*Input!$C$19,0)+IF(Input!$D$20=2,K2342*Input!$C$20,0)+IF(Input!$D$21=2,L2342*Input!$C$21,0)+IF(Input!$D$22=2,M2342*Input!$C$22,0)</f>
        <v>0.5058379218808966</v>
      </c>
      <c r="P2342" s="59">
        <f>IF(Input!$D$19=3,J2342*Input!$C$19,0)+IF(Input!$D$20=3,K2342*Input!$C$20,0)+IF(Input!$D$21=3,L2342*Input!$C$21,0)+IF(Input!$D$22=3,M2342*Input!$C$22,0)</f>
        <v>0</v>
      </c>
      <c r="Q2342" s="75">
        <f>IF(Input!$D$19=4,J2342*Input!$C$19,0)+IF(Input!$D$20=4,K2342*Input!$C$20,0)+IF(Input!$D$21=4,L2342*Input!$C$21,0)+IF(Input!$D$22=4,M2342*Input!$C$22,0)</f>
        <v>0</v>
      </c>
      <c r="R2342" s="58">
        <v>40.236792113707089</v>
      </c>
      <c r="S2342" s="124">
        <f t="shared" si="36"/>
        <v>0.87678573126022075</v>
      </c>
    </row>
    <row r="2343" spans="8:19" x14ac:dyDescent="0.3">
      <c r="H2343" s="44">
        <v>2336</v>
      </c>
      <c r="I2343" s="56">
        <f>Bühler!I2369</f>
        <v>0.24051161568676591</v>
      </c>
      <c r="J2343" s="59">
        <f>Bühler!J2369</f>
        <v>0.80170538562255311</v>
      </c>
      <c r="K2343" s="59">
        <f>Bühler!K2369</f>
        <v>1.2025580784338297</v>
      </c>
      <c r="L2343" s="59">
        <f>Bühler!L2369</f>
        <v>13.769070737163158</v>
      </c>
      <c r="M2343" s="58">
        <f>Bühler!M2369</f>
        <v>0</v>
      </c>
      <c r="N2343" s="56">
        <f>IF(Input!$D$19=1,J2343*Input!$C$19,0)+IF(Input!$D$20=1,K2343*Input!$C$20,0)+IF(Input!$D$21=1,L2343*Input!$C$21,0)+IF(Input!$D$22=1,M2343*Input!$C$22,0)</f>
        <v>0.24051161568676593</v>
      </c>
      <c r="O2343" s="59">
        <f>IF(Input!$D$19=2,J2343*Input!$C$19,0)+IF(Input!$D$20=2,K2343*Input!$C$20,0)+IF(Input!$D$21=2,L2343*Input!$C$21,0)+IF(Input!$D$22=2,M2343*Input!$C$22,0)</f>
        <v>0.60127903921691483</v>
      </c>
      <c r="P2343" s="59">
        <f>IF(Input!$D$19=3,J2343*Input!$C$19,0)+IF(Input!$D$20=3,K2343*Input!$C$20,0)+IF(Input!$D$21=3,L2343*Input!$C$21,0)+IF(Input!$D$22=3,M2343*Input!$C$22,0)</f>
        <v>0</v>
      </c>
      <c r="Q2343" s="75">
        <f>IF(Input!$D$19=4,J2343*Input!$C$19,0)+IF(Input!$D$20=4,K2343*Input!$C$20,0)+IF(Input!$D$21=4,L2343*Input!$C$21,0)+IF(Input!$D$22=4,M2343*Input!$C$22,0)</f>
        <v>0</v>
      </c>
      <c r="R2343" s="58">
        <v>40.182983050039766</v>
      </c>
      <c r="S2343" s="124">
        <f t="shared" si="36"/>
        <v>1.042217001309319</v>
      </c>
    </row>
    <row r="2344" spans="8:19" x14ac:dyDescent="0.3">
      <c r="H2344" s="44">
        <v>2337</v>
      </c>
      <c r="I2344" s="56">
        <f>Bühler!I2370</f>
        <v>0.24051161568676591</v>
      </c>
      <c r="J2344" s="59">
        <f>Bühler!J2370</f>
        <v>0.80170538562255311</v>
      </c>
      <c r="K2344" s="59">
        <f>Bühler!K2370</f>
        <v>1.2025580784338297</v>
      </c>
      <c r="L2344" s="59">
        <f>Bühler!L2370</f>
        <v>13.769070737163158</v>
      </c>
      <c r="M2344" s="58">
        <f>Bühler!M2370</f>
        <v>0</v>
      </c>
      <c r="N2344" s="56">
        <f>IF(Input!$D$19=1,J2344*Input!$C$19,0)+IF(Input!$D$20=1,K2344*Input!$C$20,0)+IF(Input!$D$21=1,L2344*Input!$C$21,0)+IF(Input!$D$22=1,M2344*Input!$C$22,0)</f>
        <v>0.24051161568676593</v>
      </c>
      <c r="O2344" s="59">
        <f>IF(Input!$D$19=2,J2344*Input!$C$19,0)+IF(Input!$D$20=2,K2344*Input!$C$20,0)+IF(Input!$D$21=2,L2344*Input!$C$21,0)+IF(Input!$D$22=2,M2344*Input!$C$22,0)</f>
        <v>0.60127903921691483</v>
      </c>
      <c r="P2344" s="59">
        <f>IF(Input!$D$19=3,J2344*Input!$C$19,0)+IF(Input!$D$20=3,K2344*Input!$C$20,0)+IF(Input!$D$21=3,L2344*Input!$C$21,0)+IF(Input!$D$22=3,M2344*Input!$C$22,0)</f>
        <v>0</v>
      </c>
      <c r="Q2344" s="75">
        <f>IF(Input!$D$19=4,J2344*Input!$C$19,0)+IF(Input!$D$20=4,K2344*Input!$C$20,0)+IF(Input!$D$21=4,L2344*Input!$C$21,0)+IF(Input!$D$22=4,M2344*Input!$C$22,0)</f>
        <v>0</v>
      </c>
      <c r="R2344" s="58">
        <v>39.544907169607029</v>
      </c>
      <c r="S2344" s="124">
        <f t="shared" si="36"/>
        <v>1.042217001309319</v>
      </c>
    </row>
    <row r="2345" spans="8:19" x14ac:dyDescent="0.3">
      <c r="H2345" s="44">
        <v>2338</v>
      </c>
      <c r="I2345" s="56">
        <f>Bühler!I2371</f>
        <v>0.24051161568676591</v>
      </c>
      <c r="J2345" s="59">
        <f>Bühler!J2371</f>
        <v>0.80170538562255311</v>
      </c>
      <c r="K2345" s="59">
        <f>Bühler!K2371</f>
        <v>1.2025580784338297</v>
      </c>
      <c r="L2345" s="59">
        <f>Bühler!L2371</f>
        <v>13.769070737163158</v>
      </c>
      <c r="M2345" s="58">
        <f>Bühler!M2371</f>
        <v>0</v>
      </c>
      <c r="N2345" s="56">
        <f>IF(Input!$D$19=1,J2345*Input!$C$19,0)+IF(Input!$D$20=1,K2345*Input!$C$20,0)+IF(Input!$D$21=1,L2345*Input!$C$21,0)+IF(Input!$D$22=1,M2345*Input!$C$22,0)</f>
        <v>0.24051161568676593</v>
      </c>
      <c r="O2345" s="59">
        <f>IF(Input!$D$19=2,J2345*Input!$C$19,0)+IF(Input!$D$20=2,K2345*Input!$C$20,0)+IF(Input!$D$21=2,L2345*Input!$C$21,0)+IF(Input!$D$22=2,M2345*Input!$C$22,0)</f>
        <v>0.60127903921691483</v>
      </c>
      <c r="P2345" s="59">
        <f>IF(Input!$D$19=3,J2345*Input!$C$19,0)+IF(Input!$D$20=3,K2345*Input!$C$20,0)+IF(Input!$D$21=3,L2345*Input!$C$21,0)+IF(Input!$D$22=3,M2345*Input!$C$22,0)</f>
        <v>0</v>
      </c>
      <c r="Q2345" s="75">
        <f>IF(Input!$D$19=4,J2345*Input!$C$19,0)+IF(Input!$D$20=4,K2345*Input!$C$20,0)+IF(Input!$D$21=4,L2345*Input!$C$21,0)+IF(Input!$D$22=4,M2345*Input!$C$22,0)</f>
        <v>0</v>
      </c>
      <c r="R2345" s="58">
        <v>39.190152292612737</v>
      </c>
      <c r="S2345" s="124">
        <f t="shared" si="36"/>
        <v>1.042217001309319</v>
      </c>
    </row>
    <row r="2346" spans="8:19" x14ac:dyDescent="0.3">
      <c r="H2346" s="44">
        <v>2339</v>
      </c>
      <c r="I2346" s="56">
        <f>Bühler!I2372</f>
        <v>0.24051161568676591</v>
      </c>
      <c r="J2346" s="59">
        <f>Bühler!J2372</f>
        <v>0.80170538562255311</v>
      </c>
      <c r="K2346" s="59">
        <f>Bühler!K2372</f>
        <v>1.2025580784338297</v>
      </c>
      <c r="L2346" s="59">
        <f>Bühler!L2372</f>
        <v>13.769070737163158</v>
      </c>
      <c r="M2346" s="58">
        <f>Bühler!M2372</f>
        <v>0</v>
      </c>
      <c r="N2346" s="56">
        <f>IF(Input!$D$19=1,J2346*Input!$C$19,0)+IF(Input!$D$20=1,K2346*Input!$C$20,0)+IF(Input!$D$21=1,L2346*Input!$C$21,0)+IF(Input!$D$22=1,M2346*Input!$C$22,0)</f>
        <v>0.24051161568676593</v>
      </c>
      <c r="O2346" s="59">
        <f>IF(Input!$D$19=2,J2346*Input!$C$19,0)+IF(Input!$D$20=2,K2346*Input!$C$20,0)+IF(Input!$D$21=2,L2346*Input!$C$21,0)+IF(Input!$D$22=2,M2346*Input!$C$22,0)</f>
        <v>0.60127903921691483</v>
      </c>
      <c r="P2346" s="59">
        <f>IF(Input!$D$19=3,J2346*Input!$C$19,0)+IF(Input!$D$20=3,K2346*Input!$C$20,0)+IF(Input!$D$21=3,L2346*Input!$C$21,0)+IF(Input!$D$22=3,M2346*Input!$C$22,0)</f>
        <v>0</v>
      </c>
      <c r="Q2346" s="75">
        <f>IF(Input!$D$19=4,J2346*Input!$C$19,0)+IF(Input!$D$20=4,K2346*Input!$C$20,0)+IF(Input!$D$21=4,L2346*Input!$C$21,0)+IF(Input!$D$22=4,M2346*Input!$C$22,0)</f>
        <v>0</v>
      </c>
      <c r="R2346" s="58">
        <v>39.504239802972918</v>
      </c>
      <c r="S2346" s="124">
        <f t="shared" si="36"/>
        <v>1.042217001309319</v>
      </c>
    </row>
    <row r="2347" spans="8:19" x14ac:dyDescent="0.3">
      <c r="H2347" s="44">
        <v>2340</v>
      </c>
      <c r="I2347" s="56">
        <f>Bühler!I2373</f>
        <v>0.24051161568676591</v>
      </c>
      <c r="J2347" s="59">
        <f>Bühler!J2373</f>
        <v>0.80170538562255311</v>
      </c>
      <c r="K2347" s="59">
        <f>Bühler!K2373</f>
        <v>1.2025580784338297</v>
      </c>
      <c r="L2347" s="59">
        <f>Bühler!L2373</f>
        <v>13.769070737163158</v>
      </c>
      <c r="M2347" s="58">
        <f>Bühler!M2373</f>
        <v>0</v>
      </c>
      <c r="N2347" s="56">
        <f>IF(Input!$D$19=1,J2347*Input!$C$19,0)+IF(Input!$D$20=1,K2347*Input!$C$20,0)+IF(Input!$D$21=1,L2347*Input!$C$21,0)+IF(Input!$D$22=1,M2347*Input!$C$22,0)</f>
        <v>0.24051161568676593</v>
      </c>
      <c r="O2347" s="59">
        <f>IF(Input!$D$19=2,J2347*Input!$C$19,0)+IF(Input!$D$20=2,K2347*Input!$C$20,0)+IF(Input!$D$21=2,L2347*Input!$C$21,0)+IF(Input!$D$22=2,M2347*Input!$C$22,0)</f>
        <v>0.60127903921691483</v>
      </c>
      <c r="P2347" s="59">
        <f>IF(Input!$D$19=3,J2347*Input!$C$19,0)+IF(Input!$D$20=3,K2347*Input!$C$20,0)+IF(Input!$D$21=3,L2347*Input!$C$21,0)+IF(Input!$D$22=3,M2347*Input!$C$22,0)</f>
        <v>0</v>
      </c>
      <c r="Q2347" s="75">
        <f>IF(Input!$D$19=4,J2347*Input!$C$19,0)+IF(Input!$D$20=4,K2347*Input!$C$20,0)+IF(Input!$D$21=4,L2347*Input!$C$21,0)+IF(Input!$D$22=4,M2347*Input!$C$22,0)</f>
        <v>0</v>
      </c>
      <c r="R2347" s="58">
        <v>39.75499471910905</v>
      </c>
      <c r="S2347" s="124">
        <f t="shared" si="36"/>
        <v>1.042217001309319</v>
      </c>
    </row>
    <row r="2348" spans="8:19" x14ac:dyDescent="0.3">
      <c r="H2348" s="44">
        <v>2341</v>
      </c>
      <c r="I2348" s="56">
        <f>Bühler!I2374</f>
        <v>0.24051161568676591</v>
      </c>
      <c r="J2348" s="59">
        <f>Bühler!J2374</f>
        <v>0.80170538562255311</v>
      </c>
      <c r="K2348" s="59">
        <f>Bühler!K2374</f>
        <v>1.2025580784338297</v>
      </c>
      <c r="L2348" s="59">
        <f>Bühler!L2374</f>
        <v>13.769070737163158</v>
      </c>
      <c r="M2348" s="58">
        <f>Bühler!M2374</f>
        <v>0</v>
      </c>
      <c r="N2348" s="56">
        <f>IF(Input!$D$19=1,J2348*Input!$C$19,0)+IF(Input!$D$20=1,K2348*Input!$C$20,0)+IF(Input!$D$21=1,L2348*Input!$C$21,0)+IF(Input!$D$22=1,M2348*Input!$C$22,0)</f>
        <v>0.24051161568676593</v>
      </c>
      <c r="O2348" s="59">
        <f>IF(Input!$D$19=2,J2348*Input!$C$19,0)+IF(Input!$D$20=2,K2348*Input!$C$20,0)+IF(Input!$D$21=2,L2348*Input!$C$21,0)+IF(Input!$D$22=2,M2348*Input!$C$22,0)</f>
        <v>0.60127903921691483</v>
      </c>
      <c r="P2348" s="59">
        <f>IF(Input!$D$19=3,J2348*Input!$C$19,0)+IF(Input!$D$20=3,K2348*Input!$C$20,0)+IF(Input!$D$21=3,L2348*Input!$C$21,0)+IF(Input!$D$22=3,M2348*Input!$C$22,0)</f>
        <v>0</v>
      </c>
      <c r="Q2348" s="75">
        <f>IF(Input!$D$19=4,J2348*Input!$C$19,0)+IF(Input!$D$20=4,K2348*Input!$C$20,0)+IF(Input!$D$21=4,L2348*Input!$C$21,0)+IF(Input!$D$22=4,M2348*Input!$C$22,0)</f>
        <v>0</v>
      </c>
      <c r="R2348" s="58">
        <v>39.675034477605593</v>
      </c>
      <c r="S2348" s="124">
        <f t="shared" si="36"/>
        <v>1.042217001309319</v>
      </c>
    </row>
    <row r="2349" spans="8:19" x14ac:dyDescent="0.3">
      <c r="H2349" s="44">
        <v>2342</v>
      </c>
      <c r="I2349" s="56">
        <f>Bühler!I2375</f>
        <v>0.24051161568676591</v>
      </c>
      <c r="J2349" s="59">
        <f>Bühler!J2375</f>
        <v>0.80170538562255311</v>
      </c>
      <c r="K2349" s="59">
        <f>Bühler!K2375</f>
        <v>1.2025580784338297</v>
      </c>
      <c r="L2349" s="59">
        <f>Bühler!L2375</f>
        <v>13.769070737163158</v>
      </c>
      <c r="M2349" s="58">
        <f>Bühler!M2375</f>
        <v>0</v>
      </c>
      <c r="N2349" s="56">
        <f>IF(Input!$D$19=1,J2349*Input!$C$19,0)+IF(Input!$D$20=1,K2349*Input!$C$20,0)+IF(Input!$D$21=1,L2349*Input!$C$21,0)+IF(Input!$D$22=1,M2349*Input!$C$22,0)</f>
        <v>0.24051161568676593</v>
      </c>
      <c r="O2349" s="59">
        <f>IF(Input!$D$19=2,J2349*Input!$C$19,0)+IF(Input!$D$20=2,K2349*Input!$C$20,0)+IF(Input!$D$21=2,L2349*Input!$C$21,0)+IF(Input!$D$22=2,M2349*Input!$C$22,0)</f>
        <v>0.60127903921691483</v>
      </c>
      <c r="P2349" s="59">
        <f>IF(Input!$D$19=3,J2349*Input!$C$19,0)+IF(Input!$D$20=3,K2349*Input!$C$20,0)+IF(Input!$D$21=3,L2349*Input!$C$21,0)+IF(Input!$D$22=3,M2349*Input!$C$22,0)</f>
        <v>0</v>
      </c>
      <c r="Q2349" s="75">
        <f>IF(Input!$D$19=4,J2349*Input!$C$19,0)+IF(Input!$D$20=4,K2349*Input!$C$20,0)+IF(Input!$D$21=4,L2349*Input!$C$21,0)+IF(Input!$D$22=4,M2349*Input!$C$22,0)</f>
        <v>0</v>
      </c>
      <c r="R2349" s="58">
        <v>39.544373420864275</v>
      </c>
      <c r="S2349" s="124">
        <f t="shared" si="36"/>
        <v>1.042217001309319</v>
      </c>
    </row>
    <row r="2350" spans="8:19" x14ac:dyDescent="0.3">
      <c r="H2350" s="44">
        <v>2343</v>
      </c>
      <c r="I2350" s="56">
        <f>Bühler!I2376</f>
        <v>0.24051161568676591</v>
      </c>
      <c r="J2350" s="59">
        <f>Bühler!J2376</f>
        <v>0.80170538562255311</v>
      </c>
      <c r="K2350" s="59">
        <f>Bühler!K2376</f>
        <v>1.2025580784338297</v>
      </c>
      <c r="L2350" s="59">
        <f>Bühler!L2376</f>
        <v>13.769070737163158</v>
      </c>
      <c r="M2350" s="58">
        <f>Bühler!M2376</f>
        <v>0</v>
      </c>
      <c r="N2350" s="56">
        <f>IF(Input!$D$19=1,J2350*Input!$C$19,0)+IF(Input!$D$20=1,K2350*Input!$C$20,0)+IF(Input!$D$21=1,L2350*Input!$C$21,0)+IF(Input!$D$22=1,M2350*Input!$C$22,0)</f>
        <v>0.24051161568676593</v>
      </c>
      <c r="O2350" s="59">
        <f>IF(Input!$D$19=2,J2350*Input!$C$19,0)+IF(Input!$D$20=2,K2350*Input!$C$20,0)+IF(Input!$D$21=2,L2350*Input!$C$21,0)+IF(Input!$D$22=2,M2350*Input!$C$22,0)</f>
        <v>0.60127903921691483</v>
      </c>
      <c r="P2350" s="59">
        <f>IF(Input!$D$19=3,J2350*Input!$C$19,0)+IF(Input!$D$20=3,K2350*Input!$C$20,0)+IF(Input!$D$21=3,L2350*Input!$C$21,0)+IF(Input!$D$22=3,M2350*Input!$C$22,0)</f>
        <v>0</v>
      </c>
      <c r="Q2350" s="75">
        <f>IF(Input!$D$19=4,J2350*Input!$C$19,0)+IF(Input!$D$20=4,K2350*Input!$C$20,0)+IF(Input!$D$21=4,L2350*Input!$C$21,0)+IF(Input!$D$22=4,M2350*Input!$C$22,0)</f>
        <v>0</v>
      </c>
      <c r="R2350" s="58">
        <v>39.323045138138539</v>
      </c>
      <c r="S2350" s="124">
        <f t="shared" si="36"/>
        <v>1.042217001309319</v>
      </c>
    </row>
    <row r="2351" spans="8:19" x14ac:dyDescent="0.3">
      <c r="H2351" s="44">
        <v>2344</v>
      </c>
      <c r="I2351" s="56">
        <f>Bühler!I2377</f>
        <v>0.21378810283268079</v>
      </c>
      <c r="J2351" s="59">
        <f>Bühler!J2377</f>
        <v>0.71262700944226942</v>
      </c>
      <c r="K2351" s="59">
        <f>Bühler!K2377</f>
        <v>1.0689405141634041</v>
      </c>
      <c r="L2351" s="59">
        <f>Bühler!L2377</f>
        <v>12.239173988589474</v>
      </c>
      <c r="M2351" s="58">
        <f>Bühler!M2377</f>
        <v>0</v>
      </c>
      <c r="N2351" s="56">
        <f>IF(Input!$D$19=1,J2351*Input!$C$19,0)+IF(Input!$D$20=1,K2351*Input!$C$20,0)+IF(Input!$D$21=1,L2351*Input!$C$21,0)+IF(Input!$D$22=1,M2351*Input!$C$22,0)</f>
        <v>0.21378810283268082</v>
      </c>
      <c r="O2351" s="59">
        <f>IF(Input!$D$19=2,J2351*Input!$C$19,0)+IF(Input!$D$20=2,K2351*Input!$C$20,0)+IF(Input!$D$21=2,L2351*Input!$C$21,0)+IF(Input!$D$22=2,M2351*Input!$C$22,0)</f>
        <v>0.53447025708170204</v>
      </c>
      <c r="P2351" s="59">
        <f>IF(Input!$D$19=3,J2351*Input!$C$19,0)+IF(Input!$D$20=3,K2351*Input!$C$20,0)+IF(Input!$D$21=3,L2351*Input!$C$21,0)+IF(Input!$D$22=3,M2351*Input!$C$22,0)</f>
        <v>0</v>
      </c>
      <c r="Q2351" s="75">
        <f>IF(Input!$D$19=4,J2351*Input!$C$19,0)+IF(Input!$D$20=4,K2351*Input!$C$20,0)+IF(Input!$D$21=4,L2351*Input!$C$21,0)+IF(Input!$D$22=4,M2351*Input!$C$22,0)</f>
        <v>0</v>
      </c>
      <c r="R2351" s="58">
        <v>39.716873588760372</v>
      </c>
      <c r="S2351" s="124">
        <f t="shared" si="36"/>
        <v>0.92641511227495021</v>
      </c>
    </row>
    <row r="2352" spans="8:19" x14ac:dyDescent="0.3">
      <c r="H2352" s="44">
        <v>2345</v>
      </c>
      <c r="I2352" s="56">
        <f>Bühler!I2378</f>
        <v>0.20997045813924003</v>
      </c>
      <c r="J2352" s="59">
        <f>Bühler!J2378</f>
        <v>0.69990152713080023</v>
      </c>
      <c r="K2352" s="59">
        <f>Bühler!K2378</f>
        <v>1.0498522906962002</v>
      </c>
      <c r="L2352" s="59">
        <f>Bühler!L2378</f>
        <v>12.020617310221805</v>
      </c>
      <c r="M2352" s="58">
        <f>Bühler!M2378</f>
        <v>0</v>
      </c>
      <c r="N2352" s="56">
        <f>IF(Input!$D$19=1,J2352*Input!$C$19,0)+IF(Input!$D$20=1,K2352*Input!$C$20,0)+IF(Input!$D$21=1,L2352*Input!$C$21,0)+IF(Input!$D$22=1,M2352*Input!$C$22,0)</f>
        <v>0.20997045813924006</v>
      </c>
      <c r="O2352" s="59">
        <f>IF(Input!$D$19=2,J2352*Input!$C$19,0)+IF(Input!$D$20=2,K2352*Input!$C$20,0)+IF(Input!$D$21=2,L2352*Input!$C$21,0)+IF(Input!$D$22=2,M2352*Input!$C$22,0)</f>
        <v>0.52492614534810011</v>
      </c>
      <c r="P2352" s="59">
        <f>IF(Input!$D$19=3,J2352*Input!$C$19,0)+IF(Input!$D$20=3,K2352*Input!$C$20,0)+IF(Input!$D$21=3,L2352*Input!$C$21,0)+IF(Input!$D$22=3,M2352*Input!$C$22,0)</f>
        <v>0</v>
      </c>
      <c r="Q2352" s="75">
        <f>IF(Input!$D$19=4,J2352*Input!$C$19,0)+IF(Input!$D$20=4,K2352*Input!$C$20,0)+IF(Input!$D$21=4,L2352*Input!$C$21,0)+IF(Input!$D$22=4,M2352*Input!$C$22,0)</f>
        <v>0</v>
      </c>
      <c r="R2352" s="58">
        <v>39.417578409062337</v>
      </c>
      <c r="S2352" s="124">
        <f t="shared" si="36"/>
        <v>0.90987198527004032</v>
      </c>
    </row>
    <row r="2353" spans="8:19" x14ac:dyDescent="0.3">
      <c r="H2353" s="44">
        <v>2346</v>
      </c>
      <c r="I2353" s="56">
        <f>Bühler!I2379</f>
        <v>0.17942930059171425</v>
      </c>
      <c r="J2353" s="59">
        <f>Bühler!J2379</f>
        <v>0.59809766863904756</v>
      </c>
      <c r="K2353" s="59">
        <f>Bühler!K2379</f>
        <v>0.89714650295857135</v>
      </c>
      <c r="L2353" s="59">
        <f>Bühler!L2379</f>
        <v>10.272163883280454</v>
      </c>
      <c r="M2353" s="58">
        <f>Bühler!M2379</f>
        <v>0</v>
      </c>
      <c r="N2353" s="56">
        <f>IF(Input!$D$19=1,J2353*Input!$C$19,0)+IF(Input!$D$20=1,K2353*Input!$C$20,0)+IF(Input!$D$21=1,L2353*Input!$C$21,0)+IF(Input!$D$22=1,M2353*Input!$C$22,0)</f>
        <v>0.17942930059171427</v>
      </c>
      <c r="O2353" s="59">
        <f>IF(Input!$D$19=2,J2353*Input!$C$19,0)+IF(Input!$D$20=2,K2353*Input!$C$20,0)+IF(Input!$D$21=2,L2353*Input!$C$21,0)+IF(Input!$D$22=2,M2353*Input!$C$22,0)</f>
        <v>0.44857325147928567</v>
      </c>
      <c r="P2353" s="59">
        <f>IF(Input!$D$19=3,J2353*Input!$C$19,0)+IF(Input!$D$20=3,K2353*Input!$C$20,0)+IF(Input!$D$21=3,L2353*Input!$C$21,0)+IF(Input!$D$22=3,M2353*Input!$C$22,0)</f>
        <v>0</v>
      </c>
      <c r="Q2353" s="75">
        <f>IF(Input!$D$19=4,J2353*Input!$C$19,0)+IF(Input!$D$20=4,K2353*Input!$C$20,0)+IF(Input!$D$21=4,L2353*Input!$C$21,0)+IF(Input!$D$22=4,M2353*Input!$C$22,0)</f>
        <v>0</v>
      </c>
      <c r="R2353" s="58">
        <v>39.406654555443524</v>
      </c>
      <c r="S2353" s="124">
        <f t="shared" si="36"/>
        <v>0.77752696923076181</v>
      </c>
    </row>
    <row r="2354" spans="8:19" x14ac:dyDescent="0.3">
      <c r="H2354" s="44">
        <v>2347</v>
      </c>
      <c r="I2354" s="56">
        <f>Bühler!I2380</f>
        <v>0.16797636651139208</v>
      </c>
      <c r="J2354" s="59">
        <f>Bühler!J2380</f>
        <v>0.55992122170464032</v>
      </c>
      <c r="K2354" s="59">
        <f>Bühler!K2380</f>
        <v>0.83988183255696047</v>
      </c>
      <c r="L2354" s="59">
        <f>Bühler!L2380</f>
        <v>9.6164938481774449</v>
      </c>
      <c r="M2354" s="58">
        <f>Bühler!M2380</f>
        <v>0</v>
      </c>
      <c r="N2354" s="56">
        <f>IF(Input!$D$19=1,J2354*Input!$C$19,0)+IF(Input!$D$20=1,K2354*Input!$C$20,0)+IF(Input!$D$21=1,L2354*Input!$C$21,0)+IF(Input!$D$22=1,M2354*Input!$C$22,0)</f>
        <v>0.16797636651139208</v>
      </c>
      <c r="O2354" s="59">
        <f>IF(Input!$D$19=2,J2354*Input!$C$19,0)+IF(Input!$D$20=2,K2354*Input!$C$20,0)+IF(Input!$D$21=2,L2354*Input!$C$21,0)+IF(Input!$D$22=2,M2354*Input!$C$22,0)</f>
        <v>0.41994091627848024</v>
      </c>
      <c r="P2354" s="59">
        <f>IF(Input!$D$19=3,J2354*Input!$C$19,0)+IF(Input!$D$20=3,K2354*Input!$C$20,0)+IF(Input!$D$21=3,L2354*Input!$C$21,0)+IF(Input!$D$22=3,M2354*Input!$C$22,0)</f>
        <v>0</v>
      </c>
      <c r="Q2354" s="75">
        <f>IF(Input!$D$19=4,J2354*Input!$C$19,0)+IF(Input!$D$20=4,K2354*Input!$C$20,0)+IF(Input!$D$21=4,L2354*Input!$C$21,0)+IF(Input!$D$22=4,M2354*Input!$C$22,0)</f>
        <v>0</v>
      </c>
      <c r="R2354" s="58">
        <v>39.028165521570664</v>
      </c>
      <c r="S2354" s="124">
        <f t="shared" si="36"/>
        <v>0.72789758821603234</v>
      </c>
    </row>
    <row r="2355" spans="8:19" x14ac:dyDescent="0.3">
      <c r="H2355" s="44">
        <v>2348</v>
      </c>
      <c r="I2355" s="56">
        <f>Bühler!I2381</f>
        <v>0.14125285365730697</v>
      </c>
      <c r="J2355" s="59">
        <f>Bühler!J2381</f>
        <v>0.47084284552435668</v>
      </c>
      <c r="K2355" s="59">
        <f>Bühler!K2381</f>
        <v>0.70626426828653499</v>
      </c>
      <c r="L2355" s="59">
        <f>Bühler!L2381</f>
        <v>8.0865970996037611</v>
      </c>
      <c r="M2355" s="58">
        <f>Bühler!M2381</f>
        <v>0</v>
      </c>
      <c r="N2355" s="56">
        <f>IF(Input!$D$19=1,J2355*Input!$C$19,0)+IF(Input!$D$20=1,K2355*Input!$C$20,0)+IF(Input!$D$21=1,L2355*Input!$C$21,0)+IF(Input!$D$22=1,M2355*Input!$C$22,0)</f>
        <v>0.141252853657307</v>
      </c>
      <c r="O2355" s="59">
        <f>IF(Input!$D$19=2,J2355*Input!$C$19,0)+IF(Input!$D$20=2,K2355*Input!$C$20,0)+IF(Input!$D$21=2,L2355*Input!$C$21,0)+IF(Input!$D$22=2,M2355*Input!$C$22,0)</f>
        <v>0.3531321341432675</v>
      </c>
      <c r="P2355" s="59">
        <f>IF(Input!$D$19=3,J2355*Input!$C$19,0)+IF(Input!$D$20=3,K2355*Input!$C$20,0)+IF(Input!$D$21=3,L2355*Input!$C$21,0)+IF(Input!$D$22=3,M2355*Input!$C$22,0)</f>
        <v>0</v>
      </c>
      <c r="Q2355" s="75">
        <f>IF(Input!$D$19=4,J2355*Input!$C$19,0)+IF(Input!$D$20=4,K2355*Input!$C$20,0)+IF(Input!$D$21=4,L2355*Input!$C$21,0)+IF(Input!$D$22=4,M2355*Input!$C$22,0)</f>
        <v>0</v>
      </c>
      <c r="R2355" s="58">
        <v>38.764617405357242</v>
      </c>
      <c r="S2355" s="124">
        <f t="shared" si="36"/>
        <v>0.61209569918166362</v>
      </c>
    </row>
    <row r="2356" spans="8:19" x14ac:dyDescent="0.3">
      <c r="H2356" s="44">
        <v>2349</v>
      </c>
      <c r="I2356" s="56">
        <f>Bühler!I2382</f>
        <v>0.11834698549666257</v>
      </c>
      <c r="J2356" s="59">
        <f>Bühler!J2382</f>
        <v>0.39448995165554196</v>
      </c>
      <c r="K2356" s="59">
        <f>Bühler!K2382</f>
        <v>0.59173492748331291</v>
      </c>
      <c r="L2356" s="59">
        <f>Bühler!L2382</f>
        <v>6.7752570293977445</v>
      </c>
      <c r="M2356" s="58">
        <f>Bühler!M2382</f>
        <v>0</v>
      </c>
      <c r="N2356" s="56">
        <f>IF(Input!$D$19=1,J2356*Input!$C$19,0)+IF(Input!$D$20=1,K2356*Input!$C$20,0)+IF(Input!$D$21=1,L2356*Input!$C$21,0)+IF(Input!$D$22=1,M2356*Input!$C$22,0)</f>
        <v>0.11834698549666259</v>
      </c>
      <c r="O2356" s="59">
        <f>IF(Input!$D$19=2,J2356*Input!$C$19,0)+IF(Input!$D$20=2,K2356*Input!$C$20,0)+IF(Input!$D$21=2,L2356*Input!$C$21,0)+IF(Input!$D$22=2,M2356*Input!$C$22,0)</f>
        <v>0.29586746374165646</v>
      </c>
      <c r="P2356" s="59">
        <f>IF(Input!$D$19=3,J2356*Input!$C$19,0)+IF(Input!$D$20=3,K2356*Input!$C$20,0)+IF(Input!$D$21=3,L2356*Input!$C$21,0)+IF(Input!$D$22=3,M2356*Input!$C$22,0)</f>
        <v>0</v>
      </c>
      <c r="Q2356" s="75">
        <f>IF(Input!$D$19=4,J2356*Input!$C$19,0)+IF(Input!$D$20=4,K2356*Input!$C$20,0)+IF(Input!$D$21=4,L2356*Input!$C$21,0)+IF(Input!$D$22=4,M2356*Input!$C$22,0)</f>
        <v>0</v>
      </c>
      <c r="R2356" s="58">
        <v>38.892242137258556</v>
      </c>
      <c r="S2356" s="124">
        <f t="shared" si="36"/>
        <v>0.51283693715220457</v>
      </c>
    </row>
    <row r="2357" spans="8:19" x14ac:dyDescent="0.3">
      <c r="H2357" s="44">
        <v>2350</v>
      </c>
      <c r="I2357" s="56">
        <f>Bühler!I2383</f>
        <v>0.10307640672289968</v>
      </c>
      <c r="J2357" s="59">
        <f>Bühler!J2383</f>
        <v>0.34358802240966563</v>
      </c>
      <c r="K2357" s="59">
        <f>Bühler!K2383</f>
        <v>0.51538203361449841</v>
      </c>
      <c r="L2357" s="59">
        <f>Bühler!L2383</f>
        <v>5.9010303159270681</v>
      </c>
      <c r="M2357" s="58">
        <f>Bühler!M2383</f>
        <v>0</v>
      </c>
      <c r="N2357" s="56">
        <f>IF(Input!$D$19=1,J2357*Input!$C$19,0)+IF(Input!$D$20=1,K2357*Input!$C$20,0)+IF(Input!$D$21=1,L2357*Input!$C$21,0)+IF(Input!$D$22=1,M2357*Input!$C$22,0)</f>
        <v>0.10307640672289968</v>
      </c>
      <c r="O2357" s="59">
        <f>IF(Input!$D$19=2,J2357*Input!$C$19,0)+IF(Input!$D$20=2,K2357*Input!$C$20,0)+IF(Input!$D$21=2,L2357*Input!$C$21,0)+IF(Input!$D$22=2,M2357*Input!$C$22,0)</f>
        <v>0.25769101680724921</v>
      </c>
      <c r="P2357" s="59">
        <f>IF(Input!$D$19=3,J2357*Input!$C$19,0)+IF(Input!$D$20=3,K2357*Input!$C$20,0)+IF(Input!$D$21=3,L2357*Input!$C$21,0)+IF(Input!$D$22=3,M2357*Input!$C$22,0)</f>
        <v>0</v>
      </c>
      <c r="Q2357" s="75">
        <f>IF(Input!$D$19=4,J2357*Input!$C$19,0)+IF(Input!$D$20=4,K2357*Input!$C$20,0)+IF(Input!$D$21=4,L2357*Input!$C$21,0)+IF(Input!$D$22=4,M2357*Input!$C$22,0)</f>
        <v>0</v>
      </c>
      <c r="R2357" s="58">
        <v>39.742086249073964</v>
      </c>
      <c r="S2357" s="124">
        <f t="shared" si="36"/>
        <v>0.44666442913256532</v>
      </c>
    </row>
    <row r="2358" spans="8:19" x14ac:dyDescent="0.3">
      <c r="H2358" s="44">
        <v>2351</v>
      </c>
      <c r="I2358" s="56">
        <f>Bühler!I2384</f>
        <v>0.10307640672289968</v>
      </c>
      <c r="J2358" s="59">
        <f>Bühler!J2384</f>
        <v>0.34358802240966563</v>
      </c>
      <c r="K2358" s="59">
        <f>Bühler!K2384</f>
        <v>0.51538203361449841</v>
      </c>
      <c r="L2358" s="59">
        <f>Bühler!L2384</f>
        <v>5.9010303159270681</v>
      </c>
      <c r="M2358" s="58">
        <f>Bühler!M2384</f>
        <v>0</v>
      </c>
      <c r="N2358" s="56">
        <f>IF(Input!$D$19=1,J2358*Input!$C$19,0)+IF(Input!$D$20=1,K2358*Input!$C$20,0)+IF(Input!$D$21=1,L2358*Input!$C$21,0)+IF(Input!$D$22=1,M2358*Input!$C$22,0)</f>
        <v>0.10307640672289968</v>
      </c>
      <c r="O2358" s="59">
        <f>IF(Input!$D$19=2,J2358*Input!$C$19,0)+IF(Input!$D$20=2,K2358*Input!$C$20,0)+IF(Input!$D$21=2,L2358*Input!$C$21,0)+IF(Input!$D$22=2,M2358*Input!$C$22,0)</f>
        <v>0.25769101680724921</v>
      </c>
      <c r="P2358" s="59">
        <f>IF(Input!$D$19=3,J2358*Input!$C$19,0)+IF(Input!$D$20=3,K2358*Input!$C$20,0)+IF(Input!$D$21=3,L2358*Input!$C$21,0)+IF(Input!$D$22=3,M2358*Input!$C$22,0)</f>
        <v>0</v>
      </c>
      <c r="Q2358" s="75">
        <f>IF(Input!$D$19=4,J2358*Input!$C$19,0)+IF(Input!$D$20=4,K2358*Input!$C$20,0)+IF(Input!$D$21=4,L2358*Input!$C$21,0)+IF(Input!$D$22=4,M2358*Input!$C$22,0)</f>
        <v>0</v>
      </c>
      <c r="R2358" s="58">
        <v>40.083078222619712</v>
      </c>
      <c r="S2358" s="124">
        <f t="shared" si="36"/>
        <v>0.44666442913256532</v>
      </c>
    </row>
    <row r="2359" spans="8:19" x14ac:dyDescent="0.3">
      <c r="H2359" s="44">
        <v>2352</v>
      </c>
      <c r="I2359" s="56">
        <f>Bühler!I2385</f>
        <v>0.10307640672289968</v>
      </c>
      <c r="J2359" s="59">
        <f>Bühler!J2385</f>
        <v>0.34358802240966563</v>
      </c>
      <c r="K2359" s="59">
        <f>Bühler!K2385</f>
        <v>0.51538203361449841</v>
      </c>
      <c r="L2359" s="59">
        <f>Bühler!L2385</f>
        <v>5.9010303159270681</v>
      </c>
      <c r="M2359" s="58">
        <f>Bühler!M2385</f>
        <v>0</v>
      </c>
      <c r="N2359" s="56">
        <f>IF(Input!$D$19=1,J2359*Input!$C$19,0)+IF(Input!$D$20=1,K2359*Input!$C$20,0)+IF(Input!$D$21=1,L2359*Input!$C$21,0)+IF(Input!$D$22=1,M2359*Input!$C$22,0)</f>
        <v>0.10307640672289968</v>
      </c>
      <c r="O2359" s="59">
        <f>IF(Input!$D$19=2,J2359*Input!$C$19,0)+IF(Input!$D$20=2,K2359*Input!$C$20,0)+IF(Input!$D$21=2,L2359*Input!$C$21,0)+IF(Input!$D$22=2,M2359*Input!$C$22,0)</f>
        <v>0.25769101680724921</v>
      </c>
      <c r="P2359" s="59">
        <f>IF(Input!$D$19=3,J2359*Input!$C$19,0)+IF(Input!$D$20=3,K2359*Input!$C$20,0)+IF(Input!$D$21=3,L2359*Input!$C$21,0)+IF(Input!$D$22=3,M2359*Input!$C$22,0)</f>
        <v>0</v>
      </c>
      <c r="Q2359" s="75">
        <f>IF(Input!$D$19=4,J2359*Input!$C$19,0)+IF(Input!$D$20=4,K2359*Input!$C$20,0)+IF(Input!$D$21=4,L2359*Input!$C$21,0)+IF(Input!$D$22=4,M2359*Input!$C$22,0)</f>
        <v>0</v>
      </c>
      <c r="R2359" s="58">
        <v>40.554133249547434</v>
      </c>
      <c r="S2359" s="124">
        <f t="shared" si="36"/>
        <v>0.44666442913256532</v>
      </c>
    </row>
    <row r="2360" spans="8:19" x14ac:dyDescent="0.3">
      <c r="H2360" s="44">
        <v>2353</v>
      </c>
      <c r="I2360" s="56">
        <f>Bühler!I2386</f>
        <v>7.6054226167132588E-2</v>
      </c>
      <c r="J2360" s="59">
        <f>Bühler!J2386</f>
        <v>0.25351408722377528</v>
      </c>
      <c r="K2360" s="59">
        <f>Bühler!K2386</f>
        <v>0.38027113083566294</v>
      </c>
      <c r="L2360" s="59">
        <f>Bühler!L2386</f>
        <v>1.8253014280111819</v>
      </c>
      <c r="M2360" s="58">
        <f>Bühler!M2386</f>
        <v>0</v>
      </c>
      <c r="N2360" s="56">
        <f>IF(Input!$D$19=1,J2360*Input!$C$19,0)+IF(Input!$D$20=1,K2360*Input!$C$20,0)+IF(Input!$D$21=1,L2360*Input!$C$21,0)+IF(Input!$D$22=1,M2360*Input!$C$22,0)</f>
        <v>7.6054226167132574E-2</v>
      </c>
      <c r="O2360" s="59">
        <f>IF(Input!$D$19=2,J2360*Input!$C$19,0)+IF(Input!$D$20=2,K2360*Input!$C$20,0)+IF(Input!$D$21=2,L2360*Input!$C$21,0)+IF(Input!$D$22=2,M2360*Input!$C$22,0)</f>
        <v>0.19013556541783147</v>
      </c>
      <c r="P2360" s="59">
        <f>IF(Input!$D$19=3,J2360*Input!$C$19,0)+IF(Input!$D$20=3,K2360*Input!$C$20,0)+IF(Input!$D$21=3,L2360*Input!$C$21,0)+IF(Input!$D$22=3,M2360*Input!$C$22,0)</f>
        <v>0</v>
      </c>
      <c r="Q2360" s="75">
        <f>IF(Input!$D$19=4,J2360*Input!$C$19,0)+IF(Input!$D$20=4,K2360*Input!$C$20,0)+IF(Input!$D$21=4,L2360*Input!$C$21,0)+IF(Input!$D$22=4,M2360*Input!$C$22,0)</f>
        <v>0</v>
      </c>
      <c r="R2360" s="58">
        <v>45.660890920132211</v>
      </c>
      <c r="S2360" s="124">
        <f t="shared" si="36"/>
        <v>0.32956831339090786</v>
      </c>
    </row>
    <row r="2361" spans="8:19" x14ac:dyDescent="0.3">
      <c r="H2361" s="44">
        <v>2354</v>
      </c>
      <c r="I2361" s="56">
        <f>Bühler!I2387</f>
        <v>7.6054226167132588E-2</v>
      </c>
      <c r="J2361" s="59">
        <f>Bühler!J2387</f>
        <v>0.25351408722377528</v>
      </c>
      <c r="K2361" s="59">
        <f>Bühler!K2387</f>
        <v>0.38027113083566294</v>
      </c>
      <c r="L2361" s="59">
        <f>Bühler!L2387</f>
        <v>1.8253014280111819</v>
      </c>
      <c r="M2361" s="58">
        <f>Bühler!M2387</f>
        <v>0</v>
      </c>
      <c r="N2361" s="56">
        <f>IF(Input!$D$19=1,J2361*Input!$C$19,0)+IF(Input!$D$20=1,K2361*Input!$C$20,0)+IF(Input!$D$21=1,L2361*Input!$C$21,0)+IF(Input!$D$22=1,M2361*Input!$C$22,0)</f>
        <v>7.6054226167132574E-2</v>
      </c>
      <c r="O2361" s="59">
        <f>IF(Input!$D$19=2,J2361*Input!$C$19,0)+IF(Input!$D$20=2,K2361*Input!$C$20,0)+IF(Input!$D$21=2,L2361*Input!$C$21,0)+IF(Input!$D$22=2,M2361*Input!$C$22,0)</f>
        <v>0.19013556541783147</v>
      </c>
      <c r="P2361" s="59">
        <f>IF(Input!$D$19=3,J2361*Input!$C$19,0)+IF(Input!$D$20=3,K2361*Input!$C$20,0)+IF(Input!$D$21=3,L2361*Input!$C$21,0)+IF(Input!$D$22=3,M2361*Input!$C$22,0)</f>
        <v>0</v>
      </c>
      <c r="Q2361" s="75">
        <f>IF(Input!$D$19=4,J2361*Input!$C$19,0)+IF(Input!$D$20=4,K2361*Input!$C$20,0)+IF(Input!$D$21=4,L2361*Input!$C$21,0)+IF(Input!$D$22=4,M2361*Input!$C$22,0)</f>
        <v>0</v>
      </c>
      <c r="R2361" s="58">
        <v>46.011963434874644</v>
      </c>
      <c r="S2361" s="124">
        <f t="shared" si="36"/>
        <v>0.32956831339090786</v>
      </c>
    </row>
    <row r="2362" spans="8:19" x14ac:dyDescent="0.3">
      <c r="H2362" s="44">
        <v>2355</v>
      </c>
      <c r="I2362" s="56">
        <f>Bühler!I2388</f>
        <v>7.6054226167132588E-2</v>
      </c>
      <c r="J2362" s="59">
        <f>Bühler!J2388</f>
        <v>0.25351408722377528</v>
      </c>
      <c r="K2362" s="59">
        <f>Bühler!K2388</f>
        <v>0.38027113083566294</v>
      </c>
      <c r="L2362" s="59">
        <f>Bühler!L2388</f>
        <v>1.8253014280111819</v>
      </c>
      <c r="M2362" s="58">
        <f>Bühler!M2388</f>
        <v>0</v>
      </c>
      <c r="N2362" s="56">
        <f>IF(Input!$D$19=1,J2362*Input!$C$19,0)+IF(Input!$D$20=1,K2362*Input!$C$20,0)+IF(Input!$D$21=1,L2362*Input!$C$21,0)+IF(Input!$D$22=1,M2362*Input!$C$22,0)</f>
        <v>7.6054226167132574E-2</v>
      </c>
      <c r="O2362" s="59">
        <f>IF(Input!$D$19=2,J2362*Input!$C$19,0)+IF(Input!$D$20=2,K2362*Input!$C$20,0)+IF(Input!$D$21=2,L2362*Input!$C$21,0)+IF(Input!$D$22=2,M2362*Input!$C$22,0)</f>
        <v>0.19013556541783147</v>
      </c>
      <c r="P2362" s="59">
        <f>IF(Input!$D$19=3,J2362*Input!$C$19,0)+IF(Input!$D$20=3,K2362*Input!$C$20,0)+IF(Input!$D$21=3,L2362*Input!$C$21,0)+IF(Input!$D$22=3,M2362*Input!$C$22,0)</f>
        <v>0</v>
      </c>
      <c r="Q2362" s="75">
        <f>IF(Input!$D$19=4,J2362*Input!$C$19,0)+IF(Input!$D$20=4,K2362*Input!$C$20,0)+IF(Input!$D$21=4,L2362*Input!$C$21,0)+IF(Input!$D$22=4,M2362*Input!$C$22,0)</f>
        <v>0</v>
      </c>
      <c r="R2362" s="58">
        <v>46.721793010529318</v>
      </c>
      <c r="S2362" s="124">
        <f t="shared" si="36"/>
        <v>0.32956831339090786</v>
      </c>
    </row>
    <row r="2363" spans="8:19" x14ac:dyDescent="0.3">
      <c r="H2363" s="44">
        <v>2356</v>
      </c>
      <c r="I2363" s="56">
        <f>Bühler!I2389</f>
        <v>7.6054226167132588E-2</v>
      </c>
      <c r="J2363" s="59">
        <f>Bühler!J2389</f>
        <v>0.25351408722377528</v>
      </c>
      <c r="K2363" s="59">
        <f>Bühler!K2389</f>
        <v>0.38027113083566294</v>
      </c>
      <c r="L2363" s="59">
        <f>Bühler!L2389</f>
        <v>1.8253014280111819</v>
      </c>
      <c r="M2363" s="58">
        <f>Bühler!M2389</f>
        <v>0</v>
      </c>
      <c r="N2363" s="56">
        <f>IF(Input!$D$19=1,J2363*Input!$C$19,0)+IF(Input!$D$20=1,K2363*Input!$C$20,0)+IF(Input!$D$21=1,L2363*Input!$C$21,0)+IF(Input!$D$22=1,M2363*Input!$C$22,0)</f>
        <v>7.6054226167132574E-2</v>
      </c>
      <c r="O2363" s="59">
        <f>IF(Input!$D$19=2,J2363*Input!$C$19,0)+IF(Input!$D$20=2,K2363*Input!$C$20,0)+IF(Input!$D$21=2,L2363*Input!$C$21,0)+IF(Input!$D$22=2,M2363*Input!$C$22,0)</f>
        <v>0.19013556541783147</v>
      </c>
      <c r="P2363" s="59">
        <f>IF(Input!$D$19=3,J2363*Input!$C$19,0)+IF(Input!$D$20=3,K2363*Input!$C$20,0)+IF(Input!$D$21=3,L2363*Input!$C$21,0)+IF(Input!$D$22=3,M2363*Input!$C$22,0)</f>
        <v>0</v>
      </c>
      <c r="Q2363" s="75">
        <f>IF(Input!$D$19=4,J2363*Input!$C$19,0)+IF(Input!$D$20=4,K2363*Input!$C$20,0)+IF(Input!$D$21=4,L2363*Input!$C$21,0)+IF(Input!$D$22=4,M2363*Input!$C$22,0)</f>
        <v>0</v>
      </c>
      <c r="R2363" s="58">
        <v>48.291755988245036</v>
      </c>
      <c r="S2363" s="124">
        <f t="shared" si="36"/>
        <v>0.32956831339090786</v>
      </c>
    </row>
    <row r="2364" spans="8:19" x14ac:dyDescent="0.3">
      <c r="H2364" s="44">
        <v>2357</v>
      </c>
      <c r="I2364" s="56">
        <f>Bühler!I2390</f>
        <v>7.6054226167132588E-2</v>
      </c>
      <c r="J2364" s="59">
        <f>Bühler!J2390</f>
        <v>0.25351408722377528</v>
      </c>
      <c r="K2364" s="59">
        <f>Bühler!K2390</f>
        <v>0.38027113083566294</v>
      </c>
      <c r="L2364" s="59">
        <f>Bühler!L2390</f>
        <v>1.8253014280111819</v>
      </c>
      <c r="M2364" s="58">
        <f>Bühler!M2390</f>
        <v>0</v>
      </c>
      <c r="N2364" s="56">
        <f>IF(Input!$D$19=1,J2364*Input!$C$19,0)+IF(Input!$D$20=1,K2364*Input!$C$20,0)+IF(Input!$D$21=1,L2364*Input!$C$21,0)+IF(Input!$D$22=1,M2364*Input!$C$22,0)</f>
        <v>7.6054226167132574E-2</v>
      </c>
      <c r="O2364" s="59">
        <f>IF(Input!$D$19=2,J2364*Input!$C$19,0)+IF(Input!$D$20=2,K2364*Input!$C$20,0)+IF(Input!$D$21=2,L2364*Input!$C$21,0)+IF(Input!$D$22=2,M2364*Input!$C$22,0)</f>
        <v>0.19013556541783147</v>
      </c>
      <c r="P2364" s="59">
        <f>IF(Input!$D$19=3,J2364*Input!$C$19,0)+IF(Input!$D$20=3,K2364*Input!$C$20,0)+IF(Input!$D$21=3,L2364*Input!$C$21,0)+IF(Input!$D$22=3,M2364*Input!$C$22,0)</f>
        <v>0</v>
      </c>
      <c r="Q2364" s="75">
        <f>IF(Input!$D$19=4,J2364*Input!$C$19,0)+IF(Input!$D$20=4,K2364*Input!$C$20,0)+IF(Input!$D$21=4,L2364*Input!$C$21,0)+IF(Input!$D$22=4,M2364*Input!$C$22,0)</f>
        <v>0</v>
      </c>
      <c r="R2364" s="58">
        <v>51.479360752105528</v>
      </c>
      <c r="S2364" s="124">
        <f t="shared" si="36"/>
        <v>0.32956831339090786</v>
      </c>
    </row>
    <row r="2365" spans="8:19" x14ac:dyDescent="0.3">
      <c r="H2365" s="44">
        <v>2358</v>
      </c>
      <c r="I2365" s="56">
        <f>Bühler!I2391</f>
        <v>0.32956831339090786</v>
      </c>
      <c r="J2365" s="59">
        <f>Bühler!J2391</f>
        <v>1.0985610446363596</v>
      </c>
      <c r="K2365" s="59">
        <f>Bühler!K2391</f>
        <v>1.6478415669545394</v>
      </c>
      <c r="L2365" s="59">
        <f>Bühler!L2391</f>
        <v>7.9096395213817887</v>
      </c>
      <c r="M2365" s="58">
        <f>Bühler!M2391</f>
        <v>0</v>
      </c>
      <c r="N2365" s="56">
        <f>IF(Input!$D$19=1,J2365*Input!$C$19,0)+IF(Input!$D$20=1,K2365*Input!$C$20,0)+IF(Input!$D$21=1,L2365*Input!$C$21,0)+IF(Input!$D$22=1,M2365*Input!$C$22,0)</f>
        <v>0.32956831339090786</v>
      </c>
      <c r="O2365" s="59">
        <f>IF(Input!$D$19=2,J2365*Input!$C$19,0)+IF(Input!$D$20=2,K2365*Input!$C$20,0)+IF(Input!$D$21=2,L2365*Input!$C$21,0)+IF(Input!$D$22=2,M2365*Input!$C$22,0)</f>
        <v>0.82392078347726971</v>
      </c>
      <c r="P2365" s="59">
        <f>IF(Input!$D$19=3,J2365*Input!$C$19,0)+IF(Input!$D$20=3,K2365*Input!$C$20,0)+IF(Input!$D$21=3,L2365*Input!$C$21,0)+IF(Input!$D$22=3,M2365*Input!$C$22,0)</f>
        <v>0</v>
      </c>
      <c r="Q2365" s="75">
        <f>IF(Input!$D$19=4,J2365*Input!$C$19,0)+IF(Input!$D$20=4,K2365*Input!$C$20,0)+IF(Input!$D$21=4,L2365*Input!$C$21,0)+IF(Input!$D$22=4,M2365*Input!$C$22,0)</f>
        <v>0</v>
      </c>
      <c r="R2365" s="58">
        <v>56.534690545675133</v>
      </c>
      <c r="S2365" s="124">
        <f t="shared" si="36"/>
        <v>1.4281293580272676</v>
      </c>
    </row>
    <row r="2366" spans="8:19" x14ac:dyDescent="0.3">
      <c r="H2366" s="44">
        <v>2359</v>
      </c>
      <c r="I2366" s="56">
        <f>Bühler!I2392</f>
        <v>0.37393327865506859</v>
      </c>
      <c r="J2366" s="59">
        <f>Bühler!J2392</f>
        <v>1.2464442621835621</v>
      </c>
      <c r="K2366" s="59">
        <f>Bühler!K2392</f>
        <v>1.8696663932753428</v>
      </c>
      <c r="L2366" s="59">
        <f>Bühler!L2392</f>
        <v>8.9743986877216457</v>
      </c>
      <c r="M2366" s="58">
        <f>Bühler!M2392</f>
        <v>0</v>
      </c>
      <c r="N2366" s="56">
        <f>IF(Input!$D$19=1,J2366*Input!$C$19,0)+IF(Input!$D$20=1,K2366*Input!$C$20,0)+IF(Input!$D$21=1,L2366*Input!$C$21,0)+IF(Input!$D$22=1,M2366*Input!$C$22,0)</f>
        <v>0.37393327865506859</v>
      </c>
      <c r="O2366" s="59">
        <f>IF(Input!$D$19=2,J2366*Input!$C$19,0)+IF(Input!$D$20=2,K2366*Input!$C$20,0)+IF(Input!$D$21=2,L2366*Input!$C$21,0)+IF(Input!$D$22=2,M2366*Input!$C$22,0)</f>
        <v>0.93483319663767139</v>
      </c>
      <c r="P2366" s="59">
        <f>IF(Input!$D$19=3,J2366*Input!$C$19,0)+IF(Input!$D$20=3,K2366*Input!$C$20,0)+IF(Input!$D$21=3,L2366*Input!$C$21,0)+IF(Input!$D$22=3,M2366*Input!$C$22,0)</f>
        <v>0</v>
      </c>
      <c r="Q2366" s="75">
        <f>IF(Input!$D$19=4,J2366*Input!$C$19,0)+IF(Input!$D$20=4,K2366*Input!$C$20,0)+IF(Input!$D$21=4,L2366*Input!$C$21,0)+IF(Input!$D$22=4,M2366*Input!$C$22,0)</f>
        <v>0</v>
      </c>
      <c r="R2366" s="58">
        <v>62.06744610549319</v>
      </c>
      <c r="S2366" s="124">
        <f t="shared" si="36"/>
        <v>1.6203775408386307</v>
      </c>
    </row>
    <row r="2367" spans="8:19" x14ac:dyDescent="0.3">
      <c r="H2367" s="44">
        <v>2360</v>
      </c>
      <c r="I2367" s="56">
        <f>Bühler!I2393</f>
        <v>0.37393327865506859</v>
      </c>
      <c r="J2367" s="59">
        <f>Bühler!J2393</f>
        <v>1.2464442621835621</v>
      </c>
      <c r="K2367" s="59">
        <f>Bühler!K2393</f>
        <v>1.8696663932753428</v>
      </c>
      <c r="L2367" s="59">
        <f>Bühler!L2393</f>
        <v>8.9743986877216457</v>
      </c>
      <c r="M2367" s="58">
        <f>Bühler!M2393</f>
        <v>0</v>
      </c>
      <c r="N2367" s="56">
        <f>IF(Input!$D$19=1,J2367*Input!$C$19,0)+IF(Input!$D$20=1,K2367*Input!$C$20,0)+IF(Input!$D$21=1,L2367*Input!$C$21,0)+IF(Input!$D$22=1,M2367*Input!$C$22,0)</f>
        <v>0.37393327865506859</v>
      </c>
      <c r="O2367" s="59">
        <f>IF(Input!$D$19=2,J2367*Input!$C$19,0)+IF(Input!$D$20=2,K2367*Input!$C$20,0)+IF(Input!$D$21=2,L2367*Input!$C$21,0)+IF(Input!$D$22=2,M2367*Input!$C$22,0)</f>
        <v>0.93483319663767139</v>
      </c>
      <c r="P2367" s="59">
        <f>IF(Input!$D$19=3,J2367*Input!$C$19,0)+IF(Input!$D$20=3,K2367*Input!$C$20,0)+IF(Input!$D$21=3,L2367*Input!$C$21,0)+IF(Input!$D$22=3,M2367*Input!$C$22,0)</f>
        <v>0</v>
      </c>
      <c r="Q2367" s="75">
        <f>IF(Input!$D$19=4,J2367*Input!$C$19,0)+IF(Input!$D$20=4,K2367*Input!$C$20,0)+IF(Input!$D$21=4,L2367*Input!$C$21,0)+IF(Input!$D$22=4,M2367*Input!$C$22,0)</f>
        <v>0</v>
      </c>
      <c r="R2367" s="58">
        <v>64.600628485009707</v>
      </c>
      <c r="S2367" s="124">
        <f t="shared" si="36"/>
        <v>1.6203775408386307</v>
      </c>
    </row>
    <row r="2368" spans="8:19" x14ac:dyDescent="0.3">
      <c r="H2368" s="44">
        <v>2361</v>
      </c>
      <c r="I2368" s="56">
        <f>Bühler!I2394</f>
        <v>0.37393327865506859</v>
      </c>
      <c r="J2368" s="59">
        <f>Bühler!J2394</f>
        <v>1.2464442621835621</v>
      </c>
      <c r="K2368" s="59">
        <f>Bühler!K2394</f>
        <v>1.8696663932753428</v>
      </c>
      <c r="L2368" s="59">
        <f>Bühler!L2394</f>
        <v>8.9743986877216457</v>
      </c>
      <c r="M2368" s="58">
        <f>Bühler!M2394</f>
        <v>0</v>
      </c>
      <c r="N2368" s="56">
        <f>IF(Input!$D$19=1,J2368*Input!$C$19,0)+IF(Input!$D$20=1,K2368*Input!$C$20,0)+IF(Input!$D$21=1,L2368*Input!$C$21,0)+IF(Input!$D$22=1,M2368*Input!$C$22,0)</f>
        <v>0.37393327865506859</v>
      </c>
      <c r="O2368" s="59">
        <f>IF(Input!$D$19=2,J2368*Input!$C$19,0)+IF(Input!$D$20=2,K2368*Input!$C$20,0)+IF(Input!$D$21=2,L2368*Input!$C$21,0)+IF(Input!$D$22=2,M2368*Input!$C$22,0)</f>
        <v>0.93483319663767139</v>
      </c>
      <c r="P2368" s="59">
        <f>IF(Input!$D$19=3,J2368*Input!$C$19,0)+IF(Input!$D$20=3,K2368*Input!$C$20,0)+IF(Input!$D$21=3,L2368*Input!$C$21,0)+IF(Input!$D$22=3,M2368*Input!$C$22,0)</f>
        <v>0</v>
      </c>
      <c r="Q2368" s="75">
        <f>IF(Input!$D$19=4,J2368*Input!$C$19,0)+IF(Input!$D$20=4,K2368*Input!$C$20,0)+IF(Input!$D$21=4,L2368*Input!$C$21,0)+IF(Input!$D$22=4,M2368*Input!$C$22,0)</f>
        <v>0</v>
      </c>
      <c r="R2368" s="58">
        <v>64.167349111990902</v>
      </c>
      <c r="S2368" s="124">
        <f t="shared" si="36"/>
        <v>1.6203775408386307</v>
      </c>
    </row>
    <row r="2369" spans="8:19" x14ac:dyDescent="0.3">
      <c r="H2369" s="44">
        <v>2362</v>
      </c>
      <c r="I2369" s="56">
        <f>Bühler!I2395</f>
        <v>0.39928468737744605</v>
      </c>
      <c r="J2369" s="59">
        <f>Bühler!J2395</f>
        <v>1.3309489579248204</v>
      </c>
      <c r="K2369" s="59">
        <f>Bühler!K2395</f>
        <v>1.9964234368872302</v>
      </c>
      <c r="L2369" s="59">
        <f>Bühler!L2395</f>
        <v>9.5828324970587051</v>
      </c>
      <c r="M2369" s="58">
        <f>Bühler!M2395</f>
        <v>0</v>
      </c>
      <c r="N2369" s="56">
        <f>IF(Input!$D$19=1,J2369*Input!$C$19,0)+IF(Input!$D$20=1,K2369*Input!$C$20,0)+IF(Input!$D$21=1,L2369*Input!$C$21,0)+IF(Input!$D$22=1,M2369*Input!$C$22,0)</f>
        <v>0.3992846873774461</v>
      </c>
      <c r="O2369" s="59">
        <f>IF(Input!$D$19=2,J2369*Input!$C$19,0)+IF(Input!$D$20=2,K2369*Input!$C$20,0)+IF(Input!$D$21=2,L2369*Input!$C$21,0)+IF(Input!$D$22=2,M2369*Input!$C$22,0)</f>
        <v>0.99821171844361511</v>
      </c>
      <c r="P2369" s="59">
        <f>IF(Input!$D$19=3,J2369*Input!$C$19,0)+IF(Input!$D$20=3,K2369*Input!$C$20,0)+IF(Input!$D$21=3,L2369*Input!$C$21,0)+IF(Input!$D$22=3,M2369*Input!$C$22,0)</f>
        <v>0</v>
      </c>
      <c r="Q2369" s="75">
        <f>IF(Input!$D$19=4,J2369*Input!$C$19,0)+IF(Input!$D$20=4,K2369*Input!$C$20,0)+IF(Input!$D$21=4,L2369*Input!$C$21,0)+IF(Input!$D$22=4,M2369*Input!$C$22,0)</f>
        <v>0</v>
      </c>
      <c r="R2369" s="58">
        <v>66.165234047736689</v>
      </c>
      <c r="S2369" s="124">
        <f t="shared" si="36"/>
        <v>1.7302336453022664</v>
      </c>
    </row>
    <row r="2370" spans="8:19" x14ac:dyDescent="0.3">
      <c r="H2370" s="44">
        <v>2363</v>
      </c>
      <c r="I2370" s="56">
        <f>Bühler!I2396</f>
        <v>0.39928468737744605</v>
      </c>
      <c r="J2370" s="59">
        <f>Bühler!J2396</f>
        <v>1.3309489579248204</v>
      </c>
      <c r="K2370" s="59">
        <f>Bühler!K2396</f>
        <v>1.9964234368872302</v>
      </c>
      <c r="L2370" s="59">
        <f>Bühler!L2396</f>
        <v>9.5828324970587051</v>
      </c>
      <c r="M2370" s="58">
        <f>Bühler!M2396</f>
        <v>0</v>
      </c>
      <c r="N2370" s="56">
        <f>IF(Input!$D$19=1,J2370*Input!$C$19,0)+IF(Input!$D$20=1,K2370*Input!$C$20,0)+IF(Input!$D$21=1,L2370*Input!$C$21,0)+IF(Input!$D$22=1,M2370*Input!$C$22,0)</f>
        <v>0.3992846873774461</v>
      </c>
      <c r="O2370" s="59">
        <f>IF(Input!$D$19=2,J2370*Input!$C$19,0)+IF(Input!$D$20=2,K2370*Input!$C$20,0)+IF(Input!$D$21=2,L2370*Input!$C$21,0)+IF(Input!$D$22=2,M2370*Input!$C$22,0)</f>
        <v>0.99821171844361511</v>
      </c>
      <c r="P2370" s="59">
        <f>IF(Input!$D$19=3,J2370*Input!$C$19,0)+IF(Input!$D$20=3,K2370*Input!$C$20,0)+IF(Input!$D$21=3,L2370*Input!$C$21,0)+IF(Input!$D$22=3,M2370*Input!$C$22,0)</f>
        <v>0</v>
      </c>
      <c r="Q2370" s="75">
        <f>IF(Input!$D$19=4,J2370*Input!$C$19,0)+IF(Input!$D$20=4,K2370*Input!$C$20,0)+IF(Input!$D$21=4,L2370*Input!$C$21,0)+IF(Input!$D$22=4,M2370*Input!$C$22,0)</f>
        <v>0</v>
      </c>
      <c r="R2370" s="58">
        <v>68.077615192585071</v>
      </c>
      <c r="S2370" s="124">
        <f t="shared" si="36"/>
        <v>1.7302336453022664</v>
      </c>
    </row>
    <row r="2371" spans="8:19" x14ac:dyDescent="0.3">
      <c r="H2371" s="44">
        <v>2364</v>
      </c>
      <c r="I2371" s="56">
        <f>Bühler!I2397</f>
        <v>0.50702817444755066</v>
      </c>
      <c r="J2371" s="59">
        <f>Bühler!J2397</f>
        <v>1.6900939148251688</v>
      </c>
      <c r="K2371" s="59">
        <f>Bühler!K2397</f>
        <v>2.5351408722377529</v>
      </c>
      <c r="L2371" s="59">
        <f>Bühler!L2397</f>
        <v>12.168676186741214</v>
      </c>
      <c r="M2371" s="58">
        <f>Bühler!M2397</f>
        <v>0</v>
      </c>
      <c r="N2371" s="56">
        <f>IF(Input!$D$19=1,J2371*Input!$C$19,0)+IF(Input!$D$20=1,K2371*Input!$C$20,0)+IF(Input!$D$21=1,L2371*Input!$C$21,0)+IF(Input!$D$22=1,M2371*Input!$C$22,0)</f>
        <v>0.50702817444755066</v>
      </c>
      <c r="O2371" s="59">
        <f>IF(Input!$D$19=2,J2371*Input!$C$19,0)+IF(Input!$D$20=2,K2371*Input!$C$20,0)+IF(Input!$D$21=2,L2371*Input!$C$21,0)+IF(Input!$D$22=2,M2371*Input!$C$22,0)</f>
        <v>1.2675704361188764</v>
      </c>
      <c r="P2371" s="59">
        <f>IF(Input!$D$19=3,J2371*Input!$C$19,0)+IF(Input!$D$20=3,K2371*Input!$C$20,0)+IF(Input!$D$21=3,L2371*Input!$C$21,0)+IF(Input!$D$22=3,M2371*Input!$C$22,0)</f>
        <v>0</v>
      </c>
      <c r="Q2371" s="75">
        <f>IF(Input!$D$19=4,J2371*Input!$C$19,0)+IF(Input!$D$20=4,K2371*Input!$C$20,0)+IF(Input!$D$21=4,L2371*Input!$C$21,0)+IF(Input!$D$22=4,M2371*Input!$C$22,0)</f>
        <v>0</v>
      </c>
      <c r="R2371" s="58">
        <v>68.342682177313193</v>
      </c>
      <c r="S2371" s="124">
        <f t="shared" si="36"/>
        <v>2.1971220892727192</v>
      </c>
    </row>
    <row r="2372" spans="8:19" x14ac:dyDescent="0.3">
      <c r="H2372" s="44">
        <v>2365</v>
      </c>
      <c r="I2372" s="56">
        <f>Bühler!I2398</f>
        <v>0.50702817444755066</v>
      </c>
      <c r="J2372" s="59">
        <f>Bühler!J2398</f>
        <v>1.6900939148251688</v>
      </c>
      <c r="K2372" s="59">
        <f>Bühler!K2398</f>
        <v>2.5351408722377529</v>
      </c>
      <c r="L2372" s="59">
        <f>Bühler!L2398</f>
        <v>12.168676186741214</v>
      </c>
      <c r="M2372" s="58">
        <f>Bühler!M2398</f>
        <v>0</v>
      </c>
      <c r="N2372" s="56">
        <f>IF(Input!$D$19=1,J2372*Input!$C$19,0)+IF(Input!$D$20=1,K2372*Input!$C$20,0)+IF(Input!$D$21=1,L2372*Input!$C$21,0)+IF(Input!$D$22=1,M2372*Input!$C$22,0)</f>
        <v>0.50702817444755066</v>
      </c>
      <c r="O2372" s="59">
        <f>IF(Input!$D$19=2,J2372*Input!$C$19,0)+IF(Input!$D$20=2,K2372*Input!$C$20,0)+IF(Input!$D$21=2,L2372*Input!$C$21,0)+IF(Input!$D$22=2,M2372*Input!$C$22,0)</f>
        <v>1.2675704361188764</v>
      </c>
      <c r="P2372" s="59">
        <f>IF(Input!$D$19=3,J2372*Input!$C$19,0)+IF(Input!$D$20=3,K2372*Input!$C$20,0)+IF(Input!$D$21=3,L2372*Input!$C$21,0)+IF(Input!$D$22=3,M2372*Input!$C$22,0)</f>
        <v>0</v>
      </c>
      <c r="Q2372" s="75">
        <f>IF(Input!$D$19=4,J2372*Input!$C$19,0)+IF(Input!$D$20=4,K2372*Input!$C$20,0)+IF(Input!$D$21=4,L2372*Input!$C$21,0)+IF(Input!$D$22=4,M2372*Input!$C$22,0)</f>
        <v>0</v>
      </c>
      <c r="R2372" s="58">
        <v>67.21336155149703</v>
      </c>
      <c r="S2372" s="124">
        <f t="shared" si="36"/>
        <v>2.1971220892727192</v>
      </c>
    </row>
    <row r="2373" spans="8:19" x14ac:dyDescent="0.3">
      <c r="H2373" s="44">
        <v>2366</v>
      </c>
      <c r="I2373" s="56">
        <f>Bühler!I2399</f>
        <v>0.33590616557150227</v>
      </c>
      <c r="J2373" s="59">
        <f>Bühler!J2399</f>
        <v>1.1196872185716742</v>
      </c>
      <c r="K2373" s="59">
        <f>Bühler!K2399</f>
        <v>1.6795308278575114</v>
      </c>
      <c r="L2373" s="59">
        <f>Bühler!L2399</f>
        <v>8.061747973716054</v>
      </c>
      <c r="M2373" s="58">
        <f>Bühler!M2399</f>
        <v>0</v>
      </c>
      <c r="N2373" s="56">
        <f>IF(Input!$D$19=1,J2373*Input!$C$19,0)+IF(Input!$D$20=1,K2373*Input!$C$20,0)+IF(Input!$D$21=1,L2373*Input!$C$21,0)+IF(Input!$D$22=1,M2373*Input!$C$22,0)</f>
        <v>0.33590616557150227</v>
      </c>
      <c r="O2373" s="59">
        <f>IF(Input!$D$19=2,J2373*Input!$C$19,0)+IF(Input!$D$20=2,K2373*Input!$C$20,0)+IF(Input!$D$21=2,L2373*Input!$C$21,0)+IF(Input!$D$22=2,M2373*Input!$C$22,0)</f>
        <v>0.8397654139287557</v>
      </c>
      <c r="P2373" s="59">
        <f>IF(Input!$D$19=3,J2373*Input!$C$19,0)+IF(Input!$D$20=3,K2373*Input!$C$20,0)+IF(Input!$D$21=3,L2373*Input!$C$21,0)+IF(Input!$D$22=3,M2373*Input!$C$22,0)</f>
        <v>0</v>
      </c>
      <c r="Q2373" s="75">
        <f>IF(Input!$D$19=4,J2373*Input!$C$19,0)+IF(Input!$D$20=4,K2373*Input!$C$20,0)+IF(Input!$D$21=4,L2373*Input!$C$21,0)+IF(Input!$D$22=4,M2373*Input!$C$22,0)</f>
        <v>0</v>
      </c>
      <c r="R2373" s="58">
        <v>66.814366272610911</v>
      </c>
      <c r="S2373" s="124">
        <f t="shared" si="36"/>
        <v>1.4555933841431765</v>
      </c>
    </row>
    <row r="2374" spans="8:19" x14ac:dyDescent="0.3">
      <c r="H2374" s="44">
        <v>2367</v>
      </c>
      <c r="I2374" s="56">
        <f>Bühler!I2400</f>
        <v>0.50702817444755066</v>
      </c>
      <c r="J2374" s="59">
        <f>Bühler!J2400</f>
        <v>1.6900939148251688</v>
      </c>
      <c r="K2374" s="59">
        <f>Bühler!K2400</f>
        <v>2.5351408722377529</v>
      </c>
      <c r="L2374" s="59">
        <f>Bühler!L2400</f>
        <v>12.168676186741214</v>
      </c>
      <c r="M2374" s="58">
        <f>Bühler!M2400</f>
        <v>0</v>
      </c>
      <c r="N2374" s="56">
        <f>IF(Input!$D$19=1,J2374*Input!$C$19,0)+IF(Input!$D$20=1,K2374*Input!$C$20,0)+IF(Input!$D$21=1,L2374*Input!$C$21,0)+IF(Input!$D$22=1,M2374*Input!$C$22,0)</f>
        <v>0.50702817444755066</v>
      </c>
      <c r="O2374" s="59">
        <f>IF(Input!$D$19=2,J2374*Input!$C$19,0)+IF(Input!$D$20=2,K2374*Input!$C$20,0)+IF(Input!$D$21=2,L2374*Input!$C$21,0)+IF(Input!$D$22=2,M2374*Input!$C$22,0)</f>
        <v>1.2675704361188764</v>
      </c>
      <c r="P2374" s="59">
        <f>IF(Input!$D$19=3,J2374*Input!$C$19,0)+IF(Input!$D$20=3,K2374*Input!$C$20,0)+IF(Input!$D$21=3,L2374*Input!$C$21,0)+IF(Input!$D$22=3,M2374*Input!$C$22,0)</f>
        <v>0</v>
      </c>
      <c r="Q2374" s="75">
        <f>IF(Input!$D$19=4,J2374*Input!$C$19,0)+IF(Input!$D$20=4,K2374*Input!$C$20,0)+IF(Input!$D$21=4,L2374*Input!$C$21,0)+IF(Input!$D$22=4,M2374*Input!$C$22,0)</f>
        <v>0</v>
      </c>
      <c r="R2374" s="58">
        <v>67.116265706041247</v>
      </c>
      <c r="S2374" s="124">
        <f t="shared" si="36"/>
        <v>2.1971220892727192</v>
      </c>
    </row>
    <row r="2375" spans="8:19" x14ac:dyDescent="0.3">
      <c r="H2375" s="44">
        <v>2368</v>
      </c>
      <c r="I2375" s="56">
        <f>Bühler!I2401</f>
        <v>0.50702817444755066</v>
      </c>
      <c r="J2375" s="59">
        <f>Bühler!J2401</f>
        <v>1.6900939148251688</v>
      </c>
      <c r="K2375" s="59">
        <f>Bühler!K2401</f>
        <v>2.5351408722377529</v>
      </c>
      <c r="L2375" s="59">
        <f>Bühler!L2401</f>
        <v>12.168676186741214</v>
      </c>
      <c r="M2375" s="58">
        <f>Bühler!M2401</f>
        <v>0</v>
      </c>
      <c r="N2375" s="56">
        <f>IF(Input!$D$19=1,J2375*Input!$C$19,0)+IF(Input!$D$20=1,K2375*Input!$C$20,0)+IF(Input!$D$21=1,L2375*Input!$C$21,0)+IF(Input!$D$22=1,M2375*Input!$C$22,0)</f>
        <v>0.50702817444755066</v>
      </c>
      <c r="O2375" s="59">
        <f>IF(Input!$D$19=2,J2375*Input!$C$19,0)+IF(Input!$D$20=2,K2375*Input!$C$20,0)+IF(Input!$D$21=2,L2375*Input!$C$21,0)+IF(Input!$D$22=2,M2375*Input!$C$22,0)</f>
        <v>1.2675704361188764</v>
      </c>
      <c r="P2375" s="59">
        <f>IF(Input!$D$19=3,J2375*Input!$C$19,0)+IF(Input!$D$20=3,K2375*Input!$C$20,0)+IF(Input!$D$21=3,L2375*Input!$C$21,0)+IF(Input!$D$22=3,M2375*Input!$C$22,0)</f>
        <v>0</v>
      </c>
      <c r="Q2375" s="75">
        <f>IF(Input!$D$19=4,J2375*Input!$C$19,0)+IF(Input!$D$20=4,K2375*Input!$C$20,0)+IF(Input!$D$21=4,L2375*Input!$C$21,0)+IF(Input!$D$22=4,M2375*Input!$C$22,0)</f>
        <v>0</v>
      </c>
      <c r="R2375" s="58">
        <v>66.609384670320068</v>
      </c>
      <c r="S2375" s="124">
        <f t="shared" si="36"/>
        <v>2.1971220892727192</v>
      </c>
    </row>
    <row r="2376" spans="8:19" x14ac:dyDescent="0.3">
      <c r="H2376" s="44">
        <v>2369</v>
      </c>
      <c r="I2376" s="56">
        <f>Bühler!I2402</f>
        <v>0.50702817444755066</v>
      </c>
      <c r="J2376" s="59">
        <f>Bühler!J2402</f>
        <v>1.6900939148251688</v>
      </c>
      <c r="K2376" s="59">
        <f>Bühler!K2402</f>
        <v>2.5351408722377529</v>
      </c>
      <c r="L2376" s="59">
        <f>Bühler!L2402</f>
        <v>12.168676186741214</v>
      </c>
      <c r="M2376" s="58">
        <f>Bühler!M2402</f>
        <v>0</v>
      </c>
      <c r="N2376" s="56">
        <f>IF(Input!$D$19=1,J2376*Input!$C$19,0)+IF(Input!$D$20=1,K2376*Input!$C$20,0)+IF(Input!$D$21=1,L2376*Input!$C$21,0)+IF(Input!$D$22=1,M2376*Input!$C$22,0)</f>
        <v>0.50702817444755066</v>
      </c>
      <c r="O2376" s="59">
        <f>IF(Input!$D$19=2,J2376*Input!$C$19,0)+IF(Input!$D$20=2,K2376*Input!$C$20,0)+IF(Input!$D$21=2,L2376*Input!$C$21,0)+IF(Input!$D$22=2,M2376*Input!$C$22,0)</f>
        <v>1.2675704361188764</v>
      </c>
      <c r="P2376" s="59">
        <f>IF(Input!$D$19=3,J2376*Input!$C$19,0)+IF(Input!$D$20=3,K2376*Input!$C$20,0)+IF(Input!$D$21=3,L2376*Input!$C$21,0)+IF(Input!$D$22=3,M2376*Input!$C$22,0)</f>
        <v>0</v>
      </c>
      <c r="Q2376" s="75">
        <f>IF(Input!$D$19=4,J2376*Input!$C$19,0)+IF(Input!$D$20=4,K2376*Input!$C$20,0)+IF(Input!$D$21=4,L2376*Input!$C$21,0)+IF(Input!$D$22=4,M2376*Input!$C$22,0)</f>
        <v>0</v>
      </c>
      <c r="R2376" s="58">
        <v>65.684373974222964</v>
      </c>
      <c r="S2376" s="124">
        <f t="shared" si="36"/>
        <v>2.1971220892727192</v>
      </c>
    </row>
    <row r="2377" spans="8:19" x14ac:dyDescent="0.3">
      <c r="H2377" s="44">
        <v>2370</v>
      </c>
      <c r="I2377" s="56">
        <f>Bühler!I2403</f>
        <v>0.50702817444755066</v>
      </c>
      <c r="J2377" s="59">
        <f>Bühler!J2403</f>
        <v>1.6900939148251688</v>
      </c>
      <c r="K2377" s="59">
        <f>Bühler!K2403</f>
        <v>2.5351408722377529</v>
      </c>
      <c r="L2377" s="59">
        <f>Bühler!L2403</f>
        <v>12.168676186741214</v>
      </c>
      <c r="M2377" s="58">
        <f>Bühler!M2403</f>
        <v>0</v>
      </c>
      <c r="N2377" s="56">
        <f>IF(Input!$D$19=1,J2377*Input!$C$19,0)+IF(Input!$D$20=1,K2377*Input!$C$20,0)+IF(Input!$D$21=1,L2377*Input!$C$21,0)+IF(Input!$D$22=1,M2377*Input!$C$22,0)</f>
        <v>0.50702817444755066</v>
      </c>
      <c r="O2377" s="59">
        <f>IF(Input!$D$19=2,J2377*Input!$C$19,0)+IF(Input!$D$20=2,K2377*Input!$C$20,0)+IF(Input!$D$21=2,L2377*Input!$C$21,0)+IF(Input!$D$22=2,M2377*Input!$C$22,0)</f>
        <v>1.2675704361188764</v>
      </c>
      <c r="P2377" s="59">
        <f>IF(Input!$D$19=3,J2377*Input!$C$19,0)+IF(Input!$D$20=3,K2377*Input!$C$20,0)+IF(Input!$D$21=3,L2377*Input!$C$21,0)+IF(Input!$D$22=3,M2377*Input!$C$22,0)</f>
        <v>0</v>
      </c>
      <c r="Q2377" s="75">
        <f>IF(Input!$D$19=4,J2377*Input!$C$19,0)+IF(Input!$D$20=4,K2377*Input!$C$20,0)+IF(Input!$D$21=4,L2377*Input!$C$21,0)+IF(Input!$D$22=4,M2377*Input!$C$22,0)</f>
        <v>0</v>
      </c>
      <c r="R2377" s="58">
        <v>64.433798512435303</v>
      </c>
      <c r="S2377" s="124">
        <f t="shared" ref="S2377:S2440" si="37">I2377+J2377</f>
        <v>2.1971220892727192</v>
      </c>
    </row>
    <row r="2378" spans="8:19" x14ac:dyDescent="0.3">
      <c r="H2378" s="44">
        <v>2371</v>
      </c>
      <c r="I2378" s="56">
        <f>Bühler!I2404</f>
        <v>0.50702817444755066</v>
      </c>
      <c r="J2378" s="59">
        <f>Bühler!J2404</f>
        <v>1.6900939148251688</v>
      </c>
      <c r="K2378" s="59">
        <f>Bühler!K2404</f>
        <v>2.5351408722377529</v>
      </c>
      <c r="L2378" s="59">
        <f>Bühler!L2404</f>
        <v>12.168676186741214</v>
      </c>
      <c r="M2378" s="58">
        <f>Bühler!M2404</f>
        <v>0</v>
      </c>
      <c r="N2378" s="56">
        <f>IF(Input!$D$19=1,J2378*Input!$C$19,0)+IF(Input!$D$20=1,K2378*Input!$C$20,0)+IF(Input!$D$21=1,L2378*Input!$C$21,0)+IF(Input!$D$22=1,M2378*Input!$C$22,0)</f>
        <v>0.50702817444755066</v>
      </c>
      <c r="O2378" s="59">
        <f>IF(Input!$D$19=2,J2378*Input!$C$19,0)+IF(Input!$D$20=2,K2378*Input!$C$20,0)+IF(Input!$D$21=2,L2378*Input!$C$21,0)+IF(Input!$D$22=2,M2378*Input!$C$22,0)</f>
        <v>1.2675704361188764</v>
      </c>
      <c r="P2378" s="59">
        <f>IF(Input!$D$19=3,J2378*Input!$C$19,0)+IF(Input!$D$20=3,K2378*Input!$C$20,0)+IF(Input!$D$21=3,L2378*Input!$C$21,0)+IF(Input!$D$22=3,M2378*Input!$C$22,0)</f>
        <v>0</v>
      </c>
      <c r="Q2378" s="75">
        <f>IF(Input!$D$19=4,J2378*Input!$C$19,0)+IF(Input!$D$20=4,K2378*Input!$C$20,0)+IF(Input!$D$21=4,L2378*Input!$C$21,0)+IF(Input!$D$22=4,M2378*Input!$C$22,0)</f>
        <v>0</v>
      </c>
      <c r="R2378" s="58">
        <v>62.926664310770121</v>
      </c>
      <c r="S2378" s="124">
        <f t="shared" si="37"/>
        <v>2.1971220892727192</v>
      </c>
    </row>
    <row r="2379" spans="8:19" x14ac:dyDescent="0.3">
      <c r="H2379" s="44">
        <v>2372</v>
      </c>
      <c r="I2379" s="56">
        <f>Bühler!I2405</f>
        <v>0.42463609609982367</v>
      </c>
      <c r="J2379" s="59">
        <f>Bühler!J2405</f>
        <v>1.4154536536660789</v>
      </c>
      <c r="K2379" s="59">
        <f>Bühler!K2405</f>
        <v>2.1231804804991183</v>
      </c>
      <c r="L2379" s="59">
        <f>Bühler!L2405</f>
        <v>10.191266306395768</v>
      </c>
      <c r="M2379" s="58">
        <f>Bühler!M2405</f>
        <v>0</v>
      </c>
      <c r="N2379" s="56">
        <f>IF(Input!$D$19=1,J2379*Input!$C$19,0)+IF(Input!$D$20=1,K2379*Input!$C$20,0)+IF(Input!$D$21=1,L2379*Input!$C$21,0)+IF(Input!$D$22=1,M2379*Input!$C$22,0)</f>
        <v>0.42463609609982367</v>
      </c>
      <c r="O2379" s="59">
        <f>IF(Input!$D$19=2,J2379*Input!$C$19,0)+IF(Input!$D$20=2,K2379*Input!$C$20,0)+IF(Input!$D$21=2,L2379*Input!$C$21,0)+IF(Input!$D$22=2,M2379*Input!$C$22,0)</f>
        <v>1.0615902402495592</v>
      </c>
      <c r="P2379" s="59">
        <f>IF(Input!$D$19=3,J2379*Input!$C$19,0)+IF(Input!$D$20=3,K2379*Input!$C$20,0)+IF(Input!$D$21=3,L2379*Input!$C$21,0)+IF(Input!$D$22=3,M2379*Input!$C$22,0)</f>
        <v>0</v>
      </c>
      <c r="Q2379" s="75">
        <f>IF(Input!$D$19=4,J2379*Input!$C$19,0)+IF(Input!$D$20=4,K2379*Input!$C$20,0)+IF(Input!$D$21=4,L2379*Input!$C$21,0)+IF(Input!$D$22=4,M2379*Input!$C$22,0)</f>
        <v>0</v>
      </c>
      <c r="R2379" s="58">
        <v>61.81705973155659</v>
      </c>
      <c r="S2379" s="124">
        <f t="shared" si="37"/>
        <v>1.8400897497659026</v>
      </c>
    </row>
    <row r="2380" spans="8:19" x14ac:dyDescent="0.3">
      <c r="H2380" s="44">
        <v>2373</v>
      </c>
      <c r="I2380" s="56">
        <f>Bühler!I2406</f>
        <v>0.34858186993269102</v>
      </c>
      <c r="J2380" s="59">
        <f>Bühler!J2406</f>
        <v>1.1619395664423036</v>
      </c>
      <c r="K2380" s="59">
        <f>Bühler!K2406</f>
        <v>1.7429093496634551</v>
      </c>
      <c r="L2380" s="59">
        <f>Bühler!L2406</f>
        <v>8.3659648783845846</v>
      </c>
      <c r="M2380" s="58">
        <f>Bühler!M2406</f>
        <v>0</v>
      </c>
      <c r="N2380" s="56">
        <f>IF(Input!$D$19=1,J2380*Input!$C$19,0)+IF(Input!$D$20=1,K2380*Input!$C$20,0)+IF(Input!$D$21=1,L2380*Input!$C$21,0)+IF(Input!$D$22=1,M2380*Input!$C$22,0)</f>
        <v>0.34858186993269108</v>
      </c>
      <c r="O2380" s="59">
        <f>IF(Input!$D$19=2,J2380*Input!$C$19,0)+IF(Input!$D$20=2,K2380*Input!$C$20,0)+IF(Input!$D$21=2,L2380*Input!$C$21,0)+IF(Input!$D$22=2,M2380*Input!$C$22,0)</f>
        <v>0.87145467483172756</v>
      </c>
      <c r="P2380" s="59">
        <f>IF(Input!$D$19=3,J2380*Input!$C$19,0)+IF(Input!$D$20=3,K2380*Input!$C$20,0)+IF(Input!$D$21=3,L2380*Input!$C$21,0)+IF(Input!$D$22=3,M2380*Input!$C$22,0)</f>
        <v>0</v>
      </c>
      <c r="Q2380" s="75">
        <f>IF(Input!$D$19=4,J2380*Input!$C$19,0)+IF(Input!$D$20=4,K2380*Input!$C$20,0)+IF(Input!$D$21=4,L2380*Input!$C$21,0)+IF(Input!$D$22=4,M2380*Input!$C$22,0)</f>
        <v>0</v>
      </c>
      <c r="R2380" s="58">
        <v>59.977346439185965</v>
      </c>
      <c r="S2380" s="124">
        <f t="shared" si="37"/>
        <v>1.5105214363749946</v>
      </c>
    </row>
    <row r="2381" spans="8:19" x14ac:dyDescent="0.3">
      <c r="H2381" s="44">
        <v>2374</v>
      </c>
      <c r="I2381" s="56">
        <f>Bühler!I2407</f>
        <v>0.25351408722377533</v>
      </c>
      <c r="J2381" s="59">
        <f>Bühler!J2407</f>
        <v>0.8450469574125844</v>
      </c>
      <c r="K2381" s="59">
        <f>Bühler!K2407</f>
        <v>1.2675704361188764</v>
      </c>
      <c r="L2381" s="59">
        <f>Bühler!L2407</f>
        <v>6.084338093370607</v>
      </c>
      <c r="M2381" s="58">
        <f>Bühler!M2407</f>
        <v>0</v>
      </c>
      <c r="N2381" s="56">
        <f>IF(Input!$D$19=1,J2381*Input!$C$19,0)+IF(Input!$D$20=1,K2381*Input!$C$20,0)+IF(Input!$D$21=1,L2381*Input!$C$21,0)+IF(Input!$D$22=1,M2381*Input!$C$22,0)</f>
        <v>0.25351408722377533</v>
      </c>
      <c r="O2381" s="59">
        <f>IF(Input!$D$19=2,J2381*Input!$C$19,0)+IF(Input!$D$20=2,K2381*Input!$C$20,0)+IF(Input!$D$21=2,L2381*Input!$C$21,0)+IF(Input!$D$22=2,M2381*Input!$C$22,0)</f>
        <v>0.63378521805943822</v>
      </c>
      <c r="P2381" s="59">
        <f>IF(Input!$D$19=3,J2381*Input!$C$19,0)+IF(Input!$D$20=3,K2381*Input!$C$20,0)+IF(Input!$D$21=3,L2381*Input!$C$21,0)+IF(Input!$D$22=3,M2381*Input!$C$22,0)</f>
        <v>0</v>
      </c>
      <c r="Q2381" s="75">
        <f>IF(Input!$D$19=4,J2381*Input!$C$19,0)+IF(Input!$D$20=4,K2381*Input!$C$20,0)+IF(Input!$D$21=4,L2381*Input!$C$21,0)+IF(Input!$D$22=4,M2381*Input!$C$22,0)</f>
        <v>0</v>
      </c>
      <c r="R2381" s="58">
        <v>58.405536474676872</v>
      </c>
      <c r="S2381" s="124">
        <f t="shared" si="37"/>
        <v>1.0985610446363596</v>
      </c>
    </row>
    <row r="2382" spans="8:19" x14ac:dyDescent="0.3">
      <c r="H2382" s="44">
        <v>2375</v>
      </c>
      <c r="I2382" s="56">
        <f>Bühler!I2408</f>
        <v>0.24083838286258652</v>
      </c>
      <c r="J2382" s="59">
        <f>Bühler!J2408</f>
        <v>0.80279460954195514</v>
      </c>
      <c r="K2382" s="59">
        <f>Bühler!K2408</f>
        <v>1.2041919143129327</v>
      </c>
      <c r="L2382" s="59">
        <f>Bühler!L2408</f>
        <v>5.7801211887020765</v>
      </c>
      <c r="M2382" s="58">
        <f>Bühler!M2408</f>
        <v>0</v>
      </c>
      <c r="N2382" s="56">
        <f>IF(Input!$D$19=1,J2382*Input!$C$19,0)+IF(Input!$D$20=1,K2382*Input!$C$20,0)+IF(Input!$D$21=1,L2382*Input!$C$21,0)+IF(Input!$D$22=1,M2382*Input!$C$22,0)</f>
        <v>0.24083838286258652</v>
      </c>
      <c r="O2382" s="59">
        <f>IF(Input!$D$19=2,J2382*Input!$C$19,0)+IF(Input!$D$20=2,K2382*Input!$C$20,0)+IF(Input!$D$21=2,L2382*Input!$C$21,0)+IF(Input!$D$22=2,M2382*Input!$C$22,0)</f>
        <v>0.60209595715646635</v>
      </c>
      <c r="P2382" s="59">
        <f>IF(Input!$D$19=3,J2382*Input!$C$19,0)+IF(Input!$D$20=3,K2382*Input!$C$20,0)+IF(Input!$D$21=3,L2382*Input!$C$21,0)+IF(Input!$D$22=3,M2382*Input!$C$22,0)</f>
        <v>0</v>
      </c>
      <c r="Q2382" s="75">
        <f>IF(Input!$D$19=4,J2382*Input!$C$19,0)+IF(Input!$D$20=4,K2382*Input!$C$20,0)+IF(Input!$D$21=4,L2382*Input!$C$21,0)+IF(Input!$D$22=4,M2382*Input!$C$22,0)</f>
        <v>0</v>
      </c>
      <c r="R2382" s="58">
        <v>57.325786892984333</v>
      </c>
      <c r="S2382" s="124">
        <f t="shared" si="37"/>
        <v>1.0436329924045418</v>
      </c>
    </row>
    <row r="2383" spans="8:19" x14ac:dyDescent="0.3">
      <c r="H2383" s="44">
        <v>2376</v>
      </c>
      <c r="I2383" s="56">
        <f>Bühler!I2409</f>
        <v>0.24083838286258652</v>
      </c>
      <c r="J2383" s="59">
        <f>Bühler!J2409</f>
        <v>0.80279460954195514</v>
      </c>
      <c r="K2383" s="59">
        <f>Bühler!K2409</f>
        <v>1.2041919143129327</v>
      </c>
      <c r="L2383" s="59">
        <f>Bühler!L2409</f>
        <v>5.7801211887020765</v>
      </c>
      <c r="M2383" s="58">
        <f>Bühler!M2409</f>
        <v>0</v>
      </c>
      <c r="N2383" s="56">
        <f>IF(Input!$D$19=1,J2383*Input!$C$19,0)+IF(Input!$D$20=1,K2383*Input!$C$20,0)+IF(Input!$D$21=1,L2383*Input!$C$21,0)+IF(Input!$D$22=1,M2383*Input!$C$22,0)</f>
        <v>0.24083838286258652</v>
      </c>
      <c r="O2383" s="59">
        <f>IF(Input!$D$19=2,J2383*Input!$C$19,0)+IF(Input!$D$20=2,K2383*Input!$C$20,0)+IF(Input!$D$21=2,L2383*Input!$C$21,0)+IF(Input!$D$22=2,M2383*Input!$C$22,0)</f>
        <v>0.60209595715646635</v>
      </c>
      <c r="P2383" s="59">
        <f>IF(Input!$D$19=3,J2383*Input!$C$19,0)+IF(Input!$D$20=3,K2383*Input!$C$20,0)+IF(Input!$D$21=3,L2383*Input!$C$21,0)+IF(Input!$D$22=3,M2383*Input!$C$22,0)</f>
        <v>0</v>
      </c>
      <c r="Q2383" s="75">
        <f>IF(Input!$D$19=4,J2383*Input!$C$19,0)+IF(Input!$D$20=4,K2383*Input!$C$20,0)+IF(Input!$D$21=4,L2383*Input!$C$21,0)+IF(Input!$D$22=4,M2383*Input!$C$22,0)</f>
        <v>0</v>
      </c>
      <c r="R2383" s="58">
        <v>56.624911166769515</v>
      </c>
      <c r="S2383" s="124">
        <f t="shared" si="37"/>
        <v>1.0436329924045418</v>
      </c>
    </row>
    <row r="2384" spans="8:19" x14ac:dyDescent="0.3">
      <c r="H2384" s="44">
        <v>2377</v>
      </c>
      <c r="I2384" s="56">
        <f>Bühler!I2410</f>
        <v>0.21901932972200494</v>
      </c>
      <c r="J2384" s="59">
        <f>Bühler!J2410</f>
        <v>0.73006443240668317</v>
      </c>
      <c r="K2384" s="59">
        <f>Bühler!K2410</f>
        <v>1.0950966486100246</v>
      </c>
      <c r="L2384" s="59">
        <f>Bühler!L2410</f>
        <v>5.2564639133281181</v>
      </c>
      <c r="M2384" s="58">
        <f>Bühler!M2410</f>
        <v>0</v>
      </c>
      <c r="N2384" s="56">
        <f>IF(Input!$D$19=1,J2384*Input!$C$19,0)+IF(Input!$D$20=1,K2384*Input!$C$20,0)+IF(Input!$D$21=1,L2384*Input!$C$21,0)+IF(Input!$D$22=1,M2384*Input!$C$22,0)</f>
        <v>0.21901932972200494</v>
      </c>
      <c r="O2384" s="59">
        <f>IF(Input!$D$19=2,J2384*Input!$C$19,0)+IF(Input!$D$20=2,K2384*Input!$C$20,0)+IF(Input!$D$21=2,L2384*Input!$C$21,0)+IF(Input!$D$22=2,M2384*Input!$C$22,0)</f>
        <v>0.54754832430501232</v>
      </c>
      <c r="P2384" s="59">
        <f>IF(Input!$D$19=3,J2384*Input!$C$19,0)+IF(Input!$D$20=3,K2384*Input!$C$20,0)+IF(Input!$D$21=3,L2384*Input!$C$21,0)+IF(Input!$D$22=3,M2384*Input!$C$22,0)</f>
        <v>0</v>
      </c>
      <c r="Q2384" s="75">
        <f>IF(Input!$D$19=4,J2384*Input!$C$19,0)+IF(Input!$D$20=4,K2384*Input!$C$20,0)+IF(Input!$D$21=4,L2384*Input!$C$21,0)+IF(Input!$D$22=4,M2384*Input!$C$22,0)</f>
        <v>0</v>
      </c>
      <c r="R2384" s="58">
        <v>45.999959884023205</v>
      </c>
      <c r="S2384" s="124">
        <f t="shared" si="37"/>
        <v>0.94908376212868806</v>
      </c>
    </row>
    <row r="2385" spans="8:19" x14ac:dyDescent="0.3">
      <c r="H2385" s="44">
        <v>2378</v>
      </c>
      <c r="I2385" s="56">
        <f>Bühler!I2411</f>
        <v>0.21901932972200494</v>
      </c>
      <c r="J2385" s="59">
        <f>Bühler!J2411</f>
        <v>0.73006443240668317</v>
      </c>
      <c r="K2385" s="59">
        <f>Bühler!K2411</f>
        <v>1.0950966486100246</v>
      </c>
      <c r="L2385" s="59">
        <f>Bühler!L2411</f>
        <v>5.2564639133281181</v>
      </c>
      <c r="M2385" s="58">
        <f>Bühler!M2411</f>
        <v>0</v>
      </c>
      <c r="N2385" s="56">
        <f>IF(Input!$D$19=1,J2385*Input!$C$19,0)+IF(Input!$D$20=1,K2385*Input!$C$20,0)+IF(Input!$D$21=1,L2385*Input!$C$21,0)+IF(Input!$D$22=1,M2385*Input!$C$22,0)</f>
        <v>0.21901932972200494</v>
      </c>
      <c r="O2385" s="59">
        <f>IF(Input!$D$19=2,J2385*Input!$C$19,0)+IF(Input!$D$20=2,K2385*Input!$C$20,0)+IF(Input!$D$21=2,L2385*Input!$C$21,0)+IF(Input!$D$22=2,M2385*Input!$C$22,0)</f>
        <v>0.54754832430501232</v>
      </c>
      <c r="P2385" s="59">
        <f>IF(Input!$D$19=3,J2385*Input!$C$19,0)+IF(Input!$D$20=3,K2385*Input!$C$20,0)+IF(Input!$D$21=3,L2385*Input!$C$21,0)+IF(Input!$D$22=3,M2385*Input!$C$22,0)</f>
        <v>0</v>
      </c>
      <c r="Q2385" s="75">
        <f>IF(Input!$D$19=4,J2385*Input!$C$19,0)+IF(Input!$D$20=4,K2385*Input!$C$20,0)+IF(Input!$D$21=4,L2385*Input!$C$21,0)+IF(Input!$D$22=4,M2385*Input!$C$22,0)</f>
        <v>0</v>
      </c>
      <c r="R2385" s="58">
        <v>46.097159584239307</v>
      </c>
      <c r="S2385" s="124">
        <f t="shared" si="37"/>
        <v>0.94908376212868806</v>
      </c>
    </row>
    <row r="2386" spans="8:19" x14ac:dyDescent="0.3">
      <c r="H2386" s="44">
        <v>2379</v>
      </c>
      <c r="I2386" s="56">
        <f>Bühler!I2412</f>
        <v>0.21901932972200494</v>
      </c>
      <c r="J2386" s="59">
        <f>Bühler!J2412</f>
        <v>0.73006443240668317</v>
      </c>
      <c r="K2386" s="59">
        <f>Bühler!K2412</f>
        <v>1.0950966486100246</v>
      </c>
      <c r="L2386" s="59">
        <f>Bühler!L2412</f>
        <v>5.2564639133281181</v>
      </c>
      <c r="M2386" s="58">
        <f>Bühler!M2412</f>
        <v>0</v>
      </c>
      <c r="N2386" s="56">
        <f>IF(Input!$D$19=1,J2386*Input!$C$19,0)+IF(Input!$D$20=1,K2386*Input!$C$20,0)+IF(Input!$D$21=1,L2386*Input!$C$21,0)+IF(Input!$D$22=1,M2386*Input!$C$22,0)</f>
        <v>0.21901932972200494</v>
      </c>
      <c r="O2386" s="59">
        <f>IF(Input!$D$19=2,J2386*Input!$C$19,0)+IF(Input!$D$20=2,K2386*Input!$C$20,0)+IF(Input!$D$21=2,L2386*Input!$C$21,0)+IF(Input!$D$22=2,M2386*Input!$C$22,0)</f>
        <v>0.54754832430501232</v>
      </c>
      <c r="P2386" s="59">
        <f>IF(Input!$D$19=3,J2386*Input!$C$19,0)+IF(Input!$D$20=3,K2386*Input!$C$20,0)+IF(Input!$D$21=3,L2386*Input!$C$21,0)+IF(Input!$D$22=3,M2386*Input!$C$22,0)</f>
        <v>0</v>
      </c>
      <c r="Q2386" s="75">
        <f>IF(Input!$D$19=4,J2386*Input!$C$19,0)+IF(Input!$D$20=4,K2386*Input!$C$20,0)+IF(Input!$D$21=4,L2386*Input!$C$21,0)+IF(Input!$D$22=4,M2386*Input!$C$22,0)</f>
        <v>0</v>
      </c>
      <c r="R2386" s="58">
        <v>47.014139590859649</v>
      </c>
      <c r="S2386" s="124">
        <f t="shared" si="37"/>
        <v>0.94908376212868806</v>
      </c>
    </row>
    <row r="2387" spans="8:19" x14ac:dyDescent="0.3">
      <c r="H2387" s="44">
        <v>2380</v>
      </c>
      <c r="I2387" s="56">
        <f>Bühler!I2413</f>
        <v>0.21901932972200494</v>
      </c>
      <c r="J2387" s="59">
        <f>Bühler!J2413</f>
        <v>0.73006443240668317</v>
      </c>
      <c r="K2387" s="59">
        <f>Bühler!K2413</f>
        <v>1.0950966486100246</v>
      </c>
      <c r="L2387" s="59">
        <f>Bühler!L2413</f>
        <v>5.2564639133281181</v>
      </c>
      <c r="M2387" s="58">
        <f>Bühler!M2413</f>
        <v>0</v>
      </c>
      <c r="N2387" s="56">
        <f>IF(Input!$D$19=1,J2387*Input!$C$19,0)+IF(Input!$D$20=1,K2387*Input!$C$20,0)+IF(Input!$D$21=1,L2387*Input!$C$21,0)+IF(Input!$D$22=1,M2387*Input!$C$22,0)</f>
        <v>0.21901932972200494</v>
      </c>
      <c r="O2387" s="59">
        <f>IF(Input!$D$19=2,J2387*Input!$C$19,0)+IF(Input!$D$20=2,K2387*Input!$C$20,0)+IF(Input!$D$21=2,L2387*Input!$C$21,0)+IF(Input!$D$22=2,M2387*Input!$C$22,0)</f>
        <v>0.54754832430501232</v>
      </c>
      <c r="P2387" s="59">
        <f>IF(Input!$D$19=3,J2387*Input!$C$19,0)+IF(Input!$D$20=3,K2387*Input!$C$20,0)+IF(Input!$D$21=3,L2387*Input!$C$21,0)+IF(Input!$D$22=3,M2387*Input!$C$22,0)</f>
        <v>0</v>
      </c>
      <c r="Q2387" s="75">
        <f>IF(Input!$D$19=4,J2387*Input!$C$19,0)+IF(Input!$D$20=4,K2387*Input!$C$20,0)+IF(Input!$D$21=4,L2387*Input!$C$21,0)+IF(Input!$D$22=4,M2387*Input!$C$22,0)</f>
        <v>0</v>
      </c>
      <c r="R2387" s="58">
        <v>48.600073312430226</v>
      </c>
      <c r="S2387" s="124">
        <f t="shared" si="37"/>
        <v>0.94908376212868806</v>
      </c>
    </row>
    <row r="2388" spans="8:19" x14ac:dyDescent="0.3">
      <c r="H2388" s="44">
        <v>2381</v>
      </c>
      <c r="I2388" s="56">
        <f>Bühler!I2414</f>
        <v>0.21901932972200494</v>
      </c>
      <c r="J2388" s="59">
        <f>Bühler!J2414</f>
        <v>0.73006443240668317</v>
      </c>
      <c r="K2388" s="59">
        <f>Bühler!K2414</f>
        <v>1.0950966486100246</v>
      </c>
      <c r="L2388" s="59">
        <f>Bühler!L2414</f>
        <v>5.2564639133281181</v>
      </c>
      <c r="M2388" s="58">
        <f>Bühler!M2414</f>
        <v>0</v>
      </c>
      <c r="N2388" s="56">
        <f>IF(Input!$D$19=1,J2388*Input!$C$19,0)+IF(Input!$D$20=1,K2388*Input!$C$20,0)+IF(Input!$D$21=1,L2388*Input!$C$21,0)+IF(Input!$D$22=1,M2388*Input!$C$22,0)</f>
        <v>0.21901932972200494</v>
      </c>
      <c r="O2388" s="59">
        <f>IF(Input!$D$19=2,J2388*Input!$C$19,0)+IF(Input!$D$20=2,K2388*Input!$C$20,0)+IF(Input!$D$21=2,L2388*Input!$C$21,0)+IF(Input!$D$22=2,M2388*Input!$C$22,0)</f>
        <v>0.54754832430501232</v>
      </c>
      <c r="P2388" s="59">
        <f>IF(Input!$D$19=3,J2388*Input!$C$19,0)+IF(Input!$D$20=3,K2388*Input!$C$20,0)+IF(Input!$D$21=3,L2388*Input!$C$21,0)+IF(Input!$D$22=3,M2388*Input!$C$22,0)</f>
        <v>0</v>
      </c>
      <c r="Q2388" s="75">
        <f>IF(Input!$D$19=4,J2388*Input!$C$19,0)+IF(Input!$D$20=4,K2388*Input!$C$20,0)+IF(Input!$D$21=4,L2388*Input!$C$21,0)+IF(Input!$D$22=4,M2388*Input!$C$22,0)</f>
        <v>0</v>
      </c>
      <c r="R2388" s="58">
        <v>51.84142378757354</v>
      </c>
      <c r="S2388" s="124">
        <f t="shared" si="37"/>
        <v>0.94908376212868806</v>
      </c>
    </row>
    <row r="2389" spans="8:19" x14ac:dyDescent="0.3">
      <c r="H2389" s="44">
        <v>2382</v>
      </c>
      <c r="I2389" s="56">
        <f>Bühler!I2415</f>
        <v>0.28472512863860638</v>
      </c>
      <c r="J2389" s="59">
        <f>Bühler!J2415</f>
        <v>0.94908376212868806</v>
      </c>
      <c r="K2389" s="59">
        <f>Bühler!K2415</f>
        <v>1.4236256431930321</v>
      </c>
      <c r="L2389" s="59">
        <f>Bühler!L2415</f>
        <v>6.8334030873265537</v>
      </c>
      <c r="M2389" s="58">
        <f>Bühler!M2415</f>
        <v>0</v>
      </c>
      <c r="N2389" s="56">
        <f>IF(Input!$D$19=1,J2389*Input!$C$19,0)+IF(Input!$D$20=1,K2389*Input!$C$20,0)+IF(Input!$D$21=1,L2389*Input!$C$21,0)+IF(Input!$D$22=1,M2389*Input!$C$22,0)</f>
        <v>0.28472512863860638</v>
      </c>
      <c r="O2389" s="59">
        <f>IF(Input!$D$19=2,J2389*Input!$C$19,0)+IF(Input!$D$20=2,K2389*Input!$C$20,0)+IF(Input!$D$21=2,L2389*Input!$C$21,0)+IF(Input!$D$22=2,M2389*Input!$C$22,0)</f>
        <v>0.71181282159651604</v>
      </c>
      <c r="P2389" s="59">
        <f>IF(Input!$D$19=3,J2389*Input!$C$19,0)+IF(Input!$D$20=3,K2389*Input!$C$20,0)+IF(Input!$D$21=3,L2389*Input!$C$21,0)+IF(Input!$D$22=3,M2389*Input!$C$22,0)</f>
        <v>0</v>
      </c>
      <c r="Q2389" s="75">
        <f>IF(Input!$D$19=4,J2389*Input!$C$19,0)+IF(Input!$D$20=4,K2389*Input!$C$20,0)+IF(Input!$D$21=4,L2389*Input!$C$21,0)+IF(Input!$D$22=4,M2389*Input!$C$22,0)</f>
        <v>0</v>
      </c>
      <c r="R2389" s="58">
        <v>57.14305221602212</v>
      </c>
      <c r="S2389" s="124">
        <f t="shared" si="37"/>
        <v>1.2338088907672944</v>
      </c>
    </row>
    <row r="2390" spans="8:19" x14ac:dyDescent="0.3">
      <c r="H2390" s="44">
        <v>2383</v>
      </c>
      <c r="I2390" s="56">
        <f>Bühler!I2416</f>
        <v>0.31757802809690711</v>
      </c>
      <c r="J2390" s="59">
        <f>Bühler!J2416</f>
        <v>1.0585934269896904</v>
      </c>
      <c r="K2390" s="59">
        <f>Bühler!K2416</f>
        <v>1.5878901404845354</v>
      </c>
      <c r="L2390" s="59">
        <f>Bühler!L2416</f>
        <v>7.6218726743257701</v>
      </c>
      <c r="M2390" s="58">
        <f>Bühler!M2416</f>
        <v>0</v>
      </c>
      <c r="N2390" s="56">
        <f>IF(Input!$D$19=1,J2390*Input!$C$19,0)+IF(Input!$D$20=1,K2390*Input!$C$20,0)+IF(Input!$D$21=1,L2390*Input!$C$21,0)+IF(Input!$D$22=1,M2390*Input!$C$22,0)</f>
        <v>0.31757802809690711</v>
      </c>
      <c r="O2390" s="59">
        <f>IF(Input!$D$19=2,J2390*Input!$C$19,0)+IF(Input!$D$20=2,K2390*Input!$C$20,0)+IF(Input!$D$21=2,L2390*Input!$C$21,0)+IF(Input!$D$22=2,M2390*Input!$C$22,0)</f>
        <v>0.79394507024226768</v>
      </c>
      <c r="P2390" s="59">
        <f>IF(Input!$D$19=3,J2390*Input!$C$19,0)+IF(Input!$D$20=3,K2390*Input!$C$20,0)+IF(Input!$D$21=3,L2390*Input!$C$21,0)+IF(Input!$D$22=3,M2390*Input!$C$22,0)</f>
        <v>0</v>
      </c>
      <c r="Q2390" s="75">
        <f>IF(Input!$D$19=4,J2390*Input!$C$19,0)+IF(Input!$D$20=4,K2390*Input!$C$20,0)+IF(Input!$D$21=4,L2390*Input!$C$21,0)+IF(Input!$D$22=4,M2390*Input!$C$22,0)</f>
        <v>0</v>
      </c>
      <c r="R2390" s="58">
        <v>62.257434316659527</v>
      </c>
      <c r="S2390" s="124">
        <f t="shared" si="37"/>
        <v>1.3761714550865976</v>
      </c>
    </row>
    <row r="2391" spans="8:19" x14ac:dyDescent="0.3">
      <c r="H2391" s="44">
        <v>2384</v>
      </c>
      <c r="I2391" s="56">
        <f>Bühler!I2417</f>
        <v>0.32852899458300738</v>
      </c>
      <c r="J2391" s="59">
        <f>Bühler!J2417</f>
        <v>1.0950966486100249</v>
      </c>
      <c r="K2391" s="59">
        <f>Bühler!K2417</f>
        <v>1.642644972915037</v>
      </c>
      <c r="L2391" s="59">
        <f>Bühler!L2417</f>
        <v>7.8846958699921776</v>
      </c>
      <c r="M2391" s="58">
        <f>Bühler!M2417</f>
        <v>0</v>
      </c>
      <c r="N2391" s="56">
        <f>IF(Input!$D$19=1,J2391*Input!$C$19,0)+IF(Input!$D$20=1,K2391*Input!$C$20,0)+IF(Input!$D$21=1,L2391*Input!$C$21,0)+IF(Input!$D$22=1,M2391*Input!$C$22,0)</f>
        <v>0.32852899458300744</v>
      </c>
      <c r="O2391" s="59">
        <f>IF(Input!$D$19=2,J2391*Input!$C$19,0)+IF(Input!$D$20=2,K2391*Input!$C$20,0)+IF(Input!$D$21=2,L2391*Input!$C$21,0)+IF(Input!$D$22=2,M2391*Input!$C$22,0)</f>
        <v>0.82132248645751849</v>
      </c>
      <c r="P2391" s="59">
        <f>IF(Input!$D$19=3,J2391*Input!$C$19,0)+IF(Input!$D$20=3,K2391*Input!$C$20,0)+IF(Input!$D$21=3,L2391*Input!$C$21,0)+IF(Input!$D$22=3,M2391*Input!$C$22,0)</f>
        <v>0</v>
      </c>
      <c r="Q2391" s="75">
        <f>IF(Input!$D$19=4,J2391*Input!$C$19,0)+IF(Input!$D$20=4,K2391*Input!$C$20,0)+IF(Input!$D$21=4,L2391*Input!$C$21,0)+IF(Input!$D$22=4,M2391*Input!$C$22,0)</f>
        <v>0</v>
      </c>
      <c r="R2391" s="58">
        <v>64.729403798204814</v>
      </c>
      <c r="S2391" s="124">
        <f t="shared" si="37"/>
        <v>1.4236256431930323</v>
      </c>
    </row>
    <row r="2392" spans="8:19" x14ac:dyDescent="0.3">
      <c r="H2392" s="44">
        <v>2385</v>
      </c>
      <c r="I2392" s="56">
        <f>Bühler!I2418</f>
        <v>0.32852899458300738</v>
      </c>
      <c r="J2392" s="59">
        <f>Bühler!J2418</f>
        <v>1.0950966486100249</v>
      </c>
      <c r="K2392" s="59">
        <f>Bühler!K2418</f>
        <v>1.642644972915037</v>
      </c>
      <c r="L2392" s="59">
        <f>Bühler!L2418</f>
        <v>7.8846958699921776</v>
      </c>
      <c r="M2392" s="58">
        <f>Bühler!M2418</f>
        <v>0</v>
      </c>
      <c r="N2392" s="56">
        <f>IF(Input!$D$19=1,J2392*Input!$C$19,0)+IF(Input!$D$20=1,K2392*Input!$C$20,0)+IF(Input!$D$21=1,L2392*Input!$C$21,0)+IF(Input!$D$22=1,M2392*Input!$C$22,0)</f>
        <v>0.32852899458300744</v>
      </c>
      <c r="O2392" s="59">
        <f>IF(Input!$D$19=2,J2392*Input!$C$19,0)+IF(Input!$D$20=2,K2392*Input!$C$20,0)+IF(Input!$D$21=2,L2392*Input!$C$21,0)+IF(Input!$D$22=2,M2392*Input!$C$22,0)</f>
        <v>0.82132248645751849</v>
      </c>
      <c r="P2392" s="59">
        <f>IF(Input!$D$19=3,J2392*Input!$C$19,0)+IF(Input!$D$20=3,K2392*Input!$C$20,0)+IF(Input!$D$21=3,L2392*Input!$C$21,0)+IF(Input!$D$22=3,M2392*Input!$C$22,0)</f>
        <v>0</v>
      </c>
      <c r="Q2392" s="75">
        <f>IF(Input!$D$19=4,J2392*Input!$C$19,0)+IF(Input!$D$20=4,K2392*Input!$C$20,0)+IF(Input!$D$21=4,L2392*Input!$C$21,0)+IF(Input!$D$22=4,M2392*Input!$C$22,0)</f>
        <v>0</v>
      </c>
      <c r="R2392" s="58">
        <v>64.109791293557322</v>
      </c>
      <c r="S2392" s="124">
        <f t="shared" si="37"/>
        <v>1.4236256431930323</v>
      </c>
    </row>
    <row r="2393" spans="8:19" x14ac:dyDescent="0.3">
      <c r="H2393" s="44">
        <v>2386</v>
      </c>
      <c r="I2393" s="56">
        <f>Bühler!I2419</f>
        <v>0.35590641079825802</v>
      </c>
      <c r="J2393" s="59">
        <f>Bühler!J2419</f>
        <v>1.1863547026608601</v>
      </c>
      <c r="K2393" s="59">
        <f>Bühler!K2419</f>
        <v>1.77953205399129</v>
      </c>
      <c r="L2393" s="59">
        <f>Bühler!L2419</f>
        <v>8.5417538591581916</v>
      </c>
      <c r="M2393" s="58">
        <f>Bühler!M2419</f>
        <v>0</v>
      </c>
      <c r="N2393" s="56">
        <f>IF(Input!$D$19=1,J2393*Input!$C$19,0)+IF(Input!$D$20=1,K2393*Input!$C$20,0)+IF(Input!$D$21=1,L2393*Input!$C$21,0)+IF(Input!$D$22=1,M2393*Input!$C$22,0)</f>
        <v>0.35590641079825802</v>
      </c>
      <c r="O2393" s="59">
        <f>IF(Input!$D$19=2,J2393*Input!$C$19,0)+IF(Input!$D$20=2,K2393*Input!$C$20,0)+IF(Input!$D$21=2,L2393*Input!$C$21,0)+IF(Input!$D$22=2,M2393*Input!$C$22,0)</f>
        <v>0.889766026995645</v>
      </c>
      <c r="P2393" s="59">
        <f>IF(Input!$D$19=3,J2393*Input!$C$19,0)+IF(Input!$D$20=3,K2393*Input!$C$20,0)+IF(Input!$D$21=3,L2393*Input!$C$21,0)+IF(Input!$D$22=3,M2393*Input!$C$22,0)</f>
        <v>0</v>
      </c>
      <c r="Q2393" s="75">
        <f>IF(Input!$D$19=4,J2393*Input!$C$19,0)+IF(Input!$D$20=4,K2393*Input!$C$20,0)+IF(Input!$D$21=4,L2393*Input!$C$21,0)+IF(Input!$D$22=4,M2393*Input!$C$22,0)</f>
        <v>0</v>
      </c>
      <c r="R2393" s="58">
        <v>65.999201157996097</v>
      </c>
      <c r="S2393" s="124">
        <f t="shared" si="37"/>
        <v>1.542261113459118</v>
      </c>
    </row>
    <row r="2394" spans="8:19" x14ac:dyDescent="0.3">
      <c r="H2394" s="44">
        <v>2387</v>
      </c>
      <c r="I2394" s="56">
        <f>Bühler!I2420</f>
        <v>0.37233286052740838</v>
      </c>
      <c r="J2394" s="59">
        <f>Bühler!J2420</f>
        <v>1.2411095350913612</v>
      </c>
      <c r="K2394" s="59">
        <f>Bühler!K2420</f>
        <v>1.8616643026370419</v>
      </c>
      <c r="L2394" s="59">
        <f>Bühler!L2420</f>
        <v>8.9359886526577998</v>
      </c>
      <c r="M2394" s="58">
        <f>Bühler!M2420</f>
        <v>0</v>
      </c>
      <c r="N2394" s="56">
        <f>IF(Input!$D$19=1,J2394*Input!$C$19,0)+IF(Input!$D$20=1,K2394*Input!$C$20,0)+IF(Input!$D$21=1,L2394*Input!$C$21,0)+IF(Input!$D$22=1,M2394*Input!$C$22,0)</f>
        <v>0.37233286052740838</v>
      </c>
      <c r="O2394" s="59">
        <f>IF(Input!$D$19=2,J2394*Input!$C$19,0)+IF(Input!$D$20=2,K2394*Input!$C$20,0)+IF(Input!$D$21=2,L2394*Input!$C$21,0)+IF(Input!$D$22=2,M2394*Input!$C$22,0)</f>
        <v>0.93083215131852093</v>
      </c>
      <c r="P2394" s="59">
        <f>IF(Input!$D$19=3,J2394*Input!$C$19,0)+IF(Input!$D$20=3,K2394*Input!$C$20,0)+IF(Input!$D$21=3,L2394*Input!$C$21,0)+IF(Input!$D$22=3,M2394*Input!$C$22,0)</f>
        <v>0</v>
      </c>
      <c r="Q2394" s="75">
        <f>IF(Input!$D$19=4,J2394*Input!$C$19,0)+IF(Input!$D$20=4,K2394*Input!$C$20,0)+IF(Input!$D$21=4,L2394*Input!$C$21,0)+IF(Input!$D$22=4,M2394*Input!$C$22,0)</f>
        <v>0</v>
      </c>
      <c r="R2394" s="58">
        <v>67.911087389309557</v>
      </c>
      <c r="S2394" s="124">
        <f t="shared" si="37"/>
        <v>1.6134423956187696</v>
      </c>
    </row>
    <row r="2395" spans="8:19" x14ac:dyDescent="0.3">
      <c r="H2395" s="44">
        <v>2388</v>
      </c>
      <c r="I2395" s="56">
        <f>Bühler!I2421</f>
        <v>0.43803865944400988</v>
      </c>
      <c r="J2395" s="59">
        <f>Bühler!J2421</f>
        <v>1.4601288648133663</v>
      </c>
      <c r="K2395" s="59">
        <f>Bühler!K2421</f>
        <v>2.1901932972200493</v>
      </c>
      <c r="L2395" s="59">
        <f>Bühler!L2421</f>
        <v>10.512927826656236</v>
      </c>
      <c r="M2395" s="58">
        <f>Bühler!M2421</f>
        <v>0</v>
      </c>
      <c r="N2395" s="56">
        <f>IF(Input!$D$19=1,J2395*Input!$C$19,0)+IF(Input!$D$20=1,K2395*Input!$C$20,0)+IF(Input!$D$21=1,L2395*Input!$C$21,0)+IF(Input!$D$22=1,M2395*Input!$C$22,0)</f>
        <v>0.43803865944400988</v>
      </c>
      <c r="O2395" s="59">
        <f>IF(Input!$D$19=2,J2395*Input!$C$19,0)+IF(Input!$D$20=2,K2395*Input!$C$20,0)+IF(Input!$D$21=2,L2395*Input!$C$21,0)+IF(Input!$D$22=2,M2395*Input!$C$22,0)</f>
        <v>1.0950966486100246</v>
      </c>
      <c r="P2395" s="59">
        <f>IF(Input!$D$19=3,J2395*Input!$C$19,0)+IF(Input!$D$20=3,K2395*Input!$C$20,0)+IF(Input!$D$21=3,L2395*Input!$C$21,0)+IF(Input!$D$22=3,M2395*Input!$C$22,0)</f>
        <v>0</v>
      </c>
      <c r="Q2395" s="75">
        <f>IF(Input!$D$19=4,J2395*Input!$C$19,0)+IF(Input!$D$20=4,K2395*Input!$C$20,0)+IF(Input!$D$21=4,L2395*Input!$C$21,0)+IF(Input!$D$22=4,M2395*Input!$C$22,0)</f>
        <v>0</v>
      </c>
      <c r="R2395" s="58">
        <v>68.638024482038972</v>
      </c>
      <c r="S2395" s="124">
        <f t="shared" si="37"/>
        <v>1.8981675242573761</v>
      </c>
    </row>
    <row r="2396" spans="8:19" x14ac:dyDescent="0.3">
      <c r="H2396" s="44">
        <v>2389</v>
      </c>
      <c r="I2396" s="56">
        <f>Bühler!I2422</f>
        <v>0.43803865944400988</v>
      </c>
      <c r="J2396" s="59">
        <f>Bühler!J2422</f>
        <v>1.4601288648133663</v>
      </c>
      <c r="K2396" s="59">
        <f>Bühler!K2422</f>
        <v>2.1901932972200493</v>
      </c>
      <c r="L2396" s="59">
        <f>Bühler!L2422</f>
        <v>10.512927826656236</v>
      </c>
      <c r="M2396" s="58">
        <f>Bühler!M2422</f>
        <v>0</v>
      </c>
      <c r="N2396" s="56">
        <f>IF(Input!$D$19=1,J2396*Input!$C$19,0)+IF(Input!$D$20=1,K2396*Input!$C$20,0)+IF(Input!$D$21=1,L2396*Input!$C$21,0)+IF(Input!$D$22=1,M2396*Input!$C$22,0)</f>
        <v>0.43803865944400988</v>
      </c>
      <c r="O2396" s="59">
        <f>IF(Input!$D$19=2,J2396*Input!$C$19,0)+IF(Input!$D$20=2,K2396*Input!$C$20,0)+IF(Input!$D$21=2,L2396*Input!$C$21,0)+IF(Input!$D$22=2,M2396*Input!$C$22,0)</f>
        <v>1.0950966486100246</v>
      </c>
      <c r="P2396" s="59">
        <f>IF(Input!$D$19=3,J2396*Input!$C$19,0)+IF(Input!$D$20=3,K2396*Input!$C$20,0)+IF(Input!$D$21=3,L2396*Input!$C$21,0)+IF(Input!$D$22=3,M2396*Input!$C$22,0)</f>
        <v>0</v>
      </c>
      <c r="Q2396" s="75">
        <f>IF(Input!$D$19=4,J2396*Input!$C$19,0)+IF(Input!$D$20=4,K2396*Input!$C$20,0)+IF(Input!$D$21=4,L2396*Input!$C$21,0)+IF(Input!$D$22=4,M2396*Input!$C$22,0)</f>
        <v>0</v>
      </c>
      <c r="R2396" s="58">
        <v>67.305522344269818</v>
      </c>
      <c r="S2396" s="124">
        <f t="shared" si="37"/>
        <v>1.8981675242573761</v>
      </c>
    </row>
    <row r="2397" spans="8:19" x14ac:dyDescent="0.3">
      <c r="H2397" s="44">
        <v>2390</v>
      </c>
      <c r="I2397" s="56">
        <f>Bühler!I2423</f>
        <v>0.43803865944400988</v>
      </c>
      <c r="J2397" s="59">
        <f>Bühler!J2423</f>
        <v>1.4601288648133663</v>
      </c>
      <c r="K2397" s="59">
        <f>Bühler!K2423</f>
        <v>2.1901932972200493</v>
      </c>
      <c r="L2397" s="59">
        <f>Bühler!L2423</f>
        <v>10.512927826656236</v>
      </c>
      <c r="M2397" s="58">
        <f>Bühler!M2423</f>
        <v>0</v>
      </c>
      <c r="N2397" s="56">
        <f>IF(Input!$D$19=1,J2397*Input!$C$19,0)+IF(Input!$D$20=1,K2397*Input!$C$20,0)+IF(Input!$D$21=1,L2397*Input!$C$21,0)+IF(Input!$D$22=1,M2397*Input!$C$22,0)</f>
        <v>0.43803865944400988</v>
      </c>
      <c r="O2397" s="59">
        <f>IF(Input!$D$19=2,J2397*Input!$C$19,0)+IF(Input!$D$20=2,K2397*Input!$C$20,0)+IF(Input!$D$21=2,L2397*Input!$C$21,0)+IF(Input!$D$22=2,M2397*Input!$C$22,0)</f>
        <v>1.0950966486100246</v>
      </c>
      <c r="P2397" s="59">
        <f>IF(Input!$D$19=3,J2397*Input!$C$19,0)+IF(Input!$D$20=3,K2397*Input!$C$20,0)+IF(Input!$D$21=3,L2397*Input!$C$21,0)+IF(Input!$D$22=3,M2397*Input!$C$22,0)</f>
        <v>0</v>
      </c>
      <c r="Q2397" s="75">
        <f>IF(Input!$D$19=4,J2397*Input!$C$19,0)+IF(Input!$D$20=4,K2397*Input!$C$20,0)+IF(Input!$D$21=4,L2397*Input!$C$21,0)+IF(Input!$D$22=4,M2397*Input!$C$22,0)</f>
        <v>0</v>
      </c>
      <c r="R2397" s="58">
        <v>66.744653308719165</v>
      </c>
      <c r="S2397" s="124">
        <f t="shared" si="37"/>
        <v>1.8981675242573761</v>
      </c>
    </row>
    <row r="2398" spans="8:19" x14ac:dyDescent="0.3">
      <c r="H2398" s="44">
        <v>2391</v>
      </c>
      <c r="I2398" s="56">
        <f>Bühler!I2424</f>
        <v>0.43803865944400988</v>
      </c>
      <c r="J2398" s="59">
        <f>Bühler!J2424</f>
        <v>1.4601288648133663</v>
      </c>
      <c r="K2398" s="59">
        <f>Bühler!K2424</f>
        <v>2.1901932972200493</v>
      </c>
      <c r="L2398" s="59">
        <f>Bühler!L2424</f>
        <v>10.512927826656236</v>
      </c>
      <c r="M2398" s="58">
        <f>Bühler!M2424</f>
        <v>0</v>
      </c>
      <c r="N2398" s="56">
        <f>IF(Input!$D$19=1,J2398*Input!$C$19,0)+IF(Input!$D$20=1,K2398*Input!$C$20,0)+IF(Input!$D$21=1,L2398*Input!$C$21,0)+IF(Input!$D$22=1,M2398*Input!$C$22,0)</f>
        <v>0.43803865944400988</v>
      </c>
      <c r="O2398" s="59">
        <f>IF(Input!$D$19=2,J2398*Input!$C$19,0)+IF(Input!$D$20=2,K2398*Input!$C$20,0)+IF(Input!$D$21=2,L2398*Input!$C$21,0)+IF(Input!$D$22=2,M2398*Input!$C$22,0)</f>
        <v>1.0950966486100246</v>
      </c>
      <c r="P2398" s="59">
        <f>IF(Input!$D$19=3,J2398*Input!$C$19,0)+IF(Input!$D$20=3,K2398*Input!$C$20,0)+IF(Input!$D$21=3,L2398*Input!$C$21,0)+IF(Input!$D$22=3,M2398*Input!$C$22,0)</f>
        <v>0</v>
      </c>
      <c r="Q2398" s="75">
        <f>IF(Input!$D$19=4,J2398*Input!$C$19,0)+IF(Input!$D$20=4,K2398*Input!$C$20,0)+IF(Input!$D$21=4,L2398*Input!$C$21,0)+IF(Input!$D$22=4,M2398*Input!$C$22,0)</f>
        <v>0</v>
      </c>
      <c r="R2398" s="58">
        <v>67.154049833086418</v>
      </c>
      <c r="S2398" s="124">
        <f t="shared" si="37"/>
        <v>1.8981675242573761</v>
      </c>
    </row>
    <row r="2399" spans="8:19" x14ac:dyDescent="0.3">
      <c r="H2399" s="44">
        <v>2392</v>
      </c>
      <c r="I2399" s="56">
        <f>Bühler!I2425</f>
        <v>0.43803865944400988</v>
      </c>
      <c r="J2399" s="59">
        <f>Bühler!J2425</f>
        <v>1.4601288648133663</v>
      </c>
      <c r="K2399" s="59">
        <f>Bühler!K2425</f>
        <v>2.1901932972200493</v>
      </c>
      <c r="L2399" s="59">
        <f>Bühler!L2425</f>
        <v>10.512927826656236</v>
      </c>
      <c r="M2399" s="58">
        <f>Bühler!M2425</f>
        <v>0</v>
      </c>
      <c r="N2399" s="56">
        <f>IF(Input!$D$19=1,J2399*Input!$C$19,0)+IF(Input!$D$20=1,K2399*Input!$C$20,0)+IF(Input!$D$21=1,L2399*Input!$C$21,0)+IF(Input!$D$22=1,M2399*Input!$C$22,0)</f>
        <v>0.43803865944400988</v>
      </c>
      <c r="O2399" s="59">
        <f>IF(Input!$D$19=2,J2399*Input!$C$19,0)+IF(Input!$D$20=2,K2399*Input!$C$20,0)+IF(Input!$D$21=2,L2399*Input!$C$21,0)+IF(Input!$D$22=2,M2399*Input!$C$22,0)</f>
        <v>1.0950966486100246</v>
      </c>
      <c r="P2399" s="59">
        <f>IF(Input!$D$19=3,J2399*Input!$C$19,0)+IF(Input!$D$20=3,K2399*Input!$C$20,0)+IF(Input!$D$21=3,L2399*Input!$C$21,0)+IF(Input!$D$22=3,M2399*Input!$C$22,0)</f>
        <v>0</v>
      </c>
      <c r="Q2399" s="75">
        <f>IF(Input!$D$19=4,J2399*Input!$C$19,0)+IF(Input!$D$20=4,K2399*Input!$C$20,0)+IF(Input!$D$21=4,L2399*Input!$C$21,0)+IF(Input!$D$22=4,M2399*Input!$C$22,0)</f>
        <v>0</v>
      </c>
      <c r="R2399" s="58">
        <v>66.650212300834582</v>
      </c>
      <c r="S2399" s="124">
        <f t="shared" si="37"/>
        <v>1.8981675242573761</v>
      </c>
    </row>
    <row r="2400" spans="8:19" x14ac:dyDescent="0.3">
      <c r="H2400" s="44">
        <v>2393</v>
      </c>
      <c r="I2400" s="56">
        <f>Bühler!I2426</f>
        <v>0.43803865944400988</v>
      </c>
      <c r="J2400" s="59">
        <f>Bühler!J2426</f>
        <v>1.4601288648133663</v>
      </c>
      <c r="K2400" s="59">
        <f>Bühler!K2426</f>
        <v>2.1901932972200493</v>
      </c>
      <c r="L2400" s="59">
        <f>Bühler!L2426</f>
        <v>10.512927826656236</v>
      </c>
      <c r="M2400" s="58">
        <f>Bühler!M2426</f>
        <v>0</v>
      </c>
      <c r="N2400" s="56">
        <f>IF(Input!$D$19=1,J2400*Input!$C$19,0)+IF(Input!$D$20=1,K2400*Input!$C$20,0)+IF(Input!$D$21=1,L2400*Input!$C$21,0)+IF(Input!$D$22=1,M2400*Input!$C$22,0)</f>
        <v>0.43803865944400988</v>
      </c>
      <c r="O2400" s="59">
        <f>IF(Input!$D$19=2,J2400*Input!$C$19,0)+IF(Input!$D$20=2,K2400*Input!$C$20,0)+IF(Input!$D$21=2,L2400*Input!$C$21,0)+IF(Input!$D$22=2,M2400*Input!$C$22,0)</f>
        <v>1.0950966486100246</v>
      </c>
      <c r="P2400" s="59">
        <f>IF(Input!$D$19=3,J2400*Input!$C$19,0)+IF(Input!$D$20=3,K2400*Input!$C$20,0)+IF(Input!$D$21=3,L2400*Input!$C$21,0)+IF(Input!$D$22=3,M2400*Input!$C$22,0)</f>
        <v>0</v>
      </c>
      <c r="Q2400" s="75">
        <f>IF(Input!$D$19=4,J2400*Input!$C$19,0)+IF(Input!$D$20=4,K2400*Input!$C$20,0)+IF(Input!$D$21=4,L2400*Input!$C$21,0)+IF(Input!$D$22=4,M2400*Input!$C$22,0)</f>
        <v>0</v>
      </c>
      <c r="R2400" s="58">
        <v>65.563680797348141</v>
      </c>
      <c r="S2400" s="124">
        <f t="shared" si="37"/>
        <v>1.8981675242573761</v>
      </c>
    </row>
    <row r="2401" spans="8:19" x14ac:dyDescent="0.3">
      <c r="H2401" s="44">
        <v>2394</v>
      </c>
      <c r="I2401" s="56">
        <f>Bühler!I2427</f>
        <v>0.43803865944400988</v>
      </c>
      <c r="J2401" s="59">
        <f>Bühler!J2427</f>
        <v>1.4601288648133663</v>
      </c>
      <c r="K2401" s="59">
        <f>Bühler!K2427</f>
        <v>2.1901932972200493</v>
      </c>
      <c r="L2401" s="59">
        <f>Bühler!L2427</f>
        <v>10.512927826656236</v>
      </c>
      <c r="M2401" s="58">
        <f>Bühler!M2427</f>
        <v>0</v>
      </c>
      <c r="N2401" s="56">
        <f>IF(Input!$D$19=1,J2401*Input!$C$19,0)+IF(Input!$D$20=1,K2401*Input!$C$20,0)+IF(Input!$D$21=1,L2401*Input!$C$21,0)+IF(Input!$D$22=1,M2401*Input!$C$22,0)</f>
        <v>0.43803865944400988</v>
      </c>
      <c r="O2401" s="59">
        <f>IF(Input!$D$19=2,J2401*Input!$C$19,0)+IF(Input!$D$20=2,K2401*Input!$C$20,0)+IF(Input!$D$21=2,L2401*Input!$C$21,0)+IF(Input!$D$22=2,M2401*Input!$C$22,0)</f>
        <v>1.0950966486100246</v>
      </c>
      <c r="P2401" s="59">
        <f>IF(Input!$D$19=3,J2401*Input!$C$19,0)+IF(Input!$D$20=3,K2401*Input!$C$20,0)+IF(Input!$D$21=3,L2401*Input!$C$21,0)+IF(Input!$D$22=3,M2401*Input!$C$22,0)</f>
        <v>0</v>
      </c>
      <c r="Q2401" s="75">
        <f>IF(Input!$D$19=4,J2401*Input!$C$19,0)+IF(Input!$D$20=4,K2401*Input!$C$20,0)+IF(Input!$D$21=4,L2401*Input!$C$21,0)+IF(Input!$D$22=4,M2401*Input!$C$22,0)</f>
        <v>0</v>
      </c>
      <c r="R2401" s="58">
        <v>64.353784176233262</v>
      </c>
      <c r="S2401" s="124">
        <f t="shared" si="37"/>
        <v>1.8981675242573761</v>
      </c>
    </row>
    <row r="2402" spans="8:19" x14ac:dyDescent="0.3">
      <c r="H2402" s="44">
        <v>2395</v>
      </c>
      <c r="I2402" s="56">
        <f>Bühler!I2428</f>
        <v>0.43803865944400988</v>
      </c>
      <c r="J2402" s="59">
        <f>Bühler!J2428</f>
        <v>1.4601288648133663</v>
      </c>
      <c r="K2402" s="59">
        <f>Bühler!K2428</f>
        <v>2.1901932972200493</v>
      </c>
      <c r="L2402" s="59">
        <f>Bühler!L2428</f>
        <v>10.512927826656236</v>
      </c>
      <c r="M2402" s="58">
        <f>Bühler!M2428</f>
        <v>0</v>
      </c>
      <c r="N2402" s="56">
        <f>IF(Input!$D$19=1,J2402*Input!$C$19,0)+IF(Input!$D$20=1,K2402*Input!$C$20,0)+IF(Input!$D$21=1,L2402*Input!$C$21,0)+IF(Input!$D$22=1,M2402*Input!$C$22,0)</f>
        <v>0.43803865944400988</v>
      </c>
      <c r="O2402" s="59">
        <f>IF(Input!$D$19=2,J2402*Input!$C$19,0)+IF(Input!$D$20=2,K2402*Input!$C$20,0)+IF(Input!$D$21=2,L2402*Input!$C$21,0)+IF(Input!$D$22=2,M2402*Input!$C$22,0)</f>
        <v>1.0950966486100246</v>
      </c>
      <c r="P2402" s="59">
        <f>IF(Input!$D$19=3,J2402*Input!$C$19,0)+IF(Input!$D$20=3,K2402*Input!$C$20,0)+IF(Input!$D$21=3,L2402*Input!$C$21,0)+IF(Input!$D$22=3,M2402*Input!$C$22,0)</f>
        <v>0</v>
      </c>
      <c r="Q2402" s="75">
        <f>IF(Input!$D$19=4,J2402*Input!$C$19,0)+IF(Input!$D$20=4,K2402*Input!$C$20,0)+IF(Input!$D$21=4,L2402*Input!$C$21,0)+IF(Input!$D$22=4,M2402*Input!$C$22,0)</f>
        <v>0</v>
      </c>
      <c r="R2402" s="58">
        <v>63.076436192897937</v>
      </c>
      <c r="S2402" s="124">
        <f t="shared" si="37"/>
        <v>1.8981675242573761</v>
      </c>
    </row>
    <row r="2403" spans="8:19" x14ac:dyDescent="0.3">
      <c r="H2403" s="44">
        <v>2396</v>
      </c>
      <c r="I2403" s="56">
        <f>Bühler!I2429</f>
        <v>0.3668573772843583</v>
      </c>
      <c r="J2403" s="59">
        <f>Bühler!J2429</f>
        <v>1.2228579242811943</v>
      </c>
      <c r="K2403" s="59">
        <f>Bühler!K2429</f>
        <v>1.8342868864217914</v>
      </c>
      <c r="L2403" s="59">
        <f>Bühler!L2429</f>
        <v>8.8045770548245983</v>
      </c>
      <c r="M2403" s="58">
        <f>Bühler!M2429</f>
        <v>0</v>
      </c>
      <c r="N2403" s="56">
        <f>IF(Input!$D$19=1,J2403*Input!$C$19,0)+IF(Input!$D$20=1,K2403*Input!$C$20,0)+IF(Input!$D$21=1,L2403*Input!$C$21,0)+IF(Input!$D$22=1,M2403*Input!$C$22,0)</f>
        <v>0.3668573772843583</v>
      </c>
      <c r="O2403" s="59">
        <f>IF(Input!$D$19=2,J2403*Input!$C$19,0)+IF(Input!$D$20=2,K2403*Input!$C$20,0)+IF(Input!$D$21=2,L2403*Input!$C$21,0)+IF(Input!$D$22=2,M2403*Input!$C$22,0)</f>
        <v>0.91714344321089569</v>
      </c>
      <c r="P2403" s="59">
        <f>IF(Input!$D$19=3,J2403*Input!$C$19,0)+IF(Input!$D$20=3,K2403*Input!$C$20,0)+IF(Input!$D$21=3,L2403*Input!$C$21,0)+IF(Input!$D$22=3,M2403*Input!$C$22,0)</f>
        <v>0</v>
      </c>
      <c r="Q2403" s="75">
        <f>IF(Input!$D$19=4,J2403*Input!$C$19,0)+IF(Input!$D$20=4,K2403*Input!$C$20,0)+IF(Input!$D$21=4,L2403*Input!$C$21,0)+IF(Input!$D$22=4,M2403*Input!$C$22,0)</f>
        <v>0</v>
      </c>
      <c r="R2403" s="58">
        <v>61.850478094760824</v>
      </c>
      <c r="S2403" s="124">
        <f t="shared" si="37"/>
        <v>1.5897153015655525</v>
      </c>
    </row>
    <row r="2404" spans="8:19" x14ac:dyDescent="0.3">
      <c r="H2404" s="44">
        <v>2397</v>
      </c>
      <c r="I2404" s="56">
        <f>Bühler!I2430</f>
        <v>0.30115157836775674</v>
      </c>
      <c r="J2404" s="59">
        <f>Bühler!J2430</f>
        <v>1.0038385945591892</v>
      </c>
      <c r="K2404" s="59">
        <f>Bühler!K2430</f>
        <v>1.5057578918387839</v>
      </c>
      <c r="L2404" s="59">
        <f>Bühler!L2430</f>
        <v>7.2276378808261628</v>
      </c>
      <c r="M2404" s="58">
        <f>Bühler!M2430</f>
        <v>0</v>
      </c>
      <c r="N2404" s="56">
        <f>IF(Input!$D$19=1,J2404*Input!$C$19,0)+IF(Input!$D$20=1,K2404*Input!$C$20,0)+IF(Input!$D$21=1,L2404*Input!$C$21,0)+IF(Input!$D$22=1,M2404*Input!$C$22,0)</f>
        <v>0.30115157836775674</v>
      </c>
      <c r="O2404" s="59">
        <f>IF(Input!$D$19=2,J2404*Input!$C$19,0)+IF(Input!$D$20=2,K2404*Input!$C$20,0)+IF(Input!$D$21=2,L2404*Input!$C$21,0)+IF(Input!$D$22=2,M2404*Input!$C$22,0)</f>
        <v>0.75287894591939197</v>
      </c>
      <c r="P2404" s="59">
        <f>IF(Input!$D$19=3,J2404*Input!$C$19,0)+IF(Input!$D$20=3,K2404*Input!$C$20,0)+IF(Input!$D$21=3,L2404*Input!$C$21,0)+IF(Input!$D$22=3,M2404*Input!$C$22,0)</f>
        <v>0</v>
      </c>
      <c r="Q2404" s="75">
        <f>IF(Input!$D$19=4,J2404*Input!$C$19,0)+IF(Input!$D$20=4,K2404*Input!$C$20,0)+IF(Input!$D$21=4,L2404*Input!$C$21,0)+IF(Input!$D$22=4,M2404*Input!$C$22,0)</f>
        <v>0</v>
      </c>
      <c r="R2404" s="58">
        <v>59.971365562201626</v>
      </c>
      <c r="S2404" s="124">
        <f t="shared" si="37"/>
        <v>1.304990172926946</v>
      </c>
    </row>
    <row r="2405" spans="8:19" x14ac:dyDescent="0.3">
      <c r="H2405" s="44">
        <v>2398</v>
      </c>
      <c r="I2405" s="56">
        <f>Bühler!I2431</f>
        <v>0.21901932972200494</v>
      </c>
      <c r="J2405" s="59">
        <f>Bühler!J2431</f>
        <v>0.73006443240668317</v>
      </c>
      <c r="K2405" s="59">
        <f>Bühler!K2431</f>
        <v>1.0950966486100246</v>
      </c>
      <c r="L2405" s="59">
        <f>Bühler!L2431</f>
        <v>5.2564639133281181</v>
      </c>
      <c r="M2405" s="58">
        <f>Bühler!M2431</f>
        <v>0</v>
      </c>
      <c r="N2405" s="56">
        <f>IF(Input!$D$19=1,J2405*Input!$C$19,0)+IF(Input!$D$20=1,K2405*Input!$C$20,0)+IF(Input!$D$21=1,L2405*Input!$C$21,0)+IF(Input!$D$22=1,M2405*Input!$C$22,0)</f>
        <v>0.21901932972200494</v>
      </c>
      <c r="O2405" s="59">
        <f>IF(Input!$D$19=2,J2405*Input!$C$19,0)+IF(Input!$D$20=2,K2405*Input!$C$20,0)+IF(Input!$D$21=2,L2405*Input!$C$21,0)+IF(Input!$D$22=2,M2405*Input!$C$22,0)</f>
        <v>0.54754832430501232</v>
      </c>
      <c r="P2405" s="59">
        <f>IF(Input!$D$19=3,J2405*Input!$C$19,0)+IF(Input!$D$20=3,K2405*Input!$C$20,0)+IF(Input!$D$21=3,L2405*Input!$C$21,0)+IF(Input!$D$22=3,M2405*Input!$C$22,0)</f>
        <v>0</v>
      </c>
      <c r="Q2405" s="75">
        <f>IF(Input!$D$19=4,J2405*Input!$C$19,0)+IF(Input!$D$20=4,K2405*Input!$C$20,0)+IF(Input!$D$21=4,L2405*Input!$C$21,0)+IF(Input!$D$22=4,M2405*Input!$C$22,0)</f>
        <v>0</v>
      </c>
      <c r="R2405" s="58">
        <v>58.387564540794322</v>
      </c>
      <c r="S2405" s="124">
        <f t="shared" si="37"/>
        <v>0.94908376212868806</v>
      </c>
    </row>
    <row r="2406" spans="8:19" x14ac:dyDescent="0.3">
      <c r="H2406" s="44">
        <v>2399</v>
      </c>
      <c r="I2406" s="56">
        <f>Bühler!I2432</f>
        <v>0.21901932972200494</v>
      </c>
      <c r="J2406" s="59">
        <f>Bühler!J2432</f>
        <v>0.73006443240668317</v>
      </c>
      <c r="K2406" s="59">
        <f>Bühler!K2432</f>
        <v>1.0950966486100246</v>
      </c>
      <c r="L2406" s="59">
        <f>Bühler!L2432</f>
        <v>5.2564639133281181</v>
      </c>
      <c r="M2406" s="58">
        <f>Bühler!M2432</f>
        <v>0</v>
      </c>
      <c r="N2406" s="56">
        <f>IF(Input!$D$19=1,J2406*Input!$C$19,0)+IF(Input!$D$20=1,K2406*Input!$C$20,0)+IF(Input!$D$21=1,L2406*Input!$C$21,0)+IF(Input!$D$22=1,M2406*Input!$C$22,0)</f>
        <v>0.21901932972200494</v>
      </c>
      <c r="O2406" s="59">
        <f>IF(Input!$D$19=2,J2406*Input!$C$19,0)+IF(Input!$D$20=2,K2406*Input!$C$20,0)+IF(Input!$D$21=2,L2406*Input!$C$21,0)+IF(Input!$D$22=2,M2406*Input!$C$22,0)</f>
        <v>0.54754832430501232</v>
      </c>
      <c r="P2406" s="59">
        <f>IF(Input!$D$19=3,J2406*Input!$C$19,0)+IF(Input!$D$20=3,K2406*Input!$C$20,0)+IF(Input!$D$21=3,L2406*Input!$C$21,0)+IF(Input!$D$22=3,M2406*Input!$C$22,0)</f>
        <v>0</v>
      </c>
      <c r="Q2406" s="75">
        <f>IF(Input!$D$19=4,J2406*Input!$C$19,0)+IF(Input!$D$20=4,K2406*Input!$C$20,0)+IF(Input!$D$21=4,L2406*Input!$C$21,0)+IF(Input!$D$22=4,M2406*Input!$C$22,0)</f>
        <v>0</v>
      </c>
      <c r="R2406" s="58">
        <v>57.303633917476688</v>
      </c>
      <c r="S2406" s="124">
        <f t="shared" si="37"/>
        <v>0.94908376212868806</v>
      </c>
    </row>
    <row r="2407" spans="8:19" x14ac:dyDescent="0.3">
      <c r="H2407" s="44">
        <v>2400</v>
      </c>
      <c r="I2407" s="56">
        <f>Bühler!I2433</f>
        <v>0.21901932972200494</v>
      </c>
      <c r="J2407" s="59">
        <f>Bühler!J2433</f>
        <v>0.73006443240668317</v>
      </c>
      <c r="K2407" s="59">
        <f>Bühler!K2433</f>
        <v>1.0950966486100246</v>
      </c>
      <c r="L2407" s="59">
        <f>Bühler!L2433</f>
        <v>5.2564639133281181</v>
      </c>
      <c r="M2407" s="58">
        <f>Bühler!M2433</f>
        <v>0</v>
      </c>
      <c r="N2407" s="56">
        <f>IF(Input!$D$19=1,J2407*Input!$C$19,0)+IF(Input!$D$20=1,K2407*Input!$C$20,0)+IF(Input!$D$21=1,L2407*Input!$C$21,0)+IF(Input!$D$22=1,M2407*Input!$C$22,0)</f>
        <v>0.21901932972200494</v>
      </c>
      <c r="O2407" s="59">
        <f>IF(Input!$D$19=2,J2407*Input!$C$19,0)+IF(Input!$D$20=2,K2407*Input!$C$20,0)+IF(Input!$D$21=2,L2407*Input!$C$21,0)+IF(Input!$D$22=2,M2407*Input!$C$22,0)</f>
        <v>0.54754832430501232</v>
      </c>
      <c r="P2407" s="59">
        <f>IF(Input!$D$19=3,J2407*Input!$C$19,0)+IF(Input!$D$20=3,K2407*Input!$C$20,0)+IF(Input!$D$21=3,L2407*Input!$C$21,0)+IF(Input!$D$22=3,M2407*Input!$C$22,0)</f>
        <v>0</v>
      </c>
      <c r="Q2407" s="75">
        <f>IF(Input!$D$19=4,J2407*Input!$C$19,0)+IF(Input!$D$20=4,K2407*Input!$C$20,0)+IF(Input!$D$21=4,L2407*Input!$C$21,0)+IF(Input!$D$22=4,M2407*Input!$C$22,0)</f>
        <v>0</v>
      </c>
      <c r="R2407" s="58">
        <v>56.583627575610357</v>
      </c>
      <c r="S2407" s="124">
        <f t="shared" si="37"/>
        <v>0.94908376212868806</v>
      </c>
    </row>
    <row r="2408" spans="8:19" x14ac:dyDescent="0.3">
      <c r="H2408" s="44">
        <v>2401</v>
      </c>
      <c r="I2408" s="56">
        <f>Bühler!I2434</f>
        <v>0.19423920636729239</v>
      </c>
      <c r="J2408" s="59">
        <f>Bühler!J2434</f>
        <v>0.64746402122430802</v>
      </c>
      <c r="K2408" s="59">
        <f>Bühler!K2434</f>
        <v>0.97119603183646197</v>
      </c>
      <c r="L2408" s="59">
        <f>Bühler!L2434</f>
        <v>4.6617409528150171</v>
      </c>
      <c r="M2408" s="58">
        <f>Bühler!M2434</f>
        <v>0</v>
      </c>
      <c r="N2408" s="56">
        <f>IF(Input!$D$19=1,J2408*Input!$C$19,0)+IF(Input!$D$20=1,K2408*Input!$C$20,0)+IF(Input!$D$21=1,L2408*Input!$C$21,0)+IF(Input!$D$22=1,M2408*Input!$C$22,0)</f>
        <v>0.19423920636729239</v>
      </c>
      <c r="O2408" s="59">
        <f>IF(Input!$D$19=2,J2408*Input!$C$19,0)+IF(Input!$D$20=2,K2408*Input!$C$20,0)+IF(Input!$D$21=2,L2408*Input!$C$21,0)+IF(Input!$D$22=2,M2408*Input!$C$22,0)</f>
        <v>0.48559801591823099</v>
      </c>
      <c r="P2408" s="59">
        <f>IF(Input!$D$19=3,J2408*Input!$C$19,0)+IF(Input!$D$20=3,K2408*Input!$C$20,0)+IF(Input!$D$21=3,L2408*Input!$C$21,0)+IF(Input!$D$22=3,M2408*Input!$C$22,0)</f>
        <v>0</v>
      </c>
      <c r="Q2408" s="75">
        <f>IF(Input!$D$19=4,J2408*Input!$C$19,0)+IF(Input!$D$20=4,K2408*Input!$C$20,0)+IF(Input!$D$21=4,L2408*Input!$C$21,0)+IF(Input!$D$22=4,M2408*Input!$C$22,0)</f>
        <v>0</v>
      </c>
      <c r="R2408" s="58">
        <v>55.693724652713016</v>
      </c>
      <c r="S2408" s="124">
        <f t="shared" si="37"/>
        <v>0.84170322759160043</v>
      </c>
    </row>
    <row r="2409" spans="8:19" x14ac:dyDescent="0.3">
      <c r="H2409" s="44">
        <v>2402</v>
      </c>
      <c r="I2409" s="56">
        <f>Bühler!I2435</f>
        <v>0.21851910716320389</v>
      </c>
      <c r="J2409" s="59">
        <f>Bühler!J2435</f>
        <v>0.72839702387734639</v>
      </c>
      <c r="K2409" s="59">
        <f>Bühler!K2435</f>
        <v>1.0925955358160195</v>
      </c>
      <c r="L2409" s="59">
        <f>Bühler!L2435</f>
        <v>5.2444585719168932</v>
      </c>
      <c r="M2409" s="58">
        <f>Bühler!M2435</f>
        <v>0</v>
      </c>
      <c r="N2409" s="56">
        <f>IF(Input!$D$19=1,J2409*Input!$C$19,0)+IF(Input!$D$20=1,K2409*Input!$C$20,0)+IF(Input!$D$21=1,L2409*Input!$C$21,0)+IF(Input!$D$22=1,M2409*Input!$C$22,0)</f>
        <v>0.21851910716320391</v>
      </c>
      <c r="O2409" s="59">
        <f>IF(Input!$D$19=2,J2409*Input!$C$19,0)+IF(Input!$D$20=2,K2409*Input!$C$20,0)+IF(Input!$D$21=2,L2409*Input!$C$21,0)+IF(Input!$D$22=2,M2409*Input!$C$22,0)</f>
        <v>0.54629776790800977</v>
      </c>
      <c r="P2409" s="59">
        <f>IF(Input!$D$19=3,J2409*Input!$C$19,0)+IF(Input!$D$20=3,K2409*Input!$C$20,0)+IF(Input!$D$21=3,L2409*Input!$C$21,0)+IF(Input!$D$22=3,M2409*Input!$C$22,0)</f>
        <v>0</v>
      </c>
      <c r="Q2409" s="75">
        <f>IF(Input!$D$19=4,J2409*Input!$C$19,0)+IF(Input!$D$20=4,K2409*Input!$C$20,0)+IF(Input!$D$21=4,L2409*Input!$C$21,0)+IF(Input!$D$22=4,M2409*Input!$C$22,0)</f>
        <v>0</v>
      </c>
      <c r="R2409" s="58">
        <v>55.194032033574771</v>
      </c>
      <c r="S2409" s="124">
        <f t="shared" si="37"/>
        <v>0.94691613104055028</v>
      </c>
    </row>
    <row r="2410" spans="8:19" x14ac:dyDescent="0.3">
      <c r="H2410" s="44">
        <v>2403</v>
      </c>
      <c r="I2410" s="56">
        <f>Bühler!I2436</f>
        <v>0.21851910716320389</v>
      </c>
      <c r="J2410" s="59">
        <f>Bühler!J2436</f>
        <v>0.72839702387734639</v>
      </c>
      <c r="K2410" s="59">
        <f>Bühler!K2436</f>
        <v>1.0925955358160195</v>
      </c>
      <c r="L2410" s="59">
        <f>Bühler!L2436</f>
        <v>5.2444585719168932</v>
      </c>
      <c r="M2410" s="58">
        <f>Bühler!M2436</f>
        <v>0</v>
      </c>
      <c r="N2410" s="56">
        <f>IF(Input!$D$19=1,J2410*Input!$C$19,0)+IF(Input!$D$20=1,K2410*Input!$C$20,0)+IF(Input!$D$21=1,L2410*Input!$C$21,0)+IF(Input!$D$22=1,M2410*Input!$C$22,0)</f>
        <v>0.21851910716320391</v>
      </c>
      <c r="O2410" s="59">
        <f>IF(Input!$D$19=2,J2410*Input!$C$19,0)+IF(Input!$D$20=2,K2410*Input!$C$20,0)+IF(Input!$D$21=2,L2410*Input!$C$21,0)+IF(Input!$D$22=2,M2410*Input!$C$22,0)</f>
        <v>0.54629776790800977</v>
      </c>
      <c r="P2410" s="59">
        <f>IF(Input!$D$19=3,J2410*Input!$C$19,0)+IF(Input!$D$20=3,K2410*Input!$C$20,0)+IF(Input!$D$21=3,L2410*Input!$C$21,0)+IF(Input!$D$22=3,M2410*Input!$C$22,0)</f>
        <v>0</v>
      </c>
      <c r="Q2410" s="75">
        <f>IF(Input!$D$19=4,J2410*Input!$C$19,0)+IF(Input!$D$20=4,K2410*Input!$C$20,0)+IF(Input!$D$21=4,L2410*Input!$C$21,0)+IF(Input!$D$22=4,M2410*Input!$C$22,0)</f>
        <v>0</v>
      </c>
      <c r="R2410" s="58">
        <v>55.556695955622111</v>
      </c>
      <c r="S2410" s="124">
        <f t="shared" si="37"/>
        <v>0.94691613104055028</v>
      </c>
    </row>
    <row r="2411" spans="8:19" x14ac:dyDescent="0.3">
      <c r="H2411" s="44">
        <v>2404</v>
      </c>
      <c r="I2411" s="56">
        <f>Bühler!I2437</f>
        <v>0.21851910716320389</v>
      </c>
      <c r="J2411" s="59">
        <f>Bühler!J2437</f>
        <v>0.72839702387734639</v>
      </c>
      <c r="K2411" s="59">
        <f>Bühler!K2437</f>
        <v>1.0925955358160195</v>
      </c>
      <c r="L2411" s="59">
        <f>Bühler!L2437</f>
        <v>5.2444585719168932</v>
      </c>
      <c r="M2411" s="58">
        <f>Bühler!M2437</f>
        <v>0</v>
      </c>
      <c r="N2411" s="56">
        <f>IF(Input!$D$19=1,J2411*Input!$C$19,0)+IF(Input!$D$20=1,K2411*Input!$C$20,0)+IF(Input!$D$21=1,L2411*Input!$C$21,0)+IF(Input!$D$22=1,M2411*Input!$C$22,0)</f>
        <v>0.21851910716320391</v>
      </c>
      <c r="O2411" s="59">
        <f>IF(Input!$D$19=2,J2411*Input!$C$19,0)+IF(Input!$D$20=2,K2411*Input!$C$20,0)+IF(Input!$D$21=2,L2411*Input!$C$21,0)+IF(Input!$D$22=2,M2411*Input!$C$22,0)</f>
        <v>0.54629776790800977</v>
      </c>
      <c r="P2411" s="59">
        <f>IF(Input!$D$19=3,J2411*Input!$C$19,0)+IF(Input!$D$20=3,K2411*Input!$C$20,0)+IF(Input!$D$21=3,L2411*Input!$C$21,0)+IF(Input!$D$22=3,M2411*Input!$C$22,0)</f>
        <v>0</v>
      </c>
      <c r="Q2411" s="75">
        <f>IF(Input!$D$19=4,J2411*Input!$C$19,0)+IF(Input!$D$20=4,K2411*Input!$C$20,0)+IF(Input!$D$21=4,L2411*Input!$C$21,0)+IF(Input!$D$22=4,M2411*Input!$C$22,0)</f>
        <v>0</v>
      </c>
      <c r="R2411" s="58">
        <v>55.984754994090324</v>
      </c>
      <c r="S2411" s="124">
        <f t="shared" si="37"/>
        <v>0.94691613104055028</v>
      </c>
    </row>
    <row r="2412" spans="8:19" x14ac:dyDescent="0.3">
      <c r="H2412" s="44">
        <v>2405</v>
      </c>
      <c r="I2412" s="56">
        <f>Bühler!I2438</f>
        <v>0.21851910716320389</v>
      </c>
      <c r="J2412" s="59">
        <f>Bühler!J2438</f>
        <v>0.72839702387734639</v>
      </c>
      <c r="K2412" s="59">
        <f>Bühler!K2438</f>
        <v>1.0925955358160195</v>
      </c>
      <c r="L2412" s="59">
        <f>Bühler!L2438</f>
        <v>5.2444585719168932</v>
      </c>
      <c r="M2412" s="58">
        <f>Bühler!M2438</f>
        <v>0</v>
      </c>
      <c r="N2412" s="56">
        <f>IF(Input!$D$19=1,J2412*Input!$C$19,0)+IF(Input!$D$20=1,K2412*Input!$C$20,0)+IF(Input!$D$21=1,L2412*Input!$C$21,0)+IF(Input!$D$22=1,M2412*Input!$C$22,0)</f>
        <v>0.21851910716320391</v>
      </c>
      <c r="O2412" s="59">
        <f>IF(Input!$D$19=2,J2412*Input!$C$19,0)+IF(Input!$D$20=2,K2412*Input!$C$20,0)+IF(Input!$D$21=2,L2412*Input!$C$21,0)+IF(Input!$D$22=2,M2412*Input!$C$22,0)</f>
        <v>0.54629776790800977</v>
      </c>
      <c r="P2412" s="59">
        <f>IF(Input!$D$19=3,J2412*Input!$C$19,0)+IF(Input!$D$20=3,K2412*Input!$C$20,0)+IF(Input!$D$21=3,L2412*Input!$C$21,0)+IF(Input!$D$22=3,M2412*Input!$C$22,0)</f>
        <v>0</v>
      </c>
      <c r="Q2412" s="75">
        <f>IF(Input!$D$19=4,J2412*Input!$C$19,0)+IF(Input!$D$20=4,K2412*Input!$C$20,0)+IF(Input!$D$21=4,L2412*Input!$C$21,0)+IF(Input!$D$22=4,M2412*Input!$C$22,0)</f>
        <v>0</v>
      </c>
      <c r="R2412" s="58">
        <v>57.234782859833849</v>
      </c>
      <c r="S2412" s="124">
        <f t="shared" si="37"/>
        <v>0.94691613104055028</v>
      </c>
    </row>
    <row r="2413" spans="8:19" x14ac:dyDescent="0.3">
      <c r="H2413" s="44">
        <v>2406</v>
      </c>
      <c r="I2413" s="56">
        <f>Bühler!I2439</f>
        <v>0.28164684923257388</v>
      </c>
      <c r="J2413" s="59">
        <f>Bühler!J2439</f>
        <v>0.93882283077524642</v>
      </c>
      <c r="K2413" s="59">
        <f>Bühler!K2439</f>
        <v>1.4082342461628694</v>
      </c>
      <c r="L2413" s="59">
        <f>Bühler!L2439</f>
        <v>6.7595243815817732</v>
      </c>
      <c r="M2413" s="58">
        <f>Bühler!M2439</f>
        <v>0</v>
      </c>
      <c r="N2413" s="56">
        <f>IF(Input!$D$19=1,J2413*Input!$C$19,0)+IF(Input!$D$20=1,K2413*Input!$C$20,0)+IF(Input!$D$21=1,L2413*Input!$C$21,0)+IF(Input!$D$22=1,M2413*Input!$C$22,0)</f>
        <v>0.28164684923257394</v>
      </c>
      <c r="O2413" s="59">
        <f>IF(Input!$D$19=2,J2413*Input!$C$19,0)+IF(Input!$D$20=2,K2413*Input!$C$20,0)+IF(Input!$D$21=2,L2413*Input!$C$21,0)+IF(Input!$D$22=2,M2413*Input!$C$22,0)</f>
        <v>0.7041171230814347</v>
      </c>
      <c r="P2413" s="59">
        <f>IF(Input!$D$19=3,J2413*Input!$C$19,0)+IF(Input!$D$20=3,K2413*Input!$C$20,0)+IF(Input!$D$21=3,L2413*Input!$C$21,0)+IF(Input!$D$22=3,M2413*Input!$C$22,0)</f>
        <v>0</v>
      </c>
      <c r="Q2413" s="75">
        <f>IF(Input!$D$19=4,J2413*Input!$C$19,0)+IF(Input!$D$20=4,K2413*Input!$C$20,0)+IF(Input!$D$21=4,L2413*Input!$C$21,0)+IF(Input!$D$22=4,M2413*Input!$C$22,0)</f>
        <v>0</v>
      </c>
      <c r="R2413" s="58">
        <v>59.983633761264805</v>
      </c>
      <c r="S2413" s="124">
        <f t="shared" si="37"/>
        <v>1.2204696800078203</v>
      </c>
    </row>
    <row r="2414" spans="8:19" x14ac:dyDescent="0.3">
      <c r="H2414" s="44">
        <v>2407</v>
      </c>
      <c r="I2414" s="56">
        <f>Bühler!I2440</f>
        <v>0.32535067066521473</v>
      </c>
      <c r="J2414" s="59">
        <f>Bühler!J2440</f>
        <v>1.0845022355507159</v>
      </c>
      <c r="K2414" s="59">
        <f>Bühler!K2440</f>
        <v>1.6267533533260736</v>
      </c>
      <c r="L2414" s="59">
        <f>Bühler!L2440</f>
        <v>7.8084160959651534</v>
      </c>
      <c r="M2414" s="58">
        <f>Bühler!M2440</f>
        <v>0</v>
      </c>
      <c r="N2414" s="56">
        <f>IF(Input!$D$19=1,J2414*Input!$C$19,0)+IF(Input!$D$20=1,K2414*Input!$C$20,0)+IF(Input!$D$21=1,L2414*Input!$C$21,0)+IF(Input!$D$22=1,M2414*Input!$C$22,0)</f>
        <v>0.32535067066521478</v>
      </c>
      <c r="O2414" s="59">
        <f>IF(Input!$D$19=2,J2414*Input!$C$19,0)+IF(Input!$D$20=2,K2414*Input!$C$20,0)+IF(Input!$D$21=2,L2414*Input!$C$21,0)+IF(Input!$D$22=2,M2414*Input!$C$22,0)</f>
        <v>0.81337667666303681</v>
      </c>
      <c r="P2414" s="59">
        <f>IF(Input!$D$19=3,J2414*Input!$C$19,0)+IF(Input!$D$20=3,K2414*Input!$C$20,0)+IF(Input!$D$21=3,L2414*Input!$C$21,0)+IF(Input!$D$22=3,M2414*Input!$C$22,0)</f>
        <v>0</v>
      </c>
      <c r="Q2414" s="75">
        <f>IF(Input!$D$19=4,J2414*Input!$C$19,0)+IF(Input!$D$20=4,K2414*Input!$C$20,0)+IF(Input!$D$21=4,L2414*Input!$C$21,0)+IF(Input!$D$22=4,M2414*Input!$C$22,0)</f>
        <v>0</v>
      </c>
      <c r="R2414" s="58">
        <v>62.077646545490602</v>
      </c>
      <c r="S2414" s="124">
        <f t="shared" si="37"/>
        <v>1.4098529062159306</v>
      </c>
    </row>
    <row r="2415" spans="8:19" x14ac:dyDescent="0.3">
      <c r="H2415" s="44">
        <v>2408</v>
      </c>
      <c r="I2415" s="56">
        <f>Bühler!I2441</f>
        <v>0.32535067066521473</v>
      </c>
      <c r="J2415" s="59">
        <f>Bühler!J2441</f>
        <v>1.0845022355507159</v>
      </c>
      <c r="K2415" s="59">
        <f>Bühler!K2441</f>
        <v>1.6267533533260736</v>
      </c>
      <c r="L2415" s="59">
        <f>Bühler!L2441</f>
        <v>7.8084160959651534</v>
      </c>
      <c r="M2415" s="58">
        <f>Bühler!M2441</f>
        <v>0</v>
      </c>
      <c r="N2415" s="56">
        <f>IF(Input!$D$19=1,J2415*Input!$C$19,0)+IF(Input!$D$20=1,K2415*Input!$C$20,0)+IF(Input!$D$21=1,L2415*Input!$C$21,0)+IF(Input!$D$22=1,M2415*Input!$C$22,0)</f>
        <v>0.32535067066521478</v>
      </c>
      <c r="O2415" s="59">
        <f>IF(Input!$D$19=2,J2415*Input!$C$19,0)+IF(Input!$D$20=2,K2415*Input!$C$20,0)+IF(Input!$D$21=2,L2415*Input!$C$21,0)+IF(Input!$D$22=2,M2415*Input!$C$22,0)</f>
        <v>0.81337667666303681</v>
      </c>
      <c r="P2415" s="59">
        <f>IF(Input!$D$19=3,J2415*Input!$C$19,0)+IF(Input!$D$20=3,K2415*Input!$C$20,0)+IF(Input!$D$21=3,L2415*Input!$C$21,0)+IF(Input!$D$22=3,M2415*Input!$C$22,0)</f>
        <v>0</v>
      </c>
      <c r="Q2415" s="75">
        <f>IF(Input!$D$19=4,J2415*Input!$C$19,0)+IF(Input!$D$20=4,K2415*Input!$C$20,0)+IF(Input!$D$21=4,L2415*Input!$C$21,0)+IF(Input!$D$22=4,M2415*Input!$C$22,0)</f>
        <v>0</v>
      </c>
      <c r="R2415" s="58">
        <v>63.40285095929643</v>
      </c>
      <c r="S2415" s="124">
        <f t="shared" si="37"/>
        <v>1.4098529062159306</v>
      </c>
    </row>
    <row r="2416" spans="8:19" x14ac:dyDescent="0.3">
      <c r="H2416" s="44">
        <v>2409</v>
      </c>
      <c r="I2416" s="56">
        <f>Bühler!I2442</f>
        <v>0.32535067066521473</v>
      </c>
      <c r="J2416" s="59">
        <f>Bühler!J2442</f>
        <v>1.0845022355507159</v>
      </c>
      <c r="K2416" s="59">
        <f>Bühler!K2442</f>
        <v>1.6267533533260736</v>
      </c>
      <c r="L2416" s="59">
        <f>Bühler!L2442</f>
        <v>7.8084160959651534</v>
      </c>
      <c r="M2416" s="58">
        <f>Bühler!M2442</f>
        <v>0</v>
      </c>
      <c r="N2416" s="56">
        <f>IF(Input!$D$19=1,J2416*Input!$C$19,0)+IF(Input!$D$20=1,K2416*Input!$C$20,0)+IF(Input!$D$21=1,L2416*Input!$C$21,0)+IF(Input!$D$22=1,M2416*Input!$C$22,0)</f>
        <v>0.32535067066521478</v>
      </c>
      <c r="O2416" s="59">
        <f>IF(Input!$D$19=2,J2416*Input!$C$19,0)+IF(Input!$D$20=2,K2416*Input!$C$20,0)+IF(Input!$D$21=2,L2416*Input!$C$21,0)+IF(Input!$D$22=2,M2416*Input!$C$22,0)</f>
        <v>0.81337667666303681</v>
      </c>
      <c r="P2416" s="59">
        <f>IF(Input!$D$19=3,J2416*Input!$C$19,0)+IF(Input!$D$20=3,K2416*Input!$C$20,0)+IF(Input!$D$21=3,L2416*Input!$C$21,0)+IF(Input!$D$22=3,M2416*Input!$C$22,0)</f>
        <v>0</v>
      </c>
      <c r="Q2416" s="75">
        <f>IF(Input!$D$19=4,J2416*Input!$C$19,0)+IF(Input!$D$20=4,K2416*Input!$C$20,0)+IF(Input!$D$21=4,L2416*Input!$C$21,0)+IF(Input!$D$22=4,M2416*Input!$C$22,0)</f>
        <v>0</v>
      </c>
      <c r="R2416" s="58">
        <v>63.862021412327614</v>
      </c>
      <c r="S2416" s="124">
        <f t="shared" si="37"/>
        <v>1.4098529062159306</v>
      </c>
    </row>
    <row r="2417" spans="8:19" x14ac:dyDescent="0.3">
      <c r="H2417" s="44">
        <v>2410</v>
      </c>
      <c r="I2417" s="56">
        <f>Bühler!I2443</f>
        <v>0.34963057146112625</v>
      </c>
      <c r="J2417" s="59">
        <f>Bühler!J2443</f>
        <v>1.1654352382037543</v>
      </c>
      <c r="K2417" s="59">
        <f>Bühler!K2443</f>
        <v>1.7481528573056313</v>
      </c>
      <c r="L2417" s="59">
        <f>Bühler!L2443</f>
        <v>8.3911337150670295</v>
      </c>
      <c r="M2417" s="58">
        <f>Bühler!M2443</f>
        <v>0</v>
      </c>
      <c r="N2417" s="56">
        <f>IF(Input!$D$19=1,J2417*Input!$C$19,0)+IF(Input!$D$20=1,K2417*Input!$C$20,0)+IF(Input!$D$21=1,L2417*Input!$C$21,0)+IF(Input!$D$22=1,M2417*Input!$C$22,0)</f>
        <v>0.34963057146112625</v>
      </c>
      <c r="O2417" s="59">
        <f>IF(Input!$D$19=2,J2417*Input!$C$19,0)+IF(Input!$D$20=2,K2417*Input!$C$20,0)+IF(Input!$D$21=2,L2417*Input!$C$21,0)+IF(Input!$D$22=2,M2417*Input!$C$22,0)</f>
        <v>0.87407642865281565</v>
      </c>
      <c r="P2417" s="59">
        <f>IF(Input!$D$19=3,J2417*Input!$C$19,0)+IF(Input!$D$20=3,K2417*Input!$C$20,0)+IF(Input!$D$21=3,L2417*Input!$C$21,0)+IF(Input!$D$22=3,M2417*Input!$C$22,0)</f>
        <v>0</v>
      </c>
      <c r="Q2417" s="75">
        <f>IF(Input!$D$19=4,J2417*Input!$C$19,0)+IF(Input!$D$20=4,K2417*Input!$C$20,0)+IF(Input!$D$21=4,L2417*Input!$C$21,0)+IF(Input!$D$22=4,M2417*Input!$C$22,0)</f>
        <v>0</v>
      </c>
      <c r="R2417" s="58">
        <v>63.014445766992971</v>
      </c>
      <c r="S2417" s="124">
        <f t="shared" si="37"/>
        <v>1.5150658096648806</v>
      </c>
    </row>
    <row r="2418" spans="8:19" x14ac:dyDescent="0.3">
      <c r="H2418" s="44">
        <v>2411</v>
      </c>
      <c r="I2418" s="56">
        <f>Bühler!I2444</f>
        <v>0.37876645241622009</v>
      </c>
      <c r="J2418" s="59">
        <f>Bühler!J2444</f>
        <v>1.2625548413874004</v>
      </c>
      <c r="K2418" s="59">
        <f>Bühler!K2444</f>
        <v>1.8938322620811006</v>
      </c>
      <c r="L2418" s="59">
        <f>Bühler!L2444</f>
        <v>9.090394857989283</v>
      </c>
      <c r="M2418" s="58">
        <f>Bühler!M2444</f>
        <v>0</v>
      </c>
      <c r="N2418" s="56">
        <f>IF(Input!$D$19=1,J2418*Input!$C$19,0)+IF(Input!$D$20=1,K2418*Input!$C$20,0)+IF(Input!$D$21=1,L2418*Input!$C$21,0)+IF(Input!$D$22=1,M2418*Input!$C$22,0)</f>
        <v>0.37876645241622009</v>
      </c>
      <c r="O2418" s="59">
        <f>IF(Input!$D$19=2,J2418*Input!$C$19,0)+IF(Input!$D$20=2,K2418*Input!$C$20,0)+IF(Input!$D$21=2,L2418*Input!$C$21,0)+IF(Input!$D$22=2,M2418*Input!$C$22,0)</f>
        <v>0.94691613104055028</v>
      </c>
      <c r="P2418" s="59">
        <f>IF(Input!$D$19=3,J2418*Input!$C$19,0)+IF(Input!$D$20=3,K2418*Input!$C$20,0)+IF(Input!$D$21=3,L2418*Input!$C$21,0)+IF(Input!$D$22=3,M2418*Input!$C$22,0)</f>
        <v>0</v>
      </c>
      <c r="Q2418" s="75">
        <f>IF(Input!$D$19=4,J2418*Input!$C$19,0)+IF(Input!$D$20=4,K2418*Input!$C$20,0)+IF(Input!$D$21=4,L2418*Input!$C$21,0)+IF(Input!$D$22=4,M2418*Input!$C$22,0)</f>
        <v>0</v>
      </c>
      <c r="R2418" s="58">
        <v>63.404473761026409</v>
      </c>
      <c r="S2418" s="124">
        <f t="shared" si="37"/>
        <v>1.6413212938036206</v>
      </c>
    </row>
    <row r="2419" spans="8:19" x14ac:dyDescent="0.3">
      <c r="H2419" s="44">
        <v>2412</v>
      </c>
      <c r="I2419" s="56">
        <f>Bühler!I2445</f>
        <v>0.43703821432640777</v>
      </c>
      <c r="J2419" s="59">
        <f>Bühler!J2445</f>
        <v>1.4567940477546928</v>
      </c>
      <c r="K2419" s="59">
        <f>Bühler!K2445</f>
        <v>2.1851910716320391</v>
      </c>
      <c r="L2419" s="59">
        <f>Bühler!L2445</f>
        <v>10.488917143833786</v>
      </c>
      <c r="M2419" s="58">
        <f>Bühler!M2445</f>
        <v>0</v>
      </c>
      <c r="N2419" s="56">
        <f>IF(Input!$D$19=1,J2419*Input!$C$19,0)+IF(Input!$D$20=1,K2419*Input!$C$20,0)+IF(Input!$D$21=1,L2419*Input!$C$21,0)+IF(Input!$D$22=1,M2419*Input!$C$22,0)</f>
        <v>0.43703821432640783</v>
      </c>
      <c r="O2419" s="59">
        <f>IF(Input!$D$19=2,J2419*Input!$C$19,0)+IF(Input!$D$20=2,K2419*Input!$C$20,0)+IF(Input!$D$21=2,L2419*Input!$C$21,0)+IF(Input!$D$22=2,M2419*Input!$C$22,0)</f>
        <v>1.0925955358160195</v>
      </c>
      <c r="P2419" s="59">
        <f>IF(Input!$D$19=3,J2419*Input!$C$19,0)+IF(Input!$D$20=3,K2419*Input!$C$20,0)+IF(Input!$D$21=3,L2419*Input!$C$21,0)+IF(Input!$D$22=3,M2419*Input!$C$22,0)</f>
        <v>0</v>
      </c>
      <c r="Q2419" s="75">
        <f>IF(Input!$D$19=4,J2419*Input!$C$19,0)+IF(Input!$D$20=4,K2419*Input!$C$20,0)+IF(Input!$D$21=4,L2419*Input!$C$21,0)+IF(Input!$D$22=4,M2419*Input!$C$22,0)</f>
        <v>0</v>
      </c>
      <c r="R2419" s="58">
        <v>64.256849575344944</v>
      </c>
      <c r="S2419" s="124">
        <f t="shared" si="37"/>
        <v>1.8938322620811006</v>
      </c>
    </row>
    <row r="2420" spans="8:19" x14ac:dyDescent="0.3">
      <c r="H2420" s="44">
        <v>2413</v>
      </c>
      <c r="I2420" s="56">
        <f>Bühler!I2446</f>
        <v>0.43703821432640777</v>
      </c>
      <c r="J2420" s="59">
        <f>Bühler!J2446</f>
        <v>1.4567940477546928</v>
      </c>
      <c r="K2420" s="59">
        <f>Bühler!K2446</f>
        <v>2.1851910716320391</v>
      </c>
      <c r="L2420" s="59">
        <f>Bühler!L2446</f>
        <v>10.488917143833786</v>
      </c>
      <c r="M2420" s="58">
        <f>Bühler!M2446</f>
        <v>0</v>
      </c>
      <c r="N2420" s="56">
        <f>IF(Input!$D$19=1,J2420*Input!$C$19,0)+IF(Input!$D$20=1,K2420*Input!$C$20,0)+IF(Input!$D$21=1,L2420*Input!$C$21,0)+IF(Input!$D$22=1,M2420*Input!$C$22,0)</f>
        <v>0.43703821432640783</v>
      </c>
      <c r="O2420" s="59">
        <f>IF(Input!$D$19=2,J2420*Input!$C$19,0)+IF(Input!$D$20=2,K2420*Input!$C$20,0)+IF(Input!$D$21=2,L2420*Input!$C$21,0)+IF(Input!$D$22=2,M2420*Input!$C$22,0)</f>
        <v>1.0925955358160195</v>
      </c>
      <c r="P2420" s="59">
        <f>IF(Input!$D$19=3,J2420*Input!$C$19,0)+IF(Input!$D$20=3,K2420*Input!$C$20,0)+IF(Input!$D$21=3,L2420*Input!$C$21,0)+IF(Input!$D$22=3,M2420*Input!$C$22,0)</f>
        <v>0</v>
      </c>
      <c r="Q2420" s="75">
        <f>IF(Input!$D$19=4,J2420*Input!$C$19,0)+IF(Input!$D$20=4,K2420*Input!$C$20,0)+IF(Input!$D$21=4,L2420*Input!$C$21,0)+IF(Input!$D$22=4,M2420*Input!$C$22,0)</f>
        <v>0</v>
      </c>
      <c r="R2420" s="58">
        <v>63.503006528785619</v>
      </c>
      <c r="S2420" s="124">
        <f t="shared" si="37"/>
        <v>1.8938322620811006</v>
      </c>
    </row>
    <row r="2421" spans="8:19" x14ac:dyDescent="0.3">
      <c r="H2421" s="44">
        <v>2414</v>
      </c>
      <c r="I2421" s="56">
        <f>Bühler!I2447</f>
        <v>0.43703821432640777</v>
      </c>
      <c r="J2421" s="59">
        <f>Bühler!J2447</f>
        <v>1.4567940477546928</v>
      </c>
      <c r="K2421" s="59">
        <f>Bühler!K2447</f>
        <v>2.1851910716320391</v>
      </c>
      <c r="L2421" s="59">
        <f>Bühler!L2447</f>
        <v>10.488917143833786</v>
      </c>
      <c r="M2421" s="58">
        <f>Bühler!M2447</f>
        <v>0</v>
      </c>
      <c r="N2421" s="56">
        <f>IF(Input!$D$19=1,J2421*Input!$C$19,0)+IF(Input!$D$20=1,K2421*Input!$C$20,0)+IF(Input!$D$21=1,L2421*Input!$C$21,0)+IF(Input!$D$22=1,M2421*Input!$C$22,0)</f>
        <v>0.43703821432640783</v>
      </c>
      <c r="O2421" s="59">
        <f>IF(Input!$D$19=2,J2421*Input!$C$19,0)+IF(Input!$D$20=2,K2421*Input!$C$20,0)+IF(Input!$D$21=2,L2421*Input!$C$21,0)+IF(Input!$D$22=2,M2421*Input!$C$22,0)</f>
        <v>1.0925955358160195</v>
      </c>
      <c r="P2421" s="59">
        <f>IF(Input!$D$19=3,J2421*Input!$C$19,0)+IF(Input!$D$20=3,K2421*Input!$C$20,0)+IF(Input!$D$21=3,L2421*Input!$C$21,0)+IF(Input!$D$22=3,M2421*Input!$C$22,0)</f>
        <v>0</v>
      </c>
      <c r="Q2421" s="75">
        <f>IF(Input!$D$19=4,J2421*Input!$C$19,0)+IF(Input!$D$20=4,K2421*Input!$C$20,0)+IF(Input!$D$21=4,L2421*Input!$C$21,0)+IF(Input!$D$22=4,M2421*Input!$C$22,0)</f>
        <v>0</v>
      </c>
      <c r="R2421" s="58">
        <v>62.861872964148567</v>
      </c>
      <c r="S2421" s="124">
        <f t="shared" si="37"/>
        <v>1.8938322620811006</v>
      </c>
    </row>
    <row r="2422" spans="8:19" x14ac:dyDescent="0.3">
      <c r="H2422" s="44">
        <v>2415</v>
      </c>
      <c r="I2422" s="56">
        <f>Bühler!I2448</f>
        <v>0.43703821432640777</v>
      </c>
      <c r="J2422" s="59">
        <f>Bühler!J2448</f>
        <v>1.4567940477546928</v>
      </c>
      <c r="K2422" s="59">
        <f>Bühler!K2448</f>
        <v>2.1851910716320391</v>
      </c>
      <c r="L2422" s="59">
        <f>Bühler!L2448</f>
        <v>10.488917143833786</v>
      </c>
      <c r="M2422" s="58">
        <f>Bühler!M2448</f>
        <v>0</v>
      </c>
      <c r="N2422" s="56">
        <f>IF(Input!$D$19=1,J2422*Input!$C$19,0)+IF(Input!$D$20=1,K2422*Input!$C$20,0)+IF(Input!$D$21=1,L2422*Input!$C$21,0)+IF(Input!$D$22=1,M2422*Input!$C$22,0)</f>
        <v>0.43703821432640783</v>
      </c>
      <c r="O2422" s="59">
        <f>IF(Input!$D$19=2,J2422*Input!$C$19,0)+IF(Input!$D$20=2,K2422*Input!$C$20,0)+IF(Input!$D$21=2,L2422*Input!$C$21,0)+IF(Input!$D$22=2,M2422*Input!$C$22,0)</f>
        <v>1.0925955358160195</v>
      </c>
      <c r="P2422" s="59">
        <f>IF(Input!$D$19=3,J2422*Input!$C$19,0)+IF(Input!$D$20=3,K2422*Input!$C$20,0)+IF(Input!$D$21=3,L2422*Input!$C$21,0)+IF(Input!$D$22=3,M2422*Input!$C$22,0)</f>
        <v>0</v>
      </c>
      <c r="Q2422" s="75">
        <f>IF(Input!$D$19=4,J2422*Input!$C$19,0)+IF(Input!$D$20=4,K2422*Input!$C$20,0)+IF(Input!$D$21=4,L2422*Input!$C$21,0)+IF(Input!$D$22=4,M2422*Input!$C$22,0)</f>
        <v>0</v>
      </c>
      <c r="R2422" s="58">
        <v>63.430835708126864</v>
      </c>
      <c r="S2422" s="124">
        <f t="shared" si="37"/>
        <v>1.8938322620811006</v>
      </c>
    </row>
    <row r="2423" spans="8:19" x14ac:dyDescent="0.3">
      <c r="H2423" s="44">
        <v>2416</v>
      </c>
      <c r="I2423" s="56">
        <f>Bühler!I2449</f>
        <v>0.43703821432640777</v>
      </c>
      <c r="J2423" s="59">
        <f>Bühler!J2449</f>
        <v>1.4567940477546928</v>
      </c>
      <c r="K2423" s="59">
        <f>Bühler!K2449</f>
        <v>2.1851910716320391</v>
      </c>
      <c r="L2423" s="59">
        <f>Bühler!L2449</f>
        <v>10.488917143833786</v>
      </c>
      <c r="M2423" s="58">
        <f>Bühler!M2449</f>
        <v>0</v>
      </c>
      <c r="N2423" s="56">
        <f>IF(Input!$D$19=1,J2423*Input!$C$19,0)+IF(Input!$D$20=1,K2423*Input!$C$20,0)+IF(Input!$D$21=1,L2423*Input!$C$21,0)+IF(Input!$D$22=1,M2423*Input!$C$22,0)</f>
        <v>0.43703821432640783</v>
      </c>
      <c r="O2423" s="59">
        <f>IF(Input!$D$19=2,J2423*Input!$C$19,0)+IF(Input!$D$20=2,K2423*Input!$C$20,0)+IF(Input!$D$21=2,L2423*Input!$C$21,0)+IF(Input!$D$22=2,M2423*Input!$C$22,0)</f>
        <v>1.0925955358160195</v>
      </c>
      <c r="P2423" s="59">
        <f>IF(Input!$D$19=3,J2423*Input!$C$19,0)+IF(Input!$D$20=3,K2423*Input!$C$20,0)+IF(Input!$D$21=3,L2423*Input!$C$21,0)+IF(Input!$D$22=3,M2423*Input!$C$22,0)</f>
        <v>0</v>
      </c>
      <c r="Q2423" s="75">
        <f>IF(Input!$D$19=4,J2423*Input!$C$19,0)+IF(Input!$D$20=4,K2423*Input!$C$20,0)+IF(Input!$D$21=4,L2423*Input!$C$21,0)+IF(Input!$D$22=4,M2423*Input!$C$22,0)</f>
        <v>0</v>
      </c>
      <c r="R2423" s="58">
        <v>63.29153777961929</v>
      </c>
      <c r="S2423" s="124">
        <f t="shared" si="37"/>
        <v>1.8938322620811006</v>
      </c>
    </row>
    <row r="2424" spans="8:19" x14ac:dyDescent="0.3">
      <c r="H2424" s="44">
        <v>2417</v>
      </c>
      <c r="I2424" s="56">
        <f>Bühler!I2450</f>
        <v>0.43703821432640777</v>
      </c>
      <c r="J2424" s="59">
        <f>Bühler!J2450</f>
        <v>1.4567940477546928</v>
      </c>
      <c r="K2424" s="59">
        <f>Bühler!K2450</f>
        <v>2.1851910716320391</v>
      </c>
      <c r="L2424" s="59">
        <f>Bühler!L2450</f>
        <v>10.488917143833786</v>
      </c>
      <c r="M2424" s="58">
        <f>Bühler!M2450</f>
        <v>0</v>
      </c>
      <c r="N2424" s="56">
        <f>IF(Input!$D$19=1,J2424*Input!$C$19,0)+IF(Input!$D$20=1,K2424*Input!$C$20,0)+IF(Input!$D$21=1,L2424*Input!$C$21,0)+IF(Input!$D$22=1,M2424*Input!$C$22,0)</f>
        <v>0.43703821432640783</v>
      </c>
      <c r="O2424" s="59">
        <f>IF(Input!$D$19=2,J2424*Input!$C$19,0)+IF(Input!$D$20=2,K2424*Input!$C$20,0)+IF(Input!$D$21=2,L2424*Input!$C$21,0)+IF(Input!$D$22=2,M2424*Input!$C$22,0)</f>
        <v>1.0925955358160195</v>
      </c>
      <c r="P2424" s="59">
        <f>IF(Input!$D$19=3,J2424*Input!$C$19,0)+IF(Input!$D$20=3,K2424*Input!$C$20,0)+IF(Input!$D$21=3,L2424*Input!$C$21,0)+IF(Input!$D$22=3,M2424*Input!$C$22,0)</f>
        <v>0</v>
      </c>
      <c r="Q2424" s="75">
        <f>IF(Input!$D$19=4,J2424*Input!$C$19,0)+IF(Input!$D$20=4,K2424*Input!$C$20,0)+IF(Input!$D$21=4,L2424*Input!$C$21,0)+IF(Input!$D$22=4,M2424*Input!$C$22,0)</f>
        <v>0</v>
      </c>
      <c r="R2424" s="58">
        <v>63.118266203276754</v>
      </c>
      <c r="S2424" s="124">
        <f t="shared" si="37"/>
        <v>1.8938322620811006</v>
      </c>
    </row>
    <row r="2425" spans="8:19" x14ac:dyDescent="0.3">
      <c r="H2425" s="44">
        <v>2418</v>
      </c>
      <c r="I2425" s="56">
        <f>Bühler!I2451</f>
        <v>0.43703821432640777</v>
      </c>
      <c r="J2425" s="59">
        <f>Bühler!J2451</f>
        <v>1.4567940477546928</v>
      </c>
      <c r="K2425" s="59">
        <f>Bühler!K2451</f>
        <v>2.1851910716320391</v>
      </c>
      <c r="L2425" s="59">
        <f>Bühler!L2451</f>
        <v>10.488917143833786</v>
      </c>
      <c r="M2425" s="58">
        <f>Bühler!M2451</f>
        <v>0</v>
      </c>
      <c r="N2425" s="56">
        <f>IF(Input!$D$19=1,J2425*Input!$C$19,0)+IF(Input!$D$20=1,K2425*Input!$C$20,0)+IF(Input!$D$21=1,L2425*Input!$C$21,0)+IF(Input!$D$22=1,M2425*Input!$C$22,0)</f>
        <v>0.43703821432640783</v>
      </c>
      <c r="O2425" s="59">
        <f>IF(Input!$D$19=2,J2425*Input!$C$19,0)+IF(Input!$D$20=2,K2425*Input!$C$20,0)+IF(Input!$D$21=2,L2425*Input!$C$21,0)+IF(Input!$D$22=2,M2425*Input!$C$22,0)</f>
        <v>1.0925955358160195</v>
      </c>
      <c r="P2425" s="59">
        <f>IF(Input!$D$19=3,J2425*Input!$C$19,0)+IF(Input!$D$20=3,K2425*Input!$C$20,0)+IF(Input!$D$21=3,L2425*Input!$C$21,0)+IF(Input!$D$22=3,M2425*Input!$C$22,0)</f>
        <v>0</v>
      </c>
      <c r="Q2425" s="75">
        <f>IF(Input!$D$19=4,J2425*Input!$C$19,0)+IF(Input!$D$20=4,K2425*Input!$C$20,0)+IF(Input!$D$21=4,L2425*Input!$C$21,0)+IF(Input!$D$22=4,M2425*Input!$C$22,0)</f>
        <v>0</v>
      </c>
      <c r="R2425" s="58">
        <v>62.930381565867805</v>
      </c>
      <c r="S2425" s="124">
        <f t="shared" si="37"/>
        <v>1.8938322620811006</v>
      </c>
    </row>
    <row r="2426" spans="8:19" x14ac:dyDescent="0.3">
      <c r="H2426" s="44">
        <v>2419</v>
      </c>
      <c r="I2426" s="56">
        <f>Bühler!I2452</f>
        <v>0.43703821432640777</v>
      </c>
      <c r="J2426" s="59">
        <f>Bühler!J2452</f>
        <v>1.4567940477546928</v>
      </c>
      <c r="K2426" s="59">
        <f>Bühler!K2452</f>
        <v>2.1851910716320391</v>
      </c>
      <c r="L2426" s="59">
        <f>Bühler!L2452</f>
        <v>10.488917143833786</v>
      </c>
      <c r="M2426" s="58">
        <f>Bühler!M2452</f>
        <v>0</v>
      </c>
      <c r="N2426" s="56">
        <f>IF(Input!$D$19=1,J2426*Input!$C$19,0)+IF(Input!$D$20=1,K2426*Input!$C$20,0)+IF(Input!$D$21=1,L2426*Input!$C$21,0)+IF(Input!$D$22=1,M2426*Input!$C$22,0)</f>
        <v>0.43703821432640783</v>
      </c>
      <c r="O2426" s="59">
        <f>IF(Input!$D$19=2,J2426*Input!$C$19,0)+IF(Input!$D$20=2,K2426*Input!$C$20,0)+IF(Input!$D$21=2,L2426*Input!$C$21,0)+IF(Input!$D$22=2,M2426*Input!$C$22,0)</f>
        <v>1.0925955358160195</v>
      </c>
      <c r="P2426" s="59">
        <f>IF(Input!$D$19=3,J2426*Input!$C$19,0)+IF(Input!$D$20=3,K2426*Input!$C$20,0)+IF(Input!$D$21=3,L2426*Input!$C$21,0)+IF(Input!$D$22=3,M2426*Input!$C$22,0)</f>
        <v>0</v>
      </c>
      <c r="Q2426" s="75">
        <f>IF(Input!$D$19=4,J2426*Input!$C$19,0)+IF(Input!$D$20=4,K2426*Input!$C$20,0)+IF(Input!$D$21=4,L2426*Input!$C$21,0)+IF(Input!$D$22=4,M2426*Input!$C$22,0)</f>
        <v>0</v>
      </c>
      <c r="R2426" s="58">
        <v>62.511835113488658</v>
      </c>
      <c r="S2426" s="124">
        <f t="shared" si="37"/>
        <v>1.8938322620811006</v>
      </c>
    </row>
    <row r="2427" spans="8:19" x14ac:dyDescent="0.3">
      <c r="H2427" s="44">
        <v>2420</v>
      </c>
      <c r="I2427" s="56">
        <f>Bühler!I2453</f>
        <v>0.36419851193867314</v>
      </c>
      <c r="J2427" s="59">
        <f>Bühler!J2453</f>
        <v>1.2139950397955772</v>
      </c>
      <c r="K2427" s="59">
        <f>Bühler!K2453</f>
        <v>1.8209925596933658</v>
      </c>
      <c r="L2427" s="59">
        <f>Bühler!L2453</f>
        <v>8.7407642865281563</v>
      </c>
      <c r="M2427" s="58">
        <f>Bühler!M2453</f>
        <v>0</v>
      </c>
      <c r="N2427" s="56">
        <f>IF(Input!$D$19=1,J2427*Input!$C$19,0)+IF(Input!$D$20=1,K2427*Input!$C$20,0)+IF(Input!$D$21=1,L2427*Input!$C$21,0)+IF(Input!$D$22=1,M2427*Input!$C$22,0)</f>
        <v>0.36419851193867314</v>
      </c>
      <c r="O2427" s="59">
        <f>IF(Input!$D$19=2,J2427*Input!$C$19,0)+IF(Input!$D$20=2,K2427*Input!$C$20,0)+IF(Input!$D$21=2,L2427*Input!$C$21,0)+IF(Input!$D$22=2,M2427*Input!$C$22,0)</f>
        <v>0.91049627984668291</v>
      </c>
      <c r="P2427" s="59">
        <f>IF(Input!$D$19=3,J2427*Input!$C$19,0)+IF(Input!$D$20=3,K2427*Input!$C$20,0)+IF(Input!$D$21=3,L2427*Input!$C$21,0)+IF(Input!$D$22=3,M2427*Input!$C$22,0)</f>
        <v>0</v>
      </c>
      <c r="Q2427" s="75">
        <f>IF(Input!$D$19=4,J2427*Input!$C$19,0)+IF(Input!$D$20=4,K2427*Input!$C$20,0)+IF(Input!$D$21=4,L2427*Input!$C$21,0)+IF(Input!$D$22=4,M2427*Input!$C$22,0)</f>
        <v>0</v>
      </c>
      <c r="R2427" s="58">
        <v>61.720604313982648</v>
      </c>
      <c r="S2427" s="124">
        <f t="shared" si="37"/>
        <v>1.5781935517342505</v>
      </c>
    </row>
    <row r="2428" spans="8:19" x14ac:dyDescent="0.3">
      <c r="H2428" s="44">
        <v>2421</v>
      </c>
      <c r="I2428" s="56">
        <f>Bühler!I2454</f>
        <v>0.29135880955093851</v>
      </c>
      <c r="J2428" s="59">
        <f>Bühler!J2454</f>
        <v>0.97119603183646186</v>
      </c>
      <c r="K2428" s="59">
        <f>Bühler!K2454</f>
        <v>1.4567940477546926</v>
      </c>
      <c r="L2428" s="59">
        <f>Bühler!L2454</f>
        <v>6.9926114292225243</v>
      </c>
      <c r="M2428" s="58">
        <f>Bühler!M2454</f>
        <v>0</v>
      </c>
      <c r="N2428" s="56">
        <f>IF(Input!$D$19=1,J2428*Input!$C$19,0)+IF(Input!$D$20=1,K2428*Input!$C$20,0)+IF(Input!$D$21=1,L2428*Input!$C$21,0)+IF(Input!$D$22=1,M2428*Input!$C$22,0)</f>
        <v>0.29135880955093857</v>
      </c>
      <c r="O2428" s="59">
        <f>IF(Input!$D$19=2,J2428*Input!$C$19,0)+IF(Input!$D$20=2,K2428*Input!$C$20,0)+IF(Input!$D$21=2,L2428*Input!$C$21,0)+IF(Input!$D$22=2,M2428*Input!$C$22,0)</f>
        <v>0.72839702387734628</v>
      </c>
      <c r="P2428" s="59">
        <f>IF(Input!$D$19=3,J2428*Input!$C$19,0)+IF(Input!$D$20=3,K2428*Input!$C$20,0)+IF(Input!$D$21=3,L2428*Input!$C$21,0)+IF(Input!$D$22=3,M2428*Input!$C$22,0)</f>
        <v>0</v>
      </c>
      <c r="Q2428" s="75">
        <f>IF(Input!$D$19=4,J2428*Input!$C$19,0)+IF(Input!$D$20=4,K2428*Input!$C$20,0)+IF(Input!$D$21=4,L2428*Input!$C$21,0)+IF(Input!$D$22=4,M2428*Input!$C$22,0)</f>
        <v>0</v>
      </c>
      <c r="R2428" s="58">
        <v>60.093807107978421</v>
      </c>
      <c r="S2428" s="124">
        <f t="shared" si="37"/>
        <v>1.2625548413874004</v>
      </c>
    </row>
    <row r="2429" spans="8:19" x14ac:dyDescent="0.3">
      <c r="H2429" s="44">
        <v>2422</v>
      </c>
      <c r="I2429" s="56">
        <f>Bühler!I2455</f>
        <v>0.21851910716320389</v>
      </c>
      <c r="J2429" s="59">
        <f>Bühler!J2455</f>
        <v>0.72839702387734639</v>
      </c>
      <c r="K2429" s="59">
        <f>Bühler!K2455</f>
        <v>1.0925955358160195</v>
      </c>
      <c r="L2429" s="59">
        <f>Bühler!L2455</f>
        <v>5.2444585719168932</v>
      </c>
      <c r="M2429" s="58">
        <f>Bühler!M2455</f>
        <v>0</v>
      </c>
      <c r="N2429" s="56">
        <f>IF(Input!$D$19=1,J2429*Input!$C$19,0)+IF(Input!$D$20=1,K2429*Input!$C$20,0)+IF(Input!$D$21=1,L2429*Input!$C$21,0)+IF(Input!$D$22=1,M2429*Input!$C$22,0)</f>
        <v>0.21851910716320391</v>
      </c>
      <c r="O2429" s="59">
        <f>IF(Input!$D$19=2,J2429*Input!$C$19,0)+IF(Input!$D$20=2,K2429*Input!$C$20,0)+IF(Input!$D$21=2,L2429*Input!$C$21,0)+IF(Input!$D$22=2,M2429*Input!$C$22,0)</f>
        <v>0.54629776790800977</v>
      </c>
      <c r="P2429" s="59">
        <f>IF(Input!$D$19=3,J2429*Input!$C$19,0)+IF(Input!$D$20=3,K2429*Input!$C$20,0)+IF(Input!$D$21=3,L2429*Input!$C$21,0)+IF(Input!$D$22=3,M2429*Input!$C$22,0)</f>
        <v>0</v>
      </c>
      <c r="Q2429" s="75">
        <f>IF(Input!$D$19=4,J2429*Input!$C$19,0)+IF(Input!$D$20=4,K2429*Input!$C$20,0)+IF(Input!$D$21=4,L2429*Input!$C$21,0)+IF(Input!$D$22=4,M2429*Input!$C$22,0)</f>
        <v>0</v>
      </c>
      <c r="R2429" s="58">
        <v>59.078031882126183</v>
      </c>
      <c r="S2429" s="124">
        <f t="shared" si="37"/>
        <v>0.94691613104055028</v>
      </c>
    </row>
    <row r="2430" spans="8:19" x14ac:dyDescent="0.3">
      <c r="H2430" s="44">
        <v>2423</v>
      </c>
      <c r="I2430" s="56">
        <f>Bühler!I2456</f>
        <v>0.21851910716320389</v>
      </c>
      <c r="J2430" s="59">
        <f>Bühler!J2456</f>
        <v>0.72839702387734639</v>
      </c>
      <c r="K2430" s="59">
        <f>Bühler!K2456</f>
        <v>1.0925955358160195</v>
      </c>
      <c r="L2430" s="59">
        <f>Bühler!L2456</f>
        <v>5.2444585719168932</v>
      </c>
      <c r="M2430" s="58">
        <f>Bühler!M2456</f>
        <v>0</v>
      </c>
      <c r="N2430" s="56">
        <f>IF(Input!$D$19=1,J2430*Input!$C$19,0)+IF(Input!$D$20=1,K2430*Input!$C$20,0)+IF(Input!$D$21=1,L2430*Input!$C$21,0)+IF(Input!$D$22=1,M2430*Input!$C$22,0)</f>
        <v>0.21851910716320391</v>
      </c>
      <c r="O2430" s="59">
        <f>IF(Input!$D$19=2,J2430*Input!$C$19,0)+IF(Input!$D$20=2,K2430*Input!$C$20,0)+IF(Input!$D$21=2,L2430*Input!$C$21,0)+IF(Input!$D$22=2,M2430*Input!$C$22,0)</f>
        <v>0.54629776790800977</v>
      </c>
      <c r="P2430" s="59">
        <f>IF(Input!$D$19=3,J2430*Input!$C$19,0)+IF(Input!$D$20=3,K2430*Input!$C$20,0)+IF(Input!$D$21=3,L2430*Input!$C$21,0)+IF(Input!$D$22=3,M2430*Input!$C$22,0)</f>
        <v>0</v>
      </c>
      <c r="Q2430" s="75">
        <f>IF(Input!$D$19=4,J2430*Input!$C$19,0)+IF(Input!$D$20=4,K2430*Input!$C$20,0)+IF(Input!$D$21=4,L2430*Input!$C$21,0)+IF(Input!$D$22=4,M2430*Input!$C$22,0)</f>
        <v>0</v>
      </c>
      <c r="R2430" s="58">
        <v>58.191108698425111</v>
      </c>
      <c r="S2430" s="124">
        <f t="shared" si="37"/>
        <v>0.94691613104055028</v>
      </c>
    </row>
    <row r="2431" spans="8:19" x14ac:dyDescent="0.3">
      <c r="H2431" s="44">
        <v>2424</v>
      </c>
      <c r="I2431" s="56">
        <f>Bühler!I2457</f>
        <v>0.21851910716320389</v>
      </c>
      <c r="J2431" s="59">
        <f>Bühler!J2457</f>
        <v>0.72839702387734639</v>
      </c>
      <c r="K2431" s="59">
        <f>Bühler!K2457</f>
        <v>1.0925955358160195</v>
      </c>
      <c r="L2431" s="59">
        <f>Bühler!L2457</f>
        <v>5.2444585719168932</v>
      </c>
      <c r="M2431" s="58">
        <f>Bühler!M2457</f>
        <v>0</v>
      </c>
      <c r="N2431" s="56">
        <f>IF(Input!$D$19=1,J2431*Input!$C$19,0)+IF(Input!$D$20=1,K2431*Input!$C$20,0)+IF(Input!$D$21=1,L2431*Input!$C$21,0)+IF(Input!$D$22=1,M2431*Input!$C$22,0)</f>
        <v>0.21851910716320391</v>
      </c>
      <c r="O2431" s="59">
        <f>IF(Input!$D$19=2,J2431*Input!$C$19,0)+IF(Input!$D$20=2,K2431*Input!$C$20,0)+IF(Input!$D$21=2,L2431*Input!$C$21,0)+IF(Input!$D$22=2,M2431*Input!$C$22,0)</f>
        <v>0.54629776790800977</v>
      </c>
      <c r="P2431" s="59">
        <f>IF(Input!$D$19=3,J2431*Input!$C$19,0)+IF(Input!$D$20=3,K2431*Input!$C$20,0)+IF(Input!$D$21=3,L2431*Input!$C$21,0)+IF(Input!$D$22=3,M2431*Input!$C$22,0)</f>
        <v>0</v>
      </c>
      <c r="Q2431" s="75">
        <f>IF(Input!$D$19=4,J2431*Input!$C$19,0)+IF(Input!$D$20=4,K2431*Input!$C$20,0)+IF(Input!$D$21=4,L2431*Input!$C$21,0)+IF(Input!$D$22=4,M2431*Input!$C$22,0)</f>
        <v>0</v>
      </c>
      <c r="R2431" s="58">
        <v>58.035103333938402</v>
      </c>
      <c r="S2431" s="124">
        <f t="shared" si="37"/>
        <v>0.94691613104055028</v>
      </c>
    </row>
    <row r="2432" spans="8:19" x14ac:dyDescent="0.3">
      <c r="H2432" s="44">
        <v>2425</v>
      </c>
      <c r="I2432" s="56">
        <f>Bühler!I2458</f>
        <v>0.21676353768474901</v>
      </c>
      <c r="J2432" s="59">
        <f>Bühler!J2458</f>
        <v>0.72254512561583006</v>
      </c>
      <c r="K2432" s="59">
        <f>Bühler!K2458</f>
        <v>1.0838176884237449</v>
      </c>
      <c r="L2432" s="59">
        <f>Bühler!L2458</f>
        <v>5.2023249044339765</v>
      </c>
      <c r="M2432" s="58">
        <f>Bühler!M2458</f>
        <v>0</v>
      </c>
      <c r="N2432" s="56">
        <f>IF(Input!$D$19=1,J2432*Input!$C$19,0)+IF(Input!$D$20=1,K2432*Input!$C$20,0)+IF(Input!$D$21=1,L2432*Input!$C$21,0)+IF(Input!$D$22=1,M2432*Input!$C$22,0)</f>
        <v>0.21676353768474901</v>
      </c>
      <c r="O2432" s="59">
        <f>IF(Input!$D$19=2,J2432*Input!$C$19,0)+IF(Input!$D$20=2,K2432*Input!$C$20,0)+IF(Input!$D$21=2,L2432*Input!$C$21,0)+IF(Input!$D$22=2,M2432*Input!$C$22,0)</f>
        <v>0.54190884421187246</v>
      </c>
      <c r="P2432" s="59">
        <f>IF(Input!$D$19=3,J2432*Input!$C$19,0)+IF(Input!$D$20=3,K2432*Input!$C$20,0)+IF(Input!$D$21=3,L2432*Input!$C$21,0)+IF(Input!$D$22=3,M2432*Input!$C$22,0)</f>
        <v>0</v>
      </c>
      <c r="Q2432" s="75">
        <f>IF(Input!$D$19=4,J2432*Input!$C$19,0)+IF(Input!$D$20=4,K2432*Input!$C$20,0)+IF(Input!$D$21=4,L2432*Input!$C$21,0)+IF(Input!$D$22=4,M2432*Input!$C$22,0)</f>
        <v>0</v>
      </c>
      <c r="R2432" s="58">
        <v>56.750694639089943</v>
      </c>
      <c r="S2432" s="124">
        <f t="shared" si="37"/>
        <v>0.93930866330057905</v>
      </c>
    </row>
    <row r="2433" spans="8:19" x14ac:dyDescent="0.3">
      <c r="H2433" s="44">
        <v>2426</v>
      </c>
      <c r="I2433" s="56">
        <f>Bühler!I2459</f>
        <v>0.21676353768474901</v>
      </c>
      <c r="J2433" s="59">
        <f>Bühler!J2459</f>
        <v>0.72254512561583006</v>
      </c>
      <c r="K2433" s="59">
        <f>Bühler!K2459</f>
        <v>1.0838176884237449</v>
      </c>
      <c r="L2433" s="59">
        <f>Bühler!L2459</f>
        <v>5.2023249044339765</v>
      </c>
      <c r="M2433" s="58">
        <f>Bühler!M2459</f>
        <v>0</v>
      </c>
      <c r="N2433" s="56">
        <f>IF(Input!$D$19=1,J2433*Input!$C$19,0)+IF(Input!$D$20=1,K2433*Input!$C$20,0)+IF(Input!$D$21=1,L2433*Input!$C$21,0)+IF(Input!$D$22=1,M2433*Input!$C$22,0)</f>
        <v>0.21676353768474901</v>
      </c>
      <c r="O2433" s="59">
        <f>IF(Input!$D$19=2,J2433*Input!$C$19,0)+IF(Input!$D$20=2,K2433*Input!$C$20,0)+IF(Input!$D$21=2,L2433*Input!$C$21,0)+IF(Input!$D$22=2,M2433*Input!$C$22,0)</f>
        <v>0.54190884421187246</v>
      </c>
      <c r="P2433" s="59">
        <f>IF(Input!$D$19=3,J2433*Input!$C$19,0)+IF(Input!$D$20=3,K2433*Input!$C$20,0)+IF(Input!$D$21=3,L2433*Input!$C$21,0)+IF(Input!$D$22=3,M2433*Input!$C$22,0)</f>
        <v>0</v>
      </c>
      <c r="Q2433" s="75">
        <f>IF(Input!$D$19=4,J2433*Input!$C$19,0)+IF(Input!$D$20=4,K2433*Input!$C$20,0)+IF(Input!$D$21=4,L2433*Input!$C$21,0)+IF(Input!$D$22=4,M2433*Input!$C$22,0)</f>
        <v>0</v>
      </c>
      <c r="R2433" s="58">
        <v>55.771135931620982</v>
      </c>
      <c r="S2433" s="124">
        <f t="shared" si="37"/>
        <v>0.93930866330057905</v>
      </c>
    </row>
    <row r="2434" spans="8:19" x14ac:dyDescent="0.3">
      <c r="H2434" s="44">
        <v>2427</v>
      </c>
      <c r="I2434" s="56">
        <f>Bühler!I2460</f>
        <v>0.21676353768474901</v>
      </c>
      <c r="J2434" s="59">
        <f>Bühler!J2460</f>
        <v>0.72254512561583006</v>
      </c>
      <c r="K2434" s="59">
        <f>Bühler!K2460</f>
        <v>1.0838176884237449</v>
      </c>
      <c r="L2434" s="59">
        <f>Bühler!L2460</f>
        <v>5.2023249044339765</v>
      </c>
      <c r="M2434" s="58">
        <f>Bühler!M2460</f>
        <v>0</v>
      </c>
      <c r="N2434" s="56">
        <f>IF(Input!$D$19=1,J2434*Input!$C$19,0)+IF(Input!$D$20=1,K2434*Input!$C$20,0)+IF(Input!$D$21=1,L2434*Input!$C$21,0)+IF(Input!$D$22=1,M2434*Input!$C$22,0)</f>
        <v>0.21676353768474901</v>
      </c>
      <c r="O2434" s="59">
        <f>IF(Input!$D$19=2,J2434*Input!$C$19,0)+IF(Input!$D$20=2,K2434*Input!$C$20,0)+IF(Input!$D$21=2,L2434*Input!$C$21,0)+IF(Input!$D$22=2,M2434*Input!$C$22,0)</f>
        <v>0.54190884421187246</v>
      </c>
      <c r="P2434" s="59">
        <f>IF(Input!$D$19=3,J2434*Input!$C$19,0)+IF(Input!$D$20=3,K2434*Input!$C$20,0)+IF(Input!$D$21=3,L2434*Input!$C$21,0)+IF(Input!$D$22=3,M2434*Input!$C$22,0)</f>
        <v>0</v>
      </c>
      <c r="Q2434" s="75">
        <f>IF(Input!$D$19=4,J2434*Input!$C$19,0)+IF(Input!$D$20=4,K2434*Input!$C$20,0)+IF(Input!$D$21=4,L2434*Input!$C$21,0)+IF(Input!$D$22=4,M2434*Input!$C$22,0)</f>
        <v>0</v>
      </c>
      <c r="R2434" s="58">
        <v>56.200186032824732</v>
      </c>
      <c r="S2434" s="124">
        <f t="shared" si="37"/>
        <v>0.93930866330057905</v>
      </c>
    </row>
    <row r="2435" spans="8:19" x14ac:dyDescent="0.3">
      <c r="H2435" s="44">
        <v>2428</v>
      </c>
      <c r="I2435" s="56">
        <f>Bühler!I2461</f>
        <v>0.21676353768474901</v>
      </c>
      <c r="J2435" s="59">
        <f>Bühler!J2461</f>
        <v>0.72254512561583006</v>
      </c>
      <c r="K2435" s="59">
        <f>Bühler!K2461</f>
        <v>1.0838176884237449</v>
      </c>
      <c r="L2435" s="59">
        <f>Bühler!L2461</f>
        <v>5.2023249044339765</v>
      </c>
      <c r="M2435" s="58">
        <f>Bühler!M2461</f>
        <v>0</v>
      </c>
      <c r="N2435" s="56">
        <f>IF(Input!$D$19=1,J2435*Input!$C$19,0)+IF(Input!$D$20=1,K2435*Input!$C$20,0)+IF(Input!$D$21=1,L2435*Input!$C$21,0)+IF(Input!$D$22=1,M2435*Input!$C$22,0)</f>
        <v>0.21676353768474901</v>
      </c>
      <c r="O2435" s="59">
        <f>IF(Input!$D$19=2,J2435*Input!$C$19,0)+IF(Input!$D$20=2,K2435*Input!$C$20,0)+IF(Input!$D$21=2,L2435*Input!$C$21,0)+IF(Input!$D$22=2,M2435*Input!$C$22,0)</f>
        <v>0.54190884421187246</v>
      </c>
      <c r="P2435" s="59">
        <f>IF(Input!$D$19=3,J2435*Input!$C$19,0)+IF(Input!$D$20=3,K2435*Input!$C$20,0)+IF(Input!$D$21=3,L2435*Input!$C$21,0)+IF(Input!$D$22=3,M2435*Input!$C$22,0)</f>
        <v>0</v>
      </c>
      <c r="Q2435" s="75">
        <f>IF(Input!$D$19=4,J2435*Input!$C$19,0)+IF(Input!$D$20=4,K2435*Input!$C$20,0)+IF(Input!$D$21=4,L2435*Input!$C$21,0)+IF(Input!$D$22=4,M2435*Input!$C$22,0)</f>
        <v>0</v>
      </c>
      <c r="R2435" s="58">
        <v>57.003536025801047</v>
      </c>
      <c r="S2435" s="124">
        <f t="shared" si="37"/>
        <v>0.93930866330057905</v>
      </c>
    </row>
    <row r="2436" spans="8:19" x14ac:dyDescent="0.3">
      <c r="H2436" s="44">
        <v>2429</v>
      </c>
      <c r="I2436" s="56">
        <f>Bühler!I2462</f>
        <v>0.21676353768474901</v>
      </c>
      <c r="J2436" s="59">
        <f>Bühler!J2462</f>
        <v>0.72254512561583006</v>
      </c>
      <c r="K2436" s="59">
        <f>Bühler!K2462</f>
        <v>1.0838176884237449</v>
      </c>
      <c r="L2436" s="59">
        <f>Bühler!L2462</f>
        <v>5.2023249044339765</v>
      </c>
      <c r="M2436" s="58">
        <f>Bühler!M2462</f>
        <v>0</v>
      </c>
      <c r="N2436" s="56">
        <f>IF(Input!$D$19=1,J2436*Input!$C$19,0)+IF(Input!$D$20=1,K2436*Input!$C$20,0)+IF(Input!$D$21=1,L2436*Input!$C$21,0)+IF(Input!$D$22=1,M2436*Input!$C$22,0)</f>
        <v>0.21676353768474901</v>
      </c>
      <c r="O2436" s="59">
        <f>IF(Input!$D$19=2,J2436*Input!$C$19,0)+IF(Input!$D$20=2,K2436*Input!$C$20,0)+IF(Input!$D$21=2,L2436*Input!$C$21,0)+IF(Input!$D$22=2,M2436*Input!$C$22,0)</f>
        <v>0.54190884421187246</v>
      </c>
      <c r="P2436" s="59">
        <f>IF(Input!$D$19=3,J2436*Input!$C$19,0)+IF(Input!$D$20=3,K2436*Input!$C$20,0)+IF(Input!$D$21=3,L2436*Input!$C$21,0)+IF(Input!$D$22=3,M2436*Input!$C$22,0)</f>
        <v>0</v>
      </c>
      <c r="Q2436" s="75">
        <f>IF(Input!$D$19=4,J2436*Input!$C$19,0)+IF(Input!$D$20=4,K2436*Input!$C$20,0)+IF(Input!$D$21=4,L2436*Input!$C$21,0)+IF(Input!$D$22=4,M2436*Input!$C$22,0)</f>
        <v>0</v>
      </c>
      <c r="R2436" s="58">
        <v>58.312822672467355</v>
      </c>
      <c r="S2436" s="124">
        <f t="shared" si="37"/>
        <v>0.93930866330057905</v>
      </c>
    </row>
    <row r="2437" spans="8:19" x14ac:dyDescent="0.3">
      <c r="H2437" s="44">
        <v>2430</v>
      </c>
      <c r="I2437" s="56">
        <f>Bühler!I2463</f>
        <v>0.27938411523812096</v>
      </c>
      <c r="J2437" s="59">
        <f>Bühler!J2463</f>
        <v>0.93128038412706982</v>
      </c>
      <c r="K2437" s="59">
        <f>Bühler!K2463</f>
        <v>1.3969205761906047</v>
      </c>
      <c r="L2437" s="59">
        <f>Bühler!L2463</f>
        <v>6.7052187657149025</v>
      </c>
      <c r="M2437" s="58">
        <f>Bühler!M2463</f>
        <v>0</v>
      </c>
      <c r="N2437" s="56">
        <f>IF(Input!$D$19=1,J2437*Input!$C$19,0)+IF(Input!$D$20=1,K2437*Input!$C$20,0)+IF(Input!$D$21=1,L2437*Input!$C$21,0)+IF(Input!$D$22=1,M2437*Input!$C$22,0)</f>
        <v>0.27938411523812096</v>
      </c>
      <c r="O2437" s="59">
        <f>IF(Input!$D$19=2,J2437*Input!$C$19,0)+IF(Input!$D$20=2,K2437*Input!$C$20,0)+IF(Input!$D$21=2,L2437*Input!$C$21,0)+IF(Input!$D$22=2,M2437*Input!$C$22,0)</f>
        <v>0.69846028809530236</v>
      </c>
      <c r="P2437" s="59">
        <f>IF(Input!$D$19=3,J2437*Input!$C$19,0)+IF(Input!$D$20=3,K2437*Input!$C$20,0)+IF(Input!$D$21=3,L2437*Input!$C$21,0)+IF(Input!$D$22=3,M2437*Input!$C$22,0)</f>
        <v>0</v>
      </c>
      <c r="Q2437" s="75">
        <f>IF(Input!$D$19=4,J2437*Input!$C$19,0)+IF(Input!$D$20=4,K2437*Input!$C$20,0)+IF(Input!$D$21=4,L2437*Input!$C$21,0)+IF(Input!$D$22=4,M2437*Input!$C$22,0)</f>
        <v>0</v>
      </c>
      <c r="R2437" s="58">
        <v>60.989198426429098</v>
      </c>
      <c r="S2437" s="124">
        <f t="shared" si="37"/>
        <v>1.2106644993651907</v>
      </c>
    </row>
    <row r="2438" spans="8:19" x14ac:dyDescent="0.3">
      <c r="H2438" s="44">
        <v>2431</v>
      </c>
      <c r="I2438" s="56">
        <f>Bühler!I2464</f>
        <v>0.32273682277507082</v>
      </c>
      <c r="J2438" s="59">
        <f>Bühler!J2464</f>
        <v>1.0757894092502363</v>
      </c>
      <c r="K2438" s="59">
        <f>Bühler!K2464</f>
        <v>1.6136841138753542</v>
      </c>
      <c r="L2438" s="59">
        <f>Bühler!L2464</f>
        <v>7.7456837466017001</v>
      </c>
      <c r="M2438" s="58">
        <f>Bühler!M2464</f>
        <v>0</v>
      </c>
      <c r="N2438" s="56">
        <f>IF(Input!$D$19=1,J2438*Input!$C$19,0)+IF(Input!$D$20=1,K2438*Input!$C$20,0)+IF(Input!$D$21=1,L2438*Input!$C$21,0)+IF(Input!$D$22=1,M2438*Input!$C$22,0)</f>
        <v>0.32273682277507088</v>
      </c>
      <c r="O2438" s="59">
        <f>IF(Input!$D$19=2,J2438*Input!$C$19,0)+IF(Input!$D$20=2,K2438*Input!$C$20,0)+IF(Input!$D$21=2,L2438*Input!$C$21,0)+IF(Input!$D$22=2,M2438*Input!$C$22,0)</f>
        <v>0.80684205693767708</v>
      </c>
      <c r="P2438" s="59">
        <f>IF(Input!$D$19=3,J2438*Input!$C$19,0)+IF(Input!$D$20=3,K2438*Input!$C$20,0)+IF(Input!$D$21=3,L2438*Input!$C$21,0)+IF(Input!$D$22=3,M2438*Input!$C$22,0)</f>
        <v>0</v>
      </c>
      <c r="Q2438" s="75">
        <f>IF(Input!$D$19=4,J2438*Input!$C$19,0)+IF(Input!$D$20=4,K2438*Input!$C$20,0)+IF(Input!$D$21=4,L2438*Input!$C$21,0)+IF(Input!$D$22=4,M2438*Input!$C$22,0)</f>
        <v>0</v>
      </c>
      <c r="R2438" s="58">
        <v>64.919149014729854</v>
      </c>
      <c r="S2438" s="124">
        <f t="shared" si="37"/>
        <v>1.3985262320253071</v>
      </c>
    </row>
    <row r="2439" spans="8:19" x14ac:dyDescent="0.3">
      <c r="H2439" s="44">
        <v>2432</v>
      </c>
      <c r="I2439" s="56">
        <f>Bühler!I2465</f>
        <v>0.32273682277507082</v>
      </c>
      <c r="J2439" s="59">
        <f>Bühler!J2465</f>
        <v>1.0757894092502363</v>
      </c>
      <c r="K2439" s="59">
        <f>Bühler!K2465</f>
        <v>1.6136841138753542</v>
      </c>
      <c r="L2439" s="59">
        <f>Bühler!L2465</f>
        <v>7.7456837466017001</v>
      </c>
      <c r="M2439" s="58">
        <f>Bühler!M2465</f>
        <v>0</v>
      </c>
      <c r="N2439" s="56">
        <f>IF(Input!$D$19=1,J2439*Input!$C$19,0)+IF(Input!$D$20=1,K2439*Input!$C$20,0)+IF(Input!$D$21=1,L2439*Input!$C$21,0)+IF(Input!$D$22=1,M2439*Input!$C$22,0)</f>
        <v>0.32273682277507088</v>
      </c>
      <c r="O2439" s="59">
        <f>IF(Input!$D$19=2,J2439*Input!$C$19,0)+IF(Input!$D$20=2,K2439*Input!$C$20,0)+IF(Input!$D$21=2,L2439*Input!$C$21,0)+IF(Input!$D$22=2,M2439*Input!$C$22,0)</f>
        <v>0.80684205693767708</v>
      </c>
      <c r="P2439" s="59">
        <f>IF(Input!$D$19=3,J2439*Input!$C$19,0)+IF(Input!$D$20=3,K2439*Input!$C$20,0)+IF(Input!$D$21=3,L2439*Input!$C$21,0)+IF(Input!$D$22=3,M2439*Input!$C$22,0)</f>
        <v>0</v>
      </c>
      <c r="Q2439" s="75">
        <f>IF(Input!$D$19=4,J2439*Input!$C$19,0)+IF(Input!$D$20=4,K2439*Input!$C$20,0)+IF(Input!$D$21=4,L2439*Input!$C$21,0)+IF(Input!$D$22=4,M2439*Input!$C$22,0)</f>
        <v>0</v>
      </c>
      <c r="R2439" s="58">
        <v>66.97468638559738</v>
      </c>
      <c r="S2439" s="124">
        <f t="shared" si="37"/>
        <v>1.3985262320253071</v>
      </c>
    </row>
    <row r="2440" spans="8:19" x14ac:dyDescent="0.3">
      <c r="H2440" s="44">
        <v>2433</v>
      </c>
      <c r="I2440" s="56">
        <f>Bühler!I2466</f>
        <v>0.32273682277507082</v>
      </c>
      <c r="J2440" s="59">
        <f>Bühler!J2466</f>
        <v>1.0757894092502363</v>
      </c>
      <c r="K2440" s="59">
        <f>Bühler!K2466</f>
        <v>1.6136841138753542</v>
      </c>
      <c r="L2440" s="59">
        <f>Bühler!L2466</f>
        <v>7.7456837466017001</v>
      </c>
      <c r="M2440" s="58">
        <f>Bühler!M2466</f>
        <v>0</v>
      </c>
      <c r="N2440" s="56">
        <f>IF(Input!$D$19=1,J2440*Input!$C$19,0)+IF(Input!$D$20=1,K2440*Input!$C$20,0)+IF(Input!$D$21=1,L2440*Input!$C$21,0)+IF(Input!$D$22=1,M2440*Input!$C$22,0)</f>
        <v>0.32273682277507088</v>
      </c>
      <c r="O2440" s="59">
        <f>IF(Input!$D$19=2,J2440*Input!$C$19,0)+IF(Input!$D$20=2,K2440*Input!$C$20,0)+IF(Input!$D$21=2,L2440*Input!$C$21,0)+IF(Input!$D$22=2,M2440*Input!$C$22,0)</f>
        <v>0.80684205693767708</v>
      </c>
      <c r="P2440" s="59">
        <f>IF(Input!$D$19=3,J2440*Input!$C$19,0)+IF(Input!$D$20=3,K2440*Input!$C$20,0)+IF(Input!$D$21=3,L2440*Input!$C$21,0)+IF(Input!$D$22=3,M2440*Input!$C$22,0)</f>
        <v>0</v>
      </c>
      <c r="Q2440" s="75">
        <f>IF(Input!$D$19=4,J2440*Input!$C$19,0)+IF(Input!$D$20=4,K2440*Input!$C$20,0)+IF(Input!$D$21=4,L2440*Input!$C$21,0)+IF(Input!$D$22=4,M2440*Input!$C$22,0)</f>
        <v>0</v>
      </c>
      <c r="R2440" s="58">
        <v>67.651698700378304</v>
      </c>
      <c r="S2440" s="124">
        <f t="shared" si="37"/>
        <v>1.3985262320253071</v>
      </c>
    </row>
    <row r="2441" spans="8:19" x14ac:dyDescent="0.3">
      <c r="H2441" s="44">
        <v>2434</v>
      </c>
      <c r="I2441" s="56">
        <f>Bühler!I2467</f>
        <v>0.34682166029559841</v>
      </c>
      <c r="J2441" s="59">
        <f>Bühler!J2467</f>
        <v>1.1560722009853281</v>
      </c>
      <c r="K2441" s="59">
        <f>Bühler!K2467</f>
        <v>1.7341083014779921</v>
      </c>
      <c r="L2441" s="59">
        <f>Bühler!L2467</f>
        <v>8.3237198470943614</v>
      </c>
      <c r="M2441" s="58">
        <f>Bühler!M2467</f>
        <v>0</v>
      </c>
      <c r="N2441" s="56">
        <f>IF(Input!$D$19=1,J2441*Input!$C$19,0)+IF(Input!$D$20=1,K2441*Input!$C$20,0)+IF(Input!$D$21=1,L2441*Input!$C$21,0)+IF(Input!$D$22=1,M2441*Input!$C$22,0)</f>
        <v>0.34682166029559841</v>
      </c>
      <c r="O2441" s="59">
        <f>IF(Input!$D$19=2,J2441*Input!$C$19,0)+IF(Input!$D$20=2,K2441*Input!$C$20,0)+IF(Input!$D$21=2,L2441*Input!$C$21,0)+IF(Input!$D$22=2,M2441*Input!$C$22,0)</f>
        <v>0.86705415073899605</v>
      </c>
      <c r="P2441" s="59">
        <f>IF(Input!$D$19=3,J2441*Input!$C$19,0)+IF(Input!$D$20=3,K2441*Input!$C$20,0)+IF(Input!$D$21=3,L2441*Input!$C$21,0)+IF(Input!$D$22=3,M2441*Input!$C$22,0)</f>
        <v>0</v>
      </c>
      <c r="Q2441" s="75">
        <f>IF(Input!$D$19=4,J2441*Input!$C$19,0)+IF(Input!$D$20=4,K2441*Input!$C$20,0)+IF(Input!$D$21=4,L2441*Input!$C$21,0)+IF(Input!$D$22=4,M2441*Input!$C$22,0)</f>
        <v>0</v>
      </c>
      <c r="R2441" s="58">
        <v>67.601256453092361</v>
      </c>
      <c r="S2441" s="124">
        <f t="shared" ref="S2441:S2504" si="38">I2441+J2441</f>
        <v>1.5028938612809266</v>
      </c>
    </row>
    <row r="2442" spans="8:19" x14ac:dyDescent="0.3">
      <c r="H2442" s="44">
        <v>2435</v>
      </c>
      <c r="I2442" s="56">
        <f>Bühler!I2468</f>
        <v>0.37572346532023171</v>
      </c>
      <c r="J2442" s="59">
        <f>Bühler!J2468</f>
        <v>1.2524115510674392</v>
      </c>
      <c r="K2442" s="59">
        <f>Bühler!K2468</f>
        <v>1.8786173266011583</v>
      </c>
      <c r="L2442" s="59">
        <f>Bühler!L2468</f>
        <v>9.017363167685561</v>
      </c>
      <c r="M2442" s="58">
        <f>Bühler!M2468</f>
        <v>0</v>
      </c>
      <c r="N2442" s="56">
        <f>IF(Input!$D$19=1,J2442*Input!$C$19,0)+IF(Input!$D$20=1,K2442*Input!$C$20,0)+IF(Input!$D$21=1,L2442*Input!$C$21,0)+IF(Input!$D$22=1,M2442*Input!$C$22,0)</f>
        <v>0.37572346532023176</v>
      </c>
      <c r="O2442" s="59">
        <f>IF(Input!$D$19=2,J2442*Input!$C$19,0)+IF(Input!$D$20=2,K2442*Input!$C$20,0)+IF(Input!$D$21=2,L2442*Input!$C$21,0)+IF(Input!$D$22=2,M2442*Input!$C$22,0)</f>
        <v>0.93930866330057916</v>
      </c>
      <c r="P2442" s="59">
        <f>IF(Input!$D$19=3,J2442*Input!$C$19,0)+IF(Input!$D$20=3,K2442*Input!$C$20,0)+IF(Input!$D$21=3,L2442*Input!$C$21,0)+IF(Input!$D$22=3,M2442*Input!$C$22,0)</f>
        <v>0</v>
      </c>
      <c r="Q2442" s="75">
        <f>IF(Input!$D$19=4,J2442*Input!$C$19,0)+IF(Input!$D$20=4,K2442*Input!$C$20,0)+IF(Input!$D$21=4,L2442*Input!$C$21,0)+IF(Input!$D$22=4,M2442*Input!$C$22,0)</f>
        <v>0</v>
      </c>
      <c r="R2442" s="58">
        <v>67.809653886504151</v>
      </c>
      <c r="S2442" s="124">
        <f t="shared" si="38"/>
        <v>1.6281350163876709</v>
      </c>
    </row>
    <row r="2443" spans="8:19" x14ac:dyDescent="0.3">
      <c r="H2443" s="44">
        <v>2436</v>
      </c>
      <c r="I2443" s="56">
        <f>Bühler!I2469</f>
        <v>0.43352707536949803</v>
      </c>
      <c r="J2443" s="59">
        <f>Bühler!J2469</f>
        <v>1.4450902512316601</v>
      </c>
      <c r="K2443" s="59">
        <f>Bühler!K2469</f>
        <v>2.1676353768474899</v>
      </c>
      <c r="L2443" s="59">
        <f>Bühler!L2469</f>
        <v>10.404649808867953</v>
      </c>
      <c r="M2443" s="58">
        <f>Bühler!M2469</f>
        <v>0</v>
      </c>
      <c r="N2443" s="56">
        <f>IF(Input!$D$19=1,J2443*Input!$C$19,0)+IF(Input!$D$20=1,K2443*Input!$C$20,0)+IF(Input!$D$21=1,L2443*Input!$C$21,0)+IF(Input!$D$22=1,M2443*Input!$C$22,0)</f>
        <v>0.43352707536949803</v>
      </c>
      <c r="O2443" s="59">
        <f>IF(Input!$D$19=2,J2443*Input!$C$19,0)+IF(Input!$D$20=2,K2443*Input!$C$20,0)+IF(Input!$D$21=2,L2443*Input!$C$21,0)+IF(Input!$D$22=2,M2443*Input!$C$22,0)</f>
        <v>1.0838176884237449</v>
      </c>
      <c r="P2443" s="59">
        <f>IF(Input!$D$19=3,J2443*Input!$C$19,0)+IF(Input!$D$20=3,K2443*Input!$C$20,0)+IF(Input!$D$21=3,L2443*Input!$C$21,0)+IF(Input!$D$22=3,M2443*Input!$C$22,0)</f>
        <v>0</v>
      </c>
      <c r="Q2443" s="75">
        <f>IF(Input!$D$19=4,J2443*Input!$C$19,0)+IF(Input!$D$20=4,K2443*Input!$C$20,0)+IF(Input!$D$21=4,L2443*Input!$C$21,0)+IF(Input!$D$22=4,M2443*Input!$C$22,0)</f>
        <v>0</v>
      </c>
      <c r="R2443" s="58">
        <v>68.591781595612559</v>
      </c>
      <c r="S2443" s="124">
        <f t="shared" si="38"/>
        <v>1.8786173266011581</v>
      </c>
    </row>
    <row r="2444" spans="8:19" x14ac:dyDescent="0.3">
      <c r="H2444" s="44">
        <v>2437</v>
      </c>
      <c r="I2444" s="56">
        <f>Bühler!I2470</f>
        <v>0.43352707536949803</v>
      </c>
      <c r="J2444" s="59">
        <f>Bühler!J2470</f>
        <v>1.4450902512316601</v>
      </c>
      <c r="K2444" s="59">
        <f>Bühler!K2470</f>
        <v>2.1676353768474899</v>
      </c>
      <c r="L2444" s="59">
        <f>Bühler!L2470</f>
        <v>10.404649808867953</v>
      </c>
      <c r="M2444" s="58">
        <f>Bühler!M2470</f>
        <v>0</v>
      </c>
      <c r="N2444" s="56">
        <f>IF(Input!$D$19=1,J2444*Input!$C$19,0)+IF(Input!$D$20=1,K2444*Input!$C$20,0)+IF(Input!$D$21=1,L2444*Input!$C$21,0)+IF(Input!$D$22=1,M2444*Input!$C$22,0)</f>
        <v>0.43352707536949803</v>
      </c>
      <c r="O2444" s="59">
        <f>IF(Input!$D$19=2,J2444*Input!$C$19,0)+IF(Input!$D$20=2,K2444*Input!$C$20,0)+IF(Input!$D$21=2,L2444*Input!$C$21,0)+IF(Input!$D$22=2,M2444*Input!$C$22,0)</f>
        <v>1.0838176884237449</v>
      </c>
      <c r="P2444" s="59">
        <f>IF(Input!$D$19=3,J2444*Input!$C$19,0)+IF(Input!$D$20=3,K2444*Input!$C$20,0)+IF(Input!$D$21=3,L2444*Input!$C$21,0)+IF(Input!$D$22=3,M2444*Input!$C$22,0)</f>
        <v>0</v>
      </c>
      <c r="Q2444" s="75">
        <f>IF(Input!$D$19=4,J2444*Input!$C$19,0)+IF(Input!$D$20=4,K2444*Input!$C$20,0)+IF(Input!$D$21=4,L2444*Input!$C$21,0)+IF(Input!$D$22=4,M2444*Input!$C$22,0)</f>
        <v>0</v>
      </c>
      <c r="R2444" s="58">
        <v>67.639823070347802</v>
      </c>
      <c r="S2444" s="124">
        <f t="shared" si="38"/>
        <v>1.8786173266011581</v>
      </c>
    </row>
    <row r="2445" spans="8:19" x14ac:dyDescent="0.3">
      <c r="H2445" s="44">
        <v>2438</v>
      </c>
      <c r="I2445" s="56">
        <f>Bühler!I2471</f>
        <v>0.43352707536949803</v>
      </c>
      <c r="J2445" s="59">
        <f>Bühler!J2471</f>
        <v>1.4450902512316601</v>
      </c>
      <c r="K2445" s="59">
        <f>Bühler!K2471</f>
        <v>2.1676353768474899</v>
      </c>
      <c r="L2445" s="59">
        <f>Bühler!L2471</f>
        <v>10.404649808867953</v>
      </c>
      <c r="M2445" s="58">
        <f>Bühler!M2471</f>
        <v>0</v>
      </c>
      <c r="N2445" s="56">
        <f>IF(Input!$D$19=1,J2445*Input!$C$19,0)+IF(Input!$D$20=1,K2445*Input!$C$20,0)+IF(Input!$D$21=1,L2445*Input!$C$21,0)+IF(Input!$D$22=1,M2445*Input!$C$22,0)</f>
        <v>0.43352707536949803</v>
      </c>
      <c r="O2445" s="59">
        <f>IF(Input!$D$19=2,J2445*Input!$C$19,0)+IF(Input!$D$20=2,K2445*Input!$C$20,0)+IF(Input!$D$21=2,L2445*Input!$C$21,0)+IF(Input!$D$22=2,M2445*Input!$C$22,0)</f>
        <v>1.0838176884237449</v>
      </c>
      <c r="P2445" s="59">
        <f>IF(Input!$D$19=3,J2445*Input!$C$19,0)+IF(Input!$D$20=3,K2445*Input!$C$20,0)+IF(Input!$D$21=3,L2445*Input!$C$21,0)+IF(Input!$D$22=3,M2445*Input!$C$22,0)</f>
        <v>0</v>
      </c>
      <c r="Q2445" s="75">
        <f>IF(Input!$D$19=4,J2445*Input!$C$19,0)+IF(Input!$D$20=4,K2445*Input!$C$20,0)+IF(Input!$D$21=4,L2445*Input!$C$21,0)+IF(Input!$D$22=4,M2445*Input!$C$22,0)</f>
        <v>0</v>
      </c>
      <c r="R2445" s="58">
        <v>67.84543292038714</v>
      </c>
      <c r="S2445" s="124">
        <f t="shared" si="38"/>
        <v>1.8786173266011581</v>
      </c>
    </row>
    <row r="2446" spans="8:19" x14ac:dyDescent="0.3">
      <c r="H2446" s="44">
        <v>2439</v>
      </c>
      <c r="I2446" s="56">
        <f>Bühler!I2472</f>
        <v>0.43352707536949803</v>
      </c>
      <c r="J2446" s="59">
        <f>Bühler!J2472</f>
        <v>1.4450902512316601</v>
      </c>
      <c r="K2446" s="59">
        <f>Bühler!K2472</f>
        <v>2.1676353768474899</v>
      </c>
      <c r="L2446" s="59">
        <f>Bühler!L2472</f>
        <v>10.404649808867953</v>
      </c>
      <c r="M2446" s="58">
        <f>Bühler!M2472</f>
        <v>0</v>
      </c>
      <c r="N2446" s="56">
        <f>IF(Input!$D$19=1,J2446*Input!$C$19,0)+IF(Input!$D$20=1,K2446*Input!$C$20,0)+IF(Input!$D$21=1,L2446*Input!$C$21,0)+IF(Input!$D$22=1,M2446*Input!$C$22,0)</f>
        <v>0.43352707536949803</v>
      </c>
      <c r="O2446" s="59">
        <f>IF(Input!$D$19=2,J2446*Input!$C$19,0)+IF(Input!$D$20=2,K2446*Input!$C$20,0)+IF(Input!$D$21=2,L2446*Input!$C$21,0)+IF(Input!$D$22=2,M2446*Input!$C$22,0)</f>
        <v>1.0838176884237449</v>
      </c>
      <c r="P2446" s="59">
        <f>IF(Input!$D$19=3,J2446*Input!$C$19,0)+IF(Input!$D$20=3,K2446*Input!$C$20,0)+IF(Input!$D$21=3,L2446*Input!$C$21,0)+IF(Input!$D$22=3,M2446*Input!$C$22,0)</f>
        <v>0</v>
      </c>
      <c r="Q2446" s="75">
        <f>IF(Input!$D$19=4,J2446*Input!$C$19,0)+IF(Input!$D$20=4,K2446*Input!$C$20,0)+IF(Input!$D$21=4,L2446*Input!$C$21,0)+IF(Input!$D$22=4,M2446*Input!$C$22,0)</f>
        <v>0</v>
      </c>
      <c r="R2446" s="58">
        <v>68.485908875504919</v>
      </c>
      <c r="S2446" s="124">
        <f t="shared" si="38"/>
        <v>1.8786173266011581</v>
      </c>
    </row>
    <row r="2447" spans="8:19" x14ac:dyDescent="0.3">
      <c r="H2447" s="44">
        <v>2440</v>
      </c>
      <c r="I2447" s="56">
        <f>Bühler!I2473</f>
        <v>0.43352707536949803</v>
      </c>
      <c r="J2447" s="59">
        <f>Bühler!J2473</f>
        <v>1.4450902512316601</v>
      </c>
      <c r="K2447" s="59">
        <f>Bühler!K2473</f>
        <v>2.1676353768474899</v>
      </c>
      <c r="L2447" s="59">
        <f>Bühler!L2473</f>
        <v>10.404649808867953</v>
      </c>
      <c r="M2447" s="58">
        <f>Bühler!M2473</f>
        <v>0</v>
      </c>
      <c r="N2447" s="56">
        <f>IF(Input!$D$19=1,J2447*Input!$C$19,0)+IF(Input!$D$20=1,K2447*Input!$C$20,0)+IF(Input!$D$21=1,L2447*Input!$C$21,0)+IF(Input!$D$22=1,M2447*Input!$C$22,0)</f>
        <v>0.43352707536949803</v>
      </c>
      <c r="O2447" s="59">
        <f>IF(Input!$D$19=2,J2447*Input!$C$19,0)+IF(Input!$D$20=2,K2447*Input!$C$20,0)+IF(Input!$D$21=2,L2447*Input!$C$21,0)+IF(Input!$D$22=2,M2447*Input!$C$22,0)</f>
        <v>1.0838176884237449</v>
      </c>
      <c r="P2447" s="59">
        <f>IF(Input!$D$19=3,J2447*Input!$C$19,0)+IF(Input!$D$20=3,K2447*Input!$C$20,0)+IF(Input!$D$21=3,L2447*Input!$C$21,0)+IF(Input!$D$22=3,M2447*Input!$C$22,0)</f>
        <v>0</v>
      </c>
      <c r="Q2447" s="75">
        <f>IF(Input!$D$19=4,J2447*Input!$C$19,0)+IF(Input!$D$20=4,K2447*Input!$C$20,0)+IF(Input!$D$21=4,L2447*Input!$C$21,0)+IF(Input!$D$22=4,M2447*Input!$C$22,0)</f>
        <v>0</v>
      </c>
      <c r="R2447" s="58">
        <v>67.931881132543211</v>
      </c>
      <c r="S2447" s="124">
        <f t="shared" si="38"/>
        <v>1.8786173266011581</v>
      </c>
    </row>
    <row r="2448" spans="8:19" x14ac:dyDescent="0.3">
      <c r="H2448" s="44">
        <v>2441</v>
      </c>
      <c r="I2448" s="56">
        <f>Bühler!I2474</f>
        <v>0.43352707536949803</v>
      </c>
      <c r="J2448" s="59">
        <f>Bühler!J2474</f>
        <v>1.4450902512316601</v>
      </c>
      <c r="K2448" s="59">
        <f>Bühler!K2474</f>
        <v>2.1676353768474899</v>
      </c>
      <c r="L2448" s="59">
        <f>Bühler!L2474</f>
        <v>10.404649808867953</v>
      </c>
      <c r="M2448" s="58">
        <f>Bühler!M2474</f>
        <v>0</v>
      </c>
      <c r="N2448" s="56">
        <f>IF(Input!$D$19=1,J2448*Input!$C$19,0)+IF(Input!$D$20=1,K2448*Input!$C$20,0)+IF(Input!$D$21=1,L2448*Input!$C$21,0)+IF(Input!$D$22=1,M2448*Input!$C$22,0)</f>
        <v>0.43352707536949803</v>
      </c>
      <c r="O2448" s="59">
        <f>IF(Input!$D$19=2,J2448*Input!$C$19,0)+IF(Input!$D$20=2,K2448*Input!$C$20,0)+IF(Input!$D$21=2,L2448*Input!$C$21,0)+IF(Input!$D$22=2,M2448*Input!$C$22,0)</f>
        <v>1.0838176884237449</v>
      </c>
      <c r="P2448" s="59">
        <f>IF(Input!$D$19=3,J2448*Input!$C$19,0)+IF(Input!$D$20=3,K2448*Input!$C$20,0)+IF(Input!$D$21=3,L2448*Input!$C$21,0)+IF(Input!$D$22=3,M2448*Input!$C$22,0)</f>
        <v>0</v>
      </c>
      <c r="Q2448" s="75">
        <f>IF(Input!$D$19=4,J2448*Input!$C$19,0)+IF(Input!$D$20=4,K2448*Input!$C$20,0)+IF(Input!$D$21=4,L2448*Input!$C$21,0)+IF(Input!$D$22=4,M2448*Input!$C$22,0)</f>
        <v>0</v>
      </c>
      <c r="R2448" s="58">
        <v>66.950298443879149</v>
      </c>
      <c r="S2448" s="124">
        <f t="shared" si="38"/>
        <v>1.8786173266011581</v>
      </c>
    </row>
    <row r="2449" spans="8:19" x14ac:dyDescent="0.3">
      <c r="H2449" s="44">
        <v>2442</v>
      </c>
      <c r="I2449" s="56">
        <f>Bühler!I2475</f>
        <v>0.43352707536949803</v>
      </c>
      <c r="J2449" s="59">
        <f>Bühler!J2475</f>
        <v>1.4450902512316601</v>
      </c>
      <c r="K2449" s="59">
        <f>Bühler!K2475</f>
        <v>2.1676353768474899</v>
      </c>
      <c r="L2449" s="59">
        <f>Bühler!L2475</f>
        <v>10.404649808867953</v>
      </c>
      <c r="M2449" s="58">
        <f>Bühler!M2475</f>
        <v>0</v>
      </c>
      <c r="N2449" s="56">
        <f>IF(Input!$D$19=1,J2449*Input!$C$19,0)+IF(Input!$D$20=1,K2449*Input!$C$20,0)+IF(Input!$D$21=1,L2449*Input!$C$21,0)+IF(Input!$D$22=1,M2449*Input!$C$22,0)</f>
        <v>0.43352707536949803</v>
      </c>
      <c r="O2449" s="59">
        <f>IF(Input!$D$19=2,J2449*Input!$C$19,0)+IF(Input!$D$20=2,K2449*Input!$C$20,0)+IF(Input!$D$21=2,L2449*Input!$C$21,0)+IF(Input!$D$22=2,M2449*Input!$C$22,0)</f>
        <v>1.0838176884237449</v>
      </c>
      <c r="P2449" s="59">
        <f>IF(Input!$D$19=3,J2449*Input!$C$19,0)+IF(Input!$D$20=3,K2449*Input!$C$20,0)+IF(Input!$D$21=3,L2449*Input!$C$21,0)+IF(Input!$D$22=3,M2449*Input!$C$22,0)</f>
        <v>0</v>
      </c>
      <c r="Q2449" s="75">
        <f>IF(Input!$D$19=4,J2449*Input!$C$19,0)+IF(Input!$D$20=4,K2449*Input!$C$20,0)+IF(Input!$D$21=4,L2449*Input!$C$21,0)+IF(Input!$D$22=4,M2449*Input!$C$22,0)</f>
        <v>0</v>
      </c>
      <c r="R2449" s="58">
        <v>65.557643197423886</v>
      </c>
      <c r="S2449" s="124">
        <f t="shared" si="38"/>
        <v>1.8786173266011581</v>
      </c>
    </row>
    <row r="2450" spans="8:19" x14ac:dyDescent="0.3">
      <c r="H2450" s="44">
        <v>2443</v>
      </c>
      <c r="I2450" s="56">
        <f>Bühler!I2476</f>
        <v>0.43352707536949803</v>
      </c>
      <c r="J2450" s="59">
        <f>Bühler!J2476</f>
        <v>1.4450902512316601</v>
      </c>
      <c r="K2450" s="59">
        <f>Bühler!K2476</f>
        <v>2.1676353768474899</v>
      </c>
      <c r="L2450" s="59">
        <f>Bühler!L2476</f>
        <v>10.404649808867953</v>
      </c>
      <c r="M2450" s="58">
        <f>Bühler!M2476</f>
        <v>0</v>
      </c>
      <c r="N2450" s="56">
        <f>IF(Input!$D$19=1,J2450*Input!$C$19,0)+IF(Input!$D$20=1,K2450*Input!$C$20,0)+IF(Input!$D$21=1,L2450*Input!$C$21,0)+IF(Input!$D$22=1,M2450*Input!$C$22,0)</f>
        <v>0.43352707536949803</v>
      </c>
      <c r="O2450" s="59">
        <f>IF(Input!$D$19=2,J2450*Input!$C$19,0)+IF(Input!$D$20=2,K2450*Input!$C$20,0)+IF(Input!$D$21=2,L2450*Input!$C$21,0)+IF(Input!$D$22=2,M2450*Input!$C$22,0)</f>
        <v>1.0838176884237449</v>
      </c>
      <c r="P2450" s="59">
        <f>IF(Input!$D$19=3,J2450*Input!$C$19,0)+IF(Input!$D$20=3,K2450*Input!$C$20,0)+IF(Input!$D$21=3,L2450*Input!$C$21,0)+IF(Input!$D$22=3,M2450*Input!$C$22,0)</f>
        <v>0</v>
      </c>
      <c r="Q2450" s="75">
        <f>IF(Input!$D$19=4,J2450*Input!$C$19,0)+IF(Input!$D$20=4,K2450*Input!$C$20,0)+IF(Input!$D$21=4,L2450*Input!$C$21,0)+IF(Input!$D$22=4,M2450*Input!$C$22,0)</f>
        <v>0</v>
      </c>
      <c r="R2450" s="58">
        <v>64.326063801022201</v>
      </c>
      <c r="S2450" s="124">
        <f t="shared" si="38"/>
        <v>1.8786173266011581</v>
      </c>
    </row>
    <row r="2451" spans="8:19" x14ac:dyDescent="0.3">
      <c r="H2451" s="44">
        <v>2444</v>
      </c>
      <c r="I2451" s="56">
        <f>Bühler!I2477</f>
        <v>0.36127256280791503</v>
      </c>
      <c r="J2451" s="59">
        <f>Bühler!J2477</f>
        <v>1.2042418760263836</v>
      </c>
      <c r="K2451" s="59">
        <f>Bühler!K2477</f>
        <v>1.8063628140395753</v>
      </c>
      <c r="L2451" s="59">
        <f>Bühler!L2477</f>
        <v>8.6705415073899612</v>
      </c>
      <c r="M2451" s="58">
        <f>Bühler!M2477</f>
        <v>0</v>
      </c>
      <c r="N2451" s="56">
        <f>IF(Input!$D$19=1,J2451*Input!$C$19,0)+IF(Input!$D$20=1,K2451*Input!$C$20,0)+IF(Input!$D$21=1,L2451*Input!$C$21,0)+IF(Input!$D$22=1,M2451*Input!$C$22,0)</f>
        <v>0.36127256280791503</v>
      </c>
      <c r="O2451" s="59">
        <f>IF(Input!$D$19=2,J2451*Input!$C$19,0)+IF(Input!$D$20=2,K2451*Input!$C$20,0)+IF(Input!$D$21=2,L2451*Input!$C$21,0)+IF(Input!$D$22=2,M2451*Input!$C$22,0)</f>
        <v>0.90318140701978766</v>
      </c>
      <c r="P2451" s="59">
        <f>IF(Input!$D$19=3,J2451*Input!$C$19,0)+IF(Input!$D$20=3,K2451*Input!$C$20,0)+IF(Input!$D$21=3,L2451*Input!$C$21,0)+IF(Input!$D$22=3,M2451*Input!$C$22,0)</f>
        <v>0</v>
      </c>
      <c r="Q2451" s="75">
        <f>IF(Input!$D$19=4,J2451*Input!$C$19,0)+IF(Input!$D$20=4,K2451*Input!$C$20,0)+IF(Input!$D$21=4,L2451*Input!$C$21,0)+IF(Input!$D$22=4,M2451*Input!$C$22,0)</f>
        <v>0</v>
      </c>
      <c r="R2451" s="58">
        <v>62.549857135602402</v>
      </c>
      <c r="S2451" s="124">
        <f t="shared" si="38"/>
        <v>1.5655144388342985</v>
      </c>
    </row>
    <row r="2452" spans="8:19" x14ac:dyDescent="0.3">
      <c r="H2452" s="44">
        <v>2445</v>
      </c>
      <c r="I2452" s="56">
        <f>Bühler!I2478</f>
        <v>0.28901805024633204</v>
      </c>
      <c r="J2452" s="59">
        <f>Bühler!J2478</f>
        <v>0.96339350082110686</v>
      </c>
      <c r="K2452" s="59">
        <f>Bühler!K2478</f>
        <v>1.4450902512316601</v>
      </c>
      <c r="L2452" s="59">
        <f>Bühler!L2478</f>
        <v>6.9364332059119693</v>
      </c>
      <c r="M2452" s="58">
        <f>Bühler!M2478</f>
        <v>0</v>
      </c>
      <c r="N2452" s="56">
        <f>IF(Input!$D$19=1,J2452*Input!$C$19,0)+IF(Input!$D$20=1,K2452*Input!$C$20,0)+IF(Input!$D$21=1,L2452*Input!$C$21,0)+IF(Input!$D$22=1,M2452*Input!$C$22,0)</f>
        <v>0.28901805024633204</v>
      </c>
      <c r="O2452" s="59">
        <f>IF(Input!$D$19=2,J2452*Input!$C$19,0)+IF(Input!$D$20=2,K2452*Input!$C$20,0)+IF(Input!$D$21=2,L2452*Input!$C$21,0)+IF(Input!$D$22=2,M2452*Input!$C$22,0)</f>
        <v>0.72254512561583006</v>
      </c>
      <c r="P2452" s="59">
        <f>IF(Input!$D$19=3,J2452*Input!$C$19,0)+IF(Input!$D$20=3,K2452*Input!$C$20,0)+IF(Input!$D$21=3,L2452*Input!$C$21,0)+IF(Input!$D$22=3,M2452*Input!$C$22,0)</f>
        <v>0</v>
      </c>
      <c r="Q2452" s="75">
        <f>IF(Input!$D$19=4,J2452*Input!$C$19,0)+IF(Input!$D$20=4,K2452*Input!$C$20,0)+IF(Input!$D$21=4,L2452*Input!$C$21,0)+IF(Input!$D$22=4,M2452*Input!$C$22,0)</f>
        <v>0</v>
      </c>
      <c r="R2452" s="58">
        <v>60.164306935944751</v>
      </c>
      <c r="S2452" s="124">
        <f t="shared" si="38"/>
        <v>1.252411551067439</v>
      </c>
    </row>
    <row r="2453" spans="8:19" x14ac:dyDescent="0.3">
      <c r="H2453" s="44">
        <v>2446</v>
      </c>
      <c r="I2453" s="56">
        <f>Bühler!I2479</f>
        <v>0.21676353768474901</v>
      </c>
      <c r="J2453" s="59">
        <f>Bühler!J2479</f>
        <v>0.72254512561583006</v>
      </c>
      <c r="K2453" s="59">
        <f>Bühler!K2479</f>
        <v>1.0838176884237449</v>
      </c>
      <c r="L2453" s="59">
        <f>Bühler!L2479</f>
        <v>5.2023249044339765</v>
      </c>
      <c r="M2453" s="58">
        <f>Bühler!M2479</f>
        <v>0</v>
      </c>
      <c r="N2453" s="56">
        <f>IF(Input!$D$19=1,J2453*Input!$C$19,0)+IF(Input!$D$20=1,K2453*Input!$C$20,0)+IF(Input!$D$21=1,L2453*Input!$C$21,0)+IF(Input!$D$22=1,M2453*Input!$C$22,0)</f>
        <v>0.21676353768474901</v>
      </c>
      <c r="O2453" s="59">
        <f>IF(Input!$D$19=2,J2453*Input!$C$19,0)+IF(Input!$D$20=2,K2453*Input!$C$20,0)+IF(Input!$D$21=2,L2453*Input!$C$21,0)+IF(Input!$D$22=2,M2453*Input!$C$22,0)</f>
        <v>0.54190884421187246</v>
      </c>
      <c r="P2453" s="59">
        <f>IF(Input!$D$19=3,J2453*Input!$C$19,0)+IF(Input!$D$20=3,K2453*Input!$C$20,0)+IF(Input!$D$21=3,L2453*Input!$C$21,0)+IF(Input!$D$22=3,M2453*Input!$C$22,0)</f>
        <v>0</v>
      </c>
      <c r="Q2453" s="75">
        <f>IF(Input!$D$19=4,J2453*Input!$C$19,0)+IF(Input!$D$20=4,K2453*Input!$C$20,0)+IF(Input!$D$21=4,L2453*Input!$C$21,0)+IF(Input!$D$22=4,M2453*Input!$C$22,0)</f>
        <v>0</v>
      </c>
      <c r="R2453" s="58">
        <v>59.251538293793622</v>
      </c>
      <c r="S2453" s="124">
        <f t="shared" si="38"/>
        <v>0.93930866330057905</v>
      </c>
    </row>
    <row r="2454" spans="8:19" x14ac:dyDescent="0.3">
      <c r="H2454" s="44">
        <v>2447</v>
      </c>
      <c r="I2454" s="56">
        <f>Bühler!I2480</f>
        <v>0.21676353768474901</v>
      </c>
      <c r="J2454" s="59">
        <f>Bühler!J2480</f>
        <v>0.72254512561583006</v>
      </c>
      <c r="K2454" s="59">
        <f>Bühler!K2480</f>
        <v>1.0838176884237449</v>
      </c>
      <c r="L2454" s="59">
        <f>Bühler!L2480</f>
        <v>5.2023249044339765</v>
      </c>
      <c r="M2454" s="58">
        <f>Bühler!M2480</f>
        <v>0</v>
      </c>
      <c r="N2454" s="56">
        <f>IF(Input!$D$19=1,J2454*Input!$C$19,0)+IF(Input!$D$20=1,K2454*Input!$C$20,0)+IF(Input!$D$21=1,L2454*Input!$C$21,0)+IF(Input!$D$22=1,M2454*Input!$C$22,0)</f>
        <v>0.21676353768474901</v>
      </c>
      <c r="O2454" s="59">
        <f>IF(Input!$D$19=2,J2454*Input!$C$19,0)+IF(Input!$D$20=2,K2454*Input!$C$20,0)+IF(Input!$D$21=2,L2454*Input!$C$21,0)+IF(Input!$D$22=2,M2454*Input!$C$22,0)</f>
        <v>0.54190884421187246</v>
      </c>
      <c r="P2454" s="59">
        <f>IF(Input!$D$19=3,J2454*Input!$C$19,0)+IF(Input!$D$20=3,K2454*Input!$C$20,0)+IF(Input!$D$21=3,L2454*Input!$C$21,0)+IF(Input!$D$22=3,M2454*Input!$C$22,0)</f>
        <v>0</v>
      </c>
      <c r="Q2454" s="75">
        <f>IF(Input!$D$19=4,J2454*Input!$C$19,0)+IF(Input!$D$20=4,K2454*Input!$C$20,0)+IF(Input!$D$21=4,L2454*Input!$C$21,0)+IF(Input!$D$22=4,M2454*Input!$C$22,0)</f>
        <v>0</v>
      </c>
      <c r="R2454" s="58">
        <v>58.449523192438356</v>
      </c>
      <c r="S2454" s="124">
        <f t="shared" si="38"/>
        <v>0.93930866330057905</v>
      </c>
    </row>
    <row r="2455" spans="8:19" x14ac:dyDescent="0.3">
      <c r="H2455" s="44">
        <v>2448</v>
      </c>
      <c r="I2455" s="56">
        <f>Bühler!I2481</f>
        <v>0.21676353768474901</v>
      </c>
      <c r="J2455" s="59">
        <f>Bühler!J2481</f>
        <v>0.72254512561583006</v>
      </c>
      <c r="K2455" s="59">
        <f>Bühler!K2481</f>
        <v>1.0838176884237449</v>
      </c>
      <c r="L2455" s="59">
        <f>Bühler!L2481</f>
        <v>5.2023249044339765</v>
      </c>
      <c r="M2455" s="58">
        <f>Bühler!M2481</f>
        <v>0</v>
      </c>
      <c r="N2455" s="56">
        <f>IF(Input!$D$19=1,J2455*Input!$C$19,0)+IF(Input!$D$20=1,K2455*Input!$C$20,0)+IF(Input!$D$21=1,L2455*Input!$C$21,0)+IF(Input!$D$22=1,M2455*Input!$C$22,0)</f>
        <v>0.21676353768474901</v>
      </c>
      <c r="O2455" s="59">
        <f>IF(Input!$D$19=2,J2455*Input!$C$19,0)+IF(Input!$D$20=2,K2455*Input!$C$20,0)+IF(Input!$D$21=2,L2455*Input!$C$21,0)+IF(Input!$D$22=2,M2455*Input!$C$22,0)</f>
        <v>0.54190884421187246</v>
      </c>
      <c r="P2455" s="59">
        <f>IF(Input!$D$19=3,J2455*Input!$C$19,0)+IF(Input!$D$20=3,K2455*Input!$C$20,0)+IF(Input!$D$21=3,L2455*Input!$C$21,0)+IF(Input!$D$22=3,M2455*Input!$C$22,0)</f>
        <v>0</v>
      </c>
      <c r="Q2455" s="75">
        <f>IF(Input!$D$19=4,J2455*Input!$C$19,0)+IF(Input!$D$20=4,K2455*Input!$C$20,0)+IF(Input!$D$21=4,L2455*Input!$C$21,0)+IF(Input!$D$22=4,M2455*Input!$C$22,0)</f>
        <v>0</v>
      </c>
      <c r="R2455" s="58">
        <v>58.354289338288055</v>
      </c>
      <c r="S2455" s="124">
        <f t="shared" si="38"/>
        <v>0.93930866330057905</v>
      </c>
    </row>
    <row r="2456" spans="8:19" x14ac:dyDescent="0.3">
      <c r="H2456" s="44">
        <v>2449</v>
      </c>
      <c r="I2456" s="56">
        <f>Bühler!I2482</f>
        <v>0.23821983844390726</v>
      </c>
      <c r="J2456" s="59">
        <f>Bühler!J2482</f>
        <v>0.79406612814635757</v>
      </c>
      <c r="K2456" s="59">
        <f>Bühler!K2482</f>
        <v>1.1910991922195362</v>
      </c>
      <c r="L2456" s="59">
        <f>Bühler!L2482</f>
        <v>5.7172761226537743</v>
      </c>
      <c r="M2456" s="58">
        <f>Bühler!M2482</f>
        <v>0</v>
      </c>
      <c r="N2456" s="56">
        <f>IF(Input!$D$19=1,J2456*Input!$C$19,0)+IF(Input!$D$20=1,K2456*Input!$C$20,0)+IF(Input!$D$21=1,L2456*Input!$C$21,0)+IF(Input!$D$22=1,M2456*Input!$C$22,0)</f>
        <v>0.23821983844390726</v>
      </c>
      <c r="O2456" s="59">
        <f>IF(Input!$D$19=2,J2456*Input!$C$19,0)+IF(Input!$D$20=2,K2456*Input!$C$20,0)+IF(Input!$D$21=2,L2456*Input!$C$21,0)+IF(Input!$D$22=2,M2456*Input!$C$22,0)</f>
        <v>0.5955495961097681</v>
      </c>
      <c r="P2456" s="59">
        <f>IF(Input!$D$19=3,J2456*Input!$C$19,0)+IF(Input!$D$20=3,K2456*Input!$C$20,0)+IF(Input!$D$21=3,L2456*Input!$C$21,0)+IF(Input!$D$22=3,M2456*Input!$C$22,0)</f>
        <v>0</v>
      </c>
      <c r="Q2456" s="75">
        <f>IF(Input!$D$19=4,J2456*Input!$C$19,0)+IF(Input!$D$20=4,K2456*Input!$C$20,0)+IF(Input!$D$21=4,L2456*Input!$C$21,0)+IF(Input!$D$22=4,M2456*Input!$C$22,0)</f>
        <v>0</v>
      </c>
      <c r="R2456" s="58">
        <v>57.698051545274275</v>
      </c>
      <c r="S2456" s="124">
        <f t="shared" si="38"/>
        <v>1.0322859665902648</v>
      </c>
    </row>
    <row r="2457" spans="8:19" x14ac:dyDescent="0.3">
      <c r="H2457" s="44">
        <v>2450</v>
      </c>
      <c r="I2457" s="56">
        <f>Bühler!I2483</f>
        <v>0.23821983844390726</v>
      </c>
      <c r="J2457" s="59">
        <f>Bühler!J2483</f>
        <v>0.79406612814635757</v>
      </c>
      <c r="K2457" s="59">
        <f>Bühler!K2483</f>
        <v>1.1910991922195362</v>
      </c>
      <c r="L2457" s="59">
        <f>Bühler!L2483</f>
        <v>5.7172761226537743</v>
      </c>
      <c r="M2457" s="58">
        <f>Bühler!M2483</f>
        <v>0</v>
      </c>
      <c r="N2457" s="56">
        <f>IF(Input!$D$19=1,J2457*Input!$C$19,0)+IF(Input!$D$20=1,K2457*Input!$C$20,0)+IF(Input!$D$21=1,L2457*Input!$C$21,0)+IF(Input!$D$22=1,M2457*Input!$C$22,0)</f>
        <v>0.23821983844390726</v>
      </c>
      <c r="O2457" s="59">
        <f>IF(Input!$D$19=2,J2457*Input!$C$19,0)+IF(Input!$D$20=2,K2457*Input!$C$20,0)+IF(Input!$D$21=2,L2457*Input!$C$21,0)+IF(Input!$D$22=2,M2457*Input!$C$22,0)</f>
        <v>0.5955495961097681</v>
      </c>
      <c r="P2457" s="59">
        <f>IF(Input!$D$19=3,J2457*Input!$C$19,0)+IF(Input!$D$20=3,K2457*Input!$C$20,0)+IF(Input!$D$21=3,L2457*Input!$C$21,0)+IF(Input!$D$22=3,M2457*Input!$C$22,0)</f>
        <v>0</v>
      </c>
      <c r="Q2457" s="75">
        <f>IF(Input!$D$19=4,J2457*Input!$C$19,0)+IF(Input!$D$20=4,K2457*Input!$C$20,0)+IF(Input!$D$21=4,L2457*Input!$C$21,0)+IF(Input!$D$22=4,M2457*Input!$C$22,0)</f>
        <v>0</v>
      </c>
      <c r="R2457" s="58">
        <v>56.903309729160647</v>
      </c>
      <c r="S2457" s="124">
        <f t="shared" si="38"/>
        <v>1.0322859665902648</v>
      </c>
    </row>
    <row r="2458" spans="8:19" x14ac:dyDescent="0.3">
      <c r="H2458" s="44">
        <v>2451</v>
      </c>
      <c r="I2458" s="56">
        <f>Bühler!I2484</f>
        <v>0.23821983844390726</v>
      </c>
      <c r="J2458" s="59">
        <f>Bühler!J2484</f>
        <v>0.79406612814635757</v>
      </c>
      <c r="K2458" s="59">
        <f>Bühler!K2484</f>
        <v>1.1910991922195362</v>
      </c>
      <c r="L2458" s="59">
        <f>Bühler!L2484</f>
        <v>5.7172761226537743</v>
      </c>
      <c r="M2458" s="58">
        <f>Bühler!M2484</f>
        <v>0</v>
      </c>
      <c r="N2458" s="56">
        <f>IF(Input!$D$19=1,J2458*Input!$C$19,0)+IF(Input!$D$20=1,K2458*Input!$C$20,0)+IF(Input!$D$21=1,L2458*Input!$C$21,0)+IF(Input!$D$22=1,M2458*Input!$C$22,0)</f>
        <v>0.23821983844390726</v>
      </c>
      <c r="O2458" s="59">
        <f>IF(Input!$D$19=2,J2458*Input!$C$19,0)+IF(Input!$D$20=2,K2458*Input!$C$20,0)+IF(Input!$D$21=2,L2458*Input!$C$21,0)+IF(Input!$D$22=2,M2458*Input!$C$22,0)</f>
        <v>0.5955495961097681</v>
      </c>
      <c r="P2458" s="59">
        <f>IF(Input!$D$19=3,J2458*Input!$C$19,0)+IF(Input!$D$20=3,K2458*Input!$C$20,0)+IF(Input!$D$21=3,L2458*Input!$C$21,0)+IF(Input!$D$22=3,M2458*Input!$C$22,0)</f>
        <v>0</v>
      </c>
      <c r="Q2458" s="75">
        <f>IF(Input!$D$19=4,J2458*Input!$C$19,0)+IF(Input!$D$20=4,K2458*Input!$C$20,0)+IF(Input!$D$21=4,L2458*Input!$C$21,0)+IF(Input!$D$22=4,M2458*Input!$C$22,0)</f>
        <v>0</v>
      </c>
      <c r="R2458" s="58">
        <v>57.254564553628711</v>
      </c>
      <c r="S2458" s="124">
        <f t="shared" si="38"/>
        <v>1.0322859665902648</v>
      </c>
    </row>
    <row r="2459" spans="8:19" x14ac:dyDescent="0.3">
      <c r="H2459" s="44">
        <v>2452</v>
      </c>
      <c r="I2459" s="56">
        <f>Bühler!I2485</f>
        <v>0.23821983844390726</v>
      </c>
      <c r="J2459" s="59">
        <f>Bühler!J2485</f>
        <v>0.79406612814635757</v>
      </c>
      <c r="K2459" s="59">
        <f>Bühler!K2485</f>
        <v>1.1910991922195362</v>
      </c>
      <c r="L2459" s="59">
        <f>Bühler!L2485</f>
        <v>5.7172761226537743</v>
      </c>
      <c r="M2459" s="58">
        <f>Bühler!M2485</f>
        <v>0</v>
      </c>
      <c r="N2459" s="56">
        <f>IF(Input!$D$19=1,J2459*Input!$C$19,0)+IF(Input!$D$20=1,K2459*Input!$C$20,0)+IF(Input!$D$21=1,L2459*Input!$C$21,0)+IF(Input!$D$22=1,M2459*Input!$C$22,0)</f>
        <v>0.23821983844390726</v>
      </c>
      <c r="O2459" s="59">
        <f>IF(Input!$D$19=2,J2459*Input!$C$19,0)+IF(Input!$D$20=2,K2459*Input!$C$20,0)+IF(Input!$D$21=2,L2459*Input!$C$21,0)+IF(Input!$D$22=2,M2459*Input!$C$22,0)</f>
        <v>0.5955495961097681</v>
      </c>
      <c r="P2459" s="59">
        <f>IF(Input!$D$19=3,J2459*Input!$C$19,0)+IF(Input!$D$20=3,K2459*Input!$C$20,0)+IF(Input!$D$21=3,L2459*Input!$C$21,0)+IF(Input!$D$22=3,M2459*Input!$C$22,0)</f>
        <v>0</v>
      </c>
      <c r="Q2459" s="75">
        <f>IF(Input!$D$19=4,J2459*Input!$C$19,0)+IF(Input!$D$20=4,K2459*Input!$C$20,0)+IF(Input!$D$21=4,L2459*Input!$C$21,0)+IF(Input!$D$22=4,M2459*Input!$C$22,0)</f>
        <v>0</v>
      </c>
      <c r="R2459" s="58">
        <v>57.696579632056313</v>
      </c>
      <c r="S2459" s="124">
        <f t="shared" si="38"/>
        <v>1.0322859665902648</v>
      </c>
    </row>
    <row r="2460" spans="8:19" x14ac:dyDescent="0.3">
      <c r="H2460" s="44">
        <v>2453</v>
      </c>
      <c r="I2460" s="56">
        <f>Bühler!I2486</f>
        <v>0.23821983844390726</v>
      </c>
      <c r="J2460" s="59">
        <f>Bühler!J2486</f>
        <v>0.79406612814635757</v>
      </c>
      <c r="K2460" s="59">
        <f>Bühler!K2486</f>
        <v>1.1910991922195362</v>
      </c>
      <c r="L2460" s="59">
        <f>Bühler!L2486</f>
        <v>5.7172761226537743</v>
      </c>
      <c r="M2460" s="58">
        <f>Bühler!M2486</f>
        <v>0</v>
      </c>
      <c r="N2460" s="56">
        <f>IF(Input!$D$19=1,J2460*Input!$C$19,0)+IF(Input!$D$20=1,K2460*Input!$C$20,0)+IF(Input!$D$21=1,L2460*Input!$C$21,0)+IF(Input!$D$22=1,M2460*Input!$C$22,0)</f>
        <v>0.23821983844390726</v>
      </c>
      <c r="O2460" s="59">
        <f>IF(Input!$D$19=2,J2460*Input!$C$19,0)+IF(Input!$D$20=2,K2460*Input!$C$20,0)+IF(Input!$D$21=2,L2460*Input!$C$21,0)+IF(Input!$D$22=2,M2460*Input!$C$22,0)</f>
        <v>0.5955495961097681</v>
      </c>
      <c r="P2460" s="59">
        <f>IF(Input!$D$19=3,J2460*Input!$C$19,0)+IF(Input!$D$20=3,K2460*Input!$C$20,0)+IF(Input!$D$21=3,L2460*Input!$C$21,0)+IF(Input!$D$22=3,M2460*Input!$C$22,0)</f>
        <v>0</v>
      </c>
      <c r="Q2460" s="75">
        <f>IF(Input!$D$19=4,J2460*Input!$C$19,0)+IF(Input!$D$20=4,K2460*Input!$C$20,0)+IF(Input!$D$21=4,L2460*Input!$C$21,0)+IF(Input!$D$22=4,M2460*Input!$C$22,0)</f>
        <v>0</v>
      </c>
      <c r="R2460" s="58">
        <v>58.83154728936568</v>
      </c>
      <c r="S2460" s="124">
        <f t="shared" si="38"/>
        <v>1.0322859665902648</v>
      </c>
    </row>
    <row r="2461" spans="8:19" x14ac:dyDescent="0.3">
      <c r="H2461" s="44">
        <v>2454</v>
      </c>
      <c r="I2461" s="56">
        <f>Bühler!I2487</f>
        <v>0.30703890288325825</v>
      </c>
      <c r="J2461" s="59">
        <f>Bühler!J2487</f>
        <v>1.0234630096108608</v>
      </c>
      <c r="K2461" s="59">
        <f>Bühler!K2487</f>
        <v>1.5351945144162913</v>
      </c>
      <c r="L2461" s="59">
        <f>Bühler!L2487</f>
        <v>7.3689336691981975</v>
      </c>
      <c r="M2461" s="58">
        <f>Bühler!M2487</f>
        <v>0</v>
      </c>
      <c r="N2461" s="56">
        <f>IF(Input!$D$19=1,J2461*Input!$C$19,0)+IF(Input!$D$20=1,K2461*Input!$C$20,0)+IF(Input!$D$21=1,L2461*Input!$C$21,0)+IF(Input!$D$22=1,M2461*Input!$C$22,0)</f>
        <v>0.30703890288325825</v>
      </c>
      <c r="O2461" s="59">
        <f>IF(Input!$D$19=2,J2461*Input!$C$19,0)+IF(Input!$D$20=2,K2461*Input!$C$20,0)+IF(Input!$D$21=2,L2461*Input!$C$21,0)+IF(Input!$D$22=2,M2461*Input!$C$22,0)</f>
        <v>0.76759725720814564</v>
      </c>
      <c r="P2461" s="59">
        <f>IF(Input!$D$19=3,J2461*Input!$C$19,0)+IF(Input!$D$20=3,K2461*Input!$C$20,0)+IF(Input!$D$21=3,L2461*Input!$C$21,0)+IF(Input!$D$22=3,M2461*Input!$C$22,0)</f>
        <v>0</v>
      </c>
      <c r="Q2461" s="75">
        <f>IF(Input!$D$19=4,J2461*Input!$C$19,0)+IF(Input!$D$20=4,K2461*Input!$C$20,0)+IF(Input!$D$21=4,L2461*Input!$C$21,0)+IF(Input!$D$22=4,M2461*Input!$C$22,0)</f>
        <v>0</v>
      </c>
      <c r="R2461" s="58">
        <v>62.201509028371639</v>
      </c>
      <c r="S2461" s="124">
        <f t="shared" si="38"/>
        <v>1.3305019124941191</v>
      </c>
    </row>
    <row r="2462" spans="8:19" x14ac:dyDescent="0.3">
      <c r="H2462" s="44">
        <v>2455</v>
      </c>
      <c r="I2462" s="56">
        <f>Bühler!I2488</f>
        <v>0.3705641931349668</v>
      </c>
      <c r="J2462" s="59">
        <f>Bühler!J2488</f>
        <v>1.2352139771165562</v>
      </c>
      <c r="K2462" s="59">
        <f>Bühler!K2488</f>
        <v>1.852820965674834</v>
      </c>
      <c r="L2462" s="59">
        <f>Bühler!L2488</f>
        <v>8.8935406352392032</v>
      </c>
      <c r="M2462" s="58">
        <f>Bühler!M2488</f>
        <v>0</v>
      </c>
      <c r="N2462" s="56">
        <f>IF(Input!$D$19=1,J2462*Input!$C$19,0)+IF(Input!$D$20=1,K2462*Input!$C$20,0)+IF(Input!$D$21=1,L2462*Input!$C$21,0)+IF(Input!$D$22=1,M2462*Input!$C$22,0)</f>
        <v>0.37056419313496686</v>
      </c>
      <c r="O2462" s="59">
        <f>IF(Input!$D$19=2,J2462*Input!$C$19,0)+IF(Input!$D$20=2,K2462*Input!$C$20,0)+IF(Input!$D$21=2,L2462*Input!$C$21,0)+IF(Input!$D$22=2,M2462*Input!$C$22,0)</f>
        <v>0.926410482837417</v>
      </c>
      <c r="P2462" s="59">
        <f>IF(Input!$D$19=3,J2462*Input!$C$19,0)+IF(Input!$D$20=3,K2462*Input!$C$20,0)+IF(Input!$D$21=3,L2462*Input!$C$21,0)+IF(Input!$D$22=3,M2462*Input!$C$22,0)</f>
        <v>0</v>
      </c>
      <c r="Q2462" s="75">
        <f>IF(Input!$D$19=4,J2462*Input!$C$19,0)+IF(Input!$D$20=4,K2462*Input!$C$20,0)+IF(Input!$D$21=4,L2462*Input!$C$21,0)+IF(Input!$D$22=4,M2462*Input!$C$22,0)</f>
        <v>0</v>
      </c>
      <c r="R2462" s="58">
        <v>65.235905563009922</v>
      </c>
      <c r="S2462" s="124">
        <f t="shared" si="38"/>
        <v>1.605778170251523</v>
      </c>
    </row>
    <row r="2463" spans="8:19" x14ac:dyDescent="0.3">
      <c r="H2463" s="44">
        <v>2456</v>
      </c>
      <c r="I2463" s="56">
        <f>Bühler!I2489</f>
        <v>0.3705641931349668</v>
      </c>
      <c r="J2463" s="59">
        <f>Bühler!J2489</f>
        <v>1.2352139771165562</v>
      </c>
      <c r="K2463" s="59">
        <f>Bühler!K2489</f>
        <v>1.852820965674834</v>
      </c>
      <c r="L2463" s="59">
        <f>Bühler!L2489</f>
        <v>8.8935406352392032</v>
      </c>
      <c r="M2463" s="58">
        <f>Bühler!M2489</f>
        <v>0</v>
      </c>
      <c r="N2463" s="56">
        <f>IF(Input!$D$19=1,J2463*Input!$C$19,0)+IF(Input!$D$20=1,K2463*Input!$C$20,0)+IF(Input!$D$21=1,L2463*Input!$C$21,0)+IF(Input!$D$22=1,M2463*Input!$C$22,0)</f>
        <v>0.37056419313496686</v>
      </c>
      <c r="O2463" s="59">
        <f>IF(Input!$D$19=2,J2463*Input!$C$19,0)+IF(Input!$D$20=2,K2463*Input!$C$20,0)+IF(Input!$D$21=2,L2463*Input!$C$21,0)+IF(Input!$D$22=2,M2463*Input!$C$22,0)</f>
        <v>0.926410482837417</v>
      </c>
      <c r="P2463" s="59">
        <f>IF(Input!$D$19=3,J2463*Input!$C$19,0)+IF(Input!$D$20=3,K2463*Input!$C$20,0)+IF(Input!$D$21=3,L2463*Input!$C$21,0)+IF(Input!$D$22=3,M2463*Input!$C$22,0)</f>
        <v>0</v>
      </c>
      <c r="Q2463" s="75">
        <f>IF(Input!$D$19=4,J2463*Input!$C$19,0)+IF(Input!$D$20=4,K2463*Input!$C$20,0)+IF(Input!$D$21=4,L2463*Input!$C$21,0)+IF(Input!$D$22=4,M2463*Input!$C$22,0)</f>
        <v>0</v>
      </c>
      <c r="R2463" s="58">
        <v>67.400789482939118</v>
      </c>
      <c r="S2463" s="124">
        <f t="shared" si="38"/>
        <v>1.605778170251523</v>
      </c>
    </row>
    <row r="2464" spans="8:19" x14ac:dyDescent="0.3">
      <c r="H2464" s="44">
        <v>2457</v>
      </c>
      <c r="I2464" s="56">
        <f>Bühler!I2490</f>
        <v>0.3705641931349668</v>
      </c>
      <c r="J2464" s="59">
        <f>Bühler!J2490</f>
        <v>1.2352139771165562</v>
      </c>
      <c r="K2464" s="59">
        <f>Bühler!K2490</f>
        <v>1.852820965674834</v>
      </c>
      <c r="L2464" s="59">
        <f>Bühler!L2490</f>
        <v>8.8935406352392032</v>
      </c>
      <c r="M2464" s="58">
        <f>Bühler!M2490</f>
        <v>0</v>
      </c>
      <c r="N2464" s="56">
        <f>IF(Input!$D$19=1,J2464*Input!$C$19,0)+IF(Input!$D$20=1,K2464*Input!$C$20,0)+IF(Input!$D$21=1,L2464*Input!$C$21,0)+IF(Input!$D$22=1,M2464*Input!$C$22,0)</f>
        <v>0.37056419313496686</v>
      </c>
      <c r="O2464" s="59">
        <f>IF(Input!$D$19=2,J2464*Input!$C$19,0)+IF(Input!$D$20=2,K2464*Input!$C$20,0)+IF(Input!$D$21=2,L2464*Input!$C$21,0)+IF(Input!$D$22=2,M2464*Input!$C$22,0)</f>
        <v>0.926410482837417</v>
      </c>
      <c r="P2464" s="59">
        <f>IF(Input!$D$19=3,J2464*Input!$C$19,0)+IF(Input!$D$20=3,K2464*Input!$C$20,0)+IF(Input!$D$21=3,L2464*Input!$C$21,0)+IF(Input!$D$22=3,M2464*Input!$C$22,0)</f>
        <v>0</v>
      </c>
      <c r="Q2464" s="75">
        <f>IF(Input!$D$19=4,J2464*Input!$C$19,0)+IF(Input!$D$20=4,K2464*Input!$C$20,0)+IF(Input!$D$21=4,L2464*Input!$C$21,0)+IF(Input!$D$22=4,M2464*Input!$C$22,0)</f>
        <v>0</v>
      </c>
      <c r="R2464" s="58">
        <v>68.016317975139856</v>
      </c>
      <c r="S2464" s="124">
        <f t="shared" si="38"/>
        <v>1.605778170251523</v>
      </c>
    </row>
    <row r="2465" spans="8:19" x14ac:dyDescent="0.3">
      <c r="H2465" s="44">
        <v>2458</v>
      </c>
      <c r="I2465" s="56">
        <f>Bühler!I2491</f>
        <v>0.39703306407317873</v>
      </c>
      <c r="J2465" s="59">
        <f>Bühler!J2491</f>
        <v>1.3234435469105961</v>
      </c>
      <c r="K2465" s="59">
        <f>Bühler!K2491</f>
        <v>1.9851653203658937</v>
      </c>
      <c r="L2465" s="59">
        <f>Bühler!L2491</f>
        <v>9.5287935377562896</v>
      </c>
      <c r="M2465" s="58">
        <f>Bühler!M2491</f>
        <v>0</v>
      </c>
      <c r="N2465" s="56">
        <f>IF(Input!$D$19=1,J2465*Input!$C$19,0)+IF(Input!$D$20=1,K2465*Input!$C$20,0)+IF(Input!$D$21=1,L2465*Input!$C$21,0)+IF(Input!$D$22=1,M2465*Input!$C$22,0)</f>
        <v>0.39703306407317879</v>
      </c>
      <c r="O2465" s="59">
        <f>IF(Input!$D$19=2,J2465*Input!$C$19,0)+IF(Input!$D$20=2,K2465*Input!$C$20,0)+IF(Input!$D$21=2,L2465*Input!$C$21,0)+IF(Input!$D$22=2,M2465*Input!$C$22,0)</f>
        <v>0.99258266018294683</v>
      </c>
      <c r="P2465" s="59">
        <f>IF(Input!$D$19=3,J2465*Input!$C$19,0)+IF(Input!$D$20=3,K2465*Input!$C$20,0)+IF(Input!$D$21=3,L2465*Input!$C$21,0)+IF(Input!$D$22=3,M2465*Input!$C$22,0)</f>
        <v>0</v>
      </c>
      <c r="Q2465" s="75">
        <f>IF(Input!$D$19=4,J2465*Input!$C$19,0)+IF(Input!$D$20=4,K2465*Input!$C$20,0)+IF(Input!$D$21=4,L2465*Input!$C$21,0)+IF(Input!$D$22=4,M2465*Input!$C$22,0)</f>
        <v>0</v>
      </c>
      <c r="R2465" s="58">
        <v>67.788889387358822</v>
      </c>
      <c r="S2465" s="124">
        <f t="shared" si="38"/>
        <v>1.7204766109837748</v>
      </c>
    </row>
    <row r="2466" spans="8:19" x14ac:dyDescent="0.3">
      <c r="H2466" s="44">
        <v>2459</v>
      </c>
      <c r="I2466" s="56">
        <f>Bühler!I2492</f>
        <v>0.41291438663610586</v>
      </c>
      <c r="J2466" s="59">
        <f>Bühler!J2492</f>
        <v>1.3763812887870195</v>
      </c>
      <c r="K2466" s="59">
        <f>Bühler!K2492</f>
        <v>2.0645719331805292</v>
      </c>
      <c r="L2466" s="59">
        <f>Bühler!L2492</f>
        <v>9.9099452792665392</v>
      </c>
      <c r="M2466" s="58">
        <f>Bühler!M2492</f>
        <v>0</v>
      </c>
      <c r="N2466" s="56">
        <f>IF(Input!$D$19=1,J2466*Input!$C$19,0)+IF(Input!$D$20=1,K2466*Input!$C$20,0)+IF(Input!$D$21=1,L2466*Input!$C$21,0)+IF(Input!$D$22=1,M2466*Input!$C$22,0)</f>
        <v>0.41291438663610586</v>
      </c>
      <c r="O2466" s="59">
        <f>IF(Input!$D$19=2,J2466*Input!$C$19,0)+IF(Input!$D$20=2,K2466*Input!$C$20,0)+IF(Input!$D$21=2,L2466*Input!$C$21,0)+IF(Input!$D$22=2,M2466*Input!$C$22,0)</f>
        <v>1.0322859665902646</v>
      </c>
      <c r="P2466" s="59">
        <f>IF(Input!$D$19=3,J2466*Input!$C$19,0)+IF(Input!$D$20=3,K2466*Input!$C$20,0)+IF(Input!$D$21=3,L2466*Input!$C$21,0)+IF(Input!$D$22=3,M2466*Input!$C$22,0)</f>
        <v>0</v>
      </c>
      <c r="Q2466" s="75">
        <f>IF(Input!$D$19=4,J2466*Input!$C$19,0)+IF(Input!$D$20=4,K2466*Input!$C$20,0)+IF(Input!$D$21=4,L2466*Input!$C$21,0)+IF(Input!$D$22=4,M2466*Input!$C$22,0)</f>
        <v>0</v>
      </c>
      <c r="R2466" s="58">
        <v>67.66236531977961</v>
      </c>
      <c r="S2466" s="124">
        <f t="shared" si="38"/>
        <v>1.7892956754231253</v>
      </c>
    </row>
    <row r="2467" spans="8:19" x14ac:dyDescent="0.3">
      <c r="H2467" s="44">
        <v>2460</v>
      </c>
      <c r="I2467" s="56">
        <f>Bühler!I2493</f>
        <v>0.47643967688781452</v>
      </c>
      <c r="J2467" s="59">
        <f>Bühler!J2493</f>
        <v>1.5881322562927151</v>
      </c>
      <c r="K2467" s="59">
        <f>Bühler!K2493</f>
        <v>2.3821983844390724</v>
      </c>
      <c r="L2467" s="59">
        <f>Bühler!L2493</f>
        <v>11.434552245307549</v>
      </c>
      <c r="M2467" s="58">
        <f>Bühler!M2493</f>
        <v>0</v>
      </c>
      <c r="N2467" s="56">
        <f>IF(Input!$D$19=1,J2467*Input!$C$19,0)+IF(Input!$D$20=1,K2467*Input!$C$20,0)+IF(Input!$D$21=1,L2467*Input!$C$21,0)+IF(Input!$D$22=1,M2467*Input!$C$22,0)</f>
        <v>0.47643967688781452</v>
      </c>
      <c r="O2467" s="59">
        <f>IF(Input!$D$19=2,J2467*Input!$C$19,0)+IF(Input!$D$20=2,K2467*Input!$C$20,0)+IF(Input!$D$21=2,L2467*Input!$C$21,0)+IF(Input!$D$22=2,M2467*Input!$C$22,0)</f>
        <v>1.1910991922195362</v>
      </c>
      <c r="P2467" s="59">
        <f>IF(Input!$D$19=3,J2467*Input!$C$19,0)+IF(Input!$D$20=3,K2467*Input!$C$20,0)+IF(Input!$D$21=3,L2467*Input!$C$21,0)+IF(Input!$D$22=3,M2467*Input!$C$22,0)</f>
        <v>0</v>
      </c>
      <c r="Q2467" s="75">
        <f>IF(Input!$D$19=4,J2467*Input!$C$19,0)+IF(Input!$D$20=4,K2467*Input!$C$20,0)+IF(Input!$D$21=4,L2467*Input!$C$21,0)+IF(Input!$D$22=4,M2467*Input!$C$22,0)</f>
        <v>0</v>
      </c>
      <c r="R2467" s="58">
        <v>68.225739834261205</v>
      </c>
      <c r="S2467" s="124">
        <f t="shared" si="38"/>
        <v>2.0645719331805297</v>
      </c>
    </row>
    <row r="2468" spans="8:19" x14ac:dyDescent="0.3">
      <c r="H2468" s="44">
        <v>2461</v>
      </c>
      <c r="I2468" s="56">
        <f>Bühler!I2494</f>
        <v>0.47643967688781452</v>
      </c>
      <c r="J2468" s="59">
        <f>Bühler!J2494</f>
        <v>1.5881322562927151</v>
      </c>
      <c r="K2468" s="59">
        <f>Bühler!K2494</f>
        <v>2.3821983844390724</v>
      </c>
      <c r="L2468" s="59">
        <f>Bühler!L2494</f>
        <v>11.434552245307549</v>
      </c>
      <c r="M2468" s="58">
        <f>Bühler!M2494</f>
        <v>0</v>
      </c>
      <c r="N2468" s="56">
        <f>IF(Input!$D$19=1,J2468*Input!$C$19,0)+IF(Input!$D$20=1,K2468*Input!$C$20,0)+IF(Input!$D$21=1,L2468*Input!$C$21,0)+IF(Input!$D$22=1,M2468*Input!$C$22,0)</f>
        <v>0.47643967688781452</v>
      </c>
      <c r="O2468" s="59">
        <f>IF(Input!$D$19=2,J2468*Input!$C$19,0)+IF(Input!$D$20=2,K2468*Input!$C$20,0)+IF(Input!$D$21=2,L2468*Input!$C$21,0)+IF(Input!$D$22=2,M2468*Input!$C$22,0)</f>
        <v>1.1910991922195362</v>
      </c>
      <c r="P2468" s="59">
        <f>IF(Input!$D$19=3,J2468*Input!$C$19,0)+IF(Input!$D$20=3,K2468*Input!$C$20,0)+IF(Input!$D$21=3,L2468*Input!$C$21,0)+IF(Input!$D$22=3,M2468*Input!$C$22,0)</f>
        <v>0</v>
      </c>
      <c r="Q2468" s="75">
        <f>IF(Input!$D$19=4,J2468*Input!$C$19,0)+IF(Input!$D$20=4,K2468*Input!$C$20,0)+IF(Input!$D$21=4,L2468*Input!$C$21,0)+IF(Input!$D$22=4,M2468*Input!$C$22,0)</f>
        <v>0</v>
      </c>
      <c r="R2468" s="58">
        <v>66.695601244191067</v>
      </c>
      <c r="S2468" s="124">
        <f t="shared" si="38"/>
        <v>2.0645719331805297</v>
      </c>
    </row>
    <row r="2469" spans="8:19" x14ac:dyDescent="0.3">
      <c r="H2469" s="44">
        <v>2462</v>
      </c>
      <c r="I2469" s="56">
        <f>Bühler!I2495</f>
        <v>0.47643967688781452</v>
      </c>
      <c r="J2469" s="59">
        <f>Bühler!J2495</f>
        <v>1.5881322562927151</v>
      </c>
      <c r="K2469" s="59">
        <f>Bühler!K2495</f>
        <v>2.3821983844390724</v>
      </c>
      <c r="L2469" s="59">
        <f>Bühler!L2495</f>
        <v>11.434552245307549</v>
      </c>
      <c r="M2469" s="58">
        <f>Bühler!M2495</f>
        <v>0</v>
      </c>
      <c r="N2469" s="56">
        <f>IF(Input!$D$19=1,J2469*Input!$C$19,0)+IF(Input!$D$20=1,K2469*Input!$C$20,0)+IF(Input!$D$21=1,L2469*Input!$C$21,0)+IF(Input!$D$22=1,M2469*Input!$C$22,0)</f>
        <v>0.47643967688781452</v>
      </c>
      <c r="O2469" s="59">
        <f>IF(Input!$D$19=2,J2469*Input!$C$19,0)+IF(Input!$D$20=2,K2469*Input!$C$20,0)+IF(Input!$D$21=2,L2469*Input!$C$21,0)+IF(Input!$D$22=2,M2469*Input!$C$22,0)</f>
        <v>1.1910991922195362</v>
      </c>
      <c r="P2469" s="59">
        <f>IF(Input!$D$19=3,J2469*Input!$C$19,0)+IF(Input!$D$20=3,K2469*Input!$C$20,0)+IF(Input!$D$21=3,L2469*Input!$C$21,0)+IF(Input!$D$22=3,M2469*Input!$C$22,0)</f>
        <v>0</v>
      </c>
      <c r="Q2469" s="75">
        <f>IF(Input!$D$19=4,J2469*Input!$C$19,0)+IF(Input!$D$20=4,K2469*Input!$C$20,0)+IF(Input!$D$21=4,L2469*Input!$C$21,0)+IF(Input!$D$22=4,M2469*Input!$C$22,0)</f>
        <v>0</v>
      </c>
      <c r="R2469" s="58">
        <v>65.702965643490245</v>
      </c>
      <c r="S2469" s="124">
        <f t="shared" si="38"/>
        <v>2.0645719331805297</v>
      </c>
    </row>
    <row r="2470" spans="8:19" x14ac:dyDescent="0.3">
      <c r="H2470" s="44">
        <v>2463</v>
      </c>
      <c r="I2470" s="56">
        <f>Bühler!I2496</f>
        <v>0.47643967688781452</v>
      </c>
      <c r="J2470" s="59">
        <f>Bühler!J2496</f>
        <v>1.5881322562927151</v>
      </c>
      <c r="K2470" s="59">
        <f>Bühler!K2496</f>
        <v>2.3821983844390724</v>
      </c>
      <c r="L2470" s="59">
        <f>Bühler!L2496</f>
        <v>11.434552245307549</v>
      </c>
      <c r="M2470" s="58">
        <f>Bühler!M2496</f>
        <v>0</v>
      </c>
      <c r="N2470" s="56">
        <f>IF(Input!$D$19=1,J2470*Input!$C$19,0)+IF(Input!$D$20=1,K2470*Input!$C$20,0)+IF(Input!$D$21=1,L2470*Input!$C$21,0)+IF(Input!$D$22=1,M2470*Input!$C$22,0)</f>
        <v>0.47643967688781452</v>
      </c>
      <c r="O2470" s="59">
        <f>IF(Input!$D$19=2,J2470*Input!$C$19,0)+IF(Input!$D$20=2,K2470*Input!$C$20,0)+IF(Input!$D$21=2,L2470*Input!$C$21,0)+IF(Input!$D$22=2,M2470*Input!$C$22,0)</f>
        <v>1.1910991922195362</v>
      </c>
      <c r="P2470" s="59">
        <f>IF(Input!$D$19=3,J2470*Input!$C$19,0)+IF(Input!$D$20=3,K2470*Input!$C$20,0)+IF(Input!$D$21=3,L2470*Input!$C$21,0)+IF(Input!$D$22=3,M2470*Input!$C$22,0)</f>
        <v>0</v>
      </c>
      <c r="Q2470" s="75">
        <f>IF(Input!$D$19=4,J2470*Input!$C$19,0)+IF(Input!$D$20=4,K2470*Input!$C$20,0)+IF(Input!$D$21=4,L2470*Input!$C$21,0)+IF(Input!$D$22=4,M2470*Input!$C$22,0)</f>
        <v>0</v>
      </c>
      <c r="R2470" s="58">
        <v>65.485562148859174</v>
      </c>
      <c r="S2470" s="124">
        <f t="shared" si="38"/>
        <v>2.0645719331805297</v>
      </c>
    </row>
    <row r="2471" spans="8:19" x14ac:dyDescent="0.3">
      <c r="H2471" s="44">
        <v>2464</v>
      </c>
      <c r="I2471" s="56">
        <f>Bühler!I2497</f>
        <v>0.39703306407317873</v>
      </c>
      <c r="J2471" s="59">
        <f>Bühler!J2497</f>
        <v>1.3234435469105961</v>
      </c>
      <c r="K2471" s="59">
        <f>Bühler!K2497</f>
        <v>1.9851653203658937</v>
      </c>
      <c r="L2471" s="59">
        <f>Bühler!L2497</f>
        <v>9.5287935377562896</v>
      </c>
      <c r="M2471" s="58">
        <f>Bühler!M2497</f>
        <v>0</v>
      </c>
      <c r="N2471" s="56">
        <f>IF(Input!$D$19=1,J2471*Input!$C$19,0)+IF(Input!$D$20=1,K2471*Input!$C$20,0)+IF(Input!$D$21=1,L2471*Input!$C$21,0)+IF(Input!$D$22=1,M2471*Input!$C$22,0)</f>
        <v>0.39703306407317879</v>
      </c>
      <c r="O2471" s="59">
        <f>IF(Input!$D$19=2,J2471*Input!$C$19,0)+IF(Input!$D$20=2,K2471*Input!$C$20,0)+IF(Input!$D$21=2,L2471*Input!$C$21,0)+IF(Input!$D$22=2,M2471*Input!$C$22,0)</f>
        <v>0.99258266018294683</v>
      </c>
      <c r="P2471" s="59">
        <f>IF(Input!$D$19=3,J2471*Input!$C$19,0)+IF(Input!$D$20=3,K2471*Input!$C$20,0)+IF(Input!$D$21=3,L2471*Input!$C$21,0)+IF(Input!$D$22=3,M2471*Input!$C$22,0)</f>
        <v>0</v>
      </c>
      <c r="Q2471" s="75">
        <f>IF(Input!$D$19=4,J2471*Input!$C$19,0)+IF(Input!$D$20=4,K2471*Input!$C$20,0)+IF(Input!$D$21=4,L2471*Input!$C$21,0)+IF(Input!$D$22=4,M2471*Input!$C$22,0)</f>
        <v>0</v>
      </c>
      <c r="R2471" s="58">
        <v>64.691012606251789</v>
      </c>
      <c r="S2471" s="124">
        <f t="shared" si="38"/>
        <v>1.7204766109837748</v>
      </c>
    </row>
    <row r="2472" spans="8:19" x14ac:dyDescent="0.3">
      <c r="H2472" s="44">
        <v>2465</v>
      </c>
      <c r="I2472" s="56">
        <f>Bühler!I2498</f>
        <v>0.37585796732260923</v>
      </c>
      <c r="J2472" s="59">
        <f>Bühler!J2498</f>
        <v>1.2528598910753643</v>
      </c>
      <c r="K2472" s="59">
        <f>Bühler!K2498</f>
        <v>1.8792898366130462</v>
      </c>
      <c r="L2472" s="59">
        <f>Bühler!L2498</f>
        <v>9.0205912157426216</v>
      </c>
      <c r="M2472" s="58">
        <f>Bühler!M2498</f>
        <v>0</v>
      </c>
      <c r="N2472" s="56">
        <f>IF(Input!$D$19=1,J2472*Input!$C$19,0)+IF(Input!$D$20=1,K2472*Input!$C$20,0)+IF(Input!$D$21=1,L2472*Input!$C$21,0)+IF(Input!$D$22=1,M2472*Input!$C$22,0)</f>
        <v>0.37585796732260929</v>
      </c>
      <c r="O2472" s="59">
        <f>IF(Input!$D$19=2,J2472*Input!$C$19,0)+IF(Input!$D$20=2,K2472*Input!$C$20,0)+IF(Input!$D$21=2,L2472*Input!$C$21,0)+IF(Input!$D$22=2,M2472*Input!$C$22,0)</f>
        <v>0.93964491830652308</v>
      </c>
      <c r="P2472" s="59">
        <f>IF(Input!$D$19=3,J2472*Input!$C$19,0)+IF(Input!$D$20=3,K2472*Input!$C$20,0)+IF(Input!$D$21=3,L2472*Input!$C$21,0)+IF(Input!$D$22=3,M2472*Input!$C$22,0)</f>
        <v>0</v>
      </c>
      <c r="Q2472" s="75">
        <f>IF(Input!$D$19=4,J2472*Input!$C$19,0)+IF(Input!$D$20=4,K2472*Input!$C$20,0)+IF(Input!$D$21=4,L2472*Input!$C$21,0)+IF(Input!$D$22=4,M2472*Input!$C$22,0)</f>
        <v>0</v>
      </c>
      <c r="R2472" s="58">
        <v>63.35080311153164</v>
      </c>
      <c r="S2472" s="124">
        <f t="shared" si="38"/>
        <v>1.6287178583979736</v>
      </c>
    </row>
    <row r="2473" spans="8:19" x14ac:dyDescent="0.3">
      <c r="H2473" s="44">
        <v>2466</v>
      </c>
      <c r="I2473" s="56">
        <f>Bühler!I2499</f>
        <v>0.37585796732260923</v>
      </c>
      <c r="J2473" s="59">
        <f>Bühler!J2499</f>
        <v>1.2528598910753643</v>
      </c>
      <c r="K2473" s="59">
        <f>Bühler!K2499</f>
        <v>1.8792898366130462</v>
      </c>
      <c r="L2473" s="59">
        <f>Bühler!L2499</f>
        <v>9.0205912157426216</v>
      </c>
      <c r="M2473" s="58">
        <f>Bühler!M2499</f>
        <v>0</v>
      </c>
      <c r="N2473" s="56">
        <f>IF(Input!$D$19=1,J2473*Input!$C$19,0)+IF(Input!$D$20=1,K2473*Input!$C$20,0)+IF(Input!$D$21=1,L2473*Input!$C$21,0)+IF(Input!$D$22=1,M2473*Input!$C$22,0)</f>
        <v>0.37585796732260929</v>
      </c>
      <c r="O2473" s="59">
        <f>IF(Input!$D$19=2,J2473*Input!$C$19,0)+IF(Input!$D$20=2,K2473*Input!$C$20,0)+IF(Input!$D$21=2,L2473*Input!$C$21,0)+IF(Input!$D$22=2,M2473*Input!$C$22,0)</f>
        <v>0.93964491830652308</v>
      </c>
      <c r="P2473" s="59">
        <f>IF(Input!$D$19=3,J2473*Input!$C$19,0)+IF(Input!$D$20=3,K2473*Input!$C$20,0)+IF(Input!$D$21=3,L2473*Input!$C$21,0)+IF(Input!$D$22=3,M2473*Input!$C$22,0)</f>
        <v>0</v>
      </c>
      <c r="Q2473" s="75">
        <f>IF(Input!$D$19=4,J2473*Input!$C$19,0)+IF(Input!$D$20=4,K2473*Input!$C$20,0)+IF(Input!$D$21=4,L2473*Input!$C$21,0)+IF(Input!$D$22=4,M2473*Input!$C$22,0)</f>
        <v>0</v>
      </c>
      <c r="R2473" s="58">
        <v>61.976716821631207</v>
      </c>
      <c r="S2473" s="124">
        <f t="shared" si="38"/>
        <v>1.6287178583979736</v>
      </c>
    </row>
    <row r="2474" spans="8:19" x14ac:dyDescent="0.3">
      <c r="H2474" s="44">
        <v>2467</v>
      </c>
      <c r="I2474" s="56">
        <f>Bühler!I2500</f>
        <v>0.37585796732260923</v>
      </c>
      <c r="J2474" s="59">
        <f>Bühler!J2500</f>
        <v>1.2528598910753643</v>
      </c>
      <c r="K2474" s="59">
        <f>Bühler!K2500</f>
        <v>1.8792898366130462</v>
      </c>
      <c r="L2474" s="59">
        <f>Bühler!L2500</f>
        <v>9.0205912157426216</v>
      </c>
      <c r="M2474" s="58">
        <f>Bühler!M2500</f>
        <v>0</v>
      </c>
      <c r="N2474" s="56">
        <f>IF(Input!$D$19=1,J2474*Input!$C$19,0)+IF(Input!$D$20=1,K2474*Input!$C$20,0)+IF(Input!$D$21=1,L2474*Input!$C$21,0)+IF(Input!$D$22=1,M2474*Input!$C$22,0)</f>
        <v>0.37585796732260929</v>
      </c>
      <c r="O2474" s="59">
        <f>IF(Input!$D$19=2,J2474*Input!$C$19,0)+IF(Input!$D$20=2,K2474*Input!$C$20,0)+IF(Input!$D$21=2,L2474*Input!$C$21,0)+IF(Input!$D$22=2,M2474*Input!$C$22,0)</f>
        <v>0.93964491830652308</v>
      </c>
      <c r="P2474" s="59">
        <f>IF(Input!$D$19=3,J2474*Input!$C$19,0)+IF(Input!$D$20=3,K2474*Input!$C$20,0)+IF(Input!$D$21=3,L2474*Input!$C$21,0)+IF(Input!$D$22=3,M2474*Input!$C$22,0)</f>
        <v>0</v>
      </c>
      <c r="Q2474" s="75">
        <f>IF(Input!$D$19=4,J2474*Input!$C$19,0)+IF(Input!$D$20=4,K2474*Input!$C$20,0)+IF(Input!$D$21=4,L2474*Input!$C$21,0)+IF(Input!$D$22=4,M2474*Input!$C$22,0)</f>
        <v>0</v>
      </c>
      <c r="R2474" s="58">
        <v>59.907758532508929</v>
      </c>
      <c r="S2474" s="124">
        <f t="shared" si="38"/>
        <v>1.6287178583979736</v>
      </c>
    </row>
    <row r="2475" spans="8:19" x14ac:dyDescent="0.3">
      <c r="H2475" s="44">
        <v>2468</v>
      </c>
      <c r="I2475" s="56">
        <f>Bühler!I2501</f>
        <v>0.37585796732260923</v>
      </c>
      <c r="J2475" s="59">
        <f>Bühler!J2501</f>
        <v>1.2528598910753643</v>
      </c>
      <c r="K2475" s="59">
        <f>Bühler!K2501</f>
        <v>1.8792898366130462</v>
      </c>
      <c r="L2475" s="59">
        <f>Bühler!L2501</f>
        <v>9.0205912157426216</v>
      </c>
      <c r="M2475" s="58">
        <f>Bühler!M2501</f>
        <v>0</v>
      </c>
      <c r="N2475" s="56">
        <f>IF(Input!$D$19=1,J2475*Input!$C$19,0)+IF(Input!$D$20=1,K2475*Input!$C$20,0)+IF(Input!$D$21=1,L2475*Input!$C$21,0)+IF(Input!$D$22=1,M2475*Input!$C$22,0)</f>
        <v>0.37585796732260929</v>
      </c>
      <c r="O2475" s="59">
        <f>IF(Input!$D$19=2,J2475*Input!$C$19,0)+IF(Input!$D$20=2,K2475*Input!$C$20,0)+IF(Input!$D$21=2,L2475*Input!$C$21,0)+IF(Input!$D$22=2,M2475*Input!$C$22,0)</f>
        <v>0.93964491830652308</v>
      </c>
      <c r="P2475" s="59">
        <f>IF(Input!$D$19=3,J2475*Input!$C$19,0)+IF(Input!$D$20=3,K2475*Input!$C$20,0)+IF(Input!$D$21=3,L2475*Input!$C$21,0)+IF(Input!$D$22=3,M2475*Input!$C$22,0)</f>
        <v>0</v>
      </c>
      <c r="Q2475" s="75">
        <f>IF(Input!$D$19=4,J2475*Input!$C$19,0)+IF(Input!$D$20=4,K2475*Input!$C$20,0)+IF(Input!$D$21=4,L2475*Input!$C$21,0)+IF(Input!$D$22=4,M2475*Input!$C$22,0)</f>
        <v>0</v>
      </c>
      <c r="R2475" s="58">
        <v>58.475293844078976</v>
      </c>
      <c r="S2475" s="124">
        <f t="shared" si="38"/>
        <v>1.6287178583979736</v>
      </c>
    </row>
    <row r="2476" spans="8:19" x14ac:dyDescent="0.3">
      <c r="H2476" s="44">
        <v>2469</v>
      </c>
      <c r="I2476" s="56">
        <f>Bühler!I2502</f>
        <v>0.29115758032033112</v>
      </c>
      <c r="J2476" s="59">
        <f>Bühler!J2502</f>
        <v>0.97052526773443715</v>
      </c>
      <c r="K2476" s="59">
        <f>Bühler!K2502</f>
        <v>1.4557879016016555</v>
      </c>
      <c r="L2476" s="59">
        <f>Bühler!L2502</f>
        <v>6.9877819276879469</v>
      </c>
      <c r="M2476" s="58">
        <f>Bühler!M2502</f>
        <v>0</v>
      </c>
      <c r="N2476" s="56">
        <f>IF(Input!$D$19=1,J2476*Input!$C$19,0)+IF(Input!$D$20=1,K2476*Input!$C$20,0)+IF(Input!$D$21=1,L2476*Input!$C$21,0)+IF(Input!$D$22=1,M2476*Input!$C$22,0)</f>
        <v>0.29115758032033112</v>
      </c>
      <c r="O2476" s="59">
        <f>IF(Input!$D$19=2,J2476*Input!$C$19,0)+IF(Input!$D$20=2,K2476*Input!$C$20,0)+IF(Input!$D$21=2,L2476*Input!$C$21,0)+IF(Input!$D$22=2,M2476*Input!$C$22,0)</f>
        <v>0.72789395080082775</v>
      </c>
      <c r="P2476" s="59">
        <f>IF(Input!$D$19=3,J2476*Input!$C$19,0)+IF(Input!$D$20=3,K2476*Input!$C$20,0)+IF(Input!$D$21=3,L2476*Input!$C$21,0)+IF(Input!$D$22=3,M2476*Input!$C$22,0)</f>
        <v>0</v>
      </c>
      <c r="Q2476" s="75">
        <f>IF(Input!$D$19=4,J2476*Input!$C$19,0)+IF(Input!$D$20=4,K2476*Input!$C$20,0)+IF(Input!$D$21=4,L2476*Input!$C$21,0)+IF(Input!$D$22=4,M2476*Input!$C$22,0)</f>
        <v>0</v>
      </c>
      <c r="R2476" s="58">
        <v>56.720577288164932</v>
      </c>
      <c r="S2476" s="124">
        <f t="shared" si="38"/>
        <v>1.2616828480547682</v>
      </c>
    </row>
    <row r="2477" spans="8:19" x14ac:dyDescent="0.3">
      <c r="H2477" s="44">
        <v>2470</v>
      </c>
      <c r="I2477" s="56">
        <f>Bühler!I2503</f>
        <v>0.11116925794049004</v>
      </c>
      <c r="J2477" s="59">
        <f>Bühler!J2503</f>
        <v>0.3705641931349668</v>
      </c>
      <c r="K2477" s="59">
        <f>Bühler!K2503</f>
        <v>0.5558462897024502</v>
      </c>
      <c r="L2477" s="59">
        <f>Bühler!L2503</f>
        <v>2.668062190571761</v>
      </c>
      <c r="M2477" s="58">
        <f>Bühler!M2503</f>
        <v>0</v>
      </c>
      <c r="N2477" s="56">
        <f>IF(Input!$D$19=1,J2477*Input!$C$19,0)+IF(Input!$D$20=1,K2477*Input!$C$20,0)+IF(Input!$D$21=1,L2477*Input!$C$21,0)+IF(Input!$D$22=1,M2477*Input!$C$22,0)</f>
        <v>0.11116925794049004</v>
      </c>
      <c r="O2477" s="59">
        <f>IF(Input!$D$19=2,J2477*Input!$C$19,0)+IF(Input!$D$20=2,K2477*Input!$C$20,0)+IF(Input!$D$21=2,L2477*Input!$C$21,0)+IF(Input!$D$22=2,M2477*Input!$C$22,0)</f>
        <v>0.2779231448512251</v>
      </c>
      <c r="P2477" s="59">
        <f>IF(Input!$D$19=3,J2477*Input!$C$19,0)+IF(Input!$D$20=3,K2477*Input!$C$20,0)+IF(Input!$D$21=3,L2477*Input!$C$21,0)+IF(Input!$D$22=3,M2477*Input!$C$22,0)</f>
        <v>0</v>
      </c>
      <c r="Q2477" s="75">
        <f>IF(Input!$D$19=4,J2477*Input!$C$19,0)+IF(Input!$D$20=4,K2477*Input!$C$20,0)+IF(Input!$D$21=4,L2477*Input!$C$21,0)+IF(Input!$D$22=4,M2477*Input!$C$22,0)</f>
        <v>0</v>
      </c>
      <c r="R2477" s="58">
        <v>55.811263704617424</v>
      </c>
      <c r="S2477" s="124">
        <f t="shared" si="38"/>
        <v>0.48173345107545684</v>
      </c>
    </row>
    <row r="2478" spans="8:19" x14ac:dyDescent="0.3">
      <c r="H2478" s="44">
        <v>2471</v>
      </c>
      <c r="I2478" s="56">
        <f>Bühler!I2504</f>
        <v>0.11116925794049004</v>
      </c>
      <c r="J2478" s="59">
        <f>Bühler!J2504</f>
        <v>0.3705641931349668</v>
      </c>
      <c r="K2478" s="59">
        <f>Bühler!K2504</f>
        <v>0.5558462897024502</v>
      </c>
      <c r="L2478" s="59">
        <f>Bühler!L2504</f>
        <v>2.668062190571761</v>
      </c>
      <c r="M2478" s="58">
        <f>Bühler!M2504</f>
        <v>0</v>
      </c>
      <c r="N2478" s="56">
        <f>IF(Input!$D$19=1,J2478*Input!$C$19,0)+IF(Input!$D$20=1,K2478*Input!$C$20,0)+IF(Input!$D$21=1,L2478*Input!$C$21,0)+IF(Input!$D$22=1,M2478*Input!$C$22,0)</f>
        <v>0.11116925794049004</v>
      </c>
      <c r="O2478" s="59">
        <f>IF(Input!$D$19=2,J2478*Input!$C$19,0)+IF(Input!$D$20=2,K2478*Input!$C$20,0)+IF(Input!$D$21=2,L2478*Input!$C$21,0)+IF(Input!$D$22=2,M2478*Input!$C$22,0)</f>
        <v>0.2779231448512251</v>
      </c>
      <c r="P2478" s="59">
        <f>IF(Input!$D$19=3,J2478*Input!$C$19,0)+IF(Input!$D$20=3,K2478*Input!$C$20,0)+IF(Input!$D$21=3,L2478*Input!$C$21,0)+IF(Input!$D$22=3,M2478*Input!$C$22,0)</f>
        <v>0</v>
      </c>
      <c r="Q2478" s="75">
        <f>IF(Input!$D$19=4,J2478*Input!$C$19,0)+IF(Input!$D$20=4,K2478*Input!$C$20,0)+IF(Input!$D$21=4,L2478*Input!$C$21,0)+IF(Input!$D$22=4,M2478*Input!$C$22,0)</f>
        <v>0</v>
      </c>
      <c r="R2478" s="58">
        <v>54.768307363758197</v>
      </c>
      <c r="S2478" s="124">
        <f t="shared" si="38"/>
        <v>0.48173345107545684</v>
      </c>
    </row>
    <row r="2479" spans="8:19" x14ac:dyDescent="0.3">
      <c r="H2479" s="44">
        <v>2472</v>
      </c>
      <c r="I2479" s="56">
        <f>Bühler!I2505</f>
        <v>0.11116925794049004</v>
      </c>
      <c r="J2479" s="59">
        <f>Bühler!J2505</f>
        <v>0.3705641931349668</v>
      </c>
      <c r="K2479" s="59">
        <f>Bühler!K2505</f>
        <v>0.5558462897024502</v>
      </c>
      <c r="L2479" s="59">
        <f>Bühler!L2505</f>
        <v>2.668062190571761</v>
      </c>
      <c r="M2479" s="58">
        <f>Bühler!M2505</f>
        <v>0</v>
      </c>
      <c r="N2479" s="56">
        <f>IF(Input!$D$19=1,J2479*Input!$C$19,0)+IF(Input!$D$20=1,K2479*Input!$C$20,0)+IF(Input!$D$21=1,L2479*Input!$C$21,0)+IF(Input!$D$22=1,M2479*Input!$C$22,0)</f>
        <v>0.11116925794049004</v>
      </c>
      <c r="O2479" s="59">
        <f>IF(Input!$D$19=2,J2479*Input!$C$19,0)+IF(Input!$D$20=2,K2479*Input!$C$20,0)+IF(Input!$D$21=2,L2479*Input!$C$21,0)+IF(Input!$D$22=2,M2479*Input!$C$22,0)</f>
        <v>0.2779231448512251</v>
      </c>
      <c r="P2479" s="59">
        <f>IF(Input!$D$19=3,J2479*Input!$C$19,0)+IF(Input!$D$20=3,K2479*Input!$C$20,0)+IF(Input!$D$21=3,L2479*Input!$C$21,0)+IF(Input!$D$22=3,M2479*Input!$C$22,0)</f>
        <v>0</v>
      </c>
      <c r="Q2479" s="75">
        <f>IF(Input!$D$19=4,J2479*Input!$C$19,0)+IF(Input!$D$20=4,K2479*Input!$C$20,0)+IF(Input!$D$21=4,L2479*Input!$C$21,0)+IF(Input!$D$22=4,M2479*Input!$C$22,0)</f>
        <v>0</v>
      </c>
      <c r="R2479" s="58">
        <v>54.159808612973066</v>
      </c>
      <c r="S2479" s="124">
        <f t="shared" si="38"/>
        <v>0.48173345107545684</v>
      </c>
    </row>
    <row r="2480" spans="8:19" x14ac:dyDescent="0.3">
      <c r="H2480" s="44">
        <v>2473</v>
      </c>
      <c r="I2480" s="56">
        <f>Bühler!I2506</f>
        <v>6.8221841358960811E-2</v>
      </c>
      <c r="J2480" s="59">
        <f>Bühler!J2506</f>
        <v>0.22740613786320271</v>
      </c>
      <c r="K2480" s="59">
        <f>Bühler!K2506</f>
        <v>0.34110920679480411</v>
      </c>
      <c r="L2480" s="59">
        <f>Bühler!L2506</f>
        <v>3.9860641572690652</v>
      </c>
      <c r="M2480" s="58">
        <f>Bühler!M2506</f>
        <v>0</v>
      </c>
      <c r="N2480" s="56">
        <f>IF(Input!$D$19=1,J2480*Input!$C$19,0)+IF(Input!$D$20=1,K2480*Input!$C$20,0)+IF(Input!$D$21=1,L2480*Input!$C$21,0)+IF(Input!$D$22=1,M2480*Input!$C$22,0)</f>
        <v>6.8221841358960811E-2</v>
      </c>
      <c r="O2480" s="59">
        <f>IF(Input!$D$19=2,J2480*Input!$C$19,0)+IF(Input!$D$20=2,K2480*Input!$C$20,0)+IF(Input!$D$21=2,L2480*Input!$C$21,0)+IF(Input!$D$22=2,M2480*Input!$C$22,0)</f>
        <v>0.17055460339740205</v>
      </c>
      <c r="P2480" s="59">
        <f>IF(Input!$D$19=3,J2480*Input!$C$19,0)+IF(Input!$D$20=3,K2480*Input!$C$20,0)+IF(Input!$D$21=3,L2480*Input!$C$21,0)+IF(Input!$D$22=3,M2480*Input!$C$22,0)</f>
        <v>0</v>
      </c>
      <c r="Q2480" s="75">
        <f>IF(Input!$D$19=4,J2480*Input!$C$19,0)+IF(Input!$D$20=4,K2480*Input!$C$20,0)+IF(Input!$D$21=4,L2480*Input!$C$21,0)+IF(Input!$D$22=4,M2480*Input!$C$22,0)</f>
        <v>0</v>
      </c>
      <c r="R2480" s="58">
        <v>53.147501096587597</v>
      </c>
      <c r="S2480" s="124">
        <f t="shared" si="38"/>
        <v>0.29562797922216355</v>
      </c>
    </row>
    <row r="2481" spans="8:19" x14ac:dyDescent="0.3">
      <c r="H2481" s="44">
        <v>2474</v>
      </c>
      <c r="I2481" s="56">
        <f>Bühler!I2507</f>
        <v>0.13319502360559018</v>
      </c>
      <c r="J2481" s="59">
        <f>Bühler!J2507</f>
        <v>0.44398341201863395</v>
      </c>
      <c r="K2481" s="59">
        <f>Bühler!K2507</f>
        <v>0.66597511802795095</v>
      </c>
      <c r="L2481" s="59">
        <f>Bühler!L2507</f>
        <v>7.7823157356205561</v>
      </c>
      <c r="M2481" s="58">
        <f>Bühler!M2507</f>
        <v>0</v>
      </c>
      <c r="N2481" s="56">
        <f>IF(Input!$D$19=1,J2481*Input!$C$19,0)+IF(Input!$D$20=1,K2481*Input!$C$20,0)+IF(Input!$D$21=1,L2481*Input!$C$21,0)+IF(Input!$D$22=1,M2481*Input!$C$22,0)</f>
        <v>0.13319502360559018</v>
      </c>
      <c r="O2481" s="59">
        <f>IF(Input!$D$19=2,J2481*Input!$C$19,0)+IF(Input!$D$20=2,K2481*Input!$C$20,0)+IF(Input!$D$21=2,L2481*Input!$C$21,0)+IF(Input!$D$22=2,M2481*Input!$C$22,0)</f>
        <v>0.33298755901397548</v>
      </c>
      <c r="P2481" s="59">
        <f>IF(Input!$D$19=3,J2481*Input!$C$19,0)+IF(Input!$D$20=3,K2481*Input!$C$20,0)+IF(Input!$D$21=3,L2481*Input!$C$21,0)+IF(Input!$D$22=3,M2481*Input!$C$22,0)</f>
        <v>0</v>
      </c>
      <c r="Q2481" s="75">
        <f>IF(Input!$D$19=4,J2481*Input!$C$19,0)+IF(Input!$D$20=4,K2481*Input!$C$20,0)+IF(Input!$D$21=4,L2481*Input!$C$21,0)+IF(Input!$D$22=4,M2481*Input!$C$22,0)</f>
        <v>0</v>
      </c>
      <c r="R2481" s="58">
        <v>51.685864910294441</v>
      </c>
      <c r="S2481" s="124">
        <f t="shared" si="38"/>
        <v>0.57717843562422411</v>
      </c>
    </row>
    <row r="2482" spans="8:19" x14ac:dyDescent="0.3">
      <c r="H2482" s="44">
        <v>2475</v>
      </c>
      <c r="I2482" s="56">
        <f>Bühler!I2508</f>
        <v>0.13319502360559018</v>
      </c>
      <c r="J2482" s="59">
        <f>Bühler!J2508</f>
        <v>0.44398341201863395</v>
      </c>
      <c r="K2482" s="59">
        <f>Bühler!K2508</f>
        <v>0.66597511802795095</v>
      </c>
      <c r="L2482" s="59">
        <f>Bühler!L2508</f>
        <v>7.7823157356205561</v>
      </c>
      <c r="M2482" s="58">
        <f>Bühler!M2508</f>
        <v>0</v>
      </c>
      <c r="N2482" s="56">
        <f>IF(Input!$D$19=1,J2482*Input!$C$19,0)+IF(Input!$D$20=1,K2482*Input!$C$20,0)+IF(Input!$D$21=1,L2482*Input!$C$21,0)+IF(Input!$D$22=1,M2482*Input!$C$22,0)</f>
        <v>0.13319502360559018</v>
      </c>
      <c r="O2482" s="59">
        <f>IF(Input!$D$19=2,J2482*Input!$C$19,0)+IF(Input!$D$20=2,K2482*Input!$C$20,0)+IF(Input!$D$21=2,L2482*Input!$C$21,0)+IF(Input!$D$22=2,M2482*Input!$C$22,0)</f>
        <v>0.33298755901397548</v>
      </c>
      <c r="P2482" s="59">
        <f>IF(Input!$D$19=3,J2482*Input!$C$19,0)+IF(Input!$D$20=3,K2482*Input!$C$20,0)+IF(Input!$D$21=3,L2482*Input!$C$21,0)+IF(Input!$D$22=3,M2482*Input!$C$22,0)</f>
        <v>0</v>
      </c>
      <c r="Q2482" s="75">
        <f>IF(Input!$D$19=4,J2482*Input!$C$19,0)+IF(Input!$D$20=4,K2482*Input!$C$20,0)+IF(Input!$D$21=4,L2482*Input!$C$21,0)+IF(Input!$D$22=4,M2482*Input!$C$22,0)</f>
        <v>0</v>
      </c>
      <c r="R2482" s="58">
        <v>50.932512736839314</v>
      </c>
      <c r="S2482" s="124">
        <f t="shared" si="38"/>
        <v>0.57717843562422411</v>
      </c>
    </row>
    <row r="2483" spans="8:19" x14ac:dyDescent="0.3">
      <c r="H2483" s="44">
        <v>2476</v>
      </c>
      <c r="I2483" s="56">
        <f>Bühler!I2509</f>
        <v>0.13319502360559018</v>
      </c>
      <c r="J2483" s="59">
        <f>Bühler!J2509</f>
        <v>0.44398341201863395</v>
      </c>
      <c r="K2483" s="59">
        <f>Bühler!K2509</f>
        <v>0.66597511802795095</v>
      </c>
      <c r="L2483" s="59">
        <f>Bühler!L2509</f>
        <v>7.7823157356205561</v>
      </c>
      <c r="M2483" s="58">
        <f>Bühler!M2509</f>
        <v>0</v>
      </c>
      <c r="N2483" s="56">
        <f>IF(Input!$D$19=1,J2483*Input!$C$19,0)+IF(Input!$D$20=1,K2483*Input!$C$20,0)+IF(Input!$D$21=1,L2483*Input!$C$21,0)+IF(Input!$D$22=1,M2483*Input!$C$22,0)</f>
        <v>0.13319502360559018</v>
      </c>
      <c r="O2483" s="59">
        <f>IF(Input!$D$19=2,J2483*Input!$C$19,0)+IF(Input!$D$20=2,K2483*Input!$C$20,0)+IF(Input!$D$21=2,L2483*Input!$C$21,0)+IF(Input!$D$22=2,M2483*Input!$C$22,0)</f>
        <v>0.33298755901397548</v>
      </c>
      <c r="P2483" s="59">
        <f>IF(Input!$D$19=3,J2483*Input!$C$19,0)+IF(Input!$D$20=3,K2483*Input!$C$20,0)+IF(Input!$D$21=3,L2483*Input!$C$21,0)+IF(Input!$D$22=3,M2483*Input!$C$22,0)</f>
        <v>0</v>
      </c>
      <c r="Q2483" s="75">
        <f>IF(Input!$D$19=4,J2483*Input!$C$19,0)+IF(Input!$D$20=4,K2483*Input!$C$20,0)+IF(Input!$D$21=4,L2483*Input!$C$21,0)+IF(Input!$D$22=4,M2483*Input!$C$22,0)</f>
        <v>0</v>
      </c>
      <c r="R2483" s="58">
        <v>50.277109586974007</v>
      </c>
      <c r="S2483" s="124">
        <f t="shared" si="38"/>
        <v>0.57717843562422411</v>
      </c>
    </row>
    <row r="2484" spans="8:19" x14ac:dyDescent="0.3">
      <c r="H2484" s="44">
        <v>2477</v>
      </c>
      <c r="I2484" s="56">
        <f>Bühler!I2510</f>
        <v>0.13319502360559018</v>
      </c>
      <c r="J2484" s="59">
        <f>Bühler!J2510</f>
        <v>0.44398341201863395</v>
      </c>
      <c r="K2484" s="59">
        <f>Bühler!K2510</f>
        <v>0.66597511802795095</v>
      </c>
      <c r="L2484" s="59">
        <f>Bühler!L2510</f>
        <v>7.7823157356205561</v>
      </c>
      <c r="M2484" s="58">
        <f>Bühler!M2510</f>
        <v>0</v>
      </c>
      <c r="N2484" s="56">
        <f>IF(Input!$D$19=1,J2484*Input!$C$19,0)+IF(Input!$D$20=1,K2484*Input!$C$20,0)+IF(Input!$D$21=1,L2484*Input!$C$21,0)+IF(Input!$D$22=1,M2484*Input!$C$22,0)</f>
        <v>0.13319502360559018</v>
      </c>
      <c r="O2484" s="59">
        <f>IF(Input!$D$19=2,J2484*Input!$C$19,0)+IF(Input!$D$20=2,K2484*Input!$C$20,0)+IF(Input!$D$21=2,L2484*Input!$C$21,0)+IF(Input!$D$22=2,M2484*Input!$C$22,0)</f>
        <v>0.33298755901397548</v>
      </c>
      <c r="P2484" s="59">
        <f>IF(Input!$D$19=3,J2484*Input!$C$19,0)+IF(Input!$D$20=3,K2484*Input!$C$20,0)+IF(Input!$D$21=3,L2484*Input!$C$21,0)+IF(Input!$D$22=3,M2484*Input!$C$22,0)</f>
        <v>0</v>
      </c>
      <c r="Q2484" s="75">
        <f>IF(Input!$D$19=4,J2484*Input!$C$19,0)+IF(Input!$D$20=4,K2484*Input!$C$20,0)+IF(Input!$D$21=4,L2484*Input!$C$21,0)+IF(Input!$D$22=4,M2484*Input!$C$22,0)</f>
        <v>0</v>
      </c>
      <c r="R2484" s="58">
        <v>48.714248744993093</v>
      </c>
      <c r="S2484" s="124">
        <f t="shared" si="38"/>
        <v>0.57717843562422411</v>
      </c>
    </row>
    <row r="2485" spans="8:19" x14ac:dyDescent="0.3">
      <c r="H2485" s="44">
        <v>2478</v>
      </c>
      <c r="I2485" s="56">
        <f>Bühler!I2511</f>
        <v>0.16568161472890486</v>
      </c>
      <c r="J2485" s="59">
        <f>Bühler!J2511</f>
        <v>0.55227204909634953</v>
      </c>
      <c r="K2485" s="59">
        <f>Bühler!K2511</f>
        <v>0.82840807364452429</v>
      </c>
      <c r="L2485" s="59">
        <f>Bühler!L2511</f>
        <v>9.6804415247963007</v>
      </c>
      <c r="M2485" s="58">
        <f>Bühler!M2511</f>
        <v>0</v>
      </c>
      <c r="N2485" s="56">
        <f>IF(Input!$D$19=1,J2485*Input!$C$19,0)+IF(Input!$D$20=1,K2485*Input!$C$20,0)+IF(Input!$D$21=1,L2485*Input!$C$21,0)+IF(Input!$D$22=1,M2485*Input!$C$22,0)</f>
        <v>0.16568161472890486</v>
      </c>
      <c r="O2485" s="59">
        <f>IF(Input!$D$19=2,J2485*Input!$C$19,0)+IF(Input!$D$20=2,K2485*Input!$C$20,0)+IF(Input!$D$21=2,L2485*Input!$C$21,0)+IF(Input!$D$22=2,M2485*Input!$C$22,0)</f>
        <v>0.41420403682226214</v>
      </c>
      <c r="P2485" s="59">
        <f>IF(Input!$D$19=3,J2485*Input!$C$19,0)+IF(Input!$D$20=3,K2485*Input!$C$20,0)+IF(Input!$D$21=3,L2485*Input!$C$21,0)+IF(Input!$D$22=3,M2485*Input!$C$22,0)</f>
        <v>0</v>
      </c>
      <c r="Q2485" s="75">
        <f>IF(Input!$D$19=4,J2485*Input!$C$19,0)+IF(Input!$D$20=4,K2485*Input!$C$20,0)+IF(Input!$D$21=4,L2485*Input!$C$21,0)+IF(Input!$D$22=4,M2485*Input!$C$22,0)</f>
        <v>0</v>
      </c>
      <c r="R2485" s="58">
        <v>48.072912668476832</v>
      </c>
      <c r="S2485" s="124">
        <f t="shared" si="38"/>
        <v>0.71795366382525438</v>
      </c>
    </row>
    <row r="2486" spans="8:19" x14ac:dyDescent="0.3">
      <c r="H2486" s="44">
        <v>2479</v>
      </c>
      <c r="I2486" s="56">
        <f>Bühler!I2512</f>
        <v>0.20791418318921392</v>
      </c>
      <c r="J2486" s="59">
        <f>Bühler!J2512</f>
        <v>0.69304727729737992</v>
      </c>
      <c r="K2486" s="59">
        <f>Bühler!K2512</f>
        <v>1.0395709159460698</v>
      </c>
      <c r="L2486" s="59">
        <f>Bühler!L2512</f>
        <v>12.14800505072477</v>
      </c>
      <c r="M2486" s="58">
        <f>Bühler!M2512</f>
        <v>0</v>
      </c>
      <c r="N2486" s="56">
        <f>IF(Input!$D$19=1,J2486*Input!$C$19,0)+IF(Input!$D$20=1,K2486*Input!$C$20,0)+IF(Input!$D$21=1,L2486*Input!$C$21,0)+IF(Input!$D$22=1,M2486*Input!$C$22,0)</f>
        <v>0.20791418318921398</v>
      </c>
      <c r="O2486" s="59">
        <f>IF(Input!$D$19=2,J2486*Input!$C$19,0)+IF(Input!$D$20=2,K2486*Input!$C$20,0)+IF(Input!$D$21=2,L2486*Input!$C$21,0)+IF(Input!$D$22=2,M2486*Input!$C$22,0)</f>
        <v>0.51978545797303488</v>
      </c>
      <c r="P2486" s="59">
        <f>IF(Input!$D$19=3,J2486*Input!$C$19,0)+IF(Input!$D$20=3,K2486*Input!$C$20,0)+IF(Input!$D$21=3,L2486*Input!$C$21,0)+IF(Input!$D$22=3,M2486*Input!$C$22,0)</f>
        <v>0</v>
      </c>
      <c r="Q2486" s="75">
        <f>IF(Input!$D$19=4,J2486*Input!$C$19,0)+IF(Input!$D$20=4,K2486*Input!$C$20,0)+IF(Input!$D$21=4,L2486*Input!$C$21,0)+IF(Input!$D$22=4,M2486*Input!$C$22,0)</f>
        <v>0</v>
      </c>
      <c r="R2486" s="58">
        <v>48.186926091536343</v>
      </c>
      <c r="S2486" s="124">
        <f t="shared" si="38"/>
        <v>0.90096146048659387</v>
      </c>
    </row>
    <row r="2487" spans="8:19" x14ac:dyDescent="0.3">
      <c r="H2487" s="44">
        <v>2480</v>
      </c>
      <c r="I2487" s="56">
        <f>Bühler!I2513</f>
        <v>0.23715211520019713</v>
      </c>
      <c r="J2487" s="59">
        <f>Bühler!J2513</f>
        <v>0.79050705066732385</v>
      </c>
      <c r="K2487" s="59">
        <f>Bühler!K2513</f>
        <v>1.1857605760009857</v>
      </c>
      <c r="L2487" s="59">
        <f>Bühler!L2513</f>
        <v>13.85631826098294</v>
      </c>
      <c r="M2487" s="58">
        <f>Bühler!M2513</f>
        <v>0</v>
      </c>
      <c r="N2487" s="56">
        <f>IF(Input!$D$19=1,J2487*Input!$C$19,0)+IF(Input!$D$20=1,K2487*Input!$C$20,0)+IF(Input!$D$21=1,L2487*Input!$C$21,0)+IF(Input!$D$22=1,M2487*Input!$C$22,0)</f>
        <v>0.23715211520019713</v>
      </c>
      <c r="O2487" s="59">
        <f>IF(Input!$D$19=2,J2487*Input!$C$19,0)+IF(Input!$D$20=2,K2487*Input!$C$20,0)+IF(Input!$D$21=2,L2487*Input!$C$21,0)+IF(Input!$D$22=2,M2487*Input!$C$22,0)</f>
        <v>0.59288028800049286</v>
      </c>
      <c r="P2487" s="59">
        <f>IF(Input!$D$19=3,J2487*Input!$C$19,0)+IF(Input!$D$20=3,K2487*Input!$C$20,0)+IF(Input!$D$21=3,L2487*Input!$C$21,0)+IF(Input!$D$22=3,M2487*Input!$C$22,0)</f>
        <v>0</v>
      </c>
      <c r="Q2487" s="75">
        <f>IF(Input!$D$19=4,J2487*Input!$C$19,0)+IF(Input!$D$20=4,K2487*Input!$C$20,0)+IF(Input!$D$21=4,L2487*Input!$C$21,0)+IF(Input!$D$22=4,M2487*Input!$C$22,0)</f>
        <v>0</v>
      </c>
      <c r="R2487" s="58">
        <v>48.246220432172123</v>
      </c>
      <c r="S2487" s="124">
        <f t="shared" si="38"/>
        <v>1.0276591658675209</v>
      </c>
    </row>
    <row r="2488" spans="8:19" x14ac:dyDescent="0.3">
      <c r="H2488" s="44">
        <v>2481</v>
      </c>
      <c r="I2488" s="56">
        <f>Bühler!I2514</f>
        <v>0.23715211520019713</v>
      </c>
      <c r="J2488" s="59">
        <f>Bühler!J2514</f>
        <v>0.79050705066732385</v>
      </c>
      <c r="K2488" s="59">
        <f>Bühler!K2514</f>
        <v>1.1857605760009857</v>
      </c>
      <c r="L2488" s="59">
        <f>Bühler!L2514</f>
        <v>13.85631826098294</v>
      </c>
      <c r="M2488" s="58">
        <f>Bühler!M2514</f>
        <v>0</v>
      </c>
      <c r="N2488" s="56">
        <f>IF(Input!$D$19=1,J2488*Input!$C$19,0)+IF(Input!$D$20=1,K2488*Input!$C$20,0)+IF(Input!$D$21=1,L2488*Input!$C$21,0)+IF(Input!$D$22=1,M2488*Input!$C$22,0)</f>
        <v>0.23715211520019713</v>
      </c>
      <c r="O2488" s="59">
        <f>IF(Input!$D$19=2,J2488*Input!$C$19,0)+IF(Input!$D$20=2,K2488*Input!$C$20,0)+IF(Input!$D$21=2,L2488*Input!$C$21,0)+IF(Input!$D$22=2,M2488*Input!$C$22,0)</f>
        <v>0.59288028800049286</v>
      </c>
      <c r="P2488" s="59">
        <f>IF(Input!$D$19=3,J2488*Input!$C$19,0)+IF(Input!$D$20=3,K2488*Input!$C$20,0)+IF(Input!$D$21=3,L2488*Input!$C$21,0)+IF(Input!$D$22=3,M2488*Input!$C$22,0)</f>
        <v>0</v>
      </c>
      <c r="Q2488" s="75">
        <f>IF(Input!$D$19=4,J2488*Input!$C$19,0)+IF(Input!$D$20=4,K2488*Input!$C$20,0)+IF(Input!$D$21=4,L2488*Input!$C$21,0)+IF(Input!$D$22=4,M2488*Input!$C$22,0)</f>
        <v>0</v>
      </c>
      <c r="R2488" s="58">
        <v>47.628666507359448</v>
      </c>
      <c r="S2488" s="124">
        <f t="shared" si="38"/>
        <v>1.0276591658675209</v>
      </c>
    </row>
    <row r="2489" spans="8:19" x14ac:dyDescent="0.3">
      <c r="H2489" s="44">
        <v>2482</v>
      </c>
      <c r="I2489" s="56">
        <f>Bühler!I2515</f>
        <v>0.23715211520019713</v>
      </c>
      <c r="J2489" s="59">
        <f>Bühler!J2515</f>
        <v>0.79050705066732385</v>
      </c>
      <c r="K2489" s="59">
        <f>Bühler!K2515</f>
        <v>1.1857605760009857</v>
      </c>
      <c r="L2489" s="59">
        <f>Bühler!L2515</f>
        <v>13.85631826098294</v>
      </c>
      <c r="M2489" s="58">
        <f>Bühler!M2515</f>
        <v>0</v>
      </c>
      <c r="N2489" s="56">
        <f>IF(Input!$D$19=1,J2489*Input!$C$19,0)+IF(Input!$D$20=1,K2489*Input!$C$20,0)+IF(Input!$D$21=1,L2489*Input!$C$21,0)+IF(Input!$D$22=1,M2489*Input!$C$22,0)</f>
        <v>0.23715211520019713</v>
      </c>
      <c r="O2489" s="59">
        <f>IF(Input!$D$19=2,J2489*Input!$C$19,0)+IF(Input!$D$20=2,K2489*Input!$C$20,0)+IF(Input!$D$21=2,L2489*Input!$C$21,0)+IF(Input!$D$22=2,M2489*Input!$C$22,0)</f>
        <v>0.59288028800049286</v>
      </c>
      <c r="P2489" s="59">
        <f>IF(Input!$D$19=3,J2489*Input!$C$19,0)+IF(Input!$D$20=3,K2489*Input!$C$20,0)+IF(Input!$D$21=3,L2489*Input!$C$21,0)+IF(Input!$D$22=3,M2489*Input!$C$22,0)</f>
        <v>0</v>
      </c>
      <c r="Q2489" s="75">
        <f>IF(Input!$D$19=4,J2489*Input!$C$19,0)+IF(Input!$D$20=4,K2489*Input!$C$20,0)+IF(Input!$D$21=4,L2489*Input!$C$21,0)+IF(Input!$D$22=4,M2489*Input!$C$22,0)</f>
        <v>0</v>
      </c>
      <c r="R2489" s="58">
        <v>47.092574373631322</v>
      </c>
      <c r="S2489" s="124">
        <f t="shared" si="38"/>
        <v>1.0276591658675209</v>
      </c>
    </row>
    <row r="2490" spans="8:19" x14ac:dyDescent="0.3">
      <c r="H2490" s="44">
        <v>2483</v>
      </c>
      <c r="I2490" s="56">
        <f>Bühler!I2516</f>
        <v>0.23715211520019713</v>
      </c>
      <c r="J2490" s="59">
        <f>Bühler!J2516</f>
        <v>0.79050705066732385</v>
      </c>
      <c r="K2490" s="59">
        <f>Bühler!K2516</f>
        <v>1.1857605760009857</v>
      </c>
      <c r="L2490" s="59">
        <f>Bühler!L2516</f>
        <v>13.85631826098294</v>
      </c>
      <c r="M2490" s="58">
        <f>Bühler!M2516</f>
        <v>0</v>
      </c>
      <c r="N2490" s="56">
        <f>IF(Input!$D$19=1,J2490*Input!$C$19,0)+IF(Input!$D$20=1,K2490*Input!$C$20,0)+IF(Input!$D$21=1,L2490*Input!$C$21,0)+IF(Input!$D$22=1,M2490*Input!$C$22,0)</f>
        <v>0.23715211520019713</v>
      </c>
      <c r="O2490" s="59">
        <f>IF(Input!$D$19=2,J2490*Input!$C$19,0)+IF(Input!$D$20=2,K2490*Input!$C$20,0)+IF(Input!$D$21=2,L2490*Input!$C$21,0)+IF(Input!$D$22=2,M2490*Input!$C$22,0)</f>
        <v>0.59288028800049286</v>
      </c>
      <c r="P2490" s="59">
        <f>IF(Input!$D$19=3,J2490*Input!$C$19,0)+IF(Input!$D$20=3,K2490*Input!$C$20,0)+IF(Input!$D$21=3,L2490*Input!$C$21,0)+IF(Input!$D$22=3,M2490*Input!$C$22,0)</f>
        <v>0</v>
      </c>
      <c r="Q2490" s="75">
        <f>IF(Input!$D$19=4,J2490*Input!$C$19,0)+IF(Input!$D$20=4,K2490*Input!$C$20,0)+IF(Input!$D$21=4,L2490*Input!$C$21,0)+IF(Input!$D$22=4,M2490*Input!$C$22,0)</f>
        <v>0</v>
      </c>
      <c r="R2490" s="58">
        <v>46.715626332573386</v>
      </c>
      <c r="S2490" s="124">
        <f t="shared" si="38"/>
        <v>1.0276591658675209</v>
      </c>
    </row>
    <row r="2491" spans="8:19" x14ac:dyDescent="0.3">
      <c r="H2491" s="44">
        <v>2484</v>
      </c>
      <c r="I2491" s="56">
        <f>Bühler!I2517</f>
        <v>0.23715211520019713</v>
      </c>
      <c r="J2491" s="59">
        <f>Bühler!J2517</f>
        <v>0.79050705066732385</v>
      </c>
      <c r="K2491" s="59">
        <f>Bühler!K2517</f>
        <v>1.1857605760009857</v>
      </c>
      <c r="L2491" s="59">
        <f>Bühler!L2517</f>
        <v>13.85631826098294</v>
      </c>
      <c r="M2491" s="58">
        <f>Bühler!M2517</f>
        <v>0</v>
      </c>
      <c r="N2491" s="56">
        <f>IF(Input!$D$19=1,J2491*Input!$C$19,0)+IF(Input!$D$20=1,K2491*Input!$C$20,0)+IF(Input!$D$21=1,L2491*Input!$C$21,0)+IF(Input!$D$22=1,M2491*Input!$C$22,0)</f>
        <v>0.23715211520019713</v>
      </c>
      <c r="O2491" s="59">
        <f>IF(Input!$D$19=2,J2491*Input!$C$19,0)+IF(Input!$D$20=2,K2491*Input!$C$20,0)+IF(Input!$D$21=2,L2491*Input!$C$21,0)+IF(Input!$D$22=2,M2491*Input!$C$22,0)</f>
        <v>0.59288028800049286</v>
      </c>
      <c r="P2491" s="59">
        <f>IF(Input!$D$19=3,J2491*Input!$C$19,0)+IF(Input!$D$20=3,K2491*Input!$C$20,0)+IF(Input!$D$21=3,L2491*Input!$C$21,0)+IF(Input!$D$22=3,M2491*Input!$C$22,0)</f>
        <v>0</v>
      </c>
      <c r="Q2491" s="75">
        <f>IF(Input!$D$19=4,J2491*Input!$C$19,0)+IF(Input!$D$20=4,K2491*Input!$C$20,0)+IF(Input!$D$21=4,L2491*Input!$C$21,0)+IF(Input!$D$22=4,M2491*Input!$C$22,0)</f>
        <v>0</v>
      </c>
      <c r="R2491" s="58">
        <v>46.214060130408527</v>
      </c>
      <c r="S2491" s="124">
        <f t="shared" si="38"/>
        <v>1.0276591658675209</v>
      </c>
    </row>
    <row r="2492" spans="8:19" x14ac:dyDescent="0.3">
      <c r="H2492" s="44">
        <v>2485</v>
      </c>
      <c r="I2492" s="56">
        <f>Bühler!I2518</f>
        <v>0.23715211520019713</v>
      </c>
      <c r="J2492" s="59">
        <f>Bühler!J2518</f>
        <v>0.79050705066732385</v>
      </c>
      <c r="K2492" s="59">
        <f>Bühler!K2518</f>
        <v>1.1857605760009857</v>
      </c>
      <c r="L2492" s="59">
        <f>Bühler!L2518</f>
        <v>13.85631826098294</v>
      </c>
      <c r="M2492" s="58">
        <f>Bühler!M2518</f>
        <v>0</v>
      </c>
      <c r="N2492" s="56">
        <f>IF(Input!$D$19=1,J2492*Input!$C$19,0)+IF(Input!$D$20=1,K2492*Input!$C$20,0)+IF(Input!$D$21=1,L2492*Input!$C$21,0)+IF(Input!$D$22=1,M2492*Input!$C$22,0)</f>
        <v>0.23715211520019713</v>
      </c>
      <c r="O2492" s="59">
        <f>IF(Input!$D$19=2,J2492*Input!$C$19,0)+IF(Input!$D$20=2,K2492*Input!$C$20,0)+IF(Input!$D$21=2,L2492*Input!$C$21,0)+IF(Input!$D$22=2,M2492*Input!$C$22,0)</f>
        <v>0.59288028800049286</v>
      </c>
      <c r="P2492" s="59">
        <f>IF(Input!$D$19=3,J2492*Input!$C$19,0)+IF(Input!$D$20=3,K2492*Input!$C$20,0)+IF(Input!$D$21=3,L2492*Input!$C$21,0)+IF(Input!$D$22=3,M2492*Input!$C$22,0)</f>
        <v>0</v>
      </c>
      <c r="Q2492" s="75">
        <f>IF(Input!$D$19=4,J2492*Input!$C$19,0)+IF(Input!$D$20=4,K2492*Input!$C$20,0)+IF(Input!$D$21=4,L2492*Input!$C$21,0)+IF(Input!$D$22=4,M2492*Input!$C$22,0)</f>
        <v>0</v>
      </c>
      <c r="R2492" s="58">
        <v>45.361561298704395</v>
      </c>
      <c r="S2492" s="124">
        <f t="shared" si="38"/>
        <v>1.0276591658675209</v>
      </c>
    </row>
    <row r="2493" spans="8:19" x14ac:dyDescent="0.3">
      <c r="H2493" s="44">
        <v>2486</v>
      </c>
      <c r="I2493" s="56">
        <f>Bühler!I2519</f>
        <v>0.23715211520019713</v>
      </c>
      <c r="J2493" s="59">
        <f>Bühler!J2519</f>
        <v>0.79050705066732385</v>
      </c>
      <c r="K2493" s="59">
        <f>Bühler!K2519</f>
        <v>1.1857605760009857</v>
      </c>
      <c r="L2493" s="59">
        <f>Bühler!L2519</f>
        <v>13.85631826098294</v>
      </c>
      <c r="M2493" s="58">
        <f>Bühler!M2519</f>
        <v>0</v>
      </c>
      <c r="N2493" s="56">
        <f>IF(Input!$D$19=1,J2493*Input!$C$19,0)+IF(Input!$D$20=1,K2493*Input!$C$20,0)+IF(Input!$D$21=1,L2493*Input!$C$21,0)+IF(Input!$D$22=1,M2493*Input!$C$22,0)</f>
        <v>0.23715211520019713</v>
      </c>
      <c r="O2493" s="59">
        <f>IF(Input!$D$19=2,J2493*Input!$C$19,0)+IF(Input!$D$20=2,K2493*Input!$C$20,0)+IF(Input!$D$21=2,L2493*Input!$C$21,0)+IF(Input!$D$22=2,M2493*Input!$C$22,0)</f>
        <v>0.59288028800049286</v>
      </c>
      <c r="P2493" s="59">
        <f>IF(Input!$D$19=3,J2493*Input!$C$19,0)+IF(Input!$D$20=3,K2493*Input!$C$20,0)+IF(Input!$D$21=3,L2493*Input!$C$21,0)+IF(Input!$D$22=3,M2493*Input!$C$22,0)</f>
        <v>0</v>
      </c>
      <c r="Q2493" s="75">
        <f>IF(Input!$D$19=4,J2493*Input!$C$19,0)+IF(Input!$D$20=4,K2493*Input!$C$20,0)+IF(Input!$D$21=4,L2493*Input!$C$21,0)+IF(Input!$D$22=4,M2493*Input!$C$22,0)</f>
        <v>0</v>
      </c>
      <c r="R2493" s="58">
        <v>44.624175377557378</v>
      </c>
      <c r="S2493" s="124">
        <f t="shared" si="38"/>
        <v>1.0276591658675209</v>
      </c>
    </row>
    <row r="2494" spans="8:19" x14ac:dyDescent="0.3">
      <c r="H2494" s="44">
        <v>2487</v>
      </c>
      <c r="I2494" s="56">
        <f>Bühler!I2520</f>
        <v>0.23715211520019713</v>
      </c>
      <c r="J2494" s="59">
        <f>Bühler!J2520</f>
        <v>0.79050705066732385</v>
      </c>
      <c r="K2494" s="59">
        <f>Bühler!K2520</f>
        <v>1.1857605760009857</v>
      </c>
      <c r="L2494" s="59">
        <f>Bühler!L2520</f>
        <v>13.85631826098294</v>
      </c>
      <c r="M2494" s="58">
        <f>Bühler!M2520</f>
        <v>0</v>
      </c>
      <c r="N2494" s="56">
        <f>IF(Input!$D$19=1,J2494*Input!$C$19,0)+IF(Input!$D$20=1,K2494*Input!$C$20,0)+IF(Input!$D$21=1,L2494*Input!$C$21,0)+IF(Input!$D$22=1,M2494*Input!$C$22,0)</f>
        <v>0.23715211520019713</v>
      </c>
      <c r="O2494" s="59">
        <f>IF(Input!$D$19=2,J2494*Input!$C$19,0)+IF(Input!$D$20=2,K2494*Input!$C$20,0)+IF(Input!$D$21=2,L2494*Input!$C$21,0)+IF(Input!$D$22=2,M2494*Input!$C$22,0)</f>
        <v>0.59288028800049286</v>
      </c>
      <c r="P2494" s="59">
        <f>IF(Input!$D$19=3,J2494*Input!$C$19,0)+IF(Input!$D$20=3,K2494*Input!$C$20,0)+IF(Input!$D$21=3,L2494*Input!$C$21,0)+IF(Input!$D$22=3,M2494*Input!$C$22,0)</f>
        <v>0</v>
      </c>
      <c r="Q2494" s="75">
        <f>IF(Input!$D$19=4,J2494*Input!$C$19,0)+IF(Input!$D$20=4,K2494*Input!$C$20,0)+IF(Input!$D$21=4,L2494*Input!$C$21,0)+IF(Input!$D$22=4,M2494*Input!$C$22,0)</f>
        <v>0</v>
      </c>
      <c r="R2494" s="58">
        <v>44.226469937528471</v>
      </c>
      <c r="S2494" s="124">
        <f t="shared" si="38"/>
        <v>1.0276591658675209</v>
      </c>
    </row>
    <row r="2495" spans="8:19" x14ac:dyDescent="0.3">
      <c r="H2495" s="44">
        <v>2488</v>
      </c>
      <c r="I2495" s="56">
        <f>Bühler!I2521</f>
        <v>0.21441150141387685</v>
      </c>
      <c r="J2495" s="59">
        <f>Bühler!J2521</f>
        <v>0.71470500471292298</v>
      </c>
      <c r="K2495" s="59">
        <f>Bühler!K2521</f>
        <v>1.0720575070693845</v>
      </c>
      <c r="L2495" s="59">
        <f>Bühler!L2521</f>
        <v>12.527630208559918</v>
      </c>
      <c r="M2495" s="58">
        <f>Bühler!M2521</f>
        <v>0</v>
      </c>
      <c r="N2495" s="56">
        <f>IF(Input!$D$19=1,J2495*Input!$C$19,0)+IF(Input!$D$20=1,K2495*Input!$C$20,0)+IF(Input!$D$21=1,L2495*Input!$C$21,0)+IF(Input!$D$22=1,M2495*Input!$C$22,0)</f>
        <v>0.21441150141387688</v>
      </c>
      <c r="O2495" s="59">
        <f>IF(Input!$D$19=2,J2495*Input!$C$19,0)+IF(Input!$D$20=2,K2495*Input!$C$20,0)+IF(Input!$D$21=2,L2495*Input!$C$21,0)+IF(Input!$D$22=2,M2495*Input!$C$22,0)</f>
        <v>0.53602875353469226</v>
      </c>
      <c r="P2495" s="59">
        <f>IF(Input!$D$19=3,J2495*Input!$C$19,0)+IF(Input!$D$20=3,K2495*Input!$C$20,0)+IF(Input!$D$21=3,L2495*Input!$C$21,0)+IF(Input!$D$22=3,M2495*Input!$C$22,0)</f>
        <v>0</v>
      </c>
      <c r="Q2495" s="75">
        <f>IF(Input!$D$19=4,J2495*Input!$C$19,0)+IF(Input!$D$20=4,K2495*Input!$C$20,0)+IF(Input!$D$21=4,L2495*Input!$C$21,0)+IF(Input!$D$22=4,M2495*Input!$C$22,0)</f>
        <v>0</v>
      </c>
      <c r="R2495" s="58">
        <v>44.193967594885478</v>
      </c>
      <c r="S2495" s="124">
        <f t="shared" si="38"/>
        <v>0.92911650612679986</v>
      </c>
    </row>
    <row r="2496" spans="8:19" x14ac:dyDescent="0.3">
      <c r="H2496" s="44">
        <v>2489</v>
      </c>
      <c r="I2496" s="56">
        <f>Bühler!I2522</f>
        <v>0.19491954673988807</v>
      </c>
      <c r="J2496" s="59">
        <f>Bühler!J2522</f>
        <v>0.64973182246629357</v>
      </c>
      <c r="K2496" s="59">
        <f>Bühler!K2522</f>
        <v>0.97459773369944036</v>
      </c>
      <c r="L2496" s="59">
        <f>Bühler!L2522</f>
        <v>11.388754735054471</v>
      </c>
      <c r="M2496" s="58">
        <f>Bühler!M2522</f>
        <v>0</v>
      </c>
      <c r="N2496" s="56">
        <f>IF(Input!$D$19=1,J2496*Input!$C$19,0)+IF(Input!$D$20=1,K2496*Input!$C$20,0)+IF(Input!$D$21=1,L2496*Input!$C$21,0)+IF(Input!$D$22=1,M2496*Input!$C$22,0)</f>
        <v>0.19491954673988807</v>
      </c>
      <c r="O2496" s="59">
        <f>IF(Input!$D$19=2,J2496*Input!$C$19,0)+IF(Input!$D$20=2,K2496*Input!$C$20,0)+IF(Input!$D$21=2,L2496*Input!$C$21,0)+IF(Input!$D$22=2,M2496*Input!$C$22,0)</f>
        <v>0.48729886684972018</v>
      </c>
      <c r="P2496" s="59">
        <f>IF(Input!$D$19=3,J2496*Input!$C$19,0)+IF(Input!$D$20=3,K2496*Input!$C$20,0)+IF(Input!$D$21=3,L2496*Input!$C$21,0)+IF(Input!$D$22=3,M2496*Input!$C$22,0)</f>
        <v>0</v>
      </c>
      <c r="Q2496" s="75">
        <f>IF(Input!$D$19=4,J2496*Input!$C$19,0)+IF(Input!$D$20=4,K2496*Input!$C$20,0)+IF(Input!$D$21=4,L2496*Input!$C$21,0)+IF(Input!$D$22=4,M2496*Input!$C$22,0)</f>
        <v>0</v>
      </c>
      <c r="R2496" s="58">
        <v>43.192506438226836</v>
      </c>
      <c r="S2496" s="124">
        <f t="shared" si="38"/>
        <v>0.84465136920618167</v>
      </c>
    </row>
    <row r="2497" spans="8:19" x14ac:dyDescent="0.3">
      <c r="H2497" s="44">
        <v>2490</v>
      </c>
      <c r="I2497" s="56">
        <f>Bühler!I2523</f>
        <v>0.17542759206589928</v>
      </c>
      <c r="J2497" s="59">
        <f>Bühler!J2523</f>
        <v>0.58475864021966428</v>
      </c>
      <c r="K2497" s="59">
        <f>Bühler!K2523</f>
        <v>0.87713796032949642</v>
      </c>
      <c r="L2497" s="59">
        <f>Bühler!L2523</f>
        <v>10.249879261549026</v>
      </c>
      <c r="M2497" s="58">
        <f>Bühler!M2523</f>
        <v>0</v>
      </c>
      <c r="N2497" s="56">
        <f>IF(Input!$D$19=1,J2497*Input!$C$19,0)+IF(Input!$D$20=1,K2497*Input!$C$20,0)+IF(Input!$D$21=1,L2497*Input!$C$21,0)+IF(Input!$D$22=1,M2497*Input!$C$22,0)</f>
        <v>0.17542759206589928</v>
      </c>
      <c r="O2497" s="59">
        <f>IF(Input!$D$19=2,J2497*Input!$C$19,0)+IF(Input!$D$20=2,K2497*Input!$C$20,0)+IF(Input!$D$21=2,L2497*Input!$C$21,0)+IF(Input!$D$22=2,M2497*Input!$C$22,0)</f>
        <v>0.43856898016474821</v>
      </c>
      <c r="P2497" s="59">
        <f>IF(Input!$D$19=3,J2497*Input!$C$19,0)+IF(Input!$D$20=3,K2497*Input!$C$20,0)+IF(Input!$D$21=3,L2497*Input!$C$21,0)+IF(Input!$D$22=3,M2497*Input!$C$22,0)</f>
        <v>0</v>
      </c>
      <c r="Q2497" s="75">
        <f>IF(Input!$D$19=4,J2497*Input!$C$19,0)+IF(Input!$D$20=4,K2497*Input!$C$20,0)+IF(Input!$D$21=4,L2497*Input!$C$21,0)+IF(Input!$D$22=4,M2497*Input!$C$22,0)</f>
        <v>0</v>
      </c>
      <c r="R2497" s="58">
        <v>42.486184074113972</v>
      </c>
      <c r="S2497" s="124">
        <f t="shared" si="38"/>
        <v>0.76018623228556359</v>
      </c>
    </row>
    <row r="2498" spans="8:19" x14ac:dyDescent="0.3">
      <c r="H2498" s="44">
        <v>2491</v>
      </c>
      <c r="I2498" s="56">
        <f>Bühler!I2524</f>
        <v>0.16893027384123629</v>
      </c>
      <c r="J2498" s="59">
        <f>Bühler!J2524</f>
        <v>0.563100912804121</v>
      </c>
      <c r="K2498" s="59">
        <f>Bühler!K2524</f>
        <v>0.84465136920618156</v>
      </c>
      <c r="L2498" s="59">
        <f>Bühler!L2524</f>
        <v>9.870254103713874</v>
      </c>
      <c r="M2498" s="58">
        <f>Bühler!M2524</f>
        <v>0</v>
      </c>
      <c r="N2498" s="56">
        <f>IF(Input!$D$19=1,J2498*Input!$C$19,0)+IF(Input!$D$20=1,K2498*Input!$C$20,0)+IF(Input!$D$21=1,L2498*Input!$C$21,0)+IF(Input!$D$22=1,M2498*Input!$C$22,0)</f>
        <v>0.16893027384123629</v>
      </c>
      <c r="O2498" s="59">
        <f>IF(Input!$D$19=2,J2498*Input!$C$19,0)+IF(Input!$D$20=2,K2498*Input!$C$20,0)+IF(Input!$D$21=2,L2498*Input!$C$21,0)+IF(Input!$D$22=2,M2498*Input!$C$22,0)</f>
        <v>0.42232568460309078</v>
      </c>
      <c r="P2498" s="59">
        <f>IF(Input!$D$19=3,J2498*Input!$C$19,0)+IF(Input!$D$20=3,K2498*Input!$C$20,0)+IF(Input!$D$21=3,L2498*Input!$C$21,0)+IF(Input!$D$22=3,M2498*Input!$C$22,0)</f>
        <v>0</v>
      </c>
      <c r="Q2498" s="75">
        <f>IF(Input!$D$19=4,J2498*Input!$C$19,0)+IF(Input!$D$20=4,K2498*Input!$C$20,0)+IF(Input!$D$21=4,L2498*Input!$C$21,0)+IF(Input!$D$22=4,M2498*Input!$C$22,0)</f>
        <v>0</v>
      </c>
      <c r="R2498" s="58">
        <v>41.915388308326136</v>
      </c>
      <c r="S2498" s="124">
        <f t="shared" si="38"/>
        <v>0.73203118664535727</v>
      </c>
    </row>
    <row r="2499" spans="8:19" x14ac:dyDescent="0.3">
      <c r="H2499" s="44">
        <v>2492</v>
      </c>
      <c r="I2499" s="56">
        <f>Bühler!I2525</f>
        <v>0.13644368271792162</v>
      </c>
      <c r="J2499" s="59">
        <f>Bühler!J2525</f>
        <v>0.45481227572640542</v>
      </c>
      <c r="K2499" s="59">
        <f>Bühler!K2525</f>
        <v>0.68221841358960822</v>
      </c>
      <c r="L2499" s="59">
        <f>Bühler!L2525</f>
        <v>7.9721283145381303</v>
      </c>
      <c r="M2499" s="58">
        <f>Bühler!M2525</f>
        <v>0</v>
      </c>
      <c r="N2499" s="56">
        <f>IF(Input!$D$19=1,J2499*Input!$C$19,0)+IF(Input!$D$20=1,K2499*Input!$C$20,0)+IF(Input!$D$21=1,L2499*Input!$C$21,0)+IF(Input!$D$22=1,M2499*Input!$C$22,0)</f>
        <v>0.13644368271792162</v>
      </c>
      <c r="O2499" s="59">
        <f>IF(Input!$D$19=2,J2499*Input!$C$19,0)+IF(Input!$D$20=2,K2499*Input!$C$20,0)+IF(Input!$D$21=2,L2499*Input!$C$21,0)+IF(Input!$D$22=2,M2499*Input!$C$22,0)</f>
        <v>0.34110920679480411</v>
      </c>
      <c r="P2499" s="59">
        <f>IF(Input!$D$19=3,J2499*Input!$C$19,0)+IF(Input!$D$20=3,K2499*Input!$C$20,0)+IF(Input!$D$21=3,L2499*Input!$C$21,0)+IF(Input!$D$22=3,M2499*Input!$C$22,0)</f>
        <v>0</v>
      </c>
      <c r="Q2499" s="75">
        <f>IF(Input!$D$19=4,J2499*Input!$C$19,0)+IF(Input!$D$20=4,K2499*Input!$C$20,0)+IF(Input!$D$21=4,L2499*Input!$C$21,0)+IF(Input!$D$22=4,M2499*Input!$C$22,0)</f>
        <v>0</v>
      </c>
      <c r="R2499" s="58">
        <v>41.493975033059549</v>
      </c>
      <c r="S2499" s="124">
        <f t="shared" si="38"/>
        <v>0.5912559584443271</v>
      </c>
    </row>
    <row r="2500" spans="8:19" x14ac:dyDescent="0.3">
      <c r="H2500" s="44">
        <v>2493</v>
      </c>
      <c r="I2500" s="56">
        <f>Bühler!I2526</f>
        <v>0.10070843248227548</v>
      </c>
      <c r="J2500" s="59">
        <f>Bühler!J2526</f>
        <v>0.33569477494091832</v>
      </c>
      <c r="K2500" s="59">
        <f>Bühler!K2526</f>
        <v>0.5035421624113775</v>
      </c>
      <c r="L2500" s="59">
        <f>Bühler!L2526</f>
        <v>5.8841899464448097</v>
      </c>
      <c r="M2500" s="58">
        <f>Bühler!M2526</f>
        <v>0</v>
      </c>
      <c r="N2500" s="56">
        <f>IF(Input!$D$19=1,J2500*Input!$C$19,0)+IF(Input!$D$20=1,K2500*Input!$C$20,0)+IF(Input!$D$21=1,L2500*Input!$C$21,0)+IF(Input!$D$22=1,M2500*Input!$C$22,0)</f>
        <v>0.1007084324822755</v>
      </c>
      <c r="O2500" s="59">
        <f>IF(Input!$D$19=2,J2500*Input!$C$19,0)+IF(Input!$D$20=2,K2500*Input!$C$20,0)+IF(Input!$D$21=2,L2500*Input!$C$21,0)+IF(Input!$D$22=2,M2500*Input!$C$22,0)</f>
        <v>0.25177108120568875</v>
      </c>
      <c r="P2500" s="59">
        <f>IF(Input!$D$19=3,J2500*Input!$C$19,0)+IF(Input!$D$20=3,K2500*Input!$C$20,0)+IF(Input!$D$21=3,L2500*Input!$C$21,0)+IF(Input!$D$22=3,M2500*Input!$C$22,0)</f>
        <v>0</v>
      </c>
      <c r="Q2500" s="75">
        <f>IF(Input!$D$19=4,J2500*Input!$C$19,0)+IF(Input!$D$20=4,K2500*Input!$C$20,0)+IF(Input!$D$21=4,L2500*Input!$C$21,0)+IF(Input!$D$22=4,M2500*Input!$C$22,0)</f>
        <v>0</v>
      </c>
      <c r="R2500" s="58">
        <v>40.851938981342784</v>
      </c>
      <c r="S2500" s="124">
        <f t="shared" si="38"/>
        <v>0.43640320742319383</v>
      </c>
    </row>
    <row r="2501" spans="8:19" x14ac:dyDescent="0.3">
      <c r="H2501" s="44">
        <v>2494</v>
      </c>
      <c r="I2501" s="56">
        <f>Bühler!I2527</f>
        <v>0.10070843248227548</v>
      </c>
      <c r="J2501" s="59">
        <f>Bühler!J2527</f>
        <v>0.33569477494091832</v>
      </c>
      <c r="K2501" s="59">
        <f>Bühler!K2527</f>
        <v>0.5035421624113775</v>
      </c>
      <c r="L2501" s="59">
        <f>Bühler!L2527</f>
        <v>5.8841899464448097</v>
      </c>
      <c r="M2501" s="58">
        <f>Bühler!M2527</f>
        <v>0</v>
      </c>
      <c r="N2501" s="56">
        <f>IF(Input!$D$19=1,J2501*Input!$C$19,0)+IF(Input!$D$20=1,K2501*Input!$C$20,0)+IF(Input!$D$21=1,L2501*Input!$C$21,0)+IF(Input!$D$22=1,M2501*Input!$C$22,0)</f>
        <v>0.1007084324822755</v>
      </c>
      <c r="O2501" s="59">
        <f>IF(Input!$D$19=2,J2501*Input!$C$19,0)+IF(Input!$D$20=2,K2501*Input!$C$20,0)+IF(Input!$D$21=2,L2501*Input!$C$21,0)+IF(Input!$D$22=2,M2501*Input!$C$22,0)</f>
        <v>0.25177108120568875</v>
      </c>
      <c r="P2501" s="59">
        <f>IF(Input!$D$19=3,J2501*Input!$C$19,0)+IF(Input!$D$20=3,K2501*Input!$C$20,0)+IF(Input!$D$21=3,L2501*Input!$C$21,0)+IF(Input!$D$22=3,M2501*Input!$C$22,0)</f>
        <v>0</v>
      </c>
      <c r="Q2501" s="75">
        <f>IF(Input!$D$19=4,J2501*Input!$C$19,0)+IF(Input!$D$20=4,K2501*Input!$C$20,0)+IF(Input!$D$21=4,L2501*Input!$C$21,0)+IF(Input!$D$22=4,M2501*Input!$C$22,0)</f>
        <v>0</v>
      </c>
      <c r="R2501" s="58">
        <v>40.920902504178379</v>
      </c>
      <c r="S2501" s="124">
        <f t="shared" si="38"/>
        <v>0.43640320742319383</v>
      </c>
    </row>
    <row r="2502" spans="8:19" x14ac:dyDescent="0.3">
      <c r="H2502" s="44">
        <v>2495</v>
      </c>
      <c r="I2502" s="56">
        <f>Bühler!I2528</f>
        <v>0.10070843248227548</v>
      </c>
      <c r="J2502" s="59">
        <f>Bühler!J2528</f>
        <v>0.33569477494091832</v>
      </c>
      <c r="K2502" s="59">
        <f>Bühler!K2528</f>
        <v>0.5035421624113775</v>
      </c>
      <c r="L2502" s="59">
        <f>Bühler!L2528</f>
        <v>5.8841899464448097</v>
      </c>
      <c r="M2502" s="58">
        <f>Bühler!M2528</f>
        <v>0</v>
      </c>
      <c r="N2502" s="56">
        <f>IF(Input!$D$19=1,J2502*Input!$C$19,0)+IF(Input!$D$20=1,K2502*Input!$C$20,0)+IF(Input!$D$21=1,L2502*Input!$C$21,0)+IF(Input!$D$22=1,M2502*Input!$C$22,0)</f>
        <v>0.1007084324822755</v>
      </c>
      <c r="O2502" s="59">
        <f>IF(Input!$D$19=2,J2502*Input!$C$19,0)+IF(Input!$D$20=2,K2502*Input!$C$20,0)+IF(Input!$D$21=2,L2502*Input!$C$21,0)+IF(Input!$D$22=2,M2502*Input!$C$22,0)</f>
        <v>0.25177108120568875</v>
      </c>
      <c r="P2502" s="59">
        <f>IF(Input!$D$19=3,J2502*Input!$C$19,0)+IF(Input!$D$20=3,K2502*Input!$C$20,0)+IF(Input!$D$21=3,L2502*Input!$C$21,0)+IF(Input!$D$22=3,M2502*Input!$C$22,0)</f>
        <v>0</v>
      </c>
      <c r="Q2502" s="75">
        <f>IF(Input!$D$19=4,J2502*Input!$C$19,0)+IF(Input!$D$20=4,K2502*Input!$C$20,0)+IF(Input!$D$21=4,L2502*Input!$C$21,0)+IF(Input!$D$22=4,M2502*Input!$C$22,0)</f>
        <v>0</v>
      </c>
      <c r="R2502" s="58">
        <v>40.81440667512252</v>
      </c>
      <c r="S2502" s="124">
        <f t="shared" si="38"/>
        <v>0.43640320742319383</v>
      </c>
    </row>
    <row r="2503" spans="8:19" x14ac:dyDescent="0.3">
      <c r="H2503" s="44">
        <v>2496</v>
      </c>
      <c r="I2503" s="56">
        <f>Bühler!I2529</f>
        <v>0.10070843248227548</v>
      </c>
      <c r="J2503" s="59">
        <f>Bühler!J2529</f>
        <v>0.33569477494091832</v>
      </c>
      <c r="K2503" s="59">
        <f>Bühler!K2529</f>
        <v>0.5035421624113775</v>
      </c>
      <c r="L2503" s="59">
        <f>Bühler!L2529</f>
        <v>5.8841899464448097</v>
      </c>
      <c r="M2503" s="58">
        <f>Bühler!M2529</f>
        <v>0</v>
      </c>
      <c r="N2503" s="56">
        <f>IF(Input!$D$19=1,J2503*Input!$C$19,0)+IF(Input!$D$20=1,K2503*Input!$C$20,0)+IF(Input!$D$21=1,L2503*Input!$C$21,0)+IF(Input!$D$22=1,M2503*Input!$C$22,0)</f>
        <v>0.1007084324822755</v>
      </c>
      <c r="O2503" s="59">
        <f>IF(Input!$D$19=2,J2503*Input!$C$19,0)+IF(Input!$D$20=2,K2503*Input!$C$20,0)+IF(Input!$D$21=2,L2503*Input!$C$21,0)+IF(Input!$D$22=2,M2503*Input!$C$22,0)</f>
        <v>0.25177108120568875</v>
      </c>
      <c r="P2503" s="59">
        <f>IF(Input!$D$19=3,J2503*Input!$C$19,0)+IF(Input!$D$20=3,K2503*Input!$C$20,0)+IF(Input!$D$21=3,L2503*Input!$C$21,0)+IF(Input!$D$22=3,M2503*Input!$C$22,0)</f>
        <v>0</v>
      </c>
      <c r="Q2503" s="75">
        <f>IF(Input!$D$19=4,J2503*Input!$C$19,0)+IF(Input!$D$20=4,K2503*Input!$C$20,0)+IF(Input!$D$21=4,L2503*Input!$C$21,0)+IF(Input!$D$22=4,M2503*Input!$C$22,0)</f>
        <v>0</v>
      </c>
      <c r="R2503" s="58">
        <v>40.96723420162553</v>
      </c>
      <c r="S2503" s="124">
        <f t="shared" si="38"/>
        <v>0.43640320742319383</v>
      </c>
    </row>
    <row r="2504" spans="8:19" x14ac:dyDescent="0.3">
      <c r="H2504" s="44">
        <v>2497</v>
      </c>
      <c r="I2504" s="56">
        <f>Bühler!I2530</f>
        <v>0.11494380238654431</v>
      </c>
      <c r="J2504" s="59">
        <f>Bühler!J2530</f>
        <v>0.38314600795514775</v>
      </c>
      <c r="K2504" s="59">
        <f>Bühler!K2530</f>
        <v>0.57471901193272157</v>
      </c>
      <c r="L2504" s="59">
        <f>Bühler!L2530</f>
        <v>6.698494072313431</v>
      </c>
      <c r="M2504" s="58">
        <f>Bühler!M2530</f>
        <v>0</v>
      </c>
      <c r="N2504" s="56">
        <f>IF(Input!$D$19=1,J2504*Input!$C$19,0)+IF(Input!$D$20=1,K2504*Input!$C$20,0)+IF(Input!$D$21=1,L2504*Input!$C$21,0)+IF(Input!$D$22=1,M2504*Input!$C$22,0)</f>
        <v>0.11494380238654432</v>
      </c>
      <c r="O2504" s="59">
        <f>IF(Input!$D$19=2,J2504*Input!$C$19,0)+IF(Input!$D$20=2,K2504*Input!$C$20,0)+IF(Input!$D$21=2,L2504*Input!$C$21,0)+IF(Input!$D$22=2,M2504*Input!$C$22,0)</f>
        <v>0.28735950596636078</v>
      </c>
      <c r="P2504" s="59">
        <f>IF(Input!$D$19=3,J2504*Input!$C$19,0)+IF(Input!$D$20=3,K2504*Input!$C$20,0)+IF(Input!$D$21=3,L2504*Input!$C$21,0)+IF(Input!$D$22=3,M2504*Input!$C$22,0)</f>
        <v>0</v>
      </c>
      <c r="Q2504" s="75">
        <f>IF(Input!$D$19=4,J2504*Input!$C$19,0)+IF(Input!$D$20=4,K2504*Input!$C$20,0)+IF(Input!$D$21=4,L2504*Input!$C$21,0)+IF(Input!$D$22=4,M2504*Input!$C$22,0)</f>
        <v>0</v>
      </c>
      <c r="R2504" s="58">
        <v>40.511097033304459</v>
      </c>
      <c r="S2504" s="124">
        <f t="shared" si="38"/>
        <v>0.49808981034169209</v>
      </c>
    </row>
    <row r="2505" spans="8:19" x14ac:dyDescent="0.3">
      <c r="H2505" s="44">
        <v>2498</v>
      </c>
      <c r="I2505" s="56">
        <f>Bühler!I2531</f>
        <v>0.13348312535211598</v>
      </c>
      <c r="J2505" s="59">
        <f>Bühler!J2531</f>
        <v>0.44494375117371998</v>
      </c>
      <c r="K2505" s="59">
        <f>Bühler!K2531</f>
        <v>0.66741562676057997</v>
      </c>
      <c r="L2505" s="59">
        <f>Bühler!L2531</f>
        <v>7.7788963420414046</v>
      </c>
      <c r="M2505" s="58">
        <f>Bühler!M2531</f>
        <v>0</v>
      </c>
      <c r="N2505" s="56">
        <f>IF(Input!$D$19=1,J2505*Input!$C$19,0)+IF(Input!$D$20=1,K2505*Input!$C$20,0)+IF(Input!$D$21=1,L2505*Input!$C$21,0)+IF(Input!$D$22=1,M2505*Input!$C$22,0)</f>
        <v>0.13348312535211598</v>
      </c>
      <c r="O2505" s="59">
        <f>IF(Input!$D$19=2,J2505*Input!$C$19,0)+IF(Input!$D$20=2,K2505*Input!$C$20,0)+IF(Input!$D$21=2,L2505*Input!$C$21,0)+IF(Input!$D$22=2,M2505*Input!$C$22,0)</f>
        <v>0.33370781338028999</v>
      </c>
      <c r="P2505" s="59">
        <f>IF(Input!$D$19=3,J2505*Input!$C$19,0)+IF(Input!$D$20=3,K2505*Input!$C$20,0)+IF(Input!$D$21=3,L2505*Input!$C$21,0)+IF(Input!$D$22=3,M2505*Input!$C$22,0)</f>
        <v>0</v>
      </c>
      <c r="Q2505" s="75">
        <f>IF(Input!$D$19=4,J2505*Input!$C$19,0)+IF(Input!$D$20=4,K2505*Input!$C$20,0)+IF(Input!$D$21=4,L2505*Input!$C$21,0)+IF(Input!$D$22=4,M2505*Input!$C$22,0)</f>
        <v>0</v>
      </c>
      <c r="R2505" s="58">
        <v>40.036533245349361</v>
      </c>
      <c r="S2505" s="124">
        <f t="shared" ref="S2505:S2568" si="39">I2505+J2505</f>
        <v>0.57842687652583602</v>
      </c>
    </row>
    <row r="2506" spans="8:19" x14ac:dyDescent="0.3">
      <c r="H2506" s="44">
        <v>2499</v>
      </c>
      <c r="I2506" s="56">
        <f>Bühler!I2532</f>
        <v>0.13348312535211598</v>
      </c>
      <c r="J2506" s="59">
        <f>Bühler!J2532</f>
        <v>0.44494375117371998</v>
      </c>
      <c r="K2506" s="59">
        <f>Bühler!K2532</f>
        <v>0.66741562676057997</v>
      </c>
      <c r="L2506" s="59">
        <f>Bühler!L2532</f>
        <v>7.7788963420414046</v>
      </c>
      <c r="M2506" s="58">
        <f>Bühler!M2532</f>
        <v>0</v>
      </c>
      <c r="N2506" s="56">
        <f>IF(Input!$D$19=1,J2506*Input!$C$19,0)+IF(Input!$D$20=1,K2506*Input!$C$20,0)+IF(Input!$D$21=1,L2506*Input!$C$21,0)+IF(Input!$D$22=1,M2506*Input!$C$22,0)</f>
        <v>0.13348312535211598</v>
      </c>
      <c r="O2506" s="59">
        <f>IF(Input!$D$19=2,J2506*Input!$C$19,0)+IF(Input!$D$20=2,K2506*Input!$C$20,0)+IF(Input!$D$21=2,L2506*Input!$C$21,0)+IF(Input!$D$22=2,M2506*Input!$C$22,0)</f>
        <v>0.33370781338028999</v>
      </c>
      <c r="P2506" s="59">
        <f>IF(Input!$D$19=3,J2506*Input!$C$19,0)+IF(Input!$D$20=3,K2506*Input!$C$20,0)+IF(Input!$D$21=3,L2506*Input!$C$21,0)+IF(Input!$D$22=3,M2506*Input!$C$22,0)</f>
        <v>0</v>
      </c>
      <c r="Q2506" s="75">
        <f>IF(Input!$D$19=4,J2506*Input!$C$19,0)+IF(Input!$D$20=4,K2506*Input!$C$20,0)+IF(Input!$D$21=4,L2506*Input!$C$21,0)+IF(Input!$D$22=4,M2506*Input!$C$22,0)</f>
        <v>0</v>
      </c>
      <c r="R2506" s="58">
        <v>40.070520446279573</v>
      </c>
      <c r="S2506" s="124">
        <f t="shared" si="39"/>
        <v>0.57842687652583602</v>
      </c>
    </row>
    <row r="2507" spans="8:19" x14ac:dyDescent="0.3">
      <c r="H2507" s="44">
        <v>2500</v>
      </c>
      <c r="I2507" s="56">
        <f>Bühler!I2533</f>
        <v>0.13348312535211598</v>
      </c>
      <c r="J2507" s="59">
        <f>Bühler!J2533</f>
        <v>0.44494375117371998</v>
      </c>
      <c r="K2507" s="59">
        <f>Bühler!K2533</f>
        <v>0.66741562676057997</v>
      </c>
      <c r="L2507" s="59">
        <f>Bühler!L2533</f>
        <v>7.7788963420414046</v>
      </c>
      <c r="M2507" s="58">
        <f>Bühler!M2533</f>
        <v>0</v>
      </c>
      <c r="N2507" s="56">
        <f>IF(Input!$D$19=1,J2507*Input!$C$19,0)+IF(Input!$D$20=1,K2507*Input!$C$20,0)+IF(Input!$D$21=1,L2507*Input!$C$21,0)+IF(Input!$D$22=1,M2507*Input!$C$22,0)</f>
        <v>0.13348312535211598</v>
      </c>
      <c r="O2507" s="59">
        <f>IF(Input!$D$19=2,J2507*Input!$C$19,0)+IF(Input!$D$20=2,K2507*Input!$C$20,0)+IF(Input!$D$21=2,L2507*Input!$C$21,0)+IF(Input!$D$22=2,M2507*Input!$C$22,0)</f>
        <v>0.33370781338028999</v>
      </c>
      <c r="P2507" s="59">
        <f>IF(Input!$D$19=3,J2507*Input!$C$19,0)+IF(Input!$D$20=3,K2507*Input!$C$20,0)+IF(Input!$D$21=3,L2507*Input!$C$21,0)+IF(Input!$D$22=3,M2507*Input!$C$22,0)</f>
        <v>0</v>
      </c>
      <c r="Q2507" s="75">
        <f>IF(Input!$D$19=4,J2507*Input!$C$19,0)+IF(Input!$D$20=4,K2507*Input!$C$20,0)+IF(Input!$D$21=4,L2507*Input!$C$21,0)+IF(Input!$D$22=4,M2507*Input!$C$22,0)</f>
        <v>0</v>
      </c>
      <c r="R2507" s="58">
        <v>40.542509067680776</v>
      </c>
      <c r="S2507" s="124">
        <f t="shared" si="39"/>
        <v>0.57842687652583602</v>
      </c>
    </row>
    <row r="2508" spans="8:19" x14ac:dyDescent="0.3">
      <c r="H2508" s="44">
        <v>2501</v>
      </c>
      <c r="I2508" s="56">
        <f>Bühler!I2534</f>
        <v>0.13348312535211598</v>
      </c>
      <c r="J2508" s="59">
        <f>Bühler!J2534</f>
        <v>0.44494375117371998</v>
      </c>
      <c r="K2508" s="59">
        <f>Bühler!K2534</f>
        <v>0.66741562676057997</v>
      </c>
      <c r="L2508" s="59">
        <f>Bühler!L2534</f>
        <v>7.7788963420414046</v>
      </c>
      <c r="M2508" s="58">
        <f>Bühler!M2534</f>
        <v>0</v>
      </c>
      <c r="N2508" s="56">
        <f>IF(Input!$D$19=1,J2508*Input!$C$19,0)+IF(Input!$D$20=1,K2508*Input!$C$20,0)+IF(Input!$D$21=1,L2508*Input!$C$21,0)+IF(Input!$D$22=1,M2508*Input!$C$22,0)</f>
        <v>0.13348312535211598</v>
      </c>
      <c r="O2508" s="59">
        <f>IF(Input!$D$19=2,J2508*Input!$C$19,0)+IF(Input!$D$20=2,K2508*Input!$C$20,0)+IF(Input!$D$21=2,L2508*Input!$C$21,0)+IF(Input!$D$22=2,M2508*Input!$C$22,0)</f>
        <v>0.33370781338028999</v>
      </c>
      <c r="P2508" s="59">
        <f>IF(Input!$D$19=3,J2508*Input!$C$19,0)+IF(Input!$D$20=3,K2508*Input!$C$20,0)+IF(Input!$D$21=3,L2508*Input!$C$21,0)+IF(Input!$D$22=3,M2508*Input!$C$22,0)</f>
        <v>0</v>
      </c>
      <c r="Q2508" s="75">
        <f>IF(Input!$D$19=4,J2508*Input!$C$19,0)+IF(Input!$D$20=4,K2508*Input!$C$20,0)+IF(Input!$D$21=4,L2508*Input!$C$21,0)+IF(Input!$D$22=4,M2508*Input!$C$22,0)</f>
        <v>0</v>
      </c>
      <c r="R2508" s="58">
        <v>40.630254493460789</v>
      </c>
      <c r="S2508" s="124">
        <f t="shared" si="39"/>
        <v>0.57842687652583602</v>
      </c>
    </row>
    <row r="2509" spans="8:19" x14ac:dyDescent="0.3">
      <c r="H2509" s="44">
        <v>2502</v>
      </c>
      <c r="I2509" s="56">
        <f>Bühler!I2535</f>
        <v>0.16685390669014494</v>
      </c>
      <c r="J2509" s="59">
        <f>Bühler!J2535</f>
        <v>0.55617968896714987</v>
      </c>
      <c r="K2509" s="59">
        <f>Bühler!K2535</f>
        <v>0.83426953345072485</v>
      </c>
      <c r="L2509" s="59">
        <f>Bühler!L2535</f>
        <v>9.7236204275517544</v>
      </c>
      <c r="M2509" s="58">
        <f>Bühler!M2535</f>
        <v>0</v>
      </c>
      <c r="N2509" s="56">
        <f>IF(Input!$D$19=1,J2509*Input!$C$19,0)+IF(Input!$D$20=1,K2509*Input!$C$20,0)+IF(Input!$D$21=1,L2509*Input!$C$21,0)+IF(Input!$D$22=1,M2509*Input!$C$22,0)</f>
        <v>0.16685390669014497</v>
      </c>
      <c r="O2509" s="59">
        <f>IF(Input!$D$19=2,J2509*Input!$C$19,0)+IF(Input!$D$20=2,K2509*Input!$C$20,0)+IF(Input!$D$21=2,L2509*Input!$C$21,0)+IF(Input!$D$22=2,M2509*Input!$C$22,0)</f>
        <v>0.41713476672536243</v>
      </c>
      <c r="P2509" s="59">
        <f>IF(Input!$D$19=3,J2509*Input!$C$19,0)+IF(Input!$D$20=3,K2509*Input!$C$20,0)+IF(Input!$D$21=3,L2509*Input!$C$21,0)+IF(Input!$D$22=3,M2509*Input!$C$22,0)</f>
        <v>0</v>
      </c>
      <c r="Q2509" s="75">
        <f>IF(Input!$D$19=4,J2509*Input!$C$19,0)+IF(Input!$D$20=4,K2509*Input!$C$20,0)+IF(Input!$D$21=4,L2509*Input!$C$21,0)+IF(Input!$D$22=4,M2509*Input!$C$22,0)</f>
        <v>0</v>
      </c>
      <c r="R2509" s="58">
        <v>40.665977039768734</v>
      </c>
      <c r="S2509" s="124">
        <f t="shared" si="39"/>
        <v>0.72303359565729486</v>
      </c>
    </row>
    <row r="2510" spans="8:19" x14ac:dyDescent="0.3">
      <c r="H2510" s="44">
        <v>2503</v>
      </c>
      <c r="I2510" s="56">
        <f>Bühler!I2536</f>
        <v>0.19651682343505963</v>
      </c>
      <c r="J2510" s="59">
        <f>Bühler!J2536</f>
        <v>0.6550560781168655</v>
      </c>
      <c r="K2510" s="59">
        <f>Bühler!K2536</f>
        <v>0.98258411717529837</v>
      </c>
      <c r="L2510" s="59">
        <f>Bühler!L2536</f>
        <v>11.452264059116512</v>
      </c>
      <c r="M2510" s="58">
        <f>Bühler!M2536</f>
        <v>0</v>
      </c>
      <c r="N2510" s="56">
        <f>IF(Input!$D$19=1,J2510*Input!$C$19,0)+IF(Input!$D$20=1,K2510*Input!$C$20,0)+IF(Input!$D$21=1,L2510*Input!$C$21,0)+IF(Input!$D$22=1,M2510*Input!$C$22,0)</f>
        <v>0.19651682343505963</v>
      </c>
      <c r="O2510" s="59">
        <f>IF(Input!$D$19=2,J2510*Input!$C$19,0)+IF(Input!$D$20=2,K2510*Input!$C$20,0)+IF(Input!$D$21=2,L2510*Input!$C$21,0)+IF(Input!$D$22=2,M2510*Input!$C$22,0)</f>
        <v>0.49129205858764918</v>
      </c>
      <c r="P2510" s="59">
        <f>IF(Input!$D$19=3,J2510*Input!$C$19,0)+IF(Input!$D$20=3,K2510*Input!$C$20,0)+IF(Input!$D$21=3,L2510*Input!$C$21,0)+IF(Input!$D$22=3,M2510*Input!$C$22,0)</f>
        <v>0</v>
      </c>
      <c r="Q2510" s="75">
        <f>IF(Input!$D$19=4,J2510*Input!$C$19,0)+IF(Input!$D$20=4,K2510*Input!$C$20,0)+IF(Input!$D$21=4,L2510*Input!$C$21,0)+IF(Input!$D$22=4,M2510*Input!$C$22,0)</f>
        <v>0</v>
      </c>
      <c r="R2510" s="58">
        <v>41.019700077059255</v>
      </c>
      <c r="S2510" s="124">
        <f t="shared" si="39"/>
        <v>0.85157290155192511</v>
      </c>
    </row>
    <row r="2511" spans="8:19" x14ac:dyDescent="0.3">
      <c r="H2511" s="44">
        <v>2504</v>
      </c>
      <c r="I2511" s="56">
        <f>Bühler!I2537</f>
        <v>0.23359546936620293</v>
      </c>
      <c r="J2511" s="59">
        <f>Bühler!J2537</f>
        <v>0.77865156455400986</v>
      </c>
      <c r="K2511" s="59">
        <f>Bühler!K2537</f>
        <v>1.1679773468310148</v>
      </c>
      <c r="L2511" s="59">
        <f>Bühler!L2537</f>
        <v>13.613068598572458</v>
      </c>
      <c r="M2511" s="58">
        <f>Bühler!M2537</f>
        <v>0</v>
      </c>
      <c r="N2511" s="56">
        <f>IF(Input!$D$19=1,J2511*Input!$C$19,0)+IF(Input!$D$20=1,K2511*Input!$C$20,0)+IF(Input!$D$21=1,L2511*Input!$C$21,0)+IF(Input!$D$22=1,M2511*Input!$C$22,0)</f>
        <v>0.23359546936620296</v>
      </c>
      <c r="O2511" s="59">
        <f>IF(Input!$D$19=2,J2511*Input!$C$19,0)+IF(Input!$D$20=2,K2511*Input!$C$20,0)+IF(Input!$D$21=2,L2511*Input!$C$21,0)+IF(Input!$D$22=2,M2511*Input!$C$22,0)</f>
        <v>0.58398867341550742</v>
      </c>
      <c r="P2511" s="59">
        <f>IF(Input!$D$19=3,J2511*Input!$C$19,0)+IF(Input!$D$20=3,K2511*Input!$C$20,0)+IF(Input!$D$21=3,L2511*Input!$C$21,0)+IF(Input!$D$22=3,M2511*Input!$C$22,0)</f>
        <v>0</v>
      </c>
      <c r="Q2511" s="75">
        <f>IF(Input!$D$19=4,J2511*Input!$C$19,0)+IF(Input!$D$20=4,K2511*Input!$C$20,0)+IF(Input!$D$21=4,L2511*Input!$C$21,0)+IF(Input!$D$22=4,M2511*Input!$C$22,0)</f>
        <v>0</v>
      </c>
      <c r="R2511" s="58">
        <v>40.920359576204689</v>
      </c>
      <c r="S2511" s="124">
        <f t="shared" si="39"/>
        <v>1.0122470339202128</v>
      </c>
    </row>
    <row r="2512" spans="8:19" x14ac:dyDescent="0.3">
      <c r="H2512" s="44">
        <v>2505</v>
      </c>
      <c r="I2512" s="56">
        <f>Bühler!I2538</f>
        <v>0.23359546936620293</v>
      </c>
      <c r="J2512" s="59">
        <f>Bühler!J2538</f>
        <v>0.77865156455400986</v>
      </c>
      <c r="K2512" s="59">
        <f>Bühler!K2538</f>
        <v>1.1679773468310148</v>
      </c>
      <c r="L2512" s="59">
        <f>Bühler!L2538</f>
        <v>13.613068598572458</v>
      </c>
      <c r="M2512" s="58">
        <f>Bühler!M2538</f>
        <v>0</v>
      </c>
      <c r="N2512" s="56">
        <f>IF(Input!$D$19=1,J2512*Input!$C$19,0)+IF(Input!$D$20=1,K2512*Input!$C$20,0)+IF(Input!$D$21=1,L2512*Input!$C$21,0)+IF(Input!$D$22=1,M2512*Input!$C$22,0)</f>
        <v>0.23359546936620296</v>
      </c>
      <c r="O2512" s="59">
        <f>IF(Input!$D$19=2,J2512*Input!$C$19,0)+IF(Input!$D$20=2,K2512*Input!$C$20,0)+IF(Input!$D$21=2,L2512*Input!$C$21,0)+IF(Input!$D$22=2,M2512*Input!$C$22,0)</f>
        <v>0.58398867341550742</v>
      </c>
      <c r="P2512" s="59">
        <f>IF(Input!$D$19=3,J2512*Input!$C$19,0)+IF(Input!$D$20=3,K2512*Input!$C$20,0)+IF(Input!$D$21=3,L2512*Input!$C$21,0)+IF(Input!$D$22=3,M2512*Input!$C$22,0)</f>
        <v>0</v>
      </c>
      <c r="Q2512" s="75">
        <f>IF(Input!$D$19=4,J2512*Input!$C$19,0)+IF(Input!$D$20=4,K2512*Input!$C$20,0)+IF(Input!$D$21=4,L2512*Input!$C$21,0)+IF(Input!$D$22=4,M2512*Input!$C$22,0)</f>
        <v>0</v>
      </c>
      <c r="R2512" s="58">
        <v>40.614491733718971</v>
      </c>
      <c r="S2512" s="124">
        <f t="shared" si="39"/>
        <v>1.0122470339202128</v>
      </c>
    </row>
    <row r="2513" spans="8:19" x14ac:dyDescent="0.3">
      <c r="H2513" s="44">
        <v>2506</v>
      </c>
      <c r="I2513" s="56">
        <f>Bühler!I2539</f>
        <v>0.23359546936620293</v>
      </c>
      <c r="J2513" s="59">
        <f>Bühler!J2539</f>
        <v>0.77865156455400986</v>
      </c>
      <c r="K2513" s="59">
        <f>Bühler!K2539</f>
        <v>1.1679773468310148</v>
      </c>
      <c r="L2513" s="59">
        <f>Bühler!L2539</f>
        <v>13.613068598572458</v>
      </c>
      <c r="M2513" s="58">
        <f>Bühler!M2539</f>
        <v>0</v>
      </c>
      <c r="N2513" s="56">
        <f>IF(Input!$D$19=1,J2513*Input!$C$19,0)+IF(Input!$D$20=1,K2513*Input!$C$20,0)+IF(Input!$D$21=1,L2513*Input!$C$21,0)+IF(Input!$D$22=1,M2513*Input!$C$22,0)</f>
        <v>0.23359546936620296</v>
      </c>
      <c r="O2513" s="59">
        <f>IF(Input!$D$19=2,J2513*Input!$C$19,0)+IF(Input!$D$20=2,K2513*Input!$C$20,0)+IF(Input!$D$21=2,L2513*Input!$C$21,0)+IF(Input!$D$22=2,M2513*Input!$C$22,0)</f>
        <v>0.58398867341550742</v>
      </c>
      <c r="P2513" s="59">
        <f>IF(Input!$D$19=3,J2513*Input!$C$19,0)+IF(Input!$D$20=3,K2513*Input!$C$20,0)+IF(Input!$D$21=3,L2513*Input!$C$21,0)+IF(Input!$D$22=3,M2513*Input!$C$22,0)</f>
        <v>0</v>
      </c>
      <c r="Q2513" s="75">
        <f>IF(Input!$D$19=4,J2513*Input!$C$19,0)+IF(Input!$D$20=4,K2513*Input!$C$20,0)+IF(Input!$D$21=4,L2513*Input!$C$21,0)+IF(Input!$D$22=4,M2513*Input!$C$22,0)</f>
        <v>0</v>
      </c>
      <c r="R2513" s="58">
        <v>40.636544816442054</v>
      </c>
      <c r="S2513" s="124">
        <f t="shared" si="39"/>
        <v>1.0122470339202128</v>
      </c>
    </row>
    <row r="2514" spans="8:19" x14ac:dyDescent="0.3">
      <c r="H2514" s="44">
        <v>2507</v>
      </c>
      <c r="I2514" s="56">
        <f>Bühler!I2540</f>
        <v>0.23359546936620293</v>
      </c>
      <c r="J2514" s="59">
        <f>Bühler!J2540</f>
        <v>0.77865156455400986</v>
      </c>
      <c r="K2514" s="59">
        <f>Bühler!K2540</f>
        <v>1.1679773468310148</v>
      </c>
      <c r="L2514" s="59">
        <f>Bühler!L2540</f>
        <v>13.613068598572458</v>
      </c>
      <c r="M2514" s="58">
        <f>Bühler!M2540</f>
        <v>0</v>
      </c>
      <c r="N2514" s="56">
        <f>IF(Input!$D$19=1,J2514*Input!$C$19,0)+IF(Input!$D$20=1,K2514*Input!$C$20,0)+IF(Input!$D$21=1,L2514*Input!$C$21,0)+IF(Input!$D$22=1,M2514*Input!$C$22,0)</f>
        <v>0.23359546936620296</v>
      </c>
      <c r="O2514" s="59">
        <f>IF(Input!$D$19=2,J2514*Input!$C$19,0)+IF(Input!$D$20=2,K2514*Input!$C$20,0)+IF(Input!$D$21=2,L2514*Input!$C$21,0)+IF(Input!$D$22=2,M2514*Input!$C$22,0)</f>
        <v>0.58398867341550742</v>
      </c>
      <c r="P2514" s="59">
        <f>IF(Input!$D$19=3,J2514*Input!$C$19,0)+IF(Input!$D$20=3,K2514*Input!$C$20,0)+IF(Input!$D$21=3,L2514*Input!$C$21,0)+IF(Input!$D$22=3,M2514*Input!$C$22,0)</f>
        <v>0</v>
      </c>
      <c r="Q2514" s="75">
        <f>IF(Input!$D$19=4,J2514*Input!$C$19,0)+IF(Input!$D$20=4,K2514*Input!$C$20,0)+IF(Input!$D$21=4,L2514*Input!$C$21,0)+IF(Input!$D$22=4,M2514*Input!$C$22,0)</f>
        <v>0</v>
      </c>
      <c r="R2514" s="58">
        <v>40.736234912622045</v>
      </c>
      <c r="S2514" s="124">
        <f t="shared" si="39"/>
        <v>1.0122470339202128</v>
      </c>
    </row>
    <row r="2515" spans="8:19" x14ac:dyDescent="0.3">
      <c r="H2515" s="44">
        <v>2508</v>
      </c>
      <c r="I2515" s="56">
        <f>Bühler!I2541</f>
        <v>0.23359546936620293</v>
      </c>
      <c r="J2515" s="59">
        <f>Bühler!J2541</f>
        <v>0.77865156455400986</v>
      </c>
      <c r="K2515" s="59">
        <f>Bühler!K2541</f>
        <v>1.1679773468310148</v>
      </c>
      <c r="L2515" s="59">
        <f>Bühler!L2541</f>
        <v>13.613068598572458</v>
      </c>
      <c r="M2515" s="58">
        <f>Bühler!M2541</f>
        <v>0</v>
      </c>
      <c r="N2515" s="56">
        <f>IF(Input!$D$19=1,J2515*Input!$C$19,0)+IF(Input!$D$20=1,K2515*Input!$C$20,0)+IF(Input!$D$21=1,L2515*Input!$C$21,0)+IF(Input!$D$22=1,M2515*Input!$C$22,0)</f>
        <v>0.23359546936620296</v>
      </c>
      <c r="O2515" s="59">
        <f>IF(Input!$D$19=2,J2515*Input!$C$19,0)+IF(Input!$D$20=2,K2515*Input!$C$20,0)+IF(Input!$D$21=2,L2515*Input!$C$21,0)+IF(Input!$D$22=2,M2515*Input!$C$22,0)</f>
        <v>0.58398867341550742</v>
      </c>
      <c r="P2515" s="59">
        <f>IF(Input!$D$19=3,J2515*Input!$C$19,0)+IF(Input!$D$20=3,K2515*Input!$C$20,0)+IF(Input!$D$21=3,L2515*Input!$C$21,0)+IF(Input!$D$22=3,M2515*Input!$C$22,0)</f>
        <v>0</v>
      </c>
      <c r="Q2515" s="75">
        <f>IF(Input!$D$19=4,J2515*Input!$C$19,0)+IF(Input!$D$20=4,K2515*Input!$C$20,0)+IF(Input!$D$21=4,L2515*Input!$C$21,0)+IF(Input!$D$22=4,M2515*Input!$C$22,0)</f>
        <v>0</v>
      </c>
      <c r="R2515" s="58">
        <v>41.210540387603849</v>
      </c>
      <c r="S2515" s="124">
        <f t="shared" si="39"/>
        <v>1.0122470339202128</v>
      </c>
    </row>
    <row r="2516" spans="8:19" x14ac:dyDescent="0.3">
      <c r="H2516" s="44">
        <v>2509</v>
      </c>
      <c r="I2516" s="56">
        <f>Bühler!I2542</f>
        <v>0.23359546936620293</v>
      </c>
      <c r="J2516" s="59">
        <f>Bühler!J2542</f>
        <v>0.77865156455400986</v>
      </c>
      <c r="K2516" s="59">
        <f>Bühler!K2542</f>
        <v>1.1679773468310148</v>
      </c>
      <c r="L2516" s="59">
        <f>Bühler!L2542</f>
        <v>13.613068598572458</v>
      </c>
      <c r="M2516" s="58">
        <f>Bühler!M2542</f>
        <v>0</v>
      </c>
      <c r="N2516" s="56">
        <f>IF(Input!$D$19=1,J2516*Input!$C$19,0)+IF(Input!$D$20=1,K2516*Input!$C$20,0)+IF(Input!$D$21=1,L2516*Input!$C$21,0)+IF(Input!$D$22=1,M2516*Input!$C$22,0)</f>
        <v>0.23359546936620296</v>
      </c>
      <c r="O2516" s="59">
        <f>IF(Input!$D$19=2,J2516*Input!$C$19,0)+IF(Input!$D$20=2,K2516*Input!$C$20,0)+IF(Input!$D$21=2,L2516*Input!$C$21,0)+IF(Input!$D$22=2,M2516*Input!$C$22,0)</f>
        <v>0.58398867341550742</v>
      </c>
      <c r="P2516" s="59">
        <f>IF(Input!$D$19=3,J2516*Input!$C$19,0)+IF(Input!$D$20=3,K2516*Input!$C$20,0)+IF(Input!$D$21=3,L2516*Input!$C$21,0)+IF(Input!$D$22=3,M2516*Input!$C$22,0)</f>
        <v>0</v>
      </c>
      <c r="Q2516" s="75">
        <f>IF(Input!$D$19=4,J2516*Input!$C$19,0)+IF(Input!$D$20=4,K2516*Input!$C$20,0)+IF(Input!$D$21=4,L2516*Input!$C$21,0)+IF(Input!$D$22=4,M2516*Input!$C$22,0)</f>
        <v>0</v>
      </c>
      <c r="R2516" s="58">
        <v>41.362331308263947</v>
      </c>
      <c r="S2516" s="124">
        <f t="shared" si="39"/>
        <v>1.0122470339202128</v>
      </c>
    </row>
    <row r="2517" spans="8:19" x14ac:dyDescent="0.3">
      <c r="H2517" s="44">
        <v>2510</v>
      </c>
      <c r="I2517" s="56">
        <f>Bühler!I2543</f>
        <v>0.23359546936620293</v>
      </c>
      <c r="J2517" s="59">
        <f>Bühler!J2543</f>
        <v>0.77865156455400986</v>
      </c>
      <c r="K2517" s="59">
        <f>Bühler!K2543</f>
        <v>1.1679773468310148</v>
      </c>
      <c r="L2517" s="59">
        <f>Bühler!L2543</f>
        <v>13.613068598572458</v>
      </c>
      <c r="M2517" s="58">
        <f>Bühler!M2543</f>
        <v>0</v>
      </c>
      <c r="N2517" s="56">
        <f>IF(Input!$D$19=1,J2517*Input!$C$19,0)+IF(Input!$D$20=1,K2517*Input!$C$20,0)+IF(Input!$D$21=1,L2517*Input!$C$21,0)+IF(Input!$D$22=1,M2517*Input!$C$22,0)</f>
        <v>0.23359546936620296</v>
      </c>
      <c r="O2517" s="59">
        <f>IF(Input!$D$19=2,J2517*Input!$C$19,0)+IF(Input!$D$20=2,K2517*Input!$C$20,0)+IF(Input!$D$21=2,L2517*Input!$C$21,0)+IF(Input!$D$22=2,M2517*Input!$C$22,0)</f>
        <v>0.58398867341550742</v>
      </c>
      <c r="P2517" s="59">
        <f>IF(Input!$D$19=3,J2517*Input!$C$19,0)+IF(Input!$D$20=3,K2517*Input!$C$20,0)+IF(Input!$D$21=3,L2517*Input!$C$21,0)+IF(Input!$D$22=3,M2517*Input!$C$22,0)</f>
        <v>0</v>
      </c>
      <c r="Q2517" s="75">
        <f>IF(Input!$D$19=4,J2517*Input!$C$19,0)+IF(Input!$D$20=4,K2517*Input!$C$20,0)+IF(Input!$D$21=4,L2517*Input!$C$21,0)+IF(Input!$D$22=4,M2517*Input!$C$22,0)</f>
        <v>0</v>
      </c>
      <c r="R2517" s="58">
        <v>41.20950672382213</v>
      </c>
      <c r="S2517" s="124">
        <f t="shared" si="39"/>
        <v>1.0122470339202128</v>
      </c>
    </row>
    <row r="2518" spans="8:19" x14ac:dyDescent="0.3">
      <c r="H2518" s="44">
        <v>2511</v>
      </c>
      <c r="I2518" s="56">
        <f>Bühler!I2544</f>
        <v>0.23359546936620293</v>
      </c>
      <c r="J2518" s="59">
        <f>Bühler!J2544</f>
        <v>0.77865156455400986</v>
      </c>
      <c r="K2518" s="59">
        <f>Bühler!K2544</f>
        <v>1.1679773468310148</v>
      </c>
      <c r="L2518" s="59">
        <f>Bühler!L2544</f>
        <v>13.613068598572458</v>
      </c>
      <c r="M2518" s="58">
        <f>Bühler!M2544</f>
        <v>0</v>
      </c>
      <c r="N2518" s="56">
        <f>IF(Input!$D$19=1,J2518*Input!$C$19,0)+IF(Input!$D$20=1,K2518*Input!$C$20,0)+IF(Input!$D$21=1,L2518*Input!$C$21,0)+IF(Input!$D$22=1,M2518*Input!$C$22,0)</f>
        <v>0.23359546936620296</v>
      </c>
      <c r="O2518" s="59">
        <f>IF(Input!$D$19=2,J2518*Input!$C$19,0)+IF(Input!$D$20=2,K2518*Input!$C$20,0)+IF(Input!$D$21=2,L2518*Input!$C$21,0)+IF(Input!$D$22=2,M2518*Input!$C$22,0)</f>
        <v>0.58398867341550742</v>
      </c>
      <c r="P2518" s="59">
        <f>IF(Input!$D$19=3,J2518*Input!$C$19,0)+IF(Input!$D$20=3,K2518*Input!$C$20,0)+IF(Input!$D$21=3,L2518*Input!$C$21,0)+IF(Input!$D$22=3,M2518*Input!$C$22,0)</f>
        <v>0</v>
      </c>
      <c r="Q2518" s="75">
        <f>IF(Input!$D$19=4,J2518*Input!$C$19,0)+IF(Input!$D$20=4,K2518*Input!$C$20,0)+IF(Input!$D$21=4,L2518*Input!$C$21,0)+IF(Input!$D$22=4,M2518*Input!$C$22,0)</f>
        <v>0</v>
      </c>
      <c r="R2518" s="58">
        <v>41.187391798972641</v>
      </c>
      <c r="S2518" s="124">
        <f t="shared" si="39"/>
        <v>1.0122470339202128</v>
      </c>
    </row>
    <row r="2519" spans="8:19" x14ac:dyDescent="0.3">
      <c r="H2519" s="44">
        <v>2512</v>
      </c>
      <c r="I2519" s="56">
        <f>Bühler!I2545</f>
        <v>0.2076404172144026</v>
      </c>
      <c r="J2519" s="59">
        <f>Bühler!J2545</f>
        <v>0.6921347240480088</v>
      </c>
      <c r="K2519" s="59">
        <f>Bühler!K2545</f>
        <v>1.0382020860720131</v>
      </c>
      <c r="L2519" s="59">
        <f>Bühler!L2545</f>
        <v>12.100505420953294</v>
      </c>
      <c r="M2519" s="58">
        <f>Bühler!M2545</f>
        <v>0</v>
      </c>
      <c r="N2519" s="56">
        <f>IF(Input!$D$19=1,J2519*Input!$C$19,0)+IF(Input!$D$20=1,K2519*Input!$C$20,0)+IF(Input!$D$21=1,L2519*Input!$C$21,0)+IF(Input!$D$22=1,M2519*Input!$C$22,0)</f>
        <v>0.20764041721440263</v>
      </c>
      <c r="O2519" s="59">
        <f>IF(Input!$D$19=2,J2519*Input!$C$19,0)+IF(Input!$D$20=2,K2519*Input!$C$20,0)+IF(Input!$D$21=2,L2519*Input!$C$21,0)+IF(Input!$D$22=2,M2519*Input!$C$22,0)</f>
        <v>0.51910104303600657</v>
      </c>
      <c r="P2519" s="59">
        <f>IF(Input!$D$19=3,J2519*Input!$C$19,0)+IF(Input!$D$20=3,K2519*Input!$C$20,0)+IF(Input!$D$21=3,L2519*Input!$C$21,0)+IF(Input!$D$22=3,M2519*Input!$C$22,0)</f>
        <v>0</v>
      </c>
      <c r="Q2519" s="75">
        <f>IF(Input!$D$19=4,J2519*Input!$C$19,0)+IF(Input!$D$20=4,K2519*Input!$C$20,0)+IF(Input!$D$21=4,L2519*Input!$C$21,0)+IF(Input!$D$22=4,M2519*Input!$C$22,0)</f>
        <v>0</v>
      </c>
      <c r="R2519" s="58">
        <v>41.505047499996415</v>
      </c>
      <c r="S2519" s="124">
        <f t="shared" si="39"/>
        <v>0.89977514126241143</v>
      </c>
    </row>
    <row r="2520" spans="8:19" x14ac:dyDescent="0.3">
      <c r="H2520" s="44">
        <v>2513</v>
      </c>
      <c r="I2520" s="56">
        <f>Bühler!I2546</f>
        <v>0.20393255262128829</v>
      </c>
      <c r="J2520" s="59">
        <f>Bühler!J2546</f>
        <v>0.67977517540429433</v>
      </c>
      <c r="K2520" s="59">
        <f>Bühler!K2546</f>
        <v>1.0196627631064417</v>
      </c>
      <c r="L2520" s="59">
        <f>Bühler!L2546</f>
        <v>11.8844249670077</v>
      </c>
      <c r="M2520" s="58">
        <f>Bühler!M2546</f>
        <v>0</v>
      </c>
      <c r="N2520" s="56">
        <f>IF(Input!$D$19=1,J2520*Input!$C$19,0)+IF(Input!$D$20=1,K2520*Input!$C$20,0)+IF(Input!$D$21=1,L2520*Input!$C$21,0)+IF(Input!$D$22=1,M2520*Input!$C$22,0)</f>
        <v>0.20393255262128829</v>
      </c>
      <c r="O2520" s="59">
        <f>IF(Input!$D$19=2,J2520*Input!$C$19,0)+IF(Input!$D$20=2,K2520*Input!$C$20,0)+IF(Input!$D$21=2,L2520*Input!$C$21,0)+IF(Input!$D$22=2,M2520*Input!$C$22,0)</f>
        <v>0.50983138155322083</v>
      </c>
      <c r="P2520" s="59">
        <f>IF(Input!$D$19=3,J2520*Input!$C$19,0)+IF(Input!$D$20=3,K2520*Input!$C$20,0)+IF(Input!$D$21=3,L2520*Input!$C$21,0)+IF(Input!$D$22=3,M2520*Input!$C$22,0)</f>
        <v>0</v>
      </c>
      <c r="Q2520" s="75">
        <f>IF(Input!$D$19=4,J2520*Input!$C$19,0)+IF(Input!$D$20=4,K2520*Input!$C$20,0)+IF(Input!$D$21=4,L2520*Input!$C$21,0)+IF(Input!$D$22=4,M2520*Input!$C$22,0)</f>
        <v>0</v>
      </c>
      <c r="R2520" s="58">
        <v>41.255373006801321</v>
      </c>
      <c r="S2520" s="124">
        <f t="shared" si="39"/>
        <v>0.88370772802558262</v>
      </c>
    </row>
    <row r="2521" spans="8:19" x14ac:dyDescent="0.3">
      <c r="H2521" s="44">
        <v>2514</v>
      </c>
      <c r="I2521" s="56">
        <f>Bühler!I2547</f>
        <v>0.17426963587637365</v>
      </c>
      <c r="J2521" s="59">
        <f>Bühler!J2547</f>
        <v>0.5808987862545788</v>
      </c>
      <c r="K2521" s="59">
        <f>Bühler!K2547</f>
        <v>0.87134817938186826</v>
      </c>
      <c r="L2521" s="59">
        <f>Bühler!L2547</f>
        <v>10.155781335442944</v>
      </c>
      <c r="M2521" s="58">
        <f>Bühler!M2547</f>
        <v>0</v>
      </c>
      <c r="N2521" s="56">
        <f>IF(Input!$D$19=1,J2521*Input!$C$19,0)+IF(Input!$D$20=1,K2521*Input!$C$20,0)+IF(Input!$D$21=1,L2521*Input!$C$21,0)+IF(Input!$D$22=1,M2521*Input!$C$22,0)</f>
        <v>0.17426963587637365</v>
      </c>
      <c r="O2521" s="59">
        <f>IF(Input!$D$19=2,J2521*Input!$C$19,0)+IF(Input!$D$20=2,K2521*Input!$C$20,0)+IF(Input!$D$21=2,L2521*Input!$C$21,0)+IF(Input!$D$22=2,M2521*Input!$C$22,0)</f>
        <v>0.43567408969093413</v>
      </c>
      <c r="P2521" s="59">
        <f>IF(Input!$D$19=3,J2521*Input!$C$19,0)+IF(Input!$D$20=3,K2521*Input!$C$20,0)+IF(Input!$D$21=3,L2521*Input!$C$21,0)+IF(Input!$D$22=3,M2521*Input!$C$22,0)</f>
        <v>0</v>
      </c>
      <c r="Q2521" s="75">
        <f>IF(Input!$D$19=4,J2521*Input!$C$19,0)+IF(Input!$D$20=4,K2521*Input!$C$20,0)+IF(Input!$D$21=4,L2521*Input!$C$21,0)+IF(Input!$D$22=4,M2521*Input!$C$22,0)</f>
        <v>0</v>
      </c>
      <c r="R2521" s="58">
        <v>41.081896819909247</v>
      </c>
      <c r="S2521" s="124">
        <f t="shared" si="39"/>
        <v>0.75516842213095248</v>
      </c>
    </row>
    <row r="2522" spans="8:19" x14ac:dyDescent="0.3">
      <c r="H2522" s="44">
        <v>2515</v>
      </c>
      <c r="I2522" s="56">
        <f>Bühler!I2548</f>
        <v>0.16314604209703065</v>
      </c>
      <c r="J2522" s="59">
        <f>Bühler!J2548</f>
        <v>0.54382014032343551</v>
      </c>
      <c r="K2522" s="59">
        <f>Bühler!K2548</f>
        <v>0.81573021048515337</v>
      </c>
      <c r="L2522" s="59">
        <f>Bühler!L2548</f>
        <v>9.5075399736061605</v>
      </c>
      <c r="M2522" s="58">
        <f>Bühler!M2548</f>
        <v>0</v>
      </c>
      <c r="N2522" s="56">
        <f>IF(Input!$D$19=1,J2522*Input!$C$19,0)+IF(Input!$D$20=1,K2522*Input!$C$20,0)+IF(Input!$D$21=1,L2522*Input!$C$21,0)+IF(Input!$D$22=1,M2522*Input!$C$22,0)</f>
        <v>0.16314604209703065</v>
      </c>
      <c r="O2522" s="59">
        <f>IF(Input!$D$19=2,J2522*Input!$C$19,0)+IF(Input!$D$20=2,K2522*Input!$C$20,0)+IF(Input!$D$21=2,L2522*Input!$C$21,0)+IF(Input!$D$22=2,M2522*Input!$C$22,0)</f>
        <v>0.40786510524257669</v>
      </c>
      <c r="P2522" s="59">
        <f>IF(Input!$D$19=3,J2522*Input!$C$19,0)+IF(Input!$D$20=3,K2522*Input!$C$20,0)+IF(Input!$D$21=3,L2522*Input!$C$21,0)+IF(Input!$D$22=3,M2522*Input!$C$22,0)</f>
        <v>0</v>
      </c>
      <c r="Q2522" s="75">
        <f>IF(Input!$D$19=4,J2522*Input!$C$19,0)+IF(Input!$D$20=4,K2522*Input!$C$20,0)+IF(Input!$D$21=4,L2522*Input!$C$21,0)+IF(Input!$D$22=4,M2522*Input!$C$22,0)</f>
        <v>0</v>
      </c>
      <c r="R2522" s="58">
        <v>41.04699257850325</v>
      </c>
      <c r="S2522" s="124">
        <f t="shared" si="39"/>
        <v>0.70696618242046616</v>
      </c>
    </row>
    <row r="2523" spans="8:19" x14ac:dyDescent="0.3">
      <c r="H2523" s="44">
        <v>2516</v>
      </c>
      <c r="I2523" s="56">
        <f>Bühler!I2549</f>
        <v>0.13719098994523032</v>
      </c>
      <c r="J2523" s="59">
        <f>Bühler!J2549</f>
        <v>0.45730329981743445</v>
      </c>
      <c r="K2523" s="59">
        <f>Bühler!K2549</f>
        <v>0.68595494972615167</v>
      </c>
      <c r="L2523" s="59">
        <f>Bühler!L2549</f>
        <v>7.9949767959869993</v>
      </c>
      <c r="M2523" s="58">
        <f>Bühler!M2549</f>
        <v>0</v>
      </c>
      <c r="N2523" s="56">
        <f>IF(Input!$D$19=1,J2523*Input!$C$19,0)+IF(Input!$D$20=1,K2523*Input!$C$20,0)+IF(Input!$D$21=1,L2523*Input!$C$21,0)+IF(Input!$D$22=1,M2523*Input!$C$22,0)</f>
        <v>0.13719098994523032</v>
      </c>
      <c r="O2523" s="59">
        <f>IF(Input!$D$19=2,J2523*Input!$C$19,0)+IF(Input!$D$20=2,K2523*Input!$C$20,0)+IF(Input!$D$21=2,L2523*Input!$C$21,0)+IF(Input!$D$22=2,M2523*Input!$C$22,0)</f>
        <v>0.34297747486307584</v>
      </c>
      <c r="P2523" s="59">
        <f>IF(Input!$D$19=3,J2523*Input!$C$19,0)+IF(Input!$D$20=3,K2523*Input!$C$20,0)+IF(Input!$D$21=3,L2523*Input!$C$21,0)+IF(Input!$D$22=3,M2523*Input!$C$22,0)</f>
        <v>0</v>
      </c>
      <c r="Q2523" s="75">
        <f>IF(Input!$D$19=4,J2523*Input!$C$19,0)+IF(Input!$D$20=4,K2523*Input!$C$20,0)+IF(Input!$D$21=4,L2523*Input!$C$21,0)+IF(Input!$D$22=4,M2523*Input!$C$22,0)</f>
        <v>0</v>
      </c>
      <c r="R2523" s="58">
        <v>41.051133863074703</v>
      </c>
      <c r="S2523" s="124">
        <f t="shared" si="39"/>
        <v>0.59449428976266483</v>
      </c>
    </row>
    <row r="2524" spans="8:19" x14ac:dyDescent="0.3">
      <c r="H2524" s="44">
        <v>2517</v>
      </c>
      <c r="I2524" s="56">
        <f>Bühler!I2550</f>
        <v>0.11494380238654431</v>
      </c>
      <c r="J2524" s="59">
        <f>Bühler!J2550</f>
        <v>0.38314600795514775</v>
      </c>
      <c r="K2524" s="59">
        <f>Bühler!K2550</f>
        <v>0.57471901193272157</v>
      </c>
      <c r="L2524" s="59">
        <f>Bühler!L2550</f>
        <v>6.698494072313431</v>
      </c>
      <c r="M2524" s="58">
        <f>Bühler!M2550</f>
        <v>0</v>
      </c>
      <c r="N2524" s="56">
        <f>IF(Input!$D$19=1,J2524*Input!$C$19,0)+IF(Input!$D$20=1,K2524*Input!$C$20,0)+IF(Input!$D$21=1,L2524*Input!$C$21,0)+IF(Input!$D$22=1,M2524*Input!$C$22,0)</f>
        <v>0.11494380238654432</v>
      </c>
      <c r="O2524" s="59">
        <f>IF(Input!$D$19=2,J2524*Input!$C$19,0)+IF(Input!$D$20=2,K2524*Input!$C$20,0)+IF(Input!$D$21=2,L2524*Input!$C$21,0)+IF(Input!$D$22=2,M2524*Input!$C$22,0)</f>
        <v>0.28735950596636078</v>
      </c>
      <c r="P2524" s="59">
        <f>IF(Input!$D$19=3,J2524*Input!$C$19,0)+IF(Input!$D$20=3,K2524*Input!$C$20,0)+IF(Input!$D$21=3,L2524*Input!$C$21,0)+IF(Input!$D$22=3,M2524*Input!$C$22,0)</f>
        <v>0</v>
      </c>
      <c r="Q2524" s="75">
        <f>IF(Input!$D$19=4,J2524*Input!$C$19,0)+IF(Input!$D$20=4,K2524*Input!$C$20,0)+IF(Input!$D$21=4,L2524*Input!$C$21,0)+IF(Input!$D$22=4,M2524*Input!$C$22,0)</f>
        <v>0</v>
      </c>
      <c r="R2524" s="58">
        <v>41.405285048724664</v>
      </c>
      <c r="S2524" s="124">
        <f t="shared" si="39"/>
        <v>0.49808981034169209</v>
      </c>
    </row>
    <row r="2525" spans="8:19" x14ac:dyDescent="0.3">
      <c r="H2525" s="44">
        <v>2518</v>
      </c>
      <c r="I2525" s="56">
        <f>Bühler!I2551</f>
        <v>0.100112344014087</v>
      </c>
      <c r="J2525" s="59">
        <f>Bühler!J2551</f>
        <v>0.33370781338029004</v>
      </c>
      <c r="K2525" s="59">
        <f>Bühler!K2551</f>
        <v>0.50056172007043509</v>
      </c>
      <c r="L2525" s="59">
        <f>Bühler!L2551</f>
        <v>5.8341722565310539</v>
      </c>
      <c r="M2525" s="58">
        <f>Bühler!M2551</f>
        <v>0</v>
      </c>
      <c r="N2525" s="56">
        <f>IF(Input!$D$19=1,J2525*Input!$C$19,0)+IF(Input!$D$20=1,K2525*Input!$C$20,0)+IF(Input!$D$21=1,L2525*Input!$C$21,0)+IF(Input!$D$22=1,M2525*Input!$C$22,0)</f>
        <v>0.10011234401408702</v>
      </c>
      <c r="O2525" s="59">
        <f>IF(Input!$D$19=2,J2525*Input!$C$19,0)+IF(Input!$D$20=2,K2525*Input!$C$20,0)+IF(Input!$D$21=2,L2525*Input!$C$21,0)+IF(Input!$D$22=2,M2525*Input!$C$22,0)</f>
        <v>0.25028086003521754</v>
      </c>
      <c r="P2525" s="59">
        <f>IF(Input!$D$19=3,J2525*Input!$C$19,0)+IF(Input!$D$20=3,K2525*Input!$C$20,0)+IF(Input!$D$21=3,L2525*Input!$C$21,0)+IF(Input!$D$22=3,M2525*Input!$C$22,0)</f>
        <v>0</v>
      </c>
      <c r="Q2525" s="75">
        <f>IF(Input!$D$19=4,J2525*Input!$C$19,0)+IF(Input!$D$20=4,K2525*Input!$C$20,0)+IF(Input!$D$21=4,L2525*Input!$C$21,0)+IF(Input!$D$22=4,M2525*Input!$C$22,0)</f>
        <v>0</v>
      </c>
      <c r="R2525" s="58">
        <v>42.445842334813385</v>
      </c>
      <c r="S2525" s="124">
        <f t="shared" si="39"/>
        <v>0.43382015739437707</v>
      </c>
    </row>
    <row r="2526" spans="8:19" x14ac:dyDescent="0.3">
      <c r="H2526" s="44">
        <v>2519</v>
      </c>
      <c r="I2526" s="56">
        <f>Bühler!I2552</f>
        <v>0.100112344014087</v>
      </c>
      <c r="J2526" s="59">
        <f>Bühler!J2552</f>
        <v>0.33370781338029004</v>
      </c>
      <c r="K2526" s="59">
        <f>Bühler!K2552</f>
        <v>0.50056172007043509</v>
      </c>
      <c r="L2526" s="59">
        <f>Bühler!L2552</f>
        <v>5.8341722565310539</v>
      </c>
      <c r="M2526" s="58">
        <f>Bühler!M2552</f>
        <v>0</v>
      </c>
      <c r="N2526" s="56">
        <f>IF(Input!$D$19=1,J2526*Input!$C$19,0)+IF(Input!$D$20=1,K2526*Input!$C$20,0)+IF(Input!$D$21=1,L2526*Input!$C$21,0)+IF(Input!$D$22=1,M2526*Input!$C$22,0)</f>
        <v>0.10011234401408702</v>
      </c>
      <c r="O2526" s="59">
        <f>IF(Input!$D$19=2,J2526*Input!$C$19,0)+IF(Input!$D$20=2,K2526*Input!$C$20,0)+IF(Input!$D$21=2,L2526*Input!$C$21,0)+IF(Input!$D$22=2,M2526*Input!$C$22,0)</f>
        <v>0.25028086003521754</v>
      </c>
      <c r="P2526" s="59">
        <f>IF(Input!$D$19=3,J2526*Input!$C$19,0)+IF(Input!$D$20=3,K2526*Input!$C$20,0)+IF(Input!$D$21=3,L2526*Input!$C$21,0)+IF(Input!$D$22=3,M2526*Input!$C$22,0)</f>
        <v>0</v>
      </c>
      <c r="Q2526" s="75">
        <f>IF(Input!$D$19=4,J2526*Input!$C$19,0)+IF(Input!$D$20=4,K2526*Input!$C$20,0)+IF(Input!$D$21=4,L2526*Input!$C$21,0)+IF(Input!$D$22=4,M2526*Input!$C$22,0)</f>
        <v>0</v>
      </c>
      <c r="R2526" s="58">
        <v>42.649387132483248</v>
      </c>
      <c r="S2526" s="124">
        <f t="shared" si="39"/>
        <v>0.43382015739437707</v>
      </c>
    </row>
    <row r="2527" spans="8:19" x14ac:dyDescent="0.3">
      <c r="H2527" s="44">
        <v>2520</v>
      </c>
      <c r="I2527" s="56">
        <f>Bühler!I2553</f>
        <v>0.100112344014087</v>
      </c>
      <c r="J2527" s="59">
        <f>Bühler!J2553</f>
        <v>0.33370781338029004</v>
      </c>
      <c r="K2527" s="59">
        <f>Bühler!K2553</f>
        <v>0.50056172007043509</v>
      </c>
      <c r="L2527" s="59">
        <f>Bühler!L2553</f>
        <v>5.8341722565310539</v>
      </c>
      <c r="M2527" s="58">
        <f>Bühler!M2553</f>
        <v>0</v>
      </c>
      <c r="N2527" s="56">
        <f>IF(Input!$D$19=1,J2527*Input!$C$19,0)+IF(Input!$D$20=1,K2527*Input!$C$20,0)+IF(Input!$D$21=1,L2527*Input!$C$21,0)+IF(Input!$D$22=1,M2527*Input!$C$22,0)</f>
        <v>0.10011234401408702</v>
      </c>
      <c r="O2527" s="59">
        <f>IF(Input!$D$19=2,J2527*Input!$C$19,0)+IF(Input!$D$20=2,K2527*Input!$C$20,0)+IF(Input!$D$21=2,L2527*Input!$C$21,0)+IF(Input!$D$22=2,M2527*Input!$C$22,0)</f>
        <v>0.25028086003521754</v>
      </c>
      <c r="P2527" s="59">
        <f>IF(Input!$D$19=3,J2527*Input!$C$19,0)+IF(Input!$D$20=3,K2527*Input!$C$20,0)+IF(Input!$D$21=3,L2527*Input!$C$21,0)+IF(Input!$D$22=3,M2527*Input!$C$22,0)</f>
        <v>0</v>
      </c>
      <c r="Q2527" s="75">
        <f>IF(Input!$D$19=4,J2527*Input!$C$19,0)+IF(Input!$D$20=4,K2527*Input!$C$20,0)+IF(Input!$D$21=4,L2527*Input!$C$21,0)+IF(Input!$D$22=4,M2527*Input!$C$22,0)</f>
        <v>0</v>
      </c>
      <c r="R2527" s="58">
        <v>42.843657533338749</v>
      </c>
      <c r="S2527" s="124">
        <f t="shared" si="39"/>
        <v>0.43382015739437707</v>
      </c>
    </row>
    <row r="2528" spans="8:19" x14ac:dyDescent="0.3">
      <c r="H2528" s="44">
        <v>2521</v>
      </c>
      <c r="I2528" s="56">
        <f>Bühler!I2554</f>
        <v>7.5260523031409413E-2</v>
      </c>
      <c r="J2528" s="59">
        <f>Bühler!J2554</f>
        <v>0.25086841010469807</v>
      </c>
      <c r="K2528" s="59">
        <f>Bühler!K2554</f>
        <v>0.3763026151570471</v>
      </c>
      <c r="L2528" s="59">
        <f>Bühler!L2554</f>
        <v>1.806252552753826</v>
      </c>
      <c r="M2528" s="58">
        <f>Bühler!M2554</f>
        <v>0</v>
      </c>
      <c r="N2528" s="56">
        <f>IF(Input!$D$19=1,J2528*Input!$C$19,0)+IF(Input!$D$20=1,K2528*Input!$C$20,0)+IF(Input!$D$21=1,L2528*Input!$C$21,0)+IF(Input!$D$22=1,M2528*Input!$C$22,0)</f>
        <v>7.5260523031409413E-2</v>
      </c>
      <c r="O2528" s="59">
        <f>IF(Input!$D$19=2,J2528*Input!$C$19,0)+IF(Input!$D$20=2,K2528*Input!$C$20,0)+IF(Input!$D$21=2,L2528*Input!$C$21,0)+IF(Input!$D$22=2,M2528*Input!$C$22,0)</f>
        <v>0.18815130757852355</v>
      </c>
      <c r="P2528" s="59">
        <f>IF(Input!$D$19=3,J2528*Input!$C$19,0)+IF(Input!$D$20=3,K2528*Input!$C$20,0)+IF(Input!$D$21=3,L2528*Input!$C$21,0)+IF(Input!$D$22=3,M2528*Input!$C$22,0)</f>
        <v>0</v>
      </c>
      <c r="Q2528" s="75">
        <f>IF(Input!$D$19=4,J2528*Input!$C$19,0)+IF(Input!$D$20=4,K2528*Input!$C$20,0)+IF(Input!$D$21=4,L2528*Input!$C$21,0)+IF(Input!$D$22=4,M2528*Input!$C$22,0)</f>
        <v>0</v>
      </c>
      <c r="R2528" s="58">
        <v>40.353466434983829</v>
      </c>
      <c r="S2528" s="124">
        <f t="shared" si="39"/>
        <v>0.32612893313610747</v>
      </c>
    </row>
    <row r="2529" spans="8:19" x14ac:dyDescent="0.3">
      <c r="H2529" s="44">
        <v>2522</v>
      </c>
      <c r="I2529" s="56">
        <f>Bühler!I2555</f>
        <v>7.5260523031409413E-2</v>
      </c>
      <c r="J2529" s="59">
        <f>Bühler!J2555</f>
        <v>0.25086841010469807</v>
      </c>
      <c r="K2529" s="59">
        <f>Bühler!K2555</f>
        <v>0.3763026151570471</v>
      </c>
      <c r="L2529" s="59">
        <f>Bühler!L2555</f>
        <v>1.806252552753826</v>
      </c>
      <c r="M2529" s="58">
        <f>Bühler!M2555</f>
        <v>0</v>
      </c>
      <c r="N2529" s="56">
        <f>IF(Input!$D$19=1,J2529*Input!$C$19,0)+IF(Input!$D$20=1,K2529*Input!$C$20,0)+IF(Input!$D$21=1,L2529*Input!$C$21,0)+IF(Input!$D$22=1,M2529*Input!$C$22,0)</f>
        <v>7.5260523031409413E-2</v>
      </c>
      <c r="O2529" s="59">
        <f>IF(Input!$D$19=2,J2529*Input!$C$19,0)+IF(Input!$D$20=2,K2529*Input!$C$20,0)+IF(Input!$D$21=2,L2529*Input!$C$21,0)+IF(Input!$D$22=2,M2529*Input!$C$22,0)</f>
        <v>0.18815130757852355</v>
      </c>
      <c r="P2529" s="59">
        <f>IF(Input!$D$19=3,J2529*Input!$C$19,0)+IF(Input!$D$20=3,K2529*Input!$C$20,0)+IF(Input!$D$21=3,L2529*Input!$C$21,0)+IF(Input!$D$22=3,M2529*Input!$C$22,0)</f>
        <v>0</v>
      </c>
      <c r="Q2529" s="75">
        <f>IF(Input!$D$19=4,J2529*Input!$C$19,0)+IF(Input!$D$20=4,K2529*Input!$C$20,0)+IF(Input!$D$21=4,L2529*Input!$C$21,0)+IF(Input!$D$22=4,M2529*Input!$C$22,0)</f>
        <v>0</v>
      </c>
      <c r="R2529" s="58">
        <v>41.13472082264586</v>
      </c>
      <c r="S2529" s="124">
        <f t="shared" si="39"/>
        <v>0.32612893313610747</v>
      </c>
    </row>
    <row r="2530" spans="8:19" x14ac:dyDescent="0.3">
      <c r="H2530" s="44">
        <v>2523</v>
      </c>
      <c r="I2530" s="56">
        <f>Bühler!I2556</f>
        <v>7.5260523031409413E-2</v>
      </c>
      <c r="J2530" s="59">
        <f>Bühler!J2556</f>
        <v>0.25086841010469807</v>
      </c>
      <c r="K2530" s="59">
        <f>Bühler!K2556</f>
        <v>0.3763026151570471</v>
      </c>
      <c r="L2530" s="59">
        <f>Bühler!L2556</f>
        <v>1.806252552753826</v>
      </c>
      <c r="M2530" s="58">
        <f>Bühler!M2556</f>
        <v>0</v>
      </c>
      <c r="N2530" s="56">
        <f>IF(Input!$D$19=1,J2530*Input!$C$19,0)+IF(Input!$D$20=1,K2530*Input!$C$20,0)+IF(Input!$D$21=1,L2530*Input!$C$21,0)+IF(Input!$D$22=1,M2530*Input!$C$22,0)</f>
        <v>7.5260523031409413E-2</v>
      </c>
      <c r="O2530" s="59">
        <f>IF(Input!$D$19=2,J2530*Input!$C$19,0)+IF(Input!$D$20=2,K2530*Input!$C$20,0)+IF(Input!$D$21=2,L2530*Input!$C$21,0)+IF(Input!$D$22=2,M2530*Input!$C$22,0)</f>
        <v>0.18815130757852355</v>
      </c>
      <c r="P2530" s="59">
        <f>IF(Input!$D$19=3,J2530*Input!$C$19,0)+IF(Input!$D$20=3,K2530*Input!$C$20,0)+IF(Input!$D$21=3,L2530*Input!$C$21,0)+IF(Input!$D$22=3,M2530*Input!$C$22,0)</f>
        <v>0</v>
      </c>
      <c r="Q2530" s="75">
        <f>IF(Input!$D$19=4,J2530*Input!$C$19,0)+IF(Input!$D$20=4,K2530*Input!$C$20,0)+IF(Input!$D$21=4,L2530*Input!$C$21,0)+IF(Input!$D$22=4,M2530*Input!$C$22,0)</f>
        <v>0</v>
      </c>
      <c r="R2530" s="58">
        <v>41.708295345622581</v>
      </c>
      <c r="S2530" s="124">
        <f t="shared" si="39"/>
        <v>0.32612893313610747</v>
      </c>
    </row>
    <row r="2531" spans="8:19" x14ac:dyDescent="0.3">
      <c r="H2531" s="44">
        <v>2524</v>
      </c>
      <c r="I2531" s="56">
        <f>Bühler!I2557</f>
        <v>7.5260523031409413E-2</v>
      </c>
      <c r="J2531" s="59">
        <f>Bühler!J2557</f>
        <v>0.25086841010469807</v>
      </c>
      <c r="K2531" s="59">
        <f>Bühler!K2557</f>
        <v>0.3763026151570471</v>
      </c>
      <c r="L2531" s="59">
        <f>Bühler!L2557</f>
        <v>1.806252552753826</v>
      </c>
      <c r="M2531" s="58">
        <f>Bühler!M2557</f>
        <v>0</v>
      </c>
      <c r="N2531" s="56">
        <f>IF(Input!$D$19=1,J2531*Input!$C$19,0)+IF(Input!$D$20=1,K2531*Input!$C$20,0)+IF(Input!$D$21=1,L2531*Input!$C$21,0)+IF(Input!$D$22=1,M2531*Input!$C$22,0)</f>
        <v>7.5260523031409413E-2</v>
      </c>
      <c r="O2531" s="59">
        <f>IF(Input!$D$19=2,J2531*Input!$C$19,0)+IF(Input!$D$20=2,K2531*Input!$C$20,0)+IF(Input!$D$21=2,L2531*Input!$C$21,0)+IF(Input!$D$22=2,M2531*Input!$C$22,0)</f>
        <v>0.18815130757852355</v>
      </c>
      <c r="P2531" s="59">
        <f>IF(Input!$D$19=3,J2531*Input!$C$19,0)+IF(Input!$D$20=3,K2531*Input!$C$20,0)+IF(Input!$D$21=3,L2531*Input!$C$21,0)+IF(Input!$D$22=3,M2531*Input!$C$22,0)</f>
        <v>0</v>
      </c>
      <c r="Q2531" s="75">
        <f>IF(Input!$D$19=4,J2531*Input!$C$19,0)+IF(Input!$D$20=4,K2531*Input!$C$20,0)+IF(Input!$D$21=4,L2531*Input!$C$21,0)+IF(Input!$D$22=4,M2531*Input!$C$22,0)</f>
        <v>0</v>
      </c>
      <c r="R2531" s="58">
        <v>43.105486191304934</v>
      </c>
      <c r="S2531" s="124">
        <f t="shared" si="39"/>
        <v>0.32612893313610747</v>
      </c>
    </row>
    <row r="2532" spans="8:19" x14ac:dyDescent="0.3">
      <c r="H2532" s="44">
        <v>2525</v>
      </c>
      <c r="I2532" s="56">
        <f>Bühler!I2558</f>
        <v>7.5260523031409413E-2</v>
      </c>
      <c r="J2532" s="59">
        <f>Bühler!J2558</f>
        <v>0.25086841010469807</v>
      </c>
      <c r="K2532" s="59">
        <f>Bühler!K2558</f>
        <v>0.3763026151570471</v>
      </c>
      <c r="L2532" s="59">
        <f>Bühler!L2558</f>
        <v>1.806252552753826</v>
      </c>
      <c r="M2532" s="58">
        <f>Bühler!M2558</f>
        <v>0</v>
      </c>
      <c r="N2532" s="56">
        <f>IF(Input!$D$19=1,J2532*Input!$C$19,0)+IF(Input!$D$20=1,K2532*Input!$C$20,0)+IF(Input!$D$21=1,L2532*Input!$C$21,0)+IF(Input!$D$22=1,M2532*Input!$C$22,0)</f>
        <v>7.5260523031409413E-2</v>
      </c>
      <c r="O2532" s="59">
        <f>IF(Input!$D$19=2,J2532*Input!$C$19,0)+IF(Input!$D$20=2,K2532*Input!$C$20,0)+IF(Input!$D$21=2,L2532*Input!$C$21,0)+IF(Input!$D$22=2,M2532*Input!$C$22,0)</f>
        <v>0.18815130757852355</v>
      </c>
      <c r="P2532" s="59">
        <f>IF(Input!$D$19=3,J2532*Input!$C$19,0)+IF(Input!$D$20=3,K2532*Input!$C$20,0)+IF(Input!$D$21=3,L2532*Input!$C$21,0)+IF(Input!$D$22=3,M2532*Input!$C$22,0)</f>
        <v>0</v>
      </c>
      <c r="Q2532" s="75">
        <f>IF(Input!$D$19=4,J2532*Input!$C$19,0)+IF(Input!$D$20=4,K2532*Input!$C$20,0)+IF(Input!$D$21=4,L2532*Input!$C$21,0)+IF(Input!$D$22=4,M2532*Input!$C$22,0)</f>
        <v>0</v>
      </c>
      <c r="R2532" s="58">
        <v>46.088617172251304</v>
      </c>
      <c r="S2532" s="124">
        <f t="shared" si="39"/>
        <v>0.32612893313610747</v>
      </c>
    </row>
    <row r="2533" spans="8:19" x14ac:dyDescent="0.3">
      <c r="H2533" s="44">
        <v>2526</v>
      </c>
      <c r="I2533" s="56">
        <f>Bühler!I2559</f>
        <v>0.32612893313610752</v>
      </c>
      <c r="J2533" s="59">
        <f>Bühler!J2559</f>
        <v>1.0870964437870252</v>
      </c>
      <c r="K2533" s="59">
        <f>Bühler!K2559</f>
        <v>1.6306446656805376</v>
      </c>
      <c r="L2533" s="59">
        <f>Bühler!L2559</f>
        <v>7.8270943952665801</v>
      </c>
      <c r="M2533" s="58">
        <f>Bühler!M2559</f>
        <v>0</v>
      </c>
      <c r="N2533" s="56">
        <f>IF(Input!$D$19=1,J2533*Input!$C$19,0)+IF(Input!$D$20=1,K2533*Input!$C$20,0)+IF(Input!$D$21=1,L2533*Input!$C$21,0)+IF(Input!$D$22=1,M2533*Input!$C$22,0)</f>
        <v>0.32612893313610752</v>
      </c>
      <c r="O2533" s="59">
        <f>IF(Input!$D$19=2,J2533*Input!$C$19,0)+IF(Input!$D$20=2,K2533*Input!$C$20,0)+IF(Input!$D$21=2,L2533*Input!$C$21,0)+IF(Input!$D$22=2,M2533*Input!$C$22,0)</f>
        <v>0.81532233284026878</v>
      </c>
      <c r="P2533" s="59">
        <f>IF(Input!$D$19=3,J2533*Input!$C$19,0)+IF(Input!$D$20=3,K2533*Input!$C$20,0)+IF(Input!$D$21=3,L2533*Input!$C$21,0)+IF(Input!$D$22=3,M2533*Input!$C$22,0)</f>
        <v>0</v>
      </c>
      <c r="Q2533" s="75">
        <f>IF(Input!$D$19=4,J2533*Input!$C$19,0)+IF(Input!$D$20=4,K2533*Input!$C$20,0)+IF(Input!$D$21=4,L2533*Input!$C$21,0)+IF(Input!$D$22=4,M2533*Input!$C$22,0)</f>
        <v>0</v>
      </c>
      <c r="R2533" s="58">
        <v>51.969160690461528</v>
      </c>
      <c r="S2533" s="124">
        <f t="shared" si="39"/>
        <v>1.4132253769231327</v>
      </c>
    </row>
    <row r="2534" spans="8:19" x14ac:dyDescent="0.3">
      <c r="H2534" s="44">
        <v>2527</v>
      </c>
      <c r="I2534" s="56">
        <f>Bühler!I2560</f>
        <v>0.37003090490442969</v>
      </c>
      <c r="J2534" s="59">
        <f>Bühler!J2560</f>
        <v>1.2334363496814325</v>
      </c>
      <c r="K2534" s="59">
        <f>Bühler!K2560</f>
        <v>1.8501545245221482</v>
      </c>
      <c r="L2534" s="59">
        <f>Bühler!L2560</f>
        <v>8.8807417177063126</v>
      </c>
      <c r="M2534" s="58">
        <f>Bühler!M2560</f>
        <v>0</v>
      </c>
      <c r="N2534" s="56">
        <f>IF(Input!$D$19=1,J2534*Input!$C$19,0)+IF(Input!$D$20=1,K2534*Input!$C$20,0)+IF(Input!$D$21=1,L2534*Input!$C$21,0)+IF(Input!$D$22=1,M2534*Input!$C$22,0)</f>
        <v>0.37003090490442975</v>
      </c>
      <c r="O2534" s="59">
        <f>IF(Input!$D$19=2,J2534*Input!$C$19,0)+IF(Input!$D$20=2,K2534*Input!$C$20,0)+IF(Input!$D$21=2,L2534*Input!$C$21,0)+IF(Input!$D$22=2,M2534*Input!$C$22,0)</f>
        <v>0.92507726226107412</v>
      </c>
      <c r="P2534" s="59">
        <f>IF(Input!$D$19=3,J2534*Input!$C$19,0)+IF(Input!$D$20=3,K2534*Input!$C$20,0)+IF(Input!$D$21=3,L2534*Input!$C$21,0)+IF(Input!$D$22=3,M2534*Input!$C$22,0)</f>
        <v>0</v>
      </c>
      <c r="Q2534" s="75">
        <f>IF(Input!$D$19=4,J2534*Input!$C$19,0)+IF(Input!$D$20=4,K2534*Input!$C$20,0)+IF(Input!$D$21=4,L2534*Input!$C$21,0)+IF(Input!$D$22=4,M2534*Input!$C$22,0)</f>
        <v>0</v>
      </c>
      <c r="R2534" s="58">
        <v>57.335577837290323</v>
      </c>
      <c r="S2534" s="124">
        <f t="shared" si="39"/>
        <v>1.6034672545858621</v>
      </c>
    </row>
    <row r="2535" spans="8:19" x14ac:dyDescent="0.3">
      <c r="H2535" s="44">
        <v>2528</v>
      </c>
      <c r="I2535" s="56">
        <f>Bühler!I2561</f>
        <v>0.37003090490442969</v>
      </c>
      <c r="J2535" s="59">
        <f>Bühler!J2561</f>
        <v>1.2334363496814325</v>
      </c>
      <c r="K2535" s="59">
        <f>Bühler!K2561</f>
        <v>1.8501545245221482</v>
      </c>
      <c r="L2535" s="59">
        <f>Bühler!L2561</f>
        <v>8.8807417177063126</v>
      </c>
      <c r="M2535" s="58">
        <f>Bühler!M2561</f>
        <v>0</v>
      </c>
      <c r="N2535" s="56">
        <f>IF(Input!$D$19=1,J2535*Input!$C$19,0)+IF(Input!$D$20=1,K2535*Input!$C$20,0)+IF(Input!$D$21=1,L2535*Input!$C$21,0)+IF(Input!$D$22=1,M2535*Input!$C$22,0)</f>
        <v>0.37003090490442975</v>
      </c>
      <c r="O2535" s="59">
        <f>IF(Input!$D$19=2,J2535*Input!$C$19,0)+IF(Input!$D$20=2,K2535*Input!$C$20,0)+IF(Input!$D$21=2,L2535*Input!$C$21,0)+IF(Input!$D$22=2,M2535*Input!$C$22,0)</f>
        <v>0.92507726226107412</v>
      </c>
      <c r="P2535" s="59">
        <f>IF(Input!$D$19=3,J2535*Input!$C$19,0)+IF(Input!$D$20=3,K2535*Input!$C$20,0)+IF(Input!$D$21=3,L2535*Input!$C$21,0)+IF(Input!$D$22=3,M2535*Input!$C$22,0)</f>
        <v>0</v>
      </c>
      <c r="Q2535" s="75">
        <f>IF(Input!$D$19=4,J2535*Input!$C$19,0)+IF(Input!$D$20=4,K2535*Input!$C$20,0)+IF(Input!$D$21=4,L2535*Input!$C$21,0)+IF(Input!$D$22=4,M2535*Input!$C$22,0)</f>
        <v>0</v>
      </c>
      <c r="R2535" s="58">
        <v>60.7445583687443</v>
      </c>
      <c r="S2535" s="124">
        <f t="shared" si="39"/>
        <v>1.6034672545858621</v>
      </c>
    </row>
    <row r="2536" spans="8:19" x14ac:dyDescent="0.3">
      <c r="H2536" s="44">
        <v>2529</v>
      </c>
      <c r="I2536" s="56">
        <f>Bühler!I2562</f>
        <v>0.37003090490442969</v>
      </c>
      <c r="J2536" s="59">
        <f>Bühler!J2562</f>
        <v>1.2334363496814325</v>
      </c>
      <c r="K2536" s="59">
        <f>Bühler!K2562</f>
        <v>1.8501545245221482</v>
      </c>
      <c r="L2536" s="59">
        <f>Bühler!L2562</f>
        <v>8.8807417177063126</v>
      </c>
      <c r="M2536" s="58">
        <f>Bühler!M2562</f>
        <v>0</v>
      </c>
      <c r="N2536" s="56">
        <f>IF(Input!$D$19=1,J2536*Input!$C$19,0)+IF(Input!$D$20=1,K2536*Input!$C$20,0)+IF(Input!$D$21=1,L2536*Input!$C$21,0)+IF(Input!$D$22=1,M2536*Input!$C$22,0)</f>
        <v>0.37003090490442975</v>
      </c>
      <c r="O2536" s="59">
        <f>IF(Input!$D$19=2,J2536*Input!$C$19,0)+IF(Input!$D$20=2,K2536*Input!$C$20,0)+IF(Input!$D$21=2,L2536*Input!$C$21,0)+IF(Input!$D$22=2,M2536*Input!$C$22,0)</f>
        <v>0.92507726226107412</v>
      </c>
      <c r="P2536" s="59">
        <f>IF(Input!$D$19=3,J2536*Input!$C$19,0)+IF(Input!$D$20=3,K2536*Input!$C$20,0)+IF(Input!$D$21=3,L2536*Input!$C$21,0)+IF(Input!$D$22=3,M2536*Input!$C$22,0)</f>
        <v>0</v>
      </c>
      <c r="Q2536" s="75">
        <f>IF(Input!$D$19=4,J2536*Input!$C$19,0)+IF(Input!$D$20=4,K2536*Input!$C$20,0)+IF(Input!$D$21=4,L2536*Input!$C$21,0)+IF(Input!$D$22=4,M2536*Input!$C$22,0)</f>
        <v>0</v>
      </c>
      <c r="R2536" s="58">
        <v>62.972589042698466</v>
      </c>
      <c r="S2536" s="124">
        <f t="shared" si="39"/>
        <v>1.6034672545858621</v>
      </c>
    </row>
    <row r="2537" spans="8:19" x14ac:dyDescent="0.3">
      <c r="H2537" s="44">
        <v>2530</v>
      </c>
      <c r="I2537" s="56">
        <f>Bühler!I2563</f>
        <v>0.39511774591489945</v>
      </c>
      <c r="J2537" s="59">
        <f>Bühler!J2563</f>
        <v>1.3170591530496649</v>
      </c>
      <c r="K2537" s="59">
        <f>Bühler!K2563</f>
        <v>1.9755887295744974</v>
      </c>
      <c r="L2537" s="59">
        <f>Bühler!L2563</f>
        <v>9.4828259019575878</v>
      </c>
      <c r="M2537" s="58">
        <f>Bühler!M2563</f>
        <v>0</v>
      </c>
      <c r="N2537" s="56">
        <f>IF(Input!$D$19=1,J2537*Input!$C$19,0)+IF(Input!$D$20=1,K2537*Input!$C$20,0)+IF(Input!$D$21=1,L2537*Input!$C$21,0)+IF(Input!$D$22=1,M2537*Input!$C$22,0)</f>
        <v>0.39511774591489945</v>
      </c>
      <c r="O2537" s="59">
        <f>IF(Input!$D$19=2,J2537*Input!$C$19,0)+IF(Input!$D$20=2,K2537*Input!$C$20,0)+IF(Input!$D$21=2,L2537*Input!$C$21,0)+IF(Input!$D$22=2,M2537*Input!$C$22,0)</f>
        <v>0.98779436478724869</v>
      </c>
      <c r="P2537" s="59">
        <f>IF(Input!$D$19=3,J2537*Input!$C$19,0)+IF(Input!$D$20=3,K2537*Input!$C$20,0)+IF(Input!$D$21=3,L2537*Input!$C$21,0)+IF(Input!$D$22=3,M2537*Input!$C$22,0)</f>
        <v>0</v>
      </c>
      <c r="Q2537" s="75">
        <f>IF(Input!$D$19=4,J2537*Input!$C$19,0)+IF(Input!$D$20=4,K2537*Input!$C$20,0)+IF(Input!$D$21=4,L2537*Input!$C$21,0)+IF(Input!$D$22=4,M2537*Input!$C$22,0)</f>
        <v>0</v>
      </c>
      <c r="R2537" s="58">
        <v>64.196230542233607</v>
      </c>
      <c r="S2537" s="124">
        <f t="shared" si="39"/>
        <v>1.7121768989645645</v>
      </c>
    </row>
    <row r="2538" spans="8:19" x14ac:dyDescent="0.3">
      <c r="H2538" s="44">
        <v>2531</v>
      </c>
      <c r="I2538" s="56">
        <f>Bühler!I2564</f>
        <v>0.39511774591489945</v>
      </c>
      <c r="J2538" s="59">
        <f>Bühler!J2564</f>
        <v>1.3170591530496649</v>
      </c>
      <c r="K2538" s="59">
        <f>Bühler!K2564</f>
        <v>1.9755887295744974</v>
      </c>
      <c r="L2538" s="59">
        <f>Bühler!L2564</f>
        <v>9.4828259019575878</v>
      </c>
      <c r="M2538" s="58">
        <f>Bühler!M2564</f>
        <v>0</v>
      </c>
      <c r="N2538" s="56">
        <f>IF(Input!$D$19=1,J2538*Input!$C$19,0)+IF(Input!$D$20=1,K2538*Input!$C$20,0)+IF(Input!$D$21=1,L2538*Input!$C$21,0)+IF(Input!$D$22=1,M2538*Input!$C$22,0)</f>
        <v>0.39511774591489945</v>
      </c>
      <c r="O2538" s="59">
        <f>IF(Input!$D$19=2,J2538*Input!$C$19,0)+IF(Input!$D$20=2,K2538*Input!$C$20,0)+IF(Input!$D$21=2,L2538*Input!$C$21,0)+IF(Input!$D$22=2,M2538*Input!$C$22,0)</f>
        <v>0.98779436478724869</v>
      </c>
      <c r="P2538" s="59">
        <f>IF(Input!$D$19=3,J2538*Input!$C$19,0)+IF(Input!$D$20=3,K2538*Input!$C$20,0)+IF(Input!$D$21=3,L2538*Input!$C$21,0)+IF(Input!$D$22=3,M2538*Input!$C$22,0)</f>
        <v>0</v>
      </c>
      <c r="Q2538" s="75">
        <f>IF(Input!$D$19=4,J2538*Input!$C$19,0)+IF(Input!$D$20=4,K2538*Input!$C$20,0)+IF(Input!$D$21=4,L2538*Input!$C$21,0)+IF(Input!$D$22=4,M2538*Input!$C$22,0)</f>
        <v>0</v>
      </c>
      <c r="R2538" s="58">
        <v>64.865116648617501</v>
      </c>
      <c r="S2538" s="124">
        <f t="shared" si="39"/>
        <v>1.7121768989645645</v>
      </c>
    </row>
    <row r="2539" spans="8:19" x14ac:dyDescent="0.3">
      <c r="H2539" s="44">
        <v>2532</v>
      </c>
      <c r="I2539" s="56">
        <f>Bühler!I2565</f>
        <v>0.50173682020939614</v>
      </c>
      <c r="J2539" s="59">
        <f>Bühler!J2565</f>
        <v>1.672456067364654</v>
      </c>
      <c r="K2539" s="59">
        <f>Bühler!K2565</f>
        <v>2.5086841010469807</v>
      </c>
      <c r="L2539" s="59">
        <f>Bühler!L2565</f>
        <v>12.041683685025507</v>
      </c>
      <c r="M2539" s="58">
        <f>Bühler!M2565</f>
        <v>0</v>
      </c>
      <c r="N2539" s="56">
        <f>IF(Input!$D$19=1,J2539*Input!$C$19,0)+IF(Input!$D$20=1,K2539*Input!$C$20,0)+IF(Input!$D$21=1,L2539*Input!$C$21,0)+IF(Input!$D$22=1,M2539*Input!$C$22,0)</f>
        <v>0.50173682020939614</v>
      </c>
      <c r="O2539" s="59">
        <f>IF(Input!$D$19=2,J2539*Input!$C$19,0)+IF(Input!$D$20=2,K2539*Input!$C$20,0)+IF(Input!$D$21=2,L2539*Input!$C$21,0)+IF(Input!$D$22=2,M2539*Input!$C$22,0)</f>
        <v>1.2543420505234903</v>
      </c>
      <c r="P2539" s="59">
        <f>IF(Input!$D$19=3,J2539*Input!$C$19,0)+IF(Input!$D$20=3,K2539*Input!$C$20,0)+IF(Input!$D$21=3,L2539*Input!$C$21,0)+IF(Input!$D$22=3,M2539*Input!$C$22,0)</f>
        <v>0</v>
      </c>
      <c r="Q2539" s="75">
        <f>IF(Input!$D$19=4,J2539*Input!$C$19,0)+IF(Input!$D$20=4,K2539*Input!$C$20,0)+IF(Input!$D$21=4,L2539*Input!$C$21,0)+IF(Input!$D$22=4,M2539*Input!$C$22,0)</f>
        <v>0</v>
      </c>
      <c r="R2539" s="58">
        <v>65.887082324280172</v>
      </c>
      <c r="S2539" s="124">
        <f t="shared" si="39"/>
        <v>2.1741928875740504</v>
      </c>
    </row>
    <row r="2540" spans="8:19" x14ac:dyDescent="0.3">
      <c r="H2540" s="44">
        <v>2533</v>
      </c>
      <c r="I2540" s="56">
        <f>Bühler!I2566</f>
        <v>0.50173682020939614</v>
      </c>
      <c r="J2540" s="59">
        <f>Bühler!J2566</f>
        <v>1.672456067364654</v>
      </c>
      <c r="K2540" s="59">
        <f>Bühler!K2566</f>
        <v>2.5086841010469807</v>
      </c>
      <c r="L2540" s="59">
        <f>Bühler!L2566</f>
        <v>12.041683685025507</v>
      </c>
      <c r="M2540" s="58">
        <f>Bühler!M2566</f>
        <v>0</v>
      </c>
      <c r="N2540" s="56">
        <f>IF(Input!$D$19=1,J2540*Input!$C$19,0)+IF(Input!$D$20=1,K2540*Input!$C$20,0)+IF(Input!$D$21=1,L2540*Input!$C$21,0)+IF(Input!$D$22=1,M2540*Input!$C$22,0)</f>
        <v>0.50173682020939614</v>
      </c>
      <c r="O2540" s="59">
        <f>IF(Input!$D$19=2,J2540*Input!$C$19,0)+IF(Input!$D$20=2,K2540*Input!$C$20,0)+IF(Input!$D$21=2,L2540*Input!$C$21,0)+IF(Input!$D$22=2,M2540*Input!$C$22,0)</f>
        <v>1.2543420505234903</v>
      </c>
      <c r="P2540" s="59">
        <f>IF(Input!$D$19=3,J2540*Input!$C$19,0)+IF(Input!$D$20=3,K2540*Input!$C$20,0)+IF(Input!$D$21=3,L2540*Input!$C$21,0)+IF(Input!$D$22=3,M2540*Input!$C$22,0)</f>
        <v>0</v>
      </c>
      <c r="Q2540" s="75">
        <f>IF(Input!$D$19=4,J2540*Input!$C$19,0)+IF(Input!$D$20=4,K2540*Input!$C$20,0)+IF(Input!$D$21=4,L2540*Input!$C$21,0)+IF(Input!$D$22=4,M2540*Input!$C$22,0)</f>
        <v>0</v>
      </c>
      <c r="R2540" s="58">
        <v>65.720699309643138</v>
      </c>
      <c r="S2540" s="124">
        <f t="shared" si="39"/>
        <v>2.1741928875740504</v>
      </c>
    </row>
    <row r="2541" spans="8:19" x14ac:dyDescent="0.3">
      <c r="H2541" s="44">
        <v>2534</v>
      </c>
      <c r="I2541" s="56">
        <f>Bühler!I2567</f>
        <v>0.33240064338872499</v>
      </c>
      <c r="J2541" s="59">
        <f>Bühler!J2567</f>
        <v>1.1080021446290835</v>
      </c>
      <c r="K2541" s="59">
        <f>Bühler!K2567</f>
        <v>1.662003216943625</v>
      </c>
      <c r="L2541" s="59">
        <f>Bühler!L2567</f>
        <v>7.9776154413293998</v>
      </c>
      <c r="M2541" s="58">
        <f>Bühler!M2567</f>
        <v>0</v>
      </c>
      <c r="N2541" s="56">
        <f>IF(Input!$D$19=1,J2541*Input!$C$19,0)+IF(Input!$D$20=1,K2541*Input!$C$20,0)+IF(Input!$D$21=1,L2541*Input!$C$21,0)+IF(Input!$D$22=1,M2541*Input!$C$22,0)</f>
        <v>0.33240064338872505</v>
      </c>
      <c r="O2541" s="59">
        <f>IF(Input!$D$19=2,J2541*Input!$C$19,0)+IF(Input!$D$20=2,K2541*Input!$C$20,0)+IF(Input!$D$21=2,L2541*Input!$C$21,0)+IF(Input!$D$22=2,M2541*Input!$C$22,0)</f>
        <v>0.83100160847181248</v>
      </c>
      <c r="P2541" s="59">
        <f>IF(Input!$D$19=3,J2541*Input!$C$19,0)+IF(Input!$D$20=3,K2541*Input!$C$20,0)+IF(Input!$D$21=3,L2541*Input!$C$21,0)+IF(Input!$D$22=3,M2541*Input!$C$22,0)</f>
        <v>0</v>
      </c>
      <c r="Q2541" s="75">
        <f>IF(Input!$D$19=4,J2541*Input!$C$19,0)+IF(Input!$D$20=4,K2541*Input!$C$20,0)+IF(Input!$D$21=4,L2541*Input!$C$21,0)+IF(Input!$D$22=4,M2541*Input!$C$22,0)</f>
        <v>0</v>
      </c>
      <c r="R2541" s="58">
        <v>65.732129178174475</v>
      </c>
      <c r="S2541" s="124">
        <f t="shared" si="39"/>
        <v>1.4404027880178085</v>
      </c>
    </row>
    <row r="2542" spans="8:19" x14ac:dyDescent="0.3">
      <c r="H2542" s="44">
        <v>2535</v>
      </c>
      <c r="I2542" s="56">
        <f>Bühler!I2568</f>
        <v>0.50173682020939614</v>
      </c>
      <c r="J2542" s="59">
        <f>Bühler!J2568</f>
        <v>1.672456067364654</v>
      </c>
      <c r="K2542" s="59">
        <f>Bühler!K2568</f>
        <v>2.5086841010469807</v>
      </c>
      <c r="L2542" s="59">
        <f>Bühler!L2568</f>
        <v>12.041683685025507</v>
      </c>
      <c r="M2542" s="58">
        <f>Bühler!M2568</f>
        <v>0</v>
      </c>
      <c r="N2542" s="56">
        <f>IF(Input!$D$19=1,J2542*Input!$C$19,0)+IF(Input!$D$20=1,K2542*Input!$C$20,0)+IF(Input!$D$21=1,L2542*Input!$C$21,0)+IF(Input!$D$22=1,M2542*Input!$C$22,0)</f>
        <v>0.50173682020939614</v>
      </c>
      <c r="O2542" s="59">
        <f>IF(Input!$D$19=2,J2542*Input!$C$19,0)+IF(Input!$D$20=2,K2542*Input!$C$20,0)+IF(Input!$D$21=2,L2542*Input!$C$21,0)+IF(Input!$D$22=2,M2542*Input!$C$22,0)</f>
        <v>1.2543420505234903</v>
      </c>
      <c r="P2542" s="59">
        <f>IF(Input!$D$19=3,J2542*Input!$C$19,0)+IF(Input!$D$20=3,K2542*Input!$C$20,0)+IF(Input!$D$21=3,L2542*Input!$C$21,0)+IF(Input!$D$22=3,M2542*Input!$C$22,0)</f>
        <v>0</v>
      </c>
      <c r="Q2542" s="75">
        <f>IF(Input!$D$19=4,J2542*Input!$C$19,0)+IF(Input!$D$20=4,K2542*Input!$C$20,0)+IF(Input!$D$21=4,L2542*Input!$C$21,0)+IF(Input!$D$22=4,M2542*Input!$C$22,0)</f>
        <v>0</v>
      </c>
      <c r="R2542" s="58">
        <v>66.232301765176757</v>
      </c>
      <c r="S2542" s="124">
        <f t="shared" si="39"/>
        <v>2.1741928875740504</v>
      </c>
    </row>
    <row r="2543" spans="8:19" x14ac:dyDescent="0.3">
      <c r="H2543" s="44">
        <v>2536</v>
      </c>
      <c r="I2543" s="56">
        <f>Bühler!I2569</f>
        <v>0.50173682020939614</v>
      </c>
      <c r="J2543" s="59">
        <f>Bühler!J2569</f>
        <v>1.672456067364654</v>
      </c>
      <c r="K2543" s="59">
        <f>Bühler!K2569</f>
        <v>2.5086841010469807</v>
      </c>
      <c r="L2543" s="59">
        <f>Bühler!L2569</f>
        <v>12.041683685025507</v>
      </c>
      <c r="M2543" s="58">
        <f>Bühler!M2569</f>
        <v>0</v>
      </c>
      <c r="N2543" s="56">
        <f>IF(Input!$D$19=1,J2543*Input!$C$19,0)+IF(Input!$D$20=1,K2543*Input!$C$20,0)+IF(Input!$D$21=1,L2543*Input!$C$21,0)+IF(Input!$D$22=1,M2543*Input!$C$22,0)</f>
        <v>0.50173682020939614</v>
      </c>
      <c r="O2543" s="59">
        <f>IF(Input!$D$19=2,J2543*Input!$C$19,0)+IF(Input!$D$20=2,K2543*Input!$C$20,0)+IF(Input!$D$21=2,L2543*Input!$C$21,0)+IF(Input!$D$22=2,M2543*Input!$C$22,0)</f>
        <v>1.2543420505234903</v>
      </c>
      <c r="P2543" s="59">
        <f>IF(Input!$D$19=3,J2543*Input!$C$19,0)+IF(Input!$D$20=3,K2543*Input!$C$20,0)+IF(Input!$D$21=3,L2543*Input!$C$21,0)+IF(Input!$D$22=3,M2543*Input!$C$22,0)</f>
        <v>0</v>
      </c>
      <c r="Q2543" s="75">
        <f>IF(Input!$D$19=4,J2543*Input!$C$19,0)+IF(Input!$D$20=4,K2543*Input!$C$20,0)+IF(Input!$D$21=4,L2543*Input!$C$21,0)+IF(Input!$D$22=4,M2543*Input!$C$22,0)</f>
        <v>0</v>
      </c>
      <c r="R2543" s="58">
        <v>66.356339634132752</v>
      </c>
      <c r="S2543" s="124">
        <f t="shared" si="39"/>
        <v>2.1741928875740504</v>
      </c>
    </row>
    <row r="2544" spans="8:19" x14ac:dyDescent="0.3">
      <c r="H2544" s="44">
        <v>2537</v>
      </c>
      <c r="I2544" s="56">
        <f>Bühler!I2570</f>
        <v>0.50173682020939614</v>
      </c>
      <c r="J2544" s="59">
        <f>Bühler!J2570</f>
        <v>1.672456067364654</v>
      </c>
      <c r="K2544" s="59">
        <f>Bühler!K2570</f>
        <v>2.5086841010469807</v>
      </c>
      <c r="L2544" s="59">
        <f>Bühler!L2570</f>
        <v>12.041683685025507</v>
      </c>
      <c r="M2544" s="58">
        <f>Bühler!M2570</f>
        <v>0</v>
      </c>
      <c r="N2544" s="56">
        <f>IF(Input!$D$19=1,J2544*Input!$C$19,0)+IF(Input!$D$20=1,K2544*Input!$C$20,0)+IF(Input!$D$21=1,L2544*Input!$C$21,0)+IF(Input!$D$22=1,M2544*Input!$C$22,0)</f>
        <v>0.50173682020939614</v>
      </c>
      <c r="O2544" s="59">
        <f>IF(Input!$D$19=2,J2544*Input!$C$19,0)+IF(Input!$D$20=2,K2544*Input!$C$20,0)+IF(Input!$D$21=2,L2544*Input!$C$21,0)+IF(Input!$D$22=2,M2544*Input!$C$22,0)</f>
        <v>1.2543420505234903</v>
      </c>
      <c r="P2544" s="59">
        <f>IF(Input!$D$19=3,J2544*Input!$C$19,0)+IF(Input!$D$20=3,K2544*Input!$C$20,0)+IF(Input!$D$21=3,L2544*Input!$C$21,0)+IF(Input!$D$22=3,M2544*Input!$C$22,0)</f>
        <v>0</v>
      </c>
      <c r="Q2544" s="75">
        <f>IF(Input!$D$19=4,J2544*Input!$C$19,0)+IF(Input!$D$20=4,K2544*Input!$C$20,0)+IF(Input!$D$21=4,L2544*Input!$C$21,0)+IF(Input!$D$22=4,M2544*Input!$C$22,0)</f>
        <v>0</v>
      </c>
      <c r="R2544" s="58">
        <v>65.246966536294366</v>
      </c>
      <c r="S2544" s="124">
        <f t="shared" si="39"/>
        <v>2.1741928875740504</v>
      </c>
    </row>
    <row r="2545" spans="8:19" x14ac:dyDescent="0.3">
      <c r="H2545" s="44">
        <v>2538</v>
      </c>
      <c r="I2545" s="56">
        <f>Bühler!I2571</f>
        <v>0.50173682020939614</v>
      </c>
      <c r="J2545" s="59">
        <f>Bühler!J2571</f>
        <v>1.672456067364654</v>
      </c>
      <c r="K2545" s="59">
        <f>Bühler!K2571</f>
        <v>2.5086841010469807</v>
      </c>
      <c r="L2545" s="59">
        <f>Bühler!L2571</f>
        <v>12.041683685025507</v>
      </c>
      <c r="M2545" s="58">
        <f>Bühler!M2571</f>
        <v>0</v>
      </c>
      <c r="N2545" s="56">
        <f>IF(Input!$D$19=1,J2545*Input!$C$19,0)+IF(Input!$D$20=1,K2545*Input!$C$20,0)+IF(Input!$D$21=1,L2545*Input!$C$21,0)+IF(Input!$D$22=1,M2545*Input!$C$22,0)</f>
        <v>0.50173682020939614</v>
      </c>
      <c r="O2545" s="59">
        <f>IF(Input!$D$19=2,J2545*Input!$C$19,0)+IF(Input!$D$20=2,K2545*Input!$C$20,0)+IF(Input!$D$21=2,L2545*Input!$C$21,0)+IF(Input!$D$22=2,M2545*Input!$C$22,0)</f>
        <v>1.2543420505234903</v>
      </c>
      <c r="P2545" s="59">
        <f>IF(Input!$D$19=3,J2545*Input!$C$19,0)+IF(Input!$D$20=3,K2545*Input!$C$20,0)+IF(Input!$D$21=3,L2545*Input!$C$21,0)+IF(Input!$D$22=3,M2545*Input!$C$22,0)</f>
        <v>0</v>
      </c>
      <c r="Q2545" s="75">
        <f>IF(Input!$D$19=4,J2545*Input!$C$19,0)+IF(Input!$D$20=4,K2545*Input!$C$20,0)+IF(Input!$D$21=4,L2545*Input!$C$21,0)+IF(Input!$D$22=4,M2545*Input!$C$22,0)</f>
        <v>0</v>
      </c>
      <c r="R2545" s="58">
        <v>64.179025956753037</v>
      </c>
      <c r="S2545" s="124">
        <f t="shared" si="39"/>
        <v>2.1741928875740504</v>
      </c>
    </row>
    <row r="2546" spans="8:19" x14ac:dyDescent="0.3">
      <c r="H2546" s="44">
        <v>2539</v>
      </c>
      <c r="I2546" s="56">
        <f>Bühler!I2572</f>
        <v>0.50173682020939614</v>
      </c>
      <c r="J2546" s="59">
        <f>Bühler!J2572</f>
        <v>1.672456067364654</v>
      </c>
      <c r="K2546" s="59">
        <f>Bühler!K2572</f>
        <v>2.5086841010469807</v>
      </c>
      <c r="L2546" s="59">
        <f>Bühler!L2572</f>
        <v>12.041683685025507</v>
      </c>
      <c r="M2546" s="58">
        <f>Bühler!M2572</f>
        <v>0</v>
      </c>
      <c r="N2546" s="56">
        <f>IF(Input!$D$19=1,J2546*Input!$C$19,0)+IF(Input!$D$20=1,K2546*Input!$C$20,0)+IF(Input!$D$21=1,L2546*Input!$C$21,0)+IF(Input!$D$22=1,M2546*Input!$C$22,0)</f>
        <v>0.50173682020939614</v>
      </c>
      <c r="O2546" s="59">
        <f>IF(Input!$D$19=2,J2546*Input!$C$19,0)+IF(Input!$D$20=2,K2546*Input!$C$20,0)+IF(Input!$D$21=2,L2546*Input!$C$21,0)+IF(Input!$D$22=2,M2546*Input!$C$22,0)</f>
        <v>1.2543420505234903</v>
      </c>
      <c r="P2546" s="59">
        <f>IF(Input!$D$19=3,J2546*Input!$C$19,0)+IF(Input!$D$20=3,K2546*Input!$C$20,0)+IF(Input!$D$21=3,L2546*Input!$C$21,0)+IF(Input!$D$22=3,M2546*Input!$C$22,0)</f>
        <v>0</v>
      </c>
      <c r="Q2546" s="75">
        <f>IF(Input!$D$19=4,J2546*Input!$C$19,0)+IF(Input!$D$20=4,K2546*Input!$C$20,0)+IF(Input!$D$21=4,L2546*Input!$C$21,0)+IF(Input!$D$22=4,M2546*Input!$C$22,0)</f>
        <v>0</v>
      </c>
      <c r="R2546" s="58">
        <v>63.300072679544364</v>
      </c>
      <c r="S2546" s="124">
        <f t="shared" si="39"/>
        <v>2.1741928875740504</v>
      </c>
    </row>
    <row r="2547" spans="8:19" x14ac:dyDescent="0.3">
      <c r="H2547" s="44">
        <v>2540</v>
      </c>
      <c r="I2547" s="56">
        <f>Bühler!I2573</f>
        <v>0.42020458692536938</v>
      </c>
      <c r="J2547" s="59">
        <f>Bühler!J2573</f>
        <v>1.4006819564178981</v>
      </c>
      <c r="K2547" s="59">
        <f>Bühler!K2573</f>
        <v>2.101022934626847</v>
      </c>
      <c r="L2547" s="59">
        <f>Bühler!L2573</f>
        <v>10.084910086208865</v>
      </c>
      <c r="M2547" s="58">
        <f>Bühler!M2573</f>
        <v>0</v>
      </c>
      <c r="N2547" s="56">
        <f>IF(Input!$D$19=1,J2547*Input!$C$19,0)+IF(Input!$D$20=1,K2547*Input!$C$20,0)+IF(Input!$D$21=1,L2547*Input!$C$21,0)+IF(Input!$D$22=1,M2547*Input!$C$22,0)</f>
        <v>0.42020458692536938</v>
      </c>
      <c r="O2547" s="59">
        <f>IF(Input!$D$19=2,J2547*Input!$C$19,0)+IF(Input!$D$20=2,K2547*Input!$C$20,0)+IF(Input!$D$21=2,L2547*Input!$C$21,0)+IF(Input!$D$22=2,M2547*Input!$C$22,0)</f>
        <v>1.0505114673134235</v>
      </c>
      <c r="P2547" s="59">
        <f>IF(Input!$D$19=3,J2547*Input!$C$19,0)+IF(Input!$D$20=3,K2547*Input!$C$20,0)+IF(Input!$D$21=3,L2547*Input!$C$21,0)+IF(Input!$D$22=3,M2547*Input!$C$22,0)</f>
        <v>0</v>
      </c>
      <c r="Q2547" s="75">
        <f>IF(Input!$D$19=4,J2547*Input!$C$19,0)+IF(Input!$D$20=4,K2547*Input!$C$20,0)+IF(Input!$D$21=4,L2547*Input!$C$21,0)+IF(Input!$D$22=4,M2547*Input!$C$22,0)</f>
        <v>0</v>
      </c>
      <c r="R2547" s="58">
        <v>61.977874169665746</v>
      </c>
      <c r="S2547" s="124">
        <f t="shared" si="39"/>
        <v>1.8208865433432675</v>
      </c>
    </row>
    <row r="2548" spans="8:19" x14ac:dyDescent="0.3">
      <c r="H2548" s="44">
        <v>2541</v>
      </c>
      <c r="I2548" s="56">
        <f>Bühler!I2574</f>
        <v>0.34494406389395987</v>
      </c>
      <c r="J2548" s="59">
        <f>Bühler!J2574</f>
        <v>1.1498135463131998</v>
      </c>
      <c r="K2548" s="59">
        <f>Bühler!K2574</f>
        <v>1.7247203194697993</v>
      </c>
      <c r="L2548" s="59">
        <f>Bühler!L2574</f>
        <v>8.2786575334550374</v>
      </c>
      <c r="M2548" s="58">
        <f>Bühler!M2574</f>
        <v>0</v>
      </c>
      <c r="N2548" s="56">
        <f>IF(Input!$D$19=1,J2548*Input!$C$19,0)+IF(Input!$D$20=1,K2548*Input!$C$20,0)+IF(Input!$D$21=1,L2548*Input!$C$21,0)+IF(Input!$D$22=1,M2548*Input!$C$22,0)</f>
        <v>0.34494406389395993</v>
      </c>
      <c r="O2548" s="59">
        <f>IF(Input!$D$19=2,J2548*Input!$C$19,0)+IF(Input!$D$20=2,K2548*Input!$C$20,0)+IF(Input!$D$21=2,L2548*Input!$C$21,0)+IF(Input!$D$22=2,M2548*Input!$C$22,0)</f>
        <v>0.86236015973489966</v>
      </c>
      <c r="P2548" s="59">
        <f>IF(Input!$D$19=3,J2548*Input!$C$19,0)+IF(Input!$D$20=3,K2548*Input!$C$20,0)+IF(Input!$D$21=3,L2548*Input!$C$21,0)+IF(Input!$D$22=3,M2548*Input!$C$22,0)</f>
        <v>0</v>
      </c>
      <c r="Q2548" s="75">
        <f>IF(Input!$D$19=4,J2548*Input!$C$19,0)+IF(Input!$D$20=4,K2548*Input!$C$20,0)+IF(Input!$D$21=4,L2548*Input!$C$21,0)+IF(Input!$D$22=4,M2548*Input!$C$22,0)</f>
        <v>0</v>
      </c>
      <c r="R2548" s="58">
        <v>60.224232093729121</v>
      </c>
      <c r="S2548" s="124">
        <f t="shared" si="39"/>
        <v>1.4947576102071596</v>
      </c>
    </row>
    <row r="2549" spans="8:19" x14ac:dyDescent="0.3">
      <c r="H2549" s="44">
        <v>2542</v>
      </c>
      <c r="I2549" s="56">
        <f>Bühler!I2575</f>
        <v>0.25086841010469807</v>
      </c>
      <c r="J2549" s="59">
        <f>Bühler!J2575</f>
        <v>0.83622803368232701</v>
      </c>
      <c r="K2549" s="59">
        <f>Bühler!K2575</f>
        <v>1.2543420505234903</v>
      </c>
      <c r="L2549" s="59">
        <f>Bühler!L2575</f>
        <v>6.0208418425127537</v>
      </c>
      <c r="M2549" s="58">
        <f>Bühler!M2575</f>
        <v>0</v>
      </c>
      <c r="N2549" s="56">
        <f>IF(Input!$D$19=1,J2549*Input!$C$19,0)+IF(Input!$D$20=1,K2549*Input!$C$20,0)+IF(Input!$D$21=1,L2549*Input!$C$21,0)+IF(Input!$D$22=1,M2549*Input!$C$22,0)</f>
        <v>0.25086841010469807</v>
      </c>
      <c r="O2549" s="59">
        <f>IF(Input!$D$19=2,J2549*Input!$C$19,0)+IF(Input!$D$20=2,K2549*Input!$C$20,0)+IF(Input!$D$21=2,L2549*Input!$C$21,0)+IF(Input!$D$22=2,M2549*Input!$C$22,0)</f>
        <v>0.62717102526174517</v>
      </c>
      <c r="P2549" s="59">
        <f>IF(Input!$D$19=3,J2549*Input!$C$19,0)+IF(Input!$D$20=3,K2549*Input!$C$20,0)+IF(Input!$D$21=3,L2549*Input!$C$21,0)+IF(Input!$D$22=3,M2549*Input!$C$22,0)</f>
        <v>0</v>
      </c>
      <c r="Q2549" s="75">
        <f>IF(Input!$D$19=4,J2549*Input!$C$19,0)+IF(Input!$D$20=4,K2549*Input!$C$20,0)+IF(Input!$D$21=4,L2549*Input!$C$21,0)+IF(Input!$D$22=4,M2549*Input!$C$22,0)</f>
        <v>0</v>
      </c>
      <c r="R2549" s="58">
        <v>58.623408443519558</v>
      </c>
      <c r="S2549" s="124">
        <f t="shared" si="39"/>
        <v>1.0870964437870252</v>
      </c>
    </row>
    <row r="2550" spans="8:19" x14ac:dyDescent="0.3">
      <c r="H2550" s="44">
        <v>2543</v>
      </c>
      <c r="I2550" s="56">
        <f>Bühler!I2576</f>
        <v>0.23832498959946319</v>
      </c>
      <c r="J2550" s="59">
        <f>Bühler!J2576</f>
        <v>0.79441663199821066</v>
      </c>
      <c r="K2550" s="59">
        <f>Bühler!K2576</f>
        <v>1.191624947997316</v>
      </c>
      <c r="L2550" s="59">
        <f>Bühler!L2576</f>
        <v>5.719799750387117</v>
      </c>
      <c r="M2550" s="58">
        <f>Bühler!M2576</f>
        <v>0</v>
      </c>
      <c r="N2550" s="56">
        <f>IF(Input!$D$19=1,J2550*Input!$C$19,0)+IF(Input!$D$20=1,K2550*Input!$C$20,0)+IF(Input!$D$21=1,L2550*Input!$C$21,0)+IF(Input!$D$22=1,M2550*Input!$C$22,0)</f>
        <v>0.23832498959946319</v>
      </c>
      <c r="O2550" s="59">
        <f>IF(Input!$D$19=2,J2550*Input!$C$19,0)+IF(Input!$D$20=2,K2550*Input!$C$20,0)+IF(Input!$D$21=2,L2550*Input!$C$21,0)+IF(Input!$D$22=2,M2550*Input!$C$22,0)</f>
        <v>0.595812473998658</v>
      </c>
      <c r="P2550" s="59">
        <f>IF(Input!$D$19=3,J2550*Input!$C$19,0)+IF(Input!$D$20=3,K2550*Input!$C$20,0)+IF(Input!$D$21=3,L2550*Input!$C$21,0)+IF(Input!$D$22=3,M2550*Input!$C$22,0)</f>
        <v>0</v>
      </c>
      <c r="Q2550" s="75">
        <f>IF(Input!$D$19=4,J2550*Input!$C$19,0)+IF(Input!$D$20=4,K2550*Input!$C$20,0)+IF(Input!$D$21=4,L2550*Input!$C$21,0)+IF(Input!$D$22=4,M2550*Input!$C$22,0)</f>
        <v>0</v>
      </c>
      <c r="R2550" s="58">
        <v>57.516543237102319</v>
      </c>
      <c r="S2550" s="124">
        <f t="shared" si="39"/>
        <v>1.0327416215976739</v>
      </c>
    </row>
    <row r="2551" spans="8:19" x14ac:dyDescent="0.3">
      <c r="H2551" s="44">
        <v>2544</v>
      </c>
      <c r="I2551" s="56">
        <f>Bühler!I2577</f>
        <v>0.23832498959946319</v>
      </c>
      <c r="J2551" s="59">
        <f>Bühler!J2577</f>
        <v>0.79441663199821066</v>
      </c>
      <c r="K2551" s="59">
        <f>Bühler!K2577</f>
        <v>1.191624947997316</v>
      </c>
      <c r="L2551" s="59">
        <f>Bühler!L2577</f>
        <v>5.719799750387117</v>
      </c>
      <c r="M2551" s="58">
        <f>Bühler!M2577</f>
        <v>0</v>
      </c>
      <c r="N2551" s="56">
        <f>IF(Input!$D$19=1,J2551*Input!$C$19,0)+IF(Input!$D$20=1,K2551*Input!$C$20,0)+IF(Input!$D$21=1,L2551*Input!$C$21,0)+IF(Input!$D$22=1,M2551*Input!$C$22,0)</f>
        <v>0.23832498959946319</v>
      </c>
      <c r="O2551" s="59">
        <f>IF(Input!$D$19=2,J2551*Input!$C$19,0)+IF(Input!$D$20=2,K2551*Input!$C$20,0)+IF(Input!$D$21=2,L2551*Input!$C$21,0)+IF(Input!$D$22=2,M2551*Input!$C$22,0)</f>
        <v>0.595812473998658</v>
      </c>
      <c r="P2551" s="59">
        <f>IF(Input!$D$19=3,J2551*Input!$C$19,0)+IF(Input!$D$20=3,K2551*Input!$C$20,0)+IF(Input!$D$21=3,L2551*Input!$C$21,0)+IF(Input!$D$22=3,M2551*Input!$C$22,0)</f>
        <v>0</v>
      </c>
      <c r="Q2551" s="75">
        <f>IF(Input!$D$19=4,J2551*Input!$C$19,0)+IF(Input!$D$20=4,K2551*Input!$C$20,0)+IF(Input!$D$21=4,L2551*Input!$C$21,0)+IF(Input!$D$22=4,M2551*Input!$C$22,0)</f>
        <v>0</v>
      </c>
      <c r="R2551" s="58">
        <v>57.216120306505417</v>
      </c>
      <c r="S2551" s="124">
        <f t="shared" si="39"/>
        <v>1.0327416215976739</v>
      </c>
    </row>
    <row r="2552" spans="8:19" x14ac:dyDescent="0.3">
      <c r="H2552" s="44">
        <v>2545</v>
      </c>
      <c r="I2552" s="56">
        <f>Bühler!I2578</f>
        <v>0.21917385923678015</v>
      </c>
      <c r="J2552" s="59">
        <f>Bühler!J2578</f>
        <v>0.7305795307892673</v>
      </c>
      <c r="K2552" s="59">
        <f>Bühler!K2578</f>
        <v>1.0958692961839007</v>
      </c>
      <c r="L2552" s="59">
        <f>Bühler!L2578</f>
        <v>5.2601726216827238</v>
      </c>
      <c r="M2552" s="58">
        <f>Bühler!M2578</f>
        <v>0</v>
      </c>
      <c r="N2552" s="56">
        <f>IF(Input!$D$19=1,J2552*Input!$C$19,0)+IF(Input!$D$20=1,K2552*Input!$C$20,0)+IF(Input!$D$21=1,L2552*Input!$C$21,0)+IF(Input!$D$22=1,M2552*Input!$C$22,0)</f>
        <v>0.21917385923678018</v>
      </c>
      <c r="O2552" s="59">
        <f>IF(Input!$D$19=2,J2552*Input!$C$19,0)+IF(Input!$D$20=2,K2552*Input!$C$20,0)+IF(Input!$D$21=2,L2552*Input!$C$21,0)+IF(Input!$D$22=2,M2552*Input!$C$22,0)</f>
        <v>0.54793464809195036</v>
      </c>
      <c r="P2552" s="59">
        <f>IF(Input!$D$19=3,J2552*Input!$C$19,0)+IF(Input!$D$20=3,K2552*Input!$C$20,0)+IF(Input!$D$21=3,L2552*Input!$C$21,0)+IF(Input!$D$22=3,M2552*Input!$C$22,0)</f>
        <v>0</v>
      </c>
      <c r="Q2552" s="75">
        <f>IF(Input!$D$19=4,J2552*Input!$C$19,0)+IF(Input!$D$20=4,K2552*Input!$C$20,0)+IF(Input!$D$21=4,L2552*Input!$C$21,0)+IF(Input!$D$22=4,M2552*Input!$C$22,0)</f>
        <v>0</v>
      </c>
      <c r="R2552" s="58">
        <v>55.956135740727937</v>
      </c>
      <c r="S2552" s="124">
        <f t="shared" si="39"/>
        <v>0.94975339002604742</v>
      </c>
    </row>
    <row r="2553" spans="8:19" x14ac:dyDescent="0.3">
      <c r="H2553" s="44">
        <v>2546</v>
      </c>
      <c r="I2553" s="56">
        <f>Bühler!I2579</f>
        <v>0.21917385923678015</v>
      </c>
      <c r="J2553" s="59">
        <f>Bühler!J2579</f>
        <v>0.7305795307892673</v>
      </c>
      <c r="K2553" s="59">
        <f>Bühler!K2579</f>
        <v>1.0958692961839007</v>
      </c>
      <c r="L2553" s="59">
        <f>Bühler!L2579</f>
        <v>5.2601726216827238</v>
      </c>
      <c r="M2553" s="58">
        <f>Bühler!M2579</f>
        <v>0</v>
      </c>
      <c r="N2553" s="56">
        <f>IF(Input!$D$19=1,J2553*Input!$C$19,0)+IF(Input!$D$20=1,K2553*Input!$C$20,0)+IF(Input!$D$21=1,L2553*Input!$C$21,0)+IF(Input!$D$22=1,M2553*Input!$C$22,0)</f>
        <v>0.21917385923678018</v>
      </c>
      <c r="O2553" s="59">
        <f>IF(Input!$D$19=2,J2553*Input!$C$19,0)+IF(Input!$D$20=2,K2553*Input!$C$20,0)+IF(Input!$D$21=2,L2553*Input!$C$21,0)+IF(Input!$D$22=2,M2553*Input!$C$22,0)</f>
        <v>0.54793464809195036</v>
      </c>
      <c r="P2553" s="59">
        <f>IF(Input!$D$19=3,J2553*Input!$C$19,0)+IF(Input!$D$20=3,K2553*Input!$C$20,0)+IF(Input!$D$21=3,L2553*Input!$C$21,0)+IF(Input!$D$22=3,M2553*Input!$C$22,0)</f>
        <v>0</v>
      </c>
      <c r="Q2553" s="75">
        <f>IF(Input!$D$19=4,J2553*Input!$C$19,0)+IF(Input!$D$20=4,K2553*Input!$C$20,0)+IF(Input!$D$21=4,L2553*Input!$C$21,0)+IF(Input!$D$22=4,M2553*Input!$C$22,0)</f>
        <v>0</v>
      </c>
      <c r="R2553" s="58">
        <v>55.486653520103545</v>
      </c>
      <c r="S2553" s="124">
        <f t="shared" si="39"/>
        <v>0.94975339002604742</v>
      </c>
    </row>
    <row r="2554" spans="8:19" x14ac:dyDescent="0.3">
      <c r="H2554" s="44">
        <v>2547</v>
      </c>
      <c r="I2554" s="56">
        <f>Bühler!I2580</f>
        <v>0.21917385923678015</v>
      </c>
      <c r="J2554" s="59">
        <f>Bühler!J2580</f>
        <v>0.7305795307892673</v>
      </c>
      <c r="K2554" s="59">
        <f>Bühler!K2580</f>
        <v>1.0958692961839007</v>
      </c>
      <c r="L2554" s="59">
        <f>Bühler!L2580</f>
        <v>5.2601726216827238</v>
      </c>
      <c r="M2554" s="58">
        <f>Bühler!M2580</f>
        <v>0</v>
      </c>
      <c r="N2554" s="56">
        <f>IF(Input!$D$19=1,J2554*Input!$C$19,0)+IF(Input!$D$20=1,K2554*Input!$C$20,0)+IF(Input!$D$21=1,L2554*Input!$C$21,0)+IF(Input!$D$22=1,M2554*Input!$C$22,0)</f>
        <v>0.21917385923678018</v>
      </c>
      <c r="O2554" s="59">
        <f>IF(Input!$D$19=2,J2554*Input!$C$19,0)+IF(Input!$D$20=2,K2554*Input!$C$20,0)+IF(Input!$D$21=2,L2554*Input!$C$21,0)+IF(Input!$D$22=2,M2554*Input!$C$22,0)</f>
        <v>0.54793464809195036</v>
      </c>
      <c r="P2554" s="59">
        <f>IF(Input!$D$19=3,J2554*Input!$C$19,0)+IF(Input!$D$20=3,K2554*Input!$C$20,0)+IF(Input!$D$21=3,L2554*Input!$C$21,0)+IF(Input!$D$22=3,M2554*Input!$C$22,0)</f>
        <v>0</v>
      </c>
      <c r="Q2554" s="75">
        <f>IF(Input!$D$19=4,J2554*Input!$C$19,0)+IF(Input!$D$20=4,K2554*Input!$C$20,0)+IF(Input!$D$21=4,L2554*Input!$C$21,0)+IF(Input!$D$22=4,M2554*Input!$C$22,0)</f>
        <v>0</v>
      </c>
      <c r="R2554" s="58">
        <v>56.097623464999799</v>
      </c>
      <c r="S2554" s="124">
        <f t="shared" si="39"/>
        <v>0.94975339002604742</v>
      </c>
    </row>
    <row r="2555" spans="8:19" x14ac:dyDescent="0.3">
      <c r="H2555" s="44">
        <v>2548</v>
      </c>
      <c r="I2555" s="56">
        <f>Bühler!I2581</f>
        <v>0.21917385923678015</v>
      </c>
      <c r="J2555" s="59">
        <f>Bühler!J2581</f>
        <v>0.7305795307892673</v>
      </c>
      <c r="K2555" s="59">
        <f>Bühler!K2581</f>
        <v>1.0958692961839007</v>
      </c>
      <c r="L2555" s="59">
        <f>Bühler!L2581</f>
        <v>5.2601726216827238</v>
      </c>
      <c r="M2555" s="58">
        <f>Bühler!M2581</f>
        <v>0</v>
      </c>
      <c r="N2555" s="56">
        <f>IF(Input!$D$19=1,J2555*Input!$C$19,0)+IF(Input!$D$20=1,K2555*Input!$C$20,0)+IF(Input!$D$21=1,L2555*Input!$C$21,0)+IF(Input!$D$22=1,M2555*Input!$C$22,0)</f>
        <v>0.21917385923678018</v>
      </c>
      <c r="O2555" s="59">
        <f>IF(Input!$D$19=2,J2555*Input!$C$19,0)+IF(Input!$D$20=2,K2555*Input!$C$20,0)+IF(Input!$D$21=2,L2555*Input!$C$21,0)+IF(Input!$D$22=2,M2555*Input!$C$22,0)</f>
        <v>0.54793464809195036</v>
      </c>
      <c r="P2555" s="59">
        <f>IF(Input!$D$19=3,J2555*Input!$C$19,0)+IF(Input!$D$20=3,K2555*Input!$C$20,0)+IF(Input!$D$21=3,L2555*Input!$C$21,0)+IF(Input!$D$22=3,M2555*Input!$C$22,0)</f>
        <v>0</v>
      </c>
      <c r="Q2555" s="75">
        <f>IF(Input!$D$19=4,J2555*Input!$C$19,0)+IF(Input!$D$20=4,K2555*Input!$C$20,0)+IF(Input!$D$21=4,L2555*Input!$C$21,0)+IF(Input!$D$22=4,M2555*Input!$C$22,0)</f>
        <v>0</v>
      </c>
      <c r="R2555" s="58">
        <v>56.953716809008391</v>
      </c>
      <c r="S2555" s="124">
        <f t="shared" si="39"/>
        <v>0.94975339002604742</v>
      </c>
    </row>
    <row r="2556" spans="8:19" x14ac:dyDescent="0.3">
      <c r="H2556" s="44">
        <v>2549</v>
      </c>
      <c r="I2556" s="56">
        <f>Bühler!I2582</f>
        <v>0.21917385923678015</v>
      </c>
      <c r="J2556" s="59">
        <f>Bühler!J2582</f>
        <v>0.7305795307892673</v>
      </c>
      <c r="K2556" s="59">
        <f>Bühler!K2582</f>
        <v>1.0958692961839007</v>
      </c>
      <c r="L2556" s="59">
        <f>Bühler!L2582</f>
        <v>5.2601726216827238</v>
      </c>
      <c r="M2556" s="58">
        <f>Bühler!M2582</f>
        <v>0</v>
      </c>
      <c r="N2556" s="56">
        <f>IF(Input!$D$19=1,J2556*Input!$C$19,0)+IF(Input!$D$20=1,K2556*Input!$C$20,0)+IF(Input!$D$21=1,L2556*Input!$C$21,0)+IF(Input!$D$22=1,M2556*Input!$C$22,0)</f>
        <v>0.21917385923678018</v>
      </c>
      <c r="O2556" s="59">
        <f>IF(Input!$D$19=2,J2556*Input!$C$19,0)+IF(Input!$D$20=2,K2556*Input!$C$20,0)+IF(Input!$D$21=2,L2556*Input!$C$21,0)+IF(Input!$D$22=2,M2556*Input!$C$22,0)</f>
        <v>0.54793464809195036</v>
      </c>
      <c r="P2556" s="59">
        <f>IF(Input!$D$19=3,J2556*Input!$C$19,0)+IF(Input!$D$20=3,K2556*Input!$C$20,0)+IF(Input!$D$21=3,L2556*Input!$C$21,0)+IF(Input!$D$22=3,M2556*Input!$C$22,0)</f>
        <v>0</v>
      </c>
      <c r="Q2556" s="75">
        <f>IF(Input!$D$19=4,J2556*Input!$C$19,0)+IF(Input!$D$20=4,K2556*Input!$C$20,0)+IF(Input!$D$21=4,L2556*Input!$C$21,0)+IF(Input!$D$22=4,M2556*Input!$C$22,0)</f>
        <v>0</v>
      </c>
      <c r="R2556" s="58">
        <v>58.798281560296466</v>
      </c>
      <c r="S2556" s="124">
        <f t="shared" si="39"/>
        <v>0.94975339002604742</v>
      </c>
    </row>
    <row r="2557" spans="8:19" x14ac:dyDescent="0.3">
      <c r="H2557" s="44">
        <v>2550</v>
      </c>
      <c r="I2557" s="56">
        <f>Bühler!I2583</f>
        <v>0.28492601700781417</v>
      </c>
      <c r="J2557" s="59">
        <f>Bühler!J2583</f>
        <v>0.94975339002604731</v>
      </c>
      <c r="K2557" s="59">
        <f>Bühler!K2583</f>
        <v>1.424630085039071</v>
      </c>
      <c r="L2557" s="59">
        <f>Bühler!L2583</f>
        <v>6.8382244081875401</v>
      </c>
      <c r="M2557" s="58">
        <f>Bühler!M2583</f>
        <v>0</v>
      </c>
      <c r="N2557" s="56">
        <f>IF(Input!$D$19=1,J2557*Input!$C$19,0)+IF(Input!$D$20=1,K2557*Input!$C$20,0)+IF(Input!$D$21=1,L2557*Input!$C$21,0)+IF(Input!$D$22=1,M2557*Input!$C$22,0)</f>
        <v>0.28492601700781417</v>
      </c>
      <c r="O2557" s="59">
        <f>IF(Input!$D$19=2,J2557*Input!$C$19,0)+IF(Input!$D$20=2,K2557*Input!$C$20,0)+IF(Input!$D$21=2,L2557*Input!$C$21,0)+IF(Input!$D$22=2,M2557*Input!$C$22,0)</f>
        <v>0.71231504251953548</v>
      </c>
      <c r="P2557" s="59">
        <f>IF(Input!$D$19=3,J2557*Input!$C$19,0)+IF(Input!$D$20=3,K2557*Input!$C$20,0)+IF(Input!$D$21=3,L2557*Input!$C$21,0)+IF(Input!$D$22=3,M2557*Input!$C$22,0)</f>
        <v>0</v>
      </c>
      <c r="Q2557" s="75">
        <f>IF(Input!$D$19=4,J2557*Input!$C$19,0)+IF(Input!$D$20=4,K2557*Input!$C$20,0)+IF(Input!$D$21=4,L2557*Input!$C$21,0)+IF(Input!$D$22=4,M2557*Input!$C$22,0)</f>
        <v>0</v>
      </c>
      <c r="R2557" s="58">
        <v>62.342931890000933</v>
      </c>
      <c r="S2557" s="124">
        <f t="shared" si="39"/>
        <v>1.2346794070338616</v>
      </c>
    </row>
    <row r="2558" spans="8:19" x14ac:dyDescent="0.3">
      <c r="H2558" s="44">
        <v>2551</v>
      </c>
      <c r="I2558" s="56">
        <f>Bühler!I2584</f>
        <v>0.31780209589333119</v>
      </c>
      <c r="J2558" s="59">
        <f>Bühler!J2584</f>
        <v>1.0593403196444375</v>
      </c>
      <c r="K2558" s="59">
        <f>Bühler!K2584</f>
        <v>1.589010479466656</v>
      </c>
      <c r="L2558" s="59">
        <f>Bühler!L2584</f>
        <v>7.6272503014399486</v>
      </c>
      <c r="M2558" s="58">
        <f>Bühler!M2584</f>
        <v>0</v>
      </c>
      <c r="N2558" s="56">
        <f>IF(Input!$D$19=1,J2558*Input!$C$19,0)+IF(Input!$D$20=1,K2558*Input!$C$20,0)+IF(Input!$D$21=1,L2558*Input!$C$21,0)+IF(Input!$D$22=1,M2558*Input!$C$22,0)</f>
        <v>0.31780209589333125</v>
      </c>
      <c r="O2558" s="59">
        <f>IF(Input!$D$19=2,J2558*Input!$C$19,0)+IF(Input!$D$20=2,K2558*Input!$C$20,0)+IF(Input!$D$21=2,L2558*Input!$C$21,0)+IF(Input!$D$22=2,M2558*Input!$C$22,0)</f>
        <v>0.79450523973332798</v>
      </c>
      <c r="P2558" s="59">
        <f>IF(Input!$D$19=3,J2558*Input!$C$19,0)+IF(Input!$D$20=3,K2558*Input!$C$20,0)+IF(Input!$D$21=3,L2558*Input!$C$21,0)+IF(Input!$D$22=3,M2558*Input!$C$22,0)</f>
        <v>0</v>
      </c>
      <c r="Q2558" s="75">
        <f>IF(Input!$D$19=4,J2558*Input!$C$19,0)+IF(Input!$D$20=4,K2558*Input!$C$20,0)+IF(Input!$D$21=4,L2558*Input!$C$21,0)+IF(Input!$D$22=4,M2558*Input!$C$22,0)</f>
        <v>0</v>
      </c>
      <c r="R2558" s="58">
        <v>65.215061490916028</v>
      </c>
      <c r="S2558" s="124">
        <f t="shared" si="39"/>
        <v>1.3771424155377687</v>
      </c>
    </row>
    <row r="2559" spans="8:19" x14ac:dyDescent="0.3">
      <c r="H2559" s="44">
        <v>2552</v>
      </c>
      <c r="I2559" s="56">
        <f>Bühler!I2585</f>
        <v>0.32876078885517029</v>
      </c>
      <c r="J2559" s="59">
        <f>Bühler!J2585</f>
        <v>1.0958692961839009</v>
      </c>
      <c r="K2559" s="59">
        <f>Bühler!K2585</f>
        <v>1.6438039442758514</v>
      </c>
      <c r="L2559" s="59">
        <f>Bühler!L2585</f>
        <v>7.8902589325240866</v>
      </c>
      <c r="M2559" s="58">
        <f>Bühler!M2585</f>
        <v>0</v>
      </c>
      <c r="N2559" s="56">
        <f>IF(Input!$D$19=1,J2559*Input!$C$19,0)+IF(Input!$D$20=1,K2559*Input!$C$20,0)+IF(Input!$D$21=1,L2559*Input!$C$21,0)+IF(Input!$D$22=1,M2559*Input!$C$22,0)</f>
        <v>0.32876078885517029</v>
      </c>
      <c r="O2559" s="59">
        <f>IF(Input!$D$19=2,J2559*Input!$C$19,0)+IF(Input!$D$20=2,K2559*Input!$C$20,0)+IF(Input!$D$21=2,L2559*Input!$C$21,0)+IF(Input!$D$22=2,M2559*Input!$C$22,0)</f>
        <v>0.82190197213792571</v>
      </c>
      <c r="P2559" s="59">
        <f>IF(Input!$D$19=3,J2559*Input!$C$19,0)+IF(Input!$D$20=3,K2559*Input!$C$20,0)+IF(Input!$D$21=3,L2559*Input!$C$21,0)+IF(Input!$D$22=3,M2559*Input!$C$22,0)</f>
        <v>0</v>
      </c>
      <c r="Q2559" s="75">
        <f>IF(Input!$D$19=4,J2559*Input!$C$19,0)+IF(Input!$D$20=4,K2559*Input!$C$20,0)+IF(Input!$D$21=4,L2559*Input!$C$21,0)+IF(Input!$D$22=4,M2559*Input!$C$22,0)</f>
        <v>0</v>
      </c>
      <c r="R2559" s="58">
        <v>66.744035848528426</v>
      </c>
      <c r="S2559" s="124">
        <f t="shared" si="39"/>
        <v>1.4246300850390712</v>
      </c>
    </row>
    <row r="2560" spans="8:19" x14ac:dyDescent="0.3">
      <c r="H2560" s="44">
        <v>2553</v>
      </c>
      <c r="I2560" s="56">
        <f>Bühler!I2586</f>
        <v>0.32876078885517029</v>
      </c>
      <c r="J2560" s="59">
        <f>Bühler!J2586</f>
        <v>1.0958692961839009</v>
      </c>
      <c r="K2560" s="59">
        <f>Bühler!K2586</f>
        <v>1.6438039442758514</v>
      </c>
      <c r="L2560" s="59">
        <f>Bühler!L2586</f>
        <v>7.8902589325240866</v>
      </c>
      <c r="M2560" s="58">
        <f>Bühler!M2586</f>
        <v>0</v>
      </c>
      <c r="N2560" s="56">
        <f>IF(Input!$D$19=1,J2560*Input!$C$19,0)+IF(Input!$D$20=1,K2560*Input!$C$20,0)+IF(Input!$D$21=1,L2560*Input!$C$21,0)+IF(Input!$D$22=1,M2560*Input!$C$22,0)</f>
        <v>0.32876078885517029</v>
      </c>
      <c r="O2560" s="59">
        <f>IF(Input!$D$19=2,J2560*Input!$C$19,0)+IF(Input!$D$20=2,K2560*Input!$C$20,0)+IF(Input!$D$21=2,L2560*Input!$C$21,0)+IF(Input!$D$22=2,M2560*Input!$C$22,0)</f>
        <v>0.82190197213792571</v>
      </c>
      <c r="P2560" s="59">
        <f>IF(Input!$D$19=3,J2560*Input!$C$19,0)+IF(Input!$D$20=3,K2560*Input!$C$20,0)+IF(Input!$D$21=3,L2560*Input!$C$21,0)+IF(Input!$D$22=3,M2560*Input!$C$22,0)</f>
        <v>0</v>
      </c>
      <c r="Q2560" s="75">
        <f>IF(Input!$D$19=4,J2560*Input!$C$19,0)+IF(Input!$D$20=4,K2560*Input!$C$20,0)+IF(Input!$D$21=4,L2560*Input!$C$21,0)+IF(Input!$D$22=4,M2560*Input!$C$22,0)</f>
        <v>0</v>
      </c>
      <c r="R2560" s="58">
        <v>67.481786604877882</v>
      </c>
      <c r="S2560" s="124">
        <f t="shared" si="39"/>
        <v>1.4246300850390712</v>
      </c>
    </row>
    <row r="2561" spans="8:19" x14ac:dyDescent="0.3">
      <c r="H2561" s="44">
        <v>2554</v>
      </c>
      <c r="I2561" s="56">
        <f>Bühler!I2587</f>
        <v>0.35615752125976774</v>
      </c>
      <c r="J2561" s="59">
        <f>Bühler!J2587</f>
        <v>1.1871917375325594</v>
      </c>
      <c r="K2561" s="59">
        <f>Bühler!K2587</f>
        <v>1.7807876062988388</v>
      </c>
      <c r="L2561" s="59">
        <f>Bühler!L2587</f>
        <v>8.5477805102344266</v>
      </c>
      <c r="M2561" s="58">
        <f>Bühler!M2587</f>
        <v>0</v>
      </c>
      <c r="N2561" s="56">
        <f>IF(Input!$D$19=1,J2561*Input!$C$19,0)+IF(Input!$D$20=1,K2561*Input!$C$20,0)+IF(Input!$D$21=1,L2561*Input!$C$21,0)+IF(Input!$D$22=1,M2561*Input!$C$22,0)</f>
        <v>0.3561575212597678</v>
      </c>
      <c r="O2561" s="59">
        <f>IF(Input!$D$19=2,J2561*Input!$C$19,0)+IF(Input!$D$20=2,K2561*Input!$C$20,0)+IF(Input!$D$21=2,L2561*Input!$C$21,0)+IF(Input!$D$22=2,M2561*Input!$C$22,0)</f>
        <v>0.8903938031494194</v>
      </c>
      <c r="P2561" s="59">
        <f>IF(Input!$D$19=3,J2561*Input!$C$19,0)+IF(Input!$D$20=3,K2561*Input!$C$20,0)+IF(Input!$D$21=3,L2561*Input!$C$21,0)+IF(Input!$D$22=3,M2561*Input!$C$22,0)</f>
        <v>0</v>
      </c>
      <c r="Q2561" s="75">
        <f>IF(Input!$D$19=4,J2561*Input!$C$19,0)+IF(Input!$D$20=4,K2561*Input!$C$20,0)+IF(Input!$D$21=4,L2561*Input!$C$21,0)+IF(Input!$D$22=4,M2561*Input!$C$22,0)</f>
        <v>0</v>
      </c>
      <c r="R2561" s="58">
        <v>67.912796766093763</v>
      </c>
      <c r="S2561" s="124">
        <f t="shared" si="39"/>
        <v>1.5433492587923272</v>
      </c>
    </row>
    <row r="2562" spans="8:19" x14ac:dyDescent="0.3">
      <c r="H2562" s="44">
        <v>2555</v>
      </c>
      <c r="I2562" s="56">
        <f>Bühler!I2588</f>
        <v>0.37259556070252625</v>
      </c>
      <c r="J2562" s="59">
        <f>Bühler!J2588</f>
        <v>1.2419852023417544</v>
      </c>
      <c r="K2562" s="59">
        <f>Bühler!K2588</f>
        <v>1.8629778035126312</v>
      </c>
      <c r="L2562" s="59">
        <f>Bühler!L2588</f>
        <v>8.9422934568606305</v>
      </c>
      <c r="M2562" s="58">
        <f>Bühler!M2588</f>
        <v>0</v>
      </c>
      <c r="N2562" s="56">
        <f>IF(Input!$D$19=1,J2562*Input!$C$19,0)+IF(Input!$D$20=1,K2562*Input!$C$20,0)+IF(Input!$D$21=1,L2562*Input!$C$21,0)+IF(Input!$D$22=1,M2562*Input!$C$22,0)</f>
        <v>0.37259556070252631</v>
      </c>
      <c r="O2562" s="59">
        <f>IF(Input!$D$19=2,J2562*Input!$C$19,0)+IF(Input!$D$20=2,K2562*Input!$C$20,0)+IF(Input!$D$21=2,L2562*Input!$C$21,0)+IF(Input!$D$22=2,M2562*Input!$C$22,0)</f>
        <v>0.9314889017563156</v>
      </c>
      <c r="P2562" s="59">
        <f>IF(Input!$D$19=3,J2562*Input!$C$19,0)+IF(Input!$D$20=3,K2562*Input!$C$20,0)+IF(Input!$D$21=3,L2562*Input!$C$21,0)+IF(Input!$D$22=3,M2562*Input!$C$22,0)</f>
        <v>0</v>
      </c>
      <c r="Q2562" s="75">
        <f>IF(Input!$D$19=4,J2562*Input!$C$19,0)+IF(Input!$D$20=4,K2562*Input!$C$20,0)+IF(Input!$D$21=4,L2562*Input!$C$21,0)+IF(Input!$D$22=4,M2562*Input!$C$22,0)</f>
        <v>0</v>
      </c>
      <c r="R2562" s="58">
        <v>68.849720417171113</v>
      </c>
      <c r="S2562" s="124">
        <f t="shared" si="39"/>
        <v>1.6145807630442806</v>
      </c>
    </row>
    <row r="2563" spans="8:19" x14ac:dyDescent="0.3">
      <c r="H2563" s="44">
        <v>2556</v>
      </c>
      <c r="I2563" s="56">
        <f>Bühler!I2589</f>
        <v>0.4383477184735603</v>
      </c>
      <c r="J2563" s="59">
        <f>Bühler!J2589</f>
        <v>1.4611590615785346</v>
      </c>
      <c r="K2563" s="59">
        <f>Bühler!K2589</f>
        <v>2.1917385923678014</v>
      </c>
      <c r="L2563" s="59">
        <f>Bühler!L2589</f>
        <v>10.520345243365448</v>
      </c>
      <c r="M2563" s="58">
        <f>Bühler!M2589</f>
        <v>0</v>
      </c>
      <c r="N2563" s="56">
        <f>IF(Input!$D$19=1,J2563*Input!$C$19,0)+IF(Input!$D$20=1,K2563*Input!$C$20,0)+IF(Input!$D$21=1,L2563*Input!$C$21,0)+IF(Input!$D$22=1,M2563*Input!$C$22,0)</f>
        <v>0.43834771847356035</v>
      </c>
      <c r="O2563" s="59">
        <f>IF(Input!$D$19=2,J2563*Input!$C$19,0)+IF(Input!$D$20=2,K2563*Input!$C$20,0)+IF(Input!$D$21=2,L2563*Input!$C$21,0)+IF(Input!$D$22=2,M2563*Input!$C$22,0)</f>
        <v>1.0958692961839007</v>
      </c>
      <c r="P2563" s="59">
        <f>IF(Input!$D$19=3,J2563*Input!$C$19,0)+IF(Input!$D$20=3,K2563*Input!$C$20,0)+IF(Input!$D$21=3,L2563*Input!$C$21,0)+IF(Input!$D$22=3,M2563*Input!$C$22,0)</f>
        <v>0</v>
      </c>
      <c r="Q2563" s="75">
        <f>IF(Input!$D$19=4,J2563*Input!$C$19,0)+IF(Input!$D$20=4,K2563*Input!$C$20,0)+IF(Input!$D$21=4,L2563*Input!$C$21,0)+IF(Input!$D$22=4,M2563*Input!$C$22,0)</f>
        <v>0</v>
      </c>
      <c r="R2563" s="58">
        <v>69.974380994571462</v>
      </c>
      <c r="S2563" s="124">
        <f t="shared" si="39"/>
        <v>1.8995067800520948</v>
      </c>
    </row>
    <row r="2564" spans="8:19" x14ac:dyDescent="0.3">
      <c r="H2564" s="44">
        <v>2557</v>
      </c>
      <c r="I2564" s="56">
        <f>Bühler!I2590</f>
        <v>0.4383477184735603</v>
      </c>
      <c r="J2564" s="59">
        <f>Bühler!J2590</f>
        <v>1.4611590615785346</v>
      </c>
      <c r="K2564" s="59">
        <f>Bühler!K2590</f>
        <v>2.1917385923678014</v>
      </c>
      <c r="L2564" s="59">
        <f>Bühler!L2590</f>
        <v>10.520345243365448</v>
      </c>
      <c r="M2564" s="58">
        <f>Bühler!M2590</f>
        <v>0</v>
      </c>
      <c r="N2564" s="56">
        <f>IF(Input!$D$19=1,J2564*Input!$C$19,0)+IF(Input!$D$20=1,K2564*Input!$C$20,0)+IF(Input!$D$21=1,L2564*Input!$C$21,0)+IF(Input!$D$22=1,M2564*Input!$C$22,0)</f>
        <v>0.43834771847356035</v>
      </c>
      <c r="O2564" s="59">
        <f>IF(Input!$D$19=2,J2564*Input!$C$19,0)+IF(Input!$D$20=2,K2564*Input!$C$20,0)+IF(Input!$D$21=2,L2564*Input!$C$21,0)+IF(Input!$D$22=2,M2564*Input!$C$22,0)</f>
        <v>1.0958692961839007</v>
      </c>
      <c r="P2564" s="59">
        <f>IF(Input!$D$19=3,J2564*Input!$C$19,0)+IF(Input!$D$20=3,K2564*Input!$C$20,0)+IF(Input!$D$21=3,L2564*Input!$C$21,0)+IF(Input!$D$22=3,M2564*Input!$C$22,0)</f>
        <v>0</v>
      </c>
      <c r="Q2564" s="75">
        <f>IF(Input!$D$19=4,J2564*Input!$C$19,0)+IF(Input!$D$20=4,K2564*Input!$C$20,0)+IF(Input!$D$21=4,L2564*Input!$C$21,0)+IF(Input!$D$22=4,M2564*Input!$C$22,0)</f>
        <v>0</v>
      </c>
      <c r="R2564" s="58">
        <v>69.266698240973824</v>
      </c>
      <c r="S2564" s="124">
        <f t="shared" si="39"/>
        <v>1.8995067800520948</v>
      </c>
    </row>
    <row r="2565" spans="8:19" x14ac:dyDescent="0.3">
      <c r="H2565" s="44">
        <v>2558</v>
      </c>
      <c r="I2565" s="56">
        <f>Bühler!I2591</f>
        <v>0.4383477184735603</v>
      </c>
      <c r="J2565" s="59">
        <f>Bühler!J2591</f>
        <v>1.4611590615785346</v>
      </c>
      <c r="K2565" s="59">
        <f>Bühler!K2591</f>
        <v>2.1917385923678014</v>
      </c>
      <c r="L2565" s="59">
        <f>Bühler!L2591</f>
        <v>10.520345243365448</v>
      </c>
      <c r="M2565" s="58">
        <f>Bühler!M2591</f>
        <v>0</v>
      </c>
      <c r="N2565" s="56">
        <f>IF(Input!$D$19=1,J2565*Input!$C$19,0)+IF(Input!$D$20=1,K2565*Input!$C$20,0)+IF(Input!$D$21=1,L2565*Input!$C$21,0)+IF(Input!$D$22=1,M2565*Input!$C$22,0)</f>
        <v>0.43834771847356035</v>
      </c>
      <c r="O2565" s="59">
        <f>IF(Input!$D$19=2,J2565*Input!$C$19,0)+IF(Input!$D$20=2,K2565*Input!$C$20,0)+IF(Input!$D$21=2,L2565*Input!$C$21,0)+IF(Input!$D$22=2,M2565*Input!$C$22,0)</f>
        <v>1.0958692961839007</v>
      </c>
      <c r="P2565" s="59">
        <f>IF(Input!$D$19=3,J2565*Input!$C$19,0)+IF(Input!$D$20=3,K2565*Input!$C$20,0)+IF(Input!$D$21=3,L2565*Input!$C$21,0)+IF(Input!$D$22=3,M2565*Input!$C$22,0)</f>
        <v>0</v>
      </c>
      <c r="Q2565" s="75">
        <f>IF(Input!$D$19=4,J2565*Input!$C$19,0)+IF(Input!$D$20=4,K2565*Input!$C$20,0)+IF(Input!$D$21=4,L2565*Input!$C$21,0)+IF(Input!$D$22=4,M2565*Input!$C$22,0)</f>
        <v>0</v>
      </c>
      <c r="R2565" s="58">
        <v>68.451176195494327</v>
      </c>
      <c r="S2565" s="124">
        <f t="shared" si="39"/>
        <v>1.8995067800520948</v>
      </c>
    </row>
    <row r="2566" spans="8:19" x14ac:dyDescent="0.3">
      <c r="H2566" s="44">
        <v>2559</v>
      </c>
      <c r="I2566" s="56">
        <f>Bühler!I2592</f>
        <v>0.4383477184735603</v>
      </c>
      <c r="J2566" s="59">
        <f>Bühler!J2592</f>
        <v>1.4611590615785346</v>
      </c>
      <c r="K2566" s="59">
        <f>Bühler!K2592</f>
        <v>2.1917385923678014</v>
      </c>
      <c r="L2566" s="59">
        <f>Bühler!L2592</f>
        <v>10.520345243365448</v>
      </c>
      <c r="M2566" s="58">
        <f>Bühler!M2592</f>
        <v>0</v>
      </c>
      <c r="N2566" s="56">
        <f>IF(Input!$D$19=1,J2566*Input!$C$19,0)+IF(Input!$D$20=1,K2566*Input!$C$20,0)+IF(Input!$D$21=1,L2566*Input!$C$21,0)+IF(Input!$D$22=1,M2566*Input!$C$22,0)</f>
        <v>0.43834771847356035</v>
      </c>
      <c r="O2566" s="59">
        <f>IF(Input!$D$19=2,J2566*Input!$C$19,0)+IF(Input!$D$20=2,K2566*Input!$C$20,0)+IF(Input!$D$21=2,L2566*Input!$C$21,0)+IF(Input!$D$22=2,M2566*Input!$C$22,0)</f>
        <v>1.0958692961839007</v>
      </c>
      <c r="P2566" s="59">
        <f>IF(Input!$D$19=3,J2566*Input!$C$19,0)+IF(Input!$D$20=3,K2566*Input!$C$20,0)+IF(Input!$D$21=3,L2566*Input!$C$21,0)+IF(Input!$D$22=3,M2566*Input!$C$22,0)</f>
        <v>0</v>
      </c>
      <c r="Q2566" s="75">
        <f>IF(Input!$D$19=4,J2566*Input!$C$19,0)+IF(Input!$D$20=4,K2566*Input!$C$20,0)+IF(Input!$D$21=4,L2566*Input!$C$21,0)+IF(Input!$D$22=4,M2566*Input!$C$22,0)</f>
        <v>0</v>
      </c>
      <c r="R2566" s="58">
        <v>68.705970679339373</v>
      </c>
      <c r="S2566" s="124">
        <f t="shared" si="39"/>
        <v>1.8995067800520948</v>
      </c>
    </row>
    <row r="2567" spans="8:19" x14ac:dyDescent="0.3">
      <c r="H2567" s="44">
        <v>2560</v>
      </c>
      <c r="I2567" s="56">
        <f>Bühler!I2593</f>
        <v>0.4383477184735603</v>
      </c>
      <c r="J2567" s="59">
        <f>Bühler!J2593</f>
        <v>1.4611590615785346</v>
      </c>
      <c r="K2567" s="59">
        <f>Bühler!K2593</f>
        <v>2.1917385923678014</v>
      </c>
      <c r="L2567" s="59">
        <f>Bühler!L2593</f>
        <v>10.520345243365448</v>
      </c>
      <c r="M2567" s="58">
        <f>Bühler!M2593</f>
        <v>0</v>
      </c>
      <c r="N2567" s="56">
        <f>IF(Input!$D$19=1,J2567*Input!$C$19,0)+IF(Input!$D$20=1,K2567*Input!$C$20,0)+IF(Input!$D$21=1,L2567*Input!$C$21,0)+IF(Input!$D$22=1,M2567*Input!$C$22,0)</f>
        <v>0.43834771847356035</v>
      </c>
      <c r="O2567" s="59">
        <f>IF(Input!$D$19=2,J2567*Input!$C$19,0)+IF(Input!$D$20=2,K2567*Input!$C$20,0)+IF(Input!$D$21=2,L2567*Input!$C$21,0)+IF(Input!$D$22=2,M2567*Input!$C$22,0)</f>
        <v>1.0958692961839007</v>
      </c>
      <c r="P2567" s="59">
        <f>IF(Input!$D$19=3,J2567*Input!$C$19,0)+IF(Input!$D$20=3,K2567*Input!$C$20,0)+IF(Input!$D$21=3,L2567*Input!$C$21,0)+IF(Input!$D$22=3,M2567*Input!$C$22,0)</f>
        <v>0</v>
      </c>
      <c r="Q2567" s="75">
        <f>IF(Input!$D$19=4,J2567*Input!$C$19,0)+IF(Input!$D$20=4,K2567*Input!$C$20,0)+IF(Input!$D$21=4,L2567*Input!$C$21,0)+IF(Input!$D$22=4,M2567*Input!$C$22,0)</f>
        <v>0</v>
      </c>
      <c r="R2567" s="58">
        <v>68.179871178019326</v>
      </c>
      <c r="S2567" s="124">
        <f t="shared" si="39"/>
        <v>1.8995067800520948</v>
      </c>
    </row>
    <row r="2568" spans="8:19" x14ac:dyDescent="0.3">
      <c r="H2568" s="44">
        <v>2561</v>
      </c>
      <c r="I2568" s="56">
        <f>Bühler!I2594</f>
        <v>0.4383477184735603</v>
      </c>
      <c r="J2568" s="59">
        <f>Bühler!J2594</f>
        <v>1.4611590615785346</v>
      </c>
      <c r="K2568" s="59">
        <f>Bühler!K2594</f>
        <v>2.1917385923678014</v>
      </c>
      <c r="L2568" s="59">
        <f>Bühler!L2594</f>
        <v>10.520345243365448</v>
      </c>
      <c r="M2568" s="58">
        <f>Bühler!M2594</f>
        <v>0</v>
      </c>
      <c r="N2568" s="56">
        <f>IF(Input!$D$19=1,J2568*Input!$C$19,0)+IF(Input!$D$20=1,K2568*Input!$C$20,0)+IF(Input!$D$21=1,L2568*Input!$C$21,0)+IF(Input!$D$22=1,M2568*Input!$C$22,0)</f>
        <v>0.43834771847356035</v>
      </c>
      <c r="O2568" s="59">
        <f>IF(Input!$D$19=2,J2568*Input!$C$19,0)+IF(Input!$D$20=2,K2568*Input!$C$20,0)+IF(Input!$D$21=2,L2568*Input!$C$21,0)+IF(Input!$D$22=2,M2568*Input!$C$22,0)</f>
        <v>1.0958692961839007</v>
      </c>
      <c r="P2568" s="59">
        <f>IF(Input!$D$19=3,J2568*Input!$C$19,0)+IF(Input!$D$20=3,K2568*Input!$C$20,0)+IF(Input!$D$21=3,L2568*Input!$C$21,0)+IF(Input!$D$22=3,M2568*Input!$C$22,0)</f>
        <v>0</v>
      </c>
      <c r="Q2568" s="75">
        <f>IF(Input!$D$19=4,J2568*Input!$C$19,0)+IF(Input!$D$20=4,K2568*Input!$C$20,0)+IF(Input!$D$21=4,L2568*Input!$C$21,0)+IF(Input!$D$22=4,M2568*Input!$C$22,0)</f>
        <v>0</v>
      </c>
      <c r="R2568" s="58">
        <v>67.135914163691268</v>
      </c>
      <c r="S2568" s="124">
        <f t="shared" si="39"/>
        <v>1.8995067800520948</v>
      </c>
    </row>
    <row r="2569" spans="8:19" x14ac:dyDescent="0.3">
      <c r="H2569" s="44">
        <v>2562</v>
      </c>
      <c r="I2569" s="56">
        <f>Bühler!I2595</f>
        <v>0.4383477184735603</v>
      </c>
      <c r="J2569" s="59">
        <f>Bühler!J2595</f>
        <v>1.4611590615785346</v>
      </c>
      <c r="K2569" s="59">
        <f>Bühler!K2595</f>
        <v>2.1917385923678014</v>
      </c>
      <c r="L2569" s="59">
        <f>Bühler!L2595</f>
        <v>10.520345243365448</v>
      </c>
      <c r="M2569" s="58">
        <f>Bühler!M2595</f>
        <v>0</v>
      </c>
      <c r="N2569" s="56">
        <f>IF(Input!$D$19=1,J2569*Input!$C$19,0)+IF(Input!$D$20=1,K2569*Input!$C$20,0)+IF(Input!$D$21=1,L2569*Input!$C$21,0)+IF(Input!$D$22=1,M2569*Input!$C$22,0)</f>
        <v>0.43834771847356035</v>
      </c>
      <c r="O2569" s="59">
        <f>IF(Input!$D$19=2,J2569*Input!$C$19,0)+IF(Input!$D$20=2,K2569*Input!$C$20,0)+IF(Input!$D$21=2,L2569*Input!$C$21,0)+IF(Input!$D$22=2,M2569*Input!$C$22,0)</f>
        <v>1.0958692961839007</v>
      </c>
      <c r="P2569" s="59">
        <f>IF(Input!$D$19=3,J2569*Input!$C$19,0)+IF(Input!$D$20=3,K2569*Input!$C$20,0)+IF(Input!$D$21=3,L2569*Input!$C$21,0)+IF(Input!$D$22=3,M2569*Input!$C$22,0)</f>
        <v>0</v>
      </c>
      <c r="Q2569" s="75">
        <f>IF(Input!$D$19=4,J2569*Input!$C$19,0)+IF(Input!$D$20=4,K2569*Input!$C$20,0)+IF(Input!$D$21=4,L2569*Input!$C$21,0)+IF(Input!$D$22=4,M2569*Input!$C$22,0)</f>
        <v>0</v>
      </c>
      <c r="R2569" s="58">
        <v>65.354637051932102</v>
      </c>
      <c r="S2569" s="124">
        <f t="shared" ref="S2569:S2632" si="40">I2569+J2569</f>
        <v>1.8995067800520948</v>
      </c>
    </row>
    <row r="2570" spans="8:19" x14ac:dyDescent="0.3">
      <c r="H2570" s="44">
        <v>2563</v>
      </c>
      <c r="I2570" s="56">
        <f>Bühler!I2596</f>
        <v>0.4383477184735603</v>
      </c>
      <c r="J2570" s="59">
        <f>Bühler!J2596</f>
        <v>1.4611590615785346</v>
      </c>
      <c r="K2570" s="59">
        <f>Bühler!K2596</f>
        <v>2.1917385923678014</v>
      </c>
      <c r="L2570" s="59">
        <f>Bühler!L2596</f>
        <v>10.520345243365448</v>
      </c>
      <c r="M2570" s="58">
        <f>Bühler!M2596</f>
        <v>0</v>
      </c>
      <c r="N2570" s="56">
        <f>IF(Input!$D$19=1,J2570*Input!$C$19,0)+IF(Input!$D$20=1,K2570*Input!$C$20,0)+IF(Input!$D$21=1,L2570*Input!$C$21,0)+IF(Input!$D$22=1,M2570*Input!$C$22,0)</f>
        <v>0.43834771847356035</v>
      </c>
      <c r="O2570" s="59">
        <f>IF(Input!$D$19=2,J2570*Input!$C$19,0)+IF(Input!$D$20=2,K2570*Input!$C$20,0)+IF(Input!$D$21=2,L2570*Input!$C$21,0)+IF(Input!$D$22=2,M2570*Input!$C$22,0)</f>
        <v>1.0958692961839007</v>
      </c>
      <c r="P2570" s="59">
        <f>IF(Input!$D$19=3,J2570*Input!$C$19,0)+IF(Input!$D$20=3,K2570*Input!$C$20,0)+IF(Input!$D$21=3,L2570*Input!$C$21,0)+IF(Input!$D$22=3,M2570*Input!$C$22,0)</f>
        <v>0</v>
      </c>
      <c r="Q2570" s="75">
        <f>IF(Input!$D$19=4,J2570*Input!$C$19,0)+IF(Input!$D$20=4,K2570*Input!$C$20,0)+IF(Input!$D$21=4,L2570*Input!$C$21,0)+IF(Input!$D$22=4,M2570*Input!$C$22,0)</f>
        <v>0</v>
      </c>
      <c r="R2570" s="58">
        <v>64.130145257482909</v>
      </c>
      <c r="S2570" s="124">
        <f t="shared" si="40"/>
        <v>1.8995067800520948</v>
      </c>
    </row>
    <row r="2571" spans="8:19" x14ac:dyDescent="0.3">
      <c r="H2571" s="44">
        <v>2564</v>
      </c>
      <c r="I2571" s="56">
        <f>Bühler!I2597</f>
        <v>0.36711621422160678</v>
      </c>
      <c r="J2571" s="59">
        <f>Bühler!J2597</f>
        <v>1.2237207140720228</v>
      </c>
      <c r="K2571" s="59">
        <f>Bühler!K2597</f>
        <v>1.8355810711080338</v>
      </c>
      <c r="L2571" s="59">
        <f>Bühler!L2597</f>
        <v>8.8107891413185619</v>
      </c>
      <c r="M2571" s="58">
        <f>Bühler!M2597</f>
        <v>0</v>
      </c>
      <c r="N2571" s="56">
        <f>IF(Input!$D$19=1,J2571*Input!$C$19,0)+IF(Input!$D$20=1,K2571*Input!$C$20,0)+IF(Input!$D$21=1,L2571*Input!$C$21,0)+IF(Input!$D$22=1,M2571*Input!$C$22,0)</f>
        <v>0.36711621422160684</v>
      </c>
      <c r="O2571" s="59">
        <f>IF(Input!$D$19=2,J2571*Input!$C$19,0)+IF(Input!$D$20=2,K2571*Input!$C$20,0)+IF(Input!$D$21=2,L2571*Input!$C$21,0)+IF(Input!$D$22=2,M2571*Input!$C$22,0)</f>
        <v>0.91779053555401691</v>
      </c>
      <c r="P2571" s="59">
        <f>IF(Input!$D$19=3,J2571*Input!$C$19,0)+IF(Input!$D$20=3,K2571*Input!$C$20,0)+IF(Input!$D$21=3,L2571*Input!$C$21,0)+IF(Input!$D$22=3,M2571*Input!$C$22,0)</f>
        <v>0</v>
      </c>
      <c r="Q2571" s="75">
        <f>IF(Input!$D$19=4,J2571*Input!$C$19,0)+IF(Input!$D$20=4,K2571*Input!$C$20,0)+IF(Input!$D$21=4,L2571*Input!$C$21,0)+IF(Input!$D$22=4,M2571*Input!$C$22,0)</f>
        <v>0</v>
      </c>
      <c r="R2571" s="58">
        <v>62.431238484534077</v>
      </c>
      <c r="S2571" s="124">
        <f t="shared" si="40"/>
        <v>1.5908369282936294</v>
      </c>
    </row>
    <row r="2572" spans="8:19" x14ac:dyDescent="0.3">
      <c r="H2572" s="44">
        <v>2565</v>
      </c>
      <c r="I2572" s="56">
        <f>Bühler!I2598</f>
        <v>0.30136405645057268</v>
      </c>
      <c r="J2572" s="59">
        <f>Bühler!J2598</f>
        <v>1.0045468548352423</v>
      </c>
      <c r="K2572" s="59">
        <f>Bühler!K2598</f>
        <v>1.5068202822528634</v>
      </c>
      <c r="L2572" s="59">
        <f>Bühler!L2598</f>
        <v>7.2327373548137439</v>
      </c>
      <c r="M2572" s="58">
        <f>Bühler!M2598</f>
        <v>0</v>
      </c>
      <c r="N2572" s="56">
        <f>IF(Input!$D$19=1,J2572*Input!$C$19,0)+IF(Input!$D$20=1,K2572*Input!$C$20,0)+IF(Input!$D$21=1,L2572*Input!$C$21,0)+IF(Input!$D$22=1,M2572*Input!$C$22,0)</f>
        <v>0.30136405645057268</v>
      </c>
      <c r="O2572" s="59">
        <f>IF(Input!$D$19=2,J2572*Input!$C$19,0)+IF(Input!$D$20=2,K2572*Input!$C$20,0)+IF(Input!$D$21=2,L2572*Input!$C$21,0)+IF(Input!$D$22=2,M2572*Input!$C$22,0)</f>
        <v>0.75341014112643168</v>
      </c>
      <c r="P2572" s="59">
        <f>IF(Input!$D$19=3,J2572*Input!$C$19,0)+IF(Input!$D$20=3,K2572*Input!$C$20,0)+IF(Input!$D$21=3,L2572*Input!$C$21,0)+IF(Input!$D$22=3,M2572*Input!$C$22,0)</f>
        <v>0</v>
      </c>
      <c r="Q2572" s="75">
        <f>IF(Input!$D$19=4,J2572*Input!$C$19,0)+IF(Input!$D$20=4,K2572*Input!$C$20,0)+IF(Input!$D$21=4,L2572*Input!$C$21,0)+IF(Input!$D$22=4,M2572*Input!$C$22,0)</f>
        <v>0</v>
      </c>
      <c r="R2572" s="58">
        <v>60.547714743095291</v>
      </c>
      <c r="S2572" s="124">
        <f t="shared" si="40"/>
        <v>1.3059109112858149</v>
      </c>
    </row>
    <row r="2573" spans="8:19" x14ac:dyDescent="0.3">
      <c r="H2573" s="44">
        <v>2566</v>
      </c>
      <c r="I2573" s="56">
        <f>Bühler!I2599</f>
        <v>0.21917385923678015</v>
      </c>
      <c r="J2573" s="59">
        <f>Bühler!J2599</f>
        <v>0.7305795307892673</v>
      </c>
      <c r="K2573" s="59">
        <f>Bühler!K2599</f>
        <v>1.0958692961839007</v>
      </c>
      <c r="L2573" s="59">
        <f>Bühler!L2599</f>
        <v>5.2601726216827238</v>
      </c>
      <c r="M2573" s="58">
        <f>Bühler!M2599</f>
        <v>0</v>
      </c>
      <c r="N2573" s="56">
        <f>IF(Input!$D$19=1,J2573*Input!$C$19,0)+IF(Input!$D$20=1,K2573*Input!$C$20,0)+IF(Input!$D$21=1,L2573*Input!$C$21,0)+IF(Input!$D$22=1,M2573*Input!$C$22,0)</f>
        <v>0.21917385923678018</v>
      </c>
      <c r="O2573" s="59">
        <f>IF(Input!$D$19=2,J2573*Input!$C$19,0)+IF(Input!$D$20=2,K2573*Input!$C$20,0)+IF(Input!$D$21=2,L2573*Input!$C$21,0)+IF(Input!$D$22=2,M2573*Input!$C$22,0)</f>
        <v>0.54793464809195036</v>
      </c>
      <c r="P2573" s="59">
        <f>IF(Input!$D$19=3,J2573*Input!$C$19,0)+IF(Input!$D$20=3,K2573*Input!$C$20,0)+IF(Input!$D$21=3,L2573*Input!$C$21,0)+IF(Input!$D$22=3,M2573*Input!$C$22,0)</f>
        <v>0</v>
      </c>
      <c r="Q2573" s="75">
        <f>IF(Input!$D$19=4,J2573*Input!$C$19,0)+IF(Input!$D$20=4,K2573*Input!$C$20,0)+IF(Input!$D$21=4,L2573*Input!$C$21,0)+IF(Input!$D$22=4,M2573*Input!$C$22,0)</f>
        <v>0</v>
      </c>
      <c r="R2573" s="58">
        <v>59.028759104166909</v>
      </c>
      <c r="S2573" s="124">
        <f t="shared" si="40"/>
        <v>0.94975339002604742</v>
      </c>
    </row>
    <row r="2574" spans="8:19" x14ac:dyDescent="0.3">
      <c r="H2574" s="44">
        <v>2567</v>
      </c>
      <c r="I2574" s="56">
        <f>Bühler!I2600</f>
        <v>0.21917385923678015</v>
      </c>
      <c r="J2574" s="59">
        <f>Bühler!J2600</f>
        <v>0.7305795307892673</v>
      </c>
      <c r="K2574" s="59">
        <f>Bühler!K2600</f>
        <v>1.0958692961839007</v>
      </c>
      <c r="L2574" s="59">
        <f>Bühler!L2600</f>
        <v>5.2601726216827238</v>
      </c>
      <c r="M2574" s="58">
        <f>Bühler!M2600</f>
        <v>0</v>
      </c>
      <c r="N2574" s="56">
        <f>IF(Input!$D$19=1,J2574*Input!$C$19,0)+IF(Input!$D$20=1,K2574*Input!$C$20,0)+IF(Input!$D$21=1,L2574*Input!$C$21,0)+IF(Input!$D$22=1,M2574*Input!$C$22,0)</f>
        <v>0.21917385923678018</v>
      </c>
      <c r="O2574" s="59">
        <f>IF(Input!$D$19=2,J2574*Input!$C$19,0)+IF(Input!$D$20=2,K2574*Input!$C$20,0)+IF(Input!$D$21=2,L2574*Input!$C$21,0)+IF(Input!$D$22=2,M2574*Input!$C$22,0)</f>
        <v>0.54793464809195036</v>
      </c>
      <c r="P2574" s="59">
        <f>IF(Input!$D$19=3,J2574*Input!$C$19,0)+IF(Input!$D$20=3,K2574*Input!$C$20,0)+IF(Input!$D$21=3,L2574*Input!$C$21,0)+IF(Input!$D$22=3,M2574*Input!$C$22,0)</f>
        <v>0</v>
      </c>
      <c r="Q2574" s="75">
        <f>IF(Input!$D$19=4,J2574*Input!$C$19,0)+IF(Input!$D$20=4,K2574*Input!$C$20,0)+IF(Input!$D$21=4,L2574*Input!$C$21,0)+IF(Input!$D$22=4,M2574*Input!$C$22,0)</f>
        <v>0</v>
      </c>
      <c r="R2574" s="58">
        <v>58.072982921062625</v>
      </c>
      <c r="S2574" s="124">
        <f t="shared" si="40"/>
        <v>0.94975339002604742</v>
      </c>
    </row>
    <row r="2575" spans="8:19" x14ac:dyDescent="0.3">
      <c r="H2575" s="44">
        <v>2568</v>
      </c>
      <c r="I2575" s="56">
        <f>Bühler!I2601</f>
        <v>0.21917385923678015</v>
      </c>
      <c r="J2575" s="59">
        <f>Bühler!J2601</f>
        <v>0.7305795307892673</v>
      </c>
      <c r="K2575" s="59">
        <f>Bühler!K2601</f>
        <v>1.0958692961839007</v>
      </c>
      <c r="L2575" s="59">
        <f>Bühler!L2601</f>
        <v>5.2601726216827238</v>
      </c>
      <c r="M2575" s="58">
        <f>Bühler!M2601</f>
        <v>0</v>
      </c>
      <c r="N2575" s="56">
        <f>IF(Input!$D$19=1,J2575*Input!$C$19,0)+IF(Input!$D$20=1,K2575*Input!$C$20,0)+IF(Input!$D$21=1,L2575*Input!$C$21,0)+IF(Input!$D$22=1,M2575*Input!$C$22,0)</f>
        <v>0.21917385923678018</v>
      </c>
      <c r="O2575" s="59">
        <f>IF(Input!$D$19=2,J2575*Input!$C$19,0)+IF(Input!$D$20=2,K2575*Input!$C$20,0)+IF(Input!$D$21=2,L2575*Input!$C$21,0)+IF(Input!$D$22=2,M2575*Input!$C$22,0)</f>
        <v>0.54793464809195036</v>
      </c>
      <c r="P2575" s="59">
        <f>IF(Input!$D$19=3,J2575*Input!$C$19,0)+IF(Input!$D$20=3,K2575*Input!$C$20,0)+IF(Input!$D$21=3,L2575*Input!$C$21,0)+IF(Input!$D$22=3,M2575*Input!$C$22,0)</f>
        <v>0</v>
      </c>
      <c r="Q2575" s="75">
        <f>IF(Input!$D$19=4,J2575*Input!$C$19,0)+IF(Input!$D$20=4,K2575*Input!$C$20,0)+IF(Input!$D$21=4,L2575*Input!$C$21,0)+IF(Input!$D$22=4,M2575*Input!$C$22,0)</f>
        <v>0</v>
      </c>
      <c r="R2575" s="58">
        <v>57.578010996028382</v>
      </c>
      <c r="S2575" s="124">
        <f t="shared" si="40"/>
        <v>0.94975339002604742</v>
      </c>
    </row>
    <row r="2576" spans="8:19" x14ac:dyDescent="0.3">
      <c r="H2576" s="44">
        <v>2569</v>
      </c>
      <c r="I2576" s="56">
        <f>Bühler!I2602</f>
        <v>0.19341167647655691</v>
      </c>
      <c r="J2576" s="59">
        <f>Bühler!J2602</f>
        <v>0.64470558825518975</v>
      </c>
      <c r="K2576" s="59">
        <f>Bühler!K2602</f>
        <v>0.96705838238278452</v>
      </c>
      <c r="L2576" s="59">
        <f>Bühler!L2602</f>
        <v>4.6418802354373661</v>
      </c>
      <c r="M2576" s="58">
        <f>Bühler!M2602</f>
        <v>0</v>
      </c>
      <c r="N2576" s="56">
        <f>IF(Input!$D$19=1,J2576*Input!$C$19,0)+IF(Input!$D$20=1,K2576*Input!$C$20,0)+IF(Input!$D$21=1,L2576*Input!$C$21,0)+IF(Input!$D$22=1,M2576*Input!$C$22,0)</f>
        <v>0.19341167647655691</v>
      </c>
      <c r="O2576" s="59">
        <f>IF(Input!$D$19=2,J2576*Input!$C$19,0)+IF(Input!$D$20=2,K2576*Input!$C$20,0)+IF(Input!$D$21=2,L2576*Input!$C$21,0)+IF(Input!$D$22=2,M2576*Input!$C$22,0)</f>
        <v>0.48352919119139226</v>
      </c>
      <c r="P2576" s="59">
        <f>IF(Input!$D$19=3,J2576*Input!$C$19,0)+IF(Input!$D$20=3,K2576*Input!$C$20,0)+IF(Input!$D$21=3,L2576*Input!$C$21,0)+IF(Input!$D$22=3,M2576*Input!$C$22,0)</f>
        <v>0</v>
      </c>
      <c r="Q2576" s="75">
        <f>IF(Input!$D$19=4,J2576*Input!$C$19,0)+IF(Input!$D$20=4,K2576*Input!$C$20,0)+IF(Input!$D$21=4,L2576*Input!$C$21,0)+IF(Input!$D$22=4,M2576*Input!$C$22,0)</f>
        <v>0</v>
      </c>
      <c r="R2576" s="58">
        <v>57.311063445781741</v>
      </c>
      <c r="S2576" s="124">
        <f t="shared" si="40"/>
        <v>0.83811726473174664</v>
      </c>
    </row>
    <row r="2577" spans="8:19" x14ac:dyDescent="0.3">
      <c r="H2577" s="44">
        <v>2570</v>
      </c>
      <c r="I2577" s="56">
        <f>Bühler!I2603</f>
        <v>0.21758813603612651</v>
      </c>
      <c r="J2577" s="59">
        <f>Bühler!J2603</f>
        <v>0.72529378678708845</v>
      </c>
      <c r="K2577" s="59">
        <f>Bühler!K2603</f>
        <v>1.0879406801806326</v>
      </c>
      <c r="L2577" s="59">
        <f>Bühler!L2603</f>
        <v>5.2221152648670364</v>
      </c>
      <c r="M2577" s="58">
        <f>Bühler!M2603</f>
        <v>0</v>
      </c>
      <c r="N2577" s="56">
        <f>IF(Input!$D$19=1,J2577*Input!$C$19,0)+IF(Input!$D$20=1,K2577*Input!$C$20,0)+IF(Input!$D$21=1,L2577*Input!$C$21,0)+IF(Input!$D$22=1,M2577*Input!$C$22,0)</f>
        <v>0.21758813603612653</v>
      </c>
      <c r="O2577" s="59">
        <f>IF(Input!$D$19=2,J2577*Input!$C$19,0)+IF(Input!$D$20=2,K2577*Input!$C$20,0)+IF(Input!$D$21=2,L2577*Input!$C$21,0)+IF(Input!$D$22=2,M2577*Input!$C$22,0)</f>
        <v>0.54397034009031631</v>
      </c>
      <c r="P2577" s="59">
        <f>IF(Input!$D$19=3,J2577*Input!$C$19,0)+IF(Input!$D$20=3,K2577*Input!$C$20,0)+IF(Input!$D$21=3,L2577*Input!$C$21,0)+IF(Input!$D$22=3,M2577*Input!$C$22,0)</f>
        <v>0</v>
      </c>
      <c r="Q2577" s="75">
        <f>IF(Input!$D$19=4,J2577*Input!$C$19,0)+IF(Input!$D$20=4,K2577*Input!$C$20,0)+IF(Input!$D$21=4,L2577*Input!$C$21,0)+IF(Input!$D$22=4,M2577*Input!$C$22,0)</f>
        <v>0</v>
      </c>
      <c r="R2577" s="58">
        <v>56.427369899955202</v>
      </c>
      <c r="S2577" s="124">
        <f t="shared" si="40"/>
        <v>0.94288192282321492</v>
      </c>
    </row>
    <row r="2578" spans="8:19" x14ac:dyDescent="0.3">
      <c r="H2578" s="44">
        <v>2571</v>
      </c>
      <c r="I2578" s="56">
        <f>Bühler!I2604</f>
        <v>0.21758813603612651</v>
      </c>
      <c r="J2578" s="59">
        <f>Bühler!J2604</f>
        <v>0.72529378678708845</v>
      </c>
      <c r="K2578" s="59">
        <f>Bühler!K2604</f>
        <v>1.0879406801806326</v>
      </c>
      <c r="L2578" s="59">
        <f>Bühler!L2604</f>
        <v>5.2221152648670364</v>
      </c>
      <c r="M2578" s="58">
        <f>Bühler!M2604</f>
        <v>0</v>
      </c>
      <c r="N2578" s="56">
        <f>IF(Input!$D$19=1,J2578*Input!$C$19,0)+IF(Input!$D$20=1,K2578*Input!$C$20,0)+IF(Input!$D$21=1,L2578*Input!$C$21,0)+IF(Input!$D$22=1,M2578*Input!$C$22,0)</f>
        <v>0.21758813603612653</v>
      </c>
      <c r="O2578" s="59">
        <f>IF(Input!$D$19=2,J2578*Input!$C$19,0)+IF(Input!$D$20=2,K2578*Input!$C$20,0)+IF(Input!$D$21=2,L2578*Input!$C$21,0)+IF(Input!$D$22=2,M2578*Input!$C$22,0)</f>
        <v>0.54397034009031631</v>
      </c>
      <c r="P2578" s="59">
        <f>IF(Input!$D$19=3,J2578*Input!$C$19,0)+IF(Input!$D$20=3,K2578*Input!$C$20,0)+IF(Input!$D$21=3,L2578*Input!$C$21,0)+IF(Input!$D$22=3,M2578*Input!$C$22,0)</f>
        <v>0</v>
      </c>
      <c r="Q2578" s="75">
        <f>IF(Input!$D$19=4,J2578*Input!$C$19,0)+IF(Input!$D$20=4,K2578*Input!$C$20,0)+IF(Input!$D$21=4,L2578*Input!$C$21,0)+IF(Input!$D$22=4,M2578*Input!$C$22,0)</f>
        <v>0</v>
      </c>
      <c r="R2578" s="58">
        <v>56.468651588581452</v>
      </c>
      <c r="S2578" s="124">
        <f t="shared" si="40"/>
        <v>0.94288192282321492</v>
      </c>
    </row>
    <row r="2579" spans="8:19" x14ac:dyDescent="0.3">
      <c r="H2579" s="44">
        <v>2572</v>
      </c>
      <c r="I2579" s="56">
        <f>Bühler!I2605</f>
        <v>0.21758813603612651</v>
      </c>
      <c r="J2579" s="59">
        <f>Bühler!J2605</f>
        <v>0.72529378678708845</v>
      </c>
      <c r="K2579" s="59">
        <f>Bühler!K2605</f>
        <v>1.0879406801806326</v>
      </c>
      <c r="L2579" s="59">
        <f>Bühler!L2605</f>
        <v>5.2221152648670364</v>
      </c>
      <c r="M2579" s="58">
        <f>Bühler!M2605</f>
        <v>0</v>
      </c>
      <c r="N2579" s="56">
        <f>IF(Input!$D$19=1,J2579*Input!$C$19,0)+IF(Input!$D$20=1,K2579*Input!$C$20,0)+IF(Input!$D$21=1,L2579*Input!$C$21,0)+IF(Input!$D$22=1,M2579*Input!$C$22,0)</f>
        <v>0.21758813603612653</v>
      </c>
      <c r="O2579" s="59">
        <f>IF(Input!$D$19=2,J2579*Input!$C$19,0)+IF(Input!$D$20=2,K2579*Input!$C$20,0)+IF(Input!$D$21=2,L2579*Input!$C$21,0)+IF(Input!$D$22=2,M2579*Input!$C$22,0)</f>
        <v>0.54397034009031631</v>
      </c>
      <c r="P2579" s="59">
        <f>IF(Input!$D$19=3,J2579*Input!$C$19,0)+IF(Input!$D$20=3,K2579*Input!$C$20,0)+IF(Input!$D$21=3,L2579*Input!$C$21,0)+IF(Input!$D$22=3,M2579*Input!$C$22,0)</f>
        <v>0</v>
      </c>
      <c r="Q2579" s="75">
        <f>IF(Input!$D$19=4,J2579*Input!$C$19,0)+IF(Input!$D$20=4,K2579*Input!$C$20,0)+IF(Input!$D$21=4,L2579*Input!$C$21,0)+IF(Input!$D$22=4,M2579*Input!$C$22,0)</f>
        <v>0</v>
      </c>
      <c r="R2579" s="58">
        <v>57.24820413113595</v>
      </c>
      <c r="S2579" s="124">
        <f t="shared" si="40"/>
        <v>0.94288192282321492</v>
      </c>
    </row>
    <row r="2580" spans="8:19" x14ac:dyDescent="0.3">
      <c r="H2580" s="44">
        <v>2573</v>
      </c>
      <c r="I2580" s="56">
        <f>Bühler!I2606</f>
        <v>0.21758813603612651</v>
      </c>
      <c r="J2580" s="59">
        <f>Bühler!J2606</f>
        <v>0.72529378678708845</v>
      </c>
      <c r="K2580" s="59">
        <f>Bühler!K2606</f>
        <v>1.0879406801806326</v>
      </c>
      <c r="L2580" s="59">
        <f>Bühler!L2606</f>
        <v>5.2221152648670364</v>
      </c>
      <c r="M2580" s="58">
        <f>Bühler!M2606</f>
        <v>0</v>
      </c>
      <c r="N2580" s="56">
        <f>IF(Input!$D$19=1,J2580*Input!$C$19,0)+IF(Input!$D$20=1,K2580*Input!$C$20,0)+IF(Input!$D$21=1,L2580*Input!$C$21,0)+IF(Input!$D$22=1,M2580*Input!$C$22,0)</f>
        <v>0.21758813603612653</v>
      </c>
      <c r="O2580" s="59">
        <f>IF(Input!$D$19=2,J2580*Input!$C$19,0)+IF(Input!$D$20=2,K2580*Input!$C$20,0)+IF(Input!$D$21=2,L2580*Input!$C$21,0)+IF(Input!$D$22=2,M2580*Input!$C$22,0)</f>
        <v>0.54397034009031631</v>
      </c>
      <c r="P2580" s="59">
        <f>IF(Input!$D$19=3,J2580*Input!$C$19,0)+IF(Input!$D$20=3,K2580*Input!$C$20,0)+IF(Input!$D$21=3,L2580*Input!$C$21,0)+IF(Input!$D$22=3,M2580*Input!$C$22,0)</f>
        <v>0</v>
      </c>
      <c r="Q2580" s="75">
        <f>IF(Input!$D$19=4,J2580*Input!$C$19,0)+IF(Input!$D$20=4,K2580*Input!$C$20,0)+IF(Input!$D$21=4,L2580*Input!$C$21,0)+IF(Input!$D$22=4,M2580*Input!$C$22,0)</f>
        <v>0</v>
      </c>
      <c r="R2580" s="58">
        <v>58.508717248014726</v>
      </c>
      <c r="S2580" s="124">
        <f t="shared" si="40"/>
        <v>0.94288192282321492</v>
      </c>
    </row>
    <row r="2581" spans="8:19" x14ac:dyDescent="0.3">
      <c r="H2581" s="44">
        <v>2574</v>
      </c>
      <c r="I2581" s="56">
        <f>Bühler!I2607</f>
        <v>0.28044693089100747</v>
      </c>
      <c r="J2581" s="59">
        <f>Bühler!J2607</f>
        <v>0.93482310297002502</v>
      </c>
      <c r="K2581" s="59">
        <f>Bühler!K2607</f>
        <v>1.4022346544550375</v>
      </c>
      <c r="L2581" s="59">
        <f>Bühler!L2607</f>
        <v>6.7307263413841794</v>
      </c>
      <c r="M2581" s="58">
        <f>Bühler!M2607</f>
        <v>0</v>
      </c>
      <c r="N2581" s="56">
        <f>IF(Input!$D$19=1,J2581*Input!$C$19,0)+IF(Input!$D$20=1,K2581*Input!$C$20,0)+IF(Input!$D$21=1,L2581*Input!$C$21,0)+IF(Input!$D$22=1,M2581*Input!$C$22,0)</f>
        <v>0.28044693089100747</v>
      </c>
      <c r="O2581" s="59">
        <f>IF(Input!$D$19=2,J2581*Input!$C$19,0)+IF(Input!$D$20=2,K2581*Input!$C$20,0)+IF(Input!$D$21=2,L2581*Input!$C$21,0)+IF(Input!$D$22=2,M2581*Input!$C$22,0)</f>
        <v>0.70111732722751874</v>
      </c>
      <c r="P2581" s="59">
        <f>IF(Input!$D$19=3,J2581*Input!$C$19,0)+IF(Input!$D$20=3,K2581*Input!$C$20,0)+IF(Input!$D$21=3,L2581*Input!$C$21,0)+IF(Input!$D$22=3,M2581*Input!$C$22,0)</f>
        <v>0</v>
      </c>
      <c r="Q2581" s="75">
        <f>IF(Input!$D$19=4,J2581*Input!$C$19,0)+IF(Input!$D$20=4,K2581*Input!$C$20,0)+IF(Input!$D$21=4,L2581*Input!$C$21,0)+IF(Input!$D$22=4,M2581*Input!$C$22,0)</f>
        <v>0</v>
      </c>
      <c r="R2581" s="58">
        <v>61.222358227881081</v>
      </c>
      <c r="S2581" s="124">
        <f t="shared" si="40"/>
        <v>1.2152700338610325</v>
      </c>
    </row>
    <row r="2582" spans="8:19" x14ac:dyDescent="0.3">
      <c r="H2582" s="44">
        <v>2575</v>
      </c>
      <c r="I2582" s="56">
        <f>Bühler!I2608</f>
        <v>0.32396455809823282</v>
      </c>
      <c r="J2582" s="59">
        <f>Bühler!J2608</f>
        <v>1.0798818603274429</v>
      </c>
      <c r="K2582" s="59">
        <f>Bühler!K2608</f>
        <v>1.6198227904911642</v>
      </c>
      <c r="L2582" s="59">
        <f>Bühler!L2608</f>
        <v>7.7751493943575882</v>
      </c>
      <c r="M2582" s="58">
        <f>Bühler!M2608</f>
        <v>0</v>
      </c>
      <c r="N2582" s="56">
        <f>IF(Input!$D$19=1,J2582*Input!$C$19,0)+IF(Input!$D$20=1,K2582*Input!$C$20,0)+IF(Input!$D$21=1,L2582*Input!$C$21,0)+IF(Input!$D$22=1,M2582*Input!$C$22,0)</f>
        <v>0.32396455809823288</v>
      </c>
      <c r="O2582" s="59">
        <f>IF(Input!$D$19=2,J2582*Input!$C$19,0)+IF(Input!$D$20=2,K2582*Input!$C$20,0)+IF(Input!$D$21=2,L2582*Input!$C$21,0)+IF(Input!$D$22=2,M2582*Input!$C$22,0)</f>
        <v>0.80991139524558209</v>
      </c>
      <c r="P2582" s="59">
        <f>IF(Input!$D$19=3,J2582*Input!$C$19,0)+IF(Input!$D$20=3,K2582*Input!$C$20,0)+IF(Input!$D$21=3,L2582*Input!$C$21,0)+IF(Input!$D$22=3,M2582*Input!$C$22,0)</f>
        <v>0</v>
      </c>
      <c r="Q2582" s="75">
        <f>IF(Input!$D$19=4,J2582*Input!$C$19,0)+IF(Input!$D$20=4,K2582*Input!$C$20,0)+IF(Input!$D$21=4,L2582*Input!$C$21,0)+IF(Input!$D$22=4,M2582*Input!$C$22,0)</f>
        <v>0</v>
      </c>
      <c r="R2582" s="58">
        <v>63.869796495527403</v>
      </c>
      <c r="S2582" s="124">
        <f t="shared" si="40"/>
        <v>1.4038464184256758</v>
      </c>
    </row>
    <row r="2583" spans="8:19" x14ac:dyDescent="0.3">
      <c r="H2583" s="44">
        <v>2576</v>
      </c>
      <c r="I2583" s="56">
        <f>Bühler!I2609</f>
        <v>0.32396455809823282</v>
      </c>
      <c r="J2583" s="59">
        <f>Bühler!J2609</f>
        <v>1.0798818603274429</v>
      </c>
      <c r="K2583" s="59">
        <f>Bühler!K2609</f>
        <v>1.6198227904911642</v>
      </c>
      <c r="L2583" s="59">
        <f>Bühler!L2609</f>
        <v>7.7751493943575882</v>
      </c>
      <c r="M2583" s="58">
        <f>Bühler!M2609</f>
        <v>0</v>
      </c>
      <c r="N2583" s="56">
        <f>IF(Input!$D$19=1,J2583*Input!$C$19,0)+IF(Input!$D$20=1,K2583*Input!$C$20,0)+IF(Input!$D$21=1,L2583*Input!$C$21,0)+IF(Input!$D$22=1,M2583*Input!$C$22,0)</f>
        <v>0.32396455809823288</v>
      </c>
      <c r="O2583" s="59">
        <f>IF(Input!$D$19=2,J2583*Input!$C$19,0)+IF(Input!$D$20=2,K2583*Input!$C$20,0)+IF(Input!$D$21=2,L2583*Input!$C$21,0)+IF(Input!$D$22=2,M2583*Input!$C$22,0)</f>
        <v>0.80991139524558209</v>
      </c>
      <c r="P2583" s="59">
        <f>IF(Input!$D$19=3,J2583*Input!$C$19,0)+IF(Input!$D$20=3,K2583*Input!$C$20,0)+IF(Input!$D$21=3,L2583*Input!$C$21,0)+IF(Input!$D$22=3,M2583*Input!$C$22,0)</f>
        <v>0</v>
      </c>
      <c r="Q2583" s="75">
        <f>IF(Input!$D$19=4,J2583*Input!$C$19,0)+IF(Input!$D$20=4,K2583*Input!$C$20,0)+IF(Input!$D$21=4,L2583*Input!$C$21,0)+IF(Input!$D$22=4,M2583*Input!$C$22,0)</f>
        <v>0</v>
      </c>
      <c r="R2583" s="58">
        <v>65.340064963971329</v>
      </c>
      <c r="S2583" s="124">
        <f t="shared" si="40"/>
        <v>1.4038464184256758</v>
      </c>
    </row>
    <row r="2584" spans="8:19" x14ac:dyDescent="0.3">
      <c r="H2584" s="44">
        <v>2577</v>
      </c>
      <c r="I2584" s="56">
        <f>Bühler!I2610</f>
        <v>0.32396455809823282</v>
      </c>
      <c r="J2584" s="59">
        <f>Bühler!J2610</f>
        <v>1.0798818603274429</v>
      </c>
      <c r="K2584" s="59">
        <f>Bühler!K2610</f>
        <v>1.6198227904911642</v>
      </c>
      <c r="L2584" s="59">
        <f>Bühler!L2610</f>
        <v>7.7751493943575882</v>
      </c>
      <c r="M2584" s="58">
        <f>Bühler!M2610</f>
        <v>0</v>
      </c>
      <c r="N2584" s="56">
        <f>IF(Input!$D$19=1,J2584*Input!$C$19,0)+IF(Input!$D$20=1,K2584*Input!$C$20,0)+IF(Input!$D$21=1,L2584*Input!$C$21,0)+IF(Input!$D$22=1,M2584*Input!$C$22,0)</f>
        <v>0.32396455809823288</v>
      </c>
      <c r="O2584" s="59">
        <f>IF(Input!$D$19=2,J2584*Input!$C$19,0)+IF(Input!$D$20=2,K2584*Input!$C$20,0)+IF(Input!$D$21=2,L2584*Input!$C$21,0)+IF(Input!$D$22=2,M2584*Input!$C$22,0)</f>
        <v>0.80991139524558209</v>
      </c>
      <c r="P2584" s="59">
        <f>IF(Input!$D$19=3,J2584*Input!$C$19,0)+IF(Input!$D$20=3,K2584*Input!$C$20,0)+IF(Input!$D$21=3,L2584*Input!$C$21,0)+IF(Input!$D$22=3,M2584*Input!$C$22,0)</f>
        <v>0</v>
      </c>
      <c r="Q2584" s="75">
        <f>IF(Input!$D$19=4,J2584*Input!$C$19,0)+IF(Input!$D$20=4,K2584*Input!$C$20,0)+IF(Input!$D$21=4,L2584*Input!$C$21,0)+IF(Input!$D$22=4,M2584*Input!$C$22,0)</f>
        <v>0</v>
      </c>
      <c r="R2584" s="58">
        <v>66.284993747820494</v>
      </c>
      <c r="S2584" s="124">
        <f t="shared" si="40"/>
        <v>1.4038464184256758</v>
      </c>
    </row>
    <row r="2585" spans="8:19" x14ac:dyDescent="0.3">
      <c r="H2585" s="44">
        <v>2578</v>
      </c>
      <c r="I2585" s="56">
        <f>Bühler!I2611</f>
        <v>0.34814101765780242</v>
      </c>
      <c r="J2585" s="59">
        <f>Bühler!J2611</f>
        <v>1.1604700588593415</v>
      </c>
      <c r="K2585" s="59">
        <f>Bühler!K2611</f>
        <v>1.7407050882890123</v>
      </c>
      <c r="L2585" s="59">
        <f>Bühler!L2611</f>
        <v>8.3553844237872585</v>
      </c>
      <c r="M2585" s="58">
        <f>Bühler!M2611</f>
        <v>0</v>
      </c>
      <c r="N2585" s="56">
        <f>IF(Input!$D$19=1,J2585*Input!$C$19,0)+IF(Input!$D$20=1,K2585*Input!$C$20,0)+IF(Input!$D$21=1,L2585*Input!$C$21,0)+IF(Input!$D$22=1,M2585*Input!$C$22,0)</f>
        <v>0.34814101765780242</v>
      </c>
      <c r="O2585" s="59">
        <f>IF(Input!$D$19=2,J2585*Input!$C$19,0)+IF(Input!$D$20=2,K2585*Input!$C$20,0)+IF(Input!$D$21=2,L2585*Input!$C$21,0)+IF(Input!$D$22=2,M2585*Input!$C$22,0)</f>
        <v>0.87035254414450614</v>
      </c>
      <c r="P2585" s="59">
        <f>IF(Input!$D$19=3,J2585*Input!$C$19,0)+IF(Input!$D$20=3,K2585*Input!$C$20,0)+IF(Input!$D$21=3,L2585*Input!$C$21,0)+IF(Input!$D$22=3,M2585*Input!$C$22,0)</f>
        <v>0</v>
      </c>
      <c r="Q2585" s="75">
        <f>IF(Input!$D$19=4,J2585*Input!$C$19,0)+IF(Input!$D$20=4,K2585*Input!$C$20,0)+IF(Input!$D$21=4,L2585*Input!$C$21,0)+IF(Input!$D$22=4,M2585*Input!$C$22,0)</f>
        <v>0</v>
      </c>
      <c r="R2585" s="58">
        <v>66.83734206418103</v>
      </c>
      <c r="S2585" s="124">
        <f t="shared" si="40"/>
        <v>1.5086110765171439</v>
      </c>
    </row>
    <row r="2586" spans="8:19" x14ac:dyDescent="0.3">
      <c r="H2586" s="44">
        <v>2579</v>
      </c>
      <c r="I2586" s="56">
        <f>Bühler!I2612</f>
        <v>0.37715276912928597</v>
      </c>
      <c r="J2586" s="59">
        <f>Bühler!J2612</f>
        <v>1.2571758970976201</v>
      </c>
      <c r="K2586" s="59">
        <f>Bühler!K2612</f>
        <v>1.8857638456464298</v>
      </c>
      <c r="L2586" s="59">
        <f>Bühler!L2612</f>
        <v>9.0516664591028633</v>
      </c>
      <c r="M2586" s="58">
        <f>Bühler!M2612</f>
        <v>0</v>
      </c>
      <c r="N2586" s="56">
        <f>IF(Input!$D$19=1,J2586*Input!$C$19,0)+IF(Input!$D$20=1,K2586*Input!$C$20,0)+IF(Input!$D$21=1,L2586*Input!$C$21,0)+IF(Input!$D$22=1,M2586*Input!$C$22,0)</f>
        <v>0.37715276912928603</v>
      </c>
      <c r="O2586" s="59">
        <f>IF(Input!$D$19=2,J2586*Input!$C$19,0)+IF(Input!$D$20=2,K2586*Input!$C$20,0)+IF(Input!$D$21=2,L2586*Input!$C$21,0)+IF(Input!$D$22=2,M2586*Input!$C$22,0)</f>
        <v>0.94288192282321492</v>
      </c>
      <c r="P2586" s="59">
        <f>IF(Input!$D$19=3,J2586*Input!$C$19,0)+IF(Input!$D$20=3,K2586*Input!$C$20,0)+IF(Input!$D$21=3,L2586*Input!$C$21,0)+IF(Input!$D$22=3,M2586*Input!$C$22,0)</f>
        <v>0</v>
      </c>
      <c r="Q2586" s="75">
        <f>IF(Input!$D$19=4,J2586*Input!$C$19,0)+IF(Input!$D$20=4,K2586*Input!$C$20,0)+IF(Input!$D$21=4,L2586*Input!$C$21,0)+IF(Input!$D$22=4,M2586*Input!$C$22,0)</f>
        <v>0</v>
      </c>
      <c r="R2586" s="58">
        <v>67.489676369623226</v>
      </c>
      <c r="S2586" s="124">
        <f t="shared" si="40"/>
        <v>1.6343286662269061</v>
      </c>
    </row>
    <row r="2587" spans="8:19" x14ac:dyDescent="0.3">
      <c r="H2587" s="44">
        <v>2580</v>
      </c>
      <c r="I2587" s="56">
        <f>Bühler!I2613</f>
        <v>0.43517627207225301</v>
      </c>
      <c r="J2587" s="59">
        <f>Bühler!J2613</f>
        <v>1.4505875735741769</v>
      </c>
      <c r="K2587" s="59">
        <f>Bühler!K2613</f>
        <v>2.1758813603612652</v>
      </c>
      <c r="L2587" s="59">
        <f>Bühler!L2613</f>
        <v>10.444230529734073</v>
      </c>
      <c r="M2587" s="58">
        <f>Bühler!M2613</f>
        <v>0</v>
      </c>
      <c r="N2587" s="56">
        <f>IF(Input!$D$19=1,J2587*Input!$C$19,0)+IF(Input!$D$20=1,K2587*Input!$C$20,0)+IF(Input!$D$21=1,L2587*Input!$C$21,0)+IF(Input!$D$22=1,M2587*Input!$C$22,0)</f>
        <v>0.43517627207225307</v>
      </c>
      <c r="O2587" s="59">
        <f>IF(Input!$D$19=2,J2587*Input!$C$19,0)+IF(Input!$D$20=2,K2587*Input!$C$20,0)+IF(Input!$D$21=2,L2587*Input!$C$21,0)+IF(Input!$D$22=2,M2587*Input!$C$22,0)</f>
        <v>1.0879406801806326</v>
      </c>
      <c r="P2587" s="59">
        <f>IF(Input!$D$19=3,J2587*Input!$C$19,0)+IF(Input!$D$20=3,K2587*Input!$C$20,0)+IF(Input!$D$21=3,L2587*Input!$C$21,0)+IF(Input!$D$22=3,M2587*Input!$C$22,0)</f>
        <v>0</v>
      </c>
      <c r="Q2587" s="75">
        <f>IF(Input!$D$19=4,J2587*Input!$C$19,0)+IF(Input!$D$20=4,K2587*Input!$C$20,0)+IF(Input!$D$21=4,L2587*Input!$C$21,0)+IF(Input!$D$22=4,M2587*Input!$C$22,0)</f>
        <v>0</v>
      </c>
      <c r="R2587" s="58">
        <v>69.038565833698996</v>
      </c>
      <c r="S2587" s="124">
        <f t="shared" si="40"/>
        <v>1.8857638456464298</v>
      </c>
    </row>
    <row r="2588" spans="8:19" x14ac:dyDescent="0.3">
      <c r="H2588" s="44">
        <v>2581</v>
      </c>
      <c r="I2588" s="56">
        <f>Bühler!I2614</f>
        <v>0.43517627207225301</v>
      </c>
      <c r="J2588" s="59">
        <f>Bühler!J2614</f>
        <v>1.4505875735741769</v>
      </c>
      <c r="K2588" s="59">
        <f>Bühler!K2614</f>
        <v>2.1758813603612652</v>
      </c>
      <c r="L2588" s="59">
        <f>Bühler!L2614</f>
        <v>10.444230529734073</v>
      </c>
      <c r="M2588" s="58">
        <f>Bühler!M2614</f>
        <v>0</v>
      </c>
      <c r="N2588" s="56">
        <f>IF(Input!$D$19=1,J2588*Input!$C$19,0)+IF(Input!$D$20=1,K2588*Input!$C$20,0)+IF(Input!$D$21=1,L2588*Input!$C$21,0)+IF(Input!$D$22=1,M2588*Input!$C$22,0)</f>
        <v>0.43517627207225307</v>
      </c>
      <c r="O2588" s="59">
        <f>IF(Input!$D$19=2,J2588*Input!$C$19,0)+IF(Input!$D$20=2,K2588*Input!$C$20,0)+IF(Input!$D$21=2,L2588*Input!$C$21,0)+IF(Input!$D$22=2,M2588*Input!$C$22,0)</f>
        <v>1.0879406801806326</v>
      </c>
      <c r="P2588" s="59">
        <f>IF(Input!$D$19=3,J2588*Input!$C$19,0)+IF(Input!$D$20=3,K2588*Input!$C$20,0)+IF(Input!$D$21=3,L2588*Input!$C$21,0)+IF(Input!$D$22=3,M2588*Input!$C$22,0)</f>
        <v>0</v>
      </c>
      <c r="Q2588" s="75">
        <f>IF(Input!$D$19=4,J2588*Input!$C$19,0)+IF(Input!$D$20=4,K2588*Input!$C$20,0)+IF(Input!$D$21=4,L2588*Input!$C$21,0)+IF(Input!$D$22=4,M2588*Input!$C$22,0)</f>
        <v>0</v>
      </c>
      <c r="R2588" s="58">
        <v>69.007599796186739</v>
      </c>
      <c r="S2588" s="124">
        <f t="shared" si="40"/>
        <v>1.8857638456464298</v>
      </c>
    </row>
    <row r="2589" spans="8:19" x14ac:dyDescent="0.3">
      <c r="H2589" s="44">
        <v>2582</v>
      </c>
      <c r="I2589" s="56">
        <f>Bühler!I2615</f>
        <v>0.43517627207225301</v>
      </c>
      <c r="J2589" s="59">
        <f>Bühler!J2615</f>
        <v>1.4505875735741769</v>
      </c>
      <c r="K2589" s="59">
        <f>Bühler!K2615</f>
        <v>2.1758813603612652</v>
      </c>
      <c r="L2589" s="59">
        <f>Bühler!L2615</f>
        <v>10.444230529734073</v>
      </c>
      <c r="M2589" s="58">
        <f>Bühler!M2615</f>
        <v>0</v>
      </c>
      <c r="N2589" s="56">
        <f>IF(Input!$D$19=1,J2589*Input!$C$19,0)+IF(Input!$D$20=1,K2589*Input!$C$20,0)+IF(Input!$D$21=1,L2589*Input!$C$21,0)+IF(Input!$D$22=1,M2589*Input!$C$22,0)</f>
        <v>0.43517627207225307</v>
      </c>
      <c r="O2589" s="59">
        <f>IF(Input!$D$19=2,J2589*Input!$C$19,0)+IF(Input!$D$20=2,K2589*Input!$C$20,0)+IF(Input!$D$21=2,L2589*Input!$C$21,0)+IF(Input!$D$22=2,M2589*Input!$C$22,0)</f>
        <v>1.0879406801806326</v>
      </c>
      <c r="P2589" s="59">
        <f>IF(Input!$D$19=3,J2589*Input!$C$19,0)+IF(Input!$D$20=3,K2589*Input!$C$20,0)+IF(Input!$D$21=3,L2589*Input!$C$21,0)+IF(Input!$D$22=3,M2589*Input!$C$22,0)</f>
        <v>0</v>
      </c>
      <c r="Q2589" s="75">
        <f>IF(Input!$D$19=4,J2589*Input!$C$19,0)+IF(Input!$D$20=4,K2589*Input!$C$20,0)+IF(Input!$D$21=4,L2589*Input!$C$21,0)+IF(Input!$D$22=4,M2589*Input!$C$22,0)</f>
        <v>0</v>
      </c>
      <c r="R2589" s="58">
        <v>68.707047356055838</v>
      </c>
      <c r="S2589" s="124">
        <f t="shared" si="40"/>
        <v>1.8857638456464298</v>
      </c>
    </row>
    <row r="2590" spans="8:19" x14ac:dyDescent="0.3">
      <c r="H2590" s="44">
        <v>2583</v>
      </c>
      <c r="I2590" s="56">
        <f>Bühler!I2616</f>
        <v>0.43517627207225301</v>
      </c>
      <c r="J2590" s="59">
        <f>Bühler!J2616</f>
        <v>1.4505875735741769</v>
      </c>
      <c r="K2590" s="59">
        <f>Bühler!K2616</f>
        <v>2.1758813603612652</v>
      </c>
      <c r="L2590" s="59">
        <f>Bühler!L2616</f>
        <v>10.444230529734073</v>
      </c>
      <c r="M2590" s="58">
        <f>Bühler!M2616</f>
        <v>0</v>
      </c>
      <c r="N2590" s="56">
        <f>IF(Input!$D$19=1,J2590*Input!$C$19,0)+IF(Input!$D$20=1,K2590*Input!$C$20,0)+IF(Input!$D$21=1,L2590*Input!$C$21,0)+IF(Input!$D$22=1,M2590*Input!$C$22,0)</f>
        <v>0.43517627207225307</v>
      </c>
      <c r="O2590" s="59">
        <f>IF(Input!$D$19=2,J2590*Input!$C$19,0)+IF(Input!$D$20=2,K2590*Input!$C$20,0)+IF(Input!$D$21=2,L2590*Input!$C$21,0)+IF(Input!$D$22=2,M2590*Input!$C$22,0)</f>
        <v>1.0879406801806326</v>
      </c>
      <c r="P2590" s="59">
        <f>IF(Input!$D$19=3,J2590*Input!$C$19,0)+IF(Input!$D$20=3,K2590*Input!$C$20,0)+IF(Input!$D$21=3,L2590*Input!$C$21,0)+IF(Input!$D$22=3,M2590*Input!$C$22,0)</f>
        <v>0</v>
      </c>
      <c r="Q2590" s="75">
        <f>IF(Input!$D$19=4,J2590*Input!$C$19,0)+IF(Input!$D$20=4,K2590*Input!$C$20,0)+IF(Input!$D$21=4,L2590*Input!$C$21,0)+IF(Input!$D$22=4,M2590*Input!$C$22,0)</f>
        <v>0</v>
      </c>
      <c r="R2590" s="58">
        <v>68.902641959043351</v>
      </c>
      <c r="S2590" s="124">
        <f t="shared" si="40"/>
        <v>1.8857638456464298</v>
      </c>
    </row>
    <row r="2591" spans="8:19" x14ac:dyDescent="0.3">
      <c r="H2591" s="44">
        <v>2584</v>
      </c>
      <c r="I2591" s="56">
        <f>Bühler!I2617</f>
        <v>0.43517627207225301</v>
      </c>
      <c r="J2591" s="59">
        <f>Bühler!J2617</f>
        <v>1.4505875735741769</v>
      </c>
      <c r="K2591" s="59">
        <f>Bühler!K2617</f>
        <v>2.1758813603612652</v>
      </c>
      <c r="L2591" s="59">
        <f>Bühler!L2617</f>
        <v>10.444230529734073</v>
      </c>
      <c r="M2591" s="58">
        <f>Bühler!M2617</f>
        <v>0</v>
      </c>
      <c r="N2591" s="56">
        <f>IF(Input!$D$19=1,J2591*Input!$C$19,0)+IF(Input!$D$20=1,K2591*Input!$C$20,0)+IF(Input!$D$21=1,L2591*Input!$C$21,0)+IF(Input!$D$22=1,M2591*Input!$C$22,0)</f>
        <v>0.43517627207225307</v>
      </c>
      <c r="O2591" s="59">
        <f>IF(Input!$D$19=2,J2591*Input!$C$19,0)+IF(Input!$D$20=2,K2591*Input!$C$20,0)+IF(Input!$D$21=2,L2591*Input!$C$21,0)+IF(Input!$D$22=2,M2591*Input!$C$22,0)</f>
        <v>1.0879406801806326</v>
      </c>
      <c r="P2591" s="59">
        <f>IF(Input!$D$19=3,J2591*Input!$C$19,0)+IF(Input!$D$20=3,K2591*Input!$C$20,0)+IF(Input!$D$21=3,L2591*Input!$C$21,0)+IF(Input!$D$22=3,M2591*Input!$C$22,0)</f>
        <v>0</v>
      </c>
      <c r="Q2591" s="75">
        <f>IF(Input!$D$19=4,J2591*Input!$C$19,0)+IF(Input!$D$20=4,K2591*Input!$C$20,0)+IF(Input!$D$21=4,L2591*Input!$C$21,0)+IF(Input!$D$22=4,M2591*Input!$C$22,0)</f>
        <v>0</v>
      </c>
      <c r="R2591" s="58">
        <v>68.326135044441926</v>
      </c>
      <c r="S2591" s="124">
        <f t="shared" si="40"/>
        <v>1.8857638456464298</v>
      </c>
    </row>
    <row r="2592" spans="8:19" x14ac:dyDescent="0.3">
      <c r="H2592" s="44">
        <v>2585</v>
      </c>
      <c r="I2592" s="56">
        <f>Bühler!I2618</f>
        <v>0.43517627207225301</v>
      </c>
      <c r="J2592" s="59">
        <f>Bühler!J2618</f>
        <v>1.4505875735741769</v>
      </c>
      <c r="K2592" s="59">
        <f>Bühler!K2618</f>
        <v>2.1758813603612652</v>
      </c>
      <c r="L2592" s="59">
        <f>Bühler!L2618</f>
        <v>10.444230529734073</v>
      </c>
      <c r="M2592" s="58">
        <f>Bühler!M2618</f>
        <v>0</v>
      </c>
      <c r="N2592" s="56">
        <f>IF(Input!$D$19=1,J2592*Input!$C$19,0)+IF(Input!$D$20=1,K2592*Input!$C$20,0)+IF(Input!$D$21=1,L2592*Input!$C$21,0)+IF(Input!$D$22=1,M2592*Input!$C$22,0)</f>
        <v>0.43517627207225307</v>
      </c>
      <c r="O2592" s="59">
        <f>IF(Input!$D$19=2,J2592*Input!$C$19,0)+IF(Input!$D$20=2,K2592*Input!$C$20,0)+IF(Input!$D$21=2,L2592*Input!$C$21,0)+IF(Input!$D$22=2,M2592*Input!$C$22,0)</f>
        <v>1.0879406801806326</v>
      </c>
      <c r="P2592" s="59">
        <f>IF(Input!$D$19=3,J2592*Input!$C$19,0)+IF(Input!$D$20=3,K2592*Input!$C$20,0)+IF(Input!$D$21=3,L2592*Input!$C$21,0)+IF(Input!$D$22=3,M2592*Input!$C$22,0)</f>
        <v>0</v>
      </c>
      <c r="Q2592" s="75">
        <f>IF(Input!$D$19=4,J2592*Input!$C$19,0)+IF(Input!$D$20=4,K2592*Input!$C$20,0)+IF(Input!$D$21=4,L2592*Input!$C$21,0)+IF(Input!$D$22=4,M2592*Input!$C$22,0)</f>
        <v>0</v>
      </c>
      <c r="R2592" s="58">
        <v>66.82582318849154</v>
      </c>
      <c r="S2592" s="124">
        <f t="shared" si="40"/>
        <v>1.8857638456464298</v>
      </c>
    </row>
    <row r="2593" spans="8:19" x14ac:dyDescent="0.3">
      <c r="H2593" s="44">
        <v>2586</v>
      </c>
      <c r="I2593" s="56">
        <f>Bühler!I2619</f>
        <v>0.43517627207225301</v>
      </c>
      <c r="J2593" s="59">
        <f>Bühler!J2619</f>
        <v>1.4505875735741769</v>
      </c>
      <c r="K2593" s="59">
        <f>Bühler!K2619</f>
        <v>2.1758813603612652</v>
      </c>
      <c r="L2593" s="59">
        <f>Bühler!L2619</f>
        <v>10.444230529734073</v>
      </c>
      <c r="M2593" s="58">
        <f>Bühler!M2619</f>
        <v>0</v>
      </c>
      <c r="N2593" s="56">
        <f>IF(Input!$D$19=1,J2593*Input!$C$19,0)+IF(Input!$D$20=1,K2593*Input!$C$20,0)+IF(Input!$D$21=1,L2593*Input!$C$21,0)+IF(Input!$D$22=1,M2593*Input!$C$22,0)</f>
        <v>0.43517627207225307</v>
      </c>
      <c r="O2593" s="59">
        <f>IF(Input!$D$19=2,J2593*Input!$C$19,0)+IF(Input!$D$20=2,K2593*Input!$C$20,0)+IF(Input!$D$21=2,L2593*Input!$C$21,0)+IF(Input!$D$22=2,M2593*Input!$C$22,0)</f>
        <v>1.0879406801806326</v>
      </c>
      <c r="P2593" s="59">
        <f>IF(Input!$D$19=3,J2593*Input!$C$19,0)+IF(Input!$D$20=3,K2593*Input!$C$20,0)+IF(Input!$D$21=3,L2593*Input!$C$21,0)+IF(Input!$D$22=3,M2593*Input!$C$22,0)</f>
        <v>0</v>
      </c>
      <c r="Q2593" s="75">
        <f>IF(Input!$D$19=4,J2593*Input!$C$19,0)+IF(Input!$D$20=4,K2593*Input!$C$20,0)+IF(Input!$D$21=4,L2593*Input!$C$21,0)+IF(Input!$D$22=4,M2593*Input!$C$22,0)</f>
        <v>0</v>
      </c>
      <c r="R2593" s="58">
        <v>65.44433216205509</v>
      </c>
      <c r="S2593" s="124">
        <f t="shared" si="40"/>
        <v>1.8857638456464298</v>
      </c>
    </row>
    <row r="2594" spans="8:19" x14ac:dyDescent="0.3">
      <c r="H2594" s="44">
        <v>2587</v>
      </c>
      <c r="I2594" s="56">
        <f>Bühler!I2620</f>
        <v>0.43517627207225301</v>
      </c>
      <c r="J2594" s="59">
        <f>Bühler!J2620</f>
        <v>1.4505875735741769</v>
      </c>
      <c r="K2594" s="59">
        <f>Bühler!K2620</f>
        <v>2.1758813603612652</v>
      </c>
      <c r="L2594" s="59">
        <f>Bühler!L2620</f>
        <v>10.444230529734073</v>
      </c>
      <c r="M2594" s="58">
        <f>Bühler!M2620</f>
        <v>0</v>
      </c>
      <c r="N2594" s="56">
        <f>IF(Input!$D$19=1,J2594*Input!$C$19,0)+IF(Input!$D$20=1,K2594*Input!$C$20,0)+IF(Input!$D$21=1,L2594*Input!$C$21,0)+IF(Input!$D$22=1,M2594*Input!$C$22,0)</f>
        <v>0.43517627207225307</v>
      </c>
      <c r="O2594" s="59">
        <f>IF(Input!$D$19=2,J2594*Input!$C$19,0)+IF(Input!$D$20=2,K2594*Input!$C$20,0)+IF(Input!$D$21=2,L2594*Input!$C$21,0)+IF(Input!$D$22=2,M2594*Input!$C$22,0)</f>
        <v>1.0879406801806326</v>
      </c>
      <c r="P2594" s="59">
        <f>IF(Input!$D$19=3,J2594*Input!$C$19,0)+IF(Input!$D$20=3,K2594*Input!$C$20,0)+IF(Input!$D$21=3,L2594*Input!$C$21,0)+IF(Input!$D$22=3,M2594*Input!$C$22,0)</f>
        <v>0</v>
      </c>
      <c r="Q2594" s="75">
        <f>IF(Input!$D$19=4,J2594*Input!$C$19,0)+IF(Input!$D$20=4,K2594*Input!$C$20,0)+IF(Input!$D$21=4,L2594*Input!$C$21,0)+IF(Input!$D$22=4,M2594*Input!$C$22,0)</f>
        <v>0</v>
      </c>
      <c r="R2594" s="58">
        <v>63.727917124068689</v>
      </c>
      <c r="S2594" s="124">
        <f t="shared" si="40"/>
        <v>1.8857638456464298</v>
      </c>
    </row>
    <row r="2595" spans="8:19" x14ac:dyDescent="0.3">
      <c r="H2595" s="44">
        <v>2588</v>
      </c>
      <c r="I2595" s="56">
        <f>Bühler!I2621</f>
        <v>0.36264689339354417</v>
      </c>
      <c r="J2595" s="59">
        <f>Bühler!J2621</f>
        <v>1.2088229779784807</v>
      </c>
      <c r="K2595" s="59">
        <f>Bühler!K2621</f>
        <v>1.8132344669677207</v>
      </c>
      <c r="L2595" s="59">
        <f>Bühler!L2621</f>
        <v>8.7035254414450591</v>
      </c>
      <c r="M2595" s="58">
        <f>Bühler!M2621</f>
        <v>0</v>
      </c>
      <c r="N2595" s="56">
        <f>IF(Input!$D$19=1,J2595*Input!$C$19,0)+IF(Input!$D$20=1,K2595*Input!$C$20,0)+IF(Input!$D$21=1,L2595*Input!$C$21,0)+IF(Input!$D$22=1,M2595*Input!$C$22,0)</f>
        <v>0.36264689339354422</v>
      </c>
      <c r="O2595" s="59">
        <f>IF(Input!$D$19=2,J2595*Input!$C$19,0)+IF(Input!$D$20=2,K2595*Input!$C$20,0)+IF(Input!$D$21=2,L2595*Input!$C$21,0)+IF(Input!$D$22=2,M2595*Input!$C$22,0)</f>
        <v>0.90661723348386036</v>
      </c>
      <c r="P2595" s="59">
        <f>IF(Input!$D$19=3,J2595*Input!$C$19,0)+IF(Input!$D$20=3,K2595*Input!$C$20,0)+IF(Input!$D$21=3,L2595*Input!$C$21,0)+IF(Input!$D$22=3,M2595*Input!$C$22,0)</f>
        <v>0</v>
      </c>
      <c r="Q2595" s="75">
        <f>IF(Input!$D$19=4,J2595*Input!$C$19,0)+IF(Input!$D$20=4,K2595*Input!$C$20,0)+IF(Input!$D$21=4,L2595*Input!$C$21,0)+IF(Input!$D$22=4,M2595*Input!$C$22,0)</f>
        <v>0</v>
      </c>
      <c r="R2595" s="58">
        <v>62.274764390857122</v>
      </c>
      <c r="S2595" s="124">
        <f t="shared" si="40"/>
        <v>1.5714698713720248</v>
      </c>
    </row>
    <row r="2596" spans="8:19" x14ac:dyDescent="0.3">
      <c r="H2596" s="44">
        <v>2589</v>
      </c>
      <c r="I2596" s="56">
        <f>Bühler!I2622</f>
        <v>0.29011751471483538</v>
      </c>
      <c r="J2596" s="59">
        <f>Bühler!J2622</f>
        <v>0.96705838238278463</v>
      </c>
      <c r="K2596" s="59">
        <f>Bühler!K2622</f>
        <v>1.4505875735741769</v>
      </c>
      <c r="L2596" s="59">
        <f>Bühler!L2622</f>
        <v>6.9628203531560482</v>
      </c>
      <c r="M2596" s="58">
        <f>Bühler!M2622</f>
        <v>0</v>
      </c>
      <c r="N2596" s="56">
        <f>IF(Input!$D$19=1,J2596*Input!$C$19,0)+IF(Input!$D$20=1,K2596*Input!$C$20,0)+IF(Input!$D$21=1,L2596*Input!$C$21,0)+IF(Input!$D$22=1,M2596*Input!$C$22,0)</f>
        <v>0.29011751471483538</v>
      </c>
      <c r="O2596" s="59">
        <f>IF(Input!$D$19=2,J2596*Input!$C$19,0)+IF(Input!$D$20=2,K2596*Input!$C$20,0)+IF(Input!$D$21=2,L2596*Input!$C$21,0)+IF(Input!$D$22=2,M2596*Input!$C$22,0)</f>
        <v>0.72529378678708845</v>
      </c>
      <c r="P2596" s="59">
        <f>IF(Input!$D$19=3,J2596*Input!$C$19,0)+IF(Input!$D$20=3,K2596*Input!$C$20,0)+IF(Input!$D$21=3,L2596*Input!$C$21,0)+IF(Input!$D$22=3,M2596*Input!$C$22,0)</f>
        <v>0</v>
      </c>
      <c r="Q2596" s="75">
        <f>IF(Input!$D$19=4,J2596*Input!$C$19,0)+IF(Input!$D$20=4,K2596*Input!$C$20,0)+IF(Input!$D$21=4,L2596*Input!$C$21,0)+IF(Input!$D$22=4,M2596*Input!$C$22,0)</f>
        <v>0</v>
      </c>
      <c r="R2596" s="58">
        <v>60.421488431723155</v>
      </c>
      <c r="S2596" s="124">
        <f t="shared" si="40"/>
        <v>1.2571758970976199</v>
      </c>
    </row>
    <row r="2597" spans="8:19" x14ac:dyDescent="0.3">
      <c r="H2597" s="44">
        <v>2590</v>
      </c>
      <c r="I2597" s="56">
        <f>Bühler!I2623</f>
        <v>0.21758813603612651</v>
      </c>
      <c r="J2597" s="59">
        <f>Bühler!J2623</f>
        <v>0.72529378678708845</v>
      </c>
      <c r="K2597" s="59">
        <f>Bühler!K2623</f>
        <v>1.0879406801806326</v>
      </c>
      <c r="L2597" s="59">
        <f>Bühler!L2623</f>
        <v>5.2221152648670364</v>
      </c>
      <c r="M2597" s="58">
        <f>Bühler!M2623</f>
        <v>0</v>
      </c>
      <c r="N2597" s="56">
        <f>IF(Input!$D$19=1,J2597*Input!$C$19,0)+IF(Input!$D$20=1,K2597*Input!$C$20,0)+IF(Input!$D$21=1,L2597*Input!$C$21,0)+IF(Input!$D$22=1,M2597*Input!$C$22,0)</f>
        <v>0.21758813603612653</v>
      </c>
      <c r="O2597" s="59">
        <f>IF(Input!$D$19=2,J2597*Input!$C$19,0)+IF(Input!$D$20=2,K2597*Input!$C$20,0)+IF(Input!$D$21=2,L2597*Input!$C$21,0)+IF(Input!$D$22=2,M2597*Input!$C$22,0)</f>
        <v>0.54397034009031631</v>
      </c>
      <c r="P2597" s="59">
        <f>IF(Input!$D$19=3,J2597*Input!$C$19,0)+IF(Input!$D$20=3,K2597*Input!$C$20,0)+IF(Input!$D$21=3,L2597*Input!$C$21,0)+IF(Input!$D$22=3,M2597*Input!$C$22,0)</f>
        <v>0</v>
      </c>
      <c r="Q2597" s="75">
        <f>IF(Input!$D$19=4,J2597*Input!$C$19,0)+IF(Input!$D$20=4,K2597*Input!$C$20,0)+IF(Input!$D$21=4,L2597*Input!$C$21,0)+IF(Input!$D$22=4,M2597*Input!$C$22,0)</f>
        <v>0</v>
      </c>
      <c r="R2597" s="58">
        <v>59.157238897121417</v>
      </c>
      <c r="S2597" s="124">
        <f t="shared" si="40"/>
        <v>0.94288192282321492</v>
      </c>
    </row>
    <row r="2598" spans="8:19" x14ac:dyDescent="0.3">
      <c r="H2598" s="44">
        <v>2591</v>
      </c>
      <c r="I2598" s="56">
        <f>Bühler!I2624</f>
        <v>0.21758813603612651</v>
      </c>
      <c r="J2598" s="59">
        <f>Bühler!J2624</f>
        <v>0.72529378678708845</v>
      </c>
      <c r="K2598" s="59">
        <f>Bühler!K2624</f>
        <v>1.0879406801806326</v>
      </c>
      <c r="L2598" s="59">
        <f>Bühler!L2624</f>
        <v>5.2221152648670364</v>
      </c>
      <c r="M2598" s="58">
        <f>Bühler!M2624</f>
        <v>0</v>
      </c>
      <c r="N2598" s="56">
        <f>IF(Input!$D$19=1,J2598*Input!$C$19,0)+IF(Input!$D$20=1,K2598*Input!$C$20,0)+IF(Input!$D$21=1,L2598*Input!$C$21,0)+IF(Input!$D$22=1,M2598*Input!$C$22,0)</f>
        <v>0.21758813603612653</v>
      </c>
      <c r="O2598" s="59">
        <f>IF(Input!$D$19=2,J2598*Input!$C$19,0)+IF(Input!$D$20=2,K2598*Input!$C$20,0)+IF(Input!$D$21=2,L2598*Input!$C$21,0)+IF(Input!$D$22=2,M2598*Input!$C$22,0)</f>
        <v>0.54397034009031631</v>
      </c>
      <c r="P2598" s="59">
        <f>IF(Input!$D$19=3,J2598*Input!$C$19,0)+IF(Input!$D$20=3,K2598*Input!$C$20,0)+IF(Input!$D$21=3,L2598*Input!$C$21,0)+IF(Input!$D$22=3,M2598*Input!$C$22,0)</f>
        <v>0</v>
      </c>
      <c r="Q2598" s="75">
        <f>IF(Input!$D$19=4,J2598*Input!$C$19,0)+IF(Input!$D$20=4,K2598*Input!$C$20,0)+IF(Input!$D$21=4,L2598*Input!$C$21,0)+IF(Input!$D$22=4,M2598*Input!$C$22,0)</f>
        <v>0</v>
      </c>
      <c r="R2598" s="58">
        <v>58.227811382614689</v>
      </c>
      <c r="S2598" s="124">
        <f t="shared" si="40"/>
        <v>0.94288192282321492</v>
      </c>
    </row>
    <row r="2599" spans="8:19" x14ac:dyDescent="0.3">
      <c r="H2599" s="44">
        <v>2592</v>
      </c>
      <c r="I2599" s="56">
        <f>Bühler!I2625</f>
        <v>0.21758813603612651</v>
      </c>
      <c r="J2599" s="59">
        <f>Bühler!J2625</f>
        <v>0.72529378678708845</v>
      </c>
      <c r="K2599" s="59">
        <f>Bühler!K2625</f>
        <v>1.0879406801806326</v>
      </c>
      <c r="L2599" s="59">
        <f>Bühler!L2625</f>
        <v>5.2221152648670364</v>
      </c>
      <c r="M2599" s="58">
        <f>Bühler!M2625</f>
        <v>0</v>
      </c>
      <c r="N2599" s="56">
        <f>IF(Input!$D$19=1,J2599*Input!$C$19,0)+IF(Input!$D$20=1,K2599*Input!$C$20,0)+IF(Input!$D$21=1,L2599*Input!$C$21,0)+IF(Input!$D$22=1,M2599*Input!$C$22,0)</f>
        <v>0.21758813603612653</v>
      </c>
      <c r="O2599" s="59">
        <f>IF(Input!$D$19=2,J2599*Input!$C$19,0)+IF(Input!$D$20=2,K2599*Input!$C$20,0)+IF(Input!$D$21=2,L2599*Input!$C$21,0)+IF(Input!$D$22=2,M2599*Input!$C$22,0)</f>
        <v>0.54397034009031631</v>
      </c>
      <c r="P2599" s="59">
        <f>IF(Input!$D$19=3,J2599*Input!$C$19,0)+IF(Input!$D$20=3,K2599*Input!$C$20,0)+IF(Input!$D$21=3,L2599*Input!$C$21,0)+IF(Input!$D$22=3,M2599*Input!$C$22,0)</f>
        <v>0</v>
      </c>
      <c r="Q2599" s="75">
        <f>IF(Input!$D$19=4,J2599*Input!$C$19,0)+IF(Input!$D$20=4,K2599*Input!$C$20,0)+IF(Input!$D$21=4,L2599*Input!$C$21,0)+IF(Input!$D$22=4,M2599*Input!$C$22,0)</f>
        <v>0</v>
      </c>
      <c r="R2599" s="58">
        <v>57.656626715563817</v>
      </c>
      <c r="S2599" s="124">
        <f t="shared" si="40"/>
        <v>0.94288192282321492</v>
      </c>
    </row>
    <row r="2600" spans="8:19" x14ac:dyDescent="0.3">
      <c r="H2600" s="44">
        <v>2593</v>
      </c>
      <c r="I2600" s="56">
        <f>Bühler!I2626</f>
        <v>0.21645416940586185</v>
      </c>
      <c r="J2600" s="59">
        <f>Bühler!J2626</f>
        <v>0.72151389801953958</v>
      </c>
      <c r="K2600" s="59">
        <f>Bühler!K2626</f>
        <v>1.0822708470293092</v>
      </c>
      <c r="L2600" s="59">
        <f>Bühler!L2626</f>
        <v>5.1949000657406845</v>
      </c>
      <c r="M2600" s="58">
        <f>Bühler!M2626</f>
        <v>0</v>
      </c>
      <c r="N2600" s="56">
        <f>IF(Input!$D$19=1,J2600*Input!$C$19,0)+IF(Input!$D$20=1,K2600*Input!$C$20,0)+IF(Input!$D$21=1,L2600*Input!$C$21,0)+IF(Input!$D$22=1,M2600*Input!$C$22,0)</f>
        <v>0.21645416940586187</v>
      </c>
      <c r="O2600" s="59">
        <f>IF(Input!$D$19=2,J2600*Input!$C$19,0)+IF(Input!$D$20=2,K2600*Input!$C$20,0)+IF(Input!$D$21=2,L2600*Input!$C$21,0)+IF(Input!$D$22=2,M2600*Input!$C$22,0)</f>
        <v>0.5411354235146546</v>
      </c>
      <c r="P2600" s="59">
        <f>IF(Input!$D$19=3,J2600*Input!$C$19,0)+IF(Input!$D$20=3,K2600*Input!$C$20,0)+IF(Input!$D$21=3,L2600*Input!$C$21,0)+IF(Input!$D$22=3,M2600*Input!$C$22,0)</f>
        <v>0</v>
      </c>
      <c r="Q2600" s="75">
        <f>IF(Input!$D$19=4,J2600*Input!$C$19,0)+IF(Input!$D$20=4,K2600*Input!$C$20,0)+IF(Input!$D$21=4,L2600*Input!$C$21,0)+IF(Input!$D$22=4,M2600*Input!$C$22,0)</f>
        <v>0</v>
      </c>
      <c r="R2600" s="58">
        <v>57.085451776928636</v>
      </c>
      <c r="S2600" s="124">
        <f t="shared" si="40"/>
        <v>0.9379680674254014</v>
      </c>
    </row>
    <row r="2601" spans="8:19" x14ac:dyDescent="0.3">
      <c r="H2601" s="44">
        <v>2594</v>
      </c>
      <c r="I2601" s="56">
        <f>Bühler!I2627</f>
        <v>0.21645416940586185</v>
      </c>
      <c r="J2601" s="59">
        <f>Bühler!J2627</f>
        <v>0.72151389801953958</v>
      </c>
      <c r="K2601" s="59">
        <f>Bühler!K2627</f>
        <v>1.0822708470293092</v>
      </c>
      <c r="L2601" s="59">
        <f>Bühler!L2627</f>
        <v>5.1949000657406845</v>
      </c>
      <c r="M2601" s="58">
        <f>Bühler!M2627</f>
        <v>0</v>
      </c>
      <c r="N2601" s="56">
        <f>IF(Input!$D$19=1,J2601*Input!$C$19,0)+IF(Input!$D$20=1,K2601*Input!$C$20,0)+IF(Input!$D$21=1,L2601*Input!$C$21,0)+IF(Input!$D$22=1,M2601*Input!$C$22,0)</f>
        <v>0.21645416940586187</v>
      </c>
      <c r="O2601" s="59">
        <f>IF(Input!$D$19=2,J2601*Input!$C$19,0)+IF(Input!$D$20=2,K2601*Input!$C$20,0)+IF(Input!$D$21=2,L2601*Input!$C$21,0)+IF(Input!$D$22=2,M2601*Input!$C$22,0)</f>
        <v>0.5411354235146546</v>
      </c>
      <c r="P2601" s="59">
        <f>IF(Input!$D$19=3,J2601*Input!$C$19,0)+IF(Input!$D$20=3,K2601*Input!$C$20,0)+IF(Input!$D$21=3,L2601*Input!$C$21,0)+IF(Input!$D$22=3,M2601*Input!$C$22,0)</f>
        <v>0</v>
      </c>
      <c r="Q2601" s="75">
        <f>IF(Input!$D$19=4,J2601*Input!$C$19,0)+IF(Input!$D$20=4,K2601*Input!$C$20,0)+IF(Input!$D$21=4,L2601*Input!$C$21,0)+IF(Input!$D$22=4,M2601*Input!$C$22,0)</f>
        <v>0</v>
      </c>
      <c r="R2601" s="58">
        <v>56.201848297402279</v>
      </c>
      <c r="S2601" s="124">
        <f t="shared" si="40"/>
        <v>0.9379680674254014</v>
      </c>
    </row>
    <row r="2602" spans="8:19" x14ac:dyDescent="0.3">
      <c r="H2602" s="44">
        <v>2595</v>
      </c>
      <c r="I2602" s="56">
        <f>Bühler!I2628</f>
        <v>0.21645416940586185</v>
      </c>
      <c r="J2602" s="59">
        <f>Bühler!J2628</f>
        <v>0.72151389801953958</v>
      </c>
      <c r="K2602" s="59">
        <f>Bühler!K2628</f>
        <v>1.0822708470293092</v>
      </c>
      <c r="L2602" s="59">
        <f>Bühler!L2628</f>
        <v>5.1949000657406845</v>
      </c>
      <c r="M2602" s="58">
        <f>Bühler!M2628</f>
        <v>0</v>
      </c>
      <c r="N2602" s="56">
        <f>IF(Input!$D$19=1,J2602*Input!$C$19,0)+IF(Input!$D$20=1,K2602*Input!$C$20,0)+IF(Input!$D$21=1,L2602*Input!$C$21,0)+IF(Input!$D$22=1,M2602*Input!$C$22,0)</f>
        <v>0.21645416940586187</v>
      </c>
      <c r="O2602" s="59">
        <f>IF(Input!$D$19=2,J2602*Input!$C$19,0)+IF(Input!$D$20=2,K2602*Input!$C$20,0)+IF(Input!$D$21=2,L2602*Input!$C$21,0)+IF(Input!$D$22=2,M2602*Input!$C$22,0)</f>
        <v>0.5411354235146546</v>
      </c>
      <c r="P2602" s="59">
        <f>IF(Input!$D$19=3,J2602*Input!$C$19,0)+IF(Input!$D$20=3,K2602*Input!$C$20,0)+IF(Input!$D$21=3,L2602*Input!$C$21,0)+IF(Input!$D$22=3,M2602*Input!$C$22,0)</f>
        <v>0</v>
      </c>
      <c r="Q2602" s="75">
        <f>IF(Input!$D$19=4,J2602*Input!$C$19,0)+IF(Input!$D$20=4,K2602*Input!$C$20,0)+IF(Input!$D$21=4,L2602*Input!$C$21,0)+IF(Input!$D$22=4,M2602*Input!$C$22,0)</f>
        <v>0</v>
      </c>
      <c r="R2602" s="58">
        <v>56.288560177083028</v>
      </c>
      <c r="S2602" s="124">
        <f t="shared" si="40"/>
        <v>0.9379680674254014</v>
      </c>
    </row>
    <row r="2603" spans="8:19" x14ac:dyDescent="0.3">
      <c r="H2603" s="44">
        <v>2596</v>
      </c>
      <c r="I2603" s="56">
        <f>Bühler!I2629</f>
        <v>0.21645416940586185</v>
      </c>
      <c r="J2603" s="59">
        <f>Bühler!J2629</f>
        <v>0.72151389801953958</v>
      </c>
      <c r="K2603" s="59">
        <f>Bühler!K2629</f>
        <v>1.0822708470293092</v>
      </c>
      <c r="L2603" s="59">
        <f>Bühler!L2629</f>
        <v>5.1949000657406845</v>
      </c>
      <c r="M2603" s="58">
        <f>Bühler!M2629</f>
        <v>0</v>
      </c>
      <c r="N2603" s="56">
        <f>IF(Input!$D$19=1,J2603*Input!$C$19,0)+IF(Input!$D$20=1,K2603*Input!$C$20,0)+IF(Input!$D$21=1,L2603*Input!$C$21,0)+IF(Input!$D$22=1,M2603*Input!$C$22,0)</f>
        <v>0.21645416940586187</v>
      </c>
      <c r="O2603" s="59">
        <f>IF(Input!$D$19=2,J2603*Input!$C$19,0)+IF(Input!$D$20=2,K2603*Input!$C$20,0)+IF(Input!$D$21=2,L2603*Input!$C$21,0)+IF(Input!$D$22=2,M2603*Input!$C$22,0)</f>
        <v>0.5411354235146546</v>
      </c>
      <c r="P2603" s="59">
        <f>IF(Input!$D$19=3,J2603*Input!$C$19,0)+IF(Input!$D$20=3,K2603*Input!$C$20,0)+IF(Input!$D$21=3,L2603*Input!$C$21,0)+IF(Input!$D$22=3,M2603*Input!$C$22,0)</f>
        <v>0</v>
      </c>
      <c r="Q2603" s="75">
        <f>IF(Input!$D$19=4,J2603*Input!$C$19,0)+IF(Input!$D$20=4,K2603*Input!$C$20,0)+IF(Input!$D$21=4,L2603*Input!$C$21,0)+IF(Input!$D$22=4,M2603*Input!$C$22,0)</f>
        <v>0</v>
      </c>
      <c r="R2603" s="58">
        <v>57.079855956914052</v>
      </c>
      <c r="S2603" s="124">
        <f t="shared" si="40"/>
        <v>0.9379680674254014</v>
      </c>
    </row>
    <row r="2604" spans="8:19" x14ac:dyDescent="0.3">
      <c r="H2604" s="44">
        <v>2597</v>
      </c>
      <c r="I2604" s="56">
        <f>Bühler!I2630</f>
        <v>0.21645416940586185</v>
      </c>
      <c r="J2604" s="59">
        <f>Bühler!J2630</f>
        <v>0.72151389801953958</v>
      </c>
      <c r="K2604" s="59">
        <f>Bühler!K2630</f>
        <v>1.0822708470293092</v>
      </c>
      <c r="L2604" s="59">
        <f>Bühler!L2630</f>
        <v>5.1949000657406845</v>
      </c>
      <c r="M2604" s="58">
        <f>Bühler!M2630</f>
        <v>0</v>
      </c>
      <c r="N2604" s="56">
        <f>IF(Input!$D$19=1,J2604*Input!$C$19,0)+IF(Input!$D$20=1,K2604*Input!$C$20,0)+IF(Input!$D$21=1,L2604*Input!$C$21,0)+IF(Input!$D$22=1,M2604*Input!$C$22,0)</f>
        <v>0.21645416940586187</v>
      </c>
      <c r="O2604" s="59">
        <f>IF(Input!$D$19=2,J2604*Input!$C$19,0)+IF(Input!$D$20=2,K2604*Input!$C$20,0)+IF(Input!$D$21=2,L2604*Input!$C$21,0)+IF(Input!$D$22=2,M2604*Input!$C$22,0)</f>
        <v>0.5411354235146546</v>
      </c>
      <c r="P2604" s="59">
        <f>IF(Input!$D$19=3,J2604*Input!$C$19,0)+IF(Input!$D$20=3,K2604*Input!$C$20,0)+IF(Input!$D$21=3,L2604*Input!$C$21,0)+IF(Input!$D$22=3,M2604*Input!$C$22,0)</f>
        <v>0</v>
      </c>
      <c r="Q2604" s="75">
        <f>IF(Input!$D$19=4,J2604*Input!$C$19,0)+IF(Input!$D$20=4,K2604*Input!$C$20,0)+IF(Input!$D$21=4,L2604*Input!$C$21,0)+IF(Input!$D$22=4,M2604*Input!$C$22,0)</f>
        <v>0</v>
      </c>
      <c r="R2604" s="58">
        <v>57.9566006287805</v>
      </c>
      <c r="S2604" s="124">
        <f t="shared" si="40"/>
        <v>0.9379680674254014</v>
      </c>
    </row>
    <row r="2605" spans="8:19" x14ac:dyDescent="0.3">
      <c r="H2605" s="44">
        <v>2598</v>
      </c>
      <c r="I2605" s="56">
        <f>Bühler!I2631</f>
        <v>0.27898537390088862</v>
      </c>
      <c r="J2605" s="59">
        <f>Bühler!J2631</f>
        <v>0.92995124633629556</v>
      </c>
      <c r="K2605" s="59">
        <f>Bühler!K2631</f>
        <v>1.3949268695044432</v>
      </c>
      <c r="L2605" s="59">
        <f>Bühler!L2631</f>
        <v>6.6956489736213278</v>
      </c>
      <c r="M2605" s="58">
        <f>Bühler!M2631</f>
        <v>0</v>
      </c>
      <c r="N2605" s="56">
        <f>IF(Input!$D$19=1,J2605*Input!$C$19,0)+IF(Input!$D$20=1,K2605*Input!$C$20,0)+IF(Input!$D$21=1,L2605*Input!$C$21,0)+IF(Input!$D$22=1,M2605*Input!$C$22,0)</f>
        <v>0.27898537390088868</v>
      </c>
      <c r="O2605" s="59">
        <f>IF(Input!$D$19=2,J2605*Input!$C$19,0)+IF(Input!$D$20=2,K2605*Input!$C$20,0)+IF(Input!$D$21=2,L2605*Input!$C$21,0)+IF(Input!$D$22=2,M2605*Input!$C$22,0)</f>
        <v>0.69746343475222161</v>
      </c>
      <c r="P2605" s="59">
        <f>IF(Input!$D$19=3,J2605*Input!$C$19,0)+IF(Input!$D$20=3,K2605*Input!$C$20,0)+IF(Input!$D$21=3,L2605*Input!$C$21,0)+IF(Input!$D$22=3,M2605*Input!$C$22,0)</f>
        <v>0</v>
      </c>
      <c r="Q2605" s="75">
        <f>IF(Input!$D$19=4,J2605*Input!$C$19,0)+IF(Input!$D$20=4,K2605*Input!$C$20,0)+IF(Input!$D$21=4,L2605*Input!$C$21,0)+IF(Input!$D$22=4,M2605*Input!$C$22,0)</f>
        <v>0</v>
      </c>
      <c r="R2605" s="58">
        <v>60.759087482997813</v>
      </c>
      <c r="S2605" s="124">
        <f t="shared" si="40"/>
        <v>1.2089366202371843</v>
      </c>
    </row>
    <row r="2606" spans="8:19" x14ac:dyDescent="0.3">
      <c r="H2606" s="44">
        <v>2599</v>
      </c>
      <c r="I2606" s="56">
        <f>Bühler!I2632</f>
        <v>0.32227620778206106</v>
      </c>
      <c r="J2606" s="59">
        <f>Bühler!J2632</f>
        <v>1.0742540259402036</v>
      </c>
      <c r="K2606" s="59">
        <f>Bühler!K2632</f>
        <v>1.6113810389103054</v>
      </c>
      <c r="L2606" s="59">
        <f>Bühler!L2632</f>
        <v>7.7346289867694651</v>
      </c>
      <c r="M2606" s="58">
        <f>Bühler!M2632</f>
        <v>0</v>
      </c>
      <c r="N2606" s="56">
        <f>IF(Input!$D$19=1,J2606*Input!$C$19,0)+IF(Input!$D$20=1,K2606*Input!$C$20,0)+IF(Input!$D$21=1,L2606*Input!$C$21,0)+IF(Input!$D$22=1,M2606*Input!$C$22,0)</f>
        <v>0.32227620778206106</v>
      </c>
      <c r="O2606" s="59">
        <f>IF(Input!$D$19=2,J2606*Input!$C$19,0)+IF(Input!$D$20=2,K2606*Input!$C$20,0)+IF(Input!$D$21=2,L2606*Input!$C$21,0)+IF(Input!$D$22=2,M2606*Input!$C$22,0)</f>
        <v>0.80569051945515269</v>
      </c>
      <c r="P2606" s="59">
        <f>IF(Input!$D$19=3,J2606*Input!$C$19,0)+IF(Input!$D$20=3,K2606*Input!$C$20,0)+IF(Input!$D$21=3,L2606*Input!$C$21,0)+IF(Input!$D$22=3,M2606*Input!$C$22,0)</f>
        <v>0</v>
      </c>
      <c r="Q2606" s="75">
        <f>IF(Input!$D$19=4,J2606*Input!$C$19,0)+IF(Input!$D$20=4,K2606*Input!$C$20,0)+IF(Input!$D$21=4,L2606*Input!$C$21,0)+IF(Input!$D$22=4,M2606*Input!$C$22,0)</f>
        <v>0</v>
      </c>
      <c r="R2606" s="58">
        <v>64.195024767871743</v>
      </c>
      <c r="S2606" s="124">
        <f t="shared" si="40"/>
        <v>1.3965302337222647</v>
      </c>
    </row>
    <row r="2607" spans="8:19" x14ac:dyDescent="0.3">
      <c r="H2607" s="44">
        <v>2600</v>
      </c>
      <c r="I2607" s="56">
        <f>Bühler!I2633</f>
        <v>0.32227620778206106</v>
      </c>
      <c r="J2607" s="59">
        <f>Bühler!J2633</f>
        <v>1.0742540259402036</v>
      </c>
      <c r="K2607" s="59">
        <f>Bühler!K2633</f>
        <v>1.6113810389103054</v>
      </c>
      <c r="L2607" s="59">
        <f>Bühler!L2633</f>
        <v>7.7346289867694651</v>
      </c>
      <c r="M2607" s="58">
        <f>Bühler!M2633</f>
        <v>0</v>
      </c>
      <c r="N2607" s="56">
        <f>IF(Input!$D$19=1,J2607*Input!$C$19,0)+IF(Input!$D$20=1,K2607*Input!$C$20,0)+IF(Input!$D$21=1,L2607*Input!$C$21,0)+IF(Input!$D$22=1,M2607*Input!$C$22,0)</f>
        <v>0.32227620778206106</v>
      </c>
      <c r="O2607" s="59">
        <f>IF(Input!$D$19=2,J2607*Input!$C$19,0)+IF(Input!$D$20=2,K2607*Input!$C$20,0)+IF(Input!$D$21=2,L2607*Input!$C$21,0)+IF(Input!$D$22=2,M2607*Input!$C$22,0)</f>
        <v>0.80569051945515269</v>
      </c>
      <c r="P2607" s="59">
        <f>IF(Input!$D$19=3,J2607*Input!$C$19,0)+IF(Input!$D$20=3,K2607*Input!$C$20,0)+IF(Input!$D$21=3,L2607*Input!$C$21,0)+IF(Input!$D$22=3,M2607*Input!$C$22,0)</f>
        <v>0</v>
      </c>
      <c r="Q2607" s="75">
        <f>IF(Input!$D$19=4,J2607*Input!$C$19,0)+IF(Input!$D$20=4,K2607*Input!$C$20,0)+IF(Input!$D$21=4,L2607*Input!$C$21,0)+IF(Input!$D$22=4,M2607*Input!$C$22,0)</f>
        <v>0</v>
      </c>
      <c r="R2607" s="58">
        <v>65.759424170563619</v>
      </c>
      <c r="S2607" s="124">
        <f t="shared" si="40"/>
        <v>1.3965302337222647</v>
      </c>
    </row>
    <row r="2608" spans="8:19" x14ac:dyDescent="0.3">
      <c r="H2608" s="44">
        <v>2601</v>
      </c>
      <c r="I2608" s="56">
        <f>Bühler!I2634</f>
        <v>0.32227620778206106</v>
      </c>
      <c r="J2608" s="59">
        <f>Bühler!J2634</f>
        <v>1.0742540259402036</v>
      </c>
      <c r="K2608" s="59">
        <f>Bühler!K2634</f>
        <v>1.6113810389103054</v>
      </c>
      <c r="L2608" s="59">
        <f>Bühler!L2634</f>
        <v>7.7346289867694651</v>
      </c>
      <c r="M2608" s="58">
        <f>Bühler!M2634</f>
        <v>0</v>
      </c>
      <c r="N2608" s="56">
        <f>IF(Input!$D$19=1,J2608*Input!$C$19,0)+IF(Input!$D$20=1,K2608*Input!$C$20,0)+IF(Input!$D$21=1,L2608*Input!$C$21,0)+IF(Input!$D$22=1,M2608*Input!$C$22,0)</f>
        <v>0.32227620778206106</v>
      </c>
      <c r="O2608" s="59">
        <f>IF(Input!$D$19=2,J2608*Input!$C$19,0)+IF(Input!$D$20=2,K2608*Input!$C$20,0)+IF(Input!$D$21=2,L2608*Input!$C$21,0)+IF(Input!$D$22=2,M2608*Input!$C$22,0)</f>
        <v>0.80569051945515269</v>
      </c>
      <c r="P2608" s="59">
        <f>IF(Input!$D$19=3,J2608*Input!$C$19,0)+IF(Input!$D$20=3,K2608*Input!$C$20,0)+IF(Input!$D$21=3,L2608*Input!$C$21,0)+IF(Input!$D$22=3,M2608*Input!$C$22,0)</f>
        <v>0</v>
      </c>
      <c r="Q2608" s="75">
        <f>IF(Input!$D$19=4,J2608*Input!$C$19,0)+IF(Input!$D$20=4,K2608*Input!$C$20,0)+IF(Input!$D$21=4,L2608*Input!$C$21,0)+IF(Input!$D$22=4,M2608*Input!$C$22,0)</f>
        <v>0</v>
      </c>
      <c r="R2608" s="58">
        <v>66.522494384048201</v>
      </c>
      <c r="S2608" s="124">
        <f t="shared" si="40"/>
        <v>1.3965302337222647</v>
      </c>
    </row>
    <row r="2609" spans="8:19" x14ac:dyDescent="0.3">
      <c r="H2609" s="44">
        <v>2602</v>
      </c>
      <c r="I2609" s="56">
        <f>Bühler!I2635</f>
        <v>0.34632667104937898</v>
      </c>
      <c r="J2609" s="59">
        <f>Bühler!J2635</f>
        <v>1.1544222368312633</v>
      </c>
      <c r="K2609" s="59">
        <f>Bühler!K2635</f>
        <v>1.731633355246895</v>
      </c>
      <c r="L2609" s="59">
        <f>Bühler!L2635</f>
        <v>8.3118401051850963</v>
      </c>
      <c r="M2609" s="58">
        <f>Bühler!M2635</f>
        <v>0</v>
      </c>
      <c r="N2609" s="56">
        <f>IF(Input!$D$19=1,J2609*Input!$C$19,0)+IF(Input!$D$20=1,K2609*Input!$C$20,0)+IF(Input!$D$21=1,L2609*Input!$C$21,0)+IF(Input!$D$22=1,M2609*Input!$C$22,0)</f>
        <v>0.34632667104937898</v>
      </c>
      <c r="O2609" s="59">
        <f>IF(Input!$D$19=2,J2609*Input!$C$19,0)+IF(Input!$D$20=2,K2609*Input!$C$20,0)+IF(Input!$D$21=2,L2609*Input!$C$21,0)+IF(Input!$D$22=2,M2609*Input!$C$22,0)</f>
        <v>0.86581667762344749</v>
      </c>
      <c r="P2609" s="59">
        <f>IF(Input!$D$19=3,J2609*Input!$C$19,0)+IF(Input!$D$20=3,K2609*Input!$C$20,0)+IF(Input!$D$21=3,L2609*Input!$C$21,0)+IF(Input!$D$22=3,M2609*Input!$C$22,0)</f>
        <v>0</v>
      </c>
      <c r="Q2609" s="75">
        <f>IF(Input!$D$19=4,J2609*Input!$C$19,0)+IF(Input!$D$20=4,K2609*Input!$C$20,0)+IF(Input!$D$21=4,L2609*Input!$C$21,0)+IF(Input!$D$22=4,M2609*Input!$C$22,0)</f>
        <v>0</v>
      </c>
      <c r="R2609" s="58">
        <v>66.624783673615227</v>
      </c>
      <c r="S2609" s="124">
        <f t="shared" si="40"/>
        <v>1.5007489078806424</v>
      </c>
    </row>
    <row r="2610" spans="8:19" x14ac:dyDescent="0.3">
      <c r="H2610" s="44">
        <v>2603</v>
      </c>
      <c r="I2610" s="56">
        <f>Bühler!I2636</f>
        <v>0.37518722697016055</v>
      </c>
      <c r="J2610" s="59">
        <f>Bühler!J2636</f>
        <v>1.2506240899005352</v>
      </c>
      <c r="K2610" s="59">
        <f>Bühler!K2636</f>
        <v>1.8759361348508028</v>
      </c>
      <c r="L2610" s="59">
        <f>Bühler!L2636</f>
        <v>9.0044934472838527</v>
      </c>
      <c r="M2610" s="58">
        <f>Bühler!M2636</f>
        <v>0</v>
      </c>
      <c r="N2610" s="56">
        <f>IF(Input!$D$19=1,J2610*Input!$C$19,0)+IF(Input!$D$20=1,K2610*Input!$C$20,0)+IF(Input!$D$21=1,L2610*Input!$C$21,0)+IF(Input!$D$22=1,M2610*Input!$C$22,0)</f>
        <v>0.37518722697016055</v>
      </c>
      <c r="O2610" s="59">
        <f>IF(Input!$D$19=2,J2610*Input!$C$19,0)+IF(Input!$D$20=2,K2610*Input!$C$20,0)+IF(Input!$D$21=2,L2610*Input!$C$21,0)+IF(Input!$D$22=2,M2610*Input!$C$22,0)</f>
        <v>0.9379680674254014</v>
      </c>
      <c r="P2610" s="59">
        <f>IF(Input!$D$19=3,J2610*Input!$C$19,0)+IF(Input!$D$20=3,K2610*Input!$C$20,0)+IF(Input!$D$21=3,L2610*Input!$C$21,0)+IF(Input!$D$22=3,M2610*Input!$C$22,0)</f>
        <v>0</v>
      </c>
      <c r="Q2610" s="75">
        <f>IF(Input!$D$19=4,J2610*Input!$C$19,0)+IF(Input!$D$20=4,K2610*Input!$C$20,0)+IF(Input!$D$21=4,L2610*Input!$C$21,0)+IF(Input!$D$22=4,M2610*Input!$C$22,0)</f>
        <v>0</v>
      </c>
      <c r="R2610" s="58">
        <v>67.269773770527124</v>
      </c>
      <c r="S2610" s="124">
        <f t="shared" si="40"/>
        <v>1.6258113168706958</v>
      </c>
    </row>
    <row r="2611" spans="8:19" x14ac:dyDescent="0.3">
      <c r="H2611" s="44">
        <v>2604</v>
      </c>
      <c r="I2611" s="56">
        <f>Bühler!I2637</f>
        <v>0.43290833881172369</v>
      </c>
      <c r="J2611" s="59">
        <f>Bühler!J2637</f>
        <v>1.4430277960390792</v>
      </c>
      <c r="K2611" s="59">
        <f>Bühler!K2637</f>
        <v>2.1645416940586184</v>
      </c>
      <c r="L2611" s="59">
        <f>Bühler!L2637</f>
        <v>10.389800131481369</v>
      </c>
      <c r="M2611" s="58">
        <f>Bühler!M2637</f>
        <v>0</v>
      </c>
      <c r="N2611" s="56">
        <f>IF(Input!$D$19=1,J2611*Input!$C$19,0)+IF(Input!$D$20=1,K2611*Input!$C$20,0)+IF(Input!$D$21=1,L2611*Input!$C$21,0)+IF(Input!$D$22=1,M2611*Input!$C$22,0)</f>
        <v>0.43290833881172375</v>
      </c>
      <c r="O2611" s="59">
        <f>IF(Input!$D$19=2,J2611*Input!$C$19,0)+IF(Input!$D$20=2,K2611*Input!$C$20,0)+IF(Input!$D$21=2,L2611*Input!$C$21,0)+IF(Input!$D$22=2,M2611*Input!$C$22,0)</f>
        <v>1.0822708470293092</v>
      </c>
      <c r="P2611" s="59">
        <f>IF(Input!$D$19=3,J2611*Input!$C$19,0)+IF(Input!$D$20=3,K2611*Input!$C$20,0)+IF(Input!$D$21=3,L2611*Input!$C$21,0)+IF(Input!$D$22=3,M2611*Input!$C$22,0)</f>
        <v>0</v>
      </c>
      <c r="Q2611" s="75">
        <f>IF(Input!$D$19=4,J2611*Input!$C$19,0)+IF(Input!$D$20=4,K2611*Input!$C$20,0)+IF(Input!$D$21=4,L2611*Input!$C$21,0)+IF(Input!$D$22=4,M2611*Input!$C$22,0)</f>
        <v>0</v>
      </c>
      <c r="R2611" s="58">
        <v>68.351780835005272</v>
      </c>
      <c r="S2611" s="124">
        <f t="shared" si="40"/>
        <v>1.8759361348508028</v>
      </c>
    </row>
    <row r="2612" spans="8:19" x14ac:dyDescent="0.3">
      <c r="H2612" s="44">
        <v>2605</v>
      </c>
      <c r="I2612" s="56">
        <f>Bühler!I2638</f>
        <v>0.43290833881172369</v>
      </c>
      <c r="J2612" s="59">
        <f>Bühler!J2638</f>
        <v>1.4430277960390792</v>
      </c>
      <c r="K2612" s="59">
        <f>Bühler!K2638</f>
        <v>2.1645416940586184</v>
      </c>
      <c r="L2612" s="59">
        <f>Bühler!L2638</f>
        <v>10.389800131481369</v>
      </c>
      <c r="M2612" s="58">
        <f>Bühler!M2638</f>
        <v>0</v>
      </c>
      <c r="N2612" s="56">
        <f>IF(Input!$D$19=1,J2612*Input!$C$19,0)+IF(Input!$D$20=1,K2612*Input!$C$20,0)+IF(Input!$D$21=1,L2612*Input!$C$21,0)+IF(Input!$D$22=1,M2612*Input!$C$22,0)</f>
        <v>0.43290833881172375</v>
      </c>
      <c r="O2612" s="59">
        <f>IF(Input!$D$19=2,J2612*Input!$C$19,0)+IF(Input!$D$20=2,K2612*Input!$C$20,0)+IF(Input!$D$21=2,L2612*Input!$C$21,0)+IF(Input!$D$22=2,M2612*Input!$C$22,0)</f>
        <v>1.0822708470293092</v>
      </c>
      <c r="P2612" s="59">
        <f>IF(Input!$D$19=3,J2612*Input!$C$19,0)+IF(Input!$D$20=3,K2612*Input!$C$20,0)+IF(Input!$D$21=3,L2612*Input!$C$21,0)+IF(Input!$D$22=3,M2612*Input!$C$22,0)</f>
        <v>0</v>
      </c>
      <c r="Q2612" s="75">
        <f>IF(Input!$D$19=4,J2612*Input!$C$19,0)+IF(Input!$D$20=4,K2612*Input!$C$20,0)+IF(Input!$D$21=4,L2612*Input!$C$21,0)+IF(Input!$D$22=4,M2612*Input!$C$22,0)</f>
        <v>0</v>
      </c>
      <c r="R2612" s="58">
        <v>68.426928099751748</v>
      </c>
      <c r="S2612" s="124">
        <f t="shared" si="40"/>
        <v>1.8759361348508028</v>
      </c>
    </row>
    <row r="2613" spans="8:19" x14ac:dyDescent="0.3">
      <c r="H2613" s="44">
        <v>2606</v>
      </c>
      <c r="I2613" s="56">
        <f>Bühler!I2639</f>
        <v>0.43290833881172369</v>
      </c>
      <c r="J2613" s="59">
        <f>Bühler!J2639</f>
        <v>1.4430277960390792</v>
      </c>
      <c r="K2613" s="59">
        <f>Bühler!K2639</f>
        <v>2.1645416940586184</v>
      </c>
      <c r="L2613" s="59">
        <f>Bühler!L2639</f>
        <v>10.389800131481369</v>
      </c>
      <c r="M2613" s="58">
        <f>Bühler!M2639</f>
        <v>0</v>
      </c>
      <c r="N2613" s="56">
        <f>IF(Input!$D$19=1,J2613*Input!$C$19,0)+IF(Input!$D$20=1,K2613*Input!$C$20,0)+IF(Input!$D$21=1,L2613*Input!$C$21,0)+IF(Input!$D$22=1,M2613*Input!$C$22,0)</f>
        <v>0.43290833881172375</v>
      </c>
      <c r="O2613" s="59">
        <f>IF(Input!$D$19=2,J2613*Input!$C$19,0)+IF(Input!$D$20=2,K2613*Input!$C$20,0)+IF(Input!$D$21=2,L2613*Input!$C$21,0)+IF(Input!$D$22=2,M2613*Input!$C$22,0)</f>
        <v>1.0822708470293092</v>
      </c>
      <c r="P2613" s="59">
        <f>IF(Input!$D$19=3,J2613*Input!$C$19,0)+IF(Input!$D$20=3,K2613*Input!$C$20,0)+IF(Input!$D$21=3,L2613*Input!$C$21,0)+IF(Input!$D$22=3,M2613*Input!$C$22,0)</f>
        <v>0</v>
      </c>
      <c r="Q2613" s="75">
        <f>IF(Input!$D$19=4,J2613*Input!$C$19,0)+IF(Input!$D$20=4,K2613*Input!$C$20,0)+IF(Input!$D$21=4,L2613*Input!$C$21,0)+IF(Input!$D$22=4,M2613*Input!$C$22,0)</f>
        <v>0</v>
      </c>
      <c r="R2613" s="58">
        <v>67.914733426912477</v>
      </c>
      <c r="S2613" s="124">
        <f t="shared" si="40"/>
        <v>1.8759361348508028</v>
      </c>
    </row>
    <row r="2614" spans="8:19" x14ac:dyDescent="0.3">
      <c r="H2614" s="44">
        <v>2607</v>
      </c>
      <c r="I2614" s="56">
        <f>Bühler!I2640</f>
        <v>0.43290833881172369</v>
      </c>
      <c r="J2614" s="59">
        <f>Bühler!J2640</f>
        <v>1.4430277960390792</v>
      </c>
      <c r="K2614" s="59">
        <f>Bühler!K2640</f>
        <v>2.1645416940586184</v>
      </c>
      <c r="L2614" s="59">
        <f>Bühler!L2640</f>
        <v>10.389800131481369</v>
      </c>
      <c r="M2614" s="58">
        <f>Bühler!M2640</f>
        <v>0</v>
      </c>
      <c r="N2614" s="56">
        <f>IF(Input!$D$19=1,J2614*Input!$C$19,0)+IF(Input!$D$20=1,K2614*Input!$C$20,0)+IF(Input!$D$21=1,L2614*Input!$C$21,0)+IF(Input!$D$22=1,M2614*Input!$C$22,0)</f>
        <v>0.43290833881172375</v>
      </c>
      <c r="O2614" s="59">
        <f>IF(Input!$D$19=2,J2614*Input!$C$19,0)+IF(Input!$D$20=2,K2614*Input!$C$20,0)+IF(Input!$D$21=2,L2614*Input!$C$21,0)+IF(Input!$D$22=2,M2614*Input!$C$22,0)</f>
        <v>1.0822708470293092</v>
      </c>
      <c r="P2614" s="59">
        <f>IF(Input!$D$19=3,J2614*Input!$C$19,0)+IF(Input!$D$20=3,K2614*Input!$C$20,0)+IF(Input!$D$21=3,L2614*Input!$C$21,0)+IF(Input!$D$22=3,M2614*Input!$C$22,0)</f>
        <v>0</v>
      </c>
      <c r="Q2614" s="75">
        <f>IF(Input!$D$19=4,J2614*Input!$C$19,0)+IF(Input!$D$20=4,K2614*Input!$C$20,0)+IF(Input!$D$21=4,L2614*Input!$C$21,0)+IF(Input!$D$22=4,M2614*Input!$C$22,0)</f>
        <v>0</v>
      </c>
      <c r="R2614" s="58">
        <v>68.438976193409758</v>
      </c>
      <c r="S2614" s="124">
        <f t="shared" si="40"/>
        <v>1.8759361348508028</v>
      </c>
    </row>
    <row r="2615" spans="8:19" x14ac:dyDescent="0.3">
      <c r="H2615" s="44">
        <v>2608</v>
      </c>
      <c r="I2615" s="56">
        <f>Bühler!I2641</f>
        <v>0.43290833881172369</v>
      </c>
      <c r="J2615" s="59">
        <f>Bühler!J2641</f>
        <v>1.4430277960390792</v>
      </c>
      <c r="K2615" s="59">
        <f>Bühler!K2641</f>
        <v>2.1645416940586184</v>
      </c>
      <c r="L2615" s="59">
        <f>Bühler!L2641</f>
        <v>10.389800131481369</v>
      </c>
      <c r="M2615" s="58">
        <f>Bühler!M2641</f>
        <v>0</v>
      </c>
      <c r="N2615" s="56">
        <f>IF(Input!$D$19=1,J2615*Input!$C$19,0)+IF(Input!$D$20=1,K2615*Input!$C$20,0)+IF(Input!$D$21=1,L2615*Input!$C$21,0)+IF(Input!$D$22=1,M2615*Input!$C$22,0)</f>
        <v>0.43290833881172375</v>
      </c>
      <c r="O2615" s="59">
        <f>IF(Input!$D$19=2,J2615*Input!$C$19,0)+IF(Input!$D$20=2,K2615*Input!$C$20,0)+IF(Input!$D$21=2,L2615*Input!$C$21,0)+IF(Input!$D$22=2,M2615*Input!$C$22,0)</f>
        <v>1.0822708470293092</v>
      </c>
      <c r="P2615" s="59">
        <f>IF(Input!$D$19=3,J2615*Input!$C$19,0)+IF(Input!$D$20=3,K2615*Input!$C$20,0)+IF(Input!$D$21=3,L2615*Input!$C$21,0)+IF(Input!$D$22=3,M2615*Input!$C$22,0)</f>
        <v>0</v>
      </c>
      <c r="Q2615" s="75">
        <f>IF(Input!$D$19=4,J2615*Input!$C$19,0)+IF(Input!$D$20=4,K2615*Input!$C$20,0)+IF(Input!$D$21=4,L2615*Input!$C$21,0)+IF(Input!$D$22=4,M2615*Input!$C$22,0)</f>
        <v>0</v>
      </c>
      <c r="R2615" s="58">
        <v>67.807154017103215</v>
      </c>
      <c r="S2615" s="124">
        <f t="shared" si="40"/>
        <v>1.8759361348508028</v>
      </c>
    </row>
    <row r="2616" spans="8:19" x14ac:dyDescent="0.3">
      <c r="H2616" s="44">
        <v>2609</v>
      </c>
      <c r="I2616" s="56">
        <f>Bühler!I2642</f>
        <v>0.43290833881172369</v>
      </c>
      <c r="J2616" s="59">
        <f>Bühler!J2642</f>
        <v>1.4430277960390792</v>
      </c>
      <c r="K2616" s="59">
        <f>Bühler!K2642</f>
        <v>2.1645416940586184</v>
      </c>
      <c r="L2616" s="59">
        <f>Bühler!L2642</f>
        <v>10.389800131481369</v>
      </c>
      <c r="M2616" s="58">
        <f>Bühler!M2642</f>
        <v>0</v>
      </c>
      <c r="N2616" s="56">
        <f>IF(Input!$D$19=1,J2616*Input!$C$19,0)+IF(Input!$D$20=1,K2616*Input!$C$20,0)+IF(Input!$D$21=1,L2616*Input!$C$21,0)+IF(Input!$D$22=1,M2616*Input!$C$22,0)</f>
        <v>0.43290833881172375</v>
      </c>
      <c r="O2616" s="59">
        <f>IF(Input!$D$19=2,J2616*Input!$C$19,0)+IF(Input!$D$20=2,K2616*Input!$C$20,0)+IF(Input!$D$21=2,L2616*Input!$C$21,0)+IF(Input!$D$22=2,M2616*Input!$C$22,0)</f>
        <v>1.0822708470293092</v>
      </c>
      <c r="P2616" s="59">
        <f>IF(Input!$D$19=3,J2616*Input!$C$19,0)+IF(Input!$D$20=3,K2616*Input!$C$20,0)+IF(Input!$D$21=3,L2616*Input!$C$21,0)+IF(Input!$D$22=3,M2616*Input!$C$22,0)</f>
        <v>0</v>
      </c>
      <c r="Q2616" s="75">
        <f>IF(Input!$D$19=4,J2616*Input!$C$19,0)+IF(Input!$D$20=4,K2616*Input!$C$20,0)+IF(Input!$D$21=4,L2616*Input!$C$21,0)+IF(Input!$D$22=4,M2616*Input!$C$22,0)</f>
        <v>0</v>
      </c>
      <c r="R2616" s="58">
        <v>66.510248583877626</v>
      </c>
      <c r="S2616" s="124">
        <f t="shared" si="40"/>
        <v>1.8759361348508028</v>
      </c>
    </row>
    <row r="2617" spans="8:19" x14ac:dyDescent="0.3">
      <c r="H2617" s="44">
        <v>2610</v>
      </c>
      <c r="I2617" s="56">
        <f>Bühler!I2643</f>
        <v>0.43290833881172369</v>
      </c>
      <c r="J2617" s="59">
        <f>Bühler!J2643</f>
        <v>1.4430277960390792</v>
      </c>
      <c r="K2617" s="59">
        <f>Bühler!K2643</f>
        <v>2.1645416940586184</v>
      </c>
      <c r="L2617" s="59">
        <f>Bühler!L2643</f>
        <v>10.389800131481369</v>
      </c>
      <c r="M2617" s="58">
        <f>Bühler!M2643</f>
        <v>0</v>
      </c>
      <c r="N2617" s="56">
        <f>IF(Input!$D$19=1,J2617*Input!$C$19,0)+IF(Input!$D$20=1,K2617*Input!$C$20,0)+IF(Input!$D$21=1,L2617*Input!$C$21,0)+IF(Input!$D$22=1,M2617*Input!$C$22,0)</f>
        <v>0.43290833881172375</v>
      </c>
      <c r="O2617" s="59">
        <f>IF(Input!$D$19=2,J2617*Input!$C$19,0)+IF(Input!$D$20=2,K2617*Input!$C$20,0)+IF(Input!$D$21=2,L2617*Input!$C$21,0)+IF(Input!$D$22=2,M2617*Input!$C$22,0)</f>
        <v>1.0822708470293092</v>
      </c>
      <c r="P2617" s="59">
        <f>IF(Input!$D$19=3,J2617*Input!$C$19,0)+IF(Input!$D$20=3,K2617*Input!$C$20,0)+IF(Input!$D$21=3,L2617*Input!$C$21,0)+IF(Input!$D$22=3,M2617*Input!$C$22,0)</f>
        <v>0</v>
      </c>
      <c r="Q2617" s="75">
        <f>IF(Input!$D$19=4,J2617*Input!$C$19,0)+IF(Input!$D$20=4,K2617*Input!$C$20,0)+IF(Input!$D$21=4,L2617*Input!$C$21,0)+IF(Input!$D$22=4,M2617*Input!$C$22,0)</f>
        <v>0</v>
      </c>
      <c r="R2617" s="58">
        <v>64.710229836184979</v>
      </c>
      <c r="S2617" s="124">
        <f t="shared" si="40"/>
        <v>1.8759361348508028</v>
      </c>
    </row>
    <row r="2618" spans="8:19" x14ac:dyDescent="0.3">
      <c r="H2618" s="44">
        <v>2611</v>
      </c>
      <c r="I2618" s="56">
        <f>Bühler!I2644</f>
        <v>0.43290833881172369</v>
      </c>
      <c r="J2618" s="59">
        <f>Bühler!J2644</f>
        <v>1.4430277960390792</v>
      </c>
      <c r="K2618" s="59">
        <f>Bühler!K2644</f>
        <v>2.1645416940586184</v>
      </c>
      <c r="L2618" s="59">
        <f>Bühler!L2644</f>
        <v>10.389800131481369</v>
      </c>
      <c r="M2618" s="58">
        <f>Bühler!M2644</f>
        <v>0</v>
      </c>
      <c r="N2618" s="56">
        <f>IF(Input!$D$19=1,J2618*Input!$C$19,0)+IF(Input!$D$20=1,K2618*Input!$C$20,0)+IF(Input!$D$21=1,L2618*Input!$C$21,0)+IF(Input!$D$22=1,M2618*Input!$C$22,0)</f>
        <v>0.43290833881172375</v>
      </c>
      <c r="O2618" s="59">
        <f>IF(Input!$D$19=2,J2618*Input!$C$19,0)+IF(Input!$D$20=2,K2618*Input!$C$20,0)+IF(Input!$D$21=2,L2618*Input!$C$21,0)+IF(Input!$D$22=2,M2618*Input!$C$22,0)</f>
        <v>1.0822708470293092</v>
      </c>
      <c r="P2618" s="59">
        <f>IF(Input!$D$19=3,J2618*Input!$C$19,0)+IF(Input!$D$20=3,K2618*Input!$C$20,0)+IF(Input!$D$21=3,L2618*Input!$C$21,0)+IF(Input!$D$22=3,M2618*Input!$C$22,0)</f>
        <v>0</v>
      </c>
      <c r="Q2618" s="75">
        <f>IF(Input!$D$19=4,J2618*Input!$C$19,0)+IF(Input!$D$20=4,K2618*Input!$C$20,0)+IF(Input!$D$21=4,L2618*Input!$C$21,0)+IF(Input!$D$22=4,M2618*Input!$C$22,0)</f>
        <v>0</v>
      </c>
      <c r="R2618" s="58">
        <v>63.773562458251831</v>
      </c>
      <c r="S2618" s="124">
        <f t="shared" si="40"/>
        <v>1.8759361348508028</v>
      </c>
    </row>
    <row r="2619" spans="8:19" x14ac:dyDescent="0.3">
      <c r="H2619" s="44">
        <v>2612</v>
      </c>
      <c r="I2619" s="56">
        <f>Bühler!I2645</f>
        <v>0.36075694900976979</v>
      </c>
      <c r="J2619" s="59">
        <f>Bühler!J2645</f>
        <v>1.2025231633658995</v>
      </c>
      <c r="K2619" s="59">
        <f>Bühler!K2645</f>
        <v>1.8037847450488489</v>
      </c>
      <c r="L2619" s="59">
        <f>Bühler!L2645</f>
        <v>8.6581667762344754</v>
      </c>
      <c r="M2619" s="58">
        <f>Bühler!M2645</f>
        <v>0</v>
      </c>
      <c r="N2619" s="56">
        <f>IF(Input!$D$19=1,J2619*Input!$C$19,0)+IF(Input!$D$20=1,K2619*Input!$C$20,0)+IF(Input!$D$21=1,L2619*Input!$C$21,0)+IF(Input!$D$22=1,M2619*Input!$C$22,0)</f>
        <v>0.36075694900976985</v>
      </c>
      <c r="O2619" s="59">
        <f>IF(Input!$D$19=2,J2619*Input!$C$19,0)+IF(Input!$D$20=2,K2619*Input!$C$20,0)+IF(Input!$D$21=2,L2619*Input!$C$21,0)+IF(Input!$D$22=2,M2619*Input!$C$22,0)</f>
        <v>0.90189237252442445</v>
      </c>
      <c r="P2619" s="59">
        <f>IF(Input!$D$19=3,J2619*Input!$C$19,0)+IF(Input!$D$20=3,K2619*Input!$C$20,0)+IF(Input!$D$21=3,L2619*Input!$C$21,0)+IF(Input!$D$22=3,M2619*Input!$C$22,0)</f>
        <v>0</v>
      </c>
      <c r="Q2619" s="75">
        <f>IF(Input!$D$19=4,J2619*Input!$C$19,0)+IF(Input!$D$20=4,K2619*Input!$C$20,0)+IF(Input!$D$21=4,L2619*Input!$C$21,0)+IF(Input!$D$22=4,M2619*Input!$C$22,0)</f>
        <v>0</v>
      </c>
      <c r="R2619" s="58">
        <v>62.424400898942288</v>
      </c>
      <c r="S2619" s="124">
        <f t="shared" si="40"/>
        <v>1.5632801123756692</v>
      </c>
    </row>
    <row r="2620" spans="8:19" x14ac:dyDescent="0.3">
      <c r="H2620" s="44">
        <v>2613</v>
      </c>
      <c r="I2620" s="56">
        <f>Bühler!I2646</f>
        <v>0.28860555920781583</v>
      </c>
      <c r="J2620" s="59">
        <f>Bühler!J2646</f>
        <v>0.96201853069271948</v>
      </c>
      <c r="K2620" s="59">
        <f>Bühler!K2646</f>
        <v>1.4430277960390792</v>
      </c>
      <c r="L2620" s="59">
        <f>Bühler!L2646</f>
        <v>6.9265334209875791</v>
      </c>
      <c r="M2620" s="58">
        <f>Bühler!M2646</f>
        <v>0</v>
      </c>
      <c r="N2620" s="56">
        <f>IF(Input!$D$19=1,J2620*Input!$C$19,0)+IF(Input!$D$20=1,K2620*Input!$C$20,0)+IF(Input!$D$21=1,L2620*Input!$C$21,0)+IF(Input!$D$22=1,M2620*Input!$C$22,0)</f>
        <v>0.28860555920781583</v>
      </c>
      <c r="O2620" s="59">
        <f>IF(Input!$D$19=2,J2620*Input!$C$19,0)+IF(Input!$D$20=2,K2620*Input!$C$20,0)+IF(Input!$D$21=2,L2620*Input!$C$21,0)+IF(Input!$D$22=2,M2620*Input!$C$22,0)</f>
        <v>0.72151389801953958</v>
      </c>
      <c r="P2620" s="59">
        <f>IF(Input!$D$19=3,J2620*Input!$C$19,0)+IF(Input!$D$20=3,K2620*Input!$C$20,0)+IF(Input!$D$21=3,L2620*Input!$C$21,0)+IF(Input!$D$22=3,M2620*Input!$C$22,0)</f>
        <v>0</v>
      </c>
      <c r="Q2620" s="75">
        <f>IF(Input!$D$19=4,J2620*Input!$C$19,0)+IF(Input!$D$20=4,K2620*Input!$C$20,0)+IF(Input!$D$21=4,L2620*Input!$C$21,0)+IF(Input!$D$22=4,M2620*Input!$C$22,0)</f>
        <v>0</v>
      </c>
      <c r="R2620" s="58">
        <v>60.384570133675162</v>
      </c>
      <c r="S2620" s="124">
        <f t="shared" si="40"/>
        <v>1.2506240899005352</v>
      </c>
    </row>
    <row r="2621" spans="8:19" x14ac:dyDescent="0.3">
      <c r="H2621" s="44">
        <v>2614</v>
      </c>
      <c r="I2621" s="56">
        <f>Bühler!I2647</f>
        <v>0.21645416940586185</v>
      </c>
      <c r="J2621" s="59">
        <f>Bühler!J2647</f>
        <v>0.72151389801953958</v>
      </c>
      <c r="K2621" s="59">
        <f>Bühler!K2647</f>
        <v>1.0822708470293092</v>
      </c>
      <c r="L2621" s="59">
        <f>Bühler!L2647</f>
        <v>5.1949000657406845</v>
      </c>
      <c r="M2621" s="58">
        <f>Bühler!M2647</f>
        <v>0</v>
      </c>
      <c r="N2621" s="56">
        <f>IF(Input!$D$19=1,J2621*Input!$C$19,0)+IF(Input!$D$20=1,K2621*Input!$C$20,0)+IF(Input!$D$21=1,L2621*Input!$C$21,0)+IF(Input!$D$22=1,M2621*Input!$C$22,0)</f>
        <v>0.21645416940586187</v>
      </c>
      <c r="O2621" s="59">
        <f>IF(Input!$D$19=2,J2621*Input!$C$19,0)+IF(Input!$D$20=2,K2621*Input!$C$20,0)+IF(Input!$D$21=2,L2621*Input!$C$21,0)+IF(Input!$D$22=2,M2621*Input!$C$22,0)</f>
        <v>0.5411354235146546</v>
      </c>
      <c r="P2621" s="59">
        <f>IF(Input!$D$19=3,J2621*Input!$C$19,0)+IF(Input!$D$20=3,K2621*Input!$C$20,0)+IF(Input!$D$21=3,L2621*Input!$C$21,0)+IF(Input!$D$22=3,M2621*Input!$C$22,0)</f>
        <v>0</v>
      </c>
      <c r="Q2621" s="75">
        <f>IF(Input!$D$19=4,J2621*Input!$C$19,0)+IF(Input!$D$20=4,K2621*Input!$C$20,0)+IF(Input!$D$21=4,L2621*Input!$C$21,0)+IF(Input!$D$22=4,M2621*Input!$C$22,0)</f>
        <v>0</v>
      </c>
      <c r="R2621" s="58">
        <v>59.309917045370497</v>
      </c>
      <c r="S2621" s="124">
        <f t="shared" si="40"/>
        <v>0.9379680674254014</v>
      </c>
    </row>
    <row r="2622" spans="8:19" x14ac:dyDescent="0.3">
      <c r="H2622" s="44">
        <v>2615</v>
      </c>
      <c r="I2622" s="56">
        <f>Bühler!I2648</f>
        <v>0.21645416940586185</v>
      </c>
      <c r="J2622" s="59">
        <f>Bühler!J2648</f>
        <v>0.72151389801953958</v>
      </c>
      <c r="K2622" s="59">
        <f>Bühler!K2648</f>
        <v>1.0822708470293092</v>
      </c>
      <c r="L2622" s="59">
        <f>Bühler!L2648</f>
        <v>5.1949000657406845</v>
      </c>
      <c r="M2622" s="58">
        <f>Bühler!M2648</f>
        <v>0</v>
      </c>
      <c r="N2622" s="56">
        <f>IF(Input!$D$19=1,J2622*Input!$C$19,0)+IF(Input!$D$20=1,K2622*Input!$C$20,0)+IF(Input!$D$21=1,L2622*Input!$C$21,0)+IF(Input!$D$22=1,M2622*Input!$C$22,0)</f>
        <v>0.21645416940586187</v>
      </c>
      <c r="O2622" s="59">
        <f>IF(Input!$D$19=2,J2622*Input!$C$19,0)+IF(Input!$D$20=2,K2622*Input!$C$20,0)+IF(Input!$D$21=2,L2622*Input!$C$21,0)+IF(Input!$D$22=2,M2622*Input!$C$22,0)</f>
        <v>0.5411354235146546</v>
      </c>
      <c r="P2622" s="59">
        <f>IF(Input!$D$19=3,J2622*Input!$C$19,0)+IF(Input!$D$20=3,K2622*Input!$C$20,0)+IF(Input!$D$21=3,L2622*Input!$C$21,0)+IF(Input!$D$22=3,M2622*Input!$C$22,0)</f>
        <v>0</v>
      </c>
      <c r="Q2622" s="75">
        <f>IF(Input!$D$19=4,J2622*Input!$C$19,0)+IF(Input!$D$20=4,K2622*Input!$C$20,0)+IF(Input!$D$21=4,L2622*Input!$C$21,0)+IF(Input!$D$22=4,M2622*Input!$C$22,0)</f>
        <v>0</v>
      </c>
      <c r="R2622" s="58">
        <v>58.528235803855942</v>
      </c>
      <c r="S2622" s="124">
        <f t="shared" si="40"/>
        <v>0.9379680674254014</v>
      </c>
    </row>
    <row r="2623" spans="8:19" x14ac:dyDescent="0.3">
      <c r="H2623" s="44">
        <v>2616</v>
      </c>
      <c r="I2623" s="56">
        <f>Bühler!I2649</f>
        <v>0.21645416940586185</v>
      </c>
      <c r="J2623" s="59">
        <f>Bühler!J2649</f>
        <v>0.72151389801953958</v>
      </c>
      <c r="K2623" s="59">
        <f>Bühler!K2649</f>
        <v>1.0822708470293092</v>
      </c>
      <c r="L2623" s="59">
        <f>Bühler!L2649</f>
        <v>5.1949000657406845</v>
      </c>
      <c r="M2623" s="58">
        <f>Bühler!M2649</f>
        <v>0</v>
      </c>
      <c r="N2623" s="56">
        <f>IF(Input!$D$19=1,J2623*Input!$C$19,0)+IF(Input!$D$20=1,K2623*Input!$C$20,0)+IF(Input!$D$21=1,L2623*Input!$C$21,0)+IF(Input!$D$22=1,M2623*Input!$C$22,0)</f>
        <v>0.21645416940586187</v>
      </c>
      <c r="O2623" s="59">
        <f>IF(Input!$D$19=2,J2623*Input!$C$19,0)+IF(Input!$D$20=2,K2623*Input!$C$20,0)+IF(Input!$D$21=2,L2623*Input!$C$21,0)+IF(Input!$D$22=2,M2623*Input!$C$22,0)</f>
        <v>0.5411354235146546</v>
      </c>
      <c r="P2623" s="59">
        <f>IF(Input!$D$19=3,J2623*Input!$C$19,0)+IF(Input!$D$20=3,K2623*Input!$C$20,0)+IF(Input!$D$21=3,L2623*Input!$C$21,0)+IF(Input!$D$22=3,M2623*Input!$C$22,0)</f>
        <v>0</v>
      </c>
      <c r="Q2623" s="75">
        <f>IF(Input!$D$19=4,J2623*Input!$C$19,0)+IF(Input!$D$20=4,K2623*Input!$C$20,0)+IF(Input!$D$21=4,L2623*Input!$C$21,0)+IF(Input!$D$22=4,M2623*Input!$C$22,0)</f>
        <v>0</v>
      </c>
      <c r="R2623" s="58">
        <v>58.123106248914581</v>
      </c>
      <c r="S2623" s="124">
        <f t="shared" si="40"/>
        <v>0.9379680674254014</v>
      </c>
    </row>
    <row r="2624" spans="8:19" x14ac:dyDescent="0.3">
      <c r="H2624" s="44">
        <v>2617</v>
      </c>
      <c r="I2624" s="56">
        <f>Bühler!I2650</f>
        <v>0.23669531829413831</v>
      </c>
      <c r="J2624" s="59">
        <f>Bühler!J2650</f>
        <v>0.78898439431379441</v>
      </c>
      <c r="K2624" s="59">
        <f>Bühler!K2650</f>
        <v>1.1834765914706915</v>
      </c>
      <c r="L2624" s="59">
        <f>Bühler!L2650</f>
        <v>5.6806876390593191</v>
      </c>
      <c r="M2624" s="58">
        <f>Bühler!M2650</f>
        <v>0</v>
      </c>
      <c r="N2624" s="56">
        <f>IF(Input!$D$19=1,J2624*Input!$C$19,0)+IF(Input!$D$20=1,K2624*Input!$C$20,0)+IF(Input!$D$21=1,L2624*Input!$C$21,0)+IF(Input!$D$22=1,M2624*Input!$C$22,0)</f>
        <v>0.23669531829413831</v>
      </c>
      <c r="O2624" s="59">
        <f>IF(Input!$D$19=2,J2624*Input!$C$19,0)+IF(Input!$D$20=2,K2624*Input!$C$20,0)+IF(Input!$D$21=2,L2624*Input!$C$21,0)+IF(Input!$D$22=2,M2624*Input!$C$22,0)</f>
        <v>0.59173829573534575</v>
      </c>
      <c r="P2624" s="59">
        <f>IF(Input!$D$19=3,J2624*Input!$C$19,0)+IF(Input!$D$20=3,K2624*Input!$C$20,0)+IF(Input!$D$21=3,L2624*Input!$C$21,0)+IF(Input!$D$22=3,M2624*Input!$C$22,0)</f>
        <v>0</v>
      </c>
      <c r="Q2624" s="75">
        <f>IF(Input!$D$19=4,J2624*Input!$C$19,0)+IF(Input!$D$20=4,K2624*Input!$C$20,0)+IF(Input!$D$21=4,L2624*Input!$C$21,0)+IF(Input!$D$22=4,M2624*Input!$C$22,0)</f>
        <v>0</v>
      </c>
      <c r="R2624" s="58">
        <v>57.354640942444163</v>
      </c>
      <c r="S2624" s="124">
        <f t="shared" si="40"/>
        <v>1.0256797126079327</v>
      </c>
    </row>
    <row r="2625" spans="8:19" x14ac:dyDescent="0.3">
      <c r="H2625" s="44">
        <v>2618</v>
      </c>
      <c r="I2625" s="56">
        <f>Bühler!I2651</f>
        <v>0.23669531829413831</v>
      </c>
      <c r="J2625" s="59">
        <f>Bühler!J2651</f>
        <v>0.78898439431379441</v>
      </c>
      <c r="K2625" s="59">
        <f>Bühler!K2651</f>
        <v>1.1834765914706915</v>
      </c>
      <c r="L2625" s="59">
        <f>Bühler!L2651</f>
        <v>5.6806876390593191</v>
      </c>
      <c r="M2625" s="58">
        <f>Bühler!M2651</f>
        <v>0</v>
      </c>
      <c r="N2625" s="56">
        <f>IF(Input!$D$19=1,J2625*Input!$C$19,0)+IF(Input!$D$20=1,K2625*Input!$C$20,0)+IF(Input!$D$21=1,L2625*Input!$C$21,0)+IF(Input!$D$22=1,M2625*Input!$C$22,0)</f>
        <v>0.23669531829413831</v>
      </c>
      <c r="O2625" s="59">
        <f>IF(Input!$D$19=2,J2625*Input!$C$19,0)+IF(Input!$D$20=2,K2625*Input!$C$20,0)+IF(Input!$D$21=2,L2625*Input!$C$21,0)+IF(Input!$D$22=2,M2625*Input!$C$22,0)</f>
        <v>0.59173829573534575</v>
      </c>
      <c r="P2625" s="59">
        <f>IF(Input!$D$19=3,J2625*Input!$C$19,0)+IF(Input!$D$20=3,K2625*Input!$C$20,0)+IF(Input!$D$21=3,L2625*Input!$C$21,0)+IF(Input!$D$22=3,M2625*Input!$C$22,0)</f>
        <v>0</v>
      </c>
      <c r="Q2625" s="75">
        <f>IF(Input!$D$19=4,J2625*Input!$C$19,0)+IF(Input!$D$20=4,K2625*Input!$C$20,0)+IF(Input!$D$21=4,L2625*Input!$C$21,0)+IF(Input!$D$22=4,M2625*Input!$C$22,0)</f>
        <v>0</v>
      </c>
      <c r="R2625" s="58">
        <v>56.686160565913376</v>
      </c>
      <c r="S2625" s="124">
        <f t="shared" si="40"/>
        <v>1.0256797126079327</v>
      </c>
    </row>
    <row r="2626" spans="8:19" x14ac:dyDescent="0.3">
      <c r="H2626" s="44">
        <v>2619</v>
      </c>
      <c r="I2626" s="56">
        <f>Bühler!I2652</f>
        <v>0.23669531829413831</v>
      </c>
      <c r="J2626" s="59">
        <f>Bühler!J2652</f>
        <v>0.78898439431379441</v>
      </c>
      <c r="K2626" s="59">
        <f>Bühler!K2652</f>
        <v>1.1834765914706915</v>
      </c>
      <c r="L2626" s="59">
        <f>Bühler!L2652</f>
        <v>5.6806876390593191</v>
      </c>
      <c r="M2626" s="58">
        <f>Bühler!M2652</f>
        <v>0</v>
      </c>
      <c r="N2626" s="56">
        <f>IF(Input!$D$19=1,J2626*Input!$C$19,0)+IF(Input!$D$20=1,K2626*Input!$C$20,0)+IF(Input!$D$21=1,L2626*Input!$C$21,0)+IF(Input!$D$22=1,M2626*Input!$C$22,0)</f>
        <v>0.23669531829413831</v>
      </c>
      <c r="O2626" s="59">
        <f>IF(Input!$D$19=2,J2626*Input!$C$19,0)+IF(Input!$D$20=2,K2626*Input!$C$20,0)+IF(Input!$D$21=2,L2626*Input!$C$21,0)+IF(Input!$D$22=2,M2626*Input!$C$22,0)</f>
        <v>0.59173829573534575</v>
      </c>
      <c r="P2626" s="59">
        <f>IF(Input!$D$19=3,J2626*Input!$C$19,0)+IF(Input!$D$20=3,K2626*Input!$C$20,0)+IF(Input!$D$21=3,L2626*Input!$C$21,0)+IF(Input!$D$22=3,M2626*Input!$C$22,0)</f>
        <v>0</v>
      </c>
      <c r="Q2626" s="75">
        <f>IF(Input!$D$19=4,J2626*Input!$C$19,0)+IF(Input!$D$20=4,K2626*Input!$C$20,0)+IF(Input!$D$21=4,L2626*Input!$C$21,0)+IF(Input!$D$22=4,M2626*Input!$C$22,0)</f>
        <v>0</v>
      </c>
      <c r="R2626" s="58">
        <v>56.711542139767282</v>
      </c>
      <c r="S2626" s="124">
        <f t="shared" si="40"/>
        <v>1.0256797126079327</v>
      </c>
    </row>
    <row r="2627" spans="8:19" x14ac:dyDescent="0.3">
      <c r="H2627" s="44">
        <v>2620</v>
      </c>
      <c r="I2627" s="56">
        <f>Bühler!I2653</f>
        <v>0.23669531829413831</v>
      </c>
      <c r="J2627" s="59">
        <f>Bühler!J2653</f>
        <v>0.78898439431379441</v>
      </c>
      <c r="K2627" s="59">
        <f>Bühler!K2653</f>
        <v>1.1834765914706915</v>
      </c>
      <c r="L2627" s="59">
        <f>Bühler!L2653</f>
        <v>5.6806876390593191</v>
      </c>
      <c r="M2627" s="58">
        <f>Bühler!M2653</f>
        <v>0</v>
      </c>
      <c r="N2627" s="56">
        <f>IF(Input!$D$19=1,J2627*Input!$C$19,0)+IF(Input!$D$20=1,K2627*Input!$C$20,0)+IF(Input!$D$21=1,L2627*Input!$C$21,0)+IF(Input!$D$22=1,M2627*Input!$C$22,0)</f>
        <v>0.23669531829413831</v>
      </c>
      <c r="O2627" s="59">
        <f>IF(Input!$D$19=2,J2627*Input!$C$19,0)+IF(Input!$D$20=2,K2627*Input!$C$20,0)+IF(Input!$D$21=2,L2627*Input!$C$21,0)+IF(Input!$D$22=2,M2627*Input!$C$22,0)</f>
        <v>0.59173829573534575</v>
      </c>
      <c r="P2627" s="59">
        <f>IF(Input!$D$19=3,J2627*Input!$C$19,0)+IF(Input!$D$20=3,K2627*Input!$C$20,0)+IF(Input!$D$21=3,L2627*Input!$C$21,0)+IF(Input!$D$22=3,M2627*Input!$C$22,0)</f>
        <v>0</v>
      </c>
      <c r="Q2627" s="75">
        <f>IF(Input!$D$19=4,J2627*Input!$C$19,0)+IF(Input!$D$20=4,K2627*Input!$C$20,0)+IF(Input!$D$21=4,L2627*Input!$C$21,0)+IF(Input!$D$22=4,M2627*Input!$C$22,0)</f>
        <v>0</v>
      </c>
      <c r="R2627" s="58">
        <v>57.494948429445365</v>
      </c>
      <c r="S2627" s="124">
        <f t="shared" si="40"/>
        <v>1.0256797126079327</v>
      </c>
    </row>
    <row r="2628" spans="8:19" x14ac:dyDescent="0.3">
      <c r="H2628" s="44">
        <v>2621</v>
      </c>
      <c r="I2628" s="56">
        <f>Bühler!I2654</f>
        <v>0.23669531829413831</v>
      </c>
      <c r="J2628" s="59">
        <f>Bühler!J2654</f>
        <v>0.78898439431379441</v>
      </c>
      <c r="K2628" s="59">
        <f>Bühler!K2654</f>
        <v>1.1834765914706915</v>
      </c>
      <c r="L2628" s="59">
        <f>Bühler!L2654</f>
        <v>5.6806876390593191</v>
      </c>
      <c r="M2628" s="58">
        <f>Bühler!M2654</f>
        <v>0</v>
      </c>
      <c r="N2628" s="56">
        <f>IF(Input!$D$19=1,J2628*Input!$C$19,0)+IF(Input!$D$20=1,K2628*Input!$C$20,0)+IF(Input!$D$21=1,L2628*Input!$C$21,0)+IF(Input!$D$22=1,M2628*Input!$C$22,0)</f>
        <v>0.23669531829413831</v>
      </c>
      <c r="O2628" s="59">
        <f>IF(Input!$D$19=2,J2628*Input!$C$19,0)+IF(Input!$D$20=2,K2628*Input!$C$20,0)+IF(Input!$D$21=2,L2628*Input!$C$21,0)+IF(Input!$D$22=2,M2628*Input!$C$22,0)</f>
        <v>0.59173829573534575</v>
      </c>
      <c r="P2628" s="59">
        <f>IF(Input!$D$19=3,J2628*Input!$C$19,0)+IF(Input!$D$20=3,K2628*Input!$C$20,0)+IF(Input!$D$21=3,L2628*Input!$C$21,0)+IF(Input!$D$22=3,M2628*Input!$C$22,0)</f>
        <v>0</v>
      </c>
      <c r="Q2628" s="75">
        <f>IF(Input!$D$19=4,J2628*Input!$C$19,0)+IF(Input!$D$20=4,K2628*Input!$C$20,0)+IF(Input!$D$21=4,L2628*Input!$C$21,0)+IF(Input!$D$22=4,M2628*Input!$C$22,0)</f>
        <v>0</v>
      </c>
      <c r="R2628" s="58">
        <v>58.301544575066401</v>
      </c>
      <c r="S2628" s="124">
        <f t="shared" si="40"/>
        <v>1.0256797126079327</v>
      </c>
    </row>
    <row r="2629" spans="8:19" x14ac:dyDescent="0.3">
      <c r="H2629" s="44">
        <v>2622</v>
      </c>
      <c r="I2629" s="56">
        <f>Bühler!I2655</f>
        <v>0.30507396580133378</v>
      </c>
      <c r="J2629" s="59">
        <f>Bühler!J2655</f>
        <v>1.0169132193377795</v>
      </c>
      <c r="K2629" s="59">
        <f>Bühler!K2655</f>
        <v>1.5253698290066688</v>
      </c>
      <c r="L2629" s="59">
        <f>Bühler!L2655</f>
        <v>7.3217751792320112</v>
      </c>
      <c r="M2629" s="58">
        <f>Bühler!M2655</f>
        <v>0</v>
      </c>
      <c r="N2629" s="56">
        <f>IF(Input!$D$19=1,J2629*Input!$C$19,0)+IF(Input!$D$20=1,K2629*Input!$C$20,0)+IF(Input!$D$21=1,L2629*Input!$C$21,0)+IF(Input!$D$22=1,M2629*Input!$C$22,0)</f>
        <v>0.30507396580133384</v>
      </c>
      <c r="O2629" s="59">
        <f>IF(Input!$D$19=2,J2629*Input!$C$19,0)+IF(Input!$D$20=2,K2629*Input!$C$20,0)+IF(Input!$D$21=2,L2629*Input!$C$21,0)+IF(Input!$D$22=2,M2629*Input!$C$22,0)</f>
        <v>0.76268491450333442</v>
      </c>
      <c r="P2629" s="59">
        <f>IF(Input!$D$19=3,J2629*Input!$C$19,0)+IF(Input!$D$20=3,K2629*Input!$C$20,0)+IF(Input!$D$21=3,L2629*Input!$C$21,0)+IF(Input!$D$22=3,M2629*Input!$C$22,0)</f>
        <v>0</v>
      </c>
      <c r="Q2629" s="75">
        <f>IF(Input!$D$19=4,J2629*Input!$C$19,0)+IF(Input!$D$20=4,K2629*Input!$C$20,0)+IF(Input!$D$21=4,L2629*Input!$C$21,0)+IF(Input!$D$22=4,M2629*Input!$C$22,0)</f>
        <v>0</v>
      </c>
      <c r="R2629" s="58">
        <v>60.824110350222014</v>
      </c>
      <c r="S2629" s="124">
        <f t="shared" si="40"/>
        <v>1.3219871851391132</v>
      </c>
    </row>
    <row r="2630" spans="8:19" x14ac:dyDescent="0.3">
      <c r="H2630" s="44">
        <v>2623</v>
      </c>
      <c r="I2630" s="56">
        <f>Bühler!I2656</f>
        <v>0.36819271734643733</v>
      </c>
      <c r="J2630" s="59">
        <f>Bühler!J2656</f>
        <v>1.2273090578214578</v>
      </c>
      <c r="K2630" s="59">
        <f>Bühler!K2656</f>
        <v>1.8409635867321867</v>
      </c>
      <c r="L2630" s="59">
        <f>Bühler!L2656</f>
        <v>8.8366252163144967</v>
      </c>
      <c r="M2630" s="58">
        <f>Bühler!M2656</f>
        <v>0</v>
      </c>
      <c r="N2630" s="56">
        <f>IF(Input!$D$19=1,J2630*Input!$C$19,0)+IF(Input!$D$20=1,K2630*Input!$C$20,0)+IF(Input!$D$21=1,L2630*Input!$C$21,0)+IF(Input!$D$22=1,M2630*Input!$C$22,0)</f>
        <v>0.36819271734643733</v>
      </c>
      <c r="O2630" s="59">
        <f>IF(Input!$D$19=2,J2630*Input!$C$19,0)+IF(Input!$D$20=2,K2630*Input!$C$20,0)+IF(Input!$D$21=2,L2630*Input!$C$21,0)+IF(Input!$D$22=2,M2630*Input!$C$22,0)</f>
        <v>0.92048179336609337</v>
      </c>
      <c r="P2630" s="59">
        <f>IF(Input!$D$19=3,J2630*Input!$C$19,0)+IF(Input!$D$20=3,K2630*Input!$C$20,0)+IF(Input!$D$21=3,L2630*Input!$C$21,0)+IF(Input!$D$22=3,M2630*Input!$C$22,0)</f>
        <v>0</v>
      </c>
      <c r="Q2630" s="75">
        <f>IF(Input!$D$19=4,J2630*Input!$C$19,0)+IF(Input!$D$20=4,K2630*Input!$C$20,0)+IF(Input!$D$21=4,L2630*Input!$C$21,0)+IF(Input!$D$22=4,M2630*Input!$C$22,0)</f>
        <v>0</v>
      </c>
      <c r="R2630" s="58">
        <v>64.588983198757361</v>
      </c>
      <c r="S2630" s="124">
        <f t="shared" si="40"/>
        <v>1.5955017751678953</v>
      </c>
    </row>
    <row r="2631" spans="8:19" x14ac:dyDescent="0.3">
      <c r="H2631" s="44">
        <v>2624</v>
      </c>
      <c r="I2631" s="56">
        <f>Bühler!I2657</f>
        <v>0.36819271734643733</v>
      </c>
      <c r="J2631" s="59">
        <f>Bühler!J2657</f>
        <v>1.2273090578214578</v>
      </c>
      <c r="K2631" s="59">
        <f>Bühler!K2657</f>
        <v>1.8409635867321867</v>
      </c>
      <c r="L2631" s="59">
        <f>Bühler!L2657</f>
        <v>8.8366252163144967</v>
      </c>
      <c r="M2631" s="58">
        <f>Bühler!M2657</f>
        <v>0</v>
      </c>
      <c r="N2631" s="56">
        <f>IF(Input!$D$19=1,J2631*Input!$C$19,0)+IF(Input!$D$20=1,K2631*Input!$C$20,0)+IF(Input!$D$21=1,L2631*Input!$C$21,0)+IF(Input!$D$22=1,M2631*Input!$C$22,0)</f>
        <v>0.36819271734643733</v>
      </c>
      <c r="O2631" s="59">
        <f>IF(Input!$D$19=2,J2631*Input!$C$19,0)+IF(Input!$D$20=2,K2631*Input!$C$20,0)+IF(Input!$D$21=2,L2631*Input!$C$21,0)+IF(Input!$D$22=2,M2631*Input!$C$22,0)</f>
        <v>0.92048179336609337</v>
      </c>
      <c r="P2631" s="59">
        <f>IF(Input!$D$19=3,J2631*Input!$C$19,0)+IF(Input!$D$20=3,K2631*Input!$C$20,0)+IF(Input!$D$21=3,L2631*Input!$C$21,0)+IF(Input!$D$22=3,M2631*Input!$C$22,0)</f>
        <v>0</v>
      </c>
      <c r="Q2631" s="75">
        <f>IF(Input!$D$19=4,J2631*Input!$C$19,0)+IF(Input!$D$20=4,K2631*Input!$C$20,0)+IF(Input!$D$21=4,L2631*Input!$C$21,0)+IF(Input!$D$22=4,M2631*Input!$C$22,0)</f>
        <v>0</v>
      </c>
      <c r="R2631" s="58">
        <v>65.938086269890263</v>
      </c>
      <c r="S2631" s="124">
        <f t="shared" si="40"/>
        <v>1.5955017751678953</v>
      </c>
    </row>
    <row r="2632" spans="8:19" x14ac:dyDescent="0.3">
      <c r="H2632" s="44">
        <v>2625</v>
      </c>
      <c r="I2632" s="56">
        <f>Bühler!I2658</f>
        <v>0.36819271734643733</v>
      </c>
      <c r="J2632" s="59">
        <f>Bühler!J2658</f>
        <v>1.2273090578214578</v>
      </c>
      <c r="K2632" s="59">
        <f>Bühler!K2658</f>
        <v>1.8409635867321867</v>
      </c>
      <c r="L2632" s="59">
        <f>Bühler!L2658</f>
        <v>8.8366252163144967</v>
      </c>
      <c r="M2632" s="58">
        <f>Bühler!M2658</f>
        <v>0</v>
      </c>
      <c r="N2632" s="56">
        <f>IF(Input!$D$19=1,J2632*Input!$C$19,0)+IF(Input!$D$20=1,K2632*Input!$C$20,0)+IF(Input!$D$21=1,L2632*Input!$C$21,0)+IF(Input!$D$22=1,M2632*Input!$C$22,0)</f>
        <v>0.36819271734643733</v>
      </c>
      <c r="O2632" s="59">
        <f>IF(Input!$D$19=2,J2632*Input!$C$19,0)+IF(Input!$D$20=2,K2632*Input!$C$20,0)+IF(Input!$D$21=2,L2632*Input!$C$21,0)+IF(Input!$D$22=2,M2632*Input!$C$22,0)</f>
        <v>0.92048179336609337</v>
      </c>
      <c r="P2632" s="59">
        <f>IF(Input!$D$19=3,J2632*Input!$C$19,0)+IF(Input!$D$20=3,K2632*Input!$C$20,0)+IF(Input!$D$21=3,L2632*Input!$C$21,0)+IF(Input!$D$22=3,M2632*Input!$C$22,0)</f>
        <v>0</v>
      </c>
      <c r="Q2632" s="75">
        <f>IF(Input!$D$19=4,J2632*Input!$C$19,0)+IF(Input!$D$20=4,K2632*Input!$C$20,0)+IF(Input!$D$21=4,L2632*Input!$C$21,0)+IF(Input!$D$22=4,M2632*Input!$C$22,0)</f>
        <v>0</v>
      </c>
      <c r="R2632" s="58">
        <v>66.461039629032641</v>
      </c>
      <c r="S2632" s="124">
        <f t="shared" si="40"/>
        <v>1.5955017751678953</v>
      </c>
    </row>
    <row r="2633" spans="8:19" x14ac:dyDescent="0.3">
      <c r="H2633" s="44">
        <v>2626</v>
      </c>
      <c r="I2633" s="56">
        <f>Bühler!I2659</f>
        <v>0.39449219715689715</v>
      </c>
      <c r="J2633" s="59">
        <f>Bühler!J2659</f>
        <v>1.3149739905229907</v>
      </c>
      <c r="K2633" s="59">
        <f>Bühler!K2659</f>
        <v>1.9724609857844857</v>
      </c>
      <c r="L2633" s="59">
        <f>Bühler!L2659</f>
        <v>9.4678127317655321</v>
      </c>
      <c r="M2633" s="58">
        <f>Bühler!M2659</f>
        <v>0</v>
      </c>
      <c r="N2633" s="56">
        <f>IF(Input!$D$19=1,J2633*Input!$C$19,0)+IF(Input!$D$20=1,K2633*Input!$C$20,0)+IF(Input!$D$21=1,L2633*Input!$C$21,0)+IF(Input!$D$22=1,M2633*Input!$C$22,0)</f>
        <v>0.39449219715689721</v>
      </c>
      <c r="O2633" s="59">
        <f>IF(Input!$D$19=2,J2633*Input!$C$19,0)+IF(Input!$D$20=2,K2633*Input!$C$20,0)+IF(Input!$D$21=2,L2633*Input!$C$21,0)+IF(Input!$D$22=2,M2633*Input!$C$22,0)</f>
        <v>0.98623049289224285</v>
      </c>
      <c r="P2633" s="59">
        <f>IF(Input!$D$19=3,J2633*Input!$C$19,0)+IF(Input!$D$20=3,K2633*Input!$C$20,0)+IF(Input!$D$21=3,L2633*Input!$C$21,0)+IF(Input!$D$22=3,M2633*Input!$C$22,0)</f>
        <v>0</v>
      </c>
      <c r="Q2633" s="75">
        <f>IF(Input!$D$19=4,J2633*Input!$C$19,0)+IF(Input!$D$20=4,K2633*Input!$C$20,0)+IF(Input!$D$21=4,L2633*Input!$C$21,0)+IF(Input!$D$22=4,M2633*Input!$C$22,0)</f>
        <v>0</v>
      </c>
      <c r="R2633" s="58">
        <v>66.166056020408263</v>
      </c>
      <c r="S2633" s="124">
        <f t="shared" ref="S2633:S2696" si="41">I2633+J2633</f>
        <v>1.7094661876798878</v>
      </c>
    </row>
    <row r="2634" spans="8:19" x14ac:dyDescent="0.3">
      <c r="H2634" s="44">
        <v>2627</v>
      </c>
      <c r="I2634" s="56">
        <f>Bühler!I2660</f>
        <v>0.41027188504317308</v>
      </c>
      <c r="J2634" s="59">
        <f>Bühler!J2660</f>
        <v>1.3675729501439102</v>
      </c>
      <c r="K2634" s="59">
        <f>Bühler!K2660</f>
        <v>2.0513594252158653</v>
      </c>
      <c r="L2634" s="59">
        <f>Bühler!L2660</f>
        <v>9.8465252410361526</v>
      </c>
      <c r="M2634" s="58">
        <f>Bühler!M2660</f>
        <v>0</v>
      </c>
      <c r="N2634" s="56">
        <f>IF(Input!$D$19=1,J2634*Input!$C$19,0)+IF(Input!$D$20=1,K2634*Input!$C$20,0)+IF(Input!$D$21=1,L2634*Input!$C$21,0)+IF(Input!$D$22=1,M2634*Input!$C$22,0)</f>
        <v>0.41027188504317308</v>
      </c>
      <c r="O2634" s="59">
        <f>IF(Input!$D$19=2,J2634*Input!$C$19,0)+IF(Input!$D$20=2,K2634*Input!$C$20,0)+IF(Input!$D$21=2,L2634*Input!$C$21,0)+IF(Input!$D$22=2,M2634*Input!$C$22,0)</f>
        <v>1.0256797126079327</v>
      </c>
      <c r="P2634" s="59">
        <f>IF(Input!$D$19=3,J2634*Input!$C$19,0)+IF(Input!$D$20=3,K2634*Input!$C$20,0)+IF(Input!$D$21=3,L2634*Input!$C$21,0)+IF(Input!$D$22=3,M2634*Input!$C$22,0)</f>
        <v>0</v>
      </c>
      <c r="Q2634" s="75">
        <f>IF(Input!$D$19=4,J2634*Input!$C$19,0)+IF(Input!$D$20=4,K2634*Input!$C$20,0)+IF(Input!$D$21=4,L2634*Input!$C$21,0)+IF(Input!$D$22=4,M2634*Input!$C$22,0)</f>
        <v>0</v>
      </c>
      <c r="R2634" s="58">
        <v>65.899873994485645</v>
      </c>
      <c r="S2634" s="124">
        <f t="shared" si="41"/>
        <v>1.7778448351870833</v>
      </c>
    </row>
    <row r="2635" spans="8:19" x14ac:dyDescent="0.3">
      <c r="H2635" s="44">
        <v>2628</v>
      </c>
      <c r="I2635" s="56">
        <f>Bühler!I2661</f>
        <v>0.47339063658827663</v>
      </c>
      <c r="J2635" s="59">
        <f>Bühler!J2661</f>
        <v>1.5779687886275888</v>
      </c>
      <c r="K2635" s="59">
        <f>Bühler!K2661</f>
        <v>2.366953182941383</v>
      </c>
      <c r="L2635" s="59">
        <f>Bühler!L2661</f>
        <v>11.361375278118638</v>
      </c>
      <c r="M2635" s="58">
        <f>Bühler!M2661</f>
        <v>0</v>
      </c>
      <c r="N2635" s="56">
        <f>IF(Input!$D$19=1,J2635*Input!$C$19,0)+IF(Input!$D$20=1,K2635*Input!$C$20,0)+IF(Input!$D$21=1,L2635*Input!$C$21,0)+IF(Input!$D$22=1,M2635*Input!$C$22,0)</f>
        <v>0.47339063658827663</v>
      </c>
      <c r="O2635" s="59">
        <f>IF(Input!$D$19=2,J2635*Input!$C$19,0)+IF(Input!$D$20=2,K2635*Input!$C$20,0)+IF(Input!$D$21=2,L2635*Input!$C$21,0)+IF(Input!$D$22=2,M2635*Input!$C$22,0)</f>
        <v>1.1834765914706915</v>
      </c>
      <c r="P2635" s="59">
        <f>IF(Input!$D$19=3,J2635*Input!$C$19,0)+IF(Input!$D$20=3,K2635*Input!$C$20,0)+IF(Input!$D$21=3,L2635*Input!$C$21,0)+IF(Input!$D$22=3,M2635*Input!$C$22,0)</f>
        <v>0</v>
      </c>
      <c r="Q2635" s="75">
        <f>IF(Input!$D$19=4,J2635*Input!$C$19,0)+IF(Input!$D$20=4,K2635*Input!$C$20,0)+IF(Input!$D$21=4,L2635*Input!$C$21,0)+IF(Input!$D$22=4,M2635*Input!$C$22,0)</f>
        <v>0</v>
      </c>
      <c r="R2635" s="58">
        <v>65.99248015648277</v>
      </c>
      <c r="S2635" s="124">
        <f t="shared" si="41"/>
        <v>2.0513594252158653</v>
      </c>
    </row>
    <row r="2636" spans="8:19" x14ac:dyDescent="0.3">
      <c r="H2636" s="44">
        <v>2629</v>
      </c>
      <c r="I2636" s="56">
        <f>Bühler!I2662</f>
        <v>0.47339063658827663</v>
      </c>
      <c r="J2636" s="59">
        <f>Bühler!J2662</f>
        <v>1.5779687886275888</v>
      </c>
      <c r="K2636" s="59">
        <f>Bühler!K2662</f>
        <v>2.366953182941383</v>
      </c>
      <c r="L2636" s="59">
        <f>Bühler!L2662</f>
        <v>11.361375278118638</v>
      </c>
      <c r="M2636" s="58">
        <f>Bühler!M2662</f>
        <v>0</v>
      </c>
      <c r="N2636" s="56">
        <f>IF(Input!$D$19=1,J2636*Input!$C$19,0)+IF(Input!$D$20=1,K2636*Input!$C$20,0)+IF(Input!$D$21=1,L2636*Input!$C$21,0)+IF(Input!$D$22=1,M2636*Input!$C$22,0)</f>
        <v>0.47339063658827663</v>
      </c>
      <c r="O2636" s="59">
        <f>IF(Input!$D$19=2,J2636*Input!$C$19,0)+IF(Input!$D$20=2,K2636*Input!$C$20,0)+IF(Input!$D$21=2,L2636*Input!$C$21,0)+IF(Input!$D$22=2,M2636*Input!$C$22,0)</f>
        <v>1.1834765914706915</v>
      </c>
      <c r="P2636" s="59">
        <f>IF(Input!$D$19=3,J2636*Input!$C$19,0)+IF(Input!$D$20=3,K2636*Input!$C$20,0)+IF(Input!$D$21=3,L2636*Input!$C$21,0)+IF(Input!$D$22=3,M2636*Input!$C$22,0)</f>
        <v>0</v>
      </c>
      <c r="Q2636" s="75">
        <f>IF(Input!$D$19=4,J2636*Input!$C$19,0)+IF(Input!$D$20=4,K2636*Input!$C$20,0)+IF(Input!$D$21=4,L2636*Input!$C$21,0)+IF(Input!$D$22=4,M2636*Input!$C$22,0)</f>
        <v>0</v>
      </c>
      <c r="R2636" s="58">
        <v>64.596354278113282</v>
      </c>
      <c r="S2636" s="124">
        <f t="shared" si="41"/>
        <v>2.0513594252158653</v>
      </c>
    </row>
    <row r="2637" spans="8:19" x14ac:dyDescent="0.3">
      <c r="H2637" s="44">
        <v>2630</v>
      </c>
      <c r="I2637" s="56">
        <f>Bühler!I2663</f>
        <v>0.47339063658827663</v>
      </c>
      <c r="J2637" s="59">
        <f>Bühler!J2663</f>
        <v>1.5779687886275888</v>
      </c>
      <c r="K2637" s="59">
        <f>Bühler!K2663</f>
        <v>2.366953182941383</v>
      </c>
      <c r="L2637" s="59">
        <f>Bühler!L2663</f>
        <v>11.361375278118638</v>
      </c>
      <c r="M2637" s="58">
        <f>Bühler!M2663</f>
        <v>0</v>
      </c>
      <c r="N2637" s="56">
        <f>IF(Input!$D$19=1,J2637*Input!$C$19,0)+IF(Input!$D$20=1,K2637*Input!$C$20,0)+IF(Input!$D$21=1,L2637*Input!$C$21,0)+IF(Input!$D$22=1,M2637*Input!$C$22,0)</f>
        <v>0.47339063658827663</v>
      </c>
      <c r="O2637" s="59">
        <f>IF(Input!$D$19=2,J2637*Input!$C$19,0)+IF(Input!$D$20=2,K2637*Input!$C$20,0)+IF(Input!$D$21=2,L2637*Input!$C$21,0)+IF(Input!$D$22=2,M2637*Input!$C$22,0)</f>
        <v>1.1834765914706915</v>
      </c>
      <c r="P2637" s="59">
        <f>IF(Input!$D$19=3,J2637*Input!$C$19,0)+IF(Input!$D$20=3,K2637*Input!$C$20,0)+IF(Input!$D$21=3,L2637*Input!$C$21,0)+IF(Input!$D$22=3,M2637*Input!$C$22,0)</f>
        <v>0</v>
      </c>
      <c r="Q2637" s="75">
        <f>IF(Input!$D$19=4,J2637*Input!$C$19,0)+IF(Input!$D$20=4,K2637*Input!$C$20,0)+IF(Input!$D$21=4,L2637*Input!$C$21,0)+IF(Input!$D$22=4,M2637*Input!$C$22,0)</f>
        <v>0</v>
      </c>
      <c r="R2637" s="58">
        <v>64.048425604541123</v>
      </c>
      <c r="S2637" s="124">
        <f t="shared" si="41"/>
        <v>2.0513594252158653</v>
      </c>
    </row>
    <row r="2638" spans="8:19" x14ac:dyDescent="0.3">
      <c r="H2638" s="44">
        <v>2631</v>
      </c>
      <c r="I2638" s="56">
        <f>Bühler!I2664</f>
        <v>0.47339063658827663</v>
      </c>
      <c r="J2638" s="59">
        <f>Bühler!J2664</f>
        <v>1.5779687886275888</v>
      </c>
      <c r="K2638" s="59">
        <f>Bühler!K2664</f>
        <v>2.366953182941383</v>
      </c>
      <c r="L2638" s="59">
        <f>Bühler!L2664</f>
        <v>11.361375278118638</v>
      </c>
      <c r="M2638" s="58">
        <f>Bühler!M2664</f>
        <v>0</v>
      </c>
      <c r="N2638" s="56">
        <f>IF(Input!$D$19=1,J2638*Input!$C$19,0)+IF(Input!$D$20=1,K2638*Input!$C$20,0)+IF(Input!$D$21=1,L2638*Input!$C$21,0)+IF(Input!$D$22=1,M2638*Input!$C$22,0)</f>
        <v>0.47339063658827663</v>
      </c>
      <c r="O2638" s="59">
        <f>IF(Input!$D$19=2,J2638*Input!$C$19,0)+IF(Input!$D$20=2,K2638*Input!$C$20,0)+IF(Input!$D$21=2,L2638*Input!$C$21,0)+IF(Input!$D$22=2,M2638*Input!$C$22,0)</f>
        <v>1.1834765914706915</v>
      </c>
      <c r="P2638" s="59">
        <f>IF(Input!$D$19=3,J2638*Input!$C$19,0)+IF(Input!$D$20=3,K2638*Input!$C$20,0)+IF(Input!$D$21=3,L2638*Input!$C$21,0)+IF(Input!$D$22=3,M2638*Input!$C$22,0)</f>
        <v>0</v>
      </c>
      <c r="Q2638" s="75">
        <f>IF(Input!$D$19=4,J2638*Input!$C$19,0)+IF(Input!$D$20=4,K2638*Input!$C$20,0)+IF(Input!$D$21=4,L2638*Input!$C$21,0)+IF(Input!$D$22=4,M2638*Input!$C$22,0)</f>
        <v>0</v>
      </c>
      <c r="R2638" s="58">
        <v>63.825755506543672</v>
      </c>
      <c r="S2638" s="124">
        <f t="shared" si="41"/>
        <v>2.0513594252158653</v>
      </c>
    </row>
    <row r="2639" spans="8:19" x14ac:dyDescent="0.3">
      <c r="H2639" s="44">
        <v>2632</v>
      </c>
      <c r="I2639" s="56">
        <f>Bühler!I2665</f>
        <v>0.39449219715689715</v>
      </c>
      <c r="J2639" s="59">
        <f>Bühler!J2665</f>
        <v>1.3149739905229907</v>
      </c>
      <c r="K2639" s="59">
        <f>Bühler!K2665</f>
        <v>1.9724609857844857</v>
      </c>
      <c r="L2639" s="59">
        <f>Bühler!L2665</f>
        <v>9.4678127317655321</v>
      </c>
      <c r="M2639" s="58">
        <f>Bühler!M2665</f>
        <v>0</v>
      </c>
      <c r="N2639" s="56">
        <f>IF(Input!$D$19=1,J2639*Input!$C$19,0)+IF(Input!$D$20=1,K2639*Input!$C$20,0)+IF(Input!$D$21=1,L2639*Input!$C$21,0)+IF(Input!$D$22=1,M2639*Input!$C$22,0)</f>
        <v>0.39449219715689721</v>
      </c>
      <c r="O2639" s="59">
        <f>IF(Input!$D$19=2,J2639*Input!$C$19,0)+IF(Input!$D$20=2,K2639*Input!$C$20,0)+IF(Input!$D$21=2,L2639*Input!$C$21,0)+IF(Input!$D$22=2,M2639*Input!$C$22,0)</f>
        <v>0.98623049289224285</v>
      </c>
      <c r="P2639" s="59">
        <f>IF(Input!$D$19=3,J2639*Input!$C$19,0)+IF(Input!$D$20=3,K2639*Input!$C$20,0)+IF(Input!$D$21=3,L2639*Input!$C$21,0)+IF(Input!$D$22=3,M2639*Input!$C$22,0)</f>
        <v>0</v>
      </c>
      <c r="Q2639" s="75">
        <f>IF(Input!$D$19=4,J2639*Input!$C$19,0)+IF(Input!$D$20=4,K2639*Input!$C$20,0)+IF(Input!$D$21=4,L2639*Input!$C$21,0)+IF(Input!$D$22=4,M2639*Input!$C$22,0)</f>
        <v>0</v>
      </c>
      <c r="R2639" s="58">
        <v>63.267406875981145</v>
      </c>
      <c r="S2639" s="124">
        <f t="shared" si="41"/>
        <v>1.7094661876798878</v>
      </c>
    </row>
    <row r="2640" spans="8:19" x14ac:dyDescent="0.3">
      <c r="H2640" s="44">
        <v>2633</v>
      </c>
      <c r="I2640" s="56">
        <f>Bühler!I2666</f>
        <v>0.37345261330852936</v>
      </c>
      <c r="J2640" s="59">
        <f>Bühler!J2666</f>
        <v>1.2448420443617647</v>
      </c>
      <c r="K2640" s="59">
        <f>Bühler!K2666</f>
        <v>1.8672630665426468</v>
      </c>
      <c r="L2640" s="59">
        <f>Bühler!L2666</f>
        <v>8.9628627194047041</v>
      </c>
      <c r="M2640" s="58">
        <f>Bühler!M2666</f>
        <v>0</v>
      </c>
      <c r="N2640" s="56">
        <f>IF(Input!$D$19=1,J2640*Input!$C$19,0)+IF(Input!$D$20=1,K2640*Input!$C$20,0)+IF(Input!$D$21=1,L2640*Input!$C$21,0)+IF(Input!$D$22=1,M2640*Input!$C$22,0)</f>
        <v>0.37345261330852941</v>
      </c>
      <c r="O2640" s="59">
        <f>IF(Input!$D$19=2,J2640*Input!$C$19,0)+IF(Input!$D$20=2,K2640*Input!$C$20,0)+IF(Input!$D$21=2,L2640*Input!$C$21,0)+IF(Input!$D$22=2,M2640*Input!$C$22,0)</f>
        <v>0.93363153327132342</v>
      </c>
      <c r="P2640" s="59">
        <f>IF(Input!$D$19=3,J2640*Input!$C$19,0)+IF(Input!$D$20=3,K2640*Input!$C$20,0)+IF(Input!$D$21=3,L2640*Input!$C$21,0)+IF(Input!$D$22=3,M2640*Input!$C$22,0)</f>
        <v>0</v>
      </c>
      <c r="Q2640" s="75">
        <f>IF(Input!$D$19=4,J2640*Input!$C$19,0)+IF(Input!$D$20=4,K2640*Input!$C$20,0)+IF(Input!$D$21=4,L2640*Input!$C$21,0)+IF(Input!$D$22=4,M2640*Input!$C$22,0)</f>
        <v>0</v>
      </c>
      <c r="R2640" s="58">
        <v>61.949479513255312</v>
      </c>
      <c r="S2640" s="124">
        <f t="shared" si="41"/>
        <v>1.6182946576702941</v>
      </c>
    </row>
    <row r="2641" spans="8:19" x14ac:dyDescent="0.3">
      <c r="H2641" s="44">
        <v>2634</v>
      </c>
      <c r="I2641" s="56">
        <f>Bühler!I2667</f>
        <v>0.37345261330852936</v>
      </c>
      <c r="J2641" s="59">
        <f>Bühler!J2667</f>
        <v>1.2448420443617647</v>
      </c>
      <c r="K2641" s="59">
        <f>Bühler!K2667</f>
        <v>1.8672630665426468</v>
      </c>
      <c r="L2641" s="59">
        <f>Bühler!L2667</f>
        <v>8.9628627194047041</v>
      </c>
      <c r="M2641" s="58">
        <f>Bühler!M2667</f>
        <v>0</v>
      </c>
      <c r="N2641" s="56">
        <f>IF(Input!$D$19=1,J2641*Input!$C$19,0)+IF(Input!$D$20=1,K2641*Input!$C$20,0)+IF(Input!$D$21=1,L2641*Input!$C$21,0)+IF(Input!$D$22=1,M2641*Input!$C$22,0)</f>
        <v>0.37345261330852941</v>
      </c>
      <c r="O2641" s="59">
        <f>IF(Input!$D$19=2,J2641*Input!$C$19,0)+IF(Input!$D$20=2,K2641*Input!$C$20,0)+IF(Input!$D$21=2,L2641*Input!$C$21,0)+IF(Input!$D$22=2,M2641*Input!$C$22,0)</f>
        <v>0.93363153327132342</v>
      </c>
      <c r="P2641" s="59">
        <f>IF(Input!$D$19=3,J2641*Input!$C$19,0)+IF(Input!$D$20=3,K2641*Input!$C$20,0)+IF(Input!$D$21=3,L2641*Input!$C$21,0)+IF(Input!$D$22=3,M2641*Input!$C$22,0)</f>
        <v>0</v>
      </c>
      <c r="Q2641" s="75">
        <f>IF(Input!$D$19=4,J2641*Input!$C$19,0)+IF(Input!$D$20=4,K2641*Input!$C$20,0)+IF(Input!$D$21=4,L2641*Input!$C$21,0)+IF(Input!$D$22=4,M2641*Input!$C$22,0)</f>
        <v>0</v>
      </c>
      <c r="R2641" s="58">
        <v>60.325108840873192</v>
      </c>
      <c r="S2641" s="124">
        <f t="shared" si="41"/>
        <v>1.6182946576702941</v>
      </c>
    </row>
    <row r="2642" spans="8:19" x14ac:dyDescent="0.3">
      <c r="H2642" s="44">
        <v>2635</v>
      </c>
      <c r="I2642" s="56">
        <f>Bühler!I2668</f>
        <v>0.37345261330852936</v>
      </c>
      <c r="J2642" s="59">
        <f>Bühler!J2668</f>
        <v>1.2448420443617647</v>
      </c>
      <c r="K2642" s="59">
        <f>Bühler!K2668</f>
        <v>1.8672630665426468</v>
      </c>
      <c r="L2642" s="59">
        <f>Bühler!L2668</f>
        <v>8.9628627194047041</v>
      </c>
      <c r="M2642" s="58">
        <f>Bühler!M2668</f>
        <v>0</v>
      </c>
      <c r="N2642" s="56">
        <f>IF(Input!$D$19=1,J2642*Input!$C$19,0)+IF(Input!$D$20=1,K2642*Input!$C$20,0)+IF(Input!$D$21=1,L2642*Input!$C$21,0)+IF(Input!$D$22=1,M2642*Input!$C$22,0)</f>
        <v>0.37345261330852941</v>
      </c>
      <c r="O2642" s="59">
        <f>IF(Input!$D$19=2,J2642*Input!$C$19,0)+IF(Input!$D$20=2,K2642*Input!$C$20,0)+IF(Input!$D$21=2,L2642*Input!$C$21,0)+IF(Input!$D$22=2,M2642*Input!$C$22,0)</f>
        <v>0.93363153327132342</v>
      </c>
      <c r="P2642" s="59">
        <f>IF(Input!$D$19=3,J2642*Input!$C$19,0)+IF(Input!$D$20=3,K2642*Input!$C$20,0)+IF(Input!$D$21=3,L2642*Input!$C$21,0)+IF(Input!$D$22=3,M2642*Input!$C$22,0)</f>
        <v>0</v>
      </c>
      <c r="Q2642" s="75">
        <f>IF(Input!$D$19=4,J2642*Input!$C$19,0)+IF(Input!$D$20=4,K2642*Input!$C$20,0)+IF(Input!$D$21=4,L2642*Input!$C$21,0)+IF(Input!$D$22=4,M2642*Input!$C$22,0)</f>
        <v>0</v>
      </c>
      <c r="R2642" s="58">
        <v>59.276115763094325</v>
      </c>
      <c r="S2642" s="124">
        <f t="shared" si="41"/>
        <v>1.6182946576702941</v>
      </c>
    </row>
    <row r="2643" spans="8:19" x14ac:dyDescent="0.3">
      <c r="H2643" s="44">
        <v>2636</v>
      </c>
      <c r="I2643" s="56">
        <f>Bühler!I2669</f>
        <v>0.37345261330852936</v>
      </c>
      <c r="J2643" s="59">
        <f>Bühler!J2669</f>
        <v>1.2448420443617647</v>
      </c>
      <c r="K2643" s="59">
        <f>Bühler!K2669</f>
        <v>1.8672630665426468</v>
      </c>
      <c r="L2643" s="59">
        <f>Bühler!L2669</f>
        <v>8.9628627194047041</v>
      </c>
      <c r="M2643" s="58">
        <f>Bühler!M2669</f>
        <v>0</v>
      </c>
      <c r="N2643" s="56">
        <f>IF(Input!$D$19=1,J2643*Input!$C$19,0)+IF(Input!$D$20=1,K2643*Input!$C$20,0)+IF(Input!$D$21=1,L2643*Input!$C$21,0)+IF(Input!$D$22=1,M2643*Input!$C$22,0)</f>
        <v>0.37345261330852941</v>
      </c>
      <c r="O2643" s="59">
        <f>IF(Input!$D$19=2,J2643*Input!$C$19,0)+IF(Input!$D$20=2,K2643*Input!$C$20,0)+IF(Input!$D$21=2,L2643*Input!$C$21,0)+IF(Input!$D$22=2,M2643*Input!$C$22,0)</f>
        <v>0.93363153327132342</v>
      </c>
      <c r="P2643" s="59">
        <f>IF(Input!$D$19=3,J2643*Input!$C$19,0)+IF(Input!$D$20=3,K2643*Input!$C$20,0)+IF(Input!$D$21=3,L2643*Input!$C$21,0)+IF(Input!$D$22=3,M2643*Input!$C$22,0)</f>
        <v>0</v>
      </c>
      <c r="Q2643" s="75">
        <f>IF(Input!$D$19=4,J2643*Input!$C$19,0)+IF(Input!$D$20=4,K2643*Input!$C$20,0)+IF(Input!$D$21=4,L2643*Input!$C$21,0)+IF(Input!$D$22=4,M2643*Input!$C$22,0)</f>
        <v>0</v>
      </c>
      <c r="R2643" s="58">
        <v>57.823571585434927</v>
      </c>
      <c r="S2643" s="124">
        <f t="shared" si="41"/>
        <v>1.6182946576702941</v>
      </c>
    </row>
    <row r="2644" spans="8:19" x14ac:dyDescent="0.3">
      <c r="H2644" s="44">
        <v>2637</v>
      </c>
      <c r="I2644" s="56">
        <f>Bühler!I2670</f>
        <v>0.28929427791505791</v>
      </c>
      <c r="J2644" s="59">
        <f>Bühler!J2670</f>
        <v>0.96431425971685969</v>
      </c>
      <c r="K2644" s="59">
        <f>Bühler!K2670</f>
        <v>1.4464713895752894</v>
      </c>
      <c r="L2644" s="59">
        <f>Bühler!L2670</f>
        <v>6.9430626699613889</v>
      </c>
      <c r="M2644" s="58">
        <f>Bühler!M2670</f>
        <v>0</v>
      </c>
      <c r="N2644" s="56">
        <f>IF(Input!$D$19=1,J2644*Input!$C$19,0)+IF(Input!$D$20=1,K2644*Input!$C$20,0)+IF(Input!$D$21=1,L2644*Input!$C$21,0)+IF(Input!$D$22=1,M2644*Input!$C$22,0)</f>
        <v>0.28929427791505791</v>
      </c>
      <c r="O2644" s="59">
        <f>IF(Input!$D$19=2,J2644*Input!$C$19,0)+IF(Input!$D$20=2,K2644*Input!$C$20,0)+IF(Input!$D$21=2,L2644*Input!$C$21,0)+IF(Input!$D$22=2,M2644*Input!$C$22,0)</f>
        <v>0.72323569478764471</v>
      </c>
      <c r="P2644" s="59">
        <f>IF(Input!$D$19=3,J2644*Input!$C$19,0)+IF(Input!$D$20=3,K2644*Input!$C$20,0)+IF(Input!$D$21=3,L2644*Input!$C$21,0)+IF(Input!$D$22=3,M2644*Input!$C$22,0)</f>
        <v>0</v>
      </c>
      <c r="Q2644" s="75">
        <f>IF(Input!$D$19=4,J2644*Input!$C$19,0)+IF(Input!$D$20=4,K2644*Input!$C$20,0)+IF(Input!$D$21=4,L2644*Input!$C$21,0)+IF(Input!$D$22=4,M2644*Input!$C$22,0)</f>
        <v>0</v>
      </c>
      <c r="R2644" s="58">
        <v>55.923435789641061</v>
      </c>
      <c r="S2644" s="124">
        <f t="shared" si="41"/>
        <v>1.2536085376319175</v>
      </c>
    </row>
    <row r="2645" spans="8:19" x14ac:dyDescent="0.3">
      <c r="H2645" s="44">
        <v>2638</v>
      </c>
      <c r="I2645" s="56">
        <f>Bühler!I2671</f>
        <v>0.11045781520393119</v>
      </c>
      <c r="J2645" s="59">
        <f>Bühler!J2671</f>
        <v>0.36819271734643733</v>
      </c>
      <c r="K2645" s="59">
        <f>Bühler!K2671</f>
        <v>0.55228907601965593</v>
      </c>
      <c r="L2645" s="59">
        <f>Bühler!L2671</f>
        <v>2.6509875648943484</v>
      </c>
      <c r="M2645" s="58">
        <f>Bühler!M2671</f>
        <v>0</v>
      </c>
      <c r="N2645" s="56">
        <f>IF(Input!$D$19=1,J2645*Input!$C$19,0)+IF(Input!$D$20=1,K2645*Input!$C$20,0)+IF(Input!$D$21=1,L2645*Input!$C$21,0)+IF(Input!$D$22=1,M2645*Input!$C$22,0)</f>
        <v>0.11045781520393119</v>
      </c>
      <c r="O2645" s="59">
        <f>IF(Input!$D$19=2,J2645*Input!$C$19,0)+IF(Input!$D$20=2,K2645*Input!$C$20,0)+IF(Input!$D$21=2,L2645*Input!$C$21,0)+IF(Input!$D$22=2,M2645*Input!$C$22,0)</f>
        <v>0.27614453800982797</v>
      </c>
      <c r="P2645" s="59">
        <f>IF(Input!$D$19=3,J2645*Input!$C$19,0)+IF(Input!$D$20=3,K2645*Input!$C$20,0)+IF(Input!$D$21=3,L2645*Input!$C$21,0)+IF(Input!$D$22=3,M2645*Input!$C$22,0)</f>
        <v>0</v>
      </c>
      <c r="Q2645" s="75">
        <f>IF(Input!$D$19=4,J2645*Input!$C$19,0)+IF(Input!$D$20=4,K2645*Input!$C$20,0)+IF(Input!$D$21=4,L2645*Input!$C$21,0)+IF(Input!$D$22=4,M2645*Input!$C$22,0)</f>
        <v>0</v>
      </c>
      <c r="R2645" s="58">
        <v>55.169222925988997</v>
      </c>
      <c r="S2645" s="124">
        <f t="shared" si="41"/>
        <v>0.47865053255036849</v>
      </c>
    </row>
    <row r="2646" spans="8:19" x14ac:dyDescent="0.3">
      <c r="H2646" s="44">
        <v>2639</v>
      </c>
      <c r="I2646" s="56">
        <f>Bühler!I2672</f>
        <v>0.11045781520393119</v>
      </c>
      <c r="J2646" s="59">
        <f>Bühler!J2672</f>
        <v>0.36819271734643733</v>
      </c>
      <c r="K2646" s="59">
        <f>Bühler!K2672</f>
        <v>0.55228907601965593</v>
      </c>
      <c r="L2646" s="59">
        <f>Bühler!L2672</f>
        <v>2.6509875648943484</v>
      </c>
      <c r="M2646" s="58">
        <f>Bühler!M2672</f>
        <v>0</v>
      </c>
      <c r="N2646" s="56">
        <f>IF(Input!$D$19=1,J2646*Input!$C$19,0)+IF(Input!$D$20=1,K2646*Input!$C$20,0)+IF(Input!$D$21=1,L2646*Input!$C$21,0)+IF(Input!$D$22=1,M2646*Input!$C$22,0)</f>
        <v>0.11045781520393119</v>
      </c>
      <c r="O2646" s="59">
        <f>IF(Input!$D$19=2,J2646*Input!$C$19,0)+IF(Input!$D$20=2,K2646*Input!$C$20,0)+IF(Input!$D$21=2,L2646*Input!$C$21,0)+IF(Input!$D$22=2,M2646*Input!$C$22,0)</f>
        <v>0.27614453800982797</v>
      </c>
      <c r="P2646" s="59">
        <f>IF(Input!$D$19=3,J2646*Input!$C$19,0)+IF(Input!$D$20=3,K2646*Input!$C$20,0)+IF(Input!$D$21=3,L2646*Input!$C$21,0)+IF(Input!$D$22=3,M2646*Input!$C$22,0)</f>
        <v>0</v>
      </c>
      <c r="Q2646" s="75">
        <f>IF(Input!$D$19=4,J2646*Input!$C$19,0)+IF(Input!$D$20=4,K2646*Input!$C$20,0)+IF(Input!$D$21=4,L2646*Input!$C$21,0)+IF(Input!$D$22=4,M2646*Input!$C$22,0)</f>
        <v>0</v>
      </c>
      <c r="R2646" s="58">
        <v>54.548581543312679</v>
      </c>
      <c r="S2646" s="124">
        <f t="shared" si="41"/>
        <v>0.47865053255036849</v>
      </c>
    </row>
    <row r="2647" spans="8:19" x14ac:dyDescent="0.3">
      <c r="H2647" s="44">
        <v>2640</v>
      </c>
      <c r="I2647" s="56">
        <f>Bühler!I2673</f>
        <v>0.11045781520393119</v>
      </c>
      <c r="J2647" s="59">
        <f>Bühler!J2673</f>
        <v>0.36819271734643733</v>
      </c>
      <c r="K2647" s="59">
        <f>Bühler!K2673</f>
        <v>0.55228907601965593</v>
      </c>
      <c r="L2647" s="59">
        <f>Bühler!L2673</f>
        <v>2.6509875648943484</v>
      </c>
      <c r="M2647" s="58">
        <f>Bühler!M2673</f>
        <v>0</v>
      </c>
      <c r="N2647" s="56">
        <f>IF(Input!$D$19=1,J2647*Input!$C$19,0)+IF(Input!$D$20=1,K2647*Input!$C$20,0)+IF(Input!$D$21=1,L2647*Input!$C$21,0)+IF(Input!$D$22=1,M2647*Input!$C$22,0)</f>
        <v>0.11045781520393119</v>
      </c>
      <c r="O2647" s="59">
        <f>IF(Input!$D$19=2,J2647*Input!$C$19,0)+IF(Input!$D$20=2,K2647*Input!$C$20,0)+IF(Input!$D$21=2,L2647*Input!$C$21,0)+IF(Input!$D$22=2,M2647*Input!$C$22,0)</f>
        <v>0.27614453800982797</v>
      </c>
      <c r="P2647" s="59">
        <f>IF(Input!$D$19=3,J2647*Input!$C$19,0)+IF(Input!$D$20=3,K2647*Input!$C$20,0)+IF(Input!$D$21=3,L2647*Input!$C$21,0)+IF(Input!$D$22=3,M2647*Input!$C$22,0)</f>
        <v>0</v>
      </c>
      <c r="Q2647" s="75">
        <f>IF(Input!$D$19=4,J2647*Input!$C$19,0)+IF(Input!$D$20=4,K2647*Input!$C$20,0)+IF(Input!$D$21=4,L2647*Input!$C$21,0)+IF(Input!$D$22=4,M2647*Input!$C$22,0)</f>
        <v>0</v>
      </c>
      <c r="R2647" s="58">
        <v>53.889241209468167</v>
      </c>
      <c r="S2647" s="124">
        <f t="shared" si="41"/>
        <v>0.47865053255036849</v>
      </c>
    </row>
    <row r="2648" spans="8:19" x14ac:dyDescent="0.3">
      <c r="H2648" s="44">
        <v>2641</v>
      </c>
      <c r="I2648" s="56">
        <f>Bühler!I2674</f>
        <v>6.1846717404905036E-2</v>
      </c>
      <c r="J2648" s="59">
        <f>Bühler!J2674</f>
        <v>0.20615572468301679</v>
      </c>
      <c r="K2648" s="59">
        <f>Bühler!K2674</f>
        <v>0.30923358702452519</v>
      </c>
      <c r="L2648" s="59">
        <f>Bühler!L2674</f>
        <v>3.8422654398161682</v>
      </c>
      <c r="M2648" s="58">
        <f>Bühler!M2674</f>
        <v>0</v>
      </c>
      <c r="N2648" s="56">
        <f>IF(Input!$D$19=1,J2648*Input!$C$19,0)+IF(Input!$D$20=1,K2648*Input!$C$20,0)+IF(Input!$D$21=1,L2648*Input!$C$21,0)+IF(Input!$D$22=1,M2648*Input!$C$22,0)</f>
        <v>6.1846717404905036E-2</v>
      </c>
      <c r="O2648" s="59">
        <f>IF(Input!$D$19=2,J2648*Input!$C$19,0)+IF(Input!$D$20=2,K2648*Input!$C$20,0)+IF(Input!$D$21=2,L2648*Input!$C$21,0)+IF(Input!$D$22=2,M2648*Input!$C$22,0)</f>
        <v>0.1546167935122626</v>
      </c>
      <c r="P2648" s="59">
        <f>IF(Input!$D$19=3,J2648*Input!$C$19,0)+IF(Input!$D$20=3,K2648*Input!$C$20,0)+IF(Input!$D$21=3,L2648*Input!$C$21,0)+IF(Input!$D$22=3,M2648*Input!$C$22,0)</f>
        <v>0</v>
      </c>
      <c r="Q2648" s="75">
        <f>IF(Input!$D$19=4,J2648*Input!$C$19,0)+IF(Input!$D$20=4,K2648*Input!$C$20,0)+IF(Input!$D$21=4,L2648*Input!$C$21,0)+IF(Input!$D$22=4,M2648*Input!$C$22,0)</f>
        <v>0</v>
      </c>
      <c r="R2648" s="58">
        <v>52.481365385922615</v>
      </c>
      <c r="S2648" s="124">
        <f t="shared" si="41"/>
        <v>0.26800244208792184</v>
      </c>
    </row>
    <row r="2649" spans="8:19" x14ac:dyDescent="0.3">
      <c r="H2649" s="44">
        <v>2642</v>
      </c>
      <c r="I2649" s="56">
        <f>Bühler!I2675</f>
        <v>0.12074835302862413</v>
      </c>
      <c r="J2649" s="59">
        <f>Bühler!J2675</f>
        <v>0.40249451009541382</v>
      </c>
      <c r="K2649" s="59">
        <f>Bühler!K2675</f>
        <v>0.60374176514312072</v>
      </c>
      <c r="L2649" s="59">
        <f>Bühler!L2675</f>
        <v>7.5015658586887097</v>
      </c>
      <c r="M2649" s="58">
        <f>Bühler!M2675</f>
        <v>0</v>
      </c>
      <c r="N2649" s="56">
        <f>IF(Input!$D$19=1,J2649*Input!$C$19,0)+IF(Input!$D$20=1,K2649*Input!$C$20,0)+IF(Input!$D$21=1,L2649*Input!$C$21,0)+IF(Input!$D$22=1,M2649*Input!$C$22,0)</f>
        <v>0.12074835302862413</v>
      </c>
      <c r="O2649" s="59">
        <f>IF(Input!$D$19=2,J2649*Input!$C$19,0)+IF(Input!$D$20=2,K2649*Input!$C$20,0)+IF(Input!$D$21=2,L2649*Input!$C$21,0)+IF(Input!$D$22=2,M2649*Input!$C$22,0)</f>
        <v>0.30187088257156036</v>
      </c>
      <c r="P2649" s="59">
        <f>IF(Input!$D$19=3,J2649*Input!$C$19,0)+IF(Input!$D$20=3,K2649*Input!$C$20,0)+IF(Input!$D$21=3,L2649*Input!$C$21,0)+IF(Input!$D$22=3,M2649*Input!$C$22,0)</f>
        <v>0</v>
      </c>
      <c r="Q2649" s="75">
        <f>IF(Input!$D$19=4,J2649*Input!$C$19,0)+IF(Input!$D$20=4,K2649*Input!$C$20,0)+IF(Input!$D$21=4,L2649*Input!$C$21,0)+IF(Input!$D$22=4,M2649*Input!$C$22,0)</f>
        <v>0</v>
      </c>
      <c r="R2649" s="58">
        <v>51.433752958623302</v>
      </c>
      <c r="S2649" s="124">
        <f t="shared" si="41"/>
        <v>0.523242863124038</v>
      </c>
    </row>
    <row r="2650" spans="8:19" x14ac:dyDescent="0.3">
      <c r="H2650" s="44">
        <v>2643</v>
      </c>
      <c r="I2650" s="56">
        <f>Bühler!I2676</f>
        <v>0.12074835302862413</v>
      </c>
      <c r="J2650" s="59">
        <f>Bühler!J2676</f>
        <v>0.40249451009541382</v>
      </c>
      <c r="K2650" s="59">
        <f>Bühler!K2676</f>
        <v>0.60374176514312072</v>
      </c>
      <c r="L2650" s="59">
        <f>Bühler!L2676</f>
        <v>7.5015658586887097</v>
      </c>
      <c r="M2650" s="58">
        <f>Bühler!M2676</f>
        <v>0</v>
      </c>
      <c r="N2650" s="56">
        <f>IF(Input!$D$19=1,J2650*Input!$C$19,0)+IF(Input!$D$20=1,K2650*Input!$C$20,0)+IF(Input!$D$21=1,L2650*Input!$C$21,0)+IF(Input!$D$22=1,M2650*Input!$C$22,0)</f>
        <v>0.12074835302862413</v>
      </c>
      <c r="O2650" s="59">
        <f>IF(Input!$D$19=2,J2650*Input!$C$19,0)+IF(Input!$D$20=2,K2650*Input!$C$20,0)+IF(Input!$D$21=2,L2650*Input!$C$21,0)+IF(Input!$D$22=2,M2650*Input!$C$22,0)</f>
        <v>0.30187088257156036</v>
      </c>
      <c r="P2650" s="59">
        <f>IF(Input!$D$19=3,J2650*Input!$C$19,0)+IF(Input!$D$20=3,K2650*Input!$C$20,0)+IF(Input!$D$21=3,L2650*Input!$C$21,0)+IF(Input!$D$22=3,M2650*Input!$C$22,0)</f>
        <v>0</v>
      </c>
      <c r="Q2650" s="75">
        <f>IF(Input!$D$19=4,J2650*Input!$C$19,0)+IF(Input!$D$20=4,K2650*Input!$C$20,0)+IF(Input!$D$21=4,L2650*Input!$C$21,0)+IF(Input!$D$22=4,M2650*Input!$C$22,0)</f>
        <v>0</v>
      </c>
      <c r="R2650" s="58">
        <v>50.532332199564763</v>
      </c>
      <c r="S2650" s="124">
        <f t="shared" si="41"/>
        <v>0.523242863124038</v>
      </c>
    </row>
    <row r="2651" spans="8:19" x14ac:dyDescent="0.3">
      <c r="H2651" s="44">
        <v>2644</v>
      </c>
      <c r="I2651" s="56">
        <f>Bühler!I2677</f>
        <v>0.12074835302862413</v>
      </c>
      <c r="J2651" s="59">
        <f>Bühler!J2677</f>
        <v>0.40249451009541382</v>
      </c>
      <c r="K2651" s="59">
        <f>Bühler!K2677</f>
        <v>0.60374176514312072</v>
      </c>
      <c r="L2651" s="59">
        <f>Bühler!L2677</f>
        <v>7.5015658586887097</v>
      </c>
      <c r="M2651" s="58">
        <f>Bühler!M2677</f>
        <v>0</v>
      </c>
      <c r="N2651" s="56">
        <f>IF(Input!$D$19=1,J2651*Input!$C$19,0)+IF(Input!$D$20=1,K2651*Input!$C$20,0)+IF(Input!$D$21=1,L2651*Input!$C$21,0)+IF(Input!$D$22=1,M2651*Input!$C$22,0)</f>
        <v>0.12074835302862413</v>
      </c>
      <c r="O2651" s="59">
        <f>IF(Input!$D$19=2,J2651*Input!$C$19,0)+IF(Input!$D$20=2,K2651*Input!$C$20,0)+IF(Input!$D$21=2,L2651*Input!$C$21,0)+IF(Input!$D$22=2,M2651*Input!$C$22,0)</f>
        <v>0.30187088257156036</v>
      </c>
      <c r="P2651" s="59">
        <f>IF(Input!$D$19=3,J2651*Input!$C$19,0)+IF(Input!$D$20=3,K2651*Input!$C$20,0)+IF(Input!$D$21=3,L2651*Input!$C$21,0)+IF(Input!$D$22=3,M2651*Input!$C$22,0)</f>
        <v>0</v>
      </c>
      <c r="Q2651" s="75">
        <f>IF(Input!$D$19=4,J2651*Input!$C$19,0)+IF(Input!$D$20=4,K2651*Input!$C$20,0)+IF(Input!$D$21=4,L2651*Input!$C$21,0)+IF(Input!$D$22=4,M2651*Input!$C$22,0)</f>
        <v>0</v>
      </c>
      <c r="R2651" s="58">
        <v>49.920553678182273</v>
      </c>
      <c r="S2651" s="124">
        <f t="shared" si="41"/>
        <v>0.523242863124038</v>
      </c>
    </row>
    <row r="2652" spans="8:19" x14ac:dyDescent="0.3">
      <c r="H2652" s="44">
        <v>2645</v>
      </c>
      <c r="I2652" s="56">
        <f>Bühler!I2678</f>
        <v>0.12074835302862413</v>
      </c>
      <c r="J2652" s="59">
        <f>Bühler!J2678</f>
        <v>0.40249451009541382</v>
      </c>
      <c r="K2652" s="59">
        <f>Bühler!K2678</f>
        <v>0.60374176514312072</v>
      </c>
      <c r="L2652" s="59">
        <f>Bühler!L2678</f>
        <v>7.5015658586887097</v>
      </c>
      <c r="M2652" s="58">
        <f>Bühler!M2678</f>
        <v>0</v>
      </c>
      <c r="N2652" s="56">
        <f>IF(Input!$D$19=1,J2652*Input!$C$19,0)+IF(Input!$D$20=1,K2652*Input!$C$20,0)+IF(Input!$D$21=1,L2652*Input!$C$21,0)+IF(Input!$D$22=1,M2652*Input!$C$22,0)</f>
        <v>0.12074835302862413</v>
      </c>
      <c r="O2652" s="59">
        <f>IF(Input!$D$19=2,J2652*Input!$C$19,0)+IF(Input!$D$20=2,K2652*Input!$C$20,0)+IF(Input!$D$21=2,L2652*Input!$C$21,0)+IF(Input!$D$22=2,M2652*Input!$C$22,0)</f>
        <v>0.30187088257156036</v>
      </c>
      <c r="P2652" s="59">
        <f>IF(Input!$D$19=3,J2652*Input!$C$19,0)+IF(Input!$D$20=3,K2652*Input!$C$20,0)+IF(Input!$D$21=3,L2652*Input!$C$21,0)+IF(Input!$D$22=3,M2652*Input!$C$22,0)</f>
        <v>0</v>
      </c>
      <c r="Q2652" s="75">
        <f>IF(Input!$D$19=4,J2652*Input!$C$19,0)+IF(Input!$D$20=4,K2652*Input!$C$20,0)+IF(Input!$D$21=4,L2652*Input!$C$21,0)+IF(Input!$D$22=4,M2652*Input!$C$22,0)</f>
        <v>0</v>
      </c>
      <c r="R2652" s="58">
        <v>48.242738953858947</v>
      </c>
      <c r="S2652" s="124">
        <f t="shared" si="41"/>
        <v>0.523242863124038</v>
      </c>
    </row>
    <row r="2653" spans="8:19" x14ac:dyDescent="0.3">
      <c r="H2653" s="44">
        <v>2646</v>
      </c>
      <c r="I2653" s="56">
        <f>Bühler!I2679</f>
        <v>0.15019917084048368</v>
      </c>
      <c r="J2653" s="59">
        <f>Bühler!J2679</f>
        <v>0.50066390280161233</v>
      </c>
      <c r="K2653" s="59">
        <f>Bühler!K2679</f>
        <v>0.75099585420241843</v>
      </c>
      <c r="L2653" s="59">
        <f>Bühler!L2679</f>
        <v>9.3312160681249807</v>
      </c>
      <c r="M2653" s="58">
        <f>Bühler!M2679</f>
        <v>0</v>
      </c>
      <c r="N2653" s="56">
        <f>IF(Input!$D$19=1,J2653*Input!$C$19,0)+IF(Input!$D$20=1,K2653*Input!$C$20,0)+IF(Input!$D$21=1,L2653*Input!$C$21,0)+IF(Input!$D$22=1,M2653*Input!$C$22,0)</f>
        <v>0.1501991708404837</v>
      </c>
      <c r="O2653" s="59">
        <f>IF(Input!$D$19=2,J2653*Input!$C$19,0)+IF(Input!$D$20=2,K2653*Input!$C$20,0)+IF(Input!$D$21=2,L2653*Input!$C$21,0)+IF(Input!$D$22=2,M2653*Input!$C$22,0)</f>
        <v>0.37549792710120922</v>
      </c>
      <c r="P2653" s="59">
        <f>IF(Input!$D$19=3,J2653*Input!$C$19,0)+IF(Input!$D$20=3,K2653*Input!$C$20,0)+IF(Input!$D$21=3,L2653*Input!$C$21,0)+IF(Input!$D$22=3,M2653*Input!$C$22,0)</f>
        <v>0</v>
      </c>
      <c r="Q2653" s="75">
        <f>IF(Input!$D$19=4,J2653*Input!$C$19,0)+IF(Input!$D$20=4,K2653*Input!$C$20,0)+IF(Input!$D$21=4,L2653*Input!$C$21,0)+IF(Input!$D$22=4,M2653*Input!$C$22,0)</f>
        <v>0</v>
      </c>
      <c r="R2653" s="58">
        <v>47.420856446659194</v>
      </c>
      <c r="S2653" s="124">
        <f t="shared" si="41"/>
        <v>0.65086307364209595</v>
      </c>
    </row>
    <row r="2654" spans="8:19" x14ac:dyDescent="0.3">
      <c r="H2654" s="44">
        <v>2647</v>
      </c>
      <c r="I2654" s="56">
        <f>Bühler!I2680</f>
        <v>0.18848523399590111</v>
      </c>
      <c r="J2654" s="59">
        <f>Bühler!J2680</f>
        <v>0.62828411331967038</v>
      </c>
      <c r="K2654" s="59">
        <f>Bühler!K2680</f>
        <v>0.94242616997950557</v>
      </c>
      <c r="L2654" s="59">
        <f>Bühler!L2680</f>
        <v>11.709761340392133</v>
      </c>
      <c r="M2654" s="58">
        <f>Bühler!M2680</f>
        <v>0</v>
      </c>
      <c r="N2654" s="56">
        <f>IF(Input!$D$19=1,J2654*Input!$C$19,0)+IF(Input!$D$20=1,K2654*Input!$C$20,0)+IF(Input!$D$21=1,L2654*Input!$C$21,0)+IF(Input!$D$22=1,M2654*Input!$C$22,0)</f>
        <v>0.18848523399590111</v>
      </c>
      <c r="O2654" s="59">
        <f>IF(Input!$D$19=2,J2654*Input!$C$19,0)+IF(Input!$D$20=2,K2654*Input!$C$20,0)+IF(Input!$D$21=2,L2654*Input!$C$21,0)+IF(Input!$D$22=2,M2654*Input!$C$22,0)</f>
        <v>0.47121308498975278</v>
      </c>
      <c r="P2654" s="59">
        <f>IF(Input!$D$19=3,J2654*Input!$C$19,0)+IF(Input!$D$20=3,K2654*Input!$C$20,0)+IF(Input!$D$21=3,L2654*Input!$C$21,0)+IF(Input!$D$22=3,M2654*Input!$C$22,0)</f>
        <v>0</v>
      </c>
      <c r="Q2654" s="75">
        <f>IF(Input!$D$19=4,J2654*Input!$C$19,0)+IF(Input!$D$20=4,K2654*Input!$C$20,0)+IF(Input!$D$21=4,L2654*Input!$C$21,0)+IF(Input!$D$22=4,M2654*Input!$C$22,0)</f>
        <v>0</v>
      </c>
      <c r="R2654" s="58">
        <v>47.580304689616156</v>
      </c>
      <c r="S2654" s="124">
        <f t="shared" si="41"/>
        <v>0.81676934731557149</v>
      </c>
    </row>
    <row r="2655" spans="8:19" x14ac:dyDescent="0.3">
      <c r="H2655" s="44">
        <v>2648</v>
      </c>
      <c r="I2655" s="56">
        <f>Bühler!I2681</f>
        <v>0.21499097002657466</v>
      </c>
      <c r="J2655" s="59">
        <f>Bühler!J2681</f>
        <v>0.716636566755249</v>
      </c>
      <c r="K2655" s="59">
        <f>Bühler!K2681</f>
        <v>1.0749548501328734</v>
      </c>
      <c r="L2655" s="59">
        <f>Bühler!L2681</f>
        <v>13.356446528884776</v>
      </c>
      <c r="M2655" s="58">
        <f>Bühler!M2681</f>
        <v>0</v>
      </c>
      <c r="N2655" s="56">
        <f>IF(Input!$D$19=1,J2655*Input!$C$19,0)+IF(Input!$D$20=1,K2655*Input!$C$20,0)+IF(Input!$D$21=1,L2655*Input!$C$21,0)+IF(Input!$D$22=1,M2655*Input!$C$22,0)</f>
        <v>0.21499097002657469</v>
      </c>
      <c r="O2655" s="59">
        <f>IF(Input!$D$19=2,J2655*Input!$C$19,0)+IF(Input!$D$20=2,K2655*Input!$C$20,0)+IF(Input!$D$21=2,L2655*Input!$C$21,0)+IF(Input!$D$22=2,M2655*Input!$C$22,0)</f>
        <v>0.5374774250664367</v>
      </c>
      <c r="P2655" s="59">
        <f>IF(Input!$D$19=3,J2655*Input!$C$19,0)+IF(Input!$D$20=3,K2655*Input!$C$20,0)+IF(Input!$D$21=3,L2655*Input!$C$21,0)+IF(Input!$D$22=3,M2655*Input!$C$22,0)</f>
        <v>0</v>
      </c>
      <c r="Q2655" s="75">
        <f>IF(Input!$D$19=4,J2655*Input!$C$19,0)+IF(Input!$D$20=4,K2655*Input!$C$20,0)+IF(Input!$D$21=4,L2655*Input!$C$21,0)+IF(Input!$D$22=4,M2655*Input!$C$22,0)</f>
        <v>0</v>
      </c>
      <c r="R2655" s="58">
        <v>47.867243114208911</v>
      </c>
      <c r="S2655" s="124">
        <f t="shared" si="41"/>
        <v>0.93162753678182364</v>
      </c>
    </row>
    <row r="2656" spans="8:19" x14ac:dyDescent="0.3">
      <c r="H2656" s="44">
        <v>2649</v>
      </c>
      <c r="I2656" s="56">
        <f>Bühler!I2682</f>
        <v>0.21499097002657466</v>
      </c>
      <c r="J2656" s="59">
        <f>Bühler!J2682</f>
        <v>0.716636566755249</v>
      </c>
      <c r="K2656" s="59">
        <f>Bühler!K2682</f>
        <v>1.0749548501328734</v>
      </c>
      <c r="L2656" s="59">
        <f>Bühler!L2682</f>
        <v>13.356446528884776</v>
      </c>
      <c r="M2656" s="58">
        <f>Bühler!M2682</f>
        <v>0</v>
      </c>
      <c r="N2656" s="56">
        <f>IF(Input!$D$19=1,J2656*Input!$C$19,0)+IF(Input!$D$20=1,K2656*Input!$C$20,0)+IF(Input!$D$21=1,L2656*Input!$C$21,0)+IF(Input!$D$22=1,M2656*Input!$C$22,0)</f>
        <v>0.21499097002657469</v>
      </c>
      <c r="O2656" s="59">
        <f>IF(Input!$D$19=2,J2656*Input!$C$19,0)+IF(Input!$D$20=2,K2656*Input!$C$20,0)+IF(Input!$D$21=2,L2656*Input!$C$21,0)+IF(Input!$D$22=2,M2656*Input!$C$22,0)</f>
        <v>0.5374774250664367</v>
      </c>
      <c r="P2656" s="59">
        <f>IF(Input!$D$19=3,J2656*Input!$C$19,0)+IF(Input!$D$20=3,K2656*Input!$C$20,0)+IF(Input!$D$21=3,L2656*Input!$C$21,0)+IF(Input!$D$22=3,M2656*Input!$C$22,0)</f>
        <v>0</v>
      </c>
      <c r="Q2656" s="75">
        <f>IF(Input!$D$19=4,J2656*Input!$C$19,0)+IF(Input!$D$20=4,K2656*Input!$C$20,0)+IF(Input!$D$21=4,L2656*Input!$C$21,0)+IF(Input!$D$22=4,M2656*Input!$C$22,0)</f>
        <v>0</v>
      </c>
      <c r="R2656" s="58">
        <v>47.080804795100185</v>
      </c>
      <c r="S2656" s="124">
        <f t="shared" si="41"/>
        <v>0.93162753678182364</v>
      </c>
    </row>
    <row r="2657" spans="8:19" x14ac:dyDescent="0.3">
      <c r="H2657" s="44">
        <v>2650</v>
      </c>
      <c r="I2657" s="56">
        <f>Bühler!I2683</f>
        <v>0.21499097002657466</v>
      </c>
      <c r="J2657" s="59">
        <f>Bühler!J2683</f>
        <v>0.716636566755249</v>
      </c>
      <c r="K2657" s="59">
        <f>Bühler!K2683</f>
        <v>1.0749548501328734</v>
      </c>
      <c r="L2657" s="59">
        <f>Bühler!L2683</f>
        <v>13.356446528884776</v>
      </c>
      <c r="M2657" s="58">
        <f>Bühler!M2683</f>
        <v>0</v>
      </c>
      <c r="N2657" s="56">
        <f>IF(Input!$D$19=1,J2657*Input!$C$19,0)+IF(Input!$D$20=1,K2657*Input!$C$20,0)+IF(Input!$D$21=1,L2657*Input!$C$21,0)+IF(Input!$D$22=1,M2657*Input!$C$22,0)</f>
        <v>0.21499097002657469</v>
      </c>
      <c r="O2657" s="59">
        <f>IF(Input!$D$19=2,J2657*Input!$C$19,0)+IF(Input!$D$20=2,K2657*Input!$C$20,0)+IF(Input!$D$21=2,L2657*Input!$C$21,0)+IF(Input!$D$22=2,M2657*Input!$C$22,0)</f>
        <v>0.5374774250664367</v>
      </c>
      <c r="P2657" s="59">
        <f>IF(Input!$D$19=3,J2657*Input!$C$19,0)+IF(Input!$D$20=3,K2657*Input!$C$20,0)+IF(Input!$D$21=3,L2657*Input!$C$21,0)+IF(Input!$D$22=3,M2657*Input!$C$22,0)</f>
        <v>0</v>
      </c>
      <c r="Q2657" s="75">
        <f>IF(Input!$D$19=4,J2657*Input!$C$19,0)+IF(Input!$D$20=4,K2657*Input!$C$20,0)+IF(Input!$D$21=4,L2657*Input!$C$21,0)+IF(Input!$D$22=4,M2657*Input!$C$22,0)</f>
        <v>0</v>
      </c>
      <c r="R2657" s="58">
        <v>46.6961303325347</v>
      </c>
      <c r="S2657" s="124">
        <f t="shared" si="41"/>
        <v>0.93162753678182364</v>
      </c>
    </row>
    <row r="2658" spans="8:19" x14ac:dyDescent="0.3">
      <c r="H2658" s="44">
        <v>2651</v>
      </c>
      <c r="I2658" s="56">
        <f>Bühler!I2684</f>
        <v>0.21499097002657466</v>
      </c>
      <c r="J2658" s="59">
        <f>Bühler!J2684</f>
        <v>0.716636566755249</v>
      </c>
      <c r="K2658" s="59">
        <f>Bühler!K2684</f>
        <v>1.0749548501328734</v>
      </c>
      <c r="L2658" s="59">
        <f>Bühler!L2684</f>
        <v>13.356446528884776</v>
      </c>
      <c r="M2658" s="58">
        <f>Bühler!M2684</f>
        <v>0</v>
      </c>
      <c r="N2658" s="56">
        <f>IF(Input!$D$19=1,J2658*Input!$C$19,0)+IF(Input!$D$20=1,K2658*Input!$C$20,0)+IF(Input!$D$21=1,L2658*Input!$C$21,0)+IF(Input!$D$22=1,M2658*Input!$C$22,0)</f>
        <v>0.21499097002657469</v>
      </c>
      <c r="O2658" s="59">
        <f>IF(Input!$D$19=2,J2658*Input!$C$19,0)+IF(Input!$D$20=2,K2658*Input!$C$20,0)+IF(Input!$D$21=2,L2658*Input!$C$21,0)+IF(Input!$D$22=2,M2658*Input!$C$22,0)</f>
        <v>0.5374774250664367</v>
      </c>
      <c r="P2658" s="59">
        <f>IF(Input!$D$19=3,J2658*Input!$C$19,0)+IF(Input!$D$20=3,K2658*Input!$C$20,0)+IF(Input!$D$21=3,L2658*Input!$C$21,0)+IF(Input!$D$22=3,M2658*Input!$C$22,0)</f>
        <v>0</v>
      </c>
      <c r="Q2658" s="75">
        <f>IF(Input!$D$19=4,J2658*Input!$C$19,0)+IF(Input!$D$20=4,K2658*Input!$C$20,0)+IF(Input!$D$21=4,L2658*Input!$C$21,0)+IF(Input!$D$22=4,M2658*Input!$C$22,0)</f>
        <v>0</v>
      </c>
      <c r="R2658" s="58">
        <v>46.54350610246054</v>
      </c>
      <c r="S2658" s="124">
        <f t="shared" si="41"/>
        <v>0.93162753678182364</v>
      </c>
    </row>
    <row r="2659" spans="8:19" x14ac:dyDescent="0.3">
      <c r="H2659" s="44">
        <v>2652</v>
      </c>
      <c r="I2659" s="56">
        <f>Bühler!I2685</f>
        <v>0.21499097002657466</v>
      </c>
      <c r="J2659" s="59">
        <f>Bühler!J2685</f>
        <v>0.716636566755249</v>
      </c>
      <c r="K2659" s="59">
        <f>Bühler!K2685</f>
        <v>1.0749548501328734</v>
      </c>
      <c r="L2659" s="59">
        <f>Bühler!L2685</f>
        <v>13.356446528884776</v>
      </c>
      <c r="M2659" s="58">
        <f>Bühler!M2685</f>
        <v>0</v>
      </c>
      <c r="N2659" s="56">
        <f>IF(Input!$D$19=1,J2659*Input!$C$19,0)+IF(Input!$D$20=1,K2659*Input!$C$20,0)+IF(Input!$D$21=1,L2659*Input!$C$21,0)+IF(Input!$D$22=1,M2659*Input!$C$22,0)</f>
        <v>0.21499097002657469</v>
      </c>
      <c r="O2659" s="59">
        <f>IF(Input!$D$19=2,J2659*Input!$C$19,0)+IF(Input!$D$20=2,K2659*Input!$C$20,0)+IF(Input!$D$21=2,L2659*Input!$C$21,0)+IF(Input!$D$22=2,M2659*Input!$C$22,0)</f>
        <v>0.5374774250664367</v>
      </c>
      <c r="P2659" s="59">
        <f>IF(Input!$D$19=3,J2659*Input!$C$19,0)+IF(Input!$D$20=3,K2659*Input!$C$20,0)+IF(Input!$D$21=3,L2659*Input!$C$21,0)+IF(Input!$D$22=3,M2659*Input!$C$22,0)</f>
        <v>0</v>
      </c>
      <c r="Q2659" s="75">
        <f>IF(Input!$D$19=4,J2659*Input!$C$19,0)+IF(Input!$D$20=4,K2659*Input!$C$20,0)+IF(Input!$D$21=4,L2659*Input!$C$21,0)+IF(Input!$D$22=4,M2659*Input!$C$22,0)</f>
        <v>0</v>
      </c>
      <c r="R2659" s="58">
        <v>46.501515494767744</v>
      </c>
      <c r="S2659" s="124">
        <f t="shared" si="41"/>
        <v>0.93162753678182364</v>
      </c>
    </row>
    <row r="2660" spans="8:19" x14ac:dyDescent="0.3">
      <c r="H2660" s="44">
        <v>2653</v>
      </c>
      <c r="I2660" s="56">
        <f>Bühler!I2686</f>
        <v>0.21499097002657466</v>
      </c>
      <c r="J2660" s="59">
        <f>Bühler!J2686</f>
        <v>0.716636566755249</v>
      </c>
      <c r="K2660" s="59">
        <f>Bühler!K2686</f>
        <v>1.0749548501328734</v>
      </c>
      <c r="L2660" s="59">
        <f>Bühler!L2686</f>
        <v>13.356446528884776</v>
      </c>
      <c r="M2660" s="58">
        <f>Bühler!M2686</f>
        <v>0</v>
      </c>
      <c r="N2660" s="56">
        <f>IF(Input!$D$19=1,J2660*Input!$C$19,0)+IF(Input!$D$20=1,K2660*Input!$C$20,0)+IF(Input!$D$21=1,L2660*Input!$C$21,0)+IF(Input!$D$22=1,M2660*Input!$C$22,0)</f>
        <v>0.21499097002657469</v>
      </c>
      <c r="O2660" s="59">
        <f>IF(Input!$D$19=2,J2660*Input!$C$19,0)+IF(Input!$D$20=2,K2660*Input!$C$20,0)+IF(Input!$D$21=2,L2660*Input!$C$21,0)+IF(Input!$D$22=2,M2660*Input!$C$22,0)</f>
        <v>0.5374774250664367</v>
      </c>
      <c r="P2660" s="59">
        <f>IF(Input!$D$19=3,J2660*Input!$C$19,0)+IF(Input!$D$20=3,K2660*Input!$C$20,0)+IF(Input!$D$21=3,L2660*Input!$C$21,0)+IF(Input!$D$22=3,M2660*Input!$C$22,0)</f>
        <v>0</v>
      </c>
      <c r="Q2660" s="75">
        <f>IF(Input!$D$19=4,J2660*Input!$C$19,0)+IF(Input!$D$20=4,K2660*Input!$C$20,0)+IF(Input!$D$21=4,L2660*Input!$C$21,0)+IF(Input!$D$22=4,M2660*Input!$C$22,0)</f>
        <v>0</v>
      </c>
      <c r="R2660" s="58">
        <v>45.581217176548328</v>
      </c>
      <c r="S2660" s="124">
        <f t="shared" si="41"/>
        <v>0.93162753678182364</v>
      </c>
    </row>
    <row r="2661" spans="8:19" x14ac:dyDescent="0.3">
      <c r="H2661" s="44">
        <v>2654</v>
      </c>
      <c r="I2661" s="56">
        <f>Bühler!I2687</f>
        <v>0.21499097002657466</v>
      </c>
      <c r="J2661" s="59">
        <f>Bühler!J2687</f>
        <v>0.716636566755249</v>
      </c>
      <c r="K2661" s="59">
        <f>Bühler!K2687</f>
        <v>1.0749548501328734</v>
      </c>
      <c r="L2661" s="59">
        <f>Bühler!L2687</f>
        <v>13.356446528884776</v>
      </c>
      <c r="M2661" s="58">
        <f>Bühler!M2687</f>
        <v>0</v>
      </c>
      <c r="N2661" s="56">
        <f>IF(Input!$D$19=1,J2661*Input!$C$19,0)+IF(Input!$D$20=1,K2661*Input!$C$20,0)+IF(Input!$D$21=1,L2661*Input!$C$21,0)+IF(Input!$D$22=1,M2661*Input!$C$22,0)</f>
        <v>0.21499097002657469</v>
      </c>
      <c r="O2661" s="59">
        <f>IF(Input!$D$19=2,J2661*Input!$C$19,0)+IF(Input!$D$20=2,K2661*Input!$C$20,0)+IF(Input!$D$21=2,L2661*Input!$C$21,0)+IF(Input!$D$22=2,M2661*Input!$C$22,0)</f>
        <v>0.5374774250664367</v>
      </c>
      <c r="P2661" s="59">
        <f>IF(Input!$D$19=3,J2661*Input!$C$19,0)+IF(Input!$D$20=3,K2661*Input!$C$20,0)+IF(Input!$D$21=3,L2661*Input!$C$21,0)+IF(Input!$D$22=3,M2661*Input!$C$22,0)</f>
        <v>0</v>
      </c>
      <c r="Q2661" s="75">
        <f>IF(Input!$D$19=4,J2661*Input!$C$19,0)+IF(Input!$D$20=4,K2661*Input!$C$20,0)+IF(Input!$D$21=4,L2661*Input!$C$21,0)+IF(Input!$D$22=4,M2661*Input!$C$22,0)</f>
        <v>0</v>
      </c>
      <c r="R2661" s="58">
        <v>44.906536327585314</v>
      </c>
      <c r="S2661" s="124">
        <f t="shared" si="41"/>
        <v>0.93162753678182364</v>
      </c>
    </row>
    <row r="2662" spans="8:19" x14ac:dyDescent="0.3">
      <c r="H2662" s="44">
        <v>2655</v>
      </c>
      <c r="I2662" s="56">
        <f>Bühler!I2688</f>
        <v>0.21499097002657466</v>
      </c>
      <c r="J2662" s="59">
        <f>Bühler!J2688</f>
        <v>0.716636566755249</v>
      </c>
      <c r="K2662" s="59">
        <f>Bühler!K2688</f>
        <v>1.0749548501328734</v>
      </c>
      <c r="L2662" s="59">
        <f>Bühler!L2688</f>
        <v>13.356446528884776</v>
      </c>
      <c r="M2662" s="58">
        <f>Bühler!M2688</f>
        <v>0</v>
      </c>
      <c r="N2662" s="56">
        <f>IF(Input!$D$19=1,J2662*Input!$C$19,0)+IF(Input!$D$20=1,K2662*Input!$C$20,0)+IF(Input!$D$21=1,L2662*Input!$C$21,0)+IF(Input!$D$22=1,M2662*Input!$C$22,0)</f>
        <v>0.21499097002657469</v>
      </c>
      <c r="O2662" s="59">
        <f>IF(Input!$D$19=2,J2662*Input!$C$19,0)+IF(Input!$D$20=2,K2662*Input!$C$20,0)+IF(Input!$D$21=2,L2662*Input!$C$21,0)+IF(Input!$D$22=2,M2662*Input!$C$22,0)</f>
        <v>0.5374774250664367</v>
      </c>
      <c r="P2662" s="59">
        <f>IF(Input!$D$19=3,J2662*Input!$C$19,0)+IF(Input!$D$20=3,K2662*Input!$C$20,0)+IF(Input!$D$21=3,L2662*Input!$C$21,0)+IF(Input!$D$22=3,M2662*Input!$C$22,0)</f>
        <v>0</v>
      </c>
      <c r="Q2662" s="75">
        <f>IF(Input!$D$19=4,J2662*Input!$C$19,0)+IF(Input!$D$20=4,K2662*Input!$C$20,0)+IF(Input!$D$21=4,L2662*Input!$C$21,0)+IF(Input!$D$22=4,M2662*Input!$C$22,0)</f>
        <v>0</v>
      </c>
      <c r="R2662" s="58">
        <v>44.743085743800464</v>
      </c>
      <c r="S2662" s="124">
        <f t="shared" si="41"/>
        <v>0.93162753678182364</v>
      </c>
    </row>
    <row r="2663" spans="8:19" x14ac:dyDescent="0.3">
      <c r="H2663" s="44">
        <v>2656</v>
      </c>
      <c r="I2663" s="56">
        <f>Bühler!I2689</f>
        <v>0.19437539755827302</v>
      </c>
      <c r="J2663" s="59">
        <f>Bühler!J2689</f>
        <v>0.64791799186091015</v>
      </c>
      <c r="K2663" s="59">
        <f>Bühler!K2689</f>
        <v>0.97187698779136511</v>
      </c>
      <c r="L2663" s="59">
        <f>Bühler!L2689</f>
        <v>12.075691382279388</v>
      </c>
      <c r="M2663" s="58">
        <f>Bühler!M2689</f>
        <v>0</v>
      </c>
      <c r="N2663" s="56">
        <f>IF(Input!$D$19=1,J2663*Input!$C$19,0)+IF(Input!$D$20=1,K2663*Input!$C$20,0)+IF(Input!$D$21=1,L2663*Input!$C$21,0)+IF(Input!$D$22=1,M2663*Input!$C$22,0)</f>
        <v>0.19437539755827304</v>
      </c>
      <c r="O2663" s="59">
        <f>IF(Input!$D$19=2,J2663*Input!$C$19,0)+IF(Input!$D$20=2,K2663*Input!$C$20,0)+IF(Input!$D$21=2,L2663*Input!$C$21,0)+IF(Input!$D$22=2,M2663*Input!$C$22,0)</f>
        <v>0.48593849389568256</v>
      </c>
      <c r="P2663" s="59">
        <f>IF(Input!$D$19=3,J2663*Input!$C$19,0)+IF(Input!$D$20=3,K2663*Input!$C$20,0)+IF(Input!$D$21=3,L2663*Input!$C$21,0)+IF(Input!$D$22=3,M2663*Input!$C$22,0)</f>
        <v>0</v>
      </c>
      <c r="Q2663" s="75">
        <f>IF(Input!$D$19=4,J2663*Input!$C$19,0)+IF(Input!$D$20=4,K2663*Input!$C$20,0)+IF(Input!$D$21=4,L2663*Input!$C$21,0)+IF(Input!$D$22=4,M2663*Input!$C$22,0)</f>
        <v>0</v>
      </c>
      <c r="R2663" s="58">
        <v>44.304184013375064</v>
      </c>
      <c r="S2663" s="124">
        <f t="shared" si="41"/>
        <v>0.84229338941918319</v>
      </c>
    </row>
    <row r="2664" spans="8:19" x14ac:dyDescent="0.3">
      <c r="H2664" s="44">
        <v>2657</v>
      </c>
      <c r="I2664" s="56">
        <f>Bühler!I2690</f>
        <v>0.17670490687115725</v>
      </c>
      <c r="J2664" s="59">
        <f>Bühler!J2690</f>
        <v>0.58901635623719095</v>
      </c>
      <c r="K2664" s="59">
        <f>Bühler!K2690</f>
        <v>0.88352453435578637</v>
      </c>
      <c r="L2664" s="59">
        <f>Bühler!L2690</f>
        <v>10.977901256617624</v>
      </c>
      <c r="M2664" s="58">
        <f>Bühler!M2690</f>
        <v>0</v>
      </c>
      <c r="N2664" s="56">
        <f>IF(Input!$D$19=1,J2664*Input!$C$19,0)+IF(Input!$D$20=1,K2664*Input!$C$20,0)+IF(Input!$D$21=1,L2664*Input!$C$21,0)+IF(Input!$D$22=1,M2664*Input!$C$22,0)</f>
        <v>0.17670490687115728</v>
      </c>
      <c r="O2664" s="59">
        <f>IF(Input!$D$19=2,J2664*Input!$C$19,0)+IF(Input!$D$20=2,K2664*Input!$C$20,0)+IF(Input!$D$21=2,L2664*Input!$C$21,0)+IF(Input!$D$22=2,M2664*Input!$C$22,0)</f>
        <v>0.44176226717789319</v>
      </c>
      <c r="P2664" s="59">
        <f>IF(Input!$D$19=3,J2664*Input!$C$19,0)+IF(Input!$D$20=3,K2664*Input!$C$20,0)+IF(Input!$D$21=3,L2664*Input!$C$21,0)+IF(Input!$D$22=3,M2664*Input!$C$22,0)</f>
        <v>0</v>
      </c>
      <c r="Q2664" s="75">
        <f>IF(Input!$D$19=4,J2664*Input!$C$19,0)+IF(Input!$D$20=4,K2664*Input!$C$20,0)+IF(Input!$D$21=4,L2664*Input!$C$21,0)+IF(Input!$D$22=4,M2664*Input!$C$22,0)</f>
        <v>0</v>
      </c>
      <c r="R2664" s="58">
        <v>43.14862020166219</v>
      </c>
      <c r="S2664" s="124">
        <f t="shared" si="41"/>
        <v>0.7657212631083482</v>
      </c>
    </row>
    <row r="2665" spans="8:19" x14ac:dyDescent="0.3">
      <c r="H2665" s="44">
        <v>2658</v>
      </c>
      <c r="I2665" s="56">
        <f>Bühler!I2691</f>
        <v>0.15903441618404152</v>
      </c>
      <c r="J2665" s="59">
        <f>Bühler!J2691</f>
        <v>0.53011472061347187</v>
      </c>
      <c r="K2665" s="59">
        <f>Bühler!K2691</f>
        <v>0.79517208092020775</v>
      </c>
      <c r="L2665" s="59">
        <f>Bühler!L2691</f>
        <v>9.8801111309558625</v>
      </c>
      <c r="M2665" s="58">
        <f>Bühler!M2691</f>
        <v>0</v>
      </c>
      <c r="N2665" s="56">
        <f>IF(Input!$D$19=1,J2665*Input!$C$19,0)+IF(Input!$D$20=1,K2665*Input!$C$20,0)+IF(Input!$D$21=1,L2665*Input!$C$21,0)+IF(Input!$D$22=1,M2665*Input!$C$22,0)</f>
        <v>0.15903441618404154</v>
      </c>
      <c r="O2665" s="59">
        <f>IF(Input!$D$19=2,J2665*Input!$C$19,0)+IF(Input!$D$20=2,K2665*Input!$C$20,0)+IF(Input!$D$21=2,L2665*Input!$C$21,0)+IF(Input!$D$22=2,M2665*Input!$C$22,0)</f>
        <v>0.39758604046010387</v>
      </c>
      <c r="P2665" s="59">
        <f>IF(Input!$D$19=3,J2665*Input!$C$19,0)+IF(Input!$D$20=3,K2665*Input!$C$20,0)+IF(Input!$D$21=3,L2665*Input!$C$21,0)+IF(Input!$D$22=3,M2665*Input!$C$22,0)</f>
        <v>0</v>
      </c>
      <c r="Q2665" s="75">
        <f>IF(Input!$D$19=4,J2665*Input!$C$19,0)+IF(Input!$D$20=4,K2665*Input!$C$20,0)+IF(Input!$D$21=4,L2665*Input!$C$21,0)+IF(Input!$D$22=4,M2665*Input!$C$22,0)</f>
        <v>0</v>
      </c>
      <c r="R2665" s="58">
        <v>42.363017408320282</v>
      </c>
      <c r="S2665" s="124">
        <f t="shared" si="41"/>
        <v>0.68914913679751333</v>
      </c>
    </row>
    <row r="2666" spans="8:19" x14ac:dyDescent="0.3">
      <c r="H2666" s="44">
        <v>2659</v>
      </c>
      <c r="I2666" s="56">
        <f>Bühler!I2692</f>
        <v>0.15314425262166961</v>
      </c>
      <c r="J2666" s="59">
        <f>Bühler!J2692</f>
        <v>0.5104808420722321</v>
      </c>
      <c r="K2666" s="59">
        <f>Bühler!K2692</f>
        <v>0.7657212631083482</v>
      </c>
      <c r="L2666" s="59">
        <f>Bühler!L2692</f>
        <v>9.5141810890686056</v>
      </c>
      <c r="M2666" s="58">
        <f>Bühler!M2692</f>
        <v>0</v>
      </c>
      <c r="N2666" s="56">
        <f>IF(Input!$D$19=1,J2666*Input!$C$19,0)+IF(Input!$D$20=1,K2666*Input!$C$20,0)+IF(Input!$D$21=1,L2666*Input!$C$21,0)+IF(Input!$D$22=1,M2666*Input!$C$22,0)</f>
        <v>0.15314425262166961</v>
      </c>
      <c r="O2666" s="59">
        <f>IF(Input!$D$19=2,J2666*Input!$C$19,0)+IF(Input!$D$20=2,K2666*Input!$C$20,0)+IF(Input!$D$21=2,L2666*Input!$C$21,0)+IF(Input!$D$22=2,M2666*Input!$C$22,0)</f>
        <v>0.3828606315541741</v>
      </c>
      <c r="P2666" s="59">
        <f>IF(Input!$D$19=3,J2666*Input!$C$19,0)+IF(Input!$D$20=3,K2666*Input!$C$20,0)+IF(Input!$D$21=3,L2666*Input!$C$21,0)+IF(Input!$D$22=3,M2666*Input!$C$22,0)</f>
        <v>0</v>
      </c>
      <c r="Q2666" s="75">
        <f>IF(Input!$D$19=4,J2666*Input!$C$19,0)+IF(Input!$D$20=4,K2666*Input!$C$20,0)+IF(Input!$D$21=4,L2666*Input!$C$21,0)+IF(Input!$D$22=4,M2666*Input!$C$22,0)</f>
        <v>0</v>
      </c>
      <c r="R2666" s="58">
        <v>41.844066880349331</v>
      </c>
      <c r="S2666" s="124">
        <f t="shared" si="41"/>
        <v>0.66362509469390174</v>
      </c>
    </row>
    <row r="2667" spans="8:19" x14ac:dyDescent="0.3">
      <c r="H2667" s="44">
        <v>2660</v>
      </c>
      <c r="I2667" s="56">
        <f>Bühler!I2693</f>
        <v>0.12369343480981007</v>
      </c>
      <c r="J2667" s="59">
        <f>Bühler!J2693</f>
        <v>0.41231144936603359</v>
      </c>
      <c r="K2667" s="59">
        <f>Bühler!K2693</f>
        <v>0.61846717404905038</v>
      </c>
      <c r="L2667" s="59">
        <f>Bühler!L2693</f>
        <v>7.6845308796323364</v>
      </c>
      <c r="M2667" s="58">
        <f>Bühler!M2693</f>
        <v>0</v>
      </c>
      <c r="N2667" s="56">
        <f>IF(Input!$D$19=1,J2667*Input!$C$19,0)+IF(Input!$D$20=1,K2667*Input!$C$20,0)+IF(Input!$D$21=1,L2667*Input!$C$21,0)+IF(Input!$D$22=1,M2667*Input!$C$22,0)</f>
        <v>0.12369343480981007</v>
      </c>
      <c r="O2667" s="59">
        <f>IF(Input!$D$19=2,J2667*Input!$C$19,0)+IF(Input!$D$20=2,K2667*Input!$C$20,0)+IF(Input!$D$21=2,L2667*Input!$C$21,0)+IF(Input!$D$22=2,M2667*Input!$C$22,0)</f>
        <v>0.30923358702452519</v>
      </c>
      <c r="P2667" s="59">
        <f>IF(Input!$D$19=3,J2667*Input!$C$19,0)+IF(Input!$D$20=3,K2667*Input!$C$20,0)+IF(Input!$D$21=3,L2667*Input!$C$21,0)+IF(Input!$D$22=3,M2667*Input!$C$22,0)</f>
        <v>0</v>
      </c>
      <c r="Q2667" s="75">
        <f>IF(Input!$D$19=4,J2667*Input!$C$19,0)+IF(Input!$D$20=4,K2667*Input!$C$20,0)+IF(Input!$D$21=4,L2667*Input!$C$21,0)+IF(Input!$D$22=4,M2667*Input!$C$22,0)</f>
        <v>0</v>
      </c>
      <c r="R2667" s="58">
        <v>41.239180372690818</v>
      </c>
      <c r="S2667" s="124">
        <f t="shared" si="41"/>
        <v>0.53600488417584369</v>
      </c>
    </row>
    <row r="2668" spans="8:19" x14ac:dyDescent="0.3">
      <c r="H2668" s="44">
        <v>2661</v>
      </c>
      <c r="I2668" s="56">
        <f>Bühler!I2694</f>
        <v>9.1297535216764578E-2</v>
      </c>
      <c r="J2668" s="59">
        <f>Bühler!J2694</f>
        <v>0.3043251173892153</v>
      </c>
      <c r="K2668" s="59">
        <f>Bühler!K2694</f>
        <v>0.45648767608382296</v>
      </c>
      <c r="L2668" s="59">
        <f>Bühler!L2694</f>
        <v>5.6719156492524379</v>
      </c>
      <c r="M2668" s="58">
        <f>Bühler!M2694</f>
        <v>0</v>
      </c>
      <c r="N2668" s="56">
        <f>IF(Input!$D$19=1,J2668*Input!$C$19,0)+IF(Input!$D$20=1,K2668*Input!$C$20,0)+IF(Input!$D$21=1,L2668*Input!$C$21,0)+IF(Input!$D$22=1,M2668*Input!$C$22,0)</f>
        <v>9.1297535216764591E-2</v>
      </c>
      <c r="O2668" s="59">
        <f>IF(Input!$D$19=2,J2668*Input!$C$19,0)+IF(Input!$D$20=2,K2668*Input!$C$20,0)+IF(Input!$D$21=2,L2668*Input!$C$21,0)+IF(Input!$D$22=2,M2668*Input!$C$22,0)</f>
        <v>0.22824383804191148</v>
      </c>
      <c r="P2668" s="59">
        <f>IF(Input!$D$19=3,J2668*Input!$C$19,0)+IF(Input!$D$20=3,K2668*Input!$C$20,0)+IF(Input!$D$21=3,L2668*Input!$C$21,0)+IF(Input!$D$22=3,M2668*Input!$C$22,0)</f>
        <v>0</v>
      </c>
      <c r="Q2668" s="75">
        <f>IF(Input!$D$19=4,J2668*Input!$C$19,0)+IF(Input!$D$20=4,K2668*Input!$C$20,0)+IF(Input!$D$21=4,L2668*Input!$C$21,0)+IF(Input!$D$22=4,M2668*Input!$C$22,0)</f>
        <v>0</v>
      </c>
      <c r="R2668" s="58">
        <v>41.009374069889844</v>
      </c>
      <c r="S2668" s="124">
        <f t="shared" si="41"/>
        <v>0.3956226526059799</v>
      </c>
    </row>
    <row r="2669" spans="8:19" x14ac:dyDescent="0.3">
      <c r="H2669" s="44">
        <v>2662</v>
      </c>
      <c r="I2669" s="56">
        <f>Bühler!I2695</f>
        <v>9.1297535216764578E-2</v>
      </c>
      <c r="J2669" s="59">
        <f>Bühler!J2695</f>
        <v>0.3043251173892153</v>
      </c>
      <c r="K2669" s="59">
        <f>Bühler!K2695</f>
        <v>0.45648767608382296</v>
      </c>
      <c r="L2669" s="59">
        <f>Bühler!L2695</f>
        <v>5.6719156492524379</v>
      </c>
      <c r="M2669" s="58">
        <f>Bühler!M2695</f>
        <v>0</v>
      </c>
      <c r="N2669" s="56">
        <f>IF(Input!$D$19=1,J2669*Input!$C$19,0)+IF(Input!$D$20=1,K2669*Input!$C$20,0)+IF(Input!$D$21=1,L2669*Input!$C$21,0)+IF(Input!$D$22=1,M2669*Input!$C$22,0)</f>
        <v>9.1297535216764591E-2</v>
      </c>
      <c r="O2669" s="59">
        <f>IF(Input!$D$19=2,J2669*Input!$C$19,0)+IF(Input!$D$20=2,K2669*Input!$C$20,0)+IF(Input!$D$21=2,L2669*Input!$C$21,0)+IF(Input!$D$22=2,M2669*Input!$C$22,0)</f>
        <v>0.22824383804191148</v>
      </c>
      <c r="P2669" s="59">
        <f>IF(Input!$D$19=3,J2669*Input!$C$19,0)+IF(Input!$D$20=3,K2669*Input!$C$20,0)+IF(Input!$D$21=3,L2669*Input!$C$21,0)+IF(Input!$D$22=3,M2669*Input!$C$22,0)</f>
        <v>0</v>
      </c>
      <c r="Q2669" s="75">
        <f>IF(Input!$D$19=4,J2669*Input!$C$19,0)+IF(Input!$D$20=4,K2669*Input!$C$20,0)+IF(Input!$D$21=4,L2669*Input!$C$21,0)+IF(Input!$D$22=4,M2669*Input!$C$22,0)</f>
        <v>0</v>
      </c>
      <c r="R2669" s="58">
        <v>41.189525499436741</v>
      </c>
      <c r="S2669" s="124">
        <f t="shared" si="41"/>
        <v>0.3956226526059799</v>
      </c>
    </row>
    <row r="2670" spans="8:19" x14ac:dyDescent="0.3">
      <c r="H2670" s="44">
        <v>2663</v>
      </c>
      <c r="I2670" s="56">
        <f>Bühler!I2696</f>
        <v>9.1297535216764578E-2</v>
      </c>
      <c r="J2670" s="59">
        <f>Bühler!J2696</f>
        <v>0.3043251173892153</v>
      </c>
      <c r="K2670" s="59">
        <f>Bühler!K2696</f>
        <v>0.45648767608382296</v>
      </c>
      <c r="L2670" s="59">
        <f>Bühler!L2696</f>
        <v>5.6719156492524379</v>
      </c>
      <c r="M2670" s="58">
        <f>Bühler!M2696</f>
        <v>0</v>
      </c>
      <c r="N2670" s="56">
        <f>IF(Input!$D$19=1,J2670*Input!$C$19,0)+IF(Input!$D$20=1,K2670*Input!$C$20,0)+IF(Input!$D$21=1,L2670*Input!$C$21,0)+IF(Input!$D$22=1,M2670*Input!$C$22,0)</f>
        <v>9.1297535216764591E-2</v>
      </c>
      <c r="O2670" s="59">
        <f>IF(Input!$D$19=2,J2670*Input!$C$19,0)+IF(Input!$D$20=2,K2670*Input!$C$20,0)+IF(Input!$D$21=2,L2670*Input!$C$21,0)+IF(Input!$D$22=2,M2670*Input!$C$22,0)</f>
        <v>0.22824383804191148</v>
      </c>
      <c r="P2670" s="59">
        <f>IF(Input!$D$19=3,J2670*Input!$C$19,0)+IF(Input!$D$20=3,K2670*Input!$C$20,0)+IF(Input!$D$21=3,L2670*Input!$C$21,0)+IF(Input!$D$22=3,M2670*Input!$C$22,0)</f>
        <v>0</v>
      </c>
      <c r="Q2670" s="75">
        <f>IF(Input!$D$19=4,J2670*Input!$C$19,0)+IF(Input!$D$20=4,K2670*Input!$C$20,0)+IF(Input!$D$21=4,L2670*Input!$C$21,0)+IF(Input!$D$22=4,M2670*Input!$C$22,0)</f>
        <v>0</v>
      </c>
      <c r="R2670" s="58">
        <v>41.214628185502697</v>
      </c>
      <c r="S2670" s="124">
        <f t="shared" si="41"/>
        <v>0.3956226526059799</v>
      </c>
    </row>
    <row r="2671" spans="8:19" x14ac:dyDescent="0.3">
      <c r="H2671" s="44">
        <v>2664</v>
      </c>
      <c r="I2671" s="56">
        <f>Bühler!I2697</f>
        <v>9.1297535216764578E-2</v>
      </c>
      <c r="J2671" s="59">
        <f>Bühler!J2697</f>
        <v>0.3043251173892153</v>
      </c>
      <c r="K2671" s="59">
        <f>Bühler!K2697</f>
        <v>0.45648767608382296</v>
      </c>
      <c r="L2671" s="59">
        <f>Bühler!L2697</f>
        <v>5.6719156492524379</v>
      </c>
      <c r="M2671" s="58">
        <f>Bühler!M2697</f>
        <v>0</v>
      </c>
      <c r="N2671" s="56">
        <f>IF(Input!$D$19=1,J2671*Input!$C$19,0)+IF(Input!$D$20=1,K2671*Input!$C$20,0)+IF(Input!$D$21=1,L2671*Input!$C$21,0)+IF(Input!$D$22=1,M2671*Input!$C$22,0)</f>
        <v>9.1297535216764591E-2</v>
      </c>
      <c r="O2671" s="59">
        <f>IF(Input!$D$19=2,J2671*Input!$C$19,0)+IF(Input!$D$20=2,K2671*Input!$C$20,0)+IF(Input!$D$21=2,L2671*Input!$C$21,0)+IF(Input!$D$22=2,M2671*Input!$C$22,0)</f>
        <v>0.22824383804191148</v>
      </c>
      <c r="P2671" s="59">
        <f>IF(Input!$D$19=3,J2671*Input!$C$19,0)+IF(Input!$D$20=3,K2671*Input!$C$20,0)+IF(Input!$D$21=3,L2671*Input!$C$21,0)+IF(Input!$D$22=3,M2671*Input!$C$22,0)</f>
        <v>0</v>
      </c>
      <c r="Q2671" s="75">
        <f>IF(Input!$D$19=4,J2671*Input!$C$19,0)+IF(Input!$D$20=4,K2671*Input!$C$20,0)+IF(Input!$D$21=4,L2671*Input!$C$21,0)+IF(Input!$D$22=4,M2671*Input!$C$22,0)</f>
        <v>0</v>
      </c>
      <c r="R2671" s="58">
        <v>41.14358301707248</v>
      </c>
      <c r="S2671" s="124">
        <f t="shared" si="41"/>
        <v>0.3956226526059799</v>
      </c>
    </row>
    <row r="2672" spans="8:19" x14ac:dyDescent="0.3">
      <c r="H2672" s="44">
        <v>2665</v>
      </c>
      <c r="I2672" s="56">
        <f>Bühler!I2698</f>
        <v>0.1207778305753185</v>
      </c>
      <c r="J2672" s="59">
        <f>Bühler!J2698</f>
        <v>0.40259276858439508</v>
      </c>
      <c r="K2672" s="59">
        <f>Bühler!K2698</f>
        <v>0.60388915287659262</v>
      </c>
      <c r="L2672" s="59">
        <f>Bühler!L2698</f>
        <v>6.830087713029398</v>
      </c>
      <c r="M2672" s="58">
        <f>Bühler!M2698</f>
        <v>0</v>
      </c>
      <c r="N2672" s="56">
        <f>IF(Input!$D$19=1,J2672*Input!$C$19,0)+IF(Input!$D$20=1,K2672*Input!$C$20,0)+IF(Input!$D$21=1,L2672*Input!$C$21,0)+IF(Input!$D$22=1,M2672*Input!$C$22,0)</f>
        <v>0.12077783057531852</v>
      </c>
      <c r="O2672" s="59">
        <f>IF(Input!$D$19=2,J2672*Input!$C$19,0)+IF(Input!$D$20=2,K2672*Input!$C$20,0)+IF(Input!$D$21=2,L2672*Input!$C$21,0)+IF(Input!$D$22=2,M2672*Input!$C$22,0)</f>
        <v>0.30194457643829631</v>
      </c>
      <c r="P2672" s="59">
        <f>IF(Input!$D$19=3,J2672*Input!$C$19,0)+IF(Input!$D$20=3,K2672*Input!$C$20,0)+IF(Input!$D$21=3,L2672*Input!$C$21,0)+IF(Input!$D$22=3,M2672*Input!$C$22,0)</f>
        <v>0</v>
      </c>
      <c r="Q2672" s="75">
        <f>IF(Input!$D$19=4,J2672*Input!$C$19,0)+IF(Input!$D$20=4,K2672*Input!$C$20,0)+IF(Input!$D$21=4,L2672*Input!$C$21,0)+IF(Input!$D$22=4,M2672*Input!$C$22,0)</f>
        <v>0</v>
      </c>
      <c r="R2672" s="58">
        <v>40.741295532477018</v>
      </c>
      <c r="S2672" s="124">
        <f t="shared" si="41"/>
        <v>0.52337059915971362</v>
      </c>
    </row>
    <row r="2673" spans="8:19" x14ac:dyDescent="0.3">
      <c r="H2673" s="44">
        <v>2666</v>
      </c>
      <c r="I2673" s="56">
        <f>Bühler!I2699</f>
        <v>0.14025812582940211</v>
      </c>
      <c r="J2673" s="59">
        <f>Bühler!J2699</f>
        <v>0.46752708609800714</v>
      </c>
      <c r="K2673" s="59">
        <f>Bühler!K2699</f>
        <v>0.70129062914701068</v>
      </c>
      <c r="L2673" s="59">
        <f>Bühler!L2699</f>
        <v>7.9317147635180119</v>
      </c>
      <c r="M2673" s="58">
        <f>Bühler!M2699</f>
        <v>0</v>
      </c>
      <c r="N2673" s="56">
        <f>IF(Input!$D$19=1,J2673*Input!$C$19,0)+IF(Input!$D$20=1,K2673*Input!$C$20,0)+IF(Input!$D$21=1,L2673*Input!$C$21,0)+IF(Input!$D$22=1,M2673*Input!$C$22,0)</f>
        <v>0.14025812582940214</v>
      </c>
      <c r="O2673" s="59">
        <f>IF(Input!$D$19=2,J2673*Input!$C$19,0)+IF(Input!$D$20=2,K2673*Input!$C$20,0)+IF(Input!$D$21=2,L2673*Input!$C$21,0)+IF(Input!$D$22=2,M2673*Input!$C$22,0)</f>
        <v>0.35064531457350534</v>
      </c>
      <c r="P2673" s="59">
        <f>IF(Input!$D$19=3,J2673*Input!$C$19,0)+IF(Input!$D$20=3,K2673*Input!$C$20,0)+IF(Input!$D$21=3,L2673*Input!$C$21,0)+IF(Input!$D$22=3,M2673*Input!$C$22,0)</f>
        <v>0</v>
      </c>
      <c r="Q2673" s="75">
        <f>IF(Input!$D$19=4,J2673*Input!$C$19,0)+IF(Input!$D$20=4,K2673*Input!$C$20,0)+IF(Input!$D$21=4,L2673*Input!$C$21,0)+IF(Input!$D$22=4,M2673*Input!$C$22,0)</f>
        <v>0</v>
      </c>
      <c r="R2673" s="58">
        <v>40.348317317927993</v>
      </c>
      <c r="S2673" s="124">
        <f t="shared" si="41"/>
        <v>0.6077852119274092</v>
      </c>
    </row>
    <row r="2674" spans="8:19" x14ac:dyDescent="0.3">
      <c r="H2674" s="44">
        <v>2667</v>
      </c>
      <c r="I2674" s="56">
        <f>Bühler!I2700</f>
        <v>0.14025812582940211</v>
      </c>
      <c r="J2674" s="59">
        <f>Bühler!J2700</f>
        <v>0.46752708609800714</v>
      </c>
      <c r="K2674" s="59">
        <f>Bühler!K2700</f>
        <v>0.70129062914701068</v>
      </c>
      <c r="L2674" s="59">
        <f>Bühler!L2700</f>
        <v>7.9317147635180119</v>
      </c>
      <c r="M2674" s="58">
        <f>Bühler!M2700</f>
        <v>0</v>
      </c>
      <c r="N2674" s="56">
        <f>IF(Input!$D$19=1,J2674*Input!$C$19,0)+IF(Input!$D$20=1,K2674*Input!$C$20,0)+IF(Input!$D$21=1,L2674*Input!$C$21,0)+IF(Input!$D$22=1,M2674*Input!$C$22,0)</f>
        <v>0.14025812582940214</v>
      </c>
      <c r="O2674" s="59">
        <f>IF(Input!$D$19=2,J2674*Input!$C$19,0)+IF(Input!$D$20=2,K2674*Input!$C$20,0)+IF(Input!$D$21=2,L2674*Input!$C$21,0)+IF(Input!$D$22=2,M2674*Input!$C$22,0)</f>
        <v>0.35064531457350534</v>
      </c>
      <c r="P2674" s="59">
        <f>IF(Input!$D$19=3,J2674*Input!$C$19,0)+IF(Input!$D$20=3,K2674*Input!$C$20,0)+IF(Input!$D$21=3,L2674*Input!$C$21,0)+IF(Input!$D$22=3,M2674*Input!$C$22,0)</f>
        <v>0</v>
      </c>
      <c r="Q2674" s="75">
        <f>IF(Input!$D$19=4,J2674*Input!$C$19,0)+IF(Input!$D$20=4,K2674*Input!$C$20,0)+IF(Input!$D$21=4,L2674*Input!$C$21,0)+IF(Input!$D$22=4,M2674*Input!$C$22,0)</f>
        <v>0</v>
      </c>
      <c r="R2674" s="58">
        <v>40.09864988567977</v>
      </c>
      <c r="S2674" s="124">
        <f t="shared" si="41"/>
        <v>0.6077852119274092</v>
      </c>
    </row>
    <row r="2675" spans="8:19" x14ac:dyDescent="0.3">
      <c r="H2675" s="44">
        <v>2668</v>
      </c>
      <c r="I2675" s="56">
        <f>Bühler!I2701</f>
        <v>0.14025812582940211</v>
      </c>
      <c r="J2675" s="59">
        <f>Bühler!J2701</f>
        <v>0.46752708609800714</v>
      </c>
      <c r="K2675" s="59">
        <f>Bühler!K2701</f>
        <v>0.70129062914701068</v>
      </c>
      <c r="L2675" s="59">
        <f>Bühler!L2701</f>
        <v>7.9317147635180119</v>
      </c>
      <c r="M2675" s="58">
        <f>Bühler!M2701</f>
        <v>0</v>
      </c>
      <c r="N2675" s="56">
        <f>IF(Input!$D$19=1,J2675*Input!$C$19,0)+IF(Input!$D$20=1,K2675*Input!$C$20,0)+IF(Input!$D$21=1,L2675*Input!$C$21,0)+IF(Input!$D$22=1,M2675*Input!$C$22,0)</f>
        <v>0.14025812582940214</v>
      </c>
      <c r="O2675" s="59">
        <f>IF(Input!$D$19=2,J2675*Input!$C$19,0)+IF(Input!$D$20=2,K2675*Input!$C$20,0)+IF(Input!$D$21=2,L2675*Input!$C$21,0)+IF(Input!$D$22=2,M2675*Input!$C$22,0)</f>
        <v>0.35064531457350534</v>
      </c>
      <c r="P2675" s="59">
        <f>IF(Input!$D$19=3,J2675*Input!$C$19,0)+IF(Input!$D$20=3,K2675*Input!$C$20,0)+IF(Input!$D$21=3,L2675*Input!$C$21,0)+IF(Input!$D$22=3,M2675*Input!$C$22,0)</f>
        <v>0</v>
      </c>
      <c r="Q2675" s="75">
        <f>IF(Input!$D$19=4,J2675*Input!$C$19,0)+IF(Input!$D$20=4,K2675*Input!$C$20,0)+IF(Input!$D$21=4,L2675*Input!$C$21,0)+IF(Input!$D$22=4,M2675*Input!$C$22,0)</f>
        <v>0</v>
      </c>
      <c r="R2675" s="58">
        <v>40.008464530092311</v>
      </c>
      <c r="S2675" s="124">
        <f t="shared" si="41"/>
        <v>0.6077852119274092</v>
      </c>
    </row>
    <row r="2676" spans="8:19" x14ac:dyDescent="0.3">
      <c r="H2676" s="44">
        <v>2669</v>
      </c>
      <c r="I2676" s="56">
        <f>Bühler!I2702</f>
        <v>0.14025812582940211</v>
      </c>
      <c r="J2676" s="59">
        <f>Bühler!J2702</f>
        <v>0.46752708609800714</v>
      </c>
      <c r="K2676" s="59">
        <f>Bühler!K2702</f>
        <v>0.70129062914701068</v>
      </c>
      <c r="L2676" s="59">
        <f>Bühler!L2702</f>
        <v>7.9317147635180119</v>
      </c>
      <c r="M2676" s="58">
        <f>Bühler!M2702</f>
        <v>0</v>
      </c>
      <c r="N2676" s="56">
        <f>IF(Input!$D$19=1,J2676*Input!$C$19,0)+IF(Input!$D$20=1,K2676*Input!$C$20,0)+IF(Input!$D$21=1,L2676*Input!$C$21,0)+IF(Input!$D$22=1,M2676*Input!$C$22,0)</f>
        <v>0.14025812582940214</v>
      </c>
      <c r="O2676" s="59">
        <f>IF(Input!$D$19=2,J2676*Input!$C$19,0)+IF(Input!$D$20=2,K2676*Input!$C$20,0)+IF(Input!$D$21=2,L2676*Input!$C$21,0)+IF(Input!$D$22=2,M2676*Input!$C$22,0)</f>
        <v>0.35064531457350534</v>
      </c>
      <c r="P2676" s="59">
        <f>IF(Input!$D$19=3,J2676*Input!$C$19,0)+IF(Input!$D$20=3,K2676*Input!$C$20,0)+IF(Input!$D$21=3,L2676*Input!$C$21,0)+IF(Input!$D$22=3,M2676*Input!$C$22,0)</f>
        <v>0</v>
      </c>
      <c r="Q2676" s="75">
        <f>IF(Input!$D$19=4,J2676*Input!$C$19,0)+IF(Input!$D$20=4,K2676*Input!$C$20,0)+IF(Input!$D$21=4,L2676*Input!$C$21,0)+IF(Input!$D$22=4,M2676*Input!$C$22,0)</f>
        <v>0</v>
      </c>
      <c r="R2676" s="58">
        <v>39.43871197997823</v>
      </c>
      <c r="S2676" s="124">
        <f t="shared" si="41"/>
        <v>0.6077852119274092</v>
      </c>
    </row>
    <row r="2677" spans="8:19" x14ac:dyDescent="0.3">
      <c r="H2677" s="44">
        <v>2670</v>
      </c>
      <c r="I2677" s="56">
        <f>Bühler!I2703</f>
        <v>0.17532265728675264</v>
      </c>
      <c r="J2677" s="59">
        <f>Bühler!J2703</f>
        <v>0.58440885762250883</v>
      </c>
      <c r="K2677" s="59">
        <f>Bühler!K2703</f>
        <v>0.87661328643376324</v>
      </c>
      <c r="L2677" s="59">
        <f>Bühler!L2703</f>
        <v>9.9146434543975133</v>
      </c>
      <c r="M2677" s="58">
        <f>Bühler!M2703</f>
        <v>0</v>
      </c>
      <c r="N2677" s="56">
        <f>IF(Input!$D$19=1,J2677*Input!$C$19,0)+IF(Input!$D$20=1,K2677*Input!$C$20,0)+IF(Input!$D$21=1,L2677*Input!$C$21,0)+IF(Input!$D$22=1,M2677*Input!$C$22,0)</f>
        <v>0.17532265728675264</v>
      </c>
      <c r="O2677" s="59">
        <f>IF(Input!$D$19=2,J2677*Input!$C$19,0)+IF(Input!$D$20=2,K2677*Input!$C$20,0)+IF(Input!$D$21=2,L2677*Input!$C$21,0)+IF(Input!$D$22=2,M2677*Input!$C$22,0)</f>
        <v>0.43830664321688162</v>
      </c>
      <c r="P2677" s="59">
        <f>IF(Input!$D$19=3,J2677*Input!$C$19,0)+IF(Input!$D$20=3,K2677*Input!$C$20,0)+IF(Input!$D$21=3,L2677*Input!$C$21,0)+IF(Input!$D$22=3,M2677*Input!$C$22,0)</f>
        <v>0</v>
      </c>
      <c r="Q2677" s="75">
        <f>IF(Input!$D$19=4,J2677*Input!$C$19,0)+IF(Input!$D$20=4,K2677*Input!$C$20,0)+IF(Input!$D$21=4,L2677*Input!$C$21,0)+IF(Input!$D$22=4,M2677*Input!$C$22,0)</f>
        <v>0</v>
      </c>
      <c r="R2677" s="58">
        <v>39.678210550352567</v>
      </c>
      <c r="S2677" s="124">
        <f t="shared" si="41"/>
        <v>0.7597315149092615</v>
      </c>
    </row>
    <row r="2678" spans="8:19" x14ac:dyDescent="0.3">
      <c r="H2678" s="44">
        <v>2671</v>
      </c>
      <c r="I2678" s="56">
        <f>Bühler!I2704</f>
        <v>0.20649112969328642</v>
      </c>
      <c r="J2678" s="59">
        <f>Bühler!J2704</f>
        <v>0.68830376564428819</v>
      </c>
      <c r="K2678" s="59">
        <f>Bühler!K2704</f>
        <v>1.0324556484664322</v>
      </c>
      <c r="L2678" s="59">
        <f>Bühler!L2704</f>
        <v>11.677246735179294</v>
      </c>
      <c r="M2678" s="58">
        <f>Bühler!M2704</f>
        <v>0</v>
      </c>
      <c r="N2678" s="56">
        <f>IF(Input!$D$19=1,J2678*Input!$C$19,0)+IF(Input!$D$20=1,K2678*Input!$C$20,0)+IF(Input!$D$21=1,L2678*Input!$C$21,0)+IF(Input!$D$22=1,M2678*Input!$C$22,0)</f>
        <v>0.20649112969328645</v>
      </c>
      <c r="O2678" s="59">
        <f>IF(Input!$D$19=2,J2678*Input!$C$19,0)+IF(Input!$D$20=2,K2678*Input!$C$20,0)+IF(Input!$D$21=2,L2678*Input!$C$21,0)+IF(Input!$D$22=2,M2678*Input!$C$22,0)</f>
        <v>0.51622782423321611</v>
      </c>
      <c r="P2678" s="59">
        <f>IF(Input!$D$19=3,J2678*Input!$C$19,0)+IF(Input!$D$20=3,K2678*Input!$C$20,0)+IF(Input!$D$21=3,L2678*Input!$C$21,0)+IF(Input!$D$22=3,M2678*Input!$C$22,0)</f>
        <v>0</v>
      </c>
      <c r="Q2678" s="75">
        <f>IF(Input!$D$19=4,J2678*Input!$C$19,0)+IF(Input!$D$20=4,K2678*Input!$C$20,0)+IF(Input!$D$21=4,L2678*Input!$C$21,0)+IF(Input!$D$22=4,M2678*Input!$C$22,0)</f>
        <v>0</v>
      </c>
      <c r="R2678" s="58">
        <v>39.661330434994767</v>
      </c>
      <c r="S2678" s="124">
        <f t="shared" si="41"/>
        <v>0.89479489533757461</v>
      </c>
    </row>
    <row r="2679" spans="8:19" x14ac:dyDescent="0.3">
      <c r="H2679" s="44">
        <v>2672</v>
      </c>
      <c r="I2679" s="56">
        <f>Bühler!I2705</f>
        <v>0.24545172020145375</v>
      </c>
      <c r="J2679" s="59">
        <f>Bühler!J2705</f>
        <v>0.81817240067151265</v>
      </c>
      <c r="K2679" s="59">
        <f>Bühler!K2705</f>
        <v>1.2272586010072688</v>
      </c>
      <c r="L2679" s="59">
        <f>Bühler!L2705</f>
        <v>13.88050083615652</v>
      </c>
      <c r="M2679" s="58">
        <f>Bühler!M2705</f>
        <v>0</v>
      </c>
      <c r="N2679" s="56">
        <f>IF(Input!$D$19=1,J2679*Input!$C$19,0)+IF(Input!$D$20=1,K2679*Input!$C$20,0)+IF(Input!$D$21=1,L2679*Input!$C$21,0)+IF(Input!$D$22=1,M2679*Input!$C$22,0)</f>
        <v>0.24545172020145378</v>
      </c>
      <c r="O2679" s="59">
        <f>IF(Input!$D$19=2,J2679*Input!$C$19,0)+IF(Input!$D$20=2,K2679*Input!$C$20,0)+IF(Input!$D$21=2,L2679*Input!$C$21,0)+IF(Input!$D$22=2,M2679*Input!$C$22,0)</f>
        <v>0.6136293005036344</v>
      </c>
      <c r="P2679" s="59">
        <f>IF(Input!$D$19=3,J2679*Input!$C$19,0)+IF(Input!$D$20=3,K2679*Input!$C$20,0)+IF(Input!$D$21=3,L2679*Input!$C$21,0)+IF(Input!$D$22=3,M2679*Input!$C$22,0)</f>
        <v>0</v>
      </c>
      <c r="Q2679" s="75">
        <f>IF(Input!$D$19=4,J2679*Input!$C$19,0)+IF(Input!$D$20=4,K2679*Input!$C$20,0)+IF(Input!$D$21=4,L2679*Input!$C$21,0)+IF(Input!$D$22=4,M2679*Input!$C$22,0)</f>
        <v>0</v>
      </c>
      <c r="R2679" s="58">
        <v>39.761912171855528</v>
      </c>
      <c r="S2679" s="124">
        <f t="shared" si="41"/>
        <v>1.0636241208729664</v>
      </c>
    </row>
    <row r="2680" spans="8:19" x14ac:dyDescent="0.3">
      <c r="H2680" s="44">
        <v>2673</v>
      </c>
      <c r="I2680" s="56">
        <f>Bühler!I2706</f>
        <v>0.24545172020145375</v>
      </c>
      <c r="J2680" s="59">
        <f>Bühler!J2706</f>
        <v>0.81817240067151265</v>
      </c>
      <c r="K2680" s="59">
        <f>Bühler!K2706</f>
        <v>1.2272586010072688</v>
      </c>
      <c r="L2680" s="59">
        <f>Bühler!L2706</f>
        <v>13.88050083615652</v>
      </c>
      <c r="M2680" s="58">
        <f>Bühler!M2706</f>
        <v>0</v>
      </c>
      <c r="N2680" s="56">
        <f>IF(Input!$D$19=1,J2680*Input!$C$19,0)+IF(Input!$D$20=1,K2680*Input!$C$20,0)+IF(Input!$D$21=1,L2680*Input!$C$21,0)+IF(Input!$D$22=1,M2680*Input!$C$22,0)</f>
        <v>0.24545172020145378</v>
      </c>
      <c r="O2680" s="59">
        <f>IF(Input!$D$19=2,J2680*Input!$C$19,0)+IF(Input!$D$20=2,K2680*Input!$C$20,0)+IF(Input!$D$21=2,L2680*Input!$C$21,0)+IF(Input!$D$22=2,M2680*Input!$C$22,0)</f>
        <v>0.6136293005036344</v>
      </c>
      <c r="P2680" s="59">
        <f>IF(Input!$D$19=3,J2680*Input!$C$19,0)+IF(Input!$D$20=3,K2680*Input!$C$20,0)+IF(Input!$D$21=3,L2680*Input!$C$21,0)+IF(Input!$D$22=3,M2680*Input!$C$22,0)</f>
        <v>0</v>
      </c>
      <c r="Q2680" s="75">
        <f>IF(Input!$D$19=4,J2680*Input!$C$19,0)+IF(Input!$D$20=4,K2680*Input!$C$20,0)+IF(Input!$D$21=4,L2680*Input!$C$21,0)+IF(Input!$D$22=4,M2680*Input!$C$22,0)</f>
        <v>0</v>
      </c>
      <c r="R2680" s="58">
        <v>39.564617743975838</v>
      </c>
      <c r="S2680" s="124">
        <f t="shared" si="41"/>
        <v>1.0636241208729664</v>
      </c>
    </row>
    <row r="2681" spans="8:19" x14ac:dyDescent="0.3">
      <c r="H2681" s="44">
        <v>2674</v>
      </c>
      <c r="I2681" s="56">
        <f>Bühler!I2707</f>
        <v>0.24545172020145375</v>
      </c>
      <c r="J2681" s="59">
        <f>Bühler!J2707</f>
        <v>0.81817240067151265</v>
      </c>
      <c r="K2681" s="59">
        <f>Bühler!K2707</f>
        <v>1.2272586010072688</v>
      </c>
      <c r="L2681" s="59">
        <f>Bühler!L2707</f>
        <v>13.88050083615652</v>
      </c>
      <c r="M2681" s="58">
        <f>Bühler!M2707</f>
        <v>0</v>
      </c>
      <c r="N2681" s="56">
        <f>IF(Input!$D$19=1,J2681*Input!$C$19,0)+IF(Input!$D$20=1,K2681*Input!$C$20,0)+IF(Input!$D$21=1,L2681*Input!$C$21,0)+IF(Input!$D$22=1,M2681*Input!$C$22,0)</f>
        <v>0.24545172020145378</v>
      </c>
      <c r="O2681" s="59">
        <f>IF(Input!$D$19=2,J2681*Input!$C$19,0)+IF(Input!$D$20=2,K2681*Input!$C$20,0)+IF(Input!$D$21=2,L2681*Input!$C$21,0)+IF(Input!$D$22=2,M2681*Input!$C$22,0)</f>
        <v>0.6136293005036344</v>
      </c>
      <c r="P2681" s="59">
        <f>IF(Input!$D$19=3,J2681*Input!$C$19,0)+IF(Input!$D$20=3,K2681*Input!$C$20,0)+IF(Input!$D$21=3,L2681*Input!$C$21,0)+IF(Input!$D$22=3,M2681*Input!$C$22,0)</f>
        <v>0</v>
      </c>
      <c r="Q2681" s="75">
        <f>IF(Input!$D$19=4,J2681*Input!$C$19,0)+IF(Input!$D$20=4,K2681*Input!$C$20,0)+IF(Input!$D$21=4,L2681*Input!$C$21,0)+IF(Input!$D$22=4,M2681*Input!$C$22,0)</f>
        <v>0</v>
      </c>
      <c r="R2681" s="58">
        <v>39.018124129401684</v>
      </c>
      <c r="S2681" s="124">
        <f t="shared" si="41"/>
        <v>1.0636241208729664</v>
      </c>
    </row>
    <row r="2682" spans="8:19" x14ac:dyDescent="0.3">
      <c r="H2682" s="44">
        <v>2675</v>
      </c>
      <c r="I2682" s="56">
        <f>Bühler!I2708</f>
        <v>0.24545172020145375</v>
      </c>
      <c r="J2682" s="59">
        <f>Bühler!J2708</f>
        <v>0.81817240067151265</v>
      </c>
      <c r="K2682" s="59">
        <f>Bühler!K2708</f>
        <v>1.2272586010072688</v>
      </c>
      <c r="L2682" s="59">
        <f>Bühler!L2708</f>
        <v>13.88050083615652</v>
      </c>
      <c r="M2682" s="58">
        <f>Bühler!M2708</f>
        <v>0</v>
      </c>
      <c r="N2682" s="56">
        <f>IF(Input!$D$19=1,J2682*Input!$C$19,0)+IF(Input!$D$20=1,K2682*Input!$C$20,0)+IF(Input!$D$21=1,L2682*Input!$C$21,0)+IF(Input!$D$22=1,M2682*Input!$C$22,0)</f>
        <v>0.24545172020145378</v>
      </c>
      <c r="O2682" s="59">
        <f>IF(Input!$D$19=2,J2682*Input!$C$19,0)+IF(Input!$D$20=2,K2682*Input!$C$20,0)+IF(Input!$D$21=2,L2682*Input!$C$21,0)+IF(Input!$D$22=2,M2682*Input!$C$22,0)</f>
        <v>0.6136293005036344</v>
      </c>
      <c r="P2682" s="59">
        <f>IF(Input!$D$19=3,J2682*Input!$C$19,0)+IF(Input!$D$20=3,K2682*Input!$C$20,0)+IF(Input!$D$21=3,L2682*Input!$C$21,0)+IF(Input!$D$22=3,M2682*Input!$C$22,0)</f>
        <v>0</v>
      </c>
      <c r="Q2682" s="75">
        <f>IF(Input!$D$19=4,J2682*Input!$C$19,0)+IF(Input!$D$20=4,K2682*Input!$C$20,0)+IF(Input!$D$21=4,L2682*Input!$C$21,0)+IF(Input!$D$22=4,M2682*Input!$C$22,0)</f>
        <v>0</v>
      </c>
      <c r="R2682" s="58">
        <v>38.68347902525344</v>
      </c>
      <c r="S2682" s="124">
        <f t="shared" si="41"/>
        <v>1.0636241208729664</v>
      </c>
    </row>
    <row r="2683" spans="8:19" x14ac:dyDescent="0.3">
      <c r="H2683" s="44">
        <v>2676</v>
      </c>
      <c r="I2683" s="56">
        <f>Bühler!I2709</f>
        <v>0.24545172020145375</v>
      </c>
      <c r="J2683" s="59">
        <f>Bühler!J2709</f>
        <v>0.81817240067151265</v>
      </c>
      <c r="K2683" s="59">
        <f>Bühler!K2709</f>
        <v>1.2272586010072688</v>
      </c>
      <c r="L2683" s="59">
        <f>Bühler!L2709</f>
        <v>13.88050083615652</v>
      </c>
      <c r="M2683" s="58">
        <f>Bühler!M2709</f>
        <v>0</v>
      </c>
      <c r="N2683" s="56">
        <f>IF(Input!$D$19=1,J2683*Input!$C$19,0)+IF(Input!$D$20=1,K2683*Input!$C$20,0)+IF(Input!$D$21=1,L2683*Input!$C$21,0)+IF(Input!$D$22=1,M2683*Input!$C$22,0)</f>
        <v>0.24545172020145378</v>
      </c>
      <c r="O2683" s="59">
        <f>IF(Input!$D$19=2,J2683*Input!$C$19,0)+IF(Input!$D$20=2,K2683*Input!$C$20,0)+IF(Input!$D$21=2,L2683*Input!$C$21,0)+IF(Input!$D$22=2,M2683*Input!$C$22,0)</f>
        <v>0.6136293005036344</v>
      </c>
      <c r="P2683" s="59">
        <f>IF(Input!$D$19=3,J2683*Input!$C$19,0)+IF(Input!$D$20=3,K2683*Input!$C$20,0)+IF(Input!$D$21=3,L2683*Input!$C$21,0)+IF(Input!$D$22=3,M2683*Input!$C$22,0)</f>
        <v>0</v>
      </c>
      <c r="Q2683" s="75">
        <f>IF(Input!$D$19=4,J2683*Input!$C$19,0)+IF(Input!$D$20=4,K2683*Input!$C$20,0)+IF(Input!$D$21=4,L2683*Input!$C$21,0)+IF(Input!$D$22=4,M2683*Input!$C$22,0)</f>
        <v>0</v>
      </c>
      <c r="R2683" s="58">
        <v>38.763768777611212</v>
      </c>
      <c r="S2683" s="124">
        <f t="shared" si="41"/>
        <v>1.0636241208729664</v>
      </c>
    </row>
    <row r="2684" spans="8:19" x14ac:dyDescent="0.3">
      <c r="H2684" s="44">
        <v>2677</v>
      </c>
      <c r="I2684" s="56">
        <f>Bühler!I2710</f>
        <v>0.24545172020145375</v>
      </c>
      <c r="J2684" s="59">
        <f>Bühler!J2710</f>
        <v>0.81817240067151265</v>
      </c>
      <c r="K2684" s="59">
        <f>Bühler!K2710</f>
        <v>1.2272586010072688</v>
      </c>
      <c r="L2684" s="59">
        <f>Bühler!L2710</f>
        <v>13.88050083615652</v>
      </c>
      <c r="M2684" s="58">
        <f>Bühler!M2710</f>
        <v>0</v>
      </c>
      <c r="N2684" s="56">
        <f>IF(Input!$D$19=1,J2684*Input!$C$19,0)+IF(Input!$D$20=1,K2684*Input!$C$20,0)+IF(Input!$D$21=1,L2684*Input!$C$21,0)+IF(Input!$D$22=1,M2684*Input!$C$22,0)</f>
        <v>0.24545172020145378</v>
      </c>
      <c r="O2684" s="59">
        <f>IF(Input!$D$19=2,J2684*Input!$C$19,0)+IF(Input!$D$20=2,K2684*Input!$C$20,0)+IF(Input!$D$21=2,L2684*Input!$C$21,0)+IF(Input!$D$22=2,M2684*Input!$C$22,0)</f>
        <v>0.6136293005036344</v>
      </c>
      <c r="P2684" s="59">
        <f>IF(Input!$D$19=3,J2684*Input!$C$19,0)+IF(Input!$D$20=3,K2684*Input!$C$20,0)+IF(Input!$D$21=3,L2684*Input!$C$21,0)+IF(Input!$D$22=3,M2684*Input!$C$22,0)</f>
        <v>0</v>
      </c>
      <c r="Q2684" s="75">
        <f>IF(Input!$D$19=4,J2684*Input!$C$19,0)+IF(Input!$D$20=4,K2684*Input!$C$20,0)+IF(Input!$D$21=4,L2684*Input!$C$21,0)+IF(Input!$D$22=4,M2684*Input!$C$22,0)</f>
        <v>0</v>
      </c>
      <c r="R2684" s="58">
        <v>38.843433753852715</v>
      </c>
      <c r="S2684" s="124">
        <f t="shared" si="41"/>
        <v>1.0636241208729664</v>
      </c>
    </row>
    <row r="2685" spans="8:19" x14ac:dyDescent="0.3">
      <c r="H2685" s="44">
        <v>2678</v>
      </c>
      <c r="I2685" s="56">
        <f>Bühler!I2711</f>
        <v>0.24545172020145375</v>
      </c>
      <c r="J2685" s="59">
        <f>Bühler!J2711</f>
        <v>0.81817240067151265</v>
      </c>
      <c r="K2685" s="59">
        <f>Bühler!K2711</f>
        <v>1.2272586010072688</v>
      </c>
      <c r="L2685" s="59">
        <f>Bühler!L2711</f>
        <v>13.88050083615652</v>
      </c>
      <c r="M2685" s="58">
        <f>Bühler!M2711</f>
        <v>0</v>
      </c>
      <c r="N2685" s="56">
        <f>IF(Input!$D$19=1,J2685*Input!$C$19,0)+IF(Input!$D$20=1,K2685*Input!$C$20,0)+IF(Input!$D$21=1,L2685*Input!$C$21,0)+IF(Input!$D$22=1,M2685*Input!$C$22,0)</f>
        <v>0.24545172020145378</v>
      </c>
      <c r="O2685" s="59">
        <f>IF(Input!$D$19=2,J2685*Input!$C$19,0)+IF(Input!$D$20=2,K2685*Input!$C$20,0)+IF(Input!$D$21=2,L2685*Input!$C$21,0)+IF(Input!$D$22=2,M2685*Input!$C$22,0)</f>
        <v>0.6136293005036344</v>
      </c>
      <c r="P2685" s="59">
        <f>IF(Input!$D$19=3,J2685*Input!$C$19,0)+IF(Input!$D$20=3,K2685*Input!$C$20,0)+IF(Input!$D$21=3,L2685*Input!$C$21,0)+IF(Input!$D$22=3,M2685*Input!$C$22,0)</f>
        <v>0</v>
      </c>
      <c r="Q2685" s="75">
        <f>IF(Input!$D$19=4,J2685*Input!$C$19,0)+IF(Input!$D$20=4,K2685*Input!$C$20,0)+IF(Input!$D$21=4,L2685*Input!$C$21,0)+IF(Input!$D$22=4,M2685*Input!$C$22,0)</f>
        <v>0</v>
      </c>
      <c r="R2685" s="58">
        <v>38.872875156410338</v>
      </c>
      <c r="S2685" s="124">
        <f t="shared" si="41"/>
        <v>1.0636241208729664</v>
      </c>
    </row>
    <row r="2686" spans="8:19" x14ac:dyDescent="0.3">
      <c r="H2686" s="44">
        <v>2679</v>
      </c>
      <c r="I2686" s="56">
        <f>Bühler!I2712</f>
        <v>0.24545172020145375</v>
      </c>
      <c r="J2686" s="59">
        <f>Bühler!J2712</f>
        <v>0.81817240067151265</v>
      </c>
      <c r="K2686" s="59">
        <f>Bühler!K2712</f>
        <v>1.2272586010072688</v>
      </c>
      <c r="L2686" s="59">
        <f>Bühler!L2712</f>
        <v>13.88050083615652</v>
      </c>
      <c r="M2686" s="58">
        <f>Bühler!M2712</f>
        <v>0</v>
      </c>
      <c r="N2686" s="56">
        <f>IF(Input!$D$19=1,J2686*Input!$C$19,0)+IF(Input!$D$20=1,K2686*Input!$C$20,0)+IF(Input!$D$21=1,L2686*Input!$C$21,0)+IF(Input!$D$22=1,M2686*Input!$C$22,0)</f>
        <v>0.24545172020145378</v>
      </c>
      <c r="O2686" s="59">
        <f>IF(Input!$D$19=2,J2686*Input!$C$19,0)+IF(Input!$D$20=2,K2686*Input!$C$20,0)+IF(Input!$D$21=2,L2686*Input!$C$21,0)+IF(Input!$D$22=2,M2686*Input!$C$22,0)</f>
        <v>0.6136293005036344</v>
      </c>
      <c r="P2686" s="59">
        <f>IF(Input!$D$19=3,J2686*Input!$C$19,0)+IF(Input!$D$20=3,K2686*Input!$C$20,0)+IF(Input!$D$21=3,L2686*Input!$C$21,0)+IF(Input!$D$22=3,M2686*Input!$C$22,0)</f>
        <v>0</v>
      </c>
      <c r="Q2686" s="75">
        <f>IF(Input!$D$19=4,J2686*Input!$C$19,0)+IF(Input!$D$20=4,K2686*Input!$C$20,0)+IF(Input!$D$21=4,L2686*Input!$C$21,0)+IF(Input!$D$22=4,M2686*Input!$C$22,0)</f>
        <v>0</v>
      </c>
      <c r="R2686" s="58">
        <v>39.000450991254532</v>
      </c>
      <c r="S2686" s="124">
        <f t="shared" si="41"/>
        <v>1.0636241208729664</v>
      </c>
    </row>
    <row r="2687" spans="8:19" x14ac:dyDescent="0.3">
      <c r="H2687" s="44">
        <v>2680</v>
      </c>
      <c r="I2687" s="56">
        <f>Bühler!I2713</f>
        <v>0.21817930684573661</v>
      </c>
      <c r="J2687" s="59">
        <f>Bühler!J2713</f>
        <v>0.72726435615245544</v>
      </c>
      <c r="K2687" s="59">
        <f>Bühler!K2713</f>
        <v>1.0908965342286832</v>
      </c>
      <c r="L2687" s="59">
        <f>Bühler!L2713</f>
        <v>12.338222965472461</v>
      </c>
      <c r="M2687" s="58">
        <f>Bühler!M2713</f>
        <v>0</v>
      </c>
      <c r="N2687" s="56">
        <f>IF(Input!$D$19=1,J2687*Input!$C$19,0)+IF(Input!$D$20=1,K2687*Input!$C$20,0)+IF(Input!$D$21=1,L2687*Input!$C$21,0)+IF(Input!$D$22=1,M2687*Input!$C$22,0)</f>
        <v>0.21817930684573664</v>
      </c>
      <c r="O2687" s="59">
        <f>IF(Input!$D$19=2,J2687*Input!$C$19,0)+IF(Input!$D$20=2,K2687*Input!$C$20,0)+IF(Input!$D$21=2,L2687*Input!$C$21,0)+IF(Input!$D$22=2,M2687*Input!$C$22,0)</f>
        <v>0.54544826711434158</v>
      </c>
      <c r="P2687" s="59">
        <f>IF(Input!$D$19=3,J2687*Input!$C$19,0)+IF(Input!$D$20=3,K2687*Input!$C$20,0)+IF(Input!$D$21=3,L2687*Input!$C$21,0)+IF(Input!$D$22=3,M2687*Input!$C$22,0)</f>
        <v>0</v>
      </c>
      <c r="Q2687" s="75">
        <f>IF(Input!$D$19=4,J2687*Input!$C$19,0)+IF(Input!$D$20=4,K2687*Input!$C$20,0)+IF(Input!$D$21=4,L2687*Input!$C$21,0)+IF(Input!$D$22=4,M2687*Input!$C$22,0)</f>
        <v>0</v>
      </c>
      <c r="R2687" s="58">
        <v>39.327945847160457</v>
      </c>
      <c r="S2687" s="124">
        <f t="shared" si="41"/>
        <v>0.94544366299819205</v>
      </c>
    </row>
    <row r="2688" spans="8:19" x14ac:dyDescent="0.3">
      <c r="H2688" s="44">
        <v>2681</v>
      </c>
      <c r="I2688" s="56">
        <f>Bühler!I2714</f>
        <v>0.21428324779491986</v>
      </c>
      <c r="J2688" s="59">
        <f>Bühler!J2714</f>
        <v>0.71427749264973295</v>
      </c>
      <c r="K2688" s="59">
        <f>Bühler!K2714</f>
        <v>1.0714162389745996</v>
      </c>
      <c r="L2688" s="59">
        <f>Bühler!L2714</f>
        <v>12.117897555374739</v>
      </c>
      <c r="M2688" s="58">
        <f>Bühler!M2714</f>
        <v>0</v>
      </c>
      <c r="N2688" s="56">
        <f>IF(Input!$D$19=1,J2688*Input!$C$19,0)+IF(Input!$D$20=1,K2688*Input!$C$20,0)+IF(Input!$D$21=1,L2688*Input!$C$21,0)+IF(Input!$D$22=1,M2688*Input!$C$22,0)</f>
        <v>0.21428324779491989</v>
      </c>
      <c r="O2688" s="59">
        <f>IF(Input!$D$19=2,J2688*Input!$C$19,0)+IF(Input!$D$20=2,K2688*Input!$C$20,0)+IF(Input!$D$21=2,L2688*Input!$C$21,0)+IF(Input!$D$22=2,M2688*Input!$C$22,0)</f>
        <v>0.53570811948729979</v>
      </c>
      <c r="P2688" s="59">
        <f>IF(Input!$D$19=3,J2688*Input!$C$19,0)+IF(Input!$D$20=3,K2688*Input!$C$20,0)+IF(Input!$D$21=3,L2688*Input!$C$21,0)+IF(Input!$D$22=3,M2688*Input!$C$22,0)</f>
        <v>0</v>
      </c>
      <c r="Q2688" s="75">
        <f>IF(Input!$D$19=4,J2688*Input!$C$19,0)+IF(Input!$D$20=4,K2688*Input!$C$20,0)+IF(Input!$D$21=4,L2688*Input!$C$21,0)+IF(Input!$D$22=4,M2688*Input!$C$22,0)</f>
        <v>0</v>
      </c>
      <c r="R2688" s="58">
        <v>38.986241031799885</v>
      </c>
      <c r="S2688" s="124">
        <f t="shared" si="41"/>
        <v>0.92856074044465275</v>
      </c>
    </row>
    <row r="2689" spans="8:19" x14ac:dyDescent="0.3">
      <c r="H2689" s="44">
        <v>2682</v>
      </c>
      <c r="I2689" s="56">
        <f>Bühler!I2715</f>
        <v>0.18311477538838611</v>
      </c>
      <c r="J2689" s="59">
        <f>Bühler!J2715</f>
        <v>0.61038258462795381</v>
      </c>
      <c r="K2689" s="59">
        <f>Bühler!K2715</f>
        <v>0.91557387694193071</v>
      </c>
      <c r="L2689" s="59">
        <f>Bühler!L2715</f>
        <v>10.355294274592959</v>
      </c>
      <c r="M2689" s="58">
        <f>Bühler!M2715</f>
        <v>0</v>
      </c>
      <c r="N2689" s="56">
        <f>IF(Input!$D$19=1,J2689*Input!$C$19,0)+IF(Input!$D$20=1,K2689*Input!$C$20,0)+IF(Input!$D$21=1,L2689*Input!$C$21,0)+IF(Input!$D$22=1,M2689*Input!$C$22,0)</f>
        <v>0.18311477538838614</v>
      </c>
      <c r="O2689" s="59">
        <f>IF(Input!$D$19=2,J2689*Input!$C$19,0)+IF(Input!$D$20=2,K2689*Input!$C$20,0)+IF(Input!$D$21=2,L2689*Input!$C$21,0)+IF(Input!$D$22=2,M2689*Input!$C$22,0)</f>
        <v>0.45778693847096535</v>
      </c>
      <c r="P2689" s="59">
        <f>IF(Input!$D$19=3,J2689*Input!$C$19,0)+IF(Input!$D$20=3,K2689*Input!$C$20,0)+IF(Input!$D$21=3,L2689*Input!$C$21,0)+IF(Input!$D$22=3,M2689*Input!$C$22,0)</f>
        <v>0</v>
      </c>
      <c r="Q2689" s="75">
        <f>IF(Input!$D$19=4,J2689*Input!$C$19,0)+IF(Input!$D$20=4,K2689*Input!$C$20,0)+IF(Input!$D$21=4,L2689*Input!$C$21,0)+IF(Input!$D$22=4,M2689*Input!$C$22,0)</f>
        <v>0</v>
      </c>
      <c r="R2689" s="58">
        <v>39.045697087732925</v>
      </c>
      <c r="S2689" s="124">
        <f t="shared" si="41"/>
        <v>0.79349736001633997</v>
      </c>
    </row>
    <row r="2690" spans="8:19" x14ac:dyDescent="0.3">
      <c r="H2690" s="44">
        <v>2683</v>
      </c>
      <c r="I2690" s="56">
        <f>Bühler!I2716</f>
        <v>0.17142659823593595</v>
      </c>
      <c r="J2690" s="59">
        <f>Bühler!J2716</f>
        <v>0.57142199411978656</v>
      </c>
      <c r="K2690" s="59">
        <f>Bühler!K2716</f>
        <v>0.85713299117967978</v>
      </c>
      <c r="L2690" s="59">
        <f>Bühler!L2716</f>
        <v>9.6943180442997932</v>
      </c>
      <c r="M2690" s="58">
        <f>Bühler!M2716</f>
        <v>0</v>
      </c>
      <c r="N2690" s="56">
        <f>IF(Input!$D$19=1,J2690*Input!$C$19,0)+IF(Input!$D$20=1,K2690*Input!$C$20,0)+IF(Input!$D$21=1,L2690*Input!$C$21,0)+IF(Input!$D$22=1,M2690*Input!$C$22,0)</f>
        <v>0.17142659823593595</v>
      </c>
      <c r="O2690" s="59">
        <f>IF(Input!$D$19=2,J2690*Input!$C$19,0)+IF(Input!$D$20=2,K2690*Input!$C$20,0)+IF(Input!$D$21=2,L2690*Input!$C$21,0)+IF(Input!$D$22=2,M2690*Input!$C$22,0)</f>
        <v>0.42856649558983989</v>
      </c>
      <c r="P2690" s="59">
        <f>IF(Input!$D$19=3,J2690*Input!$C$19,0)+IF(Input!$D$20=3,K2690*Input!$C$20,0)+IF(Input!$D$21=3,L2690*Input!$C$21,0)+IF(Input!$D$22=3,M2690*Input!$C$22,0)</f>
        <v>0</v>
      </c>
      <c r="Q2690" s="75">
        <f>IF(Input!$D$19=4,J2690*Input!$C$19,0)+IF(Input!$D$20=4,K2690*Input!$C$20,0)+IF(Input!$D$21=4,L2690*Input!$C$21,0)+IF(Input!$D$22=4,M2690*Input!$C$22,0)</f>
        <v>0</v>
      </c>
      <c r="R2690" s="58">
        <v>39.298345122182035</v>
      </c>
      <c r="S2690" s="124">
        <f t="shared" si="41"/>
        <v>0.74284859235572254</v>
      </c>
    </row>
    <row r="2691" spans="8:19" x14ac:dyDescent="0.3">
      <c r="H2691" s="44">
        <v>2684</v>
      </c>
      <c r="I2691" s="56">
        <f>Bühler!I2717</f>
        <v>0.14415418488021886</v>
      </c>
      <c r="J2691" s="59">
        <f>Bühler!J2717</f>
        <v>0.48051394960072957</v>
      </c>
      <c r="K2691" s="59">
        <f>Bühler!K2717</f>
        <v>0.72077092440109436</v>
      </c>
      <c r="L2691" s="59">
        <f>Bühler!L2717</f>
        <v>8.1520401736157346</v>
      </c>
      <c r="M2691" s="58">
        <f>Bühler!M2717</f>
        <v>0</v>
      </c>
      <c r="N2691" s="56">
        <f>IF(Input!$D$19=1,J2691*Input!$C$19,0)+IF(Input!$D$20=1,K2691*Input!$C$20,0)+IF(Input!$D$21=1,L2691*Input!$C$21,0)+IF(Input!$D$22=1,M2691*Input!$C$22,0)</f>
        <v>0.14415418488021886</v>
      </c>
      <c r="O2691" s="59">
        <f>IF(Input!$D$19=2,J2691*Input!$C$19,0)+IF(Input!$D$20=2,K2691*Input!$C$20,0)+IF(Input!$D$21=2,L2691*Input!$C$21,0)+IF(Input!$D$22=2,M2691*Input!$C$22,0)</f>
        <v>0.36038546220054718</v>
      </c>
      <c r="P2691" s="59">
        <f>IF(Input!$D$19=3,J2691*Input!$C$19,0)+IF(Input!$D$20=3,K2691*Input!$C$20,0)+IF(Input!$D$21=3,L2691*Input!$C$21,0)+IF(Input!$D$22=3,M2691*Input!$C$22,0)</f>
        <v>0</v>
      </c>
      <c r="Q2691" s="75">
        <f>IF(Input!$D$19=4,J2691*Input!$C$19,0)+IF(Input!$D$20=4,K2691*Input!$C$20,0)+IF(Input!$D$21=4,L2691*Input!$C$21,0)+IF(Input!$D$22=4,M2691*Input!$C$22,0)</f>
        <v>0</v>
      </c>
      <c r="R2691" s="58">
        <v>39.229442715764399</v>
      </c>
      <c r="S2691" s="124">
        <f t="shared" si="41"/>
        <v>0.62466813448094838</v>
      </c>
    </row>
    <row r="2692" spans="8:19" x14ac:dyDescent="0.3">
      <c r="H2692" s="44">
        <v>2685</v>
      </c>
      <c r="I2692" s="56">
        <f>Bühler!I2718</f>
        <v>0.1207778305753185</v>
      </c>
      <c r="J2692" s="59">
        <f>Bühler!J2718</f>
        <v>0.40259276858439508</v>
      </c>
      <c r="K2692" s="59">
        <f>Bühler!K2718</f>
        <v>0.60388915287659262</v>
      </c>
      <c r="L2692" s="59">
        <f>Bühler!L2718</f>
        <v>6.830087713029398</v>
      </c>
      <c r="M2692" s="58">
        <f>Bühler!M2718</f>
        <v>0</v>
      </c>
      <c r="N2692" s="56">
        <f>IF(Input!$D$19=1,J2692*Input!$C$19,0)+IF(Input!$D$20=1,K2692*Input!$C$20,0)+IF(Input!$D$21=1,L2692*Input!$C$21,0)+IF(Input!$D$22=1,M2692*Input!$C$22,0)</f>
        <v>0.12077783057531852</v>
      </c>
      <c r="O2692" s="59">
        <f>IF(Input!$D$19=2,J2692*Input!$C$19,0)+IF(Input!$D$20=2,K2692*Input!$C$20,0)+IF(Input!$D$21=2,L2692*Input!$C$21,0)+IF(Input!$D$22=2,M2692*Input!$C$22,0)</f>
        <v>0.30194457643829631</v>
      </c>
      <c r="P2692" s="59">
        <f>IF(Input!$D$19=3,J2692*Input!$C$19,0)+IF(Input!$D$20=3,K2692*Input!$C$20,0)+IF(Input!$D$21=3,L2692*Input!$C$21,0)+IF(Input!$D$22=3,M2692*Input!$C$22,0)</f>
        <v>0</v>
      </c>
      <c r="Q2692" s="75">
        <f>IF(Input!$D$19=4,J2692*Input!$C$19,0)+IF(Input!$D$20=4,K2692*Input!$C$20,0)+IF(Input!$D$21=4,L2692*Input!$C$21,0)+IF(Input!$D$22=4,M2692*Input!$C$22,0)</f>
        <v>0</v>
      </c>
      <c r="R2692" s="58">
        <v>39.527927043782199</v>
      </c>
      <c r="S2692" s="124">
        <f t="shared" si="41"/>
        <v>0.52337059915971362</v>
      </c>
    </row>
    <row r="2693" spans="8:19" x14ac:dyDescent="0.3">
      <c r="H2693" s="44">
        <v>2686</v>
      </c>
      <c r="I2693" s="56">
        <f>Bühler!I2719</f>
        <v>0.10519359437205159</v>
      </c>
      <c r="J2693" s="59">
        <f>Bühler!J2719</f>
        <v>0.35064531457350534</v>
      </c>
      <c r="K2693" s="59">
        <f>Bühler!K2719</f>
        <v>0.52596797186025801</v>
      </c>
      <c r="L2693" s="59">
        <f>Bühler!L2719</f>
        <v>5.9487860726385087</v>
      </c>
      <c r="M2693" s="58">
        <f>Bühler!M2719</f>
        <v>0</v>
      </c>
      <c r="N2693" s="56">
        <f>IF(Input!$D$19=1,J2693*Input!$C$19,0)+IF(Input!$D$20=1,K2693*Input!$C$20,0)+IF(Input!$D$21=1,L2693*Input!$C$21,0)+IF(Input!$D$22=1,M2693*Input!$C$22,0)</f>
        <v>0.1051935943720516</v>
      </c>
      <c r="O2693" s="59">
        <f>IF(Input!$D$19=2,J2693*Input!$C$19,0)+IF(Input!$D$20=2,K2693*Input!$C$20,0)+IF(Input!$D$21=2,L2693*Input!$C$21,0)+IF(Input!$D$22=2,M2693*Input!$C$22,0)</f>
        <v>0.26298398593012901</v>
      </c>
      <c r="P2693" s="59">
        <f>IF(Input!$D$19=3,J2693*Input!$C$19,0)+IF(Input!$D$20=3,K2693*Input!$C$20,0)+IF(Input!$D$21=3,L2693*Input!$C$21,0)+IF(Input!$D$22=3,M2693*Input!$C$22,0)</f>
        <v>0</v>
      </c>
      <c r="Q2693" s="75">
        <f>IF(Input!$D$19=4,J2693*Input!$C$19,0)+IF(Input!$D$20=4,K2693*Input!$C$20,0)+IF(Input!$D$21=4,L2693*Input!$C$21,0)+IF(Input!$D$22=4,M2693*Input!$C$22,0)</f>
        <v>0</v>
      </c>
      <c r="R2693" s="58">
        <v>40.817807501731359</v>
      </c>
      <c r="S2693" s="124">
        <f t="shared" si="41"/>
        <v>0.4558389089455569</v>
      </c>
    </row>
    <row r="2694" spans="8:19" x14ac:dyDescent="0.3">
      <c r="H2694" s="44">
        <v>2687</v>
      </c>
      <c r="I2694" s="56">
        <f>Bühler!I2720</f>
        <v>0.10519359437205159</v>
      </c>
      <c r="J2694" s="59">
        <f>Bühler!J2720</f>
        <v>0.35064531457350534</v>
      </c>
      <c r="K2694" s="59">
        <f>Bühler!K2720</f>
        <v>0.52596797186025801</v>
      </c>
      <c r="L2694" s="59">
        <f>Bühler!L2720</f>
        <v>5.9487860726385087</v>
      </c>
      <c r="M2694" s="58">
        <f>Bühler!M2720</f>
        <v>0</v>
      </c>
      <c r="N2694" s="56">
        <f>IF(Input!$D$19=1,J2694*Input!$C$19,0)+IF(Input!$D$20=1,K2694*Input!$C$20,0)+IF(Input!$D$21=1,L2694*Input!$C$21,0)+IF(Input!$D$22=1,M2694*Input!$C$22,0)</f>
        <v>0.1051935943720516</v>
      </c>
      <c r="O2694" s="59">
        <f>IF(Input!$D$19=2,J2694*Input!$C$19,0)+IF(Input!$D$20=2,K2694*Input!$C$20,0)+IF(Input!$D$21=2,L2694*Input!$C$21,0)+IF(Input!$D$22=2,M2694*Input!$C$22,0)</f>
        <v>0.26298398593012901</v>
      </c>
      <c r="P2694" s="59">
        <f>IF(Input!$D$19=3,J2694*Input!$C$19,0)+IF(Input!$D$20=3,K2694*Input!$C$20,0)+IF(Input!$D$21=3,L2694*Input!$C$21,0)+IF(Input!$D$22=3,M2694*Input!$C$22,0)</f>
        <v>0</v>
      </c>
      <c r="Q2694" s="75">
        <f>IF(Input!$D$19=4,J2694*Input!$C$19,0)+IF(Input!$D$20=4,K2694*Input!$C$20,0)+IF(Input!$D$21=4,L2694*Input!$C$21,0)+IF(Input!$D$22=4,M2694*Input!$C$22,0)</f>
        <v>0</v>
      </c>
      <c r="R2694" s="58">
        <v>40.664746316727893</v>
      </c>
      <c r="S2694" s="124">
        <f t="shared" si="41"/>
        <v>0.4558389089455569</v>
      </c>
    </row>
    <row r="2695" spans="8:19" x14ac:dyDescent="0.3">
      <c r="H2695" s="44">
        <v>2688</v>
      </c>
      <c r="I2695" s="56">
        <f>Bühler!I2721</f>
        <v>0.10519359437205159</v>
      </c>
      <c r="J2695" s="59">
        <f>Bühler!J2721</f>
        <v>0.35064531457350534</v>
      </c>
      <c r="K2695" s="59">
        <f>Bühler!K2721</f>
        <v>0.52596797186025801</v>
      </c>
      <c r="L2695" s="59">
        <f>Bühler!L2721</f>
        <v>5.9487860726385087</v>
      </c>
      <c r="M2695" s="58">
        <f>Bühler!M2721</f>
        <v>0</v>
      </c>
      <c r="N2695" s="56">
        <f>IF(Input!$D$19=1,J2695*Input!$C$19,0)+IF(Input!$D$20=1,K2695*Input!$C$20,0)+IF(Input!$D$21=1,L2695*Input!$C$21,0)+IF(Input!$D$22=1,M2695*Input!$C$22,0)</f>
        <v>0.1051935943720516</v>
      </c>
      <c r="O2695" s="59">
        <f>IF(Input!$D$19=2,J2695*Input!$C$19,0)+IF(Input!$D$20=2,K2695*Input!$C$20,0)+IF(Input!$D$21=2,L2695*Input!$C$21,0)+IF(Input!$D$22=2,M2695*Input!$C$22,0)</f>
        <v>0.26298398593012901</v>
      </c>
      <c r="P2695" s="59">
        <f>IF(Input!$D$19=3,J2695*Input!$C$19,0)+IF(Input!$D$20=3,K2695*Input!$C$20,0)+IF(Input!$D$21=3,L2695*Input!$C$21,0)+IF(Input!$D$22=3,M2695*Input!$C$22,0)</f>
        <v>0</v>
      </c>
      <c r="Q2695" s="75">
        <f>IF(Input!$D$19=4,J2695*Input!$C$19,0)+IF(Input!$D$20=4,K2695*Input!$C$20,0)+IF(Input!$D$21=4,L2695*Input!$C$21,0)+IF(Input!$D$22=4,M2695*Input!$C$22,0)</f>
        <v>0</v>
      </c>
      <c r="R2695" s="58">
        <v>40.791313024580766</v>
      </c>
      <c r="S2695" s="124">
        <f t="shared" si="41"/>
        <v>0.4558389089455569</v>
      </c>
    </row>
    <row r="2696" spans="8:19" x14ac:dyDescent="0.3">
      <c r="H2696" s="44">
        <v>2689</v>
      </c>
      <c r="I2696" s="56">
        <f>Bühler!I2722</f>
        <v>7.8625162157225731E-2</v>
      </c>
      <c r="J2696" s="59">
        <f>Bühler!J2722</f>
        <v>0.2620838738574191</v>
      </c>
      <c r="K2696" s="59">
        <f>Bühler!K2722</f>
        <v>0.39312581078612868</v>
      </c>
      <c r="L2696" s="59">
        <f>Bühler!L2722</f>
        <v>1.8870038917734175</v>
      </c>
      <c r="M2696" s="58">
        <f>Bühler!M2722</f>
        <v>0</v>
      </c>
      <c r="N2696" s="56">
        <f>IF(Input!$D$19=1,J2696*Input!$C$19,0)+IF(Input!$D$20=1,K2696*Input!$C$20,0)+IF(Input!$D$21=1,L2696*Input!$C$21,0)+IF(Input!$D$22=1,M2696*Input!$C$22,0)</f>
        <v>7.8625162157225731E-2</v>
      </c>
      <c r="O2696" s="59">
        <f>IF(Input!$D$19=2,J2696*Input!$C$19,0)+IF(Input!$D$20=2,K2696*Input!$C$20,0)+IF(Input!$D$21=2,L2696*Input!$C$21,0)+IF(Input!$D$22=2,M2696*Input!$C$22,0)</f>
        <v>0.19656290539306434</v>
      </c>
      <c r="P2696" s="59">
        <f>IF(Input!$D$19=3,J2696*Input!$C$19,0)+IF(Input!$D$20=3,K2696*Input!$C$20,0)+IF(Input!$D$21=3,L2696*Input!$C$21,0)+IF(Input!$D$22=3,M2696*Input!$C$22,0)</f>
        <v>0</v>
      </c>
      <c r="Q2696" s="75">
        <f>IF(Input!$D$19=4,J2696*Input!$C$19,0)+IF(Input!$D$20=4,K2696*Input!$C$20,0)+IF(Input!$D$21=4,L2696*Input!$C$21,0)+IF(Input!$D$22=4,M2696*Input!$C$22,0)</f>
        <v>0</v>
      </c>
      <c r="R2696" s="58">
        <v>40.603308135323743</v>
      </c>
      <c r="S2696" s="124">
        <f t="shared" si="41"/>
        <v>0.34070903601464486</v>
      </c>
    </row>
    <row r="2697" spans="8:19" x14ac:dyDescent="0.3">
      <c r="H2697" s="44">
        <v>2690</v>
      </c>
      <c r="I2697" s="56">
        <f>Bühler!I2723</f>
        <v>7.8625162157225731E-2</v>
      </c>
      <c r="J2697" s="59">
        <f>Bühler!J2723</f>
        <v>0.2620838738574191</v>
      </c>
      <c r="K2697" s="59">
        <f>Bühler!K2723</f>
        <v>0.39312581078612868</v>
      </c>
      <c r="L2697" s="59">
        <f>Bühler!L2723</f>
        <v>1.8870038917734175</v>
      </c>
      <c r="M2697" s="58">
        <f>Bühler!M2723</f>
        <v>0</v>
      </c>
      <c r="N2697" s="56">
        <f>IF(Input!$D$19=1,J2697*Input!$C$19,0)+IF(Input!$D$20=1,K2697*Input!$C$20,0)+IF(Input!$D$21=1,L2697*Input!$C$21,0)+IF(Input!$D$22=1,M2697*Input!$C$22,0)</f>
        <v>7.8625162157225731E-2</v>
      </c>
      <c r="O2697" s="59">
        <f>IF(Input!$D$19=2,J2697*Input!$C$19,0)+IF(Input!$D$20=2,K2697*Input!$C$20,0)+IF(Input!$D$21=2,L2697*Input!$C$21,0)+IF(Input!$D$22=2,M2697*Input!$C$22,0)</f>
        <v>0.19656290539306434</v>
      </c>
      <c r="P2697" s="59">
        <f>IF(Input!$D$19=3,J2697*Input!$C$19,0)+IF(Input!$D$20=3,K2697*Input!$C$20,0)+IF(Input!$D$21=3,L2697*Input!$C$21,0)+IF(Input!$D$22=3,M2697*Input!$C$22,0)</f>
        <v>0</v>
      </c>
      <c r="Q2697" s="75">
        <f>IF(Input!$D$19=4,J2697*Input!$C$19,0)+IF(Input!$D$20=4,K2697*Input!$C$20,0)+IF(Input!$D$21=4,L2697*Input!$C$21,0)+IF(Input!$D$22=4,M2697*Input!$C$22,0)</f>
        <v>0</v>
      </c>
      <c r="R2697" s="58">
        <v>40.895361137173872</v>
      </c>
      <c r="S2697" s="124">
        <f t="shared" ref="S2697:S2760" si="42">I2697+J2697</f>
        <v>0.34070903601464486</v>
      </c>
    </row>
    <row r="2698" spans="8:19" x14ac:dyDescent="0.3">
      <c r="H2698" s="44">
        <v>2691</v>
      </c>
      <c r="I2698" s="56">
        <f>Bühler!I2724</f>
        <v>7.8625162157225731E-2</v>
      </c>
      <c r="J2698" s="59">
        <f>Bühler!J2724</f>
        <v>0.2620838738574191</v>
      </c>
      <c r="K2698" s="59">
        <f>Bühler!K2724</f>
        <v>0.39312581078612868</v>
      </c>
      <c r="L2698" s="59">
        <f>Bühler!L2724</f>
        <v>1.8870038917734175</v>
      </c>
      <c r="M2698" s="58">
        <f>Bühler!M2724</f>
        <v>0</v>
      </c>
      <c r="N2698" s="56">
        <f>IF(Input!$D$19=1,J2698*Input!$C$19,0)+IF(Input!$D$20=1,K2698*Input!$C$20,0)+IF(Input!$D$21=1,L2698*Input!$C$21,0)+IF(Input!$D$22=1,M2698*Input!$C$22,0)</f>
        <v>7.8625162157225731E-2</v>
      </c>
      <c r="O2698" s="59">
        <f>IF(Input!$D$19=2,J2698*Input!$C$19,0)+IF(Input!$D$20=2,K2698*Input!$C$20,0)+IF(Input!$D$21=2,L2698*Input!$C$21,0)+IF(Input!$D$22=2,M2698*Input!$C$22,0)</f>
        <v>0.19656290539306434</v>
      </c>
      <c r="P2698" s="59">
        <f>IF(Input!$D$19=3,J2698*Input!$C$19,0)+IF(Input!$D$20=3,K2698*Input!$C$20,0)+IF(Input!$D$21=3,L2698*Input!$C$21,0)+IF(Input!$D$22=3,M2698*Input!$C$22,0)</f>
        <v>0</v>
      </c>
      <c r="Q2698" s="75">
        <f>IF(Input!$D$19=4,J2698*Input!$C$19,0)+IF(Input!$D$20=4,K2698*Input!$C$20,0)+IF(Input!$D$21=4,L2698*Input!$C$21,0)+IF(Input!$D$22=4,M2698*Input!$C$22,0)</f>
        <v>0</v>
      </c>
      <c r="R2698" s="58">
        <v>41.570736999060856</v>
      </c>
      <c r="S2698" s="124">
        <f t="shared" si="42"/>
        <v>0.34070903601464486</v>
      </c>
    </row>
    <row r="2699" spans="8:19" x14ac:dyDescent="0.3">
      <c r="H2699" s="44">
        <v>2692</v>
      </c>
      <c r="I2699" s="56">
        <f>Bühler!I2725</f>
        <v>7.8625162157225731E-2</v>
      </c>
      <c r="J2699" s="59">
        <f>Bühler!J2725</f>
        <v>0.2620838738574191</v>
      </c>
      <c r="K2699" s="59">
        <f>Bühler!K2725</f>
        <v>0.39312581078612868</v>
      </c>
      <c r="L2699" s="59">
        <f>Bühler!L2725</f>
        <v>1.8870038917734175</v>
      </c>
      <c r="M2699" s="58">
        <f>Bühler!M2725</f>
        <v>0</v>
      </c>
      <c r="N2699" s="56">
        <f>IF(Input!$D$19=1,J2699*Input!$C$19,0)+IF(Input!$D$20=1,K2699*Input!$C$20,0)+IF(Input!$D$21=1,L2699*Input!$C$21,0)+IF(Input!$D$22=1,M2699*Input!$C$22,0)</f>
        <v>7.8625162157225731E-2</v>
      </c>
      <c r="O2699" s="59">
        <f>IF(Input!$D$19=2,J2699*Input!$C$19,0)+IF(Input!$D$20=2,K2699*Input!$C$20,0)+IF(Input!$D$21=2,L2699*Input!$C$21,0)+IF(Input!$D$22=2,M2699*Input!$C$22,0)</f>
        <v>0.19656290539306434</v>
      </c>
      <c r="P2699" s="59">
        <f>IF(Input!$D$19=3,J2699*Input!$C$19,0)+IF(Input!$D$20=3,K2699*Input!$C$20,0)+IF(Input!$D$21=3,L2699*Input!$C$21,0)+IF(Input!$D$22=3,M2699*Input!$C$22,0)</f>
        <v>0</v>
      </c>
      <c r="Q2699" s="75">
        <f>IF(Input!$D$19=4,J2699*Input!$C$19,0)+IF(Input!$D$20=4,K2699*Input!$C$20,0)+IF(Input!$D$21=4,L2699*Input!$C$21,0)+IF(Input!$D$22=4,M2699*Input!$C$22,0)</f>
        <v>0</v>
      </c>
      <c r="R2699" s="58">
        <v>43.05823570775901</v>
      </c>
      <c r="S2699" s="124">
        <f t="shared" si="42"/>
        <v>0.34070903601464486</v>
      </c>
    </row>
    <row r="2700" spans="8:19" x14ac:dyDescent="0.3">
      <c r="H2700" s="44">
        <v>2693</v>
      </c>
      <c r="I2700" s="56">
        <f>Bühler!I2726</f>
        <v>7.8625162157225731E-2</v>
      </c>
      <c r="J2700" s="59">
        <f>Bühler!J2726</f>
        <v>0.2620838738574191</v>
      </c>
      <c r="K2700" s="59">
        <f>Bühler!K2726</f>
        <v>0.39312581078612868</v>
      </c>
      <c r="L2700" s="59">
        <f>Bühler!L2726</f>
        <v>1.8870038917734175</v>
      </c>
      <c r="M2700" s="58">
        <f>Bühler!M2726</f>
        <v>0</v>
      </c>
      <c r="N2700" s="56">
        <f>IF(Input!$D$19=1,J2700*Input!$C$19,0)+IF(Input!$D$20=1,K2700*Input!$C$20,0)+IF(Input!$D$21=1,L2700*Input!$C$21,0)+IF(Input!$D$22=1,M2700*Input!$C$22,0)</f>
        <v>7.8625162157225731E-2</v>
      </c>
      <c r="O2700" s="59">
        <f>IF(Input!$D$19=2,J2700*Input!$C$19,0)+IF(Input!$D$20=2,K2700*Input!$C$20,0)+IF(Input!$D$21=2,L2700*Input!$C$21,0)+IF(Input!$D$22=2,M2700*Input!$C$22,0)</f>
        <v>0.19656290539306434</v>
      </c>
      <c r="P2700" s="59">
        <f>IF(Input!$D$19=3,J2700*Input!$C$19,0)+IF(Input!$D$20=3,K2700*Input!$C$20,0)+IF(Input!$D$21=3,L2700*Input!$C$21,0)+IF(Input!$D$22=3,M2700*Input!$C$22,0)</f>
        <v>0</v>
      </c>
      <c r="Q2700" s="75">
        <f>IF(Input!$D$19=4,J2700*Input!$C$19,0)+IF(Input!$D$20=4,K2700*Input!$C$20,0)+IF(Input!$D$21=4,L2700*Input!$C$21,0)+IF(Input!$D$22=4,M2700*Input!$C$22,0)</f>
        <v>0</v>
      </c>
      <c r="R2700" s="58">
        <v>46.252276524698836</v>
      </c>
      <c r="S2700" s="124">
        <f t="shared" si="42"/>
        <v>0.34070903601464486</v>
      </c>
    </row>
    <row r="2701" spans="8:19" x14ac:dyDescent="0.3">
      <c r="H2701" s="44">
        <v>2694</v>
      </c>
      <c r="I2701" s="56">
        <f>Bühler!I2727</f>
        <v>0.34070903601464486</v>
      </c>
      <c r="J2701" s="59">
        <f>Bühler!J2727</f>
        <v>1.135696786715483</v>
      </c>
      <c r="K2701" s="59">
        <f>Bühler!K2727</f>
        <v>1.7035451800732242</v>
      </c>
      <c r="L2701" s="59">
        <f>Bühler!L2727</f>
        <v>8.1770168643514758</v>
      </c>
      <c r="M2701" s="58">
        <f>Bühler!M2727</f>
        <v>0</v>
      </c>
      <c r="N2701" s="56">
        <f>IF(Input!$D$19=1,J2701*Input!$C$19,0)+IF(Input!$D$20=1,K2701*Input!$C$20,0)+IF(Input!$D$21=1,L2701*Input!$C$21,0)+IF(Input!$D$22=1,M2701*Input!$C$22,0)</f>
        <v>0.34070903601464492</v>
      </c>
      <c r="O2701" s="59">
        <f>IF(Input!$D$19=2,J2701*Input!$C$19,0)+IF(Input!$D$20=2,K2701*Input!$C$20,0)+IF(Input!$D$21=2,L2701*Input!$C$21,0)+IF(Input!$D$22=2,M2701*Input!$C$22,0)</f>
        <v>0.8517725900366121</v>
      </c>
      <c r="P2701" s="59">
        <f>IF(Input!$D$19=3,J2701*Input!$C$19,0)+IF(Input!$D$20=3,K2701*Input!$C$20,0)+IF(Input!$D$21=3,L2701*Input!$C$21,0)+IF(Input!$D$22=3,M2701*Input!$C$22,0)</f>
        <v>0</v>
      </c>
      <c r="Q2701" s="75">
        <f>IF(Input!$D$19=4,J2701*Input!$C$19,0)+IF(Input!$D$20=4,K2701*Input!$C$20,0)+IF(Input!$D$21=4,L2701*Input!$C$21,0)+IF(Input!$D$22=4,M2701*Input!$C$22,0)</f>
        <v>0</v>
      </c>
      <c r="R2701" s="58">
        <v>52.103908329049737</v>
      </c>
      <c r="S2701" s="124">
        <f t="shared" si="42"/>
        <v>1.4764058227301278</v>
      </c>
    </row>
    <row r="2702" spans="8:19" x14ac:dyDescent="0.3">
      <c r="H2702" s="44">
        <v>2695</v>
      </c>
      <c r="I2702" s="56">
        <f>Bühler!I2728</f>
        <v>0.38657371393969331</v>
      </c>
      <c r="J2702" s="59">
        <f>Bühler!J2728</f>
        <v>1.2885790464656444</v>
      </c>
      <c r="K2702" s="59">
        <f>Bühler!K2728</f>
        <v>1.9328685696984664</v>
      </c>
      <c r="L2702" s="59">
        <f>Bühler!L2728</f>
        <v>9.2777691345526385</v>
      </c>
      <c r="M2702" s="58">
        <f>Bühler!M2728</f>
        <v>0</v>
      </c>
      <c r="N2702" s="56">
        <f>IF(Input!$D$19=1,J2702*Input!$C$19,0)+IF(Input!$D$20=1,K2702*Input!$C$20,0)+IF(Input!$D$21=1,L2702*Input!$C$21,0)+IF(Input!$D$22=1,M2702*Input!$C$22,0)</f>
        <v>0.38657371393969331</v>
      </c>
      <c r="O2702" s="59">
        <f>IF(Input!$D$19=2,J2702*Input!$C$19,0)+IF(Input!$D$20=2,K2702*Input!$C$20,0)+IF(Input!$D$21=2,L2702*Input!$C$21,0)+IF(Input!$D$22=2,M2702*Input!$C$22,0)</f>
        <v>0.96643428484923322</v>
      </c>
      <c r="P2702" s="59">
        <f>IF(Input!$D$19=3,J2702*Input!$C$19,0)+IF(Input!$D$20=3,K2702*Input!$C$20,0)+IF(Input!$D$21=3,L2702*Input!$C$21,0)+IF(Input!$D$22=3,M2702*Input!$C$22,0)</f>
        <v>0</v>
      </c>
      <c r="Q2702" s="75">
        <f>IF(Input!$D$19=4,J2702*Input!$C$19,0)+IF(Input!$D$20=4,K2702*Input!$C$20,0)+IF(Input!$D$21=4,L2702*Input!$C$21,0)+IF(Input!$D$22=4,M2702*Input!$C$22,0)</f>
        <v>0</v>
      </c>
      <c r="R2702" s="58">
        <v>57.463162125657028</v>
      </c>
      <c r="S2702" s="124">
        <f t="shared" si="42"/>
        <v>1.6751527604053376</v>
      </c>
    </row>
    <row r="2703" spans="8:19" x14ac:dyDescent="0.3">
      <c r="H2703" s="44">
        <v>2696</v>
      </c>
      <c r="I2703" s="56">
        <f>Bühler!I2729</f>
        <v>0.38657371393969331</v>
      </c>
      <c r="J2703" s="59">
        <f>Bühler!J2729</f>
        <v>1.2885790464656444</v>
      </c>
      <c r="K2703" s="59">
        <f>Bühler!K2729</f>
        <v>1.9328685696984664</v>
      </c>
      <c r="L2703" s="59">
        <f>Bühler!L2729</f>
        <v>9.2777691345526385</v>
      </c>
      <c r="M2703" s="58">
        <f>Bühler!M2729</f>
        <v>0</v>
      </c>
      <c r="N2703" s="56">
        <f>IF(Input!$D$19=1,J2703*Input!$C$19,0)+IF(Input!$D$20=1,K2703*Input!$C$20,0)+IF(Input!$D$21=1,L2703*Input!$C$21,0)+IF(Input!$D$22=1,M2703*Input!$C$22,0)</f>
        <v>0.38657371393969331</v>
      </c>
      <c r="O2703" s="59">
        <f>IF(Input!$D$19=2,J2703*Input!$C$19,0)+IF(Input!$D$20=2,K2703*Input!$C$20,0)+IF(Input!$D$21=2,L2703*Input!$C$21,0)+IF(Input!$D$22=2,M2703*Input!$C$22,0)</f>
        <v>0.96643428484923322</v>
      </c>
      <c r="P2703" s="59">
        <f>IF(Input!$D$19=3,J2703*Input!$C$19,0)+IF(Input!$D$20=3,K2703*Input!$C$20,0)+IF(Input!$D$21=3,L2703*Input!$C$21,0)+IF(Input!$D$22=3,M2703*Input!$C$22,0)</f>
        <v>0</v>
      </c>
      <c r="Q2703" s="75">
        <f>IF(Input!$D$19=4,J2703*Input!$C$19,0)+IF(Input!$D$20=4,K2703*Input!$C$20,0)+IF(Input!$D$21=4,L2703*Input!$C$21,0)+IF(Input!$D$22=4,M2703*Input!$C$22,0)</f>
        <v>0</v>
      </c>
      <c r="R2703" s="58">
        <v>60.675496228017302</v>
      </c>
      <c r="S2703" s="124">
        <f t="shared" si="42"/>
        <v>1.6751527604053376</v>
      </c>
    </row>
    <row r="2704" spans="8:19" x14ac:dyDescent="0.3">
      <c r="H2704" s="44">
        <v>2697</v>
      </c>
      <c r="I2704" s="56">
        <f>Bühler!I2730</f>
        <v>0.38657371393969331</v>
      </c>
      <c r="J2704" s="59">
        <f>Bühler!J2730</f>
        <v>1.2885790464656444</v>
      </c>
      <c r="K2704" s="59">
        <f>Bühler!K2730</f>
        <v>1.9328685696984664</v>
      </c>
      <c r="L2704" s="59">
        <f>Bühler!L2730</f>
        <v>9.2777691345526385</v>
      </c>
      <c r="M2704" s="58">
        <f>Bühler!M2730</f>
        <v>0</v>
      </c>
      <c r="N2704" s="56">
        <f>IF(Input!$D$19=1,J2704*Input!$C$19,0)+IF(Input!$D$20=1,K2704*Input!$C$20,0)+IF(Input!$D$21=1,L2704*Input!$C$21,0)+IF(Input!$D$22=1,M2704*Input!$C$22,0)</f>
        <v>0.38657371393969331</v>
      </c>
      <c r="O2704" s="59">
        <f>IF(Input!$D$19=2,J2704*Input!$C$19,0)+IF(Input!$D$20=2,K2704*Input!$C$20,0)+IF(Input!$D$21=2,L2704*Input!$C$21,0)+IF(Input!$D$22=2,M2704*Input!$C$22,0)</f>
        <v>0.96643428484923322</v>
      </c>
      <c r="P2704" s="59">
        <f>IF(Input!$D$19=3,J2704*Input!$C$19,0)+IF(Input!$D$20=3,K2704*Input!$C$20,0)+IF(Input!$D$21=3,L2704*Input!$C$21,0)+IF(Input!$D$22=3,M2704*Input!$C$22,0)</f>
        <v>0</v>
      </c>
      <c r="Q2704" s="75">
        <f>IF(Input!$D$19=4,J2704*Input!$C$19,0)+IF(Input!$D$20=4,K2704*Input!$C$20,0)+IF(Input!$D$21=4,L2704*Input!$C$21,0)+IF(Input!$D$22=4,M2704*Input!$C$22,0)</f>
        <v>0</v>
      </c>
      <c r="R2704" s="58">
        <v>62.303221281668797</v>
      </c>
      <c r="S2704" s="124">
        <f t="shared" si="42"/>
        <v>1.6751527604053376</v>
      </c>
    </row>
    <row r="2705" spans="8:19" x14ac:dyDescent="0.3">
      <c r="H2705" s="44">
        <v>2698</v>
      </c>
      <c r="I2705" s="56">
        <f>Bühler!I2731</f>
        <v>0.41278210132543519</v>
      </c>
      <c r="J2705" s="59">
        <f>Bühler!J2731</f>
        <v>1.3759403377514507</v>
      </c>
      <c r="K2705" s="59">
        <f>Bühler!K2731</f>
        <v>2.0639105066271761</v>
      </c>
      <c r="L2705" s="59">
        <f>Bühler!L2731</f>
        <v>9.906770431810445</v>
      </c>
      <c r="M2705" s="58">
        <f>Bühler!M2731</f>
        <v>0</v>
      </c>
      <c r="N2705" s="56">
        <f>IF(Input!$D$19=1,J2705*Input!$C$19,0)+IF(Input!$D$20=1,K2705*Input!$C$20,0)+IF(Input!$D$21=1,L2705*Input!$C$21,0)+IF(Input!$D$22=1,M2705*Input!$C$22,0)</f>
        <v>0.41278210132543519</v>
      </c>
      <c r="O2705" s="59">
        <f>IF(Input!$D$19=2,J2705*Input!$C$19,0)+IF(Input!$D$20=2,K2705*Input!$C$20,0)+IF(Input!$D$21=2,L2705*Input!$C$21,0)+IF(Input!$D$22=2,M2705*Input!$C$22,0)</f>
        <v>1.0319552533135881</v>
      </c>
      <c r="P2705" s="59">
        <f>IF(Input!$D$19=3,J2705*Input!$C$19,0)+IF(Input!$D$20=3,K2705*Input!$C$20,0)+IF(Input!$D$21=3,L2705*Input!$C$21,0)+IF(Input!$D$22=3,M2705*Input!$C$22,0)</f>
        <v>0</v>
      </c>
      <c r="Q2705" s="75">
        <f>IF(Input!$D$19=4,J2705*Input!$C$19,0)+IF(Input!$D$20=4,K2705*Input!$C$20,0)+IF(Input!$D$21=4,L2705*Input!$C$21,0)+IF(Input!$D$22=4,M2705*Input!$C$22,0)</f>
        <v>0</v>
      </c>
      <c r="R2705" s="58">
        <v>63.311656653241315</v>
      </c>
      <c r="S2705" s="124">
        <f t="shared" si="42"/>
        <v>1.7887224390768859</v>
      </c>
    </row>
    <row r="2706" spans="8:19" x14ac:dyDescent="0.3">
      <c r="H2706" s="44">
        <v>2699</v>
      </c>
      <c r="I2706" s="56">
        <f>Bühler!I2732</f>
        <v>0.41278210132543519</v>
      </c>
      <c r="J2706" s="59">
        <f>Bühler!J2732</f>
        <v>1.3759403377514507</v>
      </c>
      <c r="K2706" s="59">
        <f>Bühler!K2732</f>
        <v>2.0639105066271761</v>
      </c>
      <c r="L2706" s="59">
        <f>Bühler!L2732</f>
        <v>9.906770431810445</v>
      </c>
      <c r="M2706" s="58">
        <f>Bühler!M2732</f>
        <v>0</v>
      </c>
      <c r="N2706" s="56">
        <f>IF(Input!$D$19=1,J2706*Input!$C$19,0)+IF(Input!$D$20=1,K2706*Input!$C$20,0)+IF(Input!$D$21=1,L2706*Input!$C$21,0)+IF(Input!$D$22=1,M2706*Input!$C$22,0)</f>
        <v>0.41278210132543519</v>
      </c>
      <c r="O2706" s="59">
        <f>IF(Input!$D$19=2,J2706*Input!$C$19,0)+IF(Input!$D$20=2,K2706*Input!$C$20,0)+IF(Input!$D$21=2,L2706*Input!$C$21,0)+IF(Input!$D$22=2,M2706*Input!$C$22,0)</f>
        <v>1.0319552533135881</v>
      </c>
      <c r="P2706" s="59">
        <f>IF(Input!$D$19=3,J2706*Input!$C$19,0)+IF(Input!$D$20=3,K2706*Input!$C$20,0)+IF(Input!$D$21=3,L2706*Input!$C$21,0)+IF(Input!$D$22=3,M2706*Input!$C$22,0)</f>
        <v>0</v>
      </c>
      <c r="Q2706" s="75">
        <f>IF(Input!$D$19=4,J2706*Input!$C$19,0)+IF(Input!$D$20=4,K2706*Input!$C$20,0)+IF(Input!$D$21=4,L2706*Input!$C$21,0)+IF(Input!$D$22=4,M2706*Input!$C$22,0)</f>
        <v>0</v>
      </c>
      <c r="R2706" s="58">
        <v>64.531345160121759</v>
      </c>
      <c r="S2706" s="124">
        <f t="shared" si="42"/>
        <v>1.7887224390768859</v>
      </c>
    </row>
    <row r="2707" spans="8:19" x14ac:dyDescent="0.3">
      <c r="H2707" s="44">
        <v>2700</v>
      </c>
      <c r="I2707" s="56">
        <f>Bühler!I2733</f>
        <v>0.52416774771483832</v>
      </c>
      <c r="J2707" s="59">
        <f>Bühler!J2733</f>
        <v>1.7472258257161279</v>
      </c>
      <c r="K2707" s="59">
        <f>Bühler!K2733</f>
        <v>2.6208387385741916</v>
      </c>
      <c r="L2707" s="59">
        <f>Bühler!L2733</f>
        <v>12.58002594515612</v>
      </c>
      <c r="M2707" s="58">
        <f>Bühler!M2733</f>
        <v>0</v>
      </c>
      <c r="N2707" s="56">
        <f>IF(Input!$D$19=1,J2707*Input!$C$19,0)+IF(Input!$D$20=1,K2707*Input!$C$20,0)+IF(Input!$D$21=1,L2707*Input!$C$21,0)+IF(Input!$D$22=1,M2707*Input!$C$22,0)</f>
        <v>0.52416774771483832</v>
      </c>
      <c r="O2707" s="59">
        <f>IF(Input!$D$19=2,J2707*Input!$C$19,0)+IF(Input!$D$20=2,K2707*Input!$C$20,0)+IF(Input!$D$21=2,L2707*Input!$C$21,0)+IF(Input!$D$22=2,M2707*Input!$C$22,0)</f>
        <v>1.3104193692870958</v>
      </c>
      <c r="P2707" s="59">
        <f>IF(Input!$D$19=3,J2707*Input!$C$19,0)+IF(Input!$D$20=3,K2707*Input!$C$20,0)+IF(Input!$D$21=3,L2707*Input!$C$21,0)+IF(Input!$D$22=3,M2707*Input!$C$22,0)</f>
        <v>0</v>
      </c>
      <c r="Q2707" s="75">
        <f>IF(Input!$D$19=4,J2707*Input!$C$19,0)+IF(Input!$D$20=4,K2707*Input!$C$20,0)+IF(Input!$D$21=4,L2707*Input!$C$21,0)+IF(Input!$D$22=4,M2707*Input!$C$22,0)</f>
        <v>0</v>
      </c>
      <c r="R2707" s="58">
        <v>65.773505993446165</v>
      </c>
      <c r="S2707" s="124">
        <f t="shared" si="42"/>
        <v>2.2713935734309665</v>
      </c>
    </row>
    <row r="2708" spans="8:19" x14ac:dyDescent="0.3">
      <c r="H2708" s="44">
        <v>2701</v>
      </c>
      <c r="I2708" s="56">
        <f>Bühler!I2734</f>
        <v>0.52416774771483832</v>
      </c>
      <c r="J2708" s="59">
        <f>Bühler!J2734</f>
        <v>1.7472258257161279</v>
      </c>
      <c r="K2708" s="59">
        <f>Bühler!K2734</f>
        <v>2.6208387385741916</v>
      </c>
      <c r="L2708" s="59">
        <f>Bühler!L2734</f>
        <v>12.58002594515612</v>
      </c>
      <c r="M2708" s="58">
        <f>Bühler!M2734</f>
        <v>0</v>
      </c>
      <c r="N2708" s="56">
        <f>IF(Input!$D$19=1,J2708*Input!$C$19,0)+IF(Input!$D$20=1,K2708*Input!$C$20,0)+IF(Input!$D$21=1,L2708*Input!$C$21,0)+IF(Input!$D$22=1,M2708*Input!$C$22,0)</f>
        <v>0.52416774771483832</v>
      </c>
      <c r="O2708" s="59">
        <f>IF(Input!$D$19=2,J2708*Input!$C$19,0)+IF(Input!$D$20=2,K2708*Input!$C$20,0)+IF(Input!$D$21=2,L2708*Input!$C$21,0)+IF(Input!$D$22=2,M2708*Input!$C$22,0)</f>
        <v>1.3104193692870958</v>
      </c>
      <c r="P2708" s="59">
        <f>IF(Input!$D$19=3,J2708*Input!$C$19,0)+IF(Input!$D$20=3,K2708*Input!$C$20,0)+IF(Input!$D$21=3,L2708*Input!$C$21,0)+IF(Input!$D$22=3,M2708*Input!$C$22,0)</f>
        <v>0</v>
      </c>
      <c r="Q2708" s="75">
        <f>IF(Input!$D$19=4,J2708*Input!$C$19,0)+IF(Input!$D$20=4,K2708*Input!$C$20,0)+IF(Input!$D$21=4,L2708*Input!$C$21,0)+IF(Input!$D$22=4,M2708*Input!$C$22,0)</f>
        <v>0</v>
      </c>
      <c r="R2708" s="58">
        <v>65.162110469590573</v>
      </c>
      <c r="S2708" s="124">
        <f t="shared" si="42"/>
        <v>2.2713935734309665</v>
      </c>
    </row>
    <row r="2709" spans="8:19" x14ac:dyDescent="0.3">
      <c r="H2709" s="44">
        <v>2702</v>
      </c>
      <c r="I2709" s="56">
        <f>Bühler!I2735</f>
        <v>0.3472611328610804</v>
      </c>
      <c r="J2709" s="59">
        <f>Bühler!J2735</f>
        <v>1.1575371095369347</v>
      </c>
      <c r="K2709" s="59">
        <f>Bühler!K2735</f>
        <v>1.736305664305402</v>
      </c>
      <c r="L2709" s="59">
        <f>Bühler!L2735</f>
        <v>8.3342671886659296</v>
      </c>
      <c r="M2709" s="58">
        <f>Bühler!M2735</f>
        <v>0</v>
      </c>
      <c r="N2709" s="56">
        <f>IF(Input!$D$19=1,J2709*Input!$C$19,0)+IF(Input!$D$20=1,K2709*Input!$C$20,0)+IF(Input!$D$21=1,L2709*Input!$C$21,0)+IF(Input!$D$22=1,M2709*Input!$C$22,0)</f>
        <v>0.3472611328610804</v>
      </c>
      <c r="O2709" s="59">
        <f>IF(Input!$D$19=2,J2709*Input!$C$19,0)+IF(Input!$D$20=2,K2709*Input!$C$20,0)+IF(Input!$D$21=2,L2709*Input!$C$21,0)+IF(Input!$D$22=2,M2709*Input!$C$22,0)</f>
        <v>0.868152832152701</v>
      </c>
      <c r="P2709" s="59">
        <f>IF(Input!$D$19=3,J2709*Input!$C$19,0)+IF(Input!$D$20=3,K2709*Input!$C$20,0)+IF(Input!$D$21=3,L2709*Input!$C$21,0)+IF(Input!$D$22=3,M2709*Input!$C$22,0)</f>
        <v>0</v>
      </c>
      <c r="Q2709" s="75">
        <f>IF(Input!$D$19=4,J2709*Input!$C$19,0)+IF(Input!$D$20=4,K2709*Input!$C$20,0)+IF(Input!$D$21=4,L2709*Input!$C$21,0)+IF(Input!$D$22=4,M2709*Input!$C$22,0)</f>
        <v>0</v>
      </c>
      <c r="R2709" s="58">
        <v>65.191488598218683</v>
      </c>
      <c r="S2709" s="124">
        <f t="shared" si="42"/>
        <v>1.5047982423980151</v>
      </c>
    </row>
    <row r="2710" spans="8:19" x14ac:dyDescent="0.3">
      <c r="H2710" s="44">
        <v>2703</v>
      </c>
      <c r="I2710" s="56">
        <f>Bühler!I2736</f>
        <v>0.52416774771483832</v>
      </c>
      <c r="J2710" s="59">
        <f>Bühler!J2736</f>
        <v>1.7472258257161279</v>
      </c>
      <c r="K2710" s="59">
        <f>Bühler!K2736</f>
        <v>2.6208387385741916</v>
      </c>
      <c r="L2710" s="59">
        <f>Bühler!L2736</f>
        <v>12.58002594515612</v>
      </c>
      <c r="M2710" s="58">
        <f>Bühler!M2736</f>
        <v>0</v>
      </c>
      <c r="N2710" s="56">
        <f>IF(Input!$D$19=1,J2710*Input!$C$19,0)+IF(Input!$D$20=1,K2710*Input!$C$20,0)+IF(Input!$D$21=1,L2710*Input!$C$21,0)+IF(Input!$D$22=1,M2710*Input!$C$22,0)</f>
        <v>0.52416774771483832</v>
      </c>
      <c r="O2710" s="59">
        <f>IF(Input!$D$19=2,J2710*Input!$C$19,0)+IF(Input!$D$20=2,K2710*Input!$C$20,0)+IF(Input!$D$21=2,L2710*Input!$C$21,0)+IF(Input!$D$22=2,M2710*Input!$C$22,0)</f>
        <v>1.3104193692870958</v>
      </c>
      <c r="P2710" s="59">
        <f>IF(Input!$D$19=3,J2710*Input!$C$19,0)+IF(Input!$D$20=3,K2710*Input!$C$20,0)+IF(Input!$D$21=3,L2710*Input!$C$21,0)+IF(Input!$D$22=3,M2710*Input!$C$22,0)</f>
        <v>0</v>
      </c>
      <c r="Q2710" s="75">
        <f>IF(Input!$D$19=4,J2710*Input!$C$19,0)+IF(Input!$D$20=4,K2710*Input!$C$20,0)+IF(Input!$D$21=4,L2710*Input!$C$21,0)+IF(Input!$D$22=4,M2710*Input!$C$22,0)</f>
        <v>0</v>
      </c>
      <c r="R2710" s="58">
        <v>65.23592729503531</v>
      </c>
      <c r="S2710" s="124">
        <f t="shared" si="42"/>
        <v>2.2713935734309665</v>
      </c>
    </row>
    <row r="2711" spans="8:19" x14ac:dyDescent="0.3">
      <c r="H2711" s="44">
        <v>2704</v>
      </c>
      <c r="I2711" s="56">
        <f>Bühler!I2737</f>
        <v>0.52416774771483832</v>
      </c>
      <c r="J2711" s="59">
        <f>Bühler!J2737</f>
        <v>1.7472258257161279</v>
      </c>
      <c r="K2711" s="59">
        <f>Bühler!K2737</f>
        <v>2.6208387385741916</v>
      </c>
      <c r="L2711" s="59">
        <f>Bühler!L2737</f>
        <v>12.58002594515612</v>
      </c>
      <c r="M2711" s="58">
        <f>Bühler!M2737</f>
        <v>0</v>
      </c>
      <c r="N2711" s="56">
        <f>IF(Input!$D$19=1,J2711*Input!$C$19,0)+IF(Input!$D$20=1,K2711*Input!$C$20,0)+IF(Input!$D$21=1,L2711*Input!$C$21,0)+IF(Input!$D$22=1,M2711*Input!$C$22,0)</f>
        <v>0.52416774771483832</v>
      </c>
      <c r="O2711" s="59">
        <f>IF(Input!$D$19=2,J2711*Input!$C$19,0)+IF(Input!$D$20=2,K2711*Input!$C$20,0)+IF(Input!$D$21=2,L2711*Input!$C$21,0)+IF(Input!$D$22=2,M2711*Input!$C$22,0)</f>
        <v>1.3104193692870958</v>
      </c>
      <c r="P2711" s="59">
        <f>IF(Input!$D$19=3,J2711*Input!$C$19,0)+IF(Input!$D$20=3,K2711*Input!$C$20,0)+IF(Input!$D$21=3,L2711*Input!$C$21,0)+IF(Input!$D$22=3,M2711*Input!$C$22,0)</f>
        <v>0</v>
      </c>
      <c r="Q2711" s="75">
        <f>IF(Input!$D$19=4,J2711*Input!$C$19,0)+IF(Input!$D$20=4,K2711*Input!$C$20,0)+IF(Input!$D$21=4,L2711*Input!$C$21,0)+IF(Input!$D$22=4,M2711*Input!$C$22,0)</f>
        <v>0</v>
      </c>
      <c r="R2711" s="58">
        <v>65.299376375269105</v>
      </c>
      <c r="S2711" s="124">
        <f t="shared" si="42"/>
        <v>2.2713935734309665</v>
      </c>
    </row>
    <row r="2712" spans="8:19" x14ac:dyDescent="0.3">
      <c r="H2712" s="44">
        <v>2705</v>
      </c>
      <c r="I2712" s="56">
        <f>Bühler!I2738</f>
        <v>0.52416774771483832</v>
      </c>
      <c r="J2712" s="59">
        <f>Bühler!J2738</f>
        <v>1.7472258257161279</v>
      </c>
      <c r="K2712" s="59">
        <f>Bühler!K2738</f>
        <v>2.6208387385741916</v>
      </c>
      <c r="L2712" s="59">
        <f>Bühler!L2738</f>
        <v>12.58002594515612</v>
      </c>
      <c r="M2712" s="58">
        <f>Bühler!M2738</f>
        <v>0</v>
      </c>
      <c r="N2712" s="56">
        <f>IF(Input!$D$19=1,J2712*Input!$C$19,0)+IF(Input!$D$20=1,K2712*Input!$C$20,0)+IF(Input!$D$21=1,L2712*Input!$C$21,0)+IF(Input!$D$22=1,M2712*Input!$C$22,0)</f>
        <v>0.52416774771483832</v>
      </c>
      <c r="O2712" s="59">
        <f>IF(Input!$D$19=2,J2712*Input!$C$19,0)+IF(Input!$D$20=2,K2712*Input!$C$20,0)+IF(Input!$D$21=2,L2712*Input!$C$21,0)+IF(Input!$D$22=2,M2712*Input!$C$22,0)</f>
        <v>1.3104193692870958</v>
      </c>
      <c r="P2712" s="59">
        <f>IF(Input!$D$19=3,J2712*Input!$C$19,0)+IF(Input!$D$20=3,K2712*Input!$C$20,0)+IF(Input!$D$21=3,L2712*Input!$C$21,0)+IF(Input!$D$22=3,M2712*Input!$C$22,0)</f>
        <v>0</v>
      </c>
      <c r="Q2712" s="75">
        <f>IF(Input!$D$19=4,J2712*Input!$C$19,0)+IF(Input!$D$20=4,K2712*Input!$C$20,0)+IF(Input!$D$21=4,L2712*Input!$C$21,0)+IF(Input!$D$22=4,M2712*Input!$C$22,0)</f>
        <v>0</v>
      </c>
      <c r="R2712" s="58">
        <v>64.667322344926333</v>
      </c>
      <c r="S2712" s="124">
        <f t="shared" si="42"/>
        <v>2.2713935734309665</v>
      </c>
    </row>
    <row r="2713" spans="8:19" x14ac:dyDescent="0.3">
      <c r="H2713" s="44">
        <v>2706</v>
      </c>
      <c r="I2713" s="56">
        <f>Bühler!I2739</f>
        <v>0.52416774771483832</v>
      </c>
      <c r="J2713" s="59">
        <f>Bühler!J2739</f>
        <v>1.7472258257161279</v>
      </c>
      <c r="K2713" s="59">
        <f>Bühler!K2739</f>
        <v>2.6208387385741916</v>
      </c>
      <c r="L2713" s="59">
        <f>Bühler!L2739</f>
        <v>12.58002594515612</v>
      </c>
      <c r="M2713" s="58">
        <f>Bühler!M2739</f>
        <v>0</v>
      </c>
      <c r="N2713" s="56">
        <f>IF(Input!$D$19=1,J2713*Input!$C$19,0)+IF(Input!$D$20=1,K2713*Input!$C$20,0)+IF(Input!$D$21=1,L2713*Input!$C$21,0)+IF(Input!$D$22=1,M2713*Input!$C$22,0)</f>
        <v>0.52416774771483832</v>
      </c>
      <c r="O2713" s="59">
        <f>IF(Input!$D$19=2,J2713*Input!$C$19,0)+IF(Input!$D$20=2,K2713*Input!$C$20,0)+IF(Input!$D$21=2,L2713*Input!$C$21,0)+IF(Input!$D$22=2,M2713*Input!$C$22,0)</f>
        <v>1.3104193692870958</v>
      </c>
      <c r="P2713" s="59">
        <f>IF(Input!$D$19=3,J2713*Input!$C$19,0)+IF(Input!$D$20=3,K2713*Input!$C$20,0)+IF(Input!$D$21=3,L2713*Input!$C$21,0)+IF(Input!$D$22=3,M2713*Input!$C$22,0)</f>
        <v>0</v>
      </c>
      <c r="Q2713" s="75">
        <f>IF(Input!$D$19=4,J2713*Input!$C$19,0)+IF(Input!$D$20=4,K2713*Input!$C$20,0)+IF(Input!$D$21=4,L2713*Input!$C$21,0)+IF(Input!$D$22=4,M2713*Input!$C$22,0)</f>
        <v>0</v>
      </c>
      <c r="R2713" s="58">
        <v>63.580966619789677</v>
      </c>
      <c r="S2713" s="124">
        <f t="shared" si="42"/>
        <v>2.2713935734309665</v>
      </c>
    </row>
    <row r="2714" spans="8:19" x14ac:dyDescent="0.3">
      <c r="H2714" s="44">
        <v>2707</v>
      </c>
      <c r="I2714" s="56">
        <f>Bühler!I2740</f>
        <v>0.52416774771483832</v>
      </c>
      <c r="J2714" s="59">
        <f>Bühler!J2740</f>
        <v>1.7472258257161279</v>
      </c>
      <c r="K2714" s="59">
        <f>Bühler!K2740</f>
        <v>2.6208387385741916</v>
      </c>
      <c r="L2714" s="59">
        <f>Bühler!L2740</f>
        <v>12.58002594515612</v>
      </c>
      <c r="M2714" s="58">
        <f>Bühler!M2740</f>
        <v>0</v>
      </c>
      <c r="N2714" s="56">
        <f>IF(Input!$D$19=1,J2714*Input!$C$19,0)+IF(Input!$D$20=1,K2714*Input!$C$20,0)+IF(Input!$D$21=1,L2714*Input!$C$21,0)+IF(Input!$D$22=1,M2714*Input!$C$22,0)</f>
        <v>0.52416774771483832</v>
      </c>
      <c r="O2714" s="59">
        <f>IF(Input!$D$19=2,J2714*Input!$C$19,0)+IF(Input!$D$20=2,K2714*Input!$C$20,0)+IF(Input!$D$21=2,L2714*Input!$C$21,0)+IF(Input!$D$22=2,M2714*Input!$C$22,0)</f>
        <v>1.3104193692870958</v>
      </c>
      <c r="P2714" s="59">
        <f>IF(Input!$D$19=3,J2714*Input!$C$19,0)+IF(Input!$D$20=3,K2714*Input!$C$20,0)+IF(Input!$D$21=3,L2714*Input!$C$21,0)+IF(Input!$D$22=3,M2714*Input!$C$22,0)</f>
        <v>0</v>
      </c>
      <c r="Q2714" s="75">
        <f>IF(Input!$D$19=4,J2714*Input!$C$19,0)+IF(Input!$D$20=4,K2714*Input!$C$20,0)+IF(Input!$D$21=4,L2714*Input!$C$21,0)+IF(Input!$D$22=4,M2714*Input!$C$22,0)</f>
        <v>0</v>
      </c>
      <c r="R2714" s="58">
        <v>62.606506661288833</v>
      </c>
      <c r="S2714" s="124">
        <f t="shared" si="42"/>
        <v>2.2713935734309665</v>
      </c>
    </row>
    <row r="2715" spans="8:19" x14ac:dyDescent="0.3">
      <c r="H2715" s="44">
        <v>2708</v>
      </c>
      <c r="I2715" s="56">
        <f>Bühler!I2741</f>
        <v>0.43899048871117713</v>
      </c>
      <c r="J2715" s="59">
        <f>Bühler!J2741</f>
        <v>1.4633016290372574</v>
      </c>
      <c r="K2715" s="59">
        <f>Bühler!K2741</f>
        <v>2.1949524435558856</v>
      </c>
      <c r="L2715" s="59">
        <f>Bühler!L2741</f>
        <v>10.535771729068252</v>
      </c>
      <c r="M2715" s="58">
        <f>Bühler!M2741</f>
        <v>0</v>
      </c>
      <c r="N2715" s="56">
        <f>IF(Input!$D$19=1,J2715*Input!$C$19,0)+IF(Input!$D$20=1,K2715*Input!$C$20,0)+IF(Input!$D$21=1,L2715*Input!$C$21,0)+IF(Input!$D$22=1,M2715*Input!$C$22,0)</f>
        <v>0.43899048871117718</v>
      </c>
      <c r="O2715" s="59">
        <f>IF(Input!$D$19=2,J2715*Input!$C$19,0)+IF(Input!$D$20=2,K2715*Input!$C$20,0)+IF(Input!$D$21=2,L2715*Input!$C$21,0)+IF(Input!$D$22=2,M2715*Input!$C$22,0)</f>
        <v>1.0974762217779428</v>
      </c>
      <c r="P2715" s="59">
        <f>IF(Input!$D$19=3,J2715*Input!$C$19,0)+IF(Input!$D$20=3,K2715*Input!$C$20,0)+IF(Input!$D$21=3,L2715*Input!$C$21,0)+IF(Input!$D$22=3,M2715*Input!$C$22,0)</f>
        <v>0</v>
      </c>
      <c r="Q2715" s="75">
        <f>IF(Input!$D$19=4,J2715*Input!$C$19,0)+IF(Input!$D$20=4,K2715*Input!$C$20,0)+IF(Input!$D$21=4,L2715*Input!$C$21,0)+IF(Input!$D$22=4,M2715*Input!$C$22,0)</f>
        <v>0</v>
      </c>
      <c r="R2715" s="58">
        <v>61.659213970493603</v>
      </c>
      <c r="S2715" s="124">
        <f t="shared" si="42"/>
        <v>1.9022921177484344</v>
      </c>
    </row>
    <row r="2716" spans="8:19" x14ac:dyDescent="0.3">
      <c r="H2716" s="44">
        <v>2709</v>
      </c>
      <c r="I2716" s="56">
        <f>Bühler!I2742</f>
        <v>0.36036532655395137</v>
      </c>
      <c r="J2716" s="59">
        <f>Bühler!J2742</f>
        <v>1.201217755179838</v>
      </c>
      <c r="K2716" s="59">
        <f>Bühler!K2742</f>
        <v>1.8018266327697567</v>
      </c>
      <c r="L2716" s="59">
        <f>Bühler!L2742</f>
        <v>8.648767837294832</v>
      </c>
      <c r="M2716" s="58">
        <f>Bühler!M2742</f>
        <v>0</v>
      </c>
      <c r="N2716" s="56">
        <f>IF(Input!$D$19=1,J2716*Input!$C$19,0)+IF(Input!$D$20=1,K2716*Input!$C$20,0)+IF(Input!$D$21=1,L2716*Input!$C$21,0)+IF(Input!$D$22=1,M2716*Input!$C$22,0)</f>
        <v>0.36036532655395137</v>
      </c>
      <c r="O2716" s="59">
        <f>IF(Input!$D$19=2,J2716*Input!$C$19,0)+IF(Input!$D$20=2,K2716*Input!$C$20,0)+IF(Input!$D$21=2,L2716*Input!$C$21,0)+IF(Input!$D$22=2,M2716*Input!$C$22,0)</f>
        <v>0.90091331638487837</v>
      </c>
      <c r="P2716" s="59">
        <f>IF(Input!$D$19=3,J2716*Input!$C$19,0)+IF(Input!$D$20=3,K2716*Input!$C$20,0)+IF(Input!$D$21=3,L2716*Input!$C$21,0)+IF(Input!$D$22=3,M2716*Input!$C$22,0)</f>
        <v>0</v>
      </c>
      <c r="Q2716" s="75">
        <f>IF(Input!$D$19=4,J2716*Input!$C$19,0)+IF(Input!$D$20=4,K2716*Input!$C$20,0)+IF(Input!$D$21=4,L2716*Input!$C$21,0)+IF(Input!$D$22=4,M2716*Input!$C$22,0)</f>
        <v>0</v>
      </c>
      <c r="R2716" s="58">
        <v>59.715766601142263</v>
      </c>
      <c r="S2716" s="124">
        <f t="shared" si="42"/>
        <v>1.5615830817337892</v>
      </c>
    </row>
    <row r="2717" spans="8:19" x14ac:dyDescent="0.3">
      <c r="H2717" s="44">
        <v>2710</v>
      </c>
      <c r="I2717" s="56">
        <f>Bühler!I2743</f>
        <v>0.26208387385741916</v>
      </c>
      <c r="J2717" s="59">
        <f>Bühler!J2743</f>
        <v>0.87361291285806397</v>
      </c>
      <c r="K2717" s="59">
        <f>Bühler!K2743</f>
        <v>1.3104193692870958</v>
      </c>
      <c r="L2717" s="59">
        <f>Bühler!L2743</f>
        <v>6.2900129725780598</v>
      </c>
      <c r="M2717" s="58">
        <f>Bühler!M2743</f>
        <v>0</v>
      </c>
      <c r="N2717" s="56">
        <f>IF(Input!$D$19=1,J2717*Input!$C$19,0)+IF(Input!$D$20=1,K2717*Input!$C$20,0)+IF(Input!$D$21=1,L2717*Input!$C$21,0)+IF(Input!$D$22=1,M2717*Input!$C$22,0)</f>
        <v>0.26208387385741916</v>
      </c>
      <c r="O2717" s="59">
        <f>IF(Input!$D$19=2,J2717*Input!$C$19,0)+IF(Input!$D$20=2,K2717*Input!$C$20,0)+IF(Input!$D$21=2,L2717*Input!$C$21,0)+IF(Input!$D$22=2,M2717*Input!$C$22,0)</f>
        <v>0.6552096846435479</v>
      </c>
      <c r="P2717" s="59">
        <f>IF(Input!$D$19=3,J2717*Input!$C$19,0)+IF(Input!$D$20=3,K2717*Input!$C$20,0)+IF(Input!$D$21=3,L2717*Input!$C$21,0)+IF(Input!$D$22=3,M2717*Input!$C$22,0)</f>
        <v>0</v>
      </c>
      <c r="Q2717" s="75">
        <f>IF(Input!$D$19=4,J2717*Input!$C$19,0)+IF(Input!$D$20=4,K2717*Input!$C$20,0)+IF(Input!$D$21=4,L2717*Input!$C$21,0)+IF(Input!$D$22=4,M2717*Input!$C$22,0)</f>
        <v>0</v>
      </c>
      <c r="R2717" s="58">
        <v>58.826020647016762</v>
      </c>
      <c r="S2717" s="124">
        <f t="shared" si="42"/>
        <v>1.1356967867154832</v>
      </c>
    </row>
    <row r="2718" spans="8:19" x14ac:dyDescent="0.3">
      <c r="H2718" s="44">
        <v>2711</v>
      </c>
      <c r="I2718" s="56">
        <f>Bühler!I2744</f>
        <v>0.24897968016454822</v>
      </c>
      <c r="J2718" s="59">
        <f>Bühler!J2744</f>
        <v>0.82993226721516078</v>
      </c>
      <c r="K2718" s="59">
        <f>Bühler!K2744</f>
        <v>1.2448984008227411</v>
      </c>
      <c r="L2718" s="59">
        <f>Bühler!L2744</f>
        <v>5.9755123239491574</v>
      </c>
      <c r="M2718" s="58">
        <f>Bühler!M2744</f>
        <v>0</v>
      </c>
      <c r="N2718" s="56">
        <f>IF(Input!$D$19=1,J2718*Input!$C$19,0)+IF(Input!$D$20=1,K2718*Input!$C$20,0)+IF(Input!$D$21=1,L2718*Input!$C$21,0)+IF(Input!$D$22=1,M2718*Input!$C$22,0)</f>
        <v>0.24897968016454822</v>
      </c>
      <c r="O2718" s="59">
        <f>IF(Input!$D$19=2,J2718*Input!$C$19,0)+IF(Input!$D$20=2,K2718*Input!$C$20,0)+IF(Input!$D$21=2,L2718*Input!$C$21,0)+IF(Input!$D$22=2,M2718*Input!$C$22,0)</f>
        <v>0.62244920041137053</v>
      </c>
      <c r="P2718" s="59">
        <f>IF(Input!$D$19=3,J2718*Input!$C$19,0)+IF(Input!$D$20=3,K2718*Input!$C$20,0)+IF(Input!$D$21=3,L2718*Input!$C$21,0)+IF(Input!$D$22=3,M2718*Input!$C$22,0)</f>
        <v>0</v>
      </c>
      <c r="Q2718" s="75">
        <f>IF(Input!$D$19=4,J2718*Input!$C$19,0)+IF(Input!$D$20=4,K2718*Input!$C$20,0)+IF(Input!$D$21=4,L2718*Input!$C$21,0)+IF(Input!$D$22=4,M2718*Input!$C$22,0)</f>
        <v>0</v>
      </c>
      <c r="R2718" s="58">
        <v>58.157461285949651</v>
      </c>
      <c r="S2718" s="124">
        <f t="shared" si="42"/>
        <v>1.0789119473797091</v>
      </c>
    </row>
    <row r="2719" spans="8:19" x14ac:dyDescent="0.3">
      <c r="H2719" s="44">
        <v>2712</v>
      </c>
      <c r="I2719" s="56">
        <f>Bühler!I2745</f>
        <v>0.24897968016454822</v>
      </c>
      <c r="J2719" s="59">
        <f>Bühler!J2745</f>
        <v>0.82993226721516078</v>
      </c>
      <c r="K2719" s="59">
        <f>Bühler!K2745</f>
        <v>1.2448984008227411</v>
      </c>
      <c r="L2719" s="59">
        <f>Bühler!L2745</f>
        <v>5.9755123239491574</v>
      </c>
      <c r="M2719" s="58">
        <f>Bühler!M2745</f>
        <v>0</v>
      </c>
      <c r="N2719" s="56">
        <f>IF(Input!$D$19=1,J2719*Input!$C$19,0)+IF(Input!$D$20=1,K2719*Input!$C$20,0)+IF(Input!$D$21=1,L2719*Input!$C$21,0)+IF(Input!$D$22=1,M2719*Input!$C$22,0)</f>
        <v>0.24897968016454822</v>
      </c>
      <c r="O2719" s="59">
        <f>IF(Input!$D$19=2,J2719*Input!$C$19,0)+IF(Input!$D$20=2,K2719*Input!$C$20,0)+IF(Input!$D$21=2,L2719*Input!$C$21,0)+IF(Input!$D$22=2,M2719*Input!$C$22,0)</f>
        <v>0.62244920041137053</v>
      </c>
      <c r="P2719" s="59">
        <f>IF(Input!$D$19=3,J2719*Input!$C$19,0)+IF(Input!$D$20=3,K2719*Input!$C$20,0)+IF(Input!$D$21=3,L2719*Input!$C$21,0)+IF(Input!$D$22=3,M2719*Input!$C$22,0)</f>
        <v>0</v>
      </c>
      <c r="Q2719" s="75">
        <f>IF(Input!$D$19=4,J2719*Input!$C$19,0)+IF(Input!$D$20=4,K2719*Input!$C$20,0)+IF(Input!$D$21=4,L2719*Input!$C$21,0)+IF(Input!$D$22=4,M2719*Input!$C$22,0)</f>
        <v>0</v>
      </c>
      <c r="R2719" s="58">
        <v>57.425870244677959</v>
      </c>
      <c r="S2719" s="124">
        <f t="shared" si="42"/>
        <v>1.0789119473797091</v>
      </c>
    </row>
    <row r="2720" spans="8:19" x14ac:dyDescent="0.3">
      <c r="H2720" s="44">
        <v>2713</v>
      </c>
      <c r="I2720" s="56">
        <f>Bühler!I2746</f>
        <v>0.22726390809693608</v>
      </c>
      <c r="J2720" s="59">
        <f>Bühler!J2746</f>
        <v>0.75754636032312028</v>
      </c>
      <c r="K2720" s="59">
        <f>Bühler!K2746</f>
        <v>1.1363195404846804</v>
      </c>
      <c r="L2720" s="59">
        <f>Bühler!L2746</f>
        <v>5.454333794326466</v>
      </c>
      <c r="M2720" s="58">
        <f>Bühler!M2746</f>
        <v>0</v>
      </c>
      <c r="N2720" s="56">
        <f>IF(Input!$D$19=1,J2720*Input!$C$19,0)+IF(Input!$D$20=1,K2720*Input!$C$20,0)+IF(Input!$D$21=1,L2720*Input!$C$21,0)+IF(Input!$D$22=1,M2720*Input!$C$22,0)</f>
        <v>0.22726390809693608</v>
      </c>
      <c r="O2720" s="59">
        <f>IF(Input!$D$19=2,J2720*Input!$C$19,0)+IF(Input!$D$20=2,K2720*Input!$C$20,0)+IF(Input!$D$21=2,L2720*Input!$C$21,0)+IF(Input!$D$22=2,M2720*Input!$C$22,0)</f>
        <v>0.56815977024234021</v>
      </c>
      <c r="P2720" s="59">
        <f>IF(Input!$D$19=3,J2720*Input!$C$19,0)+IF(Input!$D$20=3,K2720*Input!$C$20,0)+IF(Input!$D$21=3,L2720*Input!$C$21,0)+IF(Input!$D$22=3,M2720*Input!$C$22,0)</f>
        <v>0</v>
      </c>
      <c r="Q2720" s="75">
        <f>IF(Input!$D$19=4,J2720*Input!$C$19,0)+IF(Input!$D$20=4,K2720*Input!$C$20,0)+IF(Input!$D$21=4,L2720*Input!$C$21,0)+IF(Input!$D$22=4,M2720*Input!$C$22,0)</f>
        <v>0</v>
      </c>
      <c r="R2720" s="58">
        <v>56.548241758013525</v>
      </c>
      <c r="S2720" s="124">
        <f t="shared" si="42"/>
        <v>0.98481026842005637</v>
      </c>
    </row>
    <row r="2721" spans="8:19" x14ac:dyDescent="0.3">
      <c r="H2721" s="44">
        <v>2714</v>
      </c>
      <c r="I2721" s="56">
        <f>Bühler!I2747</f>
        <v>0.22726390809693608</v>
      </c>
      <c r="J2721" s="59">
        <f>Bühler!J2747</f>
        <v>0.75754636032312028</v>
      </c>
      <c r="K2721" s="59">
        <f>Bühler!K2747</f>
        <v>1.1363195404846804</v>
      </c>
      <c r="L2721" s="59">
        <f>Bühler!L2747</f>
        <v>5.454333794326466</v>
      </c>
      <c r="M2721" s="58">
        <f>Bühler!M2747</f>
        <v>0</v>
      </c>
      <c r="N2721" s="56">
        <f>IF(Input!$D$19=1,J2721*Input!$C$19,0)+IF(Input!$D$20=1,K2721*Input!$C$20,0)+IF(Input!$D$21=1,L2721*Input!$C$21,0)+IF(Input!$D$22=1,M2721*Input!$C$22,0)</f>
        <v>0.22726390809693608</v>
      </c>
      <c r="O2721" s="59">
        <f>IF(Input!$D$19=2,J2721*Input!$C$19,0)+IF(Input!$D$20=2,K2721*Input!$C$20,0)+IF(Input!$D$21=2,L2721*Input!$C$21,0)+IF(Input!$D$22=2,M2721*Input!$C$22,0)</f>
        <v>0.56815977024234021</v>
      </c>
      <c r="P2721" s="59">
        <f>IF(Input!$D$19=3,J2721*Input!$C$19,0)+IF(Input!$D$20=3,K2721*Input!$C$20,0)+IF(Input!$D$21=3,L2721*Input!$C$21,0)+IF(Input!$D$22=3,M2721*Input!$C$22,0)</f>
        <v>0</v>
      </c>
      <c r="Q2721" s="75">
        <f>IF(Input!$D$19=4,J2721*Input!$C$19,0)+IF(Input!$D$20=4,K2721*Input!$C$20,0)+IF(Input!$D$21=4,L2721*Input!$C$21,0)+IF(Input!$D$22=4,M2721*Input!$C$22,0)</f>
        <v>0</v>
      </c>
      <c r="R2721" s="58">
        <v>56.189046781098661</v>
      </c>
      <c r="S2721" s="124">
        <f t="shared" si="42"/>
        <v>0.98481026842005637</v>
      </c>
    </row>
    <row r="2722" spans="8:19" x14ac:dyDescent="0.3">
      <c r="H2722" s="44">
        <v>2715</v>
      </c>
      <c r="I2722" s="56">
        <f>Bühler!I2748</f>
        <v>0.22726390809693608</v>
      </c>
      <c r="J2722" s="59">
        <f>Bühler!J2748</f>
        <v>0.75754636032312028</v>
      </c>
      <c r="K2722" s="59">
        <f>Bühler!K2748</f>
        <v>1.1363195404846804</v>
      </c>
      <c r="L2722" s="59">
        <f>Bühler!L2748</f>
        <v>5.454333794326466</v>
      </c>
      <c r="M2722" s="58">
        <f>Bühler!M2748</f>
        <v>0</v>
      </c>
      <c r="N2722" s="56">
        <f>IF(Input!$D$19=1,J2722*Input!$C$19,0)+IF(Input!$D$20=1,K2722*Input!$C$20,0)+IF(Input!$D$21=1,L2722*Input!$C$21,0)+IF(Input!$D$22=1,M2722*Input!$C$22,0)</f>
        <v>0.22726390809693608</v>
      </c>
      <c r="O2722" s="59">
        <f>IF(Input!$D$19=2,J2722*Input!$C$19,0)+IF(Input!$D$20=2,K2722*Input!$C$20,0)+IF(Input!$D$21=2,L2722*Input!$C$21,0)+IF(Input!$D$22=2,M2722*Input!$C$22,0)</f>
        <v>0.56815977024234021</v>
      </c>
      <c r="P2722" s="59">
        <f>IF(Input!$D$19=3,J2722*Input!$C$19,0)+IF(Input!$D$20=3,K2722*Input!$C$20,0)+IF(Input!$D$21=3,L2722*Input!$C$21,0)+IF(Input!$D$22=3,M2722*Input!$C$22,0)</f>
        <v>0</v>
      </c>
      <c r="Q2722" s="75">
        <f>IF(Input!$D$19=4,J2722*Input!$C$19,0)+IF(Input!$D$20=4,K2722*Input!$C$20,0)+IF(Input!$D$21=4,L2722*Input!$C$21,0)+IF(Input!$D$22=4,M2722*Input!$C$22,0)</f>
        <v>0</v>
      </c>
      <c r="R2722" s="58">
        <v>56.270661245545703</v>
      </c>
      <c r="S2722" s="124">
        <f t="shared" si="42"/>
        <v>0.98481026842005637</v>
      </c>
    </row>
    <row r="2723" spans="8:19" x14ac:dyDescent="0.3">
      <c r="H2723" s="44">
        <v>2716</v>
      </c>
      <c r="I2723" s="56">
        <f>Bühler!I2749</f>
        <v>0.22726390809693608</v>
      </c>
      <c r="J2723" s="59">
        <f>Bühler!J2749</f>
        <v>0.75754636032312028</v>
      </c>
      <c r="K2723" s="59">
        <f>Bühler!K2749</f>
        <v>1.1363195404846804</v>
      </c>
      <c r="L2723" s="59">
        <f>Bühler!L2749</f>
        <v>5.454333794326466</v>
      </c>
      <c r="M2723" s="58">
        <f>Bühler!M2749</f>
        <v>0</v>
      </c>
      <c r="N2723" s="56">
        <f>IF(Input!$D$19=1,J2723*Input!$C$19,0)+IF(Input!$D$20=1,K2723*Input!$C$20,0)+IF(Input!$D$21=1,L2723*Input!$C$21,0)+IF(Input!$D$22=1,M2723*Input!$C$22,0)</f>
        <v>0.22726390809693608</v>
      </c>
      <c r="O2723" s="59">
        <f>IF(Input!$D$19=2,J2723*Input!$C$19,0)+IF(Input!$D$20=2,K2723*Input!$C$20,0)+IF(Input!$D$21=2,L2723*Input!$C$21,0)+IF(Input!$D$22=2,M2723*Input!$C$22,0)</f>
        <v>0.56815977024234021</v>
      </c>
      <c r="P2723" s="59">
        <f>IF(Input!$D$19=3,J2723*Input!$C$19,0)+IF(Input!$D$20=3,K2723*Input!$C$20,0)+IF(Input!$D$21=3,L2723*Input!$C$21,0)+IF(Input!$D$22=3,M2723*Input!$C$22,0)</f>
        <v>0</v>
      </c>
      <c r="Q2723" s="75">
        <f>IF(Input!$D$19=4,J2723*Input!$C$19,0)+IF(Input!$D$20=4,K2723*Input!$C$20,0)+IF(Input!$D$21=4,L2723*Input!$C$21,0)+IF(Input!$D$22=4,M2723*Input!$C$22,0)</f>
        <v>0</v>
      </c>
      <c r="R2723" s="58">
        <v>57.053278670547577</v>
      </c>
      <c r="S2723" s="124">
        <f t="shared" si="42"/>
        <v>0.98481026842005637</v>
      </c>
    </row>
    <row r="2724" spans="8:19" x14ac:dyDescent="0.3">
      <c r="H2724" s="44">
        <v>2717</v>
      </c>
      <c r="I2724" s="56">
        <f>Bühler!I2750</f>
        <v>0.22726390809693608</v>
      </c>
      <c r="J2724" s="59">
        <f>Bühler!J2750</f>
        <v>0.75754636032312028</v>
      </c>
      <c r="K2724" s="59">
        <f>Bühler!K2750</f>
        <v>1.1363195404846804</v>
      </c>
      <c r="L2724" s="59">
        <f>Bühler!L2750</f>
        <v>5.454333794326466</v>
      </c>
      <c r="M2724" s="58">
        <f>Bühler!M2750</f>
        <v>0</v>
      </c>
      <c r="N2724" s="56">
        <f>IF(Input!$D$19=1,J2724*Input!$C$19,0)+IF(Input!$D$20=1,K2724*Input!$C$20,0)+IF(Input!$D$21=1,L2724*Input!$C$21,0)+IF(Input!$D$22=1,M2724*Input!$C$22,0)</f>
        <v>0.22726390809693608</v>
      </c>
      <c r="O2724" s="59">
        <f>IF(Input!$D$19=2,J2724*Input!$C$19,0)+IF(Input!$D$20=2,K2724*Input!$C$20,0)+IF(Input!$D$21=2,L2724*Input!$C$21,0)+IF(Input!$D$22=2,M2724*Input!$C$22,0)</f>
        <v>0.56815977024234021</v>
      </c>
      <c r="P2724" s="59">
        <f>IF(Input!$D$19=3,J2724*Input!$C$19,0)+IF(Input!$D$20=3,K2724*Input!$C$20,0)+IF(Input!$D$21=3,L2724*Input!$C$21,0)+IF(Input!$D$22=3,M2724*Input!$C$22,0)</f>
        <v>0</v>
      </c>
      <c r="Q2724" s="75">
        <f>IF(Input!$D$19=4,J2724*Input!$C$19,0)+IF(Input!$D$20=4,K2724*Input!$C$20,0)+IF(Input!$D$21=4,L2724*Input!$C$21,0)+IF(Input!$D$22=4,M2724*Input!$C$22,0)</f>
        <v>0</v>
      </c>
      <c r="R2724" s="58">
        <v>58.027633538622389</v>
      </c>
      <c r="S2724" s="124">
        <f t="shared" si="42"/>
        <v>0.98481026842005637</v>
      </c>
    </row>
    <row r="2725" spans="8:19" x14ac:dyDescent="0.3">
      <c r="H2725" s="44">
        <v>2718</v>
      </c>
      <c r="I2725" s="56">
        <f>Bühler!I2751</f>
        <v>0.29544308052601692</v>
      </c>
      <c r="J2725" s="59">
        <f>Bühler!J2751</f>
        <v>0.98481026842005637</v>
      </c>
      <c r="K2725" s="59">
        <f>Bühler!K2751</f>
        <v>1.4772154026300846</v>
      </c>
      <c r="L2725" s="59">
        <f>Bühler!L2751</f>
        <v>7.0906339326244057</v>
      </c>
      <c r="M2725" s="58">
        <f>Bühler!M2751</f>
        <v>0</v>
      </c>
      <c r="N2725" s="56">
        <f>IF(Input!$D$19=1,J2725*Input!$C$19,0)+IF(Input!$D$20=1,K2725*Input!$C$20,0)+IF(Input!$D$21=1,L2725*Input!$C$21,0)+IF(Input!$D$22=1,M2725*Input!$C$22,0)</f>
        <v>0.29544308052601692</v>
      </c>
      <c r="O2725" s="59">
        <f>IF(Input!$D$19=2,J2725*Input!$C$19,0)+IF(Input!$D$20=2,K2725*Input!$C$20,0)+IF(Input!$D$21=2,L2725*Input!$C$21,0)+IF(Input!$D$22=2,M2725*Input!$C$22,0)</f>
        <v>0.73860770131504228</v>
      </c>
      <c r="P2725" s="59">
        <f>IF(Input!$D$19=3,J2725*Input!$C$19,0)+IF(Input!$D$20=3,K2725*Input!$C$20,0)+IF(Input!$D$21=3,L2725*Input!$C$21,0)+IF(Input!$D$22=3,M2725*Input!$C$22,0)</f>
        <v>0</v>
      </c>
      <c r="Q2725" s="75">
        <f>IF(Input!$D$19=4,J2725*Input!$C$19,0)+IF(Input!$D$20=4,K2725*Input!$C$20,0)+IF(Input!$D$21=4,L2725*Input!$C$21,0)+IF(Input!$D$22=4,M2725*Input!$C$22,0)</f>
        <v>0</v>
      </c>
      <c r="R2725" s="58">
        <v>61.210858063700819</v>
      </c>
      <c r="S2725" s="124">
        <f t="shared" si="42"/>
        <v>1.2802533489460732</v>
      </c>
    </row>
    <row r="2726" spans="8:19" x14ac:dyDescent="0.3">
      <c r="H2726" s="44">
        <v>2719</v>
      </c>
      <c r="I2726" s="56">
        <f>Bühler!I2752</f>
        <v>0.32953266674055731</v>
      </c>
      <c r="J2726" s="59">
        <f>Bühler!J2752</f>
        <v>1.0984422224685246</v>
      </c>
      <c r="K2726" s="59">
        <f>Bühler!K2752</f>
        <v>1.6476633337027866</v>
      </c>
      <c r="L2726" s="59">
        <f>Bühler!L2752</f>
        <v>7.9087840017733759</v>
      </c>
      <c r="M2726" s="58">
        <f>Bühler!M2752</f>
        <v>0</v>
      </c>
      <c r="N2726" s="56">
        <f>IF(Input!$D$19=1,J2726*Input!$C$19,0)+IF(Input!$D$20=1,K2726*Input!$C$20,0)+IF(Input!$D$21=1,L2726*Input!$C$21,0)+IF(Input!$D$22=1,M2726*Input!$C$22,0)</f>
        <v>0.32953266674055737</v>
      </c>
      <c r="O2726" s="59">
        <f>IF(Input!$D$19=2,J2726*Input!$C$19,0)+IF(Input!$D$20=2,K2726*Input!$C$20,0)+IF(Input!$D$21=2,L2726*Input!$C$21,0)+IF(Input!$D$22=2,M2726*Input!$C$22,0)</f>
        <v>0.82383166685139331</v>
      </c>
      <c r="P2726" s="59">
        <f>IF(Input!$D$19=3,J2726*Input!$C$19,0)+IF(Input!$D$20=3,K2726*Input!$C$20,0)+IF(Input!$D$21=3,L2726*Input!$C$21,0)+IF(Input!$D$22=3,M2726*Input!$C$22,0)</f>
        <v>0</v>
      </c>
      <c r="Q2726" s="75">
        <f>IF(Input!$D$19=4,J2726*Input!$C$19,0)+IF(Input!$D$20=4,K2726*Input!$C$20,0)+IF(Input!$D$21=4,L2726*Input!$C$21,0)+IF(Input!$D$22=4,M2726*Input!$C$22,0)</f>
        <v>0</v>
      </c>
      <c r="R2726" s="58">
        <v>64.536942235415793</v>
      </c>
      <c r="S2726" s="124">
        <f t="shared" si="42"/>
        <v>1.427974889209082</v>
      </c>
    </row>
    <row r="2727" spans="8:19" x14ac:dyDescent="0.3">
      <c r="H2727" s="44">
        <v>2720</v>
      </c>
      <c r="I2727" s="56">
        <f>Bühler!I2753</f>
        <v>0.34089586214540413</v>
      </c>
      <c r="J2727" s="59">
        <f>Bühler!J2753</f>
        <v>1.1363195404846804</v>
      </c>
      <c r="K2727" s="59">
        <f>Bühler!K2753</f>
        <v>1.7044793107270206</v>
      </c>
      <c r="L2727" s="59">
        <f>Bühler!L2753</f>
        <v>8.1815006914896991</v>
      </c>
      <c r="M2727" s="58">
        <f>Bühler!M2753</f>
        <v>0</v>
      </c>
      <c r="N2727" s="56">
        <f>IF(Input!$D$19=1,J2727*Input!$C$19,0)+IF(Input!$D$20=1,K2727*Input!$C$20,0)+IF(Input!$D$21=1,L2727*Input!$C$21,0)+IF(Input!$D$22=1,M2727*Input!$C$22,0)</f>
        <v>0.34089586214540413</v>
      </c>
      <c r="O2727" s="59">
        <f>IF(Input!$D$19=2,J2727*Input!$C$19,0)+IF(Input!$D$20=2,K2727*Input!$C$20,0)+IF(Input!$D$21=2,L2727*Input!$C$21,0)+IF(Input!$D$22=2,M2727*Input!$C$22,0)</f>
        <v>0.85223965536351032</v>
      </c>
      <c r="P2727" s="59">
        <f>IF(Input!$D$19=3,J2727*Input!$C$19,0)+IF(Input!$D$20=3,K2727*Input!$C$20,0)+IF(Input!$D$21=3,L2727*Input!$C$21,0)+IF(Input!$D$22=3,M2727*Input!$C$22,0)</f>
        <v>0</v>
      </c>
      <c r="Q2727" s="75">
        <f>IF(Input!$D$19=4,J2727*Input!$C$19,0)+IF(Input!$D$20=4,K2727*Input!$C$20,0)+IF(Input!$D$21=4,L2727*Input!$C$21,0)+IF(Input!$D$22=4,M2727*Input!$C$22,0)</f>
        <v>0</v>
      </c>
      <c r="R2727" s="58">
        <v>66.012520339774596</v>
      </c>
      <c r="S2727" s="124">
        <f t="shared" si="42"/>
        <v>1.4772154026300846</v>
      </c>
    </row>
    <row r="2728" spans="8:19" x14ac:dyDescent="0.3">
      <c r="H2728" s="44">
        <v>2721</v>
      </c>
      <c r="I2728" s="56">
        <f>Bühler!I2754</f>
        <v>0.34089586214540413</v>
      </c>
      <c r="J2728" s="59">
        <f>Bühler!J2754</f>
        <v>1.1363195404846804</v>
      </c>
      <c r="K2728" s="59">
        <f>Bühler!K2754</f>
        <v>1.7044793107270206</v>
      </c>
      <c r="L2728" s="59">
        <f>Bühler!L2754</f>
        <v>8.1815006914896991</v>
      </c>
      <c r="M2728" s="58">
        <f>Bühler!M2754</f>
        <v>0</v>
      </c>
      <c r="N2728" s="56">
        <f>IF(Input!$D$19=1,J2728*Input!$C$19,0)+IF(Input!$D$20=1,K2728*Input!$C$20,0)+IF(Input!$D$21=1,L2728*Input!$C$21,0)+IF(Input!$D$22=1,M2728*Input!$C$22,0)</f>
        <v>0.34089586214540413</v>
      </c>
      <c r="O2728" s="59">
        <f>IF(Input!$D$19=2,J2728*Input!$C$19,0)+IF(Input!$D$20=2,K2728*Input!$C$20,0)+IF(Input!$D$21=2,L2728*Input!$C$21,0)+IF(Input!$D$22=2,M2728*Input!$C$22,0)</f>
        <v>0.85223965536351032</v>
      </c>
      <c r="P2728" s="59">
        <f>IF(Input!$D$19=3,J2728*Input!$C$19,0)+IF(Input!$D$20=3,K2728*Input!$C$20,0)+IF(Input!$D$21=3,L2728*Input!$C$21,0)+IF(Input!$D$22=3,M2728*Input!$C$22,0)</f>
        <v>0</v>
      </c>
      <c r="Q2728" s="75">
        <f>IF(Input!$D$19=4,J2728*Input!$C$19,0)+IF(Input!$D$20=4,K2728*Input!$C$20,0)+IF(Input!$D$21=4,L2728*Input!$C$21,0)+IF(Input!$D$22=4,M2728*Input!$C$22,0)</f>
        <v>0</v>
      </c>
      <c r="R2728" s="58">
        <v>66.827355963148847</v>
      </c>
      <c r="S2728" s="124">
        <f t="shared" si="42"/>
        <v>1.4772154026300846</v>
      </c>
    </row>
    <row r="2729" spans="8:19" x14ac:dyDescent="0.3">
      <c r="H2729" s="44">
        <v>2722</v>
      </c>
      <c r="I2729" s="56">
        <f>Bühler!I2755</f>
        <v>0.36930385065752114</v>
      </c>
      <c r="J2729" s="59">
        <f>Bühler!J2755</f>
        <v>1.2310128355250705</v>
      </c>
      <c r="K2729" s="59">
        <f>Bühler!K2755</f>
        <v>1.8465192532876056</v>
      </c>
      <c r="L2729" s="59">
        <f>Bühler!L2755</f>
        <v>8.8632924157805064</v>
      </c>
      <c r="M2729" s="58">
        <f>Bühler!M2755</f>
        <v>0</v>
      </c>
      <c r="N2729" s="56">
        <f>IF(Input!$D$19=1,J2729*Input!$C$19,0)+IF(Input!$D$20=1,K2729*Input!$C$20,0)+IF(Input!$D$21=1,L2729*Input!$C$21,0)+IF(Input!$D$22=1,M2729*Input!$C$22,0)</f>
        <v>0.36930385065752114</v>
      </c>
      <c r="O2729" s="59">
        <f>IF(Input!$D$19=2,J2729*Input!$C$19,0)+IF(Input!$D$20=2,K2729*Input!$C$20,0)+IF(Input!$D$21=2,L2729*Input!$C$21,0)+IF(Input!$D$22=2,M2729*Input!$C$22,0)</f>
        <v>0.92325962664380279</v>
      </c>
      <c r="P2729" s="59">
        <f>IF(Input!$D$19=3,J2729*Input!$C$19,0)+IF(Input!$D$20=3,K2729*Input!$C$20,0)+IF(Input!$D$21=3,L2729*Input!$C$21,0)+IF(Input!$D$22=3,M2729*Input!$C$22,0)</f>
        <v>0</v>
      </c>
      <c r="Q2729" s="75">
        <f>IF(Input!$D$19=4,J2729*Input!$C$19,0)+IF(Input!$D$20=4,K2729*Input!$C$20,0)+IF(Input!$D$21=4,L2729*Input!$C$21,0)+IF(Input!$D$22=4,M2729*Input!$C$22,0)</f>
        <v>0</v>
      </c>
      <c r="R2729" s="58">
        <v>66.833557102448282</v>
      </c>
      <c r="S2729" s="124">
        <f t="shared" si="42"/>
        <v>1.6003166861825915</v>
      </c>
    </row>
    <row r="2730" spans="8:19" x14ac:dyDescent="0.3">
      <c r="H2730" s="44">
        <v>2723</v>
      </c>
      <c r="I2730" s="56">
        <f>Bühler!I2756</f>
        <v>0.38634864376479133</v>
      </c>
      <c r="J2730" s="59">
        <f>Bühler!J2756</f>
        <v>1.2878288125493045</v>
      </c>
      <c r="K2730" s="59">
        <f>Bühler!K2756</f>
        <v>1.9317432188239567</v>
      </c>
      <c r="L2730" s="59">
        <f>Bühler!L2756</f>
        <v>9.2723674503549915</v>
      </c>
      <c r="M2730" s="58">
        <f>Bühler!M2756</f>
        <v>0</v>
      </c>
      <c r="N2730" s="56">
        <f>IF(Input!$D$19=1,J2730*Input!$C$19,0)+IF(Input!$D$20=1,K2730*Input!$C$20,0)+IF(Input!$D$21=1,L2730*Input!$C$21,0)+IF(Input!$D$22=1,M2730*Input!$C$22,0)</f>
        <v>0.38634864376479133</v>
      </c>
      <c r="O2730" s="59">
        <f>IF(Input!$D$19=2,J2730*Input!$C$19,0)+IF(Input!$D$20=2,K2730*Input!$C$20,0)+IF(Input!$D$21=2,L2730*Input!$C$21,0)+IF(Input!$D$22=2,M2730*Input!$C$22,0)</f>
        <v>0.96587160941197836</v>
      </c>
      <c r="P2730" s="59">
        <f>IF(Input!$D$19=3,J2730*Input!$C$19,0)+IF(Input!$D$20=3,K2730*Input!$C$20,0)+IF(Input!$D$21=3,L2730*Input!$C$21,0)+IF(Input!$D$22=3,M2730*Input!$C$22,0)</f>
        <v>0</v>
      </c>
      <c r="Q2730" s="75">
        <f>IF(Input!$D$19=4,J2730*Input!$C$19,0)+IF(Input!$D$20=4,K2730*Input!$C$20,0)+IF(Input!$D$21=4,L2730*Input!$C$21,0)+IF(Input!$D$22=4,M2730*Input!$C$22,0)</f>
        <v>0</v>
      </c>
      <c r="R2730" s="58">
        <v>67.3460432943249</v>
      </c>
      <c r="S2730" s="124">
        <f t="shared" si="42"/>
        <v>1.6741774563140959</v>
      </c>
    </row>
    <row r="2731" spans="8:19" x14ac:dyDescent="0.3">
      <c r="H2731" s="44">
        <v>2724</v>
      </c>
      <c r="I2731" s="56">
        <f>Bühler!I2757</f>
        <v>0.45452781619387217</v>
      </c>
      <c r="J2731" s="59">
        <f>Bühler!J2757</f>
        <v>1.5150927206462406</v>
      </c>
      <c r="K2731" s="59">
        <f>Bühler!K2757</f>
        <v>2.2726390809693608</v>
      </c>
      <c r="L2731" s="59">
        <f>Bühler!L2757</f>
        <v>10.908667588652932</v>
      </c>
      <c r="M2731" s="58">
        <f>Bühler!M2757</f>
        <v>0</v>
      </c>
      <c r="N2731" s="56">
        <f>IF(Input!$D$19=1,J2731*Input!$C$19,0)+IF(Input!$D$20=1,K2731*Input!$C$20,0)+IF(Input!$D$21=1,L2731*Input!$C$21,0)+IF(Input!$D$22=1,M2731*Input!$C$22,0)</f>
        <v>0.45452781619387217</v>
      </c>
      <c r="O2731" s="59">
        <f>IF(Input!$D$19=2,J2731*Input!$C$19,0)+IF(Input!$D$20=2,K2731*Input!$C$20,0)+IF(Input!$D$21=2,L2731*Input!$C$21,0)+IF(Input!$D$22=2,M2731*Input!$C$22,0)</f>
        <v>1.1363195404846804</v>
      </c>
      <c r="P2731" s="59">
        <f>IF(Input!$D$19=3,J2731*Input!$C$19,0)+IF(Input!$D$20=3,K2731*Input!$C$20,0)+IF(Input!$D$21=3,L2731*Input!$C$21,0)+IF(Input!$D$22=3,M2731*Input!$C$22,0)</f>
        <v>0</v>
      </c>
      <c r="Q2731" s="75">
        <f>IF(Input!$D$19=4,J2731*Input!$C$19,0)+IF(Input!$D$20=4,K2731*Input!$C$20,0)+IF(Input!$D$21=4,L2731*Input!$C$21,0)+IF(Input!$D$22=4,M2731*Input!$C$22,0)</f>
        <v>0</v>
      </c>
      <c r="R2731" s="58">
        <v>68.275258470468017</v>
      </c>
      <c r="S2731" s="124">
        <f t="shared" si="42"/>
        <v>1.9696205368401127</v>
      </c>
    </row>
    <row r="2732" spans="8:19" x14ac:dyDescent="0.3">
      <c r="H2732" s="44">
        <v>2725</v>
      </c>
      <c r="I2732" s="56">
        <f>Bühler!I2758</f>
        <v>0.45452781619387217</v>
      </c>
      <c r="J2732" s="59">
        <f>Bühler!J2758</f>
        <v>1.5150927206462406</v>
      </c>
      <c r="K2732" s="59">
        <f>Bühler!K2758</f>
        <v>2.2726390809693608</v>
      </c>
      <c r="L2732" s="59">
        <f>Bühler!L2758</f>
        <v>10.908667588652932</v>
      </c>
      <c r="M2732" s="58">
        <f>Bühler!M2758</f>
        <v>0</v>
      </c>
      <c r="N2732" s="56">
        <f>IF(Input!$D$19=1,J2732*Input!$C$19,0)+IF(Input!$D$20=1,K2732*Input!$C$20,0)+IF(Input!$D$21=1,L2732*Input!$C$21,0)+IF(Input!$D$22=1,M2732*Input!$C$22,0)</f>
        <v>0.45452781619387217</v>
      </c>
      <c r="O2732" s="59">
        <f>IF(Input!$D$19=2,J2732*Input!$C$19,0)+IF(Input!$D$20=2,K2732*Input!$C$20,0)+IF(Input!$D$21=2,L2732*Input!$C$21,0)+IF(Input!$D$22=2,M2732*Input!$C$22,0)</f>
        <v>1.1363195404846804</v>
      </c>
      <c r="P2732" s="59">
        <f>IF(Input!$D$19=3,J2732*Input!$C$19,0)+IF(Input!$D$20=3,K2732*Input!$C$20,0)+IF(Input!$D$21=3,L2732*Input!$C$21,0)+IF(Input!$D$22=3,M2732*Input!$C$22,0)</f>
        <v>0</v>
      </c>
      <c r="Q2732" s="75">
        <f>IF(Input!$D$19=4,J2732*Input!$C$19,0)+IF(Input!$D$20=4,K2732*Input!$C$20,0)+IF(Input!$D$21=4,L2732*Input!$C$21,0)+IF(Input!$D$22=4,M2732*Input!$C$22,0)</f>
        <v>0</v>
      </c>
      <c r="R2732" s="58">
        <v>68.127346755567743</v>
      </c>
      <c r="S2732" s="124">
        <f t="shared" si="42"/>
        <v>1.9696205368401127</v>
      </c>
    </row>
    <row r="2733" spans="8:19" x14ac:dyDescent="0.3">
      <c r="H2733" s="44">
        <v>2726</v>
      </c>
      <c r="I2733" s="56">
        <f>Bühler!I2759</f>
        <v>0.45452781619387217</v>
      </c>
      <c r="J2733" s="59">
        <f>Bühler!J2759</f>
        <v>1.5150927206462406</v>
      </c>
      <c r="K2733" s="59">
        <f>Bühler!K2759</f>
        <v>2.2726390809693608</v>
      </c>
      <c r="L2733" s="59">
        <f>Bühler!L2759</f>
        <v>10.908667588652932</v>
      </c>
      <c r="M2733" s="58">
        <f>Bühler!M2759</f>
        <v>0</v>
      </c>
      <c r="N2733" s="56">
        <f>IF(Input!$D$19=1,J2733*Input!$C$19,0)+IF(Input!$D$20=1,K2733*Input!$C$20,0)+IF(Input!$D$21=1,L2733*Input!$C$21,0)+IF(Input!$D$22=1,M2733*Input!$C$22,0)</f>
        <v>0.45452781619387217</v>
      </c>
      <c r="O2733" s="59">
        <f>IF(Input!$D$19=2,J2733*Input!$C$19,0)+IF(Input!$D$20=2,K2733*Input!$C$20,0)+IF(Input!$D$21=2,L2733*Input!$C$21,0)+IF(Input!$D$22=2,M2733*Input!$C$22,0)</f>
        <v>1.1363195404846804</v>
      </c>
      <c r="P2733" s="59">
        <f>IF(Input!$D$19=3,J2733*Input!$C$19,0)+IF(Input!$D$20=3,K2733*Input!$C$20,0)+IF(Input!$D$21=3,L2733*Input!$C$21,0)+IF(Input!$D$22=3,M2733*Input!$C$22,0)</f>
        <v>0</v>
      </c>
      <c r="Q2733" s="75">
        <f>IF(Input!$D$19=4,J2733*Input!$C$19,0)+IF(Input!$D$20=4,K2733*Input!$C$20,0)+IF(Input!$D$21=4,L2733*Input!$C$21,0)+IF(Input!$D$22=4,M2733*Input!$C$22,0)</f>
        <v>0</v>
      </c>
      <c r="R2733" s="58">
        <v>67.182119077914479</v>
      </c>
      <c r="S2733" s="124">
        <f t="shared" si="42"/>
        <v>1.9696205368401127</v>
      </c>
    </row>
    <row r="2734" spans="8:19" x14ac:dyDescent="0.3">
      <c r="H2734" s="44">
        <v>2727</v>
      </c>
      <c r="I2734" s="56">
        <f>Bühler!I2760</f>
        <v>0.45452781619387217</v>
      </c>
      <c r="J2734" s="59">
        <f>Bühler!J2760</f>
        <v>1.5150927206462406</v>
      </c>
      <c r="K2734" s="59">
        <f>Bühler!K2760</f>
        <v>2.2726390809693608</v>
      </c>
      <c r="L2734" s="59">
        <f>Bühler!L2760</f>
        <v>10.908667588652932</v>
      </c>
      <c r="M2734" s="58">
        <f>Bühler!M2760</f>
        <v>0</v>
      </c>
      <c r="N2734" s="56">
        <f>IF(Input!$D$19=1,J2734*Input!$C$19,0)+IF(Input!$D$20=1,K2734*Input!$C$20,0)+IF(Input!$D$21=1,L2734*Input!$C$21,0)+IF(Input!$D$22=1,M2734*Input!$C$22,0)</f>
        <v>0.45452781619387217</v>
      </c>
      <c r="O2734" s="59">
        <f>IF(Input!$D$19=2,J2734*Input!$C$19,0)+IF(Input!$D$20=2,K2734*Input!$C$20,0)+IF(Input!$D$21=2,L2734*Input!$C$21,0)+IF(Input!$D$22=2,M2734*Input!$C$22,0)</f>
        <v>1.1363195404846804</v>
      </c>
      <c r="P2734" s="59">
        <f>IF(Input!$D$19=3,J2734*Input!$C$19,0)+IF(Input!$D$20=3,K2734*Input!$C$20,0)+IF(Input!$D$21=3,L2734*Input!$C$21,0)+IF(Input!$D$22=3,M2734*Input!$C$22,0)</f>
        <v>0</v>
      </c>
      <c r="Q2734" s="75">
        <f>IF(Input!$D$19=4,J2734*Input!$C$19,0)+IF(Input!$D$20=4,K2734*Input!$C$20,0)+IF(Input!$D$21=4,L2734*Input!$C$21,0)+IF(Input!$D$22=4,M2734*Input!$C$22,0)</f>
        <v>0</v>
      </c>
      <c r="R2734" s="58">
        <v>66.609371646795822</v>
      </c>
      <c r="S2734" s="124">
        <f t="shared" si="42"/>
        <v>1.9696205368401127</v>
      </c>
    </row>
    <row r="2735" spans="8:19" x14ac:dyDescent="0.3">
      <c r="H2735" s="44">
        <v>2728</v>
      </c>
      <c r="I2735" s="56">
        <f>Bühler!I2761</f>
        <v>0.45452781619387217</v>
      </c>
      <c r="J2735" s="59">
        <f>Bühler!J2761</f>
        <v>1.5150927206462406</v>
      </c>
      <c r="K2735" s="59">
        <f>Bühler!K2761</f>
        <v>2.2726390809693608</v>
      </c>
      <c r="L2735" s="59">
        <f>Bühler!L2761</f>
        <v>10.908667588652932</v>
      </c>
      <c r="M2735" s="58">
        <f>Bühler!M2761</f>
        <v>0</v>
      </c>
      <c r="N2735" s="56">
        <f>IF(Input!$D$19=1,J2735*Input!$C$19,0)+IF(Input!$D$20=1,K2735*Input!$C$20,0)+IF(Input!$D$21=1,L2735*Input!$C$21,0)+IF(Input!$D$22=1,M2735*Input!$C$22,0)</f>
        <v>0.45452781619387217</v>
      </c>
      <c r="O2735" s="59">
        <f>IF(Input!$D$19=2,J2735*Input!$C$19,0)+IF(Input!$D$20=2,K2735*Input!$C$20,0)+IF(Input!$D$21=2,L2735*Input!$C$21,0)+IF(Input!$D$22=2,M2735*Input!$C$22,0)</f>
        <v>1.1363195404846804</v>
      </c>
      <c r="P2735" s="59">
        <f>IF(Input!$D$19=3,J2735*Input!$C$19,0)+IF(Input!$D$20=3,K2735*Input!$C$20,0)+IF(Input!$D$21=3,L2735*Input!$C$21,0)+IF(Input!$D$22=3,M2735*Input!$C$22,0)</f>
        <v>0</v>
      </c>
      <c r="Q2735" s="75">
        <f>IF(Input!$D$19=4,J2735*Input!$C$19,0)+IF(Input!$D$20=4,K2735*Input!$C$20,0)+IF(Input!$D$21=4,L2735*Input!$C$21,0)+IF(Input!$D$22=4,M2735*Input!$C$22,0)</f>
        <v>0</v>
      </c>
      <c r="R2735" s="58">
        <v>67.639072275943519</v>
      </c>
      <c r="S2735" s="124">
        <f t="shared" si="42"/>
        <v>1.9696205368401127</v>
      </c>
    </row>
    <row r="2736" spans="8:19" x14ac:dyDescent="0.3">
      <c r="H2736" s="44">
        <v>2729</v>
      </c>
      <c r="I2736" s="56">
        <f>Bühler!I2762</f>
        <v>0.45452781619387217</v>
      </c>
      <c r="J2736" s="59">
        <f>Bühler!J2762</f>
        <v>1.5150927206462406</v>
      </c>
      <c r="K2736" s="59">
        <f>Bühler!K2762</f>
        <v>2.2726390809693608</v>
      </c>
      <c r="L2736" s="59">
        <f>Bühler!L2762</f>
        <v>10.908667588652932</v>
      </c>
      <c r="M2736" s="58">
        <f>Bühler!M2762</f>
        <v>0</v>
      </c>
      <c r="N2736" s="56">
        <f>IF(Input!$D$19=1,J2736*Input!$C$19,0)+IF(Input!$D$20=1,K2736*Input!$C$20,0)+IF(Input!$D$21=1,L2736*Input!$C$21,0)+IF(Input!$D$22=1,M2736*Input!$C$22,0)</f>
        <v>0.45452781619387217</v>
      </c>
      <c r="O2736" s="59">
        <f>IF(Input!$D$19=2,J2736*Input!$C$19,0)+IF(Input!$D$20=2,K2736*Input!$C$20,0)+IF(Input!$D$21=2,L2736*Input!$C$21,0)+IF(Input!$D$22=2,M2736*Input!$C$22,0)</f>
        <v>1.1363195404846804</v>
      </c>
      <c r="P2736" s="59">
        <f>IF(Input!$D$19=3,J2736*Input!$C$19,0)+IF(Input!$D$20=3,K2736*Input!$C$20,0)+IF(Input!$D$21=3,L2736*Input!$C$21,0)+IF(Input!$D$22=3,M2736*Input!$C$22,0)</f>
        <v>0</v>
      </c>
      <c r="Q2736" s="75">
        <f>IF(Input!$D$19=4,J2736*Input!$C$19,0)+IF(Input!$D$20=4,K2736*Input!$C$20,0)+IF(Input!$D$21=4,L2736*Input!$C$21,0)+IF(Input!$D$22=4,M2736*Input!$C$22,0)</f>
        <v>0</v>
      </c>
      <c r="R2736" s="58">
        <v>66.806912246742939</v>
      </c>
      <c r="S2736" s="124">
        <f t="shared" si="42"/>
        <v>1.9696205368401127</v>
      </c>
    </row>
    <row r="2737" spans="8:19" x14ac:dyDescent="0.3">
      <c r="H2737" s="44">
        <v>2730</v>
      </c>
      <c r="I2737" s="56">
        <f>Bühler!I2763</f>
        <v>0.45452781619387217</v>
      </c>
      <c r="J2737" s="59">
        <f>Bühler!J2763</f>
        <v>1.5150927206462406</v>
      </c>
      <c r="K2737" s="59">
        <f>Bühler!K2763</f>
        <v>2.2726390809693608</v>
      </c>
      <c r="L2737" s="59">
        <f>Bühler!L2763</f>
        <v>10.908667588652932</v>
      </c>
      <c r="M2737" s="58">
        <f>Bühler!M2763</f>
        <v>0</v>
      </c>
      <c r="N2737" s="56">
        <f>IF(Input!$D$19=1,J2737*Input!$C$19,0)+IF(Input!$D$20=1,K2737*Input!$C$20,0)+IF(Input!$D$21=1,L2737*Input!$C$21,0)+IF(Input!$D$22=1,M2737*Input!$C$22,0)</f>
        <v>0.45452781619387217</v>
      </c>
      <c r="O2737" s="59">
        <f>IF(Input!$D$19=2,J2737*Input!$C$19,0)+IF(Input!$D$20=2,K2737*Input!$C$20,0)+IF(Input!$D$21=2,L2737*Input!$C$21,0)+IF(Input!$D$22=2,M2737*Input!$C$22,0)</f>
        <v>1.1363195404846804</v>
      </c>
      <c r="P2737" s="59">
        <f>IF(Input!$D$19=3,J2737*Input!$C$19,0)+IF(Input!$D$20=3,K2737*Input!$C$20,0)+IF(Input!$D$21=3,L2737*Input!$C$21,0)+IF(Input!$D$22=3,M2737*Input!$C$22,0)</f>
        <v>0</v>
      </c>
      <c r="Q2737" s="75">
        <f>IF(Input!$D$19=4,J2737*Input!$C$19,0)+IF(Input!$D$20=4,K2737*Input!$C$20,0)+IF(Input!$D$21=4,L2737*Input!$C$21,0)+IF(Input!$D$22=4,M2737*Input!$C$22,0)</f>
        <v>0</v>
      </c>
      <c r="R2737" s="58">
        <v>65.311035587277786</v>
      </c>
      <c r="S2737" s="124">
        <f t="shared" si="42"/>
        <v>1.9696205368401127</v>
      </c>
    </row>
    <row r="2738" spans="8:19" x14ac:dyDescent="0.3">
      <c r="H2738" s="44">
        <v>2731</v>
      </c>
      <c r="I2738" s="56">
        <f>Bühler!I2764</f>
        <v>0.45452781619387217</v>
      </c>
      <c r="J2738" s="59">
        <f>Bühler!J2764</f>
        <v>1.5150927206462406</v>
      </c>
      <c r="K2738" s="59">
        <f>Bühler!K2764</f>
        <v>2.2726390809693608</v>
      </c>
      <c r="L2738" s="59">
        <f>Bühler!L2764</f>
        <v>10.908667588652932</v>
      </c>
      <c r="M2738" s="58">
        <f>Bühler!M2764</f>
        <v>0</v>
      </c>
      <c r="N2738" s="56">
        <f>IF(Input!$D$19=1,J2738*Input!$C$19,0)+IF(Input!$D$20=1,K2738*Input!$C$20,0)+IF(Input!$D$21=1,L2738*Input!$C$21,0)+IF(Input!$D$22=1,M2738*Input!$C$22,0)</f>
        <v>0.45452781619387217</v>
      </c>
      <c r="O2738" s="59">
        <f>IF(Input!$D$19=2,J2738*Input!$C$19,0)+IF(Input!$D$20=2,K2738*Input!$C$20,0)+IF(Input!$D$21=2,L2738*Input!$C$21,0)+IF(Input!$D$22=2,M2738*Input!$C$22,0)</f>
        <v>1.1363195404846804</v>
      </c>
      <c r="P2738" s="59">
        <f>IF(Input!$D$19=3,J2738*Input!$C$19,0)+IF(Input!$D$20=3,K2738*Input!$C$20,0)+IF(Input!$D$21=3,L2738*Input!$C$21,0)+IF(Input!$D$22=3,M2738*Input!$C$22,0)</f>
        <v>0</v>
      </c>
      <c r="Q2738" s="75">
        <f>IF(Input!$D$19=4,J2738*Input!$C$19,0)+IF(Input!$D$20=4,K2738*Input!$C$20,0)+IF(Input!$D$21=4,L2738*Input!$C$21,0)+IF(Input!$D$22=4,M2738*Input!$C$22,0)</f>
        <v>0</v>
      </c>
      <c r="R2738" s="58">
        <v>64.280010795225564</v>
      </c>
      <c r="S2738" s="124">
        <f t="shared" si="42"/>
        <v>1.9696205368401127</v>
      </c>
    </row>
    <row r="2739" spans="8:19" x14ac:dyDescent="0.3">
      <c r="H2739" s="44">
        <v>2732</v>
      </c>
      <c r="I2739" s="56">
        <f>Bühler!I2765</f>
        <v>0.38066704606236795</v>
      </c>
      <c r="J2739" s="59">
        <f>Bühler!J2765</f>
        <v>1.2688901535412267</v>
      </c>
      <c r="K2739" s="59">
        <f>Bühler!K2765</f>
        <v>1.9033352303118396</v>
      </c>
      <c r="L2739" s="59">
        <f>Bühler!L2765</f>
        <v>9.1360091054968304</v>
      </c>
      <c r="M2739" s="58">
        <f>Bühler!M2765</f>
        <v>0</v>
      </c>
      <c r="N2739" s="56">
        <f>IF(Input!$D$19=1,J2739*Input!$C$19,0)+IF(Input!$D$20=1,K2739*Input!$C$20,0)+IF(Input!$D$21=1,L2739*Input!$C$21,0)+IF(Input!$D$22=1,M2739*Input!$C$22,0)</f>
        <v>0.38066704606236801</v>
      </c>
      <c r="O2739" s="59">
        <f>IF(Input!$D$19=2,J2739*Input!$C$19,0)+IF(Input!$D$20=2,K2739*Input!$C$20,0)+IF(Input!$D$21=2,L2739*Input!$C$21,0)+IF(Input!$D$22=2,M2739*Input!$C$22,0)</f>
        <v>0.9516676151559198</v>
      </c>
      <c r="P2739" s="59">
        <f>IF(Input!$D$19=3,J2739*Input!$C$19,0)+IF(Input!$D$20=3,K2739*Input!$C$20,0)+IF(Input!$D$21=3,L2739*Input!$C$21,0)+IF(Input!$D$22=3,M2739*Input!$C$22,0)</f>
        <v>0</v>
      </c>
      <c r="Q2739" s="75">
        <f>IF(Input!$D$19=4,J2739*Input!$C$19,0)+IF(Input!$D$20=4,K2739*Input!$C$20,0)+IF(Input!$D$21=4,L2739*Input!$C$21,0)+IF(Input!$D$22=4,M2739*Input!$C$22,0)</f>
        <v>0</v>
      </c>
      <c r="R2739" s="58">
        <v>62.605676038957334</v>
      </c>
      <c r="S2739" s="124">
        <f t="shared" si="42"/>
        <v>1.6495571996035947</v>
      </c>
    </row>
    <row r="2740" spans="8:19" x14ac:dyDescent="0.3">
      <c r="H2740" s="44">
        <v>2733</v>
      </c>
      <c r="I2740" s="56">
        <f>Bühler!I2766</f>
        <v>0.31248787363328712</v>
      </c>
      <c r="J2740" s="59">
        <f>Bühler!J2766</f>
        <v>1.0416262454442904</v>
      </c>
      <c r="K2740" s="59">
        <f>Bühler!K2766</f>
        <v>1.5624393681664357</v>
      </c>
      <c r="L2740" s="59">
        <f>Bühler!L2766</f>
        <v>7.4997089671988908</v>
      </c>
      <c r="M2740" s="58">
        <f>Bühler!M2766</f>
        <v>0</v>
      </c>
      <c r="N2740" s="56">
        <f>IF(Input!$D$19=1,J2740*Input!$C$19,0)+IF(Input!$D$20=1,K2740*Input!$C$20,0)+IF(Input!$D$21=1,L2740*Input!$C$21,0)+IF(Input!$D$22=1,M2740*Input!$C$22,0)</f>
        <v>0.31248787363328712</v>
      </c>
      <c r="O2740" s="59">
        <f>IF(Input!$D$19=2,J2740*Input!$C$19,0)+IF(Input!$D$20=2,K2740*Input!$C$20,0)+IF(Input!$D$21=2,L2740*Input!$C$21,0)+IF(Input!$D$22=2,M2740*Input!$C$22,0)</f>
        <v>0.78121968408321785</v>
      </c>
      <c r="P2740" s="59">
        <f>IF(Input!$D$19=3,J2740*Input!$C$19,0)+IF(Input!$D$20=3,K2740*Input!$C$20,0)+IF(Input!$D$21=3,L2740*Input!$C$21,0)+IF(Input!$D$22=3,M2740*Input!$C$22,0)</f>
        <v>0</v>
      </c>
      <c r="Q2740" s="75">
        <f>IF(Input!$D$19=4,J2740*Input!$C$19,0)+IF(Input!$D$20=4,K2740*Input!$C$20,0)+IF(Input!$D$21=4,L2740*Input!$C$21,0)+IF(Input!$D$22=4,M2740*Input!$C$22,0)</f>
        <v>0</v>
      </c>
      <c r="R2740" s="58">
        <v>60.811542453191343</v>
      </c>
      <c r="S2740" s="124">
        <f t="shared" si="42"/>
        <v>1.3541141190775776</v>
      </c>
    </row>
    <row r="2741" spans="8:19" x14ac:dyDescent="0.3">
      <c r="H2741" s="44">
        <v>2734</v>
      </c>
      <c r="I2741" s="56">
        <f>Bühler!I2767</f>
        <v>0.22726390809693608</v>
      </c>
      <c r="J2741" s="59">
        <f>Bühler!J2767</f>
        <v>0.75754636032312028</v>
      </c>
      <c r="K2741" s="59">
        <f>Bühler!K2767</f>
        <v>1.1363195404846804</v>
      </c>
      <c r="L2741" s="59">
        <f>Bühler!L2767</f>
        <v>5.454333794326466</v>
      </c>
      <c r="M2741" s="58">
        <f>Bühler!M2767</f>
        <v>0</v>
      </c>
      <c r="N2741" s="56">
        <f>IF(Input!$D$19=1,J2741*Input!$C$19,0)+IF(Input!$D$20=1,K2741*Input!$C$20,0)+IF(Input!$D$21=1,L2741*Input!$C$21,0)+IF(Input!$D$22=1,M2741*Input!$C$22,0)</f>
        <v>0.22726390809693608</v>
      </c>
      <c r="O2741" s="59">
        <f>IF(Input!$D$19=2,J2741*Input!$C$19,0)+IF(Input!$D$20=2,K2741*Input!$C$20,0)+IF(Input!$D$21=2,L2741*Input!$C$21,0)+IF(Input!$D$22=2,M2741*Input!$C$22,0)</f>
        <v>0.56815977024234021</v>
      </c>
      <c r="P2741" s="59">
        <f>IF(Input!$D$19=3,J2741*Input!$C$19,0)+IF(Input!$D$20=3,K2741*Input!$C$20,0)+IF(Input!$D$21=3,L2741*Input!$C$21,0)+IF(Input!$D$22=3,M2741*Input!$C$22,0)</f>
        <v>0</v>
      </c>
      <c r="Q2741" s="75">
        <f>IF(Input!$D$19=4,J2741*Input!$C$19,0)+IF(Input!$D$20=4,K2741*Input!$C$20,0)+IF(Input!$D$21=4,L2741*Input!$C$21,0)+IF(Input!$D$22=4,M2741*Input!$C$22,0)</f>
        <v>0</v>
      </c>
      <c r="R2741" s="58">
        <v>59.691917291988368</v>
      </c>
      <c r="S2741" s="124">
        <f t="shared" si="42"/>
        <v>0.98481026842005637</v>
      </c>
    </row>
    <row r="2742" spans="8:19" x14ac:dyDescent="0.3">
      <c r="H2742" s="44">
        <v>2735</v>
      </c>
      <c r="I2742" s="56">
        <f>Bühler!I2768</f>
        <v>0.22726390809693608</v>
      </c>
      <c r="J2742" s="59">
        <f>Bühler!J2768</f>
        <v>0.75754636032312028</v>
      </c>
      <c r="K2742" s="59">
        <f>Bühler!K2768</f>
        <v>1.1363195404846804</v>
      </c>
      <c r="L2742" s="59">
        <f>Bühler!L2768</f>
        <v>5.454333794326466</v>
      </c>
      <c r="M2742" s="58">
        <f>Bühler!M2768</f>
        <v>0</v>
      </c>
      <c r="N2742" s="56">
        <f>IF(Input!$D$19=1,J2742*Input!$C$19,0)+IF(Input!$D$20=1,K2742*Input!$C$20,0)+IF(Input!$D$21=1,L2742*Input!$C$21,0)+IF(Input!$D$22=1,M2742*Input!$C$22,0)</f>
        <v>0.22726390809693608</v>
      </c>
      <c r="O2742" s="59">
        <f>IF(Input!$D$19=2,J2742*Input!$C$19,0)+IF(Input!$D$20=2,K2742*Input!$C$20,0)+IF(Input!$D$21=2,L2742*Input!$C$21,0)+IF(Input!$D$22=2,M2742*Input!$C$22,0)</f>
        <v>0.56815977024234021</v>
      </c>
      <c r="P2742" s="59">
        <f>IF(Input!$D$19=3,J2742*Input!$C$19,0)+IF(Input!$D$20=3,K2742*Input!$C$20,0)+IF(Input!$D$21=3,L2742*Input!$C$21,0)+IF(Input!$D$22=3,M2742*Input!$C$22,0)</f>
        <v>0</v>
      </c>
      <c r="Q2742" s="75">
        <f>IF(Input!$D$19=4,J2742*Input!$C$19,0)+IF(Input!$D$20=4,K2742*Input!$C$20,0)+IF(Input!$D$21=4,L2742*Input!$C$21,0)+IF(Input!$D$22=4,M2742*Input!$C$22,0)</f>
        <v>0</v>
      </c>
      <c r="R2742" s="58">
        <v>58.830713960337881</v>
      </c>
      <c r="S2742" s="124">
        <f t="shared" si="42"/>
        <v>0.98481026842005637</v>
      </c>
    </row>
    <row r="2743" spans="8:19" x14ac:dyDescent="0.3">
      <c r="H2743" s="44">
        <v>2736</v>
      </c>
      <c r="I2743" s="56">
        <f>Bühler!I2769</f>
        <v>0.22726390809693608</v>
      </c>
      <c r="J2743" s="59">
        <f>Bühler!J2769</f>
        <v>0.75754636032312028</v>
      </c>
      <c r="K2743" s="59">
        <f>Bühler!K2769</f>
        <v>1.1363195404846804</v>
      </c>
      <c r="L2743" s="59">
        <f>Bühler!L2769</f>
        <v>5.454333794326466</v>
      </c>
      <c r="M2743" s="58">
        <f>Bühler!M2769</f>
        <v>0</v>
      </c>
      <c r="N2743" s="56">
        <f>IF(Input!$D$19=1,J2743*Input!$C$19,0)+IF(Input!$D$20=1,K2743*Input!$C$20,0)+IF(Input!$D$21=1,L2743*Input!$C$21,0)+IF(Input!$D$22=1,M2743*Input!$C$22,0)</f>
        <v>0.22726390809693608</v>
      </c>
      <c r="O2743" s="59">
        <f>IF(Input!$D$19=2,J2743*Input!$C$19,0)+IF(Input!$D$20=2,K2743*Input!$C$20,0)+IF(Input!$D$21=2,L2743*Input!$C$21,0)+IF(Input!$D$22=2,M2743*Input!$C$22,0)</f>
        <v>0.56815977024234021</v>
      </c>
      <c r="P2743" s="59">
        <f>IF(Input!$D$19=3,J2743*Input!$C$19,0)+IF(Input!$D$20=3,K2743*Input!$C$20,0)+IF(Input!$D$21=3,L2743*Input!$C$21,0)+IF(Input!$D$22=3,M2743*Input!$C$22,0)</f>
        <v>0</v>
      </c>
      <c r="Q2743" s="75">
        <f>IF(Input!$D$19=4,J2743*Input!$C$19,0)+IF(Input!$D$20=4,K2743*Input!$C$20,0)+IF(Input!$D$21=4,L2743*Input!$C$21,0)+IF(Input!$D$22=4,M2743*Input!$C$22,0)</f>
        <v>0</v>
      </c>
      <c r="R2743" s="58">
        <v>57.918753561239399</v>
      </c>
      <c r="S2743" s="124">
        <f t="shared" si="42"/>
        <v>0.98481026842005637</v>
      </c>
    </row>
    <row r="2744" spans="8:19" x14ac:dyDescent="0.3">
      <c r="H2744" s="44">
        <v>2737</v>
      </c>
      <c r="I2744" s="56">
        <f>Bühler!I2770</f>
        <v>0.20734156771832782</v>
      </c>
      <c r="J2744" s="59">
        <f>Bühler!J2770</f>
        <v>0.69113855906109278</v>
      </c>
      <c r="K2744" s="59">
        <f>Bühler!K2770</f>
        <v>1.0367078385916391</v>
      </c>
      <c r="L2744" s="59">
        <f>Bühler!L2770</f>
        <v>4.9761976252398679</v>
      </c>
      <c r="M2744" s="58">
        <f>Bühler!M2770</f>
        <v>0</v>
      </c>
      <c r="N2744" s="56">
        <f>IF(Input!$D$19=1,J2744*Input!$C$19,0)+IF(Input!$D$20=1,K2744*Input!$C$20,0)+IF(Input!$D$21=1,L2744*Input!$C$21,0)+IF(Input!$D$22=1,M2744*Input!$C$22,0)</f>
        <v>0.20734156771832782</v>
      </c>
      <c r="O2744" s="59">
        <f>IF(Input!$D$19=2,J2744*Input!$C$19,0)+IF(Input!$D$20=2,K2744*Input!$C$20,0)+IF(Input!$D$21=2,L2744*Input!$C$21,0)+IF(Input!$D$22=2,M2744*Input!$C$22,0)</f>
        <v>0.51835391929581953</v>
      </c>
      <c r="P2744" s="59">
        <f>IF(Input!$D$19=3,J2744*Input!$C$19,0)+IF(Input!$D$20=3,K2744*Input!$C$20,0)+IF(Input!$D$21=3,L2744*Input!$C$21,0)+IF(Input!$D$22=3,M2744*Input!$C$22,0)</f>
        <v>0</v>
      </c>
      <c r="Q2744" s="75">
        <f>IF(Input!$D$19=4,J2744*Input!$C$19,0)+IF(Input!$D$20=4,K2744*Input!$C$20,0)+IF(Input!$D$21=4,L2744*Input!$C$21,0)+IF(Input!$D$22=4,M2744*Input!$C$22,0)</f>
        <v>0</v>
      </c>
      <c r="R2744" s="58">
        <v>56.189343929279779</v>
      </c>
      <c r="S2744" s="124">
        <f t="shared" si="42"/>
        <v>0.89848012677942057</v>
      </c>
    </row>
    <row r="2745" spans="8:19" x14ac:dyDescent="0.3">
      <c r="H2745" s="44">
        <v>2738</v>
      </c>
      <c r="I2745" s="56">
        <f>Bühler!I2771</f>
        <v>0.23325926368311878</v>
      </c>
      <c r="J2745" s="59">
        <f>Bühler!J2771</f>
        <v>0.77753087894372941</v>
      </c>
      <c r="K2745" s="59">
        <f>Bühler!K2771</f>
        <v>1.1662963184155939</v>
      </c>
      <c r="L2745" s="59">
        <f>Bühler!L2771</f>
        <v>5.5982223283948507</v>
      </c>
      <c r="M2745" s="58">
        <f>Bühler!M2771</f>
        <v>0</v>
      </c>
      <c r="N2745" s="56">
        <f>IF(Input!$D$19=1,J2745*Input!$C$19,0)+IF(Input!$D$20=1,K2745*Input!$C$20,0)+IF(Input!$D$21=1,L2745*Input!$C$21,0)+IF(Input!$D$22=1,M2745*Input!$C$22,0)</f>
        <v>0.23325926368311881</v>
      </c>
      <c r="O2745" s="59">
        <f>IF(Input!$D$19=2,J2745*Input!$C$19,0)+IF(Input!$D$20=2,K2745*Input!$C$20,0)+IF(Input!$D$21=2,L2745*Input!$C$21,0)+IF(Input!$D$22=2,M2745*Input!$C$22,0)</f>
        <v>0.58314815920779695</v>
      </c>
      <c r="P2745" s="59">
        <f>IF(Input!$D$19=3,J2745*Input!$C$19,0)+IF(Input!$D$20=3,K2745*Input!$C$20,0)+IF(Input!$D$21=3,L2745*Input!$C$21,0)+IF(Input!$D$22=3,M2745*Input!$C$22,0)</f>
        <v>0</v>
      </c>
      <c r="Q2745" s="75">
        <f>IF(Input!$D$19=4,J2745*Input!$C$19,0)+IF(Input!$D$20=4,K2745*Input!$C$20,0)+IF(Input!$D$21=4,L2745*Input!$C$21,0)+IF(Input!$D$22=4,M2745*Input!$C$22,0)</f>
        <v>0</v>
      </c>
      <c r="R2745" s="58">
        <v>56.470594996527183</v>
      </c>
      <c r="S2745" s="124">
        <f t="shared" si="42"/>
        <v>1.0107901426268482</v>
      </c>
    </row>
    <row r="2746" spans="8:19" x14ac:dyDescent="0.3">
      <c r="H2746" s="44">
        <v>2739</v>
      </c>
      <c r="I2746" s="56">
        <f>Bühler!I2772</f>
        <v>0.23325926368311878</v>
      </c>
      <c r="J2746" s="59">
        <f>Bühler!J2772</f>
        <v>0.77753087894372941</v>
      </c>
      <c r="K2746" s="59">
        <f>Bühler!K2772</f>
        <v>1.1662963184155939</v>
      </c>
      <c r="L2746" s="59">
        <f>Bühler!L2772</f>
        <v>5.5982223283948507</v>
      </c>
      <c r="M2746" s="58">
        <f>Bühler!M2772</f>
        <v>0</v>
      </c>
      <c r="N2746" s="56">
        <f>IF(Input!$D$19=1,J2746*Input!$C$19,0)+IF(Input!$D$20=1,K2746*Input!$C$20,0)+IF(Input!$D$21=1,L2746*Input!$C$21,0)+IF(Input!$D$22=1,M2746*Input!$C$22,0)</f>
        <v>0.23325926368311881</v>
      </c>
      <c r="O2746" s="59">
        <f>IF(Input!$D$19=2,J2746*Input!$C$19,0)+IF(Input!$D$20=2,K2746*Input!$C$20,0)+IF(Input!$D$21=2,L2746*Input!$C$21,0)+IF(Input!$D$22=2,M2746*Input!$C$22,0)</f>
        <v>0.58314815920779695</v>
      </c>
      <c r="P2746" s="59">
        <f>IF(Input!$D$19=3,J2746*Input!$C$19,0)+IF(Input!$D$20=3,K2746*Input!$C$20,0)+IF(Input!$D$21=3,L2746*Input!$C$21,0)+IF(Input!$D$22=3,M2746*Input!$C$22,0)</f>
        <v>0</v>
      </c>
      <c r="Q2746" s="75">
        <f>IF(Input!$D$19=4,J2746*Input!$C$19,0)+IF(Input!$D$20=4,K2746*Input!$C$20,0)+IF(Input!$D$21=4,L2746*Input!$C$21,0)+IF(Input!$D$22=4,M2746*Input!$C$22,0)</f>
        <v>0</v>
      </c>
      <c r="R2746" s="58">
        <v>56.606281603753985</v>
      </c>
      <c r="S2746" s="124">
        <f t="shared" si="42"/>
        <v>1.0107901426268482</v>
      </c>
    </row>
    <row r="2747" spans="8:19" x14ac:dyDescent="0.3">
      <c r="H2747" s="44">
        <v>2740</v>
      </c>
      <c r="I2747" s="56">
        <f>Bühler!I2773</f>
        <v>0.23325926368311878</v>
      </c>
      <c r="J2747" s="59">
        <f>Bühler!J2773</f>
        <v>0.77753087894372941</v>
      </c>
      <c r="K2747" s="59">
        <f>Bühler!K2773</f>
        <v>1.1662963184155939</v>
      </c>
      <c r="L2747" s="59">
        <f>Bühler!L2773</f>
        <v>5.5982223283948507</v>
      </c>
      <c r="M2747" s="58">
        <f>Bühler!M2773</f>
        <v>0</v>
      </c>
      <c r="N2747" s="56">
        <f>IF(Input!$D$19=1,J2747*Input!$C$19,0)+IF(Input!$D$20=1,K2747*Input!$C$20,0)+IF(Input!$D$21=1,L2747*Input!$C$21,0)+IF(Input!$D$22=1,M2747*Input!$C$22,0)</f>
        <v>0.23325926368311881</v>
      </c>
      <c r="O2747" s="59">
        <f>IF(Input!$D$19=2,J2747*Input!$C$19,0)+IF(Input!$D$20=2,K2747*Input!$C$20,0)+IF(Input!$D$21=2,L2747*Input!$C$21,0)+IF(Input!$D$22=2,M2747*Input!$C$22,0)</f>
        <v>0.58314815920779695</v>
      </c>
      <c r="P2747" s="59">
        <f>IF(Input!$D$19=3,J2747*Input!$C$19,0)+IF(Input!$D$20=3,K2747*Input!$C$20,0)+IF(Input!$D$21=3,L2747*Input!$C$21,0)+IF(Input!$D$22=3,M2747*Input!$C$22,0)</f>
        <v>0</v>
      </c>
      <c r="Q2747" s="75">
        <f>IF(Input!$D$19=4,J2747*Input!$C$19,0)+IF(Input!$D$20=4,K2747*Input!$C$20,0)+IF(Input!$D$21=4,L2747*Input!$C$21,0)+IF(Input!$D$22=4,M2747*Input!$C$22,0)</f>
        <v>0</v>
      </c>
      <c r="R2747" s="58">
        <v>57.685731310955347</v>
      </c>
      <c r="S2747" s="124">
        <f t="shared" si="42"/>
        <v>1.0107901426268482</v>
      </c>
    </row>
    <row r="2748" spans="8:19" x14ac:dyDescent="0.3">
      <c r="H2748" s="44">
        <v>2741</v>
      </c>
      <c r="I2748" s="56">
        <f>Bühler!I2774</f>
        <v>0.23325926368311878</v>
      </c>
      <c r="J2748" s="59">
        <f>Bühler!J2774</f>
        <v>0.77753087894372941</v>
      </c>
      <c r="K2748" s="59">
        <f>Bühler!K2774</f>
        <v>1.1662963184155939</v>
      </c>
      <c r="L2748" s="59">
        <f>Bühler!L2774</f>
        <v>5.5982223283948507</v>
      </c>
      <c r="M2748" s="58">
        <f>Bühler!M2774</f>
        <v>0</v>
      </c>
      <c r="N2748" s="56">
        <f>IF(Input!$D$19=1,J2748*Input!$C$19,0)+IF(Input!$D$20=1,K2748*Input!$C$20,0)+IF(Input!$D$21=1,L2748*Input!$C$21,0)+IF(Input!$D$22=1,M2748*Input!$C$22,0)</f>
        <v>0.23325926368311881</v>
      </c>
      <c r="O2748" s="59">
        <f>IF(Input!$D$19=2,J2748*Input!$C$19,0)+IF(Input!$D$20=2,K2748*Input!$C$20,0)+IF(Input!$D$21=2,L2748*Input!$C$21,0)+IF(Input!$D$22=2,M2748*Input!$C$22,0)</f>
        <v>0.58314815920779695</v>
      </c>
      <c r="P2748" s="59">
        <f>IF(Input!$D$19=3,J2748*Input!$C$19,0)+IF(Input!$D$20=3,K2748*Input!$C$20,0)+IF(Input!$D$21=3,L2748*Input!$C$21,0)+IF(Input!$D$22=3,M2748*Input!$C$22,0)</f>
        <v>0</v>
      </c>
      <c r="Q2748" s="75">
        <f>IF(Input!$D$19=4,J2748*Input!$C$19,0)+IF(Input!$D$20=4,K2748*Input!$C$20,0)+IF(Input!$D$21=4,L2748*Input!$C$21,0)+IF(Input!$D$22=4,M2748*Input!$C$22,0)</f>
        <v>0</v>
      </c>
      <c r="R2748" s="58">
        <v>58.997033328384312</v>
      </c>
      <c r="S2748" s="124">
        <f t="shared" si="42"/>
        <v>1.0107901426268482</v>
      </c>
    </row>
    <row r="2749" spans="8:19" x14ac:dyDescent="0.3">
      <c r="H2749" s="44">
        <v>2742</v>
      </c>
      <c r="I2749" s="56">
        <f>Bühler!I2775</f>
        <v>0.3006452731915753</v>
      </c>
      <c r="J2749" s="59">
        <f>Bühler!J2775</f>
        <v>1.0021509106385844</v>
      </c>
      <c r="K2749" s="59">
        <f>Bühler!K2775</f>
        <v>1.5032263659578766</v>
      </c>
      <c r="L2749" s="59">
        <f>Bühler!L2775</f>
        <v>7.2154865565978072</v>
      </c>
      <c r="M2749" s="58">
        <f>Bühler!M2775</f>
        <v>0</v>
      </c>
      <c r="N2749" s="56">
        <f>IF(Input!$D$19=1,J2749*Input!$C$19,0)+IF(Input!$D$20=1,K2749*Input!$C$20,0)+IF(Input!$D$21=1,L2749*Input!$C$21,0)+IF(Input!$D$22=1,M2749*Input!$C$22,0)</f>
        <v>0.3006452731915753</v>
      </c>
      <c r="O2749" s="59">
        <f>IF(Input!$D$19=2,J2749*Input!$C$19,0)+IF(Input!$D$20=2,K2749*Input!$C$20,0)+IF(Input!$D$21=2,L2749*Input!$C$21,0)+IF(Input!$D$22=2,M2749*Input!$C$22,0)</f>
        <v>0.75161318297893831</v>
      </c>
      <c r="P2749" s="59">
        <f>IF(Input!$D$19=3,J2749*Input!$C$19,0)+IF(Input!$D$20=3,K2749*Input!$C$20,0)+IF(Input!$D$21=3,L2749*Input!$C$21,0)+IF(Input!$D$22=3,M2749*Input!$C$22,0)</f>
        <v>0</v>
      </c>
      <c r="Q2749" s="75">
        <f>IF(Input!$D$19=4,J2749*Input!$C$19,0)+IF(Input!$D$20=4,K2749*Input!$C$20,0)+IF(Input!$D$21=4,L2749*Input!$C$21,0)+IF(Input!$D$22=4,M2749*Input!$C$22,0)</f>
        <v>0</v>
      </c>
      <c r="R2749" s="58">
        <v>61.579900550951663</v>
      </c>
      <c r="S2749" s="124">
        <f t="shared" si="42"/>
        <v>1.3027961838301598</v>
      </c>
    </row>
    <row r="2750" spans="8:19" x14ac:dyDescent="0.3">
      <c r="H2750" s="44">
        <v>2743</v>
      </c>
      <c r="I2750" s="56">
        <f>Bühler!I2776</f>
        <v>0.34729712592819911</v>
      </c>
      <c r="J2750" s="59">
        <f>Bühler!J2776</f>
        <v>1.1576570864273303</v>
      </c>
      <c r="K2750" s="59">
        <f>Bühler!K2776</f>
        <v>1.7364856296409956</v>
      </c>
      <c r="L2750" s="59">
        <f>Bühler!L2776</f>
        <v>8.3351310222767783</v>
      </c>
      <c r="M2750" s="58">
        <f>Bühler!M2776</f>
        <v>0</v>
      </c>
      <c r="N2750" s="56">
        <f>IF(Input!$D$19=1,J2750*Input!$C$19,0)+IF(Input!$D$20=1,K2750*Input!$C$20,0)+IF(Input!$D$21=1,L2750*Input!$C$21,0)+IF(Input!$D$22=1,M2750*Input!$C$22,0)</f>
        <v>0.34729712592819911</v>
      </c>
      <c r="O2750" s="59">
        <f>IF(Input!$D$19=2,J2750*Input!$C$19,0)+IF(Input!$D$20=2,K2750*Input!$C$20,0)+IF(Input!$D$21=2,L2750*Input!$C$21,0)+IF(Input!$D$22=2,M2750*Input!$C$22,0)</f>
        <v>0.86824281482049781</v>
      </c>
      <c r="P2750" s="59">
        <f>IF(Input!$D$19=3,J2750*Input!$C$19,0)+IF(Input!$D$20=3,K2750*Input!$C$20,0)+IF(Input!$D$21=3,L2750*Input!$C$21,0)+IF(Input!$D$22=3,M2750*Input!$C$22,0)</f>
        <v>0</v>
      </c>
      <c r="Q2750" s="75">
        <f>IF(Input!$D$19=4,J2750*Input!$C$19,0)+IF(Input!$D$20=4,K2750*Input!$C$20,0)+IF(Input!$D$21=4,L2750*Input!$C$21,0)+IF(Input!$D$22=4,M2750*Input!$C$22,0)</f>
        <v>0</v>
      </c>
      <c r="R2750" s="58">
        <v>64.918338221890835</v>
      </c>
      <c r="S2750" s="124">
        <f t="shared" si="42"/>
        <v>1.5049542123555295</v>
      </c>
    </row>
    <row r="2751" spans="8:19" x14ac:dyDescent="0.3">
      <c r="H2751" s="44">
        <v>2744</v>
      </c>
      <c r="I2751" s="56">
        <f>Bühler!I2777</f>
        <v>0.34729712592819911</v>
      </c>
      <c r="J2751" s="59">
        <f>Bühler!J2777</f>
        <v>1.1576570864273303</v>
      </c>
      <c r="K2751" s="59">
        <f>Bühler!K2777</f>
        <v>1.7364856296409956</v>
      </c>
      <c r="L2751" s="59">
        <f>Bühler!L2777</f>
        <v>8.3351310222767783</v>
      </c>
      <c r="M2751" s="58">
        <f>Bühler!M2777</f>
        <v>0</v>
      </c>
      <c r="N2751" s="56">
        <f>IF(Input!$D$19=1,J2751*Input!$C$19,0)+IF(Input!$D$20=1,K2751*Input!$C$20,0)+IF(Input!$D$21=1,L2751*Input!$C$21,0)+IF(Input!$D$22=1,M2751*Input!$C$22,0)</f>
        <v>0.34729712592819911</v>
      </c>
      <c r="O2751" s="59">
        <f>IF(Input!$D$19=2,J2751*Input!$C$19,0)+IF(Input!$D$20=2,K2751*Input!$C$20,0)+IF(Input!$D$21=2,L2751*Input!$C$21,0)+IF(Input!$D$22=2,M2751*Input!$C$22,0)</f>
        <v>0.86824281482049781</v>
      </c>
      <c r="P2751" s="59">
        <f>IF(Input!$D$19=3,J2751*Input!$C$19,0)+IF(Input!$D$20=3,K2751*Input!$C$20,0)+IF(Input!$D$21=3,L2751*Input!$C$21,0)+IF(Input!$D$22=3,M2751*Input!$C$22,0)</f>
        <v>0</v>
      </c>
      <c r="Q2751" s="75">
        <f>IF(Input!$D$19=4,J2751*Input!$C$19,0)+IF(Input!$D$20=4,K2751*Input!$C$20,0)+IF(Input!$D$21=4,L2751*Input!$C$21,0)+IF(Input!$D$22=4,M2751*Input!$C$22,0)</f>
        <v>0</v>
      </c>
      <c r="R2751" s="58">
        <v>66.917348751023937</v>
      </c>
      <c r="S2751" s="124">
        <f t="shared" si="42"/>
        <v>1.5049542123555295</v>
      </c>
    </row>
    <row r="2752" spans="8:19" x14ac:dyDescent="0.3">
      <c r="H2752" s="44">
        <v>2745</v>
      </c>
      <c r="I2752" s="56">
        <f>Bühler!I2778</f>
        <v>0.34729712592819911</v>
      </c>
      <c r="J2752" s="59">
        <f>Bühler!J2778</f>
        <v>1.1576570864273303</v>
      </c>
      <c r="K2752" s="59">
        <f>Bühler!K2778</f>
        <v>1.7364856296409956</v>
      </c>
      <c r="L2752" s="59">
        <f>Bühler!L2778</f>
        <v>8.3351310222767783</v>
      </c>
      <c r="M2752" s="58">
        <f>Bühler!M2778</f>
        <v>0</v>
      </c>
      <c r="N2752" s="56">
        <f>IF(Input!$D$19=1,J2752*Input!$C$19,0)+IF(Input!$D$20=1,K2752*Input!$C$20,0)+IF(Input!$D$21=1,L2752*Input!$C$21,0)+IF(Input!$D$22=1,M2752*Input!$C$22,0)</f>
        <v>0.34729712592819911</v>
      </c>
      <c r="O2752" s="59">
        <f>IF(Input!$D$19=2,J2752*Input!$C$19,0)+IF(Input!$D$20=2,K2752*Input!$C$20,0)+IF(Input!$D$21=2,L2752*Input!$C$21,0)+IF(Input!$D$22=2,M2752*Input!$C$22,0)</f>
        <v>0.86824281482049781</v>
      </c>
      <c r="P2752" s="59">
        <f>IF(Input!$D$19=3,J2752*Input!$C$19,0)+IF(Input!$D$20=3,K2752*Input!$C$20,0)+IF(Input!$D$21=3,L2752*Input!$C$21,0)+IF(Input!$D$22=3,M2752*Input!$C$22,0)</f>
        <v>0</v>
      </c>
      <c r="Q2752" s="75">
        <f>IF(Input!$D$19=4,J2752*Input!$C$19,0)+IF(Input!$D$20=4,K2752*Input!$C$20,0)+IF(Input!$D$21=4,L2752*Input!$C$21,0)+IF(Input!$D$22=4,M2752*Input!$C$22,0)</f>
        <v>0</v>
      </c>
      <c r="R2752" s="58">
        <v>67.422269903256662</v>
      </c>
      <c r="S2752" s="124">
        <f t="shared" si="42"/>
        <v>1.5049542123555295</v>
      </c>
    </row>
    <row r="2753" spans="8:19" x14ac:dyDescent="0.3">
      <c r="H2753" s="44">
        <v>2746</v>
      </c>
      <c r="I2753" s="56">
        <f>Bühler!I2779</f>
        <v>0.37321482189299005</v>
      </c>
      <c r="J2753" s="59">
        <f>Bühler!J2779</f>
        <v>1.244049406309967</v>
      </c>
      <c r="K2753" s="59">
        <f>Bühler!K2779</f>
        <v>1.8660741094649502</v>
      </c>
      <c r="L2753" s="59">
        <f>Bühler!L2779</f>
        <v>8.9571557254317611</v>
      </c>
      <c r="M2753" s="58">
        <f>Bühler!M2779</f>
        <v>0</v>
      </c>
      <c r="N2753" s="56">
        <f>IF(Input!$D$19=1,J2753*Input!$C$19,0)+IF(Input!$D$20=1,K2753*Input!$C$20,0)+IF(Input!$D$21=1,L2753*Input!$C$21,0)+IF(Input!$D$22=1,M2753*Input!$C$22,0)</f>
        <v>0.3732148218929901</v>
      </c>
      <c r="O2753" s="59">
        <f>IF(Input!$D$19=2,J2753*Input!$C$19,0)+IF(Input!$D$20=2,K2753*Input!$C$20,0)+IF(Input!$D$21=2,L2753*Input!$C$21,0)+IF(Input!$D$22=2,M2753*Input!$C$22,0)</f>
        <v>0.93303705473247511</v>
      </c>
      <c r="P2753" s="59">
        <f>IF(Input!$D$19=3,J2753*Input!$C$19,0)+IF(Input!$D$20=3,K2753*Input!$C$20,0)+IF(Input!$D$21=3,L2753*Input!$C$21,0)+IF(Input!$D$22=3,M2753*Input!$C$22,0)</f>
        <v>0</v>
      </c>
      <c r="Q2753" s="75">
        <f>IF(Input!$D$19=4,J2753*Input!$C$19,0)+IF(Input!$D$20=4,K2753*Input!$C$20,0)+IF(Input!$D$21=4,L2753*Input!$C$21,0)+IF(Input!$D$22=4,M2753*Input!$C$22,0)</f>
        <v>0</v>
      </c>
      <c r="R2753" s="58">
        <v>67.494728222135805</v>
      </c>
      <c r="S2753" s="124">
        <f t="shared" si="42"/>
        <v>1.617264228202957</v>
      </c>
    </row>
    <row r="2754" spans="8:19" x14ac:dyDescent="0.3">
      <c r="H2754" s="44">
        <v>2747</v>
      </c>
      <c r="I2754" s="56">
        <f>Bühler!I2780</f>
        <v>0.4043160570507392</v>
      </c>
      <c r="J2754" s="59">
        <f>Bühler!J2780</f>
        <v>1.3477201901691309</v>
      </c>
      <c r="K2754" s="59">
        <f>Bühler!K2780</f>
        <v>2.0215802852536959</v>
      </c>
      <c r="L2754" s="59">
        <f>Bühler!L2780</f>
        <v>9.7035853692177412</v>
      </c>
      <c r="M2754" s="58">
        <f>Bühler!M2780</f>
        <v>0</v>
      </c>
      <c r="N2754" s="56">
        <f>IF(Input!$D$19=1,J2754*Input!$C$19,0)+IF(Input!$D$20=1,K2754*Input!$C$20,0)+IF(Input!$D$21=1,L2754*Input!$C$21,0)+IF(Input!$D$22=1,M2754*Input!$C$22,0)</f>
        <v>0.40431605705073925</v>
      </c>
      <c r="O2754" s="59">
        <f>IF(Input!$D$19=2,J2754*Input!$C$19,0)+IF(Input!$D$20=2,K2754*Input!$C$20,0)+IF(Input!$D$21=2,L2754*Input!$C$21,0)+IF(Input!$D$22=2,M2754*Input!$C$22,0)</f>
        <v>1.010790142626848</v>
      </c>
      <c r="P2754" s="59">
        <f>IF(Input!$D$19=3,J2754*Input!$C$19,0)+IF(Input!$D$20=3,K2754*Input!$C$20,0)+IF(Input!$D$21=3,L2754*Input!$C$21,0)+IF(Input!$D$22=3,M2754*Input!$C$22,0)</f>
        <v>0</v>
      </c>
      <c r="Q2754" s="75">
        <f>IF(Input!$D$19=4,J2754*Input!$C$19,0)+IF(Input!$D$20=4,K2754*Input!$C$20,0)+IF(Input!$D$21=4,L2754*Input!$C$21,0)+IF(Input!$D$22=4,M2754*Input!$C$22,0)</f>
        <v>0</v>
      </c>
      <c r="R2754" s="58">
        <v>67.729629331542895</v>
      </c>
      <c r="S2754" s="124">
        <f t="shared" si="42"/>
        <v>1.7520362472198701</v>
      </c>
    </row>
    <row r="2755" spans="8:19" x14ac:dyDescent="0.3">
      <c r="H2755" s="44">
        <v>2748</v>
      </c>
      <c r="I2755" s="56">
        <f>Bühler!I2781</f>
        <v>0.46651852736623756</v>
      </c>
      <c r="J2755" s="59">
        <f>Bühler!J2781</f>
        <v>1.5550617578874588</v>
      </c>
      <c r="K2755" s="59">
        <f>Bühler!K2781</f>
        <v>2.3325926368311878</v>
      </c>
      <c r="L2755" s="59">
        <f>Bühler!L2781</f>
        <v>11.196444656789701</v>
      </c>
      <c r="M2755" s="58">
        <f>Bühler!M2781</f>
        <v>0</v>
      </c>
      <c r="N2755" s="56">
        <f>IF(Input!$D$19=1,J2755*Input!$C$19,0)+IF(Input!$D$20=1,K2755*Input!$C$20,0)+IF(Input!$D$21=1,L2755*Input!$C$21,0)+IF(Input!$D$22=1,M2755*Input!$C$22,0)</f>
        <v>0.46651852736623761</v>
      </c>
      <c r="O2755" s="59">
        <f>IF(Input!$D$19=2,J2755*Input!$C$19,0)+IF(Input!$D$20=2,K2755*Input!$C$20,0)+IF(Input!$D$21=2,L2755*Input!$C$21,0)+IF(Input!$D$22=2,M2755*Input!$C$22,0)</f>
        <v>1.1662963184155939</v>
      </c>
      <c r="P2755" s="59">
        <f>IF(Input!$D$19=3,J2755*Input!$C$19,0)+IF(Input!$D$20=3,K2755*Input!$C$20,0)+IF(Input!$D$21=3,L2755*Input!$C$21,0)+IF(Input!$D$22=3,M2755*Input!$C$22,0)</f>
        <v>0</v>
      </c>
      <c r="Q2755" s="75">
        <f>IF(Input!$D$19=4,J2755*Input!$C$19,0)+IF(Input!$D$20=4,K2755*Input!$C$20,0)+IF(Input!$D$21=4,L2755*Input!$C$21,0)+IF(Input!$D$22=4,M2755*Input!$C$22,0)</f>
        <v>0</v>
      </c>
      <c r="R2755" s="58">
        <v>69.031579870154061</v>
      </c>
      <c r="S2755" s="124">
        <f t="shared" si="42"/>
        <v>2.0215802852536964</v>
      </c>
    </row>
    <row r="2756" spans="8:19" x14ac:dyDescent="0.3">
      <c r="H2756" s="44">
        <v>2749</v>
      </c>
      <c r="I2756" s="56">
        <f>Bühler!I2782</f>
        <v>0.46651852736623756</v>
      </c>
      <c r="J2756" s="59">
        <f>Bühler!J2782</f>
        <v>1.5550617578874588</v>
      </c>
      <c r="K2756" s="59">
        <f>Bühler!K2782</f>
        <v>2.3325926368311878</v>
      </c>
      <c r="L2756" s="59">
        <f>Bühler!L2782</f>
        <v>11.196444656789701</v>
      </c>
      <c r="M2756" s="58">
        <f>Bühler!M2782</f>
        <v>0</v>
      </c>
      <c r="N2756" s="56">
        <f>IF(Input!$D$19=1,J2756*Input!$C$19,0)+IF(Input!$D$20=1,K2756*Input!$C$20,0)+IF(Input!$D$21=1,L2756*Input!$C$21,0)+IF(Input!$D$22=1,M2756*Input!$C$22,0)</f>
        <v>0.46651852736623761</v>
      </c>
      <c r="O2756" s="59">
        <f>IF(Input!$D$19=2,J2756*Input!$C$19,0)+IF(Input!$D$20=2,K2756*Input!$C$20,0)+IF(Input!$D$21=2,L2756*Input!$C$21,0)+IF(Input!$D$22=2,M2756*Input!$C$22,0)</f>
        <v>1.1662963184155939</v>
      </c>
      <c r="P2756" s="59">
        <f>IF(Input!$D$19=3,J2756*Input!$C$19,0)+IF(Input!$D$20=3,K2756*Input!$C$20,0)+IF(Input!$D$21=3,L2756*Input!$C$21,0)+IF(Input!$D$22=3,M2756*Input!$C$22,0)</f>
        <v>0</v>
      </c>
      <c r="Q2756" s="75">
        <f>IF(Input!$D$19=4,J2756*Input!$C$19,0)+IF(Input!$D$20=4,K2756*Input!$C$20,0)+IF(Input!$D$21=4,L2756*Input!$C$21,0)+IF(Input!$D$22=4,M2756*Input!$C$22,0)</f>
        <v>0</v>
      </c>
      <c r="R2756" s="58">
        <v>68.498943658034165</v>
      </c>
      <c r="S2756" s="124">
        <f t="shared" si="42"/>
        <v>2.0215802852536964</v>
      </c>
    </row>
    <row r="2757" spans="8:19" x14ac:dyDescent="0.3">
      <c r="H2757" s="44">
        <v>2750</v>
      </c>
      <c r="I2757" s="56">
        <f>Bühler!I2783</f>
        <v>0.46651852736623756</v>
      </c>
      <c r="J2757" s="59">
        <f>Bühler!J2783</f>
        <v>1.5550617578874588</v>
      </c>
      <c r="K2757" s="59">
        <f>Bühler!K2783</f>
        <v>2.3325926368311878</v>
      </c>
      <c r="L2757" s="59">
        <f>Bühler!L2783</f>
        <v>11.196444656789701</v>
      </c>
      <c r="M2757" s="58">
        <f>Bühler!M2783</f>
        <v>0</v>
      </c>
      <c r="N2757" s="56">
        <f>IF(Input!$D$19=1,J2757*Input!$C$19,0)+IF(Input!$D$20=1,K2757*Input!$C$20,0)+IF(Input!$D$21=1,L2757*Input!$C$21,0)+IF(Input!$D$22=1,M2757*Input!$C$22,0)</f>
        <v>0.46651852736623761</v>
      </c>
      <c r="O2757" s="59">
        <f>IF(Input!$D$19=2,J2757*Input!$C$19,0)+IF(Input!$D$20=2,K2757*Input!$C$20,0)+IF(Input!$D$21=2,L2757*Input!$C$21,0)+IF(Input!$D$22=2,M2757*Input!$C$22,0)</f>
        <v>1.1662963184155939</v>
      </c>
      <c r="P2757" s="59">
        <f>IF(Input!$D$19=3,J2757*Input!$C$19,0)+IF(Input!$D$20=3,K2757*Input!$C$20,0)+IF(Input!$D$21=3,L2757*Input!$C$21,0)+IF(Input!$D$22=3,M2757*Input!$C$22,0)</f>
        <v>0</v>
      </c>
      <c r="Q2757" s="75">
        <f>IF(Input!$D$19=4,J2757*Input!$C$19,0)+IF(Input!$D$20=4,K2757*Input!$C$20,0)+IF(Input!$D$21=4,L2757*Input!$C$21,0)+IF(Input!$D$22=4,M2757*Input!$C$22,0)</f>
        <v>0</v>
      </c>
      <c r="R2757" s="58">
        <v>68.024052399053858</v>
      </c>
      <c r="S2757" s="124">
        <f t="shared" si="42"/>
        <v>2.0215802852536964</v>
      </c>
    </row>
    <row r="2758" spans="8:19" x14ac:dyDescent="0.3">
      <c r="H2758" s="44">
        <v>2751</v>
      </c>
      <c r="I2758" s="56">
        <f>Bühler!I2784</f>
        <v>0.46651852736623756</v>
      </c>
      <c r="J2758" s="59">
        <f>Bühler!J2784</f>
        <v>1.5550617578874588</v>
      </c>
      <c r="K2758" s="59">
        <f>Bühler!K2784</f>
        <v>2.3325926368311878</v>
      </c>
      <c r="L2758" s="59">
        <f>Bühler!L2784</f>
        <v>11.196444656789701</v>
      </c>
      <c r="M2758" s="58">
        <f>Bühler!M2784</f>
        <v>0</v>
      </c>
      <c r="N2758" s="56">
        <f>IF(Input!$D$19=1,J2758*Input!$C$19,0)+IF(Input!$D$20=1,K2758*Input!$C$20,0)+IF(Input!$D$21=1,L2758*Input!$C$21,0)+IF(Input!$D$22=1,M2758*Input!$C$22,0)</f>
        <v>0.46651852736623761</v>
      </c>
      <c r="O2758" s="59">
        <f>IF(Input!$D$19=2,J2758*Input!$C$19,0)+IF(Input!$D$20=2,K2758*Input!$C$20,0)+IF(Input!$D$21=2,L2758*Input!$C$21,0)+IF(Input!$D$22=2,M2758*Input!$C$22,0)</f>
        <v>1.1662963184155939</v>
      </c>
      <c r="P2758" s="59">
        <f>IF(Input!$D$19=3,J2758*Input!$C$19,0)+IF(Input!$D$20=3,K2758*Input!$C$20,0)+IF(Input!$D$21=3,L2758*Input!$C$21,0)+IF(Input!$D$22=3,M2758*Input!$C$22,0)</f>
        <v>0</v>
      </c>
      <c r="Q2758" s="75">
        <f>IF(Input!$D$19=4,J2758*Input!$C$19,0)+IF(Input!$D$20=4,K2758*Input!$C$20,0)+IF(Input!$D$21=4,L2758*Input!$C$21,0)+IF(Input!$D$22=4,M2758*Input!$C$22,0)</f>
        <v>0</v>
      </c>
      <c r="R2758" s="58">
        <v>68.375640029484771</v>
      </c>
      <c r="S2758" s="124">
        <f t="shared" si="42"/>
        <v>2.0215802852536964</v>
      </c>
    </row>
    <row r="2759" spans="8:19" x14ac:dyDescent="0.3">
      <c r="H2759" s="44">
        <v>2752</v>
      </c>
      <c r="I2759" s="56">
        <f>Bühler!I2785</f>
        <v>0.46651852736623756</v>
      </c>
      <c r="J2759" s="59">
        <f>Bühler!J2785</f>
        <v>1.5550617578874588</v>
      </c>
      <c r="K2759" s="59">
        <f>Bühler!K2785</f>
        <v>2.3325926368311878</v>
      </c>
      <c r="L2759" s="59">
        <f>Bühler!L2785</f>
        <v>11.196444656789701</v>
      </c>
      <c r="M2759" s="58">
        <f>Bühler!M2785</f>
        <v>0</v>
      </c>
      <c r="N2759" s="56">
        <f>IF(Input!$D$19=1,J2759*Input!$C$19,0)+IF(Input!$D$20=1,K2759*Input!$C$20,0)+IF(Input!$D$21=1,L2759*Input!$C$21,0)+IF(Input!$D$22=1,M2759*Input!$C$22,0)</f>
        <v>0.46651852736623761</v>
      </c>
      <c r="O2759" s="59">
        <f>IF(Input!$D$19=2,J2759*Input!$C$19,0)+IF(Input!$D$20=2,K2759*Input!$C$20,0)+IF(Input!$D$21=2,L2759*Input!$C$21,0)+IF(Input!$D$22=2,M2759*Input!$C$22,0)</f>
        <v>1.1662963184155939</v>
      </c>
      <c r="P2759" s="59">
        <f>IF(Input!$D$19=3,J2759*Input!$C$19,0)+IF(Input!$D$20=3,K2759*Input!$C$20,0)+IF(Input!$D$21=3,L2759*Input!$C$21,0)+IF(Input!$D$22=3,M2759*Input!$C$22,0)</f>
        <v>0</v>
      </c>
      <c r="Q2759" s="75">
        <f>IF(Input!$D$19=4,J2759*Input!$C$19,0)+IF(Input!$D$20=4,K2759*Input!$C$20,0)+IF(Input!$D$21=4,L2759*Input!$C$21,0)+IF(Input!$D$22=4,M2759*Input!$C$22,0)</f>
        <v>0</v>
      </c>
      <c r="R2759" s="58">
        <v>67.996357855140118</v>
      </c>
      <c r="S2759" s="124">
        <f t="shared" si="42"/>
        <v>2.0215802852536964</v>
      </c>
    </row>
    <row r="2760" spans="8:19" x14ac:dyDescent="0.3">
      <c r="H2760" s="44">
        <v>2753</v>
      </c>
      <c r="I2760" s="56">
        <f>Bühler!I2786</f>
        <v>0.46651852736623756</v>
      </c>
      <c r="J2760" s="59">
        <f>Bühler!J2786</f>
        <v>1.5550617578874588</v>
      </c>
      <c r="K2760" s="59">
        <f>Bühler!K2786</f>
        <v>2.3325926368311878</v>
      </c>
      <c r="L2760" s="59">
        <f>Bühler!L2786</f>
        <v>11.196444656789701</v>
      </c>
      <c r="M2760" s="58">
        <f>Bühler!M2786</f>
        <v>0</v>
      </c>
      <c r="N2760" s="56">
        <f>IF(Input!$D$19=1,J2760*Input!$C$19,0)+IF(Input!$D$20=1,K2760*Input!$C$20,0)+IF(Input!$D$21=1,L2760*Input!$C$21,0)+IF(Input!$D$22=1,M2760*Input!$C$22,0)</f>
        <v>0.46651852736623761</v>
      </c>
      <c r="O2760" s="59">
        <f>IF(Input!$D$19=2,J2760*Input!$C$19,0)+IF(Input!$D$20=2,K2760*Input!$C$20,0)+IF(Input!$D$21=2,L2760*Input!$C$21,0)+IF(Input!$D$22=2,M2760*Input!$C$22,0)</f>
        <v>1.1662963184155939</v>
      </c>
      <c r="P2760" s="59">
        <f>IF(Input!$D$19=3,J2760*Input!$C$19,0)+IF(Input!$D$20=3,K2760*Input!$C$20,0)+IF(Input!$D$21=3,L2760*Input!$C$21,0)+IF(Input!$D$22=3,M2760*Input!$C$22,0)</f>
        <v>0</v>
      </c>
      <c r="Q2760" s="75">
        <f>IF(Input!$D$19=4,J2760*Input!$C$19,0)+IF(Input!$D$20=4,K2760*Input!$C$20,0)+IF(Input!$D$21=4,L2760*Input!$C$21,0)+IF(Input!$D$22=4,M2760*Input!$C$22,0)</f>
        <v>0</v>
      </c>
      <c r="R2760" s="58">
        <v>66.830817317763419</v>
      </c>
      <c r="S2760" s="124">
        <f t="shared" si="42"/>
        <v>2.0215802852536964</v>
      </c>
    </row>
    <row r="2761" spans="8:19" x14ac:dyDescent="0.3">
      <c r="H2761" s="44">
        <v>2754</v>
      </c>
      <c r="I2761" s="56">
        <f>Bühler!I2787</f>
        <v>0.46651852736623756</v>
      </c>
      <c r="J2761" s="59">
        <f>Bühler!J2787</f>
        <v>1.5550617578874588</v>
      </c>
      <c r="K2761" s="59">
        <f>Bühler!K2787</f>
        <v>2.3325926368311878</v>
      </c>
      <c r="L2761" s="59">
        <f>Bühler!L2787</f>
        <v>11.196444656789701</v>
      </c>
      <c r="M2761" s="58">
        <f>Bühler!M2787</f>
        <v>0</v>
      </c>
      <c r="N2761" s="56">
        <f>IF(Input!$D$19=1,J2761*Input!$C$19,0)+IF(Input!$D$20=1,K2761*Input!$C$20,0)+IF(Input!$D$21=1,L2761*Input!$C$21,0)+IF(Input!$D$22=1,M2761*Input!$C$22,0)</f>
        <v>0.46651852736623761</v>
      </c>
      <c r="O2761" s="59">
        <f>IF(Input!$D$19=2,J2761*Input!$C$19,0)+IF(Input!$D$20=2,K2761*Input!$C$20,0)+IF(Input!$D$21=2,L2761*Input!$C$21,0)+IF(Input!$D$22=2,M2761*Input!$C$22,0)</f>
        <v>1.1662963184155939</v>
      </c>
      <c r="P2761" s="59">
        <f>IF(Input!$D$19=3,J2761*Input!$C$19,0)+IF(Input!$D$20=3,K2761*Input!$C$20,0)+IF(Input!$D$21=3,L2761*Input!$C$21,0)+IF(Input!$D$22=3,M2761*Input!$C$22,0)</f>
        <v>0</v>
      </c>
      <c r="Q2761" s="75">
        <f>IF(Input!$D$19=4,J2761*Input!$C$19,0)+IF(Input!$D$20=4,K2761*Input!$C$20,0)+IF(Input!$D$21=4,L2761*Input!$C$21,0)+IF(Input!$D$22=4,M2761*Input!$C$22,0)</f>
        <v>0</v>
      </c>
      <c r="R2761" s="58">
        <v>65.004574664481794</v>
      </c>
      <c r="S2761" s="124">
        <f t="shared" ref="S2761:S2824" si="43">I2761+J2761</f>
        <v>2.0215802852536964</v>
      </c>
    </row>
    <row r="2762" spans="8:19" x14ac:dyDescent="0.3">
      <c r="H2762" s="44">
        <v>2755</v>
      </c>
      <c r="I2762" s="56">
        <f>Bühler!I2788</f>
        <v>0.46651852736623756</v>
      </c>
      <c r="J2762" s="59">
        <f>Bühler!J2788</f>
        <v>1.5550617578874588</v>
      </c>
      <c r="K2762" s="59">
        <f>Bühler!K2788</f>
        <v>2.3325926368311878</v>
      </c>
      <c r="L2762" s="59">
        <f>Bühler!L2788</f>
        <v>11.196444656789701</v>
      </c>
      <c r="M2762" s="58">
        <f>Bühler!M2788</f>
        <v>0</v>
      </c>
      <c r="N2762" s="56">
        <f>IF(Input!$D$19=1,J2762*Input!$C$19,0)+IF(Input!$D$20=1,K2762*Input!$C$20,0)+IF(Input!$D$21=1,L2762*Input!$C$21,0)+IF(Input!$D$22=1,M2762*Input!$C$22,0)</f>
        <v>0.46651852736623761</v>
      </c>
      <c r="O2762" s="59">
        <f>IF(Input!$D$19=2,J2762*Input!$C$19,0)+IF(Input!$D$20=2,K2762*Input!$C$20,0)+IF(Input!$D$21=2,L2762*Input!$C$21,0)+IF(Input!$D$22=2,M2762*Input!$C$22,0)</f>
        <v>1.1662963184155939</v>
      </c>
      <c r="P2762" s="59">
        <f>IF(Input!$D$19=3,J2762*Input!$C$19,0)+IF(Input!$D$20=3,K2762*Input!$C$20,0)+IF(Input!$D$21=3,L2762*Input!$C$21,0)+IF(Input!$D$22=3,M2762*Input!$C$22,0)</f>
        <v>0</v>
      </c>
      <c r="Q2762" s="75">
        <f>IF(Input!$D$19=4,J2762*Input!$C$19,0)+IF(Input!$D$20=4,K2762*Input!$C$20,0)+IF(Input!$D$21=4,L2762*Input!$C$21,0)+IF(Input!$D$22=4,M2762*Input!$C$22,0)</f>
        <v>0</v>
      </c>
      <c r="R2762" s="58">
        <v>64.366120297682656</v>
      </c>
      <c r="S2762" s="124">
        <f t="shared" si="43"/>
        <v>2.0215802852536964</v>
      </c>
    </row>
    <row r="2763" spans="8:19" x14ac:dyDescent="0.3">
      <c r="H2763" s="44">
        <v>2756</v>
      </c>
      <c r="I2763" s="56">
        <f>Bühler!I2789</f>
        <v>0.3887654394718647</v>
      </c>
      <c r="J2763" s="59">
        <f>Bühler!J2789</f>
        <v>1.2958847982395492</v>
      </c>
      <c r="K2763" s="59">
        <f>Bühler!K2789</f>
        <v>1.9438271973593233</v>
      </c>
      <c r="L2763" s="59">
        <f>Bühler!L2789</f>
        <v>9.3303705473247529</v>
      </c>
      <c r="M2763" s="58">
        <f>Bühler!M2789</f>
        <v>0</v>
      </c>
      <c r="N2763" s="56">
        <f>IF(Input!$D$19=1,J2763*Input!$C$19,0)+IF(Input!$D$20=1,K2763*Input!$C$20,0)+IF(Input!$D$21=1,L2763*Input!$C$21,0)+IF(Input!$D$22=1,M2763*Input!$C$22,0)</f>
        <v>0.38876543947186476</v>
      </c>
      <c r="O2763" s="59">
        <f>IF(Input!$D$19=2,J2763*Input!$C$19,0)+IF(Input!$D$20=2,K2763*Input!$C$20,0)+IF(Input!$D$21=2,L2763*Input!$C$21,0)+IF(Input!$D$22=2,M2763*Input!$C$22,0)</f>
        <v>0.97191359867966165</v>
      </c>
      <c r="P2763" s="59">
        <f>IF(Input!$D$19=3,J2763*Input!$C$19,0)+IF(Input!$D$20=3,K2763*Input!$C$20,0)+IF(Input!$D$21=3,L2763*Input!$C$21,0)+IF(Input!$D$22=3,M2763*Input!$C$22,0)</f>
        <v>0</v>
      </c>
      <c r="Q2763" s="75">
        <f>IF(Input!$D$19=4,J2763*Input!$C$19,0)+IF(Input!$D$20=4,K2763*Input!$C$20,0)+IF(Input!$D$21=4,L2763*Input!$C$21,0)+IF(Input!$D$22=4,M2763*Input!$C$22,0)</f>
        <v>0</v>
      </c>
      <c r="R2763" s="58">
        <v>63.372606962443662</v>
      </c>
      <c r="S2763" s="124">
        <f t="shared" si="43"/>
        <v>1.6846502377114139</v>
      </c>
    </row>
    <row r="2764" spans="8:19" x14ac:dyDescent="0.3">
      <c r="H2764" s="44">
        <v>2757</v>
      </c>
      <c r="I2764" s="56">
        <f>Bühler!I2790</f>
        <v>0.31101235157749174</v>
      </c>
      <c r="J2764" s="59">
        <f>Bühler!J2790</f>
        <v>1.0367078385916393</v>
      </c>
      <c r="K2764" s="59">
        <f>Bühler!K2790</f>
        <v>1.5550617578874586</v>
      </c>
      <c r="L2764" s="59">
        <f>Bühler!L2790</f>
        <v>7.4642964378598018</v>
      </c>
      <c r="M2764" s="58">
        <f>Bühler!M2790</f>
        <v>0</v>
      </c>
      <c r="N2764" s="56">
        <f>IF(Input!$D$19=1,J2764*Input!$C$19,0)+IF(Input!$D$20=1,K2764*Input!$C$20,0)+IF(Input!$D$21=1,L2764*Input!$C$21,0)+IF(Input!$D$22=1,M2764*Input!$C$22,0)</f>
        <v>0.3110123515774918</v>
      </c>
      <c r="O2764" s="59">
        <f>IF(Input!$D$19=2,J2764*Input!$C$19,0)+IF(Input!$D$20=2,K2764*Input!$C$20,0)+IF(Input!$D$21=2,L2764*Input!$C$21,0)+IF(Input!$D$22=2,M2764*Input!$C$22,0)</f>
        <v>0.7775308789437293</v>
      </c>
      <c r="P2764" s="59">
        <f>IF(Input!$D$19=3,J2764*Input!$C$19,0)+IF(Input!$D$20=3,K2764*Input!$C$20,0)+IF(Input!$D$21=3,L2764*Input!$C$21,0)+IF(Input!$D$22=3,M2764*Input!$C$22,0)</f>
        <v>0</v>
      </c>
      <c r="Q2764" s="75">
        <f>IF(Input!$D$19=4,J2764*Input!$C$19,0)+IF(Input!$D$20=4,K2764*Input!$C$20,0)+IF(Input!$D$21=4,L2764*Input!$C$21,0)+IF(Input!$D$22=4,M2764*Input!$C$22,0)</f>
        <v>0</v>
      </c>
      <c r="R2764" s="58">
        <v>61.199533658256605</v>
      </c>
      <c r="S2764" s="124">
        <f t="shared" si="43"/>
        <v>1.3477201901691309</v>
      </c>
    </row>
    <row r="2765" spans="8:19" x14ac:dyDescent="0.3">
      <c r="H2765" s="44">
        <v>2758</v>
      </c>
      <c r="I2765" s="56">
        <f>Bühler!I2791</f>
        <v>0.23325926368311878</v>
      </c>
      <c r="J2765" s="59">
        <f>Bühler!J2791</f>
        <v>0.77753087894372941</v>
      </c>
      <c r="K2765" s="59">
        <f>Bühler!K2791</f>
        <v>1.1662963184155939</v>
      </c>
      <c r="L2765" s="59">
        <f>Bühler!L2791</f>
        <v>5.5982223283948507</v>
      </c>
      <c r="M2765" s="58">
        <f>Bühler!M2791</f>
        <v>0</v>
      </c>
      <c r="N2765" s="56">
        <f>IF(Input!$D$19=1,J2765*Input!$C$19,0)+IF(Input!$D$20=1,K2765*Input!$C$20,0)+IF(Input!$D$21=1,L2765*Input!$C$21,0)+IF(Input!$D$22=1,M2765*Input!$C$22,0)</f>
        <v>0.23325926368311881</v>
      </c>
      <c r="O2765" s="59">
        <f>IF(Input!$D$19=2,J2765*Input!$C$19,0)+IF(Input!$D$20=2,K2765*Input!$C$20,0)+IF(Input!$D$21=2,L2765*Input!$C$21,0)+IF(Input!$D$22=2,M2765*Input!$C$22,0)</f>
        <v>0.58314815920779695</v>
      </c>
      <c r="P2765" s="59">
        <f>IF(Input!$D$19=3,J2765*Input!$C$19,0)+IF(Input!$D$20=3,K2765*Input!$C$20,0)+IF(Input!$D$21=3,L2765*Input!$C$21,0)+IF(Input!$D$22=3,M2765*Input!$C$22,0)</f>
        <v>0</v>
      </c>
      <c r="Q2765" s="75">
        <f>IF(Input!$D$19=4,J2765*Input!$C$19,0)+IF(Input!$D$20=4,K2765*Input!$C$20,0)+IF(Input!$D$21=4,L2765*Input!$C$21,0)+IF(Input!$D$22=4,M2765*Input!$C$22,0)</f>
        <v>0</v>
      </c>
      <c r="R2765" s="58">
        <v>59.563893577360957</v>
      </c>
      <c r="S2765" s="124">
        <f t="shared" si="43"/>
        <v>1.0107901426268482</v>
      </c>
    </row>
    <row r="2766" spans="8:19" x14ac:dyDescent="0.3">
      <c r="H2766" s="44">
        <v>2759</v>
      </c>
      <c r="I2766" s="56">
        <f>Bühler!I2792</f>
        <v>0.23325926368311878</v>
      </c>
      <c r="J2766" s="59">
        <f>Bühler!J2792</f>
        <v>0.77753087894372941</v>
      </c>
      <c r="K2766" s="59">
        <f>Bühler!K2792</f>
        <v>1.1662963184155939</v>
      </c>
      <c r="L2766" s="59">
        <f>Bühler!L2792</f>
        <v>5.5982223283948507</v>
      </c>
      <c r="M2766" s="58">
        <f>Bühler!M2792</f>
        <v>0</v>
      </c>
      <c r="N2766" s="56">
        <f>IF(Input!$D$19=1,J2766*Input!$C$19,0)+IF(Input!$D$20=1,K2766*Input!$C$20,0)+IF(Input!$D$21=1,L2766*Input!$C$21,0)+IF(Input!$D$22=1,M2766*Input!$C$22,0)</f>
        <v>0.23325926368311881</v>
      </c>
      <c r="O2766" s="59">
        <f>IF(Input!$D$19=2,J2766*Input!$C$19,0)+IF(Input!$D$20=2,K2766*Input!$C$20,0)+IF(Input!$D$21=2,L2766*Input!$C$21,0)+IF(Input!$D$22=2,M2766*Input!$C$22,0)</f>
        <v>0.58314815920779695</v>
      </c>
      <c r="P2766" s="59">
        <f>IF(Input!$D$19=3,J2766*Input!$C$19,0)+IF(Input!$D$20=3,K2766*Input!$C$20,0)+IF(Input!$D$21=3,L2766*Input!$C$21,0)+IF(Input!$D$22=3,M2766*Input!$C$22,0)</f>
        <v>0</v>
      </c>
      <c r="Q2766" s="75">
        <f>IF(Input!$D$19=4,J2766*Input!$C$19,0)+IF(Input!$D$20=4,K2766*Input!$C$20,0)+IF(Input!$D$21=4,L2766*Input!$C$21,0)+IF(Input!$D$22=4,M2766*Input!$C$22,0)</f>
        <v>0</v>
      </c>
      <c r="R2766" s="58">
        <v>58.63729407014759</v>
      </c>
      <c r="S2766" s="124">
        <f t="shared" si="43"/>
        <v>1.0107901426268482</v>
      </c>
    </row>
    <row r="2767" spans="8:19" x14ac:dyDescent="0.3">
      <c r="H2767" s="44">
        <v>2760</v>
      </c>
      <c r="I2767" s="56">
        <f>Bühler!I2793</f>
        <v>0.23325926368311878</v>
      </c>
      <c r="J2767" s="59">
        <f>Bühler!J2793</f>
        <v>0.77753087894372941</v>
      </c>
      <c r="K2767" s="59">
        <f>Bühler!K2793</f>
        <v>1.1662963184155939</v>
      </c>
      <c r="L2767" s="59">
        <f>Bühler!L2793</f>
        <v>5.5982223283948507</v>
      </c>
      <c r="M2767" s="58">
        <f>Bühler!M2793</f>
        <v>0</v>
      </c>
      <c r="N2767" s="56">
        <f>IF(Input!$D$19=1,J2767*Input!$C$19,0)+IF(Input!$D$20=1,K2767*Input!$C$20,0)+IF(Input!$D$21=1,L2767*Input!$C$21,0)+IF(Input!$D$22=1,M2767*Input!$C$22,0)</f>
        <v>0.23325926368311881</v>
      </c>
      <c r="O2767" s="59">
        <f>IF(Input!$D$19=2,J2767*Input!$C$19,0)+IF(Input!$D$20=2,K2767*Input!$C$20,0)+IF(Input!$D$21=2,L2767*Input!$C$21,0)+IF(Input!$D$22=2,M2767*Input!$C$22,0)</f>
        <v>0.58314815920779695</v>
      </c>
      <c r="P2767" s="59">
        <f>IF(Input!$D$19=3,J2767*Input!$C$19,0)+IF(Input!$D$20=3,K2767*Input!$C$20,0)+IF(Input!$D$21=3,L2767*Input!$C$21,0)+IF(Input!$D$22=3,M2767*Input!$C$22,0)</f>
        <v>0</v>
      </c>
      <c r="Q2767" s="75">
        <f>IF(Input!$D$19=4,J2767*Input!$C$19,0)+IF(Input!$D$20=4,K2767*Input!$C$20,0)+IF(Input!$D$21=4,L2767*Input!$C$21,0)+IF(Input!$D$22=4,M2767*Input!$C$22,0)</f>
        <v>0</v>
      </c>
      <c r="R2767" s="58">
        <v>58.558661090519792</v>
      </c>
      <c r="S2767" s="124">
        <f t="shared" si="43"/>
        <v>1.0107901426268482</v>
      </c>
    </row>
    <row r="2768" spans="8:19" x14ac:dyDescent="0.3">
      <c r="H2768" s="44">
        <v>2761</v>
      </c>
      <c r="I2768" s="56">
        <f>Bühler!I2794</f>
        <v>0.22850126974178531</v>
      </c>
      <c r="J2768" s="59">
        <f>Bühler!J2794</f>
        <v>0.76167089913928443</v>
      </c>
      <c r="K2768" s="59">
        <f>Bühler!K2794</f>
        <v>1.1425063487089266</v>
      </c>
      <c r="L2768" s="59">
        <f>Bühler!L2794</f>
        <v>5.4840304738028474</v>
      </c>
      <c r="M2768" s="58">
        <f>Bühler!M2794</f>
        <v>0</v>
      </c>
      <c r="N2768" s="56">
        <f>IF(Input!$D$19=1,J2768*Input!$C$19,0)+IF(Input!$D$20=1,K2768*Input!$C$20,0)+IF(Input!$D$21=1,L2768*Input!$C$21,0)+IF(Input!$D$22=1,M2768*Input!$C$22,0)</f>
        <v>0.22850126974178531</v>
      </c>
      <c r="O2768" s="59">
        <f>IF(Input!$D$19=2,J2768*Input!$C$19,0)+IF(Input!$D$20=2,K2768*Input!$C$20,0)+IF(Input!$D$21=2,L2768*Input!$C$21,0)+IF(Input!$D$22=2,M2768*Input!$C$22,0)</f>
        <v>0.57125317435446332</v>
      </c>
      <c r="P2768" s="59">
        <f>IF(Input!$D$19=3,J2768*Input!$C$19,0)+IF(Input!$D$20=3,K2768*Input!$C$20,0)+IF(Input!$D$21=3,L2768*Input!$C$21,0)+IF(Input!$D$22=3,M2768*Input!$C$22,0)</f>
        <v>0</v>
      </c>
      <c r="Q2768" s="75">
        <f>IF(Input!$D$19=4,J2768*Input!$C$19,0)+IF(Input!$D$20=4,K2768*Input!$C$20,0)+IF(Input!$D$21=4,L2768*Input!$C$21,0)+IF(Input!$D$22=4,M2768*Input!$C$22,0)</f>
        <v>0</v>
      </c>
      <c r="R2768" s="58">
        <v>57.872475880035871</v>
      </c>
      <c r="S2768" s="124">
        <f t="shared" si="43"/>
        <v>0.99017216888106974</v>
      </c>
    </row>
    <row r="2769" spans="8:19" x14ac:dyDescent="0.3">
      <c r="H2769" s="44">
        <v>2762</v>
      </c>
      <c r="I2769" s="56">
        <f>Bühler!I2795</f>
        <v>0.22850126974178531</v>
      </c>
      <c r="J2769" s="59">
        <f>Bühler!J2795</f>
        <v>0.76167089913928443</v>
      </c>
      <c r="K2769" s="59">
        <f>Bühler!K2795</f>
        <v>1.1425063487089266</v>
      </c>
      <c r="L2769" s="59">
        <f>Bühler!L2795</f>
        <v>5.4840304738028474</v>
      </c>
      <c r="M2769" s="58">
        <f>Bühler!M2795</f>
        <v>0</v>
      </c>
      <c r="N2769" s="56">
        <f>IF(Input!$D$19=1,J2769*Input!$C$19,0)+IF(Input!$D$20=1,K2769*Input!$C$20,0)+IF(Input!$D$21=1,L2769*Input!$C$21,0)+IF(Input!$D$22=1,M2769*Input!$C$22,0)</f>
        <v>0.22850126974178531</v>
      </c>
      <c r="O2769" s="59">
        <f>IF(Input!$D$19=2,J2769*Input!$C$19,0)+IF(Input!$D$20=2,K2769*Input!$C$20,0)+IF(Input!$D$21=2,L2769*Input!$C$21,0)+IF(Input!$D$22=2,M2769*Input!$C$22,0)</f>
        <v>0.57125317435446332</v>
      </c>
      <c r="P2769" s="59">
        <f>IF(Input!$D$19=3,J2769*Input!$C$19,0)+IF(Input!$D$20=3,K2769*Input!$C$20,0)+IF(Input!$D$21=3,L2769*Input!$C$21,0)+IF(Input!$D$22=3,M2769*Input!$C$22,0)</f>
        <v>0</v>
      </c>
      <c r="Q2769" s="75">
        <f>IF(Input!$D$19=4,J2769*Input!$C$19,0)+IF(Input!$D$20=4,K2769*Input!$C$20,0)+IF(Input!$D$21=4,L2769*Input!$C$21,0)+IF(Input!$D$22=4,M2769*Input!$C$22,0)</f>
        <v>0</v>
      </c>
      <c r="R2769" s="58">
        <v>57.124914389115425</v>
      </c>
      <c r="S2769" s="124">
        <f t="shared" si="43"/>
        <v>0.99017216888106974</v>
      </c>
    </row>
    <row r="2770" spans="8:19" x14ac:dyDescent="0.3">
      <c r="H2770" s="44">
        <v>2763</v>
      </c>
      <c r="I2770" s="56">
        <f>Bühler!I2796</f>
        <v>0.22850126974178531</v>
      </c>
      <c r="J2770" s="59">
        <f>Bühler!J2796</f>
        <v>0.76167089913928443</v>
      </c>
      <c r="K2770" s="59">
        <f>Bühler!K2796</f>
        <v>1.1425063487089266</v>
      </c>
      <c r="L2770" s="59">
        <f>Bühler!L2796</f>
        <v>5.4840304738028474</v>
      </c>
      <c r="M2770" s="58">
        <f>Bühler!M2796</f>
        <v>0</v>
      </c>
      <c r="N2770" s="56">
        <f>IF(Input!$D$19=1,J2770*Input!$C$19,0)+IF(Input!$D$20=1,K2770*Input!$C$20,0)+IF(Input!$D$21=1,L2770*Input!$C$21,0)+IF(Input!$D$22=1,M2770*Input!$C$22,0)</f>
        <v>0.22850126974178531</v>
      </c>
      <c r="O2770" s="59">
        <f>IF(Input!$D$19=2,J2770*Input!$C$19,0)+IF(Input!$D$20=2,K2770*Input!$C$20,0)+IF(Input!$D$21=2,L2770*Input!$C$21,0)+IF(Input!$D$22=2,M2770*Input!$C$22,0)</f>
        <v>0.57125317435446332</v>
      </c>
      <c r="P2770" s="59">
        <f>IF(Input!$D$19=3,J2770*Input!$C$19,0)+IF(Input!$D$20=3,K2770*Input!$C$20,0)+IF(Input!$D$21=3,L2770*Input!$C$21,0)+IF(Input!$D$22=3,M2770*Input!$C$22,0)</f>
        <v>0</v>
      </c>
      <c r="Q2770" s="75">
        <f>IF(Input!$D$19=4,J2770*Input!$C$19,0)+IF(Input!$D$20=4,K2770*Input!$C$20,0)+IF(Input!$D$21=4,L2770*Input!$C$21,0)+IF(Input!$D$22=4,M2770*Input!$C$22,0)</f>
        <v>0</v>
      </c>
      <c r="R2770" s="58">
        <v>57.321784493315235</v>
      </c>
      <c r="S2770" s="124">
        <f t="shared" si="43"/>
        <v>0.99017216888106974</v>
      </c>
    </row>
    <row r="2771" spans="8:19" x14ac:dyDescent="0.3">
      <c r="H2771" s="44">
        <v>2764</v>
      </c>
      <c r="I2771" s="56">
        <f>Bühler!I2797</f>
        <v>0.22850126974178531</v>
      </c>
      <c r="J2771" s="59">
        <f>Bühler!J2797</f>
        <v>0.76167089913928443</v>
      </c>
      <c r="K2771" s="59">
        <f>Bühler!K2797</f>
        <v>1.1425063487089266</v>
      </c>
      <c r="L2771" s="59">
        <f>Bühler!L2797</f>
        <v>5.4840304738028474</v>
      </c>
      <c r="M2771" s="58">
        <f>Bühler!M2797</f>
        <v>0</v>
      </c>
      <c r="N2771" s="56">
        <f>IF(Input!$D$19=1,J2771*Input!$C$19,0)+IF(Input!$D$20=1,K2771*Input!$C$20,0)+IF(Input!$D$21=1,L2771*Input!$C$21,0)+IF(Input!$D$22=1,M2771*Input!$C$22,0)</f>
        <v>0.22850126974178531</v>
      </c>
      <c r="O2771" s="59">
        <f>IF(Input!$D$19=2,J2771*Input!$C$19,0)+IF(Input!$D$20=2,K2771*Input!$C$20,0)+IF(Input!$D$21=2,L2771*Input!$C$21,0)+IF(Input!$D$22=2,M2771*Input!$C$22,0)</f>
        <v>0.57125317435446332</v>
      </c>
      <c r="P2771" s="59">
        <f>IF(Input!$D$19=3,J2771*Input!$C$19,0)+IF(Input!$D$20=3,K2771*Input!$C$20,0)+IF(Input!$D$21=3,L2771*Input!$C$21,0)+IF(Input!$D$22=3,M2771*Input!$C$22,0)</f>
        <v>0</v>
      </c>
      <c r="Q2771" s="75">
        <f>IF(Input!$D$19=4,J2771*Input!$C$19,0)+IF(Input!$D$20=4,K2771*Input!$C$20,0)+IF(Input!$D$21=4,L2771*Input!$C$21,0)+IF(Input!$D$22=4,M2771*Input!$C$22,0)</f>
        <v>0</v>
      </c>
      <c r="R2771" s="58">
        <v>57.817665495646274</v>
      </c>
      <c r="S2771" s="124">
        <f t="shared" si="43"/>
        <v>0.99017216888106974</v>
      </c>
    </row>
    <row r="2772" spans="8:19" x14ac:dyDescent="0.3">
      <c r="H2772" s="44">
        <v>2765</v>
      </c>
      <c r="I2772" s="56">
        <f>Bühler!I2798</f>
        <v>0.22850126974178531</v>
      </c>
      <c r="J2772" s="59">
        <f>Bühler!J2798</f>
        <v>0.76167089913928443</v>
      </c>
      <c r="K2772" s="59">
        <f>Bühler!K2798</f>
        <v>1.1425063487089266</v>
      </c>
      <c r="L2772" s="59">
        <f>Bühler!L2798</f>
        <v>5.4840304738028474</v>
      </c>
      <c r="M2772" s="58">
        <f>Bühler!M2798</f>
        <v>0</v>
      </c>
      <c r="N2772" s="56">
        <f>IF(Input!$D$19=1,J2772*Input!$C$19,0)+IF(Input!$D$20=1,K2772*Input!$C$20,0)+IF(Input!$D$21=1,L2772*Input!$C$21,0)+IF(Input!$D$22=1,M2772*Input!$C$22,0)</f>
        <v>0.22850126974178531</v>
      </c>
      <c r="O2772" s="59">
        <f>IF(Input!$D$19=2,J2772*Input!$C$19,0)+IF(Input!$D$20=2,K2772*Input!$C$20,0)+IF(Input!$D$21=2,L2772*Input!$C$21,0)+IF(Input!$D$22=2,M2772*Input!$C$22,0)</f>
        <v>0.57125317435446332</v>
      </c>
      <c r="P2772" s="59">
        <f>IF(Input!$D$19=3,J2772*Input!$C$19,0)+IF(Input!$D$20=3,K2772*Input!$C$20,0)+IF(Input!$D$21=3,L2772*Input!$C$21,0)+IF(Input!$D$22=3,M2772*Input!$C$22,0)</f>
        <v>0</v>
      </c>
      <c r="Q2772" s="75">
        <f>IF(Input!$D$19=4,J2772*Input!$C$19,0)+IF(Input!$D$20=4,K2772*Input!$C$20,0)+IF(Input!$D$21=4,L2772*Input!$C$21,0)+IF(Input!$D$22=4,M2772*Input!$C$22,0)</f>
        <v>0</v>
      </c>
      <c r="R2772" s="58">
        <v>59.077316980868517</v>
      </c>
      <c r="S2772" s="124">
        <f t="shared" si="43"/>
        <v>0.99017216888106974</v>
      </c>
    </row>
    <row r="2773" spans="8:19" x14ac:dyDescent="0.3">
      <c r="H2773" s="44">
        <v>2766</v>
      </c>
      <c r="I2773" s="56">
        <f>Bühler!I2799</f>
        <v>0.29451274766718999</v>
      </c>
      <c r="J2773" s="59">
        <f>Bühler!J2799</f>
        <v>0.98170915889063337</v>
      </c>
      <c r="K2773" s="59">
        <f>Bühler!K2799</f>
        <v>1.47256373833595</v>
      </c>
      <c r="L2773" s="59">
        <f>Bühler!L2799</f>
        <v>7.0683059440125593</v>
      </c>
      <c r="M2773" s="58">
        <f>Bühler!M2799</f>
        <v>0</v>
      </c>
      <c r="N2773" s="56">
        <f>IF(Input!$D$19=1,J2773*Input!$C$19,0)+IF(Input!$D$20=1,K2773*Input!$C$20,0)+IF(Input!$D$21=1,L2773*Input!$C$21,0)+IF(Input!$D$22=1,M2773*Input!$C$22,0)</f>
        <v>0.29451274766718999</v>
      </c>
      <c r="O2773" s="59">
        <f>IF(Input!$D$19=2,J2773*Input!$C$19,0)+IF(Input!$D$20=2,K2773*Input!$C$20,0)+IF(Input!$D$21=2,L2773*Input!$C$21,0)+IF(Input!$D$22=2,M2773*Input!$C$22,0)</f>
        <v>0.736281869167975</v>
      </c>
      <c r="P2773" s="59">
        <f>IF(Input!$D$19=3,J2773*Input!$C$19,0)+IF(Input!$D$20=3,K2773*Input!$C$20,0)+IF(Input!$D$21=3,L2773*Input!$C$21,0)+IF(Input!$D$22=3,M2773*Input!$C$22,0)</f>
        <v>0</v>
      </c>
      <c r="Q2773" s="75">
        <f>IF(Input!$D$19=4,J2773*Input!$C$19,0)+IF(Input!$D$20=4,K2773*Input!$C$20,0)+IF(Input!$D$21=4,L2773*Input!$C$21,0)+IF(Input!$D$22=4,M2773*Input!$C$22,0)</f>
        <v>0</v>
      </c>
      <c r="R2773" s="58">
        <v>61.887334432999964</v>
      </c>
      <c r="S2773" s="124">
        <f t="shared" si="43"/>
        <v>1.2762219065578233</v>
      </c>
    </row>
    <row r="2774" spans="8:19" x14ac:dyDescent="0.3">
      <c r="H2774" s="44">
        <v>2767</v>
      </c>
      <c r="I2774" s="56">
        <f>Bühler!I2800</f>
        <v>0.34021300161554702</v>
      </c>
      <c r="J2774" s="59">
        <f>Bühler!J2800</f>
        <v>1.1340433387184903</v>
      </c>
      <c r="K2774" s="59">
        <f>Bühler!K2800</f>
        <v>1.7010650080777352</v>
      </c>
      <c r="L2774" s="59">
        <f>Bühler!L2800</f>
        <v>8.1651120387731293</v>
      </c>
      <c r="M2774" s="58">
        <f>Bühler!M2800</f>
        <v>0</v>
      </c>
      <c r="N2774" s="56">
        <f>IF(Input!$D$19=1,J2774*Input!$C$19,0)+IF(Input!$D$20=1,K2774*Input!$C$20,0)+IF(Input!$D$21=1,L2774*Input!$C$21,0)+IF(Input!$D$22=1,M2774*Input!$C$22,0)</f>
        <v>0.34021300161554707</v>
      </c>
      <c r="O2774" s="59">
        <f>IF(Input!$D$19=2,J2774*Input!$C$19,0)+IF(Input!$D$20=2,K2774*Input!$C$20,0)+IF(Input!$D$21=2,L2774*Input!$C$21,0)+IF(Input!$D$22=2,M2774*Input!$C$22,0)</f>
        <v>0.8505325040388676</v>
      </c>
      <c r="P2774" s="59">
        <f>IF(Input!$D$19=3,J2774*Input!$C$19,0)+IF(Input!$D$20=3,K2774*Input!$C$20,0)+IF(Input!$D$21=3,L2774*Input!$C$21,0)+IF(Input!$D$22=3,M2774*Input!$C$22,0)</f>
        <v>0</v>
      </c>
      <c r="Q2774" s="75">
        <f>IF(Input!$D$19=4,J2774*Input!$C$19,0)+IF(Input!$D$20=4,K2774*Input!$C$20,0)+IF(Input!$D$21=4,L2774*Input!$C$21,0)+IF(Input!$D$22=4,M2774*Input!$C$22,0)</f>
        <v>0</v>
      </c>
      <c r="R2774" s="58">
        <v>65.411664573641403</v>
      </c>
      <c r="S2774" s="124">
        <f t="shared" si="43"/>
        <v>1.4742563403340374</v>
      </c>
    </row>
    <row r="2775" spans="8:19" x14ac:dyDescent="0.3">
      <c r="H2775" s="44">
        <v>2768</v>
      </c>
      <c r="I2775" s="56">
        <f>Bühler!I2801</f>
        <v>0.34021300161554702</v>
      </c>
      <c r="J2775" s="59">
        <f>Bühler!J2801</f>
        <v>1.1340433387184903</v>
      </c>
      <c r="K2775" s="59">
        <f>Bühler!K2801</f>
        <v>1.7010650080777352</v>
      </c>
      <c r="L2775" s="59">
        <f>Bühler!L2801</f>
        <v>8.1651120387731293</v>
      </c>
      <c r="M2775" s="58">
        <f>Bühler!M2801</f>
        <v>0</v>
      </c>
      <c r="N2775" s="56">
        <f>IF(Input!$D$19=1,J2775*Input!$C$19,0)+IF(Input!$D$20=1,K2775*Input!$C$20,0)+IF(Input!$D$21=1,L2775*Input!$C$21,0)+IF(Input!$D$22=1,M2775*Input!$C$22,0)</f>
        <v>0.34021300161554707</v>
      </c>
      <c r="O2775" s="59">
        <f>IF(Input!$D$19=2,J2775*Input!$C$19,0)+IF(Input!$D$20=2,K2775*Input!$C$20,0)+IF(Input!$D$21=2,L2775*Input!$C$21,0)+IF(Input!$D$22=2,M2775*Input!$C$22,0)</f>
        <v>0.8505325040388676</v>
      </c>
      <c r="P2775" s="59">
        <f>IF(Input!$D$19=3,J2775*Input!$C$19,0)+IF(Input!$D$20=3,K2775*Input!$C$20,0)+IF(Input!$D$21=3,L2775*Input!$C$21,0)+IF(Input!$D$22=3,M2775*Input!$C$22,0)</f>
        <v>0</v>
      </c>
      <c r="Q2775" s="75">
        <f>IF(Input!$D$19=4,J2775*Input!$C$19,0)+IF(Input!$D$20=4,K2775*Input!$C$20,0)+IF(Input!$D$21=4,L2775*Input!$C$21,0)+IF(Input!$D$22=4,M2775*Input!$C$22,0)</f>
        <v>0</v>
      </c>
      <c r="R2775" s="58">
        <v>67.413438110129121</v>
      </c>
      <c r="S2775" s="124">
        <f t="shared" si="43"/>
        <v>1.4742563403340374</v>
      </c>
    </row>
    <row r="2776" spans="8:19" x14ac:dyDescent="0.3">
      <c r="H2776" s="44">
        <v>2769</v>
      </c>
      <c r="I2776" s="56">
        <f>Bühler!I2802</f>
        <v>0.34021300161554702</v>
      </c>
      <c r="J2776" s="59">
        <f>Bühler!J2802</f>
        <v>1.1340433387184903</v>
      </c>
      <c r="K2776" s="59">
        <f>Bühler!K2802</f>
        <v>1.7010650080777352</v>
      </c>
      <c r="L2776" s="59">
        <f>Bühler!L2802</f>
        <v>8.1651120387731293</v>
      </c>
      <c r="M2776" s="58">
        <f>Bühler!M2802</f>
        <v>0</v>
      </c>
      <c r="N2776" s="56">
        <f>IF(Input!$D$19=1,J2776*Input!$C$19,0)+IF(Input!$D$20=1,K2776*Input!$C$20,0)+IF(Input!$D$21=1,L2776*Input!$C$21,0)+IF(Input!$D$22=1,M2776*Input!$C$22,0)</f>
        <v>0.34021300161554707</v>
      </c>
      <c r="O2776" s="59">
        <f>IF(Input!$D$19=2,J2776*Input!$C$19,0)+IF(Input!$D$20=2,K2776*Input!$C$20,0)+IF(Input!$D$21=2,L2776*Input!$C$21,0)+IF(Input!$D$22=2,M2776*Input!$C$22,0)</f>
        <v>0.8505325040388676</v>
      </c>
      <c r="P2776" s="59">
        <f>IF(Input!$D$19=3,J2776*Input!$C$19,0)+IF(Input!$D$20=3,K2776*Input!$C$20,0)+IF(Input!$D$21=3,L2776*Input!$C$21,0)+IF(Input!$D$22=3,M2776*Input!$C$22,0)</f>
        <v>0</v>
      </c>
      <c r="Q2776" s="75">
        <f>IF(Input!$D$19=4,J2776*Input!$C$19,0)+IF(Input!$D$20=4,K2776*Input!$C$20,0)+IF(Input!$D$21=4,L2776*Input!$C$21,0)+IF(Input!$D$22=4,M2776*Input!$C$22,0)</f>
        <v>0</v>
      </c>
      <c r="R2776" s="58">
        <v>67.778410451848288</v>
      </c>
      <c r="S2776" s="124">
        <f t="shared" si="43"/>
        <v>1.4742563403340374</v>
      </c>
    </row>
    <row r="2777" spans="8:19" x14ac:dyDescent="0.3">
      <c r="H2777" s="44">
        <v>2770</v>
      </c>
      <c r="I2777" s="56">
        <f>Bühler!I2803</f>
        <v>0.3656020315868565</v>
      </c>
      <c r="J2777" s="59">
        <f>Bühler!J2803</f>
        <v>1.2186734386228553</v>
      </c>
      <c r="K2777" s="59">
        <f>Bühler!K2803</f>
        <v>1.8280101579342825</v>
      </c>
      <c r="L2777" s="59">
        <f>Bühler!L2803</f>
        <v>8.7744487580845565</v>
      </c>
      <c r="M2777" s="58">
        <f>Bühler!M2803</f>
        <v>0</v>
      </c>
      <c r="N2777" s="56">
        <f>IF(Input!$D$19=1,J2777*Input!$C$19,0)+IF(Input!$D$20=1,K2777*Input!$C$20,0)+IF(Input!$D$21=1,L2777*Input!$C$21,0)+IF(Input!$D$22=1,M2777*Input!$C$22,0)</f>
        <v>0.36560203158685656</v>
      </c>
      <c r="O2777" s="59">
        <f>IF(Input!$D$19=2,J2777*Input!$C$19,0)+IF(Input!$D$20=2,K2777*Input!$C$20,0)+IF(Input!$D$21=2,L2777*Input!$C$21,0)+IF(Input!$D$22=2,M2777*Input!$C$22,0)</f>
        <v>0.91400507896714123</v>
      </c>
      <c r="P2777" s="59">
        <f>IF(Input!$D$19=3,J2777*Input!$C$19,0)+IF(Input!$D$20=3,K2777*Input!$C$20,0)+IF(Input!$D$21=3,L2777*Input!$C$21,0)+IF(Input!$D$22=3,M2777*Input!$C$22,0)</f>
        <v>0</v>
      </c>
      <c r="Q2777" s="75">
        <f>IF(Input!$D$19=4,J2777*Input!$C$19,0)+IF(Input!$D$20=4,K2777*Input!$C$20,0)+IF(Input!$D$21=4,L2777*Input!$C$21,0)+IF(Input!$D$22=4,M2777*Input!$C$22,0)</f>
        <v>0</v>
      </c>
      <c r="R2777" s="58">
        <v>67.616353895114599</v>
      </c>
      <c r="S2777" s="124">
        <f t="shared" si="43"/>
        <v>1.5842754702097117</v>
      </c>
    </row>
    <row r="2778" spans="8:19" x14ac:dyDescent="0.3">
      <c r="H2778" s="44">
        <v>2771</v>
      </c>
      <c r="I2778" s="56">
        <f>Bühler!I2804</f>
        <v>0.39606886755242787</v>
      </c>
      <c r="J2778" s="59">
        <f>Bühler!J2804</f>
        <v>1.320229558508093</v>
      </c>
      <c r="K2778" s="59">
        <f>Bühler!K2804</f>
        <v>1.9803443377621393</v>
      </c>
      <c r="L2778" s="59">
        <f>Bühler!L2804</f>
        <v>9.505652821258268</v>
      </c>
      <c r="M2778" s="58">
        <f>Bühler!M2804</f>
        <v>0</v>
      </c>
      <c r="N2778" s="56">
        <f>IF(Input!$D$19=1,J2778*Input!$C$19,0)+IF(Input!$D$20=1,K2778*Input!$C$20,0)+IF(Input!$D$21=1,L2778*Input!$C$21,0)+IF(Input!$D$22=1,M2778*Input!$C$22,0)</f>
        <v>0.39606886755242787</v>
      </c>
      <c r="O2778" s="59">
        <f>IF(Input!$D$19=2,J2778*Input!$C$19,0)+IF(Input!$D$20=2,K2778*Input!$C$20,0)+IF(Input!$D$21=2,L2778*Input!$C$21,0)+IF(Input!$D$22=2,M2778*Input!$C$22,0)</f>
        <v>0.99017216888106963</v>
      </c>
      <c r="P2778" s="59">
        <f>IF(Input!$D$19=3,J2778*Input!$C$19,0)+IF(Input!$D$20=3,K2778*Input!$C$20,0)+IF(Input!$D$21=3,L2778*Input!$C$21,0)+IF(Input!$D$22=3,M2778*Input!$C$22,0)</f>
        <v>0</v>
      </c>
      <c r="Q2778" s="75">
        <f>IF(Input!$D$19=4,J2778*Input!$C$19,0)+IF(Input!$D$20=4,K2778*Input!$C$20,0)+IF(Input!$D$21=4,L2778*Input!$C$21,0)+IF(Input!$D$22=4,M2778*Input!$C$22,0)</f>
        <v>0</v>
      </c>
      <c r="R2778" s="58">
        <v>68.330205601862161</v>
      </c>
      <c r="S2778" s="124">
        <f t="shared" si="43"/>
        <v>1.7162984260605207</v>
      </c>
    </row>
    <row r="2779" spans="8:19" x14ac:dyDescent="0.3">
      <c r="H2779" s="44">
        <v>2772</v>
      </c>
      <c r="I2779" s="56">
        <f>Bühler!I2805</f>
        <v>0.45700253948357061</v>
      </c>
      <c r="J2779" s="59">
        <f>Bühler!J2805</f>
        <v>1.5233417982785689</v>
      </c>
      <c r="K2779" s="59">
        <f>Bühler!K2805</f>
        <v>2.2850126974178533</v>
      </c>
      <c r="L2779" s="59">
        <f>Bühler!L2805</f>
        <v>10.968060947605695</v>
      </c>
      <c r="M2779" s="58">
        <f>Bühler!M2805</f>
        <v>0</v>
      </c>
      <c r="N2779" s="56">
        <f>IF(Input!$D$19=1,J2779*Input!$C$19,0)+IF(Input!$D$20=1,K2779*Input!$C$20,0)+IF(Input!$D$21=1,L2779*Input!$C$21,0)+IF(Input!$D$22=1,M2779*Input!$C$22,0)</f>
        <v>0.45700253948357061</v>
      </c>
      <c r="O2779" s="59">
        <f>IF(Input!$D$19=2,J2779*Input!$C$19,0)+IF(Input!$D$20=2,K2779*Input!$C$20,0)+IF(Input!$D$21=2,L2779*Input!$C$21,0)+IF(Input!$D$22=2,M2779*Input!$C$22,0)</f>
        <v>1.1425063487089266</v>
      </c>
      <c r="P2779" s="59">
        <f>IF(Input!$D$19=3,J2779*Input!$C$19,0)+IF(Input!$D$20=3,K2779*Input!$C$20,0)+IF(Input!$D$21=3,L2779*Input!$C$21,0)+IF(Input!$D$22=3,M2779*Input!$C$22,0)</f>
        <v>0</v>
      </c>
      <c r="Q2779" s="75">
        <f>IF(Input!$D$19=4,J2779*Input!$C$19,0)+IF(Input!$D$20=4,K2779*Input!$C$20,0)+IF(Input!$D$21=4,L2779*Input!$C$21,0)+IF(Input!$D$22=4,M2779*Input!$C$22,0)</f>
        <v>0</v>
      </c>
      <c r="R2779" s="58">
        <v>69.165074622173719</v>
      </c>
      <c r="S2779" s="124">
        <f t="shared" si="43"/>
        <v>1.9803443377621395</v>
      </c>
    </row>
    <row r="2780" spans="8:19" x14ac:dyDescent="0.3">
      <c r="H2780" s="44">
        <v>2773</v>
      </c>
      <c r="I2780" s="56">
        <f>Bühler!I2806</f>
        <v>0.45700253948357061</v>
      </c>
      <c r="J2780" s="59">
        <f>Bühler!J2806</f>
        <v>1.5233417982785689</v>
      </c>
      <c r="K2780" s="59">
        <f>Bühler!K2806</f>
        <v>2.2850126974178533</v>
      </c>
      <c r="L2780" s="59">
        <f>Bühler!L2806</f>
        <v>10.968060947605695</v>
      </c>
      <c r="M2780" s="58">
        <f>Bühler!M2806</f>
        <v>0</v>
      </c>
      <c r="N2780" s="56">
        <f>IF(Input!$D$19=1,J2780*Input!$C$19,0)+IF(Input!$D$20=1,K2780*Input!$C$20,0)+IF(Input!$D$21=1,L2780*Input!$C$21,0)+IF(Input!$D$22=1,M2780*Input!$C$22,0)</f>
        <v>0.45700253948357061</v>
      </c>
      <c r="O2780" s="59">
        <f>IF(Input!$D$19=2,J2780*Input!$C$19,0)+IF(Input!$D$20=2,K2780*Input!$C$20,0)+IF(Input!$D$21=2,L2780*Input!$C$21,0)+IF(Input!$D$22=2,M2780*Input!$C$22,0)</f>
        <v>1.1425063487089266</v>
      </c>
      <c r="P2780" s="59">
        <f>IF(Input!$D$19=3,J2780*Input!$C$19,0)+IF(Input!$D$20=3,K2780*Input!$C$20,0)+IF(Input!$D$21=3,L2780*Input!$C$21,0)+IF(Input!$D$22=3,M2780*Input!$C$22,0)</f>
        <v>0</v>
      </c>
      <c r="Q2780" s="75">
        <f>IF(Input!$D$19=4,J2780*Input!$C$19,0)+IF(Input!$D$20=4,K2780*Input!$C$20,0)+IF(Input!$D$21=4,L2780*Input!$C$21,0)+IF(Input!$D$22=4,M2780*Input!$C$22,0)</f>
        <v>0</v>
      </c>
      <c r="R2780" s="58">
        <v>69.16404729363046</v>
      </c>
      <c r="S2780" s="124">
        <f t="shared" si="43"/>
        <v>1.9803443377621395</v>
      </c>
    </row>
    <row r="2781" spans="8:19" x14ac:dyDescent="0.3">
      <c r="H2781" s="44">
        <v>2774</v>
      </c>
      <c r="I2781" s="56">
        <f>Bühler!I2807</f>
        <v>0.45700253948357061</v>
      </c>
      <c r="J2781" s="59">
        <f>Bühler!J2807</f>
        <v>1.5233417982785689</v>
      </c>
      <c r="K2781" s="59">
        <f>Bühler!K2807</f>
        <v>2.2850126974178533</v>
      </c>
      <c r="L2781" s="59">
        <f>Bühler!L2807</f>
        <v>10.968060947605695</v>
      </c>
      <c r="M2781" s="58">
        <f>Bühler!M2807</f>
        <v>0</v>
      </c>
      <c r="N2781" s="56">
        <f>IF(Input!$D$19=1,J2781*Input!$C$19,0)+IF(Input!$D$20=1,K2781*Input!$C$20,0)+IF(Input!$D$21=1,L2781*Input!$C$21,0)+IF(Input!$D$22=1,M2781*Input!$C$22,0)</f>
        <v>0.45700253948357061</v>
      </c>
      <c r="O2781" s="59">
        <f>IF(Input!$D$19=2,J2781*Input!$C$19,0)+IF(Input!$D$20=2,K2781*Input!$C$20,0)+IF(Input!$D$21=2,L2781*Input!$C$21,0)+IF(Input!$D$22=2,M2781*Input!$C$22,0)</f>
        <v>1.1425063487089266</v>
      </c>
      <c r="P2781" s="59">
        <f>IF(Input!$D$19=3,J2781*Input!$C$19,0)+IF(Input!$D$20=3,K2781*Input!$C$20,0)+IF(Input!$D$21=3,L2781*Input!$C$21,0)+IF(Input!$D$22=3,M2781*Input!$C$22,0)</f>
        <v>0</v>
      </c>
      <c r="Q2781" s="75">
        <f>IF(Input!$D$19=4,J2781*Input!$C$19,0)+IF(Input!$D$20=4,K2781*Input!$C$20,0)+IF(Input!$D$21=4,L2781*Input!$C$21,0)+IF(Input!$D$22=4,M2781*Input!$C$22,0)</f>
        <v>0</v>
      </c>
      <c r="R2781" s="58">
        <v>68.133576099427202</v>
      </c>
      <c r="S2781" s="124">
        <f t="shared" si="43"/>
        <v>1.9803443377621395</v>
      </c>
    </row>
    <row r="2782" spans="8:19" x14ac:dyDescent="0.3">
      <c r="H2782" s="44">
        <v>2775</v>
      </c>
      <c r="I2782" s="56">
        <f>Bühler!I2808</f>
        <v>0.45700253948357061</v>
      </c>
      <c r="J2782" s="59">
        <f>Bühler!J2808</f>
        <v>1.5233417982785689</v>
      </c>
      <c r="K2782" s="59">
        <f>Bühler!K2808</f>
        <v>2.2850126974178533</v>
      </c>
      <c r="L2782" s="59">
        <f>Bühler!L2808</f>
        <v>10.968060947605695</v>
      </c>
      <c r="M2782" s="58">
        <f>Bühler!M2808</f>
        <v>0</v>
      </c>
      <c r="N2782" s="56">
        <f>IF(Input!$D$19=1,J2782*Input!$C$19,0)+IF(Input!$D$20=1,K2782*Input!$C$20,0)+IF(Input!$D$21=1,L2782*Input!$C$21,0)+IF(Input!$D$22=1,M2782*Input!$C$22,0)</f>
        <v>0.45700253948357061</v>
      </c>
      <c r="O2782" s="59">
        <f>IF(Input!$D$19=2,J2782*Input!$C$19,0)+IF(Input!$D$20=2,K2782*Input!$C$20,0)+IF(Input!$D$21=2,L2782*Input!$C$21,0)+IF(Input!$D$22=2,M2782*Input!$C$22,0)</f>
        <v>1.1425063487089266</v>
      </c>
      <c r="P2782" s="59">
        <f>IF(Input!$D$19=3,J2782*Input!$C$19,0)+IF(Input!$D$20=3,K2782*Input!$C$20,0)+IF(Input!$D$21=3,L2782*Input!$C$21,0)+IF(Input!$D$22=3,M2782*Input!$C$22,0)</f>
        <v>0</v>
      </c>
      <c r="Q2782" s="75">
        <f>IF(Input!$D$19=4,J2782*Input!$C$19,0)+IF(Input!$D$20=4,K2782*Input!$C$20,0)+IF(Input!$D$21=4,L2782*Input!$C$21,0)+IF(Input!$D$22=4,M2782*Input!$C$22,0)</f>
        <v>0</v>
      </c>
      <c r="R2782" s="58">
        <v>68.309315319793697</v>
      </c>
      <c r="S2782" s="124">
        <f t="shared" si="43"/>
        <v>1.9803443377621395</v>
      </c>
    </row>
    <row r="2783" spans="8:19" x14ac:dyDescent="0.3">
      <c r="H2783" s="44">
        <v>2776</v>
      </c>
      <c r="I2783" s="56">
        <f>Bühler!I2809</f>
        <v>0.45700253948357061</v>
      </c>
      <c r="J2783" s="59">
        <f>Bühler!J2809</f>
        <v>1.5233417982785689</v>
      </c>
      <c r="K2783" s="59">
        <f>Bühler!K2809</f>
        <v>2.2850126974178533</v>
      </c>
      <c r="L2783" s="59">
        <f>Bühler!L2809</f>
        <v>10.968060947605695</v>
      </c>
      <c r="M2783" s="58">
        <f>Bühler!M2809</f>
        <v>0</v>
      </c>
      <c r="N2783" s="56">
        <f>IF(Input!$D$19=1,J2783*Input!$C$19,0)+IF(Input!$D$20=1,K2783*Input!$C$20,0)+IF(Input!$D$21=1,L2783*Input!$C$21,0)+IF(Input!$D$22=1,M2783*Input!$C$22,0)</f>
        <v>0.45700253948357061</v>
      </c>
      <c r="O2783" s="59">
        <f>IF(Input!$D$19=2,J2783*Input!$C$19,0)+IF(Input!$D$20=2,K2783*Input!$C$20,0)+IF(Input!$D$21=2,L2783*Input!$C$21,0)+IF(Input!$D$22=2,M2783*Input!$C$22,0)</f>
        <v>1.1425063487089266</v>
      </c>
      <c r="P2783" s="59">
        <f>IF(Input!$D$19=3,J2783*Input!$C$19,0)+IF(Input!$D$20=3,K2783*Input!$C$20,0)+IF(Input!$D$21=3,L2783*Input!$C$21,0)+IF(Input!$D$22=3,M2783*Input!$C$22,0)</f>
        <v>0</v>
      </c>
      <c r="Q2783" s="75">
        <f>IF(Input!$D$19=4,J2783*Input!$C$19,0)+IF(Input!$D$20=4,K2783*Input!$C$20,0)+IF(Input!$D$21=4,L2783*Input!$C$21,0)+IF(Input!$D$22=4,M2783*Input!$C$22,0)</f>
        <v>0</v>
      </c>
      <c r="R2783" s="58">
        <v>67.667530618172052</v>
      </c>
      <c r="S2783" s="124">
        <f t="shared" si="43"/>
        <v>1.9803443377621395</v>
      </c>
    </row>
    <row r="2784" spans="8:19" x14ac:dyDescent="0.3">
      <c r="H2784" s="44">
        <v>2777</v>
      </c>
      <c r="I2784" s="56">
        <f>Bühler!I2810</f>
        <v>0.45700253948357061</v>
      </c>
      <c r="J2784" s="59">
        <f>Bühler!J2810</f>
        <v>1.5233417982785689</v>
      </c>
      <c r="K2784" s="59">
        <f>Bühler!K2810</f>
        <v>2.2850126974178533</v>
      </c>
      <c r="L2784" s="59">
        <f>Bühler!L2810</f>
        <v>10.968060947605695</v>
      </c>
      <c r="M2784" s="58">
        <f>Bühler!M2810</f>
        <v>0</v>
      </c>
      <c r="N2784" s="56">
        <f>IF(Input!$D$19=1,J2784*Input!$C$19,0)+IF(Input!$D$20=1,K2784*Input!$C$20,0)+IF(Input!$D$21=1,L2784*Input!$C$21,0)+IF(Input!$D$22=1,M2784*Input!$C$22,0)</f>
        <v>0.45700253948357061</v>
      </c>
      <c r="O2784" s="59">
        <f>IF(Input!$D$19=2,J2784*Input!$C$19,0)+IF(Input!$D$20=2,K2784*Input!$C$20,0)+IF(Input!$D$21=2,L2784*Input!$C$21,0)+IF(Input!$D$22=2,M2784*Input!$C$22,0)</f>
        <v>1.1425063487089266</v>
      </c>
      <c r="P2784" s="59">
        <f>IF(Input!$D$19=3,J2784*Input!$C$19,0)+IF(Input!$D$20=3,K2784*Input!$C$20,0)+IF(Input!$D$21=3,L2784*Input!$C$21,0)+IF(Input!$D$22=3,M2784*Input!$C$22,0)</f>
        <v>0</v>
      </c>
      <c r="Q2784" s="75">
        <f>IF(Input!$D$19=4,J2784*Input!$C$19,0)+IF(Input!$D$20=4,K2784*Input!$C$20,0)+IF(Input!$D$21=4,L2784*Input!$C$21,0)+IF(Input!$D$22=4,M2784*Input!$C$22,0)</f>
        <v>0</v>
      </c>
      <c r="R2784" s="58">
        <v>66.460452962415786</v>
      </c>
      <c r="S2784" s="124">
        <f t="shared" si="43"/>
        <v>1.9803443377621395</v>
      </c>
    </row>
    <row r="2785" spans="8:19" x14ac:dyDescent="0.3">
      <c r="H2785" s="44">
        <v>2778</v>
      </c>
      <c r="I2785" s="56">
        <f>Bühler!I2811</f>
        <v>0.45700253948357061</v>
      </c>
      <c r="J2785" s="59">
        <f>Bühler!J2811</f>
        <v>1.5233417982785689</v>
      </c>
      <c r="K2785" s="59">
        <f>Bühler!K2811</f>
        <v>2.2850126974178533</v>
      </c>
      <c r="L2785" s="59">
        <f>Bühler!L2811</f>
        <v>10.968060947605695</v>
      </c>
      <c r="M2785" s="58">
        <f>Bühler!M2811</f>
        <v>0</v>
      </c>
      <c r="N2785" s="56">
        <f>IF(Input!$D$19=1,J2785*Input!$C$19,0)+IF(Input!$D$20=1,K2785*Input!$C$20,0)+IF(Input!$D$21=1,L2785*Input!$C$21,0)+IF(Input!$D$22=1,M2785*Input!$C$22,0)</f>
        <v>0.45700253948357061</v>
      </c>
      <c r="O2785" s="59">
        <f>IF(Input!$D$19=2,J2785*Input!$C$19,0)+IF(Input!$D$20=2,K2785*Input!$C$20,0)+IF(Input!$D$21=2,L2785*Input!$C$21,0)+IF(Input!$D$22=2,M2785*Input!$C$22,0)</f>
        <v>1.1425063487089266</v>
      </c>
      <c r="P2785" s="59">
        <f>IF(Input!$D$19=3,J2785*Input!$C$19,0)+IF(Input!$D$20=3,K2785*Input!$C$20,0)+IF(Input!$D$21=3,L2785*Input!$C$21,0)+IF(Input!$D$22=3,M2785*Input!$C$22,0)</f>
        <v>0</v>
      </c>
      <c r="Q2785" s="75">
        <f>IF(Input!$D$19=4,J2785*Input!$C$19,0)+IF(Input!$D$20=4,K2785*Input!$C$20,0)+IF(Input!$D$21=4,L2785*Input!$C$21,0)+IF(Input!$D$22=4,M2785*Input!$C$22,0)</f>
        <v>0</v>
      </c>
      <c r="R2785" s="58">
        <v>65.409549800437688</v>
      </c>
      <c r="S2785" s="124">
        <f t="shared" si="43"/>
        <v>1.9803443377621395</v>
      </c>
    </row>
    <row r="2786" spans="8:19" x14ac:dyDescent="0.3">
      <c r="H2786" s="44">
        <v>2779</v>
      </c>
      <c r="I2786" s="56">
        <f>Bühler!I2812</f>
        <v>0.45700253948357061</v>
      </c>
      <c r="J2786" s="59">
        <f>Bühler!J2812</f>
        <v>1.5233417982785689</v>
      </c>
      <c r="K2786" s="59">
        <f>Bühler!K2812</f>
        <v>2.2850126974178533</v>
      </c>
      <c r="L2786" s="59">
        <f>Bühler!L2812</f>
        <v>10.968060947605695</v>
      </c>
      <c r="M2786" s="58">
        <f>Bühler!M2812</f>
        <v>0</v>
      </c>
      <c r="N2786" s="56">
        <f>IF(Input!$D$19=1,J2786*Input!$C$19,0)+IF(Input!$D$20=1,K2786*Input!$C$20,0)+IF(Input!$D$21=1,L2786*Input!$C$21,0)+IF(Input!$D$22=1,M2786*Input!$C$22,0)</f>
        <v>0.45700253948357061</v>
      </c>
      <c r="O2786" s="59">
        <f>IF(Input!$D$19=2,J2786*Input!$C$19,0)+IF(Input!$D$20=2,K2786*Input!$C$20,0)+IF(Input!$D$21=2,L2786*Input!$C$21,0)+IF(Input!$D$22=2,M2786*Input!$C$22,0)</f>
        <v>1.1425063487089266</v>
      </c>
      <c r="P2786" s="59">
        <f>IF(Input!$D$19=3,J2786*Input!$C$19,0)+IF(Input!$D$20=3,K2786*Input!$C$20,0)+IF(Input!$D$21=3,L2786*Input!$C$21,0)+IF(Input!$D$22=3,M2786*Input!$C$22,0)</f>
        <v>0</v>
      </c>
      <c r="Q2786" s="75">
        <f>IF(Input!$D$19=4,J2786*Input!$C$19,0)+IF(Input!$D$20=4,K2786*Input!$C$20,0)+IF(Input!$D$21=4,L2786*Input!$C$21,0)+IF(Input!$D$22=4,M2786*Input!$C$22,0)</f>
        <v>0</v>
      </c>
      <c r="R2786" s="58">
        <v>64.148106580331401</v>
      </c>
      <c r="S2786" s="124">
        <f t="shared" si="43"/>
        <v>1.9803443377621395</v>
      </c>
    </row>
    <row r="2787" spans="8:19" x14ac:dyDescent="0.3">
      <c r="H2787" s="44">
        <v>2780</v>
      </c>
      <c r="I2787" s="56">
        <f>Bühler!I2813</f>
        <v>0.38083544956964221</v>
      </c>
      <c r="J2787" s="59">
        <f>Bühler!J2813</f>
        <v>1.2694514985654743</v>
      </c>
      <c r="K2787" s="59">
        <f>Bühler!K2813</f>
        <v>1.9041772478482111</v>
      </c>
      <c r="L2787" s="59">
        <f>Bühler!L2813</f>
        <v>9.1400507896714132</v>
      </c>
      <c r="M2787" s="58">
        <f>Bühler!M2813</f>
        <v>0</v>
      </c>
      <c r="N2787" s="56">
        <f>IF(Input!$D$19=1,J2787*Input!$C$19,0)+IF(Input!$D$20=1,K2787*Input!$C$20,0)+IF(Input!$D$21=1,L2787*Input!$C$21,0)+IF(Input!$D$22=1,M2787*Input!$C$22,0)</f>
        <v>0.38083544956964227</v>
      </c>
      <c r="O2787" s="59">
        <f>IF(Input!$D$19=2,J2787*Input!$C$19,0)+IF(Input!$D$20=2,K2787*Input!$C$20,0)+IF(Input!$D$21=2,L2787*Input!$C$21,0)+IF(Input!$D$22=2,M2787*Input!$C$22,0)</f>
        <v>0.95208862392410554</v>
      </c>
      <c r="P2787" s="59">
        <f>IF(Input!$D$19=3,J2787*Input!$C$19,0)+IF(Input!$D$20=3,K2787*Input!$C$20,0)+IF(Input!$D$21=3,L2787*Input!$C$21,0)+IF(Input!$D$22=3,M2787*Input!$C$22,0)</f>
        <v>0</v>
      </c>
      <c r="Q2787" s="75">
        <f>IF(Input!$D$19=4,J2787*Input!$C$19,0)+IF(Input!$D$20=4,K2787*Input!$C$20,0)+IF(Input!$D$21=4,L2787*Input!$C$21,0)+IF(Input!$D$22=4,M2787*Input!$C$22,0)</f>
        <v>0</v>
      </c>
      <c r="R2787" s="58">
        <v>62.861646464663714</v>
      </c>
      <c r="S2787" s="124">
        <f t="shared" si="43"/>
        <v>1.6502869481351166</v>
      </c>
    </row>
    <row r="2788" spans="8:19" x14ac:dyDescent="0.3">
      <c r="H2788" s="44">
        <v>2781</v>
      </c>
      <c r="I2788" s="56">
        <f>Bühler!I2814</f>
        <v>0.30466835965571376</v>
      </c>
      <c r="J2788" s="59">
        <f>Bühler!J2814</f>
        <v>1.0155611988523794</v>
      </c>
      <c r="K2788" s="59">
        <f>Bühler!K2814</f>
        <v>1.5233417982785689</v>
      </c>
      <c r="L2788" s="59">
        <f>Bühler!L2814</f>
        <v>7.3120406317371307</v>
      </c>
      <c r="M2788" s="58">
        <f>Bühler!M2814</f>
        <v>0</v>
      </c>
      <c r="N2788" s="56">
        <f>IF(Input!$D$19=1,J2788*Input!$C$19,0)+IF(Input!$D$20=1,K2788*Input!$C$20,0)+IF(Input!$D$21=1,L2788*Input!$C$21,0)+IF(Input!$D$22=1,M2788*Input!$C$22,0)</f>
        <v>0.30466835965571382</v>
      </c>
      <c r="O2788" s="59">
        <f>IF(Input!$D$19=2,J2788*Input!$C$19,0)+IF(Input!$D$20=2,K2788*Input!$C$20,0)+IF(Input!$D$21=2,L2788*Input!$C$21,0)+IF(Input!$D$22=2,M2788*Input!$C$22,0)</f>
        <v>0.76167089913928443</v>
      </c>
      <c r="P2788" s="59">
        <f>IF(Input!$D$19=3,J2788*Input!$C$19,0)+IF(Input!$D$20=3,K2788*Input!$C$20,0)+IF(Input!$D$21=3,L2788*Input!$C$21,0)+IF(Input!$D$22=3,M2788*Input!$C$22,0)</f>
        <v>0</v>
      </c>
      <c r="Q2788" s="75">
        <f>IF(Input!$D$19=4,J2788*Input!$C$19,0)+IF(Input!$D$20=4,K2788*Input!$C$20,0)+IF(Input!$D$21=4,L2788*Input!$C$21,0)+IF(Input!$D$22=4,M2788*Input!$C$22,0)</f>
        <v>0</v>
      </c>
      <c r="R2788" s="58">
        <v>60.920172571123551</v>
      </c>
      <c r="S2788" s="124">
        <f t="shared" si="43"/>
        <v>1.3202295585080932</v>
      </c>
    </row>
    <row r="2789" spans="8:19" x14ac:dyDescent="0.3">
      <c r="H2789" s="44">
        <v>2782</v>
      </c>
      <c r="I2789" s="56">
        <f>Bühler!I2815</f>
        <v>0.22850126974178531</v>
      </c>
      <c r="J2789" s="59">
        <f>Bühler!J2815</f>
        <v>0.76167089913928443</v>
      </c>
      <c r="K2789" s="59">
        <f>Bühler!K2815</f>
        <v>1.1425063487089266</v>
      </c>
      <c r="L2789" s="59">
        <f>Bühler!L2815</f>
        <v>5.4840304738028474</v>
      </c>
      <c r="M2789" s="58">
        <f>Bühler!M2815</f>
        <v>0</v>
      </c>
      <c r="N2789" s="56">
        <f>IF(Input!$D$19=1,J2789*Input!$C$19,0)+IF(Input!$D$20=1,K2789*Input!$C$20,0)+IF(Input!$D$21=1,L2789*Input!$C$21,0)+IF(Input!$D$22=1,M2789*Input!$C$22,0)</f>
        <v>0.22850126974178531</v>
      </c>
      <c r="O2789" s="59">
        <f>IF(Input!$D$19=2,J2789*Input!$C$19,0)+IF(Input!$D$20=2,K2789*Input!$C$20,0)+IF(Input!$D$21=2,L2789*Input!$C$21,0)+IF(Input!$D$22=2,M2789*Input!$C$22,0)</f>
        <v>0.57125317435446332</v>
      </c>
      <c r="P2789" s="59">
        <f>IF(Input!$D$19=3,J2789*Input!$C$19,0)+IF(Input!$D$20=3,K2789*Input!$C$20,0)+IF(Input!$D$21=3,L2789*Input!$C$21,0)+IF(Input!$D$22=3,M2789*Input!$C$22,0)</f>
        <v>0</v>
      </c>
      <c r="Q2789" s="75">
        <f>IF(Input!$D$19=4,J2789*Input!$C$19,0)+IF(Input!$D$20=4,K2789*Input!$C$20,0)+IF(Input!$D$21=4,L2789*Input!$C$21,0)+IF(Input!$D$22=4,M2789*Input!$C$22,0)</f>
        <v>0</v>
      </c>
      <c r="R2789" s="58">
        <v>58.835109654748109</v>
      </c>
      <c r="S2789" s="124">
        <f t="shared" si="43"/>
        <v>0.99017216888106974</v>
      </c>
    </row>
    <row r="2790" spans="8:19" x14ac:dyDescent="0.3">
      <c r="H2790" s="44">
        <v>2783</v>
      </c>
      <c r="I2790" s="56">
        <f>Bühler!I2816</f>
        <v>0.22850126974178531</v>
      </c>
      <c r="J2790" s="59">
        <f>Bühler!J2816</f>
        <v>0.76167089913928443</v>
      </c>
      <c r="K2790" s="59">
        <f>Bühler!K2816</f>
        <v>1.1425063487089266</v>
      </c>
      <c r="L2790" s="59">
        <f>Bühler!L2816</f>
        <v>5.4840304738028474</v>
      </c>
      <c r="M2790" s="58">
        <f>Bühler!M2816</f>
        <v>0</v>
      </c>
      <c r="N2790" s="56">
        <f>IF(Input!$D$19=1,J2790*Input!$C$19,0)+IF(Input!$D$20=1,K2790*Input!$C$20,0)+IF(Input!$D$21=1,L2790*Input!$C$21,0)+IF(Input!$D$22=1,M2790*Input!$C$22,0)</f>
        <v>0.22850126974178531</v>
      </c>
      <c r="O2790" s="59">
        <f>IF(Input!$D$19=2,J2790*Input!$C$19,0)+IF(Input!$D$20=2,K2790*Input!$C$20,0)+IF(Input!$D$21=2,L2790*Input!$C$21,0)+IF(Input!$D$22=2,M2790*Input!$C$22,0)</f>
        <v>0.57125317435446332</v>
      </c>
      <c r="P2790" s="59">
        <f>IF(Input!$D$19=3,J2790*Input!$C$19,0)+IF(Input!$D$20=3,K2790*Input!$C$20,0)+IF(Input!$D$21=3,L2790*Input!$C$21,0)+IF(Input!$D$22=3,M2790*Input!$C$22,0)</f>
        <v>0</v>
      </c>
      <c r="Q2790" s="75">
        <f>IF(Input!$D$19=4,J2790*Input!$C$19,0)+IF(Input!$D$20=4,K2790*Input!$C$20,0)+IF(Input!$D$21=4,L2790*Input!$C$21,0)+IF(Input!$D$22=4,M2790*Input!$C$22,0)</f>
        <v>0</v>
      </c>
      <c r="R2790" s="58">
        <v>57.761610089798403</v>
      </c>
      <c r="S2790" s="124">
        <f t="shared" si="43"/>
        <v>0.99017216888106974</v>
      </c>
    </row>
    <row r="2791" spans="8:19" x14ac:dyDescent="0.3">
      <c r="H2791" s="44">
        <v>2784</v>
      </c>
      <c r="I2791" s="56">
        <f>Bühler!I2817</f>
        <v>0.22850126974178531</v>
      </c>
      <c r="J2791" s="59">
        <f>Bühler!J2817</f>
        <v>0.76167089913928443</v>
      </c>
      <c r="K2791" s="59">
        <f>Bühler!K2817</f>
        <v>1.1425063487089266</v>
      </c>
      <c r="L2791" s="59">
        <f>Bühler!L2817</f>
        <v>5.4840304738028474</v>
      </c>
      <c r="M2791" s="58">
        <f>Bühler!M2817</f>
        <v>0</v>
      </c>
      <c r="N2791" s="56">
        <f>IF(Input!$D$19=1,J2791*Input!$C$19,0)+IF(Input!$D$20=1,K2791*Input!$C$20,0)+IF(Input!$D$21=1,L2791*Input!$C$21,0)+IF(Input!$D$22=1,M2791*Input!$C$22,0)</f>
        <v>0.22850126974178531</v>
      </c>
      <c r="O2791" s="59">
        <f>IF(Input!$D$19=2,J2791*Input!$C$19,0)+IF(Input!$D$20=2,K2791*Input!$C$20,0)+IF(Input!$D$21=2,L2791*Input!$C$21,0)+IF(Input!$D$22=2,M2791*Input!$C$22,0)</f>
        <v>0.57125317435446332</v>
      </c>
      <c r="P2791" s="59">
        <f>IF(Input!$D$19=3,J2791*Input!$C$19,0)+IF(Input!$D$20=3,K2791*Input!$C$20,0)+IF(Input!$D$21=3,L2791*Input!$C$21,0)+IF(Input!$D$22=3,M2791*Input!$C$22,0)</f>
        <v>0</v>
      </c>
      <c r="Q2791" s="75">
        <f>IF(Input!$D$19=4,J2791*Input!$C$19,0)+IF(Input!$D$20=4,K2791*Input!$C$20,0)+IF(Input!$D$21=4,L2791*Input!$C$21,0)+IF(Input!$D$22=4,M2791*Input!$C$22,0)</f>
        <v>0</v>
      </c>
      <c r="R2791" s="58">
        <v>57.498163455082604</v>
      </c>
      <c r="S2791" s="124">
        <f t="shared" si="43"/>
        <v>0.99017216888106974</v>
      </c>
    </row>
    <row r="2792" spans="8:19" x14ac:dyDescent="0.3">
      <c r="H2792" s="44">
        <v>2785</v>
      </c>
      <c r="I2792" s="56">
        <f>Bühler!I2818</f>
        <v>0.24912062751185571</v>
      </c>
      <c r="J2792" s="59">
        <f>Bühler!J2818</f>
        <v>0.83040209170618573</v>
      </c>
      <c r="K2792" s="59">
        <f>Bühler!K2818</f>
        <v>1.2456031375592784</v>
      </c>
      <c r="L2792" s="59">
        <f>Bühler!L2818</f>
        <v>5.978895060284537</v>
      </c>
      <c r="M2792" s="58">
        <f>Bühler!M2818</f>
        <v>0</v>
      </c>
      <c r="N2792" s="56">
        <f>IF(Input!$D$19=1,J2792*Input!$C$19,0)+IF(Input!$D$20=1,K2792*Input!$C$20,0)+IF(Input!$D$21=1,L2792*Input!$C$21,0)+IF(Input!$D$22=1,M2792*Input!$C$22,0)</f>
        <v>0.24912062751185571</v>
      </c>
      <c r="O2792" s="59">
        <f>IF(Input!$D$19=2,J2792*Input!$C$19,0)+IF(Input!$D$20=2,K2792*Input!$C$20,0)+IF(Input!$D$21=2,L2792*Input!$C$21,0)+IF(Input!$D$22=2,M2792*Input!$C$22,0)</f>
        <v>0.62280156877963921</v>
      </c>
      <c r="P2792" s="59">
        <f>IF(Input!$D$19=3,J2792*Input!$C$19,0)+IF(Input!$D$20=3,K2792*Input!$C$20,0)+IF(Input!$D$21=3,L2792*Input!$C$21,0)+IF(Input!$D$22=3,M2792*Input!$C$22,0)</f>
        <v>0</v>
      </c>
      <c r="Q2792" s="75">
        <f>IF(Input!$D$19=4,J2792*Input!$C$19,0)+IF(Input!$D$20=4,K2792*Input!$C$20,0)+IF(Input!$D$21=4,L2792*Input!$C$21,0)+IF(Input!$D$22=4,M2792*Input!$C$22,0)</f>
        <v>0</v>
      </c>
      <c r="R2792" s="58">
        <v>56.746966439524591</v>
      </c>
      <c r="S2792" s="124">
        <f t="shared" si="43"/>
        <v>1.0795227192180414</v>
      </c>
    </row>
    <row r="2793" spans="8:19" x14ac:dyDescent="0.3">
      <c r="H2793" s="44">
        <v>2786</v>
      </c>
      <c r="I2793" s="56">
        <f>Bühler!I2819</f>
        <v>0.24912062751185571</v>
      </c>
      <c r="J2793" s="59">
        <f>Bühler!J2819</f>
        <v>0.83040209170618573</v>
      </c>
      <c r="K2793" s="59">
        <f>Bühler!K2819</f>
        <v>1.2456031375592784</v>
      </c>
      <c r="L2793" s="59">
        <f>Bühler!L2819</f>
        <v>5.978895060284537</v>
      </c>
      <c r="M2793" s="58">
        <f>Bühler!M2819</f>
        <v>0</v>
      </c>
      <c r="N2793" s="56">
        <f>IF(Input!$D$19=1,J2793*Input!$C$19,0)+IF(Input!$D$20=1,K2793*Input!$C$20,0)+IF(Input!$D$21=1,L2793*Input!$C$21,0)+IF(Input!$D$22=1,M2793*Input!$C$22,0)</f>
        <v>0.24912062751185571</v>
      </c>
      <c r="O2793" s="59">
        <f>IF(Input!$D$19=2,J2793*Input!$C$19,0)+IF(Input!$D$20=2,K2793*Input!$C$20,0)+IF(Input!$D$21=2,L2793*Input!$C$21,0)+IF(Input!$D$22=2,M2793*Input!$C$22,0)</f>
        <v>0.62280156877963921</v>
      </c>
      <c r="P2793" s="59">
        <f>IF(Input!$D$19=3,J2793*Input!$C$19,0)+IF(Input!$D$20=3,K2793*Input!$C$20,0)+IF(Input!$D$21=3,L2793*Input!$C$21,0)+IF(Input!$D$22=3,M2793*Input!$C$22,0)</f>
        <v>0</v>
      </c>
      <c r="Q2793" s="75">
        <f>IF(Input!$D$19=4,J2793*Input!$C$19,0)+IF(Input!$D$20=4,K2793*Input!$C$20,0)+IF(Input!$D$21=4,L2793*Input!$C$21,0)+IF(Input!$D$22=4,M2793*Input!$C$22,0)</f>
        <v>0</v>
      </c>
      <c r="R2793" s="58">
        <v>55.728979607427696</v>
      </c>
      <c r="S2793" s="124">
        <f t="shared" si="43"/>
        <v>1.0795227192180414</v>
      </c>
    </row>
    <row r="2794" spans="8:19" x14ac:dyDescent="0.3">
      <c r="H2794" s="44">
        <v>2787</v>
      </c>
      <c r="I2794" s="56">
        <f>Bühler!I2820</f>
        <v>0.24912062751185571</v>
      </c>
      <c r="J2794" s="59">
        <f>Bühler!J2820</f>
        <v>0.83040209170618573</v>
      </c>
      <c r="K2794" s="59">
        <f>Bühler!K2820</f>
        <v>1.2456031375592784</v>
      </c>
      <c r="L2794" s="59">
        <f>Bühler!L2820</f>
        <v>5.978895060284537</v>
      </c>
      <c r="M2794" s="58">
        <f>Bühler!M2820</f>
        <v>0</v>
      </c>
      <c r="N2794" s="56">
        <f>IF(Input!$D$19=1,J2794*Input!$C$19,0)+IF(Input!$D$20=1,K2794*Input!$C$20,0)+IF(Input!$D$21=1,L2794*Input!$C$21,0)+IF(Input!$D$22=1,M2794*Input!$C$22,0)</f>
        <v>0.24912062751185571</v>
      </c>
      <c r="O2794" s="59">
        <f>IF(Input!$D$19=2,J2794*Input!$C$19,0)+IF(Input!$D$20=2,K2794*Input!$C$20,0)+IF(Input!$D$21=2,L2794*Input!$C$21,0)+IF(Input!$D$22=2,M2794*Input!$C$22,0)</f>
        <v>0.62280156877963921</v>
      </c>
      <c r="P2794" s="59">
        <f>IF(Input!$D$19=3,J2794*Input!$C$19,0)+IF(Input!$D$20=3,K2794*Input!$C$20,0)+IF(Input!$D$21=3,L2794*Input!$C$21,0)+IF(Input!$D$22=3,M2794*Input!$C$22,0)</f>
        <v>0</v>
      </c>
      <c r="Q2794" s="75">
        <f>IF(Input!$D$19=4,J2794*Input!$C$19,0)+IF(Input!$D$20=4,K2794*Input!$C$20,0)+IF(Input!$D$21=4,L2794*Input!$C$21,0)+IF(Input!$D$22=4,M2794*Input!$C$22,0)</f>
        <v>0</v>
      </c>
      <c r="R2794" s="58">
        <v>55.552756398380225</v>
      </c>
      <c r="S2794" s="124">
        <f t="shared" si="43"/>
        <v>1.0795227192180414</v>
      </c>
    </row>
    <row r="2795" spans="8:19" x14ac:dyDescent="0.3">
      <c r="H2795" s="44">
        <v>2788</v>
      </c>
      <c r="I2795" s="56">
        <f>Bühler!I2821</f>
        <v>0.24912062751185571</v>
      </c>
      <c r="J2795" s="59">
        <f>Bühler!J2821</f>
        <v>0.83040209170618573</v>
      </c>
      <c r="K2795" s="59">
        <f>Bühler!K2821</f>
        <v>1.2456031375592784</v>
      </c>
      <c r="L2795" s="59">
        <f>Bühler!L2821</f>
        <v>5.978895060284537</v>
      </c>
      <c r="M2795" s="58">
        <f>Bühler!M2821</f>
        <v>0</v>
      </c>
      <c r="N2795" s="56">
        <f>IF(Input!$D$19=1,J2795*Input!$C$19,0)+IF(Input!$D$20=1,K2795*Input!$C$20,0)+IF(Input!$D$21=1,L2795*Input!$C$21,0)+IF(Input!$D$22=1,M2795*Input!$C$22,0)</f>
        <v>0.24912062751185571</v>
      </c>
      <c r="O2795" s="59">
        <f>IF(Input!$D$19=2,J2795*Input!$C$19,0)+IF(Input!$D$20=2,K2795*Input!$C$20,0)+IF(Input!$D$21=2,L2795*Input!$C$21,0)+IF(Input!$D$22=2,M2795*Input!$C$22,0)</f>
        <v>0.62280156877963921</v>
      </c>
      <c r="P2795" s="59">
        <f>IF(Input!$D$19=3,J2795*Input!$C$19,0)+IF(Input!$D$20=3,K2795*Input!$C$20,0)+IF(Input!$D$21=3,L2795*Input!$C$21,0)+IF(Input!$D$22=3,M2795*Input!$C$22,0)</f>
        <v>0</v>
      </c>
      <c r="Q2795" s="75">
        <f>IF(Input!$D$19=4,J2795*Input!$C$19,0)+IF(Input!$D$20=4,K2795*Input!$C$20,0)+IF(Input!$D$21=4,L2795*Input!$C$21,0)+IF(Input!$D$22=4,M2795*Input!$C$22,0)</f>
        <v>0</v>
      </c>
      <c r="R2795" s="58">
        <v>56.067470495520539</v>
      </c>
      <c r="S2795" s="124">
        <f t="shared" si="43"/>
        <v>1.0795227192180414</v>
      </c>
    </row>
    <row r="2796" spans="8:19" x14ac:dyDescent="0.3">
      <c r="H2796" s="44">
        <v>2789</v>
      </c>
      <c r="I2796" s="56">
        <f>Bühler!I2822</f>
        <v>0.24912062751185571</v>
      </c>
      <c r="J2796" s="59">
        <f>Bühler!J2822</f>
        <v>0.83040209170618573</v>
      </c>
      <c r="K2796" s="59">
        <f>Bühler!K2822</f>
        <v>1.2456031375592784</v>
      </c>
      <c r="L2796" s="59">
        <f>Bühler!L2822</f>
        <v>5.978895060284537</v>
      </c>
      <c r="M2796" s="58">
        <f>Bühler!M2822</f>
        <v>0</v>
      </c>
      <c r="N2796" s="56">
        <f>IF(Input!$D$19=1,J2796*Input!$C$19,0)+IF(Input!$D$20=1,K2796*Input!$C$20,0)+IF(Input!$D$21=1,L2796*Input!$C$21,0)+IF(Input!$D$22=1,M2796*Input!$C$22,0)</f>
        <v>0.24912062751185571</v>
      </c>
      <c r="O2796" s="59">
        <f>IF(Input!$D$19=2,J2796*Input!$C$19,0)+IF(Input!$D$20=2,K2796*Input!$C$20,0)+IF(Input!$D$21=2,L2796*Input!$C$21,0)+IF(Input!$D$22=2,M2796*Input!$C$22,0)</f>
        <v>0.62280156877963921</v>
      </c>
      <c r="P2796" s="59">
        <f>IF(Input!$D$19=3,J2796*Input!$C$19,0)+IF(Input!$D$20=3,K2796*Input!$C$20,0)+IF(Input!$D$21=3,L2796*Input!$C$21,0)+IF(Input!$D$22=3,M2796*Input!$C$22,0)</f>
        <v>0</v>
      </c>
      <c r="Q2796" s="75">
        <f>IF(Input!$D$19=4,J2796*Input!$C$19,0)+IF(Input!$D$20=4,K2796*Input!$C$20,0)+IF(Input!$D$21=4,L2796*Input!$C$21,0)+IF(Input!$D$22=4,M2796*Input!$C$22,0)</f>
        <v>0</v>
      </c>
      <c r="R2796" s="58">
        <v>57.586221896560474</v>
      </c>
      <c r="S2796" s="124">
        <f t="shared" si="43"/>
        <v>1.0795227192180414</v>
      </c>
    </row>
    <row r="2797" spans="8:19" x14ac:dyDescent="0.3">
      <c r="H2797" s="44">
        <v>2790</v>
      </c>
      <c r="I2797" s="56">
        <f>Bühler!I2823</f>
        <v>0.32108880879305851</v>
      </c>
      <c r="J2797" s="59">
        <f>Bühler!J2823</f>
        <v>1.0702960293101951</v>
      </c>
      <c r="K2797" s="59">
        <f>Bühler!K2823</f>
        <v>1.6054440439652926</v>
      </c>
      <c r="L2797" s="59">
        <f>Bühler!L2823</f>
        <v>7.7061314110334038</v>
      </c>
      <c r="M2797" s="58">
        <f>Bühler!M2823</f>
        <v>0</v>
      </c>
      <c r="N2797" s="56">
        <f>IF(Input!$D$19=1,J2797*Input!$C$19,0)+IF(Input!$D$20=1,K2797*Input!$C$20,0)+IF(Input!$D$21=1,L2797*Input!$C$21,0)+IF(Input!$D$22=1,M2797*Input!$C$22,0)</f>
        <v>0.32108880879305851</v>
      </c>
      <c r="O2797" s="59">
        <f>IF(Input!$D$19=2,J2797*Input!$C$19,0)+IF(Input!$D$20=2,K2797*Input!$C$20,0)+IF(Input!$D$21=2,L2797*Input!$C$21,0)+IF(Input!$D$22=2,M2797*Input!$C$22,0)</f>
        <v>0.80272202198264631</v>
      </c>
      <c r="P2797" s="59">
        <f>IF(Input!$D$19=3,J2797*Input!$C$19,0)+IF(Input!$D$20=3,K2797*Input!$C$20,0)+IF(Input!$D$21=3,L2797*Input!$C$21,0)+IF(Input!$D$22=3,M2797*Input!$C$22,0)</f>
        <v>0</v>
      </c>
      <c r="Q2797" s="75">
        <f>IF(Input!$D$19=4,J2797*Input!$C$19,0)+IF(Input!$D$20=4,K2797*Input!$C$20,0)+IF(Input!$D$21=4,L2797*Input!$C$21,0)+IF(Input!$D$22=4,M2797*Input!$C$22,0)</f>
        <v>0</v>
      </c>
      <c r="R2797" s="58">
        <v>60.573029767524865</v>
      </c>
      <c r="S2797" s="124">
        <f t="shared" si="43"/>
        <v>1.3913848381032536</v>
      </c>
    </row>
    <row r="2798" spans="8:19" x14ac:dyDescent="0.3">
      <c r="H2798" s="44">
        <v>2791</v>
      </c>
      <c r="I2798" s="56">
        <f>Bühler!I2824</f>
        <v>0.38752097612955339</v>
      </c>
      <c r="J2798" s="59">
        <f>Bühler!J2824</f>
        <v>1.2917365870985114</v>
      </c>
      <c r="K2798" s="59">
        <f>Bühler!K2824</f>
        <v>1.937604880647767</v>
      </c>
      <c r="L2798" s="59">
        <f>Bühler!L2824</f>
        <v>9.3005034271092821</v>
      </c>
      <c r="M2798" s="58">
        <f>Bühler!M2824</f>
        <v>0</v>
      </c>
      <c r="N2798" s="56">
        <f>IF(Input!$D$19=1,J2798*Input!$C$19,0)+IF(Input!$D$20=1,K2798*Input!$C$20,0)+IF(Input!$D$21=1,L2798*Input!$C$21,0)+IF(Input!$D$22=1,M2798*Input!$C$22,0)</f>
        <v>0.38752097612955339</v>
      </c>
      <c r="O2798" s="59">
        <f>IF(Input!$D$19=2,J2798*Input!$C$19,0)+IF(Input!$D$20=2,K2798*Input!$C$20,0)+IF(Input!$D$21=2,L2798*Input!$C$21,0)+IF(Input!$D$22=2,M2798*Input!$C$22,0)</f>
        <v>0.96880244032388352</v>
      </c>
      <c r="P2798" s="59">
        <f>IF(Input!$D$19=3,J2798*Input!$C$19,0)+IF(Input!$D$20=3,K2798*Input!$C$20,0)+IF(Input!$D$21=3,L2798*Input!$C$21,0)+IF(Input!$D$22=3,M2798*Input!$C$22,0)</f>
        <v>0</v>
      </c>
      <c r="Q2798" s="75">
        <f>IF(Input!$D$19=4,J2798*Input!$C$19,0)+IF(Input!$D$20=4,K2798*Input!$C$20,0)+IF(Input!$D$21=4,L2798*Input!$C$21,0)+IF(Input!$D$22=4,M2798*Input!$C$22,0)</f>
        <v>0</v>
      </c>
      <c r="R2798" s="58">
        <v>64.147604566622107</v>
      </c>
      <c r="S2798" s="124">
        <f t="shared" si="43"/>
        <v>1.6792575632280649</v>
      </c>
    </row>
    <row r="2799" spans="8:19" x14ac:dyDescent="0.3">
      <c r="H2799" s="44">
        <v>2792</v>
      </c>
      <c r="I2799" s="56">
        <f>Bühler!I2825</f>
        <v>0.38752097612955339</v>
      </c>
      <c r="J2799" s="59">
        <f>Bühler!J2825</f>
        <v>1.2917365870985114</v>
      </c>
      <c r="K2799" s="59">
        <f>Bühler!K2825</f>
        <v>1.937604880647767</v>
      </c>
      <c r="L2799" s="59">
        <f>Bühler!L2825</f>
        <v>9.3005034271092821</v>
      </c>
      <c r="M2799" s="58">
        <f>Bühler!M2825</f>
        <v>0</v>
      </c>
      <c r="N2799" s="56">
        <f>IF(Input!$D$19=1,J2799*Input!$C$19,0)+IF(Input!$D$20=1,K2799*Input!$C$20,0)+IF(Input!$D$21=1,L2799*Input!$C$21,0)+IF(Input!$D$22=1,M2799*Input!$C$22,0)</f>
        <v>0.38752097612955339</v>
      </c>
      <c r="O2799" s="59">
        <f>IF(Input!$D$19=2,J2799*Input!$C$19,0)+IF(Input!$D$20=2,K2799*Input!$C$20,0)+IF(Input!$D$21=2,L2799*Input!$C$21,0)+IF(Input!$D$22=2,M2799*Input!$C$22,0)</f>
        <v>0.96880244032388352</v>
      </c>
      <c r="P2799" s="59">
        <f>IF(Input!$D$19=3,J2799*Input!$C$19,0)+IF(Input!$D$20=3,K2799*Input!$C$20,0)+IF(Input!$D$21=3,L2799*Input!$C$21,0)+IF(Input!$D$22=3,M2799*Input!$C$22,0)</f>
        <v>0</v>
      </c>
      <c r="Q2799" s="75">
        <f>IF(Input!$D$19=4,J2799*Input!$C$19,0)+IF(Input!$D$20=4,K2799*Input!$C$20,0)+IF(Input!$D$21=4,L2799*Input!$C$21,0)+IF(Input!$D$22=4,M2799*Input!$C$22,0)</f>
        <v>0</v>
      </c>
      <c r="R2799" s="58">
        <v>65.935581261689094</v>
      </c>
      <c r="S2799" s="124">
        <f t="shared" si="43"/>
        <v>1.6792575632280649</v>
      </c>
    </row>
    <row r="2800" spans="8:19" x14ac:dyDescent="0.3">
      <c r="H2800" s="44">
        <v>2793</v>
      </c>
      <c r="I2800" s="56">
        <f>Bühler!I2826</f>
        <v>0.38752097612955339</v>
      </c>
      <c r="J2800" s="59">
        <f>Bühler!J2826</f>
        <v>1.2917365870985114</v>
      </c>
      <c r="K2800" s="59">
        <f>Bühler!K2826</f>
        <v>1.937604880647767</v>
      </c>
      <c r="L2800" s="59">
        <f>Bühler!L2826</f>
        <v>9.3005034271092821</v>
      </c>
      <c r="M2800" s="58">
        <f>Bühler!M2826</f>
        <v>0</v>
      </c>
      <c r="N2800" s="56">
        <f>IF(Input!$D$19=1,J2800*Input!$C$19,0)+IF(Input!$D$20=1,K2800*Input!$C$20,0)+IF(Input!$D$21=1,L2800*Input!$C$21,0)+IF(Input!$D$22=1,M2800*Input!$C$22,0)</f>
        <v>0.38752097612955339</v>
      </c>
      <c r="O2800" s="59">
        <f>IF(Input!$D$19=2,J2800*Input!$C$19,0)+IF(Input!$D$20=2,K2800*Input!$C$20,0)+IF(Input!$D$21=2,L2800*Input!$C$21,0)+IF(Input!$D$22=2,M2800*Input!$C$22,0)</f>
        <v>0.96880244032388352</v>
      </c>
      <c r="P2800" s="59">
        <f>IF(Input!$D$19=3,J2800*Input!$C$19,0)+IF(Input!$D$20=3,K2800*Input!$C$20,0)+IF(Input!$D$21=3,L2800*Input!$C$21,0)+IF(Input!$D$22=3,M2800*Input!$C$22,0)</f>
        <v>0</v>
      </c>
      <c r="Q2800" s="75">
        <f>IF(Input!$D$19=4,J2800*Input!$C$19,0)+IF(Input!$D$20=4,K2800*Input!$C$20,0)+IF(Input!$D$21=4,L2800*Input!$C$21,0)+IF(Input!$D$22=4,M2800*Input!$C$22,0)</f>
        <v>0</v>
      </c>
      <c r="R2800" s="58">
        <v>66.376910133762593</v>
      </c>
      <c r="S2800" s="124">
        <f t="shared" si="43"/>
        <v>1.6792575632280649</v>
      </c>
    </row>
    <row r="2801" spans="8:19" x14ac:dyDescent="0.3">
      <c r="H2801" s="44">
        <v>2794</v>
      </c>
      <c r="I2801" s="56">
        <f>Bühler!I2827</f>
        <v>0.41520104585309292</v>
      </c>
      <c r="J2801" s="59">
        <f>Bühler!J2827</f>
        <v>1.3840034861769765</v>
      </c>
      <c r="K2801" s="59">
        <f>Bühler!K2827</f>
        <v>2.0760052292654647</v>
      </c>
      <c r="L2801" s="59">
        <f>Bühler!L2827</f>
        <v>9.9648251004742292</v>
      </c>
      <c r="M2801" s="58">
        <f>Bühler!M2827</f>
        <v>0</v>
      </c>
      <c r="N2801" s="56">
        <f>IF(Input!$D$19=1,J2801*Input!$C$19,0)+IF(Input!$D$20=1,K2801*Input!$C$20,0)+IF(Input!$D$21=1,L2801*Input!$C$21,0)+IF(Input!$D$22=1,M2801*Input!$C$22,0)</f>
        <v>0.41520104585309298</v>
      </c>
      <c r="O2801" s="59">
        <f>IF(Input!$D$19=2,J2801*Input!$C$19,0)+IF(Input!$D$20=2,K2801*Input!$C$20,0)+IF(Input!$D$21=2,L2801*Input!$C$21,0)+IF(Input!$D$22=2,M2801*Input!$C$22,0)</f>
        <v>1.0380026146327324</v>
      </c>
      <c r="P2801" s="59">
        <f>IF(Input!$D$19=3,J2801*Input!$C$19,0)+IF(Input!$D$20=3,K2801*Input!$C$20,0)+IF(Input!$D$21=3,L2801*Input!$C$21,0)+IF(Input!$D$22=3,M2801*Input!$C$22,0)</f>
        <v>0</v>
      </c>
      <c r="Q2801" s="75">
        <f>IF(Input!$D$19=4,J2801*Input!$C$19,0)+IF(Input!$D$20=4,K2801*Input!$C$20,0)+IF(Input!$D$21=4,L2801*Input!$C$21,0)+IF(Input!$D$22=4,M2801*Input!$C$22,0)</f>
        <v>0</v>
      </c>
      <c r="R2801" s="58">
        <v>65.909199936212232</v>
      </c>
      <c r="S2801" s="124">
        <f t="shared" si="43"/>
        <v>1.7992045320300694</v>
      </c>
    </row>
    <row r="2802" spans="8:19" x14ac:dyDescent="0.3">
      <c r="H2802" s="44">
        <v>2795</v>
      </c>
      <c r="I2802" s="56">
        <f>Bühler!I2828</f>
        <v>0.43180908768721665</v>
      </c>
      <c r="J2802" s="59">
        <f>Bühler!J2828</f>
        <v>1.4393636256240556</v>
      </c>
      <c r="K2802" s="59">
        <f>Bühler!K2828</f>
        <v>2.1590454384360833</v>
      </c>
      <c r="L2802" s="59">
        <f>Bühler!L2828</f>
        <v>10.363418104493199</v>
      </c>
      <c r="M2802" s="58">
        <f>Bühler!M2828</f>
        <v>0</v>
      </c>
      <c r="N2802" s="56">
        <f>IF(Input!$D$19=1,J2802*Input!$C$19,0)+IF(Input!$D$20=1,K2802*Input!$C$20,0)+IF(Input!$D$21=1,L2802*Input!$C$21,0)+IF(Input!$D$22=1,M2802*Input!$C$22,0)</f>
        <v>0.43180908768721665</v>
      </c>
      <c r="O2802" s="59">
        <f>IF(Input!$D$19=2,J2802*Input!$C$19,0)+IF(Input!$D$20=2,K2802*Input!$C$20,0)+IF(Input!$D$21=2,L2802*Input!$C$21,0)+IF(Input!$D$22=2,M2802*Input!$C$22,0)</f>
        <v>1.0795227192180417</v>
      </c>
      <c r="P2802" s="59">
        <f>IF(Input!$D$19=3,J2802*Input!$C$19,0)+IF(Input!$D$20=3,K2802*Input!$C$20,0)+IF(Input!$D$21=3,L2802*Input!$C$21,0)+IF(Input!$D$22=3,M2802*Input!$C$22,0)</f>
        <v>0</v>
      </c>
      <c r="Q2802" s="75">
        <f>IF(Input!$D$19=4,J2802*Input!$C$19,0)+IF(Input!$D$20=4,K2802*Input!$C$20,0)+IF(Input!$D$21=4,L2802*Input!$C$21,0)+IF(Input!$D$22=4,M2802*Input!$C$22,0)</f>
        <v>0</v>
      </c>
      <c r="R2802" s="58">
        <v>65.417574468495872</v>
      </c>
      <c r="S2802" s="124">
        <f t="shared" si="43"/>
        <v>1.8711727133112723</v>
      </c>
    </row>
    <row r="2803" spans="8:19" x14ac:dyDescent="0.3">
      <c r="H2803" s="44">
        <v>2796</v>
      </c>
      <c r="I2803" s="56">
        <f>Bühler!I2829</f>
        <v>0.49824125502371142</v>
      </c>
      <c r="J2803" s="59">
        <f>Bühler!J2829</f>
        <v>1.6608041834123715</v>
      </c>
      <c r="K2803" s="59">
        <f>Bühler!K2829</f>
        <v>2.4912062751185569</v>
      </c>
      <c r="L2803" s="59">
        <f>Bühler!L2829</f>
        <v>11.957790120569074</v>
      </c>
      <c r="M2803" s="58">
        <f>Bühler!M2829</f>
        <v>0</v>
      </c>
      <c r="N2803" s="56">
        <f>IF(Input!$D$19=1,J2803*Input!$C$19,0)+IF(Input!$D$20=1,K2803*Input!$C$20,0)+IF(Input!$D$21=1,L2803*Input!$C$21,0)+IF(Input!$D$22=1,M2803*Input!$C$22,0)</f>
        <v>0.49824125502371142</v>
      </c>
      <c r="O2803" s="59">
        <f>IF(Input!$D$19=2,J2803*Input!$C$19,0)+IF(Input!$D$20=2,K2803*Input!$C$20,0)+IF(Input!$D$21=2,L2803*Input!$C$21,0)+IF(Input!$D$22=2,M2803*Input!$C$22,0)</f>
        <v>1.2456031375592784</v>
      </c>
      <c r="P2803" s="59">
        <f>IF(Input!$D$19=3,J2803*Input!$C$19,0)+IF(Input!$D$20=3,K2803*Input!$C$20,0)+IF(Input!$D$21=3,L2803*Input!$C$21,0)+IF(Input!$D$22=3,M2803*Input!$C$22,0)</f>
        <v>0</v>
      </c>
      <c r="Q2803" s="75">
        <f>IF(Input!$D$19=4,J2803*Input!$C$19,0)+IF(Input!$D$20=4,K2803*Input!$C$20,0)+IF(Input!$D$21=4,L2803*Input!$C$21,0)+IF(Input!$D$22=4,M2803*Input!$C$22,0)</f>
        <v>0</v>
      </c>
      <c r="R2803" s="58">
        <v>65.76929021588515</v>
      </c>
      <c r="S2803" s="124">
        <f t="shared" si="43"/>
        <v>2.1590454384360829</v>
      </c>
    </row>
    <row r="2804" spans="8:19" x14ac:dyDescent="0.3">
      <c r="H2804" s="44">
        <v>2797</v>
      </c>
      <c r="I2804" s="56">
        <f>Bühler!I2830</f>
        <v>0.49824125502371142</v>
      </c>
      <c r="J2804" s="59">
        <f>Bühler!J2830</f>
        <v>1.6608041834123715</v>
      </c>
      <c r="K2804" s="59">
        <f>Bühler!K2830</f>
        <v>2.4912062751185569</v>
      </c>
      <c r="L2804" s="59">
        <f>Bühler!L2830</f>
        <v>11.957790120569074</v>
      </c>
      <c r="M2804" s="58">
        <f>Bühler!M2830</f>
        <v>0</v>
      </c>
      <c r="N2804" s="56">
        <f>IF(Input!$D$19=1,J2804*Input!$C$19,0)+IF(Input!$D$20=1,K2804*Input!$C$20,0)+IF(Input!$D$21=1,L2804*Input!$C$21,0)+IF(Input!$D$22=1,M2804*Input!$C$22,0)</f>
        <v>0.49824125502371142</v>
      </c>
      <c r="O2804" s="59">
        <f>IF(Input!$D$19=2,J2804*Input!$C$19,0)+IF(Input!$D$20=2,K2804*Input!$C$20,0)+IF(Input!$D$21=2,L2804*Input!$C$21,0)+IF(Input!$D$22=2,M2804*Input!$C$22,0)</f>
        <v>1.2456031375592784</v>
      </c>
      <c r="P2804" s="59">
        <f>IF(Input!$D$19=3,J2804*Input!$C$19,0)+IF(Input!$D$20=3,K2804*Input!$C$20,0)+IF(Input!$D$21=3,L2804*Input!$C$21,0)+IF(Input!$D$22=3,M2804*Input!$C$22,0)</f>
        <v>0</v>
      </c>
      <c r="Q2804" s="75">
        <f>IF(Input!$D$19=4,J2804*Input!$C$19,0)+IF(Input!$D$20=4,K2804*Input!$C$20,0)+IF(Input!$D$21=4,L2804*Input!$C$21,0)+IF(Input!$D$22=4,M2804*Input!$C$22,0)</f>
        <v>0</v>
      </c>
      <c r="R2804" s="58">
        <v>65.6643397535085</v>
      </c>
      <c r="S2804" s="124">
        <f t="shared" si="43"/>
        <v>2.1590454384360829</v>
      </c>
    </row>
    <row r="2805" spans="8:19" x14ac:dyDescent="0.3">
      <c r="H2805" s="44">
        <v>2798</v>
      </c>
      <c r="I2805" s="56">
        <f>Bühler!I2831</f>
        <v>0.49824125502371142</v>
      </c>
      <c r="J2805" s="59">
        <f>Bühler!J2831</f>
        <v>1.6608041834123715</v>
      </c>
      <c r="K2805" s="59">
        <f>Bühler!K2831</f>
        <v>2.4912062751185569</v>
      </c>
      <c r="L2805" s="59">
        <f>Bühler!L2831</f>
        <v>11.957790120569074</v>
      </c>
      <c r="M2805" s="58">
        <f>Bühler!M2831</f>
        <v>0</v>
      </c>
      <c r="N2805" s="56">
        <f>IF(Input!$D$19=1,J2805*Input!$C$19,0)+IF(Input!$D$20=1,K2805*Input!$C$20,0)+IF(Input!$D$21=1,L2805*Input!$C$21,0)+IF(Input!$D$22=1,M2805*Input!$C$22,0)</f>
        <v>0.49824125502371142</v>
      </c>
      <c r="O2805" s="59">
        <f>IF(Input!$D$19=2,J2805*Input!$C$19,0)+IF(Input!$D$20=2,K2805*Input!$C$20,0)+IF(Input!$D$21=2,L2805*Input!$C$21,0)+IF(Input!$D$22=2,M2805*Input!$C$22,0)</f>
        <v>1.2456031375592784</v>
      </c>
      <c r="P2805" s="59">
        <f>IF(Input!$D$19=3,J2805*Input!$C$19,0)+IF(Input!$D$20=3,K2805*Input!$C$20,0)+IF(Input!$D$21=3,L2805*Input!$C$21,0)+IF(Input!$D$22=3,M2805*Input!$C$22,0)</f>
        <v>0</v>
      </c>
      <c r="Q2805" s="75">
        <f>IF(Input!$D$19=4,J2805*Input!$C$19,0)+IF(Input!$D$20=4,K2805*Input!$C$20,0)+IF(Input!$D$21=4,L2805*Input!$C$21,0)+IF(Input!$D$22=4,M2805*Input!$C$22,0)</f>
        <v>0</v>
      </c>
      <c r="R2805" s="58">
        <v>65.36312062269613</v>
      </c>
      <c r="S2805" s="124">
        <f t="shared" si="43"/>
        <v>2.1590454384360829</v>
      </c>
    </row>
    <row r="2806" spans="8:19" x14ac:dyDescent="0.3">
      <c r="H2806" s="44">
        <v>2799</v>
      </c>
      <c r="I2806" s="56">
        <f>Bühler!I2832</f>
        <v>0.49824125502371142</v>
      </c>
      <c r="J2806" s="59">
        <f>Bühler!J2832</f>
        <v>1.6608041834123715</v>
      </c>
      <c r="K2806" s="59">
        <f>Bühler!K2832</f>
        <v>2.4912062751185569</v>
      </c>
      <c r="L2806" s="59">
        <f>Bühler!L2832</f>
        <v>11.957790120569074</v>
      </c>
      <c r="M2806" s="58">
        <f>Bühler!M2832</f>
        <v>0</v>
      </c>
      <c r="N2806" s="56">
        <f>IF(Input!$D$19=1,J2806*Input!$C$19,0)+IF(Input!$D$20=1,K2806*Input!$C$20,0)+IF(Input!$D$21=1,L2806*Input!$C$21,0)+IF(Input!$D$22=1,M2806*Input!$C$22,0)</f>
        <v>0.49824125502371142</v>
      </c>
      <c r="O2806" s="59">
        <f>IF(Input!$D$19=2,J2806*Input!$C$19,0)+IF(Input!$D$20=2,K2806*Input!$C$20,0)+IF(Input!$D$21=2,L2806*Input!$C$21,0)+IF(Input!$D$22=2,M2806*Input!$C$22,0)</f>
        <v>1.2456031375592784</v>
      </c>
      <c r="P2806" s="59">
        <f>IF(Input!$D$19=3,J2806*Input!$C$19,0)+IF(Input!$D$20=3,K2806*Input!$C$20,0)+IF(Input!$D$21=3,L2806*Input!$C$21,0)+IF(Input!$D$22=3,M2806*Input!$C$22,0)</f>
        <v>0</v>
      </c>
      <c r="Q2806" s="75">
        <f>IF(Input!$D$19=4,J2806*Input!$C$19,0)+IF(Input!$D$20=4,K2806*Input!$C$20,0)+IF(Input!$D$21=4,L2806*Input!$C$21,0)+IF(Input!$D$22=4,M2806*Input!$C$22,0)</f>
        <v>0</v>
      </c>
      <c r="R2806" s="58">
        <v>65.426503722304091</v>
      </c>
      <c r="S2806" s="124">
        <f t="shared" si="43"/>
        <v>2.1590454384360829</v>
      </c>
    </row>
    <row r="2807" spans="8:19" x14ac:dyDescent="0.3">
      <c r="H2807" s="44">
        <v>2800</v>
      </c>
      <c r="I2807" s="56">
        <f>Bühler!I2833</f>
        <v>0.41520104585309292</v>
      </c>
      <c r="J2807" s="59">
        <f>Bühler!J2833</f>
        <v>1.3840034861769765</v>
      </c>
      <c r="K2807" s="59">
        <f>Bühler!K2833</f>
        <v>2.0760052292654647</v>
      </c>
      <c r="L2807" s="59">
        <f>Bühler!L2833</f>
        <v>9.9648251004742292</v>
      </c>
      <c r="M2807" s="58">
        <f>Bühler!M2833</f>
        <v>0</v>
      </c>
      <c r="N2807" s="56">
        <f>IF(Input!$D$19=1,J2807*Input!$C$19,0)+IF(Input!$D$20=1,K2807*Input!$C$20,0)+IF(Input!$D$21=1,L2807*Input!$C$21,0)+IF(Input!$D$22=1,M2807*Input!$C$22,0)</f>
        <v>0.41520104585309298</v>
      </c>
      <c r="O2807" s="59">
        <f>IF(Input!$D$19=2,J2807*Input!$C$19,0)+IF(Input!$D$20=2,K2807*Input!$C$20,0)+IF(Input!$D$21=2,L2807*Input!$C$21,0)+IF(Input!$D$22=2,M2807*Input!$C$22,0)</f>
        <v>1.0380026146327324</v>
      </c>
      <c r="P2807" s="59">
        <f>IF(Input!$D$19=3,J2807*Input!$C$19,0)+IF(Input!$D$20=3,K2807*Input!$C$20,0)+IF(Input!$D$21=3,L2807*Input!$C$21,0)+IF(Input!$D$22=3,M2807*Input!$C$22,0)</f>
        <v>0</v>
      </c>
      <c r="Q2807" s="75">
        <f>IF(Input!$D$19=4,J2807*Input!$C$19,0)+IF(Input!$D$20=4,K2807*Input!$C$20,0)+IF(Input!$D$21=4,L2807*Input!$C$21,0)+IF(Input!$D$22=4,M2807*Input!$C$22,0)</f>
        <v>0</v>
      </c>
      <c r="R2807" s="58">
        <v>64.790772488123437</v>
      </c>
      <c r="S2807" s="124">
        <f t="shared" si="43"/>
        <v>1.7992045320300694</v>
      </c>
    </row>
    <row r="2808" spans="8:19" x14ac:dyDescent="0.3">
      <c r="H2808" s="44">
        <v>2801</v>
      </c>
      <c r="I2808" s="56">
        <f>Bühler!I2834</f>
        <v>0.39305699007426131</v>
      </c>
      <c r="J2808" s="59">
        <f>Bühler!J2834</f>
        <v>1.3101899669142045</v>
      </c>
      <c r="K2808" s="59">
        <f>Bühler!K2834</f>
        <v>1.9652849503713066</v>
      </c>
      <c r="L2808" s="59">
        <f>Bühler!L2834</f>
        <v>9.4333677617822715</v>
      </c>
      <c r="M2808" s="58">
        <f>Bühler!M2834</f>
        <v>0</v>
      </c>
      <c r="N2808" s="56">
        <f>IF(Input!$D$19=1,J2808*Input!$C$19,0)+IF(Input!$D$20=1,K2808*Input!$C$20,0)+IF(Input!$D$21=1,L2808*Input!$C$21,0)+IF(Input!$D$22=1,M2808*Input!$C$22,0)</f>
        <v>0.39305699007426137</v>
      </c>
      <c r="O2808" s="59">
        <f>IF(Input!$D$19=2,J2808*Input!$C$19,0)+IF(Input!$D$20=2,K2808*Input!$C$20,0)+IF(Input!$D$21=2,L2808*Input!$C$21,0)+IF(Input!$D$22=2,M2808*Input!$C$22,0)</f>
        <v>0.98264247518565329</v>
      </c>
      <c r="P2808" s="59">
        <f>IF(Input!$D$19=3,J2808*Input!$C$19,0)+IF(Input!$D$20=3,K2808*Input!$C$20,0)+IF(Input!$D$21=3,L2808*Input!$C$21,0)+IF(Input!$D$22=3,M2808*Input!$C$22,0)</f>
        <v>0</v>
      </c>
      <c r="Q2808" s="75">
        <f>IF(Input!$D$19=4,J2808*Input!$C$19,0)+IF(Input!$D$20=4,K2808*Input!$C$20,0)+IF(Input!$D$21=4,L2808*Input!$C$21,0)+IF(Input!$D$22=4,M2808*Input!$C$22,0)</f>
        <v>0</v>
      </c>
      <c r="R2808" s="58">
        <v>63.754788969602437</v>
      </c>
      <c r="S2808" s="124">
        <f t="shared" si="43"/>
        <v>1.7032469569884658</v>
      </c>
    </row>
    <row r="2809" spans="8:19" x14ac:dyDescent="0.3">
      <c r="H2809" s="44">
        <v>2802</v>
      </c>
      <c r="I2809" s="56">
        <f>Bühler!I2835</f>
        <v>0.39305699007426131</v>
      </c>
      <c r="J2809" s="59">
        <f>Bühler!J2835</f>
        <v>1.3101899669142045</v>
      </c>
      <c r="K2809" s="59">
        <f>Bühler!K2835</f>
        <v>1.9652849503713066</v>
      </c>
      <c r="L2809" s="59">
        <f>Bühler!L2835</f>
        <v>9.4333677617822715</v>
      </c>
      <c r="M2809" s="58">
        <f>Bühler!M2835</f>
        <v>0</v>
      </c>
      <c r="N2809" s="56">
        <f>IF(Input!$D$19=1,J2809*Input!$C$19,0)+IF(Input!$D$20=1,K2809*Input!$C$20,0)+IF(Input!$D$21=1,L2809*Input!$C$21,0)+IF(Input!$D$22=1,M2809*Input!$C$22,0)</f>
        <v>0.39305699007426137</v>
      </c>
      <c r="O2809" s="59">
        <f>IF(Input!$D$19=2,J2809*Input!$C$19,0)+IF(Input!$D$20=2,K2809*Input!$C$20,0)+IF(Input!$D$21=2,L2809*Input!$C$21,0)+IF(Input!$D$22=2,M2809*Input!$C$22,0)</f>
        <v>0.98264247518565329</v>
      </c>
      <c r="P2809" s="59">
        <f>IF(Input!$D$19=3,J2809*Input!$C$19,0)+IF(Input!$D$20=3,K2809*Input!$C$20,0)+IF(Input!$D$21=3,L2809*Input!$C$21,0)+IF(Input!$D$22=3,M2809*Input!$C$22,0)</f>
        <v>0</v>
      </c>
      <c r="Q2809" s="75">
        <f>IF(Input!$D$19=4,J2809*Input!$C$19,0)+IF(Input!$D$20=4,K2809*Input!$C$20,0)+IF(Input!$D$21=4,L2809*Input!$C$21,0)+IF(Input!$D$22=4,M2809*Input!$C$22,0)</f>
        <v>0</v>
      </c>
      <c r="R2809" s="58">
        <v>62.33584885805017</v>
      </c>
      <c r="S2809" s="124">
        <f t="shared" si="43"/>
        <v>1.7032469569884658</v>
      </c>
    </row>
    <row r="2810" spans="8:19" x14ac:dyDescent="0.3">
      <c r="H2810" s="44">
        <v>2803</v>
      </c>
      <c r="I2810" s="56">
        <f>Bühler!I2836</f>
        <v>0.39305699007426131</v>
      </c>
      <c r="J2810" s="59">
        <f>Bühler!J2836</f>
        <v>1.3101899669142045</v>
      </c>
      <c r="K2810" s="59">
        <f>Bühler!K2836</f>
        <v>1.9652849503713066</v>
      </c>
      <c r="L2810" s="59">
        <f>Bühler!L2836</f>
        <v>9.4333677617822715</v>
      </c>
      <c r="M2810" s="58">
        <f>Bühler!M2836</f>
        <v>0</v>
      </c>
      <c r="N2810" s="56">
        <f>IF(Input!$D$19=1,J2810*Input!$C$19,0)+IF(Input!$D$20=1,K2810*Input!$C$20,0)+IF(Input!$D$21=1,L2810*Input!$C$21,0)+IF(Input!$D$22=1,M2810*Input!$C$22,0)</f>
        <v>0.39305699007426137</v>
      </c>
      <c r="O2810" s="59">
        <f>IF(Input!$D$19=2,J2810*Input!$C$19,0)+IF(Input!$D$20=2,K2810*Input!$C$20,0)+IF(Input!$D$21=2,L2810*Input!$C$21,0)+IF(Input!$D$22=2,M2810*Input!$C$22,0)</f>
        <v>0.98264247518565329</v>
      </c>
      <c r="P2810" s="59">
        <f>IF(Input!$D$19=3,J2810*Input!$C$19,0)+IF(Input!$D$20=3,K2810*Input!$C$20,0)+IF(Input!$D$21=3,L2810*Input!$C$21,0)+IF(Input!$D$22=3,M2810*Input!$C$22,0)</f>
        <v>0</v>
      </c>
      <c r="Q2810" s="75">
        <f>IF(Input!$D$19=4,J2810*Input!$C$19,0)+IF(Input!$D$20=4,K2810*Input!$C$20,0)+IF(Input!$D$21=4,L2810*Input!$C$21,0)+IF(Input!$D$22=4,M2810*Input!$C$22,0)</f>
        <v>0</v>
      </c>
      <c r="R2810" s="58">
        <v>61.081459445420066</v>
      </c>
      <c r="S2810" s="124">
        <f t="shared" si="43"/>
        <v>1.7032469569884658</v>
      </c>
    </row>
    <row r="2811" spans="8:19" x14ac:dyDescent="0.3">
      <c r="H2811" s="44">
        <v>2804</v>
      </c>
      <c r="I2811" s="56">
        <f>Bühler!I2837</f>
        <v>0.39305699007426131</v>
      </c>
      <c r="J2811" s="59">
        <f>Bühler!J2837</f>
        <v>1.3101899669142045</v>
      </c>
      <c r="K2811" s="59">
        <f>Bühler!K2837</f>
        <v>1.9652849503713066</v>
      </c>
      <c r="L2811" s="59">
        <f>Bühler!L2837</f>
        <v>9.4333677617822715</v>
      </c>
      <c r="M2811" s="58">
        <f>Bühler!M2837</f>
        <v>0</v>
      </c>
      <c r="N2811" s="56">
        <f>IF(Input!$D$19=1,J2811*Input!$C$19,0)+IF(Input!$D$20=1,K2811*Input!$C$20,0)+IF(Input!$D$21=1,L2811*Input!$C$21,0)+IF(Input!$D$22=1,M2811*Input!$C$22,0)</f>
        <v>0.39305699007426137</v>
      </c>
      <c r="O2811" s="59">
        <f>IF(Input!$D$19=2,J2811*Input!$C$19,0)+IF(Input!$D$20=2,K2811*Input!$C$20,0)+IF(Input!$D$21=2,L2811*Input!$C$21,0)+IF(Input!$D$22=2,M2811*Input!$C$22,0)</f>
        <v>0.98264247518565329</v>
      </c>
      <c r="P2811" s="59">
        <f>IF(Input!$D$19=3,J2811*Input!$C$19,0)+IF(Input!$D$20=3,K2811*Input!$C$20,0)+IF(Input!$D$21=3,L2811*Input!$C$21,0)+IF(Input!$D$22=3,M2811*Input!$C$22,0)</f>
        <v>0</v>
      </c>
      <c r="Q2811" s="75">
        <f>IF(Input!$D$19=4,J2811*Input!$C$19,0)+IF(Input!$D$20=4,K2811*Input!$C$20,0)+IF(Input!$D$21=4,L2811*Input!$C$21,0)+IF(Input!$D$22=4,M2811*Input!$C$22,0)</f>
        <v>0</v>
      </c>
      <c r="R2811" s="58">
        <v>59.452905397377606</v>
      </c>
      <c r="S2811" s="124">
        <f t="shared" si="43"/>
        <v>1.7032469569884658</v>
      </c>
    </row>
    <row r="2812" spans="8:19" x14ac:dyDescent="0.3">
      <c r="H2812" s="44">
        <v>2805</v>
      </c>
      <c r="I2812" s="56">
        <f>Bühler!I2838</f>
        <v>0.30448076695893478</v>
      </c>
      <c r="J2812" s="59">
        <f>Bühler!J2838</f>
        <v>1.014935889863116</v>
      </c>
      <c r="K2812" s="59">
        <f>Bühler!K2838</f>
        <v>1.522403834794674</v>
      </c>
      <c r="L2812" s="59">
        <f>Bühler!L2838</f>
        <v>7.3075384070144347</v>
      </c>
      <c r="M2812" s="58">
        <f>Bühler!M2838</f>
        <v>0</v>
      </c>
      <c r="N2812" s="56">
        <f>IF(Input!$D$19=1,J2812*Input!$C$19,0)+IF(Input!$D$20=1,K2812*Input!$C$20,0)+IF(Input!$D$21=1,L2812*Input!$C$21,0)+IF(Input!$D$22=1,M2812*Input!$C$22,0)</f>
        <v>0.30448076695893478</v>
      </c>
      <c r="O2812" s="59">
        <f>IF(Input!$D$19=2,J2812*Input!$C$19,0)+IF(Input!$D$20=2,K2812*Input!$C$20,0)+IF(Input!$D$21=2,L2812*Input!$C$21,0)+IF(Input!$D$22=2,M2812*Input!$C$22,0)</f>
        <v>0.761201917397337</v>
      </c>
      <c r="P2812" s="59">
        <f>IF(Input!$D$19=3,J2812*Input!$C$19,0)+IF(Input!$D$20=3,K2812*Input!$C$20,0)+IF(Input!$D$21=3,L2812*Input!$C$21,0)+IF(Input!$D$22=3,M2812*Input!$C$22,0)</f>
        <v>0</v>
      </c>
      <c r="Q2812" s="75">
        <f>IF(Input!$D$19=4,J2812*Input!$C$19,0)+IF(Input!$D$20=4,K2812*Input!$C$20,0)+IF(Input!$D$21=4,L2812*Input!$C$21,0)+IF(Input!$D$22=4,M2812*Input!$C$22,0)</f>
        <v>0</v>
      </c>
      <c r="R2812" s="58">
        <v>57.39239543312619</v>
      </c>
      <c r="S2812" s="124">
        <f t="shared" si="43"/>
        <v>1.3194166568220509</v>
      </c>
    </row>
    <row r="2813" spans="8:19" x14ac:dyDescent="0.3">
      <c r="H2813" s="44">
        <v>2806</v>
      </c>
      <c r="I2813" s="56">
        <f>Bühler!I2839</f>
        <v>0.11625629283886602</v>
      </c>
      <c r="J2813" s="59">
        <f>Bühler!J2839</f>
        <v>0.38752097612955344</v>
      </c>
      <c r="K2813" s="59">
        <f>Bühler!K2839</f>
        <v>0.58128146419433013</v>
      </c>
      <c r="L2813" s="59">
        <f>Bühler!L2839</f>
        <v>2.7901510281327844</v>
      </c>
      <c r="M2813" s="58">
        <f>Bühler!M2839</f>
        <v>0</v>
      </c>
      <c r="N2813" s="56">
        <f>IF(Input!$D$19=1,J2813*Input!$C$19,0)+IF(Input!$D$20=1,K2813*Input!$C$20,0)+IF(Input!$D$21=1,L2813*Input!$C$21,0)+IF(Input!$D$22=1,M2813*Input!$C$22,0)</f>
        <v>0.11625629283886603</v>
      </c>
      <c r="O2813" s="59">
        <f>IF(Input!$D$19=2,J2813*Input!$C$19,0)+IF(Input!$D$20=2,K2813*Input!$C$20,0)+IF(Input!$D$21=2,L2813*Input!$C$21,0)+IF(Input!$D$22=2,M2813*Input!$C$22,0)</f>
        <v>0.29064073209716507</v>
      </c>
      <c r="P2813" s="59">
        <f>IF(Input!$D$19=3,J2813*Input!$C$19,0)+IF(Input!$D$20=3,K2813*Input!$C$20,0)+IF(Input!$D$21=3,L2813*Input!$C$21,0)+IF(Input!$D$22=3,M2813*Input!$C$22,0)</f>
        <v>0</v>
      </c>
      <c r="Q2813" s="75">
        <f>IF(Input!$D$19=4,J2813*Input!$C$19,0)+IF(Input!$D$20=4,K2813*Input!$C$20,0)+IF(Input!$D$21=4,L2813*Input!$C$21,0)+IF(Input!$D$22=4,M2813*Input!$C$22,0)</f>
        <v>0</v>
      </c>
      <c r="R2813" s="58">
        <v>56.150612988099482</v>
      </c>
      <c r="S2813" s="124">
        <f t="shared" si="43"/>
        <v>0.50377726896841946</v>
      </c>
    </row>
    <row r="2814" spans="8:19" x14ac:dyDescent="0.3">
      <c r="H2814" s="44">
        <v>2807</v>
      </c>
      <c r="I2814" s="56">
        <f>Bühler!I2840</f>
        <v>0.11625629283886602</v>
      </c>
      <c r="J2814" s="59">
        <f>Bühler!J2840</f>
        <v>0.38752097612955344</v>
      </c>
      <c r="K2814" s="59">
        <f>Bühler!K2840</f>
        <v>0.58128146419433013</v>
      </c>
      <c r="L2814" s="59">
        <f>Bühler!L2840</f>
        <v>2.7901510281327844</v>
      </c>
      <c r="M2814" s="58">
        <f>Bühler!M2840</f>
        <v>0</v>
      </c>
      <c r="N2814" s="56">
        <f>IF(Input!$D$19=1,J2814*Input!$C$19,0)+IF(Input!$D$20=1,K2814*Input!$C$20,0)+IF(Input!$D$21=1,L2814*Input!$C$21,0)+IF(Input!$D$22=1,M2814*Input!$C$22,0)</f>
        <v>0.11625629283886603</v>
      </c>
      <c r="O2814" s="59">
        <f>IF(Input!$D$19=2,J2814*Input!$C$19,0)+IF(Input!$D$20=2,K2814*Input!$C$20,0)+IF(Input!$D$21=2,L2814*Input!$C$21,0)+IF(Input!$D$22=2,M2814*Input!$C$22,0)</f>
        <v>0.29064073209716507</v>
      </c>
      <c r="P2814" s="59">
        <f>IF(Input!$D$19=3,J2814*Input!$C$19,0)+IF(Input!$D$20=3,K2814*Input!$C$20,0)+IF(Input!$D$21=3,L2814*Input!$C$21,0)+IF(Input!$D$22=3,M2814*Input!$C$22,0)</f>
        <v>0</v>
      </c>
      <c r="Q2814" s="75">
        <f>IF(Input!$D$19=4,J2814*Input!$C$19,0)+IF(Input!$D$20=4,K2814*Input!$C$20,0)+IF(Input!$D$21=4,L2814*Input!$C$21,0)+IF(Input!$D$22=4,M2814*Input!$C$22,0)</f>
        <v>0</v>
      </c>
      <c r="R2814" s="58">
        <v>55.22576896957618</v>
      </c>
      <c r="S2814" s="124">
        <f t="shared" si="43"/>
        <v>0.50377726896841946</v>
      </c>
    </row>
    <row r="2815" spans="8:19" x14ac:dyDescent="0.3">
      <c r="H2815" s="44">
        <v>2808</v>
      </c>
      <c r="I2815" s="56">
        <f>Bühler!I2841</f>
        <v>0.11625629283886602</v>
      </c>
      <c r="J2815" s="59">
        <f>Bühler!J2841</f>
        <v>0.38752097612955344</v>
      </c>
      <c r="K2815" s="59">
        <f>Bühler!K2841</f>
        <v>0.58128146419433013</v>
      </c>
      <c r="L2815" s="59">
        <f>Bühler!L2841</f>
        <v>2.7901510281327844</v>
      </c>
      <c r="M2815" s="58">
        <f>Bühler!M2841</f>
        <v>0</v>
      </c>
      <c r="N2815" s="56">
        <f>IF(Input!$D$19=1,J2815*Input!$C$19,0)+IF(Input!$D$20=1,K2815*Input!$C$20,0)+IF(Input!$D$21=1,L2815*Input!$C$21,0)+IF(Input!$D$22=1,M2815*Input!$C$22,0)</f>
        <v>0.11625629283886603</v>
      </c>
      <c r="O2815" s="59">
        <f>IF(Input!$D$19=2,J2815*Input!$C$19,0)+IF(Input!$D$20=2,K2815*Input!$C$20,0)+IF(Input!$D$21=2,L2815*Input!$C$21,0)+IF(Input!$D$22=2,M2815*Input!$C$22,0)</f>
        <v>0.29064073209716507</v>
      </c>
      <c r="P2815" s="59">
        <f>IF(Input!$D$19=3,J2815*Input!$C$19,0)+IF(Input!$D$20=3,K2815*Input!$C$20,0)+IF(Input!$D$21=3,L2815*Input!$C$21,0)+IF(Input!$D$22=3,M2815*Input!$C$22,0)</f>
        <v>0</v>
      </c>
      <c r="Q2815" s="75">
        <f>IF(Input!$D$19=4,J2815*Input!$C$19,0)+IF(Input!$D$20=4,K2815*Input!$C$20,0)+IF(Input!$D$21=4,L2815*Input!$C$21,0)+IF(Input!$D$22=4,M2815*Input!$C$22,0)</f>
        <v>0</v>
      </c>
      <c r="R2815" s="58">
        <v>49.250576910484355</v>
      </c>
      <c r="S2815" s="124">
        <f t="shared" si="43"/>
        <v>0.50377726896841946</v>
      </c>
    </row>
    <row r="2816" spans="8:19" x14ac:dyDescent="0.3">
      <c r="H2816" s="44">
        <v>2809</v>
      </c>
      <c r="I2816" s="56">
        <f>Bühler!I2842</f>
        <v>7.3437851866824638E-2</v>
      </c>
      <c r="J2816" s="59">
        <f>Bühler!J2842</f>
        <v>0.24479283955608216</v>
      </c>
      <c r="K2816" s="59">
        <f>Bühler!K2842</f>
        <v>0.36718925933412322</v>
      </c>
      <c r="L2816" s="59">
        <f>Bühler!L2842</f>
        <v>4.1037176533668891</v>
      </c>
      <c r="M2816" s="58">
        <f>Bühler!M2842</f>
        <v>0</v>
      </c>
      <c r="N2816" s="56">
        <f>IF(Input!$D$19=1,J2816*Input!$C$19,0)+IF(Input!$D$20=1,K2816*Input!$C$20,0)+IF(Input!$D$21=1,L2816*Input!$C$21,0)+IF(Input!$D$22=1,M2816*Input!$C$22,0)</f>
        <v>7.3437851866824652E-2</v>
      </c>
      <c r="O2816" s="59">
        <f>IF(Input!$D$19=2,J2816*Input!$C$19,0)+IF(Input!$D$20=2,K2816*Input!$C$20,0)+IF(Input!$D$21=2,L2816*Input!$C$21,0)+IF(Input!$D$22=2,M2816*Input!$C$22,0)</f>
        <v>0.18359462966706161</v>
      </c>
      <c r="P2816" s="59">
        <f>IF(Input!$D$19=3,J2816*Input!$C$19,0)+IF(Input!$D$20=3,K2816*Input!$C$20,0)+IF(Input!$D$21=3,L2816*Input!$C$21,0)+IF(Input!$D$22=3,M2816*Input!$C$22,0)</f>
        <v>0</v>
      </c>
      <c r="Q2816" s="75">
        <f>IF(Input!$D$19=4,J2816*Input!$C$19,0)+IF(Input!$D$20=4,K2816*Input!$C$20,0)+IF(Input!$D$21=4,L2816*Input!$C$21,0)+IF(Input!$D$22=4,M2816*Input!$C$22,0)</f>
        <v>0</v>
      </c>
      <c r="R2816" s="58">
        <v>46.525052121657374</v>
      </c>
      <c r="S2816" s="124">
        <f t="shared" si="43"/>
        <v>0.31823069142290683</v>
      </c>
    </row>
    <row r="2817" spans="8:19" x14ac:dyDescent="0.3">
      <c r="H2817" s="44">
        <v>2810</v>
      </c>
      <c r="I2817" s="56">
        <f>Bühler!I2843</f>
        <v>0.1433786631685624</v>
      </c>
      <c r="J2817" s="59">
        <f>Bühler!J2843</f>
        <v>0.47792887722854138</v>
      </c>
      <c r="K2817" s="59">
        <f>Bühler!K2843</f>
        <v>0.71689331584281202</v>
      </c>
      <c r="L2817" s="59">
        <f>Bühler!L2843</f>
        <v>8.0120201803829758</v>
      </c>
      <c r="M2817" s="58">
        <f>Bühler!M2843</f>
        <v>0</v>
      </c>
      <c r="N2817" s="56">
        <f>IF(Input!$D$19=1,J2817*Input!$C$19,0)+IF(Input!$D$20=1,K2817*Input!$C$20,0)+IF(Input!$D$21=1,L2817*Input!$C$21,0)+IF(Input!$D$22=1,M2817*Input!$C$22,0)</f>
        <v>0.1433786631685624</v>
      </c>
      <c r="O2817" s="59">
        <f>IF(Input!$D$19=2,J2817*Input!$C$19,0)+IF(Input!$D$20=2,K2817*Input!$C$20,0)+IF(Input!$D$21=2,L2817*Input!$C$21,0)+IF(Input!$D$22=2,M2817*Input!$C$22,0)</f>
        <v>0.35844665792140601</v>
      </c>
      <c r="P2817" s="59">
        <f>IF(Input!$D$19=3,J2817*Input!$C$19,0)+IF(Input!$D$20=3,K2817*Input!$C$20,0)+IF(Input!$D$21=3,L2817*Input!$C$21,0)+IF(Input!$D$22=3,M2817*Input!$C$22,0)</f>
        <v>0</v>
      </c>
      <c r="Q2817" s="75">
        <f>IF(Input!$D$19=4,J2817*Input!$C$19,0)+IF(Input!$D$20=4,K2817*Input!$C$20,0)+IF(Input!$D$21=4,L2817*Input!$C$21,0)+IF(Input!$D$22=4,M2817*Input!$C$22,0)</f>
        <v>0</v>
      </c>
      <c r="R2817" s="58">
        <v>44.88068931964969</v>
      </c>
      <c r="S2817" s="124">
        <f t="shared" si="43"/>
        <v>0.62130754039710379</v>
      </c>
    </row>
    <row r="2818" spans="8:19" x14ac:dyDescent="0.3">
      <c r="H2818" s="44">
        <v>2811</v>
      </c>
      <c r="I2818" s="56">
        <f>Bühler!I2844</f>
        <v>0.1433786631685624</v>
      </c>
      <c r="J2818" s="59">
        <f>Bühler!J2844</f>
        <v>0.47792887722854138</v>
      </c>
      <c r="K2818" s="59">
        <f>Bühler!K2844</f>
        <v>0.71689331584281202</v>
      </c>
      <c r="L2818" s="59">
        <f>Bühler!L2844</f>
        <v>8.0120201803829758</v>
      </c>
      <c r="M2818" s="58">
        <f>Bühler!M2844</f>
        <v>0</v>
      </c>
      <c r="N2818" s="56">
        <f>IF(Input!$D$19=1,J2818*Input!$C$19,0)+IF(Input!$D$20=1,K2818*Input!$C$20,0)+IF(Input!$D$21=1,L2818*Input!$C$21,0)+IF(Input!$D$22=1,M2818*Input!$C$22,0)</f>
        <v>0.1433786631685624</v>
      </c>
      <c r="O2818" s="59">
        <f>IF(Input!$D$19=2,J2818*Input!$C$19,0)+IF(Input!$D$20=2,K2818*Input!$C$20,0)+IF(Input!$D$21=2,L2818*Input!$C$21,0)+IF(Input!$D$22=2,M2818*Input!$C$22,0)</f>
        <v>0.35844665792140601</v>
      </c>
      <c r="P2818" s="59">
        <f>IF(Input!$D$19=3,J2818*Input!$C$19,0)+IF(Input!$D$20=3,K2818*Input!$C$20,0)+IF(Input!$D$21=3,L2818*Input!$C$21,0)+IF(Input!$D$22=3,M2818*Input!$C$22,0)</f>
        <v>0</v>
      </c>
      <c r="Q2818" s="75">
        <f>IF(Input!$D$19=4,J2818*Input!$C$19,0)+IF(Input!$D$20=4,K2818*Input!$C$20,0)+IF(Input!$D$21=4,L2818*Input!$C$21,0)+IF(Input!$D$22=4,M2818*Input!$C$22,0)</f>
        <v>0</v>
      </c>
      <c r="R2818" s="58">
        <v>44.212658843117488</v>
      </c>
      <c r="S2818" s="124">
        <f t="shared" si="43"/>
        <v>0.62130754039710379</v>
      </c>
    </row>
    <row r="2819" spans="8:19" x14ac:dyDescent="0.3">
      <c r="H2819" s="44">
        <v>2812</v>
      </c>
      <c r="I2819" s="56">
        <f>Bühler!I2845</f>
        <v>0.1433786631685624</v>
      </c>
      <c r="J2819" s="59">
        <f>Bühler!J2845</f>
        <v>0.47792887722854138</v>
      </c>
      <c r="K2819" s="59">
        <f>Bühler!K2845</f>
        <v>0.71689331584281202</v>
      </c>
      <c r="L2819" s="59">
        <f>Bühler!L2845</f>
        <v>8.0120201803829758</v>
      </c>
      <c r="M2819" s="58">
        <f>Bühler!M2845</f>
        <v>0</v>
      </c>
      <c r="N2819" s="56">
        <f>IF(Input!$D$19=1,J2819*Input!$C$19,0)+IF(Input!$D$20=1,K2819*Input!$C$20,0)+IF(Input!$D$21=1,L2819*Input!$C$21,0)+IF(Input!$D$22=1,M2819*Input!$C$22,0)</f>
        <v>0.1433786631685624</v>
      </c>
      <c r="O2819" s="59">
        <f>IF(Input!$D$19=2,J2819*Input!$C$19,0)+IF(Input!$D$20=2,K2819*Input!$C$20,0)+IF(Input!$D$21=2,L2819*Input!$C$21,0)+IF(Input!$D$22=2,M2819*Input!$C$22,0)</f>
        <v>0.35844665792140601</v>
      </c>
      <c r="P2819" s="59">
        <f>IF(Input!$D$19=3,J2819*Input!$C$19,0)+IF(Input!$D$20=3,K2819*Input!$C$20,0)+IF(Input!$D$21=3,L2819*Input!$C$21,0)+IF(Input!$D$22=3,M2819*Input!$C$22,0)</f>
        <v>0</v>
      </c>
      <c r="Q2819" s="75">
        <f>IF(Input!$D$19=4,J2819*Input!$C$19,0)+IF(Input!$D$20=4,K2819*Input!$C$20,0)+IF(Input!$D$21=4,L2819*Input!$C$21,0)+IF(Input!$D$22=4,M2819*Input!$C$22,0)</f>
        <v>0</v>
      </c>
      <c r="R2819" s="58">
        <v>43.650466566508172</v>
      </c>
      <c r="S2819" s="124">
        <f t="shared" si="43"/>
        <v>0.62130754039710379</v>
      </c>
    </row>
    <row r="2820" spans="8:19" x14ac:dyDescent="0.3">
      <c r="H2820" s="44">
        <v>2813</v>
      </c>
      <c r="I2820" s="56">
        <f>Bühler!I2846</f>
        <v>0.1433786631685624</v>
      </c>
      <c r="J2820" s="59">
        <f>Bühler!J2846</f>
        <v>0.47792887722854138</v>
      </c>
      <c r="K2820" s="59">
        <f>Bühler!K2846</f>
        <v>0.71689331584281202</v>
      </c>
      <c r="L2820" s="59">
        <f>Bühler!L2846</f>
        <v>8.0120201803829758</v>
      </c>
      <c r="M2820" s="58">
        <f>Bühler!M2846</f>
        <v>0</v>
      </c>
      <c r="N2820" s="56">
        <f>IF(Input!$D$19=1,J2820*Input!$C$19,0)+IF(Input!$D$20=1,K2820*Input!$C$20,0)+IF(Input!$D$21=1,L2820*Input!$C$21,0)+IF(Input!$D$22=1,M2820*Input!$C$22,0)</f>
        <v>0.1433786631685624</v>
      </c>
      <c r="O2820" s="59">
        <f>IF(Input!$D$19=2,J2820*Input!$C$19,0)+IF(Input!$D$20=2,K2820*Input!$C$20,0)+IF(Input!$D$21=2,L2820*Input!$C$21,0)+IF(Input!$D$22=2,M2820*Input!$C$22,0)</f>
        <v>0.35844665792140601</v>
      </c>
      <c r="P2820" s="59">
        <f>IF(Input!$D$19=3,J2820*Input!$C$19,0)+IF(Input!$D$20=3,K2820*Input!$C$20,0)+IF(Input!$D$21=3,L2820*Input!$C$21,0)+IF(Input!$D$22=3,M2820*Input!$C$22,0)</f>
        <v>0</v>
      </c>
      <c r="Q2820" s="75">
        <f>IF(Input!$D$19=4,J2820*Input!$C$19,0)+IF(Input!$D$20=4,K2820*Input!$C$20,0)+IF(Input!$D$21=4,L2820*Input!$C$21,0)+IF(Input!$D$22=4,M2820*Input!$C$22,0)</f>
        <v>0</v>
      </c>
      <c r="R2820" s="58">
        <v>41.6921246004474</v>
      </c>
      <c r="S2820" s="124">
        <f t="shared" si="43"/>
        <v>0.62130754039710379</v>
      </c>
    </row>
    <row r="2821" spans="8:19" x14ac:dyDescent="0.3">
      <c r="H2821" s="44">
        <v>2814</v>
      </c>
      <c r="I2821" s="56">
        <f>Bühler!I2847</f>
        <v>0.17834906881943127</v>
      </c>
      <c r="J2821" s="59">
        <f>Bühler!J2847</f>
        <v>0.59449689606477096</v>
      </c>
      <c r="K2821" s="59">
        <f>Bühler!K2847</f>
        <v>0.89174534409715644</v>
      </c>
      <c r="L2821" s="59">
        <f>Bühler!L2847</f>
        <v>9.9661714438910192</v>
      </c>
      <c r="M2821" s="58">
        <f>Bühler!M2847</f>
        <v>0</v>
      </c>
      <c r="N2821" s="56">
        <f>IF(Input!$D$19=1,J2821*Input!$C$19,0)+IF(Input!$D$20=1,K2821*Input!$C$20,0)+IF(Input!$D$21=1,L2821*Input!$C$21,0)+IF(Input!$D$22=1,M2821*Input!$C$22,0)</f>
        <v>0.17834906881943127</v>
      </c>
      <c r="O2821" s="59">
        <f>IF(Input!$D$19=2,J2821*Input!$C$19,0)+IF(Input!$D$20=2,K2821*Input!$C$20,0)+IF(Input!$D$21=2,L2821*Input!$C$21,0)+IF(Input!$D$22=2,M2821*Input!$C$22,0)</f>
        <v>0.44587267204857822</v>
      </c>
      <c r="P2821" s="59">
        <f>IF(Input!$D$19=3,J2821*Input!$C$19,0)+IF(Input!$D$20=3,K2821*Input!$C$20,0)+IF(Input!$D$21=3,L2821*Input!$C$21,0)+IF(Input!$D$22=3,M2821*Input!$C$22,0)</f>
        <v>0</v>
      </c>
      <c r="Q2821" s="75">
        <f>IF(Input!$D$19=4,J2821*Input!$C$19,0)+IF(Input!$D$20=4,K2821*Input!$C$20,0)+IF(Input!$D$21=4,L2821*Input!$C$21,0)+IF(Input!$D$22=4,M2821*Input!$C$22,0)</f>
        <v>0</v>
      </c>
      <c r="R2821" s="58">
        <v>40.765025864676012</v>
      </c>
      <c r="S2821" s="124">
        <f t="shared" si="43"/>
        <v>0.77284596488420221</v>
      </c>
    </row>
    <row r="2822" spans="8:19" x14ac:dyDescent="0.3">
      <c r="H2822" s="44">
        <v>2815</v>
      </c>
      <c r="I2822" s="56">
        <f>Bühler!I2848</f>
        <v>0.22381059616556082</v>
      </c>
      <c r="J2822" s="59">
        <f>Bühler!J2848</f>
        <v>0.74603532055186939</v>
      </c>
      <c r="K2822" s="59">
        <f>Bühler!K2848</f>
        <v>1.1190529808278042</v>
      </c>
      <c r="L2822" s="59">
        <f>Bühler!L2848</f>
        <v>12.506568086451473</v>
      </c>
      <c r="M2822" s="58">
        <f>Bühler!M2848</f>
        <v>0</v>
      </c>
      <c r="N2822" s="56">
        <f>IF(Input!$D$19=1,J2822*Input!$C$19,0)+IF(Input!$D$20=1,K2822*Input!$C$20,0)+IF(Input!$D$21=1,L2822*Input!$C$21,0)+IF(Input!$D$22=1,M2822*Input!$C$22,0)</f>
        <v>0.22381059616556082</v>
      </c>
      <c r="O2822" s="59">
        <f>IF(Input!$D$19=2,J2822*Input!$C$19,0)+IF(Input!$D$20=2,K2822*Input!$C$20,0)+IF(Input!$D$21=2,L2822*Input!$C$21,0)+IF(Input!$D$22=2,M2822*Input!$C$22,0)</f>
        <v>0.55952649041390212</v>
      </c>
      <c r="P2822" s="59">
        <f>IF(Input!$D$19=3,J2822*Input!$C$19,0)+IF(Input!$D$20=3,K2822*Input!$C$20,0)+IF(Input!$D$21=3,L2822*Input!$C$21,0)+IF(Input!$D$22=3,M2822*Input!$C$22,0)</f>
        <v>0</v>
      </c>
      <c r="Q2822" s="75">
        <f>IF(Input!$D$19=4,J2822*Input!$C$19,0)+IF(Input!$D$20=4,K2822*Input!$C$20,0)+IF(Input!$D$21=4,L2822*Input!$C$21,0)+IF(Input!$D$22=4,M2822*Input!$C$22,0)</f>
        <v>0</v>
      </c>
      <c r="R2822" s="58">
        <v>40.765382050218527</v>
      </c>
      <c r="S2822" s="124">
        <f t="shared" si="43"/>
        <v>0.96984591671743026</v>
      </c>
    </row>
    <row r="2823" spans="8:19" x14ac:dyDescent="0.3">
      <c r="H2823" s="44">
        <v>2816</v>
      </c>
      <c r="I2823" s="56">
        <f>Bühler!I2849</f>
        <v>0.25528396125134278</v>
      </c>
      <c r="J2823" s="59">
        <f>Bühler!J2849</f>
        <v>0.85094653750447602</v>
      </c>
      <c r="K2823" s="59">
        <f>Bühler!K2849</f>
        <v>1.276419806256714</v>
      </c>
      <c r="L2823" s="59">
        <f>Bühler!L2849</f>
        <v>14.265304223608711</v>
      </c>
      <c r="M2823" s="58">
        <f>Bühler!M2849</f>
        <v>0</v>
      </c>
      <c r="N2823" s="56">
        <f>IF(Input!$D$19=1,J2823*Input!$C$19,0)+IF(Input!$D$20=1,K2823*Input!$C$20,0)+IF(Input!$D$21=1,L2823*Input!$C$21,0)+IF(Input!$D$22=1,M2823*Input!$C$22,0)</f>
        <v>0.25528396125134278</v>
      </c>
      <c r="O2823" s="59">
        <f>IF(Input!$D$19=2,J2823*Input!$C$19,0)+IF(Input!$D$20=2,K2823*Input!$C$20,0)+IF(Input!$D$21=2,L2823*Input!$C$21,0)+IF(Input!$D$22=2,M2823*Input!$C$22,0)</f>
        <v>0.63820990312835701</v>
      </c>
      <c r="P2823" s="59">
        <f>IF(Input!$D$19=3,J2823*Input!$C$19,0)+IF(Input!$D$20=3,K2823*Input!$C$20,0)+IF(Input!$D$21=3,L2823*Input!$C$21,0)+IF(Input!$D$22=3,M2823*Input!$C$22,0)</f>
        <v>0</v>
      </c>
      <c r="Q2823" s="75">
        <f>IF(Input!$D$19=4,J2823*Input!$C$19,0)+IF(Input!$D$20=4,K2823*Input!$C$20,0)+IF(Input!$D$21=4,L2823*Input!$C$21,0)+IF(Input!$D$22=4,M2823*Input!$C$22,0)</f>
        <v>0</v>
      </c>
      <c r="R2823" s="58">
        <v>40.563982583961348</v>
      </c>
      <c r="S2823" s="124">
        <f t="shared" si="43"/>
        <v>1.1062304987558189</v>
      </c>
    </row>
    <row r="2824" spans="8:19" x14ac:dyDescent="0.3">
      <c r="H2824" s="44">
        <v>2817</v>
      </c>
      <c r="I2824" s="56">
        <f>Bühler!I2850</f>
        <v>0.25528396125134278</v>
      </c>
      <c r="J2824" s="59">
        <f>Bühler!J2850</f>
        <v>0.85094653750447602</v>
      </c>
      <c r="K2824" s="59">
        <f>Bühler!K2850</f>
        <v>1.276419806256714</v>
      </c>
      <c r="L2824" s="59">
        <f>Bühler!L2850</f>
        <v>14.265304223608711</v>
      </c>
      <c r="M2824" s="58">
        <f>Bühler!M2850</f>
        <v>0</v>
      </c>
      <c r="N2824" s="56">
        <f>IF(Input!$D$19=1,J2824*Input!$C$19,0)+IF(Input!$D$20=1,K2824*Input!$C$20,0)+IF(Input!$D$21=1,L2824*Input!$C$21,0)+IF(Input!$D$22=1,M2824*Input!$C$22,0)</f>
        <v>0.25528396125134278</v>
      </c>
      <c r="O2824" s="59">
        <f>IF(Input!$D$19=2,J2824*Input!$C$19,0)+IF(Input!$D$20=2,K2824*Input!$C$20,0)+IF(Input!$D$21=2,L2824*Input!$C$21,0)+IF(Input!$D$22=2,M2824*Input!$C$22,0)</f>
        <v>0.63820990312835701</v>
      </c>
      <c r="P2824" s="59">
        <f>IF(Input!$D$19=3,J2824*Input!$C$19,0)+IF(Input!$D$20=3,K2824*Input!$C$20,0)+IF(Input!$D$21=3,L2824*Input!$C$21,0)+IF(Input!$D$22=3,M2824*Input!$C$22,0)</f>
        <v>0</v>
      </c>
      <c r="Q2824" s="75">
        <f>IF(Input!$D$19=4,J2824*Input!$C$19,0)+IF(Input!$D$20=4,K2824*Input!$C$20,0)+IF(Input!$D$21=4,L2824*Input!$C$21,0)+IF(Input!$D$22=4,M2824*Input!$C$22,0)</f>
        <v>0</v>
      </c>
      <c r="R2824" s="58">
        <v>40.25570517373977</v>
      </c>
      <c r="S2824" s="124">
        <f t="shared" si="43"/>
        <v>1.1062304987558189</v>
      </c>
    </row>
    <row r="2825" spans="8:19" x14ac:dyDescent="0.3">
      <c r="H2825" s="44">
        <v>2818</v>
      </c>
      <c r="I2825" s="56">
        <f>Bühler!I2851</f>
        <v>0.25528396125134278</v>
      </c>
      <c r="J2825" s="59">
        <f>Bühler!J2851</f>
        <v>0.85094653750447602</v>
      </c>
      <c r="K2825" s="59">
        <f>Bühler!K2851</f>
        <v>1.276419806256714</v>
      </c>
      <c r="L2825" s="59">
        <f>Bühler!L2851</f>
        <v>14.265304223608711</v>
      </c>
      <c r="M2825" s="58">
        <f>Bühler!M2851</f>
        <v>0</v>
      </c>
      <c r="N2825" s="56">
        <f>IF(Input!$D$19=1,J2825*Input!$C$19,0)+IF(Input!$D$20=1,K2825*Input!$C$20,0)+IF(Input!$D$21=1,L2825*Input!$C$21,0)+IF(Input!$D$22=1,M2825*Input!$C$22,0)</f>
        <v>0.25528396125134278</v>
      </c>
      <c r="O2825" s="59">
        <f>IF(Input!$D$19=2,J2825*Input!$C$19,0)+IF(Input!$D$20=2,K2825*Input!$C$20,0)+IF(Input!$D$21=2,L2825*Input!$C$21,0)+IF(Input!$D$22=2,M2825*Input!$C$22,0)</f>
        <v>0.63820990312835701</v>
      </c>
      <c r="P2825" s="59">
        <f>IF(Input!$D$19=3,J2825*Input!$C$19,0)+IF(Input!$D$20=3,K2825*Input!$C$20,0)+IF(Input!$D$21=3,L2825*Input!$C$21,0)+IF(Input!$D$22=3,M2825*Input!$C$22,0)</f>
        <v>0</v>
      </c>
      <c r="Q2825" s="75">
        <f>IF(Input!$D$19=4,J2825*Input!$C$19,0)+IF(Input!$D$20=4,K2825*Input!$C$20,0)+IF(Input!$D$21=4,L2825*Input!$C$21,0)+IF(Input!$D$22=4,M2825*Input!$C$22,0)</f>
        <v>0</v>
      </c>
      <c r="R2825" s="58">
        <v>40.291970334201544</v>
      </c>
      <c r="S2825" s="124">
        <f t="shared" ref="S2825:S2888" si="44">I2825+J2825</f>
        <v>1.1062304987558189</v>
      </c>
    </row>
    <row r="2826" spans="8:19" x14ac:dyDescent="0.3">
      <c r="H2826" s="44">
        <v>2819</v>
      </c>
      <c r="I2826" s="56">
        <f>Bühler!I2852</f>
        <v>0.25528396125134278</v>
      </c>
      <c r="J2826" s="59">
        <f>Bühler!J2852</f>
        <v>0.85094653750447602</v>
      </c>
      <c r="K2826" s="59">
        <f>Bühler!K2852</f>
        <v>1.276419806256714</v>
      </c>
      <c r="L2826" s="59">
        <f>Bühler!L2852</f>
        <v>14.265304223608711</v>
      </c>
      <c r="M2826" s="58">
        <f>Bühler!M2852</f>
        <v>0</v>
      </c>
      <c r="N2826" s="56">
        <f>IF(Input!$D$19=1,J2826*Input!$C$19,0)+IF(Input!$D$20=1,K2826*Input!$C$20,0)+IF(Input!$D$21=1,L2826*Input!$C$21,0)+IF(Input!$D$22=1,M2826*Input!$C$22,0)</f>
        <v>0.25528396125134278</v>
      </c>
      <c r="O2826" s="59">
        <f>IF(Input!$D$19=2,J2826*Input!$C$19,0)+IF(Input!$D$20=2,K2826*Input!$C$20,0)+IF(Input!$D$21=2,L2826*Input!$C$21,0)+IF(Input!$D$22=2,M2826*Input!$C$22,0)</f>
        <v>0.63820990312835701</v>
      </c>
      <c r="P2826" s="59">
        <f>IF(Input!$D$19=3,J2826*Input!$C$19,0)+IF(Input!$D$20=3,K2826*Input!$C$20,0)+IF(Input!$D$21=3,L2826*Input!$C$21,0)+IF(Input!$D$22=3,M2826*Input!$C$22,0)</f>
        <v>0</v>
      </c>
      <c r="Q2826" s="75">
        <f>IF(Input!$D$19=4,J2826*Input!$C$19,0)+IF(Input!$D$20=4,K2826*Input!$C$20,0)+IF(Input!$D$21=4,L2826*Input!$C$21,0)+IF(Input!$D$22=4,M2826*Input!$C$22,0)</f>
        <v>0</v>
      </c>
      <c r="R2826" s="58">
        <v>40.793845433178575</v>
      </c>
      <c r="S2826" s="124">
        <f t="shared" si="44"/>
        <v>1.1062304987558189</v>
      </c>
    </row>
    <row r="2827" spans="8:19" x14ac:dyDescent="0.3">
      <c r="H2827" s="44">
        <v>2820</v>
      </c>
      <c r="I2827" s="56">
        <f>Bühler!I2853</f>
        <v>0.25528396125134278</v>
      </c>
      <c r="J2827" s="59">
        <f>Bühler!J2853</f>
        <v>0.85094653750447602</v>
      </c>
      <c r="K2827" s="59">
        <f>Bühler!K2853</f>
        <v>1.276419806256714</v>
      </c>
      <c r="L2827" s="59">
        <f>Bühler!L2853</f>
        <v>14.265304223608711</v>
      </c>
      <c r="M2827" s="58">
        <f>Bühler!M2853</f>
        <v>0</v>
      </c>
      <c r="N2827" s="56">
        <f>IF(Input!$D$19=1,J2827*Input!$C$19,0)+IF(Input!$D$20=1,K2827*Input!$C$20,0)+IF(Input!$D$21=1,L2827*Input!$C$21,0)+IF(Input!$D$22=1,M2827*Input!$C$22,0)</f>
        <v>0.25528396125134278</v>
      </c>
      <c r="O2827" s="59">
        <f>IF(Input!$D$19=2,J2827*Input!$C$19,0)+IF(Input!$D$20=2,K2827*Input!$C$20,0)+IF(Input!$D$21=2,L2827*Input!$C$21,0)+IF(Input!$D$22=2,M2827*Input!$C$22,0)</f>
        <v>0.63820990312835701</v>
      </c>
      <c r="P2827" s="59">
        <f>IF(Input!$D$19=3,J2827*Input!$C$19,0)+IF(Input!$D$20=3,K2827*Input!$C$20,0)+IF(Input!$D$21=3,L2827*Input!$C$21,0)+IF(Input!$D$22=3,M2827*Input!$C$22,0)</f>
        <v>0</v>
      </c>
      <c r="Q2827" s="75">
        <f>IF(Input!$D$19=4,J2827*Input!$C$19,0)+IF(Input!$D$20=4,K2827*Input!$C$20,0)+IF(Input!$D$21=4,L2827*Input!$C$21,0)+IF(Input!$D$22=4,M2827*Input!$C$22,0)</f>
        <v>0</v>
      </c>
      <c r="R2827" s="58">
        <v>39.745509062686843</v>
      </c>
      <c r="S2827" s="124">
        <f t="shared" si="44"/>
        <v>1.1062304987558189</v>
      </c>
    </row>
    <row r="2828" spans="8:19" x14ac:dyDescent="0.3">
      <c r="H2828" s="44">
        <v>2821</v>
      </c>
      <c r="I2828" s="56">
        <f>Bühler!I2854</f>
        <v>0.25528396125134278</v>
      </c>
      <c r="J2828" s="59">
        <f>Bühler!J2854</f>
        <v>0.85094653750447602</v>
      </c>
      <c r="K2828" s="59">
        <f>Bühler!K2854</f>
        <v>1.276419806256714</v>
      </c>
      <c r="L2828" s="59">
        <f>Bühler!L2854</f>
        <v>14.265304223608711</v>
      </c>
      <c r="M2828" s="58">
        <f>Bühler!M2854</f>
        <v>0</v>
      </c>
      <c r="N2828" s="56">
        <f>IF(Input!$D$19=1,J2828*Input!$C$19,0)+IF(Input!$D$20=1,K2828*Input!$C$20,0)+IF(Input!$D$21=1,L2828*Input!$C$21,0)+IF(Input!$D$22=1,M2828*Input!$C$22,0)</f>
        <v>0.25528396125134278</v>
      </c>
      <c r="O2828" s="59">
        <f>IF(Input!$D$19=2,J2828*Input!$C$19,0)+IF(Input!$D$20=2,K2828*Input!$C$20,0)+IF(Input!$D$21=2,L2828*Input!$C$21,0)+IF(Input!$D$22=2,M2828*Input!$C$22,0)</f>
        <v>0.63820990312835701</v>
      </c>
      <c r="P2828" s="59">
        <f>IF(Input!$D$19=3,J2828*Input!$C$19,0)+IF(Input!$D$20=3,K2828*Input!$C$20,0)+IF(Input!$D$21=3,L2828*Input!$C$21,0)+IF(Input!$D$22=3,M2828*Input!$C$22,0)</f>
        <v>0</v>
      </c>
      <c r="Q2828" s="75">
        <f>IF(Input!$D$19=4,J2828*Input!$C$19,0)+IF(Input!$D$20=4,K2828*Input!$C$20,0)+IF(Input!$D$21=4,L2828*Input!$C$21,0)+IF(Input!$D$22=4,M2828*Input!$C$22,0)</f>
        <v>0</v>
      </c>
      <c r="R2828" s="58">
        <v>39.631585803996217</v>
      </c>
      <c r="S2828" s="124">
        <f t="shared" si="44"/>
        <v>1.1062304987558189</v>
      </c>
    </row>
    <row r="2829" spans="8:19" x14ac:dyDescent="0.3">
      <c r="H2829" s="44">
        <v>2822</v>
      </c>
      <c r="I2829" s="56">
        <f>Bühler!I2855</f>
        <v>0.25528396125134278</v>
      </c>
      <c r="J2829" s="59">
        <f>Bühler!J2855</f>
        <v>0.85094653750447602</v>
      </c>
      <c r="K2829" s="59">
        <f>Bühler!K2855</f>
        <v>1.276419806256714</v>
      </c>
      <c r="L2829" s="59">
        <f>Bühler!L2855</f>
        <v>14.265304223608711</v>
      </c>
      <c r="M2829" s="58">
        <f>Bühler!M2855</f>
        <v>0</v>
      </c>
      <c r="N2829" s="56">
        <f>IF(Input!$D$19=1,J2829*Input!$C$19,0)+IF(Input!$D$20=1,K2829*Input!$C$20,0)+IF(Input!$D$21=1,L2829*Input!$C$21,0)+IF(Input!$D$22=1,M2829*Input!$C$22,0)</f>
        <v>0.25528396125134278</v>
      </c>
      <c r="O2829" s="59">
        <f>IF(Input!$D$19=2,J2829*Input!$C$19,0)+IF(Input!$D$20=2,K2829*Input!$C$20,0)+IF(Input!$D$21=2,L2829*Input!$C$21,0)+IF(Input!$D$22=2,M2829*Input!$C$22,0)</f>
        <v>0.63820990312835701</v>
      </c>
      <c r="P2829" s="59">
        <f>IF(Input!$D$19=3,J2829*Input!$C$19,0)+IF(Input!$D$20=3,K2829*Input!$C$20,0)+IF(Input!$D$21=3,L2829*Input!$C$21,0)+IF(Input!$D$22=3,M2829*Input!$C$22,0)</f>
        <v>0</v>
      </c>
      <c r="Q2829" s="75">
        <f>IF(Input!$D$19=4,J2829*Input!$C$19,0)+IF(Input!$D$20=4,K2829*Input!$C$20,0)+IF(Input!$D$21=4,L2829*Input!$C$21,0)+IF(Input!$D$22=4,M2829*Input!$C$22,0)</f>
        <v>0</v>
      </c>
      <c r="R2829" s="58">
        <v>39.361318255368751</v>
      </c>
      <c r="S2829" s="124">
        <f t="shared" si="44"/>
        <v>1.1062304987558189</v>
      </c>
    </row>
    <row r="2830" spans="8:19" x14ac:dyDescent="0.3">
      <c r="H2830" s="44">
        <v>2823</v>
      </c>
      <c r="I2830" s="56">
        <f>Bühler!I2856</f>
        <v>0.25528396125134278</v>
      </c>
      <c r="J2830" s="59">
        <f>Bühler!J2856</f>
        <v>0.85094653750447602</v>
      </c>
      <c r="K2830" s="59">
        <f>Bühler!K2856</f>
        <v>1.276419806256714</v>
      </c>
      <c r="L2830" s="59">
        <f>Bühler!L2856</f>
        <v>14.265304223608711</v>
      </c>
      <c r="M2830" s="58">
        <f>Bühler!M2856</f>
        <v>0</v>
      </c>
      <c r="N2830" s="56">
        <f>IF(Input!$D$19=1,J2830*Input!$C$19,0)+IF(Input!$D$20=1,K2830*Input!$C$20,0)+IF(Input!$D$21=1,L2830*Input!$C$21,0)+IF(Input!$D$22=1,M2830*Input!$C$22,0)</f>
        <v>0.25528396125134278</v>
      </c>
      <c r="O2830" s="59">
        <f>IF(Input!$D$19=2,J2830*Input!$C$19,0)+IF(Input!$D$20=2,K2830*Input!$C$20,0)+IF(Input!$D$21=2,L2830*Input!$C$21,0)+IF(Input!$D$22=2,M2830*Input!$C$22,0)</f>
        <v>0.63820990312835701</v>
      </c>
      <c r="P2830" s="59">
        <f>IF(Input!$D$19=3,J2830*Input!$C$19,0)+IF(Input!$D$20=3,K2830*Input!$C$20,0)+IF(Input!$D$21=3,L2830*Input!$C$21,0)+IF(Input!$D$22=3,M2830*Input!$C$22,0)</f>
        <v>0</v>
      </c>
      <c r="Q2830" s="75">
        <f>IF(Input!$D$19=4,J2830*Input!$C$19,0)+IF(Input!$D$20=4,K2830*Input!$C$20,0)+IF(Input!$D$21=4,L2830*Input!$C$21,0)+IF(Input!$D$22=4,M2830*Input!$C$22,0)</f>
        <v>0</v>
      </c>
      <c r="R2830" s="58">
        <v>39.964092755361087</v>
      </c>
      <c r="S2830" s="124">
        <f t="shared" si="44"/>
        <v>1.1062304987558189</v>
      </c>
    </row>
    <row r="2831" spans="8:19" x14ac:dyDescent="0.3">
      <c r="H2831" s="44">
        <v>2824</v>
      </c>
      <c r="I2831" s="56">
        <f>Bühler!I2857</f>
        <v>0.23080467729573456</v>
      </c>
      <c r="J2831" s="59">
        <f>Bühler!J2857</f>
        <v>0.76934892431911528</v>
      </c>
      <c r="K2831" s="59">
        <f>Bühler!K2857</f>
        <v>1.1540233864786729</v>
      </c>
      <c r="L2831" s="59">
        <f>Bühler!L2857</f>
        <v>12.897398339153082</v>
      </c>
      <c r="M2831" s="58">
        <f>Bühler!M2857</f>
        <v>0</v>
      </c>
      <c r="N2831" s="56">
        <f>IF(Input!$D$19=1,J2831*Input!$C$19,0)+IF(Input!$D$20=1,K2831*Input!$C$20,0)+IF(Input!$D$21=1,L2831*Input!$C$21,0)+IF(Input!$D$22=1,M2831*Input!$C$22,0)</f>
        <v>0.23080467729573456</v>
      </c>
      <c r="O2831" s="59">
        <f>IF(Input!$D$19=2,J2831*Input!$C$19,0)+IF(Input!$D$20=2,K2831*Input!$C$20,0)+IF(Input!$D$21=2,L2831*Input!$C$21,0)+IF(Input!$D$22=2,M2831*Input!$C$22,0)</f>
        <v>0.57701169323933643</v>
      </c>
      <c r="P2831" s="59">
        <f>IF(Input!$D$19=3,J2831*Input!$C$19,0)+IF(Input!$D$20=3,K2831*Input!$C$20,0)+IF(Input!$D$21=3,L2831*Input!$C$21,0)+IF(Input!$D$22=3,M2831*Input!$C$22,0)</f>
        <v>0</v>
      </c>
      <c r="Q2831" s="75">
        <f>IF(Input!$D$19=4,J2831*Input!$C$19,0)+IF(Input!$D$20=4,K2831*Input!$C$20,0)+IF(Input!$D$21=4,L2831*Input!$C$21,0)+IF(Input!$D$22=4,M2831*Input!$C$22,0)</f>
        <v>0</v>
      </c>
      <c r="R2831" s="58">
        <v>41.448588894468074</v>
      </c>
      <c r="S2831" s="124">
        <f t="shared" si="44"/>
        <v>1.0001536016148498</v>
      </c>
    </row>
    <row r="2832" spans="8:19" x14ac:dyDescent="0.3">
      <c r="H2832" s="44">
        <v>2825</v>
      </c>
      <c r="I2832" s="56">
        <f>Bühler!I2858</f>
        <v>0.20982243390521324</v>
      </c>
      <c r="J2832" s="59">
        <f>Bühler!J2858</f>
        <v>0.6994081130173776</v>
      </c>
      <c r="K2832" s="59">
        <f>Bühler!K2858</f>
        <v>1.0491121695260663</v>
      </c>
      <c r="L2832" s="59">
        <f>Bühler!L2858</f>
        <v>11.724907581048257</v>
      </c>
      <c r="M2832" s="58">
        <f>Bühler!M2858</f>
        <v>0</v>
      </c>
      <c r="N2832" s="56">
        <f>IF(Input!$D$19=1,J2832*Input!$C$19,0)+IF(Input!$D$20=1,K2832*Input!$C$20,0)+IF(Input!$D$21=1,L2832*Input!$C$21,0)+IF(Input!$D$22=1,M2832*Input!$C$22,0)</f>
        <v>0.20982243390521327</v>
      </c>
      <c r="O2832" s="59">
        <f>IF(Input!$D$19=2,J2832*Input!$C$19,0)+IF(Input!$D$20=2,K2832*Input!$C$20,0)+IF(Input!$D$21=2,L2832*Input!$C$21,0)+IF(Input!$D$22=2,M2832*Input!$C$22,0)</f>
        <v>0.52455608476303317</v>
      </c>
      <c r="P2832" s="59">
        <f>IF(Input!$D$19=3,J2832*Input!$C$19,0)+IF(Input!$D$20=3,K2832*Input!$C$20,0)+IF(Input!$D$21=3,L2832*Input!$C$21,0)+IF(Input!$D$22=3,M2832*Input!$C$22,0)</f>
        <v>0</v>
      </c>
      <c r="Q2832" s="75">
        <f>IF(Input!$D$19=4,J2832*Input!$C$19,0)+IF(Input!$D$20=4,K2832*Input!$C$20,0)+IF(Input!$D$21=4,L2832*Input!$C$21,0)+IF(Input!$D$22=4,M2832*Input!$C$22,0)</f>
        <v>0</v>
      </c>
      <c r="R2832" s="58">
        <v>41.663958954080705</v>
      </c>
      <c r="S2832" s="124">
        <f t="shared" si="44"/>
        <v>0.90923054692259087</v>
      </c>
    </row>
    <row r="2833" spans="8:19" x14ac:dyDescent="0.3">
      <c r="H2833" s="44">
        <v>2826</v>
      </c>
      <c r="I2833" s="56">
        <f>Bühler!I2859</f>
        <v>0.18884019051469192</v>
      </c>
      <c r="J2833" s="59">
        <f>Bühler!J2859</f>
        <v>0.6294673017156398</v>
      </c>
      <c r="K2833" s="59">
        <f>Bühler!K2859</f>
        <v>0.94420095257345971</v>
      </c>
      <c r="L2833" s="59">
        <f>Bühler!L2859</f>
        <v>10.552416822943432</v>
      </c>
      <c r="M2833" s="58">
        <f>Bühler!M2859</f>
        <v>0</v>
      </c>
      <c r="N2833" s="56">
        <f>IF(Input!$D$19=1,J2833*Input!$C$19,0)+IF(Input!$D$20=1,K2833*Input!$C$20,0)+IF(Input!$D$21=1,L2833*Input!$C$21,0)+IF(Input!$D$22=1,M2833*Input!$C$22,0)</f>
        <v>0.18884019051469195</v>
      </c>
      <c r="O2833" s="59">
        <f>IF(Input!$D$19=2,J2833*Input!$C$19,0)+IF(Input!$D$20=2,K2833*Input!$C$20,0)+IF(Input!$D$21=2,L2833*Input!$C$21,0)+IF(Input!$D$22=2,M2833*Input!$C$22,0)</f>
        <v>0.47210047628672985</v>
      </c>
      <c r="P2833" s="59">
        <f>IF(Input!$D$19=3,J2833*Input!$C$19,0)+IF(Input!$D$20=3,K2833*Input!$C$20,0)+IF(Input!$D$21=3,L2833*Input!$C$21,0)+IF(Input!$D$22=3,M2833*Input!$C$22,0)</f>
        <v>0</v>
      </c>
      <c r="Q2833" s="75">
        <f>IF(Input!$D$19=4,J2833*Input!$C$19,0)+IF(Input!$D$20=4,K2833*Input!$C$20,0)+IF(Input!$D$21=4,L2833*Input!$C$21,0)+IF(Input!$D$22=4,M2833*Input!$C$22,0)</f>
        <v>0</v>
      </c>
      <c r="R2833" s="58">
        <v>41.409663561497467</v>
      </c>
      <c r="S2833" s="124">
        <f t="shared" si="44"/>
        <v>0.81830749223033172</v>
      </c>
    </row>
    <row r="2834" spans="8:19" x14ac:dyDescent="0.3">
      <c r="H2834" s="44">
        <v>2827</v>
      </c>
      <c r="I2834" s="56">
        <f>Bühler!I2860</f>
        <v>0.18184610938451812</v>
      </c>
      <c r="J2834" s="59">
        <f>Bühler!J2860</f>
        <v>0.6061536979483938</v>
      </c>
      <c r="K2834" s="59">
        <f>Bühler!K2860</f>
        <v>0.90923054692259075</v>
      </c>
      <c r="L2834" s="59">
        <f>Bühler!L2860</f>
        <v>10.161586570241822</v>
      </c>
      <c r="M2834" s="58">
        <f>Bühler!M2860</f>
        <v>0</v>
      </c>
      <c r="N2834" s="56">
        <f>IF(Input!$D$19=1,J2834*Input!$C$19,0)+IF(Input!$D$20=1,K2834*Input!$C$20,0)+IF(Input!$D$21=1,L2834*Input!$C$21,0)+IF(Input!$D$22=1,M2834*Input!$C$22,0)</f>
        <v>0.18184610938451815</v>
      </c>
      <c r="O2834" s="59">
        <f>IF(Input!$D$19=2,J2834*Input!$C$19,0)+IF(Input!$D$20=2,K2834*Input!$C$20,0)+IF(Input!$D$21=2,L2834*Input!$C$21,0)+IF(Input!$D$22=2,M2834*Input!$C$22,0)</f>
        <v>0.45461527346129538</v>
      </c>
      <c r="P2834" s="59">
        <f>IF(Input!$D$19=3,J2834*Input!$C$19,0)+IF(Input!$D$20=3,K2834*Input!$C$20,0)+IF(Input!$D$21=3,L2834*Input!$C$21,0)+IF(Input!$D$22=3,M2834*Input!$C$22,0)</f>
        <v>0</v>
      </c>
      <c r="Q2834" s="75">
        <f>IF(Input!$D$19=4,J2834*Input!$C$19,0)+IF(Input!$D$20=4,K2834*Input!$C$20,0)+IF(Input!$D$21=4,L2834*Input!$C$21,0)+IF(Input!$D$22=4,M2834*Input!$C$22,0)</f>
        <v>0</v>
      </c>
      <c r="R2834" s="58">
        <v>41.010412009467174</v>
      </c>
      <c r="S2834" s="124">
        <f t="shared" si="44"/>
        <v>0.78799980733291197</v>
      </c>
    </row>
    <row r="2835" spans="8:19" x14ac:dyDescent="0.3">
      <c r="H2835" s="44">
        <v>2828</v>
      </c>
      <c r="I2835" s="56">
        <f>Bühler!I2861</f>
        <v>0.14687570373364928</v>
      </c>
      <c r="J2835" s="59">
        <f>Bühler!J2861</f>
        <v>0.48958567911216433</v>
      </c>
      <c r="K2835" s="59">
        <f>Bühler!K2861</f>
        <v>0.73437851866824644</v>
      </c>
      <c r="L2835" s="59">
        <f>Bühler!L2861</f>
        <v>8.2074353067337782</v>
      </c>
      <c r="M2835" s="58">
        <f>Bühler!M2861</f>
        <v>0</v>
      </c>
      <c r="N2835" s="56">
        <f>IF(Input!$D$19=1,J2835*Input!$C$19,0)+IF(Input!$D$20=1,K2835*Input!$C$20,0)+IF(Input!$D$21=1,L2835*Input!$C$21,0)+IF(Input!$D$22=1,M2835*Input!$C$22,0)</f>
        <v>0.1468757037336493</v>
      </c>
      <c r="O2835" s="59">
        <f>IF(Input!$D$19=2,J2835*Input!$C$19,0)+IF(Input!$D$20=2,K2835*Input!$C$20,0)+IF(Input!$D$21=2,L2835*Input!$C$21,0)+IF(Input!$D$22=2,M2835*Input!$C$22,0)</f>
        <v>0.36718925933412322</v>
      </c>
      <c r="P2835" s="59">
        <f>IF(Input!$D$19=3,J2835*Input!$C$19,0)+IF(Input!$D$20=3,K2835*Input!$C$20,0)+IF(Input!$D$21=3,L2835*Input!$C$21,0)+IF(Input!$D$22=3,M2835*Input!$C$22,0)</f>
        <v>0</v>
      </c>
      <c r="Q2835" s="75">
        <f>IF(Input!$D$19=4,J2835*Input!$C$19,0)+IF(Input!$D$20=4,K2835*Input!$C$20,0)+IF(Input!$D$21=4,L2835*Input!$C$21,0)+IF(Input!$D$22=4,M2835*Input!$C$22,0)</f>
        <v>0</v>
      </c>
      <c r="R2835" s="58">
        <v>41.013022068866896</v>
      </c>
      <c r="S2835" s="124">
        <f t="shared" si="44"/>
        <v>0.63646138284581366</v>
      </c>
    </row>
    <row r="2836" spans="8:19" x14ac:dyDescent="0.3">
      <c r="H2836" s="44">
        <v>2829</v>
      </c>
      <c r="I2836" s="56">
        <f>Bühler!I2862</f>
        <v>0.10840825751769351</v>
      </c>
      <c r="J2836" s="59">
        <f>Bühler!J2862</f>
        <v>0.36136085839231169</v>
      </c>
      <c r="K2836" s="59">
        <f>Bühler!K2862</f>
        <v>0.54204128758846759</v>
      </c>
      <c r="L2836" s="59">
        <f>Bühler!L2862</f>
        <v>6.0578689168749325</v>
      </c>
      <c r="M2836" s="58">
        <f>Bühler!M2862</f>
        <v>0</v>
      </c>
      <c r="N2836" s="56">
        <f>IF(Input!$D$19=1,J2836*Input!$C$19,0)+IF(Input!$D$20=1,K2836*Input!$C$20,0)+IF(Input!$D$21=1,L2836*Input!$C$21,0)+IF(Input!$D$22=1,M2836*Input!$C$22,0)</f>
        <v>0.10840825751769351</v>
      </c>
      <c r="O2836" s="59">
        <f>IF(Input!$D$19=2,J2836*Input!$C$19,0)+IF(Input!$D$20=2,K2836*Input!$C$20,0)+IF(Input!$D$21=2,L2836*Input!$C$21,0)+IF(Input!$D$22=2,M2836*Input!$C$22,0)</f>
        <v>0.2710206437942338</v>
      </c>
      <c r="P2836" s="59">
        <f>IF(Input!$D$19=3,J2836*Input!$C$19,0)+IF(Input!$D$20=3,K2836*Input!$C$20,0)+IF(Input!$D$21=3,L2836*Input!$C$21,0)+IF(Input!$D$22=3,M2836*Input!$C$22,0)</f>
        <v>0</v>
      </c>
      <c r="Q2836" s="75">
        <f>IF(Input!$D$19=4,J2836*Input!$C$19,0)+IF(Input!$D$20=4,K2836*Input!$C$20,0)+IF(Input!$D$21=4,L2836*Input!$C$21,0)+IF(Input!$D$22=4,M2836*Input!$C$22,0)</f>
        <v>0</v>
      </c>
      <c r="R2836" s="58">
        <v>41.011961946148126</v>
      </c>
      <c r="S2836" s="124">
        <f t="shared" si="44"/>
        <v>0.4697691159100052</v>
      </c>
    </row>
    <row r="2837" spans="8:19" x14ac:dyDescent="0.3">
      <c r="H2837" s="44">
        <v>2830</v>
      </c>
      <c r="I2837" s="56">
        <f>Bühler!I2863</f>
        <v>0.10840825751769351</v>
      </c>
      <c r="J2837" s="59">
        <f>Bühler!J2863</f>
        <v>0.36136085839231169</v>
      </c>
      <c r="K2837" s="59">
        <f>Bühler!K2863</f>
        <v>0.54204128758846759</v>
      </c>
      <c r="L2837" s="59">
        <f>Bühler!L2863</f>
        <v>6.0578689168749325</v>
      </c>
      <c r="M2837" s="58">
        <f>Bühler!M2863</f>
        <v>0</v>
      </c>
      <c r="N2837" s="56">
        <f>IF(Input!$D$19=1,J2837*Input!$C$19,0)+IF(Input!$D$20=1,K2837*Input!$C$20,0)+IF(Input!$D$21=1,L2837*Input!$C$21,0)+IF(Input!$D$22=1,M2837*Input!$C$22,0)</f>
        <v>0.10840825751769351</v>
      </c>
      <c r="O2837" s="59">
        <f>IF(Input!$D$19=2,J2837*Input!$C$19,0)+IF(Input!$D$20=2,K2837*Input!$C$20,0)+IF(Input!$D$21=2,L2837*Input!$C$21,0)+IF(Input!$D$22=2,M2837*Input!$C$22,0)</f>
        <v>0.2710206437942338</v>
      </c>
      <c r="P2837" s="59">
        <f>IF(Input!$D$19=3,J2837*Input!$C$19,0)+IF(Input!$D$20=3,K2837*Input!$C$20,0)+IF(Input!$D$21=3,L2837*Input!$C$21,0)+IF(Input!$D$22=3,M2837*Input!$C$22,0)</f>
        <v>0</v>
      </c>
      <c r="Q2837" s="75">
        <f>IF(Input!$D$19=4,J2837*Input!$C$19,0)+IF(Input!$D$20=4,K2837*Input!$C$20,0)+IF(Input!$D$21=4,L2837*Input!$C$21,0)+IF(Input!$D$22=4,M2837*Input!$C$22,0)</f>
        <v>0</v>
      </c>
      <c r="R2837" s="58">
        <v>41.146646075441922</v>
      </c>
      <c r="S2837" s="124">
        <f t="shared" si="44"/>
        <v>0.4697691159100052</v>
      </c>
    </row>
    <row r="2838" spans="8:19" x14ac:dyDescent="0.3">
      <c r="H2838" s="44">
        <v>2831</v>
      </c>
      <c r="I2838" s="56">
        <f>Bühler!I2864</f>
        <v>0.10840825751769351</v>
      </c>
      <c r="J2838" s="59">
        <f>Bühler!J2864</f>
        <v>0.36136085839231169</v>
      </c>
      <c r="K2838" s="59">
        <f>Bühler!K2864</f>
        <v>0.54204128758846759</v>
      </c>
      <c r="L2838" s="59">
        <f>Bühler!L2864</f>
        <v>6.0578689168749325</v>
      </c>
      <c r="M2838" s="58">
        <f>Bühler!M2864</f>
        <v>0</v>
      </c>
      <c r="N2838" s="56">
        <f>IF(Input!$D$19=1,J2838*Input!$C$19,0)+IF(Input!$D$20=1,K2838*Input!$C$20,0)+IF(Input!$D$21=1,L2838*Input!$C$21,0)+IF(Input!$D$22=1,M2838*Input!$C$22,0)</f>
        <v>0.10840825751769351</v>
      </c>
      <c r="O2838" s="59">
        <f>IF(Input!$D$19=2,J2838*Input!$C$19,0)+IF(Input!$D$20=2,K2838*Input!$C$20,0)+IF(Input!$D$21=2,L2838*Input!$C$21,0)+IF(Input!$D$22=2,M2838*Input!$C$22,0)</f>
        <v>0.2710206437942338</v>
      </c>
      <c r="P2838" s="59">
        <f>IF(Input!$D$19=3,J2838*Input!$C$19,0)+IF(Input!$D$20=3,K2838*Input!$C$20,0)+IF(Input!$D$21=3,L2838*Input!$C$21,0)+IF(Input!$D$22=3,M2838*Input!$C$22,0)</f>
        <v>0</v>
      </c>
      <c r="Q2838" s="75">
        <f>IF(Input!$D$19=4,J2838*Input!$C$19,0)+IF(Input!$D$20=4,K2838*Input!$C$20,0)+IF(Input!$D$21=4,L2838*Input!$C$21,0)+IF(Input!$D$22=4,M2838*Input!$C$22,0)</f>
        <v>0</v>
      </c>
      <c r="R2838" s="58">
        <v>40.957103880753365</v>
      </c>
      <c r="S2838" s="124">
        <f t="shared" si="44"/>
        <v>0.4697691159100052</v>
      </c>
    </row>
    <row r="2839" spans="8:19" x14ac:dyDescent="0.3">
      <c r="H2839" s="44">
        <v>2832</v>
      </c>
      <c r="I2839" s="56">
        <f>Bühler!I2865</f>
        <v>0.10840825751769351</v>
      </c>
      <c r="J2839" s="59">
        <f>Bühler!J2865</f>
        <v>0.36136085839231169</v>
      </c>
      <c r="K2839" s="59">
        <f>Bühler!K2865</f>
        <v>0.54204128758846759</v>
      </c>
      <c r="L2839" s="59">
        <f>Bühler!L2865</f>
        <v>6.0578689168749325</v>
      </c>
      <c r="M2839" s="58">
        <f>Bühler!M2865</f>
        <v>0</v>
      </c>
      <c r="N2839" s="56">
        <f>IF(Input!$D$19=1,J2839*Input!$C$19,0)+IF(Input!$D$20=1,K2839*Input!$C$20,0)+IF(Input!$D$21=1,L2839*Input!$C$21,0)+IF(Input!$D$22=1,M2839*Input!$C$22,0)</f>
        <v>0.10840825751769351</v>
      </c>
      <c r="O2839" s="59">
        <f>IF(Input!$D$19=2,J2839*Input!$C$19,0)+IF(Input!$D$20=2,K2839*Input!$C$20,0)+IF(Input!$D$21=2,L2839*Input!$C$21,0)+IF(Input!$D$22=2,M2839*Input!$C$22,0)</f>
        <v>0.2710206437942338</v>
      </c>
      <c r="P2839" s="59">
        <f>IF(Input!$D$19=3,J2839*Input!$C$19,0)+IF(Input!$D$20=3,K2839*Input!$C$20,0)+IF(Input!$D$21=3,L2839*Input!$C$21,0)+IF(Input!$D$22=3,M2839*Input!$C$22,0)</f>
        <v>0</v>
      </c>
      <c r="Q2839" s="75">
        <f>IF(Input!$D$19=4,J2839*Input!$C$19,0)+IF(Input!$D$20=4,K2839*Input!$C$20,0)+IF(Input!$D$21=4,L2839*Input!$C$21,0)+IF(Input!$D$22=4,M2839*Input!$C$22,0)</f>
        <v>0</v>
      </c>
      <c r="R2839" s="58">
        <v>41.091814292460533</v>
      </c>
      <c r="S2839" s="124">
        <f t="shared" si="44"/>
        <v>0.4697691159100052</v>
      </c>
    </row>
    <row r="2840" spans="8:19" x14ac:dyDescent="0.3">
      <c r="H2840" s="44">
        <v>2833</v>
      </c>
      <c r="I2840" s="56">
        <f>Bühler!I2866</f>
        <v>0.13925225317310336</v>
      </c>
      <c r="J2840" s="59">
        <f>Bühler!J2866</f>
        <v>0.46417417724367793</v>
      </c>
      <c r="K2840" s="59">
        <f>Bühler!K2866</f>
        <v>0.69626126586551684</v>
      </c>
      <c r="L2840" s="59">
        <f>Bühler!L2866</f>
        <v>7.246800908629961</v>
      </c>
      <c r="M2840" s="58">
        <f>Bühler!M2866</f>
        <v>0</v>
      </c>
      <c r="N2840" s="56">
        <f>IF(Input!$D$19=1,J2840*Input!$C$19,0)+IF(Input!$D$20=1,K2840*Input!$C$20,0)+IF(Input!$D$21=1,L2840*Input!$C$21,0)+IF(Input!$D$22=1,M2840*Input!$C$22,0)</f>
        <v>0.13925225317310339</v>
      </c>
      <c r="O2840" s="59">
        <f>IF(Input!$D$19=2,J2840*Input!$C$19,0)+IF(Input!$D$20=2,K2840*Input!$C$20,0)+IF(Input!$D$21=2,L2840*Input!$C$21,0)+IF(Input!$D$22=2,M2840*Input!$C$22,0)</f>
        <v>0.34813063293275842</v>
      </c>
      <c r="P2840" s="59">
        <f>IF(Input!$D$19=3,J2840*Input!$C$19,0)+IF(Input!$D$20=3,K2840*Input!$C$20,0)+IF(Input!$D$21=3,L2840*Input!$C$21,0)+IF(Input!$D$22=3,M2840*Input!$C$22,0)</f>
        <v>0</v>
      </c>
      <c r="Q2840" s="75">
        <f>IF(Input!$D$19=4,J2840*Input!$C$19,0)+IF(Input!$D$20=4,K2840*Input!$C$20,0)+IF(Input!$D$21=4,L2840*Input!$C$21,0)+IF(Input!$D$22=4,M2840*Input!$C$22,0)</f>
        <v>0</v>
      </c>
      <c r="R2840" s="58">
        <v>40.285877168548112</v>
      </c>
      <c r="S2840" s="124">
        <f t="shared" si="44"/>
        <v>0.60342643041678135</v>
      </c>
    </row>
    <row r="2841" spans="8:19" x14ac:dyDescent="0.3">
      <c r="H2841" s="44">
        <v>2834</v>
      </c>
      <c r="I2841" s="56">
        <f>Bühler!I2867</f>
        <v>0.16171229400747489</v>
      </c>
      <c r="J2841" s="59">
        <f>Bühler!J2867</f>
        <v>0.53904098002491641</v>
      </c>
      <c r="K2841" s="59">
        <f>Bühler!K2867</f>
        <v>0.80856147003737455</v>
      </c>
      <c r="L2841" s="59">
        <f>Bühler!L2867</f>
        <v>8.4156397648605985</v>
      </c>
      <c r="M2841" s="58">
        <f>Bühler!M2867</f>
        <v>0</v>
      </c>
      <c r="N2841" s="56">
        <f>IF(Input!$D$19=1,J2841*Input!$C$19,0)+IF(Input!$D$20=1,K2841*Input!$C$20,0)+IF(Input!$D$21=1,L2841*Input!$C$21,0)+IF(Input!$D$22=1,M2841*Input!$C$22,0)</f>
        <v>0.16171229400747492</v>
      </c>
      <c r="O2841" s="59">
        <f>IF(Input!$D$19=2,J2841*Input!$C$19,0)+IF(Input!$D$20=2,K2841*Input!$C$20,0)+IF(Input!$D$21=2,L2841*Input!$C$21,0)+IF(Input!$D$22=2,M2841*Input!$C$22,0)</f>
        <v>0.40428073501868728</v>
      </c>
      <c r="P2841" s="59">
        <f>IF(Input!$D$19=3,J2841*Input!$C$19,0)+IF(Input!$D$20=3,K2841*Input!$C$20,0)+IF(Input!$D$21=3,L2841*Input!$C$21,0)+IF(Input!$D$22=3,M2841*Input!$C$22,0)</f>
        <v>0</v>
      </c>
      <c r="Q2841" s="75">
        <f>IF(Input!$D$19=4,J2841*Input!$C$19,0)+IF(Input!$D$20=4,K2841*Input!$C$20,0)+IF(Input!$D$21=4,L2841*Input!$C$21,0)+IF(Input!$D$22=4,M2841*Input!$C$22,0)</f>
        <v>0</v>
      </c>
      <c r="R2841" s="58">
        <v>39.812939497045292</v>
      </c>
      <c r="S2841" s="124">
        <f t="shared" si="44"/>
        <v>0.70075327403239129</v>
      </c>
    </row>
    <row r="2842" spans="8:19" x14ac:dyDescent="0.3">
      <c r="H2842" s="44">
        <v>2835</v>
      </c>
      <c r="I2842" s="56">
        <f>Bühler!I2868</f>
        <v>0.16171229400747489</v>
      </c>
      <c r="J2842" s="59">
        <f>Bühler!J2868</f>
        <v>0.53904098002491641</v>
      </c>
      <c r="K2842" s="59">
        <f>Bühler!K2868</f>
        <v>0.80856147003737455</v>
      </c>
      <c r="L2842" s="59">
        <f>Bühler!L2868</f>
        <v>8.4156397648605985</v>
      </c>
      <c r="M2842" s="58">
        <f>Bühler!M2868</f>
        <v>0</v>
      </c>
      <c r="N2842" s="56">
        <f>IF(Input!$D$19=1,J2842*Input!$C$19,0)+IF(Input!$D$20=1,K2842*Input!$C$20,0)+IF(Input!$D$21=1,L2842*Input!$C$21,0)+IF(Input!$D$22=1,M2842*Input!$C$22,0)</f>
        <v>0.16171229400747492</v>
      </c>
      <c r="O2842" s="59">
        <f>IF(Input!$D$19=2,J2842*Input!$C$19,0)+IF(Input!$D$20=2,K2842*Input!$C$20,0)+IF(Input!$D$21=2,L2842*Input!$C$21,0)+IF(Input!$D$22=2,M2842*Input!$C$22,0)</f>
        <v>0.40428073501868728</v>
      </c>
      <c r="P2842" s="59">
        <f>IF(Input!$D$19=3,J2842*Input!$C$19,0)+IF(Input!$D$20=3,K2842*Input!$C$20,0)+IF(Input!$D$21=3,L2842*Input!$C$21,0)+IF(Input!$D$22=3,M2842*Input!$C$22,0)</f>
        <v>0</v>
      </c>
      <c r="Q2842" s="75">
        <f>IF(Input!$D$19=4,J2842*Input!$C$19,0)+IF(Input!$D$20=4,K2842*Input!$C$20,0)+IF(Input!$D$21=4,L2842*Input!$C$21,0)+IF(Input!$D$22=4,M2842*Input!$C$22,0)</f>
        <v>0</v>
      </c>
      <c r="R2842" s="58">
        <v>39.989804781528882</v>
      </c>
      <c r="S2842" s="124">
        <f t="shared" si="44"/>
        <v>0.70075327403239129</v>
      </c>
    </row>
    <row r="2843" spans="8:19" x14ac:dyDescent="0.3">
      <c r="H2843" s="44">
        <v>2836</v>
      </c>
      <c r="I2843" s="56">
        <f>Bühler!I2869</f>
        <v>0.16171229400747489</v>
      </c>
      <c r="J2843" s="59">
        <f>Bühler!J2869</f>
        <v>0.53904098002491641</v>
      </c>
      <c r="K2843" s="59">
        <f>Bühler!K2869</f>
        <v>0.80856147003737455</v>
      </c>
      <c r="L2843" s="59">
        <f>Bühler!L2869</f>
        <v>8.4156397648605985</v>
      </c>
      <c r="M2843" s="58">
        <f>Bühler!M2869</f>
        <v>0</v>
      </c>
      <c r="N2843" s="56">
        <f>IF(Input!$D$19=1,J2843*Input!$C$19,0)+IF(Input!$D$20=1,K2843*Input!$C$20,0)+IF(Input!$D$21=1,L2843*Input!$C$21,0)+IF(Input!$D$22=1,M2843*Input!$C$22,0)</f>
        <v>0.16171229400747492</v>
      </c>
      <c r="O2843" s="59">
        <f>IF(Input!$D$19=2,J2843*Input!$C$19,0)+IF(Input!$D$20=2,K2843*Input!$C$20,0)+IF(Input!$D$21=2,L2843*Input!$C$21,0)+IF(Input!$D$22=2,M2843*Input!$C$22,0)</f>
        <v>0.40428073501868728</v>
      </c>
      <c r="P2843" s="59">
        <f>IF(Input!$D$19=3,J2843*Input!$C$19,0)+IF(Input!$D$20=3,K2843*Input!$C$20,0)+IF(Input!$D$21=3,L2843*Input!$C$21,0)+IF(Input!$D$22=3,M2843*Input!$C$22,0)</f>
        <v>0</v>
      </c>
      <c r="Q2843" s="75">
        <f>IF(Input!$D$19=4,J2843*Input!$C$19,0)+IF(Input!$D$20=4,K2843*Input!$C$20,0)+IF(Input!$D$21=4,L2843*Input!$C$21,0)+IF(Input!$D$22=4,M2843*Input!$C$22,0)</f>
        <v>0</v>
      </c>
      <c r="R2843" s="58">
        <v>40.846333884028553</v>
      </c>
      <c r="S2843" s="124">
        <f t="shared" si="44"/>
        <v>0.70075327403239129</v>
      </c>
    </row>
    <row r="2844" spans="8:19" x14ac:dyDescent="0.3">
      <c r="H2844" s="44">
        <v>2837</v>
      </c>
      <c r="I2844" s="56">
        <f>Bühler!I2870</f>
        <v>0.16171229400747489</v>
      </c>
      <c r="J2844" s="59">
        <f>Bühler!J2870</f>
        <v>0.53904098002491641</v>
      </c>
      <c r="K2844" s="59">
        <f>Bühler!K2870</f>
        <v>0.80856147003737455</v>
      </c>
      <c r="L2844" s="59">
        <f>Bühler!L2870</f>
        <v>8.4156397648605985</v>
      </c>
      <c r="M2844" s="58">
        <f>Bühler!M2870</f>
        <v>0</v>
      </c>
      <c r="N2844" s="56">
        <f>IF(Input!$D$19=1,J2844*Input!$C$19,0)+IF(Input!$D$20=1,K2844*Input!$C$20,0)+IF(Input!$D$21=1,L2844*Input!$C$21,0)+IF(Input!$D$22=1,M2844*Input!$C$22,0)</f>
        <v>0.16171229400747492</v>
      </c>
      <c r="O2844" s="59">
        <f>IF(Input!$D$19=2,J2844*Input!$C$19,0)+IF(Input!$D$20=2,K2844*Input!$C$20,0)+IF(Input!$D$21=2,L2844*Input!$C$21,0)+IF(Input!$D$22=2,M2844*Input!$C$22,0)</f>
        <v>0.40428073501868728</v>
      </c>
      <c r="P2844" s="59">
        <f>IF(Input!$D$19=3,J2844*Input!$C$19,0)+IF(Input!$D$20=3,K2844*Input!$C$20,0)+IF(Input!$D$21=3,L2844*Input!$C$21,0)+IF(Input!$D$22=3,M2844*Input!$C$22,0)</f>
        <v>0</v>
      </c>
      <c r="Q2844" s="75">
        <f>IF(Input!$D$19=4,J2844*Input!$C$19,0)+IF(Input!$D$20=4,K2844*Input!$C$20,0)+IF(Input!$D$21=4,L2844*Input!$C$21,0)+IF(Input!$D$22=4,M2844*Input!$C$22,0)</f>
        <v>0</v>
      </c>
      <c r="R2844" s="58">
        <v>40.654456438070014</v>
      </c>
      <c r="S2844" s="124">
        <f t="shared" si="44"/>
        <v>0.70075327403239129</v>
      </c>
    </row>
    <row r="2845" spans="8:19" x14ac:dyDescent="0.3">
      <c r="H2845" s="44">
        <v>2838</v>
      </c>
      <c r="I2845" s="56">
        <f>Bühler!I2871</f>
        <v>0.20214036750934358</v>
      </c>
      <c r="J2845" s="59">
        <f>Bühler!J2871</f>
        <v>0.67380122503114537</v>
      </c>
      <c r="K2845" s="59">
        <f>Bühler!K2871</f>
        <v>1.0107018375467181</v>
      </c>
      <c r="L2845" s="59">
        <f>Bühler!L2871</f>
        <v>10.51954970607575</v>
      </c>
      <c r="M2845" s="58">
        <f>Bühler!M2871</f>
        <v>0</v>
      </c>
      <c r="N2845" s="56">
        <f>IF(Input!$D$19=1,J2845*Input!$C$19,0)+IF(Input!$D$20=1,K2845*Input!$C$20,0)+IF(Input!$D$21=1,L2845*Input!$C$21,0)+IF(Input!$D$22=1,M2845*Input!$C$22,0)</f>
        <v>0.20214036750934361</v>
      </c>
      <c r="O2845" s="59">
        <f>IF(Input!$D$19=2,J2845*Input!$C$19,0)+IF(Input!$D$20=2,K2845*Input!$C$20,0)+IF(Input!$D$21=2,L2845*Input!$C$21,0)+IF(Input!$D$22=2,M2845*Input!$C$22,0)</f>
        <v>0.50535091877335903</v>
      </c>
      <c r="P2845" s="59">
        <f>IF(Input!$D$19=3,J2845*Input!$C$19,0)+IF(Input!$D$20=3,K2845*Input!$C$20,0)+IF(Input!$D$21=3,L2845*Input!$C$21,0)+IF(Input!$D$22=3,M2845*Input!$C$22,0)</f>
        <v>0</v>
      </c>
      <c r="Q2845" s="75">
        <f>IF(Input!$D$19=4,J2845*Input!$C$19,0)+IF(Input!$D$20=4,K2845*Input!$C$20,0)+IF(Input!$D$21=4,L2845*Input!$C$21,0)+IF(Input!$D$22=4,M2845*Input!$C$22,0)</f>
        <v>0</v>
      </c>
      <c r="R2845" s="58">
        <v>40.697584976193433</v>
      </c>
      <c r="S2845" s="124">
        <f t="shared" si="44"/>
        <v>0.87594159254048898</v>
      </c>
    </row>
    <row r="2846" spans="8:19" x14ac:dyDescent="0.3">
      <c r="H2846" s="44">
        <v>2839</v>
      </c>
      <c r="I2846" s="56">
        <f>Bühler!I2872</f>
        <v>0.23807643284433802</v>
      </c>
      <c r="J2846" s="59">
        <f>Bühler!J2872</f>
        <v>0.79358810948112679</v>
      </c>
      <c r="K2846" s="59">
        <f>Bühler!K2872</f>
        <v>1.1903821642216903</v>
      </c>
      <c r="L2846" s="59">
        <f>Bühler!L2872</f>
        <v>12.389691876044772</v>
      </c>
      <c r="M2846" s="58">
        <f>Bühler!M2872</f>
        <v>0</v>
      </c>
      <c r="N2846" s="56">
        <f>IF(Input!$D$19=1,J2846*Input!$C$19,0)+IF(Input!$D$20=1,K2846*Input!$C$20,0)+IF(Input!$D$21=1,L2846*Input!$C$21,0)+IF(Input!$D$22=1,M2846*Input!$C$22,0)</f>
        <v>0.23807643284433802</v>
      </c>
      <c r="O2846" s="59">
        <f>IF(Input!$D$19=2,J2846*Input!$C$19,0)+IF(Input!$D$20=2,K2846*Input!$C$20,0)+IF(Input!$D$21=2,L2846*Input!$C$21,0)+IF(Input!$D$22=2,M2846*Input!$C$22,0)</f>
        <v>0.59519108211084515</v>
      </c>
      <c r="P2846" s="59">
        <f>IF(Input!$D$19=3,J2846*Input!$C$19,0)+IF(Input!$D$20=3,K2846*Input!$C$20,0)+IF(Input!$D$21=3,L2846*Input!$C$21,0)+IF(Input!$D$22=3,M2846*Input!$C$22,0)</f>
        <v>0</v>
      </c>
      <c r="Q2846" s="75">
        <f>IF(Input!$D$19=4,J2846*Input!$C$19,0)+IF(Input!$D$20=4,K2846*Input!$C$20,0)+IF(Input!$D$21=4,L2846*Input!$C$21,0)+IF(Input!$D$22=4,M2846*Input!$C$22,0)</f>
        <v>0</v>
      </c>
      <c r="R2846" s="58">
        <v>40.446342344765441</v>
      </c>
      <c r="S2846" s="124">
        <f t="shared" si="44"/>
        <v>1.0316645423254649</v>
      </c>
    </row>
    <row r="2847" spans="8:19" x14ac:dyDescent="0.3">
      <c r="H2847" s="44">
        <v>2840</v>
      </c>
      <c r="I2847" s="56">
        <f>Bühler!I2873</f>
        <v>0.282996514513081</v>
      </c>
      <c r="J2847" s="59">
        <f>Bühler!J2873</f>
        <v>0.94332171504360351</v>
      </c>
      <c r="K2847" s="59">
        <f>Bühler!K2873</f>
        <v>1.4149825725654053</v>
      </c>
      <c r="L2847" s="59">
        <f>Bühler!L2873</f>
        <v>14.727369588506049</v>
      </c>
      <c r="M2847" s="58">
        <f>Bühler!M2873</f>
        <v>0</v>
      </c>
      <c r="N2847" s="56">
        <f>IF(Input!$D$19=1,J2847*Input!$C$19,0)+IF(Input!$D$20=1,K2847*Input!$C$20,0)+IF(Input!$D$21=1,L2847*Input!$C$21,0)+IF(Input!$D$22=1,M2847*Input!$C$22,0)</f>
        <v>0.28299651451308105</v>
      </c>
      <c r="O2847" s="59">
        <f>IF(Input!$D$19=2,J2847*Input!$C$19,0)+IF(Input!$D$20=2,K2847*Input!$C$20,0)+IF(Input!$D$21=2,L2847*Input!$C$21,0)+IF(Input!$D$22=2,M2847*Input!$C$22,0)</f>
        <v>0.70749128628270264</v>
      </c>
      <c r="P2847" s="59">
        <f>IF(Input!$D$19=3,J2847*Input!$C$19,0)+IF(Input!$D$20=3,K2847*Input!$C$20,0)+IF(Input!$D$21=3,L2847*Input!$C$21,0)+IF(Input!$D$22=3,M2847*Input!$C$22,0)</f>
        <v>0</v>
      </c>
      <c r="Q2847" s="75">
        <f>IF(Input!$D$19=4,J2847*Input!$C$19,0)+IF(Input!$D$20=4,K2847*Input!$C$20,0)+IF(Input!$D$21=4,L2847*Input!$C$21,0)+IF(Input!$D$22=4,M2847*Input!$C$22,0)</f>
        <v>0</v>
      </c>
      <c r="R2847" s="58">
        <v>40.989552481745122</v>
      </c>
      <c r="S2847" s="124">
        <f t="shared" si="44"/>
        <v>1.2263182295566846</v>
      </c>
    </row>
    <row r="2848" spans="8:19" x14ac:dyDescent="0.3">
      <c r="H2848" s="44">
        <v>2841</v>
      </c>
      <c r="I2848" s="56">
        <f>Bühler!I2874</f>
        <v>0.282996514513081</v>
      </c>
      <c r="J2848" s="59">
        <f>Bühler!J2874</f>
        <v>0.94332171504360351</v>
      </c>
      <c r="K2848" s="59">
        <f>Bühler!K2874</f>
        <v>1.4149825725654053</v>
      </c>
      <c r="L2848" s="59">
        <f>Bühler!L2874</f>
        <v>14.727369588506049</v>
      </c>
      <c r="M2848" s="58">
        <f>Bühler!M2874</f>
        <v>0</v>
      </c>
      <c r="N2848" s="56">
        <f>IF(Input!$D$19=1,J2848*Input!$C$19,0)+IF(Input!$D$20=1,K2848*Input!$C$20,0)+IF(Input!$D$21=1,L2848*Input!$C$21,0)+IF(Input!$D$22=1,M2848*Input!$C$22,0)</f>
        <v>0.28299651451308105</v>
      </c>
      <c r="O2848" s="59">
        <f>IF(Input!$D$19=2,J2848*Input!$C$19,0)+IF(Input!$D$20=2,K2848*Input!$C$20,0)+IF(Input!$D$21=2,L2848*Input!$C$21,0)+IF(Input!$D$22=2,M2848*Input!$C$22,0)</f>
        <v>0.70749128628270264</v>
      </c>
      <c r="P2848" s="59">
        <f>IF(Input!$D$19=3,J2848*Input!$C$19,0)+IF(Input!$D$20=3,K2848*Input!$C$20,0)+IF(Input!$D$21=3,L2848*Input!$C$21,0)+IF(Input!$D$22=3,M2848*Input!$C$22,0)</f>
        <v>0</v>
      </c>
      <c r="Q2848" s="75">
        <f>IF(Input!$D$19=4,J2848*Input!$C$19,0)+IF(Input!$D$20=4,K2848*Input!$C$20,0)+IF(Input!$D$21=4,L2848*Input!$C$21,0)+IF(Input!$D$22=4,M2848*Input!$C$22,0)</f>
        <v>0</v>
      </c>
      <c r="R2848" s="58">
        <v>40.352832322726705</v>
      </c>
      <c r="S2848" s="124">
        <f t="shared" si="44"/>
        <v>1.2263182295566846</v>
      </c>
    </row>
    <row r="2849" spans="8:19" x14ac:dyDescent="0.3">
      <c r="H2849" s="44">
        <v>2842</v>
      </c>
      <c r="I2849" s="56">
        <f>Bühler!I2875</f>
        <v>0.282996514513081</v>
      </c>
      <c r="J2849" s="59">
        <f>Bühler!J2875</f>
        <v>0.94332171504360351</v>
      </c>
      <c r="K2849" s="59">
        <f>Bühler!K2875</f>
        <v>1.4149825725654053</v>
      </c>
      <c r="L2849" s="59">
        <f>Bühler!L2875</f>
        <v>14.727369588506049</v>
      </c>
      <c r="M2849" s="58">
        <f>Bühler!M2875</f>
        <v>0</v>
      </c>
      <c r="N2849" s="56">
        <f>IF(Input!$D$19=1,J2849*Input!$C$19,0)+IF(Input!$D$20=1,K2849*Input!$C$20,0)+IF(Input!$D$21=1,L2849*Input!$C$21,0)+IF(Input!$D$22=1,M2849*Input!$C$22,0)</f>
        <v>0.28299651451308105</v>
      </c>
      <c r="O2849" s="59">
        <f>IF(Input!$D$19=2,J2849*Input!$C$19,0)+IF(Input!$D$20=2,K2849*Input!$C$20,0)+IF(Input!$D$21=2,L2849*Input!$C$21,0)+IF(Input!$D$22=2,M2849*Input!$C$22,0)</f>
        <v>0.70749128628270264</v>
      </c>
      <c r="P2849" s="59">
        <f>IF(Input!$D$19=3,J2849*Input!$C$19,0)+IF(Input!$D$20=3,K2849*Input!$C$20,0)+IF(Input!$D$21=3,L2849*Input!$C$21,0)+IF(Input!$D$22=3,M2849*Input!$C$22,0)</f>
        <v>0</v>
      </c>
      <c r="Q2849" s="75">
        <f>IF(Input!$D$19=4,J2849*Input!$C$19,0)+IF(Input!$D$20=4,K2849*Input!$C$20,0)+IF(Input!$D$21=4,L2849*Input!$C$21,0)+IF(Input!$D$22=4,M2849*Input!$C$22,0)</f>
        <v>0</v>
      </c>
      <c r="R2849" s="58">
        <v>40.039376433678513</v>
      </c>
      <c r="S2849" s="124">
        <f t="shared" si="44"/>
        <v>1.2263182295566846</v>
      </c>
    </row>
    <row r="2850" spans="8:19" x14ac:dyDescent="0.3">
      <c r="H2850" s="44">
        <v>2843</v>
      </c>
      <c r="I2850" s="56">
        <f>Bühler!I2876</f>
        <v>0.282996514513081</v>
      </c>
      <c r="J2850" s="59">
        <f>Bühler!J2876</f>
        <v>0.94332171504360351</v>
      </c>
      <c r="K2850" s="59">
        <f>Bühler!K2876</f>
        <v>1.4149825725654053</v>
      </c>
      <c r="L2850" s="59">
        <f>Bühler!L2876</f>
        <v>14.727369588506049</v>
      </c>
      <c r="M2850" s="58">
        <f>Bühler!M2876</f>
        <v>0</v>
      </c>
      <c r="N2850" s="56">
        <f>IF(Input!$D$19=1,J2850*Input!$C$19,0)+IF(Input!$D$20=1,K2850*Input!$C$20,0)+IF(Input!$D$21=1,L2850*Input!$C$21,0)+IF(Input!$D$22=1,M2850*Input!$C$22,0)</f>
        <v>0.28299651451308105</v>
      </c>
      <c r="O2850" s="59">
        <f>IF(Input!$D$19=2,J2850*Input!$C$19,0)+IF(Input!$D$20=2,K2850*Input!$C$20,0)+IF(Input!$D$21=2,L2850*Input!$C$21,0)+IF(Input!$D$22=2,M2850*Input!$C$22,0)</f>
        <v>0.70749128628270264</v>
      </c>
      <c r="P2850" s="59">
        <f>IF(Input!$D$19=3,J2850*Input!$C$19,0)+IF(Input!$D$20=3,K2850*Input!$C$20,0)+IF(Input!$D$21=3,L2850*Input!$C$21,0)+IF(Input!$D$22=3,M2850*Input!$C$22,0)</f>
        <v>0</v>
      </c>
      <c r="Q2850" s="75">
        <f>IF(Input!$D$19=4,J2850*Input!$C$19,0)+IF(Input!$D$20=4,K2850*Input!$C$20,0)+IF(Input!$D$21=4,L2850*Input!$C$21,0)+IF(Input!$D$22=4,M2850*Input!$C$22,0)</f>
        <v>0</v>
      </c>
      <c r="R2850" s="58">
        <v>40.213082983962465</v>
      </c>
      <c r="S2850" s="124">
        <f t="shared" si="44"/>
        <v>1.2263182295566846</v>
      </c>
    </row>
    <row r="2851" spans="8:19" x14ac:dyDescent="0.3">
      <c r="H2851" s="44">
        <v>2844</v>
      </c>
      <c r="I2851" s="56">
        <f>Bühler!I2877</f>
        <v>0.282996514513081</v>
      </c>
      <c r="J2851" s="59">
        <f>Bühler!J2877</f>
        <v>0.94332171504360351</v>
      </c>
      <c r="K2851" s="59">
        <f>Bühler!K2877</f>
        <v>1.4149825725654053</v>
      </c>
      <c r="L2851" s="59">
        <f>Bühler!L2877</f>
        <v>14.727369588506049</v>
      </c>
      <c r="M2851" s="58">
        <f>Bühler!M2877</f>
        <v>0</v>
      </c>
      <c r="N2851" s="56">
        <f>IF(Input!$D$19=1,J2851*Input!$C$19,0)+IF(Input!$D$20=1,K2851*Input!$C$20,0)+IF(Input!$D$21=1,L2851*Input!$C$21,0)+IF(Input!$D$22=1,M2851*Input!$C$22,0)</f>
        <v>0.28299651451308105</v>
      </c>
      <c r="O2851" s="59">
        <f>IF(Input!$D$19=2,J2851*Input!$C$19,0)+IF(Input!$D$20=2,K2851*Input!$C$20,0)+IF(Input!$D$21=2,L2851*Input!$C$21,0)+IF(Input!$D$22=2,M2851*Input!$C$22,0)</f>
        <v>0.70749128628270264</v>
      </c>
      <c r="P2851" s="59">
        <f>IF(Input!$D$19=3,J2851*Input!$C$19,0)+IF(Input!$D$20=3,K2851*Input!$C$20,0)+IF(Input!$D$21=3,L2851*Input!$C$21,0)+IF(Input!$D$22=3,M2851*Input!$C$22,0)</f>
        <v>0</v>
      </c>
      <c r="Q2851" s="75">
        <f>IF(Input!$D$19=4,J2851*Input!$C$19,0)+IF(Input!$D$20=4,K2851*Input!$C$20,0)+IF(Input!$D$21=4,L2851*Input!$C$21,0)+IF(Input!$D$22=4,M2851*Input!$C$22,0)</f>
        <v>0</v>
      </c>
      <c r="R2851" s="58">
        <v>41.020081897761685</v>
      </c>
      <c r="S2851" s="124">
        <f t="shared" si="44"/>
        <v>1.2263182295566846</v>
      </c>
    </row>
    <row r="2852" spans="8:19" x14ac:dyDescent="0.3">
      <c r="H2852" s="44">
        <v>2845</v>
      </c>
      <c r="I2852" s="56">
        <f>Bühler!I2878</f>
        <v>0.282996514513081</v>
      </c>
      <c r="J2852" s="59">
        <f>Bühler!J2878</f>
        <v>0.94332171504360351</v>
      </c>
      <c r="K2852" s="59">
        <f>Bühler!K2878</f>
        <v>1.4149825725654053</v>
      </c>
      <c r="L2852" s="59">
        <f>Bühler!L2878</f>
        <v>14.727369588506049</v>
      </c>
      <c r="M2852" s="58">
        <f>Bühler!M2878</f>
        <v>0</v>
      </c>
      <c r="N2852" s="56">
        <f>IF(Input!$D$19=1,J2852*Input!$C$19,0)+IF(Input!$D$20=1,K2852*Input!$C$20,0)+IF(Input!$D$21=1,L2852*Input!$C$21,0)+IF(Input!$D$22=1,M2852*Input!$C$22,0)</f>
        <v>0.28299651451308105</v>
      </c>
      <c r="O2852" s="59">
        <f>IF(Input!$D$19=2,J2852*Input!$C$19,0)+IF(Input!$D$20=2,K2852*Input!$C$20,0)+IF(Input!$D$21=2,L2852*Input!$C$21,0)+IF(Input!$D$22=2,M2852*Input!$C$22,0)</f>
        <v>0.70749128628270264</v>
      </c>
      <c r="P2852" s="59">
        <f>IF(Input!$D$19=3,J2852*Input!$C$19,0)+IF(Input!$D$20=3,K2852*Input!$C$20,0)+IF(Input!$D$21=3,L2852*Input!$C$21,0)+IF(Input!$D$22=3,M2852*Input!$C$22,0)</f>
        <v>0</v>
      </c>
      <c r="Q2852" s="75">
        <f>IF(Input!$D$19=4,J2852*Input!$C$19,0)+IF(Input!$D$20=4,K2852*Input!$C$20,0)+IF(Input!$D$21=4,L2852*Input!$C$21,0)+IF(Input!$D$22=4,M2852*Input!$C$22,0)</f>
        <v>0</v>
      </c>
      <c r="R2852" s="58">
        <v>41.238971015615888</v>
      </c>
      <c r="S2852" s="124">
        <f t="shared" si="44"/>
        <v>1.2263182295566846</v>
      </c>
    </row>
    <row r="2853" spans="8:19" x14ac:dyDescent="0.3">
      <c r="H2853" s="44">
        <v>2846</v>
      </c>
      <c r="I2853" s="56">
        <f>Bühler!I2879</f>
        <v>0.282996514513081</v>
      </c>
      <c r="J2853" s="59">
        <f>Bühler!J2879</f>
        <v>0.94332171504360351</v>
      </c>
      <c r="K2853" s="59">
        <f>Bühler!K2879</f>
        <v>1.4149825725654053</v>
      </c>
      <c r="L2853" s="59">
        <f>Bühler!L2879</f>
        <v>14.727369588506049</v>
      </c>
      <c r="M2853" s="58">
        <f>Bühler!M2879</f>
        <v>0</v>
      </c>
      <c r="N2853" s="56">
        <f>IF(Input!$D$19=1,J2853*Input!$C$19,0)+IF(Input!$D$20=1,K2853*Input!$C$20,0)+IF(Input!$D$21=1,L2853*Input!$C$21,0)+IF(Input!$D$22=1,M2853*Input!$C$22,0)</f>
        <v>0.28299651451308105</v>
      </c>
      <c r="O2853" s="59">
        <f>IF(Input!$D$19=2,J2853*Input!$C$19,0)+IF(Input!$D$20=2,K2853*Input!$C$20,0)+IF(Input!$D$21=2,L2853*Input!$C$21,0)+IF(Input!$D$22=2,M2853*Input!$C$22,0)</f>
        <v>0.70749128628270264</v>
      </c>
      <c r="P2853" s="59">
        <f>IF(Input!$D$19=3,J2853*Input!$C$19,0)+IF(Input!$D$20=3,K2853*Input!$C$20,0)+IF(Input!$D$21=3,L2853*Input!$C$21,0)+IF(Input!$D$22=3,M2853*Input!$C$22,0)</f>
        <v>0</v>
      </c>
      <c r="Q2853" s="75">
        <f>IF(Input!$D$19=4,J2853*Input!$C$19,0)+IF(Input!$D$20=4,K2853*Input!$C$20,0)+IF(Input!$D$21=4,L2853*Input!$C$21,0)+IF(Input!$D$22=4,M2853*Input!$C$22,0)</f>
        <v>0</v>
      </c>
      <c r="R2853" s="58">
        <v>41.431376306581036</v>
      </c>
      <c r="S2853" s="124">
        <f t="shared" si="44"/>
        <v>1.2263182295566846</v>
      </c>
    </row>
    <row r="2854" spans="8:19" x14ac:dyDescent="0.3">
      <c r="H2854" s="44">
        <v>2847</v>
      </c>
      <c r="I2854" s="56">
        <f>Bühler!I2880</f>
        <v>0.282996514513081</v>
      </c>
      <c r="J2854" s="59">
        <f>Bühler!J2880</f>
        <v>0.94332171504360351</v>
      </c>
      <c r="K2854" s="59">
        <f>Bühler!K2880</f>
        <v>1.4149825725654053</v>
      </c>
      <c r="L2854" s="59">
        <f>Bühler!L2880</f>
        <v>14.727369588506049</v>
      </c>
      <c r="M2854" s="58">
        <f>Bühler!M2880</f>
        <v>0</v>
      </c>
      <c r="N2854" s="56">
        <f>IF(Input!$D$19=1,J2854*Input!$C$19,0)+IF(Input!$D$20=1,K2854*Input!$C$20,0)+IF(Input!$D$21=1,L2854*Input!$C$21,0)+IF(Input!$D$22=1,M2854*Input!$C$22,0)</f>
        <v>0.28299651451308105</v>
      </c>
      <c r="O2854" s="59">
        <f>IF(Input!$D$19=2,J2854*Input!$C$19,0)+IF(Input!$D$20=2,K2854*Input!$C$20,0)+IF(Input!$D$21=2,L2854*Input!$C$21,0)+IF(Input!$D$22=2,M2854*Input!$C$22,0)</f>
        <v>0.70749128628270264</v>
      </c>
      <c r="P2854" s="59">
        <f>IF(Input!$D$19=3,J2854*Input!$C$19,0)+IF(Input!$D$20=3,K2854*Input!$C$20,0)+IF(Input!$D$21=3,L2854*Input!$C$21,0)+IF(Input!$D$22=3,M2854*Input!$C$22,0)</f>
        <v>0</v>
      </c>
      <c r="Q2854" s="75">
        <f>IF(Input!$D$19=4,J2854*Input!$C$19,0)+IF(Input!$D$20=4,K2854*Input!$C$20,0)+IF(Input!$D$21=4,L2854*Input!$C$21,0)+IF(Input!$D$22=4,M2854*Input!$C$22,0)</f>
        <v>0</v>
      </c>
      <c r="R2854" s="58">
        <v>41.268016377508616</v>
      </c>
      <c r="S2854" s="124">
        <f t="shared" si="44"/>
        <v>1.2263182295566846</v>
      </c>
    </row>
    <row r="2855" spans="8:19" x14ac:dyDescent="0.3">
      <c r="H2855" s="44">
        <v>2848</v>
      </c>
      <c r="I2855" s="56">
        <f>Bühler!I2881</f>
        <v>0.2515524573449609</v>
      </c>
      <c r="J2855" s="59">
        <f>Bühler!J2881</f>
        <v>0.83850819114986974</v>
      </c>
      <c r="K2855" s="59">
        <f>Bühler!K2881</f>
        <v>1.2577622867248046</v>
      </c>
      <c r="L2855" s="59">
        <f>Bühler!L2881</f>
        <v>13.090995189783156</v>
      </c>
      <c r="M2855" s="58">
        <f>Bühler!M2881</f>
        <v>0</v>
      </c>
      <c r="N2855" s="56">
        <f>IF(Input!$D$19=1,J2855*Input!$C$19,0)+IF(Input!$D$20=1,K2855*Input!$C$20,0)+IF(Input!$D$21=1,L2855*Input!$C$21,0)+IF(Input!$D$22=1,M2855*Input!$C$22,0)</f>
        <v>0.2515524573449609</v>
      </c>
      <c r="O2855" s="59">
        <f>IF(Input!$D$19=2,J2855*Input!$C$19,0)+IF(Input!$D$20=2,K2855*Input!$C$20,0)+IF(Input!$D$21=2,L2855*Input!$C$21,0)+IF(Input!$D$22=2,M2855*Input!$C$22,0)</f>
        <v>0.62888114336240231</v>
      </c>
      <c r="P2855" s="59">
        <f>IF(Input!$D$19=3,J2855*Input!$C$19,0)+IF(Input!$D$20=3,K2855*Input!$C$20,0)+IF(Input!$D$21=3,L2855*Input!$C$21,0)+IF(Input!$D$22=3,M2855*Input!$C$22,0)</f>
        <v>0</v>
      </c>
      <c r="Q2855" s="75">
        <f>IF(Input!$D$19=4,J2855*Input!$C$19,0)+IF(Input!$D$20=4,K2855*Input!$C$20,0)+IF(Input!$D$21=4,L2855*Input!$C$21,0)+IF(Input!$D$22=4,M2855*Input!$C$22,0)</f>
        <v>0</v>
      </c>
      <c r="R2855" s="58">
        <v>41.721706653144082</v>
      </c>
      <c r="S2855" s="124">
        <f t="shared" si="44"/>
        <v>1.0900606484948305</v>
      </c>
    </row>
    <row r="2856" spans="8:19" x14ac:dyDescent="0.3">
      <c r="H2856" s="44">
        <v>2849</v>
      </c>
      <c r="I2856" s="56">
        <f>Bühler!I2882</f>
        <v>0.24706044917808662</v>
      </c>
      <c r="J2856" s="59">
        <f>Bühler!J2882</f>
        <v>0.8235348305936222</v>
      </c>
      <c r="K2856" s="59">
        <f>Bühler!K2882</f>
        <v>1.2353022458904332</v>
      </c>
      <c r="L2856" s="59">
        <f>Bühler!L2882</f>
        <v>12.857227418537029</v>
      </c>
      <c r="M2856" s="58">
        <f>Bühler!M2882</f>
        <v>0</v>
      </c>
      <c r="N2856" s="56">
        <f>IF(Input!$D$19=1,J2856*Input!$C$19,0)+IF(Input!$D$20=1,K2856*Input!$C$20,0)+IF(Input!$D$21=1,L2856*Input!$C$21,0)+IF(Input!$D$22=1,M2856*Input!$C$22,0)</f>
        <v>0.24706044917808664</v>
      </c>
      <c r="O2856" s="59">
        <f>IF(Input!$D$19=2,J2856*Input!$C$19,0)+IF(Input!$D$20=2,K2856*Input!$C$20,0)+IF(Input!$D$21=2,L2856*Input!$C$21,0)+IF(Input!$D$22=2,M2856*Input!$C$22,0)</f>
        <v>0.61765112294521662</v>
      </c>
      <c r="P2856" s="59">
        <f>IF(Input!$D$19=3,J2856*Input!$C$19,0)+IF(Input!$D$20=3,K2856*Input!$C$20,0)+IF(Input!$D$21=3,L2856*Input!$C$21,0)+IF(Input!$D$22=3,M2856*Input!$C$22,0)</f>
        <v>0</v>
      </c>
      <c r="Q2856" s="75">
        <f>IF(Input!$D$19=4,J2856*Input!$C$19,0)+IF(Input!$D$20=4,K2856*Input!$C$20,0)+IF(Input!$D$21=4,L2856*Input!$C$21,0)+IF(Input!$D$22=4,M2856*Input!$C$22,0)</f>
        <v>0</v>
      </c>
      <c r="R2856" s="58">
        <v>41.377435517026953</v>
      </c>
      <c r="S2856" s="124">
        <f t="shared" si="44"/>
        <v>1.0705952797717089</v>
      </c>
    </row>
    <row r="2857" spans="8:19" x14ac:dyDescent="0.3">
      <c r="H2857" s="44">
        <v>2850</v>
      </c>
      <c r="I2857" s="56">
        <f>Bühler!I2883</f>
        <v>0.21112438384309223</v>
      </c>
      <c r="J2857" s="59">
        <f>Bühler!J2883</f>
        <v>0.70374794614364089</v>
      </c>
      <c r="K2857" s="59">
        <f>Bühler!K2883</f>
        <v>1.0556219192154612</v>
      </c>
      <c r="L2857" s="59">
        <f>Bühler!L2883</f>
        <v>10.987085248568008</v>
      </c>
      <c r="M2857" s="58">
        <f>Bühler!M2883</f>
        <v>0</v>
      </c>
      <c r="N2857" s="56">
        <f>IF(Input!$D$19=1,J2857*Input!$C$19,0)+IF(Input!$D$20=1,K2857*Input!$C$20,0)+IF(Input!$D$21=1,L2857*Input!$C$21,0)+IF(Input!$D$22=1,M2857*Input!$C$22,0)</f>
        <v>0.21112438384309226</v>
      </c>
      <c r="O2857" s="59">
        <f>IF(Input!$D$19=2,J2857*Input!$C$19,0)+IF(Input!$D$20=2,K2857*Input!$C$20,0)+IF(Input!$D$21=2,L2857*Input!$C$21,0)+IF(Input!$D$22=2,M2857*Input!$C$22,0)</f>
        <v>0.52781095960773061</v>
      </c>
      <c r="P2857" s="59">
        <f>IF(Input!$D$19=3,J2857*Input!$C$19,0)+IF(Input!$D$20=3,K2857*Input!$C$20,0)+IF(Input!$D$21=3,L2857*Input!$C$21,0)+IF(Input!$D$22=3,M2857*Input!$C$22,0)</f>
        <v>0</v>
      </c>
      <c r="Q2857" s="75">
        <f>IF(Input!$D$19=4,J2857*Input!$C$19,0)+IF(Input!$D$20=4,K2857*Input!$C$20,0)+IF(Input!$D$21=4,L2857*Input!$C$21,0)+IF(Input!$D$22=4,M2857*Input!$C$22,0)</f>
        <v>0</v>
      </c>
      <c r="R2857" s="58">
        <v>40.888395238486325</v>
      </c>
      <c r="S2857" s="124">
        <f t="shared" si="44"/>
        <v>0.91487232998673318</v>
      </c>
    </row>
    <row r="2858" spans="8:19" x14ac:dyDescent="0.3">
      <c r="H2858" s="44">
        <v>2851</v>
      </c>
      <c r="I2858" s="56">
        <f>Bühler!I2884</f>
        <v>0.1976483593424693</v>
      </c>
      <c r="J2858" s="59">
        <f>Bühler!J2884</f>
        <v>0.65882786447489772</v>
      </c>
      <c r="K2858" s="59">
        <f>Bühler!K2884</f>
        <v>0.98824179671234669</v>
      </c>
      <c r="L2858" s="59">
        <f>Bühler!L2884</f>
        <v>10.285781934829624</v>
      </c>
      <c r="M2858" s="58">
        <f>Bühler!M2884</f>
        <v>0</v>
      </c>
      <c r="N2858" s="56">
        <f>IF(Input!$D$19=1,J2858*Input!$C$19,0)+IF(Input!$D$20=1,K2858*Input!$C$20,0)+IF(Input!$D$21=1,L2858*Input!$C$21,0)+IF(Input!$D$22=1,M2858*Input!$C$22,0)</f>
        <v>0.1976483593424693</v>
      </c>
      <c r="O2858" s="59">
        <f>IF(Input!$D$19=2,J2858*Input!$C$19,0)+IF(Input!$D$20=2,K2858*Input!$C$20,0)+IF(Input!$D$21=2,L2858*Input!$C$21,0)+IF(Input!$D$22=2,M2858*Input!$C$22,0)</f>
        <v>0.49412089835617334</v>
      </c>
      <c r="P2858" s="59">
        <f>IF(Input!$D$19=3,J2858*Input!$C$19,0)+IF(Input!$D$20=3,K2858*Input!$C$20,0)+IF(Input!$D$21=3,L2858*Input!$C$21,0)+IF(Input!$D$22=3,M2858*Input!$C$22,0)</f>
        <v>0</v>
      </c>
      <c r="Q2858" s="75">
        <f>IF(Input!$D$19=4,J2858*Input!$C$19,0)+IF(Input!$D$20=4,K2858*Input!$C$20,0)+IF(Input!$D$21=4,L2858*Input!$C$21,0)+IF(Input!$D$22=4,M2858*Input!$C$22,0)</f>
        <v>0</v>
      </c>
      <c r="R2858" s="58">
        <v>41.097915990091451</v>
      </c>
      <c r="S2858" s="124">
        <f t="shared" si="44"/>
        <v>0.85647622381736699</v>
      </c>
    </row>
    <row r="2859" spans="8:19" x14ac:dyDescent="0.3">
      <c r="H2859" s="44">
        <v>2852</v>
      </c>
      <c r="I2859" s="56">
        <f>Bühler!I2885</f>
        <v>0.1662043021743492</v>
      </c>
      <c r="J2859" s="59">
        <f>Bühler!J2885</f>
        <v>0.55401434058116406</v>
      </c>
      <c r="K2859" s="59">
        <f>Bühler!K2885</f>
        <v>0.83102151087174603</v>
      </c>
      <c r="L2859" s="59">
        <f>Bühler!L2885</f>
        <v>8.6494075361067271</v>
      </c>
      <c r="M2859" s="58">
        <f>Bühler!M2885</f>
        <v>0</v>
      </c>
      <c r="N2859" s="56">
        <f>IF(Input!$D$19=1,J2859*Input!$C$19,0)+IF(Input!$D$20=1,K2859*Input!$C$20,0)+IF(Input!$D$21=1,L2859*Input!$C$21,0)+IF(Input!$D$22=1,M2859*Input!$C$22,0)</f>
        <v>0.1662043021743492</v>
      </c>
      <c r="O2859" s="59">
        <f>IF(Input!$D$19=2,J2859*Input!$C$19,0)+IF(Input!$D$20=2,K2859*Input!$C$20,0)+IF(Input!$D$21=2,L2859*Input!$C$21,0)+IF(Input!$D$22=2,M2859*Input!$C$22,0)</f>
        <v>0.41551075543587301</v>
      </c>
      <c r="P2859" s="59">
        <f>IF(Input!$D$19=3,J2859*Input!$C$19,0)+IF(Input!$D$20=3,K2859*Input!$C$20,0)+IF(Input!$D$21=3,L2859*Input!$C$21,0)+IF(Input!$D$22=3,M2859*Input!$C$22,0)</f>
        <v>0</v>
      </c>
      <c r="Q2859" s="75">
        <f>IF(Input!$D$19=4,J2859*Input!$C$19,0)+IF(Input!$D$20=4,K2859*Input!$C$20,0)+IF(Input!$D$21=4,L2859*Input!$C$21,0)+IF(Input!$D$22=4,M2859*Input!$C$22,0)</f>
        <v>0</v>
      </c>
      <c r="R2859" s="58">
        <v>41.115103335093394</v>
      </c>
      <c r="S2859" s="124">
        <f t="shared" si="44"/>
        <v>0.72021864275551328</v>
      </c>
    </row>
    <row r="2860" spans="8:19" x14ac:dyDescent="0.3">
      <c r="H2860" s="44">
        <v>2853</v>
      </c>
      <c r="I2860" s="56">
        <f>Bühler!I2886</f>
        <v>0.13925225317310336</v>
      </c>
      <c r="J2860" s="59">
        <f>Bühler!J2886</f>
        <v>0.46417417724367793</v>
      </c>
      <c r="K2860" s="59">
        <f>Bühler!K2886</f>
        <v>0.69626126586551684</v>
      </c>
      <c r="L2860" s="59">
        <f>Bühler!L2886</f>
        <v>7.246800908629961</v>
      </c>
      <c r="M2860" s="58">
        <f>Bühler!M2886</f>
        <v>0</v>
      </c>
      <c r="N2860" s="56">
        <f>IF(Input!$D$19=1,J2860*Input!$C$19,0)+IF(Input!$D$20=1,K2860*Input!$C$20,0)+IF(Input!$D$21=1,L2860*Input!$C$21,0)+IF(Input!$D$22=1,M2860*Input!$C$22,0)</f>
        <v>0.13925225317310339</v>
      </c>
      <c r="O2860" s="59">
        <f>IF(Input!$D$19=2,J2860*Input!$C$19,0)+IF(Input!$D$20=2,K2860*Input!$C$20,0)+IF(Input!$D$21=2,L2860*Input!$C$21,0)+IF(Input!$D$22=2,M2860*Input!$C$22,0)</f>
        <v>0.34813063293275842</v>
      </c>
      <c r="P2860" s="59">
        <f>IF(Input!$D$19=3,J2860*Input!$C$19,0)+IF(Input!$D$20=3,K2860*Input!$C$20,0)+IF(Input!$D$21=3,L2860*Input!$C$21,0)+IF(Input!$D$22=3,M2860*Input!$C$22,0)</f>
        <v>0</v>
      </c>
      <c r="Q2860" s="75">
        <f>IF(Input!$D$19=4,J2860*Input!$C$19,0)+IF(Input!$D$20=4,K2860*Input!$C$20,0)+IF(Input!$D$21=4,L2860*Input!$C$21,0)+IF(Input!$D$22=4,M2860*Input!$C$22,0)</f>
        <v>0</v>
      </c>
      <c r="R2860" s="58">
        <v>41.270429593400365</v>
      </c>
      <c r="S2860" s="124">
        <f t="shared" si="44"/>
        <v>0.60342643041678135</v>
      </c>
    </row>
    <row r="2861" spans="8:19" x14ac:dyDescent="0.3">
      <c r="H2861" s="44">
        <v>2854</v>
      </c>
      <c r="I2861" s="56">
        <f>Bühler!I2887</f>
        <v>0.12128422050560618</v>
      </c>
      <c r="J2861" s="59">
        <f>Bühler!J2887</f>
        <v>0.40428073501868733</v>
      </c>
      <c r="K2861" s="59">
        <f>Bühler!K2887</f>
        <v>0.60642110252803094</v>
      </c>
      <c r="L2861" s="59">
        <f>Bühler!L2887</f>
        <v>6.3117298236454511</v>
      </c>
      <c r="M2861" s="58">
        <f>Bühler!M2887</f>
        <v>0</v>
      </c>
      <c r="N2861" s="56">
        <f>IF(Input!$D$19=1,J2861*Input!$C$19,0)+IF(Input!$D$20=1,K2861*Input!$C$20,0)+IF(Input!$D$21=1,L2861*Input!$C$21,0)+IF(Input!$D$22=1,M2861*Input!$C$22,0)</f>
        <v>0.12128422050560619</v>
      </c>
      <c r="O2861" s="59">
        <f>IF(Input!$D$19=2,J2861*Input!$C$19,0)+IF(Input!$D$20=2,K2861*Input!$C$20,0)+IF(Input!$D$21=2,L2861*Input!$C$21,0)+IF(Input!$D$22=2,M2861*Input!$C$22,0)</f>
        <v>0.30321055126401547</v>
      </c>
      <c r="P2861" s="59">
        <f>IF(Input!$D$19=3,J2861*Input!$C$19,0)+IF(Input!$D$20=3,K2861*Input!$C$20,0)+IF(Input!$D$21=3,L2861*Input!$C$21,0)+IF(Input!$D$22=3,M2861*Input!$C$22,0)</f>
        <v>0</v>
      </c>
      <c r="Q2861" s="75">
        <f>IF(Input!$D$19=4,J2861*Input!$C$19,0)+IF(Input!$D$20=4,K2861*Input!$C$20,0)+IF(Input!$D$21=4,L2861*Input!$C$21,0)+IF(Input!$D$22=4,M2861*Input!$C$22,0)</f>
        <v>0</v>
      </c>
      <c r="R2861" s="58">
        <v>42.749338483697734</v>
      </c>
      <c r="S2861" s="124">
        <f t="shared" si="44"/>
        <v>0.5255649555242935</v>
      </c>
    </row>
    <row r="2862" spans="8:19" x14ac:dyDescent="0.3">
      <c r="H2862" s="44">
        <v>2855</v>
      </c>
      <c r="I2862" s="56">
        <f>Bühler!I2888</f>
        <v>0.12128422050560618</v>
      </c>
      <c r="J2862" s="59">
        <f>Bühler!J2888</f>
        <v>0.40428073501868733</v>
      </c>
      <c r="K2862" s="59">
        <f>Bühler!K2888</f>
        <v>0.60642110252803094</v>
      </c>
      <c r="L2862" s="59">
        <f>Bühler!L2888</f>
        <v>6.3117298236454511</v>
      </c>
      <c r="M2862" s="58">
        <f>Bühler!M2888</f>
        <v>0</v>
      </c>
      <c r="N2862" s="56">
        <f>IF(Input!$D$19=1,J2862*Input!$C$19,0)+IF(Input!$D$20=1,K2862*Input!$C$20,0)+IF(Input!$D$21=1,L2862*Input!$C$21,0)+IF(Input!$D$22=1,M2862*Input!$C$22,0)</f>
        <v>0.12128422050560619</v>
      </c>
      <c r="O2862" s="59">
        <f>IF(Input!$D$19=2,J2862*Input!$C$19,0)+IF(Input!$D$20=2,K2862*Input!$C$20,0)+IF(Input!$D$21=2,L2862*Input!$C$21,0)+IF(Input!$D$22=2,M2862*Input!$C$22,0)</f>
        <v>0.30321055126401547</v>
      </c>
      <c r="P2862" s="59">
        <f>IF(Input!$D$19=3,J2862*Input!$C$19,0)+IF(Input!$D$20=3,K2862*Input!$C$20,0)+IF(Input!$D$21=3,L2862*Input!$C$21,0)+IF(Input!$D$22=3,M2862*Input!$C$22,0)</f>
        <v>0</v>
      </c>
      <c r="Q2862" s="75">
        <f>IF(Input!$D$19=4,J2862*Input!$C$19,0)+IF(Input!$D$20=4,K2862*Input!$C$20,0)+IF(Input!$D$21=4,L2862*Input!$C$21,0)+IF(Input!$D$22=4,M2862*Input!$C$22,0)</f>
        <v>0</v>
      </c>
      <c r="R2862" s="58">
        <v>43.422199373602936</v>
      </c>
      <c r="S2862" s="124">
        <f t="shared" si="44"/>
        <v>0.5255649555242935</v>
      </c>
    </row>
    <row r="2863" spans="8:19" x14ac:dyDescent="0.3">
      <c r="H2863" s="44">
        <v>2856</v>
      </c>
      <c r="I2863" s="56">
        <f>Bühler!I2889</f>
        <v>0.12128422050560618</v>
      </c>
      <c r="J2863" s="59">
        <f>Bühler!J2889</f>
        <v>0.40428073501868733</v>
      </c>
      <c r="K2863" s="59">
        <f>Bühler!K2889</f>
        <v>0.60642110252803094</v>
      </c>
      <c r="L2863" s="59">
        <f>Bühler!L2889</f>
        <v>6.3117298236454511</v>
      </c>
      <c r="M2863" s="58">
        <f>Bühler!M2889</f>
        <v>0</v>
      </c>
      <c r="N2863" s="56">
        <f>IF(Input!$D$19=1,J2863*Input!$C$19,0)+IF(Input!$D$20=1,K2863*Input!$C$20,0)+IF(Input!$D$21=1,L2863*Input!$C$21,0)+IF(Input!$D$22=1,M2863*Input!$C$22,0)</f>
        <v>0.12128422050560619</v>
      </c>
      <c r="O2863" s="59">
        <f>IF(Input!$D$19=2,J2863*Input!$C$19,0)+IF(Input!$D$20=2,K2863*Input!$C$20,0)+IF(Input!$D$21=2,L2863*Input!$C$21,0)+IF(Input!$D$22=2,M2863*Input!$C$22,0)</f>
        <v>0.30321055126401547</v>
      </c>
      <c r="P2863" s="59">
        <f>IF(Input!$D$19=3,J2863*Input!$C$19,0)+IF(Input!$D$20=3,K2863*Input!$C$20,0)+IF(Input!$D$21=3,L2863*Input!$C$21,0)+IF(Input!$D$22=3,M2863*Input!$C$22,0)</f>
        <v>0</v>
      </c>
      <c r="Q2863" s="75">
        <f>IF(Input!$D$19=4,J2863*Input!$C$19,0)+IF(Input!$D$20=4,K2863*Input!$C$20,0)+IF(Input!$D$21=4,L2863*Input!$C$21,0)+IF(Input!$D$22=4,M2863*Input!$C$22,0)</f>
        <v>0</v>
      </c>
      <c r="R2863" s="58">
        <v>44.140316931793123</v>
      </c>
      <c r="S2863" s="124">
        <f t="shared" si="44"/>
        <v>0.5255649555242935</v>
      </c>
    </row>
    <row r="2864" spans="8:19" x14ac:dyDescent="0.3">
      <c r="H2864" s="44">
        <v>2857</v>
      </c>
      <c r="I2864" s="56">
        <f>Bühler!I2890</f>
        <v>7.8279681070216253E-2</v>
      </c>
      <c r="J2864" s="59">
        <f>Bühler!J2890</f>
        <v>0.26093227023405419</v>
      </c>
      <c r="K2864" s="59">
        <f>Bühler!K2890</f>
        <v>0.39139840535108128</v>
      </c>
      <c r="L2864" s="59">
        <f>Bühler!L2890</f>
        <v>1.87871234568519</v>
      </c>
      <c r="M2864" s="58">
        <f>Bühler!M2890</f>
        <v>0</v>
      </c>
      <c r="N2864" s="56">
        <f>IF(Input!$D$19=1,J2864*Input!$C$19,0)+IF(Input!$D$20=1,K2864*Input!$C$20,0)+IF(Input!$D$21=1,L2864*Input!$C$21,0)+IF(Input!$D$22=1,M2864*Input!$C$22,0)</f>
        <v>7.8279681070216253E-2</v>
      </c>
      <c r="O2864" s="59">
        <f>IF(Input!$D$19=2,J2864*Input!$C$19,0)+IF(Input!$D$20=2,K2864*Input!$C$20,0)+IF(Input!$D$21=2,L2864*Input!$C$21,0)+IF(Input!$D$22=2,M2864*Input!$C$22,0)</f>
        <v>0.19569920267554064</v>
      </c>
      <c r="P2864" s="59">
        <f>IF(Input!$D$19=3,J2864*Input!$C$19,0)+IF(Input!$D$20=3,K2864*Input!$C$20,0)+IF(Input!$D$21=3,L2864*Input!$C$21,0)+IF(Input!$D$22=3,M2864*Input!$C$22,0)</f>
        <v>0</v>
      </c>
      <c r="Q2864" s="75">
        <f>IF(Input!$D$19=4,J2864*Input!$C$19,0)+IF(Input!$D$20=4,K2864*Input!$C$20,0)+IF(Input!$D$21=4,L2864*Input!$C$21,0)+IF(Input!$D$22=4,M2864*Input!$C$22,0)</f>
        <v>0</v>
      </c>
      <c r="R2864" s="58">
        <v>44.0112818149804</v>
      </c>
      <c r="S2864" s="124">
        <f t="shared" si="44"/>
        <v>0.33921195130427045</v>
      </c>
    </row>
    <row r="2865" spans="8:19" x14ac:dyDescent="0.3">
      <c r="H2865" s="44">
        <v>2858</v>
      </c>
      <c r="I2865" s="56">
        <f>Bühler!I2891</f>
        <v>7.8279681070216253E-2</v>
      </c>
      <c r="J2865" s="59">
        <f>Bühler!J2891</f>
        <v>0.26093227023405419</v>
      </c>
      <c r="K2865" s="59">
        <f>Bühler!K2891</f>
        <v>0.39139840535108128</v>
      </c>
      <c r="L2865" s="59">
        <f>Bühler!L2891</f>
        <v>1.87871234568519</v>
      </c>
      <c r="M2865" s="58">
        <f>Bühler!M2891</f>
        <v>0</v>
      </c>
      <c r="N2865" s="56">
        <f>IF(Input!$D$19=1,J2865*Input!$C$19,0)+IF(Input!$D$20=1,K2865*Input!$C$20,0)+IF(Input!$D$21=1,L2865*Input!$C$21,0)+IF(Input!$D$22=1,M2865*Input!$C$22,0)</f>
        <v>7.8279681070216253E-2</v>
      </c>
      <c r="O2865" s="59">
        <f>IF(Input!$D$19=2,J2865*Input!$C$19,0)+IF(Input!$D$20=2,K2865*Input!$C$20,0)+IF(Input!$D$21=2,L2865*Input!$C$21,0)+IF(Input!$D$22=2,M2865*Input!$C$22,0)</f>
        <v>0.19569920267554064</v>
      </c>
      <c r="P2865" s="59">
        <f>IF(Input!$D$19=3,J2865*Input!$C$19,0)+IF(Input!$D$20=3,K2865*Input!$C$20,0)+IF(Input!$D$21=3,L2865*Input!$C$21,0)+IF(Input!$D$22=3,M2865*Input!$C$22,0)</f>
        <v>0</v>
      </c>
      <c r="Q2865" s="75">
        <f>IF(Input!$D$19=4,J2865*Input!$C$19,0)+IF(Input!$D$20=4,K2865*Input!$C$20,0)+IF(Input!$D$21=4,L2865*Input!$C$21,0)+IF(Input!$D$22=4,M2865*Input!$C$22,0)</f>
        <v>0</v>
      </c>
      <c r="R2865" s="58">
        <v>44.253273860676003</v>
      </c>
      <c r="S2865" s="124">
        <f t="shared" si="44"/>
        <v>0.33921195130427045</v>
      </c>
    </row>
    <row r="2866" spans="8:19" x14ac:dyDescent="0.3">
      <c r="H2866" s="44">
        <v>2859</v>
      </c>
      <c r="I2866" s="56">
        <f>Bühler!I2892</f>
        <v>7.8279681070216253E-2</v>
      </c>
      <c r="J2866" s="59">
        <f>Bühler!J2892</f>
        <v>0.26093227023405419</v>
      </c>
      <c r="K2866" s="59">
        <f>Bühler!K2892</f>
        <v>0.39139840535108128</v>
      </c>
      <c r="L2866" s="59">
        <f>Bühler!L2892</f>
        <v>1.87871234568519</v>
      </c>
      <c r="M2866" s="58">
        <f>Bühler!M2892</f>
        <v>0</v>
      </c>
      <c r="N2866" s="56">
        <f>IF(Input!$D$19=1,J2866*Input!$C$19,0)+IF(Input!$D$20=1,K2866*Input!$C$20,0)+IF(Input!$D$21=1,L2866*Input!$C$21,0)+IF(Input!$D$22=1,M2866*Input!$C$22,0)</f>
        <v>7.8279681070216253E-2</v>
      </c>
      <c r="O2866" s="59">
        <f>IF(Input!$D$19=2,J2866*Input!$C$19,0)+IF(Input!$D$20=2,K2866*Input!$C$20,0)+IF(Input!$D$21=2,L2866*Input!$C$21,0)+IF(Input!$D$22=2,M2866*Input!$C$22,0)</f>
        <v>0.19569920267554064</v>
      </c>
      <c r="P2866" s="59">
        <f>IF(Input!$D$19=3,J2866*Input!$C$19,0)+IF(Input!$D$20=3,K2866*Input!$C$20,0)+IF(Input!$D$21=3,L2866*Input!$C$21,0)+IF(Input!$D$22=3,M2866*Input!$C$22,0)</f>
        <v>0</v>
      </c>
      <c r="Q2866" s="75">
        <f>IF(Input!$D$19=4,J2866*Input!$C$19,0)+IF(Input!$D$20=4,K2866*Input!$C$20,0)+IF(Input!$D$21=4,L2866*Input!$C$21,0)+IF(Input!$D$22=4,M2866*Input!$C$22,0)</f>
        <v>0</v>
      </c>
      <c r="R2866" s="58">
        <v>44.861332577174437</v>
      </c>
      <c r="S2866" s="124">
        <f t="shared" si="44"/>
        <v>0.33921195130427045</v>
      </c>
    </row>
    <row r="2867" spans="8:19" x14ac:dyDescent="0.3">
      <c r="H2867" s="44">
        <v>2860</v>
      </c>
      <c r="I2867" s="56">
        <f>Bühler!I2893</f>
        <v>7.8279681070216253E-2</v>
      </c>
      <c r="J2867" s="59">
        <f>Bühler!J2893</f>
        <v>0.26093227023405419</v>
      </c>
      <c r="K2867" s="59">
        <f>Bühler!K2893</f>
        <v>0.39139840535108128</v>
      </c>
      <c r="L2867" s="59">
        <f>Bühler!L2893</f>
        <v>1.87871234568519</v>
      </c>
      <c r="M2867" s="58">
        <f>Bühler!M2893</f>
        <v>0</v>
      </c>
      <c r="N2867" s="56">
        <f>IF(Input!$D$19=1,J2867*Input!$C$19,0)+IF(Input!$D$20=1,K2867*Input!$C$20,0)+IF(Input!$D$21=1,L2867*Input!$C$21,0)+IF(Input!$D$22=1,M2867*Input!$C$22,0)</f>
        <v>7.8279681070216253E-2</v>
      </c>
      <c r="O2867" s="59">
        <f>IF(Input!$D$19=2,J2867*Input!$C$19,0)+IF(Input!$D$20=2,K2867*Input!$C$20,0)+IF(Input!$D$21=2,L2867*Input!$C$21,0)+IF(Input!$D$22=2,M2867*Input!$C$22,0)</f>
        <v>0.19569920267554064</v>
      </c>
      <c r="P2867" s="59">
        <f>IF(Input!$D$19=3,J2867*Input!$C$19,0)+IF(Input!$D$20=3,K2867*Input!$C$20,0)+IF(Input!$D$21=3,L2867*Input!$C$21,0)+IF(Input!$D$22=3,M2867*Input!$C$22,0)</f>
        <v>0</v>
      </c>
      <c r="Q2867" s="75">
        <f>IF(Input!$D$19=4,J2867*Input!$C$19,0)+IF(Input!$D$20=4,K2867*Input!$C$20,0)+IF(Input!$D$21=4,L2867*Input!$C$21,0)+IF(Input!$D$22=4,M2867*Input!$C$22,0)</f>
        <v>0</v>
      </c>
      <c r="R2867" s="58">
        <v>46.621372263257378</v>
      </c>
      <c r="S2867" s="124">
        <f t="shared" si="44"/>
        <v>0.33921195130427045</v>
      </c>
    </row>
    <row r="2868" spans="8:19" x14ac:dyDescent="0.3">
      <c r="H2868" s="44">
        <v>2861</v>
      </c>
      <c r="I2868" s="56">
        <f>Bühler!I2894</f>
        <v>7.8279681070216253E-2</v>
      </c>
      <c r="J2868" s="59">
        <f>Bühler!J2894</f>
        <v>0.26093227023405419</v>
      </c>
      <c r="K2868" s="59">
        <f>Bühler!K2894</f>
        <v>0.39139840535108128</v>
      </c>
      <c r="L2868" s="59">
        <f>Bühler!L2894</f>
        <v>1.87871234568519</v>
      </c>
      <c r="M2868" s="58">
        <f>Bühler!M2894</f>
        <v>0</v>
      </c>
      <c r="N2868" s="56">
        <f>IF(Input!$D$19=1,J2868*Input!$C$19,0)+IF(Input!$D$20=1,K2868*Input!$C$20,0)+IF(Input!$D$21=1,L2868*Input!$C$21,0)+IF(Input!$D$22=1,M2868*Input!$C$22,0)</f>
        <v>7.8279681070216253E-2</v>
      </c>
      <c r="O2868" s="59">
        <f>IF(Input!$D$19=2,J2868*Input!$C$19,0)+IF(Input!$D$20=2,K2868*Input!$C$20,0)+IF(Input!$D$21=2,L2868*Input!$C$21,0)+IF(Input!$D$22=2,M2868*Input!$C$22,0)</f>
        <v>0.19569920267554064</v>
      </c>
      <c r="P2868" s="59">
        <f>IF(Input!$D$19=3,J2868*Input!$C$19,0)+IF(Input!$D$20=3,K2868*Input!$C$20,0)+IF(Input!$D$21=3,L2868*Input!$C$21,0)+IF(Input!$D$22=3,M2868*Input!$C$22,0)</f>
        <v>0</v>
      </c>
      <c r="Q2868" s="75">
        <f>IF(Input!$D$19=4,J2868*Input!$C$19,0)+IF(Input!$D$20=4,K2868*Input!$C$20,0)+IF(Input!$D$21=4,L2868*Input!$C$21,0)+IF(Input!$D$22=4,M2868*Input!$C$22,0)</f>
        <v>0</v>
      </c>
      <c r="R2868" s="58">
        <v>49.15246715228438</v>
      </c>
      <c r="S2868" s="124">
        <f t="shared" si="44"/>
        <v>0.33921195130427045</v>
      </c>
    </row>
    <row r="2869" spans="8:19" x14ac:dyDescent="0.3">
      <c r="H2869" s="44">
        <v>2862</v>
      </c>
      <c r="I2869" s="56">
        <f>Bühler!I2895</f>
        <v>0.33921195130427045</v>
      </c>
      <c r="J2869" s="59">
        <f>Bühler!J2895</f>
        <v>1.1307065043475681</v>
      </c>
      <c r="K2869" s="59">
        <f>Bühler!K2895</f>
        <v>1.6960597565213522</v>
      </c>
      <c r="L2869" s="59">
        <f>Bühler!L2895</f>
        <v>8.1410868313024896</v>
      </c>
      <c r="M2869" s="58">
        <f>Bühler!M2895</f>
        <v>0</v>
      </c>
      <c r="N2869" s="56">
        <f>IF(Input!$D$19=1,J2869*Input!$C$19,0)+IF(Input!$D$20=1,K2869*Input!$C$20,0)+IF(Input!$D$21=1,L2869*Input!$C$21,0)+IF(Input!$D$22=1,M2869*Input!$C$22,0)</f>
        <v>0.33921195130427045</v>
      </c>
      <c r="O2869" s="59">
        <f>IF(Input!$D$19=2,J2869*Input!$C$19,0)+IF(Input!$D$20=2,K2869*Input!$C$20,0)+IF(Input!$D$21=2,L2869*Input!$C$21,0)+IF(Input!$D$22=2,M2869*Input!$C$22,0)</f>
        <v>0.84802987826067611</v>
      </c>
      <c r="P2869" s="59">
        <f>IF(Input!$D$19=3,J2869*Input!$C$19,0)+IF(Input!$D$20=3,K2869*Input!$C$20,0)+IF(Input!$D$21=3,L2869*Input!$C$21,0)+IF(Input!$D$22=3,M2869*Input!$C$22,0)</f>
        <v>0</v>
      </c>
      <c r="Q2869" s="75">
        <f>IF(Input!$D$19=4,J2869*Input!$C$19,0)+IF(Input!$D$20=4,K2869*Input!$C$20,0)+IF(Input!$D$21=4,L2869*Input!$C$21,0)+IF(Input!$D$22=4,M2869*Input!$C$22,0)</f>
        <v>0</v>
      </c>
      <c r="R2869" s="58">
        <v>54.396969068471165</v>
      </c>
      <c r="S2869" s="124">
        <f t="shared" si="44"/>
        <v>1.4699184556518385</v>
      </c>
    </row>
    <row r="2870" spans="8:19" x14ac:dyDescent="0.3">
      <c r="H2870" s="44">
        <v>2863</v>
      </c>
      <c r="I2870" s="56">
        <f>Bühler!I2896</f>
        <v>0.38487509859522989</v>
      </c>
      <c r="J2870" s="59">
        <f>Bühler!J2896</f>
        <v>1.2829169953174331</v>
      </c>
      <c r="K2870" s="59">
        <f>Bühler!K2896</f>
        <v>1.9243754929761496</v>
      </c>
      <c r="L2870" s="59">
        <f>Bühler!L2896</f>
        <v>9.2370023662855179</v>
      </c>
      <c r="M2870" s="58">
        <f>Bühler!M2896</f>
        <v>0</v>
      </c>
      <c r="N2870" s="56">
        <f>IF(Input!$D$19=1,J2870*Input!$C$19,0)+IF(Input!$D$20=1,K2870*Input!$C$20,0)+IF(Input!$D$21=1,L2870*Input!$C$21,0)+IF(Input!$D$22=1,M2870*Input!$C$22,0)</f>
        <v>0.38487509859522989</v>
      </c>
      <c r="O2870" s="59">
        <f>IF(Input!$D$19=2,J2870*Input!$C$19,0)+IF(Input!$D$20=2,K2870*Input!$C$20,0)+IF(Input!$D$21=2,L2870*Input!$C$21,0)+IF(Input!$D$22=2,M2870*Input!$C$22,0)</f>
        <v>0.96218774648807481</v>
      </c>
      <c r="P2870" s="59">
        <f>IF(Input!$D$19=3,J2870*Input!$C$19,0)+IF(Input!$D$20=3,K2870*Input!$C$20,0)+IF(Input!$D$21=3,L2870*Input!$C$21,0)+IF(Input!$D$22=3,M2870*Input!$C$22,0)</f>
        <v>0</v>
      </c>
      <c r="Q2870" s="75">
        <f>IF(Input!$D$19=4,J2870*Input!$C$19,0)+IF(Input!$D$20=4,K2870*Input!$C$20,0)+IF(Input!$D$21=4,L2870*Input!$C$21,0)+IF(Input!$D$22=4,M2870*Input!$C$22,0)</f>
        <v>0</v>
      </c>
      <c r="R2870" s="58">
        <v>59.638721530398634</v>
      </c>
      <c r="S2870" s="124">
        <f t="shared" si="44"/>
        <v>1.6677920939126629</v>
      </c>
    </row>
    <row r="2871" spans="8:19" x14ac:dyDescent="0.3">
      <c r="H2871" s="44">
        <v>2864</v>
      </c>
      <c r="I2871" s="56">
        <f>Bühler!I2897</f>
        <v>0.38487509859522989</v>
      </c>
      <c r="J2871" s="59">
        <f>Bühler!J2897</f>
        <v>1.2829169953174331</v>
      </c>
      <c r="K2871" s="59">
        <f>Bühler!K2897</f>
        <v>1.9243754929761496</v>
      </c>
      <c r="L2871" s="59">
        <f>Bühler!L2897</f>
        <v>9.2370023662855179</v>
      </c>
      <c r="M2871" s="58">
        <f>Bühler!M2897</f>
        <v>0</v>
      </c>
      <c r="N2871" s="56">
        <f>IF(Input!$D$19=1,J2871*Input!$C$19,0)+IF(Input!$D$20=1,K2871*Input!$C$20,0)+IF(Input!$D$21=1,L2871*Input!$C$21,0)+IF(Input!$D$22=1,M2871*Input!$C$22,0)</f>
        <v>0.38487509859522989</v>
      </c>
      <c r="O2871" s="59">
        <f>IF(Input!$D$19=2,J2871*Input!$C$19,0)+IF(Input!$D$20=2,K2871*Input!$C$20,0)+IF(Input!$D$21=2,L2871*Input!$C$21,0)+IF(Input!$D$22=2,M2871*Input!$C$22,0)</f>
        <v>0.96218774648807481</v>
      </c>
      <c r="P2871" s="59">
        <f>IF(Input!$D$19=3,J2871*Input!$C$19,0)+IF(Input!$D$20=3,K2871*Input!$C$20,0)+IF(Input!$D$21=3,L2871*Input!$C$21,0)+IF(Input!$D$22=3,M2871*Input!$C$22,0)</f>
        <v>0</v>
      </c>
      <c r="Q2871" s="75">
        <f>IF(Input!$D$19=4,J2871*Input!$C$19,0)+IF(Input!$D$20=4,K2871*Input!$C$20,0)+IF(Input!$D$21=4,L2871*Input!$C$21,0)+IF(Input!$D$22=4,M2871*Input!$C$22,0)</f>
        <v>0</v>
      </c>
      <c r="R2871" s="58">
        <v>62.553290226815733</v>
      </c>
      <c r="S2871" s="124">
        <f t="shared" si="44"/>
        <v>1.6677920939126629</v>
      </c>
    </row>
    <row r="2872" spans="8:19" x14ac:dyDescent="0.3">
      <c r="H2872" s="44">
        <v>2865</v>
      </c>
      <c r="I2872" s="56">
        <f>Bühler!I2898</f>
        <v>0.38487509859522989</v>
      </c>
      <c r="J2872" s="59">
        <f>Bühler!J2898</f>
        <v>1.2829169953174331</v>
      </c>
      <c r="K2872" s="59">
        <f>Bühler!K2898</f>
        <v>1.9243754929761496</v>
      </c>
      <c r="L2872" s="59">
        <f>Bühler!L2898</f>
        <v>9.2370023662855179</v>
      </c>
      <c r="M2872" s="58">
        <f>Bühler!M2898</f>
        <v>0</v>
      </c>
      <c r="N2872" s="56">
        <f>IF(Input!$D$19=1,J2872*Input!$C$19,0)+IF(Input!$D$20=1,K2872*Input!$C$20,0)+IF(Input!$D$21=1,L2872*Input!$C$21,0)+IF(Input!$D$22=1,M2872*Input!$C$22,0)</f>
        <v>0.38487509859522989</v>
      </c>
      <c r="O2872" s="59">
        <f>IF(Input!$D$19=2,J2872*Input!$C$19,0)+IF(Input!$D$20=2,K2872*Input!$C$20,0)+IF(Input!$D$21=2,L2872*Input!$C$21,0)+IF(Input!$D$22=2,M2872*Input!$C$22,0)</f>
        <v>0.96218774648807481</v>
      </c>
      <c r="P2872" s="59">
        <f>IF(Input!$D$19=3,J2872*Input!$C$19,0)+IF(Input!$D$20=3,K2872*Input!$C$20,0)+IF(Input!$D$21=3,L2872*Input!$C$21,0)+IF(Input!$D$22=3,M2872*Input!$C$22,0)</f>
        <v>0</v>
      </c>
      <c r="Q2872" s="75">
        <f>IF(Input!$D$19=4,J2872*Input!$C$19,0)+IF(Input!$D$20=4,K2872*Input!$C$20,0)+IF(Input!$D$21=4,L2872*Input!$C$21,0)+IF(Input!$D$22=4,M2872*Input!$C$22,0)</f>
        <v>0</v>
      </c>
      <c r="R2872" s="58">
        <v>63.224101284614761</v>
      </c>
      <c r="S2872" s="124">
        <f t="shared" si="44"/>
        <v>1.6677920939126629</v>
      </c>
    </row>
    <row r="2873" spans="8:19" x14ac:dyDescent="0.3">
      <c r="H2873" s="44">
        <v>2866</v>
      </c>
      <c r="I2873" s="56">
        <f>Bühler!I2899</f>
        <v>0.41096832561863539</v>
      </c>
      <c r="J2873" s="59">
        <f>Bühler!J2899</f>
        <v>1.3698944187287847</v>
      </c>
      <c r="K2873" s="59">
        <f>Bühler!K2899</f>
        <v>2.0548416280931767</v>
      </c>
      <c r="L2873" s="59">
        <f>Bühler!L2899</f>
        <v>9.8632398148472493</v>
      </c>
      <c r="M2873" s="58">
        <f>Bühler!M2899</f>
        <v>0</v>
      </c>
      <c r="N2873" s="56">
        <f>IF(Input!$D$19=1,J2873*Input!$C$19,0)+IF(Input!$D$20=1,K2873*Input!$C$20,0)+IF(Input!$D$21=1,L2873*Input!$C$21,0)+IF(Input!$D$22=1,M2873*Input!$C$22,0)</f>
        <v>0.41096832561863539</v>
      </c>
      <c r="O2873" s="59">
        <f>IF(Input!$D$19=2,J2873*Input!$C$19,0)+IF(Input!$D$20=2,K2873*Input!$C$20,0)+IF(Input!$D$21=2,L2873*Input!$C$21,0)+IF(Input!$D$22=2,M2873*Input!$C$22,0)</f>
        <v>1.0274208140465884</v>
      </c>
      <c r="P2873" s="59">
        <f>IF(Input!$D$19=3,J2873*Input!$C$19,0)+IF(Input!$D$20=3,K2873*Input!$C$20,0)+IF(Input!$D$21=3,L2873*Input!$C$21,0)+IF(Input!$D$22=3,M2873*Input!$C$22,0)</f>
        <v>0</v>
      </c>
      <c r="Q2873" s="75">
        <f>IF(Input!$D$19=4,J2873*Input!$C$19,0)+IF(Input!$D$20=4,K2873*Input!$C$20,0)+IF(Input!$D$21=4,L2873*Input!$C$21,0)+IF(Input!$D$22=4,M2873*Input!$C$22,0)</f>
        <v>0</v>
      </c>
      <c r="R2873" s="58">
        <v>64.417343093418481</v>
      </c>
      <c r="S2873" s="124">
        <f t="shared" si="44"/>
        <v>1.7808627443474201</v>
      </c>
    </row>
    <row r="2874" spans="8:19" x14ac:dyDescent="0.3">
      <c r="H2874" s="44">
        <v>2867</v>
      </c>
      <c r="I2874" s="56">
        <f>Bühler!I2900</f>
        <v>0.41096832561863539</v>
      </c>
      <c r="J2874" s="59">
        <f>Bühler!J2900</f>
        <v>1.3698944187287847</v>
      </c>
      <c r="K2874" s="59">
        <f>Bühler!K2900</f>
        <v>2.0548416280931767</v>
      </c>
      <c r="L2874" s="59">
        <f>Bühler!L2900</f>
        <v>9.8632398148472493</v>
      </c>
      <c r="M2874" s="58">
        <f>Bühler!M2900</f>
        <v>0</v>
      </c>
      <c r="N2874" s="56">
        <f>IF(Input!$D$19=1,J2874*Input!$C$19,0)+IF(Input!$D$20=1,K2874*Input!$C$20,0)+IF(Input!$D$21=1,L2874*Input!$C$21,0)+IF(Input!$D$22=1,M2874*Input!$C$22,0)</f>
        <v>0.41096832561863539</v>
      </c>
      <c r="O2874" s="59">
        <f>IF(Input!$D$19=2,J2874*Input!$C$19,0)+IF(Input!$D$20=2,K2874*Input!$C$20,0)+IF(Input!$D$21=2,L2874*Input!$C$21,0)+IF(Input!$D$22=2,M2874*Input!$C$22,0)</f>
        <v>1.0274208140465884</v>
      </c>
      <c r="P2874" s="59">
        <f>IF(Input!$D$19=3,J2874*Input!$C$19,0)+IF(Input!$D$20=3,K2874*Input!$C$20,0)+IF(Input!$D$21=3,L2874*Input!$C$21,0)+IF(Input!$D$22=3,M2874*Input!$C$22,0)</f>
        <v>0</v>
      </c>
      <c r="Q2874" s="75">
        <f>IF(Input!$D$19=4,J2874*Input!$C$19,0)+IF(Input!$D$20=4,K2874*Input!$C$20,0)+IF(Input!$D$21=4,L2874*Input!$C$21,0)+IF(Input!$D$22=4,M2874*Input!$C$22,0)</f>
        <v>0</v>
      </c>
      <c r="R2874" s="58">
        <v>65.461481848673685</v>
      </c>
      <c r="S2874" s="124">
        <f t="shared" si="44"/>
        <v>1.7808627443474201</v>
      </c>
    </row>
    <row r="2875" spans="8:19" x14ac:dyDescent="0.3">
      <c r="H2875" s="44">
        <v>2868</v>
      </c>
      <c r="I2875" s="56">
        <f>Bühler!I2901</f>
        <v>0.52186454046810848</v>
      </c>
      <c r="J2875" s="59">
        <f>Bühler!J2901</f>
        <v>1.7395484682270284</v>
      </c>
      <c r="K2875" s="59">
        <f>Bühler!K2901</f>
        <v>2.6093227023405423</v>
      </c>
      <c r="L2875" s="59">
        <f>Bühler!L2901</f>
        <v>12.524748971234603</v>
      </c>
      <c r="M2875" s="58">
        <f>Bühler!M2901</f>
        <v>0</v>
      </c>
      <c r="N2875" s="56">
        <f>IF(Input!$D$19=1,J2875*Input!$C$19,0)+IF(Input!$D$20=1,K2875*Input!$C$20,0)+IF(Input!$D$21=1,L2875*Input!$C$21,0)+IF(Input!$D$22=1,M2875*Input!$C$22,0)</f>
        <v>0.52186454046810848</v>
      </c>
      <c r="O2875" s="59">
        <f>IF(Input!$D$19=2,J2875*Input!$C$19,0)+IF(Input!$D$20=2,K2875*Input!$C$20,0)+IF(Input!$D$21=2,L2875*Input!$C$21,0)+IF(Input!$D$22=2,M2875*Input!$C$22,0)</f>
        <v>1.3046613511702712</v>
      </c>
      <c r="P2875" s="59">
        <f>IF(Input!$D$19=3,J2875*Input!$C$19,0)+IF(Input!$D$20=3,K2875*Input!$C$20,0)+IF(Input!$D$21=3,L2875*Input!$C$21,0)+IF(Input!$D$22=3,M2875*Input!$C$22,0)</f>
        <v>0</v>
      </c>
      <c r="Q2875" s="75">
        <f>IF(Input!$D$19=4,J2875*Input!$C$19,0)+IF(Input!$D$20=4,K2875*Input!$C$20,0)+IF(Input!$D$21=4,L2875*Input!$C$21,0)+IF(Input!$D$22=4,M2875*Input!$C$22,0)</f>
        <v>0</v>
      </c>
      <c r="R2875" s="58">
        <v>66.508786026414285</v>
      </c>
      <c r="S2875" s="124">
        <f t="shared" si="44"/>
        <v>2.2614130086951367</v>
      </c>
    </row>
    <row r="2876" spans="8:19" x14ac:dyDescent="0.3">
      <c r="H2876" s="44">
        <v>2869</v>
      </c>
      <c r="I2876" s="56">
        <f>Bühler!I2902</f>
        <v>0.52186454046810848</v>
      </c>
      <c r="J2876" s="59">
        <f>Bühler!J2902</f>
        <v>1.7395484682270284</v>
      </c>
      <c r="K2876" s="59">
        <f>Bühler!K2902</f>
        <v>2.6093227023405423</v>
      </c>
      <c r="L2876" s="59">
        <f>Bühler!L2902</f>
        <v>12.524748971234603</v>
      </c>
      <c r="M2876" s="58">
        <f>Bühler!M2902</f>
        <v>0</v>
      </c>
      <c r="N2876" s="56">
        <f>IF(Input!$D$19=1,J2876*Input!$C$19,0)+IF(Input!$D$20=1,K2876*Input!$C$20,0)+IF(Input!$D$21=1,L2876*Input!$C$21,0)+IF(Input!$D$22=1,M2876*Input!$C$22,0)</f>
        <v>0.52186454046810848</v>
      </c>
      <c r="O2876" s="59">
        <f>IF(Input!$D$19=2,J2876*Input!$C$19,0)+IF(Input!$D$20=2,K2876*Input!$C$20,0)+IF(Input!$D$21=2,L2876*Input!$C$21,0)+IF(Input!$D$22=2,M2876*Input!$C$22,0)</f>
        <v>1.3046613511702712</v>
      </c>
      <c r="P2876" s="59">
        <f>IF(Input!$D$19=3,J2876*Input!$C$19,0)+IF(Input!$D$20=3,K2876*Input!$C$20,0)+IF(Input!$D$21=3,L2876*Input!$C$21,0)+IF(Input!$D$22=3,M2876*Input!$C$22,0)</f>
        <v>0</v>
      </c>
      <c r="Q2876" s="75">
        <f>IF(Input!$D$19=4,J2876*Input!$C$19,0)+IF(Input!$D$20=4,K2876*Input!$C$20,0)+IF(Input!$D$21=4,L2876*Input!$C$21,0)+IF(Input!$D$22=4,M2876*Input!$C$22,0)</f>
        <v>0</v>
      </c>
      <c r="R2876" s="58">
        <v>65.555243279648749</v>
      </c>
      <c r="S2876" s="124">
        <f t="shared" si="44"/>
        <v>2.2614130086951367</v>
      </c>
    </row>
    <row r="2877" spans="8:19" x14ac:dyDescent="0.3">
      <c r="H2877" s="44">
        <v>2870</v>
      </c>
      <c r="I2877" s="56">
        <f>Bühler!I2903</f>
        <v>0.34573525806012184</v>
      </c>
      <c r="J2877" s="59">
        <f>Bühler!J2903</f>
        <v>1.1524508602004062</v>
      </c>
      <c r="K2877" s="59">
        <f>Bühler!K2903</f>
        <v>1.7286762903006092</v>
      </c>
      <c r="L2877" s="59">
        <f>Bühler!L2903</f>
        <v>8.2976461934429242</v>
      </c>
      <c r="M2877" s="58">
        <f>Bühler!M2903</f>
        <v>0</v>
      </c>
      <c r="N2877" s="56">
        <f>IF(Input!$D$19=1,J2877*Input!$C$19,0)+IF(Input!$D$20=1,K2877*Input!$C$20,0)+IF(Input!$D$21=1,L2877*Input!$C$21,0)+IF(Input!$D$22=1,M2877*Input!$C$22,0)</f>
        <v>0.34573525806012184</v>
      </c>
      <c r="O2877" s="59">
        <f>IF(Input!$D$19=2,J2877*Input!$C$19,0)+IF(Input!$D$20=2,K2877*Input!$C$20,0)+IF(Input!$D$21=2,L2877*Input!$C$21,0)+IF(Input!$D$22=2,M2877*Input!$C$22,0)</f>
        <v>0.8643381451503046</v>
      </c>
      <c r="P2877" s="59">
        <f>IF(Input!$D$19=3,J2877*Input!$C$19,0)+IF(Input!$D$20=3,K2877*Input!$C$20,0)+IF(Input!$D$21=3,L2877*Input!$C$21,0)+IF(Input!$D$22=3,M2877*Input!$C$22,0)</f>
        <v>0</v>
      </c>
      <c r="Q2877" s="75">
        <f>IF(Input!$D$19=4,J2877*Input!$C$19,0)+IF(Input!$D$20=4,K2877*Input!$C$20,0)+IF(Input!$D$21=4,L2877*Input!$C$21,0)+IF(Input!$D$22=4,M2877*Input!$C$22,0)</f>
        <v>0</v>
      </c>
      <c r="R2877" s="58">
        <v>65.669404668772813</v>
      </c>
      <c r="S2877" s="124">
        <f t="shared" si="44"/>
        <v>1.4981861182605281</v>
      </c>
    </row>
    <row r="2878" spans="8:19" x14ac:dyDescent="0.3">
      <c r="H2878" s="44">
        <v>2871</v>
      </c>
      <c r="I2878" s="56">
        <f>Bühler!I2904</f>
        <v>0.52186454046810848</v>
      </c>
      <c r="J2878" s="59">
        <f>Bühler!J2904</f>
        <v>1.7395484682270284</v>
      </c>
      <c r="K2878" s="59">
        <f>Bühler!K2904</f>
        <v>2.6093227023405423</v>
      </c>
      <c r="L2878" s="59">
        <f>Bühler!L2904</f>
        <v>12.524748971234603</v>
      </c>
      <c r="M2878" s="58">
        <f>Bühler!M2904</f>
        <v>0</v>
      </c>
      <c r="N2878" s="56">
        <f>IF(Input!$D$19=1,J2878*Input!$C$19,0)+IF(Input!$D$20=1,K2878*Input!$C$20,0)+IF(Input!$D$21=1,L2878*Input!$C$21,0)+IF(Input!$D$22=1,M2878*Input!$C$22,0)</f>
        <v>0.52186454046810848</v>
      </c>
      <c r="O2878" s="59">
        <f>IF(Input!$D$19=2,J2878*Input!$C$19,0)+IF(Input!$D$20=2,K2878*Input!$C$20,0)+IF(Input!$D$21=2,L2878*Input!$C$21,0)+IF(Input!$D$22=2,M2878*Input!$C$22,0)</f>
        <v>1.3046613511702712</v>
      </c>
      <c r="P2878" s="59">
        <f>IF(Input!$D$19=3,J2878*Input!$C$19,0)+IF(Input!$D$20=3,K2878*Input!$C$20,0)+IF(Input!$D$21=3,L2878*Input!$C$21,0)+IF(Input!$D$22=3,M2878*Input!$C$22,0)</f>
        <v>0</v>
      </c>
      <c r="Q2878" s="75">
        <f>IF(Input!$D$19=4,J2878*Input!$C$19,0)+IF(Input!$D$20=4,K2878*Input!$C$20,0)+IF(Input!$D$21=4,L2878*Input!$C$21,0)+IF(Input!$D$22=4,M2878*Input!$C$22,0)</f>
        <v>0</v>
      </c>
      <c r="R2878" s="58">
        <v>65.920438100035824</v>
      </c>
      <c r="S2878" s="124">
        <f t="shared" si="44"/>
        <v>2.2614130086951367</v>
      </c>
    </row>
    <row r="2879" spans="8:19" x14ac:dyDescent="0.3">
      <c r="H2879" s="44">
        <v>2872</v>
      </c>
      <c r="I2879" s="56">
        <f>Bühler!I2905</f>
        <v>0.52186454046810848</v>
      </c>
      <c r="J2879" s="59">
        <f>Bühler!J2905</f>
        <v>1.7395484682270284</v>
      </c>
      <c r="K2879" s="59">
        <f>Bühler!K2905</f>
        <v>2.6093227023405423</v>
      </c>
      <c r="L2879" s="59">
        <f>Bühler!L2905</f>
        <v>12.524748971234603</v>
      </c>
      <c r="M2879" s="58">
        <f>Bühler!M2905</f>
        <v>0</v>
      </c>
      <c r="N2879" s="56">
        <f>IF(Input!$D$19=1,J2879*Input!$C$19,0)+IF(Input!$D$20=1,K2879*Input!$C$20,0)+IF(Input!$D$21=1,L2879*Input!$C$21,0)+IF(Input!$D$22=1,M2879*Input!$C$22,0)</f>
        <v>0.52186454046810848</v>
      </c>
      <c r="O2879" s="59">
        <f>IF(Input!$D$19=2,J2879*Input!$C$19,0)+IF(Input!$D$20=2,K2879*Input!$C$20,0)+IF(Input!$D$21=2,L2879*Input!$C$21,0)+IF(Input!$D$22=2,M2879*Input!$C$22,0)</f>
        <v>1.3046613511702712</v>
      </c>
      <c r="P2879" s="59">
        <f>IF(Input!$D$19=3,J2879*Input!$C$19,0)+IF(Input!$D$20=3,K2879*Input!$C$20,0)+IF(Input!$D$21=3,L2879*Input!$C$21,0)+IF(Input!$D$22=3,M2879*Input!$C$22,0)</f>
        <v>0</v>
      </c>
      <c r="Q2879" s="75">
        <f>IF(Input!$D$19=4,J2879*Input!$C$19,0)+IF(Input!$D$20=4,K2879*Input!$C$20,0)+IF(Input!$D$21=4,L2879*Input!$C$21,0)+IF(Input!$D$22=4,M2879*Input!$C$22,0)</f>
        <v>0</v>
      </c>
      <c r="R2879" s="58">
        <v>65.78082674394183</v>
      </c>
      <c r="S2879" s="124">
        <f t="shared" si="44"/>
        <v>2.2614130086951367</v>
      </c>
    </row>
    <row r="2880" spans="8:19" x14ac:dyDescent="0.3">
      <c r="H2880" s="44">
        <v>2873</v>
      </c>
      <c r="I2880" s="56">
        <f>Bühler!I2906</f>
        <v>0.52186454046810848</v>
      </c>
      <c r="J2880" s="59">
        <f>Bühler!J2906</f>
        <v>1.7395484682270284</v>
      </c>
      <c r="K2880" s="59">
        <f>Bühler!K2906</f>
        <v>2.6093227023405423</v>
      </c>
      <c r="L2880" s="59">
        <f>Bühler!L2906</f>
        <v>12.524748971234603</v>
      </c>
      <c r="M2880" s="58">
        <f>Bühler!M2906</f>
        <v>0</v>
      </c>
      <c r="N2880" s="56">
        <f>IF(Input!$D$19=1,J2880*Input!$C$19,0)+IF(Input!$D$20=1,K2880*Input!$C$20,0)+IF(Input!$D$21=1,L2880*Input!$C$21,0)+IF(Input!$D$22=1,M2880*Input!$C$22,0)</f>
        <v>0.52186454046810848</v>
      </c>
      <c r="O2880" s="59">
        <f>IF(Input!$D$19=2,J2880*Input!$C$19,0)+IF(Input!$D$20=2,K2880*Input!$C$20,0)+IF(Input!$D$21=2,L2880*Input!$C$21,0)+IF(Input!$D$22=2,M2880*Input!$C$22,0)</f>
        <v>1.3046613511702712</v>
      </c>
      <c r="P2880" s="59">
        <f>IF(Input!$D$19=3,J2880*Input!$C$19,0)+IF(Input!$D$20=3,K2880*Input!$C$20,0)+IF(Input!$D$21=3,L2880*Input!$C$21,0)+IF(Input!$D$22=3,M2880*Input!$C$22,0)</f>
        <v>0</v>
      </c>
      <c r="Q2880" s="75">
        <f>IF(Input!$D$19=4,J2880*Input!$C$19,0)+IF(Input!$D$20=4,K2880*Input!$C$20,0)+IF(Input!$D$21=4,L2880*Input!$C$21,0)+IF(Input!$D$22=4,M2880*Input!$C$22,0)</f>
        <v>0</v>
      </c>
      <c r="R2880" s="58">
        <v>64.159173202373353</v>
      </c>
      <c r="S2880" s="124">
        <f t="shared" si="44"/>
        <v>2.2614130086951367</v>
      </c>
    </row>
    <row r="2881" spans="8:19" x14ac:dyDescent="0.3">
      <c r="H2881" s="44">
        <v>2874</v>
      </c>
      <c r="I2881" s="56">
        <f>Bühler!I2907</f>
        <v>0.52186454046810848</v>
      </c>
      <c r="J2881" s="59">
        <f>Bühler!J2907</f>
        <v>1.7395484682270284</v>
      </c>
      <c r="K2881" s="59">
        <f>Bühler!K2907</f>
        <v>2.6093227023405423</v>
      </c>
      <c r="L2881" s="59">
        <f>Bühler!L2907</f>
        <v>12.524748971234603</v>
      </c>
      <c r="M2881" s="58">
        <f>Bühler!M2907</f>
        <v>0</v>
      </c>
      <c r="N2881" s="56">
        <f>IF(Input!$D$19=1,J2881*Input!$C$19,0)+IF(Input!$D$20=1,K2881*Input!$C$20,0)+IF(Input!$D$21=1,L2881*Input!$C$21,0)+IF(Input!$D$22=1,M2881*Input!$C$22,0)</f>
        <v>0.52186454046810848</v>
      </c>
      <c r="O2881" s="59">
        <f>IF(Input!$D$19=2,J2881*Input!$C$19,0)+IF(Input!$D$20=2,K2881*Input!$C$20,0)+IF(Input!$D$21=2,L2881*Input!$C$21,0)+IF(Input!$D$22=2,M2881*Input!$C$22,0)</f>
        <v>1.3046613511702712</v>
      </c>
      <c r="P2881" s="59">
        <f>IF(Input!$D$19=3,J2881*Input!$C$19,0)+IF(Input!$D$20=3,K2881*Input!$C$20,0)+IF(Input!$D$21=3,L2881*Input!$C$21,0)+IF(Input!$D$22=3,M2881*Input!$C$22,0)</f>
        <v>0</v>
      </c>
      <c r="Q2881" s="75">
        <f>IF(Input!$D$19=4,J2881*Input!$C$19,0)+IF(Input!$D$20=4,K2881*Input!$C$20,0)+IF(Input!$D$21=4,L2881*Input!$C$21,0)+IF(Input!$D$22=4,M2881*Input!$C$22,0)</f>
        <v>0</v>
      </c>
      <c r="R2881" s="58">
        <v>63.42738308162717</v>
      </c>
      <c r="S2881" s="124">
        <f t="shared" si="44"/>
        <v>2.2614130086951367</v>
      </c>
    </row>
    <row r="2882" spans="8:19" x14ac:dyDescent="0.3">
      <c r="H2882" s="44">
        <v>2875</v>
      </c>
      <c r="I2882" s="56">
        <f>Bühler!I2908</f>
        <v>0.52186454046810848</v>
      </c>
      <c r="J2882" s="59">
        <f>Bühler!J2908</f>
        <v>1.7395484682270284</v>
      </c>
      <c r="K2882" s="59">
        <f>Bühler!K2908</f>
        <v>2.6093227023405423</v>
      </c>
      <c r="L2882" s="59">
        <f>Bühler!L2908</f>
        <v>12.524748971234603</v>
      </c>
      <c r="M2882" s="58">
        <f>Bühler!M2908</f>
        <v>0</v>
      </c>
      <c r="N2882" s="56">
        <f>IF(Input!$D$19=1,J2882*Input!$C$19,0)+IF(Input!$D$20=1,K2882*Input!$C$20,0)+IF(Input!$D$21=1,L2882*Input!$C$21,0)+IF(Input!$D$22=1,M2882*Input!$C$22,0)</f>
        <v>0.52186454046810848</v>
      </c>
      <c r="O2882" s="59">
        <f>IF(Input!$D$19=2,J2882*Input!$C$19,0)+IF(Input!$D$20=2,K2882*Input!$C$20,0)+IF(Input!$D$21=2,L2882*Input!$C$21,0)+IF(Input!$D$22=2,M2882*Input!$C$22,0)</f>
        <v>1.3046613511702712</v>
      </c>
      <c r="P2882" s="59">
        <f>IF(Input!$D$19=3,J2882*Input!$C$19,0)+IF(Input!$D$20=3,K2882*Input!$C$20,0)+IF(Input!$D$21=3,L2882*Input!$C$21,0)+IF(Input!$D$22=3,M2882*Input!$C$22,0)</f>
        <v>0</v>
      </c>
      <c r="Q2882" s="75">
        <f>IF(Input!$D$19=4,J2882*Input!$C$19,0)+IF(Input!$D$20=4,K2882*Input!$C$20,0)+IF(Input!$D$21=4,L2882*Input!$C$21,0)+IF(Input!$D$22=4,M2882*Input!$C$22,0)</f>
        <v>0</v>
      </c>
      <c r="R2882" s="58">
        <v>62.637424409769935</v>
      </c>
      <c r="S2882" s="124">
        <f t="shared" si="44"/>
        <v>2.2614130086951367</v>
      </c>
    </row>
    <row r="2883" spans="8:19" x14ac:dyDescent="0.3">
      <c r="H2883" s="44">
        <v>2876</v>
      </c>
      <c r="I2883" s="56">
        <f>Bühler!I2909</f>
        <v>0.43706155264204077</v>
      </c>
      <c r="J2883" s="59">
        <f>Bühler!J2909</f>
        <v>1.4568718421401361</v>
      </c>
      <c r="K2883" s="59">
        <f>Bühler!K2909</f>
        <v>2.1853077632102038</v>
      </c>
      <c r="L2883" s="59">
        <f>Bühler!L2909</f>
        <v>10.489477263408979</v>
      </c>
      <c r="M2883" s="58">
        <f>Bühler!M2909</f>
        <v>0</v>
      </c>
      <c r="N2883" s="56">
        <f>IF(Input!$D$19=1,J2883*Input!$C$19,0)+IF(Input!$D$20=1,K2883*Input!$C$20,0)+IF(Input!$D$21=1,L2883*Input!$C$21,0)+IF(Input!$D$22=1,M2883*Input!$C$22,0)</f>
        <v>0.43706155264204083</v>
      </c>
      <c r="O2883" s="59">
        <f>IF(Input!$D$19=2,J2883*Input!$C$19,0)+IF(Input!$D$20=2,K2883*Input!$C$20,0)+IF(Input!$D$21=2,L2883*Input!$C$21,0)+IF(Input!$D$22=2,M2883*Input!$C$22,0)</f>
        <v>1.0926538816051019</v>
      </c>
      <c r="P2883" s="59">
        <f>IF(Input!$D$19=3,J2883*Input!$C$19,0)+IF(Input!$D$20=3,K2883*Input!$C$20,0)+IF(Input!$D$21=3,L2883*Input!$C$21,0)+IF(Input!$D$22=3,M2883*Input!$C$22,0)</f>
        <v>0</v>
      </c>
      <c r="Q2883" s="75">
        <f>IF(Input!$D$19=4,J2883*Input!$C$19,0)+IF(Input!$D$20=4,K2883*Input!$C$20,0)+IF(Input!$D$21=4,L2883*Input!$C$21,0)+IF(Input!$D$22=4,M2883*Input!$C$22,0)</f>
        <v>0</v>
      </c>
      <c r="R2883" s="58">
        <v>61.55013630621179</v>
      </c>
      <c r="S2883" s="124">
        <f t="shared" si="44"/>
        <v>1.8939333947821768</v>
      </c>
    </row>
    <row r="2884" spans="8:19" x14ac:dyDescent="0.3">
      <c r="H2884" s="44">
        <v>2877</v>
      </c>
      <c r="I2884" s="56">
        <f>Bühler!I2910</f>
        <v>0.35878187157182456</v>
      </c>
      <c r="J2884" s="59">
        <f>Bühler!J2910</f>
        <v>1.1959395719060819</v>
      </c>
      <c r="K2884" s="59">
        <f>Bühler!K2910</f>
        <v>1.7939093578591228</v>
      </c>
      <c r="L2884" s="59">
        <f>Bühler!L2910</f>
        <v>8.6107649177237899</v>
      </c>
      <c r="M2884" s="58">
        <f>Bühler!M2910</f>
        <v>0</v>
      </c>
      <c r="N2884" s="56">
        <f>IF(Input!$D$19=1,J2884*Input!$C$19,0)+IF(Input!$D$20=1,K2884*Input!$C$20,0)+IF(Input!$D$21=1,L2884*Input!$C$21,0)+IF(Input!$D$22=1,M2884*Input!$C$22,0)</f>
        <v>0.35878187157182456</v>
      </c>
      <c r="O2884" s="59">
        <f>IF(Input!$D$19=2,J2884*Input!$C$19,0)+IF(Input!$D$20=2,K2884*Input!$C$20,0)+IF(Input!$D$21=2,L2884*Input!$C$21,0)+IF(Input!$D$22=2,M2884*Input!$C$22,0)</f>
        <v>0.89695467892956138</v>
      </c>
      <c r="P2884" s="59">
        <f>IF(Input!$D$19=3,J2884*Input!$C$19,0)+IF(Input!$D$20=3,K2884*Input!$C$20,0)+IF(Input!$D$21=3,L2884*Input!$C$21,0)+IF(Input!$D$22=3,M2884*Input!$C$22,0)</f>
        <v>0</v>
      </c>
      <c r="Q2884" s="75">
        <f>IF(Input!$D$19=4,J2884*Input!$C$19,0)+IF(Input!$D$20=4,K2884*Input!$C$20,0)+IF(Input!$D$21=4,L2884*Input!$C$21,0)+IF(Input!$D$22=4,M2884*Input!$C$22,0)</f>
        <v>0</v>
      </c>
      <c r="R2884" s="58">
        <v>59.697959324618161</v>
      </c>
      <c r="S2884" s="124">
        <f t="shared" si="44"/>
        <v>1.5547214434779064</v>
      </c>
    </row>
    <row r="2885" spans="8:19" x14ac:dyDescent="0.3">
      <c r="H2885" s="44">
        <v>2878</v>
      </c>
      <c r="I2885" s="56">
        <f>Bühler!I2911</f>
        <v>0.26093227023405424</v>
      </c>
      <c r="J2885" s="59">
        <f>Bühler!J2911</f>
        <v>0.86977423411351418</v>
      </c>
      <c r="K2885" s="59">
        <f>Bühler!K2911</f>
        <v>1.3046613511702712</v>
      </c>
      <c r="L2885" s="59">
        <f>Bühler!L2911</f>
        <v>6.2623744856173014</v>
      </c>
      <c r="M2885" s="58">
        <f>Bühler!M2911</f>
        <v>0</v>
      </c>
      <c r="N2885" s="56">
        <f>IF(Input!$D$19=1,J2885*Input!$C$19,0)+IF(Input!$D$20=1,K2885*Input!$C$20,0)+IF(Input!$D$21=1,L2885*Input!$C$21,0)+IF(Input!$D$22=1,M2885*Input!$C$22,0)</f>
        <v>0.26093227023405424</v>
      </c>
      <c r="O2885" s="59">
        <f>IF(Input!$D$19=2,J2885*Input!$C$19,0)+IF(Input!$D$20=2,K2885*Input!$C$20,0)+IF(Input!$D$21=2,L2885*Input!$C$21,0)+IF(Input!$D$22=2,M2885*Input!$C$22,0)</f>
        <v>0.65233067558513558</v>
      </c>
      <c r="P2885" s="59">
        <f>IF(Input!$D$19=3,J2885*Input!$C$19,0)+IF(Input!$D$20=3,K2885*Input!$C$20,0)+IF(Input!$D$21=3,L2885*Input!$C$21,0)+IF(Input!$D$22=3,M2885*Input!$C$22,0)</f>
        <v>0</v>
      </c>
      <c r="Q2885" s="75">
        <f>IF(Input!$D$19=4,J2885*Input!$C$19,0)+IF(Input!$D$20=4,K2885*Input!$C$20,0)+IF(Input!$D$21=4,L2885*Input!$C$21,0)+IF(Input!$D$22=4,M2885*Input!$C$22,0)</f>
        <v>0</v>
      </c>
      <c r="R2885" s="58">
        <v>58.388262123118395</v>
      </c>
      <c r="S2885" s="124">
        <f t="shared" si="44"/>
        <v>1.1307065043475684</v>
      </c>
    </row>
    <row r="2886" spans="8:19" x14ac:dyDescent="0.3">
      <c r="H2886" s="44">
        <v>2879</v>
      </c>
      <c r="I2886" s="56">
        <f>Bühler!I2912</f>
        <v>0.24788565672235147</v>
      </c>
      <c r="J2886" s="59">
        <f>Bühler!J2912</f>
        <v>0.82628552240783826</v>
      </c>
      <c r="K2886" s="59">
        <f>Bühler!K2912</f>
        <v>1.2394282836117574</v>
      </c>
      <c r="L2886" s="59">
        <f>Bühler!L2912</f>
        <v>5.9492557613364356</v>
      </c>
      <c r="M2886" s="58">
        <f>Bühler!M2912</f>
        <v>0</v>
      </c>
      <c r="N2886" s="56">
        <f>IF(Input!$D$19=1,J2886*Input!$C$19,0)+IF(Input!$D$20=1,K2886*Input!$C$20,0)+IF(Input!$D$21=1,L2886*Input!$C$21,0)+IF(Input!$D$22=1,M2886*Input!$C$22,0)</f>
        <v>0.24788565672235147</v>
      </c>
      <c r="O2886" s="59">
        <f>IF(Input!$D$19=2,J2886*Input!$C$19,0)+IF(Input!$D$20=2,K2886*Input!$C$20,0)+IF(Input!$D$21=2,L2886*Input!$C$21,0)+IF(Input!$D$22=2,M2886*Input!$C$22,0)</f>
        <v>0.61971414180587869</v>
      </c>
      <c r="P2886" s="59">
        <f>IF(Input!$D$19=3,J2886*Input!$C$19,0)+IF(Input!$D$20=3,K2886*Input!$C$20,0)+IF(Input!$D$21=3,L2886*Input!$C$21,0)+IF(Input!$D$22=3,M2886*Input!$C$22,0)</f>
        <v>0</v>
      </c>
      <c r="Q2886" s="75">
        <f>IF(Input!$D$19=4,J2886*Input!$C$19,0)+IF(Input!$D$20=4,K2886*Input!$C$20,0)+IF(Input!$D$21=4,L2886*Input!$C$21,0)+IF(Input!$D$22=4,M2886*Input!$C$22,0)</f>
        <v>0</v>
      </c>
      <c r="R2886" s="58">
        <v>57.656994375145004</v>
      </c>
      <c r="S2886" s="124">
        <f t="shared" si="44"/>
        <v>1.0741711791301898</v>
      </c>
    </row>
    <row r="2887" spans="8:19" x14ac:dyDescent="0.3">
      <c r="H2887" s="44">
        <v>2880</v>
      </c>
      <c r="I2887" s="56">
        <f>Bühler!I2913</f>
        <v>0.24788565672235147</v>
      </c>
      <c r="J2887" s="59">
        <f>Bühler!J2913</f>
        <v>0.82628552240783826</v>
      </c>
      <c r="K2887" s="59">
        <f>Bühler!K2913</f>
        <v>1.2394282836117574</v>
      </c>
      <c r="L2887" s="59">
        <f>Bühler!L2913</f>
        <v>5.9492557613364356</v>
      </c>
      <c r="M2887" s="58">
        <f>Bühler!M2913</f>
        <v>0</v>
      </c>
      <c r="N2887" s="56">
        <f>IF(Input!$D$19=1,J2887*Input!$C$19,0)+IF(Input!$D$20=1,K2887*Input!$C$20,0)+IF(Input!$D$21=1,L2887*Input!$C$21,0)+IF(Input!$D$22=1,M2887*Input!$C$22,0)</f>
        <v>0.24788565672235147</v>
      </c>
      <c r="O2887" s="59">
        <f>IF(Input!$D$19=2,J2887*Input!$C$19,0)+IF(Input!$D$20=2,K2887*Input!$C$20,0)+IF(Input!$D$21=2,L2887*Input!$C$21,0)+IF(Input!$D$22=2,M2887*Input!$C$22,0)</f>
        <v>0.61971414180587869</v>
      </c>
      <c r="P2887" s="59">
        <f>IF(Input!$D$19=3,J2887*Input!$C$19,0)+IF(Input!$D$20=3,K2887*Input!$C$20,0)+IF(Input!$D$21=3,L2887*Input!$C$21,0)+IF(Input!$D$22=3,M2887*Input!$C$22,0)</f>
        <v>0</v>
      </c>
      <c r="Q2887" s="75">
        <f>IF(Input!$D$19=4,J2887*Input!$C$19,0)+IF(Input!$D$20=4,K2887*Input!$C$20,0)+IF(Input!$D$21=4,L2887*Input!$C$21,0)+IF(Input!$D$22=4,M2887*Input!$C$22,0)</f>
        <v>0</v>
      </c>
      <c r="R2887" s="58">
        <v>57.411038215803366</v>
      </c>
      <c r="S2887" s="124">
        <f t="shared" si="44"/>
        <v>1.0741711791301898</v>
      </c>
    </row>
    <row r="2888" spans="8:19" x14ac:dyDescent="0.3">
      <c r="H2888" s="44">
        <v>2881</v>
      </c>
      <c r="I2888" s="56">
        <f>Bühler!I2914</f>
        <v>0.22566409885733713</v>
      </c>
      <c r="J2888" s="59">
        <f>Bühler!J2914</f>
        <v>0.75221366285779045</v>
      </c>
      <c r="K2888" s="59">
        <f>Bühler!K2914</f>
        <v>1.1283204942866856</v>
      </c>
      <c r="L2888" s="59">
        <f>Bühler!L2914</f>
        <v>5.4159383725760906</v>
      </c>
      <c r="M2888" s="58">
        <f>Bühler!M2914</f>
        <v>0</v>
      </c>
      <c r="N2888" s="56">
        <f>IF(Input!$D$19=1,J2888*Input!$C$19,0)+IF(Input!$D$20=1,K2888*Input!$C$20,0)+IF(Input!$D$21=1,L2888*Input!$C$21,0)+IF(Input!$D$22=1,M2888*Input!$C$22,0)</f>
        <v>0.22566409885733713</v>
      </c>
      <c r="O2888" s="59">
        <f>IF(Input!$D$19=2,J2888*Input!$C$19,0)+IF(Input!$D$20=2,K2888*Input!$C$20,0)+IF(Input!$D$21=2,L2888*Input!$C$21,0)+IF(Input!$D$22=2,M2888*Input!$C$22,0)</f>
        <v>0.56416024714334279</v>
      </c>
      <c r="P2888" s="59">
        <f>IF(Input!$D$19=3,J2888*Input!$C$19,0)+IF(Input!$D$20=3,K2888*Input!$C$20,0)+IF(Input!$D$21=3,L2888*Input!$C$21,0)+IF(Input!$D$22=3,M2888*Input!$C$22,0)</f>
        <v>0</v>
      </c>
      <c r="Q2888" s="75">
        <f>IF(Input!$D$19=4,J2888*Input!$C$19,0)+IF(Input!$D$20=4,K2888*Input!$C$20,0)+IF(Input!$D$21=4,L2888*Input!$C$21,0)+IF(Input!$D$22=4,M2888*Input!$C$22,0)</f>
        <v>0</v>
      </c>
      <c r="R2888" s="58">
        <v>56.78999594786805</v>
      </c>
      <c r="S2888" s="124">
        <f t="shared" si="44"/>
        <v>0.97787776171512752</v>
      </c>
    </row>
    <row r="2889" spans="8:19" x14ac:dyDescent="0.3">
      <c r="H2889" s="44">
        <v>2882</v>
      </c>
      <c r="I2889" s="56">
        <f>Bühler!I2915</f>
        <v>0.22566409885733713</v>
      </c>
      <c r="J2889" s="59">
        <f>Bühler!J2915</f>
        <v>0.75221366285779045</v>
      </c>
      <c r="K2889" s="59">
        <f>Bühler!K2915</f>
        <v>1.1283204942866856</v>
      </c>
      <c r="L2889" s="59">
        <f>Bühler!L2915</f>
        <v>5.4159383725760906</v>
      </c>
      <c r="M2889" s="58">
        <f>Bühler!M2915</f>
        <v>0</v>
      </c>
      <c r="N2889" s="56">
        <f>IF(Input!$D$19=1,J2889*Input!$C$19,0)+IF(Input!$D$20=1,K2889*Input!$C$20,0)+IF(Input!$D$21=1,L2889*Input!$C$21,0)+IF(Input!$D$22=1,M2889*Input!$C$22,0)</f>
        <v>0.22566409885733713</v>
      </c>
      <c r="O2889" s="59">
        <f>IF(Input!$D$19=2,J2889*Input!$C$19,0)+IF(Input!$D$20=2,K2889*Input!$C$20,0)+IF(Input!$D$21=2,L2889*Input!$C$21,0)+IF(Input!$D$22=2,M2889*Input!$C$22,0)</f>
        <v>0.56416024714334279</v>
      </c>
      <c r="P2889" s="59">
        <f>IF(Input!$D$19=3,J2889*Input!$C$19,0)+IF(Input!$D$20=3,K2889*Input!$C$20,0)+IF(Input!$D$21=3,L2889*Input!$C$21,0)+IF(Input!$D$22=3,M2889*Input!$C$22,0)</f>
        <v>0</v>
      </c>
      <c r="Q2889" s="75">
        <f>IF(Input!$D$19=4,J2889*Input!$C$19,0)+IF(Input!$D$20=4,K2889*Input!$C$20,0)+IF(Input!$D$21=4,L2889*Input!$C$21,0)+IF(Input!$D$22=4,M2889*Input!$C$22,0)</f>
        <v>0</v>
      </c>
      <c r="R2889" s="58">
        <v>56.138619381414898</v>
      </c>
      <c r="S2889" s="124">
        <f t="shared" ref="S2889:S2952" si="45">I2889+J2889</f>
        <v>0.97787776171512752</v>
      </c>
    </row>
    <row r="2890" spans="8:19" x14ac:dyDescent="0.3">
      <c r="H2890" s="44">
        <v>2883</v>
      </c>
      <c r="I2890" s="56">
        <f>Bühler!I2916</f>
        <v>0.22566409885733713</v>
      </c>
      <c r="J2890" s="59">
        <f>Bühler!J2916</f>
        <v>0.75221366285779045</v>
      </c>
      <c r="K2890" s="59">
        <f>Bühler!K2916</f>
        <v>1.1283204942866856</v>
      </c>
      <c r="L2890" s="59">
        <f>Bühler!L2916</f>
        <v>5.4159383725760906</v>
      </c>
      <c r="M2890" s="58">
        <f>Bühler!M2916</f>
        <v>0</v>
      </c>
      <c r="N2890" s="56">
        <f>IF(Input!$D$19=1,J2890*Input!$C$19,0)+IF(Input!$D$20=1,K2890*Input!$C$20,0)+IF(Input!$D$21=1,L2890*Input!$C$21,0)+IF(Input!$D$22=1,M2890*Input!$C$22,0)</f>
        <v>0.22566409885733713</v>
      </c>
      <c r="O2890" s="59">
        <f>IF(Input!$D$19=2,J2890*Input!$C$19,0)+IF(Input!$D$20=2,K2890*Input!$C$20,0)+IF(Input!$D$21=2,L2890*Input!$C$21,0)+IF(Input!$D$22=2,M2890*Input!$C$22,0)</f>
        <v>0.56416024714334279</v>
      </c>
      <c r="P2890" s="59">
        <f>IF(Input!$D$19=3,J2890*Input!$C$19,0)+IF(Input!$D$20=3,K2890*Input!$C$20,0)+IF(Input!$D$21=3,L2890*Input!$C$21,0)+IF(Input!$D$22=3,M2890*Input!$C$22,0)</f>
        <v>0</v>
      </c>
      <c r="Q2890" s="75">
        <f>IF(Input!$D$19=4,J2890*Input!$C$19,0)+IF(Input!$D$20=4,K2890*Input!$C$20,0)+IF(Input!$D$21=4,L2890*Input!$C$21,0)+IF(Input!$D$22=4,M2890*Input!$C$22,0)</f>
        <v>0</v>
      </c>
      <c r="R2890" s="58">
        <v>56.349923787042641</v>
      </c>
      <c r="S2890" s="124">
        <f t="shared" si="45"/>
        <v>0.97787776171512752</v>
      </c>
    </row>
    <row r="2891" spans="8:19" x14ac:dyDescent="0.3">
      <c r="H2891" s="44">
        <v>2884</v>
      </c>
      <c r="I2891" s="56">
        <f>Bühler!I2917</f>
        <v>0.22566409885733713</v>
      </c>
      <c r="J2891" s="59">
        <f>Bühler!J2917</f>
        <v>0.75221366285779045</v>
      </c>
      <c r="K2891" s="59">
        <f>Bühler!K2917</f>
        <v>1.1283204942866856</v>
      </c>
      <c r="L2891" s="59">
        <f>Bühler!L2917</f>
        <v>5.4159383725760906</v>
      </c>
      <c r="M2891" s="58">
        <f>Bühler!M2917</f>
        <v>0</v>
      </c>
      <c r="N2891" s="56">
        <f>IF(Input!$D$19=1,J2891*Input!$C$19,0)+IF(Input!$D$20=1,K2891*Input!$C$20,0)+IF(Input!$D$21=1,L2891*Input!$C$21,0)+IF(Input!$D$22=1,M2891*Input!$C$22,0)</f>
        <v>0.22566409885733713</v>
      </c>
      <c r="O2891" s="59">
        <f>IF(Input!$D$19=2,J2891*Input!$C$19,0)+IF(Input!$D$20=2,K2891*Input!$C$20,0)+IF(Input!$D$21=2,L2891*Input!$C$21,0)+IF(Input!$D$22=2,M2891*Input!$C$22,0)</f>
        <v>0.56416024714334279</v>
      </c>
      <c r="P2891" s="59">
        <f>IF(Input!$D$19=3,J2891*Input!$C$19,0)+IF(Input!$D$20=3,K2891*Input!$C$20,0)+IF(Input!$D$21=3,L2891*Input!$C$21,0)+IF(Input!$D$22=3,M2891*Input!$C$22,0)</f>
        <v>0</v>
      </c>
      <c r="Q2891" s="75">
        <f>IF(Input!$D$19=4,J2891*Input!$C$19,0)+IF(Input!$D$20=4,K2891*Input!$C$20,0)+IF(Input!$D$21=4,L2891*Input!$C$21,0)+IF(Input!$D$22=4,M2891*Input!$C$22,0)</f>
        <v>0</v>
      </c>
      <c r="R2891" s="58">
        <v>56.88302725732219</v>
      </c>
      <c r="S2891" s="124">
        <f t="shared" si="45"/>
        <v>0.97787776171512752</v>
      </c>
    </row>
    <row r="2892" spans="8:19" x14ac:dyDescent="0.3">
      <c r="H2892" s="44">
        <v>2885</v>
      </c>
      <c r="I2892" s="56">
        <f>Bühler!I2918</f>
        <v>0.22566409885733713</v>
      </c>
      <c r="J2892" s="59">
        <f>Bühler!J2918</f>
        <v>0.75221366285779045</v>
      </c>
      <c r="K2892" s="59">
        <f>Bühler!K2918</f>
        <v>1.1283204942866856</v>
      </c>
      <c r="L2892" s="59">
        <f>Bühler!L2918</f>
        <v>5.4159383725760906</v>
      </c>
      <c r="M2892" s="58">
        <f>Bühler!M2918</f>
        <v>0</v>
      </c>
      <c r="N2892" s="56">
        <f>IF(Input!$D$19=1,J2892*Input!$C$19,0)+IF(Input!$D$20=1,K2892*Input!$C$20,0)+IF(Input!$D$21=1,L2892*Input!$C$21,0)+IF(Input!$D$22=1,M2892*Input!$C$22,0)</f>
        <v>0.22566409885733713</v>
      </c>
      <c r="O2892" s="59">
        <f>IF(Input!$D$19=2,J2892*Input!$C$19,0)+IF(Input!$D$20=2,K2892*Input!$C$20,0)+IF(Input!$D$21=2,L2892*Input!$C$21,0)+IF(Input!$D$22=2,M2892*Input!$C$22,0)</f>
        <v>0.56416024714334279</v>
      </c>
      <c r="P2892" s="59">
        <f>IF(Input!$D$19=3,J2892*Input!$C$19,0)+IF(Input!$D$20=3,K2892*Input!$C$20,0)+IF(Input!$D$21=3,L2892*Input!$C$21,0)+IF(Input!$D$22=3,M2892*Input!$C$22,0)</f>
        <v>0</v>
      </c>
      <c r="Q2892" s="75">
        <f>IF(Input!$D$19=4,J2892*Input!$C$19,0)+IF(Input!$D$20=4,K2892*Input!$C$20,0)+IF(Input!$D$21=4,L2892*Input!$C$21,0)+IF(Input!$D$22=4,M2892*Input!$C$22,0)</f>
        <v>0</v>
      </c>
      <c r="R2892" s="58">
        <v>58.553678807947684</v>
      </c>
      <c r="S2892" s="124">
        <f t="shared" si="45"/>
        <v>0.97787776171512752</v>
      </c>
    </row>
    <row r="2893" spans="8:19" x14ac:dyDescent="0.3">
      <c r="H2893" s="44">
        <v>2886</v>
      </c>
      <c r="I2893" s="56">
        <f>Bühler!I2919</f>
        <v>0.29336332851453822</v>
      </c>
      <c r="J2893" s="59">
        <f>Bühler!J2919</f>
        <v>0.97787776171512741</v>
      </c>
      <c r="K2893" s="59">
        <f>Bühler!K2919</f>
        <v>1.466816642572691</v>
      </c>
      <c r="L2893" s="59">
        <f>Bühler!L2919</f>
        <v>7.0407198843489169</v>
      </c>
      <c r="M2893" s="58">
        <f>Bühler!M2919</f>
        <v>0</v>
      </c>
      <c r="N2893" s="56">
        <f>IF(Input!$D$19=1,J2893*Input!$C$19,0)+IF(Input!$D$20=1,K2893*Input!$C$20,0)+IF(Input!$D$21=1,L2893*Input!$C$21,0)+IF(Input!$D$22=1,M2893*Input!$C$22,0)</f>
        <v>0.29336332851453822</v>
      </c>
      <c r="O2893" s="59">
        <f>IF(Input!$D$19=2,J2893*Input!$C$19,0)+IF(Input!$D$20=2,K2893*Input!$C$20,0)+IF(Input!$D$21=2,L2893*Input!$C$21,0)+IF(Input!$D$22=2,M2893*Input!$C$22,0)</f>
        <v>0.73340832128634548</v>
      </c>
      <c r="P2893" s="59">
        <f>IF(Input!$D$19=3,J2893*Input!$C$19,0)+IF(Input!$D$20=3,K2893*Input!$C$20,0)+IF(Input!$D$21=3,L2893*Input!$C$21,0)+IF(Input!$D$22=3,M2893*Input!$C$22,0)</f>
        <v>0</v>
      </c>
      <c r="Q2893" s="75">
        <f>IF(Input!$D$19=4,J2893*Input!$C$19,0)+IF(Input!$D$20=4,K2893*Input!$C$20,0)+IF(Input!$D$21=4,L2893*Input!$C$21,0)+IF(Input!$D$22=4,M2893*Input!$C$22,0)</f>
        <v>0</v>
      </c>
      <c r="R2893" s="58">
        <v>62.229983512709275</v>
      </c>
      <c r="S2893" s="124">
        <f t="shared" si="45"/>
        <v>1.2712410902296656</v>
      </c>
    </row>
    <row r="2894" spans="8:19" x14ac:dyDescent="0.3">
      <c r="H2894" s="44">
        <v>2887</v>
      </c>
      <c r="I2894" s="56">
        <f>Bühler!I2920</f>
        <v>0.32721294334313877</v>
      </c>
      <c r="J2894" s="59">
        <f>Bühler!J2920</f>
        <v>1.0907098111437958</v>
      </c>
      <c r="K2894" s="59">
        <f>Bühler!K2920</f>
        <v>1.6360647167156939</v>
      </c>
      <c r="L2894" s="59">
        <f>Bühler!L2920</f>
        <v>7.8531106402353297</v>
      </c>
      <c r="M2894" s="58">
        <f>Bühler!M2920</f>
        <v>0</v>
      </c>
      <c r="N2894" s="56">
        <f>IF(Input!$D$19=1,J2894*Input!$C$19,0)+IF(Input!$D$20=1,K2894*Input!$C$20,0)+IF(Input!$D$21=1,L2894*Input!$C$21,0)+IF(Input!$D$22=1,M2894*Input!$C$22,0)</f>
        <v>0.32721294334313872</v>
      </c>
      <c r="O2894" s="59">
        <f>IF(Input!$D$19=2,J2894*Input!$C$19,0)+IF(Input!$D$20=2,K2894*Input!$C$20,0)+IF(Input!$D$21=2,L2894*Input!$C$21,0)+IF(Input!$D$22=2,M2894*Input!$C$22,0)</f>
        <v>0.81803235835784693</v>
      </c>
      <c r="P2894" s="59">
        <f>IF(Input!$D$19=3,J2894*Input!$C$19,0)+IF(Input!$D$20=3,K2894*Input!$C$20,0)+IF(Input!$D$21=3,L2894*Input!$C$21,0)+IF(Input!$D$22=3,M2894*Input!$C$22,0)</f>
        <v>0</v>
      </c>
      <c r="Q2894" s="75">
        <f>IF(Input!$D$19=4,J2894*Input!$C$19,0)+IF(Input!$D$20=4,K2894*Input!$C$20,0)+IF(Input!$D$21=4,L2894*Input!$C$21,0)+IF(Input!$D$22=4,M2894*Input!$C$22,0)</f>
        <v>0</v>
      </c>
      <c r="R2894" s="58">
        <v>64.799635761305822</v>
      </c>
      <c r="S2894" s="124">
        <f t="shared" si="45"/>
        <v>1.4179227544869346</v>
      </c>
    </row>
    <row r="2895" spans="8:19" x14ac:dyDescent="0.3">
      <c r="H2895" s="44">
        <v>2888</v>
      </c>
      <c r="I2895" s="56">
        <f>Bühler!I2921</f>
        <v>0.33849614828600566</v>
      </c>
      <c r="J2895" s="59">
        <f>Bühler!J2921</f>
        <v>1.1283204942866856</v>
      </c>
      <c r="K2895" s="59">
        <f>Bühler!K2921</f>
        <v>1.6924807414300285</v>
      </c>
      <c r="L2895" s="59">
        <f>Bühler!L2921</f>
        <v>8.1239075588641363</v>
      </c>
      <c r="M2895" s="58">
        <f>Bühler!M2921</f>
        <v>0</v>
      </c>
      <c r="N2895" s="56">
        <f>IF(Input!$D$19=1,J2895*Input!$C$19,0)+IF(Input!$D$20=1,K2895*Input!$C$20,0)+IF(Input!$D$21=1,L2895*Input!$C$21,0)+IF(Input!$D$22=1,M2895*Input!$C$22,0)</f>
        <v>0.33849614828600566</v>
      </c>
      <c r="O2895" s="59">
        <f>IF(Input!$D$19=2,J2895*Input!$C$19,0)+IF(Input!$D$20=2,K2895*Input!$C$20,0)+IF(Input!$D$21=2,L2895*Input!$C$21,0)+IF(Input!$D$22=2,M2895*Input!$C$22,0)</f>
        <v>0.84624037071501423</v>
      </c>
      <c r="P2895" s="59">
        <f>IF(Input!$D$19=3,J2895*Input!$C$19,0)+IF(Input!$D$20=3,K2895*Input!$C$20,0)+IF(Input!$D$21=3,L2895*Input!$C$21,0)+IF(Input!$D$22=3,M2895*Input!$C$22,0)</f>
        <v>0</v>
      </c>
      <c r="Q2895" s="75">
        <f>IF(Input!$D$19=4,J2895*Input!$C$19,0)+IF(Input!$D$20=4,K2895*Input!$C$20,0)+IF(Input!$D$21=4,L2895*Input!$C$21,0)+IF(Input!$D$22=4,M2895*Input!$C$22,0)</f>
        <v>0</v>
      </c>
      <c r="R2895" s="58">
        <v>65.947907164379245</v>
      </c>
      <c r="S2895" s="124">
        <f t="shared" si="45"/>
        <v>1.4668166425726912</v>
      </c>
    </row>
    <row r="2896" spans="8:19" x14ac:dyDescent="0.3">
      <c r="H2896" s="44">
        <v>2889</v>
      </c>
      <c r="I2896" s="56">
        <f>Bühler!I2922</f>
        <v>0.33849614828600566</v>
      </c>
      <c r="J2896" s="59">
        <f>Bühler!J2922</f>
        <v>1.1283204942866856</v>
      </c>
      <c r="K2896" s="59">
        <f>Bühler!K2922</f>
        <v>1.6924807414300285</v>
      </c>
      <c r="L2896" s="59">
        <f>Bühler!L2922</f>
        <v>8.1239075588641363</v>
      </c>
      <c r="M2896" s="58">
        <f>Bühler!M2922</f>
        <v>0</v>
      </c>
      <c r="N2896" s="56">
        <f>IF(Input!$D$19=1,J2896*Input!$C$19,0)+IF(Input!$D$20=1,K2896*Input!$C$20,0)+IF(Input!$D$21=1,L2896*Input!$C$21,0)+IF(Input!$D$22=1,M2896*Input!$C$22,0)</f>
        <v>0.33849614828600566</v>
      </c>
      <c r="O2896" s="59">
        <f>IF(Input!$D$19=2,J2896*Input!$C$19,0)+IF(Input!$D$20=2,K2896*Input!$C$20,0)+IF(Input!$D$21=2,L2896*Input!$C$21,0)+IF(Input!$D$22=2,M2896*Input!$C$22,0)</f>
        <v>0.84624037071501423</v>
      </c>
      <c r="P2896" s="59">
        <f>IF(Input!$D$19=3,J2896*Input!$C$19,0)+IF(Input!$D$20=3,K2896*Input!$C$20,0)+IF(Input!$D$21=3,L2896*Input!$C$21,0)+IF(Input!$D$22=3,M2896*Input!$C$22,0)</f>
        <v>0</v>
      </c>
      <c r="Q2896" s="75">
        <f>IF(Input!$D$19=4,J2896*Input!$C$19,0)+IF(Input!$D$20=4,K2896*Input!$C$20,0)+IF(Input!$D$21=4,L2896*Input!$C$21,0)+IF(Input!$D$22=4,M2896*Input!$C$22,0)</f>
        <v>0</v>
      </c>
      <c r="R2896" s="58">
        <v>66.948867896041662</v>
      </c>
      <c r="S2896" s="124">
        <f t="shared" si="45"/>
        <v>1.4668166425726912</v>
      </c>
    </row>
    <row r="2897" spans="8:19" x14ac:dyDescent="0.3">
      <c r="H2897" s="44">
        <v>2890</v>
      </c>
      <c r="I2897" s="56">
        <f>Bühler!I2923</f>
        <v>0.36670416064317279</v>
      </c>
      <c r="J2897" s="59">
        <f>Bühler!J2923</f>
        <v>1.2223472021439095</v>
      </c>
      <c r="K2897" s="59">
        <f>Bühler!K2923</f>
        <v>1.8335208032158639</v>
      </c>
      <c r="L2897" s="59">
        <f>Bühler!L2923</f>
        <v>8.8008998554361462</v>
      </c>
      <c r="M2897" s="58">
        <f>Bühler!M2923</f>
        <v>0</v>
      </c>
      <c r="N2897" s="56">
        <f>IF(Input!$D$19=1,J2897*Input!$C$19,0)+IF(Input!$D$20=1,K2897*Input!$C$20,0)+IF(Input!$D$21=1,L2897*Input!$C$21,0)+IF(Input!$D$22=1,M2897*Input!$C$22,0)</f>
        <v>0.36670416064317285</v>
      </c>
      <c r="O2897" s="59">
        <f>IF(Input!$D$19=2,J2897*Input!$C$19,0)+IF(Input!$D$20=2,K2897*Input!$C$20,0)+IF(Input!$D$21=2,L2897*Input!$C$21,0)+IF(Input!$D$22=2,M2897*Input!$C$22,0)</f>
        <v>0.91676040160793193</v>
      </c>
      <c r="P2897" s="59">
        <f>IF(Input!$D$19=3,J2897*Input!$C$19,0)+IF(Input!$D$20=3,K2897*Input!$C$20,0)+IF(Input!$D$21=3,L2897*Input!$C$21,0)+IF(Input!$D$22=3,M2897*Input!$C$22,0)</f>
        <v>0</v>
      </c>
      <c r="Q2897" s="75">
        <f>IF(Input!$D$19=4,J2897*Input!$C$19,0)+IF(Input!$D$20=4,K2897*Input!$C$20,0)+IF(Input!$D$21=4,L2897*Input!$C$21,0)+IF(Input!$D$22=4,M2897*Input!$C$22,0)</f>
        <v>0</v>
      </c>
      <c r="R2897" s="58">
        <v>67.109789503633422</v>
      </c>
      <c r="S2897" s="124">
        <f t="shared" si="45"/>
        <v>1.5890513627870821</v>
      </c>
    </row>
    <row r="2898" spans="8:19" x14ac:dyDescent="0.3">
      <c r="H2898" s="44">
        <v>2891</v>
      </c>
      <c r="I2898" s="56">
        <f>Bühler!I2924</f>
        <v>0.38362896805747304</v>
      </c>
      <c r="J2898" s="59">
        <f>Bühler!J2924</f>
        <v>1.2787632268582436</v>
      </c>
      <c r="K2898" s="59">
        <f>Bühler!K2924</f>
        <v>1.9181448402873651</v>
      </c>
      <c r="L2898" s="59">
        <f>Bühler!L2924</f>
        <v>9.2070952333793521</v>
      </c>
      <c r="M2898" s="58">
        <f>Bühler!M2924</f>
        <v>0</v>
      </c>
      <c r="N2898" s="56">
        <f>IF(Input!$D$19=1,J2898*Input!$C$19,0)+IF(Input!$D$20=1,K2898*Input!$C$20,0)+IF(Input!$D$21=1,L2898*Input!$C$21,0)+IF(Input!$D$22=1,M2898*Input!$C$22,0)</f>
        <v>0.3836289680574731</v>
      </c>
      <c r="O2898" s="59">
        <f>IF(Input!$D$19=2,J2898*Input!$C$19,0)+IF(Input!$D$20=2,K2898*Input!$C$20,0)+IF(Input!$D$21=2,L2898*Input!$C$21,0)+IF(Input!$D$22=2,M2898*Input!$C$22,0)</f>
        <v>0.95907242014368255</v>
      </c>
      <c r="P2898" s="59">
        <f>IF(Input!$D$19=3,J2898*Input!$C$19,0)+IF(Input!$D$20=3,K2898*Input!$C$20,0)+IF(Input!$D$21=3,L2898*Input!$C$21,0)+IF(Input!$D$22=3,M2898*Input!$C$22,0)</f>
        <v>0</v>
      </c>
      <c r="Q2898" s="75">
        <f>IF(Input!$D$19=4,J2898*Input!$C$19,0)+IF(Input!$D$20=4,K2898*Input!$C$20,0)+IF(Input!$D$21=4,L2898*Input!$C$21,0)+IF(Input!$D$22=4,M2898*Input!$C$22,0)</f>
        <v>0</v>
      </c>
      <c r="R2898" s="58">
        <v>67.158682991062904</v>
      </c>
      <c r="S2898" s="124">
        <f t="shared" si="45"/>
        <v>1.6623921949157165</v>
      </c>
    </row>
    <row r="2899" spans="8:19" x14ac:dyDescent="0.3">
      <c r="H2899" s="44">
        <v>2892</v>
      </c>
      <c r="I2899" s="56">
        <f>Bühler!I2925</f>
        <v>0.45132819771467425</v>
      </c>
      <c r="J2899" s="59">
        <f>Bühler!J2925</f>
        <v>1.5044273257155809</v>
      </c>
      <c r="K2899" s="59">
        <f>Bühler!K2925</f>
        <v>2.2566409885733711</v>
      </c>
      <c r="L2899" s="59">
        <f>Bühler!L2925</f>
        <v>10.831876745152181</v>
      </c>
      <c r="M2899" s="58">
        <f>Bühler!M2925</f>
        <v>0</v>
      </c>
      <c r="N2899" s="56">
        <f>IF(Input!$D$19=1,J2899*Input!$C$19,0)+IF(Input!$D$20=1,K2899*Input!$C$20,0)+IF(Input!$D$21=1,L2899*Input!$C$21,0)+IF(Input!$D$22=1,M2899*Input!$C$22,0)</f>
        <v>0.45132819771467425</v>
      </c>
      <c r="O2899" s="59">
        <f>IF(Input!$D$19=2,J2899*Input!$C$19,0)+IF(Input!$D$20=2,K2899*Input!$C$20,0)+IF(Input!$D$21=2,L2899*Input!$C$21,0)+IF(Input!$D$22=2,M2899*Input!$C$22,0)</f>
        <v>1.1283204942866856</v>
      </c>
      <c r="P2899" s="59">
        <f>IF(Input!$D$19=3,J2899*Input!$C$19,0)+IF(Input!$D$20=3,K2899*Input!$C$20,0)+IF(Input!$D$21=3,L2899*Input!$C$21,0)+IF(Input!$D$22=3,M2899*Input!$C$22,0)</f>
        <v>0</v>
      </c>
      <c r="Q2899" s="75">
        <f>IF(Input!$D$19=4,J2899*Input!$C$19,0)+IF(Input!$D$20=4,K2899*Input!$C$20,0)+IF(Input!$D$21=4,L2899*Input!$C$21,0)+IF(Input!$D$22=4,M2899*Input!$C$22,0)</f>
        <v>0</v>
      </c>
      <c r="R2899" s="58">
        <v>68.324331090197035</v>
      </c>
      <c r="S2899" s="124">
        <f t="shared" si="45"/>
        <v>1.955755523430255</v>
      </c>
    </row>
    <row r="2900" spans="8:19" x14ac:dyDescent="0.3">
      <c r="H2900" s="44">
        <v>2893</v>
      </c>
      <c r="I2900" s="56">
        <f>Bühler!I2926</f>
        <v>0.45132819771467425</v>
      </c>
      <c r="J2900" s="59">
        <f>Bühler!J2926</f>
        <v>1.5044273257155809</v>
      </c>
      <c r="K2900" s="59">
        <f>Bühler!K2926</f>
        <v>2.2566409885733711</v>
      </c>
      <c r="L2900" s="59">
        <f>Bühler!L2926</f>
        <v>10.831876745152181</v>
      </c>
      <c r="M2900" s="58">
        <f>Bühler!M2926</f>
        <v>0</v>
      </c>
      <c r="N2900" s="56">
        <f>IF(Input!$D$19=1,J2900*Input!$C$19,0)+IF(Input!$D$20=1,K2900*Input!$C$20,0)+IF(Input!$D$21=1,L2900*Input!$C$21,0)+IF(Input!$D$22=1,M2900*Input!$C$22,0)</f>
        <v>0.45132819771467425</v>
      </c>
      <c r="O2900" s="59">
        <f>IF(Input!$D$19=2,J2900*Input!$C$19,0)+IF(Input!$D$20=2,K2900*Input!$C$20,0)+IF(Input!$D$21=2,L2900*Input!$C$21,0)+IF(Input!$D$22=2,M2900*Input!$C$22,0)</f>
        <v>1.1283204942866856</v>
      </c>
      <c r="P2900" s="59">
        <f>IF(Input!$D$19=3,J2900*Input!$C$19,0)+IF(Input!$D$20=3,K2900*Input!$C$20,0)+IF(Input!$D$21=3,L2900*Input!$C$21,0)+IF(Input!$D$22=3,M2900*Input!$C$22,0)</f>
        <v>0</v>
      </c>
      <c r="Q2900" s="75">
        <f>IF(Input!$D$19=4,J2900*Input!$C$19,0)+IF(Input!$D$20=4,K2900*Input!$C$20,0)+IF(Input!$D$21=4,L2900*Input!$C$21,0)+IF(Input!$D$22=4,M2900*Input!$C$22,0)</f>
        <v>0</v>
      </c>
      <c r="R2900" s="58">
        <v>67.991344445560529</v>
      </c>
      <c r="S2900" s="124">
        <f t="shared" si="45"/>
        <v>1.955755523430255</v>
      </c>
    </row>
    <row r="2901" spans="8:19" x14ac:dyDescent="0.3">
      <c r="H2901" s="44">
        <v>2894</v>
      </c>
      <c r="I2901" s="56">
        <f>Bühler!I2927</f>
        <v>0.45132819771467425</v>
      </c>
      <c r="J2901" s="59">
        <f>Bühler!J2927</f>
        <v>1.5044273257155809</v>
      </c>
      <c r="K2901" s="59">
        <f>Bühler!K2927</f>
        <v>2.2566409885733711</v>
      </c>
      <c r="L2901" s="59">
        <f>Bühler!L2927</f>
        <v>10.831876745152181</v>
      </c>
      <c r="M2901" s="58">
        <f>Bühler!M2927</f>
        <v>0</v>
      </c>
      <c r="N2901" s="56">
        <f>IF(Input!$D$19=1,J2901*Input!$C$19,0)+IF(Input!$D$20=1,K2901*Input!$C$20,0)+IF(Input!$D$21=1,L2901*Input!$C$21,0)+IF(Input!$D$22=1,M2901*Input!$C$22,0)</f>
        <v>0.45132819771467425</v>
      </c>
      <c r="O2901" s="59">
        <f>IF(Input!$D$19=2,J2901*Input!$C$19,0)+IF(Input!$D$20=2,K2901*Input!$C$20,0)+IF(Input!$D$21=2,L2901*Input!$C$21,0)+IF(Input!$D$22=2,M2901*Input!$C$22,0)</f>
        <v>1.1283204942866856</v>
      </c>
      <c r="P2901" s="59">
        <f>IF(Input!$D$19=3,J2901*Input!$C$19,0)+IF(Input!$D$20=3,K2901*Input!$C$20,0)+IF(Input!$D$21=3,L2901*Input!$C$21,0)+IF(Input!$D$22=3,M2901*Input!$C$22,0)</f>
        <v>0</v>
      </c>
      <c r="Q2901" s="75">
        <f>IF(Input!$D$19=4,J2901*Input!$C$19,0)+IF(Input!$D$20=4,K2901*Input!$C$20,0)+IF(Input!$D$21=4,L2901*Input!$C$21,0)+IF(Input!$D$22=4,M2901*Input!$C$22,0)</f>
        <v>0</v>
      </c>
      <c r="R2901" s="58">
        <v>67.54504284280695</v>
      </c>
      <c r="S2901" s="124">
        <f t="shared" si="45"/>
        <v>1.955755523430255</v>
      </c>
    </row>
    <row r="2902" spans="8:19" x14ac:dyDescent="0.3">
      <c r="H2902" s="44">
        <v>2895</v>
      </c>
      <c r="I2902" s="56">
        <f>Bühler!I2928</f>
        <v>0.45132819771467425</v>
      </c>
      <c r="J2902" s="59">
        <f>Bühler!J2928</f>
        <v>1.5044273257155809</v>
      </c>
      <c r="K2902" s="59">
        <f>Bühler!K2928</f>
        <v>2.2566409885733711</v>
      </c>
      <c r="L2902" s="59">
        <f>Bühler!L2928</f>
        <v>10.831876745152181</v>
      </c>
      <c r="M2902" s="58">
        <f>Bühler!M2928</f>
        <v>0</v>
      </c>
      <c r="N2902" s="56">
        <f>IF(Input!$D$19=1,J2902*Input!$C$19,0)+IF(Input!$D$20=1,K2902*Input!$C$20,0)+IF(Input!$D$21=1,L2902*Input!$C$21,0)+IF(Input!$D$22=1,M2902*Input!$C$22,0)</f>
        <v>0.45132819771467425</v>
      </c>
      <c r="O2902" s="59">
        <f>IF(Input!$D$19=2,J2902*Input!$C$19,0)+IF(Input!$D$20=2,K2902*Input!$C$20,0)+IF(Input!$D$21=2,L2902*Input!$C$21,0)+IF(Input!$D$22=2,M2902*Input!$C$22,0)</f>
        <v>1.1283204942866856</v>
      </c>
      <c r="P2902" s="59">
        <f>IF(Input!$D$19=3,J2902*Input!$C$19,0)+IF(Input!$D$20=3,K2902*Input!$C$20,0)+IF(Input!$D$21=3,L2902*Input!$C$21,0)+IF(Input!$D$22=3,M2902*Input!$C$22,0)</f>
        <v>0</v>
      </c>
      <c r="Q2902" s="75">
        <f>IF(Input!$D$19=4,J2902*Input!$C$19,0)+IF(Input!$D$20=4,K2902*Input!$C$20,0)+IF(Input!$D$21=4,L2902*Input!$C$21,0)+IF(Input!$D$22=4,M2902*Input!$C$22,0)</f>
        <v>0</v>
      </c>
      <c r="R2902" s="58">
        <v>67.630864670519955</v>
      </c>
      <c r="S2902" s="124">
        <f t="shared" si="45"/>
        <v>1.955755523430255</v>
      </c>
    </row>
    <row r="2903" spans="8:19" x14ac:dyDescent="0.3">
      <c r="H2903" s="44">
        <v>2896</v>
      </c>
      <c r="I2903" s="56">
        <f>Bühler!I2929</f>
        <v>0.45132819771467425</v>
      </c>
      <c r="J2903" s="59">
        <f>Bühler!J2929</f>
        <v>1.5044273257155809</v>
      </c>
      <c r="K2903" s="59">
        <f>Bühler!K2929</f>
        <v>2.2566409885733711</v>
      </c>
      <c r="L2903" s="59">
        <f>Bühler!L2929</f>
        <v>10.831876745152181</v>
      </c>
      <c r="M2903" s="58">
        <f>Bühler!M2929</f>
        <v>0</v>
      </c>
      <c r="N2903" s="56">
        <f>IF(Input!$D$19=1,J2903*Input!$C$19,0)+IF(Input!$D$20=1,K2903*Input!$C$20,0)+IF(Input!$D$21=1,L2903*Input!$C$21,0)+IF(Input!$D$22=1,M2903*Input!$C$22,0)</f>
        <v>0.45132819771467425</v>
      </c>
      <c r="O2903" s="59">
        <f>IF(Input!$D$19=2,J2903*Input!$C$19,0)+IF(Input!$D$20=2,K2903*Input!$C$20,0)+IF(Input!$D$21=2,L2903*Input!$C$21,0)+IF(Input!$D$22=2,M2903*Input!$C$22,0)</f>
        <v>1.1283204942866856</v>
      </c>
      <c r="P2903" s="59">
        <f>IF(Input!$D$19=3,J2903*Input!$C$19,0)+IF(Input!$D$20=3,K2903*Input!$C$20,0)+IF(Input!$D$21=3,L2903*Input!$C$21,0)+IF(Input!$D$22=3,M2903*Input!$C$22,0)</f>
        <v>0</v>
      </c>
      <c r="Q2903" s="75">
        <f>IF(Input!$D$19=4,J2903*Input!$C$19,0)+IF(Input!$D$20=4,K2903*Input!$C$20,0)+IF(Input!$D$21=4,L2903*Input!$C$21,0)+IF(Input!$D$22=4,M2903*Input!$C$22,0)</f>
        <v>0</v>
      </c>
      <c r="R2903" s="58">
        <v>66.93806686367104</v>
      </c>
      <c r="S2903" s="124">
        <f t="shared" si="45"/>
        <v>1.955755523430255</v>
      </c>
    </row>
    <row r="2904" spans="8:19" x14ac:dyDescent="0.3">
      <c r="H2904" s="44">
        <v>2897</v>
      </c>
      <c r="I2904" s="56">
        <f>Bühler!I2930</f>
        <v>0.45132819771467425</v>
      </c>
      <c r="J2904" s="59">
        <f>Bühler!J2930</f>
        <v>1.5044273257155809</v>
      </c>
      <c r="K2904" s="59">
        <f>Bühler!K2930</f>
        <v>2.2566409885733711</v>
      </c>
      <c r="L2904" s="59">
        <f>Bühler!L2930</f>
        <v>10.831876745152181</v>
      </c>
      <c r="M2904" s="58">
        <f>Bühler!M2930</f>
        <v>0</v>
      </c>
      <c r="N2904" s="56">
        <f>IF(Input!$D$19=1,J2904*Input!$C$19,0)+IF(Input!$D$20=1,K2904*Input!$C$20,0)+IF(Input!$D$21=1,L2904*Input!$C$21,0)+IF(Input!$D$22=1,M2904*Input!$C$22,0)</f>
        <v>0.45132819771467425</v>
      </c>
      <c r="O2904" s="59">
        <f>IF(Input!$D$19=2,J2904*Input!$C$19,0)+IF(Input!$D$20=2,K2904*Input!$C$20,0)+IF(Input!$D$21=2,L2904*Input!$C$21,0)+IF(Input!$D$22=2,M2904*Input!$C$22,0)</f>
        <v>1.1283204942866856</v>
      </c>
      <c r="P2904" s="59">
        <f>IF(Input!$D$19=3,J2904*Input!$C$19,0)+IF(Input!$D$20=3,K2904*Input!$C$20,0)+IF(Input!$D$21=3,L2904*Input!$C$21,0)+IF(Input!$D$22=3,M2904*Input!$C$22,0)</f>
        <v>0</v>
      </c>
      <c r="Q2904" s="75">
        <f>IF(Input!$D$19=4,J2904*Input!$C$19,0)+IF(Input!$D$20=4,K2904*Input!$C$20,0)+IF(Input!$D$21=4,L2904*Input!$C$21,0)+IF(Input!$D$22=4,M2904*Input!$C$22,0)</f>
        <v>0</v>
      </c>
      <c r="R2904" s="58">
        <v>66.054851383175617</v>
      </c>
      <c r="S2904" s="124">
        <f t="shared" si="45"/>
        <v>1.955755523430255</v>
      </c>
    </row>
    <row r="2905" spans="8:19" x14ac:dyDescent="0.3">
      <c r="H2905" s="44">
        <v>2898</v>
      </c>
      <c r="I2905" s="56">
        <f>Bühler!I2931</f>
        <v>0.45132819771467425</v>
      </c>
      <c r="J2905" s="59">
        <f>Bühler!J2931</f>
        <v>1.5044273257155809</v>
      </c>
      <c r="K2905" s="59">
        <f>Bühler!K2931</f>
        <v>2.2566409885733711</v>
      </c>
      <c r="L2905" s="59">
        <f>Bühler!L2931</f>
        <v>10.831876745152181</v>
      </c>
      <c r="M2905" s="58">
        <f>Bühler!M2931</f>
        <v>0</v>
      </c>
      <c r="N2905" s="56">
        <f>IF(Input!$D$19=1,J2905*Input!$C$19,0)+IF(Input!$D$20=1,K2905*Input!$C$20,0)+IF(Input!$D$21=1,L2905*Input!$C$21,0)+IF(Input!$D$22=1,M2905*Input!$C$22,0)</f>
        <v>0.45132819771467425</v>
      </c>
      <c r="O2905" s="59">
        <f>IF(Input!$D$19=2,J2905*Input!$C$19,0)+IF(Input!$D$20=2,K2905*Input!$C$20,0)+IF(Input!$D$21=2,L2905*Input!$C$21,0)+IF(Input!$D$22=2,M2905*Input!$C$22,0)</f>
        <v>1.1283204942866856</v>
      </c>
      <c r="P2905" s="59">
        <f>IF(Input!$D$19=3,J2905*Input!$C$19,0)+IF(Input!$D$20=3,K2905*Input!$C$20,0)+IF(Input!$D$21=3,L2905*Input!$C$21,0)+IF(Input!$D$22=3,M2905*Input!$C$22,0)</f>
        <v>0</v>
      </c>
      <c r="Q2905" s="75">
        <f>IF(Input!$D$19=4,J2905*Input!$C$19,0)+IF(Input!$D$20=4,K2905*Input!$C$20,0)+IF(Input!$D$21=4,L2905*Input!$C$21,0)+IF(Input!$D$22=4,M2905*Input!$C$22,0)</f>
        <v>0</v>
      </c>
      <c r="R2905" s="58">
        <v>65.029010228363987</v>
      </c>
      <c r="S2905" s="124">
        <f t="shared" si="45"/>
        <v>1.955755523430255</v>
      </c>
    </row>
    <row r="2906" spans="8:19" x14ac:dyDescent="0.3">
      <c r="H2906" s="44">
        <v>2899</v>
      </c>
      <c r="I2906" s="56">
        <f>Bühler!I2932</f>
        <v>0.45132819771467425</v>
      </c>
      <c r="J2906" s="59">
        <f>Bühler!J2932</f>
        <v>1.5044273257155809</v>
      </c>
      <c r="K2906" s="59">
        <f>Bühler!K2932</f>
        <v>2.2566409885733711</v>
      </c>
      <c r="L2906" s="59">
        <f>Bühler!L2932</f>
        <v>10.831876745152181</v>
      </c>
      <c r="M2906" s="58">
        <f>Bühler!M2932</f>
        <v>0</v>
      </c>
      <c r="N2906" s="56">
        <f>IF(Input!$D$19=1,J2906*Input!$C$19,0)+IF(Input!$D$20=1,K2906*Input!$C$20,0)+IF(Input!$D$21=1,L2906*Input!$C$21,0)+IF(Input!$D$22=1,M2906*Input!$C$22,0)</f>
        <v>0.45132819771467425</v>
      </c>
      <c r="O2906" s="59">
        <f>IF(Input!$D$19=2,J2906*Input!$C$19,0)+IF(Input!$D$20=2,K2906*Input!$C$20,0)+IF(Input!$D$21=2,L2906*Input!$C$21,0)+IF(Input!$D$22=2,M2906*Input!$C$22,0)</f>
        <v>1.1283204942866856</v>
      </c>
      <c r="P2906" s="59">
        <f>IF(Input!$D$19=3,J2906*Input!$C$19,0)+IF(Input!$D$20=3,K2906*Input!$C$20,0)+IF(Input!$D$21=3,L2906*Input!$C$21,0)+IF(Input!$D$22=3,M2906*Input!$C$22,0)</f>
        <v>0</v>
      </c>
      <c r="Q2906" s="75">
        <f>IF(Input!$D$19=4,J2906*Input!$C$19,0)+IF(Input!$D$20=4,K2906*Input!$C$20,0)+IF(Input!$D$21=4,L2906*Input!$C$21,0)+IF(Input!$D$22=4,M2906*Input!$C$22,0)</f>
        <v>0</v>
      </c>
      <c r="R2906" s="58">
        <v>63.877772756871984</v>
      </c>
      <c r="S2906" s="124">
        <f t="shared" si="45"/>
        <v>1.955755523430255</v>
      </c>
    </row>
    <row r="2907" spans="8:19" x14ac:dyDescent="0.3">
      <c r="H2907" s="44">
        <v>2900</v>
      </c>
      <c r="I2907" s="56">
        <f>Bühler!I2933</f>
        <v>0.37798736558603963</v>
      </c>
      <c r="J2907" s="59">
        <f>Bühler!J2933</f>
        <v>1.259957885286799</v>
      </c>
      <c r="K2907" s="59">
        <f>Bühler!K2933</f>
        <v>1.8899368279301982</v>
      </c>
      <c r="L2907" s="59">
        <f>Bühler!L2933</f>
        <v>9.0716967740649519</v>
      </c>
      <c r="M2907" s="58">
        <f>Bühler!M2933</f>
        <v>0</v>
      </c>
      <c r="N2907" s="56">
        <f>IF(Input!$D$19=1,J2907*Input!$C$19,0)+IF(Input!$D$20=1,K2907*Input!$C$20,0)+IF(Input!$D$21=1,L2907*Input!$C$21,0)+IF(Input!$D$22=1,M2907*Input!$C$22,0)</f>
        <v>0.37798736558603968</v>
      </c>
      <c r="O2907" s="59">
        <f>IF(Input!$D$19=2,J2907*Input!$C$19,0)+IF(Input!$D$20=2,K2907*Input!$C$20,0)+IF(Input!$D$21=2,L2907*Input!$C$21,0)+IF(Input!$D$22=2,M2907*Input!$C$22,0)</f>
        <v>0.94496841396509912</v>
      </c>
      <c r="P2907" s="59">
        <f>IF(Input!$D$19=3,J2907*Input!$C$19,0)+IF(Input!$D$20=3,K2907*Input!$C$20,0)+IF(Input!$D$21=3,L2907*Input!$C$21,0)+IF(Input!$D$22=3,M2907*Input!$C$22,0)</f>
        <v>0</v>
      </c>
      <c r="Q2907" s="75">
        <f>IF(Input!$D$19=4,J2907*Input!$C$19,0)+IF(Input!$D$20=4,K2907*Input!$C$20,0)+IF(Input!$D$21=4,L2907*Input!$C$21,0)+IF(Input!$D$22=4,M2907*Input!$C$22,0)</f>
        <v>0</v>
      </c>
      <c r="R2907" s="58">
        <v>63.195917377854897</v>
      </c>
      <c r="S2907" s="124">
        <f t="shared" si="45"/>
        <v>1.6379452508728387</v>
      </c>
    </row>
    <row r="2908" spans="8:19" x14ac:dyDescent="0.3">
      <c r="H2908" s="44">
        <v>2901</v>
      </c>
      <c r="I2908" s="56">
        <f>Bühler!I2934</f>
        <v>0.31028813592883853</v>
      </c>
      <c r="J2908" s="59">
        <f>Bühler!J2934</f>
        <v>1.0342937864294617</v>
      </c>
      <c r="K2908" s="59">
        <f>Bühler!K2934</f>
        <v>1.5514406796441926</v>
      </c>
      <c r="L2908" s="59">
        <f>Bühler!L2934</f>
        <v>7.4469152622921237</v>
      </c>
      <c r="M2908" s="58">
        <f>Bühler!M2934</f>
        <v>0</v>
      </c>
      <c r="N2908" s="56">
        <f>IF(Input!$D$19=1,J2908*Input!$C$19,0)+IF(Input!$D$20=1,K2908*Input!$C$20,0)+IF(Input!$D$21=1,L2908*Input!$C$21,0)+IF(Input!$D$22=1,M2908*Input!$C$22,0)</f>
        <v>0.31028813592883847</v>
      </c>
      <c r="O2908" s="59">
        <f>IF(Input!$D$19=2,J2908*Input!$C$19,0)+IF(Input!$D$20=2,K2908*Input!$C$20,0)+IF(Input!$D$21=2,L2908*Input!$C$21,0)+IF(Input!$D$22=2,M2908*Input!$C$22,0)</f>
        <v>0.77572033982209632</v>
      </c>
      <c r="P2908" s="59">
        <f>IF(Input!$D$19=3,J2908*Input!$C$19,0)+IF(Input!$D$20=3,K2908*Input!$C$20,0)+IF(Input!$D$21=3,L2908*Input!$C$21,0)+IF(Input!$D$22=3,M2908*Input!$C$22,0)</f>
        <v>0</v>
      </c>
      <c r="Q2908" s="75">
        <f>IF(Input!$D$19=4,J2908*Input!$C$19,0)+IF(Input!$D$20=4,K2908*Input!$C$20,0)+IF(Input!$D$21=4,L2908*Input!$C$21,0)+IF(Input!$D$22=4,M2908*Input!$C$22,0)</f>
        <v>0</v>
      </c>
      <c r="R2908" s="58">
        <v>61.044439214758391</v>
      </c>
      <c r="S2908" s="124">
        <f t="shared" si="45"/>
        <v>1.3445819223583002</v>
      </c>
    </row>
    <row r="2909" spans="8:19" x14ac:dyDescent="0.3">
      <c r="H2909" s="44">
        <v>2902</v>
      </c>
      <c r="I2909" s="56">
        <f>Bühler!I2935</f>
        <v>0.22566409885733713</v>
      </c>
      <c r="J2909" s="59">
        <f>Bühler!J2935</f>
        <v>0.75221366285779045</v>
      </c>
      <c r="K2909" s="59">
        <f>Bühler!K2935</f>
        <v>1.1283204942866856</v>
      </c>
      <c r="L2909" s="59">
        <f>Bühler!L2935</f>
        <v>5.4159383725760906</v>
      </c>
      <c r="M2909" s="58">
        <f>Bühler!M2935</f>
        <v>0</v>
      </c>
      <c r="N2909" s="56">
        <f>IF(Input!$D$19=1,J2909*Input!$C$19,0)+IF(Input!$D$20=1,K2909*Input!$C$20,0)+IF(Input!$D$21=1,L2909*Input!$C$21,0)+IF(Input!$D$22=1,M2909*Input!$C$22,0)</f>
        <v>0.22566409885733713</v>
      </c>
      <c r="O2909" s="59">
        <f>IF(Input!$D$19=2,J2909*Input!$C$19,0)+IF(Input!$D$20=2,K2909*Input!$C$20,0)+IF(Input!$D$21=2,L2909*Input!$C$21,0)+IF(Input!$D$22=2,M2909*Input!$C$22,0)</f>
        <v>0.56416024714334279</v>
      </c>
      <c r="P2909" s="59">
        <f>IF(Input!$D$19=3,J2909*Input!$C$19,0)+IF(Input!$D$20=3,K2909*Input!$C$20,0)+IF(Input!$D$21=3,L2909*Input!$C$21,0)+IF(Input!$D$22=3,M2909*Input!$C$22,0)</f>
        <v>0</v>
      </c>
      <c r="Q2909" s="75">
        <f>IF(Input!$D$19=4,J2909*Input!$C$19,0)+IF(Input!$D$20=4,K2909*Input!$C$20,0)+IF(Input!$D$21=4,L2909*Input!$C$21,0)+IF(Input!$D$22=4,M2909*Input!$C$22,0)</f>
        <v>0</v>
      </c>
      <c r="R2909" s="58">
        <v>59.281283199384553</v>
      </c>
      <c r="S2909" s="124">
        <f t="shared" si="45"/>
        <v>0.97787776171512752</v>
      </c>
    </row>
    <row r="2910" spans="8:19" x14ac:dyDescent="0.3">
      <c r="H2910" s="44">
        <v>2903</v>
      </c>
      <c r="I2910" s="56">
        <f>Bühler!I2936</f>
        <v>0.22566409885733713</v>
      </c>
      <c r="J2910" s="59">
        <f>Bühler!J2936</f>
        <v>0.75221366285779045</v>
      </c>
      <c r="K2910" s="59">
        <f>Bühler!K2936</f>
        <v>1.1283204942866856</v>
      </c>
      <c r="L2910" s="59">
        <f>Bühler!L2936</f>
        <v>5.4159383725760906</v>
      </c>
      <c r="M2910" s="58">
        <f>Bühler!M2936</f>
        <v>0</v>
      </c>
      <c r="N2910" s="56">
        <f>IF(Input!$D$19=1,J2910*Input!$C$19,0)+IF(Input!$D$20=1,K2910*Input!$C$20,0)+IF(Input!$D$21=1,L2910*Input!$C$21,0)+IF(Input!$D$22=1,M2910*Input!$C$22,0)</f>
        <v>0.22566409885733713</v>
      </c>
      <c r="O2910" s="59">
        <f>IF(Input!$D$19=2,J2910*Input!$C$19,0)+IF(Input!$D$20=2,K2910*Input!$C$20,0)+IF(Input!$D$21=2,L2910*Input!$C$21,0)+IF(Input!$D$22=2,M2910*Input!$C$22,0)</f>
        <v>0.56416024714334279</v>
      </c>
      <c r="P2910" s="59">
        <f>IF(Input!$D$19=3,J2910*Input!$C$19,0)+IF(Input!$D$20=3,K2910*Input!$C$20,0)+IF(Input!$D$21=3,L2910*Input!$C$21,0)+IF(Input!$D$22=3,M2910*Input!$C$22,0)</f>
        <v>0</v>
      </c>
      <c r="Q2910" s="75">
        <f>IF(Input!$D$19=4,J2910*Input!$C$19,0)+IF(Input!$D$20=4,K2910*Input!$C$20,0)+IF(Input!$D$21=4,L2910*Input!$C$21,0)+IF(Input!$D$22=4,M2910*Input!$C$22,0)</f>
        <v>0</v>
      </c>
      <c r="R2910" s="58">
        <v>58.006957654360384</v>
      </c>
      <c r="S2910" s="124">
        <f t="shared" si="45"/>
        <v>0.97787776171512752</v>
      </c>
    </row>
    <row r="2911" spans="8:19" x14ac:dyDescent="0.3">
      <c r="H2911" s="44">
        <v>2904</v>
      </c>
      <c r="I2911" s="56">
        <f>Bühler!I2937</f>
        <v>0.22566409885733713</v>
      </c>
      <c r="J2911" s="59">
        <f>Bühler!J2937</f>
        <v>0.75221366285779045</v>
      </c>
      <c r="K2911" s="59">
        <f>Bühler!K2937</f>
        <v>1.1283204942866856</v>
      </c>
      <c r="L2911" s="59">
        <f>Bühler!L2937</f>
        <v>5.4159383725760906</v>
      </c>
      <c r="M2911" s="58">
        <f>Bühler!M2937</f>
        <v>0</v>
      </c>
      <c r="N2911" s="56">
        <f>IF(Input!$D$19=1,J2911*Input!$C$19,0)+IF(Input!$D$20=1,K2911*Input!$C$20,0)+IF(Input!$D$21=1,L2911*Input!$C$21,0)+IF(Input!$D$22=1,M2911*Input!$C$22,0)</f>
        <v>0.22566409885733713</v>
      </c>
      <c r="O2911" s="59">
        <f>IF(Input!$D$19=2,J2911*Input!$C$19,0)+IF(Input!$D$20=2,K2911*Input!$C$20,0)+IF(Input!$D$21=2,L2911*Input!$C$21,0)+IF(Input!$D$22=2,M2911*Input!$C$22,0)</f>
        <v>0.56416024714334279</v>
      </c>
      <c r="P2911" s="59">
        <f>IF(Input!$D$19=3,J2911*Input!$C$19,0)+IF(Input!$D$20=3,K2911*Input!$C$20,0)+IF(Input!$D$21=3,L2911*Input!$C$21,0)+IF(Input!$D$22=3,M2911*Input!$C$22,0)</f>
        <v>0</v>
      </c>
      <c r="Q2911" s="75">
        <f>IF(Input!$D$19=4,J2911*Input!$C$19,0)+IF(Input!$D$20=4,K2911*Input!$C$20,0)+IF(Input!$D$21=4,L2911*Input!$C$21,0)+IF(Input!$D$22=4,M2911*Input!$C$22,0)</f>
        <v>0</v>
      </c>
      <c r="R2911" s="58">
        <v>58.132711156884064</v>
      </c>
      <c r="S2911" s="124">
        <f t="shared" si="45"/>
        <v>0.97787776171512752</v>
      </c>
    </row>
    <row r="2912" spans="8:19" x14ac:dyDescent="0.3">
      <c r="H2912" s="44">
        <v>2905</v>
      </c>
      <c r="I2912" s="56">
        <f>Bühler!I2938</f>
        <v>0.19906646406324913</v>
      </c>
      <c r="J2912" s="59">
        <f>Bühler!J2938</f>
        <v>0.66355488021083042</v>
      </c>
      <c r="K2912" s="59">
        <f>Bühler!K2938</f>
        <v>0.99533232031624563</v>
      </c>
      <c r="L2912" s="59">
        <f>Bühler!L2938</f>
        <v>4.777595137517979</v>
      </c>
      <c r="M2912" s="58">
        <f>Bühler!M2938</f>
        <v>0</v>
      </c>
      <c r="N2912" s="56">
        <f>IF(Input!$D$19=1,J2912*Input!$C$19,0)+IF(Input!$D$20=1,K2912*Input!$C$20,0)+IF(Input!$D$21=1,L2912*Input!$C$21,0)+IF(Input!$D$22=1,M2912*Input!$C$22,0)</f>
        <v>0.19906646406324913</v>
      </c>
      <c r="O2912" s="59">
        <f>IF(Input!$D$19=2,J2912*Input!$C$19,0)+IF(Input!$D$20=2,K2912*Input!$C$20,0)+IF(Input!$D$21=2,L2912*Input!$C$21,0)+IF(Input!$D$22=2,M2912*Input!$C$22,0)</f>
        <v>0.49766616015812282</v>
      </c>
      <c r="P2912" s="59">
        <f>IF(Input!$D$19=3,J2912*Input!$C$19,0)+IF(Input!$D$20=3,K2912*Input!$C$20,0)+IF(Input!$D$21=3,L2912*Input!$C$21,0)+IF(Input!$D$22=3,M2912*Input!$C$22,0)</f>
        <v>0</v>
      </c>
      <c r="Q2912" s="75">
        <f>IF(Input!$D$19=4,J2912*Input!$C$19,0)+IF(Input!$D$20=4,K2912*Input!$C$20,0)+IF(Input!$D$21=4,L2912*Input!$C$21,0)+IF(Input!$D$22=4,M2912*Input!$C$22,0)</f>
        <v>0</v>
      </c>
      <c r="R2912" s="58">
        <v>57.244147303334657</v>
      </c>
      <c r="S2912" s="124">
        <f t="shared" si="45"/>
        <v>0.86262134427407955</v>
      </c>
    </row>
    <row r="2913" spans="8:19" x14ac:dyDescent="0.3">
      <c r="H2913" s="44">
        <v>2906</v>
      </c>
      <c r="I2913" s="56">
        <f>Bühler!I2939</f>
        <v>0.22394977207115527</v>
      </c>
      <c r="J2913" s="59">
        <f>Bühler!J2939</f>
        <v>0.74649924023718428</v>
      </c>
      <c r="K2913" s="59">
        <f>Bühler!K2939</f>
        <v>1.1197488603557764</v>
      </c>
      <c r="L2913" s="59">
        <f>Bühler!L2939</f>
        <v>5.3747945297077262</v>
      </c>
      <c r="M2913" s="58">
        <f>Bühler!M2939</f>
        <v>0</v>
      </c>
      <c r="N2913" s="56">
        <f>IF(Input!$D$19=1,J2913*Input!$C$19,0)+IF(Input!$D$20=1,K2913*Input!$C$20,0)+IF(Input!$D$21=1,L2913*Input!$C$21,0)+IF(Input!$D$22=1,M2913*Input!$C$22,0)</f>
        <v>0.22394977207115527</v>
      </c>
      <c r="O2913" s="59">
        <f>IF(Input!$D$19=2,J2913*Input!$C$19,0)+IF(Input!$D$20=2,K2913*Input!$C$20,0)+IF(Input!$D$21=2,L2913*Input!$C$21,0)+IF(Input!$D$22=2,M2913*Input!$C$22,0)</f>
        <v>0.55987443017788818</v>
      </c>
      <c r="P2913" s="59">
        <f>IF(Input!$D$19=3,J2913*Input!$C$19,0)+IF(Input!$D$20=3,K2913*Input!$C$20,0)+IF(Input!$D$21=3,L2913*Input!$C$21,0)+IF(Input!$D$22=3,M2913*Input!$C$22,0)</f>
        <v>0</v>
      </c>
      <c r="Q2913" s="75">
        <f>IF(Input!$D$19=4,J2913*Input!$C$19,0)+IF(Input!$D$20=4,K2913*Input!$C$20,0)+IF(Input!$D$21=4,L2913*Input!$C$21,0)+IF(Input!$D$22=4,M2913*Input!$C$22,0)</f>
        <v>0</v>
      </c>
      <c r="R2913" s="58">
        <v>56.59154634907911</v>
      </c>
      <c r="S2913" s="124">
        <f t="shared" si="45"/>
        <v>0.97044901230833958</v>
      </c>
    </row>
    <row r="2914" spans="8:19" x14ac:dyDescent="0.3">
      <c r="H2914" s="44">
        <v>2907</v>
      </c>
      <c r="I2914" s="56">
        <f>Bühler!I2940</f>
        <v>0.22394977207115527</v>
      </c>
      <c r="J2914" s="59">
        <f>Bühler!J2940</f>
        <v>0.74649924023718428</v>
      </c>
      <c r="K2914" s="59">
        <f>Bühler!K2940</f>
        <v>1.1197488603557764</v>
      </c>
      <c r="L2914" s="59">
        <f>Bühler!L2940</f>
        <v>5.3747945297077262</v>
      </c>
      <c r="M2914" s="58">
        <f>Bühler!M2940</f>
        <v>0</v>
      </c>
      <c r="N2914" s="56">
        <f>IF(Input!$D$19=1,J2914*Input!$C$19,0)+IF(Input!$D$20=1,K2914*Input!$C$20,0)+IF(Input!$D$21=1,L2914*Input!$C$21,0)+IF(Input!$D$22=1,M2914*Input!$C$22,0)</f>
        <v>0.22394977207115527</v>
      </c>
      <c r="O2914" s="59">
        <f>IF(Input!$D$19=2,J2914*Input!$C$19,0)+IF(Input!$D$20=2,K2914*Input!$C$20,0)+IF(Input!$D$21=2,L2914*Input!$C$21,0)+IF(Input!$D$22=2,M2914*Input!$C$22,0)</f>
        <v>0.55987443017788818</v>
      </c>
      <c r="P2914" s="59">
        <f>IF(Input!$D$19=3,J2914*Input!$C$19,0)+IF(Input!$D$20=3,K2914*Input!$C$20,0)+IF(Input!$D$21=3,L2914*Input!$C$21,0)+IF(Input!$D$22=3,M2914*Input!$C$22,0)</f>
        <v>0</v>
      </c>
      <c r="Q2914" s="75">
        <f>IF(Input!$D$19=4,J2914*Input!$C$19,0)+IF(Input!$D$20=4,K2914*Input!$C$20,0)+IF(Input!$D$21=4,L2914*Input!$C$21,0)+IF(Input!$D$22=4,M2914*Input!$C$22,0)</f>
        <v>0</v>
      </c>
      <c r="R2914" s="58">
        <v>56.835805037177529</v>
      </c>
      <c r="S2914" s="124">
        <f t="shared" si="45"/>
        <v>0.97044901230833958</v>
      </c>
    </row>
    <row r="2915" spans="8:19" x14ac:dyDescent="0.3">
      <c r="H2915" s="44">
        <v>2908</v>
      </c>
      <c r="I2915" s="56">
        <f>Bühler!I2941</f>
        <v>0.22394977207115527</v>
      </c>
      <c r="J2915" s="59">
        <f>Bühler!J2941</f>
        <v>0.74649924023718428</v>
      </c>
      <c r="K2915" s="59">
        <f>Bühler!K2941</f>
        <v>1.1197488603557764</v>
      </c>
      <c r="L2915" s="59">
        <f>Bühler!L2941</f>
        <v>5.3747945297077262</v>
      </c>
      <c r="M2915" s="58">
        <f>Bühler!M2941</f>
        <v>0</v>
      </c>
      <c r="N2915" s="56">
        <f>IF(Input!$D$19=1,J2915*Input!$C$19,0)+IF(Input!$D$20=1,K2915*Input!$C$20,0)+IF(Input!$D$21=1,L2915*Input!$C$21,0)+IF(Input!$D$22=1,M2915*Input!$C$22,0)</f>
        <v>0.22394977207115527</v>
      </c>
      <c r="O2915" s="59">
        <f>IF(Input!$D$19=2,J2915*Input!$C$19,0)+IF(Input!$D$20=2,K2915*Input!$C$20,0)+IF(Input!$D$21=2,L2915*Input!$C$21,0)+IF(Input!$D$22=2,M2915*Input!$C$22,0)</f>
        <v>0.55987443017788818</v>
      </c>
      <c r="P2915" s="59">
        <f>IF(Input!$D$19=3,J2915*Input!$C$19,0)+IF(Input!$D$20=3,K2915*Input!$C$20,0)+IF(Input!$D$21=3,L2915*Input!$C$21,0)+IF(Input!$D$22=3,M2915*Input!$C$22,0)</f>
        <v>0</v>
      </c>
      <c r="Q2915" s="75">
        <f>IF(Input!$D$19=4,J2915*Input!$C$19,0)+IF(Input!$D$20=4,K2915*Input!$C$20,0)+IF(Input!$D$21=4,L2915*Input!$C$21,0)+IF(Input!$D$22=4,M2915*Input!$C$22,0)</f>
        <v>0</v>
      </c>
      <c r="R2915" s="58">
        <v>57.4705497001694</v>
      </c>
      <c r="S2915" s="124">
        <f t="shared" si="45"/>
        <v>0.97044901230833958</v>
      </c>
    </row>
    <row r="2916" spans="8:19" x14ac:dyDescent="0.3">
      <c r="H2916" s="44">
        <v>2909</v>
      </c>
      <c r="I2916" s="56">
        <f>Bühler!I2942</f>
        <v>0.22394977207115527</v>
      </c>
      <c r="J2916" s="59">
        <f>Bühler!J2942</f>
        <v>0.74649924023718428</v>
      </c>
      <c r="K2916" s="59">
        <f>Bühler!K2942</f>
        <v>1.1197488603557764</v>
      </c>
      <c r="L2916" s="59">
        <f>Bühler!L2942</f>
        <v>5.3747945297077262</v>
      </c>
      <c r="M2916" s="58">
        <f>Bühler!M2942</f>
        <v>0</v>
      </c>
      <c r="N2916" s="56">
        <f>IF(Input!$D$19=1,J2916*Input!$C$19,0)+IF(Input!$D$20=1,K2916*Input!$C$20,0)+IF(Input!$D$21=1,L2916*Input!$C$21,0)+IF(Input!$D$22=1,M2916*Input!$C$22,0)</f>
        <v>0.22394977207115527</v>
      </c>
      <c r="O2916" s="59">
        <f>IF(Input!$D$19=2,J2916*Input!$C$19,0)+IF(Input!$D$20=2,K2916*Input!$C$20,0)+IF(Input!$D$21=2,L2916*Input!$C$21,0)+IF(Input!$D$22=2,M2916*Input!$C$22,0)</f>
        <v>0.55987443017788818</v>
      </c>
      <c r="P2916" s="59">
        <f>IF(Input!$D$19=3,J2916*Input!$C$19,0)+IF(Input!$D$20=3,K2916*Input!$C$20,0)+IF(Input!$D$21=3,L2916*Input!$C$21,0)+IF(Input!$D$22=3,M2916*Input!$C$22,0)</f>
        <v>0</v>
      </c>
      <c r="Q2916" s="75">
        <f>IF(Input!$D$19=4,J2916*Input!$C$19,0)+IF(Input!$D$20=4,K2916*Input!$C$20,0)+IF(Input!$D$21=4,L2916*Input!$C$21,0)+IF(Input!$D$22=4,M2916*Input!$C$22,0)</f>
        <v>0</v>
      </c>
      <c r="R2916" s="58">
        <v>58.275599204218025</v>
      </c>
      <c r="S2916" s="124">
        <f t="shared" si="45"/>
        <v>0.97044901230833958</v>
      </c>
    </row>
    <row r="2917" spans="8:19" x14ac:dyDescent="0.3">
      <c r="H2917" s="44">
        <v>2910</v>
      </c>
      <c r="I2917" s="56">
        <f>Bühler!I2943</f>
        <v>0.28864637289171124</v>
      </c>
      <c r="J2917" s="59">
        <f>Bühler!J2943</f>
        <v>0.96215457630570433</v>
      </c>
      <c r="K2917" s="59">
        <f>Bühler!K2943</f>
        <v>1.4432318644585564</v>
      </c>
      <c r="L2917" s="59">
        <f>Bühler!L2943</f>
        <v>6.9275129494010708</v>
      </c>
      <c r="M2917" s="58">
        <f>Bühler!M2943</f>
        <v>0</v>
      </c>
      <c r="N2917" s="56">
        <f>IF(Input!$D$19=1,J2917*Input!$C$19,0)+IF(Input!$D$20=1,K2917*Input!$C$20,0)+IF(Input!$D$21=1,L2917*Input!$C$21,0)+IF(Input!$D$22=1,M2917*Input!$C$22,0)</f>
        <v>0.2886463728917113</v>
      </c>
      <c r="O2917" s="59">
        <f>IF(Input!$D$19=2,J2917*Input!$C$19,0)+IF(Input!$D$20=2,K2917*Input!$C$20,0)+IF(Input!$D$21=2,L2917*Input!$C$21,0)+IF(Input!$D$22=2,M2917*Input!$C$22,0)</f>
        <v>0.72161593222927822</v>
      </c>
      <c r="P2917" s="59">
        <f>IF(Input!$D$19=3,J2917*Input!$C$19,0)+IF(Input!$D$20=3,K2917*Input!$C$20,0)+IF(Input!$D$21=3,L2917*Input!$C$21,0)+IF(Input!$D$22=3,M2917*Input!$C$22,0)</f>
        <v>0</v>
      </c>
      <c r="Q2917" s="75">
        <f>IF(Input!$D$19=4,J2917*Input!$C$19,0)+IF(Input!$D$20=4,K2917*Input!$C$20,0)+IF(Input!$D$21=4,L2917*Input!$C$21,0)+IF(Input!$D$22=4,M2917*Input!$C$22,0)</f>
        <v>0</v>
      </c>
      <c r="R2917" s="58">
        <v>61.225281263751171</v>
      </c>
      <c r="S2917" s="124">
        <f t="shared" si="45"/>
        <v>1.2508009491974157</v>
      </c>
    </row>
    <row r="2918" spans="8:19" x14ac:dyDescent="0.3">
      <c r="H2918" s="44">
        <v>2911</v>
      </c>
      <c r="I2918" s="56">
        <f>Bühler!I2944</f>
        <v>0.3334363273059423</v>
      </c>
      <c r="J2918" s="59">
        <f>Bühler!J2944</f>
        <v>1.111454424353141</v>
      </c>
      <c r="K2918" s="59">
        <f>Bühler!K2944</f>
        <v>1.6671816365297116</v>
      </c>
      <c r="L2918" s="59">
        <f>Bühler!L2944</f>
        <v>8.0024718553426162</v>
      </c>
      <c r="M2918" s="58">
        <f>Bühler!M2944</f>
        <v>0</v>
      </c>
      <c r="N2918" s="56">
        <f>IF(Input!$D$19=1,J2918*Input!$C$19,0)+IF(Input!$D$20=1,K2918*Input!$C$20,0)+IF(Input!$D$21=1,L2918*Input!$C$21,0)+IF(Input!$D$22=1,M2918*Input!$C$22,0)</f>
        <v>0.3334363273059423</v>
      </c>
      <c r="O2918" s="59">
        <f>IF(Input!$D$19=2,J2918*Input!$C$19,0)+IF(Input!$D$20=2,K2918*Input!$C$20,0)+IF(Input!$D$21=2,L2918*Input!$C$21,0)+IF(Input!$D$22=2,M2918*Input!$C$22,0)</f>
        <v>0.83359081826485582</v>
      </c>
      <c r="P2918" s="59">
        <f>IF(Input!$D$19=3,J2918*Input!$C$19,0)+IF(Input!$D$20=3,K2918*Input!$C$20,0)+IF(Input!$D$21=3,L2918*Input!$C$21,0)+IF(Input!$D$22=3,M2918*Input!$C$22,0)</f>
        <v>0</v>
      </c>
      <c r="Q2918" s="75">
        <f>IF(Input!$D$19=4,J2918*Input!$C$19,0)+IF(Input!$D$20=4,K2918*Input!$C$20,0)+IF(Input!$D$21=4,L2918*Input!$C$21,0)+IF(Input!$D$22=4,M2918*Input!$C$22,0)</f>
        <v>0</v>
      </c>
      <c r="R2918" s="58">
        <v>63.911858222646252</v>
      </c>
      <c r="S2918" s="124">
        <f t="shared" si="45"/>
        <v>1.4448907516590834</v>
      </c>
    </row>
    <row r="2919" spans="8:19" x14ac:dyDescent="0.3">
      <c r="H2919" s="44">
        <v>2912</v>
      </c>
      <c r="I2919" s="56">
        <f>Bühler!I2945</f>
        <v>0.3334363273059423</v>
      </c>
      <c r="J2919" s="59">
        <f>Bühler!J2945</f>
        <v>1.111454424353141</v>
      </c>
      <c r="K2919" s="59">
        <f>Bühler!K2945</f>
        <v>1.6671816365297116</v>
      </c>
      <c r="L2919" s="59">
        <f>Bühler!L2945</f>
        <v>8.0024718553426162</v>
      </c>
      <c r="M2919" s="58">
        <f>Bühler!M2945</f>
        <v>0</v>
      </c>
      <c r="N2919" s="56">
        <f>IF(Input!$D$19=1,J2919*Input!$C$19,0)+IF(Input!$D$20=1,K2919*Input!$C$20,0)+IF(Input!$D$21=1,L2919*Input!$C$21,0)+IF(Input!$D$22=1,M2919*Input!$C$22,0)</f>
        <v>0.3334363273059423</v>
      </c>
      <c r="O2919" s="59">
        <f>IF(Input!$D$19=2,J2919*Input!$C$19,0)+IF(Input!$D$20=2,K2919*Input!$C$20,0)+IF(Input!$D$21=2,L2919*Input!$C$21,0)+IF(Input!$D$22=2,M2919*Input!$C$22,0)</f>
        <v>0.83359081826485582</v>
      </c>
      <c r="P2919" s="59">
        <f>IF(Input!$D$19=3,J2919*Input!$C$19,0)+IF(Input!$D$20=3,K2919*Input!$C$20,0)+IF(Input!$D$21=3,L2919*Input!$C$21,0)+IF(Input!$D$22=3,M2919*Input!$C$22,0)</f>
        <v>0</v>
      </c>
      <c r="Q2919" s="75">
        <f>IF(Input!$D$19=4,J2919*Input!$C$19,0)+IF(Input!$D$20=4,K2919*Input!$C$20,0)+IF(Input!$D$21=4,L2919*Input!$C$21,0)+IF(Input!$D$22=4,M2919*Input!$C$22,0)</f>
        <v>0</v>
      </c>
      <c r="R2919" s="58">
        <v>65.483119355445496</v>
      </c>
      <c r="S2919" s="124">
        <f t="shared" si="45"/>
        <v>1.4448907516590834</v>
      </c>
    </row>
    <row r="2920" spans="8:19" x14ac:dyDescent="0.3">
      <c r="H2920" s="44">
        <v>2913</v>
      </c>
      <c r="I2920" s="56">
        <f>Bühler!I2946</f>
        <v>0.3334363273059423</v>
      </c>
      <c r="J2920" s="59">
        <f>Bühler!J2946</f>
        <v>1.111454424353141</v>
      </c>
      <c r="K2920" s="59">
        <f>Bühler!K2946</f>
        <v>1.6671816365297116</v>
      </c>
      <c r="L2920" s="59">
        <f>Bühler!L2946</f>
        <v>8.0024718553426162</v>
      </c>
      <c r="M2920" s="58">
        <f>Bühler!M2946</f>
        <v>0</v>
      </c>
      <c r="N2920" s="56">
        <f>IF(Input!$D$19=1,J2920*Input!$C$19,0)+IF(Input!$D$20=1,K2920*Input!$C$20,0)+IF(Input!$D$21=1,L2920*Input!$C$21,0)+IF(Input!$D$22=1,M2920*Input!$C$22,0)</f>
        <v>0.3334363273059423</v>
      </c>
      <c r="O2920" s="59">
        <f>IF(Input!$D$19=2,J2920*Input!$C$19,0)+IF(Input!$D$20=2,K2920*Input!$C$20,0)+IF(Input!$D$21=2,L2920*Input!$C$21,0)+IF(Input!$D$22=2,M2920*Input!$C$22,0)</f>
        <v>0.83359081826485582</v>
      </c>
      <c r="P2920" s="59">
        <f>IF(Input!$D$19=3,J2920*Input!$C$19,0)+IF(Input!$D$20=3,K2920*Input!$C$20,0)+IF(Input!$D$21=3,L2920*Input!$C$21,0)+IF(Input!$D$22=3,M2920*Input!$C$22,0)</f>
        <v>0</v>
      </c>
      <c r="Q2920" s="75">
        <f>IF(Input!$D$19=4,J2920*Input!$C$19,0)+IF(Input!$D$20=4,K2920*Input!$C$20,0)+IF(Input!$D$21=4,L2920*Input!$C$21,0)+IF(Input!$D$22=4,M2920*Input!$C$22,0)</f>
        <v>0</v>
      </c>
      <c r="R2920" s="58">
        <v>67.008012270011236</v>
      </c>
      <c r="S2920" s="124">
        <f t="shared" si="45"/>
        <v>1.4448907516590834</v>
      </c>
    </row>
    <row r="2921" spans="8:19" x14ac:dyDescent="0.3">
      <c r="H2921" s="44">
        <v>2914</v>
      </c>
      <c r="I2921" s="56">
        <f>Bühler!I2947</f>
        <v>0.35831963531384842</v>
      </c>
      <c r="J2921" s="59">
        <f>Bühler!J2947</f>
        <v>1.194398784379495</v>
      </c>
      <c r="K2921" s="59">
        <f>Bühler!K2947</f>
        <v>1.7915981765692421</v>
      </c>
      <c r="L2921" s="59">
        <f>Bühler!L2947</f>
        <v>8.5996712475323633</v>
      </c>
      <c r="M2921" s="58">
        <f>Bühler!M2947</f>
        <v>0</v>
      </c>
      <c r="N2921" s="56">
        <f>IF(Input!$D$19=1,J2921*Input!$C$19,0)+IF(Input!$D$20=1,K2921*Input!$C$20,0)+IF(Input!$D$21=1,L2921*Input!$C$21,0)+IF(Input!$D$22=1,M2921*Input!$C$22,0)</f>
        <v>0.35831963531384847</v>
      </c>
      <c r="O2921" s="59">
        <f>IF(Input!$D$19=2,J2921*Input!$C$19,0)+IF(Input!$D$20=2,K2921*Input!$C$20,0)+IF(Input!$D$21=2,L2921*Input!$C$21,0)+IF(Input!$D$22=2,M2921*Input!$C$22,0)</f>
        <v>0.89579908828462107</v>
      </c>
      <c r="P2921" s="59">
        <f>IF(Input!$D$19=3,J2921*Input!$C$19,0)+IF(Input!$D$20=3,K2921*Input!$C$20,0)+IF(Input!$D$21=3,L2921*Input!$C$21,0)+IF(Input!$D$22=3,M2921*Input!$C$22,0)</f>
        <v>0</v>
      </c>
      <c r="Q2921" s="75">
        <f>IF(Input!$D$19=4,J2921*Input!$C$19,0)+IF(Input!$D$20=4,K2921*Input!$C$20,0)+IF(Input!$D$21=4,L2921*Input!$C$21,0)+IF(Input!$D$22=4,M2921*Input!$C$22,0)</f>
        <v>0</v>
      </c>
      <c r="R2921" s="58">
        <v>67.410330430498163</v>
      </c>
      <c r="S2921" s="124">
        <f t="shared" si="45"/>
        <v>1.5527184196933435</v>
      </c>
    </row>
    <row r="2922" spans="8:19" x14ac:dyDescent="0.3">
      <c r="H2922" s="44">
        <v>2915</v>
      </c>
      <c r="I2922" s="56">
        <f>Bühler!I2948</f>
        <v>0.38817960492333581</v>
      </c>
      <c r="J2922" s="59">
        <f>Bühler!J2948</f>
        <v>1.2939320164111194</v>
      </c>
      <c r="K2922" s="59">
        <f>Bühler!K2948</f>
        <v>1.9408980246166792</v>
      </c>
      <c r="L2922" s="59">
        <f>Bühler!L2948</f>
        <v>9.3163105181600603</v>
      </c>
      <c r="M2922" s="58">
        <f>Bühler!M2948</f>
        <v>0</v>
      </c>
      <c r="N2922" s="56">
        <f>IF(Input!$D$19=1,J2922*Input!$C$19,0)+IF(Input!$D$20=1,K2922*Input!$C$20,0)+IF(Input!$D$21=1,L2922*Input!$C$21,0)+IF(Input!$D$22=1,M2922*Input!$C$22,0)</f>
        <v>0.38817960492333581</v>
      </c>
      <c r="O2922" s="59">
        <f>IF(Input!$D$19=2,J2922*Input!$C$19,0)+IF(Input!$D$20=2,K2922*Input!$C$20,0)+IF(Input!$D$21=2,L2922*Input!$C$21,0)+IF(Input!$D$22=2,M2922*Input!$C$22,0)</f>
        <v>0.97044901230833958</v>
      </c>
      <c r="P2922" s="59">
        <f>IF(Input!$D$19=3,J2922*Input!$C$19,0)+IF(Input!$D$20=3,K2922*Input!$C$20,0)+IF(Input!$D$21=3,L2922*Input!$C$21,0)+IF(Input!$D$22=3,M2922*Input!$C$22,0)</f>
        <v>0</v>
      </c>
      <c r="Q2922" s="75">
        <f>IF(Input!$D$19=4,J2922*Input!$C$19,0)+IF(Input!$D$20=4,K2922*Input!$C$20,0)+IF(Input!$D$21=4,L2922*Input!$C$21,0)+IF(Input!$D$22=4,M2922*Input!$C$22,0)</f>
        <v>0</v>
      </c>
      <c r="R2922" s="58">
        <v>68.094997792381946</v>
      </c>
      <c r="S2922" s="124">
        <f t="shared" si="45"/>
        <v>1.6821116213344554</v>
      </c>
    </row>
    <row r="2923" spans="8:19" x14ac:dyDescent="0.3">
      <c r="H2923" s="44">
        <v>2916</v>
      </c>
      <c r="I2923" s="56">
        <f>Bühler!I2949</f>
        <v>0.44789954414231054</v>
      </c>
      <c r="J2923" s="59">
        <f>Bühler!J2949</f>
        <v>1.4929984804743686</v>
      </c>
      <c r="K2923" s="59">
        <f>Bühler!K2949</f>
        <v>2.2394977207115527</v>
      </c>
      <c r="L2923" s="59">
        <f>Bühler!L2949</f>
        <v>10.749589059415452</v>
      </c>
      <c r="M2923" s="58">
        <f>Bühler!M2949</f>
        <v>0</v>
      </c>
      <c r="N2923" s="56">
        <f>IF(Input!$D$19=1,J2923*Input!$C$19,0)+IF(Input!$D$20=1,K2923*Input!$C$20,0)+IF(Input!$D$21=1,L2923*Input!$C$21,0)+IF(Input!$D$22=1,M2923*Input!$C$22,0)</f>
        <v>0.44789954414231054</v>
      </c>
      <c r="O2923" s="59">
        <f>IF(Input!$D$19=2,J2923*Input!$C$19,0)+IF(Input!$D$20=2,K2923*Input!$C$20,0)+IF(Input!$D$21=2,L2923*Input!$C$21,0)+IF(Input!$D$22=2,M2923*Input!$C$22,0)</f>
        <v>1.1197488603557764</v>
      </c>
      <c r="P2923" s="59">
        <f>IF(Input!$D$19=3,J2923*Input!$C$19,0)+IF(Input!$D$20=3,K2923*Input!$C$20,0)+IF(Input!$D$21=3,L2923*Input!$C$21,0)+IF(Input!$D$22=3,M2923*Input!$C$22,0)</f>
        <v>0</v>
      </c>
      <c r="Q2923" s="75">
        <f>IF(Input!$D$19=4,J2923*Input!$C$19,0)+IF(Input!$D$20=4,K2923*Input!$C$20,0)+IF(Input!$D$21=4,L2923*Input!$C$21,0)+IF(Input!$D$22=4,M2923*Input!$C$22,0)</f>
        <v>0</v>
      </c>
      <c r="R2923" s="58">
        <v>68.514827473787449</v>
      </c>
      <c r="S2923" s="124">
        <f t="shared" si="45"/>
        <v>1.9408980246166792</v>
      </c>
    </row>
    <row r="2924" spans="8:19" x14ac:dyDescent="0.3">
      <c r="H2924" s="44">
        <v>2917</v>
      </c>
      <c r="I2924" s="56">
        <f>Bühler!I2950</f>
        <v>0.44789954414231054</v>
      </c>
      <c r="J2924" s="59">
        <f>Bühler!J2950</f>
        <v>1.4929984804743686</v>
      </c>
      <c r="K2924" s="59">
        <f>Bühler!K2950</f>
        <v>2.2394977207115527</v>
      </c>
      <c r="L2924" s="59">
        <f>Bühler!L2950</f>
        <v>10.749589059415452</v>
      </c>
      <c r="M2924" s="58">
        <f>Bühler!M2950</f>
        <v>0</v>
      </c>
      <c r="N2924" s="56">
        <f>IF(Input!$D$19=1,J2924*Input!$C$19,0)+IF(Input!$D$20=1,K2924*Input!$C$20,0)+IF(Input!$D$21=1,L2924*Input!$C$21,0)+IF(Input!$D$22=1,M2924*Input!$C$22,0)</f>
        <v>0.44789954414231054</v>
      </c>
      <c r="O2924" s="59">
        <f>IF(Input!$D$19=2,J2924*Input!$C$19,0)+IF(Input!$D$20=2,K2924*Input!$C$20,0)+IF(Input!$D$21=2,L2924*Input!$C$21,0)+IF(Input!$D$22=2,M2924*Input!$C$22,0)</f>
        <v>1.1197488603557764</v>
      </c>
      <c r="P2924" s="59">
        <f>IF(Input!$D$19=3,J2924*Input!$C$19,0)+IF(Input!$D$20=3,K2924*Input!$C$20,0)+IF(Input!$D$21=3,L2924*Input!$C$21,0)+IF(Input!$D$22=3,M2924*Input!$C$22,0)</f>
        <v>0</v>
      </c>
      <c r="Q2924" s="75">
        <f>IF(Input!$D$19=4,J2924*Input!$C$19,0)+IF(Input!$D$20=4,K2924*Input!$C$20,0)+IF(Input!$D$21=4,L2924*Input!$C$21,0)+IF(Input!$D$22=4,M2924*Input!$C$22,0)</f>
        <v>0</v>
      </c>
      <c r="R2924" s="58">
        <v>68.198955917129837</v>
      </c>
      <c r="S2924" s="124">
        <f t="shared" si="45"/>
        <v>1.9408980246166792</v>
      </c>
    </row>
    <row r="2925" spans="8:19" x14ac:dyDescent="0.3">
      <c r="H2925" s="44">
        <v>2918</v>
      </c>
      <c r="I2925" s="56">
        <f>Bühler!I2951</f>
        <v>0.44789954414231054</v>
      </c>
      <c r="J2925" s="59">
        <f>Bühler!J2951</f>
        <v>1.4929984804743686</v>
      </c>
      <c r="K2925" s="59">
        <f>Bühler!K2951</f>
        <v>2.2394977207115527</v>
      </c>
      <c r="L2925" s="59">
        <f>Bühler!L2951</f>
        <v>10.749589059415452</v>
      </c>
      <c r="M2925" s="58">
        <f>Bühler!M2951</f>
        <v>0</v>
      </c>
      <c r="N2925" s="56">
        <f>IF(Input!$D$19=1,J2925*Input!$C$19,0)+IF(Input!$D$20=1,K2925*Input!$C$20,0)+IF(Input!$D$21=1,L2925*Input!$C$21,0)+IF(Input!$D$22=1,M2925*Input!$C$22,0)</f>
        <v>0.44789954414231054</v>
      </c>
      <c r="O2925" s="59">
        <f>IF(Input!$D$19=2,J2925*Input!$C$19,0)+IF(Input!$D$20=2,K2925*Input!$C$20,0)+IF(Input!$D$21=2,L2925*Input!$C$21,0)+IF(Input!$D$22=2,M2925*Input!$C$22,0)</f>
        <v>1.1197488603557764</v>
      </c>
      <c r="P2925" s="59">
        <f>IF(Input!$D$19=3,J2925*Input!$C$19,0)+IF(Input!$D$20=3,K2925*Input!$C$20,0)+IF(Input!$D$21=3,L2925*Input!$C$21,0)+IF(Input!$D$22=3,M2925*Input!$C$22,0)</f>
        <v>0</v>
      </c>
      <c r="Q2925" s="75">
        <f>IF(Input!$D$19=4,J2925*Input!$C$19,0)+IF(Input!$D$20=4,K2925*Input!$C$20,0)+IF(Input!$D$21=4,L2925*Input!$C$21,0)+IF(Input!$D$22=4,M2925*Input!$C$22,0)</f>
        <v>0</v>
      </c>
      <c r="R2925" s="58">
        <v>67.835139530869554</v>
      </c>
      <c r="S2925" s="124">
        <f t="shared" si="45"/>
        <v>1.9408980246166792</v>
      </c>
    </row>
    <row r="2926" spans="8:19" x14ac:dyDescent="0.3">
      <c r="H2926" s="44">
        <v>2919</v>
      </c>
      <c r="I2926" s="56">
        <f>Bühler!I2952</f>
        <v>0.44789954414231054</v>
      </c>
      <c r="J2926" s="59">
        <f>Bühler!J2952</f>
        <v>1.4929984804743686</v>
      </c>
      <c r="K2926" s="59">
        <f>Bühler!K2952</f>
        <v>2.2394977207115527</v>
      </c>
      <c r="L2926" s="59">
        <f>Bühler!L2952</f>
        <v>10.749589059415452</v>
      </c>
      <c r="M2926" s="58">
        <f>Bühler!M2952</f>
        <v>0</v>
      </c>
      <c r="N2926" s="56">
        <f>IF(Input!$D$19=1,J2926*Input!$C$19,0)+IF(Input!$D$20=1,K2926*Input!$C$20,0)+IF(Input!$D$21=1,L2926*Input!$C$21,0)+IF(Input!$D$22=1,M2926*Input!$C$22,0)</f>
        <v>0.44789954414231054</v>
      </c>
      <c r="O2926" s="59">
        <f>IF(Input!$D$19=2,J2926*Input!$C$19,0)+IF(Input!$D$20=2,K2926*Input!$C$20,0)+IF(Input!$D$21=2,L2926*Input!$C$21,0)+IF(Input!$D$22=2,M2926*Input!$C$22,0)</f>
        <v>1.1197488603557764</v>
      </c>
      <c r="P2926" s="59">
        <f>IF(Input!$D$19=3,J2926*Input!$C$19,0)+IF(Input!$D$20=3,K2926*Input!$C$20,0)+IF(Input!$D$21=3,L2926*Input!$C$21,0)+IF(Input!$D$22=3,M2926*Input!$C$22,0)</f>
        <v>0</v>
      </c>
      <c r="Q2926" s="75">
        <f>IF(Input!$D$19=4,J2926*Input!$C$19,0)+IF(Input!$D$20=4,K2926*Input!$C$20,0)+IF(Input!$D$21=4,L2926*Input!$C$21,0)+IF(Input!$D$22=4,M2926*Input!$C$22,0)</f>
        <v>0</v>
      </c>
      <c r="R2926" s="58">
        <v>68.004894383005734</v>
      </c>
      <c r="S2926" s="124">
        <f t="shared" si="45"/>
        <v>1.9408980246166792</v>
      </c>
    </row>
    <row r="2927" spans="8:19" x14ac:dyDescent="0.3">
      <c r="H2927" s="44">
        <v>2920</v>
      </c>
      <c r="I2927" s="56">
        <f>Bühler!I2953</f>
        <v>0.44789954414231054</v>
      </c>
      <c r="J2927" s="59">
        <f>Bühler!J2953</f>
        <v>1.4929984804743686</v>
      </c>
      <c r="K2927" s="59">
        <f>Bühler!K2953</f>
        <v>2.2394977207115527</v>
      </c>
      <c r="L2927" s="59">
        <f>Bühler!L2953</f>
        <v>10.749589059415452</v>
      </c>
      <c r="M2927" s="58">
        <f>Bühler!M2953</f>
        <v>0</v>
      </c>
      <c r="N2927" s="56">
        <f>IF(Input!$D$19=1,J2927*Input!$C$19,0)+IF(Input!$D$20=1,K2927*Input!$C$20,0)+IF(Input!$D$21=1,L2927*Input!$C$21,0)+IF(Input!$D$22=1,M2927*Input!$C$22,0)</f>
        <v>0.44789954414231054</v>
      </c>
      <c r="O2927" s="59">
        <f>IF(Input!$D$19=2,J2927*Input!$C$19,0)+IF(Input!$D$20=2,K2927*Input!$C$20,0)+IF(Input!$D$21=2,L2927*Input!$C$21,0)+IF(Input!$D$22=2,M2927*Input!$C$22,0)</f>
        <v>1.1197488603557764</v>
      </c>
      <c r="P2927" s="59">
        <f>IF(Input!$D$19=3,J2927*Input!$C$19,0)+IF(Input!$D$20=3,K2927*Input!$C$20,0)+IF(Input!$D$21=3,L2927*Input!$C$21,0)+IF(Input!$D$22=3,M2927*Input!$C$22,0)</f>
        <v>0</v>
      </c>
      <c r="Q2927" s="75">
        <f>IF(Input!$D$19=4,J2927*Input!$C$19,0)+IF(Input!$D$20=4,K2927*Input!$C$20,0)+IF(Input!$D$21=4,L2927*Input!$C$21,0)+IF(Input!$D$22=4,M2927*Input!$C$22,0)</f>
        <v>0</v>
      </c>
      <c r="R2927" s="58">
        <v>67.37036033236825</v>
      </c>
      <c r="S2927" s="124">
        <f t="shared" si="45"/>
        <v>1.9408980246166792</v>
      </c>
    </row>
    <row r="2928" spans="8:19" x14ac:dyDescent="0.3">
      <c r="H2928" s="44">
        <v>2921</v>
      </c>
      <c r="I2928" s="56">
        <f>Bühler!I2954</f>
        <v>0.44789954414231054</v>
      </c>
      <c r="J2928" s="59">
        <f>Bühler!J2954</f>
        <v>1.4929984804743686</v>
      </c>
      <c r="K2928" s="59">
        <f>Bühler!K2954</f>
        <v>2.2394977207115527</v>
      </c>
      <c r="L2928" s="59">
        <f>Bühler!L2954</f>
        <v>10.749589059415452</v>
      </c>
      <c r="M2928" s="58">
        <f>Bühler!M2954</f>
        <v>0</v>
      </c>
      <c r="N2928" s="56">
        <f>IF(Input!$D$19=1,J2928*Input!$C$19,0)+IF(Input!$D$20=1,K2928*Input!$C$20,0)+IF(Input!$D$21=1,L2928*Input!$C$21,0)+IF(Input!$D$22=1,M2928*Input!$C$22,0)</f>
        <v>0.44789954414231054</v>
      </c>
      <c r="O2928" s="59">
        <f>IF(Input!$D$19=2,J2928*Input!$C$19,0)+IF(Input!$D$20=2,K2928*Input!$C$20,0)+IF(Input!$D$21=2,L2928*Input!$C$21,0)+IF(Input!$D$22=2,M2928*Input!$C$22,0)</f>
        <v>1.1197488603557764</v>
      </c>
      <c r="P2928" s="59">
        <f>IF(Input!$D$19=3,J2928*Input!$C$19,0)+IF(Input!$D$20=3,K2928*Input!$C$20,0)+IF(Input!$D$21=3,L2928*Input!$C$21,0)+IF(Input!$D$22=3,M2928*Input!$C$22,0)</f>
        <v>0</v>
      </c>
      <c r="Q2928" s="75">
        <f>IF(Input!$D$19=4,J2928*Input!$C$19,0)+IF(Input!$D$20=4,K2928*Input!$C$20,0)+IF(Input!$D$21=4,L2928*Input!$C$21,0)+IF(Input!$D$22=4,M2928*Input!$C$22,0)</f>
        <v>0</v>
      </c>
      <c r="R2928" s="58">
        <v>66.57047402804173</v>
      </c>
      <c r="S2928" s="124">
        <f t="shared" si="45"/>
        <v>1.9408980246166792</v>
      </c>
    </row>
    <row r="2929" spans="8:19" x14ac:dyDescent="0.3">
      <c r="H2929" s="44">
        <v>2922</v>
      </c>
      <c r="I2929" s="56">
        <f>Bühler!I2955</f>
        <v>0.44789954414231054</v>
      </c>
      <c r="J2929" s="59">
        <f>Bühler!J2955</f>
        <v>1.4929984804743686</v>
      </c>
      <c r="K2929" s="59">
        <f>Bühler!K2955</f>
        <v>2.2394977207115527</v>
      </c>
      <c r="L2929" s="59">
        <f>Bühler!L2955</f>
        <v>10.749589059415452</v>
      </c>
      <c r="M2929" s="58">
        <f>Bühler!M2955</f>
        <v>0</v>
      </c>
      <c r="N2929" s="56">
        <f>IF(Input!$D$19=1,J2929*Input!$C$19,0)+IF(Input!$D$20=1,K2929*Input!$C$20,0)+IF(Input!$D$21=1,L2929*Input!$C$21,0)+IF(Input!$D$22=1,M2929*Input!$C$22,0)</f>
        <v>0.44789954414231054</v>
      </c>
      <c r="O2929" s="59">
        <f>IF(Input!$D$19=2,J2929*Input!$C$19,0)+IF(Input!$D$20=2,K2929*Input!$C$20,0)+IF(Input!$D$21=2,L2929*Input!$C$21,0)+IF(Input!$D$22=2,M2929*Input!$C$22,0)</f>
        <v>1.1197488603557764</v>
      </c>
      <c r="P2929" s="59">
        <f>IF(Input!$D$19=3,J2929*Input!$C$19,0)+IF(Input!$D$20=3,K2929*Input!$C$20,0)+IF(Input!$D$21=3,L2929*Input!$C$21,0)+IF(Input!$D$22=3,M2929*Input!$C$22,0)</f>
        <v>0</v>
      </c>
      <c r="Q2929" s="75">
        <f>IF(Input!$D$19=4,J2929*Input!$C$19,0)+IF(Input!$D$20=4,K2929*Input!$C$20,0)+IF(Input!$D$21=4,L2929*Input!$C$21,0)+IF(Input!$D$22=4,M2929*Input!$C$22,0)</f>
        <v>0</v>
      </c>
      <c r="R2929" s="58">
        <v>65.292045915971471</v>
      </c>
      <c r="S2929" s="124">
        <f t="shared" si="45"/>
        <v>1.9408980246166792</v>
      </c>
    </row>
    <row r="2930" spans="8:19" x14ac:dyDescent="0.3">
      <c r="H2930" s="44">
        <v>2923</v>
      </c>
      <c r="I2930" s="56">
        <f>Bühler!I2956</f>
        <v>0.44789954414231054</v>
      </c>
      <c r="J2930" s="59">
        <f>Bühler!J2956</f>
        <v>1.4929984804743686</v>
      </c>
      <c r="K2930" s="59">
        <f>Bühler!K2956</f>
        <v>2.2394977207115527</v>
      </c>
      <c r="L2930" s="59">
        <f>Bühler!L2956</f>
        <v>10.749589059415452</v>
      </c>
      <c r="M2930" s="58">
        <f>Bühler!M2956</f>
        <v>0</v>
      </c>
      <c r="N2930" s="56">
        <f>IF(Input!$D$19=1,J2930*Input!$C$19,0)+IF(Input!$D$20=1,K2930*Input!$C$20,0)+IF(Input!$D$21=1,L2930*Input!$C$21,0)+IF(Input!$D$22=1,M2930*Input!$C$22,0)</f>
        <v>0.44789954414231054</v>
      </c>
      <c r="O2930" s="59">
        <f>IF(Input!$D$19=2,J2930*Input!$C$19,0)+IF(Input!$D$20=2,K2930*Input!$C$20,0)+IF(Input!$D$21=2,L2930*Input!$C$21,0)+IF(Input!$D$22=2,M2930*Input!$C$22,0)</f>
        <v>1.1197488603557764</v>
      </c>
      <c r="P2930" s="59">
        <f>IF(Input!$D$19=3,J2930*Input!$C$19,0)+IF(Input!$D$20=3,K2930*Input!$C$20,0)+IF(Input!$D$21=3,L2930*Input!$C$21,0)+IF(Input!$D$22=3,M2930*Input!$C$22,0)</f>
        <v>0</v>
      </c>
      <c r="Q2930" s="75">
        <f>IF(Input!$D$19=4,J2930*Input!$C$19,0)+IF(Input!$D$20=4,K2930*Input!$C$20,0)+IF(Input!$D$21=4,L2930*Input!$C$21,0)+IF(Input!$D$22=4,M2930*Input!$C$22,0)</f>
        <v>0</v>
      </c>
      <c r="R2930" s="58">
        <v>63.96955100323391</v>
      </c>
      <c r="S2930" s="124">
        <f t="shared" si="45"/>
        <v>1.9408980246166792</v>
      </c>
    </row>
    <row r="2931" spans="8:19" x14ac:dyDescent="0.3">
      <c r="H2931" s="44">
        <v>2924</v>
      </c>
      <c r="I2931" s="56">
        <f>Bühler!I2957</f>
        <v>0.37324962011859214</v>
      </c>
      <c r="J2931" s="59">
        <f>Bühler!J2957</f>
        <v>1.2441654003953073</v>
      </c>
      <c r="K2931" s="59">
        <f>Bühler!K2957</f>
        <v>1.8662481005929608</v>
      </c>
      <c r="L2931" s="59">
        <f>Bühler!L2957</f>
        <v>8.9579908828462109</v>
      </c>
      <c r="M2931" s="58">
        <f>Bühler!M2957</f>
        <v>0</v>
      </c>
      <c r="N2931" s="56">
        <f>IF(Input!$D$19=1,J2931*Input!$C$19,0)+IF(Input!$D$20=1,K2931*Input!$C$20,0)+IF(Input!$D$21=1,L2931*Input!$C$21,0)+IF(Input!$D$22=1,M2931*Input!$C$22,0)</f>
        <v>0.3732496201185922</v>
      </c>
      <c r="O2931" s="59">
        <f>IF(Input!$D$19=2,J2931*Input!$C$19,0)+IF(Input!$D$20=2,K2931*Input!$C$20,0)+IF(Input!$D$21=2,L2931*Input!$C$21,0)+IF(Input!$D$22=2,M2931*Input!$C$22,0)</f>
        <v>0.93312405029648038</v>
      </c>
      <c r="P2931" s="59">
        <f>IF(Input!$D$19=3,J2931*Input!$C$19,0)+IF(Input!$D$20=3,K2931*Input!$C$20,0)+IF(Input!$D$21=3,L2931*Input!$C$21,0)+IF(Input!$D$22=3,M2931*Input!$C$22,0)</f>
        <v>0</v>
      </c>
      <c r="Q2931" s="75">
        <f>IF(Input!$D$19=4,J2931*Input!$C$19,0)+IF(Input!$D$20=4,K2931*Input!$C$20,0)+IF(Input!$D$21=4,L2931*Input!$C$21,0)+IF(Input!$D$22=4,M2931*Input!$C$22,0)</f>
        <v>0</v>
      </c>
      <c r="R2931" s="58">
        <v>63.18739591334262</v>
      </c>
      <c r="S2931" s="124">
        <f t="shared" si="45"/>
        <v>1.6174150205138995</v>
      </c>
    </row>
    <row r="2932" spans="8:19" x14ac:dyDescent="0.3">
      <c r="H2932" s="44">
        <v>2925</v>
      </c>
      <c r="I2932" s="56">
        <f>Bühler!I2958</f>
        <v>0.29859969609487369</v>
      </c>
      <c r="J2932" s="59">
        <f>Bühler!J2958</f>
        <v>0.99533232031624574</v>
      </c>
      <c r="K2932" s="59">
        <f>Bühler!K2958</f>
        <v>1.4929984804743686</v>
      </c>
      <c r="L2932" s="59">
        <f>Bühler!L2958</f>
        <v>7.1663927062769686</v>
      </c>
      <c r="M2932" s="58">
        <f>Bühler!M2958</f>
        <v>0</v>
      </c>
      <c r="N2932" s="56">
        <f>IF(Input!$D$19=1,J2932*Input!$C$19,0)+IF(Input!$D$20=1,K2932*Input!$C$20,0)+IF(Input!$D$21=1,L2932*Input!$C$21,0)+IF(Input!$D$22=1,M2932*Input!$C$22,0)</f>
        <v>0.29859969609487369</v>
      </c>
      <c r="O2932" s="59">
        <f>IF(Input!$D$19=2,J2932*Input!$C$19,0)+IF(Input!$D$20=2,K2932*Input!$C$20,0)+IF(Input!$D$21=2,L2932*Input!$C$21,0)+IF(Input!$D$22=2,M2932*Input!$C$22,0)</f>
        <v>0.74649924023718428</v>
      </c>
      <c r="P2932" s="59">
        <f>IF(Input!$D$19=3,J2932*Input!$C$19,0)+IF(Input!$D$20=3,K2932*Input!$C$20,0)+IF(Input!$D$21=3,L2932*Input!$C$21,0)+IF(Input!$D$22=3,M2932*Input!$C$22,0)</f>
        <v>0</v>
      </c>
      <c r="Q2932" s="75">
        <f>IF(Input!$D$19=4,J2932*Input!$C$19,0)+IF(Input!$D$20=4,K2932*Input!$C$20,0)+IF(Input!$D$21=4,L2932*Input!$C$21,0)+IF(Input!$D$22=4,M2932*Input!$C$22,0)</f>
        <v>0</v>
      </c>
      <c r="R2932" s="58">
        <v>61.473390482319594</v>
      </c>
      <c r="S2932" s="124">
        <f t="shared" si="45"/>
        <v>1.2939320164111194</v>
      </c>
    </row>
    <row r="2933" spans="8:19" x14ac:dyDescent="0.3">
      <c r="H2933" s="44">
        <v>2926</v>
      </c>
      <c r="I2933" s="56">
        <f>Bühler!I2959</f>
        <v>0.22394977207115527</v>
      </c>
      <c r="J2933" s="59">
        <f>Bühler!J2959</f>
        <v>0.74649924023718428</v>
      </c>
      <c r="K2933" s="59">
        <f>Bühler!K2959</f>
        <v>1.1197488603557764</v>
      </c>
      <c r="L2933" s="59">
        <f>Bühler!L2959</f>
        <v>5.3747945297077262</v>
      </c>
      <c r="M2933" s="58">
        <f>Bühler!M2959</f>
        <v>0</v>
      </c>
      <c r="N2933" s="56">
        <f>IF(Input!$D$19=1,J2933*Input!$C$19,0)+IF(Input!$D$20=1,K2933*Input!$C$20,0)+IF(Input!$D$21=1,L2933*Input!$C$21,0)+IF(Input!$D$22=1,M2933*Input!$C$22,0)</f>
        <v>0.22394977207115527</v>
      </c>
      <c r="O2933" s="59">
        <f>IF(Input!$D$19=2,J2933*Input!$C$19,0)+IF(Input!$D$20=2,K2933*Input!$C$20,0)+IF(Input!$D$21=2,L2933*Input!$C$21,0)+IF(Input!$D$22=2,M2933*Input!$C$22,0)</f>
        <v>0.55987443017788818</v>
      </c>
      <c r="P2933" s="59">
        <f>IF(Input!$D$19=3,J2933*Input!$C$19,0)+IF(Input!$D$20=3,K2933*Input!$C$20,0)+IF(Input!$D$21=3,L2933*Input!$C$21,0)+IF(Input!$D$22=3,M2933*Input!$C$22,0)</f>
        <v>0</v>
      </c>
      <c r="Q2933" s="75">
        <f>IF(Input!$D$19=4,J2933*Input!$C$19,0)+IF(Input!$D$20=4,K2933*Input!$C$20,0)+IF(Input!$D$21=4,L2933*Input!$C$21,0)+IF(Input!$D$22=4,M2933*Input!$C$22,0)</f>
        <v>0</v>
      </c>
      <c r="R2933" s="58">
        <v>60.161889640394804</v>
      </c>
      <c r="S2933" s="124">
        <f t="shared" si="45"/>
        <v>0.97044901230833958</v>
      </c>
    </row>
    <row r="2934" spans="8:19" x14ac:dyDescent="0.3">
      <c r="H2934" s="44">
        <v>2927</v>
      </c>
      <c r="I2934" s="56">
        <f>Bühler!I2960</f>
        <v>0.22394977207115527</v>
      </c>
      <c r="J2934" s="59">
        <f>Bühler!J2960</f>
        <v>0.74649924023718428</v>
      </c>
      <c r="K2934" s="59">
        <f>Bühler!K2960</f>
        <v>1.1197488603557764</v>
      </c>
      <c r="L2934" s="59">
        <f>Bühler!L2960</f>
        <v>5.3747945297077262</v>
      </c>
      <c r="M2934" s="58">
        <f>Bühler!M2960</f>
        <v>0</v>
      </c>
      <c r="N2934" s="56">
        <f>IF(Input!$D$19=1,J2934*Input!$C$19,0)+IF(Input!$D$20=1,K2934*Input!$C$20,0)+IF(Input!$D$21=1,L2934*Input!$C$21,0)+IF(Input!$D$22=1,M2934*Input!$C$22,0)</f>
        <v>0.22394977207115527</v>
      </c>
      <c r="O2934" s="59">
        <f>IF(Input!$D$19=2,J2934*Input!$C$19,0)+IF(Input!$D$20=2,K2934*Input!$C$20,0)+IF(Input!$D$21=2,L2934*Input!$C$21,0)+IF(Input!$D$22=2,M2934*Input!$C$22,0)</f>
        <v>0.55987443017788818</v>
      </c>
      <c r="P2934" s="59">
        <f>IF(Input!$D$19=3,J2934*Input!$C$19,0)+IF(Input!$D$20=3,K2934*Input!$C$20,0)+IF(Input!$D$21=3,L2934*Input!$C$21,0)+IF(Input!$D$22=3,M2934*Input!$C$22,0)</f>
        <v>0</v>
      </c>
      <c r="Q2934" s="75">
        <f>IF(Input!$D$19=4,J2934*Input!$C$19,0)+IF(Input!$D$20=4,K2934*Input!$C$20,0)+IF(Input!$D$21=4,L2934*Input!$C$21,0)+IF(Input!$D$22=4,M2934*Input!$C$22,0)</f>
        <v>0</v>
      </c>
      <c r="R2934" s="58">
        <v>59.597836941579303</v>
      </c>
      <c r="S2934" s="124">
        <f t="shared" si="45"/>
        <v>0.97044901230833958</v>
      </c>
    </row>
    <row r="2935" spans="8:19" x14ac:dyDescent="0.3">
      <c r="H2935" s="44">
        <v>2928</v>
      </c>
      <c r="I2935" s="56">
        <f>Bühler!I2961</f>
        <v>0.22394977207115527</v>
      </c>
      <c r="J2935" s="59">
        <f>Bühler!J2961</f>
        <v>0.74649924023718428</v>
      </c>
      <c r="K2935" s="59">
        <f>Bühler!K2961</f>
        <v>1.1197488603557764</v>
      </c>
      <c r="L2935" s="59">
        <f>Bühler!L2961</f>
        <v>5.3747945297077262</v>
      </c>
      <c r="M2935" s="58">
        <f>Bühler!M2961</f>
        <v>0</v>
      </c>
      <c r="N2935" s="56">
        <f>IF(Input!$D$19=1,J2935*Input!$C$19,0)+IF(Input!$D$20=1,K2935*Input!$C$20,0)+IF(Input!$D$21=1,L2935*Input!$C$21,0)+IF(Input!$D$22=1,M2935*Input!$C$22,0)</f>
        <v>0.22394977207115527</v>
      </c>
      <c r="O2935" s="59">
        <f>IF(Input!$D$19=2,J2935*Input!$C$19,0)+IF(Input!$D$20=2,K2935*Input!$C$20,0)+IF(Input!$D$21=2,L2935*Input!$C$21,0)+IF(Input!$D$22=2,M2935*Input!$C$22,0)</f>
        <v>0.55987443017788818</v>
      </c>
      <c r="P2935" s="59">
        <f>IF(Input!$D$19=3,J2935*Input!$C$19,0)+IF(Input!$D$20=3,K2935*Input!$C$20,0)+IF(Input!$D$21=3,L2935*Input!$C$21,0)+IF(Input!$D$22=3,M2935*Input!$C$22,0)</f>
        <v>0</v>
      </c>
      <c r="Q2935" s="75">
        <f>IF(Input!$D$19=4,J2935*Input!$C$19,0)+IF(Input!$D$20=4,K2935*Input!$C$20,0)+IF(Input!$D$21=4,L2935*Input!$C$21,0)+IF(Input!$D$22=4,M2935*Input!$C$22,0)</f>
        <v>0</v>
      </c>
      <c r="R2935" s="58">
        <v>58.939004093677916</v>
      </c>
      <c r="S2935" s="124">
        <f t="shared" si="45"/>
        <v>0.97044901230833958</v>
      </c>
    </row>
    <row r="2936" spans="8:19" x14ac:dyDescent="0.3">
      <c r="H2936" s="44">
        <v>2929</v>
      </c>
      <c r="I2936" s="56">
        <f>Bühler!I2962</f>
        <v>0.22527116535414612</v>
      </c>
      <c r="J2936" s="59">
        <f>Bühler!J2962</f>
        <v>0.75090388451382051</v>
      </c>
      <c r="K2936" s="59">
        <f>Bühler!K2962</f>
        <v>1.1263558267707305</v>
      </c>
      <c r="L2936" s="59">
        <f>Bühler!L2962</f>
        <v>5.4065079684995068</v>
      </c>
      <c r="M2936" s="58">
        <f>Bühler!M2962</f>
        <v>0</v>
      </c>
      <c r="N2936" s="56">
        <f>IF(Input!$D$19=1,J2936*Input!$C$19,0)+IF(Input!$D$20=1,K2936*Input!$C$20,0)+IF(Input!$D$21=1,L2936*Input!$C$21,0)+IF(Input!$D$22=1,M2936*Input!$C$22,0)</f>
        <v>0.22527116535414615</v>
      </c>
      <c r="O2936" s="59">
        <f>IF(Input!$D$19=2,J2936*Input!$C$19,0)+IF(Input!$D$20=2,K2936*Input!$C$20,0)+IF(Input!$D$21=2,L2936*Input!$C$21,0)+IF(Input!$D$22=2,M2936*Input!$C$22,0)</f>
        <v>0.56317791338536527</v>
      </c>
      <c r="P2936" s="59">
        <f>IF(Input!$D$19=3,J2936*Input!$C$19,0)+IF(Input!$D$20=3,K2936*Input!$C$20,0)+IF(Input!$D$21=3,L2936*Input!$C$21,0)+IF(Input!$D$22=3,M2936*Input!$C$22,0)</f>
        <v>0</v>
      </c>
      <c r="Q2936" s="75">
        <f>IF(Input!$D$19=4,J2936*Input!$C$19,0)+IF(Input!$D$20=4,K2936*Input!$C$20,0)+IF(Input!$D$21=4,L2936*Input!$C$21,0)+IF(Input!$D$22=4,M2936*Input!$C$22,0)</f>
        <v>0</v>
      </c>
      <c r="R2936" s="58">
        <v>58.313313192524213</v>
      </c>
      <c r="S2936" s="124">
        <f t="shared" si="45"/>
        <v>0.97617504986796666</v>
      </c>
    </row>
    <row r="2937" spans="8:19" x14ac:dyDescent="0.3">
      <c r="H2937" s="44">
        <v>2930</v>
      </c>
      <c r="I2937" s="56">
        <f>Bühler!I2963</f>
        <v>0.22527116535414612</v>
      </c>
      <c r="J2937" s="59">
        <f>Bühler!J2963</f>
        <v>0.75090388451382051</v>
      </c>
      <c r="K2937" s="59">
        <f>Bühler!K2963</f>
        <v>1.1263558267707305</v>
      </c>
      <c r="L2937" s="59">
        <f>Bühler!L2963</f>
        <v>5.4065079684995068</v>
      </c>
      <c r="M2937" s="58">
        <f>Bühler!M2963</f>
        <v>0</v>
      </c>
      <c r="N2937" s="56">
        <f>IF(Input!$D$19=1,J2937*Input!$C$19,0)+IF(Input!$D$20=1,K2937*Input!$C$20,0)+IF(Input!$D$21=1,L2937*Input!$C$21,0)+IF(Input!$D$22=1,M2937*Input!$C$22,0)</f>
        <v>0.22527116535414615</v>
      </c>
      <c r="O2937" s="59">
        <f>IF(Input!$D$19=2,J2937*Input!$C$19,0)+IF(Input!$D$20=2,K2937*Input!$C$20,0)+IF(Input!$D$21=2,L2937*Input!$C$21,0)+IF(Input!$D$22=2,M2937*Input!$C$22,0)</f>
        <v>0.56317791338536527</v>
      </c>
      <c r="P2937" s="59">
        <f>IF(Input!$D$19=3,J2937*Input!$C$19,0)+IF(Input!$D$20=3,K2937*Input!$C$20,0)+IF(Input!$D$21=3,L2937*Input!$C$21,0)+IF(Input!$D$22=3,M2937*Input!$C$22,0)</f>
        <v>0</v>
      </c>
      <c r="Q2937" s="75">
        <f>IF(Input!$D$19=4,J2937*Input!$C$19,0)+IF(Input!$D$20=4,K2937*Input!$C$20,0)+IF(Input!$D$21=4,L2937*Input!$C$21,0)+IF(Input!$D$22=4,M2937*Input!$C$22,0)</f>
        <v>0</v>
      </c>
      <c r="R2937" s="58">
        <v>57.654875365373165</v>
      </c>
      <c r="S2937" s="124">
        <f t="shared" si="45"/>
        <v>0.97617504986796666</v>
      </c>
    </row>
    <row r="2938" spans="8:19" x14ac:dyDescent="0.3">
      <c r="H2938" s="44">
        <v>2931</v>
      </c>
      <c r="I2938" s="56">
        <f>Bühler!I2964</f>
        <v>0.22527116535414612</v>
      </c>
      <c r="J2938" s="59">
        <f>Bühler!J2964</f>
        <v>0.75090388451382051</v>
      </c>
      <c r="K2938" s="59">
        <f>Bühler!K2964</f>
        <v>1.1263558267707305</v>
      </c>
      <c r="L2938" s="59">
        <f>Bühler!L2964</f>
        <v>5.4065079684995068</v>
      </c>
      <c r="M2938" s="58">
        <f>Bühler!M2964</f>
        <v>0</v>
      </c>
      <c r="N2938" s="56">
        <f>IF(Input!$D$19=1,J2938*Input!$C$19,0)+IF(Input!$D$20=1,K2938*Input!$C$20,0)+IF(Input!$D$21=1,L2938*Input!$C$21,0)+IF(Input!$D$22=1,M2938*Input!$C$22,0)</f>
        <v>0.22527116535414615</v>
      </c>
      <c r="O2938" s="59">
        <f>IF(Input!$D$19=2,J2938*Input!$C$19,0)+IF(Input!$D$20=2,K2938*Input!$C$20,0)+IF(Input!$D$21=2,L2938*Input!$C$21,0)+IF(Input!$D$22=2,M2938*Input!$C$22,0)</f>
        <v>0.56317791338536527</v>
      </c>
      <c r="P2938" s="59">
        <f>IF(Input!$D$19=3,J2938*Input!$C$19,0)+IF(Input!$D$20=3,K2938*Input!$C$20,0)+IF(Input!$D$21=3,L2938*Input!$C$21,0)+IF(Input!$D$22=3,M2938*Input!$C$22,0)</f>
        <v>0</v>
      </c>
      <c r="Q2938" s="75">
        <f>IF(Input!$D$19=4,J2938*Input!$C$19,0)+IF(Input!$D$20=4,K2938*Input!$C$20,0)+IF(Input!$D$21=4,L2938*Input!$C$21,0)+IF(Input!$D$22=4,M2938*Input!$C$22,0)</f>
        <v>0</v>
      </c>
      <c r="R2938" s="58">
        <v>58.164760598626046</v>
      </c>
      <c r="S2938" s="124">
        <f t="shared" si="45"/>
        <v>0.97617504986796666</v>
      </c>
    </row>
    <row r="2939" spans="8:19" x14ac:dyDescent="0.3">
      <c r="H2939" s="44">
        <v>2932</v>
      </c>
      <c r="I2939" s="56">
        <f>Bühler!I2965</f>
        <v>0.22527116535414612</v>
      </c>
      <c r="J2939" s="59">
        <f>Bühler!J2965</f>
        <v>0.75090388451382051</v>
      </c>
      <c r="K2939" s="59">
        <f>Bühler!K2965</f>
        <v>1.1263558267707305</v>
      </c>
      <c r="L2939" s="59">
        <f>Bühler!L2965</f>
        <v>5.4065079684995068</v>
      </c>
      <c r="M2939" s="58">
        <f>Bühler!M2965</f>
        <v>0</v>
      </c>
      <c r="N2939" s="56">
        <f>IF(Input!$D$19=1,J2939*Input!$C$19,0)+IF(Input!$D$20=1,K2939*Input!$C$20,0)+IF(Input!$D$21=1,L2939*Input!$C$21,0)+IF(Input!$D$22=1,M2939*Input!$C$22,0)</f>
        <v>0.22527116535414615</v>
      </c>
      <c r="O2939" s="59">
        <f>IF(Input!$D$19=2,J2939*Input!$C$19,0)+IF(Input!$D$20=2,K2939*Input!$C$20,0)+IF(Input!$D$21=2,L2939*Input!$C$21,0)+IF(Input!$D$22=2,M2939*Input!$C$22,0)</f>
        <v>0.56317791338536527</v>
      </c>
      <c r="P2939" s="59">
        <f>IF(Input!$D$19=3,J2939*Input!$C$19,0)+IF(Input!$D$20=3,K2939*Input!$C$20,0)+IF(Input!$D$21=3,L2939*Input!$C$21,0)+IF(Input!$D$22=3,M2939*Input!$C$22,0)</f>
        <v>0</v>
      </c>
      <c r="Q2939" s="75">
        <f>IF(Input!$D$19=4,J2939*Input!$C$19,0)+IF(Input!$D$20=4,K2939*Input!$C$20,0)+IF(Input!$D$21=4,L2939*Input!$C$21,0)+IF(Input!$D$22=4,M2939*Input!$C$22,0)</f>
        <v>0</v>
      </c>
      <c r="R2939" s="58">
        <v>58.760913832979682</v>
      </c>
      <c r="S2939" s="124">
        <f t="shared" si="45"/>
        <v>0.97617504986796666</v>
      </c>
    </row>
    <row r="2940" spans="8:19" x14ac:dyDescent="0.3">
      <c r="H2940" s="44">
        <v>2933</v>
      </c>
      <c r="I2940" s="56">
        <f>Bühler!I2966</f>
        <v>0.22527116535414612</v>
      </c>
      <c r="J2940" s="59">
        <f>Bühler!J2966</f>
        <v>0.75090388451382051</v>
      </c>
      <c r="K2940" s="59">
        <f>Bühler!K2966</f>
        <v>1.1263558267707305</v>
      </c>
      <c r="L2940" s="59">
        <f>Bühler!L2966</f>
        <v>5.4065079684995068</v>
      </c>
      <c r="M2940" s="58">
        <f>Bühler!M2966</f>
        <v>0</v>
      </c>
      <c r="N2940" s="56">
        <f>IF(Input!$D$19=1,J2940*Input!$C$19,0)+IF(Input!$D$20=1,K2940*Input!$C$20,0)+IF(Input!$D$21=1,L2940*Input!$C$21,0)+IF(Input!$D$22=1,M2940*Input!$C$22,0)</f>
        <v>0.22527116535414615</v>
      </c>
      <c r="O2940" s="59">
        <f>IF(Input!$D$19=2,J2940*Input!$C$19,0)+IF(Input!$D$20=2,K2940*Input!$C$20,0)+IF(Input!$D$21=2,L2940*Input!$C$21,0)+IF(Input!$D$22=2,M2940*Input!$C$22,0)</f>
        <v>0.56317791338536527</v>
      </c>
      <c r="P2940" s="59">
        <f>IF(Input!$D$19=3,J2940*Input!$C$19,0)+IF(Input!$D$20=3,K2940*Input!$C$20,0)+IF(Input!$D$21=3,L2940*Input!$C$21,0)+IF(Input!$D$22=3,M2940*Input!$C$22,0)</f>
        <v>0</v>
      </c>
      <c r="Q2940" s="75">
        <f>IF(Input!$D$19=4,J2940*Input!$C$19,0)+IF(Input!$D$20=4,K2940*Input!$C$20,0)+IF(Input!$D$21=4,L2940*Input!$C$21,0)+IF(Input!$D$22=4,M2940*Input!$C$22,0)</f>
        <v>0</v>
      </c>
      <c r="R2940" s="58">
        <v>59.897820524370474</v>
      </c>
      <c r="S2940" s="124">
        <f t="shared" si="45"/>
        <v>0.97617504986796666</v>
      </c>
    </row>
    <row r="2941" spans="8:19" x14ac:dyDescent="0.3">
      <c r="H2941" s="44">
        <v>2934</v>
      </c>
      <c r="I2941" s="56">
        <f>Bühler!I2967</f>
        <v>0.29034950201201054</v>
      </c>
      <c r="J2941" s="59">
        <f>Bühler!J2967</f>
        <v>0.96783167337336851</v>
      </c>
      <c r="K2941" s="59">
        <f>Bühler!K2967</f>
        <v>1.4517475100600525</v>
      </c>
      <c r="L2941" s="59">
        <f>Bühler!L2967</f>
        <v>6.9683880482882525</v>
      </c>
      <c r="M2941" s="58">
        <f>Bühler!M2967</f>
        <v>0</v>
      </c>
      <c r="N2941" s="56">
        <f>IF(Input!$D$19=1,J2941*Input!$C$19,0)+IF(Input!$D$20=1,K2941*Input!$C$20,0)+IF(Input!$D$21=1,L2941*Input!$C$21,0)+IF(Input!$D$22=1,M2941*Input!$C$22,0)</f>
        <v>0.29034950201201054</v>
      </c>
      <c r="O2941" s="59">
        <f>IF(Input!$D$19=2,J2941*Input!$C$19,0)+IF(Input!$D$20=2,K2941*Input!$C$20,0)+IF(Input!$D$21=2,L2941*Input!$C$21,0)+IF(Input!$D$22=2,M2941*Input!$C$22,0)</f>
        <v>0.72587375503002627</v>
      </c>
      <c r="P2941" s="59">
        <f>IF(Input!$D$19=3,J2941*Input!$C$19,0)+IF(Input!$D$20=3,K2941*Input!$C$20,0)+IF(Input!$D$21=3,L2941*Input!$C$21,0)+IF(Input!$D$22=3,M2941*Input!$C$22,0)</f>
        <v>0</v>
      </c>
      <c r="Q2941" s="75">
        <f>IF(Input!$D$19=4,J2941*Input!$C$19,0)+IF(Input!$D$20=4,K2941*Input!$C$20,0)+IF(Input!$D$21=4,L2941*Input!$C$21,0)+IF(Input!$D$22=4,M2941*Input!$C$22,0)</f>
        <v>0</v>
      </c>
      <c r="R2941" s="58">
        <v>62.839443081840834</v>
      </c>
      <c r="S2941" s="124">
        <f t="shared" si="45"/>
        <v>1.2581811753853791</v>
      </c>
    </row>
    <row r="2942" spans="8:19" x14ac:dyDescent="0.3">
      <c r="H2942" s="44">
        <v>2935</v>
      </c>
      <c r="I2942" s="56">
        <f>Bühler!I2968</f>
        <v>0.33540373508283972</v>
      </c>
      <c r="J2942" s="59">
        <f>Bühler!J2968</f>
        <v>1.1180124502761326</v>
      </c>
      <c r="K2942" s="59">
        <f>Bühler!K2968</f>
        <v>1.6770186754141987</v>
      </c>
      <c r="L2942" s="59">
        <f>Bühler!L2968</f>
        <v>8.0496896419881541</v>
      </c>
      <c r="M2942" s="58">
        <f>Bühler!M2968</f>
        <v>0</v>
      </c>
      <c r="N2942" s="56">
        <f>IF(Input!$D$19=1,J2942*Input!$C$19,0)+IF(Input!$D$20=1,K2942*Input!$C$20,0)+IF(Input!$D$21=1,L2942*Input!$C$21,0)+IF(Input!$D$22=1,M2942*Input!$C$22,0)</f>
        <v>0.33540373508283977</v>
      </c>
      <c r="O2942" s="59">
        <f>IF(Input!$D$19=2,J2942*Input!$C$19,0)+IF(Input!$D$20=2,K2942*Input!$C$20,0)+IF(Input!$D$21=2,L2942*Input!$C$21,0)+IF(Input!$D$22=2,M2942*Input!$C$22,0)</f>
        <v>0.83850933770709934</v>
      </c>
      <c r="P2942" s="59">
        <f>IF(Input!$D$19=3,J2942*Input!$C$19,0)+IF(Input!$D$20=3,K2942*Input!$C$20,0)+IF(Input!$D$21=3,L2942*Input!$C$21,0)+IF(Input!$D$22=3,M2942*Input!$C$22,0)</f>
        <v>0</v>
      </c>
      <c r="Q2942" s="75">
        <f>IF(Input!$D$19=4,J2942*Input!$C$19,0)+IF(Input!$D$20=4,K2942*Input!$C$20,0)+IF(Input!$D$21=4,L2942*Input!$C$21,0)+IF(Input!$D$22=4,M2942*Input!$C$22,0)</f>
        <v>0</v>
      </c>
      <c r="R2942" s="58">
        <v>65.721562530012733</v>
      </c>
      <c r="S2942" s="124">
        <f t="shared" si="45"/>
        <v>1.4534161853589724</v>
      </c>
    </row>
    <row r="2943" spans="8:19" x14ac:dyDescent="0.3">
      <c r="H2943" s="44">
        <v>2936</v>
      </c>
      <c r="I2943" s="56">
        <f>Bühler!I2969</f>
        <v>0.33540373508283972</v>
      </c>
      <c r="J2943" s="59">
        <f>Bühler!J2969</f>
        <v>1.1180124502761326</v>
      </c>
      <c r="K2943" s="59">
        <f>Bühler!K2969</f>
        <v>1.6770186754141987</v>
      </c>
      <c r="L2943" s="59">
        <f>Bühler!L2969</f>
        <v>8.0496896419881541</v>
      </c>
      <c r="M2943" s="58">
        <f>Bühler!M2969</f>
        <v>0</v>
      </c>
      <c r="N2943" s="56">
        <f>IF(Input!$D$19=1,J2943*Input!$C$19,0)+IF(Input!$D$20=1,K2943*Input!$C$20,0)+IF(Input!$D$21=1,L2943*Input!$C$21,0)+IF(Input!$D$22=1,M2943*Input!$C$22,0)</f>
        <v>0.33540373508283977</v>
      </c>
      <c r="O2943" s="59">
        <f>IF(Input!$D$19=2,J2943*Input!$C$19,0)+IF(Input!$D$20=2,K2943*Input!$C$20,0)+IF(Input!$D$21=2,L2943*Input!$C$21,0)+IF(Input!$D$22=2,M2943*Input!$C$22,0)</f>
        <v>0.83850933770709934</v>
      </c>
      <c r="P2943" s="59">
        <f>IF(Input!$D$19=3,J2943*Input!$C$19,0)+IF(Input!$D$20=3,K2943*Input!$C$20,0)+IF(Input!$D$21=3,L2943*Input!$C$21,0)+IF(Input!$D$22=3,M2943*Input!$C$22,0)</f>
        <v>0</v>
      </c>
      <c r="Q2943" s="75">
        <f>IF(Input!$D$19=4,J2943*Input!$C$19,0)+IF(Input!$D$20=4,K2943*Input!$C$20,0)+IF(Input!$D$21=4,L2943*Input!$C$21,0)+IF(Input!$D$22=4,M2943*Input!$C$22,0)</f>
        <v>0</v>
      </c>
      <c r="R2943" s="58">
        <v>67.453392556493441</v>
      </c>
      <c r="S2943" s="124">
        <f t="shared" si="45"/>
        <v>1.4534161853589724</v>
      </c>
    </row>
    <row r="2944" spans="8:19" x14ac:dyDescent="0.3">
      <c r="H2944" s="44">
        <v>2937</v>
      </c>
      <c r="I2944" s="56">
        <f>Bühler!I2970</f>
        <v>0.33540373508283972</v>
      </c>
      <c r="J2944" s="59">
        <f>Bühler!J2970</f>
        <v>1.1180124502761326</v>
      </c>
      <c r="K2944" s="59">
        <f>Bühler!K2970</f>
        <v>1.6770186754141987</v>
      </c>
      <c r="L2944" s="59">
        <f>Bühler!L2970</f>
        <v>8.0496896419881541</v>
      </c>
      <c r="M2944" s="58">
        <f>Bühler!M2970</f>
        <v>0</v>
      </c>
      <c r="N2944" s="56">
        <f>IF(Input!$D$19=1,J2944*Input!$C$19,0)+IF(Input!$D$20=1,K2944*Input!$C$20,0)+IF(Input!$D$21=1,L2944*Input!$C$21,0)+IF(Input!$D$22=1,M2944*Input!$C$22,0)</f>
        <v>0.33540373508283977</v>
      </c>
      <c r="O2944" s="59">
        <f>IF(Input!$D$19=2,J2944*Input!$C$19,0)+IF(Input!$D$20=2,K2944*Input!$C$20,0)+IF(Input!$D$21=2,L2944*Input!$C$21,0)+IF(Input!$D$22=2,M2944*Input!$C$22,0)</f>
        <v>0.83850933770709934</v>
      </c>
      <c r="P2944" s="59">
        <f>IF(Input!$D$19=3,J2944*Input!$C$19,0)+IF(Input!$D$20=3,K2944*Input!$C$20,0)+IF(Input!$D$21=3,L2944*Input!$C$21,0)+IF(Input!$D$22=3,M2944*Input!$C$22,0)</f>
        <v>0</v>
      </c>
      <c r="Q2944" s="75">
        <f>IF(Input!$D$19=4,J2944*Input!$C$19,0)+IF(Input!$D$20=4,K2944*Input!$C$20,0)+IF(Input!$D$21=4,L2944*Input!$C$21,0)+IF(Input!$D$22=4,M2944*Input!$C$22,0)</f>
        <v>0</v>
      </c>
      <c r="R2944" s="58">
        <v>68.282849772911561</v>
      </c>
      <c r="S2944" s="124">
        <f t="shared" si="45"/>
        <v>1.4534161853589724</v>
      </c>
    </row>
    <row r="2945" spans="8:19" x14ac:dyDescent="0.3">
      <c r="H2945" s="44">
        <v>2938</v>
      </c>
      <c r="I2945" s="56">
        <f>Bühler!I2971</f>
        <v>0.36043386456663379</v>
      </c>
      <c r="J2945" s="59">
        <f>Bühler!J2971</f>
        <v>1.2014462152221128</v>
      </c>
      <c r="K2945" s="59">
        <f>Bühler!K2971</f>
        <v>1.8021693228331688</v>
      </c>
      <c r="L2945" s="59">
        <f>Bühler!L2971</f>
        <v>8.6504127495992105</v>
      </c>
      <c r="M2945" s="58">
        <f>Bühler!M2971</f>
        <v>0</v>
      </c>
      <c r="N2945" s="56">
        <f>IF(Input!$D$19=1,J2945*Input!$C$19,0)+IF(Input!$D$20=1,K2945*Input!$C$20,0)+IF(Input!$D$21=1,L2945*Input!$C$21,0)+IF(Input!$D$22=1,M2945*Input!$C$22,0)</f>
        <v>0.36043386456663384</v>
      </c>
      <c r="O2945" s="59">
        <f>IF(Input!$D$19=2,J2945*Input!$C$19,0)+IF(Input!$D$20=2,K2945*Input!$C$20,0)+IF(Input!$D$21=2,L2945*Input!$C$21,0)+IF(Input!$D$22=2,M2945*Input!$C$22,0)</f>
        <v>0.90108466141658439</v>
      </c>
      <c r="P2945" s="59">
        <f>IF(Input!$D$19=3,J2945*Input!$C$19,0)+IF(Input!$D$20=3,K2945*Input!$C$20,0)+IF(Input!$D$21=3,L2945*Input!$C$21,0)+IF(Input!$D$22=3,M2945*Input!$C$22,0)</f>
        <v>0</v>
      </c>
      <c r="Q2945" s="75">
        <f>IF(Input!$D$19=4,J2945*Input!$C$19,0)+IF(Input!$D$20=4,K2945*Input!$C$20,0)+IF(Input!$D$21=4,L2945*Input!$C$21,0)+IF(Input!$D$22=4,M2945*Input!$C$22,0)</f>
        <v>0</v>
      </c>
      <c r="R2945" s="58">
        <v>67.911290313077345</v>
      </c>
      <c r="S2945" s="124">
        <f t="shared" si="45"/>
        <v>1.5618800797887467</v>
      </c>
    </row>
    <row r="2946" spans="8:19" x14ac:dyDescent="0.3">
      <c r="H2946" s="44">
        <v>2939</v>
      </c>
      <c r="I2946" s="56">
        <f>Bühler!I2972</f>
        <v>0.39047001994718661</v>
      </c>
      <c r="J2946" s="59">
        <f>Bühler!J2972</f>
        <v>1.3015667331572889</v>
      </c>
      <c r="K2946" s="59">
        <f>Bühler!K2972</f>
        <v>1.9523500997359329</v>
      </c>
      <c r="L2946" s="59">
        <f>Bühler!L2972</f>
        <v>9.3712804787324782</v>
      </c>
      <c r="M2946" s="58">
        <f>Bühler!M2972</f>
        <v>0</v>
      </c>
      <c r="N2946" s="56">
        <f>IF(Input!$D$19=1,J2946*Input!$C$19,0)+IF(Input!$D$20=1,K2946*Input!$C$20,0)+IF(Input!$D$21=1,L2946*Input!$C$21,0)+IF(Input!$D$22=1,M2946*Input!$C$22,0)</f>
        <v>0.39047001994718666</v>
      </c>
      <c r="O2946" s="59">
        <f>IF(Input!$D$19=2,J2946*Input!$C$19,0)+IF(Input!$D$20=2,K2946*Input!$C$20,0)+IF(Input!$D$21=2,L2946*Input!$C$21,0)+IF(Input!$D$22=2,M2946*Input!$C$22,0)</f>
        <v>0.97617504986796644</v>
      </c>
      <c r="P2946" s="59">
        <f>IF(Input!$D$19=3,J2946*Input!$C$19,0)+IF(Input!$D$20=3,K2946*Input!$C$20,0)+IF(Input!$D$21=3,L2946*Input!$C$21,0)+IF(Input!$D$22=3,M2946*Input!$C$22,0)</f>
        <v>0</v>
      </c>
      <c r="Q2946" s="75">
        <f>IF(Input!$D$19=4,J2946*Input!$C$19,0)+IF(Input!$D$20=4,K2946*Input!$C$20,0)+IF(Input!$D$21=4,L2946*Input!$C$21,0)+IF(Input!$D$22=4,M2946*Input!$C$22,0)</f>
        <v>0</v>
      </c>
      <c r="R2946" s="58">
        <v>68.35878931512525</v>
      </c>
      <c r="S2946" s="124">
        <f t="shared" si="45"/>
        <v>1.6920367531044755</v>
      </c>
    </row>
    <row r="2947" spans="8:19" x14ac:dyDescent="0.3">
      <c r="H2947" s="44">
        <v>2940</v>
      </c>
      <c r="I2947" s="56">
        <f>Bühler!I2973</f>
        <v>0.45054233070829225</v>
      </c>
      <c r="J2947" s="59">
        <f>Bühler!J2973</f>
        <v>1.501807769027641</v>
      </c>
      <c r="K2947" s="59">
        <f>Bühler!K2973</f>
        <v>2.2527116535414611</v>
      </c>
      <c r="L2947" s="59">
        <f>Bühler!L2973</f>
        <v>10.813015936999014</v>
      </c>
      <c r="M2947" s="58">
        <f>Bühler!M2973</f>
        <v>0</v>
      </c>
      <c r="N2947" s="56">
        <f>IF(Input!$D$19=1,J2947*Input!$C$19,0)+IF(Input!$D$20=1,K2947*Input!$C$20,0)+IF(Input!$D$21=1,L2947*Input!$C$21,0)+IF(Input!$D$22=1,M2947*Input!$C$22,0)</f>
        <v>0.4505423307082923</v>
      </c>
      <c r="O2947" s="59">
        <f>IF(Input!$D$19=2,J2947*Input!$C$19,0)+IF(Input!$D$20=2,K2947*Input!$C$20,0)+IF(Input!$D$21=2,L2947*Input!$C$21,0)+IF(Input!$D$22=2,M2947*Input!$C$22,0)</f>
        <v>1.1263558267707305</v>
      </c>
      <c r="P2947" s="59">
        <f>IF(Input!$D$19=3,J2947*Input!$C$19,0)+IF(Input!$D$20=3,K2947*Input!$C$20,0)+IF(Input!$D$21=3,L2947*Input!$C$21,0)+IF(Input!$D$22=3,M2947*Input!$C$22,0)</f>
        <v>0</v>
      </c>
      <c r="Q2947" s="75">
        <f>IF(Input!$D$19=4,J2947*Input!$C$19,0)+IF(Input!$D$20=4,K2947*Input!$C$20,0)+IF(Input!$D$21=4,L2947*Input!$C$21,0)+IF(Input!$D$22=4,M2947*Input!$C$22,0)</f>
        <v>0</v>
      </c>
      <c r="R2947" s="58">
        <v>68.589219276059225</v>
      </c>
      <c r="S2947" s="124">
        <f t="shared" si="45"/>
        <v>1.9523500997359333</v>
      </c>
    </row>
    <row r="2948" spans="8:19" x14ac:dyDescent="0.3">
      <c r="H2948" s="44">
        <v>2941</v>
      </c>
      <c r="I2948" s="56">
        <f>Bühler!I2974</f>
        <v>0.45054233070829225</v>
      </c>
      <c r="J2948" s="59">
        <f>Bühler!J2974</f>
        <v>1.501807769027641</v>
      </c>
      <c r="K2948" s="59">
        <f>Bühler!K2974</f>
        <v>2.2527116535414611</v>
      </c>
      <c r="L2948" s="59">
        <f>Bühler!L2974</f>
        <v>10.813015936999014</v>
      </c>
      <c r="M2948" s="58">
        <f>Bühler!M2974</f>
        <v>0</v>
      </c>
      <c r="N2948" s="56">
        <f>IF(Input!$D$19=1,J2948*Input!$C$19,0)+IF(Input!$D$20=1,K2948*Input!$C$20,0)+IF(Input!$D$21=1,L2948*Input!$C$21,0)+IF(Input!$D$22=1,M2948*Input!$C$22,0)</f>
        <v>0.4505423307082923</v>
      </c>
      <c r="O2948" s="59">
        <f>IF(Input!$D$19=2,J2948*Input!$C$19,0)+IF(Input!$D$20=2,K2948*Input!$C$20,0)+IF(Input!$D$21=2,L2948*Input!$C$21,0)+IF(Input!$D$22=2,M2948*Input!$C$22,0)</f>
        <v>1.1263558267707305</v>
      </c>
      <c r="P2948" s="59">
        <f>IF(Input!$D$19=3,J2948*Input!$C$19,0)+IF(Input!$D$20=3,K2948*Input!$C$20,0)+IF(Input!$D$21=3,L2948*Input!$C$21,0)+IF(Input!$D$22=3,M2948*Input!$C$22,0)</f>
        <v>0</v>
      </c>
      <c r="Q2948" s="75">
        <f>IF(Input!$D$19=4,J2948*Input!$C$19,0)+IF(Input!$D$20=4,K2948*Input!$C$20,0)+IF(Input!$D$21=4,L2948*Input!$C$21,0)+IF(Input!$D$22=4,M2948*Input!$C$22,0)</f>
        <v>0</v>
      </c>
      <c r="R2948" s="58">
        <v>67.805444561864036</v>
      </c>
      <c r="S2948" s="124">
        <f t="shared" si="45"/>
        <v>1.9523500997359333</v>
      </c>
    </row>
    <row r="2949" spans="8:19" x14ac:dyDescent="0.3">
      <c r="H2949" s="44">
        <v>2942</v>
      </c>
      <c r="I2949" s="56">
        <f>Bühler!I2975</f>
        <v>0.45054233070829225</v>
      </c>
      <c r="J2949" s="59">
        <f>Bühler!J2975</f>
        <v>1.501807769027641</v>
      </c>
      <c r="K2949" s="59">
        <f>Bühler!K2975</f>
        <v>2.2527116535414611</v>
      </c>
      <c r="L2949" s="59">
        <f>Bühler!L2975</f>
        <v>10.813015936999014</v>
      </c>
      <c r="M2949" s="58">
        <f>Bühler!M2975</f>
        <v>0</v>
      </c>
      <c r="N2949" s="56">
        <f>IF(Input!$D$19=1,J2949*Input!$C$19,0)+IF(Input!$D$20=1,K2949*Input!$C$20,0)+IF(Input!$D$21=1,L2949*Input!$C$21,0)+IF(Input!$D$22=1,M2949*Input!$C$22,0)</f>
        <v>0.4505423307082923</v>
      </c>
      <c r="O2949" s="59">
        <f>IF(Input!$D$19=2,J2949*Input!$C$19,0)+IF(Input!$D$20=2,K2949*Input!$C$20,0)+IF(Input!$D$21=2,L2949*Input!$C$21,0)+IF(Input!$D$22=2,M2949*Input!$C$22,0)</f>
        <v>1.1263558267707305</v>
      </c>
      <c r="P2949" s="59">
        <f>IF(Input!$D$19=3,J2949*Input!$C$19,0)+IF(Input!$D$20=3,K2949*Input!$C$20,0)+IF(Input!$D$21=3,L2949*Input!$C$21,0)+IF(Input!$D$22=3,M2949*Input!$C$22,0)</f>
        <v>0</v>
      </c>
      <c r="Q2949" s="75">
        <f>IF(Input!$D$19=4,J2949*Input!$C$19,0)+IF(Input!$D$20=4,K2949*Input!$C$20,0)+IF(Input!$D$21=4,L2949*Input!$C$21,0)+IF(Input!$D$22=4,M2949*Input!$C$22,0)</f>
        <v>0</v>
      </c>
      <c r="R2949" s="58">
        <v>66.938650392089272</v>
      </c>
      <c r="S2949" s="124">
        <f t="shared" si="45"/>
        <v>1.9523500997359333</v>
      </c>
    </row>
    <row r="2950" spans="8:19" x14ac:dyDescent="0.3">
      <c r="H2950" s="44">
        <v>2943</v>
      </c>
      <c r="I2950" s="56">
        <f>Bühler!I2976</f>
        <v>0.45054233070829225</v>
      </c>
      <c r="J2950" s="59">
        <f>Bühler!J2976</f>
        <v>1.501807769027641</v>
      </c>
      <c r="K2950" s="59">
        <f>Bühler!K2976</f>
        <v>2.2527116535414611</v>
      </c>
      <c r="L2950" s="59">
        <f>Bühler!L2976</f>
        <v>10.813015936999014</v>
      </c>
      <c r="M2950" s="58">
        <f>Bühler!M2976</f>
        <v>0</v>
      </c>
      <c r="N2950" s="56">
        <f>IF(Input!$D$19=1,J2950*Input!$C$19,0)+IF(Input!$D$20=1,K2950*Input!$C$20,0)+IF(Input!$D$21=1,L2950*Input!$C$21,0)+IF(Input!$D$22=1,M2950*Input!$C$22,0)</f>
        <v>0.4505423307082923</v>
      </c>
      <c r="O2950" s="59">
        <f>IF(Input!$D$19=2,J2950*Input!$C$19,0)+IF(Input!$D$20=2,K2950*Input!$C$20,0)+IF(Input!$D$21=2,L2950*Input!$C$21,0)+IF(Input!$D$22=2,M2950*Input!$C$22,0)</f>
        <v>1.1263558267707305</v>
      </c>
      <c r="P2950" s="59">
        <f>IF(Input!$D$19=3,J2950*Input!$C$19,0)+IF(Input!$D$20=3,K2950*Input!$C$20,0)+IF(Input!$D$21=3,L2950*Input!$C$21,0)+IF(Input!$D$22=3,M2950*Input!$C$22,0)</f>
        <v>0</v>
      </c>
      <c r="Q2950" s="75">
        <f>IF(Input!$D$19=4,J2950*Input!$C$19,0)+IF(Input!$D$20=4,K2950*Input!$C$20,0)+IF(Input!$D$21=4,L2950*Input!$C$21,0)+IF(Input!$D$22=4,M2950*Input!$C$22,0)</f>
        <v>0</v>
      </c>
      <c r="R2950" s="58">
        <v>66.373387446978896</v>
      </c>
      <c r="S2950" s="124">
        <f t="shared" si="45"/>
        <v>1.9523500997359333</v>
      </c>
    </row>
    <row r="2951" spans="8:19" x14ac:dyDescent="0.3">
      <c r="H2951" s="44">
        <v>2944</v>
      </c>
      <c r="I2951" s="56">
        <f>Bühler!I2977</f>
        <v>0.45054233070829225</v>
      </c>
      <c r="J2951" s="59">
        <f>Bühler!J2977</f>
        <v>1.501807769027641</v>
      </c>
      <c r="K2951" s="59">
        <f>Bühler!K2977</f>
        <v>2.2527116535414611</v>
      </c>
      <c r="L2951" s="59">
        <f>Bühler!L2977</f>
        <v>10.813015936999014</v>
      </c>
      <c r="M2951" s="58">
        <f>Bühler!M2977</f>
        <v>0</v>
      </c>
      <c r="N2951" s="56">
        <f>IF(Input!$D$19=1,J2951*Input!$C$19,0)+IF(Input!$D$20=1,K2951*Input!$C$20,0)+IF(Input!$D$21=1,L2951*Input!$C$21,0)+IF(Input!$D$22=1,M2951*Input!$C$22,0)</f>
        <v>0.4505423307082923</v>
      </c>
      <c r="O2951" s="59">
        <f>IF(Input!$D$19=2,J2951*Input!$C$19,0)+IF(Input!$D$20=2,K2951*Input!$C$20,0)+IF(Input!$D$21=2,L2951*Input!$C$21,0)+IF(Input!$D$22=2,M2951*Input!$C$22,0)</f>
        <v>1.1263558267707305</v>
      </c>
      <c r="P2951" s="59">
        <f>IF(Input!$D$19=3,J2951*Input!$C$19,0)+IF(Input!$D$20=3,K2951*Input!$C$20,0)+IF(Input!$D$21=3,L2951*Input!$C$21,0)+IF(Input!$D$22=3,M2951*Input!$C$22,0)</f>
        <v>0</v>
      </c>
      <c r="Q2951" s="75">
        <f>IF(Input!$D$19=4,J2951*Input!$C$19,0)+IF(Input!$D$20=4,K2951*Input!$C$20,0)+IF(Input!$D$21=4,L2951*Input!$C$21,0)+IF(Input!$D$22=4,M2951*Input!$C$22,0)</f>
        <v>0</v>
      </c>
      <c r="R2951" s="58">
        <v>65.83820827406835</v>
      </c>
      <c r="S2951" s="124">
        <f t="shared" si="45"/>
        <v>1.9523500997359333</v>
      </c>
    </row>
    <row r="2952" spans="8:19" x14ac:dyDescent="0.3">
      <c r="H2952" s="44">
        <v>2945</v>
      </c>
      <c r="I2952" s="56">
        <f>Bühler!I2978</f>
        <v>0.45054233070829225</v>
      </c>
      <c r="J2952" s="59">
        <f>Bühler!J2978</f>
        <v>1.501807769027641</v>
      </c>
      <c r="K2952" s="59">
        <f>Bühler!K2978</f>
        <v>2.2527116535414611</v>
      </c>
      <c r="L2952" s="59">
        <f>Bühler!L2978</f>
        <v>10.813015936999014</v>
      </c>
      <c r="M2952" s="58">
        <f>Bühler!M2978</f>
        <v>0</v>
      </c>
      <c r="N2952" s="56">
        <f>IF(Input!$D$19=1,J2952*Input!$C$19,0)+IF(Input!$D$20=1,K2952*Input!$C$20,0)+IF(Input!$D$21=1,L2952*Input!$C$21,0)+IF(Input!$D$22=1,M2952*Input!$C$22,0)</f>
        <v>0.4505423307082923</v>
      </c>
      <c r="O2952" s="59">
        <f>IF(Input!$D$19=2,J2952*Input!$C$19,0)+IF(Input!$D$20=2,K2952*Input!$C$20,0)+IF(Input!$D$21=2,L2952*Input!$C$21,0)+IF(Input!$D$22=2,M2952*Input!$C$22,0)</f>
        <v>1.1263558267707305</v>
      </c>
      <c r="P2952" s="59">
        <f>IF(Input!$D$19=3,J2952*Input!$C$19,0)+IF(Input!$D$20=3,K2952*Input!$C$20,0)+IF(Input!$D$21=3,L2952*Input!$C$21,0)+IF(Input!$D$22=3,M2952*Input!$C$22,0)</f>
        <v>0</v>
      </c>
      <c r="Q2952" s="75">
        <f>IF(Input!$D$19=4,J2952*Input!$C$19,0)+IF(Input!$D$20=4,K2952*Input!$C$20,0)+IF(Input!$D$21=4,L2952*Input!$C$21,0)+IF(Input!$D$22=4,M2952*Input!$C$22,0)</f>
        <v>0</v>
      </c>
      <c r="R2952" s="58">
        <v>64.238657673353416</v>
      </c>
      <c r="S2952" s="124">
        <f t="shared" si="45"/>
        <v>1.9523500997359333</v>
      </c>
    </row>
    <row r="2953" spans="8:19" x14ac:dyDescent="0.3">
      <c r="H2953" s="44">
        <v>2946</v>
      </c>
      <c r="I2953" s="56">
        <f>Bühler!I2979</f>
        <v>0.45054233070829225</v>
      </c>
      <c r="J2953" s="59">
        <f>Bühler!J2979</f>
        <v>1.501807769027641</v>
      </c>
      <c r="K2953" s="59">
        <f>Bühler!K2979</f>
        <v>2.2527116535414611</v>
      </c>
      <c r="L2953" s="59">
        <f>Bühler!L2979</f>
        <v>10.813015936999014</v>
      </c>
      <c r="M2953" s="58">
        <f>Bühler!M2979</f>
        <v>0</v>
      </c>
      <c r="N2953" s="56">
        <f>IF(Input!$D$19=1,J2953*Input!$C$19,0)+IF(Input!$D$20=1,K2953*Input!$C$20,0)+IF(Input!$D$21=1,L2953*Input!$C$21,0)+IF(Input!$D$22=1,M2953*Input!$C$22,0)</f>
        <v>0.4505423307082923</v>
      </c>
      <c r="O2953" s="59">
        <f>IF(Input!$D$19=2,J2953*Input!$C$19,0)+IF(Input!$D$20=2,K2953*Input!$C$20,0)+IF(Input!$D$21=2,L2953*Input!$C$21,0)+IF(Input!$D$22=2,M2953*Input!$C$22,0)</f>
        <v>1.1263558267707305</v>
      </c>
      <c r="P2953" s="59">
        <f>IF(Input!$D$19=3,J2953*Input!$C$19,0)+IF(Input!$D$20=3,K2953*Input!$C$20,0)+IF(Input!$D$21=3,L2953*Input!$C$21,0)+IF(Input!$D$22=3,M2953*Input!$C$22,0)</f>
        <v>0</v>
      </c>
      <c r="Q2953" s="75">
        <f>IF(Input!$D$19=4,J2953*Input!$C$19,0)+IF(Input!$D$20=4,K2953*Input!$C$20,0)+IF(Input!$D$21=4,L2953*Input!$C$21,0)+IF(Input!$D$22=4,M2953*Input!$C$22,0)</f>
        <v>0</v>
      </c>
      <c r="R2953" s="58">
        <v>62.537976033338076</v>
      </c>
      <c r="S2953" s="124">
        <f t="shared" ref="S2953:S3016" si="46">I2953+J2953</f>
        <v>1.9523500997359333</v>
      </c>
    </row>
    <row r="2954" spans="8:19" x14ac:dyDescent="0.3">
      <c r="H2954" s="44">
        <v>2947</v>
      </c>
      <c r="I2954" s="56">
        <f>Bühler!I2980</f>
        <v>0.45054233070829225</v>
      </c>
      <c r="J2954" s="59">
        <f>Bühler!J2980</f>
        <v>1.501807769027641</v>
      </c>
      <c r="K2954" s="59">
        <f>Bühler!K2980</f>
        <v>2.2527116535414611</v>
      </c>
      <c r="L2954" s="59">
        <f>Bühler!L2980</f>
        <v>10.813015936999014</v>
      </c>
      <c r="M2954" s="58">
        <f>Bühler!M2980</f>
        <v>0</v>
      </c>
      <c r="N2954" s="56">
        <f>IF(Input!$D$19=1,J2954*Input!$C$19,0)+IF(Input!$D$20=1,K2954*Input!$C$20,0)+IF(Input!$D$21=1,L2954*Input!$C$21,0)+IF(Input!$D$22=1,M2954*Input!$C$22,0)</f>
        <v>0.4505423307082923</v>
      </c>
      <c r="O2954" s="59">
        <f>IF(Input!$D$19=2,J2954*Input!$C$19,0)+IF(Input!$D$20=2,K2954*Input!$C$20,0)+IF(Input!$D$21=2,L2954*Input!$C$21,0)+IF(Input!$D$22=2,M2954*Input!$C$22,0)</f>
        <v>1.1263558267707305</v>
      </c>
      <c r="P2954" s="59">
        <f>IF(Input!$D$19=3,J2954*Input!$C$19,0)+IF(Input!$D$20=3,K2954*Input!$C$20,0)+IF(Input!$D$21=3,L2954*Input!$C$21,0)+IF(Input!$D$22=3,M2954*Input!$C$22,0)</f>
        <v>0</v>
      </c>
      <c r="Q2954" s="75">
        <f>IF(Input!$D$19=4,J2954*Input!$C$19,0)+IF(Input!$D$20=4,K2954*Input!$C$20,0)+IF(Input!$D$21=4,L2954*Input!$C$21,0)+IF(Input!$D$22=4,M2954*Input!$C$22,0)</f>
        <v>0</v>
      </c>
      <c r="R2954" s="58">
        <v>60.5556982811379</v>
      </c>
      <c r="S2954" s="124">
        <f t="shared" si="46"/>
        <v>1.9523500997359333</v>
      </c>
    </row>
    <row r="2955" spans="8:19" x14ac:dyDescent="0.3">
      <c r="H2955" s="44">
        <v>2948</v>
      </c>
      <c r="I2955" s="56">
        <f>Bühler!I2981</f>
        <v>0.3754519422569102</v>
      </c>
      <c r="J2955" s="59">
        <f>Bühler!J2981</f>
        <v>1.2515064741897008</v>
      </c>
      <c r="K2955" s="59">
        <f>Bühler!K2981</f>
        <v>1.8772597112845508</v>
      </c>
      <c r="L2955" s="59">
        <f>Bühler!L2981</f>
        <v>9.0108466141658443</v>
      </c>
      <c r="M2955" s="58">
        <f>Bühler!M2981</f>
        <v>0</v>
      </c>
      <c r="N2955" s="56">
        <f>IF(Input!$D$19=1,J2955*Input!$C$19,0)+IF(Input!$D$20=1,K2955*Input!$C$20,0)+IF(Input!$D$21=1,L2955*Input!$C$21,0)+IF(Input!$D$22=1,M2955*Input!$C$22,0)</f>
        <v>0.37545194225691025</v>
      </c>
      <c r="O2955" s="59">
        <f>IF(Input!$D$19=2,J2955*Input!$C$19,0)+IF(Input!$D$20=2,K2955*Input!$C$20,0)+IF(Input!$D$21=2,L2955*Input!$C$21,0)+IF(Input!$D$22=2,M2955*Input!$C$22,0)</f>
        <v>0.93862985564227541</v>
      </c>
      <c r="P2955" s="59">
        <f>IF(Input!$D$19=3,J2955*Input!$C$19,0)+IF(Input!$D$20=3,K2955*Input!$C$20,0)+IF(Input!$D$21=3,L2955*Input!$C$21,0)+IF(Input!$D$22=3,M2955*Input!$C$22,0)</f>
        <v>0</v>
      </c>
      <c r="Q2955" s="75">
        <f>IF(Input!$D$19=4,J2955*Input!$C$19,0)+IF(Input!$D$20=4,K2955*Input!$C$20,0)+IF(Input!$D$21=4,L2955*Input!$C$21,0)+IF(Input!$D$22=4,M2955*Input!$C$22,0)</f>
        <v>0</v>
      </c>
      <c r="R2955" s="58">
        <v>58.769474564202106</v>
      </c>
      <c r="S2955" s="124">
        <f t="shared" si="46"/>
        <v>1.6269584164466111</v>
      </c>
    </row>
    <row r="2956" spans="8:19" x14ac:dyDescent="0.3">
      <c r="H2956" s="44">
        <v>2949</v>
      </c>
      <c r="I2956" s="56">
        <f>Bühler!I2982</f>
        <v>0.3003615538055282</v>
      </c>
      <c r="J2956" s="59">
        <f>Bühler!J2982</f>
        <v>1.0012051793517607</v>
      </c>
      <c r="K2956" s="59">
        <f>Bühler!K2982</f>
        <v>1.501807769027641</v>
      </c>
      <c r="L2956" s="59">
        <f>Bühler!L2982</f>
        <v>7.2086772913326769</v>
      </c>
      <c r="M2956" s="58">
        <f>Bühler!M2982</f>
        <v>0</v>
      </c>
      <c r="N2956" s="56">
        <f>IF(Input!$D$19=1,J2956*Input!$C$19,0)+IF(Input!$D$20=1,K2956*Input!$C$20,0)+IF(Input!$D$21=1,L2956*Input!$C$21,0)+IF(Input!$D$22=1,M2956*Input!$C$22,0)</f>
        <v>0.3003615538055282</v>
      </c>
      <c r="O2956" s="59">
        <f>IF(Input!$D$19=2,J2956*Input!$C$19,0)+IF(Input!$D$20=2,K2956*Input!$C$20,0)+IF(Input!$D$21=2,L2956*Input!$C$21,0)+IF(Input!$D$22=2,M2956*Input!$C$22,0)</f>
        <v>0.75090388451382051</v>
      </c>
      <c r="P2956" s="59">
        <f>IF(Input!$D$19=3,J2956*Input!$C$19,0)+IF(Input!$D$20=3,K2956*Input!$C$20,0)+IF(Input!$D$21=3,L2956*Input!$C$21,0)+IF(Input!$D$22=3,M2956*Input!$C$22,0)</f>
        <v>0</v>
      </c>
      <c r="Q2956" s="75">
        <f>IF(Input!$D$19=4,J2956*Input!$C$19,0)+IF(Input!$D$20=4,K2956*Input!$C$20,0)+IF(Input!$D$21=4,L2956*Input!$C$21,0)+IF(Input!$D$22=4,M2956*Input!$C$22,0)</f>
        <v>0</v>
      </c>
      <c r="R2956" s="58">
        <v>56.056523438845744</v>
      </c>
      <c r="S2956" s="124">
        <f t="shared" si="46"/>
        <v>1.3015667331572889</v>
      </c>
    </row>
    <row r="2957" spans="8:19" x14ac:dyDescent="0.3">
      <c r="H2957" s="44">
        <v>2950</v>
      </c>
      <c r="I2957" s="56">
        <f>Bühler!I2983</f>
        <v>0.22527116535414612</v>
      </c>
      <c r="J2957" s="59">
        <f>Bühler!J2983</f>
        <v>0.75090388451382051</v>
      </c>
      <c r="K2957" s="59">
        <f>Bühler!K2983</f>
        <v>1.1263558267707305</v>
      </c>
      <c r="L2957" s="59">
        <f>Bühler!L2983</f>
        <v>5.4065079684995068</v>
      </c>
      <c r="M2957" s="58">
        <f>Bühler!M2983</f>
        <v>0</v>
      </c>
      <c r="N2957" s="56">
        <f>IF(Input!$D$19=1,J2957*Input!$C$19,0)+IF(Input!$D$20=1,K2957*Input!$C$20,0)+IF(Input!$D$21=1,L2957*Input!$C$21,0)+IF(Input!$D$22=1,M2957*Input!$C$22,0)</f>
        <v>0.22527116535414615</v>
      </c>
      <c r="O2957" s="59">
        <f>IF(Input!$D$19=2,J2957*Input!$C$19,0)+IF(Input!$D$20=2,K2957*Input!$C$20,0)+IF(Input!$D$21=2,L2957*Input!$C$21,0)+IF(Input!$D$22=2,M2957*Input!$C$22,0)</f>
        <v>0.56317791338536527</v>
      </c>
      <c r="P2957" s="59">
        <f>IF(Input!$D$19=3,J2957*Input!$C$19,0)+IF(Input!$D$20=3,K2957*Input!$C$20,0)+IF(Input!$D$21=3,L2957*Input!$C$21,0)+IF(Input!$D$22=3,M2957*Input!$C$22,0)</f>
        <v>0</v>
      </c>
      <c r="Q2957" s="75">
        <f>IF(Input!$D$19=4,J2957*Input!$C$19,0)+IF(Input!$D$20=4,K2957*Input!$C$20,0)+IF(Input!$D$21=4,L2957*Input!$C$21,0)+IF(Input!$D$22=4,M2957*Input!$C$22,0)</f>
        <v>0</v>
      </c>
      <c r="R2957" s="58">
        <v>54.236378207399426</v>
      </c>
      <c r="S2957" s="124">
        <f t="shared" si="46"/>
        <v>0.97617504986796666</v>
      </c>
    </row>
    <row r="2958" spans="8:19" x14ac:dyDescent="0.3">
      <c r="H2958" s="44">
        <v>2951</v>
      </c>
      <c r="I2958" s="56">
        <f>Bühler!I2984</f>
        <v>0.22527116535414612</v>
      </c>
      <c r="J2958" s="59">
        <f>Bühler!J2984</f>
        <v>0.75090388451382051</v>
      </c>
      <c r="K2958" s="59">
        <f>Bühler!K2984</f>
        <v>1.1263558267707305</v>
      </c>
      <c r="L2958" s="59">
        <f>Bühler!L2984</f>
        <v>5.4065079684995068</v>
      </c>
      <c r="M2958" s="58">
        <f>Bühler!M2984</f>
        <v>0</v>
      </c>
      <c r="N2958" s="56">
        <f>IF(Input!$D$19=1,J2958*Input!$C$19,0)+IF(Input!$D$20=1,K2958*Input!$C$20,0)+IF(Input!$D$21=1,L2958*Input!$C$21,0)+IF(Input!$D$22=1,M2958*Input!$C$22,0)</f>
        <v>0.22527116535414615</v>
      </c>
      <c r="O2958" s="59">
        <f>IF(Input!$D$19=2,J2958*Input!$C$19,0)+IF(Input!$D$20=2,K2958*Input!$C$20,0)+IF(Input!$D$21=2,L2958*Input!$C$21,0)+IF(Input!$D$22=2,M2958*Input!$C$22,0)</f>
        <v>0.56317791338536527</v>
      </c>
      <c r="P2958" s="59">
        <f>IF(Input!$D$19=3,J2958*Input!$C$19,0)+IF(Input!$D$20=3,K2958*Input!$C$20,0)+IF(Input!$D$21=3,L2958*Input!$C$21,0)+IF(Input!$D$22=3,M2958*Input!$C$22,0)</f>
        <v>0</v>
      </c>
      <c r="Q2958" s="75">
        <f>IF(Input!$D$19=4,J2958*Input!$C$19,0)+IF(Input!$D$20=4,K2958*Input!$C$20,0)+IF(Input!$D$21=4,L2958*Input!$C$21,0)+IF(Input!$D$22=4,M2958*Input!$C$22,0)</f>
        <v>0</v>
      </c>
      <c r="R2958" s="58">
        <v>52.881391798417816</v>
      </c>
      <c r="S2958" s="124">
        <f t="shared" si="46"/>
        <v>0.97617504986796666</v>
      </c>
    </row>
    <row r="2959" spans="8:19" x14ac:dyDescent="0.3">
      <c r="H2959" s="44">
        <v>2952</v>
      </c>
      <c r="I2959" s="56">
        <f>Bühler!I2985</f>
        <v>0.22527116535414612</v>
      </c>
      <c r="J2959" s="59">
        <f>Bühler!J2985</f>
        <v>0.75090388451382051</v>
      </c>
      <c r="K2959" s="59">
        <f>Bühler!K2985</f>
        <v>1.1263558267707305</v>
      </c>
      <c r="L2959" s="59">
        <f>Bühler!L2985</f>
        <v>5.4065079684995068</v>
      </c>
      <c r="M2959" s="58">
        <f>Bühler!M2985</f>
        <v>0</v>
      </c>
      <c r="N2959" s="56">
        <f>IF(Input!$D$19=1,J2959*Input!$C$19,0)+IF(Input!$D$20=1,K2959*Input!$C$20,0)+IF(Input!$D$21=1,L2959*Input!$C$21,0)+IF(Input!$D$22=1,M2959*Input!$C$22,0)</f>
        <v>0.22527116535414615</v>
      </c>
      <c r="O2959" s="59">
        <f>IF(Input!$D$19=2,J2959*Input!$C$19,0)+IF(Input!$D$20=2,K2959*Input!$C$20,0)+IF(Input!$D$21=2,L2959*Input!$C$21,0)+IF(Input!$D$22=2,M2959*Input!$C$22,0)</f>
        <v>0.56317791338536527</v>
      </c>
      <c r="P2959" s="59">
        <f>IF(Input!$D$19=3,J2959*Input!$C$19,0)+IF(Input!$D$20=3,K2959*Input!$C$20,0)+IF(Input!$D$21=3,L2959*Input!$C$21,0)+IF(Input!$D$22=3,M2959*Input!$C$22,0)</f>
        <v>0</v>
      </c>
      <c r="Q2959" s="75">
        <f>IF(Input!$D$19=4,J2959*Input!$C$19,0)+IF(Input!$D$20=4,K2959*Input!$C$20,0)+IF(Input!$D$21=4,L2959*Input!$C$21,0)+IF(Input!$D$22=4,M2959*Input!$C$22,0)</f>
        <v>0</v>
      </c>
      <c r="R2959" s="58">
        <v>51.701529110986073</v>
      </c>
      <c r="S2959" s="124">
        <f t="shared" si="46"/>
        <v>0.97617504986796666</v>
      </c>
    </row>
    <row r="2960" spans="8:19" x14ac:dyDescent="0.3">
      <c r="H2960" s="44">
        <v>2953</v>
      </c>
      <c r="I2960" s="56">
        <f>Bühler!I2986</f>
        <v>0.24516487468174375</v>
      </c>
      <c r="J2960" s="59">
        <f>Bühler!J2986</f>
        <v>0.81721624893914591</v>
      </c>
      <c r="K2960" s="59">
        <f>Bühler!K2986</f>
        <v>1.2258243734087189</v>
      </c>
      <c r="L2960" s="59">
        <f>Bühler!L2986</f>
        <v>5.88395699236185</v>
      </c>
      <c r="M2960" s="58">
        <f>Bühler!M2986</f>
        <v>0</v>
      </c>
      <c r="N2960" s="56">
        <f>IF(Input!$D$19=1,J2960*Input!$C$19,0)+IF(Input!$D$20=1,K2960*Input!$C$20,0)+IF(Input!$D$21=1,L2960*Input!$C$21,0)+IF(Input!$D$22=1,M2960*Input!$C$22,0)</f>
        <v>0.24516487468174375</v>
      </c>
      <c r="O2960" s="59">
        <f>IF(Input!$D$19=2,J2960*Input!$C$19,0)+IF(Input!$D$20=2,K2960*Input!$C$20,0)+IF(Input!$D$21=2,L2960*Input!$C$21,0)+IF(Input!$D$22=2,M2960*Input!$C$22,0)</f>
        <v>0.61291218670435943</v>
      </c>
      <c r="P2960" s="59">
        <f>IF(Input!$D$19=3,J2960*Input!$C$19,0)+IF(Input!$D$20=3,K2960*Input!$C$20,0)+IF(Input!$D$21=3,L2960*Input!$C$21,0)+IF(Input!$D$22=3,M2960*Input!$C$22,0)</f>
        <v>0</v>
      </c>
      <c r="Q2960" s="75">
        <f>IF(Input!$D$19=4,J2960*Input!$C$19,0)+IF(Input!$D$20=4,K2960*Input!$C$20,0)+IF(Input!$D$21=4,L2960*Input!$C$21,0)+IF(Input!$D$22=4,M2960*Input!$C$22,0)</f>
        <v>0</v>
      </c>
      <c r="R2960" s="58">
        <v>41.731529018663672</v>
      </c>
      <c r="S2960" s="124">
        <f t="shared" si="46"/>
        <v>1.0623811236208898</v>
      </c>
    </row>
    <row r="2961" spans="8:19" x14ac:dyDescent="0.3">
      <c r="H2961" s="44">
        <v>2954</v>
      </c>
      <c r="I2961" s="56">
        <f>Bühler!I2987</f>
        <v>0.24516487468174375</v>
      </c>
      <c r="J2961" s="59">
        <f>Bühler!J2987</f>
        <v>0.81721624893914591</v>
      </c>
      <c r="K2961" s="59">
        <f>Bühler!K2987</f>
        <v>1.2258243734087189</v>
      </c>
      <c r="L2961" s="59">
        <f>Bühler!L2987</f>
        <v>5.88395699236185</v>
      </c>
      <c r="M2961" s="58">
        <f>Bühler!M2987</f>
        <v>0</v>
      </c>
      <c r="N2961" s="56">
        <f>IF(Input!$D$19=1,J2961*Input!$C$19,0)+IF(Input!$D$20=1,K2961*Input!$C$20,0)+IF(Input!$D$21=1,L2961*Input!$C$21,0)+IF(Input!$D$22=1,M2961*Input!$C$22,0)</f>
        <v>0.24516487468174375</v>
      </c>
      <c r="O2961" s="59">
        <f>IF(Input!$D$19=2,J2961*Input!$C$19,0)+IF(Input!$D$20=2,K2961*Input!$C$20,0)+IF(Input!$D$21=2,L2961*Input!$C$21,0)+IF(Input!$D$22=2,M2961*Input!$C$22,0)</f>
        <v>0.61291218670435943</v>
      </c>
      <c r="P2961" s="59">
        <f>IF(Input!$D$19=3,J2961*Input!$C$19,0)+IF(Input!$D$20=3,K2961*Input!$C$20,0)+IF(Input!$D$21=3,L2961*Input!$C$21,0)+IF(Input!$D$22=3,M2961*Input!$C$22,0)</f>
        <v>0</v>
      </c>
      <c r="Q2961" s="75">
        <f>IF(Input!$D$19=4,J2961*Input!$C$19,0)+IF(Input!$D$20=4,K2961*Input!$C$20,0)+IF(Input!$D$21=4,L2961*Input!$C$21,0)+IF(Input!$D$22=4,M2961*Input!$C$22,0)</f>
        <v>0</v>
      </c>
      <c r="R2961" s="58">
        <v>41.080129641429345</v>
      </c>
      <c r="S2961" s="124">
        <f t="shared" si="46"/>
        <v>1.0623811236208898</v>
      </c>
    </row>
    <row r="2962" spans="8:19" x14ac:dyDescent="0.3">
      <c r="H2962" s="44">
        <v>2955</v>
      </c>
      <c r="I2962" s="56">
        <f>Bühler!I2988</f>
        <v>0.24516487468174375</v>
      </c>
      <c r="J2962" s="59">
        <f>Bühler!J2988</f>
        <v>0.81721624893914591</v>
      </c>
      <c r="K2962" s="59">
        <f>Bühler!K2988</f>
        <v>1.2258243734087189</v>
      </c>
      <c r="L2962" s="59">
        <f>Bühler!L2988</f>
        <v>5.88395699236185</v>
      </c>
      <c r="M2962" s="58">
        <f>Bühler!M2988</f>
        <v>0</v>
      </c>
      <c r="N2962" s="56">
        <f>IF(Input!$D$19=1,J2962*Input!$C$19,0)+IF(Input!$D$20=1,K2962*Input!$C$20,0)+IF(Input!$D$21=1,L2962*Input!$C$21,0)+IF(Input!$D$22=1,M2962*Input!$C$22,0)</f>
        <v>0.24516487468174375</v>
      </c>
      <c r="O2962" s="59">
        <f>IF(Input!$D$19=2,J2962*Input!$C$19,0)+IF(Input!$D$20=2,K2962*Input!$C$20,0)+IF(Input!$D$21=2,L2962*Input!$C$21,0)+IF(Input!$D$22=2,M2962*Input!$C$22,0)</f>
        <v>0.61291218670435943</v>
      </c>
      <c r="P2962" s="59">
        <f>IF(Input!$D$19=3,J2962*Input!$C$19,0)+IF(Input!$D$20=3,K2962*Input!$C$20,0)+IF(Input!$D$21=3,L2962*Input!$C$21,0)+IF(Input!$D$22=3,M2962*Input!$C$22,0)</f>
        <v>0</v>
      </c>
      <c r="Q2962" s="75">
        <f>IF(Input!$D$19=4,J2962*Input!$C$19,0)+IF(Input!$D$20=4,K2962*Input!$C$20,0)+IF(Input!$D$21=4,L2962*Input!$C$21,0)+IF(Input!$D$22=4,M2962*Input!$C$22,0)</f>
        <v>0</v>
      </c>
      <c r="R2962" s="58">
        <v>41.3150936717186</v>
      </c>
      <c r="S2962" s="124">
        <f t="shared" si="46"/>
        <v>1.0623811236208898</v>
      </c>
    </row>
    <row r="2963" spans="8:19" x14ac:dyDescent="0.3">
      <c r="H2963" s="44">
        <v>2956</v>
      </c>
      <c r="I2963" s="56">
        <f>Bühler!I2989</f>
        <v>0.24516487468174375</v>
      </c>
      <c r="J2963" s="59">
        <f>Bühler!J2989</f>
        <v>0.81721624893914591</v>
      </c>
      <c r="K2963" s="59">
        <f>Bühler!K2989</f>
        <v>1.2258243734087189</v>
      </c>
      <c r="L2963" s="59">
        <f>Bühler!L2989</f>
        <v>5.88395699236185</v>
      </c>
      <c r="M2963" s="58">
        <f>Bühler!M2989</f>
        <v>0</v>
      </c>
      <c r="N2963" s="56">
        <f>IF(Input!$D$19=1,J2963*Input!$C$19,0)+IF(Input!$D$20=1,K2963*Input!$C$20,0)+IF(Input!$D$21=1,L2963*Input!$C$21,0)+IF(Input!$D$22=1,M2963*Input!$C$22,0)</f>
        <v>0.24516487468174375</v>
      </c>
      <c r="O2963" s="59">
        <f>IF(Input!$D$19=2,J2963*Input!$C$19,0)+IF(Input!$D$20=2,K2963*Input!$C$20,0)+IF(Input!$D$21=2,L2963*Input!$C$21,0)+IF(Input!$D$22=2,M2963*Input!$C$22,0)</f>
        <v>0.61291218670435943</v>
      </c>
      <c r="P2963" s="59">
        <f>IF(Input!$D$19=3,J2963*Input!$C$19,0)+IF(Input!$D$20=3,K2963*Input!$C$20,0)+IF(Input!$D$21=3,L2963*Input!$C$21,0)+IF(Input!$D$22=3,M2963*Input!$C$22,0)</f>
        <v>0</v>
      </c>
      <c r="Q2963" s="75">
        <f>IF(Input!$D$19=4,J2963*Input!$C$19,0)+IF(Input!$D$20=4,K2963*Input!$C$20,0)+IF(Input!$D$21=4,L2963*Input!$C$21,0)+IF(Input!$D$22=4,M2963*Input!$C$22,0)</f>
        <v>0</v>
      </c>
      <c r="R2963" s="58">
        <v>41.963402178298281</v>
      </c>
      <c r="S2963" s="124">
        <f t="shared" si="46"/>
        <v>1.0623811236208898</v>
      </c>
    </row>
    <row r="2964" spans="8:19" x14ac:dyDescent="0.3">
      <c r="H2964" s="44">
        <v>2957</v>
      </c>
      <c r="I2964" s="56">
        <f>Bühler!I2990</f>
        <v>0.24516487468174375</v>
      </c>
      <c r="J2964" s="59">
        <f>Bühler!J2990</f>
        <v>0.81721624893914591</v>
      </c>
      <c r="K2964" s="59">
        <f>Bühler!K2990</f>
        <v>1.2258243734087189</v>
      </c>
      <c r="L2964" s="59">
        <f>Bühler!L2990</f>
        <v>5.88395699236185</v>
      </c>
      <c r="M2964" s="58">
        <f>Bühler!M2990</f>
        <v>0</v>
      </c>
      <c r="N2964" s="56">
        <f>IF(Input!$D$19=1,J2964*Input!$C$19,0)+IF(Input!$D$20=1,K2964*Input!$C$20,0)+IF(Input!$D$21=1,L2964*Input!$C$21,0)+IF(Input!$D$22=1,M2964*Input!$C$22,0)</f>
        <v>0.24516487468174375</v>
      </c>
      <c r="O2964" s="59">
        <f>IF(Input!$D$19=2,J2964*Input!$C$19,0)+IF(Input!$D$20=2,K2964*Input!$C$20,0)+IF(Input!$D$21=2,L2964*Input!$C$21,0)+IF(Input!$D$22=2,M2964*Input!$C$22,0)</f>
        <v>0.61291218670435943</v>
      </c>
      <c r="P2964" s="59">
        <f>IF(Input!$D$19=3,J2964*Input!$C$19,0)+IF(Input!$D$20=3,K2964*Input!$C$20,0)+IF(Input!$D$21=3,L2964*Input!$C$21,0)+IF(Input!$D$22=3,M2964*Input!$C$22,0)</f>
        <v>0</v>
      </c>
      <c r="Q2964" s="75">
        <f>IF(Input!$D$19=4,J2964*Input!$C$19,0)+IF(Input!$D$20=4,K2964*Input!$C$20,0)+IF(Input!$D$21=4,L2964*Input!$C$21,0)+IF(Input!$D$22=4,M2964*Input!$C$22,0)</f>
        <v>0</v>
      </c>
      <c r="R2964" s="58">
        <v>42.795890776893607</v>
      </c>
      <c r="S2964" s="124">
        <f t="shared" si="46"/>
        <v>1.0623811236208898</v>
      </c>
    </row>
    <row r="2965" spans="8:19" x14ac:dyDescent="0.3">
      <c r="H2965" s="44">
        <v>2958</v>
      </c>
      <c r="I2965" s="56">
        <f>Bühler!I2991</f>
        <v>0.31599028292313636</v>
      </c>
      <c r="J2965" s="59">
        <f>Bühler!J2991</f>
        <v>1.0533009430771212</v>
      </c>
      <c r="K2965" s="59">
        <f>Bühler!K2991</f>
        <v>1.5799514146156819</v>
      </c>
      <c r="L2965" s="59">
        <f>Bühler!L2991</f>
        <v>7.5837667901552726</v>
      </c>
      <c r="M2965" s="58">
        <f>Bühler!M2991</f>
        <v>0</v>
      </c>
      <c r="N2965" s="56">
        <f>IF(Input!$D$19=1,J2965*Input!$C$19,0)+IF(Input!$D$20=1,K2965*Input!$C$20,0)+IF(Input!$D$21=1,L2965*Input!$C$21,0)+IF(Input!$D$22=1,M2965*Input!$C$22,0)</f>
        <v>0.31599028292313636</v>
      </c>
      <c r="O2965" s="59">
        <f>IF(Input!$D$19=2,J2965*Input!$C$19,0)+IF(Input!$D$20=2,K2965*Input!$C$20,0)+IF(Input!$D$21=2,L2965*Input!$C$21,0)+IF(Input!$D$22=2,M2965*Input!$C$22,0)</f>
        <v>0.78997570730784095</v>
      </c>
      <c r="P2965" s="59">
        <f>IF(Input!$D$19=3,J2965*Input!$C$19,0)+IF(Input!$D$20=3,K2965*Input!$C$20,0)+IF(Input!$D$21=3,L2965*Input!$C$21,0)+IF(Input!$D$22=3,M2965*Input!$C$22,0)</f>
        <v>0</v>
      </c>
      <c r="Q2965" s="75">
        <f>IF(Input!$D$19=4,J2965*Input!$C$19,0)+IF(Input!$D$20=4,K2965*Input!$C$20,0)+IF(Input!$D$21=4,L2965*Input!$C$21,0)+IF(Input!$D$22=4,M2965*Input!$C$22,0)</f>
        <v>0</v>
      </c>
      <c r="R2965" s="58">
        <v>45.066733638937315</v>
      </c>
      <c r="S2965" s="124">
        <f t="shared" si="46"/>
        <v>1.3692912260002577</v>
      </c>
    </row>
    <row r="2966" spans="8:19" x14ac:dyDescent="0.3">
      <c r="H2966" s="44">
        <v>2959</v>
      </c>
      <c r="I2966" s="56">
        <f>Bühler!I2992</f>
        <v>0.3813675828382681</v>
      </c>
      <c r="J2966" s="59">
        <f>Bühler!J2992</f>
        <v>1.2712252761275604</v>
      </c>
      <c r="K2966" s="59">
        <f>Bühler!K2992</f>
        <v>1.9068379141913405</v>
      </c>
      <c r="L2966" s="59">
        <f>Bühler!L2992</f>
        <v>9.1528219881184345</v>
      </c>
      <c r="M2966" s="58">
        <f>Bühler!M2992</f>
        <v>0</v>
      </c>
      <c r="N2966" s="56">
        <f>IF(Input!$D$19=1,J2966*Input!$C$19,0)+IF(Input!$D$20=1,K2966*Input!$C$20,0)+IF(Input!$D$21=1,L2966*Input!$C$21,0)+IF(Input!$D$22=1,M2966*Input!$C$22,0)</f>
        <v>0.3813675828382681</v>
      </c>
      <c r="O2966" s="59">
        <f>IF(Input!$D$19=2,J2966*Input!$C$19,0)+IF(Input!$D$20=2,K2966*Input!$C$20,0)+IF(Input!$D$21=2,L2966*Input!$C$21,0)+IF(Input!$D$22=2,M2966*Input!$C$22,0)</f>
        <v>0.95341895709567026</v>
      </c>
      <c r="P2966" s="59">
        <f>IF(Input!$D$19=3,J2966*Input!$C$19,0)+IF(Input!$D$20=3,K2966*Input!$C$20,0)+IF(Input!$D$21=3,L2966*Input!$C$21,0)+IF(Input!$D$22=3,M2966*Input!$C$22,0)</f>
        <v>0</v>
      </c>
      <c r="Q2966" s="75">
        <f>IF(Input!$D$19=4,J2966*Input!$C$19,0)+IF(Input!$D$20=4,K2966*Input!$C$20,0)+IF(Input!$D$21=4,L2966*Input!$C$21,0)+IF(Input!$D$22=4,M2966*Input!$C$22,0)</f>
        <v>0</v>
      </c>
      <c r="R2966" s="58">
        <v>46.415917577525711</v>
      </c>
      <c r="S2966" s="124">
        <f t="shared" si="46"/>
        <v>1.6525928589658285</v>
      </c>
    </row>
    <row r="2967" spans="8:19" x14ac:dyDescent="0.3">
      <c r="H2967" s="44">
        <v>2960</v>
      </c>
      <c r="I2967" s="56">
        <f>Bühler!I2993</f>
        <v>0.3813675828382681</v>
      </c>
      <c r="J2967" s="59">
        <f>Bühler!J2993</f>
        <v>1.2712252761275604</v>
      </c>
      <c r="K2967" s="59">
        <f>Bühler!K2993</f>
        <v>1.9068379141913405</v>
      </c>
      <c r="L2967" s="59">
        <f>Bühler!L2993</f>
        <v>9.1528219881184345</v>
      </c>
      <c r="M2967" s="58">
        <f>Bühler!M2993</f>
        <v>0</v>
      </c>
      <c r="N2967" s="56">
        <f>IF(Input!$D$19=1,J2967*Input!$C$19,0)+IF(Input!$D$20=1,K2967*Input!$C$20,0)+IF(Input!$D$21=1,L2967*Input!$C$21,0)+IF(Input!$D$22=1,M2967*Input!$C$22,0)</f>
        <v>0.3813675828382681</v>
      </c>
      <c r="O2967" s="59">
        <f>IF(Input!$D$19=2,J2967*Input!$C$19,0)+IF(Input!$D$20=2,K2967*Input!$C$20,0)+IF(Input!$D$21=2,L2967*Input!$C$21,0)+IF(Input!$D$22=2,M2967*Input!$C$22,0)</f>
        <v>0.95341895709567026</v>
      </c>
      <c r="P2967" s="59">
        <f>IF(Input!$D$19=3,J2967*Input!$C$19,0)+IF(Input!$D$20=3,K2967*Input!$C$20,0)+IF(Input!$D$21=3,L2967*Input!$C$21,0)+IF(Input!$D$22=3,M2967*Input!$C$22,0)</f>
        <v>0</v>
      </c>
      <c r="Q2967" s="75">
        <f>IF(Input!$D$19=4,J2967*Input!$C$19,0)+IF(Input!$D$20=4,K2967*Input!$C$20,0)+IF(Input!$D$21=4,L2967*Input!$C$21,0)+IF(Input!$D$22=4,M2967*Input!$C$22,0)</f>
        <v>0</v>
      </c>
      <c r="R2967" s="58">
        <v>47.589771732597839</v>
      </c>
      <c r="S2967" s="124">
        <f t="shared" si="46"/>
        <v>1.6525928589658285</v>
      </c>
    </row>
    <row r="2968" spans="8:19" x14ac:dyDescent="0.3">
      <c r="H2968" s="44">
        <v>2961</v>
      </c>
      <c r="I2968" s="56">
        <f>Bühler!I2994</f>
        <v>0.3813675828382681</v>
      </c>
      <c r="J2968" s="59">
        <f>Bühler!J2994</f>
        <v>1.2712252761275604</v>
      </c>
      <c r="K2968" s="59">
        <f>Bühler!K2994</f>
        <v>1.9068379141913405</v>
      </c>
      <c r="L2968" s="59">
        <f>Bühler!L2994</f>
        <v>9.1528219881184345</v>
      </c>
      <c r="M2968" s="58">
        <f>Bühler!M2994</f>
        <v>0</v>
      </c>
      <c r="N2968" s="56">
        <f>IF(Input!$D$19=1,J2968*Input!$C$19,0)+IF(Input!$D$20=1,K2968*Input!$C$20,0)+IF(Input!$D$21=1,L2968*Input!$C$21,0)+IF(Input!$D$22=1,M2968*Input!$C$22,0)</f>
        <v>0.3813675828382681</v>
      </c>
      <c r="O2968" s="59">
        <f>IF(Input!$D$19=2,J2968*Input!$C$19,0)+IF(Input!$D$20=2,K2968*Input!$C$20,0)+IF(Input!$D$21=2,L2968*Input!$C$21,0)+IF(Input!$D$22=2,M2968*Input!$C$22,0)</f>
        <v>0.95341895709567026</v>
      </c>
      <c r="P2968" s="59">
        <f>IF(Input!$D$19=3,J2968*Input!$C$19,0)+IF(Input!$D$20=3,K2968*Input!$C$20,0)+IF(Input!$D$21=3,L2968*Input!$C$21,0)+IF(Input!$D$22=3,M2968*Input!$C$22,0)</f>
        <v>0</v>
      </c>
      <c r="Q2968" s="75">
        <f>IF(Input!$D$19=4,J2968*Input!$C$19,0)+IF(Input!$D$20=4,K2968*Input!$C$20,0)+IF(Input!$D$21=4,L2968*Input!$C$21,0)+IF(Input!$D$22=4,M2968*Input!$C$22,0)</f>
        <v>0</v>
      </c>
      <c r="R2968" s="58">
        <v>47.876824269937657</v>
      </c>
      <c r="S2968" s="124">
        <f t="shared" si="46"/>
        <v>1.6525928589658285</v>
      </c>
    </row>
    <row r="2969" spans="8:19" x14ac:dyDescent="0.3">
      <c r="H2969" s="44">
        <v>2962</v>
      </c>
      <c r="I2969" s="56">
        <f>Bühler!I2995</f>
        <v>0.40860812446957295</v>
      </c>
      <c r="J2969" s="59">
        <f>Bühler!J2995</f>
        <v>1.3620270815652433</v>
      </c>
      <c r="K2969" s="59">
        <f>Bühler!K2995</f>
        <v>2.0430406223478648</v>
      </c>
      <c r="L2969" s="59">
        <f>Bühler!L2995</f>
        <v>9.8065949872697509</v>
      </c>
      <c r="M2969" s="58">
        <f>Bühler!M2995</f>
        <v>0</v>
      </c>
      <c r="N2969" s="56">
        <f>IF(Input!$D$19=1,J2969*Input!$C$19,0)+IF(Input!$D$20=1,K2969*Input!$C$20,0)+IF(Input!$D$21=1,L2969*Input!$C$21,0)+IF(Input!$D$22=1,M2969*Input!$C$22,0)</f>
        <v>0.40860812446957301</v>
      </c>
      <c r="O2969" s="59">
        <f>IF(Input!$D$19=2,J2969*Input!$C$19,0)+IF(Input!$D$20=2,K2969*Input!$C$20,0)+IF(Input!$D$21=2,L2969*Input!$C$21,0)+IF(Input!$D$22=2,M2969*Input!$C$22,0)</f>
        <v>1.0215203111739324</v>
      </c>
      <c r="P2969" s="59">
        <f>IF(Input!$D$19=3,J2969*Input!$C$19,0)+IF(Input!$D$20=3,K2969*Input!$C$20,0)+IF(Input!$D$21=3,L2969*Input!$C$21,0)+IF(Input!$D$22=3,M2969*Input!$C$22,0)</f>
        <v>0</v>
      </c>
      <c r="Q2969" s="75">
        <f>IF(Input!$D$19=4,J2969*Input!$C$19,0)+IF(Input!$D$20=4,K2969*Input!$C$20,0)+IF(Input!$D$21=4,L2969*Input!$C$21,0)+IF(Input!$D$22=4,M2969*Input!$C$22,0)</f>
        <v>0</v>
      </c>
      <c r="R2969" s="58">
        <v>47.941064450814153</v>
      </c>
      <c r="S2969" s="124">
        <f t="shared" si="46"/>
        <v>1.7706352060348163</v>
      </c>
    </row>
    <row r="2970" spans="8:19" x14ac:dyDescent="0.3">
      <c r="H2970" s="44">
        <v>2963</v>
      </c>
      <c r="I2970" s="56">
        <f>Bühler!I2996</f>
        <v>0.42495244944835592</v>
      </c>
      <c r="J2970" s="59">
        <f>Bühler!J2996</f>
        <v>1.416508164827853</v>
      </c>
      <c r="K2970" s="59">
        <f>Bühler!K2996</f>
        <v>2.1247622472417795</v>
      </c>
      <c r="L2970" s="59">
        <f>Bühler!L2996</f>
        <v>10.198858786760541</v>
      </c>
      <c r="M2970" s="58">
        <f>Bühler!M2996</f>
        <v>0</v>
      </c>
      <c r="N2970" s="56">
        <f>IF(Input!$D$19=1,J2970*Input!$C$19,0)+IF(Input!$D$20=1,K2970*Input!$C$20,0)+IF(Input!$D$21=1,L2970*Input!$C$21,0)+IF(Input!$D$22=1,M2970*Input!$C$22,0)</f>
        <v>0.42495244944835592</v>
      </c>
      <c r="O2970" s="59">
        <f>IF(Input!$D$19=2,J2970*Input!$C$19,0)+IF(Input!$D$20=2,K2970*Input!$C$20,0)+IF(Input!$D$21=2,L2970*Input!$C$21,0)+IF(Input!$D$22=2,M2970*Input!$C$22,0)</f>
        <v>1.0623811236208898</v>
      </c>
      <c r="P2970" s="59">
        <f>IF(Input!$D$19=3,J2970*Input!$C$19,0)+IF(Input!$D$20=3,K2970*Input!$C$20,0)+IF(Input!$D$21=3,L2970*Input!$C$21,0)+IF(Input!$D$22=3,M2970*Input!$C$22,0)</f>
        <v>0</v>
      </c>
      <c r="Q2970" s="75">
        <f>IF(Input!$D$19=4,J2970*Input!$C$19,0)+IF(Input!$D$20=4,K2970*Input!$C$20,0)+IF(Input!$D$21=4,L2970*Input!$C$21,0)+IF(Input!$D$22=4,M2970*Input!$C$22,0)</f>
        <v>0</v>
      </c>
      <c r="R2970" s="58">
        <v>47.704978710658359</v>
      </c>
      <c r="S2970" s="124">
        <f t="shared" si="46"/>
        <v>1.8414606142762089</v>
      </c>
    </row>
    <row r="2971" spans="8:19" x14ac:dyDescent="0.3">
      <c r="H2971" s="44">
        <v>2964</v>
      </c>
      <c r="I2971" s="56">
        <f>Bühler!I2997</f>
        <v>0.4903297493634875</v>
      </c>
      <c r="J2971" s="59">
        <f>Bühler!J2997</f>
        <v>1.6344324978782918</v>
      </c>
      <c r="K2971" s="59">
        <f>Bühler!K2997</f>
        <v>2.4516487468174377</v>
      </c>
      <c r="L2971" s="59">
        <f>Bühler!L2997</f>
        <v>11.7679139847237</v>
      </c>
      <c r="M2971" s="58">
        <f>Bühler!M2997</f>
        <v>0</v>
      </c>
      <c r="N2971" s="56">
        <f>IF(Input!$D$19=1,J2971*Input!$C$19,0)+IF(Input!$D$20=1,K2971*Input!$C$20,0)+IF(Input!$D$21=1,L2971*Input!$C$21,0)+IF(Input!$D$22=1,M2971*Input!$C$22,0)</f>
        <v>0.4903297493634875</v>
      </c>
      <c r="O2971" s="59">
        <f>IF(Input!$D$19=2,J2971*Input!$C$19,0)+IF(Input!$D$20=2,K2971*Input!$C$20,0)+IF(Input!$D$21=2,L2971*Input!$C$21,0)+IF(Input!$D$22=2,M2971*Input!$C$22,0)</f>
        <v>1.2258243734087189</v>
      </c>
      <c r="P2971" s="59">
        <f>IF(Input!$D$19=3,J2971*Input!$C$19,0)+IF(Input!$D$20=3,K2971*Input!$C$20,0)+IF(Input!$D$21=3,L2971*Input!$C$21,0)+IF(Input!$D$22=3,M2971*Input!$C$22,0)</f>
        <v>0</v>
      </c>
      <c r="Q2971" s="75">
        <f>IF(Input!$D$19=4,J2971*Input!$C$19,0)+IF(Input!$D$20=4,K2971*Input!$C$20,0)+IF(Input!$D$21=4,L2971*Input!$C$21,0)+IF(Input!$D$22=4,M2971*Input!$C$22,0)</f>
        <v>0</v>
      </c>
      <c r="R2971" s="58">
        <v>47.65703949058571</v>
      </c>
      <c r="S2971" s="124">
        <f t="shared" si="46"/>
        <v>2.1247622472417795</v>
      </c>
    </row>
    <row r="2972" spans="8:19" x14ac:dyDescent="0.3">
      <c r="H2972" s="44">
        <v>2965</v>
      </c>
      <c r="I2972" s="56">
        <f>Bühler!I2998</f>
        <v>0.4903297493634875</v>
      </c>
      <c r="J2972" s="59">
        <f>Bühler!J2998</f>
        <v>1.6344324978782918</v>
      </c>
      <c r="K2972" s="59">
        <f>Bühler!K2998</f>
        <v>2.4516487468174377</v>
      </c>
      <c r="L2972" s="59">
        <f>Bühler!L2998</f>
        <v>11.7679139847237</v>
      </c>
      <c r="M2972" s="58">
        <f>Bühler!M2998</f>
        <v>0</v>
      </c>
      <c r="N2972" s="56">
        <f>IF(Input!$D$19=1,J2972*Input!$C$19,0)+IF(Input!$D$20=1,K2972*Input!$C$20,0)+IF(Input!$D$21=1,L2972*Input!$C$21,0)+IF(Input!$D$22=1,M2972*Input!$C$22,0)</f>
        <v>0.4903297493634875</v>
      </c>
      <c r="O2972" s="59">
        <f>IF(Input!$D$19=2,J2972*Input!$C$19,0)+IF(Input!$D$20=2,K2972*Input!$C$20,0)+IF(Input!$D$21=2,L2972*Input!$C$21,0)+IF(Input!$D$22=2,M2972*Input!$C$22,0)</f>
        <v>1.2258243734087189</v>
      </c>
      <c r="P2972" s="59">
        <f>IF(Input!$D$19=3,J2972*Input!$C$19,0)+IF(Input!$D$20=3,K2972*Input!$C$20,0)+IF(Input!$D$21=3,L2972*Input!$C$21,0)+IF(Input!$D$22=3,M2972*Input!$C$22,0)</f>
        <v>0</v>
      </c>
      <c r="Q2972" s="75">
        <f>IF(Input!$D$19=4,J2972*Input!$C$19,0)+IF(Input!$D$20=4,K2972*Input!$C$20,0)+IF(Input!$D$21=4,L2972*Input!$C$21,0)+IF(Input!$D$22=4,M2972*Input!$C$22,0)</f>
        <v>0</v>
      </c>
      <c r="R2972" s="58">
        <v>46.815251723020737</v>
      </c>
      <c r="S2972" s="124">
        <f t="shared" si="46"/>
        <v>2.1247622472417795</v>
      </c>
    </row>
    <row r="2973" spans="8:19" x14ac:dyDescent="0.3">
      <c r="H2973" s="44">
        <v>2966</v>
      </c>
      <c r="I2973" s="56">
        <f>Bühler!I2999</f>
        <v>0.4903297493634875</v>
      </c>
      <c r="J2973" s="59">
        <f>Bühler!J2999</f>
        <v>1.6344324978782918</v>
      </c>
      <c r="K2973" s="59">
        <f>Bühler!K2999</f>
        <v>2.4516487468174377</v>
      </c>
      <c r="L2973" s="59">
        <f>Bühler!L2999</f>
        <v>11.7679139847237</v>
      </c>
      <c r="M2973" s="58">
        <f>Bühler!M2999</f>
        <v>0</v>
      </c>
      <c r="N2973" s="56">
        <f>IF(Input!$D$19=1,J2973*Input!$C$19,0)+IF(Input!$D$20=1,K2973*Input!$C$20,0)+IF(Input!$D$21=1,L2973*Input!$C$21,0)+IF(Input!$D$22=1,M2973*Input!$C$22,0)</f>
        <v>0.4903297493634875</v>
      </c>
      <c r="O2973" s="59">
        <f>IF(Input!$D$19=2,J2973*Input!$C$19,0)+IF(Input!$D$20=2,K2973*Input!$C$20,0)+IF(Input!$D$21=2,L2973*Input!$C$21,0)+IF(Input!$D$22=2,M2973*Input!$C$22,0)</f>
        <v>1.2258243734087189</v>
      </c>
      <c r="P2973" s="59">
        <f>IF(Input!$D$19=3,J2973*Input!$C$19,0)+IF(Input!$D$20=3,K2973*Input!$C$20,0)+IF(Input!$D$21=3,L2973*Input!$C$21,0)+IF(Input!$D$22=3,M2973*Input!$C$22,0)</f>
        <v>0</v>
      </c>
      <c r="Q2973" s="75">
        <f>IF(Input!$D$19=4,J2973*Input!$C$19,0)+IF(Input!$D$20=4,K2973*Input!$C$20,0)+IF(Input!$D$21=4,L2973*Input!$C$21,0)+IF(Input!$D$22=4,M2973*Input!$C$22,0)</f>
        <v>0</v>
      </c>
      <c r="R2973" s="58">
        <v>46.151621393218022</v>
      </c>
      <c r="S2973" s="124">
        <f t="shared" si="46"/>
        <v>2.1247622472417795</v>
      </c>
    </row>
    <row r="2974" spans="8:19" x14ac:dyDescent="0.3">
      <c r="H2974" s="44">
        <v>2967</v>
      </c>
      <c r="I2974" s="56">
        <f>Bühler!I3000</f>
        <v>0.4903297493634875</v>
      </c>
      <c r="J2974" s="59">
        <f>Bühler!J3000</f>
        <v>1.6344324978782918</v>
      </c>
      <c r="K2974" s="59">
        <f>Bühler!K3000</f>
        <v>2.4516487468174377</v>
      </c>
      <c r="L2974" s="59">
        <f>Bühler!L3000</f>
        <v>11.7679139847237</v>
      </c>
      <c r="M2974" s="58">
        <f>Bühler!M3000</f>
        <v>0</v>
      </c>
      <c r="N2974" s="56">
        <f>IF(Input!$D$19=1,J2974*Input!$C$19,0)+IF(Input!$D$20=1,K2974*Input!$C$20,0)+IF(Input!$D$21=1,L2974*Input!$C$21,0)+IF(Input!$D$22=1,M2974*Input!$C$22,0)</f>
        <v>0.4903297493634875</v>
      </c>
      <c r="O2974" s="59">
        <f>IF(Input!$D$19=2,J2974*Input!$C$19,0)+IF(Input!$D$20=2,K2974*Input!$C$20,0)+IF(Input!$D$21=2,L2974*Input!$C$21,0)+IF(Input!$D$22=2,M2974*Input!$C$22,0)</f>
        <v>1.2258243734087189</v>
      </c>
      <c r="P2974" s="59">
        <f>IF(Input!$D$19=3,J2974*Input!$C$19,0)+IF(Input!$D$20=3,K2974*Input!$C$20,0)+IF(Input!$D$21=3,L2974*Input!$C$21,0)+IF(Input!$D$22=3,M2974*Input!$C$22,0)</f>
        <v>0</v>
      </c>
      <c r="Q2974" s="75">
        <f>IF(Input!$D$19=4,J2974*Input!$C$19,0)+IF(Input!$D$20=4,K2974*Input!$C$20,0)+IF(Input!$D$21=4,L2974*Input!$C$21,0)+IF(Input!$D$22=4,M2974*Input!$C$22,0)</f>
        <v>0</v>
      </c>
      <c r="R2974" s="58">
        <v>46.160193598479111</v>
      </c>
      <c r="S2974" s="124">
        <f t="shared" si="46"/>
        <v>2.1247622472417795</v>
      </c>
    </row>
    <row r="2975" spans="8:19" x14ac:dyDescent="0.3">
      <c r="H2975" s="44">
        <v>2968</v>
      </c>
      <c r="I2975" s="56">
        <f>Bühler!I3001</f>
        <v>0.40860812446957295</v>
      </c>
      <c r="J2975" s="59">
        <f>Bühler!J3001</f>
        <v>1.3620270815652433</v>
      </c>
      <c r="K2975" s="59">
        <f>Bühler!K3001</f>
        <v>2.0430406223478648</v>
      </c>
      <c r="L2975" s="59">
        <f>Bühler!L3001</f>
        <v>9.8065949872697509</v>
      </c>
      <c r="M2975" s="58">
        <f>Bühler!M3001</f>
        <v>0</v>
      </c>
      <c r="N2975" s="56">
        <f>IF(Input!$D$19=1,J2975*Input!$C$19,0)+IF(Input!$D$20=1,K2975*Input!$C$20,0)+IF(Input!$D$21=1,L2975*Input!$C$21,0)+IF(Input!$D$22=1,M2975*Input!$C$22,0)</f>
        <v>0.40860812446957301</v>
      </c>
      <c r="O2975" s="59">
        <f>IF(Input!$D$19=2,J2975*Input!$C$19,0)+IF(Input!$D$20=2,K2975*Input!$C$20,0)+IF(Input!$D$21=2,L2975*Input!$C$21,0)+IF(Input!$D$22=2,M2975*Input!$C$22,0)</f>
        <v>1.0215203111739324</v>
      </c>
      <c r="P2975" s="59">
        <f>IF(Input!$D$19=3,J2975*Input!$C$19,0)+IF(Input!$D$20=3,K2975*Input!$C$20,0)+IF(Input!$D$21=3,L2975*Input!$C$21,0)+IF(Input!$D$22=3,M2975*Input!$C$22,0)</f>
        <v>0</v>
      </c>
      <c r="Q2975" s="75">
        <f>IF(Input!$D$19=4,J2975*Input!$C$19,0)+IF(Input!$D$20=4,K2975*Input!$C$20,0)+IF(Input!$D$21=4,L2975*Input!$C$21,0)+IF(Input!$D$22=4,M2975*Input!$C$22,0)</f>
        <v>0</v>
      </c>
      <c r="R2975" s="58">
        <v>46.058666538127575</v>
      </c>
      <c r="S2975" s="124">
        <f t="shared" si="46"/>
        <v>1.7706352060348163</v>
      </c>
    </row>
    <row r="2976" spans="8:19" x14ac:dyDescent="0.3">
      <c r="H2976" s="44">
        <v>2969</v>
      </c>
      <c r="I2976" s="56">
        <f>Bühler!I3002</f>
        <v>0.38681569116452907</v>
      </c>
      <c r="J2976" s="59">
        <f>Bühler!J3002</f>
        <v>1.2893856372150969</v>
      </c>
      <c r="K2976" s="59">
        <f>Bühler!K3002</f>
        <v>1.9340784558226454</v>
      </c>
      <c r="L2976" s="59">
        <f>Bühler!L3002</f>
        <v>9.2835765879486978</v>
      </c>
      <c r="M2976" s="58">
        <f>Bühler!M3002</f>
        <v>0</v>
      </c>
      <c r="N2976" s="56">
        <f>IF(Input!$D$19=1,J2976*Input!$C$19,0)+IF(Input!$D$20=1,K2976*Input!$C$20,0)+IF(Input!$D$21=1,L2976*Input!$C$21,0)+IF(Input!$D$22=1,M2976*Input!$C$22,0)</f>
        <v>0.38681569116452907</v>
      </c>
      <c r="O2976" s="59">
        <f>IF(Input!$D$19=2,J2976*Input!$C$19,0)+IF(Input!$D$20=2,K2976*Input!$C$20,0)+IF(Input!$D$21=2,L2976*Input!$C$21,0)+IF(Input!$D$22=2,M2976*Input!$C$22,0)</f>
        <v>0.96703922791132269</v>
      </c>
      <c r="P2976" s="59">
        <f>IF(Input!$D$19=3,J2976*Input!$C$19,0)+IF(Input!$D$20=3,K2976*Input!$C$20,0)+IF(Input!$D$21=3,L2976*Input!$C$21,0)+IF(Input!$D$22=3,M2976*Input!$C$22,0)</f>
        <v>0</v>
      </c>
      <c r="Q2976" s="75">
        <f>IF(Input!$D$19=4,J2976*Input!$C$19,0)+IF(Input!$D$20=4,K2976*Input!$C$20,0)+IF(Input!$D$21=4,L2976*Input!$C$21,0)+IF(Input!$D$22=4,M2976*Input!$C$22,0)</f>
        <v>0</v>
      </c>
      <c r="R2976" s="58">
        <v>45.228313797507909</v>
      </c>
      <c r="S2976" s="124">
        <f t="shared" si="46"/>
        <v>1.676201328379626</v>
      </c>
    </row>
    <row r="2977" spans="8:19" x14ac:dyDescent="0.3">
      <c r="H2977" s="44">
        <v>2970</v>
      </c>
      <c r="I2977" s="56">
        <f>Bühler!I3003</f>
        <v>0.38681569116452907</v>
      </c>
      <c r="J2977" s="59">
        <f>Bühler!J3003</f>
        <v>1.2893856372150969</v>
      </c>
      <c r="K2977" s="59">
        <f>Bühler!K3003</f>
        <v>1.9340784558226454</v>
      </c>
      <c r="L2977" s="59">
        <f>Bühler!L3003</f>
        <v>9.2835765879486978</v>
      </c>
      <c r="M2977" s="58">
        <f>Bühler!M3003</f>
        <v>0</v>
      </c>
      <c r="N2977" s="56">
        <f>IF(Input!$D$19=1,J2977*Input!$C$19,0)+IF(Input!$D$20=1,K2977*Input!$C$20,0)+IF(Input!$D$21=1,L2977*Input!$C$21,0)+IF(Input!$D$22=1,M2977*Input!$C$22,0)</f>
        <v>0.38681569116452907</v>
      </c>
      <c r="O2977" s="59">
        <f>IF(Input!$D$19=2,J2977*Input!$C$19,0)+IF(Input!$D$20=2,K2977*Input!$C$20,0)+IF(Input!$D$21=2,L2977*Input!$C$21,0)+IF(Input!$D$22=2,M2977*Input!$C$22,0)</f>
        <v>0.96703922791132269</v>
      </c>
      <c r="P2977" s="59">
        <f>IF(Input!$D$19=3,J2977*Input!$C$19,0)+IF(Input!$D$20=3,K2977*Input!$C$20,0)+IF(Input!$D$21=3,L2977*Input!$C$21,0)+IF(Input!$D$22=3,M2977*Input!$C$22,0)</f>
        <v>0</v>
      </c>
      <c r="Q2977" s="75">
        <f>IF(Input!$D$19=4,J2977*Input!$C$19,0)+IF(Input!$D$20=4,K2977*Input!$C$20,0)+IF(Input!$D$21=4,L2977*Input!$C$21,0)+IF(Input!$D$22=4,M2977*Input!$C$22,0)</f>
        <v>0</v>
      </c>
      <c r="R2977" s="58">
        <v>44.1689271628345</v>
      </c>
      <c r="S2977" s="124">
        <f t="shared" si="46"/>
        <v>1.676201328379626</v>
      </c>
    </row>
    <row r="2978" spans="8:19" x14ac:dyDescent="0.3">
      <c r="H2978" s="44">
        <v>2971</v>
      </c>
      <c r="I2978" s="56">
        <f>Bühler!I3004</f>
        <v>0.38681569116452907</v>
      </c>
      <c r="J2978" s="59">
        <f>Bühler!J3004</f>
        <v>1.2893856372150969</v>
      </c>
      <c r="K2978" s="59">
        <f>Bühler!K3004</f>
        <v>1.9340784558226454</v>
      </c>
      <c r="L2978" s="59">
        <f>Bühler!L3004</f>
        <v>9.2835765879486978</v>
      </c>
      <c r="M2978" s="58">
        <f>Bühler!M3004</f>
        <v>0</v>
      </c>
      <c r="N2978" s="56">
        <f>IF(Input!$D$19=1,J2978*Input!$C$19,0)+IF(Input!$D$20=1,K2978*Input!$C$20,0)+IF(Input!$D$21=1,L2978*Input!$C$21,0)+IF(Input!$D$22=1,M2978*Input!$C$22,0)</f>
        <v>0.38681569116452907</v>
      </c>
      <c r="O2978" s="59">
        <f>IF(Input!$D$19=2,J2978*Input!$C$19,0)+IF(Input!$D$20=2,K2978*Input!$C$20,0)+IF(Input!$D$21=2,L2978*Input!$C$21,0)+IF(Input!$D$22=2,M2978*Input!$C$22,0)</f>
        <v>0.96703922791132269</v>
      </c>
      <c r="P2978" s="59">
        <f>IF(Input!$D$19=3,J2978*Input!$C$19,0)+IF(Input!$D$20=3,K2978*Input!$C$20,0)+IF(Input!$D$21=3,L2978*Input!$C$21,0)+IF(Input!$D$22=3,M2978*Input!$C$22,0)</f>
        <v>0</v>
      </c>
      <c r="Q2978" s="75">
        <f>IF(Input!$D$19=4,J2978*Input!$C$19,0)+IF(Input!$D$20=4,K2978*Input!$C$20,0)+IF(Input!$D$21=4,L2978*Input!$C$21,0)+IF(Input!$D$22=4,M2978*Input!$C$22,0)</f>
        <v>0</v>
      </c>
      <c r="R2978" s="58">
        <v>43.184435854400213</v>
      </c>
      <c r="S2978" s="124">
        <f t="shared" si="46"/>
        <v>1.676201328379626</v>
      </c>
    </row>
    <row r="2979" spans="8:19" x14ac:dyDescent="0.3">
      <c r="H2979" s="44">
        <v>2972</v>
      </c>
      <c r="I2979" s="56">
        <f>Bühler!I3005</f>
        <v>0.38681569116452907</v>
      </c>
      <c r="J2979" s="59">
        <f>Bühler!J3005</f>
        <v>1.2893856372150969</v>
      </c>
      <c r="K2979" s="59">
        <f>Bühler!K3005</f>
        <v>1.9340784558226454</v>
      </c>
      <c r="L2979" s="59">
        <f>Bühler!L3005</f>
        <v>9.2835765879486978</v>
      </c>
      <c r="M2979" s="58">
        <f>Bühler!M3005</f>
        <v>0</v>
      </c>
      <c r="N2979" s="56">
        <f>IF(Input!$D$19=1,J2979*Input!$C$19,0)+IF(Input!$D$20=1,K2979*Input!$C$20,0)+IF(Input!$D$21=1,L2979*Input!$C$21,0)+IF(Input!$D$22=1,M2979*Input!$C$22,0)</f>
        <v>0.38681569116452907</v>
      </c>
      <c r="O2979" s="59">
        <f>IF(Input!$D$19=2,J2979*Input!$C$19,0)+IF(Input!$D$20=2,K2979*Input!$C$20,0)+IF(Input!$D$21=2,L2979*Input!$C$21,0)+IF(Input!$D$22=2,M2979*Input!$C$22,0)</f>
        <v>0.96703922791132269</v>
      </c>
      <c r="P2979" s="59">
        <f>IF(Input!$D$19=3,J2979*Input!$C$19,0)+IF(Input!$D$20=3,K2979*Input!$C$20,0)+IF(Input!$D$21=3,L2979*Input!$C$21,0)+IF(Input!$D$22=3,M2979*Input!$C$22,0)</f>
        <v>0</v>
      </c>
      <c r="Q2979" s="75">
        <f>IF(Input!$D$19=4,J2979*Input!$C$19,0)+IF(Input!$D$20=4,K2979*Input!$C$20,0)+IF(Input!$D$21=4,L2979*Input!$C$21,0)+IF(Input!$D$22=4,M2979*Input!$C$22,0)</f>
        <v>0</v>
      </c>
      <c r="R2979" s="58">
        <v>42.318461087896907</v>
      </c>
      <c r="S2979" s="124">
        <f t="shared" si="46"/>
        <v>1.676201328379626</v>
      </c>
    </row>
    <row r="2980" spans="8:19" x14ac:dyDescent="0.3">
      <c r="H2980" s="44">
        <v>2973</v>
      </c>
      <c r="I2980" s="56">
        <f>Bühler!I3006</f>
        <v>0.2996459579443535</v>
      </c>
      <c r="J2980" s="59">
        <f>Bühler!J3006</f>
        <v>0.99881985981451171</v>
      </c>
      <c r="K2980" s="59">
        <f>Bühler!K3006</f>
        <v>1.4982297897217673</v>
      </c>
      <c r="L2980" s="59">
        <f>Bühler!L3006</f>
        <v>7.1915029906644836</v>
      </c>
      <c r="M2980" s="58">
        <f>Bühler!M3006</f>
        <v>0</v>
      </c>
      <c r="N2980" s="56">
        <f>IF(Input!$D$19=1,J2980*Input!$C$19,0)+IF(Input!$D$20=1,K2980*Input!$C$20,0)+IF(Input!$D$21=1,L2980*Input!$C$21,0)+IF(Input!$D$22=1,M2980*Input!$C$22,0)</f>
        <v>0.2996459579443535</v>
      </c>
      <c r="O2980" s="59">
        <f>IF(Input!$D$19=2,J2980*Input!$C$19,0)+IF(Input!$D$20=2,K2980*Input!$C$20,0)+IF(Input!$D$21=2,L2980*Input!$C$21,0)+IF(Input!$D$22=2,M2980*Input!$C$22,0)</f>
        <v>0.74911489486088367</v>
      </c>
      <c r="P2980" s="59">
        <f>IF(Input!$D$19=3,J2980*Input!$C$19,0)+IF(Input!$D$20=3,K2980*Input!$C$20,0)+IF(Input!$D$21=3,L2980*Input!$C$21,0)+IF(Input!$D$22=3,M2980*Input!$C$22,0)</f>
        <v>0</v>
      </c>
      <c r="Q2980" s="75">
        <f>IF(Input!$D$19=4,J2980*Input!$C$19,0)+IF(Input!$D$20=4,K2980*Input!$C$20,0)+IF(Input!$D$21=4,L2980*Input!$C$21,0)+IF(Input!$D$22=4,M2980*Input!$C$22,0)</f>
        <v>0</v>
      </c>
      <c r="R2980" s="58">
        <v>41.670264536552715</v>
      </c>
      <c r="S2980" s="124">
        <f t="shared" si="46"/>
        <v>1.2984658177588653</v>
      </c>
    </row>
    <row r="2981" spans="8:19" x14ac:dyDescent="0.3">
      <c r="H2981" s="44">
        <v>2974</v>
      </c>
      <c r="I2981" s="56">
        <f>Bühler!I3007</f>
        <v>0.11441027485148042</v>
      </c>
      <c r="J2981" s="59">
        <f>Bühler!J3007</f>
        <v>0.3813675828382681</v>
      </c>
      <c r="K2981" s="59">
        <f>Bühler!K3007</f>
        <v>0.57205137425740216</v>
      </c>
      <c r="L2981" s="59">
        <f>Bühler!L3007</f>
        <v>2.7458465964355301</v>
      </c>
      <c r="M2981" s="58">
        <f>Bühler!M3007</f>
        <v>0</v>
      </c>
      <c r="N2981" s="56">
        <f>IF(Input!$D$19=1,J2981*Input!$C$19,0)+IF(Input!$D$20=1,K2981*Input!$C$20,0)+IF(Input!$D$21=1,L2981*Input!$C$21,0)+IF(Input!$D$22=1,M2981*Input!$C$22,0)</f>
        <v>0.11441027485148042</v>
      </c>
      <c r="O2981" s="59">
        <f>IF(Input!$D$19=2,J2981*Input!$C$19,0)+IF(Input!$D$20=2,K2981*Input!$C$20,0)+IF(Input!$D$21=2,L2981*Input!$C$21,0)+IF(Input!$D$22=2,M2981*Input!$C$22,0)</f>
        <v>0.28602568712870108</v>
      </c>
      <c r="P2981" s="59">
        <f>IF(Input!$D$19=3,J2981*Input!$C$19,0)+IF(Input!$D$20=3,K2981*Input!$C$20,0)+IF(Input!$D$21=3,L2981*Input!$C$21,0)+IF(Input!$D$22=3,M2981*Input!$C$22,0)</f>
        <v>0</v>
      </c>
      <c r="Q2981" s="75">
        <f>IF(Input!$D$19=4,J2981*Input!$C$19,0)+IF(Input!$D$20=4,K2981*Input!$C$20,0)+IF(Input!$D$21=4,L2981*Input!$C$21,0)+IF(Input!$D$22=4,M2981*Input!$C$22,0)</f>
        <v>0</v>
      </c>
      <c r="R2981" s="58">
        <v>41.814621829635826</v>
      </c>
      <c r="S2981" s="124">
        <f t="shared" si="46"/>
        <v>0.49577785768974852</v>
      </c>
    </row>
    <row r="2982" spans="8:19" x14ac:dyDescent="0.3">
      <c r="H2982" s="44">
        <v>2975</v>
      </c>
      <c r="I2982" s="56">
        <f>Bühler!I3008</f>
        <v>0.11441027485148042</v>
      </c>
      <c r="J2982" s="59">
        <f>Bühler!J3008</f>
        <v>0.3813675828382681</v>
      </c>
      <c r="K2982" s="59">
        <f>Bühler!K3008</f>
        <v>0.57205137425740216</v>
      </c>
      <c r="L2982" s="59">
        <f>Bühler!L3008</f>
        <v>2.7458465964355301</v>
      </c>
      <c r="M2982" s="58">
        <f>Bühler!M3008</f>
        <v>0</v>
      </c>
      <c r="N2982" s="56">
        <f>IF(Input!$D$19=1,J2982*Input!$C$19,0)+IF(Input!$D$20=1,K2982*Input!$C$20,0)+IF(Input!$D$21=1,L2982*Input!$C$21,0)+IF(Input!$D$22=1,M2982*Input!$C$22,0)</f>
        <v>0.11441027485148042</v>
      </c>
      <c r="O2982" s="59">
        <f>IF(Input!$D$19=2,J2982*Input!$C$19,0)+IF(Input!$D$20=2,K2982*Input!$C$20,0)+IF(Input!$D$21=2,L2982*Input!$C$21,0)+IF(Input!$D$22=2,M2982*Input!$C$22,0)</f>
        <v>0.28602568712870108</v>
      </c>
      <c r="P2982" s="59">
        <f>IF(Input!$D$19=3,J2982*Input!$C$19,0)+IF(Input!$D$20=3,K2982*Input!$C$20,0)+IF(Input!$D$21=3,L2982*Input!$C$21,0)+IF(Input!$D$22=3,M2982*Input!$C$22,0)</f>
        <v>0</v>
      </c>
      <c r="Q2982" s="75">
        <f>IF(Input!$D$19=4,J2982*Input!$C$19,0)+IF(Input!$D$20=4,K2982*Input!$C$20,0)+IF(Input!$D$21=4,L2982*Input!$C$21,0)+IF(Input!$D$22=4,M2982*Input!$C$22,0)</f>
        <v>0</v>
      </c>
      <c r="R2982" s="58">
        <v>41.959437515467492</v>
      </c>
      <c r="S2982" s="124">
        <f t="shared" si="46"/>
        <v>0.49577785768974852</v>
      </c>
    </row>
    <row r="2983" spans="8:19" x14ac:dyDescent="0.3">
      <c r="H2983" s="44">
        <v>2976</v>
      </c>
      <c r="I2983" s="56">
        <f>Bühler!I3009</f>
        <v>0.11441027485148042</v>
      </c>
      <c r="J2983" s="59">
        <f>Bühler!J3009</f>
        <v>0.3813675828382681</v>
      </c>
      <c r="K2983" s="59">
        <f>Bühler!K3009</f>
        <v>0.57205137425740216</v>
      </c>
      <c r="L2983" s="59">
        <f>Bühler!L3009</f>
        <v>2.7458465964355301</v>
      </c>
      <c r="M2983" s="58">
        <f>Bühler!M3009</f>
        <v>0</v>
      </c>
      <c r="N2983" s="56">
        <f>IF(Input!$D$19=1,J2983*Input!$C$19,0)+IF(Input!$D$20=1,K2983*Input!$C$20,0)+IF(Input!$D$21=1,L2983*Input!$C$21,0)+IF(Input!$D$22=1,M2983*Input!$C$22,0)</f>
        <v>0.11441027485148042</v>
      </c>
      <c r="O2983" s="59">
        <f>IF(Input!$D$19=2,J2983*Input!$C$19,0)+IF(Input!$D$20=2,K2983*Input!$C$20,0)+IF(Input!$D$21=2,L2983*Input!$C$21,0)+IF(Input!$D$22=2,M2983*Input!$C$22,0)</f>
        <v>0.28602568712870108</v>
      </c>
      <c r="P2983" s="59">
        <f>IF(Input!$D$19=3,J2983*Input!$C$19,0)+IF(Input!$D$20=3,K2983*Input!$C$20,0)+IF(Input!$D$21=3,L2983*Input!$C$21,0)+IF(Input!$D$22=3,M2983*Input!$C$22,0)</f>
        <v>0</v>
      </c>
      <c r="Q2983" s="75">
        <f>IF(Input!$D$19=4,J2983*Input!$C$19,0)+IF(Input!$D$20=4,K2983*Input!$C$20,0)+IF(Input!$D$21=4,L2983*Input!$C$21,0)+IF(Input!$D$22=4,M2983*Input!$C$22,0)</f>
        <v>0</v>
      </c>
      <c r="R2983" s="58">
        <v>41.830982847715624</v>
      </c>
      <c r="S2983" s="124">
        <f t="shared" si="46"/>
        <v>0.49577785768974852</v>
      </c>
    </row>
    <row r="2984" spans="8:19" x14ac:dyDescent="0.3">
      <c r="H2984" s="44">
        <v>2977</v>
      </c>
      <c r="I2984" s="56">
        <f>Bühler!I3010</f>
        <v>6.8801398082056778E-2</v>
      </c>
      <c r="J2984" s="59">
        <f>Bühler!J3010</f>
        <v>0.22933799360685597</v>
      </c>
      <c r="K2984" s="59">
        <f>Bühler!K3010</f>
        <v>0.34400699041028393</v>
      </c>
      <c r="L2984" s="59">
        <f>Bühler!L3010</f>
        <v>3.9991367679466014</v>
      </c>
      <c r="M2984" s="58">
        <f>Bühler!M3010</f>
        <v>0</v>
      </c>
      <c r="N2984" s="56">
        <f>IF(Input!$D$19=1,J2984*Input!$C$19,0)+IF(Input!$D$20=1,K2984*Input!$C$20,0)+IF(Input!$D$21=1,L2984*Input!$C$21,0)+IF(Input!$D$22=1,M2984*Input!$C$22,0)</f>
        <v>6.8801398082056792E-2</v>
      </c>
      <c r="O2984" s="59">
        <f>IF(Input!$D$19=2,J2984*Input!$C$19,0)+IF(Input!$D$20=2,K2984*Input!$C$20,0)+IF(Input!$D$21=2,L2984*Input!$C$21,0)+IF(Input!$D$22=2,M2984*Input!$C$22,0)</f>
        <v>0.17200349520514197</v>
      </c>
      <c r="P2984" s="59">
        <f>IF(Input!$D$19=3,J2984*Input!$C$19,0)+IF(Input!$D$20=3,K2984*Input!$C$20,0)+IF(Input!$D$21=3,L2984*Input!$C$21,0)+IF(Input!$D$22=3,M2984*Input!$C$22,0)</f>
        <v>0</v>
      </c>
      <c r="Q2984" s="75">
        <f>IF(Input!$D$19=4,J2984*Input!$C$19,0)+IF(Input!$D$20=4,K2984*Input!$C$20,0)+IF(Input!$D$21=4,L2984*Input!$C$21,0)+IF(Input!$D$22=4,M2984*Input!$C$22,0)</f>
        <v>0</v>
      </c>
      <c r="R2984" s="58">
        <v>41.771066319977429</v>
      </c>
      <c r="S2984" s="124">
        <f t="shared" si="46"/>
        <v>0.29813939168891274</v>
      </c>
    </row>
    <row r="2985" spans="8:19" x14ac:dyDescent="0.3">
      <c r="H2985" s="44">
        <v>2978</v>
      </c>
      <c r="I2985" s="56">
        <f>Bühler!I3011</f>
        <v>0.1343265391125871</v>
      </c>
      <c r="J2985" s="59">
        <f>Bühler!J3011</f>
        <v>0.44775513037529036</v>
      </c>
      <c r="K2985" s="59">
        <f>Bühler!K3011</f>
        <v>0.67163269556293548</v>
      </c>
      <c r="L2985" s="59">
        <f>Bühler!L3011</f>
        <v>7.8078384517052708</v>
      </c>
      <c r="M2985" s="58">
        <f>Bühler!M3011</f>
        <v>0</v>
      </c>
      <c r="N2985" s="56">
        <f>IF(Input!$D$19=1,J2985*Input!$C$19,0)+IF(Input!$D$20=1,K2985*Input!$C$20,0)+IF(Input!$D$21=1,L2985*Input!$C$21,0)+IF(Input!$D$22=1,M2985*Input!$C$22,0)</f>
        <v>0.1343265391125871</v>
      </c>
      <c r="O2985" s="59">
        <f>IF(Input!$D$19=2,J2985*Input!$C$19,0)+IF(Input!$D$20=2,K2985*Input!$C$20,0)+IF(Input!$D$21=2,L2985*Input!$C$21,0)+IF(Input!$D$22=2,M2985*Input!$C$22,0)</f>
        <v>0.33581634778146774</v>
      </c>
      <c r="P2985" s="59">
        <f>IF(Input!$D$19=3,J2985*Input!$C$19,0)+IF(Input!$D$20=3,K2985*Input!$C$20,0)+IF(Input!$D$21=3,L2985*Input!$C$21,0)+IF(Input!$D$22=3,M2985*Input!$C$22,0)</f>
        <v>0</v>
      </c>
      <c r="Q2985" s="75">
        <f>IF(Input!$D$19=4,J2985*Input!$C$19,0)+IF(Input!$D$20=4,K2985*Input!$C$20,0)+IF(Input!$D$21=4,L2985*Input!$C$21,0)+IF(Input!$D$22=4,M2985*Input!$C$22,0)</f>
        <v>0</v>
      </c>
      <c r="R2985" s="58">
        <v>41.302241179301276</v>
      </c>
      <c r="S2985" s="124">
        <f t="shared" si="46"/>
        <v>0.58208166948787743</v>
      </c>
    </row>
    <row r="2986" spans="8:19" x14ac:dyDescent="0.3">
      <c r="H2986" s="44">
        <v>2979</v>
      </c>
      <c r="I2986" s="56">
        <f>Bühler!I3012</f>
        <v>0.1343265391125871</v>
      </c>
      <c r="J2986" s="59">
        <f>Bühler!J3012</f>
        <v>0.44775513037529036</v>
      </c>
      <c r="K2986" s="59">
        <f>Bühler!K3012</f>
        <v>0.67163269556293548</v>
      </c>
      <c r="L2986" s="59">
        <f>Bühler!L3012</f>
        <v>7.8078384517052708</v>
      </c>
      <c r="M2986" s="58">
        <f>Bühler!M3012</f>
        <v>0</v>
      </c>
      <c r="N2986" s="56">
        <f>IF(Input!$D$19=1,J2986*Input!$C$19,0)+IF(Input!$D$20=1,K2986*Input!$C$20,0)+IF(Input!$D$21=1,L2986*Input!$C$21,0)+IF(Input!$D$22=1,M2986*Input!$C$22,0)</f>
        <v>0.1343265391125871</v>
      </c>
      <c r="O2986" s="59">
        <f>IF(Input!$D$19=2,J2986*Input!$C$19,0)+IF(Input!$D$20=2,K2986*Input!$C$20,0)+IF(Input!$D$21=2,L2986*Input!$C$21,0)+IF(Input!$D$22=2,M2986*Input!$C$22,0)</f>
        <v>0.33581634778146774</v>
      </c>
      <c r="P2986" s="59">
        <f>IF(Input!$D$19=3,J2986*Input!$C$19,0)+IF(Input!$D$20=3,K2986*Input!$C$20,0)+IF(Input!$D$21=3,L2986*Input!$C$21,0)+IF(Input!$D$22=3,M2986*Input!$C$22,0)</f>
        <v>0</v>
      </c>
      <c r="Q2986" s="75">
        <f>IF(Input!$D$19=4,J2986*Input!$C$19,0)+IF(Input!$D$20=4,K2986*Input!$C$20,0)+IF(Input!$D$21=4,L2986*Input!$C$21,0)+IF(Input!$D$22=4,M2986*Input!$C$22,0)</f>
        <v>0</v>
      </c>
      <c r="R2986" s="58">
        <v>41.28690350817525</v>
      </c>
      <c r="S2986" s="124">
        <f t="shared" si="46"/>
        <v>0.58208166948787743</v>
      </c>
    </row>
    <row r="2987" spans="8:19" x14ac:dyDescent="0.3">
      <c r="H2987" s="44">
        <v>2980</v>
      </c>
      <c r="I2987" s="56">
        <f>Bühler!I3013</f>
        <v>0.1343265391125871</v>
      </c>
      <c r="J2987" s="59">
        <f>Bühler!J3013</f>
        <v>0.44775513037529036</v>
      </c>
      <c r="K2987" s="59">
        <f>Bühler!K3013</f>
        <v>0.67163269556293548</v>
      </c>
      <c r="L2987" s="59">
        <f>Bühler!L3013</f>
        <v>7.8078384517052708</v>
      </c>
      <c r="M2987" s="58">
        <f>Bühler!M3013</f>
        <v>0</v>
      </c>
      <c r="N2987" s="56">
        <f>IF(Input!$D$19=1,J2987*Input!$C$19,0)+IF(Input!$D$20=1,K2987*Input!$C$20,0)+IF(Input!$D$21=1,L2987*Input!$C$21,0)+IF(Input!$D$22=1,M2987*Input!$C$22,0)</f>
        <v>0.1343265391125871</v>
      </c>
      <c r="O2987" s="59">
        <f>IF(Input!$D$19=2,J2987*Input!$C$19,0)+IF(Input!$D$20=2,K2987*Input!$C$20,0)+IF(Input!$D$21=2,L2987*Input!$C$21,0)+IF(Input!$D$22=2,M2987*Input!$C$22,0)</f>
        <v>0.33581634778146774</v>
      </c>
      <c r="P2987" s="59">
        <f>IF(Input!$D$19=3,J2987*Input!$C$19,0)+IF(Input!$D$20=3,K2987*Input!$C$20,0)+IF(Input!$D$21=3,L2987*Input!$C$21,0)+IF(Input!$D$22=3,M2987*Input!$C$22,0)</f>
        <v>0</v>
      </c>
      <c r="Q2987" s="75">
        <f>IF(Input!$D$19=4,J2987*Input!$C$19,0)+IF(Input!$D$20=4,K2987*Input!$C$20,0)+IF(Input!$D$21=4,L2987*Input!$C$21,0)+IF(Input!$D$22=4,M2987*Input!$C$22,0)</f>
        <v>0</v>
      </c>
      <c r="R2987" s="58">
        <v>41.889511958233506</v>
      </c>
      <c r="S2987" s="124">
        <f t="shared" si="46"/>
        <v>0.58208166948787743</v>
      </c>
    </row>
    <row r="2988" spans="8:19" x14ac:dyDescent="0.3">
      <c r="H2988" s="44">
        <v>2981</v>
      </c>
      <c r="I2988" s="56">
        <f>Bühler!I3014</f>
        <v>0.1343265391125871</v>
      </c>
      <c r="J2988" s="59">
        <f>Bühler!J3014</f>
        <v>0.44775513037529036</v>
      </c>
      <c r="K2988" s="59">
        <f>Bühler!K3014</f>
        <v>0.67163269556293548</v>
      </c>
      <c r="L2988" s="59">
        <f>Bühler!L3014</f>
        <v>7.8078384517052708</v>
      </c>
      <c r="M2988" s="58">
        <f>Bühler!M3014</f>
        <v>0</v>
      </c>
      <c r="N2988" s="56">
        <f>IF(Input!$D$19=1,J2988*Input!$C$19,0)+IF(Input!$D$20=1,K2988*Input!$C$20,0)+IF(Input!$D$21=1,L2988*Input!$C$21,0)+IF(Input!$D$22=1,M2988*Input!$C$22,0)</f>
        <v>0.1343265391125871</v>
      </c>
      <c r="O2988" s="59">
        <f>IF(Input!$D$19=2,J2988*Input!$C$19,0)+IF(Input!$D$20=2,K2988*Input!$C$20,0)+IF(Input!$D$21=2,L2988*Input!$C$21,0)+IF(Input!$D$22=2,M2988*Input!$C$22,0)</f>
        <v>0.33581634778146774</v>
      </c>
      <c r="P2988" s="59">
        <f>IF(Input!$D$19=3,J2988*Input!$C$19,0)+IF(Input!$D$20=3,K2988*Input!$C$20,0)+IF(Input!$D$21=3,L2988*Input!$C$21,0)+IF(Input!$D$22=3,M2988*Input!$C$22,0)</f>
        <v>0</v>
      </c>
      <c r="Q2988" s="75">
        <f>IF(Input!$D$19=4,J2988*Input!$C$19,0)+IF(Input!$D$20=4,K2988*Input!$C$20,0)+IF(Input!$D$21=4,L2988*Input!$C$21,0)+IF(Input!$D$22=4,M2988*Input!$C$22,0)</f>
        <v>0</v>
      </c>
      <c r="R2988" s="58">
        <v>42.673693775243684</v>
      </c>
      <c r="S2988" s="124">
        <f t="shared" si="46"/>
        <v>0.58208166948787743</v>
      </c>
    </row>
    <row r="2989" spans="8:19" x14ac:dyDescent="0.3">
      <c r="H2989" s="44">
        <v>2982</v>
      </c>
      <c r="I2989" s="56">
        <f>Bühler!I3015</f>
        <v>0.1670891096278522</v>
      </c>
      <c r="J2989" s="59">
        <f>Bühler!J3015</f>
        <v>0.55696369875950746</v>
      </c>
      <c r="K2989" s="59">
        <f>Bühler!K3015</f>
        <v>0.8354455481392612</v>
      </c>
      <c r="L2989" s="59">
        <f>Bühler!L3015</f>
        <v>9.7121892935846059</v>
      </c>
      <c r="M2989" s="58">
        <f>Bühler!M3015</f>
        <v>0</v>
      </c>
      <c r="N2989" s="56">
        <f>IF(Input!$D$19=1,J2989*Input!$C$19,0)+IF(Input!$D$20=1,K2989*Input!$C$20,0)+IF(Input!$D$21=1,L2989*Input!$C$21,0)+IF(Input!$D$22=1,M2989*Input!$C$22,0)</f>
        <v>0.16708910962785223</v>
      </c>
      <c r="O2989" s="59">
        <f>IF(Input!$D$19=2,J2989*Input!$C$19,0)+IF(Input!$D$20=2,K2989*Input!$C$20,0)+IF(Input!$D$21=2,L2989*Input!$C$21,0)+IF(Input!$D$22=2,M2989*Input!$C$22,0)</f>
        <v>0.4177227740696306</v>
      </c>
      <c r="P2989" s="59">
        <f>IF(Input!$D$19=3,J2989*Input!$C$19,0)+IF(Input!$D$20=3,K2989*Input!$C$20,0)+IF(Input!$D$21=3,L2989*Input!$C$21,0)+IF(Input!$D$22=3,M2989*Input!$C$22,0)</f>
        <v>0</v>
      </c>
      <c r="Q2989" s="75">
        <f>IF(Input!$D$19=4,J2989*Input!$C$19,0)+IF(Input!$D$20=4,K2989*Input!$C$20,0)+IF(Input!$D$21=4,L2989*Input!$C$21,0)+IF(Input!$D$22=4,M2989*Input!$C$22,0)</f>
        <v>0</v>
      </c>
      <c r="R2989" s="58">
        <v>44.476904541654996</v>
      </c>
      <c r="S2989" s="124">
        <f t="shared" si="46"/>
        <v>0.72405280838735964</v>
      </c>
    </row>
    <row r="2990" spans="8:19" x14ac:dyDescent="0.3">
      <c r="H2990" s="44">
        <v>2983</v>
      </c>
      <c r="I2990" s="56">
        <f>Bühler!I3016</f>
        <v>0.20968045129769688</v>
      </c>
      <c r="J2990" s="59">
        <f>Bühler!J3016</f>
        <v>0.69893483765898967</v>
      </c>
      <c r="K2990" s="59">
        <f>Bühler!K3016</f>
        <v>1.0484022564884845</v>
      </c>
      <c r="L2990" s="59">
        <f>Bühler!L3016</f>
        <v>12.187845388027739</v>
      </c>
      <c r="M2990" s="58">
        <f>Bühler!M3016</f>
        <v>0</v>
      </c>
      <c r="N2990" s="56">
        <f>IF(Input!$D$19=1,J2990*Input!$C$19,0)+IF(Input!$D$20=1,K2990*Input!$C$20,0)+IF(Input!$D$21=1,L2990*Input!$C$21,0)+IF(Input!$D$22=1,M2990*Input!$C$22,0)</f>
        <v>0.20968045129769688</v>
      </c>
      <c r="O2990" s="59">
        <f>IF(Input!$D$19=2,J2990*Input!$C$19,0)+IF(Input!$D$20=2,K2990*Input!$C$20,0)+IF(Input!$D$21=2,L2990*Input!$C$21,0)+IF(Input!$D$22=2,M2990*Input!$C$22,0)</f>
        <v>0.52420112824424225</v>
      </c>
      <c r="P2990" s="59">
        <f>IF(Input!$D$19=3,J2990*Input!$C$19,0)+IF(Input!$D$20=3,K2990*Input!$C$20,0)+IF(Input!$D$21=3,L2990*Input!$C$21,0)+IF(Input!$D$22=3,M2990*Input!$C$22,0)</f>
        <v>0</v>
      </c>
      <c r="Q2990" s="75">
        <f>IF(Input!$D$19=4,J2990*Input!$C$19,0)+IF(Input!$D$20=4,K2990*Input!$C$20,0)+IF(Input!$D$21=4,L2990*Input!$C$21,0)+IF(Input!$D$22=4,M2990*Input!$C$22,0)</f>
        <v>0</v>
      </c>
      <c r="R2990" s="58">
        <v>45.156192246567358</v>
      </c>
      <c r="S2990" s="124">
        <f t="shared" si="46"/>
        <v>0.90861528895668653</v>
      </c>
    </row>
    <row r="2991" spans="8:19" x14ac:dyDescent="0.3">
      <c r="H2991" s="44">
        <v>2984</v>
      </c>
      <c r="I2991" s="56">
        <f>Bühler!I3017</f>
        <v>0.2391667647614355</v>
      </c>
      <c r="J2991" s="59">
        <f>Bühler!J3017</f>
        <v>0.79722254920478508</v>
      </c>
      <c r="K2991" s="59">
        <f>Bühler!K3017</f>
        <v>1.1958338238071777</v>
      </c>
      <c r="L2991" s="59">
        <f>Bühler!L3017</f>
        <v>13.901761145719139</v>
      </c>
      <c r="M2991" s="58">
        <f>Bühler!M3017</f>
        <v>0</v>
      </c>
      <c r="N2991" s="56">
        <f>IF(Input!$D$19=1,J2991*Input!$C$19,0)+IF(Input!$D$20=1,K2991*Input!$C$20,0)+IF(Input!$D$21=1,L2991*Input!$C$21,0)+IF(Input!$D$22=1,M2991*Input!$C$22,0)</f>
        <v>0.2391667647614355</v>
      </c>
      <c r="O2991" s="59">
        <f>IF(Input!$D$19=2,J2991*Input!$C$19,0)+IF(Input!$D$20=2,K2991*Input!$C$20,0)+IF(Input!$D$21=2,L2991*Input!$C$21,0)+IF(Input!$D$22=2,M2991*Input!$C$22,0)</f>
        <v>0.59791691190358887</v>
      </c>
      <c r="P2991" s="59">
        <f>IF(Input!$D$19=3,J2991*Input!$C$19,0)+IF(Input!$D$20=3,K2991*Input!$C$20,0)+IF(Input!$D$21=3,L2991*Input!$C$21,0)+IF(Input!$D$22=3,M2991*Input!$C$22,0)</f>
        <v>0</v>
      </c>
      <c r="Q2991" s="75">
        <f>IF(Input!$D$19=4,J2991*Input!$C$19,0)+IF(Input!$D$20=4,K2991*Input!$C$20,0)+IF(Input!$D$21=4,L2991*Input!$C$21,0)+IF(Input!$D$22=4,M2991*Input!$C$22,0)</f>
        <v>0</v>
      </c>
      <c r="R2991" s="58">
        <v>45.814679068844249</v>
      </c>
      <c r="S2991" s="124">
        <f t="shared" si="46"/>
        <v>1.0363893139662206</v>
      </c>
    </row>
    <row r="2992" spans="8:19" x14ac:dyDescent="0.3">
      <c r="H2992" s="44">
        <v>2985</v>
      </c>
      <c r="I2992" s="56">
        <f>Bühler!I3018</f>
        <v>0.2391667647614355</v>
      </c>
      <c r="J2992" s="59">
        <f>Bühler!J3018</f>
        <v>0.79722254920478508</v>
      </c>
      <c r="K2992" s="59">
        <f>Bühler!K3018</f>
        <v>1.1958338238071777</v>
      </c>
      <c r="L2992" s="59">
        <f>Bühler!L3018</f>
        <v>13.901761145719139</v>
      </c>
      <c r="M2992" s="58">
        <f>Bühler!M3018</f>
        <v>0</v>
      </c>
      <c r="N2992" s="56">
        <f>IF(Input!$D$19=1,J2992*Input!$C$19,0)+IF(Input!$D$20=1,K2992*Input!$C$20,0)+IF(Input!$D$21=1,L2992*Input!$C$21,0)+IF(Input!$D$22=1,M2992*Input!$C$22,0)</f>
        <v>0.2391667647614355</v>
      </c>
      <c r="O2992" s="59">
        <f>IF(Input!$D$19=2,J2992*Input!$C$19,0)+IF(Input!$D$20=2,K2992*Input!$C$20,0)+IF(Input!$D$21=2,L2992*Input!$C$21,0)+IF(Input!$D$22=2,M2992*Input!$C$22,0)</f>
        <v>0.59791691190358887</v>
      </c>
      <c r="P2992" s="59">
        <f>IF(Input!$D$19=3,J2992*Input!$C$19,0)+IF(Input!$D$20=3,K2992*Input!$C$20,0)+IF(Input!$D$21=3,L2992*Input!$C$21,0)+IF(Input!$D$22=3,M2992*Input!$C$22,0)</f>
        <v>0</v>
      </c>
      <c r="Q2992" s="75">
        <f>IF(Input!$D$19=4,J2992*Input!$C$19,0)+IF(Input!$D$20=4,K2992*Input!$C$20,0)+IF(Input!$D$21=4,L2992*Input!$C$21,0)+IF(Input!$D$22=4,M2992*Input!$C$22,0)</f>
        <v>0</v>
      </c>
      <c r="R2992" s="58">
        <v>45.980200961782018</v>
      </c>
      <c r="S2992" s="124">
        <f t="shared" si="46"/>
        <v>1.0363893139662206</v>
      </c>
    </row>
    <row r="2993" spans="8:19" x14ac:dyDescent="0.3">
      <c r="H2993" s="44">
        <v>2986</v>
      </c>
      <c r="I2993" s="56">
        <f>Bühler!I3019</f>
        <v>0.2391667647614355</v>
      </c>
      <c r="J2993" s="59">
        <f>Bühler!J3019</f>
        <v>0.79722254920478508</v>
      </c>
      <c r="K2993" s="59">
        <f>Bühler!K3019</f>
        <v>1.1958338238071777</v>
      </c>
      <c r="L2993" s="59">
        <f>Bühler!L3019</f>
        <v>13.901761145719139</v>
      </c>
      <c r="M2993" s="58">
        <f>Bühler!M3019</f>
        <v>0</v>
      </c>
      <c r="N2993" s="56">
        <f>IF(Input!$D$19=1,J2993*Input!$C$19,0)+IF(Input!$D$20=1,K2993*Input!$C$20,0)+IF(Input!$D$21=1,L2993*Input!$C$21,0)+IF(Input!$D$22=1,M2993*Input!$C$22,0)</f>
        <v>0.2391667647614355</v>
      </c>
      <c r="O2993" s="59">
        <f>IF(Input!$D$19=2,J2993*Input!$C$19,0)+IF(Input!$D$20=2,K2993*Input!$C$20,0)+IF(Input!$D$21=2,L2993*Input!$C$21,0)+IF(Input!$D$22=2,M2993*Input!$C$22,0)</f>
        <v>0.59791691190358887</v>
      </c>
      <c r="P2993" s="59">
        <f>IF(Input!$D$19=3,J2993*Input!$C$19,0)+IF(Input!$D$20=3,K2993*Input!$C$20,0)+IF(Input!$D$21=3,L2993*Input!$C$21,0)+IF(Input!$D$22=3,M2993*Input!$C$22,0)</f>
        <v>0</v>
      </c>
      <c r="Q2993" s="75">
        <f>IF(Input!$D$19=4,J2993*Input!$C$19,0)+IF(Input!$D$20=4,K2993*Input!$C$20,0)+IF(Input!$D$21=4,L2993*Input!$C$21,0)+IF(Input!$D$22=4,M2993*Input!$C$22,0)</f>
        <v>0</v>
      </c>
      <c r="R2993" s="58">
        <v>46.235988822784115</v>
      </c>
      <c r="S2993" s="124">
        <f t="shared" si="46"/>
        <v>1.0363893139662206</v>
      </c>
    </row>
    <row r="2994" spans="8:19" x14ac:dyDescent="0.3">
      <c r="H2994" s="44">
        <v>2987</v>
      </c>
      <c r="I2994" s="56">
        <f>Bühler!I3020</f>
        <v>0.2391667647614355</v>
      </c>
      <c r="J2994" s="59">
        <f>Bühler!J3020</f>
        <v>0.79722254920478508</v>
      </c>
      <c r="K2994" s="59">
        <f>Bühler!K3020</f>
        <v>1.1958338238071777</v>
      </c>
      <c r="L2994" s="59">
        <f>Bühler!L3020</f>
        <v>13.901761145719139</v>
      </c>
      <c r="M2994" s="58">
        <f>Bühler!M3020</f>
        <v>0</v>
      </c>
      <c r="N2994" s="56">
        <f>IF(Input!$D$19=1,J2994*Input!$C$19,0)+IF(Input!$D$20=1,K2994*Input!$C$20,0)+IF(Input!$D$21=1,L2994*Input!$C$21,0)+IF(Input!$D$22=1,M2994*Input!$C$22,0)</f>
        <v>0.2391667647614355</v>
      </c>
      <c r="O2994" s="59">
        <f>IF(Input!$D$19=2,J2994*Input!$C$19,0)+IF(Input!$D$20=2,K2994*Input!$C$20,0)+IF(Input!$D$21=2,L2994*Input!$C$21,0)+IF(Input!$D$22=2,M2994*Input!$C$22,0)</f>
        <v>0.59791691190358887</v>
      </c>
      <c r="P2994" s="59">
        <f>IF(Input!$D$19=3,J2994*Input!$C$19,0)+IF(Input!$D$20=3,K2994*Input!$C$20,0)+IF(Input!$D$21=3,L2994*Input!$C$21,0)+IF(Input!$D$22=3,M2994*Input!$C$22,0)</f>
        <v>0</v>
      </c>
      <c r="Q2994" s="75">
        <f>IF(Input!$D$19=4,J2994*Input!$C$19,0)+IF(Input!$D$20=4,K2994*Input!$C$20,0)+IF(Input!$D$21=4,L2994*Input!$C$21,0)+IF(Input!$D$22=4,M2994*Input!$C$22,0)</f>
        <v>0</v>
      </c>
      <c r="R2994" s="58">
        <v>46.284278010843273</v>
      </c>
      <c r="S2994" s="124">
        <f t="shared" si="46"/>
        <v>1.0363893139662206</v>
      </c>
    </row>
    <row r="2995" spans="8:19" x14ac:dyDescent="0.3">
      <c r="H2995" s="44">
        <v>2988</v>
      </c>
      <c r="I2995" s="56">
        <f>Bühler!I3021</f>
        <v>0.2391667647614355</v>
      </c>
      <c r="J2995" s="59">
        <f>Bühler!J3021</f>
        <v>0.79722254920478508</v>
      </c>
      <c r="K2995" s="59">
        <f>Bühler!K3021</f>
        <v>1.1958338238071777</v>
      </c>
      <c r="L2995" s="59">
        <f>Bühler!L3021</f>
        <v>13.901761145719139</v>
      </c>
      <c r="M2995" s="58">
        <f>Bühler!M3021</f>
        <v>0</v>
      </c>
      <c r="N2995" s="56">
        <f>IF(Input!$D$19=1,J2995*Input!$C$19,0)+IF(Input!$D$20=1,K2995*Input!$C$20,0)+IF(Input!$D$21=1,L2995*Input!$C$21,0)+IF(Input!$D$22=1,M2995*Input!$C$22,0)</f>
        <v>0.2391667647614355</v>
      </c>
      <c r="O2995" s="59">
        <f>IF(Input!$D$19=2,J2995*Input!$C$19,0)+IF(Input!$D$20=2,K2995*Input!$C$20,0)+IF(Input!$D$21=2,L2995*Input!$C$21,0)+IF(Input!$D$22=2,M2995*Input!$C$22,0)</f>
        <v>0.59791691190358887</v>
      </c>
      <c r="P2995" s="59">
        <f>IF(Input!$D$19=3,J2995*Input!$C$19,0)+IF(Input!$D$20=3,K2995*Input!$C$20,0)+IF(Input!$D$21=3,L2995*Input!$C$21,0)+IF(Input!$D$22=3,M2995*Input!$C$22,0)</f>
        <v>0</v>
      </c>
      <c r="Q2995" s="75">
        <f>IF(Input!$D$19=4,J2995*Input!$C$19,0)+IF(Input!$D$20=4,K2995*Input!$C$20,0)+IF(Input!$D$21=4,L2995*Input!$C$21,0)+IF(Input!$D$22=4,M2995*Input!$C$22,0)</f>
        <v>0</v>
      </c>
      <c r="R2995" s="58">
        <v>46.448017014694337</v>
      </c>
      <c r="S2995" s="124">
        <f t="shared" si="46"/>
        <v>1.0363893139662206</v>
      </c>
    </row>
    <row r="2996" spans="8:19" x14ac:dyDescent="0.3">
      <c r="H2996" s="44">
        <v>2989</v>
      </c>
      <c r="I2996" s="56">
        <f>Bühler!I3022</f>
        <v>0.2391667647614355</v>
      </c>
      <c r="J2996" s="59">
        <f>Bühler!J3022</f>
        <v>0.79722254920478508</v>
      </c>
      <c r="K2996" s="59">
        <f>Bühler!K3022</f>
        <v>1.1958338238071777</v>
      </c>
      <c r="L2996" s="59">
        <f>Bühler!L3022</f>
        <v>13.901761145719139</v>
      </c>
      <c r="M2996" s="58">
        <f>Bühler!M3022</f>
        <v>0</v>
      </c>
      <c r="N2996" s="56">
        <f>IF(Input!$D$19=1,J2996*Input!$C$19,0)+IF(Input!$D$20=1,K2996*Input!$C$20,0)+IF(Input!$D$21=1,L2996*Input!$C$21,0)+IF(Input!$D$22=1,M2996*Input!$C$22,0)</f>
        <v>0.2391667647614355</v>
      </c>
      <c r="O2996" s="59">
        <f>IF(Input!$D$19=2,J2996*Input!$C$19,0)+IF(Input!$D$20=2,K2996*Input!$C$20,0)+IF(Input!$D$21=2,L2996*Input!$C$21,0)+IF(Input!$D$22=2,M2996*Input!$C$22,0)</f>
        <v>0.59791691190358887</v>
      </c>
      <c r="P2996" s="59">
        <f>IF(Input!$D$19=3,J2996*Input!$C$19,0)+IF(Input!$D$20=3,K2996*Input!$C$20,0)+IF(Input!$D$21=3,L2996*Input!$C$21,0)+IF(Input!$D$22=3,M2996*Input!$C$22,0)</f>
        <v>0</v>
      </c>
      <c r="Q2996" s="75">
        <f>IF(Input!$D$19=4,J2996*Input!$C$19,0)+IF(Input!$D$20=4,K2996*Input!$C$20,0)+IF(Input!$D$21=4,L2996*Input!$C$21,0)+IF(Input!$D$22=4,M2996*Input!$C$22,0)</f>
        <v>0</v>
      </c>
      <c r="R2996" s="58">
        <v>45.677294813850558</v>
      </c>
      <c r="S2996" s="124">
        <f t="shared" si="46"/>
        <v>1.0363893139662206</v>
      </c>
    </row>
    <row r="2997" spans="8:19" x14ac:dyDescent="0.3">
      <c r="H2997" s="44">
        <v>2990</v>
      </c>
      <c r="I2997" s="56">
        <f>Bühler!I3023</f>
        <v>0.2391667647614355</v>
      </c>
      <c r="J2997" s="59">
        <f>Bühler!J3023</f>
        <v>0.79722254920478508</v>
      </c>
      <c r="K2997" s="59">
        <f>Bühler!K3023</f>
        <v>1.1958338238071777</v>
      </c>
      <c r="L2997" s="59">
        <f>Bühler!L3023</f>
        <v>13.901761145719139</v>
      </c>
      <c r="M2997" s="58">
        <f>Bühler!M3023</f>
        <v>0</v>
      </c>
      <c r="N2997" s="56">
        <f>IF(Input!$D$19=1,J2997*Input!$C$19,0)+IF(Input!$D$20=1,K2997*Input!$C$20,0)+IF(Input!$D$21=1,L2997*Input!$C$21,0)+IF(Input!$D$22=1,M2997*Input!$C$22,0)</f>
        <v>0.2391667647614355</v>
      </c>
      <c r="O2997" s="59">
        <f>IF(Input!$D$19=2,J2997*Input!$C$19,0)+IF(Input!$D$20=2,K2997*Input!$C$20,0)+IF(Input!$D$21=2,L2997*Input!$C$21,0)+IF(Input!$D$22=2,M2997*Input!$C$22,0)</f>
        <v>0.59791691190358887</v>
      </c>
      <c r="P2997" s="59">
        <f>IF(Input!$D$19=3,J2997*Input!$C$19,0)+IF(Input!$D$20=3,K2997*Input!$C$20,0)+IF(Input!$D$21=3,L2997*Input!$C$21,0)+IF(Input!$D$22=3,M2997*Input!$C$22,0)</f>
        <v>0</v>
      </c>
      <c r="Q2997" s="75">
        <f>IF(Input!$D$19=4,J2997*Input!$C$19,0)+IF(Input!$D$20=4,K2997*Input!$C$20,0)+IF(Input!$D$21=4,L2997*Input!$C$21,0)+IF(Input!$D$22=4,M2997*Input!$C$22,0)</f>
        <v>0</v>
      </c>
      <c r="R2997" s="58">
        <v>45.041722117541042</v>
      </c>
      <c r="S2997" s="124">
        <f t="shared" si="46"/>
        <v>1.0363893139662206</v>
      </c>
    </row>
    <row r="2998" spans="8:19" x14ac:dyDescent="0.3">
      <c r="H2998" s="44">
        <v>2991</v>
      </c>
      <c r="I2998" s="56">
        <f>Bühler!I3024</f>
        <v>0.2391667647614355</v>
      </c>
      <c r="J2998" s="59">
        <f>Bühler!J3024</f>
        <v>0.79722254920478508</v>
      </c>
      <c r="K2998" s="59">
        <f>Bühler!K3024</f>
        <v>1.1958338238071777</v>
      </c>
      <c r="L2998" s="59">
        <f>Bühler!L3024</f>
        <v>13.901761145719139</v>
      </c>
      <c r="M2998" s="58">
        <f>Bühler!M3024</f>
        <v>0</v>
      </c>
      <c r="N2998" s="56">
        <f>IF(Input!$D$19=1,J2998*Input!$C$19,0)+IF(Input!$D$20=1,K2998*Input!$C$20,0)+IF(Input!$D$21=1,L2998*Input!$C$21,0)+IF(Input!$D$22=1,M2998*Input!$C$22,0)</f>
        <v>0.2391667647614355</v>
      </c>
      <c r="O2998" s="59">
        <f>IF(Input!$D$19=2,J2998*Input!$C$19,0)+IF(Input!$D$20=2,K2998*Input!$C$20,0)+IF(Input!$D$21=2,L2998*Input!$C$21,0)+IF(Input!$D$22=2,M2998*Input!$C$22,0)</f>
        <v>0.59791691190358887</v>
      </c>
      <c r="P2998" s="59">
        <f>IF(Input!$D$19=3,J2998*Input!$C$19,0)+IF(Input!$D$20=3,K2998*Input!$C$20,0)+IF(Input!$D$21=3,L2998*Input!$C$21,0)+IF(Input!$D$22=3,M2998*Input!$C$22,0)</f>
        <v>0</v>
      </c>
      <c r="Q2998" s="75">
        <f>IF(Input!$D$19=4,J2998*Input!$C$19,0)+IF(Input!$D$20=4,K2998*Input!$C$20,0)+IF(Input!$D$21=4,L2998*Input!$C$21,0)+IF(Input!$D$22=4,M2998*Input!$C$22,0)</f>
        <v>0</v>
      </c>
      <c r="R2998" s="58">
        <v>45.043929408762608</v>
      </c>
      <c r="S2998" s="124">
        <f t="shared" si="46"/>
        <v>1.0363893139662206</v>
      </c>
    </row>
    <row r="2999" spans="8:19" x14ac:dyDescent="0.3">
      <c r="H2999" s="44">
        <v>2992</v>
      </c>
      <c r="I2999" s="56">
        <f>Bühler!I3025</f>
        <v>0.21623296540074988</v>
      </c>
      <c r="J2999" s="59">
        <f>Bühler!J3025</f>
        <v>0.72077655133583296</v>
      </c>
      <c r="K2999" s="59">
        <f>Bühler!K3025</f>
        <v>1.0811648270037495</v>
      </c>
      <c r="L2999" s="59">
        <f>Bühler!L3025</f>
        <v>12.568715556403605</v>
      </c>
      <c r="M2999" s="58">
        <f>Bühler!M3025</f>
        <v>0</v>
      </c>
      <c r="N2999" s="56">
        <f>IF(Input!$D$19=1,J2999*Input!$C$19,0)+IF(Input!$D$20=1,K2999*Input!$C$20,0)+IF(Input!$D$21=1,L2999*Input!$C$21,0)+IF(Input!$D$22=1,M2999*Input!$C$22,0)</f>
        <v>0.21623296540074988</v>
      </c>
      <c r="O2999" s="59">
        <f>IF(Input!$D$19=2,J2999*Input!$C$19,0)+IF(Input!$D$20=2,K2999*Input!$C$20,0)+IF(Input!$D$21=2,L2999*Input!$C$21,0)+IF(Input!$D$22=2,M2999*Input!$C$22,0)</f>
        <v>0.54058241350187475</v>
      </c>
      <c r="P2999" s="59">
        <f>IF(Input!$D$19=3,J2999*Input!$C$19,0)+IF(Input!$D$20=3,K2999*Input!$C$20,0)+IF(Input!$D$21=3,L2999*Input!$C$21,0)+IF(Input!$D$22=3,M2999*Input!$C$22,0)</f>
        <v>0</v>
      </c>
      <c r="Q2999" s="75">
        <f>IF(Input!$D$19=4,J2999*Input!$C$19,0)+IF(Input!$D$20=4,K2999*Input!$C$20,0)+IF(Input!$D$21=4,L2999*Input!$C$21,0)+IF(Input!$D$22=4,M2999*Input!$C$22,0)</f>
        <v>0</v>
      </c>
      <c r="R2999" s="58">
        <v>45.181037659188327</v>
      </c>
      <c r="S2999" s="124">
        <f t="shared" si="46"/>
        <v>0.93700951673658284</v>
      </c>
    </row>
    <row r="3000" spans="8:19" x14ac:dyDescent="0.3">
      <c r="H3000" s="44">
        <v>2993</v>
      </c>
      <c r="I3000" s="56">
        <f>Bühler!I3026</f>
        <v>0.19657542309159082</v>
      </c>
      <c r="J3000" s="59">
        <f>Bühler!J3026</f>
        <v>0.65525141030530276</v>
      </c>
      <c r="K3000" s="59">
        <f>Bühler!K3026</f>
        <v>0.9828771154579542</v>
      </c>
      <c r="L3000" s="59">
        <f>Bühler!L3026</f>
        <v>11.426105051276005</v>
      </c>
      <c r="M3000" s="58">
        <f>Bühler!M3026</f>
        <v>0</v>
      </c>
      <c r="N3000" s="56">
        <f>IF(Input!$D$19=1,J3000*Input!$C$19,0)+IF(Input!$D$20=1,K3000*Input!$C$20,0)+IF(Input!$D$21=1,L3000*Input!$C$21,0)+IF(Input!$D$22=1,M3000*Input!$C$22,0)</f>
        <v>0.19657542309159082</v>
      </c>
      <c r="O3000" s="59">
        <f>IF(Input!$D$19=2,J3000*Input!$C$19,0)+IF(Input!$D$20=2,K3000*Input!$C$20,0)+IF(Input!$D$21=2,L3000*Input!$C$21,0)+IF(Input!$D$22=2,M3000*Input!$C$22,0)</f>
        <v>0.4914385577289771</v>
      </c>
      <c r="P3000" s="59">
        <f>IF(Input!$D$19=3,J3000*Input!$C$19,0)+IF(Input!$D$20=3,K3000*Input!$C$20,0)+IF(Input!$D$21=3,L3000*Input!$C$21,0)+IF(Input!$D$22=3,M3000*Input!$C$22,0)</f>
        <v>0</v>
      </c>
      <c r="Q3000" s="75">
        <f>IF(Input!$D$19=4,J3000*Input!$C$19,0)+IF(Input!$D$20=4,K3000*Input!$C$20,0)+IF(Input!$D$21=4,L3000*Input!$C$21,0)+IF(Input!$D$22=4,M3000*Input!$C$22,0)</f>
        <v>0</v>
      </c>
      <c r="R3000" s="58">
        <v>44.455323287093286</v>
      </c>
      <c r="S3000" s="124">
        <f t="shared" si="46"/>
        <v>0.85182683339689358</v>
      </c>
    </row>
    <row r="3001" spans="8:19" x14ac:dyDescent="0.3">
      <c r="H3001" s="44">
        <v>2994</v>
      </c>
      <c r="I3001" s="56">
        <f>Bühler!I3027</f>
        <v>0.17691788078243176</v>
      </c>
      <c r="J3001" s="59">
        <f>Bühler!J3027</f>
        <v>0.58972626927477256</v>
      </c>
      <c r="K3001" s="59">
        <f>Bühler!K3027</f>
        <v>0.8845894039121589</v>
      </c>
      <c r="L3001" s="59">
        <f>Bühler!L3027</f>
        <v>10.283494546148406</v>
      </c>
      <c r="M3001" s="58">
        <f>Bühler!M3027</f>
        <v>0</v>
      </c>
      <c r="N3001" s="56">
        <f>IF(Input!$D$19=1,J3001*Input!$C$19,0)+IF(Input!$D$20=1,K3001*Input!$C$20,0)+IF(Input!$D$21=1,L3001*Input!$C$21,0)+IF(Input!$D$22=1,M3001*Input!$C$22,0)</f>
        <v>0.17691788078243176</v>
      </c>
      <c r="O3001" s="59">
        <f>IF(Input!$D$19=2,J3001*Input!$C$19,0)+IF(Input!$D$20=2,K3001*Input!$C$20,0)+IF(Input!$D$21=2,L3001*Input!$C$21,0)+IF(Input!$D$22=2,M3001*Input!$C$22,0)</f>
        <v>0.44229470195607945</v>
      </c>
      <c r="P3001" s="59">
        <f>IF(Input!$D$19=3,J3001*Input!$C$19,0)+IF(Input!$D$20=3,K3001*Input!$C$20,0)+IF(Input!$D$21=3,L3001*Input!$C$21,0)+IF(Input!$D$22=3,M3001*Input!$C$22,0)</f>
        <v>0</v>
      </c>
      <c r="Q3001" s="75">
        <f>IF(Input!$D$19=4,J3001*Input!$C$19,0)+IF(Input!$D$20=4,K3001*Input!$C$20,0)+IF(Input!$D$21=4,L3001*Input!$C$21,0)+IF(Input!$D$22=4,M3001*Input!$C$22,0)</f>
        <v>0</v>
      </c>
      <c r="R3001" s="58">
        <v>43.497613561755152</v>
      </c>
      <c r="S3001" s="124">
        <f t="shared" si="46"/>
        <v>0.76664415005720432</v>
      </c>
    </row>
    <row r="3002" spans="8:19" x14ac:dyDescent="0.3">
      <c r="H3002" s="44">
        <v>2995</v>
      </c>
      <c r="I3002" s="56">
        <f>Bühler!I3028</f>
        <v>0.17036536667937868</v>
      </c>
      <c r="J3002" s="59">
        <f>Bühler!J3028</f>
        <v>0.56788455559792905</v>
      </c>
      <c r="K3002" s="59">
        <f>Bühler!K3028</f>
        <v>0.85182683339689358</v>
      </c>
      <c r="L3002" s="59">
        <f>Bühler!L3028</f>
        <v>9.902624377772538</v>
      </c>
      <c r="M3002" s="58">
        <f>Bühler!M3028</f>
        <v>0</v>
      </c>
      <c r="N3002" s="56">
        <f>IF(Input!$D$19=1,J3002*Input!$C$19,0)+IF(Input!$D$20=1,K3002*Input!$C$20,0)+IF(Input!$D$21=1,L3002*Input!$C$21,0)+IF(Input!$D$22=1,M3002*Input!$C$22,0)</f>
        <v>0.17036536667937871</v>
      </c>
      <c r="O3002" s="59">
        <f>IF(Input!$D$19=2,J3002*Input!$C$19,0)+IF(Input!$D$20=2,K3002*Input!$C$20,0)+IF(Input!$D$21=2,L3002*Input!$C$21,0)+IF(Input!$D$22=2,M3002*Input!$C$22,0)</f>
        <v>0.42591341669844679</v>
      </c>
      <c r="P3002" s="59">
        <f>IF(Input!$D$19=3,J3002*Input!$C$19,0)+IF(Input!$D$20=3,K3002*Input!$C$20,0)+IF(Input!$D$21=3,L3002*Input!$C$21,0)+IF(Input!$D$22=3,M3002*Input!$C$22,0)</f>
        <v>0</v>
      </c>
      <c r="Q3002" s="75">
        <f>IF(Input!$D$19=4,J3002*Input!$C$19,0)+IF(Input!$D$20=4,K3002*Input!$C$20,0)+IF(Input!$D$21=4,L3002*Input!$C$21,0)+IF(Input!$D$22=4,M3002*Input!$C$22,0)</f>
        <v>0</v>
      </c>
      <c r="R3002" s="58">
        <v>42.39855315335582</v>
      </c>
      <c r="S3002" s="124">
        <f t="shared" si="46"/>
        <v>0.73824992227730779</v>
      </c>
    </row>
    <row r="3003" spans="8:19" x14ac:dyDescent="0.3">
      <c r="H3003" s="44">
        <v>2996</v>
      </c>
      <c r="I3003" s="56">
        <f>Bühler!I3029</f>
        <v>0.13760279616411356</v>
      </c>
      <c r="J3003" s="59">
        <f>Bühler!J3029</f>
        <v>0.45867598721371194</v>
      </c>
      <c r="K3003" s="59">
        <f>Bühler!K3029</f>
        <v>0.68801398082056786</v>
      </c>
      <c r="L3003" s="59">
        <f>Bühler!L3029</f>
        <v>7.9982735358932029</v>
      </c>
      <c r="M3003" s="58">
        <f>Bühler!M3029</f>
        <v>0</v>
      </c>
      <c r="N3003" s="56">
        <f>IF(Input!$D$19=1,J3003*Input!$C$19,0)+IF(Input!$D$20=1,K3003*Input!$C$20,0)+IF(Input!$D$21=1,L3003*Input!$C$21,0)+IF(Input!$D$22=1,M3003*Input!$C$22,0)</f>
        <v>0.13760279616411358</v>
      </c>
      <c r="O3003" s="59">
        <f>IF(Input!$D$19=2,J3003*Input!$C$19,0)+IF(Input!$D$20=2,K3003*Input!$C$20,0)+IF(Input!$D$21=2,L3003*Input!$C$21,0)+IF(Input!$D$22=2,M3003*Input!$C$22,0)</f>
        <v>0.34400699041028393</v>
      </c>
      <c r="P3003" s="59">
        <f>IF(Input!$D$19=3,J3003*Input!$C$19,0)+IF(Input!$D$20=3,K3003*Input!$C$20,0)+IF(Input!$D$21=3,L3003*Input!$C$21,0)+IF(Input!$D$22=3,M3003*Input!$C$22,0)</f>
        <v>0</v>
      </c>
      <c r="Q3003" s="75">
        <f>IF(Input!$D$19=4,J3003*Input!$C$19,0)+IF(Input!$D$20=4,K3003*Input!$C$20,0)+IF(Input!$D$21=4,L3003*Input!$C$21,0)+IF(Input!$D$22=4,M3003*Input!$C$22,0)</f>
        <v>0</v>
      </c>
      <c r="R3003" s="58">
        <v>41.754228962575738</v>
      </c>
      <c r="S3003" s="124">
        <f t="shared" si="46"/>
        <v>0.59627878337782547</v>
      </c>
    </row>
    <row r="3004" spans="8:19" x14ac:dyDescent="0.3">
      <c r="H3004" s="44">
        <v>2997</v>
      </c>
      <c r="I3004" s="56">
        <f>Bühler!I3030</f>
        <v>0.1015639685973219</v>
      </c>
      <c r="J3004" s="59">
        <f>Bühler!J3030</f>
        <v>0.33854656199107308</v>
      </c>
      <c r="K3004" s="59">
        <f>Bühler!K3030</f>
        <v>0.50781984298660954</v>
      </c>
      <c r="L3004" s="59">
        <f>Bühler!L3030</f>
        <v>5.9034876098259357</v>
      </c>
      <c r="M3004" s="58">
        <f>Bühler!M3030</f>
        <v>0</v>
      </c>
      <c r="N3004" s="56">
        <f>IF(Input!$D$19=1,J3004*Input!$C$19,0)+IF(Input!$D$20=1,K3004*Input!$C$20,0)+IF(Input!$D$21=1,L3004*Input!$C$21,0)+IF(Input!$D$22=1,M3004*Input!$C$22,0)</f>
        <v>0.10156396859732192</v>
      </c>
      <c r="O3004" s="59">
        <f>IF(Input!$D$19=2,J3004*Input!$C$19,0)+IF(Input!$D$20=2,K3004*Input!$C$20,0)+IF(Input!$D$21=2,L3004*Input!$C$21,0)+IF(Input!$D$22=2,M3004*Input!$C$22,0)</f>
        <v>0.25390992149330477</v>
      </c>
      <c r="P3004" s="59">
        <f>IF(Input!$D$19=3,J3004*Input!$C$19,0)+IF(Input!$D$20=3,K3004*Input!$C$20,0)+IF(Input!$D$21=3,L3004*Input!$C$21,0)+IF(Input!$D$22=3,M3004*Input!$C$22,0)</f>
        <v>0</v>
      </c>
      <c r="Q3004" s="75">
        <f>IF(Input!$D$19=4,J3004*Input!$C$19,0)+IF(Input!$D$20=4,K3004*Input!$C$20,0)+IF(Input!$D$21=4,L3004*Input!$C$21,0)+IF(Input!$D$22=4,M3004*Input!$C$22,0)</f>
        <v>0</v>
      </c>
      <c r="R3004" s="58">
        <v>41.031165603372315</v>
      </c>
      <c r="S3004" s="124">
        <f t="shared" si="46"/>
        <v>0.440110530588395</v>
      </c>
    </row>
    <row r="3005" spans="8:19" x14ac:dyDescent="0.3">
      <c r="H3005" s="44">
        <v>2998</v>
      </c>
      <c r="I3005" s="56">
        <f>Bühler!I3031</f>
        <v>0.1015639685973219</v>
      </c>
      <c r="J3005" s="59">
        <f>Bühler!J3031</f>
        <v>0.33854656199107308</v>
      </c>
      <c r="K3005" s="59">
        <f>Bühler!K3031</f>
        <v>0.50781984298660954</v>
      </c>
      <c r="L3005" s="59">
        <f>Bühler!L3031</f>
        <v>5.9034876098259357</v>
      </c>
      <c r="M3005" s="58">
        <f>Bühler!M3031</f>
        <v>0</v>
      </c>
      <c r="N3005" s="56">
        <f>IF(Input!$D$19=1,J3005*Input!$C$19,0)+IF(Input!$D$20=1,K3005*Input!$C$20,0)+IF(Input!$D$21=1,L3005*Input!$C$21,0)+IF(Input!$D$22=1,M3005*Input!$C$22,0)</f>
        <v>0.10156396859732192</v>
      </c>
      <c r="O3005" s="59">
        <f>IF(Input!$D$19=2,J3005*Input!$C$19,0)+IF(Input!$D$20=2,K3005*Input!$C$20,0)+IF(Input!$D$21=2,L3005*Input!$C$21,0)+IF(Input!$D$22=2,M3005*Input!$C$22,0)</f>
        <v>0.25390992149330477</v>
      </c>
      <c r="P3005" s="59">
        <f>IF(Input!$D$19=3,J3005*Input!$C$19,0)+IF(Input!$D$20=3,K3005*Input!$C$20,0)+IF(Input!$D$21=3,L3005*Input!$C$21,0)+IF(Input!$D$22=3,M3005*Input!$C$22,0)</f>
        <v>0</v>
      </c>
      <c r="Q3005" s="75">
        <f>IF(Input!$D$19=4,J3005*Input!$C$19,0)+IF(Input!$D$20=4,K3005*Input!$C$20,0)+IF(Input!$D$21=4,L3005*Input!$C$21,0)+IF(Input!$D$22=4,M3005*Input!$C$22,0)</f>
        <v>0</v>
      </c>
      <c r="R3005" s="58">
        <v>41.274636956666356</v>
      </c>
      <c r="S3005" s="124">
        <f t="shared" si="46"/>
        <v>0.440110530588395</v>
      </c>
    </row>
    <row r="3006" spans="8:19" x14ac:dyDescent="0.3">
      <c r="H3006" s="44">
        <v>2999</v>
      </c>
      <c r="I3006" s="56">
        <f>Bühler!I3032</f>
        <v>0.1015639685973219</v>
      </c>
      <c r="J3006" s="59">
        <f>Bühler!J3032</f>
        <v>0.33854656199107308</v>
      </c>
      <c r="K3006" s="59">
        <f>Bühler!K3032</f>
        <v>0.50781984298660954</v>
      </c>
      <c r="L3006" s="59">
        <f>Bühler!L3032</f>
        <v>5.9034876098259357</v>
      </c>
      <c r="M3006" s="58">
        <f>Bühler!M3032</f>
        <v>0</v>
      </c>
      <c r="N3006" s="56">
        <f>IF(Input!$D$19=1,J3006*Input!$C$19,0)+IF(Input!$D$20=1,K3006*Input!$C$20,0)+IF(Input!$D$21=1,L3006*Input!$C$21,0)+IF(Input!$D$22=1,M3006*Input!$C$22,0)</f>
        <v>0.10156396859732192</v>
      </c>
      <c r="O3006" s="59">
        <f>IF(Input!$D$19=2,J3006*Input!$C$19,0)+IF(Input!$D$20=2,K3006*Input!$C$20,0)+IF(Input!$D$21=2,L3006*Input!$C$21,0)+IF(Input!$D$22=2,M3006*Input!$C$22,0)</f>
        <v>0.25390992149330477</v>
      </c>
      <c r="P3006" s="59">
        <f>IF(Input!$D$19=3,J3006*Input!$C$19,0)+IF(Input!$D$20=3,K3006*Input!$C$20,0)+IF(Input!$D$21=3,L3006*Input!$C$21,0)+IF(Input!$D$22=3,M3006*Input!$C$22,0)</f>
        <v>0</v>
      </c>
      <c r="Q3006" s="75">
        <f>IF(Input!$D$19=4,J3006*Input!$C$19,0)+IF(Input!$D$20=4,K3006*Input!$C$20,0)+IF(Input!$D$21=4,L3006*Input!$C$21,0)+IF(Input!$D$22=4,M3006*Input!$C$22,0)</f>
        <v>0</v>
      </c>
      <c r="R3006" s="58">
        <v>41.658279481459353</v>
      </c>
      <c r="S3006" s="124">
        <f t="shared" si="46"/>
        <v>0.440110530588395</v>
      </c>
    </row>
    <row r="3007" spans="8:19" x14ac:dyDescent="0.3">
      <c r="H3007" s="44">
        <v>3000</v>
      </c>
      <c r="I3007" s="56">
        <f>Bühler!I3033</f>
        <v>0.1015639685973219</v>
      </c>
      <c r="J3007" s="59">
        <f>Bühler!J3033</f>
        <v>0.33854656199107308</v>
      </c>
      <c r="K3007" s="59">
        <f>Bühler!K3033</f>
        <v>0.50781984298660954</v>
      </c>
      <c r="L3007" s="59">
        <f>Bühler!L3033</f>
        <v>5.9034876098259357</v>
      </c>
      <c r="M3007" s="58">
        <f>Bühler!M3033</f>
        <v>0</v>
      </c>
      <c r="N3007" s="56">
        <f>IF(Input!$D$19=1,J3007*Input!$C$19,0)+IF(Input!$D$20=1,K3007*Input!$C$20,0)+IF(Input!$D$21=1,L3007*Input!$C$21,0)+IF(Input!$D$22=1,M3007*Input!$C$22,0)</f>
        <v>0.10156396859732192</v>
      </c>
      <c r="O3007" s="59">
        <f>IF(Input!$D$19=2,J3007*Input!$C$19,0)+IF(Input!$D$20=2,K3007*Input!$C$20,0)+IF(Input!$D$21=2,L3007*Input!$C$21,0)+IF(Input!$D$22=2,M3007*Input!$C$22,0)</f>
        <v>0.25390992149330477</v>
      </c>
      <c r="P3007" s="59">
        <f>IF(Input!$D$19=3,J3007*Input!$C$19,0)+IF(Input!$D$20=3,K3007*Input!$C$20,0)+IF(Input!$D$21=3,L3007*Input!$C$21,0)+IF(Input!$D$22=3,M3007*Input!$C$22,0)</f>
        <v>0</v>
      </c>
      <c r="Q3007" s="75">
        <f>IF(Input!$D$19=4,J3007*Input!$C$19,0)+IF(Input!$D$20=4,K3007*Input!$C$20,0)+IF(Input!$D$21=4,L3007*Input!$C$21,0)+IF(Input!$D$22=4,M3007*Input!$C$22,0)</f>
        <v>0</v>
      </c>
      <c r="R3007" s="58">
        <v>41.475918897385483</v>
      </c>
      <c r="S3007" s="124">
        <f t="shared" si="46"/>
        <v>0.440110530588395</v>
      </c>
    </row>
    <row r="3008" spans="8:19" x14ac:dyDescent="0.3">
      <c r="H3008" s="44">
        <v>3001</v>
      </c>
      <c r="I3008" s="56">
        <f>Bühler!I3034</f>
        <v>0.10716509813484541</v>
      </c>
      <c r="J3008" s="59">
        <f>Bühler!J3034</f>
        <v>0.35721699378281813</v>
      </c>
      <c r="K3008" s="59">
        <f>Bühler!K3034</f>
        <v>0.53582549067422713</v>
      </c>
      <c r="L3008" s="59">
        <f>Bühler!L3034</f>
        <v>6.5230358846921419</v>
      </c>
      <c r="M3008" s="58">
        <f>Bühler!M3034</f>
        <v>0</v>
      </c>
      <c r="N3008" s="56">
        <f>IF(Input!$D$19=1,J3008*Input!$C$19,0)+IF(Input!$D$20=1,K3008*Input!$C$20,0)+IF(Input!$D$21=1,L3008*Input!$C$21,0)+IF(Input!$D$22=1,M3008*Input!$C$22,0)</f>
        <v>0.10716509813484544</v>
      </c>
      <c r="O3008" s="59">
        <f>IF(Input!$D$19=2,J3008*Input!$C$19,0)+IF(Input!$D$20=2,K3008*Input!$C$20,0)+IF(Input!$D$21=2,L3008*Input!$C$21,0)+IF(Input!$D$22=2,M3008*Input!$C$22,0)</f>
        <v>0.26791274533711357</v>
      </c>
      <c r="P3008" s="59">
        <f>IF(Input!$D$19=3,J3008*Input!$C$19,0)+IF(Input!$D$20=3,K3008*Input!$C$20,0)+IF(Input!$D$21=3,L3008*Input!$C$21,0)+IF(Input!$D$22=3,M3008*Input!$C$22,0)</f>
        <v>0</v>
      </c>
      <c r="Q3008" s="75">
        <f>IF(Input!$D$19=4,J3008*Input!$C$19,0)+IF(Input!$D$20=4,K3008*Input!$C$20,0)+IF(Input!$D$21=4,L3008*Input!$C$21,0)+IF(Input!$D$22=4,M3008*Input!$C$22,0)</f>
        <v>0</v>
      </c>
      <c r="R3008" s="58">
        <v>45.102810429027386</v>
      </c>
      <c r="S3008" s="124">
        <f t="shared" si="46"/>
        <v>0.46438209191766355</v>
      </c>
    </row>
    <row r="3009" spans="8:19" x14ac:dyDescent="0.3">
      <c r="H3009" s="44">
        <v>3002</v>
      </c>
      <c r="I3009" s="56">
        <f>Bühler!I3035</f>
        <v>0.12444979138240111</v>
      </c>
      <c r="J3009" s="59">
        <f>Bühler!J3035</f>
        <v>0.41483263794133712</v>
      </c>
      <c r="K3009" s="59">
        <f>Bühler!K3035</f>
        <v>0.62224895691200566</v>
      </c>
      <c r="L3009" s="59">
        <f>Bühler!L3035</f>
        <v>7.5751384467392624</v>
      </c>
      <c r="M3009" s="58">
        <f>Bühler!M3035</f>
        <v>0</v>
      </c>
      <c r="N3009" s="56">
        <f>IF(Input!$D$19=1,J3009*Input!$C$19,0)+IF(Input!$D$20=1,K3009*Input!$C$20,0)+IF(Input!$D$21=1,L3009*Input!$C$21,0)+IF(Input!$D$22=1,M3009*Input!$C$22,0)</f>
        <v>0.12444979138240113</v>
      </c>
      <c r="O3009" s="59">
        <f>IF(Input!$D$19=2,J3009*Input!$C$19,0)+IF(Input!$D$20=2,K3009*Input!$C$20,0)+IF(Input!$D$21=2,L3009*Input!$C$21,0)+IF(Input!$D$22=2,M3009*Input!$C$22,0)</f>
        <v>0.31112447845600283</v>
      </c>
      <c r="P3009" s="59">
        <f>IF(Input!$D$19=3,J3009*Input!$C$19,0)+IF(Input!$D$20=3,K3009*Input!$C$20,0)+IF(Input!$D$21=3,L3009*Input!$C$21,0)+IF(Input!$D$22=3,M3009*Input!$C$22,0)</f>
        <v>0</v>
      </c>
      <c r="Q3009" s="75">
        <f>IF(Input!$D$19=4,J3009*Input!$C$19,0)+IF(Input!$D$20=4,K3009*Input!$C$20,0)+IF(Input!$D$21=4,L3009*Input!$C$21,0)+IF(Input!$D$22=4,M3009*Input!$C$22,0)</f>
        <v>0</v>
      </c>
      <c r="R3009" s="58">
        <v>44.528015186017903</v>
      </c>
      <c r="S3009" s="124">
        <f t="shared" si="46"/>
        <v>0.53928242932373827</v>
      </c>
    </row>
    <row r="3010" spans="8:19" x14ac:dyDescent="0.3">
      <c r="H3010" s="44">
        <v>3003</v>
      </c>
      <c r="I3010" s="56">
        <f>Bühler!I3036</f>
        <v>0.12444979138240111</v>
      </c>
      <c r="J3010" s="59">
        <f>Bühler!J3036</f>
        <v>0.41483263794133712</v>
      </c>
      <c r="K3010" s="59">
        <f>Bühler!K3036</f>
        <v>0.62224895691200566</v>
      </c>
      <c r="L3010" s="59">
        <f>Bühler!L3036</f>
        <v>7.5751384467392624</v>
      </c>
      <c r="M3010" s="58">
        <f>Bühler!M3036</f>
        <v>0</v>
      </c>
      <c r="N3010" s="56">
        <f>IF(Input!$D$19=1,J3010*Input!$C$19,0)+IF(Input!$D$20=1,K3010*Input!$C$20,0)+IF(Input!$D$21=1,L3010*Input!$C$21,0)+IF(Input!$D$22=1,M3010*Input!$C$22,0)</f>
        <v>0.12444979138240113</v>
      </c>
      <c r="O3010" s="59">
        <f>IF(Input!$D$19=2,J3010*Input!$C$19,0)+IF(Input!$D$20=2,K3010*Input!$C$20,0)+IF(Input!$D$21=2,L3010*Input!$C$21,0)+IF(Input!$D$22=2,M3010*Input!$C$22,0)</f>
        <v>0.31112447845600283</v>
      </c>
      <c r="P3010" s="59">
        <f>IF(Input!$D$19=3,J3010*Input!$C$19,0)+IF(Input!$D$20=3,K3010*Input!$C$20,0)+IF(Input!$D$21=3,L3010*Input!$C$21,0)+IF(Input!$D$22=3,M3010*Input!$C$22,0)</f>
        <v>0</v>
      </c>
      <c r="Q3010" s="75">
        <f>IF(Input!$D$19=4,J3010*Input!$C$19,0)+IF(Input!$D$20=4,K3010*Input!$C$20,0)+IF(Input!$D$21=4,L3010*Input!$C$21,0)+IF(Input!$D$22=4,M3010*Input!$C$22,0)</f>
        <v>0</v>
      </c>
      <c r="R3010" s="58">
        <v>44.083052672226003</v>
      </c>
      <c r="S3010" s="124">
        <f t="shared" si="46"/>
        <v>0.53928242932373827</v>
      </c>
    </row>
    <row r="3011" spans="8:19" x14ac:dyDescent="0.3">
      <c r="H3011" s="44">
        <v>3004</v>
      </c>
      <c r="I3011" s="56">
        <f>Bühler!I3037</f>
        <v>0.12444979138240111</v>
      </c>
      <c r="J3011" s="59">
        <f>Bühler!J3037</f>
        <v>0.41483263794133712</v>
      </c>
      <c r="K3011" s="59">
        <f>Bühler!K3037</f>
        <v>0.62224895691200566</v>
      </c>
      <c r="L3011" s="59">
        <f>Bühler!L3037</f>
        <v>7.5751384467392624</v>
      </c>
      <c r="M3011" s="58">
        <f>Bühler!M3037</f>
        <v>0</v>
      </c>
      <c r="N3011" s="56">
        <f>IF(Input!$D$19=1,J3011*Input!$C$19,0)+IF(Input!$D$20=1,K3011*Input!$C$20,0)+IF(Input!$D$21=1,L3011*Input!$C$21,0)+IF(Input!$D$22=1,M3011*Input!$C$22,0)</f>
        <v>0.12444979138240113</v>
      </c>
      <c r="O3011" s="59">
        <f>IF(Input!$D$19=2,J3011*Input!$C$19,0)+IF(Input!$D$20=2,K3011*Input!$C$20,0)+IF(Input!$D$21=2,L3011*Input!$C$21,0)+IF(Input!$D$22=2,M3011*Input!$C$22,0)</f>
        <v>0.31112447845600283</v>
      </c>
      <c r="P3011" s="59">
        <f>IF(Input!$D$19=3,J3011*Input!$C$19,0)+IF(Input!$D$20=3,K3011*Input!$C$20,0)+IF(Input!$D$21=3,L3011*Input!$C$21,0)+IF(Input!$D$22=3,M3011*Input!$C$22,0)</f>
        <v>0</v>
      </c>
      <c r="Q3011" s="75">
        <f>IF(Input!$D$19=4,J3011*Input!$C$19,0)+IF(Input!$D$20=4,K3011*Input!$C$20,0)+IF(Input!$D$21=4,L3011*Input!$C$21,0)+IF(Input!$D$22=4,M3011*Input!$C$22,0)</f>
        <v>0</v>
      </c>
      <c r="R3011" s="58">
        <v>43.76236768769536</v>
      </c>
      <c r="S3011" s="124">
        <f t="shared" si="46"/>
        <v>0.53928242932373827</v>
      </c>
    </row>
    <row r="3012" spans="8:19" x14ac:dyDescent="0.3">
      <c r="H3012" s="44">
        <v>3005</v>
      </c>
      <c r="I3012" s="56">
        <f>Bühler!I3038</f>
        <v>0.12444979138240111</v>
      </c>
      <c r="J3012" s="59">
        <f>Bühler!J3038</f>
        <v>0.41483263794133712</v>
      </c>
      <c r="K3012" s="59">
        <f>Bühler!K3038</f>
        <v>0.62224895691200566</v>
      </c>
      <c r="L3012" s="59">
        <f>Bühler!L3038</f>
        <v>7.5751384467392624</v>
      </c>
      <c r="M3012" s="58">
        <f>Bühler!M3038</f>
        <v>0</v>
      </c>
      <c r="N3012" s="56">
        <f>IF(Input!$D$19=1,J3012*Input!$C$19,0)+IF(Input!$D$20=1,K3012*Input!$C$20,0)+IF(Input!$D$21=1,L3012*Input!$C$21,0)+IF(Input!$D$22=1,M3012*Input!$C$22,0)</f>
        <v>0.12444979138240113</v>
      </c>
      <c r="O3012" s="59">
        <f>IF(Input!$D$19=2,J3012*Input!$C$19,0)+IF(Input!$D$20=2,K3012*Input!$C$20,0)+IF(Input!$D$21=2,L3012*Input!$C$21,0)+IF(Input!$D$22=2,M3012*Input!$C$22,0)</f>
        <v>0.31112447845600283</v>
      </c>
      <c r="P3012" s="59">
        <f>IF(Input!$D$19=3,J3012*Input!$C$19,0)+IF(Input!$D$20=3,K3012*Input!$C$20,0)+IF(Input!$D$21=3,L3012*Input!$C$21,0)+IF(Input!$D$22=3,M3012*Input!$C$22,0)</f>
        <v>0</v>
      </c>
      <c r="Q3012" s="75">
        <f>IF(Input!$D$19=4,J3012*Input!$C$19,0)+IF(Input!$D$20=4,K3012*Input!$C$20,0)+IF(Input!$D$21=4,L3012*Input!$C$21,0)+IF(Input!$D$22=4,M3012*Input!$C$22,0)</f>
        <v>0</v>
      </c>
      <c r="R3012" s="58">
        <v>42.342633729576576</v>
      </c>
      <c r="S3012" s="124">
        <f t="shared" si="46"/>
        <v>0.53928242932373827</v>
      </c>
    </row>
    <row r="3013" spans="8:19" x14ac:dyDescent="0.3">
      <c r="H3013" s="44">
        <v>3006</v>
      </c>
      <c r="I3013" s="56">
        <f>Bühler!I3039</f>
        <v>0.15556223922800139</v>
      </c>
      <c r="J3013" s="59">
        <f>Bühler!J3039</f>
        <v>0.51854079742667136</v>
      </c>
      <c r="K3013" s="59">
        <f>Bühler!K3039</f>
        <v>0.77781119614000704</v>
      </c>
      <c r="L3013" s="59">
        <f>Bühler!L3039</f>
        <v>9.4689230584240782</v>
      </c>
      <c r="M3013" s="58">
        <f>Bühler!M3039</f>
        <v>0</v>
      </c>
      <c r="N3013" s="56">
        <f>IF(Input!$D$19=1,J3013*Input!$C$19,0)+IF(Input!$D$20=1,K3013*Input!$C$20,0)+IF(Input!$D$21=1,L3013*Input!$C$21,0)+IF(Input!$D$22=1,M3013*Input!$C$22,0)</f>
        <v>0.15556223922800141</v>
      </c>
      <c r="O3013" s="59">
        <f>IF(Input!$D$19=2,J3013*Input!$C$19,0)+IF(Input!$D$20=2,K3013*Input!$C$20,0)+IF(Input!$D$21=2,L3013*Input!$C$21,0)+IF(Input!$D$22=2,M3013*Input!$C$22,0)</f>
        <v>0.38890559807000352</v>
      </c>
      <c r="P3013" s="59">
        <f>IF(Input!$D$19=3,J3013*Input!$C$19,0)+IF(Input!$D$20=3,K3013*Input!$C$20,0)+IF(Input!$D$21=3,L3013*Input!$C$21,0)+IF(Input!$D$22=3,M3013*Input!$C$22,0)</f>
        <v>0</v>
      </c>
      <c r="Q3013" s="75">
        <f>IF(Input!$D$19=4,J3013*Input!$C$19,0)+IF(Input!$D$20=4,K3013*Input!$C$20,0)+IF(Input!$D$21=4,L3013*Input!$C$21,0)+IF(Input!$D$22=4,M3013*Input!$C$22,0)</f>
        <v>0</v>
      </c>
      <c r="R3013" s="58">
        <v>41.77528870736927</v>
      </c>
      <c r="S3013" s="124">
        <f t="shared" si="46"/>
        <v>0.67410303665467275</v>
      </c>
    </row>
    <row r="3014" spans="8:19" x14ac:dyDescent="0.3">
      <c r="H3014" s="44">
        <v>3007</v>
      </c>
      <c r="I3014" s="56">
        <f>Bühler!I3040</f>
        <v>0.18321774842409055</v>
      </c>
      <c r="J3014" s="59">
        <f>Bühler!J3040</f>
        <v>0.61072582808030196</v>
      </c>
      <c r="K3014" s="59">
        <f>Bühler!K3040</f>
        <v>0.91608874212045288</v>
      </c>
      <c r="L3014" s="59">
        <f>Bühler!L3040</f>
        <v>11.152287157699471</v>
      </c>
      <c r="M3014" s="58">
        <f>Bühler!M3040</f>
        <v>0</v>
      </c>
      <c r="N3014" s="56">
        <f>IF(Input!$D$19=1,J3014*Input!$C$19,0)+IF(Input!$D$20=1,K3014*Input!$C$20,0)+IF(Input!$D$21=1,L3014*Input!$C$21,0)+IF(Input!$D$22=1,M3014*Input!$C$22,0)</f>
        <v>0.18321774842409058</v>
      </c>
      <c r="O3014" s="59">
        <f>IF(Input!$D$19=2,J3014*Input!$C$19,0)+IF(Input!$D$20=2,K3014*Input!$C$20,0)+IF(Input!$D$21=2,L3014*Input!$C$21,0)+IF(Input!$D$22=2,M3014*Input!$C$22,0)</f>
        <v>0.45804437106022644</v>
      </c>
      <c r="P3014" s="59">
        <f>IF(Input!$D$19=3,J3014*Input!$C$19,0)+IF(Input!$D$20=3,K3014*Input!$C$20,0)+IF(Input!$D$21=3,L3014*Input!$C$21,0)+IF(Input!$D$22=3,M3014*Input!$C$22,0)</f>
        <v>0</v>
      </c>
      <c r="Q3014" s="75">
        <f>IF(Input!$D$19=4,J3014*Input!$C$19,0)+IF(Input!$D$20=4,K3014*Input!$C$20,0)+IF(Input!$D$21=4,L3014*Input!$C$21,0)+IF(Input!$D$22=4,M3014*Input!$C$22,0)</f>
        <v>0</v>
      </c>
      <c r="R3014" s="58">
        <v>41.498492842623271</v>
      </c>
      <c r="S3014" s="124">
        <f t="shared" si="46"/>
        <v>0.79394357650439251</v>
      </c>
    </row>
    <row r="3015" spans="8:19" x14ac:dyDescent="0.3">
      <c r="H3015" s="44">
        <v>3008</v>
      </c>
      <c r="I3015" s="56">
        <f>Bühler!I3041</f>
        <v>0.21778713491920199</v>
      </c>
      <c r="J3015" s="59">
        <f>Bühler!J3041</f>
        <v>0.72595711639734006</v>
      </c>
      <c r="K3015" s="59">
        <f>Bühler!K3041</f>
        <v>1.0889356745960102</v>
      </c>
      <c r="L3015" s="59">
        <f>Bühler!L3041</f>
        <v>13.256492281793708</v>
      </c>
      <c r="M3015" s="58">
        <f>Bühler!M3041</f>
        <v>0</v>
      </c>
      <c r="N3015" s="56">
        <f>IF(Input!$D$19=1,J3015*Input!$C$19,0)+IF(Input!$D$20=1,K3015*Input!$C$20,0)+IF(Input!$D$21=1,L3015*Input!$C$21,0)+IF(Input!$D$22=1,M3015*Input!$C$22,0)</f>
        <v>0.21778713491920201</v>
      </c>
      <c r="O3015" s="59">
        <f>IF(Input!$D$19=2,J3015*Input!$C$19,0)+IF(Input!$D$20=2,K3015*Input!$C$20,0)+IF(Input!$D$21=2,L3015*Input!$C$21,0)+IF(Input!$D$22=2,M3015*Input!$C$22,0)</f>
        <v>0.54446783729800508</v>
      </c>
      <c r="P3015" s="59">
        <f>IF(Input!$D$19=3,J3015*Input!$C$19,0)+IF(Input!$D$20=3,K3015*Input!$C$20,0)+IF(Input!$D$21=3,L3015*Input!$C$21,0)+IF(Input!$D$22=3,M3015*Input!$C$22,0)</f>
        <v>0</v>
      </c>
      <c r="Q3015" s="75">
        <f>IF(Input!$D$19=4,J3015*Input!$C$19,0)+IF(Input!$D$20=4,K3015*Input!$C$20,0)+IF(Input!$D$21=4,L3015*Input!$C$21,0)+IF(Input!$D$22=4,M3015*Input!$C$22,0)</f>
        <v>0</v>
      </c>
      <c r="R3015" s="58">
        <v>41.520660646119381</v>
      </c>
      <c r="S3015" s="124">
        <f t="shared" si="46"/>
        <v>0.94374425131654205</v>
      </c>
    </row>
    <row r="3016" spans="8:19" x14ac:dyDescent="0.3">
      <c r="H3016" s="44">
        <v>3009</v>
      </c>
      <c r="I3016" s="56">
        <f>Bühler!I3042</f>
        <v>0.21778713491920199</v>
      </c>
      <c r="J3016" s="59">
        <f>Bühler!J3042</f>
        <v>0.72595711639734006</v>
      </c>
      <c r="K3016" s="59">
        <f>Bühler!K3042</f>
        <v>1.0889356745960102</v>
      </c>
      <c r="L3016" s="59">
        <f>Bühler!L3042</f>
        <v>13.256492281793708</v>
      </c>
      <c r="M3016" s="58">
        <f>Bühler!M3042</f>
        <v>0</v>
      </c>
      <c r="N3016" s="56">
        <f>IF(Input!$D$19=1,J3016*Input!$C$19,0)+IF(Input!$D$20=1,K3016*Input!$C$20,0)+IF(Input!$D$21=1,L3016*Input!$C$21,0)+IF(Input!$D$22=1,M3016*Input!$C$22,0)</f>
        <v>0.21778713491920201</v>
      </c>
      <c r="O3016" s="59">
        <f>IF(Input!$D$19=2,J3016*Input!$C$19,0)+IF(Input!$D$20=2,K3016*Input!$C$20,0)+IF(Input!$D$21=2,L3016*Input!$C$21,0)+IF(Input!$D$22=2,M3016*Input!$C$22,0)</f>
        <v>0.54446783729800508</v>
      </c>
      <c r="P3016" s="59">
        <f>IF(Input!$D$19=3,J3016*Input!$C$19,0)+IF(Input!$D$20=3,K3016*Input!$C$20,0)+IF(Input!$D$21=3,L3016*Input!$C$21,0)+IF(Input!$D$22=3,M3016*Input!$C$22,0)</f>
        <v>0</v>
      </c>
      <c r="Q3016" s="75">
        <f>IF(Input!$D$19=4,J3016*Input!$C$19,0)+IF(Input!$D$20=4,K3016*Input!$C$20,0)+IF(Input!$D$21=4,L3016*Input!$C$21,0)+IF(Input!$D$22=4,M3016*Input!$C$22,0)</f>
        <v>0</v>
      </c>
      <c r="R3016" s="58">
        <v>41.006807788360767</v>
      </c>
      <c r="S3016" s="124">
        <f t="shared" si="46"/>
        <v>0.94374425131654205</v>
      </c>
    </row>
    <row r="3017" spans="8:19" x14ac:dyDescent="0.3">
      <c r="H3017" s="44">
        <v>3010</v>
      </c>
      <c r="I3017" s="56">
        <f>Bühler!I3043</f>
        <v>0.21778713491920199</v>
      </c>
      <c r="J3017" s="59">
        <f>Bühler!J3043</f>
        <v>0.72595711639734006</v>
      </c>
      <c r="K3017" s="59">
        <f>Bühler!K3043</f>
        <v>1.0889356745960102</v>
      </c>
      <c r="L3017" s="59">
        <f>Bühler!L3043</f>
        <v>13.256492281793708</v>
      </c>
      <c r="M3017" s="58">
        <f>Bühler!M3043</f>
        <v>0</v>
      </c>
      <c r="N3017" s="56">
        <f>IF(Input!$D$19=1,J3017*Input!$C$19,0)+IF(Input!$D$20=1,K3017*Input!$C$20,0)+IF(Input!$D$21=1,L3017*Input!$C$21,0)+IF(Input!$D$22=1,M3017*Input!$C$22,0)</f>
        <v>0.21778713491920201</v>
      </c>
      <c r="O3017" s="59">
        <f>IF(Input!$D$19=2,J3017*Input!$C$19,0)+IF(Input!$D$20=2,K3017*Input!$C$20,0)+IF(Input!$D$21=2,L3017*Input!$C$21,0)+IF(Input!$D$22=2,M3017*Input!$C$22,0)</f>
        <v>0.54446783729800508</v>
      </c>
      <c r="P3017" s="59">
        <f>IF(Input!$D$19=3,J3017*Input!$C$19,0)+IF(Input!$D$20=3,K3017*Input!$C$20,0)+IF(Input!$D$21=3,L3017*Input!$C$21,0)+IF(Input!$D$22=3,M3017*Input!$C$22,0)</f>
        <v>0</v>
      </c>
      <c r="Q3017" s="75">
        <f>IF(Input!$D$19=4,J3017*Input!$C$19,0)+IF(Input!$D$20=4,K3017*Input!$C$20,0)+IF(Input!$D$21=4,L3017*Input!$C$21,0)+IF(Input!$D$22=4,M3017*Input!$C$22,0)</f>
        <v>0</v>
      </c>
      <c r="R3017" s="58">
        <v>40.922244378291332</v>
      </c>
      <c r="S3017" s="124">
        <f t="shared" ref="S3017:S3080" si="47">I3017+J3017</f>
        <v>0.94374425131654205</v>
      </c>
    </row>
    <row r="3018" spans="8:19" x14ac:dyDescent="0.3">
      <c r="H3018" s="44">
        <v>3011</v>
      </c>
      <c r="I3018" s="56">
        <f>Bühler!I3044</f>
        <v>0.21778713491920199</v>
      </c>
      <c r="J3018" s="59">
        <f>Bühler!J3044</f>
        <v>0.72595711639734006</v>
      </c>
      <c r="K3018" s="59">
        <f>Bühler!K3044</f>
        <v>1.0889356745960102</v>
      </c>
      <c r="L3018" s="59">
        <f>Bühler!L3044</f>
        <v>13.256492281793708</v>
      </c>
      <c r="M3018" s="58">
        <f>Bühler!M3044</f>
        <v>0</v>
      </c>
      <c r="N3018" s="56">
        <f>IF(Input!$D$19=1,J3018*Input!$C$19,0)+IF(Input!$D$20=1,K3018*Input!$C$20,0)+IF(Input!$D$21=1,L3018*Input!$C$21,0)+IF(Input!$D$22=1,M3018*Input!$C$22,0)</f>
        <v>0.21778713491920201</v>
      </c>
      <c r="O3018" s="59">
        <f>IF(Input!$D$19=2,J3018*Input!$C$19,0)+IF(Input!$D$20=2,K3018*Input!$C$20,0)+IF(Input!$D$21=2,L3018*Input!$C$21,0)+IF(Input!$D$22=2,M3018*Input!$C$22,0)</f>
        <v>0.54446783729800508</v>
      </c>
      <c r="P3018" s="59">
        <f>IF(Input!$D$19=3,J3018*Input!$C$19,0)+IF(Input!$D$20=3,K3018*Input!$C$20,0)+IF(Input!$D$21=3,L3018*Input!$C$21,0)+IF(Input!$D$22=3,M3018*Input!$C$22,0)</f>
        <v>0</v>
      </c>
      <c r="Q3018" s="75">
        <f>IF(Input!$D$19=4,J3018*Input!$C$19,0)+IF(Input!$D$20=4,K3018*Input!$C$20,0)+IF(Input!$D$21=4,L3018*Input!$C$21,0)+IF(Input!$D$22=4,M3018*Input!$C$22,0)</f>
        <v>0</v>
      </c>
      <c r="R3018" s="58">
        <v>40.650011297417905</v>
      </c>
      <c r="S3018" s="124">
        <f t="shared" si="47"/>
        <v>0.94374425131654205</v>
      </c>
    </row>
    <row r="3019" spans="8:19" x14ac:dyDescent="0.3">
      <c r="H3019" s="44">
        <v>3012</v>
      </c>
      <c r="I3019" s="56">
        <f>Bühler!I3045</f>
        <v>0.21778713491920199</v>
      </c>
      <c r="J3019" s="59">
        <f>Bühler!J3045</f>
        <v>0.72595711639734006</v>
      </c>
      <c r="K3019" s="59">
        <f>Bühler!K3045</f>
        <v>1.0889356745960102</v>
      </c>
      <c r="L3019" s="59">
        <f>Bühler!L3045</f>
        <v>13.256492281793708</v>
      </c>
      <c r="M3019" s="58">
        <f>Bühler!M3045</f>
        <v>0</v>
      </c>
      <c r="N3019" s="56">
        <f>IF(Input!$D$19=1,J3019*Input!$C$19,0)+IF(Input!$D$20=1,K3019*Input!$C$20,0)+IF(Input!$D$21=1,L3019*Input!$C$21,0)+IF(Input!$D$22=1,M3019*Input!$C$22,0)</f>
        <v>0.21778713491920201</v>
      </c>
      <c r="O3019" s="59">
        <f>IF(Input!$D$19=2,J3019*Input!$C$19,0)+IF(Input!$D$20=2,K3019*Input!$C$20,0)+IF(Input!$D$21=2,L3019*Input!$C$21,0)+IF(Input!$D$22=2,M3019*Input!$C$22,0)</f>
        <v>0.54446783729800508</v>
      </c>
      <c r="P3019" s="59">
        <f>IF(Input!$D$19=3,J3019*Input!$C$19,0)+IF(Input!$D$20=3,K3019*Input!$C$20,0)+IF(Input!$D$21=3,L3019*Input!$C$21,0)+IF(Input!$D$22=3,M3019*Input!$C$22,0)</f>
        <v>0</v>
      </c>
      <c r="Q3019" s="75">
        <f>IF(Input!$D$19=4,J3019*Input!$C$19,0)+IF(Input!$D$20=4,K3019*Input!$C$20,0)+IF(Input!$D$21=4,L3019*Input!$C$21,0)+IF(Input!$D$22=4,M3019*Input!$C$22,0)</f>
        <v>0</v>
      </c>
      <c r="R3019" s="58">
        <v>40.950836741214346</v>
      </c>
      <c r="S3019" s="124">
        <f t="shared" si="47"/>
        <v>0.94374425131654205</v>
      </c>
    </row>
    <row r="3020" spans="8:19" x14ac:dyDescent="0.3">
      <c r="H3020" s="44">
        <v>3013</v>
      </c>
      <c r="I3020" s="56">
        <f>Bühler!I3046</f>
        <v>0.21778713491920199</v>
      </c>
      <c r="J3020" s="59">
        <f>Bühler!J3046</f>
        <v>0.72595711639734006</v>
      </c>
      <c r="K3020" s="59">
        <f>Bühler!K3046</f>
        <v>1.0889356745960102</v>
      </c>
      <c r="L3020" s="59">
        <f>Bühler!L3046</f>
        <v>13.256492281793708</v>
      </c>
      <c r="M3020" s="58">
        <f>Bühler!M3046</f>
        <v>0</v>
      </c>
      <c r="N3020" s="56">
        <f>IF(Input!$D$19=1,J3020*Input!$C$19,0)+IF(Input!$D$20=1,K3020*Input!$C$20,0)+IF(Input!$D$21=1,L3020*Input!$C$21,0)+IF(Input!$D$22=1,M3020*Input!$C$22,0)</f>
        <v>0.21778713491920201</v>
      </c>
      <c r="O3020" s="59">
        <f>IF(Input!$D$19=2,J3020*Input!$C$19,0)+IF(Input!$D$20=2,K3020*Input!$C$20,0)+IF(Input!$D$21=2,L3020*Input!$C$21,0)+IF(Input!$D$22=2,M3020*Input!$C$22,0)</f>
        <v>0.54446783729800508</v>
      </c>
      <c r="P3020" s="59">
        <f>IF(Input!$D$19=3,J3020*Input!$C$19,0)+IF(Input!$D$20=3,K3020*Input!$C$20,0)+IF(Input!$D$21=3,L3020*Input!$C$21,0)+IF(Input!$D$22=3,M3020*Input!$C$22,0)</f>
        <v>0</v>
      </c>
      <c r="Q3020" s="75">
        <f>IF(Input!$D$19=4,J3020*Input!$C$19,0)+IF(Input!$D$20=4,K3020*Input!$C$20,0)+IF(Input!$D$21=4,L3020*Input!$C$21,0)+IF(Input!$D$22=4,M3020*Input!$C$22,0)</f>
        <v>0</v>
      </c>
      <c r="R3020" s="58">
        <v>41.022381510863667</v>
      </c>
      <c r="S3020" s="124">
        <f t="shared" si="47"/>
        <v>0.94374425131654205</v>
      </c>
    </row>
    <row r="3021" spans="8:19" x14ac:dyDescent="0.3">
      <c r="H3021" s="44">
        <v>3014</v>
      </c>
      <c r="I3021" s="56">
        <f>Bühler!I3047</f>
        <v>0.21778713491920199</v>
      </c>
      <c r="J3021" s="59">
        <f>Bühler!J3047</f>
        <v>0.72595711639734006</v>
      </c>
      <c r="K3021" s="59">
        <f>Bühler!K3047</f>
        <v>1.0889356745960102</v>
      </c>
      <c r="L3021" s="59">
        <f>Bühler!L3047</f>
        <v>13.256492281793708</v>
      </c>
      <c r="M3021" s="58">
        <f>Bühler!M3047</f>
        <v>0</v>
      </c>
      <c r="N3021" s="56">
        <f>IF(Input!$D$19=1,J3021*Input!$C$19,0)+IF(Input!$D$20=1,K3021*Input!$C$20,0)+IF(Input!$D$21=1,L3021*Input!$C$21,0)+IF(Input!$D$22=1,M3021*Input!$C$22,0)</f>
        <v>0.21778713491920201</v>
      </c>
      <c r="O3021" s="59">
        <f>IF(Input!$D$19=2,J3021*Input!$C$19,0)+IF(Input!$D$20=2,K3021*Input!$C$20,0)+IF(Input!$D$21=2,L3021*Input!$C$21,0)+IF(Input!$D$22=2,M3021*Input!$C$22,0)</f>
        <v>0.54446783729800508</v>
      </c>
      <c r="P3021" s="59">
        <f>IF(Input!$D$19=3,J3021*Input!$C$19,0)+IF(Input!$D$20=3,K3021*Input!$C$20,0)+IF(Input!$D$21=3,L3021*Input!$C$21,0)+IF(Input!$D$22=3,M3021*Input!$C$22,0)</f>
        <v>0</v>
      </c>
      <c r="Q3021" s="75">
        <f>IF(Input!$D$19=4,J3021*Input!$C$19,0)+IF(Input!$D$20=4,K3021*Input!$C$20,0)+IF(Input!$D$21=4,L3021*Input!$C$21,0)+IF(Input!$D$22=4,M3021*Input!$C$22,0)</f>
        <v>0</v>
      </c>
      <c r="R3021" s="58">
        <v>40.936776493447269</v>
      </c>
      <c r="S3021" s="124">
        <f t="shared" si="47"/>
        <v>0.94374425131654205</v>
      </c>
    </row>
    <row r="3022" spans="8:19" x14ac:dyDescent="0.3">
      <c r="H3022" s="44">
        <v>3015</v>
      </c>
      <c r="I3022" s="56">
        <f>Bühler!I3048</f>
        <v>0.21778713491920199</v>
      </c>
      <c r="J3022" s="59">
        <f>Bühler!J3048</f>
        <v>0.72595711639734006</v>
      </c>
      <c r="K3022" s="59">
        <f>Bühler!K3048</f>
        <v>1.0889356745960102</v>
      </c>
      <c r="L3022" s="59">
        <f>Bühler!L3048</f>
        <v>13.256492281793708</v>
      </c>
      <c r="M3022" s="58">
        <f>Bühler!M3048</f>
        <v>0</v>
      </c>
      <c r="N3022" s="56">
        <f>IF(Input!$D$19=1,J3022*Input!$C$19,0)+IF(Input!$D$20=1,K3022*Input!$C$20,0)+IF(Input!$D$21=1,L3022*Input!$C$21,0)+IF(Input!$D$22=1,M3022*Input!$C$22,0)</f>
        <v>0.21778713491920201</v>
      </c>
      <c r="O3022" s="59">
        <f>IF(Input!$D$19=2,J3022*Input!$C$19,0)+IF(Input!$D$20=2,K3022*Input!$C$20,0)+IF(Input!$D$21=2,L3022*Input!$C$21,0)+IF(Input!$D$22=2,M3022*Input!$C$22,0)</f>
        <v>0.54446783729800508</v>
      </c>
      <c r="P3022" s="59">
        <f>IF(Input!$D$19=3,J3022*Input!$C$19,0)+IF(Input!$D$20=3,K3022*Input!$C$20,0)+IF(Input!$D$21=3,L3022*Input!$C$21,0)+IF(Input!$D$22=3,M3022*Input!$C$22,0)</f>
        <v>0</v>
      </c>
      <c r="Q3022" s="75">
        <f>IF(Input!$D$19=4,J3022*Input!$C$19,0)+IF(Input!$D$20=4,K3022*Input!$C$20,0)+IF(Input!$D$21=4,L3022*Input!$C$21,0)+IF(Input!$D$22=4,M3022*Input!$C$22,0)</f>
        <v>0</v>
      </c>
      <c r="R3022" s="58">
        <v>40.919740213481028</v>
      </c>
      <c r="S3022" s="124">
        <f t="shared" si="47"/>
        <v>0.94374425131654205</v>
      </c>
    </row>
    <row r="3023" spans="8:19" x14ac:dyDescent="0.3">
      <c r="H3023" s="44">
        <v>3016</v>
      </c>
      <c r="I3023" s="56">
        <f>Bühler!I3049</f>
        <v>0.19358856437262398</v>
      </c>
      <c r="J3023" s="59">
        <f>Bühler!J3049</f>
        <v>0.64529521457541328</v>
      </c>
      <c r="K3023" s="59">
        <f>Bühler!K3049</f>
        <v>0.96794282186311997</v>
      </c>
      <c r="L3023" s="59">
        <f>Bühler!L3049</f>
        <v>11.783548694927743</v>
      </c>
      <c r="M3023" s="58">
        <f>Bühler!M3049</f>
        <v>0</v>
      </c>
      <c r="N3023" s="56">
        <f>IF(Input!$D$19=1,J3023*Input!$C$19,0)+IF(Input!$D$20=1,K3023*Input!$C$20,0)+IF(Input!$D$21=1,L3023*Input!$C$21,0)+IF(Input!$D$22=1,M3023*Input!$C$22,0)</f>
        <v>0.19358856437262398</v>
      </c>
      <c r="O3023" s="59">
        <f>IF(Input!$D$19=2,J3023*Input!$C$19,0)+IF(Input!$D$20=2,K3023*Input!$C$20,0)+IF(Input!$D$21=2,L3023*Input!$C$21,0)+IF(Input!$D$22=2,M3023*Input!$C$22,0)</f>
        <v>0.48397141093155999</v>
      </c>
      <c r="P3023" s="59">
        <f>IF(Input!$D$19=3,J3023*Input!$C$19,0)+IF(Input!$D$20=3,K3023*Input!$C$20,0)+IF(Input!$D$21=3,L3023*Input!$C$21,0)+IF(Input!$D$22=3,M3023*Input!$C$22,0)</f>
        <v>0</v>
      </c>
      <c r="Q3023" s="75">
        <f>IF(Input!$D$19=4,J3023*Input!$C$19,0)+IF(Input!$D$20=4,K3023*Input!$C$20,0)+IF(Input!$D$21=4,L3023*Input!$C$21,0)+IF(Input!$D$22=4,M3023*Input!$C$22,0)</f>
        <v>0</v>
      </c>
      <c r="R3023" s="58">
        <v>41.153158014086443</v>
      </c>
      <c r="S3023" s="124">
        <f t="shared" si="47"/>
        <v>0.83888377894803723</v>
      </c>
    </row>
    <row r="3024" spans="8:19" x14ac:dyDescent="0.3">
      <c r="H3024" s="44">
        <v>3017</v>
      </c>
      <c r="I3024" s="56">
        <f>Bühler!I3050</f>
        <v>0.19013162572311282</v>
      </c>
      <c r="J3024" s="59">
        <f>Bühler!J3050</f>
        <v>0.63377208574370947</v>
      </c>
      <c r="K3024" s="59">
        <f>Bühler!K3050</f>
        <v>0.9506581286155642</v>
      </c>
      <c r="L3024" s="59">
        <f>Bühler!L3050</f>
        <v>11.573128182518317</v>
      </c>
      <c r="M3024" s="58">
        <f>Bühler!M3050</f>
        <v>0</v>
      </c>
      <c r="N3024" s="56">
        <f>IF(Input!$D$19=1,J3024*Input!$C$19,0)+IF(Input!$D$20=1,K3024*Input!$C$20,0)+IF(Input!$D$21=1,L3024*Input!$C$21,0)+IF(Input!$D$22=1,M3024*Input!$C$22,0)</f>
        <v>0.19013162572311285</v>
      </c>
      <c r="O3024" s="59">
        <f>IF(Input!$D$19=2,J3024*Input!$C$19,0)+IF(Input!$D$20=2,K3024*Input!$C$20,0)+IF(Input!$D$21=2,L3024*Input!$C$21,0)+IF(Input!$D$22=2,M3024*Input!$C$22,0)</f>
        <v>0.4753290643077821</v>
      </c>
      <c r="P3024" s="59">
        <f>IF(Input!$D$19=3,J3024*Input!$C$19,0)+IF(Input!$D$20=3,K3024*Input!$C$20,0)+IF(Input!$D$21=3,L3024*Input!$C$21,0)+IF(Input!$D$22=3,M3024*Input!$C$22,0)</f>
        <v>0</v>
      </c>
      <c r="Q3024" s="75">
        <f>IF(Input!$D$19=4,J3024*Input!$C$19,0)+IF(Input!$D$20=4,K3024*Input!$C$20,0)+IF(Input!$D$21=4,L3024*Input!$C$21,0)+IF(Input!$D$22=4,M3024*Input!$C$22,0)</f>
        <v>0</v>
      </c>
      <c r="R3024" s="58">
        <v>40.790281027967055</v>
      </c>
      <c r="S3024" s="124">
        <f t="shared" si="47"/>
        <v>0.82390371146682229</v>
      </c>
    </row>
    <row r="3025" spans="8:19" x14ac:dyDescent="0.3">
      <c r="H3025" s="44">
        <v>3018</v>
      </c>
      <c r="I3025" s="56">
        <f>Bühler!I3051</f>
        <v>0.16247611652702371</v>
      </c>
      <c r="J3025" s="59">
        <f>Bühler!J3051</f>
        <v>0.54158705509007909</v>
      </c>
      <c r="K3025" s="59">
        <f>Bühler!K3051</f>
        <v>0.81238058263511859</v>
      </c>
      <c r="L3025" s="59">
        <f>Bühler!L3051</f>
        <v>9.8897640832429268</v>
      </c>
      <c r="M3025" s="58">
        <f>Bühler!M3051</f>
        <v>0</v>
      </c>
      <c r="N3025" s="56">
        <f>IF(Input!$D$19=1,J3025*Input!$C$19,0)+IF(Input!$D$20=1,K3025*Input!$C$20,0)+IF(Input!$D$21=1,L3025*Input!$C$21,0)+IF(Input!$D$22=1,M3025*Input!$C$22,0)</f>
        <v>0.16247611652702373</v>
      </c>
      <c r="O3025" s="59">
        <f>IF(Input!$D$19=2,J3025*Input!$C$19,0)+IF(Input!$D$20=2,K3025*Input!$C$20,0)+IF(Input!$D$21=2,L3025*Input!$C$21,0)+IF(Input!$D$22=2,M3025*Input!$C$22,0)</f>
        <v>0.40619029131755929</v>
      </c>
      <c r="P3025" s="59">
        <f>IF(Input!$D$19=3,J3025*Input!$C$19,0)+IF(Input!$D$20=3,K3025*Input!$C$20,0)+IF(Input!$D$21=3,L3025*Input!$C$21,0)+IF(Input!$D$22=3,M3025*Input!$C$22,0)</f>
        <v>0</v>
      </c>
      <c r="Q3025" s="75">
        <f>IF(Input!$D$19=4,J3025*Input!$C$19,0)+IF(Input!$D$20=4,K3025*Input!$C$20,0)+IF(Input!$D$21=4,L3025*Input!$C$21,0)+IF(Input!$D$22=4,M3025*Input!$C$22,0)</f>
        <v>0</v>
      </c>
      <c r="R3025" s="58">
        <v>40.491463227119205</v>
      </c>
      <c r="S3025" s="124">
        <f t="shared" si="47"/>
        <v>0.70406317161710286</v>
      </c>
    </row>
    <row r="3026" spans="8:19" x14ac:dyDescent="0.3">
      <c r="H3026" s="44">
        <v>3019</v>
      </c>
      <c r="I3026" s="56">
        <f>Bühler!I3052</f>
        <v>0.15210530057849025</v>
      </c>
      <c r="J3026" s="59">
        <f>Bühler!J3052</f>
        <v>0.50701766859496755</v>
      </c>
      <c r="K3026" s="59">
        <f>Bühler!K3052</f>
        <v>0.76052650289245138</v>
      </c>
      <c r="L3026" s="59">
        <f>Bühler!L3052</f>
        <v>9.2585025460146539</v>
      </c>
      <c r="M3026" s="58">
        <f>Bühler!M3052</f>
        <v>0</v>
      </c>
      <c r="N3026" s="56">
        <f>IF(Input!$D$19=1,J3026*Input!$C$19,0)+IF(Input!$D$20=1,K3026*Input!$C$20,0)+IF(Input!$D$21=1,L3026*Input!$C$21,0)+IF(Input!$D$22=1,M3026*Input!$C$22,0)</f>
        <v>0.15210530057849025</v>
      </c>
      <c r="O3026" s="59">
        <f>IF(Input!$D$19=2,J3026*Input!$C$19,0)+IF(Input!$D$20=2,K3026*Input!$C$20,0)+IF(Input!$D$21=2,L3026*Input!$C$21,0)+IF(Input!$D$22=2,M3026*Input!$C$22,0)</f>
        <v>0.38026325144622569</v>
      </c>
      <c r="P3026" s="59">
        <f>IF(Input!$D$19=3,J3026*Input!$C$19,0)+IF(Input!$D$20=3,K3026*Input!$C$20,0)+IF(Input!$D$21=3,L3026*Input!$C$21,0)+IF(Input!$D$22=3,M3026*Input!$C$22,0)</f>
        <v>0</v>
      </c>
      <c r="Q3026" s="75">
        <f>IF(Input!$D$19=4,J3026*Input!$C$19,0)+IF(Input!$D$20=4,K3026*Input!$C$20,0)+IF(Input!$D$21=4,L3026*Input!$C$21,0)+IF(Input!$D$22=4,M3026*Input!$C$22,0)</f>
        <v>0</v>
      </c>
      <c r="R3026" s="58">
        <v>40.558633230220295</v>
      </c>
      <c r="S3026" s="124">
        <f t="shared" si="47"/>
        <v>0.65912296917345781</v>
      </c>
    </row>
    <row r="3027" spans="8:19" x14ac:dyDescent="0.3">
      <c r="H3027" s="44">
        <v>3020</v>
      </c>
      <c r="I3027" s="56">
        <f>Bühler!I3053</f>
        <v>0.12790673003191227</v>
      </c>
      <c r="J3027" s="59">
        <f>Bühler!J3053</f>
        <v>0.42635576677304093</v>
      </c>
      <c r="K3027" s="59">
        <f>Bühler!K3053</f>
        <v>0.63953365015956143</v>
      </c>
      <c r="L3027" s="59">
        <f>Bühler!L3053</f>
        <v>7.7855589591486867</v>
      </c>
      <c r="M3027" s="58">
        <f>Bühler!M3053</f>
        <v>0</v>
      </c>
      <c r="N3027" s="56">
        <f>IF(Input!$D$19=1,J3027*Input!$C$19,0)+IF(Input!$D$20=1,K3027*Input!$C$20,0)+IF(Input!$D$21=1,L3027*Input!$C$21,0)+IF(Input!$D$22=1,M3027*Input!$C$22,0)</f>
        <v>0.12790673003191227</v>
      </c>
      <c r="O3027" s="59">
        <f>IF(Input!$D$19=2,J3027*Input!$C$19,0)+IF(Input!$D$20=2,K3027*Input!$C$20,0)+IF(Input!$D$21=2,L3027*Input!$C$21,0)+IF(Input!$D$22=2,M3027*Input!$C$22,0)</f>
        <v>0.31976682507978071</v>
      </c>
      <c r="P3027" s="59">
        <f>IF(Input!$D$19=3,J3027*Input!$C$19,0)+IF(Input!$D$20=3,K3027*Input!$C$20,0)+IF(Input!$D$21=3,L3027*Input!$C$21,0)+IF(Input!$D$22=3,M3027*Input!$C$22,0)</f>
        <v>0</v>
      </c>
      <c r="Q3027" s="75">
        <f>IF(Input!$D$19=4,J3027*Input!$C$19,0)+IF(Input!$D$20=4,K3027*Input!$C$20,0)+IF(Input!$D$21=4,L3027*Input!$C$21,0)+IF(Input!$D$22=4,M3027*Input!$C$22,0)</f>
        <v>0</v>
      </c>
      <c r="R3027" s="58">
        <v>40.746017560315444</v>
      </c>
      <c r="S3027" s="124">
        <f t="shared" si="47"/>
        <v>0.55426249680495321</v>
      </c>
    </row>
    <row r="3028" spans="8:19" x14ac:dyDescent="0.3">
      <c r="H3028" s="44">
        <v>3021</v>
      </c>
      <c r="I3028" s="56">
        <f>Bühler!I3054</f>
        <v>0.10716509813484541</v>
      </c>
      <c r="J3028" s="59">
        <f>Bühler!J3054</f>
        <v>0.35721699378281813</v>
      </c>
      <c r="K3028" s="59">
        <f>Bühler!K3054</f>
        <v>0.53582549067422713</v>
      </c>
      <c r="L3028" s="59">
        <f>Bühler!L3054</f>
        <v>6.5230358846921419</v>
      </c>
      <c r="M3028" s="58">
        <f>Bühler!M3054</f>
        <v>0</v>
      </c>
      <c r="N3028" s="56">
        <f>IF(Input!$D$19=1,J3028*Input!$C$19,0)+IF(Input!$D$20=1,K3028*Input!$C$20,0)+IF(Input!$D$21=1,L3028*Input!$C$21,0)+IF(Input!$D$22=1,M3028*Input!$C$22,0)</f>
        <v>0.10716509813484544</v>
      </c>
      <c r="O3028" s="59">
        <f>IF(Input!$D$19=2,J3028*Input!$C$19,0)+IF(Input!$D$20=2,K3028*Input!$C$20,0)+IF(Input!$D$21=2,L3028*Input!$C$21,0)+IF(Input!$D$22=2,M3028*Input!$C$22,0)</f>
        <v>0.26791274533711357</v>
      </c>
      <c r="P3028" s="59">
        <f>IF(Input!$D$19=3,J3028*Input!$C$19,0)+IF(Input!$D$20=3,K3028*Input!$C$20,0)+IF(Input!$D$21=3,L3028*Input!$C$21,0)+IF(Input!$D$22=3,M3028*Input!$C$22,0)</f>
        <v>0</v>
      </c>
      <c r="Q3028" s="75">
        <f>IF(Input!$D$19=4,J3028*Input!$C$19,0)+IF(Input!$D$20=4,K3028*Input!$C$20,0)+IF(Input!$D$21=4,L3028*Input!$C$21,0)+IF(Input!$D$22=4,M3028*Input!$C$22,0)</f>
        <v>0</v>
      </c>
      <c r="R3028" s="58">
        <v>41.012703659390176</v>
      </c>
      <c r="S3028" s="124">
        <f t="shared" si="47"/>
        <v>0.46438209191766355</v>
      </c>
    </row>
    <row r="3029" spans="8:19" x14ac:dyDescent="0.3">
      <c r="H3029" s="44">
        <v>3022</v>
      </c>
      <c r="I3029" s="56">
        <f>Bühler!I3055</f>
        <v>9.3337343536800857E-2</v>
      </c>
      <c r="J3029" s="59">
        <f>Bühler!J3055</f>
        <v>0.31112447845600288</v>
      </c>
      <c r="K3029" s="59">
        <f>Bühler!K3055</f>
        <v>0.46668671768400433</v>
      </c>
      <c r="L3029" s="59">
        <f>Bühler!L3055</f>
        <v>5.6813538350544475</v>
      </c>
      <c r="M3029" s="58">
        <f>Bühler!M3055</f>
        <v>0</v>
      </c>
      <c r="N3029" s="56">
        <f>IF(Input!$D$19=1,J3029*Input!$C$19,0)+IF(Input!$D$20=1,K3029*Input!$C$20,0)+IF(Input!$D$21=1,L3029*Input!$C$21,0)+IF(Input!$D$22=1,M3029*Input!$C$22,0)</f>
        <v>9.3337343536800857E-2</v>
      </c>
      <c r="O3029" s="59">
        <f>IF(Input!$D$19=2,J3029*Input!$C$19,0)+IF(Input!$D$20=2,K3029*Input!$C$20,0)+IF(Input!$D$21=2,L3029*Input!$C$21,0)+IF(Input!$D$22=2,M3029*Input!$C$22,0)</f>
        <v>0.23334335884200216</v>
      </c>
      <c r="P3029" s="59">
        <f>IF(Input!$D$19=3,J3029*Input!$C$19,0)+IF(Input!$D$20=3,K3029*Input!$C$20,0)+IF(Input!$D$21=3,L3029*Input!$C$21,0)+IF(Input!$D$22=3,M3029*Input!$C$22,0)</f>
        <v>0</v>
      </c>
      <c r="Q3029" s="75">
        <f>IF(Input!$D$19=4,J3029*Input!$C$19,0)+IF(Input!$D$20=4,K3029*Input!$C$20,0)+IF(Input!$D$21=4,L3029*Input!$C$21,0)+IF(Input!$D$22=4,M3029*Input!$C$22,0)</f>
        <v>0</v>
      </c>
      <c r="R3029" s="58">
        <v>42.052160673431629</v>
      </c>
      <c r="S3029" s="124">
        <f t="shared" si="47"/>
        <v>0.40446182199280373</v>
      </c>
    </row>
    <row r="3030" spans="8:19" x14ac:dyDescent="0.3">
      <c r="H3030" s="44">
        <v>3023</v>
      </c>
      <c r="I3030" s="56">
        <f>Bühler!I3056</f>
        <v>9.3337343536800857E-2</v>
      </c>
      <c r="J3030" s="59">
        <f>Bühler!J3056</f>
        <v>0.31112447845600288</v>
      </c>
      <c r="K3030" s="59">
        <f>Bühler!K3056</f>
        <v>0.46668671768400433</v>
      </c>
      <c r="L3030" s="59">
        <f>Bühler!L3056</f>
        <v>5.6813538350544475</v>
      </c>
      <c r="M3030" s="58">
        <f>Bühler!M3056</f>
        <v>0</v>
      </c>
      <c r="N3030" s="56">
        <f>IF(Input!$D$19=1,J3030*Input!$C$19,0)+IF(Input!$D$20=1,K3030*Input!$C$20,0)+IF(Input!$D$21=1,L3030*Input!$C$21,0)+IF(Input!$D$22=1,M3030*Input!$C$22,0)</f>
        <v>9.3337343536800857E-2</v>
      </c>
      <c r="O3030" s="59">
        <f>IF(Input!$D$19=2,J3030*Input!$C$19,0)+IF(Input!$D$20=2,K3030*Input!$C$20,0)+IF(Input!$D$21=2,L3030*Input!$C$21,0)+IF(Input!$D$22=2,M3030*Input!$C$22,0)</f>
        <v>0.23334335884200216</v>
      </c>
      <c r="P3030" s="59">
        <f>IF(Input!$D$19=3,J3030*Input!$C$19,0)+IF(Input!$D$20=3,K3030*Input!$C$20,0)+IF(Input!$D$21=3,L3030*Input!$C$21,0)+IF(Input!$D$22=3,M3030*Input!$C$22,0)</f>
        <v>0</v>
      </c>
      <c r="Q3030" s="75">
        <f>IF(Input!$D$19=4,J3030*Input!$C$19,0)+IF(Input!$D$20=4,K3030*Input!$C$20,0)+IF(Input!$D$21=4,L3030*Input!$C$21,0)+IF(Input!$D$22=4,M3030*Input!$C$22,0)</f>
        <v>0</v>
      </c>
      <c r="R3030" s="58">
        <v>42.870517002601716</v>
      </c>
      <c r="S3030" s="124">
        <f t="shared" si="47"/>
        <v>0.40446182199280373</v>
      </c>
    </row>
    <row r="3031" spans="8:19" x14ac:dyDescent="0.3">
      <c r="H3031" s="44">
        <v>3024</v>
      </c>
      <c r="I3031" s="56">
        <f>Bühler!I3057</f>
        <v>9.3337343536800857E-2</v>
      </c>
      <c r="J3031" s="59">
        <f>Bühler!J3057</f>
        <v>0.31112447845600288</v>
      </c>
      <c r="K3031" s="59">
        <f>Bühler!K3057</f>
        <v>0.46668671768400433</v>
      </c>
      <c r="L3031" s="59">
        <f>Bühler!L3057</f>
        <v>5.6813538350544475</v>
      </c>
      <c r="M3031" s="58">
        <f>Bühler!M3057</f>
        <v>0</v>
      </c>
      <c r="N3031" s="56">
        <f>IF(Input!$D$19=1,J3031*Input!$C$19,0)+IF(Input!$D$20=1,K3031*Input!$C$20,0)+IF(Input!$D$21=1,L3031*Input!$C$21,0)+IF(Input!$D$22=1,M3031*Input!$C$22,0)</f>
        <v>9.3337343536800857E-2</v>
      </c>
      <c r="O3031" s="59">
        <f>IF(Input!$D$19=2,J3031*Input!$C$19,0)+IF(Input!$D$20=2,K3031*Input!$C$20,0)+IF(Input!$D$21=2,L3031*Input!$C$21,0)+IF(Input!$D$22=2,M3031*Input!$C$22,0)</f>
        <v>0.23334335884200216</v>
      </c>
      <c r="P3031" s="59">
        <f>IF(Input!$D$19=3,J3031*Input!$C$19,0)+IF(Input!$D$20=3,K3031*Input!$C$20,0)+IF(Input!$D$21=3,L3031*Input!$C$21,0)+IF(Input!$D$22=3,M3031*Input!$C$22,0)</f>
        <v>0</v>
      </c>
      <c r="Q3031" s="75">
        <f>IF(Input!$D$19=4,J3031*Input!$C$19,0)+IF(Input!$D$20=4,K3031*Input!$C$20,0)+IF(Input!$D$21=4,L3031*Input!$C$21,0)+IF(Input!$D$22=4,M3031*Input!$C$22,0)</f>
        <v>0</v>
      </c>
      <c r="R3031" s="58">
        <v>43.210204976169017</v>
      </c>
      <c r="S3031" s="124">
        <f t="shared" si="47"/>
        <v>0.40446182199280373</v>
      </c>
    </row>
    <row r="3032" spans="8:19" x14ac:dyDescent="0.3">
      <c r="H3032" s="44">
        <v>3025</v>
      </c>
      <c r="I3032" s="56">
        <f>Bühler!I3058</f>
        <v>7.4096425099015456E-2</v>
      </c>
      <c r="J3032" s="59">
        <f>Bühler!J3058</f>
        <v>0.24698808366338487</v>
      </c>
      <c r="K3032" s="59">
        <f>Bühler!K3058</f>
        <v>0.37048212549507731</v>
      </c>
      <c r="L3032" s="59">
        <f>Bühler!L3058</f>
        <v>1.7783142023763709</v>
      </c>
      <c r="M3032" s="58">
        <f>Bühler!M3058</f>
        <v>0</v>
      </c>
      <c r="N3032" s="56">
        <f>IF(Input!$D$19=1,J3032*Input!$C$19,0)+IF(Input!$D$20=1,K3032*Input!$C$20,0)+IF(Input!$D$21=1,L3032*Input!$C$21,0)+IF(Input!$D$22=1,M3032*Input!$C$22,0)</f>
        <v>7.4096425099015456E-2</v>
      </c>
      <c r="O3032" s="59">
        <f>IF(Input!$D$19=2,J3032*Input!$C$19,0)+IF(Input!$D$20=2,K3032*Input!$C$20,0)+IF(Input!$D$21=2,L3032*Input!$C$21,0)+IF(Input!$D$22=2,M3032*Input!$C$22,0)</f>
        <v>0.18524106274753865</v>
      </c>
      <c r="P3032" s="59">
        <f>IF(Input!$D$19=3,J3032*Input!$C$19,0)+IF(Input!$D$20=3,K3032*Input!$C$20,0)+IF(Input!$D$21=3,L3032*Input!$C$21,0)+IF(Input!$D$22=3,M3032*Input!$C$22,0)</f>
        <v>0</v>
      </c>
      <c r="Q3032" s="75">
        <f>IF(Input!$D$19=4,J3032*Input!$C$19,0)+IF(Input!$D$20=4,K3032*Input!$C$20,0)+IF(Input!$D$21=4,L3032*Input!$C$21,0)+IF(Input!$D$22=4,M3032*Input!$C$22,0)</f>
        <v>0</v>
      </c>
      <c r="R3032" s="58">
        <v>45.133617418711211</v>
      </c>
      <c r="S3032" s="124">
        <f t="shared" si="47"/>
        <v>0.32108450876240036</v>
      </c>
    </row>
    <row r="3033" spans="8:19" x14ac:dyDescent="0.3">
      <c r="H3033" s="44">
        <v>3026</v>
      </c>
      <c r="I3033" s="56">
        <f>Bühler!I3059</f>
        <v>7.4096425099015456E-2</v>
      </c>
      <c r="J3033" s="59">
        <f>Bühler!J3059</f>
        <v>0.24698808366338487</v>
      </c>
      <c r="K3033" s="59">
        <f>Bühler!K3059</f>
        <v>0.37048212549507731</v>
      </c>
      <c r="L3033" s="59">
        <f>Bühler!L3059</f>
        <v>1.7783142023763709</v>
      </c>
      <c r="M3033" s="58">
        <f>Bühler!M3059</f>
        <v>0</v>
      </c>
      <c r="N3033" s="56">
        <f>IF(Input!$D$19=1,J3033*Input!$C$19,0)+IF(Input!$D$20=1,K3033*Input!$C$20,0)+IF(Input!$D$21=1,L3033*Input!$C$21,0)+IF(Input!$D$22=1,M3033*Input!$C$22,0)</f>
        <v>7.4096425099015456E-2</v>
      </c>
      <c r="O3033" s="59">
        <f>IF(Input!$D$19=2,J3033*Input!$C$19,0)+IF(Input!$D$20=2,K3033*Input!$C$20,0)+IF(Input!$D$21=2,L3033*Input!$C$21,0)+IF(Input!$D$22=2,M3033*Input!$C$22,0)</f>
        <v>0.18524106274753865</v>
      </c>
      <c r="P3033" s="59">
        <f>IF(Input!$D$19=3,J3033*Input!$C$19,0)+IF(Input!$D$20=3,K3033*Input!$C$20,0)+IF(Input!$D$21=3,L3033*Input!$C$21,0)+IF(Input!$D$22=3,M3033*Input!$C$22,0)</f>
        <v>0</v>
      </c>
      <c r="Q3033" s="75">
        <f>IF(Input!$D$19=4,J3033*Input!$C$19,0)+IF(Input!$D$20=4,K3033*Input!$C$20,0)+IF(Input!$D$21=4,L3033*Input!$C$21,0)+IF(Input!$D$22=4,M3033*Input!$C$22,0)</f>
        <v>0</v>
      </c>
      <c r="R3033" s="58">
        <v>45.813369930065576</v>
      </c>
      <c r="S3033" s="124">
        <f t="shared" si="47"/>
        <v>0.32108450876240036</v>
      </c>
    </row>
    <row r="3034" spans="8:19" x14ac:dyDescent="0.3">
      <c r="H3034" s="44">
        <v>3027</v>
      </c>
      <c r="I3034" s="56">
        <f>Bühler!I3060</f>
        <v>7.4096425099015456E-2</v>
      </c>
      <c r="J3034" s="59">
        <f>Bühler!J3060</f>
        <v>0.24698808366338487</v>
      </c>
      <c r="K3034" s="59">
        <f>Bühler!K3060</f>
        <v>0.37048212549507731</v>
      </c>
      <c r="L3034" s="59">
        <f>Bühler!L3060</f>
        <v>1.7783142023763709</v>
      </c>
      <c r="M3034" s="58">
        <f>Bühler!M3060</f>
        <v>0</v>
      </c>
      <c r="N3034" s="56">
        <f>IF(Input!$D$19=1,J3034*Input!$C$19,0)+IF(Input!$D$20=1,K3034*Input!$C$20,0)+IF(Input!$D$21=1,L3034*Input!$C$21,0)+IF(Input!$D$22=1,M3034*Input!$C$22,0)</f>
        <v>7.4096425099015456E-2</v>
      </c>
      <c r="O3034" s="59">
        <f>IF(Input!$D$19=2,J3034*Input!$C$19,0)+IF(Input!$D$20=2,K3034*Input!$C$20,0)+IF(Input!$D$21=2,L3034*Input!$C$21,0)+IF(Input!$D$22=2,M3034*Input!$C$22,0)</f>
        <v>0.18524106274753865</v>
      </c>
      <c r="P3034" s="59">
        <f>IF(Input!$D$19=3,J3034*Input!$C$19,0)+IF(Input!$D$20=3,K3034*Input!$C$20,0)+IF(Input!$D$21=3,L3034*Input!$C$21,0)+IF(Input!$D$22=3,M3034*Input!$C$22,0)</f>
        <v>0</v>
      </c>
      <c r="Q3034" s="75">
        <f>IF(Input!$D$19=4,J3034*Input!$C$19,0)+IF(Input!$D$20=4,K3034*Input!$C$20,0)+IF(Input!$D$21=4,L3034*Input!$C$21,0)+IF(Input!$D$22=4,M3034*Input!$C$22,0)</f>
        <v>0</v>
      </c>
      <c r="R3034" s="58">
        <v>46.601937948435172</v>
      </c>
      <c r="S3034" s="124">
        <f t="shared" si="47"/>
        <v>0.32108450876240036</v>
      </c>
    </row>
    <row r="3035" spans="8:19" x14ac:dyDescent="0.3">
      <c r="H3035" s="44">
        <v>3028</v>
      </c>
      <c r="I3035" s="56">
        <f>Bühler!I3061</f>
        <v>7.4096425099015456E-2</v>
      </c>
      <c r="J3035" s="59">
        <f>Bühler!J3061</f>
        <v>0.24698808366338487</v>
      </c>
      <c r="K3035" s="59">
        <f>Bühler!K3061</f>
        <v>0.37048212549507731</v>
      </c>
      <c r="L3035" s="59">
        <f>Bühler!L3061</f>
        <v>1.7783142023763709</v>
      </c>
      <c r="M3035" s="58">
        <f>Bühler!M3061</f>
        <v>0</v>
      </c>
      <c r="N3035" s="56">
        <f>IF(Input!$D$19=1,J3035*Input!$C$19,0)+IF(Input!$D$20=1,K3035*Input!$C$20,0)+IF(Input!$D$21=1,L3035*Input!$C$21,0)+IF(Input!$D$22=1,M3035*Input!$C$22,0)</f>
        <v>7.4096425099015456E-2</v>
      </c>
      <c r="O3035" s="59">
        <f>IF(Input!$D$19=2,J3035*Input!$C$19,0)+IF(Input!$D$20=2,K3035*Input!$C$20,0)+IF(Input!$D$21=2,L3035*Input!$C$21,0)+IF(Input!$D$22=2,M3035*Input!$C$22,0)</f>
        <v>0.18524106274753865</v>
      </c>
      <c r="P3035" s="59">
        <f>IF(Input!$D$19=3,J3035*Input!$C$19,0)+IF(Input!$D$20=3,K3035*Input!$C$20,0)+IF(Input!$D$21=3,L3035*Input!$C$21,0)+IF(Input!$D$22=3,M3035*Input!$C$22,0)</f>
        <v>0</v>
      </c>
      <c r="Q3035" s="75">
        <f>IF(Input!$D$19=4,J3035*Input!$C$19,0)+IF(Input!$D$20=4,K3035*Input!$C$20,0)+IF(Input!$D$21=4,L3035*Input!$C$21,0)+IF(Input!$D$22=4,M3035*Input!$C$22,0)</f>
        <v>0</v>
      </c>
      <c r="R3035" s="58">
        <v>47.994423732165352</v>
      </c>
      <c r="S3035" s="124">
        <f t="shared" si="47"/>
        <v>0.32108450876240036</v>
      </c>
    </row>
    <row r="3036" spans="8:19" x14ac:dyDescent="0.3">
      <c r="H3036" s="44">
        <v>3029</v>
      </c>
      <c r="I3036" s="56">
        <f>Bühler!I3062</f>
        <v>7.4096425099015456E-2</v>
      </c>
      <c r="J3036" s="59">
        <f>Bühler!J3062</f>
        <v>0.24698808366338487</v>
      </c>
      <c r="K3036" s="59">
        <f>Bühler!K3062</f>
        <v>0.37048212549507731</v>
      </c>
      <c r="L3036" s="59">
        <f>Bühler!L3062</f>
        <v>1.7783142023763709</v>
      </c>
      <c r="M3036" s="58">
        <f>Bühler!M3062</f>
        <v>0</v>
      </c>
      <c r="N3036" s="56">
        <f>IF(Input!$D$19=1,J3036*Input!$C$19,0)+IF(Input!$D$20=1,K3036*Input!$C$20,0)+IF(Input!$D$21=1,L3036*Input!$C$21,0)+IF(Input!$D$22=1,M3036*Input!$C$22,0)</f>
        <v>7.4096425099015456E-2</v>
      </c>
      <c r="O3036" s="59">
        <f>IF(Input!$D$19=2,J3036*Input!$C$19,0)+IF(Input!$D$20=2,K3036*Input!$C$20,0)+IF(Input!$D$21=2,L3036*Input!$C$21,0)+IF(Input!$D$22=2,M3036*Input!$C$22,0)</f>
        <v>0.18524106274753865</v>
      </c>
      <c r="P3036" s="59">
        <f>IF(Input!$D$19=3,J3036*Input!$C$19,0)+IF(Input!$D$20=3,K3036*Input!$C$20,0)+IF(Input!$D$21=3,L3036*Input!$C$21,0)+IF(Input!$D$22=3,M3036*Input!$C$22,0)</f>
        <v>0</v>
      </c>
      <c r="Q3036" s="75">
        <f>IF(Input!$D$19=4,J3036*Input!$C$19,0)+IF(Input!$D$20=4,K3036*Input!$C$20,0)+IF(Input!$D$21=4,L3036*Input!$C$21,0)+IF(Input!$D$22=4,M3036*Input!$C$22,0)</f>
        <v>0</v>
      </c>
      <c r="R3036" s="58">
        <v>51.216211089047164</v>
      </c>
      <c r="S3036" s="124">
        <f t="shared" si="47"/>
        <v>0.32108450876240036</v>
      </c>
    </row>
    <row r="3037" spans="8:19" x14ac:dyDescent="0.3">
      <c r="H3037" s="44">
        <v>3030</v>
      </c>
      <c r="I3037" s="56">
        <f>Bühler!I3063</f>
        <v>0.32108450876240036</v>
      </c>
      <c r="J3037" s="59">
        <f>Bühler!J3063</f>
        <v>1.0702816958746679</v>
      </c>
      <c r="K3037" s="59">
        <f>Bühler!K3063</f>
        <v>1.6054225438120018</v>
      </c>
      <c r="L3037" s="59">
        <f>Bühler!L3063</f>
        <v>7.7060282102976085</v>
      </c>
      <c r="M3037" s="58">
        <f>Bühler!M3063</f>
        <v>0</v>
      </c>
      <c r="N3037" s="56">
        <f>IF(Input!$D$19=1,J3037*Input!$C$19,0)+IF(Input!$D$20=1,K3037*Input!$C$20,0)+IF(Input!$D$21=1,L3037*Input!$C$21,0)+IF(Input!$D$22=1,M3037*Input!$C$22,0)</f>
        <v>0.32108450876240036</v>
      </c>
      <c r="O3037" s="59">
        <f>IF(Input!$D$19=2,J3037*Input!$C$19,0)+IF(Input!$D$20=2,K3037*Input!$C$20,0)+IF(Input!$D$21=2,L3037*Input!$C$21,0)+IF(Input!$D$22=2,M3037*Input!$C$22,0)</f>
        <v>0.80271127190600089</v>
      </c>
      <c r="P3037" s="59">
        <f>IF(Input!$D$19=3,J3037*Input!$C$19,0)+IF(Input!$D$20=3,K3037*Input!$C$20,0)+IF(Input!$D$21=3,L3037*Input!$C$21,0)+IF(Input!$D$22=3,M3037*Input!$C$22,0)</f>
        <v>0</v>
      </c>
      <c r="Q3037" s="75">
        <f>IF(Input!$D$19=4,J3037*Input!$C$19,0)+IF(Input!$D$20=4,K3037*Input!$C$20,0)+IF(Input!$D$21=4,L3037*Input!$C$21,0)+IF(Input!$D$22=4,M3037*Input!$C$22,0)</f>
        <v>0</v>
      </c>
      <c r="R3037" s="58">
        <v>56.729623224120317</v>
      </c>
      <c r="S3037" s="124">
        <f t="shared" si="47"/>
        <v>1.3913662046370683</v>
      </c>
    </row>
    <row r="3038" spans="8:19" x14ac:dyDescent="0.3">
      <c r="H3038" s="44">
        <v>3031</v>
      </c>
      <c r="I3038" s="56">
        <f>Bühler!I3064</f>
        <v>0.36430742340349276</v>
      </c>
      <c r="J3038" s="59">
        <f>Bühler!J3064</f>
        <v>1.2143580780116425</v>
      </c>
      <c r="K3038" s="59">
        <f>Bühler!K3064</f>
        <v>1.8215371170174637</v>
      </c>
      <c r="L3038" s="59">
        <f>Bühler!L3064</f>
        <v>8.7433781616838253</v>
      </c>
      <c r="M3038" s="58">
        <f>Bühler!M3064</f>
        <v>0</v>
      </c>
      <c r="N3038" s="56">
        <f>IF(Input!$D$19=1,J3038*Input!$C$19,0)+IF(Input!$D$20=1,K3038*Input!$C$20,0)+IF(Input!$D$21=1,L3038*Input!$C$21,0)+IF(Input!$D$22=1,M3038*Input!$C$22,0)</f>
        <v>0.36430742340349276</v>
      </c>
      <c r="O3038" s="59">
        <f>IF(Input!$D$19=2,J3038*Input!$C$19,0)+IF(Input!$D$20=2,K3038*Input!$C$20,0)+IF(Input!$D$21=2,L3038*Input!$C$21,0)+IF(Input!$D$22=2,M3038*Input!$C$22,0)</f>
        <v>0.91076855850873184</v>
      </c>
      <c r="P3038" s="59">
        <f>IF(Input!$D$19=3,J3038*Input!$C$19,0)+IF(Input!$D$20=3,K3038*Input!$C$20,0)+IF(Input!$D$21=3,L3038*Input!$C$21,0)+IF(Input!$D$22=3,M3038*Input!$C$22,0)</f>
        <v>0</v>
      </c>
      <c r="Q3038" s="75">
        <f>IF(Input!$D$19=4,J3038*Input!$C$19,0)+IF(Input!$D$20=4,K3038*Input!$C$20,0)+IF(Input!$D$21=4,L3038*Input!$C$21,0)+IF(Input!$D$22=4,M3038*Input!$C$22,0)</f>
        <v>0</v>
      </c>
      <c r="R3038" s="58">
        <v>61.752492942659494</v>
      </c>
      <c r="S3038" s="124">
        <f t="shared" si="47"/>
        <v>1.5786655014151352</v>
      </c>
    </row>
    <row r="3039" spans="8:19" x14ac:dyDescent="0.3">
      <c r="H3039" s="44">
        <v>3032</v>
      </c>
      <c r="I3039" s="56">
        <f>Bühler!I3065</f>
        <v>0.36430742340349276</v>
      </c>
      <c r="J3039" s="59">
        <f>Bühler!J3065</f>
        <v>1.2143580780116425</v>
      </c>
      <c r="K3039" s="59">
        <f>Bühler!K3065</f>
        <v>1.8215371170174637</v>
      </c>
      <c r="L3039" s="59">
        <f>Bühler!L3065</f>
        <v>8.7433781616838253</v>
      </c>
      <c r="M3039" s="58">
        <f>Bühler!M3065</f>
        <v>0</v>
      </c>
      <c r="N3039" s="56">
        <f>IF(Input!$D$19=1,J3039*Input!$C$19,0)+IF(Input!$D$20=1,K3039*Input!$C$20,0)+IF(Input!$D$21=1,L3039*Input!$C$21,0)+IF(Input!$D$22=1,M3039*Input!$C$22,0)</f>
        <v>0.36430742340349276</v>
      </c>
      <c r="O3039" s="59">
        <f>IF(Input!$D$19=2,J3039*Input!$C$19,0)+IF(Input!$D$20=2,K3039*Input!$C$20,0)+IF(Input!$D$21=2,L3039*Input!$C$21,0)+IF(Input!$D$22=2,M3039*Input!$C$22,0)</f>
        <v>0.91076855850873184</v>
      </c>
      <c r="P3039" s="59">
        <f>IF(Input!$D$19=3,J3039*Input!$C$19,0)+IF(Input!$D$20=3,K3039*Input!$C$20,0)+IF(Input!$D$21=3,L3039*Input!$C$21,0)+IF(Input!$D$22=3,M3039*Input!$C$22,0)</f>
        <v>0</v>
      </c>
      <c r="Q3039" s="75">
        <f>IF(Input!$D$19=4,J3039*Input!$C$19,0)+IF(Input!$D$20=4,K3039*Input!$C$20,0)+IF(Input!$D$21=4,L3039*Input!$C$21,0)+IF(Input!$D$22=4,M3039*Input!$C$22,0)</f>
        <v>0</v>
      </c>
      <c r="R3039" s="58">
        <v>64.610120653194045</v>
      </c>
      <c r="S3039" s="124">
        <f t="shared" si="47"/>
        <v>1.5786655014151352</v>
      </c>
    </row>
    <row r="3040" spans="8:19" x14ac:dyDescent="0.3">
      <c r="H3040" s="44">
        <v>3033</v>
      </c>
      <c r="I3040" s="56">
        <f>Bühler!I3066</f>
        <v>0.36430742340349276</v>
      </c>
      <c r="J3040" s="59">
        <f>Bühler!J3066</f>
        <v>1.2143580780116425</v>
      </c>
      <c r="K3040" s="59">
        <f>Bühler!K3066</f>
        <v>1.8215371170174637</v>
      </c>
      <c r="L3040" s="59">
        <f>Bühler!L3066</f>
        <v>8.7433781616838253</v>
      </c>
      <c r="M3040" s="58">
        <f>Bühler!M3066</f>
        <v>0</v>
      </c>
      <c r="N3040" s="56">
        <f>IF(Input!$D$19=1,J3040*Input!$C$19,0)+IF(Input!$D$20=1,K3040*Input!$C$20,0)+IF(Input!$D$21=1,L3040*Input!$C$21,0)+IF(Input!$D$22=1,M3040*Input!$C$22,0)</f>
        <v>0.36430742340349276</v>
      </c>
      <c r="O3040" s="59">
        <f>IF(Input!$D$19=2,J3040*Input!$C$19,0)+IF(Input!$D$20=2,K3040*Input!$C$20,0)+IF(Input!$D$21=2,L3040*Input!$C$21,0)+IF(Input!$D$22=2,M3040*Input!$C$22,0)</f>
        <v>0.91076855850873184</v>
      </c>
      <c r="P3040" s="59">
        <f>IF(Input!$D$19=3,J3040*Input!$C$19,0)+IF(Input!$D$20=3,K3040*Input!$C$20,0)+IF(Input!$D$21=3,L3040*Input!$C$21,0)+IF(Input!$D$22=3,M3040*Input!$C$22,0)</f>
        <v>0</v>
      </c>
      <c r="Q3040" s="75">
        <f>IF(Input!$D$19=4,J3040*Input!$C$19,0)+IF(Input!$D$20=4,K3040*Input!$C$20,0)+IF(Input!$D$21=4,L3040*Input!$C$21,0)+IF(Input!$D$22=4,M3040*Input!$C$22,0)</f>
        <v>0</v>
      </c>
      <c r="R3040" s="58">
        <v>66.436479086390719</v>
      </c>
      <c r="S3040" s="124">
        <f t="shared" si="47"/>
        <v>1.5786655014151352</v>
      </c>
    </row>
    <row r="3041" spans="8:19" x14ac:dyDescent="0.3">
      <c r="H3041" s="44">
        <v>3034</v>
      </c>
      <c r="I3041" s="56">
        <f>Bühler!I3067</f>
        <v>0.38900623176983123</v>
      </c>
      <c r="J3041" s="59">
        <f>Bühler!J3067</f>
        <v>1.296687439232771</v>
      </c>
      <c r="K3041" s="59">
        <f>Bühler!K3067</f>
        <v>1.9450311588491562</v>
      </c>
      <c r="L3041" s="59">
        <f>Bühler!L3067</f>
        <v>9.3361495624759492</v>
      </c>
      <c r="M3041" s="58">
        <f>Bühler!M3067</f>
        <v>0</v>
      </c>
      <c r="N3041" s="56">
        <f>IF(Input!$D$19=1,J3041*Input!$C$19,0)+IF(Input!$D$20=1,K3041*Input!$C$20,0)+IF(Input!$D$21=1,L3041*Input!$C$21,0)+IF(Input!$D$22=1,M3041*Input!$C$22,0)</f>
        <v>0.38900623176983129</v>
      </c>
      <c r="O3041" s="59">
        <f>IF(Input!$D$19=2,J3041*Input!$C$19,0)+IF(Input!$D$20=2,K3041*Input!$C$20,0)+IF(Input!$D$21=2,L3041*Input!$C$21,0)+IF(Input!$D$22=2,M3041*Input!$C$22,0)</f>
        <v>0.97251557942457811</v>
      </c>
      <c r="P3041" s="59">
        <f>IF(Input!$D$19=3,J3041*Input!$C$19,0)+IF(Input!$D$20=3,K3041*Input!$C$20,0)+IF(Input!$D$21=3,L3041*Input!$C$21,0)+IF(Input!$D$22=3,M3041*Input!$C$22,0)</f>
        <v>0</v>
      </c>
      <c r="Q3041" s="75">
        <f>IF(Input!$D$19=4,J3041*Input!$C$19,0)+IF(Input!$D$20=4,K3041*Input!$C$20,0)+IF(Input!$D$21=4,L3041*Input!$C$21,0)+IF(Input!$D$22=4,M3041*Input!$C$22,0)</f>
        <v>0</v>
      </c>
      <c r="R3041" s="58">
        <v>67.599369179674298</v>
      </c>
      <c r="S3041" s="124">
        <f t="shared" si="47"/>
        <v>1.6856936710026023</v>
      </c>
    </row>
    <row r="3042" spans="8:19" x14ac:dyDescent="0.3">
      <c r="H3042" s="44">
        <v>3035</v>
      </c>
      <c r="I3042" s="56">
        <f>Bühler!I3068</f>
        <v>0.38900623176983123</v>
      </c>
      <c r="J3042" s="59">
        <f>Bühler!J3068</f>
        <v>1.296687439232771</v>
      </c>
      <c r="K3042" s="59">
        <f>Bühler!K3068</f>
        <v>1.9450311588491562</v>
      </c>
      <c r="L3042" s="59">
        <f>Bühler!L3068</f>
        <v>9.3361495624759492</v>
      </c>
      <c r="M3042" s="58">
        <f>Bühler!M3068</f>
        <v>0</v>
      </c>
      <c r="N3042" s="56">
        <f>IF(Input!$D$19=1,J3042*Input!$C$19,0)+IF(Input!$D$20=1,K3042*Input!$C$20,0)+IF(Input!$D$21=1,L3042*Input!$C$21,0)+IF(Input!$D$22=1,M3042*Input!$C$22,0)</f>
        <v>0.38900623176983129</v>
      </c>
      <c r="O3042" s="59">
        <f>IF(Input!$D$19=2,J3042*Input!$C$19,0)+IF(Input!$D$20=2,K3042*Input!$C$20,0)+IF(Input!$D$21=2,L3042*Input!$C$21,0)+IF(Input!$D$22=2,M3042*Input!$C$22,0)</f>
        <v>0.97251557942457811</v>
      </c>
      <c r="P3042" s="59">
        <f>IF(Input!$D$19=3,J3042*Input!$C$19,0)+IF(Input!$D$20=3,K3042*Input!$C$20,0)+IF(Input!$D$21=3,L3042*Input!$C$21,0)+IF(Input!$D$22=3,M3042*Input!$C$22,0)</f>
        <v>0</v>
      </c>
      <c r="Q3042" s="75">
        <f>IF(Input!$D$19=4,J3042*Input!$C$19,0)+IF(Input!$D$20=4,K3042*Input!$C$20,0)+IF(Input!$D$21=4,L3042*Input!$C$21,0)+IF(Input!$D$22=4,M3042*Input!$C$22,0)</f>
        <v>0</v>
      </c>
      <c r="R3042" s="58">
        <v>67.938512715009836</v>
      </c>
      <c r="S3042" s="124">
        <f t="shared" si="47"/>
        <v>1.6856936710026023</v>
      </c>
    </row>
    <row r="3043" spans="8:19" x14ac:dyDescent="0.3">
      <c r="H3043" s="44">
        <v>3036</v>
      </c>
      <c r="I3043" s="56">
        <f>Bühler!I3069</f>
        <v>0.4939761673267698</v>
      </c>
      <c r="J3043" s="59">
        <f>Bühler!J3069</f>
        <v>1.6465872244225661</v>
      </c>
      <c r="K3043" s="59">
        <f>Bühler!K3069</f>
        <v>2.4698808366338492</v>
      </c>
      <c r="L3043" s="59">
        <f>Bühler!L3069</f>
        <v>11.855428015842476</v>
      </c>
      <c r="M3043" s="58">
        <f>Bühler!M3069</f>
        <v>0</v>
      </c>
      <c r="N3043" s="56">
        <f>IF(Input!$D$19=1,J3043*Input!$C$19,0)+IF(Input!$D$20=1,K3043*Input!$C$20,0)+IF(Input!$D$21=1,L3043*Input!$C$21,0)+IF(Input!$D$22=1,M3043*Input!$C$22,0)</f>
        <v>0.4939761673267698</v>
      </c>
      <c r="O3043" s="59">
        <f>IF(Input!$D$19=2,J3043*Input!$C$19,0)+IF(Input!$D$20=2,K3043*Input!$C$20,0)+IF(Input!$D$21=2,L3043*Input!$C$21,0)+IF(Input!$D$22=2,M3043*Input!$C$22,0)</f>
        <v>1.2349404183169246</v>
      </c>
      <c r="P3043" s="59">
        <f>IF(Input!$D$19=3,J3043*Input!$C$19,0)+IF(Input!$D$20=3,K3043*Input!$C$20,0)+IF(Input!$D$21=3,L3043*Input!$C$21,0)+IF(Input!$D$22=3,M3043*Input!$C$22,0)</f>
        <v>0</v>
      </c>
      <c r="Q3043" s="75">
        <f>IF(Input!$D$19=4,J3043*Input!$C$19,0)+IF(Input!$D$20=4,K3043*Input!$C$20,0)+IF(Input!$D$21=4,L3043*Input!$C$21,0)+IF(Input!$D$22=4,M3043*Input!$C$22,0)</f>
        <v>0</v>
      </c>
      <c r="R3043" s="58">
        <v>68.84695395779805</v>
      </c>
      <c r="S3043" s="124">
        <f t="shared" si="47"/>
        <v>2.1405633917493359</v>
      </c>
    </row>
    <row r="3044" spans="8:19" x14ac:dyDescent="0.3">
      <c r="H3044" s="44">
        <v>3037</v>
      </c>
      <c r="I3044" s="56">
        <f>Bühler!I3070</f>
        <v>0.4939761673267698</v>
      </c>
      <c r="J3044" s="59">
        <f>Bühler!J3070</f>
        <v>1.6465872244225661</v>
      </c>
      <c r="K3044" s="59">
        <f>Bühler!K3070</f>
        <v>2.4698808366338492</v>
      </c>
      <c r="L3044" s="59">
        <f>Bühler!L3070</f>
        <v>11.855428015842476</v>
      </c>
      <c r="M3044" s="58">
        <f>Bühler!M3070</f>
        <v>0</v>
      </c>
      <c r="N3044" s="56">
        <f>IF(Input!$D$19=1,J3044*Input!$C$19,0)+IF(Input!$D$20=1,K3044*Input!$C$20,0)+IF(Input!$D$21=1,L3044*Input!$C$21,0)+IF(Input!$D$22=1,M3044*Input!$C$22,0)</f>
        <v>0.4939761673267698</v>
      </c>
      <c r="O3044" s="59">
        <f>IF(Input!$D$19=2,J3044*Input!$C$19,0)+IF(Input!$D$20=2,K3044*Input!$C$20,0)+IF(Input!$D$21=2,L3044*Input!$C$21,0)+IF(Input!$D$22=2,M3044*Input!$C$22,0)</f>
        <v>1.2349404183169246</v>
      </c>
      <c r="P3044" s="59">
        <f>IF(Input!$D$19=3,J3044*Input!$C$19,0)+IF(Input!$D$20=3,K3044*Input!$C$20,0)+IF(Input!$D$21=3,L3044*Input!$C$21,0)+IF(Input!$D$22=3,M3044*Input!$C$22,0)</f>
        <v>0</v>
      </c>
      <c r="Q3044" s="75">
        <f>IF(Input!$D$19=4,J3044*Input!$C$19,0)+IF(Input!$D$20=4,K3044*Input!$C$20,0)+IF(Input!$D$21=4,L3044*Input!$C$21,0)+IF(Input!$D$22=4,M3044*Input!$C$22,0)</f>
        <v>0</v>
      </c>
      <c r="R3044" s="58">
        <v>68.42933639259445</v>
      </c>
      <c r="S3044" s="124">
        <f t="shared" si="47"/>
        <v>2.1405633917493359</v>
      </c>
    </row>
    <row r="3045" spans="8:19" x14ac:dyDescent="0.3">
      <c r="H3045" s="44">
        <v>3038</v>
      </c>
      <c r="I3045" s="56">
        <f>Bühler!I3071</f>
        <v>0.32725921085398496</v>
      </c>
      <c r="J3045" s="59">
        <f>Bühler!J3071</f>
        <v>1.09086403617995</v>
      </c>
      <c r="K3045" s="59">
        <f>Bühler!K3071</f>
        <v>1.6362960542699247</v>
      </c>
      <c r="L3045" s="59">
        <f>Bühler!L3071</f>
        <v>7.8542210604956386</v>
      </c>
      <c r="M3045" s="58">
        <f>Bühler!M3071</f>
        <v>0</v>
      </c>
      <c r="N3045" s="56">
        <f>IF(Input!$D$19=1,J3045*Input!$C$19,0)+IF(Input!$D$20=1,K3045*Input!$C$20,0)+IF(Input!$D$21=1,L3045*Input!$C$21,0)+IF(Input!$D$22=1,M3045*Input!$C$22,0)</f>
        <v>0.32725921085398496</v>
      </c>
      <c r="O3045" s="59">
        <f>IF(Input!$D$19=2,J3045*Input!$C$19,0)+IF(Input!$D$20=2,K3045*Input!$C$20,0)+IF(Input!$D$21=2,L3045*Input!$C$21,0)+IF(Input!$D$22=2,M3045*Input!$C$22,0)</f>
        <v>0.81814802713496237</v>
      </c>
      <c r="P3045" s="59">
        <f>IF(Input!$D$19=3,J3045*Input!$C$19,0)+IF(Input!$D$20=3,K3045*Input!$C$20,0)+IF(Input!$D$21=3,L3045*Input!$C$21,0)+IF(Input!$D$22=3,M3045*Input!$C$22,0)</f>
        <v>0</v>
      </c>
      <c r="Q3045" s="75">
        <f>IF(Input!$D$19=4,J3045*Input!$C$19,0)+IF(Input!$D$20=4,K3045*Input!$C$20,0)+IF(Input!$D$21=4,L3045*Input!$C$21,0)+IF(Input!$D$22=4,M3045*Input!$C$22,0)</f>
        <v>0</v>
      </c>
      <c r="R3045" s="58">
        <v>68.522282441115038</v>
      </c>
      <c r="S3045" s="124">
        <f t="shared" si="47"/>
        <v>1.4181232470339349</v>
      </c>
    </row>
    <row r="3046" spans="8:19" x14ac:dyDescent="0.3">
      <c r="H3046" s="44">
        <v>3039</v>
      </c>
      <c r="I3046" s="56">
        <f>Bühler!I3072</f>
        <v>0.4939761673267698</v>
      </c>
      <c r="J3046" s="59">
        <f>Bühler!J3072</f>
        <v>1.6465872244225661</v>
      </c>
      <c r="K3046" s="59">
        <f>Bühler!K3072</f>
        <v>2.4698808366338492</v>
      </c>
      <c r="L3046" s="59">
        <f>Bühler!L3072</f>
        <v>11.855428015842476</v>
      </c>
      <c r="M3046" s="58">
        <f>Bühler!M3072</f>
        <v>0</v>
      </c>
      <c r="N3046" s="56">
        <f>IF(Input!$D$19=1,J3046*Input!$C$19,0)+IF(Input!$D$20=1,K3046*Input!$C$20,0)+IF(Input!$D$21=1,L3046*Input!$C$21,0)+IF(Input!$D$22=1,M3046*Input!$C$22,0)</f>
        <v>0.4939761673267698</v>
      </c>
      <c r="O3046" s="59">
        <f>IF(Input!$D$19=2,J3046*Input!$C$19,0)+IF(Input!$D$20=2,K3046*Input!$C$20,0)+IF(Input!$D$21=2,L3046*Input!$C$21,0)+IF(Input!$D$22=2,M3046*Input!$C$22,0)</f>
        <v>1.2349404183169246</v>
      </c>
      <c r="P3046" s="59">
        <f>IF(Input!$D$19=3,J3046*Input!$C$19,0)+IF(Input!$D$20=3,K3046*Input!$C$20,0)+IF(Input!$D$21=3,L3046*Input!$C$21,0)+IF(Input!$D$22=3,M3046*Input!$C$22,0)</f>
        <v>0</v>
      </c>
      <c r="Q3046" s="75">
        <f>IF(Input!$D$19=4,J3046*Input!$C$19,0)+IF(Input!$D$20=4,K3046*Input!$C$20,0)+IF(Input!$D$21=4,L3046*Input!$C$21,0)+IF(Input!$D$22=4,M3046*Input!$C$22,0)</f>
        <v>0</v>
      </c>
      <c r="R3046" s="58">
        <v>69.188822371375025</v>
      </c>
      <c r="S3046" s="124">
        <f t="shared" si="47"/>
        <v>2.1405633917493359</v>
      </c>
    </row>
    <row r="3047" spans="8:19" x14ac:dyDescent="0.3">
      <c r="H3047" s="44">
        <v>3040</v>
      </c>
      <c r="I3047" s="56">
        <f>Bühler!I3073</f>
        <v>0.4939761673267698</v>
      </c>
      <c r="J3047" s="59">
        <f>Bühler!J3073</f>
        <v>1.6465872244225661</v>
      </c>
      <c r="K3047" s="59">
        <f>Bühler!K3073</f>
        <v>2.4698808366338492</v>
      </c>
      <c r="L3047" s="59">
        <f>Bühler!L3073</f>
        <v>11.855428015842476</v>
      </c>
      <c r="M3047" s="58">
        <f>Bühler!M3073</f>
        <v>0</v>
      </c>
      <c r="N3047" s="56">
        <f>IF(Input!$D$19=1,J3047*Input!$C$19,0)+IF(Input!$D$20=1,K3047*Input!$C$20,0)+IF(Input!$D$21=1,L3047*Input!$C$21,0)+IF(Input!$D$22=1,M3047*Input!$C$22,0)</f>
        <v>0.4939761673267698</v>
      </c>
      <c r="O3047" s="59">
        <f>IF(Input!$D$19=2,J3047*Input!$C$19,0)+IF(Input!$D$20=2,K3047*Input!$C$20,0)+IF(Input!$D$21=2,L3047*Input!$C$21,0)+IF(Input!$D$22=2,M3047*Input!$C$22,0)</f>
        <v>1.2349404183169246</v>
      </c>
      <c r="P3047" s="59">
        <f>IF(Input!$D$19=3,J3047*Input!$C$19,0)+IF(Input!$D$20=3,K3047*Input!$C$20,0)+IF(Input!$D$21=3,L3047*Input!$C$21,0)+IF(Input!$D$22=3,M3047*Input!$C$22,0)</f>
        <v>0</v>
      </c>
      <c r="Q3047" s="75">
        <f>IF(Input!$D$19=4,J3047*Input!$C$19,0)+IF(Input!$D$20=4,K3047*Input!$C$20,0)+IF(Input!$D$21=4,L3047*Input!$C$21,0)+IF(Input!$D$22=4,M3047*Input!$C$22,0)</f>
        <v>0</v>
      </c>
      <c r="R3047" s="58">
        <v>69.561011961876886</v>
      </c>
      <c r="S3047" s="124">
        <f t="shared" si="47"/>
        <v>2.1405633917493359</v>
      </c>
    </row>
    <row r="3048" spans="8:19" x14ac:dyDescent="0.3">
      <c r="H3048" s="44">
        <v>3041</v>
      </c>
      <c r="I3048" s="56">
        <f>Bühler!I3074</f>
        <v>0.4939761673267698</v>
      </c>
      <c r="J3048" s="59">
        <f>Bühler!J3074</f>
        <v>1.6465872244225661</v>
      </c>
      <c r="K3048" s="59">
        <f>Bühler!K3074</f>
        <v>2.4698808366338492</v>
      </c>
      <c r="L3048" s="59">
        <f>Bühler!L3074</f>
        <v>11.855428015842476</v>
      </c>
      <c r="M3048" s="58">
        <f>Bühler!M3074</f>
        <v>0</v>
      </c>
      <c r="N3048" s="56">
        <f>IF(Input!$D$19=1,J3048*Input!$C$19,0)+IF(Input!$D$20=1,K3048*Input!$C$20,0)+IF(Input!$D$21=1,L3048*Input!$C$21,0)+IF(Input!$D$22=1,M3048*Input!$C$22,0)</f>
        <v>0.4939761673267698</v>
      </c>
      <c r="O3048" s="59">
        <f>IF(Input!$D$19=2,J3048*Input!$C$19,0)+IF(Input!$D$20=2,K3048*Input!$C$20,0)+IF(Input!$D$21=2,L3048*Input!$C$21,0)+IF(Input!$D$22=2,M3048*Input!$C$22,0)</f>
        <v>1.2349404183169246</v>
      </c>
      <c r="P3048" s="59">
        <f>IF(Input!$D$19=3,J3048*Input!$C$19,0)+IF(Input!$D$20=3,K3048*Input!$C$20,0)+IF(Input!$D$21=3,L3048*Input!$C$21,0)+IF(Input!$D$22=3,M3048*Input!$C$22,0)</f>
        <v>0</v>
      </c>
      <c r="Q3048" s="75">
        <f>IF(Input!$D$19=4,J3048*Input!$C$19,0)+IF(Input!$D$20=4,K3048*Input!$C$20,0)+IF(Input!$D$21=4,L3048*Input!$C$21,0)+IF(Input!$D$22=4,M3048*Input!$C$22,0)</f>
        <v>0</v>
      </c>
      <c r="R3048" s="58">
        <v>68.482034455497981</v>
      </c>
      <c r="S3048" s="124">
        <f t="shared" si="47"/>
        <v>2.1405633917493359</v>
      </c>
    </row>
    <row r="3049" spans="8:19" x14ac:dyDescent="0.3">
      <c r="H3049" s="44">
        <v>3042</v>
      </c>
      <c r="I3049" s="56">
        <f>Bühler!I3075</f>
        <v>0.4939761673267698</v>
      </c>
      <c r="J3049" s="59">
        <f>Bühler!J3075</f>
        <v>1.6465872244225661</v>
      </c>
      <c r="K3049" s="59">
        <f>Bühler!K3075</f>
        <v>2.4698808366338492</v>
      </c>
      <c r="L3049" s="59">
        <f>Bühler!L3075</f>
        <v>11.855428015842476</v>
      </c>
      <c r="M3049" s="58">
        <f>Bühler!M3075</f>
        <v>0</v>
      </c>
      <c r="N3049" s="56">
        <f>IF(Input!$D$19=1,J3049*Input!$C$19,0)+IF(Input!$D$20=1,K3049*Input!$C$20,0)+IF(Input!$D$21=1,L3049*Input!$C$21,0)+IF(Input!$D$22=1,M3049*Input!$C$22,0)</f>
        <v>0.4939761673267698</v>
      </c>
      <c r="O3049" s="59">
        <f>IF(Input!$D$19=2,J3049*Input!$C$19,0)+IF(Input!$D$20=2,K3049*Input!$C$20,0)+IF(Input!$D$21=2,L3049*Input!$C$21,0)+IF(Input!$D$22=2,M3049*Input!$C$22,0)</f>
        <v>1.2349404183169246</v>
      </c>
      <c r="P3049" s="59">
        <f>IF(Input!$D$19=3,J3049*Input!$C$19,0)+IF(Input!$D$20=3,K3049*Input!$C$20,0)+IF(Input!$D$21=3,L3049*Input!$C$21,0)+IF(Input!$D$22=3,M3049*Input!$C$22,0)</f>
        <v>0</v>
      </c>
      <c r="Q3049" s="75">
        <f>IF(Input!$D$19=4,J3049*Input!$C$19,0)+IF(Input!$D$20=4,K3049*Input!$C$20,0)+IF(Input!$D$21=4,L3049*Input!$C$21,0)+IF(Input!$D$22=4,M3049*Input!$C$22,0)</f>
        <v>0</v>
      </c>
      <c r="R3049" s="58">
        <v>66.893533020595214</v>
      </c>
      <c r="S3049" s="124">
        <f t="shared" si="47"/>
        <v>2.1405633917493359</v>
      </c>
    </row>
    <row r="3050" spans="8:19" x14ac:dyDescent="0.3">
      <c r="H3050" s="44">
        <v>3043</v>
      </c>
      <c r="I3050" s="56">
        <f>Bühler!I3076</f>
        <v>0.4939761673267698</v>
      </c>
      <c r="J3050" s="59">
        <f>Bühler!J3076</f>
        <v>1.6465872244225661</v>
      </c>
      <c r="K3050" s="59">
        <f>Bühler!K3076</f>
        <v>2.4698808366338492</v>
      </c>
      <c r="L3050" s="59">
        <f>Bühler!L3076</f>
        <v>11.855428015842476</v>
      </c>
      <c r="M3050" s="58">
        <f>Bühler!M3076</f>
        <v>0</v>
      </c>
      <c r="N3050" s="56">
        <f>IF(Input!$D$19=1,J3050*Input!$C$19,0)+IF(Input!$D$20=1,K3050*Input!$C$20,0)+IF(Input!$D$21=1,L3050*Input!$C$21,0)+IF(Input!$D$22=1,M3050*Input!$C$22,0)</f>
        <v>0.4939761673267698</v>
      </c>
      <c r="O3050" s="59">
        <f>IF(Input!$D$19=2,J3050*Input!$C$19,0)+IF(Input!$D$20=2,K3050*Input!$C$20,0)+IF(Input!$D$21=2,L3050*Input!$C$21,0)+IF(Input!$D$22=2,M3050*Input!$C$22,0)</f>
        <v>1.2349404183169246</v>
      </c>
      <c r="P3050" s="59">
        <f>IF(Input!$D$19=3,J3050*Input!$C$19,0)+IF(Input!$D$20=3,K3050*Input!$C$20,0)+IF(Input!$D$21=3,L3050*Input!$C$21,0)+IF(Input!$D$22=3,M3050*Input!$C$22,0)</f>
        <v>0</v>
      </c>
      <c r="Q3050" s="75">
        <f>IF(Input!$D$19=4,J3050*Input!$C$19,0)+IF(Input!$D$20=4,K3050*Input!$C$20,0)+IF(Input!$D$21=4,L3050*Input!$C$21,0)+IF(Input!$D$22=4,M3050*Input!$C$22,0)</f>
        <v>0</v>
      </c>
      <c r="R3050" s="58">
        <v>65.968650598366395</v>
      </c>
      <c r="S3050" s="124">
        <f t="shared" si="47"/>
        <v>2.1405633917493359</v>
      </c>
    </row>
    <row r="3051" spans="8:19" x14ac:dyDescent="0.3">
      <c r="H3051" s="44">
        <v>3044</v>
      </c>
      <c r="I3051" s="56">
        <f>Bühler!I3077</f>
        <v>0.41370504013616971</v>
      </c>
      <c r="J3051" s="59">
        <f>Bühler!J3077</f>
        <v>1.3790168004538992</v>
      </c>
      <c r="K3051" s="59">
        <f>Bühler!K3077</f>
        <v>2.0685252006808486</v>
      </c>
      <c r="L3051" s="59">
        <f>Bühler!L3077</f>
        <v>9.9289209632680731</v>
      </c>
      <c r="M3051" s="58">
        <f>Bühler!M3077</f>
        <v>0</v>
      </c>
      <c r="N3051" s="56">
        <f>IF(Input!$D$19=1,J3051*Input!$C$19,0)+IF(Input!$D$20=1,K3051*Input!$C$20,0)+IF(Input!$D$21=1,L3051*Input!$C$21,0)+IF(Input!$D$22=1,M3051*Input!$C$22,0)</f>
        <v>0.41370504013616977</v>
      </c>
      <c r="O3051" s="59">
        <f>IF(Input!$D$19=2,J3051*Input!$C$19,0)+IF(Input!$D$20=2,K3051*Input!$C$20,0)+IF(Input!$D$21=2,L3051*Input!$C$21,0)+IF(Input!$D$22=2,M3051*Input!$C$22,0)</f>
        <v>1.0342626003404243</v>
      </c>
      <c r="P3051" s="59">
        <f>IF(Input!$D$19=3,J3051*Input!$C$19,0)+IF(Input!$D$20=3,K3051*Input!$C$20,0)+IF(Input!$D$21=3,L3051*Input!$C$21,0)+IF(Input!$D$22=3,M3051*Input!$C$22,0)</f>
        <v>0</v>
      </c>
      <c r="Q3051" s="75">
        <f>IF(Input!$D$19=4,J3051*Input!$C$19,0)+IF(Input!$D$20=4,K3051*Input!$C$20,0)+IF(Input!$D$21=4,L3051*Input!$C$21,0)+IF(Input!$D$22=4,M3051*Input!$C$22,0)</f>
        <v>0</v>
      </c>
      <c r="R3051" s="58">
        <v>64.557573341506341</v>
      </c>
      <c r="S3051" s="124">
        <f t="shared" si="47"/>
        <v>1.7927218405900689</v>
      </c>
    </row>
    <row r="3052" spans="8:19" x14ac:dyDescent="0.3">
      <c r="H3052" s="44">
        <v>3045</v>
      </c>
      <c r="I3052" s="56">
        <f>Bühler!I3078</f>
        <v>0.33960861503715423</v>
      </c>
      <c r="J3052" s="59">
        <f>Bühler!J3078</f>
        <v>1.1320287167905141</v>
      </c>
      <c r="K3052" s="59">
        <f>Bühler!K3078</f>
        <v>1.6980430751857711</v>
      </c>
      <c r="L3052" s="59">
        <f>Bühler!L3078</f>
        <v>8.1506067608917014</v>
      </c>
      <c r="M3052" s="58">
        <f>Bühler!M3078</f>
        <v>0</v>
      </c>
      <c r="N3052" s="56">
        <f>IF(Input!$D$19=1,J3052*Input!$C$19,0)+IF(Input!$D$20=1,K3052*Input!$C$20,0)+IF(Input!$D$21=1,L3052*Input!$C$21,0)+IF(Input!$D$22=1,M3052*Input!$C$22,0)</f>
        <v>0.33960861503715423</v>
      </c>
      <c r="O3052" s="59">
        <f>IF(Input!$D$19=2,J3052*Input!$C$19,0)+IF(Input!$D$20=2,K3052*Input!$C$20,0)+IF(Input!$D$21=2,L3052*Input!$C$21,0)+IF(Input!$D$22=2,M3052*Input!$C$22,0)</f>
        <v>0.84902153759288557</v>
      </c>
      <c r="P3052" s="59">
        <f>IF(Input!$D$19=3,J3052*Input!$C$19,0)+IF(Input!$D$20=3,K3052*Input!$C$20,0)+IF(Input!$D$21=3,L3052*Input!$C$21,0)+IF(Input!$D$22=3,M3052*Input!$C$22,0)</f>
        <v>0</v>
      </c>
      <c r="Q3052" s="75">
        <f>IF(Input!$D$19=4,J3052*Input!$C$19,0)+IF(Input!$D$20=4,K3052*Input!$C$20,0)+IF(Input!$D$21=4,L3052*Input!$C$21,0)+IF(Input!$D$22=4,M3052*Input!$C$22,0)</f>
        <v>0</v>
      </c>
      <c r="R3052" s="58">
        <v>62.735389673537554</v>
      </c>
      <c r="S3052" s="124">
        <f t="shared" si="47"/>
        <v>1.4716373318276683</v>
      </c>
    </row>
    <row r="3053" spans="8:19" x14ac:dyDescent="0.3">
      <c r="H3053" s="44">
        <v>3046</v>
      </c>
      <c r="I3053" s="56">
        <f>Bühler!I3079</f>
        <v>0.2469880836633849</v>
      </c>
      <c r="J3053" s="59">
        <f>Bühler!J3079</f>
        <v>0.82329361221128305</v>
      </c>
      <c r="K3053" s="59">
        <f>Bühler!K3079</f>
        <v>1.2349404183169246</v>
      </c>
      <c r="L3053" s="59">
        <f>Bühler!L3079</f>
        <v>5.9277140079212378</v>
      </c>
      <c r="M3053" s="58">
        <f>Bühler!M3079</f>
        <v>0</v>
      </c>
      <c r="N3053" s="56">
        <f>IF(Input!$D$19=1,J3053*Input!$C$19,0)+IF(Input!$D$20=1,K3053*Input!$C$20,0)+IF(Input!$D$21=1,L3053*Input!$C$21,0)+IF(Input!$D$22=1,M3053*Input!$C$22,0)</f>
        <v>0.2469880836633849</v>
      </c>
      <c r="O3053" s="59">
        <f>IF(Input!$D$19=2,J3053*Input!$C$19,0)+IF(Input!$D$20=2,K3053*Input!$C$20,0)+IF(Input!$D$21=2,L3053*Input!$C$21,0)+IF(Input!$D$22=2,M3053*Input!$C$22,0)</f>
        <v>0.61747020915846229</v>
      </c>
      <c r="P3053" s="59">
        <f>IF(Input!$D$19=3,J3053*Input!$C$19,0)+IF(Input!$D$20=3,K3053*Input!$C$20,0)+IF(Input!$D$21=3,L3053*Input!$C$21,0)+IF(Input!$D$22=3,M3053*Input!$C$22,0)</f>
        <v>0</v>
      </c>
      <c r="Q3053" s="75">
        <f>IF(Input!$D$19=4,J3053*Input!$C$19,0)+IF(Input!$D$20=4,K3053*Input!$C$20,0)+IF(Input!$D$21=4,L3053*Input!$C$21,0)+IF(Input!$D$22=4,M3053*Input!$C$22,0)</f>
        <v>0</v>
      </c>
      <c r="R3053" s="58">
        <v>61.356736755471239</v>
      </c>
      <c r="S3053" s="124">
        <f t="shared" si="47"/>
        <v>1.0702816958746679</v>
      </c>
    </row>
    <row r="3054" spans="8:19" x14ac:dyDescent="0.3">
      <c r="H3054" s="44">
        <v>3047</v>
      </c>
      <c r="I3054" s="56">
        <f>Bühler!I3080</f>
        <v>0.23463867948021566</v>
      </c>
      <c r="J3054" s="59">
        <f>Bühler!J3080</f>
        <v>0.78212893160071895</v>
      </c>
      <c r="K3054" s="59">
        <f>Bühler!K3080</f>
        <v>1.1731933974010782</v>
      </c>
      <c r="L3054" s="59">
        <f>Bühler!L3080</f>
        <v>5.6313283075251759</v>
      </c>
      <c r="M3054" s="58">
        <f>Bühler!M3080</f>
        <v>0</v>
      </c>
      <c r="N3054" s="56">
        <f>IF(Input!$D$19=1,J3054*Input!$C$19,0)+IF(Input!$D$20=1,K3054*Input!$C$20,0)+IF(Input!$D$21=1,L3054*Input!$C$21,0)+IF(Input!$D$22=1,M3054*Input!$C$22,0)</f>
        <v>0.23463867948021566</v>
      </c>
      <c r="O3054" s="59">
        <f>IF(Input!$D$19=2,J3054*Input!$C$19,0)+IF(Input!$D$20=2,K3054*Input!$C$20,0)+IF(Input!$D$21=2,L3054*Input!$C$21,0)+IF(Input!$D$22=2,M3054*Input!$C$22,0)</f>
        <v>0.5865966987005391</v>
      </c>
      <c r="P3054" s="59">
        <f>IF(Input!$D$19=3,J3054*Input!$C$19,0)+IF(Input!$D$20=3,K3054*Input!$C$20,0)+IF(Input!$D$21=3,L3054*Input!$C$21,0)+IF(Input!$D$22=3,M3054*Input!$C$22,0)</f>
        <v>0</v>
      </c>
      <c r="Q3054" s="75">
        <f>IF(Input!$D$19=4,J3054*Input!$C$19,0)+IF(Input!$D$20=4,K3054*Input!$C$20,0)+IF(Input!$D$21=4,L3054*Input!$C$21,0)+IF(Input!$D$22=4,M3054*Input!$C$22,0)</f>
        <v>0</v>
      </c>
      <c r="R3054" s="58">
        <v>60.308419018033767</v>
      </c>
      <c r="S3054" s="124">
        <f t="shared" si="47"/>
        <v>1.0167676110809345</v>
      </c>
    </row>
    <row r="3055" spans="8:19" x14ac:dyDescent="0.3">
      <c r="H3055" s="44">
        <v>3048</v>
      </c>
      <c r="I3055" s="56">
        <f>Bühler!I3081</f>
        <v>0.23463867948021566</v>
      </c>
      <c r="J3055" s="59">
        <f>Bühler!J3081</f>
        <v>0.78212893160071895</v>
      </c>
      <c r="K3055" s="59">
        <f>Bühler!K3081</f>
        <v>1.1731933974010782</v>
      </c>
      <c r="L3055" s="59">
        <f>Bühler!L3081</f>
        <v>5.6313283075251759</v>
      </c>
      <c r="M3055" s="58">
        <f>Bühler!M3081</f>
        <v>0</v>
      </c>
      <c r="N3055" s="56">
        <f>IF(Input!$D$19=1,J3055*Input!$C$19,0)+IF(Input!$D$20=1,K3055*Input!$C$20,0)+IF(Input!$D$21=1,L3055*Input!$C$21,0)+IF(Input!$D$22=1,M3055*Input!$C$22,0)</f>
        <v>0.23463867948021566</v>
      </c>
      <c r="O3055" s="59">
        <f>IF(Input!$D$19=2,J3055*Input!$C$19,0)+IF(Input!$D$20=2,K3055*Input!$C$20,0)+IF(Input!$D$21=2,L3055*Input!$C$21,0)+IF(Input!$D$22=2,M3055*Input!$C$22,0)</f>
        <v>0.5865966987005391</v>
      </c>
      <c r="P3055" s="59">
        <f>IF(Input!$D$19=3,J3055*Input!$C$19,0)+IF(Input!$D$20=3,K3055*Input!$C$20,0)+IF(Input!$D$21=3,L3055*Input!$C$21,0)+IF(Input!$D$22=3,M3055*Input!$C$22,0)</f>
        <v>0</v>
      </c>
      <c r="Q3055" s="75">
        <f>IF(Input!$D$19=4,J3055*Input!$C$19,0)+IF(Input!$D$20=4,K3055*Input!$C$20,0)+IF(Input!$D$21=4,L3055*Input!$C$21,0)+IF(Input!$D$22=4,M3055*Input!$C$22,0)</f>
        <v>0</v>
      </c>
      <c r="R3055" s="58">
        <v>59.073949124958844</v>
      </c>
      <c r="S3055" s="124">
        <f t="shared" si="47"/>
        <v>1.0167676110809345</v>
      </c>
    </row>
    <row r="3056" spans="8:19" x14ac:dyDescent="0.3">
      <c r="H3056" s="44">
        <v>3049</v>
      </c>
      <c r="I3056" s="56">
        <f>Bühler!I3082</f>
        <v>0.21237456058667287</v>
      </c>
      <c r="J3056" s="59">
        <f>Bühler!J3082</f>
        <v>0.70791520195557633</v>
      </c>
      <c r="K3056" s="59">
        <f>Bühler!K3082</f>
        <v>1.0618728029333644</v>
      </c>
      <c r="L3056" s="59">
        <f>Bühler!L3082</f>
        <v>5.0969894540801493</v>
      </c>
      <c r="M3056" s="58">
        <f>Bühler!M3082</f>
        <v>0</v>
      </c>
      <c r="N3056" s="56">
        <f>IF(Input!$D$19=1,J3056*Input!$C$19,0)+IF(Input!$D$20=1,K3056*Input!$C$20,0)+IF(Input!$D$21=1,L3056*Input!$C$21,0)+IF(Input!$D$22=1,M3056*Input!$C$22,0)</f>
        <v>0.21237456058667289</v>
      </c>
      <c r="O3056" s="59">
        <f>IF(Input!$D$19=2,J3056*Input!$C$19,0)+IF(Input!$D$20=2,K3056*Input!$C$20,0)+IF(Input!$D$21=2,L3056*Input!$C$21,0)+IF(Input!$D$22=2,M3056*Input!$C$22,0)</f>
        <v>0.5309364014666822</v>
      </c>
      <c r="P3056" s="59">
        <f>IF(Input!$D$19=3,J3056*Input!$C$19,0)+IF(Input!$D$20=3,K3056*Input!$C$20,0)+IF(Input!$D$21=3,L3056*Input!$C$21,0)+IF(Input!$D$22=3,M3056*Input!$C$22,0)</f>
        <v>0</v>
      </c>
      <c r="Q3056" s="75">
        <f>IF(Input!$D$19=4,J3056*Input!$C$19,0)+IF(Input!$D$20=4,K3056*Input!$C$20,0)+IF(Input!$D$21=4,L3056*Input!$C$21,0)+IF(Input!$D$22=4,M3056*Input!$C$22,0)</f>
        <v>0</v>
      </c>
      <c r="R3056" s="58">
        <v>58.251473733586245</v>
      </c>
      <c r="S3056" s="124">
        <f t="shared" si="47"/>
        <v>0.92028976254224926</v>
      </c>
    </row>
    <row r="3057" spans="8:19" x14ac:dyDescent="0.3">
      <c r="H3057" s="44">
        <v>3050</v>
      </c>
      <c r="I3057" s="56">
        <f>Bühler!I3083</f>
        <v>0.21237456058667287</v>
      </c>
      <c r="J3057" s="59">
        <f>Bühler!J3083</f>
        <v>0.70791520195557633</v>
      </c>
      <c r="K3057" s="59">
        <f>Bühler!K3083</f>
        <v>1.0618728029333644</v>
      </c>
      <c r="L3057" s="59">
        <f>Bühler!L3083</f>
        <v>5.0969894540801493</v>
      </c>
      <c r="M3057" s="58">
        <f>Bühler!M3083</f>
        <v>0</v>
      </c>
      <c r="N3057" s="56">
        <f>IF(Input!$D$19=1,J3057*Input!$C$19,0)+IF(Input!$D$20=1,K3057*Input!$C$20,0)+IF(Input!$D$21=1,L3057*Input!$C$21,0)+IF(Input!$D$22=1,M3057*Input!$C$22,0)</f>
        <v>0.21237456058667289</v>
      </c>
      <c r="O3057" s="59">
        <f>IF(Input!$D$19=2,J3057*Input!$C$19,0)+IF(Input!$D$20=2,K3057*Input!$C$20,0)+IF(Input!$D$21=2,L3057*Input!$C$21,0)+IF(Input!$D$22=2,M3057*Input!$C$22,0)</f>
        <v>0.5309364014666822</v>
      </c>
      <c r="P3057" s="59">
        <f>IF(Input!$D$19=3,J3057*Input!$C$19,0)+IF(Input!$D$20=3,K3057*Input!$C$20,0)+IF(Input!$D$21=3,L3057*Input!$C$21,0)+IF(Input!$D$22=3,M3057*Input!$C$22,0)</f>
        <v>0</v>
      </c>
      <c r="Q3057" s="75">
        <f>IF(Input!$D$19=4,J3057*Input!$C$19,0)+IF(Input!$D$20=4,K3057*Input!$C$20,0)+IF(Input!$D$21=4,L3057*Input!$C$21,0)+IF(Input!$D$22=4,M3057*Input!$C$22,0)</f>
        <v>0</v>
      </c>
      <c r="R3057" s="58">
        <v>57.409364359504707</v>
      </c>
      <c r="S3057" s="124">
        <f t="shared" si="47"/>
        <v>0.92028976254224926</v>
      </c>
    </row>
    <row r="3058" spans="8:19" x14ac:dyDescent="0.3">
      <c r="H3058" s="44">
        <v>3051</v>
      </c>
      <c r="I3058" s="56">
        <f>Bühler!I3084</f>
        <v>0.21237456058667287</v>
      </c>
      <c r="J3058" s="59">
        <f>Bühler!J3084</f>
        <v>0.70791520195557633</v>
      </c>
      <c r="K3058" s="59">
        <f>Bühler!K3084</f>
        <v>1.0618728029333644</v>
      </c>
      <c r="L3058" s="59">
        <f>Bühler!L3084</f>
        <v>5.0969894540801493</v>
      </c>
      <c r="M3058" s="58">
        <f>Bühler!M3084</f>
        <v>0</v>
      </c>
      <c r="N3058" s="56">
        <f>IF(Input!$D$19=1,J3058*Input!$C$19,0)+IF(Input!$D$20=1,K3058*Input!$C$20,0)+IF(Input!$D$21=1,L3058*Input!$C$21,0)+IF(Input!$D$22=1,M3058*Input!$C$22,0)</f>
        <v>0.21237456058667289</v>
      </c>
      <c r="O3058" s="59">
        <f>IF(Input!$D$19=2,J3058*Input!$C$19,0)+IF(Input!$D$20=2,K3058*Input!$C$20,0)+IF(Input!$D$21=2,L3058*Input!$C$21,0)+IF(Input!$D$22=2,M3058*Input!$C$22,0)</f>
        <v>0.5309364014666822</v>
      </c>
      <c r="P3058" s="59">
        <f>IF(Input!$D$19=3,J3058*Input!$C$19,0)+IF(Input!$D$20=3,K3058*Input!$C$20,0)+IF(Input!$D$21=3,L3058*Input!$C$21,0)+IF(Input!$D$22=3,M3058*Input!$C$22,0)</f>
        <v>0</v>
      </c>
      <c r="Q3058" s="75">
        <f>IF(Input!$D$19=4,J3058*Input!$C$19,0)+IF(Input!$D$20=4,K3058*Input!$C$20,0)+IF(Input!$D$21=4,L3058*Input!$C$21,0)+IF(Input!$D$22=4,M3058*Input!$C$22,0)</f>
        <v>0</v>
      </c>
      <c r="R3058" s="58">
        <v>57.682841402694358</v>
      </c>
      <c r="S3058" s="124">
        <f t="shared" si="47"/>
        <v>0.92028976254224926</v>
      </c>
    </row>
    <row r="3059" spans="8:19" x14ac:dyDescent="0.3">
      <c r="H3059" s="44">
        <v>3052</v>
      </c>
      <c r="I3059" s="56">
        <f>Bühler!I3085</f>
        <v>0.21237456058667287</v>
      </c>
      <c r="J3059" s="59">
        <f>Bühler!J3085</f>
        <v>0.70791520195557633</v>
      </c>
      <c r="K3059" s="59">
        <f>Bühler!K3085</f>
        <v>1.0618728029333644</v>
      </c>
      <c r="L3059" s="59">
        <f>Bühler!L3085</f>
        <v>5.0969894540801493</v>
      </c>
      <c r="M3059" s="58">
        <f>Bühler!M3085</f>
        <v>0</v>
      </c>
      <c r="N3059" s="56">
        <f>IF(Input!$D$19=1,J3059*Input!$C$19,0)+IF(Input!$D$20=1,K3059*Input!$C$20,0)+IF(Input!$D$21=1,L3059*Input!$C$21,0)+IF(Input!$D$22=1,M3059*Input!$C$22,0)</f>
        <v>0.21237456058667289</v>
      </c>
      <c r="O3059" s="59">
        <f>IF(Input!$D$19=2,J3059*Input!$C$19,0)+IF(Input!$D$20=2,K3059*Input!$C$20,0)+IF(Input!$D$21=2,L3059*Input!$C$21,0)+IF(Input!$D$22=2,M3059*Input!$C$22,0)</f>
        <v>0.5309364014666822</v>
      </c>
      <c r="P3059" s="59">
        <f>IF(Input!$D$19=3,J3059*Input!$C$19,0)+IF(Input!$D$20=3,K3059*Input!$C$20,0)+IF(Input!$D$21=3,L3059*Input!$C$21,0)+IF(Input!$D$22=3,M3059*Input!$C$22,0)</f>
        <v>0</v>
      </c>
      <c r="Q3059" s="75">
        <f>IF(Input!$D$19=4,J3059*Input!$C$19,0)+IF(Input!$D$20=4,K3059*Input!$C$20,0)+IF(Input!$D$21=4,L3059*Input!$C$21,0)+IF(Input!$D$22=4,M3059*Input!$C$22,0)</f>
        <v>0</v>
      </c>
      <c r="R3059" s="58">
        <v>58.207965493044455</v>
      </c>
      <c r="S3059" s="124">
        <f t="shared" si="47"/>
        <v>0.92028976254224926</v>
      </c>
    </row>
    <row r="3060" spans="8:19" x14ac:dyDescent="0.3">
      <c r="H3060" s="44">
        <v>3053</v>
      </c>
      <c r="I3060" s="56">
        <f>Bühler!I3086</f>
        <v>0.21237456058667287</v>
      </c>
      <c r="J3060" s="59">
        <f>Bühler!J3086</f>
        <v>0.70791520195557633</v>
      </c>
      <c r="K3060" s="59">
        <f>Bühler!K3086</f>
        <v>1.0618728029333644</v>
      </c>
      <c r="L3060" s="59">
        <f>Bühler!L3086</f>
        <v>5.0969894540801493</v>
      </c>
      <c r="M3060" s="58">
        <f>Bühler!M3086</f>
        <v>0</v>
      </c>
      <c r="N3060" s="56">
        <f>IF(Input!$D$19=1,J3060*Input!$C$19,0)+IF(Input!$D$20=1,K3060*Input!$C$20,0)+IF(Input!$D$21=1,L3060*Input!$C$21,0)+IF(Input!$D$22=1,M3060*Input!$C$22,0)</f>
        <v>0.21237456058667289</v>
      </c>
      <c r="O3060" s="59">
        <f>IF(Input!$D$19=2,J3060*Input!$C$19,0)+IF(Input!$D$20=2,K3060*Input!$C$20,0)+IF(Input!$D$21=2,L3060*Input!$C$21,0)+IF(Input!$D$22=2,M3060*Input!$C$22,0)</f>
        <v>0.5309364014666822</v>
      </c>
      <c r="P3060" s="59">
        <f>IF(Input!$D$19=3,J3060*Input!$C$19,0)+IF(Input!$D$20=3,K3060*Input!$C$20,0)+IF(Input!$D$21=3,L3060*Input!$C$21,0)+IF(Input!$D$22=3,M3060*Input!$C$22,0)</f>
        <v>0</v>
      </c>
      <c r="Q3060" s="75">
        <f>IF(Input!$D$19=4,J3060*Input!$C$19,0)+IF(Input!$D$20=4,K3060*Input!$C$20,0)+IF(Input!$D$21=4,L3060*Input!$C$21,0)+IF(Input!$D$22=4,M3060*Input!$C$22,0)</f>
        <v>0</v>
      </c>
      <c r="R3060" s="58">
        <v>59.707707903242877</v>
      </c>
      <c r="S3060" s="124">
        <f t="shared" si="47"/>
        <v>0.92028976254224926</v>
      </c>
    </row>
    <row r="3061" spans="8:19" x14ac:dyDescent="0.3">
      <c r="H3061" s="44">
        <v>3054</v>
      </c>
      <c r="I3061" s="56">
        <f>Bühler!I3087</f>
        <v>0.27608692876267471</v>
      </c>
      <c r="J3061" s="59">
        <f>Bühler!J3087</f>
        <v>0.92028976254224915</v>
      </c>
      <c r="K3061" s="59">
        <f>Bühler!K3087</f>
        <v>1.3804346438133737</v>
      </c>
      <c r="L3061" s="59">
        <f>Bühler!L3087</f>
        <v>6.626086290304193</v>
      </c>
      <c r="M3061" s="58">
        <f>Bühler!M3087</f>
        <v>0</v>
      </c>
      <c r="N3061" s="56">
        <f>IF(Input!$D$19=1,J3061*Input!$C$19,0)+IF(Input!$D$20=1,K3061*Input!$C$20,0)+IF(Input!$D$21=1,L3061*Input!$C$21,0)+IF(Input!$D$22=1,M3061*Input!$C$22,0)</f>
        <v>0.27608692876267471</v>
      </c>
      <c r="O3061" s="59">
        <f>IF(Input!$D$19=2,J3061*Input!$C$19,0)+IF(Input!$D$20=2,K3061*Input!$C$20,0)+IF(Input!$D$21=2,L3061*Input!$C$21,0)+IF(Input!$D$22=2,M3061*Input!$C$22,0)</f>
        <v>0.69021732190668683</v>
      </c>
      <c r="P3061" s="59">
        <f>IF(Input!$D$19=3,J3061*Input!$C$19,0)+IF(Input!$D$20=3,K3061*Input!$C$20,0)+IF(Input!$D$21=3,L3061*Input!$C$21,0)+IF(Input!$D$22=3,M3061*Input!$C$22,0)</f>
        <v>0</v>
      </c>
      <c r="Q3061" s="75">
        <f>IF(Input!$D$19=4,J3061*Input!$C$19,0)+IF(Input!$D$20=4,K3061*Input!$C$20,0)+IF(Input!$D$21=4,L3061*Input!$C$21,0)+IF(Input!$D$22=4,M3061*Input!$C$22,0)</f>
        <v>0</v>
      </c>
      <c r="R3061" s="58">
        <v>63.080322381149678</v>
      </c>
      <c r="S3061" s="124">
        <f t="shared" si="47"/>
        <v>1.1963766913049239</v>
      </c>
    </row>
    <row r="3062" spans="8:19" x14ac:dyDescent="0.3">
      <c r="H3062" s="44">
        <v>3055</v>
      </c>
      <c r="I3062" s="56">
        <f>Bühler!I3088</f>
        <v>0.3079431128506756</v>
      </c>
      <c r="J3062" s="59">
        <f>Bühler!J3088</f>
        <v>1.0264770428355854</v>
      </c>
      <c r="K3062" s="59">
        <f>Bühler!K3088</f>
        <v>1.5397155642533782</v>
      </c>
      <c r="L3062" s="59">
        <f>Bühler!L3088</f>
        <v>7.3906347084162149</v>
      </c>
      <c r="M3062" s="58">
        <f>Bühler!M3088</f>
        <v>0</v>
      </c>
      <c r="N3062" s="56">
        <f>IF(Input!$D$19=1,J3062*Input!$C$19,0)+IF(Input!$D$20=1,K3062*Input!$C$20,0)+IF(Input!$D$21=1,L3062*Input!$C$21,0)+IF(Input!$D$22=1,M3062*Input!$C$22,0)</f>
        <v>0.3079431128506756</v>
      </c>
      <c r="O3062" s="59">
        <f>IF(Input!$D$19=2,J3062*Input!$C$19,0)+IF(Input!$D$20=2,K3062*Input!$C$20,0)+IF(Input!$D$21=2,L3062*Input!$C$21,0)+IF(Input!$D$22=2,M3062*Input!$C$22,0)</f>
        <v>0.76985778212668909</v>
      </c>
      <c r="P3062" s="59">
        <f>IF(Input!$D$19=3,J3062*Input!$C$19,0)+IF(Input!$D$20=3,K3062*Input!$C$20,0)+IF(Input!$D$21=3,L3062*Input!$C$21,0)+IF(Input!$D$22=3,M3062*Input!$C$22,0)</f>
        <v>0</v>
      </c>
      <c r="Q3062" s="75">
        <f>IF(Input!$D$19=4,J3062*Input!$C$19,0)+IF(Input!$D$20=4,K3062*Input!$C$20,0)+IF(Input!$D$21=4,L3062*Input!$C$21,0)+IF(Input!$D$22=4,M3062*Input!$C$22,0)</f>
        <v>0</v>
      </c>
      <c r="R3062" s="58">
        <v>66.101597009019756</v>
      </c>
      <c r="S3062" s="124">
        <f t="shared" si="47"/>
        <v>1.3344201556862609</v>
      </c>
    </row>
    <row r="3063" spans="8:19" x14ac:dyDescent="0.3">
      <c r="H3063" s="44">
        <v>3056</v>
      </c>
      <c r="I3063" s="56">
        <f>Bühler!I3089</f>
        <v>0.31856184088000933</v>
      </c>
      <c r="J3063" s="59">
        <f>Bühler!J3089</f>
        <v>1.0618728029333644</v>
      </c>
      <c r="K3063" s="59">
        <f>Bühler!K3089</f>
        <v>1.5928092044000466</v>
      </c>
      <c r="L3063" s="59">
        <f>Bühler!L3089</f>
        <v>7.6454841811202234</v>
      </c>
      <c r="M3063" s="58">
        <f>Bühler!M3089</f>
        <v>0</v>
      </c>
      <c r="N3063" s="56">
        <f>IF(Input!$D$19=1,J3063*Input!$C$19,0)+IF(Input!$D$20=1,K3063*Input!$C$20,0)+IF(Input!$D$21=1,L3063*Input!$C$21,0)+IF(Input!$D$22=1,M3063*Input!$C$22,0)</f>
        <v>0.31856184088000933</v>
      </c>
      <c r="O3063" s="59">
        <f>IF(Input!$D$19=2,J3063*Input!$C$19,0)+IF(Input!$D$20=2,K3063*Input!$C$20,0)+IF(Input!$D$21=2,L3063*Input!$C$21,0)+IF(Input!$D$22=2,M3063*Input!$C$22,0)</f>
        <v>0.79640460220002329</v>
      </c>
      <c r="P3063" s="59">
        <f>IF(Input!$D$19=3,J3063*Input!$C$19,0)+IF(Input!$D$20=3,K3063*Input!$C$20,0)+IF(Input!$D$21=3,L3063*Input!$C$21,0)+IF(Input!$D$22=3,M3063*Input!$C$22,0)</f>
        <v>0</v>
      </c>
      <c r="Q3063" s="75">
        <f>IF(Input!$D$19=4,J3063*Input!$C$19,0)+IF(Input!$D$20=4,K3063*Input!$C$20,0)+IF(Input!$D$21=4,L3063*Input!$C$21,0)+IF(Input!$D$22=4,M3063*Input!$C$22,0)</f>
        <v>0</v>
      </c>
      <c r="R3063" s="58">
        <v>67.739314597010591</v>
      </c>
      <c r="S3063" s="124">
        <f t="shared" si="47"/>
        <v>1.3804346438133737</v>
      </c>
    </row>
    <row r="3064" spans="8:19" x14ac:dyDescent="0.3">
      <c r="H3064" s="44">
        <v>3057</v>
      </c>
      <c r="I3064" s="56">
        <f>Bühler!I3090</f>
        <v>0.31856184088000933</v>
      </c>
      <c r="J3064" s="59">
        <f>Bühler!J3090</f>
        <v>1.0618728029333644</v>
      </c>
      <c r="K3064" s="59">
        <f>Bühler!K3090</f>
        <v>1.5928092044000466</v>
      </c>
      <c r="L3064" s="59">
        <f>Bühler!L3090</f>
        <v>7.6454841811202234</v>
      </c>
      <c r="M3064" s="58">
        <f>Bühler!M3090</f>
        <v>0</v>
      </c>
      <c r="N3064" s="56">
        <f>IF(Input!$D$19=1,J3064*Input!$C$19,0)+IF(Input!$D$20=1,K3064*Input!$C$20,0)+IF(Input!$D$21=1,L3064*Input!$C$21,0)+IF(Input!$D$22=1,M3064*Input!$C$22,0)</f>
        <v>0.31856184088000933</v>
      </c>
      <c r="O3064" s="59">
        <f>IF(Input!$D$19=2,J3064*Input!$C$19,0)+IF(Input!$D$20=2,K3064*Input!$C$20,0)+IF(Input!$D$21=2,L3064*Input!$C$21,0)+IF(Input!$D$22=2,M3064*Input!$C$22,0)</f>
        <v>0.79640460220002329</v>
      </c>
      <c r="P3064" s="59">
        <f>IF(Input!$D$19=3,J3064*Input!$C$19,0)+IF(Input!$D$20=3,K3064*Input!$C$20,0)+IF(Input!$D$21=3,L3064*Input!$C$21,0)+IF(Input!$D$22=3,M3064*Input!$C$22,0)</f>
        <v>0</v>
      </c>
      <c r="Q3064" s="75">
        <f>IF(Input!$D$19=4,J3064*Input!$C$19,0)+IF(Input!$D$20=4,K3064*Input!$C$20,0)+IF(Input!$D$21=4,L3064*Input!$C$21,0)+IF(Input!$D$22=4,M3064*Input!$C$22,0)</f>
        <v>0</v>
      </c>
      <c r="R3064" s="58">
        <v>68.118941149425495</v>
      </c>
      <c r="S3064" s="124">
        <f t="shared" si="47"/>
        <v>1.3804346438133737</v>
      </c>
    </row>
    <row r="3065" spans="8:19" x14ac:dyDescent="0.3">
      <c r="H3065" s="44">
        <v>3058</v>
      </c>
      <c r="I3065" s="56">
        <f>Bühler!I3091</f>
        <v>0.34510866095334342</v>
      </c>
      <c r="J3065" s="59">
        <f>Bühler!J3091</f>
        <v>1.1503622031778116</v>
      </c>
      <c r="K3065" s="59">
        <f>Bühler!K3091</f>
        <v>1.725543304766717</v>
      </c>
      <c r="L3065" s="59">
        <f>Bühler!L3091</f>
        <v>8.2826078628802424</v>
      </c>
      <c r="M3065" s="58">
        <f>Bühler!M3091</f>
        <v>0</v>
      </c>
      <c r="N3065" s="56">
        <f>IF(Input!$D$19=1,J3065*Input!$C$19,0)+IF(Input!$D$20=1,K3065*Input!$C$20,0)+IF(Input!$D$21=1,L3065*Input!$C$21,0)+IF(Input!$D$22=1,M3065*Input!$C$22,0)</f>
        <v>0.34510866095334347</v>
      </c>
      <c r="O3065" s="59">
        <f>IF(Input!$D$19=2,J3065*Input!$C$19,0)+IF(Input!$D$20=2,K3065*Input!$C$20,0)+IF(Input!$D$21=2,L3065*Input!$C$21,0)+IF(Input!$D$22=2,M3065*Input!$C$22,0)</f>
        <v>0.86277165238335851</v>
      </c>
      <c r="P3065" s="59">
        <f>IF(Input!$D$19=3,J3065*Input!$C$19,0)+IF(Input!$D$20=3,K3065*Input!$C$20,0)+IF(Input!$D$21=3,L3065*Input!$C$21,0)+IF(Input!$D$22=3,M3065*Input!$C$22,0)</f>
        <v>0</v>
      </c>
      <c r="Q3065" s="75">
        <f>IF(Input!$D$19=4,J3065*Input!$C$19,0)+IF(Input!$D$20=4,K3065*Input!$C$20,0)+IF(Input!$D$21=4,L3065*Input!$C$21,0)+IF(Input!$D$22=4,M3065*Input!$C$22,0)</f>
        <v>0</v>
      </c>
      <c r="R3065" s="58">
        <v>68.321043552558123</v>
      </c>
      <c r="S3065" s="124">
        <f t="shared" si="47"/>
        <v>1.4954708641311549</v>
      </c>
    </row>
    <row r="3066" spans="8:19" x14ac:dyDescent="0.3">
      <c r="H3066" s="44">
        <v>3059</v>
      </c>
      <c r="I3066" s="56">
        <f>Bühler!I3092</f>
        <v>0.36103675299734383</v>
      </c>
      <c r="J3066" s="59">
        <f>Bühler!J3092</f>
        <v>1.2034558433244795</v>
      </c>
      <c r="K3066" s="59">
        <f>Bühler!K3092</f>
        <v>1.8051837649867193</v>
      </c>
      <c r="L3066" s="59">
        <f>Bühler!L3092</f>
        <v>8.6648820719362529</v>
      </c>
      <c r="M3066" s="58">
        <f>Bühler!M3092</f>
        <v>0</v>
      </c>
      <c r="N3066" s="56">
        <f>IF(Input!$D$19=1,J3066*Input!$C$19,0)+IF(Input!$D$20=1,K3066*Input!$C$20,0)+IF(Input!$D$21=1,L3066*Input!$C$21,0)+IF(Input!$D$22=1,M3066*Input!$C$22,0)</f>
        <v>0.36103675299734383</v>
      </c>
      <c r="O3066" s="59">
        <f>IF(Input!$D$19=2,J3066*Input!$C$19,0)+IF(Input!$D$20=2,K3066*Input!$C$20,0)+IF(Input!$D$21=2,L3066*Input!$C$21,0)+IF(Input!$D$22=2,M3066*Input!$C$22,0)</f>
        <v>0.90259188249335964</v>
      </c>
      <c r="P3066" s="59">
        <f>IF(Input!$D$19=3,J3066*Input!$C$19,0)+IF(Input!$D$20=3,K3066*Input!$C$20,0)+IF(Input!$D$21=3,L3066*Input!$C$21,0)+IF(Input!$D$22=3,M3066*Input!$C$22,0)</f>
        <v>0</v>
      </c>
      <c r="Q3066" s="75">
        <f>IF(Input!$D$19=4,J3066*Input!$C$19,0)+IF(Input!$D$20=4,K3066*Input!$C$20,0)+IF(Input!$D$21=4,L3066*Input!$C$21,0)+IF(Input!$D$22=4,M3066*Input!$C$22,0)</f>
        <v>0</v>
      </c>
      <c r="R3066" s="58">
        <v>68.65246994368573</v>
      </c>
      <c r="S3066" s="124">
        <f t="shared" si="47"/>
        <v>1.5644925963218235</v>
      </c>
    </row>
    <row r="3067" spans="8:19" x14ac:dyDescent="0.3">
      <c r="H3067" s="44">
        <v>3060</v>
      </c>
      <c r="I3067" s="56">
        <f>Bühler!I3093</f>
        <v>0.42474912117334573</v>
      </c>
      <c r="J3067" s="59">
        <f>Bühler!J3093</f>
        <v>1.4158304039111527</v>
      </c>
      <c r="K3067" s="59">
        <f>Bühler!K3093</f>
        <v>2.1237456058667288</v>
      </c>
      <c r="L3067" s="59">
        <f>Bühler!L3093</f>
        <v>10.193978908160299</v>
      </c>
      <c r="M3067" s="58">
        <f>Bühler!M3093</f>
        <v>0</v>
      </c>
      <c r="N3067" s="56">
        <f>IF(Input!$D$19=1,J3067*Input!$C$19,0)+IF(Input!$D$20=1,K3067*Input!$C$20,0)+IF(Input!$D$21=1,L3067*Input!$C$21,0)+IF(Input!$D$22=1,M3067*Input!$C$22,0)</f>
        <v>0.42474912117334579</v>
      </c>
      <c r="O3067" s="59">
        <f>IF(Input!$D$19=2,J3067*Input!$C$19,0)+IF(Input!$D$20=2,K3067*Input!$C$20,0)+IF(Input!$D$21=2,L3067*Input!$C$21,0)+IF(Input!$D$22=2,M3067*Input!$C$22,0)</f>
        <v>1.0618728029333644</v>
      </c>
      <c r="P3067" s="59">
        <f>IF(Input!$D$19=3,J3067*Input!$C$19,0)+IF(Input!$D$20=3,K3067*Input!$C$20,0)+IF(Input!$D$21=3,L3067*Input!$C$21,0)+IF(Input!$D$22=3,M3067*Input!$C$22,0)</f>
        <v>0</v>
      </c>
      <c r="Q3067" s="75">
        <f>IF(Input!$D$19=4,J3067*Input!$C$19,0)+IF(Input!$D$20=4,K3067*Input!$C$20,0)+IF(Input!$D$21=4,L3067*Input!$C$21,0)+IF(Input!$D$22=4,M3067*Input!$C$22,0)</f>
        <v>0</v>
      </c>
      <c r="R3067" s="58">
        <v>69.982231296469237</v>
      </c>
      <c r="S3067" s="124">
        <f t="shared" si="47"/>
        <v>1.8405795250844985</v>
      </c>
    </row>
    <row r="3068" spans="8:19" x14ac:dyDescent="0.3">
      <c r="H3068" s="44">
        <v>3061</v>
      </c>
      <c r="I3068" s="56">
        <f>Bühler!I3094</f>
        <v>0.42474912117334573</v>
      </c>
      <c r="J3068" s="59">
        <f>Bühler!J3094</f>
        <v>1.4158304039111527</v>
      </c>
      <c r="K3068" s="59">
        <f>Bühler!K3094</f>
        <v>2.1237456058667288</v>
      </c>
      <c r="L3068" s="59">
        <f>Bühler!L3094</f>
        <v>10.193978908160299</v>
      </c>
      <c r="M3068" s="58">
        <f>Bühler!M3094</f>
        <v>0</v>
      </c>
      <c r="N3068" s="56">
        <f>IF(Input!$D$19=1,J3068*Input!$C$19,0)+IF(Input!$D$20=1,K3068*Input!$C$20,0)+IF(Input!$D$21=1,L3068*Input!$C$21,0)+IF(Input!$D$22=1,M3068*Input!$C$22,0)</f>
        <v>0.42474912117334579</v>
      </c>
      <c r="O3068" s="59">
        <f>IF(Input!$D$19=2,J3068*Input!$C$19,0)+IF(Input!$D$20=2,K3068*Input!$C$20,0)+IF(Input!$D$21=2,L3068*Input!$C$21,0)+IF(Input!$D$22=2,M3068*Input!$C$22,0)</f>
        <v>1.0618728029333644</v>
      </c>
      <c r="P3068" s="59">
        <f>IF(Input!$D$19=3,J3068*Input!$C$19,0)+IF(Input!$D$20=3,K3068*Input!$C$20,0)+IF(Input!$D$21=3,L3068*Input!$C$21,0)+IF(Input!$D$22=3,M3068*Input!$C$22,0)</f>
        <v>0</v>
      </c>
      <c r="Q3068" s="75">
        <f>IF(Input!$D$19=4,J3068*Input!$C$19,0)+IF(Input!$D$20=4,K3068*Input!$C$20,0)+IF(Input!$D$21=4,L3068*Input!$C$21,0)+IF(Input!$D$22=4,M3068*Input!$C$22,0)</f>
        <v>0</v>
      </c>
      <c r="R3068" s="58">
        <v>69.114903868295229</v>
      </c>
      <c r="S3068" s="124">
        <f t="shared" si="47"/>
        <v>1.8405795250844985</v>
      </c>
    </row>
    <row r="3069" spans="8:19" x14ac:dyDescent="0.3">
      <c r="H3069" s="44">
        <v>3062</v>
      </c>
      <c r="I3069" s="56">
        <f>Bühler!I3095</f>
        <v>0.42474912117334573</v>
      </c>
      <c r="J3069" s="59">
        <f>Bühler!J3095</f>
        <v>1.4158304039111527</v>
      </c>
      <c r="K3069" s="59">
        <f>Bühler!K3095</f>
        <v>2.1237456058667288</v>
      </c>
      <c r="L3069" s="59">
        <f>Bühler!L3095</f>
        <v>10.193978908160299</v>
      </c>
      <c r="M3069" s="58">
        <f>Bühler!M3095</f>
        <v>0</v>
      </c>
      <c r="N3069" s="56">
        <f>IF(Input!$D$19=1,J3069*Input!$C$19,0)+IF(Input!$D$20=1,K3069*Input!$C$20,0)+IF(Input!$D$21=1,L3069*Input!$C$21,0)+IF(Input!$D$22=1,M3069*Input!$C$22,0)</f>
        <v>0.42474912117334579</v>
      </c>
      <c r="O3069" s="59">
        <f>IF(Input!$D$19=2,J3069*Input!$C$19,0)+IF(Input!$D$20=2,K3069*Input!$C$20,0)+IF(Input!$D$21=2,L3069*Input!$C$21,0)+IF(Input!$D$22=2,M3069*Input!$C$22,0)</f>
        <v>1.0618728029333644</v>
      </c>
      <c r="P3069" s="59">
        <f>IF(Input!$D$19=3,J3069*Input!$C$19,0)+IF(Input!$D$20=3,K3069*Input!$C$20,0)+IF(Input!$D$21=3,L3069*Input!$C$21,0)+IF(Input!$D$22=3,M3069*Input!$C$22,0)</f>
        <v>0</v>
      </c>
      <c r="Q3069" s="75">
        <f>IF(Input!$D$19=4,J3069*Input!$C$19,0)+IF(Input!$D$20=4,K3069*Input!$C$20,0)+IF(Input!$D$21=4,L3069*Input!$C$21,0)+IF(Input!$D$22=4,M3069*Input!$C$22,0)</f>
        <v>0</v>
      </c>
      <c r="R3069" s="58">
        <v>68.394550284752455</v>
      </c>
      <c r="S3069" s="124">
        <f t="shared" si="47"/>
        <v>1.8405795250844985</v>
      </c>
    </row>
    <row r="3070" spans="8:19" x14ac:dyDescent="0.3">
      <c r="H3070" s="44">
        <v>3063</v>
      </c>
      <c r="I3070" s="56">
        <f>Bühler!I3096</f>
        <v>0.42474912117334573</v>
      </c>
      <c r="J3070" s="59">
        <f>Bühler!J3096</f>
        <v>1.4158304039111527</v>
      </c>
      <c r="K3070" s="59">
        <f>Bühler!K3096</f>
        <v>2.1237456058667288</v>
      </c>
      <c r="L3070" s="59">
        <f>Bühler!L3096</f>
        <v>10.193978908160299</v>
      </c>
      <c r="M3070" s="58">
        <f>Bühler!M3096</f>
        <v>0</v>
      </c>
      <c r="N3070" s="56">
        <f>IF(Input!$D$19=1,J3070*Input!$C$19,0)+IF(Input!$D$20=1,K3070*Input!$C$20,0)+IF(Input!$D$21=1,L3070*Input!$C$21,0)+IF(Input!$D$22=1,M3070*Input!$C$22,0)</f>
        <v>0.42474912117334579</v>
      </c>
      <c r="O3070" s="59">
        <f>IF(Input!$D$19=2,J3070*Input!$C$19,0)+IF(Input!$D$20=2,K3070*Input!$C$20,0)+IF(Input!$D$21=2,L3070*Input!$C$21,0)+IF(Input!$D$22=2,M3070*Input!$C$22,0)</f>
        <v>1.0618728029333644</v>
      </c>
      <c r="P3070" s="59">
        <f>IF(Input!$D$19=3,J3070*Input!$C$19,0)+IF(Input!$D$20=3,K3070*Input!$C$20,0)+IF(Input!$D$21=3,L3070*Input!$C$21,0)+IF(Input!$D$22=3,M3070*Input!$C$22,0)</f>
        <v>0</v>
      </c>
      <c r="Q3070" s="75">
        <f>IF(Input!$D$19=4,J3070*Input!$C$19,0)+IF(Input!$D$20=4,K3070*Input!$C$20,0)+IF(Input!$D$21=4,L3070*Input!$C$21,0)+IF(Input!$D$22=4,M3070*Input!$C$22,0)</f>
        <v>0</v>
      </c>
      <c r="R3070" s="58">
        <v>68.329764743798322</v>
      </c>
      <c r="S3070" s="124">
        <f t="shared" si="47"/>
        <v>1.8405795250844985</v>
      </c>
    </row>
    <row r="3071" spans="8:19" x14ac:dyDescent="0.3">
      <c r="H3071" s="44">
        <v>3064</v>
      </c>
      <c r="I3071" s="56">
        <f>Bühler!I3097</f>
        <v>0.42474912117334573</v>
      </c>
      <c r="J3071" s="59">
        <f>Bühler!J3097</f>
        <v>1.4158304039111527</v>
      </c>
      <c r="K3071" s="59">
        <f>Bühler!K3097</f>
        <v>2.1237456058667288</v>
      </c>
      <c r="L3071" s="59">
        <f>Bühler!L3097</f>
        <v>10.193978908160299</v>
      </c>
      <c r="M3071" s="58">
        <f>Bühler!M3097</f>
        <v>0</v>
      </c>
      <c r="N3071" s="56">
        <f>IF(Input!$D$19=1,J3071*Input!$C$19,0)+IF(Input!$D$20=1,K3071*Input!$C$20,0)+IF(Input!$D$21=1,L3071*Input!$C$21,0)+IF(Input!$D$22=1,M3071*Input!$C$22,0)</f>
        <v>0.42474912117334579</v>
      </c>
      <c r="O3071" s="59">
        <f>IF(Input!$D$19=2,J3071*Input!$C$19,0)+IF(Input!$D$20=2,K3071*Input!$C$20,0)+IF(Input!$D$21=2,L3071*Input!$C$21,0)+IF(Input!$D$22=2,M3071*Input!$C$22,0)</f>
        <v>1.0618728029333644</v>
      </c>
      <c r="P3071" s="59">
        <f>IF(Input!$D$19=3,J3071*Input!$C$19,0)+IF(Input!$D$20=3,K3071*Input!$C$20,0)+IF(Input!$D$21=3,L3071*Input!$C$21,0)+IF(Input!$D$22=3,M3071*Input!$C$22,0)</f>
        <v>0</v>
      </c>
      <c r="Q3071" s="75">
        <f>IF(Input!$D$19=4,J3071*Input!$C$19,0)+IF(Input!$D$20=4,K3071*Input!$C$20,0)+IF(Input!$D$21=4,L3071*Input!$C$21,0)+IF(Input!$D$22=4,M3071*Input!$C$22,0)</f>
        <v>0</v>
      </c>
      <c r="R3071" s="58">
        <v>68.844400091767227</v>
      </c>
      <c r="S3071" s="124">
        <f t="shared" si="47"/>
        <v>1.8405795250844985</v>
      </c>
    </row>
    <row r="3072" spans="8:19" x14ac:dyDescent="0.3">
      <c r="H3072" s="44">
        <v>3065</v>
      </c>
      <c r="I3072" s="56">
        <f>Bühler!I3098</f>
        <v>0.42474912117334573</v>
      </c>
      <c r="J3072" s="59">
        <f>Bühler!J3098</f>
        <v>1.4158304039111527</v>
      </c>
      <c r="K3072" s="59">
        <f>Bühler!K3098</f>
        <v>2.1237456058667288</v>
      </c>
      <c r="L3072" s="59">
        <f>Bühler!L3098</f>
        <v>10.193978908160299</v>
      </c>
      <c r="M3072" s="58">
        <f>Bühler!M3098</f>
        <v>0</v>
      </c>
      <c r="N3072" s="56">
        <f>IF(Input!$D$19=1,J3072*Input!$C$19,0)+IF(Input!$D$20=1,K3072*Input!$C$20,0)+IF(Input!$D$21=1,L3072*Input!$C$21,0)+IF(Input!$D$22=1,M3072*Input!$C$22,0)</f>
        <v>0.42474912117334579</v>
      </c>
      <c r="O3072" s="59">
        <f>IF(Input!$D$19=2,J3072*Input!$C$19,0)+IF(Input!$D$20=2,K3072*Input!$C$20,0)+IF(Input!$D$21=2,L3072*Input!$C$21,0)+IF(Input!$D$22=2,M3072*Input!$C$22,0)</f>
        <v>1.0618728029333644</v>
      </c>
      <c r="P3072" s="59">
        <f>IF(Input!$D$19=3,J3072*Input!$C$19,0)+IF(Input!$D$20=3,K3072*Input!$C$20,0)+IF(Input!$D$21=3,L3072*Input!$C$21,0)+IF(Input!$D$22=3,M3072*Input!$C$22,0)</f>
        <v>0</v>
      </c>
      <c r="Q3072" s="75">
        <f>IF(Input!$D$19=4,J3072*Input!$C$19,0)+IF(Input!$D$20=4,K3072*Input!$C$20,0)+IF(Input!$D$21=4,L3072*Input!$C$21,0)+IF(Input!$D$22=4,M3072*Input!$C$22,0)</f>
        <v>0</v>
      </c>
      <c r="R3072" s="58">
        <v>68.440828770119381</v>
      </c>
      <c r="S3072" s="124">
        <f t="shared" si="47"/>
        <v>1.8405795250844985</v>
      </c>
    </row>
    <row r="3073" spans="8:19" x14ac:dyDescent="0.3">
      <c r="H3073" s="44">
        <v>3066</v>
      </c>
      <c r="I3073" s="56">
        <f>Bühler!I3099</f>
        <v>0.42474912117334573</v>
      </c>
      <c r="J3073" s="59">
        <f>Bühler!J3099</f>
        <v>1.4158304039111527</v>
      </c>
      <c r="K3073" s="59">
        <f>Bühler!K3099</f>
        <v>2.1237456058667288</v>
      </c>
      <c r="L3073" s="59">
        <f>Bühler!L3099</f>
        <v>10.193978908160299</v>
      </c>
      <c r="M3073" s="58">
        <f>Bühler!M3099</f>
        <v>0</v>
      </c>
      <c r="N3073" s="56">
        <f>IF(Input!$D$19=1,J3073*Input!$C$19,0)+IF(Input!$D$20=1,K3073*Input!$C$20,0)+IF(Input!$D$21=1,L3073*Input!$C$21,0)+IF(Input!$D$22=1,M3073*Input!$C$22,0)</f>
        <v>0.42474912117334579</v>
      </c>
      <c r="O3073" s="59">
        <f>IF(Input!$D$19=2,J3073*Input!$C$19,0)+IF(Input!$D$20=2,K3073*Input!$C$20,0)+IF(Input!$D$21=2,L3073*Input!$C$21,0)+IF(Input!$D$22=2,M3073*Input!$C$22,0)</f>
        <v>1.0618728029333644</v>
      </c>
      <c r="P3073" s="59">
        <f>IF(Input!$D$19=3,J3073*Input!$C$19,0)+IF(Input!$D$20=3,K3073*Input!$C$20,0)+IF(Input!$D$21=3,L3073*Input!$C$21,0)+IF(Input!$D$22=3,M3073*Input!$C$22,0)</f>
        <v>0</v>
      </c>
      <c r="Q3073" s="75">
        <f>IF(Input!$D$19=4,J3073*Input!$C$19,0)+IF(Input!$D$20=4,K3073*Input!$C$20,0)+IF(Input!$D$21=4,L3073*Input!$C$21,0)+IF(Input!$D$22=4,M3073*Input!$C$22,0)</f>
        <v>0</v>
      </c>
      <c r="R3073" s="58">
        <v>67.830221836347619</v>
      </c>
      <c r="S3073" s="124">
        <f t="shared" si="47"/>
        <v>1.8405795250844985</v>
      </c>
    </row>
    <row r="3074" spans="8:19" x14ac:dyDescent="0.3">
      <c r="H3074" s="44">
        <v>3067</v>
      </c>
      <c r="I3074" s="56">
        <f>Bühler!I3100</f>
        <v>0.42474912117334573</v>
      </c>
      <c r="J3074" s="59">
        <f>Bühler!J3100</f>
        <v>1.4158304039111527</v>
      </c>
      <c r="K3074" s="59">
        <f>Bühler!K3100</f>
        <v>2.1237456058667288</v>
      </c>
      <c r="L3074" s="59">
        <f>Bühler!L3100</f>
        <v>10.193978908160299</v>
      </c>
      <c r="M3074" s="58">
        <f>Bühler!M3100</f>
        <v>0</v>
      </c>
      <c r="N3074" s="56">
        <f>IF(Input!$D$19=1,J3074*Input!$C$19,0)+IF(Input!$D$20=1,K3074*Input!$C$20,0)+IF(Input!$D$21=1,L3074*Input!$C$21,0)+IF(Input!$D$22=1,M3074*Input!$C$22,0)</f>
        <v>0.42474912117334579</v>
      </c>
      <c r="O3074" s="59">
        <f>IF(Input!$D$19=2,J3074*Input!$C$19,0)+IF(Input!$D$20=2,K3074*Input!$C$20,0)+IF(Input!$D$21=2,L3074*Input!$C$21,0)+IF(Input!$D$22=2,M3074*Input!$C$22,0)</f>
        <v>1.0618728029333644</v>
      </c>
      <c r="P3074" s="59">
        <f>IF(Input!$D$19=3,J3074*Input!$C$19,0)+IF(Input!$D$20=3,K3074*Input!$C$20,0)+IF(Input!$D$21=3,L3074*Input!$C$21,0)+IF(Input!$D$22=3,M3074*Input!$C$22,0)</f>
        <v>0</v>
      </c>
      <c r="Q3074" s="75">
        <f>IF(Input!$D$19=4,J3074*Input!$C$19,0)+IF(Input!$D$20=4,K3074*Input!$C$20,0)+IF(Input!$D$21=4,L3074*Input!$C$21,0)+IF(Input!$D$22=4,M3074*Input!$C$22,0)</f>
        <v>0</v>
      </c>
      <c r="R3074" s="58">
        <v>66.570267985689085</v>
      </c>
      <c r="S3074" s="124">
        <f t="shared" si="47"/>
        <v>1.8405795250844985</v>
      </c>
    </row>
    <row r="3075" spans="8:19" x14ac:dyDescent="0.3">
      <c r="H3075" s="44">
        <v>3068</v>
      </c>
      <c r="I3075" s="56">
        <f>Bühler!I3101</f>
        <v>0.35572738898267703</v>
      </c>
      <c r="J3075" s="59">
        <f>Bühler!J3101</f>
        <v>1.1857579632755904</v>
      </c>
      <c r="K3075" s="59">
        <f>Bühler!K3101</f>
        <v>1.7786369449133852</v>
      </c>
      <c r="L3075" s="59">
        <f>Bühler!L3101</f>
        <v>8.53745733558425</v>
      </c>
      <c r="M3075" s="58">
        <f>Bühler!M3101</f>
        <v>0</v>
      </c>
      <c r="N3075" s="56">
        <f>IF(Input!$D$19=1,J3075*Input!$C$19,0)+IF(Input!$D$20=1,K3075*Input!$C$20,0)+IF(Input!$D$21=1,L3075*Input!$C$21,0)+IF(Input!$D$22=1,M3075*Input!$C$22,0)</f>
        <v>0.35572738898267708</v>
      </c>
      <c r="O3075" s="59">
        <f>IF(Input!$D$19=2,J3075*Input!$C$19,0)+IF(Input!$D$20=2,K3075*Input!$C$20,0)+IF(Input!$D$21=2,L3075*Input!$C$21,0)+IF(Input!$D$22=2,M3075*Input!$C$22,0)</f>
        <v>0.8893184724566926</v>
      </c>
      <c r="P3075" s="59">
        <f>IF(Input!$D$19=3,J3075*Input!$C$19,0)+IF(Input!$D$20=3,K3075*Input!$C$20,0)+IF(Input!$D$21=3,L3075*Input!$C$21,0)+IF(Input!$D$22=3,M3075*Input!$C$22,0)</f>
        <v>0</v>
      </c>
      <c r="Q3075" s="75">
        <f>IF(Input!$D$19=4,J3075*Input!$C$19,0)+IF(Input!$D$20=4,K3075*Input!$C$20,0)+IF(Input!$D$21=4,L3075*Input!$C$21,0)+IF(Input!$D$22=4,M3075*Input!$C$22,0)</f>
        <v>0</v>
      </c>
      <c r="R3075" s="58">
        <v>64.765615354311535</v>
      </c>
      <c r="S3075" s="124">
        <f t="shared" si="47"/>
        <v>1.5414853522582674</v>
      </c>
    </row>
    <row r="3076" spans="8:19" x14ac:dyDescent="0.3">
      <c r="H3076" s="44">
        <v>3069</v>
      </c>
      <c r="I3076" s="56">
        <f>Bühler!I3102</f>
        <v>0.29201502080667513</v>
      </c>
      <c r="J3076" s="59">
        <f>Bühler!J3102</f>
        <v>0.97338340268891721</v>
      </c>
      <c r="K3076" s="59">
        <f>Bühler!K3102</f>
        <v>1.4600751040333757</v>
      </c>
      <c r="L3076" s="59">
        <f>Bühler!L3102</f>
        <v>7.0083604993602036</v>
      </c>
      <c r="M3076" s="58">
        <f>Bühler!M3102</f>
        <v>0</v>
      </c>
      <c r="N3076" s="56">
        <f>IF(Input!$D$19=1,J3076*Input!$C$19,0)+IF(Input!$D$20=1,K3076*Input!$C$20,0)+IF(Input!$D$21=1,L3076*Input!$C$21,0)+IF(Input!$D$22=1,M3076*Input!$C$22,0)</f>
        <v>0.29201502080667513</v>
      </c>
      <c r="O3076" s="59">
        <f>IF(Input!$D$19=2,J3076*Input!$C$19,0)+IF(Input!$D$20=2,K3076*Input!$C$20,0)+IF(Input!$D$21=2,L3076*Input!$C$21,0)+IF(Input!$D$22=2,M3076*Input!$C$22,0)</f>
        <v>0.73003755201668785</v>
      </c>
      <c r="P3076" s="59">
        <f>IF(Input!$D$19=3,J3076*Input!$C$19,0)+IF(Input!$D$20=3,K3076*Input!$C$20,0)+IF(Input!$D$21=3,L3076*Input!$C$21,0)+IF(Input!$D$22=3,M3076*Input!$C$22,0)</f>
        <v>0</v>
      </c>
      <c r="Q3076" s="75">
        <f>IF(Input!$D$19=4,J3076*Input!$C$19,0)+IF(Input!$D$20=4,K3076*Input!$C$20,0)+IF(Input!$D$21=4,L3076*Input!$C$21,0)+IF(Input!$D$22=4,M3076*Input!$C$22,0)</f>
        <v>0</v>
      </c>
      <c r="R3076" s="58">
        <v>62.359245246689305</v>
      </c>
      <c r="S3076" s="124">
        <f t="shared" si="47"/>
        <v>1.2653984234955924</v>
      </c>
    </row>
    <row r="3077" spans="8:19" x14ac:dyDescent="0.3">
      <c r="H3077" s="44">
        <v>3070</v>
      </c>
      <c r="I3077" s="56">
        <f>Bühler!I3103</f>
        <v>0.21237456058667287</v>
      </c>
      <c r="J3077" s="59">
        <f>Bühler!J3103</f>
        <v>0.70791520195557633</v>
      </c>
      <c r="K3077" s="59">
        <f>Bühler!K3103</f>
        <v>1.0618728029333644</v>
      </c>
      <c r="L3077" s="59">
        <f>Bühler!L3103</f>
        <v>5.0969894540801493</v>
      </c>
      <c r="M3077" s="58">
        <f>Bühler!M3103</f>
        <v>0</v>
      </c>
      <c r="N3077" s="56">
        <f>IF(Input!$D$19=1,J3077*Input!$C$19,0)+IF(Input!$D$20=1,K3077*Input!$C$20,0)+IF(Input!$D$21=1,L3077*Input!$C$21,0)+IF(Input!$D$22=1,M3077*Input!$C$22,0)</f>
        <v>0.21237456058667289</v>
      </c>
      <c r="O3077" s="59">
        <f>IF(Input!$D$19=2,J3077*Input!$C$19,0)+IF(Input!$D$20=2,K3077*Input!$C$20,0)+IF(Input!$D$21=2,L3077*Input!$C$21,0)+IF(Input!$D$22=2,M3077*Input!$C$22,0)</f>
        <v>0.5309364014666822</v>
      </c>
      <c r="P3077" s="59">
        <f>IF(Input!$D$19=3,J3077*Input!$C$19,0)+IF(Input!$D$20=3,K3077*Input!$C$20,0)+IF(Input!$D$21=3,L3077*Input!$C$21,0)+IF(Input!$D$22=3,M3077*Input!$C$22,0)</f>
        <v>0</v>
      </c>
      <c r="Q3077" s="75">
        <f>IF(Input!$D$19=4,J3077*Input!$C$19,0)+IF(Input!$D$20=4,K3077*Input!$C$20,0)+IF(Input!$D$21=4,L3077*Input!$C$21,0)+IF(Input!$D$22=4,M3077*Input!$C$22,0)</f>
        <v>0</v>
      </c>
      <c r="R3077" s="58">
        <v>60.853324370676418</v>
      </c>
      <c r="S3077" s="124">
        <f t="shared" si="47"/>
        <v>0.92028976254224926</v>
      </c>
    </row>
    <row r="3078" spans="8:19" x14ac:dyDescent="0.3">
      <c r="H3078" s="44">
        <v>3071</v>
      </c>
      <c r="I3078" s="56">
        <f>Bühler!I3104</f>
        <v>0.21237456058667287</v>
      </c>
      <c r="J3078" s="59">
        <f>Bühler!J3104</f>
        <v>0.70791520195557633</v>
      </c>
      <c r="K3078" s="59">
        <f>Bühler!K3104</f>
        <v>1.0618728029333644</v>
      </c>
      <c r="L3078" s="59">
        <f>Bühler!L3104</f>
        <v>5.0969894540801493</v>
      </c>
      <c r="M3078" s="58">
        <f>Bühler!M3104</f>
        <v>0</v>
      </c>
      <c r="N3078" s="56">
        <f>IF(Input!$D$19=1,J3078*Input!$C$19,0)+IF(Input!$D$20=1,K3078*Input!$C$20,0)+IF(Input!$D$21=1,L3078*Input!$C$21,0)+IF(Input!$D$22=1,M3078*Input!$C$22,0)</f>
        <v>0.21237456058667289</v>
      </c>
      <c r="O3078" s="59">
        <f>IF(Input!$D$19=2,J3078*Input!$C$19,0)+IF(Input!$D$20=2,K3078*Input!$C$20,0)+IF(Input!$D$21=2,L3078*Input!$C$21,0)+IF(Input!$D$22=2,M3078*Input!$C$22,0)</f>
        <v>0.5309364014666822</v>
      </c>
      <c r="P3078" s="59">
        <f>IF(Input!$D$19=3,J3078*Input!$C$19,0)+IF(Input!$D$20=3,K3078*Input!$C$20,0)+IF(Input!$D$21=3,L3078*Input!$C$21,0)+IF(Input!$D$22=3,M3078*Input!$C$22,0)</f>
        <v>0</v>
      </c>
      <c r="Q3078" s="75">
        <f>IF(Input!$D$19=4,J3078*Input!$C$19,0)+IF(Input!$D$20=4,K3078*Input!$C$20,0)+IF(Input!$D$21=4,L3078*Input!$C$21,0)+IF(Input!$D$22=4,M3078*Input!$C$22,0)</f>
        <v>0</v>
      </c>
      <c r="R3078" s="58">
        <v>60.640640667917268</v>
      </c>
      <c r="S3078" s="124">
        <f t="shared" si="47"/>
        <v>0.92028976254224926</v>
      </c>
    </row>
    <row r="3079" spans="8:19" x14ac:dyDescent="0.3">
      <c r="H3079" s="44">
        <v>3072</v>
      </c>
      <c r="I3079" s="56">
        <f>Bühler!I3105</f>
        <v>0.21237456058667287</v>
      </c>
      <c r="J3079" s="59">
        <f>Bühler!J3105</f>
        <v>0.70791520195557633</v>
      </c>
      <c r="K3079" s="59">
        <f>Bühler!K3105</f>
        <v>1.0618728029333644</v>
      </c>
      <c r="L3079" s="59">
        <f>Bühler!L3105</f>
        <v>5.0969894540801493</v>
      </c>
      <c r="M3079" s="58">
        <f>Bühler!M3105</f>
        <v>0</v>
      </c>
      <c r="N3079" s="56">
        <f>IF(Input!$D$19=1,J3079*Input!$C$19,0)+IF(Input!$D$20=1,K3079*Input!$C$20,0)+IF(Input!$D$21=1,L3079*Input!$C$21,0)+IF(Input!$D$22=1,M3079*Input!$C$22,0)</f>
        <v>0.21237456058667289</v>
      </c>
      <c r="O3079" s="59">
        <f>IF(Input!$D$19=2,J3079*Input!$C$19,0)+IF(Input!$D$20=2,K3079*Input!$C$20,0)+IF(Input!$D$21=2,L3079*Input!$C$21,0)+IF(Input!$D$22=2,M3079*Input!$C$22,0)</f>
        <v>0.5309364014666822</v>
      </c>
      <c r="P3079" s="59">
        <f>IF(Input!$D$19=3,J3079*Input!$C$19,0)+IF(Input!$D$20=3,K3079*Input!$C$20,0)+IF(Input!$D$21=3,L3079*Input!$C$21,0)+IF(Input!$D$22=3,M3079*Input!$C$22,0)</f>
        <v>0</v>
      </c>
      <c r="Q3079" s="75">
        <f>IF(Input!$D$19=4,J3079*Input!$C$19,0)+IF(Input!$D$20=4,K3079*Input!$C$20,0)+IF(Input!$D$21=4,L3079*Input!$C$21,0)+IF(Input!$D$22=4,M3079*Input!$C$22,0)</f>
        <v>0</v>
      </c>
      <c r="R3079" s="58">
        <v>60.195778576480969</v>
      </c>
      <c r="S3079" s="124">
        <f t="shared" si="47"/>
        <v>0.92028976254224926</v>
      </c>
    </row>
    <row r="3080" spans="8:19" x14ac:dyDescent="0.3">
      <c r="H3080" s="44">
        <v>3073</v>
      </c>
      <c r="I3080" s="56">
        <f>Bühler!I3106</f>
        <v>0.18734312394449701</v>
      </c>
      <c r="J3080" s="59">
        <f>Bühler!J3106</f>
        <v>0.62447707981499012</v>
      </c>
      <c r="K3080" s="59">
        <f>Bühler!K3106</f>
        <v>0.93671561972248507</v>
      </c>
      <c r="L3080" s="59">
        <f>Bühler!L3106</f>
        <v>4.496234974667928</v>
      </c>
      <c r="M3080" s="58">
        <f>Bühler!M3106</f>
        <v>0</v>
      </c>
      <c r="N3080" s="56">
        <f>IF(Input!$D$19=1,J3080*Input!$C$19,0)+IF(Input!$D$20=1,K3080*Input!$C$20,0)+IF(Input!$D$21=1,L3080*Input!$C$21,0)+IF(Input!$D$22=1,M3080*Input!$C$22,0)</f>
        <v>0.18734312394449704</v>
      </c>
      <c r="O3080" s="59">
        <f>IF(Input!$D$19=2,J3080*Input!$C$19,0)+IF(Input!$D$20=2,K3080*Input!$C$20,0)+IF(Input!$D$21=2,L3080*Input!$C$21,0)+IF(Input!$D$22=2,M3080*Input!$C$22,0)</f>
        <v>0.46835780986124254</v>
      </c>
      <c r="P3080" s="59">
        <f>IF(Input!$D$19=3,J3080*Input!$C$19,0)+IF(Input!$D$20=3,K3080*Input!$C$20,0)+IF(Input!$D$21=3,L3080*Input!$C$21,0)+IF(Input!$D$22=3,M3080*Input!$C$22,0)</f>
        <v>0</v>
      </c>
      <c r="Q3080" s="75">
        <f>IF(Input!$D$19=4,J3080*Input!$C$19,0)+IF(Input!$D$20=4,K3080*Input!$C$20,0)+IF(Input!$D$21=4,L3080*Input!$C$21,0)+IF(Input!$D$22=4,M3080*Input!$C$22,0)</f>
        <v>0</v>
      </c>
      <c r="R3080" s="58">
        <v>59.392593770434118</v>
      </c>
      <c r="S3080" s="124">
        <f t="shared" si="47"/>
        <v>0.81182020375948716</v>
      </c>
    </row>
    <row r="3081" spans="8:19" x14ac:dyDescent="0.3">
      <c r="H3081" s="44">
        <v>3074</v>
      </c>
      <c r="I3081" s="56">
        <f>Bühler!I3107</f>
        <v>0.2107610144375591</v>
      </c>
      <c r="J3081" s="59">
        <f>Bühler!J3107</f>
        <v>0.70253671479186375</v>
      </c>
      <c r="K3081" s="59">
        <f>Bühler!K3107</f>
        <v>1.0538050721877954</v>
      </c>
      <c r="L3081" s="59">
        <f>Bühler!L3107</f>
        <v>5.0582643465014181</v>
      </c>
      <c r="M3081" s="58">
        <f>Bühler!M3107</f>
        <v>0</v>
      </c>
      <c r="N3081" s="56">
        <f>IF(Input!$D$19=1,J3081*Input!$C$19,0)+IF(Input!$D$20=1,K3081*Input!$C$20,0)+IF(Input!$D$21=1,L3081*Input!$C$21,0)+IF(Input!$D$22=1,M3081*Input!$C$22,0)</f>
        <v>0.21076101443755912</v>
      </c>
      <c r="O3081" s="59">
        <f>IF(Input!$D$19=2,J3081*Input!$C$19,0)+IF(Input!$D$20=2,K3081*Input!$C$20,0)+IF(Input!$D$21=2,L3081*Input!$C$21,0)+IF(Input!$D$22=2,M3081*Input!$C$22,0)</f>
        <v>0.5269025360938977</v>
      </c>
      <c r="P3081" s="59">
        <f>IF(Input!$D$19=3,J3081*Input!$C$19,0)+IF(Input!$D$20=3,K3081*Input!$C$20,0)+IF(Input!$D$21=3,L3081*Input!$C$21,0)+IF(Input!$D$22=3,M3081*Input!$C$22,0)</f>
        <v>0</v>
      </c>
      <c r="Q3081" s="75">
        <f>IF(Input!$D$19=4,J3081*Input!$C$19,0)+IF(Input!$D$20=4,K3081*Input!$C$20,0)+IF(Input!$D$21=4,L3081*Input!$C$21,0)+IF(Input!$D$22=4,M3081*Input!$C$22,0)</f>
        <v>0</v>
      </c>
      <c r="R3081" s="58">
        <v>58.415212757051044</v>
      </c>
      <c r="S3081" s="124">
        <f t="shared" ref="S3081:S3144" si="48">I3081+J3081</f>
        <v>0.91329772922942287</v>
      </c>
    </row>
    <row r="3082" spans="8:19" x14ac:dyDescent="0.3">
      <c r="H3082" s="44">
        <v>3075</v>
      </c>
      <c r="I3082" s="56">
        <f>Bühler!I3108</f>
        <v>0.2107610144375591</v>
      </c>
      <c r="J3082" s="59">
        <f>Bühler!J3108</f>
        <v>0.70253671479186375</v>
      </c>
      <c r="K3082" s="59">
        <f>Bühler!K3108</f>
        <v>1.0538050721877954</v>
      </c>
      <c r="L3082" s="59">
        <f>Bühler!L3108</f>
        <v>5.0582643465014181</v>
      </c>
      <c r="M3082" s="58">
        <f>Bühler!M3108</f>
        <v>0</v>
      </c>
      <c r="N3082" s="56">
        <f>IF(Input!$D$19=1,J3082*Input!$C$19,0)+IF(Input!$D$20=1,K3082*Input!$C$20,0)+IF(Input!$D$21=1,L3082*Input!$C$21,0)+IF(Input!$D$22=1,M3082*Input!$C$22,0)</f>
        <v>0.21076101443755912</v>
      </c>
      <c r="O3082" s="59">
        <f>IF(Input!$D$19=2,J3082*Input!$C$19,0)+IF(Input!$D$20=2,K3082*Input!$C$20,0)+IF(Input!$D$21=2,L3082*Input!$C$21,0)+IF(Input!$D$22=2,M3082*Input!$C$22,0)</f>
        <v>0.5269025360938977</v>
      </c>
      <c r="P3082" s="59">
        <f>IF(Input!$D$19=3,J3082*Input!$C$19,0)+IF(Input!$D$20=3,K3082*Input!$C$20,0)+IF(Input!$D$21=3,L3082*Input!$C$21,0)+IF(Input!$D$22=3,M3082*Input!$C$22,0)</f>
        <v>0</v>
      </c>
      <c r="Q3082" s="75">
        <f>IF(Input!$D$19=4,J3082*Input!$C$19,0)+IF(Input!$D$20=4,K3082*Input!$C$20,0)+IF(Input!$D$21=4,L3082*Input!$C$21,0)+IF(Input!$D$22=4,M3082*Input!$C$22,0)</f>
        <v>0</v>
      </c>
      <c r="R3082" s="58">
        <v>58.801901119348599</v>
      </c>
      <c r="S3082" s="124">
        <f t="shared" si="48"/>
        <v>0.91329772922942287</v>
      </c>
    </row>
    <row r="3083" spans="8:19" x14ac:dyDescent="0.3">
      <c r="H3083" s="44">
        <v>3076</v>
      </c>
      <c r="I3083" s="56">
        <f>Bühler!I3109</f>
        <v>0.2107610144375591</v>
      </c>
      <c r="J3083" s="59">
        <f>Bühler!J3109</f>
        <v>0.70253671479186375</v>
      </c>
      <c r="K3083" s="59">
        <f>Bühler!K3109</f>
        <v>1.0538050721877954</v>
      </c>
      <c r="L3083" s="59">
        <f>Bühler!L3109</f>
        <v>5.0582643465014181</v>
      </c>
      <c r="M3083" s="58">
        <f>Bühler!M3109</f>
        <v>0</v>
      </c>
      <c r="N3083" s="56">
        <f>IF(Input!$D$19=1,J3083*Input!$C$19,0)+IF(Input!$D$20=1,K3083*Input!$C$20,0)+IF(Input!$D$21=1,L3083*Input!$C$21,0)+IF(Input!$D$22=1,M3083*Input!$C$22,0)</f>
        <v>0.21076101443755912</v>
      </c>
      <c r="O3083" s="59">
        <f>IF(Input!$D$19=2,J3083*Input!$C$19,0)+IF(Input!$D$20=2,K3083*Input!$C$20,0)+IF(Input!$D$21=2,L3083*Input!$C$21,0)+IF(Input!$D$22=2,M3083*Input!$C$22,0)</f>
        <v>0.5269025360938977</v>
      </c>
      <c r="P3083" s="59">
        <f>IF(Input!$D$19=3,J3083*Input!$C$19,0)+IF(Input!$D$20=3,K3083*Input!$C$20,0)+IF(Input!$D$21=3,L3083*Input!$C$21,0)+IF(Input!$D$22=3,M3083*Input!$C$22,0)</f>
        <v>0</v>
      </c>
      <c r="Q3083" s="75">
        <f>IF(Input!$D$19=4,J3083*Input!$C$19,0)+IF(Input!$D$20=4,K3083*Input!$C$20,0)+IF(Input!$D$21=4,L3083*Input!$C$21,0)+IF(Input!$D$22=4,M3083*Input!$C$22,0)</f>
        <v>0</v>
      </c>
      <c r="R3083" s="58">
        <v>59.780671315188698</v>
      </c>
      <c r="S3083" s="124">
        <f t="shared" si="48"/>
        <v>0.91329772922942287</v>
      </c>
    </row>
    <row r="3084" spans="8:19" x14ac:dyDescent="0.3">
      <c r="H3084" s="44">
        <v>3077</v>
      </c>
      <c r="I3084" s="56">
        <f>Bühler!I3110</f>
        <v>0.2107610144375591</v>
      </c>
      <c r="J3084" s="59">
        <f>Bühler!J3110</f>
        <v>0.70253671479186375</v>
      </c>
      <c r="K3084" s="59">
        <f>Bühler!K3110</f>
        <v>1.0538050721877954</v>
      </c>
      <c r="L3084" s="59">
        <f>Bühler!L3110</f>
        <v>5.0582643465014181</v>
      </c>
      <c r="M3084" s="58">
        <f>Bühler!M3110</f>
        <v>0</v>
      </c>
      <c r="N3084" s="56">
        <f>IF(Input!$D$19=1,J3084*Input!$C$19,0)+IF(Input!$D$20=1,K3084*Input!$C$20,0)+IF(Input!$D$21=1,L3084*Input!$C$21,0)+IF(Input!$D$22=1,M3084*Input!$C$22,0)</f>
        <v>0.21076101443755912</v>
      </c>
      <c r="O3084" s="59">
        <f>IF(Input!$D$19=2,J3084*Input!$C$19,0)+IF(Input!$D$20=2,K3084*Input!$C$20,0)+IF(Input!$D$21=2,L3084*Input!$C$21,0)+IF(Input!$D$22=2,M3084*Input!$C$22,0)</f>
        <v>0.5269025360938977</v>
      </c>
      <c r="P3084" s="59">
        <f>IF(Input!$D$19=3,J3084*Input!$C$19,0)+IF(Input!$D$20=3,K3084*Input!$C$20,0)+IF(Input!$D$21=3,L3084*Input!$C$21,0)+IF(Input!$D$22=3,M3084*Input!$C$22,0)</f>
        <v>0</v>
      </c>
      <c r="Q3084" s="75">
        <f>IF(Input!$D$19=4,J3084*Input!$C$19,0)+IF(Input!$D$20=4,K3084*Input!$C$20,0)+IF(Input!$D$21=4,L3084*Input!$C$21,0)+IF(Input!$D$22=4,M3084*Input!$C$22,0)</f>
        <v>0</v>
      </c>
      <c r="R3084" s="58">
        <v>61.071989068102354</v>
      </c>
      <c r="S3084" s="124">
        <f t="shared" si="48"/>
        <v>0.91329772922942287</v>
      </c>
    </row>
    <row r="3085" spans="8:19" x14ac:dyDescent="0.3">
      <c r="H3085" s="44">
        <v>3078</v>
      </c>
      <c r="I3085" s="56">
        <f>Bühler!I3111</f>
        <v>0.27164752971952061</v>
      </c>
      <c r="J3085" s="59">
        <f>Bühler!J3111</f>
        <v>0.9054917657317354</v>
      </c>
      <c r="K3085" s="59">
        <f>Bühler!K3111</f>
        <v>1.3582376485976031</v>
      </c>
      <c r="L3085" s="59">
        <f>Bühler!L3111</f>
        <v>6.519540713268495</v>
      </c>
      <c r="M3085" s="58">
        <f>Bühler!M3111</f>
        <v>0</v>
      </c>
      <c r="N3085" s="56">
        <f>IF(Input!$D$19=1,J3085*Input!$C$19,0)+IF(Input!$D$20=1,K3085*Input!$C$20,0)+IF(Input!$D$21=1,L3085*Input!$C$21,0)+IF(Input!$D$22=1,M3085*Input!$C$22,0)</f>
        <v>0.27164752971952061</v>
      </c>
      <c r="O3085" s="59">
        <f>IF(Input!$D$19=2,J3085*Input!$C$19,0)+IF(Input!$D$20=2,K3085*Input!$C$20,0)+IF(Input!$D$21=2,L3085*Input!$C$21,0)+IF(Input!$D$22=2,M3085*Input!$C$22,0)</f>
        <v>0.67911882429880155</v>
      </c>
      <c r="P3085" s="59">
        <f>IF(Input!$D$19=3,J3085*Input!$C$19,0)+IF(Input!$D$20=3,K3085*Input!$C$20,0)+IF(Input!$D$21=3,L3085*Input!$C$21,0)+IF(Input!$D$22=3,M3085*Input!$C$22,0)</f>
        <v>0</v>
      </c>
      <c r="Q3085" s="75">
        <f>IF(Input!$D$19=4,J3085*Input!$C$19,0)+IF(Input!$D$20=4,K3085*Input!$C$20,0)+IF(Input!$D$21=4,L3085*Input!$C$21,0)+IF(Input!$D$22=4,M3085*Input!$C$22,0)</f>
        <v>0</v>
      </c>
      <c r="R3085" s="58">
        <v>64.361412627102879</v>
      </c>
      <c r="S3085" s="124">
        <f t="shared" si="48"/>
        <v>1.1771392954512561</v>
      </c>
    </row>
    <row r="3086" spans="8:19" x14ac:dyDescent="0.3">
      <c r="H3086" s="44">
        <v>3079</v>
      </c>
      <c r="I3086" s="56">
        <f>Bühler!I3112</f>
        <v>0.31379973260703248</v>
      </c>
      <c r="J3086" s="59">
        <f>Bühler!J3112</f>
        <v>1.0459991086901084</v>
      </c>
      <c r="K3086" s="59">
        <f>Bühler!K3112</f>
        <v>1.5689986630351622</v>
      </c>
      <c r="L3086" s="59">
        <f>Bühler!L3112</f>
        <v>7.531193582568779</v>
      </c>
      <c r="M3086" s="58">
        <f>Bühler!M3112</f>
        <v>0</v>
      </c>
      <c r="N3086" s="56">
        <f>IF(Input!$D$19=1,J3086*Input!$C$19,0)+IF(Input!$D$20=1,K3086*Input!$C$20,0)+IF(Input!$D$21=1,L3086*Input!$C$21,0)+IF(Input!$D$22=1,M3086*Input!$C$22,0)</f>
        <v>0.31379973260703248</v>
      </c>
      <c r="O3086" s="59">
        <f>IF(Input!$D$19=2,J3086*Input!$C$19,0)+IF(Input!$D$20=2,K3086*Input!$C$20,0)+IF(Input!$D$21=2,L3086*Input!$C$21,0)+IF(Input!$D$22=2,M3086*Input!$C$22,0)</f>
        <v>0.78449933151758111</v>
      </c>
      <c r="P3086" s="59">
        <f>IF(Input!$D$19=3,J3086*Input!$C$19,0)+IF(Input!$D$20=3,K3086*Input!$C$20,0)+IF(Input!$D$21=3,L3086*Input!$C$21,0)+IF(Input!$D$22=3,M3086*Input!$C$22,0)</f>
        <v>0</v>
      </c>
      <c r="Q3086" s="75">
        <f>IF(Input!$D$19=4,J3086*Input!$C$19,0)+IF(Input!$D$20=4,K3086*Input!$C$20,0)+IF(Input!$D$21=4,L3086*Input!$C$21,0)+IF(Input!$D$22=4,M3086*Input!$C$22,0)</f>
        <v>0</v>
      </c>
      <c r="R3086" s="58">
        <v>66.833035828045013</v>
      </c>
      <c r="S3086" s="124">
        <f t="shared" si="48"/>
        <v>1.3597988412971409</v>
      </c>
    </row>
    <row r="3087" spans="8:19" x14ac:dyDescent="0.3">
      <c r="H3087" s="44">
        <v>3080</v>
      </c>
      <c r="I3087" s="56">
        <f>Bühler!I3113</f>
        <v>0.31379973260703248</v>
      </c>
      <c r="J3087" s="59">
        <f>Bühler!J3113</f>
        <v>1.0459991086901084</v>
      </c>
      <c r="K3087" s="59">
        <f>Bühler!K3113</f>
        <v>1.5689986630351622</v>
      </c>
      <c r="L3087" s="59">
        <f>Bühler!L3113</f>
        <v>7.531193582568779</v>
      </c>
      <c r="M3087" s="58">
        <f>Bühler!M3113</f>
        <v>0</v>
      </c>
      <c r="N3087" s="56">
        <f>IF(Input!$D$19=1,J3087*Input!$C$19,0)+IF(Input!$D$20=1,K3087*Input!$C$20,0)+IF(Input!$D$21=1,L3087*Input!$C$21,0)+IF(Input!$D$22=1,M3087*Input!$C$22,0)</f>
        <v>0.31379973260703248</v>
      </c>
      <c r="O3087" s="59">
        <f>IF(Input!$D$19=2,J3087*Input!$C$19,0)+IF(Input!$D$20=2,K3087*Input!$C$20,0)+IF(Input!$D$21=2,L3087*Input!$C$21,0)+IF(Input!$D$22=2,M3087*Input!$C$22,0)</f>
        <v>0.78449933151758111</v>
      </c>
      <c r="P3087" s="59">
        <f>IF(Input!$D$19=3,J3087*Input!$C$19,0)+IF(Input!$D$20=3,K3087*Input!$C$20,0)+IF(Input!$D$21=3,L3087*Input!$C$21,0)+IF(Input!$D$22=3,M3087*Input!$C$22,0)</f>
        <v>0</v>
      </c>
      <c r="Q3087" s="75">
        <f>IF(Input!$D$19=4,J3087*Input!$C$19,0)+IF(Input!$D$20=4,K3087*Input!$C$20,0)+IF(Input!$D$21=4,L3087*Input!$C$21,0)+IF(Input!$D$22=4,M3087*Input!$C$22,0)</f>
        <v>0</v>
      </c>
      <c r="R3087" s="58">
        <v>67.932364787790604</v>
      </c>
      <c r="S3087" s="124">
        <f t="shared" si="48"/>
        <v>1.3597988412971409</v>
      </c>
    </row>
    <row r="3088" spans="8:19" x14ac:dyDescent="0.3">
      <c r="H3088" s="44">
        <v>3081</v>
      </c>
      <c r="I3088" s="56">
        <f>Bühler!I3114</f>
        <v>0.31379973260703248</v>
      </c>
      <c r="J3088" s="59">
        <f>Bühler!J3114</f>
        <v>1.0459991086901084</v>
      </c>
      <c r="K3088" s="59">
        <f>Bühler!K3114</f>
        <v>1.5689986630351622</v>
      </c>
      <c r="L3088" s="59">
        <f>Bühler!L3114</f>
        <v>7.531193582568779</v>
      </c>
      <c r="M3088" s="58">
        <f>Bühler!M3114</f>
        <v>0</v>
      </c>
      <c r="N3088" s="56">
        <f>IF(Input!$D$19=1,J3088*Input!$C$19,0)+IF(Input!$D$20=1,K3088*Input!$C$20,0)+IF(Input!$D$21=1,L3088*Input!$C$21,0)+IF(Input!$D$22=1,M3088*Input!$C$22,0)</f>
        <v>0.31379973260703248</v>
      </c>
      <c r="O3088" s="59">
        <f>IF(Input!$D$19=2,J3088*Input!$C$19,0)+IF(Input!$D$20=2,K3088*Input!$C$20,0)+IF(Input!$D$21=2,L3088*Input!$C$21,0)+IF(Input!$D$22=2,M3088*Input!$C$22,0)</f>
        <v>0.78449933151758111</v>
      </c>
      <c r="P3088" s="59">
        <f>IF(Input!$D$19=3,J3088*Input!$C$19,0)+IF(Input!$D$20=3,K3088*Input!$C$20,0)+IF(Input!$D$21=3,L3088*Input!$C$21,0)+IF(Input!$D$22=3,M3088*Input!$C$22,0)</f>
        <v>0</v>
      </c>
      <c r="Q3088" s="75">
        <f>IF(Input!$D$19=4,J3088*Input!$C$19,0)+IF(Input!$D$20=4,K3088*Input!$C$20,0)+IF(Input!$D$21=4,L3088*Input!$C$21,0)+IF(Input!$D$22=4,M3088*Input!$C$22,0)</f>
        <v>0</v>
      </c>
      <c r="R3088" s="58">
        <v>69.844211242436657</v>
      </c>
      <c r="S3088" s="124">
        <f t="shared" si="48"/>
        <v>1.3597988412971409</v>
      </c>
    </row>
    <row r="3089" spans="8:19" x14ac:dyDescent="0.3">
      <c r="H3089" s="44">
        <v>3082</v>
      </c>
      <c r="I3089" s="56">
        <f>Bühler!I3115</f>
        <v>0.33721762310009457</v>
      </c>
      <c r="J3089" s="59">
        <f>Bühler!J3115</f>
        <v>1.124058743666982</v>
      </c>
      <c r="K3089" s="59">
        <f>Bühler!K3115</f>
        <v>1.686088115500473</v>
      </c>
      <c r="L3089" s="59">
        <f>Bühler!L3115</f>
        <v>8.09322295440227</v>
      </c>
      <c r="M3089" s="58">
        <f>Bühler!M3115</f>
        <v>0</v>
      </c>
      <c r="N3089" s="56">
        <f>IF(Input!$D$19=1,J3089*Input!$C$19,0)+IF(Input!$D$20=1,K3089*Input!$C$20,0)+IF(Input!$D$21=1,L3089*Input!$C$21,0)+IF(Input!$D$22=1,M3089*Input!$C$22,0)</f>
        <v>0.33721762310009457</v>
      </c>
      <c r="O3089" s="59">
        <f>IF(Input!$D$19=2,J3089*Input!$C$19,0)+IF(Input!$D$20=2,K3089*Input!$C$20,0)+IF(Input!$D$21=2,L3089*Input!$C$21,0)+IF(Input!$D$22=2,M3089*Input!$C$22,0)</f>
        <v>0.8430440577502365</v>
      </c>
      <c r="P3089" s="59">
        <f>IF(Input!$D$19=3,J3089*Input!$C$19,0)+IF(Input!$D$20=3,K3089*Input!$C$20,0)+IF(Input!$D$21=3,L3089*Input!$C$21,0)+IF(Input!$D$22=3,M3089*Input!$C$22,0)</f>
        <v>0</v>
      </c>
      <c r="Q3089" s="75">
        <f>IF(Input!$D$19=4,J3089*Input!$C$19,0)+IF(Input!$D$20=4,K3089*Input!$C$20,0)+IF(Input!$D$21=4,L3089*Input!$C$21,0)+IF(Input!$D$22=4,M3089*Input!$C$22,0)</f>
        <v>0</v>
      </c>
      <c r="R3089" s="58">
        <v>70.349111211828742</v>
      </c>
      <c r="S3089" s="124">
        <f t="shared" si="48"/>
        <v>1.4612763667670765</v>
      </c>
    </row>
    <row r="3090" spans="8:19" x14ac:dyDescent="0.3">
      <c r="H3090" s="44">
        <v>3083</v>
      </c>
      <c r="I3090" s="56">
        <f>Bühler!I3116</f>
        <v>0.36531909169176913</v>
      </c>
      <c r="J3090" s="59">
        <f>Bühler!J3116</f>
        <v>1.2177303056392306</v>
      </c>
      <c r="K3090" s="59">
        <f>Bühler!K3116</f>
        <v>1.8265954584588455</v>
      </c>
      <c r="L3090" s="59">
        <f>Bühler!L3116</f>
        <v>8.7676582006024582</v>
      </c>
      <c r="M3090" s="58">
        <f>Bühler!M3116</f>
        <v>0</v>
      </c>
      <c r="N3090" s="56">
        <f>IF(Input!$D$19=1,J3090*Input!$C$19,0)+IF(Input!$D$20=1,K3090*Input!$C$20,0)+IF(Input!$D$21=1,L3090*Input!$C$21,0)+IF(Input!$D$22=1,M3090*Input!$C$22,0)</f>
        <v>0.36531909169176918</v>
      </c>
      <c r="O3090" s="59">
        <f>IF(Input!$D$19=2,J3090*Input!$C$19,0)+IF(Input!$D$20=2,K3090*Input!$C$20,0)+IF(Input!$D$21=2,L3090*Input!$C$21,0)+IF(Input!$D$22=2,M3090*Input!$C$22,0)</f>
        <v>0.91329772922942276</v>
      </c>
      <c r="P3090" s="59">
        <f>IF(Input!$D$19=3,J3090*Input!$C$19,0)+IF(Input!$D$20=3,K3090*Input!$C$20,0)+IF(Input!$D$21=3,L3090*Input!$C$21,0)+IF(Input!$D$22=3,M3090*Input!$C$22,0)</f>
        <v>0</v>
      </c>
      <c r="Q3090" s="75">
        <f>IF(Input!$D$19=4,J3090*Input!$C$19,0)+IF(Input!$D$20=4,K3090*Input!$C$20,0)+IF(Input!$D$21=4,L3090*Input!$C$21,0)+IF(Input!$D$22=4,M3090*Input!$C$22,0)</f>
        <v>0</v>
      </c>
      <c r="R3090" s="58">
        <v>71.038591923130582</v>
      </c>
      <c r="S3090" s="124">
        <f t="shared" si="48"/>
        <v>1.5830493973309996</v>
      </c>
    </row>
    <row r="3091" spans="8:19" x14ac:dyDescent="0.3">
      <c r="H3091" s="44">
        <v>3084</v>
      </c>
      <c r="I3091" s="56">
        <f>Bühler!I3117</f>
        <v>0.42152202887511819</v>
      </c>
      <c r="J3091" s="59">
        <f>Bühler!J3117</f>
        <v>1.4050734295837275</v>
      </c>
      <c r="K3091" s="59">
        <f>Bühler!K3117</f>
        <v>2.1076101443755908</v>
      </c>
      <c r="L3091" s="59">
        <f>Bühler!L3117</f>
        <v>10.116528693002836</v>
      </c>
      <c r="M3091" s="58">
        <f>Bühler!M3117</f>
        <v>0</v>
      </c>
      <c r="N3091" s="56">
        <f>IF(Input!$D$19=1,J3091*Input!$C$19,0)+IF(Input!$D$20=1,K3091*Input!$C$20,0)+IF(Input!$D$21=1,L3091*Input!$C$21,0)+IF(Input!$D$22=1,M3091*Input!$C$22,0)</f>
        <v>0.42152202887511825</v>
      </c>
      <c r="O3091" s="59">
        <f>IF(Input!$D$19=2,J3091*Input!$C$19,0)+IF(Input!$D$20=2,K3091*Input!$C$20,0)+IF(Input!$D$21=2,L3091*Input!$C$21,0)+IF(Input!$D$22=2,M3091*Input!$C$22,0)</f>
        <v>1.0538050721877954</v>
      </c>
      <c r="P3091" s="59">
        <f>IF(Input!$D$19=3,J3091*Input!$C$19,0)+IF(Input!$D$20=3,K3091*Input!$C$20,0)+IF(Input!$D$21=3,L3091*Input!$C$21,0)+IF(Input!$D$22=3,M3091*Input!$C$22,0)</f>
        <v>0</v>
      </c>
      <c r="Q3091" s="75">
        <f>IF(Input!$D$19=4,J3091*Input!$C$19,0)+IF(Input!$D$20=4,K3091*Input!$C$20,0)+IF(Input!$D$21=4,L3091*Input!$C$21,0)+IF(Input!$D$22=4,M3091*Input!$C$22,0)</f>
        <v>0</v>
      </c>
      <c r="R3091" s="58">
        <v>71.20435210341175</v>
      </c>
      <c r="S3091" s="124">
        <f t="shared" si="48"/>
        <v>1.8265954584588457</v>
      </c>
    </row>
    <row r="3092" spans="8:19" x14ac:dyDescent="0.3">
      <c r="H3092" s="44">
        <v>3085</v>
      </c>
      <c r="I3092" s="56">
        <f>Bühler!I3118</f>
        <v>0.42152202887511819</v>
      </c>
      <c r="J3092" s="59">
        <f>Bühler!J3118</f>
        <v>1.4050734295837275</v>
      </c>
      <c r="K3092" s="59">
        <f>Bühler!K3118</f>
        <v>2.1076101443755908</v>
      </c>
      <c r="L3092" s="59">
        <f>Bühler!L3118</f>
        <v>10.116528693002836</v>
      </c>
      <c r="M3092" s="58">
        <f>Bühler!M3118</f>
        <v>0</v>
      </c>
      <c r="N3092" s="56">
        <f>IF(Input!$D$19=1,J3092*Input!$C$19,0)+IF(Input!$D$20=1,K3092*Input!$C$20,0)+IF(Input!$D$21=1,L3092*Input!$C$21,0)+IF(Input!$D$22=1,M3092*Input!$C$22,0)</f>
        <v>0.42152202887511825</v>
      </c>
      <c r="O3092" s="59">
        <f>IF(Input!$D$19=2,J3092*Input!$C$19,0)+IF(Input!$D$20=2,K3092*Input!$C$20,0)+IF(Input!$D$21=2,L3092*Input!$C$21,0)+IF(Input!$D$22=2,M3092*Input!$C$22,0)</f>
        <v>1.0538050721877954</v>
      </c>
      <c r="P3092" s="59">
        <f>IF(Input!$D$19=3,J3092*Input!$C$19,0)+IF(Input!$D$20=3,K3092*Input!$C$20,0)+IF(Input!$D$21=3,L3092*Input!$C$21,0)+IF(Input!$D$22=3,M3092*Input!$C$22,0)</f>
        <v>0</v>
      </c>
      <c r="Q3092" s="75">
        <f>IF(Input!$D$19=4,J3092*Input!$C$19,0)+IF(Input!$D$20=4,K3092*Input!$C$20,0)+IF(Input!$D$21=4,L3092*Input!$C$21,0)+IF(Input!$D$22=4,M3092*Input!$C$22,0)</f>
        <v>0</v>
      </c>
      <c r="R3092" s="58">
        <v>69.958139306493905</v>
      </c>
      <c r="S3092" s="124">
        <f t="shared" si="48"/>
        <v>1.8265954584588457</v>
      </c>
    </row>
    <row r="3093" spans="8:19" x14ac:dyDescent="0.3">
      <c r="H3093" s="44">
        <v>3086</v>
      </c>
      <c r="I3093" s="56">
        <f>Bühler!I3119</f>
        <v>0.42152202887511819</v>
      </c>
      <c r="J3093" s="59">
        <f>Bühler!J3119</f>
        <v>1.4050734295837275</v>
      </c>
      <c r="K3093" s="59">
        <f>Bühler!K3119</f>
        <v>2.1076101443755908</v>
      </c>
      <c r="L3093" s="59">
        <f>Bühler!L3119</f>
        <v>10.116528693002836</v>
      </c>
      <c r="M3093" s="58">
        <f>Bühler!M3119</f>
        <v>0</v>
      </c>
      <c r="N3093" s="56">
        <f>IF(Input!$D$19=1,J3093*Input!$C$19,0)+IF(Input!$D$20=1,K3093*Input!$C$20,0)+IF(Input!$D$21=1,L3093*Input!$C$21,0)+IF(Input!$D$22=1,M3093*Input!$C$22,0)</f>
        <v>0.42152202887511825</v>
      </c>
      <c r="O3093" s="59">
        <f>IF(Input!$D$19=2,J3093*Input!$C$19,0)+IF(Input!$D$20=2,K3093*Input!$C$20,0)+IF(Input!$D$21=2,L3093*Input!$C$21,0)+IF(Input!$D$22=2,M3093*Input!$C$22,0)</f>
        <v>1.0538050721877954</v>
      </c>
      <c r="P3093" s="59">
        <f>IF(Input!$D$19=3,J3093*Input!$C$19,0)+IF(Input!$D$20=3,K3093*Input!$C$20,0)+IF(Input!$D$21=3,L3093*Input!$C$21,0)+IF(Input!$D$22=3,M3093*Input!$C$22,0)</f>
        <v>0</v>
      </c>
      <c r="Q3093" s="75">
        <f>IF(Input!$D$19=4,J3093*Input!$C$19,0)+IF(Input!$D$20=4,K3093*Input!$C$20,0)+IF(Input!$D$21=4,L3093*Input!$C$21,0)+IF(Input!$D$22=4,M3093*Input!$C$22,0)</f>
        <v>0</v>
      </c>
      <c r="R3093" s="58">
        <v>69.365945321578437</v>
      </c>
      <c r="S3093" s="124">
        <f t="shared" si="48"/>
        <v>1.8265954584588457</v>
      </c>
    </row>
    <row r="3094" spans="8:19" x14ac:dyDescent="0.3">
      <c r="H3094" s="44">
        <v>3087</v>
      </c>
      <c r="I3094" s="56">
        <f>Bühler!I3120</f>
        <v>0.42152202887511819</v>
      </c>
      <c r="J3094" s="59">
        <f>Bühler!J3120</f>
        <v>1.4050734295837275</v>
      </c>
      <c r="K3094" s="59">
        <f>Bühler!K3120</f>
        <v>2.1076101443755908</v>
      </c>
      <c r="L3094" s="59">
        <f>Bühler!L3120</f>
        <v>10.116528693002836</v>
      </c>
      <c r="M3094" s="58">
        <f>Bühler!M3120</f>
        <v>0</v>
      </c>
      <c r="N3094" s="56">
        <f>IF(Input!$D$19=1,J3094*Input!$C$19,0)+IF(Input!$D$20=1,K3094*Input!$C$20,0)+IF(Input!$D$21=1,L3094*Input!$C$21,0)+IF(Input!$D$22=1,M3094*Input!$C$22,0)</f>
        <v>0.42152202887511825</v>
      </c>
      <c r="O3094" s="59">
        <f>IF(Input!$D$19=2,J3094*Input!$C$19,0)+IF(Input!$D$20=2,K3094*Input!$C$20,0)+IF(Input!$D$21=2,L3094*Input!$C$21,0)+IF(Input!$D$22=2,M3094*Input!$C$22,0)</f>
        <v>1.0538050721877954</v>
      </c>
      <c r="P3094" s="59">
        <f>IF(Input!$D$19=3,J3094*Input!$C$19,0)+IF(Input!$D$20=3,K3094*Input!$C$20,0)+IF(Input!$D$21=3,L3094*Input!$C$21,0)+IF(Input!$D$22=3,M3094*Input!$C$22,0)</f>
        <v>0</v>
      </c>
      <c r="Q3094" s="75">
        <f>IF(Input!$D$19=4,J3094*Input!$C$19,0)+IF(Input!$D$20=4,K3094*Input!$C$20,0)+IF(Input!$D$21=4,L3094*Input!$C$21,0)+IF(Input!$D$22=4,M3094*Input!$C$22,0)</f>
        <v>0</v>
      </c>
      <c r="R3094" s="58">
        <v>69.534160259655494</v>
      </c>
      <c r="S3094" s="124">
        <f t="shared" si="48"/>
        <v>1.8265954584588457</v>
      </c>
    </row>
    <row r="3095" spans="8:19" x14ac:dyDescent="0.3">
      <c r="H3095" s="44">
        <v>3088</v>
      </c>
      <c r="I3095" s="56">
        <f>Bühler!I3121</f>
        <v>0.42152202887511819</v>
      </c>
      <c r="J3095" s="59">
        <f>Bühler!J3121</f>
        <v>1.4050734295837275</v>
      </c>
      <c r="K3095" s="59">
        <f>Bühler!K3121</f>
        <v>2.1076101443755908</v>
      </c>
      <c r="L3095" s="59">
        <f>Bühler!L3121</f>
        <v>10.116528693002836</v>
      </c>
      <c r="M3095" s="58">
        <f>Bühler!M3121</f>
        <v>0</v>
      </c>
      <c r="N3095" s="56">
        <f>IF(Input!$D$19=1,J3095*Input!$C$19,0)+IF(Input!$D$20=1,K3095*Input!$C$20,0)+IF(Input!$D$21=1,L3095*Input!$C$21,0)+IF(Input!$D$22=1,M3095*Input!$C$22,0)</f>
        <v>0.42152202887511825</v>
      </c>
      <c r="O3095" s="59">
        <f>IF(Input!$D$19=2,J3095*Input!$C$19,0)+IF(Input!$D$20=2,K3095*Input!$C$20,0)+IF(Input!$D$21=2,L3095*Input!$C$21,0)+IF(Input!$D$22=2,M3095*Input!$C$22,0)</f>
        <v>1.0538050721877954</v>
      </c>
      <c r="P3095" s="59">
        <f>IF(Input!$D$19=3,J3095*Input!$C$19,0)+IF(Input!$D$20=3,K3095*Input!$C$20,0)+IF(Input!$D$21=3,L3095*Input!$C$21,0)+IF(Input!$D$22=3,M3095*Input!$C$22,0)</f>
        <v>0</v>
      </c>
      <c r="Q3095" s="75">
        <f>IF(Input!$D$19=4,J3095*Input!$C$19,0)+IF(Input!$D$20=4,K3095*Input!$C$20,0)+IF(Input!$D$21=4,L3095*Input!$C$21,0)+IF(Input!$D$22=4,M3095*Input!$C$22,0)</f>
        <v>0</v>
      </c>
      <c r="R3095" s="58">
        <v>69.930532808664978</v>
      </c>
      <c r="S3095" s="124">
        <f t="shared" si="48"/>
        <v>1.8265954584588457</v>
      </c>
    </row>
    <row r="3096" spans="8:19" x14ac:dyDescent="0.3">
      <c r="H3096" s="44">
        <v>3089</v>
      </c>
      <c r="I3096" s="56">
        <f>Bühler!I3122</f>
        <v>0.42152202887511819</v>
      </c>
      <c r="J3096" s="59">
        <f>Bühler!J3122</f>
        <v>1.4050734295837275</v>
      </c>
      <c r="K3096" s="59">
        <f>Bühler!K3122</f>
        <v>2.1076101443755908</v>
      </c>
      <c r="L3096" s="59">
        <f>Bühler!L3122</f>
        <v>10.116528693002836</v>
      </c>
      <c r="M3096" s="58">
        <f>Bühler!M3122</f>
        <v>0</v>
      </c>
      <c r="N3096" s="56">
        <f>IF(Input!$D$19=1,J3096*Input!$C$19,0)+IF(Input!$D$20=1,K3096*Input!$C$20,0)+IF(Input!$D$21=1,L3096*Input!$C$21,0)+IF(Input!$D$22=1,M3096*Input!$C$22,0)</f>
        <v>0.42152202887511825</v>
      </c>
      <c r="O3096" s="59">
        <f>IF(Input!$D$19=2,J3096*Input!$C$19,0)+IF(Input!$D$20=2,K3096*Input!$C$20,0)+IF(Input!$D$21=2,L3096*Input!$C$21,0)+IF(Input!$D$22=2,M3096*Input!$C$22,0)</f>
        <v>1.0538050721877954</v>
      </c>
      <c r="P3096" s="59">
        <f>IF(Input!$D$19=3,J3096*Input!$C$19,0)+IF(Input!$D$20=3,K3096*Input!$C$20,0)+IF(Input!$D$21=3,L3096*Input!$C$21,0)+IF(Input!$D$22=3,M3096*Input!$C$22,0)</f>
        <v>0</v>
      </c>
      <c r="Q3096" s="75">
        <f>IF(Input!$D$19=4,J3096*Input!$C$19,0)+IF(Input!$D$20=4,K3096*Input!$C$20,0)+IF(Input!$D$21=4,L3096*Input!$C$21,0)+IF(Input!$D$22=4,M3096*Input!$C$22,0)</f>
        <v>0</v>
      </c>
      <c r="R3096" s="58">
        <v>68.298809984187329</v>
      </c>
      <c r="S3096" s="124">
        <f t="shared" si="48"/>
        <v>1.8265954584588457</v>
      </c>
    </row>
    <row r="3097" spans="8:19" x14ac:dyDescent="0.3">
      <c r="H3097" s="44">
        <v>3090</v>
      </c>
      <c r="I3097" s="56">
        <f>Bühler!I3123</f>
        <v>0.42152202887511819</v>
      </c>
      <c r="J3097" s="59">
        <f>Bühler!J3123</f>
        <v>1.4050734295837275</v>
      </c>
      <c r="K3097" s="59">
        <f>Bühler!K3123</f>
        <v>2.1076101443755908</v>
      </c>
      <c r="L3097" s="59">
        <f>Bühler!L3123</f>
        <v>10.116528693002836</v>
      </c>
      <c r="M3097" s="58">
        <f>Bühler!M3123</f>
        <v>0</v>
      </c>
      <c r="N3097" s="56">
        <f>IF(Input!$D$19=1,J3097*Input!$C$19,0)+IF(Input!$D$20=1,K3097*Input!$C$20,0)+IF(Input!$D$21=1,L3097*Input!$C$21,0)+IF(Input!$D$22=1,M3097*Input!$C$22,0)</f>
        <v>0.42152202887511825</v>
      </c>
      <c r="O3097" s="59">
        <f>IF(Input!$D$19=2,J3097*Input!$C$19,0)+IF(Input!$D$20=2,K3097*Input!$C$20,0)+IF(Input!$D$21=2,L3097*Input!$C$21,0)+IF(Input!$D$22=2,M3097*Input!$C$22,0)</f>
        <v>1.0538050721877954</v>
      </c>
      <c r="P3097" s="59">
        <f>IF(Input!$D$19=3,J3097*Input!$C$19,0)+IF(Input!$D$20=3,K3097*Input!$C$20,0)+IF(Input!$D$21=3,L3097*Input!$C$21,0)+IF(Input!$D$22=3,M3097*Input!$C$22,0)</f>
        <v>0</v>
      </c>
      <c r="Q3097" s="75">
        <f>IF(Input!$D$19=4,J3097*Input!$C$19,0)+IF(Input!$D$20=4,K3097*Input!$C$20,0)+IF(Input!$D$21=4,L3097*Input!$C$21,0)+IF(Input!$D$22=4,M3097*Input!$C$22,0)</f>
        <v>0</v>
      </c>
      <c r="R3097" s="58">
        <v>66.881403529910713</v>
      </c>
      <c r="S3097" s="124">
        <f t="shared" si="48"/>
        <v>1.8265954584588457</v>
      </c>
    </row>
    <row r="3098" spans="8:19" x14ac:dyDescent="0.3">
      <c r="H3098" s="44">
        <v>3091</v>
      </c>
      <c r="I3098" s="56">
        <f>Bühler!I3124</f>
        <v>0.42152202887511819</v>
      </c>
      <c r="J3098" s="59">
        <f>Bühler!J3124</f>
        <v>1.4050734295837275</v>
      </c>
      <c r="K3098" s="59">
        <f>Bühler!K3124</f>
        <v>2.1076101443755908</v>
      </c>
      <c r="L3098" s="59">
        <f>Bühler!L3124</f>
        <v>10.116528693002836</v>
      </c>
      <c r="M3098" s="58">
        <f>Bühler!M3124</f>
        <v>0</v>
      </c>
      <c r="N3098" s="56">
        <f>IF(Input!$D$19=1,J3098*Input!$C$19,0)+IF(Input!$D$20=1,K3098*Input!$C$20,0)+IF(Input!$D$21=1,L3098*Input!$C$21,0)+IF(Input!$D$22=1,M3098*Input!$C$22,0)</f>
        <v>0.42152202887511825</v>
      </c>
      <c r="O3098" s="59">
        <f>IF(Input!$D$19=2,J3098*Input!$C$19,0)+IF(Input!$D$20=2,K3098*Input!$C$20,0)+IF(Input!$D$21=2,L3098*Input!$C$21,0)+IF(Input!$D$22=2,M3098*Input!$C$22,0)</f>
        <v>1.0538050721877954</v>
      </c>
      <c r="P3098" s="59">
        <f>IF(Input!$D$19=3,J3098*Input!$C$19,0)+IF(Input!$D$20=3,K3098*Input!$C$20,0)+IF(Input!$D$21=3,L3098*Input!$C$21,0)+IF(Input!$D$22=3,M3098*Input!$C$22,0)</f>
        <v>0</v>
      </c>
      <c r="Q3098" s="75">
        <f>IF(Input!$D$19=4,J3098*Input!$C$19,0)+IF(Input!$D$20=4,K3098*Input!$C$20,0)+IF(Input!$D$21=4,L3098*Input!$C$21,0)+IF(Input!$D$22=4,M3098*Input!$C$22,0)</f>
        <v>0</v>
      </c>
      <c r="R3098" s="58">
        <v>65.471234546184064</v>
      </c>
      <c r="S3098" s="124">
        <f t="shared" si="48"/>
        <v>1.8265954584588457</v>
      </c>
    </row>
    <row r="3099" spans="8:19" x14ac:dyDescent="0.3">
      <c r="H3099" s="44">
        <v>3092</v>
      </c>
      <c r="I3099" s="56">
        <f>Bühler!I3125</f>
        <v>0.35126835739593187</v>
      </c>
      <c r="J3099" s="59">
        <f>Bühler!J3125</f>
        <v>1.1708945246531062</v>
      </c>
      <c r="K3099" s="59">
        <f>Bühler!K3125</f>
        <v>1.7563417869796594</v>
      </c>
      <c r="L3099" s="59">
        <f>Bühler!L3125</f>
        <v>8.430440577502365</v>
      </c>
      <c r="M3099" s="58">
        <f>Bühler!M3125</f>
        <v>0</v>
      </c>
      <c r="N3099" s="56">
        <f>IF(Input!$D$19=1,J3099*Input!$C$19,0)+IF(Input!$D$20=1,K3099*Input!$C$20,0)+IF(Input!$D$21=1,L3099*Input!$C$21,0)+IF(Input!$D$22=1,M3099*Input!$C$22,0)</f>
        <v>0.35126835739593182</v>
      </c>
      <c r="O3099" s="59">
        <f>IF(Input!$D$19=2,J3099*Input!$C$19,0)+IF(Input!$D$20=2,K3099*Input!$C$20,0)+IF(Input!$D$21=2,L3099*Input!$C$21,0)+IF(Input!$D$22=2,M3099*Input!$C$22,0)</f>
        <v>0.87817089348982968</v>
      </c>
      <c r="P3099" s="59">
        <f>IF(Input!$D$19=3,J3099*Input!$C$19,0)+IF(Input!$D$20=3,K3099*Input!$C$20,0)+IF(Input!$D$21=3,L3099*Input!$C$21,0)+IF(Input!$D$22=3,M3099*Input!$C$22,0)</f>
        <v>0</v>
      </c>
      <c r="Q3099" s="75">
        <f>IF(Input!$D$19=4,J3099*Input!$C$19,0)+IF(Input!$D$20=4,K3099*Input!$C$20,0)+IF(Input!$D$21=4,L3099*Input!$C$21,0)+IF(Input!$D$22=4,M3099*Input!$C$22,0)</f>
        <v>0</v>
      </c>
      <c r="R3099" s="58">
        <v>64.167808818860152</v>
      </c>
      <c r="S3099" s="124">
        <f t="shared" si="48"/>
        <v>1.522162882049038</v>
      </c>
    </row>
    <row r="3100" spans="8:19" x14ac:dyDescent="0.3">
      <c r="H3100" s="44">
        <v>3093</v>
      </c>
      <c r="I3100" s="56">
        <f>Bühler!I3126</f>
        <v>0.28101468591674544</v>
      </c>
      <c r="J3100" s="59">
        <f>Bühler!J3126</f>
        <v>0.93671561972248496</v>
      </c>
      <c r="K3100" s="59">
        <f>Bühler!K3126</f>
        <v>1.4050734295837273</v>
      </c>
      <c r="L3100" s="59">
        <f>Bühler!L3126</f>
        <v>6.7443524620018911</v>
      </c>
      <c r="M3100" s="58">
        <f>Bühler!M3126</f>
        <v>0</v>
      </c>
      <c r="N3100" s="56">
        <f>IF(Input!$D$19=1,J3100*Input!$C$19,0)+IF(Input!$D$20=1,K3100*Input!$C$20,0)+IF(Input!$D$21=1,L3100*Input!$C$21,0)+IF(Input!$D$22=1,M3100*Input!$C$22,0)</f>
        <v>0.2810146859167455</v>
      </c>
      <c r="O3100" s="59">
        <f>IF(Input!$D$19=2,J3100*Input!$C$19,0)+IF(Input!$D$20=2,K3100*Input!$C$20,0)+IF(Input!$D$21=2,L3100*Input!$C$21,0)+IF(Input!$D$22=2,M3100*Input!$C$22,0)</f>
        <v>0.70253671479186364</v>
      </c>
      <c r="P3100" s="59">
        <f>IF(Input!$D$19=3,J3100*Input!$C$19,0)+IF(Input!$D$20=3,K3100*Input!$C$20,0)+IF(Input!$D$21=3,L3100*Input!$C$21,0)+IF(Input!$D$22=3,M3100*Input!$C$22,0)</f>
        <v>0</v>
      </c>
      <c r="Q3100" s="75">
        <f>IF(Input!$D$19=4,J3100*Input!$C$19,0)+IF(Input!$D$20=4,K3100*Input!$C$20,0)+IF(Input!$D$21=4,L3100*Input!$C$21,0)+IF(Input!$D$22=4,M3100*Input!$C$22,0)</f>
        <v>0</v>
      </c>
      <c r="R3100" s="58">
        <v>61.710327478462752</v>
      </c>
      <c r="S3100" s="124">
        <f t="shared" si="48"/>
        <v>1.2177303056392303</v>
      </c>
    </row>
    <row r="3101" spans="8:19" x14ac:dyDescent="0.3">
      <c r="H3101" s="44">
        <v>3094</v>
      </c>
      <c r="I3101" s="56">
        <f>Bühler!I3127</f>
        <v>0.2107610144375591</v>
      </c>
      <c r="J3101" s="59">
        <f>Bühler!J3127</f>
        <v>0.70253671479186375</v>
      </c>
      <c r="K3101" s="59">
        <f>Bühler!K3127</f>
        <v>1.0538050721877954</v>
      </c>
      <c r="L3101" s="59">
        <f>Bühler!L3127</f>
        <v>5.0582643465014181</v>
      </c>
      <c r="M3101" s="58">
        <f>Bühler!M3127</f>
        <v>0</v>
      </c>
      <c r="N3101" s="56">
        <f>IF(Input!$D$19=1,J3101*Input!$C$19,0)+IF(Input!$D$20=1,K3101*Input!$C$20,0)+IF(Input!$D$21=1,L3101*Input!$C$21,0)+IF(Input!$D$22=1,M3101*Input!$C$22,0)</f>
        <v>0.21076101443755912</v>
      </c>
      <c r="O3101" s="59">
        <f>IF(Input!$D$19=2,J3101*Input!$C$19,0)+IF(Input!$D$20=2,K3101*Input!$C$20,0)+IF(Input!$D$21=2,L3101*Input!$C$21,0)+IF(Input!$D$22=2,M3101*Input!$C$22,0)</f>
        <v>0.5269025360938977</v>
      </c>
      <c r="P3101" s="59">
        <f>IF(Input!$D$19=3,J3101*Input!$C$19,0)+IF(Input!$D$20=3,K3101*Input!$C$20,0)+IF(Input!$D$21=3,L3101*Input!$C$21,0)+IF(Input!$D$22=3,M3101*Input!$C$22,0)</f>
        <v>0</v>
      </c>
      <c r="Q3101" s="75">
        <f>IF(Input!$D$19=4,J3101*Input!$C$19,0)+IF(Input!$D$20=4,K3101*Input!$C$20,0)+IF(Input!$D$21=4,L3101*Input!$C$21,0)+IF(Input!$D$22=4,M3101*Input!$C$22,0)</f>
        <v>0</v>
      </c>
      <c r="R3101" s="58">
        <v>60.113078373768964</v>
      </c>
      <c r="S3101" s="124">
        <f t="shared" si="48"/>
        <v>0.91329772922942287</v>
      </c>
    </row>
    <row r="3102" spans="8:19" x14ac:dyDescent="0.3">
      <c r="H3102" s="44">
        <v>3095</v>
      </c>
      <c r="I3102" s="56">
        <f>Bühler!I3128</f>
        <v>0.2107610144375591</v>
      </c>
      <c r="J3102" s="59">
        <f>Bühler!J3128</f>
        <v>0.70253671479186375</v>
      </c>
      <c r="K3102" s="59">
        <f>Bühler!K3128</f>
        <v>1.0538050721877954</v>
      </c>
      <c r="L3102" s="59">
        <f>Bühler!L3128</f>
        <v>5.0582643465014181</v>
      </c>
      <c r="M3102" s="58">
        <f>Bühler!M3128</f>
        <v>0</v>
      </c>
      <c r="N3102" s="56">
        <f>IF(Input!$D$19=1,J3102*Input!$C$19,0)+IF(Input!$D$20=1,K3102*Input!$C$20,0)+IF(Input!$D$21=1,L3102*Input!$C$21,0)+IF(Input!$D$22=1,M3102*Input!$C$22,0)</f>
        <v>0.21076101443755912</v>
      </c>
      <c r="O3102" s="59">
        <f>IF(Input!$D$19=2,J3102*Input!$C$19,0)+IF(Input!$D$20=2,K3102*Input!$C$20,0)+IF(Input!$D$21=2,L3102*Input!$C$21,0)+IF(Input!$D$22=2,M3102*Input!$C$22,0)</f>
        <v>0.5269025360938977</v>
      </c>
      <c r="P3102" s="59">
        <f>IF(Input!$D$19=3,J3102*Input!$C$19,0)+IF(Input!$D$20=3,K3102*Input!$C$20,0)+IF(Input!$D$21=3,L3102*Input!$C$21,0)+IF(Input!$D$22=3,M3102*Input!$C$22,0)</f>
        <v>0</v>
      </c>
      <c r="Q3102" s="75">
        <f>IF(Input!$D$19=4,J3102*Input!$C$19,0)+IF(Input!$D$20=4,K3102*Input!$C$20,0)+IF(Input!$D$21=4,L3102*Input!$C$21,0)+IF(Input!$D$22=4,M3102*Input!$C$22,0)</f>
        <v>0</v>
      </c>
      <c r="R3102" s="58">
        <v>59.485066735513875</v>
      </c>
      <c r="S3102" s="124">
        <f t="shared" si="48"/>
        <v>0.91329772922942287</v>
      </c>
    </row>
    <row r="3103" spans="8:19" x14ac:dyDescent="0.3">
      <c r="H3103" s="44">
        <v>3096</v>
      </c>
      <c r="I3103" s="56">
        <f>Bühler!I3129</f>
        <v>0.2107610144375591</v>
      </c>
      <c r="J3103" s="59">
        <f>Bühler!J3129</f>
        <v>0.70253671479186375</v>
      </c>
      <c r="K3103" s="59">
        <f>Bühler!K3129</f>
        <v>1.0538050721877954</v>
      </c>
      <c r="L3103" s="59">
        <f>Bühler!L3129</f>
        <v>5.0582643465014181</v>
      </c>
      <c r="M3103" s="58">
        <f>Bühler!M3129</f>
        <v>0</v>
      </c>
      <c r="N3103" s="56">
        <f>IF(Input!$D$19=1,J3103*Input!$C$19,0)+IF(Input!$D$20=1,K3103*Input!$C$20,0)+IF(Input!$D$21=1,L3103*Input!$C$21,0)+IF(Input!$D$22=1,M3103*Input!$C$22,0)</f>
        <v>0.21076101443755912</v>
      </c>
      <c r="O3103" s="59">
        <f>IF(Input!$D$19=2,J3103*Input!$C$19,0)+IF(Input!$D$20=2,K3103*Input!$C$20,0)+IF(Input!$D$21=2,L3103*Input!$C$21,0)+IF(Input!$D$22=2,M3103*Input!$C$22,0)</f>
        <v>0.5269025360938977</v>
      </c>
      <c r="P3103" s="59">
        <f>IF(Input!$D$19=3,J3103*Input!$C$19,0)+IF(Input!$D$20=3,K3103*Input!$C$20,0)+IF(Input!$D$21=3,L3103*Input!$C$21,0)+IF(Input!$D$22=3,M3103*Input!$C$22,0)</f>
        <v>0</v>
      </c>
      <c r="Q3103" s="75">
        <f>IF(Input!$D$19=4,J3103*Input!$C$19,0)+IF(Input!$D$20=4,K3103*Input!$C$20,0)+IF(Input!$D$21=4,L3103*Input!$C$21,0)+IF(Input!$D$22=4,M3103*Input!$C$22,0)</f>
        <v>0</v>
      </c>
      <c r="R3103" s="58">
        <v>58.697130789572313</v>
      </c>
      <c r="S3103" s="124">
        <f t="shared" si="48"/>
        <v>0.91329772922942287</v>
      </c>
    </row>
    <row r="3104" spans="8:19" x14ac:dyDescent="0.3">
      <c r="H3104" s="44">
        <v>3097</v>
      </c>
      <c r="I3104" s="56">
        <f>Bühler!I3130</f>
        <v>0.20902933071256991</v>
      </c>
      <c r="J3104" s="59">
        <f>Bühler!J3130</f>
        <v>0.6967644357085665</v>
      </c>
      <c r="K3104" s="59">
        <f>Bühler!K3130</f>
        <v>1.0451466535628495</v>
      </c>
      <c r="L3104" s="59">
        <f>Bühler!L3130</f>
        <v>5.0167039371016777</v>
      </c>
      <c r="M3104" s="58">
        <f>Bühler!M3130</f>
        <v>0</v>
      </c>
      <c r="N3104" s="56">
        <f>IF(Input!$D$19=1,J3104*Input!$C$19,0)+IF(Input!$D$20=1,K3104*Input!$C$20,0)+IF(Input!$D$21=1,L3104*Input!$C$21,0)+IF(Input!$D$22=1,M3104*Input!$C$22,0)</f>
        <v>0.20902933071256993</v>
      </c>
      <c r="O3104" s="59">
        <f>IF(Input!$D$19=2,J3104*Input!$C$19,0)+IF(Input!$D$20=2,K3104*Input!$C$20,0)+IF(Input!$D$21=2,L3104*Input!$C$21,0)+IF(Input!$D$22=2,M3104*Input!$C$22,0)</f>
        <v>0.52257332678142476</v>
      </c>
      <c r="P3104" s="59">
        <f>IF(Input!$D$19=3,J3104*Input!$C$19,0)+IF(Input!$D$20=3,K3104*Input!$C$20,0)+IF(Input!$D$21=3,L3104*Input!$C$21,0)+IF(Input!$D$22=3,M3104*Input!$C$22,0)</f>
        <v>0</v>
      </c>
      <c r="Q3104" s="75">
        <f>IF(Input!$D$19=4,J3104*Input!$C$19,0)+IF(Input!$D$20=4,K3104*Input!$C$20,0)+IF(Input!$D$21=4,L3104*Input!$C$21,0)+IF(Input!$D$22=4,M3104*Input!$C$22,0)</f>
        <v>0</v>
      </c>
      <c r="R3104" s="58">
        <v>57.562075635362881</v>
      </c>
      <c r="S3104" s="124">
        <f t="shared" si="48"/>
        <v>0.9057937664211364</v>
      </c>
    </row>
    <row r="3105" spans="8:19" x14ac:dyDescent="0.3">
      <c r="H3105" s="44">
        <v>3098</v>
      </c>
      <c r="I3105" s="56">
        <f>Bühler!I3131</f>
        <v>0.20902933071256991</v>
      </c>
      <c r="J3105" s="59">
        <f>Bühler!J3131</f>
        <v>0.6967644357085665</v>
      </c>
      <c r="K3105" s="59">
        <f>Bühler!K3131</f>
        <v>1.0451466535628495</v>
      </c>
      <c r="L3105" s="59">
        <f>Bühler!L3131</f>
        <v>5.0167039371016777</v>
      </c>
      <c r="M3105" s="58">
        <f>Bühler!M3131</f>
        <v>0</v>
      </c>
      <c r="N3105" s="56">
        <f>IF(Input!$D$19=1,J3105*Input!$C$19,0)+IF(Input!$D$20=1,K3105*Input!$C$20,0)+IF(Input!$D$21=1,L3105*Input!$C$21,0)+IF(Input!$D$22=1,M3105*Input!$C$22,0)</f>
        <v>0.20902933071256993</v>
      </c>
      <c r="O3105" s="59">
        <f>IF(Input!$D$19=2,J3105*Input!$C$19,0)+IF(Input!$D$20=2,K3105*Input!$C$20,0)+IF(Input!$D$21=2,L3105*Input!$C$21,0)+IF(Input!$D$22=2,M3105*Input!$C$22,0)</f>
        <v>0.52257332678142476</v>
      </c>
      <c r="P3105" s="59">
        <f>IF(Input!$D$19=3,J3105*Input!$C$19,0)+IF(Input!$D$20=3,K3105*Input!$C$20,0)+IF(Input!$D$21=3,L3105*Input!$C$21,0)+IF(Input!$D$22=3,M3105*Input!$C$22,0)</f>
        <v>0</v>
      </c>
      <c r="Q3105" s="75">
        <f>IF(Input!$D$19=4,J3105*Input!$C$19,0)+IF(Input!$D$20=4,K3105*Input!$C$20,0)+IF(Input!$D$21=4,L3105*Input!$C$21,0)+IF(Input!$D$22=4,M3105*Input!$C$22,0)</f>
        <v>0</v>
      </c>
      <c r="R3105" s="58">
        <v>57.003992535630459</v>
      </c>
      <c r="S3105" s="124">
        <f t="shared" si="48"/>
        <v>0.9057937664211364</v>
      </c>
    </row>
    <row r="3106" spans="8:19" x14ac:dyDescent="0.3">
      <c r="H3106" s="44">
        <v>3099</v>
      </c>
      <c r="I3106" s="56">
        <f>Bühler!I3132</f>
        <v>0.20902933071256991</v>
      </c>
      <c r="J3106" s="59">
        <f>Bühler!J3132</f>
        <v>0.6967644357085665</v>
      </c>
      <c r="K3106" s="59">
        <f>Bühler!K3132</f>
        <v>1.0451466535628495</v>
      </c>
      <c r="L3106" s="59">
        <f>Bühler!L3132</f>
        <v>5.0167039371016777</v>
      </c>
      <c r="M3106" s="58">
        <f>Bühler!M3132</f>
        <v>0</v>
      </c>
      <c r="N3106" s="56">
        <f>IF(Input!$D$19=1,J3106*Input!$C$19,0)+IF(Input!$D$20=1,K3106*Input!$C$20,0)+IF(Input!$D$21=1,L3106*Input!$C$21,0)+IF(Input!$D$22=1,M3106*Input!$C$22,0)</f>
        <v>0.20902933071256993</v>
      </c>
      <c r="O3106" s="59">
        <f>IF(Input!$D$19=2,J3106*Input!$C$19,0)+IF(Input!$D$20=2,K3106*Input!$C$20,0)+IF(Input!$D$21=2,L3106*Input!$C$21,0)+IF(Input!$D$22=2,M3106*Input!$C$22,0)</f>
        <v>0.52257332678142476</v>
      </c>
      <c r="P3106" s="59">
        <f>IF(Input!$D$19=3,J3106*Input!$C$19,0)+IF(Input!$D$20=3,K3106*Input!$C$20,0)+IF(Input!$D$21=3,L3106*Input!$C$21,0)+IF(Input!$D$22=3,M3106*Input!$C$22,0)</f>
        <v>0</v>
      </c>
      <c r="Q3106" s="75">
        <f>IF(Input!$D$19=4,J3106*Input!$C$19,0)+IF(Input!$D$20=4,K3106*Input!$C$20,0)+IF(Input!$D$21=4,L3106*Input!$C$21,0)+IF(Input!$D$22=4,M3106*Input!$C$22,0)</f>
        <v>0</v>
      </c>
      <c r="R3106" s="58">
        <v>57.335077726113937</v>
      </c>
      <c r="S3106" s="124">
        <f t="shared" si="48"/>
        <v>0.9057937664211364</v>
      </c>
    </row>
    <row r="3107" spans="8:19" x14ac:dyDescent="0.3">
      <c r="H3107" s="44">
        <v>3100</v>
      </c>
      <c r="I3107" s="56">
        <f>Bühler!I3133</f>
        <v>0.20902933071256991</v>
      </c>
      <c r="J3107" s="59">
        <f>Bühler!J3133</f>
        <v>0.6967644357085665</v>
      </c>
      <c r="K3107" s="59">
        <f>Bühler!K3133</f>
        <v>1.0451466535628495</v>
      </c>
      <c r="L3107" s="59">
        <f>Bühler!L3133</f>
        <v>5.0167039371016777</v>
      </c>
      <c r="M3107" s="58">
        <f>Bühler!M3133</f>
        <v>0</v>
      </c>
      <c r="N3107" s="56">
        <f>IF(Input!$D$19=1,J3107*Input!$C$19,0)+IF(Input!$D$20=1,K3107*Input!$C$20,0)+IF(Input!$D$21=1,L3107*Input!$C$21,0)+IF(Input!$D$22=1,M3107*Input!$C$22,0)</f>
        <v>0.20902933071256993</v>
      </c>
      <c r="O3107" s="59">
        <f>IF(Input!$D$19=2,J3107*Input!$C$19,0)+IF(Input!$D$20=2,K3107*Input!$C$20,0)+IF(Input!$D$21=2,L3107*Input!$C$21,0)+IF(Input!$D$22=2,M3107*Input!$C$22,0)</f>
        <v>0.52257332678142476</v>
      </c>
      <c r="P3107" s="59">
        <f>IF(Input!$D$19=3,J3107*Input!$C$19,0)+IF(Input!$D$20=3,K3107*Input!$C$20,0)+IF(Input!$D$21=3,L3107*Input!$C$21,0)+IF(Input!$D$22=3,M3107*Input!$C$22,0)</f>
        <v>0</v>
      </c>
      <c r="Q3107" s="75">
        <f>IF(Input!$D$19=4,J3107*Input!$C$19,0)+IF(Input!$D$20=4,K3107*Input!$C$20,0)+IF(Input!$D$21=4,L3107*Input!$C$21,0)+IF(Input!$D$22=4,M3107*Input!$C$22,0)</f>
        <v>0</v>
      </c>
      <c r="R3107" s="58">
        <v>58.287825429874758</v>
      </c>
      <c r="S3107" s="124">
        <f t="shared" si="48"/>
        <v>0.9057937664211364</v>
      </c>
    </row>
    <row r="3108" spans="8:19" x14ac:dyDescent="0.3">
      <c r="H3108" s="44">
        <v>3101</v>
      </c>
      <c r="I3108" s="56">
        <f>Bühler!I3134</f>
        <v>0.20902933071256991</v>
      </c>
      <c r="J3108" s="59">
        <f>Bühler!J3134</f>
        <v>0.6967644357085665</v>
      </c>
      <c r="K3108" s="59">
        <f>Bühler!K3134</f>
        <v>1.0451466535628495</v>
      </c>
      <c r="L3108" s="59">
        <f>Bühler!L3134</f>
        <v>5.0167039371016777</v>
      </c>
      <c r="M3108" s="58">
        <f>Bühler!M3134</f>
        <v>0</v>
      </c>
      <c r="N3108" s="56">
        <f>IF(Input!$D$19=1,J3108*Input!$C$19,0)+IF(Input!$D$20=1,K3108*Input!$C$20,0)+IF(Input!$D$21=1,L3108*Input!$C$21,0)+IF(Input!$D$22=1,M3108*Input!$C$22,0)</f>
        <v>0.20902933071256993</v>
      </c>
      <c r="O3108" s="59">
        <f>IF(Input!$D$19=2,J3108*Input!$C$19,0)+IF(Input!$D$20=2,K3108*Input!$C$20,0)+IF(Input!$D$21=2,L3108*Input!$C$21,0)+IF(Input!$D$22=2,M3108*Input!$C$22,0)</f>
        <v>0.52257332678142476</v>
      </c>
      <c r="P3108" s="59">
        <f>IF(Input!$D$19=3,J3108*Input!$C$19,0)+IF(Input!$D$20=3,K3108*Input!$C$20,0)+IF(Input!$D$21=3,L3108*Input!$C$21,0)+IF(Input!$D$22=3,M3108*Input!$C$22,0)</f>
        <v>0</v>
      </c>
      <c r="Q3108" s="75">
        <f>IF(Input!$D$19=4,J3108*Input!$C$19,0)+IF(Input!$D$20=4,K3108*Input!$C$20,0)+IF(Input!$D$21=4,L3108*Input!$C$21,0)+IF(Input!$D$22=4,M3108*Input!$C$22,0)</f>
        <v>0</v>
      </c>
      <c r="R3108" s="58">
        <v>60.390568133455666</v>
      </c>
      <c r="S3108" s="124">
        <f t="shared" si="48"/>
        <v>0.9057937664211364</v>
      </c>
    </row>
    <row r="3109" spans="8:19" x14ac:dyDescent="0.3">
      <c r="H3109" s="44">
        <v>3102</v>
      </c>
      <c r="I3109" s="56">
        <f>Bühler!I3135</f>
        <v>0.2694155818073124</v>
      </c>
      <c r="J3109" s="59">
        <f>Bühler!J3135</f>
        <v>0.898051939357708</v>
      </c>
      <c r="K3109" s="59">
        <f>Bühler!K3135</f>
        <v>1.3470779090365619</v>
      </c>
      <c r="L3109" s="59">
        <f>Bühler!L3135</f>
        <v>6.4659739633754967</v>
      </c>
      <c r="M3109" s="58">
        <f>Bühler!M3135</f>
        <v>0</v>
      </c>
      <c r="N3109" s="56">
        <f>IF(Input!$D$19=1,J3109*Input!$C$19,0)+IF(Input!$D$20=1,K3109*Input!$C$20,0)+IF(Input!$D$21=1,L3109*Input!$C$21,0)+IF(Input!$D$22=1,M3109*Input!$C$22,0)</f>
        <v>0.2694155818073124</v>
      </c>
      <c r="O3109" s="59">
        <f>IF(Input!$D$19=2,J3109*Input!$C$19,0)+IF(Input!$D$20=2,K3109*Input!$C$20,0)+IF(Input!$D$21=2,L3109*Input!$C$21,0)+IF(Input!$D$22=2,M3109*Input!$C$22,0)</f>
        <v>0.67353895451828094</v>
      </c>
      <c r="P3109" s="59">
        <f>IF(Input!$D$19=3,J3109*Input!$C$19,0)+IF(Input!$D$20=3,K3109*Input!$C$20,0)+IF(Input!$D$21=3,L3109*Input!$C$21,0)+IF(Input!$D$22=3,M3109*Input!$C$22,0)</f>
        <v>0</v>
      </c>
      <c r="Q3109" s="75">
        <f>IF(Input!$D$19=4,J3109*Input!$C$19,0)+IF(Input!$D$20=4,K3109*Input!$C$20,0)+IF(Input!$D$21=4,L3109*Input!$C$21,0)+IF(Input!$D$22=4,M3109*Input!$C$22,0)</f>
        <v>0</v>
      </c>
      <c r="R3109" s="58">
        <v>63.411212924864223</v>
      </c>
      <c r="S3109" s="124">
        <f t="shared" si="48"/>
        <v>1.1674675211650203</v>
      </c>
    </row>
    <row r="3110" spans="8:19" x14ac:dyDescent="0.3">
      <c r="H3110" s="44">
        <v>3103</v>
      </c>
      <c r="I3110" s="56">
        <f>Bühler!I3136</f>
        <v>0.31122144794982631</v>
      </c>
      <c r="J3110" s="59">
        <f>Bühler!J3136</f>
        <v>1.0374048264994211</v>
      </c>
      <c r="K3110" s="59">
        <f>Bühler!K3136</f>
        <v>1.5561072397491318</v>
      </c>
      <c r="L3110" s="59">
        <f>Bühler!L3136</f>
        <v>7.4693147507958324</v>
      </c>
      <c r="M3110" s="58">
        <f>Bühler!M3136</f>
        <v>0</v>
      </c>
      <c r="N3110" s="56">
        <f>IF(Input!$D$19=1,J3110*Input!$C$19,0)+IF(Input!$D$20=1,K3110*Input!$C$20,0)+IF(Input!$D$21=1,L3110*Input!$C$21,0)+IF(Input!$D$22=1,M3110*Input!$C$22,0)</f>
        <v>0.31122144794982631</v>
      </c>
      <c r="O3110" s="59">
        <f>IF(Input!$D$19=2,J3110*Input!$C$19,0)+IF(Input!$D$20=2,K3110*Input!$C$20,0)+IF(Input!$D$21=2,L3110*Input!$C$21,0)+IF(Input!$D$22=2,M3110*Input!$C$22,0)</f>
        <v>0.77805361987456589</v>
      </c>
      <c r="P3110" s="59">
        <f>IF(Input!$D$19=3,J3110*Input!$C$19,0)+IF(Input!$D$20=3,K3110*Input!$C$20,0)+IF(Input!$D$21=3,L3110*Input!$C$21,0)+IF(Input!$D$22=3,M3110*Input!$C$22,0)</f>
        <v>0</v>
      </c>
      <c r="Q3110" s="75">
        <f>IF(Input!$D$19=4,J3110*Input!$C$19,0)+IF(Input!$D$20=4,K3110*Input!$C$20,0)+IF(Input!$D$21=4,L3110*Input!$C$21,0)+IF(Input!$D$22=4,M3110*Input!$C$22,0)</f>
        <v>0</v>
      </c>
      <c r="R3110" s="58">
        <v>66.655065250396362</v>
      </c>
      <c r="S3110" s="124">
        <f t="shared" si="48"/>
        <v>1.3486262744492474</v>
      </c>
    </row>
    <row r="3111" spans="8:19" x14ac:dyDescent="0.3">
      <c r="H3111" s="44">
        <v>3104</v>
      </c>
      <c r="I3111" s="56">
        <f>Bühler!I3137</f>
        <v>0.31122144794982631</v>
      </c>
      <c r="J3111" s="59">
        <f>Bühler!J3137</f>
        <v>1.0374048264994211</v>
      </c>
      <c r="K3111" s="59">
        <f>Bühler!K3137</f>
        <v>1.5561072397491318</v>
      </c>
      <c r="L3111" s="59">
        <f>Bühler!L3137</f>
        <v>7.4693147507958324</v>
      </c>
      <c r="M3111" s="58">
        <f>Bühler!M3137</f>
        <v>0</v>
      </c>
      <c r="N3111" s="56">
        <f>IF(Input!$D$19=1,J3111*Input!$C$19,0)+IF(Input!$D$20=1,K3111*Input!$C$20,0)+IF(Input!$D$21=1,L3111*Input!$C$21,0)+IF(Input!$D$22=1,M3111*Input!$C$22,0)</f>
        <v>0.31122144794982631</v>
      </c>
      <c r="O3111" s="59">
        <f>IF(Input!$D$19=2,J3111*Input!$C$19,0)+IF(Input!$D$20=2,K3111*Input!$C$20,0)+IF(Input!$D$21=2,L3111*Input!$C$21,0)+IF(Input!$D$22=2,M3111*Input!$C$22,0)</f>
        <v>0.77805361987456589</v>
      </c>
      <c r="P3111" s="59">
        <f>IF(Input!$D$19=3,J3111*Input!$C$19,0)+IF(Input!$D$20=3,K3111*Input!$C$20,0)+IF(Input!$D$21=3,L3111*Input!$C$21,0)+IF(Input!$D$22=3,M3111*Input!$C$22,0)</f>
        <v>0</v>
      </c>
      <c r="Q3111" s="75">
        <f>IF(Input!$D$19=4,J3111*Input!$C$19,0)+IF(Input!$D$20=4,K3111*Input!$C$20,0)+IF(Input!$D$21=4,L3111*Input!$C$21,0)+IF(Input!$D$22=4,M3111*Input!$C$22,0)</f>
        <v>0</v>
      </c>
      <c r="R3111" s="58">
        <v>68.295840444136545</v>
      </c>
      <c r="S3111" s="124">
        <f t="shared" si="48"/>
        <v>1.3486262744492474</v>
      </c>
    </row>
    <row r="3112" spans="8:19" x14ac:dyDescent="0.3">
      <c r="H3112" s="44">
        <v>3105</v>
      </c>
      <c r="I3112" s="56">
        <f>Bühler!I3138</f>
        <v>0.31122144794982631</v>
      </c>
      <c r="J3112" s="59">
        <f>Bühler!J3138</f>
        <v>1.0374048264994211</v>
      </c>
      <c r="K3112" s="59">
        <f>Bühler!K3138</f>
        <v>1.5561072397491318</v>
      </c>
      <c r="L3112" s="59">
        <f>Bühler!L3138</f>
        <v>7.4693147507958324</v>
      </c>
      <c r="M3112" s="58">
        <f>Bühler!M3138</f>
        <v>0</v>
      </c>
      <c r="N3112" s="56">
        <f>IF(Input!$D$19=1,J3112*Input!$C$19,0)+IF(Input!$D$20=1,K3112*Input!$C$20,0)+IF(Input!$D$21=1,L3112*Input!$C$21,0)+IF(Input!$D$22=1,M3112*Input!$C$22,0)</f>
        <v>0.31122144794982631</v>
      </c>
      <c r="O3112" s="59">
        <f>IF(Input!$D$19=2,J3112*Input!$C$19,0)+IF(Input!$D$20=2,K3112*Input!$C$20,0)+IF(Input!$D$21=2,L3112*Input!$C$21,0)+IF(Input!$D$22=2,M3112*Input!$C$22,0)</f>
        <v>0.77805361987456589</v>
      </c>
      <c r="P3112" s="59">
        <f>IF(Input!$D$19=3,J3112*Input!$C$19,0)+IF(Input!$D$20=3,K3112*Input!$C$20,0)+IF(Input!$D$21=3,L3112*Input!$C$21,0)+IF(Input!$D$22=3,M3112*Input!$C$22,0)</f>
        <v>0</v>
      </c>
      <c r="Q3112" s="75">
        <f>IF(Input!$D$19=4,J3112*Input!$C$19,0)+IF(Input!$D$20=4,K3112*Input!$C$20,0)+IF(Input!$D$21=4,L3112*Input!$C$21,0)+IF(Input!$D$22=4,M3112*Input!$C$22,0)</f>
        <v>0</v>
      </c>
      <c r="R3112" s="58">
        <v>69.182369273954478</v>
      </c>
      <c r="S3112" s="124">
        <f t="shared" si="48"/>
        <v>1.3486262744492474</v>
      </c>
    </row>
    <row r="3113" spans="8:19" x14ac:dyDescent="0.3">
      <c r="H3113" s="44">
        <v>3106</v>
      </c>
      <c r="I3113" s="56">
        <f>Bühler!I3139</f>
        <v>0.33444692914011193</v>
      </c>
      <c r="J3113" s="59">
        <f>Bühler!J3139</f>
        <v>1.1148230971337065</v>
      </c>
      <c r="K3113" s="59">
        <f>Bühler!K3139</f>
        <v>1.6722346457005595</v>
      </c>
      <c r="L3113" s="59">
        <f>Bühler!L3139</f>
        <v>8.0267262993626858</v>
      </c>
      <c r="M3113" s="58">
        <f>Bühler!M3139</f>
        <v>0</v>
      </c>
      <c r="N3113" s="56">
        <f>IF(Input!$D$19=1,J3113*Input!$C$19,0)+IF(Input!$D$20=1,K3113*Input!$C$20,0)+IF(Input!$D$21=1,L3113*Input!$C$21,0)+IF(Input!$D$22=1,M3113*Input!$C$22,0)</f>
        <v>0.33444692914011193</v>
      </c>
      <c r="O3113" s="59">
        <f>IF(Input!$D$19=2,J3113*Input!$C$19,0)+IF(Input!$D$20=2,K3113*Input!$C$20,0)+IF(Input!$D$21=2,L3113*Input!$C$21,0)+IF(Input!$D$22=2,M3113*Input!$C$22,0)</f>
        <v>0.83611732285027973</v>
      </c>
      <c r="P3113" s="59">
        <f>IF(Input!$D$19=3,J3113*Input!$C$19,0)+IF(Input!$D$20=3,K3113*Input!$C$20,0)+IF(Input!$D$21=3,L3113*Input!$C$21,0)+IF(Input!$D$22=3,M3113*Input!$C$22,0)</f>
        <v>0</v>
      </c>
      <c r="Q3113" s="75">
        <f>IF(Input!$D$19=4,J3113*Input!$C$19,0)+IF(Input!$D$20=4,K3113*Input!$C$20,0)+IF(Input!$D$21=4,L3113*Input!$C$21,0)+IF(Input!$D$22=4,M3113*Input!$C$22,0)</f>
        <v>0</v>
      </c>
      <c r="R3113" s="58">
        <v>69.058707969218233</v>
      </c>
      <c r="S3113" s="124">
        <f t="shared" si="48"/>
        <v>1.4492700262738185</v>
      </c>
    </row>
    <row r="3114" spans="8:19" x14ac:dyDescent="0.3">
      <c r="H3114" s="44">
        <v>3107</v>
      </c>
      <c r="I3114" s="56">
        <f>Bühler!I3140</f>
        <v>0.36231750656845452</v>
      </c>
      <c r="J3114" s="59">
        <f>Bühler!J3140</f>
        <v>1.2077250218948485</v>
      </c>
      <c r="K3114" s="59">
        <f>Bühler!K3140</f>
        <v>1.8115875328422724</v>
      </c>
      <c r="L3114" s="59">
        <f>Bühler!L3140</f>
        <v>8.6956201576429084</v>
      </c>
      <c r="M3114" s="58">
        <f>Bühler!M3140</f>
        <v>0</v>
      </c>
      <c r="N3114" s="56">
        <f>IF(Input!$D$19=1,J3114*Input!$C$19,0)+IF(Input!$D$20=1,K3114*Input!$C$20,0)+IF(Input!$D$21=1,L3114*Input!$C$21,0)+IF(Input!$D$22=1,M3114*Input!$C$22,0)</f>
        <v>0.36231750656845457</v>
      </c>
      <c r="O3114" s="59">
        <f>IF(Input!$D$19=2,J3114*Input!$C$19,0)+IF(Input!$D$20=2,K3114*Input!$C$20,0)+IF(Input!$D$21=2,L3114*Input!$C$21,0)+IF(Input!$D$22=2,M3114*Input!$C$22,0)</f>
        <v>0.90579376642113618</v>
      </c>
      <c r="P3114" s="59">
        <f>IF(Input!$D$19=3,J3114*Input!$C$19,0)+IF(Input!$D$20=3,K3114*Input!$C$20,0)+IF(Input!$D$21=3,L3114*Input!$C$21,0)+IF(Input!$D$22=3,M3114*Input!$C$22,0)</f>
        <v>0</v>
      </c>
      <c r="Q3114" s="75">
        <f>IF(Input!$D$19=4,J3114*Input!$C$19,0)+IF(Input!$D$20=4,K3114*Input!$C$20,0)+IF(Input!$D$21=4,L3114*Input!$C$21,0)+IF(Input!$D$22=4,M3114*Input!$C$22,0)</f>
        <v>0</v>
      </c>
      <c r="R3114" s="58">
        <v>68.666701694006989</v>
      </c>
      <c r="S3114" s="124">
        <f t="shared" si="48"/>
        <v>1.5700425284633031</v>
      </c>
    </row>
    <row r="3115" spans="8:19" x14ac:dyDescent="0.3">
      <c r="H3115" s="44">
        <v>3108</v>
      </c>
      <c r="I3115" s="56">
        <f>Bühler!I3141</f>
        <v>0.41805866142513981</v>
      </c>
      <c r="J3115" s="59">
        <f>Bühler!J3141</f>
        <v>1.393528871417133</v>
      </c>
      <c r="K3115" s="59">
        <f>Bühler!K3141</f>
        <v>2.0902933071256991</v>
      </c>
      <c r="L3115" s="59">
        <f>Bühler!L3141</f>
        <v>10.033407874203355</v>
      </c>
      <c r="M3115" s="58">
        <f>Bühler!M3141</f>
        <v>0</v>
      </c>
      <c r="N3115" s="56">
        <f>IF(Input!$D$19=1,J3115*Input!$C$19,0)+IF(Input!$D$20=1,K3115*Input!$C$20,0)+IF(Input!$D$21=1,L3115*Input!$C$21,0)+IF(Input!$D$22=1,M3115*Input!$C$22,0)</f>
        <v>0.41805866142513987</v>
      </c>
      <c r="O3115" s="59">
        <f>IF(Input!$D$19=2,J3115*Input!$C$19,0)+IF(Input!$D$20=2,K3115*Input!$C$20,0)+IF(Input!$D$21=2,L3115*Input!$C$21,0)+IF(Input!$D$22=2,M3115*Input!$C$22,0)</f>
        <v>1.0451466535628495</v>
      </c>
      <c r="P3115" s="59">
        <f>IF(Input!$D$19=3,J3115*Input!$C$19,0)+IF(Input!$D$20=3,K3115*Input!$C$20,0)+IF(Input!$D$21=3,L3115*Input!$C$21,0)+IF(Input!$D$22=3,M3115*Input!$C$22,0)</f>
        <v>0</v>
      </c>
      <c r="Q3115" s="75">
        <f>IF(Input!$D$19=4,J3115*Input!$C$19,0)+IF(Input!$D$20=4,K3115*Input!$C$20,0)+IF(Input!$D$21=4,L3115*Input!$C$21,0)+IF(Input!$D$22=4,M3115*Input!$C$22,0)</f>
        <v>0</v>
      </c>
      <c r="R3115" s="58">
        <v>69.47085920432751</v>
      </c>
      <c r="S3115" s="124">
        <f t="shared" si="48"/>
        <v>1.8115875328422728</v>
      </c>
    </row>
    <row r="3116" spans="8:19" x14ac:dyDescent="0.3">
      <c r="H3116" s="44">
        <v>3109</v>
      </c>
      <c r="I3116" s="56">
        <f>Bühler!I3142</f>
        <v>0.41805866142513981</v>
      </c>
      <c r="J3116" s="59">
        <f>Bühler!J3142</f>
        <v>1.393528871417133</v>
      </c>
      <c r="K3116" s="59">
        <f>Bühler!K3142</f>
        <v>2.0902933071256991</v>
      </c>
      <c r="L3116" s="59">
        <f>Bühler!L3142</f>
        <v>10.033407874203355</v>
      </c>
      <c r="M3116" s="58">
        <f>Bühler!M3142</f>
        <v>0</v>
      </c>
      <c r="N3116" s="56">
        <f>IF(Input!$D$19=1,J3116*Input!$C$19,0)+IF(Input!$D$20=1,K3116*Input!$C$20,0)+IF(Input!$D$21=1,L3116*Input!$C$21,0)+IF(Input!$D$22=1,M3116*Input!$C$22,0)</f>
        <v>0.41805866142513987</v>
      </c>
      <c r="O3116" s="59">
        <f>IF(Input!$D$19=2,J3116*Input!$C$19,0)+IF(Input!$D$20=2,K3116*Input!$C$20,0)+IF(Input!$D$21=2,L3116*Input!$C$21,0)+IF(Input!$D$22=2,M3116*Input!$C$22,0)</f>
        <v>1.0451466535628495</v>
      </c>
      <c r="P3116" s="59">
        <f>IF(Input!$D$19=3,J3116*Input!$C$19,0)+IF(Input!$D$20=3,K3116*Input!$C$20,0)+IF(Input!$D$21=3,L3116*Input!$C$21,0)+IF(Input!$D$22=3,M3116*Input!$C$22,0)</f>
        <v>0</v>
      </c>
      <c r="Q3116" s="75">
        <f>IF(Input!$D$19=4,J3116*Input!$C$19,0)+IF(Input!$D$20=4,K3116*Input!$C$20,0)+IF(Input!$D$21=4,L3116*Input!$C$21,0)+IF(Input!$D$22=4,M3116*Input!$C$22,0)</f>
        <v>0</v>
      </c>
      <c r="R3116" s="58">
        <v>69.043799172160107</v>
      </c>
      <c r="S3116" s="124">
        <f t="shared" si="48"/>
        <v>1.8115875328422728</v>
      </c>
    </row>
    <row r="3117" spans="8:19" x14ac:dyDescent="0.3">
      <c r="H3117" s="44">
        <v>3110</v>
      </c>
      <c r="I3117" s="56">
        <f>Bühler!I3143</f>
        <v>0.41805866142513981</v>
      </c>
      <c r="J3117" s="59">
        <f>Bühler!J3143</f>
        <v>1.393528871417133</v>
      </c>
      <c r="K3117" s="59">
        <f>Bühler!K3143</f>
        <v>2.0902933071256991</v>
      </c>
      <c r="L3117" s="59">
        <f>Bühler!L3143</f>
        <v>10.033407874203355</v>
      </c>
      <c r="M3117" s="58">
        <f>Bühler!M3143</f>
        <v>0</v>
      </c>
      <c r="N3117" s="56">
        <f>IF(Input!$D$19=1,J3117*Input!$C$19,0)+IF(Input!$D$20=1,K3117*Input!$C$20,0)+IF(Input!$D$21=1,L3117*Input!$C$21,0)+IF(Input!$D$22=1,M3117*Input!$C$22,0)</f>
        <v>0.41805866142513987</v>
      </c>
      <c r="O3117" s="59">
        <f>IF(Input!$D$19=2,J3117*Input!$C$19,0)+IF(Input!$D$20=2,K3117*Input!$C$20,0)+IF(Input!$D$21=2,L3117*Input!$C$21,0)+IF(Input!$D$22=2,M3117*Input!$C$22,0)</f>
        <v>1.0451466535628495</v>
      </c>
      <c r="P3117" s="59">
        <f>IF(Input!$D$19=3,J3117*Input!$C$19,0)+IF(Input!$D$20=3,K3117*Input!$C$20,0)+IF(Input!$D$21=3,L3117*Input!$C$21,0)+IF(Input!$D$22=3,M3117*Input!$C$22,0)</f>
        <v>0</v>
      </c>
      <c r="Q3117" s="75">
        <f>IF(Input!$D$19=4,J3117*Input!$C$19,0)+IF(Input!$D$20=4,K3117*Input!$C$20,0)+IF(Input!$D$21=4,L3117*Input!$C$21,0)+IF(Input!$D$22=4,M3117*Input!$C$22,0)</f>
        <v>0</v>
      </c>
      <c r="R3117" s="58">
        <v>68.552678679827977</v>
      </c>
      <c r="S3117" s="124">
        <f t="shared" si="48"/>
        <v>1.8115875328422728</v>
      </c>
    </row>
    <row r="3118" spans="8:19" x14ac:dyDescent="0.3">
      <c r="H3118" s="44">
        <v>3111</v>
      </c>
      <c r="I3118" s="56">
        <f>Bühler!I3144</f>
        <v>0.41805866142513981</v>
      </c>
      <c r="J3118" s="59">
        <f>Bühler!J3144</f>
        <v>1.393528871417133</v>
      </c>
      <c r="K3118" s="59">
        <f>Bühler!K3144</f>
        <v>2.0902933071256991</v>
      </c>
      <c r="L3118" s="59">
        <f>Bühler!L3144</f>
        <v>10.033407874203355</v>
      </c>
      <c r="M3118" s="58">
        <f>Bühler!M3144</f>
        <v>0</v>
      </c>
      <c r="N3118" s="56">
        <f>IF(Input!$D$19=1,J3118*Input!$C$19,0)+IF(Input!$D$20=1,K3118*Input!$C$20,0)+IF(Input!$D$21=1,L3118*Input!$C$21,0)+IF(Input!$D$22=1,M3118*Input!$C$22,0)</f>
        <v>0.41805866142513987</v>
      </c>
      <c r="O3118" s="59">
        <f>IF(Input!$D$19=2,J3118*Input!$C$19,0)+IF(Input!$D$20=2,K3118*Input!$C$20,0)+IF(Input!$D$21=2,L3118*Input!$C$21,0)+IF(Input!$D$22=2,M3118*Input!$C$22,0)</f>
        <v>1.0451466535628495</v>
      </c>
      <c r="P3118" s="59">
        <f>IF(Input!$D$19=3,J3118*Input!$C$19,0)+IF(Input!$D$20=3,K3118*Input!$C$20,0)+IF(Input!$D$21=3,L3118*Input!$C$21,0)+IF(Input!$D$22=3,M3118*Input!$C$22,0)</f>
        <v>0</v>
      </c>
      <c r="Q3118" s="75">
        <f>IF(Input!$D$19=4,J3118*Input!$C$19,0)+IF(Input!$D$20=4,K3118*Input!$C$20,0)+IF(Input!$D$21=4,L3118*Input!$C$21,0)+IF(Input!$D$22=4,M3118*Input!$C$22,0)</f>
        <v>0</v>
      </c>
      <c r="R3118" s="58">
        <v>68.139235703328609</v>
      </c>
      <c r="S3118" s="124">
        <f t="shared" si="48"/>
        <v>1.8115875328422728</v>
      </c>
    </row>
    <row r="3119" spans="8:19" x14ac:dyDescent="0.3">
      <c r="H3119" s="44">
        <v>3112</v>
      </c>
      <c r="I3119" s="56">
        <f>Bühler!I3145</f>
        <v>0.41805866142513981</v>
      </c>
      <c r="J3119" s="59">
        <f>Bühler!J3145</f>
        <v>1.393528871417133</v>
      </c>
      <c r="K3119" s="59">
        <f>Bühler!K3145</f>
        <v>2.0902933071256991</v>
      </c>
      <c r="L3119" s="59">
        <f>Bühler!L3145</f>
        <v>10.033407874203355</v>
      </c>
      <c r="M3119" s="58">
        <f>Bühler!M3145</f>
        <v>0</v>
      </c>
      <c r="N3119" s="56">
        <f>IF(Input!$D$19=1,J3119*Input!$C$19,0)+IF(Input!$D$20=1,K3119*Input!$C$20,0)+IF(Input!$D$21=1,L3119*Input!$C$21,0)+IF(Input!$D$22=1,M3119*Input!$C$22,0)</f>
        <v>0.41805866142513987</v>
      </c>
      <c r="O3119" s="59">
        <f>IF(Input!$D$19=2,J3119*Input!$C$19,0)+IF(Input!$D$20=2,K3119*Input!$C$20,0)+IF(Input!$D$21=2,L3119*Input!$C$21,0)+IF(Input!$D$22=2,M3119*Input!$C$22,0)</f>
        <v>1.0451466535628495</v>
      </c>
      <c r="P3119" s="59">
        <f>IF(Input!$D$19=3,J3119*Input!$C$19,0)+IF(Input!$D$20=3,K3119*Input!$C$20,0)+IF(Input!$D$21=3,L3119*Input!$C$21,0)+IF(Input!$D$22=3,M3119*Input!$C$22,0)</f>
        <v>0</v>
      </c>
      <c r="Q3119" s="75">
        <f>IF(Input!$D$19=4,J3119*Input!$C$19,0)+IF(Input!$D$20=4,K3119*Input!$C$20,0)+IF(Input!$D$21=4,L3119*Input!$C$21,0)+IF(Input!$D$22=4,M3119*Input!$C$22,0)</f>
        <v>0</v>
      </c>
      <c r="R3119" s="58">
        <v>67.272993699599695</v>
      </c>
      <c r="S3119" s="124">
        <f t="shared" si="48"/>
        <v>1.8115875328422728</v>
      </c>
    </row>
    <row r="3120" spans="8:19" x14ac:dyDescent="0.3">
      <c r="H3120" s="44">
        <v>3113</v>
      </c>
      <c r="I3120" s="56">
        <f>Bühler!I3146</f>
        <v>0.41805866142513981</v>
      </c>
      <c r="J3120" s="59">
        <f>Bühler!J3146</f>
        <v>1.393528871417133</v>
      </c>
      <c r="K3120" s="59">
        <f>Bühler!K3146</f>
        <v>2.0902933071256991</v>
      </c>
      <c r="L3120" s="59">
        <f>Bühler!L3146</f>
        <v>10.033407874203355</v>
      </c>
      <c r="M3120" s="58">
        <f>Bühler!M3146</f>
        <v>0</v>
      </c>
      <c r="N3120" s="56">
        <f>IF(Input!$D$19=1,J3120*Input!$C$19,0)+IF(Input!$D$20=1,K3120*Input!$C$20,0)+IF(Input!$D$21=1,L3120*Input!$C$21,0)+IF(Input!$D$22=1,M3120*Input!$C$22,0)</f>
        <v>0.41805866142513987</v>
      </c>
      <c r="O3120" s="59">
        <f>IF(Input!$D$19=2,J3120*Input!$C$19,0)+IF(Input!$D$20=2,K3120*Input!$C$20,0)+IF(Input!$D$21=2,L3120*Input!$C$21,0)+IF(Input!$D$22=2,M3120*Input!$C$22,0)</f>
        <v>1.0451466535628495</v>
      </c>
      <c r="P3120" s="59">
        <f>IF(Input!$D$19=3,J3120*Input!$C$19,0)+IF(Input!$D$20=3,K3120*Input!$C$20,0)+IF(Input!$D$21=3,L3120*Input!$C$21,0)+IF(Input!$D$22=3,M3120*Input!$C$22,0)</f>
        <v>0</v>
      </c>
      <c r="Q3120" s="75">
        <f>IF(Input!$D$19=4,J3120*Input!$C$19,0)+IF(Input!$D$20=4,K3120*Input!$C$20,0)+IF(Input!$D$21=4,L3120*Input!$C$21,0)+IF(Input!$D$22=4,M3120*Input!$C$22,0)</f>
        <v>0</v>
      </c>
      <c r="R3120" s="58">
        <v>67.016775905387703</v>
      </c>
      <c r="S3120" s="124">
        <f t="shared" si="48"/>
        <v>1.8115875328422728</v>
      </c>
    </row>
    <row r="3121" spans="8:19" x14ac:dyDescent="0.3">
      <c r="H3121" s="44">
        <v>3114</v>
      </c>
      <c r="I3121" s="56">
        <f>Bühler!I3147</f>
        <v>0.41805866142513981</v>
      </c>
      <c r="J3121" s="59">
        <f>Bühler!J3147</f>
        <v>1.393528871417133</v>
      </c>
      <c r="K3121" s="59">
        <f>Bühler!K3147</f>
        <v>2.0902933071256991</v>
      </c>
      <c r="L3121" s="59">
        <f>Bühler!L3147</f>
        <v>10.033407874203355</v>
      </c>
      <c r="M3121" s="58">
        <f>Bühler!M3147</f>
        <v>0</v>
      </c>
      <c r="N3121" s="56">
        <f>IF(Input!$D$19=1,J3121*Input!$C$19,0)+IF(Input!$D$20=1,K3121*Input!$C$20,0)+IF(Input!$D$21=1,L3121*Input!$C$21,0)+IF(Input!$D$22=1,M3121*Input!$C$22,0)</f>
        <v>0.41805866142513987</v>
      </c>
      <c r="O3121" s="59">
        <f>IF(Input!$D$19=2,J3121*Input!$C$19,0)+IF(Input!$D$20=2,K3121*Input!$C$20,0)+IF(Input!$D$21=2,L3121*Input!$C$21,0)+IF(Input!$D$22=2,M3121*Input!$C$22,0)</f>
        <v>1.0451466535628495</v>
      </c>
      <c r="P3121" s="59">
        <f>IF(Input!$D$19=3,J3121*Input!$C$19,0)+IF(Input!$D$20=3,K3121*Input!$C$20,0)+IF(Input!$D$21=3,L3121*Input!$C$21,0)+IF(Input!$D$22=3,M3121*Input!$C$22,0)</f>
        <v>0</v>
      </c>
      <c r="Q3121" s="75">
        <f>IF(Input!$D$19=4,J3121*Input!$C$19,0)+IF(Input!$D$20=4,K3121*Input!$C$20,0)+IF(Input!$D$21=4,L3121*Input!$C$21,0)+IF(Input!$D$22=4,M3121*Input!$C$22,0)</f>
        <v>0</v>
      </c>
      <c r="R3121" s="58">
        <v>65.357926040987891</v>
      </c>
      <c r="S3121" s="124">
        <f t="shared" si="48"/>
        <v>1.8115875328422728</v>
      </c>
    </row>
    <row r="3122" spans="8:19" x14ac:dyDescent="0.3">
      <c r="H3122" s="44">
        <v>3115</v>
      </c>
      <c r="I3122" s="56">
        <f>Bühler!I3148</f>
        <v>0.41805866142513981</v>
      </c>
      <c r="J3122" s="59">
        <f>Bühler!J3148</f>
        <v>1.393528871417133</v>
      </c>
      <c r="K3122" s="59">
        <f>Bühler!K3148</f>
        <v>2.0902933071256991</v>
      </c>
      <c r="L3122" s="59">
        <f>Bühler!L3148</f>
        <v>10.033407874203355</v>
      </c>
      <c r="M3122" s="58">
        <f>Bühler!M3148</f>
        <v>0</v>
      </c>
      <c r="N3122" s="56">
        <f>IF(Input!$D$19=1,J3122*Input!$C$19,0)+IF(Input!$D$20=1,K3122*Input!$C$20,0)+IF(Input!$D$21=1,L3122*Input!$C$21,0)+IF(Input!$D$22=1,M3122*Input!$C$22,0)</f>
        <v>0.41805866142513987</v>
      </c>
      <c r="O3122" s="59">
        <f>IF(Input!$D$19=2,J3122*Input!$C$19,0)+IF(Input!$D$20=2,K3122*Input!$C$20,0)+IF(Input!$D$21=2,L3122*Input!$C$21,0)+IF(Input!$D$22=2,M3122*Input!$C$22,0)</f>
        <v>1.0451466535628495</v>
      </c>
      <c r="P3122" s="59">
        <f>IF(Input!$D$19=3,J3122*Input!$C$19,0)+IF(Input!$D$20=3,K3122*Input!$C$20,0)+IF(Input!$D$21=3,L3122*Input!$C$21,0)+IF(Input!$D$22=3,M3122*Input!$C$22,0)</f>
        <v>0</v>
      </c>
      <c r="Q3122" s="75">
        <f>IF(Input!$D$19=4,J3122*Input!$C$19,0)+IF(Input!$D$20=4,K3122*Input!$C$20,0)+IF(Input!$D$21=4,L3122*Input!$C$21,0)+IF(Input!$D$22=4,M3122*Input!$C$22,0)</f>
        <v>0</v>
      </c>
      <c r="R3122" s="58">
        <v>64.007872664473922</v>
      </c>
      <c r="S3122" s="124">
        <f t="shared" si="48"/>
        <v>1.8115875328422728</v>
      </c>
    </row>
    <row r="3123" spans="8:19" x14ac:dyDescent="0.3">
      <c r="H3123" s="44">
        <v>3116</v>
      </c>
      <c r="I3123" s="56">
        <f>Bühler!I3149</f>
        <v>0.34838221785428319</v>
      </c>
      <c r="J3123" s="59">
        <f>Bühler!J3149</f>
        <v>1.1612740595142774</v>
      </c>
      <c r="K3123" s="59">
        <f>Bühler!K3149</f>
        <v>1.7419110892714158</v>
      </c>
      <c r="L3123" s="59">
        <f>Bühler!L3149</f>
        <v>8.3611732285027962</v>
      </c>
      <c r="M3123" s="58">
        <f>Bühler!M3149</f>
        <v>0</v>
      </c>
      <c r="N3123" s="56">
        <f>IF(Input!$D$19=1,J3123*Input!$C$19,0)+IF(Input!$D$20=1,K3123*Input!$C$20,0)+IF(Input!$D$21=1,L3123*Input!$C$21,0)+IF(Input!$D$22=1,M3123*Input!$C$22,0)</f>
        <v>0.34838221785428319</v>
      </c>
      <c r="O3123" s="59">
        <f>IF(Input!$D$19=2,J3123*Input!$C$19,0)+IF(Input!$D$20=2,K3123*Input!$C$20,0)+IF(Input!$D$21=2,L3123*Input!$C$21,0)+IF(Input!$D$22=2,M3123*Input!$C$22,0)</f>
        <v>0.8709555446357079</v>
      </c>
      <c r="P3123" s="59">
        <f>IF(Input!$D$19=3,J3123*Input!$C$19,0)+IF(Input!$D$20=3,K3123*Input!$C$20,0)+IF(Input!$D$21=3,L3123*Input!$C$21,0)+IF(Input!$D$22=3,M3123*Input!$C$22,0)</f>
        <v>0</v>
      </c>
      <c r="Q3123" s="75">
        <f>IF(Input!$D$19=4,J3123*Input!$C$19,0)+IF(Input!$D$20=4,K3123*Input!$C$20,0)+IF(Input!$D$21=4,L3123*Input!$C$21,0)+IF(Input!$D$22=4,M3123*Input!$C$22,0)</f>
        <v>0</v>
      </c>
      <c r="R3123" s="58">
        <v>62.43886738651976</v>
      </c>
      <c r="S3123" s="124">
        <f t="shared" si="48"/>
        <v>1.5096562773685607</v>
      </c>
    </row>
    <row r="3124" spans="8:19" x14ac:dyDescent="0.3">
      <c r="H3124" s="44">
        <v>3117</v>
      </c>
      <c r="I3124" s="56">
        <f>Bühler!I3150</f>
        <v>0.27870577428342658</v>
      </c>
      <c r="J3124" s="59">
        <f>Bühler!J3150</f>
        <v>0.92901924761142196</v>
      </c>
      <c r="K3124" s="59">
        <f>Bühler!K3150</f>
        <v>1.3935288714171328</v>
      </c>
      <c r="L3124" s="59">
        <f>Bühler!L3150</f>
        <v>6.6889385828022379</v>
      </c>
      <c r="M3124" s="58">
        <f>Bühler!M3150</f>
        <v>0</v>
      </c>
      <c r="N3124" s="56">
        <f>IF(Input!$D$19=1,J3124*Input!$C$19,0)+IF(Input!$D$20=1,K3124*Input!$C$20,0)+IF(Input!$D$21=1,L3124*Input!$C$21,0)+IF(Input!$D$22=1,M3124*Input!$C$22,0)</f>
        <v>0.27870577428342658</v>
      </c>
      <c r="O3124" s="59">
        <f>IF(Input!$D$19=2,J3124*Input!$C$19,0)+IF(Input!$D$20=2,K3124*Input!$C$20,0)+IF(Input!$D$21=2,L3124*Input!$C$21,0)+IF(Input!$D$22=2,M3124*Input!$C$22,0)</f>
        <v>0.69676443570856639</v>
      </c>
      <c r="P3124" s="59">
        <f>IF(Input!$D$19=3,J3124*Input!$C$19,0)+IF(Input!$D$20=3,K3124*Input!$C$20,0)+IF(Input!$D$21=3,L3124*Input!$C$21,0)+IF(Input!$D$22=3,M3124*Input!$C$22,0)</f>
        <v>0</v>
      </c>
      <c r="Q3124" s="75">
        <f>IF(Input!$D$19=4,J3124*Input!$C$19,0)+IF(Input!$D$20=4,K3124*Input!$C$20,0)+IF(Input!$D$21=4,L3124*Input!$C$21,0)+IF(Input!$D$22=4,M3124*Input!$C$22,0)</f>
        <v>0</v>
      </c>
      <c r="R3124" s="58">
        <v>60.121217488007801</v>
      </c>
      <c r="S3124" s="124">
        <f t="shared" si="48"/>
        <v>1.2077250218948485</v>
      </c>
    </row>
    <row r="3125" spans="8:19" x14ac:dyDescent="0.3">
      <c r="H3125" s="44">
        <v>3118</v>
      </c>
      <c r="I3125" s="56">
        <f>Bühler!I3151</f>
        <v>0.20902933071256991</v>
      </c>
      <c r="J3125" s="59">
        <f>Bühler!J3151</f>
        <v>0.6967644357085665</v>
      </c>
      <c r="K3125" s="59">
        <f>Bühler!K3151</f>
        <v>1.0451466535628495</v>
      </c>
      <c r="L3125" s="59">
        <f>Bühler!L3151</f>
        <v>5.0167039371016777</v>
      </c>
      <c r="M3125" s="58">
        <f>Bühler!M3151</f>
        <v>0</v>
      </c>
      <c r="N3125" s="56">
        <f>IF(Input!$D$19=1,J3125*Input!$C$19,0)+IF(Input!$D$20=1,K3125*Input!$C$20,0)+IF(Input!$D$21=1,L3125*Input!$C$21,0)+IF(Input!$D$22=1,M3125*Input!$C$22,0)</f>
        <v>0.20902933071256993</v>
      </c>
      <c r="O3125" s="59">
        <f>IF(Input!$D$19=2,J3125*Input!$C$19,0)+IF(Input!$D$20=2,K3125*Input!$C$20,0)+IF(Input!$D$21=2,L3125*Input!$C$21,0)+IF(Input!$D$22=2,M3125*Input!$C$22,0)</f>
        <v>0.52257332678142476</v>
      </c>
      <c r="P3125" s="59">
        <f>IF(Input!$D$19=3,J3125*Input!$C$19,0)+IF(Input!$D$20=3,K3125*Input!$C$20,0)+IF(Input!$D$21=3,L3125*Input!$C$21,0)+IF(Input!$D$22=3,M3125*Input!$C$22,0)</f>
        <v>0</v>
      </c>
      <c r="Q3125" s="75">
        <f>IF(Input!$D$19=4,J3125*Input!$C$19,0)+IF(Input!$D$20=4,K3125*Input!$C$20,0)+IF(Input!$D$21=4,L3125*Input!$C$21,0)+IF(Input!$D$22=4,M3125*Input!$C$22,0)</f>
        <v>0</v>
      </c>
      <c r="R3125" s="58">
        <v>58.42063009201955</v>
      </c>
      <c r="S3125" s="124">
        <f t="shared" si="48"/>
        <v>0.9057937664211364</v>
      </c>
    </row>
    <row r="3126" spans="8:19" x14ac:dyDescent="0.3">
      <c r="H3126" s="44">
        <v>3119</v>
      </c>
      <c r="I3126" s="56">
        <f>Bühler!I3152</f>
        <v>0.20902933071256991</v>
      </c>
      <c r="J3126" s="59">
        <f>Bühler!J3152</f>
        <v>0.6967644357085665</v>
      </c>
      <c r="K3126" s="59">
        <f>Bühler!K3152</f>
        <v>1.0451466535628495</v>
      </c>
      <c r="L3126" s="59">
        <f>Bühler!L3152</f>
        <v>5.0167039371016777</v>
      </c>
      <c r="M3126" s="58">
        <f>Bühler!M3152</f>
        <v>0</v>
      </c>
      <c r="N3126" s="56">
        <f>IF(Input!$D$19=1,J3126*Input!$C$19,0)+IF(Input!$D$20=1,K3126*Input!$C$20,0)+IF(Input!$D$21=1,L3126*Input!$C$21,0)+IF(Input!$D$22=1,M3126*Input!$C$22,0)</f>
        <v>0.20902933071256993</v>
      </c>
      <c r="O3126" s="59">
        <f>IF(Input!$D$19=2,J3126*Input!$C$19,0)+IF(Input!$D$20=2,K3126*Input!$C$20,0)+IF(Input!$D$21=2,L3126*Input!$C$21,0)+IF(Input!$D$22=2,M3126*Input!$C$22,0)</f>
        <v>0.52257332678142476</v>
      </c>
      <c r="P3126" s="59">
        <f>IF(Input!$D$19=3,J3126*Input!$C$19,0)+IF(Input!$D$20=3,K3126*Input!$C$20,0)+IF(Input!$D$21=3,L3126*Input!$C$21,0)+IF(Input!$D$22=3,M3126*Input!$C$22,0)</f>
        <v>0</v>
      </c>
      <c r="Q3126" s="75">
        <f>IF(Input!$D$19=4,J3126*Input!$C$19,0)+IF(Input!$D$20=4,K3126*Input!$C$20,0)+IF(Input!$D$21=4,L3126*Input!$C$21,0)+IF(Input!$D$22=4,M3126*Input!$C$22,0)</f>
        <v>0</v>
      </c>
      <c r="R3126" s="58">
        <v>57.795091354271065</v>
      </c>
      <c r="S3126" s="124">
        <f t="shared" si="48"/>
        <v>0.9057937664211364</v>
      </c>
    </row>
    <row r="3127" spans="8:19" x14ac:dyDescent="0.3">
      <c r="H3127" s="44">
        <v>3120</v>
      </c>
      <c r="I3127" s="56">
        <f>Bühler!I3153</f>
        <v>0.20902933071256991</v>
      </c>
      <c r="J3127" s="59">
        <f>Bühler!J3153</f>
        <v>0.6967644357085665</v>
      </c>
      <c r="K3127" s="59">
        <f>Bühler!K3153</f>
        <v>1.0451466535628495</v>
      </c>
      <c r="L3127" s="59">
        <f>Bühler!L3153</f>
        <v>5.0167039371016777</v>
      </c>
      <c r="M3127" s="58">
        <f>Bühler!M3153</f>
        <v>0</v>
      </c>
      <c r="N3127" s="56">
        <f>IF(Input!$D$19=1,J3127*Input!$C$19,0)+IF(Input!$D$20=1,K3127*Input!$C$20,0)+IF(Input!$D$21=1,L3127*Input!$C$21,0)+IF(Input!$D$22=1,M3127*Input!$C$22,0)</f>
        <v>0.20902933071256993</v>
      </c>
      <c r="O3127" s="59">
        <f>IF(Input!$D$19=2,J3127*Input!$C$19,0)+IF(Input!$D$20=2,K3127*Input!$C$20,0)+IF(Input!$D$21=2,L3127*Input!$C$21,0)+IF(Input!$D$22=2,M3127*Input!$C$22,0)</f>
        <v>0.52257332678142476</v>
      </c>
      <c r="P3127" s="59">
        <f>IF(Input!$D$19=3,J3127*Input!$C$19,0)+IF(Input!$D$20=3,K3127*Input!$C$20,0)+IF(Input!$D$21=3,L3127*Input!$C$21,0)+IF(Input!$D$22=3,M3127*Input!$C$22,0)</f>
        <v>0</v>
      </c>
      <c r="Q3127" s="75">
        <f>IF(Input!$D$19=4,J3127*Input!$C$19,0)+IF(Input!$D$20=4,K3127*Input!$C$20,0)+IF(Input!$D$21=4,L3127*Input!$C$21,0)+IF(Input!$D$22=4,M3127*Input!$C$22,0)</f>
        <v>0</v>
      </c>
      <c r="R3127" s="58">
        <v>57.025118378732266</v>
      </c>
      <c r="S3127" s="124">
        <f t="shared" si="48"/>
        <v>0.9057937664211364</v>
      </c>
    </row>
    <row r="3128" spans="8:19" x14ac:dyDescent="0.3">
      <c r="H3128" s="44">
        <v>3121</v>
      </c>
      <c r="I3128" s="56">
        <f>Bühler!I3154</f>
        <v>0.23246054010033554</v>
      </c>
      <c r="J3128" s="59">
        <f>Bühler!J3154</f>
        <v>0.77486846700111855</v>
      </c>
      <c r="K3128" s="59">
        <f>Bühler!K3154</f>
        <v>1.1623027005016777</v>
      </c>
      <c r="L3128" s="59">
        <f>Bühler!L3154</f>
        <v>5.5790529624080527</v>
      </c>
      <c r="M3128" s="58">
        <f>Bühler!M3154</f>
        <v>0</v>
      </c>
      <c r="N3128" s="56">
        <f>IF(Input!$D$19=1,J3128*Input!$C$19,0)+IF(Input!$D$20=1,K3128*Input!$C$20,0)+IF(Input!$D$21=1,L3128*Input!$C$21,0)+IF(Input!$D$22=1,M3128*Input!$C$22,0)</f>
        <v>0.23246054010033557</v>
      </c>
      <c r="O3128" s="59">
        <f>IF(Input!$D$19=2,J3128*Input!$C$19,0)+IF(Input!$D$20=2,K3128*Input!$C$20,0)+IF(Input!$D$21=2,L3128*Input!$C$21,0)+IF(Input!$D$22=2,M3128*Input!$C$22,0)</f>
        <v>0.58115135025083886</v>
      </c>
      <c r="P3128" s="59">
        <f>IF(Input!$D$19=3,J3128*Input!$C$19,0)+IF(Input!$D$20=3,K3128*Input!$C$20,0)+IF(Input!$D$21=3,L3128*Input!$C$21,0)+IF(Input!$D$22=3,M3128*Input!$C$22,0)</f>
        <v>0</v>
      </c>
      <c r="Q3128" s="75">
        <f>IF(Input!$D$19=4,J3128*Input!$C$19,0)+IF(Input!$D$20=4,K3128*Input!$C$20,0)+IF(Input!$D$21=4,L3128*Input!$C$21,0)+IF(Input!$D$22=4,M3128*Input!$C$22,0)</f>
        <v>0</v>
      </c>
      <c r="R3128" s="58">
        <v>46.91267307812759</v>
      </c>
      <c r="S3128" s="124">
        <f t="shared" si="48"/>
        <v>1.007329007101454</v>
      </c>
    </row>
    <row r="3129" spans="8:19" x14ac:dyDescent="0.3">
      <c r="H3129" s="44">
        <v>3122</v>
      </c>
      <c r="I3129" s="56">
        <f>Bühler!I3155</f>
        <v>0.23246054010033554</v>
      </c>
      <c r="J3129" s="59">
        <f>Bühler!J3155</f>
        <v>0.77486846700111855</v>
      </c>
      <c r="K3129" s="59">
        <f>Bühler!K3155</f>
        <v>1.1623027005016777</v>
      </c>
      <c r="L3129" s="59">
        <f>Bühler!L3155</f>
        <v>5.5790529624080527</v>
      </c>
      <c r="M3129" s="58">
        <f>Bühler!M3155</f>
        <v>0</v>
      </c>
      <c r="N3129" s="56">
        <f>IF(Input!$D$19=1,J3129*Input!$C$19,0)+IF(Input!$D$20=1,K3129*Input!$C$20,0)+IF(Input!$D$21=1,L3129*Input!$C$21,0)+IF(Input!$D$22=1,M3129*Input!$C$22,0)</f>
        <v>0.23246054010033557</v>
      </c>
      <c r="O3129" s="59">
        <f>IF(Input!$D$19=2,J3129*Input!$C$19,0)+IF(Input!$D$20=2,K3129*Input!$C$20,0)+IF(Input!$D$21=2,L3129*Input!$C$21,0)+IF(Input!$D$22=2,M3129*Input!$C$22,0)</f>
        <v>0.58115135025083886</v>
      </c>
      <c r="P3129" s="59">
        <f>IF(Input!$D$19=3,J3129*Input!$C$19,0)+IF(Input!$D$20=3,K3129*Input!$C$20,0)+IF(Input!$D$21=3,L3129*Input!$C$21,0)+IF(Input!$D$22=3,M3129*Input!$C$22,0)</f>
        <v>0</v>
      </c>
      <c r="Q3129" s="75">
        <f>IF(Input!$D$19=4,J3129*Input!$C$19,0)+IF(Input!$D$20=4,K3129*Input!$C$20,0)+IF(Input!$D$21=4,L3129*Input!$C$21,0)+IF(Input!$D$22=4,M3129*Input!$C$22,0)</f>
        <v>0</v>
      </c>
      <c r="R3129" s="58">
        <v>46.533042171462114</v>
      </c>
      <c r="S3129" s="124">
        <f t="shared" si="48"/>
        <v>1.007329007101454</v>
      </c>
    </row>
    <row r="3130" spans="8:19" x14ac:dyDescent="0.3">
      <c r="H3130" s="44">
        <v>3123</v>
      </c>
      <c r="I3130" s="56">
        <f>Bühler!I3156</f>
        <v>0.23246054010033554</v>
      </c>
      <c r="J3130" s="59">
        <f>Bühler!J3156</f>
        <v>0.77486846700111855</v>
      </c>
      <c r="K3130" s="59">
        <f>Bühler!K3156</f>
        <v>1.1623027005016777</v>
      </c>
      <c r="L3130" s="59">
        <f>Bühler!L3156</f>
        <v>5.5790529624080527</v>
      </c>
      <c r="M3130" s="58">
        <f>Bühler!M3156</f>
        <v>0</v>
      </c>
      <c r="N3130" s="56">
        <f>IF(Input!$D$19=1,J3130*Input!$C$19,0)+IF(Input!$D$20=1,K3130*Input!$C$20,0)+IF(Input!$D$21=1,L3130*Input!$C$21,0)+IF(Input!$D$22=1,M3130*Input!$C$22,0)</f>
        <v>0.23246054010033557</v>
      </c>
      <c r="O3130" s="59">
        <f>IF(Input!$D$19=2,J3130*Input!$C$19,0)+IF(Input!$D$20=2,K3130*Input!$C$20,0)+IF(Input!$D$21=2,L3130*Input!$C$21,0)+IF(Input!$D$22=2,M3130*Input!$C$22,0)</f>
        <v>0.58115135025083886</v>
      </c>
      <c r="P3130" s="59">
        <f>IF(Input!$D$19=3,J3130*Input!$C$19,0)+IF(Input!$D$20=3,K3130*Input!$C$20,0)+IF(Input!$D$21=3,L3130*Input!$C$21,0)+IF(Input!$D$22=3,M3130*Input!$C$22,0)</f>
        <v>0</v>
      </c>
      <c r="Q3130" s="75">
        <f>IF(Input!$D$19=4,J3130*Input!$C$19,0)+IF(Input!$D$20=4,K3130*Input!$C$20,0)+IF(Input!$D$21=4,L3130*Input!$C$21,0)+IF(Input!$D$22=4,M3130*Input!$C$22,0)</f>
        <v>0</v>
      </c>
      <c r="R3130" s="58">
        <v>46.446605374503498</v>
      </c>
      <c r="S3130" s="124">
        <f t="shared" si="48"/>
        <v>1.007329007101454</v>
      </c>
    </row>
    <row r="3131" spans="8:19" x14ac:dyDescent="0.3">
      <c r="H3131" s="44">
        <v>3124</v>
      </c>
      <c r="I3131" s="56">
        <f>Bühler!I3157</f>
        <v>0.23246054010033554</v>
      </c>
      <c r="J3131" s="59">
        <f>Bühler!J3157</f>
        <v>0.77486846700111855</v>
      </c>
      <c r="K3131" s="59">
        <f>Bühler!K3157</f>
        <v>1.1623027005016777</v>
      </c>
      <c r="L3131" s="59">
        <f>Bühler!L3157</f>
        <v>5.5790529624080527</v>
      </c>
      <c r="M3131" s="58">
        <f>Bühler!M3157</f>
        <v>0</v>
      </c>
      <c r="N3131" s="56">
        <f>IF(Input!$D$19=1,J3131*Input!$C$19,0)+IF(Input!$D$20=1,K3131*Input!$C$20,0)+IF(Input!$D$21=1,L3131*Input!$C$21,0)+IF(Input!$D$22=1,M3131*Input!$C$22,0)</f>
        <v>0.23246054010033557</v>
      </c>
      <c r="O3131" s="59">
        <f>IF(Input!$D$19=2,J3131*Input!$C$19,0)+IF(Input!$D$20=2,K3131*Input!$C$20,0)+IF(Input!$D$21=2,L3131*Input!$C$21,0)+IF(Input!$D$22=2,M3131*Input!$C$22,0)</f>
        <v>0.58115135025083886</v>
      </c>
      <c r="P3131" s="59">
        <f>IF(Input!$D$19=3,J3131*Input!$C$19,0)+IF(Input!$D$20=3,K3131*Input!$C$20,0)+IF(Input!$D$21=3,L3131*Input!$C$21,0)+IF(Input!$D$22=3,M3131*Input!$C$22,0)</f>
        <v>0</v>
      </c>
      <c r="Q3131" s="75">
        <f>IF(Input!$D$19=4,J3131*Input!$C$19,0)+IF(Input!$D$20=4,K3131*Input!$C$20,0)+IF(Input!$D$21=4,L3131*Input!$C$21,0)+IF(Input!$D$22=4,M3131*Input!$C$22,0)</f>
        <v>0</v>
      </c>
      <c r="R3131" s="58">
        <v>46.613313604585478</v>
      </c>
      <c r="S3131" s="124">
        <f t="shared" si="48"/>
        <v>1.007329007101454</v>
      </c>
    </row>
    <row r="3132" spans="8:19" x14ac:dyDescent="0.3">
      <c r="H3132" s="44">
        <v>3125</v>
      </c>
      <c r="I3132" s="56">
        <f>Bühler!I3158</f>
        <v>0.23246054010033554</v>
      </c>
      <c r="J3132" s="59">
        <f>Bühler!J3158</f>
        <v>0.77486846700111855</v>
      </c>
      <c r="K3132" s="59">
        <f>Bühler!K3158</f>
        <v>1.1623027005016777</v>
      </c>
      <c r="L3132" s="59">
        <f>Bühler!L3158</f>
        <v>5.5790529624080527</v>
      </c>
      <c r="M3132" s="58">
        <f>Bühler!M3158</f>
        <v>0</v>
      </c>
      <c r="N3132" s="56">
        <f>IF(Input!$D$19=1,J3132*Input!$C$19,0)+IF(Input!$D$20=1,K3132*Input!$C$20,0)+IF(Input!$D$21=1,L3132*Input!$C$21,0)+IF(Input!$D$22=1,M3132*Input!$C$22,0)</f>
        <v>0.23246054010033557</v>
      </c>
      <c r="O3132" s="59">
        <f>IF(Input!$D$19=2,J3132*Input!$C$19,0)+IF(Input!$D$20=2,K3132*Input!$C$20,0)+IF(Input!$D$21=2,L3132*Input!$C$21,0)+IF(Input!$D$22=2,M3132*Input!$C$22,0)</f>
        <v>0.58115135025083886</v>
      </c>
      <c r="P3132" s="59">
        <f>IF(Input!$D$19=3,J3132*Input!$C$19,0)+IF(Input!$D$20=3,K3132*Input!$C$20,0)+IF(Input!$D$21=3,L3132*Input!$C$21,0)+IF(Input!$D$22=3,M3132*Input!$C$22,0)</f>
        <v>0</v>
      </c>
      <c r="Q3132" s="75">
        <f>IF(Input!$D$19=4,J3132*Input!$C$19,0)+IF(Input!$D$20=4,K3132*Input!$C$20,0)+IF(Input!$D$21=4,L3132*Input!$C$21,0)+IF(Input!$D$22=4,M3132*Input!$C$22,0)</f>
        <v>0</v>
      </c>
      <c r="R3132" s="58">
        <v>47.688578327799718</v>
      </c>
      <c r="S3132" s="124">
        <f t="shared" si="48"/>
        <v>1.007329007101454</v>
      </c>
    </row>
    <row r="3133" spans="8:19" x14ac:dyDescent="0.3">
      <c r="H3133" s="44">
        <v>3126</v>
      </c>
      <c r="I3133" s="56">
        <f>Bühler!I3159</f>
        <v>0.29961580724043246</v>
      </c>
      <c r="J3133" s="59">
        <f>Bühler!J3159</f>
        <v>0.99871935746810836</v>
      </c>
      <c r="K3133" s="59">
        <f>Bühler!K3159</f>
        <v>1.4980790362021623</v>
      </c>
      <c r="L3133" s="59">
        <f>Bühler!L3159</f>
        <v>7.1907793737703791</v>
      </c>
      <c r="M3133" s="58">
        <f>Bühler!M3159</f>
        <v>0</v>
      </c>
      <c r="N3133" s="56">
        <f>IF(Input!$D$19=1,J3133*Input!$C$19,0)+IF(Input!$D$20=1,K3133*Input!$C$20,0)+IF(Input!$D$21=1,L3133*Input!$C$21,0)+IF(Input!$D$22=1,M3133*Input!$C$22,0)</f>
        <v>0.29961580724043252</v>
      </c>
      <c r="O3133" s="59">
        <f>IF(Input!$D$19=2,J3133*Input!$C$19,0)+IF(Input!$D$20=2,K3133*Input!$C$20,0)+IF(Input!$D$21=2,L3133*Input!$C$21,0)+IF(Input!$D$22=2,M3133*Input!$C$22,0)</f>
        <v>0.74903951810108116</v>
      </c>
      <c r="P3133" s="59">
        <f>IF(Input!$D$19=3,J3133*Input!$C$19,0)+IF(Input!$D$20=3,K3133*Input!$C$20,0)+IF(Input!$D$21=3,L3133*Input!$C$21,0)+IF(Input!$D$22=3,M3133*Input!$C$22,0)</f>
        <v>0</v>
      </c>
      <c r="Q3133" s="75">
        <f>IF(Input!$D$19=4,J3133*Input!$C$19,0)+IF(Input!$D$20=4,K3133*Input!$C$20,0)+IF(Input!$D$21=4,L3133*Input!$C$21,0)+IF(Input!$D$22=4,M3133*Input!$C$22,0)</f>
        <v>0</v>
      </c>
      <c r="R3133" s="58">
        <v>48.965958791490678</v>
      </c>
      <c r="S3133" s="124">
        <f t="shared" si="48"/>
        <v>1.2983351647085408</v>
      </c>
    </row>
    <row r="3134" spans="8:19" x14ac:dyDescent="0.3">
      <c r="H3134" s="44">
        <v>3127</v>
      </c>
      <c r="I3134" s="56">
        <f>Bühler!I3160</f>
        <v>0.36160528460052199</v>
      </c>
      <c r="J3134" s="59">
        <f>Bühler!J3160</f>
        <v>1.2053509486684069</v>
      </c>
      <c r="K3134" s="59">
        <f>Bühler!K3160</f>
        <v>1.80802642300261</v>
      </c>
      <c r="L3134" s="59">
        <f>Bühler!L3160</f>
        <v>8.6785268304125278</v>
      </c>
      <c r="M3134" s="58">
        <f>Bühler!M3160</f>
        <v>0</v>
      </c>
      <c r="N3134" s="56">
        <f>IF(Input!$D$19=1,J3134*Input!$C$19,0)+IF(Input!$D$20=1,K3134*Input!$C$20,0)+IF(Input!$D$21=1,L3134*Input!$C$21,0)+IF(Input!$D$22=1,M3134*Input!$C$22,0)</f>
        <v>0.36160528460052205</v>
      </c>
      <c r="O3134" s="59">
        <f>IF(Input!$D$19=2,J3134*Input!$C$19,0)+IF(Input!$D$20=2,K3134*Input!$C$20,0)+IF(Input!$D$21=2,L3134*Input!$C$21,0)+IF(Input!$D$22=2,M3134*Input!$C$22,0)</f>
        <v>0.90401321150130498</v>
      </c>
      <c r="P3134" s="59">
        <f>IF(Input!$D$19=3,J3134*Input!$C$19,0)+IF(Input!$D$20=3,K3134*Input!$C$20,0)+IF(Input!$D$21=3,L3134*Input!$C$21,0)+IF(Input!$D$22=3,M3134*Input!$C$22,0)</f>
        <v>0</v>
      </c>
      <c r="Q3134" s="75">
        <f>IF(Input!$D$19=4,J3134*Input!$C$19,0)+IF(Input!$D$20=4,K3134*Input!$C$20,0)+IF(Input!$D$21=4,L3134*Input!$C$21,0)+IF(Input!$D$22=4,M3134*Input!$C$22,0)</f>
        <v>0</v>
      </c>
      <c r="R3134" s="58">
        <v>50.205262353819663</v>
      </c>
      <c r="S3134" s="124">
        <f t="shared" si="48"/>
        <v>1.5669562332689289</v>
      </c>
    </row>
    <row r="3135" spans="8:19" x14ac:dyDescent="0.3">
      <c r="H3135" s="44">
        <v>3128</v>
      </c>
      <c r="I3135" s="56">
        <f>Bühler!I3161</f>
        <v>0.36160528460052199</v>
      </c>
      <c r="J3135" s="59">
        <f>Bühler!J3161</f>
        <v>1.2053509486684069</v>
      </c>
      <c r="K3135" s="59">
        <f>Bühler!K3161</f>
        <v>1.80802642300261</v>
      </c>
      <c r="L3135" s="59">
        <f>Bühler!L3161</f>
        <v>8.6785268304125278</v>
      </c>
      <c r="M3135" s="58">
        <f>Bühler!M3161</f>
        <v>0</v>
      </c>
      <c r="N3135" s="56">
        <f>IF(Input!$D$19=1,J3135*Input!$C$19,0)+IF(Input!$D$20=1,K3135*Input!$C$20,0)+IF(Input!$D$21=1,L3135*Input!$C$21,0)+IF(Input!$D$22=1,M3135*Input!$C$22,0)</f>
        <v>0.36160528460052205</v>
      </c>
      <c r="O3135" s="59">
        <f>IF(Input!$D$19=2,J3135*Input!$C$19,0)+IF(Input!$D$20=2,K3135*Input!$C$20,0)+IF(Input!$D$21=2,L3135*Input!$C$21,0)+IF(Input!$D$22=2,M3135*Input!$C$22,0)</f>
        <v>0.90401321150130498</v>
      </c>
      <c r="P3135" s="59">
        <f>IF(Input!$D$19=3,J3135*Input!$C$19,0)+IF(Input!$D$20=3,K3135*Input!$C$20,0)+IF(Input!$D$21=3,L3135*Input!$C$21,0)+IF(Input!$D$22=3,M3135*Input!$C$22,0)</f>
        <v>0</v>
      </c>
      <c r="Q3135" s="75">
        <f>IF(Input!$D$19=4,J3135*Input!$C$19,0)+IF(Input!$D$20=4,K3135*Input!$C$20,0)+IF(Input!$D$21=4,L3135*Input!$C$21,0)+IF(Input!$D$22=4,M3135*Input!$C$22,0)</f>
        <v>0</v>
      </c>
      <c r="R3135" s="58">
        <v>51.018186068916748</v>
      </c>
      <c r="S3135" s="124">
        <f t="shared" si="48"/>
        <v>1.5669562332689289</v>
      </c>
    </row>
    <row r="3136" spans="8:19" x14ac:dyDescent="0.3">
      <c r="H3136" s="44">
        <v>3129</v>
      </c>
      <c r="I3136" s="56">
        <f>Bühler!I3162</f>
        <v>0.36160528460052199</v>
      </c>
      <c r="J3136" s="59">
        <f>Bühler!J3162</f>
        <v>1.2053509486684069</v>
      </c>
      <c r="K3136" s="59">
        <f>Bühler!K3162</f>
        <v>1.80802642300261</v>
      </c>
      <c r="L3136" s="59">
        <f>Bühler!L3162</f>
        <v>8.6785268304125278</v>
      </c>
      <c r="M3136" s="58">
        <f>Bühler!M3162</f>
        <v>0</v>
      </c>
      <c r="N3136" s="56">
        <f>IF(Input!$D$19=1,J3136*Input!$C$19,0)+IF(Input!$D$20=1,K3136*Input!$C$20,0)+IF(Input!$D$21=1,L3136*Input!$C$21,0)+IF(Input!$D$22=1,M3136*Input!$C$22,0)</f>
        <v>0.36160528460052205</v>
      </c>
      <c r="O3136" s="59">
        <f>IF(Input!$D$19=2,J3136*Input!$C$19,0)+IF(Input!$D$20=2,K3136*Input!$C$20,0)+IF(Input!$D$21=2,L3136*Input!$C$21,0)+IF(Input!$D$22=2,M3136*Input!$C$22,0)</f>
        <v>0.90401321150130498</v>
      </c>
      <c r="P3136" s="59">
        <f>IF(Input!$D$19=3,J3136*Input!$C$19,0)+IF(Input!$D$20=3,K3136*Input!$C$20,0)+IF(Input!$D$21=3,L3136*Input!$C$21,0)+IF(Input!$D$22=3,M3136*Input!$C$22,0)</f>
        <v>0</v>
      </c>
      <c r="Q3136" s="75">
        <f>IF(Input!$D$19=4,J3136*Input!$C$19,0)+IF(Input!$D$20=4,K3136*Input!$C$20,0)+IF(Input!$D$21=4,L3136*Input!$C$21,0)+IF(Input!$D$22=4,M3136*Input!$C$22,0)</f>
        <v>0</v>
      </c>
      <c r="R3136" s="58">
        <v>51.122359532930695</v>
      </c>
      <c r="S3136" s="124">
        <f t="shared" si="48"/>
        <v>1.5669562332689289</v>
      </c>
    </row>
    <row r="3137" spans="8:19" x14ac:dyDescent="0.3">
      <c r="H3137" s="44">
        <v>3130</v>
      </c>
      <c r="I3137" s="56">
        <f>Bühler!I3163</f>
        <v>0.38743423350055928</v>
      </c>
      <c r="J3137" s="59">
        <f>Bühler!J3163</f>
        <v>1.2914474450018645</v>
      </c>
      <c r="K3137" s="59">
        <f>Bühler!K3163</f>
        <v>1.9371711675027963</v>
      </c>
      <c r="L3137" s="59">
        <f>Bühler!L3163</f>
        <v>9.2984216040134218</v>
      </c>
      <c r="M3137" s="58">
        <f>Bühler!M3163</f>
        <v>0</v>
      </c>
      <c r="N3137" s="56">
        <f>IF(Input!$D$19=1,J3137*Input!$C$19,0)+IF(Input!$D$20=1,K3137*Input!$C$20,0)+IF(Input!$D$21=1,L3137*Input!$C$21,0)+IF(Input!$D$22=1,M3137*Input!$C$22,0)</f>
        <v>0.38743423350055933</v>
      </c>
      <c r="O3137" s="59">
        <f>IF(Input!$D$19=2,J3137*Input!$C$19,0)+IF(Input!$D$20=2,K3137*Input!$C$20,0)+IF(Input!$D$21=2,L3137*Input!$C$21,0)+IF(Input!$D$22=2,M3137*Input!$C$22,0)</f>
        <v>0.96858558375139814</v>
      </c>
      <c r="P3137" s="59">
        <f>IF(Input!$D$19=3,J3137*Input!$C$19,0)+IF(Input!$D$20=3,K3137*Input!$C$20,0)+IF(Input!$D$21=3,L3137*Input!$C$21,0)+IF(Input!$D$22=3,M3137*Input!$C$22,0)</f>
        <v>0</v>
      </c>
      <c r="Q3137" s="75">
        <f>IF(Input!$D$19=4,J3137*Input!$C$19,0)+IF(Input!$D$20=4,K3137*Input!$C$20,0)+IF(Input!$D$21=4,L3137*Input!$C$21,0)+IF(Input!$D$22=4,M3137*Input!$C$22,0)</f>
        <v>0</v>
      </c>
      <c r="R3137" s="58">
        <v>50.845760609761371</v>
      </c>
      <c r="S3137" s="124">
        <f t="shared" si="48"/>
        <v>1.6788816785024236</v>
      </c>
    </row>
    <row r="3138" spans="8:19" x14ac:dyDescent="0.3">
      <c r="H3138" s="44">
        <v>3131</v>
      </c>
      <c r="I3138" s="56">
        <f>Bühler!I3164</f>
        <v>0.4029316028405816</v>
      </c>
      <c r="J3138" s="59">
        <f>Bühler!J3164</f>
        <v>1.3431053428019388</v>
      </c>
      <c r="K3138" s="59">
        <f>Bühler!K3164</f>
        <v>2.014658014202908</v>
      </c>
      <c r="L3138" s="59">
        <f>Bühler!L3164</f>
        <v>9.6703584681739585</v>
      </c>
      <c r="M3138" s="58">
        <f>Bühler!M3164</f>
        <v>0</v>
      </c>
      <c r="N3138" s="56">
        <f>IF(Input!$D$19=1,J3138*Input!$C$19,0)+IF(Input!$D$20=1,K3138*Input!$C$20,0)+IF(Input!$D$21=1,L3138*Input!$C$21,0)+IF(Input!$D$22=1,M3138*Input!$C$22,0)</f>
        <v>0.40293160284058166</v>
      </c>
      <c r="O3138" s="59">
        <f>IF(Input!$D$19=2,J3138*Input!$C$19,0)+IF(Input!$D$20=2,K3138*Input!$C$20,0)+IF(Input!$D$21=2,L3138*Input!$C$21,0)+IF(Input!$D$22=2,M3138*Input!$C$22,0)</f>
        <v>1.007329007101454</v>
      </c>
      <c r="P3138" s="59">
        <f>IF(Input!$D$19=3,J3138*Input!$C$19,0)+IF(Input!$D$20=3,K3138*Input!$C$20,0)+IF(Input!$D$21=3,L3138*Input!$C$21,0)+IF(Input!$D$22=3,M3138*Input!$C$22,0)</f>
        <v>0</v>
      </c>
      <c r="Q3138" s="75">
        <f>IF(Input!$D$19=4,J3138*Input!$C$19,0)+IF(Input!$D$20=4,K3138*Input!$C$20,0)+IF(Input!$D$21=4,L3138*Input!$C$21,0)+IF(Input!$D$22=4,M3138*Input!$C$22,0)</f>
        <v>0</v>
      </c>
      <c r="R3138" s="58">
        <v>50.469908800319978</v>
      </c>
      <c r="S3138" s="124">
        <f t="shared" si="48"/>
        <v>1.7460369456425204</v>
      </c>
    </row>
    <row r="3139" spans="8:19" x14ac:dyDescent="0.3">
      <c r="H3139" s="44">
        <v>3132</v>
      </c>
      <c r="I3139" s="56">
        <f>Bühler!I3165</f>
        <v>0.46492108020067108</v>
      </c>
      <c r="J3139" s="59">
        <f>Bühler!J3165</f>
        <v>1.5497369340022371</v>
      </c>
      <c r="K3139" s="59">
        <f>Bühler!K3165</f>
        <v>2.3246054010033554</v>
      </c>
      <c r="L3139" s="59">
        <f>Bühler!L3165</f>
        <v>11.158105924816105</v>
      </c>
      <c r="M3139" s="58">
        <f>Bühler!M3165</f>
        <v>0</v>
      </c>
      <c r="N3139" s="56">
        <f>IF(Input!$D$19=1,J3139*Input!$C$19,0)+IF(Input!$D$20=1,K3139*Input!$C$20,0)+IF(Input!$D$21=1,L3139*Input!$C$21,0)+IF(Input!$D$22=1,M3139*Input!$C$22,0)</f>
        <v>0.46492108020067113</v>
      </c>
      <c r="O3139" s="59">
        <f>IF(Input!$D$19=2,J3139*Input!$C$19,0)+IF(Input!$D$20=2,K3139*Input!$C$20,0)+IF(Input!$D$21=2,L3139*Input!$C$21,0)+IF(Input!$D$22=2,M3139*Input!$C$22,0)</f>
        <v>1.1623027005016777</v>
      </c>
      <c r="P3139" s="59">
        <f>IF(Input!$D$19=3,J3139*Input!$C$19,0)+IF(Input!$D$20=3,K3139*Input!$C$20,0)+IF(Input!$D$21=3,L3139*Input!$C$21,0)+IF(Input!$D$22=3,M3139*Input!$C$22,0)</f>
        <v>0</v>
      </c>
      <c r="Q3139" s="75">
        <f>IF(Input!$D$19=4,J3139*Input!$C$19,0)+IF(Input!$D$20=4,K3139*Input!$C$20,0)+IF(Input!$D$21=4,L3139*Input!$C$21,0)+IF(Input!$D$22=4,M3139*Input!$C$22,0)</f>
        <v>0</v>
      </c>
      <c r="R3139" s="58">
        <v>50.340484193831962</v>
      </c>
      <c r="S3139" s="124">
        <f t="shared" si="48"/>
        <v>2.014658014202908</v>
      </c>
    </row>
    <row r="3140" spans="8:19" x14ac:dyDescent="0.3">
      <c r="H3140" s="44">
        <v>3133</v>
      </c>
      <c r="I3140" s="56">
        <f>Bühler!I3166</f>
        <v>0.46492108020067108</v>
      </c>
      <c r="J3140" s="59">
        <f>Bühler!J3166</f>
        <v>1.5497369340022371</v>
      </c>
      <c r="K3140" s="59">
        <f>Bühler!K3166</f>
        <v>2.3246054010033554</v>
      </c>
      <c r="L3140" s="59">
        <f>Bühler!L3166</f>
        <v>11.158105924816105</v>
      </c>
      <c r="M3140" s="58">
        <f>Bühler!M3166</f>
        <v>0</v>
      </c>
      <c r="N3140" s="56">
        <f>IF(Input!$D$19=1,J3140*Input!$C$19,0)+IF(Input!$D$20=1,K3140*Input!$C$20,0)+IF(Input!$D$21=1,L3140*Input!$C$21,0)+IF(Input!$D$22=1,M3140*Input!$C$22,0)</f>
        <v>0.46492108020067113</v>
      </c>
      <c r="O3140" s="59">
        <f>IF(Input!$D$19=2,J3140*Input!$C$19,0)+IF(Input!$D$20=2,K3140*Input!$C$20,0)+IF(Input!$D$21=2,L3140*Input!$C$21,0)+IF(Input!$D$22=2,M3140*Input!$C$22,0)</f>
        <v>1.1623027005016777</v>
      </c>
      <c r="P3140" s="59">
        <f>IF(Input!$D$19=3,J3140*Input!$C$19,0)+IF(Input!$D$20=3,K3140*Input!$C$20,0)+IF(Input!$D$21=3,L3140*Input!$C$21,0)+IF(Input!$D$22=3,M3140*Input!$C$22,0)</f>
        <v>0</v>
      </c>
      <c r="Q3140" s="75">
        <f>IF(Input!$D$19=4,J3140*Input!$C$19,0)+IF(Input!$D$20=4,K3140*Input!$C$20,0)+IF(Input!$D$21=4,L3140*Input!$C$21,0)+IF(Input!$D$22=4,M3140*Input!$C$22,0)</f>
        <v>0</v>
      </c>
      <c r="R3140" s="58">
        <v>49.668180294952982</v>
      </c>
      <c r="S3140" s="124">
        <f t="shared" si="48"/>
        <v>2.014658014202908</v>
      </c>
    </row>
    <row r="3141" spans="8:19" x14ac:dyDescent="0.3">
      <c r="H3141" s="44">
        <v>3134</v>
      </c>
      <c r="I3141" s="56">
        <f>Bühler!I3167</f>
        <v>0.46492108020067108</v>
      </c>
      <c r="J3141" s="59">
        <f>Bühler!J3167</f>
        <v>1.5497369340022371</v>
      </c>
      <c r="K3141" s="59">
        <f>Bühler!K3167</f>
        <v>2.3246054010033554</v>
      </c>
      <c r="L3141" s="59">
        <f>Bühler!L3167</f>
        <v>11.158105924816105</v>
      </c>
      <c r="M3141" s="58">
        <f>Bühler!M3167</f>
        <v>0</v>
      </c>
      <c r="N3141" s="56">
        <f>IF(Input!$D$19=1,J3141*Input!$C$19,0)+IF(Input!$D$20=1,K3141*Input!$C$20,0)+IF(Input!$D$21=1,L3141*Input!$C$21,0)+IF(Input!$D$22=1,M3141*Input!$C$22,0)</f>
        <v>0.46492108020067113</v>
      </c>
      <c r="O3141" s="59">
        <f>IF(Input!$D$19=2,J3141*Input!$C$19,0)+IF(Input!$D$20=2,K3141*Input!$C$20,0)+IF(Input!$D$21=2,L3141*Input!$C$21,0)+IF(Input!$D$22=2,M3141*Input!$C$22,0)</f>
        <v>1.1623027005016777</v>
      </c>
      <c r="P3141" s="59">
        <f>IF(Input!$D$19=3,J3141*Input!$C$19,0)+IF(Input!$D$20=3,K3141*Input!$C$20,0)+IF(Input!$D$21=3,L3141*Input!$C$21,0)+IF(Input!$D$22=3,M3141*Input!$C$22,0)</f>
        <v>0</v>
      </c>
      <c r="Q3141" s="75">
        <f>IF(Input!$D$19=4,J3141*Input!$C$19,0)+IF(Input!$D$20=4,K3141*Input!$C$20,0)+IF(Input!$D$21=4,L3141*Input!$C$21,0)+IF(Input!$D$22=4,M3141*Input!$C$22,0)</f>
        <v>0</v>
      </c>
      <c r="R3141" s="58">
        <v>48.817901052286217</v>
      </c>
      <c r="S3141" s="124">
        <f t="shared" si="48"/>
        <v>2.014658014202908</v>
      </c>
    </row>
    <row r="3142" spans="8:19" x14ac:dyDescent="0.3">
      <c r="H3142" s="44">
        <v>3135</v>
      </c>
      <c r="I3142" s="56">
        <f>Bühler!I3168</f>
        <v>0.46492108020067108</v>
      </c>
      <c r="J3142" s="59">
        <f>Bühler!J3168</f>
        <v>1.5497369340022371</v>
      </c>
      <c r="K3142" s="59">
        <f>Bühler!K3168</f>
        <v>2.3246054010033554</v>
      </c>
      <c r="L3142" s="59">
        <f>Bühler!L3168</f>
        <v>11.158105924816105</v>
      </c>
      <c r="M3142" s="58">
        <f>Bühler!M3168</f>
        <v>0</v>
      </c>
      <c r="N3142" s="56">
        <f>IF(Input!$D$19=1,J3142*Input!$C$19,0)+IF(Input!$D$20=1,K3142*Input!$C$20,0)+IF(Input!$D$21=1,L3142*Input!$C$21,0)+IF(Input!$D$22=1,M3142*Input!$C$22,0)</f>
        <v>0.46492108020067113</v>
      </c>
      <c r="O3142" s="59">
        <f>IF(Input!$D$19=2,J3142*Input!$C$19,0)+IF(Input!$D$20=2,K3142*Input!$C$20,0)+IF(Input!$D$21=2,L3142*Input!$C$21,0)+IF(Input!$D$22=2,M3142*Input!$C$22,0)</f>
        <v>1.1623027005016777</v>
      </c>
      <c r="P3142" s="59">
        <f>IF(Input!$D$19=3,J3142*Input!$C$19,0)+IF(Input!$D$20=3,K3142*Input!$C$20,0)+IF(Input!$D$21=3,L3142*Input!$C$21,0)+IF(Input!$D$22=3,M3142*Input!$C$22,0)</f>
        <v>0</v>
      </c>
      <c r="Q3142" s="75">
        <f>IF(Input!$D$19=4,J3142*Input!$C$19,0)+IF(Input!$D$20=4,K3142*Input!$C$20,0)+IF(Input!$D$21=4,L3142*Input!$C$21,0)+IF(Input!$D$22=4,M3142*Input!$C$22,0)</f>
        <v>0</v>
      </c>
      <c r="R3142" s="58">
        <v>48.159526950180734</v>
      </c>
      <c r="S3142" s="124">
        <f t="shared" si="48"/>
        <v>2.014658014202908</v>
      </c>
    </row>
    <row r="3143" spans="8:19" x14ac:dyDescent="0.3">
      <c r="H3143" s="44">
        <v>3136</v>
      </c>
      <c r="I3143" s="56">
        <f>Bühler!I3169</f>
        <v>0.38743423350055928</v>
      </c>
      <c r="J3143" s="59">
        <f>Bühler!J3169</f>
        <v>1.2914474450018645</v>
      </c>
      <c r="K3143" s="59">
        <f>Bühler!K3169</f>
        <v>1.9371711675027963</v>
      </c>
      <c r="L3143" s="59">
        <f>Bühler!L3169</f>
        <v>9.2984216040134218</v>
      </c>
      <c r="M3143" s="58">
        <f>Bühler!M3169</f>
        <v>0</v>
      </c>
      <c r="N3143" s="56">
        <f>IF(Input!$D$19=1,J3143*Input!$C$19,0)+IF(Input!$D$20=1,K3143*Input!$C$20,0)+IF(Input!$D$21=1,L3143*Input!$C$21,0)+IF(Input!$D$22=1,M3143*Input!$C$22,0)</f>
        <v>0.38743423350055933</v>
      </c>
      <c r="O3143" s="59">
        <f>IF(Input!$D$19=2,J3143*Input!$C$19,0)+IF(Input!$D$20=2,K3143*Input!$C$20,0)+IF(Input!$D$21=2,L3143*Input!$C$21,0)+IF(Input!$D$22=2,M3143*Input!$C$22,0)</f>
        <v>0.96858558375139814</v>
      </c>
      <c r="P3143" s="59">
        <f>IF(Input!$D$19=3,J3143*Input!$C$19,0)+IF(Input!$D$20=3,K3143*Input!$C$20,0)+IF(Input!$D$21=3,L3143*Input!$C$21,0)+IF(Input!$D$22=3,M3143*Input!$C$22,0)</f>
        <v>0</v>
      </c>
      <c r="Q3143" s="75">
        <f>IF(Input!$D$19=4,J3143*Input!$C$19,0)+IF(Input!$D$20=4,K3143*Input!$C$20,0)+IF(Input!$D$21=4,L3143*Input!$C$21,0)+IF(Input!$D$22=4,M3143*Input!$C$22,0)</f>
        <v>0</v>
      </c>
      <c r="R3143" s="58">
        <v>47.620818382586961</v>
      </c>
      <c r="S3143" s="124">
        <f t="shared" si="48"/>
        <v>1.6788816785024236</v>
      </c>
    </row>
    <row r="3144" spans="8:19" x14ac:dyDescent="0.3">
      <c r="H3144" s="44">
        <v>3137</v>
      </c>
      <c r="I3144" s="56">
        <f>Bühler!I3170</f>
        <v>0.36677107438052947</v>
      </c>
      <c r="J3144" s="59">
        <f>Bühler!J3170</f>
        <v>1.2225702479350984</v>
      </c>
      <c r="K3144" s="59">
        <f>Bühler!K3170</f>
        <v>1.8338553719026471</v>
      </c>
      <c r="L3144" s="59">
        <f>Bühler!L3170</f>
        <v>8.8025057851327073</v>
      </c>
      <c r="M3144" s="58">
        <f>Bühler!M3170</f>
        <v>0</v>
      </c>
      <c r="N3144" s="56">
        <f>IF(Input!$D$19=1,J3144*Input!$C$19,0)+IF(Input!$D$20=1,K3144*Input!$C$20,0)+IF(Input!$D$21=1,L3144*Input!$C$21,0)+IF(Input!$D$22=1,M3144*Input!$C$22,0)</f>
        <v>0.36677107438052953</v>
      </c>
      <c r="O3144" s="59">
        <f>IF(Input!$D$19=2,J3144*Input!$C$19,0)+IF(Input!$D$20=2,K3144*Input!$C$20,0)+IF(Input!$D$21=2,L3144*Input!$C$21,0)+IF(Input!$D$22=2,M3144*Input!$C$22,0)</f>
        <v>0.91692768595132357</v>
      </c>
      <c r="P3144" s="59">
        <f>IF(Input!$D$19=3,J3144*Input!$C$19,0)+IF(Input!$D$20=3,K3144*Input!$C$20,0)+IF(Input!$D$21=3,L3144*Input!$C$21,0)+IF(Input!$D$22=3,M3144*Input!$C$22,0)</f>
        <v>0</v>
      </c>
      <c r="Q3144" s="75">
        <f>IF(Input!$D$19=4,J3144*Input!$C$19,0)+IF(Input!$D$20=4,K3144*Input!$C$20,0)+IF(Input!$D$21=4,L3144*Input!$C$21,0)+IF(Input!$D$22=4,M3144*Input!$C$22,0)</f>
        <v>0</v>
      </c>
      <c r="R3144" s="58">
        <v>47.120774344045337</v>
      </c>
      <c r="S3144" s="124">
        <f t="shared" si="48"/>
        <v>1.5893413223156279</v>
      </c>
    </row>
    <row r="3145" spans="8:19" x14ac:dyDescent="0.3">
      <c r="H3145" s="44">
        <v>3138</v>
      </c>
      <c r="I3145" s="56">
        <f>Bühler!I3171</f>
        <v>0.36677107438052947</v>
      </c>
      <c r="J3145" s="59">
        <f>Bühler!J3171</f>
        <v>1.2225702479350984</v>
      </c>
      <c r="K3145" s="59">
        <f>Bühler!K3171</f>
        <v>1.8338553719026471</v>
      </c>
      <c r="L3145" s="59">
        <f>Bühler!L3171</f>
        <v>8.8025057851327073</v>
      </c>
      <c r="M3145" s="58">
        <f>Bühler!M3171</f>
        <v>0</v>
      </c>
      <c r="N3145" s="56">
        <f>IF(Input!$D$19=1,J3145*Input!$C$19,0)+IF(Input!$D$20=1,K3145*Input!$C$20,0)+IF(Input!$D$21=1,L3145*Input!$C$21,0)+IF(Input!$D$22=1,M3145*Input!$C$22,0)</f>
        <v>0.36677107438052953</v>
      </c>
      <c r="O3145" s="59">
        <f>IF(Input!$D$19=2,J3145*Input!$C$19,0)+IF(Input!$D$20=2,K3145*Input!$C$20,0)+IF(Input!$D$21=2,L3145*Input!$C$21,0)+IF(Input!$D$22=2,M3145*Input!$C$22,0)</f>
        <v>0.91692768595132357</v>
      </c>
      <c r="P3145" s="59">
        <f>IF(Input!$D$19=3,J3145*Input!$C$19,0)+IF(Input!$D$20=3,K3145*Input!$C$20,0)+IF(Input!$D$21=3,L3145*Input!$C$21,0)+IF(Input!$D$22=3,M3145*Input!$C$22,0)</f>
        <v>0</v>
      </c>
      <c r="Q3145" s="75">
        <f>IF(Input!$D$19=4,J3145*Input!$C$19,0)+IF(Input!$D$20=4,K3145*Input!$C$20,0)+IF(Input!$D$21=4,L3145*Input!$C$21,0)+IF(Input!$D$22=4,M3145*Input!$C$22,0)</f>
        <v>0</v>
      </c>
      <c r="R3145" s="58">
        <v>45.748842662857264</v>
      </c>
      <c r="S3145" s="124">
        <f t="shared" ref="S3145:S3208" si="49">I3145+J3145</f>
        <v>1.5893413223156279</v>
      </c>
    </row>
    <row r="3146" spans="8:19" x14ac:dyDescent="0.3">
      <c r="H3146" s="44">
        <v>3139</v>
      </c>
      <c r="I3146" s="56">
        <f>Bühler!I3172</f>
        <v>0.36677107438052947</v>
      </c>
      <c r="J3146" s="59">
        <f>Bühler!J3172</f>
        <v>1.2225702479350984</v>
      </c>
      <c r="K3146" s="59">
        <f>Bühler!K3172</f>
        <v>1.8338553719026471</v>
      </c>
      <c r="L3146" s="59">
        <f>Bühler!L3172</f>
        <v>8.8025057851327073</v>
      </c>
      <c r="M3146" s="58">
        <f>Bühler!M3172</f>
        <v>0</v>
      </c>
      <c r="N3146" s="56">
        <f>IF(Input!$D$19=1,J3146*Input!$C$19,0)+IF(Input!$D$20=1,K3146*Input!$C$20,0)+IF(Input!$D$21=1,L3146*Input!$C$21,0)+IF(Input!$D$22=1,M3146*Input!$C$22,0)</f>
        <v>0.36677107438052953</v>
      </c>
      <c r="O3146" s="59">
        <f>IF(Input!$D$19=2,J3146*Input!$C$19,0)+IF(Input!$D$20=2,K3146*Input!$C$20,0)+IF(Input!$D$21=2,L3146*Input!$C$21,0)+IF(Input!$D$22=2,M3146*Input!$C$22,0)</f>
        <v>0.91692768595132357</v>
      </c>
      <c r="P3146" s="59">
        <f>IF(Input!$D$19=3,J3146*Input!$C$19,0)+IF(Input!$D$20=3,K3146*Input!$C$20,0)+IF(Input!$D$21=3,L3146*Input!$C$21,0)+IF(Input!$D$22=3,M3146*Input!$C$22,0)</f>
        <v>0</v>
      </c>
      <c r="Q3146" s="75">
        <f>IF(Input!$D$19=4,J3146*Input!$C$19,0)+IF(Input!$D$20=4,K3146*Input!$C$20,0)+IF(Input!$D$21=4,L3146*Input!$C$21,0)+IF(Input!$D$22=4,M3146*Input!$C$22,0)</f>
        <v>0</v>
      </c>
      <c r="R3146" s="58">
        <v>44.520456246247555</v>
      </c>
      <c r="S3146" s="124">
        <f t="shared" si="49"/>
        <v>1.5893413223156279</v>
      </c>
    </row>
    <row r="3147" spans="8:19" x14ac:dyDescent="0.3">
      <c r="H3147" s="44">
        <v>3140</v>
      </c>
      <c r="I3147" s="56">
        <f>Bühler!I3173</f>
        <v>0.36677107438052947</v>
      </c>
      <c r="J3147" s="59">
        <f>Bühler!J3173</f>
        <v>1.2225702479350984</v>
      </c>
      <c r="K3147" s="59">
        <f>Bühler!K3173</f>
        <v>1.8338553719026471</v>
      </c>
      <c r="L3147" s="59">
        <f>Bühler!L3173</f>
        <v>8.8025057851327073</v>
      </c>
      <c r="M3147" s="58">
        <f>Bühler!M3173</f>
        <v>0</v>
      </c>
      <c r="N3147" s="56">
        <f>IF(Input!$D$19=1,J3147*Input!$C$19,0)+IF(Input!$D$20=1,K3147*Input!$C$20,0)+IF(Input!$D$21=1,L3147*Input!$C$21,0)+IF(Input!$D$22=1,M3147*Input!$C$22,0)</f>
        <v>0.36677107438052953</v>
      </c>
      <c r="O3147" s="59">
        <f>IF(Input!$D$19=2,J3147*Input!$C$19,0)+IF(Input!$D$20=2,K3147*Input!$C$20,0)+IF(Input!$D$21=2,L3147*Input!$C$21,0)+IF(Input!$D$22=2,M3147*Input!$C$22,0)</f>
        <v>0.91692768595132357</v>
      </c>
      <c r="P3147" s="59">
        <f>IF(Input!$D$19=3,J3147*Input!$C$19,0)+IF(Input!$D$20=3,K3147*Input!$C$20,0)+IF(Input!$D$21=3,L3147*Input!$C$21,0)+IF(Input!$D$22=3,M3147*Input!$C$22,0)</f>
        <v>0</v>
      </c>
      <c r="Q3147" s="75">
        <f>IF(Input!$D$19=4,J3147*Input!$C$19,0)+IF(Input!$D$20=4,K3147*Input!$C$20,0)+IF(Input!$D$21=4,L3147*Input!$C$21,0)+IF(Input!$D$22=4,M3147*Input!$C$22,0)</f>
        <v>0</v>
      </c>
      <c r="R3147" s="58">
        <v>43.66995842804743</v>
      </c>
      <c r="S3147" s="124">
        <f t="shared" si="49"/>
        <v>1.5893413223156279</v>
      </c>
    </row>
    <row r="3148" spans="8:19" x14ac:dyDescent="0.3">
      <c r="H3148" s="44">
        <v>3141</v>
      </c>
      <c r="I3148" s="56">
        <f>Bühler!I3174</f>
        <v>0.28411843790041014</v>
      </c>
      <c r="J3148" s="59">
        <f>Bühler!J3174</f>
        <v>0.9470614596680339</v>
      </c>
      <c r="K3148" s="59">
        <f>Bühler!K3174</f>
        <v>1.4205921895020508</v>
      </c>
      <c r="L3148" s="59">
        <f>Bühler!L3174</f>
        <v>6.8188425096098433</v>
      </c>
      <c r="M3148" s="58">
        <f>Bühler!M3174</f>
        <v>0</v>
      </c>
      <c r="N3148" s="56">
        <f>IF(Input!$D$19=1,J3148*Input!$C$19,0)+IF(Input!$D$20=1,K3148*Input!$C$20,0)+IF(Input!$D$21=1,L3148*Input!$C$21,0)+IF(Input!$D$22=1,M3148*Input!$C$22,0)</f>
        <v>0.28411843790041014</v>
      </c>
      <c r="O3148" s="59">
        <f>IF(Input!$D$19=2,J3148*Input!$C$19,0)+IF(Input!$D$20=2,K3148*Input!$C$20,0)+IF(Input!$D$21=2,L3148*Input!$C$21,0)+IF(Input!$D$22=2,M3148*Input!$C$22,0)</f>
        <v>0.7102960947510254</v>
      </c>
      <c r="P3148" s="59">
        <f>IF(Input!$D$19=3,J3148*Input!$C$19,0)+IF(Input!$D$20=3,K3148*Input!$C$20,0)+IF(Input!$D$21=3,L3148*Input!$C$21,0)+IF(Input!$D$22=3,M3148*Input!$C$22,0)</f>
        <v>0</v>
      </c>
      <c r="Q3148" s="75">
        <f>IF(Input!$D$19=4,J3148*Input!$C$19,0)+IF(Input!$D$20=4,K3148*Input!$C$20,0)+IF(Input!$D$21=4,L3148*Input!$C$21,0)+IF(Input!$D$22=4,M3148*Input!$C$22,0)</f>
        <v>0</v>
      </c>
      <c r="R3148" s="58">
        <v>42.833255915196531</v>
      </c>
      <c r="S3148" s="124">
        <f t="shared" si="49"/>
        <v>1.231179897568444</v>
      </c>
    </row>
    <row r="3149" spans="8:19" x14ac:dyDescent="0.3">
      <c r="H3149" s="44">
        <v>3142</v>
      </c>
      <c r="I3149" s="56">
        <f>Bühler!I3175</f>
        <v>0.10848158538015659</v>
      </c>
      <c r="J3149" s="59">
        <f>Bühler!J3175</f>
        <v>0.36160528460052199</v>
      </c>
      <c r="K3149" s="59">
        <f>Bühler!K3175</f>
        <v>0.54240792690078299</v>
      </c>
      <c r="L3149" s="59">
        <f>Bühler!L3175</f>
        <v>2.6035580491237584</v>
      </c>
      <c r="M3149" s="58">
        <f>Bühler!M3175</f>
        <v>0</v>
      </c>
      <c r="N3149" s="56">
        <f>IF(Input!$D$19=1,J3149*Input!$C$19,0)+IF(Input!$D$20=1,K3149*Input!$C$20,0)+IF(Input!$D$21=1,L3149*Input!$C$21,0)+IF(Input!$D$22=1,M3149*Input!$C$22,0)</f>
        <v>0.10848158538015659</v>
      </c>
      <c r="O3149" s="59">
        <f>IF(Input!$D$19=2,J3149*Input!$C$19,0)+IF(Input!$D$20=2,K3149*Input!$C$20,0)+IF(Input!$D$21=2,L3149*Input!$C$21,0)+IF(Input!$D$22=2,M3149*Input!$C$22,0)</f>
        <v>0.27120396345039149</v>
      </c>
      <c r="P3149" s="59">
        <f>IF(Input!$D$19=3,J3149*Input!$C$19,0)+IF(Input!$D$20=3,K3149*Input!$C$20,0)+IF(Input!$D$21=3,L3149*Input!$C$21,0)+IF(Input!$D$22=3,M3149*Input!$C$22,0)</f>
        <v>0</v>
      </c>
      <c r="Q3149" s="75">
        <f>IF(Input!$D$19=4,J3149*Input!$C$19,0)+IF(Input!$D$20=4,K3149*Input!$C$20,0)+IF(Input!$D$21=4,L3149*Input!$C$21,0)+IF(Input!$D$22=4,M3149*Input!$C$22,0)</f>
        <v>0</v>
      </c>
      <c r="R3149" s="58">
        <v>42.649595038141328</v>
      </c>
      <c r="S3149" s="124">
        <f t="shared" si="49"/>
        <v>0.47008686998067861</v>
      </c>
    </row>
    <row r="3150" spans="8:19" x14ac:dyDescent="0.3">
      <c r="H3150" s="44">
        <v>3143</v>
      </c>
      <c r="I3150" s="56">
        <f>Bühler!I3176</f>
        <v>0.10848158538015659</v>
      </c>
      <c r="J3150" s="59">
        <f>Bühler!J3176</f>
        <v>0.36160528460052199</v>
      </c>
      <c r="K3150" s="59">
        <f>Bühler!K3176</f>
        <v>0.54240792690078299</v>
      </c>
      <c r="L3150" s="59">
        <f>Bühler!L3176</f>
        <v>2.6035580491237584</v>
      </c>
      <c r="M3150" s="58">
        <f>Bühler!M3176</f>
        <v>0</v>
      </c>
      <c r="N3150" s="56">
        <f>IF(Input!$D$19=1,J3150*Input!$C$19,0)+IF(Input!$D$20=1,K3150*Input!$C$20,0)+IF(Input!$D$21=1,L3150*Input!$C$21,0)+IF(Input!$D$22=1,M3150*Input!$C$22,0)</f>
        <v>0.10848158538015659</v>
      </c>
      <c r="O3150" s="59">
        <f>IF(Input!$D$19=2,J3150*Input!$C$19,0)+IF(Input!$D$20=2,K3150*Input!$C$20,0)+IF(Input!$D$21=2,L3150*Input!$C$21,0)+IF(Input!$D$22=2,M3150*Input!$C$22,0)</f>
        <v>0.27120396345039149</v>
      </c>
      <c r="P3150" s="59">
        <f>IF(Input!$D$19=3,J3150*Input!$C$19,0)+IF(Input!$D$20=3,K3150*Input!$C$20,0)+IF(Input!$D$21=3,L3150*Input!$C$21,0)+IF(Input!$D$22=3,M3150*Input!$C$22,0)</f>
        <v>0</v>
      </c>
      <c r="Q3150" s="75">
        <f>IF(Input!$D$19=4,J3150*Input!$C$19,0)+IF(Input!$D$20=4,K3150*Input!$C$20,0)+IF(Input!$D$21=4,L3150*Input!$C$21,0)+IF(Input!$D$22=4,M3150*Input!$C$22,0)</f>
        <v>0</v>
      </c>
      <c r="R3150" s="58">
        <v>42.624046198301372</v>
      </c>
      <c r="S3150" s="124">
        <f t="shared" si="49"/>
        <v>0.47008686998067861</v>
      </c>
    </row>
    <row r="3151" spans="8:19" x14ac:dyDescent="0.3">
      <c r="H3151" s="44">
        <v>3144</v>
      </c>
      <c r="I3151" s="56">
        <f>Bühler!I3177</f>
        <v>0.10848158538015659</v>
      </c>
      <c r="J3151" s="59">
        <f>Bühler!J3177</f>
        <v>0.36160528460052199</v>
      </c>
      <c r="K3151" s="59">
        <f>Bühler!K3177</f>
        <v>0.54240792690078299</v>
      </c>
      <c r="L3151" s="59">
        <f>Bühler!L3177</f>
        <v>2.6035580491237584</v>
      </c>
      <c r="M3151" s="58">
        <f>Bühler!M3177</f>
        <v>0</v>
      </c>
      <c r="N3151" s="56">
        <f>IF(Input!$D$19=1,J3151*Input!$C$19,0)+IF(Input!$D$20=1,K3151*Input!$C$20,0)+IF(Input!$D$21=1,L3151*Input!$C$21,0)+IF(Input!$D$22=1,M3151*Input!$C$22,0)</f>
        <v>0.10848158538015659</v>
      </c>
      <c r="O3151" s="59">
        <f>IF(Input!$D$19=2,J3151*Input!$C$19,0)+IF(Input!$D$20=2,K3151*Input!$C$20,0)+IF(Input!$D$21=2,L3151*Input!$C$21,0)+IF(Input!$D$22=2,M3151*Input!$C$22,0)</f>
        <v>0.27120396345039149</v>
      </c>
      <c r="P3151" s="59">
        <f>IF(Input!$D$19=3,J3151*Input!$C$19,0)+IF(Input!$D$20=3,K3151*Input!$C$20,0)+IF(Input!$D$21=3,L3151*Input!$C$21,0)+IF(Input!$D$22=3,M3151*Input!$C$22,0)</f>
        <v>0</v>
      </c>
      <c r="Q3151" s="75">
        <f>IF(Input!$D$19=4,J3151*Input!$C$19,0)+IF(Input!$D$20=4,K3151*Input!$C$20,0)+IF(Input!$D$21=4,L3151*Input!$C$21,0)+IF(Input!$D$22=4,M3151*Input!$C$22,0)</f>
        <v>0</v>
      </c>
      <c r="R3151" s="58">
        <v>42.57575548037039</v>
      </c>
      <c r="S3151" s="124">
        <f t="shared" si="49"/>
        <v>0.47008686998067861</v>
      </c>
    </row>
    <row r="3152" spans="8:19" x14ac:dyDescent="0.3">
      <c r="H3152" s="44">
        <v>3145</v>
      </c>
      <c r="I3152" s="56">
        <f>Bühler!I3178</f>
        <v>5.4892036727753266E-2</v>
      </c>
      <c r="J3152" s="59">
        <f>Bühler!J3178</f>
        <v>0.18297345575917756</v>
      </c>
      <c r="K3152" s="59">
        <f>Bühler!K3178</f>
        <v>0.27446018363876634</v>
      </c>
      <c r="L3152" s="59">
        <f>Bühler!L3178</f>
        <v>3.6853941116857349</v>
      </c>
      <c r="M3152" s="58">
        <f>Bühler!M3178</f>
        <v>0</v>
      </c>
      <c r="N3152" s="56">
        <f>IF(Input!$D$19=1,J3152*Input!$C$19,0)+IF(Input!$D$20=1,K3152*Input!$C$20,0)+IF(Input!$D$21=1,L3152*Input!$C$21,0)+IF(Input!$D$22=1,M3152*Input!$C$22,0)</f>
        <v>5.4892036727753266E-2</v>
      </c>
      <c r="O3152" s="59">
        <f>IF(Input!$D$19=2,J3152*Input!$C$19,0)+IF(Input!$D$20=2,K3152*Input!$C$20,0)+IF(Input!$D$21=2,L3152*Input!$C$21,0)+IF(Input!$D$22=2,M3152*Input!$C$22,0)</f>
        <v>0.13723009181938317</v>
      </c>
      <c r="P3152" s="59">
        <f>IF(Input!$D$19=3,J3152*Input!$C$19,0)+IF(Input!$D$20=3,K3152*Input!$C$20,0)+IF(Input!$D$21=3,L3152*Input!$C$21,0)+IF(Input!$D$22=3,M3152*Input!$C$22,0)</f>
        <v>0</v>
      </c>
      <c r="Q3152" s="75">
        <f>IF(Input!$D$19=4,J3152*Input!$C$19,0)+IF(Input!$D$20=4,K3152*Input!$C$20,0)+IF(Input!$D$21=4,L3152*Input!$C$21,0)+IF(Input!$D$22=4,M3152*Input!$C$22,0)</f>
        <v>0</v>
      </c>
      <c r="R3152" s="58">
        <v>47.069269894984039</v>
      </c>
      <c r="S3152" s="124">
        <f t="shared" si="49"/>
        <v>0.23786549248693084</v>
      </c>
    </row>
    <row r="3153" spans="8:19" x14ac:dyDescent="0.3">
      <c r="H3153" s="44">
        <v>3146</v>
      </c>
      <c r="I3153" s="56">
        <f>Bühler!I3179</f>
        <v>0.10717016694466114</v>
      </c>
      <c r="J3153" s="59">
        <f>Bühler!J3179</f>
        <v>0.35723388981553716</v>
      </c>
      <c r="K3153" s="59">
        <f>Bühler!K3179</f>
        <v>0.53585083472330575</v>
      </c>
      <c r="L3153" s="59">
        <f>Bühler!L3179</f>
        <v>7.1952932656721513</v>
      </c>
      <c r="M3153" s="58">
        <f>Bühler!M3179</f>
        <v>0</v>
      </c>
      <c r="N3153" s="56">
        <f>IF(Input!$D$19=1,J3153*Input!$C$19,0)+IF(Input!$D$20=1,K3153*Input!$C$20,0)+IF(Input!$D$21=1,L3153*Input!$C$21,0)+IF(Input!$D$22=1,M3153*Input!$C$22,0)</f>
        <v>0.10717016694466115</v>
      </c>
      <c r="O3153" s="59">
        <f>IF(Input!$D$19=2,J3153*Input!$C$19,0)+IF(Input!$D$20=2,K3153*Input!$C$20,0)+IF(Input!$D$21=2,L3153*Input!$C$21,0)+IF(Input!$D$22=2,M3153*Input!$C$22,0)</f>
        <v>0.26792541736165287</v>
      </c>
      <c r="P3153" s="59">
        <f>IF(Input!$D$19=3,J3153*Input!$C$19,0)+IF(Input!$D$20=3,K3153*Input!$C$20,0)+IF(Input!$D$21=3,L3153*Input!$C$21,0)+IF(Input!$D$22=3,M3153*Input!$C$22,0)</f>
        <v>0</v>
      </c>
      <c r="Q3153" s="75">
        <f>IF(Input!$D$19=4,J3153*Input!$C$19,0)+IF(Input!$D$20=4,K3153*Input!$C$20,0)+IF(Input!$D$21=4,L3153*Input!$C$21,0)+IF(Input!$D$22=4,M3153*Input!$C$22,0)</f>
        <v>0</v>
      </c>
      <c r="R3153" s="58">
        <v>46.613031166710357</v>
      </c>
      <c r="S3153" s="124">
        <f t="shared" si="49"/>
        <v>0.4644040567601983</v>
      </c>
    </row>
    <row r="3154" spans="8:19" x14ac:dyDescent="0.3">
      <c r="H3154" s="44">
        <v>3147</v>
      </c>
      <c r="I3154" s="56">
        <f>Bühler!I3180</f>
        <v>0.10717016694466114</v>
      </c>
      <c r="J3154" s="59">
        <f>Bühler!J3180</f>
        <v>0.35723388981553716</v>
      </c>
      <c r="K3154" s="59">
        <f>Bühler!K3180</f>
        <v>0.53585083472330575</v>
      </c>
      <c r="L3154" s="59">
        <f>Bühler!L3180</f>
        <v>7.1952932656721513</v>
      </c>
      <c r="M3154" s="58">
        <f>Bühler!M3180</f>
        <v>0</v>
      </c>
      <c r="N3154" s="56">
        <f>IF(Input!$D$19=1,J3154*Input!$C$19,0)+IF(Input!$D$20=1,K3154*Input!$C$20,0)+IF(Input!$D$21=1,L3154*Input!$C$21,0)+IF(Input!$D$22=1,M3154*Input!$C$22,0)</f>
        <v>0.10717016694466115</v>
      </c>
      <c r="O3154" s="59">
        <f>IF(Input!$D$19=2,J3154*Input!$C$19,0)+IF(Input!$D$20=2,K3154*Input!$C$20,0)+IF(Input!$D$21=2,L3154*Input!$C$21,0)+IF(Input!$D$22=2,M3154*Input!$C$22,0)</f>
        <v>0.26792541736165287</v>
      </c>
      <c r="P3154" s="59">
        <f>IF(Input!$D$19=3,J3154*Input!$C$19,0)+IF(Input!$D$20=3,K3154*Input!$C$20,0)+IF(Input!$D$21=3,L3154*Input!$C$21,0)+IF(Input!$D$22=3,M3154*Input!$C$22,0)</f>
        <v>0</v>
      </c>
      <c r="Q3154" s="75">
        <f>IF(Input!$D$19=4,J3154*Input!$C$19,0)+IF(Input!$D$20=4,K3154*Input!$C$20,0)+IF(Input!$D$21=4,L3154*Input!$C$21,0)+IF(Input!$D$22=4,M3154*Input!$C$22,0)</f>
        <v>0</v>
      </c>
      <c r="R3154" s="58">
        <v>46.454143661004224</v>
      </c>
      <c r="S3154" s="124">
        <f t="shared" si="49"/>
        <v>0.4644040567601983</v>
      </c>
    </row>
    <row r="3155" spans="8:19" x14ac:dyDescent="0.3">
      <c r="H3155" s="44">
        <v>3148</v>
      </c>
      <c r="I3155" s="56">
        <f>Bühler!I3181</f>
        <v>0.10717016694466114</v>
      </c>
      <c r="J3155" s="59">
        <f>Bühler!J3181</f>
        <v>0.35723388981553716</v>
      </c>
      <c r="K3155" s="59">
        <f>Bühler!K3181</f>
        <v>0.53585083472330575</v>
      </c>
      <c r="L3155" s="59">
        <f>Bühler!L3181</f>
        <v>7.1952932656721513</v>
      </c>
      <c r="M3155" s="58">
        <f>Bühler!M3181</f>
        <v>0</v>
      </c>
      <c r="N3155" s="56">
        <f>IF(Input!$D$19=1,J3155*Input!$C$19,0)+IF(Input!$D$20=1,K3155*Input!$C$20,0)+IF(Input!$D$21=1,L3155*Input!$C$21,0)+IF(Input!$D$22=1,M3155*Input!$C$22,0)</f>
        <v>0.10717016694466115</v>
      </c>
      <c r="O3155" s="59">
        <f>IF(Input!$D$19=2,J3155*Input!$C$19,0)+IF(Input!$D$20=2,K3155*Input!$C$20,0)+IF(Input!$D$21=2,L3155*Input!$C$21,0)+IF(Input!$D$22=2,M3155*Input!$C$22,0)</f>
        <v>0.26792541736165287</v>
      </c>
      <c r="P3155" s="59">
        <f>IF(Input!$D$19=3,J3155*Input!$C$19,0)+IF(Input!$D$20=3,K3155*Input!$C$20,0)+IF(Input!$D$21=3,L3155*Input!$C$21,0)+IF(Input!$D$22=3,M3155*Input!$C$22,0)</f>
        <v>0</v>
      </c>
      <c r="Q3155" s="75">
        <f>IF(Input!$D$19=4,J3155*Input!$C$19,0)+IF(Input!$D$20=4,K3155*Input!$C$20,0)+IF(Input!$D$21=4,L3155*Input!$C$21,0)+IF(Input!$D$22=4,M3155*Input!$C$22,0)</f>
        <v>0</v>
      </c>
      <c r="R3155" s="58">
        <v>46.605481798445773</v>
      </c>
      <c r="S3155" s="124">
        <f t="shared" si="49"/>
        <v>0.4644040567601983</v>
      </c>
    </row>
    <row r="3156" spans="8:19" x14ac:dyDescent="0.3">
      <c r="H3156" s="44">
        <v>3149</v>
      </c>
      <c r="I3156" s="56">
        <f>Bühler!I3182</f>
        <v>0.10717016694466114</v>
      </c>
      <c r="J3156" s="59">
        <f>Bühler!J3182</f>
        <v>0.35723388981553716</v>
      </c>
      <c r="K3156" s="59">
        <f>Bühler!K3182</f>
        <v>0.53585083472330575</v>
      </c>
      <c r="L3156" s="59">
        <f>Bühler!L3182</f>
        <v>7.1952932656721513</v>
      </c>
      <c r="M3156" s="58">
        <f>Bühler!M3182</f>
        <v>0</v>
      </c>
      <c r="N3156" s="56">
        <f>IF(Input!$D$19=1,J3156*Input!$C$19,0)+IF(Input!$D$20=1,K3156*Input!$C$20,0)+IF(Input!$D$21=1,L3156*Input!$C$21,0)+IF(Input!$D$22=1,M3156*Input!$C$22,0)</f>
        <v>0.10717016694466115</v>
      </c>
      <c r="O3156" s="59">
        <f>IF(Input!$D$19=2,J3156*Input!$C$19,0)+IF(Input!$D$20=2,K3156*Input!$C$20,0)+IF(Input!$D$21=2,L3156*Input!$C$21,0)+IF(Input!$D$22=2,M3156*Input!$C$22,0)</f>
        <v>0.26792541736165287</v>
      </c>
      <c r="P3156" s="59">
        <f>IF(Input!$D$19=3,J3156*Input!$C$19,0)+IF(Input!$D$20=3,K3156*Input!$C$20,0)+IF(Input!$D$21=3,L3156*Input!$C$21,0)+IF(Input!$D$22=3,M3156*Input!$C$22,0)</f>
        <v>0</v>
      </c>
      <c r="Q3156" s="75">
        <f>IF(Input!$D$19=4,J3156*Input!$C$19,0)+IF(Input!$D$20=4,K3156*Input!$C$20,0)+IF(Input!$D$21=4,L3156*Input!$C$21,0)+IF(Input!$D$22=4,M3156*Input!$C$22,0)</f>
        <v>0</v>
      </c>
      <c r="R3156" s="58">
        <v>47.269064153037192</v>
      </c>
      <c r="S3156" s="124">
        <f t="shared" si="49"/>
        <v>0.4644040567601983</v>
      </c>
    </row>
    <row r="3157" spans="8:19" x14ac:dyDescent="0.3">
      <c r="H3157" s="44">
        <v>3150</v>
      </c>
      <c r="I3157" s="56">
        <f>Bühler!I3183</f>
        <v>0.1333092320531151</v>
      </c>
      <c r="J3157" s="59">
        <f>Bühler!J3183</f>
        <v>0.44436410684371702</v>
      </c>
      <c r="K3157" s="59">
        <f>Bühler!K3183</f>
        <v>0.66654616026557556</v>
      </c>
      <c r="L3157" s="59">
        <f>Bühler!L3183</f>
        <v>8.9502428426653573</v>
      </c>
      <c r="M3157" s="58">
        <f>Bühler!M3183</f>
        <v>0</v>
      </c>
      <c r="N3157" s="56">
        <f>IF(Input!$D$19=1,J3157*Input!$C$19,0)+IF(Input!$D$20=1,K3157*Input!$C$20,0)+IF(Input!$D$21=1,L3157*Input!$C$21,0)+IF(Input!$D$22=1,M3157*Input!$C$22,0)</f>
        <v>0.1333092320531151</v>
      </c>
      <c r="O3157" s="59">
        <f>IF(Input!$D$19=2,J3157*Input!$C$19,0)+IF(Input!$D$20=2,K3157*Input!$C$20,0)+IF(Input!$D$21=2,L3157*Input!$C$21,0)+IF(Input!$D$22=2,M3157*Input!$C$22,0)</f>
        <v>0.33327308013278778</v>
      </c>
      <c r="P3157" s="59">
        <f>IF(Input!$D$19=3,J3157*Input!$C$19,0)+IF(Input!$D$20=3,K3157*Input!$C$20,0)+IF(Input!$D$21=3,L3157*Input!$C$21,0)+IF(Input!$D$22=3,M3157*Input!$C$22,0)</f>
        <v>0</v>
      </c>
      <c r="Q3157" s="75">
        <f>IF(Input!$D$19=4,J3157*Input!$C$19,0)+IF(Input!$D$20=4,K3157*Input!$C$20,0)+IF(Input!$D$21=4,L3157*Input!$C$21,0)+IF(Input!$D$22=4,M3157*Input!$C$22,0)</f>
        <v>0</v>
      </c>
      <c r="R3157" s="58">
        <v>48.186259440082338</v>
      </c>
      <c r="S3157" s="124">
        <f t="shared" si="49"/>
        <v>0.57767333889683214</v>
      </c>
    </row>
    <row r="3158" spans="8:19" x14ac:dyDescent="0.3">
      <c r="H3158" s="44">
        <v>3151</v>
      </c>
      <c r="I3158" s="56">
        <f>Bühler!I3184</f>
        <v>0.1672900166941052</v>
      </c>
      <c r="J3158" s="59">
        <f>Bühler!J3184</f>
        <v>0.55763338898035075</v>
      </c>
      <c r="K3158" s="59">
        <f>Bühler!K3184</f>
        <v>0.83645008347052607</v>
      </c>
      <c r="L3158" s="59">
        <f>Bühler!L3184</f>
        <v>11.231677292756528</v>
      </c>
      <c r="M3158" s="58">
        <f>Bühler!M3184</f>
        <v>0</v>
      </c>
      <c r="N3158" s="56">
        <f>IF(Input!$D$19=1,J3158*Input!$C$19,0)+IF(Input!$D$20=1,K3158*Input!$C$20,0)+IF(Input!$D$21=1,L3158*Input!$C$21,0)+IF(Input!$D$22=1,M3158*Input!$C$22,0)</f>
        <v>0.16729001669410523</v>
      </c>
      <c r="O3158" s="59">
        <f>IF(Input!$D$19=2,J3158*Input!$C$19,0)+IF(Input!$D$20=2,K3158*Input!$C$20,0)+IF(Input!$D$21=2,L3158*Input!$C$21,0)+IF(Input!$D$22=2,M3158*Input!$C$22,0)</f>
        <v>0.41822504173526304</v>
      </c>
      <c r="P3158" s="59">
        <f>IF(Input!$D$19=3,J3158*Input!$C$19,0)+IF(Input!$D$20=3,K3158*Input!$C$20,0)+IF(Input!$D$21=3,L3158*Input!$C$21,0)+IF(Input!$D$22=3,M3158*Input!$C$22,0)</f>
        <v>0</v>
      </c>
      <c r="Q3158" s="75">
        <f>IF(Input!$D$19=4,J3158*Input!$C$19,0)+IF(Input!$D$20=4,K3158*Input!$C$20,0)+IF(Input!$D$21=4,L3158*Input!$C$21,0)+IF(Input!$D$22=4,M3158*Input!$C$22,0)</f>
        <v>0</v>
      </c>
      <c r="R3158" s="58">
        <v>48.727481724378457</v>
      </c>
      <c r="S3158" s="124">
        <f t="shared" si="49"/>
        <v>0.72492340567445601</v>
      </c>
    </row>
    <row r="3159" spans="8:19" x14ac:dyDescent="0.3">
      <c r="H3159" s="44">
        <v>3152</v>
      </c>
      <c r="I3159" s="56">
        <f>Bühler!I3185</f>
        <v>0.19081517529171374</v>
      </c>
      <c r="J3159" s="59">
        <f>Bühler!J3185</f>
        <v>0.6360505843057126</v>
      </c>
      <c r="K3159" s="59">
        <f>Bühler!K3185</f>
        <v>0.95407587645856884</v>
      </c>
      <c r="L3159" s="59">
        <f>Bühler!L3185</f>
        <v>12.811131912050413</v>
      </c>
      <c r="M3159" s="58">
        <f>Bühler!M3185</f>
        <v>0</v>
      </c>
      <c r="N3159" s="56">
        <f>IF(Input!$D$19=1,J3159*Input!$C$19,0)+IF(Input!$D$20=1,K3159*Input!$C$20,0)+IF(Input!$D$21=1,L3159*Input!$C$21,0)+IF(Input!$D$22=1,M3159*Input!$C$22,0)</f>
        <v>0.19081517529171377</v>
      </c>
      <c r="O3159" s="59">
        <f>IF(Input!$D$19=2,J3159*Input!$C$19,0)+IF(Input!$D$20=2,K3159*Input!$C$20,0)+IF(Input!$D$21=2,L3159*Input!$C$21,0)+IF(Input!$D$22=2,M3159*Input!$C$22,0)</f>
        <v>0.47703793822928442</v>
      </c>
      <c r="P3159" s="59">
        <f>IF(Input!$D$19=3,J3159*Input!$C$19,0)+IF(Input!$D$20=3,K3159*Input!$C$20,0)+IF(Input!$D$21=3,L3159*Input!$C$21,0)+IF(Input!$D$22=3,M3159*Input!$C$22,0)</f>
        <v>0</v>
      </c>
      <c r="Q3159" s="75">
        <f>IF(Input!$D$19=4,J3159*Input!$C$19,0)+IF(Input!$D$20=4,K3159*Input!$C$20,0)+IF(Input!$D$21=4,L3159*Input!$C$21,0)+IF(Input!$D$22=4,M3159*Input!$C$22,0)</f>
        <v>0</v>
      </c>
      <c r="R3159" s="58">
        <v>49.213478126788665</v>
      </c>
      <c r="S3159" s="124">
        <f t="shared" si="49"/>
        <v>0.82686575959742636</v>
      </c>
    </row>
    <row r="3160" spans="8:19" x14ac:dyDescent="0.3">
      <c r="H3160" s="44">
        <v>3153</v>
      </c>
      <c r="I3160" s="56">
        <f>Bühler!I3186</f>
        <v>0.19081517529171374</v>
      </c>
      <c r="J3160" s="59">
        <f>Bühler!J3186</f>
        <v>0.6360505843057126</v>
      </c>
      <c r="K3160" s="59">
        <f>Bühler!K3186</f>
        <v>0.95407587645856884</v>
      </c>
      <c r="L3160" s="59">
        <f>Bühler!L3186</f>
        <v>12.811131912050413</v>
      </c>
      <c r="M3160" s="58">
        <f>Bühler!M3186</f>
        <v>0</v>
      </c>
      <c r="N3160" s="56">
        <f>IF(Input!$D$19=1,J3160*Input!$C$19,0)+IF(Input!$D$20=1,K3160*Input!$C$20,0)+IF(Input!$D$21=1,L3160*Input!$C$21,0)+IF(Input!$D$22=1,M3160*Input!$C$22,0)</f>
        <v>0.19081517529171377</v>
      </c>
      <c r="O3160" s="59">
        <f>IF(Input!$D$19=2,J3160*Input!$C$19,0)+IF(Input!$D$20=2,K3160*Input!$C$20,0)+IF(Input!$D$21=2,L3160*Input!$C$21,0)+IF(Input!$D$22=2,M3160*Input!$C$22,0)</f>
        <v>0.47703793822928442</v>
      </c>
      <c r="P3160" s="59">
        <f>IF(Input!$D$19=3,J3160*Input!$C$19,0)+IF(Input!$D$20=3,K3160*Input!$C$20,0)+IF(Input!$D$21=3,L3160*Input!$C$21,0)+IF(Input!$D$22=3,M3160*Input!$C$22,0)</f>
        <v>0</v>
      </c>
      <c r="Q3160" s="75">
        <f>IF(Input!$D$19=4,J3160*Input!$C$19,0)+IF(Input!$D$20=4,K3160*Input!$C$20,0)+IF(Input!$D$21=4,L3160*Input!$C$21,0)+IF(Input!$D$22=4,M3160*Input!$C$22,0)</f>
        <v>0</v>
      </c>
      <c r="R3160" s="58">
        <v>49.40274610175971</v>
      </c>
      <c r="S3160" s="124">
        <f t="shared" si="49"/>
        <v>0.82686575959742636</v>
      </c>
    </row>
    <row r="3161" spans="8:19" x14ac:dyDescent="0.3">
      <c r="H3161" s="44">
        <v>3154</v>
      </c>
      <c r="I3161" s="56">
        <f>Bühler!I3187</f>
        <v>0.19081517529171374</v>
      </c>
      <c r="J3161" s="59">
        <f>Bühler!J3187</f>
        <v>0.6360505843057126</v>
      </c>
      <c r="K3161" s="59">
        <f>Bühler!K3187</f>
        <v>0.95407587645856884</v>
      </c>
      <c r="L3161" s="59">
        <f>Bühler!L3187</f>
        <v>12.811131912050413</v>
      </c>
      <c r="M3161" s="58">
        <f>Bühler!M3187</f>
        <v>0</v>
      </c>
      <c r="N3161" s="56">
        <f>IF(Input!$D$19=1,J3161*Input!$C$19,0)+IF(Input!$D$20=1,K3161*Input!$C$20,0)+IF(Input!$D$21=1,L3161*Input!$C$21,0)+IF(Input!$D$22=1,M3161*Input!$C$22,0)</f>
        <v>0.19081517529171377</v>
      </c>
      <c r="O3161" s="59">
        <f>IF(Input!$D$19=2,J3161*Input!$C$19,0)+IF(Input!$D$20=2,K3161*Input!$C$20,0)+IF(Input!$D$21=2,L3161*Input!$C$21,0)+IF(Input!$D$22=2,M3161*Input!$C$22,0)</f>
        <v>0.47703793822928442</v>
      </c>
      <c r="P3161" s="59">
        <f>IF(Input!$D$19=3,J3161*Input!$C$19,0)+IF(Input!$D$20=3,K3161*Input!$C$20,0)+IF(Input!$D$21=3,L3161*Input!$C$21,0)+IF(Input!$D$22=3,M3161*Input!$C$22,0)</f>
        <v>0</v>
      </c>
      <c r="Q3161" s="75">
        <f>IF(Input!$D$19=4,J3161*Input!$C$19,0)+IF(Input!$D$20=4,K3161*Input!$C$20,0)+IF(Input!$D$21=4,L3161*Input!$C$21,0)+IF(Input!$D$22=4,M3161*Input!$C$22,0)</f>
        <v>0</v>
      </c>
      <c r="R3161" s="58">
        <v>49.118959291578477</v>
      </c>
      <c r="S3161" s="124">
        <f t="shared" si="49"/>
        <v>0.82686575959742636</v>
      </c>
    </row>
    <row r="3162" spans="8:19" x14ac:dyDescent="0.3">
      <c r="H3162" s="44">
        <v>3155</v>
      </c>
      <c r="I3162" s="56">
        <f>Bühler!I3188</f>
        <v>0.19081517529171374</v>
      </c>
      <c r="J3162" s="59">
        <f>Bühler!J3188</f>
        <v>0.6360505843057126</v>
      </c>
      <c r="K3162" s="59">
        <f>Bühler!K3188</f>
        <v>0.95407587645856884</v>
      </c>
      <c r="L3162" s="59">
        <f>Bühler!L3188</f>
        <v>12.811131912050413</v>
      </c>
      <c r="M3162" s="58">
        <f>Bühler!M3188</f>
        <v>0</v>
      </c>
      <c r="N3162" s="56">
        <f>IF(Input!$D$19=1,J3162*Input!$C$19,0)+IF(Input!$D$20=1,K3162*Input!$C$20,0)+IF(Input!$D$21=1,L3162*Input!$C$21,0)+IF(Input!$D$22=1,M3162*Input!$C$22,0)</f>
        <v>0.19081517529171377</v>
      </c>
      <c r="O3162" s="59">
        <f>IF(Input!$D$19=2,J3162*Input!$C$19,0)+IF(Input!$D$20=2,K3162*Input!$C$20,0)+IF(Input!$D$21=2,L3162*Input!$C$21,0)+IF(Input!$D$22=2,M3162*Input!$C$22,0)</f>
        <v>0.47703793822928442</v>
      </c>
      <c r="P3162" s="59">
        <f>IF(Input!$D$19=3,J3162*Input!$C$19,0)+IF(Input!$D$20=3,K3162*Input!$C$20,0)+IF(Input!$D$21=3,L3162*Input!$C$21,0)+IF(Input!$D$22=3,M3162*Input!$C$22,0)</f>
        <v>0</v>
      </c>
      <c r="Q3162" s="75">
        <f>IF(Input!$D$19=4,J3162*Input!$C$19,0)+IF(Input!$D$20=4,K3162*Input!$C$20,0)+IF(Input!$D$21=4,L3162*Input!$C$21,0)+IF(Input!$D$22=4,M3162*Input!$C$22,0)</f>
        <v>0</v>
      </c>
      <c r="R3162" s="58">
        <v>48.936325095813075</v>
      </c>
      <c r="S3162" s="124">
        <f t="shared" si="49"/>
        <v>0.82686575959742636</v>
      </c>
    </row>
    <row r="3163" spans="8:19" x14ac:dyDescent="0.3">
      <c r="H3163" s="44">
        <v>3156</v>
      </c>
      <c r="I3163" s="56">
        <f>Bühler!I3189</f>
        <v>0.19081517529171374</v>
      </c>
      <c r="J3163" s="59">
        <f>Bühler!J3189</f>
        <v>0.6360505843057126</v>
      </c>
      <c r="K3163" s="59">
        <f>Bühler!K3189</f>
        <v>0.95407587645856884</v>
      </c>
      <c r="L3163" s="59">
        <f>Bühler!L3189</f>
        <v>12.811131912050413</v>
      </c>
      <c r="M3163" s="58">
        <f>Bühler!M3189</f>
        <v>0</v>
      </c>
      <c r="N3163" s="56">
        <f>IF(Input!$D$19=1,J3163*Input!$C$19,0)+IF(Input!$D$20=1,K3163*Input!$C$20,0)+IF(Input!$D$21=1,L3163*Input!$C$21,0)+IF(Input!$D$22=1,M3163*Input!$C$22,0)</f>
        <v>0.19081517529171377</v>
      </c>
      <c r="O3163" s="59">
        <f>IF(Input!$D$19=2,J3163*Input!$C$19,0)+IF(Input!$D$20=2,K3163*Input!$C$20,0)+IF(Input!$D$21=2,L3163*Input!$C$21,0)+IF(Input!$D$22=2,M3163*Input!$C$22,0)</f>
        <v>0.47703793822928442</v>
      </c>
      <c r="P3163" s="59">
        <f>IF(Input!$D$19=3,J3163*Input!$C$19,0)+IF(Input!$D$20=3,K3163*Input!$C$20,0)+IF(Input!$D$21=3,L3163*Input!$C$21,0)+IF(Input!$D$22=3,M3163*Input!$C$22,0)</f>
        <v>0</v>
      </c>
      <c r="Q3163" s="75">
        <f>IF(Input!$D$19=4,J3163*Input!$C$19,0)+IF(Input!$D$20=4,K3163*Input!$C$20,0)+IF(Input!$D$21=4,L3163*Input!$C$21,0)+IF(Input!$D$22=4,M3163*Input!$C$22,0)</f>
        <v>0</v>
      </c>
      <c r="R3163" s="58">
        <v>48.766533664049319</v>
      </c>
      <c r="S3163" s="124">
        <f t="shared" si="49"/>
        <v>0.82686575959742636</v>
      </c>
    </row>
    <row r="3164" spans="8:19" x14ac:dyDescent="0.3">
      <c r="H3164" s="44">
        <v>3157</v>
      </c>
      <c r="I3164" s="56">
        <f>Bühler!I3190</f>
        <v>0.19081517529171374</v>
      </c>
      <c r="J3164" s="59">
        <f>Bühler!J3190</f>
        <v>0.6360505843057126</v>
      </c>
      <c r="K3164" s="59">
        <f>Bühler!K3190</f>
        <v>0.95407587645856884</v>
      </c>
      <c r="L3164" s="59">
        <f>Bühler!L3190</f>
        <v>12.811131912050413</v>
      </c>
      <c r="M3164" s="58">
        <f>Bühler!M3190</f>
        <v>0</v>
      </c>
      <c r="N3164" s="56">
        <f>IF(Input!$D$19=1,J3164*Input!$C$19,0)+IF(Input!$D$20=1,K3164*Input!$C$20,0)+IF(Input!$D$21=1,L3164*Input!$C$21,0)+IF(Input!$D$22=1,M3164*Input!$C$22,0)</f>
        <v>0.19081517529171377</v>
      </c>
      <c r="O3164" s="59">
        <f>IF(Input!$D$19=2,J3164*Input!$C$19,0)+IF(Input!$D$20=2,K3164*Input!$C$20,0)+IF(Input!$D$21=2,L3164*Input!$C$21,0)+IF(Input!$D$22=2,M3164*Input!$C$22,0)</f>
        <v>0.47703793822928442</v>
      </c>
      <c r="P3164" s="59">
        <f>IF(Input!$D$19=3,J3164*Input!$C$19,0)+IF(Input!$D$20=3,K3164*Input!$C$20,0)+IF(Input!$D$21=3,L3164*Input!$C$21,0)+IF(Input!$D$22=3,M3164*Input!$C$22,0)</f>
        <v>0</v>
      </c>
      <c r="Q3164" s="75">
        <f>IF(Input!$D$19=4,J3164*Input!$C$19,0)+IF(Input!$D$20=4,K3164*Input!$C$20,0)+IF(Input!$D$21=4,L3164*Input!$C$21,0)+IF(Input!$D$22=4,M3164*Input!$C$22,0)</f>
        <v>0</v>
      </c>
      <c r="R3164" s="58">
        <v>48.141052453404157</v>
      </c>
      <c r="S3164" s="124">
        <f t="shared" si="49"/>
        <v>0.82686575959742636</v>
      </c>
    </row>
    <row r="3165" spans="8:19" x14ac:dyDescent="0.3">
      <c r="H3165" s="44">
        <v>3158</v>
      </c>
      <c r="I3165" s="56">
        <f>Bühler!I3191</f>
        <v>0.19081517529171374</v>
      </c>
      <c r="J3165" s="59">
        <f>Bühler!J3191</f>
        <v>0.6360505843057126</v>
      </c>
      <c r="K3165" s="59">
        <f>Bühler!K3191</f>
        <v>0.95407587645856884</v>
      </c>
      <c r="L3165" s="59">
        <f>Bühler!L3191</f>
        <v>12.811131912050413</v>
      </c>
      <c r="M3165" s="58">
        <f>Bühler!M3191</f>
        <v>0</v>
      </c>
      <c r="N3165" s="56">
        <f>IF(Input!$D$19=1,J3165*Input!$C$19,0)+IF(Input!$D$20=1,K3165*Input!$C$20,0)+IF(Input!$D$21=1,L3165*Input!$C$21,0)+IF(Input!$D$22=1,M3165*Input!$C$22,0)</f>
        <v>0.19081517529171377</v>
      </c>
      <c r="O3165" s="59">
        <f>IF(Input!$D$19=2,J3165*Input!$C$19,0)+IF(Input!$D$20=2,K3165*Input!$C$20,0)+IF(Input!$D$21=2,L3165*Input!$C$21,0)+IF(Input!$D$22=2,M3165*Input!$C$22,0)</f>
        <v>0.47703793822928442</v>
      </c>
      <c r="P3165" s="59">
        <f>IF(Input!$D$19=3,J3165*Input!$C$19,0)+IF(Input!$D$20=3,K3165*Input!$C$20,0)+IF(Input!$D$21=3,L3165*Input!$C$21,0)+IF(Input!$D$22=3,M3165*Input!$C$22,0)</f>
        <v>0</v>
      </c>
      <c r="Q3165" s="75">
        <f>IF(Input!$D$19=4,J3165*Input!$C$19,0)+IF(Input!$D$20=4,K3165*Input!$C$20,0)+IF(Input!$D$21=4,L3165*Input!$C$21,0)+IF(Input!$D$22=4,M3165*Input!$C$22,0)</f>
        <v>0</v>
      </c>
      <c r="R3165" s="58">
        <v>47.368377253495126</v>
      </c>
      <c r="S3165" s="124">
        <f t="shared" si="49"/>
        <v>0.82686575959742636</v>
      </c>
    </row>
    <row r="3166" spans="8:19" x14ac:dyDescent="0.3">
      <c r="H3166" s="44">
        <v>3159</v>
      </c>
      <c r="I3166" s="56">
        <f>Bühler!I3192</f>
        <v>0.19081517529171374</v>
      </c>
      <c r="J3166" s="59">
        <f>Bühler!J3192</f>
        <v>0.6360505843057126</v>
      </c>
      <c r="K3166" s="59">
        <f>Bühler!K3192</f>
        <v>0.95407587645856884</v>
      </c>
      <c r="L3166" s="59">
        <f>Bühler!L3192</f>
        <v>12.811131912050413</v>
      </c>
      <c r="M3166" s="58">
        <f>Bühler!M3192</f>
        <v>0</v>
      </c>
      <c r="N3166" s="56">
        <f>IF(Input!$D$19=1,J3166*Input!$C$19,0)+IF(Input!$D$20=1,K3166*Input!$C$20,0)+IF(Input!$D$21=1,L3166*Input!$C$21,0)+IF(Input!$D$22=1,M3166*Input!$C$22,0)</f>
        <v>0.19081517529171377</v>
      </c>
      <c r="O3166" s="59">
        <f>IF(Input!$D$19=2,J3166*Input!$C$19,0)+IF(Input!$D$20=2,K3166*Input!$C$20,0)+IF(Input!$D$21=2,L3166*Input!$C$21,0)+IF(Input!$D$22=2,M3166*Input!$C$22,0)</f>
        <v>0.47703793822928442</v>
      </c>
      <c r="P3166" s="59">
        <f>IF(Input!$D$19=3,J3166*Input!$C$19,0)+IF(Input!$D$20=3,K3166*Input!$C$20,0)+IF(Input!$D$21=3,L3166*Input!$C$21,0)+IF(Input!$D$22=3,M3166*Input!$C$22,0)</f>
        <v>0</v>
      </c>
      <c r="Q3166" s="75">
        <f>IF(Input!$D$19=4,J3166*Input!$C$19,0)+IF(Input!$D$20=4,K3166*Input!$C$20,0)+IF(Input!$D$21=4,L3166*Input!$C$21,0)+IF(Input!$D$22=4,M3166*Input!$C$22,0)</f>
        <v>0</v>
      </c>
      <c r="R3166" s="58">
        <v>46.62810154176956</v>
      </c>
      <c r="S3166" s="124">
        <f t="shared" si="49"/>
        <v>0.82686575959742636</v>
      </c>
    </row>
    <row r="3167" spans="8:19" x14ac:dyDescent="0.3">
      <c r="H3167" s="44">
        <v>3160</v>
      </c>
      <c r="I3167" s="56">
        <f>Bühler!I3193</f>
        <v>0.17251782971579596</v>
      </c>
      <c r="J3167" s="59">
        <f>Bühler!J3193</f>
        <v>0.57505943238598667</v>
      </c>
      <c r="K3167" s="59">
        <f>Bühler!K3193</f>
        <v>0.86258914857897995</v>
      </c>
      <c r="L3167" s="59">
        <f>Bühler!L3193</f>
        <v>11.58266720815517</v>
      </c>
      <c r="M3167" s="58">
        <f>Bühler!M3193</f>
        <v>0</v>
      </c>
      <c r="N3167" s="56">
        <f>IF(Input!$D$19=1,J3167*Input!$C$19,0)+IF(Input!$D$20=1,K3167*Input!$C$20,0)+IF(Input!$D$21=1,L3167*Input!$C$21,0)+IF(Input!$D$22=1,M3167*Input!$C$22,0)</f>
        <v>0.17251782971579599</v>
      </c>
      <c r="O3167" s="59">
        <f>IF(Input!$D$19=2,J3167*Input!$C$19,0)+IF(Input!$D$20=2,K3167*Input!$C$20,0)+IF(Input!$D$21=2,L3167*Input!$C$21,0)+IF(Input!$D$22=2,M3167*Input!$C$22,0)</f>
        <v>0.43129457428948997</v>
      </c>
      <c r="P3167" s="59">
        <f>IF(Input!$D$19=3,J3167*Input!$C$19,0)+IF(Input!$D$20=3,K3167*Input!$C$20,0)+IF(Input!$D$21=3,L3167*Input!$C$21,0)+IF(Input!$D$22=3,M3167*Input!$C$22,0)</f>
        <v>0</v>
      </c>
      <c r="Q3167" s="75">
        <f>IF(Input!$D$19=4,J3167*Input!$C$19,0)+IF(Input!$D$20=4,K3167*Input!$C$20,0)+IF(Input!$D$21=4,L3167*Input!$C$21,0)+IF(Input!$D$22=4,M3167*Input!$C$22,0)</f>
        <v>0</v>
      </c>
      <c r="R3167" s="58">
        <v>46.415032664358215</v>
      </c>
      <c r="S3167" s="124">
        <f t="shared" si="49"/>
        <v>0.74757726210178266</v>
      </c>
    </row>
    <row r="3168" spans="8:19" x14ac:dyDescent="0.3">
      <c r="H3168" s="44">
        <v>3161</v>
      </c>
      <c r="I3168" s="56">
        <f>Bühler!I3194</f>
        <v>0.15683439065072363</v>
      </c>
      <c r="J3168" s="59">
        <f>Bühler!J3194</f>
        <v>0.52278130216907881</v>
      </c>
      <c r="K3168" s="59">
        <f>Bühler!K3194</f>
        <v>0.78417195325361821</v>
      </c>
      <c r="L3168" s="59">
        <f>Bühler!L3194</f>
        <v>10.529697461959245</v>
      </c>
      <c r="M3168" s="58">
        <f>Bühler!M3194</f>
        <v>0</v>
      </c>
      <c r="N3168" s="56">
        <f>IF(Input!$D$19=1,J3168*Input!$C$19,0)+IF(Input!$D$20=1,K3168*Input!$C$20,0)+IF(Input!$D$21=1,L3168*Input!$C$21,0)+IF(Input!$D$22=1,M3168*Input!$C$22,0)</f>
        <v>0.15683439065072363</v>
      </c>
      <c r="O3168" s="59">
        <f>IF(Input!$D$19=2,J3168*Input!$C$19,0)+IF(Input!$D$20=2,K3168*Input!$C$20,0)+IF(Input!$D$21=2,L3168*Input!$C$21,0)+IF(Input!$D$22=2,M3168*Input!$C$22,0)</f>
        <v>0.39208597662680911</v>
      </c>
      <c r="P3168" s="59">
        <f>IF(Input!$D$19=3,J3168*Input!$C$19,0)+IF(Input!$D$20=3,K3168*Input!$C$20,0)+IF(Input!$D$21=3,L3168*Input!$C$21,0)+IF(Input!$D$22=3,M3168*Input!$C$22,0)</f>
        <v>0</v>
      </c>
      <c r="Q3168" s="75">
        <f>IF(Input!$D$19=4,J3168*Input!$C$19,0)+IF(Input!$D$20=4,K3168*Input!$C$20,0)+IF(Input!$D$21=4,L3168*Input!$C$21,0)+IF(Input!$D$22=4,M3168*Input!$C$22,0)</f>
        <v>0</v>
      </c>
      <c r="R3168" s="58">
        <v>45.954151932310729</v>
      </c>
      <c r="S3168" s="124">
        <f t="shared" si="49"/>
        <v>0.6796156928198025</v>
      </c>
    </row>
    <row r="3169" spans="8:19" x14ac:dyDescent="0.3">
      <c r="H3169" s="44">
        <v>3162</v>
      </c>
      <c r="I3169" s="56">
        <f>Bühler!I3195</f>
        <v>0.14115095158565127</v>
      </c>
      <c r="J3169" s="59">
        <f>Bühler!J3195</f>
        <v>0.47050317195217095</v>
      </c>
      <c r="K3169" s="59">
        <f>Bühler!K3195</f>
        <v>0.70575475792825648</v>
      </c>
      <c r="L3169" s="59">
        <f>Bühler!L3195</f>
        <v>9.4767277157633192</v>
      </c>
      <c r="M3169" s="58">
        <f>Bühler!M3195</f>
        <v>0</v>
      </c>
      <c r="N3169" s="56">
        <f>IF(Input!$D$19=1,J3169*Input!$C$19,0)+IF(Input!$D$20=1,K3169*Input!$C$20,0)+IF(Input!$D$21=1,L3169*Input!$C$21,0)+IF(Input!$D$22=1,M3169*Input!$C$22,0)</f>
        <v>0.14115095158565127</v>
      </c>
      <c r="O3169" s="59">
        <f>IF(Input!$D$19=2,J3169*Input!$C$19,0)+IF(Input!$D$20=2,K3169*Input!$C$20,0)+IF(Input!$D$21=2,L3169*Input!$C$21,0)+IF(Input!$D$22=2,M3169*Input!$C$22,0)</f>
        <v>0.35287737896412824</v>
      </c>
      <c r="P3169" s="59">
        <f>IF(Input!$D$19=3,J3169*Input!$C$19,0)+IF(Input!$D$20=3,K3169*Input!$C$20,0)+IF(Input!$D$21=3,L3169*Input!$C$21,0)+IF(Input!$D$22=3,M3169*Input!$C$22,0)</f>
        <v>0</v>
      </c>
      <c r="Q3169" s="75">
        <f>IF(Input!$D$19=4,J3169*Input!$C$19,0)+IF(Input!$D$20=4,K3169*Input!$C$20,0)+IF(Input!$D$21=4,L3169*Input!$C$21,0)+IF(Input!$D$22=4,M3169*Input!$C$22,0)</f>
        <v>0</v>
      </c>
      <c r="R3169" s="58">
        <v>44.947846063861647</v>
      </c>
      <c r="S3169" s="124">
        <f t="shared" si="49"/>
        <v>0.61165412353782223</v>
      </c>
    </row>
    <row r="3170" spans="8:19" x14ac:dyDescent="0.3">
      <c r="H3170" s="44">
        <v>3163</v>
      </c>
      <c r="I3170" s="56">
        <f>Bühler!I3196</f>
        <v>0.13592313856396046</v>
      </c>
      <c r="J3170" s="59">
        <f>Bühler!J3196</f>
        <v>0.45307712854653492</v>
      </c>
      <c r="K3170" s="59">
        <f>Bühler!K3196</f>
        <v>0.67961569281980239</v>
      </c>
      <c r="L3170" s="59">
        <f>Bühler!L3196</f>
        <v>9.1257378003646785</v>
      </c>
      <c r="M3170" s="58">
        <f>Bühler!M3196</f>
        <v>0</v>
      </c>
      <c r="N3170" s="56">
        <f>IF(Input!$D$19=1,J3170*Input!$C$19,0)+IF(Input!$D$20=1,K3170*Input!$C$20,0)+IF(Input!$D$21=1,L3170*Input!$C$21,0)+IF(Input!$D$22=1,M3170*Input!$C$22,0)</f>
        <v>0.13592313856396046</v>
      </c>
      <c r="O3170" s="59">
        <f>IF(Input!$D$19=2,J3170*Input!$C$19,0)+IF(Input!$D$20=2,K3170*Input!$C$20,0)+IF(Input!$D$21=2,L3170*Input!$C$21,0)+IF(Input!$D$22=2,M3170*Input!$C$22,0)</f>
        <v>0.33980784640990119</v>
      </c>
      <c r="P3170" s="59">
        <f>IF(Input!$D$19=3,J3170*Input!$C$19,0)+IF(Input!$D$20=3,K3170*Input!$C$20,0)+IF(Input!$D$21=3,L3170*Input!$C$21,0)+IF(Input!$D$22=3,M3170*Input!$C$22,0)</f>
        <v>0</v>
      </c>
      <c r="Q3170" s="75">
        <f>IF(Input!$D$19=4,J3170*Input!$C$19,0)+IF(Input!$D$20=4,K3170*Input!$C$20,0)+IF(Input!$D$21=4,L3170*Input!$C$21,0)+IF(Input!$D$22=4,M3170*Input!$C$22,0)</f>
        <v>0</v>
      </c>
      <c r="R3170" s="58">
        <v>43.745318462659846</v>
      </c>
      <c r="S3170" s="124">
        <f t="shared" si="49"/>
        <v>0.58900026711049536</v>
      </c>
    </row>
    <row r="3171" spans="8:19" x14ac:dyDescent="0.3">
      <c r="H3171" s="44">
        <v>3164</v>
      </c>
      <c r="I3171" s="56">
        <f>Bühler!I3197</f>
        <v>0.10978407345550653</v>
      </c>
      <c r="J3171" s="59">
        <f>Bühler!J3197</f>
        <v>0.36594691151835512</v>
      </c>
      <c r="K3171" s="59">
        <f>Bühler!K3197</f>
        <v>0.54892036727753268</v>
      </c>
      <c r="L3171" s="59">
        <f>Bühler!L3197</f>
        <v>7.3707882233714699</v>
      </c>
      <c r="M3171" s="58">
        <f>Bühler!M3197</f>
        <v>0</v>
      </c>
      <c r="N3171" s="56">
        <f>IF(Input!$D$19=1,J3171*Input!$C$19,0)+IF(Input!$D$20=1,K3171*Input!$C$20,0)+IF(Input!$D$21=1,L3171*Input!$C$21,0)+IF(Input!$D$22=1,M3171*Input!$C$22,0)</f>
        <v>0.10978407345550653</v>
      </c>
      <c r="O3171" s="59">
        <f>IF(Input!$D$19=2,J3171*Input!$C$19,0)+IF(Input!$D$20=2,K3171*Input!$C$20,0)+IF(Input!$D$21=2,L3171*Input!$C$21,0)+IF(Input!$D$22=2,M3171*Input!$C$22,0)</f>
        <v>0.27446018363876634</v>
      </c>
      <c r="P3171" s="59">
        <f>IF(Input!$D$19=3,J3171*Input!$C$19,0)+IF(Input!$D$20=3,K3171*Input!$C$20,0)+IF(Input!$D$21=3,L3171*Input!$C$21,0)+IF(Input!$D$22=3,M3171*Input!$C$22,0)</f>
        <v>0</v>
      </c>
      <c r="Q3171" s="75">
        <f>IF(Input!$D$19=4,J3171*Input!$C$19,0)+IF(Input!$D$20=4,K3171*Input!$C$20,0)+IF(Input!$D$21=4,L3171*Input!$C$21,0)+IF(Input!$D$22=4,M3171*Input!$C$22,0)</f>
        <v>0</v>
      </c>
      <c r="R3171" s="58">
        <v>43.065277629307971</v>
      </c>
      <c r="S3171" s="124">
        <f t="shared" si="49"/>
        <v>0.47573098497386168</v>
      </c>
    </row>
    <row r="3172" spans="8:19" x14ac:dyDescent="0.3">
      <c r="H3172" s="44">
        <v>3165</v>
      </c>
      <c r="I3172" s="56">
        <f>Bühler!I3198</f>
        <v>8.1031101836207209E-2</v>
      </c>
      <c r="J3172" s="59">
        <f>Bühler!J3198</f>
        <v>0.27010367278735736</v>
      </c>
      <c r="K3172" s="59">
        <f>Bühler!K3198</f>
        <v>0.40515550918103604</v>
      </c>
      <c r="L3172" s="59">
        <f>Bühler!L3198</f>
        <v>5.4403436886789427</v>
      </c>
      <c r="M3172" s="58">
        <f>Bühler!M3198</f>
        <v>0</v>
      </c>
      <c r="N3172" s="56">
        <f>IF(Input!$D$19=1,J3172*Input!$C$19,0)+IF(Input!$D$20=1,K3172*Input!$C$20,0)+IF(Input!$D$21=1,L3172*Input!$C$21,0)+IF(Input!$D$22=1,M3172*Input!$C$22,0)</f>
        <v>8.1031101836207209E-2</v>
      </c>
      <c r="O3172" s="59">
        <f>IF(Input!$D$19=2,J3172*Input!$C$19,0)+IF(Input!$D$20=2,K3172*Input!$C$20,0)+IF(Input!$D$21=2,L3172*Input!$C$21,0)+IF(Input!$D$22=2,M3172*Input!$C$22,0)</f>
        <v>0.20257775459051802</v>
      </c>
      <c r="P3172" s="59">
        <f>IF(Input!$D$19=3,J3172*Input!$C$19,0)+IF(Input!$D$20=3,K3172*Input!$C$20,0)+IF(Input!$D$21=3,L3172*Input!$C$21,0)+IF(Input!$D$22=3,M3172*Input!$C$22,0)</f>
        <v>0</v>
      </c>
      <c r="Q3172" s="75">
        <f>IF(Input!$D$19=4,J3172*Input!$C$19,0)+IF(Input!$D$20=4,K3172*Input!$C$20,0)+IF(Input!$D$21=4,L3172*Input!$C$21,0)+IF(Input!$D$22=4,M3172*Input!$C$22,0)</f>
        <v>0</v>
      </c>
      <c r="R3172" s="58">
        <v>42.408016724705298</v>
      </c>
      <c r="S3172" s="124">
        <f t="shared" si="49"/>
        <v>0.35113477462356457</v>
      </c>
    </row>
    <row r="3173" spans="8:19" x14ac:dyDescent="0.3">
      <c r="H3173" s="44">
        <v>3166</v>
      </c>
      <c r="I3173" s="56">
        <f>Bühler!I3199</f>
        <v>8.1031101836207209E-2</v>
      </c>
      <c r="J3173" s="59">
        <f>Bühler!J3199</f>
        <v>0.27010367278735736</v>
      </c>
      <c r="K3173" s="59">
        <f>Bühler!K3199</f>
        <v>0.40515550918103604</v>
      </c>
      <c r="L3173" s="59">
        <f>Bühler!L3199</f>
        <v>5.4403436886789427</v>
      </c>
      <c r="M3173" s="58">
        <f>Bühler!M3199</f>
        <v>0</v>
      </c>
      <c r="N3173" s="56">
        <f>IF(Input!$D$19=1,J3173*Input!$C$19,0)+IF(Input!$D$20=1,K3173*Input!$C$20,0)+IF(Input!$D$21=1,L3173*Input!$C$21,0)+IF(Input!$D$22=1,M3173*Input!$C$22,0)</f>
        <v>8.1031101836207209E-2</v>
      </c>
      <c r="O3173" s="59">
        <f>IF(Input!$D$19=2,J3173*Input!$C$19,0)+IF(Input!$D$20=2,K3173*Input!$C$20,0)+IF(Input!$D$21=2,L3173*Input!$C$21,0)+IF(Input!$D$22=2,M3173*Input!$C$22,0)</f>
        <v>0.20257775459051802</v>
      </c>
      <c r="P3173" s="59">
        <f>IF(Input!$D$19=3,J3173*Input!$C$19,0)+IF(Input!$D$20=3,K3173*Input!$C$20,0)+IF(Input!$D$21=3,L3173*Input!$C$21,0)+IF(Input!$D$22=3,M3173*Input!$C$22,0)</f>
        <v>0</v>
      </c>
      <c r="Q3173" s="75">
        <f>IF(Input!$D$19=4,J3173*Input!$C$19,0)+IF(Input!$D$20=4,K3173*Input!$C$20,0)+IF(Input!$D$21=4,L3173*Input!$C$21,0)+IF(Input!$D$22=4,M3173*Input!$C$22,0)</f>
        <v>0</v>
      </c>
      <c r="R3173" s="58">
        <v>42.375042612742149</v>
      </c>
      <c r="S3173" s="124">
        <f t="shared" si="49"/>
        <v>0.35113477462356457</v>
      </c>
    </row>
    <row r="3174" spans="8:19" x14ac:dyDescent="0.3">
      <c r="H3174" s="44">
        <v>3167</v>
      </c>
      <c r="I3174" s="56">
        <f>Bühler!I3200</f>
        <v>8.1031101836207209E-2</v>
      </c>
      <c r="J3174" s="59">
        <f>Bühler!J3200</f>
        <v>0.27010367278735736</v>
      </c>
      <c r="K3174" s="59">
        <f>Bühler!K3200</f>
        <v>0.40515550918103604</v>
      </c>
      <c r="L3174" s="59">
        <f>Bühler!L3200</f>
        <v>5.4403436886789427</v>
      </c>
      <c r="M3174" s="58">
        <f>Bühler!M3200</f>
        <v>0</v>
      </c>
      <c r="N3174" s="56">
        <f>IF(Input!$D$19=1,J3174*Input!$C$19,0)+IF(Input!$D$20=1,K3174*Input!$C$20,0)+IF(Input!$D$21=1,L3174*Input!$C$21,0)+IF(Input!$D$22=1,M3174*Input!$C$22,0)</f>
        <v>8.1031101836207209E-2</v>
      </c>
      <c r="O3174" s="59">
        <f>IF(Input!$D$19=2,J3174*Input!$C$19,0)+IF(Input!$D$20=2,K3174*Input!$C$20,0)+IF(Input!$D$21=2,L3174*Input!$C$21,0)+IF(Input!$D$22=2,M3174*Input!$C$22,0)</f>
        <v>0.20257775459051802</v>
      </c>
      <c r="P3174" s="59">
        <f>IF(Input!$D$19=3,J3174*Input!$C$19,0)+IF(Input!$D$20=3,K3174*Input!$C$20,0)+IF(Input!$D$21=3,L3174*Input!$C$21,0)+IF(Input!$D$22=3,M3174*Input!$C$22,0)</f>
        <v>0</v>
      </c>
      <c r="Q3174" s="75">
        <f>IF(Input!$D$19=4,J3174*Input!$C$19,0)+IF(Input!$D$20=4,K3174*Input!$C$20,0)+IF(Input!$D$21=4,L3174*Input!$C$21,0)+IF(Input!$D$22=4,M3174*Input!$C$22,0)</f>
        <v>0</v>
      </c>
      <c r="R3174" s="58">
        <v>42.377166369039386</v>
      </c>
      <c r="S3174" s="124">
        <f t="shared" si="49"/>
        <v>0.35113477462356457</v>
      </c>
    </row>
    <row r="3175" spans="8:19" x14ac:dyDescent="0.3">
      <c r="H3175" s="44">
        <v>3168</v>
      </c>
      <c r="I3175" s="56">
        <f>Bühler!I3201</f>
        <v>8.1031101836207209E-2</v>
      </c>
      <c r="J3175" s="59">
        <f>Bühler!J3201</f>
        <v>0.27010367278735736</v>
      </c>
      <c r="K3175" s="59">
        <f>Bühler!K3201</f>
        <v>0.40515550918103604</v>
      </c>
      <c r="L3175" s="59">
        <f>Bühler!L3201</f>
        <v>5.4403436886789427</v>
      </c>
      <c r="M3175" s="58">
        <f>Bühler!M3201</f>
        <v>0</v>
      </c>
      <c r="N3175" s="56">
        <f>IF(Input!$D$19=1,J3175*Input!$C$19,0)+IF(Input!$D$20=1,K3175*Input!$C$20,0)+IF(Input!$D$21=1,L3175*Input!$C$21,0)+IF(Input!$D$22=1,M3175*Input!$C$22,0)</f>
        <v>8.1031101836207209E-2</v>
      </c>
      <c r="O3175" s="59">
        <f>IF(Input!$D$19=2,J3175*Input!$C$19,0)+IF(Input!$D$20=2,K3175*Input!$C$20,0)+IF(Input!$D$21=2,L3175*Input!$C$21,0)+IF(Input!$D$22=2,M3175*Input!$C$22,0)</f>
        <v>0.20257775459051802</v>
      </c>
      <c r="P3175" s="59">
        <f>IF(Input!$D$19=3,J3175*Input!$C$19,0)+IF(Input!$D$20=3,K3175*Input!$C$20,0)+IF(Input!$D$21=3,L3175*Input!$C$21,0)+IF(Input!$D$22=3,M3175*Input!$C$22,0)</f>
        <v>0</v>
      </c>
      <c r="Q3175" s="75">
        <f>IF(Input!$D$19=4,J3175*Input!$C$19,0)+IF(Input!$D$20=4,K3175*Input!$C$20,0)+IF(Input!$D$21=4,L3175*Input!$C$21,0)+IF(Input!$D$22=4,M3175*Input!$C$22,0)</f>
        <v>0</v>
      </c>
      <c r="R3175" s="58">
        <v>42.205379729439045</v>
      </c>
      <c r="S3175" s="124">
        <f t="shared" si="49"/>
        <v>0.35113477462356457</v>
      </c>
    </row>
    <row r="3176" spans="8:19" x14ac:dyDescent="0.3">
      <c r="H3176" s="44">
        <v>3169</v>
      </c>
      <c r="I3176" s="56">
        <f>Bühler!I3202</f>
        <v>8.5773661442673427E-2</v>
      </c>
      <c r="J3176" s="59">
        <f>Bühler!J3202</f>
        <v>0.28591220480891144</v>
      </c>
      <c r="K3176" s="59">
        <f>Bühler!K3202</f>
        <v>0.42886830721336722</v>
      </c>
      <c r="L3176" s="59">
        <f>Bühler!L3202</f>
        <v>6.040525868733595</v>
      </c>
      <c r="M3176" s="58">
        <f>Bühler!M3202</f>
        <v>0</v>
      </c>
      <c r="N3176" s="56">
        <f>IF(Input!$D$19=1,J3176*Input!$C$19,0)+IF(Input!$D$20=1,K3176*Input!$C$20,0)+IF(Input!$D$21=1,L3176*Input!$C$21,0)+IF(Input!$D$22=1,M3176*Input!$C$22,0)</f>
        <v>8.5773661442673427E-2</v>
      </c>
      <c r="O3176" s="59">
        <f>IF(Input!$D$19=2,J3176*Input!$C$19,0)+IF(Input!$D$20=2,K3176*Input!$C$20,0)+IF(Input!$D$21=2,L3176*Input!$C$21,0)+IF(Input!$D$22=2,M3176*Input!$C$22,0)</f>
        <v>0.21443415360668361</v>
      </c>
      <c r="P3176" s="59">
        <f>IF(Input!$D$19=3,J3176*Input!$C$19,0)+IF(Input!$D$20=3,K3176*Input!$C$20,0)+IF(Input!$D$21=3,L3176*Input!$C$21,0)+IF(Input!$D$22=3,M3176*Input!$C$22,0)</f>
        <v>0</v>
      </c>
      <c r="Q3176" s="75">
        <f>IF(Input!$D$19=4,J3176*Input!$C$19,0)+IF(Input!$D$20=4,K3176*Input!$C$20,0)+IF(Input!$D$21=4,L3176*Input!$C$21,0)+IF(Input!$D$22=4,M3176*Input!$C$22,0)</f>
        <v>0</v>
      </c>
      <c r="R3176" s="58">
        <v>48.597447463968734</v>
      </c>
      <c r="S3176" s="124">
        <f t="shared" si="49"/>
        <v>0.37168586625158484</v>
      </c>
    </row>
    <row r="3177" spans="8:19" x14ac:dyDescent="0.3">
      <c r="H3177" s="44">
        <v>3170</v>
      </c>
      <c r="I3177" s="56">
        <f>Bühler!I3203</f>
        <v>9.9608122965685261E-2</v>
      </c>
      <c r="J3177" s="59">
        <f>Bühler!J3203</f>
        <v>0.33202707655228425</v>
      </c>
      <c r="K3177" s="59">
        <f>Bühler!K3203</f>
        <v>0.49804061482842638</v>
      </c>
      <c r="L3177" s="59">
        <f>Bühler!L3203</f>
        <v>7.0148042346583681</v>
      </c>
      <c r="M3177" s="58">
        <f>Bühler!M3203</f>
        <v>0</v>
      </c>
      <c r="N3177" s="56">
        <f>IF(Input!$D$19=1,J3177*Input!$C$19,0)+IF(Input!$D$20=1,K3177*Input!$C$20,0)+IF(Input!$D$21=1,L3177*Input!$C$21,0)+IF(Input!$D$22=1,M3177*Input!$C$22,0)</f>
        <v>9.9608122965685275E-2</v>
      </c>
      <c r="O3177" s="59">
        <f>IF(Input!$D$19=2,J3177*Input!$C$19,0)+IF(Input!$D$20=2,K3177*Input!$C$20,0)+IF(Input!$D$21=2,L3177*Input!$C$21,0)+IF(Input!$D$22=2,M3177*Input!$C$22,0)</f>
        <v>0.24902030741421319</v>
      </c>
      <c r="P3177" s="59">
        <f>IF(Input!$D$19=3,J3177*Input!$C$19,0)+IF(Input!$D$20=3,K3177*Input!$C$20,0)+IF(Input!$D$21=3,L3177*Input!$C$21,0)+IF(Input!$D$22=3,M3177*Input!$C$22,0)</f>
        <v>0</v>
      </c>
      <c r="Q3177" s="75">
        <f>IF(Input!$D$19=4,J3177*Input!$C$19,0)+IF(Input!$D$20=4,K3177*Input!$C$20,0)+IF(Input!$D$21=4,L3177*Input!$C$21,0)+IF(Input!$D$22=4,M3177*Input!$C$22,0)</f>
        <v>0</v>
      </c>
      <c r="R3177" s="58">
        <v>47.763567466563615</v>
      </c>
      <c r="S3177" s="124">
        <f t="shared" si="49"/>
        <v>0.43163519951796953</v>
      </c>
    </row>
    <row r="3178" spans="8:19" x14ac:dyDescent="0.3">
      <c r="H3178" s="44">
        <v>3171</v>
      </c>
      <c r="I3178" s="56">
        <f>Bühler!I3204</f>
        <v>9.9608122965685261E-2</v>
      </c>
      <c r="J3178" s="59">
        <f>Bühler!J3204</f>
        <v>0.33202707655228425</v>
      </c>
      <c r="K3178" s="59">
        <f>Bühler!K3204</f>
        <v>0.49804061482842638</v>
      </c>
      <c r="L3178" s="59">
        <f>Bühler!L3204</f>
        <v>7.0148042346583681</v>
      </c>
      <c r="M3178" s="58">
        <f>Bühler!M3204</f>
        <v>0</v>
      </c>
      <c r="N3178" s="56">
        <f>IF(Input!$D$19=1,J3178*Input!$C$19,0)+IF(Input!$D$20=1,K3178*Input!$C$20,0)+IF(Input!$D$21=1,L3178*Input!$C$21,0)+IF(Input!$D$22=1,M3178*Input!$C$22,0)</f>
        <v>9.9608122965685275E-2</v>
      </c>
      <c r="O3178" s="59">
        <f>IF(Input!$D$19=2,J3178*Input!$C$19,0)+IF(Input!$D$20=2,K3178*Input!$C$20,0)+IF(Input!$D$21=2,L3178*Input!$C$21,0)+IF(Input!$D$22=2,M3178*Input!$C$22,0)</f>
        <v>0.24902030741421319</v>
      </c>
      <c r="P3178" s="59">
        <f>IF(Input!$D$19=3,J3178*Input!$C$19,0)+IF(Input!$D$20=3,K3178*Input!$C$20,0)+IF(Input!$D$21=3,L3178*Input!$C$21,0)+IF(Input!$D$22=3,M3178*Input!$C$22,0)</f>
        <v>0</v>
      </c>
      <c r="Q3178" s="75">
        <f>IF(Input!$D$19=4,J3178*Input!$C$19,0)+IF(Input!$D$20=4,K3178*Input!$C$20,0)+IF(Input!$D$21=4,L3178*Input!$C$21,0)+IF(Input!$D$22=4,M3178*Input!$C$22,0)</f>
        <v>0</v>
      </c>
      <c r="R3178" s="58">
        <v>47.16219736929159</v>
      </c>
      <c r="S3178" s="124">
        <f t="shared" si="49"/>
        <v>0.43163519951796953</v>
      </c>
    </row>
    <row r="3179" spans="8:19" x14ac:dyDescent="0.3">
      <c r="H3179" s="44">
        <v>3172</v>
      </c>
      <c r="I3179" s="56">
        <f>Bühler!I3205</f>
        <v>9.9608122965685261E-2</v>
      </c>
      <c r="J3179" s="59">
        <f>Bühler!J3205</f>
        <v>0.33202707655228425</v>
      </c>
      <c r="K3179" s="59">
        <f>Bühler!K3205</f>
        <v>0.49804061482842638</v>
      </c>
      <c r="L3179" s="59">
        <f>Bühler!L3205</f>
        <v>7.0148042346583681</v>
      </c>
      <c r="M3179" s="58">
        <f>Bühler!M3205</f>
        <v>0</v>
      </c>
      <c r="N3179" s="56">
        <f>IF(Input!$D$19=1,J3179*Input!$C$19,0)+IF(Input!$D$20=1,K3179*Input!$C$20,0)+IF(Input!$D$21=1,L3179*Input!$C$21,0)+IF(Input!$D$22=1,M3179*Input!$C$22,0)</f>
        <v>9.9608122965685275E-2</v>
      </c>
      <c r="O3179" s="59">
        <f>IF(Input!$D$19=2,J3179*Input!$C$19,0)+IF(Input!$D$20=2,K3179*Input!$C$20,0)+IF(Input!$D$21=2,L3179*Input!$C$21,0)+IF(Input!$D$22=2,M3179*Input!$C$22,0)</f>
        <v>0.24902030741421319</v>
      </c>
      <c r="P3179" s="59">
        <f>IF(Input!$D$19=3,J3179*Input!$C$19,0)+IF(Input!$D$20=3,K3179*Input!$C$20,0)+IF(Input!$D$21=3,L3179*Input!$C$21,0)+IF(Input!$D$22=3,M3179*Input!$C$22,0)</f>
        <v>0</v>
      </c>
      <c r="Q3179" s="75">
        <f>IF(Input!$D$19=4,J3179*Input!$C$19,0)+IF(Input!$D$20=4,K3179*Input!$C$20,0)+IF(Input!$D$21=4,L3179*Input!$C$21,0)+IF(Input!$D$22=4,M3179*Input!$C$22,0)</f>
        <v>0</v>
      </c>
      <c r="R3179" s="58">
        <v>46.785378092445477</v>
      </c>
      <c r="S3179" s="124">
        <f t="shared" si="49"/>
        <v>0.43163519951796953</v>
      </c>
    </row>
    <row r="3180" spans="8:19" x14ac:dyDescent="0.3">
      <c r="H3180" s="44">
        <v>3173</v>
      </c>
      <c r="I3180" s="56">
        <f>Bühler!I3206</f>
        <v>9.9608122965685261E-2</v>
      </c>
      <c r="J3180" s="59">
        <f>Bühler!J3206</f>
        <v>0.33202707655228425</v>
      </c>
      <c r="K3180" s="59">
        <f>Bühler!K3206</f>
        <v>0.49804061482842638</v>
      </c>
      <c r="L3180" s="59">
        <f>Bühler!L3206</f>
        <v>7.0148042346583681</v>
      </c>
      <c r="M3180" s="58">
        <f>Bühler!M3206</f>
        <v>0</v>
      </c>
      <c r="N3180" s="56">
        <f>IF(Input!$D$19=1,J3180*Input!$C$19,0)+IF(Input!$D$20=1,K3180*Input!$C$20,0)+IF(Input!$D$21=1,L3180*Input!$C$21,0)+IF(Input!$D$22=1,M3180*Input!$C$22,0)</f>
        <v>9.9608122965685275E-2</v>
      </c>
      <c r="O3180" s="59">
        <f>IF(Input!$D$19=2,J3180*Input!$C$19,0)+IF(Input!$D$20=2,K3180*Input!$C$20,0)+IF(Input!$D$21=2,L3180*Input!$C$21,0)+IF(Input!$D$22=2,M3180*Input!$C$22,0)</f>
        <v>0.24902030741421319</v>
      </c>
      <c r="P3180" s="59">
        <f>IF(Input!$D$19=3,J3180*Input!$C$19,0)+IF(Input!$D$20=3,K3180*Input!$C$20,0)+IF(Input!$D$21=3,L3180*Input!$C$21,0)+IF(Input!$D$22=3,M3180*Input!$C$22,0)</f>
        <v>0</v>
      </c>
      <c r="Q3180" s="75">
        <f>IF(Input!$D$19=4,J3180*Input!$C$19,0)+IF(Input!$D$20=4,K3180*Input!$C$20,0)+IF(Input!$D$21=4,L3180*Input!$C$21,0)+IF(Input!$D$22=4,M3180*Input!$C$22,0)</f>
        <v>0</v>
      </c>
      <c r="R3180" s="58">
        <v>45.415710052757774</v>
      </c>
      <c r="S3180" s="124">
        <f t="shared" si="49"/>
        <v>0.43163519951796953</v>
      </c>
    </row>
    <row r="3181" spans="8:19" x14ac:dyDescent="0.3">
      <c r="H3181" s="44">
        <v>3174</v>
      </c>
      <c r="I3181" s="56">
        <f>Bühler!I3207</f>
        <v>0.12451015370710659</v>
      </c>
      <c r="J3181" s="59">
        <f>Bühler!J3207</f>
        <v>0.41503384569035534</v>
      </c>
      <c r="K3181" s="59">
        <f>Bühler!K3207</f>
        <v>0.62255076853553304</v>
      </c>
      <c r="L3181" s="59">
        <f>Bühler!L3207</f>
        <v>8.7685052933229599</v>
      </c>
      <c r="M3181" s="58">
        <f>Bühler!M3207</f>
        <v>0</v>
      </c>
      <c r="N3181" s="56">
        <f>IF(Input!$D$19=1,J3181*Input!$C$19,0)+IF(Input!$D$20=1,K3181*Input!$C$20,0)+IF(Input!$D$21=1,L3181*Input!$C$21,0)+IF(Input!$D$22=1,M3181*Input!$C$22,0)</f>
        <v>0.12451015370710659</v>
      </c>
      <c r="O3181" s="59">
        <f>IF(Input!$D$19=2,J3181*Input!$C$19,0)+IF(Input!$D$20=2,K3181*Input!$C$20,0)+IF(Input!$D$21=2,L3181*Input!$C$21,0)+IF(Input!$D$22=2,M3181*Input!$C$22,0)</f>
        <v>0.31127538426776652</v>
      </c>
      <c r="P3181" s="59">
        <f>IF(Input!$D$19=3,J3181*Input!$C$19,0)+IF(Input!$D$20=3,K3181*Input!$C$20,0)+IF(Input!$D$21=3,L3181*Input!$C$21,0)+IF(Input!$D$22=3,M3181*Input!$C$22,0)</f>
        <v>0</v>
      </c>
      <c r="Q3181" s="75">
        <f>IF(Input!$D$19=4,J3181*Input!$C$19,0)+IF(Input!$D$20=4,K3181*Input!$C$20,0)+IF(Input!$D$21=4,L3181*Input!$C$21,0)+IF(Input!$D$22=4,M3181*Input!$C$22,0)</f>
        <v>0</v>
      </c>
      <c r="R3181" s="58">
        <v>44.413255165894768</v>
      </c>
      <c r="S3181" s="124">
        <f t="shared" si="49"/>
        <v>0.53954399939746189</v>
      </c>
    </row>
    <row r="3182" spans="8:19" x14ac:dyDescent="0.3">
      <c r="H3182" s="44">
        <v>3175</v>
      </c>
      <c r="I3182" s="56">
        <f>Bühler!I3208</f>
        <v>0.14664529214392555</v>
      </c>
      <c r="J3182" s="59">
        <f>Bühler!J3208</f>
        <v>0.4888176404797519</v>
      </c>
      <c r="K3182" s="59">
        <f>Bühler!K3208</f>
        <v>0.73322646071962783</v>
      </c>
      <c r="L3182" s="59">
        <f>Bühler!L3208</f>
        <v>10.327350678802597</v>
      </c>
      <c r="M3182" s="58">
        <f>Bühler!M3208</f>
        <v>0</v>
      </c>
      <c r="N3182" s="56">
        <f>IF(Input!$D$19=1,J3182*Input!$C$19,0)+IF(Input!$D$20=1,K3182*Input!$C$20,0)+IF(Input!$D$21=1,L3182*Input!$C$21,0)+IF(Input!$D$22=1,M3182*Input!$C$22,0)</f>
        <v>0.14664529214392558</v>
      </c>
      <c r="O3182" s="59">
        <f>IF(Input!$D$19=2,J3182*Input!$C$19,0)+IF(Input!$D$20=2,K3182*Input!$C$20,0)+IF(Input!$D$21=2,L3182*Input!$C$21,0)+IF(Input!$D$22=2,M3182*Input!$C$22,0)</f>
        <v>0.36661323035981391</v>
      </c>
      <c r="P3182" s="59">
        <f>IF(Input!$D$19=3,J3182*Input!$C$19,0)+IF(Input!$D$20=3,K3182*Input!$C$20,0)+IF(Input!$D$21=3,L3182*Input!$C$21,0)+IF(Input!$D$22=3,M3182*Input!$C$22,0)</f>
        <v>0</v>
      </c>
      <c r="Q3182" s="75">
        <f>IF(Input!$D$19=4,J3182*Input!$C$19,0)+IF(Input!$D$20=4,K3182*Input!$C$20,0)+IF(Input!$D$21=4,L3182*Input!$C$21,0)+IF(Input!$D$22=4,M3182*Input!$C$22,0)</f>
        <v>0</v>
      </c>
      <c r="R3182" s="58">
        <v>44.05176591081554</v>
      </c>
      <c r="S3182" s="124">
        <f t="shared" si="49"/>
        <v>0.63546293262367748</v>
      </c>
    </row>
    <row r="3183" spans="8:19" x14ac:dyDescent="0.3">
      <c r="H3183" s="44">
        <v>3176</v>
      </c>
      <c r="I3183" s="56">
        <f>Bühler!I3209</f>
        <v>0.17431421518994922</v>
      </c>
      <c r="J3183" s="59">
        <f>Bühler!J3209</f>
        <v>0.58104738396649747</v>
      </c>
      <c r="K3183" s="59">
        <f>Bühler!K3209</f>
        <v>0.87157107594974625</v>
      </c>
      <c r="L3183" s="59">
        <f>Bühler!L3209</f>
        <v>12.275907410652145</v>
      </c>
      <c r="M3183" s="58">
        <f>Bühler!M3209</f>
        <v>0</v>
      </c>
      <c r="N3183" s="56">
        <f>IF(Input!$D$19=1,J3183*Input!$C$19,0)+IF(Input!$D$20=1,K3183*Input!$C$20,0)+IF(Input!$D$21=1,L3183*Input!$C$21,0)+IF(Input!$D$22=1,M3183*Input!$C$22,0)</f>
        <v>0.17431421518994925</v>
      </c>
      <c r="O3183" s="59">
        <f>IF(Input!$D$19=2,J3183*Input!$C$19,0)+IF(Input!$D$20=2,K3183*Input!$C$20,0)+IF(Input!$D$21=2,L3183*Input!$C$21,0)+IF(Input!$D$22=2,M3183*Input!$C$22,0)</f>
        <v>0.43578553797487313</v>
      </c>
      <c r="P3183" s="59">
        <f>IF(Input!$D$19=3,J3183*Input!$C$19,0)+IF(Input!$D$20=3,K3183*Input!$C$20,0)+IF(Input!$D$21=3,L3183*Input!$C$21,0)+IF(Input!$D$22=3,M3183*Input!$C$22,0)</f>
        <v>0</v>
      </c>
      <c r="Q3183" s="75">
        <f>IF(Input!$D$19=4,J3183*Input!$C$19,0)+IF(Input!$D$20=4,K3183*Input!$C$20,0)+IF(Input!$D$21=4,L3183*Input!$C$21,0)+IF(Input!$D$22=4,M3183*Input!$C$22,0)</f>
        <v>0</v>
      </c>
      <c r="R3183" s="58">
        <v>44.038938739738271</v>
      </c>
      <c r="S3183" s="124">
        <f t="shared" si="49"/>
        <v>0.75536159915644663</v>
      </c>
    </row>
    <row r="3184" spans="8:19" x14ac:dyDescent="0.3">
      <c r="H3184" s="44">
        <v>3177</v>
      </c>
      <c r="I3184" s="56">
        <f>Bühler!I3210</f>
        <v>0.17431421518994922</v>
      </c>
      <c r="J3184" s="59">
        <f>Bühler!J3210</f>
        <v>0.58104738396649747</v>
      </c>
      <c r="K3184" s="59">
        <f>Bühler!K3210</f>
        <v>0.87157107594974625</v>
      </c>
      <c r="L3184" s="59">
        <f>Bühler!L3210</f>
        <v>12.275907410652145</v>
      </c>
      <c r="M3184" s="58">
        <f>Bühler!M3210</f>
        <v>0</v>
      </c>
      <c r="N3184" s="56">
        <f>IF(Input!$D$19=1,J3184*Input!$C$19,0)+IF(Input!$D$20=1,K3184*Input!$C$20,0)+IF(Input!$D$21=1,L3184*Input!$C$21,0)+IF(Input!$D$22=1,M3184*Input!$C$22,0)</f>
        <v>0.17431421518994925</v>
      </c>
      <c r="O3184" s="59">
        <f>IF(Input!$D$19=2,J3184*Input!$C$19,0)+IF(Input!$D$20=2,K3184*Input!$C$20,0)+IF(Input!$D$21=2,L3184*Input!$C$21,0)+IF(Input!$D$22=2,M3184*Input!$C$22,0)</f>
        <v>0.43578553797487313</v>
      </c>
      <c r="P3184" s="59">
        <f>IF(Input!$D$19=3,J3184*Input!$C$19,0)+IF(Input!$D$20=3,K3184*Input!$C$20,0)+IF(Input!$D$21=3,L3184*Input!$C$21,0)+IF(Input!$D$22=3,M3184*Input!$C$22,0)</f>
        <v>0</v>
      </c>
      <c r="Q3184" s="75">
        <f>IF(Input!$D$19=4,J3184*Input!$C$19,0)+IF(Input!$D$20=4,K3184*Input!$C$20,0)+IF(Input!$D$21=4,L3184*Input!$C$21,0)+IF(Input!$D$22=4,M3184*Input!$C$22,0)</f>
        <v>0</v>
      </c>
      <c r="R3184" s="58">
        <v>43.788140124186455</v>
      </c>
      <c r="S3184" s="124">
        <f t="shared" si="49"/>
        <v>0.75536159915644663</v>
      </c>
    </row>
    <row r="3185" spans="8:19" x14ac:dyDescent="0.3">
      <c r="H3185" s="44">
        <v>3178</v>
      </c>
      <c r="I3185" s="56">
        <f>Bühler!I3211</f>
        <v>0.17431421518994922</v>
      </c>
      <c r="J3185" s="59">
        <f>Bühler!J3211</f>
        <v>0.58104738396649747</v>
      </c>
      <c r="K3185" s="59">
        <f>Bühler!K3211</f>
        <v>0.87157107594974625</v>
      </c>
      <c r="L3185" s="59">
        <f>Bühler!L3211</f>
        <v>12.275907410652145</v>
      </c>
      <c r="M3185" s="58">
        <f>Bühler!M3211</f>
        <v>0</v>
      </c>
      <c r="N3185" s="56">
        <f>IF(Input!$D$19=1,J3185*Input!$C$19,0)+IF(Input!$D$20=1,K3185*Input!$C$20,0)+IF(Input!$D$21=1,L3185*Input!$C$21,0)+IF(Input!$D$22=1,M3185*Input!$C$22,0)</f>
        <v>0.17431421518994925</v>
      </c>
      <c r="O3185" s="59">
        <f>IF(Input!$D$19=2,J3185*Input!$C$19,0)+IF(Input!$D$20=2,K3185*Input!$C$20,0)+IF(Input!$D$21=2,L3185*Input!$C$21,0)+IF(Input!$D$22=2,M3185*Input!$C$22,0)</f>
        <v>0.43578553797487313</v>
      </c>
      <c r="P3185" s="59">
        <f>IF(Input!$D$19=3,J3185*Input!$C$19,0)+IF(Input!$D$20=3,K3185*Input!$C$20,0)+IF(Input!$D$21=3,L3185*Input!$C$21,0)+IF(Input!$D$22=3,M3185*Input!$C$22,0)</f>
        <v>0</v>
      </c>
      <c r="Q3185" s="75">
        <f>IF(Input!$D$19=4,J3185*Input!$C$19,0)+IF(Input!$D$20=4,K3185*Input!$C$20,0)+IF(Input!$D$21=4,L3185*Input!$C$21,0)+IF(Input!$D$22=4,M3185*Input!$C$22,0)</f>
        <v>0</v>
      </c>
      <c r="R3185" s="58">
        <v>43.248646242003637</v>
      </c>
      <c r="S3185" s="124">
        <f t="shared" si="49"/>
        <v>0.75536159915644663</v>
      </c>
    </row>
    <row r="3186" spans="8:19" x14ac:dyDescent="0.3">
      <c r="H3186" s="44">
        <v>3179</v>
      </c>
      <c r="I3186" s="56">
        <f>Bühler!I3212</f>
        <v>0.17431421518994922</v>
      </c>
      <c r="J3186" s="59">
        <f>Bühler!J3212</f>
        <v>0.58104738396649747</v>
      </c>
      <c r="K3186" s="59">
        <f>Bühler!K3212</f>
        <v>0.87157107594974625</v>
      </c>
      <c r="L3186" s="59">
        <f>Bühler!L3212</f>
        <v>12.275907410652145</v>
      </c>
      <c r="M3186" s="58">
        <f>Bühler!M3212</f>
        <v>0</v>
      </c>
      <c r="N3186" s="56">
        <f>IF(Input!$D$19=1,J3186*Input!$C$19,0)+IF(Input!$D$20=1,K3186*Input!$C$20,0)+IF(Input!$D$21=1,L3186*Input!$C$21,0)+IF(Input!$D$22=1,M3186*Input!$C$22,0)</f>
        <v>0.17431421518994925</v>
      </c>
      <c r="O3186" s="59">
        <f>IF(Input!$D$19=2,J3186*Input!$C$19,0)+IF(Input!$D$20=2,K3186*Input!$C$20,0)+IF(Input!$D$21=2,L3186*Input!$C$21,0)+IF(Input!$D$22=2,M3186*Input!$C$22,0)</f>
        <v>0.43578553797487313</v>
      </c>
      <c r="P3186" s="59">
        <f>IF(Input!$D$19=3,J3186*Input!$C$19,0)+IF(Input!$D$20=3,K3186*Input!$C$20,0)+IF(Input!$D$21=3,L3186*Input!$C$21,0)+IF(Input!$D$22=3,M3186*Input!$C$22,0)</f>
        <v>0</v>
      </c>
      <c r="Q3186" s="75">
        <f>IF(Input!$D$19=4,J3186*Input!$C$19,0)+IF(Input!$D$20=4,K3186*Input!$C$20,0)+IF(Input!$D$21=4,L3186*Input!$C$21,0)+IF(Input!$D$22=4,M3186*Input!$C$22,0)</f>
        <v>0</v>
      </c>
      <c r="R3186" s="58">
        <v>43.491722476478628</v>
      </c>
      <c r="S3186" s="124">
        <f t="shared" si="49"/>
        <v>0.75536159915644663</v>
      </c>
    </row>
    <row r="3187" spans="8:19" x14ac:dyDescent="0.3">
      <c r="H3187" s="44">
        <v>3180</v>
      </c>
      <c r="I3187" s="56">
        <f>Bühler!I3213</f>
        <v>0.17431421518994922</v>
      </c>
      <c r="J3187" s="59">
        <f>Bühler!J3213</f>
        <v>0.58104738396649747</v>
      </c>
      <c r="K3187" s="59">
        <f>Bühler!K3213</f>
        <v>0.87157107594974625</v>
      </c>
      <c r="L3187" s="59">
        <f>Bühler!L3213</f>
        <v>12.275907410652145</v>
      </c>
      <c r="M3187" s="58">
        <f>Bühler!M3213</f>
        <v>0</v>
      </c>
      <c r="N3187" s="56">
        <f>IF(Input!$D$19=1,J3187*Input!$C$19,0)+IF(Input!$D$20=1,K3187*Input!$C$20,0)+IF(Input!$D$21=1,L3187*Input!$C$21,0)+IF(Input!$D$22=1,M3187*Input!$C$22,0)</f>
        <v>0.17431421518994925</v>
      </c>
      <c r="O3187" s="59">
        <f>IF(Input!$D$19=2,J3187*Input!$C$19,0)+IF(Input!$D$20=2,K3187*Input!$C$20,0)+IF(Input!$D$21=2,L3187*Input!$C$21,0)+IF(Input!$D$22=2,M3187*Input!$C$22,0)</f>
        <v>0.43578553797487313</v>
      </c>
      <c r="P3187" s="59">
        <f>IF(Input!$D$19=3,J3187*Input!$C$19,0)+IF(Input!$D$20=3,K3187*Input!$C$20,0)+IF(Input!$D$21=3,L3187*Input!$C$21,0)+IF(Input!$D$22=3,M3187*Input!$C$22,0)</f>
        <v>0</v>
      </c>
      <c r="Q3187" s="75">
        <f>IF(Input!$D$19=4,J3187*Input!$C$19,0)+IF(Input!$D$20=4,K3187*Input!$C$20,0)+IF(Input!$D$21=4,L3187*Input!$C$21,0)+IF(Input!$D$22=4,M3187*Input!$C$22,0)</f>
        <v>0</v>
      </c>
      <c r="R3187" s="58">
        <v>44.008619524187509</v>
      </c>
      <c r="S3187" s="124">
        <f t="shared" si="49"/>
        <v>0.75536159915644663</v>
      </c>
    </row>
    <row r="3188" spans="8:19" x14ac:dyDescent="0.3">
      <c r="H3188" s="44">
        <v>3181</v>
      </c>
      <c r="I3188" s="56">
        <f>Bühler!I3214</f>
        <v>0.17431421518994922</v>
      </c>
      <c r="J3188" s="59">
        <f>Bühler!J3214</f>
        <v>0.58104738396649747</v>
      </c>
      <c r="K3188" s="59">
        <f>Bühler!K3214</f>
        <v>0.87157107594974625</v>
      </c>
      <c r="L3188" s="59">
        <f>Bühler!L3214</f>
        <v>12.275907410652145</v>
      </c>
      <c r="M3188" s="58">
        <f>Bühler!M3214</f>
        <v>0</v>
      </c>
      <c r="N3188" s="56">
        <f>IF(Input!$D$19=1,J3188*Input!$C$19,0)+IF(Input!$D$20=1,K3188*Input!$C$20,0)+IF(Input!$D$21=1,L3188*Input!$C$21,0)+IF(Input!$D$22=1,M3188*Input!$C$22,0)</f>
        <v>0.17431421518994925</v>
      </c>
      <c r="O3188" s="59">
        <f>IF(Input!$D$19=2,J3188*Input!$C$19,0)+IF(Input!$D$20=2,K3188*Input!$C$20,0)+IF(Input!$D$21=2,L3188*Input!$C$21,0)+IF(Input!$D$22=2,M3188*Input!$C$22,0)</f>
        <v>0.43578553797487313</v>
      </c>
      <c r="P3188" s="59">
        <f>IF(Input!$D$19=3,J3188*Input!$C$19,0)+IF(Input!$D$20=3,K3188*Input!$C$20,0)+IF(Input!$D$21=3,L3188*Input!$C$21,0)+IF(Input!$D$22=3,M3188*Input!$C$22,0)</f>
        <v>0</v>
      </c>
      <c r="Q3188" s="75">
        <f>IF(Input!$D$19=4,J3188*Input!$C$19,0)+IF(Input!$D$20=4,K3188*Input!$C$20,0)+IF(Input!$D$21=4,L3188*Input!$C$21,0)+IF(Input!$D$22=4,M3188*Input!$C$22,0)</f>
        <v>0</v>
      </c>
      <c r="R3188" s="58">
        <v>44.131303181987263</v>
      </c>
      <c r="S3188" s="124">
        <f t="shared" si="49"/>
        <v>0.75536159915644663</v>
      </c>
    </row>
    <row r="3189" spans="8:19" x14ac:dyDescent="0.3">
      <c r="H3189" s="44">
        <v>3182</v>
      </c>
      <c r="I3189" s="56">
        <f>Bühler!I3215</f>
        <v>0.17431421518994922</v>
      </c>
      <c r="J3189" s="59">
        <f>Bühler!J3215</f>
        <v>0.58104738396649747</v>
      </c>
      <c r="K3189" s="59">
        <f>Bühler!K3215</f>
        <v>0.87157107594974625</v>
      </c>
      <c r="L3189" s="59">
        <f>Bühler!L3215</f>
        <v>12.275907410652145</v>
      </c>
      <c r="M3189" s="58">
        <f>Bühler!M3215</f>
        <v>0</v>
      </c>
      <c r="N3189" s="56">
        <f>IF(Input!$D$19=1,J3189*Input!$C$19,0)+IF(Input!$D$20=1,K3189*Input!$C$20,0)+IF(Input!$D$21=1,L3189*Input!$C$21,0)+IF(Input!$D$22=1,M3189*Input!$C$22,0)</f>
        <v>0.17431421518994925</v>
      </c>
      <c r="O3189" s="59">
        <f>IF(Input!$D$19=2,J3189*Input!$C$19,0)+IF(Input!$D$20=2,K3189*Input!$C$20,0)+IF(Input!$D$21=2,L3189*Input!$C$21,0)+IF(Input!$D$22=2,M3189*Input!$C$22,0)</f>
        <v>0.43578553797487313</v>
      </c>
      <c r="P3189" s="59">
        <f>IF(Input!$D$19=3,J3189*Input!$C$19,0)+IF(Input!$D$20=3,K3189*Input!$C$20,0)+IF(Input!$D$21=3,L3189*Input!$C$21,0)+IF(Input!$D$22=3,M3189*Input!$C$22,0)</f>
        <v>0</v>
      </c>
      <c r="Q3189" s="75">
        <f>IF(Input!$D$19=4,J3189*Input!$C$19,0)+IF(Input!$D$20=4,K3189*Input!$C$20,0)+IF(Input!$D$21=4,L3189*Input!$C$21,0)+IF(Input!$D$22=4,M3189*Input!$C$22,0)</f>
        <v>0</v>
      </c>
      <c r="R3189" s="58">
        <v>43.957299895410749</v>
      </c>
      <c r="S3189" s="124">
        <f t="shared" si="49"/>
        <v>0.75536159915644663</v>
      </c>
    </row>
    <row r="3190" spans="8:19" x14ac:dyDescent="0.3">
      <c r="H3190" s="44">
        <v>3183</v>
      </c>
      <c r="I3190" s="56">
        <f>Bühler!I3216</f>
        <v>0.17431421518994922</v>
      </c>
      <c r="J3190" s="59">
        <f>Bühler!J3216</f>
        <v>0.58104738396649747</v>
      </c>
      <c r="K3190" s="59">
        <f>Bühler!K3216</f>
        <v>0.87157107594974625</v>
      </c>
      <c r="L3190" s="59">
        <f>Bühler!L3216</f>
        <v>12.275907410652145</v>
      </c>
      <c r="M3190" s="58">
        <f>Bühler!M3216</f>
        <v>0</v>
      </c>
      <c r="N3190" s="56">
        <f>IF(Input!$D$19=1,J3190*Input!$C$19,0)+IF(Input!$D$20=1,K3190*Input!$C$20,0)+IF(Input!$D$21=1,L3190*Input!$C$21,0)+IF(Input!$D$22=1,M3190*Input!$C$22,0)</f>
        <v>0.17431421518994925</v>
      </c>
      <c r="O3190" s="59">
        <f>IF(Input!$D$19=2,J3190*Input!$C$19,0)+IF(Input!$D$20=2,K3190*Input!$C$20,0)+IF(Input!$D$21=2,L3190*Input!$C$21,0)+IF(Input!$D$22=2,M3190*Input!$C$22,0)</f>
        <v>0.43578553797487313</v>
      </c>
      <c r="P3190" s="59">
        <f>IF(Input!$D$19=3,J3190*Input!$C$19,0)+IF(Input!$D$20=3,K3190*Input!$C$20,0)+IF(Input!$D$21=3,L3190*Input!$C$21,0)+IF(Input!$D$22=3,M3190*Input!$C$22,0)</f>
        <v>0</v>
      </c>
      <c r="Q3190" s="75">
        <f>IF(Input!$D$19=4,J3190*Input!$C$19,0)+IF(Input!$D$20=4,K3190*Input!$C$20,0)+IF(Input!$D$21=4,L3190*Input!$C$21,0)+IF(Input!$D$22=4,M3190*Input!$C$22,0)</f>
        <v>0</v>
      </c>
      <c r="R3190" s="58">
        <v>44.12098935495122</v>
      </c>
      <c r="S3190" s="124">
        <f t="shared" si="49"/>
        <v>0.75536159915644663</v>
      </c>
    </row>
    <row r="3191" spans="8:19" x14ac:dyDescent="0.3">
      <c r="H3191" s="44">
        <v>3184</v>
      </c>
      <c r="I3191" s="56">
        <f>Bühler!I3217</f>
        <v>0.15494596905773264</v>
      </c>
      <c r="J3191" s="59">
        <f>Bühler!J3217</f>
        <v>0.51648656352577549</v>
      </c>
      <c r="K3191" s="59">
        <f>Bühler!K3217</f>
        <v>0.77472984528866329</v>
      </c>
      <c r="L3191" s="59">
        <f>Bühler!L3217</f>
        <v>10.911917698357462</v>
      </c>
      <c r="M3191" s="58">
        <f>Bühler!M3217</f>
        <v>0</v>
      </c>
      <c r="N3191" s="56">
        <f>IF(Input!$D$19=1,J3191*Input!$C$19,0)+IF(Input!$D$20=1,K3191*Input!$C$20,0)+IF(Input!$D$21=1,L3191*Input!$C$21,0)+IF(Input!$D$22=1,M3191*Input!$C$22,0)</f>
        <v>0.15494596905773264</v>
      </c>
      <c r="O3191" s="59">
        <f>IF(Input!$D$19=2,J3191*Input!$C$19,0)+IF(Input!$D$20=2,K3191*Input!$C$20,0)+IF(Input!$D$21=2,L3191*Input!$C$21,0)+IF(Input!$D$22=2,M3191*Input!$C$22,0)</f>
        <v>0.38736492264433164</v>
      </c>
      <c r="P3191" s="59">
        <f>IF(Input!$D$19=3,J3191*Input!$C$19,0)+IF(Input!$D$20=3,K3191*Input!$C$20,0)+IF(Input!$D$21=3,L3191*Input!$C$21,0)+IF(Input!$D$22=3,M3191*Input!$C$22,0)</f>
        <v>0</v>
      </c>
      <c r="Q3191" s="75">
        <f>IF(Input!$D$19=4,J3191*Input!$C$19,0)+IF(Input!$D$20=4,K3191*Input!$C$20,0)+IF(Input!$D$21=4,L3191*Input!$C$21,0)+IF(Input!$D$22=4,M3191*Input!$C$22,0)</f>
        <v>0</v>
      </c>
      <c r="R3191" s="58">
        <v>44.507951721215129</v>
      </c>
      <c r="S3191" s="124">
        <f t="shared" si="49"/>
        <v>0.6714325325835081</v>
      </c>
    </row>
    <row r="3192" spans="8:19" x14ac:dyDescent="0.3">
      <c r="H3192" s="44">
        <v>3185</v>
      </c>
      <c r="I3192" s="56">
        <f>Bühler!I3218</f>
        <v>0.15217907675313028</v>
      </c>
      <c r="J3192" s="59">
        <f>Bühler!J3218</f>
        <v>0.50726358917710102</v>
      </c>
      <c r="K3192" s="59">
        <f>Bühler!K3218</f>
        <v>0.76089538376565147</v>
      </c>
      <c r="L3192" s="59">
        <f>Bühler!L3218</f>
        <v>10.717062025172508</v>
      </c>
      <c r="M3192" s="58">
        <f>Bühler!M3218</f>
        <v>0</v>
      </c>
      <c r="N3192" s="56">
        <f>IF(Input!$D$19=1,J3192*Input!$C$19,0)+IF(Input!$D$20=1,K3192*Input!$C$20,0)+IF(Input!$D$21=1,L3192*Input!$C$21,0)+IF(Input!$D$22=1,M3192*Input!$C$22,0)</f>
        <v>0.1521790767531303</v>
      </c>
      <c r="O3192" s="59">
        <f>IF(Input!$D$19=2,J3192*Input!$C$19,0)+IF(Input!$D$20=2,K3192*Input!$C$20,0)+IF(Input!$D$21=2,L3192*Input!$C$21,0)+IF(Input!$D$22=2,M3192*Input!$C$22,0)</f>
        <v>0.38044769188282573</v>
      </c>
      <c r="P3192" s="59">
        <f>IF(Input!$D$19=3,J3192*Input!$C$19,0)+IF(Input!$D$20=3,K3192*Input!$C$20,0)+IF(Input!$D$21=3,L3192*Input!$C$21,0)+IF(Input!$D$22=3,M3192*Input!$C$22,0)</f>
        <v>0</v>
      </c>
      <c r="Q3192" s="75">
        <f>IF(Input!$D$19=4,J3192*Input!$C$19,0)+IF(Input!$D$20=4,K3192*Input!$C$20,0)+IF(Input!$D$21=4,L3192*Input!$C$21,0)+IF(Input!$D$22=4,M3192*Input!$C$22,0)</f>
        <v>0</v>
      </c>
      <c r="R3192" s="58">
        <v>44.264405109995614</v>
      </c>
      <c r="S3192" s="124">
        <f t="shared" si="49"/>
        <v>0.65944266593023126</v>
      </c>
    </row>
    <row r="3193" spans="8:19" x14ac:dyDescent="0.3">
      <c r="H3193" s="44">
        <v>3186</v>
      </c>
      <c r="I3193" s="56">
        <f>Bühler!I3219</f>
        <v>0.13004393831631134</v>
      </c>
      <c r="J3193" s="59">
        <f>Bühler!J3219</f>
        <v>0.43347979438770451</v>
      </c>
      <c r="K3193" s="59">
        <f>Bühler!K3219</f>
        <v>0.65021969158155679</v>
      </c>
      <c r="L3193" s="59">
        <f>Bühler!L3219</f>
        <v>9.1582166396928706</v>
      </c>
      <c r="M3193" s="58">
        <f>Bühler!M3219</f>
        <v>0</v>
      </c>
      <c r="N3193" s="56">
        <f>IF(Input!$D$19=1,J3193*Input!$C$19,0)+IF(Input!$D$20=1,K3193*Input!$C$20,0)+IF(Input!$D$21=1,L3193*Input!$C$21,0)+IF(Input!$D$22=1,M3193*Input!$C$22,0)</f>
        <v>0.13004393831631134</v>
      </c>
      <c r="O3193" s="59">
        <f>IF(Input!$D$19=2,J3193*Input!$C$19,0)+IF(Input!$D$20=2,K3193*Input!$C$20,0)+IF(Input!$D$21=2,L3193*Input!$C$21,0)+IF(Input!$D$22=2,M3193*Input!$C$22,0)</f>
        <v>0.3251098457907784</v>
      </c>
      <c r="P3193" s="59">
        <f>IF(Input!$D$19=3,J3193*Input!$C$19,0)+IF(Input!$D$20=3,K3193*Input!$C$20,0)+IF(Input!$D$21=3,L3193*Input!$C$21,0)+IF(Input!$D$22=3,M3193*Input!$C$22,0)</f>
        <v>0</v>
      </c>
      <c r="Q3193" s="75">
        <f>IF(Input!$D$19=4,J3193*Input!$C$19,0)+IF(Input!$D$20=4,K3193*Input!$C$20,0)+IF(Input!$D$21=4,L3193*Input!$C$21,0)+IF(Input!$D$22=4,M3193*Input!$C$22,0)</f>
        <v>0</v>
      </c>
      <c r="R3193" s="58">
        <v>44.390979682958765</v>
      </c>
      <c r="S3193" s="124">
        <f t="shared" si="49"/>
        <v>0.5635237327040159</v>
      </c>
    </row>
    <row r="3194" spans="8:19" x14ac:dyDescent="0.3">
      <c r="H3194" s="44">
        <v>3187</v>
      </c>
      <c r="I3194" s="56">
        <f>Bühler!I3220</f>
        <v>0.12174326140250422</v>
      </c>
      <c r="J3194" s="59">
        <f>Bühler!J3220</f>
        <v>0.40581087134168081</v>
      </c>
      <c r="K3194" s="59">
        <f>Bühler!K3220</f>
        <v>0.60871630701252122</v>
      </c>
      <c r="L3194" s="59">
        <f>Bühler!L3220</f>
        <v>8.5736496201380064</v>
      </c>
      <c r="M3194" s="58">
        <f>Bühler!M3220</f>
        <v>0</v>
      </c>
      <c r="N3194" s="56">
        <f>IF(Input!$D$19=1,J3194*Input!$C$19,0)+IF(Input!$D$20=1,K3194*Input!$C$20,0)+IF(Input!$D$21=1,L3194*Input!$C$21,0)+IF(Input!$D$22=1,M3194*Input!$C$22,0)</f>
        <v>0.12174326140250424</v>
      </c>
      <c r="O3194" s="59">
        <f>IF(Input!$D$19=2,J3194*Input!$C$19,0)+IF(Input!$D$20=2,K3194*Input!$C$20,0)+IF(Input!$D$21=2,L3194*Input!$C$21,0)+IF(Input!$D$22=2,M3194*Input!$C$22,0)</f>
        <v>0.30435815350626061</v>
      </c>
      <c r="P3194" s="59">
        <f>IF(Input!$D$19=3,J3194*Input!$C$19,0)+IF(Input!$D$20=3,K3194*Input!$C$20,0)+IF(Input!$D$21=3,L3194*Input!$C$21,0)+IF(Input!$D$22=3,M3194*Input!$C$22,0)</f>
        <v>0</v>
      </c>
      <c r="Q3194" s="75">
        <f>IF(Input!$D$19=4,J3194*Input!$C$19,0)+IF(Input!$D$20=4,K3194*Input!$C$20,0)+IF(Input!$D$21=4,L3194*Input!$C$21,0)+IF(Input!$D$22=4,M3194*Input!$C$22,0)</f>
        <v>0</v>
      </c>
      <c r="R3194" s="58">
        <v>44.103065651258611</v>
      </c>
      <c r="S3194" s="124">
        <f t="shared" si="49"/>
        <v>0.52755413274418506</v>
      </c>
    </row>
    <row r="3195" spans="8:19" x14ac:dyDescent="0.3">
      <c r="H3195" s="44">
        <v>3188</v>
      </c>
      <c r="I3195" s="56">
        <f>Bühler!I3221</f>
        <v>0.10237501527028764</v>
      </c>
      <c r="J3195" s="59">
        <f>Bühler!J3221</f>
        <v>0.34125005090095883</v>
      </c>
      <c r="K3195" s="59">
        <f>Bühler!K3221</f>
        <v>0.51187507635143825</v>
      </c>
      <c r="L3195" s="59">
        <f>Bühler!L3221</f>
        <v>7.2096599078433243</v>
      </c>
      <c r="M3195" s="58">
        <f>Bühler!M3221</f>
        <v>0</v>
      </c>
      <c r="N3195" s="56">
        <f>IF(Input!$D$19=1,J3195*Input!$C$19,0)+IF(Input!$D$20=1,K3195*Input!$C$20,0)+IF(Input!$D$21=1,L3195*Input!$C$21,0)+IF(Input!$D$22=1,M3195*Input!$C$22,0)</f>
        <v>0.10237501527028765</v>
      </c>
      <c r="O3195" s="59">
        <f>IF(Input!$D$19=2,J3195*Input!$C$19,0)+IF(Input!$D$20=2,K3195*Input!$C$20,0)+IF(Input!$D$21=2,L3195*Input!$C$21,0)+IF(Input!$D$22=2,M3195*Input!$C$22,0)</f>
        <v>0.25593753817571913</v>
      </c>
      <c r="P3195" s="59">
        <f>IF(Input!$D$19=3,J3195*Input!$C$19,0)+IF(Input!$D$20=3,K3195*Input!$C$20,0)+IF(Input!$D$21=3,L3195*Input!$C$21,0)+IF(Input!$D$22=3,M3195*Input!$C$22,0)</f>
        <v>0</v>
      </c>
      <c r="Q3195" s="75">
        <f>IF(Input!$D$19=4,J3195*Input!$C$19,0)+IF(Input!$D$20=4,K3195*Input!$C$20,0)+IF(Input!$D$21=4,L3195*Input!$C$21,0)+IF(Input!$D$22=4,M3195*Input!$C$22,0)</f>
        <v>0</v>
      </c>
      <c r="R3195" s="58">
        <v>43.861887575828106</v>
      </c>
      <c r="S3195" s="124">
        <f t="shared" si="49"/>
        <v>0.44362506617124647</v>
      </c>
    </row>
    <row r="3196" spans="8:19" x14ac:dyDescent="0.3">
      <c r="H3196" s="44">
        <v>3189</v>
      </c>
      <c r="I3196" s="56">
        <f>Bühler!I3222</f>
        <v>8.5773661442673427E-2</v>
      </c>
      <c r="J3196" s="59">
        <f>Bühler!J3222</f>
        <v>0.28591220480891144</v>
      </c>
      <c r="K3196" s="59">
        <f>Bühler!K3222</f>
        <v>0.42886830721336722</v>
      </c>
      <c r="L3196" s="59">
        <f>Bühler!L3222</f>
        <v>6.040525868733595</v>
      </c>
      <c r="M3196" s="58">
        <f>Bühler!M3222</f>
        <v>0</v>
      </c>
      <c r="N3196" s="56">
        <f>IF(Input!$D$19=1,J3196*Input!$C$19,0)+IF(Input!$D$20=1,K3196*Input!$C$20,0)+IF(Input!$D$21=1,L3196*Input!$C$21,0)+IF(Input!$D$22=1,M3196*Input!$C$22,0)</f>
        <v>8.5773661442673427E-2</v>
      </c>
      <c r="O3196" s="59">
        <f>IF(Input!$D$19=2,J3196*Input!$C$19,0)+IF(Input!$D$20=2,K3196*Input!$C$20,0)+IF(Input!$D$21=2,L3196*Input!$C$21,0)+IF(Input!$D$22=2,M3196*Input!$C$22,0)</f>
        <v>0.21443415360668361</v>
      </c>
      <c r="P3196" s="59">
        <f>IF(Input!$D$19=3,J3196*Input!$C$19,0)+IF(Input!$D$20=3,K3196*Input!$C$20,0)+IF(Input!$D$21=3,L3196*Input!$C$21,0)+IF(Input!$D$22=3,M3196*Input!$C$22,0)</f>
        <v>0</v>
      </c>
      <c r="Q3196" s="75">
        <f>IF(Input!$D$19=4,J3196*Input!$C$19,0)+IF(Input!$D$20=4,K3196*Input!$C$20,0)+IF(Input!$D$21=4,L3196*Input!$C$21,0)+IF(Input!$D$22=4,M3196*Input!$C$22,0)</f>
        <v>0</v>
      </c>
      <c r="R3196" s="58">
        <v>43.722750087724592</v>
      </c>
      <c r="S3196" s="124">
        <f t="shared" si="49"/>
        <v>0.37168586625158484</v>
      </c>
    </row>
    <row r="3197" spans="8:19" x14ac:dyDescent="0.3">
      <c r="H3197" s="44">
        <v>3190</v>
      </c>
      <c r="I3197" s="56">
        <f>Bühler!I3223</f>
        <v>7.470609222426397E-2</v>
      </c>
      <c r="J3197" s="59">
        <f>Bühler!J3223</f>
        <v>0.24902030741421327</v>
      </c>
      <c r="K3197" s="59">
        <f>Bühler!K3223</f>
        <v>0.37353046112131988</v>
      </c>
      <c r="L3197" s="59">
        <f>Bühler!L3223</f>
        <v>5.2611031759937772</v>
      </c>
      <c r="M3197" s="58">
        <f>Bühler!M3223</f>
        <v>0</v>
      </c>
      <c r="N3197" s="56">
        <f>IF(Input!$D$19=1,J3197*Input!$C$19,0)+IF(Input!$D$20=1,K3197*Input!$C$20,0)+IF(Input!$D$21=1,L3197*Input!$C$21,0)+IF(Input!$D$22=1,M3197*Input!$C$22,0)</f>
        <v>7.4706092224263984E-2</v>
      </c>
      <c r="O3197" s="59">
        <f>IF(Input!$D$19=2,J3197*Input!$C$19,0)+IF(Input!$D$20=2,K3197*Input!$C$20,0)+IF(Input!$D$21=2,L3197*Input!$C$21,0)+IF(Input!$D$22=2,M3197*Input!$C$22,0)</f>
        <v>0.18676523056065994</v>
      </c>
      <c r="P3197" s="59">
        <f>IF(Input!$D$19=3,J3197*Input!$C$19,0)+IF(Input!$D$20=3,K3197*Input!$C$20,0)+IF(Input!$D$21=3,L3197*Input!$C$21,0)+IF(Input!$D$22=3,M3197*Input!$C$22,0)</f>
        <v>0</v>
      </c>
      <c r="Q3197" s="75">
        <f>IF(Input!$D$19=4,J3197*Input!$C$19,0)+IF(Input!$D$20=4,K3197*Input!$C$20,0)+IF(Input!$D$21=4,L3197*Input!$C$21,0)+IF(Input!$D$22=4,M3197*Input!$C$22,0)</f>
        <v>0</v>
      </c>
      <c r="R3197" s="58">
        <v>44.653081501500424</v>
      </c>
      <c r="S3197" s="124">
        <f t="shared" si="49"/>
        <v>0.32372639963847727</v>
      </c>
    </row>
    <row r="3198" spans="8:19" x14ac:dyDescent="0.3">
      <c r="H3198" s="44">
        <v>3191</v>
      </c>
      <c r="I3198" s="56">
        <f>Bühler!I3224</f>
        <v>7.470609222426397E-2</v>
      </c>
      <c r="J3198" s="59">
        <f>Bühler!J3224</f>
        <v>0.24902030741421327</v>
      </c>
      <c r="K3198" s="59">
        <f>Bühler!K3224</f>
        <v>0.37353046112131988</v>
      </c>
      <c r="L3198" s="59">
        <f>Bühler!L3224</f>
        <v>5.2611031759937772</v>
      </c>
      <c r="M3198" s="58">
        <f>Bühler!M3224</f>
        <v>0</v>
      </c>
      <c r="N3198" s="56">
        <f>IF(Input!$D$19=1,J3198*Input!$C$19,0)+IF(Input!$D$20=1,K3198*Input!$C$20,0)+IF(Input!$D$21=1,L3198*Input!$C$21,0)+IF(Input!$D$22=1,M3198*Input!$C$22,0)</f>
        <v>7.4706092224263984E-2</v>
      </c>
      <c r="O3198" s="59">
        <f>IF(Input!$D$19=2,J3198*Input!$C$19,0)+IF(Input!$D$20=2,K3198*Input!$C$20,0)+IF(Input!$D$21=2,L3198*Input!$C$21,0)+IF(Input!$D$22=2,M3198*Input!$C$22,0)</f>
        <v>0.18676523056065994</v>
      </c>
      <c r="P3198" s="59">
        <f>IF(Input!$D$19=3,J3198*Input!$C$19,0)+IF(Input!$D$20=3,K3198*Input!$C$20,0)+IF(Input!$D$21=3,L3198*Input!$C$21,0)+IF(Input!$D$22=3,M3198*Input!$C$22,0)</f>
        <v>0</v>
      </c>
      <c r="Q3198" s="75">
        <f>IF(Input!$D$19=4,J3198*Input!$C$19,0)+IF(Input!$D$20=4,K3198*Input!$C$20,0)+IF(Input!$D$21=4,L3198*Input!$C$21,0)+IF(Input!$D$22=4,M3198*Input!$C$22,0)</f>
        <v>0</v>
      </c>
      <c r="R3198" s="58">
        <v>44.891688686172614</v>
      </c>
      <c r="S3198" s="124">
        <f t="shared" si="49"/>
        <v>0.32372639963847727</v>
      </c>
    </row>
    <row r="3199" spans="8:19" x14ac:dyDescent="0.3">
      <c r="H3199" s="44">
        <v>3192</v>
      </c>
      <c r="I3199" s="56">
        <f>Bühler!I3225</f>
        <v>7.470609222426397E-2</v>
      </c>
      <c r="J3199" s="59">
        <f>Bühler!J3225</f>
        <v>0.24902030741421327</v>
      </c>
      <c r="K3199" s="59">
        <f>Bühler!K3225</f>
        <v>0.37353046112131988</v>
      </c>
      <c r="L3199" s="59">
        <f>Bühler!L3225</f>
        <v>5.2611031759937772</v>
      </c>
      <c r="M3199" s="58">
        <f>Bühler!M3225</f>
        <v>0</v>
      </c>
      <c r="N3199" s="56">
        <f>IF(Input!$D$19=1,J3199*Input!$C$19,0)+IF(Input!$D$20=1,K3199*Input!$C$20,0)+IF(Input!$D$21=1,L3199*Input!$C$21,0)+IF(Input!$D$22=1,M3199*Input!$C$22,0)</f>
        <v>7.4706092224263984E-2</v>
      </c>
      <c r="O3199" s="59">
        <f>IF(Input!$D$19=2,J3199*Input!$C$19,0)+IF(Input!$D$20=2,K3199*Input!$C$20,0)+IF(Input!$D$21=2,L3199*Input!$C$21,0)+IF(Input!$D$22=2,M3199*Input!$C$22,0)</f>
        <v>0.18676523056065994</v>
      </c>
      <c r="P3199" s="59">
        <f>IF(Input!$D$19=3,J3199*Input!$C$19,0)+IF(Input!$D$20=3,K3199*Input!$C$20,0)+IF(Input!$D$21=3,L3199*Input!$C$21,0)+IF(Input!$D$22=3,M3199*Input!$C$22,0)</f>
        <v>0</v>
      </c>
      <c r="Q3199" s="75">
        <f>IF(Input!$D$19=4,J3199*Input!$C$19,0)+IF(Input!$D$20=4,K3199*Input!$C$20,0)+IF(Input!$D$21=4,L3199*Input!$C$21,0)+IF(Input!$D$22=4,M3199*Input!$C$22,0)</f>
        <v>0</v>
      </c>
      <c r="R3199" s="58">
        <v>44.887772783102768</v>
      </c>
      <c r="S3199" s="124">
        <f t="shared" si="49"/>
        <v>0.32372639963847727</v>
      </c>
    </row>
    <row r="3200" spans="8:19" x14ac:dyDescent="0.3">
      <c r="H3200" s="44">
        <v>3193</v>
      </c>
      <c r="I3200" s="56">
        <f>Bühler!I3226</f>
        <v>7.0815785471359763E-2</v>
      </c>
      <c r="J3200" s="59">
        <f>Bühler!J3226</f>
        <v>0.23605261823786591</v>
      </c>
      <c r="K3200" s="59">
        <f>Bühler!K3226</f>
        <v>0.35407892735679886</v>
      </c>
      <c r="L3200" s="59">
        <f>Bühler!L3226</f>
        <v>1.6995788513126344</v>
      </c>
      <c r="M3200" s="58">
        <f>Bühler!M3226</f>
        <v>0</v>
      </c>
      <c r="N3200" s="56">
        <f>IF(Input!$D$19=1,J3200*Input!$C$19,0)+IF(Input!$D$20=1,K3200*Input!$C$20,0)+IF(Input!$D$21=1,L3200*Input!$C$21,0)+IF(Input!$D$22=1,M3200*Input!$C$22,0)</f>
        <v>7.0815785471359777E-2</v>
      </c>
      <c r="O3200" s="59">
        <f>IF(Input!$D$19=2,J3200*Input!$C$19,0)+IF(Input!$D$20=2,K3200*Input!$C$20,0)+IF(Input!$D$21=2,L3200*Input!$C$21,0)+IF(Input!$D$22=2,M3200*Input!$C$22,0)</f>
        <v>0.17703946367839943</v>
      </c>
      <c r="P3200" s="59">
        <f>IF(Input!$D$19=3,J3200*Input!$C$19,0)+IF(Input!$D$20=3,K3200*Input!$C$20,0)+IF(Input!$D$21=3,L3200*Input!$C$21,0)+IF(Input!$D$22=3,M3200*Input!$C$22,0)</f>
        <v>0</v>
      </c>
      <c r="Q3200" s="75">
        <f>IF(Input!$D$19=4,J3200*Input!$C$19,0)+IF(Input!$D$20=4,K3200*Input!$C$20,0)+IF(Input!$D$21=4,L3200*Input!$C$21,0)+IF(Input!$D$22=4,M3200*Input!$C$22,0)</f>
        <v>0</v>
      </c>
      <c r="R3200" s="58">
        <v>42.640798843954279</v>
      </c>
      <c r="S3200" s="124">
        <f t="shared" si="49"/>
        <v>0.30686840370922569</v>
      </c>
    </row>
    <row r="3201" spans="8:19" x14ac:dyDescent="0.3">
      <c r="H3201" s="44">
        <v>3194</v>
      </c>
      <c r="I3201" s="56">
        <f>Bühler!I3227</f>
        <v>7.0815785471359763E-2</v>
      </c>
      <c r="J3201" s="59">
        <f>Bühler!J3227</f>
        <v>0.23605261823786591</v>
      </c>
      <c r="K3201" s="59">
        <f>Bühler!K3227</f>
        <v>0.35407892735679886</v>
      </c>
      <c r="L3201" s="59">
        <f>Bühler!L3227</f>
        <v>1.6995788513126344</v>
      </c>
      <c r="M3201" s="58">
        <f>Bühler!M3227</f>
        <v>0</v>
      </c>
      <c r="N3201" s="56">
        <f>IF(Input!$D$19=1,J3201*Input!$C$19,0)+IF(Input!$D$20=1,K3201*Input!$C$20,0)+IF(Input!$D$21=1,L3201*Input!$C$21,0)+IF(Input!$D$22=1,M3201*Input!$C$22,0)</f>
        <v>7.0815785471359777E-2</v>
      </c>
      <c r="O3201" s="59">
        <f>IF(Input!$D$19=2,J3201*Input!$C$19,0)+IF(Input!$D$20=2,K3201*Input!$C$20,0)+IF(Input!$D$21=2,L3201*Input!$C$21,0)+IF(Input!$D$22=2,M3201*Input!$C$22,0)</f>
        <v>0.17703946367839943</v>
      </c>
      <c r="P3201" s="59">
        <f>IF(Input!$D$19=3,J3201*Input!$C$19,0)+IF(Input!$D$20=3,K3201*Input!$C$20,0)+IF(Input!$D$21=3,L3201*Input!$C$21,0)+IF(Input!$D$22=3,M3201*Input!$C$22,0)</f>
        <v>0</v>
      </c>
      <c r="Q3201" s="75">
        <f>IF(Input!$D$19=4,J3201*Input!$C$19,0)+IF(Input!$D$20=4,K3201*Input!$C$20,0)+IF(Input!$D$21=4,L3201*Input!$C$21,0)+IF(Input!$D$22=4,M3201*Input!$C$22,0)</f>
        <v>0</v>
      </c>
      <c r="R3201" s="58">
        <v>42.956096463313159</v>
      </c>
      <c r="S3201" s="124">
        <f t="shared" si="49"/>
        <v>0.30686840370922569</v>
      </c>
    </row>
    <row r="3202" spans="8:19" x14ac:dyDescent="0.3">
      <c r="H3202" s="44">
        <v>3195</v>
      </c>
      <c r="I3202" s="56">
        <f>Bühler!I3228</f>
        <v>7.0815785471359763E-2</v>
      </c>
      <c r="J3202" s="59">
        <f>Bühler!J3228</f>
        <v>0.23605261823786591</v>
      </c>
      <c r="K3202" s="59">
        <f>Bühler!K3228</f>
        <v>0.35407892735679886</v>
      </c>
      <c r="L3202" s="59">
        <f>Bühler!L3228</f>
        <v>1.6995788513126344</v>
      </c>
      <c r="M3202" s="58">
        <f>Bühler!M3228</f>
        <v>0</v>
      </c>
      <c r="N3202" s="56">
        <f>IF(Input!$D$19=1,J3202*Input!$C$19,0)+IF(Input!$D$20=1,K3202*Input!$C$20,0)+IF(Input!$D$21=1,L3202*Input!$C$21,0)+IF(Input!$D$22=1,M3202*Input!$C$22,0)</f>
        <v>7.0815785471359777E-2</v>
      </c>
      <c r="O3202" s="59">
        <f>IF(Input!$D$19=2,J3202*Input!$C$19,0)+IF(Input!$D$20=2,K3202*Input!$C$20,0)+IF(Input!$D$21=2,L3202*Input!$C$21,0)+IF(Input!$D$22=2,M3202*Input!$C$22,0)</f>
        <v>0.17703946367839943</v>
      </c>
      <c r="P3202" s="59">
        <f>IF(Input!$D$19=3,J3202*Input!$C$19,0)+IF(Input!$D$20=3,K3202*Input!$C$20,0)+IF(Input!$D$21=3,L3202*Input!$C$21,0)+IF(Input!$D$22=3,M3202*Input!$C$22,0)</f>
        <v>0</v>
      </c>
      <c r="Q3202" s="75">
        <f>IF(Input!$D$19=4,J3202*Input!$C$19,0)+IF(Input!$D$20=4,K3202*Input!$C$20,0)+IF(Input!$D$21=4,L3202*Input!$C$21,0)+IF(Input!$D$22=4,M3202*Input!$C$22,0)</f>
        <v>0</v>
      </c>
      <c r="R3202" s="58">
        <v>43.815332164047362</v>
      </c>
      <c r="S3202" s="124">
        <f t="shared" si="49"/>
        <v>0.30686840370922569</v>
      </c>
    </row>
    <row r="3203" spans="8:19" x14ac:dyDescent="0.3">
      <c r="H3203" s="44">
        <v>3196</v>
      </c>
      <c r="I3203" s="56">
        <f>Bühler!I3229</f>
        <v>7.0815785471359763E-2</v>
      </c>
      <c r="J3203" s="59">
        <f>Bühler!J3229</f>
        <v>0.23605261823786591</v>
      </c>
      <c r="K3203" s="59">
        <f>Bühler!K3229</f>
        <v>0.35407892735679886</v>
      </c>
      <c r="L3203" s="59">
        <f>Bühler!L3229</f>
        <v>1.6995788513126344</v>
      </c>
      <c r="M3203" s="58">
        <f>Bühler!M3229</f>
        <v>0</v>
      </c>
      <c r="N3203" s="56">
        <f>IF(Input!$D$19=1,J3203*Input!$C$19,0)+IF(Input!$D$20=1,K3203*Input!$C$20,0)+IF(Input!$D$21=1,L3203*Input!$C$21,0)+IF(Input!$D$22=1,M3203*Input!$C$22,0)</f>
        <v>7.0815785471359777E-2</v>
      </c>
      <c r="O3203" s="59">
        <f>IF(Input!$D$19=2,J3203*Input!$C$19,0)+IF(Input!$D$20=2,K3203*Input!$C$20,0)+IF(Input!$D$21=2,L3203*Input!$C$21,0)+IF(Input!$D$22=2,M3203*Input!$C$22,0)</f>
        <v>0.17703946367839943</v>
      </c>
      <c r="P3203" s="59">
        <f>IF(Input!$D$19=3,J3203*Input!$C$19,0)+IF(Input!$D$20=3,K3203*Input!$C$20,0)+IF(Input!$D$21=3,L3203*Input!$C$21,0)+IF(Input!$D$22=3,M3203*Input!$C$22,0)</f>
        <v>0</v>
      </c>
      <c r="Q3203" s="75">
        <f>IF(Input!$D$19=4,J3203*Input!$C$19,0)+IF(Input!$D$20=4,K3203*Input!$C$20,0)+IF(Input!$D$21=4,L3203*Input!$C$21,0)+IF(Input!$D$22=4,M3203*Input!$C$22,0)</f>
        <v>0</v>
      </c>
      <c r="R3203" s="58">
        <v>45.062446800791477</v>
      </c>
      <c r="S3203" s="124">
        <f t="shared" si="49"/>
        <v>0.30686840370922569</v>
      </c>
    </row>
    <row r="3204" spans="8:19" x14ac:dyDescent="0.3">
      <c r="H3204" s="44">
        <v>3197</v>
      </c>
      <c r="I3204" s="56">
        <f>Bühler!I3230</f>
        <v>7.0815785471359763E-2</v>
      </c>
      <c r="J3204" s="59">
        <f>Bühler!J3230</f>
        <v>0.23605261823786591</v>
      </c>
      <c r="K3204" s="59">
        <f>Bühler!K3230</f>
        <v>0.35407892735679886</v>
      </c>
      <c r="L3204" s="59">
        <f>Bühler!L3230</f>
        <v>1.6995788513126344</v>
      </c>
      <c r="M3204" s="58">
        <f>Bühler!M3230</f>
        <v>0</v>
      </c>
      <c r="N3204" s="56">
        <f>IF(Input!$D$19=1,J3204*Input!$C$19,0)+IF(Input!$D$20=1,K3204*Input!$C$20,0)+IF(Input!$D$21=1,L3204*Input!$C$21,0)+IF(Input!$D$22=1,M3204*Input!$C$22,0)</f>
        <v>7.0815785471359777E-2</v>
      </c>
      <c r="O3204" s="59">
        <f>IF(Input!$D$19=2,J3204*Input!$C$19,0)+IF(Input!$D$20=2,K3204*Input!$C$20,0)+IF(Input!$D$21=2,L3204*Input!$C$21,0)+IF(Input!$D$22=2,M3204*Input!$C$22,0)</f>
        <v>0.17703946367839943</v>
      </c>
      <c r="P3204" s="59">
        <f>IF(Input!$D$19=3,J3204*Input!$C$19,0)+IF(Input!$D$20=3,K3204*Input!$C$20,0)+IF(Input!$D$21=3,L3204*Input!$C$21,0)+IF(Input!$D$22=3,M3204*Input!$C$22,0)</f>
        <v>0</v>
      </c>
      <c r="Q3204" s="75">
        <f>IF(Input!$D$19=4,J3204*Input!$C$19,0)+IF(Input!$D$20=4,K3204*Input!$C$20,0)+IF(Input!$D$21=4,L3204*Input!$C$21,0)+IF(Input!$D$22=4,M3204*Input!$C$22,0)</f>
        <v>0</v>
      </c>
      <c r="R3204" s="58">
        <v>48.447436098059306</v>
      </c>
      <c r="S3204" s="124">
        <f t="shared" si="49"/>
        <v>0.30686840370922569</v>
      </c>
    </row>
    <row r="3205" spans="8:19" x14ac:dyDescent="0.3">
      <c r="H3205" s="44">
        <v>3198</v>
      </c>
      <c r="I3205" s="56">
        <f>Bühler!I3231</f>
        <v>0.30686840370922563</v>
      </c>
      <c r="J3205" s="59">
        <f>Bühler!J3231</f>
        <v>1.0228946790307523</v>
      </c>
      <c r="K3205" s="59">
        <f>Bühler!K3231</f>
        <v>1.5343420185461281</v>
      </c>
      <c r="L3205" s="59">
        <f>Bühler!L3231</f>
        <v>7.3648416890214152</v>
      </c>
      <c r="M3205" s="58">
        <f>Bühler!M3231</f>
        <v>0</v>
      </c>
      <c r="N3205" s="56">
        <f>IF(Input!$D$19=1,J3205*Input!$C$19,0)+IF(Input!$D$20=1,K3205*Input!$C$20,0)+IF(Input!$D$21=1,L3205*Input!$C$21,0)+IF(Input!$D$22=1,M3205*Input!$C$22,0)</f>
        <v>0.30686840370922569</v>
      </c>
      <c r="O3205" s="59">
        <f>IF(Input!$D$19=2,J3205*Input!$C$19,0)+IF(Input!$D$20=2,K3205*Input!$C$20,0)+IF(Input!$D$21=2,L3205*Input!$C$21,0)+IF(Input!$D$22=2,M3205*Input!$C$22,0)</f>
        <v>0.76717100927306403</v>
      </c>
      <c r="P3205" s="59">
        <f>IF(Input!$D$19=3,J3205*Input!$C$19,0)+IF(Input!$D$20=3,K3205*Input!$C$20,0)+IF(Input!$D$21=3,L3205*Input!$C$21,0)+IF(Input!$D$22=3,M3205*Input!$C$22,0)</f>
        <v>0</v>
      </c>
      <c r="Q3205" s="75">
        <f>IF(Input!$D$19=4,J3205*Input!$C$19,0)+IF(Input!$D$20=4,K3205*Input!$C$20,0)+IF(Input!$D$21=4,L3205*Input!$C$21,0)+IF(Input!$D$22=4,M3205*Input!$C$22,0)</f>
        <v>0</v>
      </c>
      <c r="R3205" s="58">
        <v>54.314191018819848</v>
      </c>
      <c r="S3205" s="124">
        <f t="shared" si="49"/>
        <v>1.3297630827399778</v>
      </c>
    </row>
    <row r="3206" spans="8:19" x14ac:dyDescent="0.3">
      <c r="H3206" s="44">
        <v>3199</v>
      </c>
      <c r="I3206" s="56">
        <f>Bühler!I3232</f>
        <v>0.34817761190085217</v>
      </c>
      <c r="J3206" s="59">
        <f>Bühler!J3232</f>
        <v>1.1605920396695073</v>
      </c>
      <c r="K3206" s="59">
        <f>Bühler!K3232</f>
        <v>1.7408880595042608</v>
      </c>
      <c r="L3206" s="59">
        <f>Bühler!L3232</f>
        <v>8.356262685620452</v>
      </c>
      <c r="M3206" s="58">
        <f>Bühler!M3232</f>
        <v>0</v>
      </c>
      <c r="N3206" s="56">
        <f>IF(Input!$D$19=1,J3206*Input!$C$19,0)+IF(Input!$D$20=1,K3206*Input!$C$20,0)+IF(Input!$D$21=1,L3206*Input!$C$21,0)+IF(Input!$D$22=1,M3206*Input!$C$22,0)</f>
        <v>0.34817761190085217</v>
      </c>
      <c r="O3206" s="59">
        <f>IF(Input!$D$19=2,J3206*Input!$C$19,0)+IF(Input!$D$20=2,K3206*Input!$C$20,0)+IF(Input!$D$21=2,L3206*Input!$C$21,0)+IF(Input!$D$22=2,M3206*Input!$C$22,0)</f>
        <v>0.87044402975213042</v>
      </c>
      <c r="P3206" s="59">
        <f>IF(Input!$D$19=3,J3206*Input!$C$19,0)+IF(Input!$D$20=3,K3206*Input!$C$20,0)+IF(Input!$D$21=3,L3206*Input!$C$21,0)+IF(Input!$D$22=3,M3206*Input!$C$22,0)</f>
        <v>0</v>
      </c>
      <c r="Q3206" s="75">
        <f>IF(Input!$D$19=4,J3206*Input!$C$19,0)+IF(Input!$D$20=4,K3206*Input!$C$20,0)+IF(Input!$D$21=4,L3206*Input!$C$21,0)+IF(Input!$D$22=4,M3206*Input!$C$22,0)</f>
        <v>0</v>
      </c>
      <c r="R3206" s="58">
        <v>59.264777098460151</v>
      </c>
      <c r="S3206" s="124">
        <f t="shared" si="49"/>
        <v>1.5087696515703595</v>
      </c>
    </row>
    <row r="3207" spans="8:19" x14ac:dyDescent="0.3">
      <c r="H3207" s="44">
        <v>3200</v>
      </c>
      <c r="I3207" s="56">
        <f>Bühler!I3233</f>
        <v>0.34817761190085217</v>
      </c>
      <c r="J3207" s="59">
        <f>Bühler!J3233</f>
        <v>1.1605920396695073</v>
      </c>
      <c r="K3207" s="59">
        <f>Bühler!K3233</f>
        <v>1.7408880595042608</v>
      </c>
      <c r="L3207" s="59">
        <f>Bühler!L3233</f>
        <v>8.356262685620452</v>
      </c>
      <c r="M3207" s="58">
        <f>Bühler!M3233</f>
        <v>0</v>
      </c>
      <c r="N3207" s="56">
        <f>IF(Input!$D$19=1,J3207*Input!$C$19,0)+IF(Input!$D$20=1,K3207*Input!$C$20,0)+IF(Input!$D$21=1,L3207*Input!$C$21,0)+IF(Input!$D$22=1,M3207*Input!$C$22,0)</f>
        <v>0.34817761190085217</v>
      </c>
      <c r="O3207" s="59">
        <f>IF(Input!$D$19=2,J3207*Input!$C$19,0)+IF(Input!$D$20=2,K3207*Input!$C$20,0)+IF(Input!$D$21=2,L3207*Input!$C$21,0)+IF(Input!$D$22=2,M3207*Input!$C$22,0)</f>
        <v>0.87044402975213042</v>
      </c>
      <c r="P3207" s="59">
        <f>IF(Input!$D$19=3,J3207*Input!$C$19,0)+IF(Input!$D$20=3,K3207*Input!$C$20,0)+IF(Input!$D$21=3,L3207*Input!$C$21,0)+IF(Input!$D$22=3,M3207*Input!$C$22,0)</f>
        <v>0</v>
      </c>
      <c r="Q3207" s="75">
        <f>IF(Input!$D$19=4,J3207*Input!$C$19,0)+IF(Input!$D$20=4,K3207*Input!$C$20,0)+IF(Input!$D$21=4,L3207*Input!$C$21,0)+IF(Input!$D$22=4,M3207*Input!$C$22,0)</f>
        <v>0</v>
      </c>
      <c r="R3207" s="58">
        <v>62.712811864392734</v>
      </c>
      <c r="S3207" s="124">
        <f t="shared" si="49"/>
        <v>1.5087696515703595</v>
      </c>
    </row>
    <row r="3208" spans="8:19" x14ac:dyDescent="0.3">
      <c r="H3208" s="44">
        <v>3201</v>
      </c>
      <c r="I3208" s="56">
        <f>Bühler!I3234</f>
        <v>0.34817761190085217</v>
      </c>
      <c r="J3208" s="59">
        <f>Bühler!J3234</f>
        <v>1.1605920396695073</v>
      </c>
      <c r="K3208" s="59">
        <f>Bühler!K3234</f>
        <v>1.7408880595042608</v>
      </c>
      <c r="L3208" s="59">
        <f>Bühler!L3234</f>
        <v>8.356262685620452</v>
      </c>
      <c r="M3208" s="58">
        <f>Bühler!M3234</f>
        <v>0</v>
      </c>
      <c r="N3208" s="56">
        <f>IF(Input!$D$19=1,J3208*Input!$C$19,0)+IF(Input!$D$20=1,K3208*Input!$C$20,0)+IF(Input!$D$21=1,L3208*Input!$C$21,0)+IF(Input!$D$22=1,M3208*Input!$C$22,0)</f>
        <v>0.34817761190085217</v>
      </c>
      <c r="O3208" s="59">
        <f>IF(Input!$D$19=2,J3208*Input!$C$19,0)+IF(Input!$D$20=2,K3208*Input!$C$20,0)+IF(Input!$D$21=2,L3208*Input!$C$21,0)+IF(Input!$D$22=2,M3208*Input!$C$22,0)</f>
        <v>0.87044402975213042</v>
      </c>
      <c r="P3208" s="59">
        <f>IF(Input!$D$19=3,J3208*Input!$C$19,0)+IF(Input!$D$20=3,K3208*Input!$C$20,0)+IF(Input!$D$21=3,L3208*Input!$C$21,0)+IF(Input!$D$22=3,M3208*Input!$C$22,0)</f>
        <v>0</v>
      </c>
      <c r="Q3208" s="75">
        <f>IF(Input!$D$19=4,J3208*Input!$C$19,0)+IF(Input!$D$20=4,K3208*Input!$C$20,0)+IF(Input!$D$21=4,L3208*Input!$C$21,0)+IF(Input!$D$22=4,M3208*Input!$C$22,0)</f>
        <v>0</v>
      </c>
      <c r="R3208" s="58">
        <v>64.934832515342961</v>
      </c>
      <c r="S3208" s="124">
        <f t="shared" si="49"/>
        <v>1.5087696515703595</v>
      </c>
    </row>
    <row r="3209" spans="8:19" x14ac:dyDescent="0.3">
      <c r="H3209" s="44">
        <v>3202</v>
      </c>
      <c r="I3209" s="56">
        <f>Bühler!I3235</f>
        <v>0.37178287372463881</v>
      </c>
      <c r="J3209" s="59">
        <f>Bühler!J3235</f>
        <v>1.239276245748796</v>
      </c>
      <c r="K3209" s="59">
        <f>Bühler!K3235</f>
        <v>1.8589143686231939</v>
      </c>
      <c r="L3209" s="59">
        <f>Bühler!L3235</f>
        <v>8.9227889693913305</v>
      </c>
      <c r="M3209" s="58">
        <f>Bühler!M3235</f>
        <v>0</v>
      </c>
      <c r="N3209" s="56">
        <f>IF(Input!$D$19=1,J3209*Input!$C$19,0)+IF(Input!$D$20=1,K3209*Input!$C$20,0)+IF(Input!$D$21=1,L3209*Input!$C$21,0)+IF(Input!$D$22=1,M3209*Input!$C$22,0)</f>
        <v>0.37178287372463881</v>
      </c>
      <c r="O3209" s="59">
        <f>IF(Input!$D$19=2,J3209*Input!$C$19,0)+IF(Input!$D$20=2,K3209*Input!$C$20,0)+IF(Input!$D$21=2,L3209*Input!$C$21,0)+IF(Input!$D$22=2,M3209*Input!$C$22,0)</f>
        <v>0.92945718431159696</v>
      </c>
      <c r="P3209" s="59">
        <f>IF(Input!$D$19=3,J3209*Input!$C$19,0)+IF(Input!$D$20=3,K3209*Input!$C$20,0)+IF(Input!$D$21=3,L3209*Input!$C$21,0)+IF(Input!$D$22=3,M3209*Input!$C$22,0)</f>
        <v>0</v>
      </c>
      <c r="Q3209" s="75">
        <f>IF(Input!$D$19=4,J3209*Input!$C$19,0)+IF(Input!$D$20=4,K3209*Input!$C$20,0)+IF(Input!$D$21=4,L3209*Input!$C$21,0)+IF(Input!$D$22=4,M3209*Input!$C$22,0)</f>
        <v>0</v>
      </c>
      <c r="R3209" s="58">
        <v>66.121066255915267</v>
      </c>
      <c r="S3209" s="124">
        <f t="shared" ref="S3209:S3272" si="50">I3209+J3209</f>
        <v>1.6110591194734347</v>
      </c>
    </row>
    <row r="3210" spans="8:19" x14ac:dyDescent="0.3">
      <c r="H3210" s="44">
        <v>3203</v>
      </c>
      <c r="I3210" s="56">
        <f>Bühler!I3236</f>
        <v>0.37178287372463881</v>
      </c>
      <c r="J3210" s="59">
        <f>Bühler!J3236</f>
        <v>1.239276245748796</v>
      </c>
      <c r="K3210" s="59">
        <f>Bühler!K3236</f>
        <v>1.8589143686231939</v>
      </c>
      <c r="L3210" s="59">
        <f>Bühler!L3236</f>
        <v>8.9227889693913305</v>
      </c>
      <c r="M3210" s="58">
        <f>Bühler!M3236</f>
        <v>0</v>
      </c>
      <c r="N3210" s="56">
        <f>IF(Input!$D$19=1,J3210*Input!$C$19,0)+IF(Input!$D$20=1,K3210*Input!$C$20,0)+IF(Input!$D$21=1,L3210*Input!$C$21,0)+IF(Input!$D$22=1,M3210*Input!$C$22,0)</f>
        <v>0.37178287372463881</v>
      </c>
      <c r="O3210" s="59">
        <f>IF(Input!$D$19=2,J3210*Input!$C$19,0)+IF(Input!$D$20=2,K3210*Input!$C$20,0)+IF(Input!$D$21=2,L3210*Input!$C$21,0)+IF(Input!$D$22=2,M3210*Input!$C$22,0)</f>
        <v>0.92945718431159696</v>
      </c>
      <c r="P3210" s="59">
        <f>IF(Input!$D$19=3,J3210*Input!$C$19,0)+IF(Input!$D$20=3,K3210*Input!$C$20,0)+IF(Input!$D$21=3,L3210*Input!$C$21,0)+IF(Input!$D$22=3,M3210*Input!$C$22,0)</f>
        <v>0</v>
      </c>
      <c r="Q3210" s="75">
        <f>IF(Input!$D$19=4,J3210*Input!$C$19,0)+IF(Input!$D$20=4,K3210*Input!$C$20,0)+IF(Input!$D$21=4,L3210*Input!$C$21,0)+IF(Input!$D$22=4,M3210*Input!$C$22,0)</f>
        <v>0</v>
      </c>
      <c r="R3210" s="58">
        <v>67.063450078372185</v>
      </c>
      <c r="S3210" s="124">
        <f t="shared" si="50"/>
        <v>1.6110591194734347</v>
      </c>
    </row>
    <row r="3211" spans="8:19" x14ac:dyDescent="0.3">
      <c r="H3211" s="44">
        <v>3204</v>
      </c>
      <c r="I3211" s="56">
        <f>Bühler!I3237</f>
        <v>0.47210523647573183</v>
      </c>
      <c r="J3211" s="59">
        <f>Bühler!J3237</f>
        <v>1.5736841215857729</v>
      </c>
      <c r="K3211" s="59">
        <f>Bühler!K3237</f>
        <v>2.360526182378659</v>
      </c>
      <c r="L3211" s="59">
        <f>Bühler!L3237</f>
        <v>11.330525675417563</v>
      </c>
      <c r="M3211" s="58">
        <f>Bühler!M3237</f>
        <v>0</v>
      </c>
      <c r="N3211" s="56">
        <f>IF(Input!$D$19=1,J3211*Input!$C$19,0)+IF(Input!$D$20=1,K3211*Input!$C$20,0)+IF(Input!$D$21=1,L3211*Input!$C$21,0)+IF(Input!$D$22=1,M3211*Input!$C$22,0)</f>
        <v>0.47210523647573183</v>
      </c>
      <c r="O3211" s="59">
        <f>IF(Input!$D$19=2,J3211*Input!$C$19,0)+IF(Input!$D$20=2,K3211*Input!$C$20,0)+IF(Input!$D$21=2,L3211*Input!$C$21,0)+IF(Input!$D$22=2,M3211*Input!$C$22,0)</f>
        <v>1.1802630911893295</v>
      </c>
      <c r="P3211" s="59">
        <f>IF(Input!$D$19=3,J3211*Input!$C$19,0)+IF(Input!$D$20=3,K3211*Input!$C$20,0)+IF(Input!$D$21=3,L3211*Input!$C$21,0)+IF(Input!$D$22=3,M3211*Input!$C$22,0)</f>
        <v>0</v>
      </c>
      <c r="Q3211" s="75">
        <f>IF(Input!$D$19=4,J3211*Input!$C$19,0)+IF(Input!$D$20=4,K3211*Input!$C$20,0)+IF(Input!$D$21=4,L3211*Input!$C$21,0)+IF(Input!$D$22=4,M3211*Input!$C$22,0)</f>
        <v>0</v>
      </c>
      <c r="R3211" s="58">
        <v>68.360723171178961</v>
      </c>
      <c r="S3211" s="124">
        <f t="shared" si="50"/>
        <v>2.0457893580615045</v>
      </c>
    </row>
    <row r="3212" spans="8:19" x14ac:dyDescent="0.3">
      <c r="H3212" s="44">
        <v>3205</v>
      </c>
      <c r="I3212" s="56">
        <f>Bühler!I3238</f>
        <v>0.47210523647573183</v>
      </c>
      <c r="J3212" s="59">
        <f>Bühler!J3238</f>
        <v>1.5736841215857729</v>
      </c>
      <c r="K3212" s="59">
        <f>Bühler!K3238</f>
        <v>2.360526182378659</v>
      </c>
      <c r="L3212" s="59">
        <f>Bühler!L3238</f>
        <v>11.330525675417563</v>
      </c>
      <c r="M3212" s="58">
        <f>Bühler!M3238</f>
        <v>0</v>
      </c>
      <c r="N3212" s="56">
        <f>IF(Input!$D$19=1,J3212*Input!$C$19,0)+IF(Input!$D$20=1,K3212*Input!$C$20,0)+IF(Input!$D$21=1,L3212*Input!$C$21,0)+IF(Input!$D$22=1,M3212*Input!$C$22,0)</f>
        <v>0.47210523647573183</v>
      </c>
      <c r="O3212" s="59">
        <f>IF(Input!$D$19=2,J3212*Input!$C$19,0)+IF(Input!$D$20=2,K3212*Input!$C$20,0)+IF(Input!$D$21=2,L3212*Input!$C$21,0)+IF(Input!$D$22=2,M3212*Input!$C$22,0)</f>
        <v>1.1802630911893295</v>
      </c>
      <c r="P3212" s="59">
        <f>IF(Input!$D$19=3,J3212*Input!$C$19,0)+IF(Input!$D$20=3,K3212*Input!$C$20,0)+IF(Input!$D$21=3,L3212*Input!$C$21,0)+IF(Input!$D$22=3,M3212*Input!$C$22,0)</f>
        <v>0</v>
      </c>
      <c r="Q3212" s="75">
        <f>IF(Input!$D$19=4,J3212*Input!$C$19,0)+IF(Input!$D$20=4,K3212*Input!$C$20,0)+IF(Input!$D$21=4,L3212*Input!$C$21,0)+IF(Input!$D$22=4,M3212*Input!$C$22,0)</f>
        <v>0</v>
      </c>
      <c r="R3212" s="58">
        <v>68.854498971812049</v>
      </c>
      <c r="S3212" s="124">
        <f t="shared" si="50"/>
        <v>2.0457893580615045</v>
      </c>
    </row>
    <row r="3213" spans="8:19" x14ac:dyDescent="0.3">
      <c r="H3213" s="44">
        <v>3206</v>
      </c>
      <c r="I3213" s="56">
        <f>Bühler!I3239</f>
        <v>0.31276971916517232</v>
      </c>
      <c r="J3213" s="59">
        <f>Bühler!J3239</f>
        <v>1.0425657305505744</v>
      </c>
      <c r="K3213" s="59">
        <f>Bühler!K3239</f>
        <v>1.5638485958258617</v>
      </c>
      <c r="L3213" s="59">
        <f>Bühler!L3239</f>
        <v>7.5064732599641353</v>
      </c>
      <c r="M3213" s="58">
        <f>Bühler!M3239</f>
        <v>0</v>
      </c>
      <c r="N3213" s="56">
        <f>IF(Input!$D$19=1,J3213*Input!$C$19,0)+IF(Input!$D$20=1,K3213*Input!$C$20,0)+IF(Input!$D$21=1,L3213*Input!$C$21,0)+IF(Input!$D$22=1,M3213*Input!$C$22,0)</f>
        <v>0.31276971916517232</v>
      </c>
      <c r="O3213" s="59">
        <f>IF(Input!$D$19=2,J3213*Input!$C$19,0)+IF(Input!$D$20=2,K3213*Input!$C$20,0)+IF(Input!$D$21=2,L3213*Input!$C$21,0)+IF(Input!$D$22=2,M3213*Input!$C$22,0)</f>
        <v>0.78192429791293083</v>
      </c>
      <c r="P3213" s="59">
        <f>IF(Input!$D$19=3,J3213*Input!$C$19,0)+IF(Input!$D$20=3,K3213*Input!$C$20,0)+IF(Input!$D$21=3,L3213*Input!$C$21,0)+IF(Input!$D$22=3,M3213*Input!$C$22,0)</f>
        <v>0</v>
      </c>
      <c r="Q3213" s="75">
        <f>IF(Input!$D$19=4,J3213*Input!$C$19,0)+IF(Input!$D$20=4,K3213*Input!$C$20,0)+IF(Input!$D$21=4,L3213*Input!$C$21,0)+IF(Input!$D$22=4,M3213*Input!$C$22,0)</f>
        <v>0</v>
      </c>
      <c r="R3213" s="58">
        <v>69.448402568876602</v>
      </c>
      <c r="S3213" s="124">
        <f t="shared" si="50"/>
        <v>1.3553354497157468</v>
      </c>
    </row>
    <row r="3214" spans="8:19" x14ac:dyDescent="0.3">
      <c r="H3214" s="44">
        <v>3207</v>
      </c>
      <c r="I3214" s="56">
        <f>Bühler!I3240</f>
        <v>0.47210523647573183</v>
      </c>
      <c r="J3214" s="59">
        <f>Bühler!J3240</f>
        <v>1.5736841215857729</v>
      </c>
      <c r="K3214" s="59">
        <f>Bühler!K3240</f>
        <v>2.360526182378659</v>
      </c>
      <c r="L3214" s="59">
        <f>Bühler!L3240</f>
        <v>11.330525675417563</v>
      </c>
      <c r="M3214" s="58">
        <f>Bühler!M3240</f>
        <v>0</v>
      </c>
      <c r="N3214" s="56">
        <f>IF(Input!$D$19=1,J3214*Input!$C$19,0)+IF(Input!$D$20=1,K3214*Input!$C$20,0)+IF(Input!$D$21=1,L3214*Input!$C$21,0)+IF(Input!$D$22=1,M3214*Input!$C$22,0)</f>
        <v>0.47210523647573183</v>
      </c>
      <c r="O3214" s="59">
        <f>IF(Input!$D$19=2,J3214*Input!$C$19,0)+IF(Input!$D$20=2,K3214*Input!$C$20,0)+IF(Input!$D$21=2,L3214*Input!$C$21,0)+IF(Input!$D$22=2,M3214*Input!$C$22,0)</f>
        <v>1.1802630911893295</v>
      </c>
      <c r="P3214" s="59">
        <f>IF(Input!$D$19=3,J3214*Input!$C$19,0)+IF(Input!$D$20=3,K3214*Input!$C$20,0)+IF(Input!$D$21=3,L3214*Input!$C$21,0)+IF(Input!$D$22=3,M3214*Input!$C$22,0)</f>
        <v>0</v>
      </c>
      <c r="Q3214" s="75">
        <f>IF(Input!$D$19=4,J3214*Input!$C$19,0)+IF(Input!$D$20=4,K3214*Input!$C$20,0)+IF(Input!$D$21=4,L3214*Input!$C$21,0)+IF(Input!$D$22=4,M3214*Input!$C$22,0)</f>
        <v>0</v>
      </c>
      <c r="R3214" s="58">
        <v>70.095735252597748</v>
      </c>
      <c r="S3214" s="124">
        <f t="shared" si="50"/>
        <v>2.0457893580615045</v>
      </c>
    </row>
    <row r="3215" spans="8:19" x14ac:dyDescent="0.3">
      <c r="H3215" s="44">
        <v>3208</v>
      </c>
      <c r="I3215" s="56">
        <f>Bühler!I3241</f>
        <v>0.47210523647573183</v>
      </c>
      <c r="J3215" s="59">
        <f>Bühler!J3241</f>
        <v>1.5736841215857729</v>
      </c>
      <c r="K3215" s="59">
        <f>Bühler!K3241</f>
        <v>2.360526182378659</v>
      </c>
      <c r="L3215" s="59">
        <f>Bühler!L3241</f>
        <v>11.330525675417563</v>
      </c>
      <c r="M3215" s="58">
        <f>Bühler!M3241</f>
        <v>0</v>
      </c>
      <c r="N3215" s="56">
        <f>IF(Input!$D$19=1,J3215*Input!$C$19,0)+IF(Input!$D$20=1,K3215*Input!$C$20,0)+IF(Input!$D$21=1,L3215*Input!$C$21,0)+IF(Input!$D$22=1,M3215*Input!$C$22,0)</f>
        <v>0.47210523647573183</v>
      </c>
      <c r="O3215" s="59">
        <f>IF(Input!$D$19=2,J3215*Input!$C$19,0)+IF(Input!$D$20=2,K3215*Input!$C$20,0)+IF(Input!$D$21=2,L3215*Input!$C$21,0)+IF(Input!$D$22=2,M3215*Input!$C$22,0)</f>
        <v>1.1802630911893295</v>
      </c>
      <c r="P3215" s="59">
        <f>IF(Input!$D$19=3,J3215*Input!$C$19,0)+IF(Input!$D$20=3,K3215*Input!$C$20,0)+IF(Input!$D$21=3,L3215*Input!$C$21,0)+IF(Input!$D$22=3,M3215*Input!$C$22,0)</f>
        <v>0</v>
      </c>
      <c r="Q3215" s="75">
        <f>IF(Input!$D$19=4,J3215*Input!$C$19,0)+IF(Input!$D$20=4,K3215*Input!$C$20,0)+IF(Input!$D$21=4,L3215*Input!$C$21,0)+IF(Input!$D$22=4,M3215*Input!$C$22,0)</f>
        <v>0</v>
      </c>
      <c r="R3215" s="58">
        <v>70.455908033359037</v>
      </c>
      <c r="S3215" s="124">
        <f t="shared" si="50"/>
        <v>2.0457893580615045</v>
      </c>
    </row>
    <row r="3216" spans="8:19" x14ac:dyDescent="0.3">
      <c r="H3216" s="44">
        <v>3209</v>
      </c>
      <c r="I3216" s="56">
        <f>Bühler!I3242</f>
        <v>0.47210523647573183</v>
      </c>
      <c r="J3216" s="59">
        <f>Bühler!J3242</f>
        <v>1.5736841215857729</v>
      </c>
      <c r="K3216" s="59">
        <f>Bühler!K3242</f>
        <v>2.360526182378659</v>
      </c>
      <c r="L3216" s="59">
        <f>Bühler!L3242</f>
        <v>11.330525675417563</v>
      </c>
      <c r="M3216" s="58">
        <f>Bühler!M3242</f>
        <v>0</v>
      </c>
      <c r="N3216" s="56">
        <f>IF(Input!$D$19=1,J3216*Input!$C$19,0)+IF(Input!$D$20=1,K3216*Input!$C$20,0)+IF(Input!$D$21=1,L3216*Input!$C$21,0)+IF(Input!$D$22=1,M3216*Input!$C$22,0)</f>
        <v>0.47210523647573183</v>
      </c>
      <c r="O3216" s="59">
        <f>IF(Input!$D$19=2,J3216*Input!$C$19,0)+IF(Input!$D$20=2,K3216*Input!$C$20,0)+IF(Input!$D$21=2,L3216*Input!$C$21,0)+IF(Input!$D$22=2,M3216*Input!$C$22,0)</f>
        <v>1.1802630911893295</v>
      </c>
      <c r="P3216" s="59">
        <f>IF(Input!$D$19=3,J3216*Input!$C$19,0)+IF(Input!$D$20=3,K3216*Input!$C$20,0)+IF(Input!$D$21=3,L3216*Input!$C$21,0)+IF(Input!$D$22=3,M3216*Input!$C$22,0)</f>
        <v>0</v>
      </c>
      <c r="Q3216" s="75">
        <f>IF(Input!$D$19=4,J3216*Input!$C$19,0)+IF(Input!$D$20=4,K3216*Input!$C$20,0)+IF(Input!$D$21=4,L3216*Input!$C$21,0)+IF(Input!$D$22=4,M3216*Input!$C$22,0)</f>
        <v>0</v>
      </c>
      <c r="R3216" s="58">
        <v>69.880226170786571</v>
      </c>
      <c r="S3216" s="124">
        <f t="shared" si="50"/>
        <v>2.0457893580615045</v>
      </c>
    </row>
    <row r="3217" spans="8:19" x14ac:dyDescent="0.3">
      <c r="H3217" s="44">
        <v>3210</v>
      </c>
      <c r="I3217" s="56">
        <f>Bühler!I3243</f>
        <v>0.47210523647573183</v>
      </c>
      <c r="J3217" s="59">
        <f>Bühler!J3243</f>
        <v>1.5736841215857729</v>
      </c>
      <c r="K3217" s="59">
        <f>Bühler!K3243</f>
        <v>2.360526182378659</v>
      </c>
      <c r="L3217" s="59">
        <f>Bühler!L3243</f>
        <v>11.330525675417563</v>
      </c>
      <c r="M3217" s="58">
        <f>Bühler!M3243</f>
        <v>0</v>
      </c>
      <c r="N3217" s="56">
        <f>IF(Input!$D$19=1,J3217*Input!$C$19,0)+IF(Input!$D$20=1,K3217*Input!$C$20,0)+IF(Input!$D$21=1,L3217*Input!$C$21,0)+IF(Input!$D$22=1,M3217*Input!$C$22,0)</f>
        <v>0.47210523647573183</v>
      </c>
      <c r="O3217" s="59">
        <f>IF(Input!$D$19=2,J3217*Input!$C$19,0)+IF(Input!$D$20=2,K3217*Input!$C$20,0)+IF(Input!$D$21=2,L3217*Input!$C$21,0)+IF(Input!$D$22=2,M3217*Input!$C$22,0)</f>
        <v>1.1802630911893295</v>
      </c>
      <c r="P3217" s="59">
        <f>IF(Input!$D$19=3,J3217*Input!$C$19,0)+IF(Input!$D$20=3,K3217*Input!$C$20,0)+IF(Input!$D$21=3,L3217*Input!$C$21,0)+IF(Input!$D$22=3,M3217*Input!$C$22,0)</f>
        <v>0</v>
      </c>
      <c r="Q3217" s="75">
        <f>IF(Input!$D$19=4,J3217*Input!$C$19,0)+IF(Input!$D$20=4,K3217*Input!$C$20,0)+IF(Input!$D$21=4,L3217*Input!$C$21,0)+IF(Input!$D$22=4,M3217*Input!$C$22,0)</f>
        <v>0</v>
      </c>
      <c r="R3217" s="58">
        <v>68.508791541031215</v>
      </c>
      <c r="S3217" s="124">
        <f t="shared" si="50"/>
        <v>2.0457893580615045</v>
      </c>
    </row>
    <row r="3218" spans="8:19" x14ac:dyDescent="0.3">
      <c r="H3218" s="44">
        <v>3211</v>
      </c>
      <c r="I3218" s="56">
        <f>Bühler!I3244</f>
        <v>0.47210523647573183</v>
      </c>
      <c r="J3218" s="59">
        <f>Bühler!J3244</f>
        <v>1.5736841215857729</v>
      </c>
      <c r="K3218" s="59">
        <f>Bühler!K3244</f>
        <v>2.360526182378659</v>
      </c>
      <c r="L3218" s="59">
        <f>Bühler!L3244</f>
        <v>11.330525675417563</v>
      </c>
      <c r="M3218" s="58">
        <f>Bühler!M3244</f>
        <v>0</v>
      </c>
      <c r="N3218" s="56">
        <f>IF(Input!$D$19=1,J3218*Input!$C$19,0)+IF(Input!$D$20=1,K3218*Input!$C$20,0)+IF(Input!$D$21=1,L3218*Input!$C$21,0)+IF(Input!$D$22=1,M3218*Input!$C$22,0)</f>
        <v>0.47210523647573183</v>
      </c>
      <c r="O3218" s="59">
        <f>IF(Input!$D$19=2,J3218*Input!$C$19,0)+IF(Input!$D$20=2,K3218*Input!$C$20,0)+IF(Input!$D$21=2,L3218*Input!$C$21,0)+IF(Input!$D$22=2,M3218*Input!$C$22,0)</f>
        <v>1.1802630911893295</v>
      </c>
      <c r="P3218" s="59">
        <f>IF(Input!$D$19=3,J3218*Input!$C$19,0)+IF(Input!$D$20=3,K3218*Input!$C$20,0)+IF(Input!$D$21=3,L3218*Input!$C$21,0)+IF(Input!$D$22=3,M3218*Input!$C$22,0)</f>
        <v>0</v>
      </c>
      <c r="Q3218" s="75">
        <f>IF(Input!$D$19=4,J3218*Input!$C$19,0)+IF(Input!$D$20=4,K3218*Input!$C$20,0)+IF(Input!$D$21=4,L3218*Input!$C$21,0)+IF(Input!$D$22=4,M3218*Input!$C$22,0)</f>
        <v>0</v>
      </c>
      <c r="R3218" s="58">
        <v>67.134553205408011</v>
      </c>
      <c r="S3218" s="124">
        <f t="shared" si="50"/>
        <v>2.0457893580615045</v>
      </c>
    </row>
    <row r="3219" spans="8:19" x14ac:dyDescent="0.3">
      <c r="H3219" s="44">
        <v>3212</v>
      </c>
      <c r="I3219" s="56">
        <f>Bühler!I3245</f>
        <v>0.39538813554842539</v>
      </c>
      <c r="J3219" s="59">
        <f>Bühler!J3245</f>
        <v>1.3179604518280847</v>
      </c>
      <c r="K3219" s="59">
        <f>Bühler!K3245</f>
        <v>1.976940677742127</v>
      </c>
      <c r="L3219" s="59">
        <f>Bühler!L3245</f>
        <v>9.4893152531622089</v>
      </c>
      <c r="M3219" s="58">
        <f>Bühler!M3245</f>
        <v>0</v>
      </c>
      <c r="N3219" s="56">
        <f>IF(Input!$D$19=1,J3219*Input!$C$19,0)+IF(Input!$D$20=1,K3219*Input!$C$20,0)+IF(Input!$D$21=1,L3219*Input!$C$21,0)+IF(Input!$D$22=1,M3219*Input!$C$22,0)</f>
        <v>0.39538813554842539</v>
      </c>
      <c r="O3219" s="59">
        <f>IF(Input!$D$19=2,J3219*Input!$C$19,0)+IF(Input!$D$20=2,K3219*Input!$C$20,0)+IF(Input!$D$21=2,L3219*Input!$C$21,0)+IF(Input!$D$22=2,M3219*Input!$C$22,0)</f>
        <v>0.9884703388710635</v>
      </c>
      <c r="P3219" s="59">
        <f>IF(Input!$D$19=3,J3219*Input!$C$19,0)+IF(Input!$D$20=3,K3219*Input!$C$20,0)+IF(Input!$D$21=3,L3219*Input!$C$21,0)+IF(Input!$D$22=3,M3219*Input!$C$22,0)</f>
        <v>0</v>
      </c>
      <c r="Q3219" s="75">
        <f>IF(Input!$D$19=4,J3219*Input!$C$19,0)+IF(Input!$D$20=4,K3219*Input!$C$20,0)+IF(Input!$D$21=4,L3219*Input!$C$21,0)+IF(Input!$D$22=4,M3219*Input!$C$22,0)</f>
        <v>0</v>
      </c>
      <c r="R3219" s="58">
        <v>65.592771251232179</v>
      </c>
      <c r="S3219" s="124">
        <f t="shared" si="50"/>
        <v>1.7133485873765102</v>
      </c>
    </row>
    <row r="3220" spans="8:19" x14ac:dyDescent="0.3">
      <c r="H3220" s="44">
        <v>3213</v>
      </c>
      <c r="I3220" s="56">
        <f>Bühler!I3246</f>
        <v>0.32457235007706559</v>
      </c>
      <c r="J3220" s="59">
        <f>Bühler!J3246</f>
        <v>1.0819078335902188</v>
      </c>
      <c r="K3220" s="59">
        <f>Bühler!K3246</f>
        <v>1.622861750385328</v>
      </c>
      <c r="L3220" s="59">
        <f>Bühler!L3246</f>
        <v>7.7897364018495745</v>
      </c>
      <c r="M3220" s="58">
        <f>Bühler!M3246</f>
        <v>0</v>
      </c>
      <c r="N3220" s="56">
        <f>IF(Input!$D$19=1,J3220*Input!$C$19,0)+IF(Input!$D$20=1,K3220*Input!$C$20,0)+IF(Input!$D$21=1,L3220*Input!$C$21,0)+IF(Input!$D$22=1,M3220*Input!$C$22,0)</f>
        <v>0.32457235007706564</v>
      </c>
      <c r="O3220" s="59">
        <f>IF(Input!$D$19=2,J3220*Input!$C$19,0)+IF(Input!$D$20=2,K3220*Input!$C$20,0)+IF(Input!$D$21=2,L3220*Input!$C$21,0)+IF(Input!$D$22=2,M3220*Input!$C$22,0)</f>
        <v>0.81143087519266399</v>
      </c>
      <c r="P3220" s="59">
        <f>IF(Input!$D$19=3,J3220*Input!$C$19,0)+IF(Input!$D$20=3,K3220*Input!$C$20,0)+IF(Input!$D$21=3,L3220*Input!$C$21,0)+IF(Input!$D$22=3,M3220*Input!$C$22,0)</f>
        <v>0</v>
      </c>
      <c r="Q3220" s="75">
        <f>IF(Input!$D$19=4,J3220*Input!$C$19,0)+IF(Input!$D$20=4,K3220*Input!$C$20,0)+IF(Input!$D$21=4,L3220*Input!$C$21,0)+IF(Input!$D$22=4,M3220*Input!$C$22,0)</f>
        <v>0</v>
      </c>
      <c r="R3220" s="58">
        <v>63.701908498904537</v>
      </c>
      <c r="S3220" s="124">
        <f t="shared" si="50"/>
        <v>1.4064801836672844</v>
      </c>
    </row>
    <row r="3221" spans="8:19" x14ac:dyDescent="0.3">
      <c r="H3221" s="44">
        <v>3214</v>
      </c>
      <c r="I3221" s="56">
        <f>Bühler!I3247</f>
        <v>0.23605261823786591</v>
      </c>
      <c r="J3221" s="59">
        <f>Bühler!J3247</f>
        <v>0.78684206079288643</v>
      </c>
      <c r="K3221" s="59">
        <f>Bühler!K3247</f>
        <v>1.1802630911893295</v>
      </c>
      <c r="L3221" s="59">
        <f>Bühler!L3247</f>
        <v>5.6652628377087817</v>
      </c>
      <c r="M3221" s="58">
        <f>Bühler!M3247</f>
        <v>0</v>
      </c>
      <c r="N3221" s="56">
        <f>IF(Input!$D$19=1,J3221*Input!$C$19,0)+IF(Input!$D$20=1,K3221*Input!$C$20,0)+IF(Input!$D$21=1,L3221*Input!$C$21,0)+IF(Input!$D$22=1,M3221*Input!$C$22,0)</f>
        <v>0.23605261823786591</v>
      </c>
      <c r="O3221" s="59">
        <f>IF(Input!$D$19=2,J3221*Input!$C$19,0)+IF(Input!$D$20=2,K3221*Input!$C$20,0)+IF(Input!$D$21=2,L3221*Input!$C$21,0)+IF(Input!$D$22=2,M3221*Input!$C$22,0)</f>
        <v>0.59013154559466474</v>
      </c>
      <c r="P3221" s="59">
        <f>IF(Input!$D$19=3,J3221*Input!$C$19,0)+IF(Input!$D$20=3,K3221*Input!$C$20,0)+IF(Input!$D$21=3,L3221*Input!$C$21,0)+IF(Input!$D$22=3,M3221*Input!$C$22,0)</f>
        <v>0</v>
      </c>
      <c r="Q3221" s="75">
        <f>IF(Input!$D$19=4,J3221*Input!$C$19,0)+IF(Input!$D$20=4,K3221*Input!$C$20,0)+IF(Input!$D$21=4,L3221*Input!$C$21,0)+IF(Input!$D$22=4,M3221*Input!$C$22,0)</f>
        <v>0</v>
      </c>
      <c r="R3221" s="58">
        <v>62.1460263241568</v>
      </c>
      <c r="S3221" s="124">
        <f t="shared" si="50"/>
        <v>1.0228946790307523</v>
      </c>
    </row>
    <row r="3222" spans="8:19" x14ac:dyDescent="0.3">
      <c r="H3222" s="44">
        <v>3215</v>
      </c>
      <c r="I3222" s="56">
        <f>Bühler!I3248</f>
        <v>0.22424998732597259</v>
      </c>
      <c r="J3222" s="59">
        <f>Bühler!J3248</f>
        <v>0.74749995775324207</v>
      </c>
      <c r="K3222" s="59">
        <f>Bühler!K3248</f>
        <v>1.1212499366298629</v>
      </c>
      <c r="L3222" s="59">
        <f>Bühler!L3248</f>
        <v>5.3819996958233425</v>
      </c>
      <c r="M3222" s="58">
        <f>Bühler!M3248</f>
        <v>0</v>
      </c>
      <c r="N3222" s="56">
        <f>IF(Input!$D$19=1,J3222*Input!$C$19,0)+IF(Input!$D$20=1,K3222*Input!$C$20,0)+IF(Input!$D$21=1,L3222*Input!$C$21,0)+IF(Input!$D$22=1,M3222*Input!$C$22,0)</f>
        <v>0.22424998732597262</v>
      </c>
      <c r="O3222" s="59">
        <f>IF(Input!$D$19=2,J3222*Input!$C$19,0)+IF(Input!$D$20=2,K3222*Input!$C$20,0)+IF(Input!$D$21=2,L3222*Input!$C$21,0)+IF(Input!$D$22=2,M3222*Input!$C$22,0)</f>
        <v>0.56062496831493147</v>
      </c>
      <c r="P3222" s="59">
        <f>IF(Input!$D$19=3,J3222*Input!$C$19,0)+IF(Input!$D$20=3,K3222*Input!$C$20,0)+IF(Input!$D$21=3,L3222*Input!$C$21,0)+IF(Input!$D$22=3,M3222*Input!$C$22,0)</f>
        <v>0</v>
      </c>
      <c r="Q3222" s="75">
        <f>IF(Input!$D$19=4,J3222*Input!$C$19,0)+IF(Input!$D$20=4,K3222*Input!$C$20,0)+IF(Input!$D$21=4,L3222*Input!$C$21,0)+IF(Input!$D$22=4,M3222*Input!$C$22,0)</f>
        <v>0</v>
      </c>
      <c r="R3222" s="58">
        <v>61.200435733447762</v>
      </c>
      <c r="S3222" s="124">
        <f t="shared" si="50"/>
        <v>0.97174994507921464</v>
      </c>
    </row>
    <row r="3223" spans="8:19" x14ac:dyDescent="0.3">
      <c r="H3223" s="44">
        <v>3216</v>
      </c>
      <c r="I3223" s="56">
        <f>Bühler!I3249</f>
        <v>0.22424998732597259</v>
      </c>
      <c r="J3223" s="59">
        <f>Bühler!J3249</f>
        <v>0.74749995775324207</v>
      </c>
      <c r="K3223" s="59">
        <f>Bühler!K3249</f>
        <v>1.1212499366298629</v>
      </c>
      <c r="L3223" s="59">
        <f>Bühler!L3249</f>
        <v>5.3819996958233425</v>
      </c>
      <c r="M3223" s="58">
        <f>Bühler!M3249</f>
        <v>0</v>
      </c>
      <c r="N3223" s="56">
        <f>IF(Input!$D$19=1,J3223*Input!$C$19,0)+IF(Input!$D$20=1,K3223*Input!$C$20,0)+IF(Input!$D$21=1,L3223*Input!$C$21,0)+IF(Input!$D$22=1,M3223*Input!$C$22,0)</f>
        <v>0.22424998732597262</v>
      </c>
      <c r="O3223" s="59">
        <f>IF(Input!$D$19=2,J3223*Input!$C$19,0)+IF(Input!$D$20=2,K3223*Input!$C$20,0)+IF(Input!$D$21=2,L3223*Input!$C$21,0)+IF(Input!$D$22=2,M3223*Input!$C$22,0)</f>
        <v>0.56062496831493147</v>
      </c>
      <c r="P3223" s="59">
        <f>IF(Input!$D$19=3,J3223*Input!$C$19,0)+IF(Input!$D$20=3,K3223*Input!$C$20,0)+IF(Input!$D$21=3,L3223*Input!$C$21,0)+IF(Input!$D$22=3,M3223*Input!$C$22,0)</f>
        <v>0</v>
      </c>
      <c r="Q3223" s="75">
        <f>IF(Input!$D$19=4,J3223*Input!$C$19,0)+IF(Input!$D$20=4,K3223*Input!$C$20,0)+IF(Input!$D$21=4,L3223*Input!$C$21,0)+IF(Input!$D$22=4,M3223*Input!$C$22,0)</f>
        <v>0</v>
      </c>
      <c r="R3223" s="58">
        <v>60.604376390073845</v>
      </c>
      <c r="S3223" s="124">
        <f t="shared" si="50"/>
        <v>0.97174994507921464</v>
      </c>
    </row>
    <row r="3224" spans="8:19" x14ac:dyDescent="0.3">
      <c r="H3224" s="44">
        <v>3217</v>
      </c>
      <c r="I3224" s="56">
        <f>Bühler!I3250</f>
        <v>0.21191097204234738</v>
      </c>
      <c r="J3224" s="59">
        <f>Bühler!J3250</f>
        <v>0.70636990680782463</v>
      </c>
      <c r="K3224" s="59">
        <f>Bühler!K3250</f>
        <v>1.0595548602117368</v>
      </c>
      <c r="L3224" s="59">
        <f>Bühler!L3250</f>
        <v>5.0858633290163366</v>
      </c>
      <c r="M3224" s="58">
        <f>Bühler!M3250</f>
        <v>0</v>
      </c>
      <c r="N3224" s="56">
        <f>IF(Input!$D$19=1,J3224*Input!$C$19,0)+IF(Input!$D$20=1,K3224*Input!$C$20,0)+IF(Input!$D$21=1,L3224*Input!$C$21,0)+IF(Input!$D$22=1,M3224*Input!$C$22,0)</f>
        <v>0.21191097204234738</v>
      </c>
      <c r="O3224" s="59">
        <f>IF(Input!$D$19=2,J3224*Input!$C$19,0)+IF(Input!$D$20=2,K3224*Input!$C$20,0)+IF(Input!$D$21=2,L3224*Input!$C$21,0)+IF(Input!$D$22=2,M3224*Input!$C$22,0)</f>
        <v>0.52977743010586842</v>
      </c>
      <c r="P3224" s="59">
        <f>IF(Input!$D$19=3,J3224*Input!$C$19,0)+IF(Input!$D$20=3,K3224*Input!$C$20,0)+IF(Input!$D$21=3,L3224*Input!$C$21,0)+IF(Input!$D$22=3,M3224*Input!$C$22,0)</f>
        <v>0</v>
      </c>
      <c r="Q3224" s="75">
        <f>IF(Input!$D$19=4,J3224*Input!$C$19,0)+IF(Input!$D$20=4,K3224*Input!$C$20,0)+IF(Input!$D$21=4,L3224*Input!$C$21,0)+IF(Input!$D$22=4,M3224*Input!$C$22,0)</f>
        <v>0</v>
      </c>
      <c r="R3224" s="58">
        <v>59.530593210424556</v>
      </c>
      <c r="S3224" s="124">
        <f t="shared" si="50"/>
        <v>0.91828087885017196</v>
      </c>
    </row>
    <row r="3225" spans="8:19" x14ac:dyDescent="0.3">
      <c r="H3225" s="44">
        <v>3218</v>
      </c>
      <c r="I3225" s="56">
        <f>Bühler!I3251</f>
        <v>0.21191097204234738</v>
      </c>
      <c r="J3225" s="59">
        <f>Bühler!J3251</f>
        <v>0.70636990680782463</v>
      </c>
      <c r="K3225" s="59">
        <f>Bühler!K3251</f>
        <v>1.0595548602117368</v>
      </c>
      <c r="L3225" s="59">
        <f>Bühler!L3251</f>
        <v>5.0858633290163366</v>
      </c>
      <c r="M3225" s="58">
        <f>Bühler!M3251</f>
        <v>0</v>
      </c>
      <c r="N3225" s="56">
        <f>IF(Input!$D$19=1,J3225*Input!$C$19,0)+IF(Input!$D$20=1,K3225*Input!$C$20,0)+IF(Input!$D$21=1,L3225*Input!$C$21,0)+IF(Input!$D$22=1,M3225*Input!$C$22,0)</f>
        <v>0.21191097204234738</v>
      </c>
      <c r="O3225" s="59">
        <f>IF(Input!$D$19=2,J3225*Input!$C$19,0)+IF(Input!$D$20=2,K3225*Input!$C$20,0)+IF(Input!$D$21=2,L3225*Input!$C$21,0)+IF(Input!$D$22=2,M3225*Input!$C$22,0)</f>
        <v>0.52977743010586842</v>
      </c>
      <c r="P3225" s="59">
        <f>IF(Input!$D$19=3,J3225*Input!$C$19,0)+IF(Input!$D$20=3,K3225*Input!$C$20,0)+IF(Input!$D$21=3,L3225*Input!$C$21,0)+IF(Input!$D$22=3,M3225*Input!$C$22,0)</f>
        <v>0</v>
      </c>
      <c r="Q3225" s="75">
        <f>IF(Input!$D$19=4,J3225*Input!$C$19,0)+IF(Input!$D$20=4,K3225*Input!$C$20,0)+IF(Input!$D$21=4,L3225*Input!$C$21,0)+IF(Input!$D$22=4,M3225*Input!$C$22,0)</f>
        <v>0</v>
      </c>
      <c r="R3225" s="58">
        <v>59.211201379473408</v>
      </c>
      <c r="S3225" s="124">
        <f t="shared" si="50"/>
        <v>0.91828087885017196</v>
      </c>
    </row>
    <row r="3226" spans="8:19" x14ac:dyDescent="0.3">
      <c r="H3226" s="44">
        <v>3219</v>
      </c>
      <c r="I3226" s="56">
        <f>Bühler!I3252</f>
        <v>0.21191097204234738</v>
      </c>
      <c r="J3226" s="59">
        <f>Bühler!J3252</f>
        <v>0.70636990680782463</v>
      </c>
      <c r="K3226" s="59">
        <f>Bühler!K3252</f>
        <v>1.0595548602117368</v>
      </c>
      <c r="L3226" s="59">
        <f>Bühler!L3252</f>
        <v>5.0858633290163366</v>
      </c>
      <c r="M3226" s="58">
        <f>Bühler!M3252</f>
        <v>0</v>
      </c>
      <c r="N3226" s="56">
        <f>IF(Input!$D$19=1,J3226*Input!$C$19,0)+IF(Input!$D$20=1,K3226*Input!$C$20,0)+IF(Input!$D$21=1,L3226*Input!$C$21,0)+IF(Input!$D$22=1,M3226*Input!$C$22,0)</f>
        <v>0.21191097204234738</v>
      </c>
      <c r="O3226" s="59">
        <f>IF(Input!$D$19=2,J3226*Input!$C$19,0)+IF(Input!$D$20=2,K3226*Input!$C$20,0)+IF(Input!$D$21=2,L3226*Input!$C$21,0)+IF(Input!$D$22=2,M3226*Input!$C$22,0)</f>
        <v>0.52977743010586842</v>
      </c>
      <c r="P3226" s="59">
        <f>IF(Input!$D$19=3,J3226*Input!$C$19,0)+IF(Input!$D$20=3,K3226*Input!$C$20,0)+IF(Input!$D$21=3,L3226*Input!$C$21,0)+IF(Input!$D$22=3,M3226*Input!$C$22,0)</f>
        <v>0</v>
      </c>
      <c r="Q3226" s="75">
        <f>IF(Input!$D$19=4,J3226*Input!$C$19,0)+IF(Input!$D$20=4,K3226*Input!$C$20,0)+IF(Input!$D$21=4,L3226*Input!$C$21,0)+IF(Input!$D$22=4,M3226*Input!$C$22,0)</f>
        <v>0</v>
      </c>
      <c r="R3226" s="58">
        <v>59.258934164918578</v>
      </c>
      <c r="S3226" s="124">
        <f t="shared" si="50"/>
        <v>0.91828087885017196</v>
      </c>
    </row>
    <row r="3227" spans="8:19" x14ac:dyDescent="0.3">
      <c r="H3227" s="44">
        <v>3220</v>
      </c>
      <c r="I3227" s="56">
        <f>Bühler!I3253</f>
        <v>0.21191097204234738</v>
      </c>
      <c r="J3227" s="59">
        <f>Bühler!J3253</f>
        <v>0.70636990680782463</v>
      </c>
      <c r="K3227" s="59">
        <f>Bühler!K3253</f>
        <v>1.0595548602117368</v>
      </c>
      <c r="L3227" s="59">
        <f>Bühler!L3253</f>
        <v>5.0858633290163366</v>
      </c>
      <c r="M3227" s="58">
        <f>Bühler!M3253</f>
        <v>0</v>
      </c>
      <c r="N3227" s="56">
        <f>IF(Input!$D$19=1,J3227*Input!$C$19,0)+IF(Input!$D$20=1,K3227*Input!$C$20,0)+IF(Input!$D$21=1,L3227*Input!$C$21,0)+IF(Input!$D$22=1,M3227*Input!$C$22,0)</f>
        <v>0.21191097204234738</v>
      </c>
      <c r="O3227" s="59">
        <f>IF(Input!$D$19=2,J3227*Input!$C$19,0)+IF(Input!$D$20=2,K3227*Input!$C$20,0)+IF(Input!$D$21=2,L3227*Input!$C$21,0)+IF(Input!$D$22=2,M3227*Input!$C$22,0)</f>
        <v>0.52977743010586842</v>
      </c>
      <c r="P3227" s="59">
        <f>IF(Input!$D$19=3,J3227*Input!$C$19,0)+IF(Input!$D$20=3,K3227*Input!$C$20,0)+IF(Input!$D$21=3,L3227*Input!$C$21,0)+IF(Input!$D$22=3,M3227*Input!$C$22,0)</f>
        <v>0</v>
      </c>
      <c r="Q3227" s="75">
        <f>IF(Input!$D$19=4,J3227*Input!$C$19,0)+IF(Input!$D$20=4,K3227*Input!$C$20,0)+IF(Input!$D$21=4,L3227*Input!$C$21,0)+IF(Input!$D$22=4,M3227*Input!$C$22,0)</f>
        <v>0</v>
      </c>
      <c r="R3227" s="58">
        <v>60.003091691031564</v>
      </c>
      <c r="S3227" s="124">
        <f t="shared" si="50"/>
        <v>0.91828087885017196</v>
      </c>
    </row>
    <row r="3228" spans="8:19" x14ac:dyDescent="0.3">
      <c r="H3228" s="44">
        <v>3221</v>
      </c>
      <c r="I3228" s="56">
        <f>Bühler!I3254</f>
        <v>0.21191097204234738</v>
      </c>
      <c r="J3228" s="59">
        <f>Bühler!J3254</f>
        <v>0.70636990680782463</v>
      </c>
      <c r="K3228" s="59">
        <f>Bühler!K3254</f>
        <v>1.0595548602117368</v>
      </c>
      <c r="L3228" s="59">
        <f>Bühler!L3254</f>
        <v>5.0858633290163366</v>
      </c>
      <c r="M3228" s="58">
        <f>Bühler!M3254</f>
        <v>0</v>
      </c>
      <c r="N3228" s="56">
        <f>IF(Input!$D$19=1,J3228*Input!$C$19,0)+IF(Input!$D$20=1,K3228*Input!$C$20,0)+IF(Input!$D$21=1,L3228*Input!$C$21,0)+IF(Input!$D$22=1,M3228*Input!$C$22,0)</f>
        <v>0.21191097204234738</v>
      </c>
      <c r="O3228" s="59">
        <f>IF(Input!$D$19=2,J3228*Input!$C$19,0)+IF(Input!$D$20=2,K3228*Input!$C$20,0)+IF(Input!$D$21=2,L3228*Input!$C$21,0)+IF(Input!$D$22=2,M3228*Input!$C$22,0)</f>
        <v>0.52977743010586842</v>
      </c>
      <c r="P3228" s="59">
        <f>IF(Input!$D$19=3,J3228*Input!$C$19,0)+IF(Input!$D$20=3,K3228*Input!$C$20,0)+IF(Input!$D$21=3,L3228*Input!$C$21,0)+IF(Input!$D$22=3,M3228*Input!$C$22,0)</f>
        <v>0</v>
      </c>
      <c r="Q3228" s="75">
        <f>IF(Input!$D$19=4,J3228*Input!$C$19,0)+IF(Input!$D$20=4,K3228*Input!$C$20,0)+IF(Input!$D$21=4,L3228*Input!$C$21,0)+IF(Input!$D$22=4,M3228*Input!$C$22,0)</f>
        <v>0</v>
      </c>
      <c r="R3228" s="58">
        <v>61.658908506086163</v>
      </c>
      <c r="S3228" s="124">
        <f t="shared" si="50"/>
        <v>0.91828087885017196</v>
      </c>
    </row>
    <row r="3229" spans="8:19" x14ac:dyDescent="0.3">
      <c r="H3229" s="44">
        <v>3222</v>
      </c>
      <c r="I3229" s="56">
        <f>Bühler!I3255</f>
        <v>0.27548426365505158</v>
      </c>
      <c r="J3229" s="59">
        <f>Bühler!J3255</f>
        <v>0.91828087885017196</v>
      </c>
      <c r="K3229" s="59">
        <f>Bühler!K3255</f>
        <v>1.3774213182752577</v>
      </c>
      <c r="L3229" s="59">
        <f>Bühler!L3255</f>
        <v>6.6116223277212374</v>
      </c>
      <c r="M3229" s="58">
        <f>Bühler!M3255</f>
        <v>0</v>
      </c>
      <c r="N3229" s="56">
        <f>IF(Input!$D$19=1,J3229*Input!$C$19,0)+IF(Input!$D$20=1,K3229*Input!$C$20,0)+IF(Input!$D$21=1,L3229*Input!$C$21,0)+IF(Input!$D$22=1,M3229*Input!$C$22,0)</f>
        <v>0.27548426365505158</v>
      </c>
      <c r="O3229" s="59">
        <f>IF(Input!$D$19=2,J3229*Input!$C$19,0)+IF(Input!$D$20=2,K3229*Input!$C$20,0)+IF(Input!$D$21=2,L3229*Input!$C$21,0)+IF(Input!$D$22=2,M3229*Input!$C$22,0)</f>
        <v>0.68871065913762886</v>
      </c>
      <c r="P3229" s="59">
        <f>IF(Input!$D$19=3,J3229*Input!$C$19,0)+IF(Input!$D$20=3,K3229*Input!$C$20,0)+IF(Input!$D$21=3,L3229*Input!$C$21,0)+IF(Input!$D$22=3,M3229*Input!$C$22,0)</f>
        <v>0</v>
      </c>
      <c r="Q3229" s="75">
        <f>IF(Input!$D$19=4,J3229*Input!$C$19,0)+IF(Input!$D$20=4,K3229*Input!$C$20,0)+IF(Input!$D$21=4,L3229*Input!$C$21,0)+IF(Input!$D$22=4,M3229*Input!$C$22,0)</f>
        <v>0</v>
      </c>
      <c r="R3229" s="58">
        <v>65.509497071993977</v>
      </c>
      <c r="S3229" s="124">
        <f t="shared" si="50"/>
        <v>1.1937651425052236</v>
      </c>
    </row>
    <row r="3230" spans="8:19" x14ac:dyDescent="0.3">
      <c r="H3230" s="44">
        <v>3223</v>
      </c>
      <c r="I3230" s="56">
        <f>Bühler!I3256</f>
        <v>0.30727090946140367</v>
      </c>
      <c r="J3230" s="59">
        <f>Bühler!J3256</f>
        <v>1.0242363648713455</v>
      </c>
      <c r="K3230" s="59">
        <f>Bühler!K3256</f>
        <v>1.5363545473070184</v>
      </c>
      <c r="L3230" s="59">
        <f>Bühler!L3256</f>
        <v>7.3745018270736873</v>
      </c>
      <c r="M3230" s="58">
        <f>Bühler!M3256</f>
        <v>0</v>
      </c>
      <c r="N3230" s="56">
        <f>IF(Input!$D$19=1,J3230*Input!$C$19,0)+IF(Input!$D$20=1,K3230*Input!$C$20,0)+IF(Input!$D$21=1,L3230*Input!$C$21,0)+IF(Input!$D$22=1,M3230*Input!$C$22,0)</f>
        <v>0.30727090946140362</v>
      </c>
      <c r="O3230" s="59">
        <f>IF(Input!$D$19=2,J3230*Input!$C$19,0)+IF(Input!$D$20=2,K3230*Input!$C$20,0)+IF(Input!$D$21=2,L3230*Input!$C$21,0)+IF(Input!$D$22=2,M3230*Input!$C$22,0)</f>
        <v>0.76817727365350919</v>
      </c>
      <c r="P3230" s="59">
        <f>IF(Input!$D$19=3,J3230*Input!$C$19,0)+IF(Input!$D$20=3,K3230*Input!$C$20,0)+IF(Input!$D$21=3,L3230*Input!$C$21,0)+IF(Input!$D$22=3,M3230*Input!$C$22,0)</f>
        <v>0</v>
      </c>
      <c r="Q3230" s="75">
        <f>IF(Input!$D$19=4,J3230*Input!$C$19,0)+IF(Input!$D$20=4,K3230*Input!$C$20,0)+IF(Input!$D$21=4,L3230*Input!$C$21,0)+IF(Input!$D$22=4,M3230*Input!$C$22,0)</f>
        <v>0</v>
      </c>
      <c r="R3230" s="58">
        <v>68.595237556448268</v>
      </c>
      <c r="S3230" s="124">
        <f t="shared" si="50"/>
        <v>1.3315072743327492</v>
      </c>
    </row>
    <row r="3231" spans="8:19" x14ac:dyDescent="0.3">
      <c r="H3231" s="44">
        <v>3224</v>
      </c>
      <c r="I3231" s="56">
        <f>Bühler!I3257</f>
        <v>0.31786645806352104</v>
      </c>
      <c r="J3231" s="59">
        <f>Bühler!J3257</f>
        <v>1.0595548602117368</v>
      </c>
      <c r="K3231" s="59">
        <f>Bühler!K3257</f>
        <v>1.5893322903176053</v>
      </c>
      <c r="L3231" s="59">
        <f>Bühler!L3257</f>
        <v>7.6287949935245045</v>
      </c>
      <c r="M3231" s="58">
        <f>Bühler!M3257</f>
        <v>0</v>
      </c>
      <c r="N3231" s="56">
        <f>IF(Input!$D$19=1,J3231*Input!$C$19,0)+IF(Input!$D$20=1,K3231*Input!$C$20,0)+IF(Input!$D$21=1,L3231*Input!$C$21,0)+IF(Input!$D$22=1,M3231*Input!$C$22,0)</f>
        <v>0.31786645806352104</v>
      </c>
      <c r="O3231" s="59">
        <f>IF(Input!$D$19=2,J3231*Input!$C$19,0)+IF(Input!$D$20=2,K3231*Input!$C$20,0)+IF(Input!$D$21=2,L3231*Input!$C$21,0)+IF(Input!$D$22=2,M3231*Input!$C$22,0)</f>
        <v>0.79466614515880263</v>
      </c>
      <c r="P3231" s="59">
        <f>IF(Input!$D$19=3,J3231*Input!$C$19,0)+IF(Input!$D$20=3,K3231*Input!$C$20,0)+IF(Input!$D$21=3,L3231*Input!$C$21,0)+IF(Input!$D$22=3,M3231*Input!$C$22,0)</f>
        <v>0</v>
      </c>
      <c r="Q3231" s="75">
        <f>IF(Input!$D$19=4,J3231*Input!$C$19,0)+IF(Input!$D$20=4,K3231*Input!$C$20,0)+IF(Input!$D$21=4,L3231*Input!$C$21,0)+IF(Input!$D$22=4,M3231*Input!$C$22,0)</f>
        <v>0</v>
      </c>
      <c r="R3231" s="58">
        <v>70.696655469484938</v>
      </c>
      <c r="S3231" s="124">
        <f t="shared" si="50"/>
        <v>1.3774213182752579</v>
      </c>
    </row>
    <row r="3232" spans="8:19" x14ac:dyDescent="0.3">
      <c r="H3232" s="44">
        <v>3225</v>
      </c>
      <c r="I3232" s="56">
        <f>Bühler!I3258</f>
        <v>0.31786645806352104</v>
      </c>
      <c r="J3232" s="59">
        <f>Bühler!J3258</f>
        <v>1.0595548602117368</v>
      </c>
      <c r="K3232" s="59">
        <f>Bühler!K3258</f>
        <v>1.5893322903176053</v>
      </c>
      <c r="L3232" s="59">
        <f>Bühler!L3258</f>
        <v>7.6287949935245045</v>
      </c>
      <c r="M3232" s="58">
        <f>Bühler!M3258</f>
        <v>0</v>
      </c>
      <c r="N3232" s="56">
        <f>IF(Input!$D$19=1,J3232*Input!$C$19,0)+IF(Input!$D$20=1,K3232*Input!$C$20,0)+IF(Input!$D$21=1,L3232*Input!$C$21,0)+IF(Input!$D$22=1,M3232*Input!$C$22,0)</f>
        <v>0.31786645806352104</v>
      </c>
      <c r="O3232" s="59">
        <f>IF(Input!$D$19=2,J3232*Input!$C$19,0)+IF(Input!$D$20=2,K3232*Input!$C$20,0)+IF(Input!$D$21=2,L3232*Input!$C$21,0)+IF(Input!$D$22=2,M3232*Input!$C$22,0)</f>
        <v>0.79466614515880263</v>
      </c>
      <c r="P3232" s="59">
        <f>IF(Input!$D$19=3,J3232*Input!$C$19,0)+IF(Input!$D$20=3,K3232*Input!$C$20,0)+IF(Input!$D$21=3,L3232*Input!$C$21,0)+IF(Input!$D$22=3,M3232*Input!$C$22,0)</f>
        <v>0</v>
      </c>
      <c r="Q3232" s="75">
        <f>IF(Input!$D$19=4,J3232*Input!$C$19,0)+IF(Input!$D$20=4,K3232*Input!$C$20,0)+IF(Input!$D$21=4,L3232*Input!$C$21,0)+IF(Input!$D$22=4,M3232*Input!$C$22,0)</f>
        <v>0</v>
      </c>
      <c r="R3232" s="58">
        <v>71.339911299774883</v>
      </c>
      <c r="S3232" s="124">
        <f t="shared" si="50"/>
        <v>1.3774213182752579</v>
      </c>
    </row>
    <row r="3233" spans="8:19" x14ac:dyDescent="0.3">
      <c r="H3233" s="44">
        <v>3226</v>
      </c>
      <c r="I3233" s="56">
        <f>Bühler!I3259</f>
        <v>0.34435532956881448</v>
      </c>
      <c r="J3233" s="59">
        <f>Bühler!J3259</f>
        <v>1.1478510985627151</v>
      </c>
      <c r="K3233" s="59">
        <f>Bühler!K3259</f>
        <v>1.7217766478440724</v>
      </c>
      <c r="L3233" s="59">
        <f>Bühler!L3259</f>
        <v>8.264527909651548</v>
      </c>
      <c r="M3233" s="58">
        <f>Bühler!M3259</f>
        <v>0</v>
      </c>
      <c r="N3233" s="56">
        <f>IF(Input!$D$19=1,J3233*Input!$C$19,0)+IF(Input!$D$20=1,K3233*Input!$C$20,0)+IF(Input!$D$21=1,L3233*Input!$C$21,0)+IF(Input!$D$22=1,M3233*Input!$C$22,0)</f>
        <v>0.34435532956881448</v>
      </c>
      <c r="O3233" s="59">
        <f>IF(Input!$D$19=2,J3233*Input!$C$19,0)+IF(Input!$D$20=2,K3233*Input!$C$20,0)+IF(Input!$D$21=2,L3233*Input!$C$21,0)+IF(Input!$D$22=2,M3233*Input!$C$22,0)</f>
        <v>0.86088832392203618</v>
      </c>
      <c r="P3233" s="59">
        <f>IF(Input!$D$19=3,J3233*Input!$C$19,0)+IF(Input!$D$20=3,K3233*Input!$C$20,0)+IF(Input!$D$21=3,L3233*Input!$C$21,0)+IF(Input!$D$22=3,M3233*Input!$C$22,0)</f>
        <v>0</v>
      </c>
      <c r="Q3233" s="75">
        <f>IF(Input!$D$19=4,J3233*Input!$C$19,0)+IF(Input!$D$20=4,K3233*Input!$C$20,0)+IF(Input!$D$21=4,L3233*Input!$C$21,0)+IF(Input!$D$22=4,M3233*Input!$C$22,0)</f>
        <v>0</v>
      </c>
      <c r="R3233" s="58">
        <v>71.747388560711968</v>
      </c>
      <c r="S3233" s="124">
        <f t="shared" si="50"/>
        <v>1.4922064281315295</v>
      </c>
    </row>
    <row r="3234" spans="8:19" x14ac:dyDescent="0.3">
      <c r="H3234" s="44">
        <v>3227</v>
      </c>
      <c r="I3234" s="56">
        <f>Bühler!I3260</f>
        <v>0.36024865247199045</v>
      </c>
      <c r="J3234" s="59">
        <f>Bühler!J3260</f>
        <v>1.2008288415733017</v>
      </c>
      <c r="K3234" s="59">
        <f>Bühler!K3260</f>
        <v>1.8012432623599524</v>
      </c>
      <c r="L3234" s="59">
        <f>Bühler!L3260</f>
        <v>8.6459676593277717</v>
      </c>
      <c r="M3234" s="58">
        <f>Bühler!M3260</f>
        <v>0</v>
      </c>
      <c r="N3234" s="56">
        <f>IF(Input!$D$19=1,J3234*Input!$C$19,0)+IF(Input!$D$20=1,K3234*Input!$C$20,0)+IF(Input!$D$21=1,L3234*Input!$C$21,0)+IF(Input!$D$22=1,M3234*Input!$C$22,0)</f>
        <v>0.3602486524719905</v>
      </c>
      <c r="O3234" s="59">
        <f>IF(Input!$D$19=2,J3234*Input!$C$19,0)+IF(Input!$D$20=2,K3234*Input!$C$20,0)+IF(Input!$D$21=2,L3234*Input!$C$21,0)+IF(Input!$D$22=2,M3234*Input!$C$22,0)</f>
        <v>0.90062163117997618</v>
      </c>
      <c r="P3234" s="59">
        <f>IF(Input!$D$19=3,J3234*Input!$C$19,0)+IF(Input!$D$20=3,K3234*Input!$C$20,0)+IF(Input!$D$21=3,L3234*Input!$C$21,0)+IF(Input!$D$22=3,M3234*Input!$C$22,0)</f>
        <v>0</v>
      </c>
      <c r="Q3234" s="75">
        <f>IF(Input!$D$19=4,J3234*Input!$C$19,0)+IF(Input!$D$20=4,K3234*Input!$C$20,0)+IF(Input!$D$21=4,L3234*Input!$C$21,0)+IF(Input!$D$22=4,M3234*Input!$C$22,0)</f>
        <v>0</v>
      </c>
      <c r="R3234" s="58">
        <v>72.595127353146964</v>
      </c>
      <c r="S3234" s="124">
        <f t="shared" si="50"/>
        <v>1.5610774940452923</v>
      </c>
    </row>
    <row r="3235" spans="8:19" x14ac:dyDescent="0.3">
      <c r="H3235" s="44">
        <v>3228</v>
      </c>
      <c r="I3235" s="56">
        <f>Bühler!I3261</f>
        <v>0.42382194408469476</v>
      </c>
      <c r="J3235" s="59">
        <f>Bühler!J3261</f>
        <v>1.4127398136156493</v>
      </c>
      <c r="K3235" s="59">
        <f>Bühler!K3261</f>
        <v>2.1191097204234737</v>
      </c>
      <c r="L3235" s="59">
        <f>Bühler!L3261</f>
        <v>10.171726658032673</v>
      </c>
      <c r="M3235" s="58">
        <f>Bühler!M3261</f>
        <v>0</v>
      </c>
      <c r="N3235" s="56">
        <f>IF(Input!$D$19=1,J3235*Input!$C$19,0)+IF(Input!$D$20=1,K3235*Input!$C$20,0)+IF(Input!$D$21=1,L3235*Input!$C$21,0)+IF(Input!$D$22=1,M3235*Input!$C$22,0)</f>
        <v>0.42382194408469476</v>
      </c>
      <c r="O3235" s="59">
        <f>IF(Input!$D$19=2,J3235*Input!$C$19,0)+IF(Input!$D$20=2,K3235*Input!$C$20,0)+IF(Input!$D$21=2,L3235*Input!$C$21,0)+IF(Input!$D$22=2,M3235*Input!$C$22,0)</f>
        <v>1.0595548602117368</v>
      </c>
      <c r="P3235" s="59">
        <f>IF(Input!$D$19=3,J3235*Input!$C$19,0)+IF(Input!$D$20=3,K3235*Input!$C$20,0)+IF(Input!$D$21=3,L3235*Input!$C$21,0)+IF(Input!$D$22=3,M3235*Input!$C$22,0)</f>
        <v>0</v>
      </c>
      <c r="Q3235" s="75">
        <f>IF(Input!$D$19=4,J3235*Input!$C$19,0)+IF(Input!$D$20=4,K3235*Input!$C$20,0)+IF(Input!$D$21=4,L3235*Input!$C$21,0)+IF(Input!$D$22=4,M3235*Input!$C$22,0)</f>
        <v>0</v>
      </c>
      <c r="R3235" s="58">
        <v>73.076479260838241</v>
      </c>
      <c r="S3235" s="124">
        <f t="shared" si="50"/>
        <v>1.8365617577003439</v>
      </c>
    </row>
    <row r="3236" spans="8:19" x14ac:dyDescent="0.3">
      <c r="H3236" s="44">
        <v>3229</v>
      </c>
      <c r="I3236" s="56">
        <f>Bühler!I3262</f>
        <v>0.42382194408469476</v>
      </c>
      <c r="J3236" s="59">
        <f>Bühler!J3262</f>
        <v>1.4127398136156493</v>
      </c>
      <c r="K3236" s="59">
        <f>Bühler!K3262</f>
        <v>2.1191097204234737</v>
      </c>
      <c r="L3236" s="59">
        <f>Bühler!L3262</f>
        <v>10.171726658032673</v>
      </c>
      <c r="M3236" s="58">
        <f>Bühler!M3262</f>
        <v>0</v>
      </c>
      <c r="N3236" s="56">
        <f>IF(Input!$D$19=1,J3236*Input!$C$19,0)+IF(Input!$D$20=1,K3236*Input!$C$20,0)+IF(Input!$D$21=1,L3236*Input!$C$21,0)+IF(Input!$D$22=1,M3236*Input!$C$22,0)</f>
        <v>0.42382194408469476</v>
      </c>
      <c r="O3236" s="59">
        <f>IF(Input!$D$19=2,J3236*Input!$C$19,0)+IF(Input!$D$20=2,K3236*Input!$C$20,0)+IF(Input!$D$21=2,L3236*Input!$C$21,0)+IF(Input!$D$22=2,M3236*Input!$C$22,0)</f>
        <v>1.0595548602117368</v>
      </c>
      <c r="P3236" s="59">
        <f>IF(Input!$D$19=3,J3236*Input!$C$19,0)+IF(Input!$D$20=3,K3236*Input!$C$20,0)+IF(Input!$D$21=3,L3236*Input!$C$21,0)+IF(Input!$D$22=3,M3236*Input!$C$22,0)</f>
        <v>0</v>
      </c>
      <c r="Q3236" s="75">
        <f>IF(Input!$D$19=4,J3236*Input!$C$19,0)+IF(Input!$D$20=4,K3236*Input!$C$20,0)+IF(Input!$D$21=4,L3236*Input!$C$21,0)+IF(Input!$D$22=4,M3236*Input!$C$22,0)</f>
        <v>0</v>
      </c>
      <c r="R3236" s="58">
        <v>72.460296120793217</v>
      </c>
      <c r="S3236" s="124">
        <f t="shared" si="50"/>
        <v>1.8365617577003439</v>
      </c>
    </row>
    <row r="3237" spans="8:19" x14ac:dyDescent="0.3">
      <c r="H3237" s="44">
        <v>3230</v>
      </c>
      <c r="I3237" s="56">
        <f>Bühler!I3263</f>
        <v>0.42382194408469476</v>
      </c>
      <c r="J3237" s="59">
        <f>Bühler!J3263</f>
        <v>1.4127398136156493</v>
      </c>
      <c r="K3237" s="59">
        <f>Bühler!K3263</f>
        <v>2.1191097204234737</v>
      </c>
      <c r="L3237" s="59">
        <f>Bühler!L3263</f>
        <v>10.171726658032673</v>
      </c>
      <c r="M3237" s="58">
        <f>Bühler!M3263</f>
        <v>0</v>
      </c>
      <c r="N3237" s="56">
        <f>IF(Input!$D$19=1,J3237*Input!$C$19,0)+IF(Input!$D$20=1,K3237*Input!$C$20,0)+IF(Input!$D$21=1,L3237*Input!$C$21,0)+IF(Input!$D$22=1,M3237*Input!$C$22,0)</f>
        <v>0.42382194408469476</v>
      </c>
      <c r="O3237" s="59">
        <f>IF(Input!$D$19=2,J3237*Input!$C$19,0)+IF(Input!$D$20=2,K3237*Input!$C$20,0)+IF(Input!$D$21=2,L3237*Input!$C$21,0)+IF(Input!$D$22=2,M3237*Input!$C$22,0)</f>
        <v>1.0595548602117368</v>
      </c>
      <c r="P3237" s="59">
        <f>IF(Input!$D$19=3,J3237*Input!$C$19,0)+IF(Input!$D$20=3,K3237*Input!$C$20,0)+IF(Input!$D$21=3,L3237*Input!$C$21,0)+IF(Input!$D$22=3,M3237*Input!$C$22,0)</f>
        <v>0</v>
      </c>
      <c r="Q3237" s="75">
        <f>IF(Input!$D$19=4,J3237*Input!$C$19,0)+IF(Input!$D$20=4,K3237*Input!$C$20,0)+IF(Input!$D$21=4,L3237*Input!$C$21,0)+IF(Input!$D$22=4,M3237*Input!$C$22,0)</f>
        <v>0</v>
      </c>
      <c r="R3237" s="58">
        <v>71.940695044249921</v>
      </c>
      <c r="S3237" s="124">
        <f t="shared" si="50"/>
        <v>1.8365617577003439</v>
      </c>
    </row>
    <row r="3238" spans="8:19" x14ac:dyDescent="0.3">
      <c r="H3238" s="44">
        <v>3231</v>
      </c>
      <c r="I3238" s="56">
        <f>Bühler!I3264</f>
        <v>0.42382194408469476</v>
      </c>
      <c r="J3238" s="59">
        <f>Bühler!J3264</f>
        <v>1.4127398136156493</v>
      </c>
      <c r="K3238" s="59">
        <f>Bühler!K3264</f>
        <v>2.1191097204234737</v>
      </c>
      <c r="L3238" s="59">
        <f>Bühler!L3264</f>
        <v>10.171726658032673</v>
      </c>
      <c r="M3238" s="58">
        <f>Bühler!M3264</f>
        <v>0</v>
      </c>
      <c r="N3238" s="56">
        <f>IF(Input!$D$19=1,J3238*Input!$C$19,0)+IF(Input!$D$20=1,K3238*Input!$C$20,0)+IF(Input!$D$21=1,L3238*Input!$C$21,0)+IF(Input!$D$22=1,M3238*Input!$C$22,0)</f>
        <v>0.42382194408469476</v>
      </c>
      <c r="O3238" s="59">
        <f>IF(Input!$D$19=2,J3238*Input!$C$19,0)+IF(Input!$D$20=2,K3238*Input!$C$20,0)+IF(Input!$D$21=2,L3238*Input!$C$21,0)+IF(Input!$D$22=2,M3238*Input!$C$22,0)</f>
        <v>1.0595548602117368</v>
      </c>
      <c r="P3238" s="59">
        <f>IF(Input!$D$19=3,J3238*Input!$C$19,0)+IF(Input!$D$20=3,K3238*Input!$C$20,0)+IF(Input!$D$21=3,L3238*Input!$C$21,0)+IF(Input!$D$22=3,M3238*Input!$C$22,0)</f>
        <v>0</v>
      </c>
      <c r="Q3238" s="75">
        <f>IF(Input!$D$19=4,J3238*Input!$C$19,0)+IF(Input!$D$20=4,K3238*Input!$C$20,0)+IF(Input!$D$21=4,L3238*Input!$C$21,0)+IF(Input!$D$22=4,M3238*Input!$C$22,0)</f>
        <v>0</v>
      </c>
      <c r="R3238" s="58">
        <v>71.940079231613439</v>
      </c>
      <c r="S3238" s="124">
        <f t="shared" si="50"/>
        <v>1.8365617577003439</v>
      </c>
    </row>
    <row r="3239" spans="8:19" x14ac:dyDescent="0.3">
      <c r="H3239" s="44">
        <v>3232</v>
      </c>
      <c r="I3239" s="56">
        <f>Bühler!I3265</f>
        <v>0.42382194408469476</v>
      </c>
      <c r="J3239" s="59">
        <f>Bühler!J3265</f>
        <v>1.4127398136156493</v>
      </c>
      <c r="K3239" s="59">
        <f>Bühler!K3265</f>
        <v>2.1191097204234737</v>
      </c>
      <c r="L3239" s="59">
        <f>Bühler!L3265</f>
        <v>10.171726658032673</v>
      </c>
      <c r="M3239" s="58">
        <f>Bühler!M3265</f>
        <v>0</v>
      </c>
      <c r="N3239" s="56">
        <f>IF(Input!$D$19=1,J3239*Input!$C$19,0)+IF(Input!$D$20=1,K3239*Input!$C$20,0)+IF(Input!$D$21=1,L3239*Input!$C$21,0)+IF(Input!$D$22=1,M3239*Input!$C$22,0)</f>
        <v>0.42382194408469476</v>
      </c>
      <c r="O3239" s="59">
        <f>IF(Input!$D$19=2,J3239*Input!$C$19,0)+IF(Input!$D$20=2,K3239*Input!$C$20,0)+IF(Input!$D$21=2,L3239*Input!$C$21,0)+IF(Input!$D$22=2,M3239*Input!$C$22,0)</f>
        <v>1.0595548602117368</v>
      </c>
      <c r="P3239" s="59">
        <f>IF(Input!$D$19=3,J3239*Input!$C$19,0)+IF(Input!$D$20=3,K3239*Input!$C$20,0)+IF(Input!$D$21=3,L3239*Input!$C$21,0)+IF(Input!$D$22=3,M3239*Input!$C$22,0)</f>
        <v>0</v>
      </c>
      <c r="Q3239" s="75">
        <f>IF(Input!$D$19=4,J3239*Input!$C$19,0)+IF(Input!$D$20=4,K3239*Input!$C$20,0)+IF(Input!$D$21=4,L3239*Input!$C$21,0)+IF(Input!$D$22=4,M3239*Input!$C$22,0)</f>
        <v>0</v>
      </c>
      <c r="R3239" s="58">
        <v>72.036825874018618</v>
      </c>
      <c r="S3239" s="124">
        <f t="shared" si="50"/>
        <v>1.8365617577003439</v>
      </c>
    </row>
    <row r="3240" spans="8:19" x14ac:dyDescent="0.3">
      <c r="H3240" s="44">
        <v>3233</v>
      </c>
      <c r="I3240" s="56">
        <f>Bühler!I3266</f>
        <v>0.42382194408469476</v>
      </c>
      <c r="J3240" s="59">
        <f>Bühler!J3266</f>
        <v>1.4127398136156493</v>
      </c>
      <c r="K3240" s="59">
        <f>Bühler!K3266</f>
        <v>2.1191097204234737</v>
      </c>
      <c r="L3240" s="59">
        <f>Bühler!L3266</f>
        <v>10.171726658032673</v>
      </c>
      <c r="M3240" s="58">
        <f>Bühler!M3266</f>
        <v>0</v>
      </c>
      <c r="N3240" s="56">
        <f>IF(Input!$D$19=1,J3240*Input!$C$19,0)+IF(Input!$D$20=1,K3240*Input!$C$20,0)+IF(Input!$D$21=1,L3240*Input!$C$21,0)+IF(Input!$D$22=1,M3240*Input!$C$22,0)</f>
        <v>0.42382194408469476</v>
      </c>
      <c r="O3240" s="59">
        <f>IF(Input!$D$19=2,J3240*Input!$C$19,0)+IF(Input!$D$20=2,K3240*Input!$C$20,0)+IF(Input!$D$21=2,L3240*Input!$C$21,0)+IF(Input!$D$22=2,M3240*Input!$C$22,0)</f>
        <v>1.0595548602117368</v>
      </c>
      <c r="P3240" s="59">
        <f>IF(Input!$D$19=3,J3240*Input!$C$19,0)+IF(Input!$D$20=3,K3240*Input!$C$20,0)+IF(Input!$D$21=3,L3240*Input!$C$21,0)+IF(Input!$D$22=3,M3240*Input!$C$22,0)</f>
        <v>0</v>
      </c>
      <c r="Q3240" s="75">
        <f>IF(Input!$D$19=4,J3240*Input!$C$19,0)+IF(Input!$D$20=4,K3240*Input!$C$20,0)+IF(Input!$D$21=4,L3240*Input!$C$21,0)+IF(Input!$D$22=4,M3240*Input!$C$22,0)</f>
        <v>0</v>
      </c>
      <c r="R3240" s="58">
        <v>70.909675783272746</v>
      </c>
      <c r="S3240" s="124">
        <f t="shared" si="50"/>
        <v>1.8365617577003439</v>
      </c>
    </row>
    <row r="3241" spans="8:19" x14ac:dyDescent="0.3">
      <c r="H3241" s="44">
        <v>3234</v>
      </c>
      <c r="I3241" s="56">
        <f>Bühler!I3267</f>
        <v>0.42382194408469476</v>
      </c>
      <c r="J3241" s="59">
        <f>Bühler!J3267</f>
        <v>1.4127398136156493</v>
      </c>
      <c r="K3241" s="59">
        <f>Bühler!K3267</f>
        <v>2.1191097204234737</v>
      </c>
      <c r="L3241" s="59">
        <f>Bühler!L3267</f>
        <v>10.171726658032673</v>
      </c>
      <c r="M3241" s="58">
        <f>Bühler!M3267</f>
        <v>0</v>
      </c>
      <c r="N3241" s="56">
        <f>IF(Input!$D$19=1,J3241*Input!$C$19,0)+IF(Input!$D$20=1,K3241*Input!$C$20,0)+IF(Input!$D$21=1,L3241*Input!$C$21,0)+IF(Input!$D$22=1,M3241*Input!$C$22,0)</f>
        <v>0.42382194408469476</v>
      </c>
      <c r="O3241" s="59">
        <f>IF(Input!$D$19=2,J3241*Input!$C$19,0)+IF(Input!$D$20=2,K3241*Input!$C$20,0)+IF(Input!$D$21=2,L3241*Input!$C$21,0)+IF(Input!$D$22=2,M3241*Input!$C$22,0)</f>
        <v>1.0595548602117368</v>
      </c>
      <c r="P3241" s="59">
        <f>IF(Input!$D$19=3,J3241*Input!$C$19,0)+IF(Input!$D$20=3,K3241*Input!$C$20,0)+IF(Input!$D$21=3,L3241*Input!$C$21,0)+IF(Input!$D$22=3,M3241*Input!$C$22,0)</f>
        <v>0</v>
      </c>
      <c r="Q3241" s="75">
        <f>IF(Input!$D$19=4,J3241*Input!$C$19,0)+IF(Input!$D$20=4,K3241*Input!$C$20,0)+IF(Input!$D$21=4,L3241*Input!$C$21,0)+IF(Input!$D$22=4,M3241*Input!$C$22,0)</f>
        <v>0</v>
      </c>
      <c r="R3241" s="58">
        <v>69.028402816720018</v>
      </c>
      <c r="S3241" s="124">
        <f t="shared" si="50"/>
        <v>1.8365617577003439</v>
      </c>
    </row>
    <row r="3242" spans="8:19" x14ac:dyDescent="0.3">
      <c r="H3242" s="44">
        <v>3235</v>
      </c>
      <c r="I3242" s="56">
        <f>Bühler!I3268</f>
        <v>0.42382194408469476</v>
      </c>
      <c r="J3242" s="59">
        <f>Bühler!J3268</f>
        <v>1.4127398136156493</v>
      </c>
      <c r="K3242" s="59">
        <f>Bühler!K3268</f>
        <v>2.1191097204234737</v>
      </c>
      <c r="L3242" s="59">
        <f>Bühler!L3268</f>
        <v>10.171726658032673</v>
      </c>
      <c r="M3242" s="58">
        <f>Bühler!M3268</f>
        <v>0</v>
      </c>
      <c r="N3242" s="56">
        <f>IF(Input!$D$19=1,J3242*Input!$C$19,0)+IF(Input!$D$20=1,K3242*Input!$C$20,0)+IF(Input!$D$21=1,L3242*Input!$C$21,0)+IF(Input!$D$22=1,M3242*Input!$C$22,0)</f>
        <v>0.42382194408469476</v>
      </c>
      <c r="O3242" s="59">
        <f>IF(Input!$D$19=2,J3242*Input!$C$19,0)+IF(Input!$D$20=2,K3242*Input!$C$20,0)+IF(Input!$D$21=2,L3242*Input!$C$21,0)+IF(Input!$D$22=2,M3242*Input!$C$22,0)</f>
        <v>1.0595548602117368</v>
      </c>
      <c r="P3242" s="59">
        <f>IF(Input!$D$19=3,J3242*Input!$C$19,0)+IF(Input!$D$20=3,K3242*Input!$C$20,0)+IF(Input!$D$21=3,L3242*Input!$C$21,0)+IF(Input!$D$22=3,M3242*Input!$C$22,0)</f>
        <v>0</v>
      </c>
      <c r="Q3242" s="75">
        <f>IF(Input!$D$19=4,J3242*Input!$C$19,0)+IF(Input!$D$20=4,K3242*Input!$C$20,0)+IF(Input!$D$21=4,L3242*Input!$C$21,0)+IF(Input!$D$22=4,M3242*Input!$C$22,0)</f>
        <v>0</v>
      </c>
      <c r="R3242" s="58">
        <v>67.802170479251657</v>
      </c>
      <c r="S3242" s="124">
        <f t="shared" si="50"/>
        <v>1.8365617577003439</v>
      </c>
    </row>
    <row r="3243" spans="8:19" x14ac:dyDescent="0.3">
      <c r="H3243" s="44">
        <v>3236</v>
      </c>
      <c r="I3243" s="56">
        <f>Bühler!I3269</f>
        <v>0.35495087817093185</v>
      </c>
      <c r="J3243" s="59">
        <f>Bühler!J3269</f>
        <v>1.1831695939031064</v>
      </c>
      <c r="K3243" s="59">
        <f>Bühler!K3269</f>
        <v>1.7747543908546592</v>
      </c>
      <c r="L3243" s="59">
        <f>Bühler!L3269</f>
        <v>8.5188210761023644</v>
      </c>
      <c r="M3243" s="58">
        <f>Bühler!M3269</f>
        <v>0</v>
      </c>
      <c r="N3243" s="56">
        <f>IF(Input!$D$19=1,J3243*Input!$C$19,0)+IF(Input!$D$20=1,K3243*Input!$C$20,0)+IF(Input!$D$21=1,L3243*Input!$C$21,0)+IF(Input!$D$22=1,M3243*Input!$C$22,0)</f>
        <v>0.3549508781709319</v>
      </c>
      <c r="O3243" s="59">
        <f>IF(Input!$D$19=2,J3243*Input!$C$19,0)+IF(Input!$D$20=2,K3243*Input!$C$20,0)+IF(Input!$D$21=2,L3243*Input!$C$21,0)+IF(Input!$D$22=2,M3243*Input!$C$22,0)</f>
        <v>0.88737719542732962</v>
      </c>
      <c r="P3243" s="59">
        <f>IF(Input!$D$19=3,J3243*Input!$C$19,0)+IF(Input!$D$20=3,K3243*Input!$C$20,0)+IF(Input!$D$21=3,L3243*Input!$C$21,0)+IF(Input!$D$22=3,M3243*Input!$C$22,0)</f>
        <v>0</v>
      </c>
      <c r="Q3243" s="75">
        <f>IF(Input!$D$19=4,J3243*Input!$C$19,0)+IF(Input!$D$20=4,K3243*Input!$C$20,0)+IF(Input!$D$21=4,L3243*Input!$C$21,0)+IF(Input!$D$22=4,M3243*Input!$C$22,0)</f>
        <v>0</v>
      </c>
      <c r="R3243" s="58">
        <v>65.995694750617687</v>
      </c>
      <c r="S3243" s="124">
        <f t="shared" si="50"/>
        <v>1.5381204720740382</v>
      </c>
    </row>
    <row r="3244" spans="8:19" x14ac:dyDescent="0.3">
      <c r="H3244" s="44">
        <v>3237</v>
      </c>
      <c r="I3244" s="56">
        <f>Bühler!I3270</f>
        <v>0.2913775865582276</v>
      </c>
      <c r="J3244" s="59">
        <f>Bühler!J3270</f>
        <v>0.97125862186075873</v>
      </c>
      <c r="K3244" s="59">
        <f>Bühler!K3270</f>
        <v>1.4568879327911379</v>
      </c>
      <c r="L3244" s="59">
        <f>Bühler!L3270</f>
        <v>6.9930620773974628</v>
      </c>
      <c r="M3244" s="58">
        <f>Bühler!M3270</f>
        <v>0</v>
      </c>
      <c r="N3244" s="56">
        <f>IF(Input!$D$19=1,J3244*Input!$C$19,0)+IF(Input!$D$20=1,K3244*Input!$C$20,0)+IF(Input!$D$21=1,L3244*Input!$C$21,0)+IF(Input!$D$22=1,M3244*Input!$C$22,0)</f>
        <v>0.2913775865582276</v>
      </c>
      <c r="O3244" s="59">
        <f>IF(Input!$D$19=2,J3244*Input!$C$19,0)+IF(Input!$D$20=2,K3244*Input!$C$20,0)+IF(Input!$D$21=2,L3244*Input!$C$21,0)+IF(Input!$D$22=2,M3244*Input!$C$22,0)</f>
        <v>0.72844396639556896</v>
      </c>
      <c r="P3244" s="59">
        <f>IF(Input!$D$19=3,J3244*Input!$C$19,0)+IF(Input!$D$20=3,K3244*Input!$C$20,0)+IF(Input!$D$21=3,L3244*Input!$C$21,0)+IF(Input!$D$22=3,M3244*Input!$C$22,0)</f>
        <v>0</v>
      </c>
      <c r="Q3244" s="75">
        <f>IF(Input!$D$19=4,J3244*Input!$C$19,0)+IF(Input!$D$20=4,K3244*Input!$C$20,0)+IF(Input!$D$21=4,L3244*Input!$C$21,0)+IF(Input!$D$22=4,M3244*Input!$C$22,0)</f>
        <v>0</v>
      </c>
      <c r="R3244" s="58">
        <v>63.966697537304313</v>
      </c>
      <c r="S3244" s="124">
        <f t="shared" si="50"/>
        <v>1.2626362084189864</v>
      </c>
    </row>
    <row r="3245" spans="8:19" x14ac:dyDescent="0.3">
      <c r="H3245" s="44">
        <v>3238</v>
      </c>
      <c r="I3245" s="56">
        <f>Bühler!I3271</f>
        <v>0.21191097204234738</v>
      </c>
      <c r="J3245" s="59">
        <f>Bühler!J3271</f>
        <v>0.70636990680782463</v>
      </c>
      <c r="K3245" s="59">
        <f>Bühler!K3271</f>
        <v>1.0595548602117368</v>
      </c>
      <c r="L3245" s="59">
        <f>Bühler!L3271</f>
        <v>5.0858633290163366</v>
      </c>
      <c r="M3245" s="58">
        <f>Bühler!M3271</f>
        <v>0</v>
      </c>
      <c r="N3245" s="56">
        <f>IF(Input!$D$19=1,J3245*Input!$C$19,0)+IF(Input!$D$20=1,K3245*Input!$C$20,0)+IF(Input!$D$21=1,L3245*Input!$C$21,0)+IF(Input!$D$22=1,M3245*Input!$C$22,0)</f>
        <v>0.21191097204234738</v>
      </c>
      <c r="O3245" s="59">
        <f>IF(Input!$D$19=2,J3245*Input!$C$19,0)+IF(Input!$D$20=2,K3245*Input!$C$20,0)+IF(Input!$D$21=2,L3245*Input!$C$21,0)+IF(Input!$D$22=2,M3245*Input!$C$22,0)</f>
        <v>0.52977743010586842</v>
      </c>
      <c r="P3245" s="59">
        <f>IF(Input!$D$19=3,J3245*Input!$C$19,0)+IF(Input!$D$20=3,K3245*Input!$C$20,0)+IF(Input!$D$21=3,L3245*Input!$C$21,0)+IF(Input!$D$22=3,M3245*Input!$C$22,0)</f>
        <v>0</v>
      </c>
      <c r="Q3245" s="75">
        <f>IF(Input!$D$19=4,J3245*Input!$C$19,0)+IF(Input!$D$20=4,K3245*Input!$C$20,0)+IF(Input!$D$21=4,L3245*Input!$C$21,0)+IF(Input!$D$22=4,M3245*Input!$C$22,0)</f>
        <v>0</v>
      </c>
      <c r="R3245" s="58">
        <v>62.352591579149944</v>
      </c>
      <c r="S3245" s="124">
        <f t="shared" si="50"/>
        <v>0.91828087885017196</v>
      </c>
    </row>
    <row r="3246" spans="8:19" x14ac:dyDescent="0.3">
      <c r="H3246" s="44">
        <v>3239</v>
      </c>
      <c r="I3246" s="56">
        <f>Bühler!I3272</f>
        <v>0.21191097204234738</v>
      </c>
      <c r="J3246" s="59">
        <f>Bühler!J3272</f>
        <v>0.70636990680782463</v>
      </c>
      <c r="K3246" s="59">
        <f>Bühler!K3272</f>
        <v>1.0595548602117368</v>
      </c>
      <c r="L3246" s="59">
        <f>Bühler!L3272</f>
        <v>5.0858633290163366</v>
      </c>
      <c r="M3246" s="58">
        <f>Bühler!M3272</f>
        <v>0</v>
      </c>
      <c r="N3246" s="56">
        <f>IF(Input!$D$19=1,J3246*Input!$C$19,0)+IF(Input!$D$20=1,K3246*Input!$C$20,0)+IF(Input!$D$21=1,L3246*Input!$C$21,0)+IF(Input!$D$22=1,M3246*Input!$C$22,0)</f>
        <v>0.21191097204234738</v>
      </c>
      <c r="O3246" s="59">
        <f>IF(Input!$D$19=2,J3246*Input!$C$19,0)+IF(Input!$D$20=2,K3246*Input!$C$20,0)+IF(Input!$D$21=2,L3246*Input!$C$21,0)+IF(Input!$D$22=2,M3246*Input!$C$22,0)</f>
        <v>0.52977743010586842</v>
      </c>
      <c r="P3246" s="59">
        <f>IF(Input!$D$19=3,J3246*Input!$C$19,0)+IF(Input!$D$20=3,K3246*Input!$C$20,0)+IF(Input!$D$21=3,L3246*Input!$C$21,0)+IF(Input!$D$22=3,M3246*Input!$C$22,0)</f>
        <v>0</v>
      </c>
      <c r="Q3246" s="75">
        <f>IF(Input!$D$19=4,J3246*Input!$C$19,0)+IF(Input!$D$20=4,K3246*Input!$C$20,0)+IF(Input!$D$21=4,L3246*Input!$C$21,0)+IF(Input!$D$22=4,M3246*Input!$C$22,0)</f>
        <v>0</v>
      </c>
      <c r="R3246" s="58">
        <v>61.621842634248416</v>
      </c>
      <c r="S3246" s="124">
        <f t="shared" si="50"/>
        <v>0.91828087885017196</v>
      </c>
    </row>
    <row r="3247" spans="8:19" x14ac:dyDescent="0.3">
      <c r="H3247" s="44">
        <v>3240</v>
      </c>
      <c r="I3247" s="56">
        <f>Bühler!I3273</f>
        <v>0.21191097204234738</v>
      </c>
      <c r="J3247" s="59">
        <f>Bühler!J3273</f>
        <v>0.70636990680782463</v>
      </c>
      <c r="K3247" s="59">
        <f>Bühler!K3273</f>
        <v>1.0595548602117368</v>
      </c>
      <c r="L3247" s="59">
        <f>Bühler!L3273</f>
        <v>5.0858633290163366</v>
      </c>
      <c r="M3247" s="58">
        <f>Bühler!M3273</f>
        <v>0</v>
      </c>
      <c r="N3247" s="56">
        <f>IF(Input!$D$19=1,J3247*Input!$C$19,0)+IF(Input!$D$20=1,K3247*Input!$C$20,0)+IF(Input!$D$21=1,L3247*Input!$C$21,0)+IF(Input!$D$22=1,M3247*Input!$C$22,0)</f>
        <v>0.21191097204234738</v>
      </c>
      <c r="O3247" s="59">
        <f>IF(Input!$D$19=2,J3247*Input!$C$19,0)+IF(Input!$D$20=2,K3247*Input!$C$20,0)+IF(Input!$D$21=2,L3247*Input!$C$21,0)+IF(Input!$D$22=2,M3247*Input!$C$22,0)</f>
        <v>0.52977743010586842</v>
      </c>
      <c r="P3247" s="59">
        <f>IF(Input!$D$19=3,J3247*Input!$C$19,0)+IF(Input!$D$20=3,K3247*Input!$C$20,0)+IF(Input!$D$21=3,L3247*Input!$C$21,0)+IF(Input!$D$22=3,M3247*Input!$C$22,0)</f>
        <v>0</v>
      </c>
      <c r="Q3247" s="75">
        <f>IF(Input!$D$19=4,J3247*Input!$C$19,0)+IF(Input!$D$20=4,K3247*Input!$C$20,0)+IF(Input!$D$21=4,L3247*Input!$C$21,0)+IF(Input!$D$22=4,M3247*Input!$C$22,0)</f>
        <v>0</v>
      </c>
      <c r="R3247" s="58">
        <v>61.136424111498954</v>
      </c>
      <c r="S3247" s="124">
        <f t="shared" si="50"/>
        <v>0.91828087885017196</v>
      </c>
    </row>
    <row r="3248" spans="8:19" x14ac:dyDescent="0.3">
      <c r="H3248" s="44">
        <v>3241</v>
      </c>
      <c r="I3248" s="56">
        <f>Bühler!I3274</f>
        <v>0.19603218779721915</v>
      </c>
      <c r="J3248" s="59">
        <f>Bühler!J3274</f>
        <v>0.65344062599073061</v>
      </c>
      <c r="K3248" s="59">
        <f>Bühler!K3274</f>
        <v>0.98016093898609569</v>
      </c>
      <c r="L3248" s="59">
        <f>Bühler!L3274</f>
        <v>4.7047725071332591</v>
      </c>
      <c r="M3248" s="58">
        <f>Bühler!M3274</f>
        <v>0</v>
      </c>
      <c r="N3248" s="56">
        <f>IF(Input!$D$19=1,J3248*Input!$C$19,0)+IF(Input!$D$20=1,K3248*Input!$C$20,0)+IF(Input!$D$21=1,L3248*Input!$C$21,0)+IF(Input!$D$22=1,M3248*Input!$C$22,0)</f>
        <v>0.19603218779721918</v>
      </c>
      <c r="O3248" s="59">
        <f>IF(Input!$D$19=2,J3248*Input!$C$19,0)+IF(Input!$D$20=2,K3248*Input!$C$20,0)+IF(Input!$D$21=2,L3248*Input!$C$21,0)+IF(Input!$D$22=2,M3248*Input!$C$22,0)</f>
        <v>0.49008046949304784</v>
      </c>
      <c r="P3248" s="59">
        <f>IF(Input!$D$19=3,J3248*Input!$C$19,0)+IF(Input!$D$20=3,K3248*Input!$C$20,0)+IF(Input!$D$21=3,L3248*Input!$C$21,0)+IF(Input!$D$22=3,M3248*Input!$C$22,0)</f>
        <v>0</v>
      </c>
      <c r="Q3248" s="75">
        <f>IF(Input!$D$19=4,J3248*Input!$C$19,0)+IF(Input!$D$20=4,K3248*Input!$C$20,0)+IF(Input!$D$21=4,L3248*Input!$C$21,0)+IF(Input!$D$22=4,M3248*Input!$C$22,0)</f>
        <v>0</v>
      </c>
      <c r="R3248" s="58">
        <v>60.444491172573855</v>
      </c>
      <c r="S3248" s="124">
        <f t="shared" si="50"/>
        <v>0.8494728137879497</v>
      </c>
    </row>
    <row r="3249" spans="8:19" x14ac:dyDescent="0.3">
      <c r="H3249" s="44">
        <v>3242</v>
      </c>
      <c r="I3249" s="56">
        <f>Bühler!I3275</f>
        <v>0.22053621127187151</v>
      </c>
      <c r="J3249" s="59">
        <f>Bühler!J3275</f>
        <v>0.73512070423957177</v>
      </c>
      <c r="K3249" s="59">
        <f>Bühler!K3275</f>
        <v>1.1026810563593574</v>
      </c>
      <c r="L3249" s="59">
        <f>Bühler!L3275</f>
        <v>5.2928690705249162</v>
      </c>
      <c r="M3249" s="58">
        <f>Bühler!M3275</f>
        <v>0</v>
      </c>
      <c r="N3249" s="56">
        <f>IF(Input!$D$19=1,J3249*Input!$C$19,0)+IF(Input!$D$20=1,K3249*Input!$C$20,0)+IF(Input!$D$21=1,L3249*Input!$C$21,0)+IF(Input!$D$22=1,M3249*Input!$C$22,0)</f>
        <v>0.22053621127187154</v>
      </c>
      <c r="O3249" s="59">
        <f>IF(Input!$D$19=2,J3249*Input!$C$19,0)+IF(Input!$D$20=2,K3249*Input!$C$20,0)+IF(Input!$D$21=2,L3249*Input!$C$21,0)+IF(Input!$D$22=2,M3249*Input!$C$22,0)</f>
        <v>0.55134052817967871</v>
      </c>
      <c r="P3249" s="59">
        <f>IF(Input!$D$19=3,J3249*Input!$C$19,0)+IF(Input!$D$20=3,K3249*Input!$C$20,0)+IF(Input!$D$21=3,L3249*Input!$C$21,0)+IF(Input!$D$22=3,M3249*Input!$C$22,0)</f>
        <v>0</v>
      </c>
      <c r="Q3249" s="75">
        <f>IF(Input!$D$19=4,J3249*Input!$C$19,0)+IF(Input!$D$20=4,K3249*Input!$C$20,0)+IF(Input!$D$21=4,L3249*Input!$C$21,0)+IF(Input!$D$22=4,M3249*Input!$C$22,0)</f>
        <v>0</v>
      </c>
      <c r="R3249" s="58">
        <v>59.383839726177165</v>
      </c>
      <c r="S3249" s="124">
        <f t="shared" si="50"/>
        <v>0.95565691551144327</v>
      </c>
    </row>
    <row r="3250" spans="8:19" x14ac:dyDescent="0.3">
      <c r="H3250" s="44">
        <v>3243</v>
      </c>
      <c r="I3250" s="56">
        <f>Bühler!I3276</f>
        <v>0.22053621127187151</v>
      </c>
      <c r="J3250" s="59">
        <f>Bühler!J3276</f>
        <v>0.73512070423957177</v>
      </c>
      <c r="K3250" s="59">
        <f>Bühler!K3276</f>
        <v>1.1026810563593574</v>
      </c>
      <c r="L3250" s="59">
        <f>Bühler!L3276</f>
        <v>5.2928690705249162</v>
      </c>
      <c r="M3250" s="58">
        <f>Bühler!M3276</f>
        <v>0</v>
      </c>
      <c r="N3250" s="56">
        <f>IF(Input!$D$19=1,J3250*Input!$C$19,0)+IF(Input!$D$20=1,K3250*Input!$C$20,0)+IF(Input!$D$21=1,L3250*Input!$C$21,0)+IF(Input!$D$22=1,M3250*Input!$C$22,0)</f>
        <v>0.22053621127187154</v>
      </c>
      <c r="O3250" s="59">
        <f>IF(Input!$D$19=2,J3250*Input!$C$19,0)+IF(Input!$D$20=2,K3250*Input!$C$20,0)+IF(Input!$D$21=2,L3250*Input!$C$21,0)+IF(Input!$D$22=2,M3250*Input!$C$22,0)</f>
        <v>0.55134052817967871</v>
      </c>
      <c r="P3250" s="59">
        <f>IF(Input!$D$19=3,J3250*Input!$C$19,0)+IF(Input!$D$20=3,K3250*Input!$C$20,0)+IF(Input!$D$21=3,L3250*Input!$C$21,0)+IF(Input!$D$22=3,M3250*Input!$C$22,0)</f>
        <v>0</v>
      </c>
      <c r="Q3250" s="75">
        <f>IF(Input!$D$19=4,J3250*Input!$C$19,0)+IF(Input!$D$20=4,K3250*Input!$C$20,0)+IF(Input!$D$21=4,L3250*Input!$C$21,0)+IF(Input!$D$22=4,M3250*Input!$C$22,0)</f>
        <v>0</v>
      </c>
      <c r="R3250" s="58">
        <v>59.611064723323203</v>
      </c>
      <c r="S3250" s="124">
        <f t="shared" si="50"/>
        <v>0.95565691551144327</v>
      </c>
    </row>
    <row r="3251" spans="8:19" x14ac:dyDescent="0.3">
      <c r="H3251" s="44">
        <v>3244</v>
      </c>
      <c r="I3251" s="56">
        <f>Bühler!I3277</f>
        <v>0.22053621127187151</v>
      </c>
      <c r="J3251" s="59">
        <f>Bühler!J3277</f>
        <v>0.73512070423957177</v>
      </c>
      <c r="K3251" s="59">
        <f>Bühler!K3277</f>
        <v>1.1026810563593574</v>
      </c>
      <c r="L3251" s="59">
        <f>Bühler!L3277</f>
        <v>5.2928690705249162</v>
      </c>
      <c r="M3251" s="58">
        <f>Bühler!M3277</f>
        <v>0</v>
      </c>
      <c r="N3251" s="56">
        <f>IF(Input!$D$19=1,J3251*Input!$C$19,0)+IF(Input!$D$20=1,K3251*Input!$C$20,0)+IF(Input!$D$21=1,L3251*Input!$C$21,0)+IF(Input!$D$22=1,M3251*Input!$C$22,0)</f>
        <v>0.22053621127187154</v>
      </c>
      <c r="O3251" s="59">
        <f>IF(Input!$D$19=2,J3251*Input!$C$19,0)+IF(Input!$D$20=2,K3251*Input!$C$20,0)+IF(Input!$D$21=2,L3251*Input!$C$21,0)+IF(Input!$D$22=2,M3251*Input!$C$22,0)</f>
        <v>0.55134052817967871</v>
      </c>
      <c r="P3251" s="59">
        <f>IF(Input!$D$19=3,J3251*Input!$C$19,0)+IF(Input!$D$20=3,K3251*Input!$C$20,0)+IF(Input!$D$21=3,L3251*Input!$C$21,0)+IF(Input!$D$22=3,M3251*Input!$C$22,0)</f>
        <v>0</v>
      </c>
      <c r="Q3251" s="75">
        <f>IF(Input!$D$19=4,J3251*Input!$C$19,0)+IF(Input!$D$20=4,K3251*Input!$C$20,0)+IF(Input!$D$21=4,L3251*Input!$C$21,0)+IF(Input!$D$22=4,M3251*Input!$C$22,0)</f>
        <v>0</v>
      </c>
      <c r="R3251" s="58">
        <v>60.47153326538232</v>
      </c>
      <c r="S3251" s="124">
        <f t="shared" si="50"/>
        <v>0.95565691551144327</v>
      </c>
    </row>
    <row r="3252" spans="8:19" x14ac:dyDescent="0.3">
      <c r="H3252" s="44">
        <v>3245</v>
      </c>
      <c r="I3252" s="56">
        <f>Bühler!I3278</f>
        <v>0.22053621127187151</v>
      </c>
      <c r="J3252" s="59">
        <f>Bühler!J3278</f>
        <v>0.73512070423957177</v>
      </c>
      <c r="K3252" s="59">
        <f>Bühler!K3278</f>
        <v>1.1026810563593574</v>
      </c>
      <c r="L3252" s="59">
        <f>Bühler!L3278</f>
        <v>5.2928690705249162</v>
      </c>
      <c r="M3252" s="58">
        <f>Bühler!M3278</f>
        <v>0</v>
      </c>
      <c r="N3252" s="56">
        <f>IF(Input!$D$19=1,J3252*Input!$C$19,0)+IF(Input!$D$20=1,K3252*Input!$C$20,0)+IF(Input!$D$21=1,L3252*Input!$C$21,0)+IF(Input!$D$22=1,M3252*Input!$C$22,0)</f>
        <v>0.22053621127187154</v>
      </c>
      <c r="O3252" s="59">
        <f>IF(Input!$D$19=2,J3252*Input!$C$19,0)+IF(Input!$D$20=2,K3252*Input!$C$20,0)+IF(Input!$D$21=2,L3252*Input!$C$21,0)+IF(Input!$D$22=2,M3252*Input!$C$22,0)</f>
        <v>0.55134052817967871</v>
      </c>
      <c r="P3252" s="59">
        <f>IF(Input!$D$19=3,J3252*Input!$C$19,0)+IF(Input!$D$20=3,K3252*Input!$C$20,0)+IF(Input!$D$21=3,L3252*Input!$C$21,0)+IF(Input!$D$22=3,M3252*Input!$C$22,0)</f>
        <v>0</v>
      </c>
      <c r="Q3252" s="75">
        <f>IF(Input!$D$19=4,J3252*Input!$C$19,0)+IF(Input!$D$20=4,K3252*Input!$C$20,0)+IF(Input!$D$21=4,L3252*Input!$C$21,0)+IF(Input!$D$22=4,M3252*Input!$C$22,0)</f>
        <v>0</v>
      </c>
      <c r="R3252" s="58">
        <v>61.787858106986704</v>
      </c>
      <c r="S3252" s="124">
        <f t="shared" si="50"/>
        <v>0.95565691551144327</v>
      </c>
    </row>
    <row r="3253" spans="8:19" x14ac:dyDescent="0.3">
      <c r="H3253" s="44">
        <v>3246</v>
      </c>
      <c r="I3253" s="56">
        <f>Bühler!I3279</f>
        <v>0.28424667230596773</v>
      </c>
      <c r="J3253" s="59">
        <f>Bühler!J3279</f>
        <v>0.94748890768655925</v>
      </c>
      <c r="K3253" s="59">
        <f>Bühler!K3279</f>
        <v>1.4212333615298387</v>
      </c>
      <c r="L3253" s="59">
        <f>Bühler!L3279</f>
        <v>6.8219201353432259</v>
      </c>
      <c r="M3253" s="58">
        <f>Bühler!M3279</f>
        <v>0</v>
      </c>
      <c r="N3253" s="56">
        <f>IF(Input!$D$19=1,J3253*Input!$C$19,0)+IF(Input!$D$20=1,K3253*Input!$C$20,0)+IF(Input!$D$21=1,L3253*Input!$C$21,0)+IF(Input!$D$22=1,M3253*Input!$C$22,0)</f>
        <v>0.28424667230596778</v>
      </c>
      <c r="O3253" s="59">
        <f>IF(Input!$D$19=2,J3253*Input!$C$19,0)+IF(Input!$D$20=2,K3253*Input!$C$20,0)+IF(Input!$D$21=2,L3253*Input!$C$21,0)+IF(Input!$D$22=2,M3253*Input!$C$22,0)</f>
        <v>0.71061668076491935</v>
      </c>
      <c r="P3253" s="59">
        <f>IF(Input!$D$19=3,J3253*Input!$C$19,0)+IF(Input!$D$20=3,K3253*Input!$C$20,0)+IF(Input!$D$21=3,L3253*Input!$C$21,0)+IF(Input!$D$22=3,M3253*Input!$C$22,0)</f>
        <v>0</v>
      </c>
      <c r="Q3253" s="75">
        <f>IF(Input!$D$19=4,J3253*Input!$C$19,0)+IF(Input!$D$20=4,K3253*Input!$C$20,0)+IF(Input!$D$21=4,L3253*Input!$C$21,0)+IF(Input!$D$22=4,M3253*Input!$C$22,0)</f>
        <v>0</v>
      </c>
      <c r="R3253" s="58">
        <v>64.766834014901463</v>
      </c>
      <c r="S3253" s="124">
        <f t="shared" si="50"/>
        <v>1.2317355799925269</v>
      </c>
    </row>
    <row r="3254" spans="8:19" x14ac:dyDescent="0.3">
      <c r="H3254" s="44">
        <v>3247</v>
      </c>
      <c r="I3254" s="56">
        <f>Bühler!I3280</f>
        <v>0.32835391456034208</v>
      </c>
      <c r="J3254" s="59">
        <f>Bühler!J3280</f>
        <v>1.0945130485344736</v>
      </c>
      <c r="K3254" s="59">
        <f>Bühler!K3280</f>
        <v>1.6417695728017103</v>
      </c>
      <c r="L3254" s="59">
        <f>Bühler!L3280</f>
        <v>7.8804939494482094</v>
      </c>
      <c r="M3254" s="58">
        <f>Bühler!M3280</f>
        <v>0</v>
      </c>
      <c r="N3254" s="56">
        <f>IF(Input!$D$19=1,J3254*Input!$C$19,0)+IF(Input!$D$20=1,K3254*Input!$C$20,0)+IF(Input!$D$21=1,L3254*Input!$C$21,0)+IF(Input!$D$22=1,M3254*Input!$C$22,0)</f>
        <v>0.32835391456034208</v>
      </c>
      <c r="O3254" s="59">
        <f>IF(Input!$D$19=2,J3254*Input!$C$19,0)+IF(Input!$D$20=2,K3254*Input!$C$20,0)+IF(Input!$D$21=2,L3254*Input!$C$21,0)+IF(Input!$D$22=2,M3254*Input!$C$22,0)</f>
        <v>0.82088478640085516</v>
      </c>
      <c r="P3254" s="59">
        <f>IF(Input!$D$19=3,J3254*Input!$C$19,0)+IF(Input!$D$20=3,K3254*Input!$C$20,0)+IF(Input!$D$21=3,L3254*Input!$C$21,0)+IF(Input!$D$22=3,M3254*Input!$C$22,0)</f>
        <v>0</v>
      </c>
      <c r="Q3254" s="75">
        <f>IF(Input!$D$19=4,J3254*Input!$C$19,0)+IF(Input!$D$20=4,K3254*Input!$C$20,0)+IF(Input!$D$21=4,L3254*Input!$C$21,0)+IF(Input!$D$22=4,M3254*Input!$C$22,0)</f>
        <v>0</v>
      </c>
      <c r="R3254" s="58">
        <v>67.46195477836018</v>
      </c>
      <c r="S3254" s="124">
        <f t="shared" si="50"/>
        <v>1.4228669630948156</v>
      </c>
    </row>
    <row r="3255" spans="8:19" x14ac:dyDescent="0.3">
      <c r="H3255" s="44">
        <v>3248</v>
      </c>
      <c r="I3255" s="56">
        <f>Bühler!I3281</f>
        <v>0.32835391456034208</v>
      </c>
      <c r="J3255" s="59">
        <f>Bühler!J3281</f>
        <v>1.0945130485344736</v>
      </c>
      <c r="K3255" s="59">
        <f>Bühler!K3281</f>
        <v>1.6417695728017103</v>
      </c>
      <c r="L3255" s="59">
        <f>Bühler!L3281</f>
        <v>7.8804939494482094</v>
      </c>
      <c r="M3255" s="58">
        <f>Bühler!M3281</f>
        <v>0</v>
      </c>
      <c r="N3255" s="56">
        <f>IF(Input!$D$19=1,J3255*Input!$C$19,0)+IF(Input!$D$20=1,K3255*Input!$C$20,0)+IF(Input!$D$21=1,L3255*Input!$C$21,0)+IF(Input!$D$22=1,M3255*Input!$C$22,0)</f>
        <v>0.32835391456034208</v>
      </c>
      <c r="O3255" s="59">
        <f>IF(Input!$D$19=2,J3255*Input!$C$19,0)+IF(Input!$D$20=2,K3255*Input!$C$20,0)+IF(Input!$D$21=2,L3255*Input!$C$21,0)+IF(Input!$D$22=2,M3255*Input!$C$22,0)</f>
        <v>0.82088478640085516</v>
      </c>
      <c r="P3255" s="59">
        <f>IF(Input!$D$19=3,J3255*Input!$C$19,0)+IF(Input!$D$20=3,K3255*Input!$C$20,0)+IF(Input!$D$21=3,L3255*Input!$C$21,0)+IF(Input!$D$22=3,M3255*Input!$C$22,0)</f>
        <v>0</v>
      </c>
      <c r="Q3255" s="75">
        <f>IF(Input!$D$19=4,J3255*Input!$C$19,0)+IF(Input!$D$20=4,K3255*Input!$C$20,0)+IF(Input!$D$21=4,L3255*Input!$C$21,0)+IF(Input!$D$22=4,M3255*Input!$C$22,0)</f>
        <v>0</v>
      </c>
      <c r="R3255" s="58">
        <v>69.545361020074381</v>
      </c>
      <c r="S3255" s="124">
        <f t="shared" si="50"/>
        <v>1.4228669630948156</v>
      </c>
    </row>
    <row r="3256" spans="8:19" x14ac:dyDescent="0.3">
      <c r="H3256" s="44">
        <v>3249</v>
      </c>
      <c r="I3256" s="56">
        <f>Bühler!I3282</f>
        <v>0.32835391456034208</v>
      </c>
      <c r="J3256" s="59">
        <f>Bühler!J3282</f>
        <v>1.0945130485344736</v>
      </c>
      <c r="K3256" s="59">
        <f>Bühler!K3282</f>
        <v>1.6417695728017103</v>
      </c>
      <c r="L3256" s="59">
        <f>Bühler!L3282</f>
        <v>7.8804939494482094</v>
      </c>
      <c r="M3256" s="58">
        <f>Bühler!M3282</f>
        <v>0</v>
      </c>
      <c r="N3256" s="56">
        <f>IF(Input!$D$19=1,J3256*Input!$C$19,0)+IF(Input!$D$20=1,K3256*Input!$C$20,0)+IF(Input!$D$21=1,L3256*Input!$C$21,0)+IF(Input!$D$22=1,M3256*Input!$C$22,0)</f>
        <v>0.32835391456034208</v>
      </c>
      <c r="O3256" s="59">
        <f>IF(Input!$D$19=2,J3256*Input!$C$19,0)+IF(Input!$D$20=2,K3256*Input!$C$20,0)+IF(Input!$D$21=2,L3256*Input!$C$21,0)+IF(Input!$D$22=2,M3256*Input!$C$22,0)</f>
        <v>0.82088478640085516</v>
      </c>
      <c r="P3256" s="59">
        <f>IF(Input!$D$19=3,J3256*Input!$C$19,0)+IF(Input!$D$20=3,K3256*Input!$C$20,0)+IF(Input!$D$21=3,L3256*Input!$C$21,0)+IF(Input!$D$22=3,M3256*Input!$C$22,0)</f>
        <v>0</v>
      </c>
      <c r="Q3256" s="75">
        <f>IF(Input!$D$19=4,J3256*Input!$C$19,0)+IF(Input!$D$20=4,K3256*Input!$C$20,0)+IF(Input!$D$21=4,L3256*Input!$C$21,0)+IF(Input!$D$22=4,M3256*Input!$C$22,0)</f>
        <v>0</v>
      </c>
      <c r="R3256" s="58">
        <v>70.556851977180884</v>
      </c>
      <c r="S3256" s="124">
        <f t="shared" si="50"/>
        <v>1.4228669630948156</v>
      </c>
    </row>
    <row r="3257" spans="8:19" x14ac:dyDescent="0.3">
      <c r="H3257" s="44">
        <v>3250</v>
      </c>
      <c r="I3257" s="56">
        <f>Bühler!I3283</f>
        <v>0.35285793803499443</v>
      </c>
      <c r="J3257" s="59">
        <f>Bühler!J3283</f>
        <v>1.1761931267833148</v>
      </c>
      <c r="K3257" s="59">
        <f>Bühler!K3283</f>
        <v>1.7642896901749723</v>
      </c>
      <c r="L3257" s="59">
        <f>Bühler!L3283</f>
        <v>8.4685905128398673</v>
      </c>
      <c r="M3257" s="58">
        <f>Bühler!M3283</f>
        <v>0</v>
      </c>
      <c r="N3257" s="56">
        <f>IF(Input!$D$19=1,J3257*Input!$C$19,0)+IF(Input!$D$20=1,K3257*Input!$C$20,0)+IF(Input!$D$21=1,L3257*Input!$C$21,0)+IF(Input!$D$22=1,M3257*Input!$C$22,0)</f>
        <v>0.35285793803499443</v>
      </c>
      <c r="O3257" s="59">
        <f>IF(Input!$D$19=2,J3257*Input!$C$19,0)+IF(Input!$D$20=2,K3257*Input!$C$20,0)+IF(Input!$D$21=2,L3257*Input!$C$21,0)+IF(Input!$D$22=2,M3257*Input!$C$22,0)</f>
        <v>0.88214484508748614</v>
      </c>
      <c r="P3257" s="59">
        <f>IF(Input!$D$19=3,J3257*Input!$C$19,0)+IF(Input!$D$20=3,K3257*Input!$C$20,0)+IF(Input!$D$21=3,L3257*Input!$C$21,0)+IF(Input!$D$22=3,M3257*Input!$C$22,0)</f>
        <v>0</v>
      </c>
      <c r="Q3257" s="75">
        <f>IF(Input!$D$19=4,J3257*Input!$C$19,0)+IF(Input!$D$20=4,K3257*Input!$C$20,0)+IF(Input!$D$21=4,L3257*Input!$C$21,0)+IF(Input!$D$22=4,M3257*Input!$C$22,0)</f>
        <v>0</v>
      </c>
      <c r="R3257" s="58">
        <v>70.951000229855069</v>
      </c>
      <c r="S3257" s="124">
        <f t="shared" si="50"/>
        <v>1.5290510648183093</v>
      </c>
    </row>
    <row r="3258" spans="8:19" x14ac:dyDescent="0.3">
      <c r="H3258" s="44">
        <v>3251</v>
      </c>
      <c r="I3258" s="56">
        <f>Bühler!I3284</f>
        <v>0.38226276620457733</v>
      </c>
      <c r="J3258" s="59">
        <f>Bühler!J3284</f>
        <v>1.2742092206819247</v>
      </c>
      <c r="K3258" s="59">
        <f>Bühler!K3284</f>
        <v>1.9113138310228868</v>
      </c>
      <c r="L3258" s="59">
        <f>Bühler!L3284</f>
        <v>9.1743063889098568</v>
      </c>
      <c r="M3258" s="58">
        <f>Bühler!M3284</f>
        <v>0</v>
      </c>
      <c r="N3258" s="56">
        <f>IF(Input!$D$19=1,J3258*Input!$C$19,0)+IF(Input!$D$20=1,K3258*Input!$C$20,0)+IF(Input!$D$21=1,L3258*Input!$C$21,0)+IF(Input!$D$22=1,M3258*Input!$C$22,0)</f>
        <v>0.38226276620457739</v>
      </c>
      <c r="O3258" s="59">
        <f>IF(Input!$D$19=2,J3258*Input!$C$19,0)+IF(Input!$D$20=2,K3258*Input!$C$20,0)+IF(Input!$D$21=2,L3258*Input!$C$21,0)+IF(Input!$D$22=2,M3258*Input!$C$22,0)</f>
        <v>0.95565691551144338</v>
      </c>
      <c r="P3258" s="59">
        <f>IF(Input!$D$19=3,J3258*Input!$C$19,0)+IF(Input!$D$20=3,K3258*Input!$C$20,0)+IF(Input!$D$21=3,L3258*Input!$C$21,0)+IF(Input!$D$22=3,M3258*Input!$C$22,0)</f>
        <v>0</v>
      </c>
      <c r="Q3258" s="75">
        <f>IF(Input!$D$19=4,J3258*Input!$C$19,0)+IF(Input!$D$20=4,K3258*Input!$C$20,0)+IF(Input!$D$21=4,L3258*Input!$C$21,0)+IF(Input!$D$22=4,M3258*Input!$C$22,0)</f>
        <v>0</v>
      </c>
      <c r="R3258" s="58">
        <v>71.260262249891326</v>
      </c>
      <c r="S3258" s="124">
        <f t="shared" si="50"/>
        <v>1.6564719868865021</v>
      </c>
    </row>
    <row r="3259" spans="8:19" x14ac:dyDescent="0.3">
      <c r="H3259" s="44">
        <v>3252</v>
      </c>
      <c r="I3259" s="56">
        <f>Bühler!I3285</f>
        <v>0.44107242254374301</v>
      </c>
      <c r="J3259" s="59">
        <f>Bühler!J3285</f>
        <v>1.4702414084791435</v>
      </c>
      <c r="K3259" s="59">
        <f>Bühler!K3285</f>
        <v>2.2053621127187149</v>
      </c>
      <c r="L3259" s="59">
        <f>Bühler!L3285</f>
        <v>10.585738141049832</v>
      </c>
      <c r="M3259" s="58">
        <f>Bühler!M3285</f>
        <v>0</v>
      </c>
      <c r="N3259" s="56">
        <f>IF(Input!$D$19=1,J3259*Input!$C$19,0)+IF(Input!$D$20=1,K3259*Input!$C$20,0)+IF(Input!$D$21=1,L3259*Input!$C$21,0)+IF(Input!$D$22=1,M3259*Input!$C$22,0)</f>
        <v>0.44107242254374307</v>
      </c>
      <c r="O3259" s="59">
        <f>IF(Input!$D$19=2,J3259*Input!$C$19,0)+IF(Input!$D$20=2,K3259*Input!$C$20,0)+IF(Input!$D$21=2,L3259*Input!$C$21,0)+IF(Input!$D$22=2,M3259*Input!$C$22,0)</f>
        <v>1.1026810563593574</v>
      </c>
      <c r="P3259" s="59">
        <f>IF(Input!$D$19=3,J3259*Input!$C$19,0)+IF(Input!$D$20=3,K3259*Input!$C$20,0)+IF(Input!$D$21=3,L3259*Input!$C$21,0)+IF(Input!$D$22=3,M3259*Input!$C$22,0)</f>
        <v>0</v>
      </c>
      <c r="Q3259" s="75">
        <f>IF(Input!$D$19=4,J3259*Input!$C$19,0)+IF(Input!$D$20=4,K3259*Input!$C$20,0)+IF(Input!$D$21=4,L3259*Input!$C$21,0)+IF(Input!$D$22=4,M3259*Input!$C$22,0)</f>
        <v>0</v>
      </c>
      <c r="R3259" s="58">
        <v>71.874423938913878</v>
      </c>
      <c r="S3259" s="124">
        <f t="shared" si="50"/>
        <v>1.9113138310228865</v>
      </c>
    </row>
    <row r="3260" spans="8:19" x14ac:dyDescent="0.3">
      <c r="H3260" s="44">
        <v>3253</v>
      </c>
      <c r="I3260" s="56">
        <f>Bühler!I3286</f>
        <v>0.44107242254374301</v>
      </c>
      <c r="J3260" s="59">
        <f>Bühler!J3286</f>
        <v>1.4702414084791435</v>
      </c>
      <c r="K3260" s="59">
        <f>Bühler!K3286</f>
        <v>2.2053621127187149</v>
      </c>
      <c r="L3260" s="59">
        <f>Bühler!L3286</f>
        <v>10.585738141049832</v>
      </c>
      <c r="M3260" s="58">
        <f>Bühler!M3286</f>
        <v>0</v>
      </c>
      <c r="N3260" s="56">
        <f>IF(Input!$D$19=1,J3260*Input!$C$19,0)+IF(Input!$D$20=1,K3260*Input!$C$20,0)+IF(Input!$D$21=1,L3260*Input!$C$21,0)+IF(Input!$D$22=1,M3260*Input!$C$22,0)</f>
        <v>0.44107242254374307</v>
      </c>
      <c r="O3260" s="59">
        <f>IF(Input!$D$19=2,J3260*Input!$C$19,0)+IF(Input!$D$20=2,K3260*Input!$C$20,0)+IF(Input!$D$21=2,L3260*Input!$C$21,0)+IF(Input!$D$22=2,M3260*Input!$C$22,0)</f>
        <v>1.1026810563593574</v>
      </c>
      <c r="P3260" s="59">
        <f>IF(Input!$D$19=3,J3260*Input!$C$19,0)+IF(Input!$D$20=3,K3260*Input!$C$20,0)+IF(Input!$D$21=3,L3260*Input!$C$21,0)+IF(Input!$D$22=3,M3260*Input!$C$22,0)</f>
        <v>0</v>
      </c>
      <c r="Q3260" s="75">
        <f>IF(Input!$D$19=4,J3260*Input!$C$19,0)+IF(Input!$D$20=4,K3260*Input!$C$20,0)+IF(Input!$D$21=4,L3260*Input!$C$21,0)+IF(Input!$D$22=4,M3260*Input!$C$22,0)</f>
        <v>0</v>
      </c>
      <c r="R3260" s="58">
        <v>71.282245252716649</v>
      </c>
      <c r="S3260" s="124">
        <f t="shared" si="50"/>
        <v>1.9113138310228865</v>
      </c>
    </row>
    <row r="3261" spans="8:19" x14ac:dyDescent="0.3">
      <c r="H3261" s="44">
        <v>3254</v>
      </c>
      <c r="I3261" s="56">
        <f>Bühler!I3287</f>
        <v>0.44107242254374301</v>
      </c>
      <c r="J3261" s="59">
        <f>Bühler!J3287</f>
        <v>1.4702414084791435</v>
      </c>
      <c r="K3261" s="59">
        <f>Bühler!K3287</f>
        <v>2.2053621127187149</v>
      </c>
      <c r="L3261" s="59">
        <f>Bühler!L3287</f>
        <v>10.585738141049832</v>
      </c>
      <c r="M3261" s="58">
        <f>Bühler!M3287</f>
        <v>0</v>
      </c>
      <c r="N3261" s="56">
        <f>IF(Input!$D$19=1,J3261*Input!$C$19,0)+IF(Input!$D$20=1,K3261*Input!$C$20,0)+IF(Input!$D$21=1,L3261*Input!$C$21,0)+IF(Input!$D$22=1,M3261*Input!$C$22,0)</f>
        <v>0.44107242254374307</v>
      </c>
      <c r="O3261" s="59">
        <f>IF(Input!$D$19=2,J3261*Input!$C$19,0)+IF(Input!$D$20=2,K3261*Input!$C$20,0)+IF(Input!$D$21=2,L3261*Input!$C$21,0)+IF(Input!$D$22=2,M3261*Input!$C$22,0)</f>
        <v>1.1026810563593574</v>
      </c>
      <c r="P3261" s="59">
        <f>IF(Input!$D$19=3,J3261*Input!$C$19,0)+IF(Input!$D$20=3,K3261*Input!$C$20,0)+IF(Input!$D$21=3,L3261*Input!$C$21,0)+IF(Input!$D$22=3,M3261*Input!$C$22,0)</f>
        <v>0</v>
      </c>
      <c r="Q3261" s="75">
        <f>IF(Input!$D$19=4,J3261*Input!$C$19,0)+IF(Input!$D$20=4,K3261*Input!$C$20,0)+IF(Input!$D$21=4,L3261*Input!$C$21,0)+IF(Input!$D$22=4,M3261*Input!$C$22,0)</f>
        <v>0</v>
      </c>
      <c r="R3261" s="58">
        <v>70.987846878906012</v>
      </c>
      <c r="S3261" s="124">
        <f t="shared" si="50"/>
        <v>1.9113138310228865</v>
      </c>
    </row>
    <row r="3262" spans="8:19" x14ac:dyDescent="0.3">
      <c r="H3262" s="44">
        <v>3255</v>
      </c>
      <c r="I3262" s="56">
        <f>Bühler!I3288</f>
        <v>0.44107242254374301</v>
      </c>
      <c r="J3262" s="59">
        <f>Bühler!J3288</f>
        <v>1.4702414084791435</v>
      </c>
      <c r="K3262" s="59">
        <f>Bühler!K3288</f>
        <v>2.2053621127187149</v>
      </c>
      <c r="L3262" s="59">
        <f>Bühler!L3288</f>
        <v>10.585738141049832</v>
      </c>
      <c r="M3262" s="58">
        <f>Bühler!M3288</f>
        <v>0</v>
      </c>
      <c r="N3262" s="56">
        <f>IF(Input!$D$19=1,J3262*Input!$C$19,0)+IF(Input!$D$20=1,K3262*Input!$C$20,0)+IF(Input!$D$21=1,L3262*Input!$C$21,0)+IF(Input!$D$22=1,M3262*Input!$C$22,0)</f>
        <v>0.44107242254374307</v>
      </c>
      <c r="O3262" s="59">
        <f>IF(Input!$D$19=2,J3262*Input!$C$19,0)+IF(Input!$D$20=2,K3262*Input!$C$20,0)+IF(Input!$D$21=2,L3262*Input!$C$21,0)+IF(Input!$D$22=2,M3262*Input!$C$22,0)</f>
        <v>1.1026810563593574</v>
      </c>
      <c r="P3262" s="59">
        <f>IF(Input!$D$19=3,J3262*Input!$C$19,0)+IF(Input!$D$20=3,K3262*Input!$C$20,0)+IF(Input!$D$21=3,L3262*Input!$C$21,0)+IF(Input!$D$22=3,M3262*Input!$C$22,0)</f>
        <v>0</v>
      </c>
      <c r="Q3262" s="75">
        <f>IF(Input!$D$19=4,J3262*Input!$C$19,0)+IF(Input!$D$20=4,K3262*Input!$C$20,0)+IF(Input!$D$21=4,L3262*Input!$C$21,0)+IF(Input!$D$22=4,M3262*Input!$C$22,0)</f>
        <v>0</v>
      </c>
      <c r="R3262" s="58">
        <v>71.253460753583582</v>
      </c>
      <c r="S3262" s="124">
        <f t="shared" si="50"/>
        <v>1.9113138310228865</v>
      </c>
    </row>
    <row r="3263" spans="8:19" x14ac:dyDescent="0.3">
      <c r="H3263" s="44">
        <v>3256</v>
      </c>
      <c r="I3263" s="56">
        <f>Bühler!I3289</f>
        <v>0.44107242254374301</v>
      </c>
      <c r="J3263" s="59">
        <f>Bühler!J3289</f>
        <v>1.4702414084791435</v>
      </c>
      <c r="K3263" s="59">
        <f>Bühler!K3289</f>
        <v>2.2053621127187149</v>
      </c>
      <c r="L3263" s="59">
        <f>Bühler!L3289</f>
        <v>10.585738141049832</v>
      </c>
      <c r="M3263" s="58">
        <f>Bühler!M3289</f>
        <v>0</v>
      </c>
      <c r="N3263" s="56">
        <f>IF(Input!$D$19=1,J3263*Input!$C$19,0)+IF(Input!$D$20=1,K3263*Input!$C$20,0)+IF(Input!$D$21=1,L3263*Input!$C$21,0)+IF(Input!$D$22=1,M3263*Input!$C$22,0)</f>
        <v>0.44107242254374307</v>
      </c>
      <c r="O3263" s="59">
        <f>IF(Input!$D$19=2,J3263*Input!$C$19,0)+IF(Input!$D$20=2,K3263*Input!$C$20,0)+IF(Input!$D$21=2,L3263*Input!$C$21,0)+IF(Input!$D$22=2,M3263*Input!$C$22,0)</f>
        <v>1.1026810563593574</v>
      </c>
      <c r="P3263" s="59">
        <f>IF(Input!$D$19=3,J3263*Input!$C$19,0)+IF(Input!$D$20=3,K3263*Input!$C$20,0)+IF(Input!$D$21=3,L3263*Input!$C$21,0)+IF(Input!$D$22=3,M3263*Input!$C$22,0)</f>
        <v>0</v>
      </c>
      <c r="Q3263" s="75">
        <f>IF(Input!$D$19=4,J3263*Input!$C$19,0)+IF(Input!$D$20=4,K3263*Input!$C$20,0)+IF(Input!$D$21=4,L3263*Input!$C$21,0)+IF(Input!$D$22=4,M3263*Input!$C$22,0)</f>
        <v>0</v>
      </c>
      <c r="R3263" s="58">
        <v>70.195125258535413</v>
      </c>
      <c r="S3263" s="124">
        <f t="shared" si="50"/>
        <v>1.9113138310228865</v>
      </c>
    </row>
    <row r="3264" spans="8:19" x14ac:dyDescent="0.3">
      <c r="H3264" s="44">
        <v>3257</v>
      </c>
      <c r="I3264" s="56">
        <f>Bühler!I3290</f>
        <v>0.44107242254374301</v>
      </c>
      <c r="J3264" s="59">
        <f>Bühler!J3290</f>
        <v>1.4702414084791435</v>
      </c>
      <c r="K3264" s="59">
        <f>Bühler!K3290</f>
        <v>2.2053621127187149</v>
      </c>
      <c r="L3264" s="59">
        <f>Bühler!L3290</f>
        <v>10.585738141049832</v>
      </c>
      <c r="M3264" s="58">
        <f>Bühler!M3290</f>
        <v>0</v>
      </c>
      <c r="N3264" s="56">
        <f>IF(Input!$D$19=1,J3264*Input!$C$19,0)+IF(Input!$D$20=1,K3264*Input!$C$20,0)+IF(Input!$D$21=1,L3264*Input!$C$21,0)+IF(Input!$D$22=1,M3264*Input!$C$22,0)</f>
        <v>0.44107242254374307</v>
      </c>
      <c r="O3264" s="59">
        <f>IF(Input!$D$19=2,J3264*Input!$C$19,0)+IF(Input!$D$20=2,K3264*Input!$C$20,0)+IF(Input!$D$21=2,L3264*Input!$C$21,0)+IF(Input!$D$22=2,M3264*Input!$C$22,0)</f>
        <v>1.1026810563593574</v>
      </c>
      <c r="P3264" s="59">
        <f>IF(Input!$D$19=3,J3264*Input!$C$19,0)+IF(Input!$D$20=3,K3264*Input!$C$20,0)+IF(Input!$D$21=3,L3264*Input!$C$21,0)+IF(Input!$D$22=3,M3264*Input!$C$22,0)</f>
        <v>0</v>
      </c>
      <c r="Q3264" s="75">
        <f>IF(Input!$D$19=4,J3264*Input!$C$19,0)+IF(Input!$D$20=4,K3264*Input!$C$20,0)+IF(Input!$D$21=4,L3264*Input!$C$21,0)+IF(Input!$D$22=4,M3264*Input!$C$22,0)</f>
        <v>0</v>
      </c>
      <c r="R3264" s="58">
        <v>68.495595690458202</v>
      </c>
      <c r="S3264" s="124">
        <f t="shared" si="50"/>
        <v>1.9113138310228865</v>
      </c>
    </row>
    <row r="3265" spans="8:19" x14ac:dyDescent="0.3">
      <c r="H3265" s="44">
        <v>3258</v>
      </c>
      <c r="I3265" s="56">
        <f>Bühler!I3291</f>
        <v>0.44107242254374301</v>
      </c>
      <c r="J3265" s="59">
        <f>Bühler!J3291</f>
        <v>1.4702414084791435</v>
      </c>
      <c r="K3265" s="59">
        <f>Bühler!K3291</f>
        <v>2.2053621127187149</v>
      </c>
      <c r="L3265" s="59">
        <f>Bühler!L3291</f>
        <v>10.585738141049832</v>
      </c>
      <c r="M3265" s="58">
        <f>Bühler!M3291</f>
        <v>0</v>
      </c>
      <c r="N3265" s="56">
        <f>IF(Input!$D$19=1,J3265*Input!$C$19,0)+IF(Input!$D$20=1,K3265*Input!$C$20,0)+IF(Input!$D$21=1,L3265*Input!$C$21,0)+IF(Input!$D$22=1,M3265*Input!$C$22,0)</f>
        <v>0.44107242254374307</v>
      </c>
      <c r="O3265" s="59">
        <f>IF(Input!$D$19=2,J3265*Input!$C$19,0)+IF(Input!$D$20=2,K3265*Input!$C$20,0)+IF(Input!$D$21=2,L3265*Input!$C$21,0)+IF(Input!$D$22=2,M3265*Input!$C$22,0)</f>
        <v>1.1026810563593574</v>
      </c>
      <c r="P3265" s="59">
        <f>IF(Input!$D$19=3,J3265*Input!$C$19,0)+IF(Input!$D$20=3,K3265*Input!$C$20,0)+IF(Input!$D$21=3,L3265*Input!$C$21,0)+IF(Input!$D$22=3,M3265*Input!$C$22,0)</f>
        <v>0</v>
      </c>
      <c r="Q3265" s="75">
        <f>IF(Input!$D$19=4,J3265*Input!$C$19,0)+IF(Input!$D$20=4,K3265*Input!$C$20,0)+IF(Input!$D$21=4,L3265*Input!$C$21,0)+IF(Input!$D$22=4,M3265*Input!$C$22,0)</f>
        <v>0</v>
      </c>
      <c r="R3265" s="58">
        <v>66.777138607020945</v>
      </c>
      <c r="S3265" s="124">
        <f t="shared" si="50"/>
        <v>1.9113138310228865</v>
      </c>
    </row>
    <row r="3266" spans="8:19" x14ac:dyDescent="0.3">
      <c r="H3266" s="44">
        <v>3259</v>
      </c>
      <c r="I3266" s="56">
        <f>Bühler!I3292</f>
        <v>0.44107242254374301</v>
      </c>
      <c r="J3266" s="59">
        <f>Bühler!J3292</f>
        <v>1.4702414084791435</v>
      </c>
      <c r="K3266" s="59">
        <f>Bühler!K3292</f>
        <v>2.2053621127187149</v>
      </c>
      <c r="L3266" s="59">
        <f>Bühler!L3292</f>
        <v>10.585738141049832</v>
      </c>
      <c r="M3266" s="58">
        <f>Bühler!M3292</f>
        <v>0</v>
      </c>
      <c r="N3266" s="56">
        <f>IF(Input!$D$19=1,J3266*Input!$C$19,0)+IF(Input!$D$20=1,K3266*Input!$C$20,0)+IF(Input!$D$21=1,L3266*Input!$C$21,0)+IF(Input!$D$22=1,M3266*Input!$C$22,0)</f>
        <v>0.44107242254374307</v>
      </c>
      <c r="O3266" s="59">
        <f>IF(Input!$D$19=2,J3266*Input!$C$19,0)+IF(Input!$D$20=2,K3266*Input!$C$20,0)+IF(Input!$D$21=2,L3266*Input!$C$21,0)+IF(Input!$D$22=2,M3266*Input!$C$22,0)</f>
        <v>1.1026810563593574</v>
      </c>
      <c r="P3266" s="59">
        <f>IF(Input!$D$19=3,J3266*Input!$C$19,0)+IF(Input!$D$20=3,K3266*Input!$C$20,0)+IF(Input!$D$21=3,L3266*Input!$C$21,0)+IF(Input!$D$22=3,M3266*Input!$C$22,0)</f>
        <v>0</v>
      </c>
      <c r="Q3266" s="75">
        <f>IF(Input!$D$19=4,J3266*Input!$C$19,0)+IF(Input!$D$20=4,K3266*Input!$C$20,0)+IF(Input!$D$21=4,L3266*Input!$C$21,0)+IF(Input!$D$22=4,M3266*Input!$C$22,0)</f>
        <v>0</v>
      </c>
      <c r="R3266" s="58">
        <v>65.559683104976941</v>
      </c>
      <c r="S3266" s="124">
        <f t="shared" si="50"/>
        <v>1.9113138310228865</v>
      </c>
    </row>
    <row r="3267" spans="8:19" x14ac:dyDescent="0.3">
      <c r="H3267" s="44">
        <v>3260</v>
      </c>
      <c r="I3267" s="56">
        <f>Bühler!I3293</f>
        <v>0.36756035211978588</v>
      </c>
      <c r="J3267" s="59">
        <f>Bühler!J3293</f>
        <v>1.2252011737326196</v>
      </c>
      <c r="K3267" s="59">
        <f>Bühler!K3293</f>
        <v>1.8378017605989294</v>
      </c>
      <c r="L3267" s="59">
        <f>Bühler!L3293</f>
        <v>8.8214484508748612</v>
      </c>
      <c r="M3267" s="58">
        <f>Bühler!M3293</f>
        <v>0</v>
      </c>
      <c r="N3267" s="56">
        <f>IF(Input!$D$19=1,J3267*Input!$C$19,0)+IF(Input!$D$20=1,K3267*Input!$C$20,0)+IF(Input!$D$21=1,L3267*Input!$C$21,0)+IF(Input!$D$22=1,M3267*Input!$C$22,0)</f>
        <v>0.36756035211978588</v>
      </c>
      <c r="O3267" s="59">
        <f>IF(Input!$D$19=2,J3267*Input!$C$19,0)+IF(Input!$D$20=2,K3267*Input!$C$20,0)+IF(Input!$D$21=2,L3267*Input!$C$21,0)+IF(Input!$D$22=2,M3267*Input!$C$22,0)</f>
        <v>0.91890088029946471</v>
      </c>
      <c r="P3267" s="59">
        <f>IF(Input!$D$19=3,J3267*Input!$C$19,0)+IF(Input!$D$20=3,K3267*Input!$C$20,0)+IF(Input!$D$21=3,L3267*Input!$C$21,0)+IF(Input!$D$22=3,M3267*Input!$C$22,0)</f>
        <v>0</v>
      </c>
      <c r="Q3267" s="75">
        <f>IF(Input!$D$19=4,J3267*Input!$C$19,0)+IF(Input!$D$20=4,K3267*Input!$C$20,0)+IF(Input!$D$21=4,L3267*Input!$C$21,0)+IF(Input!$D$22=4,M3267*Input!$C$22,0)</f>
        <v>0</v>
      </c>
      <c r="R3267" s="58">
        <v>64.07551586869829</v>
      </c>
      <c r="S3267" s="124">
        <f t="shared" si="50"/>
        <v>1.5927615258524055</v>
      </c>
    </row>
    <row r="3268" spans="8:19" x14ac:dyDescent="0.3">
      <c r="H3268" s="44">
        <v>3261</v>
      </c>
      <c r="I3268" s="56">
        <f>Bühler!I3294</f>
        <v>0.29404828169582875</v>
      </c>
      <c r="J3268" s="59">
        <f>Bühler!J3294</f>
        <v>0.98016093898609591</v>
      </c>
      <c r="K3268" s="59">
        <f>Bühler!K3294</f>
        <v>1.4702414084791438</v>
      </c>
      <c r="L3268" s="59">
        <f>Bühler!L3294</f>
        <v>7.05715876069989</v>
      </c>
      <c r="M3268" s="58">
        <f>Bühler!M3294</f>
        <v>0</v>
      </c>
      <c r="N3268" s="56">
        <f>IF(Input!$D$19=1,J3268*Input!$C$19,0)+IF(Input!$D$20=1,K3268*Input!$C$20,0)+IF(Input!$D$21=1,L3268*Input!$C$21,0)+IF(Input!$D$22=1,M3268*Input!$C$22,0)</f>
        <v>0.29404828169582875</v>
      </c>
      <c r="O3268" s="59">
        <f>IF(Input!$D$19=2,J3268*Input!$C$19,0)+IF(Input!$D$20=2,K3268*Input!$C$20,0)+IF(Input!$D$21=2,L3268*Input!$C$21,0)+IF(Input!$D$22=2,M3268*Input!$C$22,0)</f>
        <v>0.73512070423957188</v>
      </c>
      <c r="P3268" s="59">
        <f>IF(Input!$D$19=3,J3268*Input!$C$19,0)+IF(Input!$D$20=3,K3268*Input!$C$20,0)+IF(Input!$D$21=3,L3268*Input!$C$21,0)+IF(Input!$D$22=3,M3268*Input!$C$22,0)</f>
        <v>0</v>
      </c>
      <c r="Q3268" s="75">
        <f>IF(Input!$D$19=4,J3268*Input!$C$19,0)+IF(Input!$D$20=4,K3268*Input!$C$20,0)+IF(Input!$D$21=4,L3268*Input!$C$21,0)+IF(Input!$D$22=4,M3268*Input!$C$22,0)</f>
        <v>0</v>
      </c>
      <c r="R3268" s="58">
        <v>61.656361171431207</v>
      </c>
      <c r="S3268" s="124">
        <f t="shared" si="50"/>
        <v>1.2742092206819247</v>
      </c>
    </row>
    <row r="3269" spans="8:19" x14ac:dyDescent="0.3">
      <c r="H3269" s="44">
        <v>3262</v>
      </c>
      <c r="I3269" s="56">
        <f>Bühler!I3295</f>
        <v>0.22053621127187151</v>
      </c>
      <c r="J3269" s="59">
        <f>Bühler!J3295</f>
        <v>0.73512070423957177</v>
      </c>
      <c r="K3269" s="59">
        <f>Bühler!K3295</f>
        <v>1.1026810563593574</v>
      </c>
      <c r="L3269" s="59">
        <f>Bühler!L3295</f>
        <v>5.2928690705249162</v>
      </c>
      <c r="M3269" s="58">
        <f>Bühler!M3295</f>
        <v>0</v>
      </c>
      <c r="N3269" s="56">
        <f>IF(Input!$D$19=1,J3269*Input!$C$19,0)+IF(Input!$D$20=1,K3269*Input!$C$20,0)+IF(Input!$D$21=1,L3269*Input!$C$21,0)+IF(Input!$D$22=1,M3269*Input!$C$22,0)</f>
        <v>0.22053621127187154</v>
      </c>
      <c r="O3269" s="59">
        <f>IF(Input!$D$19=2,J3269*Input!$C$19,0)+IF(Input!$D$20=2,K3269*Input!$C$20,0)+IF(Input!$D$21=2,L3269*Input!$C$21,0)+IF(Input!$D$22=2,M3269*Input!$C$22,0)</f>
        <v>0.55134052817967871</v>
      </c>
      <c r="P3269" s="59">
        <f>IF(Input!$D$19=3,J3269*Input!$C$19,0)+IF(Input!$D$20=3,K3269*Input!$C$20,0)+IF(Input!$D$21=3,L3269*Input!$C$21,0)+IF(Input!$D$22=3,M3269*Input!$C$22,0)</f>
        <v>0</v>
      </c>
      <c r="Q3269" s="75">
        <f>IF(Input!$D$19=4,J3269*Input!$C$19,0)+IF(Input!$D$20=4,K3269*Input!$C$20,0)+IF(Input!$D$21=4,L3269*Input!$C$21,0)+IF(Input!$D$22=4,M3269*Input!$C$22,0)</f>
        <v>0</v>
      </c>
      <c r="R3269" s="58">
        <v>60.040493467803294</v>
      </c>
      <c r="S3269" s="124">
        <f t="shared" si="50"/>
        <v>0.95565691551144327</v>
      </c>
    </row>
    <row r="3270" spans="8:19" x14ac:dyDescent="0.3">
      <c r="H3270" s="44">
        <v>3263</v>
      </c>
      <c r="I3270" s="56">
        <f>Bühler!I3296</f>
        <v>0.22053621127187151</v>
      </c>
      <c r="J3270" s="59">
        <f>Bühler!J3296</f>
        <v>0.73512070423957177</v>
      </c>
      <c r="K3270" s="59">
        <f>Bühler!K3296</f>
        <v>1.1026810563593574</v>
      </c>
      <c r="L3270" s="59">
        <f>Bühler!L3296</f>
        <v>5.2928690705249162</v>
      </c>
      <c r="M3270" s="58">
        <f>Bühler!M3296</f>
        <v>0</v>
      </c>
      <c r="N3270" s="56">
        <f>IF(Input!$D$19=1,J3270*Input!$C$19,0)+IF(Input!$D$20=1,K3270*Input!$C$20,0)+IF(Input!$D$21=1,L3270*Input!$C$21,0)+IF(Input!$D$22=1,M3270*Input!$C$22,0)</f>
        <v>0.22053621127187154</v>
      </c>
      <c r="O3270" s="59">
        <f>IF(Input!$D$19=2,J3270*Input!$C$19,0)+IF(Input!$D$20=2,K3270*Input!$C$20,0)+IF(Input!$D$21=2,L3270*Input!$C$21,0)+IF(Input!$D$22=2,M3270*Input!$C$22,0)</f>
        <v>0.55134052817967871</v>
      </c>
      <c r="P3270" s="59">
        <f>IF(Input!$D$19=3,J3270*Input!$C$19,0)+IF(Input!$D$20=3,K3270*Input!$C$20,0)+IF(Input!$D$21=3,L3270*Input!$C$21,0)+IF(Input!$D$22=3,M3270*Input!$C$22,0)</f>
        <v>0</v>
      </c>
      <c r="Q3270" s="75">
        <f>IF(Input!$D$19=4,J3270*Input!$C$19,0)+IF(Input!$D$20=4,K3270*Input!$C$20,0)+IF(Input!$D$21=4,L3270*Input!$C$21,0)+IF(Input!$D$22=4,M3270*Input!$C$22,0)</f>
        <v>0</v>
      </c>
      <c r="R3270" s="58">
        <v>59.613091587738289</v>
      </c>
      <c r="S3270" s="124">
        <f t="shared" si="50"/>
        <v>0.95565691551144327</v>
      </c>
    </row>
    <row r="3271" spans="8:19" x14ac:dyDescent="0.3">
      <c r="H3271" s="44">
        <v>3264</v>
      </c>
      <c r="I3271" s="56">
        <f>Bühler!I3297</f>
        <v>0.22053621127187151</v>
      </c>
      <c r="J3271" s="59">
        <f>Bühler!J3297</f>
        <v>0.73512070423957177</v>
      </c>
      <c r="K3271" s="59">
        <f>Bühler!K3297</f>
        <v>1.1026810563593574</v>
      </c>
      <c r="L3271" s="59">
        <f>Bühler!L3297</f>
        <v>5.2928690705249162</v>
      </c>
      <c r="M3271" s="58">
        <f>Bühler!M3297</f>
        <v>0</v>
      </c>
      <c r="N3271" s="56">
        <f>IF(Input!$D$19=1,J3271*Input!$C$19,0)+IF(Input!$D$20=1,K3271*Input!$C$20,0)+IF(Input!$D$21=1,L3271*Input!$C$21,0)+IF(Input!$D$22=1,M3271*Input!$C$22,0)</f>
        <v>0.22053621127187154</v>
      </c>
      <c r="O3271" s="59">
        <f>IF(Input!$D$19=2,J3271*Input!$C$19,0)+IF(Input!$D$20=2,K3271*Input!$C$20,0)+IF(Input!$D$21=2,L3271*Input!$C$21,0)+IF(Input!$D$22=2,M3271*Input!$C$22,0)</f>
        <v>0.55134052817967871</v>
      </c>
      <c r="P3271" s="59">
        <f>IF(Input!$D$19=3,J3271*Input!$C$19,0)+IF(Input!$D$20=3,K3271*Input!$C$20,0)+IF(Input!$D$21=3,L3271*Input!$C$21,0)+IF(Input!$D$22=3,M3271*Input!$C$22,0)</f>
        <v>0</v>
      </c>
      <c r="Q3271" s="75">
        <f>IF(Input!$D$19=4,J3271*Input!$C$19,0)+IF(Input!$D$20=4,K3271*Input!$C$20,0)+IF(Input!$D$21=4,L3271*Input!$C$21,0)+IF(Input!$D$22=4,M3271*Input!$C$22,0)</f>
        <v>0</v>
      </c>
      <c r="R3271" s="58">
        <v>58.888785443043105</v>
      </c>
      <c r="S3271" s="124">
        <f t="shared" si="50"/>
        <v>0.95565691551144327</v>
      </c>
    </row>
    <row r="3272" spans="8:19" x14ac:dyDescent="0.3">
      <c r="H3272" s="44">
        <v>3265</v>
      </c>
      <c r="I3272" s="56">
        <f>Bühler!I3298</f>
        <v>0.2231055874019359</v>
      </c>
      <c r="J3272" s="59">
        <f>Bühler!J3298</f>
        <v>0.74368529133978634</v>
      </c>
      <c r="K3272" s="59">
        <f>Bühler!K3298</f>
        <v>1.1155279370096793</v>
      </c>
      <c r="L3272" s="59">
        <f>Bühler!L3298</f>
        <v>5.3545340976464608</v>
      </c>
      <c r="M3272" s="58">
        <f>Bühler!M3298</f>
        <v>0</v>
      </c>
      <c r="N3272" s="56">
        <f>IF(Input!$D$19=1,J3272*Input!$C$19,0)+IF(Input!$D$20=1,K3272*Input!$C$20,0)+IF(Input!$D$21=1,L3272*Input!$C$21,0)+IF(Input!$D$22=1,M3272*Input!$C$22,0)</f>
        <v>0.2231055874019359</v>
      </c>
      <c r="O3272" s="59">
        <f>IF(Input!$D$19=2,J3272*Input!$C$19,0)+IF(Input!$D$20=2,K3272*Input!$C$20,0)+IF(Input!$D$21=2,L3272*Input!$C$21,0)+IF(Input!$D$22=2,M3272*Input!$C$22,0)</f>
        <v>0.55776396850483967</v>
      </c>
      <c r="P3272" s="59">
        <f>IF(Input!$D$19=3,J3272*Input!$C$19,0)+IF(Input!$D$20=3,K3272*Input!$C$20,0)+IF(Input!$D$21=3,L3272*Input!$C$21,0)+IF(Input!$D$22=3,M3272*Input!$C$22,0)</f>
        <v>0</v>
      </c>
      <c r="Q3272" s="75">
        <f>IF(Input!$D$19=4,J3272*Input!$C$19,0)+IF(Input!$D$20=4,K3272*Input!$C$20,0)+IF(Input!$D$21=4,L3272*Input!$C$21,0)+IF(Input!$D$22=4,M3272*Input!$C$22,0)</f>
        <v>0</v>
      </c>
      <c r="R3272" s="58">
        <v>47.98191557859078</v>
      </c>
      <c r="S3272" s="124">
        <f t="shared" si="50"/>
        <v>0.9667908787417222</v>
      </c>
    </row>
    <row r="3273" spans="8:19" x14ac:dyDescent="0.3">
      <c r="H3273" s="44">
        <v>3266</v>
      </c>
      <c r="I3273" s="56">
        <f>Bühler!I3299</f>
        <v>0.2231055874019359</v>
      </c>
      <c r="J3273" s="59">
        <f>Bühler!J3299</f>
        <v>0.74368529133978634</v>
      </c>
      <c r="K3273" s="59">
        <f>Bühler!K3299</f>
        <v>1.1155279370096793</v>
      </c>
      <c r="L3273" s="59">
        <f>Bühler!L3299</f>
        <v>5.3545340976464608</v>
      </c>
      <c r="M3273" s="58">
        <f>Bühler!M3299</f>
        <v>0</v>
      </c>
      <c r="N3273" s="56">
        <f>IF(Input!$D$19=1,J3273*Input!$C$19,0)+IF(Input!$D$20=1,K3273*Input!$C$20,0)+IF(Input!$D$21=1,L3273*Input!$C$21,0)+IF(Input!$D$22=1,M3273*Input!$C$22,0)</f>
        <v>0.2231055874019359</v>
      </c>
      <c r="O3273" s="59">
        <f>IF(Input!$D$19=2,J3273*Input!$C$19,0)+IF(Input!$D$20=2,K3273*Input!$C$20,0)+IF(Input!$D$21=2,L3273*Input!$C$21,0)+IF(Input!$D$22=2,M3273*Input!$C$22,0)</f>
        <v>0.55776396850483967</v>
      </c>
      <c r="P3273" s="59">
        <f>IF(Input!$D$19=3,J3273*Input!$C$19,0)+IF(Input!$D$20=3,K3273*Input!$C$20,0)+IF(Input!$D$21=3,L3273*Input!$C$21,0)+IF(Input!$D$22=3,M3273*Input!$C$22,0)</f>
        <v>0</v>
      </c>
      <c r="Q3273" s="75">
        <f>IF(Input!$D$19=4,J3273*Input!$C$19,0)+IF(Input!$D$20=4,K3273*Input!$C$20,0)+IF(Input!$D$21=4,L3273*Input!$C$21,0)+IF(Input!$D$22=4,M3273*Input!$C$22,0)</f>
        <v>0</v>
      </c>
      <c r="R3273" s="58">
        <v>47.705166394549138</v>
      </c>
      <c r="S3273" s="124">
        <f t="shared" ref="S3273:S3336" si="51">I3273+J3273</f>
        <v>0.9667908787417222</v>
      </c>
    </row>
    <row r="3274" spans="8:19" x14ac:dyDescent="0.3">
      <c r="H3274" s="44">
        <v>3267</v>
      </c>
      <c r="I3274" s="56">
        <f>Bühler!I3300</f>
        <v>0.2231055874019359</v>
      </c>
      <c r="J3274" s="59">
        <f>Bühler!J3300</f>
        <v>0.74368529133978634</v>
      </c>
      <c r="K3274" s="59">
        <f>Bühler!K3300</f>
        <v>1.1155279370096793</v>
      </c>
      <c r="L3274" s="59">
        <f>Bühler!L3300</f>
        <v>5.3545340976464608</v>
      </c>
      <c r="M3274" s="58">
        <f>Bühler!M3300</f>
        <v>0</v>
      </c>
      <c r="N3274" s="56">
        <f>IF(Input!$D$19=1,J3274*Input!$C$19,0)+IF(Input!$D$20=1,K3274*Input!$C$20,0)+IF(Input!$D$21=1,L3274*Input!$C$21,0)+IF(Input!$D$22=1,M3274*Input!$C$22,0)</f>
        <v>0.2231055874019359</v>
      </c>
      <c r="O3274" s="59">
        <f>IF(Input!$D$19=2,J3274*Input!$C$19,0)+IF(Input!$D$20=2,K3274*Input!$C$20,0)+IF(Input!$D$21=2,L3274*Input!$C$21,0)+IF(Input!$D$22=2,M3274*Input!$C$22,0)</f>
        <v>0.55776396850483967</v>
      </c>
      <c r="P3274" s="59">
        <f>IF(Input!$D$19=3,J3274*Input!$C$19,0)+IF(Input!$D$20=3,K3274*Input!$C$20,0)+IF(Input!$D$21=3,L3274*Input!$C$21,0)+IF(Input!$D$22=3,M3274*Input!$C$22,0)</f>
        <v>0</v>
      </c>
      <c r="Q3274" s="75">
        <f>IF(Input!$D$19=4,J3274*Input!$C$19,0)+IF(Input!$D$20=4,K3274*Input!$C$20,0)+IF(Input!$D$21=4,L3274*Input!$C$21,0)+IF(Input!$D$22=4,M3274*Input!$C$22,0)</f>
        <v>0</v>
      </c>
      <c r="R3274" s="58">
        <v>47.991133272078962</v>
      </c>
      <c r="S3274" s="124">
        <f t="shared" si="51"/>
        <v>0.9667908787417222</v>
      </c>
    </row>
    <row r="3275" spans="8:19" x14ac:dyDescent="0.3">
      <c r="H3275" s="44">
        <v>3268</v>
      </c>
      <c r="I3275" s="56">
        <f>Bühler!I3301</f>
        <v>0.2231055874019359</v>
      </c>
      <c r="J3275" s="59">
        <f>Bühler!J3301</f>
        <v>0.74368529133978634</v>
      </c>
      <c r="K3275" s="59">
        <f>Bühler!K3301</f>
        <v>1.1155279370096793</v>
      </c>
      <c r="L3275" s="59">
        <f>Bühler!L3301</f>
        <v>5.3545340976464608</v>
      </c>
      <c r="M3275" s="58">
        <f>Bühler!M3301</f>
        <v>0</v>
      </c>
      <c r="N3275" s="56">
        <f>IF(Input!$D$19=1,J3275*Input!$C$19,0)+IF(Input!$D$20=1,K3275*Input!$C$20,0)+IF(Input!$D$21=1,L3275*Input!$C$21,0)+IF(Input!$D$22=1,M3275*Input!$C$22,0)</f>
        <v>0.2231055874019359</v>
      </c>
      <c r="O3275" s="59">
        <f>IF(Input!$D$19=2,J3275*Input!$C$19,0)+IF(Input!$D$20=2,K3275*Input!$C$20,0)+IF(Input!$D$21=2,L3275*Input!$C$21,0)+IF(Input!$D$22=2,M3275*Input!$C$22,0)</f>
        <v>0.55776396850483967</v>
      </c>
      <c r="P3275" s="59">
        <f>IF(Input!$D$19=3,J3275*Input!$C$19,0)+IF(Input!$D$20=3,K3275*Input!$C$20,0)+IF(Input!$D$21=3,L3275*Input!$C$21,0)+IF(Input!$D$22=3,M3275*Input!$C$22,0)</f>
        <v>0</v>
      </c>
      <c r="Q3275" s="75">
        <f>IF(Input!$D$19=4,J3275*Input!$C$19,0)+IF(Input!$D$20=4,K3275*Input!$C$20,0)+IF(Input!$D$21=4,L3275*Input!$C$21,0)+IF(Input!$D$22=4,M3275*Input!$C$22,0)</f>
        <v>0</v>
      </c>
      <c r="R3275" s="58">
        <v>48.914430590188637</v>
      </c>
      <c r="S3275" s="124">
        <f t="shared" si="51"/>
        <v>0.9667908787417222</v>
      </c>
    </row>
    <row r="3276" spans="8:19" x14ac:dyDescent="0.3">
      <c r="H3276" s="44">
        <v>3269</v>
      </c>
      <c r="I3276" s="56">
        <f>Bühler!I3302</f>
        <v>0.2231055874019359</v>
      </c>
      <c r="J3276" s="59">
        <f>Bühler!J3302</f>
        <v>0.74368529133978634</v>
      </c>
      <c r="K3276" s="59">
        <f>Bühler!K3302</f>
        <v>1.1155279370096793</v>
      </c>
      <c r="L3276" s="59">
        <f>Bühler!L3302</f>
        <v>5.3545340976464608</v>
      </c>
      <c r="M3276" s="58">
        <f>Bühler!M3302</f>
        <v>0</v>
      </c>
      <c r="N3276" s="56">
        <f>IF(Input!$D$19=1,J3276*Input!$C$19,0)+IF(Input!$D$20=1,K3276*Input!$C$20,0)+IF(Input!$D$21=1,L3276*Input!$C$21,0)+IF(Input!$D$22=1,M3276*Input!$C$22,0)</f>
        <v>0.2231055874019359</v>
      </c>
      <c r="O3276" s="59">
        <f>IF(Input!$D$19=2,J3276*Input!$C$19,0)+IF(Input!$D$20=2,K3276*Input!$C$20,0)+IF(Input!$D$21=2,L3276*Input!$C$21,0)+IF(Input!$D$22=2,M3276*Input!$C$22,0)</f>
        <v>0.55776396850483967</v>
      </c>
      <c r="P3276" s="59">
        <f>IF(Input!$D$19=3,J3276*Input!$C$19,0)+IF(Input!$D$20=3,K3276*Input!$C$20,0)+IF(Input!$D$21=3,L3276*Input!$C$21,0)+IF(Input!$D$22=3,M3276*Input!$C$22,0)</f>
        <v>0</v>
      </c>
      <c r="Q3276" s="75">
        <f>IF(Input!$D$19=4,J3276*Input!$C$19,0)+IF(Input!$D$20=4,K3276*Input!$C$20,0)+IF(Input!$D$21=4,L3276*Input!$C$21,0)+IF(Input!$D$22=4,M3276*Input!$C$22,0)</f>
        <v>0</v>
      </c>
      <c r="R3276" s="58">
        <v>50.729025603568942</v>
      </c>
      <c r="S3276" s="124">
        <f t="shared" si="51"/>
        <v>0.9667908787417222</v>
      </c>
    </row>
    <row r="3277" spans="8:19" x14ac:dyDescent="0.3">
      <c r="H3277" s="44">
        <v>3270</v>
      </c>
      <c r="I3277" s="56">
        <f>Bühler!I3303</f>
        <v>0.28755831265138404</v>
      </c>
      <c r="J3277" s="59">
        <f>Bühler!J3303</f>
        <v>0.95852770883794691</v>
      </c>
      <c r="K3277" s="59">
        <f>Bühler!K3303</f>
        <v>1.4377915632569203</v>
      </c>
      <c r="L3277" s="59">
        <f>Bühler!L3303</f>
        <v>6.9013995036332174</v>
      </c>
      <c r="M3277" s="58">
        <f>Bühler!M3303</f>
        <v>0</v>
      </c>
      <c r="N3277" s="56">
        <f>IF(Input!$D$19=1,J3277*Input!$C$19,0)+IF(Input!$D$20=1,K3277*Input!$C$20,0)+IF(Input!$D$21=1,L3277*Input!$C$21,0)+IF(Input!$D$22=1,M3277*Input!$C$22,0)</f>
        <v>0.28755831265138404</v>
      </c>
      <c r="O3277" s="59">
        <f>IF(Input!$D$19=2,J3277*Input!$C$19,0)+IF(Input!$D$20=2,K3277*Input!$C$20,0)+IF(Input!$D$21=2,L3277*Input!$C$21,0)+IF(Input!$D$22=2,M3277*Input!$C$22,0)</f>
        <v>0.71889578162846013</v>
      </c>
      <c r="P3277" s="59">
        <f>IF(Input!$D$19=3,J3277*Input!$C$19,0)+IF(Input!$D$20=3,K3277*Input!$C$20,0)+IF(Input!$D$21=3,L3277*Input!$C$21,0)+IF(Input!$D$22=3,M3277*Input!$C$22,0)</f>
        <v>0</v>
      </c>
      <c r="Q3277" s="75">
        <f>IF(Input!$D$19=4,J3277*Input!$C$19,0)+IF(Input!$D$20=4,K3277*Input!$C$20,0)+IF(Input!$D$21=4,L3277*Input!$C$21,0)+IF(Input!$D$22=4,M3277*Input!$C$22,0)</f>
        <v>0</v>
      </c>
      <c r="R3277" s="58">
        <v>54.878306971951126</v>
      </c>
      <c r="S3277" s="124">
        <f t="shared" si="51"/>
        <v>1.246086021489331</v>
      </c>
    </row>
    <row r="3278" spans="8:19" x14ac:dyDescent="0.3">
      <c r="H3278" s="44">
        <v>3271</v>
      </c>
      <c r="I3278" s="56">
        <f>Bühler!I3304</f>
        <v>0.3321794301317712</v>
      </c>
      <c r="J3278" s="59">
        <f>Bühler!J3304</f>
        <v>1.1072647671059042</v>
      </c>
      <c r="K3278" s="59">
        <f>Bühler!K3304</f>
        <v>1.6608971506588561</v>
      </c>
      <c r="L3278" s="59">
        <f>Bühler!L3304</f>
        <v>7.9723063231625098</v>
      </c>
      <c r="M3278" s="58">
        <f>Bühler!M3304</f>
        <v>0</v>
      </c>
      <c r="N3278" s="56">
        <f>IF(Input!$D$19=1,J3278*Input!$C$19,0)+IF(Input!$D$20=1,K3278*Input!$C$20,0)+IF(Input!$D$21=1,L3278*Input!$C$21,0)+IF(Input!$D$22=1,M3278*Input!$C$22,0)</f>
        <v>0.33217943013177126</v>
      </c>
      <c r="O3278" s="59">
        <f>IF(Input!$D$19=2,J3278*Input!$C$19,0)+IF(Input!$D$20=2,K3278*Input!$C$20,0)+IF(Input!$D$21=2,L3278*Input!$C$21,0)+IF(Input!$D$22=2,M3278*Input!$C$22,0)</f>
        <v>0.83044857532942806</v>
      </c>
      <c r="P3278" s="59">
        <f>IF(Input!$D$19=3,J3278*Input!$C$19,0)+IF(Input!$D$20=3,K3278*Input!$C$20,0)+IF(Input!$D$21=3,L3278*Input!$C$21,0)+IF(Input!$D$22=3,M3278*Input!$C$22,0)</f>
        <v>0</v>
      </c>
      <c r="Q3278" s="75">
        <f>IF(Input!$D$19=4,J3278*Input!$C$19,0)+IF(Input!$D$20=4,K3278*Input!$C$20,0)+IF(Input!$D$21=4,L3278*Input!$C$21,0)+IF(Input!$D$22=4,M3278*Input!$C$22,0)</f>
        <v>0</v>
      </c>
      <c r="R3278" s="58">
        <v>58.107434261567619</v>
      </c>
      <c r="S3278" s="124">
        <f t="shared" si="51"/>
        <v>1.4394441972376755</v>
      </c>
    </row>
    <row r="3279" spans="8:19" x14ac:dyDescent="0.3">
      <c r="H3279" s="44">
        <v>3272</v>
      </c>
      <c r="I3279" s="56">
        <f>Bühler!I3305</f>
        <v>0.3321794301317712</v>
      </c>
      <c r="J3279" s="59">
        <f>Bühler!J3305</f>
        <v>1.1072647671059042</v>
      </c>
      <c r="K3279" s="59">
        <f>Bühler!K3305</f>
        <v>1.6608971506588561</v>
      </c>
      <c r="L3279" s="59">
        <f>Bühler!L3305</f>
        <v>7.9723063231625098</v>
      </c>
      <c r="M3279" s="58">
        <f>Bühler!M3305</f>
        <v>0</v>
      </c>
      <c r="N3279" s="56">
        <f>IF(Input!$D$19=1,J3279*Input!$C$19,0)+IF(Input!$D$20=1,K3279*Input!$C$20,0)+IF(Input!$D$21=1,L3279*Input!$C$21,0)+IF(Input!$D$22=1,M3279*Input!$C$22,0)</f>
        <v>0.33217943013177126</v>
      </c>
      <c r="O3279" s="59">
        <f>IF(Input!$D$19=2,J3279*Input!$C$19,0)+IF(Input!$D$20=2,K3279*Input!$C$20,0)+IF(Input!$D$21=2,L3279*Input!$C$21,0)+IF(Input!$D$22=2,M3279*Input!$C$22,0)</f>
        <v>0.83044857532942806</v>
      </c>
      <c r="P3279" s="59">
        <f>IF(Input!$D$19=3,J3279*Input!$C$19,0)+IF(Input!$D$20=3,K3279*Input!$C$20,0)+IF(Input!$D$21=3,L3279*Input!$C$21,0)+IF(Input!$D$22=3,M3279*Input!$C$22,0)</f>
        <v>0</v>
      </c>
      <c r="Q3279" s="75">
        <f>IF(Input!$D$19=4,J3279*Input!$C$19,0)+IF(Input!$D$20=4,K3279*Input!$C$20,0)+IF(Input!$D$21=4,L3279*Input!$C$21,0)+IF(Input!$D$22=4,M3279*Input!$C$22,0)</f>
        <v>0</v>
      </c>
      <c r="R3279" s="58">
        <v>60.210730896431116</v>
      </c>
      <c r="S3279" s="124">
        <f t="shared" si="51"/>
        <v>1.4394441972376755</v>
      </c>
    </row>
    <row r="3280" spans="8:19" x14ac:dyDescent="0.3">
      <c r="H3280" s="44">
        <v>3273</v>
      </c>
      <c r="I3280" s="56">
        <f>Bühler!I3306</f>
        <v>0.3321794301317712</v>
      </c>
      <c r="J3280" s="59">
        <f>Bühler!J3306</f>
        <v>1.1072647671059042</v>
      </c>
      <c r="K3280" s="59">
        <f>Bühler!K3306</f>
        <v>1.6608971506588561</v>
      </c>
      <c r="L3280" s="59">
        <f>Bühler!L3306</f>
        <v>7.9723063231625098</v>
      </c>
      <c r="M3280" s="58">
        <f>Bühler!M3306</f>
        <v>0</v>
      </c>
      <c r="N3280" s="56">
        <f>IF(Input!$D$19=1,J3280*Input!$C$19,0)+IF(Input!$D$20=1,K3280*Input!$C$20,0)+IF(Input!$D$21=1,L3280*Input!$C$21,0)+IF(Input!$D$22=1,M3280*Input!$C$22,0)</f>
        <v>0.33217943013177126</v>
      </c>
      <c r="O3280" s="59">
        <f>IF(Input!$D$19=2,J3280*Input!$C$19,0)+IF(Input!$D$20=2,K3280*Input!$C$20,0)+IF(Input!$D$21=2,L3280*Input!$C$21,0)+IF(Input!$D$22=2,M3280*Input!$C$22,0)</f>
        <v>0.83044857532942806</v>
      </c>
      <c r="P3280" s="59">
        <f>IF(Input!$D$19=3,J3280*Input!$C$19,0)+IF(Input!$D$20=3,K3280*Input!$C$20,0)+IF(Input!$D$21=3,L3280*Input!$C$21,0)+IF(Input!$D$22=3,M3280*Input!$C$22,0)</f>
        <v>0</v>
      </c>
      <c r="Q3280" s="75">
        <f>IF(Input!$D$19=4,J3280*Input!$C$19,0)+IF(Input!$D$20=4,K3280*Input!$C$20,0)+IF(Input!$D$21=4,L3280*Input!$C$21,0)+IF(Input!$D$22=4,M3280*Input!$C$22,0)</f>
        <v>0</v>
      </c>
      <c r="R3280" s="58">
        <v>60.826848408897639</v>
      </c>
      <c r="S3280" s="124">
        <f t="shared" si="51"/>
        <v>1.4394441972376755</v>
      </c>
    </row>
    <row r="3281" spans="8:19" x14ac:dyDescent="0.3">
      <c r="H3281" s="44">
        <v>3274</v>
      </c>
      <c r="I3281" s="56">
        <f>Bühler!I3307</f>
        <v>0.35696893984309741</v>
      </c>
      <c r="J3281" s="59">
        <f>Bühler!J3307</f>
        <v>1.1898964661436582</v>
      </c>
      <c r="K3281" s="59">
        <f>Bühler!K3307</f>
        <v>1.7848446992154872</v>
      </c>
      <c r="L3281" s="59">
        <f>Bühler!L3307</f>
        <v>8.5672545562343387</v>
      </c>
      <c r="M3281" s="58">
        <f>Bühler!M3307</f>
        <v>0</v>
      </c>
      <c r="N3281" s="56">
        <f>IF(Input!$D$19=1,J3281*Input!$C$19,0)+IF(Input!$D$20=1,K3281*Input!$C$20,0)+IF(Input!$D$21=1,L3281*Input!$C$21,0)+IF(Input!$D$22=1,M3281*Input!$C$22,0)</f>
        <v>0.35696893984309747</v>
      </c>
      <c r="O3281" s="59">
        <f>IF(Input!$D$19=2,J3281*Input!$C$19,0)+IF(Input!$D$20=2,K3281*Input!$C$20,0)+IF(Input!$D$21=2,L3281*Input!$C$21,0)+IF(Input!$D$22=2,M3281*Input!$C$22,0)</f>
        <v>0.89242234960774358</v>
      </c>
      <c r="P3281" s="59">
        <f>IF(Input!$D$19=3,J3281*Input!$C$19,0)+IF(Input!$D$20=3,K3281*Input!$C$20,0)+IF(Input!$D$21=3,L3281*Input!$C$21,0)+IF(Input!$D$22=3,M3281*Input!$C$22,0)</f>
        <v>0</v>
      </c>
      <c r="Q3281" s="75">
        <f>IF(Input!$D$19=4,J3281*Input!$C$19,0)+IF(Input!$D$20=4,K3281*Input!$C$20,0)+IF(Input!$D$21=4,L3281*Input!$C$21,0)+IF(Input!$D$22=4,M3281*Input!$C$22,0)</f>
        <v>0</v>
      </c>
      <c r="R3281" s="58">
        <v>61.069703851486494</v>
      </c>
      <c r="S3281" s="124">
        <f t="shared" si="51"/>
        <v>1.5468654059867557</v>
      </c>
    </row>
    <row r="3282" spans="8:19" x14ac:dyDescent="0.3">
      <c r="H3282" s="44">
        <v>3275</v>
      </c>
      <c r="I3282" s="56">
        <f>Bühler!I3308</f>
        <v>0.38671635149668893</v>
      </c>
      <c r="J3282" s="59">
        <f>Bühler!J3308</f>
        <v>1.2890545049889632</v>
      </c>
      <c r="K3282" s="59">
        <f>Bühler!K3308</f>
        <v>1.9335817574834446</v>
      </c>
      <c r="L3282" s="59">
        <f>Bühler!L3308</f>
        <v>9.2811924359205342</v>
      </c>
      <c r="M3282" s="58">
        <f>Bühler!M3308</f>
        <v>0</v>
      </c>
      <c r="N3282" s="56">
        <f>IF(Input!$D$19=1,J3282*Input!$C$19,0)+IF(Input!$D$20=1,K3282*Input!$C$20,0)+IF(Input!$D$21=1,L3282*Input!$C$21,0)+IF(Input!$D$22=1,M3282*Input!$C$22,0)</f>
        <v>0.38671635149668898</v>
      </c>
      <c r="O3282" s="59">
        <f>IF(Input!$D$19=2,J3282*Input!$C$19,0)+IF(Input!$D$20=2,K3282*Input!$C$20,0)+IF(Input!$D$21=2,L3282*Input!$C$21,0)+IF(Input!$D$22=2,M3282*Input!$C$22,0)</f>
        <v>0.96679087874172231</v>
      </c>
      <c r="P3282" s="59">
        <f>IF(Input!$D$19=3,J3282*Input!$C$19,0)+IF(Input!$D$20=3,K3282*Input!$C$20,0)+IF(Input!$D$21=3,L3282*Input!$C$21,0)+IF(Input!$D$22=3,M3282*Input!$C$22,0)</f>
        <v>0</v>
      </c>
      <c r="Q3282" s="75">
        <f>IF(Input!$D$19=4,J3282*Input!$C$19,0)+IF(Input!$D$20=4,K3282*Input!$C$20,0)+IF(Input!$D$21=4,L3282*Input!$C$21,0)+IF(Input!$D$22=4,M3282*Input!$C$22,0)</f>
        <v>0</v>
      </c>
      <c r="R3282" s="58">
        <v>60.84075464956782</v>
      </c>
      <c r="S3282" s="124">
        <f t="shared" si="51"/>
        <v>1.6757708564856522</v>
      </c>
    </row>
    <row r="3283" spans="8:19" x14ac:dyDescent="0.3">
      <c r="H3283" s="44">
        <v>3276</v>
      </c>
      <c r="I3283" s="56">
        <f>Bühler!I3309</f>
        <v>0.44621117480387179</v>
      </c>
      <c r="J3283" s="59">
        <f>Bühler!J3309</f>
        <v>1.4873705826795727</v>
      </c>
      <c r="K3283" s="59">
        <f>Bühler!K3309</f>
        <v>2.2310558740193587</v>
      </c>
      <c r="L3283" s="59">
        <f>Bühler!L3309</f>
        <v>10.709068195292922</v>
      </c>
      <c r="M3283" s="58">
        <f>Bühler!M3309</f>
        <v>0</v>
      </c>
      <c r="N3283" s="56">
        <f>IF(Input!$D$19=1,J3283*Input!$C$19,0)+IF(Input!$D$20=1,K3283*Input!$C$20,0)+IF(Input!$D$21=1,L3283*Input!$C$21,0)+IF(Input!$D$22=1,M3283*Input!$C$22,0)</f>
        <v>0.44621117480387179</v>
      </c>
      <c r="O3283" s="59">
        <f>IF(Input!$D$19=2,J3283*Input!$C$19,0)+IF(Input!$D$20=2,K3283*Input!$C$20,0)+IF(Input!$D$21=2,L3283*Input!$C$21,0)+IF(Input!$D$22=2,M3283*Input!$C$22,0)</f>
        <v>1.1155279370096793</v>
      </c>
      <c r="P3283" s="59">
        <f>IF(Input!$D$19=3,J3283*Input!$C$19,0)+IF(Input!$D$20=3,K3283*Input!$C$20,0)+IF(Input!$D$21=3,L3283*Input!$C$21,0)+IF(Input!$D$22=3,M3283*Input!$C$22,0)</f>
        <v>0</v>
      </c>
      <c r="Q3283" s="75">
        <f>IF(Input!$D$19=4,J3283*Input!$C$19,0)+IF(Input!$D$20=4,K3283*Input!$C$20,0)+IF(Input!$D$21=4,L3283*Input!$C$21,0)+IF(Input!$D$22=4,M3283*Input!$C$22,0)</f>
        <v>0</v>
      </c>
      <c r="R3283" s="58">
        <v>61.815138271387411</v>
      </c>
      <c r="S3283" s="124">
        <f t="shared" si="51"/>
        <v>1.9335817574834444</v>
      </c>
    </row>
    <row r="3284" spans="8:19" x14ac:dyDescent="0.3">
      <c r="H3284" s="44">
        <v>3277</v>
      </c>
      <c r="I3284" s="56">
        <f>Bühler!I3310</f>
        <v>0.44621117480387179</v>
      </c>
      <c r="J3284" s="59">
        <f>Bühler!J3310</f>
        <v>1.4873705826795727</v>
      </c>
      <c r="K3284" s="59">
        <f>Bühler!K3310</f>
        <v>2.2310558740193587</v>
      </c>
      <c r="L3284" s="59">
        <f>Bühler!L3310</f>
        <v>10.709068195292922</v>
      </c>
      <c r="M3284" s="58">
        <f>Bühler!M3310</f>
        <v>0</v>
      </c>
      <c r="N3284" s="56">
        <f>IF(Input!$D$19=1,J3284*Input!$C$19,0)+IF(Input!$D$20=1,K3284*Input!$C$20,0)+IF(Input!$D$21=1,L3284*Input!$C$21,0)+IF(Input!$D$22=1,M3284*Input!$C$22,0)</f>
        <v>0.44621117480387179</v>
      </c>
      <c r="O3284" s="59">
        <f>IF(Input!$D$19=2,J3284*Input!$C$19,0)+IF(Input!$D$20=2,K3284*Input!$C$20,0)+IF(Input!$D$21=2,L3284*Input!$C$21,0)+IF(Input!$D$22=2,M3284*Input!$C$22,0)</f>
        <v>1.1155279370096793</v>
      </c>
      <c r="P3284" s="59">
        <f>IF(Input!$D$19=3,J3284*Input!$C$19,0)+IF(Input!$D$20=3,K3284*Input!$C$20,0)+IF(Input!$D$21=3,L3284*Input!$C$21,0)+IF(Input!$D$22=3,M3284*Input!$C$22,0)</f>
        <v>0</v>
      </c>
      <c r="Q3284" s="75">
        <f>IF(Input!$D$19=4,J3284*Input!$C$19,0)+IF(Input!$D$20=4,K3284*Input!$C$20,0)+IF(Input!$D$21=4,L3284*Input!$C$21,0)+IF(Input!$D$22=4,M3284*Input!$C$22,0)</f>
        <v>0</v>
      </c>
      <c r="R3284" s="58">
        <v>61.823304884091577</v>
      </c>
      <c r="S3284" s="124">
        <f t="shared" si="51"/>
        <v>1.9335817574834444</v>
      </c>
    </row>
    <row r="3285" spans="8:19" x14ac:dyDescent="0.3">
      <c r="H3285" s="44">
        <v>3278</v>
      </c>
      <c r="I3285" s="56">
        <f>Bühler!I3311</f>
        <v>0.44621117480387179</v>
      </c>
      <c r="J3285" s="59">
        <f>Bühler!J3311</f>
        <v>1.4873705826795727</v>
      </c>
      <c r="K3285" s="59">
        <f>Bühler!K3311</f>
        <v>2.2310558740193587</v>
      </c>
      <c r="L3285" s="59">
        <f>Bühler!L3311</f>
        <v>10.709068195292922</v>
      </c>
      <c r="M3285" s="58">
        <f>Bühler!M3311</f>
        <v>0</v>
      </c>
      <c r="N3285" s="56">
        <f>IF(Input!$D$19=1,J3285*Input!$C$19,0)+IF(Input!$D$20=1,K3285*Input!$C$20,0)+IF(Input!$D$21=1,L3285*Input!$C$21,0)+IF(Input!$D$22=1,M3285*Input!$C$22,0)</f>
        <v>0.44621117480387179</v>
      </c>
      <c r="O3285" s="59">
        <f>IF(Input!$D$19=2,J3285*Input!$C$19,0)+IF(Input!$D$20=2,K3285*Input!$C$20,0)+IF(Input!$D$21=2,L3285*Input!$C$21,0)+IF(Input!$D$22=2,M3285*Input!$C$22,0)</f>
        <v>1.1155279370096793</v>
      </c>
      <c r="P3285" s="59">
        <f>IF(Input!$D$19=3,J3285*Input!$C$19,0)+IF(Input!$D$20=3,K3285*Input!$C$20,0)+IF(Input!$D$21=3,L3285*Input!$C$21,0)+IF(Input!$D$22=3,M3285*Input!$C$22,0)</f>
        <v>0</v>
      </c>
      <c r="Q3285" s="75">
        <f>IF(Input!$D$19=4,J3285*Input!$C$19,0)+IF(Input!$D$20=4,K3285*Input!$C$20,0)+IF(Input!$D$21=4,L3285*Input!$C$21,0)+IF(Input!$D$22=4,M3285*Input!$C$22,0)</f>
        <v>0</v>
      </c>
      <c r="R3285" s="58">
        <v>60.47968434400336</v>
      </c>
      <c r="S3285" s="124">
        <f t="shared" si="51"/>
        <v>1.9335817574834444</v>
      </c>
    </row>
    <row r="3286" spans="8:19" x14ac:dyDescent="0.3">
      <c r="H3286" s="44">
        <v>3279</v>
      </c>
      <c r="I3286" s="56">
        <f>Bühler!I3312</f>
        <v>0.44621117480387179</v>
      </c>
      <c r="J3286" s="59">
        <f>Bühler!J3312</f>
        <v>1.4873705826795727</v>
      </c>
      <c r="K3286" s="59">
        <f>Bühler!K3312</f>
        <v>2.2310558740193587</v>
      </c>
      <c r="L3286" s="59">
        <f>Bühler!L3312</f>
        <v>10.709068195292922</v>
      </c>
      <c r="M3286" s="58">
        <f>Bühler!M3312</f>
        <v>0</v>
      </c>
      <c r="N3286" s="56">
        <f>IF(Input!$D$19=1,J3286*Input!$C$19,0)+IF(Input!$D$20=1,K3286*Input!$C$20,0)+IF(Input!$D$21=1,L3286*Input!$C$21,0)+IF(Input!$D$22=1,M3286*Input!$C$22,0)</f>
        <v>0.44621117480387179</v>
      </c>
      <c r="O3286" s="59">
        <f>IF(Input!$D$19=2,J3286*Input!$C$19,0)+IF(Input!$D$20=2,K3286*Input!$C$20,0)+IF(Input!$D$21=2,L3286*Input!$C$21,0)+IF(Input!$D$22=2,M3286*Input!$C$22,0)</f>
        <v>1.1155279370096793</v>
      </c>
      <c r="P3286" s="59">
        <f>IF(Input!$D$19=3,J3286*Input!$C$19,0)+IF(Input!$D$20=3,K3286*Input!$C$20,0)+IF(Input!$D$21=3,L3286*Input!$C$21,0)+IF(Input!$D$22=3,M3286*Input!$C$22,0)</f>
        <v>0</v>
      </c>
      <c r="Q3286" s="75">
        <f>IF(Input!$D$19=4,J3286*Input!$C$19,0)+IF(Input!$D$20=4,K3286*Input!$C$20,0)+IF(Input!$D$21=4,L3286*Input!$C$21,0)+IF(Input!$D$22=4,M3286*Input!$C$22,0)</f>
        <v>0</v>
      </c>
      <c r="R3286" s="58">
        <v>60.776658002050347</v>
      </c>
      <c r="S3286" s="124">
        <f t="shared" si="51"/>
        <v>1.9335817574834444</v>
      </c>
    </row>
    <row r="3287" spans="8:19" x14ac:dyDescent="0.3">
      <c r="H3287" s="44">
        <v>3280</v>
      </c>
      <c r="I3287" s="56">
        <f>Bühler!I3313</f>
        <v>0.44621117480387179</v>
      </c>
      <c r="J3287" s="59">
        <f>Bühler!J3313</f>
        <v>1.4873705826795727</v>
      </c>
      <c r="K3287" s="59">
        <f>Bühler!K3313</f>
        <v>2.2310558740193587</v>
      </c>
      <c r="L3287" s="59">
        <f>Bühler!L3313</f>
        <v>10.709068195292922</v>
      </c>
      <c r="M3287" s="58">
        <f>Bühler!M3313</f>
        <v>0</v>
      </c>
      <c r="N3287" s="56">
        <f>IF(Input!$D$19=1,J3287*Input!$C$19,0)+IF(Input!$D$20=1,K3287*Input!$C$20,0)+IF(Input!$D$21=1,L3287*Input!$C$21,0)+IF(Input!$D$22=1,M3287*Input!$C$22,0)</f>
        <v>0.44621117480387179</v>
      </c>
      <c r="O3287" s="59">
        <f>IF(Input!$D$19=2,J3287*Input!$C$19,0)+IF(Input!$D$20=2,K3287*Input!$C$20,0)+IF(Input!$D$21=2,L3287*Input!$C$21,0)+IF(Input!$D$22=2,M3287*Input!$C$22,0)</f>
        <v>1.1155279370096793</v>
      </c>
      <c r="P3287" s="59">
        <f>IF(Input!$D$19=3,J3287*Input!$C$19,0)+IF(Input!$D$20=3,K3287*Input!$C$20,0)+IF(Input!$D$21=3,L3287*Input!$C$21,0)+IF(Input!$D$22=3,M3287*Input!$C$22,0)</f>
        <v>0</v>
      </c>
      <c r="Q3287" s="75">
        <f>IF(Input!$D$19=4,J3287*Input!$C$19,0)+IF(Input!$D$20=4,K3287*Input!$C$20,0)+IF(Input!$D$21=4,L3287*Input!$C$21,0)+IF(Input!$D$22=4,M3287*Input!$C$22,0)</f>
        <v>0</v>
      </c>
      <c r="R3287" s="58">
        <v>60.690131668362561</v>
      </c>
      <c r="S3287" s="124">
        <f t="shared" si="51"/>
        <v>1.9335817574834444</v>
      </c>
    </row>
    <row r="3288" spans="8:19" x14ac:dyDescent="0.3">
      <c r="H3288" s="44">
        <v>3281</v>
      </c>
      <c r="I3288" s="56">
        <f>Bühler!I3314</f>
        <v>0.44621117480387179</v>
      </c>
      <c r="J3288" s="59">
        <f>Bühler!J3314</f>
        <v>1.4873705826795727</v>
      </c>
      <c r="K3288" s="59">
        <f>Bühler!K3314</f>
        <v>2.2310558740193587</v>
      </c>
      <c r="L3288" s="59">
        <f>Bühler!L3314</f>
        <v>10.709068195292922</v>
      </c>
      <c r="M3288" s="58">
        <f>Bühler!M3314</f>
        <v>0</v>
      </c>
      <c r="N3288" s="56">
        <f>IF(Input!$D$19=1,J3288*Input!$C$19,0)+IF(Input!$D$20=1,K3288*Input!$C$20,0)+IF(Input!$D$21=1,L3288*Input!$C$21,0)+IF(Input!$D$22=1,M3288*Input!$C$22,0)</f>
        <v>0.44621117480387179</v>
      </c>
      <c r="O3288" s="59">
        <f>IF(Input!$D$19=2,J3288*Input!$C$19,0)+IF(Input!$D$20=2,K3288*Input!$C$20,0)+IF(Input!$D$21=2,L3288*Input!$C$21,0)+IF(Input!$D$22=2,M3288*Input!$C$22,0)</f>
        <v>1.1155279370096793</v>
      </c>
      <c r="P3288" s="59">
        <f>IF(Input!$D$19=3,J3288*Input!$C$19,0)+IF(Input!$D$20=3,K3288*Input!$C$20,0)+IF(Input!$D$21=3,L3288*Input!$C$21,0)+IF(Input!$D$22=3,M3288*Input!$C$22,0)</f>
        <v>0</v>
      </c>
      <c r="Q3288" s="75">
        <f>IF(Input!$D$19=4,J3288*Input!$C$19,0)+IF(Input!$D$20=4,K3288*Input!$C$20,0)+IF(Input!$D$21=4,L3288*Input!$C$21,0)+IF(Input!$D$22=4,M3288*Input!$C$22,0)</f>
        <v>0</v>
      </c>
      <c r="R3288" s="58">
        <v>60.017605506566852</v>
      </c>
      <c r="S3288" s="124">
        <f t="shared" si="51"/>
        <v>1.9335817574834444</v>
      </c>
    </row>
    <row r="3289" spans="8:19" x14ac:dyDescent="0.3">
      <c r="H3289" s="44">
        <v>3282</v>
      </c>
      <c r="I3289" s="56">
        <f>Bühler!I3315</f>
        <v>0.44621117480387179</v>
      </c>
      <c r="J3289" s="59">
        <f>Bühler!J3315</f>
        <v>1.4873705826795727</v>
      </c>
      <c r="K3289" s="59">
        <f>Bühler!K3315</f>
        <v>2.2310558740193587</v>
      </c>
      <c r="L3289" s="59">
        <f>Bühler!L3315</f>
        <v>10.709068195292922</v>
      </c>
      <c r="M3289" s="58">
        <f>Bühler!M3315</f>
        <v>0</v>
      </c>
      <c r="N3289" s="56">
        <f>IF(Input!$D$19=1,J3289*Input!$C$19,0)+IF(Input!$D$20=1,K3289*Input!$C$20,0)+IF(Input!$D$21=1,L3289*Input!$C$21,0)+IF(Input!$D$22=1,M3289*Input!$C$22,0)</f>
        <v>0.44621117480387179</v>
      </c>
      <c r="O3289" s="59">
        <f>IF(Input!$D$19=2,J3289*Input!$C$19,0)+IF(Input!$D$20=2,K3289*Input!$C$20,0)+IF(Input!$D$21=2,L3289*Input!$C$21,0)+IF(Input!$D$22=2,M3289*Input!$C$22,0)</f>
        <v>1.1155279370096793</v>
      </c>
      <c r="P3289" s="59">
        <f>IF(Input!$D$19=3,J3289*Input!$C$19,0)+IF(Input!$D$20=3,K3289*Input!$C$20,0)+IF(Input!$D$21=3,L3289*Input!$C$21,0)+IF(Input!$D$22=3,M3289*Input!$C$22,0)</f>
        <v>0</v>
      </c>
      <c r="Q3289" s="75">
        <f>IF(Input!$D$19=4,J3289*Input!$C$19,0)+IF(Input!$D$20=4,K3289*Input!$C$20,0)+IF(Input!$D$21=4,L3289*Input!$C$21,0)+IF(Input!$D$22=4,M3289*Input!$C$22,0)</f>
        <v>0</v>
      </c>
      <c r="R3289" s="58">
        <v>58.525424585925158</v>
      </c>
      <c r="S3289" s="124">
        <f t="shared" si="51"/>
        <v>1.9335817574834444</v>
      </c>
    </row>
    <row r="3290" spans="8:19" x14ac:dyDescent="0.3">
      <c r="H3290" s="44">
        <v>3283</v>
      </c>
      <c r="I3290" s="56">
        <f>Bühler!I3316</f>
        <v>0.44621117480387179</v>
      </c>
      <c r="J3290" s="59">
        <f>Bühler!J3316</f>
        <v>1.4873705826795727</v>
      </c>
      <c r="K3290" s="59">
        <f>Bühler!K3316</f>
        <v>2.2310558740193587</v>
      </c>
      <c r="L3290" s="59">
        <f>Bühler!L3316</f>
        <v>10.709068195292922</v>
      </c>
      <c r="M3290" s="58">
        <f>Bühler!M3316</f>
        <v>0</v>
      </c>
      <c r="N3290" s="56">
        <f>IF(Input!$D$19=1,J3290*Input!$C$19,0)+IF(Input!$D$20=1,K3290*Input!$C$20,0)+IF(Input!$D$21=1,L3290*Input!$C$21,0)+IF(Input!$D$22=1,M3290*Input!$C$22,0)</f>
        <v>0.44621117480387179</v>
      </c>
      <c r="O3290" s="59">
        <f>IF(Input!$D$19=2,J3290*Input!$C$19,0)+IF(Input!$D$20=2,K3290*Input!$C$20,0)+IF(Input!$D$21=2,L3290*Input!$C$21,0)+IF(Input!$D$22=2,M3290*Input!$C$22,0)</f>
        <v>1.1155279370096793</v>
      </c>
      <c r="P3290" s="59">
        <f>IF(Input!$D$19=3,J3290*Input!$C$19,0)+IF(Input!$D$20=3,K3290*Input!$C$20,0)+IF(Input!$D$21=3,L3290*Input!$C$21,0)+IF(Input!$D$22=3,M3290*Input!$C$22,0)</f>
        <v>0</v>
      </c>
      <c r="Q3290" s="75">
        <f>IF(Input!$D$19=4,J3290*Input!$C$19,0)+IF(Input!$D$20=4,K3290*Input!$C$20,0)+IF(Input!$D$21=4,L3290*Input!$C$21,0)+IF(Input!$D$22=4,M3290*Input!$C$22,0)</f>
        <v>0</v>
      </c>
      <c r="R3290" s="58">
        <v>57.20860057460397</v>
      </c>
      <c r="S3290" s="124">
        <f t="shared" si="51"/>
        <v>1.9335817574834444</v>
      </c>
    </row>
    <row r="3291" spans="8:19" x14ac:dyDescent="0.3">
      <c r="H3291" s="44">
        <v>3284</v>
      </c>
      <c r="I3291" s="56">
        <f>Bühler!I3317</f>
        <v>0.37184264566989317</v>
      </c>
      <c r="J3291" s="59">
        <f>Bühler!J3317</f>
        <v>1.2394754855663106</v>
      </c>
      <c r="K3291" s="59">
        <f>Bühler!K3317</f>
        <v>1.8592132283494658</v>
      </c>
      <c r="L3291" s="59">
        <f>Bühler!L3317</f>
        <v>8.9242234960774365</v>
      </c>
      <c r="M3291" s="58">
        <f>Bühler!M3317</f>
        <v>0</v>
      </c>
      <c r="N3291" s="56">
        <f>IF(Input!$D$19=1,J3291*Input!$C$19,0)+IF(Input!$D$20=1,K3291*Input!$C$20,0)+IF(Input!$D$21=1,L3291*Input!$C$21,0)+IF(Input!$D$22=1,M3291*Input!$C$22,0)</f>
        <v>0.37184264566989317</v>
      </c>
      <c r="O3291" s="59">
        <f>IF(Input!$D$19=2,J3291*Input!$C$19,0)+IF(Input!$D$20=2,K3291*Input!$C$20,0)+IF(Input!$D$21=2,L3291*Input!$C$21,0)+IF(Input!$D$22=2,M3291*Input!$C$22,0)</f>
        <v>0.92960661417473289</v>
      </c>
      <c r="P3291" s="59">
        <f>IF(Input!$D$19=3,J3291*Input!$C$19,0)+IF(Input!$D$20=3,K3291*Input!$C$20,0)+IF(Input!$D$21=3,L3291*Input!$C$21,0)+IF(Input!$D$22=3,M3291*Input!$C$22,0)</f>
        <v>0</v>
      </c>
      <c r="Q3291" s="75">
        <f>IF(Input!$D$19=4,J3291*Input!$C$19,0)+IF(Input!$D$20=4,K3291*Input!$C$20,0)+IF(Input!$D$21=4,L3291*Input!$C$21,0)+IF(Input!$D$22=4,M3291*Input!$C$22,0)</f>
        <v>0</v>
      </c>
      <c r="R3291" s="58">
        <v>55.80542133987435</v>
      </c>
      <c r="S3291" s="124">
        <f t="shared" si="51"/>
        <v>1.6113181312362037</v>
      </c>
    </row>
    <row r="3292" spans="8:19" x14ac:dyDescent="0.3">
      <c r="H3292" s="44">
        <v>3285</v>
      </c>
      <c r="I3292" s="56">
        <f>Bühler!I3318</f>
        <v>0.29747411653591455</v>
      </c>
      <c r="J3292" s="59">
        <f>Bühler!J3318</f>
        <v>0.99158038845304852</v>
      </c>
      <c r="K3292" s="59">
        <f>Bühler!K3318</f>
        <v>1.4873705826795727</v>
      </c>
      <c r="L3292" s="59">
        <f>Bühler!L3318</f>
        <v>7.1393787968619487</v>
      </c>
      <c r="M3292" s="58">
        <f>Bühler!M3318</f>
        <v>0</v>
      </c>
      <c r="N3292" s="56">
        <f>IF(Input!$D$19=1,J3292*Input!$C$19,0)+IF(Input!$D$20=1,K3292*Input!$C$20,0)+IF(Input!$D$21=1,L3292*Input!$C$21,0)+IF(Input!$D$22=1,M3292*Input!$C$22,0)</f>
        <v>0.29747411653591455</v>
      </c>
      <c r="O3292" s="59">
        <f>IF(Input!$D$19=2,J3292*Input!$C$19,0)+IF(Input!$D$20=2,K3292*Input!$C$20,0)+IF(Input!$D$21=2,L3292*Input!$C$21,0)+IF(Input!$D$22=2,M3292*Input!$C$22,0)</f>
        <v>0.74368529133978634</v>
      </c>
      <c r="P3292" s="59">
        <f>IF(Input!$D$19=3,J3292*Input!$C$19,0)+IF(Input!$D$20=3,K3292*Input!$C$20,0)+IF(Input!$D$21=3,L3292*Input!$C$21,0)+IF(Input!$D$22=3,M3292*Input!$C$22,0)</f>
        <v>0</v>
      </c>
      <c r="Q3292" s="75">
        <f>IF(Input!$D$19=4,J3292*Input!$C$19,0)+IF(Input!$D$20=4,K3292*Input!$C$20,0)+IF(Input!$D$21=4,L3292*Input!$C$21,0)+IF(Input!$D$22=4,M3292*Input!$C$22,0)</f>
        <v>0</v>
      </c>
      <c r="R3292" s="58">
        <v>54.56601043153907</v>
      </c>
      <c r="S3292" s="124">
        <f t="shared" si="51"/>
        <v>1.289054504988963</v>
      </c>
    </row>
    <row r="3293" spans="8:19" x14ac:dyDescent="0.3">
      <c r="H3293" s="44">
        <v>3286</v>
      </c>
      <c r="I3293" s="56">
        <f>Bühler!I3319</f>
        <v>0.2231055874019359</v>
      </c>
      <c r="J3293" s="59">
        <f>Bühler!J3319</f>
        <v>0.74368529133978634</v>
      </c>
      <c r="K3293" s="59">
        <f>Bühler!K3319</f>
        <v>1.1155279370096793</v>
      </c>
      <c r="L3293" s="59">
        <f>Bühler!L3319</f>
        <v>5.3545340976464608</v>
      </c>
      <c r="M3293" s="58">
        <f>Bühler!M3319</f>
        <v>0</v>
      </c>
      <c r="N3293" s="56">
        <f>IF(Input!$D$19=1,J3293*Input!$C$19,0)+IF(Input!$D$20=1,K3293*Input!$C$20,0)+IF(Input!$D$21=1,L3293*Input!$C$21,0)+IF(Input!$D$22=1,M3293*Input!$C$22,0)</f>
        <v>0.2231055874019359</v>
      </c>
      <c r="O3293" s="59">
        <f>IF(Input!$D$19=2,J3293*Input!$C$19,0)+IF(Input!$D$20=2,K3293*Input!$C$20,0)+IF(Input!$D$21=2,L3293*Input!$C$21,0)+IF(Input!$D$22=2,M3293*Input!$C$22,0)</f>
        <v>0.55776396850483967</v>
      </c>
      <c r="P3293" s="59">
        <f>IF(Input!$D$19=3,J3293*Input!$C$19,0)+IF(Input!$D$20=3,K3293*Input!$C$20,0)+IF(Input!$D$21=3,L3293*Input!$C$21,0)+IF(Input!$D$22=3,M3293*Input!$C$22,0)</f>
        <v>0</v>
      </c>
      <c r="Q3293" s="75">
        <f>IF(Input!$D$19=4,J3293*Input!$C$19,0)+IF(Input!$D$20=4,K3293*Input!$C$20,0)+IF(Input!$D$21=4,L3293*Input!$C$21,0)+IF(Input!$D$22=4,M3293*Input!$C$22,0)</f>
        <v>0</v>
      </c>
      <c r="R3293" s="58">
        <v>53.676594576680124</v>
      </c>
      <c r="S3293" s="124">
        <f t="shared" si="51"/>
        <v>0.9667908787417222</v>
      </c>
    </row>
    <row r="3294" spans="8:19" x14ac:dyDescent="0.3">
      <c r="H3294" s="44">
        <v>3287</v>
      </c>
      <c r="I3294" s="56">
        <f>Bühler!I3320</f>
        <v>0.2231055874019359</v>
      </c>
      <c r="J3294" s="59">
        <f>Bühler!J3320</f>
        <v>0.74368529133978634</v>
      </c>
      <c r="K3294" s="59">
        <f>Bühler!K3320</f>
        <v>1.1155279370096793</v>
      </c>
      <c r="L3294" s="59">
        <f>Bühler!L3320</f>
        <v>5.3545340976464608</v>
      </c>
      <c r="M3294" s="58">
        <f>Bühler!M3320</f>
        <v>0</v>
      </c>
      <c r="N3294" s="56">
        <f>IF(Input!$D$19=1,J3294*Input!$C$19,0)+IF(Input!$D$20=1,K3294*Input!$C$20,0)+IF(Input!$D$21=1,L3294*Input!$C$21,0)+IF(Input!$D$22=1,M3294*Input!$C$22,0)</f>
        <v>0.2231055874019359</v>
      </c>
      <c r="O3294" s="59">
        <f>IF(Input!$D$19=2,J3294*Input!$C$19,0)+IF(Input!$D$20=2,K3294*Input!$C$20,0)+IF(Input!$D$21=2,L3294*Input!$C$21,0)+IF(Input!$D$22=2,M3294*Input!$C$22,0)</f>
        <v>0.55776396850483967</v>
      </c>
      <c r="P3294" s="59">
        <f>IF(Input!$D$19=3,J3294*Input!$C$19,0)+IF(Input!$D$20=3,K3294*Input!$C$20,0)+IF(Input!$D$21=3,L3294*Input!$C$21,0)+IF(Input!$D$22=3,M3294*Input!$C$22,0)</f>
        <v>0</v>
      </c>
      <c r="Q3294" s="75">
        <f>IF(Input!$D$19=4,J3294*Input!$C$19,0)+IF(Input!$D$20=4,K3294*Input!$C$20,0)+IF(Input!$D$21=4,L3294*Input!$C$21,0)+IF(Input!$D$22=4,M3294*Input!$C$22,0)</f>
        <v>0</v>
      </c>
      <c r="R3294" s="58">
        <v>53.570763359249156</v>
      </c>
      <c r="S3294" s="124">
        <f t="shared" si="51"/>
        <v>0.9667908787417222</v>
      </c>
    </row>
    <row r="3295" spans="8:19" x14ac:dyDescent="0.3">
      <c r="H3295" s="44">
        <v>3288</v>
      </c>
      <c r="I3295" s="56">
        <f>Bühler!I3321</f>
        <v>0.2231055874019359</v>
      </c>
      <c r="J3295" s="59">
        <f>Bühler!J3321</f>
        <v>0.74368529133978634</v>
      </c>
      <c r="K3295" s="59">
        <f>Bühler!K3321</f>
        <v>1.1155279370096793</v>
      </c>
      <c r="L3295" s="59">
        <f>Bühler!L3321</f>
        <v>5.3545340976464608</v>
      </c>
      <c r="M3295" s="58">
        <f>Bühler!M3321</f>
        <v>0</v>
      </c>
      <c r="N3295" s="56">
        <f>IF(Input!$D$19=1,J3295*Input!$C$19,0)+IF(Input!$D$20=1,K3295*Input!$C$20,0)+IF(Input!$D$21=1,L3295*Input!$C$21,0)+IF(Input!$D$22=1,M3295*Input!$C$22,0)</f>
        <v>0.2231055874019359</v>
      </c>
      <c r="O3295" s="59">
        <f>IF(Input!$D$19=2,J3295*Input!$C$19,0)+IF(Input!$D$20=2,K3295*Input!$C$20,0)+IF(Input!$D$21=2,L3295*Input!$C$21,0)+IF(Input!$D$22=2,M3295*Input!$C$22,0)</f>
        <v>0.55776396850483967</v>
      </c>
      <c r="P3295" s="59">
        <f>IF(Input!$D$19=3,J3295*Input!$C$19,0)+IF(Input!$D$20=3,K3295*Input!$C$20,0)+IF(Input!$D$21=3,L3295*Input!$C$21,0)+IF(Input!$D$22=3,M3295*Input!$C$22,0)</f>
        <v>0</v>
      </c>
      <c r="Q3295" s="75">
        <f>IF(Input!$D$19=4,J3295*Input!$C$19,0)+IF(Input!$D$20=4,K3295*Input!$C$20,0)+IF(Input!$D$21=4,L3295*Input!$C$21,0)+IF(Input!$D$22=4,M3295*Input!$C$22,0)</f>
        <v>0</v>
      </c>
      <c r="R3295" s="58">
        <v>53.108381705260292</v>
      </c>
      <c r="S3295" s="124">
        <f t="shared" si="51"/>
        <v>0.9667908787417222</v>
      </c>
    </row>
    <row r="3296" spans="8:19" x14ac:dyDescent="0.3">
      <c r="H3296" s="44">
        <v>3289</v>
      </c>
      <c r="I3296" s="56">
        <f>Bühler!I3322</f>
        <v>0.23567897152762562</v>
      </c>
      <c r="J3296" s="59">
        <f>Bühler!J3322</f>
        <v>0.78559657175875219</v>
      </c>
      <c r="K3296" s="59">
        <f>Bühler!K3322</f>
        <v>1.1783948576381282</v>
      </c>
      <c r="L3296" s="59">
        <f>Bühler!L3322</f>
        <v>5.656295316663015</v>
      </c>
      <c r="M3296" s="58">
        <f>Bühler!M3322</f>
        <v>0</v>
      </c>
      <c r="N3296" s="56">
        <f>IF(Input!$D$19=1,J3296*Input!$C$19,0)+IF(Input!$D$20=1,K3296*Input!$C$20,0)+IF(Input!$D$21=1,L3296*Input!$C$21,0)+IF(Input!$D$22=1,M3296*Input!$C$22,0)</f>
        <v>0.23567897152762565</v>
      </c>
      <c r="O3296" s="59">
        <f>IF(Input!$D$19=2,J3296*Input!$C$19,0)+IF(Input!$D$20=2,K3296*Input!$C$20,0)+IF(Input!$D$21=2,L3296*Input!$C$21,0)+IF(Input!$D$22=2,M3296*Input!$C$22,0)</f>
        <v>0.58919742881906412</v>
      </c>
      <c r="P3296" s="59">
        <f>IF(Input!$D$19=3,J3296*Input!$C$19,0)+IF(Input!$D$20=3,K3296*Input!$C$20,0)+IF(Input!$D$21=3,L3296*Input!$C$21,0)+IF(Input!$D$22=3,M3296*Input!$C$22,0)</f>
        <v>0</v>
      </c>
      <c r="Q3296" s="75">
        <f>IF(Input!$D$19=4,J3296*Input!$C$19,0)+IF(Input!$D$20=4,K3296*Input!$C$20,0)+IF(Input!$D$21=4,L3296*Input!$C$21,0)+IF(Input!$D$22=4,M3296*Input!$C$22,0)</f>
        <v>0</v>
      </c>
      <c r="R3296" s="58">
        <v>47.765230770669447</v>
      </c>
      <c r="S3296" s="124">
        <f t="shared" si="51"/>
        <v>1.0212755432863778</v>
      </c>
    </row>
    <row r="3297" spans="8:19" x14ac:dyDescent="0.3">
      <c r="H3297" s="44">
        <v>3290</v>
      </c>
      <c r="I3297" s="56">
        <f>Bühler!I3323</f>
        <v>0.23567897152762562</v>
      </c>
      <c r="J3297" s="59">
        <f>Bühler!J3323</f>
        <v>0.78559657175875219</v>
      </c>
      <c r="K3297" s="59">
        <f>Bühler!K3323</f>
        <v>1.1783948576381282</v>
      </c>
      <c r="L3297" s="59">
        <f>Bühler!L3323</f>
        <v>5.656295316663015</v>
      </c>
      <c r="M3297" s="58">
        <f>Bühler!M3323</f>
        <v>0</v>
      </c>
      <c r="N3297" s="56">
        <f>IF(Input!$D$19=1,J3297*Input!$C$19,0)+IF(Input!$D$20=1,K3297*Input!$C$20,0)+IF(Input!$D$21=1,L3297*Input!$C$21,0)+IF(Input!$D$22=1,M3297*Input!$C$22,0)</f>
        <v>0.23567897152762565</v>
      </c>
      <c r="O3297" s="59">
        <f>IF(Input!$D$19=2,J3297*Input!$C$19,0)+IF(Input!$D$20=2,K3297*Input!$C$20,0)+IF(Input!$D$21=2,L3297*Input!$C$21,0)+IF(Input!$D$22=2,M3297*Input!$C$22,0)</f>
        <v>0.58919742881906412</v>
      </c>
      <c r="P3297" s="59">
        <f>IF(Input!$D$19=3,J3297*Input!$C$19,0)+IF(Input!$D$20=3,K3297*Input!$C$20,0)+IF(Input!$D$21=3,L3297*Input!$C$21,0)+IF(Input!$D$22=3,M3297*Input!$C$22,0)</f>
        <v>0</v>
      </c>
      <c r="Q3297" s="75">
        <f>IF(Input!$D$19=4,J3297*Input!$C$19,0)+IF(Input!$D$20=4,K3297*Input!$C$20,0)+IF(Input!$D$21=4,L3297*Input!$C$21,0)+IF(Input!$D$22=4,M3297*Input!$C$22,0)</f>
        <v>0</v>
      </c>
      <c r="R3297" s="58">
        <v>47.375363864293526</v>
      </c>
      <c r="S3297" s="124">
        <f t="shared" si="51"/>
        <v>1.0212755432863778</v>
      </c>
    </row>
    <row r="3298" spans="8:19" x14ac:dyDescent="0.3">
      <c r="H3298" s="44">
        <v>3291</v>
      </c>
      <c r="I3298" s="56">
        <f>Bühler!I3324</f>
        <v>0.23567897152762562</v>
      </c>
      <c r="J3298" s="59">
        <f>Bühler!J3324</f>
        <v>0.78559657175875219</v>
      </c>
      <c r="K3298" s="59">
        <f>Bühler!K3324</f>
        <v>1.1783948576381282</v>
      </c>
      <c r="L3298" s="59">
        <f>Bühler!L3324</f>
        <v>5.656295316663015</v>
      </c>
      <c r="M3298" s="58">
        <f>Bühler!M3324</f>
        <v>0</v>
      </c>
      <c r="N3298" s="56">
        <f>IF(Input!$D$19=1,J3298*Input!$C$19,0)+IF(Input!$D$20=1,K3298*Input!$C$20,0)+IF(Input!$D$21=1,L3298*Input!$C$21,0)+IF(Input!$D$22=1,M3298*Input!$C$22,0)</f>
        <v>0.23567897152762565</v>
      </c>
      <c r="O3298" s="59">
        <f>IF(Input!$D$19=2,J3298*Input!$C$19,0)+IF(Input!$D$20=2,K3298*Input!$C$20,0)+IF(Input!$D$21=2,L3298*Input!$C$21,0)+IF(Input!$D$22=2,M3298*Input!$C$22,0)</f>
        <v>0.58919742881906412</v>
      </c>
      <c r="P3298" s="59">
        <f>IF(Input!$D$19=3,J3298*Input!$C$19,0)+IF(Input!$D$20=3,K3298*Input!$C$20,0)+IF(Input!$D$21=3,L3298*Input!$C$21,0)+IF(Input!$D$22=3,M3298*Input!$C$22,0)</f>
        <v>0</v>
      </c>
      <c r="Q3298" s="75">
        <f>IF(Input!$D$19=4,J3298*Input!$C$19,0)+IF(Input!$D$20=4,K3298*Input!$C$20,0)+IF(Input!$D$21=4,L3298*Input!$C$21,0)+IF(Input!$D$22=4,M3298*Input!$C$22,0)</f>
        <v>0</v>
      </c>
      <c r="R3298" s="58">
        <v>47.804138470886592</v>
      </c>
      <c r="S3298" s="124">
        <f t="shared" si="51"/>
        <v>1.0212755432863778</v>
      </c>
    </row>
    <row r="3299" spans="8:19" x14ac:dyDescent="0.3">
      <c r="H3299" s="44">
        <v>3292</v>
      </c>
      <c r="I3299" s="56">
        <f>Bühler!I3325</f>
        <v>0.23567897152762562</v>
      </c>
      <c r="J3299" s="59">
        <f>Bühler!J3325</f>
        <v>0.78559657175875219</v>
      </c>
      <c r="K3299" s="59">
        <f>Bühler!K3325</f>
        <v>1.1783948576381282</v>
      </c>
      <c r="L3299" s="59">
        <f>Bühler!L3325</f>
        <v>5.656295316663015</v>
      </c>
      <c r="M3299" s="58">
        <f>Bühler!M3325</f>
        <v>0</v>
      </c>
      <c r="N3299" s="56">
        <f>IF(Input!$D$19=1,J3299*Input!$C$19,0)+IF(Input!$D$20=1,K3299*Input!$C$20,0)+IF(Input!$D$21=1,L3299*Input!$C$21,0)+IF(Input!$D$22=1,M3299*Input!$C$22,0)</f>
        <v>0.23567897152762565</v>
      </c>
      <c r="O3299" s="59">
        <f>IF(Input!$D$19=2,J3299*Input!$C$19,0)+IF(Input!$D$20=2,K3299*Input!$C$20,0)+IF(Input!$D$21=2,L3299*Input!$C$21,0)+IF(Input!$D$22=2,M3299*Input!$C$22,0)</f>
        <v>0.58919742881906412</v>
      </c>
      <c r="P3299" s="59">
        <f>IF(Input!$D$19=3,J3299*Input!$C$19,0)+IF(Input!$D$20=3,K3299*Input!$C$20,0)+IF(Input!$D$21=3,L3299*Input!$C$21,0)+IF(Input!$D$22=3,M3299*Input!$C$22,0)</f>
        <v>0</v>
      </c>
      <c r="Q3299" s="75">
        <f>IF(Input!$D$19=4,J3299*Input!$C$19,0)+IF(Input!$D$20=4,K3299*Input!$C$20,0)+IF(Input!$D$21=4,L3299*Input!$C$21,0)+IF(Input!$D$22=4,M3299*Input!$C$22,0)</f>
        <v>0</v>
      </c>
      <c r="R3299" s="58">
        <v>48.673006538828147</v>
      </c>
      <c r="S3299" s="124">
        <f t="shared" si="51"/>
        <v>1.0212755432863778</v>
      </c>
    </row>
    <row r="3300" spans="8:19" x14ac:dyDescent="0.3">
      <c r="H3300" s="44">
        <v>3293</v>
      </c>
      <c r="I3300" s="56">
        <f>Bühler!I3326</f>
        <v>0.23567897152762562</v>
      </c>
      <c r="J3300" s="59">
        <f>Bühler!J3326</f>
        <v>0.78559657175875219</v>
      </c>
      <c r="K3300" s="59">
        <f>Bühler!K3326</f>
        <v>1.1783948576381282</v>
      </c>
      <c r="L3300" s="59">
        <f>Bühler!L3326</f>
        <v>5.656295316663015</v>
      </c>
      <c r="M3300" s="58">
        <f>Bühler!M3326</f>
        <v>0</v>
      </c>
      <c r="N3300" s="56">
        <f>IF(Input!$D$19=1,J3300*Input!$C$19,0)+IF(Input!$D$20=1,K3300*Input!$C$20,0)+IF(Input!$D$21=1,L3300*Input!$C$21,0)+IF(Input!$D$22=1,M3300*Input!$C$22,0)</f>
        <v>0.23567897152762565</v>
      </c>
      <c r="O3300" s="59">
        <f>IF(Input!$D$19=2,J3300*Input!$C$19,0)+IF(Input!$D$20=2,K3300*Input!$C$20,0)+IF(Input!$D$21=2,L3300*Input!$C$21,0)+IF(Input!$D$22=2,M3300*Input!$C$22,0)</f>
        <v>0.58919742881906412</v>
      </c>
      <c r="P3300" s="59">
        <f>IF(Input!$D$19=3,J3300*Input!$C$19,0)+IF(Input!$D$20=3,K3300*Input!$C$20,0)+IF(Input!$D$21=3,L3300*Input!$C$21,0)+IF(Input!$D$22=3,M3300*Input!$C$22,0)</f>
        <v>0</v>
      </c>
      <c r="Q3300" s="75">
        <f>IF(Input!$D$19=4,J3300*Input!$C$19,0)+IF(Input!$D$20=4,K3300*Input!$C$20,0)+IF(Input!$D$21=4,L3300*Input!$C$21,0)+IF(Input!$D$22=4,M3300*Input!$C$22,0)</f>
        <v>0</v>
      </c>
      <c r="R3300" s="58">
        <v>50.81930381060787</v>
      </c>
      <c r="S3300" s="124">
        <f t="shared" si="51"/>
        <v>1.0212755432863778</v>
      </c>
    </row>
    <row r="3301" spans="8:19" x14ac:dyDescent="0.3">
      <c r="H3301" s="44">
        <v>3294</v>
      </c>
      <c r="I3301" s="56">
        <f>Bühler!I3327</f>
        <v>0.30376400774671747</v>
      </c>
      <c r="J3301" s="59">
        <f>Bühler!J3327</f>
        <v>1.0125466924890583</v>
      </c>
      <c r="K3301" s="59">
        <f>Bühler!K3327</f>
        <v>1.5188200387335875</v>
      </c>
      <c r="L3301" s="59">
        <f>Bühler!L3327</f>
        <v>7.2903361859212197</v>
      </c>
      <c r="M3301" s="58">
        <f>Bühler!M3327</f>
        <v>0</v>
      </c>
      <c r="N3301" s="56">
        <f>IF(Input!$D$19=1,J3301*Input!$C$19,0)+IF(Input!$D$20=1,K3301*Input!$C$20,0)+IF(Input!$D$21=1,L3301*Input!$C$21,0)+IF(Input!$D$22=1,M3301*Input!$C$22,0)</f>
        <v>0.30376400774671747</v>
      </c>
      <c r="O3301" s="59">
        <f>IF(Input!$D$19=2,J3301*Input!$C$19,0)+IF(Input!$D$20=2,K3301*Input!$C$20,0)+IF(Input!$D$21=2,L3301*Input!$C$21,0)+IF(Input!$D$22=2,M3301*Input!$C$22,0)</f>
        <v>0.75941001936679375</v>
      </c>
      <c r="P3301" s="59">
        <f>IF(Input!$D$19=3,J3301*Input!$C$19,0)+IF(Input!$D$20=3,K3301*Input!$C$20,0)+IF(Input!$D$21=3,L3301*Input!$C$21,0)+IF(Input!$D$22=3,M3301*Input!$C$22,0)</f>
        <v>0</v>
      </c>
      <c r="Q3301" s="75">
        <f>IF(Input!$D$19=4,J3301*Input!$C$19,0)+IF(Input!$D$20=4,K3301*Input!$C$20,0)+IF(Input!$D$21=4,L3301*Input!$C$21,0)+IF(Input!$D$22=4,M3301*Input!$C$22,0)</f>
        <v>0</v>
      </c>
      <c r="R3301" s="58">
        <v>54.522527904612176</v>
      </c>
      <c r="S3301" s="124">
        <f t="shared" si="51"/>
        <v>1.3163107002357757</v>
      </c>
    </row>
    <row r="3302" spans="8:19" x14ac:dyDescent="0.3">
      <c r="H3302" s="44">
        <v>3295</v>
      </c>
      <c r="I3302" s="56">
        <f>Bühler!I3328</f>
        <v>0.36661173348741766</v>
      </c>
      <c r="J3302" s="59">
        <f>Bühler!J3328</f>
        <v>1.2220391116247258</v>
      </c>
      <c r="K3302" s="59">
        <f>Bühler!K3328</f>
        <v>1.8330586674370883</v>
      </c>
      <c r="L3302" s="59">
        <f>Bühler!L3328</f>
        <v>8.7986816036980251</v>
      </c>
      <c r="M3302" s="58">
        <f>Bühler!M3328</f>
        <v>0</v>
      </c>
      <c r="N3302" s="56">
        <f>IF(Input!$D$19=1,J3302*Input!$C$19,0)+IF(Input!$D$20=1,K3302*Input!$C$20,0)+IF(Input!$D$21=1,L3302*Input!$C$21,0)+IF(Input!$D$22=1,M3302*Input!$C$22,0)</f>
        <v>0.36661173348741771</v>
      </c>
      <c r="O3302" s="59">
        <f>IF(Input!$D$19=2,J3302*Input!$C$19,0)+IF(Input!$D$20=2,K3302*Input!$C$20,0)+IF(Input!$D$21=2,L3302*Input!$C$21,0)+IF(Input!$D$22=2,M3302*Input!$C$22,0)</f>
        <v>0.91652933371854417</v>
      </c>
      <c r="P3302" s="59">
        <f>IF(Input!$D$19=3,J3302*Input!$C$19,0)+IF(Input!$D$20=3,K3302*Input!$C$20,0)+IF(Input!$D$21=3,L3302*Input!$C$21,0)+IF(Input!$D$22=3,M3302*Input!$C$22,0)</f>
        <v>0</v>
      </c>
      <c r="Q3302" s="75">
        <f>IF(Input!$D$19=4,J3302*Input!$C$19,0)+IF(Input!$D$20=4,K3302*Input!$C$20,0)+IF(Input!$D$21=4,L3302*Input!$C$21,0)+IF(Input!$D$22=4,M3302*Input!$C$22,0)</f>
        <v>0</v>
      </c>
      <c r="R3302" s="58">
        <v>58.105003903265938</v>
      </c>
      <c r="S3302" s="124">
        <f t="shared" si="51"/>
        <v>1.5886508451121435</v>
      </c>
    </row>
    <row r="3303" spans="8:19" x14ac:dyDescent="0.3">
      <c r="H3303" s="44">
        <v>3296</v>
      </c>
      <c r="I3303" s="56">
        <f>Bühler!I3329</f>
        <v>0.36661173348741766</v>
      </c>
      <c r="J3303" s="59">
        <f>Bühler!J3329</f>
        <v>1.2220391116247258</v>
      </c>
      <c r="K3303" s="59">
        <f>Bühler!K3329</f>
        <v>1.8330586674370883</v>
      </c>
      <c r="L3303" s="59">
        <f>Bühler!L3329</f>
        <v>8.7986816036980251</v>
      </c>
      <c r="M3303" s="58">
        <f>Bühler!M3329</f>
        <v>0</v>
      </c>
      <c r="N3303" s="56">
        <f>IF(Input!$D$19=1,J3303*Input!$C$19,0)+IF(Input!$D$20=1,K3303*Input!$C$20,0)+IF(Input!$D$21=1,L3303*Input!$C$21,0)+IF(Input!$D$22=1,M3303*Input!$C$22,0)</f>
        <v>0.36661173348741771</v>
      </c>
      <c r="O3303" s="59">
        <f>IF(Input!$D$19=2,J3303*Input!$C$19,0)+IF(Input!$D$20=2,K3303*Input!$C$20,0)+IF(Input!$D$21=2,L3303*Input!$C$21,0)+IF(Input!$D$22=2,M3303*Input!$C$22,0)</f>
        <v>0.91652933371854417</v>
      </c>
      <c r="P3303" s="59">
        <f>IF(Input!$D$19=3,J3303*Input!$C$19,0)+IF(Input!$D$20=3,K3303*Input!$C$20,0)+IF(Input!$D$21=3,L3303*Input!$C$21,0)+IF(Input!$D$22=3,M3303*Input!$C$22,0)</f>
        <v>0</v>
      </c>
      <c r="Q3303" s="75">
        <f>IF(Input!$D$19=4,J3303*Input!$C$19,0)+IF(Input!$D$20=4,K3303*Input!$C$20,0)+IF(Input!$D$21=4,L3303*Input!$C$21,0)+IF(Input!$D$22=4,M3303*Input!$C$22,0)</f>
        <v>0</v>
      </c>
      <c r="R3303" s="58">
        <v>60.018132567023812</v>
      </c>
      <c r="S3303" s="124">
        <f t="shared" si="51"/>
        <v>1.5886508451121435</v>
      </c>
    </row>
    <row r="3304" spans="8:19" x14ac:dyDescent="0.3">
      <c r="H3304" s="44">
        <v>3297</v>
      </c>
      <c r="I3304" s="56">
        <f>Bühler!I3330</f>
        <v>0.36661173348741766</v>
      </c>
      <c r="J3304" s="59">
        <f>Bühler!J3330</f>
        <v>1.2220391116247258</v>
      </c>
      <c r="K3304" s="59">
        <f>Bühler!K3330</f>
        <v>1.8330586674370883</v>
      </c>
      <c r="L3304" s="59">
        <f>Bühler!L3330</f>
        <v>8.7986816036980251</v>
      </c>
      <c r="M3304" s="58">
        <f>Bühler!M3330</f>
        <v>0</v>
      </c>
      <c r="N3304" s="56">
        <f>IF(Input!$D$19=1,J3304*Input!$C$19,0)+IF(Input!$D$20=1,K3304*Input!$C$20,0)+IF(Input!$D$21=1,L3304*Input!$C$21,0)+IF(Input!$D$22=1,M3304*Input!$C$22,0)</f>
        <v>0.36661173348741771</v>
      </c>
      <c r="O3304" s="59">
        <f>IF(Input!$D$19=2,J3304*Input!$C$19,0)+IF(Input!$D$20=2,K3304*Input!$C$20,0)+IF(Input!$D$21=2,L3304*Input!$C$21,0)+IF(Input!$D$22=2,M3304*Input!$C$22,0)</f>
        <v>0.91652933371854417</v>
      </c>
      <c r="P3304" s="59">
        <f>IF(Input!$D$19=3,J3304*Input!$C$19,0)+IF(Input!$D$20=3,K3304*Input!$C$20,0)+IF(Input!$D$21=3,L3304*Input!$C$21,0)+IF(Input!$D$22=3,M3304*Input!$C$22,0)</f>
        <v>0</v>
      </c>
      <c r="Q3304" s="75">
        <f>IF(Input!$D$19=4,J3304*Input!$C$19,0)+IF(Input!$D$20=4,K3304*Input!$C$20,0)+IF(Input!$D$21=4,L3304*Input!$C$21,0)+IF(Input!$D$22=4,M3304*Input!$C$22,0)</f>
        <v>0</v>
      </c>
      <c r="R3304" s="58">
        <v>60.626371847624917</v>
      </c>
      <c r="S3304" s="124">
        <f t="shared" si="51"/>
        <v>1.5886508451121435</v>
      </c>
    </row>
    <row r="3305" spans="8:19" x14ac:dyDescent="0.3">
      <c r="H3305" s="44">
        <v>3298</v>
      </c>
      <c r="I3305" s="56">
        <f>Bühler!I3331</f>
        <v>0.39279828587937604</v>
      </c>
      <c r="J3305" s="59">
        <f>Bühler!J3331</f>
        <v>1.3093276195979202</v>
      </c>
      <c r="K3305" s="59">
        <f>Bühler!K3331</f>
        <v>1.9639914293968803</v>
      </c>
      <c r="L3305" s="59">
        <f>Bühler!L3331</f>
        <v>9.4271588611050259</v>
      </c>
      <c r="M3305" s="58">
        <f>Bühler!M3331</f>
        <v>0</v>
      </c>
      <c r="N3305" s="56">
        <f>IF(Input!$D$19=1,J3305*Input!$C$19,0)+IF(Input!$D$20=1,K3305*Input!$C$20,0)+IF(Input!$D$21=1,L3305*Input!$C$21,0)+IF(Input!$D$22=1,M3305*Input!$C$22,0)</f>
        <v>0.39279828587937604</v>
      </c>
      <c r="O3305" s="59">
        <f>IF(Input!$D$19=2,J3305*Input!$C$19,0)+IF(Input!$D$20=2,K3305*Input!$C$20,0)+IF(Input!$D$21=2,L3305*Input!$C$21,0)+IF(Input!$D$22=2,M3305*Input!$C$22,0)</f>
        <v>0.98199571469844016</v>
      </c>
      <c r="P3305" s="59">
        <f>IF(Input!$D$19=3,J3305*Input!$C$19,0)+IF(Input!$D$20=3,K3305*Input!$C$20,0)+IF(Input!$D$21=3,L3305*Input!$C$21,0)+IF(Input!$D$22=3,M3305*Input!$C$22,0)</f>
        <v>0</v>
      </c>
      <c r="Q3305" s="75">
        <f>IF(Input!$D$19=4,J3305*Input!$C$19,0)+IF(Input!$D$20=4,K3305*Input!$C$20,0)+IF(Input!$D$21=4,L3305*Input!$C$21,0)+IF(Input!$D$22=4,M3305*Input!$C$22,0)</f>
        <v>0</v>
      </c>
      <c r="R3305" s="58">
        <v>60.960058173255817</v>
      </c>
      <c r="S3305" s="124">
        <f t="shared" si="51"/>
        <v>1.7021259054772964</v>
      </c>
    </row>
    <row r="3306" spans="8:19" x14ac:dyDescent="0.3">
      <c r="H3306" s="44">
        <v>3299</v>
      </c>
      <c r="I3306" s="56">
        <f>Bühler!I3332</f>
        <v>0.40851021731455106</v>
      </c>
      <c r="J3306" s="59">
        <f>Bühler!J3332</f>
        <v>1.3617007243818371</v>
      </c>
      <c r="K3306" s="59">
        <f>Bühler!K3332</f>
        <v>2.0425510865727552</v>
      </c>
      <c r="L3306" s="59">
        <f>Bühler!L3332</f>
        <v>9.8042452155492246</v>
      </c>
      <c r="M3306" s="58">
        <f>Bühler!M3332</f>
        <v>0</v>
      </c>
      <c r="N3306" s="56">
        <f>IF(Input!$D$19=1,J3306*Input!$C$19,0)+IF(Input!$D$20=1,K3306*Input!$C$20,0)+IF(Input!$D$21=1,L3306*Input!$C$21,0)+IF(Input!$D$22=1,M3306*Input!$C$22,0)</f>
        <v>0.40851021731455112</v>
      </c>
      <c r="O3306" s="59">
        <f>IF(Input!$D$19=2,J3306*Input!$C$19,0)+IF(Input!$D$20=2,K3306*Input!$C$20,0)+IF(Input!$D$21=2,L3306*Input!$C$21,0)+IF(Input!$D$22=2,M3306*Input!$C$22,0)</f>
        <v>1.0212755432863776</v>
      </c>
      <c r="P3306" s="59">
        <f>IF(Input!$D$19=3,J3306*Input!$C$19,0)+IF(Input!$D$20=3,K3306*Input!$C$20,0)+IF(Input!$D$21=3,L3306*Input!$C$21,0)+IF(Input!$D$22=3,M3306*Input!$C$22,0)</f>
        <v>0</v>
      </c>
      <c r="Q3306" s="75">
        <f>IF(Input!$D$19=4,J3306*Input!$C$19,0)+IF(Input!$D$20=4,K3306*Input!$C$20,0)+IF(Input!$D$21=4,L3306*Input!$C$21,0)+IF(Input!$D$22=4,M3306*Input!$C$22,0)</f>
        <v>0</v>
      </c>
      <c r="R3306" s="58">
        <v>60.605860777631293</v>
      </c>
      <c r="S3306" s="124">
        <f t="shared" si="51"/>
        <v>1.770210941696388</v>
      </c>
    </row>
    <row r="3307" spans="8:19" x14ac:dyDescent="0.3">
      <c r="H3307" s="44">
        <v>3300</v>
      </c>
      <c r="I3307" s="56">
        <f>Bühler!I3333</f>
        <v>0.47135794305525125</v>
      </c>
      <c r="J3307" s="59">
        <f>Bühler!J3333</f>
        <v>1.5711931435175044</v>
      </c>
      <c r="K3307" s="59">
        <f>Bühler!K3333</f>
        <v>2.3567897152762565</v>
      </c>
      <c r="L3307" s="59">
        <f>Bühler!L3333</f>
        <v>11.31259063332603</v>
      </c>
      <c r="M3307" s="58">
        <f>Bühler!M3333</f>
        <v>0</v>
      </c>
      <c r="N3307" s="56">
        <f>IF(Input!$D$19=1,J3307*Input!$C$19,0)+IF(Input!$D$20=1,K3307*Input!$C$20,0)+IF(Input!$D$21=1,L3307*Input!$C$21,0)+IF(Input!$D$22=1,M3307*Input!$C$22,0)</f>
        <v>0.4713579430552513</v>
      </c>
      <c r="O3307" s="59">
        <f>IF(Input!$D$19=2,J3307*Input!$C$19,0)+IF(Input!$D$20=2,K3307*Input!$C$20,0)+IF(Input!$D$21=2,L3307*Input!$C$21,0)+IF(Input!$D$22=2,M3307*Input!$C$22,0)</f>
        <v>1.1783948576381282</v>
      </c>
      <c r="P3307" s="59">
        <f>IF(Input!$D$19=3,J3307*Input!$C$19,0)+IF(Input!$D$20=3,K3307*Input!$C$20,0)+IF(Input!$D$21=3,L3307*Input!$C$21,0)+IF(Input!$D$22=3,M3307*Input!$C$22,0)</f>
        <v>0</v>
      </c>
      <c r="Q3307" s="75">
        <f>IF(Input!$D$19=4,J3307*Input!$C$19,0)+IF(Input!$D$20=4,K3307*Input!$C$20,0)+IF(Input!$D$21=4,L3307*Input!$C$21,0)+IF(Input!$D$22=4,M3307*Input!$C$22,0)</f>
        <v>0</v>
      </c>
      <c r="R3307" s="58">
        <v>61.222665124091641</v>
      </c>
      <c r="S3307" s="124">
        <f t="shared" si="51"/>
        <v>2.0425510865727556</v>
      </c>
    </row>
    <row r="3308" spans="8:19" x14ac:dyDescent="0.3">
      <c r="H3308" s="44">
        <v>3301</v>
      </c>
      <c r="I3308" s="56">
        <f>Bühler!I3334</f>
        <v>0.47135794305525125</v>
      </c>
      <c r="J3308" s="59">
        <f>Bühler!J3334</f>
        <v>1.5711931435175044</v>
      </c>
      <c r="K3308" s="59">
        <f>Bühler!K3334</f>
        <v>2.3567897152762565</v>
      </c>
      <c r="L3308" s="59">
        <f>Bühler!L3334</f>
        <v>11.31259063332603</v>
      </c>
      <c r="M3308" s="58">
        <f>Bühler!M3334</f>
        <v>0</v>
      </c>
      <c r="N3308" s="56">
        <f>IF(Input!$D$19=1,J3308*Input!$C$19,0)+IF(Input!$D$20=1,K3308*Input!$C$20,0)+IF(Input!$D$21=1,L3308*Input!$C$21,0)+IF(Input!$D$22=1,M3308*Input!$C$22,0)</f>
        <v>0.4713579430552513</v>
      </c>
      <c r="O3308" s="59">
        <f>IF(Input!$D$19=2,J3308*Input!$C$19,0)+IF(Input!$D$20=2,K3308*Input!$C$20,0)+IF(Input!$D$21=2,L3308*Input!$C$21,0)+IF(Input!$D$22=2,M3308*Input!$C$22,0)</f>
        <v>1.1783948576381282</v>
      </c>
      <c r="P3308" s="59">
        <f>IF(Input!$D$19=3,J3308*Input!$C$19,0)+IF(Input!$D$20=3,K3308*Input!$C$20,0)+IF(Input!$D$21=3,L3308*Input!$C$21,0)+IF(Input!$D$22=3,M3308*Input!$C$22,0)</f>
        <v>0</v>
      </c>
      <c r="Q3308" s="75">
        <f>IF(Input!$D$19=4,J3308*Input!$C$19,0)+IF(Input!$D$20=4,K3308*Input!$C$20,0)+IF(Input!$D$21=4,L3308*Input!$C$21,0)+IF(Input!$D$22=4,M3308*Input!$C$22,0)</f>
        <v>0</v>
      </c>
      <c r="R3308" s="58">
        <v>61.579436274080699</v>
      </c>
      <c r="S3308" s="124">
        <f t="shared" si="51"/>
        <v>2.0425510865727556</v>
      </c>
    </row>
    <row r="3309" spans="8:19" x14ac:dyDescent="0.3">
      <c r="H3309" s="44">
        <v>3302</v>
      </c>
      <c r="I3309" s="56">
        <f>Bühler!I3335</f>
        <v>0.47135794305525125</v>
      </c>
      <c r="J3309" s="59">
        <f>Bühler!J3335</f>
        <v>1.5711931435175044</v>
      </c>
      <c r="K3309" s="59">
        <f>Bühler!K3335</f>
        <v>2.3567897152762565</v>
      </c>
      <c r="L3309" s="59">
        <f>Bühler!L3335</f>
        <v>11.31259063332603</v>
      </c>
      <c r="M3309" s="58">
        <f>Bühler!M3335</f>
        <v>0</v>
      </c>
      <c r="N3309" s="56">
        <f>IF(Input!$D$19=1,J3309*Input!$C$19,0)+IF(Input!$D$20=1,K3309*Input!$C$20,0)+IF(Input!$D$21=1,L3309*Input!$C$21,0)+IF(Input!$D$22=1,M3309*Input!$C$22,0)</f>
        <v>0.4713579430552513</v>
      </c>
      <c r="O3309" s="59">
        <f>IF(Input!$D$19=2,J3309*Input!$C$19,0)+IF(Input!$D$20=2,K3309*Input!$C$20,0)+IF(Input!$D$21=2,L3309*Input!$C$21,0)+IF(Input!$D$22=2,M3309*Input!$C$22,0)</f>
        <v>1.1783948576381282</v>
      </c>
      <c r="P3309" s="59">
        <f>IF(Input!$D$19=3,J3309*Input!$C$19,0)+IF(Input!$D$20=3,K3309*Input!$C$20,0)+IF(Input!$D$21=3,L3309*Input!$C$21,0)+IF(Input!$D$22=3,M3309*Input!$C$22,0)</f>
        <v>0</v>
      </c>
      <c r="Q3309" s="75">
        <f>IF(Input!$D$19=4,J3309*Input!$C$19,0)+IF(Input!$D$20=4,K3309*Input!$C$20,0)+IF(Input!$D$21=4,L3309*Input!$C$21,0)+IF(Input!$D$22=4,M3309*Input!$C$22,0)</f>
        <v>0</v>
      </c>
      <c r="R3309" s="58">
        <v>60.151459582327647</v>
      </c>
      <c r="S3309" s="124">
        <f t="shared" si="51"/>
        <v>2.0425510865727556</v>
      </c>
    </row>
    <row r="3310" spans="8:19" x14ac:dyDescent="0.3">
      <c r="H3310" s="44">
        <v>3303</v>
      </c>
      <c r="I3310" s="56">
        <f>Bühler!I3336</f>
        <v>0.47135794305525125</v>
      </c>
      <c r="J3310" s="59">
        <f>Bühler!J3336</f>
        <v>1.5711931435175044</v>
      </c>
      <c r="K3310" s="59">
        <f>Bühler!K3336</f>
        <v>2.3567897152762565</v>
      </c>
      <c r="L3310" s="59">
        <f>Bühler!L3336</f>
        <v>11.31259063332603</v>
      </c>
      <c r="M3310" s="58">
        <f>Bühler!M3336</f>
        <v>0</v>
      </c>
      <c r="N3310" s="56">
        <f>IF(Input!$D$19=1,J3310*Input!$C$19,0)+IF(Input!$D$20=1,K3310*Input!$C$20,0)+IF(Input!$D$21=1,L3310*Input!$C$21,0)+IF(Input!$D$22=1,M3310*Input!$C$22,0)</f>
        <v>0.4713579430552513</v>
      </c>
      <c r="O3310" s="59">
        <f>IF(Input!$D$19=2,J3310*Input!$C$19,0)+IF(Input!$D$20=2,K3310*Input!$C$20,0)+IF(Input!$D$21=2,L3310*Input!$C$21,0)+IF(Input!$D$22=2,M3310*Input!$C$22,0)</f>
        <v>1.1783948576381282</v>
      </c>
      <c r="P3310" s="59">
        <f>IF(Input!$D$19=3,J3310*Input!$C$19,0)+IF(Input!$D$20=3,K3310*Input!$C$20,0)+IF(Input!$D$21=3,L3310*Input!$C$21,0)+IF(Input!$D$22=3,M3310*Input!$C$22,0)</f>
        <v>0</v>
      </c>
      <c r="Q3310" s="75">
        <f>IF(Input!$D$19=4,J3310*Input!$C$19,0)+IF(Input!$D$20=4,K3310*Input!$C$20,0)+IF(Input!$D$21=4,L3310*Input!$C$21,0)+IF(Input!$D$22=4,M3310*Input!$C$22,0)</f>
        <v>0</v>
      </c>
      <c r="R3310" s="58">
        <v>60.36621375084885</v>
      </c>
      <c r="S3310" s="124">
        <f t="shared" si="51"/>
        <v>2.0425510865727556</v>
      </c>
    </row>
    <row r="3311" spans="8:19" x14ac:dyDescent="0.3">
      <c r="H3311" s="44">
        <v>3304</v>
      </c>
      <c r="I3311" s="56">
        <f>Bühler!I3337</f>
        <v>0.39279828587937604</v>
      </c>
      <c r="J3311" s="59">
        <f>Bühler!J3337</f>
        <v>1.3093276195979202</v>
      </c>
      <c r="K3311" s="59">
        <f>Bühler!K3337</f>
        <v>1.9639914293968803</v>
      </c>
      <c r="L3311" s="59">
        <f>Bühler!L3337</f>
        <v>9.4271588611050259</v>
      </c>
      <c r="M3311" s="58">
        <f>Bühler!M3337</f>
        <v>0</v>
      </c>
      <c r="N3311" s="56">
        <f>IF(Input!$D$19=1,J3311*Input!$C$19,0)+IF(Input!$D$20=1,K3311*Input!$C$20,0)+IF(Input!$D$21=1,L3311*Input!$C$21,0)+IF(Input!$D$22=1,M3311*Input!$C$22,0)</f>
        <v>0.39279828587937604</v>
      </c>
      <c r="O3311" s="59">
        <f>IF(Input!$D$19=2,J3311*Input!$C$19,0)+IF(Input!$D$20=2,K3311*Input!$C$20,0)+IF(Input!$D$21=2,L3311*Input!$C$21,0)+IF(Input!$D$22=2,M3311*Input!$C$22,0)</f>
        <v>0.98199571469844016</v>
      </c>
      <c r="P3311" s="59">
        <f>IF(Input!$D$19=3,J3311*Input!$C$19,0)+IF(Input!$D$20=3,K3311*Input!$C$20,0)+IF(Input!$D$21=3,L3311*Input!$C$21,0)+IF(Input!$D$22=3,M3311*Input!$C$22,0)</f>
        <v>0</v>
      </c>
      <c r="Q3311" s="75">
        <f>IF(Input!$D$19=4,J3311*Input!$C$19,0)+IF(Input!$D$20=4,K3311*Input!$C$20,0)+IF(Input!$D$21=4,L3311*Input!$C$21,0)+IF(Input!$D$22=4,M3311*Input!$C$22,0)</f>
        <v>0</v>
      </c>
      <c r="R3311" s="58">
        <v>60.298653591205266</v>
      </c>
      <c r="S3311" s="124">
        <f t="shared" si="51"/>
        <v>1.7021259054772964</v>
      </c>
    </row>
    <row r="3312" spans="8:19" x14ac:dyDescent="0.3">
      <c r="H3312" s="44">
        <v>3305</v>
      </c>
      <c r="I3312" s="56">
        <f>Bühler!I3338</f>
        <v>0.37184904396580931</v>
      </c>
      <c r="J3312" s="59">
        <f>Bühler!J3338</f>
        <v>1.2394968132193647</v>
      </c>
      <c r="K3312" s="59">
        <f>Bühler!K3338</f>
        <v>1.8592452198290466</v>
      </c>
      <c r="L3312" s="59">
        <f>Bühler!L3338</f>
        <v>8.9243770551794235</v>
      </c>
      <c r="M3312" s="58">
        <f>Bühler!M3338</f>
        <v>0</v>
      </c>
      <c r="N3312" s="56">
        <f>IF(Input!$D$19=1,J3312*Input!$C$19,0)+IF(Input!$D$20=1,K3312*Input!$C$20,0)+IF(Input!$D$21=1,L3312*Input!$C$21,0)+IF(Input!$D$22=1,M3312*Input!$C$22,0)</f>
        <v>0.37184904396580937</v>
      </c>
      <c r="O3312" s="59">
        <f>IF(Input!$D$19=2,J3312*Input!$C$19,0)+IF(Input!$D$20=2,K3312*Input!$C$20,0)+IF(Input!$D$21=2,L3312*Input!$C$21,0)+IF(Input!$D$22=2,M3312*Input!$C$22,0)</f>
        <v>0.92962260991452328</v>
      </c>
      <c r="P3312" s="59">
        <f>IF(Input!$D$19=3,J3312*Input!$C$19,0)+IF(Input!$D$20=3,K3312*Input!$C$20,0)+IF(Input!$D$21=3,L3312*Input!$C$21,0)+IF(Input!$D$22=3,M3312*Input!$C$22,0)</f>
        <v>0</v>
      </c>
      <c r="Q3312" s="75">
        <f>IF(Input!$D$19=4,J3312*Input!$C$19,0)+IF(Input!$D$20=4,K3312*Input!$C$20,0)+IF(Input!$D$21=4,L3312*Input!$C$21,0)+IF(Input!$D$22=4,M3312*Input!$C$22,0)</f>
        <v>0</v>
      </c>
      <c r="R3312" s="58">
        <v>59.522263705598654</v>
      </c>
      <c r="S3312" s="124">
        <f t="shared" si="51"/>
        <v>1.611345857185174</v>
      </c>
    </row>
    <row r="3313" spans="8:19" x14ac:dyDescent="0.3">
      <c r="H3313" s="44">
        <v>3306</v>
      </c>
      <c r="I3313" s="56">
        <f>Bühler!I3339</f>
        <v>0.37184904396580931</v>
      </c>
      <c r="J3313" s="59">
        <f>Bühler!J3339</f>
        <v>1.2394968132193647</v>
      </c>
      <c r="K3313" s="59">
        <f>Bühler!K3339</f>
        <v>1.8592452198290466</v>
      </c>
      <c r="L3313" s="59">
        <f>Bühler!L3339</f>
        <v>8.9243770551794235</v>
      </c>
      <c r="M3313" s="58">
        <f>Bühler!M3339</f>
        <v>0</v>
      </c>
      <c r="N3313" s="56">
        <f>IF(Input!$D$19=1,J3313*Input!$C$19,0)+IF(Input!$D$20=1,K3313*Input!$C$20,0)+IF(Input!$D$21=1,L3313*Input!$C$21,0)+IF(Input!$D$22=1,M3313*Input!$C$22,0)</f>
        <v>0.37184904396580937</v>
      </c>
      <c r="O3313" s="59">
        <f>IF(Input!$D$19=2,J3313*Input!$C$19,0)+IF(Input!$D$20=2,K3313*Input!$C$20,0)+IF(Input!$D$21=2,L3313*Input!$C$21,0)+IF(Input!$D$22=2,M3313*Input!$C$22,0)</f>
        <v>0.92962260991452328</v>
      </c>
      <c r="P3313" s="59">
        <f>IF(Input!$D$19=3,J3313*Input!$C$19,0)+IF(Input!$D$20=3,K3313*Input!$C$20,0)+IF(Input!$D$21=3,L3313*Input!$C$21,0)+IF(Input!$D$22=3,M3313*Input!$C$22,0)</f>
        <v>0</v>
      </c>
      <c r="Q3313" s="75">
        <f>IF(Input!$D$19=4,J3313*Input!$C$19,0)+IF(Input!$D$20=4,K3313*Input!$C$20,0)+IF(Input!$D$21=4,L3313*Input!$C$21,0)+IF(Input!$D$22=4,M3313*Input!$C$22,0)</f>
        <v>0</v>
      </c>
      <c r="R3313" s="58">
        <v>58.284940876165152</v>
      </c>
      <c r="S3313" s="124">
        <f t="shared" si="51"/>
        <v>1.611345857185174</v>
      </c>
    </row>
    <row r="3314" spans="8:19" x14ac:dyDescent="0.3">
      <c r="H3314" s="44">
        <v>3307</v>
      </c>
      <c r="I3314" s="56">
        <f>Bühler!I3340</f>
        <v>0.37184904396580931</v>
      </c>
      <c r="J3314" s="59">
        <f>Bühler!J3340</f>
        <v>1.2394968132193647</v>
      </c>
      <c r="K3314" s="59">
        <f>Bühler!K3340</f>
        <v>1.8592452198290466</v>
      </c>
      <c r="L3314" s="59">
        <f>Bühler!L3340</f>
        <v>8.9243770551794235</v>
      </c>
      <c r="M3314" s="58">
        <f>Bühler!M3340</f>
        <v>0</v>
      </c>
      <c r="N3314" s="56">
        <f>IF(Input!$D$19=1,J3314*Input!$C$19,0)+IF(Input!$D$20=1,K3314*Input!$C$20,0)+IF(Input!$D$21=1,L3314*Input!$C$21,0)+IF(Input!$D$22=1,M3314*Input!$C$22,0)</f>
        <v>0.37184904396580937</v>
      </c>
      <c r="O3314" s="59">
        <f>IF(Input!$D$19=2,J3314*Input!$C$19,0)+IF(Input!$D$20=2,K3314*Input!$C$20,0)+IF(Input!$D$21=2,L3314*Input!$C$21,0)+IF(Input!$D$22=2,M3314*Input!$C$22,0)</f>
        <v>0.92962260991452328</v>
      </c>
      <c r="P3314" s="59">
        <f>IF(Input!$D$19=3,J3314*Input!$C$19,0)+IF(Input!$D$20=3,K3314*Input!$C$20,0)+IF(Input!$D$21=3,L3314*Input!$C$21,0)+IF(Input!$D$22=3,M3314*Input!$C$22,0)</f>
        <v>0</v>
      </c>
      <c r="Q3314" s="75">
        <f>IF(Input!$D$19=4,J3314*Input!$C$19,0)+IF(Input!$D$20=4,K3314*Input!$C$20,0)+IF(Input!$D$21=4,L3314*Input!$C$21,0)+IF(Input!$D$22=4,M3314*Input!$C$22,0)</f>
        <v>0</v>
      </c>
      <c r="R3314" s="58">
        <v>57.127453034882976</v>
      </c>
      <c r="S3314" s="124">
        <f t="shared" si="51"/>
        <v>1.611345857185174</v>
      </c>
    </row>
    <row r="3315" spans="8:19" x14ac:dyDescent="0.3">
      <c r="H3315" s="44">
        <v>3308</v>
      </c>
      <c r="I3315" s="56">
        <f>Bühler!I3341</f>
        <v>0.37184904396580931</v>
      </c>
      <c r="J3315" s="59">
        <f>Bühler!J3341</f>
        <v>1.2394968132193647</v>
      </c>
      <c r="K3315" s="59">
        <f>Bühler!K3341</f>
        <v>1.8592452198290466</v>
      </c>
      <c r="L3315" s="59">
        <f>Bühler!L3341</f>
        <v>8.9243770551794235</v>
      </c>
      <c r="M3315" s="58">
        <f>Bühler!M3341</f>
        <v>0</v>
      </c>
      <c r="N3315" s="56">
        <f>IF(Input!$D$19=1,J3315*Input!$C$19,0)+IF(Input!$D$20=1,K3315*Input!$C$20,0)+IF(Input!$D$21=1,L3315*Input!$C$21,0)+IF(Input!$D$22=1,M3315*Input!$C$22,0)</f>
        <v>0.37184904396580937</v>
      </c>
      <c r="O3315" s="59">
        <f>IF(Input!$D$19=2,J3315*Input!$C$19,0)+IF(Input!$D$20=2,K3315*Input!$C$20,0)+IF(Input!$D$21=2,L3315*Input!$C$21,0)+IF(Input!$D$22=2,M3315*Input!$C$22,0)</f>
        <v>0.92962260991452328</v>
      </c>
      <c r="P3315" s="59">
        <f>IF(Input!$D$19=3,J3315*Input!$C$19,0)+IF(Input!$D$20=3,K3315*Input!$C$20,0)+IF(Input!$D$21=3,L3315*Input!$C$21,0)+IF(Input!$D$22=3,M3315*Input!$C$22,0)</f>
        <v>0</v>
      </c>
      <c r="Q3315" s="75">
        <f>IF(Input!$D$19=4,J3315*Input!$C$19,0)+IF(Input!$D$20=4,K3315*Input!$C$20,0)+IF(Input!$D$21=4,L3315*Input!$C$21,0)+IF(Input!$D$22=4,M3315*Input!$C$22,0)</f>
        <v>0</v>
      </c>
      <c r="R3315" s="58">
        <v>55.596040512699851</v>
      </c>
      <c r="S3315" s="124">
        <f t="shared" si="51"/>
        <v>1.611345857185174</v>
      </c>
    </row>
    <row r="3316" spans="8:19" x14ac:dyDescent="0.3">
      <c r="H3316" s="44">
        <v>3309</v>
      </c>
      <c r="I3316" s="56">
        <f>Bühler!I3342</f>
        <v>0.28805207631154239</v>
      </c>
      <c r="J3316" s="59">
        <f>Bühler!J3342</f>
        <v>0.9601735877051415</v>
      </c>
      <c r="K3316" s="59">
        <f>Bühler!K3342</f>
        <v>1.4402603815577122</v>
      </c>
      <c r="L3316" s="59">
        <f>Bühler!L3342</f>
        <v>6.9132498314770183</v>
      </c>
      <c r="M3316" s="58">
        <f>Bühler!M3342</f>
        <v>0</v>
      </c>
      <c r="N3316" s="56">
        <f>IF(Input!$D$19=1,J3316*Input!$C$19,0)+IF(Input!$D$20=1,K3316*Input!$C$20,0)+IF(Input!$D$21=1,L3316*Input!$C$21,0)+IF(Input!$D$22=1,M3316*Input!$C$22,0)</f>
        <v>0.28805207631154245</v>
      </c>
      <c r="O3316" s="59">
        <f>IF(Input!$D$19=2,J3316*Input!$C$19,0)+IF(Input!$D$20=2,K3316*Input!$C$20,0)+IF(Input!$D$21=2,L3316*Input!$C$21,0)+IF(Input!$D$22=2,M3316*Input!$C$22,0)</f>
        <v>0.72013019077885609</v>
      </c>
      <c r="P3316" s="59">
        <f>IF(Input!$D$19=3,J3316*Input!$C$19,0)+IF(Input!$D$20=3,K3316*Input!$C$20,0)+IF(Input!$D$21=3,L3316*Input!$C$21,0)+IF(Input!$D$22=3,M3316*Input!$C$22,0)</f>
        <v>0</v>
      </c>
      <c r="Q3316" s="75">
        <f>IF(Input!$D$19=4,J3316*Input!$C$19,0)+IF(Input!$D$20=4,K3316*Input!$C$20,0)+IF(Input!$D$21=4,L3316*Input!$C$21,0)+IF(Input!$D$22=4,M3316*Input!$C$22,0)</f>
        <v>0</v>
      </c>
      <c r="R3316" s="58">
        <v>54.253192145993971</v>
      </c>
      <c r="S3316" s="124">
        <f t="shared" si="51"/>
        <v>1.248225664016684</v>
      </c>
    </row>
    <row r="3317" spans="8:19" x14ac:dyDescent="0.3">
      <c r="H3317" s="44">
        <v>3310</v>
      </c>
      <c r="I3317" s="56">
        <f>Bühler!I3343</f>
        <v>0.1099835200462253</v>
      </c>
      <c r="J3317" s="59">
        <f>Bühler!J3343</f>
        <v>0.36661173348741771</v>
      </c>
      <c r="K3317" s="59">
        <f>Bühler!K3343</f>
        <v>0.54991760023112646</v>
      </c>
      <c r="L3317" s="59">
        <f>Bühler!L3343</f>
        <v>2.6396044811094073</v>
      </c>
      <c r="M3317" s="58">
        <f>Bühler!M3343</f>
        <v>0</v>
      </c>
      <c r="N3317" s="56">
        <f>IF(Input!$D$19=1,J3317*Input!$C$19,0)+IF(Input!$D$20=1,K3317*Input!$C$20,0)+IF(Input!$D$21=1,L3317*Input!$C$21,0)+IF(Input!$D$22=1,M3317*Input!$C$22,0)</f>
        <v>0.10998352004622532</v>
      </c>
      <c r="O3317" s="59">
        <f>IF(Input!$D$19=2,J3317*Input!$C$19,0)+IF(Input!$D$20=2,K3317*Input!$C$20,0)+IF(Input!$D$21=2,L3317*Input!$C$21,0)+IF(Input!$D$22=2,M3317*Input!$C$22,0)</f>
        <v>0.27495880011556323</v>
      </c>
      <c r="P3317" s="59">
        <f>IF(Input!$D$19=3,J3317*Input!$C$19,0)+IF(Input!$D$20=3,K3317*Input!$C$20,0)+IF(Input!$D$21=3,L3317*Input!$C$21,0)+IF(Input!$D$22=3,M3317*Input!$C$22,0)</f>
        <v>0</v>
      </c>
      <c r="Q3317" s="75">
        <f>IF(Input!$D$19=4,J3317*Input!$C$19,0)+IF(Input!$D$20=4,K3317*Input!$C$20,0)+IF(Input!$D$21=4,L3317*Input!$C$21,0)+IF(Input!$D$22=4,M3317*Input!$C$22,0)</f>
        <v>0</v>
      </c>
      <c r="R3317" s="58">
        <v>53.471575433688379</v>
      </c>
      <c r="S3317" s="124">
        <f t="shared" si="51"/>
        <v>0.47659525353364302</v>
      </c>
    </row>
    <row r="3318" spans="8:19" x14ac:dyDescent="0.3">
      <c r="H3318" s="44">
        <v>3311</v>
      </c>
      <c r="I3318" s="56">
        <f>Bühler!I3344</f>
        <v>0.1099835200462253</v>
      </c>
      <c r="J3318" s="59">
        <f>Bühler!J3344</f>
        <v>0.36661173348741771</v>
      </c>
      <c r="K3318" s="59">
        <f>Bühler!K3344</f>
        <v>0.54991760023112646</v>
      </c>
      <c r="L3318" s="59">
        <f>Bühler!L3344</f>
        <v>2.6396044811094073</v>
      </c>
      <c r="M3318" s="58">
        <f>Bühler!M3344</f>
        <v>0</v>
      </c>
      <c r="N3318" s="56">
        <f>IF(Input!$D$19=1,J3318*Input!$C$19,0)+IF(Input!$D$20=1,K3318*Input!$C$20,0)+IF(Input!$D$21=1,L3318*Input!$C$21,0)+IF(Input!$D$22=1,M3318*Input!$C$22,0)</f>
        <v>0.10998352004622532</v>
      </c>
      <c r="O3318" s="59">
        <f>IF(Input!$D$19=2,J3318*Input!$C$19,0)+IF(Input!$D$20=2,K3318*Input!$C$20,0)+IF(Input!$D$21=2,L3318*Input!$C$21,0)+IF(Input!$D$22=2,M3318*Input!$C$22,0)</f>
        <v>0.27495880011556323</v>
      </c>
      <c r="P3318" s="59">
        <f>IF(Input!$D$19=3,J3318*Input!$C$19,0)+IF(Input!$D$20=3,K3318*Input!$C$20,0)+IF(Input!$D$21=3,L3318*Input!$C$21,0)+IF(Input!$D$22=3,M3318*Input!$C$22,0)</f>
        <v>0</v>
      </c>
      <c r="Q3318" s="75">
        <f>IF(Input!$D$19=4,J3318*Input!$C$19,0)+IF(Input!$D$20=4,K3318*Input!$C$20,0)+IF(Input!$D$21=4,L3318*Input!$C$21,0)+IF(Input!$D$22=4,M3318*Input!$C$22,0)</f>
        <v>0</v>
      </c>
      <c r="R3318" s="58">
        <v>53.296780006940857</v>
      </c>
      <c r="S3318" s="124">
        <f t="shared" si="51"/>
        <v>0.47659525353364302</v>
      </c>
    </row>
    <row r="3319" spans="8:19" x14ac:dyDescent="0.3">
      <c r="H3319" s="44">
        <v>3312</v>
      </c>
      <c r="I3319" s="56">
        <f>Bühler!I3345</f>
        <v>0.1099835200462253</v>
      </c>
      <c r="J3319" s="59">
        <f>Bühler!J3345</f>
        <v>0.36661173348741771</v>
      </c>
      <c r="K3319" s="59">
        <f>Bühler!K3345</f>
        <v>0.54991760023112646</v>
      </c>
      <c r="L3319" s="59">
        <f>Bühler!L3345</f>
        <v>2.6396044811094073</v>
      </c>
      <c r="M3319" s="58">
        <f>Bühler!M3345</f>
        <v>0</v>
      </c>
      <c r="N3319" s="56">
        <f>IF(Input!$D$19=1,J3319*Input!$C$19,0)+IF(Input!$D$20=1,K3319*Input!$C$20,0)+IF(Input!$D$21=1,L3319*Input!$C$21,0)+IF(Input!$D$22=1,M3319*Input!$C$22,0)</f>
        <v>0.10998352004622532</v>
      </c>
      <c r="O3319" s="59">
        <f>IF(Input!$D$19=2,J3319*Input!$C$19,0)+IF(Input!$D$20=2,K3319*Input!$C$20,0)+IF(Input!$D$21=2,L3319*Input!$C$21,0)+IF(Input!$D$22=2,M3319*Input!$C$22,0)</f>
        <v>0.27495880011556323</v>
      </c>
      <c r="P3319" s="59">
        <f>IF(Input!$D$19=3,J3319*Input!$C$19,0)+IF(Input!$D$20=3,K3319*Input!$C$20,0)+IF(Input!$D$21=3,L3319*Input!$C$21,0)+IF(Input!$D$22=3,M3319*Input!$C$22,0)</f>
        <v>0</v>
      </c>
      <c r="Q3319" s="75">
        <f>IF(Input!$D$19=4,J3319*Input!$C$19,0)+IF(Input!$D$20=4,K3319*Input!$C$20,0)+IF(Input!$D$21=4,L3319*Input!$C$21,0)+IF(Input!$D$22=4,M3319*Input!$C$22,0)</f>
        <v>0</v>
      </c>
      <c r="R3319" s="58">
        <v>52.953621734892934</v>
      </c>
      <c r="S3319" s="124">
        <f t="shared" si="51"/>
        <v>0.47659525353364302</v>
      </c>
    </row>
    <row r="3320" spans="8:19" x14ac:dyDescent="0.3">
      <c r="H3320" s="44">
        <v>3313</v>
      </c>
      <c r="I3320" s="56">
        <f>Bühler!I3346</f>
        <v>5.2863588196917333E-2</v>
      </c>
      <c r="J3320" s="59">
        <f>Bühler!J3346</f>
        <v>0.17621196065639114</v>
      </c>
      <c r="K3320" s="59">
        <f>Bühler!K3346</f>
        <v>0.26431794098458672</v>
      </c>
      <c r="L3320" s="59">
        <f>Bühler!L3346</f>
        <v>3.6396399743143584</v>
      </c>
      <c r="M3320" s="58">
        <f>Bühler!M3346</f>
        <v>0</v>
      </c>
      <c r="N3320" s="56">
        <f>IF(Input!$D$19=1,J3320*Input!$C$19,0)+IF(Input!$D$20=1,K3320*Input!$C$20,0)+IF(Input!$D$21=1,L3320*Input!$C$21,0)+IF(Input!$D$22=1,M3320*Input!$C$22,0)</f>
        <v>5.286358819691734E-2</v>
      </c>
      <c r="O3320" s="59">
        <f>IF(Input!$D$19=2,J3320*Input!$C$19,0)+IF(Input!$D$20=2,K3320*Input!$C$20,0)+IF(Input!$D$21=2,L3320*Input!$C$21,0)+IF(Input!$D$22=2,M3320*Input!$C$22,0)</f>
        <v>0.13215897049229336</v>
      </c>
      <c r="P3320" s="59">
        <f>IF(Input!$D$19=3,J3320*Input!$C$19,0)+IF(Input!$D$20=3,K3320*Input!$C$20,0)+IF(Input!$D$21=3,L3320*Input!$C$21,0)+IF(Input!$D$22=3,M3320*Input!$C$22,0)</f>
        <v>0</v>
      </c>
      <c r="Q3320" s="75">
        <f>IF(Input!$D$19=4,J3320*Input!$C$19,0)+IF(Input!$D$20=4,K3320*Input!$C$20,0)+IF(Input!$D$21=4,L3320*Input!$C$21,0)+IF(Input!$D$22=4,M3320*Input!$C$22,0)</f>
        <v>0</v>
      </c>
      <c r="R3320" s="58">
        <v>52.295695434115721</v>
      </c>
      <c r="S3320" s="124">
        <f t="shared" si="51"/>
        <v>0.22907554885330847</v>
      </c>
    </row>
    <row r="3321" spans="8:19" x14ac:dyDescent="0.3">
      <c r="H3321" s="44">
        <v>3314</v>
      </c>
      <c r="I3321" s="56">
        <f>Bühler!I3347</f>
        <v>0.10320986267017195</v>
      </c>
      <c r="J3321" s="59">
        <f>Bühler!J3347</f>
        <v>0.34403287556723983</v>
      </c>
      <c r="K3321" s="59">
        <f>Bühler!K3347</f>
        <v>0.5160493133508598</v>
      </c>
      <c r="L3321" s="59">
        <f>Bühler!L3347</f>
        <v>7.1059637593756531</v>
      </c>
      <c r="M3321" s="58">
        <f>Bühler!M3347</f>
        <v>0</v>
      </c>
      <c r="N3321" s="56">
        <f>IF(Input!$D$19=1,J3321*Input!$C$19,0)+IF(Input!$D$20=1,K3321*Input!$C$20,0)+IF(Input!$D$21=1,L3321*Input!$C$21,0)+IF(Input!$D$22=1,M3321*Input!$C$22,0)</f>
        <v>0.10320986267017195</v>
      </c>
      <c r="O3321" s="59">
        <f>IF(Input!$D$19=2,J3321*Input!$C$19,0)+IF(Input!$D$20=2,K3321*Input!$C$20,0)+IF(Input!$D$21=2,L3321*Input!$C$21,0)+IF(Input!$D$22=2,M3321*Input!$C$22,0)</f>
        <v>0.2580246566754299</v>
      </c>
      <c r="P3321" s="59">
        <f>IF(Input!$D$19=3,J3321*Input!$C$19,0)+IF(Input!$D$20=3,K3321*Input!$C$20,0)+IF(Input!$D$21=3,L3321*Input!$C$21,0)+IF(Input!$D$22=3,M3321*Input!$C$22,0)</f>
        <v>0</v>
      </c>
      <c r="Q3321" s="75">
        <f>IF(Input!$D$19=4,J3321*Input!$C$19,0)+IF(Input!$D$20=4,K3321*Input!$C$20,0)+IF(Input!$D$21=4,L3321*Input!$C$21,0)+IF(Input!$D$22=4,M3321*Input!$C$22,0)</f>
        <v>0</v>
      </c>
      <c r="R3321" s="58">
        <v>51.475224488651861</v>
      </c>
      <c r="S3321" s="124">
        <f t="shared" si="51"/>
        <v>0.44724273823741179</v>
      </c>
    </row>
    <row r="3322" spans="8:19" x14ac:dyDescent="0.3">
      <c r="H3322" s="44">
        <v>3315</v>
      </c>
      <c r="I3322" s="56">
        <f>Bühler!I3348</f>
        <v>0.10320986267017195</v>
      </c>
      <c r="J3322" s="59">
        <f>Bühler!J3348</f>
        <v>0.34403287556723983</v>
      </c>
      <c r="K3322" s="59">
        <f>Bühler!K3348</f>
        <v>0.5160493133508598</v>
      </c>
      <c r="L3322" s="59">
        <f>Bühler!L3348</f>
        <v>7.1059637593756531</v>
      </c>
      <c r="M3322" s="58">
        <f>Bühler!M3348</f>
        <v>0</v>
      </c>
      <c r="N3322" s="56">
        <f>IF(Input!$D$19=1,J3322*Input!$C$19,0)+IF(Input!$D$20=1,K3322*Input!$C$20,0)+IF(Input!$D$21=1,L3322*Input!$C$21,0)+IF(Input!$D$22=1,M3322*Input!$C$22,0)</f>
        <v>0.10320986267017195</v>
      </c>
      <c r="O3322" s="59">
        <f>IF(Input!$D$19=2,J3322*Input!$C$19,0)+IF(Input!$D$20=2,K3322*Input!$C$20,0)+IF(Input!$D$21=2,L3322*Input!$C$21,0)+IF(Input!$D$22=2,M3322*Input!$C$22,0)</f>
        <v>0.2580246566754299</v>
      </c>
      <c r="P3322" s="59">
        <f>IF(Input!$D$19=3,J3322*Input!$C$19,0)+IF(Input!$D$20=3,K3322*Input!$C$20,0)+IF(Input!$D$21=3,L3322*Input!$C$21,0)+IF(Input!$D$22=3,M3322*Input!$C$22,0)</f>
        <v>0</v>
      </c>
      <c r="Q3322" s="75">
        <f>IF(Input!$D$19=4,J3322*Input!$C$19,0)+IF(Input!$D$20=4,K3322*Input!$C$20,0)+IF(Input!$D$21=4,L3322*Input!$C$21,0)+IF(Input!$D$22=4,M3322*Input!$C$22,0)</f>
        <v>0</v>
      </c>
      <c r="R3322" s="58">
        <v>51.248455550219184</v>
      </c>
      <c r="S3322" s="124">
        <f t="shared" si="51"/>
        <v>0.44724273823741179</v>
      </c>
    </row>
    <row r="3323" spans="8:19" x14ac:dyDescent="0.3">
      <c r="H3323" s="44">
        <v>3316</v>
      </c>
      <c r="I3323" s="56">
        <f>Bühler!I3349</f>
        <v>0.10320986267017195</v>
      </c>
      <c r="J3323" s="59">
        <f>Bühler!J3349</f>
        <v>0.34403287556723983</v>
      </c>
      <c r="K3323" s="59">
        <f>Bühler!K3349</f>
        <v>0.5160493133508598</v>
      </c>
      <c r="L3323" s="59">
        <f>Bühler!L3349</f>
        <v>7.1059637593756531</v>
      </c>
      <c r="M3323" s="58">
        <f>Bühler!M3349</f>
        <v>0</v>
      </c>
      <c r="N3323" s="56">
        <f>IF(Input!$D$19=1,J3323*Input!$C$19,0)+IF(Input!$D$20=1,K3323*Input!$C$20,0)+IF(Input!$D$21=1,L3323*Input!$C$21,0)+IF(Input!$D$22=1,M3323*Input!$C$22,0)</f>
        <v>0.10320986267017195</v>
      </c>
      <c r="O3323" s="59">
        <f>IF(Input!$D$19=2,J3323*Input!$C$19,0)+IF(Input!$D$20=2,K3323*Input!$C$20,0)+IF(Input!$D$21=2,L3323*Input!$C$21,0)+IF(Input!$D$22=2,M3323*Input!$C$22,0)</f>
        <v>0.2580246566754299</v>
      </c>
      <c r="P3323" s="59">
        <f>IF(Input!$D$19=3,J3323*Input!$C$19,0)+IF(Input!$D$20=3,K3323*Input!$C$20,0)+IF(Input!$D$21=3,L3323*Input!$C$21,0)+IF(Input!$D$22=3,M3323*Input!$C$22,0)</f>
        <v>0</v>
      </c>
      <c r="Q3323" s="75">
        <f>IF(Input!$D$19=4,J3323*Input!$C$19,0)+IF(Input!$D$20=4,K3323*Input!$C$20,0)+IF(Input!$D$21=4,L3323*Input!$C$21,0)+IF(Input!$D$22=4,M3323*Input!$C$22,0)</f>
        <v>0</v>
      </c>
      <c r="R3323" s="58">
        <v>50.86312171289773</v>
      </c>
      <c r="S3323" s="124">
        <f t="shared" si="51"/>
        <v>0.44724273823741179</v>
      </c>
    </row>
    <row r="3324" spans="8:19" x14ac:dyDescent="0.3">
      <c r="H3324" s="44">
        <v>3317</v>
      </c>
      <c r="I3324" s="56">
        <f>Bühler!I3350</f>
        <v>0.10320986267017195</v>
      </c>
      <c r="J3324" s="59">
        <f>Bühler!J3350</f>
        <v>0.34403287556723983</v>
      </c>
      <c r="K3324" s="59">
        <f>Bühler!K3350</f>
        <v>0.5160493133508598</v>
      </c>
      <c r="L3324" s="59">
        <f>Bühler!L3350</f>
        <v>7.1059637593756531</v>
      </c>
      <c r="M3324" s="58">
        <f>Bühler!M3350</f>
        <v>0</v>
      </c>
      <c r="N3324" s="56">
        <f>IF(Input!$D$19=1,J3324*Input!$C$19,0)+IF(Input!$D$20=1,K3324*Input!$C$20,0)+IF(Input!$D$21=1,L3324*Input!$C$21,0)+IF(Input!$D$22=1,M3324*Input!$C$22,0)</f>
        <v>0.10320986267017195</v>
      </c>
      <c r="O3324" s="59">
        <f>IF(Input!$D$19=2,J3324*Input!$C$19,0)+IF(Input!$D$20=2,K3324*Input!$C$20,0)+IF(Input!$D$21=2,L3324*Input!$C$21,0)+IF(Input!$D$22=2,M3324*Input!$C$22,0)</f>
        <v>0.2580246566754299</v>
      </c>
      <c r="P3324" s="59">
        <f>IF(Input!$D$19=3,J3324*Input!$C$19,0)+IF(Input!$D$20=3,K3324*Input!$C$20,0)+IF(Input!$D$21=3,L3324*Input!$C$21,0)+IF(Input!$D$22=3,M3324*Input!$C$22,0)</f>
        <v>0</v>
      </c>
      <c r="Q3324" s="75">
        <f>IF(Input!$D$19=4,J3324*Input!$C$19,0)+IF(Input!$D$20=4,K3324*Input!$C$20,0)+IF(Input!$D$21=4,L3324*Input!$C$21,0)+IF(Input!$D$22=4,M3324*Input!$C$22,0)</f>
        <v>0</v>
      </c>
      <c r="R3324" s="58">
        <v>49.950248058775543</v>
      </c>
      <c r="S3324" s="124">
        <f t="shared" si="51"/>
        <v>0.44724273823741179</v>
      </c>
    </row>
    <row r="3325" spans="8:19" x14ac:dyDescent="0.3">
      <c r="H3325" s="44">
        <v>3318</v>
      </c>
      <c r="I3325" s="56">
        <f>Bühler!I3351</f>
        <v>0.12838299990679924</v>
      </c>
      <c r="J3325" s="59">
        <f>Bühler!J3351</f>
        <v>0.42794333302266419</v>
      </c>
      <c r="K3325" s="59">
        <f>Bühler!K3351</f>
        <v>0.64191499953399622</v>
      </c>
      <c r="L3325" s="59">
        <f>Bühler!L3351</f>
        <v>8.8391256519063006</v>
      </c>
      <c r="M3325" s="58">
        <f>Bühler!M3351</f>
        <v>0</v>
      </c>
      <c r="N3325" s="56">
        <f>IF(Input!$D$19=1,J3325*Input!$C$19,0)+IF(Input!$D$20=1,K3325*Input!$C$20,0)+IF(Input!$D$21=1,L3325*Input!$C$21,0)+IF(Input!$D$22=1,M3325*Input!$C$22,0)</f>
        <v>0.12838299990679924</v>
      </c>
      <c r="O3325" s="59">
        <f>IF(Input!$D$19=2,J3325*Input!$C$19,0)+IF(Input!$D$20=2,K3325*Input!$C$20,0)+IF(Input!$D$21=2,L3325*Input!$C$21,0)+IF(Input!$D$22=2,M3325*Input!$C$22,0)</f>
        <v>0.32095749976699811</v>
      </c>
      <c r="P3325" s="59">
        <f>IF(Input!$D$19=3,J3325*Input!$C$19,0)+IF(Input!$D$20=3,K3325*Input!$C$20,0)+IF(Input!$D$21=3,L3325*Input!$C$21,0)+IF(Input!$D$22=3,M3325*Input!$C$22,0)</f>
        <v>0</v>
      </c>
      <c r="Q3325" s="75">
        <f>IF(Input!$D$19=4,J3325*Input!$C$19,0)+IF(Input!$D$20=4,K3325*Input!$C$20,0)+IF(Input!$D$21=4,L3325*Input!$C$21,0)+IF(Input!$D$22=4,M3325*Input!$C$22,0)</f>
        <v>0</v>
      </c>
      <c r="R3325" s="58">
        <v>49.601808826102562</v>
      </c>
      <c r="S3325" s="124">
        <f t="shared" si="51"/>
        <v>0.55632633292946343</v>
      </c>
    </row>
    <row r="3326" spans="8:19" x14ac:dyDescent="0.3">
      <c r="H3326" s="44">
        <v>3319</v>
      </c>
      <c r="I3326" s="56">
        <f>Bühler!I3352</f>
        <v>0.16110807831441476</v>
      </c>
      <c r="J3326" s="59">
        <f>Bühler!J3352</f>
        <v>0.53702692771471594</v>
      </c>
      <c r="K3326" s="59">
        <f>Bühler!K3352</f>
        <v>0.80554039157207391</v>
      </c>
      <c r="L3326" s="59">
        <f>Bühler!L3352</f>
        <v>11.09223611219614</v>
      </c>
      <c r="M3326" s="58">
        <f>Bühler!M3352</f>
        <v>0</v>
      </c>
      <c r="N3326" s="56">
        <f>IF(Input!$D$19=1,J3326*Input!$C$19,0)+IF(Input!$D$20=1,K3326*Input!$C$20,0)+IF(Input!$D$21=1,L3326*Input!$C$21,0)+IF(Input!$D$22=1,M3326*Input!$C$22,0)</f>
        <v>0.16110807831441479</v>
      </c>
      <c r="O3326" s="59">
        <f>IF(Input!$D$19=2,J3326*Input!$C$19,0)+IF(Input!$D$20=2,K3326*Input!$C$20,0)+IF(Input!$D$21=2,L3326*Input!$C$21,0)+IF(Input!$D$22=2,M3326*Input!$C$22,0)</f>
        <v>0.40277019578603696</v>
      </c>
      <c r="P3326" s="59">
        <f>IF(Input!$D$19=3,J3326*Input!$C$19,0)+IF(Input!$D$20=3,K3326*Input!$C$20,0)+IF(Input!$D$21=3,L3326*Input!$C$21,0)+IF(Input!$D$22=3,M3326*Input!$C$22,0)</f>
        <v>0</v>
      </c>
      <c r="Q3326" s="75">
        <f>IF(Input!$D$19=4,J3326*Input!$C$19,0)+IF(Input!$D$20=4,K3326*Input!$C$20,0)+IF(Input!$D$21=4,L3326*Input!$C$21,0)+IF(Input!$D$22=4,M3326*Input!$C$22,0)</f>
        <v>0</v>
      </c>
      <c r="R3326" s="58">
        <v>49.857811771392065</v>
      </c>
      <c r="S3326" s="124">
        <f t="shared" si="51"/>
        <v>0.6981350060291307</v>
      </c>
    </row>
    <row r="3327" spans="8:19" x14ac:dyDescent="0.3">
      <c r="H3327" s="44">
        <v>3320</v>
      </c>
      <c r="I3327" s="56">
        <f>Bühler!I3353</f>
        <v>0.18376390182737931</v>
      </c>
      <c r="J3327" s="59">
        <f>Bühler!J3353</f>
        <v>0.6125463394245978</v>
      </c>
      <c r="K3327" s="59">
        <f>Bühler!K3353</f>
        <v>0.91881950913689669</v>
      </c>
      <c r="L3327" s="59">
        <f>Bühler!L3353</f>
        <v>12.652081815473723</v>
      </c>
      <c r="M3327" s="58">
        <f>Bühler!M3353</f>
        <v>0</v>
      </c>
      <c r="N3327" s="56">
        <f>IF(Input!$D$19=1,J3327*Input!$C$19,0)+IF(Input!$D$20=1,K3327*Input!$C$20,0)+IF(Input!$D$21=1,L3327*Input!$C$21,0)+IF(Input!$D$22=1,M3327*Input!$C$22,0)</f>
        <v>0.18376390182737934</v>
      </c>
      <c r="O3327" s="59">
        <f>IF(Input!$D$19=2,J3327*Input!$C$19,0)+IF(Input!$D$20=2,K3327*Input!$C$20,0)+IF(Input!$D$21=2,L3327*Input!$C$21,0)+IF(Input!$D$22=2,M3327*Input!$C$22,0)</f>
        <v>0.45940975456844835</v>
      </c>
      <c r="P3327" s="59">
        <f>IF(Input!$D$19=3,J3327*Input!$C$19,0)+IF(Input!$D$20=3,K3327*Input!$C$20,0)+IF(Input!$D$21=3,L3327*Input!$C$21,0)+IF(Input!$D$22=3,M3327*Input!$C$22,0)</f>
        <v>0</v>
      </c>
      <c r="Q3327" s="75">
        <f>IF(Input!$D$19=4,J3327*Input!$C$19,0)+IF(Input!$D$20=4,K3327*Input!$C$20,0)+IF(Input!$D$21=4,L3327*Input!$C$21,0)+IF(Input!$D$22=4,M3327*Input!$C$22,0)</f>
        <v>0</v>
      </c>
      <c r="R3327" s="58">
        <v>50.058232119682152</v>
      </c>
      <c r="S3327" s="124">
        <f t="shared" si="51"/>
        <v>0.79631024125197714</v>
      </c>
    </row>
    <row r="3328" spans="8:19" x14ac:dyDescent="0.3">
      <c r="H3328" s="44">
        <v>3321</v>
      </c>
      <c r="I3328" s="56">
        <f>Bühler!I3354</f>
        <v>0.18376390182737931</v>
      </c>
      <c r="J3328" s="59">
        <f>Bühler!J3354</f>
        <v>0.6125463394245978</v>
      </c>
      <c r="K3328" s="59">
        <f>Bühler!K3354</f>
        <v>0.91881950913689669</v>
      </c>
      <c r="L3328" s="59">
        <f>Bühler!L3354</f>
        <v>12.652081815473723</v>
      </c>
      <c r="M3328" s="58">
        <f>Bühler!M3354</f>
        <v>0</v>
      </c>
      <c r="N3328" s="56">
        <f>IF(Input!$D$19=1,J3328*Input!$C$19,0)+IF(Input!$D$20=1,K3328*Input!$C$20,0)+IF(Input!$D$21=1,L3328*Input!$C$21,0)+IF(Input!$D$22=1,M3328*Input!$C$22,0)</f>
        <v>0.18376390182737934</v>
      </c>
      <c r="O3328" s="59">
        <f>IF(Input!$D$19=2,J3328*Input!$C$19,0)+IF(Input!$D$20=2,K3328*Input!$C$20,0)+IF(Input!$D$21=2,L3328*Input!$C$21,0)+IF(Input!$D$22=2,M3328*Input!$C$22,0)</f>
        <v>0.45940975456844835</v>
      </c>
      <c r="P3328" s="59">
        <f>IF(Input!$D$19=3,J3328*Input!$C$19,0)+IF(Input!$D$20=3,K3328*Input!$C$20,0)+IF(Input!$D$21=3,L3328*Input!$C$21,0)+IF(Input!$D$22=3,M3328*Input!$C$22,0)</f>
        <v>0</v>
      </c>
      <c r="Q3328" s="75">
        <f>IF(Input!$D$19=4,J3328*Input!$C$19,0)+IF(Input!$D$20=4,K3328*Input!$C$20,0)+IF(Input!$D$21=4,L3328*Input!$C$21,0)+IF(Input!$D$22=4,M3328*Input!$C$22,0)</f>
        <v>0</v>
      </c>
      <c r="R3328" s="58">
        <v>49.814945135556599</v>
      </c>
      <c r="S3328" s="124">
        <f t="shared" si="51"/>
        <v>0.79631024125197714</v>
      </c>
    </row>
    <row r="3329" spans="8:19" x14ac:dyDescent="0.3">
      <c r="H3329" s="44">
        <v>3322</v>
      </c>
      <c r="I3329" s="56">
        <f>Bühler!I3355</f>
        <v>0.18376390182737931</v>
      </c>
      <c r="J3329" s="59">
        <f>Bühler!J3355</f>
        <v>0.6125463394245978</v>
      </c>
      <c r="K3329" s="59">
        <f>Bühler!K3355</f>
        <v>0.91881950913689669</v>
      </c>
      <c r="L3329" s="59">
        <f>Bühler!L3355</f>
        <v>12.652081815473723</v>
      </c>
      <c r="M3329" s="58">
        <f>Bühler!M3355</f>
        <v>0</v>
      </c>
      <c r="N3329" s="56">
        <f>IF(Input!$D$19=1,J3329*Input!$C$19,0)+IF(Input!$D$20=1,K3329*Input!$C$20,0)+IF(Input!$D$21=1,L3329*Input!$C$21,0)+IF(Input!$D$22=1,M3329*Input!$C$22,0)</f>
        <v>0.18376390182737934</v>
      </c>
      <c r="O3329" s="59">
        <f>IF(Input!$D$19=2,J3329*Input!$C$19,0)+IF(Input!$D$20=2,K3329*Input!$C$20,0)+IF(Input!$D$21=2,L3329*Input!$C$21,0)+IF(Input!$D$22=2,M3329*Input!$C$22,0)</f>
        <v>0.45940975456844835</v>
      </c>
      <c r="P3329" s="59">
        <f>IF(Input!$D$19=3,J3329*Input!$C$19,0)+IF(Input!$D$20=3,K3329*Input!$C$20,0)+IF(Input!$D$21=3,L3329*Input!$C$21,0)+IF(Input!$D$22=3,M3329*Input!$C$22,0)</f>
        <v>0</v>
      </c>
      <c r="Q3329" s="75">
        <f>IF(Input!$D$19=4,J3329*Input!$C$19,0)+IF(Input!$D$20=4,K3329*Input!$C$20,0)+IF(Input!$D$21=4,L3329*Input!$C$21,0)+IF(Input!$D$22=4,M3329*Input!$C$22,0)</f>
        <v>0</v>
      </c>
      <c r="R3329" s="58">
        <v>49.412872970613421</v>
      </c>
      <c r="S3329" s="124">
        <f t="shared" si="51"/>
        <v>0.79631024125197714</v>
      </c>
    </row>
    <row r="3330" spans="8:19" x14ac:dyDescent="0.3">
      <c r="H3330" s="44">
        <v>3323</v>
      </c>
      <c r="I3330" s="56">
        <f>Bühler!I3356</f>
        <v>0.18376390182737931</v>
      </c>
      <c r="J3330" s="59">
        <f>Bühler!J3356</f>
        <v>0.6125463394245978</v>
      </c>
      <c r="K3330" s="59">
        <f>Bühler!K3356</f>
        <v>0.91881950913689669</v>
      </c>
      <c r="L3330" s="59">
        <f>Bühler!L3356</f>
        <v>12.652081815473723</v>
      </c>
      <c r="M3330" s="58">
        <f>Bühler!M3356</f>
        <v>0</v>
      </c>
      <c r="N3330" s="56">
        <f>IF(Input!$D$19=1,J3330*Input!$C$19,0)+IF(Input!$D$20=1,K3330*Input!$C$20,0)+IF(Input!$D$21=1,L3330*Input!$C$21,0)+IF(Input!$D$22=1,M3330*Input!$C$22,0)</f>
        <v>0.18376390182737934</v>
      </c>
      <c r="O3330" s="59">
        <f>IF(Input!$D$19=2,J3330*Input!$C$19,0)+IF(Input!$D$20=2,K3330*Input!$C$20,0)+IF(Input!$D$21=2,L3330*Input!$C$21,0)+IF(Input!$D$22=2,M3330*Input!$C$22,0)</f>
        <v>0.45940975456844835</v>
      </c>
      <c r="P3330" s="59">
        <f>IF(Input!$D$19=3,J3330*Input!$C$19,0)+IF(Input!$D$20=3,K3330*Input!$C$20,0)+IF(Input!$D$21=3,L3330*Input!$C$21,0)+IF(Input!$D$22=3,M3330*Input!$C$22,0)</f>
        <v>0</v>
      </c>
      <c r="Q3330" s="75">
        <f>IF(Input!$D$19=4,J3330*Input!$C$19,0)+IF(Input!$D$20=4,K3330*Input!$C$20,0)+IF(Input!$D$21=4,L3330*Input!$C$21,0)+IF(Input!$D$22=4,M3330*Input!$C$22,0)</f>
        <v>0</v>
      </c>
      <c r="R3330" s="58">
        <v>49.045573419258197</v>
      </c>
      <c r="S3330" s="124">
        <f t="shared" si="51"/>
        <v>0.79631024125197714</v>
      </c>
    </row>
    <row r="3331" spans="8:19" x14ac:dyDescent="0.3">
      <c r="H3331" s="44">
        <v>3324</v>
      </c>
      <c r="I3331" s="56">
        <f>Bühler!I3357</f>
        <v>0.18376390182737931</v>
      </c>
      <c r="J3331" s="59">
        <f>Bühler!J3357</f>
        <v>0.6125463394245978</v>
      </c>
      <c r="K3331" s="59">
        <f>Bühler!K3357</f>
        <v>0.91881950913689669</v>
      </c>
      <c r="L3331" s="59">
        <f>Bühler!L3357</f>
        <v>12.652081815473723</v>
      </c>
      <c r="M3331" s="58">
        <f>Bühler!M3357</f>
        <v>0</v>
      </c>
      <c r="N3331" s="56">
        <f>IF(Input!$D$19=1,J3331*Input!$C$19,0)+IF(Input!$D$20=1,K3331*Input!$C$20,0)+IF(Input!$D$21=1,L3331*Input!$C$21,0)+IF(Input!$D$22=1,M3331*Input!$C$22,0)</f>
        <v>0.18376390182737934</v>
      </c>
      <c r="O3331" s="59">
        <f>IF(Input!$D$19=2,J3331*Input!$C$19,0)+IF(Input!$D$20=2,K3331*Input!$C$20,0)+IF(Input!$D$21=2,L3331*Input!$C$21,0)+IF(Input!$D$22=2,M3331*Input!$C$22,0)</f>
        <v>0.45940975456844835</v>
      </c>
      <c r="P3331" s="59">
        <f>IF(Input!$D$19=3,J3331*Input!$C$19,0)+IF(Input!$D$20=3,K3331*Input!$C$20,0)+IF(Input!$D$21=3,L3331*Input!$C$21,0)+IF(Input!$D$22=3,M3331*Input!$C$22,0)</f>
        <v>0</v>
      </c>
      <c r="Q3331" s="75">
        <f>IF(Input!$D$19=4,J3331*Input!$C$19,0)+IF(Input!$D$20=4,K3331*Input!$C$20,0)+IF(Input!$D$21=4,L3331*Input!$C$21,0)+IF(Input!$D$22=4,M3331*Input!$C$22,0)</f>
        <v>0</v>
      </c>
      <c r="R3331" s="58">
        <v>48.468533324712517</v>
      </c>
      <c r="S3331" s="124">
        <f t="shared" si="51"/>
        <v>0.79631024125197714</v>
      </c>
    </row>
    <row r="3332" spans="8:19" x14ac:dyDescent="0.3">
      <c r="H3332" s="44">
        <v>3325</v>
      </c>
      <c r="I3332" s="56">
        <f>Bühler!I3358</f>
        <v>0.18376390182737931</v>
      </c>
      <c r="J3332" s="59">
        <f>Bühler!J3358</f>
        <v>0.6125463394245978</v>
      </c>
      <c r="K3332" s="59">
        <f>Bühler!K3358</f>
        <v>0.91881950913689669</v>
      </c>
      <c r="L3332" s="59">
        <f>Bühler!L3358</f>
        <v>12.652081815473723</v>
      </c>
      <c r="M3332" s="58">
        <f>Bühler!M3358</f>
        <v>0</v>
      </c>
      <c r="N3332" s="56">
        <f>IF(Input!$D$19=1,J3332*Input!$C$19,0)+IF(Input!$D$20=1,K3332*Input!$C$20,0)+IF(Input!$D$21=1,L3332*Input!$C$21,0)+IF(Input!$D$22=1,M3332*Input!$C$22,0)</f>
        <v>0.18376390182737934</v>
      </c>
      <c r="O3332" s="59">
        <f>IF(Input!$D$19=2,J3332*Input!$C$19,0)+IF(Input!$D$20=2,K3332*Input!$C$20,0)+IF(Input!$D$21=2,L3332*Input!$C$21,0)+IF(Input!$D$22=2,M3332*Input!$C$22,0)</f>
        <v>0.45940975456844835</v>
      </c>
      <c r="P3332" s="59">
        <f>IF(Input!$D$19=3,J3332*Input!$C$19,0)+IF(Input!$D$20=3,K3332*Input!$C$20,0)+IF(Input!$D$21=3,L3332*Input!$C$21,0)+IF(Input!$D$22=3,M3332*Input!$C$22,0)</f>
        <v>0</v>
      </c>
      <c r="Q3332" s="75">
        <f>IF(Input!$D$19=4,J3332*Input!$C$19,0)+IF(Input!$D$20=4,K3332*Input!$C$20,0)+IF(Input!$D$21=4,L3332*Input!$C$21,0)+IF(Input!$D$22=4,M3332*Input!$C$22,0)</f>
        <v>0</v>
      </c>
      <c r="R3332" s="58">
        <v>47.311548340530514</v>
      </c>
      <c r="S3332" s="124">
        <f t="shared" si="51"/>
        <v>0.79631024125197714</v>
      </c>
    </row>
    <row r="3333" spans="8:19" x14ac:dyDescent="0.3">
      <c r="H3333" s="44">
        <v>3326</v>
      </c>
      <c r="I3333" s="56">
        <f>Bühler!I3359</f>
        <v>0.18376390182737931</v>
      </c>
      <c r="J3333" s="59">
        <f>Bühler!J3359</f>
        <v>0.6125463394245978</v>
      </c>
      <c r="K3333" s="59">
        <f>Bühler!K3359</f>
        <v>0.91881950913689669</v>
      </c>
      <c r="L3333" s="59">
        <f>Bühler!L3359</f>
        <v>12.652081815473723</v>
      </c>
      <c r="M3333" s="58">
        <f>Bühler!M3359</f>
        <v>0</v>
      </c>
      <c r="N3333" s="56">
        <f>IF(Input!$D$19=1,J3333*Input!$C$19,0)+IF(Input!$D$20=1,K3333*Input!$C$20,0)+IF(Input!$D$21=1,L3333*Input!$C$21,0)+IF(Input!$D$22=1,M3333*Input!$C$22,0)</f>
        <v>0.18376390182737934</v>
      </c>
      <c r="O3333" s="59">
        <f>IF(Input!$D$19=2,J3333*Input!$C$19,0)+IF(Input!$D$20=2,K3333*Input!$C$20,0)+IF(Input!$D$21=2,L3333*Input!$C$21,0)+IF(Input!$D$22=2,M3333*Input!$C$22,0)</f>
        <v>0.45940975456844835</v>
      </c>
      <c r="P3333" s="59">
        <f>IF(Input!$D$19=3,J3333*Input!$C$19,0)+IF(Input!$D$20=3,K3333*Input!$C$20,0)+IF(Input!$D$21=3,L3333*Input!$C$21,0)+IF(Input!$D$22=3,M3333*Input!$C$22,0)</f>
        <v>0</v>
      </c>
      <c r="Q3333" s="75">
        <f>IF(Input!$D$19=4,J3333*Input!$C$19,0)+IF(Input!$D$20=4,K3333*Input!$C$20,0)+IF(Input!$D$21=4,L3333*Input!$C$21,0)+IF(Input!$D$22=4,M3333*Input!$C$22,0)</f>
        <v>0</v>
      </c>
      <c r="R3333" s="58">
        <v>45.98432871287195</v>
      </c>
      <c r="S3333" s="124">
        <f t="shared" si="51"/>
        <v>0.79631024125197714</v>
      </c>
    </row>
    <row r="3334" spans="8:19" x14ac:dyDescent="0.3">
      <c r="H3334" s="44">
        <v>3327</v>
      </c>
      <c r="I3334" s="56">
        <f>Bühler!I3360</f>
        <v>0.18376390182737931</v>
      </c>
      <c r="J3334" s="59">
        <f>Bühler!J3360</f>
        <v>0.6125463394245978</v>
      </c>
      <c r="K3334" s="59">
        <f>Bühler!K3360</f>
        <v>0.91881950913689669</v>
      </c>
      <c r="L3334" s="59">
        <f>Bühler!L3360</f>
        <v>12.652081815473723</v>
      </c>
      <c r="M3334" s="58">
        <f>Bühler!M3360</f>
        <v>0</v>
      </c>
      <c r="N3334" s="56">
        <f>IF(Input!$D$19=1,J3334*Input!$C$19,0)+IF(Input!$D$20=1,K3334*Input!$C$20,0)+IF(Input!$D$21=1,L3334*Input!$C$21,0)+IF(Input!$D$22=1,M3334*Input!$C$22,0)</f>
        <v>0.18376390182737934</v>
      </c>
      <c r="O3334" s="59">
        <f>IF(Input!$D$19=2,J3334*Input!$C$19,0)+IF(Input!$D$20=2,K3334*Input!$C$20,0)+IF(Input!$D$21=2,L3334*Input!$C$21,0)+IF(Input!$D$22=2,M3334*Input!$C$22,0)</f>
        <v>0.45940975456844835</v>
      </c>
      <c r="P3334" s="59">
        <f>IF(Input!$D$19=3,J3334*Input!$C$19,0)+IF(Input!$D$20=3,K3334*Input!$C$20,0)+IF(Input!$D$21=3,L3334*Input!$C$21,0)+IF(Input!$D$22=3,M3334*Input!$C$22,0)</f>
        <v>0</v>
      </c>
      <c r="Q3334" s="75">
        <f>IF(Input!$D$19=4,J3334*Input!$C$19,0)+IF(Input!$D$20=4,K3334*Input!$C$20,0)+IF(Input!$D$21=4,L3334*Input!$C$21,0)+IF(Input!$D$22=4,M3334*Input!$C$22,0)</f>
        <v>0</v>
      </c>
      <c r="R3334" s="58">
        <v>45.602207606380013</v>
      </c>
      <c r="S3334" s="124">
        <f t="shared" si="51"/>
        <v>0.79631024125197714</v>
      </c>
    </row>
    <row r="3335" spans="8:19" x14ac:dyDescent="0.3">
      <c r="H3335" s="44">
        <v>3328</v>
      </c>
      <c r="I3335" s="56">
        <f>Bühler!I3361</f>
        <v>0.1661427057617402</v>
      </c>
      <c r="J3335" s="59">
        <f>Bühler!J3361</f>
        <v>0.55380901920580072</v>
      </c>
      <c r="K3335" s="59">
        <f>Bühler!K3361</f>
        <v>0.83071352880870108</v>
      </c>
      <c r="L3335" s="59">
        <f>Bühler!L3361</f>
        <v>11.438868490702269</v>
      </c>
      <c r="M3335" s="58">
        <f>Bühler!M3361</f>
        <v>0</v>
      </c>
      <c r="N3335" s="56">
        <f>IF(Input!$D$19=1,J3335*Input!$C$19,0)+IF(Input!$D$20=1,K3335*Input!$C$20,0)+IF(Input!$D$21=1,L3335*Input!$C$21,0)+IF(Input!$D$22=1,M3335*Input!$C$22,0)</f>
        <v>0.1661427057617402</v>
      </c>
      <c r="O3335" s="59">
        <f>IF(Input!$D$19=2,J3335*Input!$C$19,0)+IF(Input!$D$20=2,K3335*Input!$C$20,0)+IF(Input!$D$21=2,L3335*Input!$C$21,0)+IF(Input!$D$22=2,M3335*Input!$C$22,0)</f>
        <v>0.41535676440435054</v>
      </c>
      <c r="P3335" s="59">
        <f>IF(Input!$D$19=3,J3335*Input!$C$19,0)+IF(Input!$D$20=3,K3335*Input!$C$20,0)+IF(Input!$D$21=3,L3335*Input!$C$21,0)+IF(Input!$D$22=3,M3335*Input!$C$22,0)</f>
        <v>0</v>
      </c>
      <c r="Q3335" s="75">
        <f>IF(Input!$D$19=4,J3335*Input!$C$19,0)+IF(Input!$D$20=4,K3335*Input!$C$20,0)+IF(Input!$D$21=4,L3335*Input!$C$21,0)+IF(Input!$D$22=4,M3335*Input!$C$22,0)</f>
        <v>0</v>
      </c>
      <c r="R3335" s="58">
        <v>45.507952634831902</v>
      </c>
      <c r="S3335" s="124">
        <f t="shared" si="51"/>
        <v>0.7199517249675409</v>
      </c>
    </row>
    <row r="3336" spans="8:19" x14ac:dyDescent="0.3">
      <c r="H3336" s="44">
        <v>3329</v>
      </c>
      <c r="I3336" s="56">
        <f>Bühler!I3362</f>
        <v>0.15103882341976382</v>
      </c>
      <c r="J3336" s="59">
        <f>Bühler!J3362</f>
        <v>0.50346274473254615</v>
      </c>
      <c r="K3336" s="59">
        <f>Bühler!K3362</f>
        <v>0.75519411709881923</v>
      </c>
      <c r="L3336" s="59">
        <f>Bühler!L3362</f>
        <v>10.398971355183882</v>
      </c>
      <c r="M3336" s="58">
        <f>Bühler!M3362</f>
        <v>0</v>
      </c>
      <c r="N3336" s="56">
        <f>IF(Input!$D$19=1,J3336*Input!$C$19,0)+IF(Input!$D$20=1,K3336*Input!$C$20,0)+IF(Input!$D$21=1,L3336*Input!$C$21,0)+IF(Input!$D$22=1,M3336*Input!$C$22,0)</f>
        <v>0.15103882341976385</v>
      </c>
      <c r="O3336" s="59">
        <f>IF(Input!$D$19=2,J3336*Input!$C$19,0)+IF(Input!$D$20=2,K3336*Input!$C$20,0)+IF(Input!$D$21=2,L3336*Input!$C$21,0)+IF(Input!$D$22=2,M3336*Input!$C$22,0)</f>
        <v>0.37759705854940961</v>
      </c>
      <c r="P3336" s="59">
        <f>IF(Input!$D$19=3,J3336*Input!$C$19,0)+IF(Input!$D$20=3,K3336*Input!$C$20,0)+IF(Input!$D$21=3,L3336*Input!$C$21,0)+IF(Input!$D$22=3,M3336*Input!$C$22,0)</f>
        <v>0</v>
      </c>
      <c r="Q3336" s="75">
        <f>IF(Input!$D$19=4,J3336*Input!$C$19,0)+IF(Input!$D$20=4,K3336*Input!$C$20,0)+IF(Input!$D$21=4,L3336*Input!$C$21,0)+IF(Input!$D$22=4,M3336*Input!$C$22,0)</f>
        <v>0</v>
      </c>
      <c r="R3336" s="58">
        <v>44.578689130430156</v>
      </c>
      <c r="S3336" s="124">
        <f t="shared" si="51"/>
        <v>0.65450156815230998</v>
      </c>
    </row>
    <row r="3337" spans="8:19" x14ac:dyDescent="0.3">
      <c r="H3337" s="44">
        <v>3330</v>
      </c>
      <c r="I3337" s="56">
        <f>Bühler!I3363</f>
        <v>0.13593494107778745</v>
      </c>
      <c r="J3337" s="59">
        <f>Bühler!J3363</f>
        <v>0.45311647025929153</v>
      </c>
      <c r="K3337" s="59">
        <f>Bühler!K3363</f>
        <v>0.67967470538893726</v>
      </c>
      <c r="L3337" s="59">
        <f>Bühler!L3363</f>
        <v>9.3590742196654926</v>
      </c>
      <c r="M3337" s="58">
        <f>Bühler!M3363</f>
        <v>0</v>
      </c>
      <c r="N3337" s="56">
        <f>IF(Input!$D$19=1,J3337*Input!$C$19,0)+IF(Input!$D$20=1,K3337*Input!$C$20,0)+IF(Input!$D$21=1,L3337*Input!$C$21,0)+IF(Input!$D$22=1,M3337*Input!$C$22,0)</f>
        <v>0.13593494107778745</v>
      </c>
      <c r="O3337" s="59">
        <f>IF(Input!$D$19=2,J3337*Input!$C$19,0)+IF(Input!$D$20=2,K3337*Input!$C$20,0)+IF(Input!$D$21=2,L3337*Input!$C$21,0)+IF(Input!$D$22=2,M3337*Input!$C$22,0)</f>
        <v>0.33983735269446863</v>
      </c>
      <c r="P3337" s="59">
        <f>IF(Input!$D$19=3,J3337*Input!$C$19,0)+IF(Input!$D$20=3,K3337*Input!$C$20,0)+IF(Input!$D$21=3,L3337*Input!$C$21,0)+IF(Input!$D$22=3,M3337*Input!$C$22,0)</f>
        <v>0</v>
      </c>
      <c r="Q3337" s="75">
        <f>IF(Input!$D$19=4,J3337*Input!$C$19,0)+IF(Input!$D$20=4,K3337*Input!$C$20,0)+IF(Input!$D$21=4,L3337*Input!$C$21,0)+IF(Input!$D$22=4,M3337*Input!$C$22,0)</f>
        <v>0</v>
      </c>
      <c r="R3337" s="58">
        <v>43.761198512574815</v>
      </c>
      <c r="S3337" s="124">
        <f t="shared" ref="S3337:S3400" si="52">I3337+J3337</f>
        <v>0.58905141133707895</v>
      </c>
    </row>
    <row r="3338" spans="8:19" x14ac:dyDescent="0.3">
      <c r="H3338" s="44">
        <v>3331</v>
      </c>
      <c r="I3338" s="56">
        <f>Bühler!I3364</f>
        <v>0.13090031363046198</v>
      </c>
      <c r="J3338" s="59">
        <f>Bühler!J3364</f>
        <v>0.43633437876820663</v>
      </c>
      <c r="K3338" s="59">
        <f>Bühler!K3364</f>
        <v>0.65450156815230998</v>
      </c>
      <c r="L3338" s="59">
        <f>Bühler!L3364</f>
        <v>9.0124418411593652</v>
      </c>
      <c r="M3338" s="58">
        <f>Bühler!M3364</f>
        <v>0</v>
      </c>
      <c r="N3338" s="56">
        <f>IF(Input!$D$19=1,J3338*Input!$C$19,0)+IF(Input!$D$20=1,K3338*Input!$C$20,0)+IF(Input!$D$21=1,L3338*Input!$C$21,0)+IF(Input!$D$22=1,M3338*Input!$C$22,0)</f>
        <v>0.13090031363046198</v>
      </c>
      <c r="O3338" s="59">
        <f>IF(Input!$D$19=2,J3338*Input!$C$19,0)+IF(Input!$D$20=2,K3338*Input!$C$20,0)+IF(Input!$D$21=2,L3338*Input!$C$21,0)+IF(Input!$D$22=2,M3338*Input!$C$22,0)</f>
        <v>0.32725078407615499</v>
      </c>
      <c r="P3338" s="59">
        <f>IF(Input!$D$19=3,J3338*Input!$C$19,0)+IF(Input!$D$20=3,K3338*Input!$C$20,0)+IF(Input!$D$21=3,L3338*Input!$C$21,0)+IF(Input!$D$22=3,M3338*Input!$C$22,0)</f>
        <v>0</v>
      </c>
      <c r="Q3338" s="75">
        <f>IF(Input!$D$19=4,J3338*Input!$C$19,0)+IF(Input!$D$20=4,K3338*Input!$C$20,0)+IF(Input!$D$21=4,L3338*Input!$C$21,0)+IF(Input!$D$22=4,M3338*Input!$C$22,0)</f>
        <v>0</v>
      </c>
      <c r="R3338" s="58">
        <v>43.13811908301021</v>
      </c>
      <c r="S3338" s="124">
        <f t="shared" si="52"/>
        <v>0.56723469239866864</v>
      </c>
    </row>
    <row r="3339" spans="8:19" x14ac:dyDescent="0.3">
      <c r="H3339" s="44">
        <v>3332</v>
      </c>
      <c r="I3339" s="56">
        <f>Bühler!I3365</f>
        <v>0.10572717639383467</v>
      </c>
      <c r="J3339" s="59">
        <f>Bühler!J3365</f>
        <v>0.35242392131278227</v>
      </c>
      <c r="K3339" s="59">
        <f>Bühler!K3365</f>
        <v>0.52863588196917344</v>
      </c>
      <c r="L3339" s="59">
        <f>Bühler!L3365</f>
        <v>7.2792799486287167</v>
      </c>
      <c r="M3339" s="58">
        <f>Bühler!M3365</f>
        <v>0</v>
      </c>
      <c r="N3339" s="56">
        <f>IF(Input!$D$19=1,J3339*Input!$C$19,0)+IF(Input!$D$20=1,K3339*Input!$C$20,0)+IF(Input!$D$21=1,L3339*Input!$C$21,0)+IF(Input!$D$22=1,M3339*Input!$C$22,0)</f>
        <v>0.10572717639383468</v>
      </c>
      <c r="O3339" s="59">
        <f>IF(Input!$D$19=2,J3339*Input!$C$19,0)+IF(Input!$D$20=2,K3339*Input!$C$20,0)+IF(Input!$D$21=2,L3339*Input!$C$21,0)+IF(Input!$D$22=2,M3339*Input!$C$22,0)</f>
        <v>0.26431794098458672</v>
      </c>
      <c r="P3339" s="59">
        <f>IF(Input!$D$19=3,J3339*Input!$C$19,0)+IF(Input!$D$20=3,K3339*Input!$C$20,0)+IF(Input!$D$21=3,L3339*Input!$C$21,0)+IF(Input!$D$22=3,M3339*Input!$C$22,0)</f>
        <v>0</v>
      </c>
      <c r="Q3339" s="75">
        <f>IF(Input!$D$19=4,J3339*Input!$C$19,0)+IF(Input!$D$20=4,K3339*Input!$C$20,0)+IF(Input!$D$21=4,L3339*Input!$C$21,0)+IF(Input!$D$22=4,M3339*Input!$C$22,0)</f>
        <v>0</v>
      </c>
      <c r="R3339" s="58">
        <v>42.287546418773175</v>
      </c>
      <c r="S3339" s="124">
        <f t="shared" si="52"/>
        <v>0.45815109770661694</v>
      </c>
    </row>
    <row r="3340" spans="8:19" x14ac:dyDescent="0.3">
      <c r="H3340" s="44">
        <v>3333</v>
      </c>
      <c r="I3340" s="56">
        <f>Bühler!I3366</f>
        <v>7.8036725433544632E-2</v>
      </c>
      <c r="J3340" s="59">
        <f>Bühler!J3366</f>
        <v>0.26012241811181547</v>
      </c>
      <c r="K3340" s="59">
        <f>Bühler!K3366</f>
        <v>0.3901836271677232</v>
      </c>
      <c r="L3340" s="59">
        <f>Bühler!L3366</f>
        <v>5.3728018668450055</v>
      </c>
      <c r="M3340" s="58">
        <f>Bühler!M3366</f>
        <v>0</v>
      </c>
      <c r="N3340" s="56">
        <f>IF(Input!$D$19=1,J3340*Input!$C$19,0)+IF(Input!$D$20=1,K3340*Input!$C$20,0)+IF(Input!$D$21=1,L3340*Input!$C$21,0)+IF(Input!$D$22=1,M3340*Input!$C$22,0)</f>
        <v>7.8036725433544632E-2</v>
      </c>
      <c r="O3340" s="59">
        <f>IF(Input!$D$19=2,J3340*Input!$C$19,0)+IF(Input!$D$20=2,K3340*Input!$C$20,0)+IF(Input!$D$21=2,L3340*Input!$C$21,0)+IF(Input!$D$22=2,M3340*Input!$C$22,0)</f>
        <v>0.1950918135838616</v>
      </c>
      <c r="P3340" s="59">
        <f>IF(Input!$D$19=3,J3340*Input!$C$19,0)+IF(Input!$D$20=3,K3340*Input!$C$20,0)+IF(Input!$D$21=3,L3340*Input!$C$21,0)+IF(Input!$D$22=3,M3340*Input!$C$22,0)</f>
        <v>0</v>
      </c>
      <c r="Q3340" s="75">
        <f>IF(Input!$D$19=4,J3340*Input!$C$19,0)+IF(Input!$D$20=4,K3340*Input!$C$20,0)+IF(Input!$D$21=4,L3340*Input!$C$21,0)+IF(Input!$D$22=4,M3340*Input!$C$22,0)</f>
        <v>0</v>
      </c>
      <c r="R3340" s="58">
        <v>41.639587860566273</v>
      </c>
      <c r="S3340" s="124">
        <f t="shared" si="52"/>
        <v>0.33815914354536009</v>
      </c>
    </row>
    <row r="3341" spans="8:19" x14ac:dyDescent="0.3">
      <c r="H3341" s="44">
        <v>3334</v>
      </c>
      <c r="I3341" s="56">
        <f>Bühler!I3367</f>
        <v>7.8036725433544632E-2</v>
      </c>
      <c r="J3341" s="59">
        <f>Bühler!J3367</f>
        <v>0.26012241811181547</v>
      </c>
      <c r="K3341" s="59">
        <f>Bühler!K3367</f>
        <v>0.3901836271677232</v>
      </c>
      <c r="L3341" s="59">
        <f>Bühler!L3367</f>
        <v>5.3728018668450055</v>
      </c>
      <c r="M3341" s="58">
        <f>Bühler!M3367</f>
        <v>0</v>
      </c>
      <c r="N3341" s="56">
        <f>IF(Input!$D$19=1,J3341*Input!$C$19,0)+IF(Input!$D$20=1,K3341*Input!$C$20,0)+IF(Input!$D$21=1,L3341*Input!$C$21,0)+IF(Input!$D$22=1,M3341*Input!$C$22,0)</f>
        <v>7.8036725433544632E-2</v>
      </c>
      <c r="O3341" s="59">
        <f>IF(Input!$D$19=2,J3341*Input!$C$19,0)+IF(Input!$D$20=2,K3341*Input!$C$20,0)+IF(Input!$D$21=2,L3341*Input!$C$21,0)+IF(Input!$D$22=2,M3341*Input!$C$22,0)</f>
        <v>0.1950918135838616</v>
      </c>
      <c r="P3341" s="59">
        <f>IF(Input!$D$19=3,J3341*Input!$C$19,0)+IF(Input!$D$20=3,K3341*Input!$C$20,0)+IF(Input!$D$21=3,L3341*Input!$C$21,0)+IF(Input!$D$22=3,M3341*Input!$C$22,0)</f>
        <v>0</v>
      </c>
      <c r="Q3341" s="75">
        <f>IF(Input!$D$19=4,J3341*Input!$C$19,0)+IF(Input!$D$20=4,K3341*Input!$C$20,0)+IF(Input!$D$21=4,L3341*Input!$C$21,0)+IF(Input!$D$22=4,M3341*Input!$C$22,0)</f>
        <v>0</v>
      </c>
      <c r="R3341" s="58">
        <v>41.368170534808421</v>
      </c>
      <c r="S3341" s="124">
        <f t="shared" si="52"/>
        <v>0.33815914354536009</v>
      </c>
    </row>
    <row r="3342" spans="8:19" x14ac:dyDescent="0.3">
      <c r="H3342" s="44">
        <v>3335</v>
      </c>
      <c r="I3342" s="56">
        <f>Bühler!I3368</f>
        <v>7.8036725433544632E-2</v>
      </c>
      <c r="J3342" s="59">
        <f>Bühler!J3368</f>
        <v>0.26012241811181547</v>
      </c>
      <c r="K3342" s="59">
        <f>Bühler!K3368</f>
        <v>0.3901836271677232</v>
      </c>
      <c r="L3342" s="59">
        <f>Bühler!L3368</f>
        <v>5.3728018668450055</v>
      </c>
      <c r="M3342" s="58">
        <f>Bühler!M3368</f>
        <v>0</v>
      </c>
      <c r="N3342" s="56">
        <f>IF(Input!$D$19=1,J3342*Input!$C$19,0)+IF(Input!$D$20=1,K3342*Input!$C$20,0)+IF(Input!$D$21=1,L3342*Input!$C$21,0)+IF(Input!$D$22=1,M3342*Input!$C$22,0)</f>
        <v>7.8036725433544632E-2</v>
      </c>
      <c r="O3342" s="59">
        <f>IF(Input!$D$19=2,J3342*Input!$C$19,0)+IF(Input!$D$20=2,K3342*Input!$C$20,0)+IF(Input!$D$21=2,L3342*Input!$C$21,0)+IF(Input!$D$22=2,M3342*Input!$C$22,0)</f>
        <v>0.1950918135838616</v>
      </c>
      <c r="P3342" s="59">
        <f>IF(Input!$D$19=3,J3342*Input!$C$19,0)+IF(Input!$D$20=3,K3342*Input!$C$20,0)+IF(Input!$D$21=3,L3342*Input!$C$21,0)+IF(Input!$D$22=3,M3342*Input!$C$22,0)</f>
        <v>0</v>
      </c>
      <c r="Q3342" s="75">
        <f>IF(Input!$D$19=4,J3342*Input!$C$19,0)+IF(Input!$D$20=4,K3342*Input!$C$20,0)+IF(Input!$D$21=4,L3342*Input!$C$21,0)+IF(Input!$D$22=4,M3342*Input!$C$22,0)</f>
        <v>0</v>
      </c>
      <c r="R3342" s="58">
        <v>41.502588937134703</v>
      </c>
      <c r="S3342" s="124">
        <f t="shared" si="52"/>
        <v>0.33815914354536009</v>
      </c>
    </row>
    <row r="3343" spans="8:19" x14ac:dyDescent="0.3">
      <c r="H3343" s="44">
        <v>3336</v>
      </c>
      <c r="I3343" s="56">
        <f>Bühler!I3369</f>
        <v>7.8036725433544632E-2</v>
      </c>
      <c r="J3343" s="59">
        <f>Bühler!J3369</f>
        <v>0.26012241811181547</v>
      </c>
      <c r="K3343" s="59">
        <f>Bühler!K3369</f>
        <v>0.3901836271677232</v>
      </c>
      <c r="L3343" s="59">
        <f>Bühler!L3369</f>
        <v>5.3728018668450055</v>
      </c>
      <c r="M3343" s="58">
        <f>Bühler!M3369</f>
        <v>0</v>
      </c>
      <c r="N3343" s="56">
        <f>IF(Input!$D$19=1,J3343*Input!$C$19,0)+IF(Input!$D$20=1,K3343*Input!$C$20,0)+IF(Input!$D$21=1,L3343*Input!$C$21,0)+IF(Input!$D$22=1,M3343*Input!$C$22,0)</f>
        <v>7.8036725433544632E-2</v>
      </c>
      <c r="O3343" s="59">
        <f>IF(Input!$D$19=2,J3343*Input!$C$19,0)+IF(Input!$D$20=2,K3343*Input!$C$20,0)+IF(Input!$D$21=2,L3343*Input!$C$21,0)+IF(Input!$D$22=2,M3343*Input!$C$22,0)</f>
        <v>0.1950918135838616</v>
      </c>
      <c r="P3343" s="59">
        <f>IF(Input!$D$19=3,J3343*Input!$C$19,0)+IF(Input!$D$20=3,K3343*Input!$C$20,0)+IF(Input!$D$21=3,L3343*Input!$C$21,0)+IF(Input!$D$22=3,M3343*Input!$C$22,0)</f>
        <v>0</v>
      </c>
      <c r="Q3343" s="75">
        <f>IF(Input!$D$19=4,J3343*Input!$C$19,0)+IF(Input!$D$20=4,K3343*Input!$C$20,0)+IF(Input!$D$21=4,L3343*Input!$C$21,0)+IF(Input!$D$22=4,M3343*Input!$C$22,0)</f>
        <v>0</v>
      </c>
      <c r="R3343" s="58">
        <v>41.494346085817988</v>
      </c>
      <c r="S3343" s="124">
        <f t="shared" si="52"/>
        <v>0.33815914354536009</v>
      </c>
    </row>
    <row r="3344" spans="8:19" x14ac:dyDescent="0.3">
      <c r="H3344" s="44">
        <v>3337</v>
      </c>
      <c r="I3344" s="56">
        <f>Bühler!I3370</f>
        <v>7.9453464238168042E-2</v>
      </c>
      <c r="J3344" s="59">
        <f>Bühler!J3370</f>
        <v>0.26484488079389351</v>
      </c>
      <c r="K3344" s="59">
        <f>Bühler!K3370</f>
        <v>0.39726732119084029</v>
      </c>
      <c r="L3344" s="59">
        <f>Bühler!L3370</f>
        <v>5.8979660912912966</v>
      </c>
      <c r="M3344" s="58">
        <f>Bühler!M3370</f>
        <v>0</v>
      </c>
      <c r="N3344" s="56">
        <f>IF(Input!$D$19=1,J3344*Input!$C$19,0)+IF(Input!$D$20=1,K3344*Input!$C$20,0)+IF(Input!$D$21=1,L3344*Input!$C$21,0)+IF(Input!$D$22=1,M3344*Input!$C$22,0)</f>
        <v>7.9453464238168056E-2</v>
      </c>
      <c r="O3344" s="59">
        <f>IF(Input!$D$19=2,J3344*Input!$C$19,0)+IF(Input!$D$20=2,K3344*Input!$C$20,0)+IF(Input!$D$21=2,L3344*Input!$C$21,0)+IF(Input!$D$22=2,M3344*Input!$C$22,0)</f>
        <v>0.19863366059542015</v>
      </c>
      <c r="P3344" s="59">
        <f>IF(Input!$D$19=3,J3344*Input!$C$19,0)+IF(Input!$D$20=3,K3344*Input!$C$20,0)+IF(Input!$D$21=3,L3344*Input!$C$21,0)+IF(Input!$D$22=3,M3344*Input!$C$22,0)</f>
        <v>0</v>
      </c>
      <c r="Q3344" s="75">
        <f>IF(Input!$D$19=4,J3344*Input!$C$19,0)+IF(Input!$D$20=4,K3344*Input!$C$20,0)+IF(Input!$D$21=4,L3344*Input!$C$21,0)+IF(Input!$D$22=4,M3344*Input!$C$22,0)</f>
        <v>0</v>
      </c>
      <c r="R3344" s="58">
        <v>49.211799190530996</v>
      </c>
      <c r="S3344" s="124">
        <f t="shared" si="52"/>
        <v>0.34429834503206158</v>
      </c>
    </row>
    <row r="3345" spans="8:19" x14ac:dyDescent="0.3">
      <c r="H3345" s="44">
        <v>3338</v>
      </c>
      <c r="I3345" s="56">
        <f>Bühler!I3371</f>
        <v>9.2268539115291953E-2</v>
      </c>
      <c r="J3345" s="59">
        <f>Bühler!J3371</f>
        <v>0.3075617970509732</v>
      </c>
      <c r="K3345" s="59">
        <f>Bühler!K3371</f>
        <v>0.46134269557645979</v>
      </c>
      <c r="L3345" s="59">
        <f>Bühler!L3371</f>
        <v>6.8492509447253758</v>
      </c>
      <c r="M3345" s="58">
        <f>Bühler!M3371</f>
        <v>0</v>
      </c>
      <c r="N3345" s="56">
        <f>IF(Input!$D$19=1,J3345*Input!$C$19,0)+IF(Input!$D$20=1,K3345*Input!$C$20,0)+IF(Input!$D$21=1,L3345*Input!$C$21,0)+IF(Input!$D$22=1,M3345*Input!$C$22,0)</f>
        <v>9.2268539115291953E-2</v>
      </c>
      <c r="O3345" s="59">
        <f>IF(Input!$D$19=2,J3345*Input!$C$19,0)+IF(Input!$D$20=2,K3345*Input!$C$20,0)+IF(Input!$D$21=2,L3345*Input!$C$21,0)+IF(Input!$D$22=2,M3345*Input!$C$22,0)</f>
        <v>0.2306713477882299</v>
      </c>
      <c r="P3345" s="59">
        <f>IF(Input!$D$19=3,J3345*Input!$C$19,0)+IF(Input!$D$20=3,K3345*Input!$C$20,0)+IF(Input!$D$21=3,L3345*Input!$C$21,0)+IF(Input!$D$22=3,M3345*Input!$C$22,0)</f>
        <v>0</v>
      </c>
      <c r="Q3345" s="75">
        <f>IF(Input!$D$19=4,J3345*Input!$C$19,0)+IF(Input!$D$20=4,K3345*Input!$C$20,0)+IF(Input!$D$21=4,L3345*Input!$C$21,0)+IF(Input!$D$22=4,M3345*Input!$C$22,0)</f>
        <v>0</v>
      </c>
      <c r="R3345" s="58">
        <v>48.163507343232077</v>
      </c>
      <c r="S3345" s="124">
        <f t="shared" si="52"/>
        <v>0.39983033616626518</v>
      </c>
    </row>
    <row r="3346" spans="8:19" x14ac:dyDescent="0.3">
      <c r="H3346" s="44">
        <v>3339</v>
      </c>
      <c r="I3346" s="56">
        <f>Bühler!I3372</f>
        <v>9.2268539115291953E-2</v>
      </c>
      <c r="J3346" s="59">
        <f>Bühler!J3372</f>
        <v>0.3075617970509732</v>
      </c>
      <c r="K3346" s="59">
        <f>Bühler!K3372</f>
        <v>0.46134269557645979</v>
      </c>
      <c r="L3346" s="59">
        <f>Bühler!L3372</f>
        <v>6.8492509447253758</v>
      </c>
      <c r="M3346" s="58">
        <f>Bühler!M3372</f>
        <v>0</v>
      </c>
      <c r="N3346" s="56">
        <f>IF(Input!$D$19=1,J3346*Input!$C$19,0)+IF(Input!$D$20=1,K3346*Input!$C$20,0)+IF(Input!$D$21=1,L3346*Input!$C$21,0)+IF(Input!$D$22=1,M3346*Input!$C$22,0)</f>
        <v>9.2268539115291953E-2</v>
      </c>
      <c r="O3346" s="59">
        <f>IF(Input!$D$19=2,J3346*Input!$C$19,0)+IF(Input!$D$20=2,K3346*Input!$C$20,0)+IF(Input!$D$21=2,L3346*Input!$C$21,0)+IF(Input!$D$22=2,M3346*Input!$C$22,0)</f>
        <v>0.2306713477882299</v>
      </c>
      <c r="P3346" s="59">
        <f>IF(Input!$D$19=3,J3346*Input!$C$19,0)+IF(Input!$D$20=3,K3346*Input!$C$20,0)+IF(Input!$D$21=3,L3346*Input!$C$21,0)+IF(Input!$D$22=3,M3346*Input!$C$22,0)</f>
        <v>0</v>
      </c>
      <c r="Q3346" s="75">
        <f>IF(Input!$D$19=4,J3346*Input!$C$19,0)+IF(Input!$D$20=4,K3346*Input!$C$20,0)+IF(Input!$D$21=4,L3346*Input!$C$21,0)+IF(Input!$D$22=4,M3346*Input!$C$22,0)</f>
        <v>0</v>
      </c>
      <c r="R3346" s="58">
        <v>47.672308905891924</v>
      </c>
      <c r="S3346" s="124">
        <f t="shared" si="52"/>
        <v>0.39983033616626518</v>
      </c>
    </row>
    <row r="3347" spans="8:19" x14ac:dyDescent="0.3">
      <c r="H3347" s="44">
        <v>3340</v>
      </c>
      <c r="I3347" s="56">
        <f>Bühler!I3373</f>
        <v>9.2268539115291953E-2</v>
      </c>
      <c r="J3347" s="59">
        <f>Bühler!J3373</f>
        <v>0.3075617970509732</v>
      </c>
      <c r="K3347" s="59">
        <f>Bühler!K3373</f>
        <v>0.46134269557645979</v>
      </c>
      <c r="L3347" s="59">
        <f>Bühler!L3373</f>
        <v>6.8492509447253758</v>
      </c>
      <c r="M3347" s="58">
        <f>Bühler!M3373</f>
        <v>0</v>
      </c>
      <c r="N3347" s="56">
        <f>IF(Input!$D$19=1,J3347*Input!$C$19,0)+IF(Input!$D$20=1,K3347*Input!$C$20,0)+IF(Input!$D$21=1,L3347*Input!$C$21,0)+IF(Input!$D$22=1,M3347*Input!$C$22,0)</f>
        <v>9.2268539115291953E-2</v>
      </c>
      <c r="O3347" s="59">
        <f>IF(Input!$D$19=2,J3347*Input!$C$19,0)+IF(Input!$D$20=2,K3347*Input!$C$20,0)+IF(Input!$D$21=2,L3347*Input!$C$21,0)+IF(Input!$D$22=2,M3347*Input!$C$22,0)</f>
        <v>0.2306713477882299</v>
      </c>
      <c r="P3347" s="59">
        <f>IF(Input!$D$19=3,J3347*Input!$C$19,0)+IF(Input!$D$20=3,K3347*Input!$C$20,0)+IF(Input!$D$21=3,L3347*Input!$C$21,0)+IF(Input!$D$22=3,M3347*Input!$C$22,0)</f>
        <v>0</v>
      </c>
      <c r="Q3347" s="75">
        <f>IF(Input!$D$19=4,J3347*Input!$C$19,0)+IF(Input!$D$20=4,K3347*Input!$C$20,0)+IF(Input!$D$21=4,L3347*Input!$C$21,0)+IF(Input!$D$22=4,M3347*Input!$C$22,0)</f>
        <v>0</v>
      </c>
      <c r="R3347" s="58">
        <v>47.466319922232728</v>
      </c>
      <c r="S3347" s="124">
        <f t="shared" si="52"/>
        <v>0.39983033616626518</v>
      </c>
    </row>
    <row r="3348" spans="8:19" x14ac:dyDescent="0.3">
      <c r="H3348" s="44">
        <v>3341</v>
      </c>
      <c r="I3348" s="56">
        <f>Bühler!I3374</f>
        <v>9.2268539115291953E-2</v>
      </c>
      <c r="J3348" s="59">
        <f>Bühler!J3374</f>
        <v>0.3075617970509732</v>
      </c>
      <c r="K3348" s="59">
        <f>Bühler!K3374</f>
        <v>0.46134269557645979</v>
      </c>
      <c r="L3348" s="59">
        <f>Bühler!L3374</f>
        <v>6.8492509447253758</v>
      </c>
      <c r="M3348" s="58">
        <f>Bühler!M3374</f>
        <v>0</v>
      </c>
      <c r="N3348" s="56">
        <f>IF(Input!$D$19=1,J3348*Input!$C$19,0)+IF(Input!$D$20=1,K3348*Input!$C$20,0)+IF(Input!$D$21=1,L3348*Input!$C$21,0)+IF(Input!$D$22=1,M3348*Input!$C$22,0)</f>
        <v>9.2268539115291953E-2</v>
      </c>
      <c r="O3348" s="59">
        <f>IF(Input!$D$19=2,J3348*Input!$C$19,0)+IF(Input!$D$20=2,K3348*Input!$C$20,0)+IF(Input!$D$21=2,L3348*Input!$C$21,0)+IF(Input!$D$22=2,M3348*Input!$C$22,0)</f>
        <v>0.2306713477882299</v>
      </c>
      <c r="P3348" s="59">
        <f>IF(Input!$D$19=3,J3348*Input!$C$19,0)+IF(Input!$D$20=3,K3348*Input!$C$20,0)+IF(Input!$D$21=3,L3348*Input!$C$21,0)+IF(Input!$D$22=3,M3348*Input!$C$22,0)</f>
        <v>0</v>
      </c>
      <c r="Q3348" s="75">
        <f>IF(Input!$D$19=4,J3348*Input!$C$19,0)+IF(Input!$D$20=4,K3348*Input!$C$20,0)+IF(Input!$D$21=4,L3348*Input!$C$21,0)+IF(Input!$D$22=4,M3348*Input!$C$22,0)</f>
        <v>0</v>
      </c>
      <c r="R3348" s="58">
        <v>46.065269209939494</v>
      </c>
      <c r="S3348" s="124">
        <f t="shared" si="52"/>
        <v>0.39983033616626518</v>
      </c>
    </row>
    <row r="3349" spans="8:19" x14ac:dyDescent="0.3">
      <c r="H3349" s="44">
        <v>3342</v>
      </c>
      <c r="I3349" s="56">
        <f>Bühler!I3375</f>
        <v>0.11533567389411491</v>
      </c>
      <c r="J3349" s="59">
        <f>Bühler!J3375</f>
        <v>0.38445224631371638</v>
      </c>
      <c r="K3349" s="59">
        <f>Bühler!K3375</f>
        <v>0.5766783694705746</v>
      </c>
      <c r="L3349" s="59">
        <f>Bühler!L3375</f>
        <v>8.561563680906719</v>
      </c>
      <c r="M3349" s="58">
        <f>Bühler!M3375</f>
        <v>0</v>
      </c>
      <c r="N3349" s="56">
        <f>IF(Input!$D$19=1,J3349*Input!$C$19,0)+IF(Input!$D$20=1,K3349*Input!$C$20,0)+IF(Input!$D$21=1,L3349*Input!$C$21,0)+IF(Input!$D$22=1,M3349*Input!$C$22,0)</f>
        <v>0.11533567389411491</v>
      </c>
      <c r="O3349" s="59">
        <f>IF(Input!$D$19=2,J3349*Input!$C$19,0)+IF(Input!$D$20=2,K3349*Input!$C$20,0)+IF(Input!$D$21=2,L3349*Input!$C$21,0)+IF(Input!$D$22=2,M3349*Input!$C$22,0)</f>
        <v>0.2883391847352873</v>
      </c>
      <c r="P3349" s="59">
        <f>IF(Input!$D$19=3,J3349*Input!$C$19,0)+IF(Input!$D$20=3,K3349*Input!$C$20,0)+IF(Input!$D$21=3,L3349*Input!$C$21,0)+IF(Input!$D$22=3,M3349*Input!$C$22,0)</f>
        <v>0</v>
      </c>
      <c r="Q3349" s="75">
        <f>IF(Input!$D$19=4,J3349*Input!$C$19,0)+IF(Input!$D$20=4,K3349*Input!$C$20,0)+IF(Input!$D$21=4,L3349*Input!$C$21,0)+IF(Input!$D$22=4,M3349*Input!$C$22,0)</f>
        <v>0</v>
      </c>
      <c r="R3349" s="58">
        <v>45.225818301971273</v>
      </c>
      <c r="S3349" s="124">
        <f t="shared" si="52"/>
        <v>0.4997879202078313</v>
      </c>
    </row>
    <row r="3350" spans="8:19" x14ac:dyDescent="0.3">
      <c r="H3350" s="44">
        <v>3343</v>
      </c>
      <c r="I3350" s="56">
        <f>Bühler!I3376</f>
        <v>0.13583979369751314</v>
      </c>
      <c r="J3350" s="59">
        <f>Bühler!J3376</f>
        <v>0.45279931232504383</v>
      </c>
      <c r="K3350" s="59">
        <f>Bühler!K3376</f>
        <v>0.67919896848756578</v>
      </c>
      <c r="L3350" s="59">
        <f>Bühler!L3376</f>
        <v>10.083619446401249</v>
      </c>
      <c r="M3350" s="58">
        <f>Bühler!M3376</f>
        <v>0</v>
      </c>
      <c r="N3350" s="56">
        <f>IF(Input!$D$19=1,J3350*Input!$C$19,0)+IF(Input!$D$20=1,K3350*Input!$C$20,0)+IF(Input!$D$21=1,L3350*Input!$C$21,0)+IF(Input!$D$22=1,M3350*Input!$C$22,0)</f>
        <v>0.13583979369751314</v>
      </c>
      <c r="O3350" s="59">
        <f>IF(Input!$D$19=2,J3350*Input!$C$19,0)+IF(Input!$D$20=2,K3350*Input!$C$20,0)+IF(Input!$D$21=2,L3350*Input!$C$21,0)+IF(Input!$D$22=2,M3350*Input!$C$22,0)</f>
        <v>0.33959948424378289</v>
      </c>
      <c r="P3350" s="59">
        <f>IF(Input!$D$19=3,J3350*Input!$C$19,0)+IF(Input!$D$20=3,K3350*Input!$C$20,0)+IF(Input!$D$21=3,L3350*Input!$C$21,0)+IF(Input!$D$22=3,M3350*Input!$C$22,0)</f>
        <v>0</v>
      </c>
      <c r="Q3350" s="75">
        <f>IF(Input!$D$19=4,J3350*Input!$C$19,0)+IF(Input!$D$20=4,K3350*Input!$C$20,0)+IF(Input!$D$21=4,L3350*Input!$C$21,0)+IF(Input!$D$22=4,M3350*Input!$C$22,0)</f>
        <v>0</v>
      </c>
      <c r="R3350" s="58">
        <v>44.830630305255553</v>
      </c>
      <c r="S3350" s="124">
        <f t="shared" si="52"/>
        <v>0.58863910602255698</v>
      </c>
    </row>
    <row r="3351" spans="8:19" x14ac:dyDescent="0.3">
      <c r="H3351" s="44">
        <v>3344</v>
      </c>
      <c r="I3351" s="56">
        <f>Bühler!I3377</f>
        <v>0.16146994345176088</v>
      </c>
      <c r="J3351" s="59">
        <f>Bühler!J3377</f>
        <v>0.53823314483920304</v>
      </c>
      <c r="K3351" s="59">
        <f>Bühler!K3377</f>
        <v>0.80734971725880456</v>
      </c>
      <c r="L3351" s="59">
        <f>Bühler!L3377</f>
        <v>11.986189153269409</v>
      </c>
      <c r="M3351" s="58">
        <f>Bühler!M3377</f>
        <v>0</v>
      </c>
      <c r="N3351" s="56">
        <f>IF(Input!$D$19=1,J3351*Input!$C$19,0)+IF(Input!$D$20=1,K3351*Input!$C$20,0)+IF(Input!$D$21=1,L3351*Input!$C$21,0)+IF(Input!$D$22=1,M3351*Input!$C$22,0)</f>
        <v>0.16146994345176091</v>
      </c>
      <c r="O3351" s="59">
        <f>IF(Input!$D$19=2,J3351*Input!$C$19,0)+IF(Input!$D$20=2,K3351*Input!$C$20,0)+IF(Input!$D$21=2,L3351*Input!$C$21,0)+IF(Input!$D$22=2,M3351*Input!$C$22,0)</f>
        <v>0.40367485862940228</v>
      </c>
      <c r="P3351" s="59">
        <f>IF(Input!$D$19=3,J3351*Input!$C$19,0)+IF(Input!$D$20=3,K3351*Input!$C$20,0)+IF(Input!$D$21=3,L3351*Input!$C$21,0)+IF(Input!$D$22=3,M3351*Input!$C$22,0)</f>
        <v>0</v>
      </c>
      <c r="Q3351" s="75">
        <f>IF(Input!$D$19=4,J3351*Input!$C$19,0)+IF(Input!$D$20=4,K3351*Input!$C$20,0)+IF(Input!$D$21=4,L3351*Input!$C$21,0)+IF(Input!$D$22=4,M3351*Input!$C$22,0)</f>
        <v>0</v>
      </c>
      <c r="R3351" s="58">
        <v>44.901069624829887</v>
      </c>
      <c r="S3351" s="124">
        <f t="shared" si="52"/>
        <v>0.69970308829096395</v>
      </c>
    </row>
    <row r="3352" spans="8:19" x14ac:dyDescent="0.3">
      <c r="H3352" s="44">
        <v>3345</v>
      </c>
      <c r="I3352" s="56">
        <f>Bühler!I3378</f>
        <v>0.16146994345176088</v>
      </c>
      <c r="J3352" s="59">
        <f>Bühler!J3378</f>
        <v>0.53823314483920304</v>
      </c>
      <c r="K3352" s="59">
        <f>Bühler!K3378</f>
        <v>0.80734971725880456</v>
      </c>
      <c r="L3352" s="59">
        <f>Bühler!L3378</f>
        <v>11.986189153269409</v>
      </c>
      <c r="M3352" s="58">
        <f>Bühler!M3378</f>
        <v>0</v>
      </c>
      <c r="N3352" s="56">
        <f>IF(Input!$D$19=1,J3352*Input!$C$19,0)+IF(Input!$D$20=1,K3352*Input!$C$20,0)+IF(Input!$D$21=1,L3352*Input!$C$21,0)+IF(Input!$D$22=1,M3352*Input!$C$22,0)</f>
        <v>0.16146994345176091</v>
      </c>
      <c r="O3352" s="59">
        <f>IF(Input!$D$19=2,J3352*Input!$C$19,0)+IF(Input!$D$20=2,K3352*Input!$C$20,0)+IF(Input!$D$21=2,L3352*Input!$C$21,0)+IF(Input!$D$22=2,M3352*Input!$C$22,0)</f>
        <v>0.40367485862940228</v>
      </c>
      <c r="P3352" s="59">
        <f>IF(Input!$D$19=3,J3352*Input!$C$19,0)+IF(Input!$D$20=3,K3352*Input!$C$20,0)+IF(Input!$D$21=3,L3352*Input!$C$21,0)+IF(Input!$D$22=3,M3352*Input!$C$22,0)</f>
        <v>0</v>
      </c>
      <c r="Q3352" s="75">
        <f>IF(Input!$D$19=4,J3352*Input!$C$19,0)+IF(Input!$D$20=4,K3352*Input!$C$20,0)+IF(Input!$D$21=4,L3352*Input!$C$21,0)+IF(Input!$D$22=4,M3352*Input!$C$22,0)</f>
        <v>0</v>
      </c>
      <c r="R3352" s="58">
        <v>44.631580388685791</v>
      </c>
      <c r="S3352" s="124">
        <f t="shared" si="52"/>
        <v>0.69970308829096395</v>
      </c>
    </row>
    <row r="3353" spans="8:19" x14ac:dyDescent="0.3">
      <c r="H3353" s="44">
        <v>3346</v>
      </c>
      <c r="I3353" s="56">
        <f>Bühler!I3379</f>
        <v>0.16146994345176088</v>
      </c>
      <c r="J3353" s="59">
        <f>Bühler!J3379</f>
        <v>0.53823314483920304</v>
      </c>
      <c r="K3353" s="59">
        <f>Bühler!K3379</f>
        <v>0.80734971725880456</v>
      </c>
      <c r="L3353" s="59">
        <f>Bühler!L3379</f>
        <v>11.986189153269409</v>
      </c>
      <c r="M3353" s="58">
        <f>Bühler!M3379</f>
        <v>0</v>
      </c>
      <c r="N3353" s="56">
        <f>IF(Input!$D$19=1,J3353*Input!$C$19,0)+IF(Input!$D$20=1,K3353*Input!$C$20,0)+IF(Input!$D$21=1,L3353*Input!$C$21,0)+IF(Input!$D$22=1,M3353*Input!$C$22,0)</f>
        <v>0.16146994345176091</v>
      </c>
      <c r="O3353" s="59">
        <f>IF(Input!$D$19=2,J3353*Input!$C$19,0)+IF(Input!$D$20=2,K3353*Input!$C$20,0)+IF(Input!$D$21=2,L3353*Input!$C$21,0)+IF(Input!$D$22=2,M3353*Input!$C$22,0)</f>
        <v>0.40367485862940228</v>
      </c>
      <c r="P3353" s="59">
        <f>IF(Input!$D$19=3,J3353*Input!$C$19,0)+IF(Input!$D$20=3,K3353*Input!$C$20,0)+IF(Input!$D$21=3,L3353*Input!$C$21,0)+IF(Input!$D$22=3,M3353*Input!$C$22,0)</f>
        <v>0</v>
      </c>
      <c r="Q3353" s="75">
        <f>IF(Input!$D$19=4,J3353*Input!$C$19,0)+IF(Input!$D$20=4,K3353*Input!$C$20,0)+IF(Input!$D$21=4,L3353*Input!$C$21,0)+IF(Input!$D$22=4,M3353*Input!$C$22,0)</f>
        <v>0</v>
      </c>
      <c r="R3353" s="58">
        <v>44.198872501248054</v>
      </c>
      <c r="S3353" s="124">
        <f t="shared" si="52"/>
        <v>0.69970308829096395</v>
      </c>
    </row>
    <row r="3354" spans="8:19" x14ac:dyDescent="0.3">
      <c r="H3354" s="44">
        <v>3347</v>
      </c>
      <c r="I3354" s="56">
        <f>Bühler!I3380</f>
        <v>0.16146994345176088</v>
      </c>
      <c r="J3354" s="59">
        <f>Bühler!J3380</f>
        <v>0.53823314483920304</v>
      </c>
      <c r="K3354" s="59">
        <f>Bühler!K3380</f>
        <v>0.80734971725880456</v>
      </c>
      <c r="L3354" s="59">
        <f>Bühler!L3380</f>
        <v>11.986189153269409</v>
      </c>
      <c r="M3354" s="58">
        <f>Bühler!M3380</f>
        <v>0</v>
      </c>
      <c r="N3354" s="56">
        <f>IF(Input!$D$19=1,J3354*Input!$C$19,0)+IF(Input!$D$20=1,K3354*Input!$C$20,0)+IF(Input!$D$21=1,L3354*Input!$C$21,0)+IF(Input!$D$22=1,M3354*Input!$C$22,0)</f>
        <v>0.16146994345176091</v>
      </c>
      <c r="O3354" s="59">
        <f>IF(Input!$D$19=2,J3354*Input!$C$19,0)+IF(Input!$D$20=2,K3354*Input!$C$20,0)+IF(Input!$D$21=2,L3354*Input!$C$21,0)+IF(Input!$D$22=2,M3354*Input!$C$22,0)</f>
        <v>0.40367485862940228</v>
      </c>
      <c r="P3354" s="59">
        <f>IF(Input!$D$19=3,J3354*Input!$C$19,0)+IF(Input!$D$20=3,K3354*Input!$C$20,0)+IF(Input!$D$21=3,L3354*Input!$C$21,0)+IF(Input!$D$22=3,M3354*Input!$C$22,0)</f>
        <v>0</v>
      </c>
      <c r="Q3354" s="75">
        <f>IF(Input!$D$19=4,J3354*Input!$C$19,0)+IF(Input!$D$20=4,K3354*Input!$C$20,0)+IF(Input!$D$21=4,L3354*Input!$C$21,0)+IF(Input!$D$22=4,M3354*Input!$C$22,0)</f>
        <v>0</v>
      </c>
      <c r="R3354" s="58">
        <v>44.171821778393408</v>
      </c>
      <c r="S3354" s="124">
        <f t="shared" si="52"/>
        <v>0.69970308829096395</v>
      </c>
    </row>
    <row r="3355" spans="8:19" x14ac:dyDescent="0.3">
      <c r="H3355" s="44">
        <v>3348</v>
      </c>
      <c r="I3355" s="56">
        <f>Bühler!I3381</f>
        <v>0.16146994345176088</v>
      </c>
      <c r="J3355" s="59">
        <f>Bühler!J3381</f>
        <v>0.53823314483920304</v>
      </c>
      <c r="K3355" s="59">
        <f>Bühler!K3381</f>
        <v>0.80734971725880456</v>
      </c>
      <c r="L3355" s="59">
        <f>Bühler!L3381</f>
        <v>11.986189153269409</v>
      </c>
      <c r="M3355" s="58">
        <f>Bühler!M3381</f>
        <v>0</v>
      </c>
      <c r="N3355" s="56">
        <f>IF(Input!$D$19=1,J3355*Input!$C$19,0)+IF(Input!$D$20=1,K3355*Input!$C$20,0)+IF(Input!$D$21=1,L3355*Input!$C$21,0)+IF(Input!$D$22=1,M3355*Input!$C$22,0)</f>
        <v>0.16146994345176091</v>
      </c>
      <c r="O3355" s="59">
        <f>IF(Input!$D$19=2,J3355*Input!$C$19,0)+IF(Input!$D$20=2,K3355*Input!$C$20,0)+IF(Input!$D$21=2,L3355*Input!$C$21,0)+IF(Input!$D$22=2,M3355*Input!$C$22,0)</f>
        <v>0.40367485862940228</v>
      </c>
      <c r="P3355" s="59">
        <f>IF(Input!$D$19=3,J3355*Input!$C$19,0)+IF(Input!$D$20=3,K3355*Input!$C$20,0)+IF(Input!$D$21=3,L3355*Input!$C$21,0)+IF(Input!$D$22=3,M3355*Input!$C$22,0)</f>
        <v>0</v>
      </c>
      <c r="Q3355" s="75">
        <f>IF(Input!$D$19=4,J3355*Input!$C$19,0)+IF(Input!$D$20=4,K3355*Input!$C$20,0)+IF(Input!$D$21=4,L3355*Input!$C$21,0)+IF(Input!$D$22=4,M3355*Input!$C$22,0)</f>
        <v>0</v>
      </c>
      <c r="R3355" s="58">
        <v>44.39411686165667</v>
      </c>
      <c r="S3355" s="124">
        <f t="shared" si="52"/>
        <v>0.69970308829096395</v>
      </c>
    </row>
    <row r="3356" spans="8:19" x14ac:dyDescent="0.3">
      <c r="H3356" s="44">
        <v>3349</v>
      </c>
      <c r="I3356" s="56">
        <f>Bühler!I3382</f>
        <v>0.16146994345176088</v>
      </c>
      <c r="J3356" s="59">
        <f>Bühler!J3382</f>
        <v>0.53823314483920304</v>
      </c>
      <c r="K3356" s="59">
        <f>Bühler!K3382</f>
        <v>0.80734971725880456</v>
      </c>
      <c r="L3356" s="59">
        <f>Bühler!L3382</f>
        <v>11.986189153269409</v>
      </c>
      <c r="M3356" s="58">
        <f>Bühler!M3382</f>
        <v>0</v>
      </c>
      <c r="N3356" s="56">
        <f>IF(Input!$D$19=1,J3356*Input!$C$19,0)+IF(Input!$D$20=1,K3356*Input!$C$20,0)+IF(Input!$D$21=1,L3356*Input!$C$21,0)+IF(Input!$D$22=1,M3356*Input!$C$22,0)</f>
        <v>0.16146994345176091</v>
      </c>
      <c r="O3356" s="59">
        <f>IF(Input!$D$19=2,J3356*Input!$C$19,0)+IF(Input!$D$20=2,K3356*Input!$C$20,0)+IF(Input!$D$21=2,L3356*Input!$C$21,0)+IF(Input!$D$22=2,M3356*Input!$C$22,0)</f>
        <v>0.40367485862940228</v>
      </c>
      <c r="P3356" s="59">
        <f>IF(Input!$D$19=3,J3356*Input!$C$19,0)+IF(Input!$D$20=3,K3356*Input!$C$20,0)+IF(Input!$D$21=3,L3356*Input!$C$21,0)+IF(Input!$D$22=3,M3356*Input!$C$22,0)</f>
        <v>0</v>
      </c>
      <c r="Q3356" s="75">
        <f>IF(Input!$D$19=4,J3356*Input!$C$19,0)+IF(Input!$D$20=4,K3356*Input!$C$20,0)+IF(Input!$D$21=4,L3356*Input!$C$21,0)+IF(Input!$D$22=4,M3356*Input!$C$22,0)</f>
        <v>0</v>
      </c>
      <c r="R3356" s="58">
        <v>44.277341274633457</v>
      </c>
      <c r="S3356" s="124">
        <f t="shared" si="52"/>
        <v>0.69970308829096395</v>
      </c>
    </row>
    <row r="3357" spans="8:19" x14ac:dyDescent="0.3">
      <c r="H3357" s="44">
        <v>3350</v>
      </c>
      <c r="I3357" s="56">
        <f>Bühler!I3383</f>
        <v>0.16146994345176088</v>
      </c>
      <c r="J3357" s="59">
        <f>Bühler!J3383</f>
        <v>0.53823314483920304</v>
      </c>
      <c r="K3357" s="59">
        <f>Bühler!K3383</f>
        <v>0.80734971725880456</v>
      </c>
      <c r="L3357" s="59">
        <f>Bühler!L3383</f>
        <v>11.986189153269409</v>
      </c>
      <c r="M3357" s="58">
        <f>Bühler!M3383</f>
        <v>0</v>
      </c>
      <c r="N3357" s="56">
        <f>IF(Input!$D$19=1,J3357*Input!$C$19,0)+IF(Input!$D$20=1,K3357*Input!$C$20,0)+IF(Input!$D$21=1,L3357*Input!$C$21,0)+IF(Input!$D$22=1,M3357*Input!$C$22,0)</f>
        <v>0.16146994345176091</v>
      </c>
      <c r="O3357" s="59">
        <f>IF(Input!$D$19=2,J3357*Input!$C$19,0)+IF(Input!$D$20=2,K3357*Input!$C$20,0)+IF(Input!$D$21=2,L3357*Input!$C$21,0)+IF(Input!$D$22=2,M3357*Input!$C$22,0)</f>
        <v>0.40367485862940228</v>
      </c>
      <c r="P3357" s="59">
        <f>IF(Input!$D$19=3,J3357*Input!$C$19,0)+IF(Input!$D$20=3,K3357*Input!$C$20,0)+IF(Input!$D$21=3,L3357*Input!$C$21,0)+IF(Input!$D$22=3,M3357*Input!$C$22,0)</f>
        <v>0</v>
      </c>
      <c r="Q3357" s="75">
        <f>IF(Input!$D$19=4,J3357*Input!$C$19,0)+IF(Input!$D$20=4,K3357*Input!$C$20,0)+IF(Input!$D$21=4,L3357*Input!$C$21,0)+IF(Input!$D$22=4,M3357*Input!$C$22,0)</f>
        <v>0</v>
      </c>
      <c r="R3357" s="58">
        <v>44.25380184297881</v>
      </c>
      <c r="S3357" s="124">
        <f t="shared" si="52"/>
        <v>0.69970308829096395</v>
      </c>
    </row>
    <row r="3358" spans="8:19" x14ac:dyDescent="0.3">
      <c r="H3358" s="44">
        <v>3351</v>
      </c>
      <c r="I3358" s="56">
        <f>Bühler!I3384</f>
        <v>0.16146994345176088</v>
      </c>
      <c r="J3358" s="59">
        <f>Bühler!J3384</f>
        <v>0.53823314483920304</v>
      </c>
      <c r="K3358" s="59">
        <f>Bühler!K3384</f>
        <v>0.80734971725880456</v>
      </c>
      <c r="L3358" s="59">
        <f>Bühler!L3384</f>
        <v>11.986189153269409</v>
      </c>
      <c r="M3358" s="58">
        <f>Bühler!M3384</f>
        <v>0</v>
      </c>
      <c r="N3358" s="56">
        <f>IF(Input!$D$19=1,J3358*Input!$C$19,0)+IF(Input!$D$20=1,K3358*Input!$C$20,0)+IF(Input!$D$21=1,L3358*Input!$C$21,0)+IF(Input!$D$22=1,M3358*Input!$C$22,0)</f>
        <v>0.16146994345176091</v>
      </c>
      <c r="O3358" s="59">
        <f>IF(Input!$D$19=2,J3358*Input!$C$19,0)+IF(Input!$D$20=2,K3358*Input!$C$20,0)+IF(Input!$D$21=2,L3358*Input!$C$21,0)+IF(Input!$D$22=2,M3358*Input!$C$22,0)</f>
        <v>0.40367485862940228</v>
      </c>
      <c r="P3358" s="59">
        <f>IF(Input!$D$19=3,J3358*Input!$C$19,0)+IF(Input!$D$20=3,K3358*Input!$C$20,0)+IF(Input!$D$21=3,L3358*Input!$C$21,0)+IF(Input!$D$22=3,M3358*Input!$C$22,0)</f>
        <v>0</v>
      </c>
      <c r="Q3358" s="75">
        <f>IF(Input!$D$19=4,J3358*Input!$C$19,0)+IF(Input!$D$20=4,K3358*Input!$C$20,0)+IF(Input!$D$21=4,L3358*Input!$C$21,0)+IF(Input!$D$22=4,M3358*Input!$C$22,0)</f>
        <v>0</v>
      </c>
      <c r="R3358" s="58">
        <v>44.289174637051389</v>
      </c>
      <c r="S3358" s="124">
        <f t="shared" si="52"/>
        <v>0.69970308829096395</v>
      </c>
    </row>
    <row r="3359" spans="8:19" x14ac:dyDescent="0.3">
      <c r="H3359" s="44">
        <v>3352</v>
      </c>
      <c r="I3359" s="56">
        <f>Bühler!I3385</f>
        <v>0.14352883862378746</v>
      </c>
      <c r="J3359" s="59">
        <f>Bühler!J3385</f>
        <v>0.4784294620792916</v>
      </c>
      <c r="K3359" s="59">
        <f>Bühler!K3385</f>
        <v>0.71764419311893735</v>
      </c>
      <c r="L3359" s="59">
        <f>Bühler!L3385</f>
        <v>10.654390358461697</v>
      </c>
      <c r="M3359" s="58">
        <f>Bühler!M3385</f>
        <v>0</v>
      </c>
      <c r="N3359" s="56">
        <f>IF(Input!$D$19=1,J3359*Input!$C$19,0)+IF(Input!$D$20=1,K3359*Input!$C$20,0)+IF(Input!$D$21=1,L3359*Input!$C$21,0)+IF(Input!$D$22=1,M3359*Input!$C$22,0)</f>
        <v>0.14352883862378749</v>
      </c>
      <c r="O3359" s="59">
        <f>IF(Input!$D$19=2,J3359*Input!$C$19,0)+IF(Input!$D$20=2,K3359*Input!$C$20,0)+IF(Input!$D$21=2,L3359*Input!$C$21,0)+IF(Input!$D$22=2,M3359*Input!$C$22,0)</f>
        <v>0.35882209655946867</v>
      </c>
      <c r="P3359" s="59">
        <f>IF(Input!$D$19=3,J3359*Input!$C$19,0)+IF(Input!$D$20=3,K3359*Input!$C$20,0)+IF(Input!$D$21=3,L3359*Input!$C$21,0)+IF(Input!$D$22=3,M3359*Input!$C$22,0)</f>
        <v>0</v>
      </c>
      <c r="Q3359" s="75">
        <f>IF(Input!$D$19=4,J3359*Input!$C$19,0)+IF(Input!$D$20=4,K3359*Input!$C$20,0)+IF(Input!$D$21=4,L3359*Input!$C$21,0)+IF(Input!$D$22=4,M3359*Input!$C$22,0)</f>
        <v>0</v>
      </c>
      <c r="R3359" s="58">
        <v>44.52557192187443</v>
      </c>
      <c r="S3359" s="124">
        <f t="shared" si="52"/>
        <v>0.62195830070307911</v>
      </c>
    </row>
    <row r="3360" spans="8:19" x14ac:dyDescent="0.3">
      <c r="H3360" s="44">
        <v>3353</v>
      </c>
      <c r="I3360" s="56">
        <f>Bühler!I3386</f>
        <v>0.14096582364836266</v>
      </c>
      <c r="J3360" s="59">
        <f>Bühler!J3386</f>
        <v>0.46988607882787559</v>
      </c>
      <c r="K3360" s="59">
        <f>Bühler!K3386</f>
        <v>0.70482911824181338</v>
      </c>
      <c r="L3360" s="59">
        <f>Bühler!L3386</f>
        <v>10.464133387774881</v>
      </c>
      <c r="M3360" s="58">
        <f>Bühler!M3386</f>
        <v>0</v>
      </c>
      <c r="N3360" s="56">
        <f>IF(Input!$D$19=1,J3360*Input!$C$19,0)+IF(Input!$D$20=1,K3360*Input!$C$20,0)+IF(Input!$D$21=1,L3360*Input!$C$21,0)+IF(Input!$D$22=1,M3360*Input!$C$22,0)</f>
        <v>0.14096582364836266</v>
      </c>
      <c r="O3360" s="59">
        <f>IF(Input!$D$19=2,J3360*Input!$C$19,0)+IF(Input!$D$20=2,K3360*Input!$C$20,0)+IF(Input!$D$21=2,L3360*Input!$C$21,0)+IF(Input!$D$22=2,M3360*Input!$C$22,0)</f>
        <v>0.35241455912090669</v>
      </c>
      <c r="P3360" s="59">
        <f>IF(Input!$D$19=3,J3360*Input!$C$19,0)+IF(Input!$D$20=3,K3360*Input!$C$20,0)+IF(Input!$D$21=3,L3360*Input!$C$21,0)+IF(Input!$D$22=3,M3360*Input!$C$22,0)</f>
        <v>0</v>
      </c>
      <c r="Q3360" s="75">
        <f>IF(Input!$D$19=4,J3360*Input!$C$19,0)+IF(Input!$D$20=4,K3360*Input!$C$20,0)+IF(Input!$D$21=4,L3360*Input!$C$21,0)+IF(Input!$D$22=4,M3360*Input!$C$22,0)</f>
        <v>0</v>
      </c>
      <c r="R3360" s="58">
        <v>44.627069581227715</v>
      </c>
      <c r="S3360" s="124">
        <f t="shared" si="52"/>
        <v>0.61085190247623822</v>
      </c>
    </row>
    <row r="3361" spans="8:19" x14ac:dyDescent="0.3">
      <c r="H3361" s="44">
        <v>3354</v>
      </c>
      <c r="I3361" s="56">
        <f>Bühler!I3387</f>
        <v>0.12046170384496446</v>
      </c>
      <c r="J3361" s="59">
        <f>Bühler!J3387</f>
        <v>0.40153901281654825</v>
      </c>
      <c r="K3361" s="59">
        <f>Bühler!K3387</f>
        <v>0.60230851922482243</v>
      </c>
      <c r="L3361" s="59">
        <f>Bühler!L3387</f>
        <v>8.9420776222803529</v>
      </c>
      <c r="M3361" s="58">
        <f>Bühler!M3387</f>
        <v>0</v>
      </c>
      <c r="N3361" s="56">
        <f>IF(Input!$D$19=1,J3361*Input!$C$19,0)+IF(Input!$D$20=1,K3361*Input!$C$20,0)+IF(Input!$D$21=1,L3361*Input!$C$21,0)+IF(Input!$D$22=1,M3361*Input!$C$22,0)</f>
        <v>0.12046170384496446</v>
      </c>
      <c r="O3361" s="59">
        <f>IF(Input!$D$19=2,J3361*Input!$C$19,0)+IF(Input!$D$20=2,K3361*Input!$C$20,0)+IF(Input!$D$21=2,L3361*Input!$C$21,0)+IF(Input!$D$22=2,M3361*Input!$C$22,0)</f>
        <v>0.30115425961241121</v>
      </c>
      <c r="P3361" s="59">
        <f>IF(Input!$D$19=3,J3361*Input!$C$19,0)+IF(Input!$D$20=3,K3361*Input!$C$20,0)+IF(Input!$D$21=3,L3361*Input!$C$21,0)+IF(Input!$D$22=3,M3361*Input!$C$22,0)</f>
        <v>0</v>
      </c>
      <c r="Q3361" s="75">
        <f>IF(Input!$D$19=4,J3361*Input!$C$19,0)+IF(Input!$D$20=4,K3361*Input!$C$20,0)+IF(Input!$D$21=4,L3361*Input!$C$21,0)+IF(Input!$D$22=4,M3361*Input!$C$22,0)</f>
        <v>0</v>
      </c>
      <c r="R3361" s="58">
        <v>44.170766872929825</v>
      </c>
      <c r="S3361" s="124">
        <f t="shared" si="52"/>
        <v>0.52200071666151271</v>
      </c>
    </row>
    <row r="3362" spans="8:19" x14ac:dyDescent="0.3">
      <c r="H3362" s="44">
        <v>3355</v>
      </c>
      <c r="I3362" s="56">
        <f>Bühler!I3388</f>
        <v>0.11277265891869015</v>
      </c>
      <c r="J3362" s="59">
        <f>Bühler!J3388</f>
        <v>0.37590886306230054</v>
      </c>
      <c r="K3362" s="59">
        <f>Bühler!K3388</f>
        <v>0.56386329459345086</v>
      </c>
      <c r="L3362" s="59">
        <f>Bühler!L3388</f>
        <v>8.3713067102199048</v>
      </c>
      <c r="M3362" s="58">
        <f>Bühler!M3388</f>
        <v>0</v>
      </c>
      <c r="N3362" s="56">
        <f>IF(Input!$D$19=1,J3362*Input!$C$19,0)+IF(Input!$D$20=1,K3362*Input!$C$20,0)+IF(Input!$D$21=1,L3362*Input!$C$21,0)+IF(Input!$D$22=1,M3362*Input!$C$22,0)</f>
        <v>0.11277265891869015</v>
      </c>
      <c r="O3362" s="59">
        <f>IF(Input!$D$19=2,J3362*Input!$C$19,0)+IF(Input!$D$20=2,K3362*Input!$C$20,0)+IF(Input!$D$21=2,L3362*Input!$C$21,0)+IF(Input!$D$22=2,M3362*Input!$C$22,0)</f>
        <v>0.28193164729672543</v>
      </c>
      <c r="P3362" s="59">
        <f>IF(Input!$D$19=3,J3362*Input!$C$19,0)+IF(Input!$D$20=3,K3362*Input!$C$20,0)+IF(Input!$D$21=3,L3362*Input!$C$21,0)+IF(Input!$D$22=3,M3362*Input!$C$22,0)</f>
        <v>0</v>
      </c>
      <c r="Q3362" s="75">
        <f>IF(Input!$D$19=4,J3362*Input!$C$19,0)+IF(Input!$D$20=4,K3362*Input!$C$20,0)+IF(Input!$D$21=4,L3362*Input!$C$21,0)+IF(Input!$D$22=4,M3362*Input!$C$22,0)</f>
        <v>0</v>
      </c>
      <c r="R3362" s="58">
        <v>44.022798140883502</v>
      </c>
      <c r="S3362" s="124">
        <f t="shared" si="52"/>
        <v>0.48868152198099069</v>
      </c>
    </row>
    <row r="3363" spans="8:19" x14ac:dyDescent="0.3">
      <c r="H3363" s="44">
        <v>3356</v>
      </c>
      <c r="I3363" s="56">
        <f>Bühler!I3389</f>
        <v>9.4831554090716724E-2</v>
      </c>
      <c r="J3363" s="59">
        <f>Bühler!J3389</f>
        <v>0.3161051803023891</v>
      </c>
      <c r="K3363" s="59">
        <f>Bühler!K3389</f>
        <v>0.47415777045358365</v>
      </c>
      <c r="L3363" s="59">
        <f>Bühler!L3389</f>
        <v>7.0395079154121927</v>
      </c>
      <c r="M3363" s="58">
        <f>Bühler!M3389</f>
        <v>0</v>
      </c>
      <c r="N3363" s="56">
        <f>IF(Input!$D$19=1,J3363*Input!$C$19,0)+IF(Input!$D$20=1,K3363*Input!$C$20,0)+IF(Input!$D$21=1,L3363*Input!$C$21,0)+IF(Input!$D$22=1,M3363*Input!$C$22,0)</f>
        <v>9.4831554090716724E-2</v>
      </c>
      <c r="O3363" s="59">
        <f>IF(Input!$D$19=2,J3363*Input!$C$19,0)+IF(Input!$D$20=2,K3363*Input!$C$20,0)+IF(Input!$D$21=2,L3363*Input!$C$21,0)+IF(Input!$D$22=2,M3363*Input!$C$22,0)</f>
        <v>0.23707888522679182</v>
      </c>
      <c r="P3363" s="59">
        <f>IF(Input!$D$19=3,J3363*Input!$C$19,0)+IF(Input!$D$20=3,K3363*Input!$C$20,0)+IF(Input!$D$21=3,L3363*Input!$C$21,0)+IF(Input!$D$22=3,M3363*Input!$C$22,0)</f>
        <v>0</v>
      </c>
      <c r="Q3363" s="75">
        <f>IF(Input!$D$19=4,J3363*Input!$C$19,0)+IF(Input!$D$20=4,K3363*Input!$C$20,0)+IF(Input!$D$21=4,L3363*Input!$C$21,0)+IF(Input!$D$22=4,M3363*Input!$C$22,0)</f>
        <v>0</v>
      </c>
      <c r="R3363" s="58">
        <v>43.882571933226366</v>
      </c>
      <c r="S3363" s="124">
        <f t="shared" si="52"/>
        <v>0.41093673439310585</v>
      </c>
    </row>
    <row r="3364" spans="8:19" x14ac:dyDescent="0.3">
      <c r="H3364" s="44">
        <v>3357</v>
      </c>
      <c r="I3364" s="56">
        <f>Bühler!I3390</f>
        <v>7.9453464238168042E-2</v>
      </c>
      <c r="J3364" s="59">
        <f>Bühler!J3390</f>
        <v>0.26484488079389351</v>
      </c>
      <c r="K3364" s="59">
        <f>Bühler!K3390</f>
        <v>0.39726732119084029</v>
      </c>
      <c r="L3364" s="59">
        <f>Bühler!L3390</f>
        <v>5.8979660912912966</v>
      </c>
      <c r="M3364" s="58">
        <f>Bühler!M3390</f>
        <v>0</v>
      </c>
      <c r="N3364" s="56">
        <f>IF(Input!$D$19=1,J3364*Input!$C$19,0)+IF(Input!$D$20=1,K3364*Input!$C$20,0)+IF(Input!$D$21=1,L3364*Input!$C$21,0)+IF(Input!$D$22=1,M3364*Input!$C$22,0)</f>
        <v>7.9453464238168056E-2</v>
      </c>
      <c r="O3364" s="59">
        <f>IF(Input!$D$19=2,J3364*Input!$C$19,0)+IF(Input!$D$20=2,K3364*Input!$C$20,0)+IF(Input!$D$21=2,L3364*Input!$C$21,0)+IF(Input!$D$22=2,M3364*Input!$C$22,0)</f>
        <v>0.19863366059542015</v>
      </c>
      <c r="P3364" s="59">
        <f>IF(Input!$D$19=3,J3364*Input!$C$19,0)+IF(Input!$D$20=3,K3364*Input!$C$20,0)+IF(Input!$D$21=3,L3364*Input!$C$21,0)+IF(Input!$D$22=3,M3364*Input!$C$22,0)</f>
        <v>0</v>
      </c>
      <c r="Q3364" s="75">
        <f>IF(Input!$D$19=4,J3364*Input!$C$19,0)+IF(Input!$D$20=4,K3364*Input!$C$20,0)+IF(Input!$D$21=4,L3364*Input!$C$21,0)+IF(Input!$D$22=4,M3364*Input!$C$22,0)</f>
        <v>0</v>
      </c>
      <c r="R3364" s="58">
        <v>43.685206660513003</v>
      </c>
      <c r="S3364" s="124">
        <f t="shared" si="52"/>
        <v>0.34429834503206158</v>
      </c>
    </row>
    <row r="3365" spans="8:19" x14ac:dyDescent="0.3">
      <c r="H3365" s="44">
        <v>3358</v>
      </c>
      <c r="I3365" s="56">
        <f>Bühler!I3391</f>
        <v>6.9201404336468958E-2</v>
      </c>
      <c r="J3365" s="59">
        <f>Bühler!J3391</f>
        <v>0.23067134778822987</v>
      </c>
      <c r="K3365" s="59">
        <f>Bühler!K3391</f>
        <v>0.34600702168234482</v>
      </c>
      <c r="L3365" s="59">
        <f>Bühler!L3391</f>
        <v>5.1369382085440334</v>
      </c>
      <c r="M3365" s="58">
        <f>Bühler!M3391</f>
        <v>0</v>
      </c>
      <c r="N3365" s="56">
        <f>IF(Input!$D$19=1,J3365*Input!$C$19,0)+IF(Input!$D$20=1,K3365*Input!$C$20,0)+IF(Input!$D$21=1,L3365*Input!$C$21,0)+IF(Input!$D$22=1,M3365*Input!$C$22,0)</f>
        <v>6.9201404336468958E-2</v>
      </c>
      <c r="O3365" s="59">
        <f>IF(Input!$D$19=2,J3365*Input!$C$19,0)+IF(Input!$D$20=2,K3365*Input!$C$20,0)+IF(Input!$D$21=2,L3365*Input!$C$21,0)+IF(Input!$D$22=2,M3365*Input!$C$22,0)</f>
        <v>0.17300351084117241</v>
      </c>
      <c r="P3365" s="59">
        <f>IF(Input!$D$19=3,J3365*Input!$C$19,0)+IF(Input!$D$20=3,K3365*Input!$C$20,0)+IF(Input!$D$21=3,L3365*Input!$C$21,0)+IF(Input!$D$22=3,M3365*Input!$C$22,0)</f>
        <v>0</v>
      </c>
      <c r="Q3365" s="75">
        <f>IF(Input!$D$19=4,J3365*Input!$C$19,0)+IF(Input!$D$20=4,K3365*Input!$C$20,0)+IF(Input!$D$21=4,L3365*Input!$C$21,0)+IF(Input!$D$22=4,M3365*Input!$C$22,0)</f>
        <v>0</v>
      </c>
      <c r="R3365" s="58">
        <v>44.568318207793112</v>
      </c>
      <c r="S3365" s="124">
        <f t="shared" si="52"/>
        <v>0.29987275212469883</v>
      </c>
    </row>
    <row r="3366" spans="8:19" x14ac:dyDescent="0.3">
      <c r="H3366" s="44">
        <v>3359</v>
      </c>
      <c r="I3366" s="56">
        <f>Bühler!I3392</f>
        <v>6.9201404336468958E-2</v>
      </c>
      <c r="J3366" s="59">
        <f>Bühler!J3392</f>
        <v>0.23067134778822987</v>
      </c>
      <c r="K3366" s="59">
        <f>Bühler!K3392</f>
        <v>0.34600702168234482</v>
      </c>
      <c r="L3366" s="59">
        <f>Bühler!L3392</f>
        <v>5.1369382085440334</v>
      </c>
      <c r="M3366" s="58">
        <f>Bühler!M3392</f>
        <v>0</v>
      </c>
      <c r="N3366" s="56">
        <f>IF(Input!$D$19=1,J3366*Input!$C$19,0)+IF(Input!$D$20=1,K3366*Input!$C$20,0)+IF(Input!$D$21=1,L3366*Input!$C$21,0)+IF(Input!$D$22=1,M3366*Input!$C$22,0)</f>
        <v>6.9201404336468958E-2</v>
      </c>
      <c r="O3366" s="59">
        <f>IF(Input!$D$19=2,J3366*Input!$C$19,0)+IF(Input!$D$20=2,K3366*Input!$C$20,0)+IF(Input!$D$21=2,L3366*Input!$C$21,0)+IF(Input!$D$22=2,M3366*Input!$C$22,0)</f>
        <v>0.17300351084117241</v>
      </c>
      <c r="P3366" s="59">
        <f>IF(Input!$D$19=3,J3366*Input!$C$19,0)+IF(Input!$D$20=3,K3366*Input!$C$20,0)+IF(Input!$D$21=3,L3366*Input!$C$21,0)+IF(Input!$D$22=3,M3366*Input!$C$22,0)</f>
        <v>0</v>
      </c>
      <c r="Q3366" s="75">
        <f>IF(Input!$D$19=4,J3366*Input!$C$19,0)+IF(Input!$D$20=4,K3366*Input!$C$20,0)+IF(Input!$D$21=4,L3366*Input!$C$21,0)+IF(Input!$D$22=4,M3366*Input!$C$22,0)</f>
        <v>0</v>
      </c>
      <c r="R3366" s="58">
        <v>45.194155545139566</v>
      </c>
      <c r="S3366" s="124">
        <f t="shared" si="52"/>
        <v>0.29987275212469883</v>
      </c>
    </row>
    <row r="3367" spans="8:19" x14ac:dyDescent="0.3">
      <c r="H3367" s="44">
        <v>3360</v>
      </c>
      <c r="I3367" s="56">
        <f>Bühler!I3393</f>
        <v>6.9201404336468958E-2</v>
      </c>
      <c r="J3367" s="59">
        <f>Bühler!J3393</f>
        <v>0.23067134778822987</v>
      </c>
      <c r="K3367" s="59">
        <f>Bühler!K3393</f>
        <v>0.34600702168234482</v>
      </c>
      <c r="L3367" s="59">
        <f>Bühler!L3393</f>
        <v>5.1369382085440334</v>
      </c>
      <c r="M3367" s="58">
        <f>Bühler!M3393</f>
        <v>0</v>
      </c>
      <c r="N3367" s="56">
        <f>IF(Input!$D$19=1,J3367*Input!$C$19,0)+IF(Input!$D$20=1,K3367*Input!$C$20,0)+IF(Input!$D$21=1,L3367*Input!$C$21,0)+IF(Input!$D$22=1,M3367*Input!$C$22,0)</f>
        <v>6.9201404336468958E-2</v>
      </c>
      <c r="O3367" s="59">
        <f>IF(Input!$D$19=2,J3367*Input!$C$19,0)+IF(Input!$D$20=2,K3367*Input!$C$20,0)+IF(Input!$D$21=2,L3367*Input!$C$21,0)+IF(Input!$D$22=2,M3367*Input!$C$22,0)</f>
        <v>0.17300351084117241</v>
      </c>
      <c r="P3367" s="59">
        <f>IF(Input!$D$19=3,J3367*Input!$C$19,0)+IF(Input!$D$20=3,K3367*Input!$C$20,0)+IF(Input!$D$21=3,L3367*Input!$C$21,0)+IF(Input!$D$22=3,M3367*Input!$C$22,0)</f>
        <v>0</v>
      </c>
      <c r="Q3367" s="75">
        <f>IF(Input!$D$19=4,J3367*Input!$C$19,0)+IF(Input!$D$20=4,K3367*Input!$C$20,0)+IF(Input!$D$21=4,L3367*Input!$C$21,0)+IF(Input!$D$22=4,M3367*Input!$C$22,0)</f>
        <v>0</v>
      </c>
      <c r="R3367" s="58">
        <v>45.161808111825593</v>
      </c>
      <c r="S3367" s="124">
        <f t="shared" si="52"/>
        <v>0.29987275212469883</v>
      </c>
    </row>
    <row r="3368" spans="8:19" x14ac:dyDescent="0.3">
      <c r="H3368" s="44">
        <v>3361</v>
      </c>
      <c r="I3368" s="56">
        <f>Bühler!I3394</f>
        <v>7.229736465804297E-2</v>
      </c>
      <c r="J3368" s="59">
        <f>Bühler!J3394</f>
        <v>0.24099121552680991</v>
      </c>
      <c r="K3368" s="59">
        <f>Bühler!K3394</f>
        <v>0.36148682329021486</v>
      </c>
      <c r="L3368" s="59">
        <f>Bühler!L3394</f>
        <v>1.7351367517930314</v>
      </c>
      <c r="M3368" s="58">
        <f>Bühler!M3394</f>
        <v>0</v>
      </c>
      <c r="N3368" s="56">
        <f>IF(Input!$D$19=1,J3368*Input!$C$19,0)+IF(Input!$D$20=1,K3368*Input!$C$20,0)+IF(Input!$D$21=1,L3368*Input!$C$21,0)+IF(Input!$D$22=1,M3368*Input!$C$22,0)</f>
        <v>7.229736465804297E-2</v>
      </c>
      <c r="O3368" s="59">
        <f>IF(Input!$D$19=2,J3368*Input!$C$19,0)+IF(Input!$D$20=2,K3368*Input!$C$20,0)+IF(Input!$D$21=2,L3368*Input!$C$21,0)+IF(Input!$D$22=2,M3368*Input!$C$22,0)</f>
        <v>0.18074341164510743</v>
      </c>
      <c r="P3368" s="59">
        <f>IF(Input!$D$19=3,J3368*Input!$C$19,0)+IF(Input!$D$20=3,K3368*Input!$C$20,0)+IF(Input!$D$21=3,L3368*Input!$C$21,0)+IF(Input!$D$22=3,M3368*Input!$C$22,0)</f>
        <v>0</v>
      </c>
      <c r="Q3368" s="75">
        <f>IF(Input!$D$19=4,J3368*Input!$C$19,0)+IF(Input!$D$20=4,K3368*Input!$C$20,0)+IF(Input!$D$21=4,L3368*Input!$C$21,0)+IF(Input!$D$22=4,M3368*Input!$C$22,0)</f>
        <v>0</v>
      </c>
      <c r="R3368" s="58">
        <v>42.321966985318035</v>
      </c>
      <c r="S3368" s="124">
        <f t="shared" si="52"/>
        <v>0.31328858018485289</v>
      </c>
    </row>
    <row r="3369" spans="8:19" x14ac:dyDescent="0.3">
      <c r="H3369" s="44">
        <v>3362</v>
      </c>
      <c r="I3369" s="56">
        <f>Bühler!I3395</f>
        <v>7.229736465804297E-2</v>
      </c>
      <c r="J3369" s="59">
        <f>Bühler!J3395</f>
        <v>0.24099121552680991</v>
      </c>
      <c r="K3369" s="59">
        <f>Bühler!K3395</f>
        <v>0.36148682329021486</v>
      </c>
      <c r="L3369" s="59">
        <f>Bühler!L3395</f>
        <v>1.7351367517930314</v>
      </c>
      <c r="M3369" s="58">
        <f>Bühler!M3395</f>
        <v>0</v>
      </c>
      <c r="N3369" s="56">
        <f>IF(Input!$D$19=1,J3369*Input!$C$19,0)+IF(Input!$D$20=1,K3369*Input!$C$20,0)+IF(Input!$D$21=1,L3369*Input!$C$21,0)+IF(Input!$D$22=1,M3369*Input!$C$22,0)</f>
        <v>7.229736465804297E-2</v>
      </c>
      <c r="O3369" s="59">
        <f>IF(Input!$D$19=2,J3369*Input!$C$19,0)+IF(Input!$D$20=2,K3369*Input!$C$20,0)+IF(Input!$D$21=2,L3369*Input!$C$21,0)+IF(Input!$D$22=2,M3369*Input!$C$22,0)</f>
        <v>0.18074341164510743</v>
      </c>
      <c r="P3369" s="59">
        <f>IF(Input!$D$19=3,J3369*Input!$C$19,0)+IF(Input!$D$20=3,K3369*Input!$C$20,0)+IF(Input!$D$21=3,L3369*Input!$C$21,0)+IF(Input!$D$22=3,M3369*Input!$C$22,0)</f>
        <v>0</v>
      </c>
      <c r="Q3369" s="75">
        <f>IF(Input!$D$19=4,J3369*Input!$C$19,0)+IF(Input!$D$20=4,K3369*Input!$C$20,0)+IF(Input!$D$21=4,L3369*Input!$C$21,0)+IF(Input!$D$22=4,M3369*Input!$C$22,0)</f>
        <v>0</v>
      </c>
      <c r="R3369" s="58">
        <v>42.666404504802848</v>
      </c>
      <c r="S3369" s="124">
        <f t="shared" si="52"/>
        <v>0.31328858018485289</v>
      </c>
    </row>
    <row r="3370" spans="8:19" x14ac:dyDescent="0.3">
      <c r="H3370" s="44">
        <v>3363</v>
      </c>
      <c r="I3370" s="56">
        <f>Bühler!I3396</f>
        <v>7.229736465804297E-2</v>
      </c>
      <c r="J3370" s="59">
        <f>Bühler!J3396</f>
        <v>0.24099121552680991</v>
      </c>
      <c r="K3370" s="59">
        <f>Bühler!K3396</f>
        <v>0.36148682329021486</v>
      </c>
      <c r="L3370" s="59">
        <f>Bühler!L3396</f>
        <v>1.7351367517930314</v>
      </c>
      <c r="M3370" s="58">
        <f>Bühler!M3396</f>
        <v>0</v>
      </c>
      <c r="N3370" s="56">
        <f>IF(Input!$D$19=1,J3370*Input!$C$19,0)+IF(Input!$D$20=1,K3370*Input!$C$20,0)+IF(Input!$D$21=1,L3370*Input!$C$21,0)+IF(Input!$D$22=1,M3370*Input!$C$22,0)</f>
        <v>7.229736465804297E-2</v>
      </c>
      <c r="O3370" s="59">
        <f>IF(Input!$D$19=2,J3370*Input!$C$19,0)+IF(Input!$D$20=2,K3370*Input!$C$20,0)+IF(Input!$D$21=2,L3370*Input!$C$21,0)+IF(Input!$D$22=2,M3370*Input!$C$22,0)</f>
        <v>0.18074341164510743</v>
      </c>
      <c r="P3370" s="59">
        <f>IF(Input!$D$19=3,J3370*Input!$C$19,0)+IF(Input!$D$20=3,K3370*Input!$C$20,0)+IF(Input!$D$21=3,L3370*Input!$C$21,0)+IF(Input!$D$22=3,M3370*Input!$C$22,0)</f>
        <v>0</v>
      </c>
      <c r="Q3370" s="75">
        <f>IF(Input!$D$19=4,J3370*Input!$C$19,0)+IF(Input!$D$20=4,K3370*Input!$C$20,0)+IF(Input!$D$21=4,L3370*Input!$C$21,0)+IF(Input!$D$22=4,M3370*Input!$C$22,0)</f>
        <v>0</v>
      </c>
      <c r="R3370" s="58">
        <v>43.302587325763852</v>
      </c>
      <c r="S3370" s="124">
        <f t="shared" si="52"/>
        <v>0.31328858018485289</v>
      </c>
    </row>
    <row r="3371" spans="8:19" x14ac:dyDescent="0.3">
      <c r="H3371" s="44">
        <v>3364</v>
      </c>
      <c r="I3371" s="56">
        <f>Bühler!I3397</f>
        <v>7.229736465804297E-2</v>
      </c>
      <c r="J3371" s="59">
        <f>Bühler!J3397</f>
        <v>0.24099121552680991</v>
      </c>
      <c r="K3371" s="59">
        <f>Bühler!K3397</f>
        <v>0.36148682329021486</v>
      </c>
      <c r="L3371" s="59">
        <f>Bühler!L3397</f>
        <v>1.7351367517930314</v>
      </c>
      <c r="M3371" s="58">
        <f>Bühler!M3397</f>
        <v>0</v>
      </c>
      <c r="N3371" s="56">
        <f>IF(Input!$D$19=1,J3371*Input!$C$19,0)+IF(Input!$D$20=1,K3371*Input!$C$20,0)+IF(Input!$D$21=1,L3371*Input!$C$21,0)+IF(Input!$D$22=1,M3371*Input!$C$22,0)</f>
        <v>7.229736465804297E-2</v>
      </c>
      <c r="O3371" s="59">
        <f>IF(Input!$D$19=2,J3371*Input!$C$19,0)+IF(Input!$D$20=2,K3371*Input!$C$20,0)+IF(Input!$D$21=2,L3371*Input!$C$21,0)+IF(Input!$D$22=2,M3371*Input!$C$22,0)</f>
        <v>0.18074341164510743</v>
      </c>
      <c r="P3371" s="59">
        <f>IF(Input!$D$19=3,J3371*Input!$C$19,0)+IF(Input!$D$20=3,K3371*Input!$C$20,0)+IF(Input!$D$21=3,L3371*Input!$C$21,0)+IF(Input!$D$22=3,M3371*Input!$C$22,0)</f>
        <v>0</v>
      </c>
      <c r="Q3371" s="75">
        <f>IF(Input!$D$19=4,J3371*Input!$C$19,0)+IF(Input!$D$20=4,K3371*Input!$C$20,0)+IF(Input!$D$21=4,L3371*Input!$C$21,0)+IF(Input!$D$22=4,M3371*Input!$C$22,0)</f>
        <v>0</v>
      </c>
      <c r="R3371" s="58">
        <v>44.727943013649508</v>
      </c>
      <c r="S3371" s="124">
        <f t="shared" si="52"/>
        <v>0.31328858018485289</v>
      </c>
    </row>
    <row r="3372" spans="8:19" x14ac:dyDescent="0.3">
      <c r="H3372" s="44">
        <v>3365</v>
      </c>
      <c r="I3372" s="56">
        <f>Bühler!I3398</f>
        <v>7.229736465804297E-2</v>
      </c>
      <c r="J3372" s="59">
        <f>Bühler!J3398</f>
        <v>0.24099121552680991</v>
      </c>
      <c r="K3372" s="59">
        <f>Bühler!K3398</f>
        <v>0.36148682329021486</v>
      </c>
      <c r="L3372" s="59">
        <f>Bühler!L3398</f>
        <v>1.7351367517930314</v>
      </c>
      <c r="M3372" s="58">
        <f>Bühler!M3398</f>
        <v>0</v>
      </c>
      <c r="N3372" s="56">
        <f>IF(Input!$D$19=1,J3372*Input!$C$19,0)+IF(Input!$D$20=1,K3372*Input!$C$20,0)+IF(Input!$D$21=1,L3372*Input!$C$21,0)+IF(Input!$D$22=1,M3372*Input!$C$22,0)</f>
        <v>7.229736465804297E-2</v>
      </c>
      <c r="O3372" s="59">
        <f>IF(Input!$D$19=2,J3372*Input!$C$19,0)+IF(Input!$D$20=2,K3372*Input!$C$20,0)+IF(Input!$D$21=2,L3372*Input!$C$21,0)+IF(Input!$D$22=2,M3372*Input!$C$22,0)</f>
        <v>0.18074341164510743</v>
      </c>
      <c r="P3372" s="59">
        <f>IF(Input!$D$19=3,J3372*Input!$C$19,0)+IF(Input!$D$20=3,K3372*Input!$C$20,0)+IF(Input!$D$21=3,L3372*Input!$C$21,0)+IF(Input!$D$22=3,M3372*Input!$C$22,0)</f>
        <v>0</v>
      </c>
      <c r="Q3372" s="75">
        <f>IF(Input!$D$19=4,J3372*Input!$C$19,0)+IF(Input!$D$20=4,K3372*Input!$C$20,0)+IF(Input!$D$21=4,L3372*Input!$C$21,0)+IF(Input!$D$22=4,M3372*Input!$C$22,0)</f>
        <v>0</v>
      </c>
      <c r="R3372" s="58">
        <v>47.437324065423113</v>
      </c>
      <c r="S3372" s="124">
        <f t="shared" si="52"/>
        <v>0.31328858018485289</v>
      </c>
    </row>
    <row r="3373" spans="8:19" x14ac:dyDescent="0.3">
      <c r="H3373" s="44">
        <v>3366</v>
      </c>
      <c r="I3373" s="56">
        <f>Bühler!I3399</f>
        <v>0.31328858018485295</v>
      </c>
      <c r="J3373" s="59">
        <f>Bühler!J3399</f>
        <v>1.0442952672828432</v>
      </c>
      <c r="K3373" s="59">
        <f>Bühler!K3399</f>
        <v>1.5664429009242646</v>
      </c>
      <c r="L3373" s="59">
        <f>Bühler!L3399</f>
        <v>7.5189259244364699</v>
      </c>
      <c r="M3373" s="58">
        <f>Bühler!M3399</f>
        <v>0</v>
      </c>
      <c r="N3373" s="56">
        <f>IF(Input!$D$19=1,J3373*Input!$C$19,0)+IF(Input!$D$20=1,K3373*Input!$C$20,0)+IF(Input!$D$21=1,L3373*Input!$C$21,0)+IF(Input!$D$22=1,M3373*Input!$C$22,0)</f>
        <v>0.31328858018485295</v>
      </c>
      <c r="O3373" s="59">
        <f>IF(Input!$D$19=2,J3373*Input!$C$19,0)+IF(Input!$D$20=2,K3373*Input!$C$20,0)+IF(Input!$D$21=2,L3373*Input!$C$21,0)+IF(Input!$D$22=2,M3373*Input!$C$22,0)</f>
        <v>0.78322145046213232</v>
      </c>
      <c r="P3373" s="59">
        <f>IF(Input!$D$19=3,J3373*Input!$C$19,0)+IF(Input!$D$20=3,K3373*Input!$C$20,0)+IF(Input!$D$21=3,L3373*Input!$C$21,0)+IF(Input!$D$22=3,M3373*Input!$C$22,0)</f>
        <v>0</v>
      </c>
      <c r="Q3373" s="75">
        <f>IF(Input!$D$19=4,J3373*Input!$C$19,0)+IF(Input!$D$20=4,K3373*Input!$C$20,0)+IF(Input!$D$21=4,L3373*Input!$C$21,0)+IF(Input!$D$22=4,M3373*Input!$C$22,0)</f>
        <v>0</v>
      </c>
      <c r="R3373" s="58">
        <v>53.439152624766479</v>
      </c>
      <c r="S3373" s="124">
        <f t="shared" si="52"/>
        <v>1.357583847467696</v>
      </c>
    </row>
    <row r="3374" spans="8:19" x14ac:dyDescent="0.3">
      <c r="H3374" s="44">
        <v>3367</v>
      </c>
      <c r="I3374" s="56">
        <f>Bühler!I3400</f>
        <v>0.35546204290204469</v>
      </c>
      <c r="J3374" s="59">
        <f>Bühler!J3400</f>
        <v>1.1848734763401489</v>
      </c>
      <c r="K3374" s="59">
        <f>Bühler!K3400</f>
        <v>1.7773102145102235</v>
      </c>
      <c r="L3374" s="59">
        <f>Bühler!L3400</f>
        <v>8.5310890296490722</v>
      </c>
      <c r="M3374" s="58">
        <f>Bühler!M3400</f>
        <v>0</v>
      </c>
      <c r="N3374" s="56">
        <f>IF(Input!$D$19=1,J3374*Input!$C$19,0)+IF(Input!$D$20=1,K3374*Input!$C$20,0)+IF(Input!$D$21=1,L3374*Input!$C$21,0)+IF(Input!$D$22=1,M3374*Input!$C$22,0)</f>
        <v>0.35546204290204469</v>
      </c>
      <c r="O3374" s="59">
        <f>IF(Input!$D$19=2,J3374*Input!$C$19,0)+IF(Input!$D$20=2,K3374*Input!$C$20,0)+IF(Input!$D$21=2,L3374*Input!$C$21,0)+IF(Input!$D$22=2,M3374*Input!$C$22,0)</f>
        <v>0.88865510725511176</v>
      </c>
      <c r="P3374" s="59">
        <f>IF(Input!$D$19=3,J3374*Input!$C$19,0)+IF(Input!$D$20=3,K3374*Input!$C$20,0)+IF(Input!$D$21=3,L3374*Input!$C$21,0)+IF(Input!$D$22=3,M3374*Input!$C$22,0)</f>
        <v>0</v>
      </c>
      <c r="Q3374" s="75">
        <f>IF(Input!$D$19=4,J3374*Input!$C$19,0)+IF(Input!$D$20=4,K3374*Input!$C$20,0)+IF(Input!$D$21=4,L3374*Input!$C$21,0)+IF(Input!$D$22=4,M3374*Input!$C$22,0)</f>
        <v>0</v>
      </c>
      <c r="R3374" s="58">
        <v>58.233815305745082</v>
      </c>
      <c r="S3374" s="124">
        <f t="shared" si="52"/>
        <v>1.5403355192421937</v>
      </c>
    </row>
    <row r="3375" spans="8:19" x14ac:dyDescent="0.3">
      <c r="H3375" s="44">
        <v>3368</v>
      </c>
      <c r="I3375" s="56">
        <f>Bühler!I3401</f>
        <v>0.35546204290204469</v>
      </c>
      <c r="J3375" s="59">
        <f>Bühler!J3401</f>
        <v>1.1848734763401489</v>
      </c>
      <c r="K3375" s="59">
        <f>Bühler!K3401</f>
        <v>1.7773102145102235</v>
      </c>
      <c r="L3375" s="59">
        <f>Bühler!L3401</f>
        <v>8.5310890296490722</v>
      </c>
      <c r="M3375" s="58">
        <f>Bühler!M3401</f>
        <v>0</v>
      </c>
      <c r="N3375" s="56">
        <f>IF(Input!$D$19=1,J3375*Input!$C$19,0)+IF(Input!$D$20=1,K3375*Input!$C$20,0)+IF(Input!$D$21=1,L3375*Input!$C$21,0)+IF(Input!$D$22=1,M3375*Input!$C$22,0)</f>
        <v>0.35546204290204469</v>
      </c>
      <c r="O3375" s="59">
        <f>IF(Input!$D$19=2,J3375*Input!$C$19,0)+IF(Input!$D$20=2,K3375*Input!$C$20,0)+IF(Input!$D$21=2,L3375*Input!$C$21,0)+IF(Input!$D$22=2,M3375*Input!$C$22,0)</f>
        <v>0.88865510725511176</v>
      </c>
      <c r="P3375" s="59">
        <f>IF(Input!$D$19=3,J3375*Input!$C$19,0)+IF(Input!$D$20=3,K3375*Input!$C$20,0)+IF(Input!$D$21=3,L3375*Input!$C$21,0)+IF(Input!$D$22=3,M3375*Input!$C$22,0)</f>
        <v>0</v>
      </c>
      <c r="Q3375" s="75">
        <f>IF(Input!$D$19=4,J3375*Input!$C$19,0)+IF(Input!$D$20=4,K3375*Input!$C$20,0)+IF(Input!$D$21=4,L3375*Input!$C$21,0)+IF(Input!$D$22=4,M3375*Input!$C$22,0)</f>
        <v>0</v>
      </c>
      <c r="R3375" s="58">
        <v>61.704102841901204</v>
      </c>
      <c r="S3375" s="124">
        <f t="shared" si="52"/>
        <v>1.5403355192421937</v>
      </c>
    </row>
    <row r="3376" spans="8:19" x14ac:dyDescent="0.3">
      <c r="H3376" s="44">
        <v>3369</v>
      </c>
      <c r="I3376" s="56">
        <f>Bühler!I3402</f>
        <v>0.35546204290204469</v>
      </c>
      <c r="J3376" s="59">
        <f>Bühler!J3402</f>
        <v>1.1848734763401489</v>
      </c>
      <c r="K3376" s="59">
        <f>Bühler!K3402</f>
        <v>1.7773102145102235</v>
      </c>
      <c r="L3376" s="59">
        <f>Bühler!L3402</f>
        <v>8.5310890296490722</v>
      </c>
      <c r="M3376" s="58">
        <f>Bühler!M3402</f>
        <v>0</v>
      </c>
      <c r="N3376" s="56">
        <f>IF(Input!$D$19=1,J3376*Input!$C$19,0)+IF(Input!$D$20=1,K3376*Input!$C$20,0)+IF(Input!$D$21=1,L3376*Input!$C$21,0)+IF(Input!$D$22=1,M3376*Input!$C$22,0)</f>
        <v>0.35546204290204469</v>
      </c>
      <c r="O3376" s="59">
        <f>IF(Input!$D$19=2,J3376*Input!$C$19,0)+IF(Input!$D$20=2,K3376*Input!$C$20,0)+IF(Input!$D$21=2,L3376*Input!$C$21,0)+IF(Input!$D$22=2,M3376*Input!$C$22,0)</f>
        <v>0.88865510725511176</v>
      </c>
      <c r="P3376" s="59">
        <f>IF(Input!$D$19=3,J3376*Input!$C$19,0)+IF(Input!$D$20=3,K3376*Input!$C$20,0)+IF(Input!$D$21=3,L3376*Input!$C$21,0)+IF(Input!$D$22=3,M3376*Input!$C$22,0)</f>
        <v>0</v>
      </c>
      <c r="Q3376" s="75">
        <f>IF(Input!$D$19=4,J3376*Input!$C$19,0)+IF(Input!$D$20=4,K3376*Input!$C$20,0)+IF(Input!$D$21=4,L3376*Input!$C$21,0)+IF(Input!$D$22=4,M3376*Input!$C$22,0)</f>
        <v>0</v>
      </c>
      <c r="R3376" s="58">
        <v>64.376914367175118</v>
      </c>
      <c r="S3376" s="124">
        <f t="shared" si="52"/>
        <v>1.5403355192421937</v>
      </c>
    </row>
    <row r="3377" spans="8:19" x14ac:dyDescent="0.3">
      <c r="H3377" s="44">
        <v>3370</v>
      </c>
      <c r="I3377" s="56">
        <f>Bühler!I3403</f>
        <v>0.37956116445472565</v>
      </c>
      <c r="J3377" s="59">
        <f>Bühler!J3403</f>
        <v>1.2652038815157525</v>
      </c>
      <c r="K3377" s="59">
        <f>Bühler!K3403</f>
        <v>1.8978058222736283</v>
      </c>
      <c r="L3377" s="59">
        <f>Bühler!L3403</f>
        <v>9.1094679469134157</v>
      </c>
      <c r="M3377" s="58">
        <f>Bühler!M3403</f>
        <v>0</v>
      </c>
      <c r="N3377" s="56">
        <f>IF(Input!$D$19=1,J3377*Input!$C$19,0)+IF(Input!$D$20=1,K3377*Input!$C$20,0)+IF(Input!$D$21=1,L3377*Input!$C$21,0)+IF(Input!$D$22=1,M3377*Input!$C$22,0)</f>
        <v>0.37956116445472571</v>
      </c>
      <c r="O3377" s="59">
        <f>IF(Input!$D$19=2,J3377*Input!$C$19,0)+IF(Input!$D$20=2,K3377*Input!$C$20,0)+IF(Input!$D$21=2,L3377*Input!$C$21,0)+IF(Input!$D$22=2,M3377*Input!$C$22,0)</f>
        <v>0.94890291113681413</v>
      </c>
      <c r="P3377" s="59">
        <f>IF(Input!$D$19=3,J3377*Input!$C$19,0)+IF(Input!$D$20=3,K3377*Input!$C$20,0)+IF(Input!$D$21=3,L3377*Input!$C$21,0)+IF(Input!$D$22=3,M3377*Input!$C$22,0)</f>
        <v>0</v>
      </c>
      <c r="Q3377" s="75">
        <f>IF(Input!$D$19=4,J3377*Input!$C$19,0)+IF(Input!$D$20=4,K3377*Input!$C$20,0)+IF(Input!$D$21=4,L3377*Input!$C$21,0)+IF(Input!$D$22=4,M3377*Input!$C$22,0)</f>
        <v>0</v>
      </c>
      <c r="R3377" s="58">
        <v>65.90033170075327</v>
      </c>
      <c r="S3377" s="124">
        <f t="shared" si="52"/>
        <v>1.6447650459704781</v>
      </c>
    </row>
    <row r="3378" spans="8:19" x14ac:dyDescent="0.3">
      <c r="H3378" s="44">
        <v>3371</v>
      </c>
      <c r="I3378" s="56">
        <f>Bühler!I3404</f>
        <v>0.37956116445472565</v>
      </c>
      <c r="J3378" s="59">
        <f>Bühler!J3404</f>
        <v>1.2652038815157525</v>
      </c>
      <c r="K3378" s="59">
        <f>Bühler!K3404</f>
        <v>1.8978058222736283</v>
      </c>
      <c r="L3378" s="59">
        <f>Bühler!L3404</f>
        <v>9.1094679469134157</v>
      </c>
      <c r="M3378" s="58">
        <f>Bühler!M3404</f>
        <v>0</v>
      </c>
      <c r="N3378" s="56">
        <f>IF(Input!$D$19=1,J3378*Input!$C$19,0)+IF(Input!$D$20=1,K3378*Input!$C$20,0)+IF(Input!$D$21=1,L3378*Input!$C$21,0)+IF(Input!$D$22=1,M3378*Input!$C$22,0)</f>
        <v>0.37956116445472571</v>
      </c>
      <c r="O3378" s="59">
        <f>IF(Input!$D$19=2,J3378*Input!$C$19,0)+IF(Input!$D$20=2,K3378*Input!$C$20,0)+IF(Input!$D$21=2,L3378*Input!$C$21,0)+IF(Input!$D$22=2,M3378*Input!$C$22,0)</f>
        <v>0.94890291113681413</v>
      </c>
      <c r="P3378" s="59">
        <f>IF(Input!$D$19=3,J3378*Input!$C$19,0)+IF(Input!$D$20=3,K3378*Input!$C$20,0)+IF(Input!$D$21=3,L3378*Input!$C$21,0)+IF(Input!$D$22=3,M3378*Input!$C$22,0)</f>
        <v>0</v>
      </c>
      <c r="Q3378" s="75">
        <f>IF(Input!$D$19=4,J3378*Input!$C$19,0)+IF(Input!$D$20=4,K3378*Input!$C$20,0)+IF(Input!$D$21=4,L3378*Input!$C$21,0)+IF(Input!$D$22=4,M3378*Input!$C$22,0)</f>
        <v>0</v>
      </c>
      <c r="R3378" s="58">
        <v>66.892744214760228</v>
      </c>
      <c r="S3378" s="124">
        <f t="shared" si="52"/>
        <v>1.6447650459704781</v>
      </c>
    </row>
    <row r="3379" spans="8:19" x14ac:dyDescent="0.3">
      <c r="H3379" s="44">
        <v>3372</v>
      </c>
      <c r="I3379" s="56">
        <f>Bühler!I3405</f>
        <v>0.48198243105361993</v>
      </c>
      <c r="J3379" s="59">
        <f>Bühler!J3405</f>
        <v>1.6066081035120665</v>
      </c>
      <c r="K3379" s="59">
        <f>Bühler!K3405</f>
        <v>2.4099121552680995</v>
      </c>
      <c r="L3379" s="59">
        <f>Bühler!L3405</f>
        <v>11.567578345286877</v>
      </c>
      <c r="M3379" s="58">
        <f>Bühler!M3405</f>
        <v>0</v>
      </c>
      <c r="N3379" s="56">
        <f>IF(Input!$D$19=1,J3379*Input!$C$19,0)+IF(Input!$D$20=1,K3379*Input!$C$20,0)+IF(Input!$D$21=1,L3379*Input!$C$21,0)+IF(Input!$D$22=1,M3379*Input!$C$22,0)</f>
        <v>0.48198243105361993</v>
      </c>
      <c r="O3379" s="59">
        <f>IF(Input!$D$19=2,J3379*Input!$C$19,0)+IF(Input!$D$20=2,K3379*Input!$C$20,0)+IF(Input!$D$21=2,L3379*Input!$C$21,0)+IF(Input!$D$22=2,M3379*Input!$C$22,0)</f>
        <v>1.2049560776340498</v>
      </c>
      <c r="P3379" s="59">
        <f>IF(Input!$D$19=3,J3379*Input!$C$19,0)+IF(Input!$D$20=3,K3379*Input!$C$20,0)+IF(Input!$D$21=3,L3379*Input!$C$21,0)+IF(Input!$D$22=3,M3379*Input!$C$22,0)</f>
        <v>0</v>
      </c>
      <c r="Q3379" s="75">
        <f>IF(Input!$D$19=4,J3379*Input!$C$19,0)+IF(Input!$D$20=4,K3379*Input!$C$20,0)+IF(Input!$D$21=4,L3379*Input!$C$21,0)+IF(Input!$D$22=4,M3379*Input!$C$22,0)</f>
        <v>0</v>
      </c>
      <c r="R3379" s="58">
        <v>67.381761760974655</v>
      </c>
      <c r="S3379" s="124">
        <f t="shared" si="52"/>
        <v>2.0885905345656863</v>
      </c>
    </row>
    <row r="3380" spans="8:19" x14ac:dyDescent="0.3">
      <c r="H3380" s="44">
        <v>3373</v>
      </c>
      <c r="I3380" s="56">
        <f>Bühler!I3406</f>
        <v>0.48198243105361993</v>
      </c>
      <c r="J3380" s="59">
        <f>Bühler!J3406</f>
        <v>1.6066081035120665</v>
      </c>
      <c r="K3380" s="59">
        <f>Bühler!K3406</f>
        <v>2.4099121552680995</v>
      </c>
      <c r="L3380" s="59">
        <f>Bühler!L3406</f>
        <v>11.567578345286877</v>
      </c>
      <c r="M3380" s="58">
        <f>Bühler!M3406</f>
        <v>0</v>
      </c>
      <c r="N3380" s="56">
        <f>IF(Input!$D$19=1,J3380*Input!$C$19,0)+IF(Input!$D$20=1,K3380*Input!$C$20,0)+IF(Input!$D$21=1,L3380*Input!$C$21,0)+IF(Input!$D$22=1,M3380*Input!$C$22,0)</f>
        <v>0.48198243105361993</v>
      </c>
      <c r="O3380" s="59">
        <f>IF(Input!$D$19=2,J3380*Input!$C$19,0)+IF(Input!$D$20=2,K3380*Input!$C$20,0)+IF(Input!$D$21=2,L3380*Input!$C$21,0)+IF(Input!$D$22=2,M3380*Input!$C$22,0)</f>
        <v>1.2049560776340498</v>
      </c>
      <c r="P3380" s="59">
        <f>IF(Input!$D$19=3,J3380*Input!$C$19,0)+IF(Input!$D$20=3,K3380*Input!$C$20,0)+IF(Input!$D$21=3,L3380*Input!$C$21,0)+IF(Input!$D$22=3,M3380*Input!$C$22,0)</f>
        <v>0</v>
      </c>
      <c r="Q3380" s="75">
        <f>IF(Input!$D$19=4,J3380*Input!$C$19,0)+IF(Input!$D$20=4,K3380*Input!$C$20,0)+IF(Input!$D$21=4,L3380*Input!$C$21,0)+IF(Input!$D$22=4,M3380*Input!$C$22,0)</f>
        <v>0</v>
      </c>
      <c r="R3380" s="58">
        <v>67.568777117367944</v>
      </c>
      <c r="S3380" s="124">
        <f t="shared" si="52"/>
        <v>2.0885905345656863</v>
      </c>
    </row>
    <row r="3381" spans="8:19" x14ac:dyDescent="0.3">
      <c r="H3381" s="44">
        <v>3374</v>
      </c>
      <c r="I3381" s="56">
        <f>Bühler!I3407</f>
        <v>0.31931336057302317</v>
      </c>
      <c r="J3381" s="59">
        <f>Bühler!J3407</f>
        <v>1.064377868576744</v>
      </c>
      <c r="K3381" s="59">
        <f>Bühler!K3407</f>
        <v>1.5965668028651161</v>
      </c>
      <c r="L3381" s="59">
        <f>Bühler!L3407</f>
        <v>7.6635206537525571</v>
      </c>
      <c r="M3381" s="58">
        <f>Bühler!M3407</f>
        <v>0</v>
      </c>
      <c r="N3381" s="56">
        <f>IF(Input!$D$19=1,J3381*Input!$C$19,0)+IF(Input!$D$20=1,K3381*Input!$C$20,0)+IF(Input!$D$21=1,L3381*Input!$C$21,0)+IF(Input!$D$22=1,M3381*Input!$C$22,0)</f>
        <v>0.31931336057302317</v>
      </c>
      <c r="O3381" s="59">
        <f>IF(Input!$D$19=2,J3381*Input!$C$19,0)+IF(Input!$D$20=2,K3381*Input!$C$20,0)+IF(Input!$D$21=2,L3381*Input!$C$21,0)+IF(Input!$D$22=2,M3381*Input!$C$22,0)</f>
        <v>0.79828340143255805</v>
      </c>
      <c r="P3381" s="59">
        <f>IF(Input!$D$19=3,J3381*Input!$C$19,0)+IF(Input!$D$20=3,K3381*Input!$C$20,0)+IF(Input!$D$21=3,L3381*Input!$C$21,0)+IF(Input!$D$22=3,M3381*Input!$C$22,0)</f>
        <v>0</v>
      </c>
      <c r="Q3381" s="75">
        <f>IF(Input!$D$19=4,J3381*Input!$C$19,0)+IF(Input!$D$20=4,K3381*Input!$C$20,0)+IF(Input!$D$21=4,L3381*Input!$C$21,0)+IF(Input!$D$22=4,M3381*Input!$C$22,0)</f>
        <v>0</v>
      </c>
      <c r="R3381" s="58">
        <v>67.512595614777084</v>
      </c>
      <c r="S3381" s="124">
        <f t="shared" si="52"/>
        <v>1.3836912291497672</v>
      </c>
    </row>
    <row r="3382" spans="8:19" x14ac:dyDescent="0.3">
      <c r="H3382" s="44">
        <v>3375</v>
      </c>
      <c r="I3382" s="56">
        <f>Bühler!I3408</f>
        <v>0.48198243105361993</v>
      </c>
      <c r="J3382" s="59">
        <f>Bühler!J3408</f>
        <v>1.6066081035120665</v>
      </c>
      <c r="K3382" s="59">
        <f>Bühler!K3408</f>
        <v>2.4099121552680995</v>
      </c>
      <c r="L3382" s="59">
        <f>Bühler!L3408</f>
        <v>11.567578345286877</v>
      </c>
      <c r="M3382" s="58">
        <f>Bühler!M3408</f>
        <v>0</v>
      </c>
      <c r="N3382" s="56">
        <f>IF(Input!$D$19=1,J3382*Input!$C$19,0)+IF(Input!$D$20=1,K3382*Input!$C$20,0)+IF(Input!$D$21=1,L3382*Input!$C$21,0)+IF(Input!$D$22=1,M3382*Input!$C$22,0)</f>
        <v>0.48198243105361993</v>
      </c>
      <c r="O3382" s="59">
        <f>IF(Input!$D$19=2,J3382*Input!$C$19,0)+IF(Input!$D$20=2,K3382*Input!$C$20,0)+IF(Input!$D$21=2,L3382*Input!$C$21,0)+IF(Input!$D$22=2,M3382*Input!$C$22,0)</f>
        <v>1.2049560776340498</v>
      </c>
      <c r="P3382" s="59">
        <f>IF(Input!$D$19=3,J3382*Input!$C$19,0)+IF(Input!$D$20=3,K3382*Input!$C$20,0)+IF(Input!$D$21=3,L3382*Input!$C$21,0)+IF(Input!$D$22=3,M3382*Input!$C$22,0)</f>
        <v>0</v>
      </c>
      <c r="Q3382" s="75">
        <f>IF(Input!$D$19=4,J3382*Input!$C$19,0)+IF(Input!$D$20=4,K3382*Input!$C$20,0)+IF(Input!$D$21=4,L3382*Input!$C$21,0)+IF(Input!$D$22=4,M3382*Input!$C$22,0)</f>
        <v>0</v>
      </c>
      <c r="R3382" s="58">
        <v>67.23644221774201</v>
      </c>
      <c r="S3382" s="124">
        <f t="shared" si="52"/>
        <v>2.0885905345656863</v>
      </c>
    </row>
    <row r="3383" spans="8:19" x14ac:dyDescent="0.3">
      <c r="H3383" s="44">
        <v>3376</v>
      </c>
      <c r="I3383" s="56">
        <f>Bühler!I3409</f>
        <v>0.48198243105361993</v>
      </c>
      <c r="J3383" s="59">
        <f>Bühler!J3409</f>
        <v>1.6066081035120665</v>
      </c>
      <c r="K3383" s="59">
        <f>Bühler!K3409</f>
        <v>2.4099121552680995</v>
      </c>
      <c r="L3383" s="59">
        <f>Bühler!L3409</f>
        <v>11.567578345286877</v>
      </c>
      <c r="M3383" s="58">
        <f>Bühler!M3409</f>
        <v>0</v>
      </c>
      <c r="N3383" s="56">
        <f>IF(Input!$D$19=1,J3383*Input!$C$19,0)+IF(Input!$D$20=1,K3383*Input!$C$20,0)+IF(Input!$D$21=1,L3383*Input!$C$21,0)+IF(Input!$D$22=1,M3383*Input!$C$22,0)</f>
        <v>0.48198243105361993</v>
      </c>
      <c r="O3383" s="59">
        <f>IF(Input!$D$19=2,J3383*Input!$C$19,0)+IF(Input!$D$20=2,K3383*Input!$C$20,0)+IF(Input!$D$21=2,L3383*Input!$C$21,0)+IF(Input!$D$22=2,M3383*Input!$C$22,0)</f>
        <v>1.2049560776340498</v>
      </c>
      <c r="P3383" s="59">
        <f>IF(Input!$D$19=3,J3383*Input!$C$19,0)+IF(Input!$D$20=3,K3383*Input!$C$20,0)+IF(Input!$D$21=3,L3383*Input!$C$21,0)+IF(Input!$D$22=3,M3383*Input!$C$22,0)</f>
        <v>0</v>
      </c>
      <c r="Q3383" s="75">
        <f>IF(Input!$D$19=4,J3383*Input!$C$19,0)+IF(Input!$D$20=4,K3383*Input!$C$20,0)+IF(Input!$D$21=4,L3383*Input!$C$21,0)+IF(Input!$D$22=4,M3383*Input!$C$22,0)</f>
        <v>0</v>
      </c>
      <c r="R3383" s="58">
        <v>67.555257424311861</v>
      </c>
      <c r="S3383" s="124">
        <f t="shared" si="52"/>
        <v>2.0885905345656863</v>
      </c>
    </row>
    <row r="3384" spans="8:19" x14ac:dyDescent="0.3">
      <c r="H3384" s="44">
        <v>3377</v>
      </c>
      <c r="I3384" s="56">
        <f>Bühler!I3410</f>
        <v>0.48198243105361993</v>
      </c>
      <c r="J3384" s="59">
        <f>Bühler!J3410</f>
        <v>1.6066081035120665</v>
      </c>
      <c r="K3384" s="59">
        <f>Bühler!K3410</f>
        <v>2.4099121552680995</v>
      </c>
      <c r="L3384" s="59">
        <f>Bühler!L3410</f>
        <v>11.567578345286877</v>
      </c>
      <c r="M3384" s="58">
        <f>Bühler!M3410</f>
        <v>0</v>
      </c>
      <c r="N3384" s="56">
        <f>IF(Input!$D$19=1,J3384*Input!$C$19,0)+IF(Input!$D$20=1,K3384*Input!$C$20,0)+IF(Input!$D$21=1,L3384*Input!$C$21,0)+IF(Input!$D$22=1,M3384*Input!$C$22,0)</f>
        <v>0.48198243105361993</v>
      </c>
      <c r="O3384" s="59">
        <f>IF(Input!$D$19=2,J3384*Input!$C$19,0)+IF(Input!$D$20=2,K3384*Input!$C$20,0)+IF(Input!$D$21=2,L3384*Input!$C$21,0)+IF(Input!$D$22=2,M3384*Input!$C$22,0)</f>
        <v>1.2049560776340498</v>
      </c>
      <c r="P3384" s="59">
        <f>IF(Input!$D$19=3,J3384*Input!$C$19,0)+IF(Input!$D$20=3,K3384*Input!$C$20,0)+IF(Input!$D$21=3,L3384*Input!$C$21,0)+IF(Input!$D$22=3,M3384*Input!$C$22,0)</f>
        <v>0</v>
      </c>
      <c r="Q3384" s="75">
        <f>IF(Input!$D$19=4,J3384*Input!$C$19,0)+IF(Input!$D$20=4,K3384*Input!$C$20,0)+IF(Input!$D$21=4,L3384*Input!$C$21,0)+IF(Input!$D$22=4,M3384*Input!$C$22,0)</f>
        <v>0</v>
      </c>
      <c r="R3384" s="58">
        <v>66.647373290232323</v>
      </c>
      <c r="S3384" s="124">
        <f t="shared" si="52"/>
        <v>2.0885905345656863</v>
      </c>
    </row>
    <row r="3385" spans="8:19" x14ac:dyDescent="0.3">
      <c r="H3385" s="44">
        <v>3378</v>
      </c>
      <c r="I3385" s="56">
        <f>Bühler!I3411</f>
        <v>0.48198243105361993</v>
      </c>
      <c r="J3385" s="59">
        <f>Bühler!J3411</f>
        <v>1.6066081035120665</v>
      </c>
      <c r="K3385" s="59">
        <f>Bühler!K3411</f>
        <v>2.4099121552680995</v>
      </c>
      <c r="L3385" s="59">
        <f>Bühler!L3411</f>
        <v>11.567578345286877</v>
      </c>
      <c r="M3385" s="58">
        <f>Bühler!M3411</f>
        <v>0</v>
      </c>
      <c r="N3385" s="56">
        <f>IF(Input!$D$19=1,J3385*Input!$C$19,0)+IF(Input!$D$20=1,K3385*Input!$C$20,0)+IF(Input!$D$21=1,L3385*Input!$C$21,0)+IF(Input!$D$22=1,M3385*Input!$C$22,0)</f>
        <v>0.48198243105361993</v>
      </c>
      <c r="O3385" s="59">
        <f>IF(Input!$D$19=2,J3385*Input!$C$19,0)+IF(Input!$D$20=2,K3385*Input!$C$20,0)+IF(Input!$D$21=2,L3385*Input!$C$21,0)+IF(Input!$D$22=2,M3385*Input!$C$22,0)</f>
        <v>1.2049560776340498</v>
      </c>
      <c r="P3385" s="59">
        <f>IF(Input!$D$19=3,J3385*Input!$C$19,0)+IF(Input!$D$20=3,K3385*Input!$C$20,0)+IF(Input!$D$21=3,L3385*Input!$C$21,0)+IF(Input!$D$22=3,M3385*Input!$C$22,0)</f>
        <v>0</v>
      </c>
      <c r="Q3385" s="75">
        <f>IF(Input!$D$19=4,J3385*Input!$C$19,0)+IF(Input!$D$20=4,K3385*Input!$C$20,0)+IF(Input!$D$21=4,L3385*Input!$C$21,0)+IF(Input!$D$22=4,M3385*Input!$C$22,0)</f>
        <v>0</v>
      </c>
      <c r="R3385" s="58">
        <v>64.989223714852898</v>
      </c>
      <c r="S3385" s="124">
        <f t="shared" si="52"/>
        <v>2.0885905345656863</v>
      </c>
    </row>
    <row r="3386" spans="8:19" x14ac:dyDescent="0.3">
      <c r="H3386" s="44">
        <v>3379</v>
      </c>
      <c r="I3386" s="56">
        <f>Bühler!I3412</f>
        <v>0.48198243105361993</v>
      </c>
      <c r="J3386" s="59">
        <f>Bühler!J3412</f>
        <v>1.6066081035120665</v>
      </c>
      <c r="K3386" s="59">
        <f>Bühler!K3412</f>
        <v>2.4099121552680995</v>
      </c>
      <c r="L3386" s="59">
        <f>Bühler!L3412</f>
        <v>11.567578345286877</v>
      </c>
      <c r="M3386" s="58">
        <f>Bühler!M3412</f>
        <v>0</v>
      </c>
      <c r="N3386" s="56">
        <f>IF(Input!$D$19=1,J3386*Input!$C$19,0)+IF(Input!$D$20=1,K3386*Input!$C$20,0)+IF(Input!$D$21=1,L3386*Input!$C$21,0)+IF(Input!$D$22=1,M3386*Input!$C$22,0)</f>
        <v>0.48198243105361993</v>
      </c>
      <c r="O3386" s="59">
        <f>IF(Input!$D$19=2,J3386*Input!$C$19,0)+IF(Input!$D$20=2,K3386*Input!$C$20,0)+IF(Input!$D$21=2,L3386*Input!$C$21,0)+IF(Input!$D$22=2,M3386*Input!$C$22,0)</f>
        <v>1.2049560776340498</v>
      </c>
      <c r="P3386" s="59">
        <f>IF(Input!$D$19=3,J3386*Input!$C$19,0)+IF(Input!$D$20=3,K3386*Input!$C$20,0)+IF(Input!$D$21=3,L3386*Input!$C$21,0)+IF(Input!$D$22=3,M3386*Input!$C$22,0)</f>
        <v>0</v>
      </c>
      <c r="Q3386" s="75">
        <f>IF(Input!$D$19=4,J3386*Input!$C$19,0)+IF(Input!$D$20=4,K3386*Input!$C$20,0)+IF(Input!$D$21=4,L3386*Input!$C$21,0)+IF(Input!$D$22=4,M3386*Input!$C$22,0)</f>
        <v>0</v>
      </c>
      <c r="R3386" s="58">
        <v>64.214854123058046</v>
      </c>
      <c r="S3386" s="124">
        <f t="shared" si="52"/>
        <v>2.0885905345656863</v>
      </c>
    </row>
    <row r="3387" spans="8:19" x14ac:dyDescent="0.3">
      <c r="H3387" s="44">
        <v>3380</v>
      </c>
      <c r="I3387" s="56">
        <f>Bühler!I3413</f>
        <v>0.40366028600740672</v>
      </c>
      <c r="J3387" s="59">
        <f>Bühler!J3413</f>
        <v>1.3455342866913558</v>
      </c>
      <c r="K3387" s="59">
        <f>Bühler!K3413</f>
        <v>2.0183014300370337</v>
      </c>
      <c r="L3387" s="59">
        <f>Bühler!L3413</f>
        <v>9.6878468641777609</v>
      </c>
      <c r="M3387" s="58">
        <f>Bühler!M3413</f>
        <v>0</v>
      </c>
      <c r="N3387" s="56">
        <f>IF(Input!$D$19=1,J3387*Input!$C$19,0)+IF(Input!$D$20=1,K3387*Input!$C$20,0)+IF(Input!$D$21=1,L3387*Input!$C$21,0)+IF(Input!$D$22=1,M3387*Input!$C$22,0)</f>
        <v>0.40366028600740672</v>
      </c>
      <c r="O3387" s="59">
        <f>IF(Input!$D$19=2,J3387*Input!$C$19,0)+IF(Input!$D$20=2,K3387*Input!$C$20,0)+IF(Input!$D$21=2,L3387*Input!$C$21,0)+IF(Input!$D$22=2,M3387*Input!$C$22,0)</f>
        <v>1.0091507150185168</v>
      </c>
      <c r="P3387" s="59">
        <f>IF(Input!$D$19=3,J3387*Input!$C$19,0)+IF(Input!$D$20=3,K3387*Input!$C$20,0)+IF(Input!$D$21=3,L3387*Input!$C$21,0)+IF(Input!$D$22=3,M3387*Input!$C$22,0)</f>
        <v>0</v>
      </c>
      <c r="Q3387" s="75">
        <f>IF(Input!$D$19=4,J3387*Input!$C$19,0)+IF(Input!$D$20=4,K3387*Input!$C$20,0)+IF(Input!$D$21=4,L3387*Input!$C$21,0)+IF(Input!$D$22=4,M3387*Input!$C$22,0)</f>
        <v>0</v>
      </c>
      <c r="R3387" s="58">
        <v>62.982368905240605</v>
      </c>
      <c r="S3387" s="124">
        <f t="shared" si="52"/>
        <v>1.7491945726987626</v>
      </c>
    </row>
    <row r="3388" spans="8:19" x14ac:dyDescent="0.3">
      <c r="H3388" s="44">
        <v>3381</v>
      </c>
      <c r="I3388" s="56">
        <f>Bühler!I3414</f>
        <v>0.33136292134936368</v>
      </c>
      <c r="J3388" s="59">
        <f>Bühler!J3414</f>
        <v>1.1045430711645456</v>
      </c>
      <c r="K3388" s="59">
        <f>Bühler!K3414</f>
        <v>1.6568146067468186</v>
      </c>
      <c r="L3388" s="59">
        <f>Bühler!L3414</f>
        <v>7.9527101123847288</v>
      </c>
      <c r="M3388" s="58">
        <f>Bühler!M3414</f>
        <v>0</v>
      </c>
      <c r="N3388" s="56">
        <f>IF(Input!$D$19=1,J3388*Input!$C$19,0)+IF(Input!$D$20=1,K3388*Input!$C$20,0)+IF(Input!$D$21=1,L3388*Input!$C$21,0)+IF(Input!$D$22=1,M3388*Input!$C$22,0)</f>
        <v>0.33136292134936368</v>
      </c>
      <c r="O3388" s="59">
        <f>IF(Input!$D$19=2,J3388*Input!$C$19,0)+IF(Input!$D$20=2,K3388*Input!$C$20,0)+IF(Input!$D$21=2,L3388*Input!$C$21,0)+IF(Input!$D$22=2,M3388*Input!$C$22,0)</f>
        <v>0.82840730337340929</v>
      </c>
      <c r="P3388" s="59">
        <f>IF(Input!$D$19=3,J3388*Input!$C$19,0)+IF(Input!$D$20=3,K3388*Input!$C$20,0)+IF(Input!$D$21=3,L3388*Input!$C$21,0)+IF(Input!$D$22=3,M3388*Input!$C$22,0)</f>
        <v>0</v>
      </c>
      <c r="Q3388" s="75">
        <f>IF(Input!$D$19=4,J3388*Input!$C$19,0)+IF(Input!$D$20=4,K3388*Input!$C$20,0)+IF(Input!$D$21=4,L3388*Input!$C$21,0)+IF(Input!$D$22=4,M3388*Input!$C$22,0)</f>
        <v>0</v>
      </c>
      <c r="R3388" s="58">
        <v>61.219816502756139</v>
      </c>
      <c r="S3388" s="124">
        <f t="shared" si="52"/>
        <v>1.4359059925139093</v>
      </c>
    </row>
    <row r="3389" spans="8:19" x14ac:dyDescent="0.3">
      <c r="H3389" s="44">
        <v>3382</v>
      </c>
      <c r="I3389" s="56">
        <f>Bühler!I3415</f>
        <v>0.24099121552680997</v>
      </c>
      <c r="J3389" s="59">
        <f>Bühler!J3415</f>
        <v>0.80330405175603325</v>
      </c>
      <c r="K3389" s="59">
        <f>Bühler!K3415</f>
        <v>1.2049560776340498</v>
      </c>
      <c r="L3389" s="59">
        <f>Bühler!L3415</f>
        <v>5.7837891726434387</v>
      </c>
      <c r="M3389" s="58">
        <f>Bühler!M3415</f>
        <v>0</v>
      </c>
      <c r="N3389" s="56">
        <f>IF(Input!$D$19=1,J3389*Input!$C$19,0)+IF(Input!$D$20=1,K3389*Input!$C$20,0)+IF(Input!$D$21=1,L3389*Input!$C$21,0)+IF(Input!$D$22=1,M3389*Input!$C$22,0)</f>
        <v>0.24099121552680997</v>
      </c>
      <c r="O3389" s="59">
        <f>IF(Input!$D$19=2,J3389*Input!$C$19,0)+IF(Input!$D$20=2,K3389*Input!$C$20,0)+IF(Input!$D$21=2,L3389*Input!$C$21,0)+IF(Input!$D$22=2,M3389*Input!$C$22,0)</f>
        <v>0.60247803881702489</v>
      </c>
      <c r="P3389" s="59">
        <f>IF(Input!$D$19=3,J3389*Input!$C$19,0)+IF(Input!$D$20=3,K3389*Input!$C$20,0)+IF(Input!$D$21=3,L3389*Input!$C$21,0)+IF(Input!$D$22=3,M3389*Input!$C$22,0)</f>
        <v>0</v>
      </c>
      <c r="Q3389" s="75">
        <f>IF(Input!$D$19=4,J3389*Input!$C$19,0)+IF(Input!$D$20=4,K3389*Input!$C$20,0)+IF(Input!$D$21=4,L3389*Input!$C$21,0)+IF(Input!$D$22=4,M3389*Input!$C$22,0)</f>
        <v>0</v>
      </c>
      <c r="R3389" s="58">
        <v>59.975812095429362</v>
      </c>
      <c r="S3389" s="124">
        <f t="shared" si="52"/>
        <v>1.0442952672828432</v>
      </c>
    </row>
    <row r="3390" spans="8:19" x14ac:dyDescent="0.3">
      <c r="H3390" s="44">
        <v>3383</v>
      </c>
      <c r="I3390" s="56">
        <f>Bühler!I3416</f>
        <v>0.22894165475046946</v>
      </c>
      <c r="J3390" s="59">
        <f>Bühler!J3416</f>
        <v>0.7631388491682316</v>
      </c>
      <c r="K3390" s="59">
        <f>Bühler!K3416</f>
        <v>1.1447082737523473</v>
      </c>
      <c r="L3390" s="59">
        <f>Bühler!L3416</f>
        <v>5.494599714011267</v>
      </c>
      <c r="M3390" s="58">
        <f>Bühler!M3416</f>
        <v>0</v>
      </c>
      <c r="N3390" s="56">
        <f>IF(Input!$D$19=1,J3390*Input!$C$19,0)+IF(Input!$D$20=1,K3390*Input!$C$20,0)+IF(Input!$D$21=1,L3390*Input!$C$21,0)+IF(Input!$D$22=1,M3390*Input!$C$22,0)</f>
        <v>0.22894165475046946</v>
      </c>
      <c r="O3390" s="59">
        <f>IF(Input!$D$19=2,J3390*Input!$C$19,0)+IF(Input!$D$20=2,K3390*Input!$C$20,0)+IF(Input!$D$21=2,L3390*Input!$C$21,0)+IF(Input!$D$22=2,M3390*Input!$C$22,0)</f>
        <v>0.57235413687617365</v>
      </c>
      <c r="P3390" s="59">
        <f>IF(Input!$D$19=3,J3390*Input!$C$19,0)+IF(Input!$D$20=3,K3390*Input!$C$20,0)+IF(Input!$D$21=3,L3390*Input!$C$21,0)+IF(Input!$D$22=3,M3390*Input!$C$22,0)</f>
        <v>0</v>
      </c>
      <c r="Q3390" s="75">
        <f>IF(Input!$D$19=4,J3390*Input!$C$19,0)+IF(Input!$D$20=4,K3390*Input!$C$20,0)+IF(Input!$D$21=4,L3390*Input!$C$21,0)+IF(Input!$D$22=4,M3390*Input!$C$22,0)</f>
        <v>0</v>
      </c>
      <c r="R3390" s="58">
        <v>59.726061775510288</v>
      </c>
      <c r="S3390" s="124">
        <f t="shared" si="52"/>
        <v>0.99208050391870106</v>
      </c>
    </row>
    <row r="3391" spans="8:19" x14ac:dyDescent="0.3">
      <c r="H3391" s="44">
        <v>3384</v>
      </c>
      <c r="I3391" s="56">
        <f>Bühler!I3417</f>
        <v>0.22894165475046946</v>
      </c>
      <c r="J3391" s="59">
        <f>Bühler!J3417</f>
        <v>0.7631388491682316</v>
      </c>
      <c r="K3391" s="59">
        <f>Bühler!K3417</f>
        <v>1.1447082737523473</v>
      </c>
      <c r="L3391" s="59">
        <f>Bühler!L3417</f>
        <v>5.494599714011267</v>
      </c>
      <c r="M3391" s="58">
        <f>Bühler!M3417</f>
        <v>0</v>
      </c>
      <c r="N3391" s="56">
        <f>IF(Input!$D$19=1,J3391*Input!$C$19,0)+IF(Input!$D$20=1,K3391*Input!$C$20,0)+IF(Input!$D$21=1,L3391*Input!$C$21,0)+IF(Input!$D$22=1,M3391*Input!$C$22,0)</f>
        <v>0.22894165475046946</v>
      </c>
      <c r="O3391" s="59">
        <f>IF(Input!$D$19=2,J3391*Input!$C$19,0)+IF(Input!$D$20=2,K3391*Input!$C$20,0)+IF(Input!$D$21=2,L3391*Input!$C$21,0)+IF(Input!$D$22=2,M3391*Input!$C$22,0)</f>
        <v>0.57235413687617365</v>
      </c>
      <c r="P3391" s="59">
        <f>IF(Input!$D$19=3,J3391*Input!$C$19,0)+IF(Input!$D$20=3,K3391*Input!$C$20,0)+IF(Input!$D$21=3,L3391*Input!$C$21,0)+IF(Input!$D$22=3,M3391*Input!$C$22,0)</f>
        <v>0</v>
      </c>
      <c r="Q3391" s="75">
        <f>IF(Input!$D$19=4,J3391*Input!$C$19,0)+IF(Input!$D$20=4,K3391*Input!$C$20,0)+IF(Input!$D$21=4,L3391*Input!$C$21,0)+IF(Input!$D$22=4,M3391*Input!$C$22,0)</f>
        <v>0</v>
      </c>
      <c r="R3391" s="58">
        <v>59.595884962428613</v>
      </c>
      <c r="S3391" s="124">
        <f t="shared" si="52"/>
        <v>0.99208050391870106</v>
      </c>
    </row>
    <row r="3392" spans="8:19" x14ac:dyDescent="0.3">
      <c r="H3392" s="44">
        <v>3385</v>
      </c>
      <c r="I3392" s="56">
        <f>Bühler!I3418</f>
        <v>0.20990208835027024</v>
      </c>
      <c r="J3392" s="59">
        <f>Bühler!J3418</f>
        <v>0.69967362783423415</v>
      </c>
      <c r="K3392" s="59">
        <f>Bühler!K3418</f>
        <v>1.0495104417513512</v>
      </c>
      <c r="L3392" s="59">
        <f>Bühler!L3418</f>
        <v>5.0376501204064859</v>
      </c>
      <c r="M3392" s="58">
        <f>Bühler!M3418</f>
        <v>0</v>
      </c>
      <c r="N3392" s="56">
        <f>IF(Input!$D$19=1,J3392*Input!$C$19,0)+IF(Input!$D$20=1,K3392*Input!$C$20,0)+IF(Input!$D$21=1,L3392*Input!$C$21,0)+IF(Input!$D$22=1,M3392*Input!$C$22,0)</f>
        <v>0.20990208835027024</v>
      </c>
      <c r="O3392" s="59">
        <f>IF(Input!$D$19=2,J3392*Input!$C$19,0)+IF(Input!$D$20=2,K3392*Input!$C$20,0)+IF(Input!$D$21=2,L3392*Input!$C$21,0)+IF(Input!$D$22=2,M3392*Input!$C$22,0)</f>
        <v>0.52475522087567561</v>
      </c>
      <c r="P3392" s="59">
        <f>IF(Input!$D$19=3,J3392*Input!$C$19,0)+IF(Input!$D$20=3,K3392*Input!$C$20,0)+IF(Input!$D$21=3,L3392*Input!$C$21,0)+IF(Input!$D$22=3,M3392*Input!$C$22,0)</f>
        <v>0</v>
      </c>
      <c r="Q3392" s="75">
        <f>IF(Input!$D$19=4,J3392*Input!$C$19,0)+IF(Input!$D$20=4,K3392*Input!$C$20,0)+IF(Input!$D$21=4,L3392*Input!$C$21,0)+IF(Input!$D$22=4,M3392*Input!$C$22,0)</f>
        <v>0</v>
      </c>
      <c r="R3392" s="58">
        <v>58.257903608337053</v>
      </c>
      <c r="S3392" s="124">
        <f t="shared" si="52"/>
        <v>0.90957571618450439</v>
      </c>
    </row>
    <row r="3393" spans="8:19" x14ac:dyDescent="0.3">
      <c r="H3393" s="44">
        <v>3386</v>
      </c>
      <c r="I3393" s="56">
        <f>Bühler!I3419</f>
        <v>0.20990208835027024</v>
      </c>
      <c r="J3393" s="59">
        <f>Bühler!J3419</f>
        <v>0.69967362783423415</v>
      </c>
      <c r="K3393" s="59">
        <f>Bühler!K3419</f>
        <v>1.0495104417513512</v>
      </c>
      <c r="L3393" s="59">
        <f>Bühler!L3419</f>
        <v>5.0376501204064859</v>
      </c>
      <c r="M3393" s="58">
        <f>Bühler!M3419</f>
        <v>0</v>
      </c>
      <c r="N3393" s="56">
        <f>IF(Input!$D$19=1,J3393*Input!$C$19,0)+IF(Input!$D$20=1,K3393*Input!$C$20,0)+IF(Input!$D$21=1,L3393*Input!$C$21,0)+IF(Input!$D$22=1,M3393*Input!$C$22,0)</f>
        <v>0.20990208835027024</v>
      </c>
      <c r="O3393" s="59">
        <f>IF(Input!$D$19=2,J3393*Input!$C$19,0)+IF(Input!$D$20=2,K3393*Input!$C$20,0)+IF(Input!$D$21=2,L3393*Input!$C$21,0)+IF(Input!$D$22=2,M3393*Input!$C$22,0)</f>
        <v>0.52475522087567561</v>
      </c>
      <c r="P3393" s="59">
        <f>IF(Input!$D$19=3,J3393*Input!$C$19,0)+IF(Input!$D$20=3,K3393*Input!$C$20,0)+IF(Input!$D$21=3,L3393*Input!$C$21,0)+IF(Input!$D$22=3,M3393*Input!$C$22,0)</f>
        <v>0</v>
      </c>
      <c r="Q3393" s="75">
        <f>IF(Input!$D$19=4,J3393*Input!$C$19,0)+IF(Input!$D$20=4,K3393*Input!$C$20,0)+IF(Input!$D$21=4,L3393*Input!$C$21,0)+IF(Input!$D$22=4,M3393*Input!$C$22,0)</f>
        <v>0</v>
      </c>
      <c r="R3393" s="58">
        <v>57.466572523771632</v>
      </c>
      <c r="S3393" s="124">
        <f t="shared" si="52"/>
        <v>0.90957571618450439</v>
      </c>
    </row>
    <row r="3394" spans="8:19" x14ac:dyDescent="0.3">
      <c r="H3394" s="44">
        <v>3387</v>
      </c>
      <c r="I3394" s="56">
        <f>Bühler!I3420</f>
        <v>0.20990208835027024</v>
      </c>
      <c r="J3394" s="59">
        <f>Bühler!J3420</f>
        <v>0.69967362783423415</v>
      </c>
      <c r="K3394" s="59">
        <f>Bühler!K3420</f>
        <v>1.0495104417513512</v>
      </c>
      <c r="L3394" s="59">
        <f>Bühler!L3420</f>
        <v>5.0376501204064859</v>
      </c>
      <c r="M3394" s="58">
        <f>Bühler!M3420</f>
        <v>0</v>
      </c>
      <c r="N3394" s="56">
        <f>IF(Input!$D$19=1,J3394*Input!$C$19,0)+IF(Input!$D$20=1,K3394*Input!$C$20,0)+IF(Input!$D$21=1,L3394*Input!$C$21,0)+IF(Input!$D$22=1,M3394*Input!$C$22,0)</f>
        <v>0.20990208835027024</v>
      </c>
      <c r="O3394" s="59">
        <f>IF(Input!$D$19=2,J3394*Input!$C$19,0)+IF(Input!$D$20=2,K3394*Input!$C$20,0)+IF(Input!$D$21=2,L3394*Input!$C$21,0)+IF(Input!$D$22=2,M3394*Input!$C$22,0)</f>
        <v>0.52475522087567561</v>
      </c>
      <c r="P3394" s="59">
        <f>IF(Input!$D$19=3,J3394*Input!$C$19,0)+IF(Input!$D$20=3,K3394*Input!$C$20,0)+IF(Input!$D$21=3,L3394*Input!$C$21,0)+IF(Input!$D$22=3,M3394*Input!$C$22,0)</f>
        <v>0</v>
      </c>
      <c r="Q3394" s="75">
        <f>IF(Input!$D$19=4,J3394*Input!$C$19,0)+IF(Input!$D$20=4,K3394*Input!$C$20,0)+IF(Input!$D$21=4,L3394*Input!$C$21,0)+IF(Input!$D$22=4,M3394*Input!$C$22,0)</f>
        <v>0</v>
      </c>
      <c r="R3394" s="58">
        <v>57.709015607062803</v>
      </c>
      <c r="S3394" s="124">
        <f t="shared" si="52"/>
        <v>0.90957571618450439</v>
      </c>
    </row>
    <row r="3395" spans="8:19" x14ac:dyDescent="0.3">
      <c r="H3395" s="44">
        <v>3388</v>
      </c>
      <c r="I3395" s="56">
        <f>Bühler!I3421</f>
        <v>0.20990208835027024</v>
      </c>
      <c r="J3395" s="59">
        <f>Bühler!J3421</f>
        <v>0.69967362783423415</v>
      </c>
      <c r="K3395" s="59">
        <f>Bühler!K3421</f>
        <v>1.0495104417513512</v>
      </c>
      <c r="L3395" s="59">
        <f>Bühler!L3421</f>
        <v>5.0376501204064859</v>
      </c>
      <c r="M3395" s="58">
        <f>Bühler!M3421</f>
        <v>0</v>
      </c>
      <c r="N3395" s="56">
        <f>IF(Input!$D$19=1,J3395*Input!$C$19,0)+IF(Input!$D$20=1,K3395*Input!$C$20,0)+IF(Input!$D$21=1,L3395*Input!$C$21,0)+IF(Input!$D$22=1,M3395*Input!$C$22,0)</f>
        <v>0.20990208835027024</v>
      </c>
      <c r="O3395" s="59">
        <f>IF(Input!$D$19=2,J3395*Input!$C$19,0)+IF(Input!$D$20=2,K3395*Input!$C$20,0)+IF(Input!$D$21=2,L3395*Input!$C$21,0)+IF(Input!$D$22=2,M3395*Input!$C$22,0)</f>
        <v>0.52475522087567561</v>
      </c>
      <c r="P3395" s="59">
        <f>IF(Input!$D$19=3,J3395*Input!$C$19,0)+IF(Input!$D$20=3,K3395*Input!$C$20,0)+IF(Input!$D$21=3,L3395*Input!$C$21,0)+IF(Input!$D$22=3,M3395*Input!$C$22,0)</f>
        <v>0</v>
      </c>
      <c r="Q3395" s="75">
        <f>IF(Input!$D$19=4,J3395*Input!$C$19,0)+IF(Input!$D$20=4,K3395*Input!$C$20,0)+IF(Input!$D$21=4,L3395*Input!$C$21,0)+IF(Input!$D$22=4,M3395*Input!$C$22,0)</f>
        <v>0</v>
      </c>
      <c r="R3395" s="58">
        <v>58.691752113287968</v>
      </c>
      <c r="S3395" s="124">
        <f t="shared" si="52"/>
        <v>0.90957571618450439</v>
      </c>
    </row>
    <row r="3396" spans="8:19" x14ac:dyDescent="0.3">
      <c r="H3396" s="44">
        <v>3389</v>
      </c>
      <c r="I3396" s="56">
        <f>Bühler!I3422</f>
        <v>0.20990208835027024</v>
      </c>
      <c r="J3396" s="59">
        <f>Bühler!J3422</f>
        <v>0.69967362783423415</v>
      </c>
      <c r="K3396" s="59">
        <f>Bühler!K3422</f>
        <v>1.0495104417513512</v>
      </c>
      <c r="L3396" s="59">
        <f>Bühler!L3422</f>
        <v>5.0376501204064859</v>
      </c>
      <c r="M3396" s="58">
        <f>Bühler!M3422</f>
        <v>0</v>
      </c>
      <c r="N3396" s="56">
        <f>IF(Input!$D$19=1,J3396*Input!$C$19,0)+IF(Input!$D$20=1,K3396*Input!$C$20,0)+IF(Input!$D$21=1,L3396*Input!$C$21,0)+IF(Input!$D$22=1,M3396*Input!$C$22,0)</f>
        <v>0.20990208835027024</v>
      </c>
      <c r="O3396" s="59">
        <f>IF(Input!$D$19=2,J3396*Input!$C$19,0)+IF(Input!$D$20=2,K3396*Input!$C$20,0)+IF(Input!$D$21=2,L3396*Input!$C$21,0)+IF(Input!$D$22=2,M3396*Input!$C$22,0)</f>
        <v>0.52475522087567561</v>
      </c>
      <c r="P3396" s="59">
        <f>IF(Input!$D$19=3,J3396*Input!$C$19,0)+IF(Input!$D$20=3,K3396*Input!$C$20,0)+IF(Input!$D$21=3,L3396*Input!$C$21,0)+IF(Input!$D$22=3,M3396*Input!$C$22,0)</f>
        <v>0</v>
      </c>
      <c r="Q3396" s="75">
        <f>IF(Input!$D$19=4,J3396*Input!$C$19,0)+IF(Input!$D$20=4,K3396*Input!$C$20,0)+IF(Input!$D$21=4,L3396*Input!$C$21,0)+IF(Input!$D$22=4,M3396*Input!$C$22,0)</f>
        <v>0</v>
      </c>
      <c r="R3396" s="58">
        <v>60.34717955634973</v>
      </c>
      <c r="S3396" s="124">
        <f t="shared" si="52"/>
        <v>0.90957571618450439</v>
      </c>
    </row>
    <row r="3397" spans="8:19" x14ac:dyDescent="0.3">
      <c r="H3397" s="44">
        <v>3390</v>
      </c>
      <c r="I3397" s="56">
        <f>Bühler!I3423</f>
        <v>0.27287271485535131</v>
      </c>
      <c r="J3397" s="59">
        <f>Bühler!J3423</f>
        <v>0.90957571618450439</v>
      </c>
      <c r="K3397" s="59">
        <f>Bühler!K3423</f>
        <v>1.3643635742767564</v>
      </c>
      <c r="L3397" s="59">
        <f>Bühler!L3423</f>
        <v>6.5489451565284309</v>
      </c>
      <c r="M3397" s="58">
        <f>Bühler!M3423</f>
        <v>0</v>
      </c>
      <c r="N3397" s="56">
        <f>IF(Input!$D$19=1,J3397*Input!$C$19,0)+IF(Input!$D$20=1,K3397*Input!$C$20,0)+IF(Input!$D$21=1,L3397*Input!$C$21,0)+IF(Input!$D$22=1,M3397*Input!$C$22,0)</f>
        <v>0.27287271485535131</v>
      </c>
      <c r="O3397" s="59">
        <f>IF(Input!$D$19=2,J3397*Input!$C$19,0)+IF(Input!$D$20=2,K3397*Input!$C$20,0)+IF(Input!$D$21=2,L3397*Input!$C$21,0)+IF(Input!$D$22=2,M3397*Input!$C$22,0)</f>
        <v>0.68218178713837818</v>
      </c>
      <c r="P3397" s="59">
        <f>IF(Input!$D$19=3,J3397*Input!$C$19,0)+IF(Input!$D$20=3,K3397*Input!$C$20,0)+IF(Input!$D$21=3,L3397*Input!$C$21,0)+IF(Input!$D$22=3,M3397*Input!$C$22,0)</f>
        <v>0</v>
      </c>
      <c r="Q3397" s="75">
        <f>IF(Input!$D$19=4,J3397*Input!$C$19,0)+IF(Input!$D$20=4,K3397*Input!$C$20,0)+IF(Input!$D$21=4,L3397*Input!$C$21,0)+IF(Input!$D$22=4,M3397*Input!$C$22,0)</f>
        <v>0</v>
      </c>
      <c r="R3397" s="58">
        <v>63.579102490586394</v>
      </c>
      <c r="S3397" s="124">
        <f t="shared" si="52"/>
        <v>1.1824484310398558</v>
      </c>
    </row>
    <row r="3398" spans="8:19" x14ac:dyDescent="0.3">
      <c r="H3398" s="44">
        <v>3391</v>
      </c>
      <c r="I3398" s="56">
        <f>Bühler!I3424</f>
        <v>0.30435802810789175</v>
      </c>
      <c r="J3398" s="59">
        <f>Bühler!J3424</f>
        <v>1.0145267603596393</v>
      </c>
      <c r="K3398" s="59">
        <f>Bühler!K3424</f>
        <v>1.5217901405394589</v>
      </c>
      <c r="L3398" s="59">
        <f>Bühler!L3424</f>
        <v>7.3045926745894025</v>
      </c>
      <c r="M3398" s="58">
        <f>Bühler!M3424</f>
        <v>0</v>
      </c>
      <c r="N3398" s="56">
        <f>IF(Input!$D$19=1,J3398*Input!$C$19,0)+IF(Input!$D$20=1,K3398*Input!$C$20,0)+IF(Input!$D$21=1,L3398*Input!$C$21,0)+IF(Input!$D$22=1,M3398*Input!$C$22,0)</f>
        <v>0.30435802810789175</v>
      </c>
      <c r="O3398" s="59">
        <f>IF(Input!$D$19=2,J3398*Input!$C$19,0)+IF(Input!$D$20=2,K3398*Input!$C$20,0)+IF(Input!$D$21=2,L3398*Input!$C$21,0)+IF(Input!$D$22=2,M3398*Input!$C$22,0)</f>
        <v>0.76089507026972947</v>
      </c>
      <c r="P3398" s="59">
        <f>IF(Input!$D$19=3,J3398*Input!$C$19,0)+IF(Input!$D$20=3,K3398*Input!$C$20,0)+IF(Input!$D$21=3,L3398*Input!$C$21,0)+IF(Input!$D$22=3,M3398*Input!$C$22,0)</f>
        <v>0</v>
      </c>
      <c r="Q3398" s="75">
        <f>IF(Input!$D$19=4,J3398*Input!$C$19,0)+IF(Input!$D$20=4,K3398*Input!$C$20,0)+IF(Input!$D$21=4,L3398*Input!$C$21,0)+IF(Input!$D$22=4,M3398*Input!$C$22,0)</f>
        <v>0</v>
      </c>
      <c r="R3398" s="58">
        <v>66.313702930186864</v>
      </c>
      <c r="S3398" s="124">
        <f t="shared" si="52"/>
        <v>1.318884788467531</v>
      </c>
    </row>
    <row r="3399" spans="8:19" x14ac:dyDescent="0.3">
      <c r="H3399" s="44">
        <v>3392</v>
      </c>
      <c r="I3399" s="56">
        <f>Bühler!I3425</f>
        <v>0.31485313252540531</v>
      </c>
      <c r="J3399" s="59">
        <f>Bühler!J3425</f>
        <v>1.0495104417513512</v>
      </c>
      <c r="K3399" s="59">
        <f>Bühler!K3425</f>
        <v>1.5742656626270266</v>
      </c>
      <c r="L3399" s="59">
        <f>Bühler!L3425</f>
        <v>7.5564751806097279</v>
      </c>
      <c r="M3399" s="58">
        <f>Bühler!M3425</f>
        <v>0</v>
      </c>
      <c r="N3399" s="56">
        <f>IF(Input!$D$19=1,J3399*Input!$C$19,0)+IF(Input!$D$20=1,K3399*Input!$C$20,0)+IF(Input!$D$21=1,L3399*Input!$C$21,0)+IF(Input!$D$22=1,M3399*Input!$C$22,0)</f>
        <v>0.31485313252540537</v>
      </c>
      <c r="O3399" s="59">
        <f>IF(Input!$D$19=2,J3399*Input!$C$19,0)+IF(Input!$D$20=2,K3399*Input!$C$20,0)+IF(Input!$D$21=2,L3399*Input!$C$21,0)+IF(Input!$D$22=2,M3399*Input!$C$22,0)</f>
        <v>0.7871328313135133</v>
      </c>
      <c r="P3399" s="59">
        <f>IF(Input!$D$19=3,J3399*Input!$C$19,0)+IF(Input!$D$20=3,K3399*Input!$C$20,0)+IF(Input!$D$21=3,L3399*Input!$C$21,0)+IF(Input!$D$22=3,M3399*Input!$C$22,0)</f>
        <v>0</v>
      </c>
      <c r="Q3399" s="75">
        <f>IF(Input!$D$19=4,J3399*Input!$C$19,0)+IF(Input!$D$20=4,K3399*Input!$C$20,0)+IF(Input!$D$21=4,L3399*Input!$C$21,0)+IF(Input!$D$22=4,M3399*Input!$C$22,0)</f>
        <v>0</v>
      </c>
      <c r="R3399" s="58">
        <v>68.316014236234295</v>
      </c>
      <c r="S3399" s="124">
        <f t="shared" si="52"/>
        <v>1.3643635742767566</v>
      </c>
    </row>
    <row r="3400" spans="8:19" x14ac:dyDescent="0.3">
      <c r="H3400" s="44">
        <v>3393</v>
      </c>
      <c r="I3400" s="56">
        <f>Bühler!I3426</f>
        <v>0.31485313252540531</v>
      </c>
      <c r="J3400" s="59">
        <f>Bühler!J3426</f>
        <v>1.0495104417513512</v>
      </c>
      <c r="K3400" s="59">
        <f>Bühler!K3426</f>
        <v>1.5742656626270266</v>
      </c>
      <c r="L3400" s="59">
        <f>Bühler!L3426</f>
        <v>7.5564751806097279</v>
      </c>
      <c r="M3400" s="58">
        <f>Bühler!M3426</f>
        <v>0</v>
      </c>
      <c r="N3400" s="56">
        <f>IF(Input!$D$19=1,J3400*Input!$C$19,0)+IF(Input!$D$20=1,K3400*Input!$C$20,0)+IF(Input!$D$21=1,L3400*Input!$C$21,0)+IF(Input!$D$22=1,M3400*Input!$C$22,0)</f>
        <v>0.31485313252540537</v>
      </c>
      <c r="O3400" s="59">
        <f>IF(Input!$D$19=2,J3400*Input!$C$19,0)+IF(Input!$D$20=2,K3400*Input!$C$20,0)+IF(Input!$D$21=2,L3400*Input!$C$21,0)+IF(Input!$D$22=2,M3400*Input!$C$22,0)</f>
        <v>0.7871328313135133</v>
      </c>
      <c r="P3400" s="59">
        <f>IF(Input!$D$19=3,J3400*Input!$C$19,0)+IF(Input!$D$20=3,K3400*Input!$C$20,0)+IF(Input!$D$21=3,L3400*Input!$C$21,0)+IF(Input!$D$22=3,M3400*Input!$C$22,0)</f>
        <v>0</v>
      </c>
      <c r="Q3400" s="75">
        <f>IF(Input!$D$19=4,J3400*Input!$C$19,0)+IF(Input!$D$20=4,K3400*Input!$C$20,0)+IF(Input!$D$21=4,L3400*Input!$C$21,0)+IF(Input!$D$22=4,M3400*Input!$C$22,0)</f>
        <v>0</v>
      </c>
      <c r="R3400" s="58">
        <v>69.556739598672138</v>
      </c>
      <c r="S3400" s="124">
        <f t="shared" si="52"/>
        <v>1.3643635742767566</v>
      </c>
    </row>
    <row r="3401" spans="8:19" x14ac:dyDescent="0.3">
      <c r="H3401" s="44">
        <v>3394</v>
      </c>
      <c r="I3401" s="56">
        <f>Bühler!I3427</f>
        <v>0.34109089356918904</v>
      </c>
      <c r="J3401" s="59">
        <f>Bühler!J3427</f>
        <v>1.1369696452306302</v>
      </c>
      <c r="K3401" s="59">
        <f>Bühler!K3427</f>
        <v>1.7054544678459453</v>
      </c>
      <c r="L3401" s="59">
        <f>Bühler!L3427</f>
        <v>8.1861814456605373</v>
      </c>
      <c r="M3401" s="58">
        <f>Bühler!M3427</f>
        <v>0</v>
      </c>
      <c r="N3401" s="56">
        <f>IF(Input!$D$19=1,J3401*Input!$C$19,0)+IF(Input!$D$20=1,K3401*Input!$C$20,0)+IF(Input!$D$21=1,L3401*Input!$C$21,0)+IF(Input!$D$22=1,M3401*Input!$C$22,0)</f>
        <v>0.34109089356918904</v>
      </c>
      <c r="O3401" s="59">
        <f>IF(Input!$D$19=2,J3401*Input!$C$19,0)+IF(Input!$D$20=2,K3401*Input!$C$20,0)+IF(Input!$D$21=2,L3401*Input!$C$21,0)+IF(Input!$D$22=2,M3401*Input!$C$22,0)</f>
        <v>0.85272723392297267</v>
      </c>
      <c r="P3401" s="59">
        <f>IF(Input!$D$19=3,J3401*Input!$C$19,0)+IF(Input!$D$20=3,K3401*Input!$C$20,0)+IF(Input!$D$21=3,L3401*Input!$C$21,0)+IF(Input!$D$22=3,M3401*Input!$C$22,0)</f>
        <v>0</v>
      </c>
      <c r="Q3401" s="75">
        <f>IF(Input!$D$19=4,J3401*Input!$C$19,0)+IF(Input!$D$20=4,K3401*Input!$C$20,0)+IF(Input!$D$21=4,L3401*Input!$C$21,0)+IF(Input!$D$22=4,M3401*Input!$C$22,0)</f>
        <v>0</v>
      </c>
      <c r="R3401" s="58">
        <v>69.940561275378428</v>
      </c>
      <c r="S3401" s="124">
        <f t="shared" ref="S3401:S3464" si="53">I3401+J3401</f>
        <v>1.4780605387998191</v>
      </c>
    </row>
    <row r="3402" spans="8:19" x14ac:dyDescent="0.3">
      <c r="H3402" s="44">
        <v>3395</v>
      </c>
      <c r="I3402" s="56">
        <f>Bühler!I3428</f>
        <v>0.35683355019545931</v>
      </c>
      <c r="J3402" s="59">
        <f>Bühler!J3428</f>
        <v>1.1894451673181978</v>
      </c>
      <c r="K3402" s="59">
        <f>Bühler!K3428</f>
        <v>1.7841677509772966</v>
      </c>
      <c r="L3402" s="59">
        <f>Bühler!L3428</f>
        <v>8.5640052046910231</v>
      </c>
      <c r="M3402" s="58">
        <f>Bühler!M3428</f>
        <v>0</v>
      </c>
      <c r="N3402" s="56">
        <f>IF(Input!$D$19=1,J3402*Input!$C$19,0)+IF(Input!$D$20=1,K3402*Input!$C$20,0)+IF(Input!$D$21=1,L3402*Input!$C$21,0)+IF(Input!$D$22=1,M3402*Input!$C$22,0)</f>
        <v>0.35683355019545931</v>
      </c>
      <c r="O3402" s="59">
        <f>IF(Input!$D$19=2,J3402*Input!$C$19,0)+IF(Input!$D$20=2,K3402*Input!$C$20,0)+IF(Input!$D$21=2,L3402*Input!$C$21,0)+IF(Input!$D$22=2,M3402*Input!$C$22,0)</f>
        <v>0.89208387548864831</v>
      </c>
      <c r="P3402" s="59">
        <f>IF(Input!$D$19=3,J3402*Input!$C$19,0)+IF(Input!$D$20=3,K3402*Input!$C$20,0)+IF(Input!$D$21=3,L3402*Input!$C$21,0)+IF(Input!$D$22=3,M3402*Input!$C$22,0)</f>
        <v>0</v>
      </c>
      <c r="Q3402" s="75">
        <f>IF(Input!$D$19=4,J3402*Input!$C$19,0)+IF(Input!$D$20=4,K3402*Input!$C$20,0)+IF(Input!$D$21=4,L3402*Input!$C$21,0)+IF(Input!$D$22=4,M3402*Input!$C$22,0)</f>
        <v>0</v>
      </c>
      <c r="R3402" s="58">
        <v>69.122699683219622</v>
      </c>
      <c r="S3402" s="124">
        <f t="shared" si="53"/>
        <v>1.5462787175136572</v>
      </c>
    </row>
    <row r="3403" spans="8:19" x14ac:dyDescent="0.3">
      <c r="H3403" s="44">
        <v>3396</v>
      </c>
      <c r="I3403" s="56">
        <f>Bühler!I3429</f>
        <v>0.41980417670054049</v>
      </c>
      <c r="J3403" s="59">
        <f>Bühler!J3429</f>
        <v>1.3993472556684683</v>
      </c>
      <c r="K3403" s="59">
        <f>Bühler!K3429</f>
        <v>2.0990208835027024</v>
      </c>
      <c r="L3403" s="59">
        <f>Bühler!L3429</f>
        <v>10.075300240812972</v>
      </c>
      <c r="M3403" s="58">
        <f>Bühler!M3429</f>
        <v>0</v>
      </c>
      <c r="N3403" s="56">
        <f>IF(Input!$D$19=1,J3403*Input!$C$19,0)+IF(Input!$D$20=1,K3403*Input!$C$20,0)+IF(Input!$D$21=1,L3403*Input!$C$21,0)+IF(Input!$D$22=1,M3403*Input!$C$22,0)</f>
        <v>0.41980417670054049</v>
      </c>
      <c r="O3403" s="59">
        <f>IF(Input!$D$19=2,J3403*Input!$C$19,0)+IF(Input!$D$20=2,K3403*Input!$C$20,0)+IF(Input!$D$21=2,L3403*Input!$C$21,0)+IF(Input!$D$22=2,M3403*Input!$C$22,0)</f>
        <v>1.0495104417513512</v>
      </c>
      <c r="P3403" s="59">
        <f>IF(Input!$D$19=3,J3403*Input!$C$19,0)+IF(Input!$D$20=3,K3403*Input!$C$20,0)+IF(Input!$D$21=3,L3403*Input!$C$21,0)+IF(Input!$D$22=3,M3403*Input!$C$22,0)</f>
        <v>0</v>
      </c>
      <c r="Q3403" s="75">
        <f>IF(Input!$D$19=4,J3403*Input!$C$19,0)+IF(Input!$D$20=4,K3403*Input!$C$20,0)+IF(Input!$D$21=4,L3403*Input!$C$21,0)+IF(Input!$D$22=4,M3403*Input!$C$22,0)</f>
        <v>0</v>
      </c>
      <c r="R3403" s="58">
        <v>69.567368559690081</v>
      </c>
      <c r="S3403" s="124">
        <f t="shared" si="53"/>
        <v>1.8191514323690088</v>
      </c>
    </row>
    <row r="3404" spans="8:19" x14ac:dyDescent="0.3">
      <c r="H3404" s="44">
        <v>3397</v>
      </c>
      <c r="I3404" s="56">
        <f>Bühler!I3430</f>
        <v>0.41980417670054049</v>
      </c>
      <c r="J3404" s="59">
        <f>Bühler!J3430</f>
        <v>1.3993472556684683</v>
      </c>
      <c r="K3404" s="59">
        <f>Bühler!K3430</f>
        <v>2.0990208835027024</v>
      </c>
      <c r="L3404" s="59">
        <f>Bühler!L3430</f>
        <v>10.075300240812972</v>
      </c>
      <c r="M3404" s="58">
        <f>Bühler!M3430</f>
        <v>0</v>
      </c>
      <c r="N3404" s="56">
        <f>IF(Input!$D$19=1,J3404*Input!$C$19,0)+IF(Input!$D$20=1,K3404*Input!$C$20,0)+IF(Input!$D$21=1,L3404*Input!$C$21,0)+IF(Input!$D$22=1,M3404*Input!$C$22,0)</f>
        <v>0.41980417670054049</v>
      </c>
      <c r="O3404" s="59">
        <f>IF(Input!$D$19=2,J3404*Input!$C$19,0)+IF(Input!$D$20=2,K3404*Input!$C$20,0)+IF(Input!$D$21=2,L3404*Input!$C$21,0)+IF(Input!$D$22=2,M3404*Input!$C$22,0)</f>
        <v>1.0495104417513512</v>
      </c>
      <c r="P3404" s="59">
        <f>IF(Input!$D$19=3,J3404*Input!$C$19,0)+IF(Input!$D$20=3,K3404*Input!$C$20,0)+IF(Input!$D$21=3,L3404*Input!$C$21,0)+IF(Input!$D$22=3,M3404*Input!$C$22,0)</f>
        <v>0</v>
      </c>
      <c r="Q3404" s="75">
        <f>IF(Input!$D$19=4,J3404*Input!$C$19,0)+IF(Input!$D$20=4,K3404*Input!$C$20,0)+IF(Input!$D$21=4,L3404*Input!$C$21,0)+IF(Input!$D$22=4,M3404*Input!$C$22,0)</f>
        <v>0</v>
      </c>
      <c r="R3404" s="58">
        <v>69.525062935697832</v>
      </c>
      <c r="S3404" s="124">
        <f t="shared" si="53"/>
        <v>1.8191514323690088</v>
      </c>
    </row>
    <row r="3405" spans="8:19" x14ac:dyDescent="0.3">
      <c r="H3405" s="44">
        <v>3398</v>
      </c>
      <c r="I3405" s="56">
        <f>Bühler!I3431</f>
        <v>0.41980417670054049</v>
      </c>
      <c r="J3405" s="59">
        <f>Bühler!J3431</f>
        <v>1.3993472556684683</v>
      </c>
      <c r="K3405" s="59">
        <f>Bühler!K3431</f>
        <v>2.0990208835027024</v>
      </c>
      <c r="L3405" s="59">
        <f>Bühler!L3431</f>
        <v>10.075300240812972</v>
      </c>
      <c r="M3405" s="58">
        <f>Bühler!M3431</f>
        <v>0</v>
      </c>
      <c r="N3405" s="56">
        <f>IF(Input!$D$19=1,J3405*Input!$C$19,0)+IF(Input!$D$20=1,K3405*Input!$C$20,0)+IF(Input!$D$21=1,L3405*Input!$C$21,0)+IF(Input!$D$22=1,M3405*Input!$C$22,0)</f>
        <v>0.41980417670054049</v>
      </c>
      <c r="O3405" s="59">
        <f>IF(Input!$D$19=2,J3405*Input!$C$19,0)+IF(Input!$D$20=2,K3405*Input!$C$20,0)+IF(Input!$D$21=2,L3405*Input!$C$21,0)+IF(Input!$D$22=2,M3405*Input!$C$22,0)</f>
        <v>1.0495104417513512</v>
      </c>
      <c r="P3405" s="59">
        <f>IF(Input!$D$19=3,J3405*Input!$C$19,0)+IF(Input!$D$20=3,K3405*Input!$C$20,0)+IF(Input!$D$21=3,L3405*Input!$C$21,0)+IF(Input!$D$22=3,M3405*Input!$C$22,0)</f>
        <v>0</v>
      </c>
      <c r="Q3405" s="75">
        <f>IF(Input!$D$19=4,J3405*Input!$C$19,0)+IF(Input!$D$20=4,K3405*Input!$C$20,0)+IF(Input!$D$21=4,L3405*Input!$C$21,0)+IF(Input!$D$22=4,M3405*Input!$C$22,0)</f>
        <v>0</v>
      </c>
      <c r="R3405" s="58">
        <v>68.838097824017495</v>
      </c>
      <c r="S3405" s="124">
        <f t="shared" si="53"/>
        <v>1.8191514323690088</v>
      </c>
    </row>
    <row r="3406" spans="8:19" x14ac:dyDescent="0.3">
      <c r="H3406" s="44">
        <v>3399</v>
      </c>
      <c r="I3406" s="56">
        <f>Bühler!I3432</f>
        <v>0.41980417670054049</v>
      </c>
      <c r="J3406" s="59">
        <f>Bühler!J3432</f>
        <v>1.3993472556684683</v>
      </c>
      <c r="K3406" s="59">
        <f>Bühler!K3432</f>
        <v>2.0990208835027024</v>
      </c>
      <c r="L3406" s="59">
        <f>Bühler!L3432</f>
        <v>10.075300240812972</v>
      </c>
      <c r="M3406" s="58">
        <f>Bühler!M3432</f>
        <v>0</v>
      </c>
      <c r="N3406" s="56">
        <f>IF(Input!$D$19=1,J3406*Input!$C$19,0)+IF(Input!$D$20=1,K3406*Input!$C$20,0)+IF(Input!$D$21=1,L3406*Input!$C$21,0)+IF(Input!$D$22=1,M3406*Input!$C$22,0)</f>
        <v>0.41980417670054049</v>
      </c>
      <c r="O3406" s="59">
        <f>IF(Input!$D$19=2,J3406*Input!$C$19,0)+IF(Input!$D$20=2,K3406*Input!$C$20,0)+IF(Input!$D$21=2,L3406*Input!$C$21,0)+IF(Input!$D$22=2,M3406*Input!$C$22,0)</f>
        <v>1.0495104417513512</v>
      </c>
      <c r="P3406" s="59">
        <f>IF(Input!$D$19=3,J3406*Input!$C$19,0)+IF(Input!$D$20=3,K3406*Input!$C$20,0)+IF(Input!$D$21=3,L3406*Input!$C$21,0)+IF(Input!$D$22=3,M3406*Input!$C$22,0)</f>
        <v>0</v>
      </c>
      <c r="Q3406" s="75">
        <f>IF(Input!$D$19=4,J3406*Input!$C$19,0)+IF(Input!$D$20=4,K3406*Input!$C$20,0)+IF(Input!$D$21=4,L3406*Input!$C$21,0)+IF(Input!$D$22=4,M3406*Input!$C$22,0)</f>
        <v>0</v>
      </c>
      <c r="R3406" s="58">
        <v>68.926679050156721</v>
      </c>
      <c r="S3406" s="124">
        <f t="shared" si="53"/>
        <v>1.8191514323690088</v>
      </c>
    </row>
    <row r="3407" spans="8:19" x14ac:dyDescent="0.3">
      <c r="H3407" s="44">
        <v>3400</v>
      </c>
      <c r="I3407" s="56">
        <f>Bühler!I3433</f>
        <v>0.41980417670054049</v>
      </c>
      <c r="J3407" s="59">
        <f>Bühler!J3433</f>
        <v>1.3993472556684683</v>
      </c>
      <c r="K3407" s="59">
        <f>Bühler!K3433</f>
        <v>2.0990208835027024</v>
      </c>
      <c r="L3407" s="59">
        <f>Bühler!L3433</f>
        <v>10.075300240812972</v>
      </c>
      <c r="M3407" s="58">
        <f>Bühler!M3433</f>
        <v>0</v>
      </c>
      <c r="N3407" s="56">
        <f>IF(Input!$D$19=1,J3407*Input!$C$19,0)+IF(Input!$D$20=1,K3407*Input!$C$20,0)+IF(Input!$D$21=1,L3407*Input!$C$21,0)+IF(Input!$D$22=1,M3407*Input!$C$22,0)</f>
        <v>0.41980417670054049</v>
      </c>
      <c r="O3407" s="59">
        <f>IF(Input!$D$19=2,J3407*Input!$C$19,0)+IF(Input!$D$20=2,K3407*Input!$C$20,0)+IF(Input!$D$21=2,L3407*Input!$C$21,0)+IF(Input!$D$22=2,M3407*Input!$C$22,0)</f>
        <v>1.0495104417513512</v>
      </c>
      <c r="P3407" s="59">
        <f>IF(Input!$D$19=3,J3407*Input!$C$19,0)+IF(Input!$D$20=3,K3407*Input!$C$20,0)+IF(Input!$D$21=3,L3407*Input!$C$21,0)+IF(Input!$D$22=3,M3407*Input!$C$22,0)</f>
        <v>0</v>
      </c>
      <c r="Q3407" s="75">
        <f>IF(Input!$D$19=4,J3407*Input!$C$19,0)+IF(Input!$D$20=4,K3407*Input!$C$20,0)+IF(Input!$D$21=4,L3407*Input!$C$21,0)+IF(Input!$D$22=4,M3407*Input!$C$22,0)</f>
        <v>0</v>
      </c>
      <c r="R3407" s="58">
        <v>68.47407408128386</v>
      </c>
      <c r="S3407" s="124">
        <f t="shared" si="53"/>
        <v>1.8191514323690088</v>
      </c>
    </row>
    <row r="3408" spans="8:19" x14ac:dyDescent="0.3">
      <c r="H3408" s="44">
        <v>3401</v>
      </c>
      <c r="I3408" s="56">
        <f>Bühler!I3434</f>
        <v>0.41980417670054049</v>
      </c>
      <c r="J3408" s="59">
        <f>Bühler!J3434</f>
        <v>1.3993472556684683</v>
      </c>
      <c r="K3408" s="59">
        <f>Bühler!K3434</f>
        <v>2.0990208835027024</v>
      </c>
      <c r="L3408" s="59">
        <f>Bühler!L3434</f>
        <v>10.075300240812972</v>
      </c>
      <c r="M3408" s="58">
        <f>Bühler!M3434</f>
        <v>0</v>
      </c>
      <c r="N3408" s="56">
        <f>IF(Input!$D$19=1,J3408*Input!$C$19,0)+IF(Input!$D$20=1,K3408*Input!$C$20,0)+IF(Input!$D$21=1,L3408*Input!$C$21,0)+IF(Input!$D$22=1,M3408*Input!$C$22,0)</f>
        <v>0.41980417670054049</v>
      </c>
      <c r="O3408" s="59">
        <f>IF(Input!$D$19=2,J3408*Input!$C$19,0)+IF(Input!$D$20=2,K3408*Input!$C$20,0)+IF(Input!$D$21=2,L3408*Input!$C$21,0)+IF(Input!$D$22=2,M3408*Input!$C$22,0)</f>
        <v>1.0495104417513512</v>
      </c>
      <c r="P3408" s="59">
        <f>IF(Input!$D$19=3,J3408*Input!$C$19,0)+IF(Input!$D$20=3,K3408*Input!$C$20,0)+IF(Input!$D$21=3,L3408*Input!$C$21,0)+IF(Input!$D$22=3,M3408*Input!$C$22,0)</f>
        <v>0</v>
      </c>
      <c r="Q3408" s="75">
        <f>IF(Input!$D$19=4,J3408*Input!$C$19,0)+IF(Input!$D$20=4,K3408*Input!$C$20,0)+IF(Input!$D$21=4,L3408*Input!$C$21,0)+IF(Input!$D$22=4,M3408*Input!$C$22,0)</f>
        <v>0</v>
      </c>
      <c r="R3408" s="58">
        <v>67.491205025394819</v>
      </c>
      <c r="S3408" s="124">
        <f t="shared" si="53"/>
        <v>1.8191514323690088</v>
      </c>
    </row>
    <row r="3409" spans="8:19" x14ac:dyDescent="0.3">
      <c r="H3409" s="44">
        <v>3402</v>
      </c>
      <c r="I3409" s="56">
        <f>Bühler!I3435</f>
        <v>0.41980417670054049</v>
      </c>
      <c r="J3409" s="59">
        <f>Bühler!J3435</f>
        <v>1.3993472556684683</v>
      </c>
      <c r="K3409" s="59">
        <f>Bühler!K3435</f>
        <v>2.0990208835027024</v>
      </c>
      <c r="L3409" s="59">
        <f>Bühler!L3435</f>
        <v>10.075300240812972</v>
      </c>
      <c r="M3409" s="58">
        <f>Bühler!M3435</f>
        <v>0</v>
      </c>
      <c r="N3409" s="56">
        <f>IF(Input!$D$19=1,J3409*Input!$C$19,0)+IF(Input!$D$20=1,K3409*Input!$C$20,0)+IF(Input!$D$21=1,L3409*Input!$C$21,0)+IF(Input!$D$22=1,M3409*Input!$C$22,0)</f>
        <v>0.41980417670054049</v>
      </c>
      <c r="O3409" s="59">
        <f>IF(Input!$D$19=2,J3409*Input!$C$19,0)+IF(Input!$D$20=2,K3409*Input!$C$20,0)+IF(Input!$D$21=2,L3409*Input!$C$21,0)+IF(Input!$D$22=2,M3409*Input!$C$22,0)</f>
        <v>1.0495104417513512</v>
      </c>
      <c r="P3409" s="59">
        <f>IF(Input!$D$19=3,J3409*Input!$C$19,0)+IF(Input!$D$20=3,K3409*Input!$C$20,0)+IF(Input!$D$21=3,L3409*Input!$C$21,0)+IF(Input!$D$22=3,M3409*Input!$C$22,0)</f>
        <v>0</v>
      </c>
      <c r="Q3409" s="75">
        <f>IF(Input!$D$19=4,J3409*Input!$C$19,0)+IF(Input!$D$20=4,K3409*Input!$C$20,0)+IF(Input!$D$21=4,L3409*Input!$C$21,0)+IF(Input!$D$22=4,M3409*Input!$C$22,0)</f>
        <v>0</v>
      </c>
      <c r="R3409" s="58">
        <v>65.587372000133186</v>
      </c>
      <c r="S3409" s="124">
        <f t="shared" si="53"/>
        <v>1.8191514323690088</v>
      </c>
    </row>
    <row r="3410" spans="8:19" x14ac:dyDescent="0.3">
      <c r="H3410" s="44">
        <v>3403</v>
      </c>
      <c r="I3410" s="56">
        <f>Bühler!I3436</f>
        <v>0.41980417670054049</v>
      </c>
      <c r="J3410" s="59">
        <f>Bühler!J3436</f>
        <v>1.3993472556684683</v>
      </c>
      <c r="K3410" s="59">
        <f>Bühler!K3436</f>
        <v>2.0990208835027024</v>
      </c>
      <c r="L3410" s="59">
        <f>Bühler!L3436</f>
        <v>10.075300240812972</v>
      </c>
      <c r="M3410" s="58">
        <f>Bühler!M3436</f>
        <v>0</v>
      </c>
      <c r="N3410" s="56">
        <f>IF(Input!$D$19=1,J3410*Input!$C$19,0)+IF(Input!$D$20=1,K3410*Input!$C$20,0)+IF(Input!$D$21=1,L3410*Input!$C$21,0)+IF(Input!$D$22=1,M3410*Input!$C$22,0)</f>
        <v>0.41980417670054049</v>
      </c>
      <c r="O3410" s="59">
        <f>IF(Input!$D$19=2,J3410*Input!$C$19,0)+IF(Input!$D$20=2,K3410*Input!$C$20,0)+IF(Input!$D$21=2,L3410*Input!$C$21,0)+IF(Input!$D$22=2,M3410*Input!$C$22,0)</f>
        <v>1.0495104417513512</v>
      </c>
      <c r="P3410" s="59">
        <f>IF(Input!$D$19=3,J3410*Input!$C$19,0)+IF(Input!$D$20=3,K3410*Input!$C$20,0)+IF(Input!$D$21=3,L3410*Input!$C$21,0)+IF(Input!$D$22=3,M3410*Input!$C$22,0)</f>
        <v>0</v>
      </c>
      <c r="Q3410" s="75">
        <f>IF(Input!$D$19=4,J3410*Input!$C$19,0)+IF(Input!$D$20=4,K3410*Input!$C$20,0)+IF(Input!$D$21=4,L3410*Input!$C$21,0)+IF(Input!$D$22=4,M3410*Input!$C$22,0)</f>
        <v>0</v>
      </c>
      <c r="R3410" s="58">
        <v>64.456932410374264</v>
      </c>
      <c r="S3410" s="124">
        <f t="shared" si="53"/>
        <v>1.8191514323690088</v>
      </c>
    </row>
    <row r="3411" spans="8:19" x14ac:dyDescent="0.3">
      <c r="H3411" s="44">
        <v>3404</v>
      </c>
      <c r="I3411" s="56">
        <f>Bühler!I3437</f>
        <v>0.35158599798670259</v>
      </c>
      <c r="J3411" s="59">
        <f>Bühler!J3437</f>
        <v>1.1719533266223421</v>
      </c>
      <c r="K3411" s="59">
        <f>Bühler!K3437</f>
        <v>1.757929989933513</v>
      </c>
      <c r="L3411" s="59">
        <f>Bühler!L3437</f>
        <v>8.4380639516808618</v>
      </c>
      <c r="M3411" s="58">
        <f>Bühler!M3437</f>
        <v>0</v>
      </c>
      <c r="N3411" s="56">
        <f>IF(Input!$D$19=1,J3411*Input!$C$19,0)+IF(Input!$D$20=1,K3411*Input!$C$20,0)+IF(Input!$D$21=1,L3411*Input!$C$21,0)+IF(Input!$D$22=1,M3411*Input!$C$22,0)</f>
        <v>0.35158599798670259</v>
      </c>
      <c r="O3411" s="59">
        <f>IF(Input!$D$19=2,J3411*Input!$C$19,0)+IF(Input!$D$20=2,K3411*Input!$C$20,0)+IF(Input!$D$21=2,L3411*Input!$C$21,0)+IF(Input!$D$22=2,M3411*Input!$C$22,0)</f>
        <v>0.87896499496675651</v>
      </c>
      <c r="P3411" s="59">
        <f>IF(Input!$D$19=3,J3411*Input!$C$19,0)+IF(Input!$D$20=3,K3411*Input!$C$20,0)+IF(Input!$D$21=3,L3411*Input!$C$21,0)+IF(Input!$D$22=3,M3411*Input!$C$22,0)</f>
        <v>0</v>
      </c>
      <c r="Q3411" s="75">
        <f>IF(Input!$D$19=4,J3411*Input!$C$19,0)+IF(Input!$D$20=4,K3411*Input!$C$20,0)+IF(Input!$D$21=4,L3411*Input!$C$21,0)+IF(Input!$D$22=4,M3411*Input!$C$22,0)</f>
        <v>0</v>
      </c>
      <c r="R3411" s="58">
        <v>62.921506779419254</v>
      </c>
      <c r="S3411" s="124">
        <f t="shared" si="53"/>
        <v>1.5235393246090447</v>
      </c>
    </row>
    <row r="3412" spans="8:19" x14ac:dyDescent="0.3">
      <c r="H3412" s="44">
        <v>3405</v>
      </c>
      <c r="I3412" s="56">
        <f>Bühler!I3438</f>
        <v>0.28861537148162153</v>
      </c>
      <c r="J3412" s="59">
        <f>Bühler!J3438</f>
        <v>0.96205123827207195</v>
      </c>
      <c r="K3412" s="59">
        <f>Bühler!K3438</f>
        <v>1.4430768574081079</v>
      </c>
      <c r="L3412" s="59">
        <f>Bühler!L3438</f>
        <v>6.9267689155589176</v>
      </c>
      <c r="M3412" s="58">
        <f>Bühler!M3438</f>
        <v>0</v>
      </c>
      <c r="N3412" s="56">
        <f>IF(Input!$D$19=1,J3412*Input!$C$19,0)+IF(Input!$D$20=1,K3412*Input!$C$20,0)+IF(Input!$D$21=1,L3412*Input!$C$21,0)+IF(Input!$D$22=1,M3412*Input!$C$22,0)</f>
        <v>0.28861537148162159</v>
      </c>
      <c r="O3412" s="59">
        <f>IF(Input!$D$19=2,J3412*Input!$C$19,0)+IF(Input!$D$20=2,K3412*Input!$C$20,0)+IF(Input!$D$21=2,L3412*Input!$C$21,0)+IF(Input!$D$22=2,M3412*Input!$C$22,0)</f>
        <v>0.72153842870405394</v>
      </c>
      <c r="P3412" s="59">
        <f>IF(Input!$D$19=3,J3412*Input!$C$19,0)+IF(Input!$D$20=3,K3412*Input!$C$20,0)+IF(Input!$D$21=3,L3412*Input!$C$21,0)+IF(Input!$D$22=3,M3412*Input!$C$22,0)</f>
        <v>0</v>
      </c>
      <c r="Q3412" s="75">
        <f>IF(Input!$D$19=4,J3412*Input!$C$19,0)+IF(Input!$D$20=4,K3412*Input!$C$20,0)+IF(Input!$D$21=4,L3412*Input!$C$21,0)+IF(Input!$D$22=4,M3412*Input!$C$22,0)</f>
        <v>0</v>
      </c>
      <c r="R3412" s="58">
        <v>61.410666365192768</v>
      </c>
      <c r="S3412" s="124">
        <f t="shared" si="53"/>
        <v>1.2506666097536936</v>
      </c>
    </row>
    <row r="3413" spans="8:19" x14ac:dyDescent="0.3">
      <c r="H3413" s="44">
        <v>3406</v>
      </c>
      <c r="I3413" s="56">
        <f>Bühler!I3439</f>
        <v>0.20990208835027024</v>
      </c>
      <c r="J3413" s="59">
        <f>Bühler!J3439</f>
        <v>0.69967362783423415</v>
      </c>
      <c r="K3413" s="59">
        <f>Bühler!K3439</f>
        <v>1.0495104417513512</v>
      </c>
      <c r="L3413" s="59">
        <f>Bühler!L3439</f>
        <v>5.0376501204064859</v>
      </c>
      <c r="M3413" s="58">
        <f>Bühler!M3439</f>
        <v>0</v>
      </c>
      <c r="N3413" s="56">
        <f>IF(Input!$D$19=1,J3413*Input!$C$19,0)+IF(Input!$D$20=1,K3413*Input!$C$20,0)+IF(Input!$D$21=1,L3413*Input!$C$21,0)+IF(Input!$D$22=1,M3413*Input!$C$22,0)</f>
        <v>0.20990208835027024</v>
      </c>
      <c r="O3413" s="59">
        <f>IF(Input!$D$19=2,J3413*Input!$C$19,0)+IF(Input!$D$20=2,K3413*Input!$C$20,0)+IF(Input!$D$21=2,L3413*Input!$C$21,0)+IF(Input!$D$22=2,M3413*Input!$C$22,0)</f>
        <v>0.52475522087567561</v>
      </c>
      <c r="P3413" s="59">
        <f>IF(Input!$D$19=3,J3413*Input!$C$19,0)+IF(Input!$D$20=3,K3413*Input!$C$20,0)+IF(Input!$D$21=3,L3413*Input!$C$21,0)+IF(Input!$D$22=3,M3413*Input!$C$22,0)</f>
        <v>0</v>
      </c>
      <c r="Q3413" s="75">
        <f>IF(Input!$D$19=4,J3413*Input!$C$19,0)+IF(Input!$D$20=4,K3413*Input!$C$20,0)+IF(Input!$D$21=4,L3413*Input!$C$21,0)+IF(Input!$D$22=4,M3413*Input!$C$22,0)</f>
        <v>0</v>
      </c>
      <c r="R3413" s="58">
        <v>59.795258289979131</v>
      </c>
      <c r="S3413" s="124">
        <f t="shared" si="53"/>
        <v>0.90957571618450439</v>
      </c>
    </row>
    <row r="3414" spans="8:19" x14ac:dyDescent="0.3">
      <c r="H3414" s="44">
        <v>3407</v>
      </c>
      <c r="I3414" s="56">
        <f>Bühler!I3440</f>
        <v>0.20990208835027024</v>
      </c>
      <c r="J3414" s="59">
        <f>Bühler!J3440</f>
        <v>0.69967362783423415</v>
      </c>
      <c r="K3414" s="59">
        <f>Bühler!K3440</f>
        <v>1.0495104417513512</v>
      </c>
      <c r="L3414" s="59">
        <f>Bühler!L3440</f>
        <v>5.0376501204064859</v>
      </c>
      <c r="M3414" s="58">
        <f>Bühler!M3440</f>
        <v>0</v>
      </c>
      <c r="N3414" s="56">
        <f>IF(Input!$D$19=1,J3414*Input!$C$19,0)+IF(Input!$D$20=1,K3414*Input!$C$20,0)+IF(Input!$D$21=1,L3414*Input!$C$21,0)+IF(Input!$D$22=1,M3414*Input!$C$22,0)</f>
        <v>0.20990208835027024</v>
      </c>
      <c r="O3414" s="59">
        <f>IF(Input!$D$19=2,J3414*Input!$C$19,0)+IF(Input!$D$20=2,K3414*Input!$C$20,0)+IF(Input!$D$21=2,L3414*Input!$C$21,0)+IF(Input!$D$22=2,M3414*Input!$C$22,0)</f>
        <v>0.52475522087567561</v>
      </c>
      <c r="P3414" s="59">
        <f>IF(Input!$D$19=3,J3414*Input!$C$19,0)+IF(Input!$D$20=3,K3414*Input!$C$20,0)+IF(Input!$D$21=3,L3414*Input!$C$21,0)+IF(Input!$D$22=3,M3414*Input!$C$22,0)</f>
        <v>0</v>
      </c>
      <c r="Q3414" s="75">
        <f>IF(Input!$D$19=4,J3414*Input!$C$19,0)+IF(Input!$D$20=4,K3414*Input!$C$20,0)+IF(Input!$D$21=4,L3414*Input!$C$21,0)+IF(Input!$D$22=4,M3414*Input!$C$22,0)</f>
        <v>0</v>
      </c>
      <c r="R3414" s="58">
        <v>58.628430071256766</v>
      </c>
      <c r="S3414" s="124">
        <f t="shared" si="53"/>
        <v>0.90957571618450439</v>
      </c>
    </row>
    <row r="3415" spans="8:19" x14ac:dyDescent="0.3">
      <c r="H3415" s="44">
        <v>3408</v>
      </c>
      <c r="I3415" s="56">
        <f>Bühler!I3441</f>
        <v>0.20990208835027024</v>
      </c>
      <c r="J3415" s="59">
        <f>Bühler!J3441</f>
        <v>0.69967362783423415</v>
      </c>
      <c r="K3415" s="59">
        <f>Bühler!K3441</f>
        <v>1.0495104417513512</v>
      </c>
      <c r="L3415" s="59">
        <f>Bühler!L3441</f>
        <v>5.0376501204064859</v>
      </c>
      <c r="M3415" s="58">
        <f>Bühler!M3441</f>
        <v>0</v>
      </c>
      <c r="N3415" s="56">
        <f>IF(Input!$D$19=1,J3415*Input!$C$19,0)+IF(Input!$D$20=1,K3415*Input!$C$20,0)+IF(Input!$D$21=1,L3415*Input!$C$21,0)+IF(Input!$D$22=1,M3415*Input!$C$22,0)</f>
        <v>0.20990208835027024</v>
      </c>
      <c r="O3415" s="59">
        <f>IF(Input!$D$19=2,J3415*Input!$C$19,0)+IF(Input!$D$20=2,K3415*Input!$C$20,0)+IF(Input!$D$21=2,L3415*Input!$C$21,0)+IF(Input!$D$22=2,M3415*Input!$C$22,0)</f>
        <v>0.52475522087567561</v>
      </c>
      <c r="P3415" s="59">
        <f>IF(Input!$D$19=3,J3415*Input!$C$19,0)+IF(Input!$D$20=3,K3415*Input!$C$20,0)+IF(Input!$D$21=3,L3415*Input!$C$21,0)+IF(Input!$D$22=3,M3415*Input!$C$22,0)</f>
        <v>0</v>
      </c>
      <c r="Q3415" s="75">
        <f>IF(Input!$D$19=4,J3415*Input!$C$19,0)+IF(Input!$D$20=4,K3415*Input!$C$20,0)+IF(Input!$D$21=4,L3415*Input!$C$21,0)+IF(Input!$D$22=4,M3415*Input!$C$22,0)</f>
        <v>0</v>
      </c>
      <c r="R3415" s="58">
        <v>57.948796811449675</v>
      </c>
      <c r="S3415" s="124">
        <f t="shared" si="53"/>
        <v>0.90957571618450439</v>
      </c>
    </row>
    <row r="3416" spans="8:19" x14ac:dyDescent="0.3">
      <c r="H3416" s="44">
        <v>3409</v>
      </c>
      <c r="I3416" s="56">
        <f>Bühler!I3442</f>
        <v>0.193273754828101</v>
      </c>
      <c r="J3416" s="59">
        <f>Bühler!J3442</f>
        <v>0.64424584942700336</v>
      </c>
      <c r="K3416" s="59">
        <f>Bühler!K3442</f>
        <v>0.96636877414050493</v>
      </c>
      <c r="L3416" s="59">
        <f>Bühler!L3442</f>
        <v>4.6385701158744235</v>
      </c>
      <c r="M3416" s="58">
        <f>Bühler!M3442</f>
        <v>0</v>
      </c>
      <c r="N3416" s="56">
        <f>IF(Input!$D$19=1,J3416*Input!$C$19,0)+IF(Input!$D$20=1,K3416*Input!$C$20,0)+IF(Input!$D$21=1,L3416*Input!$C$21,0)+IF(Input!$D$22=1,M3416*Input!$C$22,0)</f>
        <v>0.193273754828101</v>
      </c>
      <c r="O3416" s="59">
        <f>IF(Input!$D$19=2,J3416*Input!$C$19,0)+IF(Input!$D$20=2,K3416*Input!$C$20,0)+IF(Input!$D$21=2,L3416*Input!$C$21,0)+IF(Input!$D$22=2,M3416*Input!$C$22,0)</f>
        <v>0.48318438707025246</v>
      </c>
      <c r="P3416" s="59">
        <f>IF(Input!$D$19=3,J3416*Input!$C$19,0)+IF(Input!$D$20=3,K3416*Input!$C$20,0)+IF(Input!$D$21=3,L3416*Input!$C$21,0)+IF(Input!$D$22=3,M3416*Input!$C$22,0)</f>
        <v>0</v>
      </c>
      <c r="Q3416" s="75">
        <f>IF(Input!$D$19=4,J3416*Input!$C$19,0)+IF(Input!$D$20=4,K3416*Input!$C$20,0)+IF(Input!$D$21=4,L3416*Input!$C$21,0)+IF(Input!$D$22=4,M3416*Input!$C$22,0)</f>
        <v>0</v>
      </c>
      <c r="R3416" s="58">
        <v>56.721349010431226</v>
      </c>
      <c r="S3416" s="124">
        <f t="shared" si="53"/>
        <v>0.8375196042551043</v>
      </c>
    </row>
    <row r="3417" spans="8:19" x14ac:dyDescent="0.3">
      <c r="H3417" s="44">
        <v>3410</v>
      </c>
      <c r="I3417" s="56">
        <f>Bühler!I3443</f>
        <v>0.21743297418161359</v>
      </c>
      <c r="J3417" s="59">
        <f>Bühler!J3443</f>
        <v>0.72477658060537875</v>
      </c>
      <c r="K3417" s="59">
        <f>Bühler!K3443</f>
        <v>1.0871648709080679</v>
      </c>
      <c r="L3417" s="59">
        <f>Bühler!L3443</f>
        <v>5.2183913803587263</v>
      </c>
      <c r="M3417" s="58">
        <f>Bühler!M3443</f>
        <v>0</v>
      </c>
      <c r="N3417" s="56">
        <f>IF(Input!$D$19=1,J3417*Input!$C$19,0)+IF(Input!$D$20=1,K3417*Input!$C$20,0)+IF(Input!$D$21=1,L3417*Input!$C$21,0)+IF(Input!$D$22=1,M3417*Input!$C$22,0)</f>
        <v>0.21743297418161361</v>
      </c>
      <c r="O3417" s="59">
        <f>IF(Input!$D$19=2,J3417*Input!$C$19,0)+IF(Input!$D$20=2,K3417*Input!$C$20,0)+IF(Input!$D$21=2,L3417*Input!$C$21,0)+IF(Input!$D$22=2,M3417*Input!$C$22,0)</f>
        <v>0.54358243545403395</v>
      </c>
      <c r="P3417" s="59">
        <f>IF(Input!$D$19=3,J3417*Input!$C$19,0)+IF(Input!$D$20=3,K3417*Input!$C$20,0)+IF(Input!$D$21=3,L3417*Input!$C$21,0)+IF(Input!$D$22=3,M3417*Input!$C$22,0)</f>
        <v>0</v>
      </c>
      <c r="Q3417" s="75">
        <f>IF(Input!$D$19=4,J3417*Input!$C$19,0)+IF(Input!$D$20=4,K3417*Input!$C$20,0)+IF(Input!$D$21=4,L3417*Input!$C$21,0)+IF(Input!$D$22=4,M3417*Input!$C$22,0)</f>
        <v>0</v>
      </c>
      <c r="R3417" s="58">
        <v>56.645535721870452</v>
      </c>
      <c r="S3417" s="124">
        <f t="shared" si="53"/>
        <v>0.94220955478699231</v>
      </c>
    </row>
    <row r="3418" spans="8:19" x14ac:dyDescent="0.3">
      <c r="H3418" s="44">
        <v>3411</v>
      </c>
      <c r="I3418" s="56">
        <f>Bühler!I3444</f>
        <v>0.21743297418161359</v>
      </c>
      <c r="J3418" s="59">
        <f>Bühler!J3444</f>
        <v>0.72477658060537875</v>
      </c>
      <c r="K3418" s="59">
        <f>Bühler!K3444</f>
        <v>1.0871648709080679</v>
      </c>
      <c r="L3418" s="59">
        <f>Bühler!L3444</f>
        <v>5.2183913803587263</v>
      </c>
      <c r="M3418" s="58">
        <f>Bühler!M3444</f>
        <v>0</v>
      </c>
      <c r="N3418" s="56">
        <f>IF(Input!$D$19=1,J3418*Input!$C$19,0)+IF(Input!$D$20=1,K3418*Input!$C$20,0)+IF(Input!$D$21=1,L3418*Input!$C$21,0)+IF(Input!$D$22=1,M3418*Input!$C$22,0)</f>
        <v>0.21743297418161361</v>
      </c>
      <c r="O3418" s="59">
        <f>IF(Input!$D$19=2,J3418*Input!$C$19,0)+IF(Input!$D$20=2,K3418*Input!$C$20,0)+IF(Input!$D$21=2,L3418*Input!$C$21,0)+IF(Input!$D$22=2,M3418*Input!$C$22,0)</f>
        <v>0.54358243545403395</v>
      </c>
      <c r="P3418" s="59">
        <f>IF(Input!$D$19=3,J3418*Input!$C$19,0)+IF(Input!$D$20=3,K3418*Input!$C$20,0)+IF(Input!$D$21=3,L3418*Input!$C$21,0)+IF(Input!$D$22=3,M3418*Input!$C$22,0)</f>
        <v>0</v>
      </c>
      <c r="Q3418" s="75">
        <f>IF(Input!$D$19=4,J3418*Input!$C$19,0)+IF(Input!$D$20=4,K3418*Input!$C$20,0)+IF(Input!$D$21=4,L3418*Input!$C$21,0)+IF(Input!$D$22=4,M3418*Input!$C$22,0)</f>
        <v>0</v>
      </c>
      <c r="R3418" s="58">
        <v>56.487795168915959</v>
      </c>
      <c r="S3418" s="124">
        <f t="shared" si="53"/>
        <v>0.94220955478699231</v>
      </c>
    </row>
    <row r="3419" spans="8:19" x14ac:dyDescent="0.3">
      <c r="H3419" s="44">
        <v>3412</v>
      </c>
      <c r="I3419" s="56">
        <f>Bühler!I3445</f>
        <v>0.21743297418161359</v>
      </c>
      <c r="J3419" s="59">
        <f>Bühler!J3445</f>
        <v>0.72477658060537875</v>
      </c>
      <c r="K3419" s="59">
        <f>Bühler!K3445</f>
        <v>1.0871648709080679</v>
      </c>
      <c r="L3419" s="59">
        <f>Bühler!L3445</f>
        <v>5.2183913803587263</v>
      </c>
      <c r="M3419" s="58">
        <f>Bühler!M3445</f>
        <v>0</v>
      </c>
      <c r="N3419" s="56">
        <f>IF(Input!$D$19=1,J3419*Input!$C$19,0)+IF(Input!$D$20=1,K3419*Input!$C$20,0)+IF(Input!$D$21=1,L3419*Input!$C$21,0)+IF(Input!$D$22=1,M3419*Input!$C$22,0)</f>
        <v>0.21743297418161361</v>
      </c>
      <c r="O3419" s="59">
        <f>IF(Input!$D$19=2,J3419*Input!$C$19,0)+IF(Input!$D$20=2,K3419*Input!$C$20,0)+IF(Input!$D$21=2,L3419*Input!$C$21,0)+IF(Input!$D$22=2,M3419*Input!$C$22,0)</f>
        <v>0.54358243545403395</v>
      </c>
      <c r="P3419" s="59">
        <f>IF(Input!$D$19=3,J3419*Input!$C$19,0)+IF(Input!$D$20=3,K3419*Input!$C$20,0)+IF(Input!$D$21=3,L3419*Input!$C$21,0)+IF(Input!$D$22=3,M3419*Input!$C$22,0)</f>
        <v>0</v>
      </c>
      <c r="Q3419" s="75">
        <f>IF(Input!$D$19=4,J3419*Input!$C$19,0)+IF(Input!$D$20=4,K3419*Input!$C$20,0)+IF(Input!$D$21=4,L3419*Input!$C$21,0)+IF(Input!$D$22=4,M3419*Input!$C$22,0)</f>
        <v>0</v>
      </c>
      <c r="R3419" s="58">
        <v>56.926487797245066</v>
      </c>
      <c r="S3419" s="124">
        <f t="shared" si="53"/>
        <v>0.94220955478699231</v>
      </c>
    </row>
    <row r="3420" spans="8:19" x14ac:dyDescent="0.3">
      <c r="H3420" s="44">
        <v>3413</v>
      </c>
      <c r="I3420" s="56">
        <f>Bühler!I3446</f>
        <v>0.21743297418161359</v>
      </c>
      <c r="J3420" s="59">
        <f>Bühler!J3446</f>
        <v>0.72477658060537875</v>
      </c>
      <c r="K3420" s="59">
        <f>Bühler!K3446</f>
        <v>1.0871648709080679</v>
      </c>
      <c r="L3420" s="59">
        <f>Bühler!L3446</f>
        <v>5.2183913803587263</v>
      </c>
      <c r="M3420" s="58">
        <f>Bühler!M3446</f>
        <v>0</v>
      </c>
      <c r="N3420" s="56">
        <f>IF(Input!$D$19=1,J3420*Input!$C$19,0)+IF(Input!$D$20=1,K3420*Input!$C$20,0)+IF(Input!$D$21=1,L3420*Input!$C$21,0)+IF(Input!$D$22=1,M3420*Input!$C$22,0)</f>
        <v>0.21743297418161361</v>
      </c>
      <c r="O3420" s="59">
        <f>IF(Input!$D$19=2,J3420*Input!$C$19,0)+IF(Input!$D$20=2,K3420*Input!$C$20,0)+IF(Input!$D$21=2,L3420*Input!$C$21,0)+IF(Input!$D$22=2,M3420*Input!$C$22,0)</f>
        <v>0.54358243545403395</v>
      </c>
      <c r="P3420" s="59">
        <f>IF(Input!$D$19=3,J3420*Input!$C$19,0)+IF(Input!$D$20=3,K3420*Input!$C$20,0)+IF(Input!$D$21=3,L3420*Input!$C$21,0)+IF(Input!$D$22=3,M3420*Input!$C$22,0)</f>
        <v>0</v>
      </c>
      <c r="Q3420" s="75">
        <f>IF(Input!$D$19=4,J3420*Input!$C$19,0)+IF(Input!$D$20=4,K3420*Input!$C$20,0)+IF(Input!$D$21=4,L3420*Input!$C$21,0)+IF(Input!$D$22=4,M3420*Input!$C$22,0)</f>
        <v>0</v>
      </c>
      <c r="R3420" s="58">
        <v>58.687837524338782</v>
      </c>
      <c r="S3420" s="124">
        <f t="shared" si="53"/>
        <v>0.94220955478699231</v>
      </c>
    </row>
    <row r="3421" spans="8:19" x14ac:dyDescent="0.3">
      <c r="H3421" s="44">
        <v>3414</v>
      </c>
      <c r="I3421" s="56">
        <f>Bühler!I3447</f>
        <v>0.28024694450074639</v>
      </c>
      <c r="J3421" s="59">
        <f>Bühler!J3447</f>
        <v>0.93415648166915466</v>
      </c>
      <c r="K3421" s="59">
        <f>Bühler!K3447</f>
        <v>1.4012347225037318</v>
      </c>
      <c r="L3421" s="59">
        <f>Bühler!L3447</f>
        <v>6.7259266680179133</v>
      </c>
      <c r="M3421" s="58">
        <f>Bühler!M3447</f>
        <v>0</v>
      </c>
      <c r="N3421" s="56">
        <f>IF(Input!$D$19=1,J3421*Input!$C$19,0)+IF(Input!$D$20=1,K3421*Input!$C$20,0)+IF(Input!$D$21=1,L3421*Input!$C$21,0)+IF(Input!$D$22=1,M3421*Input!$C$22,0)</f>
        <v>0.28024694450074639</v>
      </c>
      <c r="O3421" s="59">
        <f>IF(Input!$D$19=2,J3421*Input!$C$19,0)+IF(Input!$D$20=2,K3421*Input!$C$20,0)+IF(Input!$D$21=2,L3421*Input!$C$21,0)+IF(Input!$D$22=2,M3421*Input!$C$22,0)</f>
        <v>0.70061736125186591</v>
      </c>
      <c r="P3421" s="59">
        <f>IF(Input!$D$19=3,J3421*Input!$C$19,0)+IF(Input!$D$20=3,K3421*Input!$C$20,0)+IF(Input!$D$21=3,L3421*Input!$C$21,0)+IF(Input!$D$22=3,M3421*Input!$C$22,0)</f>
        <v>0</v>
      </c>
      <c r="Q3421" s="75">
        <f>IF(Input!$D$19=4,J3421*Input!$C$19,0)+IF(Input!$D$20=4,K3421*Input!$C$20,0)+IF(Input!$D$21=4,L3421*Input!$C$21,0)+IF(Input!$D$22=4,M3421*Input!$C$22,0)</f>
        <v>0</v>
      </c>
      <c r="R3421" s="58">
        <v>61.626027559394331</v>
      </c>
      <c r="S3421" s="124">
        <f t="shared" si="53"/>
        <v>1.214403426169901</v>
      </c>
    </row>
    <row r="3422" spans="8:19" x14ac:dyDescent="0.3">
      <c r="H3422" s="44">
        <v>3415</v>
      </c>
      <c r="I3422" s="56">
        <f>Bühler!I3448</f>
        <v>0.32373353933706916</v>
      </c>
      <c r="J3422" s="59">
        <f>Bühler!J3448</f>
        <v>1.0791117977902307</v>
      </c>
      <c r="K3422" s="59">
        <f>Bühler!K3448</f>
        <v>1.6186676966853459</v>
      </c>
      <c r="L3422" s="59">
        <f>Bühler!L3448</f>
        <v>7.7696049440896608</v>
      </c>
      <c r="M3422" s="58">
        <f>Bühler!M3448</f>
        <v>0</v>
      </c>
      <c r="N3422" s="56">
        <f>IF(Input!$D$19=1,J3422*Input!$C$19,0)+IF(Input!$D$20=1,K3422*Input!$C$20,0)+IF(Input!$D$21=1,L3422*Input!$C$21,0)+IF(Input!$D$22=1,M3422*Input!$C$22,0)</f>
        <v>0.32373353933706922</v>
      </c>
      <c r="O3422" s="59">
        <f>IF(Input!$D$19=2,J3422*Input!$C$19,0)+IF(Input!$D$20=2,K3422*Input!$C$20,0)+IF(Input!$D$21=2,L3422*Input!$C$21,0)+IF(Input!$D$22=2,M3422*Input!$C$22,0)</f>
        <v>0.80933384834267297</v>
      </c>
      <c r="P3422" s="59">
        <f>IF(Input!$D$19=3,J3422*Input!$C$19,0)+IF(Input!$D$20=3,K3422*Input!$C$20,0)+IF(Input!$D$21=3,L3422*Input!$C$21,0)+IF(Input!$D$22=3,M3422*Input!$C$22,0)</f>
        <v>0</v>
      </c>
      <c r="Q3422" s="75">
        <f>IF(Input!$D$19=4,J3422*Input!$C$19,0)+IF(Input!$D$20=4,K3422*Input!$C$20,0)+IF(Input!$D$21=4,L3422*Input!$C$21,0)+IF(Input!$D$22=4,M3422*Input!$C$22,0)</f>
        <v>0</v>
      </c>
      <c r="R3422" s="58">
        <v>64.246700033006277</v>
      </c>
      <c r="S3422" s="124">
        <f t="shared" si="53"/>
        <v>1.4028453371273</v>
      </c>
    </row>
    <row r="3423" spans="8:19" x14ac:dyDescent="0.3">
      <c r="H3423" s="44">
        <v>3416</v>
      </c>
      <c r="I3423" s="56">
        <f>Bühler!I3449</f>
        <v>0.32373353933706916</v>
      </c>
      <c r="J3423" s="59">
        <f>Bühler!J3449</f>
        <v>1.0791117977902307</v>
      </c>
      <c r="K3423" s="59">
        <f>Bühler!K3449</f>
        <v>1.6186676966853459</v>
      </c>
      <c r="L3423" s="59">
        <f>Bühler!L3449</f>
        <v>7.7696049440896608</v>
      </c>
      <c r="M3423" s="58">
        <f>Bühler!M3449</f>
        <v>0</v>
      </c>
      <c r="N3423" s="56">
        <f>IF(Input!$D$19=1,J3423*Input!$C$19,0)+IF(Input!$D$20=1,K3423*Input!$C$20,0)+IF(Input!$D$21=1,L3423*Input!$C$21,0)+IF(Input!$D$22=1,M3423*Input!$C$22,0)</f>
        <v>0.32373353933706922</v>
      </c>
      <c r="O3423" s="59">
        <f>IF(Input!$D$19=2,J3423*Input!$C$19,0)+IF(Input!$D$20=2,K3423*Input!$C$20,0)+IF(Input!$D$21=2,L3423*Input!$C$21,0)+IF(Input!$D$22=2,M3423*Input!$C$22,0)</f>
        <v>0.80933384834267297</v>
      </c>
      <c r="P3423" s="59">
        <f>IF(Input!$D$19=3,J3423*Input!$C$19,0)+IF(Input!$D$20=3,K3423*Input!$C$20,0)+IF(Input!$D$21=3,L3423*Input!$C$21,0)+IF(Input!$D$22=3,M3423*Input!$C$22,0)</f>
        <v>0</v>
      </c>
      <c r="Q3423" s="75">
        <f>IF(Input!$D$19=4,J3423*Input!$C$19,0)+IF(Input!$D$20=4,K3423*Input!$C$20,0)+IF(Input!$D$21=4,L3423*Input!$C$21,0)+IF(Input!$D$22=4,M3423*Input!$C$22,0)</f>
        <v>0</v>
      </c>
      <c r="R3423" s="58">
        <v>66.462922214766508</v>
      </c>
      <c r="S3423" s="124">
        <f t="shared" si="53"/>
        <v>1.4028453371273</v>
      </c>
    </row>
    <row r="3424" spans="8:19" x14ac:dyDescent="0.3">
      <c r="H3424" s="44">
        <v>3417</v>
      </c>
      <c r="I3424" s="56">
        <f>Bühler!I3450</f>
        <v>0.32373353933706916</v>
      </c>
      <c r="J3424" s="59">
        <f>Bühler!J3450</f>
        <v>1.0791117977902307</v>
      </c>
      <c r="K3424" s="59">
        <f>Bühler!K3450</f>
        <v>1.6186676966853459</v>
      </c>
      <c r="L3424" s="59">
        <f>Bühler!L3450</f>
        <v>7.7696049440896608</v>
      </c>
      <c r="M3424" s="58">
        <f>Bühler!M3450</f>
        <v>0</v>
      </c>
      <c r="N3424" s="56">
        <f>IF(Input!$D$19=1,J3424*Input!$C$19,0)+IF(Input!$D$20=1,K3424*Input!$C$20,0)+IF(Input!$D$21=1,L3424*Input!$C$21,0)+IF(Input!$D$22=1,M3424*Input!$C$22,0)</f>
        <v>0.32373353933706922</v>
      </c>
      <c r="O3424" s="59">
        <f>IF(Input!$D$19=2,J3424*Input!$C$19,0)+IF(Input!$D$20=2,K3424*Input!$C$20,0)+IF(Input!$D$21=2,L3424*Input!$C$21,0)+IF(Input!$D$22=2,M3424*Input!$C$22,0)</f>
        <v>0.80933384834267297</v>
      </c>
      <c r="P3424" s="59">
        <f>IF(Input!$D$19=3,J3424*Input!$C$19,0)+IF(Input!$D$20=3,K3424*Input!$C$20,0)+IF(Input!$D$21=3,L3424*Input!$C$21,0)+IF(Input!$D$22=3,M3424*Input!$C$22,0)</f>
        <v>0</v>
      </c>
      <c r="Q3424" s="75">
        <f>IF(Input!$D$19=4,J3424*Input!$C$19,0)+IF(Input!$D$20=4,K3424*Input!$C$20,0)+IF(Input!$D$21=4,L3424*Input!$C$21,0)+IF(Input!$D$22=4,M3424*Input!$C$22,0)</f>
        <v>0</v>
      </c>
      <c r="R3424" s="58">
        <v>67.159382279782449</v>
      </c>
      <c r="S3424" s="124">
        <f t="shared" si="53"/>
        <v>1.4028453371273</v>
      </c>
    </row>
    <row r="3425" spans="8:19" x14ac:dyDescent="0.3">
      <c r="H3425" s="44">
        <v>3418</v>
      </c>
      <c r="I3425" s="56">
        <f>Bühler!I3451</f>
        <v>0.34789275869058173</v>
      </c>
      <c r="J3425" s="59">
        <f>Bühler!J3451</f>
        <v>1.1596425289686059</v>
      </c>
      <c r="K3425" s="59">
        <f>Bühler!K3451</f>
        <v>1.7394637934529087</v>
      </c>
      <c r="L3425" s="59">
        <f>Bühler!L3451</f>
        <v>8.349426208573961</v>
      </c>
      <c r="M3425" s="58">
        <f>Bühler!M3451</f>
        <v>0</v>
      </c>
      <c r="N3425" s="56">
        <f>IF(Input!$D$19=1,J3425*Input!$C$19,0)+IF(Input!$D$20=1,K3425*Input!$C$20,0)+IF(Input!$D$21=1,L3425*Input!$C$21,0)+IF(Input!$D$22=1,M3425*Input!$C$22,0)</f>
        <v>0.34789275869058173</v>
      </c>
      <c r="O3425" s="59">
        <f>IF(Input!$D$19=2,J3425*Input!$C$19,0)+IF(Input!$D$20=2,K3425*Input!$C$20,0)+IF(Input!$D$21=2,L3425*Input!$C$21,0)+IF(Input!$D$22=2,M3425*Input!$C$22,0)</f>
        <v>0.86973189672645435</v>
      </c>
      <c r="P3425" s="59">
        <f>IF(Input!$D$19=3,J3425*Input!$C$19,0)+IF(Input!$D$20=3,K3425*Input!$C$20,0)+IF(Input!$D$21=3,L3425*Input!$C$21,0)+IF(Input!$D$22=3,M3425*Input!$C$22,0)</f>
        <v>0</v>
      </c>
      <c r="Q3425" s="75">
        <f>IF(Input!$D$19=4,J3425*Input!$C$19,0)+IF(Input!$D$20=4,K3425*Input!$C$20,0)+IF(Input!$D$21=4,L3425*Input!$C$21,0)+IF(Input!$D$22=4,M3425*Input!$C$22,0)</f>
        <v>0</v>
      </c>
      <c r="R3425" s="58">
        <v>66.793610050464423</v>
      </c>
      <c r="S3425" s="124">
        <f t="shared" si="53"/>
        <v>1.5075352876591877</v>
      </c>
    </row>
    <row r="3426" spans="8:19" x14ac:dyDescent="0.3">
      <c r="H3426" s="44">
        <v>3419</v>
      </c>
      <c r="I3426" s="56">
        <f>Bühler!I3452</f>
        <v>0.37688382191479697</v>
      </c>
      <c r="J3426" s="59">
        <f>Bühler!J3452</f>
        <v>1.2562794063826566</v>
      </c>
      <c r="K3426" s="59">
        <f>Bühler!K3452</f>
        <v>1.8844191095739848</v>
      </c>
      <c r="L3426" s="59">
        <f>Bühler!L3452</f>
        <v>9.0452117259551272</v>
      </c>
      <c r="M3426" s="58">
        <f>Bühler!M3452</f>
        <v>0</v>
      </c>
      <c r="N3426" s="56">
        <f>IF(Input!$D$19=1,J3426*Input!$C$19,0)+IF(Input!$D$20=1,K3426*Input!$C$20,0)+IF(Input!$D$21=1,L3426*Input!$C$21,0)+IF(Input!$D$22=1,M3426*Input!$C$22,0)</f>
        <v>0.37688382191479697</v>
      </c>
      <c r="O3426" s="59">
        <f>IF(Input!$D$19=2,J3426*Input!$C$19,0)+IF(Input!$D$20=2,K3426*Input!$C$20,0)+IF(Input!$D$21=2,L3426*Input!$C$21,0)+IF(Input!$D$22=2,M3426*Input!$C$22,0)</f>
        <v>0.94220955478699242</v>
      </c>
      <c r="P3426" s="59">
        <f>IF(Input!$D$19=3,J3426*Input!$C$19,0)+IF(Input!$D$20=3,K3426*Input!$C$20,0)+IF(Input!$D$21=3,L3426*Input!$C$21,0)+IF(Input!$D$22=3,M3426*Input!$C$22,0)</f>
        <v>0</v>
      </c>
      <c r="Q3426" s="75">
        <f>IF(Input!$D$19=4,J3426*Input!$C$19,0)+IF(Input!$D$20=4,K3426*Input!$C$20,0)+IF(Input!$D$21=4,L3426*Input!$C$21,0)+IF(Input!$D$22=4,M3426*Input!$C$22,0)</f>
        <v>0</v>
      </c>
      <c r="R3426" s="58">
        <v>66.715935417851654</v>
      </c>
      <c r="S3426" s="124">
        <f t="shared" si="53"/>
        <v>1.6331632282974535</v>
      </c>
    </row>
    <row r="3427" spans="8:19" x14ac:dyDescent="0.3">
      <c r="H3427" s="44">
        <v>3420</v>
      </c>
      <c r="I3427" s="56">
        <f>Bühler!I3453</f>
        <v>0.43486594836322717</v>
      </c>
      <c r="J3427" s="59">
        <f>Bühler!J3453</f>
        <v>1.4495531612107575</v>
      </c>
      <c r="K3427" s="59">
        <f>Bühler!K3453</f>
        <v>2.1743297418161358</v>
      </c>
      <c r="L3427" s="59">
        <f>Bühler!L3453</f>
        <v>10.436782760717453</v>
      </c>
      <c r="M3427" s="58">
        <f>Bühler!M3453</f>
        <v>0</v>
      </c>
      <c r="N3427" s="56">
        <f>IF(Input!$D$19=1,J3427*Input!$C$19,0)+IF(Input!$D$20=1,K3427*Input!$C$20,0)+IF(Input!$D$21=1,L3427*Input!$C$21,0)+IF(Input!$D$22=1,M3427*Input!$C$22,0)</f>
        <v>0.43486594836322723</v>
      </c>
      <c r="O3427" s="59">
        <f>IF(Input!$D$19=2,J3427*Input!$C$19,0)+IF(Input!$D$20=2,K3427*Input!$C$20,0)+IF(Input!$D$21=2,L3427*Input!$C$21,0)+IF(Input!$D$22=2,M3427*Input!$C$22,0)</f>
        <v>1.0871648709080679</v>
      </c>
      <c r="P3427" s="59">
        <f>IF(Input!$D$19=3,J3427*Input!$C$19,0)+IF(Input!$D$20=3,K3427*Input!$C$20,0)+IF(Input!$D$21=3,L3427*Input!$C$21,0)+IF(Input!$D$22=3,M3427*Input!$C$22,0)</f>
        <v>0</v>
      </c>
      <c r="Q3427" s="75">
        <f>IF(Input!$D$19=4,J3427*Input!$C$19,0)+IF(Input!$D$20=4,K3427*Input!$C$20,0)+IF(Input!$D$21=4,L3427*Input!$C$21,0)+IF(Input!$D$22=4,M3427*Input!$C$22,0)</f>
        <v>0</v>
      </c>
      <c r="R3427" s="58">
        <v>67.723347364015439</v>
      </c>
      <c r="S3427" s="124">
        <f t="shared" si="53"/>
        <v>1.8844191095739846</v>
      </c>
    </row>
    <row r="3428" spans="8:19" x14ac:dyDescent="0.3">
      <c r="H3428" s="44">
        <v>3421</v>
      </c>
      <c r="I3428" s="56">
        <f>Bühler!I3454</f>
        <v>0.43486594836322717</v>
      </c>
      <c r="J3428" s="59">
        <f>Bühler!J3454</f>
        <v>1.4495531612107575</v>
      </c>
      <c r="K3428" s="59">
        <f>Bühler!K3454</f>
        <v>2.1743297418161358</v>
      </c>
      <c r="L3428" s="59">
        <f>Bühler!L3454</f>
        <v>10.436782760717453</v>
      </c>
      <c r="M3428" s="58">
        <f>Bühler!M3454</f>
        <v>0</v>
      </c>
      <c r="N3428" s="56">
        <f>IF(Input!$D$19=1,J3428*Input!$C$19,0)+IF(Input!$D$20=1,K3428*Input!$C$20,0)+IF(Input!$D$21=1,L3428*Input!$C$21,0)+IF(Input!$D$22=1,M3428*Input!$C$22,0)</f>
        <v>0.43486594836322723</v>
      </c>
      <c r="O3428" s="59">
        <f>IF(Input!$D$19=2,J3428*Input!$C$19,0)+IF(Input!$D$20=2,K3428*Input!$C$20,0)+IF(Input!$D$21=2,L3428*Input!$C$21,0)+IF(Input!$D$22=2,M3428*Input!$C$22,0)</f>
        <v>1.0871648709080679</v>
      </c>
      <c r="P3428" s="59">
        <f>IF(Input!$D$19=3,J3428*Input!$C$19,0)+IF(Input!$D$20=3,K3428*Input!$C$20,0)+IF(Input!$D$21=3,L3428*Input!$C$21,0)+IF(Input!$D$22=3,M3428*Input!$C$22,0)</f>
        <v>0</v>
      </c>
      <c r="Q3428" s="75">
        <f>IF(Input!$D$19=4,J3428*Input!$C$19,0)+IF(Input!$D$20=4,K3428*Input!$C$20,0)+IF(Input!$D$21=4,L3428*Input!$C$21,0)+IF(Input!$D$22=4,M3428*Input!$C$22,0)</f>
        <v>0</v>
      </c>
      <c r="R3428" s="58">
        <v>67.655997385223912</v>
      </c>
      <c r="S3428" s="124">
        <f t="shared" si="53"/>
        <v>1.8844191095739846</v>
      </c>
    </row>
    <row r="3429" spans="8:19" x14ac:dyDescent="0.3">
      <c r="H3429" s="44">
        <v>3422</v>
      </c>
      <c r="I3429" s="56">
        <f>Bühler!I3455</f>
        <v>0.43486594836322717</v>
      </c>
      <c r="J3429" s="59">
        <f>Bühler!J3455</f>
        <v>1.4495531612107575</v>
      </c>
      <c r="K3429" s="59">
        <f>Bühler!K3455</f>
        <v>2.1743297418161358</v>
      </c>
      <c r="L3429" s="59">
        <f>Bühler!L3455</f>
        <v>10.436782760717453</v>
      </c>
      <c r="M3429" s="58">
        <f>Bühler!M3455</f>
        <v>0</v>
      </c>
      <c r="N3429" s="56">
        <f>IF(Input!$D$19=1,J3429*Input!$C$19,0)+IF(Input!$D$20=1,K3429*Input!$C$20,0)+IF(Input!$D$21=1,L3429*Input!$C$21,0)+IF(Input!$D$22=1,M3429*Input!$C$22,0)</f>
        <v>0.43486594836322723</v>
      </c>
      <c r="O3429" s="59">
        <f>IF(Input!$D$19=2,J3429*Input!$C$19,0)+IF(Input!$D$20=2,K3429*Input!$C$20,0)+IF(Input!$D$21=2,L3429*Input!$C$21,0)+IF(Input!$D$22=2,M3429*Input!$C$22,0)</f>
        <v>1.0871648709080679</v>
      </c>
      <c r="P3429" s="59">
        <f>IF(Input!$D$19=3,J3429*Input!$C$19,0)+IF(Input!$D$20=3,K3429*Input!$C$20,0)+IF(Input!$D$21=3,L3429*Input!$C$21,0)+IF(Input!$D$22=3,M3429*Input!$C$22,0)</f>
        <v>0</v>
      </c>
      <c r="Q3429" s="75">
        <f>IF(Input!$D$19=4,J3429*Input!$C$19,0)+IF(Input!$D$20=4,K3429*Input!$C$20,0)+IF(Input!$D$21=4,L3429*Input!$C$21,0)+IF(Input!$D$22=4,M3429*Input!$C$22,0)</f>
        <v>0</v>
      </c>
      <c r="R3429" s="58">
        <v>67.085391068563581</v>
      </c>
      <c r="S3429" s="124">
        <f t="shared" si="53"/>
        <v>1.8844191095739846</v>
      </c>
    </row>
    <row r="3430" spans="8:19" x14ac:dyDescent="0.3">
      <c r="H3430" s="44">
        <v>3423</v>
      </c>
      <c r="I3430" s="56">
        <f>Bühler!I3456</f>
        <v>0.43486594836322717</v>
      </c>
      <c r="J3430" s="59">
        <f>Bühler!J3456</f>
        <v>1.4495531612107575</v>
      </c>
      <c r="K3430" s="59">
        <f>Bühler!K3456</f>
        <v>2.1743297418161358</v>
      </c>
      <c r="L3430" s="59">
        <f>Bühler!L3456</f>
        <v>10.436782760717453</v>
      </c>
      <c r="M3430" s="58">
        <f>Bühler!M3456</f>
        <v>0</v>
      </c>
      <c r="N3430" s="56">
        <f>IF(Input!$D$19=1,J3430*Input!$C$19,0)+IF(Input!$D$20=1,K3430*Input!$C$20,0)+IF(Input!$D$21=1,L3430*Input!$C$21,0)+IF(Input!$D$22=1,M3430*Input!$C$22,0)</f>
        <v>0.43486594836322723</v>
      </c>
      <c r="O3430" s="59">
        <f>IF(Input!$D$19=2,J3430*Input!$C$19,0)+IF(Input!$D$20=2,K3430*Input!$C$20,0)+IF(Input!$D$21=2,L3430*Input!$C$21,0)+IF(Input!$D$22=2,M3430*Input!$C$22,0)</f>
        <v>1.0871648709080679</v>
      </c>
      <c r="P3430" s="59">
        <f>IF(Input!$D$19=3,J3430*Input!$C$19,0)+IF(Input!$D$20=3,K3430*Input!$C$20,0)+IF(Input!$D$21=3,L3430*Input!$C$21,0)+IF(Input!$D$22=3,M3430*Input!$C$22,0)</f>
        <v>0</v>
      </c>
      <c r="Q3430" s="75">
        <f>IF(Input!$D$19=4,J3430*Input!$C$19,0)+IF(Input!$D$20=4,K3430*Input!$C$20,0)+IF(Input!$D$21=4,L3430*Input!$C$21,0)+IF(Input!$D$22=4,M3430*Input!$C$22,0)</f>
        <v>0</v>
      </c>
      <c r="R3430" s="58">
        <v>66.683153599008492</v>
      </c>
      <c r="S3430" s="124">
        <f t="shared" si="53"/>
        <v>1.8844191095739846</v>
      </c>
    </row>
    <row r="3431" spans="8:19" x14ac:dyDescent="0.3">
      <c r="H3431" s="44">
        <v>3424</v>
      </c>
      <c r="I3431" s="56">
        <f>Bühler!I3457</f>
        <v>0.43486594836322717</v>
      </c>
      <c r="J3431" s="59">
        <f>Bühler!J3457</f>
        <v>1.4495531612107575</v>
      </c>
      <c r="K3431" s="59">
        <f>Bühler!K3457</f>
        <v>2.1743297418161358</v>
      </c>
      <c r="L3431" s="59">
        <f>Bühler!L3457</f>
        <v>10.436782760717453</v>
      </c>
      <c r="M3431" s="58">
        <f>Bühler!M3457</f>
        <v>0</v>
      </c>
      <c r="N3431" s="56">
        <f>IF(Input!$D$19=1,J3431*Input!$C$19,0)+IF(Input!$D$20=1,K3431*Input!$C$20,0)+IF(Input!$D$21=1,L3431*Input!$C$21,0)+IF(Input!$D$22=1,M3431*Input!$C$22,0)</f>
        <v>0.43486594836322723</v>
      </c>
      <c r="O3431" s="59">
        <f>IF(Input!$D$19=2,J3431*Input!$C$19,0)+IF(Input!$D$20=2,K3431*Input!$C$20,0)+IF(Input!$D$21=2,L3431*Input!$C$21,0)+IF(Input!$D$22=2,M3431*Input!$C$22,0)</f>
        <v>1.0871648709080679</v>
      </c>
      <c r="P3431" s="59">
        <f>IF(Input!$D$19=3,J3431*Input!$C$19,0)+IF(Input!$D$20=3,K3431*Input!$C$20,0)+IF(Input!$D$21=3,L3431*Input!$C$21,0)+IF(Input!$D$22=3,M3431*Input!$C$22,0)</f>
        <v>0</v>
      </c>
      <c r="Q3431" s="75">
        <f>IF(Input!$D$19=4,J3431*Input!$C$19,0)+IF(Input!$D$20=4,K3431*Input!$C$20,0)+IF(Input!$D$21=4,L3431*Input!$C$21,0)+IF(Input!$D$22=4,M3431*Input!$C$22,0)</f>
        <v>0</v>
      </c>
      <c r="R3431" s="58">
        <v>66.058286023874516</v>
      </c>
      <c r="S3431" s="124">
        <f t="shared" si="53"/>
        <v>1.8844191095739846</v>
      </c>
    </row>
    <row r="3432" spans="8:19" x14ac:dyDescent="0.3">
      <c r="H3432" s="44">
        <v>3425</v>
      </c>
      <c r="I3432" s="56">
        <f>Bühler!I3458</f>
        <v>0.43486594836322717</v>
      </c>
      <c r="J3432" s="59">
        <f>Bühler!J3458</f>
        <v>1.4495531612107575</v>
      </c>
      <c r="K3432" s="59">
        <f>Bühler!K3458</f>
        <v>2.1743297418161358</v>
      </c>
      <c r="L3432" s="59">
        <f>Bühler!L3458</f>
        <v>10.436782760717453</v>
      </c>
      <c r="M3432" s="58">
        <f>Bühler!M3458</f>
        <v>0</v>
      </c>
      <c r="N3432" s="56">
        <f>IF(Input!$D$19=1,J3432*Input!$C$19,0)+IF(Input!$D$20=1,K3432*Input!$C$20,0)+IF(Input!$D$21=1,L3432*Input!$C$21,0)+IF(Input!$D$22=1,M3432*Input!$C$22,0)</f>
        <v>0.43486594836322723</v>
      </c>
      <c r="O3432" s="59">
        <f>IF(Input!$D$19=2,J3432*Input!$C$19,0)+IF(Input!$D$20=2,K3432*Input!$C$20,0)+IF(Input!$D$21=2,L3432*Input!$C$21,0)+IF(Input!$D$22=2,M3432*Input!$C$22,0)</f>
        <v>1.0871648709080679</v>
      </c>
      <c r="P3432" s="59">
        <f>IF(Input!$D$19=3,J3432*Input!$C$19,0)+IF(Input!$D$20=3,K3432*Input!$C$20,0)+IF(Input!$D$21=3,L3432*Input!$C$21,0)+IF(Input!$D$22=3,M3432*Input!$C$22,0)</f>
        <v>0</v>
      </c>
      <c r="Q3432" s="75">
        <f>IF(Input!$D$19=4,J3432*Input!$C$19,0)+IF(Input!$D$20=4,K3432*Input!$C$20,0)+IF(Input!$D$21=4,L3432*Input!$C$21,0)+IF(Input!$D$22=4,M3432*Input!$C$22,0)</f>
        <v>0</v>
      </c>
      <c r="R3432" s="58">
        <v>65.155938770516869</v>
      </c>
      <c r="S3432" s="124">
        <f t="shared" si="53"/>
        <v>1.8844191095739846</v>
      </c>
    </row>
    <row r="3433" spans="8:19" x14ac:dyDescent="0.3">
      <c r="H3433" s="44">
        <v>3426</v>
      </c>
      <c r="I3433" s="56">
        <f>Bühler!I3459</f>
        <v>0.43486594836322717</v>
      </c>
      <c r="J3433" s="59">
        <f>Bühler!J3459</f>
        <v>1.4495531612107575</v>
      </c>
      <c r="K3433" s="59">
        <f>Bühler!K3459</f>
        <v>2.1743297418161358</v>
      </c>
      <c r="L3433" s="59">
        <f>Bühler!L3459</f>
        <v>10.436782760717453</v>
      </c>
      <c r="M3433" s="58">
        <f>Bühler!M3459</f>
        <v>0</v>
      </c>
      <c r="N3433" s="56">
        <f>IF(Input!$D$19=1,J3433*Input!$C$19,0)+IF(Input!$D$20=1,K3433*Input!$C$20,0)+IF(Input!$D$21=1,L3433*Input!$C$21,0)+IF(Input!$D$22=1,M3433*Input!$C$22,0)</f>
        <v>0.43486594836322723</v>
      </c>
      <c r="O3433" s="59">
        <f>IF(Input!$D$19=2,J3433*Input!$C$19,0)+IF(Input!$D$20=2,K3433*Input!$C$20,0)+IF(Input!$D$21=2,L3433*Input!$C$21,0)+IF(Input!$D$22=2,M3433*Input!$C$22,0)</f>
        <v>1.0871648709080679</v>
      </c>
      <c r="P3433" s="59">
        <f>IF(Input!$D$19=3,J3433*Input!$C$19,0)+IF(Input!$D$20=3,K3433*Input!$C$20,0)+IF(Input!$D$21=3,L3433*Input!$C$21,0)+IF(Input!$D$22=3,M3433*Input!$C$22,0)</f>
        <v>0</v>
      </c>
      <c r="Q3433" s="75">
        <f>IF(Input!$D$19=4,J3433*Input!$C$19,0)+IF(Input!$D$20=4,K3433*Input!$C$20,0)+IF(Input!$D$21=4,L3433*Input!$C$21,0)+IF(Input!$D$22=4,M3433*Input!$C$22,0)</f>
        <v>0</v>
      </c>
      <c r="R3433" s="58">
        <v>63.11052105064622</v>
      </c>
      <c r="S3433" s="124">
        <f t="shared" si="53"/>
        <v>1.8844191095739846</v>
      </c>
    </row>
    <row r="3434" spans="8:19" x14ac:dyDescent="0.3">
      <c r="H3434" s="44">
        <v>3427</v>
      </c>
      <c r="I3434" s="56">
        <f>Bühler!I3460</f>
        <v>0.43486594836322717</v>
      </c>
      <c r="J3434" s="59">
        <f>Bühler!J3460</f>
        <v>1.4495531612107575</v>
      </c>
      <c r="K3434" s="59">
        <f>Bühler!K3460</f>
        <v>2.1743297418161358</v>
      </c>
      <c r="L3434" s="59">
        <f>Bühler!L3460</f>
        <v>10.436782760717453</v>
      </c>
      <c r="M3434" s="58">
        <f>Bühler!M3460</f>
        <v>0</v>
      </c>
      <c r="N3434" s="56">
        <f>IF(Input!$D$19=1,J3434*Input!$C$19,0)+IF(Input!$D$20=1,K3434*Input!$C$20,0)+IF(Input!$D$21=1,L3434*Input!$C$21,0)+IF(Input!$D$22=1,M3434*Input!$C$22,0)</f>
        <v>0.43486594836322723</v>
      </c>
      <c r="O3434" s="59">
        <f>IF(Input!$D$19=2,J3434*Input!$C$19,0)+IF(Input!$D$20=2,K3434*Input!$C$20,0)+IF(Input!$D$21=2,L3434*Input!$C$21,0)+IF(Input!$D$22=2,M3434*Input!$C$22,0)</f>
        <v>1.0871648709080679</v>
      </c>
      <c r="P3434" s="59">
        <f>IF(Input!$D$19=3,J3434*Input!$C$19,0)+IF(Input!$D$20=3,K3434*Input!$C$20,0)+IF(Input!$D$21=3,L3434*Input!$C$21,0)+IF(Input!$D$22=3,M3434*Input!$C$22,0)</f>
        <v>0</v>
      </c>
      <c r="Q3434" s="75">
        <f>IF(Input!$D$19=4,J3434*Input!$C$19,0)+IF(Input!$D$20=4,K3434*Input!$C$20,0)+IF(Input!$D$21=4,L3434*Input!$C$21,0)+IF(Input!$D$22=4,M3434*Input!$C$22,0)</f>
        <v>0</v>
      </c>
      <c r="R3434" s="58">
        <v>63.037095715478394</v>
      </c>
      <c r="S3434" s="124">
        <f t="shared" si="53"/>
        <v>1.8844191095739846</v>
      </c>
    </row>
    <row r="3435" spans="8:19" x14ac:dyDescent="0.3">
      <c r="H3435" s="44">
        <v>3428</v>
      </c>
      <c r="I3435" s="56">
        <f>Bühler!I3461</f>
        <v>0.36238829030268932</v>
      </c>
      <c r="J3435" s="59">
        <f>Bühler!J3461</f>
        <v>1.2079609676756311</v>
      </c>
      <c r="K3435" s="59">
        <f>Bühler!K3461</f>
        <v>1.8119414515134467</v>
      </c>
      <c r="L3435" s="59">
        <f>Bühler!L3461</f>
        <v>8.6973189672645432</v>
      </c>
      <c r="M3435" s="58">
        <f>Bühler!M3461</f>
        <v>0</v>
      </c>
      <c r="N3435" s="56">
        <f>IF(Input!$D$19=1,J3435*Input!$C$19,0)+IF(Input!$D$20=1,K3435*Input!$C$20,0)+IF(Input!$D$21=1,L3435*Input!$C$21,0)+IF(Input!$D$22=1,M3435*Input!$C$22,0)</f>
        <v>0.36238829030268932</v>
      </c>
      <c r="O3435" s="59">
        <f>IF(Input!$D$19=2,J3435*Input!$C$19,0)+IF(Input!$D$20=2,K3435*Input!$C$20,0)+IF(Input!$D$21=2,L3435*Input!$C$21,0)+IF(Input!$D$22=2,M3435*Input!$C$22,0)</f>
        <v>0.90597072575672333</v>
      </c>
      <c r="P3435" s="59">
        <f>IF(Input!$D$19=3,J3435*Input!$C$19,0)+IF(Input!$D$20=3,K3435*Input!$C$20,0)+IF(Input!$D$21=3,L3435*Input!$C$21,0)+IF(Input!$D$22=3,M3435*Input!$C$22,0)</f>
        <v>0</v>
      </c>
      <c r="Q3435" s="75">
        <f>IF(Input!$D$19=4,J3435*Input!$C$19,0)+IF(Input!$D$20=4,K3435*Input!$C$20,0)+IF(Input!$D$21=4,L3435*Input!$C$21,0)+IF(Input!$D$22=4,M3435*Input!$C$22,0)</f>
        <v>0</v>
      </c>
      <c r="R3435" s="58">
        <v>62.079782266170056</v>
      </c>
      <c r="S3435" s="124">
        <f t="shared" si="53"/>
        <v>1.5703492579783205</v>
      </c>
    </row>
    <row r="3436" spans="8:19" x14ac:dyDescent="0.3">
      <c r="H3436" s="44">
        <v>3429</v>
      </c>
      <c r="I3436" s="56">
        <f>Bühler!I3462</f>
        <v>0.28991063224215152</v>
      </c>
      <c r="J3436" s="59">
        <f>Bühler!J3462</f>
        <v>0.96636877414050515</v>
      </c>
      <c r="K3436" s="59">
        <f>Bühler!K3462</f>
        <v>1.4495531612107575</v>
      </c>
      <c r="L3436" s="59">
        <f>Bühler!L3462</f>
        <v>6.9578551738116365</v>
      </c>
      <c r="M3436" s="58">
        <f>Bühler!M3462</f>
        <v>0</v>
      </c>
      <c r="N3436" s="56">
        <f>IF(Input!$D$19=1,J3436*Input!$C$19,0)+IF(Input!$D$20=1,K3436*Input!$C$20,0)+IF(Input!$D$21=1,L3436*Input!$C$21,0)+IF(Input!$D$22=1,M3436*Input!$C$22,0)</f>
        <v>0.28991063224215152</v>
      </c>
      <c r="O3436" s="59">
        <f>IF(Input!$D$19=2,J3436*Input!$C$19,0)+IF(Input!$D$20=2,K3436*Input!$C$20,0)+IF(Input!$D$21=2,L3436*Input!$C$21,0)+IF(Input!$D$22=2,M3436*Input!$C$22,0)</f>
        <v>0.72477658060537875</v>
      </c>
      <c r="P3436" s="59">
        <f>IF(Input!$D$19=3,J3436*Input!$C$19,0)+IF(Input!$D$20=3,K3436*Input!$C$20,0)+IF(Input!$D$21=3,L3436*Input!$C$21,0)+IF(Input!$D$22=3,M3436*Input!$C$22,0)</f>
        <v>0</v>
      </c>
      <c r="Q3436" s="75">
        <f>IF(Input!$D$19=4,J3436*Input!$C$19,0)+IF(Input!$D$20=4,K3436*Input!$C$20,0)+IF(Input!$D$21=4,L3436*Input!$C$21,0)+IF(Input!$D$22=4,M3436*Input!$C$22,0)</f>
        <v>0</v>
      </c>
      <c r="R3436" s="58">
        <v>59.976105301248474</v>
      </c>
      <c r="S3436" s="124">
        <f t="shared" si="53"/>
        <v>1.2562794063826566</v>
      </c>
    </row>
    <row r="3437" spans="8:19" x14ac:dyDescent="0.3">
      <c r="H3437" s="44">
        <v>3430</v>
      </c>
      <c r="I3437" s="56">
        <f>Bühler!I3463</f>
        <v>0.21743297418161359</v>
      </c>
      <c r="J3437" s="59">
        <f>Bühler!J3463</f>
        <v>0.72477658060537875</v>
      </c>
      <c r="K3437" s="59">
        <f>Bühler!K3463</f>
        <v>1.0871648709080679</v>
      </c>
      <c r="L3437" s="59">
        <f>Bühler!L3463</f>
        <v>5.2183913803587263</v>
      </c>
      <c r="M3437" s="58">
        <f>Bühler!M3463</f>
        <v>0</v>
      </c>
      <c r="N3437" s="56">
        <f>IF(Input!$D$19=1,J3437*Input!$C$19,0)+IF(Input!$D$20=1,K3437*Input!$C$20,0)+IF(Input!$D$21=1,L3437*Input!$C$21,0)+IF(Input!$D$22=1,M3437*Input!$C$22,0)</f>
        <v>0.21743297418161361</v>
      </c>
      <c r="O3437" s="59">
        <f>IF(Input!$D$19=2,J3437*Input!$C$19,0)+IF(Input!$D$20=2,K3437*Input!$C$20,0)+IF(Input!$D$21=2,L3437*Input!$C$21,0)+IF(Input!$D$22=2,M3437*Input!$C$22,0)</f>
        <v>0.54358243545403395</v>
      </c>
      <c r="P3437" s="59">
        <f>IF(Input!$D$19=3,J3437*Input!$C$19,0)+IF(Input!$D$20=3,K3437*Input!$C$20,0)+IF(Input!$D$21=3,L3437*Input!$C$21,0)+IF(Input!$D$22=3,M3437*Input!$C$22,0)</f>
        <v>0</v>
      </c>
      <c r="Q3437" s="75">
        <f>IF(Input!$D$19=4,J3437*Input!$C$19,0)+IF(Input!$D$20=4,K3437*Input!$C$20,0)+IF(Input!$D$21=4,L3437*Input!$C$21,0)+IF(Input!$D$22=4,M3437*Input!$C$22,0)</f>
        <v>0</v>
      </c>
      <c r="R3437" s="58">
        <v>58.119028963981073</v>
      </c>
      <c r="S3437" s="124">
        <f t="shared" si="53"/>
        <v>0.94220955478699231</v>
      </c>
    </row>
    <row r="3438" spans="8:19" x14ac:dyDescent="0.3">
      <c r="H3438" s="44">
        <v>3431</v>
      </c>
      <c r="I3438" s="56">
        <f>Bühler!I3464</f>
        <v>0.21743297418161359</v>
      </c>
      <c r="J3438" s="59">
        <f>Bühler!J3464</f>
        <v>0.72477658060537875</v>
      </c>
      <c r="K3438" s="59">
        <f>Bühler!K3464</f>
        <v>1.0871648709080679</v>
      </c>
      <c r="L3438" s="59">
        <f>Bühler!L3464</f>
        <v>5.2183913803587263</v>
      </c>
      <c r="M3438" s="58">
        <f>Bühler!M3464</f>
        <v>0</v>
      </c>
      <c r="N3438" s="56">
        <f>IF(Input!$D$19=1,J3438*Input!$C$19,0)+IF(Input!$D$20=1,K3438*Input!$C$20,0)+IF(Input!$D$21=1,L3438*Input!$C$21,0)+IF(Input!$D$22=1,M3438*Input!$C$22,0)</f>
        <v>0.21743297418161361</v>
      </c>
      <c r="O3438" s="59">
        <f>IF(Input!$D$19=2,J3438*Input!$C$19,0)+IF(Input!$D$20=2,K3438*Input!$C$20,0)+IF(Input!$D$21=2,L3438*Input!$C$21,0)+IF(Input!$D$22=2,M3438*Input!$C$22,0)</f>
        <v>0.54358243545403395</v>
      </c>
      <c r="P3438" s="59">
        <f>IF(Input!$D$19=3,J3438*Input!$C$19,0)+IF(Input!$D$20=3,K3438*Input!$C$20,0)+IF(Input!$D$21=3,L3438*Input!$C$21,0)+IF(Input!$D$22=3,M3438*Input!$C$22,0)</f>
        <v>0</v>
      </c>
      <c r="Q3438" s="75">
        <f>IF(Input!$D$19=4,J3438*Input!$C$19,0)+IF(Input!$D$20=4,K3438*Input!$C$20,0)+IF(Input!$D$21=4,L3438*Input!$C$21,0)+IF(Input!$D$22=4,M3438*Input!$C$22,0)</f>
        <v>0</v>
      </c>
      <c r="R3438" s="58">
        <v>58.460644693728526</v>
      </c>
      <c r="S3438" s="124">
        <f t="shared" si="53"/>
        <v>0.94220955478699231</v>
      </c>
    </row>
    <row r="3439" spans="8:19" x14ac:dyDescent="0.3">
      <c r="H3439" s="44">
        <v>3432</v>
      </c>
      <c r="I3439" s="56">
        <f>Bühler!I3465</f>
        <v>0.21743297418161359</v>
      </c>
      <c r="J3439" s="59">
        <f>Bühler!J3465</f>
        <v>0.72477658060537875</v>
      </c>
      <c r="K3439" s="59">
        <f>Bühler!K3465</f>
        <v>1.0871648709080679</v>
      </c>
      <c r="L3439" s="59">
        <f>Bühler!L3465</f>
        <v>5.2183913803587263</v>
      </c>
      <c r="M3439" s="58">
        <f>Bühler!M3465</f>
        <v>0</v>
      </c>
      <c r="N3439" s="56">
        <f>IF(Input!$D$19=1,J3439*Input!$C$19,0)+IF(Input!$D$20=1,K3439*Input!$C$20,0)+IF(Input!$D$21=1,L3439*Input!$C$21,0)+IF(Input!$D$22=1,M3439*Input!$C$22,0)</f>
        <v>0.21743297418161361</v>
      </c>
      <c r="O3439" s="59">
        <f>IF(Input!$D$19=2,J3439*Input!$C$19,0)+IF(Input!$D$20=2,K3439*Input!$C$20,0)+IF(Input!$D$21=2,L3439*Input!$C$21,0)+IF(Input!$D$22=2,M3439*Input!$C$22,0)</f>
        <v>0.54358243545403395</v>
      </c>
      <c r="P3439" s="59">
        <f>IF(Input!$D$19=3,J3439*Input!$C$19,0)+IF(Input!$D$20=3,K3439*Input!$C$20,0)+IF(Input!$D$21=3,L3439*Input!$C$21,0)+IF(Input!$D$22=3,M3439*Input!$C$22,0)</f>
        <v>0</v>
      </c>
      <c r="Q3439" s="75">
        <f>IF(Input!$D$19=4,J3439*Input!$C$19,0)+IF(Input!$D$20=4,K3439*Input!$C$20,0)+IF(Input!$D$21=4,L3439*Input!$C$21,0)+IF(Input!$D$22=4,M3439*Input!$C$22,0)</f>
        <v>0</v>
      </c>
      <c r="R3439" s="58">
        <v>58.615704617042013</v>
      </c>
      <c r="S3439" s="124">
        <f t="shared" si="53"/>
        <v>0.94220955478699231</v>
      </c>
    </row>
    <row r="3440" spans="8:19" x14ac:dyDescent="0.3">
      <c r="H3440" s="44">
        <v>3433</v>
      </c>
      <c r="I3440" s="56">
        <f>Bühler!I3466</f>
        <v>0.21753695838196696</v>
      </c>
      <c r="J3440" s="59">
        <f>Bühler!J3466</f>
        <v>0.72512319460655661</v>
      </c>
      <c r="K3440" s="59">
        <f>Bühler!K3466</f>
        <v>1.0876847919098347</v>
      </c>
      <c r="L3440" s="59">
        <f>Bühler!L3466</f>
        <v>5.2208870011672071</v>
      </c>
      <c r="M3440" s="58">
        <f>Bühler!M3466</f>
        <v>0</v>
      </c>
      <c r="N3440" s="56">
        <f>IF(Input!$D$19=1,J3440*Input!$C$19,0)+IF(Input!$D$20=1,K3440*Input!$C$20,0)+IF(Input!$D$21=1,L3440*Input!$C$21,0)+IF(Input!$D$22=1,M3440*Input!$C$22,0)</f>
        <v>0.21753695838196699</v>
      </c>
      <c r="O3440" s="59">
        <f>IF(Input!$D$19=2,J3440*Input!$C$19,0)+IF(Input!$D$20=2,K3440*Input!$C$20,0)+IF(Input!$D$21=2,L3440*Input!$C$21,0)+IF(Input!$D$22=2,M3440*Input!$C$22,0)</f>
        <v>0.54384239595491735</v>
      </c>
      <c r="P3440" s="59">
        <f>IF(Input!$D$19=3,J3440*Input!$C$19,0)+IF(Input!$D$20=3,K3440*Input!$C$20,0)+IF(Input!$D$21=3,L3440*Input!$C$21,0)+IF(Input!$D$22=3,M3440*Input!$C$22,0)</f>
        <v>0</v>
      </c>
      <c r="Q3440" s="75">
        <f>IF(Input!$D$19=4,J3440*Input!$C$19,0)+IF(Input!$D$20=4,K3440*Input!$C$20,0)+IF(Input!$D$21=4,L3440*Input!$C$21,0)+IF(Input!$D$22=4,M3440*Input!$C$22,0)</f>
        <v>0</v>
      </c>
      <c r="R3440" s="58">
        <v>57.513414904201753</v>
      </c>
      <c r="S3440" s="124">
        <f t="shared" si="53"/>
        <v>0.94266015298852357</v>
      </c>
    </row>
    <row r="3441" spans="8:19" x14ac:dyDescent="0.3">
      <c r="H3441" s="44">
        <v>3434</v>
      </c>
      <c r="I3441" s="56">
        <f>Bühler!I3467</f>
        <v>0.21753695838196696</v>
      </c>
      <c r="J3441" s="59">
        <f>Bühler!J3467</f>
        <v>0.72512319460655661</v>
      </c>
      <c r="K3441" s="59">
        <f>Bühler!K3467</f>
        <v>1.0876847919098347</v>
      </c>
      <c r="L3441" s="59">
        <f>Bühler!L3467</f>
        <v>5.2208870011672071</v>
      </c>
      <c r="M3441" s="58">
        <f>Bühler!M3467</f>
        <v>0</v>
      </c>
      <c r="N3441" s="56">
        <f>IF(Input!$D$19=1,J3441*Input!$C$19,0)+IF(Input!$D$20=1,K3441*Input!$C$20,0)+IF(Input!$D$21=1,L3441*Input!$C$21,0)+IF(Input!$D$22=1,M3441*Input!$C$22,0)</f>
        <v>0.21753695838196699</v>
      </c>
      <c r="O3441" s="59">
        <f>IF(Input!$D$19=2,J3441*Input!$C$19,0)+IF(Input!$D$20=2,K3441*Input!$C$20,0)+IF(Input!$D$21=2,L3441*Input!$C$21,0)+IF(Input!$D$22=2,M3441*Input!$C$22,0)</f>
        <v>0.54384239595491735</v>
      </c>
      <c r="P3441" s="59">
        <f>IF(Input!$D$19=3,J3441*Input!$C$19,0)+IF(Input!$D$20=3,K3441*Input!$C$20,0)+IF(Input!$D$21=3,L3441*Input!$C$21,0)+IF(Input!$D$22=3,M3441*Input!$C$22,0)</f>
        <v>0</v>
      </c>
      <c r="Q3441" s="75">
        <f>IF(Input!$D$19=4,J3441*Input!$C$19,0)+IF(Input!$D$20=4,K3441*Input!$C$20,0)+IF(Input!$D$21=4,L3441*Input!$C$21,0)+IF(Input!$D$22=4,M3441*Input!$C$22,0)</f>
        <v>0</v>
      </c>
      <c r="R3441" s="58">
        <v>57.495662036196094</v>
      </c>
      <c r="S3441" s="124">
        <f t="shared" si="53"/>
        <v>0.94266015298852357</v>
      </c>
    </row>
    <row r="3442" spans="8:19" x14ac:dyDescent="0.3">
      <c r="H3442" s="44">
        <v>3435</v>
      </c>
      <c r="I3442" s="56">
        <f>Bühler!I3468</f>
        <v>0.21753695838196696</v>
      </c>
      <c r="J3442" s="59">
        <f>Bühler!J3468</f>
        <v>0.72512319460655661</v>
      </c>
      <c r="K3442" s="59">
        <f>Bühler!K3468</f>
        <v>1.0876847919098347</v>
      </c>
      <c r="L3442" s="59">
        <f>Bühler!L3468</f>
        <v>5.2208870011672071</v>
      </c>
      <c r="M3442" s="58">
        <f>Bühler!M3468</f>
        <v>0</v>
      </c>
      <c r="N3442" s="56">
        <f>IF(Input!$D$19=1,J3442*Input!$C$19,0)+IF(Input!$D$20=1,K3442*Input!$C$20,0)+IF(Input!$D$21=1,L3442*Input!$C$21,0)+IF(Input!$D$22=1,M3442*Input!$C$22,0)</f>
        <v>0.21753695838196699</v>
      </c>
      <c r="O3442" s="59">
        <f>IF(Input!$D$19=2,J3442*Input!$C$19,0)+IF(Input!$D$20=2,K3442*Input!$C$20,0)+IF(Input!$D$21=2,L3442*Input!$C$21,0)+IF(Input!$D$22=2,M3442*Input!$C$22,0)</f>
        <v>0.54384239595491735</v>
      </c>
      <c r="P3442" s="59">
        <f>IF(Input!$D$19=3,J3442*Input!$C$19,0)+IF(Input!$D$20=3,K3442*Input!$C$20,0)+IF(Input!$D$21=3,L3442*Input!$C$21,0)+IF(Input!$D$22=3,M3442*Input!$C$22,0)</f>
        <v>0</v>
      </c>
      <c r="Q3442" s="75">
        <f>IF(Input!$D$19=4,J3442*Input!$C$19,0)+IF(Input!$D$20=4,K3442*Input!$C$20,0)+IF(Input!$D$21=4,L3442*Input!$C$21,0)+IF(Input!$D$22=4,M3442*Input!$C$22,0)</f>
        <v>0</v>
      </c>
      <c r="R3442" s="58">
        <v>57.711033154950762</v>
      </c>
      <c r="S3442" s="124">
        <f t="shared" si="53"/>
        <v>0.94266015298852357</v>
      </c>
    </row>
    <row r="3443" spans="8:19" x14ac:dyDescent="0.3">
      <c r="H3443" s="44">
        <v>3436</v>
      </c>
      <c r="I3443" s="56">
        <f>Bühler!I3469</f>
        <v>0.21753695838196696</v>
      </c>
      <c r="J3443" s="59">
        <f>Bühler!J3469</f>
        <v>0.72512319460655661</v>
      </c>
      <c r="K3443" s="59">
        <f>Bühler!K3469</f>
        <v>1.0876847919098347</v>
      </c>
      <c r="L3443" s="59">
        <f>Bühler!L3469</f>
        <v>5.2208870011672071</v>
      </c>
      <c r="M3443" s="58">
        <f>Bühler!M3469</f>
        <v>0</v>
      </c>
      <c r="N3443" s="56">
        <f>IF(Input!$D$19=1,J3443*Input!$C$19,0)+IF(Input!$D$20=1,K3443*Input!$C$20,0)+IF(Input!$D$21=1,L3443*Input!$C$21,0)+IF(Input!$D$22=1,M3443*Input!$C$22,0)</f>
        <v>0.21753695838196699</v>
      </c>
      <c r="O3443" s="59">
        <f>IF(Input!$D$19=2,J3443*Input!$C$19,0)+IF(Input!$D$20=2,K3443*Input!$C$20,0)+IF(Input!$D$21=2,L3443*Input!$C$21,0)+IF(Input!$D$22=2,M3443*Input!$C$22,0)</f>
        <v>0.54384239595491735</v>
      </c>
      <c r="P3443" s="59">
        <f>IF(Input!$D$19=3,J3443*Input!$C$19,0)+IF(Input!$D$20=3,K3443*Input!$C$20,0)+IF(Input!$D$21=3,L3443*Input!$C$21,0)+IF(Input!$D$22=3,M3443*Input!$C$22,0)</f>
        <v>0</v>
      </c>
      <c r="Q3443" s="75">
        <f>IF(Input!$D$19=4,J3443*Input!$C$19,0)+IF(Input!$D$20=4,K3443*Input!$C$20,0)+IF(Input!$D$21=4,L3443*Input!$C$21,0)+IF(Input!$D$22=4,M3443*Input!$C$22,0)</f>
        <v>0</v>
      </c>
      <c r="R3443" s="58">
        <v>58.450427170162413</v>
      </c>
      <c r="S3443" s="124">
        <f t="shared" si="53"/>
        <v>0.94266015298852357</v>
      </c>
    </row>
    <row r="3444" spans="8:19" x14ac:dyDescent="0.3">
      <c r="H3444" s="44">
        <v>3437</v>
      </c>
      <c r="I3444" s="56">
        <f>Bühler!I3470</f>
        <v>0.21753695838196696</v>
      </c>
      <c r="J3444" s="59">
        <f>Bühler!J3470</f>
        <v>0.72512319460655661</v>
      </c>
      <c r="K3444" s="59">
        <f>Bühler!K3470</f>
        <v>1.0876847919098347</v>
      </c>
      <c r="L3444" s="59">
        <f>Bühler!L3470</f>
        <v>5.2208870011672071</v>
      </c>
      <c r="M3444" s="58">
        <f>Bühler!M3470</f>
        <v>0</v>
      </c>
      <c r="N3444" s="56">
        <f>IF(Input!$D$19=1,J3444*Input!$C$19,0)+IF(Input!$D$20=1,K3444*Input!$C$20,0)+IF(Input!$D$21=1,L3444*Input!$C$21,0)+IF(Input!$D$22=1,M3444*Input!$C$22,0)</f>
        <v>0.21753695838196699</v>
      </c>
      <c r="O3444" s="59">
        <f>IF(Input!$D$19=2,J3444*Input!$C$19,0)+IF(Input!$D$20=2,K3444*Input!$C$20,0)+IF(Input!$D$21=2,L3444*Input!$C$21,0)+IF(Input!$D$22=2,M3444*Input!$C$22,0)</f>
        <v>0.54384239595491735</v>
      </c>
      <c r="P3444" s="59">
        <f>IF(Input!$D$19=3,J3444*Input!$C$19,0)+IF(Input!$D$20=3,K3444*Input!$C$20,0)+IF(Input!$D$21=3,L3444*Input!$C$21,0)+IF(Input!$D$22=3,M3444*Input!$C$22,0)</f>
        <v>0</v>
      </c>
      <c r="Q3444" s="75">
        <f>IF(Input!$D$19=4,J3444*Input!$C$19,0)+IF(Input!$D$20=4,K3444*Input!$C$20,0)+IF(Input!$D$21=4,L3444*Input!$C$21,0)+IF(Input!$D$22=4,M3444*Input!$C$22,0)</f>
        <v>0</v>
      </c>
      <c r="R3444" s="58">
        <v>59.779397893032986</v>
      </c>
      <c r="S3444" s="124">
        <f t="shared" si="53"/>
        <v>0.94266015298852357</v>
      </c>
    </row>
    <row r="3445" spans="8:19" x14ac:dyDescent="0.3">
      <c r="H3445" s="44">
        <v>3438</v>
      </c>
      <c r="I3445" s="56">
        <f>Bühler!I3471</f>
        <v>0.28038096858120187</v>
      </c>
      <c r="J3445" s="59">
        <f>Bühler!J3471</f>
        <v>0.93460322860400624</v>
      </c>
      <c r="K3445" s="59">
        <f>Bühler!K3471</f>
        <v>1.4019048429060093</v>
      </c>
      <c r="L3445" s="59">
        <f>Bühler!L3471</f>
        <v>6.7291432459488441</v>
      </c>
      <c r="M3445" s="58">
        <f>Bühler!M3471</f>
        <v>0</v>
      </c>
      <c r="N3445" s="56">
        <f>IF(Input!$D$19=1,J3445*Input!$C$19,0)+IF(Input!$D$20=1,K3445*Input!$C$20,0)+IF(Input!$D$21=1,L3445*Input!$C$21,0)+IF(Input!$D$22=1,M3445*Input!$C$22,0)</f>
        <v>0.28038096858120187</v>
      </c>
      <c r="O3445" s="59">
        <f>IF(Input!$D$19=2,J3445*Input!$C$19,0)+IF(Input!$D$20=2,K3445*Input!$C$20,0)+IF(Input!$D$21=2,L3445*Input!$C$21,0)+IF(Input!$D$22=2,M3445*Input!$C$22,0)</f>
        <v>0.70095242145300463</v>
      </c>
      <c r="P3445" s="59">
        <f>IF(Input!$D$19=3,J3445*Input!$C$19,0)+IF(Input!$D$20=3,K3445*Input!$C$20,0)+IF(Input!$D$21=3,L3445*Input!$C$21,0)+IF(Input!$D$22=3,M3445*Input!$C$22,0)</f>
        <v>0</v>
      </c>
      <c r="Q3445" s="75">
        <f>IF(Input!$D$19=4,J3445*Input!$C$19,0)+IF(Input!$D$20=4,K3445*Input!$C$20,0)+IF(Input!$D$21=4,L3445*Input!$C$21,0)+IF(Input!$D$22=4,M3445*Input!$C$22,0)</f>
        <v>0</v>
      </c>
      <c r="R3445" s="58">
        <v>62.571836882546663</v>
      </c>
      <c r="S3445" s="124">
        <f t="shared" si="53"/>
        <v>1.214984197185208</v>
      </c>
    </row>
    <row r="3446" spans="8:19" x14ac:dyDescent="0.3">
      <c r="H3446" s="44">
        <v>3439</v>
      </c>
      <c r="I3446" s="56">
        <f>Bühler!I3472</f>
        <v>0.32388836025759526</v>
      </c>
      <c r="J3446" s="59">
        <f>Bühler!J3472</f>
        <v>1.0796278675253175</v>
      </c>
      <c r="K3446" s="59">
        <f>Bühler!K3472</f>
        <v>1.6194418012879763</v>
      </c>
      <c r="L3446" s="59">
        <f>Bühler!L3472</f>
        <v>7.7733206461822855</v>
      </c>
      <c r="M3446" s="58">
        <f>Bühler!M3472</f>
        <v>0</v>
      </c>
      <c r="N3446" s="56">
        <f>IF(Input!$D$19=1,J3446*Input!$C$19,0)+IF(Input!$D$20=1,K3446*Input!$C$20,0)+IF(Input!$D$21=1,L3446*Input!$C$21,0)+IF(Input!$D$22=1,M3446*Input!$C$22,0)</f>
        <v>0.32388836025759521</v>
      </c>
      <c r="O3446" s="59">
        <f>IF(Input!$D$19=2,J3446*Input!$C$19,0)+IF(Input!$D$20=2,K3446*Input!$C$20,0)+IF(Input!$D$21=2,L3446*Input!$C$21,0)+IF(Input!$D$22=2,M3446*Input!$C$22,0)</f>
        <v>0.80972090064398816</v>
      </c>
      <c r="P3446" s="59">
        <f>IF(Input!$D$19=3,J3446*Input!$C$19,0)+IF(Input!$D$20=3,K3446*Input!$C$20,0)+IF(Input!$D$21=3,L3446*Input!$C$21,0)+IF(Input!$D$22=3,M3446*Input!$C$22,0)</f>
        <v>0</v>
      </c>
      <c r="Q3446" s="75">
        <f>IF(Input!$D$19=4,J3446*Input!$C$19,0)+IF(Input!$D$20=4,K3446*Input!$C$20,0)+IF(Input!$D$21=4,L3446*Input!$C$21,0)+IF(Input!$D$22=4,M3446*Input!$C$22,0)</f>
        <v>0</v>
      </c>
      <c r="R3446" s="58">
        <v>65.89232446931112</v>
      </c>
      <c r="S3446" s="124">
        <f t="shared" si="53"/>
        <v>1.4035162277829127</v>
      </c>
    </row>
    <row r="3447" spans="8:19" x14ac:dyDescent="0.3">
      <c r="H3447" s="44">
        <v>3440</v>
      </c>
      <c r="I3447" s="56">
        <f>Bühler!I3473</f>
        <v>0.32388836025759526</v>
      </c>
      <c r="J3447" s="59">
        <f>Bühler!J3473</f>
        <v>1.0796278675253175</v>
      </c>
      <c r="K3447" s="59">
        <f>Bühler!K3473</f>
        <v>1.6194418012879763</v>
      </c>
      <c r="L3447" s="59">
        <f>Bühler!L3473</f>
        <v>7.7733206461822855</v>
      </c>
      <c r="M3447" s="58">
        <f>Bühler!M3473</f>
        <v>0</v>
      </c>
      <c r="N3447" s="56">
        <f>IF(Input!$D$19=1,J3447*Input!$C$19,0)+IF(Input!$D$20=1,K3447*Input!$C$20,0)+IF(Input!$D$21=1,L3447*Input!$C$21,0)+IF(Input!$D$22=1,M3447*Input!$C$22,0)</f>
        <v>0.32388836025759521</v>
      </c>
      <c r="O3447" s="59">
        <f>IF(Input!$D$19=2,J3447*Input!$C$19,0)+IF(Input!$D$20=2,K3447*Input!$C$20,0)+IF(Input!$D$21=2,L3447*Input!$C$21,0)+IF(Input!$D$22=2,M3447*Input!$C$22,0)</f>
        <v>0.80972090064398816</v>
      </c>
      <c r="P3447" s="59">
        <f>IF(Input!$D$19=3,J3447*Input!$C$19,0)+IF(Input!$D$20=3,K3447*Input!$C$20,0)+IF(Input!$D$21=3,L3447*Input!$C$21,0)+IF(Input!$D$22=3,M3447*Input!$C$22,0)</f>
        <v>0</v>
      </c>
      <c r="Q3447" s="75">
        <f>IF(Input!$D$19=4,J3447*Input!$C$19,0)+IF(Input!$D$20=4,K3447*Input!$C$20,0)+IF(Input!$D$21=4,L3447*Input!$C$21,0)+IF(Input!$D$22=4,M3447*Input!$C$22,0)</f>
        <v>0</v>
      </c>
      <c r="R3447" s="58">
        <v>67.854132869945474</v>
      </c>
      <c r="S3447" s="124">
        <f t="shared" si="53"/>
        <v>1.4035162277829127</v>
      </c>
    </row>
    <row r="3448" spans="8:19" x14ac:dyDescent="0.3">
      <c r="H3448" s="44">
        <v>3441</v>
      </c>
      <c r="I3448" s="56">
        <f>Bühler!I3474</f>
        <v>0.32388836025759526</v>
      </c>
      <c r="J3448" s="59">
        <f>Bühler!J3474</f>
        <v>1.0796278675253175</v>
      </c>
      <c r="K3448" s="59">
        <f>Bühler!K3474</f>
        <v>1.6194418012879763</v>
      </c>
      <c r="L3448" s="59">
        <f>Bühler!L3474</f>
        <v>7.7733206461822855</v>
      </c>
      <c r="M3448" s="58">
        <f>Bühler!M3474</f>
        <v>0</v>
      </c>
      <c r="N3448" s="56">
        <f>IF(Input!$D$19=1,J3448*Input!$C$19,0)+IF(Input!$D$20=1,K3448*Input!$C$20,0)+IF(Input!$D$21=1,L3448*Input!$C$21,0)+IF(Input!$D$22=1,M3448*Input!$C$22,0)</f>
        <v>0.32388836025759521</v>
      </c>
      <c r="O3448" s="59">
        <f>IF(Input!$D$19=2,J3448*Input!$C$19,0)+IF(Input!$D$20=2,K3448*Input!$C$20,0)+IF(Input!$D$21=2,L3448*Input!$C$21,0)+IF(Input!$D$22=2,M3448*Input!$C$22,0)</f>
        <v>0.80972090064398816</v>
      </c>
      <c r="P3448" s="59">
        <f>IF(Input!$D$19=3,J3448*Input!$C$19,0)+IF(Input!$D$20=3,K3448*Input!$C$20,0)+IF(Input!$D$21=3,L3448*Input!$C$21,0)+IF(Input!$D$22=3,M3448*Input!$C$22,0)</f>
        <v>0</v>
      </c>
      <c r="Q3448" s="75">
        <f>IF(Input!$D$19=4,J3448*Input!$C$19,0)+IF(Input!$D$20=4,K3448*Input!$C$20,0)+IF(Input!$D$21=4,L3448*Input!$C$21,0)+IF(Input!$D$22=4,M3448*Input!$C$22,0)</f>
        <v>0</v>
      </c>
      <c r="R3448" s="58">
        <v>68.407167588797535</v>
      </c>
      <c r="S3448" s="124">
        <f t="shared" si="53"/>
        <v>1.4035162277829127</v>
      </c>
    </row>
    <row r="3449" spans="8:19" x14ac:dyDescent="0.3">
      <c r="H3449" s="44">
        <v>3442</v>
      </c>
      <c r="I3449" s="56">
        <f>Bühler!I3475</f>
        <v>0.34805913341114703</v>
      </c>
      <c r="J3449" s="59">
        <f>Bühler!J3475</f>
        <v>1.1601971113704903</v>
      </c>
      <c r="K3449" s="59">
        <f>Bühler!K3475</f>
        <v>1.7402956670557352</v>
      </c>
      <c r="L3449" s="59">
        <f>Bühler!L3475</f>
        <v>8.3534192018675295</v>
      </c>
      <c r="M3449" s="58">
        <f>Bühler!M3475</f>
        <v>0</v>
      </c>
      <c r="N3449" s="56">
        <f>IF(Input!$D$19=1,J3449*Input!$C$19,0)+IF(Input!$D$20=1,K3449*Input!$C$20,0)+IF(Input!$D$21=1,L3449*Input!$C$21,0)+IF(Input!$D$22=1,M3449*Input!$C$22,0)</f>
        <v>0.34805913341114708</v>
      </c>
      <c r="O3449" s="59">
        <f>IF(Input!$D$19=2,J3449*Input!$C$19,0)+IF(Input!$D$20=2,K3449*Input!$C$20,0)+IF(Input!$D$21=2,L3449*Input!$C$21,0)+IF(Input!$D$22=2,M3449*Input!$C$22,0)</f>
        <v>0.87014783352786762</v>
      </c>
      <c r="P3449" s="59">
        <f>IF(Input!$D$19=3,J3449*Input!$C$19,0)+IF(Input!$D$20=3,K3449*Input!$C$20,0)+IF(Input!$D$21=3,L3449*Input!$C$21,0)+IF(Input!$D$22=3,M3449*Input!$C$22,0)</f>
        <v>0</v>
      </c>
      <c r="Q3449" s="75">
        <f>IF(Input!$D$19=4,J3449*Input!$C$19,0)+IF(Input!$D$20=4,K3449*Input!$C$20,0)+IF(Input!$D$21=4,L3449*Input!$C$21,0)+IF(Input!$D$22=4,M3449*Input!$C$22,0)</f>
        <v>0</v>
      </c>
      <c r="R3449" s="58">
        <v>68.901691790958466</v>
      </c>
      <c r="S3449" s="124">
        <f t="shared" si="53"/>
        <v>1.5082562447816374</v>
      </c>
    </row>
    <row r="3450" spans="8:19" x14ac:dyDescent="0.3">
      <c r="H3450" s="44">
        <v>3443</v>
      </c>
      <c r="I3450" s="56">
        <f>Bühler!I3476</f>
        <v>0.37706406119540931</v>
      </c>
      <c r="J3450" s="59">
        <f>Bühler!J3476</f>
        <v>1.2568802039846978</v>
      </c>
      <c r="K3450" s="59">
        <f>Bühler!K3476</f>
        <v>1.8853203059770465</v>
      </c>
      <c r="L3450" s="59">
        <f>Bühler!L3476</f>
        <v>9.0495374686898238</v>
      </c>
      <c r="M3450" s="58">
        <f>Bühler!M3476</f>
        <v>0</v>
      </c>
      <c r="N3450" s="56">
        <f>IF(Input!$D$19=1,J3450*Input!$C$19,0)+IF(Input!$D$20=1,K3450*Input!$C$20,0)+IF(Input!$D$21=1,L3450*Input!$C$21,0)+IF(Input!$D$22=1,M3450*Input!$C$22,0)</f>
        <v>0.37706406119540931</v>
      </c>
      <c r="O3450" s="59">
        <f>IF(Input!$D$19=2,J3450*Input!$C$19,0)+IF(Input!$D$20=2,K3450*Input!$C$20,0)+IF(Input!$D$21=2,L3450*Input!$C$21,0)+IF(Input!$D$22=2,M3450*Input!$C$22,0)</f>
        <v>0.94266015298852324</v>
      </c>
      <c r="P3450" s="59">
        <f>IF(Input!$D$19=3,J3450*Input!$C$19,0)+IF(Input!$D$20=3,K3450*Input!$C$20,0)+IF(Input!$D$21=3,L3450*Input!$C$21,0)+IF(Input!$D$22=3,M3450*Input!$C$22,0)</f>
        <v>0</v>
      </c>
      <c r="Q3450" s="75">
        <f>IF(Input!$D$19=4,J3450*Input!$C$19,0)+IF(Input!$D$20=4,K3450*Input!$C$20,0)+IF(Input!$D$21=4,L3450*Input!$C$21,0)+IF(Input!$D$22=4,M3450*Input!$C$22,0)</f>
        <v>0</v>
      </c>
      <c r="R3450" s="58">
        <v>69.247468458246175</v>
      </c>
      <c r="S3450" s="124">
        <f t="shared" si="53"/>
        <v>1.633944265180107</v>
      </c>
    </row>
    <row r="3451" spans="8:19" x14ac:dyDescent="0.3">
      <c r="H3451" s="44">
        <v>3444</v>
      </c>
      <c r="I3451" s="56">
        <f>Bühler!I3477</f>
        <v>0.43507391676393392</v>
      </c>
      <c r="J3451" s="59">
        <f>Bühler!J3477</f>
        <v>1.4502463892131132</v>
      </c>
      <c r="K3451" s="59">
        <f>Bühler!K3477</f>
        <v>2.1753695838196694</v>
      </c>
      <c r="L3451" s="59">
        <f>Bühler!L3477</f>
        <v>10.441774002334414</v>
      </c>
      <c r="M3451" s="58">
        <f>Bühler!M3477</f>
        <v>0</v>
      </c>
      <c r="N3451" s="56">
        <f>IF(Input!$D$19=1,J3451*Input!$C$19,0)+IF(Input!$D$20=1,K3451*Input!$C$20,0)+IF(Input!$D$21=1,L3451*Input!$C$21,0)+IF(Input!$D$22=1,M3451*Input!$C$22,0)</f>
        <v>0.43507391676393398</v>
      </c>
      <c r="O3451" s="59">
        <f>IF(Input!$D$19=2,J3451*Input!$C$19,0)+IF(Input!$D$20=2,K3451*Input!$C$20,0)+IF(Input!$D$21=2,L3451*Input!$C$21,0)+IF(Input!$D$22=2,M3451*Input!$C$22,0)</f>
        <v>1.0876847919098347</v>
      </c>
      <c r="P3451" s="59">
        <f>IF(Input!$D$19=3,J3451*Input!$C$19,0)+IF(Input!$D$20=3,K3451*Input!$C$20,0)+IF(Input!$D$21=3,L3451*Input!$C$21,0)+IF(Input!$D$22=3,M3451*Input!$C$22,0)</f>
        <v>0</v>
      </c>
      <c r="Q3451" s="75">
        <f>IF(Input!$D$19=4,J3451*Input!$C$19,0)+IF(Input!$D$20=4,K3451*Input!$C$20,0)+IF(Input!$D$21=4,L3451*Input!$C$21,0)+IF(Input!$D$22=4,M3451*Input!$C$22,0)</f>
        <v>0</v>
      </c>
      <c r="R3451" s="58">
        <v>70.243395990063973</v>
      </c>
      <c r="S3451" s="124">
        <f t="shared" si="53"/>
        <v>1.8853203059770471</v>
      </c>
    </row>
    <row r="3452" spans="8:19" x14ac:dyDescent="0.3">
      <c r="H3452" s="44">
        <v>3445</v>
      </c>
      <c r="I3452" s="56">
        <f>Bühler!I3478</f>
        <v>0.43507391676393392</v>
      </c>
      <c r="J3452" s="59">
        <f>Bühler!J3478</f>
        <v>1.4502463892131132</v>
      </c>
      <c r="K3452" s="59">
        <f>Bühler!K3478</f>
        <v>2.1753695838196694</v>
      </c>
      <c r="L3452" s="59">
        <f>Bühler!L3478</f>
        <v>10.441774002334414</v>
      </c>
      <c r="M3452" s="58">
        <f>Bühler!M3478</f>
        <v>0</v>
      </c>
      <c r="N3452" s="56">
        <f>IF(Input!$D$19=1,J3452*Input!$C$19,0)+IF(Input!$D$20=1,K3452*Input!$C$20,0)+IF(Input!$D$21=1,L3452*Input!$C$21,0)+IF(Input!$D$22=1,M3452*Input!$C$22,0)</f>
        <v>0.43507391676393398</v>
      </c>
      <c r="O3452" s="59">
        <f>IF(Input!$D$19=2,J3452*Input!$C$19,0)+IF(Input!$D$20=2,K3452*Input!$C$20,0)+IF(Input!$D$21=2,L3452*Input!$C$21,0)+IF(Input!$D$22=2,M3452*Input!$C$22,0)</f>
        <v>1.0876847919098347</v>
      </c>
      <c r="P3452" s="59">
        <f>IF(Input!$D$19=3,J3452*Input!$C$19,0)+IF(Input!$D$20=3,K3452*Input!$C$20,0)+IF(Input!$D$21=3,L3452*Input!$C$21,0)+IF(Input!$D$22=3,M3452*Input!$C$22,0)</f>
        <v>0</v>
      </c>
      <c r="Q3452" s="75">
        <f>IF(Input!$D$19=4,J3452*Input!$C$19,0)+IF(Input!$D$20=4,K3452*Input!$C$20,0)+IF(Input!$D$21=4,L3452*Input!$C$21,0)+IF(Input!$D$22=4,M3452*Input!$C$22,0)</f>
        <v>0</v>
      </c>
      <c r="R3452" s="58">
        <v>69.426858933470768</v>
      </c>
      <c r="S3452" s="124">
        <f t="shared" si="53"/>
        <v>1.8853203059770471</v>
      </c>
    </row>
    <row r="3453" spans="8:19" x14ac:dyDescent="0.3">
      <c r="H3453" s="44">
        <v>3446</v>
      </c>
      <c r="I3453" s="56">
        <f>Bühler!I3479</f>
        <v>0.43507391676393392</v>
      </c>
      <c r="J3453" s="59">
        <f>Bühler!J3479</f>
        <v>1.4502463892131132</v>
      </c>
      <c r="K3453" s="59">
        <f>Bühler!K3479</f>
        <v>2.1753695838196694</v>
      </c>
      <c r="L3453" s="59">
        <f>Bühler!L3479</f>
        <v>10.441774002334414</v>
      </c>
      <c r="M3453" s="58">
        <f>Bühler!M3479</f>
        <v>0</v>
      </c>
      <c r="N3453" s="56">
        <f>IF(Input!$D$19=1,J3453*Input!$C$19,0)+IF(Input!$D$20=1,K3453*Input!$C$20,0)+IF(Input!$D$21=1,L3453*Input!$C$21,0)+IF(Input!$D$22=1,M3453*Input!$C$22,0)</f>
        <v>0.43507391676393398</v>
      </c>
      <c r="O3453" s="59">
        <f>IF(Input!$D$19=2,J3453*Input!$C$19,0)+IF(Input!$D$20=2,K3453*Input!$C$20,0)+IF(Input!$D$21=2,L3453*Input!$C$21,0)+IF(Input!$D$22=2,M3453*Input!$C$22,0)</f>
        <v>1.0876847919098347</v>
      </c>
      <c r="P3453" s="59">
        <f>IF(Input!$D$19=3,J3453*Input!$C$19,0)+IF(Input!$D$20=3,K3453*Input!$C$20,0)+IF(Input!$D$21=3,L3453*Input!$C$21,0)+IF(Input!$D$22=3,M3453*Input!$C$22,0)</f>
        <v>0</v>
      </c>
      <c r="Q3453" s="75">
        <f>IF(Input!$D$19=4,J3453*Input!$C$19,0)+IF(Input!$D$20=4,K3453*Input!$C$20,0)+IF(Input!$D$21=4,L3453*Input!$C$21,0)+IF(Input!$D$22=4,M3453*Input!$C$22,0)</f>
        <v>0</v>
      </c>
      <c r="R3453" s="58">
        <v>68.680330576761037</v>
      </c>
      <c r="S3453" s="124">
        <f t="shared" si="53"/>
        <v>1.8853203059770471</v>
      </c>
    </row>
    <row r="3454" spans="8:19" x14ac:dyDescent="0.3">
      <c r="H3454" s="44">
        <v>3447</v>
      </c>
      <c r="I3454" s="56">
        <f>Bühler!I3480</f>
        <v>0.43507391676393392</v>
      </c>
      <c r="J3454" s="59">
        <f>Bühler!J3480</f>
        <v>1.4502463892131132</v>
      </c>
      <c r="K3454" s="59">
        <f>Bühler!K3480</f>
        <v>2.1753695838196694</v>
      </c>
      <c r="L3454" s="59">
        <f>Bühler!L3480</f>
        <v>10.441774002334414</v>
      </c>
      <c r="M3454" s="58">
        <f>Bühler!M3480</f>
        <v>0</v>
      </c>
      <c r="N3454" s="56">
        <f>IF(Input!$D$19=1,J3454*Input!$C$19,0)+IF(Input!$D$20=1,K3454*Input!$C$20,0)+IF(Input!$D$21=1,L3454*Input!$C$21,0)+IF(Input!$D$22=1,M3454*Input!$C$22,0)</f>
        <v>0.43507391676393398</v>
      </c>
      <c r="O3454" s="59">
        <f>IF(Input!$D$19=2,J3454*Input!$C$19,0)+IF(Input!$D$20=2,K3454*Input!$C$20,0)+IF(Input!$D$21=2,L3454*Input!$C$21,0)+IF(Input!$D$22=2,M3454*Input!$C$22,0)</f>
        <v>1.0876847919098347</v>
      </c>
      <c r="P3454" s="59">
        <f>IF(Input!$D$19=3,J3454*Input!$C$19,0)+IF(Input!$D$20=3,K3454*Input!$C$20,0)+IF(Input!$D$21=3,L3454*Input!$C$21,0)+IF(Input!$D$22=3,M3454*Input!$C$22,0)</f>
        <v>0</v>
      </c>
      <c r="Q3454" s="75">
        <f>IF(Input!$D$19=4,J3454*Input!$C$19,0)+IF(Input!$D$20=4,K3454*Input!$C$20,0)+IF(Input!$D$21=4,L3454*Input!$C$21,0)+IF(Input!$D$22=4,M3454*Input!$C$22,0)</f>
        <v>0</v>
      </c>
      <c r="R3454" s="58">
        <v>68.831204456945358</v>
      </c>
      <c r="S3454" s="124">
        <f t="shared" si="53"/>
        <v>1.8853203059770471</v>
      </c>
    </row>
    <row r="3455" spans="8:19" x14ac:dyDescent="0.3">
      <c r="H3455" s="44">
        <v>3448</v>
      </c>
      <c r="I3455" s="56">
        <f>Bühler!I3481</f>
        <v>0.43507391676393392</v>
      </c>
      <c r="J3455" s="59">
        <f>Bühler!J3481</f>
        <v>1.4502463892131132</v>
      </c>
      <c r="K3455" s="59">
        <f>Bühler!K3481</f>
        <v>2.1753695838196694</v>
      </c>
      <c r="L3455" s="59">
        <f>Bühler!L3481</f>
        <v>10.441774002334414</v>
      </c>
      <c r="M3455" s="58">
        <f>Bühler!M3481</f>
        <v>0</v>
      </c>
      <c r="N3455" s="56">
        <f>IF(Input!$D$19=1,J3455*Input!$C$19,0)+IF(Input!$D$20=1,K3455*Input!$C$20,0)+IF(Input!$D$21=1,L3455*Input!$C$21,0)+IF(Input!$D$22=1,M3455*Input!$C$22,0)</f>
        <v>0.43507391676393398</v>
      </c>
      <c r="O3455" s="59">
        <f>IF(Input!$D$19=2,J3455*Input!$C$19,0)+IF(Input!$D$20=2,K3455*Input!$C$20,0)+IF(Input!$D$21=2,L3455*Input!$C$21,0)+IF(Input!$D$22=2,M3455*Input!$C$22,0)</f>
        <v>1.0876847919098347</v>
      </c>
      <c r="P3455" s="59">
        <f>IF(Input!$D$19=3,J3455*Input!$C$19,0)+IF(Input!$D$20=3,K3455*Input!$C$20,0)+IF(Input!$D$21=3,L3455*Input!$C$21,0)+IF(Input!$D$22=3,M3455*Input!$C$22,0)</f>
        <v>0</v>
      </c>
      <c r="Q3455" s="75">
        <f>IF(Input!$D$19=4,J3455*Input!$C$19,0)+IF(Input!$D$20=4,K3455*Input!$C$20,0)+IF(Input!$D$21=4,L3455*Input!$C$21,0)+IF(Input!$D$22=4,M3455*Input!$C$22,0)</f>
        <v>0</v>
      </c>
      <c r="R3455" s="58">
        <v>68.288032213713919</v>
      </c>
      <c r="S3455" s="124">
        <f t="shared" si="53"/>
        <v>1.8853203059770471</v>
      </c>
    </row>
    <row r="3456" spans="8:19" x14ac:dyDescent="0.3">
      <c r="H3456" s="44">
        <v>3449</v>
      </c>
      <c r="I3456" s="56">
        <f>Bühler!I3482</f>
        <v>0.43507391676393392</v>
      </c>
      <c r="J3456" s="59">
        <f>Bühler!J3482</f>
        <v>1.4502463892131132</v>
      </c>
      <c r="K3456" s="59">
        <f>Bühler!K3482</f>
        <v>2.1753695838196694</v>
      </c>
      <c r="L3456" s="59">
        <f>Bühler!L3482</f>
        <v>10.441774002334414</v>
      </c>
      <c r="M3456" s="58">
        <f>Bühler!M3482</f>
        <v>0</v>
      </c>
      <c r="N3456" s="56">
        <f>IF(Input!$D$19=1,J3456*Input!$C$19,0)+IF(Input!$D$20=1,K3456*Input!$C$20,0)+IF(Input!$D$21=1,L3456*Input!$C$21,0)+IF(Input!$D$22=1,M3456*Input!$C$22,0)</f>
        <v>0.43507391676393398</v>
      </c>
      <c r="O3456" s="59">
        <f>IF(Input!$D$19=2,J3456*Input!$C$19,0)+IF(Input!$D$20=2,K3456*Input!$C$20,0)+IF(Input!$D$21=2,L3456*Input!$C$21,0)+IF(Input!$D$22=2,M3456*Input!$C$22,0)</f>
        <v>1.0876847919098347</v>
      </c>
      <c r="P3456" s="59">
        <f>IF(Input!$D$19=3,J3456*Input!$C$19,0)+IF(Input!$D$20=3,K3456*Input!$C$20,0)+IF(Input!$D$21=3,L3456*Input!$C$21,0)+IF(Input!$D$22=3,M3456*Input!$C$22,0)</f>
        <v>0</v>
      </c>
      <c r="Q3456" s="75">
        <f>IF(Input!$D$19=4,J3456*Input!$C$19,0)+IF(Input!$D$20=4,K3456*Input!$C$20,0)+IF(Input!$D$21=4,L3456*Input!$C$21,0)+IF(Input!$D$22=4,M3456*Input!$C$22,0)</f>
        <v>0</v>
      </c>
      <c r="R3456" s="58">
        <v>67.564433124779882</v>
      </c>
      <c r="S3456" s="124">
        <f t="shared" si="53"/>
        <v>1.8853203059770471</v>
      </c>
    </row>
    <row r="3457" spans="8:19" x14ac:dyDescent="0.3">
      <c r="H3457" s="44">
        <v>3450</v>
      </c>
      <c r="I3457" s="56">
        <f>Bühler!I3483</f>
        <v>0.43507391676393392</v>
      </c>
      <c r="J3457" s="59">
        <f>Bühler!J3483</f>
        <v>1.4502463892131132</v>
      </c>
      <c r="K3457" s="59">
        <f>Bühler!K3483</f>
        <v>2.1753695838196694</v>
      </c>
      <c r="L3457" s="59">
        <f>Bühler!L3483</f>
        <v>10.441774002334414</v>
      </c>
      <c r="M3457" s="58">
        <f>Bühler!M3483</f>
        <v>0</v>
      </c>
      <c r="N3457" s="56">
        <f>IF(Input!$D$19=1,J3457*Input!$C$19,0)+IF(Input!$D$20=1,K3457*Input!$C$20,0)+IF(Input!$D$21=1,L3457*Input!$C$21,0)+IF(Input!$D$22=1,M3457*Input!$C$22,0)</f>
        <v>0.43507391676393398</v>
      </c>
      <c r="O3457" s="59">
        <f>IF(Input!$D$19=2,J3457*Input!$C$19,0)+IF(Input!$D$20=2,K3457*Input!$C$20,0)+IF(Input!$D$21=2,L3457*Input!$C$21,0)+IF(Input!$D$22=2,M3457*Input!$C$22,0)</f>
        <v>1.0876847919098347</v>
      </c>
      <c r="P3457" s="59">
        <f>IF(Input!$D$19=3,J3457*Input!$C$19,0)+IF(Input!$D$20=3,K3457*Input!$C$20,0)+IF(Input!$D$21=3,L3457*Input!$C$21,0)+IF(Input!$D$22=3,M3457*Input!$C$22,0)</f>
        <v>0</v>
      </c>
      <c r="Q3457" s="75">
        <f>IF(Input!$D$19=4,J3457*Input!$C$19,0)+IF(Input!$D$20=4,K3457*Input!$C$20,0)+IF(Input!$D$21=4,L3457*Input!$C$21,0)+IF(Input!$D$22=4,M3457*Input!$C$22,0)</f>
        <v>0</v>
      </c>
      <c r="R3457" s="58">
        <v>65.965195696672708</v>
      </c>
      <c r="S3457" s="124">
        <f t="shared" si="53"/>
        <v>1.8853203059770471</v>
      </c>
    </row>
    <row r="3458" spans="8:19" x14ac:dyDescent="0.3">
      <c r="H3458" s="44">
        <v>3451</v>
      </c>
      <c r="I3458" s="56">
        <f>Bühler!I3484</f>
        <v>0.43507391676393392</v>
      </c>
      <c r="J3458" s="59">
        <f>Bühler!J3484</f>
        <v>1.4502463892131132</v>
      </c>
      <c r="K3458" s="59">
        <f>Bühler!K3484</f>
        <v>2.1753695838196694</v>
      </c>
      <c r="L3458" s="59">
        <f>Bühler!L3484</f>
        <v>10.441774002334414</v>
      </c>
      <c r="M3458" s="58">
        <f>Bühler!M3484</f>
        <v>0</v>
      </c>
      <c r="N3458" s="56">
        <f>IF(Input!$D$19=1,J3458*Input!$C$19,0)+IF(Input!$D$20=1,K3458*Input!$C$20,0)+IF(Input!$D$21=1,L3458*Input!$C$21,0)+IF(Input!$D$22=1,M3458*Input!$C$22,0)</f>
        <v>0.43507391676393398</v>
      </c>
      <c r="O3458" s="59">
        <f>IF(Input!$D$19=2,J3458*Input!$C$19,0)+IF(Input!$D$20=2,K3458*Input!$C$20,0)+IF(Input!$D$21=2,L3458*Input!$C$21,0)+IF(Input!$D$22=2,M3458*Input!$C$22,0)</f>
        <v>1.0876847919098347</v>
      </c>
      <c r="P3458" s="59">
        <f>IF(Input!$D$19=3,J3458*Input!$C$19,0)+IF(Input!$D$20=3,K3458*Input!$C$20,0)+IF(Input!$D$21=3,L3458*Input!$C$21,0)+IF(Input!$D$22=3,M3458*Input!$C$22,0)</f>
        <v>0</v>
      </c>
      <c r="Q3458" s="75">
        <f>IF(Input!$D$19=4,J3458*Input!$C$19,0)+IF(Input!$D$20=4,K3458*Input!$C$20,0)+IF(Input!$D$21=4,L3458*Input!$C$21,0)+IF(Input!$D$22=4,M3458*Input!$C$22,0)</f>
        <v>0</v>
      </c>
      <c r="R3458" s="58">
        <v>64.892077913197966</v>
      </c>
      <c r="S3458" s="124">
        <f t="shared" si="53"/>
        <v>1.8853203059770471</v>
      </c>
    </row>
    <row r="3459" spans="8:19" x14ac:dyDescent="0.3">
      <c r="H3459" s="44">
        <v>3452</v>
      </c>
      <c r="I3459" s="56">
        <f>Bühler!I3485</f>
        <v>0.36256159730327825</v>
      </c>
      <c r="J3459" s="59">
        <f>Bühler!J3485</f>
        <v>1.2085386576775943</v>
      </c>
      <c r="K3459" s="59">
        <f>Bühler!K3485</f>
        <v>1.8128079865163913</v>
      </c>
      <c r="L3459" s="59">
        <f>Bühler!L3485</f>
        <v>8.7014783352786775</v>
      </c>
      <c r="M3459" s="58">
        <f>Bühler!M3485</f>
        <v>0</v>
      </c>
      <c r="N3459" s="56">
        <f>IF(Input!$D$19=1,J3459*Input!$C$19,0)+IF(Input!$D$20=1,K3459*Input!$C$20,0)+IF(Input!$D$21=1,L3459*Input!$C$21,0)+IF(Input!$D$22=1,M3459*Input!$C$22,0)</f>
        <v>0.36256159730327825</v>
      </c>
      <c r="O3459" s="59">
        <f>IF(Input!$D$19=2,J3459*Input!$C$19,0)+IF(Input!$D$20=2,K3459*Input!$C$20,0)+IF(Input!$D$21=2,L3459*Input!$C$21,0)+IF(Input!$D$22=2,M3459*Input!$C$22,0)</f>
        <v>0.90640399325819565</v>
      </c>
      <c r="P3459" s="59">
        <f>IF(Input!$D$19=3,J3459*Input!$C$19,0)+IF(Input!$D$20=3,K3459*Input!$C$20,0)+IF(Input!$D$21=3,L3459*Input!$C$21,0)+IF(Input!$D$22=3,M3459*Input!$C$22,0)</f>
        <v>0</v>
      </c>
      <c r="Q3459" s="75">
        <f>IF(Input!$D$19=4,J3459*Input!$C$19,0)+IF(Input!$D$20=4,K3459*Input!$C$20,0)+IF(Input!$D$21=4,L3459*Input!$C$21,0)+IF(Input!$D$22=4,M3459*Input!$C$22,0)</f>
        <v>0</v>
      </c>
      <c r="R3459" s="58">
        <v>64.062033755570596</v>
      </c>
      <c r="S3459" s="124">
        <f t="shared" si="53"/>
        <v>1.5711002549808726</v>
      </c>
    </row>
    <row r="3460" spans="8:19" x14ac:dyDescent="0.3">
      <c r="H3460" s="44">
        <v>3453</v>
      </c>
      <c r="I3460" s="56">
        <f>Bühler!I3486</f>
        <v>0.29004927784262258</v>
      </c>
      <c r="J3460" s="59">
        <f>Bühler!J3486</f>
        <v>0.96683092614207533</v>
      </c>
      <c r="K3460" s="59">
        <f>Bühler!K3486</f>
        <v>1.4502463892131128</v>
      </c>
      <c r="L3460" s="59">
        <f>Bühler!L3486</f>
        <v>6.9611826682229418</v>
      </c>
      <c r="M3460" s="58">
        <f>Bühler!M3486</f>
        <v>0</v>
      </c>
      <c r="N3460" s="56">
        <f>IF(Input!$D$19=1,J3460*Input!$C$19,0)+IF(Input!$D$20=1,K3460*Input!$C$20,0)+IF(Input!$D$21=1,L3460*Input!$C$21,0)+IF(Input!$D$22=1,M3460*Input!$C$22,0)</f>
        <v>0.29004927784262258</v>
      </c>
      <c r="O3460" s="59">
        <f>IF(Input!$D$19=2,J3460*Input!$C$19,0)+IF(Input!$D$20=2,K3460*Input!$C$20,0)+IF(Input!$D$21=2,L3460*Input!$C$21,0)+IF(Input!$D$22=2,M3460*Input!$C$22,0)</f>
        <v>0.72512319460655639</v>
      </c>
      <c r="P3460" s="59">
        <f>IF(Input!$D$19=3,J3460*Input!$C$19,0)+IF(Input!$D$20=3,K3460*Input!$C$20,0)+IF(Input!$D$21=3,L3460*Input!$C$21,0)+IF(Input!$D$22=3,M3460*Input!$C$22,0)</f>
        <v>0</v>
      </c>
      <c r="Q3460" s="75">
        <f>IF(Input!$D$19=4,J3460*Input!$C$19,0)+IF(Input!$D$20=4,K3460*Input!$C$20,0)+IF(Input!$D$21=4,L3460*Input!$C$21,0)+IF(Input!$D$22=4,M3460*Input!$C$22,0)</f>
        <v>0</v>
      </c>
      <c r="R3460" s="58">
        <v>62.168707144671082</v>
      </c>
      <c r="S3460" s="124">
        <f t="shared" si="53"/>
        <v>1.2568802039846978</v>
      </c>
    </row>
    <row r="3461" spans="8:19" x14ac:dyDescent="0.3">
      <c r="H3461" s="44">
        <v>3454</v>
      </c>
      <c r="I3461" s="56">
        <f>Bühler!I3487</f>
        <v>0.21753695838196696</v>
      </c>
      <c r="J3461" s="59">
        <f>Bühler!J3487</f>
        <v>0.72512319460655661</v>
      </c>
      <c r="K3461" s="59">
        <f>Bühler!K3487</f>
        <v>1.0876847919098347</v>
      </c>
      <c r="L3461" s="59">
        <f>Bühler!L3487</f>
        <v>5.2208870011672071</v>
      </c>
      <c r="M3461" s="58">
        <f>Bühler!M3487</f>
        <v>0</v>
      </c>
      <c r="N3461" s="56">
        <f>IF(Input!$D$19=1,J3461*Input!$C$19,0)+IF(Input!$D$20=1,K3461*Input!$C$20,0)+IF(Input!$D$21=1,L3461*Input!$C$21,0)+IF(Input!$D$22=1,M3461*Input!$C$22,0)</f>
        <v>0.21753695838196699</v>
      </c>
      <c r="O3461" s="59">
        <f>IF(Input!$D$19=2,J3461*Input!$C$19,0)+IF(Input!$D$20=2,K3461*Input!$C$20,0)+IF(Input!$D$21=2,L3461*Input!$C$21,0)+IF(Input!$D$22=2,M3461*Input!$C$22,0)</f>
        <v>0.54384239595491735</v>
      </c>
      <c r="P3461" s="59">
        <f>IF(Input!$D$19=3,J3461*Input!$C$19,0)+IF(Input!$D$20=3,K3461*Input!$C$20,0)+IF(Input!$D$21=3,L3461*Input!$C$21,0)+IF(Input!$D$22=3,M3461*Input!$C$22,0)</f>
        <v>0</v>
      </c>
      <c r="Q3461" s="75">
        <f>IF(Input!$D$19=4,J3461*Input!$C$19,0)+IF(Input!$D$20=4,K3461*Input!$C$20,0)+IF(Input!$D$21=4,L3461*Input!$C$21,0)+IF(Input!$D$22=4,M3461*Input!$C$22,0)</f>
        <v>0</v>
      </c>
      <c r="R3461" s="58">
        <v>60.258573538441468</v>
      </c>
      <c r="S3461" s="124">
        <f t="shared" si="53"/>
        <v>0.94266015298852357</v>
      </c>
    </row>
    <row r="3462" spans="8:19" x14ac:dyDescent="0.3">
      <c r="H3462" s="44">
        <v>3455</v>
      </c>
      <c r="I3462" s="56">
        <f>Bühler!I3488</f>
        <v>0.21753695838196696</v>
      </c>
      <c r="J3462" s="59">
        <f>Bühler!J3488</f>
        <v>0.72512319460655661</v>
      </c>
      <c r="K3462" s="59">
        <f>Bühler!K3488</f>
        <v>1.0876847919098347</v>
      </c>
      <c r="L3462" s="59">
        <f>Bühler!L3488</f>
        <v>5.2208870011672071</v>
      </c>
      <c r="M3462" s="58">
        <f>Bühler!M3488</f>
        <v>0</v>
      </c>
      <c r="N3462" s="56">
        <f>IF(Input!$D$19=1,J3462*Input!$C$19,0)+IF(Input!$D$20=1,K3462*Input!$C$20,0)+IF(Input!$D$21=1,L3462*Input!$C$21,0)+IF(Input!$D$22=1,M3462*Input!$C$22,0)</f>
        <v>0.21753695838196699</v>
      </c>
      <c r="O3462" s="59">
        <f>IF(Input!$D$19=2,J3462*Input!$C$19,0)+IF(Input!$D$20=2,K3462*Input!$C$20,0)+IF(Input!$D$21=2,L3462*Input!$C$21,0)+IF(Input!$D$22=2,M3462*Input!$C$22,0)</f>
        <v>0.54384239595491735</v>
      </c>
      <c r="P3462" s="59">
        <f>IF(Input!$D$19=3,J3462*Input!$C$19,0)+IF(Input!$D$20=3,K3462*Input!$C$20,0)+IF(Input!$D$21=3,L3462*Input!$C$21,0)+IF(Input!$D$22=3,M3462*Input!$C$22,0)</f>
        <v>0</v>
      </c>
      <c r="Q3462" s="75">
        <f>IF(Input!$D$19=4,J3462*Input!$C$19,0)+IF(Input!$D$20=4,K3462*Input!$C$20,0)+IF(Input!$D$21=4,L3462*Input!$C$21,0)+IF(Input!$D$22=4,M3462*Input!$C$22,0)</f>
        <v>0</v>
      </c>
      <c r="R3462" s="58">
        <v>60.126832215669026</v>
      </c>
      <c r="S3462" s="124">
        <f t="shared" si="53"/>
        <v>0.94266015298852357</v>
      </c>
    </row>
    <row r="3463" spans="8:19" x14ac:dyDescent="0.3">
      <c r="H3463" s="44">
        <v>3456</v>
      </c>
      <c r="I3463" s="56">
        <f>Bühler!I3489</f>
        <v>0.21753695838196696</v>
      </c>
      <c r="J3463" s="59">
        <f>Bühler!J3489</f>
        <v>0.72512319460655661</v>
      </c>
      <c r="K3463" s="59">
        <f>Bühler!K3489</f>
        <v>1.0876847919098347</v>
      </c>
      <c r="L3463" s="59">
        <f>Bühler!L3489</f>
        <v>5.2208870011672071</v>
      </c>
      <c r="M3463" s="58">
        <f>Bühler!M3489</f>
        <v>0</v>
      </c>
      <c r="N3463" s="56">
        <f>IF(Input!$D$19=1,J3463*Input!$C$19,0)+IF(Input!$D$20=1,K3463*Input!$C$20,0)+IF(Input!$D$21=1,L3463*Input!$C$21,0)+IF(Input!$D$22=1,M3463*Input!$C$22,0)</f>
        <v>0.21753695838196699</v>
      </c>
      <c r="O3463" s="59">
        <f>IF(Input!$D$19=2,J3463*Input!$C$19,0)+IF(Input!$D$20=2,K3463*Input!$C$20,0)+IF(Input!$D$21=2,L3463*Input!$C$21,0)+IF(Input!$D$22=2,M3463*Input!$C$22,0)</f>
        <v>0.54384239595491735</v>
      </c>
      <c r="P3463" s="59">
        <f>IF(Input!$D$19=3,J3463*Input!$C$19,0)+IF(Input!$D$20=3,K3463*Input!$C$20,0)+IF(Input!$D$21=3,L3463*Input!$C$21,0)+IF(Input!$D$22=3,M3463*Input!$C$22,0)</f>
        <v>0</v>
      </c>
      <c r="Q3463" s="75">
        <f>IF(Input!$D$19=4,J3463*Input!$C$19,0)+IF(Input!$D$20=4,K3463*Input!$C$20,0)+IF(Input!$D$21=4,L3463*Input!$C$21,0)+IF(Input!$D$22=4,M3463*Input!$C$22,0)</f>
        <v>0</v>
      </c>
      <c r="R3463" s="58">
        <v>59.455298293433351</v>
      </c>
      <c r="S3463" s="124">
        <f t="shared" si="53"/>
        <v>0.94266015298852357</v>
      </c>
    </row>
    <row r="3464" spans="8:19" x14ac:dyDescent="0.3">
      <c r="H3464" s="44">
        <v>3457</v>
      </c>
      <c r="I3464" s="56">
        <f>Bühler!I3490</f>
        <v>0.24245461663770998</v>
      </c>
      <c r="J3464" s="59">
        <f>Bühler!J3490</f>
        <v>0.80818205545903332</v>
      </c>
      <c r="K3464" s="59">
        <f>Bühler!K3490</f>
        <v>1.21227308318855</v>
      </c>
      <c r="L3464" s="59">
        <f>Bühler!L3490</f>
        <v>5.8189107993050397</v>
      </c>
      <c r="M3464" s="58">
        <f>Bühler!M3490</f>
        <v>0</v>
      </c>
      <c r="N3464" s="56">
        <f>IF(Input!$D$19=1,J3464*Input!$C$19,0)+IF(Input!$D$20=1,K3464*Input!$C$20,0)+IF(Input!$D$21=1,L3464*Input!$C$21,0)+IF(Input!$D$22=1,M3464*Input!$C$22,0)</f>
        <v>0.24245461663770998</v>
      </c>
      <c r="O3464" s="59">
        <f>IF(Input!$D$19=2,J3464*Input!$C$19,0)+IF(Input!$D$20=2,K3464*Input!$C$20,0)+IF(Input!$D$21=2,L3464*Input!$C$21,0)+IF(Input!$D$22=2,M3464*Input!$C$22,0)</f>
        <v>0.60613654159427499</v>
      </c>
      <c r="P3464" s="59">
        <f>IF(Input!$D$19=3,J3464*Input!$C$19,0)+IF(Input!$D$20=3,K3464*Input!$C$20,0)+IF(Input!$D$21=3,L3464*Input!$C$21,0)+IF(Input!$D$22=3,M3464*Input!$C$22,0)</f>
        <v>0</v>
      </c>
      <c r="Q3464" s="75">
        <f>IF(Input!$D$19=4,J3464*Input!$C$19,0)+IF(Input!$D$20=4,K3464*Input!$C$20,0)+IF(Input!$D$21=4,L3464*Input!$C$21,0)+IF(Input!$D$22=4,M3464*Input!$C$22,0)</f>
        <v>0</v>
      </c>
      <c r="R3464" s="58">
        <v>58.8380935324438</v>
      </c>
      <c r="S3464" s="124">
        <f t="shared" si="53"/>
        <v>1.0506366720967433</v>
      </c>
    </row>
    <row r="3465" spans="8:19" x14ac:dyDescent="0.3">
      <c r="H3465" s="44">
        <v>3458</v>
      </c>
      <c r="I3465" s="56">
        <f>Bühler!I3491</f>
        <v>0.24245461663770998</v>
      </c>
      <c r="J3465" s="59">
        <f>Bühler!J3491</f>
        <v>0.80818205545903332</v>
      </c>
      <c r="K3465" s="59">
        <f>Bühler!K3491</f>
        <v>1.21227308318855</v>
      </c>
      <c r="L3465" s="59">
        <f>Bühler!L3491</f>
        <v>5.8189107993050397</v>
      </c>
      <c r="M3465" s="58">
        <f>Bühler!M3491</f>
        <v>0</v>
      </c>
      <c r="N3465" s="56">
        <f>IF(Input!$D$19=1,J3465*Input!$C$19,0)+IF(Input!$D$20=1,K3465*Input!$C$20,0)+IF(Input!$D$21=1,L3465*Input!$C$21,0)+IF(Input!$D$22=1,M3465*Input!$C$22,0)</f>
        <v>0.24245461663770998</v>
      </c>
      <c r="O3465" s="59">
        <f>IF(Input!$D$19=2,J3465*Input!$C$19,0)+IF(Input!$D$20=2,K3465*Input!$C$20,0)+IF(Input!$D$21=2,L3465*Input!$C$21,0)+IF(Input!$D$22=2,M3465*Input!$C$22,0)</f>
        <v>0.60613654159427499</v>
      </c>
      <c r="P3465" s="59">
        <f>IF(Input!$D$19=3,J3465*Input!$C$19,0)+IF(Input!$D$20=3,K3465*Input!$C$20,0)+IF(Input!$D$21=3,L3465*Input!$C$21,0)+IF(Input!$D$22=3,M3465*Input!$C$22,0)</f>
        <v>0</v>
      </c>
      <c r="Q3465" s="75">
        <f>IF(Input!$D$19=4,J3465*Input!$C$19,0)+IF(Input!$D$20=4,K3465*Input!$C$20,0)+IF(Input!$D$21=4,L3465*Input!$C$21,0)+IF(Input!$D$22=4,M3465*Input!$C$22,0)</f>
        <v>0</v>
      </c>
      <c r="R3465" s="58">
        <v>58.325005689051935</v>
      </c>
      <c r="S3465" s="124">
        <f t="shared" ref="S3465:S3528" si="54">I3465+J3465</f>
        <v>1.0506366720967433</v>
      </c>
    </row>
    <row r="3466" spans="8:19" x14ac:dyDescent="0.3">
      <c r="H3466" s="44">
        <v>3459</v>
      </c>
      <c r="I3466" s="56">
        <f>Bühler!I3492</f>
        <v>0.24245461663770998</v>
      </c>
      <c r="J3466" s="59">
        <f>Bühler!J3492</f>
        <v>0.80818205545903332</v>
      </c>
      <c r="K3466" s="59">
        <f>Bühler!K3492</f>
        <v>1.21227308318855</v>
      </c>
      <c r="L3466" s="59">
        <f>Bühler!L3492</f>
        <v>5.8189107993050397</v>
      </c>
      <c r="M3466" s="58">
        <f>Bühler!M3492</f>
        <v>0</v>
      </c>
      <c r="N3466" s="56">
        <f>IF(Input!$D$19=1,J3466*Input!$C$19,0)+IF(Input!$D$20=1,K3466*Input!$C$20,0)+IF(Input!$D$21=1,L3466*Input!$C$21,0)+IF(Input!$D$22=1,M3466*Input!$C$22,0)</f>
        <v>0.24245461663770998</v>
      </c>
      <c r="O3466" s="59">
        <f>IF(Input!$D$19=2,J3466*Input!$C$19,0)+IF(Input!$D$20=2,K3466*Input!$C$20,0)+IF(Input!$D$21=2,L3466*Input!$C$21,0)+IF(Input!$D$22=2,M3466*Input!$C$22,0)</f>
        <v>0.60613654159427499</v>
      </c>
      <c r="P3466" s="59">
        <f>IF(Input!$D$19=3,J3466*Input!$C$19,0)+IF(Input!$D$20=3,K3466*Input!$C$20,0)+IF(Input!$D$21=3,L3466*Input!$C$21,0)+IF(Input!$D$22=3,M3466*Input!$C$22,0)</f>
        <v>0</v>
      </c>
      <c r="Q3466" s="75">
        <f>IF(Input!$D$19=4,J3466*Input!$C$19,0)+IF(Input!$D$20=4,K3466*Input!$C$20,0)+IF(Input!$D$21=4,L3466*Input!$C$21,0)+IF(Input!$D$22=4,M3466*Input!$C$22,0)</f>
        <v>0</v>
      </c>
      <c r="R3466" s="58">
        <v>57.779854556616705</v>
      </c>
      <c r="S3466" s="124">
        <f t="shared" si="54"/>
        <v>1.0506366720967433</v>
      </c>
    </row>
    <row r="3467" spans="8:19" x14ac:dyDescent="0.3">
      <c r="H3467" s="44">
        <v>3460</v>
      </c>
      <c r="I3467" s="56">
        <f>Bühler!I3493</f>
        <v>0.24245461663770998</v>
      </c>
      <c r="J3467" s="59">
        <f>Bühler!J3493</f>
        <v>0.80818205545903332</v>
      </c>
      <c r="K3467" s="59">
        <f>Bühler!K3493</f>
        <v>1.21227308318855</v>
      </c>
      <c r="L3467" s="59">
        <f>Bühler!L3493</f>
        <v>5.8189107993050397</v>
      </c>
      <c r="M3467" s="58">
        <f>Bühler!M3493</f>
        <v>0</v>
      </c>
      <c r="N3467" s="56">
        <f>IF(Input!$D$19=1,J3467*Input!$C$19,0)+IF(Input!$D$20=1,K3467*Input!$C$20,0)+IF(Input!$D$21=1,L3467*Input!$C$21,0)+IF(Input!$D$22=1,M3467*Input!$C$22,0)</f>
        <v>0.24245461663770998</v>
      </c>
      <c r="O3467" s="59">
        <f>IF(Input!$D$19=2,J3467*Input!$C$19,0)+IF(Input!$D$20=2,K3467*Input!$C$20,0)+IF(Input!$D$21=2,L3467*Input!$C$21,0)+IF(Input!$D$22=2,M3467*Input!$C$22,0)</f>
        <v>0.60613654159427499</v>
      </c>
      <c r="P3467" s="59">
        <f>IF(Input!$D$19=3,J3467*Input!$C$19,0)+IF(Input!$D$20=3,K3467*Input!$C$20,0)+IF(Input!$D$21=3,L3467*Input!$C$21,0)+IF(Input!$D$22=3,M3467*Input!$C$22,0)</f>
        <v>0</v>
      </c>
      <c r="Q3467" s="75">
        <f>IF(Input!$D$19=4,J3467*Input!$C$19,0)+IF(Input!$D$20=4,K3467*Input!$C$20,0)+IF(Input!$D$21=4,L3467*Input!$C$21,0)+IF(Input!$D$22=4,M3467*Input!$C$22,0)</f>
        <v>0</v>
      </c>
      <c r="R3467" s="58">
        <v>58.43103616248105</v>
      </c>
      <c r="S3467" s="124">
        <f t="shared" si="54"/>
        <v>1.0506366720967433</v>
      </c>
    </row>
    <row r="3468" spans="8:19" x14ac:dyDescent="0.3">
      <c r="H3468" s="44">
        <v>3461</v>
      </c>
      <c r="I3468" s="56">
        <f>Bühler!I3494</f>
        <v>0.24245461663770998</v>
      </c>
      <c r="J3468" s="59">
        <f>Bühler!J3494</f>
        <v>0.80818205545903332</v>
      </c>
      <c r="K3468" s="59">
        <f>Bühler!K3494</f>
        <v>1.21227308318855</v>
      </c>
      <c r="L3468" s="59">
        <f>Bühler!L3494</f>
        <v>5.8189107993050397</v>
      </c>
      <c r="M3468" s="58">
        <f>Bühler!M3494</f>
        <v>0</v>
      </c>
      <c r="N3468" s="56">
        <f>IF(Input!$D$19=1,J3468*Input!$C$19,0)+IF(Input!$D$20=1,K3468*Input!$C$20,0)+IF(Input!$D$21=1,L3468*Input!$C$21,0)+IF(Input!$D$22=1,M3468*Input!$C$22,0)</f>
        <v>0.24245461663770998</v>
      </c>
      <c r="O3468" s="59">
        <f>IF(Input!$D$19=2,J3468*Input!$C$19,0)+IF(Input!$D$20=2,K3468*Input!$C$20,0)+IF(Input!$D$21=2,L3468*Input!$C$21,0)+IF(Input!$D$22=2,M3468*Input!$C$22,0)</f>
        <v>0.60613654159427499</v>
      </c>
      <c r="P3468" s="59">
        <f>IF(Input!$D$19=3,J3468*Input!$C$19,0)+IF(Input!$D$20=3,K3468*Input!$C$20,0)+IF(Input!$D$21=3,L3468*Input!$C$21,0)+IF(Input!$D$22=3,M3468*Input!$C$22,0)</f>
        <v>0</v>
      </c>
      <c r="Q3468" s="75">
        <f>IF(Input!$D$19=4,J3468*Input!$C$19,0)+IF(Input!$D$20=4,K3468*Input!$C$20,0)+IF(Input!$D$21=4,L3468*Input!$C$21,0)+IF(Input!$D$22=4,M3468*Input!$C$22,0)</f>
        <v>0</v>
      </c>
      <c r="R3468" s="58">
        <v>59.584158024171117</v>
      </c>
      <c r="S3468" s="124">
        <f t="shared" si="54"/>
        <v>1.0506366720967433</v>
      </c>
    </row>
    <row r="3469" spans="8:19" x14ac:dyDescent="0.3">
      <c r="H3469" s="44">
        <v>3462</v>
      </c>
      <c r="I3469" s="56">
        <f>Bühler!I3495</f>
        <v>0.31249706144415956</v>
      </c>
      <c r="J3469" s="59">
        <f>Bühler!J3495</f>
        <v>1.0416568714805319</v>
      </c>
      <c r="K3469" s="59">
        <f>Bühler!K3495</f>
        <v>1.5624853072207978</v>
      </c>
      <c r="L3469" s="59">
        <f>Bühler!L3495</f>
        <v>7.4999294746598295</v>
      </c>
      <c r="M3469" s="58">
        <f>Bühler!M3495</f>
        <v>0</v>
      </c>
      <c r="N3469" s="56">
        <f>IF(Input!$D$19=1,J3469*Input!$C$19,0)+IF(Input!$D$20=1,K3469*Input!$C$20,0)+IF(Input!$D$21=1,L3469*Input!$C$21,0)+IF(Input!$D$22=1,M3469*Input!$C$22,0)</f>
        <v>0.31249706144415956</v>
      </c>
      <c r="O3469" s="59">
        <f>IF(Input!$D$19=2,J3469*Input!$C$19,0)+IF(Input!$D$20=2,K3469*Input!$C$20,0)+IF(Input!$D$21=2,L3469*Input!$C$21,0)+IF(Input!$D$22=2,M3469*Input!$C$22,0)</f>
        <v>0.78124265361039891</v>
      </c>
      <c r="P3469" s="59">
        <f>IF(Input!$D$19=3,J3469*Input!$C$19,0)+IF(Input!$D$20=3,K3469*Input!$C$20,0)+IF(Input!$D$21=3,L3469*Input!$C$21,0)+IF(Input!$D$22=3,M3469*Input!$C$22,0)</f>
        <v>0</v>
      </c>
      <c r="Q3469" s="75">
        <f>IF(Input!$D$19=4,J3469*Input!$C$19,0)+IF(Input!$D$20=4,K3469*Input!$C$20,0)+IF(Input!$D$21=4,L3469*Input!$C$21,0)+IF(Input!$D$22=4,M3469*Input!$C$22,0)</f>
        <v>0</v>
      </c>
      <c r="R3469" s="58">
        <v>61.90256936734891</v>
      </c>
      <c r="S3469" s="124">
        <f t="shared" si="54"/>
        <v>1.3541539329246914</v>
      </c>
    </row>
    <row r="3470" spans="8:19" x14ac:dyDescent="0.3">
      <c r="H3470" s="44">
        <v>3463</v>
      </c>
      <c r="I3470" s="56">
        <f>Bühler!I3496</f>
        <v>0.3771516258808823</v>
      </c>
      <c r="J3470" s="59">
        <f>Bühler!J3496</f>
        <v>1.2571720862696079</v>
      </c>
      <c r="K3470" s="59">
        <f>Bühler!K3496</f>
        <v>1.8857581294044115</v>
      </c>
      <c r="L3470" s="59">
        <f>Bühler!L3496</f>
        <v>9.0516390211411757</v>
      </c>
      <c r="M3470" s="58">
        <f>Bühler!M3496</f>
        <v>0</v>
      </c>
      <c r="N3470" s="56">
        <f>IF(Input!$D$19=1,J3470*Input!$C$19,0)+IF(Input!$D$20=1,K3470*Input!$C$20,0)+IF(Input!$D$21=1,L3470*Input!$C$21,0)+IF(Input!$D$22=1,M3470*Input!$C$22,0)</f>
        <v>0.37715162588088236</v>
      </c>
      <c r="O3470" s="59">
        <f>IF(Input!$D$19=2,J3470*Input!$C$19,0)+IF(Input!$D$20=2,K3470*Input!$C$20,0)+IF(Input!$D$21=2,L3470*Input!$C$21,0)+IF(Input!$D$22=2,M3470*Input!$C$22,0)</f>
        <v>0.94287906470220573</v>
      </c>
      <c r="P3470" s="59">
        <f>IF(Input!$D$19=3,J3470*Input!$C$19,0)+IF(Input!$D$20=3,K3470*Input!$C$20,0)+IF(Input!$D$21=3,L3470*Input!$C$21,0)+IF(Input!$D$22=3,M3470*Input!$C$22,0)</f>
        <v>0</v>
      </c>
      <c r="Q3470" s="75">
        <f>IF(Input!$D$19=4,J3470*Input!$C$19,0)+IF(Input!$D$20=4,K3470*Input!$C$20,0)+IF(Input!$D$21=4,L3470*Input!$C$21,0)+IF(Input!$D$22=4,M3470*Input!$C$22,0)</f>
        <v>0</v>
      </c>
      <c r="R3470" s="58">
        <v>65.136996446782121</v>
      </c>
      <c r="S3470" s="124">
        <f t="shared" si="54"/>
        <v>1.6343237121504901</v>
      </c>
    </row>
    <row r="3471" spans="8:19" x14ac:dyDescent="0.3">
      <c r="H3471" s="44">
        <v>3464</v>
      </c>
      <c r="I3471" s="56">
        <f>Bühler!I3497</f>
        <v>0.3771516258808823</v>
      </c>
      <c r="J3471" s="59">
        <f>Bühler!J3497</f>
        <v>1.2571720862696079</v>
      </c>
      <c r="K3471" s="59">
        <f>Bühler!K3497</f>
        <v>1.8857581294044115</v>
      </c>
      <c r="L3471" s="59">
        <f>Bühler!L3497</f>
        <v>9.0516390211411757</v>
      </c>
      <c r="M3471" s="58">
        <f>Bühler!M3497</f>
        <v>0</v>
      </c>
      <c r="N3471" s="56">
        <f>IF(Input!$D$19=1,J3471*Input!$C$19,0)+IF(Input!$D$20=1,K3471*Input!$C$20,0)+IF(Input!$D$21=1,L3471*Input!$C$21,0)+IF(Input!$D$22=1,M3471*Input!$C$22,0)</f>
        <v>0.37715162588088236</v>
      </c>
      <c r="O3471" s="59">
        <f>IF(Input!$D$19=2,J3471*Input!$C$19,0)+IF(Input!$D$20=2,K3471*Input!$C$20,0)+IF(Input!$D$21=2,L3471*Input!$C$21,0)+IF(Input!$D$22=2,M3471*Input!$C$22,0)</f>
        <v>0.94287906470220573</v>
      </c>
      <c r="P3471" s="59">
        <f>IF(Input!$D$19=3,J3471*Input!$C$19,0)+IF(Input!$D$20=3,K3471*Input!$C$20,0)+IF(Input!$D$21=3,L3471*Input!$C$21,0)+IF(Input!$D$22=3,M3471*Input!$C$22,0)</f>
        <v>0</v>
      </c>
      <c r="Q3471" s="75">
        <f>IF(Input!$D$19=4,J3471*Input!$C$19,0)+IF(Input!$D$20=4,K3471*Input!$C$20,0)+IF(Input!$D$21=4,L3471*Input!$C$21,0)+IF(Input!$D$22=4,M3471*Input!$C$22,0)</f>
        <v>0</v>
      </c>
      <c r="R3471" s="58">
        <v>66.653323922827525</v>
      </c>
      <c r="S3471" s="124">
        <f t="shared" si="54"/>
        <v>1.6343237121504901</v>
      </c>
    </row>
    <row r="3472" spans="8:19" x14ac:dyDescent="0.3">
      <c r="H3472" s="44">
        <v>3465</v>
      </c>
      <c r="I3472" s="56">
        <f>Bühler!I3498</f>
        <v>0.3771516258808823</v>
      </c>
      <c r="J3472" s="59">
        <f>Bühler!J3498</f>
        <v>1.2571720862696079</v>
      </c>
      <c r="K3472" s="59">
        <f>Bühler!K3498</f>
        <v>1.8857581294044115</v>
      </c>
      <c r="L3472" s="59">
        <f>Bühler!L3498</f>
        <v>9.0516390211411757</v>
      </c>
      <c r="M3472" s="58">
        <f>Bühler!M3498</f>
        <v>0</v>
      </c>
      <c r="N3472" s="56">
        <f>IF(Input!$D$19=1,J3472*Input!$C$19,0)+IF(Input!$D$20=1,K3472*Input!$C$20,0)+IF(Input!$D$21=1,L3472*Input!$C$21,0)+IF(Input!$D$22=1,M3472*Input!$C$22,0)</f>
        <v>0.37715162588088236</v>
      </c>
      <c r="O3472" s="59">
        <f>IF(Input!$D$19=2,J3472*Input!$C$19,0)+IF(Input!$D$20=2,K3472*Input!$C$20,0)+IF(Input!$D$21=2,L3472*Input!$C$21,0)+IF(Input!$D$22=2,M3472*Input!$C$22,0)</f>
        <v>0.94287906470220573</v>
      </c>
      <c r="P3472" s="59">
        <f>IF(Input!$D$19=3,J3472*Input!$C$19,0)+IF(Input!$D$20=3,K3472*Input!$C$20,0)+IF(Input!$D$21=3,L3472*Input!$C$21,0)+IF(Input!$D$22=3,M3472*Input!$C$22,0)</f>
        <v>0</v>
      </c>
      <c r="Q3472" s="75">
        <f>IF(Input!$D$19=4,J3472*Input!$C$19,0)+IF(Input!$D$20=4,K3472*Input!$C$20,0)+IF(Input!$D$21=4,L3472*Input!$C$21,0)+IF(Input!$D$22=4,M3472*Input!$C$22,0)</f>
        <v>0</v>
      </c>
      <c r="R3472" s="58">
        <v>67.257871406967197</v>
      </c>
      <c r="S3472" s="124">
        <f t="shared" si="54"/>
        <v>1.6343237121504901</v>
      </c>
    </row>
    <row r="3473" spans="8:19" x14ac:dyDescent="0.3">
      <c r="H3473" s="44">
        <v>3466</v>
      </c>
      <c r="I3473" s="56">
        <f>Bühler!I3499</f>
        <v>0.40409102772951666</v>
      </c>
      <c r="J3473" s="59">
        <f>Bühler!J3499</f>
        <v>1.3469700924317225</v>
      </c>
      <c r="K3473" s="59">
        <f>Bühler!K3499</f>
        <v>2.0204551386475833</v>
      </c>
      <c r="L3473" s="59">
        <f>Bühler!L3499</f>
        <v>9.6981846655083999</v>
      </c>
      <c r="M3473" s="58">
        <f>Bühler!M3499</f>
        <v>0</v>
      </c>
      <c r="N3473" s="56">
        <f>IF(Input!$D$19=1,J3473*Input!$C$19,0)+IF(Input!$D$20=1,K3473*Input!$C$20,0)+IF(Input!$D$21=1,L3473*Input!$C$21,0)+IF(Input!$D$22=1,M3473*Input!$C$22,0)</f>
        <v>0.40409102772951672</v>
      </c>
      <c r="O3473" s="59">
        <f>IF(Input!$D$19=2,J3473*Input!$C$19,0)+IF(Input!$D$20=2,K3473*Input!$C$20,0)+IF(Input!$D$21=2,L3473*Input!$C$21,0)+IF(Input!$D$22=2,M3473*Input!$C$22,0)</f>
        <v>1.0102275693237917</v>
      </c>
      <c r="P3473" s="59">
        <f>IF(Input!$D$19=3,J3473*Input!$C$19,0)+IF(Input!$D$20=3,K3473*Input!$C$20,0)+IF(Input!$D$21=3,L3473*Input!$C$21,0)+IF(Input!$D$22=3,M3473*Input!$C$22,0)</f>
        <v>0</v>
      </c>
      <c r="Q3473" s="75">
        <f>IF(Input!$D$19=4,J3473*Input!$C$19,0)+IF(Input!$D$20=4,K3473*Input!$C$20,0)+IF(Input!$D$21=4,L3473*Input!$C$21,0)+IF(Input!$D$22=4,M3473*Input!$C$22,0)</f>
        <v>0</v>
      </c>
      <c r="R3473" s="58">
        <v>67.557600069962334</v>
      </c>
      <c r="S3473" s="124">
        <f t="shared" si="54"/>
        <v>1.7510611201612392</v>
      </c>
    </row>
    <row r="3474" spans="8:19" x14ac:dyDescent="0.3">
      <c r="H3474" s="44">
        <v>3467</v>
      </c>
      <c r="I3474" s="56">
        <f>Bühler!I3500</f>
        <v>0.42025466883869739</v>
      </c>
      <c r="J3474" s="59">
        <f>Bühler!J3500</f>
        <v>1.4008488961289913</v>
      </c>
      <c r="K3474" s="59">
        <f>Bühler!K3500</f>
        <v>2.101273344193487</v>
      </c>
      <c r="L3474" s="59">
        <f>Bühler!L3500</f>
        <v>10.086112052128737</v>
      </c>
      <c r="M3474" s="58">
        <f>Bühler!M3500</f>
        <v>0</v>
      </c>
      <c r="N3474" s="56">
        <f>IF(Input!$D$19=1,J3474*Input!$C$19,0)+IF(Input!$D$20=1,K3474*Input!$C$20,0)+IF(Input!$D$21=1,L3474*Input!$C$21,0)+IF(Input!$D$22=1,M3474*Input!$C$22,0)</f>
        <v>0.42025466883869739</v>
      </c>
      <c r="O3474" s="59">
        <f>IF(Input!$D$19=2,J3474*Input!$C$19,0)+IF(Input!$D$20=2,K3474*Input!$C$20,0)+IF(Input!$D$21=2,L3474*Input!$C$21,0)+IF(Input!$D$22=2,M3474*Input!$C$22,0)</f>
        <v>1.0506366720967435</v>
      </c>
      <c r="P3474" s="59">
        <f>IF(Input!$D$19=3,J3474*Input!$C$19,0)+IF(Input!$D$20=3,K3474*Input!$C$20,0)+IF(Input!$D$21=3,L3474*Input!$C$21,0)+IF(Input!$D$22=3,M3474*Input!$C$22,0)</f>
        <v>0</v>
      </c>
      <c r="Q3474" s="75">
        <f>IF(Input!$D$19=4,J3474*Input!$C$19,0)+IF(Input!$D$20=4,K3474*Input!$C$20,0)+IF(Input!$D$21=4,L3474*Input!$C$21,0)+IF(Input!$D$22=4,M3474*Input!$C$22,0)</f>
        <v>0</v>
      </c>
      <c r="R3474" s="58">
        <v>67.896865681223872</v>
      </c>
      <c r="S3474" s="124">
        <f t="shared" si="54"/>
        <v>1.8211035649676888</v>
      </c>
    </row>
    <row r="3475" spans="8:19" x14ac:dyDescent="0.3">
      <c r="H3475" s="44">
        <v>3468</v>
      </c>
      <c r="I3475" s="56">
        <f>Bühler!I3501</f>
        <v>0.48490923327541996</v>
      </c>
      <c r="J3475" s="59">
        <f>Bühler!J3501</f>
        <v>1.6163641109180666</v>
      </c>
      <c r="K3475" s="59">
        <f>Bühler!K3501</f>
        <v>2.4245461663771</v>
      </c>
      <c r="L3475" s="59">
        <f>Bühler!L3501</f>
        <v>11.637821598610079</v>
      </c>
      <c r="M3475" s="58">
        <f>Bühler!M3501</f>
        <v>0</v>
      </c>
      <c r="N3475" s="56">
        <f>IF(Input!$D$19=1,J3475*Input!$C$19,0)+IF(Input!$D$20=1,K3475*Input!$C$20,0)+IF(Input!$D$21=1,L3475*Input!$C$21,0)+IF(Input!$D$22=1,M3475*Input!$C$22,0)</f>
        <v>0.48490923327541996</v>
      </c>
      <c r="O3475" s="59">
        <f>IF(Input!$D$19=2,J3475*Input!$C$19,0)+IF(Input!$D$20=2,K3475*Input!$C$20,0)+IF(Input!$D$21=2,L3475*Input!$C$21,0)+IF(Input!$D$22=2,M3475*Input!$C$22,0)</f>
        <v>1.21227308318855</v>
      </c>
      <c r="P3475" s="59">
        <f>IF(Input!$D$19=3,J3475*Input!$C$19,0)+IF(Input!$D$20=3,K3475*Input!$C$20,0)+IF(Input!$D$21=3,L3475*Input!$C$21,0)+IF(Input!$D$22=3,M3475*Input!$C$22,0)</f>
        <v>0</v>
      </c>
      <c r="Q3475" s="75">
        <f>IF(Input!$D$19=4,J3475*Input!$C$19,0)+IF(Input!$D$20=4,K3475*Input!$C$20,0)+IF(Input!$D$21=4,L3475*Input!$C$21,0)+IF(Input!$D$22=4,M3475*Input!$C$22,0)</f>
        <v>0</v>
      </c>
      <c r="R3475" s="58">
        <v>68.206055169644685</v>
      </c>
      <c r="S3475" s="124">
        <f t="shared" si="54"/>
        <v>2.1012733441934865</v>
      </c>
    </row>
    <row r="3476" spans="8:19" x14ac:dyDescent="0.3">
      <c r="H3476" s="44">
        <v>3469</v>
      </c>
      <c r="I3476" s="56">
        <f>Bühler!I3502</f>
        <v>0.48490923327541996</v>
      </c>
      <c r="J3476" s="59">
        <f>Bühler!J3502</f>
        <v>1.6163641109180666</v>
      </c>
      <c r="K3476" s="59">
        <f>Bühler!K3502</f>
        <v>2.4245461663771</v>
      </c>
      <c r="L3476" s="59">
        <f>Bühler!L3502</f>
        <v>11.637821598610079</v>
      </c>
      <c r="M3476" s="58">
        <f>Bühler!M3502</f>
        <v>0</v>
      </c>
      <c r="N3476" s="56">
        <f>IF(Input!$D$19=1,J3476*Input!$C$19,0)+IF(Input!$D$20=1,K3476*Input!$C$20,0)+IF(Input!$D$21=1,L3476*Input!$C$21,0)+IF(Input!$D$22=1,M3476*Input!$C$22,0)</f>
        <v>0.48490923327541996</v>
      </c>
      <c r="O3476" s="59">
        <f>IF(Input!$D$19=2,J3476*Input!$C$19,0)+IF(Input!$D$20=2,K3476*Input!$C$20,0)+IF(Input!$D$21=2,L3476*Input!$C$21,0)+IF(Input!$D$22=2,M3476*Input!$C$22,0)</f>
        <v>1.21227308318855</v>
      </c>
      <c r="P3476" s="59">
        <f>IF(Input!$D$19=3,J3476*Input!$C$19,0)+IF(Input!$D$20=3,K3476*Input!$C$20,0)+IF(Input!$D$21=3,L3476*Input!$C$21,0)+IF(Input!$D$22=3,M3476*Input!$C$22,0)</f>
        <v>0</v>
      </c>
      <c r="Q3476" s="75">
        <f>IF(Input!$D$19=4,J3476*Input!$C$19,0)+IF(Input!$D$20=4,K3476*Input!$C$20,0)+IF(Input!$D$21=4,L3476*Input!$C$21,0)+IF(Input!$D$22=4,M3476*Input!$C$22,0)</f>
        <v>0</v>
      </c>
      <c r="R3476" s="58">
        <v>66.843668103785248</v>
      </c>
      <c r="S3476" s="124">
        <f t="shared" si="54"/>
        <v>2.1012733441934865</v>
      </c>
    </row>
    <row r="3477" spans="8:19" x14ac:dyDescent="0.3">
      <c r="H3477" s="44">
        <v>3470</v>
      </c>
      <c r="I3477" s="56">
        <f>Bühler!I3503</f>
        <v>0.48490923327541996</v>
      </c>
      <c r="J3477" s="59">
        <f>Bühler!J3503</f>
        <v>1.6163641109180666</v>
      </c>
      <c r="K3477" s="59">
        <f>Bühler!K3503</f>
        <v>2.4245461663771</v>
      </c>
      <c r="L3477" s="59">
        <f>Bühler!L3503</f>
        <v>11.637821598610079</v>
      </c>
      <c r="M3477" s="58">
        <f>Bühler!M3503</f>
        <v>0</v>
      </c>
      <c r="N3477" s="56">
        <f>IF(Input!$D$19=1,J3477*Input!$C$19,0)+IF(Input!$D$20=1,K3477*Input!$C$20,0)+IF(Input!$D$21=1,L3477*Input!$C$21,0)+IF(Input!$D$22=1,M3477*Input!$C$22,0)</f>
        <v>0.48490923327541996</v>
      </c>
      <c r="O3477" s="59">
        <f>IF(Input!$D$19=2,J3477*Input!$C$19,0)+IF(Input!$D$20=2,K3477*Input!$C$20,0)+IF(Input!$D$21=2,L3477*Input!$C$21,0)+IF(Input!$D$22=2,M3477*Input!$C$22,0)</f>
        <v>1.21227308318855</v>
      </c>
      <c r="P3477" s="59">
        <f>IF(Input!$D$19=3,J3477*Input!$C$19,0)+IF(Input!$D$20=3,K3477*Input!$C$20,0)+IF(Input!$D$21=3,L3477*Input!$C$21,0)+IF(Input!$D$22=3,M3477*Input!$C$22,0)</f>
        <v>0</v>
      </c>
      <c r="Q3477" s="75">
        <f>IF(Input!$D$19=4,J3477*Input!$C$19,0)+IF(Input!$D$20=4,K3477*Input!$C$20,0)+IF(Input!$D$21=4,L3477*Input!$C$21,0)+IF(Input!$D$22=4,M3477*Input!$C$22,0)</f>
        <v>0</v>
      </c>
      <c r="R3477" s="58">
        <v>65.832467979235147</v>
      </c>
      <c r="S3477" s="124">
        <f t="shared" si="54"/>
        <v>2.1012733441934865</v>
      </c>
    </row>
    <row r="3478" spans="8:19" x14ac:dyDescent="0.3">
      <c r="H3478" s="44">
        <v>3471</v>
      </c>
      <c r="I3478" s="56">
        <f>Bühler!I3504</f>
        <v>0.48490923327541996</v>
      </c>
      <c r="J3478" s="59">
        <f>Bühler!J3504</f>
        <v>1.6163641109180666</v>
      </c>
      <c r="K3478" s="59">
        <f>Bühler!K3504</f>
        <v>2.4245461663771</v>
      </c>
      <c r="L3478" s="59">
        <f>Bühler!L3504</f>
        <v>11.637821598610079</v>
      </c>
      <c r="M3478" s="58">
        <f>Bühler!M3504</f>
        <v>0</v>
      </c>
      <c r="N3478" s="56">
        <f>IF(Input!$D$19=1,J3478*Input!$C$19,0)+IF(Input!$D$20=1,K3478*Input!$C$20,0)+IF(Input!$D$21=1,L3478*Input!$C$21,0)+IF(Input!$D$22=1,M3478*Input!$C$22,0)</f>
        <v>0.48490923327541996</v>
      </c>
      <c r="O3478" s="59">
        <f>IF(Input!$D$19=2,J3478*Input!$C$19,0)+IF(Input!$D$20=2,K3478*Input!$C$20,0)+IF(Input!$D$21=2,L3478*Input!$C$21,0)+IF(Input!$D$22=2,M3478*Input!$C$22,0)</f>
        <v>1.21227308318855</v>
      </c>
      <c r="P3478" s="59">
        <f>IF(Input!$D$19=3,J3478*Input!$C$19,0)+IF(Input!$D$20=3,K3478*Input!$C$20,0)+IF(Input!$D$21=3,L3478*Input!$C$21,0)+IF(Input!$D$22=3,M3478*Input!$C$22,0)</f>
        <v>0</v>
      </c>
      <c r="Q3478" s="75">
        <f>IF(Input!$D$19=4,J3478*Input!$C$19,0)+IF(Input!$D$20=4,K3478*Input!$C$20,0)+IF(Input!$D$21=4,L3478*Input!$C$21,0)+IF(Input!$D$22=4,M3478*Input!$C$22,0)</f>
        <v>0</v>
      </c>
      <c r="R3478" s="58">
        <v>65.809140022939502</v>
      </c>
      <c r="S3478" s="124">
        <f t="shared" si="54"/>
        <v>2.1012733441934865</v>
      </c>
    </row>
    <row r="3479" spans="8:19" x14ac:dyDescent="0.3">
      <c r="H3479" s="44">
        <v>3472</v>
      </c>
      <c r="I3479" s="56">
        <f>Bühler!I3505</f>
        <v>0.40409102772951666</v>
      </c>
      <c r="J3479" s="59">
        <f>Bühler!J3505</f>
        <v>1.3469700924317225</v>
      </c>
      <c r="K3479" s="59">
        <f>Bühler!K3505</f>
        <v>2.0204551386475833</v>
      </c>
      <c r="L3479" s="59">
        <f>Bühler!L3505</f>
        <v>9.6981846655083999</v>
      </c>
      <c r="M3479" s="58">
        <f>Bühler!M3505</f>
        <v>0</v>
      </c>
      <c r="N3479" s="56">
        <f>IF(Input!$D$19=1,J3479*Input!$C$19,0)+IF(Input!$D$20=1,K3479*Input!$C$20,0)+IF(Input!$D$21=1,L3479*Input!$C$21,0)+IF(Input!$D$22=1,M3479*Input!$C$22,0)</f>
        <v>0.40409102772951672</v>
      </c>
      <c r="O3479" s="59">
        <f>IF(Input!$D$19=2,J3479*Input!$C$19,0)+IF(Input!$D$20=2,K3479*Input!$C$20,0)+IF(Input!$D$21=2,L3479*Input!$C$21,0)+IF(Input!$D$22=2,M3479*Input!$C$22,0)</f>
        <v>1.0102275693237917</v>
      </c>
      <c r="P3479" s="59">
        <f>IF(Input!$D$19=3,J3479*Input!$C$19,0)+IF(Input!$D$20=3,K3479*Input!$C$20,0)+IF(Input!$D$21=3,L3479*Input!$C$21,0)+IF(Input!$D$22=3,M3479*Input!$C$22,0)</f>
        <v>0</v>
      </c>
      <c r="Q3479" s="75">
        <f>IF(Input!$D$19=4,J3479*Input!$C$19,0)+IF(Input!$D$20=4,K3479*Input!$C$20,0)+IF(Input!$D$21=4,L3479*Input!$C$21,0)+IF(Input!$D$22=4,M3479*Input!$C$22,0)</f>
        <v>0</v>
      </c>
      <c r="R3479" s="58">
        <v>65.761881713510789</v>
      </c>
      <c r="S3479" s="124">
        <f t="shared" si="54"/>
        <v>1.7510611201612392</v>
      </c>
    </row>
    <row r="3480" spans="8:19" x14ac:dyDescent="0.3">
      <c r="H3480" s="44">
        <v>3473</v>
      </c>
      <c r="I3480" s="56">
        <f>Bühler!I3506</f>
        <v>0.38253950625060917</v>
      </c>
      <c r="J3480" s="59">
        <f>Bühler!J3506</f>
        <v>1.2751316875020307</v>
      </c>
      <c r="K3480" s="59">
        <f>Bühler!K3506</f>
        <v>1.9126975312530459</v>
      </c>
      <c r="L3480" s="59">
        <f>Bühler!L3506</f>
        <v>9.1809481500146202</v>
      </c>
      <c r="M3480" s="58">
        <f>Bühler!M3506</f>
        <v>0</v>
      </c>
      <c r="N3480" s="56">
        <f>IF(Input!$D$19=1,J3480*Input!$C$19,0)+IF(Input!$D$20=1,K3480*Input!$C$20,0)+IF(Input!$D$21=1,L3480*Input!$C$21,0)+IF(Input!$D$22=1,M3480*Input!$C$22,0)</f>
        <v>0.38253950625060917</v>
      </c>
      <c r="O3480" s="59">
        <f>IF(Input!$D$19=2,J3480*Input!$C$19,0)+IF(Input!$D$20=2,K3480*Input!$C$20,0)+IF(Input!$D$21=2,L3480*Input!$C$21,0)+IF(Input!$D$22=2,M3480*Input!$C$22,0)</f>
        <v>0.95634876562652293</v>
      </c>
      <c r="P3480" s="59">
        <f>IF(Input!$D$19=3,J3480*Input!$C$19,0)+IF(Input!$D$20=3,K3480*Input!$C$20,0)+IF(Input!$D$21=3,L3480*Input!$C$21,0)+IF(Input!$D$22=3,M3480*Input!$C$22,0)</f>
        <v>0</v>
      </c>
      <c r="Q3480" s="75">
        <f>IF(Input!$D$19=4,J3480*Input!$C$19,0)+IF(Input!$D$20=4,K3480*Input!$C$20,0)+IF(Input!$D$21=4,L3480*Input!$C$21,0)+IF(Input!$D$22=4,M3480*Input!$C$22,0)</f>
        <v>0</v>
      </c>
      <c r="R3480" s="58">
        <v>64.880681231116952</v>
      </c>
      <c r="S3480" s="124">
        <f t="shared" si="54"/>
        <v>1.6576711937526398</v>
      </c>
    </row>
    <row r="3481" spans="8:19" x14ac:dyDescent="0.3">
      <c r="H3481" s="44">
        <v>3474</v>
      </c>
      <c r="I3481" s="56">
        <f>Bühler!I3507</f>
        <v>0.38253950625060917</v>
      </c>
      <c r="J3481" s="59">
        <f>Bühler!J3507</f>
        <v>1.2751316875020307</v>
      </c>
      <c r="K3481" s="59">
        <f>Bühler!K3507</f>
        <v>1.9126975312530459</v>
      </c>
      <c r="L3481" s="59">
        <f>Bühler!L3507</f>
        <v>9.1809481500146202</v>
      </c>
      <c r="M3481" s="58">
        <f>Bühler!M3507</f>
        <v>0</v>
      </c>
      <c r="N3481" s="56">
        <f>IF(Input!$D$19=1,J3481*Input!$C$19,0)+IF(Input!$D$20=1,K3481*Input!$C$20,0)+IF(Input!$D$21=1,L3481*Input!$C$21,0)+IF(Input!$D$22=1,M3481*Input!$C$22,0)</f>
        <v>0.38253950625060917</v>
      </c>
      <c r="O3481" s="59">
        <f>IF(Input!$D$19=2,J3481*Input!$C$19,0)+IF(Input!$D$20=2,K3481*Input!$C$20,0)+IF(Input!$D$21=2,L3481*Input!$C$21,0)+IF(Input!$D$22=2,M3481*Input!$C$22,0)</f>
        <v>0.95634876562652293</v>
      </c>
      <c r="P3481" s="59">
        <f>IF(Input!$D$19=3,J3481*Input!$C$19,0)+IF(Input!$D$20=3,K3481*Input!$C$20,0)+IF(Input!$D$21=3,L3481*Input!$C$21,0)+IF(Input!$D$22=3,M3481*Input!$C$22,0)</f>
        <v>0</v>
      </c>
      <c r="Q3481" s="75">
        <f>IF(Input!$D$19=4,J3481*Input!$C$19,0)+IF(Input!$D$20=4,K3481*Input!$C$20,0)+IF(Input!$D$21=4,L3481*Input!$C$21,0)+IF(Input!$D$22=4,M3481*Input!$C$22,0)</f>
        <v>0</v>
      </c>
      <c r="R3481" s="58">
        <v>63.62051529707341</v>
      </c>
      <c r="S3481" s="124">
        <f t="shared" si="54"/>
        <v>1.6576711937526398</v>
      </c>
    </row>
    <row r="3482" spans="8:19" x14ac:dyDescent="0.3">
      <c r="H3482" s="44">
        <v>3475</v>
      </c>
      <c r="I3482" s="56">
        <f>Bühler!I3508</f>
        <v>0.38253950625060917</v>
      </c>
      <c r="J3482" s="59">
        <f>Bühler!J3508</f>
        <v>1.2751316875020307</v>
      </c>
      <c r="K3482" s="59">
        <f>Bühler!K3508</f>
        <v>1.9126975312530459</v>
      </c>
      <c r="L3482" s="59">
        <f>Bühler!L3508</f>
        <v>9.1809481500146202</v>
      </c>
      <c r="M3482" s="58">
        <f>Bühler!M3508</f>
        <v>0</v>
      </c>
      <c r="N3482" s="56">
        <f>IF(Input!$D$19=1,J3482*Input!$C$19,0)+IF(Input!$D$20=1,K3482*Input!$C$20,0)+IF(Input!$D$21=1,L3482*Input!$C$21,0)+IF(Input!$D$22=1,M3482*Input!$C$22,0)</f>
        <v>0.38253950625060917</v>
      </c>
      <c r="O3482" s="59">
        <f>IF(Input!$D$19=2,J3482*Input!$C$19,0)+IF(Input!$D$20=2,K3482*Input!$C$20,0)+IF(Input!$D$21=2,L3482*Input!$C$21,0)+IF(Input!$D$22=2,M3482*Input!$C$22,0)</f>
        <v>0.95634876562652293</v>
      </c>
      <c r="P3482" s="59">
        <f>IF(Input!$D$19=3,J3482*Input!$C$19,0)+IF(Input!$D$20=3,K3482*Input!$C$20,0)+IF(Input!$D$21=3,L3482*Input!$C$21,0)+IF(Input!$D$22=3,M3482*Input!$C$22,0)</f>
        <v>0</v>
      </c>
      <c r="Q3482" s="75">
        <f>IF(Input!$D$19=4,J3482*Input!$C$19,0)+IF(Input!$D$20=4,K3482*Input!$C$20,0)+IF(Input!$D$21=4,L3482*Input!$C$21,0)+IF(Input!$D$22=4,M3482*Input!$C$22,0)</f>
        <v>0</v>
      </c>
      <c r="R3482" s="58">
        <v>62.432037567969523</v>
      </c>
      <c r="S3482" s="124">
        <f t="shared" si="54"/>
        <v>1.6576711937526398</v>
      </c>
    </row>
    <row r="3483" spans="8:19" x14ac:dyDescent="0.3">
      <c r="H3483" s="44">
        <v>3476</v>
      </c>
      <c r="I3483" s="56">
        <f>Bühler!I3509</f>
        <v>0.38253950625060917</v>
      </c>
      <c r="J3483" s="59">
        <f>Bühler!J3509</f>
        <v>1.2751316875020307</v>
      </c>
      <c r="K3483" s="59">
        <f>Bühler!K3509</f>
        <v>1.9126975312530459</v>
      </c>
      <c r="L3483" s="59">
        <f>Bühler!L3509</f>
        <v>9.1809481500146202</v>
      </c>
      <c r="M3483" s="58">
        <f>Bühler!M3509</f>
        <v>0</v>
      </c>
      <c r="N3483" s="56">
        <f>IF(Input!$D$19=1,J3483*Input!$C$19,0)+IF(Input!$D$20=1,K3483*Input!$C$20,0)+IF(Input!$D$21=1,L3483*Input!$C$21,0)+IF(Input!$D$22=1,M3483*Input!$C$22,0)</f>
        <v>0.38253950625060917</v>
      </c>
      <c r="O3483" s="59">
        <f>IF(Input!$D$19=2,J3483*Input!$C$19,0)+IF(Input!$D$20=2,K3483*Input!$C$20,0)+IF(Input!$D$21=2,L3483*Input!$C$21,0)+IF(Input!$D$22=2,M3483*Input!$C$22,0)</f>
        <v>0.95634876562652293</v>
      </c>
      <c r="P3483" s="59">
        <f>IF(Input!$D$19=3,J3483*Input!$C$19,0)+IF(Input!$D$20=3,K3483*Input!$C$20,0)+IF(Input!$D$21=3,L3483*Input!$C$21,0)+IF(Input!$D$22=3,M3483*Input!$C$22,0)</f>
        <v>0</v>
      </c>
      <c r="Q3483" s="75">
        <f>IF(Input!$D$19=4,J3483*Input!$C$19,0)+IF(Input!$D$20=4,K3483*Input!$C$20,0)+IF(Input!$D$21=4,L3483*Input!$C$21,0)+IF(Input!$D$22=4,M3483*Input!$C$22,0)</f>
        <v>0</v>
      </c>
      <c r="R3483" s="58">
        <v>60.838567227066221</v>
      </c>
      <c r="S3483" s="124">
        <f t="shared" si="54"/>
        <v>1.6576711937526398</v>
      </c>
    </row>
    <row r="3484" spans="8:19" x14ac:dyDescent="0.3">
      <c r="H3484" s="44">
        <v>3477</v>
      </c>
      <c r="I3484" s="56">
        <f>Bühler!I3510</f>
        <v>0.29633342033497889</v>
      </c>
      <c r="J3484" s="59">
        <f>Bühler!J3510</f>
        <v>0.98777806778326305</v>
      </c>
      <c r="K3484" s="59">
        <f>Bühler!K3510</f>
        <v>1.4816671016748946</v>
      </c>
      <c r="L3484" s="59">
        <f>Bühler!L3510</f>
        <v>7.1120020880394934</v>
      </c>
      <c r="M3484" s="58">
        <f>Bühler!M3510</f>
        <v>0</v>
      </c>
      <c r="N3484" s="56">
        <f>IF(Input!$D$19=1,J3484*Input!$C$19,0)+IF(Input!$D$20=1,K3484*Input!$C$20,0)+IF(Input!$D$21=1,L3484*Input!$C$21,0)+IF(Input!$D$22=1,M3484*Input!$C$22,0)</f>
        <v>0.29633342033497889</v>
      </c>
      <c r="O3484" s="59">
        <f>IF(Input!$D$19=2,J3484*Input!$C$19,0)+IF(Input!$D$20=2,K3484*Input!$C$20,0)+IF(Input!$D$21=2,L3484*Input!$C$21,0)+IF(Input!$D$22=2,M3484*Input!$C$22,0)</f>
        <v>0.74083355083744729</v>
      </c>
      <c r="P3484" s="59">
        <f>IF(Input!$D$19=3,J3484*Input!$C$19,0)+IF(Input!$D$20=3,K3484*Input!$C$20,0)+IF(Input!$D$21=3,L3484*Input!$C$21,0)+IF(Input!$D$22=3,M3484*Input!$C$22,0)</f>
        <v>0</v>
      </c>
      <c r="Q3484" s="75">
        <f>IF(Input!$D$19=4,J3484*Input!$C$19,0)+IF(Input!$D$20=4,K3484*Input!$C$20,0)+IF(Input!$D$21=4,L3484*Input!$C$21,0)+IF(Input!$D$22=4,M3484*Input!$C$22,0)</f>
        <v>0</v>
      </c>
      <c r="R3484" s="58">
        <v>58.626965160144458</v>
      </c>
      <c r="S3484" s="124">
        <f t="shared" si="54"/>
        <v>1.2841114881182421</v>
      </c>
    </row>
    <row r="3485" spans="8:19" x14ac:dyDescent="0.3">
      <c r="H3485" s="44">
        <v>3478</v>
      </c>
      <c r="I3485" s="56">
        <f>Bühler!I3511</f>
        <v>0.11314548776426467</v>
      </c>
      <c r="J3485" s="59">
        <f>Bühler!J3511</f>
        <v>0.37715162588088225</v>
      </c>
      <c r="K3485" s="59">
        <f>Bühler!K3511</f>
        <v>0.56572743882132337</v>
      </c>
      <c r="L3485" s="59">
        <f>Bühler!L3511</f>
        <v>2.7154917063423523</v>
      </c>
      <c r="M3485" s="58">
        <f>Bühler!M3511</f>
        <v>0</v>
      </c>
      <c r="N3485" s="56">
        <f>IF(Input!$D$19=1,J3485*Input!$C$19,0)+IF(Input!$D$20=1,K3485*Input!$C$20,0)+IF(Input!$D$21=1,L3485*Input!$C$21,0)+IF(Input!$D$22=1,M3485*Input!$C$22,0)</f>
        <v>0.11314548776426467</v>
      </c>
      <c r="O3485" s="59">
        <f>IF(Input!$D$19=2,J3485*Input!$C$19,0)+IF(Input!$D$20=2,K3485*Input!$C$20,0)+IF(Input!$D$21=2,L3485*Input!$C$21,0)+IF(Input!$D$22=2,M3485*Input!$C$22,0)</f>
        <v>0.28286371941066168</v>
      </c>
      <c r="P3485" s="59">
        <f>IF(Input!$D$19=3,J3485*Input!$C$19,0)+IF(Input!$D$20=3,K3485*Input!$C$20,0)+IF(Input!$D$21=3,L3485*Input!$C$21,0)+IF(Input!$D$22=3,M3485*Input!$C$22,0)</f>
        <v>0</v>
      </c>
      <c r="Q3485" s="75">
        <f>IF(Input!$D$19=4,J3485*Input!$C$19,0)+IF(Input!$D$20=4,K3485*Input!$C$20,0)+IF(Input!$D$21=4,L3485*Input!$C$21,0)+IF(Input!$D$22=4,M3485*Input!$C$22,0)</f>
        <v>0</v>
      </c>
      <c r="R3485" s="58">
        <v>56.611478637179893</v>
      </c>
      <c r="S3485" s="124">
        <f t="shared" si="54"/>
        <v>0.49029711364514694</v>
      </c>
    </row>
    <row r="3486" spans="8:19" x14ac:dyDescent="0.3">
      <c r="H3486" s="44">
        <v>3479</v>
      </c>
      <c r="I3486" s="56">
        <f>Bühler!I3512</f>
        <v>0.11314548776426467</v>
      </c>
      <c r="J3486" s="59">
        <f>Bühler!J3512</f>
        <v>0.37715162588088225</v>
      </c>
      <c r="K3486" s="59">
        <f>Bühler!K3512</f>
        <v>0.56572743882132337</v>
      </c>
      <c r="L3486" s="59">
        <f>Bühler!L3512</f>
        <v>2.7154917063423523</v>
      </c>
      <c r="M3486" s="58">
        <f>Bühler!M3512</f>
        <v>0</v>
      </c>
      <c r="N3486" s="56">
        <f>IF(Input!$D$19=1,J3486*Input!$C$19,0)+IF(Input!$D$20=1,K3486*Input!$C$20,0)+IF(Input!$D$21=1,L3486*Input!$C$21,0)+IF(Input!$D$22=1,M3486*Input!$C$22,0)</f>
        <v>0.11314548776426467</v>
      </c>
      <c r="O3486" s="59">
        <f>IF(Input!$D$19=2,J3486*Input!$C$19,0)+IF(Input!$D$20=2,K3486*Input!$C$20,0)+IF(Input!$D$21=2,L3486*Input!$C$21,0)+IF(Input!$D$22=2,M3486*Input!$C$22,0)</f>
        <v>0.28286371941066168</v>
      </c>
      <c r="P3486" s="59">
        <f>IF(Input!$D$19=3,J3486*Input!$C$19,0)+IF(Input!$D$20=3,K3486*Input!$C$20,0)+IF(Input!$D$21=3,L3486*Input!$C$21,0)+IF(Input!$D$22=3,M3486*Input!$C$22,0)</f>
        <v>0</v>
      </c>
      <c r="Q3486" s="75">
        <f>IF(Input!$D$19=4,J3486*Input!$C$19,0)+IF(Input!$D$20=4,K3486*Input!$C$20,0)+IF(Input!$D$21=4,L3486*Input!$C$21,0)+IF(Input!$D$22=4,M3486*Input!$C$22,0)</f>
        <v>0</v>
      </c>
      <c r="R3486" s="58">
        <v>56.350934757725653</v>
      </c>
      <c r="S3486" s="124">
        <f t="shared" si="54"/>
        <v>0.49029711364514694</v>
      </c>
    </row>
    <row r="3487" spans="8:19" x14ac:dyDescent="0.3">
      <c r="H3487" s="44">
        <v>3480</v>
      </c>
      <c r="I3487" s="56">
        <f>Bühler!I3513</f>
        <v>0.11314548776426467</v>
      </c>
      <c r="J3487" s="59">
        <f>Bühler!J3513</f>
        <v>0.37715162588088225</v>
      </c>
      <c r="K3487" s="59">
        <f>Bühler!K3513</f>
        <v>0.56572743882132337</v>
      </c>
      <c r="L3487" s="59">
        <f>Bühler!L3513</f>
        <v>2.7154917063423523</v>
      </c>
      <c r="M3487" s="58">
        <f>Bühler!M3513</f>
        <v>0</v>
      </c>
      <c r="N3487" s="56">
        <f>IF(Input!$D$19=1,J3487*Input!$C$19,0)+IF(Input!$D$20=1,K3487*Input!$C$20,0)+IF(Input!$D$21=1,L3487*Input!$C$21,0)+IF(Input!$D$22=1,M3487*Input!$C$22,0)</f>
        <v>0.11314548776426467</v>
      </c>
      <c r="O3487" s="59">
        <f>IF(Input!$D$19=2,J3487*Input!$C$19,0)+IF(Input!$D$20=2,K3487*Input!$C$20,0)+IF(Input!$D$21=2,L3487*Input!$C$21,0)+IF(Input!$D$22=2,M3487*Input!$C$22,0)</f>
        <v>0.28286371941066168</v>
      </c>
      <c r="P3487" s="59">
        <f>IF(Input!$D$19=3,J3487*Input!$C$19,0)+IF(Input!$D$20=3,K3487*Input!$C$20,0)+IF(Input!$D$21=3,L3487*Input!$C$21,0)+IF(Input!$D$22=3,M3487*Input!$C$22,0)</f>
        <v>0</v>
      </c>
      <c r="Q3487" s="75">
        <f>IF(Input!$D$19=4,J3487*Input!$C$19,0)+IF(Input!$D$20=4,K3487*Input!$C$20,0)+IF(Input!$D$21=4,L3487*Input!$C$21,0)+IF(Input!$D$22=4,M3487*Input!$C$22,0)</f>
        <v>0</v>
      </c>
      <c r="R3487" s="58">
        <v>55.878321517118138</v>
      </c>
      <c r="S3487" s="124">
        <f t="shared" si="54"/>
        <v>0.49029711364514694</v>
      </c>
    </row>
    <row r="3488" spans="8:19" x14ac:dyDescent="0.3">
      <c r="H3488" s="44">
        <v>3481</v>
      </c>
      <c r="I3488" s="56">
        <f>Bühler!I3514</f>
        <v>7.0250289889796744E-2</v>
      </c>
      <c r="J3488" s="59">
        <f>Bühler!J3514</f>
        <v>0.23416763296598916</v>
      </c>
      <c r="K3488" s="59">
        <f>Bühler!K3514</f>
        <v>0.35125144944898373</v>
      </c>
      <c r="L3488" s="59">
        <f>Bühler!L3514</f>
        <v>4.0318182946404413</v>
      </c>
      <c r="M3488" s="58">
        <f>Bühler!M3514</f>
        <v>0</v>
      </c>
      <c r="N3488" s="56">
        <f>IF(Input!$D$19=1,J3488*Input!$C$19,0)+IF(Input!$D$20=1,K3488*Input!$C$20,0)+IF(Input!$D$21=1,L3488*Input!$C$21,0)+IF(Input!$D$22=1,M3488*Input!$C$22,0)</f>
        <v>7.0250289889796744E-2</v>
      </c>
      <c r="O3488" s="59">
        <f>IF(Input!$D$19=2,J3488*Input!$C$19,0)+IF(Input!$D$20=2,K3488*Input!$C$20,0)+IF(Input!$D$21=2,L3488*Input!$C$21,0)+IF(Input!$D$22=2,M3488*Input!$C$22,0)</f>
        <v>0.17562572472449187</v>
      </c>
      <c r="P3488" s="59">
        <f>IF(Input!$D$19=3,J3488*Input!$C$19,0)+IF(Input!$D$20=3,K3488*Input!$C$20,0)+IF(Input!$D$21=3,L3488*Input!$C$21,0)+IF(Input!$D$22=3,M3488*Input!$C$22,0)</f>
        <v>0</v>
      </c>
      <c r="Q3488" s="75">
        <f>IF(Input!$D$19=4,J3488*Input!$C$19,0)+IF(Input!$D$20=4,K3488*Input!$C$20,0)+IF(Input!$D$21=4,L3488*Input!$C$21,0)+IF(Input!$D$22=4,M3488*Input!$C$22,0)</f>
        <v>0</v>
      </c>
      <c r="R3488" s="58">
        <v>54.897177803598737</v>
      </c>
      <c r="S3488" s="124">
        <f t="shared" si="54"/>
        <v>0.30441792285578589</v>
      </c>
    </row>
    <row r="3489" spans="8:19" x14ac:dyDescent="0.3">
      <c r="H3489" s="44">
        <v>3482</v>
      </c>
      <c r="I3489" s="56">
        <f>Bühler!I3515</f>
        <v>0.13715532788007936</v>
      </c>
      <c r="J3489" s="59">
        <f>Bühler!J3515</f>
        <v>0.45718442626693129</v>
      </c>
      <c r="K3489" s="59">
        <f>Bühler!K3515</f>
        <v>0.68577663940039701</v>
      </c>
      <c r="L3489" s="59">
        <f>Bühler!L3515</f>
        <v>7.8716452419170544</v>
      </c>
      <c r="M3489" s="58">
        <f>Bühler!M3515</f>
        <v>0</v>
      </c>
      <c r="N3489" s="56">
        <f>IF(Input!$D$19=1,J3489*Input!$C$19,0)+IF(Input!$D$20=1,K3489*Input!$C$20,0)+IF(Input!$D$21=1,L3489*Input!$C$21,0)+IF(Input!$D$22=1,M3489*Input!$C$22,0)</f>
        <v>0.13715532788007939</v>
      </c>
      <c r="O3489" s="59">
        <f>IF(Input!$D$19=2,J3489*Input!$C$19,0)+IF(Input!$D$20=2,K3489*Input!$C$20,0)+IF(Input!$D$21=2,L3489*Input!$C$21,0)+IF(Input!$D$22=2,M3489*Input!$C$22,0)</f>
        <v>0.34288831970019851</v>
      </c>
      <c r="P3489" s="59">
        <f>IF(Input!$D$19=3,J3489*Input!$C$19,0)+IF(Input!$D$20=3,K3489*Input!$C$20,0)+IF(Input!$D$21=3,L3489*Input!$C$21,0)+IF(Input!$D$22=3,M3489*Input!$C$22,0)</f>
        <v>0</v>
      </c>
      <c r="Q3489" s="75">
        <f>IF(Input!$D$19=4,J3489*Input!$C$19,0)+IF(Input!$D$20=4,K3489*Input!$C$20,0)+IF(Input!$D$21=4,L3489*Input!$C$21,0)+IF(Input!$D$22=4,M3489*Input!$C$22,0)</f>
        <v>0</v>
      </c>
      <c r="R3489" s="58">
        <v>53.664691075523208</v>
      </c>
      <c r="S3489" s="124">
        <f t="shared" si="54"/>
        <v>0.59433975414701068</v>
      </c>
    </row>
    <row r="3490" spans="8:19" x14ac:dyDescent="0.3">
      <c r="H3490" s="44">
        <v>3483</v>
      </c>
      <c r="I3490" s="56">
        <f>Bühler!I3516</f>
        <v>0.13715532788007936</v>
      </c>
      <c r="J3490" s="59">
        <f>Bühler!J3516</f>
        <v>0.45718442626693129</v>
      </c>
      <c r="K3490" s="59">
        <f>Bühler!K3516</f>
        <v>0.68577663940039701</v>
      </c>
      <c r="L3490" s="59">
        <f>Bühler!L3516</f>
        <v>7.8716452419170544</v>
      </c>
      <c r="M3490" s="58">
        <f>Bühler!M3516</f>
        <v>0</v>
      </c>
      <c r="N3490" s="56">
        <f>IF(Input!$D$19=1,J3490*Input!$C$19,0)+IF(Input!$D$20=1,K3490*Input!$C$20,0)+IF(Input!$D$21=1,L3490*Input!$C$21,0)+IF(Input!$D$22=1,M3490*Input!$C$22,0)</f>
        <v>0.13715532788007939</v>
      </c>
      <c r="O3490" s="59">
        <f>IF(Input!$D$19=2,J3490*Input!$C$19,0)+IF(Input!$D$20=2,K3490*Input!$C$20,0)+IF(Input!$D$21=2,L3490*Input!$C$21,0)+IF(Input!$D$22=2,M3490*Input!$C$22,0)</f>
        <v>0.34288831970019851</v>
      </c>
      <c r="P3490" s="59">
        <f>IF(Input!$D$19=3,J3490*Input!$C$19,0)+IF(Input!$D$20=3,K3490*Input!$C$20,0)+IF(Input!$D$21=3,L3490*Input!$C$21,0)+IF(Input!$D$22=3,M3490*Input!$C$22,0)</f>
        <v>0</v>
      </c>
      <c r="Q3490" s="75">
        <f>IF(Input!$D$19=4,J3490*Input!$C$19,0)+IF(Input!$D$20=4,K3490*Input!$C$20,0)+IF(Input!$D$21=4,L3490*Input!$C$21,0)+IF(Input!$D$22=4,M3490*Input!$C$22,0)</f>
        <v>0</v>
      </c>
      <c r="R3490" s="58">
        <v>53.061347208233883</v>
      </c>
      <c r="S3490" s="124">
        <f t="shared" si="54"/>
        <v>0.59433975414701068</v>
      </c>
    </row>
    <row r="3491" spans="8:19" x14ac:dyDescent="0.3">
      <c r="H3491" s="44">
        <v>3484</v>
      </c>
      <c r="I3491" s="56">
        <f>Bühler!I3517</f>
        <v>0.13715532788007936</v>
      </c>
      <c r="J3491" s="59">
        <f>Bühler!J3517</f>
        <v>0.45718442626693129</v>
      </c>
      <c r="K3491" s="59">
        <f>Bühler!K3517</f>
        <v>0.68577663940039701</v>
      </c>
      <c r="L3491" s="59">
        <f>Bühler!L3517</f>
        <v>7.8716452419170544</v>
      </c>
      <c r="M3491" s="58">
        <f>Bühler!M3517</f>
        <v>0</v>
      </c>
      <c r="N3491" s="56">
        <f>IF(Input!$D$19=1,J3491*Input!$C$19,0)+IF(Input!$D$20=1,K3491*Input!$C$20,0)+IF(Input!$D$21=1,L3491*Input!$C$21,0)+IF(Input!$D$22=1,M3491*Input!$C$22,0)</f>
        <v>0.13715532788007939</v>
      </c>
      <c r="O3491" s="59">
        <f>IF(Input!$D$19=2,J3491*Input!$C$19,0)+IF(Input!$D$20=2,K3491*Input!$C$20,0)+IF(Input!$D$21=2,L3491*Input!$C$21,0)+IF(Input!$D$22=2,M3491*Input!$C$22,0)</f>
        <v>0.34288831970019851</v>
      </c>
      <c r="P3491" s="59">
        <f>IF(Input!$D$19=3,J3491*Input!$C$19,0)+IF(Input!$D$20=3,K3491*Input!$C$20,0)+IF(Input!$D$21=3,L3491*Input!$C$21,0)+IF(Input!$D$22=3,M3491*Input!$C$22,0)</f>
        <v>0</v>
      </c>
      <c r="Q3491" s="75">
        <f>IF(Input!$D$19=4,J3491*Input!$C$19,0)+IF(Input!$D$20=4,K3491*Input!$C$20,0)+IF(Input!$D$21=4,L3491*Input!$C$21,0)+IF(Input!$D$22=4,M3491*Input!$C$22,0)</f>
        <v>0</v>
      </c>
      <c r="R3491" s="58">
        <v>52.194623314494287</v>
      </c>
      <c r="S3491" s="124">
        <f t="shared" si="54"/>
        <v>0.59433975414701068</v>
      </c>
    </row>
    <row r="3492" spans="8:19" x14ac:dyDescent="0.3">
      <c r="H3492" s="44">
        <v>3485</v>
      </c>
      <c r="I3492" s="56">
        <f>Bühler!I3518</f>
        <v>0.13715532788007936</v>
      </c>
      <c r="J3492" s="59">
        <f>Bühler!J3518</f>
        <v>0.45718442626693129</v>
      </c>
      <c r="K3492" s="59">
        <f>Bühler!K3518</f>
        <v>0.68577663940039701</v>
      </c>
      <c r="L3492" s="59">
        <f>Bühler!L3518</f>
        <v>7.8716452419170544</v>
      </c>
      <c r="M3492" s="58">
        <f>Bühler!M3518</f>
        <v>0</v>
      </c>
      <c r="N3492" s="56">
        <f>IF(Input!$D$19=1,J3492*Input!$C$19,0)+IF(Input!$D$20=1,K3492*Input!$C$20,0)+IF(Input!$D$21=1,L3492*Input!$C$21,0)+IF(Input!$D$22=1,M3492*Input!$C$22,0)</f>
        <v>0.13715532788007939</v>
      </c>
      <c r="O3492" s="59">
        <f>IF(Input!$D$19=2,J3492*Input!$C$19,0)+IF(Input!$D$20=2,K3492*Input!$C$20,0)+IF(Input!$D$21=2,L3492*Input!$C$21,0)+IF(Input!$D$22=2,M3492*Input!$C$22,0)</f>
        <v>0.34288831970019851</v>
      </c>
      <c r="P3492" s="59">
        <f>IF(Input!$D$19=3,J3492*Input!$C$19,0)+IF(Input!$D$20=3,K3492*Input!$C$20,0)+IF(Input!$D$21=3,L3492*Input!$C$21,0)+IF(Input!$D$22=3,M3492*Input!$C$22,0)</f>
        <v>0</v>
      </c>
      <c r="Q3492" s="75">
        <f>IF(Input!$D$19=4,J3492*Input!$C$19,0)+IF(Input!$D$20=4,K3492*Input!$C$20,0)+IF(Input!$D$21=4,L3492*Input!$C$21,0)+IF(Input!$D$22=4,M3492*Input!$C$22,0)</f>
        <v>0</v>
      </c>
      <c r="R3492" s="58">
        <v>50.649797856849119</v>
      </c>
      <c r="S3492" s="124">
        <f t="shared" si="54"/>
        <v>0.59433975414701068</v>
      </c>
    </row>
    <row r="3493" spans="8:19" x14ac:dyDescent="0.3">
      <c r="H3493" s="44">
        <v>3486</v>
      </c>
      <c r="I3493" s="56">
        <f>Bühler!I3519</f>
        <v>0.17060784687522068</v>
      </c>
      <c r="J3493" s="59">
        <f>Bühler!J3519</f>
        <v>0.56869282291740231</v>
      </c>
      <c r="K3493" s="59">
        <f>Bühler!K3519</f>
        <v>0.85303923437610352</v>
      </c>
      <c r="L3493" s="59">
        <f>Bühler!L3519</f>
        <v>9.7915587155553592</v>
      </c>
      <c r="M3493" s="58">
        <f>Bühler!M3519</f>
        <v>0</v>
      </c>
      <c r="N3493" s="56">
        <f>IF(Input!$D$19=1,J3493*Input!$C$19,0)+IF(Input!$D$20=1,K3493*Input!$C$20,0)+IF(Input!$D$21=1,L3493*Input!$C$21,0)+IF(Input!$D$22=1,M3493*Input!$C$22,0)</f>
        <v>0.17060784687522068</v>
      </c>
      <c r="O3493" s="59">
        <f>IF(Input!$D$19=2,J3493*Input!$C$19,0)+IF(Input!$D$20=2,K3493*Input!$C$20,0)+IF(Input!$D$21=2,L3493*Input!$C$21,0)+IF(Input!$D$22=2,M3493*Input!$C$22,0)</f>
        <v>0.42651961718805176</v>
      </c>
      <c r="P3493" s="59">
        <f>IF(Input!$D$19=3,J3493*Input!$C$19,0)+IF(Input!$D$20=3,K3493*Input!$C$20,0)+IF(Input!$D$21=3,L3493*Input!$C$21,0)+IF(Input!$D$22=3,M3493*Input!$C$22,0)</f>
        <v>0</v>
      </c>
      <c r="Q3493" s="75">
        <f>IF(Input!$D$19=4,J3493*Input!$C$19,0)+IF(Input!$D$20=4,K3493*Input!$C$20,0)+IF(Input!$D$21=4,L3493*Input!$C$21,0)+IF(Input!$D$22=4,M3493*Input!$C$22,0)</f>
        <v>0</v>
      </c>
      <c r="R3493" s="58">
        <v>50.21084095296937</v>
      </c>
      <c r="S3493" s="124">
        <f t="shared" si="54"/>
        <v>0.73930066979262299</v>
      </c>
    </row>
    <row r="3494" spans="8:19" x14ac:dyDescent="0.3">
      <c r="H3494" s="44">
        <v>3487</v>
      </c>
      <c r="I3494" s="56">
        <f>Bühler!I3520</f>
        <v>0.2140961215689044</v>
      </c>
      <c r="J3494" s="59">
        <f>Bühler!J3520</f>
        <v>0.71365373856301473</v>
      </c>
      <c r="K3494" s="59">
        <f>Bühler!K3520</f>
        <v>1.0704806078445221</v>
      </c>
      <c r="L3494" s="59">
        <f>Bühler!L3520</f>
        <v>12.287446231285157</v>
      </c>
      <c r="M3494" s="58">
        <f>Bühler!M3520</f>
        <v>0</v>
      </c>
      <c r="N3494" s="56">
        <f>IF(Input!$D$19=1,J3494*Input!$C$19,0)+IF(Input!$D$20=1,K3494*Input!$C$20,0)+IF(Input!$D$21=1,L3494*Input!$C$21,0)+IF(Input!$D$22=1,M3494*Input!$C$22,0)</f>
        <v>0.21409612156890442</v>
      </c>
      <c r="O3494" s="59">
        <f>IF(Input!$D$19=2,J3494*Input!$C$19,0)+IF(Input!$D$20=2,K3494*Input!$C$20,0)+IF(Input!$D$21=2,L3494*Input!$C$21,0)+IF(Input!$D$22=2,M3494*Input!$C$22,0)</f>
        <v>0.53524030392226107</v>
      </c>
      <c r="P3494" s="59">
        <f>IF(Input!$D$19=3,J3494*Input!$C$19,0)+IF(Input!$D$20=3,K3494*Input!$C$20,0)+IF(Input!$D$21=3,L3494*Input!$C$21,0)+IF(Input!$D$22=3,M3494*Input!$C$22,0)</f>
        <v>0</v>
      </c>
      <c r="Q3494" s="75">
        <f>IF(Input!$D$19=4,J3494*Input!$C$19,0)+IF(Input!$D$20=4,K3494*Input!$C$20,0)+IF(Input!$D$21=4,L3494*Input!$C$21,0)+IF(Input!$D$22=4,M3494*Input!$C$22,0)</f>
        <v>0</v>
      </c>
      <c r="R3494" s="58">
        <v>49.620729064764568</v>
      </c>
      <c r="S3494" s="124">
        <f t="shared" si="54"/>
        <v>0.92774986013191918</v>
      </c>
    </row>
    <row r="3495" spans="8:19" x14ac:dyDescent="0.3">
      <c r="H3495" s="44">
        <v>3488</v>
      </c>
      <c r="I3495" s="56">
        <f>Bühler!I3521</f>
        <v>0.24420338866453151</v>
      </c>
      <c r="J3495" s="59">
        <f>Bühler!J3521</f>
        <v>0.81401129554843843</v>
      </c>
      <c r="K3495" s="59">
        <f>Bühler!K3521</f>
        <v>1.2210169433226576</v>
      </c>
      <c r="L3495" s="59">
        <f>Bühler!L3521</f>
        <v>14.015368357559632</v>
      </c>
      <c r="M3495" s="58">
        <f>Bühler!M3521</f>
        <v>0</v>
      </c>
      <c r="N3495" s="56">
        <f>IF(Input!$D$19=1,J3495*Input!$C$19,0)+IF(Input!$D$20=1,K3495*Input!$C$20,0)+IF(Input!$D$21=1,L3495*Input!$C$21,0)+IF(Input!$D$22=1,M3495*Input!$C$22,0)</f>
        <v>0.24420338866453151</v>
      </c>
      <c r="O3495" s="59">
        <f>IF(Input!$D$19=2,J3495*Input!$C$19,0)+IF(Input!$D$20=2,K3495*Input!$C$20,0)+IF(Input!$D$21=2,L3495*Input!$C$21,0)+IF(Input!$D$22=2,M3495*Input!$C$22,0)</f>
        <v>0.61050847166132882</v>
      </c>
      <c r="P3495" s="59">
        <f>IF(Input!$D$19=3,J3495*Input!$C$19,0)+IF(Input!$D$20=3,K3495*Input!$C$20,0)+IF(Input!$D$21=3,L3495*Input!$C$21,0)+IF(Input!$D$22=3,M3495*Input!$C$22,0)</f>
        <v>0</v>
      </c>
      <c r="Q3495" s="75">
        <f>IF(Input!$D$19=4,J3495*Input!$C$19,0)+IF(Input!$D$20=4,K3495*Input!$C$20,0)+IF(Input!$D$21=4,L3495*Input!$C$21,0)+IF(Input!$D$22=4,M3495*Input!$C$22,0)</f>
        <v>0</v>
      </c>
      <c r="R3495" s="58">
        <v>49.745140124376796</v>
      </c>
      <c r="S3495" s="124">
        <f t="shared" si="54"/>
        <v>1.0582146842129698</v>
      </c>
    </row>
    <row r="3496" spans="8:19" x14ac:dyDescent="0.3">
      <c r="H3496" s="44">
        <v>3489</v>
      </c>
      <c r="I3496" s="56">
        <f>Bühler!I3522</f>
        <v>0.24420338866453151</v>
      </c>
      <c r="J3496" s="59">
        <f>Bühler!J3522</f>
        <v>0.81401129554843843</v>
      </c>
      <c r="K3496" s="59">
        <f>Bühler!K3522</f>
        <v>1.2210169433226576</v>
      </c>
      <c r="L3496" s="59">
        <f>Bühler!L3522</f>
        <v>14.015368357559632</v>
      </c>
      <c r="M3496" s="58">
        <f>Bühler!M3522</f>
        <v>0</v>
      </c>
      <c r="N3496" s="56">
        <f>IF(Input!$D$19=1,J3496*Input!$C$19,0)+IF(Input!$D$20=1,K3496*Input!$C$20,0)+IF(Input!$D$21=1,L3496*Input!$C$21,0)+IF(Input!$D$22=1,M3496*Input!$C$22,0)</f>
        <v>0.24420338866453151</v>
      </c>
      <c r="O3496" s="59">
        <f>IF(Input!$D$19=2,J3496*Input!$C$19,0)+IF(Input!$D$20=2,K3496*Input!$C$20,0)+IF(Input!$D$21=2,L3496*Input!$C$21,0)+IF(Input!$D$22=2,M3496*Input!$C$22,0)</f>
        <v>0.61050847166132882</v>
      </c>
      <c r="P3496" s="59">
        <f>IF(Input!$D$19=3,J3496*Input!$C$19,0)+IF(Input!$D$20=3,K3496*Input!$C$20,0)+IF(Input!$D$21=3,L3496*Input!$C$21,0)+IF(Input!$D$22=3,M3496*Input!$C$22,0)</f>
        <v>0</v>
      </c>
      <c r="Q3496" s="75">
        <f>IF(Input!$D$19=4,J3496*Input!$C$19,0)+IF(Input!$D$20=4,K3496*Input!$C$20,0)+IF(Input!$D$21=4,L3496*Input!$C$21,0)+IF(Input!$D$22=4,M3496*Input!$C$22,0)</f>
        <v>0</v>
      </c>
      <c r="R3496" s="58">
        <v>49.981220058865162</v>
      </c>
      <c r="S3496" s="124">
        <f t="shared" si="54"/>
        <v>1.0582146842129698</v>
      </c>
    </row>
    <row r="3497" spans="8:19" x14ac:dyDescent="0.3">
      <c r="H3497" s="44">
        <v>3490</v>
      </c>
      <c r="I3497" s="56">
        <f>Bühler!I3523</f>
        <v>0.24420338866453151</v>
      </c>
      <c r="J3497" s="59">
        <f>Bühler!J3523</f>
        <v>0.81401129554843843</v>
      </c>
      <c r="K3497" s="59">
        <f>Bühler!K3523</f>
        <v>1.2210169433226576</v>
      </c>
      <c r="L3497" s="59">
        <f>Bühler!L3523</f>
        <v>14.015368357559632</v>
      </c>
      <c r="M3497" s="58">
        <f>Bühler!M3523</f>
        <v>0</v>
      </c>
      <c r="N3497" s="56">
        <f>IF(Input!$D$19=1,J3497*Input!$C$19,0)+IF(Input!$D$20=1,K3497*Input!$C$20,0)+IF(Input!$D$21=1,L3497*Input!$C$21,0)+IF(Input!$D$22=1,M3497*Input!$C$22,0)</f>
        <v>0.24420338866453151</v>
      </c>
      <c r="O3497" s="59">
        <f>IF(Input!$D$19=2,J3497*Input!$C$19,0)+IF(Input!$D$20=2,K3497*Input!$C$20,0)+IF(Input!$D$21=2,L3497*Input!$C$21,0)+IF(Input!$D$22=2,M3497*Input!$C$22,0)</f>
        <v>0.61050847166132882</v>
      </c>
      <c r="P3497" s="59">
        <f>IF(Input!$D$19=3,J3497*Input!$C$19,0)+IF(Input!$D$20=3,K3497*Input!$C$20,0)+IF(Input!$D$21=3,L3497*Input!$C$21,0)+IF(Input!$D$22=3,M3497*Input!$C$22,0)</f>
        <v>0</v>
      </c>
      <c r="Q3497" s="75">
        <f>IF(Input!$D$19=4,J3497*Input!$C$19,0)+IF(Input!$D$20=4,K3497*Input!$C$20,0)+IF(Input!$D$21=4,L3497*Input!$C$21,0)+IF(Input!$D$22=4,M3497*Input!$C$22,0)</f>
        <v>0</v>
      </c>
      <c r="R3497" s="58">
        <v>49.532410937351514</v>
      </c>
      <c r="S3497" s="124">
        <f t="shared" si="54"/>
        <v>1.0582146842129698</v>
      </c>
    </row>
    <row r="3498" spans="8:19" x14ac:dyDescent="0.3">
      <c r="H3498" s="44">
        <v>3491</v>
      </c>
      <c r="I3498" s="56">
        <f>Bühler!I3524</f>
        <v>0.24420338866453151</v>
      </c>
      <c r="J3498" s="59">
        <f>Bühler!J3524</f>
        <v>0.81401129554843843</v>
      </c>
      <c r="K3498" s="59">
        <f>Bühler!K3524</f>
        <v>1.2210169433226576</v>
      </c>
      <c r="L3498" s="59">
        <f>Bühler!L3524</f>
        <v>14.015368357559632</v>
      </c>
      <c r="M3498" s="58">
        <f>Bühler!M3524</f>
        <v>0</v>
      </c>
      <c r="N3498" s="56">
        <f>IF(Input!$D$19=1,J3498*Input!$C$19,0)+IF(Input!$D$20=1,K3498*Input!$C$20,0)+IF(Input!$D$21=1,L3498*Input!$C$21,0)+IF(Input!$D$22=1,M3498*Input!$C$22,0)</f>
        <v>0.24420338866453151</v>
      </c>
      <c r="O3498" s="59">
        <f>IF(Input!$D$19=2,J3498*Input!$C$19,0)+IF(Input!$D$20=2,K3498*Input!$C$20,0)+IF(Input!$D$21=2,L3498*Input!$C$21,0)+IF(Input!$D$22=2,M3498*Input!$C$22,0)</f>
        <v>0.61050847166132882</v>
      </c>
      <c r="P3498" s="59">
        <f>IF(Input!$D$19=3,J3498*Input!$C$19,0)+IF(Input!$D$20=3,K3498*Input!$C$20,0)+IF(Input!$D$21=3,L3498*Input!$C$21,0)+IF(Input!$D$22=3,M3498*Input!$C$22,0)</f>
        <v>0</v>
      </c>
      <c r="Q3498" s="75">
        <f>IF(Input!$D$19=4,J3498*Input!$C$19,0)+IF(Input!$D$20=4,K3498*Input!$C$20,0)+IF(Input!$D$21=4,L3498*Input!$C$21,0)+IF(Input!$D$22=4,M3498*Input!$C$22,0)</f>
        <v>0</v>
      </c>
      <c r="R3498" s="58">
        <v>49.560768504177098</v>
      </c>
      <c r="S3498" s="124">
        <f t="shared" si="54"/>
        <v>1.0582146842129698</v>
      </c>
    </row>
    <row r="3499" spans="8:19" x14ac:dyDescent="0.3">
      <c r="H3499" s="44">
        <v>3492</v>
      </c>
      <c r="I3499" s="56">
        <f>Bühler!I3525</f>
        <v>0.24420338866453151</v>
      </c>
      <c r="J3499" s="59">
        <f>Bühler!J3525</f>
        <v>0.81401129554843843</v>
      </c>
      <c r="K3499" s="59">
        <f>Bühler!K3525</f>
        <v>1.2210169433226576</v>
      </c>
      <c r="L3499" s="59">
        <f>Bühler!L3525</f>
        <v>14.015368357559632</v>
      </c>
      <c r="M3499" s="58">
        <f>Bühler!M3525</f>
        <v>0</v>
      </c>
      <c r="N3499" s="56">
        <f>IF(Input!$D$19=1,J3499*Input!$C$19,0)+IF(Input!$D$20=1,K3499*Input!$C$20,0)+IF(Input!$D$21=1,L3499*Input!$C$21,0)+IF(Input!$D$22=1,M3499*Input!$C$22,0)</f>
        <v>0.24420338866453151</v>
      </c>
      <c r="O3499" s="59">
        <f>IF(Input!$D$19=2,J3499*Input!$C$19,0)+IF(Input!$D$20=2,K3499*Input!$C$20,0)+IF(Input!$D$21=2,L3499*Input!$C$21,0)+IF(Input!$D$22=2,M3499*Input!$C$22,0)</f>
        <v>0.61050847166132882</v>
      </c>
      <c r="P3499" s="59">
        <f>IF(Input!$D$19=3,J3499*Input!$C$19,0)+IF(Input!$D$20=3,K3499*Input!$C$20,0)+IF(Input!$D$21=3,L3499*Input!$C$21,0)+IF(Input!$D$22=3,M3499*Input!$C$22,0)</f>
        <v>0</v>
      </c>
      <c r="Q3499" s="75">
        <f>IF(Input!$D$19=4,J3499*Input!$C$19,0)+IF(Input!$D$20=4,K3499*Input!$C$20,0)+IF(Input!$D$21=4,L3499*Input!$C$21,0)+IF(Input!$D$22=4,M3499*Input!$C$22,0)</f>
        <v>0</v>
      </c>
      <c r="R3499" s="58">
        <v>49.368811387201291</v>
      </c>
      <c r="S3499" s="124">
        <f t="shared" si="54"/>
        <v>1.0582146842129698</v>
      </c>
    </row>
    <row r="3500" spans="8:19" x14ac:dyDescent="0.3">
      <c r="H3500" s="44">
        <v>3493</v>
      </c>
      <c r="I3500" s="56">
        <f>Bühler!I3526</f>
        <v>0.24420338866453151</v>
      </c>
      <c r="J3500" s="59">
        <f>Bühler!J3526</f>
        <v>0.81401129554843843</v>
      </c>
      <c r="K3500" s="59">
        <f>Bühler!K3526</f>
        <v>1.2210169433226576</v>
      </c>
      <c r="L3500" s="59">
        <f>Bühler!L3526</f>
        <v>14.015368357559632</v>
      </c>
      <c r="M3500" s="58">
        <f>Bühler!M3526</f>
        <v>0</v>
      </c>
      <c r="N3500" s="56">
        <f>IF(Input!$D$19=1,J3500*Input!$C$19,0)+IF(Input!$D$20=1,K3500*Input!$C$20,0)+IF(Input!$D$21=1,L3500*Input!$C$21,0)+IF(Input!$D$22=1,M3500*Input!$C$22,0)</f>
        <v>0.24420338866453151</v>
      </c>
      <c r="O3500" s="59">
        <f>IF(Input!$D$19=2,J3500*Input!$C$19,0)+IF(Input!$D$20=2,K3500*Input!$C$20,0)+IF(Input!$D$21=2,L3500*Input!$C$21,0)+IF(Input!$D$22=2,M3500*Input!$C$22,0)</f>
        <v>0.61050847166132882</v>
      </c>
      <c r="P3500" s="59">
        <f>IF(Input!$D$19=3,J3500*Input!$C$19,0)+IF(Input!$D$20=3,K3500*Input!$C$20,0)+IF(Input!$D$21=3,L3500*Input!$C$21,0)+IF(Input!$D$22=3,M3500*Input!$C$22,0)</f>
        <v>0</v>
      </c>
      <c r="Q3500" s="75">
        <f>IF(Input!$D$19=4,J3500*Input!$C$19,0)+IF(Input!$D$20=4,K3500*Input!$C$20,0)+IF(Input!$D$21=4,L3500*Input!$C$21,0)+IF(Input!$D$22=4,M3500*Input!$C$22,0)</f>
        <v>0</v>
      </c>
      <c r="R3500" s="58">
        <v>47.837562875123147</v>
      </c>
      <c r="S3500" s="124">
        <f t="shared" si="54"/>
        <v>1.0582146842129698</v>
      </c>
    </row>
    <row r="3501" spans="8:19" x14ac:dyDescent="0.3">
      <c r="H3501" s="44">
        <v>3494</v>
      </c>
      <c r="I3501" s="56">
        <f>Bühler!I3527</f>
        <v>0.24420338866453151</v>
      </c>
      <c r="J3501" s="59">
        <f>Bühler!J3527</f>
        <v>0.81401129554843843</v>
      </c>
      <c r="K3501" s="59">
        <f>Bühler!K3527</f>
        <v>1.2210169433226576</v>
      </c>
      <c r="L3501" s="59">
        <f>Bühler!L3527</f>
        <v>14.015368357559632</v>
      </c>
      <c r="M3501" s="58">
        <f>Bühler!M3527</f>
        <v>0</v>
      </c>
      <c r="N3501" s="56">
        <f>IF(Input!$D$19=1,J3501*Input!$C$19,0)+IF(Input!$D$20=1,K3501*Input!$C$20,0)+IF(Input!$D$21=1,L3501*Input!$C$21,0)+IF(Input!$D$22=1,M3501*Input!$C$22,0)</f>
        <v>0.24420338866453151</v>
      </c>
      <c r="O3501" s="59">
        <f>IF(Input!$D$19=2,J3501*Input!$C$19,0)+IF(Input!$D$20=2,K3501*Input!$C$20,0)+IF(Input!$D$21=2,L3501*Input!$C$21,0)+IF(Input!$D$22=2,M3501*Input!$C$22,0)</f>
        <v>0.61050847166132882</v>
      </c>
      <c r="P3501" s="59">
        <f>IF(Input!$D$19=3,J3501*Input!$C$19,0)+IF(Input!$D$20=3,K3501*Input!$C$20,0)+IF(Input!$D$21=3,L3501*Input!$C$21,0)+IF(Input!$D$22=3,M3501*Input!$C$22,0)</f>
        <v>0</v>
      </c>
      <c r="Q3501" s="75">
        <f>IF(Input!$D$19=4,J3501*Input!$C$19,0)+IF(Input!$D$20=4,K3501*Input!$C$20,0)+IF(Input!$D$21=4,L3501*Input!$C$21,0)+IF(Input!$D$22=4,M3501*Input!$C$22,0)</f>
        <v>0</v>
      </c>
      <c r="R3501" s="58">
        <v>47.085243855492479</v>
      </c>
      <c r="S3501" s="124">
        <f t="shared" si="54"/>
        <v>1.0582146842129698</v>
      </c>
    </row>
    <row r="3502" spans="8:19" x14ac:dyDescent="0.3">
      <c r="H3502" s="44">
        <v>3495</v>
      </c>
      <c r="I3502" s="56">
        <f>Bühler!I3528</f>
        <v>0.24420338866453151</v>
      </c>
      <c r="J3502" s="59">
        <f>Bühler!J3528</f>
        <v>0.81401129554843843</v>
      </c>
      <c r="K3502" s="59">
        <f>Bühler!K3528</f>
        <v>1.2210169433226576</v>
      </c>
      <c r="L3502" s="59">
        <f>Bühler!L3528</f>
        <v>14.015368357559632</v>
      </c>
      <c r="M3502" s="58">
        <f>Bühler!M3528</f>
        <v>0</v>
      </c>
      <c r="N3502" s="56">
        <f>IF(Input!$D$19=1,J3502*Input!$C$19,0)+IF(Input!$D$20=1,K3502*Input!$C$20,0)+IF(Input!$D$21=1,L3502*Input!$C$21,0)+IF(Input!$D$22=1,M3502*Input!$C$22,0)</f>
        <v>0.24420338866453151</v>
      </c>
      <c r="O3502" s="59">
        <f>IF(Input!$D$19=2,J3502*Input!$C$19,0)+IF(Input!$D$20=2,K3502*Input!$C$20,0)+IF(Input!$D$21=2,L3502*Input!$C$21,0)+IF(Input!$D$22=2,M3502*Input!$C$22,0)</f>
        <v>0.61050847166132882</v>
      </c>
      <c r="P3502" s="59">
        <f>IF(Input!$D$19=3,J3502*Input!$C$19,0)+IF(Input!$D$20=3,K3502*Input!$C$20,0)+IF(Input!$D$21=3,L3502*Input!$C$21,0)+IF(Input!$D$22=3,M3502*Input!$C$22,0)</f>
        <v>0</v>
      </c>
      <c r="Q3502" s="75">
        <f>IF(Input!$D$19=4,J3502*Input!$C$19,0)+IF(Input!$D$20=4,K3502*Input!$C$20,0)+IF(Input!$D$21=4,L3502*Input!$C$21,0)+IF(Input!$D$22=4,M3502*Input!$C$22,0)</f>
        <v>0</v>
      </c>
      <c r="R3502" s="58">
        <v>46.936174204145431</v>
      </c>
      <c r="S3502" s="124">
        <f t="shared" si="54"/>
        <v>1.0582146842129698</v>
      </c>
    </row>
    <row r="3503" spans="8:19" x14ac:dyDescent="0.3">
      <c r="H3503" s="44">
        <v>3496</v>
      </c>
      <c r="I3503" s="56">
        <f>Bühler!I3529</f>
        <v>0.22078662536793264</v>
      </c>
      <c r="J3503" s="59">
        <f>Bühler!J3529</f>
        <v>0.73595541789310892</v>
      </c>
      <c r="K3503" s="59">
        <f>Bühler!K3529</f>
        <v>1.1039331268396633</v>
      </c>
      <c r="L3503" s="59">
        <f>Bühler!L3529</f>
        <v>12.671428926012817</v>
      </c>
      <c r="M3503" s="58">
        <f>Bühler!M3529</f>
        <v>0</v>
      </c>
      <c r="N3503" s="56">
        <f>IF(Input!$D$19=1,J3503*Input!$C$19,0)+IF(Input!$D$20=1,K3503*Input!$C$20,0)+IF(Input!$D$21=1,L3503*Input!$C$21,0)+IF(Input!$D$22=1,M3503*Input!$C$22,0)</f>
        <v>0.22078662536793267</v>
      </c>
      <c r="O3503" s="59">
        <f>IF(Input!$D$19=2,J3503*Input!$C$19,0)+IF(Input!$D$20=2,K3503*Input!$C$20,0)+IF(Input!$D$21=2,L3503*Input!$C$21,0)+IF(Input!$D$22=2,M3503*Input!$C$22,0)</f>
        <v>0.55196656341983164</v>
      </c>
      <c r="P3503" s="59">
        <f>IF(Input!$D$19=3,J3503*Input!$C$19,0)+IF(Input!$D$20=3,K3503*Input!$C$20,0)+IF(Input!$D$21=3,L3503*Input!$C$21,0)+IF(Input!$D$22=3,M3503*Input!$C$22,0)</f>
        <v>0</v>
      </c>
      <c r="Q3503" s="75">
        <f>IF(Input!$D$19=4,J3503*Input!$C$19,0)+IF(Input!$D$20=4,K3503*Input!$C$20,0)+IF(Input!$D$21=4,L3503*Input!$C$21,0)+IF(Input!$D$22=4,M3503*Input!$C$22,0)</f>
        <v>0</v>
      </c>
      <c r="R3503" s="58">
        <v>46.939506264977169</v>
      </c>
      <c r="S3503" s="124">
        <f t="shared" si="54"/>
        <v>0.95674204326104162</v>
      </c>
    </row>
    <row r="3504" spans="8:19" x14ac:dyDescent="0.3">
      <c r="H3504" s="44">
        <v>3497</v>
      </c>
      <c r="I3504" s="56">
        <f>Bühler!I3530</f>
        <v>0.20071511397084785</v>
      </c>
      <c r="J3504" s="59">
        <f>Bühler!J3530</f>
        <v>0.66905037990282623</v>
      </c>
      <c r="K3504" s="59">
        <f>Bühler!K3530</f>
        <v>1.0035755698542395</v>
      </c>
      <c r="L3504" s="59">
        <f>Bühler!L3530</f>
        <v>11.519480841829834</v>
      </c>
      <c r="M3504" s="58">
        <f>Bühler!M3530</f>
        <v>0</v>
      </c>
      <c r="N3504" s="56">
        <f>IF(Input!$D$19=1,J3504*Input!$C$19,0)+IF(Input!$D$20=1,K3504*Input!$C$20,0)+IF(Input!$D$21=1,L3504*Input!$C$21,0)+IF(Input!$D$22=1,M3504*Input!$C$22,0)</f>
        <v>0.20071511397084787</v>
      </c>
      <c r="O3504" s="59">
        <f>IF(Input!$D$19=2,J3504*Input!$C$19,0)+IF(Input!$D$20=2,K3504*Input!$C$20,0)+IF(Input!$D$21=2,L3504*Input!$C$21,0)+IF(Input!$D$22=2,M3504*Input!$C$22,0)</f>
        <v>0.50178778492711973</v>
      </c>
      <c r="P3504" s="59">
        <f>IF(Input!$D$19=3,J3504*Input!$C$19,0)+IF(Input!$D$20=3,K3504*Input!$C$20,0)+IF(Input!$D$21=3,L3504*Input!$C$21,0)+IF(Input!$D$22=3,M3504*Input!$C$22,0)</f>
        <v>0</v>
      </c>
      <c r="Q3504" s="75">
        <f>IF(Input!$D$19=4,J3504*Input!$C$19,0)+IF(Input!$D$20=4,K3504*Input!$C$20,0)+IF(Input!$D$21=4,L3504*Input!$C$21,0)+IF(Input!$D$22=4,M3504*Input!$C$22,0)</f>
        <v>0</v>
      </c>
      <c r="R3504" s="58">
        <v>46.18476200623131</v>
      </c>
      <c r="S3504" s="124">
        <f t="shared" si="54"/>
        <v>0.86976549387367408</v>
      </c>
    </row>
    <row r="3505" spans="8:19" x14ac:dyDescent="0.3">
      <c r="H3505" s="44">
        <v>3498</v>
      </c>
      <c r="I3505" s="56">
        <f>Bühler!I3531</f>
        <v>0.18064360257376305</v>
      </c>
      <c r="J3505" s="59">
        <f>Bühler!J3531</f>
        <v>0.60214534191254365</v>
      </c>
      <c r="K3505" s="59">
        <f>Bühler!K3531</f>
        <v>0.90321801286881542</v>
      </c>
      <c r="L3505" s="59">
        <f>Bühler!L3531</f>
        <v>10.367532757646853</v>
      </c>
      <c r="M3505" s="58">
        <f>Bühler!M3531</f>
        <v>0</v>
      </c>
      <c r="N3505" s="56">
        <f>IF(Input!$D$19=1,J3505*Input!$C$19,0)+IF(Input!$D$20=1,K3505*Input!$C$20,0)+IF(Input!$D$21=1,L3505*Input!$C$21,0)+IF(Input!$D$22=1,M3505*Input!$C$22,0)</f>
        <v>0.18064360257376308</v>
      </c>
      <c r="O3505" s="59">
        <f>IF(Input!$D$19=2,J3505*Input!$C$19,0)+IF(Input!$D$20=2,K3505*Input!$C$20,0)+IF(Input!$D$21=2,L3505*Input!$C$21,0)+IF(Input!$D$22=2,M3505*Input!$C$22,0)</f>
        <v>0.45160900643440771</v>
      </c>
      <c r="P3505" s="59">
        <f>IF(Input!$D$19=3,J3505*Input!$C$19,0)+IF(Input!$D$20=3,K3505*Input!$C$20,0)+IF(Input!$D$21=3,L3505*Input!$C$21,0)+IF(Input!$D$22=3,M3505*Input!$C$22,0)</f>
        <v>0</v>
      </c>
      <c r="Q3505" s="75">
        <f>IF(Input!$D$19=4,J3505*Input!$C$19,0)+IF(Input!$D$20=4,K3505*Input!$C$20,0)+IF(Input!$D$21=4,L3505*Input!$C$21,0)+IF(Input!$D$22=4,M3505*Input!$C$22,0)</f>
        <v>0</v>
      </c>
      <c r="R3505" s="58">
        <v>44.74896582576811</v>
      </c>
      <c r="S3505" s="124">
        <f t="shared" si="54"/>
        <v>0.78278894448630676</v>
      </c>
    </row>
    <row r="3506" spans="8:19" x14ac:dyDescent="0.3">
      <c r="H3506" s="44">
        <v>3499</v>
      </c>
      <c r="I3506" s="56">
        <f>Bühler!I3532</f>
        <v>0.17395309877473478</v>
      </c>
      <c r="J3506" s="59">
        <f>Bühler!J3532</f>
        <v>0.57984366258244935</v>
      </c>
      <c r="K3506" s="59">
        <f>Bühler!K3532</f>
        <v>0.86976549387367408</v>
      </c>
      <c r="L3506" s="59">
        <f>Bühler!L3532</f>
        <v>9.9835500629191891</v>
      </c>
      <c r="M3506" s="58">
        <f>Bühler!M3532</f>
        <v>0</v>
      </c>
      <c r="N3506" s="56">
        <f>IF(Input!$D$19=1,J3506*Input!$C$19,0)+IF(Input!$D$20=1,K3506*Input!$C$20,0)+IF(Input!$D$21=1,L3506*Input!$C$21,0)+IF(Input!$D$22=1,M3506*Input!$C$22,0)</f>
        <v>0.1739530987747348</v>
      </c>
      <c r="O3506" s="59">
        <f>IF(Input!$D$19=2,J3506*Input!$C$19,0)+IF(Input!$D$20=2,K3506*Input!$C$20,0)+IF(Input!$D$21=2,L3506*Input!$C$21,0)+IF(Input!$D$22=2,M3506*Input!$C$22,0)</f>
        <v>0.43488274693683704</v>
      </c>
      <c r="P3506" s="59">
        <f>IF(Input!$D$19=3,J3506*Input!$C$19,0)+IF(Input!$D$20=3,K3506*Input!$C$20,0)+IF(Input!$D$21=3,L3506*Input!$C$21,0)+IF(Input!$D$22=3,M3506*Input!$C$22,0)</f>
        <v>0</v>
      </c>
      <c r="Q3506" s="75">
        <f>IF(Input!$D$19=4,J3506*Input!$C$19,0)+IF(Input!$D$20=4,K3506*Input!$C$20,0)+IF(Input!$D$21=4,L3506*Input!$C$21,0)+IF(Input!$D$22=4,M3506*Input!$C$22,0)</f>
        <v>0</v>
      </c>
      <c r="R3506" s="58">
        <v>43.956121442990543</v>
      </c>
      <c r="S3506" s="124">
        <f t="shared" si="54"/>
        <v>0.7537967613571841</v>
      </c>
    </row>
    <row r="3507" spans="8:19" x14ac:dyDescent="0.3">
      <c r="H3507" s="44">
        <v>3500</v>
      </c>
      <c r="I3507" s="56">
        <f>Bühler!I3533</f>
        <v>0.14050057977959349</v>
      </c>
      <c r="J3507" s="59">
        <f>Bühler!J3533</f>
        <v>0.46833526593197833</v>
      </c>
      <c r="K3507" s="59">
        <f>Bühler!K3533</f>
        <v>0.70250289889796746</v>
      </c>
      <c r="L3507" s="59">
        <f>Bühler!L3533</f>
        <v>8.0636365892808826</v>
      </c>
      <c r="M3507" s="58">
        <f>Bühler!M3533</f>
        <v>0</v>
      </c>
      <c r="N3507" s="56">
        <f>IF(Input!$D$19=1,J3507*Input!$C$19,0)+IF(Input!$D$20=1,K3507*Input!$C$20,0)+IF(Input!$D$21=1,L3507*Input!$C$21,0)+IF(Input!$D$22=1,M3507*Input!$C$22,0)</f>
        <v>0.14050057977959349</v>
      </c>
      <c r="O3507" s="59">
        <f>IF(Input!$D$19=2,J3507*Input!$C$19,0)+IF(Input!$D$20=2,K3507*Input!$C$20,0)+IF(Input!$D$21=2,L3507*Input!$C$21,0)+IF(Input!$D$22=2,M3507*Input!$C$22,0)</f>
        <v>0.35125144944898373</v>
      </c>
      <c r="P3507" s="59">
        <f>IF(Input!$D$19=3,J3507*Input!$C$19,0)+IF(Input!$D$20=3,K3507*Input!$C$20,0)+IF(Input!$D$21=3,L3507*Input!$C$21,0)+IF(Input!$D$22=3,M3507*Input!$C$22,0)</f>
        <v>0</v>
      </c>
      <c r="Q3507" s="75">
        <f>IF(Input!$D$19=4,J3507*Input!$C$19,0)+IF(Input!$D$20=4,K3507*Input!$C$20,0)+IF(Input!$D$21=4,L3507*Input!$C$21,0)+IF(Input!$D$22=4,M3507*Input!$C$22,0)</f>
        <v>0</v>
      </c>
      <c r="R3507" s="58">
        <v>43.570745906855038</v>
      </c>
      <c r="S3507" s="124">
        <f t="shared" si="54"/>
        <v>0.60883584571157179</v>
      </c>
    </row>
    <row r="3508" spans="8:19" x14ac:dyDescent="0.3">
      <c r="H3508" s="44">
        <v>3501</v>
      </c>
      <c r="I3508" s="56">
        <f>Bühler!I3534</f>
        <v>0.10370280888493805</v>
      </c>
      <c r="J3508" s="59">
        <f>Bühler!J3534</f>
        <v>0.34567602961646021</v>
      </c>
      <c r="K3508" s="59">
        <f>Bühler!K3534</f>
        <v>0.51851404442469029</v>
      </c>
      <c r="L3508" s="59">
        <f>Bühler!L3534</f>
        <v>5.9517317682787469</v>
      </c>
      <c r="M3508" s="58">
        <f>Bühler!M3534</f>
        <v>0</v>
      </c>
      <c r="N3508" s="56">
        <f>IF(Input!$D$19=1,J3508*Input!$C$19,0)+IF(Input!$D$20=1,K3508*Input!$C$20,0)+IF(Input!$D$21=1,L3508*Input!$C$21,0)+IF(Input!$D$22=1,M3508*Input!$C$22,0)</f>
        <v>0.10370280888493806</v>
      </c>
      <c r="O3508" s="59">
        <f>IF(Input!$D$19=2,J3508*Input!$C$19,0)+IF(Input!$D$20=2,K3508*Input!$C$20,0)+IF(Input!$D$21=2,L3508*Input!$C$21,0)+IF(Input!$D$22=2,M3508*Input!$C$22,0)</f>
        <v>0.25925702221234515</v>
      </c>
      <c r="P3508" s="59">
        <f>IF(Input!$D$19=3,J3508*Input!$C$19,0)+IF(Input!$D$20=3,K3508*Input!$C$20,0)+IF(Input!$D$21=3,L3508*Input!$C$21,0)+IF(Input!$D$22=3,M3508*Input!$C$22,0)</f>
        <v>0</v>
      </c>
      <c r="Q3508" s="75">
        <f>IF(Input!$D$19=4,J3508*Input!$C$19,0)+IF(Input!$D$20=4,K3508*Input!$C$20,0)+IF(Input!$D$21=4,L3508*Input!$C$21,0)+IF(Input!$D$22=4,M3508*Input!$C$22,0)</f>
        <v>0</v>
      </c>
      <c r="R3508" s="58">
        <v>42.771264253625851</v>
      </c>
      <c r="S3508" s="124">
        <f t="shared" si="54"/>
        <v>0.44937883850139826</v>
      </c>
    </row>
    <row r="3509" spans="8:19" x14ac:dyDescent="0.3">
      <c r="H3509" s="44">
        <v>3502</v>
      </c>
      <c r="I3509" s="56">
        <f>Bühler!I3535</f>
        <v>0.10370280888493805</v>
      </c>
      <c r="J3509" s="59">
        <f>Bühler!J3535</f>
        <v>0.34567602961646021</v>
      </c>
      <c r="K3509" s="59">
        <f>Bühler!K3535</f>
        <v>0.51851404442469029</v>
      </c>
      <c r="L3509" s="59">
        <f>Bühler!L3535</f>
        <v>5.9517317682787469</v>
      </c>
      <c r="M3509" s="58">
        <f>Bühler!M3535</f>
        <v>0</v>
      </c>
      <c r="N3509" s="56">
        <f>IF(Input!$D$19=1,J3509*Input!$C$19,0)+IF(Input!$D$20=1,K3509*Input!$C$20,0)+IF(Input!$D$21=1,L3509*Input!$C$21,0)+IF(Input!$D$22=1,M3509*Input!$C$22,0)</f>
        <v>0.10370280888493806</v>
      </c>
      <c r="O3509" s="59">
        <f>IF(Input!$D$19=2,J3509*Input!$C$19,0)+IF(Input!$D$20=2,K3509*Input!$C$20,0)+IF(Input!$D$21=2,L3509*Input!$C$21,0)+IF(Input!$D$22=2,M3509*Input!$C$22,0)</f>
        <v>0.25925702221234515</v>
      </c>
      <c r="P3509" s="59">
        <f>IF(Input!$D$19=3,J3509*Input!$C$19,0)+IF(Input!$D$20=3,K3509*Input!$C$20,0)+IF(Input!$D$21=3,L3509*Input!$C$21,0)+IF(Input!$D$22=3,M3509*Input!$C$22,0)</f>
        <v>0</v>
      </c>
      <c r="Q3509" s="75">
        <f>IF(Input!$D$19=4,J3509*Input!$C$19,0)+IF(Input!$D$20=4,K3509*Input!$C$20,0)+IF(Input!$D$21=4,L3509*Input!$C$21,0)+IF(Input!$D$22=4,M3509*Input!$C$22,0)</f>
        <v>0</v>
      </c>
      <c r="R3509" s="58">
        <v>42.208481269968971</v>
      </c>
      <c r="S3509" s="124">
        <f t="shared" si="54"/>
        <v>0.44937883850139826</v>
      </c>
    </row>
    <row r="3510" spans="8:19" x14ac:dyDescent="0.3">
      <c r="H3510" s="44">
        <v>3503</v>
      </c>
      <c r="I3510" s="56">
        <f>Bühler!I3536</f>
        <v>0.10370280888493805</v>
      </c>
      <c r="J3510" s="59">
        <f>Bühler!J3536</f>
        <v>0.34567602961646021</v>
      </c>
      <c r="K3510" s="59">
        <f>Bühler!K3536</f>
        <v>0.51851404442469029</v>
      </c>
      <c r="L3510" s="59">
        <f>Bühler!L3536</f>
        <v>5.9517317682787469</v>
      </c>
      <c r="M3510" s="58">
        <f>Bühler!M3536</f>
        <v>0</v>
      </c>
      <c r="N3510" s="56">
        <f>IF(Input!$D$19=1,J3510*Input!$C$19,0)+IF(Input!$D$20=1,K3510*Input!$C$20,0)+IF(Input!$D$21=1,L3510*Input!$C$21,0)+IF(Input!$D$22=1,M3510*Input!$C$22,0)</f>
        <v>0.10370280888493806</v>
      </c>
      <c r="O3510" s="59">
        <f>IF(Input!$D$19=2,J3510*Input!$C$19,0)+IF(Input!$D$20=2,K3510*Input!$C$20,0)+IF(Input!$D$21=2,L3510*Input!$C$21,0)+IF(Input!$D$22=2,M3510*Input!$C$22,0)</f>
        <v>0.25925702221234515</v>
      </c>
      <c r="P3510" s="59">
        <f>IF(Input!$D$19=3,J3510*Input!$C$19,0)+IF(Input!$D$20=3,K3510*Input!$C$20,0)+IF(Input!$D$21=3,L3510*Input!$C$21,0)+IF(Input!$D$22=3,M3510*Input!$C$22,0)</f>
        <v>0</v>
      </c>
      <c r="Q3510" s="75">
        <f>IF(Input!$D$19=4,J3510*Input!$C$19,0)+IF(Input!$D$20=4,K3510*Input!$C$20,0)+IF(Input!$D$21=4,L3510*Input!$C$21,0)+IF(Input!$D$22=4,M3510*Input!$C$22,0)</f>
        <v>0</v>
      </c>
      <c r="R3510" s="58">
        <v>42.101129732606445</v>
      </c>
      <c r="S3510" s="124">
        <f t="shared" si="54"/>
        <v>0.44937883850139826</v>
      </c>
    </row>
    <row r="3511" spans="8:19" x14ac:dyDescent="0.3">
      <c r="H3511" s="44">
        <v>3504</v>
      </c>
      <c r="I3511" s="56">
        <f>Bühler!I3537</f>
        <v>0.10370280888493805</v>
      </c>
      <c r="J3511" s="59">
        <f>Bühler!J3537</f>
        <v>0.34567602961646021</v>
      </c>
      <c r="K3511" s="59">
        <f>Bühler!K3537</f>
        <v>0.51851404442469029</v>
      </c>
      <c r="L3511" s="59">
        <f>Bühler!L3537</f>
        <v>5.9517317682787469</v>
      </c>
      <c r="M3511" s="58">
        <f>Bühler!M3537</f>
        <v>0</v>
      </c>
      <c r="N3511" s="56">
        <f>IF(Input!$D$19=1,J3511*Input!$C$19,0)+IF(Input!$D$20=1,K3511*Input!$C$20,0)+IF(Input!$D$21=1,L3511*Input!$C$21,0)+IF(Input!$D$22=1,M3511*Input!$C$22,0)</f>
        <v>0.10370280888493806</v>
      </c>
      <c r="O3511" s="59">
        <f>IF(Input!$D$19=2,J3511*Input!$C$19,0)+IF(Input!$D$20=2,K3511*Input!$C$20,0)+IF(Input!$D$21=2,L3511*Input!$C$21,0)+IF(Input!$D$22=2,M3511*Input!$C$22,0)</f>
        <v>0.25925702221234515</v>
      </c>
      <c r="P3511" s="59">
        <f>IF(Input!$D$19=3,J3511*Input!$C$19,0)+IF(Input!$D$20=3,K3511*Input!$C$20,0)+IF(Input!$D$21=3,L3511*Input!$C$21,0)+IF(Input!$D$22=3,M3511*Input!$C$22,0)</f>
        <v>0</v>
      </c>
      <c r="Q3511" s="75">
        <f>IF(Input!$D$19=4,J3511*Input!$C$19,0)+IF(Input!$D$20=4,K3511*Input!$C$20,0)+IF(Input!$D$21=4,L3511*Input!$C$21,0)+IF(Input!$D$22=4,M3511*Input!$C$22,0)</f>
        <v>0</v>
      </c>
      <c r="R3511" s="58">
        <v>41.740540689412953</v>
      </c>
      <c r="S3511" s="124">
        <f t="shared" si="54"/>
        <v>0.44937883850139826</v>
      </c>
    </row>
    <row r="3512" spans="8:19" x14ac:dyDescent="0.3">
      <c r="H3512" s="44">
        <v>3505</v>
      </c>
      <c r="I3512" s="56">
        <f>Bühler!I3538</f>
        <v>0.10424808404045834</v>
      </c>
      <c r="J3512" s="59">
        <f>Bühler!J3538</f>
        <v>0.34749361346819452</v>
      </c>
      <c r="K3512" s="59">
        <f>Bühler!K3538</f>
        <v>0.52124042020229178</v>
      </c>
      <c r="L3512" s="59">
        <f>Bühler!L3538</f>
        <v>6.457239064334158</v>
      </c>
      <c r="M3512" s="58">
        <f>Bühler!M3538</f>
        <v>0</v>
      </c>
      <c r="N3512" s="56">
        <f>IF(Input!$D$19=1,J3512*Input!$C$19,0)+IF(Input!$D$20=1,K3512*Input!$C$20,0)+IF(Input!$D$21=1,L3512*Input!$C$21,0)+IF(Input!$D$22=1,M3512*Input!$C$22,0)</f>
        <v>0.10424808404045835</v>
      </c>
      <c r="O3512" s="59">
        <f>IF(Input!$D$19=2,J3512*Input!$C$19,0)+IF(Input!$D$20=2,K3512*Input!$C$20,0)+IF(Input!$D$21=2,L3512*Input!$C$21,0)+IF(Input!$D$22=2,M3512*Input!$C$22,0)</f>
        <v>0.26062021010114589</v>
      </c>
      <c r="P3512" s="59">
        <f>IF(Input!$D$19=3,J3512*Input!$C$19,0)+IF(Input!$D$20=3,K3512*Input!$C$20,0)+IF(Input!$D$21=3,L3512*Input!$C$21,0)+IF(Input!$D$22=3,M3512*Input!$C$22,0)</f>
        <v>0</v>
      </c>
      <c r="Q3512" s="75">
        <f>IF(Input!$D$19=4,J3512*Input!$C$19,0)+IF(Input!$D$20=4,K3512*Input!$C$20,0)+IF(Input!$D$21=4,L3512*Input!$C$21,0)+IF(Input!$D$22=4,M3512*Input!$C$22,0)</f>
        <v>0</v>
      </c>
      <c r="R3512" s="58">
        <v>40.999910027810579</v>
      </c>
      <c r="S3512" s="124">
        <f t="shared" si="54"/>
        <v>0.45174169750865284</v>
      </c>
    </row>
    <row r="3513" spans="8:19" x14ac:dyDescent="0.3">
      <c r="H3513" s="44">
        <v>3506</v>
      </c>
      <c r="I3513" s="56">
        <f>Bühler!I3539</f>
        <v>0.12106229114375805</v>
      </c>
      <c r="J3513" s="59">
        <f>Bühler!J3539</f>
        <v>0.40354097047919357</v>
      </c>
      <c r="K3513" s="59">
        <f>Bühler!K3539</f>
        <v>0.6053114557187903</v>
      </c>
      <c r="L3513" s="59">
        <f>Bühler!L3539</f>
        <v>7.4987292360009583</v>
      </c>
      <c r="M3513" s="58">
        <f>Bühler!M3539</f>
        <v>0</v>
      </c>
      <c r="N3513" s="56">
        <f>IF(Input!$D$19=1,J3513*Input!$C$19,0)+IF(Input!$D$20=1,K3513*Input!$C$20,0)+IF(Input!$D$21=1,L3513*Input!$C$21,0)+IF(Input!$D$22=1,M3513*Input!$C$22,0)</f>
        <v>0.12106229114375806</v>
      </c>
      <c r="O3513" s="59">
        <f>IF(Input!$D$19=2,J3513*Input!$C$19,0)+IF(Input!$D$20=2,K3513*Input!$C$20,0)+IF(Input!$D$21=2,L3513*Input!$C$21,0)+IF(Input!$D$22=2,M3513*Input!$C$22,0)</f>
        <v>0.30265572785939515</v>
      </c>
      <c r="P3513" s="59">
        <f>IF(Input!$D$19=3,J3513*Input!$C$19,0)+IF(Input!$D$20=3,K3513*Input!$C$20,0)+IF(Input!$D$21=3,L3513*Input!$C$21,0)+IF(Input!$D$22=3,M3513*Input!$C$22,0)</f>
        <v>0</v>
      </c>
      <c r="Q3513" s="75">
        <f>IF(Input!$D$19=4,J3513*Input!$C$19,0)+IF(Input!$D$20=4,K3513*Input!$C$20,0)+IF(Input!$D$21=4,L3513*Input!$C$21,0)+IF(Input!$D$22=4,M3513*Input!$C$22,0)</f>
        <v>0</v>
      </c>
      <c r="R3513" s="58">
        <v>40.815211446542946</v>
      </c>
      <c r="S3513" s="124">
        <f t="shared" si="54"/>
        <v>0.52460326162295168</v>
      </c>
    </row>
    <row r="3514" spans="8:19" x14ac:dyDescent="0.3">
      <c r="H3514" s="44">
        <v>3507</v>
      </c>
      <c r="I3514" s="56">
        <f>Bühler!I3540</f>
        <v>0.12106229114375805</v>
      </c>
      <c r="J3514" s="59">
        <f>Bühler!J3540</f>
        <v>0.40354097047919357</v>
      </c>
      <c r="K3514" s="59">
        <f>Bühler!K3540</f>
        <v>0.6053114557187903</v>
      </c>
      <c r="L3514" s="59">
        <f>Bühler!L3540</f>
        <v>7.4987292360009583</v>
      </c>
      <c r="M3514" s="58">
        <f>Bühler!M3540</f>
        <v>0</v>
      </c>
      <c r="N3514" s="56">
        <f>IF(Input!$D$19=1,J3514*Input!$C$19,0)+IF(Input!$D$20=1,K3514*Input!$C$20,0)+IF(Input!$D$21=1,L3514*Input!$C$21,0)+IF(Input!$D$22=1,M3514*Input!$C$22,0)</f>
        <v>0.12106229114375806</v>
      </c>
      <c r="O3514" s="59">
        <f>IF(Input!$D$19=2,J3514*Input!$C$19,0)+IF(Input!$D$20=2,K3514*Input!$C$20,0)+IF(Input!$D$21=2,L3514*Input!$C$21,0)+IF(Input!$D$22=2,M3514*Input!$C$22,0)</f>
        <v>0.30265572785939515</v>
      </c>
      <c r="P3514" s="59">
        <f>IF(Input!$D$19=3,J3514*Input!$C$19,0)+IF(Input!$D$20=3,K3514*Input!$C$20,0)+IF(Input!$D$21=3,L3514*Input!$C$21,0)+IF(Input!$D$22=3,M3514*Input!$C$22,0)</f>
        <v>0</v>
      </c>
      <c r="Q3514" s="75">
        <f>IF(Input!$D$19=4,J3514*Input!$C$19,0)+IF(Input!$D$20=4,K3514*Input!$C$20,0)+IF(Input!$D$21=4,L3514*Input!$C$21,0)+IF(Input!$D$22=4,M3514*Input!$C$22,0)</f>
        <v>0</v>
      </c>
      <c r="R3514" s="58">
        <v>40.646760182496628</v>
      </c>
      <c r="S3514" s="124">
        <f t="shared" si="54"/>
        <v>0.52460326162295168</v>
      </c>
    </row>
    <row r="3515" spans="8:19" x14ac:dyDescent="0.3">
      <c r="H3515" s="44">
        <v>3508</v>
      </c>
      <c r="I3515" s="56">
        <f>Bühler!I3541</f>
        <v>0.12106229114375805</v>
      </c>
      <c r="J3515" s="59">
        <f>Bühler!J3541</f>
        <v>0.40354097047919357</v>
      </c>
      <c r="K3515" s="59">
        <f>Bühler!K3541</f>
        <v>0.6053114557187903</v>
      </c>
      <c r="L3515" s="59">
        <f>Bühler!L3541</f>
        <v>7.4987292360009583</v>
      </c>
      <c r="M3515" s="58">
        <f>Bühler!M3541</f>
        <v>0</v>
      </c>
      <c r="N3515" s="56">
        <f>IF(Input!$D$19=1,J3515*Input!$C$19,0)+IF(Input!$D$20=1,K3515*Input!$C$20,0)+IF(Input!$D$21=1,L3515*Input!$C$21,0)+IF(Input!$D$22=1,M3515*Input!$C$22,0)</f>
        <v>0.12106229114375806</v>
      </c>
      <c r="O3515" s="59">
        <f>IF(Input!$D$19=2,J3515*Input!$C$19,0)+IF(Input!$D$20=2,K3515*Input!$C$20,0)+IF(Input!$D$21=2,L3515*Input!$C$21,0)+IF(Input!$D$22=2,M3515*Input!$C$22,0)</f>
        <v>0.30265572785939515</v>
      </c>
      <c r="P3515" s="59">
        <f>IF(Input!$D$19=3,J3515*Input!$C$19,0)+IF(Input!$D$20=3,K3515*Input!$C$20,0)+IF(Input!$D$21=3,L3515*Input!$C$21,0)+IF(Input!$D$22=3,M3515*Input!$C$22,0)</f>
        <v>0</v>
      </c>
      <c r="Q3515" s="75">
        <f>IF(Input!$D$19=4,J3515*Input!$C$19,0)+IF(Input!$D$20=4,K3515*Input!$C$20,0)+IF(Input!$D$21=4,L3515*Input!$C$21,0)+IF(Input!$D$22=4,M3515*Input!$C$22,0)</f>
        <v>0</v>
      </c>
      <c r="R3515" s="58">
        <v>40.554023216458596</v>
      </c>
      <c r="S3515" s="124">
        <f t="shared" si="54"/>
        <v>0.52460326162295168</v>
      </c>
    </row>
    <row r="3516" spans="8:19" x14ac:dyDescent="0.3">
      <c r="H3516" s="44">
        <v>3509</v>
      </c>
      <c r="I3516" s="56">
        <f>Bühler!I3542</f>
        <v>0.12106229114375805</v>
      </c>
      <c r="J3516" s="59">
        <f>Bühler!J3542</f>
        <v>0.40354097047919357</v>
      </c>
      <c r="K3516" s="59">
        <f>Bühler!K3542</f>
        <v>0.6053114557187903</v>
      </c>
      <c r="L3516" s="59">
        <f>Bühler!L3542</f>
        <v>7.4987292360009583</v>
      </c>
      <c r="M3516" s="58">
        <f>Bühler!M3542</f>
        <v>0</v>
      </c>
      <c r="N3516" s="56">
        <f>IF(Input!$D$19=1,J3516*Input!$C$19,0)+IF(Input!$D$20=1,K3516*Input!$C$20,0)+IF(Input!$D$21=1,L3516*Input!$C$21,0)+IF(Input!$D$22=1,M3516*Input!$C$22,0)</f>
        <v>0.12106229114375806</v>
      </c>
      <c r="O3516" s="59">
        <f>IF(Input!$D$19=2,J3516*Input!$C$19,0)+IF(Input!$D$20=2,K3516*Input!$C$20,0)+IF(Input!$D$21=2,L3516*Input!$C$21,0)+IF(Input!$D$22=2,M3516*Input!$C$22,0)</f>
        <v>0.30265572785939515</v>
      </c>
      <c r="P3516" s="59">
        <f>IF(Input!$D$19=3,J3516*Input!$C$19,0)+IF(Input!$D$20=3,K3516*Input!$C$20,0)+IF(Input!$D$21=3,L3516*Input!$C$21,0)+IF(Input!$D$22=3,M3516*Input!$C$22,0)</f>
        <v>0</v>
      </c>
      <c r="Q3516" s="75">
        <f>IF(Input!$D$19=4,J3516*Input!$C$19,0)+IF(Input!$D$20=4,K3516*Input!$C$20,0)+IF(Input!$D$21=4,L3516*Input!$C$21,0)+IF(Input!$D$22=4,M3516*Input!$C$22,0)</f>
        <v>0</v>
      </c>
      <c r="R3516" s="58">
        <v>40.186359104493313</v>
      </c>
      <c r="S3516" s="124">
        <f t="shared" si="54"/>
        <v>0.52460326162295168</v>
      </c>
    </row>
    <row r="3517" spans="8:19" x14ac:dyDescent="0.3">
      <c r="H3517" s="44">
        <v>3510</v>
      </c>
      <c r="I3517" s="56">
        <f>Bühler!I3543</f>
        <v>0.15132786392969758</v>
      </c>
      <c r="J3517" s="59">
        <f>Bühler!J3543</f>
        <v>0.50442621309899205</v>
      </c>
      <c r="K3517" s="59">
        <f>Bühler!K3543</f>
        <v>0.75663931964848807</v>
      </c>
      <c r="L3517" s="59">
        <f>Bühler!L3543</f>
        <v>9.3734115450011952</v>
      </c>
      <c r="M3517" s="58">
        <f>Bühler!M3543</f>
        <v>0</v>
      </c>
      <c r="N3517" s="56">
        <f>IF(Input!$D$19=1,J3517*Input!$C$19,0)+IF(Input!$D$20=1,K3517*Input!$C$20,0)+IF(Input!$D$21=1,L3517*Input!$C$21,0)+IF(Input!$D$22=1,M3517*Input!$C$22,0)</f>
        <v>0.1513278639296976</v>
      </c>
      <c r="O3517" s="59">
        <f>IF(Input!$D$19=2,J3517*Input!$C$19,0)+IF(Input!$D$20=2,K3517*Input!$C$20,0)+IF(Input!$D$21=2,L3517*Input!$C$21,0)+IF(Input!$D$22=2,M3517*Input!$C$22,0)</f>
        <v>0.37831965982424404</v>
      </c>
      <c r="P3517" s="59">
        <f>IF(Input!$D$19=3,J3517*Input!$C$19,0)+IF(Input!$D$20=3,K3517*Input!$C$20,0)+IF(Input!$D$21=3,L3517*Input!$C$21,0)+IF(Input!$D$22=3,M3517*Input!$C$22,0)</f>
        <v>0</v>
      </c>
      <c r="Q3517" s="75">
        <f>IF(Input!$D$19=4,J3517*Input!$C$19,0)+IF(Input!$D$20=4,K3517*Input!$C$20,0)+IF(Input!$D$21=4,L3517*Input!$C$21,0)+IF(Input!$D$22=4,M3517*Input!$C$22,0)</f>
        <v>0</v>
      </c>
      <c r="R3517" s="58">
        <v>39.985594848862782</v>
      </c>
      <c r="S3517" s="124">
        <f t="shared" si="54"/>
        <v>0.6557540770286896</v>
      </c>
    </row>
    <row r="3518" spans="8:19" x14ac:dyDescent="0.3">
      <c r="H3518" s="44">
        <v>3511</v>
      </c>
      <c r="I3518" s="56">
        <f>Bühler!I3544</f>
        <v>0.17823059529497717</v>
      </c>
      <c r="J3518" s="59">
        <f>Bühler!J3544</f>
        <v>0.59410198431659067</v>
      </c>
      <c r="K3518" s="59">
        <f>Bühler!K3544</f>
        <v>0.89115297647488589</v>
      </c>
      <c r="L3518" s="59">
        <f>Bühler!L3544</f>
        <v>11.039795819668077</v>
      </c>
      <c r="M3518" s="58">
        <f>Bühler!M3544</f>
        <v>0</v>
      </c>
      <c r="N3518" s="56">
        <f>IF(Input!$D$19=1,J3518*Input!$C$19,0)+IF(Input!$D$20=1,K3518*Input!$C$20,0)+IF(Input!$D$21=1,L3518*Input!$C$21,0)+IF(Input!$D$22=1,M3518*Input!$C$22,0)</f>
        <v>0.1782305952949772</v>
      </c>
      <c r="O3518" s="59">
        <f>IF(Input!$D$19=2,J3518*Input!$C$19,0)+IF(Input!$D$20=2,K3518*Input!$C$20,0)+IF(Input!$D$21=2,L3518*Input!$C$21,0)+IF(Input!$D$22=2,M3518*Input!$C$22,0)</f>
        <v>0.44557648823744295</v>
      </c>
      <c r="P3518" s="59">
        <f>IF(Input!$D$19=3,J3518*Input!$C$19,0)+IF(Input!$D$20=3,K3518*Input!$C$20,0)+IF(Input!$D$21=3,L3518*Input!$C$21,0)+IF(Input!$D$22=3,M3518*Input!$C$22,0)</f>
        <v>0</v>
      </c>
      <c r="Q3518" s="75">
        <f>IF(Input!$D$19=4,J3518*Input!$C$19,0)+IF(Input!$D$20=4,K3518*Input!$C$20,0)+IF(Input!$D$21=4,L3518*Input!$C$21,0)+IF(Input!$D$22=4,M3518*Input!$C$22,0)</f>
        <v>0</v>
      </c>
      <c r="R3518" s="58">
        <v>39.860914198376001</v>
      </c>
      <c r="S3518" s="124">
        <f t="shared" si="54"/>
        <v>0.77233257961156787</v>
      </c>
    </row>
    <row r="3519" spans="8:19" x14ac:dyDescent="0.3">
      <c r="H3519" s="44">
        <v>3512</v>
      </c>
      <c r="I3519" s="56">
        <f>Bühler!I3545</f>
        <v>0.21185900950157666</v>
      </c>
      <c r="J3519" s="59">
        <f>Bühler!J3545</f>
        <v>0.70619669833858889</v>
      </c>
      <c r="K3519" s="59">
        <f>Bühler!K3545</f>
        <v>1.0592950475078833</v>
      </c>
      <c r="L3519" s="59">
        <f>Bühler!L3545</f>
        <v>13.122776163001676</v>
      </c>
      <c r="M3519" s="58">
        <f>Bühler!M3545</f>
        <v>0</v>
      </c>
      <c r="N3519" s="56">
        <f>IF(Input!$D$19=1,J3519*Input!$C$19,0)+IF(Input!$D$20=1,K3519*Input!$C$20,0)+IF(Input!$D$21=1,L3519*Input!$C$21,0)+IF(Input!$D$22=1,M3519*Input!$C$22,0)</f>
        <v>0.21185900950157666</v>
      </c>
      <c r="O3519" s="59">
        <f>IF(Input!$D$19=2,J3519*Input!$C$19,0)+IF(Input!$D$20=2,K3519*Input!$C$20,0)+IF(Input!$D$21=2,L3519*Input!$C$21,0)+IF(Input!$D$22=2,M3519*Input!$C$22,0)</f>
        <v>0.52964752375394164</v>
      </c>
      <c r="P3519" s="59">
        <f>IF(Input!$D$19=3,J3519*Input!$C$19,0)+IF(Input!$D$20=3,K3519*Input!$C$20,0)+IF(Input!$D$21=3,L3519*Input!$C$21,0)+IF(Input!$D$22=3,M3519*Input!$C$22,0)</f>
        <v>0</v>
      </c>
      <c r="Q3519" s="75">
        <f>IF(Input!$D$19=4,J3519*Input!$C$19,0)+IF(Input!$D$20=4,K3519*Input!$C$20,0)+IF(Input!$D$21=4,L3519*Input!$C$21,0)+IF(Input!$D$22=4,M3519*Input!$C$22,0)</f>
        <v>0</v>
      </c>
      <c r="R3519" s="58">
        <v>39.954308891615725</v>
      </c>
      <c r="S3519" s="124">
        <f t="shared" si="54"/>
        <v>0.91805570784016555</v>
      </c>
    </row>
    <row r="3520" spans="8:19" x14ac:dyDescent="0.3">
      <c r="H3520" s="44">
        <v>3513</v>
      </c>
      <c r="I3520" s="56">
        <f>Bühler!I3546</f>
        <v>0.21185900950157666</v>
      </c>
      <c r="J3520" s="59">
        <f>Bühler!J3546</f>
        <v>0.70619669833858889</v>
      </c>
      <c r="K3520" s="59">
        <f>Bühler!K3546</f>
        <v>1.0592950475078833</v>
      </c>
      <c r="L3520" s="59">
        <f>Bühler!L3546</f>
        <v>13.122776163001676</v>
      </c>
      <c r="M3520" s="58">
        <f>Bühler!M3546</f>
        <v>0</v>
      </c>
      <c r="N3520" s="56">
        <f>IF(Input!$D$19=1,J3520*Input!$C$19,0)+IF(Input!$D$20=1,K3520*Input!$C$20,0)+IF(Input!$D$21=1,L3520*Input!$C$21,0)+IF(Input!$D$22=1,M3520*Input!$C$22,0)</f>
        <v>0.21185900950157666</v>
      </c>
      <c r="O3520" s="59">
        <f>IF(Input!$D$19=2,J3520*Input!$C$19,0)+IF(Input!$D$20=2,K3520*Input!$C$20,0)+IF(Input!$D$21=2,L3520*Input!$C$21,0)+IF(Input!$D$22=2,M3520*Input!$C$22,0)</f>
        <v>0.52964752375394164</v>
      </c>
      <c r="P3520" s="59">
        <f>IF(Input!$D$19=3,J3520*Input!$C$19,0)+IF(Input!$D$20=3,K3520*Input!$C$20,0)+IF(Input!$D$21=3,L3520*Input!$C$21,0)+IF(Input!$D$22=3,M3520*Input!$C$22,0)</f>
        <v>0</v>
      </c>
      <c r="Q3520" s="75">
        <f>IF(Input!$D$19=4,J3520*Input!$C$19,0)+IF(Input!$D$20=4,K3520*Input!$C$20,0)+IF(Input!$D$21=4,L3520*Input!$C$21,0)+IF(Input!$D$22=4,M3520*Input!$C$22,0)</f>
        <v>0</v>
      </c>
      <c r="R3520" s="58">
        <v>39.940875675545151</v>
      </c>
      <c r="S3520" s="124">
        <f t="shared" si="54"/>
        <v>0.91805570784016555</v>
      </c>
    </row>
    <row r="3521" spans="8:19" x14ac:dyDescent="0.3">
      <c r="H3521" s="44">
        <v>3514</v>
      </c>
      <c r="I3521" s="56">
        <f>Bühler!I3547</f>
        <v>0.21185900950157666</v>
      </c>
      <c r="J3521" s="59">
        <f>Bühler!J3547</f>
        <v>0.70619669833858889</v>
      </c>
      <c r="K3521" s="59">
        <f>Bühler!K3547</f>
        <v>1.0592950475078833</v>
      </c>
      <c r="L3521" s="59">
        <f>Bühler!L3547</f>
        <v>13.122776163001676</v>
      </c>
      <c r="M3521" s="58">
        <f>Bühler!M3547</f>
        <v>0</v>
      </c>
      <c r="N3521" s="56">
        <f>IF(Input!$D$19=1,J3521*Input!$C$19,0)+IF(Input!$D$20=1,K3521*Input!$C$20,0)+IF(Input!$D$21=1,L3521*Input!$C$21,0)+IF(Input!$D$22=1,M3521*Input!$C$22,0)</f>
        <v>0.21185900950157666</v>
      </c>
      <c r="O3521" s="59">
        <f>IF(Input!$D$19=2,J3521*Input!$C$19,0)+IF(Input!$D$20=2,K3521*Input!$C$20,0)+IF(Input!$D$21=2,L3521*Input!$C$21,0)+IF(Input!$D$22=2,M3521*Input!$C$22,0)</f>
        <v>0.52964752375394164</v>
      </c>
      <c r="P3521" s="59">
        <f>IF(Input!$D$19=3,J3521*Input!$C$19,0)+IF(Input!$D$20=3,K3521*Input!$C$20,0)+IF(Input!$D$21=3,L3521*Input!$C$21,0)+IF(Input!$D$22=3,M3521*Input!$C$22,0)</f>
        <v>0</v>
      </c>
      <c r="Q3521" s="75">
        <f>IF(Input!$D$19=4,J3521*Input!$C$19,0)+IF(Input!$D$20=4,K3521*Input!$C$20,0)+IF(Input!$D$21=4,L3521*Input!$C$21,0)+IF(Input!$D$22=4,M3521*Input!$C$22,0)</f>
        <v>0</v>
      </c>
      <c r="R3521" s="58">
        <v>39.871590781557892</v>
      </c>
      <c r="S3521" s="124">
        <f t="shared" si="54"/>
        <v>0.91805570784016555</v>
      </c>
    </row>
    <row r="3522" spans="8:19" x14ac:dyDescent="0.3">
      <c r="H3522" s="44">
        <v>3515</v>
      </c>
      <c r="I3522" s="56">
        <f>Bühler!I3548</f>
        <v>0.21185900950157666</v>
      </c>
      <c r="J3522" s="59">
        <f>Bühler!J3548</f>
        <v>0.70619669833858889</v>
      </c>
      <c r="K3522" s="59">
        <f>Bühler!K3548</f>
        <v>1.0592950475078833</v>
      </c>
      <c r="L3522" s="59">
        <f>Bühler!L3548</f>
        <v>13.122776163001676</v>
      </c>
      <c r="M3522" s="58">
        <f>Bühler!M3548</f>
        <v>0</v>
      </c>
      <c r="N3522" s="56">
        <f>IF(Input!$D$19=1,J3522*Input!$C$19,0)+IF(Input!$D$20=1,K3522*Input!$C$20,0)+IF(Input!$D$21=1,L3522*Input!$C$21,0)+IF(Input!$D$22=1,M3522*Input!$C$22,0)</f>
        <v>0.21185900950157666</v>
      </c>
      <c r="O3522" s="59">
        <f>IF(Input!$D$19=2,J3522*Input!$C$19,0)+IF(Input!$D$20=2,K3522*Input!$C$20,0)+IF(Input!$D$21=2,L3522*Input!$C$21,0)+IF(Input!$D$22=2,M3522*Input!$C$22,0)</f>
        <v>0.52964752375394164</v>
      </c>
      <c r="P3522" s="59">
        <f>IF(Input!$D$19=3,J3522*Input!$C$19,0)+IF(Input!$D$20=3,K3522*Input!$C$20,0)+IF(Input!$D$21=3,L3522*Input!$C$21,0)+IF(Input!$D$22=3,M3522*Input!$C$22,0)</f>
        <v>0</v>
      </c>
      <c r="Q3522" s="75">
        <f>IF(Input!$D$19=4,J3522*Input!$C$19,0)+IF(Input!$D$20=4,K3522*Input!$C$20,0)+IF(Input!$D$21=4,L3522*Input!$C$21,0)+IF(Input!$D$22=4,M3522*Input!$C$22,0)</f>
        <v>0</v>
      </c>
      <c r="R3522" s="58">
        <v>39.952316606226596</v>
      </c>
      <c r="S3522" s="124">
        <f t="shared" si="54"/>
        <v>0.91805570784016555</v>
      </c>
    </row>
    <row r="3523" spans="8:19" x14ac:dyDescent="0.3">
      <c r="H3523" s="44">
        <v>3516</v>
      </c>
      <c r="I3523" s="56">
        <f>Bühler!I3549</f>
        <v>0.21185900950157666</v>
      </c>
      <c r="J3523" s="59">
        <f>Bühler!J3549</f>
        <v>0.70619669833858889</v>
      </c>
      <c r="K3523" s="59">
        <f>Bühler!K3549</f>
        <v>1.0592950475078833</v>
      </c>
      <c r="L3523" s="59">
        <f>Bühler!L3549</f>
        <v>13.122776163001676</v>
      </c>
      <c r="M3523" s="58">
        <f>Bühler!M3549</f>
        <v>0</v>
      </c>
      <c r="N3523" s="56">
        <f>IF(Input!$D$19=1,J3523*Input!$C$19,0)+IF(Input!$D$20=1,K3523*Input!$C$20,0)+IF(Input!$D$21=1,L3523*Input!$C$21,0)+IF(Input!$D$22=1,M3523*Input!$C$22,0)</f>
        <v>0.21185900950157666</v>
      </c>
      <c r="O3523" s="59">
        <f>IF(Input!$D$19=2,J3523*Input!$C$19,0)+IF(Input!$D$20=2,K3523*Input!$C$20,0)+IF(Input!$D$21=2,L3523*Input!$C$21,0)+IF(Input!$D$22=2,M3523*Input!$C$22,0)</f>
        <v>0.52964752375394164</v>
      </c>
      <c r="P3523" s="59">
        <f>IF(Input!$D$19=3,J3523*Input!$C$19,0)+IF(Input!$D$20=3,K3523*Input!$C$20,0)+IF(Input!$D$21=3,L3523*Input!$C$21,0)+IF(Input!$D$22=3,M3523*Input!$C$22,0)</f>
        <v>0</v>
      </c>
      <c r="Q3523" s="75">
        <f>IF(Input!$D$19=4,J3523*Input!$C$19,0)+IF(Input!$D$20=4,K3523*Input!$C$20,0)+IF(Input!$D$21=4,L3523*Input!$C$21,0)+IF(Input!$D$22=4,M3523*Input!$C$22,0)</f>
        <v>0</v>
      </c>
      <c r="R3523" s="58">
        <v>40.326646232431017</v>
      </c>
      <c r="S3523" s="124">
        <f t="shared" si="54"/>
        <v>0.91805570784016555</v>
      </c>
    </row>
    <row r="3524" spans="8:19" x14ac:dyDescent="0.3">
      <c r="H3524" s="44">
        <v>3517</v>
      </c>
      <c r="I3524" s="56">
        <f>Bühler!I3550</f>
        <v>0.21185900950157666</v>
      </c>
      <c r="J3524" s="59">
        <f>Bühler!J3550</f>
        <v>0.70619669833858889</v>
      </c>
      <c r="K3524" s="59">
        <f>Bühler!K3550</f>
        <v>1.0592950475078833</v>
      </c>
      <c r="L3524" s="59">
        <f>Bühler!L3550</f>
        <v>13.122776163001676</v>
      </c>
      <c r="M3524" s="58">
        <f>Bühler!M3550</f>
        <v>0</v>
      </c>
      <c r="N3524" s="56">
        <f>IF(Input!$D$19=1,J3524*Input!$C$19,0)+IF(Input!$D$20=1,K3524*Input!$C$20,0)+IF(Input!$D$21=1,L3524*Input!$C$21,0)+IF(Input!$D$22=1,M3524*Input!$C$22,0)</f>
        <v>0.21185900950157666</v>
      </c>
      <c r="O3524" s="59">
        <f>IF(Input!$D$19=2,J3524*Input!$C$19,0)+IF(Input!$D$20=2,K3524*Input!$C$20,0)+IF(Input!$D$21=2,L3524*Input!$C$21,0)+IF(Input!$D$22=2,M3524*Input!$C$22,0)</f>
        <v>0.52964752375394164</v>
      </c>
      <c r="P3524" s="59">
        <f>IF(Input!$D$19=3,J3524*Input!$C$19,0)+IF(Input!$D$20=3,K3524*Input!$C$20,0)+IF(Input!$D$21=3,L3524*Input!$C$21,0)+IF(Input!$D$22=3,M3524*Input!$C$22,0)</f>
        <v>0</v>
      </c>
      <c r="Q3524" s="75">
        <f>IF(Input!$D$19=4,J3524*Input!$C$19,0)+IF(Input!$D$20=4,K3524*Input!$C$20,0)+IF(Input!$D$21=4,L3524*Input!$C$21,0)+IF(Input!$D$22=4,M3524*Input!$C$22,0)</f>
        <v>0</v>
      </c>
      <c r="R3524" s="58">
        <v>40.556437079603811</v>
      </c>
      <c r="S3524" s="124">
        <f t="shared" si="54"/>
        <v>0.91805570784016555</v>
      </c>
    </row>
    <row r="3525" spans="8:19" x14ac:dyDescent="0.3">
      <c r="H3525" s="44">
        <v>3518</v>
      </c>
      <c r="I3525" s="56">
        <f>Bühler!I3551</f>
        <v>0.21185900950157666</v>
      </c>
      <c r="J3525" s="59">
        <f>Bühler!J3551</f>
        <v>0.70619669833858889</v>
      </c>
      <c r="K3525" s="59">
        <f>Bühler!K3551</f>
        <v>1.0592950475078833</v>
      </c>
      <c r="L3525" s="59">
        <f>Bühler!L3551</f>
        <v>13.122776163001676</v>
      </c>
      <c r="M3525" s="58">
        <f>Bühler!M3551</f>
        <v>0</v>
      </c>
      <c r="N3525" s="56">
        <f>IF(Input!$D$19=1,J3525*Input!$C$19,0)+IF(Input!$D$20=1,K3525*Input!$C$20,0)+IF(Input!$D$21=1,L3525*Input!$C$21,0)+IF(Input!$D$22=1,M3525*Input!$C$22,0)</f>
        <v>0.21185900950157666</v>
      </c>
      <c r="O3525" s="59">
        <f>IF(Input!$D$19=2,J3525*Input!$C$19,0)+IF(Input!$D$20=2,K3525*Input!$C$20,0)+IF(Input!$D$21=2,L3525*Input!$C$21,0)+IF(Input!$D$22=2,M3525*Input!$C$22,0)</f>
        <v>0.52964752375394164</v>
      </c>
      <c r="P3525" s="59">
        <f>IF(Input!$D$19=3,J3525*Input!$C$19,0)+IF(Input!$D$20=3,K3525*Input!$C$20,0)+IF(Input!$D$21=3,L3525*Input!$C$21,0)+IF(Input!$D$22=3,M3525*Input!$C$22,0)</f>
        <v>0</v>
      </c>
      <c r="Q3525" s="75">
        <f>IF(Input!$D$19=4,J3525*Input!$C$19,0)+IF(Input!$D$20=4,K3525*Input!$C$20,0)+IF(Input!$D$21=4,L3525*Input!$C$21,0)+IF(Input!$D$22=4,M3525*Input!$C$22,0)</f>
        <v>0</v>
      </c>
      <c r="R3525" s="58">
        <v>40.666714712580067</v>
      </c>
      <c r="S3525" s="124">
        <f t="shared" si="54"/>
        <v>0.91805570784016555</v>
      </c>
    </row>
    <row r="3526" spans="8:19" x14ac:dyDescent="0.3">
      <c r="H3526" s="44">
        <v>3519</v>
      </c>
      <c r="I3526" s="56">
        <f>Bühler!I3552</f>
        <v>0.21185900950157666</v>
      </c>
      <c r="J3526" s="59">
        <f>Bühler!J3552</f>
        <v>0.70619669833858889</v>
      </c>
      <c r="K3526" s="59">
        <f>Bühler!K3552</f>
        <v>1.0592950475078833</v>
      </c>
      <c r="L3526" s="59">
        <f>Bühler!L3552</f>
        <v>13.122776163001676</v>
      </c>
      <c r="M3526" s="58">
        <f>Bühler!M3552</f>
        <v>0</v>
      </c>
      <c r="N3526" s="56">
        <f>IF(Input!$D$19=1,J3526*Input!$C$19,0)+IF(Input!$D$20=1,K3526*Input!$C$20,0)+IF(Input!$D$21=1,L3526*Input!$C$21,0)+IF(Input!$D$22=1,M3526*Input!$C$22,0)</f>
        <v>0.21185900950157666</v>
      </c>
      <c r="O3526" s="59">
        <f>IF(Input!$D$19=2,J3526*Input!$C$19,0)+IF(Input!$D$20=2,K3526*Input!$C$20,0)+IF(Input!$D$21=2,L3526*Input!$C$21,0)+IF(Input!$D$22=2,M3526*Input!$C$22,0)</f>
        <v>0.52964752375394164</v>
      </c>
      <c r="P3526" s="59">
        <f>IF(Input!$D$19=3,J3526*Input!$C$19,0)+IF(Input!$D$20=3,K3526*Input!$C$20,0)+IF(Input!$D$21=3,L3526*Input!$C$21,0)+IF(Input!$D$22=3,M3526*Input!$C$22,0)</f>
        <v>0</v>
      </c>
      <c r="Q3526" s="75">
        <f>IF(Input!$D$19=4,J3526*Input!$C$19,0)+IF(Input!$D$20=4,K3526*Input!$C$20,0)+IF(Input!$D$21=4,L3526*Input!$C$21,0)+IF(Input!$D$22=4,M3526*Input!$C$22,0)</f>
        <v>0</v>
      </c>
      <c r="R3526" s="58">
        <v>40.625094471164772</v>
      </c>
      <c r="S3526" s="124">
        <f t="shared" si="54"/>
        <v>0.91805570784016555</v>
      </c>
    </row>
    <row r="3527" spans="8:19" x14ac:dyDescent="0.3">
      <c r="H3527" s="44">
        <v>3520</v>
      </c>
      <c r="I3527" s="56">
        <f>Bühler!I3553</f>
        <v>0.18831911955695699</v>
      </c>
      <c r="J3527" s="59">
        <f>Bühler!J3553</f>
        <v>0.62773039852319001</v>
      </c>
      <c r="K3527" s="59">
        <f>Bühler!K3553</f>
        <v>0.94159559778478508</v>
      </c>
      <c r="L3527" s="59">
        <f>Bühler!L3553</f>
        <v>11.664689922668158</v>
      </c>
      <c r="M3527" s="58">
        <f>Bühler!M3553</f>
        <v>0</v>
      </c>
      <c r="N3527" s="56">
        <f>IF(Input!$D$19=1,J3527*Input!$C$19,0)+IF(Input!$D$20=1,K3527*Input!$C$20,0)+IF(Input!$D$21=1,L3527*Input!$C$21,0)+IF(Input!$D$22=1,M3527*Input!$C$22,0)</f>
        <v>0.18831911955695699</v>
      </c>
      <c r="O3527" s="59">
        <f>IF(Input!$D$19=2,J3527*Input!$C$19,0)+IF(Input!$D$20=2,K3527*Input!$C$20,0)+IF(Input!$D$21=2,L3527*Input!$C$21,0)+IF(Input!$D$22=2,M3527*Input!$C$22,0)</f>
        <v>0.47079779889239254</v>
      </c>
      <c r="P3527" s="59">
        <f>IF(Input!$D$19=3,J3527*Input!$C$19,0)+IF(Input!$D$20=3,K3527*Input!$C$20,0)+IF(Input!$D$21=3,L3527*Input!$C$21,0)+IF(Input!$D$22=3,M3527*Input!$C$22,0)</f>
        <v>0</v>
      </c>
      <c r="Q3527" s="75">
        <f>IF(Input!$D$19=4,J3527*Input!$C$19,0)+IF(Input!$D$20=4,K3527*Input!$C$20,0)+IF(Input!$D$21=4,L3527*Input!$C$21,0)+IF(Input!$D$22=4,M3527*Input!$C$22,0)</f>
        <v>0</v>
      </c>
      <c r="R3527" s="58">
        <v>40.798582367460412</v>
      </c>
      <c r="S3527" s="124">
        <f t="shared" si="54"/>
        <v>0.81604951808014703</v>
      </c>
    </row>
    <row r="3528" spans="8:19" x14ac:dyDescent="0.3">
      <c r="H3528" s="44">
        <v>3521</v>
      </c>
      <c r="I3528" s="56">
        <f>Bühler!I3554</f>
        <v>0.18495627813629703</v>
      </c>
      <c r="J3528" s="59">
        <f>Bühler!J3554</f>
        <v>0.61652092712099016</v>
      </c>
      <c r="K3528" s="59">
        <f>Bühler!K3554</f>
        <v>0.92478139068148524</v>
      </c>
      <c r="L3528" s="59">
        <f>Bühler!L3554</f>
        <v>11.456391888334796</v>
      </c>
      <c r="M3528" s="58">
        <f>Bühler!M3554</f>
        <v>0</v>
      </c>
      <c r="N3528" s="56">
        <f>IF(Input!$D$19=1,J3528*Input!$C$19,0)+IF(Input!$D$20=1,K3528*Input!$C$20,0)+IF(Input!$D$21=1,L3528*Input!$C$21,0)+IF(Input!$D$22=1,M3528*Input!$C$22,0)</f>
        <v>0.18495627813629703</v>
      </c>
      <c r="O3528" s="59">
        <f>IF(Input!$D$19=2,J3528*Input!$C$19,0)+IF(Input!$D$20=2,K3528*Input!$C$20,0)+IF(Input!$D$21=2,L3528*Input!$C$21,0)+IF(Input!$D$22=2,M3528*Input!$C$22,0)</f>
        <v>0.46239069534074262</v>
      </c>
      <c r="P3528" s="59">
        <f>IF(Input!$D$19=3,J3528*Input!$C$19,0)+IF(Input!$D$20=3,K3528*Input!$C$20,0)+IF(Input!$D$21=3,L3528*Input!$C$21,0)+IF(Input!$D$22=3,M3528*Input!$C$22,0)</f>
        <v>0</v>
      </c>
      <c r="Q3528" s="75">
        <f>IF(Input!$D$19=4,J3528*Input!$C$19,0)+IF(Input!$D$20=4,K3528*Input!$C$20,0)+IF(Input!$D$21=4,L3528*Input!$C$21,0)+IF(Input!$D$22=4,M3528*Input!$C$22,0)</f>
        <v>0</v>
      </c>
      <c r="R3528" s="58">
        <v>40.764011677339425</v>
      </c>
      <c r="S3528" s="124">
        <f t="shared" si="54"/>
        <v>0.80147720525728716</v>
      </c>
    </row>
    <row r="3529" spans="8:19" x14ac:dyDescent="0.3">
      <c r="H3529" s="44">
        <v>3522</v>
      </c>
      <c r="I3529" s="56">
        <f>Bühler!I3555</f>
        <v>0.15805354677101746</v>
      </c>
      <c r="J3529" s="59">
        <f>Bühler!J3555</f>
        <v>0.52684515590339165</v>
      </c>
      <c r="K3529" s="59">
        <f>Bühler!K3555</f>
        <v>0.79026773385508742</v>
      </c>
      <c r="L3529" s="59">
        <f>Bühler!L3555</f>
        <v>9.7900076136679175</v>
      </c>
      <c r="M3529" s="58">
        <f>Bühler!M3555</f>
        <v>0</v>
      </c>
      <c r="N3529" s="56">
        <f>IF(Input!$D$19=1,J3529*Input!$C$19,0)+IF(Input!$D$20=1,K3529*Input!$C$20,0)+IF(Input!$D$21=1,L3529*Input!$C$21,0)+IF(Input!$D$22=1,M3529*Input!$C$22,0)</f>
        <v>0.15805354677101749</v>
      </c>
      <c r="O3529" s="59">
        <f>IF(Input!$D$19=2,J3529*Input!$C$19,0)+IF(Input!$D$20=2,K3529*Input!$C$20,0)+IF(Input!$D$21=2,L3529*Input!$C$21,0)+IF(Input!$D$22=2,M3529*Input!$C$22,0)</f>
        <v>0.39513386692754371</v>
      </c>
      <c r="P3529" s="59">
        <f>IF(Input!$D$19=3,J3529*Input!$C$19,0)+IF(Input!$D$20=3,K3529*Input!$C$20,0)+IF(Input!$D$21=3,L3529*Input!$C$21,0)+IF(Input!$D$22=3,M3529*Input!$C$22,0)</f>
        <v>0</v>
      </c>
      <c r="Q3529" s="75">
        <f>IF(Input!$D$19=4,J3529*Input!$C$19,0)+IF(Input!$D$20=4,K3529*Input!$C$20,0)+IF(Input!$D$21=4,L3529*Input!$C$21,0)+IF(Input!$D$22=4,M3529*Input!$C$22,0)</f>
        <v>0</v>
      </c>
      <c r="R3529" s="58">
        <v>40.729064305316243</v>
      </c>
      <c r="S3529" s="124">
        <f t="shared" ref="S3529:S3592" si="55">I3529+J3529</f>
        <v>0.68489870267440911</v>
      </c>
    </row>
    <row r="3530" spans="8:19" x14ac:dyDescent="0.3">
      <c r="H3530" s="44">
        <v>3523</v>
      </c>
      <c r="I3530" s="56">
        <f>Bühler!I3556</f>
        <v>0.14796502250903767</v>
      </c>
      <c r="J3530" s="59">
        <f>Bühler!J3556</f>
        <v>0.4932167416967923</v>
      </c>
      <c r="K3530" s="59">
        <f>Bühler!K3556</f>
        <v>0.73982511254518846</v>
      </c>
      <c r="L3530" s="59">
        <f>Bühler!L3556</f>
        <v>9.1651135106678403</v>
      </c>
      <c r="M3530" s="58">
        <f>Bühler!M3556</f>
        <v>0</v>
      </c>
      <c r="N3530" s="56">
        <f>IF(Input!$D$19=1,J3530*Input!$C$19,0)+IF(Input!$D$20=1,K3530*Input!$C$20,0)+IF(Input!$D$21=1,L3530*Input!$C$21,0)+IF(Input!$D$22=1,M3530*Input!$C$22,0)</f>
        <v>0.14796502250903767</v>
      </c>
      <c r="O3530" s="59">
        <f>IF(Input!$D$19=2,J3530*Input!$C$19,0)+IF(Input!$D$20=2,K3530*Input!$C$20,0)+IF(Input!$D$21=2,L3530*Input!$C$21,0)+IF(Input!$D$22=2,M3530*Input!$C$22,0)</f>
        <v>0.36991255627259423</v>
      </c>
      <c r="P3530" s="59">
        <f>IF(Input!$D$19=3,J3530*Input!$C$19,0)+IF(Input!$D$20=3,K3530*Input!$C$20,0)+IF(Input!$D$21=3,L3530*Input!$C$21,0)+IF(Input!$D$22=3,M3530*Input!$C$22,0)</f>
        <v>0</v>
      </c>
      <c r="Q3530" s="75">
        <f>IF(Input!$D$19=4,J3530*Input!$C$19,0)+IF(Input!$D$20=4,K3530*Input!$C$20,0)+IF(Input!$D$21=4,L3530*Input!$C$21,0)+IF(Input!$D$22=4,M3530*Input!$C$22,0)</f>
        <v>0</v>
      </c>
      <c r="R3530" s="58">
        <v>40.680572134648081</v>
      </c>
      <c r="S3530" s="124">
        <f t="shared" si="55"/>
        <v>0.64118176420582995</v>
      </c>
    </row>
    <row r="3531" spans="8:19" x14ac:dyDescent="0.3">
      <c r="H3531" s="44">
        <v>3524</v>
      </c>
      <c r="I3531" s="56">
        <f>Bühler!I3557</f>
        <v>0.12442513256441803</v>
      </c>
      <c r="J3531" s="59">
        <f>Bühler!J3557</f>
        <v>0.41475044188139348</v>
      </c>
      <c r="K3531" s="59">
        <f>Bühler!K3557</f>
        <v>0.62212566282209025</v>
      </c>
      <c r="L3531" s="59">
        <f>Bühler!L3557</f>
        <v>7.7070272703343186</v>
      </c>
      <c r="M3531" s="58">
        <f>Bühler!M3557</f>
        <v>0</v>
      </c>
      <c r="N3531" s="56">
        <f>IF(Input!$D$19=1,J3531*Input!$C$19,0)+IF(Input!$D$20=1,K3531*Input!$C$20,0)+IF(Input!$D$21=1,L3531*Input!$C$21,0)+IF(Input!$D$22=1,M3531*Input!$C$22,0)</f>
        <v>0.12442513256441803</v>
      </c>
      <c r="O3531" s="59">
        <f>IF(Input!$D$19=2,J3531*Input!$C$19,0)+IF(Input!$D$20=2,K3531*Input!$C$20,0)+IF(Input!$D$21=2,L3531*Input!$C$21,0)+IF(Input!$D$22=2,M3531*Input!$C$22,0)</f>
        <v>0.31106283141104513</v>
      </c>
      <c r="P3531" s="59">
        <f>IF(Input!$D$19=3,J3531*Input!$C$19,0)+IF(Input!$D$20=3,K3531*Input!$C$20,0)+IF(Input!$D$21=3,L3531*Input!$C$21,0)+IF(Input!$D$22=3,M3531*Input!$C$22,0)</f>
        <v>0</v>
      </c>
      <c r="Q3531" s="75">
        <f>IF(Input!$D$19=4,J3531*Input!$C$19,0)+IF(Input!$D$20=4,K3531*Input!$C$20,0)+IF(Input!$D$21=4,L3531*Input!$C$21,0)+IF(Input!$D$22=4,M3531*Input!$C$22,0)</f>
        <v>0</v>
      </c>
      <c r="R3531" s="58">
        <v>40.676763911018114</v>
      </c>
      <c r="S3531" s="124">
        <f t="shared" si="55"/>
        <v>0.53917557444581155</v>
      </c>
    </row>
    <row r="3532" spans="8:19" x14ac:dyDescent="0.3">
      <c r="H3532" s="44">
        <v>3525</v>
      </c>
      <c r="I3532" s="56">
        <f>Bühler!I3558</f>
        <v>0.10424808404045834</v>
      </c>
      <c r="J3532" s="59">
        <f>Bühler!J3558</f>
        <v>0.34749361346819452</v>
      </c>
      <c r="K3532" s="59">
        <f>Bühler!K3558</f>
        <v>0.52124042020229178</v>
      </c>
      <c r="L3532" s="59">
        <f>Bühler!L3558</f>
        <v>6.457239064334158</v>
      </c>
      <c r="M3532" s="58">
        <f>Bühler!M3558</f>
        <v>0</v>
      </c>
      <c r="N3532" s="56">
        <f>IF(Input!$D$19=1,J3532*Input!$C$19,0)+IF(Input!$D$20=1,K3532*Input!$C$20,0)+IF(Input!$D$21=1,L3532*Input!$C$21,0)+IF(Input!$D$22=1,M3532*Input!$C$22,0)</f>
        <v>0.10424808404045835</v>
      </c>
      <c r="O3532" s="59">
        <f>IF(Input!$D$19=2,J3532*Input!$C$19,0)+IF(Input!$D$20=2,K3532*Input!$C$20,0)+IF(Input!$D$21=2,L3532*Input!$C$21,0)+IF(Input!$D$22=2,M3532*Input!$C$22,0)</f>
        <v>0.26062021010114589</v>
      </c>
      <c r="P3532" s="59">
        <f>IF(Input!$D$19=3,J3532*Input!$C$19,0)+IF(Input!$D$20=3,K3532*Input!$C$20,0)+IF(Input!$D$21=3,L3532*Input!$C$21,0)+IF(Input!$D$22=3,M3532*Input!$C$22,0)</f>
        <v>0</v>
      </c>
      <c r="Q3532" s="75">
        <f>IF(Input!$D$19=4,J3532*Input!$C$19,0)+IF(Input!$D$20=4,K3532*Input!$C$20,0)+IF(Input!$D$21=4,L3532*Input!$C$21,0)+IF(Input!$D$22=4,M3532*Input!$C$22,0)</f>
        <v>0</v>
      </c>
      <c r="R3532" s="58">
        <v>40.500500886075741</v>
      </c>
      <c r="S3532" s="124">
        <f t="shared" si="55"/>
        <v>0.45174169750865284</v>
      </c>
    </row>
    <row r="3533" spans="8:19" x14ac:dyDescent="0.3">
      <c r="H3533" s="44">
        <v>3526</v>
      </c>
      <c r="I3533" s="56">
        <f>Bühler!I3559</f>
        <v>9.0796718357818551E-2</v>
      </c>
      <c r="J3533" s="59">
        <f>Bühler!J3559</f>
        <v>0.30265572785939521</v>
      </c>
      <c r="K3533" s="59">
        <f>Bühler!K3559</f>
        <v>0.45398359178909281</v>
      </c>
      <c r="L3533" s="59">
        <f>Bühler!L3559</f>
        <v>5.6240469270007187</v>
      </c>
      <c r="M3533" s="58">
        <f>Bühler!M3559</f>
        <v>0</v>
      </c>
      <c r="N3533" s="56">
        <f>IF(Input!$D$19=1,J3533*Input!$C$19,0)+IF(Input!$D$20=1,K3533*Input!$C$20,0)+IF(Input!$D$21=1,L3533*Input!$C$21,0)+IF(Input!$D$22=1,M3533*Input!$C$22,0)</f>
        <v>9.0796718357818565E-2</v>
      </c>
      <c r="O3533" s="59">
        <f>IF(Input!$D$19=2,J3533*Input!$C$19,0)+IF(Input!$D$20=2,K3533*Input!$C$20,0)+IF(Input!$D$21=2,L3533*Input!$C$21,0)+IF(Input!$D$22=2,M3533*Input!$C$22,0)</f>
        <v>0.22699179589454641</v>
      </c>
      <c r="P3533" s="59">
        <f>IF(Input!$D$19=3,J3533*Input!$C$19,0)+IF(Input!$D$20=3,K3533*Input!$C$20,0)+IF(Input!$D$21=3,L3533*Input!$C$21,0)+IF(Input!$D$22=3,M3533*Input!$C$22,0)</f>
        <v>0</v>
      </c>
      <c r="Q3533" s="75">
        <f>IF(Input!$D$19=4,J3533*Input!$C$19,0)+IF(Input!$D$20=4,K3533*Input!$C$20,0)+IF(Input!$D$21=4,L3533*Input!$C$21,0)+IF(Input!$D$22=4,M3533*Input!$C$22,0)</f>
        <v>0</v>
      </c>
      <c r="R3533" s="58">
        <v>40.332809713347096</v>
      </c>
      <c r="S3533" s="124">
        <f t="shared" si="55"/>
        <v>0.39345244621721376</v>
      </c>
    </row>
    <row r="3534" spans="8:19" x14ac:dyDescent="0.3">
      <c r="H3534" s="44">
        <v>3527</v>
      </c>
      <c r="I3534" s="56">
        <f>Bühler!I3560</f>
        <v>9.0796718357818551E-2</v>
      </c>
      <c r="J3534" s="59">
        <f>Bühler!J3560</f>
        <v>0.30265572785939521</v>
      </c>
      <c r="K3534" s="59">
        <f>Bühler!K3560</f>
        <v>0.45398359178909281</v>
      </c>
      <c r="L3534" s="59">
        <f>Bühler!L3560</f>
        <v>5.6240469270007187</v>
      </c>
      <c r="M3534" s="58">
        <f>Bühler!M3560</f>
        <v>0</v>
      </c>
      <c r="N3534" s="56">
        <f>IF(Input!$D$19=1,J3534*Input!$C$19,0)+IF(Input!$D$20=1,K3534*Input!$C$20,0)+IF(Input!$D$21=1,L3534*Input!$C$21,0)+IF(Input!$D$22=1,M3534*Input!$C$22,0)</f>
        <v>9.0796718357818565E-2</v>
      </c>
      <c r="O3534" s="59">
        <f>IF(Input!$D$19=2,J3534*Input!$C$19,0)+IF(Input!$D$20=2,K3534*Input!$C$20,0)+IF(Input!$D$21=2,L3534*Input!$C$21,0)+IF(Input!$D$22=2,M3534*Input!$C$22,0)</f>
        <v>0.22699179589454641</v>
      </c>
      <c r="P3534" s="59">
        <f>IF(Input!$D$19=3,J3534*Input!$C$19,0)+IF(Input!$D$20=3,K3534*Input!$C$20,0)+IF(Input!$D$21=3,L3534*Input!$C$21,0)+IF(Input!$D$22=3,M3534*Input!$C$22,0)</f>
        <v>0</v>
      </c>
      <c r="Q3534" s="75">
        <f>IF(Input!$D$19=4,J3534*Input!$C$19,0)+IF(Input!$D$20=4,K3534*Input!$C$20,0)+IF(Input!$D$21=4,L3534*Input!$C$21,0)+IF(Input!$D$22=4,M3534*Input!$C$22,0)</f>
        <v>0</v>
      </c>
      <c r="R3534" s="58">
        <v>40.65614225875089</v>
      </c>
      <c r="S3534" s="124">
        <f t="shared" si="55"/>
        <v>0.39345244621721376</v>
      </c>
    </row>
    <row r="3535" spans="8:19" x14ac:dyDescent="0.3">
      <c r="H3535" s="44">
        <v>3528</v>
      </c>
      <c r="I3535" s="56">
        <f>Bühler!I3561</f>
        <v>9.0796718357818551E-2</v>
      </c>
      <c r="J3535" s="59">
        <f>Bühler!J3561</f>
        <v>0.30265572785939521</v>
      </c>
      <c r="K3535" s="59">
        <f>Bühler!K3561</f>
        <v>0.45398359178909281</v>
      </c>
      <c r="L3535" s="59">
        <f>Bühler!L3561</f>
        <v>5.6240469270007187</v>
      </c>
      <c r="M3535" s="58">
        <f>Bühler!M3561</f>
        <v>0</v>
      </c>
      <c r="N3535" s="56">
        <f>IF(Input!$D$19=1,J3535*Input!$C$19,0)+IF(Input!$D$20=1,K3535*Input!$C$20,0)+IF(Input!$D$21=1,L3535*Input!$C$21,0)+IF(Input!$D$22=1,M3535*Input!$C$22,0)</f>
        <v>9.0796718357818565E-2</v>
      </c>
      <c r="O3535" s="59">
        <f>IF(Input!$D$19=2,J3535*Input!$C$19,0)+IF(Input!$D$20=2,K3535*Input!$C$20,0)+IF(Input!$D$21=2,L3535*Input!$C$21,0)+IF(Input!$D$22=2,M3535*Input!$C$22,0)</f>
        <v>0.22699179589454641</v>
      </c>
      <c r="P3535" s="59">
        <f>IF(Input!$D$19=3,J3535*Input!$C$19,0)+IF(Input!$D$20=3,K3535*Input!$C$20,0)+IF(Input!$D$21=3,L3535*Input!$C$21,0)+IF(Input!$D$22=3,M3535*Input!$C$22,0)</f>
        <v>0</v>
      </c>
      <c r="Q3535" s="75">
        <f>IF(Input!$D$19=4,J3535*Input!$C$19,0)+IF(Input!$D$20=4,K3535*Input!$C$20,0)+IF(Input!$D$21=4,L3535*Input!$C$21,0)+IF(Input!$D$22=4,M3535*Input!$C$22,0)</f>
        <v>0</v>
      </c>
      <c r="R3535" s="58">
        <v>40.998569899320614</v>
      </c>
      <c r="S3535" s="124">
        <f t="shared" si="55"/>
        <v>0.39345244621721376</v>
      </c>
    </row>
    <row r="3536" spans="8:19" x14ac:dyDescent="0.3">
      <c r="H3536" s="44">
        <v>3529</v>
      </c>
      <c r="I3536" s="56">
        <f>Bühler!I3562</f>
        <v>7.573674491284331E-2</v>
      </c>
      <c r="J3536" s="59">
        <f>Bühler!J3562</f>
        <v>0.25245581637614439</v>
      </c>
      <c r="K3536" s="59">
        <f>Bühler!K3562</f>
        <v>0.37868372456421656</v>
      </c>
      <c r="L3536" s="59">
        <f>Bühler!L3562</f>
        <v>1.8176818779082395</v>
      </c>
      <c r="M3536" s="58">
        <f>Bühler!M3562</f>
        <v>0</v>
      </c>
      <c r="N3536" s="56">
        <f>IF(Input!$D$19=1,J3536*Input!$C$19,0)+IF(Input!$D$20=1,K3536*Input!$C$20,0)+IF(Input!$D$21=1,L3536*Input!$C$21,0)+IF(Input!$D$22=1,M3536*Input!$C$22,0)</f>
        <v>7.573674491284331E-2</v>
      </c>
      <c r="O3536" s="59">
        <f>IF(Input!$D$19=2,J3536*Input!$C$19,0)+IF(Input!$D$20=2,K3536*Input!$C$20,0)+IF(Input!$D$21=2,L3536*Input!$C$21,0)+IF(Input!$D$22=2,M3536*Input!$C$22,0)</f>
        <v>0.18934186228210828</v>
      </c>
      <c r="P3536" s="59">
        <f>IF(Input!$D$19=3,J3536*Input!$C$19,0)+IF(Input!$D$20=3,K3536*Input!$C$20,0)+IF(Input!$D$21=3,L3536*Input!$C$21,0)+IF(Input!$D$22=3,M3536*Input!$C$22,0)</f>
        <v>0</v>
      </c>
      <c r="Q3536" s="75">
        <f>IF(Input!$D$19=4,J3536*Input!$C$19,0)+IF(Input!$D$20=4,K3536*Input!$C$20,0)+IF(Input!$D$21=4,L3536*Input!$C$21,0)+IF(Input!$D$22=4,M3536*Input!$C$22,0)</f>
        <v>0</v>
      </c>
      <c r="R3536" s="58">
        <v>45.270264118576016</v>
      </c>
      <c r="S3536" s="124">
        <f t="shared" si="55"/>
        <v>0.32819256128898772</v>
      </c>
    </row>
    <row r="3537" spans="8:19" x14ac:dyDescent="0.3">
      <c r="H3537" s="44">
        <v>3530</v>
      </c>
      <c r="I3537" s="56">
        <f>Bühler!I3563</f>
        <v>7.573674491284331E-2</v>
      </c>
      <c r="J3537" s="59">
        <f>Bühler!J3563</f>
        <v>0.25245581637614439</v>
      </c>
      <c r="K3537" s="59">
        <f>Bühler!K3563</f>
        <v>0.37868372456421656</v>
      </c>
      <c r="L3537" s="59">
        <f>Bühler!L3563</f>
        <v>1.8176818779082395</v>
      </c>
      <c r="M3537" s="58">
        <f>Bühler!M3563</f>
        <v>0</v>
      </c>
      <c r="N3537" s="56">
        <f>IF(Input!$D$19=1,J3537*Input!$C$19,0)+IF(Input!$D$20=1,K3537*Input!$C$20,0)+IF(Input!$D$21=1,L3537*Input!$C$21,0)+IF(Input!$D$22=1,M3537*Input!$C$22,0)</f>
        <v>7.573674491284331E-2</v>
      </c>
      <c r="O3537" s="59">
        <f>IF(Input!$D$19=2,J3537*Input!$C$19,0)+IF(Input!$D$20=2,K3537*Input!$C$20,0)+IF(Input!$D$21=2,L3537*Input!$C$21,0)+IF(Input!$D$22=2,M3537*Input!$C$22,0)</f>
        <v>0.18934186228210828</v>
      </c>
      <c r="P3537" s="59">
        <f>IF(Input!$D$19=3,J3537*Input!$C$19,0)+IF(Input!$D$20=3,K3537*Input!$C$20,0)+IF(Input!$D$21=3,L3537*Input!$C$21,0)+IF(Input!$D$22=3,M3537*Input!$C$22,0)</f>
        <v>0</v>
      </c>
      <c r="Q3537" s="75">
        <f>IF(Input!$D$19=4,J3537*Input!$C$19,0)+IF(Input!$D$20=4,K3537*Input!$C$20,0)+IF(Input!$D$21=4,L3537*Input!$C$21,0)+IF(Input!$D$22=4,M3537*Input!$C$22,0)</f>
        <v>0</v>
      </c>
      <c r="R3537" s="58">
        <v>45.76118384465191</v>
      </c>
      <c r="S3537" s="124">
        <f t="shared" si="55"/>
        <v>0.32819256128898772</v>
      </c>
    </row>
    <row r="3538" spans="8:19" x14ac:dyDescent="0.3">
      <c r="H3538" s="44">
        <v>3531</v>
      </c>
      <c r="I3538" s="56">
        <f>Bühler!I3564</f>
        <v>7.573674491284331E-2</v>
      </c>
      <c r="J3538" s="59">
        <f>Bühler!J3564</f>
        <v>0.25245581637614439</v>
      </c>
      <c r="K3538" s="59">
        <f>Bühler!K3564</f>
        <v>0.37868372456421656</v>
      </c>
      <c r="L3538" s="59">
        <f>Bühler!L3564</f>
        <v>1.8176818779082395</v>
      </c>
      <c r="M3538" s="58">
        <f>Bühler!M3564</f>
        <v>0</v>
      </c>
      <c r="N3538" s="56">
        <f>IF(Input!$D$19=1,J3538*Input!$C$19,0)+IF(Input!$D$20=1,K3538*Input!$C$20,0)+IF(Input!$D$21=1,L3538*Input!$C$21,0)+IF(Input!$D$22=1,M3538*Input!$C$22,0)</f>
        <v>7.573674491284331E-2</v>
      </c>
      <c r="O3538" s="59">
        <f>IF(Input!$D$19=2,J3538*Input!$C$19,0)+IF(Input!$D$20=2,K3538*Input!$C$20,0)+IF(Input!$D$21=2,L3538*Input!$C$21,0)+IF(Input!$D$22=2,M3538*Input!$C$22,0)</f>
        <v>0.18934186228210828</v>
      </c>
      <c r="P3538" s="59">
        <f>IF(Input!$D$19=3,J3538*Input!$C$19,0)+IF(Input!$D$20=3,K3538*Input!$C$20,0)+IF(Input!$D$21=3,L3538*Input!$C$21,0)+IF(Input!$D$22=3,M3538*Input!$C$22,0)</f>
        <v>0</v>
      </c>
      <c r="Q3538" s="75">
        <f>IF(Input!$D$19=4,J3538*Input!$C$19,0)+IF(Input!$D$20=4,K3538*Input!$C$20,0)+IF(Input!$D$21=4,L3538*Input!$C$21,0)+IF(Input!$D$22=4,M3538*Input!$C$22,0)</f>
        <v>0</v>
      </c>
      <c r="R3538" s="58">
        <v>46.592866043886268</v>
      </c>
      <c r="S3538" s="124">
        <f t="shared" si="55"/>
        <v>0.32819256128898772</v>
      </c>
    </row>
    <row r="3539" spans="8:19" x14ac:dyDescent="0.3">
      <c r="H3539" s="44">
        <v>3532</v>
      </c>
      <c r="I3539" s="56">
        <f>Bühler!I3565</f>
        <v>7.573674491284331E-2</v>
      </c>
      <c r="J3539" s="59">
        <f>Bühler!J3565</f>
        <v>0.25245581637614439</v>
      </c>
      <c r="K3539" s="59">
        <f>Bühler!K3565</f>
        <v>0.37868372456421656</v>
      </c>
      <c r="L3539" s="59">
        <f>Bühler!L3565</f>
        <v>1.8176818779082395</v>
      </c>
      <c r="M3539" s="58">
        <f>Bühler!M3565</f>
        <v>0</v>
      </c>
      <c r="N3539" s="56">
        <f>IF(Input!$D$19=1,J3539*Input!$C$19,0)+IF(Input!$D$20=1,K3539*Input!$C$20,0)+IF(Input!$D$21=1,L3539*Input!$C$21,0)+IF(Input!$D$22=1,M3539*Input!$C$22,0)</f>
        <v>7.573674491284331E-2</v>
      </c>
      <c r="O3539" s="59">
        <f>IF(Input!$D$19=2,J3539*Input!$C$19,0)+IF(Input!$D$20=2,K3539*Input!$C$20,0)+IF(Input!$D$21=2,L3539*Input!$C$21,0)+IF(Input!$D$22=2,M3539*Input!$C$22,0)</f>
        <v>0.18934186228210828</v>
      </c>
      <c r="P3539" s="59">
        <f>IF(Input!$D$19=3,J3539*Input!$C$19,0)+IF(Input!$D$20=3,K3539*Input!$C$20,0)+IF(Input!$D$21=3,L3539*Input!$C$21,0)+IF(Input!$D$22=3,M3539*Input!$C$22,0)</f>
        <v>0</v>
      </c>
      <c r="Q3539" s="75">
        <f>IF(Input!$D$19=4,J3539*Input!$C$19,0)+IF(Input!$D$20=4,K3539*Input!$C$20,0)+IF(Input!$D$21=4,L3539*Input!$C$21,0)+IF(Input!$D$22=4,M3539*Input!$C$22,0)</f>
        <v>0</v>
      </c>
      <c r="R3539" s="58">
        <v>47.674054391573911</v>
      </c>
      <c r="S3539" s="124">
        <f t="shared" si="55"/>
        <v>0.32819256128898772</v>
      </c>
    </row>
    <row r="3540" spans="8:19" x14ac:dyDescent="0.3">
      <c r="H3540" s="44">
        <v>3533</v>
      </c>
      <c r="I3540" s="56">
        <f>Bühler!I3566</f>
        <v>7.573674491284331E-2</v>
      </c>
      <c r="J3540" s="59">
        <f>Bühler!J3566</f>
        <v>0.25245581637614439</v>
      </c>
      <c r="K3540" s="59">
        <f>Bühler!K3566</f>
        <v>0.37868372456421656</v>
      </c>
      <c r="L3540" s="59">
        <f>Bühler!L3566</f>
        <v>1.8176818779082395</v>
      </c>
      <c r="M3540" s="58">
        <f>Bühler!M3566</f>
        <v>0</v>
      </c>
      <c r="N3540" s="56">
        <f>IF(Input!$D$19=1,J3540*Input!$C$19,0)+IF(Input!$D$20=1,K3540*Input!$C$20,0)+IF(Input!$D$21=1,L3540*Input!$C$21,0)+IF(Input!$D$22=1,M3540*Input!$C$22,0)</f>
        <v>7.573674491284331E-2</v>
      </c>
      <c r="O3540" s="59">
        <f>IF(Input!$D$19=2,J3540*Input!$C$19,0)+IF(Input!$D$20=2,K3540*Input!$C$20,0)+IF(Input!$D$21=2,L3540*Input!$C$21,0)+IF(Input!$D$22=2,M3540*Input!$C$22,0)</f>
        <v>0.18934186228210828</v>
      </c>
      <c r="P3540" s="59">
        <f>IF(Input!$D$19=3,J3540*Input!$C$19,0)+IF(Input!$D$20=3,K3540*Input!$C$20,0)+IF(Input!$D$21=3,L3540*Input!$C$21,0)+IF(Input!$D$22=3,M3540*Input!$C$22,0)</f>
        <v>0</v>
      </c>
      <c r="Q3540" s="75">
        <f>IF(Input!$D$19=4,J3540*Input!$C$19,0)+IF(Input!$D$20=4,K3540*Input!$C$20,0)+IF(Input!$D$21=4,L3540*Input!$C$21,0)+IF(Input!$D$22=4,M3540*Input!$C$22,0)</f>
        <v>0</v>
      </c>
      <c r="R3540" s="58">
        <v>50.785181784819756</v>
      </c>
      <c r="S3540" s="124">
        <f t="shared" si="55"/>
        <v>0.32819256128898772</v>
      </c>
    </row>
    <row r="3541" spans="8:19" x14ac:dyDescent="0.3">
      <c r="H3541" s="44">
        <v>3534</v>
      </c>
      <c r="I3541" s="56">
        <f>Bühler!I3567</f>
        <v>0.32819256128898772</v>
      </c>
      <c r="J3541" s="59">
        <f>Bühler!J3567</f>
        <v>1.0939752042966258</v>
      </c>
      <c r="K3541" s="59">
        <f>Bühler!K3567</f>
        <v>1.6409628064449384</v>
      </c>
      <c r="L3541" s="59">
        <f>Bühler!L3567</f>
        <v>7.8766214709357047</v>
      </c>
      <c r="M3541" s="58">
        <f>Bühler!M3567</f>
        <v>0</v>
      </c>
      <c r="N3541" s="56">
        <f>IF(Input!$D$19=1,J3541*Input!$C$19,0)+IF(Input!$D$20=1,K3541*Input!$C$20,0)+IF(Input!$D$21=1,L3541*Input!$C$21,0)+IF(Input!$D$22=1,M3541*Input!$C$22,0)</f>
        <v>0.32819256128898772</v>
      </c>
      <c r="O3541" s="59">
        <f>IF(Input!$D$19=2,J3541*Input!$C$19,0)+IF(Input!$D$20=2,K3541*Input!$C$20,0)+IF(Input!$D$21=2,L3541*Input!$C$21,0)+IF(Input!$D$22=2,M3541*Input!$C$22,0)</f>
        <v>0.82048140322246921</v>
      </c>
      <c r="P3541" s="59">
        <f>IF(Input!$D$19=3,J3541*Input!$C$19,0)+IF(Input!$D$20=3,K3541*Input!$C$20,0)+IF(Input!$D$21=3,L3541*Input!$C$21,0)+IF(Input!$D$22=3,M3541*Input!$C$22,0)</f>
        <v>0</v>
      </c>
      <c r="Q3541" s="75">
        <f>IF(Input!$D$19=4,J3541*Input!$C$19,0)+IF(Input!$D$20=4,K3541*Input!$C$20,0)+IF(Input!$D$21=4,L3541*Input!$C$21,0)+IF(Input!$D$22=4,M3541*Input!$C$22,0)</f>
        <v>0</v>
      </c>
      <c r="R3541" s="58">
        <v>56.179679493605363</v>
      </c>
      <c r="S3541" s="124">
        <f t="shared" si="55"/>
        <v>1.4221677655856135</v>
      </c>
    </row>
    <row r="3542" spans="8:19" x14ac:dyDescent="0.3">
      <c r="H3542" s="44">
        <v>3535</v>
      </c>
      <c r="I3542" s="56">
        <f>Bühler!I3568</f>
        <v>0.372372329154813</v>
      </c>
      <c r="J3542" s="59">
        <f>Bühler!J3568</f>
        <v>1.2412410971827101</v>
      </c>
      <c r="K3542" s="59">
        <f>Bühler!K3568</f>
        <v>1.8618616457740649</v>
      </c>
      <c r="L3542" s="59">
        <f>Bühler!L3568</f>
        <v>8.9369358997155111</v>
      </c>
      <c r="M3542" s="58">
        <f>Bühler!M3568</f>
        <v>0</v>
      </c>
      <c r="N3542" s="56">
        <f>IF(Input!$D$19=1,J3542*Input!$C$19,0)+IF(Input!$D$20=1,K3542*Input!$C$20,0)+IF(Input!$D$21=1,L3542*Input!$C$21,0)+IF(Input!$D$22=1,M3542*Input!$C$22,0)</f>
        <v>0.37237232915481305</v>
      </c>
      <c r="O3542" s="59">
        <f>IF(Input!$D$19=2,J3542*Input!$C$19,0)+IF(Input!$D$20=2,K3542*Input!$C$20,0)+IF(Input!$D$21=2,L3542*Input!$C$21,0)+IF(Input!$D$22=2,M3542*Input!$C$22,0)</f>
        <v>0.93093082288703244</v>
      </c>
      <c r="P3542" s="59">
        <f>IF(Input!$D$19=3,J3542*Input!$C$19,0)+IF(Input!$D$20=3,K3542*Input!$C$20,0)+IF(Input!$D$21=3,L3542*Input!$C$21,0)+IF(Input!$D$22=3,M3542*Input!$C$22,0)</f>
        <v>0</v>
      </c>
      <c r="Q3542" s="75">
        <f>IF(Input!$D$19=4,J3542*Input!$C$19,0)+IF(Input!$D$20=4,K3542*Input!$C$20,0)+IF(Input!$D$21=4,L3542*Input!$C$21,0)+IF(Input!$D$22=4,M3542*Input!$C$22,0)</f>
        <v>0</v>
      </c>
      <c r="R3542" s="58">
        <v>60.4793922561675</v>
      </c>
      <c r="S3542" s="124">
        <f t="shared" si="55"/>
        <v>1.613613426337523</v>
      </c>
    </row>
    <row r="3543" spans="8:19" x14ac:dyDescent="0.3">
      <c r="H3543" s="44">
        <v>3536</v>
      </c>
      <c r="I3543" s="56">
        <f>Bühler!I3569</f>
        <v>0.372372329154813</v>
      </c>
      <c r="J3543" s="59">
        <f>Bühler!J3569</f>
        <v>1.2412410971827101</v>
      </c>
      <c r="K3543" s="59">
        <f>Bühler!K3569</f>
        <v>1.8618616457740649</v>
      </c>
      <c r="L3543" s="59">
        <f>Bühler!L3569</f>
        <v>8.9369358997155111</v>
      </c>
      <c r="M3543" s="58">
        <f>Bühler!M3569</f>
        <v>0</v>
      </c>
      <c r="N3543" s="56">
        <f>IF(Input!$D$19=1,J3543*Input!$C$19,0)+IF(Input!$D$20=1,K3543*Input!$C$20,0)+IF(Input!$D$21=1,L3543*Input!$C$21,0)+IF(Input!$D$22=1,M3543*Input!$C$22,0)</f>
        <v>0.37237232915481305</v>
      </c>
      <c r="O3543" s="59">
        <f>IF(Input!$D$19=2,J3543*Input!$C$19,0)+IF(Input!$D$20=2,K3543*Input!$C$20,0)+IF(Input!$D$21=2,L3543*Input!$C$21,0)+IF(Input!$D$22=2,M3543*Input!$C$22,0)</f>
        <v>0.93093082288703244</v>
      </c>
      <c r="P3543" s="59">
        <f>IF(Input!$D$19=3,J3543*Input!$C$19,0)+IF(Input!$D$20=3,K3543*Input!$C$20,0)+IF(Input!$D$21=3,L3543*Input!$C$21,0)+IF(Input!$D$22=3,M3543*Input!$C$22,0)</f>
        <v>0</v>
      </c>
      <c r="Q3543" s="75">
        <f>IF(Input!$D$19=4,J3543*Input!$C$19,0)+IF(Input!$D$20=4,K3543*Input!$C$20,0)+IF(Input!$D$21=4,L3543*Input!$C$21,0)+IF(Input!$D$22=4,M3543*Input!$C$22,0)</f>
        <v>0</v>
      </c>
      <c r="R3543" s="58">
        <v>63.747048916544664</v>
      </c>
      <c r="S3543" s="124">
        <f t="shared" si="55"/>
        <v>1.613613426337523</v>
      </c>
    </row>
    <row r="3544" spans="8:19" x14ac:dyDescent="0.3">
      <c r="H3544" s="44">
        <v>3537</v>
      </c>
      <c r="I3544" s="56">
        <f>Bühler!I3570</f>
        <v>0.372372329154813</v>
      </c>
      <c r="J3544" s="59">
        <f>Bühler!J3570</f>
        <v>1.2412410971827101</v>
      </c>
      <c r="K3544" s="59">
        <f>Bühler!K3570</f>
        <v>1.8618616457740649</v>
      </c>
      <c r="L3544" s="59">
        <f>Bühler!L3570</f>
        <v>8.9369358997155111</v>
      </c>
      <c r="M3544" s="58">
        <f>Bühler!M3570</f>
        <v>0</v>
      </c>
      <c r="N3544" s="56">
        <f>IF(Input!$D$19=1,J3544*Input!$C$19,0)+IF(Input!$D$20=1,K3544*Input!$C$20,0)+IF(Input!$D$21=1,L3544*Input!$C$21,0)+IF(Input!$D$22=1,M3544*Input!$C$22,0)</f>
        <v>0.37237232915481305</v>
      </c>
      <c r="O3544" s="59">
        <f>IF(Input!$D$19=2,J3544*Input!$C$19,0)+IF(Input!$D$20=2,K3544*Input!$C$20,0)+IF(Input!$D$21=2,L3544*Input!$C$21,0)+IF(Input!$D$22=2,M3544*Input!$C$22,0)</f>
        <v>0.93093082288703244</v>
      </c>
      <c r="P3544" s="59">
        <f>IF(Input!$D$19=3,J3544*Input!$C$19,0)+IF(Input!$D$20=3,K3544*Input!$C$20,0)+IF(Input!$D$21=3,L3544*Input!$C$21,0)+IF(Input!$D$22=3,M3544*Input!$C$22,0)</f>
        <v>0</v>
      </c>
      <c r="Q3544" s="75">
        <f>IF(Input!$D$19=4,J3544*Input!$C$19,0)+IF(Input!$D$20=4,K3544*Input!$C$20,0)+IF(Input!$D$21=4,L3544*Input!$C$21,0)+IF(Input!$D$22=4,M3544*Input!$C$22,0)</f>
        <v>0</v>
      </c>
      <c r="R3544" s="58">
        <v>65.030044617854131</v>
      </c>
      <c r="S3544" s="124">
        <f t="shared" si="55"/>
        <v>1.613613426337523</v>
      </c>
    </row>
    <row r="3545" spans="8:19" x14ac:dyDescent="0.3">
      <c r="H3545" s="44">
        <v>3538</v>
      </c>
      <c r="I3545" s="56">
        <f>Bühler!I3571</f>
        <v>0.39761791079242742</v>
      </c>
      <c r="J3545" s="59">
        <f>Bühler!J3571</f>
        <v>1.3253930359747583</v>
      </c>
      <c r="K3545" s="59">
        <f>Bühler!K3571</f>
        <v>1.988089553962137</v>
      </c>
      <c r="L3545" s="59">
        <f>Bühler!L3571</f>
        <v>9.5428298590182585</v>
      </c>
      <c r="M3545" s="58">
        <f>Bühler!M3571</f>
        <v>0</v>
      </c>
      <c r="N3545" s="56">
        <f>IF(Input!$D$19=1,J3545*Input!$C$19,0)+IF(Input!$D$20=1,K3545*Input!$C$20,0)+IF(Input!$D$21=1,L3545*Input!$C$21,0)+IF(Input!$D$22=1,M3545*Input!$C$22,0)</f>
        <v>0.39761791079242748</v>
      </c>
      <c r="O3545" s="59">
        <f>IF(Input!$D$19=2,J3545*Input!$C$19,0)+IF(Input!$D$20=2,K3545*Input!$C$20,0)+IF(Input!$D$21=2,L3545*Input!$C$21,0)+IF(Input!$D$22=2,M3545*Input!$C$22,0)</f>
        <v>0.99404477698106852</v>
      </c>
      <c r="P3545" s="59">
        <f>IF(Input!$D$19=3,J3545*Input!$C$19,0)+IF(Input!$D$20=3,K3545*Input!$C$20,0)+IF(Input!$D$21=3,L3545*Input!$C$21,0)+IF(Input!$D$22=3,M3545*Input!$C$22,0)</f>
        <v>0</v>
      </c>
      <c r="Q3545" s="75">
        <f>IF(Input!$D$19=4,J3545*Input!$C$19,0)+IF(Input!$D$20=4,K3545*Input!$C$20,0)+IF(Input!$D$21=4,L3545*Input!$C$21,0)+IF(Input!$D$22=4,M3545*Input!$C$22,0)</f>
        <v>0</v>
      </c>
      <c r="R3545" s="58">
        <v>66.257329860184456</v>
      </c>
      <c r="S3545" s="124">
        <f t="shared" si="55"/>
        <v>1.7230109467671857</v>
      </c>
    </row>
    <row r="3546" spans="8:19" x14ac:dyDescent="0.3">
      <c r="H3546" s="44">
        <v>3539</v>
      </c>
      <c r="I3546" s="56">
        <f>Bühler!I3572</f>
        <v>0.39761791079242742</v>
      </c>
      <c r="J3546" s="59">
        <f>Bühler!J3572</f>
        <v>1.3253930359747583</v>
      </c>
      <c r="K3546" s="59">
        <f>Bühler!K3572</f>
        <v>1.988089553962137</v>
      </c>
      <c r="L3546" s="59">
        <f>Bühler!L3572</f>
        <v>9.5428298590182585</v>
      </c>
      <c r="M3546" s="58">
        <f>Bühler!M3572</f>
        <v>0</v>
      </c>
      <c r="N3546" s="56">
        <f>IF(Input!$D$19=1,J3546*Input!$C$19,0)+IF(Input!$D$20=1,K3546*Input!$C$20,0)+IF(Input!$D$21=1,L3546*Input!$C$21,0)+IF(Input!$D$22=1,M3546*Input!$C$22,0)</f>
        <v>0.39761791079242748</v>
      </c>
      <c r="O3546" s="59">
        <f>IF(Input!$D$19=2,J3546*Input!$C$19,0)+IF(Input!$D$20=2,K3546*Input!$C$20,0)+IF(Input!$D$21=2,L3546*Input!$C$21,0)+IF(Input!$D$22=2,M3546*Input!$C$22,0)</f>
        <v>0.99404477698106852</v>
      </c>
      <c r="P3546" s="59">
        <f>IF(Input!$D$19=3,J3546*Input!$C$19,0)+IF(Input!$D$20=3,K3546*Input!$C$20,0)+IF(Input!$D$21=3,L3546*Input!$C$21,0)+IF(Input!$D$22=3,M3546*Input!$C$22,0)</f>
        <v>0</v>
      </c>
      <c r="Q3546" s="75">
        <f>IF(Input!$D$19=4,J3546*Input!$C$19,0)+IF(Input!$D$20=4,K3546*Input!$C$20,0)+IF(Input!$D$21=4,L3546*Input!$C$21,0)+IF(Input!$D$22=4,M3546*Input!$C$22,0)</f>
        <v>0</v>
      </c>
      <c r="R3546" s="58">
        <v>67.346690253582608</v>
      </c>
      <c r="S3546" s="124">
        <f t="shared" si="55"/>
        <v>1.7230109467671857</v>
      </c>
    </row>
    <row r="3547" spans="8:19" x14ac:dyDescent="0.3">
      <c r="H3547" s="44">
        <v>3540</v>
      </c>
      <c r="I3547" s="56">
        <f>Bühler!I3573</f>
        <v>0.50491163275228879</v>
      </c>
      <c r="J3547" s="59">
        <f>Bühler!J3573</f>
        <v>1.6830387758409628</v>
      </c>
      <c r="K3547" s="59">
        <f>Bühler!K3573</f>
        <v>2.5245581637614443</v>
      </c>
      <c r="L3547" s="59">
        <f>Bühler!L3573</f>
        <v>12.117879186054932</v>
      </c>
      <c r="M3547" s="58">
        <f>Bühler!M3573</f>
        <v>0</v>
      </c>
      <c r="N3547" s="56">
        <f>IF(Input!$D$19=1,J3547*Input!$C$19,0)+IF(Input!$D$20=1,K3547*Input!$C$20,0)+IF(Input!$D$21=1,L3547*Input!$C$21,0)+IF(Input!$D$22=1,M3547*Input!$C$22,0)</f>
        <v>0.50491163275228879</v>
      </c>
      <c r="O3547" s="59">
        <f>IF(Input!$D$19=2,J3547*Input!$C$19,0)+IF(Input!$D$20=2,K3547*Input!$C$20,0)+IF(Input!$D$21=2,L3547*Input!$C$21,0)+IF(Input!$D$22=2,M3547*Input!$C$22,0)</f>
        <v>1.2622790818807221</v>
      </c>
      <c r="P3547" s="59">
        <f>IF(Input!$D$19=3,J3547*Input!$C$19,0)+IF(Input!$D$20=3,K3547*Input!$C$20,0)+IF(Input!$D$21=3,L3547*Input!$C$21,0)+IF(Input!$D$22=3,M3547*Input!$C$22,0)</f>
        <v>0</v>
      </c>
      <c r="Q3547" s="75">
        <f>IF(Input!$D$19=4,J3547*Input!$C$19,0)+IF(Input!$D$20=4,K3547*Input!$C$20,0)+IF(Input!$D$21=4,L3547*Input!$C$21,0)+IF(Input!$D$22=4,M3547*Input!$C$22,0)</f>
        <v>0</v>
      </c>
      <c r="R3547" s="58">
        <v>68.530201979519688</v>
      </c>
      <c r="S3547" s="124">
        <f t="shared" si="55"/>
        <v>2.1879504085932515</v>
      </c>
    </row>
    <row r="3548" spans="8:19" x14ac:dyDescent="0.3">
      <c r="H3548" s="44">
        <v>3541</v>
      </c>
      <c r="I3548" s="56">
        <f>Bühler!I3574</f>
        <v>0.50491163275228879</v>
      </c>
      <c r="J3548" s="59">
        <f>Bühler!J3574</f>
        <v>1.6830387758409628</v>
      </c>
      <c r="K3548" s="59">
        <f>Bühler!K3574</f>
        <v>2.5245581637614443</v>
      </c>
      <c r="L3548" s="59">
        <f>Bühler!L3574</f>
        <v>12.117879186054932</v>
      </c>
      <c r="M3548" s="58">
        <f>Bühler!M3574</f>
        <v>0</v>
      </c>
      <c r="N3548" s="56">
        <f>IF(Input!$D$19=1,J3548*Input!$C$19,0)+IF(Input!$D$20=1,K3548*Input!$C$20,0)+IF(Input!$D$21=1,L3548*Input!$C$21,0)+IF(Input!$D$22=1,M3548*Input!$C$22,0)</f>
        <v>0.50491163275228879</v>
      </c>
      <c r="O3548" s="59">
        <f>IF(Input!$D$19=2,J3548*Input!$C$19,0)+IF(Input!$D$20=2,K3548*Input!$C$20,0)+IF(Input!$D$21=2,L3548*Input!$C$21,0)+IF(Input!$D$22=2,M3548*Input!$C$22,0)</f>
        <v>1.2622790818807221</v>
      </c>
      <c r="P3548" s="59">
        <f>IF(Input!$D$19=3,J3548*Input!$C$19,0)+IF(Input!$D$20=3,K3548*Input!$C$20,0)+IF(Input!$D$21=3,L3548*Input!$C$21,0)+IF(Input!$D$22=3,M3548*Input!$C$22,0)</f>
        <v>0</v>
      </c>
      <c r="Q3548" s="75">
        <f>IF(Input!$D$19=4,J3548*Input!$C$19,0)+IF(Input!$D$20=4,K3548*Input!$C$20,0)+IF(Input!$D$21=4,L3548*Input!$C$21,0)+IF(Input!$D$22=4,M3548*Input!$C$22,0)</f>
        <v>0</v>
      </c>
      <c r="R3548" s="58">
        <v>68.086750763338316</v>
      </c>
      <c r="S3548" s="124">
        <f t="shared" si="55"/>
        <v>2.1879504085932515</v>
      </c>
    </row>
    <row r="3549" spans="8:19" x14ac:dyDescent="0.3">
      <c r="H3549" s="44">
        <v>3542</v>
      </c>
      <c r="I3549" s="56">
        <f>Bühler!I3575</f>
        <v>0.33450395669839139</v>
      </c>
      <c r="J3549" s="59">
        <f>Bühler!J3575</f>
        <v>1.115013188994638</v>
      </c>
      <c r="K3549" s="59">
        <f>Bühler!K3575</f>
        <v>1.672519783491957</v>
      </c>
      <c r="L3549" s="59">
        <f>Bühler!L3575</f>
        <v>8.0280949607613934</v>
      </c>
      <c r="M3549" s="58">
        <f>Bühler!M3575</f>
        <v>0</v>
      </c>
      <c r="N3549" s="56">
        <f>IF(Input!$D$19=1,J3549*Input!$C$19,0)+IF(Input!$D$20=1,K3549*Input!$C$20,0)+IF(Input!$D$21=1,L3549*Input!$C$21,0)+IF(Input!$D$22=1,M3549*Input!$C$22,0)</f>
        <v>0.33450395669839139</v>
      </c>
      <c r="O3549" s="59">
        <f>IF(Input!$D$19=2,J3549*Input!$C$19,0)+IF(Input!$D$20=2,K3549*Input!$C$20,0)+IF(Input!$D$21=2,L3549*Input!$C$21,0)+IF(Input!$D$22=2,M3549*Input!$C$22,0)</f>
        <v>0.83625989174597848</v>
      </c>
      <c r="P3549" s="59">
        <f>IF(Input!$D$19=3,J3549*Input!$C$19,0)+IF(Input!$D$20=3,K3549*Input!$C$20,0)+IF(Input!$D$21=3,L3549*Input!$C$21,0)+IF(Input!$D$22=3,M3549*Input!$C$22,0)</f>
        <v>0</v>
      </c>
      <c r="Q3549" s="75">
        <f>IF(Input!$D$19=4,J3549*Input!$C$19,0)+IF(Input!$D$20=4,K3549*Input!$C$20,0)+IF(Input!$D$21=4,L3549*Input!$C$21,0)+IF(Input!$D$22=4,M3549*Input!$C$22,0)</f>
        <v>0</v>
      </c>
      <c r="R3549" s="58">
        <v>68.614772528990983</v>
      </c>
      <c r="S3549" s="124">
        <f t="shared" si="55"/>
        <v>1.4495171456930294</v>
      </c>
    </row>
    <row r="3550" spans="8:19" x14ac:dyDescent="0.3">
      <c r="H3550" s="44">
        <v>3543</v>
      </c>
      <c r="I3550" s="56">
        <f>Bühler!I3576</f>
        <v>0.50491163275228879</v>
      </c>
      <c r="J3550" s="59">
        <f>Bühler!J3576</f>
        <v>1.6830387758409628</v>
      </c>
      <c r="K3550" s="59">
        <f>Bühler!K3576</f>
        <v>2.5245581637614443</v>
      </c>
      <c r="L3550" s="59">
        <f>Bühler!L3576</f>
        <v>12.117879186054932</v>
      </c>
      <c r="M3550" s="58">
        <f>Bühler!M3576</f>
        <v>0</v>
      </c>
      <c r="N3550" s="56">
        <f>IF(Input!$D$19=1,J3550*Input!$C$19,0)+IF(Input!$D$20=1,K3550*Input!$C$20,0)+IF(Input!$D$21=1,L3550*Input!$C$21,0)+IF(Input!$D$22=1,M3550*Input!$C$22,0)</f>
        <v>0.50491163275228879</v>
      </c>
      <c r="O3550" s="59">
        <f>IF(Input!$D$19=2,J3550*Input!$C$19,0)+IF(Input!$D$20=2,K3550*Input!$C$20,0)+IF(Input!$D$21=2,L3550*Input!$C$21,0)+IF(Input!$D$22=2,M3550*Input!$C$22,0)</f>
        <v>1.2622790818807221</v>
      </c>
      <c r="P3550" s="59">
        <f>IF(Input!$D$19=3,J3550*Input!$C$19,0)+IF(Input!$D$20=3,K3550*Input!$C$20,0)+IF(Input!$D$21=3,L3550*Input!$C$21,0)+IF(Input!$D$22=3,M3550*Input!$C$22,0)</f>
        <v>0</v>
      </c>
      <c r="Q3550" s="75">
        <f>IF(Input!$D$19=4,J3550*Input!$C$19,0)+IF(Input!$D$20=4,K3550*Input!$C$20,0)+IF(Input!$D$21=4,L3550*Input!$C$21,0)+IF(Input!$D$22=4,M3550*Input!$C$22,0)</f>
        <v>0</v>
      </c>
      <c r="R3550" s="58">
        <v>69.591239522414426</v>
      </c>
      <c r="S3550" s="124">
        <f t="shared" si="55"/>
        <v>2.1879504085932515</v>
      </c>
    </row>
    <row r="3551" spans="8:19" x14ac:dyDescent="0.3">
      <c r="H3551" s="44">
        <v>3544</v>
      </c>
      <c r="I3551" s="56">
        <f>Bühler!I3577</f>
        <v>0.50491163275228879</v>
      </c>
      <c r="J3551" s="59">
        <f>Bühler!J3577</f>
        <v>1.6830387758409628</v>
      </c>
      <c r="K3551" s="59">
        <f>Bühler!K3577</f>
        <v>2.5245581637614443</v>
      </c>
      <c r="L3551" s="59">
        <f>Bühler!L3577</f>
        <v>12.117879186054932</v>
      </c>
      <c r="M3551" s="58">
        <f>Bühler!M3577</f>
        <v>0</v>
      </c>
      <c r="N3551" s="56">
        <f>IF(Input!$D$19=1,J3551*Input!$C$19,0)+IF(Input!$D$20=1,K3551*Input!$C$20,0)+IF(Input!$D$21=1,L3551*Input!$C$21,0)+IF(Input!$D$22=1,M3551*Input!$C$22,0)</f>
        <v>0.50491163275228879</v>
      </c>
      <c r="O3551" s="59">
        <f>IF(Input!$D$19=2,J3551*Input!$C$19,0)+IF(Input!$D$20=2,K3551*Input!$C$20,0)+IF(Input!$D$21=2,L3551*Input!$C$21,0)+IF(Input!$D$22=2,M3551*Input!$C$22,0)</f>
        <v>1.2622790818807221</v>
      </c>
      <c r="P3551" s="59">
        <f>IF(Input!$D$19=3,J3551*Input!$C$19,0)+IF(Input!$D$20=3,K3551*Input!$C$20,0)+IF(Input!$D$21=3,L3551*Input!$C$21,0)+IF(Input!$D$22=3,M3551*Input!$C$22,0)</f>
        <v>0</v>
      </c>
      <c r="Q3551" s="75">
        <f>IF(Input!$D$19=4,J3551*Input!$C$19,0)+IF(Input!$D$20=4,K3551*Input!$C$20,0)+IF(Input!$D$21=4,L3551*Input!$C$21,0)+IF(Input!$D$22=4,M3551*Input!$C$22,0)</f>
        <v>0</v>
      </c>
      <c r="R3551" s="58">
        <v>69.569507065520824</v>
      </c>
      <c r="S3551" s="124">
        <f t="shared" si="55"/>
        <v>2.1879504085932515</v>
      </c>
    </row>
    <row r="3552" spans="8:19" x14ac:dyDescent="0.3">
      <c r="H3552" s="44">
        <v>3545</v>
      </c>
      <c r="I3552" s="56">
        <f>Bühler!I3578</f>
        <v>0.50491163275228879</v>
      </c>
      <c r="J3552" s="59">
        <f>Bühler!J3578</f>
        <v>1.6830387758409628</v>
      </c>
      <c r="K3552" s="59">
        <f>Bühler!K3578</f>
        <v>2.5245581637614443</v>
      </c>
      <c r="L3552" s="59">
        <f>Bühler!L3578</f>
        <v>12.117879186054932</v>
      </c>
      <c r="M3552" s="58">
        <f>Bühler!M3578</f>
        <v>0</v>
      </c>
      <c r="N3552" s="56">
        <f>IF(Input!$D$19=1,J3552*Input!$C$19,0)+IF(Input!$D$20=1,K3552*Input!$C$20,0)+IF(Input!$D$21=1,L3552*Input!$C$21,0)+IF(Input!$D$22=1,M3552*Input!$C$22,0)</f>
        <v>0.50491163275228879</v>
      </c>
      <c r="O3552" s="59">
        <f>IF(Input!$D$19=2,J3552*Input!$C$19,0)+IF(Input!$D$20=2,K3552*Input!$C$20,0)+IF(Input!$D$21=2,L3552*Input!$C$21,0)+IF(Input!$D$22=2,M3552*Input!$C$22,0)</f>
        <v>1.2622790818807221</v>
      </c>
      <c r="P3552" s="59">
        <f>IF(Input!$D$19=3,J3552*Input!$C$19,0)+IF(Input!$D$20=3,K3552*Input!$C$20,0)+IF(Input!$D$21=3,L3552*Input!$C$21,0)+IF(Input!$D$22=3,M3552*Input!$C$22,0)</f>
        <v>0</v>
      </c>
      <c r="Q3552" s="75">
        <f>IF(Input!$D$19=4,J3552*Input!$C$19,0)+IF(Input!$D$20=4,K3552*Input!$C$20,0)+IF(Input!$D$21=4,L3552*Input!$C$21,0)+IF(Input!$D$22=4,M3552*Input!$C$22,0)</f>
        <v>0</v>
      </c>
      <c r="R3552" s="58">
        <v>68.465692462747285</v>
      </c>
      <c r="S3552" s="124">
        <f t="shared" si="55"/>
        <v>2.1879504085932515</v>
      </c>
    </row>
    <row r="3553" spans="8:19" x14ac:dyDescent="0.3">
      <c r="H3553" s="44">
        <v>3546</v>
      </c>
      <c r="I3553" s="56">
        <f>Bühler!I3579</f>
        <v>0.50491163275228879</v>
      </c>
      <c r="J3553" s="59">
        <f>Bühler!J3579</f>
        <v>1.6830387758409628</v>
      </c>
      <c r="K3553" s="59">
        <f>Bühler!K3579</f>
        <v>2.5245581637614443</v>
      </c>
      <c r="L3553" s="59">
        <f>Bühler!L3579</f>
        <v>12.117879186054932</v>
      </c>
      <c r="M3553" s="58">
        <f>Bühler!M3579</f>
        <v>0</v>
      </c>
      <c r="N3553" s="56">
        <f>IF(Input!$D$19=1,J3553*Input!$C$19,0)+IF(Input!$D$20=1,K3553*Input!$C$20,0)+IF(Input!$D$21=1,L3553*Input!$C$21,0)+IF(Input!$D$22=1,M3553*Input!$C$22,0)</f>
        <v>0.50491163275228879</v>
      </c>
      <c r="O3553" s="59">
        <f>IF(Input!$D$19=2,J3553*Input!$C$19,0)+IF(Input!$D$20=2,K3553*Input!$C$20,0)+IF(Input!$D$21=2,L3553*Input!$C$21,0)+IF(Input!$D$22=2,M3553*Input!$C$22,0)</f>
        <v>1.2622790818807221</v>
      </c>
      <c r="P3553" s="59">
        <f>IF(Input!$D$19=3,J3553*Input!$C$19,0)+IF(Input!$D$20=3,K3553*Input!$C$20,0)+IF(Input!$D$21=3,L3553*Input!$C$21,0)+IF(Input!$D$22=3,M3553*Input!$C$22,0)</f>
        <v>0</v>
      </c>
      <c r="Q3553" s="75">
        <f>IF(Input!$D$19=4,J3553*Input!$C$19,0)+IF(Input!$D$20=4,K3553*Input!$C$20,0)+IF(Input!$D$21=4,L3553*Input!$C$21,0)+IF(Input!$D$22=4,M3553*Input!$C$22,0)</f>
        <v>0</v>
      </c>
      <c r="R3553" s="58">
        <v>66.849789493612448</v>
      </c>
      <c r="S3553" s="124">
        <f t="shared" si="55"/>
        <v>2.1879504085932515</v>
      </c>
    </row>
    <row r="3554" spans="8:19" x14ac:dyDescent="0.3">
      <c r="H3554" s="44">
        <v>3547</v>
      </c>
      <c r="I3554" s="56">
        <f>Bühler!I3580</f>
        <v>0.50491163275228879</v>
      </c>
      <c r="J3554" s="59">
        <f>Bühler!J3580</f>
        <v>1.6830387758409628</v>
      </c>
      <c r="K3554" s="59">
        <f>Bühler!K3580</f>
        <v>2.5245581637614443</v>
      </c>
      <c r="L3554" s="59">
        <f>Bühler!L3580</f>
        <v>12.117879186054932</v>
      </c>
      <c r="M3554" s="58">
        <f>Bühler!M3580</f>
        <v>0</v>
      </c>
      <c r="N3554" s="56">
        <f>IF(Input!$D$19=1,J3554*Input!$C$19,0)+IF(Input!$D$20=1,K3554*Input!$C$20,0)+IF(Input!$D$21=1,L3554*Input!$C$21,0)+IF(Input!$D$22=1,M3554*Input!$C$22,0)</f>
        <v>0.50491163275228879</v>
      </c>
      <c r="O3554" s="59">
        <f>IF(Input!$D$19=2,J3554*Input!$C$19,0)+IF(Input!$D$20=2,K3554*Input!$C$20,0)+IF(Input!$D$21=2,L3554*Input!$C$21,0)+IF(Input!$D$22=2,M3554*Input!$C$22,0)</f>
        <v>1.2622790818807221</v>
      </c>
      <c r="P3554" s="59">
        <f>IF(Input!$D$19=3,J3554*Input!$C$19,0)+IF(Input!$D$20=3,K3554*Input!$C$20,0)+IF(Input!$D$21=3,L3554*Input!$C$21,0)+IF(Input!$D$22=3,M3554*Input!$C$22,0)</f>
        <v>0</v>
      </c>
      <c r="Q3554" s="75">
        <f>IF(Input!$D$19=4,J3554*Input!$C$19,0)+IF(Input!$D$20=4,K3554*Input!$C$20,0)+IF(Input!$D$21=4,L3554*Input!$C$21,0)+IF(Input!$D$22=4,M3554*Input!$C$22,0)</f>
        <v>0</v>
      </c>
      <c r="R3554" s="58">
        <v>65.466962967528985</v>
      </c>
      <c r="S3554" s="124">
        <f t="shared" si="55"/>
        <v>2.1879504085932515</v>
      </c>
    </row>
    <row r="3555" spans="8:19" x14ac:dyDescent="0.3">
      <c r="H3555" s="44">
        <v>3548</v>
      </c>
      <c r="I3555" s="56">
        <f>Bühler!I3581</f>
        <v>0.4228634924300419</v>
      </c>
      <c r="J3555" s="59">
        <f>Bühler!J3581</f>
        <v>1.4095449747668065</v>
      </c>
      <c r="K3555" s="59">
        <f>Bühler!K3581</f>
        <v>2.1143174621502094</v>
      </c>
      <c r="L3555" s="59">
        <f>Bühler!L3581</f>
        <v>10.148723818321006</v>
      </c>
      <c r="M3555" s="58">
        <f>Bühler!M3581</f>
        <v>0</v>
      </c>
      <c r="N3555" s="56">
        <f>IF(Input!$D$19=1,J3555*Input!$C$19,0)+IF(Input!$D$20=1,K3555*Input!$C$20,0)+IF(Input!$D$21=1,L3555*Input!$C$21,0)+IF(Input!$D$22=1,M3555*Input!$C$22,0)</f>
        <v>0.42286349243004195</v>
      </c>
      <c r="O3555" s="59">
        <f>IF(Input!$D$19=2,J3555*Input!$C$19,0)+IF(Input!$D$20=2,K3555*Input!$C$20,0)+IF(Input!$D$21=2,L3555*Input!$C$21,0)+IF(Input!$D$22=2,M3555*Input!$C$22,0)</f>
        <v>1.0571587310751047</v>
      </c>
      <c r="P3555" s="59">
        <f>IF(Input!$D$19=3,J3555*Input!$C$19,0)+IF(Input!$D$20=3,K3555*Input!$C$20,0)+IF(Input!$D$21=3,L3555*Input!$C$21,0)+IF(Input!$D$22=3,M3555*Input!$C$22,0)</f>
        <v>0</v>
      </c>
      <c r="Q3555" s="75">
        <f>IF(Input!$D$19=4,J3555*Input!$C$19,0)+IF(Input!$D$20=4,K3555*Input!$C$20,0)+IF(Input!$D$21=4,L3555*Input!$C$21,0)+IF(Input!$D$22=4,M3555*Input!$C$22,0)</f>
        <v>0</v>
      </c>
      <c r="R3555" s="58">
        <v>64.236629494817663</v>
      </c>
      <c r="S3555" s="124">
        <f t="shared" si="55"/>
        <v>1.8324084671968484</v>
      </c>
    </row>
    <row r="3556" spans="8:19" x14ac:dyDescent="0.3">
      <c r="H3556" s="44">
        <v>3549</v>
      </c>
      <c r="I3556" s="56">
        <f>Bühler!I3582</f>
        <v>0.34712674751719852</v>
      </c>
      <c r="J3556" s="59">
        <f>Bühler!J3582</f>
        <v>1.157089158390662</v>
      </c>
      <c r="K3556" s="59">
        <f>Bühler!K3582</f>
        <v>1.7356337375859927</v>
      </c>
      <c r="L3556" s="59">
        <f>Bühler!L3582</f>
        <v>8.3310419404127654</v>
      </c>
      <c r="M3556" s="58">
        <f>Bühler!M3582</f>
        <v>0</v>
      </c>
      <c r="N3556" s="56">
        <f>IF(Input!$D$19=1,J3556*Input!$C$19,0)+IF(Input!$D$20=1,K3556*Input!$C$20,0)+IF(Input!$D$21=1,L3556*Input!$C$21,0)+IF(Input!$D$22=1,M3556*Input!$C$22,0)</f>
        <v>0.34712674751719858</v>
      </c>
      <c r="O3556" s="59">
        <f>IF(Input!$D$19=2,J3556*Input!$C$19,0)+IF(Input!$D$20=2,K3556*Input!$C$20,0)+IF(Input!$D$21=2,L3556*Input!$C$21,0)+IF(Input!$D$22=2,M3556*Input!$C$22,0)</f>
        <v>0.86781686879299635</v>
      </c>
      <c r="P3556" s="59">
        <f>IF(Input!$D$19=3,J3556*Input!$C$19,0)+IF(Input!$D$20=3,K3556*Input!$C$20,0)+IF(Input!$D$21=3,L3556*Input!$C$21,0)+IF(Input!$D$22=3,M3556*Input!$C$22,0)</f>
        <v>0</v>
      </c>
      <c r="Q3556" s="75">
        <f>IF(Input!$D$19=4,J3556*Input!$C$19,0)+IF(Input!$D$20=4,K3556*Input!$C$20,0)+IF(Input!$D$21=4,L3556*Input!$C$21,0)+IF(Input!$D$22=4,M3556*Input!$C$22,0)</f>
        <v>0</v>
      </c>
      <c r="R3556" s="58">
        <v>62.200054845975849</v>
      </c>
      <c r="S3556" s="124">
        <f t="shared" si="55"/>
        <v>1.5042159059078606</v>
      </c>
    </row>
    <row r="3557" spans="8:19" x14ac:dyDescent="0.3">
      <c r="H3557" s="44">
        <v>3550</v>
      </c>
      <c r="I3557" s="56">
        <f>Bühler!I3583</f>
        <v>0.25245581637614439</v>
      </c>
      <c r="J3557" s="59">
        <f>Bühler!J3583</f>
        <v>0.84151938792048142</v>
      </c>
      <c r="K3557" s="59">
        <f>Bühler!K3583</f>
        <v>1.2622790818807221</v>
      </c>
      <c r="L3557" s="59">
        <f>Bühler!L3583</f>
        <v>6.0589395930274659</v>
      </c>
      <c r="M3557" s="58">
        <f>Bühler!M3583</f>
        <v>0</v>
      </c>
      <c r="N3557" s="56">
        <f>IF(Input!$D$19=1,J3557*Input!$C$19,0)+IF(Input!$D$20=1,K3557*Input!$C$20,0)+IF(Input!$D$21=1,L3557*Input!$C$21,0)+IF(Input!$D$22=1,M3557*Input!$C$22,0)</f>
        <v>0.25245581637614439</v>
      </c>
      <c r="O3557" s="59">
        <f>IF(Input!$D$19=2,J3557*Input!$C$19,0)+IF(Input!$D$20=2,K3557*Input!$C$20,0)+IF(Input!$D$21=2,L3557*Input!$C$21,0)+IF(Input!$D$22=2,M3557*Input!$C$22,0)</f>
        <v>0.63113954094036107</v>
      </c>
      <c r="P3557" s="59">
        <f>IF(Input!$D$19=3,J3557*Input!$C$19,0)+IF(Input!$D$20=3,K3557*Input!$C$20,0)+IF(Input!$D$21=3,L3557*Input!$C$21,0)+IF(Input!$D$22=3,M3557*Input!$C$22,0)</f>
        <v>0</v>
      </c>
      <c r="Q3557" s="75">
        <f>IF(Input!$D$19=4,J3557*Input!$C$19,0)+IF(Input!$D$20=4,K3557*Input!$C$20,0)+IF(Input!$D$21=4,L3557*Input!$C$21,0)+IF(Input!$D$22=4,M3557*Input!$C$22,0)</f>
        <v>0</v>
      </c>
      <c r="R3557" s="58">
        <v>60.026871194880066</v>
      </c>
      <c r="S3557" s="124">
        <f t="shared" si="55"/>
        <v>1.0939752042966258</v>
      </c>
    </row>
    <row r="3558" spans="8:19" x14ac:dyDescent="0.3">
      <c r="H3558" s="44">
        <v>3551</v>
      </c>
      <c r="I3558" s="56">
        <f>Bühler!I3584</f>
        <v>0.23983302555733718</v>
      </c>
      <c r="J3558" s="59">
        <f>Bühler!J3584</f>
        <v>0.79944341852445733</v>
      </c>
      <c r="K3558" s="59">
        <f>Bühler!K3584</f>
        <v>1.1991651277866859</v>
      </c>
      <c r="L3558" s="59">
        <f>Bühler!L3584</f>
        <v>5.7559926133760921</v>
      </c>
      <c r="M3558" s="58">
        <f>Bühler!M3584</f>
        <v>0</v>
      </c>
      <c r="N3558" s="56">
        <f>IF(Input!$D$19=1,J3558*Input!$C$19,0)+IF(Input!$D$20=1,K3558*Input!$C$20,0)+IF(Input!$D$21=1,L3558*Input!$C$21,0)+IF(Input!$D$22=1,M3558*Input!$C$22,0)</f>
        <v>0.23983302555733718</v>
      </c>
      <c r="O3558" s="59">
        <f>IF(Input!$D$19=2,J3558*Input!$C$19,0)+IF(Input!$D$20=2,K3558*Input!$C$20,0)+IF(Input!$D$21=2,L3558*Input!$C$21,0)+IF(Input!$D$22=2,M3558*Input!$C$22,0)</f>
        <v>0.59958256389334297</v>
      </c>
      <c r="P3558" s="59">
        <f>IF(Input!$D$19=3,J3558*Input!$C$19,0)+IF(Input!$D$20=3,K3558*Input!$C$20,0)+IF(Input!$D$21=3,L3558*Input!$C$21,0)+IF(Input!$D$22=3,M3558*Input!$C$22,0)</f>
        <v>0</v>
      </c>
      <c r="Q3558" s="75">
        <f>IF(Input!$D$19=4,J3558*Input!$C$19,0)+IF(Input!$D$20=4,K3558*Input!$C$20,0)+IF(Input!$D$21=4,L3558*Input!$C$21,0)+IF(Input!$D$22=4,M3558*Input!$C$22,0)</f>
        <v>0</v>
      </c>
      <c r="R3558" s="58">
        <v>59.824680059181681</v>
      </c>
      <c r="S3558" s="124">
        <f t="shared" si="55"/>
        <v>1.0392764440817945</v>
      </c>
    </row>
    <row r="3559" spans="8:19" x14ac:dyDescent="0.3">
      <c r="H3559" s="44">
        <v>3552</v>
      </c>
      <c r="I3559" s="56">
        <f>Bühler!I3585</f>
        <v>0.23983302555733718</v>
      </c>
      <c r="J3559" s="59">
        <f>Bühler!J3585</f>
        <v>0.79944341852445733</v>
      </c>
      <c r="K3559" s="59">
        <f>Bühler!K3585</f>
        <v>1.1991651277866859</v>
      </c>
      <c r="L3559" s="59">
        <f>Bühler!L3585</f>
        <v>5.7559926133760921</v>
      </c>
      <c r="M3559" s="58">
        <f>Bühler!M3585</f>
        <v>0</v>
      </c>
      <c r="N3559" s="56">
        <f>IF(Input!$D$19=1,J3559*Input!$C$19,0)+IF(Input!$D$20=1,K3559*Input!$C$20,0)+IF(Input!$D$21=1,L3559*Input!$C$21,0)+IF(Input!$D$22=1,M3559*Input!$C$22,0)</f>
        <v>0.23983302555733718</v>
      </c>
      <c r="O3559" s="59">
        <f>IF(Input!$D$19=2,J3559*Input!$C$19,0)+IF(Input!$D$20=2,K3559*Input!$C$20,0)+IF(Input!$D$21=2,L3559*Input!$C$21,0)+IF(Input!$D$22=2,M3559*Input!$C$22,0)</f>
        <v>0.59958256389334297</v>
      </c>
      <c r="P3559" s="59">
        <f>IF(Input!$D$19=3,J3559*Input!$C$19,0)+IF(Input!$D$20=3,K3559*Input!$C$20,0)+IF(Input!$D$21=3,L3559*Input!$C$21,0)+IF(Input!$D$22=3,M3559*Input!$C$22,0)</f>
        <v>0</v>
      </c>
      <c r="Q3559" s="75">
        <f>IF(Input!$D$19=4,J3559*Input!$C$19,0)+IF(Input!$D$20=4,K3559*Input!$C$20,0)+IF(Input!$D$21=4,L3559*Input!$C$21,0)+IF(Input!$D$22=4,M3559*Input!$C$22,0)</f>
        <v>0</v>
      </c>
      <c r="R3559" s="58">
        <v>59.674690189932754</v>
      </c>
      <c r="S3559" s="124">
        <f t="shared" si="55"/>
        <v>1.0392764440817945</v>
      </c>
    </row>
    <row r="3560" spans="8:19" x14ac:dyDescent="0.3">
      <c r="H3560" s="44">
        <v>3553</v>
      </c>
      <c r="I3560" s="56">
        <f>Bühler!I3586</f>
        <v>0.21963744778110561</v>
      </c>
      <c r="J3560" s="59">
        <f>Bühler!J3586</f>
        <v>0.73212482593701877</v>
      </c>
      <c r="K3560" s="59">
        <f>Bühler!K3586</f>
        <v>1.0981872389055281</v>
      </c>
      <c r="L3560" s="59">
        <f>Bühler!L3586</f>
        <v>5.2712987467465346</v>
      </c>
      <c r="M3560" s="58">
        <f>Bühler!M3586</f>
        <v>0</v>
      </c>
      <c r="N3560" s="56">
        <f>IF(Input!$D$19=1,J3560*Input!$C$19,0)+IF(Input!$D$20=1,K3560*Input!$C$20,0)+IF(Input!$D$21=1,L3560*Input!$C$21,0)+IF(Input!$D$22=1,M3560*Input!$C$22,0)</f>
        <v>0.21963744778110564</v>
      </c>
      <c r="O3560" s="59">
        <f>IF(Input!$D$19=2,J3560*Input!$C$19,0)+IF(Input!$D$20=2,K3560*Input!$C$20,0)+IF(Input!$D$21=2,L3560*Input!$C$21,0)+IF(Input!$D$22=2,M3560*Input!$C$22,0)</f>
        <v>0.54909361945276403</v>
      </c>
      <c r="P3560" s="59">
        <f>IF(Input!$D$19=3,J3560*Input!$C$19,0)+IF(Input!$D$20=3,K3560*Input!$C$20,0)+IF(Input!$D$21=3,L3560*Input!$C$21,0)+IF(Input!$D$22=3,M3560*Input!$C$22,0)</f>
        <v>0</v>
      </c>
      <c r="Q3560" s="75">
        <f>IF(Input!$D$19=4,J3560*Input!$C$19,0)+IF(Input!$D$20=4,K3560*Input!$C$20,0)+IF(Input!$D$21=4,L3560*Input!$C$21,0)+IF(Input!$D$22=4,M3560*Input!$C$22,0)</f>
        <v>0</v>
      </c>
      <c r="R3560" s="58">
        <v>45.514756857449697</v>
      </c>
      <c r="S3560" s="124">
        <f t="shared" si="55"/>
        <v>0.95176227371812439</v>
      </c>
    </row>
    <row r="3561" spans="8:19" x14ac:dyDescent="0.3">
      <c r="H3561" s="44">
        <v>3554</v>
      </c>
      <c r="I3561" s="56">
        <f>Bühler!I3587</f>
        <v>0.21963744778110561</v>
      </c>
      <c r="J3561" s="59">
        <f>Bühler!J3587</f>
        <v>0.73212482593701877</v>
      </c>
      <c r="K3561" s="59">
        <f>Bühler!K3587</f>
        <v>1.0981872389055281</v>
      </c>
      <c r="L3561" s="59">
        <f>Bühler!L3587</f>
        <v>5.2712987467465346</v>
      </c>
      <c r="M3561" s="58">
        <f>Bühler!M3587</f>
        <v>0</v>
      </c>
      <c r="N3561" s="56">
        <f>IF(Input!$D$19=1,J3561*Input!$C$19,0)+IF(Input!$D$20=1,K3561*Input!$C$20,0)+IF(Input!$D$21=1,L3561*Input!$C$21,0)+IF(Input!$D$22=1,M3561*Input!$C$22,0)</f>
        <v>0.21963744778110564</v>
      </c>
      <c r="O3561" s="59">
        <f>IF(Input!$D$19=2,J3561*Input!$C$19,0)+IF(Input!$D$20=2,K3561*Input!$C$20,0)+IF(Input!$D$21=2,L3561*Input!$C$21,0)+IF(Input!$D$22=2,M3561*Input!$C$22,0)</f>
        <v>0.54909361945276403</v>
      </c>
      <c r="P3561" s="59">
        <f>IF(Input!$D$19=3,J3561*Input!$C$19,0)+IF(Input!$D$20=3,K3561*Input!$C$20,0)+IF(Input!$D$21=3,L3561*Input!$C$21,0)+IF(Input!$D$22=3,M3561*Input!$C$22,0)</f>
        <v>0</v>
      </c>
      <c r="Q3561" s="75">
        <f>IF(Input!$D$19=4,J3561*Input!$C$19,0)+IF(Input!$D$20=4,K3561*Input!$C$20,0)+IF(Input!$D$21=4,L3561*Input!$C$21,0)+IF(Input!$D$22=4,M3561*Input!$C$22,0)</f>
        <v>0</v>
      </c>
      <c r="R3561" s="58">
        <v>46.164007941596374</v>
      </c>
      <c r="S3561" s="124">
        <f t="shared" si="55"/>
        <v>0.95176227371812439</v>
      </c>
    </row>
    <row r="3562" spans="8:19" x14ac:dyDescent="0.3">
      <c r="H3562" s="44">
        <v>3555</v>
      </c>
      <c r="I3562" s="56">
        <f>Bühler!I3588</f>
        <v>0.21963744778110561</v>
      </c>
      <c r="J3562" s="59">
        <f>Bühler!J3588</f>
        <v>0.73212482593701877</v>
      </c>
      <c r="K3562" s="59">
        <f>Bühler!K3588</f>
        <v>1.0981872389055281</v>
      </c>
      <c r="L3562" s="59">
        <f>Bühler!L3588</f>
        <v>5.2712987467465346</v>
      </c>
      <c r="M3562" s="58">
        <f>Bühler!M3588</f>
        <v>0</v>
      </c>
      <c r="N3562" s="56">
        <f>IF(Input!$D$19=1,J3562*Input!$C$19,0)+IF(Input!$D$20=1,K3562*Input!$C$20,0)+IF(Input!$D$21=1,L3562*Input!$C$21,0)+IF(Input!$D$22=1,M3562*Input!$C$22,0)</f>
        <v>0.21963744778110564</v>
      </c>
      <c r="O3562" s="59">
        <f>IF(Input!$D$19=2,J3562*Input!$C$19,0)+IF(Input!$D$20=2,K3562*Input!$C$20,0)+IF(Input!$D$21=2,L3562*Input!$C$21,0)+IF(Input!$D$22=2,M3562*Input!$C$22,0)</f>
        <v>0.54909361945276403</v>
      </c>
      <c r="P3562" s="59">
        <f>IF(Input!$D$19=3,J3562*Input!$C$19,0)+IF(Input!$D$20=3,K3562*Input!$C$20,0)+IF(Input!$D$21=3,L3562*Input!$C$21,0)+IF(Input!$D$22=3,M3562*Input!$C$22,0)</f>
        <v>0</v>
      </c>
      <c r="Q3562" s="75">
        <f>IF(Input!$D$19=4,J3562*Input!$C$19,0)+IF(Input!$D$20=4,K3562*Input!$C$20,0)+IF(Input!$D$21=4,L3562*Input!$C$21,0)+IF(Input!$D$22=4,M3562*Input!$C$22,0)</f>
        <v>0</v>
      </c>
      <c r="R3562" s="58">
        <v>46.95875264092998</v>
      </c>
      <c r="S3562" s="124">
        <f t="shared" si="55"/>
        <v>0.95176227371812439</v>
      </c>
    </row>
    <row r="3563" spans="8:19" x14ac:dyDescent="0.3">
      <c r="H3563" s="44">
        <v>3556</v>
      </c>
      <c r="I3563" s="56">
        <f>Bühler!I3589</f>
        <v>0.21963744778110561</v>
      </c>
      <c r="J3563" s="59">
        <f>Bühler!J3589</f>
        <v>0.73212482593701877</v>
      </c>
      <c r="K3563" s="59">
        <f>Bühler!K3589</f>
        <v>1.0981872389055281</v>
      </c>
      <c r="L3563" s="59">
        <f>Bühler!L3589</f>
        <v>5.2712987467465346</v>
      </c>
      <c r="M3563" s="58">
        <f>Bühler!M3589</f>
        <v>0</v>
      </c>
      <c r="N3563" s="56">
        <f>IF(Input!$D$19=1,J3563*Input!$C$19,0)+IF(Input!$D$20=1,K3563*Input!$C$20,0)+IF(Input!$D$21=1,L3563*Input!$C$21,0)+IF(Input!$D$22=1,M3563*Input!$C$22,0)</f>
        <v>0.21963744778110564</v>
      </c>
      <c r="O3563" s="59">
        <f>IF(Input!$D$19=2,J3563*Input!$C$19,0)+IF(Input!$D$20=2,K3563*Input!$C$20,0)+IF(Input!$D$21=2,L3563*Input!$C$21,0)+IF(Input!$D$22=2,M3563*Input!$C$22,0)</f>
        <v>0.54909361945276403</v>
      </c>
      <c r="P3563" s="59">
        <f>IF(Input!$D$19=3,J3563*Input!$C$19,0)+IF(Input!$D$20=3,K3563*Input!$C$20,0)+IF(Input!$D$21=3,L3563*Input!$C$21,0)+IF(Input!$D$22=3,M3563*Input!$C$22,0)</f>
        <v>0</v>
      </c>
      <c r="Q3563" s="75">
        <f>IF(Input!$D$19=4,J3563*Input!$C$19,0)+IF(Input!$D$20=4,K3563*Input!$C$20,0)+IF(Input!$D$21=4,L3563*Input!$C$21,0)+IF(Input!$D$22=4,M3563*Input!$C$22,0)</f>
        <v>0</v>
      </c>
      <c r="R3563" s="58">
        <v>48.104583035440186</v>
      </c>
      <c r="S3563" s="124">
        <f t="shared" si="55"/>
        <v>0.95176227371812439</v>
      </c>
    </row>
    <row r="3564" spans="8:19" x14ac:dyDescent="0.3">
      <c r="H3564" s="44">
        <v>3557</v>
      </c>
      <c r="I3564" s="56">
        <f>Bühler!I3590</f>
        <v>0.21963744778110561</v>
      </c>
      <c r="J3564" s="59">
        <f>Bühler!J3590</f>
        <v>0.73212482593701877</v>
      </c>
      <c r="K3564" s="59">
        <f>Bühler!K3590</f>
        <v>1.0981872389055281</v>
      </c>
      <c r="L3564" s="59">
        <f>Bühler!L3590</f>
        <v>5.2712987467465346</v>
      </c>
      <c r="M3564" s="58">
        <f>Bühler!M3590</f>
        <v>0</v>
      </c>
      <c r="N3564" s="56">
        <f>IF(Input!$D$19=1,J3564*Input!$C$19,0)+IF(Input!$D$20=1,K3564*Input!$C$20,0)+IF(Input!$D$21=1,L3564*Input!$C$21,0)+IF(Input!$D$22=1,M3564*Input!$C$22,0)</f>
        <v>0.21963744778110564</v>
      </c>
      <c r="O3564" s="59">
        <f>IF(Input!$D$19=2,J3564*Input!$C$19,0)+IF(Input!$D$20=2,K3564*Input!$C$20,0)+IF(Input!$D$21=2,L3564*Input!$C$21,0)+IF(Input!$D$22=2,M3564*Input!$C$22,0)</f>
        <v>0.54909361945276403</v>
      </c>
      <c r="P3564" s="59">
        <f>IF(Input!$D$19=3,J3564*Input!$C$19,0)+IF(Input!$D$20=3,K3564*Input!$C$20,0)+IF(Input!$D$21=3,L3564*Input!$C$21,0)+IF(Input!$D$22=3,M3564*Input!$C$22,0)</f>
        <v>0</v>
      </c>
      <c r="Q3564" s="75">
        <f>IF(Input!$D$19=4,J3564*Input!$C$19,0)+IF(Input!$D$20=4,K3564*Input!$C$20,0)+IF(Input!$D$21=4,L3564*Input!$C$21,0)+IF(Input!$D$22=4,M3564*Input!$C$22,0)</f>
        <v>0</v>
      </c>
      <c r="R3564" s="58">
        <v>51.212127763081348</v>
      </c>
      <c r="S3564" s="124">
        <f t="shared" si="55"/>
        <v>0.95176227371812439</v>
      </c>
    </row>
    <row r="3565" spans="8:19" x14ac:dyDescent="0.3">
      <c r="H3565" s="44">
        <v>3558</v>
      </c>
      <c r="I3565" s="56">
        <f>Bühler!I3591</f>
        <v>0.2855286821154373</v>
      </c>
      <c r="J3565" s="59">
        <f>Bühler!J3591</f>
        <v>0.95176227371812439</v>
      </c>
      <c r="K3565" s="59">
        <f>Bühler!K3591</f>
        <v>1.4276434105771865</v>
      </c>
      <c r="L3565" s="59">
        <f>Bühler!L3591</f>
        <v>6.8526883707704949</v>
      </c>
      <c r="M3565" s="58">
        <f>Bühler!M3591</f>
        <v>0</v>
      </c>
      <c r="N3565" s="56">
        <f>IF(Input!$D$19=1,J3565*Input!$C$19,0)+IF(Input!$D$20=1,K3565*Input!$C$20,0)+IF(Input!$D$21=1,L3565*Input!$C$21,0)+IF(Input!$D$22=1,M3565*Input!$C$22,0)</f>
        <v>0.2855286821154373</v>
      </c>
      <c r="O3565" s="59">
        <f>IF(Input!$D$19=2,J3565*Input!$C$19,0)+IF(Input!$D$20=2,K3565*Input!$C$20,0)+IF(Input!$D$21=2,L3565*Input!$C$21,0)+IF(Input!$D$22=2,M3565*Input!$C$22,0)</f>
        <v>0.71382170528859323</v>
      </c>
      <c r="P3565" s="59">
        <f>IF(Input!$D$19=3,J3565*Input!$C$19,0)+IF(Input!$D$20=3,K3565*Input!$C$20,0)+IF(Input!$D$21=3,L3565*Input!$C$21,0)+IF(Input!$D$22=3,M3565*Input!$C$22,0)</f>
        <v>0</v>
      </c>
      <c r="Q3565" s="75">
        <f>IF(Input!$D$19=4,J3565*Input!$C$19,0)+IF(Input!$D$20=4,K3565*Input!$C$20,0)+IF(Input!$D$21=4,L3565*Input!$C$21,0)+IF(Input!$D$22=4,M3565*Input!$C$22,0)</f>
        <v>0</v>
      </c>
      <c r="R3565" s="58">
        <v>56.595910877254354</v>
      </c>
      <c r="S3565" s="124">
        <f t="shared" si="55"/>
        <v>1.2372909558335616</v>
      </c>
    </row>
    <row r="3566" spans="8:19" x14ac:dyDescent="0.3">
      <c r="H3566" s="44">
        <v>3559</v>
      </c>
      <c r="I3566" s="56">
        <f>Bühler!I3592</f>
        <v>0.31847429928260312</v>
      </c>
      <c r="J3566" s="59">
        <f>Bühler!J3592</f>
        <v>1.0615809976086772</v>
      </c>
      <c r="K3566" s="59">
        <f>Bühler!K3592</f>
        <v>1.5923714964130156</v>
      </c>
      <c r="L3566" s="59">
        <f>Bühler!L3592</f>
        <v>7.6433831827824745</v>
      </c>
      <c r="M3566" s="58">
        <f>Bühler!M3592</f>
        <v>0</v>
      </c>
      <c r="N3566" s="56">
        <f>IF(Input!$D$19=1,J3566*Input!$C$19,0)+IF(Input!$D$20=1,K3566*Input!$C$20,0)+IF(Input!$D$21=1,L3566*Input!$C$21,0)+IF(Input!$D$22=1,M3566*Input!$C$22,0)</f>
        <v>0.31847429928260312</v>
      </c>
      <c r="O3566" s="59">
        <f>IF(Input!$D$19=2,J3566*Input!$C$19,0)+IF(Input!$D$20=2,K3566*Input!$C$20,0)+IF(Input!$D$21=2,L3566*Input!$C$21,0)+IF(Input!$D$22=2,M3566*Input!$C$22,0)</f>
        <v>0.79618574820650778</v>
      </c>
      <c r="P3566" s="59">
        <f>IF(Input!$D$19=3,J3566*Input!$C$19,0)+IF(Input!$D$20=3,K3566*Input!$C$20,0)+IF(Input!$D$21=3,L3566*Input!$C$21,0)+IF(Input!$D$22=3,M3566*Input!$C$22,0)</f>
        <v>0</v>
      </c>
      <c r="Q3566" s="75">
        <f>IF(Input!$D$19=4,J3566*Input!$C$19,0)+IF(Input!$D$20=4,K3566*Input!$C$20,0)+IF(Input!$D$21=4,L3566*Input!$C$21,0)+IF(Input!$D$22=4,M3566*Input!$C$22,0)</f>
        <v>0</v>
      </c>
      <c r="R3566" s="58">
        <v>60.349810759362605</v>
      </c>
      <c r="S3566" s="124">
        <f t="shared" si="55"/>
        <v>1.3800552968912803</v>
      </c>
    </row>
    <row r="3567" spans="8:19" x14ac:dyDescent="0.3">
      <c r="H3567" s="44">
        <v>3560</v>
      </c>
      <c r="I3567" s="56">
        <f>Bühler!I3593</f>
        <v>0.32945617167165842</v>
      </c>
      <c r="J3567" s="59">
        <f>Bühler!J3593</f>
        <v>1.0981872389055283</v>
      </c>
      <c r="K3567" s="59">
        <f>Bühler!K3593</f>
        <v>1.6472808583582921</v>
      </c>
      <c r="L3567" s="59">
        <f>Bühler!L3593</f>
        <v>7.906948120119802</v>
      </c>
      <c r="M3567" s="58">
        <f>Bühler!M3593</f>
        <v>0</v>
      </c>
      <c r="N3567" s="56">
        <f>IF(Input!$D$19=1,J3567*Input!$C$19,0)+IF(Input!$D$20=1,K3567*Input!$C$20,0)+IF(Input!$D$21=1,L3567*Input!$C$21,0)+IF(Input!$D$22=1,M3567*Input!$C$22,0)</f>
        <v>0.32945617167165847</v>
      </c>
      <c r="O3567" s="59">
        <f>IF(Input!$D$19=2,J3567*Input!$C$19,0)+IF(Input!$D$20=2,K3567*Input!$C$20,0)+IF(Input!$D$21=2,L3567*Input!$C$21,0)+IF(Input!$D$22=2,M3567*Input!$C$22,0)</f>
        <v>0.82364042917914604</v>
      </c>
      <c r="P3567" s="59">
        <f>IF(Input!$D$19=3,J3567*Input!$C$19,0)+IF(Input!$D$20=3,K3567*Input!$C$20,0)+IF(Input!$D$21=3,L3567*Input!$C$21,0)+IF(Input!$D$22=3,M3567*Input!$C$22,0)</f>
        <v>0</v>
      </c>
      <c r="Q3567" s="75">
        <f>IF(Input!$D$19=4,J3567*Input!$C$19,0)+IF(Input!$D$20=4,K3567*Input!$C$20,0)+IF(Input!$D$21=4,L3567*Input!$C$21,0)+IF(Input!$D$22=4,M3567*Input!$C$22,0)</f>
        <v>0</v>
      </c>
      <c r="R3567" s="58">
        <v>63.451288917583561</v>
      </c>
      <c r="S3567" s="124">
        <f t="shared" si="55"/>
        <v>1.4276434105771867</v>
      </c>
    </row>
    <row r="3568" spans="8:19" x14ac:dyDescent="0.3">
      <c r="H3568" s="44">
        <v>3561</v>
      </c>
      <c r="I3568" s="56">
        <f>Bühler!I3594</f>
        <v>0.32945617167165842</v>
      </c>
      <c r="J3568" s="59">
        <f>Bühler!J3594</f>
        <v>1.0981872389055283</v>
      </c>
      <c r="K3568" s="59">
        <f>Bühler!K3594</f>
        <v>1.6472808583582921</v>
      </c>
      <c r="L3568" s="59">
        <f>Bühler!L3594</f>
        <v>7.906948120119802</v>
      </c>
      <c r="M3568" s="58">
        <f>Bühler!M3594</f>
        <v>0</v>
      </c>
      <c r="N3568" s="56">
        <f>IF(Input!$D$19=1,J3568*Input!$C$19,0)+IF(Input!$D$20=1,K3568*Input!$C$20,0)+IF(Input!$D$21=1,L3568*Input!$C$21,0)+IF(Input!$D$22=1,M3568*Input!$C$22,0)</f>
        <v>0.32945617167165847</v>
      </c>
      <c r="O3568" s="59">
        <f>IF(Input!$D$19=2,J3568*Input!$C$19,0)+IF(Input!$D$20=2,K3568*Input!$C$20,0)+IF(Input!$D$21=2,L3568*Input!$C$21,0)+IF(Input!$D$22=2,M3568*Input!$C$22,0)</f>
        <v>0.82364042917914604</v>
      </c>
      <c r="P3568" s="59">
        <f>IF(Input!$D$19=3,J3568*Input!$C$19,0)+IF(Input!$D$20=3,K3568*Input!$C$20,0)+IF(Input!$D$21=3,L3568*Input!$C$21,0)+IF(Input!$D$22=3,M3568*Input!$C$22,0)</f>
        <v>0</v>
      </c>
      <c r="Q3568" s="75">
        <f>IF(Input!$D$19=4,J3568*Input!$C$19,0)+IF(Input!$D$20=4,K3568*Input!$C$20,0)+IF(Input!$D$21=4,L3568*Input!$C$21,0)+IF(Input!$D$22=4,M3568*Input!$C$22,0)</f>
        <v>0</v>
      </c>
      <c r="R3568" s="58">
        <v>64.820273398772244</v>
      </c>
      <c r="S3568" s="124">
        <f t="shared" si="55"/>
        <v>1.4276434105771867</v>
      </c>
    </row>
    <row r="3569" spans="8:19" x14ac:dyDescent="0.3">
      <c r="H3569" s="44">
        <v>3562</v>
      </c>
      <c r="I3569" s="56">
        <f>Bühler!I3595</f>
        <v>0.35691085264429662</v>
      </c>
      <c r="J3569" s="59">
        <f>Bühler!J3595</f>
        <v>1.1897028421476554</v>
      </c>
      <c r="K3569" s="59">
        <f>Bühler!K3595</f>
        <v>1.784554263221483</v>
      </c>
      <c r="L3569" s="59">
        <f>Bühler!L3595</f>
        <v>8.5658604634631192</v>
      </c>
      <c r="M3569" s="58">
        <f>Bühler!M3595</f>
        <v>0</v>
      </c>
      <c r="N3569" s="56">
        <f>IF(Input!$D$19=1,J3569*Input!$C$19,0)+IF(Input!$D$20=1,K3569*Input!$C$20,0)+IF(Input!$D$21=1,L3569*Input!$C$21,0)+IF(Input!$D$22=1,M3569*Input!$C$22,0)</f>
        <v>0.35691085264429662</v>
      </c>
      <c r="O3569" s="59">
        <f>IF(Input!$D$19=2,J3569*Input!$C$19,0)+IF(Input!$D$20=2,K3569*Input!$C$20,0)+IF(Input!$D$21=2,L3569*Input!$C$21,0)+IF(Input!$D$22=2,M3569*Input!$C$22,0)</f>
        <v>0.89227713161074151</v>
      </c>
      <c r="P3569" s="59">
        <f>IF(Input!$D$19=3,J3569*Input!$C$19,0)+IF(Input!$D$20=3,K3569*Input!$C$20,0)+IF(Input!$D$21=3,L3569*Input!$C$21,0)+IF(Input!$D$22=3,M3569*Input!$C$22,0)</f>
        <v>0</v>
      </c>
      <c r="Q3569" s="75">
        <f>IF(Input!$D$19=4,J3569*Input!$C$19,0)+IF(Input!$D$20=4,K3569*Input!$C$20,0)+IF(Input!$D$21=4,L3569*Input!$C$21,0)+IF(Input!$D$22=4,M3569*Input!$C$22,0)</f>
        <v>0</v>
      </c>
      <c r="R3569" s="58">
        <v>65.97308542219055</v>
      </c>
      <c r="S3569" s="124">
        <f t="shared" si="55"/>
        <v>1.546613694791952</v>
      </c>
    </row>
    <row r="3570" spans="8:19" x14ac:dyDescent="0.3">
      <c r="H3570" s="44">
        <v>3563</v>
      </c>
      <c r="I3570" s="56">
        <f>Bühler!I3596</f>
        <v>0.37338366122787953</v>
      </c>
      <c r="J3570" s="59">
        <f>Bühler!J3596</f>
        <v>1.2446122040929319</v>
      </c>
      <c r="K3570" s="59">
        <f>Bühler!K3596</f>
        <v>1.8669183061393975</v>
      </c>
      <c r="L3570" s="59">
        <f>Bühler!L3596</f>
        <v>8.9612078694691082</v>
      </c>
      <c r="M3570" s="58">
        <f>Bühler!M3596</f>
        <v>0</v>
      </c>
      <c r="N3570" s="56">
        <f>IF(Input!$D$19=1,J3570*Input!$C$19,0)+IF(Input!$D$20=1,K3570*Input!$C$20,0)+IF(Input!$D$21=1,L3570*Input!$C$21,0)+IF(Input!$D$22=1,M3570*Input!$C$22,0)</f>
        <v>0.37338366122787958</v>
      </c>
      <c r="O3570" s="59">
        <f>IF(Input!$D$19=2,J3570*Input!$C$19,0)+IF(Input!$D$20=2,K3570*Input!$C$20,0)+IF(Input!$D$21=2,L3570*Input!$C$21,0)+IF(Input!$D$22=2,M3570*Input!$C$22,0)</f>
        <v>0.93345915306969873</v>
      </c>
      <c r="P3570" s="59">
        <f>IF(Input!$D$19=3,J3570*Input!$C$19,0)+IF(Input!$D$20=3,K3570*Input!$C$20,0)+IF(Input!$D$21=3,L3570*Input!$C$21,0)+IF(Input!$D$22=3,M3570*Input!$C$22,0)</f>
        <v>0</v>
      </c>
      <c r="Q3570" s="75">
        <f>IF(Input!$D$19=4,J3570*Input!$C$19,0)+IF(Input!$D$20=4,K3570*Input!$C$20,0)+IF(Input!$D$21=4,L3570*Input!$C$21,0)+IF(Input!$D$22=4,M3570*Input!$C$22,0)</f>
        <v>0</v>
      </c>
      <c r="R3570" s="58">
        <v>67.145923036277139</v>
      </c>
      <c r="S3570" s="124">
        <f t="shared" si="55"/>
        <v>1.6179958653208115</v>
      </c>
    </row>
    <row r="3571" spans="8:19" x14ac:dyDescent="0.3">
      <c r="H3571" s="44">
        <v>3564</v>
      </c>
      <c r="I3571" s="56">
        <f>Bühler!I3597</f>
        <v>0.43927489556221122</v>
      </c>
      <c r="J3571" s="59">
        <f>Bühler!J3597</f>
        <v>1.4642496518740375</v>
      </c>
      <c r="K3571" s="59">
        <f>Bühler!K3597</f>
        <v>2.1963744778110561</v>
      </c>
      <c r="L3571" s="59">
        <f>Bühler!L3597</f>
        <v>10.542597493493069</v>
      </c>
      <c r="M3571" s="58">
        <f>Bühler!M3597</f>
        <v>0</v>
      </c>
      <c r="N3571" s="56">
        <f>IF(Input!$D$19=1,J3571*Input!$C$19,0)+IF(Input!$D$20=1,K3571*Input!$C$20,0)+IF(Input!$D$21=1,L3571*Input!$C$21,0)+IF(Input!$D$22=1,M3571*Input!$C$22,0)</f>
        <v>0.43927489556221128</v>
      </c>
      <c r="O3571" s="59">
        <f>IF(Input!$D$19=2,J3571*Input!$C$19,0)+IF(Input!$D$20=2,K3571*Input!$C$20,0)+IF(Input!$D$21=2,L3571*Input!$C$21,0)+IF(Input!$D$22=2,M3571*Input!$C$22,0)</f>
        <v>1.0981872389055281</v>
      </c>
      <c r="P3571" s="59">
        <f>IF(Input!$D$19=3,J3571*Input!$C$19,0)+IF(Input!$D$20=3,K3571*Input!$C$20,0)+IF(Input!$D$21=3,L3571*Input!$C$21,0)+IF(Input!$D$22=3,M3571*Input!$C$22,0)</f>
        <v>0</v>
      </c>
      <c r="Q3571" s="75">
        <f>IF(Input!$D$19=4,J3571*Input!$C$19,0)+IF(Input!$D$20=4,K3571*Input!$C$20,0)+IF(Input!$D$21=4,L3571*Input!$C$21,0)+IF(Input!$D$22=4,M3571*Input!$C$22,0)</f>
        <v>0</v>
      </c>
      <c r="R3571" s="58">
        <v>68.503347923649343</v>
      </c>
      <c r="S3571" s="124">
        <f t="shared" si="55"/>
        <v>1.9035245474362488</v>
      </c>
    </row>
    <row r="3572" spans="8:19" x14ac:dyDescent="0.3">
      <c r="H3572" s="44">
        <v>3565</v>
      </c>
      <c r="I3572" s="56">
        <f>Bühler!I3598</f>
        <v>0.43927489556221122</v>
      </c>
      <c r="J3572" s="59">
        <f>Bühler!J3598</f>
        <v>1.4642496518740375</v>
      </c>
      <c r="K3572" s="59">
        <f>Bühler!K3598</f>
        <v>2.1963744778110561</v>
      </c>
      <c r="L3572" s="59">
        <f>Bühler!L3598</f>
        <v>10.542597493493069</v>
      </c>
      <c r="M3572" s="58">
        <f>Bühler!M3598</f>
        <v>0</v>
      </c>
      <c r="N3572" s="56">
        <f>IF(Input!$D$19=1,J3572*Input!$C$19,0)+IF(Input!$D$20=1,K3572*Input!$C$20,0)+IF(Input!$D$21=1,L3572*Input!$C$21,0)+IF(Input!$D$22=1,M3572*Input!$C$22,0)</f>
        <v>0.43927489556221128</v>
      </c>
      <c r="O3572" s="59">
        <f>IF(Input!$D$19=2,J3572*Input!$C$19,0)+IF(Input!$D$20=2,K3572*Input!$C$20,0)+IF(Input!$D$21=2,L3572*Input!$C$21,0)+IF(Input!$D$22=2,M3572*Input!$C$22,0)</f>
        <v>1.0981872389055281</v>
      </c>
      <c r="P3572" s="59">
        <f>IF(Input!$D$19=3,J3572*Input!$C$19,0)+IF(Input!$D$20=3,K3572*Input!$C$20,0)+IF(Input!$D$21=3,L3572*Input!$C$21,0)+IF(Input!$D$22=3,M3572*Input!$C$22,0)</f>
        <v>0</v>
      </c>
      <c r="Q3572" s="75">
        <f>IF(Input!$D$19=4,J3572*Input!$C$19,0)+IF(Input!$D$20=4,K3572*Input!$C$20,0)+IF(Input!$D$21=4,L3572*Input!$C$21,0)+IF(Input!$D$22=4,M3572*Input!$C$22,0)</f>
        <v>0</v>
      </c>
      <c r="R3572" s="58">
        <v>68.341341636934658</v>
      </c>
      <c r="S3572" s="124">
        <f t="shared" si="55"/>
        <v>1.9035245474362488</v>
      </c>
    </row>
    <row r="3573" spans="8:19" x14ac:dyDescent="0.3">
      <c r="H3573" s="44">
        <v>3566</v>
      </c>
      <c r="I3573" s="56">
        <f>Bühler!I3599</f>
        <v>0.43927489556221122</v>
      </c>
      <c r="J3573" s="59">
        <f>Bühler!J3599</f>
        <v>1.4642496518740375</v>
      </c>
      <c r="K3573" s="59">
        <f>Bühler!K3599</f>
        <v>2.1963744778110561</v>
      </c>
      <c r="L3573" s="59">
        <f>Bühler!L3599</f>
        <v>10.542597493493069</v>
      </c>
      <c r="M3573" s="58">
        <f>Bühler!M3599</f>
        <v>0</v>
      </c>
      <c r="N3573" s="56">
        <f>IF(Input!$D$19=1,J3573*Input!$C$19,0)+IF(Input!$D$20=1,K3573*Input!$C$20,0)+IF(Input!$D$21=1,L3573*Input!$C$21,0)+IF(Input!$D$22=1,M3573*Input!$C$22,0)</f>
        <v>0.43927489556221128</v>
      </c>
      <c r="O3573" s="59">
        <f>IF(Input!$D$19=2,J3573*Input!$C$19,0)+IF(Input!$D$20=2,K3573*Input!$C$20,0)+IF(Input!$D$21=2,L3573*Input!$C$21,0)+IF(Input!$D$22=2,M3573*Input!$C$22,0)</f>
        <v>1.0981872389055281</v>
      </c>
      <c r="P3573" s="59">
        <f>IF(Input!$D$19=3,J3573*Input!$C$19,0)+IF(Input!$D$20=3,K3573*Input!$C$20,0)+IF(Input!$D$21=3,L3573*Input!$C$21,0)+IF(Input!$D$22=3,M3573*Input!$C$22,0)</f>
        <v>0</v>
      </c>
      <c r="Q3573" s="75">
        <f>IF(Input!$D$19=4,J3573*Input!$C$19,0)+IF(Input!$D$20=4,K3573*Input!$C$20,0)+IF(Input!$D$21=4,L3573*Input!$C$21,0)+IF(Input!$D$22=4,M3573*Input!$C$22,0)</f>
        <v>0</v>
      </c>
      <c r="R3573" s="58">
        <v>68.697190136917911</v>
      </c>
      <c r="S3573" s="124">
        <f t="shared" si="55"/>
        <v>1.9035245474362488</v>
      </c>
    </row>
    <row r="3574" spans="8:19" x14ac:dyDescent="0.3">
      <c r="H3574" s="44">
        <v>3567</v>
      </c>
      <c r="I3574" s="56">
        <f>Bühler!I3600</f>
        <v>0.43927489556221122</v>
      </c>
      <c r="J3574" s="59">
        <f>Bühler!J3600</f>
        <v>1.4642496518740375</v>
      </c>
      <c r="K3574" s="59">
        <f>Bühler!K3600</f>
        <v>2.1963744778110561</v>
      </c>
      <c r="L3574" s="59">
        <f>Bühler!L3600</f>
        <v>10.542597493493069</v>
      </c>
      <c r="M3574" s="58">
        <f>Bühler!M3600</f>
        <v>0</v>
      </c>
      <c r="N3574" s="56">
        <f>IF(Input!$D$19=1,J3574*Input!$C$19,0)+IF(Input!$D$20=1,K3574*Input!$C$20,0)+IF(Input!$D$21=1,L3574*Input!$C$21,0)+IF(Input!$D$22=1,M3574*Input!$C$22,0)</f>
        <v>0.43927489556221128</v>
      </c>
      <c r="O3574" s="59">
        <f>IF(Input!$D$19=2,J3574*Input!$C$19,0)+IF(Input!$D$20=2,K3574*Input!$C$20,0)+IF(Input!$D$21=2,L3574*Input!$C$21,0)+IF(Input!$D$22=2,M3574*Input!$C$22,0)</f>
        <v>1.0981872389055281</v>
      </c>
      <c r="P3574" s="59">
        <f>IF(Input!$D$19=3,J3574*Input!$C$19,0)+IF(Input!$D$20=3,K3574*Input!$C$20,0)+IF(Input!$D$21=3,L3574*Input!$C$21,0)+IF(Input!$D$22=3,M3574*Input!$C$22,0)</f>
        <v>0</v>
      </c>
      <c r="Q3574" s="75">
        <f>IF(Input!$D$19=4,J3574*Input!$C$19,0)+IF(Input!$D$20=4,K3574*Input!$C$20,0)+IF(Input!$D$21=4,L3574*Input!$C$21,0)+IF(Input!$D$22=4,M3574*Input!$C$22,0)</f>
        <v>0</v>
      </c>
      <c r="R3574" s="58">
        <v>69.408964218887832</v>
      </c>
      <c r="S3574" s="124">
        <f t="shared" si="55"/>
        <v>1.9035245474362488</v>
      </c>
    </row>
    <row r="3575" spans="8:19" x14ac:dyDescent="0.3">
      <c r="H3575" s="44">
        <v>3568</v>
      </c>
      <c r="I3575" s="56">
        <f>Bühler!I3601</f>
        <v>0.43927489556221122</v>
      </c>
      <c r="J3575" s="59">
        <f>Bühler!J3601</f>
        <v>1.4642496518740375</v>
      </c>
      <c r="K3575" s="59">
        <f>Bühler!K3601</f>
        <v>2.1963744778110561</v>
      </c>
      <c r="L3575" s="59">
        <f>Bühler!L3601</f>
        <v>10.542597493493069</v>
      </c>
      <c r="M3575" s="58">
        <f>Bühler!M3601</f>
        <v>0</v>
      </c>
      <c r="N3575" s="56">
        <f>IF(Input!$D$19=1,J3575*Input!$C$19,0)+IF(Input!$D$20=1,K3575*Input!$C$20,0)+IF(Input!$D$21=1,L3575*Input!$C$21,0)+IF(Input!$D$22=1,M3575*Input!$C$22,0)</f>
        <v>0.43927489556221128</v>
      </c>
      <c r="O3575" s="59">
        <f>IF(Input!$D$19=2,J3575*Input!$C$19,0)+IF(Input!$D$20=2,K3575*Input!$C$20,0)+IF(Input!$D$21=2,L3575*Input!$C$21,0)+IF(Input!$D$22=2,M3575*Input!$C$22,0)</f>
        <v>1.0981872389055281</v>
      </c>
      <c r="P3575" s="59">
        <f>IF(Input!$D$19=3,J3575*Input!$C$19,0)+IF(Input!$D$20=3,K3575*Input!$C$20,0)+IF(Input!$D$21=3,L3575*Input!$C$21,0)+IF(Input!$D$22=3,M3575*Input!$C$22,0)</f>
        <v>0</v>
      </c>
      <c r="Q3575" s="75">
        <f>IF(Input!$D$19=4,J3575*Input!$C$19,0)+IF(Input!$D$20=4,K3575*Input!$C$20,0)+IF(Input!$D$21=4,L3575*Input!$C$21,0)+IF(Input!$D$22=4,M3575*Input!$C$22,0)</f>
        <v>0</v>
      </c>
      <c r="R3575" s="58">
        <v>69.398740026649662</v>
      </c>
      <c r="S3575" s="124">
        <f t="shared" si="55"/>
        <v>1.9035245474362488</v>
      </c>
    </row>
    <row r="3576" spans="8:19" x14ac:dyDescent="0.3">
      <c r="H3576" s="44">
        <v>3569</v>
      </c>
      <c r="I3576" s="56">
        <f>Bühler!I3602</f>
        <v>0.43927489556221122</v>
      </c>
      <c r="J3576" s="59">
        <f>Bühler!J3602</f>
        <v>1.4642496518740375</v>
      </c>
      <c r="K3576" s="59">
        <f>Bühler!K3602</f>
        <v>2.1963744778110561</v>
      </c>
      <c r="L3576" s="59">
        <f>Bühler!L3602</f>
        <v>10.542597493493069</v>
      </c>
      <c r="M3576" s="58">
        <f>Bühler!M3602</f>
        <v>0</v>
      </c>
      <c r="N3576" s="56">
        <f>IF(Input!$D$19=1,J3576*Input!$C$19,0)+IF(Input!$D$20=1,K3576*Input!$C$20,0)+IF(Input!$D$21=1,L3576*Input!$C$21,0)+IF(Input!$D$22=1,M3576*Input!$C$22,0)</f>
        <v>0.43927489556221128</v>
      </c>
      <c r="O3576" s="59">
        <f>IF(Input!$D$19=2,J3576*Input!$C$19,0)+IF(Input!$D$20=2,K3576*Input!$C$20,0)+IF(Input!$D$21=2,L3576*Input!$C$21,0)+IF(Input!$D$22=2,M3576*Input!$C$22,0)</f>
        <v>1.0981872389055281</v>
      </c>
      <c r="P3576" s="59">
        <f>IF(Input!$D$19=3,J3576*Input!$C$19,0)+IF(Input!$D$20=3,K3576*Input!$C$20,0)+IF(Input!$D$21=3,L3576*Input!$C$21,0)+IF(Input!$D$22=3,M3576*Input!$C$22,0)</f>
        <v>0</v>
      </c>
      <c r="Q3576" s="75">
        <f>IF(Input!$D$19=4,J3576*Input!$C$19,0)+IF(Input!$D$20=4,K3576*Input!$C$20,0)+IF(Input!$D$21=4,L3576*Input!$C$21,0)+IF(Input!$D$22=4,M3576*Input!$C$22,0)</f>
        <v>0</v>
      </c>
      <c r="R3576" s="58">
        <v>68.390471607243327</v>
      </c>
      <c r="S3576" s="124">
        <f t="shared" si="55"/>
        <v>1.9035245474362488</v>
      </c>
    </row>
    <row r="3577" spans="8:19" x14ac:dyDescent="0.3">
      <c r="H3577" s="44">
        <v>3570</v>
      </c>
      <c r="I3577" s="56">
        <f>Bühler!I3603</f>
        <v>0.43927489556221122</v>
      </c>
      <c r="J3577" s="59">
        <f>Bühler!J3603</f>
        <v>1.4642496518740375</v>
      </c>
      <c r="K3577" s="59">
        <f>Bühler!K3603</f>
        <v>2.1963744778110561</v>
      </c>
      <c r="L3577" s="59">
        <f>Bühler!L3603</f>
        <v>10.542597493493069</v>
      </c>
      <c r="M3577" s="58">
        <f>Bühler!M3603</f>
        <v>0</v>
      </c>
      <c r="N3577" s="56">
        <f>IF(Input!$D$19=1,J3577*Input!$C$19,0)+IF(Input!$D$20=1,K3577*Input!$C$20,0)+IF(Input!$D$21=1,L3577*Input!$C$21,0)+IF(Input!$D$22=1,M3577*Input!$C$22,0)</f>
        <v>0.43927489556221128</v>
      </c>
      <c r="O3577" s="59">
        <f>IF(Input!$D$19=2,J3577*Input!$C$19,0)+IF(Input!$D$20=2,K3577*Input!$C$20,0)+IF(Input!$D$21=2,L3577*Input!$C$21,0)+IF(Input!$D$22=2,M3577*Input!$C$22,0)</f>
        <v>1.0981872389055281</v>
      </c>
      <c r="P3577" s="59">
        <f>IF(Input!$D$19=3,J3577*Input!$C$19,0)+IF(Input!$D$20=3,K3577*Input!$C$20,0)+IF(Input!$D$21=3,L3577*Input!$C$21,0)+IF(Input!$D$22=3,M3577*Input!$C$22,0)</f>
        <v>0</v>
      </c>
      <c r="Q3577" s="75">
        <f>IF(Input!$D$19=4,J3577*Input!$C$19,0)+IF(Input!$D$20=4,K3577*Input!$C$20,0)+IF(Input!$D$21=4,L3577*Input!$C$21,0)+IF(Input!$D$22=4,M3577*Input!$C$22,0)</f>
        <v>0</v>
      </c>
      <c r="R3577" s="58">
        <v>66.885639352715359</v>
      </c>
      <c r="S3577" s="124">
        <f t="shared" si="55"/>
        <v>1.9035245474362488</v>
      </c>
    </row>
    <row r="3578" spans="8:19" x14ac:dyDescent="0.3">
      <c r="H3578" s="44">
        <v>3571</v>
      </c>
      <c r="I3578" s="56">
        <f>Bühler!I3604</f>
        <v>0.43927489556221122</v>
      </c>
      <c r="J3578" s="59">
        <f>Bühler!J3604</f>
        <v>1.4642496518740375</v>
      </c>
      <c r="K3578" s="59">
        <f>Bühler!K3604</f>
        <v>2.1963744778110561</v>
      </c>
      <c r="L3578" s="59">
        <f>Bühler!L3604</f>
        <v>10.542597493493069</v>
      </c>
      <c r="M3578" s="58">
        <f>Bühler!M3604</f>
        <v>0</v>
      </c>
      <c r="N3578" s="56">
        <f>IF(Input!$D$19=1,J3578*Input!$C$19,0)+IF(Input!$D$20=1,K3578*Input!$C$20,0)+IF(Input!$D$21=1,L3578*Input!$C$21,0)+IF(Input!$D$22=1,M3578*Input!$C$22,0)</f>
        <v>0.43927489556221128</v>
      </c>
      <c r="O3578" s="59">
        <f>IF(Input!$D$19=2,J3578*Input!$C$19,0)+IF(Input!$D$20=2,K3578*Input!$C$20,0)+IF(Input!$D$21=2,L3578*Input!$C$21,0)+IF(Input!$D$22=2,M3578*Input!$C$22,0)</f>
        <v>1.0981872389055281</v>
      </c>
      <c r="P3578" s="59">
        <f>IF(Input!$D$19=3,J3578*Input!$C$19,0)+IF(Input!$D$20=3,K3578*Input!$C$20,0)+IF(Input!$D$21=3,L3578*Input!$C$21,0)+IF(Input!$D$22=3,M3578*Input!$C$22,0)</f>
        <v>0</v>
      </c>
      <c r="Q3578" s="75">
        <f>IF(Input!$D$19=4,J3578*Input!$C$19,0)+IF(Input!$D$20=4,K3578*Input!$C$20,0)+IF(Input!$D$21=4,L3578*Input!$C$21,0)+IF(Input!$D$22=4,M3578*Input!$C$22,0)</f>
        <v>0</v>
      </c>
      <c r="R3578" s="58">
        <v>65.664366290900517</v>
      </c>
      <c r="S3578" s="124">
        <f t="shared" si="55"/>
        <v>1.9035245474362488</v>
      </c>
    </row>
    <row r="3579" spans="8:19" x14ac:dyDescent="0.3">
      <c r="H3579" s="44">
        <v>3572</v>
      </c>
      <c r="I3579" s="56">
        <f>Bühler!I3605</f>
        <v>0.36789272503335191</v>
      </c>
      <c r="J3579" s="59">
        <f>Bühler!J3605</f>
        <v>1.2263090834445065</v>
      </c>
      <c r="K3579" s="59">
        <f>Bühler!K3605</f>
        <v>1.8394636251667595</v>
      </c>
      <c r="L3579" s="59">
        <f>Bühler!L3605</f>
        <v>8.8294254008004458</v>
      </c>
      <c r="M3579" s="58">
        <f>Bühler!M3605</f>
        <v>0</v>
      </c>
      <c r="N3579" s="56">
        <f>IF(Input!$D$19=1,J3579*Input!$C$19,0)+IF(Input!$D$20=1,K3579*Input!$C$20,0)+IF(Input!$D$21=1,L3579*Input!$C$21,0)+IF(Input!$D$22=1,M3579*Input!$C$22,0)</f>
        <v>0.36789272503335196</v>
      </c>
      <c r="O3579" s="59">
        <f>IF(Input!$D$19=2,J3579*Input!$C$19,0)+IF(Input!$D$20=2,K3579*Input!$C$20,0)+IF(Input!$D$21=2,L3579*Input!$C$21,0)+IF(Input!$D$22=2,M3579*Input!$C$22,0)</f>
        <v>0.91973181258337977</v>
      </c>
      <c r="P3579" s="59">
        <f>IF(Input!$D$19=3,J3579*Input!$C$19,0)+IF(Input!$D$20=3,K3579*Input!$C$20,0)+IF(Input!$D$21=3,L3579*Input!$C$21,0)+IF(Input!$D$22=3,M3579*Input!$C$22,0)</f>
        <v>0</v>
      </c>
      <c r="Q3579" s="75">
        <f>IF(Input!$D$19=4,J3579*Input!$C$19,0)+IF(Input!$D$20=4,K3579*Input!$C$20,0)+IF(Input!$D$21=4,L3579*Input!$C$21,0)+IF(Input!$D$22=4,M3579*Input!$C$22,0)</f>
        <v>0</v>
      </c>
      <c r="R3579" s="58">
        <v>64.351978456751652</v>
      </c>
      <c r="S3579" s="124">
        <f t="shared" si="55"/>
        <v>1.5942018084778584</v>
      </c>
    </row>
    <row r="3580" spans="8:19" x14ac:dyDescent="0.3">
      <c r="H3580" s="44">
        <v>3573</v>
      </c>
      <c r="I3580" s="56">
        <f>Bühler!I3606</f>
        <v>0.30200149069902021</v>
      </c>
      <c r="J3580" s="59">
        <f>Bühler!J3606</f>
        <v>1.0066716356634007</v>
      </c>
      <c r="K3580" s="59">
        <f>Bühler!K3606</f>
        <v>1.5100074534951011</v>
      </c>
      <c r="L3580" s="59">
        <f>Bühler!L3606</f>
        <v>7.2480357767764847</v>
      </c>
      <c r="M3580" s="58">
        <f>Bühler!M3606</f>
        <v>0</v>
      </c>
      <c r="N3580" s="56">
        <f>IF(Input!$D$19=1,J3580*Input!$C$19,0)+IF(Input!$D$20=1,K3580*Input!$C$20,0)+IF(Input!$D$21=1,L3580*Input!$C$21,0)+IF(Input!$D$22=1,M3580*Input!$C$22,0)</f>
        <v>0.30200149069902021</v>
      </c>
      <c r="O3580" s="59">
        <f>IF(Input!$D$19=2,J3580*Input!$C$19,0)+IF(Input!$D$20=2,K3580*Input!$C$20,0)+IF(Input!$D$21=2,L3580*Input!$C$21,0)+IF(Input!$D$22=2,M3580*Input!$C$22,0)</f>
        <v>0.75500372674755056</v>
      </c>
      <c r="P3580" s="59">
        <f>IF(Input!$D$19=3,J3580*Input!$C$19,0)+IF(Input!$D$20=3,K3580*Input!$C$20,0)+IF(Input!$D$21=3,L3580*Input!$C$21,0)+IF(Input!$D$22=3,M3580*Input!$C$22,0)</f>
        <v>0</v>
      </c>
      <c r="Q3580" s="75">
        <f>IF(Input!$D$19=4,J3580*Input!$C$19,0)+IF(Input!$D$20=4,K3580*Input!$C$20,0)+IF(Input!$D$21=4,L3580*Input!$C$21,0)+IF(Input!$D$22=4,M3580*Input!$C$22,0)</f>
        <v>0</v>
      </c>
      <c r="R3580" s="58">
        <v>62.093809425555513</v>
      </c>
      <c r="S3580" s="124">
        <f t="shared" si="55"/>
        <v>1.3086731263624209</v>
      </c>
    </row>
    <row r="3581" spans="8:19" x14ac:dyDescent="0.3">
      <c r="H3581" s="44">
        <v>3574</v>
      </c>
      <c r="I3581" s="56">
        <f>Bühler!I3607</f>
        <v>0.21963744778110561</v>
      </c>
      <c r="J3581" s="59">
        <f>Bühler!J3607</f>
        <v>0.73212482593701877</v>
      </c>
      <c r="K3581" s="59">
        <f>Bühler!K3607</f>
        <v>1.0981872389055281</v>
      </c>
      <c r="L3581" s="59">
        <f>Bühler!L3607</f>
        <v>5.2712987467465346</v>
      </c>
      <c r="M3581" s="58">
        <f>Bühler!M3607</f>
        <v>0</v>
      </c>
      <c r="N3581" s="56">
        <f>IF(Input!$D$19=1,J3581*Input!$C$19,0)+IF(Input!$D$20=1,K3581*Input!$C$20,0)+IF(Input!$D$21=1,L3581*Input!$C$21,0)+IF(Input!$D$22=1,M3581*Input!$C$22,0)</f>
        <v>0.21963744778110564</v>
      </c>
      <c r="O3581" s="59">
        <f>IF(Input!$D$19=2,J3581*Input!$C$19,0)+IF(Input!$D$20=2,K3581*Input!$C$20,0)+IF(Input!$D$21=2,L3581*Input!$C$21,0)+IF(Input!$D$22=2,M3581*Input!$C$22,0)</f>
        <v>0.54909361945276403</v>
      </c>
      <c r="P3581" s="59">
        <f>IF(Input!$D$19=3,J3581*Input!$C$19,0)+IF(Input!$D$20=3,K3581*Input!$C$20,0)+IF(Input!$D$21=3,L3581*Input!$C$21,0)+IF(Input!$D$22=3,M3581*Input!$C$22,0)</f>
        <v>0</v>
      </c>
      <c r="Q3581" s="75">
        <f>IF(Input!$D$19=4,J3581*Input!$C$19,0)+IF(Input!$D$20=4,K3581*Input!$C$20,0)+IF(Input!$D$21=4,L3581*Input!$C$21,0)+IF(Input!$D$22=4,M3581*Input!$C$22,0)</f>
        <v>0</v>
      </c>
      <c r="R3581" s="58">
        <v>59.916035021392013</v>
      </c>
      <c r="S3581" s="124">
        <f t="shared" si="55"/>
        <v>0.95176227371812439</v>
      </c>
    </row>
    <row r="3582" spans="8:19" x14ac:dyDescent="0.3">
      <c r="H3582" s="44">
        <v>3575</v>
      </c>
      <c r="I3582" s="56">
        <f>Bühler!I3608</f>
        <v>0.21963744778110561</v>
      </c>
      <c r="J3582" s="59">
        <f>Bühler!J3608</f>
        <v>0.73212482593701877</v>
      </c>
      <c r="K3582" s="59">
        <f>Bühler!K3608</f>
        <v>1.0981872389055281</v>
      </c>
      <c r="L3582" s="59">
        <f>Bühler!L3608</f>
        <v>5.2712987467465346</v>
      </c>
      <c r="M3582" s="58">
        <f>Bühler!M3608</f>
        <v>0</v>
      </c>
      <c r="N3582" s="56">
        <f>IF(Input!$D$19=1,J3582*Input!$C$19,0)+IF(Input!$D$20=1,K3582*Input!$C$20,0)+IF(Input!$D$21=1,L3582*Input!$C$21,0)+IF(Input!$D$22=1,M3582*Input!$C$22,0)</f>
        <v>0.21963744778110564</v>
      </c>
      <c r="O3582" s="59">
        <f>IF(Input!$D$19=2,J3582*Input!$C$19,0)+IF(Input!$D$20=2,K3582*Input!$C$20,0)+IF(Input!$D$21=2,L3582*Input!$C$21,0)+IF(Input!$D$22=2,M3582*Input!$C$22,0)</f>
        <v>0.54909361945276403</v>
      </c>
      <c r="P3582" s="59">
        <f>IF(Input!$D$19=3,J3582*Input!$C$19,0)+IF(Input!$D$20=3,K3582*Input!$C$20,0)+IF(Input!$D$21=3,L3582*Input!$C$21,0)+IF(Input!$D$22=3,M3582*Input!$C$22,0)</f>
        <v>0</v>
      </c>
      <c r="Q3582" s="75">
        <f>IF(Input!$D$19=4,J3582*Input!$C$19,0)+IF(Input!$D$20=4,K3582*Input!$C$20,0)+IF(Input!$D$21=4,L3582*Input!$C$21,0)+IF(Input!$D$22=4,M3582*Input!$C$22,0)</f>
        <v>0</v>
      </c>
      <c r="R3582" s="58">
        <v>59.773356880317735</v>
      </c>
      <c r="S3582" s="124">
        <f t="shared" si="55"/>
        <v>0.95176227371812439</v>
      </c>
    </row>
    <row r="3583" spans="8:19" x14ac:dyDescent="0.3">
      <c r="H3583" s="44">
        <v>3576</v>
      </c>
      <c r="I3583" s="56">
        <f>Bühler!I3609</f>
        <v>0.21963744778110561</v>
      </c>
      <c r="J3583" s="59">
        <f>Bühler!J3609</f>
        <v>0.73212482593701877</v>
      </c>
      <c r="K3583" s="59">
        <f>Bühler!K3609</f>
        <v>1.0981872389055281</v>
      </c>
      <c r="L3583" s="59">
        <f>Bühler!L3609</f>
        <v>5.2712987467465346</v>
      </c>
      <c r="M3583" s="58">
        <f>Bühler!M3609</f>
        <v>0</v>
      </c>
      <c r="N3583" s="56">
        <f>IF(Input!$D$19=1,J3583*Input!$C$19,0)+IF(Input!$D$20=1,K3583*Input!$C$20,0)+IF(Input!$D$21=1,L3583*Input!$C$21,0)+IF(Input!$D$22=1,M3583*Input!$C$22,0)</f>
        <v>0.21963744778110564</v>
      </c>
      <c r="O3583" s="59">
        <f>IF(Input!$D$19=2,J3583*Input!$C$19,0)+IF(Input!$D$20=2,K3583*Input!$C$20,0)+IF(Input!$D$21=2,L3583*Input!$C$21,0)+IF(Input!$D$22=2,M3583*Input!$C$22,0)</f>
        <v>0.54909361945276403</v>
      </c>
      <c r="P3583" s="59">
        <f>IF(Input!$D$19=3,J3583*Input!$C$19,0)+IF(Input!$D$20=3,K3583*Input!$C$20,0)+IF(Input!$D$21=3,L3583*Input!$C$21,0)+IF(Input!$D$22=3,M3583*Input!$C$22,0)</f>
        <v>0</v>
      </c>
      <c r="Q3583" s="75">
        <f>IF(Input!$D$19=4,J3583*Input!$C$19,0)+IF(Input!$D$20=4,K3583*Input!$C$20,0)+IF(Input!$D$21=4,L3583*Input!$C$21,0)+IF(Input!$D$22=4,M3583*Input!$C$22,0)</f>
        <v>0</v>
      </c>
      <c r="R3583" s="58">
        <v>59.645832708068198</v>
      </c>
      <c r="S3583" s="124">
        <f t="shared" si="55"/>
        <v>0.95176227371812439</v>
      </c>
    </row>
    <row r="3584" spans="8:19" x14ac:dyDescent="0.3">
      <c r="H3584" s="44">
        <v>3577</v>
      </c>
      <c r="I3584" s="56">
        <f>Bühler!I3610</f>
        <v>0.19161869504663015</v>
      </c>
      <c r="J3584" s="59">
        <f>Bühler!J3610</f>
        <v>0.63872898348876728</v>
      </c>
      <c r="K3584" s="59">
        <f>Bühler!K3610</f>
        <v>0.95809347523315069</v>
      </c>
      <c r="L3584" s="59">
        <f>Bühler!L3610</f>
        <v>4.5988486811191231</v>
      </c>
      <c r="M3584" s="58">
        <f>Bühler!M3610</f>
        <v>0</v>
      </c>
      <c r="N3584" s="56">
        <f>IF(Input!$D$19=1,J3584*Input!$C$19,0)+IF(Input!$D$20=1,K3584*Input!$C$20,0)+IF(Input!$D$21=1,L3584*Input!$C$21,0)+IF(Input!$D$22=1,M3584*Input!$C$22,0)</f>
        <v>0.19161869504663018</v>
      </c>
      <c r="O3584" s="59">
        <f>IF(Input!$D$19=2,J3584*Input!$C$19,0)+IF(Input!$D$20=2,K3584*Input!$C$20,0)+IF(Input!$D$21=2,L3584*Input!$C$21,0)+IF(Input!$D$22=2,M3584*Input!$C$22,0)</f>
        <v>0.47904673761657535</v>
      </c>
      <c r="P3584" s="59">
        <f>IF(Input!$D$19=3,J3584*Input!$C$19,0)+IF(Input!$D$20=3,K3584*Input!$C$20,0)+IF(Input!$D$21=3,L3584*Input!$C$21,0)+IF(Input!$D$22=3,M3584*Input!$C$22,0)</f>
        <v>0</v>
      </c>
      <c r="Q3584" s="75">
        <f>IF(Input!$D$19=4,J3584*Input!$C$19,0)+IF(Input!$D$20=4,K3584*Input!$C$20,0)+IF(Input!$D$21=4,L3584*Input!$C$21,0)+IF(Input!$D$22=4,M3584*Input!$C$22,0)</f>
        <v>0</v>
      </c>
      <c r="R3584" s="58">
        <v>59.376277216705901</v>
      </c>
      <c r="S3584" s="124">
        <f t="shared" si="55"/>
        <v>0.83034767853539737</v>
      </c>
    </row>
    <row r="3585" spans="8:19" x14ac:dyDescent="0.3">
      <c r="H3585" s="44">
        <v>3578</v>
      </c>
      <c r="I3585" s="56">
        <f>Bühler!I3611</f>
        <v>0.21557103192745886</v>
      </c>
      <c r="J3585" s="59">
        <f>Bühler!J3611</f>
        <v>0.71857010642486285</v>
      </c>
      <c r="K3585" s="59">
        <f>Bühler!K3611</f>
        <v>1.0778551596372943</v>
      </c>
      <c r="L3585" s="59">
        <f>Bühler!L3611</f>
        <v>5.1737047662590125</v>
      </c>
      <c r="M3585" s="58">
        <f>Bühler!M3611</f>
        <v>0</v>
      </c>
      <c r="N3585" s="56">
        <f>IF(Input!$D$19=1,J3585*Input!$C$19,0)+IF(Input!$D$20=1,K3585*Input!$C$20,0)+IF(Input!$D$21=1,L3585*Input!$C$21,0)+IF(Input!$D$22=1,M3585*Input!$C$22,0)</f>
        <v>0.21557103192745886</v>
      </c>
      <c r="O3585" s="59">
        <f>IF(Input!$D$19=2,J3585*Input!$C$19,0)+IF(Input!$D$20=2,K3585*Input!$C$20,0)+IF(Input!$D$21=2,L3585*Input!$C$21,0)+IF(Input!$D$22=2,M3585*Input!$C$22,0)</f>
        <v>0.53892757981864714</v>
      </c>
      <c r="P3585" s="59">
        <f>IF(Input!$D$19=3,J3585*Input!$C$19,0)+IF(Input!$D$20=3,K3585*Input!$C$20,0)+IF(Input!$D$21=3,L3585*Input!$C$21,0)+IF(Input!$D$22=3,M3585*Input!$C$22,0)</f>
        <v>0</v>
      </c>
      <c r="Q3585" s="75">
        <f>IF(Input!$D$19=4,J3585*Input!$C$19,0)+IF(Input!$D$20=4,K3585*Input!$C$20,0)+IF(Input!$D$21=4,L3585*Input!$C$21,0)+IF(Input!$D$22=4,M3585*Input!$C$22,0)</f>
        <v>0</v>
      </c>
      <c r="R3585" s="58">
        <v>58.653833651728441</v>
      </c>
      <c r="S3585" s="124">
        <f t="shared" si="55"/>
        <v>0.93414113835232171</v>
      </c>
    </row>
    <row r="3586" spans="8:19" x14ac:dyDescent="0.3">
      <c r="H3586" s="44">
        <v>3579</v>
      </c>
      <c r="I3586" s="56">
        <f>Bühler!I3612</f>
        <v>0.21557103192745886</v>
      </c>
      <c r="J3586" s="59">
        <f>Bühler!J3612</f>
        <v>0.71857010642486285</v>
      </c>
      <c r="K3586" s="59">
        <f>Bühler!K3612</f>
        <v>1.0778551596372943</v>
      </c>
      <c r="L3586" s="59">
        <f>Bühler!L3612</f>
        <v>5.1737047662590125</v>
      </c>
      <c r="M3586" s="58">
        <f>Bühler!M3612</f>
        <v>0</v>
      </c>
      <c r="N3586" s="56">
        <f>IF(Input!$D$19=1,J3586*Input!$C$19,0)+IF(Input!$D$20=1,K3586*Input!$C$20,0)+IF(Input!$D$21=1,L3586*Input!$C$21,0)+IF(Input!$D$22=1,M3586*Input!$C$22,0)</f>
        <v>0.21557103192745886</v>
      </c>
      <c r="O3586" s="59">
        <f>IF(Input!$D$19=2,J3586*Input!$C$19,0)+IF(Input!$D$20=2,K3586*Input!$C$20,0)+IF(Input!$D$21=2,L3586*Input!$C$21,0)+IF(Input!$D$22=2,M3586*Input!$C$22,0)</f>
        <v>0.53892757981864714</v>
      </c>
      <c r="P3586" s="59">
        <f>IF(Input!$D$19=3,J3586*Input!$C$19,0)+IF(Input!$D$20=3,K3586*Input!$C$20,0)+IF(Input!$D$21=3,L3586*Input!$C$21,0)+IF(Input!$D$22=3,M3586*Input!$C$22,0)</f>
        <v>0</v>
      </c>
      <c r="Q3586" s="75">
        <f>IF(Input!$D$19=4,J3586*Input!$C$19,0)+IF(Input!$D$20=4,K3586*Input!$C$20,0)+IF(Input!$D$21=4,L3586*Input!$C$21,0)+IF(Input!$D$22=4,M3586*Input!$C$22,0)</f>
        <v>0</v>
      </c>
      <c r="R3586" s="58">
        <v>58.817846914524495</v>
      </c>
      <c r="S3586" s="124">
        <f t="shared" si="55"/>
        <v>0.93414113835232171</v>
      </c>
    </row>
    <row r="3587" spans="8:19" x14ac:dyDescent="0.3">
      <c r="H3587" s="44">
        <v>3580</v>
      </c>
      <c r="I3587" s="56">
        <f>Bühler!I3613</f>
        <v>0.21557103192745886</v>
      </c>
      <c r="J3587" s="59">
        <f>Bühler!J3613</f>
        <v>0.71857010642486285</v>
      </c>
      <c r="K3587" s="59">
        <f>Bühler!K3613</f>
        <v>1.0778551596372943</v>
      </c>
      <c r="L3587" s="59">
        <f>Bühler!L3613</f>
        <v>5.1737047662590125</v>
      </c>
      <c r="M3587" s="58">
        <f>Bühler!M3613</f>
        <v>0</v>
      </c>
      <c r="N3587" s="56">
        <f>IF(Input!$D$19=1,J3587*Input!$C$19,0)+IF(Input!$D$20=1,K3587*Input!$C$20,0)+IF(Input!$D$21=1,L3587*Input!$C$21,0)+IF(Input!$D$22=1,M3587*Input!$C$22,0)</f>
        <v>0.21557103192745886</v>
      </c>
      <c r="O3587" s="59">
        <f>IF(Input!$D$19=2,J3587*Input!$C$19,0)+IF(Input!$D$20=2,K3587*Input!$C$20,0)+IF(Input!$D$21=2,L3587*Input!$C$21,0)+IF(Input!$D$22=2,M3587*Input!$C$22,0)</f>
        <v>0.53892757981864714</v>
      </c>
      <c r="P3587" s="59">
        <f>IF(Input!$D$19=3,J3587*Input!$C$19,0)+IF(Input!$D$20=3,K3587*Input!$C$20,0)+IF(Input!$D$21=3,L3587*Input!$C$21,0)+IF(Input!$D$22=3,M3587*Input!$C$22,0)</f>
        <v>0</v>
      </c>
      <c r="Q3587" s="75">
        <f>IF(Input!$D$19=4,J3587*Input!$C$19,0)+IF(Input!$D$20=4,K3587*Input!$C$20,0)+IF(Input!$D$21=4,L3587*Input!$C$21,0)+IF(Input!$D$22=4,M3587*Input!$C$22,0)</f>
        <v>0</v>
      </c>
      <c r="R3587" s="58">
        <v>59.434250571863259</v>
      </c>
      <c r="S3587" s="124">
        <f t="shared" si="55"/>
        <v>0.93414113835232171</v>
      </c>
    </row>
    <row r="3588" spans="8:19" x14ac:dyDescent="0.3">
      <c r="H3588" s="44">
        <v>3581</v>
      </c>
      <c r="I3588" s="56">
        <f>Bühler!I3614</f>
        <v>0.21557103192745886</v>
      </c>
      <c r="J3588" s="59">
        <f>Bühler!J3614</f>
        <v>0.71857010642486285</v>
      </c>
      <c r="K3588" s="59">
        <f>Bühler!K3614</f>
        <v>1.0778551596372943</v>
      </c>
      <c r="L3588" s="59">
        <f>Bühler!L3614</f>
        <v>5.1737047662590125</v>
      </c>
      <c r="M3588" s="58">
        <f>Bühler!M3614</f>
        <v>0</v>
      </c>
      <c r="N3588" s="56">
        <f>IF(Input!$D$19=1,J3588*Input!$C$19,0)+IF(Input!$D$20=1,K3588*Input!$C$20,0)+IF(Input!$D$21=1,L3588*Input!$C$21,0)+IF(Input!$D$22=1,M3588*Input!$C$22,0)</f>
        <v>0.21557103192745886</v>
      </c>
      <c r="O3588" s="59">
        <f>IF(Input!$D$19=2,J3588*Input!$C$19,0)+IF(Input!$D$20=2,K3588*Input!$C$20,0)+IF(Input!$D$21=2,L3588*Input!$C$21,0)+IF(Input!$D$22=2,M3588*Input!$C$22,0)</f>
        <v>0.53892757981864714</v>
      </c>
      <c r="P3588" s="59">
        <f>IF(Input!$D$19=3,J3588*Input!$C$19,0)+IF(Input!$D$20=3,K3588*Input!$C$20,0)+IF(Input!$D$21=3,L3588*Input!$C$21,0)+IF(Input!$D$22=3,M3588*Input!$C$22,0)</f>
        <v>0</v>
      </c>
      <c r="Q3588" s="75">
        <f>IF(Input!$D$19=4,J3588*Input!$C$19,0)+IF(Input!$D$20=4,K3588*Input!$C$20,0)+IF(Input!$D$21=4,L3588*Input!$C$21,0)+IF(Input!$D$22=4,M3588*Input!$C$22,0)</f>
        <v>0</v>
      </c>
      <c r="R3588" s="58">
        <v>60.398887949093357</v>
      </c>
      <c r="S3588" s="124">
        <f t="shared" si="55"/>
        <v>0.93414113835232171</v>
      </c>
    </row>
    <row r="3589" spans="8:19" x14ac:dyDescent="0.3">
      <c r="H3589" s="44">
        <v>3582</v>
      </c>
      <c r="I3589" s="56">
        <f>Bühler!I3615</f>
        <v>0.27784710781761368</v>
      </c>
      <c r="J3589" s="59">
        <f>Bühler!J3615</f>
        <v>0.92615702605871231</v>
      </c>
      <c r="K3589" s="59">
        <f>Bühler!K3615</f>
        <v>1.3892355390880684</v>
      </c>
      <c r="L3589" s="59">
        <f>Bühler!L3615</f>
        <v>6.6683305876227275</v>
      </c>
      <c r="M3589" s="58">
        <f>Bühler!M3615</f>
        <v>0</v>
      </c>
      <c r="N3589" s="56">
        <f>IF(Input!$D$19=1,J3589*Input!$C$19,0)+IF(Input!$D$20=1,K3589*Input!$C$20,0)+IF(Input!$D$21=1,L3589*Input!$C$21,0)+IF(Input!$D$22=1,M3589*Input!$C$22,0)</f>
        <v>0.27784710781761368</v>
      </c>
      <c r="O3589" s="59">
        <f>IF(Input!$D$19=2,J3589*Input!$C$19,0)+IF(Input!$D$20=2,K3589*Input!$C$20,0)+IF(Input!$D$21=2,L3589*Input!$C$21,0)+IF(Input!$D$22=2,M3589*Input!$C$22,0)</f>
        <v>0.6946177695440342</v>
      </c>
      <c r="P3589" s="59">
        <f>IF(Input!$D$19=3,J3589*Input!$C$19,0)+IF(Input!$D$20=3,K3589*Input!$C$20,0)+IF(Input!$D$21=3,L3589*Input!$C$21,0)+IF(Input!$D$22=3,M3589*Input!$C$22,0)</f>
        <v>0</v>
      </c>
      <c r="Q3589" s="75">
        <f>IF(Input!$D$19=4,J3589*Input!$C$19,0)+IF(Input!$D$20=4,K3589*Input!$C$20,0)+IF(Input!$D$21=4,L3589*Input!$C$21,0)+IF(Input!$D$22=4,M3589*Input!$C$22,0)</f>
        <v>0</v>
      </c>
      <c r="R3589" s="58">
        <v>62.344814789554668</v>
      </c>
      <c r="S3589" s="124">
        <f t="shared" si="55"/>
        <v>1.2040041338763259</v>
      </c>
    </row>
    <row r="3590" spans="8:19" x14ac:dyDescent="0.3">
      <c r="H3590" s="44">
        <v>3583</v>
      </c>
      <c r="I3590" s="56">
        <f>Bühler!I3616</f>
        <v>0.32096131420310547</v>
      </c>
      <c r="J3590" s="59">
        <f>Bühler!J3616</f>
        <v>1.069871047343685</v>
      </c>
      <c r="K3590" s="59">
        <f>Bühler!K3616</f>
        <v>1.6048065710155273</v>
      </c>
      <c r="L3590" s="59">
        <f>Bühler!L3616</f>
        <v>7.7030715408745314</v>
      </c>
      <c r="M3590" s="58">
        <f>Bühler!M3616</f>
        <v>0</v>
      </c>
      <c r="N3590" s="56">
        <f>IF(Input!$D$19=1,J3590*Input!$C$19,0)+IF(Input!$D$20=1,K3590*Input!$C$20,0)+IF(Input!$D$21=1,L3590*Input!$C$21,0)+IF(Input!$D$22=1,M3590*Input!$C$22,0)</f>
        <v>0.32096131420310547</v>
      </c>
      <c r="O3590" s="59">
        <f>IF(Input!$D$19=2,J3590*Input!$C$19,0)+IF(Input!$D$20=2,K3590*Input!$C$20,0)+IF(Input!$D$21=2,L3590*Input!$C$21,0)+IF(Input!$D$22=2,M3590*Input!$C$22,0)</f>
        <v>0.80240328550776363</v>
      </c>
      <c r="P3590" s="59">
        <f>IF(Input!$D$19=3,J3590*Input!$C$19,0)+IF(Input!$D$20=3,K3590*Input!$C$20,0)+IF(Input!$D$21=3,L3590*Input!$C$21,0)+IF(Input!$D$22=3,M3590*Input!$C$22,0)</f>
        <v>0</v>
      </c>
      <c r="Q3590" s="75">
        <f>IF(Input!$D$19=4,J3590*Input!$C$19,0)+IF(Input!$D$20=4,K3590*Input!$C$20,0)+IF(Input!$D$21=4,L3590*Input!$C$21,0)+IF(Input!$D$22=4,M3590*Input!$C$22,0)</f>
        <v>0</v>
      </c>
      <c r="R3590" s="58">
        <v>65.399391078868064</v>
      </c>
      <c r="S3590" s="124">
        <f t="shared" si="55"/>
        <v>1.3908323615467904</v>
      </c>
    </row>
    <row r="3591" spans="8:19" x14ac:dyDescent="0.3">
      <c r="H3591" s="44">
        <v>3584</v>
      </c>
      <c r="I3591" s="56">
        <f>Bühler!I3617</f>
        <v>0.32096131420310547</v>
      </c>
      <c r="J3591" s="59">
        <f>Bühler!J3617</f>
        <v>1.069871047343685</v>
      </c>
      <c r="K3591" s="59">
        <f>Bühler!K3617</f>
        <v>1.6048065710155273</v>
      </c>
      <c r="L3591" s="59">
        <f>Bühler!L3617</f>
        <v>7.7030715408745314</v>
      </c>
      <c r="M3591" s="58">
        <f>Bühler!M3617</f>
        <v>0</v>
      </c>
      <c r="N3591" s="56">
        <f>IF(Input!$D$19=1,J3591*Input!$C$19,0)+IF(Input!$D$20=1,K3591*Input!$C$20,0)+IF(Input!$D$21=1,L3591*Input!$C$21,0)+IF(Input!$D$22=1,M3591*Input!$C$22,0)</f>
        <v>0.32096131420310547</v>
      </c>
      <c r="O3591" s="59">
        <f>IF(Input!$D$19=2,J3591*Input!$C$19,0)+IF(Input!$D$20=2,K3591*Input!$C$20,0)+IF(Input!$D$21=2,L3591*Input!$C$21,0)+IF(Input!$D$22=2,M3591*Input!$C$22,0)</f>
        <v>0.80240328550776363</v>
      </c>
      <c r="P3591" s="59">
        <f>IF(Input!$D$19=3,J3591*Input!$C$19,0)+IF(Input!$D$20=3,K3591*Input!$C$20,0)+IF(Input!$D$21=3,L3591*Input!$C$21,0)+IF(Input!$D$22=3,M3591*Input!$C$22,0)</f>
        <v>0</v>
      </c>
      <c r="Q3591" s="75">
        <f>IF(Input!$D$19=4,J3591*Input!$C$19,0)+IF(Input!$D$20=4,K3591*Input!$C$20,0)+IF(Input!$D$21=4,L3591*Input!$C$21,0)+IF(Input!$D$22=4,M3591*Input!$C$22,0)</f>
        <v>0</v>
      </c>
      <c r="R3591" s="58">
        <v>67.477528402794391</v>
      </c>
      <c r="S3591" s="124">
        <f t="shared" si="55"/>
        <v>1.3908323615467904</v>
      </c>
    </row>
    <row r="3592" spans="8:19" x14ac:dyDescent="0.3">
      <c r="H3592" s="44">
        <v>3585</v>
      </c>
      <c r="I3592" s="56">
        <f>Bühler!I3618</f>
        <v>0.32096131420310547</v>
      </c>
      <c r="J3592" s="59">
        <f>Bühler!J3618</f>
        <v>1.069871047343685</v>
      </c>
      <c r="K3592" s="59">
        <f>Bühler!K3618</f>
        <v>1.6048065710155273</v>
      </c>
      <c r="L3592" s="59">
        <f>Bühler!L3618</f>
        <v>7.7030715408745314</v>
      </c>
      <c r="M3592" s="58">
        <f>Bühler!M3618</f>
        <v>0</v>
      </c>
      <c r="N3592" s="56">
        <f>IF(Input!$D$19=1,J3592*Input!$C$19,0)+IF(Input!$D$20=1,K3592*Input!$C$20,0)+IF(Input!$D$21=1,L3592*Input!$C$21,0)+IF(Input!$D$22=1,M3592*Input!$C$22,0)</f>
        <v>0.32096131420310547</v>
      </c>
      <c r="O3592" s="59">
        <f>IF(Input!$D$19=2,J3592*Input!$C$19,0)+IF(Input!$D$20=2,K3592*Input!$C$20,0)+IF(Input!$D$21=2,L3592*Input!$C$21,0)+IF(Input!$D$22=2,M3592*Input!$C$22,0)</f>
        <v>0.80240328550776363</v>
      </c>
      <c r="P3592" s="59">
        <f>IF(Input!$D$19=3,J3592*Input!$C$19,0)+IF(Input!$D$20=3,K3592*Input!$C$20,0)+IF(Input!$D$21=3,L3592*Input!$C$21,0)+IF(Input!$D$22=3,M3592*Input!$C$22,0)</f>
        <v>0</v>
      </c>
      <c r="Q3592" s="75">
        <f>IF(Input!$D$19=4,J3592*Input!$C$19,0)+IF(Input!$D$20=4,K3592*Input!$C$20,0)+IF(Input!$D$21=4,L3592*Input!$C$21,0)+IF(Input!$D$22=4,M3592*Input!$C$22,0)</f>
        <v>0</v>
      </c>
      <c r="R3592" s="58">
        <v>68.707622666316468</v>
      </c>
      <c r="S3592" s="124">
        <f t="shared" si="55"/>
        <v>1.3908323615467904</v>
      </c>
    </row>
    <row r="3593" spans="8:19" x14ac:dyDescent="0.3">
      <c r="H3593" s="44">
        <v>3586</v>
      </c>
      <c r="I3593" s="56">
        <f>Bühler!I3619</f>
        <v>0.34491365108393424</v>
      </c>
      <c r="J3593" s="59">
        <f>Bühler!J3619</f>
        <v>1.1497121702797808</v>
      </c>
      <c r="K3593" s="59">
        <f>Bühler!K3619</f>
        <v>1.7245682554196711</v>
      </c>
      <c r="L3593" s="59">
        <f>Bühler!L3619</f>
        <v>8.2779276260144208</v>
      </c>
      <c r="M3593" s="58">
        <f>Bühler!M3619</f>
        <v>0</v>
      </c>
      <c r="N3593" s="56">
        <f>IF(Input!$D$19=1,J3593*Input!$C$19,0)+IF(Input!$D$20=1,K3593*Input!$C$20,0)+IF(Input!$D$21=1,L3593*Input!$C$21,0)+IF(Input!$D$22=1,M3593*Input!$C$22,0)</f>
        <v>0.34491365108393424</v>
      </c>
      <c r="O3593" s="59">
        <f>IF(Input!$D$19=2,J3593*Input!$C$19,0)+IF(Input!$D$20=2,K3593*Input!$C$20,0)+IF(Input!$D$21=2,L3593*Input!$C$21,0)+IF(Input!$D$22=2,M3593*Input!$C$22,0)</f>
        <v>0.86228412770983554</v>
      </c>
      <c r="P3593" s="59">
        <f>IF(Input!$D$19=3,J3593*Input!$C$19,0)+IF(Input!$D$20=3,K3593*Input!$C$20,0)+IF(Input!$D$21=3,L3593*Input!$C$21,0)+IF(Input!$D$22=3,M3593*Input!$C$22,0)</f>
        <v>0</v>
      </c>
      <c r="Q3593" s="75">
        <f>IF(Input!$D$19=4,J3593*Input!$C$19,0)+IF(Input!$D$20=4,K3593*Input!$C$20,0)+IF(Input!$D$21=4,L3593*Input!$C$21,0)+IF(Input!$D$22=4,M3593*Input!$C$22,0)</f>
        <v>0</v>
      </c>
      <c r="R3593" s="58">
        <v>69.529579176162244</v>
      </c>
      <c r="S3593" s="124">
        <f t="shared" ref="S3593:S3656" si="56">I3593+J3593</f>
        <v>1.4946258213637149</v>
      </c>
    </row>
    <row r="3594" spans="8:19" x14ac:dyDescent="0.3">
      <c r="H3594" s="44">
        <v>3587</v>
      </c>
      <c r="I3594" s="56">
        <f>Bühler!I3620</f>
        <v>0.37365645534092873</v>
      </c>
      <c r="J3594" s="59">
        <f>Bühler!J3620</f>
        <v>1.2455215178030958</v>
      </c>
      <c r="K3594" s="59">
        <f>Bühler!K3620</f>
        <v>1.8682822767046436</v>
      </c>
      <c r="L3594" s="59">
        <f>Bühler!L3620</f>
        <v>8.9677549281822895</v>
      </c>
      <c r="M3594" s="58">
        <f>Bühler!M3620</f>
        <v>0</v>
      </c>
      <c r="N3594" s="56">
        <f>IF(Input!$D$19=1,J3594*Input!$C$19,0)+IF(Input!$D$20=1,K3594*Input!$C$20,0)+IF(Input!$D$21=1,L3594*Input!$C$21,0)+IF(Input!$D$22=1,M3594*Input!$C$22,0)</f>
        <v>0.37365645534092873</v>
      </c>
      <c r="O3594" s="59">
        <f>IF(Input!$D$19=2,J3594*Input!$C$19,0)+IF(Input!$D$20=2,K3594*Input!$C$20,0)+IF(Input!$D$21=2,L3594*Input!$C$21,0)+IF(Input!$D$22=2,M3594*Input!$C$22,0)</f>
        <v>0.93414113835232182</v>
      </c>
      <c r="P3594" s="59">
        <f>IF(Input!$D$19=3,J3594*Input!$C$19,0)+IF(Input!$D$20=3,K3594*Input!$C$20,0)+IF(Input!$D$21=3,L3594*Input!$C$21,0)+IF(Input!$D$22=3,M3594*Input!$C$22,0)</f>
        <v>0</v>
      </c>
      <c r="Q3594" s="75">
        <f>IF(Input!$D$19=4,J3594*Input!$C$19,0)+IF(Input!$D$20=4,K3594*Input!$C$20,0)+IF(Input!$D$21=4,L3594*Input!$C$21,0)+IF(Input!$D$22=4,M3594*Input!$C$22,0)</f>
        <v>0</v>
      </c>
      <c r="R3594" s="58">
        <v>70.706476560111341</v>
      </c>
      <c r="S3594" s="124">
        <f t="shared" si="56"/>
        <v>1.6191779731440246</v>
      </c>
    </row>
    <row r="3595" spans="8:19" x14ac:dyDescent="0.3">
      <c r="H3595" s="44">
        <v>3588</v>
      </c>
      <c r="I3595" s="56">
        <f>Bühler!I3621</f>
        <v>0.43114206385491771</v>
      </c>
      <c r="J3595" s="59">
        <f>Bühler!J3621</f>
        <v>1.4371402128497257</v>
      </c>
      <c r="K3595" s="59">
        <f>Bühler!K3621</f>
        <v>2.1557103192745886</v>
      </c>
      <c r="L3595" s="59">
        <f>Bühler!L3621</f>
        <v>10.347409532518025</v>
      </c>
      <c r="M3595" s="58">
        <f>Bühler!M3621</f>
        <v>0</v>
      </c>
      <c r="N3595" s="56">
        <f>IF(Input!$D$19=1,J3595*Input!$C$19,0)+IF(Input!$D$20=1,K3595*Input!$C$20,0)+IF(Input!$D$21=1,L3595*Input!$C$21,0)+IF(Input!$D$22=1,M3595*Input!$C$22,0)</f>
        <v>0.43114206385491771</v>
      </c>
      <c r="O3595" s="59">
        <f>IF(Input!$D$19=2,J3595*Input!$C$19,0)+IF(Input!$D$20=2,K3595*Input!$C$20,0)+IF(Input!$D$21=2,L3595*Input!$C$21,0)+IF(Input!$D$22=2,M3595*Input!$C$22,0)</f>
        <v>1.0778551596372943</v>
      </c>
      <c r="P3595" s="59">
        <f>IF(Input!$D$19=3,J3595*Input!$C$19,0)+IF(Input!$D$20=3,K3595*Input!$C$20,0)+IF(Input!$D$21=3,L3595*Input!$C$21,0)+IF(Input!$D$22=3,M3595*Input!$C$22,0)</f>
        <v>0</v>
      </c>
      <c r="Q3595" s="75">
        <f>IF(Input!$D$19=4,J3595*Input!$C$19,0)+IF(Input!$D$20=4,K3595*Input!$C$20,0)+IF(Input!$D$21=4,L3595*Input!$C$21,0)+IF(Input!$D$22=4,M3595*Input!$C$22,0)</f>
        <v>0</v>
      </c>
      <c r="R3595" s="58">
        <v>71.484556914855489</v>
      </c>
      <c r="S3595" s="124">
        <f t="shared" si="56"/>
        <v>1.8682822767046434</v>
      </c>
    </row>
    <row r="3596" spans="8:19" x14ac:dyDescent="0.3">
      <c r="H3596" s="44">
        <v>3589</v>
      </c>
      <c r="I3596" s="56">
        <f>Bühler!I3622</f>
        <v>0.43114206385491771</v>
      </c>
      <c r="J3596" s="59">
        <f>Bühler!J3622</f>
        <v>1.4371402128497257</v>
      </c>
      <c r="K3596" s="59">
        <f>Bühler!K3622</f>
        <v>2.1557103192745886</v>
      </c>
      <c r="L3596" s="59">
        <f>Bühler!L3622</f>
        <v>10.347409532518025</v>
      </c>
      <c r="M3596" s="58">
        <f>Bühler!M3622</f>
        <v>0</v>
      </c>
      <c r="N3596" s="56">
        <f>IF(Input!$D$19=1,J3596*Input!$C$19,0)+IF(Input!$D$20=1,K3596*Input!$C$20,0)+IF(Input!$D$21=1,L3596*Input!$C$21,0)+IF(Input!$D$22=1,M3596*Input!$C$22,0)</f>
        <v>0.43114206385491771</v>
      </c>
      <c r="O3596" s="59">
        <f>IF(Input!$D$19=2,J3596*Input!$C$19,0)+IF(Input!$D$20=2,K3596*Input!$C$20,0)+IF(Input!$D$21=2,L3596*Input!$C$21,0)+IF(Input!$D$22=2,M3596*Input!$C$22,0)</f>
        <v>1.0778551596372943</v>
      </c>
      <c r="P3596" s="59">
        <f>IF(Input!$D$19=3,J3596*Input!$C$19,0)+IF(Input!$D$20=3,K3596*Input!$C$20,0)+IF(Input!$D$21=3,L3596*Input!$C$21,0)+IF(Input!$D$22=3,M3596*Input!$C$22,0)</f>
        <v>0</v>
      </c>
      <c r="Q3596" s="75">
        <f>IF(Input!$D$19=4,J3596*Input!$C$19,0)+IF(Input!$D$20=4,K3596*Input!$C$20,0)+IF(Input!$D$21=4,L3596*Input!$C$21,0)+IF(Input!$D$22=4,M3596*Input!$C$22,0)</f>
        <v>0</v>
      </c>
      <c r="R3596" s="58">
        <v>70.430533285087108</v>
      </c>
      <c r="S3596" s="124">
        <f t="shared" si="56"/>
        <v>1.8682822767046434</v>
      </c>
    </row>
    <row r="3597" spans="8:19" x14ac:dyDescent="0.3">
      <c r="H3597" s="44">
        <v>3590</v>
      </c>
      <c r="I3597" s="56">
        <f>Bühler!I3623</f>
        <v>0.43114206385491771</v>
      </c>
      <c r="J3597" s="59">
        <f>Bühler!J3623</f>
        <v>1.4371402128497257</v>
      </c>
      <c r="K3597" s="59">
        <f>Bühler!K3623</f>
        <v>2.1557103192745886</v>
      </c>
      <c r="L3597" s="59">
        <f>Bühler!L3623</f>
        <v>10.347409532518025</v>
      </c>
      <c r="M3597" s="58">
        <f>Bühler!M3623</f>
        <v>0</v>
      </c>
      <c r="N3597" s="56">
        <f>IF(Input!$D$19=1,J3597*Input!$C$19,0)+IF(Input!$D$20=1,K3597*Input!$C$20,0)+IF(Input!$D$21=1,L3597*Input!$C$21,0)+IF(Input!$D$22=1,M3597*Input!$C$22,0)</f>
        <v>0.43114206385491771</v>
      </c>
      <c r="O3597" s="59">
        <f>IF(Input!$D$19=2,J3597*Input!$C$19,0)+IF(Input!$D$20=2,K3597*Input!$C$20,0)+IF(Input!$D$21=2,L3597*Input!$C$21,0)+IF(Input!$D$22=2,M3597*Input!$C$22,0)</f>
        <v>1.0778551596372943</v>
      </c>
      <c r="P3597" s="59">
        <f>IF(Input!$D$19=3,J3597*Input!$C$19,0)+IF(Input!$D$20=3,K3597*Input!$C$20,0)+IF(Input!$D$21=3,L3597*Input!$C$21,0)+IF(Input!$D$22=3,M3597*Input!$C$22,0)</f>
        <v>0</v>
      </c>
      <c r="Q3597" s="75">
        <f>IF(Input!$D$19=4,J3597*Input!$C$19,0)+IF(Input!$D$20=4,K3597*Input!$C$20,0)+IF(Input!$D$21=4,L3597*Input!$C$21,0)+IF(Input!$D$22=4,M3597*Input!$C$22,0)</f>
        <v>0</v>
      </c>
      <c r="R3597" s="58">
        <v>70.030856369848635</v>
      </c>
      <c r="S3597" s="124">
        <f t="shared" si="56"/>
        <v>1.8682822767046434</v>
      </c>
    </row>
    <row r="3598" spans="8:19" x14ac:dyDescent="0.3">
      <c r="H3598" s="44">
        <v>3591</v>
      </c>
      <c r="I3598" s="56">
        <f>Bühler!I3624</f>
        <v>0.43114206385491771</v>
      </c>
      <c r="J3598" s="59">
        <f>Bühler!J3624</f>
        <v>1.4371402128497257</v>
      </c>
      <c r="K3598" s="59">
        <f>Bühler!K3624</f>
        <v>2.1557103192745886</v>
      </c>
      <c r="L3598" s="59">
        <f>Bühler!L3624</f>
        <v>10.347409532518025</v>
      </c>
      <c r="M3598" s="58">
        <f>Bühler!M3624</f>
        <v>0</v>
      </c>
      <c r="N3598" s="56">
        <f>IF(Input!$D$19=1,J3598*Input!$C$19,0)+IF(Input!$D$20=1,K3598*Input!$C$20,0)+IF(Input!$D$21=1,L3598*Input!$C$21,0)+IF(Input!$D$22=1,M3598*Input!$C$22,0)</f>
        <v>0.43114206385491771</v>
      </c>
      <c r="O3598" s="59">
        <f>IF(Input!$D$19=2,J3598*Input!$C$19,0)+IF(Input!$D$20=2,K3598*Input!$C$20,0)+IF(Input!$D$21=2,L3598*Input!$C$21,0)+IF(Input!$D$22=2,M3598*Input!$C$22,0)</f>
        <v>1.0778551596372943</v>
      </c>
      <c r="P3598" s="59">
        <f>IF(Input!$D$19=3,J3598*Input!$C$19,0)+IF(Input!$D$20=3,K3598*Input!$C$20,0)+IF(Input!$D$21=3,L3598*Input!$C$21,0)+IF(Input!$D$22=3,M3598*Input!$C$22,0)</f>
        <v>0</v>
      </c>
      <c r="Q3598" s="75">
        <f>IF(Input!$D$19=4,J3598*Input!$C$19,0)+IF(Input!$D$20=4,K3598*Input!$C$20,0)+IF(Input!$D$21=4,L3598*Input!$C$21,0)+IF(Input!$D$22=4,M3598*Input!$C$22,0)</f>
        <v>0</v>
      </c>
      <c r="R3598" s="58">
        <v>70.101364415972569</v>
      </c>
      <c r="S3598" s="124">
        <f t="shared" si="56"/>
        <v>1.8682822767046434</v>
      </c>
    </row>
    <row r="3599" spans="8:19" x14ac:dyDescent="0.3">
      <c r="H3599" s="44">
        <v>3592</v>
      </c>
      <c r="I3599" s="56">
        <f>Bühler!I3625</f>
        <v>0.43114206385491771</v>
      </c>
      <c r="J3599" s="59">
        <f>Bühler!J3625</f>
        <v>1.4371402128497257</v>
      </c>
      <c r="K3599" s="59">
        <f>Bühler!K3625</f>
        <v>2.1557103192745886</v>
      </c>
      <c r="L3599" s="59">
        <f>Bühler!L3625</f>
        <v>10.347409532518025</v>
      </c>
      <c r="M3599" s="58">
        <f>Bühler!M3625</f>
        <v>0</v>
      </c>
      <c r="N3599" s="56">
        <f>IF(Input!$D$19=1,J3599*Input!$C$19,0)+IF(Input!$D$20=1,K3599*Input!$C$20,0)+IF(Input!$D$21=1,L3599*Input!$C$21,0)+IF(Input!$D$22=1,M3599*Input!$C$22,0)</f>
        <v>0.43114206385491771</v>
      </c>
      <c r="O3599" s="59">
        <f>IF(Input!$D$19=2,J3599*Input!$C$19,0)+IF(Input!$D$20=2,K3599*Input!$C$20,0)+IF(Input!$D$21=2,L3599*Input!$C$21,0)+IF(Input!$D$22=2,M3599*Input!$C$22,0)</f>
        <v>1.0778551596372943</v>
      </c>
      <c r="P3599" s="59">
        <f>IF(Input!$D$19=3,J3599*Input!$C$19,0)+IF(Input!$D$20=3,K3599*Input!$C$20,0)+IF(Input!$D$21=3,L3599*Input!$C$21,0)+IF(Input!$D$22=3,M3599*Input!$C$22,0)</f>
        <v>0</v>
      </c>
      <c r="Q3599" s="75">
        <f>IF(Input!$D$19=4,J3599*Input!$C$19,0)+IF(Input!$D$20=4,K3599*Input!$C$20,0)+IF(Input!$D$21=4,L3599*Input!$C$21,0)+IF(Input!$D$22=4,M3599*Input!$C$22,0)</f>
        <v>0</v>
      </c>
      <c r="R3599" s="58">
        <v>69.885281200725274</v>
      </c>
      <c r="S3599" s="124">
        <f t="shared" si="56"/>
        <v>1.8682822767046434</v>
      </c>
    </row>
    <row r="3600" spans="8:19" x14ac:dyDescent="0.3">
      <c r="H3600" s="44">
        <v>3593</v>
      </c>
      <c r="I3600" s="56">
        <f>Bühler!I3626</f>
        <v>0.43114206385491771</v>
      </c>
      <c r="J3600" s="59">
        <f>Bühler!J3626</f>
        <v>1.4371402128497257</v>
      </c>
      <c r="K3600" s="59">
        <f>Bühler!K3626</f>
        <v>2.1557103192745886</v>
      </c>
      <c r="L3600" s="59">
        <f>Bühler!L3626</f>
        <v>10.347409532518025</v>
      </c>
      <c r="M3600" s="58">
        <f>Bühler!M3626</f>
        <v>0</v>
      </c>
      <c r="N3600" s="56">
        <f>IF(Input!$D$19=1,J3600*Input!$C$19,0)+IF(Input!$D$20=1,K3600*Input!$C$20,0)+IF(Input!$D$21=1,L3600*Input!$C$21,0)+IF(Input!$D$22=1,M3600*Input!$C$22,0)</f>
        <v>0.43114206385491771</v>
      </c>
      <c r="O3600" s="59">
        <f>IF(Input!$D$19=2,J3600*Input!$C$19,0)+IF(Input!$D$20=2,K3600*Input!$C$20,0)+IF(Input!$D$21=2,L3600*Input!$C$21,0)+IF(Input!$D$22=2,M3600*Input!$C$22,0)</f>
        <v>1.0778551596372943</v>
      </c>
      <c r="P3600" s="59">
        <f>IF(Input!$D$19=3,J3600*Input!$C$19,0)+IF(Input!$D$20=3,K3600*Input!$C$20,0)+IF(Input!$D$21=3,L3600*Input!$C$21,0)+IF(Input!$D$22=3,M3600*Input!$C$22,0)</f>
        <v>0</v>
      </c>
      <c r="Q3600" s="75">
        <f>IF(Input!$D$19=4,J3600*Input!$C$19,0)+IF(Input!$D$20=4,K3600*Input!$C$20,0)+IF(Input!$D$21=4,L3600*Input!$C$21,0)+IF(Input!$D$22=4,M3600*Input!$C$22,0)</f>
        <v>0</v>
      </c>
      <c r="R3600" s="58">
        <v>69.811911254762947</v>
      </c>
      <c r="S3600" s="124">
        <f t="shared" si="56"/>
        <v>1.8682822767046434</v>
      </c>
    </row>
    <row r="3601" spans="8:19" x14ac:dyDescent="0.3">
      <c r="H3601" s="44">
        <v>3594</v>
      </c>
      <c r="I3601" s="56">
        <f>Bühler!I3627</f>
        <v>0.43114206385491771</v>
      </c>
      <c r="J3601" s="59">
        <f>Bühler!J3627</f>
        <v>1.4371402128497257</v>
      </c>
      <c r="K3601" s="59">
        <f>Bühler!K3627</f>
        <v>2.1557103192745886</v>
      </c>
      <c r="L3601" s="59">
        <f>Bühler!L3627</f>
        <v>10.347409532518025</v>
      </c>
      <c r="M3601" s="58">
        <f>Bühler!M3627</f>
        <v>0</v>
      </c>
      <c r="N3601" s="56">
        <f>IF(Input!$D$19=1,J3601*Input!$C$19,0)+IF(Input!$D$20=1,K3601*Input!$C$20,0)+IF(Input!$D$21=1,L3601*Input!$C$21,0)+IF(Input!$D$22=1,M3601*Input!$C$22,0)</f>
        <v>0.43114206385491771</v>
      </c>
      <c r="O3601" s="59">
        <f>IF(Input!$D$19=2,J3601*Input!$C$19,0)+IF(Input!$D$20=2,K3601*Input!$C$20,0)+IF(Input!$D$21=2,L3601*Input!$C$21,0)+IF(Input!$D$22=2,M3601*Input!$C$22,0)</f>
        <v>1.0778551596372943</v>
      </c>
      <c r="P3601" s="59">
        <f>IF(Input!$D$19=3,J3601*Input!$C$19,0)+IF(Input!$D$20=3,K3601*Input!$C$20,0)+IF(Input!$D$21=3,L3601*Input!$C$21,0)+IF(Input!$D$22=3,M3601*Input!$C$22,0)</f>
        <v>0</v>
      </c>
      <c r="Q3601" s="75">
        <f>IF(Input!$D$19=4,J3601*Input!$C$19,0)+IF(Input!$D$20=4,K3601*Input!$C$20,0)+IF(Input!$D$21=4,L3601*Input!$C$21,0)+IF(Input!$D$22=4,M3601*Input!$C$22,0)</f>
        <v>0</v>
      </c>
      <c r="R3601" s="58">
        <v>68.542650232728263</v>
      </c>
      <c r="S3601" s="124">
        <f t="shared" si="56"/>
        <v>1.8682822767046434</v>
      </c>
    </row>
    <row r="3602" spans="8:19" x14ac:dyDescent="0.3">
      <c r="H3602" s="44">
        <v>3595</v>
      </c>
      <c r="I3602" s="56">
        <f>Bühler!I3628</f>
        <v>0.43114206385491771</v>
      </c>
      <c r="J3602" s="59">
        <f>Bühler!J3628</f>
        <v>1.4371402128497257</v>
      </c>
      <c r="K3602" s="59">
        <f>Bühler!K3628</f>
        <v>2.1557103192745886</v>
      </c>
      <c r="L3602" s="59">
        <f>Bühler!L3628</f>
        <v>10.347409532518025</v>
      </c>
      <c r="M3602" s="58">
        <f>Bühler!M3628</f>
        <v>0</v>
      </c>
      <c r="N3602" s="56">
        <f>IF(Input!$D$19=1,J3602*Input!$C$19,0)+IF(Input!$D$20=1,K3602*Input!$C$20,0)+IF(Input!$D$21=1,L3602*Input!$C$21,0)+IF(Input!$D$22=1,M3602*Input!$C$22,0)</f>
        <v>0.43114206385491771</v>
      </c>
      <c r="O3602" s="59">
        <f>IF(Input!$D$19=2,J3602*Input!$C$19,0)+IF(Input!$D$20=2,K3602*Input!$C$20,0)+IF(Input!$D$21=2,L3602*Input!$C$21,0)+IF(Input!$D$22=2,M3602*Input!$C$22,0)</f>
        <v>1.0778551596372943</v>
      </c>
      <c r="P3602" s="59">
        <f>IF(Input!$D$19=3,J3602*Input!$C$19,0)+IF(Input!$D$20=3,K3602*Input!$C$20,0)+IF(Input!$D$21=3,L3602*Input!$C$21,0)+IF(Input!$D$22=3,M3602*Input!$C$22,0)</f>
        <v>0</v>
      </c>
      <c r="Q3602" s="75">
        <f>IF(Input!$D$19=4,J3602*Input!$C$19,0)+IF(Input!$D$20=4,K3602*Input!$C$20,0)+IF(Input!$D$21=4,L3602*Input!$C$21,0)+IF(Input!$D$22=4,M3602*Input!$C$22,0)</f>
        <v>0</v>
      </c>
      <c r="R3602" s="58">
        <v>67.104767012891585</v>
      </c>
      <c r="S3602" s="124">
        <f t="shared" si="56"/>
        <v>1.8682822767046434</v>
      </c>
    </row>
    <row r="3603" spans="8:19" x14ac:dyDescent="0.3">
      <c r="H3603" s="44">
        <v>3596</v>
      </c>
      <c r="I3603" s="56">
        <f>Bühler!I3629</f>
        <v>0.35928505321243143</v>
      </c>
      <c r="J3603" s="59">
        <f>Bühler!J3629</f>
        <v>1.1976168440414383</v>
      </c>
      <c r="K3603" s="59">
        <f>Bühler!K3629</f>
        <v>1.7964252660621571</v>
      </c>
      <c r="L3603" s="59">
        <f>Bühler!L3629</f>
        <v>8.6228412770983542</v>
      </c>
      <c r="M3603" s="58">
        <f>Bühler!M3629</f>
        <v>0</v>
      </c>
      <c r="N3603" s="56">
        <f>IF(Input!$D$19=1,J3603*Input!$C$19,0)+IF(Input!$D$20=1,K3603*Input!$C$20,0)+IF(Input!$D$21=1,L3603*Input!$C$21,0)+IF(Input!$D$22=1,M3603*Input!$C$22,0)</f>
        <v>0.35928505321243148</v>
      </c>
      <c r="O3603" s="59">
        <f>IF(Input!$D$19=2,J3603*Input!$C$19,0)+IF(Input!$D$20=2,K3603*Input!$C$20,0)+IF(Input!$D$21=2,L3603*Input!$C$21,0)+IF(Input!$D$22=2,M3603*Input!$C$22,0)</f>
        <v>0.89821263303107857</v>
      </c>
      <c r="P3603" s="59">
        <f>IF(Input!$D$19=3,J3603*Input!$C$19,0)+IF(Input!$D$20=3,K3603*Input!$C$20,0)+IF(Input!$D$21=3,L3603*Input!$C$21,0)+IF(Input!$D$22=3,M3603*Input!$C$22,0)</f>
        <v>0</v>
      </c>
      <c r="Q3603" s="75">
        <f>IF(Input!$D$19=4,J3603*Input!$C$19,0)+IF(Input!$D$20=4,K3603*Input!$C$20,0)+IF(Input!$D$21=4,L3603*Input!$C$21,0)+IF(Input!$D$22=4,M3603*Input!$C$22,0)</f>
        <v>0</v>
      </c>
      <c r="R3603" s="58">
        <v>65.858935428650184</v>
      </c>
      <c r="S3603" s="124">
        <f t="shared" si="56"/>
        <v>1.5569018972538697</v>
      </c>
    </row>
    <row r="3604" spans="8:19" x14ac:dyDescent="0.3">
      <c r="H3604" s="44">
        <v>3597</v>
      </c>
      <c r="I3604" s="56">
        <f>Bühler!I3630</f>
        <v>0.2874280425699452</v>
      </c>
      <c r="J3604" s="59">
        <f>Bühler!J3630</f>
        <v>0.95809347523315069</v>
      </c>
      <c r="K3604" s="59">
        <f>Bühler!K3630</f>
        <v>1.4371402128497259</v>
      </c>
      <c r="L3604" s="59">
        <f>Bühler!L3630</f>
        <v>6.8982730216786843</v>
      </c>
      <c r="M3604" s="58">
        <f>Bühler!M3630</f>
        <v>0</v>
      </c>
      <c r="N3604" s="56">
        <f>IF(Input!$D$19=1,J3604*Input!$C$19,0)+IF(Input!$D$20=1,K3604*Input!$C$20,0)+IF(Input!$D$21=1,L3604*Input!$C$21,0)+IF(Input!$D$22=1,M3604*Input!$C$22,0)</f>
        <v>0.2874280425699452</v>
      </c>
      <c r="O3604" s="59">
        <f>IF(Input!$D$19=2,J3604*Input!$C$19,0)+IF(Input!$D$20=2,K3604*Input!$C$20,0)+IF(Input!$D$21=2,L3604*Input!$C$21,0)+IF(Input!$D$22=2,M3604*Input!$C$22,0)</f>
        <v>0.71857010642486296</v>
      </c>
      <c r="P3604" s="59">
        <f>IF(Input!$D$19=3,J3604*Input!$C$19,0)+IF(Input!$D$20=3,K3604*Input!$C$20,0)+IF(Input!$D$21=3,L3604*Input!$C$21,0)+IF(Input!$D$22=3,M3604*Input!$C$22,0)</f>
        <v>0</v>
      </c>
      <c r="Q3604" s="75">
        <f>IF(Input!$D$19=4,J3604*Input!$C$19,0)+IF(Input!$D$20=4,K3604*Input!$C$20,0)+IF(Input!$D$21=4,L3604*Input!$C$21,0)+IF(Input!$D$22=4,M3604*Input!$C$22,0)</f>
        <v>0</v>
      </c>
      <c r="R3604" s="58">
        <v>63.709935030268149</v>
      </c>
      <c r="S3604" s="124">
        <f t="shared" si="56"/>
        <v>1.2455215178030958</v>
      </c>
    </row>
    <row r="3605" spans="8:19" x14ac:dyDescent="0.3">
      <c r="H3605" s="44">
        <v>3598</v>
      </c>
      <c r="I3605" s="56">
        <f>Bühler!I3631</f>
        <v>0.21557103192745886</v>
      </c>
      <c r="J3605" s="59">
        <f>Bühler!J3631</f>
        <v>0.71857010642486285</v>
      </c>
      <c r="K3605" s="59">
        <f>Bühler!K3631</f>
        <v>1.0778551596372943</v>
      </c>
      <c r="L3605" s="59">
        <f>Bühler!L3631</f>
        <v>5.1737047662590125</v>
      </c>
      <c r="M3605" s="58">
        <f>Bühler!M3631</f>
        <v>0</v>
      </c>
      <c r="N3605" s="56">
        <f>IF(Input!$D$19=1,J3605*Input!$C$19,0)+IF(Input!$D$20=1,K3605*Input!$C$20,0)+IF(Input!$D$21=1,L3605*Input!$C$21,0)+IF(Input!$D$22=1,M3605*Input!$C$22,0)</f>
        <v>0.21557103192745886</v>
      </c>
      <c r="O3605" s="59">
        <f>IF(Input!$D$19=2,J3605*Input!$C$19,0)+IF(Input!$D$20=2,K3605*Input!$C$20,0)+IF(Input!$D$21=2,L3605*Input!$C$21,0)+IF(Input!$D$22=2,M3605*Input!$C$22,0)</f>
        <v>0.53892757981864714</v>
      </c>
      <c r="P3605" s="59">
        <f>IF(Input!$D$19=3,J3605*Input!$C$19,0)+IF(Input!$D$20=3,K3605*Input!$C$20,0)+IF(Input!$D$21=3,L3605*Input!$C$21,0)+IF(Input!$D$22=3,M3605*Input!$C$22,0)</f>
        <v>0</v>
      </c>
      <c r="Q3605" s="75">
        <f>IF(Input!$D$19=4,J3605*Input!$C$19,0)+IF(Input!$D$20=4,K3605*Input!$C$20,0)+IF(Input!$D$21=4,L3605*Input!$C$21,0)+IF(Input!$D$22=4,M3605*Input!$C$22,0)</f>
        <v>0</v>
      </c>
      <c r="R3605" s="58">
        <v>61.251436344721832</v>
      </c>
      <c r="S3605" s="124">
        <f t="shared" si="56"/>
        <v>0.93414113835232171</v>
      </c>
    </row>
    <row r="3606" spans="8:19" x14ac:dyDescent="0.3">
      <c r="H3606" s="44">
        <v>3599</v>
      </c>
      <c r="I3606" s="56">
        <f>Bühler!I3632</f>
        <v>0.21557103192745886</v>
      </c>
      <c r="J3606" s="59">
        <f>Bühler!J3632</f>
        <v>0.71857010642486285</v>
      </c>
      <c r="K3606" s="59">
        <f>Bühler!K3632</f>
        <v>1.0778551596372943</v>
      </c>
      <c r="L3606" s="59">
        <f>Bühler!L3632</f>
        <v>5.1737047662590125</v>
      </c>
      <c r="M3606" s="58">
        <f>Bühler!M3632</f>
        <v>0</v>
      </c>
      <c r="N3606" s="56">
        <f>IF(Input!$D$19=1,J3606*Input!$C$19,0)+IF(Input!$D$20=1,K3606*Input!$C$20,0)+IF(Input!$D$21=1,L3606*Input!$C$21,0)+IF(Input!$D$22=1,M3606*Input!$C$22,0)</f>
        <v>0.21557103192745886</v>
      </c>
      <c r="O3606" s="59">
        <f>IF(Input!$D$19=2,J3606*Input!$C$19,0)+IF(Input!$D$20=2,K3606*Input!$C$20,0)+IF(Input!$D$21=2,L3606*Input!$C$21,0)+IF(Input!$D$22=2,M3606*Input!$C$22,0)</f>
        <v>0.53892757981864714</v>
      </c>
      <c r="P3606" s="59">
        <f>IF(Input!$D$19=3,J3606*Input!$C$19,0)+IF(Input!$D$20=3,K3606*Input!$C$20,0)+IF(Input!$D$21=3,L3606*Input!$C$21,0)+IF(Input!$D$22=3,M3606*Input!$C$22,0)</f>
        <v>0</v>
      </c>
      <c r="Q3606" s="75">
        <f>IF(Input!$D$19=4,J3606*Input!$C$19,0)+IF(Input!$D$20=4,K3606*Input!$C$20,0)+IF(Input!$D$21=4,L3606*Input!$C$21,0)+IF(Input!$D$22=4,M3606*Input!$C$22,0)</f>
        <v>0</v>
      </c>
      <c r="R3606" s="58">
        <v>61.063694966079545</v>
      </c>
      <c r="S3606" s="124">
        <f t="shared" si="56"/>
        <v>0.93414113835232171</v>
      </c>
    </row>
    <row r="3607" spans="8:19" x14ac:dyDescent="0.3">
      <c r="H3607" s="44">
        <v>3600</v>
      </c>
      <c r="I3607" s="56">
        <f>Bühler!I3633</f>
        <v>0.21557103192745886</v>
      </c>
      <c r="J3607" s="59">
        <f>Bühler!J3633</f>
        <v>0.71857010642486285</v>
      </c>
      <c r="K3607" s="59">
        <f>Bühler!K3633</f>
        <v>1.0778551596372943</v>
      </c>
      <c r="L3607" s="59">
        <f>Bühler!L3633</f>
        <v>5.1737047662590125</v>
      </c>
      <c r="M3607" s="58">
        <f>Bühler!M3633</f>
        <v>0</v>
      </c>
      <c r="N3607" s="56">
        <f>IF(Input!$D$19=1,J3607*Input!$C$19,0)+IF(Input!$D$20=1,K3607*Input!$C$20,0)+IF(Input!$D$21=1,L3607*Input!$C$21,0)+IF(Input!$D$22=1,M3607*Input!$C$22,0)</f>
        <v>0.21557103192745886</v>
      </c>
      <c r="O3607" s="59">
        <f>IF(Input!$D$19=2,J3607*Input!$C$19,0)+IF(Input!$D$20=2,K3607*Input!$C$20,0)+IF(Input!$D$21=2,L3607*Input!$C$21,0)+IF(Input!$D$22=2,M3607*Input!$C$22,0)</f>
        <v>0.53892757981864714</v>
      </c>
      <c r="P3607" s="59">
        <f>IF(Input!$D$19=3,J3607*Input!$C$19,0)+IF(Input!$D$20=3,K3607*Input!$C$20,0)+IF(Input!$D$21=3,L3607*Input!$C$21,0)+IF(Input!$D$22=3,M3607*Input!$C$22,0)</f>
        <v>0</v>
      </c>
      <c r="Q3607" s="75">
        <f>IF(Input!$D$19=4,J3607*Input!$C$19,0)+IF(Input!$D$20=4,K3607*Input!$C$20,0)+IF(Input!$D$21=4,L3607*Input!$C$21,0)+IF(Input!$D$22=4,M3607*Input!$C$22,0)</f>
        <v>0</v>
      </c>
      <c r="R3607" s="58">
        <v>60.47360292698098</v>
      </c>
      <c r="S3607" s="124">
        <f t="shared" si="56"/>
        <v>0.93414113835232171</v>
      </c>
    </row>
    <row r="3608" spans="8:19" x14ac:dyDescent="0.3">
      <c r="H3608" s="44">
        <v>3601</v>
      </c>
      <c r="I3608" s="56">
        <f>Bühler!I3634</f>
        <v>0.22063064117083858</v>
      </c>
      <c r="J3608" s="59">
        <f>Bühler!J3634</f>
        <v>0.73543547056946201</v>
      </c>
      <c r="K3608" s="59">
        <f>Bühler!K3634</f>
        <v>1.1031532058541929</v>
      </c>
      <c r="L3608" s="59">
        <f>Bühler!L3634</f>
        <v>5.2951353881001264</v>
      </c>
      <c r="M3608" s="58">
        <f>Bühler!M3634</f>
        <v>0</v>
      </c>
      <c r="N3608" s="56">
        <f>IF(Input!$D$19=1,J3608*Input!$C$19,0)+IF(Input!$D$20=1,K3608*Input!$C$20,0)+IF(Input!$D$21=1,L3608*Input!$C$21,0)+IF(Input!$D$22=1,M3608*Input!$C$22,0)</f>
        <v>0.22063064117083861</v>
      </c>
      <c r="O3608" s="59">
        <f>IF(Input!$D$19=2,J3608*Input!$C$19,0)+IF(Input!$D$20=2,K3608*Input!$C$20,0)+IF(Input!$D$21=2,L3608*Input!$C$21,0)+IF(Input!$D$22=2,M3608*Input!$C$22,0)</f>
        <v>0.55157660292709643</v>
      </c>
      <c r="P3608" s="59">
        <f>IF(Input!$D$19=3,J3608*Input!$C$19,0)+IF(Input!$D$20=3,K3608*Input!$C$20,0)+IF(Input!$D$21=3,L3608*Input!$C$21,0)+IF(Input!$D$22=3,M3608*Input!$C$22,0)</f>
        <v>0</v>
      </c>
      <c r="Q3608" s="75">
        <f>IF(Input!$D$19=4,J3608*Input!$C$19,0)+IF(Input!$D$20=4,K3608*Input!$C$20,0)+IF(Input!$D$21=4,L3608*Input!$C$21,0)+IF(Input!$D$22=4,M3608*Input!$C$22,0)</f>
        <v>0</v>
      </c>
      <c r="R3608" s="58">
        <v>59.696782519752226</v>
      </c>
      <c r="S3608" s="124">
        <f t="shared" si="56"/>
        <v>0.95606611174030065</v>
      </c>
    </row>
    <row r="3609" spans="8:19" x14ac:dyDescent="0.3">
      <c r="H3609" s="44">
        <v>3602</v>
      </c>
      <c r="I3609" s="56">
        <f>Bühler!I3635</f>
        <v>0.22063064117083858</v>
      </c>
      <c r="J3609" s="59">
        <f>Bühler!J3635</f>
        <v>0.73543547056946201</v>
      </c>
      <c r="K3609" s="59">
        <f>Bühler!K3635</f>
        <v>1.1031532058541929</v>
      </c>
      <c r="L3609" s="59">
        <f>Bühler!L3635</f>
        <v>5.2951353881001264</v>
      </c>
      <c r="M3609" s="58">
        <f>Bühler!M3635</f>
        <v>0</v>
      </c>
      <c r="N3609" s="56">
        <f>IF(Input!$D$19=1,J3609*Input!$C$19,0)+IF(Input!$D$20=1,K3609*Input!$C$20,0)+IF(Input!$D$21=1,L3609*Input!$C$21,0)+IF(Input!$D$22=1,M3609*Input!$C$22,0)</f>
        <v>0.22063064117083861</v>
      </c>
      <c r="O3609" s="59">
        <f>IF(Input!$D$19=2,J3609*Input!$C$19,0)+IF(Input!$D$20=2,K3609*Input!$C$20,0)+IF(Input!$D$21=2,L3609*Input!$C$21,0)+IF(Input!$D$22=2,M3609*Input!$C$22,0)</f>
        <v>0.55157660292709643</v>
      </c>
      <c r="P3609" s="59">
        <f>IF(Input!$D$19=3,J3609*Input!$C$19,0)+IF(Input!$D$20=3,K3609*Input!$C$20,0)+IF(Input!$D$21=3,L3609*Input!$C$21,0)+IF(Input!$D$22=3,M3609*Input!$C$22,0)</f>
        <v>0</v>
      </c>
      <c r="Q3609" s="75">
        <f>IF(Input!$D$19=4,J3609*Input!$C$19,0)+IF(Input!$D$20=4,K3609*Input!$C$20,0)+IF(Input!$D$21=4,L3609*Input!$C$21,0)+IF(Input!$D$22=4,M3609*Input!$C$22,0)</f>
        <v>0</v>
      </c>
      <c r="R3609" s="58">
        <v>59.064580248752506</v>
      </c>
      <c r="S3609" s="124">
        <f t="shared" si="56"/>
        <v>0.95606611174030065</v>
      </c>
    </row>
    <row r="3610" spans="8:19" x14ac:dyDescent="0.3">
      <c r="H3610" s="44">
        <v>3603</v>
      </c>
      <c r="I3610" s="56">
        <f>Bühler!I3636</f>
        <v>0.22063064117083858</v>
      </c>
      <c r="J3610" s="59">
        <f>Bühler!J3636</f>
        <v>0.73543547056946201</v>
      </c>
      <c r="K3610" s="59">
        <f>Bühler!K3636</f>
        <v>1.1031532058541929</v>
      </c>
      <c r="L3610" s="59">
        <f>Bühler!L3636</f>
        <v>5.2951353881001264</v>
      </c>
      <c r="M3610" s="58">
        <f>Bühler!M3636</f>
        <v>0</v>
      </c>
      <c r="N3610" s="56">
        <f>IF(Input!$D$19=1,J3610*Input!$C$19,0)+IF(Input!$D$20=1,K3610*Input!$C$20,0)+IF(Input!$D$21=1,L3610*Input!$C$21,0)+IF(Input!$D$22=1,M3610*Input!$C$22,0)</f>
        <v>0.22063064117083861</v>
      </c>
      <c r="O3610" s="59">
        <f>IF(Input!$D$19=2,J3610*Input!$C$19,0)+IF(Input!$D$20=2,K3610*Input!$C$20,0)+IF(Input!$D$21=2,L3610*Input!$C$21,0)+IF(Input!$D$22=2,M3610*Input!$C$22,0)</f>
        <v>0.55157660292709643</v>
      </c>
      <c r="P3610" s="59">
        <f>IF(Input!$D$19=3,J3610*Input!$C$19,0)+IF(Input!$D$20=3,K3610*Input!$C$20,0)+IF(Input!$D$21=3,L3610*Input!$C$21,0)+IF(Input!$D$22=3,M3610*Input!$C$22,0)</f>
        <v>0</v>
      </c>
      <c r="Q3610" s="75">
        <f>IF(Input!$D$19=4,J3610*Input!$C$19,0)+IF(Input!$D$20=4,K3610*Input!$C$20,0)+IF(Input!$D$21=4,L3610*Input!$C$21,0)+IF(Input!$D$22=4,M3610*Input!$C$22,0)</f>
        <v>0</v>
      </c>
      <c r="R3610" s="58">
        <v>59.088925883630701</v>
      </c>
      <c r="S3610" s="124">
        <f t="shared" si="56"/>
        <v>0.95606611174030065</v>
      </c>
    </row>
    <row r="3611" spans="8:19" x14ac:dyDescent="0.3">
      <c r="H3611" s="44">
        <v>3604</v>
      </c>
      <c r="I3611" s="56">
        <f>Bühler!I3637</f>
        <v>0.22063064117083858</v>
      </c>
      <c r="J3611" s="59">
        <f>Bühler!J3637</f>
        <v>0.73543547056946201</v>
      </c>
      <c r="K3611" s="59">
        <f>Bühler!K3637</f>
        <v>1.1031532058541929</v>
      </c>
      <c r="L3611" s="59">
        <f>Bühler!L3637</f>
        <v>5.2951353881001264</v>
      </c>
      <c r="M3611" s="58">
        <f>Bühler!M3637</f>
        <v>0</v>
      </c>
      <c r="N3611" s="56">
        <f>IF(Input!$D$19=1,J3611*Input!$C$19,0)+IF(Input!$D$20=1,K3611*Input!$C$20,0)+IF(Input!$D$21=1,L3611*Input!$C$21,0)+IF(Input!$D$22=1,M3611*Input!$C$22,0)</f>
        <v>0.22063064117083861</v>
      </c>
      <c r="O3611" s="59">
        <f>IF(Input!$D$19=2,J3611*Input!$C$19,0)+IF(Input!$D$20=2,K3611*Input!$C$20,0)+IF(Input!$D$21=2,L3611*Input!$C$21,0)+IF(Input!$D$22=2,M3611*Input!$C$22,0)</f>
        <v>0.55157660292709643</v>
      </c>
      <c r="P3611" s="59">
        <f>IF(Input!$D$19=3,J3611*Input!$C$19,0)+IF(Input!$D$20=3,K3611*Input!$C$20,0)+IF(Input!$D$21=3,L3611*Input!$C$21,0)+IF(Input!$D$22=3,M3611*Input!$C$22,0)</f>
        <v>0</v>
      </c>
      <c r="Q3611" s="75">
        <f>IF(Input!$D$19=4,J3611*Input!$C$19,0)+IF(Input!$D$20=4,K3611*Input!$C$20,0)+IF(Input!$D$21=4,L3611*Input!$C$21,0)+IF(Input!$D$22=4,M3611*Input!$C$22,0)</f>
        <v>0</v>
      </c>
      <c r="R3611" s="58">
        <v>59.478690916234157</v>
      </c>
      <c r="S3611" s="124">
        <f t="shared" si="56"/>
        <v>0.95606611174030065</v>
      </c>
    </row>
    <row r="3612" spans="8:19" x14ac:dyDescent="0.3">
      <c r="H3612" s="44">
        <v>3605</v>
      </c>
      <c r="I3612" s="56">
        <f>Bühler!I3638</f>
        <v>0.22063064117083858</v>
      </c>
      <c r="J3612" s="59">
        <f>Bühler!J3638</f>
        <v>0.73543547056946201</v>
      </c>
      <c r="K3612" s="59">
        <f>Bühler!K3638</f>
        <v>1.1031532058541929</v>
      </c>
      <c r="L3612" s="59">
        <f>Bühler!L3638</f>
        <v>5.2951353881001264</v>
      </c>
      <c r="M3612" s="58">
        <f>Bühler!M3638</f>
        <v>0</v>
      </c>
      <c r="N3612" s="56">
        <f>IF(Input!$D$19=1,J3612*Input!$C$19,0)+IF(Input!$D$20=1,K3612*Input!$C$20,0)+IF(Input!$D$21=1,L3612*Input!$C$21,0)+IF(Input!$D$22=1,M3612*Input!$C$22,0)</f>
        <v>0.22063064117083861</v>
      </c>
      <c r="O3612" s="59">
        <f>IF(Input!$D$19=2,J3612*Input!$C$19,0)+IF(Input!$D$20=2,K3612*Input!$C$20,0)+IF(Input!$D$21=2,L3612*Input!$C$21,0)+IF(Input!$D$22=2,M3612*Input!$C$22,0)</f>
        <v>0.55157660292709643</v>
      </c>
      <c r="P3612" s="59">
        <f>IF(Input!$D$19=3,J3612*Input!$C$19,0)+IF(Input!$D$20=3,K3612*Input!$C$20,0)+IF(Input!$D$21=3,L3612*Input!$C$21,0)+IF(Input!$D$22=3,M3612*Input!$C$22,0)</f>
        <v>0</v>
      </c>
      <c r="Q3612" s="75">
        <f>IF(Input!$D$19=4,J3612*Input!$C$19,0)+IF(Input!$D$20=4,K3612*Input!$C$20,0)+IF(Input!$D$21=4,L3612*Input!$C$21,0)+IF(Input!$D$22=4,M3612*Input!$C$22,0)</f>
        <v>0</v>
      </c>
      <c r="R3612" s="58">
        <v>60.568053996714873</v>
      </c>
      <c r="S3612" s="124">
        <f t="shared" si="56"/>
        <v>0.95606611174030065</v>
      </c>
    </row>
    <row r="3613" spans="8:19" x14ac:dyDescent="0.3">
      <c r="H3613" s="44">
        <v>3606</v>
      </c>
      <c r="I3613" s="56">
        <f>Bühler!I3639</f>
        <v>0.28436838195352532</v>
      </c>
      <c r="J3613" s="59">
        <f>Bühler!J3639</f>
        <v>0.94789460651175106</v>
      </c>
      <c r="K3613" s="59">
        <f>Bühler!K3639</f>
        <v>1.4218419097676265</v>
      </c>
      <c r="L3613" s="59">
        <f>Bühler!L3639</f>
        <v>6.8248411668846067</v>
      </c>
      <c r="M3613" s="58">
        <f>Bühler!M3639</f>
        <v>0</v>
      </c>
      <c r="N3613" s="56">
        <f>IF(Input!$D$19=1,J3613*Input!$C$19,0)+IF(Input!$D$20=1,K3613*Input!$C$20,0)+IF(Input!$D$21=1,L3613*Input!$C$21,0)+IF(Input!$D$22=1,M3613*Input!$C$22,0)</f>
        <v>0.28436838195352532</v>
      </c>
      <c r="O3613" s="59">
        <f>IF(Input!$D$19=2,J3613*Input!$C$19,0)+IF(Input!$D$20=2,K3613*Input!$C$20,0)+IF(Input!$D$21=2,L3613*Input!$C$21,0)+IF(Input!$D$22=2,M3613*Input!$C$22,0)</f>
        <v>0.71092095488381324</v>
      </c>
      <c r="P3613" s="59">
        <f>IF(Input!$D$19=3,J3613*Input!$C$19,0)+IF(Input!$D$20=3,K3613*Input!$C$20,0)+IF(Input!$D$21=3,L3613*Input!$C$21,0)+IF(Input!$D$22=3,M3613*Input!$C$22,0)</f>
        <v>0</v>
      </c>
      <c r="Q3613" s="75">
        <f>IF(Input!$D$19=4,J3613*Input!$C$19,0)+IF(Input!$D$20=4,K3613*Input!$C$20,0)+IF(Input!$D$21=4,L3613*Input!$C$21,0)+IF(Input!$D$22=4,M3613*Input!$C$22,0)</f>
        <v>0</v>
      </c>
      <c r="R3613" s="58">
        <v>63.00637635999081</v>
      </c>
      <c r="S3613" s="124">
        <f t="shared" si="56"/>
        <v>1.2322629884652763</v>
      </c>
    </row>
    <row r="3614" spans="8:19" x14ac:dyDescent="0.3">
      <c r="H3614" s="44">
        <v>3607</v>
      </c>
      <c r="I3614" s="56">
        <f>Bühler!I3640</f>
        <v>0.32849451018769305</v>
      </c>
      <c r="J3614" s="59">
        <f>Bühler!J3640</f>
        <v>1.0949817006256435</v>
      </c>
      <c r="K3614" s="59">
        <f>Bühler!K3640</f>
        <v>1.6424725509384652</v>
      </c>
      <c r="L3614" s="59">
        <f>Bühler!L3640</f>
        <v>7.8838682445046331</v>
      </c>
      <c r="M3614" s="58">
        <f>Bühler!M3640</f>
        <v>0</v>
      </c>
      <c r="N3614" s="56">
        <f>IF(Input!$D$19=1,J3614*Input!$C$19,0)+IF(Input!$D$20=1,K3614*Input!$C$20,0)+IF(Input!$D$21=1,L3614*Input!$C$21,0)+IF(Input!$D$22=1,M3614*Input!$C$22,0)</f>
        <v>0.32849451018769305</v>
      </c>
      <c r="O3614" s="59">
        <f>IF(Input!$D$19=2,J3614*Input!$C$19,0)+IF(Input!$D$20=2,K3614*Input!$C$20,0)+IF(Input!$D$21=2,L3614*Input!$C$21,0)+IF(Input!$D$22=2,M3614*Input!$C$22,0)</f>
        <v>0.82123627546923261</v>
      </c>
      <c r="P3614" s="59">
        <f>IF(Input!$D$19=3,J3614*Input!$C$19,0)+IF(Input!$D$20=3,K3614*Input!$C$20,0)+IF(Input!$D$21=3,L3614*Input!$C$21,0)+IF(Input!$D$22=3,M3614*Input!$C$22,0)</f>
        <v>0</v>
      </c>
      <c r="Q3614" s="75">
        <f>IF(Input!$D$19=4,J3614*Input!$C$19,0)+IF(Input!$D$20=4,K3614*Input!$C$20,0)+IF(Input!$D$21=4,L3614*Input!$C$21,0)+IF(Input!$D$22=4,M3614*Input!$C$22,0)</f>
        <v>0</v>
      </c>
      <c r="R3614" s="58">
        <v>65.767734375468066</v>
      </c>
      <c r="S3614" s="124">
        <f t="shared" si="56"/>
        <v>1.4234762108133365</v>
      </c>
    </row>
    <row r="3615" spans="8:19" x14ac:dyDescent="0.3">
      <c r="H3615" s="44">
        <v>3608</v>
      </c>
      <c r="I3615" s="56">
        <f>Bühler!I3641</f>
        <v>0.32849451018769305</v>
      </c>
      <c r="J3615" s="59">
        <f>Bühler!J3641</f>
        <v>1.0949817006256435</v>
      </c>
      <c r="K3615" s="59">
        <f>Bühler!K3641</f>
        <v>1.6424725509384652</v>
      </c>
      <c r="L3615" s="59">
        <f>Bühler!L3641</f>
        <v>7.8838682445046331</v>
      </c>
      <c r="M3615" s="58">
        <f>Bühler!M3641</f>
        <v>0</v>
      </c>
      <c r="N3615" s="56">
        <f>IF(Input!$D$19=1,J3615*Input!$C$19,0)+IF(Input!$D$20=1,K3615*Input!$C$20,0)+IF(Input!$D$21=1,L3615*Input!$C$21,0)+IF(Input!$D$22=1,M3615*Input!$C$22,0)</f>
        <v>0.32849451018769305</v>
      </c>
      <c r="O3615" s="59">
        <f>IF(Input!$D$19=2,J3615*Input!$C$19,0)+IF(Input!$D$20=2,K3615*Input!$C$20,0)+IF(Input!$D$21=2,L3615*Input!$C$21,0)+IF(Input!$D$22=2,M3615*Input!$C$22,0)</f>
        <v>0.82123627546923261</v>
      </c>
      <c r="P3615" s="59">
        <f>IF(Input!$D$19=3,J3615*Input!$C$19,0)+IF(Input!$D$20=3,K3615*Input!$C$20,0)+IF(Input!$D$21=3,L3615*Input!$C$21,0)+IF(Input!$D$22=3,M3615*Input!$C$22,0)</f>
        <v>0</v>
      </c>
      <c r="Q3615" s="75">
        <f>IF(Input!$D$19=4,J3615*Input!$C$19,0)+IF(Input!$D$20=4,K3615*Input!$C$20,0)+IF(Input!$D$21=4,L3615*Input!$C$21,0)+IF(Input!$D$22=4,M3615*Input!$C$22,0)</f>
        <v>0</v>
      </c>
      <c r="R3615" s="58">
        <v>68.014065376175836</v>
      </c>
      <c r="S3615" s="124">
        <f t="shared" si="56"/>
        <v>1.4234762108133365</v>
      </c>
    </row>
    <row r="3616" spans="8:19" x14ac:dyDescent="0.3">
      <c r="H3616" s="44">
        <v>3609</v>
      </c>
      <c r="I3616" s="56">
        <f>Bühler!I3642</f>
        <v>0.32849451018769305</v>
      </c>
      <c r="J3616" s="59">
        <f>Bühler!J3642</f>
        <v>1.0949817006256435</v>
      </c>
      <c r="K3616" s="59">
        <f>Bühler!K3642</f>
        <v>1.6424725509384652</v>
      </c>
      <c r="L3616" s="59">
        <f>Bühler!L3642</f>
        <v>7.8838682445046331</v>
      </c>
      <c r="M3616" s="58">
        <f>Bühler!M3642</f>
        <v>0</v>
      </c>
      <c r="N3616" s="56">
        <f>IF(Input!$D$19=1,J3616*Input!$C$19,0)+IF(Input!$D$20=1,K3616*Input!$C$20,0)+IF(Input!$D$21=1,L3616*Input!$C$21,0)+IF(Input!$D$22=1,M3616*Input!$C$22,0)</f>
        <v>0.32849451018769305</v>
      </c>
      <c r="O3616" s="59">
        <f>IF(Input!$D$19=2,J3616*Input!$C$19,0)+IF(Input!$D$20=2,K3616*Input!$C$20,0)+IF(Input!$D$21=2,L3616*Input!$C$21,0)+IF(Input!$D$22=2,M3616*Input!$C$22,0)</f>
        <v>0.82123627546923261</v>
      </c>
      <c r="P3616" s="59">
        <f>IF(Input!$D$19=3,J3616*Input!$C$19,0)+IF(Input!$D$20=3,K3616*Input!$C$20,0)+IF(Input!$D$21=3,L3616*Input!$C$21,0)+IF(Input!$D$22=3,M3616*Input!$C$22,0)</f>
        <v>0</v>
      </c>
      <c r="Q3616" s="75">
        <f>IF(Input!$D$19=4,J3616*Input!$C$19,0)+IF(Input!$D$20=4,K3616*Input!$C$20,0)+IF(Input!$D$21=4,L3616*Input!$C$21,0)+IF(Input!$D$22=4,M3616*Input!$C$22,0)</f>
        <v>0</v>
      </c>
      <c r="R3616" s="58">
        <v>69.183611667171419</v>
      </c>
      <c r="S3616" s="124">
        <f t="shared" si="56"/>
        <v>1.4234762108133365</v>
      </c>
    </row>
    <row r="3617" spans="8:19" x14ac:dyDescent="0.3">
      <c r="H3617" s="44">
        <v>3610</v>
      </c>
      <c r="I3617" s="56">
        <f>Bühler!I3643</f>
        <v>0.35300902587334176</v>
      </c>
      <c r="J3617" s="59">
        <f>Bühler!J3643</f>
        <v>1.1766967529111392</v>
      </c>
      <c r="K3617" s="59">
        <f>Bühler!K3643</f>
        <v>1.7650451293667089</v>
      </c>
      <c r="L3617" s="59">
        <f>Bühler!L3643</f>
        <v>8.4722166209602019</v>
      </c>
      <c r="M3617" s="58">
        <f>Bühler!M3643</f>
        <v>0</v>
      </c>
      <c r="N3617" s="56">
        <f>IF(Input!$D$19=1,J3617*Input!$C$19,0)+IF(Input!$D$20=1,K3617*Input!$C$20,0)+IF(Input!$D$21=1,L3617*Input!$C$21,0)+IF(Input!$D$22=1,M3617*Input!$C$22,0)</f>
        <v>0.35300902587334176</v>
      </c>
      <c r="O3617" s="59">
        <f>IF(Input!$D$19=2,J3617*Input!$C$19,0)+IF(Input!$D$20=2,K3617*Input!$C$20,0)+IF(Input!$D$21=2,L3617*Input!$C$21,0)+IF(Input!$D$22=2,M3617*Input!$C$22,0)</f>
        <v>0.88252256468335444</v>
      </c>
      <c r="P3617" s="59">
        <f>IF(Input!$D$19=3,J3617*Input!$C$19,0)+IF(Input!$D$20=3,K3617*Input!$C$20,0)+IF(Input!$D$21=3,L3617*Input!$C$21,0)+IF(Input!$D$22=3,M3617*Input!$C$22,0)</f>
        <v>0</v>
      </c>
      <c r="Q3617" s="75">
        <f>IF(Input!$D$19=4,J3617*Input!$C$19,0)+IF(Input!$D$20=4,K3617*Input!$C$20,0)+IF(Input!$D$21=4,L3617*Input!$C$21,0)+IF(Input!$D$22=4,M3617*Input!$C$22,0)</f>
        <v>0</v>
      </c>
      <c r="R3617" s="58">
        <v>69.744319320858381</v>
      </c>
      <c r="S3617" s="124">
        <f t="shared" si="56"/>
        <v>1.529705778784481</v>
      </c>
    </row>
    <row r="3618" spans="8:19" x14ac:dyDescent="0.3">
      <c r="H3618" s="44">
        <v>3611</v>
      </c>
      <c r="I3618" s="56">
        <f>Bühler!I3644</f>
        <v>0.38242644469612019</v>
      </c>
      <c r="J3618" s="59">
        <f>Bühler!J3644</f>
        <v>1.2747548156537341</v>
      </c>
      <c r="K3618" s="59">
        <f>Bühler!K3644</f>
        <v>1.9121322234806009</v>
      </c>
      <c r="L3618" s="59">
        <f>Bühler!L3644</f>
        <v>9.1782346727068838</v>
      </c>
      <c r="M3618" s="58">
        <f>Bühler!M3644</f>
        <v>0</v>
      </c>
      <c r="N3618" s="56">
        <f>IF(Input!$D$19=1,J3618*Input!$C$19,0)+IF(Input!$D$20=1,K3618*Input!$C$20,0)+IF(Input!$D$21=1,L3618*Input!$C$21,0)+IF(Input!$D$22=1,M3618*Input!$C$22,0)</f>
        <v>0.38242644469612019</v>
      </c>
      <c r="O3618" s="59">
        <f>IF(Input!$D$19=2,J3618*Input!$C$19,0)+IF(Input!$D$20=2,K3618*Input!$C$20,0)+IF(Input!$D$21=2,L3618*Input!$C$21,0)+IF(Input!$D$22=2,M3618*Input!$C$22,0)</f>
        <v>0.95606611174030043</v>
      </c>
      <c r="P3618" s="59">
        <f>IF(Input!$D$19=3,J3618*Input!$C$19,0)+IF(Input!$D$20=3,K3618*Input!$C$20,0)+IF(Input!$D$21=3,L3618*Input!$C$21,0)+IF(Input!$D$22=3,M3618*Input!$C$22,0)</f>
        <v>0</v>
      </c>
      <c r="Q3618" s="75">
        <f>IF(Input!$D$19=4,J3618*Input!$C$19,0)+IF(Input!$D$20=4,K3618*Input!$C$20,0)+IF(Input!$D$21=4,L3618*Input!$C$21,0)+IF(Input!$D$22=4,M3618*Input!$C$22,0)</f>
        <v>0</v>
      </c>
      <c r="R3618" s="58">
        <v>70.569560877397947</v>
      </c>
      <c r="S3618" s="124">
        <f t="shared" si="56"/>
        <v>1.6571812603498541</v>
      </c>
    </row>
    <row r="3619" spans="8:19" x14ac:dyDescent="0.3">
      <c r="H3619" s="44">
        <v>3612</v>
      </c>
      <c r="I3619" s="56">
        <f>Bühler!I3645</f>
        <v>0.44126128234167716</v>
      </c>
      <c r="J3619" s="59">
        <f>Bühler!J3645</f>
        <v>1.470870941138924</v>
      </c>
      <c r="K3619" s="59">
        <f>Bühler!K3645</f>
        <v>2.2063064117083857</v>
      </c>
      <c r="L3619" s="59">
        <f>Bühler!L3645</f>
        <v>10.590270776200253</v>
      </c>
      <c r="M3619" s="58">
        <f>Bühler!M3645</f>
        <v>0</v>
      </c>
      <c r="N3619" s="56">
        <f>IF(Input!$D$19=1,J3619*Input!$C$19,0)+IF(Input!$D$20=1,K3619*Input!$C$20,0)+IF(Input!$D$21=1,L3619*Input!$C$21,0)+IF(Input!$D$22=1,M3619*Input!$C$22,0)</f>
        <v>0.44126128234167722</v>
      </c>
      <c r="O3619" s="59">
        <f>IF(Input!$D$19=2,J3619*Input!$C$19,0)+IF(Input!$D$20=2,K3619*Input!$C$20,0)+IF(Input!$D$21=2,L3619*Input!$C$21,0)+IF(Input!$D$22=2,M3619*Input!$C$22,0)</f>
        <v>1.1031532058541929</v>
      </c>
      <c r="P3619" s="59">
        <f>IF(Input!$D$19=3,J3619*Input!$C$19,0)+IF(Input!$D$20=3,K3619*Input!$C$20,0)+IF(Input!$D$21=3,L3619*Input!$C$21,0)+IF(Input!$D$22=3,M3619*Input!$C$22,0)</f>
        <v>0</v>
      </c>
      <c r="Q3619" s="75">
        <f>IF(Input!$D$19=4,J3619*Input!$C$19,0)+IF(Input!$D$20=4,K3619*Input!$C$20,0)+IF(Input!$D$21=4,L3619*Input!$C$21,0)+IF(Input!$D$22=4,M3619*Input!$C$22,0)</f>
        <v>0</v>
      </c>
      <c r="R3619" s="58">
        <v>71.079558928890961</v>
      </c>
      <c r="S3619" s="124">
        <f t="shared" si="56"/>
        <v>1.9121322234806013</v>
      </c>
    </row>
    <row r="3620" spans="8:19" x14ac:dyDescent="0.3">
      <c r="H3620" s="44">
        <v>3613</v>
      </c>
      <c r="I3620" s="56">
        <f>Bühler!I3646</f>
        <v>0.44126128234167716</v>
      </c>
      <c r="J3620" s="59">
        <f>Bühler!J3646</f>
        <v>1.470870941138924</v>
      </c>
      <c r="K3620" s="59">
        <f>Bühler!K3646</f>
        <v>2.2063064117083857</v>
      </c>
      <c r="L3620" s="59">
        <f>Bühler!L3646</f>
        <v>10.590270776200253</v>
      </c>
      <c r="M3620" s="58">
        <f>Bühler!M3646</f>
        <v>0</v>
      </c>
      <c r="N3620" s="56">
        <f>IF(Input!$D$19=1,J3620*Input!$C$19,0)+IF(Input!$D$20=1,K3620*Input!$C$20,0)+IF(Input!$D$21=1,L3620*Input!$C$21,0)+IF(Input!$D$22=1,M3620*Input!$C$22,0)</f>
        <v>0.44126128234167722</v>
      </c>
      <c r="O3620" s="59">
        <f>IF(Input!$D$19=2,J3620*Input!$C$19,0)+IF(Input!$D$20=2,K3620*Input!$C$20,0)+IF(Input!$D$21=2,L3620*Input!$C$21,0)+IF(Input!$D$22=2,M3620*Input!$C$22,0)</f>
        <v>1.1031532058541929</v>
      </c>
      <c r="P3620" s="59">
        <f>IF(Input!$D$19=3,J3620*Input!$C$19,0)+IF(Input!$D$20=3,K3620*Input!$C$20,0)+IF(Input!$D$21=3,L3620*Input!$C$21,0)+IF(Input!$D$22=3,M3620*Input!$C$22,0)</f>
        <v>0</v>
      </c>
      <c r="Q3620" s="75">
        <f>IF(Input!$D$19=4,J3620*Input!$C$19,0)+IF(Input!$D$20=4,K3620*Input!$C$20,0)+IF(Input!$D$21=4,L3620*Input!$C$21,0)+IF(Input!$D$22=4,M3620*Input!$C$22,0)</f>
        <v>0</v>
      </c>
      <c r="R3620" s="58">
        <v>70.517896419434905</v>
      </c>
      <c r="S3620" s="124">
        <f t="shared" si="56"/>
        <v>1.9121322234806013</v>
      </c>
    </row>
    <row r="3621" spans="8:19" x14ac:dyDescent="0.3">
      <c r="H3621" s="44">
        <v>3614</v>
      </c>
      <c r="I3621" s="56">
        <f>Bühler!I3647</f>
        <v>0.44126128234167716</v>
      </c>
      <c r="J3621" s="59">
        <f>Bühler!J3647</f>
        <v>1.470870941138924</v>
      </c>
      <c r="K3621" s="59">
        <f>Bühler!K3647</f>
        <v>2.2063064117083857</v>
      </c>
      <c r="L3621" s="59">
        <f>Bühler!L3647</f>
        <v>10.590270776200253</v>
      </c>
      <c r="M3621" s="58">
        <f>Bühler!M3647</f>
        <v>0</v>
      </c>
      <c r="N3621" s="56">
        <f>IF(Input!$D$19=1,J3621*Input!$C$19,0)+IF(Input!$D$20=1,K3621*Input!$C$20,0)+IF(Input!$D$21=1,L3621*Input!$C$21,0)+IF(Input!$D$22=1,M3621*Input!$C$22,0)</f>
        <v>0.44126128234167722</v>
      </c>
      <c r="O3621" s="59">
        <f>IF(Input!$D$19=2,J3621*Input!$C$19,0)+IF(Input!$D$20=2,K3621*Input!$C$20,0)+IF(Input!$D$21=2,L3621*Input!$C$21,0)+IF(Input!$D$22=2,M3621*Input!$C$22,0)</f>
        <v>1.1031532058541929</v>
      </c>
      <c r="P3621" s="59">
        <f>IF(Input!$D$19=3,J3621*Input!$C$19,0)+IF(Input!$D$20=3,K3621*Input!$C$20,0)+IF(Input!$D$21=3,L3621*Input!$C$21,0)+IF(Input!$D$22=3,M3621*Input!$C$22,0)</f>
        <v>0</v>
      </c>
      <c r="Q3621" s="75">
        <f>IF(Input!$D$19=4,J3621*Input!$C$19,0)+IF(Input!$D$20=4,K3621*Input!$C$20,0)+IF(Input!$D$21=4,L3621*Input!$C$21,0)+IF(Input!$D$22=4,M3621*Input!$C$22,0)</f>
        <v>0</v>
      </c>
      <c r="R3621" s="58">
        <v>70.389924779290723</v>
      </c>
      <c r="S3621" s="124">
        <f t="shared" si="56"/>
        <v>1.9121322234806013</v>
      </c>
    </row>
    <row r="3622" spans="8:19" x14ac:dyDescent="0.3">
      <c r="H3622" s="44">
        <v>3615</v>
      </c>
      <c r="I3622" s="56">
        <f>Bühler!I3648</f>
        <v>0.44126128234167716</v>
      </c>
      <c r="J3622" s="59">
        <f>Bühler!J3648</f>
        <v>1.470870941138924</v>
      </c>
      <c r="K3622" s="59">
        <f>Bühler!K3648</f>
        <v>2.2063064117083857</v>
      </c>
      <c r="L3622" s="59">
        <f>Bühler!L3648</f>
        <v>10.590270776200253</v>
      </c>
      <c r="M3622" s="58">
        <f>Bühler!M3648</f>
        <v>0</v>
      </c>
      <c r="N3622" s="56">
        <f>IF(Input!$D$19=1,J3622*Input!$C$19,0)+IF(Input!$D$20=1,K3622*Input!$C$20,0)+IF(Input!$D$21=1,L3622*Input!$C$21,0)+IF(Input!$D$22=1,M3622*Input!$C$22,0)</f>
        <v>0.44126128234167722</v>
      </c>
      <c r="O3622" s="59">
        <f>IF(Input!$D$19=2,J3622*Input!$C$19,0)+IF(Input!$D$20=2,K3622*Input!$C$20,0)+IF(Input!$D$21=2,L3622*Input!$C$21,0)+IF(Input!$D$22=2,M3622*Input!$C$22,0)</f>
        <v>1.1031532058541929</v>
      </c>
      <c r="P3622" s="59">
        <f>IF(Input!$D$19=3,J3622*Input!$C$19,0)+IF(Input!$D$20=3,K3622*Input!$C$20,0)+IF(Input!$D$21=3,L3622*Input!$C$21,0)+IF(Input!$D$22=3,M3622*Input!$C$22,0)</f>
        <v>0</v>
      </c>
      <c r="Q3622" s="75">
        <f>IF(Input!$D$19=4,J3622*Input!$C$19,0)+IF(Input!$D$20=4,K3622*Input!$C$20,0)+IF(Input!$D$21=4,L3622*Input!$C$21,0)+IF(Input!$D$22=4,M3622*Input!$C$22,0)</f>
        <v>0</v>
      </c>
      <c r="R3622" s="58">
        <v>70.137479805905585</v>
      </c>
      <c r="S3622" s="124">
        <f t="shared" si="56"/>
        <v>1.9121322234806013</v>
      </c>
    </row>
    <row r="3623" spans="8:19" x14ac:dyDescent="0.3">
      <c r="H3623" s="44">
        <v>3616</v>
      </c>
      <c r="I3623" s="56">
        <f>Bühler!I3649</f>
        <v>0.44126128234167716</v>
      </c>
      <c r="J3623" s="59">
        <f>Bühler!J3649</f>
        <v>1.470870941138924</v>
      </c>
      <c r="K3623" s="59">
        <f>Bühler!K3649</f>
        <v>2.2063064117083857</v>
      </c>
      <c r="L3623" s="59">
        <f>Bühler!L3649</f>
        <v>10.590270776200253</v>
      </c>
      <c r="M3623" s="58">
        <f>Bühler!M3649</f>
        <v>0</v>
      </c>
      <c r="N3623" s="56">
        <f>IF(Input!$D$19=1,J3623*Input!$C$19,0)+IF(Input!$D$20=1,K3623*Input!$C$20,0)+IF(Input!$D$21=1,L3623*Input!$C$21,0)+IF(Input!$D$22=1,M3623*Input!$C$22,0)</f>
        <v>0.44126128234167722</v>
      </c>
      <c r="O3623" s="59">
        <f>IF(Input!$D$19=2,J3623*Input!$C$19,0)+IF(Input!$D$20=2,K3623*Input!$C$20,0)+IF(Input!$D$21=2,L3623*Input!$C$21,0)+IF(Input!$D$22=2,M3623*Input!$C$22,0)</f>
        <v>1.1031532058541929</v>
      </c>
      <c r="P3623" s="59">
        <f>IF(Input!$D$19=3,J3623*Input!$C$19,0)+IF(Input!$D$20=3,K3623*Input!$C$20,0)+IF(Input!$D$21=3,L3623*Input!$C$21,0)+IF(Input!$D$22=3,M3623*Input!$C$22,0)</f>
        <v>0</v>
      </c>
      <c r="Q3623" s="75">
        <f>IF(Input!$D$19=4,J3623*Input!$C$19,0)+IF(Input!$D$20=4,K3623*Input!$C$20,0)+IF(Input!$D$21=4,L3623*Input!$C$21,0)+IF(Input!$D$22=4,M3623*Input!$C$22,0)</f>
        <v>0</v>
      </c>
      <c r="R3623" s="58">
        <v>70.202006386632959</v>
      </c>
      <c r="S3623" s="124">
        <f t="shared" si="56"/>
        <v>1.9121322234806013</v>
      </c>
    </row>
    <row r="3624" spans="8:19" x14ac:dyDescent="0.3">
      <c r="H3624" s="44">
        <v>3617</v>
      </c>
      <c r="I3624" s="56">
        <f>Bühler!I3650</f>
        <v>0.44126128234167716</v>
      </c>
      <c r="J3624" s="59">
        <f>Bühler!J3650</f>
        <v>1.470870941138924</v>
      </c>
      <c r="K3624" s="59">
        <f>Bühler!K3650</f>
        <v>2.2063064117083857</v>
      </c>
      <c r="L3624" s="59">
        <f>Bühler!L3650</f>
        <v>10.590270776200253</v>
      </c>
      <c r="M3624" s="58">
        <f>Bühler!M3650</f>
        <v>0</v>
      </c>
      <c r="N3624" s="56">
        <f>IF(Input!$D$19=1,J3624*Input!$C$19,0)+IF(Input!$D$20=1,K3624*Input!$C$20,0)+IF(Input!$D$21=1,L3624*Input!$C$21,0)+IF(Input!$D$22=1,M3624*Input!$C$22,0)</f>
        <v>0.44126128234167722</v>
      </c>
      <c r="O3624" s="59">
        <f>IF(Input!$D$19=2,J3624*Input!$C$19,0)+IF(Input!$D$20=2,K3624*Input!$C$20,0)+IF(Input!$D$21=2,L3624*Input!$C$21,0)+IF(Input!$D$22=2,M3624*Input!$C$22,0)</f>
        <v>1.1031532058541929</v>
      </c>
      <c r="P3624" s="59">
        <f>IF(Input!$D$19=3,J3624*Input!$C$19,0)+IF(Input!$D$20=3,K3624*Input!$C$20,0)+IF(Input!$D$21=3,L3624*Input!$C$21,0)+IF(Input!$D$22=3,M3624*Input!$C$22,0)</f>
        <v>0</v>
      </c>
      <c r="Q3624" s="75">
        <f>IF(Input!$D$19=4,J3624*Input!$C$19,0)+IF(Input!$D$20=4,K3624*Input!$C$20,0)+IF(Input!$D$21=4,L3624*Input!$C$21,0)+IF(Input!$D$22=4,M3624*Input!$C$22,0)</f>
        <v>0</v>
      </c>
      <c r="R3624" s="58">
        <v>68.972049733120016</v>
      </c>
      <c r="S3624" s="124">
        <f t="shared" si="56"/>
        <v>1.9121322234806013</v>
      </c>
    </row>
    <row r="3625" spans="8:19" x14ac:dyDescent="0.3">
      <c r="H3625" s="44">
        <v>3618</v>
      </c>
      <c r="I3625" s="56">
        <f>Bühler!I3651</f>
        <v>0.44126128234167716</v>
      </c>
      <c r="J3625" s="59">
        <f>Bühler!J3651</f>
        <v>1.470870941138924</v>
      </c>
      <c r="K3625" s="59">
        <f>Bühler!K3651</f>
        <v>2.2063064117083857</v>
      </c>
      <c r="L3625" s="59">
        <f>Bühler!L3651</f>
        <v>10.590270776200253</v>
      </c>
      <c r="M3625" s="58">
        <f>Bühler!M3651</f>
        <v>0</v>
      </c>
      <c r="N3625" s="56">
        <f>IF(Input!$D$19=1,J3625*Input!$C$19,0)+IF(Input!$D$20=1,K3625*Input!$C$20,0)+IF(Input!$D$21=1,L3625*Input!$C$21,0)+IF(Input!$D$22=1,M3625*Input!$C$22,0)</f>
        <v>0.44126128234167722</v>
      </c>
      <c r="O3625" s="59">
        <f>IF(Input!$D$19=2,J3625*Input!$C$19,0)+IF(Input!$D$20=2,K3625*Input!$C$20,0)+IF(Input!$D$21=2,L3625*Input!$C$21,0)+IF(Input!$D$22=2,M3625*Input!$C$22,0)</f>
        <v>1.1031532058541929</v>
      </c>
      <c r="P3625" s="59">
        <f>IF(Input!$D$19=3,J3625*Input!$C$19,0)+IF(Input!$D$20=3,K3625*Input!$C$20,0)+IF(Input!$D$21=3,L3625*Input!$C$21,0)+IF(Input!$D$22=3,M3625*Input!$C$22,0)</f>
        <v>0</v>
      </c>
      <c r="Q3625" s="75">
        <f>IF(Input!$D$19=4,J3625*Input!$C$19,0)+IF(Input!$D$20=4,K3625*Input!$C$20,0)+IF(Input!$D$21=4,L3625*Input!$C$21,0)+IF(Input!$D$22=4,M3625*Input!$C$22,0)</f>
        <v>0</v>
      </c>
      <c r="R3625" s="58">
        <v>67.435767648536199</v>
      </c>
      <c r="S3625" s="124">
        <f t="shared" si="56"/>
        <v>1.9121322234806013</v>
      </c>
    </row>
    <row r="3626" spans="8:19" x14ac:dyDescent="0.3">
      <c r="H3626" s="44">
        <v>3619</v>
      </c>
      <c r="I3626" s="56">
        <f>Bühler!I3652</f>
        <v>0.44126128234167716</v>
      </c>
      <c r="J3626" s="59">
        <f>Bühler!J3652</f>
        <v>1.470870941138924</v>
      </c>
      <c r="K3626" s="59">
        <f>Bühler!K3652</f>
        <v>2.2063064117083857</v>
      </c>
      <c r="L3626" s="59">
        <f>Bühler!L3652</f>
        <v>10.590270776200253</v>
      </c>
      <c r="M3626" s="58">
        <f>Bühler!M3652</f>
        <v>0</v>
      </c>
      <c r="N3626" s="56">
        <f>IF(Input!$D$19=1,J3626*Input!$C$19,0)+IF(Input!$D$20=1,K3626*Input!$C$20,0)+IF(Input!$D$21=1,L3626*Input!$C$21,0)+IF(Input!$D$22=1,M3626*Input!$C$22,0)</f>
        <v>0.44126128234167722</v>
      </c>
      <c r="O3626" s="59">
        <f>IF(Input!$D$19=2,J3626*Input!$C$19,0)+IF(Input!$D$20=2,K3626*Input!$C$20,0)+IF(Input!$D$21=2,L3626*Input!$C$21,0)+IF(Input!$D$22=2,M3626*Input!$C$22,0)</f>
        <v>1.1031532058541929</v>
      </c>
      <c r="P3626" s="59">
        <f>IF(Input!$D$19=3,J3626*Input!$C$19,0)+IF(Input!$D$20=3,K3626*Input!$C$20,0)+IF(Input!$D$21=3,L3626*Input!$C$21,0)+IF(Input!$D$22=3,M3626*Input!$C$22,0)</f>
        <v>0</v>
      </c>
      <c r="Q3626" s="75">
        <f>IF(Input!$D$19=4,J3626*Input!$C$19,0)+IF(Input!$D$20=4,K3626*Input!$C$20,0)+IF(Input!$D$21=4,L3626*Input!$C$21,0)+IF(Input!$D$22=4,M3626*Input!$C$22,0)</f>
        <v>0</v>
      </c>
      <c r="R3626" s="58">
        <v>65.943369917597877</v>
      </c>
      <c r="S3626" s="124">
        <f t="shared" si="56"/>
        <v>1.9121322234806013</v>
      </c>
    </row>
    <row r="3627" spans="8:19" x14ac:dyDescent="0.3">
      <c r="H3627" s="44">
        <v>3620</v>
      </c>
      <c r="I3627" s="56">
        <f>Bühler!I3653</f>
        <v>0.36771773528473101</v>
      </c>
      <c r="J3627" s="59">
        <f>Bühler!J3653</f>
        <v>1.2257257842824369</v>
      </c>
      <c r="K3627" s="59">
        <f>Bühler!K3653</f>
        <v>1.838588676423655</v>
      </c>
      <c r="L3627" s="59">
        <f>Bühler!L3653</f>
        <v>8.8252256468335446</v>
      </c>
      <c r="M3627" s="58">
        <f>Bühler!M3653</f>
        <v>0</v>
      </c>
      <c r="N3627" s="56">
        <f>IF(Input!$D$19=1,J3627*Input!$C$19,0)+IF(Input!$D$20=1,K3627*Input!$C$20,0)+IF(Input!$D$21=1,L3627*Input!$C$21,0)+IF(Input!$D$22=1,M3627*Input!$C$22,0)</f>
        <v>0.36771773528473106</v>
      </c>
      <c r="O3627" s="59">
        <f>IF(Input!$D$19=2,J3627*Input!$C$19,0)+IF(Input!$D$20=2,K3627*Input!$C$20,0)+IF(Input!$D$21=2,L3627*Input!$C$21,0)+IF(Input!$D$22=2,M3627*Input!$C$22,0)</f>
        <v>0.91929433821182749</v>
      </c>
      <c r="P3627" s="59">
        <f>IF(Input!$D$19=3,J3627*Input!$C$19,0)+IF(Input!$D$20=3,K3627*Input!$C$20,0)+IF(Input!$D$21=3,L3627*Input!$C$21,0)+IF(Input!$D$22=3,M3627*Input!$C$22,0)</f>
        <v>0</v>
      </c>
      <c r="Q3627" s="75">
        <f>IF(Input!$D$19=4,J3627*Input!$C$19,0)+IF(Input!$D$20=4,K3627*Input!$C$20,0)+IF(Input!$D$21=4,L3627*Input!$C$21,0)+IF(Input!$D$22=4,M3627*Input!$C$22,0)</f>
        <v>0</v>
      </c>
      <c r="R3627" s="58">
        <v>64.693754509220724</v>
      </c>
      <c r="S3627" s="124">
        <f t="shared" si="56"/>
        <v>1.5934435195671679</v>
      </c>
    </row>
    <row r="3628" spans="8:19" x14ac:dyDescent="0.3">
      <c r="H3628" s="44">
        <v>3621</v>
      </c>
      <c r="I3628" s="56">
        <f>Bühler!I3654</f>
        <v>0.29417418822778479</v>
      </c>
      <c r="J3628" s="59">
        <f>Bühler!J3654</f>
        <v>0.98058062742594942</v>
      </c>
      <c r="K3628" s="59">
        <f>Bühler!K3654</f>
        <v>1.470870941138924</v>
      </c>
      <c r="L3628" s="59">
        <f>Bühler!L3654</f>
        <v>7.0601805174668355</v>
      </c>
      <c r="M3628" s="58">
        <f>Bühler!M3654</f>
        <v>0</v>
      </c>
      <c r="N3628" s="56">
        <f>IF(Input!$D$19=1,J3628*Input!$C$19,0)+IF(Input!$D$20=1,K3628*Input!$C$20,0)+IF(Input!$D$21=1,L3628*Input!$C$21,0)+IF(Input!$D$22=1,M3628*Input!$C$22,0)</f>
        <v>0.29417418822778479</v>
      </c>
      <c r="O3628" s="59">
        <f>IF(Input!$D$19=2,J3628*Input!$C$19,0)+IF(Input!$D$20=2,K3628*Input!$C$20,0)+IF(Input!$D$21=2,L3628*Input!$C$21,0)+IF(Input!$D$22=2,M3628*Input!$C$22,0)</f>
        <v>0.73543547056946201</v>
      </c>
      <c r="P3628" s="59">
        <f>IF(Input!$D$19=3,J3628*Input!$C$19,0)+IF(Input!$D$20=3,K3628*Input!$C$20,0)+IF(Input!$D$21=3,L3628*Input!$C$21,0)+IF(Input!$D$22=3,M3628*Input!$C$22,0)</f>
        <v>0</v>
      </c>
      <c r="Q3628" s="75">
        <f>IF(Input!$D$19=4,J3628*Input!$C$19,0)+IF(Input!$D$20=4,K3628*Input!$C$20,0)+IF(Input!$D$21=4,L3628*Input!$C$21,0)+IF(Input!$D$22=4,M3628*Input!$C$22,0)</f>
        <v>0</v>
      </c>
      <c r="R3628" s="58">
        <v>62.987933049062939</v>
      </c>
      <c r="S3628" s="124">
        <f t="shared" si="56"/>
        <v>1.2747548156537343</v>
      </c>
    </row>
    <row r="3629" spans="8:19" x14ac:dyDescent="0.3">
      <c r="H3629" s="44">
        <v>3622</v>
      </c>
      <c r="I3629" s="56">
        <f>Bühler!I3655</f>
        <v>0.22063064117083858</v>
      </c>
      <c r="J3629" s="59">
        <f>Bühler!J3655</f>
        <v>0.73543547056946201</v>
      </c>
      <c r="K3629" s="59">
        <f>Bühler!K3655</f>
        <v>1.1031532058541929</v>
      </c>
      <c r="L3629" s="59">
        <f>Bühler!L3655</f>
        <v>5.2951353881001264</v>
      </c>
      <c r="M3629" s="58">
        <f>Bühler!M3655</f>
        <v>0</v>
      </c>
      <c r="N3629" s="56">
        <f>IF(Input!$D$19=1,J3629*Input!$C$19,0)+IF(Input!$D$20=1,K3629*Input!$C$20,0)+IF(Input!$D$21=1,L3629*Input!$C$21,0)+IF(Input!$D$22=1,M3629*Input!$C$22,0)</f>
        <v>0.22063064117083861</v>
      </c>
      <c r="O3629" s="59">
        <f>IF(Input!$D$19=2,J3629*Input!$C$19,0)+IF(Input!$D$20=2,K3629*Input!$C$20,0)+IF(Input!$D$21=2,L3629*Input!$C$21,0)+IF(Input!$D$22=2,M3629*Input!$C$22,0)</f>
        <v>0.55157660292709643</v>
      </c>
      <c r="P3629" s="59">
        <f>IF(Input!$D$19=3,J3629*Input!$C$19,0)+IF(Input!$D$20=3,K3629*Input!$C$20,0)+IF(Input!$D$21=3,L3629*Input!$C$21,0)+IF(Input!$D$22=3,M3629*Input!$C$22,0)</f>
        <v>0</v>
      </c>
      <c r="Q3629" s="75">
        <f>IF(Input!$D$19=4,J3629*Input!$C$19,0)+IF(Input!$D$20=4,K3629*Input!$C$20,0)+IF(Input!$D$21=4,L3629*Input!$C$21,0)+IF(Input!$D$22=4,M3629*Input!$C$22,0)</f>
        <v>0</v>
      </c>
      <c r="R3629" s="58">
        <v>61.023080536933271</v>
      </c>
      <c r="S3629" s="124">
        <f t="shared" si="56"/>
        <v>0.95606611174030065</v>
      </c>
    </row>
    <row r="3630" spans="8:19" x14ac:dyDescent="0.3">
      <c r="H3630" s="44">
        <v>3623</v>
      </c>
      <c r="I3630" s="56">
        <f>Bühler!I3656</f>
        <v>0.22063064117083858</v>
      </c>
      <c r="J3630" s="59">
        <f>Bühler!J3656</f>
        <v>0.73543547056946201</v>
      </c>
      <c r="K3630" s="59">
        <f>Bühler!K3656</f>
        <v>1.1031532058541929</v>
      </c>
      <c r="L3630" s="59">
        <f>Bühler!L3656</f>
        <v>5.2951353881001264</v>
      </c>
      <c r="M3630" s="58">
        <f>Bühler!M3656</f>
        <v>0</v>
      </c>
      <c r="N3630" s="56">
        <f>IF(Input!$D$19=1,J3630*Input!$C$19,0)+IF(Input!$D$20=1,K3630*Input!$C$20,0)+IF(Input!$D$21=1,L3630*Input!$C$21,0)+IF(Input!$D$22=1,M3630*Input!$C$22,0)</f>
        <v>0.22063064117083861</v>
      </c>
      <c r="O3630" s="59">
        <f>IF(Input!$D$19=2,J3630*Input!$C$19,0)+IF(Input!$D$20=2,K3630*Input!$C$20,0)+IF(Input!$D$21=2,L3630*Input!$C$21,0)+IF(Input!$D$22=2,M3630*Input!$C$22,0)</f>
        <v>0.55157660292709643</v>
      </c>
      <c r="P3630" s="59">
        <f>IF(Input!$D$19=3,J3630*Input!$C$19,0)+IF(Input!$D$20=3,K3630*Input!$C$20,0)+IF(Input!$D$21=3,L3630*Input!$C$21,0)+IF(Input!$D$22=3,M3630*Input!$C$22,0)</f>
        <v>0</v>
      </c>
      <c r="Q3630" s="75">
        <f>IF(Input!$D$19=4,J3630*Input!$C$19,0)+IF(Input!$D$20=4,K3630*Input!$C$20,0)+IF(Input!$D$21=4,L3630*Input!$C$21,0)+IF(Input!$D$22=4,M3630*Input!$C$22,0)</f>
        <v>0</v>
      </c>
      <c r="R3630" s="58">
        <v>60.753875327377351</v>
      </c>
      <c r="S3630" s="124">
        <f t="shared" si="56"/>
        <v>0.95606611174030065</v>
      </c>
    </row>
    <row r="3631" spans="8:19" x14ac:dyDescent="0.3">
      <c r="H3631" s="44">
        <v>3624</v>
      </c>
      <c r="I3631" s="56">
        <f>Bühler!I3657</f>
        <v>0.22063064117083858</v>
      </c>
      <c r="J3631" s="59">
        <f>Bühler!J3657</f>
        <v>0.73543547056946201</v>
      </c>
      <c r="K3631" s="59">
        <f>Bühler!K3657</f>
        <v>1.1031532058541929</v>
      </c>
      <c r="L3631" s="59">
        <f>Bühler!L3657</f>
        <v>5.2951353881001264</v>
      </c>
      <c r="M3631" s="58">
        <f>Bühler!M3657</f>
        <v>0</v>
      </c>
      <c r="N3631" s="56">
        <f>IF(Input!$D$19=1,J3631*Input!$C$19,0)+IF(Input!$D$20=1,K3631*Input!$C$20,0)+IF(Input!$D$21=1,L3631*Input!$C$21,0)+IF(Input!$D$22=1,M3631*Input!$C$22,0)</f>
        <v>0.22063064117083861</v>
      </c>
      <c r="O3631" s="59">
        <f>IF(Input!$D$19=2,J3631*Input!$C$19,0)+IF(Input!$D$20=2,K3631*Input!$C$20,0)+IF(Input!$D$21=2,L3631*Input!$C$21,0)+IF(Input!$D$22=2,M3631*Input!$C$22,0)</f>
        <v>0.55157660292709643</v>
      </c>
      <c r="P3631" s="59">
        <f>IF(Input!$D$19=3,J3631*Input!$C$19,0)+IF(Input!$D$20=3,K3631*Input!$C$20,0)+IF(Input!$D$21=3,L3631*Input!$C$21,0)+IF(Input!$D$22=3,M3631*Input!$C$22,0)</f>
        <v>0</v>
      </c>
      <c r="Q3631" s="75">
        <f>IF(Input!$D$19=4,J3631*Input!$C$19,0)+IF(Input!$D$20=4,K3631*Input!$C$20,0)+IF(Input!$D$21=4,L3631*Input!$C$21,0)+IF(Input!$D$22=4,M3631*Input!$C$22,0)</f>
        <v>0</v>
      </c>
      <c r="R3631" s="58">
        <v>60.649285855909838</v>
      </c>
      <c r="S3631" s="124">
        <f t="shared" si="56"/>
        <v>0.95606611174030065</v>
      </c>
    </row>
    <row r="3632" spans="8:19" x14ac:dyDescent="0.3">
      <c r="H3632" s="44">
        <v>3625</v>
      </c>
      <c r="I3632" s="56">
        <f>Bühler!I3658</f>
        <v>0.24330157227647053</v>
      </c>
      <c r="J3632" s="59">
        <f>Bühler!J3658</f>
        <v>0.81100524092156856</v>
      </c>
      <c r="K3632" s="59">
        <f>Bühler!K3658</f>
        <v>1.2165078613823528</v>
      </c>
      <c r="L3632" s="59">
        <f>Bühler!L3658</f>
        <v>5.8392377346352928</v>
      </c>
      <c r="M3632" s="58">
        <f>Bühler!M3658</f>
        <v>0</v>
      </c>
      <c r="N3632" s="56">
        <f>IF(Input!$D$19=1,J3632*Input!$C$19,0)+IF(Input!$D$20=1,K3632*Input!$C$20,0)+IF(Input!$D$21=1,L3632*Input!$C$21,0)+IF(Input!$D$22=1,M3632*Input!$C$22,0)</f>
        <v>0.24330157227647056</v>
      </c>
      <c r="O3632" s="59">
        <f>IF(Input!$D$19=2,J3632*Input!$C$19,0)+IF(Input!$D$20=2,K3632*Input!$C$20,0)+IF(Input!$D$21=2,L3632*Input!$C$21,0)+IF(Input!$D$22=2,M3632*Input!$C$22,0)</f>
        <v>0.60825393069117639</v>
      </c>
      <c r="P3632" s="59">
        <f>IF(Input!$D$19=3,J3632*Input!$C$19,0)+IF(Input!$D$20=3,K3632*Input!$C$20,0)+IF(Input!$D$21=3,L3632*Input!$C$21,0)+IF(Input!$D$22=3,M3632*Input!$C$22,0)</f>
        <v>0</v>
      </c>
      <c r="Q3632" s="75">
        <f>IF(Input!$D$19=4,J3632*Input!$C$19,0)+IF(Input!$D$20=4,K3632*Input!$C$20,0)+IF(Input!$D$21=4,L3632*Input!$C$21,0)+IF(Input!$D$22=4,M3632*Input!$C$22,0)</f>
        <v>0</v>
      </c>
      <c r="R3632" s="58">
        <v>59.6373214819289</v>
      </c>
      <c r="S3632" s="124">
        <f t="shared" si="56"/>
        <v>1.0543068131980391</v>
      </c>
    </row>
    <row r="3633" spans="8:19" x14ac:dyDescent="0.3">
      <c r="H3633" s="44">
        <v>3626</v>
      </c>
      <c r="I3633" s="56">
        <f>Bühler!I3659</f>
        <v>0.24330157227647053</v>
      </c>
      <c r="J3633" s="59">
        <f>Bühler!J3659</f>
        <v>0.81100524092156856</v>
      </c>
      <c r="K3633" s="59">
        <f>Bühler!K3659</f>
        <v>1.2165078613823528</v>
      </c>
      <c r="L3633" s="59">
        <f>Bühler!L3659</f>
        <v>5.8392377346352928</v>
      </c>
      <c r="M3633" s="58">
        <f>Bühler!M3659</f>
        <v>0</v>
      </c>
      <c r="N3633" s="56">
        <f>IF(Input!$D$19=1,J3633*Input!$C$19,0)+IF(Input!$D$20=1,K3633*Input!$C$20,0)+IF(Input!$D$21=1,L3633*Input!$C$21,0)+IF(Input!$D$22=1,M3633*Input!$C$22,0)</f>
        <v>0.24330157227647056</v>
      </c>
      <c r="O3633" s="59">
        <f>IF(Input!$D$19=2,J3633*Input!$C$19,0)+IF(Input!$D$20=2,K3633*Input!$C$20,0)+IF(Input!$D$21=2,L3633*Input!$C$21,0)+IF(Input!$D$22=2,M3633*Input!$C$22,0)</f>
        <v>0.60825393069117639</v>
      </c>
      <c r="P3633" s="59">
        <f>IF(Input!$D$19=3,J3633*Input!$C$19,0)+IF(Input!$D$20=3,K3633*Input!$C$20,0)+IF(Input!$D$21=3,L3633*Input!$C$21,0)+IF(Input!$D$22=3,M3633*Input!$C$22,0)</f>
        <v>0</v>
      </c>
      <c r="Q3633" s="75">
        <f>IF(Input!$D$19=4,J3633*Input!$C$19,0)+IF(Input!$D$20=4,K3633*Input!$C$20,0)+IF(Input!$D$21=4,L3633*Input!$C$21,0)+IF(Input!$D$22=4,M3633*Input!$C$22,0)</f>
        <v>0</v>
      </c>
      <c r="R3633" s="58">
        <v>58.942962264360325</v>
      </c>
      <c r="S3633" s="124">
        <f t="shared" si="56"/>
        <v>1.0543068131980391</v>
      </c>
    </row>
    <row r="3634" spans="8:19" x14ac:dyDescent="0.3">
      <c r="H3634" s="44">
        <v>3627</v>
      </c>
      <c r="I3634" s="56">
        <f>Bühler!I3660</f>
        <v>0.24330157227647053</v>
      </c>
      <c r="J3634" s="59">
        <f>Bühler!J3660</f>
        <v>0.81100524092156856</v>
      </c>
      <c r="K3634" s="59">
        <f>Bühler!K3660</f>
        <v>1.2165078613823528</v>
      </c>
      <c r="L3634" s="59">
        <f>Bühler!L3660</f>
        <v>5.8392377346352928</v>
      </c>
      <c r="M3634" s="58">
        <f>Bühler!M3660</f>
        <v>0</v>
      </c>
      <c r="N3634" s="56">
        <f>IF(Input!$D$19=1,J3634*Input!$C$19,0)+IF(Input!$D$20=1,K3634*Input!$C$20,0)+IF(Input!$D$21=1,L3634*Input!$C$21,0)+IF(Input!$D$22=1,M3634*Input!$C$22,0)</f>
        <v>0.24330157227647056</v>
      </c>
      <c r="O3634" s="59">
        <f>IF(Input!$D$19=2,J3634*Input!$C$19,0)+IF(Input!$D$20=2,K3634*Input!$C$20,0)+IF(Input!$D$21=2,L3634*Input!$C$21,0)+IF(Input!$D$22=2,M3634*Input!$C$22,0)</f>
        <v>0.60825393069117639</v>
      </c>
      <c r="P3634" s="59">
        <f>IF(Input!$D$19=3,J3634*Input!$C$19,0)+IF(Input!$D$20=3,K3634*Input!$C$20,0)+IF(Input!$D$21=3,L3634*Input!$C$21,0)+IF(Input!$D$22=3,M3634*Input!$C$22,0)</f>
        <v>0</v>
      </c>
      <c r="Q3634" s="75">
        <f>IF(Input!$D$19=4,J3634*Input!$C$19,0)+IF(Input!$D$20=4,K3634*Input!$C$20,0)+IF(Input!$D$21=4,L3634*Input!$C$21,0)+IF(Input!$D$22=4,M3634*Input!$C$22,0)</f>
        <v>0</v>
      </c>
      <c r="R3634" s="58">
        <v>58.7290395615615</v>
      </c>
      <c r="S3634" s="124">
        <f t="shared" si="56"/>
        <v>1.0543068131980391</v>
      </c>
    </row>
    <row r="3635" spans="8:19" x14ac:dyDescent="0.3">
      <c r="H3635" s="44">
        <v>3628</v>
      </c>
      <c r="I3635" s="56">
        <f>Bühler!I3661</f>
        <v>0.24330157227647053</v>
      </c>
      <c r="J3635" s="59">
        <f>Bühler!J3661</f>
        <v>0.81100524092156856</v>
      </c>
      <c r="K3635" s="59">
        <f>Bühler!K3661</f>
        <v>1.2165078613823528</v>
      </c>
      <c r="L3635" s="59">
        <f>Bühler!L3661</f>
        <v>5.8392377346352928</v>
      </c>
      <c r="M3635" s="58">
        <f>Bühler!M3661</f>
        <v>0</v>
      </c>
      <c r="N3635" s="56">
        <f>IF(Input!$D$19=1,J3635*Input!$C$19,0)+IF(Input!$D$20=1,K3635*Input!$C$20,0)+IF(Input!$D$21=1,L3635*Input!$C$21,0)+IF(Input!$D$22=1,M3635*Input!$C$22,0)</f>
        <v>0.24330157227647056</v>
      </c>
      <c r="O3635" s="59">
        <f>IF(Input!$D$19=2,J3635*Input!$C$19,0)+IF(Input!$D$20=2,K3635*Input!$C$20,0)+IF(Input!$D$21=2,L3635*Input!$C$21,0)+IF(Input!$D$22=2,M3635*Input!$C$22,0)</f>
        <v>0.60825393069117639</v>
      </c>
      <c r="P3635" s="59">
        <f>IF(Input!$D$19=3,J3635*Input!$C$19,0)+IF(Input!$D$20=3,K3635*Input!$C$20,0)+IF(Input!$D$21=3,L3635*Input!$C$21,0)+IF(Input!$D$22=3,M3635*Input!$C$22,0)</f>
        <v>0</v>
      </c>
      <c r="Q3635" s="75">
        <f>IF(Input!$D$19=4,J3635*Input!$C$19,0)+IF(Input!$D$20=4,K3635*Input!$C$20,0)+IF(Input!$D$21=4,L3635*Input!$C$21,0)+IF(Input!$D$22=4,M3635*Input!$C$22,0)</f>
        <v>0</v>
      </c>
      <c r="R3635" s="58">
        <v>59.643819514430831</v>
      </c>
      <c r="S3635" s="124">
        <f t="shared" si="56"/>
        <v>1.0543068131980391</v>
      </c>
    </row>
    <row r="3636" spans="8:19" x14ac:dyDescent="0.3">
      <c r="H3636" s="44">
        <v>3629</v>
      </c>
      <c r="I3636" s="56">
        <f>Bühler!I3662</f>
        <v>0.24330157227647053</v>
      </c>
      <c r="J3636" s="59">
        <f>Bühler!J3662</f>
        <v>0.81100524092156856</v>
      </c>
      <c r="K3636" s="59">
        <f>Bühler!K3662</f>
        <v>1.2165078613823528</v>
      </c>
      <c r="L3636" s="59">
        <f>Bühler!L3662</f>
        <v>5.8392377346352928</v>
      </c>
      <c r="M3636" s="58">
        <f>Bühler!M3662</f>
        <v>0</v>
      </c>
      <c r="N3636" s="56">
        <f>IF(Input!$D$19=1,J3636*Input!$C$19,0)+IF(Input!$D$20=1,K3636*Input!$C$20,0)+IF(Input!$D$21=1,L3636*Input!$C$21,0)+IF(Input!$D$22=1,M3636*Input!$C$22,0)</f>
        <v>0.24330157227647056</v>
      </c>
      <c r="O3636" s="59">
        <f>IF(Input!$D$19=2,J3636*Input!$C$19,0)+IF(Input!$D$20=2,K3636*Input!$C$20,0)+IF(Input!$D$21=2,L3636*Input!$C$21,0)+IF(Input!$D$22=2,M3636*Input!$C$22,0)</f>
        <v>0.60825393069117639</v>
      </c>
      <c r="P3636" s="59">
        <f>IF(Input!$D$19=3,J3636*Input!$C$19,0)+IF(Input!$D$20=3,K3636*Input!$C$20,0)+IF(Input!$D$21=3,L3636*Input!$C$21,0)+IF(Input!$D$22=3,M3636*Input!$C$22,0)</f>
        <v>0</v>
      </c>
      <c r="Q3636" s="75">
        <f>IF(Input!$D$19=4,J3636*Input!$C$19,0)+IF(Input!$D$20=4,K3636*Input!$C$20,0)+IF(Input!$D$21=4,L3636*Input!$C$21,0)+IF(Input!$D$22=4,M3636*Input!$C$22,0)</f>
        <v>0</v>
      </c>
      <c r="R3636" s="58">
        <v>61.184935699771017</v>
      </c>
      <c r="S3636" s="124">
        <f t="shared" si="56"/>
        <v>1.0543068131980391</v>
      </c>
    </row>
    <row r="3637" spans="8:19" x14ac:dyDescent="0.3">
      <c r="H3637" s="44">
        <v>3630</v>
      </c>
      <c r="I3637" s="56">
        <f>Bühler!I3663</f>
        <v>0.31358869315633986</v>
      </c>
      <c r="J3637" s="59">
        <f>Bühler!J3663</f>
        <v>1.0452956438544663</v>
      </c>
      <c r="K3637" s="59">
        <f>Bühler!K3663</f>
        <v>1.5679434657816993</v>
      </c>
      <c r="L3637" s="59">
        <f>Bühler!L3663</f>
        <v>7.5261286357521566</v>
      </c>
      <c r="M3637" s="58">
        <f>Bühler!M3663</f>
        <v>0</v>
      </c>
      <c r="N3637" s="56">
        <f>IF(Input!$D$19=1,J3637*Input!$C$19,0)+IF(Input!$D$20=1,K3637*Input!$C$20,0)+IF(Input!$D$21=1,L3637*Input!$C$21,0)+IF(Input!$D$22=1,M3637*Input!$C$22,0)</f>
        <v>0.31358869315633986</v>
      </c>
      <c r="O3637" s="59">
        <f>IF(Input!$D$19=2,J3637*Input!$C$19,0)+IF(Input!$D$20=2,K3637*Input!$C$20,0)+IF(Input!$D$21=2,L3637*Input!$C$21,0)+IF(Input!$D$22=2,M3637*Input!$C$22,0)</f>
        <v>0.78397173289084965</v>
      </c>
      <c r="P3637" s="59">
        <f>IF(Input!$D$19=3,J3637*Input!$C$19,0)+IF(Input!$D$20=3,K3637*Input!$C$20,0)+IF(Input!$D$21=3,L3637*Input!$C$21,0)+IF(Input!$D$22=3,M3637*Input!$C$22,0)</f>
        <v>0</v>
      </c>
      <c r="Q3637" s="75">
        <f>IF(Input!$D$19=4,J3637*Input!$C$19,0)+IF(Input!$D$20=4,K3637*Input!$C$20,0)+IF(Input!$D$21=4,L3637*Input!$C$21,0)+IF(Input!$D$22=4,M3637*Input!$C$22,0)</f>
        <v>0</v>
      </c>
      <c r="R3637" s="58">
        <v>63.815833444376914</v>
      </c>
      <c r="S3637" s="124">
        <f t="shared" si="56"/>
        <v>1.3588843370108061</v>
      </c>
    </row>
    <row r="3638" spans="8:19" x14ac:dyDescent="0.3">
      <c r="H3638" s="44">
        <v>3631</v>
      </c>
      <c r="I3638" s="56">
        <f>Bühler!I3664</f>
        <v>0.37846911243006537</v>
      </c>
      <c r="J3638" s="59">
        <f>Bühler!J3664</f>
        <v>1.261563708100218</v>
      </c>
      <c r="K3638" s="59">
        <f>Bühler!K3664</f>
        <v>1.8923455621503267</v>
      </c>
      <c r="L3638" s="59">
        <f>Bühler!L3664</f>
        <v>9.0832586983215684</v>
      </c>
      <c r="M3638" s="58">
        <f>Bühler!M3664</f>
        <v>0</v>
      </c>
      <c r="N3638" s="56">
        <f>IF(Input!$D$19=1,J3638*Input!$C$19,0)+IF(Input!$D$20=1,K3638*Input!$C$20,0)+IF(Input!$D$21=1,L3638*Input!$C$21,0)+IF(Input!$D$22=1,M3638*Input!$C$22,0)</f>
        <v>0.37846911243006537</v>
      </c>
      <c r="O3638" s="59">
        <f>IF(Input!$D$19=2,J3638*Input!$C$19,0)+IF(Input!$D$20=2,K3638*Input!$C$20,0)+IF(Input!$D$21=2,L3638*Input!$C$21,0)+IF(Input!$D$22=2,M3638*Input!$C$22,0)</f>
        <v>0.94617278107516334</v>
      </c>
      <c r="P3638" s="59">
        <f>IF(Input!$D$19=3,J3638*Input!$C$19,0)+IF(Input!$D$20=3,K3638*Input!$C$20,0)+IF(Input!$D$21=3,L3638*Input!$C$21,0)+IF(Input!$D$22=3,M3638*Input!$C$22,0)</f>
        <v>0</v>
      </c>
      <c r="Q3638" s="75">
        <f>IF(Input!$D$19=4,J3638*Input!$C$19,0)+IF(Input!$D$20=4,K3638*Input!$C$20,0)+IF(Input!$D$21=4,L3638*Input!$C$21,0)+IF(Input!$D$22=4,M3638*Input!$C$22,0)</f>
        <v>0</v>
      </c>
      <c r="R3638" s="58">
        <v>66.249555247714468</v>
      </c>
      <c r="S3638" s="124">
        <f t="shared" si="56"/>
        <v>1.6400328205302834</v>
      </c>
    </row>
    <row r="3639" spans="8:19" x14ac:dyDescent="0.3">
      <c r="H3639" s="44">
        <v>3632</v>
      </c>
      <c r="I3639" s="56">
        <f>Bühler!I3665</f>
        <v>0.37846911243006537</v>
      </c>
      <c r="J3639" s="59">
        <f>Bühler!J3665</f>
        <v>1.261563708100218</v>
      </c>
      <c r="K3639" s="59">
        <f>Bühler!K3665</f>
        <v>1.8923455621503267</v>
      </c>
      <c r="L3639" s="59">
        <f>Bühler!L3665</f>
        <v>9.0832586983215684</v>
      </c>
      <c r="M3639" s="58">
        <f>Bühler!M3665</f>
        <v>0</v>
      </c>
      <c r="N3639" s="56">
        <f>IF(Input!$D$19=1,J3639*Input!$C$19,0)+IF(Input!$D$20=1,K3639*Input!$C$20,0)+IF(Input!$D$21=1,L3639*Input!$C$21,0)+IF(Input!$D$22=1,M3639*Input!$C$22,0)</f>
        <v>0.37846911243006537</v>
      </c>
      <c r="O3639" s="59">
        <f>IF(Input!$D$19=2,J3639*Input!$C$19,0)+IF(Input!$D$20=2,K3639*Input!$C$20,0)+IF(Input!$D$21=2,L3639*Input!$C$21,0)+IF(Input!$D$22=2,M3639*Input!$C$22,0)</f>
        <v>0.94617278107516334</v>
      </c>
      <c r="P3639" s="59">
        <f>IF(Input!$D$19=3,J3639*Input!$C$19,0)+IF(Input!$D$20=3,K3639*Input!$C$20,0)+IF(Input!$D$21=3,L3639*Input!$C$21,0)+IF(Input!$D$22=3,M3639*Input!$C$22,0)</f>
        <v>0</v>
      </c>
      <c r="Q3639" s="75">
        <f>IF(Input!$D$19=4,J3639*Input!$C$19,0)+IF(Input!$D$20=4,K3639*Input!$C$20,0)+IF(Input!$D$21=4,L3639*Input!$C$21,0)+IF(Input!$D$22=4,M3639*Input!$C$22,0)</f>
        <v>0</v>
      </c>
      <c r="R3639" s="58">
        <v>67.743707055153493</v>
      </c>
      <c r="S3639" s="124">
        <f t="shared" si="56"/>
        <v>1.6400328205302834</v>
      </c>
    </row>
    <row r="3640" spans="8:19" x14ac:dyDescent="0.3">
      <c r="H3640" s="44">
        <v>3633</v>
      </c>
      <c r="I3640" s="56">
        <f>Bühler!I3666</f>
        <v>0.37846911243006537</v>
      </c>
      <c r="J3640" s="59">
        <f>Bühler!J3666</f>
        <v>1.261563708100218</v>
      </c>
      <c r="K3640" s="59">
        <f>Bühler!K3666</f>
        <v>1.8923455621503267</v>
      </c>
      <c r="L3640" s="59">
        <f>Bühler!L3666</f>
        <v>9.0832586983215684</v>
      </c>
      <c r="M3640" s="58">
        <f>Bühler!M3666</f>
        <v>0</v>
      </c>
      <c r="N3640" s="56">
        <f>IF(Input!$D$19=1,J3640*Input!$C$19,0)+IF(Input!$D$20=1,K3640*Input!$C$20,0)+IF(Input!$D$21=1,L3640*Input!$C$21,0)+IF(Input!$D$22=1,M3640*Input!$C$22,0)</f>
        <v>0.37846911243006537</v>
      </c>
      <c r="O3640" s="59">
        <f>IF(Input!$D$19=2,J3640*Input!$C$19,0)+IF(Input!$D$20=2,K3640*Input!$C$20,0)+IF(Input!$D$21=2,L3640*Input!$C$21,0)+IF(Input!$D$22=2,M3640*Input!$C$22,0)</f>
        <v>0.94617278107516334</v>
      </c>
      <c r="P3640" s="59">
        <f>IF(Input!$D$19=3,J3640*Input!$C$19,0)+IF(Input!$D$20=3,K3640*Input!$C$20,0)+IF(Input!$D$21=3,L3640*Input!$C$21,0)+IF(Input!$D$22=3,M3640*Input!$C$22,0)</f>
        <v>0</v>
      </c>
      <c r="Q3640" s="75">
        <f>IF(Input!$D$19=4,J3640*Input!$C$19,0)+IF(Input!$D$20=4,K3640*Input!$C$20,0)+IF(Input!$D$21=4,L3640*Input!$C$21,0)+IF(Input!$D$22=4,M3640*Input!$C$22,0)</f>
        <v>0</v>
      </c>
      <c r="R3640" s="58">
        <v>68.828779649332475</v>
      </c>
      <c r="S3640" s="124">
        <f t="shared" si="56"/>
        <v>1.6400328205302834</v>
      </c>
    </row>
    <row r="3641" spans="8:19" x14ac:dyDescent="0.3">
      <c r="H3641" s="44">
        <v>3634</v>
      </c>
      <c r="I3641" s="56">
        <f>Bühler!I3667</f>
        <v>0.40550262046078422</v>
      </c>
      <c r="J3641" s="59">
        <f>Bühler!J3667</f>
        <v>1.3516754015359476</v>
      </c>
      <c r="K3641" s="59">
        <f>Bühler!K3667</f>
        <v>2.0275131023039212</v>
      </c>
      <c r="L3641" s="59">
        <f>Bühler!L3667</f>
        <v>9.7320628910588205</v>
      </c>
      <c r="M3641" s="58">
        <f>Bühler!M3667</f>
        <v>0</v>
      </c>
      <c r="N3641" s="56">
        <f>IF(Input!$D$19=1,J3641*Input!$C$19,0)+IF(Input!$D$20=1,K3641*Input!$C$20,0)+IF(Input!$D$21=1,L3641*Input!$C$21,0)+IF(Input!$D$22=1,M3641*Input!$C$22,0)</f>
        <v>0.40550262046078428</v>
      </c>
      <c r="O3641" s="59">
        <f>IF(Input!$D$19=2,J3641*Input!$C$19,0)+IF(Input!$D$20=2,K3641*Input!$C$20,0)+IF(Input!$D$21=2,L3641*Input!$C$21,0)+IF(Input!$D$22=2,M3641*Input!$C$22,0)</f>
        <v>1.0137565511519606</v>
      </c>
      <c r="P3641" s="59">
        <f>IF(Input!$D$19=3,J3641*Input!$C$19,0)+IF(Input!$D$20=3,K3641*Input!$C$20,0)+IF(Input!$D$21=3,L3641*Input!$C$21,0)+IF(Input!$D$22=3,M3641*Input!$C$22,0)</f>
        <v>0</v>
      </c>
      <c r="Q3641" s="75">
        <f>IF(Input!$D$19=4,J3641*Input!$C$19,0)+IF(Input!$D$20=4,K3641*Input!$C$20,0)+IF(Input!$D$21=4,L3641*Input!$C$21,0)+IF(Input!$D$22=4,M3641*Input!$C$22,0)</f>
        <v>0</v>
      </c>
      <c r="R3641" s="58">
        <v>69.623824870410701</v>
      </c>
      <c r="S3641" s="124">
        <f t="shared" si="56"/>
        <v>1.7571780219967317</v>
      </c>
    </row>
    <row r="3642" spans="8:19" x14ac:dyDescent="0.3">
      <c r="H3642" s="44">
        <v>3635</v>
      </c>
      <c r="I3642" s="56">
        <f>Bühler!I3668</f>
        <v>0.42172272527921562</v>
      </c>
      <c r="J3642" s="59">
        <f>Bühler!J3668</f>
        <v>1.4057424175973856</v>
      </c>
      <c r="K3642" s="59">
        <f>Bühler!K3668</f>
        <v>2.1086136263960782</v>
      </c>
      <c r="L3642" s="59">
        <f>Bühler!L3668</f>
        <v>10.121345406701176</v>
      </c>
      <c r="M3642" s="58">
        <f>Bühler!M3668</f>
        <v>0</v>
      </c>
      <c r="N3642" s="56">
        <f>IF(Input!$D$19=1,J3642*Input!$C$19,0)+IF(Input!$D$20=1,K3642*Input!$C$20,0)+IF(Input!$D$21=1,L3642*Input!$C$21,0)+IF(Input!$D$22=1,M3642*Input!$C$22,0)</f>
        <v>0.42172272527921567</v>
      </c>
      <c r="O3642" s="59">
        <f>IF(Input!$D$19=2,J3642*Input!$C$19,0)+IF(Input!$D$20=2,K3642*Input!$C$20,0)+IF(Input!$D$21=2,L3642*Input!$C$21,0)+IF(Input!$D$22=2,M3642*Input!$C$22,0)</f>
        <v>1.0543068131980391</v>
      </c>
      <c r="P3642" s="59">
        <f>IF(Input!$D$19=3,J3642*Input!$C$19,0)+IF(Input!$D$20=3,K3642*Input!$C$20,0)+IF(Input!$D$21=3,L3642*Input!$C$21,0)+IF(Input!$D$22=3,M3642*Input!$C$22,0)</f>
        <v>0</v>
      </c>
      <c r="Q3642" s="75">
        <f>IF(Input!$D$19=4,J3642*Input!$C$19,0)+IF(Input!$D$20=4,K3642*Input!$C$20,0)+IF(Input!$D$21=4,L3642*Input!$C$21,0)+IF(Input!$D$22=4,M3642*Input!$C$22,0)</f>
        <v>0</v>
      </c>
      <c r="R3642" s="58">
        <v>69.964071384489799</v>
      </c>
      <c r="S3642" s="124">
        <f t="shared" si="56"/>
        <v>1.8274651428766013</v>
      </c>
    </row>
    <row r="3643" spans="8:19" x14ac:dyDescent="0.3">
      <c r="H3643" s="44">
        <v>3636</v>
      </c>
      <c r="I3643" s="56">
        <f>Bühler!I3669</f>
        <v>0.48660314455294107</v>
      </c>
      <c r="J3643" s="59">
        <f>Bühler!J3669</f>
        <v>1.6220104818431371</v>
      </c>
      <c r="K3643" s="59">
        <f>Bühler!K3669</f>
        <v>2.4330157227647056</v>
      </c>
      <c r="L3643" s="59">
        <f>Bühler!L3669</f>
        <v>11.678475469270586</v>
      </c>
      <c r="M3643" s="58">
        <f>Bühler!M3669</f>
        <v>0</v>
      </c>
      <c r="N3643" s="56">
        <f>IF(Input!$D$19=1,J3643*Input!$C$19,0)+IF(Input!$D$20=1,K3643*Input!$C$20,0)+IF(Input!$D$21=1,L3643*Input!$C$21,0)+IF(Input!$D$22=1,M3643*Input!$C$22,0)</f>
        <v>0.48660314455294112</v>
      </c>
      <c r="O3643" s="59">
        <f>IF(Input!$D$19=2,J3643*Input!$C$19,0)+IF(Input!$D$20=2,K3643*Input!$C$20,0)+IF(Input!$D$21=2,L3643*Input!$C$21,0)+IF(Input!$D$22=2,M3643*Input!$C$22,0)</f>
        <v>1.2165078613823528</v>
      </c>
      <c r="P3643" s="59">
        <f>IF(Input!$D$19=3,J3643*Input!$C$19,0)+IF(Input!$D$20=3,K3643*Input!$C$20,0)+IF(Input!$D$21=3,L3643*Input!$C$21,0)+IF(Input!$D$22=3,M3643*Input!$C$22,0)</f>
        <v>0</v>
      </c>
      <c r="Q3643" s="75">
        <f>IF(Input!$D$19=4,J3643*Input!$C$19,0)+IF(Input!$D$20=4,K3643*Input!$C$20,0)+IF(Input!$D$21=4,L3643*Input!$C$21,0)+IF(Input!$D$22=4,M3643*Input!$C$22,0)</f>
        <v>0</v>
      </c>
      <c r="R3643" s="58">
        <v>69.759178553992214</v>
      </c>
      <c r="S3643" s="124">
        <f t="shared" si="56"/>
        <v>2.1086136263960782</v>
      </c>
    </row>
    <row r="3644" spans="8:19" x14ac:dyDescent="0.3">
      <c r="H3644" s="44">
        <v>3637</v>
      </c>
      <c r="I3644" s="56">
        <f>Bühler!I3670</f>
        <v>0.48660314455294107</v>
      </c>
      <c r="J3644" s="59">
        <f>Bühler!J3670</f>
        <v>1.6220104818431371</v>
      </c>
      <c r="K3644" s="59">
        <f>Bühler!K3670</f>
        <v>2.4330157227647056</v>
      </c>
      <c r="L3644" s="59">
        <f>Bühler!L3670</f>
        <v>11.678475469270586</v>
      </c>
      <c r="M3644" s="58">
        <f>Bühler!M3670</f>
        <v>0</v>
      </c>
      <c r="N3644" s="56">
        <f>IF(Input!$D$19=1,J3644*Input!$C$19,0)+IF(Input!$D$20=1,K3644*Input!$C$20,0)+IF(Input!$D$21=1,L3644*Input!$C$21,0)+IF(Input!$D$22=1,M3644*Input!$C$22,0)</f>
        <v>0.48660314455294112</v>
      </c>
      <c r="O3644" s="59">
        <f>IF(Input!$D$19=2,J3644*Input!$C$19,0)+IF(Input!$D$20=2,K3644*Input!$C$20,0)+IF(Input!$D$21=2,L3644*Input!$C$21,0)+IF(Input!$D$22=2,M3644*Input!$C$22,0)</f>
        <v>1.2165078613823528</v>
      </c>
      <c r="P3644" s="59">
        <f>IF(Input!$D$19=3,J3644*Input!$C$19,0)+IF(Input!$D$20=3,K3644*Input!$C$20,0)+IF(Input!$D$21=3,L3644*Input!$C$21,0)+IF(Input!$D$22=3,M3644*Input!$C$22,0)</f>
        <v>0</v>
      </c>
      <c r="Q3644" s="75">
        <f>IF(Input!$D$19=4,J3644*Input!$C$19,0)+IF(Input!$D$20=4,K3644*Input!$C$20,0)+IF(Input!$D$21=4,L3644*Input!$C$21,0)+IF(Input!$D$22=4,M3644*Input!$C$22,0)</f>
        <v>0</v>
      </c>
      <c r="R3644" s="58">
        <v>68.365777710774111</v>
      </c>
      <c r="S3644" s="124">
        <f t="shared" si="56"/>
        <v>2.1086136263960782</v>
      </c>
    </row>
    <row r="3645" spans="8:19" x14ac:dyDescent="0.3">
      <c r="H3645" s="44">
        <v>3638</v>
      </c>
      <c r="I3645" s="56">
        <f>Bühler!I3671</f>
        <v>0.48660314455294107</v>
      </c>
      <c r="J3645" s="59">
        <f>Bühler!J3671</f>
        <v>1.6220104818431371</v>
      </c>
      <c r="K3645" s="59">
        <f>Bühler!K3671</f>
        <v>2.4330157227647056</v>
      </c>
      <c r="L3645" s="59">
        <f>Bühler!L3671</f>
        <v>11.678475469270586</v>
      </c>
      <c r="M3645" s="58">
        <f>Bühler!M3671</f>
        <v>0</v>
      </c>
      <c r="N3645" s="56">
        <f>IF(Input!$D$19=1,J3645*Input!$C$19,0)+IF(Input!$D$20=1,K3645*Input!$C$20,0)+IF(Input!$D$21=1,L3645*Input!$C$21,0)+IF(Input!$D$22=1,M3645*Input!$C$22,0)</f>
        <v>0.48660314455294112</v>
      </c>
      <c r="O3645" s="59">
        <f>IF(Input!$D$19=2,J3645*Input!$C$19,0)+IF(Input!$D$20=2,K3645*Input!$C$20,0)+IF(Input!$D$21=2,L3645*Input!$C$21,0)+IF(Input!$D$22=2,M3645*Input!$C$22,0)</f>
        <v>1.2165078613823528</v>
      </c>
      <c r="P3645" s="59">
        <f>IF(Input!$D$19=3,J3645*Input!$C$19,0)+IF(Input!$D$20=3,K3645*Input!$C$20,0)+IF(Input!$D$21=3,L3645*Input!$C$21,0)+IF(Input!$D$22=3,M3645*Input!$C$22,0)</f>
        <v>0</v>
      </c>
      <c r="Q3645" s="75">
        <f>IF(Input!$D$19=4,J3645*Input!$C$19,0)+IF(Input!$D$20=4,K3645*Input!$C$20,0)+IF(Input!$D$21=4,L3645*Input!$C$21,0)+IF(Input!$D$22=4,M3645*Input!$C$22,0)</f>
        <v>0</v>
      </c>
      <c r="R3645" s="58">
        <v>67.622911984892468</v>
      </c>
      <c r="S3645" s="124">
        <f t="shared" si="56"/>
        <v>2.1086136263960782</v>
      </c>
    </row>
    <row r="3646" spans="8:19" x14ac:dyDescent="0.3">
      <c r="H3646" s="44">
        <v>3639</v>
      </c>
      <c r="I3646" s="56">
        <f>Bühler!I3672</f>
        <v>0.48660314455294107</v>
      </c>
      <c r="J3646" s="59">
        <f>Bühler!J3672</f>
        <v>1.6220104818431371</v>
      </c>
      <c r="K3646" s="59">
        <f>Bühler!K3672</f>
        <v>2.4330157227647056</v>
      </c>
      <c r="L3646" s="59">
        <f>Bühler!L3672</f>
        <v>11.678475469270586</v>
      </c>
      <c r="M3646" s="58">
        <f>Bühler!M3672</f>
        <v>0</v>
      </c>
      <c r="N3646" s="56">
        <f>IF(Input!$D$19=1,J3646*Input!$C$19,0)+IF(Input!$D$20=1,K3646*Input!$C$20,0)+IF(Input!$D$21=1,L3646*Input!$C$21,0)+IF(Input!$D$22=1,M3646*Input!$C$22,0)</f>
        <v>0.48660314455294112</v>
      </c>
      <c r="O3646" s="59">
        <f>IF(Input!$D$19=2,J3646*Input!$C$19,0)+IF(Input!$D$20=2,K3646*Input!$C$20,0)+IF(Input!$D$21=2,L3646*Input!$C$21,0)+IF(Input!$D$22=2,M3646*Input!$C$22,0)</f>
        <v>1.2165078613823528</v>
      </c>
      <c r="P3646" s="59">
        <f>IF(Input!$D$19=3,J3646*Input!$C$19,0)+IF(Input!$D$20=3,K3646*Input!$C$20,0)+IF(Input!$D$21=3,L3646*Input!$C$21,0)+IF(Input!$D$22=3,M3646*Input!$C$22,0)</f>
        <v>0</v>
      </c>
      <c r="Q3646" s="75">
        <f>IF(Input!$D$19=4,J3646*Input!$C$19,0)+IF(Input!$D$20=4,K3646*Input!$C$20,0)+IF(Input!$D$21=4,L3646*Input!$C$21,0)+IF(Input!$D$22=4,M3646*Input!$C$22,0)</f>
        <v>0</v>
      </c>
      <c r="R3646" s="58">
        <v>67.838618282872687</v>
      </c>
      <c r="S3646" s="124">
        <f t="shared" si="56"/>
        <v>2.1086136263960782</v>
      </c>
    </row>
    <row r="3647" spans="8:19" x14ac:dyDescent="0.3">
      <c r="H3647" s="44">
        <v>3640</v>
      </c>
      <c r="I3647" s="56">
        <f>Bühler!I3673</f>
        <v>0.40550262046078422</v>
      </c>
      <c r="J3647" s="59">
        <f>Bühler!J3673</f>
        <v>1.3516754015359476</v>
      </c>
      <c r="K3647" s="59">
        <f>Bühler!K3673</f>
        <v>2.0275131023039212</v>
      </c>
      <c r="L3647" s="59">
        <f>Bühler!L3673</f>
        <v>9.7320628910588205</v>
      </c>
      <c r="M3647" s="58">
        <f>Bühler!M3673</f>
        <v>0</v>
      </c>
      <c r="N3647" s="56">
        <f>IF(Input!$D$19=1,J3647*Input!$C$19,0)+IF(Input!$D$20=1,K3647*Input!$C$20,0)+IF(Input!$D$21=1,L3647*Input!$C$21,0)+IF(Input!$D$22=1,M3647*Input!$C$22,0)</f>
        <v>0.40550262046078428</v>
      </c>
      <c r="O3647" s="59">
        <f>IF(Input!$D$19=2,J3647*Input!$C$19,0)+IF(Input!$D$20=2,K3647*Input!$C$20,0)+IF(Input!$D$21=2,L3647*Input!$C$21,0)+IF(Input!$D$22=2,M3647*Input!$C$22,0)</f>
        <v>1.0137565511519606</v>
      </c>
      <c r="P3647" s="59">
        <f>IF(Input!$D$19=3,J3647*Input!$C$19,0)+IF(Input!$D$20=3,K3647*Input!$C$20,0)+IF(Input!$D$21=3,L3647*Input!$C$21,0)+IF(Input!$D$22=3,M3647*Input!$C$22,0)</f>
        <v>0</v>
      </c>
      <c r="Q3647" s="75">
        <f>IF(Input!$D$19=4,J3647*Input!$C$19,0)+IF(Input!$D$20=4,K3647*Input!$C$20,0)+IF(Input!$D$21=4,L3647*Input!$C$21,0)+IF(Input!$D$22=4,M3647*Input!$C$22,0)</f>
        <v>0</v>
      </c>
      <c r="R3647" s="58">
        <v>66.996216997478967</v>
      </c>
      <c r="S3647" s="124">
        <f t="shared" si="56"/>
        <v>1.7571780219967317</v>
      </c>
    </row>
    <row r="3648" spans="8:19" x14ac:dyDescent="0.3">
      <c r="H3648" s="44">
        <v>3641</v>
      </c>
      <c r="I3648" s="56">
        <f>Bühler!I3674</f>
        <v>0.38387581403620913</v>
      </c>
      <c r="J3648" s="59">
        <f>Bühler!J3674</f>
        <v>1.2795860467873639</v>
      </c>
      <c r="K3648" s="59">
        <f>Bühler!K3674</f>
        <v>1.9193790701810456</v>
      </c>
      <c r="L3648" s="59">
        <f>Bühler!L3674</f>
        <v>9.2130195368690195</v>
      </c>
      <c r="M3648" s="58">
        <f>Bühler!M3674</f>
        <v>0</v>
      </c>
      <c r="N3648" s="56">
        <f>IF(Input!$D$19=1,J3648*Input!$C$19,0)+IF(Input!$D$20=1,K3648*Input!$C$20,0)+IF(Input!$D$21=1,L3648*Input!$C$21,0)+IF(Input!$D$22=1,M3648*Input!$C$22,0)</f>
        <v>0.38387581403620913</v>
      </c>
      <c r="O3648" s="59">
        <f>IF(Input!$D$19=2,J3648*Input!$C$19,0)+IF(Input!$D$20=2,K3648*Input!$C$20,0)+IF(Input!$D$21=2,L3648*Input!$C$21,0)+IF(Input!$D$22=2,M3648*Input!$C$22,0)</f>
        <v>0.95968953509052279</v>
      </c>
      <c r="P3648" s="59">
        <f>IF(Input!$D$19=3,J3648*Input!$C$19,0)+IF(Input!$D$20=3,K3648*Input!$C$20,0)+IF(Input!$D$21=3,L3648*Input!$C$21,0)+IF(Input!$D$22=3,M3648*Input!$C$22,0)</f>
        <v>0</v>
      </c>
      <c r="Q3648" s="75">
        <f>IF(Input!$D$19=4,J3648*Input!$C$19,0)+IF(Input!$D$20=4,K3648*Input!$C$20,0)+IF(Input!$D$21=4,L3648*Input!$C$21,0)+IF(Input!$D$22=4,M3648*Input!$C$22,0)</f>
        <v>0</v>
      </c>
      <c r="R3648" s="58">
        <v>65.229593684526932</v>
      </c>
      <c r="S3648" s="124">
        <f t="shared" si="56"/>
        <v>1.6634618608235729</v>
      </c>
    </row>
    <row r="3649" spans="8:19" x14ac:dyDescent="0.3">
      <c r="H3649" s="44">
        <v>3642</v>
      </c>
      <c r="I3649" s="56">
        <f>Bühler!I3675</f>
        <v>0.38387581403620913</v>
      </c>
      <c r="J3649" s="59">
        <f>Bühler!J3675</f>
        <v>1.2795860467873639</v>
      </c>
      <c r="K3649" s="59">
        <f>Bühler!K3675</f>
        <v>1.9193790701810456</v>
      </c>
      <c r="L3649" s="59">
        <f>Bühler!L3675</f>
        <v>9.2130195368690195</v>
      </c>
      <c r="M3649" s="58">
        <f>Bühler!M3675</f>
        <v>0</v>
      </c>
      <c r="N3649" s="56">
        <f>IF(Input!$D$19=1,J3649*Input!$C$19,0)+IF(Input!$D$20=1,K3649*Input!$C$20,0)+IF(Input!$D$21=1,L3649*Input!$C$21,0)+IF(Input!$D$22=1,M3649*Input!$C$22,0)</f>
        <v>0.38387581403620913</v>
      </c>
      <c r="O3649" s="59">
        <f>IF(Input!$D$19=2,J3649*Input!$C$19,0)+IF(Input!$D$20=2,K3649*Input!$C$20,0)+IF(Input!$D$21=2,L3649*Input!$C$21,0)+IF(Input!$D$22=2,M3649*Input!$C$22,0)</f>
        <v>0.95968953509052279</v>
      </c>
      <c r="P3649" s="59">
        <f>IF(Input!$D$19=3,J3649*Input!$C$19,0)+IF(Input!$D$20=3,K3649*Input!$C$20,0)+IF(Input!$D$21=3,L3649*Input!$C$21,0)+IF(Input!$D$22=3,M3649*Input!$C$22,0)</f>
        <v>0</v>
      </c>
      <c r="Q3649" s="75">
        <f>IF(Input!$D$19=4,J3649*Input!$C$19,0)+IF(Input!$D$20=4,K3649*Input!$C$20,0)+IF(Input!$D$21=4,L3649*Input!$C$21,0)+IF(Input!$D$22=4,M3649*Input!$C$22,0)</f>
        <v>0</v>
      </c>
      <c r="R3649" s="58">
        <v>63.710285567053162</v>
      </c>
      <c r="S3649" s="124">
        <f t="shared" si="56"/>
        <v>1.6634618608235729</v>
      </c>
    </row>
    <row r="3650" spans="8:19" x14ac:dyDescent="0.3">
      <c r="H3650" s="44">
        <v>3643</v>
      </c>
      <c r="I3650" s="56">
        <f>Bühler!I3676</f>
        <v>0.38387581403620913</v>
      </c>
      <c r="J3650" s="59">
        <f>Bühler!J3676</f>
        <v>1.2795860467873639</v>
      </c>
      <c r="K3650" s="59">
        <f>Bühler!K3676</f>
        <v>1.9193790701810456</v>
      </c>
      <c r="L3650" s="59">
        <f>Bühler!L3676</f>
        <v>9.2130195368690195</v>
      </c>
      <c r="M3650" s="58">
        <f>Bühler!M3676</f>
        <v>0</v>
      </c>
      <c r="N3650" s="56">
        <f>IF(Input!$D$19=1,J3650*Input!$C$19,0)+IF(Input!$D$20=1,K3650*Input!$C$20,0)+IF(Input!$D$21=1,L3650*Input!$C$21,0)+IF(Input!$D$22=1,M3650*Input!$C$22,0)</f>
        <v>0.38387581403620913</v>
      </c>
      <c r="O3650" s="59">
        <f>IF(Input!$D$19=2,J3650*Input!$C$19,0)+IF(Input!$D$20=2,K3650*Input!$C$20,0)+IF(Input!$D$21=2,L3650*Input!$C$21,0)+IF(Input!$D$22=2,M3650*Input!$C$22,0)</f>
        <v>0.95968953509052279</v>
      </c>
      <c r="P3650" s="59">
        <f>IF(Input!$D$19=3,J3650*Input!$C$19,0)+IF(Input!$D$20=3,K3650*Input!$C$20,0)+IF(Input!$D$21=3,L3650*Input!$C$21,0)+IF(Input!$D$22=3,M3650*Input!$C$22,0)</f>
        <v>0</v>
      </c>
      <c r="Q3650" s="75">
        <f>IF(Input!$D$19=4,J3650*Input!$C$19,0)+IF(Input!$D$20=4,K3650*Input!$C$20,0)+IF(Input!$D$21=4,L3650*Input!$C$21,0)+IF(Input!$D$22=4,M3650*Input!$C$22,0)</f>
        <v>0</v>
      </c>
      <c r="R3650" s="58">
        <v>62.736060973448254</v>
      </c>
      <c r="S3650" s="124">
        <f t="shared" si="56"/>
        <v>1.6634618608235729</v>
      </c>
    </row>
    <row r="3651" spans="8:19" x14ac:dyDescent="0.3">
      <c r="H3651" s="44">
        <v>3644</v>
      </c>
      <c r="I3651" s="56">
        <f>Bühler!I3677</f>
        <v>0.38387581403620913</v>
      </c>
      <c r="J3651" s="59">
        <f>Bühler!J3677</f>
        <v>1.2795860467873639</v>
      </c>
      <c r="K3651" s="59">
        <f>Bühler!K3677</f>
        <v>1.9193790701810456</v>
      </c>
      <c r="L3651" s="59">
        <f>Bühler!L3677</f>
        <v>9.2130195368690195</v>
      </c>
      <c r="M3651" s="58">
        <f>Bühler!M3677</f>
        <v>0</v>
      </c>
      <c r="N3651" s="56">
        <f>IF(Input!$D$19=1,J3651*Input!$C$19,0)+IF(Input!$D$20=1,K3651*Input!$C$20,0)+IF(Input!$D$21=1,L3651*Input!$C$21,0)+IF(Input!$D$22=1,M3651*Input!$C$22,0)</f>
        <v>0.38387581403620913</v>
      </c>
      <c r="O3651" s="59">
        <f>IF(Input!$D$19=2,J3651*Input!$C$19,0)+IF(Input!$D$20=2,K3651*Input!$C$20,0)+IF(Input!$D$21=2,L3651*Input!$C$21,0)+IF(Input!$D$22=2,M3651*Input!$C$22,0)</f>
        <v>0.95968953509052279</v>
      </c>
      <c r="P3651" s="59">
        <f>IF(Input!$D$19=3,J3651*Input!$C$19,0)+IF(Input!$D$20=3,K3651*Input!$C$20,0)+IF(Input!$D$21=3,L3651*Input!$C$21,0)+IF(Input!$D$22=3,M3651*Input!$C$22,0)</f>
        <v>0</v>
      </c>
      <c r="Q3651" s="75">
        <f>IF(Input!$D$19=4,J3651*Input!$C$19,0)+IF(Input!$D$20=4,K3651*Input!$C$20,0)+IF(Input!$D$21=4,L3651*Input!$C$21,0)+IF(Input!$D$22=4,M3651*Input!$C$22,0)</f>
        <v>0</v>
      </c>
      <c r="R3651" s="58">
        <v>61.324731581943432</v>
      </c>
      <c r="S3651" s="124">
        <f t="shared" si="56"/>
        <v>1.6634618608235729</v>
      </c>
    </row>
    <row r="3652" spans="8:19" x14ac:dyDescent="0.3">
      <c r="H3652" s="44">
        <v>3645</v>
      </c>
      <c r="I3652" s="56">
        <f>Bühler!I3678</f>
        <v>0.29736858833790847</v>
      </c>
      <c r="J3652" s="59">
        <f>Bühler!J3678</f>
        <v>0.99122862779302834</v>
      </c>
      <c r="K3652" s="59">
        <f>Bühler!K3678</f>
        <v>1.4868429416895423</v>
      </c>
      <c r="L3652" s="59">
        <f>Bühler!L3678</f>
        <v>7.1368461201098032</v>
      </c>
      <c r="M3652" s="58">
        <f>Bühler!M3678</f>
        <v>0</v>
      </c>
      <c r="N3652" s="56">
        <f>IF(Input!$D$19=1,J3652*Input!$C$19,0)+IF(Input!$D$20=1,K3652*Input!$C$20,0)+IF(Input!$D$21=1,L3652*Input!$C$21,0)+IF(Input!$D$22=1,M3652*Input!$C$22,0)</f>
        <v>0.29736858833790847</v>
      </c>
      <c r="O3652" s="59">
        <f>IF(Input!$D$19=2,J3652*Input!$C$19,0)+IF(Input!$D$20=2,K3652*Input!$C$20,0)+IF(Input!$D$21=2,L3652*Input!$C$21,0)+IF(Input!$D$22=2,M3652*Input!$C$22,0)</f>
        <v>0.74342147084477117</v>
      </c>
      <c r="P3652" s="59">
        <f>IF(Input!$D$19=3,J3652*Input!$C$19,0)+IF(Input!$D$20=3,K3652*Input!$C$20,0)+IF(Input!$D$21=3,L3652*Input!$C$21,0)+IF(Input!$D$22=3,M3652*Input!$C$22,0)</f>
        <v>0</v>
      </c>
      <c r="Q3652" s="75">
        <f>IF(Input!$D$19=4,J3652*Input!$C$19,0)+IF(Input!$D$20=4,K3652*Input!$C$20,0)+IF(Input!$D$21=4,L3652*Input!$C$21,0)+IF(Input!$D$22=4,M3652*Input!$C$22,0)</f>
        <v>0</v>
      </c>
      <c r="R3652" s="58">
        <v>59.175426895978433</v>
      </c>
      <c r="S3652" s="124">
        <f t="shared" si="56"/>
        <v>1.2885972161309369</v>
      </c>
    </row>
    <row r="3653" spans="8:19" x14ac:dyDescent="0.3">
      <c r="H3653" s="44">
        <v>3646</v>
      </c>
      <c r="I3653" s="56">
        <f>Bühler!I3679</f>
        <v>0.1135407337290196</v>
      </c>
      <c r="J3653" s="59">
        <f>Bühler!J3679</f>
        <v>0.37846911243006537</v>
      </c>
      <c r="K3653" s="59">
        <f>Bühler!K3679</f>
        <v>0.56770366864509803</v>
      </c>
      <c r="L3653" s="59">
        <f>Bühler!L3679</f>
        <v>2.7249776094964702</v>
      </c>
      <c r="M3653" s="58">
        <f>Bühler!M3679</f>
        <v>0</v>
      </c>
      <c r="N3653" s="56">
        <f>IF(Input!$D$19=1,J3653*Input!$C$19,0)+IF(Input!$D$20=1,K3653*Input!$C$20,0)+IF(Input!$D$21=1,L3653*Input!$C$21,0)+IF(Input!$D$22=1,M3653*Input!$C$22,0)</f>
        <v>0.1135407337290196</v>
      </c>
      <c r="O3653" s="59">
        <f>IF(Input!$D$19=2,J3653*Input!$C$19,0)+IF(Input!$D$20=2,K3653*Input!$C$20,0)+IF(Input!$D$21=2,L3653*Input!$C$21,0)+IF(Input!$D$22=2,M3653*Input!$C$22,0)</f>
        <v>0.28385183432254901</v>
      </c>
      <c r="P3653" s="59">
        <f>IF(Input!$D$19=3,J3653*Input!$C$19,0)+IF(Input!$D$20=3,K3653*Input!$C$20,0)+IF(Input!$D$21=3,L3653*Input!$C$21,0)+IF(Input!$D$22=3,M3653*Input!$C$22,0)</f>
        <v>0</v>
      </c>
      <c r="Q3653" s="75">
        <f>IF(Input!$D$19=4,J3653*Input!$C$19,0)+IF(Input!$D$20=4,K3653*Input!$C$20,0)+IF(Input!$D$21=4,L3653*Input!$C$21,0)+IF(Input!$D$22=4,M3653*Input!$C$22,0)</f>
        <v>0</v>
      </c>
      <c r="R3653" s="58">
        <v>57.707496797389339</v>
      </c>
      <c r="S3653" s="124">
        <f t="shared" si="56"/>
        <v>0.49200984615908494</v>
      </c>
    </row>
    <row r="3654" spans="8:19" x14ac:dyDescent="0.3">
      <c r="H3654" s="44">
        <v>3647</v>
      </c>
      <c r="I3654" s="56">
        <f>Bühler!I3680</f>
        <v>0.1135407337290196</v>
      </c>
      <c r="J3654" s="59">
        <f>Bühler!J3680</f>
        <v>0.37846911243006537</v>
      </c>
      <c r="K3654" s="59">
        <f>Bühler!K3680</f>
        <v>0.56770366864509803</v>
      </c>
      <c r="L3654" s="59">
        <f>Bühler!L3680</f>
        <v>2.7249776094964702</v>
      </c>
      <c r="M3654" s="58">
        <f>Bühler!M3680</f>
        <v>0</v>
      </c>
      <c r="N3654" s="56">
        <f>IF(Input!$D$19=1,J3654*Input!$C$19,0)+IF(Input!$D$20=1,K3654*Input!$C$20,0)+IF(Input!$D$21=1,L3654*Input!$C$21,0)+IF(Input!$D$22=1,M3654*Input!$C$22,0)</f>
        <v>0.1135407337290196</v>
      </c>
      <c r="O3654" s="59">
        <f>IF(Input!$D$19=2,J3654*Input!$C$19,0)+IF(Input!$D$20=2,K3654*Input!$C$20,0)+IF(Input!$D$21=2,L3654*Input!$C$21,0)+IF(Input!$D$22=2,M3654*Input!$C$22,0)</f>
        <v>0.28385183432254901</v>
      </c>
      <c r="P3654" s="59">
        <f>IF(Input!$D$19=3,J3654*Input!$C$19,0)+IF(Input!$D$20=3,K3654*Input!$C$20,0)+IF(Input!$D$21=3,L3654*Input!$C$21,0)+IF(Input!$D$22=3,M3654*Input!$C$22,0)</f>
        <v>0</v>
      </c>
      <c r="Q3654" s="75">
        <f>IF(Input!$D$19=4,J3654*Input!$C$19,0)+IF(Input!$D$20=4,K3654*Input!$C$20,0)+IF(Input!$D$21=4,L3654*Input!$C$21,0)+IF(Input!$D$22=4,M3654*Input!$C$22,0)</f>
        <v>0</v>
      </c>
      <c r="R3654" s="58">
        <v>57.509524008652086</v>
      </c>
      <c r="S3654" s="124">
        <f t="shared" si="56"/>
        <v>0.49200984615908494</v>
      </c>
    </row>
    <row r="3655" spans="8:19" x14ac:dyDescent="0.3">
      <c r="H3655" s="44">
        <v>3648</v>
      </c>
      <c r="I3655" s="56">
        <f>Bühler!I3681</f>
        <v>0.1135407337290196</v>
      </c>
      <c r="J3655" s="59">
        <f>Bühler!J3681</f>
        <v>0.37846911243006537</v>
      </c>
      <c r="K3655" s="59">
        <f>Bühler!K3681</f>
        <v>0.56770366864509803</v>
      </c>
      <c r="L3655" s="59">
        <f>Bühler!L3681</f>
        <v>2.7249776094964702</v>
      </c>
      <c r="M3655" s="58">
        <f>Bühler!M3681</f>
        <v>0</v>
      </c>
      <c r="N3655" s="56">
        <f>IF(Input!$D$19=1,J3655*Input!$C$19,0)+IF(Input!$D$20=1,K3655*Input!$C$20,0)+IF(Input!$D$21=1,L3655*Input!$C$21,0)+IF(Input!$D$22=1,M3655*Input!$C$22,0)</f>
        <v>0.1135407337290196</v>
      </c>
      <c r="O3655" s="59">
        <f>IF(Input!$D$19=2,J3655*Input!$C$19,0)+IF(Input!$D$20=2,K3655*Input!$C$20,0)+IF(Input!$D$21=2,L3655*Input!$C$21,0)+IF(Input!$D$22=2,M3655*Input!$C$22,0)</f>
        <v>0.28385183432254901</v>
      </c>
      <c r="P3655" s="59">
        <f>IF(Input!$D$19=3,J3655*Input!$C$19,0)+IF(Input!$D$20=3,K3655*Input!$C$20,0)+IF(Input!$D$21=3,L3655*Input!$C$21,0)+IF(Input!$D$22=3,M3655*Input!$C$22,0)</f>
        <v>0</v>
      </c>
      <c r="Q3655" s="75">
        <f>IF(Input!$D$19=4,J3655*Input!$C$19,0)+IF(Input!$D$20=4,K3655*Input!$C$20,0)+IF(Input!$D$21=4,L3655*Input!$C$21,0)+IF(Input!$D$22=4,M3655*Input!$C$22,0)</f>
        <v>0</v>
      </c>
      <c r="R3655" s="58">
        <v>56.683354506396562</v>
      </c>
      <c r="S3655" s="124">
        <f t="shared" si="56"/>
        <v>0.49200984615908494</v>
      </c>
    </row>
    <row r="3656" spans="8:19" x14ac:dyDescent="0.3">
      <c r="H3656" s="44">
        <v>3649</v>
      </c>
      <c r="I3656" s="56">
        <f>Bühler!I3682</f>
        <v>6.4744501020384926E-2</v>
      </c>
      <c r="J3656" s="59">
        <f>Bühler!J3682</f>
        <v>0.2158150034012831</v>
      </c>
      <c r="K3656" s="59">
        <f>Bühler!K3682</f>
        <v>0.32372250510192463</v>
      </c>
      <c r="L3656" s="59">
        <f>Bühler!L3682</f>
        <v>3.9076284932038492</v>
      </c>
      <c r="M3656" s="58">
        <f>Bühler!M3682</f>
        <v>0</v>
      </c>
      <c r="N3656" s="56">
        <f>IF(Input!$D$19=1,J3656*Input!$C$19,0)+IF(Input!$D$20=1,K3656*Input!$C$20,0)+IF(Input!$D$21=1,L3656*Input!$C$21,0)+IF(Input!$D$22=1,M3656*Input!$C$22,0)</f>
        <v>6.4744501020384926E-2</v>
      </c>
      <c r="O3656" s="59">
        <f>IF(Input!$D$19=2,J3656*Input!$C$19,0)+IF(Input!$D$20=2,K3656*Input!$C$20,0)+IF(Input!$D$21=2,L3656*Input!$C$21,0)+IF(Input!$D$22=2,M3656*Input!$C$22,0)</f>
        <v>0.16186125255096231</v>
      </c>
      <c r="P3656" s="59">
        <f>IF(Input!$D$19=3,J3656*Input!$C$19,0)+IF(Input!$D$20=3,K3656*Input!$C$20,0)+IF(Input!$D$21=3,L3656*Input!$C$21,0)+IF(Input!$D$22=3,M3656*Input!$C$22,0)</f>
        <v>0</v>
      </c>
      <c r="Q3656" s="75">
        <f>IF(Input!$D$19=4,J3656*Input!$C$19,0)+IF(Input!$D$20=4,K3656*Input!$C$20,0)+IF(Input!$D$21=4,L3656*Input!$C$21,0)+IF(Input!$D$22=4,M3656*Input!$C$22,0)</f>
        <v>0</v>
      </c>
      <c r="R3656" s="58">
        <v>55.68912126839588</v>
      </c>
      <c r="S3656" s="124">
        <f t="shared" si="56"/>
        <v>0.28055950442166799</v>
      </c>
    </row>
    <row r="3657" spans="8:19" x14ac:dyDescent="0.3">
      <c r="H3657" s="44">
        <v>3650</v>
      </c>
      <c r="I3657" s="56">
        <f>Bühler!I3683</f>
        <v>0.12640593056360869</v>
      </c>
      <c r="J3657" s="59">
        <f>Bühler!J3683</f>
        <v>0.42135310187869568</v>
      </c>
      <c r="K3657" s="59">
        <f>Bühler!K3683</f>
        <v>0.63202965281804357</v>
      </c>
      <c r="L3657" s="59">
        <f>Bühler!L3683</f>
        <v>7.6291794391122787</v>
      </c>
      <c r="M3657" s="58">
        <f>Bühler!M3683</f>
        <v>0</v>
      </c>
      <c r="N3657" s="56">
        <f>IF(Input!$D$19=1,J3657*Input!$C$19,0)+IF(Input!$D$20=1,K3657*Input!$C$20,0)+IF(Input!$D$21=1,L3657*Input!$C$21,0)+IF(Input!$D$22=1,M3657*Input!$C$22,0)</f>
        <v>0.12640593056360869</v>
      </c>
      <c r="O3657" s="59">
        <f>IF(Input!$D$19=2,J3657*Input!$C$19,0)+IF(Input!$D$20=2,K3657*Input!$C$20,0)+IF(Input!$D$21=2,L3657*Input!$C$21,0)+IF(Input!$D$22=2,M3657*Input!$C$22,0)</f>
        <v>0.31601482640902179</v>
      </c>
      <c r="P3657" s="59">
        <f>IF(Input!$D$19=3,J3657*Input!$C$19,0)+IF(Input!$D$20=3,K3657*Input!$C$20,0)+IF(Input!$D$21=3,L3657*Input!$C$21,0)+IF(Input!$D$22=3,M3657*Input!$C$22,0)</f>
        <v>0</v>
      </c>
      <c r="Q3657" s="75">
        <f>IF(Input!$D$19=4,J3657*Input!$C$19,0)+IF(Input!$D$20=4,K3657*Input!$C$20,0)+IF(Input!$D$21=4,L3657*Input!$C$21,0)+IF(Input!$D$22=4,M3657*Input!$C$22,0)</f>
        <v>0</v>
      </c>
      <c r="R3657" s="58">
        <v>54.418369170517977</v>
      </c>
      <c r="S3657" s="124">
        <f t="shared" ref="S3657:S3720" si="57">I3657+J3657</f>
        <v>0.54775903244230439</v>
      </c>
    </row>
    <row r="3658" spans="8:19" x14ac:dyDescent="0.3">
      <c r="H3658" s="44">
        <v>3651</v>
      </c>
      <c r="I3658" s="56">
        <f>Bühler!I3684</f>
        <v>0.12640593056360869</v>
      </c>
      <c r="J3658" s="59">
        <f>Bühler!J3684</f>
        <v>0.42135310187869568</v>
      </c>
      <c r="K3658" s="59">
        <f>Bühler!K3684</f>
        <v>0.63202965281804357</v>
      </c>
      <c r="L3658" s="59">
        <f>Bühler!L3684</f>
        <v>7.6291794391122787</v>
      </c>
      <c r="M3658" s="58">
        <f>Bühler!M3684</f>
        <v>0</v>
      </c>
      <c r="N3658" s="56">
        <f>IF(Input!$D$19=1,J3658*Input!$C$19,0)+IF(Input!$D$20=1,K3658*Input!$C$20,0)+IF(Input!$D$21=1,L3658*Input!$C$21,0)+IF(Input!$D$22=1,M3658*Input!$C$22,0)</f>
        <v>0.12640593056360869</v>
      </c>
      <c r="O3658" s="59">
        <f>IF(Input!$D$19=2,J3658*Input!$C$19,0)+IF(Input!$D$20=2,K3658*Input!$C$20,0)+IF(Input!$D$21=2,L3658*Input!$C$21,0)+IF(Input!$D$22=2,M3658*Input!$C$22,0)</f>
        <v>0.31601482640902179</v>
      </c>
      <c r="P3658" s="59">
        <f>IF(Input!$D$19=3,J3658*Input!$C$19,0)+IF(Input!$D$20=3,K3658*Input!$C$20,0)+IF(Input!$D$21=3,L3658*Input!$C$21,0)+IF(Input!$D$22=3,M3658*Input!$C$22,0)</f>
        <v>0</v>
      </c>
      <c r="Q3658" s="75">
        <f>IF(Input!$D$19=4,J3658*Input!$C$19,0)+IF(Input!$D$20=4,K3658*Input!$C$20,0)+IF(Input!$D$21=4,L3658*Input!$C$21,0)+IF(Input!$D$22=4,M3658*Input!$C$22,0)</f>
        <v>0</v>
      </c>
      <c r="R3658" s="58">
        <v>53.607860260025689</v>
      </c>
      <c r="S3658" s="124">
        <f t="shared" si="57"/>
        <v>0.54775903244230439</v>
      </c>
    </row>
    <row r="3659" spans="8:19" x14ac:dyDescent="0.3">
      <c r="H3659" s="44">
        <v>3652</v>
      </c>
      <c r="I3659" s="56">
        <f>Bühler!I3685</f>
        <v>0.12640593056360869</v>
      </c>
      <c r="J3659" s="59">
        <f>Bühler!J3685</f>
        <v>0.42135310187869568</v>
      </c>
      <c r="K3659" s="59">
        <f>Bühler!K3685</f>
        <v>0.63202965281804357</v>
      </c>
      <c r="L3659" s="59">
        <f>Bühler!L3685</f>
        <v>7.6291794391122787</v>
      </c>
      <c r="M3659" s="58">
        <f>Bühler!M3685</f>
        <v>0</v>
      </c>
      <c r="N3659" s="56">
        <f>IF(Input!$D$19=1,J3659*Input!$C$19,0)+IF(Input!$D$20=1,K3659*Input!$C$20,0)+IF(Input!$D$21=1,L3659*Input!$C$21,0)+IF(Input!$D$22=1,M3659*Input!$C$22,0)</f>
        <v>0.12640593056360869</v>
      </c>
      <c r="O3659" s="59">
        <f>IF(Input!$D$19=2,J3659*Input!$C$19,0)+IF(Input!$D$20=2,K3659*Input!$C$20,0)+IF(Input!$D$21=2,L3659*Input!$C$21,0)+IF(Input!$D$22=2,M3659*Input!$C$22,0)</f>
        <v>0.31601482640902179</v>
      </c>
      <c r="P3659" s="59">
        <f>IF(Input!$D$19=3,J3659*Input!$C$19,0)+IF(Input!$D$20=3,K3659*Input!$C$20,0)+IF(Input!$D$21=3,L3659*Input!$C$21,0)+IF(Input!$D$22=3,M3659*Input!$C$22,0)</f>
        <v>0</v>
      </c>
      <c r="Q3659" s="75">
        <f>IF(Input!$D$19=4,J3659*Input!$C$19,0)+IF(Input!$D$20=4,K3659*Input!$C$20,0)+IF(Input!$D$21=4,L3659*Input!$C$21,0)+IF(Input!$D$22=4,M3659*Input!$C$22,0)</f>
        <v>0</v>
      </c>
      <c r="R3659" s="58">
        <v>52.864024360042997</v>
      </c>
      <c r="S3659" s="124">
        <f t="shared" si="57"/>
        <v>0.54775903244230439</v>
      </c>
    </row>
    <row r="3660" spans="8:19" x14ac:dyDescent="0.3">
      <c r="H3660" s="44">
        <v>3653</v>
      </c>
      <c r="I3660" s="56">
        <f>Bühler!I3686</f>
        <v>0.12640593056360869</v>
      </c>
      <c r="J3660" s="59">
        <f>Bühler!J3686</f>
        <v>0.42135310187869568</v>
      </c>
      <c r="K3660" s="59">
        <f>Bühler!K3686</f>
        <v>0.63202965281804357</v>
      </c>
      <c r="L3660" s="59">
        <f>Bühler!L3686</f>
        <v>7.6291794391122787</v>
      </c>
      <c r="M3660" s="58">
        <f>Bühler!M3686</f>
        <v>0</v>
      </c>
      <c r="N3660" s="56">
        <f>IF(Input!$D$19=1,J3660*Input!$C$19,0)+IF(Input!$D$20=1,K3660*Input!$C$20,0)+IF(Input!$D$21=1,L3660*Input!$C$21,0)+IF(Input!$D$22=1,M3660*Input!$C$22,0)</f>
        <v>0.12640593056360869</v>
      </c>
      <c r="O3660" s="59">
        <f>IF(Input!$D$19=2,J3660*Input!$C$19,0)+IF(Input!$D$20=2,K3660*Input!$C$20,0)+IF(Input!$D$21=2,L3660*Input!$C$21,0)+IF(Input!$D$22=2,M3660*Input!$C$22,0)</f>
        <v>0.31601482640902179</v>
      </c>
      <c r="P3660" s="59">
        <f>IF(Input!$D$19=3,J3660*Input!$C$19,0)+IF(Input!$D$20=3,K3660*Input!$C$20,0)+IF(Input!$D$21=3,L3660*Input!$C$21,0)+IF(Input!$D$22=3,M3660*Input!$C$22,0)</f>
        <v>0</v>
      </c>
      <c r="Q3660" s="75">
        <f>IF(Input!$D$19=4,J3660*Input!$C$19,0)+IF(Input!$D$20=4,K3660*Input!$C$20,0)+IF(Input!$D$21=4,L3660*Input!$C$21,0)+IF(Input!$D$22=4,M3660*Input!$C$22,0)</f>
        <v>0</v>
      </c>
      <c r="R3660" s="58">
        <v>51.404829731497813</v>
      </c>
      <c r="S3660" s="124">
        <f t="shared" si="57"/>
        <v>0.54775903244230439</v>
      </c>
    </row>
    <row r="3661" spans="8:19" x14ac:dyDescent="0.3">
      <c r="H3661" s="44">
        <v>3654</v>
      </c>
      <c r="I3661" s="56">
        <f>Bühler!I3687</f>
        <v>0.15723664533522053</v>
      </c>
      <c r="J3661" s="59">
        <f>Bühler!J3687</f>
        <v>0.5241221511174019</v>
      </c>
      <c r="K3661" s="59">
        <f>Bühler!K3687</f>
        <v>0.78618322667610274</v>
      </c>
      <c r="L3661" s="59">
        <f>Bühler!L3687</f>
        <v>9.4899549120664926</v>
      </c>
      <c r="M3661" s="58">
        <f>Bühler!M3687</f>
        <v>0</v>
      </c>
      <c r="N3661" s="56">
        <f>IF(Input!$D$19=1,J3661*Input!$C$19,0)+IF(Input!$D$20=1,K3661*Input!$C$20,0)+IF(Input!$D$21=1,L3661*Input!$C$21,0)+IF(Input!$D$22=1,M3661*Input!$C$22,0)</f>
        <v>0.15723664533522055</v>
      </c>
      <c r="O3661" s="59">
        <f>IF(Input!$D$19=2,J3661*Input!$C$19,0)+IF(Input!$D$20=2,K3661*Input!$C$20,0)+IF(Input!$D$21=2,L3661*Input!$C$21,0)+IF(Input!$D$22=2,M3661*Input!$C$22,0)</f>
        <v>0.39309161333805137</v>
      </c>
      <c r="P3661" s="59">
        <f>IF(Input!$D$19=3,J3661*Input!$C$19,0)+IF(Input!$D$20=3,K3661*Input!$C$20,0)+IF(Input!$D$21=3,L3661*Input!$C$21,0)+IF(Input!$D$22=3,M3661*Input!$C$22,0)</f>
        <v>0</v>
      </c>
      <c r="Q3661" s="75">
        <f>IF(Input!$D$19=4,J3661*Input!$C$19,0)+IF(Input!$D$20=4,K3661*Input!$C$20,0)+IF(Input!$D$21=4,L3661*Input!$C$21,0)+IF(Input!$D$22=4,M3661*Input!$C$22,0)</f>
        <v>0</v>
      </c>
      <c r="R3661" s="58">
        <v>50.116178584400146</v>
      </c>
      <c r="S3661" s="124">
        <f t="shared" si="57"/>
        <v>0.68135879645262243</v>
      </c>
    </row>
    <row r="3662" spans="8:19" x14ac:dyDescent="0.3">
      <c r="H3662" s="44">
        <v>3655</v>
      </c>
      <c r="I3662" s="56">
        <f>Bühler!I3688</f>
        <v>0.19731657453831594</v>
      </c>
      <c r="J3662" s="59">
        <f>Bühler!J3688</f>
        <v>0.65772191512771994</v>
      </c>
      <c r="K3662" s="59">
        <f>Bühler!K3688</f>
        <v>0.98658287269157985</v>
      </c>
      <c r="L3662" s="59">
        <f>Bühler!L3688</f>
        <v>11.908963026906969</v>
      </c>
      <c r="M3662" s="58">
        <f>Bühler!M3688</f>
        <v>0</v>
      </c>
      <c r="N3662" s="56">
        <f>IF(Input!$D$19=1,J3662*Input!$C$19,0)+IF(Input!$D$20=1,K3662*Input!$C$20,0)+IF(Input!$D$21=1,L3662*Input!$C$21,0)+IF(Input!$D$22=1,M3662*Input!$C$22,0)</f>
        <v>0.19731657453831597</v>
      </c>
      <c r="O3662" s="59">
        <f>IF(Input!$D$19=2,J3662*Input!$C$19,0)+IF(Input!$D$20=2,K3662*Input!$C$20,0)+IF(Input!$D$21=2,L3662*Input!$C$21,0)+IF(Input!$D$22=2,M3662*Input!$C$22,0)</f>
        <v>0.49329143634578992</v>
      </c>
      <c r="P3662" s="59">
        <f>IF(Input!$D$19=3,J3662*Input!$C$19,0)+IF(Input!$D$20=3,K3662*Input!$C$20,0)+IF(Input!$D$21=3,L3662*Input!$C$21,0)+IF(Input!$D$22=3,M3662*Input!$C$22,0)</f>
        <v>0</v>
      </c>
      <c r="Q3662" s="75">
        <f>IF(Input!$D$19=4,J3662*Input!$C$19,0)+IF(Input!$D$20=4,K3662*Input!$C$20,0)+IF(Input!$D$21=4,L3662*Input!$C$21,0)+IF(Input!$D$22=4,M3662*Input!$C$22,0)</f>
        <v>0</v>
      </c>
      <c r="R3662" s="58">
        <v>49.494647757782076</v>
      </c>
      <c r="S3662" s="124">
        <f t="shared" si="57"/>
        <v>0.85503848966603591</v>
      </c>
    </row>
    <row r="3663" spans="8:19" x14ac:dyDescent="0.3">
      <c r="H3663" s="44">
        <v>3656</v>
      </c>
      <c r="I3663" s="56">
        <f>Bühler!I3689</f>
        <v>0.22506421783276667</v>
      </c>
      <c r="J3663" s="59">
        <f>Bühler!J3689</f>
        <v>0.75021405944255559</v>
      </c>
      <c r="K3663" s="59">
        <f>Bühler!K3689</f>
        <v>1.1253210891638334</v>
      </c>
      <c r="L3663" s="59">
        <f>Bühler!L3689</f>
        <v>13.583660952565763</v>
      </c>
      <c r="M3663" s="58">
        <f>Bühler!M3689</f>
        <v>0</v>
      </c>
      <c r="N3663" s="56">
        <f>IF(Input!$D$19=1,J3663*Input!$C$19,0)+IF(Input!$D$20=1,K3663*Input!$C$20,0)+IF(Input!$D$21=1,L3663*Input!$C$21,0)+IF(Input!$D$22=1,M3663*Input!$C$22,0)</f>
        <v>0.22506421783276667</v>
      </c>
      <c r="O3663" s="59">
        <f>IF(Input!$D$19=2,J3663*Input!$C$19,0)+IF(Input!$D$20=2,K3663*Input!$C$20,0)+IF(Input!$D$21=2,L3663*Input!$C$21,0)+IF(Input!$D$22=2,M3663*Input!$C$22,0)</f>
        <v>0.56266054458191672</v>
      </c>
      <c r="P3663" s="59">
        <f>IF(Input!$D$19=3,J3663*Input!$C$19,0)+IF(Input!$D$20=3,K3663*Input!$C$20,0)+IF(Input!$D$21=3,L3663*Input!$C$21,0)+IF(Input!$D$22=3,M3663*Input!$C$22,0)</f>
        <v>0</v>
      </c>
      <c r="Q3663" s="75">
        <f>IF(Input!$D$19=4,J3663*Input!$C$19,0)+IF(Input!$D$20=4,K3663*Input!$C$20,0)+IF(Input!$D$21=4,L3663*Input!$C$21,0)+IF(Input!$D$22=4,M3663*Input!$C$22,0)</f>
        <v>0</v>
      </c>
      <c r="R3663" s="58">
        <v>49.590036403578942</v>
      </c>
      <c r="S3663" s="124">
        <f t="shared" si="57"/>
        <v>0.97527827727532224</v>
      </c>
    </row>
    <row r="3664" spans="8:19" x14ac:dyDescent="0.3">
      <c r="H3664" s="44">
        <v>3657</v>
      </c>
      <c r="I3664" s="56">
        <f>Bühler!I3690</f>
        <v>0.22506421783276667</v>
      </c>
      <c r="J3664" s="59">
        <f>Bühler!J3690</f>
        <v>0.75021405944255559</v>
      </c>
      <c r="K3664" s="59">
        <f>Bühler!K3690</f>
        <v>1.1253210891638334</v>
      </c>
      <c r="L3664" s="59">
        <f>Bühler!L3690</f>
        <v>13.583660952565763</v>
      </c>
      <c r="M3664" s="58">
        <f>Bühler!M3690</f>
        <v>0</v>
      </c>
      <c r="N3664" s="56">
        <f>IF(Input!$D$19=1,J3664*Input!$C$19,0)+IF(Input!$D$20=1,K3664*Input!$C$20,0)+IF(Input!$D$21=1,L3664*Input!$C$21,0)+IF(Input!$D$22=1,M3664*Input!$C$22,0)</f>
        <v>0.22506421783276667</v>
      </c>
      <c r="O3664" s="59">
        <f>IF(Input!$D$19=2,J3664*Input!$C$19,0)+IF(Input!$D$20=2,K3664*Input!$C$20,0)+IF(Input!$D$21=2,L3664*Input!$C$21,0)+IF(Input!$D$22=2,M3664*Input!$C$22,0)</f>
        <v>0.56266054458191672</v>
      </c>
      <c r="P3664" s="59">
        <f>IF(Input!$D$19=3,J3664*Input!$C$19,0)+IF(Input!$D$20=3,K3664*Input!$C$20,0)+IF(Input!$D$21=3,L3664*Input!$C$21,0)+IF(Input!$D$22=3,M3664*Input!$C$22,0)</f>
        <v>0</v>
      </c>
      <c r="Q3664" s="75">
        <f>IF(Input!$D$19=4,J3664*Input!$C$19,0)+IF(Input!$D$20=4,K3664*Input!$C$20,0)+IF(Input!$D$21=4,L3664*Input!$C$21,0)+IF(Input!$D$22=4,M3664*Input!$C$22,0)</f>
        <v>0</v>
      </c>
      <c r="R3664" s="58">
        <v>49.053288268658356</v>
      </c>
      <c r="S3664" s="124">
        <f t="shared" si="57"/>
        <v>0.97527827727532224</v>
      </c>
    </row>
    <row r="3665" spans="8:19" x14ac:dyDescent="0.3">
      <c r="H3665" s="44">
        <v>3658</v>
      </c>
      <c r="I3665" s="56">
        <f>Bühler!I3691</f>
        <v>0.22506421783276667</v>
      </c>
      <c r="J3665" s="59">
        <f>Bühler!J3691</f>
        <v>0.75021405944255559</v>
      </c>
      <c r="K3665" s="59">
        <f>Bühler!K3691</f>
        <v>1.1253210891638334</v>
      </c>
      <c r="L3665" s="59">
        <f>Bühler!L3691</f>
        <v>13.583660952565763</v>
      </c>
      <c r="M3665" s="58">
        <f>Bühler!M3691</f>
        <v>0</v>
      </c>
      <c r="N3665" s="56">
        <f>IF(Input!$D$19=1,J3665*Input!$C$19,0)+IF(Input!$D$20=1,K3665*Input!$C$20,0)+IF(Input!$D$21=1,L3665*Input!$C$21,0)+IF(Input!$D$22=1,M3665*Input!$C$22,0)</f>
        <v>0.22506421783276667</v>
      </c>
      <c r="O3665" s="59">
        <f>IF(Input!$D$19=2,J3665*Input!$C$19,0)+IF(Input!$D$20=2,K3665*Input!$C$20,0)+IF(Input!$D$21=2,L3665*Input!$C$21,0)+IF(Input!$D$22=2,M3665*Input!$C$22,0)</f>
        <v>0.56266054458191672</v>
      </c>
      <c r="P3665" s="59">
        <f>IF(Input!$D$19=3,J3665*Input!$C$19,0)+IF(Input!$D$20=3,K3665*Input!$C$20,0)+IF(Input!$D$21=3,L3665*Input!$C$21,0)+IF(Input!$D$22=3,M3665*Input!$C$22,0)</f>
        <v>0</v>
      </c>
      <c r="Q3665" s="75">
        <f>IF(Input!$D$19=4,J3665*Input!$C$19,0)+IF(Input!$D$20=4,K3665*Input!$C$20,0)+IF(Input!$D$21=4,L3665*Input!$C$21,0)+IF(Input!$D$22=4,M3665*Input!$C$22,0)</f>
        <v>0</v>
      </c>
      <c r="R3665" s="58">
        <v>48.612674611662378</v>
      </c>
      <c r="S3665" s="124">
        <f t="shared" si="57"/>
        <v>0.97527827727532224</v>
      </c>
    </row>
    <row r="3666" spans="8:19" x14ac:dyDescent="0.3">
      <c r="H3666" s="44">
        <v>3659</v>
      </c>
      <c r="I3666" s="56">
        <f>Bühler!I3692</f>
        <v>0.22506421783276667</v>
      </c>
      <c r="J3666" s="59">
        <f>Bühler!J3692</f>
        <v>0.75021405944255559</v>
      </c>
      <c r="K3666" s="59">
        <f>Bühler!K3692</f>
        <v>1.1253210891638334</v>
      </c>
      <c r="L3666" s="59">
        <f>Bühler!L3692</f>
        <v>13.583660952565763</v>
      </c>
      <c r="M3666" s="58">
        <f>Bühler!M3692</f>
        <v>0</v>
      </c>
      <c r="N3666" s="56">
        <f>IF(Input!$D$19=1,J3666*Input!$C$19,0)+IF(Input!$D$20=1,K3666*Input!$C$20,0)+IF(Input!$D$21=1,L3666*Input!$C$21,0)+IF(Input!$D$22=1,M3666*Input!$C$22,0)</f>
        <v>0.22506421783276667</v>
      </c>
      <c r="O3666" s="59">
        <f>IF(Input!$D$19=2,J3666*Input!$C$19,0)+IF(Input!$D$20=2,K3666*Input!$C$20,0)+IF(Input!$D$21=2,L3666*Input!$C$21,0)+IF(Input!$D$22=2,M3666*Input!$C$22,0)</f>
        <v>0.56266054458191672</v>
      </c>
      <c r="P3666" s="59">
        <f>IF(Input!$D$19=3,J3666*Input!$C$19,0)+IF(Input!$D$20=3,K3666*Input!$C$20,0)+IF(Input!$D$21=3,L3666*Input!$C$21,0)+IF(Input!$D$22=3,M3666*Input!$C$22,0)</f>
        <v>0</v>
      </c>
      <c r="Q3666" s="75">
        <f>IF(Input!$D$19=4,J3666*Input!$C$19,0)+IF(Input!$D$20=4,K3666*Input!$C$20,0)+IF(Input!$D$21=4,L3666*Input!$C$21,0)+IF(Input!$D$22=4,M3666*Input!$C$22,0)</f>
        <v>0</v>
      </c>
      <c r="R3666" s="58">
        <v>48.639900955956882</v>
      </c>
      <c r="S3666" s="124">
        <f t="shared" si="57"/>
        <v>0.97527827727532224</v>
      </c>
    </row>
    <row r="3667" spans="8:19" x14ac:dyDescent="0.3">
      <c r="H3667" s="44">
        <v>3660</v>
      </c>
      <c r="I3667" s="56">
        <f>Bühler!I3693</f>
        <v>0.22506421783276667</v>
      </c>
      <c r="J3667" s="59">
        <f>Bühler!J3693</f>
        <v>0.75021405944255559</v>
      </c>
      <c r="K3667" s="59">
        <f>Bühler!K3693</f>
        <v>1.1253210891638334</v>
      </c>
      <c r="L3667" s="59">
        <f>Bühler!L3693</f>
        <v>13.583660952565763</v>
      </c>
      <c r="M3667" s="58">
        <f>Bühler!M3693</f>
        <v>0</v>
      </c>
      <c r="N3667" s="56">
        <f>IF(Input!$D$19=1,J3667*Input!$C$19,0)+IF(Input!$D$20=1,K3667*Input!$C$20,0)+IF(Input!$D$21=1,L3667*Input!$C$21,0)+IF(Input!$D$22=1,M3667*Input!$C$22,0)</f>
        <v>0.22506421783276667</v>
      </c>
      <c r="O3667" s="59">
        <f>IF(Input!$D$19=2,J3667*Input!$C$19,0)+IF(Input!$D$20=2,K3667*Input!$C$20,0)+IF(Input!$D$21=2,L3667*Input!$C$21,0)+IF(Input!$D$22=2,M3667*Input!$C$22,0)</f>
        <v>0.56266054458191672</v>
      </c>
      <c r="P3667" s="59">
        <f>IF(Input!$D$19=3,J3667*Input!$C$19,0)+IF(Input!$D$20=3,K3667*Input!$C$20,0)+IF(Input!$D$21=3,L3667*Input!$C$21,0)+IF(Input!$D$22=3,M3667*Input!$C$22,0)</f>
        <v>0</v>
      </c>
      <c r="Q3667" s="75">
        <f>IF(Input!$D$19=4,J3667*Input!$C$19,0)+IF(Input!$D$20=4,K3667*Input!$C$20,0)+IF(Input!$D$21=4,L3667*Input!$C$21,0)+IF(Input!$D$22=4,M3667*Input!$C$22,0)</f>
        <v>0</v>
      </c>
      <c r="R3667" s="58">
        <v>48.09865731229646</v>
      </c>
      <c r="S3667" s="124">
        <f t="shared" si="57"/>
        <v>0.97527827727532224</v>
      </c>
    </row>
    <row r="3668" spans="8:19" x14ac:dyDescent="0.3">
      <c r="H3668" s="44">
        <v>3661</v>
      </c>
      <c r="I3668" s="56">
        <f>Bühler!I3694</f>
        <v>0.22506421783276667</v>
      </c>
      <c r="J3668" s="59">
        <f>Bühler!J3694</f>
        <v>0.75021405944255559</v>
      </c>
      <c r="K3668" s="59">
        <f>Bühler!K3694</f>
        <v>1.1253210891638334</v>
      </c>
      <c r="L3668" s="59">
        <f>Bühler!L3694</f>
        <v>13.583660952565763</v>
      </c>
      <c r="M3668" s="58">
        <f>Bühler!M3694</f>
        <v>0</v>
      </c>
      <c r="N3668" s="56">
        <f>IF(Input!$D$19=1,J3668*Input!$C$19,0)+IF(Input!$D$20=1,K3668*Input!$C$20,0)+IF(Input!$D$21=1,L3668*Input!$C$21,0)+IF(Input!$D$22=1,M3668*Input!$C$22,0)</f>
        <v>0.22506421783276667</v>
      </c>
      <c r="O3668" s="59">
        <f>IF(Input!$D$19=2,J3668*Input!$C$19,0)+IF(Input!$D$20=2,K3668*Input!$C$20,0)+IF(Input!$D$21=2,L3668*Input!$C$21,0)+IF(Input!$D$22=2,M3668*Input!$C$22,0)</f>
        <v>0.56266054458191672</v>
      </c>
      <c r="P3668" s="59">
        <f>IF(Input!$D$19=3,J3668*Input!$C$19,0)+IF(Input!$D$20=3,K3668*Input!$C$20,0)+IF(Input!$D$21=3,L3668*Input!$C$21,0)+IF(Input!$D$22=3,M3668*Input!$C$22,0)</f>
        <v>0</v>
      </c>
      <c r="Q3668" s="75">
        <f>IF(Input!$D$19=4,J3668*Input!$C$19,0)+IF(Input!$D$20=4,K3668*Input!$C$20,0)+IF(Input!$D$21=4,L3668*Input!$C$21,0)+IF(Input!$D$22=4,M3668*Input!$C$22,0)</f>
        <v>0</v>
      </c>
      <c r="R3668" s="58">
        <v>46.582511145675895</v>
      </c>
      <c r="S3668" s="124">
        <f t="shared" si="57"/>
        <v>0.97527827727532224</v>
      </c>
    </row>
    <row r="3669" spans="8:19" x14ac:dyDescent="0.3">
      <c r="H3669" s="44">
        <v>3662</v>
      </c>
      <c r="I3669" s="56">
        <f>Bühler!I3695</f>
        <v>0.22506421783276667</v>
      </c>
      <c r="J3669" s="59">
        <f>Bühler!J3695</f>
        <v>0.75021405944255559</v>
      </c>
      <c r="K3669" s="59">
        <f>Bühler!K3695</f>
        <v>1.1253210891638334</v>
      </c>
      <c r="L3669" s="59">
        <f>Bühler!L3695</f>
        <v>13.583660952565763</v>
      </c>
      <c r="M3669" s="58">
        <f>Bühler!M3695</f>
        <v>0</v>
      </c>
      <c r="N3669" s="56">
        <f>IF(Input!$D$19=1,J3669*Input!$C$19,0)+IF(Input!$D$20=1,K3669*Input!$C$20,0)+IF(Input!$D$21=1,L3669*Input!$C$21,0)+IF(Input!$D$22=1,M3669*Input!$C$22,0)</f>
        <v>0.22506421783276667</v>
      </c>
      <c r="O3669" s="59">
        <f>IF(Input!$D$19=2,J3669*Input!$C$19,0)+IF(Input!$D$20=2,K3669*Input!$C$20,0)+IF(Input!$D$21=2,L3669*Input!$C$21,0)+IF(Input!$D$22=2,M3669*Input!$C$22,0)</f>
        <v>0.56266054458191672</v>
      </c>
      <c r="P3669" s="59">
        <f>IF(Input!$D$19=3,J3669*Input!$C$19,0)+IF(Input!$D$20=3,K3669*Input!$C$20,0)+IF(Input!$D$21=3,L3669*Input!$C$21,0)+IF(Input!$D$22=3,M3669*Input!$C$22,0)</f>
        <v>0</v>
      </c>
      <c r="Q3669" s="75">
        <f>IF(Input!$D$19=4,J3669*Input!$C$19,0)+IF(Input!$D$20=4,K3669*Input!$C$20,0)+IF(Input!$D$21=4,L3669*Input!$C$21,0)+IF(Input!$D$22=4,M3669*Input!$C$22,0)</f>
        <v>0</v>
      </c>
      <c r="R3669" s="58">
        <v>45.788504648724647</v>
      </c>
      <c r="S3669" s="124">
        <f t="shared" si="57"/>
        <v>0.97527827727532224</v>
      </c>
    </row>
    <row r="3670" spans="8:19" x14ac:dyDescent="0.3">
      <c r="H3670" s="44">
        <v>3663</v>
      </c>
      <c r="I3670" s="56">
        <f>Bühler!I3696</f>
        <v>0.22506421783276667</v>
      </c>
      <c r="J3670" s="59">
        <f>Bühler!J3696</f>
        <v>0.75021405944255559</v>
      </c>
      <c r="K3670" s="59">
        <f>Bühler!K3696</f>
        <v>1.1253210891638334</v>
      </c>
      <c r="L3670" s="59">
        <f>Bühler!L3696</f>
        <v>13.583660952565763</v>
      </c>
      <c r="M3670" s="58">
        <f>Bühler!M3696</f>
        <v>0</v>
      </c>
      <c r="N3670" s="56">
        <f>IF(Input!$D$19=1,J3670*Input!$C$19,0)+IF(Input!$D$20=1,K3670*Input!$C$20,0)+IF(Input!$D$21=1,L3670*Input!$C$21,0)+IF(Input!$D$22=1,M3670*Input!$C$22,0)</f>
        <v>0.22506421783276667</v>
      </c>
      <c r="O3670" s="59">
        <f>IF(Input!$D$19=2,J3670*Input!$C$19,0)+IF(Input!$D$20=2,K3670*Input!$C$20,0)+IF(Input!$D$21=2,L3670*Input!$C$21,0)+IF(Input!$D$22=2,M3670*Input!$C$22,0)</f>
        <v>0.56266054458191672</v>
      </c>
      <c r="P3670" s="59">
        <f>IF(Input!$D$19=3,J3670*Input!$C$19,0)+IF(Input!$D$20=3,K3670*Input!$C$20,0)+IF(Input!$D$21=3,L3670*Input!$C$21,0)+IF(Input!$D$22=3,M3670*Input!$C$22,0)</f>
        <v>0</v>
      </c>
      <c r="Q3670" s="75">
        <f>IF(Input!$D$19=4,J3670*Input!$C$19,0)+IF(Input!$D$20=4,K3670*Input!$C$20,0)+IF(Input!$D$21=4,L3670*Input!$C$21,0)+IF(Input!$D$22=4,M3670*Input!$C$22,0)</f>
        <v>0</v>
      </c>
      <c r="R3670" s="58">
        <v>45.270817618356283</v>
      </c>
      <c r="S3670" s="124">
        <f t="shared" si="57"/>
        <v>0.97527827727532224</v>
      </c>
    </row>
    <row r="3671" spans="8:19" x14ac:dyDescent="0.3">
      <c r="H3671" s="44">
        <v>3664</v>
      </c>
      <c r="I3671" s="56">
        <f>Bühler!I3697</f>
        <v>0.20348271749263835</v>
      </c>
      <c r="J3671" s="59">
        <f>Bühler!J3697</f>
        <v>0.67827572497546129</v>
      </c>
      <c r="K3671" s="59">
        <f>Bühler!K3697</f>
        <v>1.017413587463192</v>
      </c>
      <c r="L3671" s="59">
        <f>Bühler!L3697</f>
        <v>12.281118121497812</v>
      </c>
      <c r="M3671" s="58">
        <f>Bühler!M3697</f>
        <v>0</v>
      </c>
      <c r="N3671" s="56">
        <f>IF(Input!$D$19=1,J3671*Input!$C$19,0)+IF(Input!$D$20=1,K3671*Input!$C$20,0)+IF(Input!$D$21=1,L3671*Input!$C$21,0)+IF(Input!$D$22=1,M3671*Input!$C$22,0)</f>
        <v>0.20348271749263838</v>
      </c>
      <c r="O3671" s="59">
        <f>IF(Input!$D$19=2,J3671*Input!$C$19,0)+IF(Input!$D$20=2,K3671*Input!$C$20,0)+IF(Input!$D$21=2,L3671*Input!$C$21,0)+IF(Input!$D$22=2,M3671*Input!$C$22,0)</f>
        <v>0.508706793731596</v>
      </c>
      <c r="P3671" s="59">
        <f>IF(Input!$D$19=3,J3671*Input!$C$19,0)+IF(Input!$D$20=3,K3671*Input!$C$20,0)+IF(Input!$D$21=3,L3671*Input!$C$21,0)+IF(Input!$D$22=3,M3671*Input!$C$22,0)</f>
        <v>0</v>
      </c>
      <c r="Q3671" s="75">
        <f>IF(Input!$D$19=4,J3671*Input!$C$19,0)+IF(Input!$D$20=4,K3671*Input!$C$20,0)+IF(Input!$D$21=4,L3671*Input!$C$21,0)+IF(Input!$D$22=4,M3671*Input!$C$22,0)</f>
        <v>0</v>
      </c>
      <c r="R3671" s="58">
        <v>45.501642384289454</v>
      </c>
      <c r="S3671" s="124">
        <f t="shared" si="57"/>
        <v>0.88175844246809965</v>
      </c>
    </row>
    <row r="3672" spans="8:19" x14ac:dyDescent="0.3">
      <c r="H3672" s="44">
        <v>3665</v>
      </c>
      <c r="I3672" s="56">
        <f>Bühler!I3698</f>
        <v>0.18498428862967123</v>
      </c>
      <c r="J3672" s="59">
        <f>Bühler!J3698</f>
        <v>0.61661429543223756</v>
      </c>
      <c r="K3672" s="59">
        <f>Bühler!K3698</f>
        <v>0.92492144314835623</v>
      </c>
      <c r="L3672" s="59">
        <f>Bühler!L3698</f>
        <v>11.164652837725283</v>
      </c>
      <c r="M3672" s="58">
        <f>Bühler!M3698</f>
        <v>0</v>
      </c>
      <c r="N3672" s="56">
        <f>IF(Input!$D$19=1,J3672*Input!$C$19,0)+IF(Input!$D$20=1,K3672*Input!$C$20,0)+IF(Input!$D$21=1,L3672*Input!$C$21,0)+IF(Input!$D$22=1,M3672*Input!$C$22,0)</f>
        <v>0.18498428862967126</v>
      </c>
      <c r="O3672" s="59">
        <f>IF(Input!$D$19=2,J3672*Input!$C$19,0)+IF(Input!$D$20=2,K3672*Input!$C$20,0)+IF(Input!$D$21=2,L3672*Input!$C$21,0)+IF(Input!$D$22=2,M3672*Input!$C$22,0)</f>
        <v>0.46246072157417811</v>
      </c>
      <c r="P3672" s="59">
        <f>IF(Input!$D$19=3,J3672*Input!$C$19,0)+IF(Input!$D$20=3,K3672*Input!$C$20,0)+IF(Input!$D$21=3,L3672*Input!$C$21,0)+IF(Input!$D$22=3,M3672*Input!$C$22,0)</f>
        <v>0</v>
      </c>
      <c r="Q3672" s="75">
        <f>IF(Input!$D$19=4,J3672*Input!$C$19,0)+IF(Input!$D$20=4,K3672*Input!$C$20,0)+IF(Input!$D$21=4,L3672*Input!$C$21,0)+IF(Input!$D$22=4,M3672*Input!$C$22,0)</f>
        <v>0</v>
      </c>
      <c r="R3672" s="58">
        <v>44.843275931543097</v>
      </c>
      <c r="S3672" s="124">
        <f t="shared" si="57"/>
        <v>0.80159858406190876</v>
      </c>
    </row>
    <row r="3673" spans="8:19" x14ac:dyDescent="0.3">
      <c r="H3673" s="44">
        <v>3666</v>
      </c>
      <c r="I3673" s="56">
        <f>Bühler!I3699</f>
        <v>0.1664858597667041</v>
      </c>
      <c r="J3673" s="59">
        <f>Bühler!J3699</f>
        <v>0.55495286588901371</v>
      </c>
      <c r="K3673" s="59">
        <f>Bühler!K3699</f>
        <v>0.83242929883352057</v>
      </c>
      <c r="L3673" s="59">
        <f>Bühler!L3699</f>
        <v>10.048187553952756</v>
      </c>
      <c r="M3673" s="58">
        <f>Bühler!M3699</f>
        <v>0</v>
      </c>
      <c r="N3673" s="56">
        <f>IF(Input!$D$19=1,J3673*Input!$C$19,0)+IF(Input!$D$20=1,K3673*Input!$C$20,0)+IF(Input!$D$21=1,L3673*Input!$C$21,0)+IF(Input!$D$22=1,M3673*Input!$C$22,0)</f>
        <v>0.1664858597667041</v>
      </c>
      <c r="O3673" s="59">
        <f>IF(Input!$D$19=2,J3673*Input!$C$19,0)+IF(Input!$D$20=2,K3673*Input!$C$20,0)+IF(Input!$D$21=2,L3673*Input!$C$21,0)+IF(Input!$D$22=2,M3673*Input!$C$22,0)</f>
        <v>0.41621464941676029</v>
      </c>
      <c r="P3673" s="59">
        <f>IF(Input!$D$19=3,J3673*Input!$C$19,0)+IF(Input!$D$20=3,K3673*Input!$C$20,0)+IF(Input!$D$21=3,L3673*Input!$C$21,0)+IF(Input!$D$22=3,M3673*Input!$C$22,0)</f>
        <v>0</v>
      </c>
      <c r="Q3673" s="75">
        <f>IF(Input!$D$19=4,J3673*Input!$C$19,0)+IF(Input!$D$20=4,K3673*Input!$C$20,0)+IF(Input!$D$21=4,L3673*Input!$C$21,0)+IF(Input!$D$22=4,M3673*Input!$C$22,0)</f>
        <v>0</v>
      </c>
      <c r="R3673" s="58">
        <v>43.965297123844806</v>
      </c>
      <c r="S3673" s="124">
        <f t="shared" si="57"/>
        <v>0.72143872565571776</v>
      </c>
    </row>
    <row r="3674" spans="8:19" x14ac:dyDescent="0.3">
      <c r="H3674" s="44">
        <v>3667</v>
      </c>
      <c r="I3674" s="56">
        <f>Bühler!I3700</f>
        <v>0.16031971681238172</v>
      </c>
      <c r="J3674" s="59">
        <f>Bühler!J3700</f>
        <v>0.53439905604127247</v>
      </c>
      <c r="K3674" s="59">
        <f>Bühler!K3700</f>
        <v>0.80159858406190876</v>
      </c>
      <c r="L3674" s="59">
        <f>Bühler!L3700</f>
        <v>9.6760324593619114</v>
      </c>
      <c r="M3674" s="58">
        <f>Bühler!M3700</f>
        <v>0</v>
      </c>
      <c r="N3674" s="56">
        <f>IF(Input!$D$19=1,J3674*Input!$C$19,0)+IF(Input!$D$20=1,K3674*Input!$C$20,0)+IF(Input!$D$21=1,L3674*Input!$C$21,0)+IF(Input!$D$22=1,M3674*Input!$C$22,0)</f>
        <v>0.16031971681238175</v>
      </c>
      <c r="O3674" s="59">
        <f>IF(Input!$D$19=2,J3674*Input!$C$19,0)+IF(Input!$D$20=2,K3674*Input!$C$20,0)+IF(Input!$D$21=2,L3674*Input!$C$21,0)+IF(Input!$D$22=2,M3674*Input!$C$22,0)</f>
        <v>0.40079929203095438</v>
      </c>
      <c r="P3674" s="59">
        <f>IF(Input!$D$19=3,J3674*Input!$C$19,0)+IF(Input!$D$20=3,K3674*Input!$C$20,0)+IF(Input!$D$21=3,L3674*Input!$C$21,0)+IF(Input!$D$22=3,M3674*Input!$C$22,0)</f>
        <v>0</v>
      </c>
      <c r="Q3674" s="75">
        <f>IF(Input!$D$19=4,J3674*Input!$C$19,0)+IF(Input!$D$20=4,K3674*Input!$C$20,0)+IF(Input!$D$21=4,L3674*Input!$C$21,0)+IF(Input!$D$22=4,M3674*Input!$C$22,0)</f>
        <v>0</v>
      </c>
      <c r="R3674" s="58">
        <v>43.062424182992096</v>
      </c>
      <c r="S3674" s="124">
        <f t="shared" si="57"/>
        <v>0.69471877285365413</v>
      </c>
    </row>
    <row r="3675" spans="8:19" x14ac:dyDescent="0.3">
      <c r="H3675" s="44">
        <v>3668</v>
      </c>
      <c r="I3675" s="56">
        <f>Bühler!I3701</f>
        <v>0.12948900204076985</v>
      </c>
      <c r="J3675" s="59">
        <f>Bühler!J3701</f>
        <v>0.43163000680256619</v>
      </c>
      <c r="K3675" s="59">
        <f>Bühler!K3701</f>
        <v>0.64744501020384926</v>
      </c>
      <c r="L3675" s="59">
        <f>Bühler!L3701</f>
        <v>7.8152569864076984</v>
      </c>
      <c r="M3675" s="58">
        <f>Bühler!M3701</f>
        <v>0</v>
      </c>
      <c r="N3675" s="56">
        <f>IF(Input!$D$19=1,J3675*Input!$C$19,0)+IF(Input!$D$20=1,K3675*Input!$C$20,0)+IF(Input!$D$21=1,L3675*Input!$C$21,0)+IF(Input!$D$22=1,M3675*Input!$C$22,0)</f>
        <v>0.12948900204076985</v>
      </c>
      <c r="O3675" s="59">
        <f>IF(Input!$D$19=2,J3675*Input!$C$19,0)+IF(Input!$D$20=2,K3675*Input!$C$20,0)+IF(Input!$D$21=2,L3675*Input!$C$21,0)+IF(Input!$D$22=2,M3675*Input!$C$22,0)</f>
        <v>0.32372250510192463</v>
      </c>
      <c r="P3675" s="59">
        <f>IF(Input!$D$19=3,J3675*Input!$C$19,0)+IF(Input!$D$20=3,K3675*Input!$C$20,0)+IF(Input!$D$21=3,L3675*Input!$C$21,0)+IF(Input!$D$22=3,M3675*Input!$C$22,0)</f>
        <v>0</v>
      </c>
      <c r="Q3675" s="75">
        <f>IF(Input!$D$19=4,J3675*Input!$C$19,0)+IF(Input!$D$20=4,K3675*Input!$C$20,0)+IF(Input!$D$21=4,L3675*Input!$C$21,0)+IF(Input!$D$22=4,M3675*Input!$C$22,0)</f>
        <v>0</v>
      </c>
      <c r="R3675" s="58">
        <v>42.636798778320376</v>
      </c>
      <c r="S3675" s="124">
        <f t="shared" si="57"/>
        <v>0.56111900884333599</v>
      </c>
    </row>
    <row r="3676" spans="8:19" x14ac:dyDescent="0.3">
      <c r="H3676" s="44">
        <v>3669</v>
      </c>
      <c r="I3676" s="56">
        <f>Bühler!I3702</f>
        <v>9.5575215791996779E-2</v>
      </c>
      <c r="J3676" s="59">
        <f>Bühler!J3702</f>
        <v>0.31858405263998935</v>
      </c>
      <c r="K3676" s="59">
        <f>Bühler!K3702</f>
        <v>0.47787607895998396</v>
      </c>
      <c r="L3676" s="59">
        <f>Bühler!L3702</f>
        <v>5.7684039661580631</v>
      </c>
      <c r="M3676" s="58">
        <f>Bühler!M3702</f>
        <v>0</v>
      </c>
      <c r="N3676" s="56">
        <f>IF(Input!$D$19=1,J3676*Input!$C$19,0)+IF(Input!$D$20=1,K3676*Input!$C$20,0)+IF(Input!$D$21=1,L3676*Input!$C$21,0)+IF(Input!$D$22=1,M3676*Input!$C$22,0)</f>
        <v>9.5575215791996807E-2</v>
      </c>
      <c r="O3676" s="59">
        <f>IF(Input!$D$19=2,J3676*Input!$C$19,0)+IF(Input!$D$20=2,K3676*Input!$C$20,0)+IF(Input!$D$21=2,L3676*Input!$C$21,0)+IF(Input!$D$22=2,M3676*Input!$C$22,0)</f>
        <v>0.23893803947999198</v>
      </c>
      <c r="P3676" s="59">
        <f>IF(Input!$D$19=3,J3676*Input!$C$19,0)+IF(Input!$D$20=3,K3676*Input!$C$20,0)+IF(Input!$D$21=3,L3676*Input!$C$21,0)+IF(Input!$D$22=3,M3676*Input!$C$22,0)</f>
        <v>0</v>
      </c>
      <c r="Q3676" s="75">
        <f>IF(Input!$D$19=4,J3676*Input!$C$19,0)+IF(Input!$D$20=4,K3676*Input!$C$20,0)+IF(Input!$D$21=4,L3676*Input!$C$21,0)+IF(Input!$D$22=4,M3676*Input!$C$22,0)</f>
        <v>0</v>
      </c>
      <c r="R3676" s="58">
        <v>41.881407089587029</v>
      </c>
      <c r="S3676" s="124">
        <f t="shared" si="57"/>
        <v>0.41415926843198614</v>
      </c>
    </row>
    <row r="3677" spans="8:19" x14ac:dyDescent="0.3">
      <c r="H3677" s="44">
        <v>3670</v>
      </c>
      <c r="I3677" s="56">
        <f>Bühler!I3703</f>
        <v>9.5575215791996779E-2</v>
      </c>
      <c r="J3677" s="59">
        <f>Bühler!J3703</f>
        <v>0.31858405263998935</v>
      </c>
      <c r="K3677" s="59">
        <f>Bühler!K3703</f>
        <v>0.47787607895998396</v>
      </c>
      <c r="L3677" s="59">
        <f>Bühler!L3703</f>
        <v>5.7684039661580631</v>
      </c>
      <c r="M3677" s="58">
        <f>Bühler!M3703</f>
        <v>0</v>
      </c>
      <c r="N3677" s="56">
        <f>IF(Input!$D$19=1,J3677*Input!$C$19,0)+IF(Input!$D$20=1,K3677*Input!$C$20,0)+IF(Input!$D$21=1,L3677*Input!$C$21,0)+IF(Input!$D$22=1,M3677*Input!$C$22,0)</f>
        <v>9.5575215791996807E-2</v>
      </c>
      <c r="O3677" s="59">
        <f>IF(Input!$D$19=2,J3677*Input!$C$19,0)+IF(Input!$D$20=2,K3677*Input!$C$20,0)+IF(Input!$D$21=2,L3677*Input!$C$21,0)+IF(Input!$D$22=2,M3677*Input!$C$22,0)</f>
        <v>0.23893803947999198</v>
      </c>
      <c r="P3677" s="59">
        <f>IF(Input!$D$19=3,J3677*Input!$C$19,0)+IF(Input!$D$20=3,K3677*Input!$C$20,0)+IF(Input!$D$21=3,L3677*Input!$C$21,0)+IF(Input!$D$22=3,M3677*Input!$C$22,0)</f>
        <v>0</v>
      </c>
      <c r="Q3677" s="75">
        <f>IF(Input!$D$19=4,J3677*Input!$C$19,0)+IF(Input!$D$20=4,K3677*Input!$C$20,0)+IF(Input!$D$21=4,L3677*Input!$C$21,0)+IF(Input!$D$22=4,M3677*Input!$C$22,0)</f>
        <v>0</v>
      </c>
      <c r="R3677" s="58">
        <v>41.338013779877087</v>
      </c>
      <c r="S3677" s="124">
        <f t="shared" si="57"/>
        <v>0.41415926843198614</v>
      </c>
    </row>
    <row r="3678" spans="8:19" x14ac:dyDescent="0.3">
      <c r="H3678" s="44">
        <v>3671</v>
      </c>
      <c r="I3678" s="56">
        <f>Bühler!I3704</f>
        <v>9.5575215791996779E-2</v>
      </c>
      <c r="J3678" s="59">
        <f>Bühler!J3704</f>
        <v>0.31858405263998935</v>
      </c>
      <c r="K3678" s="59">
        <f>Bühler!K3704</f>
        <v>0.47787607895998396</v>
      </c>
      <c r="L3678" s="59">
        <f>Bühler!L3704</f>
        <v>5.7684039661580631</v>
      </c>
      <c r="M3678" s="58">
        <f>Bühler!M3704</f>
        <v>0</v>
      </c>
      <c r="N3678" s="56">
        <f>IF(Input!$D$19=1,J3678*Input!$C$19,0)+IF(Input!$D$20=1,K3678*Input!$C$20,0)+IF(Input!$D$21=1,L3678*Input!$C$21,0)+IF(Input!$D$22=1,M3678*Input!$C$22,0)</f>
        <v>9.5575215791996807E-2</v>
      </c>
      <c r="O3678" s="59">
        <f>IF(Input!$D$19=2,J3678*Input!$C$19,0)+IF(Input!$D$20=2,K3678*Input!$C$20,0)+IF(Input!$D$21=2,L3678*Input!$C$21,0)+IF(Input!$D$22=2,M3678*Input!$C$22,0)</f>
        <v>0.23893803947999198</v>
      </c>
      <c r="P3678" s="59">
        <f>IF(Input!$D$19=3,J3678*Input!$C$19,0)+IF(Input!$D$20=3,K3678*Input!$C$20,0)+IF(Input!$D$21=3,L3678*Input!$C$21,0)+IF(Input!$D$22=3,M3678*Input!$C$22,0)</f>
        <v>0</v>
      </c>
      <c r="Q3678" s="75">
        <f>IF(Input!$D$19=4,J3678*Input!$C$19,0)+IF(Input!$D$20=4,K3678*Input!$C$20,0)+IF(Input!$D$21=4,L3678*Input!$C$21,0)+IF(Input!$D$22=4,M3678*Input!$C$22,0)</f>
        <v>0</v>
      </c>
      <c r="R3678" s="58">
        <v>41.339740691346037</v>
      </c>
      <c r="S3678" s="124">
        <f t="shared" si="57"/>
        <v>0.41415926843198614</v>
      </c>
    </row>
    <row r="3679" spans="8:19" x14ac:dyDescent="0.3">
      <c r="H3679" s="44">
        <v>3672</v>
      </c>
      <c r="I3679" s="56">
        <f>Bühler!I3705</f>
        <v>9.5575215791996779E-2</v>
      </c>
      <c r="J3679" s="59">
        <f>Bühler!J3705</f>
        <v>0.31858405263998935</v>
      </c>
      <c r="K3679" s="59">
        <f>Bühler!K3705</f>
        <v>0.47787607895998396</v>
      </c>
      <c r="L3679" s="59">
        <f>Bühler!L3705</f>
        <v>5.7684039661580631</v>
      </c>
      <c r="M3679" s="58">
        <f>Bühler!M3705</f>
        <v>0</v>
      </c>
      <c r="N3679" s="56">
        <f>IF(Input!$D$19=1,J3679*Input!$C$19,0)+IF(Input!$D$20=1,K3679*Input!$C$20,0)+IF(Input!$D$21=1,L3679*Input!$C$21,0)+IF(Input!$D$22=1,M3679*Input!$C$22,0)</f>
        <v>9.5575215791996807E-2</v>
      </c>
      <c r="O3679" s="59">
        <f>IF(Input!$D$19=2,J3679*Input!$C$19,0)+IF(Input!$D$20=2,K3679*Input!$C$20,0)+IF(Input!$D$21=2,L3679*Input!$C$21,0)+IF(Input!$D$22=2,M3679*Input!$C$22,0)</f>
        <v>0.23893803947999198</v>
      </c>
      <c r="P3679" s="59">
        <f>IF(Input!$D$19=3,J3679*Input!$C$19,0)+IF(Input!$D$20=3,K3679*Input!$C$20,0)+IF(Input!$D$21=3,L3679*Input!$C$21,0)+IF(Input!$D$22=3,M3679*Input!$C$22,0)</f>
        <v>0</v>
      </c>
      <c r="Q3679" s="75">
        <f>IF(Input!$D$19=4,J3679*Input!$C$19,0)+IF(Input!$D$20=4,K3679*Input!$C$20,0)+IF(Input!$D$21=4,L3679*Input!$C$21,0)+IF(Input!$D$22=4,M3679*Input!$C$22,0)</f>
        <v>0</v>
      </c>
      <c r="R3679" s="58">
        <v>41.258433436929408</v>
      </c>
      <c r="S3679" s="124">
        <f t="shared" si="57"/>
        <v>0.41415926843198614</v>
      </c>
    </row>
    <row r="3680" spans="8:19" x14ac:dyDescent="0.3">
      <c r="H3680" s="44">
        <v>3673</v>
      </c>
      <c r="I3680" s="56">
        <f>Bühler!I3706</f>
        <v>0.10910977419777015</v>
      </c>
      <c r="J3680" s="59">
        <f>Bühler!J3706</f>
        <v>0.36369924732590053</v>
      </c>
      <c r="K3680" s="59">
        <f>Bühler!K3706</f>
        <v>0.54554887098885085</v>
      </c>
      <c r="L3680" s="59">
        <f>Bühler!L3706</f>
        <v>6.5669004315974639</v>
      </c>
      <c r="M3680" s="58">
        <f>Bühler!M3706</f>
        <v>0</v>
      </c>
      <c r="N3680" s="56">
        <f>IF(Input!$D$19=1,J3680*Input!$C$19,0)+IF(Input!$D$20=1,K3680*Input!$C$20,0)+IF(Input!$D$21=1,L3680*Input!$C$21,0)+IF(Input!$D$22=1,M3680*Input!$C$22,0)</f>
        <v>0.10910977419777015</v>
      </c>
      <c r="O3680" s="59">
        <f>IF(Input!$D$19=2,J3680*Input!$C$19,0)+IF(Input!$D$20=2,K3680*Input!$C$20,0)+IF(Input!$D$21=2,L3680*Input!$C$21,0)+IF(Input!$D$22=2,M3680*Input!$C$22,0)</f>
        <v>0.27277443549442543</v>
      </c>
      <c r="P3680" s="59">
        <f>IF(Input!$D$19=3,J3680*Input!$C$19,0)+IF(Input!$D$20=3,K3680*Input!$C$20,0)+IF(Input!$D$21=3,L3680*Input!$C$21,0)+IF(Input!$D$22=3,M3680*Input!$C$22,0)</f>
        <v>0</v>
      </c>
      <c r="Q3680" s="75">
        <f>IF(Input!$D$19=4,J3680*Input!$C$19,0)+IF(Input!$D$20=4,K3680*Input!$C$20,0)+IF(Input!$D$21=4,L3680*Input!$C$21,0)+IF(Input!$D$22=4,M3680*Input!$C$22,0)</f>
        <v>0</v>
      </c>
      <c r="R3680" s="58">
        <v>41.017532895938707</v>
      </c>
      <c r="S3680" s="124">
        <f t="shared" si="57"/>
        <v>0.47280902152367066</v>
      </c>
    </row>
    <row r="3681" spans="8:19" x14ac:dyDescent="0.3">
      <c r="H3681" s="44">
        <v>3674</v>
      </c>
      <c r="I3681" s="56">
        <f>Bühler!I3707</f>
        <v>0.12670812487482985</v>
      </c>
      <c r="J3681" s="59">
        <f>Bühler!J3707</f>
        <v>0.42236041624943288</v>
      </c>
      <c r="K3681" s="59">
        <f>Bühler!K3707</f>
        <v>0.63354062437414937</v>
      </c>
      <c r="L3681" s="59">
        <f>Bühler!L3707</f>
        <v>7.6260779205647973</v>
      </c>
      <c r="M3681" s="58">
        <f>Bühler!M3707</f>
        <v>0</v>
      </c>
      <c r="N3681" s="56">
        <f>IF(Input!$D$19=1,J3681*Input!$C$19,0)+IF(Input!$D$20=1,K3681*Input!$C$20,0)+IF(Input!$D$21=1,L3681*Input!$C$21,0)+IF(Input!$D$22=1,M3681*Input!$C$22,0)</f>
        <v>0.12670812487482985</v>
      </c>
      <c r="O3681" s="59">
        <f>IF(Input!$D$19=2,J3681*Input!$C$19,0)+IF(Input!$D$20=2,K3681*Input!$C$20,0)+IF(Input!$D$21=2,L3681*Input!$C$21,0)+IF(Input!$D$22=2,M3681*Input!$C$22,0)</f>
        <v>0.31677031218707469</v>
      </c>
      <c r="P3681" s="59">
        <f>IF(Input!$D$19=3,J3681*Input!$C$19,0)+IF(Input!$D$20=3,K3681*Input!$C$20,0)+IF(Input!$D$21=3,L3681*Input!$C$21,0)+IF(Input!$D$22=3,M3681*Input!$C$22,0)</f>
        <v>0</v>
      </c>
      <c r="Q3681" s="75">
        <f>IF(Input!$D$19=4,J3681*Input!$C$19,0)+IF(Input!$D$20=4,K3681*Input!$C$20,0)+IF(Input!$D$21=4,L3681*Input!$C$21,0)+IF(Input!$D$22=4,M3681*Input!$C$22,0)</f>
        <v>0</v>
      </c>
      <c r="R3681" s="58">
        <v>40.746761450682783</v>
      </c>
      <c r="S3681" s="124">
        <f t="shared" si="57"/>
        <v>0.54906854112426273</v>
      </c>
    </row>
    <row r="3682" spans="8:19" x14ac:dyDescent="0.3">
      <c r="H3682" s="44">
        <v>3675</v>
      </c>
      <c r="I3682" s="56">
        <f>Bühler!I3708</f>
        <v>0.12670812487482985</v>
      </c>
      <c r="J3682" s="59">
        <f>Bühler!J3708</f>
        <v>0.42236041624943288</v>
      </c>
      <c r="K3682" s="59">
        <f>Bühler!K3708</f>
        <v>0.63354062437414937</v>
      </c>
      <c r="L3682" s="59">
        <f>Bühler!L3708</f>
        <v>7.6260779205647973</v>
      </c>
      <c r="M3682" s="58">
        <f>Bühler!M3708</f>
        <v>0</v>
      </c>
      <c r="N3682" s="56">
        <f>IF(Input!$D$19=1,J3682*Input!$C$19,0)+IF(Input!$D$20=1,K3682*Input!$C$20,0)+IF(Input!$D$21=1,L3682*Input!$C$21,0)+IF(Input!$D$22=1,M3682*Input!$C$22,0)</f>
        <v>0.12670812487482985</v>
      </c>
      <c r="O3682" s="59">
        <f>IF(Input!$D$19=2,J3682*Input!$C$19,0)+IF(Input!$D$20=2,K3682*Input!$C$20,0)+IF(Input!$D$21=2,L3682*Input!$C$21,0)+IF(Input!$D$22=2,M3682*Input!$C$22,0)</f>
        <v>0.31677031218707469</v>
      </c>
      <c r="P3682" s="59">
        <f>IF(Input!$D$19=3,J3682*Input!$C$19,0)+IF(Input!$D$20=3,K3682*Input!$C$20,0)+IF(Input!$D$21=3,L3682*Input!$C$21,0)+IF(Input!$D$22=3,M3682*Input!$C$22,0)</f>
        <v>0</v>
      </c>
      <c r="Q3682" s="75">
        <f>IF(Input!$D$19=4,J3682*Input!$C$19,0)+IF(Input!$D$20=4,K3682*Input!$C$20,0)+IF(Input!$D$21=4,L3682*Input!$C$21,0)+IF(Input!$D$22=4,M3682*Input!$C$22,0)</f>
        <v>0</v>
      </c>
      <c r="R3682" s="58">
        <v>40.64780702671252</v>
      </c>
      <c r="S3682" s="124">
        <f t="shared" si="57"/>
        <v>0.54906854112426273</v>
      </c>
    </row>
    <row r="3683" spans="8:19" x14ac:dyDescent="0.3">
      <c r="H3683" s="44">
        <v>3676</v>
      </c>
      <c r="I3683" s="56">
        <f>Bühler!I3709</f>
        <v>0.12670812487482985</v>
      </c>
      <c r="J3683" s="59">
        <f>Bühler!J3709</f>
        <v>0.42236041624943288</v>
      </c>
      <c r="K3683" s="59">
        <f>Bühler!K3709</f>
        <v>0.63354062437414937</v>
      </c>
      <c r="L3683" s="59">
        <f>Bühler!L3709</f>
        <v>7.6260779205647973</v>
      </c>
      <c r="M3683" s="58">
        <f>Bühler!M3709</f>
        <v>0</v>
      </c>
      <c r="N3683" s="56">
        <f>IF(Input!$D$19=1,J3683*Input!$C$19,0)+IF(Input!$D$20=1,K3683*Input!$C$20,0)+IF(Input!$D$21=1,L3683*Input!$C$21,0)+IF(Input!$D$22=1,M3683*Input!$C$22,0)</f>
        <v>0.12670812487482985</v>
      </c>
      <c r="O3683" s="59">
        <f>IF(Input!$D$19=2,J3683*Input!$C$19,0)+IF(Input!$D$20=2,K3683*Input!$C$20,0)+IF(Input!$D$21=2,L3683*Input!$C$21,0)+IF(Input!$D$22=2,M3683*Input!$C$22,0)</f>
        <v>0.31677031218707469</v>
      </c>
      <c r="P3683" s="59">
        <f>IF(Input!$D$19=3,J3683*Input!$C$19,0)+IF(Input!$D$20=3,K3683*Input!$C$20,0)+IF(Input!$D$21=3,L3683*Input!$C$21,0)+IF(Input!$D$22=3,M3683*Input!$C$22,0)</f>
        <v>0</v>
      </c>
      <c r="Q3683" s="75">
        <f>IF(Input!$D$19=4,J3683*Input!$C$19,0)+IF(Input!$D$20=4,K3683*Input!$C$20,0)+IF(Input!$D$21=4,L3683*Input!$C$21,0)+IF(Input!$D$22=4,M3683*Input!$C$22,0)</f>
        <v>0</v>
      </c>
      <c r="R3683" s="58">
        <v>40.526393495959944</v>
      </c>
      <c r="S3683" s="124">
        <f t="shared" si="57"/>
        <v>0.54906854112426273</v>
      </c>
    </row>
    <row r="3684" spans="8:19" x14ac:dyDescent="0.3">
      <c r="H3684" s="44">
        <v>3677</v>
      </c>
      <c r="I3684" s="56">
        <f>Bühler!I3710</f>
        <v>0.12670812487482985</v>
      </c>
      <c r="J3684" s="59">
        <f>Bühler!J3710</f>
        <v>0.42236041624943288</v>
      </c>
      <c r="K3684" s="59">
        <f>Bühler!K3710</f>
        <v>0.63354062437414937</v>
      </c>
      <c r="L3684" s="59">
        <f>Bühler!L3710</f>
        <v>7.6260779205647973</v>
      </c>
      <c r="M3684" s="58">
        <f>Bühler!M3710</f>
        <v>0</v>
      </c>
      <c r="N3684" s="56">
        <f>IF(Input!$D$19=1,J3684*Input!$C$19,0)+IF(Input!$D$20=1,K3684*Input!$C$20,0)+IF(Input!$D$21=1,L3684*Input!$C$21,0)+IF(Input!$D$22=1,M3684*Input!$C$22,0)</f>
        <v>0.12670812487482985</v>
      </c>
      <c r="O3684" s="59">
        <f>IF(Input!$D$19=2,J3684*Input!$C$19,0)+IF(Input!$D$20=2,K3684*Input!$C$20,0)+IF(Input!$D$21=2,L3684*Input!$C$21,0)+IF(Input!$D$22=2,M3684*Input!$C$22,0)</f>
        <v>0.31677031218707469</v>
      </c>
      <c r="P3684" s="59">
        <f>IF(Input!$D$19=3,J3684*Input!$C$19,0)+IF(Input!$D$20=3,K3684*Input!$C$20,0)+IF(Input!$D$21=3,L3684*Input!$C$21,0)+IF(Input!$D$22=3,M3684*Input!$C$22,0)</f>
        <v>0</v>
      </c>
      <c r="Q3684" s="75">
        <f>IF(Input!$D$19=4,J3684*Input!$C$19,0)+IF(Input!$D$20=4,K3684*Input!$C$20,0)+IF(Input!$D$21=4,L3684*Input!$C$21,0)+IF(Input!$D$22=4,M3684*Input!$C$22,0)</f>
        <v>0</v>
      </c>
      <c r="R3684" s="58">
        <v>40.653513527069414</v>
      </c>
      <c r="S3684" s="124">
        <f t="shared" si="57"/>
        <v>0.54906854112426273</v>
      </c>
    </row>
    <row r="3685" spans="8:19" x14ac:dyDescent="0.3">
      <c r="H3685" s="44">
        <v>3678</v>
      </c>
      <c r="I3685" s="56">
        <f>Bühler!I3711</f>
        <v>0.15838515609353732</v>
      </c>
      <c r="J3685" s="59">
        <f>Bühler!J3711</f>
        <v>0.52795052031179113</v>
      </c>
      <c r="K3685" s="59">
        <f>Bühler!K3711</f>
        <v>0.79192578046768658</v>
      </c>
      <c r="L3685" s="59">
        <f>Bühler!L3711</f>
        <v>9.5325974007059955</v>
      </c>
      <c r="M3685" s="58">
        <f>Bühler!M3711</f>
        <v>0</v>
      </c>
      <c r="N3685" s="56">
        <f>IF(Input!$D$19=1,J3685*Input!$C$19,0)+IF(Input!$D$20=1,K3685*Input!$C$20,0)+IF(Input!$D$21=1,L3685*Input!$C$21,0)+IF(Input!$D$22=1,M3685*Input!$C$22,0)</f>
        <v>0.15838515609353734</v>
      </c>
      <c r="O3685" s="59">
        <f>IF(Input!$D$19=2,J3685*Input!$C$19,0)+IF(Input!$D$20=2,K3685*Input!$C$20,0)+IF(Input!$D$21=2,L3685*Input!$C$21,0)+IF(Input!$D$22=2,M3685*Input!$C$22,0)</f>
        <v>0.39596289023384329</v>
      </c>
      <c r="P3685" s="59">
        <f>IF(Input!$D$19=3,J3685*Input!$C$19,0)+IF(Input!$D$20=3,K3685*Input!$C$20,0)+IF(Input!$D$21=3,L3685*Input!$C$21,0)+IF(Input!$D$22=3,M3685*Input!$C$22,0)</f>
        <v>0</v>
      </c>
      <c r="Q3685" s="75">
        <f>IF(Input!$D$19=4,J3685*Input!$C$19,0)+IF(Input!$D$20=4,K3685*Input!$C$20,0)+IF(Input!$D$21=4,L3685*Input!$C$21,0)+IF(Input!$D$22=4,M3685*Input!$C$22,0)</f>
        <v>0</v>
      </c>
      <c r="R3685" s="58">
        <v>41.012007646165422</v>
      </c>
      <c r="S3685" s="124">
        <f t="shared" si="57"/>
        <v>0.68633567640532844</v>
      </c>
    </row>
    <row r="3686" spans="8:19" x14ac:dyDescent="0.3">
      <c r="H3686" s="44">
        <v>3679</v>
      </c>
      <c r="I3686" s="56">
        <f>Bühler!I3712</f>
        <v>0.18654251717683284</v>
      </c>
      <c r="J3686" s="59">
        <f>Bühler!J3712</f>
        <v>0.62180839058944293</v>
      </c>
      <c r="K3686" s="59">
        <f>Bühler!K3712</f>
        <v>0.93271258588416439</v>
      </c>
      <c r="L3686" s="59">
        <f>Bühler!L3712</f>
        <v>11.227281383053729</v>
      </c>
      <c r="M3686" s="58">
        <f>Bühler!M3712</f>
        <v>0</v>
      </c>
      <c r="N3686" s="56">
        <f>IF(Input!$D$19=1,J3686*Input!$C$19,0)+IF(Input!$D$20=1,K3686*Input!$C$20,0)+IF(Input!$D$21=1,L3686*Input!$C$21,0)+IF(Input!$D$22=1,M3686*Input!$C$22,0)</f>
        <v>0.18654251717683287</v>
      </c>
      <c r="O3686" s="59">
        <f>IF(Input!$D$19=2,J3686*Input!$C$19,0)+IF(Input!$D$20=2,K3686*Input!$C$20,0)+IF(Input!$D$21=2,L3686*Input!$C$21,0)+IF(Input!$D$22=2,M3686*Input!$C$22,0)</f>
        <v>0.4663562929420822</v>
      </c>
      <c r="P3686" s="59">
        <f>IF(Input!$D$19=3,J3686*Input!$C$19,0)+IF(Input!$D$20=3,K3686*Input!$C$20,0)+IF(Input!$D$21=3,L3686*Input!$C$21,0)+IF(Input!$D$22=3,M3686*Input!$C$22,0)</f>
        <v>0</v>
      </c>
      <c r="Q3686" s="75">
        <f>IF(Input!$D$19=4,J3686*Input!$C$19,0)+IF(Input!$D$20=4,K3686*Input!$C$20,0)+IF(Input!$D$21=4,L3686*Input!$C$21,0)+IF(Input!$D$22=4,M3686*Input!$C$22,0)</f>
        <v>0</v>
      </c>
      <c r="R3686" s="58">
        <v>41.029488667716272</v>
      </c>
      <c r="S3686" s="124">
        <f t="shared" si="57"/>
        <v>0.80835090776627583</v>
      </c>
    </row>
    <row r="3687" spans="8:19" x14ac:dyDescent="0.3">
      <c r="H3687" s="44">
        <v>3680</v>
      </c>
      <c r="I3687" s="56">
        <f>Bühler!I3713</f>
        <v>0.22173921853095224</v>
      </c>
      <c r="J3687" s="59">
        <f>Bühler!J3713</f>
        <v>0.73913072843650762</v>
      </c>
      <c r="K3687" s="59">
        <f>Bühler!K3713</f>
        <v>1.1086960926547613</v>
      </c>
      <c r="L3687" s="59">
        <f>Bühler!L3713</f>
        <v>13.345636360988395</v>
      </c>
      <c r="M3687" s="58">
        <f>Bühler!M3713</f>
        <v>0</v>
      </c>
      <c r="N3687" s="56">
        <f>IF(Input!$D$19=1,J3687*Input!$C$19,0)+IF(Input!$D$20=1,K3687*Input!$C$20,0)+IF(Input!$D$21=1,L3687*Input!$C$21,0)+IF(Input!$D$22=1,M3687*Input!$C$22,0)</f>
        <v>0.22173921853095227</v>
      </c>
      <c r="O3687" s="59">
        <f>IF(Input!$D$19=2,J3687*Input!$C$19,0)+IF(Input!$D$20=2,K3687*Input!$C$20,0)+IF(Input!$D$21=2,L3687*Input!$C$21,0)+IF(Input!$D$22=2,M3687*Input!$C$22,0)</f>
        <v>0.55434804632738066</v>
      </c>
      <c r="P3687" s="59">
        <f>IF(Input!$D$19=3,J3687*Input!$C$19,0)+IF(Input!$D$20=3,K3687*Input!$C$20,0)+IF(Input!$D$21=3,L3687*Input!$C$21,0)+IF(Input!$D$22=3,M3687*Input!$C$22,0)</f>
        <v>0</v>
      </c>
      <c r="Q3687" s="75">
        <f>IF(Input!$D$19=4,J3687*Input!$C$19,0)+IF(Input!$D$20=4,K3687*Input!$C$20,0)+IF(Input!$D$21=4,L3687*Input!$C$21,0)+IF(Input!$D$22=4,M3687*Input!$C$22,0)</f>
        <v>0</v>
      </c>
      <c r="R3687" s="58">
        <v>41.283834722593348</v>
      </c>
      <c r="S3687" s="124">
        <f t="shared" si="57"/>
        <v>0.96086994696745986</v>
      </c>
    </row>
    <row r="3688" spans="8:19" x14ac:dyDescent="0.3">
      <c r="H3688" s="44">
        <v>3681</v>
      </c>
      <c r="I3688" s="56">
        <f>Bühler!I3714</f>
        <v>0.22173921853095224</v>
      </c>
      <c r="J3688" s="59">
        <f>Bühler!J3714</f>
        <v>0.73913072843650762</v>
      </c>
      <c r="K3688" s="59">
        <f>Bühler!K3714</f>
        <v>1.1086960926547613</v>
      </c>
      <c r="L3688" s="59">
        <f>Bühler!L3714</f>
        <v>13.345636360988395</v>
      </c>
      <c r="M3688" s="58">
        <f>Bühler!M3714</f>
        <v>0</v>
      </c>
      <c r="N3688" s="56">
        <f>IF(Input!$D$19=1,J3688*Input!$C$19,0)+IF(Input!$D$20=1,K3688*Input!$C$20,0)+IF(Input!$D$21=1,L3688*Input!$C$21,0)+IF(Input!$D$22=1,M3688*Input!$C$22,0)</f>
        <v>0.22173921853095227</v>
      </c>
      <c r="O3688" s="59">
        <f>IF(Input!$D$19=2,J3688*Input!$C$19,0)+IF(Input!$D$20=2,K3688*Input!$C$20,0)+IF(Input!$D$21=2,L3688*Input!$C$21,0)+IF(Input!$D$22=2,M3688*Input!$C$22,0)</f>
        <v>0.55434804632738066</v>
      </c>
      <c r="P3688" s="59">
        <f>IF(Input!$D$19=3,J3688*Input!$C$19,0)+IF(Input!$D$20=3,K3688*Input!$C$20,0)+IF(Input!$D$21=3,L3688*Input!$C$21,0)+IF(Input!$D$22=3,M3688*Input!$C$22,0)</f>
        <v>0</v>
      </c>
      <c r="Q3688" s="75">
        <f>IF(Input!$D$19=4,J3688*Input!$C$19,0)+IF(Input!$D$20=4,K3688*Input!$C$20,0)+IF(Input!$D$21=4,L3688*Input!$C$21,0)+IF(Input!$D$22=4,M3688*Input!$C$22,0)</f>
        <v>0</v>
      </c>
      <c r="R3688" s="58">
        <v>41.361383533055502</v>
      </c>
      <c r="S3688" s="124">
        <f t="shared" si="57"/>
        <v>0.96086994696745986</v>
      </c>
    </row>
    <row r="3689" spans="8:19" x14ac:dyDescent="0.3">
      <c r="H3689" s="44">
        <v>3682</v>
      </c>
      <c r="I3689" s="56">
        <f>Bühler!I3715</f>
        <v>0.22173921853095224</v>
      </c>
      <c r="J3689" s="59">
        <f>Bühler!J3715</f>
        <v>0.73913072843650762</v>
      </c>
      <c r="K3689" s="59">
        <f>Bühler!K3715</f>
        <v>1.1086960926547613</v>
      </c>
      <c r="L3689" s="59">
        <f>Bühler!L3715</f>
        <v>13.345636360988395</v>
      </c>
      <c r="M3689" s="58">
        <f>Bühler!M3715</f>
        <v>0</v>
      </c>
      <c r="N3689" s="56">
        <f>IF(Input!$D$19=1,J3689*Input!$C$19,0)+IF(Input!$D$20=1,K3689*Input!$C$20,0)+IF(Input!$D$21=1,L3689*Input!$C$21,0)+IF(Input!$D$22=1,M3689*Input!$C$22,0)</f>
        <v>0.22173921853095227</v>
      </c>
      <c r="O3689" s="59">
        <f>IF(Input!$D$19=2,J3689*Input!$C$19,0)+IF(Input!$D$20=2,K3689*Input!$C$20,0)+IF(Input!$D$21=2,L3689*Input!$C$21,0)+IF(Input!$D$22=2,M3689*Input!$C$22,0)</f>
        <v>0.55434804632738066</v>
      </c>
      <c r="P3689" s="59">
        <f>IF(Input!$D$19=3,J3689*Input!$C$19,0)+IF(Input!$D$20=3,K3689*Input!$C$20,0)+IF(Input!$D$21=3,L3689*Input!$C$21,0)+IF(Input!$D$22=3,M3689*Input!$C$22,0)</f>
        <v>0</v>
      </c>
      <c r="Q3689" s="75">
        <f>IF(Input!$D$19=4,J3689*Input!$C$19,0)+IF(Input!$D$20=4,K3689*Input!$C$20,0)+IF(Input!$D$21=4,L3689*Input!$C$21,0)+IF(Input!$D$22=4,M3689*Input!$C$22,0)</f>
        <v>0</v>
      </c>
      <c r="R3689" s="58">
        <v>41.488042092059018</v>
      </c>
      <c r="S3689" s="124">
        <f t="shared" si="57"/>
        <v>0.96086994696745986</v>
      </c>
    </row>
    <row r="3690" spans="8:19" x14ac:dyDescent="0.3">
      <c r="H3690" s="44">
        <v>3683</v>
      </c>
      <c r="I3690" s="56">
        <f>Bühler!I3716</f>
        <v>0.22173921853095224</v>
      </c>
      <c r="J3690" s="59">
        <f>Bühler!J3716</f>
        <v>0.73913072843650762</v>
      </c>
      <c r="K3690" s="59">
        <f>Bühler!K3716</f>
        <v>1.1086960926547613</v>
      </c>
      <c r="L3690" s="59">
        <f>Bühler!L3716</f>
        <v>13.345636360988395</v>
      </c>
      <c r="M3690" s="58">
        <f>Bühler!M3716</f>
        <v>0</v>
      </c>
      <c r="N3690" s="56">
        <f>IF(Input!$D$19=1,J3690*Input!$C$19,0)+IF(Input!$D$20=1,K3690*Input!$C$20,0)+IF(Input!$D$21=1,L3690*Input!$C$21,0)+IF(Input!$D$22=1,M3690*Input!$C$22,0)</f>
        <v>0.22173921853095227</v>
      </c>
      <c r="O3690" s="59">
        <f>IF(Input!$D$19=2,J3690*Input!$C$19,0)+IF(Input!$D$20=2,K3690*Input!$C$20,0)+IF(Input!$D$21=2,L3690*Input!$C$21,0)+IF(Input!$D$22=2,M3690*Input!$C$22,0)</f>
        <v>0.55434804632738066</v>
      </c>
      <c r="P3690" s="59">
        <f>IF(Input!$D$19=3,J3690*Input!$C$19,0)+IF(Input!$D$20=3,K3690*Input!$C$20,0)+IF(Input!$D$21=3,L3690*Input!$C$21,0)+IF(Input!$D$22=3,M3690*Input!$C$22,0)</f>
        <v>0</v>
      </c>
      <c r="Q3690" s="75">
        <f>IF(Input!$D$19=4,J3690*Input!$C$19,0)+IF(Input!$D$20=4,K3690*Input!$C$20,0)+IF(Input!$D$21=4,L3690*Input!$C$21,0)+IF(Input!$D$22=4,M3690*Input!$C$22,0)</f>
        <v>0</v>
      </c>
      <c r="R3690" s="58">
        <v>41.813191164115878</v>
      </c>
      <c r="S3690" s="124">
        <f t="shared" si="57"/>
        <v>0.96086994696745986</v>
      </c>
    </row>
    <row r="3691" spans="8:19" x14ac:dyDescent="0.3">
      <c r="H3691" s="44">
        <v>3684</v>
      </c>
      <c r="I3691" s="56">
        <f>Bühler!I3717</f>
        <v>0.22173921853095224</v>
      </c>
      <c r="J3691" s="59">
        <f>Bühler!J3717</f>
        <v>0.73913072843650762</v>
      </c>
      <c r="K3691" s="59">
        <f>Bühler!K3717</f>
        <v>1.1086960926547613</v>
      </c>
      <c r="L3691" s="59">
        <f>Bühler!L3717</f>
        <v>13.345636360988395</v>
      </c>
      <c r="M3691" s="58">
        <f>Bühler!M3717</f>
        <v>0</v>
      </c>
      <c r="N3691" s="56">
        <f>IF(Input!$D$19=1,J3691*Input!$C$19,0)+IF(Input!$D$20=1,K3691*Input!$C$20,0)+IF(Input!$D$21=1,L3691*Input!$C$21,0)+IF(Input!$D$22=1,M3691*Input!$C$22,0)</f>
        <v>0.22173921853095227</v>
      </c>
      <c r="O3691" s="59">
        <f>IF(Input!$D$19=2,J3691*Input!$C$19,0)+IF(Input!$D$20=2,K3691*Input!$C$20,0)+IF(Input!$D$21=2,L3691*Input!$C$21,0)+IF(Input!$D$22=2,M3691*Input!$C$22,0)</f>
        <v>0.55434804632738066</v>
      </c>
      <c r="P3691" s="59">
        <f>IF(Input!$D$19=3,J3691*Input!$C$19,0)+IF(Input!$D$20=3,K3691*Input!$C$20,0)+IF(Input!$D$21=3,L3691*Input!$C$21,0)+IF(Input!$D$22=3,M3691*Input!$C$22,0)</f>
        <v>0</v>
      </c>
      <c r="Q3691" s="75">
        <f>IF(Input!$D$19=4,J3691*Input!$C$19,0)+IF(Input!$D$20=4,K3691*Input!$C$20,0)+IF(Input!$D$21=4,L3691*Input!$C$21,0)+IF(Input!$D$22=4,M3691*Input!$C$22,0)</f>
        <v>0</v>
      </c>
      <c r="R3691" s="58">
        <v>42.395456869308582</v>
      </c>
      <c r="S3691" s="124">
        <f t="shared" si="57"/>
        <v>0.96086994696745986</v>
      </c>
    </row>
    <row r="3692" spans="8:19" x14ac:dyDescent="0.3">
      <c r="H3692" s="44">
        <v>3685</v>
      </c>
      <c r="I3692" s="56">
        <f>Bühler!I3718</f>
        <v>0.22173921853095224</v>
      </c>
      <c r="J3692" s="59">
        <f>Bühler!J3718</f>
        <v>0.73913072843650762</v>
      </c>
      <c r="K3692" s="59">
        <f>Bühler!K3718</f>
        <v>1.1086960926547613</v>
      </c>
      <c r="L3692" s="59">
        <f>Bühler!L3718</f>
        <v>13.345636360988395</v>
      </c>
      <c r="M3692" s="58">
        <f>Bühler!M3718</f>
        <v>0</v>
      </c>
      <c r="N3692" s="56">
        <f>IF(Input!$D$19=1,J3692*Input!$C$19,0)+IF(Input!$D$20=1,K3692*Input!$C$20,0)+IF(Input!$D$21=1,L3692*Input!$C$21,0)+IF(Input!$D$22=1,M3692*Input!$C$22,0)</f>
        <v>0.22173921853095227</v>
      </c>
      <c r="O3692" s="59">
        <f>IF(Input!$D$19=2,J3692*Input!$C$19,0)+IF(Input!$D$20=2,K3692*Input!$C$20,0)+IF(Input!$D$21=2,L3692*Input!$C$21,0)+IF(Input!$D$22=2,M3692*Input!$C$22,0)</f>
        <v>0.55434804632738066</v>
      </c>
      <c r="P3692" s="59">
        <f>IF(Input!$D$19=3,J3692*Input!$C$19,0)+IF(Input!$D$20=3,K3692*Input!$C$20,0)+IF(Input!$D$21=3,L3692*Input!$C$21,0)+IF(Input!$D$22=3,M3692*Input!$C$22,0)</f>
        <v>0</v>
      </c>
      <c r="Q3692" s="75">
        <f>IF(Input!$D$19=4,J3692*Input!$C$19,0)+IF(Input!$D$20=4,K3692*Input!$C$20,0)+IF(Input!$D$21=4,L3692*Input!$C$21,0)+IF(Input!$D$22=4,M3692*Input!$C$22,0)</f>
        <v>0</v>
      </c>
      <c r="R3692" s="58">
        <v>42.420741257074212</v>
      </c>
      <c r="S3692" s="124">
        <f t="shared" si="57"/>
        <v>0.96086994696745986</v>
      </c>
    </row>
    <row r="3693" spans="8:19" x14ac:dyDescent="0.3">
      <c r="H3693" s="44">
        <v>3686</v>
      </c>
      <c r="I3693" s="56">
        <f>Bühler!I3719</f>
        <v>0.22173921853095224</v>
      </c>
      <c r="J3693" s="59">
        <f>Bühler!J3719</f>
        <v>0.73913072843650762</v>
      </c>
      <c r="K3693" s="59">
        <f>Bühler!K3719</f>
        <v>1.1086960926547613</v>
      </c>
      <c r="L3693" s="59">
        <f>Bühler!L3719</f>
        <v>13.345636360988395</v>
      </c>
      <c r="M3693" s="58">
        <f>Bühler!M3719</f>
        <v>0</v>
      </c>
      <c r="N3693" s="56">
        <f>IF(Input!$D$19=1,J3693*Input!$C$19,0)+IF(Input!$D$20=1,K3693*Input!$C$20,0)+IF(Input!$D$21=1,L3693*Input!$C$21,0)+IF(Input!$D$22=1,M3693*Input!$C$22,0)</f>
        <v>0.22173921853095227</v>
      </c>
      <c r="O3693" s="59">
        <f>IF(Input!$D$19=2,J3693*Input!$C$19,0)+IF(Input!$D$20=2,K3693*Input!$C$20,0)+IF(Input!$D$21=2,L3693*Input!$C$21,0)+IF(Input!$D$22=2,M3693*Input!$C$22,0)</f>
        <v>0.55434804632738066</v>
      </c>
      <c r="P3693" s="59">
        <f>IF(Input!$D$19=3,J3693*Input!$C$19,0)+IF(Input!$D$20=3,K3693*Input!$C$20,0)+IF(Input!$D$21=3,L3693*Input!$C$21,0)+IF(Input!$D$22=3,M3693*Input!$C$22,0)</f>
        <v>0</v>
      </c>
      <c r="Q3693" s="75">
        <f>IF(Input!$D$19=4,J3693*Input!$C$19,0)+IF(Input!$D$20=4,K3693*Input!$C$20,0)+IF(Input!$D$21=4,L3693*Input!$C$21,0)+IF(Input!$D$22=4,M3693*Input!$C$22,0)</f>
        <v>0</v>
      </c>
      <c r="R3693" s="58">
        <v>42.382324822236093</v>
      </c>
      <c r="S3693" s="124">
        <f t="shared" si="57"/>
        <v>0.96086994696745986</v>
      </c>
    </row>
    <row r="3694" spans="8:19" x14ac:dyDescent="0.3">
      <c r="H3694" s="44">
        <v>3687</v>
      </c>
      <c r="I3694" s="56">
        <f>Bühler!I3720</f>
        <v>0.22173921853095224</v>
      </c>
      <c r="J3694" s="59">
        <f>Bühler!J3720</f>
        <v>0.73913072843650762</v>
      </c>
      <c r="K3694" s="59">
        <f>Bühler!K3720</f>
        <v>1.1086960926547613</v>
      </c>
      <c r="L3694" s="59">
        <f>Bühler!L3720</f>
        <v>13.345636360988395</v>
      </c>
      <c r="M3694" s="58">
        <f>Bühler!M3720</f>
        <v>0</v>
      </c>
      <c r="N3694" s="56">
        <f>IF(Input!$D$19=1,J3694*Input!$C$19,0)+IF(Input!$D$20=1,K3694*Input!$C$20,0)+IF(Input!$D$21=1,L3694*Input!$C$21,0)+IF(Input!$D$22=1,M3694*Input!$C$22,0)</f>
        <v>0.22173921853095227</v>
      </c>
      <c r="O3694" s="59">
        <f>IF(Input!$D$19=2,J3694*Input!$C$19,0)+IF(Input!$D$20=2,K3694*Input!$C$20,0)+IF(Input!$D$21=2,L3694*Input!$C$21,0)+IF(Input!$D$22=2,M3694*Input!$C$22,0)</f>
        <v>0.55434804632738066</v>
      </c>
      <c r="P3694" s="59">
        <f>IF(Input!$D$19=3,J3694*Input!$C$19,0)+IF(Input!$D$20=3,K3694*Input!$C$20,0)+IF(Input!$D$21=3,L3694*Input!$C$21,0)+IF(Input!$D$22=3,M3694*Input!$C$22,0)</f>
        <v>0</v>
      </c>
      <c r="Q3694" s="75">
        <f>IF(Input!$D$19=4,J3694*Input!$C$19,0)+IF(Input!$D$20=4,K3694*Input!$C$20,0)+IF(Input!$D$21=4,L3694*Input!$C$21,0)+IF(Input!$D$22=4,M3694*Input!$C$22,0)</f>
        <v>0</v>
      </c>
      <c r="R3694" s="58">
        <v>42.200076311080174</v>
      </c>
      <c r="S3694" s="124">
        <f t="shared" si="57"/>
        <v>0.96086994696745986</v>
      </c>
    </row>
    <row r="3695" spans="8:19" x14ac:dyDescent="0.3">
      <c r="H3695" s="44">
        <v>3688</v>
      </c>
      <c r="I3695" s="56">
        <f>Bühler!I3721</f>
        <v>0.19710152758306865</v>
      </c>
      <c r="J3695" s="59">
        <f>Bühler!J3721</f>
        <v>0.65700509194356227</v>
      </c>
      <c r="K3695" s="59">
        <f>Bühler!K3721</f>
        <v>0.98550763791534335</v>
      </c>
      <c r="L3695" s="59">
        <f>Bühler!L3721</f>
        <v>11.862787876434128</v>
      </c>
      <c r="M3695" s="58">
        <f>Bühler!M3721</f>
        <v>0</v>
      </c>
      <c r="N3695" s="56">
        <f>IF(Input!$D$19=1,J3695*Input!$C$19,0)+IF(Input!$D$20=1,K3695*Input!$C$20,0)+IF(Input!$D$21=1,L3695*Input!$C$21,0)+IF(Input!$D$22=1,M3695*Input!$C$22,0)</f>
        <v>0.19710152758306868</v>
      </c>
      <c r="O3695" s="59">
        <f>IF(Input!$D$19=2,J3695*Input!$C$19,0)+IF(Input!$D$20=2,K3695*Input!$C$20,0)+IF(Input!$D$21=2,L3695*Input!$C$21,0)+IF(Input!$D$22=2,M3695*Input!$C$22,0)</f>
        <v>0.49275381895767167</v>
      </c>
      <c r="P3695" s="59">
        <f>IF(Input!$D$19=3,J3695*Input!$C$19,0)+IF(Input!$D$20=3,K3695*Input!$C$20,0)+IF(Input!$D$21=3,L3695*Input!$C$21,0)+IF(Input!$D$22=3,M3695*Input!$C$22,0)</f>
        <v>0</v>
      </c>
      <c r="Q3695" s="75">
        <f>IF(Input!$D$19=4,J3695*Input!$C$19,0)+IF(Input!$D$20=4,K3695*Input!$C$20,0)+IF(Input!$D$21=4,L3695*Input!$C$21,0)+IF(Input!$D$22=4,M3695*Input!$C$22,0)</f>
        <v>0</v>
      </c>
      <c r="R3695" s="58">
        <v>42.532839927864053</v>
      </c>
      <c r="S3695" s="124">
        <f t="shared" si="57"/>
        <v>0.85410661952663092</v>
      </c>
    </row>
    <row r="3696" spans="8:19" x14ac:dyDescent="0.3">
      <c r="H3696" s="44">
        <v>3689</v>
      </c>
      <c r="I3696" s="56">
        <f>Bühler!I3722</f>
        <v>0.19358185744765669</v>
      </c>
      <c r="J3696" s="59">
        <f>Bühler!J3722</f>
        <v>0.64527285815885571</v>
      </c>
      <c r="K3696" s="59">
        <f>Bühler!K3722</f>
        <v>0.96790928723828362</v>
      </c>
      <c r="L3696" s="59">
        <f>Bühler!L3722</f>
        <v>11.65095237864066</v>
      </c>
      <c r="M3696" s="58">
        <f>Bühler!M3722</f>
        <v>0</v>
      </c>
      <c r="N3696" s="56">
        <f>IF(Input!$D$19=1,J3696*Input!$C$19,0)+IF(Input!$D$20=1,K3696*Input!$C$20,0)+IF(Input!$D$21=1,L3696*Input!$C$21,0)+IF(Input!$D$22=1,M3696*Input!$C$22,0)</f>
        <v>0.19358185744765671</v>
      </c>
      <c r="O3696" s="59">
        <f>IF(Input!$D$19=2,J3696*Input!$C$19,0)+IF(Input!$D$20=2,K3696*Input!$C$20,0)+IF(Input!$D$21=2,L3696*Input!$C$21,0)+IF(Input!$D$22=2,M3696*Input!$C$22,0)</f>
        <v>0.48395464361914181</v>
      </c>
      <c r="P3696" s="59">
        <f>IF(Input!$D$19=3,J3696*Input!$C$19,0)+IF(Input!$D$20=3,K3696*Input!$C$20,0)+IF(Input!$D$21=3,L3696*Input!$C$21,0)+IF(Input!$D$22=3,M3696*Input!$C$22,0)</f>
        <v>0</v>
      </c>
      <c r="Q3696" s="75">
        <f>IF(Input!$D$19=4,J3696*Input!$C$19,0)+IF(Input!$D$20=4,K3696*Input!$C$20,0)+IF(Input!$D$21=4,L3696*Input!$C$21,0)+IF(Input!$D$22=4,M3696*Input!$C$22,0)</f>
        <v>0</v>
      </c>
      <c r="R3696" s="58">
        <v>42.322290082478929</v>
      </c>
      <c r="S3696" s="124">
        <f t="shared" si="57"/>
        <v>0.83885471560651237</v>
      </c>
    </row>
    <row r="3697" spans="8:19" x14ac:dyDescent="0.3">
      <c r="H3697" s="44">
        <v>3690</v>
      </c>
      <c r="I3697" s="56">
        <f>Bühler!I3723</f>
        <v>0.16542449636436121</v>
      </c>
      <c r="J3697" s="59">
        <f>Bühler!J3723</f>
        <v>0.55141498788120413</v>
      </c>
      <c r="K3697" s="59">
        <f>Bühler!K3723</f>
        <v>0.82712248182180614</v>
      </c>
      <c r="L3697" s="59">
        <f>Bühler!L3723</f>
        <v>9.9562683962929288</v>
      </c>
      <c r="M3697" s="58">
        <f>Bühler!M3723</f>
        <v>0</v>
      </c>
      <c r="N3697" s="56">
        <f>IF(Input!$D$19=1,J3697*Input!$C$19,0)+IF(Input!$D$20=1,K3697*Input!$C$20,0)+IF(Input!$D$21=1,L3697*Input!$C$21,0)+IF(Input!$D$22=1,M3697*Input!$C$22,0)</f>
        <v>0.16542449636436124</v>
      </c>
      <c r="O3697" s="59">
        <f>IF(Input!$D$19=2,J3697*Input!$C$19,0)+IF(Input!$D$20=2,K3697*Input!$C$20,0)+IF(Input!$D$21=2,L3697*Input!$C$21,0)+IF(Input!$D$22=2,M3697*Input!$C$22,0)</f>
        <v>0.41356124091090307</v>
      </c>
      <c r="P3697" s="59">
        <f>IF(Input!$D$19=3,J3697*Input!$C$19,0)+IF(Input!$D$20=3,K3697*Input!$C$20,0)+IF(Input!$D$21=3,L3697*Input!$C$21,0)+IF(Input!$D$22=3,M3697*Input!$C$22,0)</f>
        <v>0</v>
      </c>
      <c r="Q3697" s="75">
        <f>IF(Input!$D$19=4,J3697*Input!$C$19,0)+IF(Input!$D$20=4,K3697*Input!$C$20,0)+IF(Input!$D$21=4,L3697*Input!$C$21,0)+IF(Input!$D$22=4,M3697*Input!$C$22,0)</f>
        <v>0</v>
      </c>
      <c r="R3697" s="58">
        <v>42.346490830649934</v>
      </c>
      <c r="S3697" s="124">
        <f t="shared" si="57"/>
        <v>0.71683948424556532</v>
      </c>
    </row>
    <row r="3698" spans="8:19" x14ac:dyDescent="0.3">
      <c r="H3698" s="44">
        <v>3691</v>
      </c>
      <c r="I3698" s="56">
        <f>Bühler!I3724</f>
        <v>0.15486548595812538</v>
      </c>
      <c r="J3698" s="59">
        <f>Bühler!J3724</f>
        <v>0.51621828652708468</v>
      </c>
      <c r="K3698" s="59">
        <f>Bühler!K3724</f>
        <v>0.77432742979062696</v>
      </c>
      <c r="L3698" s="59">
        <f>Bühler!L3724</f>
        <v>9.3207619029125297</v>
      </c>
      <c r="M3698" s="58">
        <f>Bühler!M3724</f>
        <v>0</v>
      </c>
      <c r="N3698" s="56">
        <f>IF(Input!$D$19=1,J3698*Input!$C$19,0)+IF(Input!$D$20=1,K3698*Input!$C$20,0)+IF(Input!$D$21=1,L3698*Input!$C$21,0)+IF(Input!$D$22=1,M3698*Input!$C$22,0)</f>
        <v>0.15486548595812541</v>
      </c>
      <c r="O3698" s="59">
        <f>IF(Input!$D$19=2,J3698*Input!$C$19,0)+IF(Input!$D$20=2,K3698*Input!$C$20,0)+IF(Input!$D$21=2,L3698*Input!$C$21,0)+IF(Input!$D$22=2,M3698*Input!$C$22,0)</f>
        <v>0.38716371489531348</v>
      </c>
      <c r="P3698" s="59">
        <f>IF(Input!$D$19=3,J3698*Input!$C$19,0)+IF(Input!$D$20=3,K3698*Input!$C$20,0)+IF(Input!$D$21=3,L3698*Input!$C$21,0)+IF(Input!$D$22=3,M3698*Input!$C$22,0)</f>
        <v>0</v>
      </c>
      <c r="Q3698" s="75">
        <f>IF(Input!$D$19=4,J3698*Input!$C$19,0)+IF(Input!$D$20=4,K3698*Input!$C$20,0)+IF(Input!$D$21=4,L3698*Input!$C$21,0)+IF(Input!$D$22=4,M3698*Input!$C$22,0)</f>
        <v>0</v>
      </c>
      <c r="R3698" s="58">
        <v>41.973150815764214</v>
      </c>
      <c r="S3698" s="124">
        <f t="shared" si="57"/>
        <v>0.67108377248521012</v>
      </c>
    </row>
    <row r="3699" spans="8:19" x14ac:dyDescent="0.3">
      <c r="H3699" s="44">
        <v>3692</v>
      </c>
      <c r="I3699" s="56">
        <f>Bühler!I3725</f>
        <v>0.13022779501024179</v>
      </c>
      <c r="J3699" s="59">
        <f>Bühler!J3725</f>
        <v>0.43409265003413938</v>
      </c>
      <c r="K3699" s="59">
        <f>Bühler!K3725</f>
        <v>0.6511389750512091</v>
      </c>
      <c r="L3699" s="59">
        <f>Bühler!L3725</f>
        <v>7.8379134183582639</v>
      </c>
      <c r="M3699" s="58">
        <f>Bühler!M3725</f>
        <v>0</v>
      </c>
      <c r="N3699" s="56">
        <f>IF(Input!$D$19=1,J3699*Input!$C$19,0)+IF(Input!$D$20=1,K3699*Input!$C$20,0)+IF(Input!$D$21=1,L3699*Input!$C$21,0)+IF(Input!$D$22=1,M3699*Input!$C$22,0)</f>
        <v>0.13022779501024181</v>
      </c>
      <c r="O3699" s="59">
        <f>IF(Input!$D$19=2,J3699*Input!$C$19,0)+IF(Input!$D$20=2,K3699*Input!$C$20,0)+IF(Input!$D$21=2,L3699*Input!$C$21,0)+IF(Input!$D$22=2,M3699*Input!$C$22,0)</f>
        <v>0.32556948752560455</v>
      </c>
      <c r="P3699" s="59">
        <f>IF(Input!$D$19=3,J3699*Input!$C$19,0)+IF(Input!$D$20=3,K3699*Input!$C$20,0)+IF(Input!$D$21=3,L3699*Input!$C$21,0)+IF(Input!$D$22=3,M3699*Input!$C$22,0)</f>
        <v>0</v>
      </c>
      <c r="Q3699" s="75">
        <f>IF(Input!$D$19=4,J3699*Input!$C$19,0)+IF(Input!$D$20=4,K3699*Input!$C$20,0)+IF(Input!$D$21=4,L3699*Input!$C$21,0)+IF(Input!$D$22=4,M3699*Input!$C$22,0)</f>
        <v>0</v>
      </c>
      <c r="R3699" s="58">
        <v>42.045676429389864</v>
      </c>
      <c r="S3699" s="124">
        <f t="shared" si="57"/>
        <v>0.56432044504438117</v>
      </c>
    </row>
    <row r="3700" spans="8:19" x14ac:dyDescent="0.3">
      <c r="H3700" s="44">
        <v>3693</v>
      </c>
      <c r="I3700" s="56">
        <f>Bühler!I3726</f>
        <v>0.10910977419777015</v>
      </c>
      <c r="J3700" s="59">
        <f>Bühler!J3726</f>
        <v>0.36369924732590053</v>
      </c>
      <c r="K3700" s="59">
        <f>Bühler!K3726</f>
        <v>0.54554887098885085</v>
      </c>
      <c r="L3700" s="59">
        <f>Bühler!L3726</f>
        <v>6.5669004315974639</v>
      </c>
      <c r="M3700" s="58">
        <f>Bühler!M3726</f>
        <v>0</v>
      </c>
      <c r="N3700" s="56">
        <f>IF(Input!$D$19=1,J3700*Input!$C$19,0)+IF(Input!$D$20=1,K3700*Input!$C$20,0)+IF(Input!$D$21=1,L3700*Input!$C$21,0)+IF(Input!$D$22=1,M3700*Input!$C$22,0)</f>
        <v>0.10910977419777015</v>
      </c>
      <c r="O3700" s="59">
        <f>IF(Input!$D$19=2,J3700*Input!$C$19,0)+IF(Input!$D$20=2,K3700*Input!$C$20,0)+IF(Input!$D$21=2,L3700*Input!$C$21,0)+IF(Input!$D$22=2,M3700*Input!$C$22,0)</f>
        <v>0.27277443549442543</v>
      </c>
      <c r="P3700" s="59">
        <f>IF(Input!$D$19=3,J3700*Input!$C$19,0)+IF(Input!$D$20=3,K3700*Input!$C$20,0)+IF(Input!$D$21=3,L3700*Input!$C$21,0)+IF(Input!$D$22=3,M3700*Input!$C$22,0)</f>
        <v>0</v>
      </c>
      <c r="Q3700" s="75">
        <f>IF(Input!$D$19=4,J3700*Input!$C$19,0)+IF(Input!$D$20=4,K3700*Input!$C$20,0)+IF(Input!$D$21=4,L3700*Input!$C$21,0)+IF(Input!$D$22=4,M3700*Input!$C$22,0)</f>
        <v>0</v>
      </c>
      <c r="R3700" s="58">
        <v>41.854325573158491</v>
      </c>
      <c r="S3700" s="124">
        <f t="shared" si="57"/>
        <v>0.47280902152367066</v>
      </c>
    </row>
    <row r="3701" spans="8:19" x14ac:dyDescent="0.3">
      <c r="H3701" s="44">
        <v>3694</v>
      </c>
      <c r="I3701" s="56">
        <f>Bühler!I3727</f>
        <v>9.5031093656122403E-2</v>
      </c>
      <c r="J3701" s="59">
        <f>Bühler!J3727</f>
        <v>0.31677031218707469</v>
      </c>
      <c r="K3701" s="59">
        <f>Bühler!K3727</f>
        <v>0.47515546828061206</v>
      </c>
      <c r="L3701" s="59">
        <f>Bühler!L3727</f>
        <v>5.7195584404235982</v>
      </c>
      <c r="M3701" s="58">
        <f>Bühler!M3727</f>
        <v>0</v>
      </c>
      <c r="N3701" s="56">
        <f>IF(Input!$D$19=1,J3701*Input!$C$19,0)+IF(Input!$D$20=1,K3701*Input!$C$20,0)+IF(Input!$D$21=1,L3701*Input!$C$21,0)+IF(Input!$D$22=1,M3701*Input!$C$22,0)</f>
        <v>9.5031093656122403E-2</v>
      </c>
      <c r="O3701" s="59">
        <f>IF(Input!$D$19=2,J3701*Input!$C$19,0)+IF(Input!$D$20=2,K3701*Input!$C$20,0)+IF(Input!$D$21=2,L3701*Input!$C$21,0)+IF(Input!$D$22=2,M3701*Input!$C$22,0)</f>
        <v>0.23757773414030603</v>
      </c>
      <c r="P3701" s="59">
        <f>IF(Input!$D$19=3,J3701*Input!$C$19,0)+IF(Input!$D$20=3,K3701*Input!$C$20,0)+IF(Input!$D$21=3,L3701*Input!$C$21,0)+IF(Input!$D$22=3,M3701*Input!$C$22,0)</f>
        <v>0</v>
      </c>
      <c r="Q3701" s="75">
        <f>IF(Input!$D$19=4,J3701*Input!$C$19,0)+IF(Input!$D$20=4,K3701*Input!$C$20,0)+IF(Input!$D$21=4,L3701*Input!$C$21,0)+IF(Input!$D$22=4,M3701*Input!$C$22,0)</f>
        <v>0</v>
      </c>
      <c r="R3701" s="58">
        <v>42.338373350367789</v>
      </c>
      <c r="S3701" s="124">
        <f t="shared" si="57"/>
        <v>0.41180140584319708</v>
      </c>
    </row>
    <row r="3702" spans="8:19" x14ac:dyDescent="0.3">
      <c r="H3702" s="44">
        <v>3695</v>
      </c>
      <c r="I3702" s="56">
        <f>Bühler!I3728</f>
        <v>9.5031093656122403E-2</v>
      </c>
      <c r="J3702" s="59">
        <f>Bühler!J3728</f>
        <v>0.31677031218707469</v>
      </c>
      <c r="K3702" s="59">
        <f>Bühler!K3728</f>
        <v>0.47515546828061206</v>
      </c>
      <c r="L3702" s="59">
        <f>Bühler!L3728</f>
        <v>5.7195584404235982</v>
      </c>
      <c r="M3702" s="58">
        <f>Bühler!M3728</f>
        <v>0</v>
      </c>
      <c r="N3702" s="56">
        <f>IF(Input!$D$19=1,J3702*Input!$C$19,0)+IF(Input!$D$20=1,K3702*Input!$C$20,0)+IF(Input!$D$21=1,L3702*Input!$C$21,0)+IF(Input!$D$22=1,M3702*Input!$C$22,0)</f>
        <v>9.5031093656122403E-2</v>
      </c>
      <c r="O3702" s="59">
        <f>IF(Input!$D$19=2,J3702*Input!$C$19,0)+IF(Input!$D$20=2,K3702*Input!$C$20,0)+IF(Input!$D$21=2,L3702*Input!$C$21,0)+IF(Input!$D$22=2,M3702*Input!$C$22,0)</f>
        <v>0.23757773414030603</v>
      </c>
      <c r="P3702" s="59">
        <f>IF(Input!$D$19=3,J3702*Input!$C$19,0)+IF(Input!$D$20=3,K3702*Input!$C$20,0)+IF(Input!$D$21=3,L3702*Input!$C$21,0)+IF(Input!$D$22=3,M3702*Input!$C$22,0)</f>
        <v>0</v>
      </c>
      <c r="Q3702" s="75">
        <f>IF(Input!$D$19=4,J3702*Input!$C$19,0)+IF(Input!$D$20=4,K3702*Input!$C$20,0)+IF(Input!$D$21=4,L3702*Input!$C$21,0)+IF(Input!$D$22=4,M3702*Input!$C$22,0)</f>
        <v>0</v>
      </c>
      <c r="R3702" s="58">
        <v>42.989989204465139</v>
      </c>
      <c r="S3702" s="124">
        <f t="shared" si="57"/>
        <v>0.41180140584319708</v>
      </c>
    </row>
    <row r="3703" spans="8:19" x14ac:dyDescent="0.3">
      <c r="H3703" s="44">
        <v>3696</v>
      </c>
      <c r="I3703" s="56">
        <f>Bühler!I3729</f>
        <v>9.5031093656122403E-2</v>
      </c>
      <c r="J3703" s="59">
        <f>Bühler!J3729</f>
        <v>0.31677031218707469</v>
      </c>
      <c r="K3703" s="59">
        <f>Bühler!K3729</f>
        <v>0.47515546828061206</v>
      </c>
      <c r="L3703" s="59">
        <f>Bühler!L3729</f>
        <v>5.7195584404235982</v>
      </c>
      <c r="M3703" s="58">
        <f>Bühler!M3729</f>
        <v>0</v>
      </c>
      <c r="N3703" s="56">
        <f>IF(Input!$D$19=1,J3703*Input!$C$19,0)+IF(Input!$D$20=1,K3703*Input!$C$20,0)+IF(Input!$D$21=1,L3703*Input!$C$21,0)+IF(Input!$D$22=1,M3703*Input!$C$22,0)</f>
        <v>9.5031093656122403E-2</v>
      </c>
      <c r="O3703" s="59">
        <f>IF(Input!$D$19=2,J3703*Input!$C$19,0)+IF(Input!$D$20=2,K3703*Input!$C$20,0)+IF(Input!$D$21=2,L3703*Input!$C$21,0)+IF(Input!$D$22=2,M3703*Input!$C$22,0)</f>
        <v>0.23757773414030603</v>
      </c>
      <c r="P3703" s="59">
        <f>IF(Input!$D$19=3,J3703*Input!$C$19,0)+IF(Input!$D$20=3,K3703*Input!$C$20,0)+IF(Input!$D$21=3,L3703*Input!$C$21,0)+IF(Input!$D$22=3,M3703*Input!$C$22,0)</f>
        <v>0</v>
      </c>
      <c r="Q3703" s="75">
        <f>IF(Input!$D$19=4,J3703*Input!$C$19,0)+IF(Input!$D$20=4,K3703*Input!$C$20,0)+IF(Input!$D$21=4,L3703*Input!$C$21,0)+IF(Input!$D$22=4,M3703*Input!$C$22,0)</f>
        <v>0</v>
      </c>
      <c r="R3703" s="58">
        <v>43.135728952491988</v>
      </c>
      <c r="S3703" s="124">
        <f t="shared" si="57"/>
        <v>0.41180140584319708</v>
      </c>
    </row>
    <row r="3704" spans="8:19" x14ac:dyDescent="0.3">
      <c r="H3704" s="44">
        <v>3697</v>
      </c>
      <c r="I3704" s="56">
        <f>Bühler!I3730</f>
        <v>7.3884770929489293E-2</v>
      </c>
      <c r="J3704" s="59">
        <f>Bühler!J3730</f>
        <v>0.24628256976496432</v>
      </c>
      <c r="K3704" s="59">
        <f>Bühler!K3730</f>
        <v>0.36942385464744643</v>
      </c>
      <c r="L3704" s="59">
        <f>Bühler!L3730</f>
        <v>1.7732345023077429</v>
      </c>
      <c r="M3704" s="58">
        <f>Bühler!M3730</f>
        <v>0</v>
      </c>
      <c r="N3704" s="56">
        <f>IF(Input!$D$19=1,J3704*Input!$C$19,0)+IF(Input!$D$20=1,K3704*Input!$C$20,0)+IF(Input!$D$21=1,L3704*Input!$C$21,0)+IF(Input!$D$22=1,M3704*Input!$C$22,0)</f>
        <v>7.3884770929489293E-2</v>
      </c>
      <c r="O3704" s="59">
        <f>IF(Input!$D$19=2,J3704*Input!$C$19,0)+IF(Input!$D$20=2,K3704*Input!$C$20,0)+IF(Input!$D$21=2,L3704*Input!$C$21,0)+IF(Input!$D$22=2,M3704*Input!$C$22,0)</f>
        <v>0.18471192732372321</v>
      </c>
      <c r="P3704" s="59">
        <f>IF(Input!$D$19=3,J3704*Input!$C$19,0)+IF(Input!$D$20=3,K3704*Input!$C$20,0)+IF(Input!$D$21=3,L3704*Input!$C$21,0)+IF(Input!$D$22=3,M3704*Input!$C$22,0)</f>
        <v>0</v>
      </c>
      <c r="Q3704" s="75">
        <f>IF(Input!$D$19=4,J3704*Input!$C$19,0)+IF(Input!$D$20=4,K3704*Input!$C$20,0)+IF(Input!$D$21=4,L3704*Input!$C$21,0)+IF(Input!$D$22=4,M3704*Input!$C$22,0)</f>
        <v>0</v>
      </c>
      <c r="R3704" s="58">
        <v>40.952497338623878</v>
      </c>
      <c r="S3704" s="124">
        <f t="shared" si="57"/>
        <v>0.32016734069445363</v>
      </c>
    </row>
    <row r="3705" spans="8:19" x14ac:dyDescent="0.3">
      <c r="H3705" s="44">
        <v>3698</v>
      </c>
      <c r="I3705" s="56">
        <f>Bühler!I3731</f>
        <v>7.3884770929489293E-2</v>
      </c>
      <c r="J3705" s="59">
        <f>Bühler!J3731</f>
        <v>0.24628256976496432</v>
      </c>
      <c r="K3705" s="59">
        <f>Bühler!K3731</f>
        <v>0.36942385464744643</v>
      </c>
      <c r="L3705" s="59">
        <f>Bühler!L3731</f>
        <v>1.7732345023077429</v>
      </c>
      <c r="M3705" s="58">
        <f>Bühler!M3731</f>
        <v>0</v>
      </c>
      <c r="N3705" s="56">
        <f>IF(Input!$D$19=1,J3705*Input!$C$19,0)+IF(Input!$D$20=1,K3705*Input!$C$20,0)+IF(Input!$D$21=1,L3705*Input!$C$21,0)+IF(Input!$D$22=1,M3705*Input!$C$22,0)</f>
        <v>7.3884770929489293E-2</v>
      </c>
      <c r="O3705" s="59">
        <f>IF(Input!$D$19=2,J3705*Input!$C$19,0)+IF(Input!$D$20=2,K3705*Input!$C$20,0)+IF(Input!$D$21=2,L3705*Input!$C$21,0)+IF(Input!$D$22=2,M3705*Input!$C$22,0)</f>
        <v>0.18471192732372321</v>
      </c>
      <c r="P3705" s="59">
        <f>IF(Input!$D$19=3,J3705*Input!$C$19,0)+IF(Input!$D$20=3,K3705*Input!$C$20,0)+IF(Input!$D$21=3,L3705*Input!$C$21,0)+IF(Input!$D$22=3,M3705*Input!$C$22,0)</f>
        <v>0</v>
      </c>
      <c r="Q3705" s="75">
        <f>IF(Input!$D$19=4,J3705*Input!$C$19,0)+IF(Input!$D$20=4,K3705*Input!$C$20,0)+IF(Input!$D$21=4,L3705*Input!$C$21,0)+IF(Input!$D$22=4,M3705*Input!$C$22,0)</f>
        <v>0</v>
      </c>
      <c r="R3705" s="58">
        <v>41.063716548866324</v>
      </c>
      <c r="S3705" s="124">
        <f t="shared" si="57"/>
        <v>0.32016734069445363</v>
      </c>
    </row>
    <row r="3706" spans="8:19" x14ac:dyDescent="0.3">
      <c r="H3706" s="44">
        <v>3699</v>
      </c>
      <c r="I3706" s="56">
        <f>Bühler!I3732</f>
        <v>7.3884770929489293E-2</v>
      </c>
      <c r="J3706" s="59">
        <f>Bühler!J3732</f>
        <v>0.24628256976496432</v>
      </c>
      <c r="K3706" s="59">
        <f>Bühler!K3732</f>
        <v>0.36942385464744643</v>
      </c>
      <c r="L3706" s="59">
        <f>Bühler!L3732</f>
        <v>1.7732345023077429</v>
      </c>
      <c r="M3706" s="58">
        <f>Bühler!M3732</f>
        <v>0</v>
      </c>
      <c r="N3706" s="56">
        <f>IF(Input!$D$19=1,J3706*Input!$C$19,0)+IF(Input!$D$20=1,K3706*Input!$C$20,0)+IF(Input!$D$21=1,L3706*Input!$C$21,0)+IF(Input!$D$22=1,M3706*Input!$C$22,0)</f>
        <v>7.3884770929489293E-2</v>
      </c>
      <c r="O3706" s="59">
        <f>IF(Input!$D$19=2,J3706*Input!$C$19,0)+IF(Input!$D$20=2,K3706*Input!$C$20,0)+IF(Input!$D$21=2,L3706*Input!$C$21,0)+IF(Input!$D$22=2,M3706*Input!$C$22,0)</f>
        <v>0.18471192732372321</v>
      </c>
      <c r="P3706" s="59">
        <f>IF(Input!$D$19=3,J3706*Input!$C$19,0)+IF(Input!$D$20=3,K3706*Input!$C$20,0)+IF(Input!$D$21=3,L3706*Input!$C$21,0)+IF(Input!$D$22=3,M3706*Input!$C$22,0)</f>
        <v>0</v>
      </c>
      <c r="Q3706" s="75">
        <f>IF(Input!$D$19=4,J3706*Input!$C$19,0)+IF(Input!$D$20=4,K3706*Input!$C$20,0)+IF(Input!$D$21=4,L3706*Input!$C$21,0)+IF(Input!$D$22=4,M3706*Input!$C$22,0)</f>
        <v>0</v>
      </c>
      <c r="R3706" s="58">
        <v>41.835168086681385</v>
      </c>
      <c r="S3706" s="124">
        <f t="shared" si="57"/>
        <v>0.32016734069445363</v>
      </c>
    </row>
    <row r="3707" spans="8:19" x14ac:dyDescent="0.3">
      <c r="H3707" s="44">
        <v>3700</v>
      </c>
      <c r="I3707" s="56">
        <f>Bühler!I3733</f>
        <v>7.3884770929489293E-2</v>
      </c>
      <c r="J3707" s="59">
        <f>Bühler!J3733</f>
        <v>0.24628256976496432</v>
      </c>
      <c r="K3707" s="59">
        <f>Bühler!K3733</f>
        <v>0.36942385464744643</v>
      </c>
      <c r="L3707" s="59">
        <f>Bühler!L3733</f>
        <v>1.7732345023077429</v>
      </c>
      <c r="M3707" s="58">
        <f>Bühler!M3733</f>
        <v>0</v>
      </c>
      <c r="N3707" s="56">
        <f>IF(Input!$D$19=1,J3707*Input!$C$19,0)+IF(Input!$D$20=1,K3707*Input!$C$20,0)+IF(Input!$D$21=1,L3707*Input!$C$21,0)+IF(Input!$D$22=1,M3707*Input!$C$22,0)</f>
        <v>7.3884770929489293E-2</v>
      </c>
      <c r="O3707" s="59">
        <f>IF(Input!$D$19=2,J3707*Input!$C$19,0)+IF(Input!$D$20=2,K3707*Input!$C$20,0)+IF(Input!$D$21=2,L3707*Input!$C$21,0)+IF(Input!$D$22=2,M3707*Input!$C$22,0)</f>
        <v>0.18471192732372321</v>
      </c>
      <c r="P3707" s="59">
        <f>IF(Input!$D$19=3,J3707*Input!$C$19,0)+IF(Input!$D$20=3,K3707*Input!$C$20,0)+IF(Input!$D$21=3,L3707*Input!$C$21,0)+IF(Input!$D$22=3,M3707*Input!$C$22,0)</f>
        <v>0</v>
      </c>
      <c r="Q3707" s="75">
        <f>IF(Input!$D$19=4,J3707*Input!$C$19,0)+IF(Input!$D$20=4,K3707*Input!$C$20,0)+IF(Input!$D$21=4,L3707*Input!$C$21,0)+IF(Input!$D$22=4,M3707*Input!$C$22,0)</f>
        <v>0</v>
      </c>
      <c r="R3707" s="58">
        <v>43.31123547543136</v>
      </c>
      <c r="S3707" s="124">
        <f t="shared" si="57"/>
        <v>0.32016734069445363</v>
      </c>
    </row>
    <row r="3708" spans="8:19" x14ac:dyDescent="0.3">
      <c r="H3708" s="44">
        <v>3701</v>
      </c>
      <c r="I3708" s="56">
        <f>Bühler!I3734</f>
        <v>7.3884770929489293E-2</v>
      </c>
      <c r="J3708" s="59">
        <f>Bühler!J3734</f>
        <v>0.24628256976496432</v>
      </c>
      <c r="K3708" s="59">
        <f>Bühler!K3734</f>
        <v>0.36942385464744643</v>
      </c>
      <c r="L3708" s="59">
        <f>Bühler!L3734</f>
        <v>1.7732345023077429</v>
      </c>
      <c r="M3708" s="58">
        <f>Bühler!M3734</f>
        <v>0</v>
      </c>
      <c r="N3708" s="56">
        <f>IF(Input!$D$19=1,J3708*Input!$C$19,0)+IF(Input!$D$20=1,K3708*Input!$C$20,0)+IF(Input!$D$21=1,L3708*Input!$C$21,0)+IF(Input!$D$22=1,M3708*Input!$C$22,0)</f>
        <v>7.3884770929489293E-2</v>
      </c>
      <c r="O3708" s="59">
        <f>IF(Input!$D$19=2,J3708*Input!$C$19,0)+IF(Input!$D$20=2,K3708*Input!$C$20,0)+IF(Input!$D$21=2,L3708*Input!$C$21,0)+IF(Input!$D$22=2,M3708*Input!$C$22,0)</f>
        <v>0.18471192732372321</v>
      </c>
      <c r="P3708" s="59">
        <f>IF(Input!$D$19=3,J3708*Input!$C$19,0)+IF(Input!$D$20=3,K3708*Input!$C$20,0)+IF(Input!$D$21=3,L3708*Input!$C$21,0)+IF(Input!$D$22=3,M3708*Input!$C$22,0)</f>
        <v>0</v>
      </c>
      <c r="Q3708" s="75">
        <f>IF(Input!$D$19=4,J3708*Input!$C$19,0)+IF(Input!$D$20=4,K3708*Input!$C$20,0)+IF(Input!$D$21=4,L3708*Input!$C$21,0)+IF(Input!$D$22=4,M3708*Input!$C$22,0)</f>
        <v>0</v>
      </c>
      <c r="R3708" s="58">
        <v>45.715194073557321</v>
      </c>
      <c r="S3708" s="124">
        <f t="shared" si="57"/>
        <v>0.32016734069445363</v>
      </c>
    </row>
    <row r="3709" spans="8:19" x14ac:dyDescent="0.3">
      <c r="H3709" s="44">
        <v>3702</v>
      </c>
      <c r="I3709" s="56">
        <f>Bühler!I3735</f>
        <v>0.32016734069445357</v>
      </c>
      <c r="J3709" s="59">
        <f>Bühler!J3735</f>
        <v>1.067224468981512</v>
      </c>
      <c r="K3709" s="59">
        <f>Bühler!K3735</f>
        <v>1.6008367034722679</v>
      </c>
      <c r="L3709" s="59">
        <f>Bühler!L3735</f>
        <v>7.6840161766668862</v>
      </c>
      <c r="M3709" s="58">
        <f>Bühler!M3735</f>
        <v>0</v>
      </c>
      <c r="N3709" s="56">
        <f>IF(Input!$D$19=1,J3709*Input!$C$19,0)+IF(Input!$D$20=1,K3709*Input!$C$20,0)+IF(Input!$D$21=1,L3709*Input!$C$21,0)+IF(Input!$D$22=1,M3709*Input!$C$22,0)</f>
        <v>0.32016734069445357</v>
      </c>
      <c r="O3709" s="59">
        <f>IF(Input!$D$19=2,J3709*Input!$C$19,0)+IF(Input!$D$20=2,K3709*Input!$C$20,0)+IF(Input!$D$21=2,L3709*Input!$C$21,0)+IF(Input!$D$22=2,M3709*Input!$C$22,0)</f>
        <v>0.80041835173613396</v>
      </c>
      <c r="P3709" s="59">
        <f>IF(Input!$D$19=3,J3709*Input!$C$19,0)+IF(Input!$D$20=3,K3709*Input!$C$20,0)+IF(Input!$D$21=3,L3709*Input!$C$21,0)+IF(Input!$D$22=3,M3709*Input!$C$22,0)</f>
        <v>0</v>
      </c>
      <c r="Q3709" s="75">
        <f>IF(Input!$D$19=4,J3709*Input!$C$19,0)+IF(Input!$D$20=4,K3709*Input!$C$20,0)+IF(Input!$D$21=4,L3709*Input!$C$21,0)+IF(Input!$D$22=4,M3709*Input!$C$22,0)</f>
        <v>0</v>
      </c>
      <c r="R3709" s="58">
        <v>51.577822008163842</v>
      </c>
      <c r="S3709" s="124">
        <f t="shared" si="57"/>
        <v>1.3873918096759656</v>
      </c>
    </row>
    <row r="3710" spans="8:19" x14ac:dyDescent="0.3">
      <c r="H3710" s="44">
        <v>3703</v>
      </c>
      <c r="I3710" s="56">
        <f>Bühler!I3736</f>
        <v>0.36326679040332233</v>
      </c>
      <c r="J3710" s="59">
        <f>Bühler!J3736</f>
        <v>1.210889301344408</v>
      </c>
      <c r="K3710" s="59">
        <f>Bühler!K3736</f>
        <v>1.8163339520166115</v>
      </c>
      <c r="L3710" s="59">
        <f>Bühler!L3736</f>
        <v>8.7184029696797349</v>
      </c>
      <c r="M3710" s="58">
        <f>Bühler!M3736</f>
        <v>0</v>
      </c>
      <c r="N3710" s="56">
        <f>IF(Input!$D$19=1,J3710*Input!$C$19,0)+IF(Input!$D$20=1,K3710*Input!$C$20,0)+IF(Input!$D$21=1,L3710*Input!$C$21,0)+IF(Input!$D$22=1,M3710*Input!$C$22,0)</f>
        <v>0.36326679040332238</v>
      </c>
      <c r="O3710" s="59">
        <f>IF(Input!$D$19=2,J3710*Input!$C$19,0)+IF(Input!$D$20=2,K3710*Input!$C$20,0)+IF(Input!$D$21=2,L3710*Input!$C$21,0)+IF(Input!$D$22=2,M3710*Input!$C$22,0)</f>
        <v>0.90816697600830576</v>
      </c>
      <c r="P3710" s="59">
        <f>IF(Input!$D$19=3,J3710*Input!$C$19,0)+IF(Input!$D$20=3,K3710*Input!$C$20,0)+IF(Input!$D$21=3,L3710*Input!$C$21,0)+IF(Input!$D$22=3,M3710*Input!$C$22,0)</f>
        <v>0</v>
      </c>
      <c r="Q3710" s="75">
        <f>IF(Input!$D$19=4,J3710*Input!$C$19,0)+IF(Input!$D$20=4,K3710*Input!$C$20,0)+IF(Input!$D$21=4,L3710*Input!$C$21,0)+IF(Input!$D$22=4,M3710*Input!$C$22,0)</f>
        <v>0</v>
      </c>
      <c r="R3710" s="58">
        <v>56.711353024073404</v>
      </c>
      <c r="S3710" s="124">
        <f t="shared" si="57"/>
        <v>1.5741560917477302</v>
      </c>
    </row>
    <row r="3711" spans="8:19" x14ac:dyDescent="0.3">
      <c r="H3711" s="44">
        <v>3704</v>
      </c>
      <c r="I3711" s="56">
        <f>Bühler!I3737</f>
        <v>0.36326679040332233</v>
      </c>
      <c r="J3711" s="59">
        <f>Bühler!J3737</f>
        <v>1.210889301344408</v>
      </c>
      <c r="K3711" s="59">
        <f>Bühler!K3737</f>
        <v>1.8163339520166115</v>
      </c>
      <c r="L3711" s="59">
        <f>Bühler!L3737</f>
        <v>8.7184029696797349</v>
      </c>
      <c r="M3711" s="58">
        <f>Bühler!M3737</f>
        <v>0</v>
      </c>
      <c r="N3711" s="56">
        <f>IF(Input!$D$19=1,J3711*Input!$C$19,0)+IF(Input!$D$20=1,K3711*Input!$C$20,0)+IF(Input!$D$21=1,L3711*Input!$C$21,0)+IF(Input!$D$22=1,M3711*Input!$C$22,0)</f>
        <v>0.36326679040332238</v>
      </c>
      <c r="O3711" s="59">
        <f>IF(Input!$D$19=2,J3711*Input!$C$19,0)+IF(Input!$D$20=2,K3711*Input!$C$20,0)+IF(Input!$D$21=2,L3711*Input!$C$21,0)+IF(Input!$D$22=2,M3711*Input!$C$22,0)</f>
        <v>0.90816697600830576</v>
      </c>
      <c r="P3711" s="59">
        <f>IF(Input!$D$19=3,J3711*Input!$C$19,0)+IF(Input!$D$20=3,K3711*Input!$C$20,0)+IF(Input!$D$21=3,L3711*Input!$C$21,0)+IF(Input!$D$22=3,M3711*Input!$C$22,0)</f>
        <v>0</v>
      </c>
      <c r="Q3711" s="75">
        <f>IF(Input!$D$19=4,J3711*Input!$C$19,0)+IF(Input!$D$20=4,K3711*Input!$C$20,0)+IF(Input!$D$21=4,L3711*Input!$C$21,0)+IF(Input!$D$22=4,M3711*Input!$C$22,0)</f>
        <v>0</v>
      </c>
      <c r="R3711" s="58">
        <v>60.360772702867095</v>
      </c>
      <c r="S3711" s="124">
        <f t="shared" si="57"/>
        <v>1.5741560917477302</v>
      </c>
    </row>
    <row r="3712" spans="8:19" x14ac:dyDescent="0.3">
      <c r="H3712" s="44">
        <v>3705</v>
      </c>
      <c r="I3712" s="56">
        <f>Bühler!I3738</f>
        <v>0.36326679040332233</v>
      </c>
      <c r="J3712" s="59">
        <f>Bühler!J3738</f>
        <v>1.210889301344408</v>
      </c>
      <c r="K3712" s="59">
        <f>Bühler!K3738</f>
        <v>1.8163339520166115</v>
      </c>
      <c r="L3712" s="59">
        <f>Bühler!L3738</f>
        <v>8.7184029696797349</v>
      </c>
      <c r="M3712" s="58">
        <f>Bühler!M3738</f>
        <v>0</v>
      </c>
      <c r="N3712" s="56">
        <f>IF(Input!$D$19=1,J3712*Input!$C$19,0)+IF(Input!$D$20=1,K3712*Input!$C$20,0)+IF(Input!$D$21=1,L3712*Input!$C$21,0)+IF(Input!$D$22=1,M3712*Input!$C$22,0)</f>
        <v>0.36326679040332238</v>
      </c>
      <c r="O3712" s="59">
        <f>IF(Input!$D$19=2,J3712*Input!$C$19,0)+IF(Input!$D$20=2,K3712*Input!$C$20,0)+IF(Input!$D$21=2,L3712*Input!$C$21,0)+IF(Input!$D$22=2,M3712*Input!$C$22,0)</f>
        <v>0.90816697600830576</v>
      </c>
      <c r="P3712" s="59">
        <f>IF(Input!$D$19=3,J3712*Input!$C$19,0)+IF(Input!$D$20=3,K3712*Input!$C$20,0)+IF(Input!$D$21=3,L3712*Input!$C$21,0)+IF(Input!$D$22=3,M3712*Input!$C$22,0)</f>
        <v>0</v>
      </c>
      <c r="Q3712" s="75">
        <f>IF(Input!$D$19=4,J3712*Input!$C$19,0)+IF(Input!$D$20=4,K3712*Input!$C$20,0)+IF(Input!$D$21=4,L3712*Input!$C$21,0)+IF(Input!$D$22=4,M3712*Input!$C$22,0)</f>
        <v>0</v>
      </c>
      <c r="R3712" s="58">
        <v>62.59410369620899</v>
      </c>
      <c r="S3712" s="124">
        <f t="shared" si="57"/>
        <v>1.5741560917477302</v>
      </c>
    </row>
    <row r="3713" spans="8:19" x14ac:dyDescent="0.3">
      <c r="H3713" s="44">
        <v>3706</v>
      </c>
      <c r="I3713" s="56">
        <f>Bühler!I3739</f>
        <v>0.38789504737981884</v>
      </c>
      <c r="J3713" s="59">
        <f>Bühler!J3739</f>
        <v>1.2929834912660629</v>
      </c>
      <c r="K3713" s="59">
        <f>Bühler!K3739</f>
        <v>1.939475236899094</v>
      </c>
      <c r="L3713" s="59">
        <f>Bühler!L3739</f>
        <v>9.3094811371156521</v>
      </c>
      <c r="M3713" s="58">
        <f>Bühler!M3739</f>
        <v>0</v>
      </c>
      <c r="N3713" s="56">
        <f>IF(Input!$D$19=1,J3713*Input!$C$19,0)+IF(Input!$D$20=1,K3713*Input!$C$20,0)+IF(Input!$D$21=1,L3713*Input!$C$21,0)+IF(Input!$D$22=1,M3713*Input!$C$22,0)</f>
        <v>0.38789504737981889</v>
      </c>
      <c r="O3713" s="59">
        <f>IF(Input!$D$19=2,J3713*Input!$C$19,0)+IF(Input!$D$20=2,K3713*Input!$C$20,0)+IF(Input!$D$21=2,L3713*Input!$C$21,0)+IF(Input!$D$22=2,M3713*Input!$C$22,0)</f>
        <v>0.96973761844954698</v>
      </c>
      <c r="P3713" s="59">
        <f>IF(Input!$D$19=3,J3713*Input!$C$19,0)+IF(Input!$D$20=3,K3713*Input!$C$20,0)+IF(Input!$D$21=3,L3713*Input!$C$21,0)+IF(Input!$D$22=3,M3713*Input!$C$22,0)</f>
        <v>0</v>
      </c>
      <c r="Q3713" s="75">
        <f>IF(Input!$D$19=4,J3713*Input!$C$19,0)+IF(Input!$D$20=4,K3713*Input!$C$20,0)+IF(Input!$D$21=4,L3713*Input!$C$21,0)+IF(Input!$D$22=4,M3713*Input!$C$22,0)</f>
        <v>0</v>
      </c>
      <c r="R3713" s="58">
        <v>63.901519113497642</v>
      </c>
      <c r="S3713" s="124">
        <f t="shared" si="57"/>
        <v>1.6808785386458818</v>
      </c>
    </row>
    <row r="3714" spans="8:19" x14ac:dyDescent="0.3">
      <c r="H3714" s="44">
        <v>3707</v>
      </c>
      <c r="I3714" s="56">
        <f>Bühler!I3740</f>
        <v>0.38789504737981884</v>
      </c>
      <c r="J3714" s="59">
        <f>Bühler!J3740</f>
        <v>1.2929834912660629</v>
      </c>
      <c r="K3714" s="59">
        <f>Bühler!K3740</f>
        <v>1.939475236899094</v>
      </c>
      <c r="L3714" s="59">
        <f>Bühler!L3740</f>
        <v>9.3094811371156521</v>
      </c>
      <c r="M3714" s="58">
        <f>Bühler!M3740</f>
        <v>0</v>
      </c>
      <c r="N3714" s="56">
        <f>IF(Input!$D$19=1,J3714*Input!$C$19,0)+IF(Input!$D$20=1,K3714*Input!$C$20,0)+IF(Input!$D$21=1,L3714*Input!$C$21,0)+IF(Input!$D$22=1,M3714*Input!$C$22,0)</f>
        <v>0.38789504737981889</v>
      </c>
      <c r="O3714" s="59">
        <f>IF(Input!$D$19=2,J3714*Input!$C$19,0)+IF(Input!$D$20=2,K3714*Input!$C$20,0)+IF(Input!$D$21=2,L3714*Input!$C$21,0)+IF(Input!$D$22=2,M3714*Input!$C$22,0)</f>
        <v>0.96973761844954698</v>
      </c>
      <c r="P3714" s="59">
        <f>IF(Input!$D$19=3,J3714*Input!$C$19,0)+IF(Input!$D$20=3,K3714*Input!$C$20,0)+IF(Input!$D$21=3,L3714*Input!$C$21,0)+IF(Input!$D$22=3,M3714*Input!$C$22,0)</f>
        <v>0</v>
      </c>
      <c r="Q3714" s="75">
        <f>IF(Input!$D$19=4,J3714*Input!$C$19,0)+IF(Input!$D$20=4,K3714*Input!$C$20,0)+IF(Input!$D$21=4,L3714*Input!$C$21,0)+IF(Input!$D$22=4,M3714*Input!$C$22,0)</f>
        <v>0</v>
      </c>
      <c r="R3714" s="58">
        <v>64.873429952493069</v>
      </c>
      <c r="S3714" s="124">
        <f t="shared" si="57"/>
        <v>1.6808785386458818</v>
      </c>
    </row>
    <row r="3715" spans="8:19" x14ac:dyDescent="0.3">
      <c r="H3715" s="44">
        <v>3708</v>
      </c>
      <c r="I3715" s="56">
        <f>Bühler!I3741</f>
        <v>0.49256513952992864</v>
      </c>
      <c r="J3715" s="59">
        <f>Bühler!J3741</f>
        <v>1.6418837984330956</v>
      </c>
      <c r="K3715" s="59">
        <f>Bühler!K3741</f>
        <v>2.4628256976496434</v>
      </c>
      <c r="L3715" s="59">
        <f>Bühler!L3741</f>
        <v>11.821563348718287</v>
      </c>
      <c r="M3715" s="58">
        <f>Bühler!M3741</f>
        <v>0</v>
      </c>
      <c r="N3715" s="56">
        <f>IF(Input!$D$19=1,J3715*Input!$C$19,0)+IF(Input!$D$20=1,K3715*Input!$C$20,0)+IF(Input!$D$21=1,L3715*Input!$C$21,0)+IF(Input!$D$22=1,M3715*Input!$C$22,0)</f>
        <v>0.49256513952992864</v>
      </c>
      <c r="O3715" s="59">
        <f>IF(Input!$D$19=2,J3715*Input!$C$19,0)+IF(Input!$D$20=2,K3715*Input!$C$20,0)+IF(Input!$D$21=2,L3715*Input!$C$21,0)+IF(Input!$D$22=2,M3715*Input!$C$22,0)</f>
        <v>1.2314128488248217</v>
      </c>
      <c r="P3715" s="59">
        <f>IF(Input!$D$19=3,J3715*Input!$C$19,0)+IF(Input!$D$20=3,K3715*Input!$C$20,0)+IF(Input!$D$21=3,L3715*Input!$C$21,0)+IF(Input!$D$22=3,M3715*Input!$C$22,0)</f>
        <v>0</v>
      </c>
      <c r="Q3715" s="75">
        <f>IF(Input!$D$19=4,J3715*Input!$C$19,0)+IF(Input!$D$20=4,K3715*Input!$C$20,0)+IF(Input!$D$21=4,L3715*Input!$C$21,0)+IF(Input!$D$22=4,M3715*Input!$C$22,0)</f>
        <v>0</v>
      </c>
      <c r="R3715" s="58">
        <v>66.111497515684789</v>
      </c>
      <c r="S3715" s="124">
        <f t="shared" si="57"/>
        <v>2.1344489379630245</v>
      </c>
    </row>
    <row r="3716" spans="8:19" x14ac:dyDescent="0.3">
      <c r="H3716" s="44">
        <v>3709</v>
      </c>
      <c r="I3716" s="56">
        <f>Bühler!I3742</f>
        <v>0.49256513952992864</v>
      </c>
      <c r="J3716" s="59">
        <f>Bühler!J3742</f>
        <v>1.6418837984330956</v>
      </c>
      <c r="K3716" s="59">
        <f>Bühler!K3742</f>
        <v>2.4628256976496434</v>
      </c>
      <c r="L3716" s="59">
        <f>Bühler!L3742</f>
        <v>11.821563348718287</v>
      </c>
      <c r="M3716" s="58">
        <f>Bühler!M3742</f>
        <v>0</v>
      </c>
      <c r="N3716" s="56">
        <f>IF(Input!$D$19=1,J3716*Input!$C$19,0)+IF(Input!$D$20=1,K3716*Input!$C$20,0)+IF(Input!$D$21=1,L3716*Input!$C$21,0)+IF(Input!$D$22=1,M3716*Input!$C$22,0)</f>
        <v>0.49256513952992864</v>
      </c>
      <c r="O3716" s="59">
        <f>IF(Input!$D$19=2,J3716*Input!$C$19,0)+IF(Input!$D$20=2,K3716*Input!$C$20,0)+IF(Input!$D$21=2,L3716*Input!$C$21,0)+IF(Input!$D$22=2,M3716*Input!$C$22,0)</f>
        <v>1.2314128488248217</v>
      </c>
      <c r="P3716" s="59">
        <f>IF(Input!$D$19=3,J3716*Input!$C$19,0)+IF(Input!$D$20=3,K3716*Input!$C$20,0)+IF(Input!$D$21=3,L3716*Input!$C$21,0)+IF(Input!$D$22=3,M3716*Input!$C$22,0)</f>
        <v>0</v>
      </c>
      <c r="Q3716" s="75">
        <f>IF(Input!$D$19=4,J3716*Input!$C$19,0)+IF(Input!$D$20=4,K3716*Input!$C$20,0)+IF(Input!$D$21=4,L3716*Input!$C$21,0)+IF(Input!$D$22=4,M3716*Input!$C$22,0)</f>
        <v>0</v>
      </c>
      <c r="R3716" s="58">
        <v>66.098879701682449</v>
      </c>
      <c r="S3716" s="124">
        <f t="shared" si="57"/>
        <v>2.1344489379630245</v>
      </c>
    </row>
    <row r="3717" spans="8:19" x14ac:dyDescent="0.3">
      <c r="H3717" s="44">
        <v>3710</v>
      </c>
      <c r="I3717" s="56">
        <f>Bühler!I3743</f>
        <v>0.32632440493857773</v>
      </c>
      <c r="J3717" s="59">
        <f>Bühler!J3743</f>
        <v>1.0877480164619258</v>
      </c>
      <c r="K3717" s="59">
        <f>Bühler!K3743</f>
        <v>1.6316220246928885</v>
      </c>
      <c r="L3717" s="59">
        <f>Bühler!L3743</f>
        <v>7.8317857185258646</v>
      </c>
      <c r="M3717" s="58">
        <f>Bühler!M3743</f>
        <v>0</v>
      </c>
      <c r="N3717" s="56">
        <f>IF(Input!$D$19=1,J3717*Input!$C$19,0)+IF(Input!$D$20=1,K3717*Input!$C$20,0)+IF(Input!$D$21=1,L3717*Input!$C$21,0)+IF(Input!$D$22=1,M3717*Input!$C$22,0)</f>
        <v>0.32632440493857773</v>
      </c>
      <c r="O3717" s="59">
        <f>IF(Input!$D$19=2,J3717*Input!$C$19,0)+IF(Input!$D$20=2,K3717*Input!$C$20,0)+IF(Input!$D$21=2,L3717*Input!$C$21,0)+IF(Input!$D$22=2,M3717*Input!$C$22,0)</f>
        <v>0.81581101234644426</v>
      </c>
      <c r="P3717" s="59">
        <f>IF(Input!$D$19=3,J3717*Input!$C$19,0)+IF(Input!$D$20=3,K3717*Input!$C$20,0)+IF(Input!$D$21=3,L3717*Input!$C$21,0)+IF(Input!$D$22=3,M3717*Input!$C$22,0)</f>
        <v>0</v>
      </c>
      <c r="Q3717" s="75">
        <f>IF(Input!$D$19=4,J3717*Input!$C$19,0)+IF(Input!$D$20=4,K3717*Input!$C$20,0)+IF(Input!$D$21=4,L3717*Input!$C$21,0)+IF(Input!$D$22=4,M3717*Input!$C$22,0)</f>
        <v>0</v>
      </c>
      <c r="R3717" s="58">
        <v>66.407474285715054</v>
      </c>
      <c r="S3717" s="124">
        <f t="shared" si="57"/>
        <v>1.4140724214005034</v>
      </c>
    </row>
    <row r="3718" spans="8:19" x14ac:dyDescent="0.3">
      <c r="H3718" s="44">
        <v>3711</v>
      </c>
      <c r="I3718" s="56">
        <f>Bühler!I3744</f>
        <v>0.49256513952992864</v>
      </c>
      <c r="J3718" s="59">
        <f>Bühler!J3744</f>
        <v>1.6418837984330956</v>
      </c>
      <c r="K3718" s="59">
        <f>Bühler!K3744</f>
        <v>2.4628256976496434</v>
      </c>
      <c r="L3718" s="59">
        <f>Bühler!L3744</f>
        <v>11.821563348718287</v>
      </c>
      <c r="M3718" s="58">
        <f>Bühler!M3744</f>
        <v>0</v>
      </c>
      <c r="N3718" s="56">
        <f>IF(Input!$D$19=1,J3718*Input!$C$19,0)+IF(Input!$D$20=1,K3718*Input!$C$20,0)+IF(Input!$D$21=1,L3718*Input!$C$21,0)+IF(Input!$D$22=1,M3718*Input!$C$22,0)</f>
        <v>0.49256513952992864</v>
      </c>
      <c r="O3718" s="59">
        <f>IF(Input!$D$19=2,J3718*Input!$C$19,0)+IF(Input!$D$20=2,K3718*Input!$C$20,0)+IF(Input!$D$21=2,L3718*Input!$C$21,0)+IF(Input!$D$22=2,M3718*Input!$C$22,0)</f>
        <v>1.2314128488248217</v>
      </c>
      <c r="P3718" s="59">
        <f>IF(Input!$D$19=3,J3718*Input!$C$19,0)+IF(Input!$D$20=3,K3718*Input!$C$20,0)+IF(Input!$D$21=3,L3718*Input!$C$21,0)+IF(Input!$D$22=3,M3718*Input!$C$22,0)</f>
        <v>0</v>
      </c>
      <c r="Q3718" s="75">
        <f>IF(Input!$D$19=4,J3718*Input!$C$19,0)+IF(Input!$D$20=4,K3718*Input!$C$20,0)+IF(Input!$D$21=4,L3718*Input!$C$21,0)+IF(Input!$D$22=4,M3718*Input!$C$22,0)</f>
        <v>0</v>
      </c>
      <c r="R3718" s="58">
        <v>66.874995504867726</v>
      </c>
      <c r="S3718" s="124">
        <f t="shared" si="57"/>
        <v>2.1344489379630245</v>
      </c>
    </row>
    <row r="3719" spans="8:19" x14ac:dyDescent="0.3">
      <c r="H3719" s="44">
        <v>3712</v>
      </c>
      <c r="I3719" s="56">
        <f>Bühler!I3745</f>
        <v>0.49256513952992864</v>
      </c>
      <c r="J3719" s="59">
        <f>Bühler!J3745</f>
        <v>1.6418837984330956</v>
      </c>
      <c r="K3719" s="59">
        <f>Bühler!K3745</f>
        <v>2.4628256976496434</v>
      </c>
      <c r="L3719" s="59">
        <f>Bühler!L3745</f>
        <v>11.821563348718287</v>
      </c>
      <c r="M3719" s="58">
        <f>Bühler!M3745</f>
        <v>0</v>
      </c>
      <c r="N3719" s="56">
        <f>IF(Input!$D$19=1,J3719*Input!$C$19,0)+IF(Input!$D$20=1,K3719*Input!$C$20,0)+IF(Input!$D$21=1,L3719*Input!$C$21,0)+IF(Input!$D$22=1,M3719*Input!$C$22,0)</f>
        <v>0.49256513952992864</v>
      </c>
      <c r="O3719" s="59">
        <f>IF(Input!$D$19=2,J3719*Input!$C$19,0)+IF(Input!$D$20=2,K3719*Input!$C$20,0)+IF(Input!$D$21=2,L3719*Input!$C$21,0)+IF(Input!$D$22=2,M3719*Input!$C$22,0)</f>
        <v>1.2314128488248217</v>
      </c>
      <c r="P3719" s="59">
        <f>IF(Input!$D$19=3,J3719*Input!$C$19,0)+IF(Input!$D$20=3,K3719*Input!$C$20,0)+IF(Input!$D$21=3,L3719*Input!$C$21,0)+IF(Input!$D$22=3,M3719*Input!$C$22,0)</f>
        <v>0</v>
      </c>
      <c r="Q3719" s="75">
        <f>IF(Input!$D$19=4,J3719*Input!$C$19,0)+IF(Input!$D$20=4,K3719*Input!$C$20,0)+IF(Input!$D$21=4,L3719*Input!$C$21,0)+IF(Input!$D$22=4,M3719*Input!$C$22,0)</f>
        <v>0</v>
      </c>
      <c r="R3719" s="58">
        <v>66.598123185758041</v>
      </c>
      <c r="S3719" s="124">
        <f t="shared" si="57"/>
        <v>2.1344489379630245</v>
      </c>
    </row>
    <row r="3720" spans="8:19" x14ac:dyDescent="0.3">
      <c r="H3720" s="44">
        <v>3713</v>
      </c>
      <c r="I3720" s="56">
        <f>Bühler!I3746</f>
        <v>0.49256513952992864</v>
      </c>
      <c r="J3720" s="59">
        <f>Bühler!J3746</f>
        <v>1.6418837984330956</v>
      </c>
      <c r="K3720" s="59">
        <f>Bühler!K3746</f>
        <v>2.4628256976496434</v>
      </c>
      <c r="L3720" s="59">
        <f>Bühler!L3746</f>
        <v>11.821563348718287</v>
      </c>
      <c r="M3720" s="58">
        <f>Bühler!M3746</f>
        <v>0</v>
      </c>
      <c r="N3720" s="56">
        <f>IF(Input!$D$19=1,J3720*Input!$C$19,0)+IF(Input!$D$20=1,K3720*Input!$C$20,0)+IF(Input!$D$21=1,L3720*Input!$C$21,0)+IF(Input!$D$22=1,M3720*Input!$C$22,0)</f>
        <v>0.49256513952992864</v>
      </c>
      <c r="O3720" s="59">
        <f>IF(Input!$D$19=2,J3720*Input!$C$19,0)+IF(Input!$D$20=2,K3720*Input!$C$20,0)+IF(Input!$D$21=2,L3720*Input!$C$21,0)+IF(Input!$D$22=2,M3720*Input!$C$22,0)</f>
        <v>1.2314128488248217</v>
      </c>
      <c r="P3720" s="59">
        <f>IF(Input!$D$19=3,J3720*Input!$C$19,0)+IF(Input!$D$20=3,K3720*Input!$C$20,0)+IF(Input!$D$21=3,L3720*Input!$C$21,0)+IF(Input!$D$22=3,M3720*Input!$C$22,0)</f>
        <v>0</v>
      </c>
      <c r="Q3720" s="75">
        <f>IF(Input!$D$19=4,J3720*Input!$C$19,0)+IF(Input!$D$20=4,K3720*Input!$C$20,0)+IF(Input!$D$21=4,L3720*Input!$C$21,0)+IF(Input!$D$22=4,M3720*Input!$C$22,0)</f>
        <v>0</v>
      </c>
      <c r="R3720" s="58">
        <v>65.47901653342079</v>
      </c>
      <c r="S3720" s="124">
        <f t="shared" si="57"/>
        <v>2.1344489379630245</v>
      </c>
    </row>
    <row r="3721" spans="8:19" x14ac:dyDescent="0.3">
      <c r="H3721" s="44">
        <v>3714</v>
      </c>
      <c r="I3721" s="56">
        <f>Bühler!I3747</f>
        <v>0.49256513952992864</v>
      </c>
      <c r="J3721" s="59">
        <f>Bühler!J3747</f>
        <v>1.6418837984330956</v>
      </c>
      <c r="K3721" s="59">
        <f>Bühler!K3747</f>
        <v>2.4628256976496434</v>
      </c>
      <c r="L3721" s="59">
        <f>Bühler!L3747</f>
        <v>11.821563348718287</v>
      </c>
      <c r="M3721" s="58">
        <f>Bühler!M3747</f>
        <v>0</v>
      </c>
      <c r="N3721" s="56">
        <f>IF(Input!$D$19=1,J3721*Input!$C$19,0)+IF(Input!$D$20=1,K3721*Input!$C$20,0)+IF(Input!$D$21=1,L3721*Input!$C$21,0)+IF(Input!$D$22=1,M3721*Input!$C$22,0)</f>
        <v>0.49256513952992864</v>
      </c>
      <c r="O3721" s="59">
        <f>IF(Input!$D$19=2,J3721*Input!$C$19,0)+IF(Input!$D$20=2,K3721*Input!$C$20,0)+IF(Input!$D$21=2,L3721*Input!$C$21,0)+IF(Input!$D$22=2,M3721*Input!$C$22,0)</f>
        <v>1.2314128488248217</v>
      </c>
      <c r="P3721" s="59">
        <f>IF(Input!$D$19=3,J3721*Input!$C$19,0)+IF(Input!$D$20=3,K3721*Input!$C$20,0)+IF(Input!$D$21=3,L3721*Input!$C$21,0)+IF(Input!$D$22=3,M3721*Input!$C$22,0)</f>
        <v>0</v>
      </c>
      <c r="Q3721" s="75">
        <f>IF(Input!$D$19=4,J3721*Input!$C$19,0)+IF(Input!$D$20=4,K3721*Input!$C$20,0)+IF(Input!$D$21=4,L3721*Input!$C$21,0)+IF(Input!$D$22=4,M3721*Input!$C$22,0)</f>
        <v>0</v>
      </c>
      <c r="R3721" s="58">
        <v>64.094887752981862</v>
      </c>
      <c r="S3721" s="124">
        <f t="shared" ref="S3721:S3784" si="58">I3721+J3721</f>
        <v>2.1344489379630245</v>
      </c>
    </row>
    <row r="3722" spans="8:19" x14ac:dyDescent="0.3">
      <c r="H3722" s="44">
        <v>3715</v>
      </c>
      <c r="I3722" s="56">
        <f>Bühler!I3748</f>
        <v>0.49256513952992864</v>
      </c>
      <c r="J3722" s="59">
        <f>Bühler!J3748</f>
        <v>1.6418837984330956</v>
      </c>
      <c r="K3722" s="59">
        <f>Bühler!K3748</f>
        <v>2.4628256976496434</v>
      </c>
      <c r="L3722" s="59">
        <f>Bühler!L3748</f>
        <v>11.821563348718287</v>
      </c>
      <c r="M3722" s="58">
        <f>Bühler!M3748</f>
        <v>0</v>
      </c>
      <c r="N3722" s="56">
        <f>IF(Input!$D$19=1,J3722*Input!$C$19,0)+IF(Input!$D$20=1,K3722*Input!$C$20,0)+IF(Input!$D$21=1,L3722*Input!$C$21,0)+IF(Input!$D$22=1,M3722*Input!$C$22,0)</f>
        <v>0.49256513952992864</v>
      </c>
      <c r="O3722" s="59">
        <f>IF(Input!$D$19=2,J3722*Input!$C$19,0)+IF(Input!$D$20=2,K3722*Input!$C$20,0)+IF(Input!$D$21=2,L3722*Input!$C$21,0)+IF(Input!$D$22=2,M3722*Input!$C$22,0)</f>
        <v>1.2314128488248217</v>
      </c>
      <c r="P3722" s="59">
        <f>IF(Input!$D$19=3,J3722*Input!$C$19,0)+IF(Input!$D$20=3,K3722*Input!$C$20,0)+IF(Input!$D$21=3,L3722*Input!$C$21,0)+IF(Input!$D$22=3,M3722*Input!$C$22,0)</f>
        <v>0</v>
      </c>
      <c r="Q3722" s="75">
        <f>IF(Input!$D$19=4,J3722*Input!$C$19,0)+IF(Input!$D$20=4,K3722*Input!$C$20,0)+IF(Input!$D$21=4,L3722*Input!$C$21,0)+IF(Input!$D$22=4,M3722*Input!$C$22,0)</f>
        <v>0</v>
      </c>
      <c r="R3722" s="58">
        <v>63.178407386808104</v>
      </c>
      <c r="S3722" s="124">
        <f t="shared" si="58"/>
        <v>2.1344489379630245</v>
      </c>
    </row>
    <row r="3723" spans="8:19" x14ac:dyDescent="0.3">
      <c r="H3723" s="44">
        <v>3716</v>
      </c>
      <c r="I3723" s="56">
        <f>Bühler!I3749</f>
        <v>0.41252330435631518</v>
      </c>
      <c r="J3723" s="59">
        <f>Bühler!J3749</f>
        <v>1.3750776811877174</v>
      </c>
      <c r="K3723" s="59">
        <f>Bühler!K3749</f>
        <v>2.062616521781576</v>
      </c>
      <c r="L3723" s="59">
        <f>Bühler!L3749</f>
        <v>9.9005593045515639</v>
      </c>
      <c r="M3723" s="58">
        <f>Bühler!M3749</f>
        <v>0</v>
      </c>
      <c r="N3723" s="56">
        <f>IF(Input!$D$19=1,J3723*Input!$C$19,0)+IF(Input!$D$20=1,K3723*Input!$C$20,0)+IF(Input!$D$21=1,L3723*Input!$C$21,0)+IF(Input!$D$22=1,M3723*Input!$C$22,0)</f>
        <v>0.41252330435631523</v>
      </c>
      <c r="O3723" s="59">
        <f>IF(Input!$D$19=2,J3723*Input!$C$19,0)+IF(Input!$D$20=2,K3723*Input!$C$20,0)+IF(Input!$D$21=2,L3723*Input!$C$21,0)+IF(Input!$D$22=2,M3723*Input!$C$22,0)</f>
        <v>1.031308260890788</v>
      </c>
      <c r="P3723" s="59">
        <f>IF(Input!$D$19=3,J3723*Input!$C$19,0)+IF(Input!$D$20=3,K3723*Input!$C$20,0)+IF(Input!$D$21=3,L3723*Input!$C$21,0)+IF(Input!$D$22=3,M3723*Input!$C$22,0)</f>
        <v>0</v>
      </c>
      <c r="Q3723" s="75">
        <f>IF(Input!$D$19=4,J3723*Input!$C$19,0)+IF(Input!$D$20=4,K3723*Input!$C$20,0)+IF(Input!$D$21=4,L3723*Input!$C$21,0)+IF(Input!$D$22=4,M3723*Input!$C$22,0)</f>
        <v>0</v>
      </c>
      <c r="R3723" s="58">
        <v>62.435884705262289</v>
      </c>
      <c r="S3723" s="124">
        <f t="shared" si="58"/>
        <v>1.7876009855440327</v>
      </c>
    </row>
    <row r="3724" spans="8:19" x14ac:dyDescent="0.3">
      <c r="H3724" s="44">
        <v>3717</v>
      </c>
      <c r="I3724" s="56">
        <f>Bühler!I3750</f>
        <v>0.33863853342682587</v>
      </c>
      <c r="J3724" s="59">
        <f>Bühler!J3750</f>
        <v>1.128795111422753</v>
      </c>
      <c r="K3724" s="59">
        <f>Bühler!K3750</f>
        <v>1.6931926671341295</v>
      </c>
      <c r="L3724" s="59">
        <f>Bühler!L3750</f>
        <v>8.1273248022438214</v>
      </c>
      <c r="M3724" s="58">
        <f>Bühler!M3750</f>
        <v>0</v>
      </c>
      <c r="N3724" s="56">
        <f>IF(Input!$D$19=1,J3724*Input!$C$19,0)+IF(Input!$D$20=1,K3724*Input!$C$20,0)+IF(Input!$D$21=1,L3724*Input!$C$21,0)+IF(Input!$D$22=1,M3724*Input!$C$22,0)</f>
        <v>0.33863853342682587</v>
      </c>
      <c r="O3724" s="59">
        <f>IF(Input!$D$19=2,J3724*Input!$C$19,0)+IF(Input!$D$20=2,K3724*Input!$C$20,0)+IF(Input!$D$21=2,L3724*Input!$C$21,0)+IF(Input!$D$22=2,M3724*Input!$C$22,0)</f>
        <v>0.84659633356706476</v>
      </c>
      <c r="P3724" s="59">
        <f>IF(Input!$D$19=3,J3724*Input!$C$19,0)+IF(Input!$D$20=3,K3724*Input!$C$20,0)+IF(Input!$D$21=3,L3724*Input!$C$21,0)+IF(Input!$D$22=3,M3724*Input!$C$22,0)</f>
        <v>0</v>
      </c>
      <c r="Q3724" s="75">
        <f>IF(Input!$D$19=4,J3724*Input!$C$19,0)+IF(Input!$D$20=4,K3724*Input!$C$20,0)+IF(Input!$D$21=4,L3724*Input!$C$21,0)+IF(Input!$D$22=4,M3724*Input!$C$22,0)</f>
        <v>0</v>
      </c>
      <c r="R3724" s="58">
        <v>60.605586224480177</v>
      </c>
      <c r="S3724" s="124">
        <f t="shared" si="58"/>
        <v>1.4674336448495788</v>
      </c>
    </row>
    <row r="3725" spans="8:19" x14ac:dyDescent="0.3">
      <c r="H3725" s="44">
        <v>3718</v>
      </c>
      <c r="I3725" s="56">
        <f>Bühler!I3751</f>
        <v>0.24628256976496432</v>
      </c>
      <c r="J3725" s="59">
        <f>Bühler!J3751</f>
        <v>0.82094189921654781</v>
      </c>
      <c r="K3725" s="59">
        <f>Bühler!K3751</f>
        <v>1.2314128488248217</v>
      </c>
      <c r="L3725" s="59">
        <f>Bühler!L3751</f>
        <v>5.9107816743591437</v>
      </c>
      <c r="M3725" s="58">
        <f>Bühler!M3751</f>
        <v>0</v>
      </c>
      <c r="N3725" s="56">
        <f>IF(Input!$D$19=1,J3725*Input!$C$19,0)+IF(Input!$D$20=1,K3725*Input!$C$20,0)+IF(Input!$D$21=1,L3725*Input!$C$21,0)+IF(Input!$D$22=1,M3725*Input!$C$22,0)</f>
        <v>0.24628256976496432</v>
      </c>
      <c r="O3725" s="59">
        <f>IF(Input!$D$19=2,J3725*Input!$C$19,0)+IF(Input!$D$20=2,K3725*Input!$C$20,0)+IF(Input!$D$21=2,L3725*Input!$C$21,0)+IF(Input!$D$22=2,M3725*Input!$C$22,0)</f>
        <v>0.61570642441241086</v>
      </c>
      <c r="P3725" s="59">
        <f>IF(Input!$D$19=3,J3725*Input!$C$19,0)+IF(Input!$D$20=3,K3725*Input!$C$20,0)+IF(Input!$D$21=3,L3725*Input!$C$21,0)+IF(Input!$D$22=3,M3725*Input!$C$22,0)</f>
        <v>0</v>
      </c>
      <c r="Q3725" s="75">
        <f>IF(Input!$D$19=4,J3725*Input!$C$19,0)+IF(Input!$D$20=4,K3725*Input!$C$20,0)+IF(Input!$D$21=4,L3725*Input!$C$21,0)+IF(Input!$D$22=4,M3725*Input!$C$22,0)</f>
        <v>0</v>
      </c>
      <c r="R3725" s="58">
        <v>58.736631530872245</v>
      </c>
      <c r="S3725" s="124">
        <f t="shared" si="58"/>
        <v>1.0672244689815122</v>
      </c>
    </row>
    <row r="3726" spans="8:19" x14ac:dyDescent="0.3">
      <c r="H3726" s="44">
        <v>3719</v>
      </c>
      <c r="I3726" s="56">
        <f>Bühler!I3752</f>
        <v>0.23396844127671609</v>
      </c>
      <c r="J3726" s="59">
        <f>Bühler!J3752</f>
        <v>0.77989480425572033</v>
      </c>
      <c r="K3726" s="59">
        <f>Bühler!K3752</f>
        <v>1.1698422063835805</v>
      </c>
      <c r="L3726" s="59">
        <f>Bühler!L3752</f>
        <v>5.615242590641186</v>
      </c>
      <c r="M3726" s="58">
        <f>Bühler!M3752</f>
        <v>0</v>
      </c>
      <c r="N3726" s="56">
        <f>IF(Input!$D$19=1,J3726*Input!$C$19,0)+IF(Input!$D$20=1,K3726*Input!$C$20,0)+IF(Input!$D$21=1,L3726*Input!$C$21,0)+IF(Input!$D$22=1,M3726*Input!$C$22,0)</f>
        <v>0.23396844127671609</v>
      </c>
      <c r="O3726" s="59">
        <f>IF(Input!$D$19=2,J3726*Input!$C$19,0)+IF(Input!$D$20=2,K3726*Input!$C$20,0)+IF(Input!$D$21=2,L3726*Input!$C$21,0)+IF(Input!$D$22=2,M3726*Input!$C$22,0)</f>
        <v>0.58492110319179025</v>
      </c>
      <c r="P3726" s="59">
        <f>IF(Input!$D$19=3,J3726*Input!$C$19,0)+IF(Input!$D$20=3,K3726*Input!$C$20,0)+IF(Input!$D$21=3,L3726*Input!$C$21,0)+IF(Input!$D$22=3,M3726*Input!$C$22,0)</f>
        <v>0</v>
      </c>
      <c r="Q3726" s="75">
        <f>IF(Input!$D$19=4,J3726*Input!$C$19,0)+IF(Input!$D$20=4,K3726*Input!$C$20,0)+IF(Input!$D$21=4,L3726*Input!$C$21,0)+IF(Input!$D$22=4,M3726*Input!$C$22,0)</f>
        <v>0</v>
      </c>
      <c r="R3726" s="58">
        <v>58.958340888978242</v>
      </c>
      <c r="S3726" s="124">
        <f t="shared" si="58"/>
        <v>1.0138632455324363</v>
      </c>
    </row>
    <row r="3727" spans="8:19" x14ac:dyDescent="0.3">
      <c r="H3727" s="44">
        <v>3720</v>
      </c>
      <c r="I3727" s="56">
        <f>Bühler!I3753</f>
        <v>0.23396844127671609</v>
      </c>
      <c r="J3727" s="59">
        <f>Bühler!J3753</f>
        <v>0.77989480425572033</v>
      </c>
      <c r="K3727" s="59">
        <f>Bühler!K3753</f>
        <v>1.1698422063835805</v>
      </c>
      <c r="L3727" s="59">
        <f>Bühler!L3753</f>
        <v>5.615242590641186</v>
      </c>
      <c r="M3727" s="58">
        <f>Bühler!M3753</f>
        <v>0</v>
      </c>
      <c r="N3727" s="56">
        <f>IF(Input!$D$19=1,J3727*Input!$C$19,0)+IF(Input!$D$20=1,K3727*Input!$C$20,0)+IF(Input!$D$21=1,L3727*Input!$C$21,0)+IF(Input!$D$22=1,M3727*Input!$C$22,0)</f>
        <v>0.23396844127671609</v>
      </c>
      <c r="O3727" s="59">
        <f>IF(Input!$D$19=2,J3727*Input!$C$19,0)+IF(Input!$D$20=2,K3727*Input!$C$20,0)+IF(Input!$D$21=2,L3727*Input!$C$21,0)+IF(Input!$D$22=2,M3727*Input!$C$22,0)</f>
        <v>0.58492110319179025</v>
      </c>
      <c r="P3727" s="59">
        <f>IF(Input!$D$19=3,J3727*Input!$C$19,0)+IF(Input!$D$20=3,K3727*Input!$C$20,0)+IF(Input!$D$21=3,L3727*Input!$C$21,0)+IF(Input!$D$22=3,M3727*Input!$C$22,0)</f>
        <v>0</v>
      </c>
      <c r="Q3727" s="75">
        <f>IF(Input!$D$19=4,J3727*Input!$C$19,0)+IF(Input!$D$20=4,K3727*Input!$C$20,0)+IF(Input!$D$21=4,L3727*Input!$C$21,0)+IF(Input!$D$22=4,M3727*Input!$C$22,0)</f>
        <v>0</v>
      </c>
      <c r="R3727" s="58">
        <v>58.615458562657054</v>
      </c>
      <c r="S3727" s="124">
        <f t="shared" si="58"/>
        <v>1.0138632455324363</v>
      </c>
    </row>
    <row r="3728" spans="8:19" x14ac:dyDescent="0.3">
      <c r="H3728" s="44">
        <v>3721</v>
      </c>
      <c r="I3728" s="56">
        <f>Bühler!I3754</f>
        <v>0.21592873942650162</v>
      </c>
      <c r="J3728" s="59">
        <f>Bühler!J3754</f>
        <v>0.71976246475500549</v>
      </c>
      <c r="K3728" s="59">
        <f>Bühler!K3754</f>
        <v>1.0796436971325081</v>
      </c>
      <c r="L3728" s="59">
        <f>Bühler!L3754</f>
        <v>5.1822897462360391</v>
      </c>
      <c r="M3728" s="58">
        <f>Bühler!M3754</f>
        <v>0</v>
      </c>
      <c r="N3728" s="56">
        <f>IF(Input!$D$19=1,J3728*Input!$C$19,0)+IF(Input!$D$20=1,K3728*Input!$C$20,0)+IF(Input!$D$21=1,L3728*Input!$C$21,0)+IF(Input!$D$22=1,M3728*Input!$C$22,0)</f>
        <v>0.21592873942650165</v>
      </c>
      <c r="O3728" s="59">
        <f>IF(Input!$D$19=2,J3728*Input!$C$19,0)+IF(Input!$D$20=2,K3728*Input!$C$20,0)+IF(Input!$D$21=2,L3728*Input!$C$21,0)+IF(Input!$D$22=2,M3728*Input!$C$22,0)</f>
        <v>0.53982184856625404</v>
      </c>
      <c r="P3728" s="59">
        <f>IF(Input!$D$19=3,J3728*Input!$C$19,0)+IF(Input!$D$20=3,K3728*Input!$C$20,0)+IF(Input!$D$21=3,L3728*Input!$C$21,0)+IF(Input!$D$22=3,M3728*Input!$C$22,0)</f>
        <v>0</v>
      </c>
      <c r="Q3728" s="75">
        <f>IF(Input!$D$19=4,J3728*Input!$C$19,0)+IF(Input!$D$20=4,K3728*Input!$C$20,0)+IF(Input!$D$21=4,L3728*Input!$C$21,0)+IF(Input!$D$22=4,M3728*Input!$C$22,0)</f>
        <v>0</v>
      </c>
      <c r="R3728" s="58">
        <v>58.305566117747041</v>
      </c>
      <c r="S3728" s="124">
        <f t="shared" si="58"/>
        <v>0.93569120418150709</v>
      </c>
    </row>
    <row r="3729" spans="8:19" x14ac:dyDescent="0.3">
      <c r="H3729" s="44">
        <v>3722</v>
      </c>
      <c r="I3729" s="56">
        <f>Bühler!I3755</f>
        <v>0.21592873942650162</v>
      </c>
      <c r="J3729" s="59">
        <f>Bühler!J3755</f>
        <v>0.71976246475500549</v>
      </c>
      <c r="K3729" s="59">
        <f>Bühler!K3755</f>
        <v>1.0796436971325081</v>
      </c>
      <c r="L3729" s="59">
        <f>Bühler!L3755</f>
        <v>5.1822897462360391</v>
      </c>
      <c r="M3729" s="58">
        <f>Bühler!M3755</f>
        <v>0</v>
      </c>
      <c r="N3729" s="56">
        <f>IF(Input!$D$19=1,J3729*Input!$C$19,0)+IF(Input!$D$20=1,K3729*Input!$C$20,0)+IF(Input!$D$21=1,L3729*Input!$C$21,0)+IF(Input!$D$22=1,M3729*Input!$C$22,0)</f>
        <v>0.21592873942650165</v>
      </c>
      <c r="O3729" s="59">
        <f>IF(Input!$D$19=2,J3729*Input!$C$19,0)+IF(Input!$D$20=2,K3729*Input!$C$20,0)+IF(Input!$D$21=2,L3729*Input!$C$21,0)+IF(Input!$D$22=2,M3729*Input!$C$22,0)</f>
        <v>0.53982184856625404</v>
      </c>
      <c r="P3729" s="59">
        <f>IF(Input!$D$19=3,J3729*Input!$C$19,0)+IF(Input!$D$20=3,K3729*Input!$C$20,0)+IF(Input!$D$21=3,L3729*Input!$C$21,0)+IF(Input!$D$22=3,M3729*Input!$C$22,0)</f>
        <v>0</v>
      </c>
      <c r="Q3729" s="75">
        <f>IF(Input!$D$19=4,J3729*Input!$C$19,0)+IF(Input!$D$20=4,K3729*Input!$C$20,0)+IF(Input!$D$21=4,L3729*Input!$C$21,0)+IF(Input!$D$22=4,M3729*Input!$C$22,0)</f>
        <v>0</v>
      </c>
      <c r="R3729" s="58">
        <v>58.033343824431356</v>
      </c>
      <c r="S3729" s="124">
        <f t="shared" si="58"/>
        <v>0.93569120418150709</v>
      </c>
    </row>
    <row r="3730" spans="8:19" x14ac:dyDescent="0.3">
      <c r="H3730" s="44">
        <v>3723</v>
      </c>
      <c r="I3730" s="56">
        <f>Bühler!I3756</f>
        <v>0.21592873942650162</v>
      </c>
      <c r="J3730" s="59">
        <f>Bühler!J3756</f>
        <v>0.71976246475500549</v>
      </c>
      <c r="K3730" s="59">
        <f>Bühler!K3756</f>
        <v>1.0796436971325081</v>
      </c>
      <c r="L3730" s="59">
        <f>Bühler!L3756</f>
        <v>5.1822897462360391</v>
      </c>
      <c r="M3730" s="58">
        <f>Bühler!M3756</f>
        <v>0</v>
      </c>
      <c r="N3730" s="56">
        <f>IF(Input!$D$19=1,J3730*Input!$C$19,0)+IF(Input!$D$20=1,K3730*Input!$C$20,0)+IF(Input!$D$21=1,L3730*Input!$C$21,0)+IF(Input!$D$22=1,M3730*Input!$C$22,0)</f>
        <v>0.21592873942650165</v>
      </c>
      <c r="O3730" s="59">
        <f>IF(Input!$D$19=2,J3730*Input!$C$19,0)+IF(Input!$D$20=2,K3730*Input!$C$20,0)+IF(Input!$D$21=2,L3730*Input!$C$21,0)+IF(Input!$D$22=2,M3730*Input!$C$22,0)</f>
        <v>0.53982184856625404</v>
      </c>
      <c r="P3730" s="59">
        <f>IF(Input!$D$19=3,J3730*Input!$C$19,0)+IF(Input!$D$20=3,K3730*Input!$C$20,0)+IF(Input!$D$21=3,L3730*Input!$C$21,0)+IF(Input!$D$22=3,M3730*Input!$C$22,0)</f>
        <v>0</v>
      </c>
      <c r="Q3730" s="75">
        <f>IF(Input!$D$19=4,J3730*Input!$C$19,0)+IF(Input!$D$20=4,K3730*Input!$C$20,0)+IF(Input!$D$21=4,L3730*Input!$C$21,0)+IF(Input!$D$22=4,M3730*Input!$C$22,0)</f>
        <v>0</v>
      </c>
      <c r="R3730" s="58">
        <v>58.216761451866624</v>
      </c>
      <c r="S3730" s="124">
        <f t="shared" si="58"/>
        <v>0.93569120418150709</v>
      </c>
    </row>
    <row r="3731" spans="8:19" x14ac:dyDescent="0.3">
      <c r="H3731" s="44">
        <v>3724</v>
      </c>
      <c r="I3731" s="56">
        <f>Bühler!I3757</f>
        <v>0.21592873942650162</v>
      </c>
      <c r="J3731" s="59">
        <f>Bühler!J3757</f>
        <v>0.71976246475500549</v>
      </c>
      <c r="K3731" s="59">
        <f>Bühler!K3757</f>
        <v>1.0796436971325081</v>
      </c>
      <c r="L3731" s="59">
        <f>Bühler!L3757</f>
        <v>5.1822897462360391</v>
      </c>
      <c r="M3731" s="58">
        <f>Bühler!M3757</f>
        <v>0</v>
      </c>
      <c r="N3731" s="56">
        <f>IF(Input!$D$19=1,J3731*Input!$C$19,0)+IF(Input!$D$20=1,K3731*Input!$C$20,0)+IF(Input!$D$21=1,L3731*Input!$C$21,0)+IF(Input!$D$22=1,M3731*Input!$C$22,0)</f>
        <v>0.21592873942650165</v>
      </c>
      <c r="O3731" s="59">
        <f>IF(Input!$D$19=2,J3731*Input!$C$19,0)+IF(Input!$D$20=2,K3731*Input!$C$20,0)+IF(Input!$D$21=2,L3731*Input!$C$21,0)+IF(Input!$D$22=2,M3731*Input!$C$22,0)</f>
        <v>0.53982184856625404</v>
      </c>
      <c r="P3731" s="59">
        <f>IF(Input!$D$19=3,J3731*Input!$C$19,0)+IF(Input!$D$20=3,K3731*Input!$C$20,0)+IF(Input!$D$21=3,L3731*Input!$C$21,0)+IF(Input!$D$22=3,M3731*Input!$C$22,0)</f>
        <v>0</v>
      </c>
      <c r="Q3731" s="75">
        <f>IF(Input!$D$19=4,J3731*Input!$C$19,0)+IF(Input!$D$20=4,K3731*Input!$C$20,0)+IF(Input!$D$21=4,L3731*Input!$C$21,0)+IF(Input!$D$22=4,M3731*Input!$C$22,0)</f>
        <v>0</v>
      </c>
      <c r="R3731" s="58">
        <v>58.934282693479204</v>
      </c>
      <c r="S3731" s="124">
        <f t="shared" si="58"/>
        <v>0.93569120418150709</v>
      </c>
    </row>
    <row r="3732" spans="8:19" x14ac:dyDescent="0.3">
      <c r="H3732" s="44">
        <v>3725</v>
      </c>
      <c r="I3732" s="56">
        <f>Bühler!I3758</f>
        <v>0.21592873942650162</v>
      </c>
      <c r="J3732" s="59">
        <f>Bühler!J3758</f>
        <v>0.71976246475500549</v>
      </c>
      <c r="K3732" s="59">
        <f>Bühler!K3758</f>
        <v>1.0796436971325081</v>
      </c>
      <c r="L3732" s="59">
        <f>Bühler!L3758</f>
        <v>5.1822897462360391</v>
      </c>
      <c r="M3732" s="58">
        <f>Bühler!M3758</f>
        <v>0</v>
      </c>
      <c r="N3732" s="56">
        <f>IF(Input!$D$19=1,J3732*Input!$C$19,0)+IF(Input!$D$20=1,K3732*Input!$C$20,0)+IF(Input!$D$21=1,L3732*Input!$C$21,0)+IF(Input!$D$22=1,M3732*Input!$C$22,0)</f>
        <v>0.21592873942650165</v>
      </c>
      <c r="O3732" s="59">
        <f>IF(Input!$D$19=2,J3732*Input!$C$19,0)+IF(Input!$D$20=2,K3732*Input!$C$20,0)+IF(Input!$D$21=2,L3732*Input!$C$21,0)+IF(Input!$D$22=2,M3732*Input!$C$22,0)</f>
        <v>0.53982184856625404</v>
      </c>
      <c r="P3732" s="59">
        <f>IF(Input!$D$19=3,J3732*Input!$C$19,0)+IF(Input!$D$20=3,K3732*Input!$C$20,0)+IF(Input!$D$21=3,L3732*Input!$C$21,0)+IF(Input!$D$22=3,M3732*Input!$C$22,0)</f>
        <v>0</v>
      </c>
      <c r="Q3732" s="75">
        <f>IF(Input!$D$19=4,J3732*Input!$C$19,0)+IF(Input!$D$20=4,K3732*Input!$C$20,0)+IF(Input!$D$21=4,L3732*Input!$C$21,0)+IF(Input!$D$22=4,M3732*Input!$C$22,0)</f>
        <v>0</v>
      </c>
      <c r="R3732" s="58">
        <v>60.487860018256022</v>
      </c>
      <c r="S3732" s="124">
        <f t="shared" si="58"/>
        <v>0.93569120418150709</v>
      </c>
    </row>
    <row r="3733" spans="8:19" x14ac:dyDescent="0.3">
      <c r="H3733" s="44">
        <v>3726</v>
      </c>
      <c r="I3733" s="56">
        <f>Bühler!I3759</f>
        <v>0.28070736125445211</v>
      </c>
      <c r="J3733" s="59">
        <f>Bühler!J3759</f>
        <v>0.9356912041815072</v>
      </c>
      <c r="K3733" s="59">
        <f>Bühler!K3759</f>
        <v>1.4035368062722606</v>
      </c>
      <c r="L3733" s="59">
        <f>Bühler!L3759</f>
        <v>6.7369766701068512</v>
      </c>
      <c r="M3733" s="58">
        <f>Bühler!M3759</f>
        <v>0</v>
      </c>
      <c r="N3733" s="56">
        <f>IF(Input!$D$19=1,J3733*Input!$C$19,0)+IF(Input!$D$20=1,K3733*Input!$C$20,0)+IF(Input!$D$21=1,L3733*Input!$C$21,0)+IF(Input!$D$22=1,M3733*Input!$C$22,0)</f>
        <v>0.28070736125445217</v>
      </c>
      <c r="O3733" s="59">
        <f>IF(Input!$D$19=2,J3733*Input!$C$19,0)+IF(Input!$D$20=2,K3733*Input!$C$20,0)+IF(Input!$D$21=2,L3733*Input!$C$21,0)+IF(Input!$D$22=2,M3733*Input!$C$22,0)</f>
        <v>0.70176840313613031</v>
      </c>
      <c r="P3733" s="59">
        <f>IF(Input!$D$19=3,J3733*Input!$C$19,0)+IF(Input!$D$20=3,K3733*Input!$C$20,0)+IF(Input!$D$21=3,L3733*Input!$C$21,0)+IF(Input!$D$22=3,M3733*Input!$C$22,0)</f>
        <v>0</v>
      </c>
      <c r="Q3733" s="75">
        <f>IF(Input!$D$19=4,J3733*Input!$C$19,0)+IF(Input!$D$20=4,K3733*Input!$C$20,0)+IF(Input!$D$21=4,L3733*Input!$C$21,0)+IF(Input!$D$22=4,M3733*Input!$C$22,0)</f>
        <v>0</v>
      </c>
      <c r="R3733" s="58">
        <v>63.487554588002617</v>
      </c>
      <c r="S3733" s="124">
        <f t="shared" si="58"/>
        <v>1.2163985654359593</v>
      </c>
    </row>
    <row r="3734" spans="8:19" x14ac:dyDescent="0.3">
      <c r="H3734" s="44">
        <v>3727</v>
      </c>
      <c r="I3734" s="56">
        <f>Bühler!I3760</f>
        <v>0.3130966721684274</v>
      </c>
      <c r="J3734" s="59">
        <f>Bühler!J3760</f>
        <v>1.0436555738947582</v>
      </c>
      <c r="K3734" s="59">
        <f>Bühler!K3760</f>
        <v>1.565483360842137</v>
      </c>
      <c r="L3734" s="59">
        <f>Bühler!L3760</f>
        <v>7.5143201320422577</v>
      </c>
      <c r="M3734" s="58">
        <f>Bühler!M3760</f>
        <v>0</v>
      </c>
      <c r="N3734" s="56">
        <f>IF(Input!$D$19=1,J3734*Input!$C$19,0)+IF(Input!$D$20=1,K3734*Input!$C$20,0)+IF(Input!$D$21=1,L3734*Input!$C$21,0)+IF(Input!$D$22=1,M3734*Input!$C$22,0)</f>
        <v>0.31309667216842746</v>
      </c>
      <c r="O3734" s="59">
        <f>IF(Input!$D$19=2,J3734*Input!$C$19,0)+IF(Input!$D$20=2,K3734*Input!$C$20,0)+IF(Input!$D$21=2,L3734*Input!$C$21,0)+IF(Input!$D$22=2,M3734*Input!$C$22,0)</f>
        <v>0.78274168042106851</v>
      </c>
      <c r="P3734" s="59">
        <f>IF(Input!$D$19=3,J3734*Input!$C$19,0)+IF(Input!$D$20=3,K3734*Input!$C$20,0)+IF(Input!$D$21=3,L3734*Input!$C$21,0)+IF(Input!$D$22=3,M3734*Input!$C$22,0)</f>
        <v>0</v>
      </c>
      <c r="Q3734" s="75">
        <f>IF(Input!$D$19=4,J3734*Input!$C$19,0)+IF(Input!$D$20=4,K3734*Input!$C$20,0)+IF(Input!$D$21=4,L3734*Input!$C$21,0)+IF(Input!$D$22=4,M3734*Input!$C$22,0)</f>
        <v>0</v>
      </c>
      <c r="R3734" s="58">
        <v>66.379208197379015</v>
      </c>
      <c r="S3734" s="124">
        <f t="shared" si="58"/>
        <v>1.3567522460631856</v>
      </c>
    </row>
    <row r="3735" spans="8:19" x14ac:dyDescent="0.3">
      <c r="H3735" s="44">
        <v>3728</v>
      </c>
      <c r="I3735" s="56">
        <f>Bühler!I3761</f>
        <v>0.3238931091397525</v>
      </c>
      <c r="J3735" s="59">
        <f>Bühler!J3761</f>
        <v>1.0796436971325085</v>
      </c>
      <c r="K3735" s="59">
        <f>Bühler!K3761</f>
        <v>1.6194655456987626</v>
      </c>
      <c r="L3735" s="59">
        <f>Bühler!L3761</f>
        <v>7.7734346193540604</v>
      </c>
      <c r="M3735" s="58">
        <f>Bühler!M3761</f>
        <v>0</v>
      </c>
      <c r="N3735" s="56">
        <f>IF(Input!$D$19=1,J3735*Input!$C$19,0)+IF(Input!$D$20=1,K3735*Input!$C$20,0)+IF(Input!$D$21=1,L3735*Input!$C$21,0)+IF(Input!$D$22=1,M3735*Input!$C$22,0)</f>
        <v>0.32389310913975256</v>
      </c>
      <c r="O3735" s="59">
        <f>IF(Input!$D$19=2,J3735*Input!$C$19,0)+IF(Input!$D$20=2,K3735*Input!$C$20,0)+IF(Input!$D$21=2,L3735*Input!$C$21,0)+IF(Input!$D$22=2,M3735*Input!$C$22,0)</f>
        <v>0.80973277284938128</v>
      </c>
      <c r="P3735" s="59">
        <f>IF(Input!$D$19=3,J3735*Input!$C$19,0)+IF(Input!$D$20=3,K3735*Input!$C$20,0)+IF(Input!$D$21=3,L3735*Input!$C$21,0)+IF(Input!$D$22=3,M3735*Input!$C$22,0)</f>
        <v>0</v>
      </c>
      <c r="Q3735" s="75">
        <f>IF(Input!$D$19=4,J3735*Input!$C$19,0)+IF(Input!$D$20=4,K3735*Input!$C$20,0)+IF(Input!$D$21=4,L3735*Input!$C$21,0)+IF(Input!$D$22=4,M3735*Input!$C$22,0)</f>
        <v>0</v>
      </c>
      <c r="R3735" s="58">
        <v>68.220041022490904</v>
      </c>
      <c r="S3735" s="124">
        <f t="shared" si="58"/>
        <v>1.4035368062722611</v>
      </c>
    </row>
    <row r="3736" spans="8:19" x14ac:dyDescent="0.3">
      <c r="H3736" s="44">
        <v>3729</v>
      </c>
      <c r="I3736" s="56">
        <f>Bühler!I3762</f>
        <v>0.3238931091397525</v>
      </c>
      <c r="J3736" s="59">
        <f>Bühler!J3762</f>
        <v>1.0796436971325085</v>
      </c>
      <c r="K3736" s="59">
        <f>Bühler!K3762</f>
        <v>1.6194655456987626</v>
      </c>
      <c r="L3736" s="59">
        <f>Bühler!L3762</f>
        <v>7.7734346193540604</v>
      </c>
      <c r="M3736" s="58">
        <f>Bühler!M3762</f>
        <v>0</v>
      </c>
      <c r="N3736" s="56">
        <f>IF(Input!$D$19=1,J3736*Input!$C$19,0)+IF(Input!$D$20=1,K3736*Input!$C$20,0)+IF(Input!$D$21=1,L3736*Input!$C$21,0)+IF(Input!$D$22=1,M3736*Input!$C$22,0)</f>
        <v>0.32389310913975256</v>
      </c>
      <c r="O3736" s="59">
        <f>IF(Input!$D$19=2,J3736*Input!$C$19,0)+IF(Input!$D$20=2,K3736*Input!$C$20,0)+IF(Input!$D$21=2,L3736*Input!$C$21,0)+IF(Input!$D$22=2,M3736*Input!$C$22,0)</f>
        <v>0.80973277284938128</v>
      </c>
      <c r="P3736" s="59">
        <f>IF(Input!$D$19=3,J3736*Input!$C$19,0)+IF(Input!$D$20=3,K3736*Input!$C$20,0)+IF(Input!$D$21=3,L3736*Input!$C$21,0)+IF(Input!$D$22=3,M3736*Input!$C$22,0)</f>
        <v>0</v>
      </c>
      <c r="Q3736" s="75">
        <f>IF(Input!$D$19=4,J3736*Input!$C$19,0)+IF(Input!$D$20=4,K3736*Input!$C$20,0)+IF(Input!$D$21=4,L3736*Input!$C$21,0)+IF(Input!$D$22=4,M3736*Input!$C$22,0)</f>
        <v>0</v>
      </c>
      <c r="R3736" s="58">
        <v>69.210309126931008</v>
      </c>
      <c r="S3736" s="124">
        <f t="shared" si="58"/>
        <v>1.4035368062722611</v>
      </c>
    </row>
    <row r="3737" spans="8:19" x14ac:dyDescent="0.3">
      <c r="H3737" s="44">
        <v>3730</v>
      </c>
      <c r="I3737" s="56">
        <f>Bühler!I3763</f>
        <v>0.35088420156806516</v>
      </c>
      <c r="J3737" s="59">
        <f>Bühler!J3763</f>
        <v>1.169614005226884</v>
      </c>
      <c r="K3737" s="59">
        <f>Bühler!K3763</f>
        <v>1.754421007840326</v>
      </c>
      <c r="L3737" s="59">
        <f>Bühler!L3763</f>
        <v>8.4212208376335642</v>
      </c>
      <c r="M3737" s="58">
        <f>Bühler!M3763</f>
        <v>0</v>
      </c>
      <c r="N3737" s="56">
        <f>IF(Input!$D$19=1,J3737*Input!$C$19,0)+IF(Input!$D$20=1,K3737*Input!$C$20,0)+IF(Input!$D$21=1,L3737*Input!$C$21,0)+IF(Input!$D$22=1,M3737*Input!$C$22,0)</f>
        <v>0.35088420156806516</v>
      </c>
      <c r="O3737" s="59">
        <f>IF(Input!$D$19=2,J3737*Input!$C$19,0)+IF(Input!$D$20=2,K3737*Input!$C$20,0)+IF(Input!$D$21=2,L3737*Input!$C$21,0)+IF(Input!$D$22=2,M3737*Input!$C$22,0)</f>
        <v>0.87721050392016298</v>
      </c>
      <c r="P3737" s="59">
        <f>IF(Input!$D$19=3,J3737*Input!$C$19,0)+IF(Input!$D$20=3,K3737*Input!$C$20,0)+IF(Input!$D$21=3,L3737*Input!$C$21,0)+IF(Input!$D$22=3,M3737*Input!$C$22,0)</f>
        <v>0</v>
      </c>
      <c r="Q3737" s="75">
        <f>IF(Input!$D$19=4,J3737*Input!$C$19,0)+IF(Input!$D$20=4,K3737*Input!$C$20,0)+IF(Input!$D$21=4,L3737*Input!$C$21,0)+IF(Input!$D$22=4,M3737*Input!$C$22,0)</f>
        <v>0</v>
      </c>
      <c r="R3737" s="58">
        <v>69.792453874180922</v>
      </c>
      <c r="S3737" s="124">
        <f t="shared" si="58"/>
        <v>1.5204982067949491</v>
      </c>
    </row>
    <row r="3738" spans="8:19" x14ac:dyDescent="0.3">
      <c r="H3738" s="44">
        <v>3731</v>
      </c>
      <c r="I3738" s="56">
        <f>Bühler!I3764</f>
        <v>0.36707885702505277</v>
      </c>
      <c r="J3738" s="59">
        <f>Bühler!J3764</f>
        <v>1.2235961900835095</v>
      </c>
      <c r="K3738" s="59">
        <f>Bühler!K3764</f>
        <v>1.8353942851252638</v>
      </c>
      <c r="L3738" s="59">
        <f>Bühler!L3764</f>
        <v>8.809892568601267</v>
      </c>
      <c r="M3738" s="58">
        <f>Bühler!M3764</f>
        <v>0</v>
      </c>
      <c r="N3738" s="56">
        <f>IF(Input!$D$19=1,J3738*Input!$C$19,0)+IF(Input!$D$20=1,K3738*Input!$C$20,0)+IF(Input!$D$21=1,L3738*Input!$C$21,0)+IF(Input!$D$22=1,M3738*Input!$C$22,0)</f>
        <v>0.36707885702505283</v>
      </c>
      <c r="O3738" s="59">
        <f>IF(Input!$D$19=2,J3738*Input!$C$19,0)+IF(Input!$D$20=2,K3738*Input!$C$20,0)+IF(Input!$D$21=2,L3738*Input!$C$21,0)+IF(Input!$D$22=2,M3738*Input!$C$22,0)</f>
        <v>0.91769714256263191</v>
      </c>
      <c r="P3738" s="59">
        <f>IF(Input!$D$19=3,J3738*Input!$C$19,0)+IF(Input!$D$20=3,K3738*Input!$C$20,0)+IF(Input!$D$21=3,L3738*Input!$C$21,0)+IF(Input!$D$22=3,M3738*Input!$C$22,0)</f>
        <v>0</v>
      </c>
      <c r="Q3738" s="75">
        <f>IF(Input!$D$19=4,J3738*Input!$C$19,0)+IF(Input!$D$20=4,K3738*Input!$C$20,0)+IF(Input!$D$21=4,L3738*Input!$C$21,0)+IF(Input!$D$22=4,M3738*Input!$C$22,0)</f>
        <v>0</v>
      </c>
      <c r="R3738" s="58">
        <v>70.705265627335493</v>
      </c>
      <c r="S3738" s="124">
        <f t="shared" si="58"/>
        <v>1.5906750471085622</v>
      </c>
    </row>
    <row r="3739" spans="8:19" x14ac:dyDescent="0.3">
      <c r="H3739" s="44">
        <v>3732</v>
      </c>
      <c r="I3739" s="56">
        <f>Bühler!I3765</f>
        <v>0.43185747885300324</v>
      </c>
      <c r="J3739" s="59">
        <f>Bühler!J3765</f>
        <v>1.439524929510011</v>
      </c>
      <c r="K3739" s="59">
        <f>Bühler!K3765</f>
        <v>2.1592873942650161</v>
      </c>
      <c r="L3739" s="59">
        <f>Bühler!L3765</f>
        <v>10.364579492472078</v>
      </c>
      <c r="M3739" s="58">
        <f>Bühler!M3765</f>
        <v>0</v>
      </c>
      <c r="N3739" s="56">
        <f>IF(Input!$D$19=1,J3739*Input!$C$19,0)+IF(Input!$D$20=1,K3739*Input!$C$20,0)+IF(Input!$D$21=1,L3739*Input!$C$21,0)+IF(Input!$D$22=1,M3739*Input!$C$22,0)</f>
        <v>0.4318574788530033</v>
      </c>
      <c r="O3739" s="59">
        <f>IF(Input!$D$19=2,J3739*Input!$C$19,0)+IF(Input!$D$20=2,K3739*Input!$C$20,0)+IF(Input!$D$21=2,L3739*Input!$C$21,0)+IF(Input!$D$22=2,M3739*Input!$C$22,0)</f>
        <v>1.0796436971325081</v>
      </c>
      <c r="P3739" s="59">
        <f>IF(Input!$D$19=3,J3739*Input!$C$19,0)+IF(Input!$D$20=3,K3739*Input!$C$20,0)+IF(Input!$D$21=3,L3739*Input!$C$21,0)+IF(Input!$D$22=3,M3739*Input!$C$22,0)</f>
        <v>0</v>
      </c>
      <c r="Q3739" s="75">
        <f>IF(Input!$D$19=4,J3739*Input!$C$19,0)+IF(Input!$D$20=4,K3739*Input!$C$20,0)+IF(Input!$D$21=4,L3739*Input!$C$21,0)+IF(Input!$D$22=4,M3739*Input!$C$22,0)</f>
        <v>0</v>
      </c>
      <c r="R3739" s="58">
        <v>71.974271553050471</v>
      </c>
      <c r="S3739" s="124">
        <f t="shared" si="58"/>
        <v>1.8713824083630142</v>
      </c>
    </row>
    <row r="3740" spans="8:19" x14ac:dyDescent="0.3">
      <c r="H3740" s="44">
        <v>3733</v>
      </c>
      <c r="I3740" s="56">
        <f>Bühler!I3766</f>
        <v>0.43185747885300324</v>
      </c>
      <c r="J3740" s="59">
        <f>Bühler!J3766</f>
        <v>1.439524929510011</v>
      </c>
      <c r="K3740" s="59">
        <f>Bühler!K3766</f>
        <v>2.1592873942650161</v>
      </c>
      <c r="L3740" s="59">
        <f>Bühler!L3766</f>
        <v>10.364579492472078</v>
      </c>
      <c r="M3740" s="58">
        <f>Bühler!M3766</f>
        <v>0</v>
      </c>
      <c r="N3740" s="56">
        <f>IF(Input!$D$19=1,J3740*Input!$C$19,0)+IF(Input!$D$20=1,K3740*Input!$C$20,0)+IF(Input!$D$21=1,L3740*Input!$C$21,0)+IF(Input!$D$22=1,M3740*Input!$C$22,0)</f>
        <v>0.4318574788530033</v>
      </c>
      <c r="O3740" s="59">
        <f>IF(Input!$D$19=2,J3740*Input!$C$19,0)+IF(Input!$D$20=2,K3740*Input!$C$20,0)+IF(Input!$D$21=2,L3740*Input!$C$21,0)+IF(Input!$D$22=2,M3740*Input!$C$22,0)</f>
        <v>1.0796436971325081</v>
      </c>
      <c r="P3740" s="59">
        <f>IF(Input!$D$19=3,J3740*Input!$C$19,0)+IF(Input!$D$20=3,K3740*Input!$C$20,0)+IF(Input!$D$21=3,L3740*Input!$C$21,0)+IF(Input!$D$22=3,M3740*Input!$C$22,0)</f>
        <v>0</v>
      </c>
      <c r="Q3740" s="75">
        <f>IF(Input!$D$19=4,J3740*Input!$C$19,0)+IF(Input!$D$20=4,K3740*Input!$C$20,0)+IF(Input!$D$21=4,L3740*Input!$C$21,0)+IF(Input!$D$22=4,M3740*Input!$C$22,0)</f>
        <v>0</v>
      </c>
      <c r="R3740" s="58">
        <v>71.098618209365227</v>
      </c>
      <c r="S3740" s="124">
        <f t="shared" si="58"/>
        <v>1.8713824083630142</v>
      </c>
    </row>
    <row r="3741" spans="8:19" x14ac:dyDescent="0.3">
      <c r="H3741" s="44">
        <v>3734</v>
      </c>
      <c r="I3741" s="56">
        <f>Bühler!I3767</f>
        <v>0.43185747885300324</v>
      </c>
      <c r="J3741" s="59">
        <f>Bühler!J3767</f>
        <v>1.439524929510011</v>
      </c>
      <c r="K3741" s="59">
        <f>Bühler!K3767</f>
        <v>2.1592873942650161</v>
      </c>
      <c r="L3741" s="59">
        <f>Bühler!L3767</f>
        <v>10.364579492472078</v>
      </c>
      <c r="M3741" s="58">
        <f>Bühler!M3767</f>
        <v>0</v>
      </c>
      <c r="N3741" s="56">
        <f>IF(Input!$D$19=1,J3741*Input!$C$19,0)+IF(Input!$D$20=1,K3741*Input!$C$20,0)+IF(Input!$D$21=1,L3741*Input!$C$21,0)+IF(Input!$D$22=1,M3741*Input!$C$22,0)</f>
        <v>0.4318574788530033</v>
      </c>
      <c r="O3741" s="59">
        <f>IF(Input!$D$19=2,J3741*Input!$C$19,0)+IF(Input!$D$20=2,K3741*Input!$C$20,0)+IF(Input!$D$21=2,L3741*Input!$C$21,0)+IF(Input!$D$22=2,M3741*Input!$C$22,0)</f>
        <v>1.0796436971325081</v>
      </c>
      <c r="P3741" s="59">
        <f>IF(Input!$D$19=3,J3741*Input!$C$19,0)+IF(Input!$D$20=3,K3741*Input!$C$20,0)+IF(Input!$D$21=3,L3741*Input!$C$21,0)+IF(Input!$D$22=3,M3741*Input!$C$22,0)</f>
        <v>0</v>
      </c>
      <c r="Q3741" s="75">
        <f>IF(Input!$D$19=4,J3741*Input!$C$19,0)+IF(Input!$D$20=4,K3741*Input!$C$20,0)+IF(Input!$D$21=4,L3741*Input!$C$21,0)+IF(Input!$D$22=4,M3741*Input!$C$22,0)</f>
        <v>0</v>
      </c>
      <c r="R3741" s="58">
        <v>70.052684384889986</v>
      </c>
      <c r="S3741" s="124">
        <f t="shared" si="58"/>
        <v>1.8713824083630142</v>
      </c>
    </row>
    <row r="3742" spans="8:19" x14ac:dyDescent="0.3">
      <c r="H3742" s="44">
        <v>3735</v>
      </c>
      <c r="I3742" s="56">
        <f>Bühler!I3768</f>
        <v>0.43185747885300324</v>
      </c>
      <c r="J3742" s="59">
        <f>Bühler!J3768</f>
        <v>1.439524929510011</v>
      </c>
      <c r="K3742" s="59">
        <f>Bühler!K3768</f>
        <v>2.1592873942650161</v>
      </c>
      <c r="L3742" s="59">
        <f>Bühler!L3768</f>
        <v>10.364579492472078</v>
      </c>
      <c r="M3742" s="58">
        <f>Bühler!M3768</f>
        <v>0</v>
      </c>
      <c r="N3742" s="56">
        <f>IF(Input!$D$19=1,J3742*Input!$C$19,0)+IF(Input!$D$20=1,K3742*Input!$C$20,0)+IF(Input!$D$21=1,L3742*Input!$C$21,0)+IF(Input!$D$22=1,M3742*Input!$C$22,0)</f>
        <v>0.4318574788530033</v>
      </c>
      <c r="O3742" s="59">
        <f>IF(Input!$D$19=2,J3742*Input!$C$19,0)+IF(Input!$D$20=2,K3742*Input!$C$20,0)+IF(Input!$D$21=2,L3742*Input!$C$21,0)+IF(Input!$D$22=2,M3742*Input!$C$22,0)</f>
        <v>1.0796436971325081</v>
      </c>
      <c r="P3742" s="59">
        <f>IF(Input!$D$19=3,J3742*Input!$C$19,0)+IF(Input!$D$20=3,K3742*Input!$C$20,0)+IF(Input!$D$21=3,L3742*Input!$C$21,0)+IF(Input!$D$22=3,M3742*Input!$C$22,0)</f>
        <v>0</v>
      </c>
      <c r="Q3742" s="75">
        <f>IF(Input!$D$19=4,J3742*Input!$C$19,0)+IF(Input!$D$20=4,K3742*Input!$C$20,0)+IF(Input!$D$21=4,L3742*Input!$C$21,0)+IF(Input!$D$22=4,M3742*Input!$C$22,0)</f>
        <v>0</v>
      </c>
      <c r="R3742" s="58">
        <v>70.184270543354785</v>
      </c>
      <c r="S3742" s="124">
        <f t="shared" si="58"/>
        <v>1.8713824083630142</v>
      </c>
    </row>
    <row r="3743" spans="8:19" x14ac:dyDescent="0.3">
      <c r="H3743" s="44">
        <v>3736</v>
      </c>
      <c r="I3743" s="56">
        <f>Bühler!I3769</f>
        <v>0.43185747885300324</v>
      </c>
      <c r="J3743" s="59">
        <f>Bühler!J3769</f>
        <v>1.439524929510011</v>
      </c>
      <c r="K3743" s="59">
        <f>Bühler!K3769</f>
        <v>2.1592873942650161</v>
      </c>
      <c r="L3743" s="59">
        <f>Bühler!L3769</f>
        <v>10.364579492472078</v>
      </c>
      <c r="M3743" s="58">
        <f>Bühler!M3769</f>
        <v>0</v>
      </c>
      <c r="N3743" s="56">
        <f>IF(Input!$D$19=1,J3743*Input!$C$19,0)+IF(Input!$D$20=1,K3743*Input!$C$20,0)+IF(Input!$D$21=1,L3743*Input!$C$21,0)+IF(Input!$D$22=1,M3743*Input!$C$22,0)</f>
        <v>0.4318574788530033</v>
      </c>
      <c r="O3743" s="59">
        <f>IF(Input!$D$19=2,J3743*Input!$C$19,0)+IF(Input!$D$20=2,K3743*Input!$C$20,0)+IF(Input!$D$21=2,L3743*Input!$C$21,0)+IF(Input!$D$22=2,M3743*Input!$C$22,0)</f>
        <v>1.0796436971325081</v>
      </c>
      <c r="P3743" s="59">
        <f>IF(Input!$D$19=3,J3743*Input!$C$19,0)+IF(Input!$D$20=3,K3743*Input!$C$20,0)+IF(Input!$D$21=3,L3743*Input!$C$21,0)+IF(Input!$D$22=3,M3743*Input!$C$22,0)</f>
        <v>0</v>
      </c>
      <c r="Q3743" s="75">
        <f>IF(Input!$D$19=4,J3743*Input!$C$19,0)+IF(Input!$D$20=4,K3743*Input!$C$20,0)+IF(Input!$D$21=4,L3743*Input!$C$21,0)+IF(Input!$D$22=4,M3743*Input!$C$22,0)</f>
        <v>0</v>
      </c>
      <c r="R3743" s="58">
        <v>69.959548593035777</v>
      </c>
      <c r="S3743" s="124">
        <f t="shared" si="58"/>
        <v>1.8713824083630142</v>
      </c>
    </row>
    <row r="3744" spans="8:19" x14ac:dyDescent="0.3">
      <c r="H3744" s="44">
        <v>3737</v>
      </c>
      <c r="I3744" s="56">
        <f>Bühler!I3770</f>
        <v>0.43185747885300324</v>
      </c>
      <c r="J3744" s="59">
        <f>Bühler!J3770</f>
        <v>1.439524929510011</v>
      </c>
      <c r="K3744" s="59">
        <f>Bühler!K3770</f>
        <v>2.1592873942650161</v>
      </c>
      <c r="L3744" s="59">
        <f>Bühler!L3770</f>
        <v>10.364579492472078</v>
      </c>
      <c r="M3744" s="58">
        <f>Bühler!M3770</f>
        <v>0</v>
      </c>
      <c r="N3744" s="56">
        <f>IF(Input!$D$19=1,J3744*Input!$C$19,0)+IF(Input!$D$20=1,K3744*Input!$C$20,0)+IF(Input!$D$21=1,L3744*Input!$C$21,0)+IF(Input!$D$22=1,M3744*Input!$C$22,0)</f>
        <v>0.4318574788530033</v>
      </c>
      <c r="O3744" s="59">
        <f>IF(Input!$D$19=2,J3744*Input!$C$19,0)+IF(Input!$D$20=2,K3744*Input!$C$20,0)+IF(Input!$D$21=2,L3744*Input!$C$21,0)+IF(Input!$D$22=2,M3744*Input!$C$22,0)</f>
        <v>1.0796436971325081</v>
      </c>
      <c r="P3744" s="59">
        <f>IF(Input!$D$19=3,J3744*Input!$C$19,0)+IF(Input!$D$20=3,K3744*Input!$C$20,0)+IF(Input!$D$21=3,L3744*Input!$C$21,0)+IF(Input!$D$22=3,M3744*Input!$C$22,0)</f>
        <v>0</v>
      </c>
      <c r="Q3744" s="75">
        <f>IF(Input!$D$19=4,J3744*Input!$C$19,0)+IF(Input!$D$20=4,K3744*Input!$C$20,0)+IF(Input!$D$21=4,L3744*Input!$C$21,0)+IF(Input!$D$22=4,M3744*Input!$C$22,0)</f>
        <v>0</v>
      </c>
      <c r="R3744" s="58">
        <v>69.130152865696729</v>
      </c>
      <c r="S3744" s="124">
        <f t="shared" si="58"/>
        <v>1.8713824083630142</v>
      </c>
    </row>
    <row r="3745" spans="8:19" x14ac:dyDescent="0.3">
      <c r="H3745" s="44">
        <v>3738</v>
      </c>
      <c r="I3745" s="56">
        <f>Bühler!I3771</f>
        <v>0.43185747885300324</v>
      </c>
      <c r="J3745" s="59">
        <f>Bühler!J3771</f>
        <v>1.439524929510011</v>
      </c>
      <c r="K3745" s="59">
        <f>Bühler!K3771</f>
        <v>2.1592873942650161</v>
      </c>
      <c r="L3745" s="59">
        <f>Bühler!L3771</f>
        <v>10.364579492472078</v>
      </c>
      <c r="M3745" s="58">
        <f>Bühler!M3771</f>
        <v>0</v>
      </c>
      <c r="N3745" s="56">
        <f>IF(Input!$D$19=1,J3745*Input!$C$19,0)+IF(Input!$D$20=1,K3745*Input!$C$20,0)+IF(Input!$D$21=1,L3745*Input!$C$21,0)+IF(Input!$D$22=1,M3745*Input!$C$22,0)</f>
        <v>0.4318574788530033</v>
      </c>
      <c r="O3745" s="59">
        <f>IF(Input!$D$19=2,J3745*Input!$C$19,0)+IF(Input!$D$20=2,K3745*Input!$C$20,0)+IF(Input!$D$21=2,L3745*Input!$C$21,0)+IF(Input!$D$22=2,M3745*Input!$C$22,0)</f>
        <v>1.0796436971325081</v>
      </c>
      <c r="P3745" s="59">
        <f>IF(Input!$D$19=3,J3745*Input!$C$19,0)+IF(Input!$D$20=3,K3745*Input!$C$20,0)+IF(Input!$D$21=3,L3745*Input!$C$21,0)+IF(Input!$D$22=3,M3745*Input!$C$22,0)</f>
        <v>0</v>
      </c>
      <c r="Q3745" s="75">
        <f>IF(Input!$D$19=4,J3745*Input!$C$19,0)+IF(Input!$D$20=4,K3745*Input!$C$20,0)+IF(Input!$D$21=4,L3745*Input!$C$21,0)+IF(Input!$D$22=4,M3745*Input!$C$22,0)</f>
        <v>0</v>
      </c>
      <c r="R3745" s="58">
        <v>67.362938708400932</v>
      </c>
      <c r="S3745" s="124">
        <f t="shared" si="58"/>
        <v>1.8713824083630142</v>
      </c>
    </row>
    <row r="3746" spans="8:19" x14ac:dyDescent="0.3">
      <c r="H3746" s="44">
        <v>3739</v>
      </c>
      <c r="I3746" s="56">
        <f>Bühler!I3772</f>
        <v>0.43185747885300324</v>
      </c>
      <c r="J3746" s="59">
        <f>Bühler!J3772</f>
        <v>1.439524929510011</v>
      </c>
      <c r="K3746" s="59">
        <f>Bühler!K3772</f>
        <v>2.1592873942650161</v>
      </c>
      <c r="L3746" s="59">
        <f>Bühler!L3772</f>
        <v>10.364579492472078</v>
      </c>
      <c r="M3746" s="58">
        <f>Bühler!M3772</f>
        <v>0</v>
      </c>
      <c r="N3746" s="56">
        <f>IF(Input!$D$19=1,J3746*Input!$C$19,0)+IF(Input!$D$20=1,K3746*Input!$C$20,0)+IF(Input!$D$21=1,L3746*Input!$C$21,0)+IF(Input!$D$22=1,M3746*Input!$C$22,0)</f>
        <v>0.4318574788530033</v>
      </c>
      <c r="O3746" s="59">
        <f>IF(Input!$D$19=2,J3746*Input!$C$19,0)+IF(Input!$D$20=2,K3746*Input!$C$20,0)+IF(Input!$D$21=2,L3746*Input!$C$21,0)+IF(Input!$D$22=2,M3746*Input!$C$22,0)</f>
        <v>1.0796436971325081</v>
      </c>
      <c r="P3746" s="59">
        <f>IF(Input!$D$19=3,J3746*Input!$C$19,0)+IF(Input!$D$20=3,K3746*Input!$C$20,0)+IF(Input!$D$21=3,L3746*Input!$C$21,0)+IF(Input!$D$22=3,M3746*Input!$C$22,0)</f>
        <v>0</v>
      </c>
      <c r="Q3746" s="75">
        <f>IF(Input!$D$19=4,J3746*Input!$C$19,0)+IF(Input!$D$20=4,K3746*Input!$C$20,0)+IF(Input!$D$21=4,L3746*Input!$C$21,0)+IF(Input!$D$22=4,M3746*Input!$C$22,0)</f>
        <v>0</v>
      </c>
      <c r="R3746" s="58">
        <v>66.552562445641243</v>
      </c>
      <c r="S3746" s="124">
        <f t="shared" si="58"/>
        <v>1.8713824083630142</v>
      </c>
    </row>
    <row r="3747" spans="8:19" x14ac:dyDescent="0.3">
      <c r="H3747" s="44">
        <v>3740</v>
      </c>
      <c r="I3747" s="56">
        <f>Bühler!I3773</f>
        <v>0.36168063853939031</v>
      </c>
      <c r="J3747" s="59">
        <f>Bühler!J3773</f>
        <v>1.2056021284646343</v>
      </c>
      <c r="K3747" s="59">
        <f>Bühler!K3773</f>
        <v>1.8084031926969515</v>
      </c>
      <c r="L3747" s="59">
        <f>Bühler!L3773</f>
        <v>8.6803353249453661</v>
      </c>
      <c r="M3747" s="58">
        <f>Bühler!M3773</f>
        <v>0</v>
      </c>
      <c r="N3747" s="56">
        <f>IF(Input!$D$19=1,J3747*Input!$C$19,0)+IF(Input!$D$20=1,K3747*Input!$C$20,0)+IF(Input!$D$21=1,L3747*Input!$C$21,0)+IF(Input!$D$22=1,M3747*Input!$C$22,0)</f>
        <v>0.36168063853939031</v>
      </c>
      <c r="O3747" s="59">
        <f>IF(Input!$D$19=2,J3747*Input!$C$19,0)+IF(Input!$D$20=2,K3747*Input!$C$20,0)+IF(Input!$D$21=2,L3747*Input!$C$21,0)+IF(Input!$D$22=2,M3747*Input!$C$22,0)</f>
        <v>0.90420159634847574</v>
      </c>
      <c r="P3747" s="59">
        <f>IF(Input!$D$19=3,J3747*Input!$C$19,0)+IF(Input!$D$20=3,K3747*Input!$C$20,0)+IF(Input!$D$21=3,L3747*Input!$C$21,0)+IF(Input!$D$22=3,M3747*Input!$C$22,0)</f>
        <v>0</v>
      </c>
      <c r="Q3747" s="75">
        <f>IF(Input!$D$19=4,J3747*Input!$C$19,0)+IF(Input!$D$20=4,K3747*Input!$C$20,0)+IF(Input!$D$21=4,L3747*Input!$C$21,0)+IF(Input!$D$22=4,M3747*Input!$C$22,0)</f>
        <v>0</v>
      </c>
      <c r="R3747" s="58">
        <v>65.434899600030647</v>
      </c>
      <c r="S3747" s="124">
        <f t="shared" si="58"/>
        <v>1.5672827670040246</v>
      </c>
    </row>
    <row r="3748" spans="8:19" x14ac:dyDescent="0.3">
      <c r="H3748" s="44">
        <v>3741</v>
      </c>
      <c r="I3748" s="56">
        <f>Bühler!I3774</f>
        <v>0.29690201671143973</v>
      </c>
      <c r="J3748" s="59">
        <f>Bühler!J3774</f>
        <v>0.98967338903813262</v>
      </c>
      <c r="K3748" s="59">
        <f>Bühler!K3774</f>
        <v>1.4845100835571987</v>
      </c>
      <c r="L3748" s="59">
        <f>Bühler!L3774</f>
        <v>7.125648401074554</v>
      </c>
      <c r="M3748" s="58">
        <f>Bühler!M3774</f>
        <v>0</v>
      </c>
      <c r="N3748" s="56">
        <f>IF(Input!$D$19=1,J3748*Input!$C$19,0)+IF(Input!$D$20=1,K3748*Input!$C$20,0)+IF(Input!$D$21=1,L3748*Input!$C$21,0)+IF(Input!$D$22=1,M3748*Input!$C$22,0)</f>
        <v>0.29690201671143979</v>
      </c>
      <c r="O3748" s="59">
        <f>IF(Input!$D$19=2,J3748*Input!$C$19,0)+IF(Input!$D$20=2,K3748*Input!$C$20,0)+IF(Input!$D$21=2,L3748*Input!$C$21,0)+IF(Input!$D$22=2,M3748*Input!$C$22,0)</f>
        <v>0.74225504177859936</v>
      </c>
      <c r="P3748" s="59">
        <f>IF(Input!$D$19=3,J3748*Input!$C$19,0)+IF(Input!$D$20=3,K3748*Input!$C$20,0)+IF(Input!$D$21=3,L3748*Input!$C$21,0)+IF(Input!$D$22=3,M3748*Input!$C$22,0)</f>
        <v>0</v>
      </c>
      <c r="Q3748" s="75">
        <f>IF(Input!$D$19=4,J3748*Input!$C$19,0)+IF(Input!$D$20=4,K3748*Input!$C$20,0)+IF(Input!$D$21=4,L3748*Input!$C$21,0)+IF(Input!$D$22=4,M3748*Input!$C$22,0)</f>
        <v>0</v>
      </c>
      <c r="R3748" s="58">
        <v>63.367940402265717</v>
      </c>
      <c r="S3748" s="124">
        <f t="shared" si="58"/>
        <v>1.2865754057495724</v>
      </c>
    </row>
    <row r="3749" spans="8:19" x14ac:dyDescent="0.3">
      <c r="H3749" s="44">
        <v>3742</v>
      </c>
      <c r="I3749" s="56">
        <f>Bühler!I3775</f>
        <v>0.21592873942650162</v>
      </c>
      <c r="J3749" s="59">
        <f>Bühler!J3775</f>
        <v>0.71976246475500549</v>
      </c>
      <c r="K3749" s="59">
        <f>Bühler!K3775</f>
        <v>1.0796436971325081</v>
      </c>
      <c r="L3749" s="59">
        <f>Bühler!L3775</f>
        <v>5.1822897462360391</v>
      </c>
      <c r="M3749" s="58">
        <f>Bühler!M3775</f>
        <v>0</v>
      </c>
      <c r="N3749" s="56">
        <f>IF(Input!$D$19=1,J3749*Input!$C$19,0)+IF(Input!$D$20=1,K3749*Input!$C$20,0)+IF(Input!$D$21=1,L3749*Input!$C$21,0)+IF(Input!$D$22=1,M3749*Input!$C$22,0)</f>
        <v>0.21592873942650165</v>
      </c>
      <c r="O3749" s="59">
        <f>IF(Input!$D$19=2,J3749*Input!$C$19,0)+IF(Input!$D$20=2,K3749*Input!$C$20,0)+IF(Input!$D$21=2,L3749*Input!$C$21,0)+IF(Input!$D$22=2,M3749*Input!$C$22,0)</f>
        <v>0.53982184856625404</v>
      </c>
      <c r="P3749" s="59">
        <f>IF(Input!$D$19=3,J3749*Input!$C$19,0)+IF(Input!$D$20=3,K3749*Input!$C$20,0)+IF(Input!$D$21=3,L3749*Input!$C$21,0)+IF(Input!$D$22=3,M3749*Input!$C$22,0)</f>
        <v>0</v>
      </c>
      <c r="Q3749" s="75">
        <f>IF(Input!$D$19=4,J3749*Input!$C$19,0)+IF(Input!$D$20=4,K3749*Input!$C$20,0)+IF(Input!$D$21=4,L3749*Input!$C$21,0)+IF(Input!$D$22=4,M3749*Input!$C$22,0)</f>
        <v>0</v>
      </c>
      <c r="R3749" s="58">
        <v>61.340264076362061</v>
      </c>
      <c r="S3749" s="124">
        <f t="shared" si="58"/>
        <v>0.93569120418150709</v>
      </c>
    </row>
    <row r="3750" spans="8:19" x14ac:dyDescent="0.3">
      <c r="H3750" s="44">
        <v>3743</v>
      </c>
      <c r="I3750" s="56">
        <f>Bühler!I3776</f>
        <v>0.21592873942650162</v>
      </c>
      <c r="J3750" s="59">
        <f>Bühler!J3776</f>
        <v>0.71976246475500549</v>
      </c>
      <c r="K3750" s="59">
        <f>Bühler!K3776</f>
        <v>1.0796436971325081</v>
      </c>
      <c r="L3750" s="59">
        <f>Bühler!L3776</f>
        <v>5.1822897462360391</v>
      </c>
      <c r="M3750" s="58">
        <f>Bühler!M3776</f>
        <v>0</v>
      </c>
      <c r="N3750" s="56">
        <f>IF(Input!$D$19=1,J3750*Input!$C$19,0)+IF(Input!$D$20=1,K3750*Input!$C$20,0)+IF(Input!$D$21=1,L3750*Input!$C$21,0)+IF(Input!$D$22=1,M3750*Input!$C$22,0)</f>
        <v>0.21592873942650165</v>
      </c>
      <c r="O3750" s="59">
        <f>IF(Input!$D$19=2,J3750*Input!$C$19,0)+IF(Input!$D$20=2,K3750*Input!$C$20,0)+IF(Input!$D$21=2,L3750*Input!$C$21,0)+IF(Input!$D$22=2,M3750*Input!$C$22,0)</f>
        <v>0.53982184856625404</v>
      </c>
      <c r="P3750" s="59">
        <f>IF(Input!$D$19=3,J3750*Input!$C$19,0)+IF(Input!$D$20=3,K3750*Input!$C$20,0)+IF(Input!$D$21=3,L3750*Input!$C$21,0)+IF(Input!$D$22=3,M3750*Input!$C$22,0)</f>
        <v>0</v>
      </c>
      <c r="Q3750" s="75">
        <f>IF(Input!$D$19=4,J3750*Input!$C$19,0)+IF(Input!$D$20=4,K3750*Input!$C$20,0)+IF(Input!$D$21=4,L3750*Input!$C$21,0)+IF(Input!$D$22=4,M3750*Input!$C$22,0)</f>
        <v>0</v>
      </c>
      <c r="R3750" s="58">
        <v>61.220809683775755</v>
      </c>
      <c r="S3750" s="124">
        <f t="shared" si="58"/>
        <v>0.93569120418150709</v>
      </c>
    </row>
    <row r="3751" spans="8:19" x14ac:dyDescent="0.3">
      <c r="H3751" s="44">
        <v>3744</v>
      </c>
      <c r="I3751" s="56">
        <f>Bühler!I3777</f>
        <v>0.21592873942650162</v>
      </c>
      <c r="J3751" s="59">
        <f>Bühler!J3777</f>
        <v>0.71976246475500549</v>
      </c>
      <c r="K3751" s="59">
        <f>Bühler!K3777</f>
        <v>1.0796436971325081</v>
      </c>
      <c r="L3751" s="59">
        <f>Bühler!L3777</f>
        <v>5.1822897462360391</v>
      </c>
      <c r="M3751" s="58">
        <f>Bühler!M3777</f>
        <v>0</v>
      </c>
      <c r="N3751" s="56">
        <f>IF(Input!$D$19=1,J3751*Input!$C$19,0)+IF(Input!$D$20=1,K3751*Input!$C$20,0)+IF(Input!$D$21=1,L3751*Input!$C$21,0)+IF(Input!$D$22=1,M3751*Input!$C$22,0)</f>
        <v>0.21592873942650165</v>
      </c>
      <c r="O3751" s="59">
        <f>IF(Input!$D$19=2,J3751*Input!$C$19,0)+IF(Input!$D$20=2,K3751*Input!$C$20,0)+IF(Input!$D$21=2,L3751*Input!$C$21,0)+IF(Input!$D$22=2,M3751*Input!$C$22,0)</f>
        <v>0.53982184856625404</v>
      </c>
      <c r="P3751" s="59">
        <f>IF(Input!$D$19=3,J3751*Input!$C$19,0)+IF(Input!$D$20=3,K3751*Input!$C$20,0)+IF(Input!$D$21=3,L3751*Input!$C$21,0)+IF(Input!$D$22=3,M3751*Input!$C$22,0)</f>
        <v>0</v>
      </c>
      <c r="Q3751" s="75">
        <f>IF(Input!$D$19=4,J3751*Input!$C$19,0)+IF(Input!$D$20=4,K3751*Input!$C$20,0)+IF(Input!$D$21=4,L3751*Input!$C$21,0)+IF(Input!$D$22=4,M3751*Input!$C$22,0)</f>
        <v>0</v>
      </c>
      <c r="R3751" s="58">
        <v>61.116332089088786</v>
      </c>
      <c r="S3751" s="124">
        <f t="shared" si="58"/>
        <v>0.93569120418150709</v>
      </c>
    </row>
    <row r="3752" spans="8:19" x14ac:dyDescent="0.3">
      <c r="H3752" s="44">
        <v>3745</v>
      </c>
      <c r="I3752" s="56">
        <f>Bühler!I3778</f>
        <v>0.19341167647655691</v>
      </c>
      <c r="J3752" s="59">
        <f>Bühler!J3778</f>
        <v>0.64470558825518975</v>
      </c>
      <c r="K3752" s="59">
        <f>Bühler!K3778</f>
        <v>0.96705838238278452</v>
      </c>
      <c r="L3752" s="59">
        <f>Bühler!L3778</f>
        <v>4.6418802354373661</v>
      </c>
      <c r="M3752" s="58">
        <f>Bühler!M3778</f>
        <v>0</v>
      </c>
      <c r="N3752" s="56">
        <f>IF(Input!$D$19=1,J3752*Input!$C$19,0)+IF(Input!$D$20=1,K3752*Input!$C$20,0)+IF(Input!$D$21=1,L3752*Input!$C$21,0)+IF(Input!$D$22=1,M3752*Input!$C$22,0)</f>
        <v>0.19341167647655691</v>
      </c>
      <c r="O3752" s="59">
        <f>IF(Input!$D$19=2,J3752*Input!$C$19,0)+IF(Input!$D$20=2,K3752*Input!$C$20,0)+IF(Input!$D$21=2,L3752*Input!$C$21,0)+IF(Input!$D$22=2,M3752*Input!$C$22,0)</f>
        <v>0.48352919119139226</v>
      </c>
      <c r="P3752" s="59">
        <f>IF(Input!$D$19=3,J3752*Input!$C$19,0)+IF(Input!$D$20=3,K3752*Input!$C$20,0)+IF(Input!$D$21=3,L3752*Input!$C$21,0)+IF(Input!$D$22=3,M3752*Input!$C$22,0)</f>
        <v>0</v>
      </c>
      <c r="Q3752" s="75">
        <f>IF(Input!$D$19=4,J3752*Input!$C$19,0)+IF(Input!$D$20=4,K3752*Input!$C$20,0)+IF(Input!$D$21=4,L3752*Input!$C$21,0)+IF(Input!$D$22=4,M3752*Input!$C$22,0)</f>
        <v>0</v>
      </c>
      <c r="R3752" s="58">
        <v>60.43364436173097</v>
      </c>
      <c r="S3752" s="124">
        <f t="shared" si="58"/>
        <v>0.83811726473174664</v>
      </c>
    </row>
    <row r="3753" spans="8:19" x14ac:dyDescent="0.3">
      <c r="H3753" s="44">
        <v>3746</v>
      </c>
      <c r="I3753" s="56">
        <f>Bühler!I3779</f>
        <v>0.21758813603612651</v>
      </c>
      <c r="J3753" s="59">
        <f>Bühler!J3779</f>
        <v>0.72529378678708845</v>
      </c>
      <c r="K3753" s="59">
        <f>Bühler!K3779</f>
        <v>1.0879406801806326</v>
      </c>
      <c r="L3753" s="59">
        <f>Bühler!L3779</f>
        <v>5.2221152648670364</v>
      </c>
      <c r="M3753" s="58">
        <f>Bühler!M3779</f>
        <v>0</v>
      </c>
      <c r="N3753" s="56">
        <f>IF(Input!$D$19=1,J3753*Input!$C$19,0)+IF(Input!$D$20=1,K3753*Input!$C$20,0)+IF(Input!$D$21=1,L3753*Input!$C$21,0)+IF(Input!$D$22=1,M3753*Input!$C$22,0)</f>
        <v>0.21758813603612653</v>
      </c>
      <c r="O3753" s="59">
        <f>IF(Input!$D$19=2,J3753*Input!$C$19,0)+IF(Input!$D$20=2,K3753*Input!$C$20,0)+IF(Input!$D$21=2,L3753*Input!$C$21,0)+IF(Input!$D$22=2,M3753*Input!$C$22,0)</f>
        <v>0.54397034009031631</v>
      </c>
      <c r="P3753" s="59">
        <f>IF(Input!$D$19=3,J3753*Input!$C$19,0)+IF(Input!$D$20=3,K3753*Input!$C$20,0)+IF(Input!$D$21=3,L3753*Input!$C$21,0)+IF(Input!$D$22=3,M3753*Input!$C$22,0)</f>
        <v>0</v>
      </c>
      <c r="Q3753" s="75">
        <f>IF(Input!$D$19=4,J3753*Input!$C$19,0)+IF(Input!$D$20=4,K3753*Input!$C$20,0)+IF(Input!$D$21=4,L3753*Input!$C$21,0)+IF(Input!$D$22=4,M3753*Input!$C$22,0)</f>
        <v>0</v>
      </c>
      <c r="R3753" s="58">
        <v>59.380094129223266</v>
      </c>
      <c r="S3753" s="124">
        <f t="shared" si="58"/>
        <v>0.94288192282321492</v>
      </c>
    </row>
    <row r="3754" spans="8:19" x14ac:dyDescent="0.3">
      <c r="H3754" s="44">
        <v>3747</v>
      </c>
      <c r="I3754" s="56">
        <f>Bühler!I3780</f>
        <v>0.21758813603612651</v>
      </c>
      <c r="J3754" s="59">
        <f>Bühler!J3780</f>
        <v>0.72529378678708845</v>
      </c>
      <c r="K3754" s="59">
        <f>Bühler!K3780</f>
        <v>1.0879406801806326</v>
      </c>
      <c r="L3754" s="59">
        <f>Bühler!L3780</f>
        <v>5.2221152648670364</v>
      </c>
      <c r="M3754" s="58">
        <f>Bühler!M3780</f>
        <v>0</v>
      </c>
      <c r="N3754" s="56">
        <f>IF(Input!$D$19=1,J3754*Input!$C$19,0)+IF(Input!$D$20=1,K3754*Input!$C$20,0)+IF(Input!$D$21=1,L3754*Input!$C$21,0)+IF(Input!$D$22=1,M3754*Input!$C$22,0)</f>
        <v>0.21758813603612653</v>
      </c>
      <c r="O3754" s="59">
        <f>IF(Input!$D$19=2,J3754*Input!$C$19,0)+IF(Input!$D$20=2,K3754*Input!$C$20,0)+IF(Input!$D$21=2,L3754*Input!$C$21,0)+IF(Input!$D$22=2,M3754*Input!$C$22,0)</f>
        <v>0.54397034009031631</v>
      </c>
      <c r="P3754" s="59">
        <f>IF(Input!$D$19=3,J3754*Input!$C$19,0)+IF(Input!$D$20=3,K3754*Input!$C$20,0)+IF(Input!$D$21=3,L3754*Input!$C$21,0)+IF(Input!$D$22=3,M3754*Input!$C$22,0)</f>
        <v>0</v>
      </c>
      <c r="Q3754" s="75">
        <f>IF(Input!$D$19=4,J3754*Input!$C$19,0)+IF(Input!$D$20=4,K3754*Input!$C$20,0)+IF(Input!$D$21=4,L3754*Input!$C$21,0)+IF(Input!$D$22=4,M3754*Input!$C$22,0)</f>
        <v>0</v>
      </c>
      <c r="R3754" s="58">
        <v>59.465981270694925</v>
      </c>
      <c r="S3754" s="124">
        <f t="shared" si="58"/>
        <v>0.94288192282321492</v>
      </c>
    </row>
    <row r="3755" spans="8:19" x14ac:dyDescent="0.3">
      <c r="H3755" s="44">
        <v>3748</v>
      </c>
      <c r="I3755" s="56">
        <f>Bühler!I3781</f>
        <v>0.21758813603612651</v>
      </c>
      <c r="J3755" s="59">
        <f>Bühler!J3781</f>
        <v>0.72529378678708845</v>
      </c>
      <c r="K3755" s="59">
        <f>Bühler!K3781</f>
        <v>1.0879406801806326</v>
      </c>
      <c r="L3755" s="59">
        <f>Bühler!L3781</f>
        <v>5.2221152648670364</v>
      </c>
      <c r="M3755" s="58">
        <f>Bühler!M3781</f>
        <v>0</v>
      </c>
      <c r="N3755" s="56">
        <f>IF(Input!$D$19=1,J3755*Input!$C$19,0)+IF(Input!$D$20=1,K3755*Input!$C$20,0)+IF(Input!$D$21=1,L3755*Input!$C$21,0)+IF(Input!$D$22=1,M3755*Input!$C$22,0)</f>
        <v>0.21758813603612653</v>
      </c>
      <c r="O3755" s="59">
        <f>IF(Input!$D$19=2,J3755*Input!$C$19,0)+IF(Input!$D$20=2,K3755*Input!$C$20,0)+IF(Input!$D$21=2,L3755*Input!$C$21,0)+IF(Input!$D$22=2,M3755*Input!$C$22,0)</f>
        <v>0.54397034009031631</v>
      </c>
      <c r="P3755" s="59">
        <f>IF(Input!$D$19=3,J3755*Input!$C$19,0)+IF(Input!$D$20=3,K3755*Input!$C$20,0)+IF(Input!$D$21=3,L3755*Input!$C$21,0)+IF(Input!$D$22=3,M3755*Input!$C$22,0)</f>
        <v>0</v>
      </c>
      <c r="Q3755" s="75">
        <f>IF(Input!$D$19=4,J3755*Input!$C$19,0)+IF(Input!$D$20=4,K3755*Input!$C$20,0)+IF(Input!$D$21=4,L3755*Input!$C$21,0)+IF(Input!$D$22=4,M3755*Input!$C$22,0)</f>
        <v>0</v>
      </c>
      <c r="R3755" s="58">
        <v>59.847315689635948</v>
      </c>
      <c r="S3755" s="124">
        <f t="shared" si="58"/>
        <v>0.94288192282321492</v>
      </c>
    </row>
    <row r="3756" spans="8:19" x14ac:dyDescent="0.3">
      <c r="H3756" s="44">
        <v>3749</v>
      </c>
      <c r="I3756" s="56">
        <f>Bühler!I3782</f>
        <v>0.21758813603612651</v>
      </c>
      <c r="J3756" s="59">
        <f>Bühler!J3782</f>
        <v>0.72529378678708845</v>
      </c>
      <c r="K3756" s="59">
        <f>Bühler!K3782</f>
        <v>1.0879406801806326</v>
      </c>
      <c r="L3756" s="59">
        <f>Bühler!L3782</f>
        <v>5.2221152648670364</v>
      </c>
      <c r="M3756" s="58">
        <f>Bühler!M3782</f>
        <v>0</v>
      </c>
      <c r="N3756" s="56">
        <f>IF(Input!$D$19=1,J3756*Input!$C$19,0)+IF(Input!$D$20=1,K3756*Input!$C$20,0)+IF(Input!$D$21=1,L3756*Input!$C$21,0)+IF(Input!$D$22=1,M3756*Input!$C$22,0)</f>
        <v>0.21758813603612653</v>
      </c>
      <c r="O3756" s="59">
        <f>IF(Input!$D$19=2,J3756*Input!$C$19,0)+IF(Input!$D$20=2,K3756*Input!$C$20,0)+IF(Input!$D$21=2,L3756*Input!$C$21,0)+IF(Input!$D$22=2,M3756*Input!$C$22,0)</f>
        <v>0.54397034009031631</v>
      </c>
      <c r="P3756" s="59">
        <f>IF(Input!$D$19=3,J3756*Input!$C$19,0)+IF(Input!$D$20=3,K3756*Input!$C$20,0)+IF(Input!$D$21=3,L3756*Input!$C$21,0)+IF(Input!$D$22=3,M3756*Input!$C$22,0)</f>
        <v>0</v>
      </c>
      <c r="Q3756" s="75">
        <f>IF(Input!$D$19=4,J3756*Input!$C$19,0)+IF(Input!$D$20=4,K3756*Input!$C$20,0)+IF(Input!$D$21=4,L3756*Input!$C$21,0)+IF(Input!$D$22=4,M3756*Input!$C$22,0)</f>
        <v>0</v>
      </c>
      <c r="R3756" s="58">
        <v>60.91092671230281</v>
      </c>
      <c r="S3756" s="124">
        <f t="shared" si="58"/>
        <v>0.94288192282321492</v>
      </c>
    </row>
    <row r="3757" spans="8:19" x14ac:dyDescent="0.3">
      <c r="H3757" s="44">
        <v>3750</v>
      </c>
      <c r="I3757" s="56">
        <f>Bühler!I3783</f>
        <v>0.28044693089100747</v>
      </c>
      <c r="J3757" s="59">
        <f>Bühler!J3783</f>
        <v>0.93482310297002502</v>
      </c>
      <c r="K3757" s="59">
        <f>Bühler!K3783</f>
        <v>1.4022346544550375</v>
      </c>
      <c r="L3757" s="59">
        <f>Bühler!L3783</f>
        <v>6.7307263413841794</v>
      </c>
      <c r="M3757" s="58">
        <f>Bühler!M3783</f>
        <v>0</v>
      </c>
      <c r="N3757" s="56">
        <f>IF(Input!$D$19=1,J3757*Input!$C$19,0)+IF(Input!$D$20=1,K3757*Input!$C$20,0)+IF(Input!$D$21=1,L3757*Input!$C$21,0)+IF(Input!$D$22=1,M3757*Input!$C$22,0)</f>
        <v>0.28044693089100747</v>
      </c>
      <c r="O3757" s="59">
        <f>IF(Input!$D$19=2,J3757*Input!$C$19,0)+IF(Input!$D$20=2,K3757*Input!$C$20,0)+IF(Input!$D$21=2,L3757*Input!$C$21,0)+IF(Input!$D$22=2,M3757*Input!$C$22,0)</f>
        <v>0.70111732722751874</v>
      </c>
      <c r="P3757" s="59">
        <f>IF(Input!$D$19=3,J3757*Input!$C$19,0)+IF(Input!$D$20=3,K3757*Input!$C$20,0)+IF(Input!$D$21=3,L3757*Input!$C$21,0)+IF(Input!$D$22=3,M3757*Input!$C$22,0)</f>
        <v>0</v>
      </c>
      <c r="Q3757" s="75">
        <f>IF(Input!$D$19=4,J3757*Input!$C$19,0)+IF(Input!$D$20=4,K3757*Input!$C$20,0)+IF(Input!$D$21=4,L3757*Input!$C$21,0)+IF(Input!$D$22=4,M3757*Input!$C$22,0)</f>
        <v>0</v>
      </c>
      <c r="R3757" s="58">
        <v>63.702605198610243</v>
      </c>
      <c r="S3757" s="124">
        <f t="shared" si="58"/>
        <v>1.2152700338610325</v>
      </c>
    </row>
    <row r="3758" spans="8:19" x14ac:dyDescent="0.3">
      <c r="H3758" s="44">
        <v>3751</v>
      </c>
      <c r="I3758" s="56">
        <f>Bühler!I3784</f>
        <v>0.32396455809823282</v>
      </c>
      <c r="J3758" s="59">
        <f>Bühler!J3784</f>
        <v>1.0798818603274429</v>
      </c>
      <c r="K3758" s="59">
        <f>Bühler!K3784</f>
        <v>1.6198227904911642</v>
      </c>
      <c r="L3758" s="59">
        <f>Bühler!L3784</f>
        <v>7.7751493943575882</v>
      </c>
      <c r="M3758" s="58">
        <f>Bühler!M3784</f>
        <v>0</v>
      </c>
      <c r="N3758" s="56">
        <f>IF(Input!$D$19=1,J3758*Input!$C$19,0)+IF(Input!$D$20=1,K3758*Input!$C$20,0)+IF(Input!$D$21=1,L3758*Input!$C$21,0)+IF(Input!$D$22=1,M3758*Input!$C$22,0)</f>
        <v>0.32396455809823288</v>
      </c>
      <c r="O3758" s="59">
        <f>IF(Input!$D$19=2,J3758*Input!$C$19,0)+IF(Input!$D$20=2,K3758*Input!$C$20,0)+IF(Input!$D$21=2,L3758*Input!$C$21,0)+IF(Input!$D$22=2,M3758*Input!$C$22,0)</f>
        <v>0.80991139524558209</v>
      </c>
      <c r="P3758" s="59">
        <f>IF(Input!$D$19=3,J3758*Input!$C$19,0)+IF(Input!$D$20=3,K3758*Input!$C$20,0)+IF(Input!$D$21=3,L3758*Input!$C$21,0)+IF(Input!$D$22=3,M3758*Input!$C$22,0)</f>
        <v>0</v>
      </c>
      <c r="Q3758" s="75">
        <f>IF(Input!$D$19=4,J3758*Input!$C$19,0)+IF(Input!$D$20=4,K3758*Input!$C$20,0)+IF(Input!$D$21=4,L3758*Input!$C$21,0)+IF(Input!$D$22=4,M3758*Input!$C$22,0)</f>
        <v>0</v>
      </c>
      <c r="R3758" s="58">
        <v>66.73000451141607</v>
      </c>
      <c r="S3758" s="124">
        <f t="shared" si="58"/>
        <v>1.4038464184256758</v>
      </c>
    </row>
    <row r="3759" spans="8:19" x14ac:dyDescent="0.3">
      <c r="H3759" s="44">
        <v>3752</v>
      </c>
      <c r="I3759" s="56">
        <f>Bühler!I3785</f>
        <v>0.32396455809823282</v>
      </c>
      <c r="J3759" s="59">
        <f>Bühler!J3785</f>
        <v>1.0798818603274429</v>
      </c>
      <c r="K3759" s="59">
        <f>Bühler!K3785</f>
        <v>1.6198227904911642</v>
      </c>
      <c r="L3759" s="59">
        <f>Bühler!L3785</f>
        <v>7.7751493943575882</v>
      </c>
      <c r="M3759" s="58">
        <f>Bühler!M3785</f>
        <v>0</v>
      </c>
      <c r="N3759" s="56">
        <f>IF(Input!$D$19=1,J3759*Input!$C$19,0)+IF(Input!$D$20=1,K3759*Input!$C$20,0)+IF(Input!$D$21=1,L3759*Input!$C$21,0)+IF(Input!$D$22=1,M3759*Input!$C$22,0)</f>
        <v>0.32396455809823288</v>
      </c>
      <c r="O3759" s="59">
        <f>IF(Input!$D$19=2,J3759*Input!$C$19,0)+IF(Input!$D$20=2,K3759*Input!$C$20,0)+IF(Input!$D$21=2,L3759*Input!$C$21,0)+IF(Input!$D$22=2,M3759*Input!$C$22,0)</f>
        <v>0.80991139524558209</v>
      </c>
      <c r="P3759" s="59">
        <f>IF(Input!$D$19=3,J3759*Input!$C$19,0)+IF(Input!$D$20=3,K3759*Input!$C$20,0)+IF(Input!$D$21=3,L3759*Input!$C$21,0)+IF(Input!$D$22=3,M3759*Input!$C$22,0)</f>
        <v>0</v>
      </c>
      <c r="Q3759" s="75">
        <f>IF(Input!$D$19=4,J3759*Input!$C$19,0)+IF(Input!$D$20=4,K3759*Input!$C$20,0)+IF(Input!$D$21=4,L3759*Input!$C$21,0)+IF(Input!$D$22=4,M3759*Input!$C$22,0)</f>
        <v>0</v>
      </c>
      <c r="R3759" s="58">
        <v>68.923515059474411</v>
      </c>
      <c r="S3759" s="124">
        <f t="shared" si="58"/>
        <v>1.4038464184256758</v>
      </c>
    </row>
    <row r="3760" spans="8:19" x14ac:dyDescent="0.3">
      <c r="H3760" s="44">
        <v>3753</v>
      </c>
      <c r="I3760" s="56">
        <f>Bühler!I3786</f>
        <v>0.32396455809823282</v>
      </c>
      <c r="J3760" s="59">
        <f>Bühler!J3786</f>
        <v>1.0798818603274429</v>
      </c>
      <c r="K3760" s="59">
        <f>Bühler!K3786</f>
        <v>1.6198227904911642</v>
      </c>
      <c r="L3760" s="59">
        <f>Bühler!L3786</f>
        <v>7.7751493943575882</v>
      </c>
      <c r="M3760" s="58">
        <f>Bühler!M3786</f>
        <v>0</v>
      </c>
      <c r="N3760" s="56">
        <f>IF(Input!$D$19=1,J3760*Input!$C$19,0)+IF(Input!$D$20=1,K3760*Input!$C$20,0)+IF(Input!$D$21=1,L3760*Input!$C$21,0)+IF(Input!$D$22=1,M3760*Input!$C$22,0)</f>
        <v>0.32396455809823288</v>
      </c>
      <c r="O3760" s="59">
        <f>IF(Input!$D$19=2,J3760*Input!$C$19,0)+IF(Input!$D$20=2,K3760*Input!$C$20,0)+IF(Input!$D$21=2,L3760*Input!$C$21,0)+IF(Input!$D$22=2,M3760*Input!$C$22,0)</f>
        <v>0.80991139524558209</v>
      </c>
      <c r="P3760" s="59">
        <f>IF(Input!$D$19=3,J3760*Input!$C$19,0)+IF(Input!$D$20=3,K3760*Input!$C$20,0)+IF(Input!$D$21=3,L3760*Input!$C$21,0)+IF(Input!$D$22=3,M3760*Input!$C$22,0)</f>
        <v>0</v>
      </c>
      <c r="Q3760" s="75">
        <f>IF(Input!$D$19=4,J3760*Input!$C$19,0)+IF(Input!$D$20=4,K3760*Input!$C$20,0)+IF(Input!$D$21=4,L3760*Input!$C$21,0)+IF(Input!$D$22=4,M3760*Input!$C$22,0)</f>
        <v>0</v>
      </c>
      <c r="R3760" s="58">
        <v>70.383068286052278</v>
      </c>
      <c r="S3760" s="124">
        <f t="shared" si="58"/>
        <v>1.4038464184256758</v>
      </c>
    </row>
    <row r="3761" spans="8:19" x14ac:dyDescent="0.3">
      <c r="H3761" s="44">
        <v>3754</v>
      </c>
      <c r="I3761" s="56">
        <f>Bühler!I3787</f>
        <v>0.34814101765780242</v>
      </c>
      <c r="J3761" s="59">
        <f>Bühler!J3787</f>
        <v>1.1604700588593415</v>
      </c>
      <c r="K3761" s="59">
        <f>Bühler!K3787</f>
        <v>1.7407050882890123</v>
      </c>
      <c r="L3761" s="59">
        <f>Bühler!L3787</f>
        <v>8.3553844237872585</v>
      </c>
      <c r="M3761" s="58">
        <f>Bühler!M3787</f>
        <v>0</v>
      </c>
      <c r="N3761" s="56">
        <f>IF(Input!$D$19=1,J3761*Input!$C$19,0)+IF(Input!$D$20=1,K3761*Input!$C$20,0)+IF(Input!$D$21=1,L3761*Input!$C$21,0)+IF(Input!$D$22=1,M3761*Input!$C$22,0)</f>
        <v>0.34814101765780242</v>
      </c>
      <c r="O3761" s="59">
        <f>IF(Input!$D$19=2,J3761*Input!$C$19,0)+IF(Input!$D$20=2,K3761*Input!$C$20,0)+IF(Input!$D$21=2,L3761*Input!$C$21,0)+IF(Input!$D$22=2,M3761*Input!$C$22,0)</f>
        <v>0.87035254414450614</v>
      </c>
      <c r="P3761" s="59">
        <f>IF(Input!$D$19=3,J3761*Input!$C$19,0)+IF(Input!$D$20=3,K3761*Input!$C$20,0)+IF(Input!$D$21=3,L3761*Input!$C$21,0)+IF(Input!$D$22=3,M3761*Input!$C$22,0)</f>
        <v>0</v>
      </c>
      <c r="Q3761" s="75">
        <f>IF(Input!$D$19=4,J3761*Input!$C$19,0)+IF(Input!$D$20=4,K3761*Input!$C$20,0)+IF(Input!$D$21=4,L3761*Input!$C$21,0)+IF(Input!$D$22=4,M3761*Input!$C$22,0)</f>
        <v>0</v>
      </c>
      <c r="R3761" s="58">
        <v>70.416600507024924</v>
      </c>
      <c r="S3761" s="124">
        <f t="shared" si="58"/>
        <v>1.5086110765171439</v>
      </c>
    </row>
    <row r="3762" spans="8:19" x14ac:dyDescent="0.3">
      <c r="H3762" s="44">
        <v>3755</v>
      </c>
      <c r="I3762" s="56">
        <f>Bühler!I3788</f>
        <v>0.37715276912928597</v>
      </c>
      <c r="J3762" s="59">
        <f>Bühler!J3788</f>
        <v>1.2571758970976201</v>
      </c>
      <c r="K3762" s="59">
        <f>Bühler!K3788</f>
        <v>1.8857638456464298</v>
      </c>
      <c r="L3762" s="59">
        <f>Bühler!L3788</f>
        <v>9.0516664591028633</v>
      </c>
      <c r="M3762" s="58">
        <f>Bühler!M3788</f>
        <v>0</v>
      </c>
      <c r="N3762" s="56">
        <f>IF(Input!$D$19=1,J3762*Input!$C$19,0)+IF(Input!$D$20=1,K3762*Input!$C$20,0)+IF(Input!$D$21=1,L3762*Input!$C$21,0)+IF(Input!$D$22=1,M3762*Input!$C$22,0)</f>
        <v>0.37715276912928603</v>
      </c>
      <c r="O3762" s="59">
        <f>IF(Input!$D$19=2,J3762*Input!$C$19,0)+IF(Input!$D$20=2,K3762*Input!$C$20,0)+IF(Input!$D$21=2,L3762*Input!$C$21,0)+IF(Input!$D$22=2,M3762*Input!$C$22,0)</f>
        <v>0.94288192282321492</v>
      </c>
      <c r="P3762" s="59">
        <f>IF(Input!$D$19=3,J3762*Input!$C$19,0)+IF(Input!$D$20=3,K3762*Input!$C$20,0)+IF(Input!$D$21=3,L3762*Input!$C$21,0)+IF(Input!$D$22=3,M3762*Input!$C$22,0)</f>
        <v>0</v>
      </c>
      <c r="Q3762" s="75">
        <f>IF(Input!$D$19=4,J3762*Input!$C$19,0)+IF(Input!$D$20=4,K3762*Input!$C$20,0)+IF(Input!$D$21=4,L3762*Input!$C$21,0)+IF(Input!$D$22=4,M3762*Input!$C$22,0)</f>
        <v>0</v>
      </c>
      <c r="R3762" s="58">
        <v>70.961327943419988</v>
      </c>
      <c r="S3762" s="124">
        <f t="shared" si="58"/>
        <v>1.6343286662269061</v>
      </c>
    </row>
    <row r="3763" spans="8:19" x14ac:dyDescent="0.3">
      <c r="H3763" s="44">
        <v>3756</v>
      </c>
      <c r="I3763" s="56">
        <f>Bühler!I3789</f>
        <v>0.43517627207225301</v>
      </c>
      <c r="J3763" s="59">
        <f>Bühler!J3789</f>
        <v>1.4505875735741769</v>
      </c>
      <c r="K3763" s="59">
        <f>Bühler!K3789</f>
        <v>2.1758813603612652</v>
      </c>
      <c r="L3763" s="59">
        <f>Bühler!L3789</f>
        <v>10.444230529734073</v>
      </c>
      <c r="M3763" s="58">
        <f>Bühler!M3789</f>
        <v>0</v>
      </c>
      <c r="N3763" s="56">
        <f>IF(Input!$D$19=1,J3763*Input!$C$19,0)+IF(Input!$D$20=1,K3763*Input!$C$20,0)+IF(Input!$D$21=1,L3763*Input!$C$21,0)+IF(Input!$D$22=1,M3763*Input!$C$22,0)</f>
        <v>0.43517627207225307</v>
      </c>
      <c r="O3763" s="59">
        <f>IF(Input!$D$19=2,J3763*Input!$C$19,0)+IF(Input!$D$20=2,K3763*Input!$C$20,0)+IF(Input!$D$21=2,L3763*Input!$C$21,0)+IF(Input!$D$22=2,M3763*Input!$C$22,0)</f>
        <v>1.0879406801806326</v>
      </c>
      <c r="P3763" s="59">
        <f>IF(Input!$D$19=3,J3763*Input!$C$19,0)+IF(Input!$D$20=3,K3763*Input!$C$20,0)+IF(Input!$D$21=3,L3763*Input!$C$21,0)+IF(Input!$D$22=3,M3763*Input!$C$22,0)</f>
        <v>0</v>
      </c>
      <c r="Q3763" s="75">
        <f>IF(Input!$D$19=4,J3763*Input!$C$19,0)+IF(Input!$D$20=4,K3763*Input!$C$20,0)+IF(Input!$D$21=4,L3763*Input!$C$21,0)+IF(Input!$D$22=4,M3763*Input!$C$22,0)</f>
        <v>0</v>
      </c>
      <c r="R3763" s="58">
        <v>71.318261828620848</v>
      </c>
      <c r="S3763" s="124">
        <f t="shared" si="58"/>
        <v>1.8857638456464298</v>
      </c>
    </row>
    <row r="3764" spans="8:19" x14ac:dyDescent="0.3">
      <c r="H3764" s="44">
        <v>3757</v>
      </c>
      <c r="I3764" s="56">
        <f>Bühler!I3790</f>
        <v>0.43517627207225301</v>
      </c>
      <c r="J3764" s="59">
        <f>Bühler!J3790</f>
        <v>1.4505875735741769</v>
      </c>
      <c r="K3764" s="59">
        <f>Bühler!K3790</f>
        <v>2.1758813603612652</v>
      </c>
      <c r="L3764" s="59">
        <f>Bühler!L3790</f>
        <v>10.444230529734073</v>
      </c>
      <c r="M3764" s="58">
        <f>Bühler!M3790</f>
        <v>0</v>
      </c>
      <c r="N3764" s="56">
        <f>IF(Input!$D$19=1,J3764*Input!$C$19,0)+IF(Input!$D$20=1,K3764*Input!$C$20,0)+IF(Input!$D$21=1,L3764*Input!$C$21,0)+IF(Input!$D$22=1,M3764*Input!$C$22,0)</f>
        <v>0.43517627207225307</v>
      </c>
      <c r="O3764" s="59">
        <f>IF(Input!$D$19=2,J3764*Input!$C$19,0)+IF(Input!$D$20=2,K3764*Input!$C$20,0)+IF(Input!$D$21=2,L3764*Input!$C$21,0)+IF(Input!$D$22=2,M3764*Input!$C$22,0)</f>
        <v>1.0879406801806326</v>
      </c>
      <c r="P3764" s="59">
        <f>IF(Input!$D$19=3,J3764*Input!$C$19,0)+IF(Input!$D$20=3,K3764*Input!$C$20,0)+IF(Input!$D$21=3,L3764*Input!$C$21,0)+IF(Input!$D$22=3,M3764*Input!$C$22,0)</f>
        <v>0</v>
      </c>
      <c r="Q3764" s="75">
        <f>IF(Input!$D$19=4,J3764*Input!$C$19,0)+IF(Input!$D$20=4,K3764*Input!$C$20,0)+IF(Input!$D$21=4,L3764*Input!$C$21,0)+IF(Input!$D$22=4,M3764*Input!$C$22,0)</f>
        <v>0</v>
      </c>
      <c r="R3764" s="58">
        <v>70.393487281969328</v>
      </c>
      <c r="S3764" s="124">
        <f t="shared" si="58"/>
        <v>1.8857638456464298</v>
      </c>
    </row>
    <row r="3765" spans="8:19" x14ac:dyDescent="0.3">
      <c r="H3765" s="44">
        <v>3758</v>
      </c>
      <c r="I3765" s="56">
        <f>Bühler!I3791</f>
        <v>0.43517627207225301</v>
      </c>
      <c r="J3765" s="59">
        <f>Bühler!J3791</f>
        <v>1.4505875735741769</v>
      </c>
      <c r="K3765" s="59">
        <f>Bühler!K3791</f>
        <v>2.1758813603612652</v>
      </c>
      <c r="L3765" s="59">
        <f>Bühler!L3791</f>
        <v>10.444230529734073</v>
      </c>
      <c r="M3765" s="58">
        <f>Bühler!M3791</f>
        <v>0</v>
      </c>
      <c r="N3765" s="56">
        <f>IF(Input!$D$19=1,J3765*Input!$C$19,0)+IF(Input!$D$20=1,K3765*Input!$C$20,0)+IF(Input!$D$21=1,L3765*Input!$C$21,0)+IF(Input!$D$22=1,M3765*Input!$C$22,0)</f>
        <v>0.43517627207225307</v>
      </c>
      <c r="O3765" s="59">
        <f>IF(Input!$D$19=2,J3765*Input!$C$19,0)+IF(Input!$D$20=2,K3765*Input!$C$20,0)+IF(Input!$D$21=2,L3765*Input!$C$21,0)+IF(Input!$D$22=2,M3765*Input!$C$22,0)</f>
        <v>1.0879406801806326</v>
      </c>
      <c r="P3765" s="59">
        <f>IF(Input!$D$19=3,J3765*Input!$C$19,0)+IF(Input!$D$20=3,K3765*Input!$C$20,0)+IF(Input!$D$21=3,L3765*Input!$C$21,0)+IF(Input!$D$22=3,M3765*Input!$C$22,0)</f>
        <v>0</v>
      </c>
      <c r="Q3765" s="75">
        <f>IF(Input!$D$19=4,J3765*Input!$C$19,0)+IF(Input!$D$20=4,K3765*Input!$C$20,0)+IF(Input!$D$21=4,L3765*Input!$C$21,0)+IF(Input!$D$22=4,M3765*Input!$C$22,0)</f>
        <v>0</v>
      </c>
      <c r="R3765" s="58">
        <v>70.186932892988892</v>
      </c>
      <c r="S3765" s="124">
        <f t="shared" si="58"/>
        <v>1.8857638456464298</v>
      </c>
    </row>
    <row r="3766" spans="8:19" x14ac:dyDescent="0.3">
      <c r="H3766" s="44">
        <v>3759</v>
      </c>
      <c r="I3766" s="56">
        <f>Bühler!I3792</f>
        <v>0.43517627207225301</v>
      </c>
      <c r="J3766" s="59">
        <f>Bühler!J3792</f>
        <v>1.4505875735741769</v>
      </c>
      <c r="K3766" s="59">
        <f>Bühler!K3792</f>
        <v>2.1758813603612652</v>
      </c>
      <c r="L3766" s="59">
        <f>Bühler!L3792</f>
        <v>10.444230529734073</v>
      </c>
      <c r="M3766" s="58">
        <f>Bühler!M3792</f>
        <v>0</v>
      </c>
      <c r="N3766" s="56">
        <f>IF(Input!$D$19=1,J3766*Input!$C$19,0)+IF(Input!$D$20=1,K3766*Input!$C$20,0)+IF(Input!$D$21=1,L3766*Input!$C$21,0)+IF(Input!$D$22=1,M3766*Input!$C$22,0)</f>
        <v>0.43517627207225307</v>
      </c>
      <c r="O3766" s="59">
        <f>IF(Input!$D$19=2,J3766*Input!$C$19,0)+IF(Input!$D$20=2,K3766*Input!$C$20,0)+IF(Input!$D$21=2,L3766*Input!$C$21,0)+IF(Input!$D$22=2,M3766*Input!$C$22,0)</f>
        <v>1.0879406801806326</v>
      </c>
      <c r="P3766" s="59">
        <f>IF(Input!$D$19=3,J3766*Input!$C$19,0)+IF(Input!$D$20=3,K3766*Input!$C$20,0)+IF(Input!$D$21=3,L3766*Input!$C$21,0)+IF(Input!$D$22=3,M3766*Input!$C$22,0)</f>
        <v>0</v>
      </c>
      <c r="Q3766" s="75">
        <f>IF(Input!$D$19=4,J3766*Input!$C$19,0)+IF(Input!$D$20=4,K3766*Input!$C$20,0)+IF(Input!$D$21=4,L3766*Input!$C$21,0)+IF(Input!$D$22=4,M3766*Input!$C$22,0)</f>
        <v>0</v>
      </c>
      <c r="R3766" s="58">
        <v>70.511493042848628</v>
      </c>
      <c r="S3766" s="124">
        <f t="shared" si="58"/>
        <v>1.8857638456464298</v>
      </c>
    </row>
    <row r="3767" spans="8:19" x14ac:dyDescent="0.3">
      <c r="H3767" s="44">
        <v>3760</v>
      </c>
      <c r="I3767" s="56">
        <f>Bühler!I3793</f>
        <v>0.43517627207225301</v>
      </c>
      <c r="J3767" s="59">
        <f>Bühler!J3793</f>
        <v>1.4505875735741769</v>
      </c>
      <c r="K3767" s="59">
        <f>Bühler!K3793</f>
        <v>2.1758813603612652</v>
      </c>
      <c r="L3767" s="59">
        <f>Bühler!L3793</f>
        <v>10.444230529734073</v>
      </c>
      <c r="M3767" s="58">
        <f>Bühler!M3793</f>
        <v>0</v>
      </c>
      <c r="N3767" s="56">
        <f>IF(Input!$D$19=1,J3767*Input!$C$19,0)+IF(Input!$D$20=1,K3767*Input!$C$20,0)+IF(Input!$D$21=1,L3767*Input!$C$21,0)+IF(Input!$D$22=1,M3767*Input!$C$22,0)</f>
        <v>0.43517627207225307</v>
      </c>
      <c r="O3767" s="59">
        <f>IF(Input!$D$19=2,J3767*Input!$C$19,0)+IF(Input!$D$20=2,K3767*Input!$C$20,0)+IF(Input!$D$21=2,L3767*Input!$C$21,0)+IF(Input!$D$22=2,M3767*Input!$C$22,0)</f>
        <v>1.0879406801806326</v>
      </c>
      <c r="P3767" s="59">
        <f>IF(Input!$D$19=3,J3767*Input!$C$19,0)+IF(Input!$D$20=3,K3767*Input!$C$20,0)+IF(Input!$D$21=3,L3767*Input!$C$21,0)+IF(Input!$D$22=3,M3767*Input!$C$22,0)</f>
        <v>0</v>
      </c>
      <c r="Q3767" s="75">
        <f>IF(Input!$D$19=4,J3767*Input!$C$19,0)+IF(Input!$D$20=4,K3767*Input!$C$20,0)+IF(Input!$D$21=4,L3767*Input!$C$21,0)+IF(Input!$D$22=4,M3767*Input!$C$22,0)</f>
        <v>0</v>
      </c>
      <c r="R3767" s="58">
        <v>70.297759083082596</v>
      </c>
      <c r="S3767" s="124">
        <f t="shared" si="58"/>
        <v>1.8857638456464298</v>
      </c>
    </row>
    <row r="3768" spans="8:19" x14ac:dyDescent="0.3">
      <c r="H3768" s="44">
        <v>3761</v>
      </c>
      <c r="I3768" s="56">
        <f>Bühler!I3794</f>
        <v>0.43517627207225301</v>
      </c>
      <c r="J3768" s="59">
        <f>Bühler!J3794</f>
        <v>1.4505875735741769</v>
      </c>
      <c r="K3768" s="59">
        <f>Bühler!K3794</f>
        <v>2.1758813603612652</v>
      </c>
      <c r="L3768" s="59">
        <f>Bühler!L3794</f>
        <v>10.444230529734073</v>
      </c>
      <c r="M3768" s="58">
        <f>Bühler!M3794</f>
        <v>0</v>
      </c>
      <c r="N3768" s="56">
        <f>IF(Input!$D$19=1,J3768*Input!$C$19,0)+IF(Input!$D$20=1,K3768*Input!$C$20,0)+IF(Input!$D$21=1,L3768*Input!$C$21,0)+IF(Input!$D$22=1,M3768*Input!$C$22,0)</f>
        <v>0.43517627207225307</v>
      </c>
      <c r="O3768" s="59">
        <f>IF(Input!$D$19=2,J3768*Input!$C$19,0)+IF(Input!$D$20=2,K3768*Input!$C$20,0)+IF(Input!$D$21=2,L3768*Input!$C$21,0)+IF(Input!$D$22=2,M3768*Input!$C$22,0)</f>
        <v>1.0879406801806326</v>
      </c>
      <c r="P3768" s="59">
        <f>IF(Input!$D$19=3,J3768*Input!$C$19,0)+IF(Input!$D$20=3,K3768*Input!$C$20,0)+IF(Input!$D$21=3,L3768*Input!$C$21,0)+IF(Input!$D$22=3,M3768*Input!$C$22,0)</f>
        <v>0</v>
      </c>
      <c r="Q3768" s="75">
        <f>IF(Input!$D$19=4,J3768*Input!$C$19,0)+IF(Input!$D$20=4,K3768*Input!$C$20,0)+IF(Input!$D$21=4,L3768*Input!$C$21,0)+IF(Input!$D$22=4,M3768*Input!$C$22,0)</f>
        <v>0</v>
      </c>
      <c r="R3768" s="58">
        <v>69.25702564598302</v>
      </c>
      <c r="S3768" s="124">
        <f t="shared" si="58"/>
        <v>1.8857638456464298</v>
      </c>
    </row>
    <row r="3769" spans="8:19" x14ac:dyDescent="0.3">
      <c r="H3769" s="44">
        <v>3762</v>
      </c>
      <c r="I3769" s="56">
        <f>Bühler!I3795</f>
        <v>0.43517627207225301</v>
      </c>
      <c r="J3769" s="59">
        <f>Bühler!J3795</f>
        <v>1.4505875735741769</v>
      </c>
      <c r="K3769" s="59">
        <f>Bühler!K3795</f>
        <v>2.1758813603612652</v>
      </c>
      <c r="L3769" s="59">
        <f>Bühler!L3795</f>
        <v>10.444230529734073</v>
      </c>
      <c r="M3769" s="58">
        <f>Bühler!M3795</f>
        <v>0</v>
      </c>
      <c r="N3769" s="56">
        <f>IF(Input!$D$19=1,J3769*Input!$C$19,0)+IF(Input!$D$20=1,K3769*Input!$C$20,0)+IF(Input!$D$21=1,L3769*Input!$C$21,0)+IF(Input!$D$22=1,M3769*Input!$C$22,0)</f>
        <v>0.43517627207225307</v>
      </c>
      <c r="O3769" s="59">
        <f>IF(Input!$D$19=2,J3769*Input!$C$19,0)+IF(Input!$D$20=2,K3769*Input!$C$20,0)+IF(Input!$D$21=2,L3769*Input!$C$21,0)+IF(Input!$D$22=2,M3769*Input!$C$22,0)</f>
        <v>1.0879406801806326</v>
      </c>
      <c r="P3769" s="59">
        <f>IF(Input!$D$19=3,J3769*Input!$C$19,0)+IF(Input!$D$20=3,K3769*Input!$C$20,0)+IF(Input!$D$21=3,L3769*Input!$C$21,0)+IF(Input!$D$22=3,M3769*Input!$C$22,0)</f>
        <v>0</v>
      </c>
      <c r="Q3769" s="75">
        <f>IF(Input!$D$19=4,J3769*Input!$C$19,0)+IF(Input!$D$20=4,K3769*Input!$C$20,0)+IF(Input!$D$21=4,L3769*Input!$C$21,0)+IF(Input!$D$22=4,M3769*Input!$C$22,0)</f>
        <v>0</v>
      </c>
      <c r="R3769" s="58">
        <v>67.946113608572887</v>
      </c>
      <c r="S3769" s="124">
        <f t="shared" si="58"/>
        <v>1.8857638456464298</v>
      </c>
    </row>
    <row r="3770" spans="8:19" x14ac:dyDescent="0.3">
      <c r="H3770" s="44">
        <v>3763</v>
      </c>
      <c r="I3770" s="56">
        <f>Bühler!I3796</f>
        <v>0.43517627207225301</v>
      </c>
      <c r="J3770" s="59">
        <f>Bühler!J3796</f>
        <v>1.4505875735741769</v>
      </c>
      <c r="K3770" s="59">
        <f>Bühler!K3796</f>
        <v>2.1758813603612652</v>
      </c>
      <c r="L3770" s="59">
        <f>Bühler!L3796</f>
        <v>10.444230529734073</v>
      </c>
      <c r="M3770" s="58">
        <f>Bühler!M3796</f>
        <v>0</v>
      </c>
      <c r="N3770" s="56">
        <f>IF(Input!$D$19=1,J3770*Input!$C$19,0)+IF(Input!$D$20=1,K3770*Input!$C$20,0)+IF(Input!$D$21=1,L3770*Input!$C$21,0)+IF(Input!$D$22=1,M3770*Input!$C$22,0)</f>
        <v>0.43517627207225307</v>
      </c>
      <c r="O3770" s="59">
        <f>IF(Input!$D$19=2,J3770*Input!$C$19,0)+IF(Input!$D$20=2,K3770*Input!$C$20,0)+IF(Input!$D$21=2,L3770*Input!$C$21,0)+IF(Input!$D$22=2,M3770*Input!$C$22,0)</f>
        <v>1.0879406801806326</v>
      </c>
      <c r="P3770" s="59">
        <f>IF(Input!$D$19=3,J3770*Input!$C$19,0)+IF(Input!$D$20=3,K3770*Input!$C$20,0)+IF(Input!$D$21=3,L3770*Input!$C$21,0)+IF(Input!$D$22=3,M3770*Input!$C$22,0)</f>
        <v>0</v>
      </c>
      <c r="Q3770" s="75">
        <f>IF(Input!$D$19=4,J3770*Input!$C$19,0)+IF(Input!$D$20=4,K3770*Input!$C$20,0)+IF(Input!$D$21=4,L3770*Input!$C$21,0)+IF(Input!$D$22=4,M3770*Input!$C$22,0)</f>
        <v>0</v>
      </c>
      <c r="R3770" s="58">
        <v>66.893238736020322</v>
      </c>
      <c r="S3770" s="124">
        <f t="shared" si="58"/>
        <v>1.8857638456464298</v>
      </c>
    </row>
    <row r="3771" spans="8:19" x14ac:dyDescent="0.3">
      <c r="H3771" s="44">
        <v>3764</v>
      </c>
      <c r="I3771" s="56">
        <f>Bühler!I3797</f>
        <v>0.36264689339354417</v>
      </c>
      <c r="J3771" s="59">
        <f>Bühler!J3797</f>
        <v>1.2088229779784807</v>
      </c>
      <c r="K3771" s="59">
        <f>Bühler!K3797</f>
        <v>1.8132344669677207</v>
      </c>
      <c r="L3771" s="59">
        <f>Bühler!L3797</f>
        <v>8.7035254414450591</v>
      </c>
      <c r="M3771" s="58">
        <f>Bühler!M3797</f>
        <v>0</v>
      </c>
      <c r="N3771" s="56">
        <f>IF(Input!$D$19=1,J3771*Input!$C$19,0)+IF(Input!$D$20=1,K3771*Input!$C$20,0)+IF(Input!$D$21=1,L3771*Input!$C$21,0)+IF(Input!$D$22=1,M3771*Input!$C$22,0)</f>
        <v>0.36264689339354422</v>
      </c>
      <c r="O3771" s="59">
        <f>IF(Input!$D$19=2,J3771*Input!$C$19,0)+IF(Input!$D$20=2,K3771*Input!$C$20,0)+IF(Input!$D$21=2,L3771*Input!$C$21,0)+IF(Input!$D$22=2,M3771*Input!$C$22,0)</f>
        <v>0.90661723348386036</v>
      </c>
      <c r="P3771" s="59">
        <f>IF(Input!$D$19=3,J3771*Input!$C$19,0)+IF(Input!$D$20=3,K3771*Input!$C$20,0)+IF(Input!$D$21=3,L3771*Input!$C$21,0)+IF(Input!$D$22=3,M3771*Input!$C$22,0)</f>
        <v>0</v>
      </c>
      <c r="Q3771" s="75">
        <f>IF(Input!$D$19=4,J3771*Input!$C$19,0)+IF(Input!$D$20=4,K3771*Input!$C$20,0)+IF(Input!$D$21=4,L3771*Input!$C$21,0)+IF(Input!$D$22=4,M3771*Input!$C$22,0)</f>
        <v>0</v>
      </c>
      <c r="R3771" s="58">
        <v>65.533937833517612</v>
      </c>
      <c r="S3771" s="124">
        <f t="shared" si="58"/>
        <v>1.5714698713720248</v>
      </c>
    </row>
    <row r="3772" spans="8:19" x14ac:dyDescent="0.3">
      <c r="H3772" s="44">
        <v>3765</v>
      </c>
      <c r="I3772" s="56">
        <f>Bühler!I3798</f>
        <v>0.29011751471483538</v>
      </c>
      <c r="J3772" s="59">
        <f>Bühler!J3798</f>
        <v>0.96705838238278463</v>
      </c>
      <c r="K3772" s="59">
        <f>Bühler!K3798</f>
        <v>1.4505875735741769</v>
      </c>
      <c r="L3772" s="59">
        <f>Bühler!L3798</f>
        <v>6.9628203531560482</v>
      </c>
      <c r="M3772" s="58">
        <f>Bühler!M3798</f>
        <v>0</v>
      </c>
      <c r="N3772" s="56">
        <f>IF(Input!$D$19=1,J3772*Input!$C$19,0)+IF(Input!$D$20=1,K3772*Input!$C$20,0)+IF(Input!$D$21=1,L3772*Input!$C$21,0)+IF(Input!$D$22=1,M3772*Input!$C$22,0)</f>
        <v>0.29011751471483538</v>
      </c>
      <c r="O3772" s="59">
        <f>IF(Input!$D$19=2,J3772*Input!$C$19,0)+IF(Input!$D$20=2,K3772*Input!$C$20,0)+IF(Input!$D$21=2,L3772*Input!$C$21,0)+IF(Input!$D$22=2,M3772*Input!$C$22,0)</f>
        <v>0.72529378678708845</v>
      </c>
      <c r="P3772" s="59">
        <f>IF(Input!$D$19=3,J3772*Input!$C$19,0)+IF(Input!$D$20=3,K3772*Input!$C$20,0)+IF(Input!$D$21=3,L3772*Input!$C$21,0)+IF(Input!$D$22=3,M3772*Input!$C$22,0)</f>
        <v>0</v>
      </c>
      <c r="Q3772" s="75">
        <f>IF(Input!$D$19=4,J3772*Input!$C$19,0)+IF(Input!$D$20=4,K3772*Input!$C$20,0)+IF(Input!$D$21=4,L3772*Input!$C$21,0)+IF(Input!$D$22=4,M3772*Input!$C$22,0)</f>
        <v>0</v>
      </c>
      <c r="R3772" s="58">
        <v>62.999096033416031</v>
      </c>
      <c r="S3772" s="124">
        <f t="shared" si="58"/>
        <v>1.2571758970976199</v>
      </c>
    </row>
    <row r="3773" spans="8:19" x14ac:dyDescent="0.3">
      <c r="H3773" s="44">
        <v>3766</v>
      </c>
      <c r="I3773" s="56">
        <f>Bühler!I3799</f>
        <v>0.21758813603612651</v>
      </c>
      <c r="J3773" s="59">
        <f>Bühler!J3799</f>
        <v>0.72529378678708845</v>
      </c>
      <c r="K3773" s="59">
        <f>Bühler!K3799</f>
        <v>1.0879406801806326</v>
      </c>
      <c r="L3773" s="59">
        <f>Bühler!L3799</f>
        <v>5.2221152648670364</v>
      </c>
      <c r="M3773" s="58">
        <f>Bühler!M3799</f>
        <v>0</v>
      </c>
      <c r="N3773" s="56">
        <f>IF(Input!$D$19=1,J3773*Input!$C$19,0)+IF(Input!$D$20=1,K3773*Input!$C$20,0)+IF(Input!$D$21=1,L3773*Input!$C$21,0)+IF(Input!$D$22=1,M3773*Input!$C$22,0)</f>
        <v>0.21758813603612653</v>
      </c>
      <c r="O3773" s="59">
        <f>IF(Input!$D$19=2,J3773*Input!$C$19,0)+IF(Input!$D$20=2,K3773*Input!$C$20,0)+IF(Input!$D$21=2,L3773*Input!$C$21,0)+IF(Input!$D$22=2,M3773*Input!$C$22,0)</f>
        <v>0.54397034009031631</v>
      </c>
      <c r="P3773" s="59">
        <f>IF(Input!$D$19=3,J3773*Input!$C$19,0)+IF(Input!$D$20=3,K3773*Input!$C$20,0)+IF(Input!$D$21=3,L3773*Input!$C$21,0)+IF(Input!$D$22=3,M3773*Input!$C$22,0)</f>
        <v>0</v>
      </c>
      <c r="Q3773" s="75">
        <f>IF(Input!$D$19=4,J3773*Input!$C$19,0)+IF(Input!$D$20=4,K3773*Input!$C$20,0)+IF(Input!$D$21=4,L3773*Input!$C$21,0)+IF(Input!$D$22=4,M3773*Input!$C$22,0)</f>
        <v>0</v>
      </c>
      <c r="R3773" s="58">
        <v>60.753222738975893</v>
      </c>
      <c r="S3773" s="124">
        <f t="shared" si="58"/>
        <v>0.94288192282321492</v>
      </c>
    </row>
    <row r="3774" spans="8:19" x14ac:dyDescent="0.3">
      <c r="H3774" s="44">
        <v>3767</v>
      </c>
      <c r="I3774" s="56">
        <f>Bühler!I3800</f>
        <v>0.21758813603612651</v>
      </c>
      <c r="J3774" s="59">
        <f>Bühler!J3800</f>
        <v>0.72529378678708845</v>
      </c>
      <c r="K3774" s="59">
        <f>Bühler!K3800</f>
        <v>1.0879406801806326</v>
      </c>
      <c r="L3774" s="59">
        <f>Bühler!L3800</f>
        <v>5.2221152648670364</v>
      </c>
      <c r="M3774" s="58">
        <f>Bühler!M3800</f>
        <v>0</v>
      </c>
      <c r="N3774" s="56">
        <f>IF(Input!$D$19=1,J3774*Input!$C$19,0)+IF(Input!$D$20=1,K3774*Input!$C$20,0)+IF(Input!$D$21=1,L3774*Input!$C$21,0)+IF(Input!$D$22=1,M3774*Input!$C$22,0)</f>
        <v>0.21758813603612653</v>
      </c>
      <c r="O3774" s="59">
        <f>IF(Input!$D$19=2,J3774*Input!$C$19,0)+IF(Input!$D$20=2,K3774*Input!$C$20,0)+IF(Input!$D$21=2,L3774*Input!$C$21,0)+IF(Input!$D$22=2,M3774*Input!$C$22,0)</f>
        <v>0.54397034009031631</v>
      </c>
      <c r="P3774" s="59">
        <f>IF(Input!$D$19=3,J3774*Input!$C$19,0)+IF(Input!$D$20=3,K3774*Input!$C$20,0)+IF(Input!$D$21=3,L3774*Input!$C$21,0)+IF(Input!$D$22=3,M3774*Input!$C$22,0)</f>
        <v>0</v>
      </c>
      <c r="Q3774" s="75">
        <f>IF(Input!$D$19=4,J3774*Input!$C$19,0)+IF(Input!$D$20=4,K3774*Input!$C$20,0)+IF(Input!$D$21=4,L3774*Input!$C$21,0)+IF(Input!$D$22=4,M3774*Input!$C$22,0)</f>
        <v>0</v>
      </c>
      <c r="R3774" s="58">
        <v>60.548355837844319</v>
      </c>
      <c r="S3774" s="124">
        <f t="shared" si="58"/>
        <v>0.94288192282321492</v>
      </c>
    </row>
    <row r="3775" spans="8:19" x14ac:dyDescent="0.3">
      <c r="H3775" s="44">
        <v>3768</v>
      </c>
      <c r="I3775" s="56">
        <f>Bühler!I3801</f>
        <v>0.21758813603612651</v>
      </c>
      <c r="J3775" s="59">
        <f>Bühler!J3801</f>
        <v>0.72529378678708845</v>
      </c>
      <c r="K3775" s="59">
        <f>Bühler!K3801</f>
        <v>1.0879406801806326</v>
      </c>
      <c r="L3775" s="59">
        <f>Bühler!L3801</f>
        <v>5.2221152648670364</v>
      </c>
      <c r="M3775" s="58">
        <f>Bühler!M3801</f>
        <v>0</v>
      </c>
      <c r="N3775" s="56">
        <f>IF(Input!$D$19=1,J3775*Input!$C$19,0)+IF(Input!$D$20=1,K3775*Input!$C$20,0)+IF(Input!$D$21=1,L3775*Input!$C$21,0)+IF(Input!$D$22=1,M3775*Input!$C$22,0)</f>
        <v>0.21758813603612653</v>
      </c>
      <c r="O3775" s="59">
        <f>IF(Input!$D$19=2,J3775*Input!$C$19,0)+IF(Input!$D$20=2,K3775*Input!$C$20,0)+IF(Input!$D$21=2,L3775*Input!$C$21,0)+IF(Input!$D$22=2,M3775*Input!$C$22,0)</f>
        <v>0.54397034009031631</v>
      </c>
      <c r="P3775" s="59">
        <f>IF(Input!$D$19=3,J3775*Input!$C$19,0)+IF(Input!$D$20=3,K3775*Input!$C$20,0)+IF(Input!$D$21=3,L3775*Input!$C$21,0)+IF(Input!$D$22=3,M3775*Input!$C$22,0)</f>
        <v>0</v>
      </c>
      <c r="Q3775" s="75">
        <f>IF(Input!$D$19=4,J3775*Input!$C$19,0)+IF(Input!$D$20=4,K3775*Input!$C$20,0)+IF(Input!$D$21=4,L3775*Input!$C$21,0)+IF(Input!$D$22=4,M3775*Input!$C$22,0)</f>
        <v>0</v>
      </c>
      <c r="R3775" s="58">
        <v>60.370568942883224</v>
      </c>
      <c r="S3775" s="124">
        <f t="shared" si="58"/>
        <v>0.94288192282321492</v>
      </c>
    </row>
    <row r="3776" spans="8:19" x14ac:dyDescent="0.3">
      <c r="H3776" s="44">
        <v>3769</v>
      </c>
      <c r="I3776" s="56">
        <f>Bühler!I3802</f>
        <v>0.21614480112697471</v>
      </c>
      <c r="J3776" s="59">
        <f>Bühler!J3802</f>
        <v>0.72048267042324909</v>
      </c>
      <c r="K3776" s="59">
        <f>Bühler!K3802</f>
        <v>1.0807240056348735</v>
      </c>
      <c r="L3776" s="59">
        <f>Bühler!L3802</f>
        <v>5.1874752270473934</v>
      </c>
      <c r="M3776" s="58">
        <f>Bühler!M3802</f>
        <v>0</v>
      </c>
      <c r="N3776" s="56">
        <f>IF(Input!$D$19=1,J3776*Input!$C$19,0)+IF(Input!$D$20=1,K3776*Input!$C$20,0)+IF(Input!$D$21=1,L3776*Input!$C$21,0)+IF(Input!$D$22=1,M3776*Input!$C$22,0)</f>
        <v>0.21614480112697473</v>
      </c>
      <c r="O3776" s="59">
        <f>IF(Input!$D$19=2,J3776*Input!$C$19,0)+IF(Input!$D$20=2,K3776*Input!$C$20,0)+IF(Input!$D$21=2,L3776*Input!$C$21,0)+IF(Input!$D$22=2,M3776*Input!$C$22,0)</f>
        <v>0.54036200281743674</v>
      </c>
      <c r="P3776" s="59">
        <f>IF(Input!$D$19=3,J3776*Input!$C$19,0)+IF(Input!$D$20=3,K3776*Input!$C$20,0)+IF(Input!$D$21=3,L3776*Input!$C$21,0)+IF(Input!$D$22=3,M3776*Input!$C$22,0)</f>
        <v>0</v>
      </c>
      <c r="Q3776" s="75">
        <f>IF(Input!$D$19=4,J3776*Input!$C$19,0)+IF(Input!$D$20=4,K3776*Input!$C$20,0)+IF(Input!$D$21=4,L3776*Input!$C$21,0)+IF(Input!$D$22=4,M3776*Input!$C$22,0)</f>
        <v>0</v>
      </c>
      <c r="R3776" s="58">
        <v>59.756324621168467</v>
      </c>
      <c r="S3776" s="124">
        <f t="shared" si="58"/>
        <v>0.93662747155022386</v>
      </c>
    </row>
    <row r="3777" spans="8:19" x14ac:dyDescent="0.3">
      <c r="H3777" s="44">
        <v>3770</v>
      </c>
      <c r="I3777" s="56">
        <f>Bühler!I3803</f>
        <v>0.21614480112697471</v>
      </c>
      <c r="J3777" s="59">
        <f>Bühler!J3803</f>
        <v>0.72048267042324909</v>
      </c>
      <c r="K3777" s="59">
        <f>Bühler!K3803</f>
        <v>1.0807240056348735</v>
      </c>
      <c r="L3777" s="59">
        <f>Bühler!L3803</f>
        <v>5.1874752270473934</v>
      </c>
      <c r="M3777" s="58">
        <f>Bühler!M3803</f>
        <v>0</v>
      </c>
      <c r="N3777" s="56">
        <f>IF(Input!$D$19=1,J3777*Input!$C$19,0)+IF(Input!$D$20=1,K3777*Input!$C$20,0)+IF(Input!$D$21=1,L3777*Input!$C$21,0)+IF(Input!$D$22=1,M3777*Input!$C$22,0)</f>
        <v>0.21614480112697473</v>
      </c>
      <c r="O3777" s="59">
        <f>IF(Input!$D$19=2,J3777*Input!$C$19,0)+IF(Input!$D$20=2,K3777*Input!$C$20,0)+IF(Input!$D$21=2,L3777*Input!$C$21,0)+IF(Input!$D$22=2,M3777*Input!$C$22,0)</f>
        <v>0.54036200281743674</v>
      </c>
      <c r="P3777" s="59">
        <f>IF(Input!$D$19=3,J3777*Input!$C$19,0)+IF(Input!$D$20=3,K3777*Input!$C$20,0)+IF(Input!$D$21=3,L3777*Input!$C$21,0)+IF(Input!$D$22=3,M3777*Input!$C$22,0)</f>
        <v>0</v>
      </c>
      <c r="Q3777" s="75">
        <f>IF(Input!$D$19=4,J3777*Input!$C$19,0)+IF(Input!$D$20=4,K3777*Input!$C$20,0)+IF(Input!$D$21=4,L3777*Input!$C$21,0)+IF(Input!$D$22=4,M3777*Input!$C$22,0)</f>
        <v>0</v>
      </c>
      <c r="R3777" s="58">
        <v>59.096849521307298</v>
      </c>
      <c r="S3777" s="124">
        <f t="shared" si="58"/>
        <v>0.93662747155022386</v>
      </c>
    </row>
    <row r="3778" spans="8:19" x14ac:dyDescent="0.3">
      <c r="H3778" s="44">
        <v>3771</v>
      </c>
      <c r="I3778" s="56">
        <f>Bühler!I3804</f>
        <v>0.21614480112697471</v>
      </c>
      <c r="J3778" s="59">
        <f>Bühler!J3804</f>
        <v>0.72048267042324909</v>
      </c>
      <c r="K3778" s="59">
        <f>Bühler!K3804</f>
        <v>1.0807240056348735</v>
      </c>
      <c r="L3778" s="59">
        <f>Bühler!L3804</f>
        <v>5.1874752270473934</v>
      </c>
      <c r="M3778" s="58">
        <f>Bühler!M3804</f>
        <v>0</v>
      </c>
      <c r="N3778" s="56">
        <f>IF(Input!$D$19=1,J3778*Input!$C$19,0)+IF(Input!$D$20=1,K3778*Input!$C$20,0)+IF(Input!$D$21=1,L3778*Input!$C$21,0)+IF(Input!$D$22=1,M3778*Input!$C$22,0)</f>
        <v>0.21614480112697473</v>
      </c>
      <c r="O3778" s="59">
        <f>IF(Input!$D$19=2,J3778*Input!$C$19,0)+IF(Input!$D$20=2,K3778*Input!$C$20,0)+IF(Input!$D$21=2,L3778*Input!$C$21,0)+IF(Input!$D$22=2,M3778*Input!$C$22,0)</f>
        <v>0.54036200281743674</v>
      </c>
      <c r="P3778" s="59">
        <f>IF(Input!$D$19=3,J3778*Input!$C$19,0)+IF(Input!$D$20=3,K3778*Input!$C$20,0)+IF(Input!$D$21=3,L3778*Input!$C$21,0)+IF(Input!$D$22=3,M3778*Input!$C$22,0)</f>
        <v>0</v>
      </c>
      <c r="Q3778" s="75">
        <f>IF(Input!$D$19=4,J3778*Input!$C$19,0)+IF(Input!$D$20=4,K3778*Input!$C$20,0)+IF(Input!$D$21=4,L3778*Input!$C$21,0)+IF(Input!$D$22=4,M3778*Input!$C$22,0)</f>
        <v>0</v>
      </c>
      <c r="R3778" s="58">
        <v>59.202748406145844</v>
      </c>
      <c r="S3778" s="124">
        <f t="shared" si="58"/>
        <v>0.93662747155022386</v>
      </c>
    </row>
    <row r="3779" spans="8:19" x14ac:dyDescent="0.3">
      <c r="H3779" s="44">
        <v>3772</v>
      </c>
      <c r="I3779" s="56">
        <f>Bühler!I3805</f>
        <v>0.21614480112697471</v>
      </c>
      <c r="J3779" s="59">
        <f>Bühler!J3805</f>
        <v>0.72048267042324909</v>
      </c>
      <c r="K3779" s="59">
        <f>Bühler!K3805</f>
        <v>1.0807240056348735</v>
      </c>
      <c r="L3779" s="59">
        <f>Bühler!L3805</f>
        <v>5.1874752270473934</v>
      </c>
      <c r="M3779" s="58">
        <f>Bühler!M3805</f>
        <v>0</v>
      </c>
      <c r="N3779" s="56">
        <f>IF(Input!$D$19=1,J3779*Input!$C$19,0)+IF(Input!$D$20=1,K3779*Input!$C$20,0)+IF(Input!$D$21=1,L3779*Input!$C$21,0)+IF(Input!$D$22=1,M3779*Input!$C$22,0)</f>
        <v>0.21614480112697473</v>
      </c>
      <c r="O3779" s="59">
        <f>IF(Input!$D$19=2,J3779*Input!$C$19,0)+IF(Input!$D$20=2,K3779*Input!$C$20,0)+IF(Input!$D$21=2,L3779*Input!$C$21,0)+IF(Input!$D$22=2,M3779*Input!$C$22,0)</f>
        <v>0.54036200281743674</v>
      </c>
      <c r="P3779" s="59">
        <f>IF(Input!$D$19=3,J3779*Input!$C$19,0)+IF(Input!$D$20=3,K3779*Input!$C$20,0)+IF(Input!$D$21=3,L3779*Input!$C$21,0)+IF(Input!$D$22=3,M3779*Input!$C$22,0)</f>
        <v>0</v>
      </c>
      <c r="Q3779" s="75">
        <f>IF(Input!$D$19=4,J3779*Input!$C$19,0)+IF(Input!$D$20=4,K3779*Input!$C$20,0)+IF(Input!$D$21=4,L3779*Input!$C$21,0)+IF(Input!$D$22=4,M3779*Input!$C$22,0)</f>
        <v>0</v>
      </c>
      <c r="R3779" s="58">
        <v>59.814409166625403</v>
      </c>
      <c r="S3779" s="124">
        <f t="shared" si="58"/>
        <v>0.93662747155022386</v>
      </c>
    </row>
    <row r="3780" spans="8:19" x14ac:dyDescent="0.3">
      <c r="H3780" s="44">
        <v>3773</v>
      </c>
      <c r="I3780" s="56">
        <f>Bühler!I3806</f>
        <v>0.21614480112697471</v>
      </c>
      <c r="J3780" s="59">
        <f>Bühler!J3806</f>
        <v>0.72048267042324909</v>
      </c>
      <c r="K3780" s="59">
        <f>Bühler!K3806</f>
        <v>1.0807240056348735</v>
      </c>
      <c r="L3780" s="59">
        <f>Bühler!L3806</f>
        <v>5.1874752270473934</v>
      </c>
      <c r="M3780" s="58">
        <f>Bühler!M3806</f>
        <v>0</v>
      </c>
      <c r="N3780" s="56">
        <f>IF(Input!$D$19=1,J3780*Input!$C$19,0)+IF(Input!$D$20=1,K3780*Input!$C$20,0)+IF(Input!$D$21=1,L3780*Input!$C$21,0)+IF(Input!$D$22=1,M3780*Input!$C$22,0)</f>
        <v>0.21614480112697473</v>
      </c>
      <c r="O3780" s="59">
        <f>IF(Input!$D$19=2,J3780*Input!$C$19,0)+IF(Input!$D$20=2,K3780*Input!$C$20,0)+IF(Input!$D$21=2,L3780*Input!$C$21,0)+IF(Input!$D$22=2,M3780*Input!$C$22,0)</f>
        <v>0.54036200281743674</v>
      </c>
      <c r="P3780" s="59">
        <f>IF(Input!$D$19=3,J3780*Input!$C$19,0)+IF(Input!$D$20=3,K3780*Input!$C$20,0)+IF(Input!$D$21=3,L3780*Input!$C$21,0)+IF(Input!$D$22=3,M3780*Input!$C$22,0)</f>
        <v>0</v>
      </c>
      <c r="Q3780" s="75">
        <f>IF(Input!$D$19=4,J3780*Input!$C$19,0)+IF(Input!$D$20=4,K3780*Input!$C$20,0)+IF(Input!$D$21=4,L3780*Input!$C$21,0)+IF(Input!$D$22=4,M3780*Input!$C$22,0)</f>
        <v>0</v>
      </c>
      <c r="R3780" s="58">
        <v>61.048869252829661</v>
      </c>
      <c r="S3780" s="124">
        <f t="shared" si="58"/>
        <v>0.93662747155022386</v>
      </c>
    </row>
    <row r="3781" spans="8:19" x14ac:dyDescent="0.3">
      <c r="H3781" s="44">
        <v>3774</v>
      </c>
      <c r="I3781" s="56">
        <f>Bühler!I3807</f>
        <v>0.27858663256365629</v>
      </c>
      <c r="J3781" s="59">
        <f>Bühler!J3807</f>
        <v>0.92862210854552107</v>
      </c>
      <c r="K3781" s="59">
        <f>Bühler!K3807</f>
        <v>1.3929331628182815</v>
      </c>
      <c r="L3781" s="59">
        <f>Bühler!L3807</f>
        <v>6.6860791815277514</v>
      </c>
      <c r="M3781" s="58">
        <f>Bühler!M3807</f>
        <v>0</v>
      </c>
      <c r="N3781" s="56">
        <f>IF(Input!$D$19=1,J3781*Input!$C$19,0)+IF(Input!$D$20=1,K3781*Input!$C$20,0)+IF(Input!$D$21=1,L3781*Input!$C$21,0)+IF(Input!$D$22=1,M3781*Input!$C$22,0)</f>
        <v>0.27858663256365629</v>
      </c>
      <c r="O3781" s="59">
        <f>IF(Input!$D$19=2,J3781*Input!$C$19,0)+IF(Input!$D$20=2,K3781*Input!$C$20,0)+IF(Input!$D$21=2,L3781*Input!$C$21,0)+IF(Input!$D$22=2,M3781*Input!$C$22,0)</f>
        <v>0.69646658140914075</v>
      </c>
      <c r="P3781" s="59">
        <f>IF(Input!$D$19=3,J3781*Input!$C$19,0)+IF(Input!$D$20=3,K3781*Input!$C$20,0)+IF(Input!$D$21=3,L3781*Input!$C$21,0)+IF(Input!$D$22=3,M3781*Input!$C$22,0)</f>
        <v>0</v>
      </c>
      <c r="Q3781" s="75">
        <f>IF(Input!$D$19=4,J3781*Input!$C$19,0)+IF(Input!$D$20=4,K3781*Input!$C$20,0)+IF(Input!$D$21=4,L3781*Input!$C$21,0)+IF(Input!$D$22=4,M3781*Input!$C$22,0)</f>
        <v>0</v>
      </c>
      <c r="R3781" s="58">
        <v>64.011329351018063</v>
      </c>
      <c r="S3781" s="124">
        <f t="shared" si="58"/>
        <v>1.2072087411091774</v>
      </c>
    </row>
    <row r="3782" spans="8:19" x14ac:dyDescent="0.3">
      <c r="H3782" s="44">
        <v>3775</v>
      </c>
      <c r="I3782" s="56">
        <f>Bühler!I3808</f>
        <v>0.32181559278905131</v>
      </c>
      <c r="J3782" s="59">
        <f>Bühler!J3808</f>
        <v>1.0727186426301711</v>
      </c>
      <c r="K3782" s="59">
        <f>Bühler!K3808</f>
        <v>1.6090779639452564</v>
      </c>
      <c r="L3782" s="59">
        <f>Bühler!L3808</f>
        <v>7.7235742269372309</v>
      </c>
      <c r="M3782" s="58">
        <f>Bühler!M3808</f>
        <v>0</v>
      </c>
      <c r="N3782" s="56">
        <f>IF(Input!$D$19=1,J3782*Input!$C$19,0)+IF(Input!$D$20=1,K3782*Input!$C$20,0)+IF(Input!$D$21=1,L3782*Input!$C$21,0)+IF(Input!$D$22=1,M3782*Input!$C$22,0)</f>
        <v>0.32181559278905131</v>
      </c>
      <c r="O3782" s="59">
        <f>IF(Input!$D$19=2,J3782*Input!$C$19,0)+IF(Input!$D$20=2,K3782*Input!$C$20,0)+IF(Input!$D$21=2,L3782*Input!$C$21,0)+IF(Input!$D$22=2,M3782*Input!$C$22,0)</f>
        <v>0.80453898197262819</v>
      </c>
      <c r="P3782" s="59">
        <f>IF(Input!$D$19=3,J3782*Input!$C$19,0)+IF(Input!$D$20=3,K3782*Input!$C$20,0)+IF(Input!$D$21=3,L3782*Input!$C$21,0)+IF(Input!$D$22=3,M3782*Input!$C$22,0)</f>
        <v>0</v>
      </c>
      <c r="Q3782" s="75">
        <f>IF(Input!$D$19=4,J3782*Input!$C$19,0)+IF(Input!$D$20=4,K3782*Input!$C$20,0)+IF(Input!$D$21=4,L3782*Input!$C$21,0)+IF(Input!$D$22=4,M3782*Input!$C$22,0)</f>
        <v>0</v>
      </c>
      <c r="R3782" s="58">
        <v>67.013503156509728</v>
      </c>
      <c r="S3782" s="124">
        <f t="shared" si="58"/>
        <v>1.3945342354192225</v>
      </c>
    </row>
    <row r="3783" spans="8:19" x14ac:dyDescent="0.3">
      <c r="H3783" s="44">
        <v>3776</v>
      </c>
      <c r="I3783" s="56">
        <f>Bühler!I3809</f>
        <v>0.32181559278905131</v>
      </c>
      <c r="J3783" s="59">
        <f>Bühler!J3809</f>
        <v>1.0727186426301711</v>
      </c>
      <c r="K3783" s="59">
        <f>Bühler!K3809</f>
        <v>1.6090779639452564</v>
      </c>
      <c r="L3783" s="59">
        <f>Bühler!L3809</f>
        <v>7.7235742269372309</v>
      </c>
      <c r="M3783" s="58">
        <f>Bühler!M3809</f>
        <v>0</v>
      </c>
      <c r="N3783" s="56">
        <f>IF(Input!$D$19=1,J3783*Input!$C$19,0)+IF(Input!$D$20=1,K3783*Input!$C$20,0)+IF(Input!$D$21=1,L3783*Input!$C$21,0)+IF(Input!$D$22=1,M3783*Input!$C$22,0)</f>
        <v>0.32181559278905131</v>
      </c>
      <c r="O3783" s="59">
        <f>IF(Input!$D$19=2,J3783*Input!$C$19,0)+IF(Input!$D$20=2,K3783*Input!$C$20,0)+IF(Input!$D$21=2,L3783*Input!$C$21,0)+IF(Input!$D$22=2,M3783*Input!$C$22,0)</f>
        <v>0.80453898197262819</v>
      </c>
      <c r="P3783" s="59">
        <f>IF(Input!$D$19=3,J3783*Input!$C$19,0)+IF(Input!$D$20=3,K3783*Input!$C$20,0)+IF(Input!$D$21=3,L3783*Input!$C$21,0)+IF(Input!$D$22=3,M3783*Input!$C$22,0)</f>
        <v>0</v>
      </c>
      <c r="Q3783" s="75">
        <f>IF(Input!$D$19=4,J3783*Input!$C$19,0)+IF(Input!$D$20=4,K3783*Input!$C$20,0)+IF(Input!$D$21=4,L3783*Input!$C$21,0)+IF(Input!$D$22=4,M3783*Input!$C$22,0)</f>
        <v>0</v>
      </c>
      <c r="R3783" s="58">
        <v>69.196957778616735</v>
      </c>
      <c r="S3783" s="124">
        <f t="shared" si="58"/>
        <v>1.3945342354192225</v>
      </c>
    </row>
    <row r="3784" spans="8:19" x14ac:dyDescent="0.3">
      <c r="H3784" s="44">
        <v>3777</v>
      </c>
      <c r="I3784" s="56">
        <f>Bühler!I3810</f>
        <v>0.32181559278905131</v>
      </c>
      <c r="J3784" s="59">
        <f>Bühler!J3810</f>
        <v>1.0727186426301711</v>
      </c>
      <c r="K3784" s="59">
        <f>Bühler!K3810</f>
        <v>1.6090779639452564</v>
      </c>
      <c r="L3784" s="59">
        <f>Bühler!L3810</f>
        <v>7.7235742269372309</v>
      </c>
      <c r="M3784" s="58">
        <f>Bühler!M3810</f>
        <v>0</v>
      </c>
      <c r="N3784" s="56">
        <f>IF(Input!$D$19=1,J3784*Input!$C$19,0)+IF(Input!$D$20=1,K3784*Input!$C$20,0)+IF(Input!$D$21=1,L3784*Input!$C$21,0)+IF(Input!$D$22=1,M3784*Input!$C$22,0)</f>
        <v>0.32181559278905131</v>
      </c>
      <c r="O3784" s="59">
        <f>IF(Input!$D$19=2,J3784*Input!$C$19,0)+IF(Input!$D$20=2,K3784*Input!$C$20,0)+IF(Input!$D$21=2,L3784*Input!$C$21,0)+IF(Input!$D$22=2,M3784*Input!$C$22,0)</f>
        <v>0.80453898197262819</v>
      </c>
      <c r="P3784" s="59">
        <f>IF(Input!$D$19=3,J3784*Input!$C$19,0)+IF(Input!$D$20=3,K3784*Input!$C$20,0)+IF(Input!$D$21=3,L3784*Input!$C$21,0)+IF(Input!$D$22=3,M3784*Input!$C$22,0)</f>
        <v>0</v>
      </c>
      <c r="Q3784" s="75">
        <f>IF(Input!$D$19=4,J3784*Input!$C$19,0)+IF(Input!$D$20=4,K3784*Input!$C$20,0)+IF(Input!$D$21=4,L3784*Input!$C$21,0)+IF(Input!$D$22=4,M3784*Input!$C$22,0)</f>
        <v>0</v>
      </c>
      <c r="R3784" s="58">
        <v>70.393816263252617</v>
      </c>
      <c r="S3784" s="124">
        <f t="shared" si="58"/>
        <v>1.3945342354192225</v>
      </c>
    </row>
    <row r="3785" spans="8:19" x14ac:dyDescent="0.3">
      <c r="H3785" s="44">
        <v>3778</v>
      </c>
      <c r="I3785" s="56">
        <f>Bühler!I3811</f>
        <v>0.34583168180315954</v>
      </c>
      <c r="J3785" s="59">
        <f>Bühler!J3811</f>
        <v>1.1527722726771985</v>
      </c>
      <c r="K3785" s="59">
        <f>Bühler!K3811</f>
        <v>1.7291584090157979</v>
      </c>
      <c r="L3785" s="59">
        <f>Bühler!L3811</f>
        <v>8.2999603632758294</v>
      </c>
      <c r="M3785" s="58">
        <f>Bühler!M3811</f>
        <v>0</v>
      </c>
      <c r="N3785" s="56">
        <f>IF(Input!$D$19=1,J3785*Input!$C$19,0)+IF(Input!$D$20=1,K3785*Input!$C$20,0)+IF(Input!$D$21=1,L3785*Input!$C$21,0)+IF(Input!$D$22=1,M3785*Input!$C$22,0)</f>
        <v>0.34583168180315954</v>
      </c>
      <c r="O3785" s="59">
        <f>IF(Input!$D$19=2,J3785*Input!$C$19,0)+IF(Input!$D$20=2,K3785*Input!$C$20,0)+IF(Input!$D$21=2,L3785*Input!$C$21,0)+IF(Input!$D$22=2,M3785*Input!$C$22,0)</f>
        <v>0.86457920450789894</v>
      </c>
      <c r="P3785" s="59">
        <f>IF(Input!$D$19=3,J3785*Input!$C$19,0)+IF(Input!$D$20=3,K3785*Input!$C$20,0)+IF(Input!$D$21=3,L3785*Input!$C$21,0)+IF(Input!$D$22=3,M3785*Input!$C$22,0)</f>
        <v>0</v>
      </c>
      <c r="Q3785" s="75">
        <f>IF(Input!$D$19=4,J3785*Input!$C$19,0)+IF(Input!$D$20=4,K3785*Input!$C$20,0)+IF(Input!$D$21=4,L3785*Input!$C$21,0)+IF(Input!$D$22=4,M3785*Input!$C$22,0)</f>
        <v>0</v>
      </c>
      <c r="R3785" s="58">
        <v>71.143889215295133</v>
      </c>
      <c r="S3785" s="124">
        <f t="shared" ref="S3785:S3848" si="59">I3785+J3785</f>
        <v>1.498603954480358</v>
      </c>
    </row>
    <row r="3786" spans="8:19" x14ac:dyDescent="0.3">
      <c r="H3786" s="44">
        <v>3779</v>
      </c>
      <c r="I3786" s="56">
        <f>Bühler!I3812</f>
        <v>0.3746509886200895</v>
      </c>
      <c r="J3786" s="59">
        <f>Bühler!J3812</f>
        <v>1.2488366287336319</v>
      </c>
      <c r="K3786" s="59">
        <f>Bühler!K3812</f>
        <v>1.8732549431004475</v>
      </c>
      <c r="L3786" s="59">
        <f>Bühler!L3812</f>
        <v>8.9916237268821479</v>
      </c>
      <c r="M3786" s="58">
        <f>Bühler!M3812</f>
        <v>0</v>
      </c>
      <c r="N3786" s="56">
        <f>IF(Input!$D$19=1,J3786*Input!$C$19,0)+IF(Input!$D$20=1,K3786*Input!$C$20,0)+IF(Input!$D$21=1,L3786*Input!$C$21,0)+IF(Input!$D$22=1,M3786*Input!$C$22,0)</f>
        <v>0.37465098862008955</v>
      </c>
      <c r="O3786" s="59">
        <f>IF(Input!$D$19=2,J3786*Input!$C$19,0)+IF(Input!$D$20=2,K3786*Input!$C$20,0)+IF(Input!$D$21=2,L3786*Input!$C$21,0)+IF(Input!$D$22=2,M3786*Input!$C$22,0)</f>
        <v>0.93662747155022374</v>
      </c>
      <c r="P3786" s="59">
        <f>IF(Input!$D$19=3,J3786*Input!$C$19,0)+IF(Input!$D$20=3,K3786*Input!$C$20,0)+IF(Input!$D$21=3,L3786*Input!$C$21,0)+IF(Input!$D$22=3,M3786*Input!$C$22,0)</f>
        <v>0</v>
      </c>
      <c r="Q3786" s="75">
        <f>IF(Input!$D$19=4,J3786*Input!$C$19,0)+IF(Input!$D$20=4,K3786*Input!$C$20,0)+IF(Input!$D$21=4,L3786*Input!$C$21,0)+IF(Input!$D$22=4,M3786*Input!$C$22,0)</f>
        <v>0</v>
      </c>
      <c r="R3786" s="58">
        <v>72.368353825098836</v>
      </c>
      <c r="S3786" s="124">
        <f t="shared" si="59"/>
        <v>1.6234876173537214</v>
      </c>
    </row>
    <row r="3787" spans="8:19" x14ac:dyDescent="0.3">
      <c r="H3787" s="44">
        <v>3780</v>
      </c>
      <c r="I3787" s="56">
        <f>Bühler!I3813</f>
        <v>0.43228960225394941</v>
      </c>
      <c r="J3787" s="59">
        <f>Bühler!J3813</f>
        <v>1.4409653408464982</v>
      </c>
      <c r="K3787" s="59">
        <f>Bühler!K3813</f>
        <v>2.1614480112697469</v>
      </c>
      <c r="L3787" s="59">
        <f>Bühler!L3813</f>
        <v>10.374950454094787</v>
      </c>
      <c r="M3787" s="58">
        <f>Bühler!M3813</f>
        <v>0</v>
      </c>
      <c r="N3787" s="56">
        <f>IF(Input!$D$19=1,J3787*Input!$C$19,0)+IF(Input!$D$20=1,K3787*Input!$C$20,0)+IF(Input!$D$21=1,L3787*Input!$C$21,0)+IF(Input!$D$22=1,M3787*Input!$C$22,0)</f>
        <v>0.43228960225394947</v>
      </c>
      <c r="O3787" s="59">
        <f>IF(Input!$D$19=2,J3787*Input!$C$19,0)+IF(Input!$D$20=2,K3787*Input!$C$20,0)+IF(Input!$D$21=2,L3787*Input!$C$21,0)+IF(Input!$D$22=2,M3787*Input!$C$22,0)</f>
        <v>1.0807240056348735</v>
      </c>
      <c r="P3787" s="59">
        <f>IF(Input!$D$19=3,J3787*Input!$C$19,0)+IF(Input!$D$20=3,K3787*Input!$C$20,0)+IF(Input!$D$21=3,L3787*Input!$C$21,0)+IF(Input!$D$22=3,M3787*Input!$C$22,0)</f>
        <v>0</v>
      </c>
      <c r="Q3787" s="75">
        <f>IF(Input!$D$19=4,J3787*Input!$C$19,0)+IF(Input!$D$20=4,K3787*Input!$C$20,0)+IF(Input!$D$21=4,L3787*Input!$C$21,0)+IF(Input!$D$22=4,M3787*Input!$C$22,0)</f>
        <v>0</v>
      </c>
      <c r="R3787" s="58">
        <v>73.208573827091996</v>
      </c>
      <c r="S3787" s="124">
        <f t="shared" si="59"/>
        <v>1.8732549431004477</v>
      </c>
    </row>
    <row r="3788" spans="8:19" x14ac:dyDescent="0.3">
      <c r="H3788" s="44">
        <v>3781</v>
      </c>
      <c r="I3788" s="56">
        <f>Bühler!I3814</f>
        <v>0.43228960225394941</v>
      </c>
      <c r="J3788" s="59">
        <f>Bühler!J3814</f>
        <v>1.4409653408464982</v>
      </c>
      <c r="K3788" s="59">
        <f>Bühler!K3814</f>
        <v>2.1614480112697469</v>
      </c>
      <c r="L3788" s="59">
        <f>Bühler!L3814</f>
        <v>10.374950454094787</v>
      </c>
      <c r="M3788" s="58">
        <f>Bühler!M3814</f>
        <v>0</v>
      </c>
      <c r="N3788" s="56">
        <f>IF(Input!$D$19=1,J3788*Input!$C$19,0)+IF(Input!$D$20=1,K3788*Input!$C$20,0)+IF(Input!$D$21=1,L3788*Input!$C$21,0)+IF(Input!$D$22=1,M3788*Input!$C$22,0)</f>
        <v>0.43228960225394947</v>
      </c>
      <c r="O3788" s="59">
        <f>IF(Input!$D$19=2,J3788*Input!$C$19,0)+IF(Input!$D$20=2,K3788*Input!$C$20,0)+IF(Input!$D$21=2,L3788*Input!$C$21,0)+IF(Input!$D$22=2,M3788*Input!$C$22,0)</f>
        <v>1.0807240056348735</v>
      </c>
      <c r="P3788" s="59">
        <f>IF(Input!$D$19=3,J3788*Input!$C$19,0)+IF(Input!$D$20=3,K3788*Input!$C$20,0)+IF(Input!$D$21=3,L3788*Input!$C$21,0)+IF(Input!$D$22=3,M3788*Input!$C$22,0)</f>
        <v>0</v>
      </c>
      <c r="Q3788" s="75">
        <f>IF(Input!$D$19=4,J3788*Input!$C$19,0)+IF(Input!$D$20=4,K3788*Input!$C$20,0)+IF(Input!$D$21=4,L3788*Input!$C$21,0)+IF(Input!$D$22=4,M3788*Input!$C$22,0)</f>
        <v>0</v>
      </c>
      <c r="R3788" s="58">
        <v>72.294996510385928</v>
      </c>
      <c r="S3788" s="124">
        <f t="shared" si="59"/>
        <v>1.8732549431004477</v>
      </c>
    </row>
    <row r="3789" spans="8:19" x14ac:dyDescent="0.3">
      <c r="H3789" s="44">
        <v>3782</v>
      </c>
      <c r="I3789" s="56">
        <f>Bühler!I3815</f>
        <v>0.43228960225394941</v>
      </c>
      <c r="J3789" s="59">
        <f>Bühler!J3815</f>
        <v>1.4409653408464982</v>
      </c>
      <c r="K3789" s="59">
        <f>Bühler!K3815</f>
        <v>2.1614480112697469</v>
      </c>
      <c r="L3789" s="59">
        <f>Bühler!L3815</f>
        <v>10.374950454094787</v>
      </c>
      <c r="M3789" s="58">
        <f>Bühler!M3815</f>
        <v>0</v>
      </c>
      <c r="N3789" s="56">
        <f>IF(Input!$D$19=1,J3789*Input!$C$19,0)+IF(Input!$D$20=1,K3789*Input!$C$20,0)+IF(Input!$D$21=1,L3789*Input!$C$21,0)+IF(Input!$D$22=1,M3789*Input!$C$22,0)</f>
        <v>0.43228960225394947</v>
      </c>
      <c r="O3789" s="59">
        <f>IF(Input!$D$19=2,J3789*Input!$C$19,0)+IF(Input!$D$20=2,K3789*Input!$C$20,0)+IF(Input!$D$21=2,L3789*Input!$C$21,0)+IF(Input!$D$22=2,M3789*Input!$C$22,0)</f>
        <v>1.0807240056348735</v>
      </c>
      <c r="P3789" s="59">
        <f>IF(Input!$D$19=3,J3789*Input!$C$19,0)+IF(Input!$D$20=3,K3789*Input!$C$20,0)+IF(Input!$D$21=3,L3789*Input!$C$21,0)+IF(Input!$D$22=3,M3789*Input!$C$22,0)</f>
        <v>0</v>
      </c>
      <c r="Q3789" s="75">
        <f>IF(Input!$D$19=4,J3789*Input!$C$19,0)+IF(Input!$D$20=4,K3789*Input!$C$20,0)+IF(Input!$D$21=4,L3789*Input!$C$21,0)+IF(Input!$D$22=4,M3789*Input!$C$22,0)</f>
        <v>0</v>
      </c>
      <c r="R3789" s="58">
        <v>72.042909821213627</v>
      </c>
      <c r="S3789" s="124">
        <f t="shared" si="59"/>
        <v>1.8732549431004477</v>
      </c>
    </row>
    <row r="3790" spans="8:19" x14ac:dyDescent="0.3">
      <c r="H3790" s="44">
        <v>3783</v>
      </c>
      <c r="I3790" s="56">
        <f>Bühler!I3816</f>
        <v>0.43228960225394941</v>
      </c>
      <c r="J3790" s="59">
        <f>Bühler!J3816</f>
        <v>1.4409653408464982</v>
      </c>
      <c r="K3790" s="59">
        <f>Bühler!K3816</f>
        <v>2.1614480112697469</v>
      </c>
      <c r="L3790" s="59">
        <f>Bühler!L3816</f>
        <v>10.374950454094787</v>
      </c>
      <c r="M3790" s="58">
        <f>Bühler!M3816</f>
        <v>0</v>
      </c>
      <c r="N3790" s="56">
        <f>IF(Input!$D$19=1,J3790*Input!$C$19,0)+IF(Input!$D$20=1,K3790*Input!$C$20,0)+IF(Input!$D$21=1,L3790*Input!$C$21,0)+IF(Input!$D$22=1,M3790*Input!$C$22,0)</f>
        <v>0.43228960225394947</v>
      </c>
      <c r="O3790" s="59">
        <f>IF(Input!$D$19=2,J3790*Input!$C$19,0)+IF(Input!$D$20=2,K3790*Input!$C$20,0)+IF(Input!$D$21=2,L3790*Input!$C$21,0)+IF(Input!$D$22=2,M3790*Input!$C$22,0)</f>
        <v>1.0807240056348735</v>
      </c>
      <c r="P3790" s="59">
        <f>IF(Input!$D$19=3,J3790*Input!$C$19,0)+IF(Input!$D$20=3,K3790*Input!$C$20,0)+IF(Input!$D$21=3,L3790*Input!$C$21,0)+IF(Input!$D$22=3,M3790*Input!$C$22,0)</f>
        <v>0</v>
      </c>
      <c r="Q3790" s="75">
        <f>IF(Input!$D$19=4,J3790*Input!$C$19,0)+IF(Input!$D$20=4,K3790*Input!$C$20,0)+IF(Input!$D$21=4,L3790*Input!$C$21,0)+IF(Input!$D$22=4,M3790*Input!$C$22,0)</f>
        <v>0</v>
      </c>
      <c r="R3790" s="58">
        <v>71.96561955908966</v>
      </c>
      <c r="S3790" s="124">
        <f t="shared" si="59"/>
        <v>1.8732549431004477</v>
      </c>
    </row>
    <row r="3791" spans="8:19" x14ac:dyDescent="0.3">
      <c r="H3791" s="44">
        <v>3784</v>
      </c>
      <c r="I3791" s="56">
        <f>Bühler!I3817</f>
        <v>0.43228960225394941</v>
      </c>
      <c r="J3791" s="59">
        <f>Bühler!J3817</f>
        <v>1.4409653408464982</v>
      </c>
      <c r="K3791" s="59">
        <f>Bühler!K3817</f>
        <v>2.1614480112697469</v>
      </c>
      <c r="L3791" s="59">
        <f>Bühler!L3817</f>
        <v>10.374950454094787</v>
      </c>
      <c r="M3791" s="58">
        <f>Bühler!M3817</f>
        <v>0</v>
      </c>
      <c r="N3791" s="56">
        <f>IF(Input!$D$19=1,J3791*Input!$C$19,0)+IF(Input!$D$20=1,K3791*Input!$C$20,0)+IF(Input!$D$21=1,L3791*Input!$C$21,0)+IF(Input!$D$22=1,M3791*Input!$C$22,0)</f>
        <v>0.43228960225394947</v>
      </c>
      <c r="O3791" s="59">
        <f>IF(Input!$D$19=2,J3791*Input!$C$19,0)+IF(Input!$D$20=2,K3791*Input!$C$20,0)+IF(Input!$D$21=2,L3791*Input!$C$21,0)+IF(Input!$D$22=2,M3791*Input!$C$22,0)</f>
        <v>1.0807240056348735</v>
      </c>
      <c r="P3791" s="59">
        <f>IF(Input!$D$19=3,J3791*Input!$C$19,0)+IF(Input!$D$20=3,K3791*Input!$C$20,0)+IF(Input!$D$21=3,L3791*Input!$C$21,0)+IF(Input!$D$22=3,M3791*Input!$C$22,0)</f>
        <v>0</v>
      </c>
      <c r="Q3791" s="75">
        <f>IF(Input!$D$19=4,J3791*Input!$C$19,0)+IF(Input!$D$20=4,K3791*Input!$C$20,0)+IF(Input!$D$21=4,L3791*Input!$C$21,0)+IF(Input!$D$22=4,M3791*Input!$C$22,0)</f>
        <v>0</v>
      </c>
      <c r="R3791" s="58">
        <v>72.030643191249752</v>
      </c>
      <c r="S3791" s="124">
        <f t="shared" si="59"/>
        <v>1.8732549431004477</v>
      </c>
    </row>
    <row r="3792" spans="8:19" x14ac:dyDescent="0.3">
      <c r="H3792" s="44">
        <v>3785</v>
      </c>
      <c r="I3792" s="56">
        <f>Bühler!I3818</f>
        <v>0.43228960225394941</v>
      </c>
      <c r="J3792" s="59">
        <f>Bühler!J3818</f>
        <v>1.4409653408464982</v>
      </c>
      <c r="K3792" s="59">
        <f>Bühler!K3818</f>
        <v>2.1614480112697469</v>
      </c>
      <c r="L3792" s="59">
        <f>Bühler!L3818</f>
        <v>10.374950454094787</v>
      </c>
      <c r="M3792" s="58">
        <f>Bühler!M3818</f>
        <v>0</v>
      </c>
      <c r="N3792" s="56">
        <f>IF(Input!$D$19=1,J3792*Input!$C$19,0)+IF(Input!$D$20=1,K3792*Input!$C$20,0)+IF(Input!$D$21=1,L3792*Input!$C$21,0)+IF(Input!$D$22=1,M3792*Input!$C$22,0)</f>
        <v>0.43228960225394947</v>
      </c>
      <c r="O3792" s="59">
        <f>IF(Input!$D$19=2,J3792*Input!$C$19,0)+IF(Input!$D$20=2,K3792*Input!$C$20,0)+IF(Input!$D$21=2,L3792*Input!$C$21,0)+IF(Input!$D$22=2,M3792*Input!$C$22,0)</f>
        <v>1.0807240056348735</v>
      </c>
      <c r="P3792" s="59">
        <f>IF(Input!$D$19=3,J3792*Input!$C$19,0)+IF(Input!$D$20=3,K3792*Input!$C$20,0)+IF(Input!$D$21=3,L3792*Input!$C$21,0)+IF(Input!$D$22=3,M3792*Input!$C$22,0)</f>
        <v>0</v>
      </c>
      <c r="Q3792" s="75">
        <f>IF(Input!$D$19=4,J3792*Input!$C$19,0)+IF(Input!$D$20=4,K3792*Input!$C$20,0)+IF(Input!$D$21=4,L3792*Input!$C$21,0)+IF(Input!$D$22=4,M3792*Input!$C$22,0)</f>
        <v>0</v>
      </c>
      <c r="R3792" s="58">
        <v>70.868783525480566</v>
      </c>
      <c r="S3792" s="124">
        <f t="shared" si="59"/>
        <v>1.8732549431004477</v>
      </c>
    </row>
    <row r="3793" spans="8:19" x14ac:dyDescent="0.3">
      <c r="H3793" s="44">
        <v>3786</v>
      </c>
      <c r="I3793" s="56">
        <f>Bühler!I3819</f>
        <v>0.43228960225394941</v>
      </c>
      <c r="J3793" s="59">
        <f>Bühler!J3819</f>
        <v>1.4409653408464982</v>
      </c>
      <c r="K3793" s="59">
        <f>Bühler!K3819</f>
        <v>2.1614480112697469</v>
      </c>
      <c r="L3793" s="59">
        <f>Bühler!L3819</f>
        <v>10.374950454094787</v>
      </c>
      <c r="M3793" s="58">
        <f>Bühler!M3819</f>
        <v>0</v>
      </c>
      <c r="N3793" s="56">
        <f>IF(Input!$D$19=1,J3793*Input!$C$19,0)+IF(Input!$D$20=1,K3793*Input!$C$20,0)+IF(Input!$D$21=1,L3793*Input!$C$21,0)+IF(Input!$D$22=1,M3793*Input!$C$22,0)</f>
        <v>0.43228960225394947</v>
      </c>
      <c r="O3793" s="59">
        <f>IF(Input!$D$19=2,J3793*Input!$C$19,0)+IF(Input!$D$20=2,K3793*Input!$C$20,0)+IF(Input!$D$21=2,L3793*Input!$C$21,0)+IF(Input!$D$22=2,M3793*Input!$C$22,0)</f>
        <v>1.0807240056348735</v>
      </c>
      <c r="P3793" s="59">
        <f>IF(Input!$D$19=3,J3793*Input!$C$19,0)+IF(Input!$D$20=3,K3793*Input!$C$20,0)+IF(Input!$D$21=3,L3793*Input!$C$21,0)+IF(Input!$D$22=3,M3793*Input!$C$22,0)</f>
        <v>0</v>
      </c>
      <c r="Q3793" s="75">
        <f>IF(Input!$D$19=4,J3793*Input!$C$19,0)+IF(Input!$D$20=4,K3793*Input!$C$20,0)+IF(Input!$D$21=4,L3793*Input!$C$21,0)+IF(Input!$D$22=4,M3793*Input!$C$22,0)</f>
        <v>0</v>
      </c>
      <c r="R3793" s="58">
        <v>69.022125811469124</v>
      </c>
      <c r="S3793" s="124">
        <f t="shared" si="59"/>
        <v>1.8732549431004477</v>
      </c>
    </row>
    <row r="3794" spans="8:19" x14ac:dyDescent="0.3">
      <c r="H3794" s="44">
        <v>3787</v>
      </c>
      <c r="I3794" s="56">
        <f>Bühler!I3820</f>
        <v>0.43228960225394941</v>
      </c>
      <c r="J3794" s="59">
        <f>Bühler!J3820</f>
        <v>1.4409653408464982</v>
      </c>
      <c r="K3794" s="59">
        <f>Bühler!K3820</f>
        <v>2.1614480112697469</v>
      </c>
      <c r="L3794" s="59">
        <f>Bühler!L3820</f>
        <v>10.374950454094787</v>
      </c>
      <c r="M3794" s="58">
        <f>Bühler!M3820</f>
        <v>0</v>
      </c>
      <c r="N3794" s="56">
        <f>IF(Input!$D$19=1,J3794*Input!$C$19,0)+IF(Input!$D$20=1,K3794*Input!$C$20,0)+IF(Input!$D$21=1,L3794*Input!$C$21,0)+IF(Input!$D$22=1,M3794*Input!$C$22,0)</f>
        <v>0.43228960225394947</v>
      </c>
      <c r="O3794" s="59">
        <f>IF(Input!$D$19=2,J3794*Input!$C$19,0)+IF(Input!$D$20=2,K3794*Input!$C$20,0)+IF(Input!$D$21=2,L3794*Input!$C$21,0)+IF(Input!$D$22=2,M3794*Input!$C$22,0)</f>
        <v>1.0807240056348735</v>
      </c>
      <c r="P3794" s="59">
        <f>IF(Input!$D$19=3,J3794*Input!$C$19,0)+IF(Input!$D$20=3,K3794*Input!$C$20,0)+IF(Input!$D$21=3,L3794*Input!$C$21,0)+IF(Input!$D$22=3,M3794*Input!$C$22,0)</f>
        <v>0</v>
      </c>
      <c r="Q3794" s="75">
        <f>IF(Input!$D$19=4,J3794*Input!$C$19,0)+IF(Input!$D$20=4,K3794*Input!$C$20,0)+IF(Input!$D$21=4,L3794*Input!$C$21,0)+IF(Input!$D$22=4,M3794*Input!$C$22,0)</f>
        <v>0</v>
      </c>
      <c r="R3794" s="58">
        <v>67.39415374235935</v>
      </c>
      <c r="S3794" s="124">
        <f t="shared" si="59"/>
        <v>1.8732549431004477</v>
      </c>
    </row>
    <row r="3795" spans="8:19" x14ac:dyDescent="0.3">
      <c r="H3795" s="44">
        <v>3788</v>
      </c>
      <c r="I3795" s="56">
        <f>Bühler!I3821</f>
        <v>0.36024133521162455</v>
      </c>
      <c r="J3795" s="59">
        <f>Bühler!J3821</f>
        <v>1.2008044507054152</v>
      </c>
      <c r="K3795" s="59">
        <f>Bühler!K3821</f>
        <v>1.8012066760581227</v>
      </c>
      <c r="L3795" s="59">
        <f>Bühler!L3821</f>
        <v>8.6457920450789896</v>
      </c>
      <c r="M3795" s="58">
        <f>Bühler!M3821</f>
        <v>0</v>
      </c>
      <c r="N3795" s="56">
        <f>IF(Input!$D$19=1,J3795*Input!$C$19,0)+IF(Input!$D$20=1,K3795*Input!$C$20,0)+IF(Input!$D$21=1,L3795*Input!$C$21,0)+IF(Input!$D$22=1,M3795*Input!$C$22,0)</f>
        <v>0.36024133521162455</v>
      </c>
      <c r="O3795" s="59">
        <f>IF(Input!$D$19=2,J3795*Input!$C$19,0)+IF(Input!$D$20=2,K3795*Input!$C$20,0)+IF(Input!$D$21=2,L3795*Input!$C$21,0)+IF(Input!$D$22=2,M3795*Input!$C$22,0)</f>
        <v>0.90060333802906134</v>
      </c>
      <c r="P3795" s="59">
        <f>IF(Input!$D$19=3,J3795*Input!$C$19,0)+IF(Input!$D$20=3,K3795*Input!$C$20,0)+IF(Input!$D$21=3,L3795*Input!$C$21,0)+IF(Input!$D$22=3,M3795*Input!$C$22,0)</f>
        <v>0</v>
      </c>
      <c r="Q3795" s="75">
        <f>IF(Input!$D$19=4,J3795*Input!$C$19,0)+IF(Input!$D$20=4,K3795*Input!$C$20,0)+IF(Input!$D$21=4,L3795*Input!$C$21,0)+IF(Input!$D$22=4,M3795*Input!$C$22,0)</f>
        <v>0</v>
      </c>
      <c r="R3795" s="58">
        <v>66.087993133785901</v>
      </c>
      <c r="S3795" s="124">
        <f t="shared" si="59"/>
        <v>1.5610457859170397</v>
      </c>
    </row>
    <row r="3796" spans="8:19" x14ac:dyDescent="0.3">
      <c r="H3796" s="44">
        <v>3789</v>
      </c>
      <c r="I3796" s="56">
        <f>Bühler!I3822</f>
        <v>0.28819306816929963</v>
      </c>
      <c r="J3796" s="59">
        <f>Bühler!J3822</f>
        <v>0.9606435605643322</v>
      </c>
      <c r="K3796" s="59">
        <f>Bühler!K3822</f>
        <v>1.4409653408464982</v>
      </c>
      <c r="L3796" s="59">
        <f>Bühler!L3822</f>
        <v>6.9166336360631915</v>
      </c>
      <c r="M3796" s="58">
        <f>Bühler!M3822</f>
        <v>0</v>
      </c>
      <c r="N3796" s="56">
        <f>IF(Input!$D$19=1,J3796*Input!$C$19,0)+IF(Input!$D$20=1,K3796*Input!$C$20,0)+IF(Input!$D$21=1,L3796*Input!$C$21,0)+IF(Input!$D$22=1,M3796*Input!$C$22,0)</f>
        <v>0.28819306816929963</v>
      </c>
      <c r="O3796" s="59">
        <f>IF(Input!$D$19=2,J3796*Input!$C$19,0)+IF(Input!$D$20=2,K3796*Input!$C$20,0)+IF(Input!$D$21=2,L3796*Input!$C$21,0)+IF(Input!$D$22=2,M3796*Input!$C$22,0)</f>
        <v>0.72048267042324909</v>
      </c>
      <c r="P3796" s="59">
        <f>IF(Input!$D$19=3,J3796*Input!$C$19,0)+IF(Input!$D$20=3,K3796*Input!$C$20,0)+IF(Input!$D$21=3,L3796*Input!$C$21,0)+IF(Input!$D$22=3,M3796*Input!$C$22,0)</f>
        <v>0</v>
      </c>
      <c r="Q3796" s="75">
        <f>IF(Input!$D$19=4,J3796*Input!$C$19,0)+IF(Input!$D$20=4,K3796*Input!$C$20,0)+IF(Input!$D$21=4,L3796*Input!$C$21,0)+IF(Input!$D$22=4,M3796*Input!$C$22,0)</f>
        <v>0</v>
      </c>
      <c r="R3796" s="58">
        <v>63.978069309933829</v>
      </c>
      <c r="S3796" s="124">
        <f t="shared" si="59"/>
        <v>1.2488366287336319</v>
      </c>
    </row>
    <row r="3797" spans="8:19" x14ac:dyDescent="0.3">
      <c r="H3797" s="44">
        <v>3790</v>
      </c>
      <c r="I3797" s="56">
        <f>Bühler!I3823</f>
        <v>0.21614480112697471</v>
      </c>
      <c r="J3797" s="59">
        <f>Bühler!J3823</f>
        <v>0.72048267042324909</v>
      </c>
      <c r="K3797" s="59">
        <f>Bühler!K3823</f>
        <v>1.0807240056348735</v>
      </c>
      <c r="L3797" s="59">
        <f>Bühler!L3823</f>
        <v>5.1874752270473934</v>
      </c>
      <c r="M3797" s="58">
        <f>Bühler!M3823</f>
        <v>0</v>
      </c>
      <c r="N3797" s="56">
        <f>IF(Input!$D$19=1,J3797*Input!$C$19,0)+IF(Input!$D$20=1,K3797*Input!$C$20,0)+IF(Input!$D$21=1,L3797*Input!$C$21,0)+IF(Input!$D$22=1,M3797*Input!$C$22,0)</f>
        <v>0.21614480112697473</v>
      </c>
      <c r="O3797" s="59">
        <f>IF(Input!$D$19=2,J3797*Input!$C$19,0)+IF(Input!$D$20=2,K3797*Input!$C$20,0)+IF(Input!$D$21=2,L3797*Input!$C$21,0)+IF(Input!$D$22=2,M3797*Input!$C$22,0)</f>
        <v>0.54036200281743674</v>
      </c>
      <c r="P3797" s="59">
        <f>IF(Input!$D$19=3,J3797*Input!$C$19,0)+IF(Input!$D$20=3,K3797*Input!$C$20,0)+IF(Input!$D$21=3,L3797*Input!$C$21,0)+IF(Input!$D$22=3,M3797*Input!$C$22,0)</f>
        <v>0</v>
      </c>
      <c r="Q3797" s="75">
        <f>IF(Input!$D$19=4,J3797*Input!$C$19,0)+IF(Input!$D$20=4,K3797*Input!$C$20,0)+IF(Input!$D$21=4,L3797*Input!$C$21,0)+IF(Input!$D$22=4,M3797*Input!$C$22,0)</f>
        <v>0</v>
      </c>
      <c r="R3797" s="58">
        <v>61.883181340956234</v>
      </c>
      <c r="S3797" s="124">
        <f t="shared" si="59"/>
        <v>0.93662747155022386</v>
      </c>
    </row>
    <row r="3798" spans="8:19" x14ac:dyDescent="0.3">
      <c r="H3798" s="44">
        <v>3791</v>
      </c>
      <c r="I3798" s="56">
        <f>Bühler!I3824</f>
        <v>0.21614480112697471</v>
      </c>
      <c r="J3798" s="59">
        <f>Bühler!J3824</f>
        <v>0.72048267042324909</v>
      </c>
      <c r="K3798" s="59">
        <f>Bühler!K3824</f>
        <v>1.0807240056348735</v>
      </c>
      <c r="L3798" s="59">
        <f>Bühler!L3824</f>
        <v>5.1874752270473934</v>
      </c>
      <c r="M3798" s="58">
        <f>Bühler!M3824</f>
        <v>0</v>
      </c>
      <c r="N3798" s="56">
        <f>IF(Input!$D$19=1,J3798*Input!$C$19,0)+IF(Input!$D$20=1,K3798*Input!$C$20,0)+IF(Input!$D$21=1,L3798*Input!$C$21,0)+IF(Input!$D$22=1,M3798*Input!$C$22,0)</f>
        <v>0.21614480112697473</v>
      </c>
      <c r="O3798" s="59">
        <f>IF(Input!$D$19=2,J3798*Input!$C$19,0)+IF(Input!$D$20=2,K3798*Input!$C$20,0)+IF(Input!$D$21=2,L3798*Input!$C$21,0)+IF(Input!$D$22=2,M3798*Input!$C$22,0)</f>
        <v>0.54036200281743674</v>
      </c>
      <c r="P3798" s="59">
        <f>IF(Input!$D$19=3,J3798*Input!$C$19,0)+IF(Input!$D$20=3,K3798*Input!$C$20,0)+IF(Input!$D$21=3,L3798*Input!$C$21,0)+IF(Input!$D$22=3,M3798*Input!$C$22,0)</f>
        <v>0</v>
      </c>
      <c r="Q3798" s="75">
        <f>IF(Input!$D$19=4,J3798*Input!$C$19,0)+IF(Input!$D$20=4,K3798*Input!$C$20,0)+IF(Input!$D$21=4,L3798*Input!$C$21,0)+IF(Input!$D$22=4,M3798*Input!$C$22,0)</f>
        <v>0</v>
      </c>
      <c r="R3798" s="58">
        <v>61.553296903716841</v>
      </c>
      <c r="S3798" s="124">
        <f t="shared" si="59"/>
        <v>0.93662747155022386</v>
      </c>
    </row>
    <row r="3799" spans="8:19" x14ac:dyDescent="0.3">
      <c r="H3799" s="44">
        <v>3792</v>
      </c>
      <c r="I3799" s="56">
        <f>Bühler!I3825</f>
        <v>0.21614480112697471</v>
      </c>
      <c r="J3799" s="59">
        <f>Bühler!J3825</f>
        <v>0.72048267042324909</v>
      </c>
      <c r="K3799" s="59">
        <f>Bühler!K3825</f>
        <v>1.0807240056348735</v>
      </c>
      <c r="L3799" s="59">
        <f>Bühler!L3825</f>
        <v>5.1874752270473934</v>
      </c>
      <c r="M3799" s="58">
        <f>Bühler!M3825</f>
        <v>0</v>
      </c>
      <c r="N3799" s="56">
        <f>IF(Input!$D$19=1,J3799*Input!$C$19,0)+IF(Input!$D$20=1,K3799*Input!$C$20,0)+IF(Input!$D$21=1,L3799*Input!$C$21,0)+IF(Input!$D$22=1,M3799*Input!$C$22,0)</f>
        <v>0.21614480112697473</v>
      </c>
      <c r="O3799" s="59">
        <f>IF(Input!$D$19=2,J3799*Input!$C$19,0)+IF(Input!$D$20=2,K3799*Input!$C$20,0)+IF(Input!$D$21=2,L3799*Input!$C$21,0)+IF(Input!$D$22=2,M3799*Input!$C$22,0)</f>
        <v>0.54036200281743674</v>
      </c>
      <c r="P3799" s="59">
        <f>IF(Input!$D$19=3,J3799*Input!$C$19,0)+IF(Input!$D$20=3,K3799*Input!$C$20,0)+IF(Input!$D$21=3,L3799*Input!$C$21,0)+IF(Input!$D$22=3,M3799*Input!$C$22,0)</f>
        <v>0</v>
      </c>
      <c r="Q3799" s="75">
        <f>IF(Input!$D$19=4,J3799*Input!$C$19,0)+IF(Input!$D$20=4,K3799*Input!$C$20,0)+IF(Input!$D$21=4,L3799*Input!$C$21,0)+IF(Input!$D$22=4,M3799*Input!$C$22,0)</f>
        <v>0</v>
      </c>
      <c r="R3799" s="58">
        <v>60.871446741954948</v>
      </c>
      <c r="S3799" s="124">
        <f t="shared" si="59"/>
        <v>0.93662747155022386</v>
      </c>
    </row>
    <row r="3800" spans="8:19" x14ac:dyDescent="0.3">
      <c r="H3800" s="44">
        <v>3793</v>
      </c>
      <c r="I3800" s="56">
        <f>Bühler!I3826</f>
        <v>0.23618714491088197</v>
      </c>
      <c r="J3800" s="59">
        <f>Bühler!J3826</f>
        <v>0.78729048303627325</v>
      </c>
      <c r="K3800" s="59">
        <f>Bühler!K3826</f>
        <v>1.1809357245544099</v>
      </c>
      <c r="L3800" s="59">
        <f>Bühler!L3826</f>
        <v>5.668491477861167</v>
      </c>
      <c r="M3800" s="58">
        <f>Bühler!M3826</f>
        <v>0</v>
      </c>
      <c r="N3800" s="56">
        <f>IF(Input!$D$19=1,J3800*Input!$C$19,0)+IF(Input!$D$20=1,K3800*Input!$C$20,0)+IF(Input!$D$21=1,L3800*Input!$C$21,0)+IF(Input!$D$22=1,M3800*Input!$C$22,0)</f>
        <v>0.23618714491088197</v>
      </c>
      <c r="O3800" s="59">
        <f>IF(Input!$D$19=2,J3800*Input!$C$19,0)+IF(Input!$D$20=2,K3800*Input!$C$20,0)+IF(Input!$D$21=2,L3800*Input!$C$21,0)+IF(Input!$D$22=2,M3800*Input!$C$22,0)</f>
        <v>0.59046786227720494</v>
      </c>
      <c r="P3800" s="59">
        <f>IF(Input!$D$19=3,J3800*Input!$C$19,0)+IF(Input!$D$20=3,K3800*Input!$C$20,0)+IF(Input!$D$21=3,L3800*Input!$C$21,0)+IF(Input!$D$22=3,M3800*Input!$C$22,0)</f>
        <v>0</v>
      </c>
      <c r="Q3800" s="75">
        <f>IF(Input!$D$19=4,J3800*Input!$C$19,0)+IF(Input!$D$20=4,K3800*Input!$C$20,0)+IF(Input!$D$21=4,L3800*Input!$C$21,0)+IF(Input!$D$22=4,M3800*Input!$C$22,0)</f>
        <v>0</v>
      </c>
      <c r="R3800" s="58">
        <v>60.35386342905074</v>
      </c>
      <c r="S3800" s="124">
        <f t="shared" si="59"/>
        <v>1.0234776279471551</v>
      </c>
    </row>
    <row r="3801" spans="8:19" x14ac:dyDescent="0.3">
      <c r="H3801" s="44">
        <v>3794</v>
      </c>
      <c r="I3801" s="56">
        <f>Bühler!I3827</f>
        <v>0.23618714491088197</v>
      </c>
      <c r="J3801" s="59">
        <f>Bühler!J3827</f>
        <v>0.78729048303627325</v>
      </c>
      <c r="K3801" s="59">
        <f>Bühler!K3827</f>
        <v>1.1809357245544099</v>
      </c>
      <c r="L3801" s="59">
        <f>Bühler!L3827</f>
        <v>5.668491477861167</v>
      </c>
      <c r="M3801" s="58">
        <f>Bühler!M3827</f>
        <v>0</v>
      </c>
      <c r="N3801" s="56">
        <f>IF(Input!$D$19=1,J3801*Input!$C$19,0)+IF(Input!$D$20=1,K3801*Input!$C$20,0)+IF(Input!$D$21=1,L3801*Input!$C$21,0)+IF(Input!$D$22=1,M3801*Input!$C$22,0)</f>
        <v>0.23618714491088197</v>
      </c>
      <c r="O3801" s="59">
        <f>IF(Input!$D$19=2,J3801*Input!$C$19,0)+IF(Input!$D$20=2,K3801*Input!$C$20,0)+IF(Input!$D$21=2,L3801*Input!$C$21,0)+IF(Input!$D$22=2,M3801*Input!$C$22,0)</f>
        <v>0.59046786227720494</v>
      </c>
      <c r="P3801" s="59">
        <f>IF(Input!$D$19=3,J3801*Input!$C$19,0)+IF(Input!$D$20=3,K3801*Input!$C$20,0)+IF(Input!$D$21=3,L3801*Input!$C$21,0)+IF(Input!$D$22=3,M3801*Input!$C$22,0)</f>
        <v>0</v>
      </c>
      <c r="Q3801" s="75">
        <f>IF(Input!$D$19=4,J3801*Input!$C$19,0)+IF(Input!$D$20=4,K3801*Input!$C$20,0)+IF(Input!$D$21=4,L3801*Input!$C$21,0)+IF(Input!$D$22=4,M3801*Input!$C$22,0)</f>
        <v>0</v>
      </c>
      <c r="R3801" s="58">
        <v>59.231905566364141</v>
      </c>
      <c r="S3801" s="124">
        <f t="shared" si="59"/>
        <v>1.0234776279471551</v>
      </c>
    </row>
    <row r="3802" spans="8:19" x14ac:dyDescent="0.3">
      <c r="H3802" s="44">
        <v>3795</v>
      </c>
      <c r="I3802" s="56">
        <f>Bühler!I3828</f>
        <v>0.23618714491088197</v>
      </c>
      <c r="J3802" s="59">
        <f>Bühler!J3828</f>
        <v>0.78729048303627325</v>
      </c>
      <c r="K3802" s="59">
        <f>Bühler!K3828</f>
        <v>1.1809357245544099</v>
      </c>
      <c r="L3802" s="59">
        <f>Bühler!L3828</f>
        <v>5.668491477861167</v>
      </c>
      <c r="M3802" s="58">
        <f>Bühler!M3828</f>
        <v>0</v>
      </c>
      <c r="N3802" s="56">
        <f>IF(Input!$D$19=1,J3802*Input!$C$19,0)+IF(Input!$D$20=1,K3802*Input!$C$20,0)+IF(Input!$D$21=1,L3802*Input!$C$21,0)+IF(Input!$D$22=1,M3802*Input!$C$22,0)</f>
        <v>0.23618714491088197</v>
      </c>
      <c r="O3802" s="59">
        <f>IF(Input!$D$19=2,J3802*Input!$C$19,0)+IF(Input!$D$20=2,K3802*Input!$C$20,0)+IF(Input!$D$21=2,L3802*Input!$C$21,0)+IF(Input!$D$22=2,M3802*Input!$C$22,0)</f>
        <v>0.59046786227720494</v>
      </c>
      <c r="P3802" s="59">
        <f>IF(Input!$D$19=3,J3802*Input!$C$19,0)+IF(Input!$D$20=3,K3802*Input!$C$20,0)+IF(Input!$D$21=3,L3802*Input!$C$21,0)+IF(Input!$D$22=3,M3802*Input!$C$22,0)</f>
        <v>0</v>
      </c>
      <c r="Q3802" s="75">
        <f>IF(Input!$D$19=4,J3802*Input!$C$19,0)+IF(Input!$D$20=4,K3802*Input!$C$20,0)+IF(Input!$D$21=4,L3802*Input!$C$21,0)+IF(Input!$D$22=4,M3802*Input!$C$22,0)</f>
        <v>0</v>
      </c>
      <c r="R3802" s="58">
        <v>59.374900861635695</v>
      </c>
      <c r="S3802" s="124">
        <f t="shared" si="59"/>
        <v>1.0234776279471551</v>
      </c>
    </row>
    <row r="3803" spans="8:19" x14ac:dyDescent="0.3">
      <c r="H3803" s="44">
        <v>3796</v>
      </c>
      <c r="I3803" s="56">
        <f>Bühler!I3829</f>
        <v>0.23618714491088197</v>
      </c>
      <c r="J3803" s="59">
        <f>Bühler!J3829</f>
        <v>0.78729048303627325</v>
      </c>
      <c r="K3803" s="59">
        <f>Bühler!K3829</f>
        <v>1.1809357245544099</v>
      </c>
      <c r="L3803" s="59">
        <f>Bühler!L3829</f>
        <v>5.668491477861167</v>
      </c>
      <c r="M3803" s="58">
        <f>Bühler!M3829</f>
        <v>0</v>
      </c>
      <c r="N3803" s="56">
        <f>IF(Input!$D$19=1,J3803*Input!$C$19,0)+IF(Input!$D$20=1,K3803*Input!$C$20,0)+IF(Input!$D$21=1,L3803*Input!$C$21,0)+IF(Input!$D$22=1,M3803*Input!$C$22,0)</f>
        <v>0.23618714491088197</v>
      </c>
      <c r="O3803" s="59">
        <f>IF(Input!$D$19=2,J3803*Input!$C$19,0)+IF(Input!$D$20=2,K3803*Input!$C$20,0)+IF(Input!$D$21=2,L3803*Input!$C$21,0)+IF(Input!$D$22=2,M3803*Input!$C$22,0)</f>
        <v>0.59046786227720494</v>
      </c>
      <c r="P3803" s="59">
        <f>IF(Input!$D$19=3,J3803*Input!$C$19,0)+IF(Input!$D$20=3,K3803*Input!$C$20,0)+IF(Input!$D$21=3,L3803*Input!$C$21,0)+IF(Input!$D$22=3,M3803*Input!$C$22,0)</f>
        <v>0</v>
      </c>
      <c r="Q3803" s="75">
        <f>IF(Input!$D$19=4,J3803*Input!$C$19,0)+IF(Input!$D$20=4,K3803*Input!$C$20,0)+IF(Input!$D$21=4,L3803*Input!$C$21,0)+IF(Input!$D$22=4,M3803*Input!$C$22,0)</f>
        <v>0</v>
      </c>
      <c r="R3803" s="58">
        <v>60.156906494818067</v>
      </c>
      <c r="S3803" s="124">
        <f t="shared" si="59"/>
        <v>1.0234776279471551</v>
      </c>
    </row>
    <row r="3804" spans="8:19" x14ac:dyDescent="0.3">
      <c r="H3804" s="44">
        <v>3797</v>
      </c>
      <c r="I3804" s="56">
        <f>Bühler!I3830</f>
        <v>0.23618714491088197</v>
      </c>
      <c r="J3804" s="59">
        <f>Bühler!J3830</f>
        <v>0.78729048303627325</v>
      </c>
      <c r="K3804" s="59">
        <f>Bühler!K3830</f>
        <v>1.1809357245544099</v>
      </c>
      <c r="L3804" s="59">
        <f>Bühler!L3830</f>
        <v>5.668491477861167</v>
      </c>
      <c r="M3804" s="58">
        <f>Bühler!M3830</f>
        <v>0</v>
      </c>
      <c r="N3804" s="56">
        <f>IF(Input!$D$19=1,J3804*Input!$C$19,0)+IF(Input!$D$20=1,K3804*Input!$C$20,0)+IF(Input!$D$21=1,L3804*Input!$C$21,0)+IF(Input!$D$22=1,M3804*Input!$C$22,0)</f>
        <v>0.23618714491088197</v>
      </c>
      <c r="O3804" s="59">
        <f>IF(Input!$D$19=2,J3804*Input!$C$19,0)+IF(Input!$D$20=2,K3804*Input!$C$20,0)+IF(Input!$D$21=2,L3804*Input!$C$21,0)+IF(Input!$D$22=2,M3804*Input!$C$22,0)</f>
        <v>0.59046786227720494</v>
      </c>
      <c r="P3804" s="59">
        <f>IF(Input!$D$19=3,J3804*Input!$C$19,0)+IF(Input!$D$20=3,K3804*Input!$C$20,0)+IF(Input!$D$21=3,L3804*Input!$C$21,0)+IF(Input!$D$22=3,M3804*Input!$C$22,0)</f>
        <v>0</v>
      </c>
      <c r="Q3804" s="75">
        <f>IF(Input!$D$19=4,J3804*Input!$C$19,0)+IF(Input!$D$20=4,K3804*Input!$C$20,0)+IF(Input!$D$21=4,L3804*Input!$C$21,0)+IF(Input!$D$22=4,M3804*Input!$C$22,0)</f>
        <v>0</v>
      </c>
      <c r="R3804" s="58">
        <v>61.327410485575221</v>
      </c>
      <c r="S3804" s="124">
        <f t="shared" si="59"/>
        <v>1.0234776279471551</v>
      </c>
    </row>
    <row r="3805" spans="8:19" x14ac:dyDescent="0.3">
      <c r="H3805" s="44">
        <v>3798</v>
      </c>
      <c r="I3805" s="56">
        <f>Bühler!I3831</f>
        <v>0.30441898677402562</v>
      </c>
      <c r="J3805" s="59">
        <f>Bühler!J3831</f>
        <v>1.0147299559134189</v>
      </c>
      <c r="K3805" s="59">
        <f>Bühler!K3831</f>
        <v>1.5220949338701282</v>
      </c>
      <c r="L3805" s="59">
        <f>Bühler!L3831</f>
        <v>7.3060556825766154</v>
      </c>
      <c r="M3805" s="58">
        <f>Bühler!M3831</f>
        <v>0</v>
      </c>
      <c r="N3805" s="56">
        <f>IF(Input!$D$19=1,J3805*Input!$C$19,0)+IF(Input!$D$20=1,K3805*Input!$C$20,0)+IF(Input!$D$21=1,L3805*Input!$C$21,0)+IF(Input!$D$22=1,M3805*Input!$C$22,0)</f>
        <v>0.30441898677402562</v>
      </c>
      <c r="O3805" s="59">
        <f>IF(Input!$D$19=2,J3805*Input!$C$19,0)+IF(Input!$D$20=2,K3805*Input!$C$20,0)+IF(Input!$D$21=2,L3805*Input!$C$21,0)+IF(Input!$D$22=2,M3805*Input!$C$22,0)</f>
        <v>0.76104746693506409</v>
      </c>
      <c r="P3805" s="59">
        <f>IF(Input!$D$19=3,J3805*Input!$C$19,0)+IF(Input!$D$20=3,K3805*Input!$C$20,0)+IF(Input!$D$21=3,L3805*Input!$C$21,0)+IF(Input!$D$22=3,M3805*Input!$C$22,0)</f>
        <v>0</v>
      </c>
      <c r="Q3805" s="75">
        <f>IF(Input!$D$19=4,J3805*Input!$C$19,0)+IF(Input!$D$20=4,K3805*Input!$C$20,0)+IF(Input!$D$21=4,L3805*Input!$C$21,0)+IF(Input!$D$22=4,M3805*Input!$C$22,0)</f>
        <v>0</v>
      </c>
      <c r="R3805" s="58">
        <v>64.019580302809942</v>
      </c>
      <c r="S3805" s="124">
        <f t="shared" si="59"/>
        <v>1.3191489426874445</v>
      </c>
    </row>
    <row r="3806" spans="8:19" x14ac:dyDescent="0.3">
      <c r="H3806" s="44">
        <v>3799</v>
      </c>
      <c r="I3806" s="56">
        <f>Bühler!I3832</f>
        <v>0.36740222541692752</v>
      </c>
      <c r="J3806" s="59">
        <f>Bühler!J3832</f>
        <v>1.2246740847230919</v>
      </c>
      <c r="K3806" s="59">
        <f>Bühler!K3832</f>
        <v>1.8370111270846374</v>
      </c>
      <c r="L3806" s="59">
        <f>Bühler!L3832</f>
        <v>8.81765341000626</v>
      </c>
      <c r="M3806" s="58">
        <f>Bühler!M3832</f>
        <v>0</v>
      </c>
      <c r="N3806" s="56">
        <f>IF(Input!$D$19=1,J3806*Input!$C$19,0)+IF(Input!$D$20=1,K3806*Input!$C$20,0)+IF(Input!$D$21=1,L3806*Input!$C$21,0)+IF(Input!$D$22=1,M3806*Input!$C$22,0)</f>
        <v>0.36740222541692757</v>
      </c>
      <c r="O3806" s="59">
        <f>IF(Input!$D$19=2,J3806*Input!$C$19,0)+IF(Input!$D$20=2,K3806*Input!$C$20,0)+IF(Input!$D$21=2,L3806*Input!$C$21,0)+IF(Input!$D$22=2,M3806*Input!$C$22,0)</f>
        <v>0.91850556354231871</v>
      </c>
      <c r="P3806" s="59">
        <f>IF(Input!$D$19=3,J3806*Input!$C$19,0)+IF(Input!$D$20=3,K3806*Input!$C$20,0)+IF(Input!$D$21=3,L3806*Input!$C$21,0)+IF(Input!$D$22=3,M3806*Input!$C$22,0)</f>
        <v>0</v>
      </c>
      <c r="Q3806" s="75">
        <f>IF(Input!$D$19=4,J3806*Input!$C$19,0)+IF(Input!$D$20=4,K3806*Input!$C$20,0)+IF(Input!$D$21=4,L3806*Input!$C$21,0)+IF(Input!$D$22=4,M3806*Input!$C$22,0)</f>
        <v>0</v>
      </c>
      <c r="R3806" s="58">
        <v>67.183613350797557</v>
      </c>
      <c r="S3806" s="124">
        <f t="shared" si="59"/>
        <v>1.5920763101400195</v>
      </c>
    </row>
    <row r="3807" spans="8:19" x14ac:dyDescent="0.3">
      <c r="H3807" s="44">
        <v>3800</v>
      </c>
      <c r="I3807" s="56">
        <f>Bühler!I3833</f>
        <v>0.36740222541692752</v>
      </c>
      <c r="J3807" s="59">
        <f>Bühler!J3833</f>
        <v>1.2246740847230919</v>
      </c>
      <c r="K3807" s="59">
        <f>Bühler!K3833</f>
        <v>1.8370111270846374</v>
      </c>
      <c r="L3807" s="59">
        <f>Bühler!L3833</f>
        <v>8.81765341000626</v>
      </c>
      <c r="M3807" s="58">
        <f>Bühler!M3833</f>
        <v>0</v>
      </c>
      <c r="N3807" s="56">
        <f>IF(Input!$D$19=1,J3807*Input!$C$19,0)+IF(Input!$D$20=1,K3807*Input!$C$20,0)+IF(Input!$D$21=1,L3807*Input!$C$21,0)+IF(Input!$D$22=1,M3807*Input!$C$22,0)</f>
        <v>0.36740222541692757</v>
      </c>
      <c r="O3807" s="59">
        <f>IF(Input!$D$19=2,J3807*Input!$C$19,0)+IF(Input!$D$20=2,K3807*Input!$C$20,0)+IF(Input!$D$21=2,L3807*Input!$C$21,0)+IF(Input!$D$22=2,M3807*Input!$C$22,0)</f>
        <v>0.91850556354231871</v>
      </c>
      <c r="P3807" s="59">
        <f>IF(Input!$D$19=3,J3807*Input!$C$19,0)+IF(Input!$D$20=3,K3807*Input!$C$20,0)+IF(Input!$D$21=3,L3807*Input!$C$21,0)+IF(Input!$D$22=3,M3807*Input!$C$22,0)</f>
        <v>0</v>
      </c>
      <c r="Q3807" s="75">
        <f>IF(Input!$D$19=4,J3807*Input!$C$19,0)+IF(Input!$D$20=4,K3807*Input!$C$20,0)+IF(Input!$D$21=4,L3807*Input!$C$21,0)+IF(Input!$D$22=4,M3807*Input!$C$22,0)</f>
        <v>0</v>
      </c>
      <c r="R3807" s="58">
        <v>68.754762606816271</v>
      </c>
      <c r="S3807" s="124">
        <f t="shared" si="59"/>
        <v>1.5920763101400195</v>
      </c>
    </row>
    <row r="3808" spans="8:19" x14ac:dyDescent="0.3">
      <c r="H3808" s="44">
        <v>3801</v>
      </c>
      <c r="I3808" s="56">
        <f>Bühler!I3834</f>
        <v>0.36740222541692752</v>
      </c>
      <c r="J3808" s="59">
        <f>Bühler!J3834</f>
        <v>1.2246740847230919</v>
      </c>
      <c r="K3808" s="59">
        <f>Bühler!K3834</f>
        <v>1.8370111270846374</v>
      </c>
      <c r="L3808" s="59">
        <f>Bühler!L3834</f>
        <v>8.81765341000626</v>
      </c>
      <c r="M3808" s="58">
        <f>Bühler!M3834</f>
        <v>0</v>
      </c>
      <c r="N3808" s="56">
        <f>IF(Input!$D$19=1,J3808*Input!$C$19,0)+IF(Input!$D$20=1,K3808*Input!$C$20,0)+IF(Input!$D$21=1,L3808*Input!$C$21,0)+IF(Input!$D$22=1,M3808*Input!$C$22,0)</f>
        <v>0.36740222541692757</v>
      </c>
      <c r="O3808" s="59">
        <f>IF(Input!$D$19=2,J3808*Input!$C$19,0)+IF(Input!$D$20=2,K3808*Input!$C$20,0)+IF(Input!$D$21=2,L3808*Input!$C$21,0)+IF(Input!$D$22=2,M3808*Input!$C$22,0)</f>
        <v>0.91850556354231871</v>
      </c>
      <c r="P3808" s="59">
        <f>IF(Input!$D$19=3,J3808*Input!$C$19,0)+IF(Input!$D$20=3,K3808*Input!$C$20,0)+IF(Input!$D$21=3,L3808*Input!$C$21,0)+IF(Input!$D$22=3,M3808*Input!$C$22,0)</f>
        <v>0</v>
      </c>
      <c r="Q3808" s="75">
        <f>IF(Input!$D$19=4,J3808*Input!$C$19,0)+IF(Input!$D$20=4,K3808*Input!$C$20,0)+IF(Input!$D$21=4,L3808*Input!$C$21,0)+IF(Input!$D$22=4,M3808*Input!$C$22,0)</f>
        <v>0</v>
      </c>
      <c r="R3808" s="58">
        <v>70.13545064668277</v>
      </c>
      <c r="S3808" s="124">
        <f t="shared" si="59"/>
        <v>1.5920763101400195</v>
      </c>
    </row>
    <row r="3809" spans="8:19" x14ac:dyDescent="0.3">
      <c r="H3809" s="44">
        <v>3802</v>
      </c>
      <c r="I3809" s="56">
        <f>Bühler!I3835</f>
        <v>0.39364524151813662</v>
      </c>
      <c r="J3809" s="59">
        <f>Bühler!J3835</f>
        <v>1.3121508050604556</v>
      </c>
      <c r="K3809" s="59">
        <f>Bühler!K3835</f>
        <v>1.9682262075906829</v>
      </c>
      <c r="L3809" s="59">
        <f>Bühler!L3835</f>
        <v>9.447485796435279</v>
      </c>
      <c r="M3809" s="58">
        <f>Bühler!M3835</f>
        <v>0</v>
      </c>
      <c r="N3809" s="56">
        <f>IF(Input!$D$19=1,J3809*Input!$C$19,0)+IF(Input!$D$20=1,K3809*Input!$C$20,0)+IF(Input!$D$21=1,L3809*Input!$C$21,0)+IF(Input!$D$22=1,M3809*Input!$C$22,0)</f>
        <v>0.39364524151813668</v>
      </c>
      <c r="O3809" s="59">
        <f>IF(Input!$D$19=2,J3809*Input!$C$19,0)+IF(Input!$D$20=2,K3809*Input!$C$20,0)+IF(Input!$D$21=2,L3809*Input!$C$21,0)+IF(Input!$D$22=2,M3809*Input!$C$22,0)</f>
        <v>0.98411310379534145</v>
      </c>
      <c r="P3809" s="59">
        <f>IF(Input!$D$19=3,J3809*Input!$C$19,0)+IF(Input!$D$20=3,K3809*Input!$C$20,0)+IF(Input!$D$21=3,L3809*Input!$C$21,0)+IF(Input!$D$22=3,M3809*Input!$C$22,0)</f>
        <v>0</v>
      </c>
      <c r="Q3809" s="75">
        <f>IF(Input!$D$19=4,J3809*Input!$C$19,0)+IF(Input!$D$20=4,K3809*Input!$C$20,0)+IF(Input!$D$21=4,L3809*Input!$C$21,0)+IF(Input!$D$22=4,M3809*Input!$C$22,0)</f>
        <v>0</v>
      </c>
      <c r="R3809" s="58">
        <v>70.33454989181196</v>
      </c>
      <c r="S3809" s="124">
        <f t="shared" si="59"/>
        <v>1.7057960465785922</v>
      </c>
    </row>
    <row r="3810" spans="8:19" x14ac:dyDescent="0.3">
      <c r="H3810" s="44">
        <v>3803</v>
      </c>
      <c r="I3810" s="56">
        <f>Bühler!I3836</f>
        <v>0.4093910511788621</v>
      </c>
      <c r="J3810" s="59">
        <f>Bühler!J3836</f>
        <v>1.3646368372628739</v>
      </c>
      <c r="K3810" s="59">
        <f>Bühler!K3836</f>
        <v>2.0469552558943107</v>
      </c>
      <c r="L3810" s="59">
        <f>Bühler!L3836</f>
        <v>9.8253852282926903</v>
      </c>
      <c r="M3810" s="58">
        <f>Bühler!M3836</f>
        <v>0</v>
      </c>
      <c r="N3810" s="56">
        <f>IF(Input!$D$19=1,J3810*Input!$C$19,0)+IF(Input!$D$20=1,K3810*Input!$C$20,0)+IF(Input!$D$21=1,L3810*Input!$C$21,0)+IF(Input!$D$22=1,M3810*Input!$C$22,0)</f>
        <v>0.40939105117886215</v>
      </c>
      <c r="O3810" s="59">
        <f>IF(Input!$D$19=2,J3810*Input!$C$19,0)+IF(Input!$D$20=2,K3810*Input!$C$20,0)+IF(Input!$D$21=2,L3810*Input!$C$21,0)+IF(Input!$D$22=2,M3810*Input!$C$22,0)</f>
        <v>1.0234776279471554</v>
      </c>
      <c r="P3810" s="59">
        <f>IF(Input!$D$19=3,J3810*Input!$C$19,0)+IF(Input!$D$20=3,K3810*Input!$C$20,0)+IF(Input!$D$21=3,L3810*Input!$C$21,0)+IF(Input!$D$22=3,M3810*Input!$C$22,0)</f>
        <v>0</v>
      </c>
      <c r="Q3810" s="75">
        <f>IF(Input!$D$19=4,J3810*Input!$C$19,0)+IF(Input!$D$20=4,K3810*Input!$C$20,0)+IF(Input!$D$21=4,L3810*Input!$C$21,0)+IF(Input!$D$22=4,M3810*Input!$C$22,0)</f>
        <v>0</v>
      </c>
      <c r="R3810" s="58">
        <v>70.763992895482005</v>
      </c>
      <c r="S3810" s="124">
        <f t="shared" si="59"/>
        <v>1.774027888441736</v>
      </c>
    </row>
    <row r="3811" spans="8:19" x14ac:dyDescent="0.3">
      <c r="H3811" s="44">
        <v>3804</v>
      </c>
      <c r="I3811" s="56">
        <f>Bühler!I3837</f>
        <v>0.47237428982176394</v>
      </c>
      <c r="J3811" s="59">
        <f>Bühler!J3837</f>
        <v>1.5745809660725465</v>
      </c>
      <c r="K3811" s="59">
        <f>Bühler!K3837</f>
        <v>2.3618714491088197</v>
      </c>
      <c r="L3811" s="59">
        <f>Bühler!L3837</f>
        <v>11.336982955722334</v>
      </c>
      <c r="M3811" s="58">
        <f>Bühler!M3837</f>
        <v>0</v>
      </c>
      <c r="N3811" s="56">
        <f>IF(Input!$D$19=1,J3811*Input!$C$19,0)+IF(Input!$D$20=1,K3811*Input!$C$20,0)+IF(Input!$D$21=1,L3811*Input!$C$21,0)+IF(Input!$D$22=1,M3811*Input!$C$22,0)</f>
        <v>0.47237428982176394</v>
      </c>
      <c r="O3811" s="59">
        <f>IF(Input!$D$19=2,J3811*Input!$C$19,0)+IF(Input!$D$20=2,K3811*Input!$C$20,0)+IF(Input!$D$21=2,L3811*Input!$C$21,0)+IF(Input!$D$22=2,M3811*Input!$C$22,0)</f>
        <v>1.1809357245544099</v>
      </c>
      <c r="P3811" s="59">
        <f>IF(Input!$D$19=3,J3811*Input!$C$19,0)+IF(Input!$D$20=3,K3811*Input!$C$20,0)+IF(Input!$D$21=3,L3811*Input!$C$21,0)+IF(Input!$D$22=3,M3811*Input!$C$22,0)</f>
        <v>0</v>
      </c>
      <c r="Q3811" s="75">
        <f>IF(Input!$D$19=4,J3811*Input!$C$19,0)+IF(Input!$D$20=4,K3811*Input!$C$20,0)+IF(Input!$D$21=4,L3811*Input!$C$21,0)+IF(Input!$D$22=4,M3811*Input!$C$22,0)</f>
        <v>0</v>
      </c>
      <c r="R3811" s="58">
        <v>71.474377951904827</v>
      </c>
      <c r="S3811" s="124">
        <f t="shared" si="59"/>
        <v>2.0469552558943103</v>
      </c>
    </row>
    <row r="3812" spans="8:19" x14ac:dyDescent="0.3">
      <c r="H3812" s="44">
        <v>3805</v>
      </c>
      <c r="I3812" s="56">
        <f>Bühler!I3838</f>
        <v>0.47237428982176394</v>
      </c>
      <c r="J3812" s="59">
        <f>Bühler!J3838</f>
        <v>1.5745809660725465</v>
      </c>
      <c r="K3812" s="59">
        <f>Bühler!K3838</f>
        <v>2.3618714491088197</v>
      </c>
      <c r="L3812" s="59">
        <f>Bühler!L3838</f>
        <v>11.336982955722334</v>
      </c>
      <c r="M3812" s="58">
        <f>Bühler!M3838</f>
        <v>0</v>
      </c>
      <c r="N3812" s="56">
        <f>IF(Input!$D$19=1,J3812*Input!$C$19,0)+IF(Input!$D$20=1,K3812*Input!$C$20,0)+IF(Input!$D$21=1,L3812*Input!$C$21,0)+IF(Input!$D$22=1,M3812*Input!$C$22,0)</f>
        <v>0.47237428982176394</v>
      </c>
      <c r="O3812" s="59">
        <f>IF(Input!$D$19=2,J3812*Input!$C$19,0)+IF(Input!$D$20=2,K3812*Input!$C$20,0)+IF(Input!$D$21=2,L3812*Input!$C$21,0)+IF(Input!$D$22=2,M3812*Input!$C$22,0)</f>
        <v>1.1809357245544099</v>
      </c>
      <c r="P3812" s="59">
        <f>IF(Input!$D$19=3,J3812*Input!$C$19,0)+IF(Input!$D$20=3,K3812*Input!$C$20,0)+IF(Input!$D$21=3,L3812*Input!$C$21,0)+IF(Input!$D$22=3,M3812*Input!$C$22,0)</f>
        <v>0</v>
      </c>
      <c r="Q3812" s="75">
        <f>IF(Input!$D$19=4,J3812*Input!$C$19,0)+IF(Input!$D$20=4,K3812*Input!$C$20,0)+IF(Input!$D$21=4,L3812*Input!$C$21,0)+IF(Input!$D$22=4,M3812*Input!$C$22,0)</f>
        <v>0</v>
      </c>
      <c r="R3812" s="58">
        <v>70.44944795344658</v>
      </c>
      <c r="S3812" s="124">
        <f t="shared" si="59"/>
        <v>2.0469552558943103</v>
      </c>
    </row>
    <row r="3813" spans="8:19" x14ac:dyDescent="0.3">
      <c r="H3813" s="44">
        <v>3806</v>
      </c>
      <c r="I3813" s="56">
        <f>Bühler!I3839</f>
        <v>0.47237428982176394</v>
      </c>
      <c r="J3813" s="59">
        <f>Bühler!J3839</f>
        <v>1.5745809660725465</v>
      </c>
      <c r="K3813" s="59">
        <f>Bühler!K3839</f>
        <v>2.3618714491088197</v>
      </c>
      <c r="L3813" s="59">
        <f>Bühler!L3839</f>
        <v>11.336982955722334</v>
      </c>
      <c r="M3813" s="58">
        <f>Bühler!M3839</f>
        <v>0</v>
      </c>
      <c r="N3813" s="56">
        <f>IF(Input!$D$19=1,J3813*Input!$C$19,0)+IF(Input!$D$20=1,K3813*Input!$C$20,0)+IF(Input!$D$21=1,L3813*Input!$C$21,0)+IF(Input!$D$22=1,M3813*Input!$C$22,0)</f>
        <v>0.47237428982176394</v>
      </c>
      <c r="O3813" s="59">
        <f>IF(Input!$D$19=2,J3813*Input!$C$19,0)+IF(Input!$D$20=2,K3813*Input!$C$20,0)+IF(Input!$D$21=2,L3813*Input!$C$21,0)+IF(Input!$D$22=2,M3813*Input!$C$22,0)</f>
        <v>1.1809357245544099</v>
      </c>
      <c r="P3813" s="59">
        <f>IF(Input!$D$19=3,J3813*Input!$C$19,0)+IF(Input!$D$20=3,K3813*Input!$C$20,0)+IF(Input!$D$21=3,L3813*Input!$C$21,0)+IF(Input!$D$22=3,M3813*Input!$C$22,0)</f>
        <v>0</v>
      </c>
      <c r="Q3813" s="75">
        <f>IF(Input!$D$19=4,J3813*Input!$C$19,0)+IF(Input!$D$20=4,K3813*Input!$C$20,0)+IF(Input!$D$21=4,L3813*Input!$C$21,0)+IF(Input!$D$22=4,M3813*Input!$C$22,0)</f>
        <v>0</v>
      </c>
      <c r="R3813" s="58">
        <v>69.775931121190141</v>
      </c>
      <c r="S3813" s="124">
        <f t="shared" si="59"/>
        <v>2.0469552558943103</v>
      </c>
    </row>
    <row r="3814" spans="8:19" x14ac:dyDescent="0.3">
      <c r="H3814" s="44">
        <v>3807</v>
      </c>
      <c r="I3814" s="56">
        <f>Bühler!I3840</f>
        <v>0.47237428982176394</v>
      </c>
      <c r="J3814" s="59">
        <f>Bühler!J3840</f>
        <v>1.5745809660725465</v>
      </c>
      <c r="K3814" s="59">
        <f>Bühler!K3840</f>
        <v>2.3618714491088197</v>
      </c>
      <c r="L3814" s="59">
        <f>Bühler!L3840</f>
        <v>11.336982955722334</v>
      </c>
      <c r="M3814" s="58">
        <f>Bühler!M3840</f>
        <v>0</v>
      </c>
      <c r="N3814" s="56">
        <f>IF(Input!$D$19=1,J3814*Input!$C$19,0)+IF(Input!$D$20=1,K3814*Input!$C$20,0)+IF(Input!$D$21=1,L3814*Input!$C$21,0)+IF(Input!$D$22=1,M3814*Input!$C$22,0)</f>
        <v>0.47237428982176394</v>
      </c>
      <c r="O3814" s="59">
        <f>IF(Input!$D$19=2,J3814*Input!$C$19,0)+IF(Input!$D$20=2,K3814*Input!$C$20,0)+IF(Input!$D$21=2,L3814*Input!$C$21,0)+IF(Input!$D$22=2,M3814*Input!$C$22,0)</f>
        <v>1.1809357245544099</v>
      </c>
      <c r="P3814" s="59">
        <f>IF(Input!$D$19=3,J3814*Input!$C$19,0)+IF(Input!$D$20=3,K3814*Input!$C$20,0)+IF(Input!$D$21=3,L3814*Input!$C$21,0)+IF(Input!$D$22=3,M3814*Input!$C$22,0)</f>
        <v>0</v>
      </c>
      <c r="Q3814" s="75">
        <f>IF(Input!$D$19=4,J3814*Input!$C$19,0)+IF(Input!$D$20=4,K3814*Input!$C$20,0)+IF(Input!$D$21=4,L3814*Input!$C$21,0)+IF(Input!$D$22=4,M3814*Input!$C$22,0)</f>
        <v>0</v>
      </c>
      <c r="R3814" s="58">
        <v>70.128478197005577</v>
      </c>
      <c r="S3814" s="124">
        <f t="shared" si="59"/>
        <v>2.0469552558943103</v>
      </c>
    </row>
    <row r="3815" spans="8:19" x14ac:dyDescent="0.3">
      <c r="H3815" s="44">
        <v>3808</v>
      </c>
      <c r="I3815" s="56">
        <f>Bühler!I3841</f>
        <v>0.39364524151813662</v>
      </c>
      <c r="J3815" s="59">
        <f>Bühler!J3841</f>
        <v>1.3121508050604556</v>
      </c>
      <c r="K3815" s="59">
        <f>Bühler!K3841</f>
        <v>1.9682262075906829</v>
      </c>
      <c r="L3815" s="59">
        <f>Bühler!L3841</f>
        <v>9.447485796435279</v>
      </c>
      <c r="M3815" s="58">
        <f>Bühler!M3841</f>
        <v>0</v>
      </c>
      <c r="N3815" s="56">
        <f>IF(Input!$D$19=1,J3815*Input!$C$19,0)+IF(Input!$D$20=1,K3815*Input!$C$20,0)+IF(Input!$D$21=1,L3815*Input!$C$21,0)+IF(Input!$D$22=1,M3815*Input!$C$22,0)</f>
        <v>0.39364524151813668</v>
      </c>
      <c r="O3815" s="59">
        <f>IF(Input!$D$19=2,J3815*Input!$C$19,0)+IF(Input!$D$20=2,K3815*Input!$C$20,0)+IF(Input!$D$21=2,L3815*Input!$C$21,0)+IF(Input!$D$22=2,M3815*Input!$C$22,0)</f>
        <v>0.98411310379534145</v>
      </c>
      <c r="P3815" s="59">
        <f>IF(Input!$D$19=3,J3815*Input!$C$19,0)+IF(Input!$D$20=3,K3815*Input!$C$20,0)+IF(Input!$D$21=3,L3815*Input!$C$21,0)+IF(Input!$D$22=3,M3815*Input!$C$22,0)</f>
        <v>0</v>
      </c>
      <c r="Q3815" s="75">
        <f>IF(Input!$D$19=4,J3815*Input!$C$19,0)+IF(Input!$D$20=4,K3815*Input!$C$20,0)+IF(Input!$D$21=4,L3815*Input!$C$21,0)+IF(Input!$D$22=4,M3815*Input!$C$22,0)</f>
        <v>0</v>
      </c>
      <c r="R3815" s="58">
        <v>69.050134528291451</v>
      </c>
      <c r="S3815" s="124">
        <f t="shared" si="59"/>
        <v>1.7057960465785922</v>
      </c>
    </row>
    <row r="3816" spans="8:19" x14ac:dyDescent="0.3">
      <c r="H3816" s="44">
        <v>3809</v>
      </c>
      <c r="I3816" s="56">
        <f>Bühler!I3842</f>
        <v>0.37265082863716931</v>
      </c>
      <c r="J3816" s="59">
        <f>Bühler!J3842</f>
        <v>1.2421694287905645</v>
      </c>
      <c r="K3816" s="59">
        <f>Bühler!K3842</f>
        <v>1.8632541431858467</v>
      </c>
      <c r="L3816" s="59">
        <f>Bühler!L3842</f>
        <v>8.9436198872920638</v>
      </c>
      <c r="M3816" s="58">
        <f>Bühler!M3842</f>
        <v>0</v>
      </c>
      <c r="N3816" s="56">
        <f>IF(Input!$D$19=1,J3816*Input!$C$19,0)+IF(Input!$D$20=1,K3816*Input!$C$20,0)+IF(Input!$D$21=1,L3816*Input!$C$21,0)+IF(Input!$D$22=1,M3816*Input!$C$22,0)</f>
        <v>0.37265082863716931</v>
      </c>
      <c r="O3816" s="59">
        <f>IF(Input!$D$19=2,J3816*Input!$C$19,0)+IF(Input!$D$20=2,K3816*Input!$C$20,0)+IF(Input!$D$21=2,L3816*Input!$C$21,0)+IF(Input!$D$22=2,M3816*Input!$C$22,0)</f>
        <v>0.93162707159292335</v>
      </c>
      <c r="P3816" s="59">
        <f>IF(Input!$D$19=3,J3816*Input!$C$19,0)+IF(Input!$D$20=3,K3816*Input!$C$20,0)+IF(Input!$D$21=3,L3816*Input!$C$21,0)+IF(Input!$D$22=3,M3816*Input!$C$22,0)</f>
        <v>0</v>
      </c>
      <c r="Q3816" s="75">
        <f>IF(Input!$D$19=4,J3816*Input!$C$19,0)+IF(Input!$D$20=4,K3816*Input!$C$20,0)+IF(Input!$D$21=4,L3816*Input!$C$21,0)+IF(Input!$D$22=4,M3816*Input!$C$22,0)</f>
        <v>0</v>
      </c>
      <c r="R3816" s="58">
        <v>67.542945388536822</v>
      </c>
      <c r="S3816" s="124">
        <f t="shared" si="59"/>
        <v>1.6148202574277337</v>
      </c>
    </row>
    <row r="3817" spans="8:19" x14ac:dyDescent="0.3">
      <c r="H3817" s="44">
        <v>3810</v>
      </c>
      <c r="I3817" s="56">
        <f>Bühler!I3843</f>
        <v>0.37265082863716931</v>
      </c>
      <c r="J3817" s="59">
        <f>Bühler!J3843</f>
        <v>1.2421694287905645</v>
      </c>
      <c r="K3817" s="59">
        <f>Bühler!K3843</f>
        <v>1.8632541431858467</v>
      </c>
      <c r="L3817" s="59">
        <f>Bühler!L3843</f>
        <v>8.9436198872920638</v>
      </c>
      <c r="M3817" s="58">
        <f>Bühler!M3843</f>
        <v>0</v>
      </c>
      <c r="N3817" s="56">
        <f>IF(Input!$D$19=1,J3817*Input!$C$19,0)+IF(Input!$D$20=1,K3817*Input!$C$20,0)+IF(Input!$D$21=1,L3817*Input!$C$21,0)+IF(Input!$D$22=1,M3817*Input!$C$22,0)</f>
        <v>0.37265082863716931</v>
      </c>
      <c r="O3817" s="59">
        <f>IF(Input!$D$19=2,J3817*Input!$C$19,0)+IF(Input!$D$20=2,K3817*Input!$C$20,0)+IF(Input!$D$21=2,L3817*Input!$C$21,0)+IF(Input!$D$22=2,M3817*Input!$C$22,0)</f>
        <v>0.93162707159292335</v>
      </c>
      <c r="P3817" s="59">
        <f>IF(Input!$D$19=3,J3817*Input!$C$19,0)+IF(Input!$D$20=3,K3817*Input!$C$20,0)+IF(Input!$D$21=3,L3817*Input!$C$21,0)+IF(Input!$D$22=3,M3817*Input!$C$22,0)</f>
        <v>0</v>
      </c>
      <c r="Q3817" s="75">
        <f>IF(Input!$D$19=4,J3817*Input!$C$19,0)+IF(Input!$D$20=4,K3817*Input!$C$20,0)+IF(Input!$D$21=4,L3817*Input!$C$21,0)+IF(Input!$D$22=4,M3817*Input!$C$22,0)</f>
        <v>0</v>
      </c>
      <c r="R3817" s="58">
        <v>65.391881624567091</v>
      </c>
      <c r="S3817" s="124">
        <f t="shared" si="59"/>
        <v>1.6148202574277337</v>
      </c>
    </row>
    <row r="3818" spans="8:19" x14ac:dyDescent="0.3">
      <c r="H3818" s="44">
        <v>3811</v>
      </c>
      <c r="I3818" s="56">
        <f>Bühler!I3844</f>
        <v>0.37265082863716931</v>
      </c>
      <c r="J3818" s="59">
        <f>Bühler!J3844</f>
        <v>1.2421694287905645</v>
      </c>
      <c r="K3818" s="59">
        <f>Bühler!K3844</f>
        <v>1.8632541431858467</v>
      </c>
      <c r="L3818" s="59">
        <f>Bühler!L3844</f>
        <v>8.9436198872920638</v>
      </c>
      <c r="M3818" s="58">
        <f>Bühler!M3844</f>
        <v>0</v>
      </c>
      <c r="N3818" s="56">
        <f>IF(Input!$D$19=1,J3818*Input!$C$19,0)+IF(Input!$D$20=1,K3818*Input!$C$20,0)+IF(Input!$D$21=1,L3818*Input!$C$21,0)+IF(Input!$D$22=1,M3818*Input!$C$22,0)</f>
        <v>0.37265082863716931</v>
      </c>
      <c r="O3818" s="59">
        <f>IF(Input!$D$19=2,J3818*Input!$C$19,0)+IF(Input!$D$20=2,K3818*Input!$C$20,0)+IF(Input!$D$21=2,L3818*Input!$C$21,0)+IF(Input!$D$22=2,M3818*Input!$C$22,0)</f>
        <v>0.93162707159292335</v>
      </c>
      <c r="P3818" s="59">
        <f>IF(Input!$D$19=3,J3818*Input!$C$19,0)+IF(Input!$D$20=3,K3818*Input!$C$20,0)+IF(Input!$D$21=3,L3818*Input!$C$21,0)+IF(Input!$D$22=3,M3818*Input!$C$22,0)</f>
        <v>0</v>
      </c>
      <c r="Q3818" s="75">
        <f>IF(Input!$D$19=4,J3818*Input!$C$19,0)+IF(Input!$D$20=4,K3818*Input!$C$20,0)+IF(Input!$D$21=4,L3818*Input!$C$21,0)+IF(Input!$D$22=4,M3818*Input!$C$22,0)</f>
        <v>0</v>
      </c>
      <c r="R3818" s="58">
        <v>64.087956354865298</v>
      </c>
      <c r="S3818" s="124">
        <f t="shared" si="59"/>
        <v>1.6148202574277337</v>
      </c>
    </row>
    <row r="3819" spans="8:19" x14ac:dyDescent="0.3">
      <c r="H3819" s="44">
        <v>3812</v>
      </c>
      <c r="I3819" s="56">
        <f>Bühler!I3845</f>
        <v>0.37265082863716931</v>
      </c>
      <c r="J3819" s="59">
        <f>Bühler!J3845</f>
        <v>1.2421694287905645</v>
      </c>
      <c r="K3819" s="59">
        <f>Bühler!K3845</f>
        <v>1.8632541431858467</v>
      </c>
      <c r="L3819" s="59">
        <f>Bühler!L3845</f>
        <v>8.9436198872920638</v>
      </c>
      <c r="M3819" s="58">
        <f>Bühler!M3845</f>
        <v>0</v>
      </c>
      <c r="N3819" s="56">
        <f>IF(Input!$D$19=1,J3819*Input!$C$19,0)+IF(Input!$D$20=1,K3819*Input!$C$20,0)+IF(Input!$D$21=1,L3819*Input!$C$21,0)+IF(Input!$D$22=1,M3819*Input!$C$22,0)</f>
        <v>0.37265082863716931</v>
      </c>
      <c r="O3819" s="59">
        <f>IF(Input!$D$19=2,J3819*Input!$C$19,0)+IF(Input!$D$20=2,K3819*Input!$C$20,0)+IF(Input!$D$21=2,L3819*Input!$C$21,0)+IF(Input!$D$22=2,M3819*Input!$C$22,0)</f>
        <v>0.93162707159292335</v>
      </c>
      <c r="P3819" s="59">
        <f>IF(Input!$D$19=3,J3819*Input!$C$19,0)+IF(Input!$D$20=3,K3819*Input!$C$20,0)+IF(Input!$D$21=3,L3819*Input!$C$21,0)+IF(Input!$D$22=3,M3819*Input!$C$22,0)</f>
        <v>0</v>
      </c>
      <c r="Q3819" s="75">
        <f>IF(Input!$D$19=4,J3819*Input!$C$19,0)+IF(Input!$D$20=4,K3819*Input!$C$20,0)+IF(Input!$D$21=4,L3819*Input!$C$21,0)+IF(Input!$D$22=4,M3819*Input!$C$22,0)</f>
        <v>0</v>
      </c>
      <c r="R3819" s="58">
        <v>62.660590003514884</v>
      </c>
      <c r="S3819" s="124">
        <f t="shared" si="59"/>
        <v>1.6148202574277337</v>
      </c>
    </row>
    <row r="3820" spans="8:19" x14ac:dyDescent="0.3">
      <c r="H3820" s="44">
        <v>3813</v>
      </c>
      <c r="I3820" s="56">
        <f>Bühler!I3846</f>
        <v>0.28867317711330015</v>
      </c>
      <c r="J3820" s="59">
        <f>Bühler!J3846</f>
        <v>0.96224392371100065</v>
      </c>
      <c r="K3820" s="59">
        <f>Bühler!K3846</f>
        <v>1.4433658855665008</v>
      </c>
      <c r="L3820" s="59">
        <f>Bühler!L3846</f>
        <v>6.928156250719204</v>
      </c>
      <c r="M3820" s="58">
        <f>Bühler!M3846</f>
        <v>0</v>
      </c>
      <c r="N3820" s="56">
        <f>IF(Input!$D$19=1,J3820*Input!$C$19,0)+IF(Input!$D$20=1,K3820*Input!$C$20,0)+IF(Input!$D$21=1,L3820*Input!$C$21,0)+IF(Input!$D$22=1,M3820*Input!$C$22,0)</f>
        <v>0.28867317711330021</v>
      </c>
      <c r="O3820" s="59">
        <f>IF(Input!$D$19=2,J3820*Input!$C$19,0)+IF(Input!$D$20=2,K3820*Input!$C$20,0)+IF(Input!$D$21=2,L3820*Input!$C$21,0)+IF(Input!$D$22=2,M3820*Input!$C$22,0)</f>
        <v>0.7216829427832504</v>
      </c>
      <c r="P3820" s="59">
        <f>IF(Input!$D$19=3,J3820*Input!$C$19,0)+IF(Input!$D$20=3,K3820*Input!$C$20,0)+IF(Input!$D$21=3,L3820*Input!$C$21,0)+IF(Input!$D$22=3,M3820*Input!$C$22,0)</f>
        <v>0</v>
      </c>
      <c r="Q3820" s="75">
        <f>IF(Input!$D$19=4,J3820*Input!$C$19,0)+IF(Input!$D$20=4,K3820*Input!$C$20,0)+IF(Input!$D$21=4,L3820*Input!$C$21,0)+IF(Input!$D$22=4,M3820*Input!$C$22,0)</f>
        <v>0</v>
      </c>
      <c r="R3820" s="58">
        <v>60.080525702265732</v>
      </c>
      <c r="S3820" s="124">
        <f t="shared" si="59"/>
        <v>1.2509171008243007</v>
      </c>
    </row>
    <row r="3821" spans="8:19" x14ac:dyDescent="0.3">
      <c r="H3821" s="44">
        <v>3814</v>
      </c>
      <c r="I3821" s="56">
        <f>Bühler!I3847</f>
        <v>0.11022066762507826</v>
      </c>
      <c r="J3821" s="59">
        <f>Bühler!J3847</f>
        <v>0.36740222541692757</v>
      </c>
      <c r="K3821" s="59">
        <f>Bühler!K3847</f>
        <v>0.55110333812539125</v>
      </c>
      <c r="L3821" s="59">
        <f>Bühler!L3847</f>
        <v>2.6452960230018783</v>
      </c>
      <c r="M3821" s="58">
        <f>Bühler!M3847</f>
        <v>0</v>
      </c>
      <c r="N3821" s="56">
        <f>IF(Input!$D$19=1,J3821*Input!$C$19,0)+IF(Input!$D$20=1,K3821*Input!$C$20,0)+IF(Input!$D$21=1,L3821*Input!$C$21,0)+IF(Input!$D$22=1,M3821*Input!$C$22,0)</f>
        <v>0.11022066762507828</v>
      </c>
      <c r="O3821" s="59">
        <f>IF(Input!$D$19=2,J3821*Input!$C$19,0)+IF(Input!$D$20=2,K3821*Input!$C$20,0)+IF(Input!$D$21=2,L3821*Input!$C$21,0)+IF(Input!$D$22=2,M3821*Input!$C$22,0)</f>
        <v>0.27555166906269563</v>
      </c>
      <c r="P3821" s="59">
        <f>IF(Input!$D$19=3,J3821*Input!$C$19,0)+IF(Input!$D$20=3,K3821*Input!$C$20,0)+IF(Input!$D$21=3,L3821*Input!$C$21,0)+IF(Input!$D$22=3,M3821*Input!$C$22,0)</f>
        <v>0</v>
      </c>
      <c r="Q3821" s="75">
        <f>IF(Input!$D$19=4,J3821*Input!$C$19,0)+IF(Input!$D$20=4,K3821*Input!$C$20,0)+IF(Input!$D$21=4,L3821*Input!$C$21,0)+IF(Input!$D$22=4,M3821*Input!$C$22,0)</f>
        <v>0</v>
      </c>
      <c r="R3821" s="58">
        <v>57.755659123769597</v>
      </c>
      <c r="S3821" s="124">
        <f t="shared" si="59"/>
        <v>0.47762289304200584</v>
      </c>
    </row>
    <row r="3822" spans="8:19" x14ac:dyDescent="0.3">
      <c r="H3822" s="44">
        <v>3815</v>
      </c>
      <c r="I3822" s="56">
        <f>Bühler!I3848</f>
        <v>0.11022066762507826</v>
      </c>
      <c r="J3822" s="59">
        <f>Bühler!J3848</f>
        <v>0.36740222541692757</v>
      </c>
      <c r="K3822" s="59">
        <f>Bühler!K3848</f>
        <v>0.55110333812539125</v>
      </c>
      <c r="L3822" s="59">
        <f>Bühler!L3848</f>
        <v>2.6452960230018783</v>
      </c>
      <c r="M3822" s="58">
        <f>Bühler!M3848</f>
        <v>0</v>
      </c>
      <c r="N3822" s="56">
        <f>IF(Input!$D$19=1,J3822*Input!$C$19,0)+IF(Input!$D$20=1,K3822*Input!$C$20,0)+IF(Input!$D$21=1,L3822*Input!$C$21,0)+IF(Input!$D$22=1,M3822*Input!$C$22,0)</f>
        <v>0.11022066762507828</v>
      </c>
      <c r="O3822" s="59">
        <f>IF(Input!$D$19=2,J3822*Input!$C$19,0)+IF(Input!$D$20=2,K3822*Input!$C$20,0)+IF(Input!$D$21=2,L3822*Input!$C$21,0)+IF(Input!$D$22=2,M3822*Input!$C$22,0)</f>
        <v>0.27555166906269563</v>
      </c>
      <c r="P3822" s="59">
        <f>IF(Input!$D$19=3,J3822*Input!$C$19,0)+IF(Input!$D$20=3,K3822*Input!$C$20,0)+IF(Input!$D$21=3,L3822*Input!$C$21,0)+IF(Input!$D$22=3,M3822*Input!$C$22,0)</f>
        <v>0</v>
      </c>
      <c r="Q3822" s="75">
        <f>IF(Input!$D$19=4,J3822*Input!$C$19,0)+IF(Input!$D$20=4,K3822*Input!$C$20,0)+IF(Input!$D$21=4,L3822*Input!$C$21,0)+IF(Input!$D$22=4,M3822*Input!$C$22,0)</f>
        <v>0</v>
      </c>
      <c r="R3822" s="58">
        <v>56.73559823659599</v>
      </c>
      <c r="S3822" s="124">
        <f t="shared" si="59"/>
        <v>0.47762289304200584</v>
      </c>
    </row>
    <row r="3823" spans="8:19" x14ac:dyDescent="0.3">
      <c r="H3823" s="44">
        <v>3816</v>
      </c>
      <c r="I3823" s="56">
        <f>Bühler!I3849</f>
        <v>0.11022066762507826</v>
      </c>
      <c r="J3823" s="59">
        <f>Bühler!J3849</f>
        <v>0.36740222541692757</v>
      </c>
      <c r="K3823" s="59">
        <f>Bühler!K3849</f>
        <v>0.55110333812539125</v>
      </c>
      <c r="L3823" s="59">
        <f>Bühler!L3849</f>
        <v>2.6452960230018783</v>
      </c>
      <c r="M3823" s="58">
        <f>Bühler!M3849</f>
        <v>0</v>
      </c>
      <c r="N3823" s="56">
        <f>IF(Input!$D$19=1,J3823*Input!$C$19,0)+IF(Input!$D$20=1,K3823*Input!$C$20,0)+IF(Input!$D$21=1,L3823*Input!$C$21,0)+IF(Input!$D$22=1,M3823*Input!$C$22,0)</f>
        <v>0.11022066762507828</v>
      </c>
      <c r="O3823" s="59">
        <f>IF(Input!$D$19=2,J3823*Input!$C$19,0)+IF(Input!$D$20=2,K3823*Input!$C$20,0)+IF(Input!$D$21=2,L3823*Input!$C$21,0)+IF(Input!$D$22=2,M3823*Input!$C$22,0)</f>
        <v>0.27555166906269563</v>
      </c>
      <c r="P3823" s="59">
        <f>IF(Input!$D$19=3,J3823*Input!$C$19,0)+IF(Input!$D$20=3,K3823*Input!$C$20,0)+IF(Input!$D$21=3,L3823*Input!$C$21,0)+IF(Input!$D$22=3,M3823*Input!$C$22,0)</f>
        <v>0</v>
      </c>
      <c r="Q3823" s="75">
        <f>IF(Input!$D$19=4,J3823*Input!$C$19,0)+IF(Input!$D$20=4,K3823*Input!$C$20,0)+IF(Input!$D$21=4,L3823*Input!$C$21,0)+IF(Input!$D$22=4,M3823*Input!$C$22,0)</f>
        <v>0</v>
      </c>
      <c r="R3823" s="58">
        <v>55.138829590109765</v>
      </c>
      <c r="S3823" s="124">
        <f t="shared" si="59"/>
        <v>0.47762289304200584</v>
      </c>
    </row>
    <row r="3824" spans="8:19" x14ac:dyDescent="0.3">
      <c r="H3824" s="44">
        <v>3817</v>
      </c>
      <c r="I3824" s="56">
        <f>Bühler!I3850</f>
        <v>4.4170237350477641E-2</v>
      </c>
      <c r="J3824" s="59">
        <f>Bühler!J3850</f>
        <v>0.14723412450159215</v>
      </c>
      <c r="K3824" s="59">
        <f>Bühler!K3850</f>
        <v>0.22085118675238821</v>
      </c>
      <c r="L3824" s="59">
        <f>Bühler!L3850</f>
        <v>3.443550814151318</v>
      </c>
      <c r="M3824" s="58">
        <f>Bühler!M3850</f>
        <v>0</v>
      </c>
      <c r="N3824" s="56">
        <f>IF(Input!$D$19=1,J3824*Input!$C$19,0)+IF(Input!$D$20=1,K3824*Input!$C$20,0)+IF(Input!$D$21=1,L3824*Input!$C$21,0)+IF(Input!$D$22=1,M3824*Input!$C$22,0)</f>
        <v>4.4170237350477641E-2</v>
      </c>
      <c r="O3824" s="59">
        <f>IF(Input!$D$19=2,J3824*Input!$C$19,0)+IF(Input!$D$20=2,K3824*Input!$C$20,0)+IF(Input!$D$21=2,L3824*Input!$C$21,0)+IF(Input!$D$22=2,M3824*Input!$C$22,0)</f>
        <v>0.11042559337619411</v>
      </c>
      <c r="P3824" s="59">
        <f>IF(Input!$D$19=3,J3824*Input!$C$19,0)+IF(Input!$D$20=3,K3824*Input!$C$20,0)+IF(Input!$D$21=3,L3824*Input!$C$21,0)+IF(Input!$D$22=3,M3824*Input!$C$22,0)</f>
        <v>0</v>
      </c>
      <c r="Q3824" s="75">
        <f>IF(Input!$D$19=4,J3824*Input!$C$19,0)+IF(Input!$D$20=4,K3824*Input!$C$20,0)+IF(Input!$D$21=4,L3824*Input!$C$21,0)+IF(Input!$D$22=4,M3824*Input!$C$22,0)</f>
        <v>0</v>
      </c>
      <c r="R3824" s="58">
        <v>53.906847758963522</v>
      </c>
      <c r="S3824" s="124">
        <f t="shared" si="59"/>
        <v>0.1914043618520698</v>
      </c>
    </row>
    <row r="3825" spans="8:19" x14ac:dyDescent="0.3">
      <c r="H3825" s="44">
        <v>3818</v>
      </c>
      <c r="I3825" s="56">
        <f>Bühler!I3851</f>
        <v>8.6237130065218257E-2</v>
      </c>
      <c r="J3825" s="59">
        <f>Bühler!J3851</f>
        <v>0.28745710021739423</v>
      </c>
      <c r="K3825" s="59">
        <f>Bühler!K3851</f>
        <v>0.43118565032609135</v>
      </c>
      <c r="L3825" s="59">
        <f>Bühler!L3851</f>
        <v>6.7231230181049559</v>
      </c>
      <c r="M3825" s="58">
        <f>Bühler!M3851</f>
        <v>0</v>
      </c>
      <c r="N3825" s="56">
        <f>IF(Input!$D$19=1,J3825*Input!$C$19,0)+IF(Input!$D$20=1,K3825*Input!$C$20,0)+IF(Input!$D$21=1,L3825*Input!$C$21,0)+IF(Input!$D$22=1,M3825*Input!$C$22,0)</f>
        <v>8.623713006521827E-2</v>
      </c>
      <c r="O3825" s="59">
        <f>IF(Input!$D$19=2,J3825*Input!$C$19,0)+IF(Input!$D$20=2,K3825*Input!$C$20,0)+IF(Input!$D$21=2,L3825*Input!$C$21,0)+IF(Input!$D$22=2,M3825*Input!$C$22,0)</f>
        <v>0.21559282516304568</v>
      </c>
      <c r="P3825" s="59">
        <f>IF(Input!$D$19=3,J3825*Input!$C$19,0)+IF(Input!$D$20=3,K3825*Input!$C$20,0)+IF(Input!$D$21=3,L3825*Input!$C$21,0)+IF(Input!$D$22=3,M3825*Input!$C$22,0)</f>
        <v>0</v>
      </c>
      <c r="Q3825" s="75">
        <f>IF(Input!$D$19=4,J3825*Input!$C$19,0)+IF(Input!$D$20=4,K3825*Input!$C$20,0)+IF(Input!$D$21=4,L3825*Input!$C$21,0)+IF(Input!$D$22=4,M3825*Input!$C$22,0)</f>
        <v>0</v>
      </c>
      <c r="R3825" s="58">
        <v>52.440301605962524</v>
      </c>
      <c r="S3825" s="124">
        <f t="shared" si="59"/>
        <v>0.37369423028261251</v>
      </c>
    </row>
    <row r="3826" spans="8:19" x14ac:dyDescent="0.3">
      <c r="H3826" s="44">
        <v>3819</v>
      </c>
      <c r="I3826" s="56">
        <f>Bühler!I3852</f>
        <v>8.6237130065218257E-2</v>
      </c>
      <c r="J3826" s="59">
        <f>Bühler!J3852</f>
        <v>0.28745710021739423</v>
      </c>
      <c r="K3826" s="59">
        <f>Bühler!K3852</f>
        <v>0.43118565032609135</v>
      </c>
      <c r="L3826" s="59">
        <f>Bühler!L3852</f>
        <v>6.7231230181049559</v>
      </c>
      <c r="M3826" s="58">
        <f>Bühler!M3852</f>
        <v>0</v>
      </c>
      <c r="N3826" s="56">
        <f>IF(Input!$D$19=1,J3826*Input!$C$19,0)+IF(Input!$D$20=1,K3826*Input!$C$20,0)+IF(Input!$D$21=1,L3826*Input!$C$21,0)+IF(Input!$D$22=1,M3826*Input!$C$22,0)</f>
        <v>8.623713006521827E-2</v>
      </c>
      <c r="O3826" s="59">
        <f>IF(Input!$D$19=2,J3826*Input!$C$19,0)+IF(Input!$D$20=2,K3826*Input!$C$20,0)+IF(Input!$D$21=2,L3826*Input!$C$21,0)+IF(Input!$D$22=2,M3826*Input!$C$22,0)</f>
        <v>0.21559282516304568</v>
      </c>
      <c r="P3826" s="59">
        <f>IF(Input!$D$19=3,J3826*Input!$C$19,0)+IF(Input!$D$20=3,K3826*Input!$C$20,0)+IF(Input!$D$21=3,L3826*Input!$C$21,0)+IF(Input!$D$22=3,M3826*Input!$C$22,0)</f>
        <v>0</v>
      </c>
      <c r="Q3826" s="75">
        <f>IF(Input!$D$19=4,J3826*Input!$C$19,0)+IF(Input!$D$20=4,K3826*Input!$C$20,0)+IF(Input!$D$21=4,L3826*Input!$C$21,0)+IF(Input!$D$22=4,M3826*Input!$C$22,0)</f>
        <v>0</v>
      </c>
      <c r="R3826" s="58">
        <v>51.701963574970243</v>
      </c>
      <c r="S3826" s="124">
        <f t="shared" si="59"/>
        <v>0.37369423028261251</v>
      </c>
    </row>
    <row r="3827" spans="8:19" x14ac:dyDescent="0.3">
      <c r="H3827" s="44">
        <v>3820</v>
      </c>
      <c r="I3827" s="56">
        <f>Bühler!I3853</f>
        <v>8.6237130065218257E-2</v>
      </c>
      <c r="J3827" s="59">
        <f>Bühler!J3853</f>
        <v>0.28745710021739423</v>
      </c>
      <c r="K3827" s="59">
        <f>Bühler!K3853</f>
        <v>0.43118565032609135</v>
      </c>
      <c r="L3827" s="59">
        <f>Bühler!L3853</f>
        <v>6.7231230181049559</v>
      </c>
      <c r="M3827" s="58">
        <f>Bühler!M3853</f>
        <v>0</v>
      </c>
      <c r="N3827" s="56">
        <f>IF(Input!$D$19=1,J3827*Input!$C$19,0)+IF(Input!$D$20=1,K3827*Input!$C$20,0)+IF(Input!$D$21=1,L3827*Input!$C$21,0)+IF(Input!$D$22=1,M3827*Input!$C$22,0)</f>
        <v>8.623713006521827E-2</v>
      </c>
      <c r="O3827" s="59">
        <f>IF(Input!$D$19=2,J3827*Input!$C$19,0)+IF(Input!$D$20=2,K3827*Input!$C$20,0)+IF(Input!$D$21=2,L3827*Input!$C$21,0)+IF(Input!$D$22=2,M3827*Input!$C$22,0)</f>
        <v>0.21559282516304568</v>
      </c>
      <c r="P3827" s="59">
        <f>IF(Input!$D$19=3,J3827*Input!$C$19,0)+IF(Input!$D$20=3,K3827*Input!$C$20,0)+IF(Input!$D$21=3,L3827*Input!$C$21,0)+IF(Input!$D$22=3,M3827*Input!$C$22,0)</f>
        <v>0</v>
      </c>
      <c r="Q3827" s="75">
        <f>IF(Input!$D$19=4,J3827*Input!$C$19,0)+IF(Input!$D$20=4,K3827*Input!$C$20,0)+IF(Input!$D$21=4,L3827*Input!$C$21,0)+IF(Input!$D$22=4,M3827*Input!$C$22,0)</f>
        <v>0</v>
      </c>
      <c r="R3827" s="58">
        <v>50.739177754535227</v>
      </c>
      <c r="S3827" s="124">
        <f t="shared" si="59"/>
        <v>0.37369423028261251</v>
      </c>
    </row>
    <row r="3828" spans="8:19" x14ac:dyDescent="0.3">
      <c r="H3828" s="44">
        <v>3821</v>
      </c>
      <c r="I3828" s="56">
        <f>Bühler!I3854</f>
        <v>8.6237130065218257E-2</v>
      </c>
      <c r="J3828" s="59">
        <f>Bühler!J3854</f>
        <v>0.28745710021739423</v>
      </c>
      <c r="K3828" s="59">
        <f>Bühler!K3854</f>
        <v>0.43118565032609135</v>
      </c>
      <c r="L3828" s="59">
        <f>Bühler!L3854</f>
        <v>6.7231230181049559</v>
      </c>
      <c r="M3828" s="58">
        <f>Bühler!M3854</f>
        <v>0</v>
      </c>
      <c r="N3828" s="56">
        <f>IF(Input!$D$19=1,J3828*Input!$C$19,0)+IF(Input!$D$20=1,K3828*Input!$C$20,0)+IF(Input!$D$21=1,L3828*Input!$C$21,0)+IF(Input!$D$22=1,M3828*Input!$C$22,0)</f>
        <v>8.623713006521827E-2</v>
      </c>
      <c r="O3828" s="59">
        <f>IF(Input!$D$19=2,J3828*Input!$C$19,0)+IF(Input!$D$20=2,K3828*Input!$C$20,0)+IF(Input!$D$21=2,L3828*Input!$C$21,0)+IF(Input!$D$22=2,M3828*Input!$C$22,0)</f>
        <v>0.21559282516304568</v>
      </c>
      <c r="P3828" s="59">
        <f>IF(Input!$D$19=3,J3828*Input!$C$19,0)+IF(Input!$D$20=3,K3828*Input!$C$20,0)+IF(Input!$D$21=3,L3828*Input!$C$21,0)+IF(Input!$D$22=3,M3828*Input!$C$22,0)</f>
        <v>0</v>
      </c>
      <c r="Q3828" s="75">
        <f>IF(Input!$D$19=4,J3828*Input!$C$19,0)+IF(Input!$D$20=4,K3828*Input!$C$20,0)+IF(Input!$D$21=4,L3828*Input!$C$21,0)+IF(Input!$D$22=4,M3828*Input!$C$22,0)</f>
        <v>0</v>
      </c>
      <c r="R3828" s="58">
        <v>48.957658413070654</v>
      </c>
      <c r="S3828" s="124">
        <f t="shared" si="59"/>
        <v>0.37369423028261251</v>
      </c>
    </row>
    <row r="3829" spans="8:19" x14ac:dyDescent="0.3">
      <c r="H3829" s="44">
        <v>3822</v>
      </c>
      <c r="I3829" s="56">
        <f>Bühler!I3855</f>
        <v>0.10727057642258855</v>
      </c>
      <c r="J3829" s="59">
        <f>Bühler!J3855</f>
        <v>0.35756858807529524</v>
      </c>
      <c r="K3829" s="59">
        <f>Bühler!K3855</f>
        <v>0.53635288211294285</v>
      </c>
      <c r="L3829" s="59">
        <f>Bühler!L3855</f>
        <v>8.362909120081774</v>
      </c>
      <c r="M3829" s="58">
        <f>Bühler!M3855</f>
        <v>0</v>
      </c>
      <c r="N3829" s="56">
        <f>IF(Input!$D$19=1,J3829*Input!$C$19,0)+IF(Input!$D$20=1,K3829*Input!$C$20,0)+IF(Input!$D$21=1,L3829*Input!$C$21,0)+IF(Input!$D$22=1,M3829*Input!$C$22,0)</f>
        <v>0.10727057642258857</v>
      </c>
      <c r="O3829" s="59">
        <f>IF(Input!$D$19=2,J3829*Input!$C$19,0)+IF(Input!$D$20=2,K3829*Input!$C$20,0)+IF(Input!$D$21=2,L3829*Input!$C$21,0)+IF(Input!$D$22=2,M3829*Input!$C$22,0)</f>
        <v>0.26817644105647143</v>
      </c>
      <c r="P3829" s="59">
        <f>IF(Input!$D$19=3,J3829*Input!$C$19,0)+IF(Input!$D$20=3,K3829*Input!$C$20,0)+IF(Input!$D$21=3,L3829*Input!$C$21,0)+IF(Input!$D$22=3,M3829*Input!$C$22,0)</f>
        <v>0</v>
      </c>
      <c r="Q3829" s="75">
        <f>IF(Input!$D$19=4,J3829*Input!$C$19,0)+IF(Input!$D$20=4,K3829*Input!$C$20,0)+IF(Input!$D$21=4,L3829*Input!$C$21,0)+IF(Input!$D$22=4,M3829*Input!$C$22,0)</f>
        <v>0</v>
      </c>
      <c r="R3829" s="58">
        <v>47.310204112768602</v>
      </c>
      <c r="S3829" s="124">
        <f t="shared" si="59"/>
        <v>0.46483916449788376</v>
      </c>
    </row>
    <row r="3830" spans="8:19" x14ac:dyDescent="0.3">
      <c r="H3830" s="44">
        <v>3823</v>
      </c>
      <c r="I3830" s="56">
        <f>Bühler!I3856</f>
        <v>0.13461405668716994</v>
      </c>
      <c r="J3830" s="59">
        <f>Bühler!J3856</f>
        <v>0.44871352229056655</v>
      </c>
      <c r="K3830" s="59">
        <f>Bühler!K3856</f>
        <v>0.67307028343584985</v>
      </c>
      <c r="L3830" s="59">
        <f>Bühler!L3856</f>
        <v>10.494631052651638</v>
      </c>
      <c r="M3830" s="58">
        <f>Bühler!M3856</f>
        <v>0</v>
      </c>
      <c r="N3830" s="56">
        <f>IF(Input!$D$19=1,J3830*Input!$C$19,0)+IF(Input!$D$20=1,K3830*Input!$C$20,0)+IF(Input!$D$21=1,L3830*Input!$C$21,0)+IF(Input!$D$22=1,M3830*Input!$C$22,0)</f>
        <v>0.13461405668716997</v>
      </c>
      <c r="O3830" s="59">
        <f>IF(Input!$D$19=2,J3830*Input!$C$19,0)+IF(Input!$D$20=2,K3830*Input!$C$20,0)+IF(Input!$D$21=2,L3830*Input!$C$21,0)+IF(Input!$D$22=2,M3830*Input!$C$22,0)</f>
        <v>0.33653514171792492</v>
      </c>
      <c r="P3830" s="59">
        <f>IF(Input!$D$19=3,J3830*Input!$C$19,0)+IF(Input!$D$20=3,K3830*Input!$C$20,0)+IF(Input!$D$21=3,L3830*Input!$C$21,0)+IF(Input!$D$22=3,M3830*Input!$C$22,0)</f>
        <v>0</v>
      </c>
      <c r="Q3830" s="75">
        <f>IF(Input!$D$19=4,J3830*Input!$C$19,0)+IF(Input!$D$20=4,K3830*Input!$C$20,0)+IF(Input!$D$21=4,L3830*Input!$C$21,0)+IF(Input!$D$22=4,M3830*Input!$C$22,0)</f>
        <v>0</v>
      </c>
      <c r="R3830" s="58">
        <v>46.571766522425328</v>
      </c>
      <c r="S3830" s="124">
        <f t="shared" si="59"/>
        <v>0.58332757897773646</v>
      </c>
    </row>
    <row r="3831" spans="8:19" x14ac:dyDescent="0.3">
      <c r="H3831" s="44">
        <v>3824</v>
      </c>
      <c r="I3831" s="56">
        <f>Bühler!I3857</f>
        <v>0.15354415840880323</v>
      </c>
      <c r="J3831" s="59">
        <f>Bühler!J3857</f>
        <v>0.51181386136267748</v>
      </c>
      <c r="K3831" s="59">
        <f>Bühler!K3857</f>
        <v>0.76772079204401622</v>
      </c>
      <c r="L3831" s="59">
        <f>Bühler!L3857</f>
        <v>11.970438544430774</v>
      </c>
      <c r="M3831" s="58">
        <f>Bühler!M3857</f>
        <v>0</v>
      </c>
      <c r="N3831" s="56">
        <f>IF(Input!$D$19=1,J3831*Input!$C$19,0)+IF(Input!$D$20=1,K3831*Input!$C$20,0)+IF(Input!$D$21=1,L3831*Input!$C$21,0)+IF(Input!$D$22=1,M3831*Input!$C$22,0)</f>
        <v>0.15354415840880323</v>
      </c>
      <c r="O3831" s="59">
        <f>IF(Input!$D$19=2,J3831*Input!$C$19,0)+IF(Input!$D$20=2,K3831*Input!$C$20,0)+IF(Input!$D$21=2,L3831*Input!$C$21,0)+IF(Input!$D$22=2,M3831*Input!$C$22,0)</f>
        <v>0.38386039602200811</v>
      </c>
      <c r="P3831" s="59">
        <f>IF(Input!$D$19=3,J3831*Input!$C$19,0)+IF(Input!$D$20=3,K3831*Input!$C$20,0)+IF(Input!$D$21=3,L3831*Input!$C$21,0)+IF(Input!$D$22=3,M3831*Input!$C$22,0)</f>
        <v>0</v>
      </c>
      <c r="Q3831" s="75">
        <f>IF(Input!$D$19=4,J3831*Input!$C$19,0)+IF(Input!$D$20=4,K3831*Input!$C$20,0)+IF(Input!$D$21=4,L3831*Input!$C$21,0)+IF(Input!$D$22=4,M3831*Input!$C$22,0)</f>
        <v>0</v>
      </c>
      <c r="R3831" s="58">
        <v>46.796634085159937</v>
      </c>
      <c r="S3831" s="124">
        <f t="shared" si="59"/>
        <v>0.66535801977148068</v>
      </c>
    </row>
    <row r="3832" spans="8:19" x14ac:dyDescent="0.3">
      <c r="H3832" s="44">
        <v>3825</v>
      </c>
      <c r="I3832" s="56">
        <f>Bühler!I3858</f>
        <v>0.15354415840880323</v>
      </c>
      <c r="J3832" s="59">
        <f>Bühler!J3858</f>
        <v>0.51181386136267748</v>
      </c>
      <c r="K3832" s="59">
        <f>Bühler!K3858</f>
        <v>0.76772079204401622</v>
      </c>
      <c r="L3832" s="59">
        <f>Bühler!L3858</f>
        <v>11.970438544430774</v>
      </c>
      <c r="M3832" s="58">
        <f>Bühler!M3858</f>
        <v>0</v>
      </c>
      <c r="N3832" s="56">
        <f>IF(Input!$D$19=1,J3832*Input!$C$19,0)+IF(Input!$D$20=1,K3832*Input!$C$20,0)+IF(Input!$D$21=1,L3832*Input!$C$21,0)+IF(Input!$D$22=1,M3832*Input!$C$22,0)</f>
        <v>0.15354415840880323</v>
      </c>
      <c r="O3832" s="59">
        <f>IF(Input!$D$19=2,J3832*Input!$C$19,0)+IF(Input!$D$20=2,K3832*Input!$C$20,0)+IF(Input!$D$21=2,L3832*Input!$C$21,0)+IF(Input!$D$22=2,M3832*Input!$C$22,0)</f>
        <v>0.38386039602200811</v>
      </c>
      <c r="P3832" s="59">
        <f>IF(Input!$D$19=3,J3832*Input!$C$19,0)+IF(Input!$D$20=3,K3832*Input!$C$20,0)+IF(Input!$D$21=3,L3832*Input!$C$21,0)+IF(Input!$D$22=3,M3832*Input!$C$22,0)</f>
        <v>0</v>
      </c>
      <c r="Q3832" s="75">
        <f>IF(Input!$D$19=4,J3832*Input!$C$19,0)+IF(Input!$D$20=4,K3832*Input!$C$20,0)+IF(Input!$D$21=4,L3832*Input!$C$21,0)+IF(Input!$D$22=4,M3832*Input!$C$22,0)</f>
        <v>0</v>
      </c>
      <c r="R3832" s="58">
        <v>46.395650365178007</v>
      </c>
      <c r="S3832" s="124">
        <f t="shared" si="59"/>
        <v>0.66535801977148068</v>
      </c>
    </row>
    <row r="3833" spans="8:19" x14ac:dyDescent="0.3">
      <c r="H3833" s="44">
        <v>3826</v>
      </c>
      <c r="I3833" s="56">
        <f>Bühler!I3859</f>
        <v>0.15354415840880323</v>
      </c>
      <c r="J3833" s="59">
        <f>Bühler!J3859</f>
        <v>0.51181386136267748</v>
      </c>
      <c r="K3833" s="59">
        <f>Bühler!K3859</f>
        <v>0.76772079204401622</v>
      </c>
      <c r="L3833" s="59">
        <f>Bühler!L3859</f>
        <v>11.970438544430774</v>
      </c>
      <c r="M3833" s="58">
        <f>Bühler!M3859</f>
        <v>0</v>
      </c>
      <c r="N3833" s="56">
        <f>IF(Input!$D$19=1,J3833*Input!$C$19,0)+IF(Input!$D$20=1,K3833*Input!$C$20,0)+IF(Input!$D$21=1,L3833*Input!$C$21,0)+IF(Input!$D$22=1,M3833*Input!$C$22,0)</f>
        <v>0.15354415840880323</v>
      </c>
      <c r="O3833" s="59">
        <f>IF(Input!$D$19=2,J3833*Input!$C$19,0)+IF(Input!$D$20=2,K3833*Input!$C$20,0)+IF(Input!$D$21=2,L3833*Input!$C$21,0)+IF(Input!$D$22=2,M3833*Input!$C$22,0)</f>
        <v>0.38386039602200811</v>
      </c>
      <c r="P3833" s="59">
        <f>IF(Input!$D$19=3,J3833*Input!$C$19,0)+IF(Input!$D$20=3,K3833*Input!$C$20,0)+IF(Input!$D$21=3,L3833*Input!$C$21,0)+IF(Input!$D$22=3,M3833*Input!$C$22,0)</f>
        <v>0</v>
      </c>
      <c r="Q3833" s="75">
        <f>IF(Input!$D$19=4,J3833*Input!$C$19,0)+IF(Input!$D$20=4,K3833*Input!$C$20,0)+IF(Input!$D$21=4,L3833*Input!$C$21,0)+IF(Input!$D$22=4,M3833*Input!$C$22,0)</f>
        <v>0</v>
      </c>
      <c r="R3833" s="58">
        <v>45.985042927648671</v>
      </c>
      <c r="S3833" s="124">
        <f t="shared" si="59"/>
        <v>0.66535801977148068</v>
      </c>
    </row>
    <row r="3834" spans="8:19" x14ac:dyDescent="0.3">
      <c r="H3834" s="44">
        <v>3827</v>
      </c>
      <c r="I3834" s="56">
        <f>Bühler!I3860</f>
        <v>0.15354415840880323</v>
      </c>
      <c r="J3834" s="59">
        <f>Bühler!J3860</f>
        <v>0.51181386136267748</v>
      </c>
      <c r="K3834" s="59">
        <f>Bühler!K3860</f>
        <v>0.76772079204401622</v>
      </c>
      <c r="L3834" s="59">
        <f>Bühler!L3860</f>
        <v>11.970438544430774</v>
      </c>
      <c r="M3834" s="58">
        <f>Bühler!M3860</f>
        <v>0</v>
      </c>
      <c r="N3834" s="56">
        <f>IF(Input!$D$19=1,J3834*Input!$C$19,0)+IF(Input!$D$20=1,K3834*Input!$C$20,0)+IF(Input!$D$21=1,L3834*Input!$C$21,0)+IF(Input!$D$22=1,M3834*Input!$C$22,0)</f>
        <v>0.15354415840880323</v>
      </c>
      <c r="O3834" s="59">
        <f>IF(Input!$D$19=2,J3834*Input!$C$19,0)+IF(Input!$D$20=2,K3834*Input!$C$20,0)+IF(Input!$D$21=2,L3834*Input!$C$21,0)+IF(Input!$D$22=2,M3834*Input!$C$22,0)</f>
        <v>0.38386039602200811</v>
      </c>
      <c r="P3834" s="59">
        <f>IF(Input!$D$19=3,J3834*Input!$C$19,0)+IF(Input!$D$20=3,K3834*Input!$C$20,0)+IF(Input!$D$21=3,L3834*Input!$C$21,0)+IF(Input!$D$22=3,M3834*Input!$C$22,0)</f>
        <v>0</v>
      </c>
      <c r="Q3834" s="75">
        <f>IF(Input!$D$19=4,J3834*Input!$C$19,0)+IF(Input!$D$20=4,K3834*Input!$C$20,0)+IF(Input!$D$21=4,L3834*Input!$C$21,0)+IF(Input!$D$22=4,M3834*Input!$C$22,0)</f>
        <v>0</v>
      </c>
      <c r="R3834" s="58">
        <v>46.432457767132547</v>
      </c>
      <c r="S3834" s="124">
        <f t="shared" si="59"/>
        <v>0.66535801977148068</v>
      </c>
    </row>
    <row r="3835" spans="8:19" x14ac:dyDescent="0.3">
      <c r="H3835" s="44">
        <v>3828</v>
      </c>
      <c r="I3835" s="56">
        <f>Bühler!I3861</f>
        <v>0.15354415840880323</v>
      </c>
      <c r="J3835" s="59">
        <f>Bühler!J3861</f>
        <v>0.51181386136267748</v>
      </c>
      <c r="K3835" s="59">
        <f>Bühler!K3861</f>
        <v>0.76772079204401622</v>
      </c>
      <c r="L3835" s="59">
        <f>Bühler!L3861</f>
        <v>11.970438544430774</v>
      </c>
      <c r="M3835" s="58">
        <f>Bühler!M3861</f>
        <v>0</v>
      </c>
      <c r="N3835" s="56">
        <f>IF(Input!$D$19=1,J3835*Input!$C$19,0)+IF(Input!$D$20=1,K3835*Input!$C$20,0)+IF(Input!$D$21=1,L3835*Input!$C$21,0)+IF(Input!$D$22=1,M3835*Input!$C$22,0)</f>
        <v>0.15354415840880323</v>
      </c>
      <c r="O3835" s="59">
        <f>IF(Input!$D$19=2,J3835*Input!$C$19,0)+IF(Input!$D$20=2,K3835*Input!$C$20,0)+IF(Input!$D$21=2,L3835*Input!$C$21,0)+IF(Input!$D$22=2,M3835*Input!$C$22,0)</f>
        <v>0.38386039602200811</v>
      </c>
      <c r="P3835" s="59">
        <f>IF(Input!$D$19=3,J3835*Input!$C$19,0)+IF(Input!$D$20=3,K3835*Input!$C$20,0)+IF(Input!$D$21=3,L3835*Input!$C$21,0)+IF(Input!$D$22=3,M3835*Input!$C$22,0)</f>
        <v>0</v>
      </c>
      <c r="Q3835" s="75">
        <f>IF(Input!$D$19=4,J3835*Input!$C$19,0)+IF(Input!$D$20=4,K3835*Input!$C$20,0)+IF(Input!$D$21=4,L3835*Input!$C$21,0)+IF(Input!$D$22=4,M3835*Input!$C$22,0)</f>
        <v>0</v>
      </c>
      <c r="R3835" s="58">
        <v>46.595206728162601</v>
      </c>
      <c r="S3835" s="124">
        <f t="shared" si="59"/>
        <v>0.66535801977148068</v>
      </c>
    </row>
    <row r="3836" spans="8:19" x14ac:dyDescent="0.3">
      <c r="H3836" s="44">
        <v>3829</v>
      </c>
      <c r="I3836" s="56">
        <f>Bühler!I3862</f>
        <v>0.15354415840880323</v>
      </c>
      <c r="J3836" s="59">
        <f>Bühler!J3862</f>
        <v>0.51181386136267748</v>
      </c>
      <c r="K3836" s="59">
        <f>Bühler!K3862</f>
        <v>0.76772079204401622</v>
      </c>
      <c r="L3836" s="59">
        <f>Bühler!L3862</f>
        <v>11.970438544430774</v>
      </c>
      <c r="M3836" s="58">
        <f>Bühler!M3862</f>
        <v>0</v>
      </c>
      <c r="N3836" s="56">
        <f>IF(Input!$D$19=1,J3836*Input!$C$19,0)+IF(Input!$D$20=1,K3836*Input!$C$20,0)+IF(Input!$D$21=1,L3836*Input!$C$21,0)+IF(Input!$D$22=1,M3836*Input!$C$22,0)</f>
        <v>0.15354415840880323</v>
      </c>
      <c r="O3836" s="59">
        <f>IF(Input!$D$19=2,J3836*Input!$C$19,0)+IF(Input!$D$20=2,K3836*Input!$C$20,0)+IF(Input!$D$21=2,L3836*Input!$C$21,0)+IF(Input!$D$22=2,M3836*Input!$C$22,0)</f>
        <v>0.38386039602200811</v>
      </c>
      <c r="P3836" s="59">
        <f>IF(Input!$D$19=3,J3836*Input!$C$19,0)+IF(Input!$D$20=3,K3836*Input!$C$20,0)+IF(Input!$D$21=3,L3836*Input!$C$21,0)+IF(Input!$D$22=3,M3836*Input!$C$22,0)</f>
        <v>0</v>
      </c>
      <c r="Q3836" s="75">
        <f>IF(Input!$D$19=4,J3836*Input!$C$19,0)+IF(Input!$D$20=4,K3836*Input!$C$20,0)+IF(Input!$D$21=4,L3836*Input!$C$21,0)+IF(Input!$D$22=4,M3836*Input!$C$22,0)</f>
        <v>0</v>
      </c>
      <c r="R3836" s="58">
        <v>46.619130059576264</v>
      </c>
      <c r="S3836" s="124">
        <f t="shared" si="59"/>
        <v>0.66535801977148068</v>
      </c>
    </row>
    <row r="3837" spans="8:19" x14ac:dyDescent="0.3">
      <c r="H3837" s="44">
        <v>3830</v>
      </c>
      <c r="I3837" s="56">
        <f>Bühler!I3863</f>
        <v>0.15354415840880323</v>
      </c>
      <c r="J3837" s="59">
        <f>Bühler!J3863</f>
        <v>0.51181386136267748</v>
      </c>
      <c r="K3837" s="59">
        <f>Bühler!K3863</f>
        <v>0.76772079204401622</v>
      </c>
      <c r="L3837" s="59">
        <f>Bühler!L3863</f>
        <v>11.970438544430774</v>
      </c>
      <c r="M3837" s="58">
        <f>Bühler!M3863</f>
        <v>0</v>
      </c>
      <c r="N3837" s="56">
        <f>IF(Input!$D$19=1,J3837*Input!$C$19,0)+IF(Input!$D$20=1,K3837*Input!$C$20,0)+IF(Input!$D$21=1,L3837*Input!$C$21,0)+IF(Input!$D$22=1,M3837*Input!$C$22,0)</f>
        <v>0.15354415840880323</v>
      </c>
      <c r="O3837" s="59">
        <f>IF(Input!$D$19=2,J3837*Input!$C$19,0)+IF(Input!$D$20=2,K3837*Input!$C$20,0)+IF(Input!$D$21=2,L3837*Input!$C$21,0)+IF(Input!$D$22=2,M3837*Input!$C$22,0)</f>
        <v>0.38386039602200811</v>
      </c>
      <c r="P3837" s="59">
        <f>IF(Input!$D$19=3,J3837*Input!$C$19,0)+IF(Input!$D$20=3,K3837*Input!$C$20,0)+IF(Input!$D$21=3,L3837*Input!$C$21,0)+IF(Input!$D$22=3,M3837*Input!$C$22,0)</f>
        <v>0</v>
      </c>
      <c r="Q3837" s="75">
        <f>IF(Input!$D$19=4,J3837*Input!$C$19,0)+IF(Input!$D$20=4,K3837*Input!$C$20,0)+IF(Input!$D$21=4,L3837*Input!$C$21,0)+IF(Input!$D$22=4,M3837*Input!$C$22,0)</f>
        <v>0</v>
      </c>
      <c r="R3837" s="58">
        <v>46.926617997095654</v>
      </c>
      <c r="S3837" s="124">
        <f t="shared" si="59"/>
        <v>0.66535801977148068</v>
      </c>
    </row>
    <row r="3838" spans="8:19" x14ac:dyDescent="0.3">
      <c r="H3838" s="44">
        <v>3831</v>
      </c>
      <c r="I3838" s="56">
        <f>Bühler!I3864</f>
        <v>0.15354415840880323</v>
      </c>
      <c r="J3838" s="59">
        <f>Bühler!J3864</f>
        <v>0.51181386136267748</v>
      </c>
      <c r="K3838" s="59">
        <f>Bühler!K3864</f>
        <v>0.76772079204401622</v>
      </c>
      <c r="L3838" s="59">
        <f>Bühler!L3864</f>
        <v>11.970438544430774</v>
      </c>
      <c r="M3838" s="58">
        <f>Bühler!M3864</f>
        <v>0</v>
      </c>
      <c r="N3838" s="56">
        <f>IF(Input!$D$19=1,J3838*Input!$C$19,0)+IF(Input!$D$20=1,K3838*Input!$C$20,0)+IF(Input!$D$21=1,L3838*Input!$C$21,0)+IF(Input!$D$22=1,M3838*Input!$C$22,0)</f>
        <v>0.15354415840880323</v>
      </c>
      <c r="O3838" s="59">
        <f>IF(Input!$D$19=2,J3838*Input!$C$19,0)+IF(Input!$D$20=2,K3838*Input!$C$20,0)+IF(Input!$D$21=2,L3838*Input!$C$21,0)+IF(Input!$D$22=2,M3838*Input!$C$22,0)</f>
        <v>0.38386039602200811</v>
      </c>
      <c r="P3838" s="59">
        <f>IF(Input!$D$19=3,J3838*Input!$C$19,0)+IF(Input!$D$20=3,K3838*Input!$C$20,0)+IF(Input!$D$21=3,L3838*Input!$C$21,0)+IF(Input!$D$22=3,M3838*Input!$C$22,0)</f>
        <v>0</v>
      </c>
      <c r="Q3838" s="75">
        <f>IF(Input!$D$19=4,J3838*Input!$C$19,0)+IF(Input!$D$20=4,K3838*Input!$C$20,0)+IF(Input!$D$21=4,L3838*Input!$C$21,0)+IF(Input!$D$22=4,M3838*Input!$C$22,0)</f>
        <v>0</v>
      </c>
      <c r="R3838" s="58">
        <v>46.713425513886463</v>
      </c>
      <c r="S3838" s="124">
        <f t="shared" si="59"/>
        <v>0.66535801977148068</v>
      </c>
    </row>
    <row r="3839" spans="8:19" x14ac:dyDescent="0.3">
      <c r="H3839" s="44">
        <v>3832</v>
      </c>
      <c r="I3839" s="56">
        <f>Bühler!I3865</f>
        <v>0.13882074595864402</v>
      </c>
      <c r="J3839" s="59">
        <f>Bühler!J3865</f>
        <v>0.46273581986214679</v>
      </c>
      <c r="K3839" s="59">
        <f>Bühler!K3865</f>
        <v>0.69410372979322021</v>
      </c>
      <c r="L3839" s="59">
        <f>Bühler!L3865</f>
        <v>10.822588273047002</v>
      </c>
      <c r="M3839" s="58">
        <f>Bühler!M3865</f>
        <v>0</v>
      </c>
      <c r="N3839" s="56">
        <f>IF(Input!$D$19=1,J3839*Input!$C$19,0)+IF(Input!$D$20=1,K3839*Input!$C$20,0)+IF(Input!$D$21=1,L3839*Input!$C$21,0)+IF(Input!$D$22=1,M3839*Input!$C$22,0)</f>
        <v>0.13882074595864402</v>
      </c>
      <c r="O3839" s="59">
        <f>IF(Input!$D$19=2,J3839*Input!$C$19,0)+IF(Input!$D$20=2,K3839*Input!$C$20,0)+IF(Input!$D$21=2,L3839*Input!$C$21,0)+IF(Input!$D$22=2,M3839*Input!$C$22,0)</f>
        <v>0.34705186489661011</v>
      </c>
      <c r="P3839" s="59">
        <f>IF(Input!$D$19=3,J3839*Input!$C$19,0)+IF(Input!$D$20=3,K3839*Input!$C$20,0)+IF(Input!$D$21=3,L3839*Input!$C$21,0)+IF(Input!$D$22=3,M3839*Input!$C$22,0)</f>
        <v>0</v>
      </c>
      <c r="Q3839" s="75">
        <f>IF(Input!$D$19=4,J3839*Input!$C$19,0)+IF(Input!$D$20=4,K3839*Input!$C$20,0)+IF(Input!$D$21=4,L3839*Input!$C$21,0)+IF(Input!$D$22=4,M3839*Input!$C$22,0)</f>
        <v>0</v>
      </c>
      <c r="R3839" s="58">
        <v>46.76129147663525</v>
      </c>
      <c r="S3839" s="124">
        <f t="shared" si="59"/>
        <v>0.60155656582079087</v>
      </c>
    </row>
    <row r="3840" spans="8:19" x14ac:dyDescent="0.3">
      <c r="H3840" s="44">
        <v>3833</v>
      </c>
      <c r="I3840" s="56">
        <f>Bühler!I3866</f>
        <v>0.12620067814422184</v>
      </c>
      <c r="J3840" s="59">
        <f>Bühler!J3866</f>
        <v>0.42066892714740617</v>
      </c>
      <c r="K3840" s="59">
        <f>Bühler!K3866</f>
        <v>0.63100339072110923</v>
      </c>
      <c r="L3840" s="59">
        <f>Bühler!L3866</f>
        <v>9.8387166118609102</v>
      </c>
      <c r="M3840" s="58">
        <f>Bühler!M3866</f>
        <v>0</v>
      </c>
      <c r="N3840" s="56">
        <f>IF(Input!$D$19=1,J3840*Input!$C$19,0)+IF(Input!$D$20=1,K3840*Input!$C$20,0)+IF(Input!$D$21=1,L3840*Input!$C$21,0)+IF(Input!$D$22=1,M3840*Input!$C$22,0)</f>
        <v>0.12620067814422184</v>
      </c>
      <c r="O3840" s="59">
        <f>IF(Input!$D$19=2,J3840*Input!$C$19,0)+IF(Input!$D$20=2,K3840*Input!$C$20,0)+IF(Input!$D$21=2,L3840*Input!$C$21,0)+IF(Input!$D$22=2,M3840*Input!$C$22,0)</f>
        <v>0.31550169536055461</v>
      </c>
      <c r="P3840" s="59">
        <f>IF(Input!$D$19=3,J3840*Input!$C$19,0)+IF(Input!$D$20=3,K3840*Input!$C$20,0)+IF(Input!$D$21=3,L3840*Input!$C$21,0)+IF(Input!$D$22=3,M3840*Input!$C$22,0)</f>
        <v>0</v>
      </c>
      <c r="Q3840" s="75">
        <f>IF(Input!$D$19=4,J3840*Input!$C$19,0)+IF(Input!$D$20=4,K3840*Input!$C$20,0)+IF(Input!$D$21=4,L3840*Input!$C$21,0)+IF(Input!$D$22=4,M3840*Input!$C$22,0)</f>
        <v>0</v>
      </c>
      <c r="R3840" s="58">
        <v>46.11205871172298</v>
      </c>
      <c r="S3840" s="124">
        <f t="shared" si="59"/>
        <v>0.54686960529162798</v>
      </c>
    </row>
    <row r="3841" spans="8:19" x14ac:dyDescent="0.3">
      <c r="H3841" s="44">
        <v>3834</v>
      </c>
      <c r="I3841" s="56">
        <f>Bühler!I3867</f>
        <v>0.11358061032979963</v>
      </c>
      <c r="J3841" s="59">
        <f>Bühler!J3867</f>
        <v>0.37860203443266549</v>
      </c>
      <c r="K3841" s="59">
        <f>Bühler!K3867</f>
        <v>0.56790305164899824</v>
      </c>
      <c r="L3841" s="59">
        <f>Bühler!L3867</f>
        <v>8.8548449506748206</v>
      </c>
      <c r="M3841" s="58">
        <f>Bühler!M3867</f>
        <v>0</v>
      </c>
      <c r="N3841" s="56">
        <f>IF(Input!$D$19=1,J3841*Input!$C$19,0)+IF(Input!$D$20=1,K3841*Input!$C$20,0)+IF(Input!$D$21=1,L3841*Input!$C$21,0)+IF(Input!$D$22=1,M3841*Input!$C$22,0)</f>
        <v>0.11358061032979964</v>
      </c>
      <c r="O3841" s="59">
        <f>IF(Input!$D$19=2,J3841*Input!$C$19,0)+IF(Input!$D$20=2,K3841*Input!$C$20,0)+IF(Input!$D$21=2,L3841*Input!$C$21,0)+IF(Input!$D$22=2,M3841*Input!$C$22,0)</f>
        <v>0.28395152582449912</v>
      </c>
      <c r="P3841" s="59">
        <f>IF(Input!$D$19=3,J3841*Input!$C$19,0)+IF(Input!$D$20=3,K3841*Input!$C$20,0)+IF(Input!$D$21=3,L3841*Input!$C$21,0)+IF(Input!$D$22=3,M3841*Input!$C$22,0)</f>
        <v>0</v>
      </c>
      <c r="Q3841" s="75">
        <f>IF(Input!$D$19=4,J3841*Input!$C$19,0)+IF(Input!$D$20=4,K3841*Input!$C$20,0)+IF(Input!$D$21=4,L3841*Input!$C$21,0)+IF(Input!$D$22=4,M3841*Input!$C$22,0)</f>
        <v>0</v>
      </c>
      <c r="R3841" s="58">
        <v>45.148665983290066</v>
      </c>
      <c r="S3841" s="124">
        <f t="shared" si="59"/>
        <v>0.49218264476246509</v>
      </c>
    </row>
    <row r="3842" spans="8:19" x14ac:dyDescent="0.3">
      <c r="H3842" s="44">
        <v>3835</v>
      </c>
      <c r="I3842" s="56">
        <f>Bühler!I3868</f>
        <v>0.10937392105832559</v>
      </c>
      <c r="J3842" s="59">
        <f>Bühler!J3868</f>
        <v>0.36457973686108536</v>
      </c>
      <c r="K3842" s="59">
        <f>Bühler!K3868</f>
        <v>0.54686960529162798</v>
      </c>
      <c r="L3842" s="59">
        <f>Bühler!L3868</f>
        <v>8.526887730279455</v>
      </c>
      <c r="M3842" s="58">
        <f>Bühler!M3868</f>
        <v>0</v>
      </c>
      <c r="N3842" s="56">
        <f>IF(Input!$D$19=1,J3842*Input!$C$19,0)+IF(Input!$D$20=1,K3842*Input!$C$20,0)+IF(Input!$D$21=1,L3842*Input!$C$21,0)+IF(Input!$D$22=1,M3842*Input!$C$22,0)</f>
        <v>0.10937392105832561</v>
      </c>
      <c r="O3842" s="59">
        <f>IF(Input!$D$19=2,J3842*Input!$C$19,0)+IF(Input!$D$20=2,K3842*Input!$C$20,0)+IF(Input!$D$21=2,L3842*Input!$C$21,0)+IF(Input!$D$22=2,M3842*Input!$C$22,0)</f>
        <v>0.27343480264581399</v>
      </c>
      <c r="P3842" s="59">
        <f>IF(Input!$D$19=3,J3842*Input!$C$19,0)+IF(Input!$D$20=3,K3842*Input!$C$20,0)+IF(Input!$D$21=3,L3842*Input!$C$21,0)+IF(Input!$D$22=3,M3842*Input!$C$22,0)</f>
        <v>0</v>
      </c>
      <c r="Q3842" s="75">
        <f>IF(Input!$D$19=4,J3842*Input!$C$19,0)+IF(Input!$D$20=4,K3842*Input!$C$20,0)+IF(Input!$D$21=4,L3842*Input!$C$21,0)+IF(Input!$D$22=4,M3842*Input!$C$22,0)</f>
        <v>0</v>
      </c>
      <c r="R3842" s="58">
        <v>44.352044994233552</v>
      </c>
      <c r="S3842" s="124">
        <f t="shared" si="59"/>
        <v>0.47395365791941096</v>
      </c>
    </row>
    <row r="3843" spans="8:19" x14ac:dyDescent="0.3">
      <c r="H3843" s="44">
        <v>3836</v>
      </c>
      <c r="I3843" s="56">
        <f>Bühler!I3869</f>
        <v>8.8340474700955282E-2</v>
      </c>
      <c r="J3843" s="59">
        <f>Bühler!J3869</f>
        <v>0.2944682490031843</v>
      </c>
      <c r="K3843" s="59">
        <f>Bühler!K3869</f>
        <v>0.44170237350477642</v>
      </c>
      <c r="L3843" s="59">
        <f>Bühler!L3869</f>
        <v>6.8871016283026361</v>
      </c>
      <c r="M3843" s="58">
        <f>Bühler!M3869</f>
        <v>0</v>
      </c>
      <c r="N3843" s="56">
        <f>IF(Input!$D$19=1,J3843*Input!$C$19,0)+IF(Input!$D$20=1,K3843*Input!$C$20,0)+IF(Input!$D$21=1,L3843*Input!$C$21,0)+IF(Input!$D$22=1,M3843*Input!$C$22,0)</f>
        <v>8.8340474700955282E-2</v>
      </c>
      <c r="O3843" s="59">
        <f>IF(Input!$D$19=2,J3843*Input!$C$19,0)+IF(Input!$D$20=2,K3843*Input!$C$20,0)+IF(Input!$D$21=2,L3843*Input!$C$21,0)+IF(Input!$D$22=2,M3843*Input!$C$22,0)</f>
        <v>0.22085118675238821</v>
      </c>
      <c r="P3843" s="59">
        <f>IF(Input!$D$19=3,J3843*Input!$C$19,0)+IF(Input!$D$20=3,K3843*Input!$C$20,0)+IF(Input!$D$21=3,L3843*Input!$C$21,0)+IF(Input!$D$22=3,M3843*Input!$C$22,0)</f>
        <v>0</v>
      </c>
      <c r="Q3843" s="75">
        <f>IF(Input!$D$19=4,J3843*Input!$C$19,0)+IF(Input!$D$20=4,K3843*Input!$C$20,0)+IF(Input!$D$21=4,L3843*Input!$C$21,0)+IF(Input!$D$22=4,M3843*Input!$C$22,0)</f>
        <v>0</v>
      </c>
      <c r="R3843" s="58">
        <v>43.717148560111291</v>
      </c>
      <c r="S3843" s="124">
        <f t="shared" si="59"/>
        <v>0.3828087237041396</v>
      </c>
    </row>
    <row r="3844" spans="8:19" x14ac:dyDescent="0.3">
      <c r="H3844" s="44">
        <v>3837</v>
      </c>
      <c r="I3844" s="56">
        <f>Bühler!I3870</f>
        <v>6.5203683707847931E-2</v>
      </c>
      <c r="J3844" s="59">
        <f>Bühler!J3870</f>
        <v>0.21734561235949315</v>
      </c>
      <c r="K3844" s="59">
        <f>Bühler!K3870</f>
        <v>0.32601841853923974</v>
      </c>
      <c r="L3844" s="59">
        <f>Bühler!L3870</f>
        <v>5.0833369161281361</v>
      </c>
      <c r="M3844" s="58">
        <f>Bühler!M3870</f>
        <v>0</v>
      </c>
      <c r="N3844" s="56">
        <f>IF(Input!$D$19=1,J3844*Input!$C$19,0)+IF(Input!$D$20=1,K3844*Input!$C$20,0)+IF(Input!$D$21=1,L3844*Input!$C$21,0)+IF(Input!$D$22=1,M3844*Input!$C$22,0)</f>
        <v>6.5203683707847945E-2</v>
      </c>
      <c r="O3844" s="59">
        <f>IF(Input!$D$19=2,J3844*Input!$C$19,0)+IF(Input!$D$20=2,K3844*Input!$C$20,0)+IF(Input!$D$21=2,L3844*Input!$C$21,0)+IF(Input!$D$22=2,M3844*Input!$C$22,0)</f>
        <v>0.16300920926961987</v>
      </c>
      <c r="P3844" s="59">
        <f>IF(Input!$D$19=3,J3844*Input!$C$19,0)+IF(Input!$D$20=3,K3844*Input!$C$20,0)+IF(Input!$D$21=3,L3844*Input!$C$21,0)+IF(Input!$D$22=3,M3844*Input!$C$22,0)</f>
        <v>0</v>
      </c>
      <c r="Q3844" s="75">
        <f>IF(Input!$D$19=4,J3844*Input!$C$19,0)+IF(Input!$D$20=4,K3844*Input!$C$20,0)+IF(Input!$D$21=4,L3844*Input!$C$21,0)+IF(Input!$D$22=4,M3844*Input!$C$22,0)</f>
        <v>0</v>
      </c>
      <c r="R3844" s="58">
        <v>42.822583882402625</v>
      </c>
      <c r="S3844" s="124">
        <f t="shared" si="59"/>
        <v>0.28254929606734108</v>
      </c>
    </row>
    <row r="3845" spans="8:19" x14ac:dyDescent="0.3">
      <c r="H3845" s="44">
        <v>3838</v>
      </c>
      <c r="I3845" s="56">
        <f>Bühler!I3871</f>
        <v>6.5203683707847931E-2</v>
      </c>
      <c r="J3845" s="59">
        <f>Bühler!J3871</f>
        <v>0.21734561235949315</v>
      </c>
      <c r="K3845" s="59">
        <f>Bühler!K3871</f>
        <v>0.32601841853923974</v>
      </c>
      <c r="L3845" s="59">
        <f>Bühler!L3871</f>
        <v>5.0833369161281361</v>
      </c>
      <c r="M3845" s="58">
        <f>Bühler!M3871</f>
        <v>0</v>
      </c>
      <c r="N3845" s="56">
        <f>IF(Input!$D$19=1,J3845*Input!$C$19,0)+IF(Input!$D$20=1,K3845*Input!$C$20,0)+IF(Input!$D$21=1,L3845*Input!$C$21,0)+IF(Input!$D$22=1,M3845*Input!$C$22,0)</f>
        <v>6.5203683707847945E-2</v>
      </c>
      <c r="O3845" s="59">
        <f>IF(Input!$D$19=2,J3845*Input!$C$19,0)+IF(Input!$D$20=2,K3845*Input!$C$20,0)+IF(Input!$D$21=2,L3845*Input!$C$21,0)+IF(Input!$D$22=2,M3845*Input!$C$22,0)</f>
        <v>0.16300920926961987</v>
      </c>
      <c r="P3845" s="59">
        <f>IF(Input!$D$19=3,J3845*Input!$C$19,0)+IF(Input!$D$20=3,K3845*Input!$C$20,0)+IF(Input!$D$21=3,L3845*Input!$C$21,0)+IF(Input!$D$22=3,M3845*Input!$C$22,0)</f>
        <v>0</v>
      </c>
      <c r="Q3845" s="75">
        <f>IF(Input!$D$19=4,J3845*Input!$C$19,0)+IF(Input!$D$20=4,K3845*Input!$C$20,0)+IF(Input!$D$21=4,L3845*Input!$C$21,0)+IF(Input!$D$22=4,M3845*Input!$C$22,0)</f>
        <v>0</v>
      </c>
      <c r="R3845" s="58">
        <v>41.974699693303144</v>
      </c>
      <c r="S3845" s="124">
        <f t="shared" si="59"/>
        <v>0.28254929606734108</v>
      </c>
    </row>
    <row r="3846" spans="8:19" x14ac:dyDescent="0.3">
      <c r="H3846" s="44">
        <v>3839</v>
      </c>
      <c r="I3846" s="56">
        <f>Bühler!I3872</f>
        <v>6.5203683707847931E-2</v>
      </c>
      <c r="J3846" s="59">
        <f>Bühler!J3872</f>
        <v>0.21734561235949315</v>
      </c>
      <c r="K3846" s="59">
        <f>Bühler!K3872</f>
        <v>0.32601841853923974</v>
      </c>
      <c r="L3846" s="59">
        <f>Bühler!L3872</f>
        <v>5.0833369161281361</v>
      </c>
      <c r="M3846" s="58">
        <f>Bühler!M3872</f>
        <v>0</v>
      </c>
      <c r="N3846" s="56">
        <f>IF(Input!$D$19=1,J3846*Input!$C$19,0)+IF(Input!$D$20=1,K3846*Input!$C$20,0)+IF(Input!$D$21=1,L3846*Input!$C$21,0)+IF(Input!$D$22=1,M3846*Input!$C$22,0)</f>
        <v>6.5203683707847945E-2</v>
      </c>
      <c r="O3846" s="59">
        <f>IF(Input!$D$19=2,J3846*Input!$C$19,0)+IF(Input!$D$20=2,K3846*Input!$C$20,0)+IF(Input!$D$21=2,L3846*Input!$C$21,0)+IF(Input!$D$22=2,M3846*Input!$C$22,0)</f>
        <v>0.16300920926961987</v>
      </c>
      <c r="P3846" s="59">
        <f>IF(Input!$D$19=3,J3846*Input!$C$19,0)+IF(Input!$D$20=3,K3846*Input!$C$20,0)+IF(Input!$D$21=3,L3846*Input!$C$21,0)+IF(Input!$D$22=3,M3846*Input!$C$22,0)</f>
        <v>0</v>
      </c>
      <c r="Q3846" s="75">
        <f>IF(Input!$D$19=4,J3846*Input!$C$19,0)+IF(Input!$D$20=4,K3846*Input!$C$20,0)+IF(Input!$D$21=4,L3846*Input!$C$21,0)+IF(Input!$D$22=4,M3846*Input!$C$22,0)</f>
        <v>0</v>
      </c>
      <c r="R3846" s="58">
        <v>41.885018097047947</v>
      </c>
      <c r="S3846" s="124">
        <f t="shared" si="59"/>
        <v>0.28254929606734108</v>
      </c>
    </row>
    <row r="3847" spans="8:19" x14ac:dyDescent="0.3">
      <c r="H3847" s="44">
        <v>3840</v>
      </c>
      <c r="I3847" s="56">
        <f>Bühler!I3873</f>
        <v>6.5203683707847931E-2</v>
      </c>
      <c r="J3847" s="59">
        <f>Bühler!J3873</f>
        <v>0.21734561235949315</v>
      </c>
      <c r="K3847" s="59">
        <f>Bühler!K3873</f>
        <v>0.32601841853923974</v>
      </c>
      <c r="L3847" s="59">
        <f>Bühler!L3873</f>
        <v>5.0833369161281361</v>
      </c>
      <c r="M3847" s="58">
        <f>Bühler!M3873</f>
        <v>0</v>
      </c>
      <c r="N3847" s="56">
        <f>IF(Input!$D$19=1,J3847*Input!$C$19,0)+IF(Input!$D$20=1,K3847*Input!$C$20,0)+IF(Input!$D$21=1,L3847*Input!$C$21,0)+IF(Input!$D$22=1,M3847*Input!$C$22,0)</f>
        <v>6.5203683707847945E-2</v>
      </c>
      <c r="O3847" s="59">
        <f>IF(Input!$D$19=2,J3847*Input!$C$19,0)+IF(Input!$D$20=2,K3847*Input!$C$20,0)+IF(Input!$D$21=2,L3847*Input!$C$21,0)+IF(Input!$D$22=2,M3847*Input!$C$22,0)</f>
        <v>0.16300920926961987</v>
      </c>
      <c r="P3847" s="59">
        <f>IF(Input!$D$19=3,J3847*Input!$C$19,0)+IF(Input!$D$20=3,K3847*Input!$C$20,0)+IF(Input!$D$21=3,L3847*Input!$C$21,0)+IF(Input!$D$22=3,M3847*Input!$C$22,0)</f>
        <v>0</v>
      </c>
      <c r="Q3847" s="75">
        <f>IF(Input!$D$19=4,J3847*Input!$C$19,0)+IF(Input!$D$20=4,K3847*Input!$C$20,0)+IF(Input!$D$21=4,L3847*Input!$C$21,0)+IF(Input!$D$22=4,M3847*Input!$C$22,0)</f>
        <v>0</v>
      </c>
      <c r="R3847" s="58">
        <v>41.566354092809988</v>
      </c>
      <c r="S3847" s="124">
        <f t="shared" si="59"/>
        <v>0.28254929606734108</v>
      </c>
    </row>
    <row r="3848" spans="8:19" x14ac:dyDescent="0.3">
      <c r="H3848" s="44">
        <v>3841</v>
      </c>
      <c r="I3848" s="56">
        <f>Bühler!I3874</f>
        <v>6.801975943841912E-2</v>
      </c>
      <c r="J3848" s="59">
        <f>Bühler!J3874</f>
        <v>0.2267325314613971</v>
      </c>
      <c r="K3848" s="59">
        <f>Bühler!K3874</f>
        <v>0.34009879719209563</v>
      </c>
      <c r="L3848" s="59">
        <f>Bühler!L3874</f>
        <v>5.5341204496614189</v>
      </c>
      <c r="M3848" s="58">
        <f>Bühler!M3874</f>
        <v>0</v>
      </c>
      <c r="N3848" s="56">
        <f>IF(Input!$D$19=1,J3848*Input!$C$19,0)+IF(Input!$D$20=1,K3848*Input!$C$20,0)+IF(Input!$D$21=1,L3848*Input!$C$21,0)+IF(Input!$D$22=1,M3848*Input!$C$22,0)</f>
        <v>6.8019759438419133E-2</v>
      </c>
      <c r="O3848" s="59">
        <f>IF(Input!$D$19=2,J3848*Input!$C$19,0)+IF(Input!$D$20=2,K3848*Input!$C$20,0)+IF(Input!$D$21=2,L3848*Input!$C$21,0)+IF(Input!$D$22=2,M3848*Input!$C$22,0)</f>
        <v>0.17004939859604781</v>
      </c>
      <c r="P3848" s="59">
        <f>IF(Input!$D$19=3,J3848*Input!$C$19,0)+IF(Input!$D$20=3,K3848*Input!$C$20,0)+IF(Input!$D$21=3,L3848*Input!$C$21,0)+IF(Input!$D$22=3,M3848*Input!$C$22,0)</f>
        <v>0</v>
      </c>
      <c r="Q3848" s="75">
        <f>IF(Input!$D$19=4,J3848*Input!$C$19,0)+IF(Input!$D$20=4,K3848*Input!$C$20,0)+IF(Input!$D$21=4,L3848*Input!$C$21,0)+IF(Input!$D$22=4,M3848*Input!$C$22,0)</f>
        <v>0</v>
      </c>
      <c r="R3848" s="58">
        <v>41.033162360694462</v>
      </c>
      <c r="S3848" s="124">
        <f t="shared" si="59"/>
        <v>0.29475229089981625</v>
      </c>
    </row>
    <row r="3849" spans="8:19" x14ac:dyDescent="0.3">
      <c r="H3849" s="44">
        <v>3842</v>
      </c>
      <c r="I3849" s="56">
        <f>Bühler!I3875</f>
        <v>7.8990688380099608E-2</v>
      </c>
      <c r="J3849" s="59">
        <f>Bühler!J3875</f>
        <v>0.26330229460033205</v>
      </c>
      <c r="K3849" s="59">
        <f>Bühler!K3875</f>
        <v>0.39495344190049814</v>
      </c>
      <c r="L3849" s="59">
        <f>Bühler!L3875</f>
        <v>6.4267205221874546</v>
      </c>
      <c r="M3849" s="58">
        <f>Bühler!M3875</f>
        <v>0</v>
      </c>
      <c r="N3849" s="56">
        <f>IF(Input!$D$19=1,J3849*Input!$C$19,0)+IF(Input!$D$20=1,K3849*Input!$C$20,0)+IF(Input!$D$21=1,L3849*Input!$C$21,0)+IF(Input!$D$22=1,M3849*Input!$C$22,0)</f>
        <v>7.8990688380099608E-2</v>
      </c>
      <c r="O3849" s="59">
        <f>IF(Input!$D$19=2,J3849*Input!$C$19,0)+IF(Input!$D$20=2,K3849*Input!$C$20,0)+IF(Input!$D$21=2,L3849*Input!$C$21,0)+IF(Input!$D$22=2,M3849*Input!$C$22,0)</f>
        <v>0.19747672095024907</v>
      </c>
      <c r="P3849" s="59">
        <f>IF(Input!$D$19=3,J3849*Input!$C$19,0)+IF(Input!$D$20=3,K3849*Input!$C$20,0)+IF(Input!$D$21=3,L3849*Input!$C$21,0)+IF(Input!$D$22=3,M3849*Input!$C$22,0)</f>
        <v>0</v>
      </c>
      <c r="Q3849" s="75">
        <f>IF(Input!$D$19=4,J3849*Input!$C$19,0)+IF(Input!$D$20=4,K3849*Input!$C$20,0)+IF(Input!$D$21=4,L3849*Input!$C$21,0)+IF(Input!$D$22=4,M3849*Input!$C$22,0)</f>
        <v>0</v>
      </c>
      <c r="R3849" s="58">
        <v>40.818555020640851</v>
      </c>
      <c r="S3849" s="124">
        <f t="shared" ref="S3849:S3912" si="60">I3849+J3849</f>
        <v>0.34229298298043165</v>
      </c>
    </row>
    <row r="3850" spans="8:19" x14ac:dyDescent="0.3">
      <c r="H3850" s="44">
        <v>3843</v>
      </c>
      <c r="I3850" s="56">
        <f>Bühler!I3876</f>
        <v>7.8990688380099608E-2</v>
      </c>
      <c r="J3850" s="59">
        <f>Bühler!J3876</f>
        <v>0.26330229460033205</v>
      </c>
      <c r="K3850" s="59">
        <f>Bühler!K3876</f>
        <v>0.39495344190049814</v>
      </c>
      <c r="L3850" s="59">
        <f>Bühler!L3876</f>
        <v>6.4267205221874546</v>
      </c>
      <c r="M3850" s="58">
        <f>Bühler!M3876</f>
        <v>0</v>
      </c>
      <c r="N3850" s="56">
        <f>IF(Input!$D$19=1,J3850*Input!$C$19,0)+IF(Input!$D$20=1,K3850*Input!$C$20,0)+IF(Input!$D$21=1,L3850*Input!$C$21,0)+IF(Input!$D$22=1,M3850*Input!$C$22,0)</f>
        <v>7.8990688380099608E-2</v>
      </c>
      <c r="O3850" s="59">
        <f>IF(Input!$D$19=2,J3850*Input!$C$19,0)+IF(Input!$D$20=2,K3850*Input!$C$20,0)+IF(Input!$D$21=2,L3850*Input!$C$21,0)+IF(Input!$D$22=2,M3850*Input!$C$22,0)</f>
        <v>0.19747672095024907</v>
      </c>
      <c r="P3850" s="59">
        <f>IF(Input!$D$19=3,J3850*Input!$C$19,0)+IF(Input!$D$20=3,K3850*Input!$C$20,0)+IF(Input!$D$21=3,L3850*Input!$C$21,0)+IF(Input!$D$22=3,M3850*Input!$C$22,0)</f>
        <v>0</v>
      </c>
      <c r="Q3850" s="75">
        <f>IF(Input!$D$19=4,J3850*Input!$C$19,0)+IF(Input!$D$20=4,K3850*Input!$C$20,0)+IF(Input!$D$21=4,L3850*Input!$C$21,0)+IF(Input!$D$22=4,M3850*Input!$C$22,0)</f>
        <v>0</v>
      </c>
      <c r="R3850" s="58">
        <v>40.694225769943692</v>
      </c>
      <c r="S3850" s="124">
        <f t="shared" si="60"/>
        <v>0.34229298298043165</v>
      </c>
    </row>
    <row r="3851" spans="8:19" x14ac:dyDescent="0.3">
      <c r="H3851" s="44">
        <v>3844</v>
      </c>
      <c r="I3851" s="56">
        <f>Bühler!I3877</f>
        <v>7.8990688380099608E-2</v>
      </c>
      <c r="J3851" s="59">
        <f>Bühler!J3877</f>
        <v>0.26330229460033205</v>
      </c>
      <c r="K3851" s="59">
        <f>Bühler!K3877</f>
        <v>0.39495344190049814</v>
      </c>
      <c r="L3851" s="59">
        <f>Bühler!L3877</f>
        <v>6.4267205221874546</v>
      </c>
      <c r="M3851" s="58">
        <f>Bühler!M3877</f>
        <v>0</v>
      </c>
      <c r="N3851" s="56">
        <f>IF(Input!$D$19=1,J3851*Input!$C$19,0)+IF(Input!$D$20=1,K3851*Input!$C$20,0)+IF(Input!$D$21=1,L3851*Input!$C$21,0)+IF(Input!$D$22=1,M3851*Input!$C$22,0)</f>
        <v>7.8990688380099608E-2</v>
      </c>
      <c r="O3851" s="59">
        <f>IF(Input!$D$19=2,J3851*Input!$C$19,0)+IF(Input!$D$20=2,K3851*Input!$C$20,0)+IF(Input!$D$21=2,L3851*Input!$C$21,0)+IF(Input!$D$22=2,M3851*Input!$C$22,0)</f>
        <v>0.19747672095024907</v>
      </c>
      <c r="P3851" s="59">
        <f>IF(Input!$D$19=3,J3851*Input!$C$19,0)+IF(Input!$D$20=3,K3851*Input!$C$20,0)+IF(Input!$D$21=3,L3851*Input!$C$21,0)+IF(Input!$D$22=3,M3851*Input!$C$22,0)</f>
        <v>0</v>
      </c>
      <c r="Q3851" s="75">
        <f>IF(Input!$D$19=4,J3851*Input!$C$19,0)+IF(Input!$D$20=4,K3851*Input!$C$20,0)+IF(Input!$D$21=4,L3851*Input!$C$21,0)+IF(Input!$D$22=4,M3851*Input!$C$22,0)</f>
        <v>0</v>
      </c>
      <c r="R3851" s="58">
        <v>40.519069116922132</v>
      </c>
      <c r="S3851" s="124">
        <f t="shared" si="60"/>
        <v>0.34229298298043165</v>
      </c>
    </row>
    <row r="3852" spans="8:19" x14ac:dyDescent="0.3">
      <c r="H3852" s="44">
        <v>3845</v>
      </c>
      <c r="I3852" s="56">
        <f>Bühler!I3878</f>
        <v>7.8990688380099608E-2</v>
      </c>
      <c r="J3852" s="59">
        <f>Bühler!J3878</f>
        <v>0.26330229460033205</v>
      </c>
      <c r="K3852" s="59">
        <f>Bühler!K3878</f>
        <v>0.39495344190049814</v>
      </c>
      <c r="L3852" s="59">
        <f>Bühler!L3878</f>
        <v>6.4267205221874546</v>
      </c>
      <c r="M3852" s="58">
        <f>Bühler!M3878</f>
        <v>0</v>
      </c>
      <c r="N3852" s="56">
        <f>IF(Input!$D$19=1,J3852*Input!$C$19,0)+IF(Input!$D$20=1,K3852*Input!$C$20,0)+IF(Input!$D$21=1,L3852*Input!$C$21,0)+IF(Input!$D$22=1,M3852*Input!$C$22,0)</f>
        <v>7.8990688380099608E-2</v>
      </c>
      <c r="O3852" s="59">
        <f>IF(Input!$D$19=2,J3852*Input!$C$19,0)+IF(Input!$D$20=2,K3852*Input!$C$20,0)+IF(Input!$D$21=2,L3852*Input!$C$21,0)+IF(Input!$D$22=2,M3852*Input!$C$22,0)</f>
        <v>0.19747672095024907</v>
      </c>
      <c r="P3852" s="59">
        <f>IF(Input!$D$19=3,J3852*Input!$C$19,0)+IF(Input!$D$20=3,K3852*Input!$C$20,0)+IF(Input!$D$21=3,L3852*Input!$C$21,0)+IF(Input!$D$22=3,M3852*Input!$C$22,0)</f>
        <v>0</v>
      </c>
      <c r="Q3852" s="75">
        <f>IF(Input!$D$19=4,J3852*Input!$C$19,0)+IF(Input!$D$20=4,K3852*Input!$C$20,0)+IF(Input!$D$21=4,L3852*Input!$C$21,0)+IF(Input!$D$22=4,M3852*Input!$C$22,0)</f>
        <v>0</v>
      </c>
      <c r="R3852" s="58">
        <v>40.274744291287959</v>
      </c>
      <c r="S3852" s="124">
        <f t="shared" si="60"/>
        <v>0.34229298298043165</v>
      </c>
    </row>
    <row r="3853" spans="8:19" x14ac:dyDescent="0.3">
      <c r="H3853" s="44">
        <v>3846</v>
      </c>
      <c r="I3853" s="56">
        <f>Bühler!I3879</f>
        <v>9.8738360475124506E-2</v>
      </c>
      <c r="J3853" s="59">
        <f>Bühler!J3879</f>
        <v>0.32912786825041507</v>
      </c>
      <c r="K3853" s="59">
        <f>Bühler!K3879</f>
        <v>0.4936918023756226</v>
      </c>
      <c r="L3853" s="59">
        <f>Bühler!L3879</f>
        <v>8.0334006527343185</v>
      </c>
      <c r="M3853" s="58">
        <f>Bühler!M3879</f>
        <v>0</v>
      </c>
      <c r="N3853" s="56">
        <f>IF(Input!$D$19=1,J3853*Input!$C$19,0)+IF(Input!$D$20=1,K3853*Input!$C$20,0)+IF(Input!$D$21=1,L3853*Input!$C$21,0)+IF(Input!$D$22=1,M3853*Input!$C$22,0)</f>
        <v>9.873836047512452E-2</v>
      </c>
      <c r="O3853" s="59">
        <f>IF(Input!$D$19=2,J3853*Input!$C$19,0)+IF(Input!$D$20=2,K3853*Input!$C$20,0)+IF(Input!$D$21=2,L3853*Input!$C$21,0)+IF(Input!$D$22=2,M3853*Input!$C$22,0)</f>
        <v>0.2468459011878113</v>
      </c>
      <c r="P3853" s="59">
        <f>IF(Input!$D$19=3,J3853*Input!$C$19,0)+IF(Input!$D$20=3,K3853*Input!$C$20,0)+IF(Input!$D$21=3,L3853*Input!$C$21,0)+IF(Input!$D$22=3,M3853*Input!$C$22,0)</f>
        <v>0</v>
      </c>
      <c r="Q3853" s="75">
        <f>IF(Input!$D$19=4,J3853*Input!$C$19,0)+IF(Input!$D$20=4,K3853*Input!$C$20,0)+IF(Input!$D$21=4,L3853*Input!$C$21,0)+IF(Input!$D$22=4,M3853*Input!$C$22,0)</f>
        <v>0</v>
      </c>
      <c r="R3853" s="58">
        <v>40.189457271459716</v>
      </c>
      <c r="S3853" s="124">
        <f t="shared" si="60"/>
        <v>0.42786622872553959</v>
      </c>
    </row>
    <row r="3854" spans="8:19" x14ac:dyDescent="0.3">
      <c r="H3854" s="44">
        <v>3847</v>
      </c>
      <c r="I3854" s="56">
        <f>Bühler!I3880</f>
        <v>0.11629184678181333</v>
      </c>
      <c r="J3854" s="59">
        <f>Bühler!J3880</f>
        <v>0.38763948927271114</v>
      </c>
      <c r="K3854" s="59">
        <f>Bühler!K3880</f>
        <v>0.58145923390906673</v>
      </c>
      <c r="L3854" s="59">
        <f>Bühler!L3880</f>
        <v>9.4615607687759766</v>
      </c>
      <c r="M3854" s="58">
        <f>Bühler!M3880</f>
        <v>0</v>
      </c>
      <c r="N3854" s="56">
        <f>IF(Input!$D$19=1,J3854*Input!$C$19,0)+IF(Input!$D$20=1,K3854*Input!$C$20,0)+IF(Input!$D$21=1,L3854*Input!$C$21,0)+IF(Input!$D$22=1,M3854*Input!$C$22,0)</f>
        <v>0.11629184678181334</v>
      </c>
      <c r="O3854" s="59">
        <f>IF(Input!$D$19=2,J3854*Input!$C$19,0)+IF(Input!$D$20=2,K3854*Input!$C$20,0)+IF(Input!$D$21=2,L3854*Input!$C$21,0)+IF(Input!$D$22=2,M3854*Input!$C$22,0)</f>
        <v>0.29072961695453337</v>
      </c>
      <c r="P3854" s="59">
        <f>IF(Input!$D$19=3,J3854*Input!$C$19,0)+IF(Input!$D$20=3,K3854*Input!$C$20,0)+IF(Input!$D$21=3,L3854*Input!$C$21,0)+IF(Input!$D$22=3,M3854*Input!$C$22,0)</f>
        <v>0</v>
      </c>
      <c r="Q3854" s="75">
        <f>IF(Input!$D$19=4,J3854*Input!$C$19,0)+IF(Input!$D$20=4,K3854*Input!$C$20,0)+IF(Input!$D$21=4,L3854*Input!$C$21,0)+IF(Input!$D$22=4,M3854*Input!$C$22,0)</f>
        <v>0</v>
      </c>
      <c r="R3854" s="58">
        <v>39.906588227462692</v>
      </c>
      <c r="S3854" s="124">
        <f t="shared" si="60"/>
        <v>0.50393133605452445</v>
      </c>
    </row>
    <row r="3855" spans="8:19" x14ac:dyDescent="0.3">
      <c r="H3855" s="44">
        <v>3848</v>
      </c>
      <c r="I3855" s="56">
        <f>Bühler!I3881</f>
        <v>0.13823370466517435</v>
      </c>
      <c r="J3855" s="59">
        <f>Bühler!J3881</f>
        <v>0.46077901555058115</v>
      </c>
      <c r="K3855" s="59">
        <f>Bühler!K3881</f>
        <v>0.69116852332587175</v>
      </c>
      <c r="L3855" s="59">
        <f>Bühler!L3881</f>
        <v>11.246760913828046</v>
      </c>
      <c r="M3855" s="58">
        <f>Bühler!M3881</f>
        <v>0</v>
      </c>
      <c r="N3855" s="56">
        <f>IF(Input!$D$19=1,J3855*Input!$C$19,0)+IF(Input!$D$20=1,K3855*Input!$C$20,0)+IF(Input!$D$21=1,L3855*Input!$C$21,0)+IF(Input!$D$22=1,M3855*Input!$C$22,0)</f>
        <v>0.13823370466517435</v>
      </c>
      <c r="O3855" s="59">
        <f>IF(Input!$D$19=2,J3855*Input!$C$19,0)+IF(Input!$D$20=2,K3855*Input!$C$20,0)+IF(Input!$D$21=2,L3855*Input!$C$21,0)+IF(Input!$D$22=2,M3855*Input!$C$22,0)</f>
        <v>0.34558426166293588</v>
      </c>
      <c r="P3855" s="59">
        <f>IF(Input!$D$19=3,J3855*Input!$C$19,0)+IF(Input!$D$20=3,K3855*Input!$C$20,0)+IF(Input!$D$21=3,L3855*Input!$C$21,0)+IF(Input!$D$22=3,M3855*Input!$C$22,0)</f>
        <v>0</v>
      </c>
      <c r="Q3855" s="75">
        <f>IF(Input!$D$19=4,J3855*Input!$C$19,0)+IF(Input!$D$20=4,K3855*Input!$C$20,0)+IF(Input!$D$21=4,L3855*Input!$C$21,0)+IF(Input!$D$22=4,M3855*Input!$C$22,0)</f>
        <v>0</v>
      </c>
      <c r="R3855" s="58">
        <v>39.802326207406651</v>
      </c>
      <c r="S3855" s="124">
        <f t="shared" si="60"/>
        <v>0.59901272021575547</v>
      </c>
    </row>
    <row r="3856" spans="8:19" x14ac:dyDescent="0.3">
      <c r="H3856" s="44">
        <v>3849</v>
      </c>
      <c r="I3856" s="56">
        <f>Bühler!I3882</f>
        <v>0.13823370466517435</v>
      </c>
      <c r="J3856" s="59">
        <f>Bühler!J3882</f>
        <v>0.46077901555058115</v>
      </c>
      <c r="K3856" s="59">
        <f>Bühler!K3882</f>
        <v>0.69116852332587175</v>
      </c>
      <c r="L3856" s="59">
        <f>Bühler!L3882</f>
        <v>11.246760913828046</v>
      </c>
      <c r="M3856" s="58">
        <f>Bühler!M3882</f>
        <v>0</v>
      </c>
      <c r="N3856" s="56">
        <f>IF(Input!$D$19=1,J3856*Input!$C$19,0)+IF(Input!$D$20=1,K3856*Input!$C$20,0)+IF(Input!$D$21=1,L3856*Input!$C$21,0)+IF(Input!$D$22=1,M3856*Input!$C$22,0)</f>
        <v>0.13823370466517435</v>
      </c>
      <c r="O3856" s="59">
        <f>IF(Input!$D$19=2,J3856*Input!$C$19,0)+IF(Input!$D$20=2,K3856*Input!$C$20,0)+IF(Input!$D$21=2,L3856*Input!$C$21,0)+IF(Input!$D$22=2,M3856*Input!$C$22,0)</f>
        <v>0.34558426166293588</v>
      </c>
      <c r="P3856" s="59">
        <f>IF(Input!$D$19=3,J3856*Input!$C$19,0)+IF(Input!$D$20=3,K3856*Input!$C$20,0)+IF(Input!$D$21=3,L3856*Input!$C$21,0)+IF(Input!$D$22=3,M3856*Input!$C$22,0)</f>
        <v>0</v>
      </c>
      <c r="Q3856" s="75">
        <f>IF(Input!$D$19=4,J3856*Input!$C$19,0)+IF(Input!$D$20=4,K3856*Input!$C$20,0)+IF(Input!$D$21=4,L3856*Input!$C$21,0)+IF(Input!$D$22=4,M3856*Input!$C$22,0)</f>
        <v>0</v>
      </c>
      <c r="R3856" s="58">
        <v>40.088687281909692</v>
      </c>
      <c r="S3856" s="124">
        <f t="shared" si="60"/>
        <v>0.59901272021575547</v>
      </c>
    </row>
    <row r="3857" spans="8:19" x14ac:dyDescent="0.3">
      <c r="H3857" s="44">
        <v>3850</v>
      </c>
      <c r="I3857" s="56">
        <f>Bühler!I3883</f>
        <v>0.13823370466517435</v>
      </c>
      <c r="J3857" s="59">
        <f>Bühler!J3883</f>
        <v>0.46077901555058115</v>
      </c>
      <c r="K3857" s="59">
        <f>Bühler!K3883</f>
        <v>0.69116852332587175</v>
      </c>
      <c r="L3857" s="59">
        <f>Bühler!L3883</f>
        <v>11.246760913828046</v>
      </c>
      <c r="M3857" s="58">
        <f>Bühler!M3883</f>
        <v>0</v>
      </c>
      <c r="N3857" s="56">
        <f>IF(Input!$D$19=1,J3857*Input!$C$19,0)+IF(Input!$D$20=1,K3857*Input!$C$20,0)+IF(Input!$D$21=1,L3857*Input!$C$21,0)+IF(Input!$D$22=1,M3857*Input!$C$22,0)</f>
        <v>0.13823370466517435</v>
      </c>
      <c r="O3857" s="59">
        <f>IF(Input!$D$19=2,J3857*Input!$C$19,0)+IF(Input!$D$20=2,K3857*Input!$C$20,0)+IF(Input!$D$21=2,L3857*Input!$C$21,0)+IF(Input!$D$22=2,M3857*Input!$C$22,0)</f>
        <v>0.34558426166293588</v>
      </c>
      <c r="P3857" s="59">
        <f>IF(Input!$D$19=3,J3857*Input!$C$19,0)+IF(Input!$D$20=3,K3857*Input!$C$20,0)+IF(Input!$D$21=3,L3857*Input!$C$21,0)+IF(Input!$D$22=3,M3857*Input!$C$22,0)</f>
        <v>0</v>
      </c>
      <c r="Q3857" s="75">
        <f>IF(Input!$D$19=4,J3857*Input!$C$19,0)+IF(Input!$D$20=4,K3857*Input!$C$20,0)+IF(Input!$D$21=4,L3857*Input!$C$21,0)+IF(Input!$D$22=4,M3857*Input!$C$22,0)</f>
        <v>0</v>
      </c>
      <c r="R3857" s="58">
        <v>39.939093061050833</v>
      </c>
      <c r="S3857" s="124">
        <f t="shared" si="60"/>
        <v>0.59901272021575547</v>
      </c>
    </row>
    <row r="3858" spans="8:19" x14ac:dyDescent="0.3">
      <c r="H3858" s="44">
        <v>3851</v>
      </c>
      <c r="I3858" s="56">
        <f>Bühler!I3884</f>
        <v>0.13823370466517435</v>
      </c>
      <c r="J3858" s="59">
        <f>Bühler!J3884</f>
        <v>0.46077901555058115</v>
      </c>
      <c r="K3858" s="59">
        <f>Bühler!K3884</f>
        <v>0.69116852332587175</v>
      </c>
      <c r="L3858" s="59">
        <f>Bühler!L3884</f>
        <v>11.246760913828046</v>
      </c>
      <c r="M3858" s="58">
        <f>Bühler!M3884</f>
        <v>0</v>
      </c>
      <c r="N3858" s="56">
        <f>IF(Input!$D$19=1,J3858*Input!$C$19,0)+IF(Input!$D$20=1,K3858*Input!$C$20,0)+IF(Input!$D$21=1,L3858*Input!$C$21,0)+IF(Input!$D$22=1,M3858*Input!$C$22,0)</f>
        <v>0.13823370466517435</v>
      </c>
      <c r="O3858" s="59">
        <f>IF(Input!$D$19=2,J3858*Input!$C$19,0)+IF(Input!$D$20=2,K3858*Input!$C$20,0)+IF(Input!$D$21=2,L3858*Input!$C$21,0)+IF(Input!$D$22=2,M3858*Input!$C$22,0)</f>
        <v>0.34558426166293588</v>
      </c>
      <c r="P3858" s="59">
        <f>IF(Input!$D$19=3,J3858*Input!$C$19,0)+IF(Input!$D$20=3,K3858*Input!$C$20,0)+IF(Input!$D$21=3,L3858*Input!$C$21,0)+IF(Input!$D$22=3,M3858*Input!$C$22,0)</f>
        <v>0</v>
      </c>
      <c r="Q3858" s="75">
        <f>IF(Input!$D$19=4,J3858*Input!$C$19,0)+IF(Input!$D$20=4,K3858*Input!$C$20,0)+IF(Input!$D$21=4,L3858*Input!$C$21,0)+IF(Input!$D$22=4,M3858*Input!$C$22,0)</f>
        <v>0</v>
      </c>
      <c r="R3858" s="58">
        <v>40.488285977547754</v>
      </c>
      <c r="S3858" s="124">
        <f t="shared" si="60"/>
        <v>0.59901272021575547</v>
      </c>
    </row>
    <row r="3859" spans="8:19" x14ac:dyDescent="0.3">
      <c r="H3859" s="44">
        <v>3852</v>
      </c>
      <c r="I3859" s="56">
        <f>Bühler!I3885</f>
        <v>0.13823370466517435</v>
      </c>
      <c r="J3859" s="59">
        <f>Bühler!J3885</f>
        <v>0.46077901555058115</v>
      </c>
      <c r="K3859" s="59">
        <f>Bühler!K3885</f>
        <v>0.69116852332587175</v>
      </c>
      <c r="L3859" s="59">
        <f>Bühler!L3885</f>
        <v>11.246760913828046</v>
      </c>
      <c r="M3859" s="58">
        <f>Bühler!M3885</f>
        <v>0</v>
      </c>
      <c r="N3859" s="56">
        <f>IF(Input!$D$19=1,J3859*Input!$C$19,0)+IF(Input!$D$20=1,K3859*Input!$C$20,0)+IF(Input!$D$21=1,L3859*Input!$C$21,0)+IF(Input!$D$22=1,M3859*Input!$C$22,0)</f>
        <v>0.13823370466517435</v>
      </c>
      <c r="O3859" s="59">
        <f>IF(Input!$D$19=2,J3859*Input!$C$19,0)+IF(Input!$D$20=2,K3859*Input!$C$20,0)+IF(Input!$D$21=2,L3859*Input!$C$21,0)+IF(Input!$D$22=2,M3859*Input!$C$22,0)</f>
        <v>0.34558426166293588</v>
      </c>
      <c r="P3859" s="59">
        <f>IF(Input!$D$19=3,J3859*Input!$C$19,0)+IF(Input!$D$20=3,K3859*Input!$C$20,0)+IF(Input!$D$21=3,L3859*Input!$C$21,0)+IF(Input!$D$22=3,M3859*Input!$C$22,0)</f>
        <v>0</v>
      </c>
      <c r="Q3859" s="75">
        <f>IF(Input!$D$19=4,J3859*Input!$C$19,0)+IF(Input!$D$20=4,K3859*Input!$C$20,0)+IF(Input!$D$21=4,L3859*Input!$C$21,0)+IF(Input!$D$22=4,M3859*Input!$C$22,0)</f>
        <v>0</v>
      </c>
      <c r="R3859" s="58">
        <v>40.984847753226539</v>
      </c>
      <c r="S3859" s="124">
        <f t="shared" si="60"/>
        <v>0.59901272021575547</v>
      </c>
    </row>
    <row r="3860" spans="8:19" x14ac:dyDescent="0.3">
      <c r="H3860" s="44">
        <v>3853</v>
      </c>
      <c r="I3860" s="56">
        <f>Bühler!I3886</f>
        <v>0.13823370466517435</v>
      </c>
      <c r="J3860" s="59">
        <f>Bühler!J3886</f>
        <v>0.46077901555058115</v>
      </c>
      <c r="K3860" s="59">
        <f>Bühler!K3886</f>
        <v>0.69116852332587175</v>
      </c>
      <c r="L3860" s="59">
        <f>Bühler!L3886</f>
        <v>11.246760913828046</v>
      </c>
      <c r="M3860" s="58">
        <f>Bühler!M3886</f>
        <v>0</v>
      </c>
      <c r="N3860" s="56">
        <f>IF(Input!$D$19=1,J3860*Input!$C$19,0)+IF(Input!$D$20=1,K3860*Input!$C$20,0)+IF(Input!$D$21=1,L3860*Input!$C$21,0)+IF(Input!$D$22=1,M3860*Input!$C$22,0)</f>
        <v>0.13823370466517435</v>
      </c>
      <c r="O3860" s="59">
        <f>IF(Input!$D$19=2,J3860*Input!$C$19,0)+IF(Input!$D$20=2,K3860*Input!$C$20,0)+IF(Input!$D$21=2,L3860*Input!$C$21,0)+IF(Input!$D$22=2,M3860*Input!$C$22,0)</f>
        <v>0.34558426166293588</v>
      </c>
      <c r="P3860" s="59">
        <f>IF(Input!$D$19=3,J3860*Input!$C$19,0)+IF(Input!$D$20=3,K3860*Input!$C$20,0)+IF(Input!$D$21=3,L3860*Input!$C$21,0)+IF(Input!$D$22=3,M3860*Input!$C$22,0)</f>
        <v>0</v>
      </c>
      <c r="Q3860" s="75">
        <f>IF(Input!$D$19=4,J3860*Input!$C$19,0)+IF(Input!$D$20=4,K3860*Input!$C$20,0)+IF(Input!$D$21=4,L3860*Input!$C$21,0)+IF(Input!$D$22=4,M3860*Input!$C$22,0)</f>
        <v>0</v>
      </c>
      <c r="R3860" s="58">
        <v>41.257411207958889</v>
      </c>
      <c r="S3860" s="124">
        <f t="shared" si="60"/>
        <v>0.59901272021575547</v>
      </c>
    </row>
    <row r="3861" spans="8:19" x14ac:dyDescent="0.3">
      <c r="H3861" s="44">
        <v>3854</v>
      </c>
      <c r="I3861" s="56">
        <f>Bühler!I3887</f>
        <v>0.13823370466517435</v>
      </c>
      <c r="J3861" s="59">
        <f>Bühler!J3887</f>
        <v>0.46077901555058115</v>
      </c>
      <c r="K3861" s="59">
        <f>Bühler!K3887</f>
        <v>0.69116852332587175</v>
      </c>
      <c r="L3861" s="59">
        <f>Bühler!L3887</f>
        <v>11.246760913828046</v>
      </c>
      <c r="M3861" s="58">
        <f>Bühler!M3887</f>
        <v>0</v>
      </c>
      <c r="N3861" s="56">
        <f>IF(Input!$D$19=1,J3861*Input!$C$19,0)+IF(Input!$D$20=1,K3861*Input!$C$20,0)+IF(Input!$D$21=1,L3861*Input!$C$21,0)+IF(Input!$D$22=1,M3861*Input!$C$22,0)</f>
        <v>0.13823370466517435</v>
      </c>
      <c r="O3861" s="59">
        <f>IF(Input!$D$19=2,J3861*Input!$C$19,0)+IF(Input!$D$20=2,K3861*Input!$C$20,0)+IF(Input!$D$21=2,L3861*Input!$C$21,0)+IF(Input!$D$22=2,M3861*Input!$C$22,0)</f>
        <v>0.34558426166293588</v>
      </c>
      <c r="P3861" s="59">
        <f>IF(Input!$D$19=3,J3861*Input!$C$19,0)+IF(Input!$D$20=3,K3861*Input!$C$20,0)+IF(Input!$D$21=3,L3861*Input!$C$21,0)+IF(Input!$D$22=3,M3861*Input!$C$22,0)</f>
        <v>0</v>
      </c>
      <c r="Q3861" s="75">
        <f>IF(Input!$D$19=4,J3861*Input!$C$19,0)+IF(Input!$D$20=4,K3861*Input!$C$20,0)+IF(Input!$D$21=4,L3861*Input!$C$21,0)+IF(Input!$D$22=4,M3861*Input!$C$22,0)</f>
        <v>0</v>
      </c>
      <c r="R3861" s="58">
        <v>41.178769068713883</v>
      </c>
      <c r="S3861" s="124">
        <f t="shared" si="60"/>
        <v>0.59901272021575547</v>
      </c>
    </row>
    <row r="3862" spans="8:19" x14ac:dyDescent="0.3">
      <c r="H3862" s="44">
        <v>3855</v>
      </c>
      <c r="I3862" s="56">
        <f>Bühler!I3888</f>
        <v>0.13823370466517435</v>
      </c>
      <c r="J3862" s="59">
        <f>Bühler!J3888</f>
        <v>0.46077901555058115</v>
      </c>
      <c r="K3862" s="59">
        <f>Bühler!K3888</f>
        <v>0.69116852332587175</v>
      </c>
      <c r="L3862" s="59">
        <f>Bühler!L3888</f>
        <v>11.246760913828046</v>
      </c>
      <c r="M3862" s="58">
        <f>Bühler!M3888</f>
        <v>0</v>
      </c>
      <c r="N3862" s="56">
        <f>IF(Input!$D$19=1,J3862*Input!$C$19,0)+IF(Input!$D$20=1,K3862*Input!$C$20,0)+IF(Input!$D$21=1,L3862*Input!$C$21,0)+IF(Input!$D$22=1,M3862*Input!$C$22,0)</f>
        <v>0.13823370466517435</v>
      </c>
      <c r="O3862" s="59">
        <f>IF(Input!$D$19=2,J3862*Input!$C$19,0)+IF(Input!$D$20=2,K3862*Input!$C$20,0)+IF(Input!$D$21=2,L3862*Input!$C$21,0)+IF(Input!$D$22=2,M3862*Input!$C$22,0)</f>
        <v>0.34558426166293588</v>
      </c>
      <c r="P3862" s="59">
        <f>IF(Input!$D$19=3,J3862*Input!$C$19,0)+IF(Input!$D$20=3,K3862*Input!$C$20,0)+IF(Input!$D$21=3,L3862*Input!$C$21,0)+IF(Input!$D$22=3,M3862*Input!$C$22,0)</f>
        <v>0</v>
      </c>
      <c r="Q3862" s="75">
        <f>IF(Input!$D$19=4,J3862*Input!$C$19,0)+IF(Input!$D$20=4,K3862*Input!$C$20,0)+IF(Input!$D$21=4,L3862*Input!$C$21,0)+IF(Input!$D$22=4,M3862*Input!$C$22,0)</f>
        <v>0</v>
      </c>
      <c r="R3862" s="58">
        <v>41.253670337916638</v>
      </c>
      <c r="S3862" s="124">
        <f t="shared" si="60"/>
        <v>0.59901272021575547</v>
      </c>
    </row>
    <row r="3863" spans="8:19" x14ac:dyDescent="0.3">
      <c r="H3863" s="44">
        <v>3856</v>
      </c>
      <c r="I3863" s="56">
        <f>Bühler!I3889</f>
        <v>0.12287440414682163</v>
      </c>
      <c r="J3863" s="59">
        <f>Bühler!J3889</f>
        <v>0.40958134715607214</v>
      </c>
      <c r="K3863" s="59">
        <f>Bühler!K3889</f>
        <v>0.61437202073410824</v>
      </c>
      <c r="L3863" s="59">
        <f>Bühler!L3889</f>
        <v>9.9971208122915964</v>
      </c>
      <c r="M3863" s="58">
        <f>Bühler!M3889</f>
        <v>0</v>
      </c>
      <c r="N3863" s="56">
        <f>IF(Input!$D$19=1,J3863*Input!$C$19,0)+IF(Input!$D$20=1,K3863*Input!$C$20,0)+IF(Input!$D$21=1,L3863*Input!$C$21,0)+IF(Input!$D$22=1,M3863*Input!$C$22,0)</f>
        <v>0.12287440414682163</v>
      </c>
      <c r="O3863" s="59">
        <f>IF(Input!$D$19=2,J3863*Input!$C$19,0)+IF(Input!$D$20=2,K3863*Input!$C$20,0)+IF(Input!$D$21=2,L3863*Input!$C$21,0)+IF(Input!$D$22=2,M3863*Input!$C$22,0)</f>
        <v>0.30718601036705412</v>
      </c>
      <c r="P3863" s="59">
        <f>IF(Input!$D$19=3,J3863*Input!$C$19,0)+IF(Input!$D$20=3,K3863*Input!$C$20,0)+IF(Input!$D$21=3,L3863*Input!$C$21,0)+IF(Input!$D$22=3,M3863*Input!$C$22,0)</f>
        <v>0</v>
      </c>
      <c r="Q3863" s="75">
        <f>IF(Input!$D$19=4,J3863*Input!$C$19,0)+IF(Input!$D$20=4,K3863*Input!$C$20,0)+IF(Input!$D$21=4,L3863*Input!$C$21,0)+IF(Input!$D$22=4,M3863*Input!$C$22,0)</f>
        <v>0</v>
      </c>
      <c r="R3863" s="58">
        <v>41.294433007719874</v>
      </c>
      <c r="S3863" s="124">
        <f t="shared" si="60"/>
        <v>0.5324557513028938</v>
      </c>
    </row>
    <row r="3864" spans="8:19" x14ac:dyDescent="0.3">
      <c r="H3864" s="44">
        <v>3857</v>
      </c>
      <c r="I3864" s="56">
        <f>Bühler!I3890</f>
        <v>0.12068021835848554</v>
      </c>
      <c r="J3864" s="59">
        <f>Bühler!J3890</f>
        <v>0.40226739452828519</v>
      </c>
      <c r="K3864" s="59">
        <f>Bühler!K3890</f>
        <v>0.60340109179242774</v>
      </c>
      <c r="L3864" s="59">
        <f>Bühler!L3890</f>
        <v>9.8186007977863881</v>
      </c>
      <c r="M3864" s="58">
        <f>Bühler!M3890</f>
        <v>0</v>
      </c>
      <c r="N3864" s="56">
        <f>IF(Input!$D$19=1,J3864*Input!$C$19,0)+IF(Input!$D$20=1,K3864*Input!$C$20,0)+IF(Input!$D$21=1,L3864*Input!$C$21,0)+IF(Input!$D$22=1,M3864*Input!$C$22,0)</f>
        <v>0.12068021835848555</v>
      </c>
      <c r="O3864" s="59">
        <f>IF(Input!$D$19=2,J3864*Input!$C$19,0)+IF(Input!$D$20=2,K3864*Input!$C$20,0)+IF(Input!$D$21=2,L3864*Input!$C$21,0)+IF(Input!$D$22=2,M3864*Input!$C$22,0)</f>
        <v>0.30170054589621387</v>
      </c>
      <c r="P3864" s="59">
        <f>IF(Input!$D$19=3,J3864*Input!$C$19,0)+IF(Input!$D$20=3,K3864*Input!$C$20,0)+IF(Input!$D$21=3,L3864*Input!$C$21,0)+IF(Input!$D$22=3,M3864*Input!$C$22,0)</f>
        <v>0</v>
      </c>
      <c r="Q3864" s="75">
        <f>IF(Input!$D$19=4,J3864*Input!$C$19,0)+IF(Input!$D$20=4,K3864*Input!$C$20,0)+IF(Input!$D$21=4,L3864*Input!$C$21,0)+IF(Input!$D$22=4,M3864*Input!$C$22,0)</f>
        <v>0</v>
      </c>
      <c r="R3864" s="58">
        <v>41.631286952575223</v>
      </c>
      <c r="S3864" s="124">
        <f t="shared" si="60"/>
        <v>0.52294761288677072</v>
      </c>
    </row>
    <row r="3865" spans="8:19" x14ac:dyDescent="0.3">
      <c r="H3865" s="44">
        <v>3858</v>
      </c>
      <c r="I3865" s="56">
        <f>Bühler!I3891</f>
        <v>0.10312673205179672</v>
      </c>
      <c r="J3865" s="59">
        <f>Bühler!J3891</f>
        <v>0.34375577350598907</v>
      </c>
      <c r="K3865" s="59">
        <f>Bühler!K3891</f>
        <v>0.51563366025898361</v>
      </c>
      <c r="L3865" s="59">
        <f>Bühler!L3891</f>
        <v>8.3904406817447335</v>
      </c>
      <c r="M3865" s="58">
        <f>Bühler!M3891</f>
        <v>0</v>
      </c>
      <c r="N3865" s="56">
        <f>IF(Input!$D$19=1,J3865*Input!$C$19,0)+IF(Input!$D$20=1,K3865*Input!$C$20,0)+IF(Input!$D$21=1,L3865*Input!$C$21,0)+IF(Input!$D$22=1,M3865*Input!$C$22,0)</f>
        <v>0.10312673205179672</v>
      </c>
      <c r="O3865" s="59">
        <f>IF(Input!$D$19=2,J3865*Input!$C$19,0)+IF(Input!$D$20=2,K3865*Input!$C$20,0)+IF(Input!$D$21=2,L3865*Input!$C$21,0)+IF(Input!$D$22=2,M3865*Input!$C$22,0)</f>
        <v>0.2578168301294918</v>
      </c>
      <c r="P3865" s="59">
        <f>IF(Input!$D$19=3,J3865*Input!$C$19,0)+IF(Input!$D$20=3,K3865*Input!$C$20,0)+IF(Input!$D$21=3,L3865*Input!$C$21,0)+IF(Input!$D$22=3,M3865*Input!$C$22,0)</f>
        <v>0</v>
      </c>
      <c r="Q3865" s="75">
        <f>IF(Input!$D$19=4,J3865*Input!$C$19,0)+IF(Input!$D$20=4,K3865*Input!$C$20,0)+IF(Input!$D$21=4,L3865*Input!$C$21,0)+IF(Input!$D$22=4,M3865*Input!$C$22,0)</f>
        <v>0</v>
      </c>
      <c r="R3865" s="58">
        <v>41.763150017840083</v>
      </c>
      <c r="S3865" s="124">
        <f t="shared" si="60"/>
        <v>0.4468825055577858</v>
      </c>
    </row>
    <row r="3866" spans="8:19" x14ac:dyDescent="0.3">
      <c r="H3866" s="44">
        <v>3859</v>
      </c>
      <c r="I3866" s="56">
        <f>Bühler!I3892</f>
        <v>9.6544174686788428E-2</v>
      </c>
      <c r="J3866" s="59">
        <f>Bühler!J3892</f>
        <v>0.32181391562262812</v>
      </c>
      <c r="K3866" s="59">
        <f>Bühler!K3892</f>
        <v>0.48272087343394221</v>
      </c>
      <c r="L3866" s="59">
        <f>Bühler!L3892</f>
        <v>7.8548806382291119</v>
      </c>
      <c r="M3866" s="58">
        <f>Bühler!M3892</f>
        <v>0</v>
      </c>
      <c r="N3866" s="56">
        <f>IF(Input!$D$19=1,J3866*Input!$C$19,0)+IF(Input!$D$20=1,K3866*Input!$C$20,0)+IF(Input!$D$21=1,L3866*Input!$C$21,0)+IF(Input!$D$22=1,M3866*Input!$C$22,0)</f>
        <v>9.6544174686788428E-2</v>
      </c>
      <c r="O3866" s="59">
        <f>IF(Input!$D$19=2,J3866*Input!$C$19,0)+IF(Input!$D$20=2,K3866*Input!$C$20,0)+IF(Input!$D$21=2,L3866*Input!$C$21,0)+IF(Input!$D$22=2,M3866*Input!$C$22,0)</f>
        <v>0.24136043671697111</v>
      </c>
      <c r="P3866" s="59">
        <f>IF(Input!$D$19=3,J3866*Input!$C$19,0)+IF(Input!$D$20=3,K3866*Input!$C$20,0)+IF(Input!$D$21=3,L3866*Input!$C$21,0)+IF(Input!$D$22=3,M3866*Input!$C$22,0)</f>
        <v>0</v>
      </c>
      <c r="Q3866" s="75">
        <f>IF(Input!$D$19=4,J3866*Input!$C$19,0)+IF(Input!$D$20=4,K3866*Input!$C$20,0)+IF(Input!$D$21=4,L3866*Input!$C$21,0)+IF(Input!$D$22=4,M3866*Input!$C$22,0)</f>
        <v>0</v>
      </c>
      <c r="R3866" s="58">
        <v>41.650424276126252</v>
      </c>
      <c r="S3866" s="124">
        <f t="shared" si="60"/>
        <v>0.41835809030941656</v>
      </c>
    </row>
    <row r="3867" spans="8:19" x14ac:dyDescent="0.3">
      <c r="H3867" s="44">
        <v>3860</v>
      </c>
      <c r="I3867" s="56">
        <f>Bühler!I3893</f>
        <v>8.1184874168435714E-2</v>
      </c>
      <c r="J3867" s="59">
        <f>Bühler!J3893</f>
        <v>0.27061624722811911</v>
      </c>
      <c r="K3867" s="59">
        <f>Bühler!K3893</f>
        <v>0.40592437084217864</v>
      </c>
      <c r="L3867" s="59">
        <f>Bühler!L3893</f>
        <v>6.605240536692663</v>
      </c>
      <c r="M3867" s="58">
        <f>Bühler!M3893</f>
        <v>0</v>
      </c>
      <c r="N3867" s="56">
        <f>IF(Input!$D$19=1,J3867*Input!$C$19,0)+IF(Input!$D$20=1,K3867*Input!$C$20,0)+IF(Input!$D$21=1,L3867*Input!$C$21,0)+IF(Input!$D$22=1,M3867*Input!$C$22,0)</f>
        <v>8.1184874168435728E-2</v>
      </c>
      <c r="O3867" s="59">
        <f>IF(Input!$D$19=2,J3867*Input!$C$19,0)+IF(Input!$D$20=2,K3867*Input!$C$20,0)+IF(Input!$D$21=2,L3867*Input!$C$21,0)+IF(Input!$D$22=2,M3867*Input!$C$22,0)</f>
        <v>0.20296218542108932</v>
      </c>
      <c r="P3867" s="59">
        <f>IF(Input!$D$19=3,J3867*Input!$C$19,0)+IF(Input!$D$20=3,K3867*Input!$C$20,0)+IF(Input!$D$21=3,L3867*Input!$C$21,0)+IF(Input!$D$22=3,M3867*Input!$C$22,0)</f>
        <v>0</v>
      </c>
      <c r="Q3867" s="75">
        <f>IF(Input!$D$19=4,J3867*Input!$C$19,0)+IF(Input!$D$20=4,K3867*Input!$C$20,0)+IF(Input!$D$21=4,L3867*Input!$C$21,0)+IF(Input!$D$22=4,M3867*Input!$C$22,0)</f>
        <v>0</v>
      </c>
      <c r="R3867" s="58">
        <v>42.175795264252173</v>
      </c>
      <c r="S3867" s="124">
        <f t="shared" si="60"/>
        <v>0.35180112139655484</v>
      </c>
    </row>
    <row r="3868" spans="8:19" x14ac:dyDescent="0.3">
      <c r="H3868" s="44">
        <v>3861</v>
      </c>
      <c r="I3868" s="56">
        <f>Bühler!I3894</f>
        <v>6.801975943841912E-2</v>
      </c>
      <c r="J3868" s="59">
        <f>Bühler!J3894</f>
        <v>0.2267325314613971</v>
      </c>
      <c r="K3868" s="59">
        <f>Bühler!K3894</f>
        <v>0.34009879719209563</v>
      </c>
      <c r="L3868" s="59">
        <f>Bühler!L3894</f>
        <v>5.5341204496614189</v>
      </c>
      <c r="M3868" s="58">
        <f>Bühler!M3894</f>
        <v>0</v>
      </c>
      <c r="N3868" s="56">
        <f>IF(Input!$D$19=1,J3868*Input!$C$19,0)+IF(Input!$D$20=1,K3868*Input!$C$20,0)+IF(Input!$D$21=1,L3868*Input!$C$21,0)+IF(Input!$D$22=1,M3868*Input!$C$22,0)</f>
        <v>6.8019759438419133E-2</v>
      </c>
      <c r="O3868" s="59">
        <f>IF(Input!$D$19=2,J3868*Input!$C$19,0)+IF(Input!$D$20=2,K3868*Input!$C$20,0)+IF(Input!$D$21=2,L3868*Input!$C$21,0)+IF(Input!$D$22=2,M3868*Input!$C$22,0)</f>
        <v>0.17004939859604781</v>
      </c>
      <c r="P3868" s="59">
        <f>IF(Input!$D$19=3,J3868*Input!$C$19,0)+IF(Input!$D$20=3,K3868*Input!$C$20,0)+IF(Input!$D$21=3,L3868*Input!$C$21,0)+IF(Input!$D$22=3,M3868*Input!$C$22,0)</f>
        <v>0</v>
      </c>
      <c r="Q3868" s="75">
        <f>IF(Input!$D$19=4,J3868*Input!$C$19,0)+IF(Input!$D$20=4,K3868*Input!$C$20,0)+IF(Input!$D$21=4,L3868*Input!$C$21,0)+IF(Input!$D$22=4,M3868*Input!$C$22,0)</f>
        <v>0</v>
      </c>
      <c r="R3868" s="58">
        <v>41.92517935070083</v>
      </c>
      <c r="S3868" s="124">
        <f t="shared" si="60"/>
        <v>0.29475229089981625</v>
      </c>
    </row>
    <row r="3869" spans="8:19" x14ac:dyDescent="0.3">
      <c r="H3869" s="44">
        <v>3862</v>
      </c>
      <c r="I3869" s="56">
        <f>Bühler!I3895</f>
        <v>5.9243016285074709E-2</v>
      </c>
      <c r="J3869" s="59">
        <f>Bühler!J3895</f>
        <v>0.19747672095024907</v>
      </c>
      <c r="K3869" s="59">
        <f>Bühler!K3895</f>
        <v>0.29621508142537356</v>
      </c>
      <c r="L3869" s="59">
        <f>Bühler!L3895</f>
        <v>4.8200403916405916</v>
      </c>
      <c r="M3869" s="58">
        <f>Bühler!M3895</f>
        <v>0</v>
      </c>
      <c r="N3869" s="56">
        <f>IF(Input!$D$19=1,J3869*Input!$C$19,0)+IF(Input!$D$20=1,K3869*Input!$C$20,0)+IF(Input!$D$21=1,L3869*Input!$C$21,0)+IF(Input!$D$22=1,M3869*Input!$C$22,0)</f>
        <v>5.9243016285074716E-2</v>
      </c>
      <c r="O3869" s="59">
        <f>IF(Input!$D$19=2,J3869*Input!$C$19,0)+IF(Input!$D$20=2,K3869*Input!$C$20,0)+IF(Input!$D$21=2,L3869*Input!$C$21,0)+IF(Input!$D$22=2,M3869*Input!$C$22,0)</f>
        <v>0.14810754071268678</v>
      </c>
      <c r="P3869" s="59">
        <f>IF(Input!$D$19=3,J3869*Input!$C$19,0)+IF(Input!$D$20=3,K3869*Input!$C$20,0)+IF(Input!$D$21=3,L3869*Input!$C$21,0)+IF(Input!$D$22=3,M3869*Input!$C$22,0)</f>
        <v>0</v>
      </c>
      <c r="Q3869" s="75">
        <f>IF(Input!$D$19=4,J3869*Input!$C$19,0)+IF(Input!$D$20=4,K3869*Input!$C$20,0)+IF(Input!$D$21=4,L3869*Input!$C$21,0)+IF(Input!$D$22=4,M3869*Input!$C$22,0)</f>
        <v>0</v>
      </c>
      <c r="R3869" s="58">
        <v>42.009739701026618</v>
      </c>
      <c r="S3869" s="124">
        <f t="shared" si="60"/>
        <v>0.25671973723532376</v>
      </c>
    </row>
    <row r="3870" spans="8:19" x14ac:dyDescent="0.3">
      <c r="H3870" s="44">
        <v>3863</v>
      </c>
      <c r="I3870" s="56">
        <f>Bühler!I3896</f>
        <v>5.9243016285074709E-2</v>
      </c>
      <c r="J3870" s="59">
        <f>Bühler!J3896</f>
        <v>0.19747672095024907</v>
      </c>
      <c r="K3870" s="59">
        <f>Bühler!K3896</f>
        <v>0.29621508142537356</v>
      </c>
      <c r="L3870" s="59">
        <f>Bühler!L3896</f>
        <v>4.8200403916405916</v>
      </c>
      <c r="M3870" s="58">
        <f>Bühler!M3896</f>
        <v>0</v>
      </c>
      <c r="N3870" s="56">
        <f>IF(Input!$D$19=1,J3870*Input!$C$19,0)+IF(Input!$D$20=1,K3870*Input!$C$20,0)+IF(Input!$D$21=1,L3870*Input!$C$21,0)+IF(Input!$D$22=1,M3870*Input!$C$22,0)</f>
        <v>5.9243016285074716E-2</v>
      </c>
      <c r="O3870" s="59">
        <f>IF(Input!$D$19=2,J3870*Input!$C$19,0)+IF(Input!$D$20=2,K3870*Input!$C$20,0)+IF(Input!$D$21=2,L3870*Input!$C$21,0)+IF(Input!$D$22=2,M3870*Input!$C$22,0)</f>
        <v>0.14810754071268678</v>
      </c>
      <c r="P3870" s="59">
        <f>IF(Input!$D$19=3,J3870*Input!$C$19,0)+IF(Input!$D$20=3,K3870*Input!$C$20,0)+IF(Input!$D$21=3,L3870*Input!$C$21,0)+IF(Input!$D$22=3,M3870*Input!$C$22,0)</f>
        <v>0</v>
      </c>
      <c r="Q3870" s="75">
        <f>IF(Input!$D$19=4,J3870*Input!$C$19,0)+IF(Input!$D$20=4,K3870*Input!$C$20,0)+IF(Input!$D$21=4,L3870*Input!$C$21,0)+IF(Input!$D$22=4,M3870*Input!$C$22,0)</f>
        <v>0</v>
      </c>
      <c r="R3870" s="58">
        <v>42.591694685329195</v>
      </c>
      <c r="S3870" s="124">
        <f t="shared" si="60"/>
        <v>0.25671973723532376</v>
      </c>
    </row>
    <row r="3871" spans="8:19" x14ac:dyDescent="0.3">
      <c r="H3871" s="44">
        <v>3864</v>
      </c>
      <c r="I3871" s="56">
        <f>Bühler!I3897</f>
        <v>5.9243016285074709E-2</v>
      </c>
      <c r="J3871" s="59">
        <f>Bühler!J3897</f>
        <v>0.19747672095024907</v>
      </c>
      <c r="K3871" s="59">
        <f>Bühler!K3897</f>
        <v>0.29621508142537356</v>
      </c>
      <c r="L3871" s="59">
        <f>Bühler!L3897</f>
        <v>4.8200403916405916</v>
      </c>
      <c r="M3871" s="58">
        <f>Bühler!M3897</f>
        <v>0</v>
      </c>
      <c r="N3871" s="56">
        <f>IF(Input!$D$19=1,J3871*Input!$C$19,0)+IF(Input!$D$20=1,K3871*Input!$C$20,0)+IF(Input!$D$21=1,L3871*Input!$C$21,0)+IF(Input!$D$22=1,M3871*Input!$C$22,0)</f>
        <v>5.9243016285074716E-2</v>
      </c>
      <c r="O3871" s="59">
        <f>IF(Input!$D$19=2,J3871*Input!$C$19,0)+IF(Input!$D$20=2,K3871*Input!$C$20,0)+IF(Input!$D$21=2,L3871*Input!$C$21,0)+IF(Input!$D$22=2,M3871*Input!$C$22,0)</f>
        <v>0.14810754071268678</v>
      </c>
      <c r="P3871" s="59">
        <f>IF(Input!$D$19=3,J3871*Input!$C$19,0)+IF(Input!$D$20=3,K3871*Input!$C$20,0)+IF(Input!$D$21=3,L3871*Input!$C$21,0)+IF(Input!$D$22=3,M3871*Input!$C$22,0)</f>
        <v>0</v>
      </c>
      <c r="Q3871" s="75">
        <f>IF(Input!$D$19=4,J3871*Input!$C$19,0)+IF(Input!$D$20=4,K3871*Input!$C$20,0)+IF(Input!$D$21=4,L3871*Input!$C$21,0)+IF(Input!$D$22=4,M3871*Input!$C$22,0)</f>
        <v>0</v>
      </c>
      <c r="R3871" s="58">
        <v>43.223747989963535</v>
      </c>
      <c r="S3871" s="124">
        <f t="shared" si="60"/>
        <v>0.25671973723532376</v>
      </c>
    </row>
    <row r="3872" spans="8:19" x14ac:dyDescent="0.3">
      <c r="H3872" s="44">
        <v>3865</v>
      </c>
      <c r="I3872" s="56">
        <f>Bühler!I3898</f>
        <v>7.0445390674688954E-2</v>
      </c>
      <c r="J3872" s="59">
        <f>Bühler!J3898</f>
        <v>0.23481796891562989</v>
      </c>
      <c r="K3872" s="59">
        <f>Bühler!K3898</f>
        <v>0.35222695337344478</v>
      </c>
      <c r="L3872" s="59">
        <f>Bühler!L3898</f>
        <v>1.690689376192535</v>
      </c>
      <c r="M3872" s="58">
        <f>Bühler!M3898</f>
        <v>0</v>
      </c>
      <c r="N3872" s="56">
        <f>IF(Input!$D$19=1,J3872*Input!$C$19,0)+IF(Input!$D$20=1,K3872*Input!$C$20,0)+IF(Input!$D$21=1,L3872*Input!$C$21,0)+IF(Input!$D$22=1,M3872*Input!$C$22,0)</f>
        <v>7.0445390674688968E-2</v>
      </c>
      <c r="O3872" s="59">
        <f>IF(Input!$D$19=2,J3872*Input!$C$19,0)+IF(Input!$D$20=2,K3872*Input!$C$20,0)+IF(Input!$D$21=2,L3872*Input!$C$21,0)+IF(Input!$D$22=2,M3872*Input!$C$22,0)</f>
        <v>0.17611347668672239</v>
      </c>
      <c r="P3872" s="59">
        <f>IF(Input!$D$19=3,J3872*Input!$C$19,0)+IF(Input!$D$20=3,K3872*Input!$C$20,0)+IF(Input!$D$21=3,L3872*Input!$C$21,0)+IF(Input!$D$22=3,M3872*Input!$C$22,0)</f>
        <v>0</v>
      </c>
      <c r="Q3872" s="75">
        <f>IF(Input!$D$19=4,J3872*Input!$C$19,0)+IF(Input!$D$20=4,K3872*Input!$C$20,0)+IF(Input!$D$21=4,L3872*Input!$C$21,0)+IF(Input!$D$22=4,M3872*Input!$C$22,0)</f>
        <v>0</v>
      </c>
      <c r="R3872" s="58">
        <v>43.124937785833261</v>
      </c>
      <c r="S3872" s="124">
        <f t="shared" si="60"/>
        <v>0.30526335959031886</v>
      </c>
    </row>
    <row r="3873" spans="8:19" x14ac:dyDescent="0.3">
      <c r="H3873" s="44">
        <v>3866</v>
      </c>
      <c r="I3873" s="56">
        <f>Bühler!I3899</f>
        <v>7.0445390674688954E-2</v>
      </c>
      <c r="J3873" s="59">
        <f>Bühler!J3899</f>
        <v>0.23481796891562989</v>
      </c>
      <c r="K3873" s="59">
        <f>Bühler!K3899</f>
        <v>0.35222695337344478</v>
      </c>
      <c r="L3873" s="59">
        <f>Bühler!L3899</f>
        <v>1.690689376192535</v>
      </c>
      <c r="M3873" s="58">
        <f>Bühler!M3899</f>
        <v>0</v>
      </c>
      <c r="N3873" s="56">
        <f>IF(Input!$D$19=1,J3873*Input!$C$19,0)+IF(Input!$D$20=1,K3873*Input!$C$20,0)+IF(Input!$D$21=1,L3873*Input!$C$21,0)+IF(Input!$D$22=1,M3873*Input!$C$22,0)</f>
        <v>7.0445390674688968E-2</v>
      </c>
      <c r="O3873" s="59">
        <f>IF(Input!$D$19=2,J3873*Input!$C$19,0)+IF(Input!$D$20=2,K3873*Input!$C$20,0)+IF(Input!$D$21=2,L3873*Input!$C$21,0)+IF(Input!$D$22=2,M3873*Input!$C$22,0)</f>
        <v>0.17611347668672239</v>
      </c>
      <c r="P3873" s="59">
        <f>IF(Input!$D$19=3,J3873*Input!$C$19,0)+IF(Input!$D$20=3,K3873*Input!$C$20,0)+IF(Input!$D$21=3,L3873*Input!$C$21,0)+IF(Input!$D$22=3,M3873*Input!$C$22,0)</f>
        <v>0</v>
      </c>
      <c r="Q3873" s="75">
        <f>IF(Input!$D$19=4,J3873*Input!$C$19,0)+IF(Input!$D$20=4,K3873*Input!$C$20,0)+IF(Input!$D$21=4,L3873*Input!$C$21,0)+IF(Input!$D$22=4,M3873*Input!$C$22,0)</f>
        <v>0</v>
      </c>
      <c r="R3873" s="58">
        <v>43.193455606010922</v>
      </c>
      <c r="S3873" s="124">
        <f t="shared" si="60"/>
        <v>0.30526335959031886</v>
      </c>
    </row>
    <row r="3874" spans="8:19" x14ac:dyDescent="0.3">
      <c r="H3874" s="44">
        <v>3867</v>
      </c>
      <c r="I3874" s="56">
        <f>Bühler!I3900</f>
        <v>7.0445390674688954E-2</v>
      </c>
      <c r="J3874" s="59">
        <f>Bühler!J3900</f>
        <v>0.23481796891562989</v>
      </c>
      <c r="K3874" s="59">
        <f>Bühler!K3900</f>
        <v>0.35222695337344478</v>
      </c>
      <c r="L3874" s="59">
        <f>Bühler!L3900</f>
        <v>1.690689376192535</v>
      </c>
      <c r="M3874" s="58">
        <f>Bühler!M3900</f>
        <v>0</v>
      </c>
      <c r="N3874" s="56">
        <f>IF(Input!$D$19=1,J3874*Input!$C$19,0)+IF(Input!$D$20=1,K3874*Input!$C$20,0)+IF(Input!$D$21=1,L3874*Input!$C$21,0)+IF(Input!$D$22=1,M3874*Input!$C$22,0)</f>
        <v>7.0445390674688968E-2</v>
      </c>
      <c r="O3874" s="59">
        <f>IF(Input!$D$19=2,J3874*Input!$C$19,0)+IF(Input!$D$20=2,K3874*Input!$C$20,0)+IF(Input!$D$21=2,L3874*Input!$C$21,0)+IF(Input!$D$22=2,M3874*Input!$C$22,0)</f>
        <v>0.17611347668672239</v>
      </c>
      <c r="P3874" s="59">
        <f>IF(Input!$D$19=3,J3874*Input!$C$19,0)+IF(Input!$D$20=3,K3874*Input!$C$20,0)+IF(Input!$D$21=3,L3874*Input!$C$21,0)+IF(Input!$D$22=3,M3874*Input!$C$22,0)</f>
        <v>0</v>
      </c>
      <c r="Q3874" s="75">
        <f>IF(Input!$D$19=4,J3874*Input!$C$19,0)+IF(Input!$D$20=4,K3874*Input!$C$20,0)+IF(Input!$D$21=4,L3874*Input!$C$21,0)+IF(Input!$D$22=4,M3874*Input!$C$22,0)</f>
        <v>0</v>
      </c>
      <c r="R3874" s="58">
        <v>43.935430024645406</v>
      </c>
      <c r="S3874" s="124">
        <f t="shared" si="60"/>
        <v>0.30526335959031886</v>
      </c>
    </row>
    <row r="3875" spans="8:19" x14ac:dyDescent="0.3">
      <c r="H3875" s="44">
        <v>3868</v>
      </c>
      <c r="I3875" s="56">
        <f>Bühler!I3901</f>
        <v>7.0445390674688954E-2</v>
      </c>
      <c r="J3875" s="59">
        <f>Bühler!J3901</f>
        <v>0.23481796891562989</v>
      </c>
      <c r="K3875" s="59">
        <f>Bühler!K3901</f>
        <v>0.35222695337344478</v>
      </c>
      <c r="L3875" s="59">
        <f>Bühler!L3901</f>
        <v>1.690689376192535</v>
      </c>
      <c r="M3875" s="58">
        <f>Bühler!M3901</f>
        <v>0</v>
      </c>
      <c r="N3875" s="56">
        <f>IF(Input!$D$19=1,J3875*Input!$C$19,0)+IF(Input!$D$20=1,K3875*Input!$C$20,0)+IF(Input!$D$21=1,L3875*Input!$C$21,0)+IF(Input!$D$22=1,M3875*Input!$C$22,0)</f>
        <v>7.0445390674688968E-2</v>
      </c>
      <c r="O3875" s="59">
        <f>IF(Input!$D$19=2,J3875*Input!$C$19,0)+IF(Input!$D$20=2,K3875*Input!$C$20,0)+IF(Input!$D$21=2,L3875*Input!$C$21,0)+IF(Input!$D$22=2,M3875*Input!$C$22,0)</f>
        <v>0.17611347668672239</v>
      </c>
      <c r="P3875" s="59">
        <f>IF(Input!$D$19=3,J3875*Input!$C$19,0)+IF(Input!$D$20=3,K3875*Input!$C$20,0)+IF(Input!$D$21=3,L3875*Input!$C$21,0)+IF(Input!$D$22=3,M3875*Input!$C$22,0)</f>
        <v>0</v>
      </c>
      <c r="Q3875" s="75">
        <f>IF(Input!$D$19=4,J3875*Input!$C$19,0)+IF(Input!$D$20=4,K3875*Input!$C$20,0)+IF(Input!$D$21=4,L3875*Input!$C$21,0)+IF(Input!$D$22=4,M3875*Input!$C$22,0)</f>
        <v>0</v>
      </c>
      <c r="R3875" s="58">
        <v>45.324188295291194</v>
      </c>
      <c r="S3875" s="124">
        <f t="shared" si="60"/>
        <v>0.30526335959031886</v>
      </c>
    </row>
    <row r="3876" spans="8:19" x14ac:dyDescent="0.3">
      <c r="H3876" s="44">
        <v>3869</v>
      </c>
      <c r="I3876" s="56">
        <f>Bühler!I3902</f>
        <v>7.0445390674688954E-2</v>
      </c>
      <c r="J3876" s="59">
        <f>Bühler!J3902</f>
        <v>0.23481796891562989</v>
      </c>
      <c r="K3876" s="59">
        <f>Bühler!K3902</f>
        <v>0.35222695337344478</v>
      </c>
      <c r="L3876" s="59">
        <f>Bühler!L3902</f>
        <v>1.690689376192535</v>
      </c>
      <c r="M3876" s="58">
        <f>Bühler!M3902</f>
        <v>0</v>
      </c>
      <c r="N3876" s="56">
        <f>IF(Input!$D$19=1,J3876*Input!$C$19,0)+IF(Input!$D$20=1,K3876*Input!$C$20,0)+IF(Input!$D$21=1,L3876*Input!$C$21,0)+IF(Input!$D$22=1,M3876*Input!$C$22,0)</f>
        <v>7.0445390674688968E-2</v>
      </c>
      <c r="O3876" s="59">
        <f>IF(Input!$D$19=2,J3876*Input!$C$19,0)+IF(Input!$D$20=2,K3876*Input!$C$20,0)+IF(Input!$D$21=2,L3876*Input!$C$21,0)+IF(Input!$D$22=2,M3876*Input!$C$22,0)</f>
        <v>0.17611347668672239</v>
      </c>
      <c r="P3876" s="59">
        <f>IF(Input!$D$19=3,J3876*Input!$C$19,0)+IF(Input!$D$20=3,K3876*Input!$C$20,0)+IF(Input!$D$21=3,L3876*Input!$C$21,0)+IF(Input!$D$22=3,M3876*Input!$C$22,0)</f>
        <v>0</v>
      </c>
      <c r="Q3876" s="75">
        <f>IF(Input!$D$19=4,J3876*Input!$C$19,0)+IF(Input!$D$20=4,K3876*Input!$C$20,0)+IF(Input!$D$21=4,L3876*Input!$C$21,0)+IF(Input!$D$22=4,M3876*Input!$C$22,0)</f>
        <v>0</v>
      </c>
      <c r="R3876" s="58">
        <v>47.941460922981371</v>
      </c>
      <c r="S3876" s="124">
        <f t="shared" si="60"/>
        <v>0.30526335959031886</v>
      </c>
    </row>
    <row r="3877" spans="8:19" x14ac:dyDescent="0.3">
      <c r="H3877" s="44">
        <v>3870</v>
      </c>
      <c r="I3877" s="56">
        <f>Bühler!I3903</f>
        <v>0.30526335959031886</v>
      </c>
      <c r="J3877" s="59">
        <f>Bühler!J3903</f>
        <v>1.0175445319677296</v>
      </c>
      <c r="K3877" s="59">
        <f>Bühler!K3903</f>
        <v>1.5263167979515944</v>
      </c>
      <c r="L3877" s="59">
        <f>Bühler!L3903</f>
        <v>7.3263206301676531</v>
      </c>
      <c r="M3877" s="58">
        <f>Bühler!M3903</f>
        <v>0</v>
      </c>
      <c r="N3877" s="56">
        <f>IF(Input!$D$19=1,J3877*Input!$C$19,0)+IF(Input!$D$20=1,K3877*Input!$C$20,0)+IF(Input!$D$21=1,L3877*Input!$C$21,0)+IF(Input!$D$22=1,M3877*Input!$C$22,0)</f>
        <v>0.30526335959031886</v>
      </c>
      <c r="O3877" s="59">
        <f>IF(Input!$D$19=2,J3877*Input!$C$19,0)+IF(Input!$D$20=2,K3877*Input!$C$20,0)+IF(Input!$D$21=2,L3877*Input!$C$21,0)+IF(Input!$D$22=2,M3877*Input!$C$22,0)</f>
        <v>0.76315839897579718</v>
      </c>
      <c r="P3877" s="59">
        <f>IF(Input!$D$19=3,J3877*Input!$C$19,0)+IF(Input!$D$20=3,K3877*Input!$C$20,0)+IF(Input!$D$21=3,L3877*Input!$C$21,0)+IF(Input!$D$22=3,M3877*Input!$C$22,0)</f>
        <v>0</v>
      </c>
      <c r="Q3877" s="75">
        <f>IF(Input!$D$19=4,J3877*Input!$C$19,0)+IF(Input!$D$20=4,K3877*Input!$C$20,0)+IF(Input!$D$21=4,L3877*Input!$C$21,0)+IF(Input!$D$22=4,M3877*Input!$C$22,0)</f>
        <v>0</v>
      </c>
      <c r="R3877" s="58">
        <v>53.663635208986307</v>
      </c>
      <c r="S3877" s="124">
        <f t="shared" si="60"/>
        <v>1.3228078915580486</v>
      </c>
    </row>
    <row r="3878" spans="8:19" x14ac:dyDescent="0.3">
      <c r="H3878" s="44">
        <v>3871</v>
      </c>
      <c r="I3878" s="56">
        <f>Bühler!I3904</f>
        <v>0.34635650415055408</v>
      </c>
      <c r="J3878" s="59">
        <f>Bühler!J3904</f>
        <v>1.154521680501847</v>
      </c>
      <c r="K3878" s="59">
        <f>Bühler!K3904</f>
        <v>1.7317825207527704</v>
      </c>
      <c r="L3878" s="59">
        <f>Bühler!L3904</f>
        <v>8.3125560996132979</v>
      </c>
      <c r="M3878" s="58">
        <f>Bühler!M3904</f>
        <v>0</v>
      </c>
      <c r="N3878" s="56">
        <f>IF(Input!$D$19=1,J3878*Input!$C$19,0)+IF(Input!$D$20=1,K3878*Input!$C$20,0)+IF(Input!$D$21=1,L3878*Input!$C$21,0)+IF(Input!$D$22=1,M3878*Input!$C$22,0)</f>
        <v>0.34635650415055408</v>
      </c>
      <c r="O3878" s="59">
        <f>IF(Input!$D$19=2,J3878*Input!$C$19,0)+IF(Input!$D$20=2,K3878*Input!$C$20,0)+IF(Input!$D$21=2,L3878*Input!$C$21,0)+IF(Input!$D$22=2,M3878*Input!$C$22,0)</f>
        <v>0.8658912603763852</v>
      </c>
      <c r="P3878" s="59">
        <f>IF(Input!$D$19=3,J3878*Input!$C$19,0)+IF(Input!$D$20=3,K3878*Input!$C$20,0)+IF(Input!$D$21=3,L3878*Input!$C$21,0)+IF(Input!$D$22=3,M3878*Input!$C$22,0)</f>
        <v>0</v>
      </c>
      <c r="Q3878" s="75">
        <f>IF(Input!$D$19=4,J3878*Input!$C$19,0)+IF(Input!$D$20=4,K3878*Input!$C$20,0)+IF(Input!$D$21=4,L3878*Input!$C$21,0)+IF(Input!$D$22=4,M3878*Input!$C$22,0)</f>
        <v>0</v>
      </c>
      <c r="R3878" s="58">
        <v>59.063024682927789</v>
      </c>
      <c r="S3878" s="124">
        <f t="shared" si="60"/>
        <v>1.5008781846524011</v>
      </c>
    </row>
    <row r="3879" spans="8:19" x14ac:dyDescent="0.3">
      <c r="H3879" s="44">
        <v>3872</v>
      </c>
      <c r="I3879" s="56">
        <f>Bühler!I3905</f>
        <v>0.34635650415055408</v>
      </c>
      <c r="J3879" s="59">
        <f>Bühler!J3905</f>
        <v>1.154521680501847</v>
      </c>
      <c r="K3879" s="59">
        <f>Bühler!K3905</f>
        <v>1.7317825207527704</v>
      </c>
      <c r="L3879" s="59">
        <f>Bühler!L3905</f>
        <v>8.3125560996132979</v>
      </c>
      <c r="M3879" s="58">
        <f>Bühler!M3905</f>
        <v>0</v>
      </c>
      <c r="N3879" s="56">
        <f>IF(Input!$D$19=1,J3879*Input!$C$19,0)+IF(Input!$D$20=1,K3879*Input!$C$20,0)+IF(Input!$D$21=1,L3879*Input!$C$21,0)+IF(Input!$D$22=1,M3879*Input!$C$22,0)</f>
        <v>0.34635650415055408</v>
      </c>
      <c r="O3879" s="59">
        <f>IF(Input!$D$19=2,J3879*Input!$C$19,0)+IF(Input!$D$20=2,K3879*Input!$C$20,0)+IF(Input!$D$21=2,L3879*Input!$C$21,0)+IF(Input!$D$22=2,M3879*Input!$C$22,0)</f>
        <v>0.8658912603763852</v>
      </c>
      <c r="P3879" s="59">
        <f>IF(Input!$D$19=3,J3879*Input!$C$19,0)+IF(Input!$D$20=3,K3879*Input!$C$20,0)+IF(Input!$D$21=3,L3879*Input!$C$21,0)+IF(Input!$D$22=3,M3879*Input!$C$22,0)</f>
        <v>0</v>
      </c>
      <c r="Q3879" s="75">
        <f>IF(Input!$D$19=4,J3879*Input!$C$19,0)+IF(Input!$D$20=4,K3879*Input!$C$20,0)+IF(Input!$D$21=4,L3879*Input!$C$21,0)+IF(Input!$D$22=4,M3879*Input!$C$22,0)</f>
        <v>0</v>
      </c>
      <c r="R3879" s="58">
        <v>63.090086572312494</v>
      </c>
      <c r="S3879" s="124">
        <f t="shared" si="60"/>
        <v>1.5008781846524011</v>
      </c>
    </row>
    <row r="3880" spans="8:19" x14ac:dyDescent="0.3">
      <c r="H3880" s="44">
        <v>3873</v>
      </c>
      <c r="I3880" s="56">
        <f>Bühler!I3906</f>
        <v>0.34635650415055408</v>
      </c>
      <c r="J3880" s="59">
        <f>Bühler!J3906</f>
        <v>1.154521680501847</v>
      </c>
      <c r="K3880" s="59">
        <f>Bühler!K3906</f>
        <v>1.7317825207527704</v>
      </c>
      <c r="L3880" s="59">
        <f>Bühler!L3906</f>
        <v>8.3125560996132979</v>
      </c>
      <c r="M3880" s="58">
        <f>Bühler!M3906</f>
        <v>0</v>
      </c>
      <c r="N3880" s="56">
        <f>IF(Input!$D$19=1,J3880*Input!$C$19,0)+IF(Input!$D$20=1,K3880*Input!$C$20,0)+IF(Input!$D$21=1,L3880*Input!$C$21,0)+IF(Input!$D$22=1,M3880*Input!$C$22,0)</f>
        <v>0.34635650415055408</v>
      </c>
      <c r="O3880" s="59">
        <f>IF(Input!$D$19=2,J3880*Input!$C$19,0)+IF(Input!$D$20=2,K3880*Input!$C$20,0)+IF(Input!$D$21=2,L3880*Input!$C$21,0)+IF(Input!$D$22=2,M3880*Input!$C$22,0)</f>
        <v>0.8658912603763852</v>
      </c>
      <c r="P3880" s="59">
        <f>IF(Input!$D$19=3,J3880*Input!$C$19,0)+IF(Input!$D$20=3,K3880*Input!$C$20,0)+IF(Input!$D$21=3,L3880*Input!$C$21,0)+IF(Input!$D$22=3,M3880*Input!$C$22,0)</f>
        <v>0</v>
      </c>
      <c r="Q3880" s="75">
        <f>IF(Input!$D$19=4,J3880*Input!$C$19,0)+IF(Input!$D$20=4,K3880*Input!$C$20,0)+IF(Input!$D$21=4,L3880*Input!$C$21,0)+IF(Input!$D$22=4,M3880*Input!$C$22,0)</f>
        <v>0</v>
      </c>
      <c r="R3880" s="58">
        <v>64.663721418928461</v>
      </c>
      <c r="S3880" s="124">
        <f t="shared" si="60"/>
        <v>1.5008781846524011</v>
      </c>
    </row>
    <row r="3881" spans="8:19" x14ac:dyDescent="0.3">
      <c r="H3881" s="44">
        <v>3874</v>
      </c>
      <c r="I3881" s="56">
        <f>Bühler!I3907</f>
        <v>0.36983830104211712</v>
      </c>
      <c r="J3881" s="59">
        <f>Bühler!J3907</f>
        <v>1.2327943368070571</v>
      </c>
      <c r="K3881" s="59">
        <f>Bühler!K3907</f>
        <v>1.8491915052105856</v>
      </c>
      <c r="L3881" s="59">
        <f>Bühler!L3907</f>
        <v>8.876119225010811</v>
      </c>
      <c r="M3881" s="58">
        <f>Bühler!M3907</f>
        <v>0</v>
      </c>
      <c r="N3881" s="56">
        <f>IF(Input!$D$19=1,J3881*Input!$C$19,0)+IF(Input!$D$20=1,K3881*Input!$C$20,0)+IF(Input!$D$21=1,L3881*Input!$C$21,0)+IF(Input!$D$22=1,M3881*Input!$C$22,0)</f>
        <v>0.36983830104211712</v>
      </c>
      <c r="O3881" s="59">
        <f>IF(Input!$D$19=2,J3881*Input!$C$19,0)+IF(Input!$D$20=2,K3881*Input!$C$20,0)+IF(Input!$D$21=2,L3881*Input!$C$21,0)+IF(Input!$D$22=2,M3881*Input!$C$22,0)</f>
        <v>0.92459575260529281</v>
      </c>
      <c r="P3881" s="59">
        <f>IF(Input!$D$19=3,J3881*Input!$C$19,0)+IF(Input!$D$20=3,K3881*Input!$C$20,0)+IF(Input!$D$21=3,L3881*Input!$C$21,0)+IF(Input!$D$22=3,M3881*Input!$C$22,0)</f>
        <v>0</v>
      </c>
      <c r="Q3881" s="75">
        <f>IF(Input!$D$19=4,J3881*Input!$C$19,0)+IF(Input!$D$20=4,K3881*Input!$C$20,0)+IF(Input!$D$21=4,L3881*Input!$C$21,0)+IF(Input!$D$22=4,M3881*Input!$C$22,0)</f>
        <v>0</v>
      </c>
      <c r="R3881" s="58">
        <v>66.438967442525495</v>
      </c>
      <c r="S3881" s="124">
        <f t="shared" si="60"/>
        <v>1.6026326378491742</v>
      </c>
    </row>
    <row r="3882" spans="8:19" x14ac:dyDescent="0.3">
      <c r="H3882" s="44">
        <v>3875</v>
      </c>
      <c r="I3882" s="56">
        <f>Bühler!I3908</f>
        <v>0.36983830104211712</v>
      </c>
      <c r="J3882" s="59">
        <f>Bühler!J3908</f>
        <v>1.2327943368070571</v>
      </c>
      <c r="K3882" s="59">
        <f>Bühler!K3908</f>
        <v>1.8491915052105856</v>
      </c>
      <c r="L3882" s="59">
        <f>Bühler!L3908</f>
        <v>8.876119225010811</v>
      </c>
      <c r="M3882" s="58">
        <f>Bühler!M3908</f>
        <v>0</v>
      </c>
      <c r="N3882" s="56">
        <f>IF(Input!$D$19=1,J3882*Input!$C$19,0)+IF(Input!$D$20=1,K3882*Input!$C$20,0)+IF(Input!$D$21=1,L3882*Input!$C$21,0)+IF(Input!$D$22=1,M3882*Input!$C$22,0)</f>
        <v>0.36983830104211712</v>
      </c>
      <c r="O3882" s="59">
        <f>IF(Input!$D$19=2,J3882*Input!$C$19,0)+IF(Input!$D$20=2,K3882*Input!$C$20,0)+IF(Input!$D$21=2,L3882*Input!$C$21,0)+IF(Input!$D$22=2,M3882*Input!$C$22,0)</f>
        <v>0.92459575260529281</v>
      </c>
      <c r="P3882" s="59">
        <f>IF(Input!$D$19=3,J3882*Input!$C$19,0)+IF(Input!$D$20=3,K3882*Input!$C$20,0)+IF(Input!$D$21=3,L3882*Input!$C$21,0)+IF(Input!$D$22=3,M3882*Input!$C$22,0)</f>
        <v>0</v>
      </c>
      <c r="Q3882" s="75">
        <f>IF(Input!$D$19=4,J3882*Input!$C$19,0)+IF(Input!$D$20=4,K3882*Input!$C$20,0)+IF(Input!$D$21=4,L3882*Input!$C$21,0)+IF(Input!$D$22=4,M3882*Input!$C$22,0)</f>
        <v>0</v>
      </c>
      <c r="R3882" s="58">
        <v>68.813568506451759</v>
      </c>
      <c r="S3882" s="124">
        <f t="shared" si="60"/>
        <v>1.6026326378491742</v>
      </c>
    </row>
    <row r="3883" spans="8:19" x14ac:dyDescent="0.3">
      <c r="H3883" s="44">
        <v>3876</v>
      </c>
      <c r="I3883" s="56">
        <f>Bühler!I3909</f>
        <v>0.46963593783125979</v>
      </c>
      <c r="J3883" s="59">
        <f>Bühler!J3909</f>
        <v>1.5654531261041995</v>
      </c>
      <c r="K3883" s="59">
        <f>Bühler!K3909</f>
        <v>2.3481796891562992</v>
      </c>
      <c r="L3883" s="59">
        <f>Bühler!L3909</f>
        <v>11.271262507950235</v>
      </c>
      <c r="M3883" s="58">
        <f>Bühler!M3909</f>
        <v>0</v>
      </c>
      <c r="N3883" s="56">
        <f>IF(Input!$D$19=1,J3883*Input!$C$19,0)+IF(Input!$D$20=1,K3883*Input!$C$20,0)+IF(Input!$D$21=1,L3883*Input!$C$21,0)+IF(Input!$D$22=1,M3883*Input!$C$22,0)</f>
        <v>0.46963593783125984</v>
      </c>
      <c r="O3883" s="59">
        <f>IF(Input!$D$19=2,J3883*Input!$C$19,0)+IF(Input!$D$20=2,K3883*Input!$C$20,0)+IF(Input!$D$21=2,L3883*Input!$C$21,0)+IF(Input!$D$22=2,M3883*Input!$C$22,0)</f>
        <v>1.1740898445781496</v>
      </c>
      <c r="P3883" s="59">
        <f>IF(Input!$D$19=3,J3883*Input!$C$19,0)+IF(Input!$D$20=3,K3883*Input!$C$20,0)+IF(Input!$D$21=3,L3883*Input!$C$21,0)+IF(Input!$D$22=3,M3883*Input!$C$22,0)</f>
        <v>0</v>
      </c>
      <c r="Q3883" s="75">
        <f>IF(Input!$D$19=4,J3883*Input!$C$19,0)+IF(Input!$D$20=4,K3883*Input!$C$20,0)+IF(Input!$D$21=4,L3883*Input!$C$21,0)+IF(Input!$D$22=4,M3883*Input!$C$22,0)</f>
        <v>0</v>
      </c>
      <c r="R3883" s="58">
        <v>70.19523007436905</v>
      </c>
      <c r="S3883" s="124">
        <f t="shared" si="60"/>
        <v>2.0350890639354593</v>
      </c>
    </row>
    <row r="3884" spans="8:19" x14ac:dyDescent="0.3">
      <c r="H3884" s="44">
        <v>3877</v>
      </c>
      <c r="I3884" s="56">
        <f>Bühler!I3910</f>
        <v>0.46963593783125979</v>
      </c>
      <c r="J3884" s="59">
        <f>Bühler!J3910</f>
        <v>1.5654531261041995</v>
      </c>
      <c r="K3884" s="59">
        <f>Bühler!K3910</f>
        <v>2.3481796891562992</v>
      </c>
      <c r="L3884" s="59">
        <f>Bühler!L3910</f>
        <v>11.271262507950235</v>
      </c>
      <c r="M3884" s="58">
        <f>Bühler!M3910</f>
        <v>0</v>
      </c>
      <c r="N3884" s="56">
        <f>IF(Input!$D$19=1,J3884*Input!$C$19,0)+IF(Input!$D$20=1,K3884*Input!$C$20,0)+IF(Input!$D$21=1,L3884*Input!$C$21,0)+IF(Input!$D$22=1,M3884*Input!$C$22,0)</f>
        <v>0.46963593783125984</v>
      </c>
      <c r="O3884" s="59">
        <f>IF(Input!$D$19=2,J3884*Input!$C$19,0)+IF(Input!$D$20=2,K3884*Input!$C$20,0)+IF(Input!$D$21=2,L3884*Input!$C$21,0)+IF(Input!$D$22=2,M3884*Input!$C$22,0)</f>
        <v>1.1740898445781496</v>
      </c>
      <c r="P3884" s="59">
        <f>IF(Input!$D$19=3,J3884*Input!$C$19,0)+IF(Input!$D$20=3,K3884*Input!$C$20,0)+IF(Input!$D$21=3,L3884*Input!$C$21,0)+IF(Input!$D$22=3,M3884*Input!$C$22,0)</f>
        <v>0</v>
      </c>
      <c r="Q3884" s="75">
        <f>IF(Input!$D$19=4,J3884*Input!$C$19,0)+IF(Input!$D$20=4,K3884*Input!$C$20,0)+IF(Input!$D$21=4,L3884*Input!$C$21,0)+IF(Input!$D$22=4,M3884*Input!$C$22,0)</f>
        <v>0</v>
      </c>
      <c r="R3884" s="58">
        <v>69.437508547758341</v>
      </c>
      <c r="S3884" s="124">
        <f t="shared" si="60"/>
        <v>2.0350890639354593</v>
      </c>
    </row>
    <row r="3885" spans="8:19" x14ac:dyDescent="0.3">
      <c r="H3885" s="44">
        <v>3878</v>
      </c>
      <c r="I3885" s="56">
        <f>Bühler!I3911</f>
        <v>0.31113380881320962</v>
      </c>
      <c r="J3885" s="59">
        <f>Bühler!J3911</f>
        <v>1.0371126960440322</v>
      </c>
      <c r="K3885" s="59">
        <f>Bühler!K3911</f>
        <v>1.5556690440660481</v>
      </c>
      <c r="L3885" s="59">
        <f>Bühler!L3911</f>
        <v>7.4672114115170309</v>
      </c>
      <c r="M3885" s="58">
        <f>Bühler!M3911</f>
        <v>0</v>
      </c>
      <c r="N3885" s="56">
        <f>IF(Input!$D$19=1,J3885*Input!$C$19,0)+IF(Input!$D$20=1,K3885*Input!$C$20,0)+IF(Input!$D$21=1,L3885*Input!$C$21,0)+IF(Input!$D$22=1,M3885*Input!$C$22,0)</f>
        <v>0.31113380881320968</v>
      </c>
      <c r="O3885" s="59">
        <f>IF(Input!$D$19=2,J3885*Input!$C$19,0)+IF(Input!$D$20=2,K3885*Input!$C$20,0)+IF(Input!$D$21=2,L3885*Input!$C$21,0)+IF(Input!$D$22=2,M3885*Input!$C$22,0)</f>
        <v>0.77783452203302406</v>
      </c>
      <c r="P3885" s="59">
        <f>IF(Input!$D$19=3,J3885*Input!$C$19,0)+IF(Input!$D$20=3,K3885*Input!$C$20,0)+IF(Input!$D$21=3,L3885*Input!$C$21,0)+IF(Input!$D$22=3,M3885*Input!$C$22,0)</f>
        <v>0</v>
      </c>
      <c r="Q3885" s="75">
        <f>IF(Input!$D$19=4,J3885*Input!$C$19,0)+IF(Input!$D$20=4,K3885*Input!$C$20,0)+IF(Input!$D$21=4,L3885*Input!$C$21,0)+IF(Input!$D$22=4,M3885*Input!$C$22,0)</f>
        <v>0</v>
      </c>
      <c r="R3885" s="58">
        <v>69.586337342361887</v>
      </c>
      <c r="S3885" s="124">
        <f t="shared" si="60"/>
        <v>1.3482465048572418</v>
      </c>
    </row>
    <row r="3886" spans="8:19" x14ac:dyDescent="0.3">
      <c r="H3886" s="44">
        <v>3879</v>
      </c>
      <c r="I3886" s="56">
        <f>Bühler!I3912</f>
        <v>0.46963593783125979</v>
      </c>
      <c r="J3886" s="59">
        <f>Bühler!J3912</f>
        <v>1.5654531261041995</v>
      </c>
      <c r="K3886" s="59">
        <f>Bühler!K3912</f>
        <v>2.3481796891562992</v>
      </c>
      <c r="L3886" s="59">
        <f>Bühler!L3912</f>
        <v>11.271262507950235</v>
      </c>
      <c r="M3886" s="58">
        <f>Bühler!M3912</f>
        <v>0</v>
      </c>
      <c r="N3886" s="56">
        <f>IF(Input!$D$19=1,J3886*Input!$C$19,0)+IF(Input!$D$20=1,K3886*Input!$C$20,0)+IF(Input!$D$21=1,L3886*Input!$C$21,0)+IF(Input!$D$22=1,M3886*Input!$C$22,0)</f>
        <v>0.46963593783125984</v>
      </c>
      <c r="O3886" s="59">
        <f>IF(Input!$D$19=2,J3886*Input!$C$19,0)+IF(Input!$D$20=2,K3886*Input!$C$20,0)+IF(Input!$D$21=2,L3886*Input!$C$21,0)+IF(Input!$D$22=2,M3886*Input!$C$22,0)</f>
        <v>1.1740898445781496</v>
      </c>
      <c r="P3886" s="59">
        <f>IF(Input!$D$19=3,J3886*Input!$C$19,0)+IF(Input!$D$20=3,K3886*Input!$C$20,0)+IF(Input!$D$21=3,L3886*Input!$C$21,0)+IF(Input!$D$22=3,M3886*Input!$C$22,0)</f>
        <v>0</v>
      </c>
      <c r="Q3886" s="75">
        <f>IF(Input!$D$19=4,J3886*Input!$C$19,0)+IF(Input!$D$20=4,K3886*Input!$C$20,0)+IF(Input!$D$21=4,L3886*Input!$C$21,0)+IF(Input!$D$22=4,M3886*Input!$C$22,0)</f>
        <v>0</v>
      </c>
      <c r="R3886" s="58">
        <v>70.775932505536716</v>
      </c>
      <c r="S3886" s="124">
        <f t="shared" si="60"/>
        <v>2.0350890639354593</v>
      </c>
    </row>
    <row r="3887" spans="8:19" x14ac:dyDescent="0.3">
      <c r="H3887" s="44">
        <v>3880</v>
      </c>
      <c r="I3887" s="56">
        <f>Bühler!I3913</f>
        <v>0.46963593783125979</v>
      </c>
      <c r="J3887" s="59">
        <f>Bühler!J3913</f>
        <v>1.5654531261041995</v>
      </c>
      <c r="K3887" s="59">
        <f>Bühler!K3913</f>
        <v>2.3481796891562992</v>
      </c>
      <c r="L3887" s="59">
        <f>Bühler!L3913</f>
        <v>11.271262507950235</v>
      </c>
      <c r="M3887" s="58">
        <f>Bühler!M3913</f>
        <v>0</v>
      </c>
      <c r="N3887" s="56">
        <f>IF(Input!$D$19=1,J3887*Input!$C$19,0)+IF(Input!$D$20=1,K3887*Input!$C$20,0)+IF(Input!$D$21=1,L3887*Input!$C$21,0)+IF(Input!$D$22=1,M3887*Input!$C$22,0)</f>
        <v>0.46963593783125984</v>
      </c>
      <c r="O3887" s="59">
        <f>IF(Input!$D$19=2,J3887*Input!$C$19,0)+IF(Input!$D$20=2,K3887*Input!$C$20,0)+IF(Input!$D$21=2,L3887*Input!$C$21,0)+IF(Input!$D$22=2,M3887*Input!$C$22,0)</f>
        <v>1.1740898445781496</v>
      </c>
      <c r="P3887" s="59">
        <f>IF(Input!$D$19=3,J3887*Input!$C$19,0)+IF(Input!$D$20=3,K3887*Input!$C$20,0)+IF(Input!$D$21=3,L3887*Input!$C$21,0)+IF(Input!$D$22=3,M3887*Input!$C$22,0)</f>
        <v>0</v>
      </c>
      <c r="Q3887" s="75">
        <f>IF(Input!$D$19=4,J3887*Input!$C$19,0)+IF(Input!$D$20=4,K3887*Input!$C$20,0)+IF(Input!$D$21=4,L3887*Input!$C$21,0)+IF(Input!$D$22=4,M3887*Input!$C$22,0)</f>
        <v>0</v>
      </c>
      <c r="R3887" s="58">
        <v>70.3793222183686</v>
      </c>
      <c r="S3887" s="124">
        <f t="shared" si="60"/>
        <v>2.0350890639354593</v>
      </c>
    </row>
    <row r="3888" spans="8:19" x14ac:dyDescent="0.3">
      <c r="H3888" s="44">
        <v>3881</v>
      </c>
      <c r="I3888" s="56">
        <f>Bühler!I3914</f>
        <v>0.46963593783125979</v>
      </c>
      <c r="J3888" s="59">
        <f>Bühler!J3914</f>
        <v>1.5654531261041995</v>
      </c>
      <c r="K3888" s="59">
        <f>Bühler!K3914</f>
        <v>2.3481796891562992</v>
      </c>
      <c r="L3888" s="59">
        <f>Bühler!L3914</f>
        <v>11.271262507950235</v>
      </c>
      <c r="M3888" s="58">
        <f>Bühler!M3914</f>
        <v>0</v>
      </c>
      <c r="N3888" s="56">
        <f>IF(Input!$D$19=1,J3888*Input!$C$19,0)+IF(Input!$D$20=1,K3888*Input!$C$20,0)+IF(Input!$D$21=1,L3888*Input!$C$21,0)+IF(Input!$D$22=1,M3888*Input!$C$22,0)</f>
        <v>0.46963593783125984</v>
      </c>
      <c r="O3888" s="59">
        <f>IF(Input!$D$19=2,J3888*Input!$C$19,0)+IF(Input!$D$20=2,K3888*Input!$C$20,0)+IF(Input!$D$21=2,L3888*Input!$C$21,0)+IF(Input!$D$22=2,M3888*Input!$C$22,0)</f>
        <v>1.1740898445781496</v>
      </c>
      <c r="P3888" s="59">
        <f>IF(Input!$D$19=3,J3888*Input!$C$19,0)+IF(Input!$D$20=3,K3888*Input!$C$20,0)+IF(Input!$D$21=3,L3888*Input!$C$21,0)+IF(Input!$D$22=3,M3888*Input!$C$22,0)</f>
        <v>0</v>
      </c>
      <c r="Q3888" s="75">
        <f>IF(Input!$D$19=4,J3888*Input!$C$19,0)+IF(Input!$D$20=4,K3888*Input!$C$20,0)+IF(Input!$D$21=4,L3888*Input!$C$21,0)+IF(Input!$D$22=4,M3888*Input!$C$22,0)</f>
        <v>0</v>
      </c>
      <c r="R3888" s="58">
        <v>69.124548513704667</v>
      </c>
      <c r="S3888" s="124">
        <f t="shared" si="60"/>
        <v>2.0350890639354593</v>
      </c>
    </row>
    <row r="3889" spans="8:19" x14ac:dyDescent="0.3">
      <c r="H3889" s="44">
        <v>3882</v>
      </c>
      <c r="I3889" s="56">
        <f>Bühler!I3915</f>
        <v>0.46963593783125979</v>
      </c>
      <c r="J3889" s="59">
        <f>Bühler!J3915</f>
        <v>1.5654531261041995</v>
      </c>
      <c r="K3889" s="59">
        <f>Bühler!K3915</f>
        <v>2.3481796891562992</v>
      </c>
      <c r="L3889" s="59">
        <f>Bühler!L3915</f>
        <v>11.271262507950235</v>
      </c>
      <c r="M3889" s="58">
        <f>Bühler!M3915</f>
        <v>0</v>
      </c>
      <c r="N3889" s="56">
        <f>IF(Input!$D$19=1,J3889*Input!$C$19,0)+IF(Input!$D$20=1,K3889*Input!$C$20,0)+IF(Input!$D$21=1,L3889*Input!$C$21,0)+IF(Input!$D$22=1,M3889*Input!$C$22,0)</f>
        <v>0.46963593783125984</v>
      </c>
      <c r="O3889" s="59">
        <f>IF(Input!$D$19=2,J3889*Input!$C$19,0)+IF(Input!$D$20=2,K3889*Input!$C$20,0)+IF(Input!$D$21=2,L3889*Input!$C$21,0)+IF(Input!$D$22=2,M3889*Input!$C$22,0)</f>
        <v>1.1740898445781496</v>
      </c>
      <c r="P3889" s="59">
        <f>IF(Input!$D$19=3,J3889*Input!$C$19,0)+IF(Input!$D$20=3,K3889*Input!$C$20,0)+IF(Input!$D$21=3,L3889*Input!$C$21,0)+IF(Input!$D$22=3,M3889*Input!$C$22,0)</f>
        <v>0</v>
      </c>
      <c r="Q3889" s="75">
        <f>IF(Input!$D$19=4,J3889*Input!$C$19,0)+IF(Input!$D$20=4,K3889*Input!$C$20,0)+IF(Input!$D$21=4,L3889*Input!$C$21,0)+IF(Input!$D$22=4,M3889*Input!$C$22,0)</f>
        <v>0</v>
      </c>
      <c r="R3889" s="58">
        <v>67.872274580372959</v>
      </c>
      <c r="S3889" s="124">
        <f t="shared" si="60"/>
        <v>2.0350890639354593</v>
      </c>
    </row>
    <row r="3890" spans="8:19" x14ac:dyDescent="0.3">
      <c r="H3890" s="44">
        <v>3883</v>
      </c>
      <c r="I3890" s="56">
        <f>Bühler!I3916</f>
        <v>0.46963593783125979</v>
      </c>
      <c r="J3890" s="59">
        <f>Bühler!J3916</f>
        <v>1.5654531261041995</v>
      </c>
      <c r="K3890" s="59">
        <f>Bühler!K3916</f>
        <v>2.3481796891562992</v>
      </c>
      <c r="L3890" s="59">
        <f>Bühler!L3916</f>
        <v>11.271262507950235</v>
      </c>
      <c r="M3890" s="58">
        <f>Bühler!M3916</f>
        <v>0</v>
      </c>
      <c r="N3890" s="56">
        <f>IF(Input!$D$19=1,J3890*Input!$C$19,0)+IF(Input!$D$20=1,K3890*Input!$C$20,0)+IF(Input!$D$21=1,L3890*Input!$C$21,0)+IF(Input!$D$22=1,M3890*Input!$C$22,0)</f>
        <v>0.46963593783125984</v>
      </c>
      <c r="O3890" s="59">
        <f>IF(Input!$D$19=2,J3890*Input!$C$19,0)+IF(Input!$D$20=2,K3890*Input!$C$20,0)+IF(Input!$D$21=2,L3890*Input!$C$21,0)+IF(Input!$D$22=2,M3890*Input!$C$22,0)</f>
        <v>1.1740898445781496</v>
      </c>
      <c r="P3890" s="59">
        <f>IF(Input!$D$19=3,J3890*Input!$C$19,0)+IF(Input!$D$20=3,K3890*Input!$C$20,0)+IF(Input!$D$21=3,L3890*Input!$C$21,0)+IF(Input!$D$22=3,M3890*Input!$C$22,0)</f>
        <v>0</v>
      </c>
      <c r="Q3890" s="75">
        <f>IF(Input!$D$19=4,J3890*Input!$C$19,0)+IF(Input!$D$20=4,K3890*Input!$C$20,0)+IF(Input!$D$21=4,L3890*Input!$C$21,0)+IF(Input!$D$22=4,M3890*Input!$C$22,0)</f>
        <v>0</v>
      </c>
      <c r="R3890" s="58">
        <v>66.283103512727507</v>
      </c>
      <c r="S3890" s="124">
        <f t="shared" si="60"/>
        <v>2.0350890639354593</v>
      </c>
    </row>
    <row r="3891" spans="8:19" x14ac:dyDescent="0.3">
      <c r="H3891" s="44">
        <v>3884</v>
      </c>
      <c r="I3891" s="56">
        <f>Bühler!I3917</f>
        <v>0.39332009793368011</v>
      </c>
      <c r="J3891" s="59">
        <f>Bühler!J3917</f>
        <v>1.3110669931122672</v>
      </c>
      <c r="K3891" s="59">
        <f>Bühler!K3917</f>
        <v>1.9666004896684004</v>
      </c>
      <c r="L3891" s="59">
        <f>Bühler!L3917</f>
        <v>9.4396823504083223</v>
      </c>
      <c r="M3891" s="58">
        <f>Bühler!M3917</f>
        <v>0</v>
      </c>
      <c r="N3891" s="56">
        <f>IF(Input!$D$19=1,J3891*Input!$C$19,0)+IF(Input!$D$20=1,K3891*Input!$C$20,0)+IF(Input!$D$21=1,L3891*Input!$C$21,0)+IF(Input!$D$22=1,M3891*Input!$C$22,0)</f>
        <v>0.39332009793368011</v>
      </c>
      <c r="O3891" s="59">
        <f>IF(Input!$D$19=2,J3891*Input!$C$19,0)+IF(Input!$D$20=2,K3891*Input!$C$20,0)+IF(Input!$D$21=2,L3891*Input!$C$21,0)+IF(Input!$D$22=2,M3891*Input!$C$22,0)</f>
        <v>0.9833002448342002</v>
      </c>
      <c r="P3891" s="59">
        <f>IF(Input!$D$19=3,J3891*Input!$C$19,0)+IF(Input!$D$20=3,K3891*Input!$C$20,0)+IF(Input!$D$21=3,L3891*Input!$C$21,0)+IF(Input!$D$22=3,M3891*Input!$C$22,0)</f>
        <v>0</v>
      </c>
      <c r="Q3891" s="75">
        <f>IF(Input!$D$19=4,J3891*Input!$C$19,0)+IF(Input!$D$20=4,K3891*Input!$C$20,0)+IF(Input!$D$21=4,L3891*Input!$C$21,0)+IF(Input!$D$22=4,M3891*Input!$C$22,0)</f>
        <v>0</v>
      </c>
      <c r="R3891" s="58">
        <v>64.989489029931846</v>
      </c>
      <c r="S3891" s="124">
        <f t="shared" si="60"/>
        <v>1.7043870910459473</v>
      </c>
    </row>
    <row r="3892" spans="8:19" x14ac:dyDescent="0.3">
      <c r="H3892" s="44">
        <v>3885</v>
      </c>
      <c r="I3892" s="56">
        <f>Bühler!I3918</f>
        <v>0.32287470725899103</v>
      </c>
      <c r="J3892" s="59">
        <f>Bühler!J3918</f>
        <v>1.0762490241966369</v>
      </c>
      <c r="K3892" s="59">
        <f>Bühler!K3918</f>
        <v>1.6143735362949552</v>
      </c>
      <c r="L3892" s="59">
        <f>Bühler!L3918</f>
        <v>7.7489929742157848</v>
      </c>
      <c r="M3892" s="58">
        <f>Bühler!M3918</f>
        <v>0</v>
      </c>
      <c r="N3892" s="56">
        <f>IF(Input!$D$19=1,J3892*Input!$C$19,0)+IF(Input!$D$20=1,K3892*Input!$C$20,0)+IF(Input!$D$21=1,L3892*Input!$C$21,0)+IF(Input!$D$22=1,M3892*Input!$C$22,0)</f>
        <v>0.32287470725899109</v>
      </c>
      <c r="O3892" s="59">
        <f>IF(Input!$D$19=2,J3892*Input!$C$19,0)+IF(Input!$D$20=2,K3892*Input!$C$20,0)+IF(Input!$D$21=2,L3892*Input!$C$21,0)+IF(Input!$D$22=2,M3892*Input!$C$22,0)</f>
        <v>0.80718676814747758</v>
      </c>
      <c r="P3892" s="59">
        <f>IF(Input!$D$19=3,J3892*Input!$C$19,0)+IF(Input!$D$20=3,K3892*Input!$C$20,0)+IF(Input!$D$21=3,L3892*Input!$C$21,0)+IF(Input!$D$22=3,M3892*Input!$C$22,0)</f>
        <v>0</v>
      </c>
      <c r="Q3892" s="75">
        <f>IF(Input!$D$19=4,J3892*Input!$C$19,0)+IF(Input!$D$20=4,K3892*Input!$C$20,0)+IF(Input!$D$21=4,L3892*Input!$C$21,0)+IF(Input!$D$22=4,M3892*Input!$C$22,0)</f>
        <v>0</v>
      </c>
      <c r="R3892" s="58">
        <v>62.571788848494151</v>
      </c>
      <c r="S3892" s="124">
        <f t="shared" si="60"/>
        <v>1.399123731455628</v>
      </c>
    </row>
    <row r="3893" spans="8:19" x14ac:dyDescent="0.3">
      <c r="H3893" s="44">
        <v>3886</v>
      </c>
      <c r="I3893" s="56">
        <f>Bühler!I3919</f>
        <v>0.23481796891562989</v>
      </c>
      <c r="J3893" s="59">
        <f>Bühler!J3919</f>
        <v>0.78272656305209976</v>
      </c>
      <c r="K3893" s="59">
        <f>Bühler!K3919</f>
        <v>1.1740898445781496</v>
      </c>
      <c r="L3893" s="59">
        <f>Bühler!L3919</f>
        <v>5.6356312539751174</v>
      </c>
      <c r="M3893" s="58">
        <f>Bühler!M3919</f>
        <v>0</v>
      </c>
      <c r="N3893" s="56">
        <f>IF(Input!$D$19=1,J3893*Input!$C$19,0)+IF(Input!$D$20=1,K3893*Input!$C$20,0)+IF(Input!$D$21=1,L3893*Input!$C$21,0)+IF(Input!$D$22=1,M3893*Input!$C$22,0)</f>
        <v>0.23481796891562992</v>
      </c>
      <c r="O3893" s="59">
        <f>IF(Input!$D$19=2,J3893*Input!$C$19,0)+IF(Input!$D$20=2,K3893*Input!$C$20,0)+IF(Input!$D$21=2,L3893*Input!$C$21,0)+IF(Input!$D$22=2,M3893*Input!$C$22,0)</f>
        <v>0.58704492228907479</v>
      </c>
      <c r="P3893" s="59">
        <f>IF(Input!$D$19=3,J3893*Input!$C$19,0)+IF(Input!$D$20=3,K3893*Input!$C$20,0)+IF(Input!$D$21=3,L3893*Input!$C$21,0)+IF(Input!$D$22=3,M3893*Input!$C$22,0)</f>
        <v>0</v>
      </c>
      <c r="Q3893" s="75">
        <f>IF(Input!$D$19=4,J3893*Input!$C$19,0)+IF(Input!$D$20=4,K3893*Input!$C$20,0)+IF(Input!$D$21=4,L3893*Input!$C$21,0)+IF(Input!$D$22=4,M3893*Input!$C$22,0)</f>
        <v>0</v>
      </c>
      <c r="R3893" s="58">
        <v>60.51888146458753</v>
      </c>
      <c r="S3893" s="124">
        <f t="shared" si="60"/>
        <v>1.0175445319677296</v>
      </c>
    </row>
    <row r="3894" spans="8:19" x14ac:dyDescent="0.3">
      <c r="H3894" s="44">
        <v>3887</v>
      </c>
      <c r="I3894" s="56">
        <f>Bühler!I3920</f>
        <v>0.22307707046984837</v>
      </c>
      <c r="J3894" s="59">
        <f>Bühler!J3920</f>
        <v>0.74359023489949472</v>
      </c>
      <c r="K3894" s="59">
        <f>Bühler!K3920</f>
        <v>1.1153853523492419</v>
      </c>
      <c r="L3894" s="59">
        <f>Bühler!L3920</f>
        <v>5.3538496912763609</v>
      </c>
      <c r="M3894" s="58">
        <f>Bühler!M3920</f>
        <v>0</v>
      </c>
      <c r="N3894" s="56">
        <f>IF(Input!$D$19=1,J3894*Input!$C$19,0)+IF(Input!$D$20=1,K3894*Input!$C$20,0)+IF(Input!$D$21=1,L3894*Input!$C$21,0)+IF(Input!$D$22=1,M3894*Input!$C$22,0)</f>
        <v>0.2230770704698484</v>
      </c>
      <c r="O3894" s="59">
        <f>IF(Input!$D$19=2,J3894*Input!$C$19,0)+IF(Input!$D$20=2,K3894*Input!$C$20,0)+IF(Input!$D$21=2,L3894*Input!$C$21,0)+IF(Input!$D$22=2,M3894*Input!$C$22,0)</f>
        <v>0.55769267617462093</v>
      </c>
      <c r="P3894" s="59">
        <f>IF(Input!$D$19=3,J3894*Input!$C$19,0)+IF(Input!$D$20=3,K3894*Input!$C$20,0)+IF(Input!$D$21=3,L3894*Input!$C$21,0)+IF(Input!$D$22=3,M3894*Input!$C$22,0)</f>
        <v>0</v>
      </c>
      <c r="Q3894" s="75">
        <f>IF(Input!$D$19=4,J3894*Input!$C$19,0)+IF(Input!$D$20=4,K3894*Input!$C$20,0)+IF(Input!$D$21=4,L3894*Input!$C$21,0)+IF(Input!$D$22=4,M3894*Input!$C$22,0)</f>
        <v>0</v>
      </c>
      <c r="R3894" s="58">
        <v>60.538506248451775</v>
      </c>
      <c r="S3894" s="124">
        <f t="shared" si="60"/>
        <v>0.96666730536934309</v>
      </c>
    </row>
    <row r="3895" spans="8:19" x14ac:dyDescent="0.3">
      <c r="H3895" s="44">
        <v>3888</v>
      </c>
      <c r="I3895" s="56">
        <f>Bühler!I3921</f>
        <v>0.22307707046984837</v>
      </c>
      <c r="J3895" s="59">
        <f>Bühler!J3921</f>
        <v>0.74359023489949472</v>
      </c>
      <c r="K3895" s="59">
        <f>Bühler!K3921</f>
        <v>1.1153853523492419</v>
      </c>
      <c r="L3895" s="59">
        <f>Bühler!L3921</f>
        <v>5.3538496912763609</v>
      </c>
      <c r="M3895" s="58">
        <f>Bühler!M3921</f>
        <v>0</v>
      </c>
      <c r="N3895" s="56">
        <f>IF(Input!$D$19=1,J3895*Input!$C$19,0)+IF(Input!$D$20=1,K3895*Input!$C$20,0)+IF(Input!$D$21=1,L3895*Input!$C$21,0)+IF(Input!$D$22=1,M3895*Input!$C$22,0)</f>
        <v>0.2230770704698484</v>
      </c>
      <c r="O3895" s="59">
        <f>IF(Input!$D$19=2,J3895*Input!$C$19,0)+IF(Input!$D$20=2,K3895*Input!$C$20,0)+IF(Input!$D$21=2,L3895*Input!$C$21,0)+IF(Input!$D$22=2,M3895*Input!$C$22,0)</f>
        <v>0.55769267617462093</v>
      </c>
      <c r="P3895" s="59">
        <f>IF(Input!$D$19=3,J3895*Input!$C$19,0)+IF(Input!$D$20=3,K3895*Input!$C$20,0)+IF(Input!$D$21=3,L3895*Input!$C$21,0)+IF(Input!$D$22=3,M3895*Input!$C$22,0)</f>
        <v>0</v>
      </c>
      <c r="Q3895" s="75">
        <f>IF(Input!$D$19=4,J3895*Input!$C$19,0)+IF(Input!$D$20=4,K3895*Input!$C$20,0)+IF(Input!$D$21=4,L3895*Input!$C$21,0)+IF(Input!$D$22=4,M3895*Input!$C$22,0)</f>
        <v>0</v>
      </c>
      <c r="R3895" s="58">
        <v>60.225760102247271</v>
      </c>
      <c r="S3895" s="124">
        <f t="shared" si="60"/>
        <v>0.96666730536934309</v>
      </c>
    </row>
    <row r="3896" spans="8:19" x14ac:dyDescent="0.3">
      <c r="H3896" s="44">
        <v>3889</v>
      </c>
      <c r="I3896" s="56">
        <f>Bühler!I3922</f>
        <v>0.20557526193656556</v>
      </c>
      <c r="J3896" s="59">
        <f>Bühler!J3922</f>
        <v>0.68525087312188526</v>
      </c>
      <c r="K3896" s="59">
        <f>Bühler!K3922</f>
        <v>1.0278763096828278</v>
      </c>
      <c r="L3896" s="59">
        <f>Bühler!L3922</f>
        <v>4.9338062864775729</v>
      </c>
      <c r="M3896" s="58">
        <f>Bühler!M3922</f>
        <v>0</v>
      </c>
      <c r="N3896" s="56">
        <f>IF(Input!$D$19=1,J3896*Input!$C$19,0)+IF(Input!$D$20=1,K3896*Input!$C$20,0)+IF(Input!$D$21=1,L3896*Input!$C$21,0)+IF(Input!$D$22=1,M3896*Input!$C$22,0)</f>
        <v>0.20557526193656558</v>
      </c>
      <c r="O3896" s="59">
        <f>IF(Input!$D$19=2,J3896*Input!$C$19,0)+IF(Input!$D$20=2,K3896*Input!$C$20,0)+IF(Input!$D$21=2,L3896*Input!$C$21,0)+IF(Input!$D$22=2,M3896*Input!$C$22,0)</f>
        <v>0.51393815484141392</v>
      </c>
      <c r="P3896" s="59">
        <f>IF(Input!$D$19=3,J3896*Input!$C$19,0)+IF(Input!$D$20=3,K3896*Input!$C$20,0)+IF(Input!$D$21=3,L3896*Input!$C$21,0)+IF(Input!$D$22=3,M3896*Input!$C$22,0)</f>
        <v>0</v>
      </c>
      <c r="Q3896" s="75">
        <f>IF(Input!$D$19=4,J3896*Input!$C$19,0)+IF(Input!$D$20=4,K3896*Input!$C$20,0)+IF(Input!$D$21=4,L3896*Input!$C$21,0)+IF(Input!$D$22=4,M3896*Input!$C$22,0)</f>
        <v>0</v>
      </c>
      <c r="R3896" s="58">
        <v>59.43253054481751</v>
      </c>
      <c r="S3896" s="124">
        <f t="shared" si="60"/>
        <v>0.89082613505845076</v>
      </c>
    </row>
    <row r="3897" spans="8:19" x14ac:dyDescent="0.3">
      <c r="H3897" s="44">
        <v>3890</v>
      </c>
      <c r="I3897" s="56">
        <f>Bühler!I3923</f>
        <v>0.20557526193656556</v>
      </c>
      <c r="J3897" s="59">
        <f>Bühler!J3923</f>
        <v>0.68525087312188526</v>
      </c>
      <c r="K3897" s="59">
        <f>Bühler!K3923</f>
        <v>1.0278763096828278</v>
      </c>
      <c r="L3897" s="59">
        <f>Bühler!L3923</f>
        <v>4.9338062864775729</v>
      </c>
      <c r="M3897" s="58">
        <f>Bühler!M3923</f>
        <v>0</v>
      </c>
      <c r="N3897" s="56">
        <f>IF(Input!$D$19=1,J3897*Input!$C$19,0)+IF(Input!$D$20=1,K3897*Input!$C$20,0)+IF(Input!$D$21=1,L3897*Input!$C$21,0)+IF(Input!$D$22=1,M3897*Input!$C$22,0)</f>
        <v>0.20557526193656558</v>
      </c>
      <c r="O3897" s="59">
        <f>IF(Input!$D$19=2,J3897*Input!$C$19,0)+IF(Input!$D$20=2,K3897*Input!$C$20,0)+IF(Input!$D$21=2,L3897*Input!$C$21,0)+IF(Input!$D$22=2,M3897*Input!$C$22,0)</f>
        <v>0.51393815484141392</v>
      </c>
      <c r="P3897" s="59">
        <f>IF(Input!$D$19=3,J3897*Input!$C$19,0)+IF(Input!$D$20=3,K3897*Input!$C$20,0)+IF(Input!$D$21=3,L3897*Input!$C$21,0)+IF(Input!$D$22=3,M3897*Input!$C$22,0)</f>
        <v>0</v>
      </c>
      <c r="Q3897" s="75">
        <f>IF(Input!$D$19=4,J3897*Input!$C$19,0)+IF(Input!$D$20=4,K3897*Input!$C$20,0)+IF(Input!$D$21=4,L3897*Input!$C$21,0)+IF(Input!$D$22=4,M3897*Input!$C$22,0)</f>
        <v>0</v>
      </c>
      <c r="R3897" s="58">
        <v>59.088191349017968</v>
      </c>
      <c r="S3897" s="124">
        <f t="shared" si="60"/>
        <v>0.89082613505845076</v>
      </c>
    </row>
    <row r="3898" spans="8:19" x14ac:dyDescent="0.3">
      <c r="H3898" s="44">
        <v>3891</v>
      </c>
      <c r="I3898" s="56">
        <f>Bühler!I3924</f>
        <v>0.20557526193656556</v>
      </c>
      <c r="J3898" s="59">
        <f>Bühler!J3924</f>
        <v>0.68525087312188526</v>
      </c>
      <c r="K3898" s="59">
        <f>Bühler!K3924</f>
        <v>1.0278763096828278</v>
      </c>
      <c r="L3898" s="59">
        <f>Bühler!L3924</f>
        <v>4.9338062864775729</v>
      </c>
      <c r="M3898" s="58">
        <f>Bühler!M3924</f>
        <v>0</v>
      </c>
      <c r="N3898" s="56">
        <f>IF(Input!$D$19=1,J3898*Input!$C$19,0)+IF(Input!$D$20=1,K3898*Input!$C$20,0)+IF(Input!$D$21=1,L3898*Input!$C$21,0)+IF(Input!$D$22=1,M3898*Input!$C$22,0)</f>
        <v>0.20557526193656558</v>
      </c>
      <c r="O3898" s="59">
        <f>IF(Input!$D$19=2,J3898*Input!$C$19,0)+IF(Input!$D$20=2,K3898*Input!$C$20,0)+IF(Input!$D$21=2,L3898*Input!$C$21,0)+IF(Input!$D$22=2,M3898*Input!$C$22,0)</f>
        <v>0.51393815484141392</v>
      </c>
      <c r="P3898" s="59">
        <f>IF(Input!$D$19=3,J3898*Input!$C$19,0)+IF(Input!$D$20=3,K3898*Input!$C$20,0)+IF(Input!$D$21=3,L3898*Input!$C$21,0)+IF(Input!$D$22=3,M3898*Input!$C$22,0)</f>
        <v>0</v>
      </c>
      <c r="Q3898" s="75">
        <f>IF(Input!$D$19=4,J3898*Input!$C$19,0)+IF(Input!$D$20=4,K3898*Input!$C$20,0)+IF(Input!$D$21=4,L3898*Input!$C$21,0)+IF(Input!$D$22=4,M3898*Input!$C$22,0)</f>
        <v>0</v>
      </c>
      <c r="R3898" s="58">
        <v>59.1474386362883</v>
      </c>
      <c r="S3898" s="124">
        <f t="shared" si="60"/>
        <v>0.89082613505845076</v>
      </c>
    </row>
    <row r="3899" spans="8:19" x14ac:dyDescent="0.3">
      <c r="H3899" s="44">
        <v>3892</v>
      </c>
      <c r="I3899" s="56">
        <f>Bühler!I3925</f>
        <v>0.20557526193656556</v>
      </c>
      <c r="J3899" s="59">
        <f>Bühler!J3925</f>
        <v>0.68525087312188526</v>
      </c>
      <c r="K3899" s="59">
        <f>Bühler!K3925</f>
        <v>1.0278763096828278</v>
      </c>
      <c r="L3899" s="59">
        <f>Bühler!L3925</f>
        <v>4.9338062864775729</v>
      </c>
      <c r="M3899" s="58">
        <f>Bühler!M3925</f>
        <v>0</v>
      </c>
      <c r="N3899" s="56">
        <f>IF(Input!$D$19=1,J3899*Input!$C$19,0)+IF(Input!$D$20=1,K3899*Input!$C$20,0)+IF(Input!$D$21=1,L3899*Input!$C$21,0)+IF(Input!$D$22=1,M3899*Input!$C$22,0)</f>
        <v>0.20557526193656558</v>
      </c>
      <c r="O3899" s="59">
        <f>IF(Input!$D$19=2,J3899*Input!$C$19,0)+IF(Input!$D$20=2,K3899*Input!$C$20,0)+IF(Input!$D$21=2,L3899*Input!$C$21,0)+IF(Input!$D$22=2,M3899*Input!$C$22,0)</f>
        <v>0.51393815484141392</v>
      </c>
      <c r="P3899" s="59">
        <f>IF(Input!$D$19=3,J3899*Input!$C$19,0)+IF(Input!$D$20=3,K3899*Input!$C$20,0)+IF(Input!$D$21=3,L3899*Input!$C$21,0)+IF(Input!$D$22=3,M3899*Input!$C$22,0)</f>
        <v>0</v>
      </c>
      <c r="Q3899" s="75">
        <f>IF(Input!$D$19=4,J3899*Input!$C$19,0)+IF(Input!$D$20=4,K3899*Input!$C$20,0)+IF(Input!$D$21=4,L3899*Input!$C$21,0)+IF(Input!$D$22=4,M3899*Input!$C$22,0)</f>
        <v>0</v>
      </c>
      <c r="R3899" s="58">
        <v>59.657554448684245</v>
      </c>
      <c r="S3899" s="124">
        <f t="shared" si="60"/>
        <v>0.89082613505845076</v>
      </c>
    </row>
    <row r="3900" spans="8:19" x14ac:dyDescent="0.3">
      <c r="H3900" s="44">
        <v>3893</v>
      </c>
      <c r="I3900" s="56">
        <f>Bühler!I3926</f>
        <v>0.20557526193656556</v>
      </c>
      <c r="J3900" s="59">
        <f>Bühler!J3926</f>
        <v>0.68525087312188526</v>
      </c>
      <c r="K3900" s="59">
        <f>Bühler!K3926</f>
        <v>1.0278763096828278</v>
      </c>
      <c r="L3900" s="59">
        <f>Bühler!L3926</f>
        <v>4.9338062864775729</v>
      </c>
      <c r="M3900" s="58">
        <f>Bühler!M3926</f>
        <v>0</v>
      </c>
      <c r="N3900" s="56">
        <f>IF(Input!$D$19=1,J3900*Input!$C$19,0)+IF(Input!$D$20=1,K3900*Input!$C$20,0)+IF(Input!$D$21=1,L3900*Input!$C$21,0)+IF(Input!$D$22=1,M3900*Input!$C$22,0)</f>
        <v>0.20557526193656558</v>
      </c>
      <c r="O3900" s="59">
        <f>IF(Input!$D$19=2,J3900*Input!$C$19,0)+IF(Input!$D$20=2,K3900*Input!$C$20,0)+IF(Input!$D$21=2,L3900*Input!$C$21,0)+IF(Input!$D$22=2,M3900*Input!$C$22,0)</f>
        <v>0.51393815484141392</v>
      </c>
      <c r="P3900" s="59">
        <f>IF(Input!$D$19=3,J3900*Input!$C$19,0)+IF(Input!$D$20=3,K3900*Input!$C$20,0)+IF(Input!$D$21=3,L3900*Input!$C$21,0)+IF(Input!$D$22=3,M3900*Input!$C$22,0)</f>
        <v>0</v>
      </c>
      <c r="Q3900" s="75">
        <f>IF(Input!$D$19=4,J3900*Input!$C$19,0)+IF(Input!$D$20=4,K3900*Input!$C$20,0)+IF(Input!$D$21=4,L3900*Input!$C$21,0)+IF(Input!$D$22=4,M3900*Input!$C$22,0)</f>
        <v>0</v>
      </c>
      <c r="R3900" s="58">
        <v>61.260122662729955</v>
      </c>
      <c r="S3900" s="124">
        <f t="shared" si="60"/>
        <v>0.89082613505845076</v>
      </c>
    </row>
    <row r="3901" spans="8:19" x14ac:dyDescent="0.3">
      <c r="H3901" s="44">
        <v>3894</v>
      </c>
      <c r="I3901" s="56">
        <f>Bühler!I3927</f>
        <v>0.2672478405175352</v>
      </c>
      <c r="J3901" s="59">
        <f>Bühler!J3927</f>
        <v>0.89082613505845076</v>
      </c>
      <c r="K3901" s="59">
        <f>Bühler!K3927</f>
        <v>1.3362392025876759</v>
      </c>
      <c r="L3901" s="59">
        <f>Bühler!L3927</f>
        <v>6.4139481724208443</v>
      </c>
      <c r="M3901" s="58">
        <f>Bühler!M3927</f>
        <v>0</v>
      </c>
      <c r="N3901" s="56">
        <f>IF(Input!$D$19=1,J3901*Input!$C$19,0)+IF(Input!$D$20=1,K3901*Input!$C$20,0)+IF(Input!$D$21=1,L3901*Input!$C$21,0)+IF(Input!$D$22=1,M3901*Input!$C$22,0)</f>
        <v>0.2672478405175352</v>
      </c>
      <c r="O3901" s="59">
        <f>IF(Input!$D$19=2,J3901*Input!$C$19,0)+IF(Input!$D$20=2,K3901*Input!$C$20,0)+IF(Input!$D$21=2,L3901*Input!$C$21,0)+IF(Input!$D$22=2,M3901*Input!$C$22,0)</f>
        <v>0.66811960129383796</v>
      </c>
      <c r="P3901" s="59">
        <f>IF(Input!$D$19=3,J3901*Input!$C$19,0)+IF(Input!$D$20=3,K3901*Input!$C$20,0)+IF(Input!$D$21=3,L3901*Input!$C$21,0)+IF(Input!$D$22=3,M3901*Input!$C$22,0)</f>
        <v>0</v>
      </c>
      <c r="Q3901" s="75">
        <f>IF(Input!$D$19=4,J3901*Input!$C$19,0)+IF(Input!$D$20=4,K3901*Input!$C$20,0)+IF(Input!$D$21=4,L3901*Input!$C$21,0)+IF(Input!$D$22=4,M3901*Input!$C$22,0)</f>
        <v>0</v>
      </c>
      <c r="R3901" s="58">
        <v>64.868286974538265</v>
      </c>
      <c r="S3901" s="124">
        <f t="shared" si="60"/>
        <v>1.1580739755759859</v>
      </c>
    </row>
    <row r="3902" spans="8:19" x14ac:dyDescent="0.3">
      <c r="H3902" s="44">
        <v>3895</v>
      </c>
      <c r="I3902" s="56">
        <f>Bühler!I3928</f>
        <v>0.29808412980802002</v>
      </c>
      <c r="J3902" s="59">
        <f>Bühler!J3928</f>
        <v>0.99361376602673346</v>
      </c>
      <c r="K3902" s="59">
        <f>Bühler!K3928</f>
        <v>1.4904206490401002</v>
      </c>
      <c r="L3902" s="59">
        <f>Bühler!L3928</f>
        <v>7.1540191153924804</v>
      </c>
      <c r="M3902" s="58">
        <f>Bühler!M3928</f>
        <v>0</v>
      </c>
      <c r="N3902" s="56">
        <f>IF(Input!$D$19=1,J3902*Input!$C$19,0)+IF(Input!$D$20=1,K3902*Input!$C$20,0)+IF(Input!$D$21=1,L3902*Input!$C$21,0)+IF(Input!$D$22=1,M3902*Input!$C$22,0)</f>
        <v>0.29808412980802002</v>
      </c>
      <c r="O3902" s="59">
        <f>IF(Input!$D$19=2,J3902*Input!$C$19,0)+IF(Input!$D$20=2,K3902*Input!$C$20,0)+IF(Input!$D$21=2,L3902*Input!$C$21,0)+IF(Input!$D$22=2,M3902*Input!$C$22,0)</f>
        <v>0.74521032452005009</v>
      </c>
      <c r="P3902" s="59">
        <f>IF(Input!$D$19=3,J3902*Input!$C$19,0)+IF(Input!$D$20=3,K3902*Input!$C$20,0)+IF(Input!$D$21=3,L3902*Input!$C$21,0)+IF(Input!$D$22=3,M3902*Input!$C$22,0)</f>
        <v>0</v>
      </c>
      <c r="Q3902" s="75">
        <f>IF(Input!$D$19=4,J3902*Input!$C$19,0)+IF(Input!$D$20=4,K3902*Input!$C$20,0)+IF(Input!$D$21=4,L3902*Input!$C$21,0)+IF(Input!$D$22=4,M3902*Input!$C$22,0)</f>
        <v>0</v>
      </c>
      <c r="R3902" s="58">
        <v>67.316499017694028</v>
      </c>
      <c r="S3902" s="124">
        <f t="shared" si="60"/>
        <v>1.2916978958347536</v>
      </c>
    </row>
    <row r="3903" spans="8:19" x14ac:dyDescent="0.3">
      <c r="H3903" s="44">
        <v>3896</v>
      </c>
      <c r="I3903" s="56">
        <f>Bühler!I3929</f>
        <v>0.30836289290484836</v>
      </c>
      <c r="J3903" s="59">
        <f>Bühler!J3929</f>
        <v>1.0278763096828278</v>
      </c>
      <c r="K3903" s="59">
        <f>Bühler!K3929</f>
        <v>1.5418144645242418</v>
      </c>
      <c r="L3903" s="59">
        <f>Bühler!L3929</f>
        <v>7.4007094297163603</v>
      </c>
      <c r="M3903" s="58">
        <f>Bühler!M3929</f>
        <v>0</v>
      </c>
      <c r="N3903" s="56">
        <f>IF(Input!$D$19=1,J3903*Input!$C$19,0)+IF(Input!$D$20=1,K3903*Input!$C$20,0)+IF(Input!$D$21=1,L3903*Input!$C$21,0)+IF(Input!$D$22=1,M3903*Input!$C$22,0)</f>
        <v>0.30836289290484836</v>
      </c>
      <c r="O3903" s="59">
        <f>IF(Input!$D$19=2,J3903*Input!$C$19,0)+IF(Input!$D$20=2,K3903*Input!$C$20,0)+IF(Input!$D$21=2,L3903*Input!$C$21,0)+IF(Input!$D$22=2,M3903*Input!$C$22,0)</f>
        <v>0.77090723226212088</v>
      </c>
      <c r="P3903" s="59">
        <f>IF(Input!$D$19=3,J3903*Input!$C$19,0)+IF(Input!$D$20=3,K3903*Input!$C$20,0)+IF(Input!$D$21=3,L3903*Input!$C$21,0)+IF(Input!$D$22=3,M3903*Input!$C$22,0)</f>
        <v>0</v>
      </c>
      <c r="Q3903" s="75">
        <f>IF(Input!$D$19=4,J3903*Input!$C$19,0)+IF(Input!$D$20=4,K3903*Input!$C$20,0)+IF(Input!$D$21=4,L3903*Input!$C$21,0)+IF(Input!$D$22=4,M3903*Input!$C$22,0)</f>
        <v>0</v>
      </c>
      <c r="R3903" s="58">
        <v>68.705946868257428</v>
      </c>
      <c r="S3903" s="124">
        <f t="shared" si="60"/>
        <v>1.3362392025876761</v>
      </c>
    </row>
    <row r="3904" spans="8:19" x14ac:dyDescent="0.3">
      <c r="H3904" s="44">
        <v>3897</v>
      </c>
      <c r="I3904" s="56">
        <f>Bühler!I3930</f>
        <v>0.30836289290484836</v>
      </c>
      <c r="J3904" s="59">
        <f>Bühler!J3930</f>
        <v>1.0278763096828278</v>
      </c>
      <c r="K3904" s="59">
        <f>Bühler!K3930</f>
        <v>1.5418144645242418</v>
      </c>
      <c r="L3904" s="59">
        <f>Bühler!L3930</f>
        <v>7.4007094297163603</v>
      </c>
      <c r="M3904" s="58">
        <f>Bühler!M3930</f>
        <v>0</v>
      </c>
      <c r="N3904" s="56">
        <f>IF(Input!$D$19=1,J3904*Input!$C$19,0)+IF(Input!$D$20=1,K3904*Input!$C$20,0)+IF(Input!$D$21=1,L3904*Input!$C$21,0)+IF(Input!$D$22=1,M3904*Input!$C$22,0)</f>
        <v>0.30836289290484836</v>
      </c>
      <c r="O3904" s="59">
        <f>IF(Input!$D$19=2,J3904*Input!$C$19,0)+IF(Input!$D$20=2,K3904*Input!$C$20,0)+IF(Input!$D$21=2,L3904*Input!$C$21,0)+IF(Input!$D$22=2,M3904*Input!$C$22,0)</f>
        <v>0.77090723226212088</v>
      </c>
      <c r="P3904" s="59">
        <f>IF(Input!$D$19=3,J3904*Input!$C$19,0)+IF(Input!$D$20=3,K3904*Input!$C$20,0)+IF(Input!$D$21=3,L3904*Input!$C$21,0)+IF(Input!$D$22=3,M3904*Input!$C$22,0)</f>
        <v>0</v>
      </c>
      <c r="Q3904" s="75">
        <f>IF(Input!$D$19=4,J3904*Input!$C$19,0)+IF(Input!$D$20=4,K3904*Input!$C$20,0)+IF(Input!$D$21=4,L3904*Input!$C$21,0)+IF(Input!$D$22=4,M3904*Input!$C$22,0)</f>
        <v>0</v>
      </c>
      <c r="R3904" s="58">
        <v>70.004415673576773</v>
      </c>
      <c r="S3904" s="124">
        <f t="shared" si="60"/>
        <v>1.3362392025876761</v>
      </c>
    </row>
    <row r="3905" spans="8:19" x14ac:dyDescent="0.3">
      <c r="H3905" s="44">
        <v>3898</v>
      </c>
      <c r="I3905" s="56">
        <f>Bühler!I3931</f>
        <v>0.33405980064691904</v>
      </c>
      <c r="J3905" s="59">
        <f>Bühler!J3931</f>
        <v>1.1135326688230636</v>
      </c>
      <c r="K3905" s="59">
        <f>Bühler!K3931</f>
        <v>1.670299003234595</v>
      </c>
      <c r="L3905" s="59">
        <f>Bühler!L3931</f>
        <v>8.0174352155260564</v>
      </c>
      <c r="M3905" s="58">
        <f>Bühler!M3931</f>
        <v>0</v>
      </c>
      <c r="N3905" s="56">
        <f>IF(Input!$D$19=1,J3905*Input!$C$19,0)+IF(Input!$D$20=1,K3905*Input!$C$20,0)+IF(Input!$D$21=1,L3905*Input!$C$21,0)+IF(Input!$D$22=1,M3905*Input!$C$22,0)</f>
        <v>0.33405980064691904</v>
      </c>
      <c r="O3905" s="59">
        <f>IF(Input!$D$19=2,J3905*Input!$C$19,0)+IF(Input!$D$20=2,K3905*Input!$C$20,0)+IF(Input!$D$21=2,L3905*Input!$C$21,0)+IF(Input!$D$22=2,M3905*Input!$C$22,0)</f>
        <v>0.83514950161729751</v>
      </c>
      <c r="P3905" s="59">
        <f>IF(Input!$D$19=3,J3905*Input!$C$19,0)+IF(Input!$D$20=3,K3905*Input!$C$20,0)+IF(Input!$D$21=3,L3905*Input!$C$21,0)+IF(Input!$D$22=3,M3905*Input!$C$22,0)</f>
        <v>0</v>
      </c>
      <c r="Q3905" s="75">
        <f>IF(Input!$D$19=4,J3905*Input!$C$19,0)+IF(Input!$D$20=4,K3905*Input!$C$20,0)+IF(Input!$D$21=4,L3905*Input!$C$21,0)+IF(Input!$D$22=4,M3905*Input!$C$22,0)</f>
        <v>0</v>
      </c>
      <c r="R3905" s="58">
        <v>70.361099993532974</v>
      </c>
      <c r="S3905" s="124">
        <f t="shared" si="60"/>
        <v>1.4475924694699827</v>
      </c>
    </row>
    <row r="3906" spans="8:19" x14ac:dyDescent="0.3">
      <c r="H3906" s="44">
        <v>3899</v>
      </c>
      <c r="I3906" s="56">
        <f>Bühler!I3932</f>
        <v>0.34947794529216142</v>
      </c>
      <c r="J3906" s="59">
        <f>Bühler!J3932</f>
        <v>1.1649264843072049</v>
      </c>
      <c r="K3906" s="59">
        <f>Bühler!K3932</f>
        <v>1.7473897264608071</v>
      </c>
      <c r="L3906" s="59">
        <f>Bühler!L3932</f>
        <v>8.3874706870118736</v>
      </c>
      <c r="M3906" s="58">
        <f>Bühler!M3932</f>
        <v>0</v>
      </c>
      <c r="N3906" s="56">
        <f>IF(Input!$D$19=1,J3906*Input!$C$19,0)+IF(Input!$D$20=1,K3906*Input!$C$20,0)+IF(Input!$D$21=1,L3906*Input!$C$21,0)+IF(Input!$D$22=1,M3906*Input!$C$22,0)</f>
        <v>0.34947794529216147</v>
      </c>
      <c r="O3906" s="59">
        <f>IF(Input!$D$19=2,J3906*Input!$C$19,0)+IF(Input!$D$20=2,K3906*Input!$C$20,0)+IF(Input!$D$21=2,L3906*Input!$C$21,0)+IF(Input!$D$22=2,M3906*Input!$C$22,0)</f>
        <v>0.87369486323040357</v>
      </c>
      <c r="P3906" s="59">
        <f>IF(Input!$D$19=3,J3906*Input!$C$19,0)+IF(Input!$D$20=3,K3906*Input!$C$20,0)+IF(Input!$D$21=3,L3906*Input!$C$21,0)+IF(Input!$D$22=3,M3906*Input!$C$22,0)</f>
        <v>0</v>
      </c>
      <c r="Q3906" s="75">
        <f>IF(Input!$D$19=4,J3906*Input!$C$19,0)+IF(Input!$D$20=4,K3906*Input!$C$20,0)+IF(Input!$D$21=4,L3906*Input!$C$21,0)+IF(Input!$D$22=4,M3906*Input!$C$22,0)</f>
        <v>0</v>
      </c>
      <c r="R3906" s="58">
        <v>71.144354923969217</v>
      </c>
      <c r="S3906" s="124">
        <f t="shared" si="60"/>
        <v>1.5144044295993664</v>
      </c>
    </row>
    <row r="3907" spans="8:19" x14ac:dyDescent="0.3">
      <c r="H3907" s="44">
        <v>3900</v>
      </c>
      <c r="I3907" s="56">
        <f>Bühler!I3933</f>
        <v>0.41115052387313111</v>
      </c>
      <c r="J3907" s="59">
        <f>Bühler!J3933</f>
        <v>1.3705017462437705</v>
      </c>
      <c r="K3907" s="59">
        <f>Bühler!K3933</f>
        <v>2.0557526193656557</v>
      </c>
      <c r="L3907" s="59">
        <f>Bühler!L3933</f>
        <v>9.8676125729551458</v>
      </c>
      <c r="M3907" s="58">
        <f>Bühler!M3933</f>
        <v>0</v>
      </c>
      <c r="N3907" s="56">
        <f>IF(Input!$D$19=1,J3907*Input!$C$19,0)+IF(Input!$D$20=1,K3907*Input!$C$20,0)+IF(Input!$D$21=1,L3907*Input!$C$21,0)+IF(Input!$D$22=1,M3907*Input!$C$22,0)</f>
        <v>0.41115052387313117</v>
      </c>
      <c r="O3907" s="59">
        <f>IF(Input!$D$19=2,J3907*Input!$C$19,0)+IF(Input!$D$20=2,K3907*Input!$C$20,0)+IF(Input!$D$21=2,L3907*Input!$C$21,0)+IF(Input!$D$22=2,M3907*Input!$C$22,0)</f>
        <v>1.0278763096828278</v>
      </c>
      <c r="P3907" s="59">
        <f>IF(Input!$D$19=3,J3907*Input!$C$19,0)+IF(Input!$D$20=3,K3907*Input!$C$20,0)+IF(Input!$D$21=3,L3907*Input!$C$21,0)+IF(Input!$D$22=3,M3907*Input!$C$22,0)</f>
        <v>0</v>
      </c>
      <c r="Q3907" s="75">
        <f>IF(Input!$D$19=4,J3907*Input!$C$19,0)+IF(Input!$D$20=4,K3907*Input!$C$20,0)+IF(Input!$D$21=4,L3907*Input!$C$21,0)+IF(Input!$D$22=4,M3907*Input!$C$22,0)</f>
        <v>0</v>
      </c>
      <c r="R3907" s="58">
        <v>72.309051737035233</v>
      </c>
      <c r="S3907" s="124">
        <f t="shared" si="60"/>
        <v>1.7816522701169015</v>
      </c>
    </row>
    <row r="3908" spans="8:19" x14ac:dyDescent="0.3">
      <c r="H3908" s="44">
        <v>3901</v>
      </c>
      <c r="I3908" s="56">
        <f>Bühler!I3934</f>
        <v>0.41115052387313111</v>
      </c>
      <c r="J3908" s="59">
        <f>Bühler!J3934</f>
        <v>1.3705017462437705</v>
      </c>
      <c r="K3908" s="59">
        <f>Bühler!K3934</f>
        <v>2.0557526193656557</v>
      </c>
      <c r="L3908" s="59">
        <f>Bühler!L3934</f>
        <v>9.8676125729551458</v>
      </c>
      <c r="M3908" s="58">
        <f>Bühler!M3934</f>
        <v>0</v>
      </c>
      <c r="N3908" s="56">
        <f>IF(Input!$D$19=1,J3908*Input!$C$19,0)+IF(Input!$D$20=1,K3908*Input!$C$20,0)+IF(Input!$D$21=1,L3908*Input!$C$21,0)+IF(Input!$D$22=1,M3908*Input!$C$22,0)</f>
        <v>0.41115052387313117</v>
      </c>
      <c r="O3908" s="59">
        <f>IF(Input!$D$19=2,J3908*Input!$C$19,0)+IF(Input!$D$20=2,K3908*Input!$C$20,0)+IF(Input!$D$21=2,L3908*Input!$C$21,0)+IF(Input!$D$22=2,M3908*Input!$C$22,0)</f>
        <v>1.0278763096828278</v>
      </c>
      <c r="P3908" s="59">
        <f>IF(Input!$D$19=3,J3908*Input!$C$19,0)+IF(Input!$D$20=3,K3908*Input!$C$20,0)+IF(Input!$D$21=3,L3908*Input!$C$21,0)+IF(Input!$D$22=3,M3908*Input!$C$22,0)</f>
        <v>0</v>
      </c>
      <c r="Q3908" s="75">
        <f>IF(Input!$D$19=4,J3908*Input!$C$19,0)+IF(Input!$D$20=4,K3908*Input!$C$20,0)+IF(Input!$D$21=4,L3908*Input!$C$21,0)+IF(Input!$D$22=4,M3908*Input!$C$22,0)</f>
        <v>0</v>
      </c>
      <c r="R3908" s="58">
        <v>70.659102333471381</v>
      </c>
      <c r="S3908" s="124">
        <f t="shared" si="60"/>
        <v>1.7816522701169015</v>
      </c>
    </row>
    <row r="3909" spans="8:19" x14ac:dyDescent="0.3">
      <c r="H3909" s="44">
        <v>3902</v>
      </c>
      <c r="I3909" s="56">
        <f>Bühler!I3935</f>
        <v>0.41115052387313111</v>
      </c>
      <c r="J3909" s="59">
        <f>Bühler!J3935</f>
        <v>1.3705017462437705</v>
      </c>
      <c r="K3909" s="59">
        <f>Bühler!K3935</f>
        <v>2.0557526193656557</v>
      </c>
      <c r="L3909" s="59">
        <f>Bühler!L3935</f>
        <v>9.8676125729551458</v>
      </c>
      <c r="M3909" s="58">
        <f>Bühler!M3935</f>
        <v>0</v>
      </c>
      <c r="N3909" s="56">
        <f>IF(Input!$D$19=1,J3909*Input!$C$19,0)+IF(Input!$D$20=1,K3909*Input!$C$20,0)+IF(Input!$D$21=1,L3909*Input!$C$21,0)+IF(Input!$D$22=1,M3909*Input!$C$22,0)</f>
        <v>0.41115052387313117</v>
      </c>
      <c r="O3909" s="59">
        <f>IF(Input!$D$19=2,J3909*Input!$C$19,0)+IF(Input!$D$20=2,K3909*Input!$C$20,0)+IF(Input!$D$21=2,L3909*Input!$C$21,0)+IF(Input!$D$22=2,M3909*Input!$C$22,0)</f>
        <v>1.0278763096828278</v>
      </c>
      <c r="P3909" s="59">
        <f>IF(Input!$D$19=3,J3909*Input!$C$19,0)+IF(Input!$D$20=3,K3909*Input!$C$20,0)+IF(Input!$D$21=3,L3909*Input!$C$21,0)+IF(Input!$D$22=3,M3909*Input!$C$22,0)</f>
        <v>0</v>
      </c>
      <c r="Q3909" s="75">
        <f>IF(Input!$D$19=4,J3909*Input!$C$19,0)+IF(Input!$D$20=4,K3909*Input!$C$20,0)+IF(Input!$D$21=4,L3909*Input!$C$21,0)+IF(Input!$D$22=4,M3909*Input!$C$22,0)</f>
        <v>0</v>
      </c>
      <c r="R3909" s="58">
        <v>70.021790408263357</v>
      </c>
      <c r="S3909" s="124">
        <f t="shared" si="60"/>
        <v>1.7816522701169015</v>
      </c>
    </row>
    <row r="3910" spans="8:19" x14ac:dyDescent="0.3">
      <c r="H3910" s="44">
        <v>3903</v>
      </c>
      <c r="I3910" s="56">
        <f>Bühler!I3936</f>
        <v>0.41115052387313111</v>
      </c>
      <c r="J3910" s="59">
        <f>Bühler!J3936</f>
        <v>1.3705017462437705</v>
      </c>
      <c r="K3910" s="59">
        <f>Bühler!K3936</f>
        <v>2.0557526193656557</v>
      </c>
      <c r="L3910" s="59">
        <f>Bühler!L3936</f>
        <v>9.8676125729551458</v>
      </c>
      <c r="M3910" s="58">
        <f>Bühler!M3936</f>
        <v>0</v>
      </c>
      <c r="N3910" s="56">
        <f>IF(Input!$D$19=1,J3910*Input!$C$19,0)+IF(Input!$D$20=1,K3910*Input!$C$20,0)+IF(Input!$D$21=1,L3910*Input!$C$21,0)+IF(Input!$D$22=1,M3910*Input!$C$22,0)</f>
        <v>0.41115052387313117</v>
      </c>
      <c r="O3910" s="59">
        <f>IF(Input!$D$19=2,J3910*Input!$C$19,0)+IF(Input!$D$20=2,K3910*Input!$C$20,0)+IF(Input!$D$21=2,L3910*Input!$C$21,0)+IF(Input!$D$22=2,M3910*Input!$C$22,0)</f>
        <v>1.0278763096828278</v>
      </c>
      <c r="P3910" s="59">
        <f>IF(Input!$D$19=3,J3910*Input!$C$19,0)+IF(Input!$D$20=3,K3910*Input!$C$20,0)+IF(Input!$D$21=3,L3910*Input!$C$21,0)+IF(Input!$D$22=3,M3910*Input!$C$22,0)</f>
        <v>0</v>
      </c>
      <c r="Q3910" s="75">
        <f>IF(Input!$D$19=4,J3910*Input!$C$19,0)+IF(Input!$D$20=4,K3910*Input!$C$20,0)+IF(Input!$D$21=4,L3910*Input!$C$21,0)+IF(Input!$D$22=4,M3910*Input!$C$22,0)</f>
        <v>0</v>
      </c>
      <c r="R3910" s="58">
        <v>70.615716796495335</v>
      </c>
      <c r="S3910" s="124">
        <f t="shared" si="60"/>
        <v>1.7816522701169015</v>
      </c>
    </row>
    <row r="3911" spans="8:19" x14ac:dyDescent="0.3">
      <c r="H3911" s="44">
        <v>3904</v>
      </c>
      <c r="I3911" s="56">
        <f>Bühler!I3937</f>
        <v>0.41115052387313111</v>
      </c>
      <c r="J3911" s="59">
        <f>Bühler!J3937</f>
        <v>1.3705017462437705</v>
      </c>
      <c r="K3911" s="59">
        <f>Bühler!K3937</f>
        <v>2.0557526193656557</v>
      </c>
      <c r="L3911" s="59">
        <f>Bühler!L3937</f>
        <v>9.8676125729551458</v>
      </c>
      <c r="M3911" s="58">
        <f>Bühler!M3937</f>
        <v>0</v>
      </c>
      <c r="N3911" s="56">
        <f>IF(Input!$D$19=1,J3911*Input!$C$19,0)+IF(Input!$D$20=1,K3911*Input!$C$20,0)+IF(Input!$D$21=1,L3911*Input!$C$21,0)+IF(Input!$D$22=1,M3911*Input!$C$22,0)</f>
        <v>0.41115052387313117</v>
      </c>
      <c r="O3911" s="59">
        <f>IF(Input!$D$19=2,J3911*Input!$C$19,0)+IF(Input!$D$20=2,K3911*Input!$C$20,0)+IF(Input!$D$21=2,L3911*Input!$C$21,0)+IF(Input!$D$22=2,M3911*Input!$C$22,0)</f>
        <v>1.0278763096828278</v>
      </c>
      <c r="P3911" s="59">
        <f>IF(Input!$D$19=3,J3911*Input!$C$19,0)+IF(Input!$D$20=3,K3911*Input!$C$20,0)+IF(Input!$D$21=3,L3911*Input!$C$21,0)+IF(Input!$D$22=3,M3911*Input!$C$22,0)</f>
        <v>0</v>
      </c>
      <c r="Q3911" s="75">
        <f>IF(Input!$D$19=4,J3911*Input!$C$19,0)+IF(Input!$D$20=4,K3911*Input!$C$20,0)+IF(Input!$D$21=4,L3911*Input!$C$21,0)+IF(Input!$D$22=4,M3911*Input!$C$22,0)</f>
        <v>0</v>
      </c>
      <c r="R3911" s="58">
        <v>70.808055989152209</v>
      </c>
      <c r="S3911" s="124">
        <f t="shared" si="60"/>
        <v>1.7816522701169015</v>
      </c>
    </row>
    <row r="3912" spans="8:19" x14ac:dyDescent="0.3">
      <c r="H3912" s="44">
        <v>3905</v>
      </c>
      <c r="I3912" s="56">
        <f>Bühler!I3938</f>
        <v>0.41115052387313111</v>
      </c>
      <c r="J3912" s="59">
        <f>Bühler!J3938</f>
        <v>1.3705017462437705</v>
      </c>
      <c r="K3912" s="59">
        <f>Bühler!K3938</f>
        <v>2.0557526193656557</v>
      </c>
      <c r="L3912" s="59">
        <f>Bühler!L3938</f>
        <v>9.8676125729551458</v>
      </c>
      <c r="M3912" s="58">
        <f>Bühler!M3938</f>
        <v>0</v>
      </c>
      <c r="N3912" s="56">
        <f>IF(Input!$D$19=1,J3912*Input!$C$19,0)+IF(Input!$D$20=1,K3912*Input!$C$20,0)+IF(Input!$D$21=1,L3912*Input!$C$21,0)+IF(Input!$D$22=1,M3912*Input!$C$22,0)</f>
        <v>0.41115052387313117</v>
      </c>
      <c r="O3912" s="59">
        <f>IF(Input!$D$19=2,J3912*Input!$C$19,0)+IF(Input!$D$20=2,K3912*Input!$C$20,0)+IF(Input!$D$21=2,L3912*Input!$C$21,0)+IF(Input!$D$22=2,M3912*Input!$C$22,0)</f>
        <v>1.0278763096828278</v>
      </c>
      <c r="P3912" s="59">
        <f>IF(Input!$D$19=3,J3912*Input!$C$19,0)+IF(Input!$D$20=3,K3912*Input!$C$20,0)+IF(Input!$D$21=3,L3912*Input!$C$21,0)+IF(Input!$D$22=3,M3912*Input!$C$22,0)</f>
        <v>0</v>
      </c>
      <c r="Q3912" s="75">
        <f>IF(Input!$D$19=4,J3912*Input!$C$19,0)+IF(Input!$D$20=4,K3912*Input!$C$20,0)+IF(Input!$D$21=4,L3912*Input!$C$21,0)+IF(Input!$D$22=4,M3912*Input!$C$22,0)</f>
        <v>0</v>
      </c>
      <c r="R3912" s="58">
        <v>69.255469158312451</v>
      </c>
      <c r="S3912" s="124">
        <f t="shared" si="60"/>
        <v>1.7816522701169015</v>
      </c>
    </row>
    <row r="3913" spans="8:19" x14ac:dyDescent="0.3">
      <c r="H3913" s="44">
        <v>3906</v>
      </c>
      <c r="I3913" s="56">
        <f>Bühler!I3939</f>
        <v>0.41115052387313111</v>
      </c>
      <c r="J3913" s="59">
        <f>Bühler!J3939</f>
        <v>1.3705017462437705</v>
      </c>
      <c r="K3913" s="59">
        <f>Bühler!K3939</f>
        <v>2.0557526193656557</v>
      </c>
      <c r="L3913" s="59">
        <f>Bühler!L3939</f>
        <v>9.8676125729551458</v>
      </c>
      <c r="M3913" s="58">
        <f>Bühler!M3939</f>
        <v>0</v>
      </c>
      <c r="N3913" s="56">
        <f>IF(Input!$D$19=1,J3913*Input!$C$19,0)+IF(Input!$D$20=1,K3913*Input!$C$20,0)+IF(Input!$D$21=1,L3913*Input!$C$21,0)+IF(Input!$D$22=1,M3913*Input!$C$22,0)</f>
        <v>0.41115052387313117</v>
      </c>
      <c r="O3913" s="59">
        <f>IF(Input!$D$19=2,J3913*Input!$C$19,0)+IF(Input!$D$20=2,K3913*Input!$C$20,0)+IF(Input!$D$21=2,L3913*Input!$C$21,0)+IF(Input!$D$22=2,M3913*Input!$C$22,0)</f>
        <v>1.0278763096828278</v>
      </c>
      <c r="P3913" s="59">
        <f>IF(Input!$D$19=3,J3913*Input!$C$19,0)+IF(Input!$D$20=3,K3913*Input!$C$20,0)+IF(Input!$D$21=3,L3913*Input!$C$21,0)+IF(Input!$D$22=3,M3913*Input!$C$22,0)</f>
        <v>0</v>
      </c>
      <c r="Q3913" s="75">
        <f>IF(Input!$D$19=4,J3913*Input!$C$19,0)+IF(Input!$D$20=4,K3913*Input!$C$20,0)+IF(Input!$D$21=4,L3913*Input!$C$21,0)+IF(Input!$D$22=4,M3913*Input!$C$22,0)</f>
        <v>0</v>
      </c>
      <c r="R3913" s="58">
        <v>67.929096805051785</v>
      </c>
      <c r="S3913" s="124">
        <f t="shared" ref="S3913:S3976" si="61">I3913+J3913</f>
        <v>1.7816522701169015</v>
      </c>
    </row>
    <row r="3914" spans="8:19" x14ac:dyDescent="0.3">
      <c r="H3914" s="44">
        <v>3907</v>
      </c>
      <c r="I3914" s="56">
        <f>Bühler!I3940</f>
        <v>0.41115052387313111</v>
      </c>
      <c r="J3914" s="59">
        <f>Bühler!J3940</f>
        <v>1.3705017462437705</v>
      </c>
      <c r="K3914" s="59">
        <f>Bühler!K3940</f>
        <v>2.0557526193656557</v>
      </c>
      <c r="L3914" s="59">
        <f>Bühler!L3940</f>
        <v>9.8676125729551458</v>
      </c>
      <c r="M3914" s="58">
        <f>Bühler!M3940</f>
        <v>0</v>
      </c>
      <c r="N3914" s="56">
        <f>IF(Input!$D$19=1,J3914*Input!$C$19,0)+IF(Input!$D$20=1,K3914*Input!$C$20,0)+IF(Input!$D$21=1,L3914*Input!$C$21,0)+IF(Input!$D$22=1,M3914*Input!$C$22,0)</f>
        <v>0.41115052387313117</v>
      </c>
      <c r="O3914" s="59">
        <f>IF(Input!$D$19=2,J3914*Input!$C$19,0)+IF(Input!$D$20=2,K3914*Input!$C$20,0)+IF(Input!$D$21=2,L3914*Input!$C$21,0)+IF(Input!$D$22=2,M3914*Input!$C$22,0)</f>
        <v>1.0278763096828278</v>
      </c>
      <c r="P3914" s="59">
        <f>IF(Input!$D$19=3,J3914*Input!$C$19,0)+IF(Input!$D$20=3,K3914*Input!$C$20,0)+IF(Input!$D$21=3,L3914*Input!$C$21,0)+IF(Input!$D$22=3,M3914*Input!$C$22,0)</f>
        <v>0</v>
      </c>
      <c r="Q3914" s="75">
        <f>IF(Input!$D$19=4,J3914*Input!$C$19,0)+IF(Input!$D$20=4,K3914*Input!$C$20,0)+IF(Input!$D$21=4,L3914*Input!$C$21,0)+IF(Input!$D$22=4,M3914*Input!$C$22,0)</f>
        <v>0</v>
      </c>
      <c r="R3914" s="58">
        <v>66.637142821596925</v>
      </c>
      <c r="S3914" s="124">
        <f t="shared" si="61"/>
        <v>1.7816522701169015</v>
      </c>
    </row>
    <row r="3915" spans="8:19" x14ac:dyDescent="0.3">
      <c r="H3915" s="44">
        <v>3908</v>
      </c>
      <c r="I3915" s="56">
        <f>Bühler!I3941</f>
        <v>0.34433856374374733</v>
      </c>
      <c r="J3915" s="59">
        <f>Bühler!J3941</f>
        <v>1.1477952124791579</v>
      </c>
      <c r="K3915" s="59">
        <f>Bühler!K3941</f>
        <v>1.7216928187187366</v>
      </c>
      <c r="L3915" s="59">
        <f>Bühler!L3941</f>
        <v>8.2641255298499363</v>
      </c>
      <c r="M3915" s="58">
        <f>Bühler!M3941</f>
        <v>0</v>
      </c>
      <c r="N3915" s="56">
        <f>IF(Input!$D$19=1,J3915*Input!$C$19,0)+IF(Input!$D$20=1,K3915*Input!$C$20,0)+IF(Input!$D$21=1,L3915*Input!$C$21,0)+IF(Input!$D$22=1,M3915*Input!$C$22,0)</f>
        <v>0.34433856374374738</v>
      </c>
      <c r="O3915" s="59">
        <f>IF(Input!$D$19=2,J3915*Input!$C$19,0)+IF(Input!$D$20=2,K3915*Input!$C$20,0)+IF(Input!$D$21=2,L3915*Input!$C$21,0)+IF(Input!$D$22=2,M3915*Input!$C$22,0)</f>
        <v>0.86084640935936829</v>
      </c>
      <c r="P3915" s="59">
        <f>IF(Input!$D$19=3,J3915*Input!$C$19,0)+IF(Input!$D$20=3,K3915*Input!$C$20,0)+IF(Input!$D$21=3,L3915*Input!$C$21,0)+IF(Input!$D$22=3,M3915*Input!$C$22,0)</f>
        <v>0</v>
      </c>
      <c r="Q3915" s="75">
        <f>IF(Input!$D$19=4,J3915*Input!$C$19,0)+IF(Input!$D$20=4,K3915*Input!$C$20,0)+IF(Input!$D$21=4,L3915*Input!$C$21,0)+IF(Input!$D$22=4,M3915*Input!$C$22,0)</f>
        <v>0</v>
      </c>
      <c r="R3915" s="58">
        <v>64.067806413076994</v>
      </c>
      <c r="S3915" s="124">
        <f t="shared" si="61"/>
        <v>1.4921337762229052</v>
      </c>
    </row>
    <row r="3916" spans="8:19" x14ac:dyDescent="0.3">
      <c r="H3916" s="44">
        <v>3909</v>
      </c>
      <c r="I3916" s="56">
        <f>Bühler!I3942</f>
        <v>0.28266598516277763</v>
      </c>
      <c r="J3916" s="59">
        <f>Bühler!J3942</f>
        <v>0.94221995054259211</v>
      </c>
      <c r="K3916" s="59">
        <f>Bühler!K3942</f>
        <v>1.4133299258138881</v>
      </c>
      <c r="L3916" s="59">
        <f>Bühler!L3942</f>
        <v>6.7839836439066623</v>
      </c>
      <c r="M3916" s="58">
        <f>Bühler!M3942</f>
        <v>0</v>
      </c>
      <c r="N3916" s="56">
        <f>IF(Input!$D$19=1,J3916*Input!$C$19,0)+IF(Input!$D$20=1,K3916*Input!$C$20,0)+IF(Input!$D$21=1,L3916*Input!$C$21,0)+IF(Input!$D$22=1,M3916*Input!$C$22,0)</f>
        <v>0.28266598516277763</v>
      </c>
      <c r="O3916" s="59">
        <f>IF(Input!$D$19=2,J3916*Input!$C$19,0)+IF(Input!$D$20=2,K3916*Input!$C$20,0)+IF(Input!$D$21=2,L3916*Input!$C$21,0)+IF(Input!$D$22=2,M3916*Input!$C$22,0)</f>
        <v>0.70666496290694403</v>
      </c>
      <c r="P3916" s="59">
        <f>IF(Input!$D$19=3,J3916*Input!$C$19,0)+IF(Input!$D$20=3,K3916*Input!$C$20,0)+IF(Input!$D$21=3,L3916*Input!$C$21,0)+IF(Input!$D$22=3,M3916*Input!$C$22,0)</f>
        <v>0</v>
      </c>
      <c r="Q3916" s="75">
        <f>IF(Input!$D$19=4,J3916*Input!$C$19,0)+IF(Input!$D$20=4,K3916*Input!$C$20,0)+IF(Input!$D$21=4,L3916*Input!$C$21,0)+IF(Input!$D$22=4,M3916*Input!$C$22,0)</f>
        <v>0</v>
      </c>
      <c r="R3916" s="58">
        <v>61.275927650856858</v>
      </c>
      <c r="S3916" s="124">
        <f t="shared" si="61"/>
        <v>1.2248859357053696</v>
      </c>
    </row>
    <row r="3917" spans="8:19" x14ac:dyDescent="0.3">
      <c r="H3917" s="44">
        <v>3910</v>
      </c>
      <c r="I3917" s="56">
        <f>Bühler!I3943</f>
        <v>0.20557526193656556</v>
      </c>
      <c r="J3917" s="59">
        <f>Bühler!J3943</f>
        <v>0.68525087312188526</v>
      </c>
      <c r="K3917" s="59">
        <f>Bühler!K3943</f>
        <v>1.0278763096828278</v>
      </c>
      <c r="L3917" s="59">
        <f>Bühler!L3943</f>
        <v>4.9338062864775729</v>
      </c>
      <c r="M3917" s="58">
        <f>Bühler!M3943</f>
        <v>0</v>
      </c>
      <c r="N3917" s="56">
        <f>IF(Input!$D$19=1,J3917*Input!$C$19,0)+IF(Input!$D$20=1,K3917*Input!$C$20,0)+IF(Input!$D$21=1,L3917*Input!$C$21,0)+IF(Input!$D$22=1,M3917*Input!$C$22,0)</f>
        <v>0.20557526193656558</v>
      </c>
      <c r="O3917" s="59">
        <f>IF(Input!$D$19=2,J3917*Input!$C$19,0)+IF(Input!$D$20=2,K3917*Input!$C$20,0)+IF(Input!$D$21=2,L3917*Input!$C$21,0)+IF(Input!$D$22=2,M3917*Input!$C$22,0)</f>
        <v>0.51393815484141392</v>
      </c>
      <c r="P3917" s="59">
        <f>IF(Input!$D$19=3,J3917*Input!$C$19,0)+IF(Input!$D$20=3,K3917*Input!$C$20,0)+IF(Input!$D$21=3,L3917*Input!$C$21,0)+IF(Input!$D$22=3,M3917*Input!$C$22,0)</f>
        <v>0</v>
      </c>
      <c r="Q3917" s="75">
        <f>IF(Input!$D$19=4,J3917*Input!$C$19,0)+IF(Input!$D$20=4,K3917*Input!$C$20,0)+IF(Input!$D$21=4,L3917*Input!$C$21,0)+IF(Input!$D$22=4,M3917*Input!$C$22,0)</f>
        <v>0</v>
      </c>
      <c r="R3917" s="58">
        <v>59.480468195790841</v>
      </c>
      <c r="S3917" s="124">
        <f t="shared" si="61"/>
        <v>0.89082613505845076</v>
      </c>
    </row>
    <row r="3918" spans="8:19" x14ac:dyDescent="0.3">
      <c r="H3918" s="44">
        <v>3911</v>
      </c>
      <c r="I3918" s="56">
        <f>Bühler!I3944</f>
        <v>0.20557526193656556</v>
      </c>
      <c r="J3918" s="59">
        <f>Bühler!J3944</f>
        <v>0.68525087312188526</v>
      </c>
      <c r="K3918" s="59">
        <f>Bühler!K3944</f>
        <v>1.0278763096828278</v>
      </c>
      <c r="L3918" s="59">
        <f>Bühler!L3944</f>
        <v>4.9338062864775729</v>
      </c>
      <c r="M3918" s="58">
        <f>Bühler!M3944</f>
        <v>0</v>
      </c>
      <c r="N3918" s="56">
        <f>IF(Input!$D$19=1,J3918*Input!$C$19,0)+IF(Input!$D$20=1,K3918*Input!$C$20,0)+IF(Input!$D$21=1,L3918*Input!$C$21,0)+IF(Input!$D$22=1,M3918*Input!$C$22,0)</f>
        <v>0.20557526193656558</v>
      </c>
      <c r="O3918" s="59">
        <f>IF(Input!$D$19=2,J3918*Input!$C$19,0)+IF(Input!$D$20=2,K3918*Input!$C$20,0)+IF(Input!$D$21=2,L3918*Input!$C$21,0)+IF(Input!$D$22=2,M3918*Input!$C$22,0)</f>
        <v>0.51393815484141392</v>
      </c>
      <c r="P3918" s="59">
        <f>IF(Input!$D$19=3,J3918*Input!$C$19,0)+IF(Input!$D$20=3,K3918*Input!$C$20,0)+IF(Input!$D$21=3,L3918*Input!$C$21,0)+IF(Input!$D$22=3,M3918*Input!$C$22,0)</f>
        <v>0</v>
      </c>
      <c r="Q3918" s="75">
        <f>IF(Input!$D$19=4,J3918*Input!$C$19,0)+IF(Input!$D$20=4,K3918*Input!$C$20,0)+IF(Input!$D$21=4,L3918*Input!$C$21,0)+IF(Input!$D$22=4,M3918*Input!$C$22,0)</f>
        <v>0</v>
      </c>
      <c r="R3918" s="58">
        <v>59.200218998450474</v>
      </c>
      <c r="S3918" s="124">
        <f t="shared" si="61"/>
        <v>0.89082613505845076</v>
      </c>
    </row>
    <row r="3919" spans="8:19" x14ac:dyDescent="0.3">
      <c r="H3919" s="44">
        <v>3912</v>
      </c>
      <c r="I3919" s="56">
        <f>Bühler!I3945</f>
        <v>0.20557526193656556</v>
      </c>
      <c r="J3919" s="59">
        <f>Bühler!J3945</f>
        <v>0.68525087312188526</v>
      </c>
      <c r="K3919" s="59">
        <f>Bühler!K3945</f>
        <v>1.0278763096828278</v>
      </c>
      <c r="L3919" s="59">
        <f>Bühler!L3945</f>
        <v>4.9338062864775729</v>
      </c>
      <c r="M3919" s="58">
        <f>Bühler!M3945</f>
        <v>0</v>
      </c>
      <c r="N3919" s="56">
        <f>IF(Input!$D$19=1,J3919*Input!$C$19,0)+IF(Input!$D$20=1,K3919*Input!$C$20,0)+IF(Input!$D$21=1,L3919*Input!$C$21,0)+IF(Input!$D$22=1,M3919*Input!$C$22,0)</f>
        <v>0.20557526193656558</v>
      </c>
      <c r="O3919" s="59">
        <f>IF(Input!$D$19=2,J3919*Input!$C$19,0)+IF(Input!$D$20=2,K3919*Input!$C$20,0)+IF(Input!$D$21=2,L3919*Input!$C$21,0)+IF(Input!$D$22=2,M3919*Input!$C$22,0)</f>
        <v>0.51393815484141392</v>
      </c>
      <c r="P3919" s="59">
        <f>IF(Input!$D$19=3,J3919*Input!$C$19,0)+IF(Input!$D$20=3,K3919*Input!$C$20,0)+IF(Input!$D$21=3,L3919*Input!$C$21,0)+IF(Input!$D$22=3,M3919*Input!$C$22,0)</f>
        <v>0</v>
      </c>
      <c r="Q3919" s="75">
        <f>IF(Input!$D$19=4,J3919*Input!$C$19,0)+IF(Input!$D$20=4,K3919*Input!$C$20,0)+IF(Input!$D$21=4,L3919*Input!$C$21,0)+IF(Input!$D$22=4,M3919*Input!$C$22,0)</f>
        <v>0</v>
      </c>
      <c r="R3919" s="58">
        <v>59.257567871697674</v>
      </c>
      <c r="S3919" s="124">
        <f t="shared" si="61"/>
        <v>0.89082613505845076</v>
      </c>
    </row>
    <row r="3920" spans="8:19" x14ac:dyDescent="0.3">
      <c r="H3920" s="44">
        <v>3913</v>
      </c>
      <c r="I3920" s="56">
        <f>Bühler!I3946</f>
        <v>0.1821021013031725</v>
      </c>
      <c r="J3920" s="59">
        <f>Bühler!J3946</f>
        <v>0.60700700434390842</v>
      </c>
      <c r="K3920" s="59">
        <f>Bühler!K3946</f>
        <v>0.91051050651586252</v>
      </c>
      <c r="L3920" s="59">
        <f>Bühler!L3946</f>
        <v>4.3704504312761401</v>
      </c>
      <c r="M3920" s="58">
        <f>Bühler!M3946</f>
        <v>0</v>
      </c>
      <c r="N3920" s="56">
        <f>IF(Input!$D$19=1,J3920*Input!$C$19,0)+IF(Input!$D$20=1,K3920*Input!$C$20,0)+IF(Input!$D$21=1,L3920*Input!$C$21,0)+IF(Input!$D$22=1,M3920*Input!$C$22,0)</f>
        <v>0.18210210130317253</v>
      </c>
      <c r="O3920" s="59">
        <f>IF(Input!$D$19=2,J3920*Input!$C$19,0)+IF(Input!$D$20=2,K3920*Input!$C$20,0)+IF(Input!$D$21=2,L3920*Input!$C$21,0)+IF(Input!$D$22=2,M3920*Input!$C$22,0)</f>
        <v>0.45525525325793126</v>
      </c>
      <c r="P3920" s="59">
        <f>IF(Input!$D$19=3,J3920*Input!$C$19,0)+IF(Input!$D$20=3,K3920*Input!$C$20,0)+IF(Input!$D$21=3,L3920*Input!$C$21,0)+IF(Input!$D$22=3,M3920*Input!$C$22,0)</f>
        <v>0</v>
      </c>
      <c r="Q3920" s="75">
        <f>IF(Input!$D$19=4,J3920*Input!$C$19,0)+IF(Input!$D$20=4,K3920*Input!$C$20,0)+IF(Input!$D$21=4,L3920*Input!$C$21,0)+IF(Input!$D$22=4,M3920*Input!$C$22,0)</f>
        <v>0</v>
      </c>
      <c r="R3920" s="58">
        <v>58.21988062514999</v>
      </c>
      <c r="S3920" s="124">
        <f t="shared" si="61"/>
        <v>0.78910910564708092</v>
      </c>
    </row>
    <row r="3921" spans="8:19" x14ac:dyDescent="0.3">
      <c r="H3921" s="44">
        <v>3914</v>
      </c>
      <c r="I3921" s="56">
        <f>Bühler!I3947</f>
        <v>0.20486486396606904</v>
      </c>
      <c r="J3921" s="59">
        <f>Bühler!J3947</f>
        <v>0.68288287988689689</v>
      </c>
      <c r="K3921" s="59">
        <f>Bühler!K3947</f>
        <v>1.0243243198303451</v>
      </c>
      <c r="L3921" s="59">
        <f>Bühler!L3947</f>
        <v>4.9167567351856567</v>
      </c>
      <c r="M3921" s="58">
        <f>Bühler!M3947</f>
        <v>0</v>
      </c>
      <c r="N3921" s="56">
        <f>IF(Input!$D$19=1,J3921*Input!$C$19,0)+IF(Input!$D$20=1,K3921*Input!$C$20,0)+IF(Input!$D$21=1,L3921*Input!$C$21,0)+IF(Input!$D$22=1,M3921*Input!$C$22,0)</f>
        <v>0.20486486396606907</v>
      </c>
      <c r="O3921" s="59">
        <f>IF(Input!$D$19=2,J3921*Input!$C$19,0)+IF(Input!$D$20=2,K3921*Input!$C$20,0)+IF(Input!$D$21=2,L3921*Input!$C$21,0)+IF(Input!$D$22=2,M3921*Input!$C$22,0)</f>
        <v>0.51216215991517255</v>
      </c>
      <c r="P3921" s="59">
        <f>IF(Input!$D$19=3,J3921*Input!$C$19,0)+IF(Input!$D$20=3,K3921*Input!$C$20,0)+IF(Input!$D$21=3,L3921*Input!$C$21,0)+IF(Input!$D$22=3,M3921*Input!$C$22,0)</f>
        <v>0</v>
      </c>
      <c r="Q3921" s="75">
        <f>IF(Input!$D$19=4,J3921*Input!$C$19,0)+IF(Input!$D$20=4,K3921*Input!$C$20,0)+IF(Input!$D$21=4,L3921*Input!$C$21,0)+IF(Input!$D$22=4,M3921*Input!$C$22,0)</f>
        <v>0</v>
      </c>
      <c r="R3921" s="58">
        <v>57.962714173111181</v>
      </c>
      <c r="S3921" s="124">
        <f t="shared" si="61"/>
        <v>0.88774774385296595</v>
      </c>
    </row>
    <row r="3922" spans="8:19" x14ac:dyDescent="0.3">
      <c r="H3922" s="44">
        <v>3915</v>
      </c>
      <c r="I3922" s="56">
        <f>Bühler!I3948</f>
        <v>0.20486486396606904</v>
      </c>
      <c r="J3922" s="59">
        <f>Bühler!J3948</f>
        <v>0.68288287988689689</v>
      </c>
      <c r="K3922" s="59">
        <f>Bühler!K3948</f>
        <v>1.0243243198303451</v>
      </c>
      <c r="L3922" s="59">
        <f>Bühler!L3948</f>
        <v>4.9167567351856567</v>
      </c>
      <c r="M3922" s="58">
        <f>Bühler!M3948</f>
        <v>0</v>
      </c>
      <c r="N3922" s="56">
        <f>IF(Input!$D$19=1,J3922*Input!$C$19,0)+IF(Input!$D$20=1,K3922*Input!$C$20,0)+IF(Input!$D$21=1,L3922*Input!$C$21,0)+IF(Input!$D$22=1,M3922*Input!$C$22,0)</f>
        <v>0.20486486396606907</v>
      </c>
      <c r="O3922" s="59">
        <f>IF(Input!$D$19=2,J3922*Input!$C$19,0)+IF(Input!$D$20=2,K3922*Input!$C$20,0)+IF(Input!$D$21=2,L3922*Input!$C$21,0)+IF(Input!$D$22=2,M3922*Input!$C$22,0)</f>
        <v>0.51216215991517255</v>
      </c>
      <c r="P3922" s="59">
        <f>IF(Input!$D$19=3,J3922*Input!$C$19,0)+IF(Input!$D$20=3,K3922*Input!$C$20,0)+IF(Input!$D$21=3,L3922*Input!$C$21,0)+IF(Input!$D$22=3,M3922*Input!$C$22,0)</f>
        <v>0</v>
      </c>
      <c r="Q3922" s="75">
        <f>IF(Input!$D$19=4,J3922*Input!$C$19,0)+IF(Input!$D$20=4,K3922*Input!$C$20,0)+IF(Input!$D$21=4,L3922*Input!$C$21,0)+IF(Input!$D$22=4,M3922*Input!$C$22,0)</f>
        <v>0</v>
      </c>
      <c r="R3922" s="58">
        <v>58.404863036868385</v>
      </c>
      <c r="S3922" s="124">
        <f t="shared" si="61"/>
        <v>0.88774774385296595</v>
      </c>
    </row>
    <row r="3923" spans="8:19" x14ac:dyDescent="0.3">
      <c r="H3923" s="44">
        <v>3916</v>
      </c>
      <c r="I3923" s="56">
        <f>Bühler!I3949</f>
        <v>0.20486486396606904</v>
      </c>
      <c r="J3923" s="59">
        <f>Bühler!J3949</f>
        <v>0.68288287988689689</v>
      </c>
      <c r="K3923" s="59">
        <f>Bühler!K3949</f>
        <v>1.0243243198303451</v>
      </c>
      <c r="L3923" s="59">
        <f>Bühler!L3949</f>
        <v>4.9167567351856567</v>
      </c>
      <c r="M3923" s="58">
        <f>Bühler!M3949</f>
        <v>0</v>
      </c>
      <c r="N3923" s="56">
        <f>IF(Input!$D$19=1,J3923*Input!$C$19,0)+IF(Input!$D$20=1,K3923*Input!$C$20,0)+IF(Input!$D$21=1,L3923*Input!$C$21,0)+IF(Input!$D$22=1,M3923*Input!$C$22,0)</f>
        <v>0.20486486396606907</v>
      </c>
      <c r="O3923" s="59">
        <f>IF(Input!$D$19=2,J3923*Input!$C$19,0)+IF(Input!$D$20=2,K3923*Input!$C$20,0)+IF(Input!$D$21=2,L3923*Input!$C$21,0)+IF(Input!$D$22=2,M3923*Input!$C$22,0)</f>
        <v>0.51216215991517255</v>
      </c>
      <c r="P3923" s="59">
        <f>IF(Input!$D$19=3,J3923*Input!$C$19,0)+IF(Input!$D$20=3,K3923*Input!$C$20,0)+IF(Input!$D$21=3,L3923*Input!$C$21,0)+IF(Input!$D$22=3,M3923*Input!$C$22,0)</f>
        <v>0</v>
      </c>
      <c r="Q3923" s="75">
        <f>IF(Input!$D$19=4,J3923*Input!$C$19,0)+IF(Input!$D$20=4,K3923*Input!$C$20,0)+IF(Input!$D$21=4,L3923*Input!$C$21,0)+IF(Input!$D$22=4,M3923*Input!$C$22,0)</f>
        <v>0</v>
      </c>
      <c r="R3923" s="58">
        <v>58.373391043284826</v>
      </c>
      <c r="S3923" s="124">
        <f t="shared" si="61"/>
        <v>0.88774774385296595</v>
      </c>
    </row>
    <row r="3924" spans="8:19" x14ac:dyDescent="0.3">
      <c r="H3924" s="44">
        <v>3917</v>
      </c>
      <c r="I3924" s="56">
        <f>Bühler!I3950</f>
        <v>0.20486486396606904</v>
      </c>
      <c r="J3924" s="59">
        <f>Bühler!J3950</f>
        <v>0.68288287988689689</v>
      </c>
      <c r="K3924" s="59">
        <f>Bühler!K3950</f>
        <v>1.0243243198303451</v>
      </c>
      <c r="L3924" s="59">
        <f>Bühler!L3950</f>
        <v>4.9167567351856567</v>
      </c>
      <c r="M3924" s="58">
        <f>Bühler!M3950</f>
        <v>0</v>
      </c>
      <c r="N3924" s="56">
        <f>IF(Input!$D$19=1,J3924*Input!$C$19,0)+IF(Input!$D$20=1,K3924*Input!$C$20,0)+IF(Input!$D$21=1,L3924*Input!$C$21,0)+IF(Input!$D$22=1,M3924*Input!$C$22,0)</f>
        <v>0.20486486396606907</v>
      </c>
      <c r="O3924" s="59">
        <f>IF(Input!$D$19=2,J3924*Input!$C$19,0)+IF(Input!$D$20=2,K3924*Input!$C$20,0)+IF(Input!$D$21=2,L3924*Input!$C$21,0)+IF(Input!$D$22=2,M3924*Input!$C$22,0)</f>
        <v>0.51216215991517255</v>
      </c>
      <c r="P3924" s="59">
        <f>IF(Input!$D$19=3,J3924*Input!$C$19,0)+IF(Input!$D$20=3,K3924*Input!$C$20,0)+IF(Input!$D$21=3,L3924*Input!$C$21,0)+IF(Input!$D$22=3,M3924*Input!$C$22,0)</f>
        <v>0</v>
      </c>
      <c r="Q3924" s="75">
        <f>IF(Input!$D$19=4,J3924*Input!$C$19,0)+IF(Input!$D$20=4,K3924*Input!$C$20,0)+IF(Input!$D$21=4,L3924*Input!$C$21,0)+IF(Input!$D$22=4,M3924*Input!$C$22,0)</f>
        <v>0</v>
      </c>
      <c r="R3924" s="58">
        <v>59.160487403415104</v>
      </c>
      <c r="S3924" s="124">
        <f t="shared" si="61"/>
        <v>0.88774774385296595</v>
      </c>
    </row>
    <row r="3925" spans="8:19" x14ac:dyDescent="0.3">
      <c r="H3925" s="44">
        <v>3918</v>
      </c>
      <c r="I3925" s="56">
        <f>Bühler!I3951</f>
        <v>0.2640480468896001</v>
      </c>
      <c r="J3925" s="59">
        <f>Bühler!J3951</f>
        <v>0.88016015629866706</v>
      </c>
      <c r="K3925" s="59">
        <f>Bühler!K3951</f>
        <v>1.3202402344480004</v>
      </c>
      <c r="L3925" s="59">
        <f>Bühler!L3951</f>
        <v>6.3371531253504028</v>
      </c>
      <c r="M3925" s="58">
        <f>Bühler!M3951</f>
        <v>0</v>
      </c>
      <c r="N3925" s="56">
        <f>IF(Input!$D$19=1,J3925*Input!$C$19,0)+IF(Input!$D$20=1,K3925*Input!$C$20,0)+IF(Input!$D$21=1,L3925*Input!$C$21,0)+IF(Input!$D$22=1,M3925*Input!$C$22,0)</f>
        <v>0.2640480468896001</v>
      </c>
      <c r="O3925" s="59">
        <f>IF(Input!$D$19=2,J3925*Input!$C$19,0)+IF(Input!$D$20=2,K3925*Input!$C$20,0)+IF(Input!$D$21=2,L3925*Input!$C$21,0)+IF(Input!$D$22=2,M3925*Input!$C$22,0)</f>
        <v>0.66012011722400021</v>
      </c>
      <c r="P3925" s="59">
        <f>IF(Input!$D$19=3,J3925*Input!$C$19,0)+IF(Input!$D$20=3,K3925*Input!$C$20,0)+IF(Input!$D$21=3,L3925*Input!$C$21,0)+IF(Input!$D$22=3,M3925*Input!$C$22,0)</f>
        <v>0</v>
      </c>
      <c r="Q3925" s="75">
        <f>IF(Input!$D$19=4,J3925*Input!$C$19,0)+IF(Input!$D$20=4,K3925*Input!$C$20,0)+IF(Input!$D$21=4,L3925*Input!$C$21,0)+IF(Input!$D$22=4,M3925*Input!$C$22,0)</f>
        <v>0</v>
      </c>
      <c r="R3925" s="58">
        <v>61.558904021246434</v>
      </c>
      <c r="S3925" s="124">
        <f t="shared" si="61"/>
        <v>1.1442082031882672</v>
      </c>
    </row>
    <row r="3926" spans="8:19" x14ac:dyDescent="0.3">
      <c r="H3926" s="44">
        <v>3919</v>
      </c>
      <c r="I3926" s="56">
        <f>Bühler!I3952</f>
        <v>0.30502101968281392</v>
      </c>
      <c r="J3926" s="59">
        <f>Bühler!J3952</f>
        <v>1.0167367322760466</v>
      </c>
      <c r="K3926" s="59">
        <f>Bühler!K3952</f>
        <v>1.5251050984140695</v>
      </c>
      <c r="L3926" s="59">
        <f>Bühler!L3952</f>
        <v>7.3205044723875341</v>
      </c>
      <c r="M3926" s="58">
        <f>Bühler!M3952</f>
        <v>0</v>
      </c>
      <c r="N3926" s="56">
        <f>IF(Input!$D$19=1,J3926*Input!$C$19,0)+IF(Input!$D$20=1,K3926*Input!$C$20,0)+IF(Input!$D$21=1,L3926*Input!$C$21,0)+IF(Input!$D$22=1,M3926*Input!$C$22,0)</f>
        <v>0.30502101968281398</v>
      </c>
      <c r="O3926" s="59">
        <f>IF(Input!$D$19=2,J3926*Input!$C$19,0)+IF(Input!$D$20=2,K3926*Input!$C$20,0)+IF(Input!$D$21=2,L3926*Input!$C$21,0)+IF(Input!$D$22=2,M3926*Input!$C$22,0)</f>
        <v>0.76255254920703475</v>
      </c>
      <c r="P3926" s="59">
        <f>IF(Input!$D$19=3,J3926*Input!$C$19,0)+IF(Input!$D$20=3,K3926*Input!$C$20,0)+IF(Input!$D$21=3,L3926*Input!$C$21,0)+IF(Input!$D$22=3,M3926*Input!$C$22,0)</f>
        <v>0</v>
      </c>
      <c r="Q3926" s="75">
        <f>IF(Input!$D$19=4,J3926*Input!$C$19,0)+IF(Input!$D$20=4,K3926*Input!$C$20,0)+IF(Input!$D$21=4,L3926*Input!$C$21,0)+IF(Input!$D$22=4,M3926*Input!$C$22,0)</f>
        <v>0</v>
      </c>
      <c r="R3926" s="58">
        <v>63.8098162231299</v>
      </c>
      <c r="S3926" s="124">
        <f t="shared" si="61"/>
        <v>1.3217577519588604</v>
      </c>
    </row>
    <row r="3927" spans="8:19" x14ac:dyDescent="0.3">
      <c r="H3927" s="44">
        <v>3920</v>
      </c>
      <c r="I3927" s="56">
        <f>Bühler!I3953</f>
        <v>0.30502101968281392</v>
      </c>
      <c r="J3927" s="59">
        <f>Bühler!J3953</f>
        <v>1.0167367322760466</v>
      </c>
      <c r="K3927" s="59">
        <f>Bühler!K3953</f>
        <v>1.5251050984140695</v>
      </c>
      <c r="L3927" s="59">
        <f>Bühler!L3953</f>
        <v>7.3205044723875341</v>
      </c>
      <c r="M3927" s="58">
        <f>Bühler!M3953</f>
        <v>0</v>
      </c>
      <c r="N3927" s="56">
        <f>IF(Input!$D$19=1,J3927*Input!$C$19,0)+IF(Input!$D$20=1,K3927*Input!$C$20,0)+IF(Input!$D$21=1,L3927*Input!$C$21,0)+IF(Input!$D$22=1,M3927*Input!$C$22,0)</f>
        <v>0.30502101968281398</v>
      </c>
      <c r="O3927" s="59">
        <f>IF(Input!$D$19=2,J3927*Input!$C$19,0)+IF(Input!$D$20=2,K3927*Input!$C$20,0)+IF(Input!$D$21=2,L3927*Input!$C$21,0)+IF(Input!$D$22=2,M3927*Input!$C$22,0)</f>
        <v>0.76255254920703475</v>
      </c>
      <c r="P3927" s="59">
        <f>IF(Input!$D$19=3,J3927*Input!$C$19,0)+IF(Input!$D$20=3,K3927*Input!$C$20,0)+IF(Input!$D$21=3,L3927*Input!$C$21,0)+IF(Input!$D$22=3,M3927*Input!$C$22,0)</f>
        <v>0</v>
      </c>
      <c r="Q3927" s="75">
        <f>IF(Input!$D$19=4,J3927*Input!$C$19,0)+IF(Input!$D$20=4,K3927*Input!$C$20,0)+IF(Input!$D$21=4,L3927*Input!$C$21,0)+IF(Input!$D$22=4,M3927*Input!$C$22,0)</f>
        <v>0</v>
      </c>
      <c r="R3927" s="58">
        <v>65.69080959579999</v>
      </c>
      <c r="S3927" s="124">
        <f t="shared" si="61"/>
        <v>1.3217577519588604</v>
      </c>
    </row>
    <row r="3928" spans="8:19" x14ac:dyDescent="0.3">
      <c r="H3928" s="44">
        <v>3921</v>
      </c>
      <c r="I3928" s="56">
        <f>Bühler!I3954</f>
        <v>0.30502101968281392</v>
      </c>
      <c r="J3928" s="59">
        <f>Bühler!J3954</f>
        <v>1.0167367322760466</v>
      </c>
      <c r="K3928" s="59">
        <f>Bühler!K3954</f>
        <v>1.5251050984140695</v>
      </c>
      <c r="L3928" s="59">
        <f>Bühler!L3954</f>
        <v>7.3205044723875341</v>
      </c>
      <c r="M3928" s="58">
        <f>Bühler!M3954</f>
        <v>0</v>
      </c>
      <c r="N3928" s="56">
        <f>IF(Input!$D$19=1,J3928*Input!$C$19,0)+IF(Input!$D$20=1,K3928*Input!$C$20,0)+IF(Input!$D$21=1,L3928*Input!$C$21,0)+IF(Input!$D$22=1,M3928*Input!$C$22,0)</f>
        <v>0.30502101968281398</v>
      </c>
      <c r="O3928" s="59">
        <f>IF(Input!$D$19=2,J3928*Input!$C$19,0)+IF(Input!$D$20=2,K3928*Input!$C$20,0)+IF(Input!$D$21=2,L3928*Input!$C$21,0)+IF(Input!$D$22=2,M3928*Input!$C$22,0)</f>
        <v>0.76255254920703475</v>
      </c>
      <c r="P3928" s="59">
        <f>IF(Input!$D$19=3,J3928*Input!$C$19,0)+IF(Input!$D$20=3,K3928*Input!$C$20,0)+IF(Input!$D$21=3,L3928*Input!$C$21,0)+IF(Input!$D$22=3,M3928*Input!$C$22,0)</f>
        <v>0</v>
      </c>
      <c r="Q3928" s="75">
        <f>IF(Input!$D$19=4,J3928*Input!$C$19,0)+IF(Input!$D$20=4,K3928*Input!$C$20,0)+IF(Input!$D$21=4,L3928*Input!$C$21,0)+IF(Input!$D$22=4,M3928*Input!$C$22,0)</f>
        <v>0</v>
      </c>
      <c r="R3928" s="58">
        <v>66.63578243211218</v>
      </c>
      <c r="S3928" s="124">
        <f t="shared" si="61"/>
        <v>1.3217577519588604</v>
      </c>
    </row>
    <row r="3929" spans="8:19" x14ac:dyDescent="0.3">
      <c r="H3929" s="44">
        <v>3922</v>
      </c>
      <c r="I3929" s="56">
        <f>Bühler!I3955</f>
        <v>0.32778378234571043</v>
      </c>
      <c r="J3929" s="59">
        <f>Bühler!J3955</f>
        <v>1.0926126078190348</v>
      </c>
      <c r="K3929" s="59">
        <f>Bühler!K3955</f>
        <v>1.6389189117285523</v>
      </c>
      <c r="L3929" s="59">
        <f>Bühler!L3955</f>
        <v>7.8668107762970507</v>
      </c>
      <c r="M3929" s="58">
        <f>Bühler!M3955</f>
        <v>0</v>
      </c>
      <c r="N3929" s="56">
        <f>IF(Input!$D$19=1,J3929*Input!$C$19,0)+IF(Input!$D$20=1,K3929*Input!$C$20,0)+IF(Input!$D$21=1,L3929*Input!$C$21,0)+IF(Input!$D$22=1,M3929*Input!$C$22,0)</f>
        <v>0.32778378234571043</v>
      </c>
      <c r="O3929" s="59">
        <f>IF(Input!$D$19=2,J3929*Input!$C$19,0)+IF(Input!$D$20=2,K3929*Input!$C$20,0)+IF(Input!$D$21=2,L3929*Input!$C$21,0)+IF(Input!$D$22=2,M3929*Input!$C$22,0)</f>
        <v>0.81945945586427615</v>
      </c>
      <c r="P3929" s="59">
        <f>IF(Input!$D$19=3,J3929*Input!$C$19,0)+IF(Input!$D$20=3,K3929*Input!$C$20,0)+IF(Input!$D$21=3,L3929*Input!$C$21,0)+IF(Input!$D$22=3,M3929*Input!$C$22,0)</f>
        <v>0</v>
      </c>
      <c r="Q3929" s="75">
        <f>IF(Input!$D$19=4,J3929*Input!$C$19,0)+IF(Input!$D$20=4,K3929*Input!$C$20,0)+IF(Input!$D$21=4,L3929*Input!$C$21,0)+IF(Input!$D$22=4,M3929*Input!$C$22,0)</f>
        <v>0</v>
      </c>
      <c r="R3929" s="58">
        <v>67.222043240662202</v>
      </c>
      <c r="S3929" s="124">
        <f t="shared" si="61"/>
        <v>1.4203963901647452</v>
      </c>
    </row>
    <row r="3930" spans="8:19" x14ac:dyDescent="0.3">
      <c r="H3930" s="44">
        <v>3923</v>
      </c>
      <c r="I3930" s="56">
        <f>Bühler!I3956</f>
        <v>0.35509909754118629</v>
      </c>
      <c r="J3930" s="59">
        <f>Bühler!J3956</f>
        <v>1.183663658470621</v>
      </c>
      <c r="K3930" s="59">
        <f>Bühler!K3956</f>
        <v>1.7754954877059317</v>
      </c>
      <c r="L3930" s="59">
        <f>Bühler!L3956</f>
        <v>8.522378340988471</v>
      </c>
      <c r="M3930" s="58">
        <f>Bühler!M3956</f>
        <v>0</v>
      </c>
      <c r="N3930" s="56">
        <f>IF(Input!$D$19=1,J3930*Input!$C$19,0)+IF(Input!$D$20=1,K3930*Input!$C$20,0)+IF(Input!$D$21=1,L3930*Input!$C$21,0)+IF(Input!$D$22=1,M3930*Input!$C$22,0)</f>
        <v>0.35509909754118629</v>
      </c>
      <c r="O3930" s="59">
        <f>IF(Input!$D$19=2,J3930*Input!$C$19,0)+IF(Input!$D$20=2,K3930*Input!$C$20,0)+IF(Input!$D$21=2,L3930*Input!$C$21,0)+IF(Input!$D$22=2,M3930*Input!$C$22,0)</f>
        <v>0.88774774385296584</v>
      </c>
      <c r="P3930" s="59">
        <f>IF(Input!$D$19=3,J3930*Input!$C$19,0)+IF(Input!$D$20=3,K3930*Input!$C$20,0)+IF(Input!$D$21=3,L3930*Input!$C$21,0)+IF(Input!$D$22=3,M3930*Input!$C$22,0)</f>
        <v>0</v>
      </c>
      <c r="Q3930" s="75">
        <f>IF(Input!$D$19=4,J3930*Input!$C$19,0)+IF(Input!$D$20=4,K3930*Input!$C$20,0)+IF(Input!$D$21=4,L3930*Input!$C$21,0)+IF(Input!$D$22=4,M3930*Input!$C$22,0)</f>
        <v>0</v>
      </c>
      <c r="R3930" s="58">
        <v>67.748704322623965</v>
      </c>
      <c r="S3930" s="124">
        <f t="shared" si="61"/>
        <v>1.5387627560118073</v>
      </c>
    </row>
    <row r="3931" spans="8:19" x14ac:dyDescent="0.3">
      <c r="H3931" s="44">
        <v>3924</v>
      </c>
      <c r="I3931" s="56">
        <f>Bühler!I3957</f>
        <v>0.40972972793213808</v>
      </c>
      <c r="J3931" s="59">
        <f>Bühler!J3957</f>
        <v>1.3657657597737938</v>
      </c>
      <c r="K3931" s="59">
        <f>Bühler!K3957</f>
        <v>2.0486486396606902</v>
      </c>
      <c r="L3931" s="59">
        <f>Bühler!L3957</f>
        <v>9.8335134703713134</v>
      </c>
      <c r="M3931" s="58">
        <f>Bühler!M3957</f>
        <v>0</v>
      </c>
      <c r="N3931" s="56">
        <f>IF(Input!$D$19=1,J3931*Input!$C$19,0)+IF(Input!$D$20=1,K3931*Input!$C$20,0)+IF(Input!$D$21=1,L3931*Input!$C$21,0)+IF(Input!$D$22=1,M3931*Input!$C$22,0)</f>
        <v>0.40972972793213813</v>
      </c>
      <c r="O3931" s="59">
        <f>IF(Input!$D$19=2,J3931*Input!$C$19,0)+IF(Input!$D$20=2,K3931*Input!$C$20,0)+IF(Input!$D$21=2,L3931*Input!$C$21,0)+IF(Input!$D$22=2,M3931*Input!$C$22,0)</f>
        <v>1.0243243198303451</v>
      </c>
      <c r="P3931" s="59">
        <f>IF(Input!$D$19=3,J3931*Input!$C$19,0)+IF(Input!$D$20=3,K3931*Input!$C$20,0)+IF(Input!$D$21=3,L3931*Input!$C$21,0)+IF(Input!$D$22=3,M3931*Input!$C$22,0)</f>
        <v>0</v>
      </c>
      <c r="Q3931" s="75">
        <f>IF(Input!$D$19=4,J3931*Input!$C$19,0)+IF(Input!$D$20=4,K3931*Input!$C$20,0)+IF(Input!$D$21=4,L3931*Input!$C$21,0)+IF(Input!$D$22=4,M3931*Input!$C$22,0)</f>
        <v>0</v>
      </c>
      <c r="R3931" s="58">
        <v>69.09824323070292</v>
      </c>
      <c r="S3931" s="124">
        <f t="shared" si="61"/>
        <v>1.7754954877059319</v>
      </c>
    </row>
    <row r="3932" spans="8:19" x14ac:dyDescent="0.3">
      <c r="H3932" s="44">
        <v>3925</v>
      </c>
      <c r="I3932" s="56">
        <f>Bühler!I3958</f>
        <v>0.40972972793213808</v>
      </c>
      <c r="J3932" s="59">
        <f>Bühler!J3958</f>
        <v>1.3657657597737938</v>
      </c>
      <c r="K3932" s="59">
        <f>Bühler!K3958</f>
        <v>2.0486486396606902</v>
      </c>
      <c r="L3932" s="59">
        <f>Bühler!L3958</f>
        <v>9.8335134703713134</v>
      </c>
      <c r="M3932" s="58">
        <f>Bühler!M3958</f>
        <v>0</v>
      </c>
      <c r="N3932" s="56">
        <f>IF(Input!$D$19=1,J3932*Input!$C$19,0)+IF(Input!$D$20=1,K3932*Input!$C$20,0)+IF(Input!$D$21=1,L3932*Input!$C$21,0)+IF(Input!$D$22=1,M3932*Input!$C$22,0)</f>
        <v>0.40972972793213813</v>
      </c>
      <c r="O3932" s="59">
        <f>IF(Input!$D$19=2,J3932*Input!$C$19,0)+IF(Input!$D$20=2,K3932*Input!$C$20,0)+IF(Input!$D$21=2,L3932*Input!$C$21,0)+IF(Input!$D$22=2,M3932*Input!$C$22,0)</f>
        <v>1.0243243198303451</v>
      </c>
      <c r="P3932" s="59">
        <f>IF(Input!$D$19=3,J3932*Input!$C$19,0)+IF(Input!$D$20=3,K3932*Input!$C$20,0)+IF(Input!$D$21=3,L3932*Input!$C$21,0)+IF(Input!$D$22=3,M3932*Input!$C$22,0)</f>
        <v>0</v>
      </c>
      <c r="Q3932" s="75">
        <f>IF(Input!$D$19=4,J3932*Input!$C$19,0)+IF(Input!$D$20=4,K3932*Input!$C$20,0)+IF(Input!$D$21=4,L3932*Input!$C$21,0)+IF(Input!$D$22=4,M3932*Input!$C$22,0)</f>
        <v>0</v>
      </c>
      <c r="R3932" s="58">
        <v>68.281648980439996</v>
      </c>
      <c r="S3932" s="124">
        <f t="shared" si="61"/>
        <v>1.7754954877059319</v>
      </c>
    </row>
    <row r="3933" spans="8:19" x14ac:dyDescent="0.3">
      <c r="H3933" s="44">
        <v>3926</v>
      </c>
      <c r="I3933" s="56">
        <f>Bühler!I3959</f>
        <v>0.40972972793213808</v>
      </c>
      <c r="J3933" s="59">
        <f>Bühler!J3959</f>
        <v>1.3657657597737938</v>
      </c>
      <c r="K3933" s="59">
        <f>Bühler!K3959</f>
        <v>2.0486486396606902</v>
      </c>
      <c r="L3933" s="59">
        <f>Bühler!L3959</f>
        <v>9.8335134703713134</v>
      </c>
      <c r="M3933" s="58">
        <f>Bühler!M3959</f>
        <v>0</v>
      </c>
      <c r="N3933" s="56">
        <f>IF(Input!$D$19=1,J3933*Input!$C$19,0)+IF(Input!$D$20=1,K3933*Input!$C$20,0)+IF(Input!$D$21=1,L3933*Input!$C$21,0)+IF(Input!$D$22=1,M3933*Input!$C$22,0)</f>
        <v>0.40972972793213813</v>
      </c>
      <c r="O3933" s="59">
        <f>IF(Input!$D$19=2,J3933*Input!$C$19,0)+IF(Input!$D$20=2,K3933*Input!$C$20,0)+IF(Input!$D$21=2,L3933*Input!$C$21,0)+IF(Input!$D$22=2,M3933*Input!$C$22,0)</f>
        <v>1.0243243198303451</v>
      </c>
      <c r="P3933" s="59">
        <f>IF(Input!$D$19=3,J3933*Input!$C$19,0)+IF(Input!$D$20=3,K3933*Input!$C$20,0)+IF(Input!$D$21=3,L3933*Input!$C$21,0)+IF(Input!$D$22=3,M3933*Input!$C$22,0)</f>
        <v>0</v>
      </c>
      <c r="Q3933" s="75">
        <f>IF(Input!$D$19=4,J3933*Input!$C$19,0)+IF(Input!$D$20=4,K3933*Input!$C$20,0)+IF(Input!$D$21=4,L3933*Input!$C$21,0)+IF(Input!$D$22=4,M3933*Input!$C$22,0)</f>
        <v>0</v>
      </c>
      <c r="R3933" s="58">
        <v>68.081440970513526</v>
      </c>
      <c r="S3933" s="124">
        <f t="shared" si="61"/>
        <v>1.7754954877059319</v>
      </c>
    </row>
    <row r="3934" spans="8:19" x14ac:dyDescent="0.3">
      <c r="H3934" s="44">
        <v>3927</v>
      </c>
      <c r="I3934" s="56">
        <f>Bühler!I3960</f>
        <v>0.40972972793213808</v>
      </c>
      <c r="J3934" s="59">
        <f>Bühler!J3960</f>
        <v>1.3657657597737938</v>
      </c>
      <c r="K3934" s="59">
        <f>Bühler!K3960</f>
        <v>2.0486486396606902</v>
      </c>
      <c r="L3934" s="59">
        <f>Bühler!L3960</f>
        <v>9.8335134703713134</v>
      </c>
      <c r="M3934" s="58">
        <f>Bühler!M3960</f>
        <v>0</v>
      </c>
      <c r="N3934" s="56">
        <f>IF(Input!$D$19=1,J3934*Input!$C$19,0)+IF(Input!$D$20=1,K3934*Input!$C$20,0)+IF(Input!$D$21=1,L3934*Input!$C$21,0)+IF(Input!$D$22=1,M3934*Input!$C$22,0)</f>
        <v>0.40972972793213813</v>
      </c>
      <c r="O3934" s="59">
        <f>IF(Input!$D$19=2,J3934*Input!$C$19,0)+IF(Input!$D$20=2,K3934*Input!$C$20,0)+IF(Input!$D$21=2,L3934*Input!$C$21,0)+IF(Input!$D$22=2,M3934*Input!$C$22,0)</f>
        <v>1.0243243198303451</v>
      </c>
      <c r="P3934" s="59">
        <f>IF(Input!$D$19=3,J3934*Input!$C$19,0)+IF(Input!$D$20=3,K3934*Input!$C$20,0)+IF(Input!$D$21=3,L3934*Input!$C$21,0)+IF(Input!$D$22=3,M3934*Input!$C$22,0)</f>
        <v>0</v>
      </c>
      <c r="Q3934" s="75">
        <f>IF(Input!$D$19=4,J3934*Input!$C$19,0)+IF(Input!$D$20=4,K3934*Input!$C$20,0)+IF(Input!$D$21=4,L3934*Input!$C$21,0)+IF(Input!$D$22=4,M3934*Input!$C$22,0)</f>
        <v>0</v>
      </c>
      <c r="R3934" s="58">
        <v>68.55206837865282</v>
      </c>
      <c r="S3934" s="124">
        <f t="shared" si="61"/>
        <v>1.7754954877059319</v>
      </c>
    </row>
    <row r="3935" spans="8:19" x14ac:dyDescent="0.3">
      <c r="H3935" s="44">
        <v>3928</v>
      </c>
      <c r="I3935" s="56">
        <f>Bühler!I3961</f>
        <v>0.40972972793213808</v>
      </c>
      <c r="J3935" s="59">
        <f>Bühler!J3961</f>
        <v>1.3657657597737938</v>
      </c>
      <c r="K3935" s="59">
        <f>Bühler!K3961</f>
        <v>2.0486486396606902</v>
      </c>
      <c r="L3935" s="59">
        <f>Bühler!L3961</f>
        <v>9.8335134703713134</v>
      </c>
      <c r="M3935" s="58">
        <f>Bühler!M3961</f>
        <v>0</v>
      </c>
      <c r="N3935" s="56">
        <f>IF(Input!$D$19=1,J3935*Input!$C$19,0)+IF(Input!$D$20=1,K3935*Input!$C$20,0)+IF(Input!$D$21=1,L3935*Input!$C$21,0)+IF(Input!$D$22=1,M3935*Input!$C$22,0)</f>
        <v>0.40972972793213813</v>
      </c>
      <c r="O3935" s="59">
        <f>IF(Input!$D$19=2,J3935*Input!$C$19,0)+IF(Input!$D$20=2,K3935*Input!$C$20,0)+IF(Input!$D$21=2,L3935*Input!$C$21,0)+IF(Input!$D$22=2,M3935*Input!$C$22,0)</f>
        <v>1.0243243198303451</v>
      </c>
      <c r="P3935" s="59">
        <f>IF(Input!$D$19=3,J3935*Input!$C$19,0)+IF(Input!$D$20=3,K3935*Input!$C$20,0)+IF(Input!$D$21=3,L3935*Input!$C$21,0)+IF(Input!$D$22=3,M3935*Input!$C$22,0)</f>
        <v>0</v>
      </c>
      <c r="Q3935" s="75">
        <f>IF(Input!$D$19=4,J3935*Input!$C$19,0)+IF(Input!$D$20=4,K3935*Input!$C$20,0)+IF(Input!$D$21=4,L3935*Input!$C$21,0)+IF(Input!$D$22=4,M3935*Input!$C$22,0)</f>
        <v>0</v>
      </c>
      <c r="R3935" s="58">
        <v>69.038714231265885</v>
      </c>
      <c r="S3935" s="124">
        <f t="shared" si="61"/>
        <v>1.7754954877059319</v>
      </c>
    </row>
    <row r="3936" spans="8:19" x14ac:dyDescent="0.3">
      <c r="H3936" s="44">
        <v>3929</v>
      </c>
      <c r="I3936" s="56">
        <f>Bühler!I3962</f>
        <v>0.40972972793213808</v>
      </c>
      <c r="J3936" s="59">
        <f>Bühler!J3962</f>
        <v>1.3657657597737938</v>
      </c>
      <c r="K3936" s="59">
        <f>Bühler!K3962</f>
        <v>2.0486486396606902</v>
      </c>
      <c r="L3936" s="59">
        <f>Bühler!L3962</f>
        <v>9.8335134703713134</v>
      </c>
      <c r="M3936" s="58">
        <f>Bühler!M3962</f>
        <v>0</v>
      </c>
      <c r="N3936" s="56">
        <f>IF(Input!$D$19=1,J3936*Input!$C$19,0)+IF(Input!$D$20=1,K3936*Input!$C$20,0)+IF(Input!$D$21=1,L3936*Input!$C$21,0)+IF(Input!$D$22=1,M3936*Input!$C$22,0)</f>
        <v>0.40972972793213813</v>
      </c>
      <c r="O3936" s="59">
        <f>IF(Input!$D$19=2,J3936*Input!$C$19,0)+IF(Input!$D$20=2,K3936*Input!$C$20,0)+IF(Input!$D$21=2,L3936*Input!$C$21,0)+IF(Input!$D$22=2,M3936*Input!$C$22,0)</f>
        <v>1.0243243198303451</v>
      </c>
      <c r="P3936" s="59">
        <f>IF(Input!$D$19=3,J3936*Input!$C$19,0)+IF(Input!$D$20=3,K3936*Input!$C$20,0)+IF(Input!$D$21=3,L3936*Input!$C$21,0)+IF(Input!$D$22=3,M3936*Input!$C$22,0)</f>
        <v>0</v>
      </c>
      <c r="Q3936" s="75">
        <f>IF(Input!$D$19=4,J3936*Input!$C$19,0)+IF(Input!$D$20=4,K3936*Input!$C$20,0)+IF(Input!$D$21=4,L3936*Input!$C$21,0)+IF(Input!$D$22=4,M3936*Input!$C$22,0)</f>
        <v>0</v>
      </c>
      <c r="R3936" s="58">
        <v>68.154700412657206</v>
      </c>
      <c r="S3936" s="124">
        <f t="shared" si="61"/>
        <v>1.7754954877059319</v>
      </c>
    </row>
    <row r="3937" spans="8:19" x14ac:dyDescent="0.3">
      <c r="H3937" s="44">
        <v>3930</v>
      </c>
      <c r="I3937" s="56">
        <f>Bühler!I3963</f>
        <v>0.40972972793213808</v>
      </c>
      <c r="J3937" s="59">
        <f>Bühler!J3963</f>
        <v>1.3657657597737938</v>
      </c>
      <c r="K3937" s="59">
        <f>Bühler!K3963</f>
        <v>2.0486486396606902</v>
      </c>
      <c r="L3937" s="59">
        <f>Bühler!L3963</f>
        <v>9.8335134703713134</v>
      </c>
      <c r="M3937" s="58">
        <f>Bühler!M3963</f>
        <v>0</v>
      </c>
      <c r="N3937" s="56">
        <f>IF(Input!$D$19=1,J3937*Input!$C$19,0)+IF(Input!$D$20=1,K3937*Input!$C$20,0)+IF(Input!$D$21=1,L3937*Input!$C$21,0)+IF(Input!$D$22=1,M3937*Input!$C$22,0)</f>
        <v>0.40972972793213813</v>
      </c>
      <c r="O3937" s="59">
        <f>IF(Input!$D$19=2,J3937*Input!$C$19,0)+IF(Input!$D$20=2,K3937*Input!$C$20,0)+IF(Input!$D$21=2,L3937*Input!$C$21,0)+IF(Input!$D$22=2,M3937*Input!$C$22,0)</f>
        <v>1.0243243198303451</v>
      </c>
      <c r="P3937" s="59">
        <f>IF(Input!$D$19=3,J3937*Input!$C$19,0)+IF(Input!$D$20=3,K3937*Input!$C$20,0)+IF(Input!$D$21=3,L3937*Input!$C$21,0)+IF(Input!$D$22=3,M3937*Input!$C$22,0)</f>
        <v>0</v>
      </c>
      <c r="Q3937" s="75">
        <f>IF(Input!$D$19=4,J3937*Input!$C$19,0)+IF(Input!$D$20=4,K3937*Input!$C$20,0)+IF(Input!$D$21=4,L3937*Input!$C$21,0)+IF(Input!$D$22=4,M3937*Input!$C$22,0)</f>
        <v>0</v>
      </c>
      <c r="R3937" s="58">
        <v>67.131925611323553</v>
      </c>
      <c r="S3937" s="124">
        <f t="shared" si="61"/>
        <v>1.7754954877059319</v>
      </c>
    </row>
    <row r="3938" spans="8:19" x14ac:dyDescent="0.3">
      <c r="H3938" s="44">
        <v>3931</v>
      </c>
      <c r="I3938" s="56">
        <f>Bühler!I3964</f>
        <v>0.40972972793213808</v>
      </c>
      <c r="J3938" s="59">
        <f>Bühler!J3964</f>
        <v>1.3657657597737938</v>
      </c>
      <c r="K3938" s="59">
        <f>Bühler!K3964</f>
        <v>2.0486486396606902</v>
      </c>
      <c r="L3938" s="59">
        <f>Bühler!L3964</f>
        <v>9.8335134703713134</v>
      </c>
      <c r="M3938" s="58">
        <f>Bühler!M3964</f>
        <v>0</v>
      </c>
      <c r="N3938" s="56">
        <f>IF(Input!$D$19=1,J3938*Input!$C$19,0)+IF(Input!$D$20=1,K3938*Input!$C$20,0)+IF(Input!$D$21=1,L3938*Input!$C$21,0)+IF(Input!$D$22=1,M3938*Input!$C$22,0)</f>
        <v>0.40972972793213813</v>
      </c>
      <c r="O3938" s="59">
        <f>IF(Input!$D$19=2,J3938*Input!$C$19,0)+IF(Input!$D$20=2,K3938*Input!$C$20,0)+IF(Input!$D$21=2,L3938*Input!$C$21,0)+IF(Input!$D$22=2,M3938*Input!$C$22,0)</f>
        <v>1.0243243198303451</v>
      </c>
      <c r="P3938" s="59">
        <f>IF(Input!$D$19=3,J3938*Input!$C$19,0)+IF(Input!$D$20=3,K3938*Input!$C$20,0)+IF(Input!$D$21=3,L3938*Input!$C$21,0)+IF(Input!$D$22=3,M3938*Input!$C$22,0)</f>
        <v>0</v>
      </c>
      <c r="Q3938" s="75">
        <f>IF(Input!$D$19=4,J3938*Input!$C$19,0)+IF(Input!$D$20=4,K3938*Input!$C$20,0)+IF(Input!$D$21=4,L3938*Input!$C$21,0)+IF(Input!$D$22=4,M3938*Input!$C$22,0)</f>
        <v>0</v>
      </c>
      <c r="R3938" s="58">
        <v>66.398331026375203</v>
      </c>
      <c r="S3938" s="124">
        <f t="shared" si="61"/>
        <v>1.7754954877059319</v>
      </c>
    </row>
    <row r="3939" spans="8:19" x14ac:dyDescent="0.3">
      <c r="H3939" s="44">
        <v>3932</v>
      </c>
      <c r="I3939" s="56">
        <f>Bühler!I3965</f>
        <v>0.34144143994344839</v>
      </c>
      <c r="J3939" s="59">
        <f>Bühler!J3965</f>
        <v>1.1381381331448279</v>
      </c>
      <c r="K3939" s="59">
        <f>Bühler!K3965</f>
        <v>1.707207199717242</v>
      </c>
      <c r="L3939" s="59">
        <f>Bühler!L3965</f>
        <v>8.1945945586427609</v>
      </c>
      <c r="M3939" s="58">
        <f>Bühler!M3965</f>
        <v>0</v>
      </c>
      <c r="N3939" s="56">
        <f>IF(Input!$D$19=1,J3939*Input!$C$19,0)+IF(Input!$D$20=1,K3939*Input!$C$20,0)+IF(Input!$D$21=1,L3939*Input!$C$21,0)+IF(Input!$D$22=1,M3939*Input!$C$22,0)</f>
        <v>0.34144143994344839</v>
      </c>
      <c r="O3939" s="59">
        <f>IF(Input!$D$19=2,J3939*Input!$C$19,0)+IF(Input!$D$20=2,K3939*Input!$C$20,0)+IF(Input!$D$21=2,L3939*Input!$C$21,0)+IF(Input!$D$22=2,M3939*Input!$C$22,0)</f>
        <v>0.853603599858621</v>
      </c>
      <c r="P3939" s="59">
        <f>IF(Input!$D$19=3,J3939*Input!$C$19,0)+IF(Input!$D$20=3,K3939*Input!$C$20,0)+IF(Input!$D$21=3,L3939*Input!$C$21,0)+IF(Input!$D$22=3,M3939*Input!$C$22,0)</f>
        <v>0</v>
      </c>
      <c r="Q3939" s="75">
        <f>IF(Input!$D$19=4,J3939*Input!$C$19,0)+IF(Input!$D$20=4,K3939*Input!$C$20,0)+IF(Input!$D$21=4,L3939*Input!$C$21,0)+IF(Input!$D$22=4,M3939*Input!$C$22,0)</f>
        <v>0</v>
      </c>
      <c r="R3939" s="58">
        <v>65.484304868812586</v>
      </c>
      <c r="S3939" s="124">
        <f t="shared" si="61"/>
        <v>1.4795795730882764</v>
      </c>
    </row>
    <row r="3940" spans="8:19" x14ac:dyDescent="0.3">
      <c r="H3940" s="44">
        <v>3933</v>
      </c>
      <c r="I3940" s="56">
        <f>Bühler!I3966</f>
        <v>0.27315315195475875</v>
      </c>
      <c r="J3940" s="59">
        <f>Bühler!J3966</f>
        <v>0.91051050651586252</v>
      </c>
      <c r="K3940" s="59">
        <f>Bühler!K3966</f>
        <v>1.3657657597737938</v>
      </c>
      <c r="L3940" s="59">
        <f>Bühler!L3966</f>
        <v>6.5556756469142101</v>
      </c>
      <c r="M3940" s="58">
        <f>Bühler!M3966</f>
        <v>0</v>
      </c>
      <c r="N3940" s="56">
        <f>IF(Input!$D$19=1,J3940*Input!$C$19,0)+IF(Input!$D$20=1,K3940*Input!$C$20,0)+IF(Input!$D$21=1,L3940*Input!$C$21,0)+IF(Input!$D$22=1,M3940*Input!$C$22,0)</f>
        <v>0.27315315195475875</v>
      </c>
      <c r="O3940" s="59">
        <f>IF(Input!$D$19=2,J3940*Input!$C$19,0)+IF(Input!$D$20=2,K3940*Input!$C$20,0)+IF(Input!$D$21=2,L3940*Input!$C$21,0)+IF(Input!$D$22=2,M3940*Input!$C$22,0)</f>
        <v>0.68288287988689689</v>
      </c>
      <c r="P3940" s="59">
        <f>IF(Input!$D$19=3,J3940*Input!$C$19,0)+IF(Input!$D$20=3,K3940*Input!$C$20,0)+IF(Input!$D$21=3,L3940*Input!$C$21,0)+IF(Input!$D$22=3,M3940*Input!$C$22,0)</f>
        <v>0</v>
      </c>
      <c r="Q3940" s="75">
        <f>IF(Input!$D$19=4,J3940*Input!$C$19,0)+IF(Input!$D$20=4,K3940*Input!$C$20,0)+IF(Input!$D$21=4,L3940*Input!$C$21,0)+IF(Input!$D$22=4,M3940*Input!$C$22,0)</f>
        <v>0</v>
      </c>
      <c r="R3940" s="58">
        <v>63.13232521537811</v>
      </c>
      <c r="S3940" s="124">
        <f t="shared" si="61"/>
        <v>1.1836636584706213</v>
      </c>
    </row>
    <row r="3941" spans="8:19" x14ac:dyDescent="0.3">
      <c r="H3941" s="44">
        <v>3934</v>
      </c>
      <c r="I3941" s="56">
        <f>Bühler!I3967</f>
        <v>0.20486486396606904</v>
      </c>
      <c r="J3941" s="59">
        <f>Bühler!J3967</f>
        <v>0.68288287988689689</v>
      </c>
      <c r="K3941" s="59">
        <f>Bühler!K3967</f>
        <v>1.0243243198303451</v>
      </c>
      <c r="L3941" s="59">
        <f>Bühler!L3967</f>
        <v>4.9167567351856567</v>
      </c>
      <c r="M3941" s="58">
        <f>Bühler!M3967</f>
        <v>0</v>
      </c>
      <c r="N3941" s="56">
        <f>IF(Input!$D$19=1,J3941*Input!$C$19,0)+IF(Input!$D$20=1,K3941*Input!$C$20,0)+IF(Input!$D$21=1,L3941*Input!$C$21,0)+IF(Input!$D$22=1,M3941*Input!$C$22,0)</f>
        <v>0.20486486396606907</v>
      </c>
      <c r="O3941" s="59">
        <f>IF(Input!$D$19=2,J3941*Input!$C$19,0)+IF(Input!$D$20=2,K3941*Input!$C$20,0)+IF(Input!$D$21=2,L3941*Input!$C$21,0)+IF(Input!$D$22=2,M3941*Input!$C$22,0)</f>
        <v>0.51216215991517255</v>
      </c>
      <c r="P3941" s="59">
        <f>IF(Input!$D$19=3,J3941*Input!$C$19,0)+IF(Input!$D$20=3,K3941*Input!$C$20,0)+IF(Input!$D$21=3,L3941*Input!$C$21,0)+IF(Input!$D$22=3,M3941*Input!$C$22,0)</f>
        <v>0</v>
      </c>
      <c r="Q3941" s="75">
        <f>IF(Input!$D$19=4,J3941*Input!$C$19,0)+IF(Input!$D$20=4,K3941*Input!$C$20,0)+IF(Input!$D$21=4,L3941*Input!$C$21,0)+IF(Input!$D$22=4,M3941*Input!$C$22,0)</f>
        <v>0</v>
      </c>
      <c r="R3941" s="58">
        <v>61.03875107286337</v>
      </c>
      <c r="S3941" s="124">
        <f t="shared" si="61"/>
        <v>0.88774774385296595</v>
      </c>
    </row>
    <row r="3942" spans="8:19" x14ac:dyDescent="0.3">
      <c r="H3942" s="44">
        <v>3935</v>
      </c>
      <c r="I3942" s="56">
        <f>Bühler!I3968</f>
        <v>0.20486486396606904</v>
      </c>
      <c r="J3942" s="59">
        <f>Bühler!J3968</f>
        <v>0.68288287988689689</v>
      </c>
      <c r="K3942" s="59">
        <f>Bühler!K3968</f>
        <v>1.0243243198303451</v>
      </c>
      <c r="L3942" s="59">
        <f>Bühler!L3968</f>
        <v>4.9167567351856567</v>
      </c>
      <c r="M3942" s="58">
        <f>Bühler!M3968</f>
        <v>0</v>
      </c>
      <c r="N3942" s="56">
        <f>IF(Input!$D$19=1,J3942*Input!$C$19,0)+IF(Input!$D$20=1,K3942*Input!$C$20,0)+IF(Input!$D$21=1,L3942*Input!$C$21,0)+IF(Input!$D$22=1,M3942*Input!$C$22,0)</f>
        <v>0.20486486396606907</v>
      </c>
      <c r="O3942" s="59">
        <f>IF(Input!$D$19=2,J3942*Input!$C$19,0)+IF(Input!$D$20=2,K3942*Input!$C$20,0)+IF(Input!$D$21=2,L3942*Input!$C$21,0)+IF(Input!$D$22=2,M3942*Input!$C$22,0)</f>
        <v>0.51216215991517255</v>
      </c>
      <c r="P3942" s="59">
        <f>IF(Input!$D$19=3,J3942*Input!$C$19,0)+IF(Input!$D$20=3,K3942*Input!$C$20,0)+IF(Input!$D$21=3,L3942*Input!$C$21,0)+IF(Input!$D$22=3,M3942*Input!$C$22,0)</f>
        <v>0</v>
      </c>
      <c r="Q3942" s="75">
        <f>IF(Input!$D$19=4,J3942*Input!$C$19,0)+IF(Input!$D$20=4,K3942*Input!$C$20,0)+IF(Input!$D$21=4,L3942*Input!$C$21,0)+IF(Input!$D$22=4,M3942*Input!$C$22,0)</f>
        <v>0</v>
      </c>
      <c r="R3942" s="58">
        <v>60.89047222795292</v>
      </c>
      <c r="S3942" s="124">
        <f t="shared" si="61"/>
        <v>0.88774774385296595</v>
      </c>
    </row>
    <row r="3943" spans="8:19" x14ac:dyDescent="0.3">
      <c r="H3943" s="44">
        <v>3936</v>
      </c>
      <c r="I3943" s="56">
        <f>Bühler!I3969</f>
        <v>0.20486486396606904</v>
      </c>
      <c r="J3943" s="59">
        <f>Bühler!J3969</f>
        <v>0.68288287988689689</v>
      </c>
      <c r="K3943" s="59">
        <f>Bühler!K3969</f>
        <v>1.0243243198303451</v>
      </c>
      <c r="L3943" s="59">
        <f>Bühler!L3969</f>
        <v>4.9167567351856567</v>
      </c>
      <c r="M3943" s="58">
        <f>Bühler!M3969</f>
        <v>0</v>
      </c>
      <c r="N3943" s="56">
        <f>IF(Input!$D$19=1,J3943*Input!$C$19,0)+IF(Input!$D$20=1,K3943*Input!$C$20,0)+IF(Input!$D$21=1,L3943*Input!$C$21,0)+IF(Input!$D$22=1,M3943*Input!$C$22,0)</f>
        <v>0.20486486396606907</v>
      </c>
      <c r="O3943" s="59">
        <f>IF(Input!$D$19=2,J3943*Input!$C$19,0)+IF(Input!$D$20=2,K3943*Input!$C$20,0)+IF(Input!$D$21=2,L3943*Input!$C$21,0)+IF(Input!$D$22=2,M3943*Input!$C$22,0)</f>
        <v>0.51216215991517255</v>
      </c>
      <c r="P3943" s="59">
        <f>IF(Input!$D$19=3,J3943*Input!$C$19,0)+IF(Input!$D$20=3,K3943*Input!$C$20,0)+IF(Input!$D$21=3,L3943*Input!$C$21,0)+IF(Input!$D$22=3,M3943*Input!$C$22,0)</f>
        <v>0</v>
      </c>
      <c r="Q3943" s="75">
        <f>IF(Input!$D$19=4,J3943*Input!$C$19,0)+IF(Input!$D$20=4,K3943*Input!$C$20,0)+IF(Input!$D$21=4,L3943*Input!$C$21,0)+IF(Input!$D$22=4,M3943*Input!$C$22,0)</f>
        <v>0</v>
      </c>
      <c r="R3943" s="58">
        <v>61.162371384880231</v>
      </c>
      <c r="S3943" s="124">
        <f t="shared" si="61"/>
        <v>0.88774774385296595</v>
      </c>
    </row>
    <row r="3944" spans="8:19" x14ac:dyDescent="0.3">
      <c r="H3944" s="44">
        <v>3937</v>
      </c>
      <c r="I3944" s="56">
        <f>Bühler!I3970</f>
        <v>0.20299664927427019</v>
      </c>
      <c r="J3944" s="59">
        <f>Bühler!J3970</f>
        <v>0.67665549758090071</v>
      </c>
      <c r="K3944" s="59">
        <f>Bühler!K3970</f>
        <v>1.0149832463713508</v>
      </c>
      <c r="L3944" s="59">
        <f>Bühler!L3970</f>
        <v>4.8719195825824846</v>
      </c>
      <c r="M3944" s="58">
        <f>Bühler!M3970</f>
        <v>0</v>
      </c>
      <c r="N3944" s="56">
        <f>IF(Input!$D$19=1,J3944*Input!$C$19,0)+IF(Input!$D$20=1,K3944*Input!$C$20,0)+IF(Input!$D$21=1,L3944*Input!$C$21,0)+IF(Input!$D$22=1,M3944*Input!$C$22,0)</f>
        <v>0.20299664927427022</v>
      </c>
      <c r="O3944" s="59">
        <f>IF(Input!$D$19=2,J3944*Input!$C$19,0)+IF(Input!$D$20=2,K3944*Input!$C$20,0)+IF(Input!$D$21=2,L3944*Input!$C$21,0)+IF(Input!$D$22=2,M3944*Input!$C$22,0)</f>
        <v>0.50749162318567542</v>
      </c>
      <c r="P3944" s="59">
        <f>IF(Input!$D$19=3,J3944*Input!$C$19,0)+IF(Input!$D$20=3,K3944*Input!$C$20,0)+IF(Input!$D$21=3,L3944*Input!$C$21,0)+IF(Input!$D$22=3,M3944*Input!$C$22,0)</f>
        <v>0</v>
      </c>
      <c r="Q3944" s="75">
        <f>IF(Input!$D$19=4,J3944*Input!$C$19,0)+IF(Input!$D$20=4,K3944*Input!$C$20,0)+IF(Input!$D$21=4,L3944*Input!$C$21,0)+IF(Input!$D$22=4,M3944*Input!$C$22,0)</f>
        <v>0</v>
      </c>
      <c r="R3944" s="58">
        <v>60.620278073945499</v>
      </c>
      <c r="S3944" s="124">
        <f t="shared" si="61"/>
        <v>0.8796521468551709</v>
      </c>
    </row>
    <row r="3945" spans="8:19" x14ac:dyDescent="0.3">
      <c r="H3945" s="44">
        <v>3938</v>
      </c>
      <c r="I3945" s="56">
        <f>Bühler!I3971</f>
        <v>0.20299664927427019</v>
      </c>
      <c r="J3945" s="59">
        <f>Bühler!J3971</f>
        <v>0.67665549758090071</v>
      </c>
      <c r="K3945" s="59">
        <f>Bühler!K3971</f>
        <v>1.0149832463713508</v>
      </c>
      <c r="L3945" s="59">
        <f>Bühler!L3971</f>
        <v>4.8719195825824846</v>
      </c>
      <c r="M3945" s="58">
        <f>Bühler!M3971</f>
        <v>0</v>
      </c>
      <c r="N3945" s="56">
        <f>IF(Input!$D$19=1,J3945*Input!$C$19,0)+IF(Input!$D$20=1,K3945*Input!$C$20,0)+IF(Input!$D$21=1,L3945*Input!$C$21,0)+IF(Input!$D$22=1,M3945*Input!$C$22,0)</f>
        <v>0.20299664927427022</v>
      </c>
      <c r="O3945" s="59">
        <f>IF(Input!$D$19=2,J3945*Input!$C$19,0)+IF(Input!$D$20=2,K3945*Input!$C$20,0)+IF(Input!$D$21=2,L3945*Input!$C$21,0)+IF(Input!$D$22=2,M3945*Input!$C$22,0)</f>
        <v>0.50749162318567542</v>
      </c>
      <c r="P3945" s="59">
        <f>IF(Input!$D$19=3,J3945*Input!$C$19,0)+IF(Input!$D$20=3,K3945*Input!$C$20,0)+IF(Input!$D$21=3,L3945*Input!$C$21,0)+IF(Input!$D$22=3,M3945*Input!$C$22,0)</f>
        <v>0</v>
      </c>
      <c r="Q3945" s="75">
        <f>IF(Input!$D$19=4,J3945*Input!$C$19,0)+IF(Input!$D$20=4,K3945*Input!$C$20,0)+IF(Input!$D$21=4,L3945*Input!$C$21,0)+IF(Input!$D$22=4,M3945*Input!$C$22,0)</f>
        <v>0</v>
      </c>
      <c r="R3945" s="58">
        <v>60.044838735284557</v>
      </c>
      <c r="S3945" s="124">
        <f t="shared" si="61"/>
        <v>0.8796521468551709</v>
      </c>
    </row>
    <row r="3946" spans="8:19" x14ac:dyDescent="0.3">
      <c r="H3946" s="44">
        <v>3939</v>
      </c>
      <c r="I3946" s="56">
        <f>Bühler!I3972</f>
        <v>0.20299664927427019</v>
      </c>
      <c r="J3946" s="59">
        <f>Bühler!J3972</f>
        <v>0.67665549758090071</v>
      </c>
      <c r="K3946" s="59">
        <f>Bühler!K3972</f>
        <v>1.0149832463713508</v>
      </c>
      <c r="L3946" s="59">
        <f>Bühler!L3972</f>
        <v>4.8719195825824846</v>
      </c>
      <c r="M3946" s="58">
        <f>Bühler!M3972</f>
        <v>0</v>
      </c>
      <c r="N3946" s="56">
        <f>IF(Input!$D$19=1,J3946*Input!$C$19,0)+IF(Input!$D$20=1,K3946*Input!$C$20,0)+IF(Input!$D$21=1,L3946*Input!$C$21,0)+IF(Input!$D$22=1,M3946*Input!$C$22,0)</f>
        <v>0.20299664927427022</v>
      </c>
      <c r="O3946" s="59">
        <f>IF(Input!$D$19=2,J3946*Input!$C$19,0)+IF(Input!$D$20=2,K3946*Input!$C$20,0)+IF(Input!$D$21=2,L3946*Input!$C$21,0)+IF(Input!$D$22=2,M3946*Input!$C$22,0)</f>
        <v>0.50749162318567542</v>
      </c>
      <c r="P3946" s="59">
        <f>IF(Input!$D$19=3,J3946*Input!$C$19,0)+IF(Input!$D$20=3,K3946*Input!$C$20,0)+IF(Input!$D$21=3,L3946*Input!$C$21,0)+IF(Input!$D$22=3,M3946*Input!$C$22,0)</f>
        <v>0</v>
      </c>
      <c r="Q3946" s="75">
        <f>IF(Input!$D$19=4,J3946*Input!$C$19,0)+IF(Input!$D$20=4,K3946*Input!$C$20,0)+IF(Input!$D$21=4,L3946*Input!$C$21,0)+IF(Input!$D$22=4,M3946*Input!$C$22,0)</f>
        <v>0</v>
      </c>
      <c r="R3946" s="58">
        <v>59.924720692146686</v>
      </c>
      <c r="S3946" s="124">
        <f t="shared" si="61"/>
        <v>0.8796521468551709</v>
      </c>
    </row>
    <row r="3947" spans="8:19" x14ac:dyDescent="0.3">
      <c r="H3947" s="44">
        <v>3940</v>
      </c>
      <c r="I3947" s="56">
        <f>Bühler!I3973</f>
        <v>0.20299664927427019</v>
      </c>
      <c r="J3947" s="59">
        <f>Bühler!J3973</f>
        <v>0.67665549758090071</v>
      </c>
      <c r="K3947" s="59">
        <f>Bühler!K3973</f>
        <v>1.0149832463713508</v>
      </c>
      <c r="L3947" s="59">
        <f>Bühler!L3973</f>
        <v>4.8719195825824846</v>
      </c>
      <c r="M3947" s="58">
        <f>Bühler!M3973</f>
        <v>0</v>
      </c>
      <c r="N3947" s="56">
        <f>IF(Input!$D$19=1,J3947*Input!$C$19,0)+IF(Input!$D$20=1,K3947*Input!$C$20,0)+IF(Input!$D$21=1,L3947*Input!$C$21,0)+IF(Input!$D$22=1,M3947*Input!$C$22,0)</f>
        <v>0.20299664927427022</v>
      </c>
      <c r="O3947" s="59">
        <f>IF(Input!$D$19=2,J3947*Input!$C$19,0)+IF(Input!$D$20=2,K3947*Input!$C$20,0)+IF(Input!$D$21=2,L3947*Input!$C$21,0)+IF(Input!$D$22=2,M3947*Input!$C$22,0)</f>
        <v>0.50749162318567542</v>
      </c>
      <c r="P3947" s="59">
        <f>IF(Input!$D$19=3,J3947*Input!$C$19,0)+IF(Input!$D$20=3,K3947*Input!$C$20,0)+IF(Input!$D$21=3,L3947*Input!$C$21,0)+IF(Input!$D$22=3,M3947*Input!$C$22,0)</f>
        <v>0</v>
      </c>
      <c r="Q3947" s="75">
        <f>IF(Input!$D$19=4,J3947*Input!$C$19,0)+IF(Input!$D$20=4,K3947*Input!$C$20,0)+IF(Input!$D$21=4,L3947*Input!$C$21,0)+IF(Input!$D$22=4,M3947*Input!$C$22,0)</f>
        <v>0</v>
      </c>
      <c r="R3947" s="58">
        <v>60.700597031164094</v>
      </c>
      <c r="S3947" s="124">
        <f t="shared" si="61"/>
        <v>0.8796521468551709</v>
      </c>
    </row>
    <row r="3948" spans="8:19" x14ac:dyDescent="0.3">
      <c r="H3948" s="44">
        <v>3941</v>
      </c>
      <c r="I3948" s="56">
        <f>Bühler!I3974</f>
        <v>0.20299664927427019</v>
      </c>
      <c r="J3948" s="59">
        <f>Bühler!J3974</f>
        <v>0.67665549758090071</v>
      </c>
      <c r="K3948" s="59">
        <f>Bühler!K3974</f>
        <v>1.0149832463713508</v>
      </c>
      <c r="L3948" s="59">
        <f>Bühler!L3974</f>
        <v>4.8719195825824846</v>
      </c>
      <c r="M3948" s="58">
        <f>Bühler!M3974</f>
        <v>0</v>
      </c>
      <c r="N3948" s="56">
        <f>IF(Input!$D$19=1,J3948*Input!$C$19,0)+IF(Input!$D$20=1,K3948*Input!$C$20,0)+IF(Input!$D$21=1,L3948*Input!$C$21,0)+IF(Input!$D$22=1,M3948*Input!$C$22,0)</f>
        <v>0.20299664927427022</v>
      </c>
      <c r="O3948" s="59">
        <f>IF(Input!$D$19=2,J3948*Input!$C$19,0)+IF(Input!$D$20=2,K3948*Input!$C$20,0)+IF(Input!$D$21=2,L3948*Input!$C$21,0)+IF(Input!$D$22=2,M3948*Input!$C$22,0)</f>
        <v>0.50749162318567542</v>
      </c>
      <c r="P3948" s="59">
        <f>IF(Input!$D$19=3,J3948*Input!$C$19,0)+IF(Input!$D$20=3,K3948*Input!$C$20,0)+IF(Input!$D$21=3,L3948*Input!$C$21,0)+IF(Input!$D$22=3,M3948*Input!$C$22,0)</f>
        <v>0</v>
      </c>
      <c r="Q3948" s="75">
        <f>IF(Input!$D$19=4,J3948*Input!$C$19,0)+IF(Input!$D$20=4,K3948*Input!$C$20,0)+IF(Input!$D$21=4,L3948*Input!$C$21,0)+IF(Input!$D$22=4,M3948*Input!$C$22,0)</f>
        <v>0</v>
      </c>
      <c r="R3948" s="58">
        <v>61.61517192236785</v>
      </c>
      <c r="S3948" s="124">
        <f t="shared" si="61"/>
        <v>0.8796521468551709</v>
      </c>
    </row>
    <row r="3949" spans="8:19" x14ac:dyDescent="0.3">
      <c r="H3949" s="44">
        <v>3942</v>
      </c>
      <c r="I3949" s="56">
        <f>Bühler!I3975</f>
        <v>0.26164012573128154</v>
      </c>
      <c r="J3949" s="59">
        <f>Bühler!J3975</f>
        <v>0.87213375243760527</v>
      </c>
      <c r="K3949" s="59">
        <f>Bühler!K3975</f>
        <v>1.3082006286564078</v>
      </c>
      <c r="L3949" s="59">
        <f>Bühler!L3975</f>
        <v>6.2793630175507573</v>
      </c>
      <c r="M3949" s="58">
        <f>Bühler!M3975</f>
        <v>0</v>
      </c>
      <c r="N3949" s="56">
        <f>IF(Input!$D$19=1,J3949*Input!$C$19,0)+IF(Input!$D$20=1,K3949*Input!$C$20,0)+IF(Input!$D$21=1,L3949*Input!$C$21,0)+IF(Input!$D$22=1,M3949*Input!$C$22,0)</f>
        <v>0.26164012573128159</v>
      </c>
      <c r="O3949" s="59">
        <f>IF(Input!$D$19=2,J3949*Input!$C$19,0)+IF(Input!$D$20=2,K3949*Input!$C$20,0)+IF(Input!$D$21=2,L3949*Input!$C$21,0)+IF(Input!$D$22=2,M3949*Input!$C$22,0)</f>
        <v>0.65410031432820392</v>
      </c>
      <c r="P3949" s="59">
        <f>IF(Input!$D$19=3,J3949*Input!$C$19,0)+IF(Input!$D$20=3,K3949*Input!$C$20,0)+IF(Input!$D$21=3,L3949*Input!$C$21,0)+IF(Input!$D$22=3,M3949*Input!$C$22,0)</f>
        <v>0</v>
      </c>
      <c r="Q3949" s="75">
        <f>IF(Input!$D$19=4,J3949*Input!$C$19,0)+IF(Input!$D$20=4,K3949*Input!$C$20,0)+IF(Input!$D$21=4,L3949*Input!$C$21,0)+IF(Input!$D$22=4,M3949*Input!$C$22,0)</f>
        <v>0</v>
      </c>
      <c r="R3949" s="58">
        <v>64.268170803363063</v>
      </c>
      <c r="S3949" s="124">
        <f t="shared" si="61"/>
        <v>1.1337738781688869</v>
      </c>
    </row>
    <row r="3950" spans="8:19" x14ac:dyDescent="0.3">
      <c r="H3950" s="44">
        <v>3943</v>
      </c>
      <c r="I3950" s="56">
        <f>Bühler!I3976</f>
        <v>0.30223945558613563</v>
      </c>
      <c r="J3950" s="59">
        <f>Bühler!J3976</f>
        <v>1.0074648519537854</v>
      </c>
      <c r="K3950" s="59">
        <f>Bühler!K3976</f>
        <v>1.5111972779306782</v>
      </c>
      <c r="L3950" s="59">
        <f>Bühler!L3976</f>
        <v>7.2537469340672551</v>
      </c>
      <c r="M3950" s="58">
        <f>Bühler!M3976</f>
        <v>0</v>
      </c>
      <c r="N3950" s="56">
        <f>IF(Input!$D$19=1,J3950*Input!$C$19,0)+IF(Input!$D$20=1,K3950*Input!$C$20,0)+IF(Input!$D$21=1,L3950*Input!$C$21,0)+IF(Input!$D$22=1,M3950*Input!$C$22,0)</f>
        <v>0.30223945558613563</v>
      </c>
      <c r="O3950" s="59">
        <f>IF(Input!$D$19=2,J3950*Input!$C$19,0)+IF(Input!$D$20=2,K3950*Input!$C$20,0)+IF(Input!$D$21=2,L3950*Input!$C$21,0)+IF(Input!$D$22=2,M3950*Input!$C$22,0)</f>
        <v>0.75559863896533908</v>
      </c>
      <c r="P3950" s="59">
        <f>IF(Input!$D$19=3,J3950*Input!$C$19,0)+IF(Input!$D$20=3,K3950*Input!$C$20,0)+IF(Input!$D$21=3,L3950*Input!$C$21,0)+IF(Input!$D$22=3,M3950*Input!$C$22,0)</f>
        <v>0</v>
      </c>
      <c r="Q3950" s="75">
        <f>IF(Input!$D$19=4,J3950*Input!$C$19,0)+IF(Input!$D$20=4,K3950*Input!$C$20,0)+IF(Input!$D$21=4,L3950*Input!$C$21,0)+IF(Input!$D$22=4,M3950*Input!$C$22,0)</f>
        <v>0</v>
      </c>
      <c r="R3950" s="58">
        <v>67.718939175651997</v>
      </c>
      <c r="S3950" s="124">
        <f t="shared" si="61"/>
        <v>1.3097043075399211</v>
      </c>
    </row>
    <row r="3951" spans="8:19" x14ac:dyDescent="0.3">
      <c r="H3951" s="44">
        <v>3944</v>
      </c>
      <c r="I3951" s="56">
        <f>Bühler!I3977</f>
        <v>0.30223945558613563</v>
      </c>
      <c r="J3951" s="59">
        <f>Bühler!J3977</f>
        <v>1.0074648519537854</v>
      </c>
      <c r="K3951" s="59">
        <f>Bühler!K3977</f>
        <v>1.5111972779306782</v>
      </c>
      <c r="L3951" s="59">
        <f>Bühler!L3977</f>
        <v>7.2537469340672551</v>
      </c>
      <c r="M3951" s="58">
        <f>Bühler!M3977</f>
        <v>0</v>
      </c>
      <c r="N3951" s="56">
        <f>IF(Input!$D$19=1,J3951*Input!$C$19,0)+IF(Input!$D$20=1,K3951*Input!$C$20,0)+IF(Input!$D$21=1,L3951*Input!$C$21,0)+IF(Input!$D$22=1,M3951*Input!$C$22,0)</f>
        <v>0.30223945558613563</v>
      </c>
      <c r="O3951" s="59">
        <f>IF(Input!$D$19=2,J3951*Input!$C$19,0)+IF(Input!$D$20=2,K3951*Input!$C$20,0)+IF(Input!$D$21=2,L3951*Input!$C$21,0)+IF(Input!$D$22=2,M3951*Input!$C$22,0)</f>
        <v>0.75559863896533908</v>
      </c>
      <c r="P3951" s="59">
        <f>IF(Input!$D$19=3,J3951*Input!$C$19,0)+IF(Input!$D$20=3,K3951*Input!$C$20,0)+IF(Input!$D$21=3,L3951*Input!$C$21,0)+IF(Input!$D$22=3,M3951*Input!$C$22,0)</f>
        <v>0</v>
      </c>
      <c r="Q3951" s="75">
        <f>IF(Input!$D$19=4,J3951*Input!$C$19,0)+IF(Input!$D$20=4,K3951*Input!$C$20,0)+IF(Input!$D$21=4,L3951*Input!$C$21,0)+IF(Input!$D$22=4,M3951*Input!$C$22,0)</f>
        <v>0</v>
      </c>
      <c r="R3951" s="58">
        <v>70.077346801304358</v>
      </c>
      <c r="S3951" s="124">
        <f t="shared" si="61"/>
        <v>1.3097043075399211</v>
      </c>
    </row>
    <row r="3952" spans="8:19" x14ac:dyDescent="0.3">
      <c r="H3952" s="44">
        <v>3945</v>
      </c>
      <c r="I3952" s="56">
        <f>Bühler!I3978</f>
        <v>0.30223945558613563</v>
      </c>
      <c r="J3952" s="59">
        <f>Bühler!J3978</f>
        <v>1.0074648519537854</v>
      </c>
      <c r="K3952" s="59">
        <f>Bühler!K3978</f>
        <v>1.5111972779306782</v>
      </c>
      <c r="L3952" s="59">
        <f>Bühler!L3978</f>
        <v>7.2537469340672551</v>
      </c>
      <c r="M3952" s="58">
        <f>Bühler!M3978</f>
        <v>0</v>
      </c>
      <c r="N3952" s="56">
        <f>IF(Input!$D$19=1,J3952*Input!$C$19,0)+IF(Input!$D$20=1,K3952*Input!$C$20,0)+IF(Input!$D$21=1,L3952*Input!$C$21,0)+IF(Input!$D$22=1,M3952*Input!$C$22,0)</f>
        <v>0.30223945558613563</v>
      </c>
      <c r="O3952" s="59">
        <f>IF(Input!$D$19=2,J3952*Input!$C$19,0)+IF(Input!$D$20=2,K3952*Input!$C$20,0)+IF(Input!$D$21=2,L3952*Input!$C$21,0)+IF(Input!$D$22=2,M3952*Input!$C$22,0)</f>
        <v>0.75559863896533908</v>
      </c>
      <c r="P3952" s="59">
        <f>IF(Input!$D$19=3,J3952*Input!$C$19,0)+IF(Input!$D$20=3,K3952*Input!$C$20,0)+IF(Input!$D$21=3,L3952*Input!$C$21,0)+IF(Input!$D$22=3,M3952*Input!$C$22,0)</f>
        <v>0</v>
      </c>
      <c r="Q3952" s="75">
        <f>IF(Input!$D$19=4,J3952*Input!$C$19,0)+IF(Input!$D$20=4,K3952*Input!$C$20,0)+IF(Input!$D$21=4,L3952*Input!$C$21,0)+IF(Input!$D$22=4,M3952*Input!$C$22,0)</f>
        <v>0</v>
      </c>
      <c r="R3952" s="58">
        <v>70.95060105099158</v>
      </c>
      <c r="S3952" s="124">
        <f t="shared" si="61"/>
        <v>1.3097043075399211</v>
      </c>
    </row>
    <row r="3953" spans="8:19" x14ac:dyDescent="0.3">
      <c r="H3953" s="44">
        <v>3946</v>
      </c>
      <c r="I3953" s="56">
        <f>Bühler!I3979</f>
        <v>0.32479463883883225</v>
      </c>
      <c r="J3953" s="59">
        <f>Bühler!J3979</f>
        <v>1.0826487961294411</v>
      </c>
      <c r="K3953" s="59">
        <f>Bühler!K3979</f>
        <v>1.6239731941941613</v>
      </c>
      <c r="L3953" s="59">
        <f>Bühler!L3979</f>
        <v>7.7950713321319745</v>
      </c>
      <c r="M3953" s="58">
        <f>Bühler!M3979</f>
        <v>0</v>
      </c>
      <c r="N3953" s="56">
        <f>IF(Input!$D$19=1,J3953*Input!$C$19,0)+IF(Input!$D$20=1,K3953*Input!$C$20,0)+IF(Input!$D$21=1,L3953*Input!$C$21,0)+IF(Input!$D$22=1,M3953*Input!$C$22,0)</f>
        <v>0.32479463883883231</v>
      </c>
      <c r="O3953" s="59">
        <f>IF(Input!$D$19=2,J3953*Input!$C$19,0)+IF(Input!$D$20=2,K3953*Input!$C$20,0)+IF(Input!$D$21=2,L3953*Input!$C$21,0)+IF(Input!$D$22=2,M3953*Input!$C$22,0)</f>
        <v>0.81198659709708065</v>
      </c>
      <c r="P3953" s="59">
        <f>IF(Input!$D$19=3,J3953*Input!$C$19,0)+IF(Input!$D$20=3,K3953*Input!$C$20,0)+IF(Input!$D$21=3,L3953*Input!$C$21,0)+IF(Input!$D$22=3,M3953*Input!$C$22,0)</f>
        <v>0</v>
      </c>
      <c r="Q3953" s="75">
        <f>IF(Input!$D$19=4,J3953*Input!$C$19,0)+IF(Input!$D$20=4,K3953*Input!$C$20,0)+IF(Input!$D$21=4,L3953*Input!$C$21,0)+IF(Input!$D$22=4,M3953*Input!$C$22,0)</f>
        <v>0</v>
      </c>
      <c r="R3953" s="58">
        <v>71.740486642048609</v>
      </c>
      <c r="S3953" s="124">
        <f t="shared" si="61"/>
        <v>1.4074434349682734</v>
      </c>
    </row>
    <row r="3954" spans="8:19" x14ac:dyDescent="0.3">
      <c r="H3954" s="44">
        <v>3947</v>
      </c>
      <c r="I3954" s="56">
        <f>Bühler!I3980</f>
        <v>0.35186085874206829</v>
      </c>
      <c r="J3954" s="59">
        <f>Bühler!J3980</f>
        <v>1.1728695291402278</v>
      </c>
      <c r="K3954" s="59">
        <f>Bühler!K3980</f>
        <v>1.7593042937103414</v>
      </c>
      <c r="L3954" s="59">
        <f>Bühler!L3980</f>
        <v>8.4446606098096382</v>
      </c>
      <c r="M3954" s="58">
        <f>Bühler!M3980</f>
        <v>0</v>
      </c>
      <c r="N3954" s="56">
        <f>IF(Input!$D$19=1,J3954*Input!$C$19,0)+IF(Input!$D$20=1,K3954*Input!$C$20,0)+IF(Input!$D$21=1,L3954*Input!$C$21,0)+IF(Input!$D$22=1,M3954*Input!$C$22,0)</f>
        <v>0.35186085874206835</v>
      </c>
      <c r="O3954" s="59">
        <f>IF(Input!$D$19=2,J3954*Input!$C$19,0)+IF(Input!$D$20=2,K3954*Input!$C$20,0)+IF(Input!$D$21=2,L3954*Input!$C$21,0)+IF(Input!$D$22=2,M3954*Input!$C$22,0)</f>
        <v>0.87965214685517068</v>
      </c>
      <c r="P3954" s="59">
        <f>IF(Input!$D$19=3,J3954*Input!$C$19,0)+IF(Input!$D$20=3,K3954*Input!$C$20,0)+IF(Input!$D$21=3,L3954*Input!$C$21,0)+IF(Input!$D$22=3,M3954*Input!$C$22,0)</f>
        <v>0</v>
      </c>
      <c r="Q3954" s="75">
        <f>IF(Input!$D$19=4,J3954*Input!$C$19,0)+IF(Input!$D$20=4,K3954*Input!$C$20,0)+IF(Input!$D$21=4,L3954*Input!$C$21,0)+IF(Input!$D$22=4,M3954*Input!$C$22,0)</f>
        <v>0</v>
      </c>
      <c r="R3954" s="58">
        <v>72.805393505377523</v>
      </c>
      <c r="S3954" s="124">
        <f t="shared" si="61"/>
        <v>1.524730387882296</v>
      </c>
    </row>
    <row r="3955" spans="8:19" x14ac:dyDescent="0.3">
      <c r="H3955" s="44">
        <v>3948</v>
      </c>
      <c r="I3955" s="56">
        <f>Bühler!I3981</f>
        <v>0.40599329854854038</v>
      </c>
      <c r="J3955" s="59">
        <f>Bühler!J3981</f>
        <v>1.3533109951618014</v>
      </c>
      <c r="K3955" s="59">
        <f>Bühler!K3981</f>
        <v>2.0299664927427017</v>
      </c>
      <c r="L3955" s="59">
        <f>Bühler!L3981</f>
        <v>9.7438391651649692</v>
      </c>
      <c r="M3955" s="58">
        <f>Bühler!M3981</f>
        <v>0</v>
      </c>
      <c r="N3955" s="56">
        <f>IF(Input!$D$19=1,J3955*Input!$C$19,0)+IF(Input!$D$20=1,K3955*Input!$C$20,0)+IF(Input!$D$21=1,L3955*Input!$C$21,0)+IF(Input!$D$22=1,M3955*Input!$C$22,0)</f>
        <v>0.40599329854854044</v>
      </c>
      <c r="O3955" s="59">
        <f>IF(Input!$D$19=2,J3955*Input!$C$19,0)+IF(Input!$D$20=2,K3955*Input!$C$20,0)+IF(Input!$D$21=2,L3955*Input!$C$21,0)+IF(Input!$D$22=2,M3955*Input!$C$22,0)</f>
        <v>1.0149832463713508</v>
      </c>
      <c r="P3955" s="59">
        <f>IF(Input!$D$19=3,J3955*Input!$C$19,0)+IF(Input!$D$20=3,K3955*Input!$C$20,0)+IF(Input!$D$21=3,L3955*Input!$C$21,0)+IF(Input!$D$22=3,M3955*Input!$C$22,0)</f>
        <v>0</v>
      </c>
      <c r="Q3955" s="75">
        <f>IF(Input!$D$19=4,J3955*Input!$C$19,0)+IF(Input!$D$20=4,K3955*Input!$C$20,0)+IF(Input!$D$21=4,L3955*Input!$C$21,0)+IF(Input!$D$22=4,M3955*Input!$C$22,0)</f>
        <v>0</v>
      </c>
      <c r="R3955" s="58">
        <v>73.917519686017386</v>
      </c>
      <c r="S3955" s="124">
        <f t="shared" si="61"/>
        <v>1.7593042937103418</v>
      </c>
    </row>
    <row r="3956" spans="8:19" x14ac:dyDescent="0.3">
      <c r="H3956" s="44">
        <v>3949</v>
      </c>
      <c r="I3956" s="56">
        <f>Bühler!I3982</f>
        <v>0.40599329854854038</v>
      </c>
      <c r="J3956" s="59">
        <f>Bühler!J3982</f>
        <v>1.3533109951618014</v>
      </c>
      <c r="K3956" s="59">
        <f>Bühler!K3982</f>
        <v>2.0299664927427017</v>
      </c>
      <c r="L3956" s="59">
        <f>Bühler!L3982</f>
        <v>9.7438391651649692</v>
      </c>
      <c r="M3956" s="58">
        <f>Bühler!M3982</f>
        <v>0</v>
      </c>
      <c r="N3956" s="56">
        <f>IF(Input!$D$19=1,J3956*Input!$C$19,0)+IF(Input!$D$20=1,K3956*Input!$C$20,0)+IF(Input!$D$21=1,L3956*Input!$C$21,0)+IF(Input!$D$22=1,M3956*Input!$C$22,0)</f>
        <v>0.40599329854854044</v>
      </c>
      <c r="O3956" s="59">
        <f>IF(Input!$D$19=2,J3956*Input!$C$19,0)+IF(Input!$D$20=2,K3956*Input!$C$20,0)+IF(Input!$D$21=2,L3956*Input!$C$21,0)+IF(Input!$D$22=2,M3956*Input!$C$22,0)</f>
        <v>1.0149832463713508</v>
      </c>
      <c r="P3956" s="59">
        <f>IF(Input!$D$19=3,J3956*Input!$C$19,0)+IF(Input!$D$20=3,K3956*Input!$C$20,0)+IF(Input!$D$21=3,L3956*Input!$C$21,0)+IF(Input!$D$22=3,M3956*Input!$C$22,0)</f>
        <v>0</v>
      </c>
      <c r="Q3956" s="75">
        <f>IF(Input!$D$19=4,J3956*Input!$C$19,0)+IF(Input!$D$20=4,K3956*Input!$C$20,0)+IF(Input!$D$21=4,L3956*Input!$C$21,0)+IF(Input!$D$22=4,M3956*Input!$C$22,0)</f>
        <v>0</v>
      </c>
      <c r="R3956" s="58">
        <v>73.559761415654791</v>
      </c>
      <c r="S3956" s="124">
        <f t="shared" si="61"/>
        <v>1.7593042937103418</v>
      </c>
    </row>
    <row r="3957" spans="8:19" x14ac:dyDescent="0.3">
      <c r="H3957" s="44">
        <v>3950</v>
      </c>
      <c r="I3957" s="56">
        <f>Bühler!I3983</f>
        <v>0.40599329854854038</v>
      </c>
      <c r="J3957" s="59">
        <f>Bühler!J3983</f>
        <v>1.3533109951618014</v>
      </c>
      <c r="K3957" s="59">
        <f>Bühler!K3983</f>
        <v>2.0299664927427017</v>
      </c>
      <c r="L3957" s="59">
        <f>Bühler!L3983</f>
        <v>9.7438391651649692</v>
      </c>
      <c r="M3957" s="58">
        <f>Bühler!M3983</f>
        <v>0</v>
      </c>
      <c r="N3957" s="56">
        <f>IF(Input!$D$19=1,J3957*Input!$C$19,0)+IF(Input!$D$20=1,K3957*Input!$C$20,0)+IF(Input!$D$21=1,L3957*Input!$C$21,0)+IF(Input!$D$22=1,M3957*Input!$C$22,0)</f>
        <v>0.40599329854854044</v>
      </c>
      <c r="O3957" s="59">
        <f>IF(Input!$D$19=2,J3957*Input!$C$19,0)+IF(Input!$D$20=2,K3957*Input!$C$20,0)+IF(Input!$D$21=2,L3957*Input!$C$21,0)+IF(Input!$D$22=2,M3957*Input!$C$22,0)</f>
        <v>1.0149832463713508</v>
      </c>
      <c r="P3957" s="59">
        <f>IF(Input!$D$19=3,J3957*Input!$C$19,0)+IF(Input!$D$20=3,K3957*Input!$C$20,0)+IF(Input!$D$21=3,L3957*Input!$C$21,0)+IF(Input!$D$22=3,M3957*Input!$C$22,0)</f>
        <v>0</v>
      </c>
      <c r="Q3957" s="75">
        <f>IF(Input!$D$19=4,J3957*Input!$C$19,0)+IF(Input!$D$20=4,K3957*Input!$C$20,0)+IF(Input!$D$21=4,L3957*Input!$C$21,0)+IF(Input!$D$22=4,M3957*Input!$C$22,0)</f>
        <v>0</v>
      </c>
      <c r="R3957" s="58">
        <v>73.483537768397966</v>
      </c>
      <c r="S3957" s="124">
        <f t="shared" si="61"/>
        <v>1.7593042937103418</v>
      </c>
    </row>
    <row r="3958" spans="8:19" x14ac:dyDescent="0.3">
      <c r="H3958" s="44">
        <v>3951</v>
      </c>
      <c r="I3958" s="56">
        <f>Bühler!I3984</f>
        <v>0.40599329854854038</v>
      </c>
      <c r="J3958" s="59">
        <f>Bühler!J3984</f>
        <v>1.3533109951618014</v>
      </c>
      <c r="K3958" s="59">
        <f>Bühler!K3984</f>
        <v>2.0299664927427017</v>
      </c>
      <c r="L3958" s="59">
        <f>Bühler!L3984</f>
        <v>9.7438391651649692</v>
      </c>
      <c r="M3958" s="58">
        <f>Bühler!M3984</f>
        <v>0</v>
      </c>
      <c r="N3958" s="56">
        <f>IF(Input!$D$19=1,J3958*Input!$C$19,0)+IF(Input!$D$20=1,K3958*Input!$C$20,0)+IF(Input!$D$21=1,L3958*Input!$C$21,0)+IF(Input!$D$22=1,M3958*Input!$C$22,0)</f>
        <v>0.40599329854854044</v>
      </c>
      <c r="O3958" s="59">
        <f>IF(Input!$D$19=2,J3958*Input!$C$19,0)+IF(Input!$D$20=2,K3958*Input!$C$20,0)+IF(Input!$D$21=2,L3958*Input!$C$21,0)+IF(Input!$D$22=2,M3958*Input!$C$22,0)</f>
        <v>1.0149832463713508</v>
      </c>
      <c r="P3958" s="59">
        <f>IF(Input!$D$19=3,J3958*Input!$C$19,0)+IF(Input!$D$20=3,K3958*Input!$C$20,0)+IF(Input!$D$21=3,L3958*Input!$C$21,0)+IF(Input!$D$22=3,M3958*Input!$C$22,0)</f>
        <v>0</v>
      </c>
      <c r="Q3958" s="75">
        <f>IF(Input!$D$19=4,J3958*Input!$C$19,0)+IF(Input!$D$20=4,K3958*Input!$C$20,0)+IF(Input!$D$21=4,L3958*Input!$C$21,0)+IF(Input!$D$22=4,M3958*Input!$C$22,0)</f>
        <v>0</v>
      </c>
      <c r="R3958" s="58">
        <v>73.26400971330628</v>
      </c>
      <c r="S3958" s="124">
        <f t="shared" si="61"/>
        <v>1.7593042937103418</v>
      </c>
    </row>
    <row r="3959" spans="8:19" x14ac:dyDescent="0.3">
      <c r="H3959" s="44">
        <v>3952</v>
      </c>
      <c r="I3959" s="56">
        <f>Bühler!I3985</f>
        <v>0.40599329854854038</v>
      </c>
      <c r="J3959" s="59">
        <f>Bühler!J3985</f>
        <v>1.3533109951618014</v>
      </c>
      <c r="K3959" s="59">
        <f>Bühler!K3985</f>
        <v>2.0299664927427017</v>
      </c>
      <c r="L3959" s="59">
        <f>Bühler!L3985</f>
        <v>9.7438391651649692</v>
      </c>
      <c r="M3959" s="58">
        <f>Bühler!M3985</f>
        <v>0</v>
      </c>
      <c r="N3959" s="56">
        <f>IF(Input!$D$19=1,J3959*Input!$C$19,0)+IF(Input!$D$20=1,K3959*Input!$C$20,0)+IF(Input!$D$21=1,L3959*Input!$C$21,0)+IF(Input!$D$22=1,M3959*Input!$C$22,0)</f>
        <v>0.40599329854854044</v>
      </c>
      <c r="O3959" s="59">
        <f>IF(Input!$D$19=2,J3959*Input!$C$19,0)+IF(Input!$D$20=2,K3959*Input!$C$20,0)+IF(Input!$D$21=2,L3959*Input!$C$21,0)+IF(Input!$D$22=2,M3959*Input!$C$22,0)</f>
        <v>1.0149832463713508</v>
      </c>
      <c r="P3959" s="59">
        <f>IF(Input!$D$19=3,J3959*Input!$C$19,0)+IF(Input!$D$20=3,K3959*Input!$C$20,0)+IF(Input!$D$21=3,L3959*Input!$C$21,0)+IF(Input!$D$22=3,M3959*Input!$C$22,0)</f>
        <v>0</v>
      </c>
      <c r="Q3959" s="75">
        <f>IF(Input!$D$19=4,J3959*Input!$C$19,0)+IF(Input!$D$20=4,K3959*Input!$C$20,0)+IF(Input!$D$21=4,L3959*Input!$C$21,0)+IF(Input!$D$22=4,M3959*Input!$C$22,0)</f>
        <v>0</v>
      </c>
      <c r="R3959" s="58">
        <v>72.420407694282218</v>
      </c>
      <c r="S3959" s="124">
        <f t="shared" si="61"/>
        <v>1.7593042937103418</v>
      </c>
    </row>
    <row r="3960" spans="8:19" x14ac:dyDescent="0.3">
      <c r="H3960" s="44">
        <v>3953</v>
      </c>
      <c r="I3960" s="56">
        <f>Bühler!I3986</f>
        <v>0.40599329854854038</v>
      </c>
      <c r="J3960" s="59">
        <f>Bühler!J3986</f>
        <v>1.3533109951618014</v>
      </c>
      <c r="K3960" s="59">
        <f>Bühler!K3986</f>
        <v>2.0299664927427017</v>
      </c>
      <c r="L3960" s="59">
        <f>Bühler!L3986</f>
        <v>9.7438391651649692</v>
      </c>
      <c r="M3960" s="58">
        <f>Bühler!M3986</f>
        <v>0</v>
      </c>
      <c r="N3960" s="56">
        <f>IF(Input!$D$19=1,J3960*Input!$C$19,0)+IF(Input!$D$20=1,K3960*Input!$C$20,0)+IF(Input!$D$21=1,L3960*Input!$C$21,0)+IF(Input!$D$22=1,M3960*Input!$C$22,0)</f>
        <v>0.40599329854854044</v>
      </c>
      <c r="O3960" s="59">
        <f>IF(Input!$D$19=2,J3960*Input!$C$19,0)+IF(Input!$D$20=2,K3960*Input!$C$20,0)+IF(Input!$D$21=2,L3960*Input!$C$21,0)+IF(Input!$D$22=2,M3960*Input!$C$22,0)</f>
        <v>1.0149832463713508</v>
      </c>
      <c r="P3960" s="59">
        <f>IF(Input!$D$19=3,J3960*Input!$C$19,0)+IF(Input!$D$20=3,K3960*Input!$C$20,0)+IF(Input!$D$21=3,L3960*Input!$C$21,0)+IF(Input!$D$22=3,M3960*Input!$C$22,0)</f>
        <v>0</v>
      </c>
      <c r="Q3960" s="75">
        <f>IF(Input!$D$19=4,J3960*Input!$C$19,0)+IF(Input!$D$20=4,K3960*Input!$C$20,0)+IF(Input!$D$21=4,L3960*Input!$C$21,0)+IF(Input!$D$22=4,M3960*Input!$C$22,0)</f>
        <v>0</v>
      </c>
      <c r="R3960" s="58">
        <v>70.453728475967722</v>
      </c>
      <c r="S3960" s="124">
        <f t="shared" si="61"/>
        <v>1.7593042937103418</v>
      </c>
    </row>
    <row r="3961" spans="8:19" x14ac:dyDescent="0.3">
      <c r="H3961" s="44">
        <v>3954</v>
      </c>
      <c r="I3961" s="56">
        <f>Bühler!I3987</f>
        <v>0.40599329854854038</v>
      </c>
      <c r="J3961" s="59">
        <f>Bühler!J3987</f>
        <v>1.3533109951618014</v>
      </c>
      <c r="K3961" s="59">
        <f>Bühler!K3987</f>
        <v>2.0299664927427017</v>
      </c>
      <c r="L3961" s="59">
        <f>Bühler!L3987</f>
        <v>9.7438391651649692</v>
      </c>
      <c r="M3961" s="58">
        <f>Bühler!M3987</f>
        <v>0</v>
      </c>
      <c r="N3961" s="56">
        <f>IF(Input!$D$19=1,J3961*Input!$C$19,0)+IF(Input!$D$20=1,K3961*Input!$C$20,0)+IF(Input!$D$21=1,L3961*Input!$C$21,0)+IF(Input!$D$22=1,M3961*Input!$C$22,0)</f>
        <v>0.40599329854854044</v>
      </c>
      <c r="O3961" s="59">
        <f>IF(Input!$D$19=2,J3961*Input!$C$19,0)+IF(Input!$D$20=2,K3961*Input!$C$20,0)+IF(Input!$D$21=2,L3961*Input!$C$21,0)+IF(Input!$D$22=2,M3961*Input!$C$22,0)</f>
        <v>1.0149832463713508</v>
      </c>
      <c r="P3961" s="59">
        <f>IF(Input!$D$19=3,J3961*Input!$C$19,0)+IF(Input!$D$20=3,K3961*Input!$C$20,0)+IF(Input!$D$21=3,L3961*Input!$C$21,0)+IF(Input!$D$22=3,M3961*Input!$C$22,0)</f>
        <v>0</v>
      </c>
      <c r="Q3961" s="75">
        <f>IF(Input!$D$19=4,J3961*Input!$C$19,0)+IF(Input!$D$20=4,K3961*Input!$C$20,0)+IF(Input!$D$21=4,L3961*Input!$C$21,0)+IF(Input!$D$22=4,M3961*Input!$C$22,0)</f>
        <v>0</v>
      </c>
      <c r="R3961" s="58">
        <v>68.657867174569361</v>
      </c>
      <c r="S3961" s="124">
        <f t="shared" si="61"/>
        <v>1.7593042937103418</v>
      </c>
    </row>
    <row r="3962" spans="8:19" x14ac:dyDescent="0.3">
      <c r="H3962" s="44">
        <v>3955</v>
      </c>
      <c r="I3962" s="56">
        <f>Bühler!I3988</f>
        <v>0.40599329854854038</v>
      </c>
      <c r="J3962" s="59">
        <f>Bühler!J3988</f>
        <v>1.3533109951618014</v>
      </c>
      <c r="K3962" s="59">
        <f>Bühler!K3988</f>
        <v>2.0299664927427017</v>
      </c>
      <c r="L3962" s="59">
        <f>Bühler!L3988</f>
        <v>9.7438391651649692</v>
      </c>
      <c r="M3962" s="58">
        <f>Bühler!M3988</f>
        <v>0</v>
      </c>
      <c r="N3962" s="56">
        <f>IF(Input!$D$19=1,J3962*Input!$C$19,0)+IF(Input!$D$20=1,K3962*Input!$C$20,0)+IF(Input!$D$21=1,L3962*Input!$C$21,0)+IF(Input!$D$22=1,M3962*Input!$C$22,0)</f>
        <v>0.40599329854854044</v>
      </c>
      <c r="O3962" s="59">
        <f>IF(Input!$D$19=2,J3962*Input!$C$19,0)+IF(Input!$D$20=2,K3962*Input!$C$20,0)+IF(Input!$D$21=2,L3962*Input!$C$21,0)+IF(Input!$D$22=2,M3962*Input!$C$22,0)</f>
        <v>1.0149832463713508</v>
      </c>
      <c r="P3962" s="59">
        <f>IF(Input!$D$19=3,J3962*Input!$C$19,0)+IF(Input!$D$20=3,K3962*Input!$C$20,0)+IF(Input!$D$21=3,L3962*Input!$C$21,0)+IF(Input!$D$22=3,M3962*Input!$C$22,0)</f>
        <v>0</v>
      </c>
      <c r="Q3962" s="75">
        <f>IF(Input!$D$19=4,J3962*Input!$C$19,0)+IF(Input!$D$20=4,K3962*Input!$C$20,0)+IF(Input!$D$21=4,L3962*Input!$C$21,0)+IF(Input!$D$22=4,M3962*Input!$C$22,0)</f>
        <v>0</v>
      </c>
      <c r="R3962" s="58">
        <v>66.440646653375538</v>
      </c>
      <c r="S3962" s="124">
        <f t="shared" si="61"/>
        <v>1.7593042937103418</v>
      </c>
    </row>
    <row r="3963" spans="8:19" x14ac:dyDescent="0.3">
      <c r="H3963" s="44">
        <v>3956</v>
      </c>
      <c r="I3963" s="56">
        <f>Bühler!I3989</f>
        <v>0.3383277487904503</v>
      </c>
      <c r="J3963" s="59">
        <f>Bühler!J3989</f>
        <v>1.1277591626348344</v>
      </c>
      <c r="K3963" s="59">
        <f>Bühler!K3989</f>
        <v>1.6916387439522513</v>
      </c>
      <c r="L3963" s="59">
        <f>Bühler!L3989</f>
        <v>8.1198659709708068</v>
      </c>
      <c r="M3963" s="58">
        <f>Bühler!M3989</f>
        <v>0</v>
      </c>
      <c r="N3963" s="56">
        <f>IF(Input!$D$19=1,J3963*Input!$C$19,0)+IF(Input!$D$20=1,K3963*Input!$C$20,0)+IF(Input!$D$21=1,L3963*Input!$C$21,0)+IF(Input!$D$22=1,M3963*Input!$C$22,0)</f>
        <v>0.3383277487904503</v>
      </c>
      <c r="O3963" s="59">
        <f>IF(Input!$D$19=2,J3963*Input!$C$19,0)+IF(Input!$D$20=2,K3963*Input!$C$20,0)+IF(Input!$D$21=2,L3963*Input!$C$21,0)+IF(Input!$D$22=2,M3963*Input!$C$22,0)</f>
        <v>0.84581937197612567</v>
      </c>
      <c r="P3963" s="59">
        <f>IF(Input!$D$19=3,J3963*Input!$C$19,0)+IF(Input!$D$20=3,K3963*Input!$C$20,0)+IF(Input!$D$21=3,L3963*Input!$C$21,0)+IF(Input!$D$22=3,M3963*Input!$C$22,0)</f>
        <v>0</v>
      </c>
      <c r="Q3963" s="75">
        <f>IF(Input!$D$19=4,J3963*Input!$C$19,0)+IF(Input!$D$20=4,K3963*Input!$C$20,0)+IF(Input!$D$21=4,L3963*Input!$C$21,0)+IF(Input!$D$22=4,M3963*Input!$C$22,0)</f>
        <v>0</v>
      </c>
      <c r="R3963" s="58">
        <v>65.209993084405752</v>
      </c>
      <c r="S3963" s="124">
        <f t="shared" si="61"/>
        <v>1.4660869114252848</v>
      </c>
    </row>
    <row r="3964" spans="8:19" x14ac:dyDescent="0.3">
      <c r="H3964" s="44">
        <v>3957</v>
      </c>
      <c r="I3964" s="56">
        <f>Bühler!I3990</f>
        <v>0.27066219903236022</v>
      </c>
      <c r="J3964" s="59">
        <f>Bühler!J3990</f>
        <v>0.90220733010786747</v>
      </c>
      <c r="K3964" s="59">
        <f>Bühler!K3990</f>
        <v>1.353310995161801</v>
      </c>
      <c r="L3964" s="59">
        <f>Bühler!L3990</f>
        <v>6.4958927767766452</v>
      </c>
      <c r="M3964" s="58">
        <f>Bühler!M3990</f>
        <v>0</v>
      </c>
      <c r="N3964" s="56">
        <f>IF(Input!$D$19=1,J3964*Input!$C$19,0)+IF(Input!$D$20=1,K3964*Input!$C$20,0)+IF(Input!$D$21=1,L3964*Input!$C$21,0)+IF(Input!$D$22=1,M3964*Input!$C$22,0)</f>
        <v>0.27066219903236022</v>
      </c>
      <c r="O3964" s="59">
        <f>IF(Input!$D$19=2,J3964*Input!$C$19,0)+IF(Input!$D$20=2,K3964*Input!$C$20,0)+IF(Input!$D$21=2,L3964*Input!$C$21,0)+IF(Input!$D$22=2,M3964*Input!$C$22,0)</f>
        <v>0.67665549758090049</v>
      </c>
      <c r="P3964" s="59">
        <f>IF(Input!$D$19=3,J3964*Input!$C$19,0)+IF(Input!$D$20=3,K3964*Input!$C$20,0)+IF(Input!$D$21=3,L3964*Input!$C$21,0)+IF(Input!$D$22=3,M3964*Input!$C$22,0)</f>
        <v>0</v>
      </c>
      <c r="Q3964" s="75">
        <f>IF(Input!$D$19=4,J3964*Input!$C$19,0)+IF(Input!$D$20=4,K3964*Input!$C$20,0)+IF(Input!$D$21=4,L3964*Input!$C$21,0)+IF(Input!$D$22=4,M3964*Input!$C$22,0)</f>
        <v>0</v>
      </c>
      <c r="R3964" s="58">
        <v>63.291518263946656</v>
      </c>
      <c r="S3964" s="124">
        <f t="shared" si="61"/>
        <v>1.1728695291402276</v>
      </c>
    </row>
    <row r="3965" spans="8:19" x14ac:dyDescent="0.3">
      <c r="H3965" s="44">
        <v>3958</v>
      </c>
      <c r="I3965" s="56">
        <f>Bühler!I3991</f>
        <v>0.20299664927427019</v>
      </c>
      <c r="J3965" s="59">
        <f>Bühler!J3991</f>
        <v>0.67665549758090071</v>
      </c>
      <c r="K3965" s="59">
        <f>Bühler!K3991</f>
        <v>1.0149832463713508</v>
      </c>
      <c r="L3965" s="59">
        <f>Bühler!L3991</f>
        <v>4.8719195825824846</v>
      </c>
      <c r="M3965" s="58">
        <f>Bühler!M3991</f>
        <v>0</v>
      </c>
      <c r="N3965" s="56">
        <f>IF(Input!$D$19=1,J3965*Input!$C$19,0)+IF(Input!$D$20=1,K3965*Input!$C$20,0)+IF(Input!$D$21=1,L3965*Input!$C$21,0)+IF(Input!$D$22=1,M3965*Input!$C$22,0)</f>
        <v>0.20299664927427022</v>
      </c>
      <c r="O3965" s="59">
        <f>IF(Input!$D$19=2,J3965*Input!$C$19,0)+IF(Input!$D$20=2,K3965*Input!$C$20,0)+IF(Input!$D$21=2,L3965*Input!$C$21,0)+IF(Input!$D$22=2,M3965*Input!$C$22,0)</f>
        <v>0.50749162318567542</v>
      </c>
      <c r="P3965" s="59">
        <f>IF(Input!$D$19=3,J3965*Input!$C$19,0)+IF(Input!$D$20=3,K3965*Input!$C$20,0)+IF(Input!$D$21=3,L3965*Input!$C$21,0)+IF(Input!$D$22=3,M3965*Input!$C$22,0)</f>
        <v>0</v>
      </c>
      <c r="Q3965" s="75">
        <f>IF(Input!$D$19=4,J3965*Input!$C$19,0)+IF(Input!$D$20=4,K3965*Input!$C$20,0)+IF(Input!$D$21=4,L3965*Input!$C$21,0)+IF(Input!$D$22=4,M3965*Input!$C$22,0)</f>
        <v>0</v>
      </c>
      <c r="R3965" s="58">
        <v>61.224638835267726</v>
      </c>
      <c r="S3965" s="124">
        <f t="shared" si="61"/>
        <v>0.8796521468551709</v>
      </c>
    </row>
    <row r="3966" spans="8:19" x14ac:dyDescent="0.3">
      <c r="H3966" s="44">
        <v>3959</v>
      </c>
      <c r="I3966" s="56">
        <f>Bühler!I3992</f>
        <v>0.20299664927427019</v>
      </c>
      <c r="J3966" s="59">
        <f>Bühler!J3992</f>
        <v>0.67665549758090071</v>
      </c>
      <c r="K3966" s="59">
        <f>Bühler!K3992</f>
        <v>1.0149832463713508</v>
      </c>
      <c r="L3966" s="59">
        <f>Bühler!L3992</f>
        <v>4.8719195825824846</v>
      </c>
      <c r="M3966" s="58">
        <f>Bühler!M3992</f>
        <v>0</v>
      </c>
      <c r="N3966" s="56">
        <f>IF(Input!$D$19=1,J3966*Input!$C$19,0)+IF(Input!$D$20=1,K3966*Input!$C$20,0)+IF(Input!$D$21=1,L3966*Input!$C$21,0)+IF(Input!$D$22=1,M3966*Input!$C$22,0)</f>
        <v>0.20299664927427022</v>
      </c>
      <c r="O3966" s="59">
        <f>IF(Input!$D$19=2,J3966*Input!$C$19,0)+IF(Input!$D$20=2,K3966*Input!$C$20,0)+IF(Input!$D$21=2,L3966*Input!$C$21,0)+IF(Input!$D$22=2,M3966*Input!$C$22,0)</f>
        <v>0.50749162318567542</v>
      </c>
      <c r="P3966" s="59">
        <f>IF(Input!$D$19=3,J3966*Input!$C$19,0)+IF(Input!$D$20=3,K3966*Input!$C$20,0)+IF(Input!$D$21=3,L3966*Input!$C$21,0)+IF(Input!$D$22=3,M3966*Input!$C$22,0)</f>
        <v>0</v>
      </c>
      <c r="Q3966" s="75">
        <f>IF(Input!$D$19=4,J3966*Input!$C$19,0)+IF(Input!$D$20=4,K3966*Input!$C$20,0)+IF(Input!$D$21=4,L3966*Input!$C$21,0)+IF(Input!$D$22=4,M3966*Input!$C$22,0)</f>
        <v>0</v>
      </c>
      <c r="R3966" s="58">
        <v>61.145203771302057</v>
      </c>
      <c r="S3966" s="124">
        <f t="shared" si="61"/>
        <v>0.8796521468551709</v>
      </c>
    </row>
    <row r="3967" spans="8:19" x14ac:dyDescent="0.3">
      <c r="H3967" s="44">
        <v>3960</v>
      </c>
      <c r="I3967" s="56">
        <f>Bühler!I3993</f>
        <v>0.20299664927427019</v>
      </c>
      <c r="J3967" s="59">
        <f>Bühler!J3993</f>
        <v>0.67665549758090071</v>
      </c>
      <c r="K3967" s="59">
        <f>Bühler!K3993</f>
        <v>1.0149832463713508</v>
      </c>
      <c r="L3967" s="59">
        <f>Bühler!L3993</f>
        <v>4.8719195825824846</v>
      </c>
      <c r="M3967" s="58">
        <f>Bühler!M3993</f>
        <v>0</v>
      </c>
      <c r="N3967" s="56">
        <f>IF(Input!$D$19=1,J3967*Input!$C$19,0)+IF(Input!$D$20=1,K3967*Input!$C$20,0)+IF(Input!$D$21=1,L3967*Input!$C$21,0)+IF(Input!$D$22=1,M3967*Input!$C$22,0)</f>
        <v>0.20299664927427022</v>
      </c>
      <c r="O3967" s="59">
        <f>IF(Input!$D$19=2,J3967*Input!$C$19,0)+IF(Input!$D$20=2,K3967*Input!$C$20,0)+IF(Input!$D$21=2,L3967*Input!$C$21,0)+IF(Input!$D$22=2,M3967*Input!$C$22,0)</f>
        <v>0.50749162318567542</v>
      </c>
      <c r="P3967" s="59">
        <f>IF(Input!$D$19=3,J3967*Input!$C$19,0)+IF(Input!$D$20=3,K3967*Input!$C$20,0)+IF(Input!$D$21=3,L3967*Input!$C$21,0)+IF(Input!$D$22=3,M3967*Input!$C$22,0)</f>
        <v>0</v>
      </c>
      <c r="Q3967" s="75">
        <f>IF(Input!$D$19=4,J3967*Input!$C$19,0)+IF(Input!$D$20=4,K3967*Input!$C$20,0)+IF(Input!$D$21=4,L3967*Input!$C$21,0)+IF(Input!$D$22=4,M3967*Input!$C$22,0)</f>
        <v>0</v>
      </c>
      <c r="R3967" s="58">
        <v>60.97615203256499</v>
      </c>
      <c r="S3967" s="124">
        <f t="shared" si="61"/>
        <v>0.8796521468551709</v>
      </c>
    </row>
    <row r="3968" spans="8:19" x14ac:dyDescent="0.3">
      <c r="H3968" s="44">
        <v>3961</v>
      </c>
      <c r="I3968" s="56">
        <f>Bühler!I3994</f>
        <v>0.2224664635629611</v>
      </c>
      <c r="J3968" s="59">
        <f>Bühler!J3994</f>
        <v>0.74155487854320379</v>
      </c>
      <c r="K3968" s="59">
        <f>Bühler!K3994</f>
        <v>1.1123323178148055</v>
      </c>
      <c r="L3968" s="59">
        <f>Bühler!L3994</f>
        <v>5.3391951255110666</v>
      </c>
      <c r="M3968" s="58">
        <f>Bühler!M3994</f>
        <v>0</v>
      </c>
      <c r="N3968" s="56">
        <f>IF(Input!$D$19=1,J3968*Input!$C$19,0)+IF(Input!$D$20=1,K3968*Input!$C$20,0)+IF(Input!$D$21=1,L3968*Input!$C$21,0)+IF(Input!$D$22=1,M3968*Input!$C$22,0)</f>
        <v>0.22246646356296113</v>
      </c>
      <c r="O3968" s="59">
        <f>IF(Input!$D$19=2,J3968*Input!$C$19,0)+IF(Input!$D$20=2,K3968*Input!$C$20,0)+IF(Input!$D$21=2,L3968*Input!$C$21,0)+IF(Input!$D$22=2,M3968*Input!$C$22,0)</f>
        <v>0.55616615890740273</v>
      </c>
      <c r="P3968" s="59">
        <f>IF(Input!$D$19=3,J3968*Input!$C$19,0)+IF(Input!$D$20=3,K3968*Input!$C$20,0)+IF(Input!$D$21=3,L3968*Input!$C$21,0)+IF(Input!$D$22=3,M3968*Input!$C$22,0)</f>
        <v>0</v>
      </c>
      <c r="Q3968" s="75">
        <f>IF(Input!$D$19=4,J3968*Input!$C$19,0)+IF(Input!$D$20=4,K3968*Input!$C$20,0)+IF(Input!$D$21=4,L3968*Input!$C$21,0)+IF(Input!$D$22=4,M3968*Input!$C$22,0)</f>
        <v>0</v>
      </c>
      <c r="R3968" s="58">
        <v>59.737186414999087</v>
      </c>
      <c r="S3968" s="124">
        <f t="shared" si="61"/>
        <v>0.96402134210616486</v>
      </c>
    </row>
    <row r="3969" spans="8:19" x14ac:dyDescent="0.3">
      <c r="H3969" s="44">
        <v>3962</v>
      </c>
      <c r="I3969" s="56">
        <f>Bühler!I3995</f>
        <v>0.2224664635629611</v>
      </c>
      <c r="J3969" s="59">
        <f>Bühler!J3995</f>
        <v>0.74155487854320379</v>
      </c>
      <c r="K3969" s="59">
        <f>Bühler!K3995</f>
        <v>1.1123323178148055</v>
      </c>
      <c r="L3969" s="59">
        <f>Bühler!L3995</f>
        <v>5.3391951255110666</v>
      </c>
      <c r="M3969" s="58">
        <f>Bühler!M3995</f>
        <v>0</v>
      </c>
      <c r="N3969" s="56">
        <f>IF(Input!$D$19=1,J3969*Input!$C$19,0)+IF(Input!$D$20=1,K3969*Input!$C$20,0)+IF(Input!$D$21=1,L3969*Input!$C$21,0)+IF(Input!$D$22=1,M3969*Input!$C$22,0)</f>
        <v>0.22246646356296113</v>
      </c>
      <c r="O3969" s="59">
        <f>IF(Input!$D$19=2,J3969*Input!$C$19,0)+IF(Input!$D$20=2,K3969*Input!$C$20,0)+IF(Input!$D$21=2,L3969*Input!$C$21,0)+IF(Input!$D$22=2,M3969*Input!$C$22,0)</f>
        <v>0.55616615890740273</v>
      </c>
      <c r="P3969" s="59">
        <f>IF(Input!$D$19=3,J3969*Input!$C$19,0)+IF(Input!$D$20=3,K3969*Input!$C$20,0)+IF(Input!$D$21=3,L3969*Input!$C$21,0)+IF(Input!$D$22=3,M3969*Input!$C$22,0)</f>
        <v>0</v>
      </c>
      <c r="Q3969" s="75">
        <f>IF(Input!$D$19=4,J3969*Input!$C$19,0)+IF(Input!$D$20=4,K3969*Input!$C$20,0)+IF(Input!$D$21=4,L3969*Input!$C$21,0)+IF(Input!$D$22=4,M3969*Input!$C$22,0)</f>
        <v>0</v>
      </c>
      <c r="R3969" s="58">
        <v>59.375803270260455</v>
      </c>
      <c r="S3969" s="124">
        <f t="shared" si="61"/>
        <v>0.96402134210616486</v>
      </c>
    </row>
    <row r="3970" spans="8:19" x14ac:dyDescent="0.3">
      <c r="H3970" s="44">
        <v>3963</v>
      </c>
      <c r="I3970" s="56">
        <f>Bühler!I3996</f>
        <v>0.2224664635629611</v>
      </c>
      <c r="J3970" s="59">
        <f>Bühler!J3996</f>
        <v>0.74155487854320379</v>
      </c>
      <c r="K3970" s="59">
        <f>Bühler!K3996</f>
        <v>1.1123323178148055</v>
      </c>
      <c r="L3970" s="59">
        <f>Bühler!L3996</f>
        <v>5.3391951255110666</v>
      </c>
      <c r="M3970" s="58">
        <f>Bühler!M3996</f>
        <v>0</v>
      </c>
      <c r="N3970" s="56">
        <f>IF(Input!$D$19=1,J3970*Input!$C$19,0)+IF(Input!$D$20=1,K3970*Input!$C$20,0)+IF(Input!$D$21=1,L3970*Input!$C$21,0)+IF(Input!$D$22=1,M3970*Input!$C$22,0)</f>
        <v>0.22246646356296113</v>
      </c>
      <c r="O3970" s="59">
        <f>IF(Input!$D$19=2,J3970*Input!$C$19,0)+IF(Input!$D$20=2,K3970*Input!$C$20,0)+IF(Input!$D$21=2,L3970*Input!$C$21,0)+IF(Input!$D$22=2,M3970*Input!$C$22,0)</f>
        <v>0.55616615890740273</v>
      </c>
      <c r="P3970" s="59">
        <f>IF(Input!$D$19=3,J3970*Input!$C$19,0)+IF(Input!$D$20=3,K3970*Input!$C$20,0)+IF(Input!$D$21=3,L3970*Input!$C$21,0)+IF(Input!$D$22=3,M3970*Input!$C$22,0)</f>
        <v>0</v>
      </c>
      <c r="Q3970" s="75">
        <f>IF(Input!$D$19=4,J3970*Input!$C$19,0)+IF(Input!$D$20=4,K3970*Input!$C$20,0)+IF(Input!$D$21=4,L3970*Input!$C$21,0)+IF(Input!$D$22=4,M3970*Input!$C$22,0)</f>
        <v>0</v>
      </c>
      <c r="R3970" s="58">
        <v>59.169582962136047</v>
      </c>
      <c r="S3970" s="124">
        <f t="shared" si="61"/>
        <v>0.96402134210616486</v>
      </c>
    </row>
    <row r="3971" spans="8:19" x14ac:dyDescent="0.3">
      <c r="H3971" s="44">
        <v>3964</v>
      </c>
      <c r="I3971" s="56">
        <f>Bühler!I3997</f>
        <v>0.2224664635629611</v>
      </c>
      <c r="J3971" s="59">
        <f>Bühler!J3997</f>
        <v>0.74155487854320379</v>
      </c>
      <c r="K3971" s="59">
        <f>Bühler!K3997</f>
        <v>1.1123323178148055</v>
      </c>
      <c r="L3971" s="59">
        <f>Bühler!L3997</f>
        <v>5.3391951255110666</v>
      </c>
      <c r="M3971" s="58">
        <f>Bühler!M3997</f>
        <v>0</v>
      </c>
      <c r="N3971" s="56">
        <f>IF(Input!$D$19=1,J3971*Input!$C$19,0)+IF(Input!$D$20=1,K3971*Input!$C$20,0)+IF(Input!$D$21=1,L3971*Input!$C$21,0)+IF(Input!$D$22=1,M3971*Input!$C$22,0)</f>
        <v>0.22246646356296113</v>
      </c>
      <c r="O3971" s="59">
        <f>IF(Input!$D$19=2,J3971*Input!$C$19,0)+IF(Input!$D$20=2,K3971*Input!$C$20,0)+IF(Input!$D$21=2,L3971*Input!$C$21,0)+IF(Input!$D$22=2,M3971*Input!$C$22,0)</f>
        <v>0.55616615890740273</v>
      </c>
      <c r="P3971" s="59">
        <f>IF(Input!$D$19=3,J3971*Input!$C$19,0)+IF(Input!$D$20=3,K3971*Input!$C$20,0)+IF(Input!$D$21=3,L3971*Input!$C$21,0)+IF(Input!$D$22=3,M3971*Input!$C$22,0)</f>
        <v>0</v>
      </c>
      <c r="Q3971" s="75">
        <f>IF(Input!$D$19=4,J3971*Input!$C$19,0)+IF(Input!$D$20=4,K3971*Input!$C$20,0)+IF(Input!$D$21=4,L3971*Input!$C$21,0)+IF(Input!$D$22=4,M3971*Input!$C$22,0)</f>
        <v>0</v>
      </c>
      <c r="R3971" s="58">
        <v>59.387112357372693</v>
      </c>
      <c r="S3971" s="124">
        <f t="shared" si="61"/>
        <v>0.96402134210616486</v>
      </c>
    </row>
    <row r="3972" spans="8:19" x14ac:dyDescent="0.3">
      <c r="H3972" s="44">
        <v>3965</v>
      </c>
      <c r="I3972" s="56">
        <f>Bühler!I3998</f>
        <v>0.2224664635629611</v>
      </c>
      <c r="J3972" s="59">
        <f>Bühler!J3998</f>
        <v>0.74155487854320379</v>
      </c>
      <c r="K3972" s="59">
        <f>Bühler!K3998</f>
        <v>1.1123323178148055</v>
      </c>
      <c r="L3972" s="59">
        <f>Bühler!L3998</f>
        <v>5.3391951255110666</v>
      </c>
      <c r="M3972" s="58">
        <f>Bühler!M3998</f>
        <v>0</v>
      </c>
      <c r="N3972" s="56">
        <f>IF(Input!$D$19=1,J3972*Input!$C$19,0)+IF(Input!$D$20=1,K3972*Input!$C$20,0)+IF(Input!$D$21=1,L3972*Input!$C$21,0)+IF(Input!$D$22=1,M3972*Input!$C$22,0)</f>
        <v>0.22246646356296113</v>
      </c>
      <c r="O3972" s="59">
        <f>IF(Input!$D$19=2,J3972*Input!$C$19,0)+IF(Input!$D$20=2,K3972*Input!$C$20,0)+IF(Input!$D$21=2,L3972*Input!$C$21,0)+IF(Input!$D$22=2,M3972*Input!$C$22,0)</f>
        <v>0.55616615890740273</v>
      </c>
      <c r="P3972" s="59">
        <f>IF(Input!$D$19=3,J3972*Input!$C$19,0)+IF(Input!$D$20=3,K3972*Input!$C$20,0)+IF(Input!$D$21=3,L3972*Input!$C$21,0)+IF(Input!$D$22=3,M3972*Input!$C$22,0)</f>
        <v>0</v>
      </c>
      <c r="Q3972" s="75">
        <f>IF(Input!$D$19=4,J3972*Input!$C$19,0)+IF(Input!$D$20=4,K3972*Input!$C$20,0)+IF(Input!$D$21=4,L3972*Input!$C$21,0)+IF(Input!$D$22=4,M3972*Input!$C$22,0)</f>
        <v>0</v>
      </c>
      <c r="R3972" s="58">
        <v>60.797197590423863</v>
      </c>
      <c r="S3972" s="124">
        <f t="shared" si="61"/>
        <v>0.96402134210616486</v>
      </c>
    </row>
    <row r="3973" spans="8:19" x14ac:dyDescent="0.3">
      <c r="H3973" s="44">
        <v>3966</v>
      </c>
      <c r="I3973" s="56">
        <f>Bühler!I3999</f>
        <v>0.28673455303670542</v>
      </c>
      <c r="J3973" s="59">
        <f>Bühler!J3999</f>
        <v>0.95578184345568484</v>
      </c>
      <c r="K3973" s="59">
        <f>Bühler!K3999</f>
        <v>1.4336727651835273</v>
      </c>
      <c r="L3973" s="59">
        <f>Bühler!L3999</f>
        <v>6.8816292728809305</v>
      </c>
      <c r="M3973" s="58">
        <f>Bühler!M3999</f>
        <v>0</v>
      </c>
      <c r="N3973" s="56">
        <f>IF(Input!$D$19=1,J3973*Input!$C$19,0)+IF(Input!$D$20=1,K3973*Input!$C$20,0)+IF(Input!$D$21=1,L3973*Input!$C$21,0)+IF(Input!$D$22=1,M3973*Input!$C$22,0)</f>
        <v>0.28673455303670542</v>
      </c>
      <c r="O3973" s="59">
        <f>IF(Input!$D$19=2,J3973*Input!$C$19,0)+IF(Input!$D$20=2,K3973*Input!$C$20,0)+IF(Input!$D$21=2,L3973*Input!$C$21,0)+IF(Input!$D$22=2,M3973*Input!$C$22,0)</f>
        <v>0.71683638259176363</v>
      </c>
      <c r="P3973" s="59">
        <f>IF(Input!$D$19=3,J3973*Input!$C$19,0)+IF(Input!$D$20=3,K3973*Input!$C$20,0)+IF(Input!$D$21=3,L3973*Input!$C$21,0)+IF(Input!$D$22=3,M3973*Input!$C$22,0)</f>
        <v>0</v>
      </c>
      <c r="Q3973" s="75">
        <f>IF(Input!$D$19=4,J3973*Input!$C$19,0)+IF(Input!$D$20=4,K3973*Input!$C$20,0)+IF(Input!$D$21=4,L3973*Input!$C$21,0)+IF(Input!$D$22=4,M3973*Input!$C$22,0)</f>
        <v>0</v>
      </c>
      <c r="R3973" s="58">
        <v>63.645853151897896</v>
      </c>
      <c r="S3973" s="124">
        <f t="shared" si="61"/>
        <v>1.2425163964923902</v>
      </c>
    </row>
    <row r="3974" spans="8:19" x14ac:dyDescent="0.3">
      <c r="H3974" s="44">
        <v>3967</v>
      </c>
      <c r="I3974" s="56">
        <f>Bühler!I4000</f>
        <v>0.34605894332016174</v>
      </c>
      <c r="J3974" s="59">
        <f>Bühler!J4000</f>
        <v>1.1535298110672059</v>
      </c>
      <c r="K3974" s="59">
        <f>Bühler!K4000</f>
        <v>1.7302947166008089</v>
      </c>
      <c r="L3974" s="59">
        <f>Bühler!L4000</f>
        <v>8.3054146396838817</v>
      </c>
      <c r="M3974" s="58">
        <f>Bühler!M4000</f>
        <v>0</v>
      </c>
      <c r="N3974" s="56">
        <f>IF(Input!$D$19=1,J3974*Input!$C$19,0)+IF(Input!$D$20=1,K3974*Input!$C$20,0)+IF(Input!$D$21=1,L3974*Input!$C$21,0)+IF(Input!$D$22=1,M3974*Input!$C$22,0)</f>
        <v>0.34605894332016174</v>
      </c>
      <c r="O3974" s="59">
        <f>IF(Input!$D$19=2,J3974*Input!$C$19,0)+IF(Input!$D$20=2,K3974*Input!$C$20,0)+IF(Input!$D$21=2,L3974*Input!$C$21,0)+IF(Input!$D$22=2,M3974*Input!$C$22,0)</f>
        <v>0.86514735830040446</v>
      </c>
      <c r="P3974" s="59">
        <f>IF(Input!$D$19=3,J3974*Input!$C$19,0)+IF(Input!$D$20=3,K3974*Input!$C$20,0)+IF(Input!$D$21=3,L3974*Input!$C$21,0)+IF(Input!$D$22=3,M3974*Input!$C$22,0)</f>
        <v>0</v>
      </c>
      <c r="Q3974" s="75">
        <f>IF(Input!$D$19=4,J3974*Input!$C$19,0)+IF(Input!$D$20=4,K3974*Input!$C$20,0)+IF(Input!$D$21=4,L3974*Input!$C$21,0)+IF(Input!$D$22=4,M3974*Input!$C$22,0)</f>
        <v>0</v>
      </c>
      <c r="R3974" s="58">
        <v>66.932342907084347</v>
      </c>
      <c r="S3974" s="124">
        <f t="shared" si="61"/>
        <v>1.4995887543873676</v>
      </c>
    </row>
    <row r="3975" spans="8:19" x14ac:dyDescent="0.3">
      <c r="H3975" s="44">
        <v>3968</v>
      </c>
      <c r="I3975" s="56">
        <f>Bühler!I4001</f>
        <v>0.34605894332016174</v>
      </c>
      <c r="J3975" s="59">
        <f>Bühler!J4001</f>
        <v>1.1535298110672059</v>
      </c>
      <c r="K3975" s="59">
        <f>Bühler!K4001</f>
        <v>1.7302947166008089</v>
      </c>
      <c r="L3975" s="59">
        <f>Bühler!L4001</f>
        <v>8.3054146396838817</v>
      </c>
      <c r="M3975" s="58">
        <f>Bühler!M4001</f>
        <v>0</v>
      </c>
      <c r="N3975" s="56">
        <f>IF(Input!$D$19=1,J3975*Input!$C$19,0)+IF(Input!$D$20=1,K3975*Input!$C$20,0)+IF(Input!$D$21=1,L3975*Input!$C$21,0)+IF(Input!$D$22=1,M3975*Input!$C$22,0)</f>
        <v>0.34605894332016174</v>
      </c>
      <c r="O3975" s="59">
        <f>IF(Input!$D$19=2,J3975*Input!$C$19,0)+IF(Input!$D$20=2,K3975*Input!$C$20,0)+IF(Input!$D$21=2,L3975*Input!$C$21,0)+IF(Input!$D$22=2,M3975*Input!$C$22,0)</f>
        <v>0.86514735830040446</v>
      </c>
      <c r="P3975" s="59">
        <f>IF(Input!$D$19=3,J3975*Input!$C$19,0)+IF(Input!$D$20=3,K3975*Input!$C$20,0)+IF(Input!$D$21=3,L3975*Input!$C$21,0)+IF(Input!$D$22=3,M3975*Input!$C$22,0)</f>
        <v>0</v>
      </c>
      <c r="Q3975" s="75">
        <f>IF(Input!$D$19=4,J3975*Input!$C$19,0)+IF(Input!$D$20=4,K3975*Input!$C$20,0)+IF(Input!$D$21=4,L3975*Input!$C$21,0)+IF(Input!$D$22=4,M3975*Input!$C$22,0)</f>
        <v>0</v>
      </c>
      <c r="R3975" s="58">
        <v>69.277958686007551</v>
      </c>
      <c r="S3975" s="124">
        <f t="shared" si="61"/>
        <v>1.4995887543873676</v>
      </c>
    </row>
    <row r="3976" spans="8:19" x14ac:dyDescent="0.3">
      <c r="H3976" s="44">
        <v>3969</v>
      </c>
      <c r="I3976" s="56">
        <f>Bühler!I4002</f>
        <v>0.34605894332016174</v>
      </c>
      <c r="J3976" s="59">
        <f>Bühler!J4002</f>
        <v>1.1535298110672059</v>
      </c>
      <c r="K3976" s="59">
        <f>Bühler!K4002</f>
        <v>1.7302947166008089</v>
      </c>
      <c r="L3976" s="59">
        <f>Bühler!L4002</f>
        <v>8.3054146396838817</v>
      </c>
      <c r="M3976" s="58">
        <f>Bühler!M4002</f>
        <v>0</v>
      </c>
      <c r="N3976" s="56">
        <f>IF(Input!$D$19=1,J3976*Input!$C$19,0)+IF(Input!$D$20=1,K3976*Input!$C$20,0)+IF(Input!$D$21=1,L3976*Input!$C$21,0)+IF(Input!$D$22=1,M3976*Input!$C$22,0)</f>
        <v>0.34605894332016174</v>
      </c>
      <c r="O3976" s="59">
        <f>IF(Input!$D$19=2,J3976*Input!$C$19,0)+IF(Input!$D$20=2,K3976*Input!$C$20,0)+IF(Input!$D$21=2,L3976*Input!$C$21,0)+IF(Input!$D$22=2,M3976*Input!$C$22,0)</f>
        <v>0.86514735830040446</v>
      </c>
      <c r="P3976" s="59">
        <f>IF(Input!$D$19=3,J3976*Input!$C$19,0)+IF(Input!$D$20=3,K3976*Input!$C$20,0)+IF(Input!$D$21=3,L3976*Input!$C$21,0)+IF(Input!$D$22=3,M3976*Input!$C$22,0)</f>
        <v>0</v>
      </c>
      <c r="Q3976" s="75">
        <f>IF(Input!$D$19=4,J3976*Input!$C$19,0)+IF(Input!$D$20=4,K3976*Input!$C$20,0)+IF(Input!$D$21=4,L3976*Input!$C$21,0)+IF(Input!$D$22=4,M3976*Input!$C$22,0)</f>
        <v>0</v>
      </c>
      <c r="R3976" s="58">
        <v>69.82745510553778</v>
      </c>
      <c r="S3976" s="124">
        <f t="shared" si="61"/>
        <v>1.4995887543873676</v>
      </c>
    </row>
    <row r="3977" spans="8:19" x14ac:dyDescent="0.3">
      <c r="H3977" s="44">
        <v>3970</v>
      </c>
      <c r="I3977" s="56">
        <f>Bühler!I4003</f>
        <v>0.37077743927160184</v>
      </c>
      <c r="J3977" s="59">
        <f>Bühler!J4003</f>
        <v>1.2359247975720062</v>
      </c>
      <c r="K3977" s="59">
        <f>Bühler!K4003</f>
        <v>1.853887196358009</v>
      </c>
      <c r="L3977" s="59">
        <f>Bühler!L4003</f>
        <v>8.8986585425184437</v>
      </c>
      <c r="M3977" s="58">
        <f>Bühler!M4003</f>
        <v>0</v>
      </c>
      <c r="N3977" s="56">
        <f>IF(Input!$D$19=1,J3977*Input!$C$19,0)+IF(Input!$D$20=1,K3977*Input!$C$20,0)+IF(Input!$D$21=1,L3977*Input!$C$21,0)+IF(Input!$D$22=1,M3977*Input!$C$22,0)</f>
        <v>0.37077743927160184</v>
      </c>
      <c r="O3977" s="59">
        <f>IF(Input!$D$19=2,J3977*Input!$C$19,0)+IF(Input!$D$20=2,K3977*Input!$C$20,0)+IF(Input!$D$21=2,L3977*Input!$C$21,0)+IF(Input!$D$22=2,M3977*Input!$C$22,0)</f>
        <v>0.92694359817900451</v>
      </c>
      <c r="P3977" s="59">
        <f>IF(Input!$D$19=3,J3977*Input!$C$19,0)+IF(Input!$D$20=3,K3977*Input!$C$20,0)+IF(Input!$D$21=3,L3977*Input!$C$21,0)+IF(Input!$D$22=3,M3977*Input!$C$22,0)</f>
        <v>0</v>
      </c>
      <c r="Q3977" s="75">
        <f>IF(Input!$D$19=4,J3977*Input!$C$19,0)+IF(Input!$D$20=4,K3977*Input!$C$20,0)+IF(Input!$D$21=4,L3977*Input!$C$21,0)+IF(Input!$D$22=4,M3977*Input!$C$22,0)</f>
        <v>0</v>
      </c>
      <c r="R3977" s="58">
        <v>70.090846115683192</v>
      </c>
      <c r="S3977" s="124">
        <f t="shared" ref="S3977:S4040" si="62">I3977+J3977</f>
        <v>1.6067022368436081</v>
      </c>
    </row>
    <row r="3978" spans="8:19" x14ac:dyDescent="0.3">
      <c r="H3978" s="44">
        <v>3971</v>
      </c>
      <c r="I3978" s="56">
        <f>Bühler!I4004</f>
        <v>0.38560853684246593</v>
      </c>
      <c r="J3978" s="59">
        <f>Bühler!J4004</f>
        <v>1.2853617894748866</v>
      </c>
      <c r="K3978" s="59">
        <f>Bühler!K4004</f>
        <v>1.9280426842123297</v>
      </c>
      <c r="L3978" s="59">
        <f>Bühler!L4004</f>
        <v>9.2546048842191819</v>
      </c>
      <c r="M3978" s="58">
        <f>Bühler!M4004</f>
        <v>0</v>
      </c>
      <c r="N3978" s="56">
        <f>IF(Input!$D$19=1,J3978*Input!$C$19,0)+IF(Input!$D$20=1,K3978*Input!$C$20,0)+IF(Input!$D$21=1,L3978*Input!$C$21,0)+IF(Input!$D$22=1,M3978*Input!$C$22,0)</f>
        <v>0.38560853684246593</v>
      </c>
      <c r="O3978" s="59">
        <f>IF(Input!$D$19=2,J3978*Input!$C$19,0)+IF(Input!$D$20=2,K3978*Input!$C$20,0)+IF(Input!$D$21=2,L3978*Input!$C$21,0)+IF(Input!$D$22=2,M3978*Input!$C$22,0)</f>
        <v>0.96402134210616486</v>
      </c>
      <c r="P3978" s="59">
        <f>IF(Input!$D$19=3,J3978*Input!$C$19,0)+IF(Input!$D$20=3,K3978*Input!$C$20,0)+IF(Input!$D$21=3,L3978*Input!$C$21,0)+IF(Input!$D$22=3,M3978*Input!$C$22,0)</f>
        <v>0</v>
      </c>
      <c r="Q3978" s="75">
        <f>IF(Input!$D$19=4,J3978*Input!$C$19,0)+IF(Input!$D$20=4,K3978*Input!$C$20,0)+IF(Input!$D$21=4,L3978*Input!$C$21,0)+IF(Input!$D$22=4,M3978*Input!$C$22,0)</f>
        <v>0</v>
      </c>
      <c r="R3978" s="58">
        <v>70.946080672027747</v>
      </c>
      <c r="S3978" s="124">
        <f t="shared" si="62"/>
        <v>1.6709703263173525</v>
      </c>
    </row>
    <row r="3979" spans="8:19" x14ac:dyDescent="0.3">
      <c r="H3979" s="44">
        <v>3972</v>
      </c>
      <c r="I3979" s="56">
        <f>Bühler!I4005</f>
        <v>0.4449329271259222</v>
      </c>
      <c r="J3979" s="59">
        <f>Bühler!J4005</f>
        <v>1.4831097570864076</v>
      </c>
      <c r="K3979" s="59">
        <f>Bühler!K4005</f>
        <v>2.2246646356296109</v>
      </c>
      <c r="L3979" s="59">
        <f>Bühler!L4005</f>
        <v>10.678390251022133</v>
      </c>
      <c r="M3979" s="58">
        <f>Bühler!M4005</f>
        <v>0</v>
      </c>
      <c r="N3979" s="56">
        <f>IF(Input!$D$19=1,J3979*Input!$C$19,0)+IF(Input!$D$20=1,K3979*Input!$C$20,0)+IF(Input!$D$21=1,L3979*Input!$C$21,0)+IF(Input!$D$22=1,M3979*Input!$C$22,0)</f>
        <v>0.44493292712592225</v>
      </c>
      <c r="O3979" s="59">
        <f>IF(Input!$D$19=2,J3979*Input!$C$19,0)+IF(Input!$D$20=2,K3979*Input!$C$20,0)+IF(Input!$D$21=2,L3979*Input!$C$21,0)+IF(Input!$D$22=2,M3979*Input!$C$22,0)</f>
        <v>1.1123323178148055</v>
      </c>
      <c r="P3979" s="59">
        <f>IF(Input!$D$19=3,J3979*Input!$C$19,0)+IF(Input!$D$20=3,K3979*Input!$C$20,0)+IF(Input!$D$21=3,L3979*Input!$C$21,0)+IF(Input!$D$22=3,M3979*Input!$C$22,0)</f>
        <v>0</v>
      </c>
      <c r="Q3979" s="75">
        <f>IF(Input!$D$19=4,J3979*Input!$C$19,0)+IF(Input!$D$20=4,K3979*Input!$C$20,0)+IF(Input!$D$21=4,L3979*Input!$C$21,0)+IF(Input!$D$22=4,M3979*Input!$C$22,0)</f>
        <v>0</v>
      </c>
      <c r="R3979" s="58">
        <v>71.028198778124604</v>
      </c>
      <c r="S3979" s="124">
        <f t="shared" si="62"/>
        <v>1.9280426842123297</v>
      </c>
    </row>
    <row r="3980" spans="8:19" x14ac:dyDescent="0.3">
      <c r="H3980" s="44">
        <v>3973</v>
      </c>
      <c r="I3980" s="56">
        <f>Bühler!I4006</f>
        <v>0.4449329271259222</v>
      </c>
      <c r="J3980" s="59">
        <f>Bühler!J4006</f>
        <v>1.4831097570864076</v>
      </c>
      <c r="K3980" s="59">
        <f>Bühler!K4006</f>
        <v>2.2246646356296109</v>
      </c>
      <c r="L3980" s="59">
        <f>Bühler!L4006</f>
        <v>10.678390251022133</v>
      </c>
      <c r="M3980" s="58">
        <f>Bühler!M4006</f>
        <v>0</v>
      </c>
      <c r="N3980" s="56">
        <f>IF(Input!$D$19=1,J3980*Input!$C$19,0)+IF(Input!$D$20=1,K3980*Input!$C$20,0)+IF(Input!$D$21=1,L3980*Input!$C$21,0)+IF(Input!$D$22=1,M3980*Input!$C$22,0)</f>
        <v>0.44493292712592225</v>
      </c>
      <c r="O3980" s="59">
        <f>IF(Input!$D$19=2,J3980*Input!$C$19,0)+IF(Input!$D$20=2,K3980*Input!$C$20,0)+IF(Input!$D$21=2,L3980*Input!$C$21,0)+IF(Input!$D$22=2,M3980*Input!$C$22,0)</f>
        <v>1.1123323178148055</v>
      </c>
      <c r="P3980" s="59">
        <f>IF(Input!$D$19=3,J3980*Input!$C$19,0)+IF(Input!$D$20=3,K3980*Input!$C$20,0)+IF(Input!$D$21=3,L3980*Input!$C$21,0)+IF(Input!$D$22=3,M3980*Input!$C$22,0)</f>
        <v>0</v>
      </c>
      <c r="Q3980" s="75">
        <f>IF(Input!$D$19=4,J3980*Input!$C$19,0)+IF(Input!$D$20=4,K3980*Input!$C$20,0)+IF(Input!$D$21=4,L3980*Input!$C$21,0)+IF(Input!$D$22=4,M3980*Input!$C$22,0)</f>
        <v>0</v>
      </c>
      <c r="R3980" s="58">
        <v>69.536751450636061</v>
      </c>
      <c r="S3980" s="124">
        <f t="shared" si="62"/>
        <v>1.9280426842123297</v>
      </c>
    </row>
    <row r="3981" spans="8:19" x14ac:dyDescent="0.3">
      <c r="H3981" s="44">
        <v>3974</v>
      </c>
      <c r="I3981" s="56">
        <f>Bühler!I4007</f>
        <v>0.4449329271259222</v>
      </c>
      <c r="J3981" s="59">
        <f>Bühler!J4007</f>
        <v>1.4831097570864076</v>
      </c>
      <c r="K3981" s="59">
        <f>Bühler!K4007</f>
        <v>2.2246646356296109</v>
      </c>
      <c r="L3981" s="59">
        <f>Bühler!L4007</f>
        <v>10.678390251022133</v>
      </c>
      <c r="M3981" s="58">
        <f>Bühler!M4007</f>
        <v>0</v>
      </c>
      <c r="N3981" s="56">
        <f>IF(Input!$D$19=1,J3981*Input!$C$19,0)+IF(Input!$D$20=1,K3981*Input!$C$20,0)+IF(Input!$D$21=1,L3981*Input!$C$21,0)+IF(Input!$D$22=1,M3981*Input!$C$22,0)</f>
        <v>0.44493292712592225</v>
      </c>
      <c r="O3981" s="59">
        <f>IF(Input!$D$19=2,J3981*Input!$C$19,0)+IF(Input!$D$20=2,K3981*Input!$C$20,0)+IF(Input!$D$21=2,L3981*Input!$C$21,0)+IF(Input!$D$22=2,M3981*Input!$C$22,0)</f>
        <v>1.1123323178148055</v>
      </c>
      <c r="P3981" s="59">
        <f>IF(Input!$D$19=3,J3981*Input!$C$19,0)+IF(Input!$D$20=3,K3981*Input!$C$20,0)+IF(Input!$D$21=3,L3981*Input!$C$21,0)+IF(Input!$D$22=3,M3981*Input!$C$22,0)</f>
        <v>0</v>
      </c>
      <c r="Q3981" s="75">
        <f>IF(Input!$D$19=4,J3981*Input!$C$19,0)+IF(Input!$D$20=4,K3981*Input!$C$20,0)+IF(Input!$D$21=4,L3981*Input!$C$21,0)+IF(Input!$D$22=4,M3981*Input!$C$22,0)</f>
        <v>0</v>
      </c>
      <c r="R3981" s="58">
        <v>68.546616464658342</v>
      </c>
      <c r="S3981" s="124">
        <f t="shared" si="62"/>
        <v>1.9280426842123297</v>
      </c>
    </row>
    <row r="3982" spans="8:19" x14ac:dyDescent="0.3">
      <c r="H3982" s="44">
        <v>3975</v>
      </c>
      <c r="I3982" s="56">
        <f>Bühler!I4008</f>
        <v>0.4449329271259222</v>
      </c>
      <c r="J3982" s="59">
        <f>Bühler!J4008</f>
        <v>1.4831097570864076</v>
      </c>
      <c r="K3982" s="59">
        <f>Bühler!K4008</f>
        <v>2.2246646356296109</v>
      </c>
      <c r="L3982" s="59">
        <f>Bühler!L4008</f>
        <v>10.678390251022133</v>
      </c>
      <c r="M3982" s="58">
        <f>Bühler!M4008</f>
        <v>0</v>
      </c>
      <c r="N3982" s="56">
        <f>IF(Input!$D$19=1,J3982*Input!$C$19,0)+IF(Input!$D$20=1,K3982*Input!$C$20,0)+IF(Input!$D$21=1,L3982*Input!$C$21,0)+IF(Input!$D$22=1,M3982*Input!$C$22,0)</f>
        <v>0.44493292712592225</v>
      </c>
      <c r="O3982" s="59">
        <f>IF(Input!$D$19=2,J3982*Input!$C$19,0)+IF(Input!$D$20=2,K3982*Input!$C$20,0)+IF(Input!$D$21=2,L3982*Input!$C$21,0)+IF(Input!$D$22=2,M3982*Input!$C$22,0)</f>
        <v>1.1123323178148055</v>
      </c>
      <c r="P3982" s="59">
        <f>IF(Input!$D$19=3,J3982*Input!$C$19,0)+IF(Input!$D$20=3,K3982*Input!$C$20,0)+IF(Input!$D$21=3,L3982*Input!$C$21,0)+IF(Input!$D$22=3,M3982*Input!$C$22,0)</f>
        <v>0</v>
      </c>
      <c r="Q3982" s="75">
        <f>IF(Input!$D$19=4,J3982*Input!$C$19,0)+IF(Input!$D$20=4,K3982*Input!$C$20,0)+IF(Input!$D$21=4,L3982*Input!$C$21,0)+IF(Input!$D$22=4,M3982*Input!$C$22,0)</f>
        <v>0</v>
      </c>
      <c r="R3982" s="58">
        <v>68.214073267099508</v>
      </c>
      <c r="S3982" s="124">
        <f t="shared" si="62"/>
        <v>1.9280426842123297</v>
      </c>
    </row>
    <row r="3983" spans="8:19" x14ac:dyDescent="0.3">
      <c r="H3983" s="44">
        <v>3976</v>
      </c>
      <c r="I3983" s="56">
        <f>Bühler!I4009</f>
        <v>0.37077743927160184</v>
      </c>
      <c r="J3983" s="59">
        <f>Bühler!J4009</f>
        <v>1.2359247975720062</v>
      </c>
      <c r="K3983" s="59">
        <f>Bühler!K4009</f>
        <v>1.853887196358009</v>
      </c>
      <c r="L3983" s="59">
        <f>Bühler!L4009</f>
        <v>8.8986585425184437</v>
      </c>
      <c r="M3983" s="58">
        <f>Bühler!M4009</f>
        <v>0</v>
      </c>
      <c r="N3983" s="56">
        <f>IF(Input!$D$19=1,J3983*Input!$C$19,0)+IF(Input!$D$20=1,K3983*Input!$C$20,0)+IF(Input!$D$21=1,L3983*Input!$C$21,0)+IF(Input!$D$22=1,M3983*Input!$C$22,0)</f>
        <v>0.37077743927160184</v>
      </c>
      <c r="O3983" s="59">
        <f>IF(Input!$D$19=2,J3983*Input!$C$19,0)+IF(Input!$D$20=2,K3983*Input!$C$20,0)+IF(Input!$D$21=2,L3983*Input!$C$21,0)+IF(Input!$D$22=2,M3983*Input!$C$22,0)</f>
        <v>0.92694359817900451</v>
      </c>
      <c r="P3983" s="59">
        <f>IF(Input!$D$19=3,J3983*Input!$C$19,0)+IF(Input!$D$20=3,K3983*Input!$C$20,0)+IF(Input!$D$21=3,L3983*Input!$C$21,0)+IF(Input!$D$22=3,M3983*Input!$C$22,0)</f>
        <v>0</v>
      </c>
      <c r="Q3983" s="75">
        <f>IF(Input!$D$19=4,J3983*Input!$C$19,0)+IF(Input!$D$20=4,K3983*Input!$C$20,0)+IF(Input!$D$21=4,L3983*Input!$C$21,0)+IF(Input!$D$22=4,M3983*Input!$C$22,0)</f>
        <v>0</v>
      </c>
      <c r="R3983" s="58">
        <v>67.68002829800875</v>
      </c>
      <c r="S3983" s="124">
        <f t="shared" si="62"/>
        <v>1.6067022368436081</v>
      </c>
    </row>
    <row r="3984" spans="8:19" x14ac:dyDescent="0.3">
      <c r="H3984" s="44">
        <v>3977</v>
      </c>
      <c r="I3984" s="56">
        <f>Bühler!I4010</f>
        <v>0.35100264251044977</v>
      </c>
      <c r="J3984" s="59">
        <f>Bühler!J4010</f>
        <v>1.1700088083681661</v>
      </c>
      <c r="K3984" s="59">
        <f>Bühler!K4010</f>
        <v>1.7550132125522488</v>
      </c>
      <c r="L3984" s="59">
        <f>Bühler!L4010</f>
        <v>8.4240634202507945</v>
      </c>
      <c r="M3984" s="58">
        <f>Bühler!M4010</f>
        <v>0</v>
      </c>
      <c r="N3984" s="56">
        <f>IF(Input!$D$19=1,J3984*Input!$C$19,0)+IF(Input!$D$20=1,K3984*Input!$C$20,0)+IF(Input!$D$21=1,L3984*Input!$C$21,0)+IF(Input!$D$22=1,M3984*Input!$C$22,0)</f>
        <v>0.35100264251044982</v>
      </c>
      <c r="O3984" s="59">
        <f>IF(Input!$D$19=2,J3984*Input!$C$19,0)+IF(Input!$D$20=2,K3984*Input!$C$20,0)+IF(Input!$D$21=2,L3984*Input!$C$21,0)+IF(Input!$D$22=2,M3984*Input!$C$22,0)</f>
        <v>0.87750660627612442</v>
      </c>
      <c r="P3984" s="59">
        <f>IF(Input!$D$19=3,J3984*Input!$C$19,0)+IF(Input!$D$20=3,K3984*Input!$C$20,0)+IF(Input!$D$21=3,L3984*Input!$C$21,0)+IF(Input!$D$22=3,M3984*Input!$C$22,0)</f>
        <v>0</v>
      </c>
      <c r="Q3984" s="75">
        <f>IF(Input!$D$19=4,J3984*Input!$C$19,0)+IF(Input!$D$20=4,K3984*Input!$C$20,0)+IF(Input!$D$21=4,L3984*Input!$C$21,0)+IF(Input!$D$22=4,M3984*Input!$C$22,0)</f>
        <v>0</v>
      </c>
      <c r="R3984" s="58">
        <v>66.128675995275657</v>
      </c>
      <c r="S3984" s="124">
        <f t="shared" si="62"/>
        <v>1.5210114508786159</v>
      </c>
    </row>
    <row r="3985" spans="8:19" x14ac:dyDescent="0.3">
      <c r="H3985" s="44">
        <v>3978</v>
      </c>
      <c r="I3985" s="56">
        <f>Bühler!I4011</f>
        <v>0.35100264251044977</v>
      </c>
      <c r="J3985" s="59">
        <f>Bühler!J4011</f>
        <v>1.1700088083681661</v>
      </c>
      <c r="K3985" s="59">
        <f>Bühler!K4011</f>
        <v>1.7550132125522488</v>
      </c>
      <c r="L3985" s="59">
        <f>Bühler!L4011</f>
        <v>8.4240634202507945</v>
      </c>
      <c r="M3985" s="58">
        <f>Bühler!M4011</f>
        <v>0</v>
      </c>
      <c r="N3985" s="56">
        <f>IF(Input!$D$19=1,J3985*Input!$C$19,0)+IF(Input!$D$20=1,K3985*Input!$C$20,0)+IF(Input!$D$21=1,L3985*Input!$C$21,0)+IF(Input!$D$22=1,M3985*Input!$C$22,0)</f>
        <v>0.35100264251044982</v>
      </c>
      <c r="O3985" s="59">
        <f>IF(Input!$D$19=2,J3985*Input!$C$19,0)+IF(Input!$D$20=2,K3985*Input!$C$20,0)+IF(Input!$D$21=2,L3985*Input!$C$21,0)+IF(Input!$D$22=2,M3985*Input!$C$22,0)</f>
        <v>0.87750660627612442</v>
      </c>
      <c r="P3985" s="59">
        <f>IF(Input!$D$19=3,J3985*Input!$C$19,0)+IF(Input!$D$20=3,K3985*Input!$C$20,0)+IF(Input!$D$21=3,L3985*Input!$C$21,0)+IF(Input!$D$22=3,M3985*Input!$C$22,0)</f>
        <v>0</v>
      </c>
      <c r="Q3985" s="75">
        <f>IF(Input!$D$19=4,J3985*Input!$C$19,0)+IF(Input!$D$20=4,K3985*Input!$C$20,0)+IF(Input!$D$21=4,L3985*Input!$C$21,0)+IF(Input!$D$22=4,M3985*Input!$C$22,0)</f>
        <v>0</v>
      </c>
      <c r="R3985" s="58">
        <v>64.644840152770485</v>
      </c>
      <c r="S3985" s="124">
        <f t="shared" si="62"/>
        <v>1.5210114508786159</v>
      </c>
    </row>
    <row r="3986" spans="8:19" x14ac:dyDescent="0.3">
      <c r="H3986" s="44">
        <v>3979</v>
      </c>
      <c r="I3986" s="56">
        <f>Bühler!I4012</f>
        <v>0.35100264251044977</v>
      </c>
      <c r="J3986" s="59">
        <f>Bühler!J4012</f>
        <v>1.1700088083681661</v>
      </c>
      <c r="K3986" s="59">
        <f>Bühler!K4012</f>
        <v>1.7550132125522488</v>
      </c>
      <c r="L3986" s="59">
        <f>Bühler!L4012</f>
        <v>8.4240634202507945</v>
      </c>
      <c r="M3986" s="58">
        <f>Bühler!M4012</f>
        <v>0</v>
      </c>
      <c r="N3986" s="56">
        <f>IF(Input!$D$19=1,J3986*Input!$C$19,0)+IF(Input!$D$20=1,K3986*Input!$C$20,0)+IF(Input!$D$21=1,L3986*Input!$C$21,0)+IF(Input!$D$22=1,M3986*Input!$C$22,0)</f>
        <v>0.35100264251044982</v>
      </c>
      <c r="O3986" s="59">
        <f>IF(Input!$D$19=2,J3986*Input!$C$19,0)+IF(Input!$D$20=2,K3986*Input!$C$20,0)+IF(Input!$D$21=2,L3986*Input!$C$21,0)+IF(Input!$D$22=2,M3986*Input!$C$22,0)</f>
        <v>0.87750660627612442</v>
      </c>
      <c r="P3986" s="59">
        <f>IF(Input!$D$19=3,J3986*Input!$C$19,0)+IF(Input!$D$20=3,K3986*Input!$C$20,0)+IF(Input!$D$21=3,L3986*Input!$C$21,0)+IF(Input!$D$22=3,M3986*Input!$C$22,0)</f>
        <v>0</v>
      </c>
      <c r="Q3986" s="75">
        <f>IF(Input!$D$19=4,J3986*Input!$C$19,0)+IF(Input!$D$20=4,K3986*Input!$C$20,0)+IF(Input!$D$21=4,L3986*Input!$C$21,0)+IF(Input!$D$22=4,M3986*Input!$C$22,0)</f>
        <v>0</v>
      </c>
      <c r="R3986" s="58">
        <v>62.671712818925734</v>
      </c>
      <c r="S3986" s="124">
        <f t="shared" si="62"/>
        <v>1.5210114508786159</v>
      </c>
    </row>
    <row r="3987" spans="8:19" x14ac:dyDescent="0.3">
      <c r="H3987" s="44">
        <v>3980</v>
      </c>
      <c r="I3987" s="56">
        <f>Bühler!I4013</f>
        <v>0.35100264251044977</v>
      </c>
      <c r="J3987" s="59">
        <f>Bühler!J4013</f>
        <v>1.1700088083681661</v>
      </c>
      <c r="K3987" s="59">
        <f>Bühler!K4013</f>
        <v>1.7550132125522488</v>
      </c>
      <c r="L3987" s="59">
        <f>Bühler!L4013</f>
        <v>8.4240634202507945</v>
      </c>
      <c r="M3987" s="58">
        <f>Bühler!M4013</f>
        <v>0</v>
      </c>
      <c r="N3987" s="56">
        <f>IF(Input!$D$19=1,J3987*Input!$C$19,0)+IF(Input!$D$20=1,K3987*Input!$C$20,0)+IF(Input!$D$21=1,L3987*Input!$C$21,0)+IF(Input!$D$22=1,M3987*Input!$C$22,0)</f>
        <v>0.35100264251044982</v>
      </c>
      <c r="O3987" s="59">
        <f>IF(Input!$D$19=2,J3987*Input!$C$19,0)+IF(Input!$D$20=2,K3987*Input!$C$20,0)+IF(Input!$D$21=2,L3987*Input!$C$21,0)+IF(Input!$D$22=2,M3987*Input!$C$22,0)</f>
        <v>0.87750660627612442</v>
      </c>
      <c r="P3987" s="59">
        <f>IF(Input!$D$19=3,J3987*Input!$C$19,0)+IF(Input!$D$20=3,K3987*Input!$C$20,0)+IF(Input!$D$21=3,L3987*Input!$C$21,0)+IF(Input!$D$22=3,M3987*Input!$C$22,0)</f>
        <v>0</v>
      </c>
      <c r="Q3987" s="75">
        <f>IF(Input!$D$19=4,J3987*Input!$C$19,0)+IF(Input!$D$20=4,K3987*Input!$C$20,0)+IF(Input!$D$21=4,L3987*Input!$C$21,0)+IF(Input!$D$22=4,M3987*Input!$C$22,0)</f>
        <v>0</v>
      </c>
      <c r="R3987" s="58">
        <v>61.09627982373231</v>
      </c>
      <c r="S3987" s="124">
        <f t="shared" si="62"/>
        <v>1.5210114508786159</v>
      </c>
    </row>
    <row r="3988" spans="8:19" x14ac:dyDescent="0.3">
      <c r="H3988" s="44">
        <v>3981</v>
      </c>
      <c r="I3988" s="56">
        <f>Bühler!I4014</f>
        <v>0.27190345546584138</v>
      </c>
      <c r="J3988" s="59">
        <f>Bühler!J4014</f>
        <v>0.90634485155280464</v>
      </c>
      <c r="K3988" s="59">
        <f>Bühler!K4014</f>
        <v>1.3595172773292068</v>
      </c>
      <c r="L3988" s="59">
        <f>Bühler!L4014</f>
        <v>6.5256829311801932</v>
      </c>
      <c r="M3988" s="58">
        <f>Bühler!M4014</f>
        <v>0</v>
      </c>
      <c r="N3988" s="56">
        <f>IF(Input!$D$19=1,J3988*Input!$C$19,0)+IF(Input!$D$20=1,K3988*Input!$C$20,0)+IF(Input!$D$21=1,L3988*Input!$C$21,0)+IF(Input!$D$22=1,M3988*Input!$C$22,0)</f>
        <v>0.27190345546584138</v>
      </c>
      <c r="O3988" s="59">
        <f>IF(Input!$D$19=2,J3988*Input!$C$19,0)+IF(Input!$D$20=2,K3988*Input!$C$20,0)+IF(Input!$D$21=2,L3988*Input!$C$21,0)+IF(Input!$D$22=2,M3988*Input!$C$22,0)</f>
        <v>0.6797586386646034</v>
      </c>
      <c r="P3988" s="59">
        <f>IF(Input!$D$19=3,J3988*Input!$C$19,0)+IF(Input!$D$20=3,K3988*Input!$C$20,0)+IF(Input!$D$21=3,L3988*Input!$C$21,0)+IF(Input!$D$22=3,M3988*Input!$C$22,0)</f>
        <v>0</v>
      </c>
      <c r="Q3988" s="75">
        <f>IF(Input!$D$19=4,J3988*Input!$C$19,0)+IF(Input!$D$20=4,K3988*Input!$C$20,0)+IF(Input!$D$21=4,L3988*Input!$C$21,0)+IF(Input!$D$22=4,M3988*Input!$C$22,0)</f>
        <v>0</v>
      </c>
      <c r="R3988" s="58">
        <v>59.281199174116715</v>
      </c>
      <c r="S3988" s="124">
        <f t="shared" si="62"/>
        <v>1.178248307018646</v>
      </c>
    </row>
    <row r="3989" spans="8:19" x14ac:dyDescent="0.3">
      <c r="H3989" s="44">
        <v>3982</v>
      </c>
      <c r="I3989" s="56">
        <f>Bühler!I4015</f>
        <v>0.10381768299604852</v>
      </c>
      <c r="J3989" s="59">
        <f>Bühler!J4015</f>
        <v>0.34605894332016174</v>
      </c>
      <c r="K3989" s="59">
        <f>Bühler!K4015</f>
        <v>0.51908841498024261</v>
      </c>
      <c r="L3989" s="59">
        <f>Bühler!L4015</f>
        <v>2.4916243919051646</v>
      </c>
      <c r="M3989" s="58">
        <f>Bühler!M4015</f>
        <v>0</v>
      </c>
      <c r="N3989" s="56">
        <f>IF(Input!$D$19=1,J3989*Input!$C$19,0)+IF(Input!$D$20=1,K3989*Input!$C$20,0)+IF(Input!$D$21=1,L3989*Input!$C$21,0)+IF(Input!$D$22=1,M3989*Input!$C$22,0)</f>
        <v>0.10381768299604852</v>
      </c>
      <c r="O3989" s="59">
        <f>IF(Input!$D$19=2,J3989*Input!$C$19,0)+IF(Input!$D$20=2,K3989*Input!$C$20,0)+IF(Input!$D$21=2,L3989*Input!$C$21,0)+IF(Input!$D$22=2,M3989*Input!$C$22,0)</f>
        <v>0.2595442074901213</v>
      </c>
      <c r="P3989" s="59">
        <f>IF(Input!$D$19=3,J3989*Input!$C$19,0)+IF(Input!$D$20=3,K3989*Input!$C$20,0)+IF(Input!$D$21=3,L3989*Input!$C$21,0)+IF(Input!$D$22=3,M3989*Input!$C$22,0)</f>
        <v>0</v>
      </c>
      <c r="Q3989" s="75">
        <f>IF(Input!$D$19=4,J3989*Input!$C$19,0)+IF(Input!$D$20=4,K3989*Input!$C$20,0)+IF(Input!$D$21=4,L3989*Input!$C$21,0)+IF(Input!$D$22=4,M3989*Input!$C$22,0)</f>
        <v>0</v>
      </c>
      <c r="R3989" s="58">
        <v>57.401517038895626</v>
      </c>
      <c r="S3989" s="124">
        <f t="shared" si="62"/>
        <v>0.44987662631621028</v>
      </c>
    </row>
    <row r="3990" spans="8:19" x14ac:dyDescent="0.3">
      <c r="H3990" s="44">
        <v>3983</v>
      </c>
      <c r="I3990" s="56">
        <f>Bühler!I4016</f>
        <v>0.10381768299604852</v>
      </c>
      <c r="J3990" s="59">
        <f>Bühler!J4016</f>
        <v>0.34605894332016174</v>
      </c>
      <c r="K3990" s="59">
        <f>Bühler!K4016</f>
        <v>0.51908841498024261</v>
      </c>
      <c r="L3990" s="59">
        <f>Bühler!L4016</f>
        <v>2.4916243919051646</v>
      </c>
      <c r="M3990" s="58">
        <f>Bühler!M4016</f>
        <v>0</v>
      </c>
      <c r="N3990" s="56">
        <f>IF(Input!$D$19=1,J3990*Input!$C$19,0)+IF(Input!$D$20=1,K3990*Input!$C$20,0)+IF(Input!$D$21=1,L3990*Input!$C$21,0)+IF(Input!$D$22=1,M3990*Input!$C$22,0)</f>
        <v>0.10381768299604852</v>
      </c>
      <c r="O3990" s="59">
        <f>IF(Input!$D$19=2,J3990*Input!$C$19,0)+IF(Input!$D$20=2,K3990*Input!$C$20,0)+IF(Input!$D$21=2,L3990*Input!$C$21,0)+IF(Input!$D$22=2,M3990*Input!$C$22,0)</f>
        <v>0.2595442074901213</v>
      </c>
      <c r="P3990" s="59">
        <f>IF(Input!$D$19=3,J3990*Input!$C$19,0)+IF(Input!$D$20=3,K3990*Input!$C$20,0)+IF(Input!$D$21=3,L3990*Input!$C$21,0)+IF(Input!$D$22=3,M3990*Input!$C$22,0)</f>
        <v>0</v>
      </c>
      <c r="Q3990" s="75">
        <f>IF(Input!$D$19=4,J3990*Input!$C$19,0)+IF(Input!$D$20=4,K3990*Input!$C$20,0)+IF(Input!$D$21=4,L3990*Input!$C$21,0)+IF(Input!$D$22=4,M3990*Input!$C$22,0)</f>
        <v>0</v>
      </c>
      <c r="R3990" s="58">
        <v>56.7513361653413</v>
      </c>
      <c r="S3990" s="124">
        <f t="shared" si="62"/>
        <v>0.44987662631621028</v>
      </c>
    </row>
    <row r="3991" spans="8:19" x14ac:dyDescent="0.3">
      <c r="H3991" s="44">
        <v>3984</v>
      </c>
      <c r="I3991" s="56">
        <f>Bühler!I4017</f>
        <v>0.10381768299604852</v>
      </c>
      <c r="J3991" s="59">
        <f>Bühler!J4017</f>
        <v>0.34605894332016174</v>
      </c>
      <c r="K3991" s="59">
        <f>Bühler!K4017</f>
        <v>0.51908841498024261</v>
      </c>
      <c r="L3991" s="59">
        <f>Bühler!L4017</f>
        <v>2.4916243919051646</v>
      </c>
      <c r="M3991" s="58">
        <f>Bühler!M4017</f>
        <v>0</v>
      </c>
      <c r="N3991" s="56">
        <f>IF(Input!$D$19=1,J3991*Input!$C$19,0)+IF(Input!$D$20=1,K3991*Input!$C$20,0)+IF(Input!$D$21=1,L3991*Input!$C$21,0)+IF(Input!$D$22=1,M3991*Input!$C$22,0)</f>
        <v>0.10381768299604852</v>
      </c>
      <c r="O3991" s="59">
        <f>IF(Input!$D$19=2,J3991*Input!$C$19,0)+IF(Input!$D$20=2,K3991*Input!$C$20,0)+IF(Input!$D$21=2,L3991*Input!$C$21,0)+IF(Input!$D$22=2,M3991*Input!$C$22,0)</f>
        <v>0.2595442074901213</v>
      </c>
      <c r="P3991" s="59">
        <f>IF(Input!$D$19=3,J3991*Input!$C$19,0)+IF(Input!$D$20=3,K3991*Input!$C$20,0)+IF(Input!$D$21=3,L3991*Input!$C$21,0)+IF(Input!$D$22=3,M3991*Input!$C$22,0)</f>
        <v>0</v>
      </c>
      <c r="Q3991" s="75">
        <f>IF(Input!$D$19=4,J3991*Input!$C$19,0)+IF(Input!$D$20=4,K3991*Input!$C$20,0)+IF(Input!$D$21=4,L3991*Input!$C$21,0)+IF(Input!$D$22=4,M3991*Input!$C$22,0)</f>
        <v>0</v>
      </c>
      <c r="R3991" s="58">
        <v>56.287287245270853</v>
      </c>
      <c r="S3991" s="124">
        <f t="shared" si="62"/>
        <v>0.44987662631621028</v>
      </c>
    </row>
    <row r="3992" spans="8:19" x14ac:dyDescent="0.3">
      <c r="H3992" s="44">
        <v>3985</v>
      </c>
      <c r="I3992" s="56">
        <f>Bühler!I4018</f>
        <v>4.0597382396523253E-2</v>
      </c>
      <c r="J3992" s="59">
        <f>Bühler!J4018</f>
        <v>0.13532460798841087</v>
      </c>
      <c r="K3992" s="59">
        <f>Bühler!K4018</f>
        <v>0.20298691198261629</v>
      </c>
      <c r="L3992" s="59">
        <f>Bühler!L4018</f>
        <v>3.3227758626320338</v>
      </c>
      <c r="M3992" s="58">
        <f>Bühler!M4018</f>
        <v>0</v>
      </c>
      <c r="N3992" s="56">
        <f>IF(Input!$D$19=1,J3992*Input!$C$19,0)+IF(Input!$D$20=1,K3992*Input!$C$20,0)+IF(Input!$D$21=1,L3992*Input!$C$21,0)+IF(Input!$D$22=1,M3992*Input!$C$22,0)</f>
        <v>4.059738239652326E-2</v>
      </c>
      <c r="O3992" s="59">
        <f>IF(Input!$D$19=2,J3992*Input!$C$19,0)+IF(Input!$D$20=2,K3992*Input!$C$20,0)+IF(Input!$D$21=2,L3992*Input!$C$21,0)+IF(Input!$D$22=2,M3992*Input!$C$22,0)</f>
        <v>0.10149345599130814</v>
      </c>
      <c r="P3992" s="59">
        <f>IF(Input!$D$19=3,J3992*Input!$C$19,0)+IF(Input!$D$20=3,K3992*Input!$C$20,0)+IF(Input!$D$21=3,L3992*Input!$C$21,0)+IF(Input!$D$22=3,M3992*Input!$C$22,0)</f>
        <v>0</v>
      </c>
      <c r="Q3992" s="75">
        <f>IF(Input!$D$19=4,J3992*Input!$C$19,0)+IF(Input!$D$20=4,K3992*Input!$C$20,0)+IF(Input!$D$21=4,L3992*Input!$C$21,0)+IF(Input!$D$22=4,M3992*Input!$C$22,0)</f>
        <v>0</v>
      </c>
      <c r="R3992" s="58">
        <v>54.959284813582151</v>
      </c>
      <c r="S3992" s="124">
        <f t="shared" si="62"/>
        <v>0.17592199038493411</v>
      </c>
    </row>
    <row r="3993" spans="8:19" x14ac:dyDescent="0.3">
      <c r="H3993" s="44">
        <v>3986</v>
      </c>
      <c r="I3993" s="56">
        <f>Bühler!I4019</f>
        <v>7.9261556107497799E-2</v>
      </c>
      <c r="J3993" s="59">
        <f>Bühler!J4019</f>
        <v>0.26420518702499268</v>
      </c>
      <c r="K3993" s="59">
        <f>Bühler!K4019</f>
        <v>0.39630778053748905</v>
      </c>
      <c r="L3993" s="59">
        <f>Bühler!L4019</f>
        <v>6.4873243032339722</v>
      </c>
      <c r="M3993" s="58">
        <f>Bühler!M4019</f>
        <v>0</v>
      </c>
      <c r="N3993" s="56">
        <f>IF(Input!$D$19=1,J3993*Input!$C$19,0)+IF(Input!$D$20=1,K3993*Input!$C$20,0)+IF(Input!$D$21=1,L3993*Input!$C$21,0)+IF(Input!$D$22=1,M3993*Input!$C$22,0)</f>
        <v>7.9261556107497799E-2</v>
      </c>
      <c r="O3993" s="59">
        <f>IF(Input!$D$19=2,J3993*Input!$C$19,0)+IF(Input!$D$20=2,K3993*Input!$C$20,0)+IF(Input!$D$21=2,L3993*Input!$C$21,0)+IF(Input!$D$22=2,M3993*Input!$C$22,0)</f>
        <v>0.19815389026874453</v>
      </c>
      <c r="P3993" s="59">
        <f>IF(Input!$D$19=3,J3993*Input!$C$19,0)+IF(Input!$D$20=3,K3993*Input!$C$20,0)+IF(Input!$D$21=3,L3993*Input!$C$21,0)+IF(Input!$D$22=3,M3993*Input!$C$22,0)</f>
        <v>0</v>
      </c>
      <c r="Q3993" s="75">
        <f>IF(Input!$D$19=4,J3993*Input!$C$19,0)+IF(Input!$D$20=4,K3993*Input!$C$20,0)+IF(Input!$D$21=4,L3993*Input!$C$21,0)+IF(Input!$D$22=4,M3993*Input!$C$22,0)</f>
        <v>0</v>
      </c>
      <c r="R3993" s="58">
        <v>53.519121025586323</v>
      </c>
      <c r="S3993" s="124">
        <f t="shared" si="62"/>
        <v>0.34346674313249048</v>
      </c>
    </row>
    <row r="3994" spans="8:19" x14ac:dyDescent="0.3">
      <c r="H3994" s="44">
        <v>3987</v>
      </c>
      <c r="I3994" s="56">
        <f>Bühler!I4020</f>
        <v>7.9261556107497799E-2</v>
      </c>
      <c r="J3994" s="59">
        <f>Bühler!J4020</f>
        <v>0.26420518702499268</v>
      </c>
      <c r="K3994" s="59">
        <f>Bühler!K4020</f>
        <v>0.39630778053748905</v>
      </c>
      <c r="L3994" s="59">
        <f>Bühler!L4020</f>
        <v>6.4873243032339722</v>
      </c>
      <c r="M3994" s="58">
        <f>Bühler!M4020</f>
        <v>0</v>
      </c>
      <c r="N3994" s="56">
        <f>IF(Input!$D$19=1,J3994*Input!$C$19,0)+IF(Input!$D$20=1,K3994*Input!$C$20,0)+IF(Input!$D$21=1,L3994*Input!$C$21,0)+IF(Input!$D$22=1,M3994*Input!$C$22,0)</f>
        <v>7.9261556107497799E-2</v>
      </c>
      <c r="O3994" s="59">
        <f>IF(Input!$D$19=2,J3994*Input!$C$19,0)+IF(Input!$D$20=2,K3994*Input!$C$20,0)+IF(Input!$D$21=2,L3994*Input!$C$21,0)+IF(Input!$D$22=2,M3994*Input!$C$22,0)</f>
        <v>0.19815389026874453</v>
      </c>
      <c r="P3994" s="59">
        <f>IF(Input!$D$19=3,J3994*Input!$C$19,0)+IF(Input!$D$20=3,K3994*Input!$C$20,0)+IF(Input!$D$21=3,L3994*Input!$C$21,0)+IF(Input!$D$22=3,M3994*Input!$C$22,0)</f>
        <v>0</v>
      </c>
      <c r="Q3994" s="75">
        <f>IF(Input!$D$19=4,J3994*Input!$C$19,0)+IF(Input!$D$20=4,K3994*Input!$C$20,0)+IF(Input!$D$21=4,L3994*Input!$C$21,0)+IF(Input!$D$22=4,M3994*Input!$C$22,0)</f>
        <v>0</v>
      </c>
      <c r="R3994" s="58">
        <v>52.646938294201576</v>
      </c>
      <c r="S3994" s="124">
        <f t="shared" si="62"/>
        <v>0.34346674313249048</v>
      </c>
    </row>
    <row r="3995" spans="8:19" x14ac:dyDescent="0.3">
      <c r="H3995" s="44">
        <v>3988</v>
      </c>
      <c r="I3995" s="56">
        <f>Bühler!I4021</f>
        <v>7.9261556107497799E-2</v>
      </c>
      <c r="J3995" s="59">
        <f>Bühler!J4021</f>
        <v>0.26420518702499268</v>
      </c>
      <c r="K3995" s="59">
        <f>Bühler!K4021</f>
        <v>0.39630778053748905</v>
      </c>
      <c r="L3995" s="59">
        <f>Bühler!L4021</f>
        <v>6.4873243032339722</v>
      </c>
      <c r="M3995" s="58">
        <f>Bühler!M4021</f>
        <v>0</v>
      </c>
      <c r="N3995" s="56">
        <f>IF(Input!$D$19=1,J3995*Input!$C$19,0)+IF(Input!$D$20=1,K3995*Input!$C$20,0)+IF(Input!$D$21=1,L3995*Input!$C$21,0)+IF(Input!$D$22=1,M3995*Input!$C$22,0)</f>
        <v>7.9261556107497799E-2</v>
      </c>
      <c r="O3995" s="59">
        <f>IF(Input!$D$19=2,J3995*Input!$C$19,0)+IF(Input!$D$20=2,K3995*Input!$C$20,0)+IF(Input!$D$21=2,L3995*Input!$C$21,0)+IF(Input!$D$22=2,M3995*Input!$C$22,0)</f>
        <v>0.19815389026874453</v>
      </c>
      <c r="P3995" s="59">
        <f>IF(Input!$D$19=3,J3995*Input!$C$19,0)+IF(Input!$D$20=3,K3995*Input!$C$20,0)+IF(Input!$D$21=3,L3995*Input!$C$21,0)+IF(Input!$D$22=3,M3995*Input!$C$22,0)</f>
        <v>0</v>
      </c>
      <c r="Q3995" s="75">
        <f>IF(Input!$D$19=4,J3995*Input!$C$19,0)+IF(Input!$D$20=4,K3995*Input!$C$20,0)+IF(Input!$D$21=4,L3995*Input!$C$21,0)+IF(Input!$D$22=4,M3995*Input!$C$22,0)</f>
        <v>0</v>
      </c>
      <c r="R3995" s="58">
        <v>52.042583789662849</v>
      </c>
      <c r="S3995" s="124">
        <f t="shared" si="62"/>
        <v>0.34346674313249048</v>
      </c>
    </row>
    <row r="3996" spans="8:19" x14ac:dyDescent="0.3">
      <c r="H3996" s="44">
        <v>3989</v>
      </c>
      <c r="I3996" s="56">
        <f>Bühler!I4022</f>
        <v>7.9261556107497799E-2</v>
      </c>
      <c r="J3996" s="59">
        <f>Bühler!J4022</f>
        <v>0.26420518702499268</v>
      </c>
      <c r="K3996" s="59">
        <f>Bühler!K4022</f>
        <v>0.39630778053748905</v>
      </c>
      <c r="L3996" s="59">
        <f>Bühler!L4022</f>
        <v>6.4873243032339722</v>
      </c>
      <c r="M3996" s="58">
        <f>Bühler!M4022</f>
        <v>0</v>
      </c>
      <c r="N3996" s="56">
        <f>IF(Input!$D$19=1,J3996*Input!$C$19,0)+IF(Input!$D$20=1,K3996*Input!$C$20,0)+IF(Input!$D$21=1,L3996*Input!$C$21,0)+IF(Input!$D$22=1,M3996*Input!$C$22,0)</f>
        <v>7.9261556107497799E-2</v>
      </c>
      <c r="O3996" s="59">
        <f>IF(Input!$D$19=2,J3996*Input!$C$19,0)+IF(Input!$D$20=2,K3996*Input!$C$20,0)+IF(Input!$D$21=2,L3996*Input!$C$21,0)+IF(Input!$D$22=2,M3996*Input!$C$22,0)</f>
        <v>0.19815389026874453</v>
      </c>
      <c r="P3996" s="59">
        <f>IF(Input!$D$19=3,J3996*Input!$C$19,0)+IF(Input!$D$20=3,K3996*Input!$C$20,0)+IF(Input!$D$21=3,L3996*Input!$C$21,0)+IF(Input!$D$22=3,M3996*Input!$C$22,0)</f>
        <v>0</v>
      </c>
      <c r="Q3996" s="75">
        <f>IF(Input!$D$19=4,J3996*Input!$C$19,0)+IF(Input!$D$20=4,K3996*Input!$C$20,0)+IF(Input!$D$21=4,L3996*Input!$C$21,0)+IF(Input!$D$22=4,M3996*Input!$C$22,0)</f>
        <v>0</v>
      </c>
      <c r="R3996" s="58">
        <v>50.189163375324</v>
      </c>
      <c r="S3996" s="124">
        <f t="shared" si="62"/>
        <v>0.34346674313249048</v>
      </c>
    </row>
    <row r="3997" spans="8:19" x14ac:dyDescent="0.3">
      <c r="H3997" s="44">
        <v>3990</v>
      </c>
      <c r="I3997" s="56">
        <f>Bühler!I4023</f>
        <v>9.8593642962985076E-2</v>
      </c>
      <c r="J3997" s="59">
        <f>Bühler!J4023</f>
        <v>0.32864547654328363</v>
      </c>
      <c r="K3997" s="59">
        <f>Bühler!K4023</f>
        <v>0.49296821481492542</v>
      </c>
      <c r="L3997" s="59">
        <f>Bühler!L4023</f>
        <v>8.0695985235349408</v>
      </c>
      <c r="M3997" s="58">
        <f>Bühler!M4023</f>
        <v>0</v>
      </c>
      <c r="N3997" s="56">
        <f>IF(Input!$D$19=1,J3997*Input!$C$19,0)+IF(Input!$D$20=1,K3997*Input!$C$20,0)+IF(Input!$D$21=1,L3997*Input!$C$21,0)+IF(Input!$D$22=1,M3997*Input!$C$22,0)</f>
        <v>9.859364296298509E-2</v>
      </c>
      <c r="O3997" s="59">
        <f>IF(Input!$D$19=2,J3997*Input!$C$19,0)+IF(Input!$D$20=2,K3997*Input!$C$20,0)+IF(Input!$D$21=2,L3997*Input!$C$21,0)+IF(Input!$D$22=2,M3997*Input!$C$22,0)</f>
        <v>0.24648410740746271</v>
      </c>
      <c r="P3997" s="59">
        <f>IF(Input!$D$19=3,J3997*Input!$C$19,0)+IF(Input!$D$20=3,K3997*Input!$C$20,0)+IF(Input!$D$21=3,L3997*Input!$C$21,0)+IF(Input!$D$22=3,M3997*Input!$C$22,0)</f>
        <v>0</v>
      </c>
      <c r="Q3997" s="75">
        <f>IF(Input!$D$19=4,J3997*Input!$C$19,0)+IF(Input!$D$20=4,K3997*Input!$C$20,0)+IF(Input!$D$21=4,L3997*Input!$C$21,0)+IF(Input!$D$22=4,M3997*Input!$C$22,0)</f>
        <v>0</v>
      </c>
      <c r="R3997" s="58">
        <v>48.739431710102309</v>
      </c>
      <c r="S3997" s="124">
        <f t="shared" si="62"/>
        <v>0.42723911950626869</v>
      </c>
    </row>
    <row r="3998" spans="8:19" x14ac:dyDescent="0.3">
      <c r="H3998" s="44">
        <v>3991</v>
      </c>
      <c r="I3998" s="56">
        <f>Bühler!I4024</f>
        <v>0.12372535587511851</v>
      </c>
      <c r="J3998" s="59">
        <f>Bühler!J4024</f>
        <v>0.41241785291706173</v>
      </c>
      <c r="K3998" s="59">
        <f>Bühler!K4024</f>
        <v>0.61862677937559263</v>
      </c>
      <c r="L3998" s="59">
        <f>Bühler!L4024</f>
        <v>10.1265550099262</v>
      </c>
      <c r="M3998" s="58">
        <f>Bühler!M4024</f>
        <v>0</v>
      </c>
      <c r="N3998" s="56">
        <f>IF(Input!$D$19=1,J3998*Input!$C$19,0)+IF(Input!$D$20=1,K3998*Input!$C$20,0)+IF(Input!$D$21=1,L3998*Input!$C$21,0)+IF(Input!$D$22=1,M3998*Input!$C$22,0)</f>
        <v>0.12372535587511851</v>
      </c>
      <c r="O3998" s="59">
        <f>IF(Input!$D$19=2,J3998*Input!$C$19,0)+IF(Input!$D$20=2,K3998*Input!$C$20,0)+IF(Input!$D$21=2,L3998*Input!$C$21,0)+IF(Input!$D$22=2,M3998*Input!$C$22,0)</f>
        <v>0.30931338968779631</v>
      </c>
      <c r="P3998" s="59">
        <f>IF(Input!$D$19=3,J3998*Input!$C$19,0)+IF(Input!$D$20=3,K3998*Input!$C$20,0)+IF(Input!$D$21=3,L3998*Input!$C$21,0)+IF(Input!$D$22=3,M3998*Input!$C$22,0)</f>
        <v>0</v>
      </c>
      <c r="Q3998" s="75">
        <f>IF(Input!$D$19=4,J3998*Input!$C$19,0)+IF(Input!$D$20=4,K3998*Input!$C$20,0)+IF(Input!$D$21=4,L3998*Input!$C$21,0)+IF(Input!$D$22=4,M3998*Input!$C$22,0)</f>
        <v>0</v>
      </c>
      <c r="R3998" s="58">
        <v>48.225755748676733</v>
      </c>
      <c r="S3998" s="124">
        <f t="shared" si="62"/>
        <v>0.53614320879218025</v>
      </c>
    </row>
    <row r="3999" spans="8:19" x14ac:dyDescent="0.3">
      <c r="H3999" s="44">
        <v>3992</v>
      </c>
      <c r="I3999" s="56">
        <f>Bühler!I4025</f>
        <v>0.14112423404505706</v>
      </c>
      <c r="J3999" s="59">
        <f>Bühler!J4025</f>
        <v>0.47041411348352352</v>
      </c>
      <c r="K3999" s="59">
        <f>Bühler!K4025</f>
        <v>0.70562117022528525</v>
      </c>
      <c r="L3999" s="59">
        <f>Bühler!L4025</f>
        <v>11.550601808197072</v>
      </c>
      <c r="M3999" s="58">
        <f>Bühler!M4025</f>
        <v>0</v>
      </c>
      <c r="N3999" s="56">
        <f>IF(Input!$D$19=1,J3999*Input!$C$19,0)+IF(Input!$D$20=1,K3999*Input!$C$20,0)+IF(Input!$D$21=1,L3999*Input!$C$21,0)+IF(Input!$D$22=1,M3999*Input!$C$22,0)</f>
        <v>0.14112423404505706</v>
      </c>
      <c r="O3999" s="59">
        <f>IF(Input!$D$19=2,J3999*Input!$C$19,0)+IF(Input!$D$20=2,K3999*Input!$C$20,0)+IF(Input!$D$21=2,L3999*Input!$C$21,0)+IF(Input!$D$22=2,M3999*Input!$C$22,0)</f>
        <v>0.35281058511264263</v>
      </c>
      <c r="P3999" s="59">
        <f>IF(Input!$D$19=3,J3999*Input!$C$19,0)+IF(Input!$D$20=3,K3999*Input!$C$20,0)+IF(Input!$D$21=3,L3999*Input!$C$21,0)+IF(Input!$D$22=3,M3999*Input!$C$22,0)</f>
        <v>0</v>
      </c>
      <c r="Q3999" s="75">
        <f>IF(Input!$D$19=4,J3999*Input!$C$19,0)+IF(Input!$D$20=4,K3999*Input!$C$20,0)+IF(Input!$D$21=4,L3999*Input!$C$21,0)+IF(Input!$D$22=4,M3999*Input!$C$22,0)</f>
        <v>0</v>
      </c>
      <c r="R3999" s="58">
        <v>48.751064620083881</v>
      </c>
      <c r="S3999" s="124">
        <f t="shared" si="62"/>
        <v>0.61153834752858061</v>
      </c>
    </row>
    <row r="4000" spans="8:19" x14ac:dyDescent="0.3">
      <c r="H4000" s="44">
        <v>3993</v>
      </c>
      <c r="I4000" s="56">
        <f>Bühler!I4026</f>
        <v>0.14112423404505706</v>
      </c>
      <c r="J4000" s="59">
        <f>Bühler!J4026</f>
        <v>0.47041411348352352</v>
      </c>
      <c r="K4000" s="59">
        <f>Bühler!K4026</f>
        <v>0.70562117022528525</v>
      </c>
      <c r="L4000" s="59">
        <f>Bühler!L4026</f>
        <v>11.550601808197072</v>
      </c>
      <c r="M4000" s="58">
        <f>Bühler!M4026</f>
        <v>0</v>
      </c>
      <c r="N4000" s="56">
        <f>IF(Input!$D$19=1,J4000*Input!$C$19,0)+IF(Input!$D$20=1,K4000*Input!$C$20,0)+IF(Input!$D$21=1,L4000*Input!$C$21,0)+IF(Input!$D$22=1,M4000*Input!$C$22,0)</f>
        <v>0.14112423404505706</v>
      </c>
      <c r="O4000" s="59">
        <f>IF(Input!$D$19=2,J4000*Input!$C$19,0)+IF(Input!$D$20=2,K4000*Input!$C$20,0)+IF(Input!$D$21=2,L4000*Input!$C$21,0)+IF(Input!$D$22=2,M4000*Input!$C$22,0)</f>
        <v>0.35281058511264263</v>
      </c>
      <c r="P4000" s="59">
        <f>IF(Input!$D$19=3,J4000*Input!$C$19,0)+IF(Input!$D$20=3,K4000*Input!$C$20,0)+IF(Input!$D$21=3,L4000*Input!$C$21,0)+IF(Input!$D$22=3,M4000*Input!$C$22,0)</f>
        <v>0</v>
      </c>
      <c r="Q4000" s="75">
        <f>IF(Input!$D$19=4,J4000*Input!$C$19,0)+IF(Input!$D$20=4,K4000*Input!$C$20,0)+IF(Input!$D$21=4,L4000*Input!$C$21,0)+IF(Input!$D$22=4,M4000*Input!$C$22,0)</f>
        <v>0</v>
      </c>
      <c r="R4000" s="58">
        <v>48.625237546416479</v>
      </c>
      <c r="S4000" s="124">
        <f t="shared" si="62"/>
        <v>0.61153834752858061</v>
      </c>
    </row>
    <row r="4001" spans="8:19" x14ac:dyDescent="0.3">
      <c r="H4001" s="44">
        <v>3994</v>
      </c>
      <c r="I4001" s="56">
        <f>Bühler!I4027</f>
        <v>0.14112423404505706</v>
      </c>
      <c r="J4001" s="59">
        <f>Bühler!J4027</f>
        <v>0.47041411348352352</v>
      </c>
      <c r="K4001" s="59">
        <f>Bühler!K4027</f>
        <v>0.70562117022528525</v>
      </c>
      <c r="L4001" s="59">
        <f>Bühler!L4027</f>
        <v>11.550601808197072</v>
      </c>
      <c r="M4001" s="58">
        <f>Bühler!M4027</f>
        <v>0</v>
      </c>
      <c r="N4001" s="56">
        <f>IF(Input!$D$19=1,J4001*Input!$C$19,0)+IF(Input!$D$20=1,K4001*Input!$C$20,0)+IF(Input!$D$21=1,L4001*Input!$C$21,0)+IF(Input!$D$22=1,M4001*Input!$C$22,0)</f>
        <v>0.14112423404505706</v>
      </c>
      <c r="O4001" s="59">
        <f>IF(Input!$D$19=2,J4001*Input!$C$19,0)+IF(Input!$D$20=2,K4001*Input!$C$20,0)+IF(Input!$D$21=2,L4001*Input!$C$21,0)+IF(Input!$D$22=2,M4001*Input!$C$22,0)</f>
        <v>0.35281058511264263</v>
      </c>
      <c r="P4001" s="59">
        <f>IF(Input!$D$19=3,J4001*Input!$C$19,0)+IF(Input!$D$20=3,K4001*Input!$C$20,0)+IF(Input!$D$21=3,L4001*Input!$C$21,0)+IF(Input!$D$22=3,M4001*Input!$C$22,0)</f>
        <v>0</v>
      </c>
      <c r="Q4001" s="75">
        <f>IF(Input!$D$19=4,J4001*Input!$C$19,0)+IF(Input!$D$20=4,K4001*Input!$C$20,0)+IF(Input!$D$21=4,L4001*Input!$C$21,0)+IF(Input!$D$22=4,M4001*Input!$C$22,0)</f>
        <v>0</v>
      </c>
      <c r="R4001" s="58">
        <v>48.432673462601535</v>
      </c>
      <c r="S4001" s="124">
        <f t="shared" si="62"/>
        <v>0.61153834752858061</v>
      </c>
    </row>
    <row r="4002" spans="8:19" x14ac:dyDescent="0.3">
      <c r="H4002" s="44">
        <v>3995</v>
      </c>
      <c r="I4002" s="56">
        <f>Bühler!I4028</f>
        <v>0.14112423404505706</v>
      </c>
      <c r="J4002" s="59">
        <f>Bühler!J4028</f>
        <v>0.47041411348352352</v>
      </c>
      <c r="K4002" s="59">
        <f>Bühler!K4028</f>
        <v>0.70562117022528525</v>
      </c>
      <c r="L4002" s="59">
        <f>Bühler!L4028</f>
        <v>11.550601808197072</v>
      </c>
      <c r="M4002" s="58">
        <f>Bühler!M4028</f>
        <v>0</v>
      </c>
      <c r="N4002" s="56">
        <f>IF(Input!$D$19=1,J4002*Input!$C$19,0)+IF(Input!$D$20=1,K4002*Input!$C$20,0)+IF(Input!$D$21=1,L4002*Input!$C$21,0)+IF(Input!$D$22=1,M4002*Input!$C$22,0)</f>
        <v>0.14112423404505706</v>
      </c>
      <c r="O4002" s="59">
        <f>IF(Input!$D$19=2,J4002*Input!$C$19,0)+IF(Input!$D$20=2,K4002*Input!$C$20,0)+IF(Input!$D$21=2,L4002*Input!$C$21,0)+IF(Input!$D$22=2,M4002*Input!$C$22,0)</f>
        <v>0.35281058511264263</v>
      </c>
      <c r="P4002" s="59">
        <f>IF(Input!$D$19=3,J4002*Input!$C$19,0)+IF(Input!$D$20=3,K4002*Input!$C$20,0)+IF(Input!$D$21=3,L4002*Input!$C$21,0)+IF(Input!$D$22=3,M4002*Input!$C$22,0)</f>
        <v>0</v>
      </c>
      <c r="Q4002" s="75">
        <f>IF(Input!$D$19=4,J4002*Input!$C$19,0)+IF(Input!$D$20=4,K4002*Input!$C$20,0)+IF(Input!$D$21=4,L4002*Input!$C$21,0)+IF(Input!$D$22=4,M4002*Input!$C$22,0)</f>
        <v>0</v>
      </c>
      <c r="R4002" s="58">
        <v>48.417439979669453</v>
      </c>
      <c r="S4002" s="124">
        <f t="shared" si="62"/>
        <v>0.61153834752858061</v>
      </c>
    </row>
    <row r="4003" spans="8:19" x14ac:dyDescent="0.3">
      <c r="H4003" s="44">
        <v>3996</v>
      </c>
      <c r="I4003" s="56">
        <f>Bühler!I4029</f>
        <v>0.14112423404505706</v>
      </c>
      <c r="J4003" s="59">
        <f>Bühler!J4029</f>
        <v>0.47041411348352352</v>
      </c>
      <c r="K4003" s="59">
        <f>Bühler!K4029</f>
        <v>0.70562117022528525</v>
      </c>
      <c r="L4003" s="59">
        <f>Bühler!L4029</f>
        <v>11.550601808197072</v>
      </c>
      <c r="M4003" s="58">
        <f>Bühler!M4029</f>
        <v>0</v>
      </c>
      <c r="N4003" s="56">
        <f>IF(Input!$D$19=1,J4003*Input!$C$19,0)+IF(Input!$D$20=1,K4003*Input!$C$20,0)+IF(Input!$D$21=1,L4003*Input!$C$21,0)+IF(Input!$D$22=1,M4003*Input!$C$22,0)</f>
        <v>0.14112423404505706</v>
      </c>
      <c r="O4003" s="59">
        <f>IF(Input!$D$19=2,J4003*Input!$C$19,0)+IF(Input!$D$20=2,K4003*Input!$C$20,0)+IF(Input!$D$21=2,L4003*Input!$C$21,0)+IF(Input!$D$22=2,M4003*Input!$C$22,0)</f>
        <v>0.35281058511264263</v>
      </c>
      <c r="P4003" s="59">
        <f>IF(Input!$D$19=3,J4003*Input!$C$19,0)+IF(Input!$D$20=3,K4003*Input!$C$20,0)+IF(Input!$D$21=3,L4003*Input!$C$21,0)+IF(Input!$D$22=3,M4003*Input!$C$22,0)</f>
        <v>0</v>
      </c>
      <c r="Q4003" s="75">
        <f>IF(Input!$D$19=4,J4003*Input!$C$19,0)+IF(Input!$D$20=4,K4003*Input!$C$20,0)+IF(Input!$D$21=4,L4003*Input!$C$21,0)+IF(Input!$D$22=4,M4003*Input!$C$22,0)</f>
        <v>0</v>
      </c>
      <c r="R4003" s="58">
        <v>48.56230699466218</v>
      </c>
      <c r="S4003" s="124">
        <f t="shared" si="62"/>
        <v>0.61153834752858061</v>
      </c>
    </row>
    <row r="4004" spans="8:19" x14ac:dyDescent="0.3">
      <c r="H4004" s="44">
        <v>3997</v>
      </c>
      <c r="I4004" s="56">
        <f>Bühler!I4030</f>
        <v>0.14112423404505706</v>
      </c>
      <c r="J4004" s="59">
        <f>Bühler!J4030</f>
        <v>0.47041411348352352</v>
      </c>
      <c r="K4004" s="59">
        <f>Bühler!K4030</f>
        <v>0.70562117022528525</v>
      </c>
      <c r="L4004" s="59">
        <f>Bühler!L4030</f>
        <v>11.550601808197072</v>
      </c>
      <c r="M4004" s="58">
        <f>Bühler!M4030</f>
        <v>0</v>
      </c>
      <c r="N4004" s="56">
        <f>IF(Input!$D$19=1,J4004*Input!$C$19,0)+IF(Input!$D$20=1,K4004*Input!$C$20,0)+IF(Input!$D$21=1,L4004*Input!$C$21,0)+IF(Input!$D$22=1,M4004*Input!$C$22,0)</f>
        <v>0.14112423404505706</v>
      </c>
      <c r="O4004" s="59">
        <f>IF(Input!$D$19=2,J4004*Input!$C$19,0)+IF(Input!$D$20=2,K4004*Input!$C$20,0)+IF(Input!$D$21=2,L4004*Input!$C$21,0)+IF(Input!$D$22=2,M4004*Input!$C$22,0)</f>
        <v>0.35281058511264263</v>
      </c>
      <c r="P4004" s="59">
        <f>IF(Input!$D$19=3,J4004*Input!$C$19,0)+IF(Input!$D$20=3,K4004*Input!$C$20,0)+IF(Input!$D$21=3,L4004*Input!$C$21,0)+IF(Input!$D$22=3,M4004*Input!$C$22,0)</f>
        <v>0</v>
      </c>
      <c r="Q4004" s="75">
        <f>IF(Input!$D$19=4,J4004*Input!$C$19,0)+IF(Input!$D$20=4,K4004*Input!$C$20,0)+IF(Input!$D$21=4,L4004*Input!$C$21,0)+IF(Input!$D$22=4,M4004*Input!$C$22,0)</f>
        <v>0</v>
      </c>
      <c r="R4004" s="58">
        <v>47.554796999405504</v>
      </c>
      <c r="S4004" s="124">
        <f t="shared" si="62"/>
        <v>0.61153834752858061</v>
      </c>
    </row>
    <row r="4005" spans="8:19" x14ac:dyDescent="0.3">
      <c r="H4005" s="44">
        <v>3998</v>
      </c>
      <c r="I4005" s="56">
        <f>Bühler!I4031</f>
        <v>0.14112423404505706</v>
      </c>
      <c r="J4005" s="59">
        <f>Bühler!J4031</f>
        <v>0.47041411348352352</v>
      </c>
      <c r="K4005" s="59">
        <f>Bühler!K4031</f>
        <v>0.70562117022528525</v>
      </c>
      <c r="L4005" s="59">
        <f>Bühler!L4031</f>
        <v>11.550601808197072</v>
      </c>
      <c r="M4005" s="58">
        <f>Bühler!M4031</f>
        <v>0</v>
      </c>
      <c r="N4005" s="56">
        <f>IF(Input!$D$19=1,J4005*Input!$C$19,0)+IF(Input!$D$20=1,K4005*Input!$C$20,0)+IF(Input!$D$21=1,L4005*Input!$C$21,0)+IF(Input!$D$22=1,M4005*Input!$C$22,0)</f>
        <v>0.14112423404505706</v>
      </c>
      <c r="O4005" s="59">
        <f>IF(Input!$D$19=2,J4005*Input!$C$19,0)+IF(Input!$D$20=2,K4005*Input!$C$20,0)+IF(Input!$D$21=2,L4005*Input!$C$21,0)+IF(Input!$D$22=2,M4005*Input!$C$22,0)</f>
        <v>0.35281058511264263</v>
      </c>
      <c r="P4005" s="59">
        <f>IF(Input!$D$19=3,J4005*Input!$C$19,0)+IF(Input!$D$20=3,K4005*Input!$C$20,0)+IF(Input!$D$21=3,L4005*Input!$C$21,0)+IF(Input!$D$22=3,M4005*Input!$C$22,0)</f>
        <v>0</v>
      </c>
      <c r="Q4005" s="75">
        <f>IF(Input!$D$19=4,J4005*Input!$C$19,0)+IF(Input!$D$20=4,K4005*Input!$C$20,0)+IF(Input!$D$21=4,L4005*Input!$C$21,0)+IF(Input!$D$22=4,M4005*Input!$C$22,0)</f>
        <v>0</v>
      </c>
      <c r="R4005" s="58">
        <v>47.070852390475601</v>
      </c>
      <c r="S4005" s="124">
        <f t="shared" si="62"/>
        <v>0.61153834752858061</v>
      </c>
    </row>
    <row r="4006" spans="8:19" x14ac:dyDescent="0.3">
      <c r="H4006" s="44">
        <v>3999</v>
      </c>
      <c r="I4006" s="56">
        <f>Bühler!I4032</f>
        <v>0.14112423404505706</v>
      </c>
      <c r="J4006" s="59">
        <f>Bühler!J4032</f>
        <v>0.47041411348352352</v>
      </c>
      <c r="K4006" s="59">
        <f>Bühler!K4032</f>
        <v>0.70562117022528525</v>
      </c>
      <c r="L4006" s="59">
        <f>Bühler!L4032</f>
        <v>11.550601808197072</v>
      </c>
      <c r="M4006" s="58">
        <f>Bühler!M4032</f>
        <v>0</v>
      </c>
      <c r="N4006" s="56">
        <f>IF(Input!$D$19=1,J4006*Input!$C$19,0)+IF(Input!$D$20=1,K4006*Input!$C$20,0)+IF(Input!$D$21=1,L4006*Input!$C$21,0)+IF(Input!$D$22=1,M4006*Input!$C$22,0)</f>
        <v>0.14112423404505706</v>
      </c>
      <c r="O4006" s="59">
        <f>IF(Input!$D$19=2,J4006*Input!$C$19,0)+IF(Input!$D$20=2,K4006*Input!$C$20,0)+IF(Input!$D$21=2,L4006*Input!$C$21,0)+IF(Input!$D$22=2,M4006*Input!$C$22,0)</f>
        <v>0.35281058511264263</v>
      </c>
      <c r="P4006" s="59">
        <f>IF(Input!$D$19=3,J4006*Input!$C$19,0)+IF(Input!$D$20=3,K4006*Input!$C$20,0)+IF(Input!$D$21=3,L4006*Input!$C$21,0)+IF(Input!$D$22=3,M4006*Input!$C$22,0)</f>
        <v>0</v>
      </c>
      <c r="Q4006" s="75">
        <f>IF(Input!$D$19=4,J4006*Input!$C$19,0)+IF(Input!$D$20=4,K4006*Input!$C$20,0)+IF(Input!$D$21=4,L4006*Input!$C$21,0)+IF(Input!$D$22=4,M4006*Input!$C$22,0)</f>
        <v>0</v>
      </c>
      <c r="R4006" s="58">
        <v>46.404112635418954</v>
      </c>
      <c r="S4006" s="124">
        <f t="shared" si="62"/>
        <v>0.61153834752858061</v>
      </c>
    </row>
    <row r="4007" spans="8:19" x14ac:dyDescent="0.3">
      <c r="H4007" s="44">
        <v>4000</v>
      </c>
      <c r="I4007" s="56">
        <f>Bühler!I4033</f>
        <v>0.12759177324621598</v>
      </c>
      <c r="J4007" s="59">
        <f>Bühler!J4033</f>
        <v>0.42530591082071995</v>
      </c>
      <c r="K4007" s="59">
        <f>Bühler!K4033</f>
        <v>0.63795886623107989</v>
      </c>
      <c r="L4007" s="59">
        <f>Bühler!L4033</f>
        <v>10.443009853986393</v>
      </c>
      <c r="M4007" s="58">
        <f>Bühler!M4033</f>
        <v>0</v>
      </c>
      <c r="N4007" s="56">
        <f>IF(Input!$D$19=1,J4007*Input!$C$19,0)+IF(Input!$D$20=1,K4007*Input!$C$20,0)+IF(Input!$D$21=1,L4007*Input!$C$21,0)+IF(Input!$D$22=1,M4007*Input!$C$22,0)</f>
        <v>0.12759177324621598</v>
      </c>
      <c r="O4007" s="59">
        <f>IF(Input!$D$19=2,J4007*Input!$C$19,0)+IF(Input!$D$20=2,K4007*Input!$C$20,0)+IF(Input!$D$21=2,L4007*Input!$C$21,0)+IF(Input!$D$22=2,M4007*Input!$C$22,0)</f>
        <v>0.31897943311553995</v>
      </c>
      <c r="P4007" s="59">
        <f>IF(Input!$D$19=3,J4007*Input!$C$19,0)+IF(Input!$D$20=3,K4007*Input!$C$20,0)+IF(Input!$D$21=3,L4007*Input!$C$21,0)+IF(Input!$D$22=3,M4007*Input!$C$22,0)</f>
        <v>0</v>
      </c>
      <c r="Q4007" s="75">
        <f>IF(Input!$D$19=4,J4007*Input!$C$19,0)+IF(Input!$D$20=4,K4007*Input!$C$20,0)+IF(Input!$D$21=4,L4007*Input!$C$21,0)+IF(Input!$D$22=4,M4007*Input!$C$22,0)</f>
        <v>0</v>
      </c>
      <c r="R4007" s="58">
        <v>46.492150364785985</v>
      </c>
      <c r="S4007" s="124">
        <f t="shared" si="62"/>
        <v>0.55289768406693596</v>
      </c>
    </row>
    <row r="4008" spans="8:19" x14ac:dyDescent="0.3">
      <c r="H4008" s="44">
        <v>4001</v>
      </c>
      <c r="I4008" s="56">
        <f>Bühler!I4034</f>
        <v>0.1159925211329236</v>
      </c>
      <c r="J4008" s="59">
        <f>Bühler!J4034</f>
        <v>0.38664173710974542</v>
      </c>
      <c r="K4008" s="59">
        <f>Bühler!K4034</f>
        <v>0.5799626056646181</v>
      </c>
      <c r="L4008" s="59">
        <f>Bühler!L4034</f>
        <v>9.4936453218058112</v>
      </c>
      <c r="M4008" s="58">
        <f>Bühler!M4034</f>
        <v>0</v>
      </c>
      <c r="N4008" s="56">
        <f>IF(Input!$D$19=1,J4008*Input!$C$19,0)+IF(Input!$D$20=1,K4008*Input!$C$20,0)+IF(Input!$D$21=1,L4008*Input!$C$21,0)+IF(Input!$D$22=1,M4008*Input!$C$22,0)</f>
        <v>0.11599252113292362</v>
      </c>
      <c r="O4008" s="59">
        <f>IF(Input!$D$19=2,J4008*Input!$C$19,0)+IF(Input!$D$20=2,K4008*Input!$C$20,0)+IF(Input!$D$21=2,L4008*Input!$C$21,0)+IF(Input!$D$22=2,M4008*Input!$C$22,0)</f>
        <v>0.28998130283230905</v>
      </c>
      <c r="P4008" s="59">
        <f>IF(Input!$D$19=3,J4008*Input!$C$19,0)+IF(Input!$D$20=3,K4008*Input!$C$20,0)+IF(Input!$D$21=3,L4008*Input!$C$21,0)+IF(Input!$D$22=3,M4008*Input!$C$22,0)</f>
        <v>0</v>
      </c>
      <c r="Q4008" s="75">
        <f>IF(Input!$D$19=4,J4008*Input!$C$19,0)+IF(Input!$D$20=4,K4008*Input!$C$20,0)+IF(Input!$D$21=4,L4008*Input!$C$21,0)+IF(Input!$D$22=4,M4008*Input!$C$22,0)</f>
        <v>0</v>
      </c>
      <c r="R4008" s="58">
        <v>45.986358519348229</v>
      </c>
      <c r="S4008" s="124">
        <f t="shared" si="62"/>
        <v>0.50263425824266905</v>
      </c>
    </row>
    <row r="4009" spans="8:19" x14ac:dyDescent="0.3">
      <c r="H4009" s="44">
        <v>4002</v>
      </c>
      <c r="I4009" s="56">
        <f>Bühler!I4035</f>
        <v>0.10439326901963125</v>
      </c>
      <c r="J4009" s="59">
        <f>Bühler!J4035</f>
        <v>0.34797756339877084</v>
      </c>
      <c r="K4009" s="59">
        <f>Bühler!K4035</f>
        <v>0.52196634509815631</v>
      </c>
      <c r="L4009" s="59">
        <f>Bühler!L4035</f>
        <v>8.5442807896252315</v>
      </c>
      <c r="M4009" s="58">
        <f>Bühler!M4035</f>
        <v>0</v>
      </c>
      <c r="N4009" s="56">
        <f>IF(Input!$D$19=1,J4009*Input!$C$19,0)+IF(Input!$D$20=1,K4009*Input!$C$20,0)+IF(Input!$D$21=1,L4009*Input!$C$21,0)+IF(Input!$D$22=1,M4009*Input!$C$22,0)</f>
        <v>0.10439326901963125</v>
      </c>
      <c r="O4009" s="59">
        <f>IF(Input!$D$19=2,J4009*Input!$C$19,0)+IF(Input!$D$20=2,K4009*Input!$C$20,0)+IF(Input!$D$21=2,L4009*Input!$C$21,0)+IF(Input!$D$22=2,M4009*Input!$C$22,0)</f>
        <v>0.26098317254907816</v>
      </c>
      <c r="P4009" s="59">
        <f>IF(Input!$D$19=3,J4009*Input!$C$19,0)+IF(Input!$D$20=3,K4009*Input!$C$20,0)+IF(Input!$D$21=3,L4009*Input!$C$21,0)+IF(Input!$D$22=3,M4009*Input!$C$22,0)</f>
        <v>0</v>
      </c>
      <c r="Q4009" s="75">
        <f>IF(Input!$D$19=4,J4009*Input!$C$19,0)+IF(Input!$D$20=4,K4009*Input!$C$20,0)+IF(Input!$D$21=4,L4009*Input!$C$21,0)+IF(Input!$D$22=4,M4009*Input!$C$22,0)</f>
        <v>0</v>
      </c>
      <c r="R4009" s="58">
        <v>45.051738227597475</v>
      </c>
      <c r="S4009" s="124">
        <f t="shared" si="62"/>
        <v>0.45237083241840209</v>
      </c>
    </row>
    <row r="4010" spans="8:19" x14ac:dyDescent="0.3">
      <c r="H4010" s="44">
        <v>4003</v>
      </c>
      <c r="I4010" s="56">
        <f>Bühler!I4036</f>
        <v>0.10052685164853378</v>
      </c>
      <c r="J4010" s="59">
        <f>Bühler!J4036</f>
        <v>0.33508950549511268</v>
      </c>
      <c r="K4010" s="59">
        <f>Bühler!K4036</f>
        <v>0.50263425824266894</v>
      </c>
      <c r="L4010" s="59">
        <f>Bühler!L4036</f>
        <v>8.2278259455650353</v>
      </c>
      <c r="M4010" s="58">
        <f>Bühler!M4036</f>
        <v>0</v>
      </c>
      <c r="N4010" s="56">
        <f>IF(Input!$D$19=1,J4010*Input!$C$19,0)+IF(Input!$D$20=1,K4010*Input!$C$20,0)+IF(Input!$D$21=1,L4010*Input!$C$21,0)+IF(Input!$D$22=1,M4010*Input!$C$22,0)</f>
        <v>0.1005268516485338</v>
      </c>
      <c r="O4010" s="59">
        <f>IF(Input!$D$19=2,J4010*Input!$C$19,0)+IF(Input!$D$20=2,K4010*Input!$C$20,0)+IF(Input!$D$21=2,L4010*Input!$C$21,0)+IF(Input!$D$22=2,M4010*Input!$C$22,0)</f>
        <v>0.25131712912133447</v>
      </c>
      <c r="P4010" s="59">
        <f>IF(Input!$D$19=3,J4010*Input!$C$19,0)+IF(Input!$D$20=3,K4010*Input!$C$20,0)+IF(Input!$D$21=3,L4010*Input!$C$21,0)+IF(Input!$D$22=3,M4010*Input!$C$22,0)</f>
        <v>0</v>
      </c>
      <c r="Q4010" s="75">
        <f>IF(Input!$D$19=4,J4010*Input!$C$19,0)+IF(Input!$D$20=4,K4010*Input!$C$20,0)+IF(Input!$D$21=4,L4010*Input!$C$21,0)+IF(Input!$D$22=4,M4010*Input!$C$22,0)</f>
        <v>0</v>
      </c>
      <c r="R4010" s="58">
        <v>43.995331508644</v>
      </c>
      <c r="S4010" s="124">
        <f t="shared" si="62"/>
        <v>0.43561635714364644</v>
      </c>
    </row>
    <row r="4011" spans="8:19" x14ac:dyDescent="0.3">
      <c r="H4011" s="44">
        <v>4004</v>
      </c>
      <c r="I4011" s="56">
        <f>Bühler!I4037</f>
        <v>8.1194764793046506E-2</v>
      </c>
      <c r="J4011" s="59">
        <f>Bühler!J4037</f>
        <v>0.27064921597682173</v>
      </c>
      <c r="K4011" s="59">
        <f>Bühler!K4037</f>
        <v>0.40597382396523257</v>
      </c>
      <c r="L4011" s="59">
        <f>Bühler!L4037</f>
        <v>6.6455517252640677</v>
      </c>
      <c r="M4011" s="58">
        <f>Bühler!M4037</f>
        <v>0</v>
      </c>
      <c r="N4011" s="56">
        <f>IF(Input!$D$19=1,J4011*Input!$C$19,0)+IF(Input!$D$20=1,K4011*Input!$C$20,0)+IF(Input!$D$21=1,L4011*Input!$C$21,0)+IF(Input!$D$22=1,M4011*Input!$C$22,0)</f>
        <v>8.119476479304652E-2</v>
      </c>
      <c r="O4011" s="59">
        <f>IF(Input!$D$19=2,J4011*Input!$C$19,0)+IF(Input!$D$20=2,K4011*Input!$C$20,0)+IF(Input!$D$21=2,L4011*Input!$C$21,0)+IF(Input!$D$22=2,M4011*Input!$C$22,0)</f>
        <v>0.20298691198261629</v>
      </c>
      <c r="P4011" s="59">
        <f>IF(Input!$D$19=3,J4011*Input!$C$19,0)+IF(Input!$D$20=3,K4011*Input!$C$20,0)+IF(Input!$D$21=3,L4011*Input!$C$21,0)+IF(Input!$D$22=3,M4011*Input!$C$22,0)</f>
        <v>0</v>
      </c>
      <c r="Q4011" s="75">
        <f>IF(Input!$D$19=4,J4011*Input!$C$19,0)+IF(Input!$D$20=4,K4011*Input!$C$20,0)+IF(Input!$D$21=4,L4011*Input!$C$21,0)+IF(Input!$D$22=4,M4011*Input!$C$22,0)</f>
        <v>0</v>
      </c>
      <c r="R4011" s="58">
        <v>43.887083721371496</v>
      </c>
      <c r="S4011" s="124">
        <f t="shared" si="62"/>
        <v>0.35184398076986823</v>
      </c>
    </row>
    <row r="4012" spans="8:19" x14ac:dyDescent="0.3">
      <c r="H4012" s="44">
        <v>4005</v>
      </c>
      <c r="I4012" s="56">
        <f>Bühler!I4038</f>
        <v>5.9929469252010523E-2</v>
      </c>
      <c r="J4012" s="59">
        <f>Bühler!J4038</f>
        <v>0.19976489750670176</v>
      </c>
      <c r="K4012" s="59">
        <f>Bühler!K4038</f>
        <v>0.29964734626005268</v>
      </c>
      <c r="L4012" s="59">
        <f>Bühler!L4038</f>
        <v>4.9050500829330019</v>
      </c>
      <c r="M4012" s="58">
        <f>Bühler!M4038</f>
        <v>0</v>
      </c>
      <c r="N4012" s="56">
        <f>IF(Input!$D$19=1,J4012*Input!$C$19,0)+IF(Input!$D$20=1,K4012*Input!$C$20,0)+IF(Input!$D$21=1,L4012*Input!$C$21,0)+IF(Input!$D$22=1,M4012*Input!$C$22,0)</f>
        <v>5.9929469252010523E-2</v>
      </c>
      <c r="O4012" s="59">
        <f>IF(Input!$D$19=2,J4012*Input!$C$19,0)+IF(Input!$D$20=2,K4012*Input!$C$20,0)+IF(Input!$D$21=2,L4012*Input!$C$21,0)+IF(Input!$D$22=2,M4012*Input!$C$22,0)</f>
        <v>0.14982367313002634</v>
      </c>
      <c r="P4012" s="59">
        <f>IF(Input!$D$19=3,J4012*Input!$C$19,0)+IF(Input!$D$20=3,K4012*Input!$C$20,0)+IF(Input!$D$21=3,L4012*Input!$C$21,0)+IF(Input!$D$22=3,M4012*Input!$C$22,0)</f>
        <v>0</v>
      </c>
      <c r="Q4012" s="75">
        <f>IF(Input!$D$19=4,J4012*Input!$C$19,0)+IF(Input!$D$20=4,K4012*Input!$C$20,0)+IF(Input!$D$21=4,L4012*Input!$C$21,0)+IF(Input!$D$22=4,M4012*Input!$C$22,0)</f>
        <v>0</v>
      </c>
      <c r="R4012" s="58">
        <v>42.844138658413527</v>
      </c>
      <c r="S4012" s="124">
        <f t="shared" si="62"/>
        <v>0.25969436675871227</v>
      </c>
    </row>
    <row r="4013" spans="8:19" x14ac:dyDescent="0.3">
      <c r="H4013" s="44">
        <v>4006</v>
      </c>
      <c r="I4013" s="56">
        <f>Bühler!I4039</f>
        <v>5.9929469252010523E-2</v>
      </c>
      <c r="J4013" s="59">
        <f>Bühler!J4039</f>
        <v>0.19976489750670176</v>
      </c>
      <c r="K4013" s="59">
        <f>Bühler!K4039</f>
        <v>0.29964734626005268</v>
      </c>
      <c r="L4013" s="59">
        <f>Bühler!L4039</f>
        <v>4.9050500829330019</v>
      </c>
      <c r="M4013" s="58">
        <f>Bühler!M4039</f>
        <v>0</v>
      </c>
      <c r="N4013" s="56">
        <f>IF(Input!$D$19=1,J4013*Input!$C$19,0)+IF(Input!$D$20=1,K4013*Input!$C$20,0)+IF(Input!$D$21=1,L4013*Input!$C$21,0)+IF(Input!$D$22=1,M4013*Input!$C$22,0)</f>
        <v>5.9929469252010523E-2</v>
      </c>
      <c r="O4013" s="59">
        <f>IF(Input!$D$19=2,J4013*Input!$C$19,0)+IF(Input!$D$20=2,K4013*Input!$C$20,0)+IF(Input!$D$21=2,L4013*Input!$C$21,0)+IF(Input!$D$22=2,M4013*Input!$C$22,0)</f>
        <v>0.14982367313002634</v>
      </c>
      <c r="P4013" s="59">
        <f>IF(Input!$D$19=3,J4013*Input!$C$19,0)+IF(Input!$D$20=3,K4013*Input!$C$20,0)+IF(Input!$D$21=3,L4013*Input!$C$21,0)+IF(Input!$D$22=3,M4013*Input!$C$22,0)</f>
        <v>0</v>
      </c>
      <c r="Q4013" s="75">
        <f>IF(Input!$D$19=4,J4013*Input!$C$19,0)+IF(Input!$D$20=4,K4013*Input!$C$20,0)+IF(Input!$D$21=4,L4013*Input!$C$21,0)+IF(Input!$D$22=4,M4013*Input!$C$22,0)</f>
        <v>0</v>
      </c>
      <c r="R4013" s="58">
        <v>42.230636383374438</v>
      </c>
      <c r="S4013" s="124">
        <f t="shared" si="62"/>
        <v>0.25969436675871227</v>
      </c>
    </row>
    <row r="4014" spans="8:19" x14ac:dyDescent="0.3">
      <c r="H4014" s="44">
        <v>4007</v>
      </c>
      <c r="I4014" s="56">
        <f>Bühler!I4040</f>
        <v>5.9929469252010523E-2</v>
      </c>
      <c r="J4014" s="59">
        <f>Bühler!J4040</f>
        <v>0.19976489750670176</v>
      </c>
      <c r="K4014" s="59">
        <f>Bühler!K4040</f>
        <v>0.29964734626005268</v>
      </c>
      <c r="L4014" s="59">
        <f>Bühler!L4040</f>
        <v>4.9050500829330019</v>
      </c>
      <c r="M4014" s="58">
        <f>Bühler!M4040</f>
        <v>0</v>
      </c>
      <c r="N4014" s="56">
        <f>IF(Input!$D$19=1,J4014*Input!$C$19,0)+IF(Input!$D$20=1,K4014*Input!$C$20,0)+IF(Input!$D$21=1,L4014*Input!$C$21,0)+IF(Input!$D$22=1,M4014*Input!$C$22,0)</f>
        <v>5.9929469252010523E-2</v>
      </c>
      <c r="O4014" s="59">
        <f>IF(Input!$D$19=2,J4014*Input!$C$19,0)+IF(Input!$D$20=2,K4014*Input!$C$20,0)+IF(Input!$D$21=2,L4014*Input!$C$21,0)+IF(Input!$D$22=2,M4014*Input!$C$22,0)</f>
        <v>0.14982367313002634</v>
      </c>
      <c r="P4014" s="59">
        <f>IF(Input!$D$19=3,J4014*Input!$C$19,0)+IF(Input!$D$20=3,K4014*Input!$C$20,0)+IF(Input!$D$21=3,L4014*Input!$C$21,0)+IF(Input!$D$22=3,M4014*Input!$C$22,0)</f>
        <v>0</v>
      </c>
      <c r="Q4014" s="75">
        <f>IF(Input!$D$19=4,J4014*Input!$C$19,0)+IF(Input!$D$20=4,K4014*Input!$C$20,0)+IF(Input!$D$21=4,L4014*Input!$C$21,0)+IF(Input!$D$22=4,M4014*Input!$C$22,0)</f>
        <v>0</v>
      </c>
      <c r="R4014" s="58">
        <v>42.306853205049265</v>
      </c>
      <c r="S4014" s="124">
        <f t="shared" si="62"/>
        <v>0.25969436675871227</v>
      </c>
    </row>
    <row r="4015" spans="8:19" x14ac:dyDescent="0.3">
      <c r="H4015" s="44">
        <v>4008</v>
      </c>
      <c r="I4015" s="56">
        <f>Bühler!I4041</f>
        <v>5.9929469252010523E-2</v>
      </c>
      <c r="J4015" s="59">
        <f>Bühler!J4041</f>
        <v>0.19976489750670176</v>
      </c>
      <c r="K4015" s="59">
        <f>Bühler!K4041</f>
        <v>0.29964734626005268</v>
      </c>
      <c r="L4015" s="59">
        <f>Bühler!L4041</f>
        <v>4.9050500829330019</v>
      </c>
      <c r="M4015" s="58">
        <f>Bühler!M4041</f>
        <v>0</v>
      </c>
      <c r="N4015" s="56">
        <f>IF(Input!$D$19=1,J4015*Input!$C$19,0)+IF(Input!$D$20=1,K4015*Input!$C$20,0)+IF(Input!$D$21=1,L4015*Input!$C$21,0)+IF(Input!$D$22=1,M4015*Input!$C$22,0)</f>
        <v>5.9929469252010523E-2</v>
      </c>
      <c r="O4015" s="59">
        <f>IF(Input!$D$19=2,J4015*Input!$C$19,0)+IF(Input!$D$20=2,K4015*Input!$C$20,0)+IF(Input!$D$21=2,L4015*Input!$C$21,0)+IF(Input!$D$22=2,M4015*Input!$C$22,0)</f>
        <v>0.14982367313002634</v>
      </c>
      <c r="P4015" s="59">
        <f>IF(Input!$D$19=3,J4015*Input!$C$19,0)+IF(Input!$D$20=3,K4015*Input!$C$20,0)+IF(Input!$D$21=3,L4015*Input!$C$21,0)+IF(Input!$D$22=3,M4015*Input!$C$22,0)</f>
        <v>0</v>
      </c>
      <c r="Q4015" s="75">
        <f>IF(Input!$D$19=4,J4015*Input!$C$19,0)+IF(Input!$D$20=4,K4015*Input!$C$20,0)+IF(Input!$D$21=4,L4015*Input!$C$21,0)+IF(Input!$D$22=4,M4015*Input!$C$22,0)</f>
        <v>0</v>
      </c>
      <c r="R4015" s="58">
        <v>42.371535165835446</v>
      </c>
      <c r="S4015" s="124">
        <f t="shared" si="62"/>
        <v>0.25969436675871227</v>
      </c>
    </row>
    <row r="4016" spans="8:19" x14ac:dyDescent="0.3">
      <c r="H4016" s="44">
        <v>4009</v>
      </c>
      <c r="I4016" s="56">
        <f>Bühler!I4042</f>
        <v>6.7951081955346812E-2</v>
      </c>
      <c r="J4016" s="59">
        <f>Bühler!J4042</f>
        <v>0.22650360651782273</v>
      </c>
      <c r="K4016" s="59">
        <f>Bühler!K4042</f>
        <v>0.33975540977673407</v>
      </c>
      <c r="L4016" s="59">
        <f>Bühler!L4042</f>
        <v>5.5135059865036933</v>
      </c>
      <c r="M4016" s="58">
        <f>Bühler!M4042</f>
        <v>0</v>
      </c>
      <c r="N4016" s="56">
        <f>IF(Input!$D$19=1,J4016*Input!$C$19,0)+IF(Input!$D$20=1,K4016*Input!$C$20,0)+IF(Input!$D$21=1,L4016*Input!$C$21,0)+IF(Input!$D$22=1,M4016*Input!$C$22,0)</f>
        <v>6.7951081955346812E-2</v>
      </c>
      <c r="O4016" s="59">
        <f>IF(Input!$D$19=2,J4016*Input!$C$19,0)+IF(Input!$D$20=2,K4016*Input!$C$20,0)+IF(Input!$D$21=2,L4016*Input!$C$21,0)+IF(Input!$D$22=2,M4016*Input!$C$22,0)</f>
        <v>0.16987770488836704</v>
      </c>
      <c r="P4016" s="59">
        <f>IF(Input!$D$19=3,J4016*Input!$C$19,0)+IF(Input!$D$20=3,K4016*Input!$C$20,0)+IF(Input!$D$21=3,L4016*Input!$C$21,0)+IF(Input!$D$22=3,M4016*Input!$C$22,0)</f>
        <v>0</v>
      </c>
      <c r="Q4016" s="75">
        <f>IF(Input!$D$19=4,J4016*Input!$C$19,0)+IF(Input!$D$20=4,K4016*Input!$C$20,0)+IF(Input!$D$21=4,L4016*Input!$C$21,0)+IF(Input!$D$22=4,M4016*Input!$C$22,0)</f>
        <v>0</v>
      </c>
      <c r="R4016" s="58">
        <v>41.699148810787932</v>
      </c>
      <c r="S4016" s="124">
        <f t="shared" si="62"/>
        <v>0.29445468847316952</v>
      </c>
    </row>
    <row r="4017" spans="8:19" x14ac:dyDescent="0.3">
      <c r="H4017" s="44">
        <v>4010</v>
      </c>
      <c r="I4017" s="56">
        <f>Bühler!I4043</f>
        <v>7.8910933883628548E-2</v>
      </c>
      <c r="J4017" s="59">
        <f>Bühler!J4043</f>
        <v>0.26303644627876188</v>
      </c>
      <c r="K4017" s="59">
        <f>Bühler!K4043</f>
        <v>0.39455466941814282</v>
      </c>
      <c r="L4017" s="59">
        <f>Bühler!L4043</f>
        <v>6.4027811456171912</v>
      </c>
      <c r="M4017" s="58">
        <f>Bühler!M4043</f>
        <v>0</v>
      </c>
      <c r="N4017" s="56">
        <f>IF(Input!$D$19=1,J4017*Input!$C$19,0)+IF(Input!$D$20=1,K4017*Input!$C$20,0)+IF(Input!$D$21=1,L4017*Input!$C$21,0)+IF(Input!$D$22=1,M4017*Input!$C$22,0)</f>
        <v>7.8910933883628562E-2</v>
      </c>
      <c r="O4017" s="59">
        <f>IF(Input!$D$19=2,J4017*Input!$C$19,0)+IF(Input!$D$20=2,K4017*Input!$C$20,0)+IF(Input!$D$21=2,L4017*Input!$C$21,0)+IF(Input!$D$22=2,M4017*Input!$C$22,0)</f>
        <v>0.19727733470907141</v>
      </c>
      <c r="P4017" s="59">
        <f>IF(Input!$D$19=3,J4017*Input!$C$19,0)+IF(Input!$D$20=3,K4017*Input!$C$20,0)+IF(Input!$D$21=3,L4017*Input!$C$21,0)+IF(Input!$D$22=3,M4017*Input!$C$22,0)</f>
        <v>0</v>
      </c>
      <c r="Q4017" s="75">
        <f>IF(Input!$D$19=4,J4017*Input!$C$19,0)+IF(Input!$D$20=4,K4017*Input!$C$20,0)+IF(Input!$D$21=4,L4017*Input!$C$21,0)+IF(Input!$D$22=4,M4017*Input!$C$22,0)</f>
        <v>0</v>
      </c>
      <c r="R4017" s="58">
        <v>41.506782217734418</v>
      </c>
      <c r="S4017" s="124">
        <f t="shared" si="62"/>
        <v>0.34194738016239046</v>
      </c>
    </row>
    <row r="4018" spans="8:19" x14ac:dyDescent="0.3">
      <c r="H4018" s="44">
        <v>4011</v>
      </c>
      <c r="I4018" s="56">
        <f>Bühler!I4044</f>
        <v>7.8910933883628548E-2</v>
      </c>
      <c r="J4018" s="59">
        <f>Bühler!J4044</f>
        <v>0.26303644627876188</v>
      </c>
      <c r="K4018" s="59">
        <f>Bühler!K4044</f>
        <v>0.39455466941814282</v>
      </c>
      <c r="L4018" s="59">
        <f>Bühler!L4044</f>
        <v>6.4027811456171912</v>
      </c>
      <c r="M4018" s="58">
        <f>Bühler!M4044</f>
        <v>0</v>
      </c>
      <c r="N4018" s="56">
        <f>IF(Input!$D$19=1,J4018*Input!$C$19,0)+IF(Input!$D$20=1,K4018*Input!$C$20,0)+IF(Input!$D$21=1,L4018*Input!$C$21,0)+IF(Input!$D$22=1,M4018*Input!$C$22,0)</f>
        <v>7.8910933883628562E-2</v>
      </c>
      <c r="O4018" s="59">
        <f>IF(Input!$D$19=2,J4018*Input!$C$19,0)+IF(Input!$D$20=2,K4018*Input!$C$20,0)+IF(Input!$D$21=2,L4018*Input!$C$21,0)+IF(Input!$D$22=2,M4018*Input!$C$22,0)</f>
        <v>0.19727733470907141</v>
      </c>
      <c r="P4018" s="59">
        <f>IF(Input!$D$19=3,J4018*Input!$C$19,0)+IF(Input!$D$20=3,K4018*Input!$C$20,0)+IF(Input!$D$21=3,L4018*Input!$C$21,0)+IF(Input!$D$22=3,M4018*Input!$C$22,0)</f>
        <v>0</v>
      </c>
      <c r="Q4018" s="75">
        <f>IF(Input!$D$19=4,J4018*Input!$C$19,0)+IF(Input!$D$20=4,K4018*Input!$C$20,0)+IF(Input!$D$21=4,L4018*Input!$C$21,0)+IF(Input!$D$22=4,M4018*Input!$C$22,0)</f>
        <v>0</v>
      </c>
      <c r="R4018" s="58">
        <v>41.413487613416684</v>
      </c>
      <c r="S4018" s="124">
        <f t="shared" si="62"/>
        <v>0.34194738016239046</v>
      </c>
    </row>
    <row r="4019" spans="8:19" x14ac:dyDescent="0.3">
      <c r="H4019" s="44">
        <v>4012</v>
      </c>
      <c r="I4019" s="56">
        <f>Bühler!I4045</f>
        <v>7.8910933883628548E-2</v>
      </c>
      <c r="J4019" s="59">
        <f>Bühler!J4045</f>
        <v>0.26303644627876188</v>
      </c>
      <c r="K4019" s="59">
        <f>Bühler!K4045</f>
        <v>0.39455466941814282</v>
      </c>
      <c r="L4019" s="59">
        <f>Bühler!L4045</f>
        <v>6.4027811456171912</v>
      </c>
      <c r="M4019" s="58">
        <f>Bühler!M4045</f>
        <v>0</v>
      </c>
      <c r="N4019" s="56">
        <f>IF(Input!$D$19=1,J4019*Input!$C$19,0)+IF(Input!$D$20=1,K4019*Input!$C$20,0)+IF(Input!$D$21=1,L4019*Input!$C$21,0)+IF(Input!$D$22=1,M4019*Input!$C$22,0)</f>
        <v>7.8910933883628562E-2</v>
      </c>
      <c r="O4019" s="59">
        <f>IF(Input!$D$19=2,J4019*Input!$C$19,0)+IF(Input!$D$20=2,K4019*Input!$C$20,0)+IF(Input!$D$21=2,L4019*Input!$C$21,0)+IF(Input!$D$22=2,M4019*Input!$C$22,0)</f>
        <v>0.19727733470907141</v>
      </c>
      <c r="P4019" s="59">
        <f>IF(Input!$D$19=3,J4019*Input!$C$19,0)+IF(Input!$D$20=3,K4019*Input!$C$20,0)+IF(Input!$D$21=3,L4019*Input!$C$21,0)+IF(Input!$D$22=3,M4019*Input!$C$22,0)</f>
        <v>0</v>
      </c>
      <c r="Q4019" s="75">
        <f>IF(Input!$D$19=4,J4019*Input!$C$19,0)+IF(Input!$D$20=4,K4019*Input!$C$20,0)+IF(Input!$D$21=4,L4019*Input!$C$21,0)+IF(Input!$D$22=4,M4019*Input!$C$22,0)</f>
        <v>0</v>
      </c>
      <c r="R4019" s="58">
        <v>41.426461926781407</v>
      </c>
      <c r="S4019" s="124">
        <f t="shared" si="62"/>
        <v>0.34194738016239046</v>
      </c>
    </row>
    <row r="4020" spans="8:19" x14ac:dyDescent="0.3">
      <c r="H4020" s="44">
        <v>4013</v>
      </c>
      <c r="I4020" s="56">
        <f>Bühler!I4046</f>
        <v>7.8910933883628548E-2</v>
      </c>
      <c r="J4020" s="59">
        <f>Bühler!J4046</f>
        <v>0.26303644627876188</v>
      </c>
      <c r="K4020" s="59">
        <f>Bühler!K4046</f>
        <v>0.39455466941814282</v>
      </c>
      <c r="L4020" s="59">
        <f>Bühler!L4046</f>
        <v>6.4027811456171912</v>
      </c>
      <c r="M4020" s="58">
        <f>Bühler!M4046</f>
        <v>0</v>
      </c>
      <c r="N4020" s="56">
        <f>IF(Input!$D$19=1,J4020*Input!$C$19,0)+IF(Input!$D$20=1,K4020*Input!$C$20,0)+IF(Input!$D$21=1,L4020*Input!$C$21,0)+IF(Input!$D$22=1,M4020*Input!$C$22,0)</f>
        <v>7.8910933883628562E-2</v>
      </c>
      <c r="O4020" s="59">
        <f>IF(Input!$D$19=2,J4020*Input!$C$19,0)+IF(Input!$D$20=2,K4020*Input!$C$20,0)+IF(Input!$D$21=2,L4020*Input!$C$21,0)+IF(Input!$D$22=2,M4020*Input!$C$22,0)</f>
        <v>0.19727733470907141</v>
      </c>
      <c r="P4020" s="59">
        <f>IF(Input!$D$19=3,J4020*Input!$C$19,0)+IF(Input!$D$20=3,K4020*Input!$C$20,0)+IF(Input!$D$21=3,L4020*Input!$C$21,0)+IF(Input!$D$22=3,M4020*Input!$C$22,0)</f>
        <v>0</v>
      </c>
      <c r="Q4020" s="75">
        <f>IF(Input!$D$19=4,J4020*Input!$C$19,0)+IF(Input!$D$20=4,K4020*Input!$C$20,0)+IF(Input!$D$21=4,L4020*Input!$C$21,0)+IF(Input!$D$22=4,M4020*Input!$C$22,0)</f>
        <v>0</v>
      </c>
      <c r="R4020" s="58">
        <v>40.767537423866791</v>
      </c>
      <c r="S4020" s="124">
        <f t="shared" si="62"/>
        <v>0.34194738016239046</v>
      </c>
    </row>
    <row r="4021" spans="8:19" x14ac:dyDescent="0.3">
      <c r="H4021" s="44">
        <v>4014</v>
      </c>
      <c r="I4021" s="56">
        <f>Bühler!I4047</f>
        <v>9.8638667354535678E-2</v>
      </c>
      <c r="J4021" s="59">
        <f>Bühler!J4047</f>
        <v>0.32879555784845232</v>
      </c>
      <c r="K4021" s="59">
        <f>Bühler!K4047</f>
        <v>0.49319333677267846</v>
      </c>
      <c r="L4021" s="59">
        <f>Bühler!L4047</f>
        <v>8.0034764320214897</v>
      </c>
      <c r="M4021" s="58">
        <f>Bühler!M4047</f>
        <v>0</v>
      </c>
      <c r="N4021" s="56">
        <f>IF(Input!$D$19=1,J4021*Input!$C$19,0)+IF(Input!$D$20=1,K4021*Input!$C$20,0)+IF(Input!$D$21=1,L4021*Input!$C$21,0)+IF(Input!$D$22=1,M4021*Input!$C$22,0)</f>
        <v>9.8638667354535692E-2</v>
      </c>
      <c r="O4021" s="59">
        <f>IF(Input!$D$19=2,J4021*Input!$C$19,0)+IF(Input!$D$20=2,K4021*Input!$C$20,0)+IF(Input!$D$21=2,L4021*Input!$C$21,0)+IF(Input!$D$22=2,M4021*Input!$C$22,0)</f>
        <v>0.24659666838633923</v>
      </c>
      <c r="P4021" s="59">
        <f>IF(Input!$D$19=3,J4021*Input!$C$19,0)+IF(Input!$D$20=3,K4021*Input!$C$20,0)+IF(Input!$D$21=3,L4021*Input!$C$21,0)+IF(Input!$D$22=3,M4021*Input!$C$22,0)</f>
        <v>0</v>
      </c>
      <c r="Q4021" s="75">
        <f>IF(Input!$D$19=4,J4021*Input!$C$19,0)+IF(Input!$D$20=4,K4021*Input!$C$20,0)+IF(Input!$D$21=4,L4021*Input!$C$21,0)+IF(Input!$D$22=4,M4021*Input!$C$22,0)</f>
        <v>0</v>
      </c>
      <c r="R4021" s="58">
        <v>40.708925582587987</v>
      </c>
      <c r="S4021" s="124">
        <f t="shared" si="62"/>
        <v>0.42743422520298802</v>
      </c>
    </row>
    <row r="4022" spans="8:19" x14ac:dyDescent="0.3">
      <c r="H4022" s="44">
        <v>4015</v>
      </c>
      <c r="I4022" s="56">
        <f>Bühler!I4048</f>
        <v>0.11617443043978648</v>
      </c>
      <c r="J4022" s="59">
        <f>Bühler!J4048</f>
        <v>0.38724810146595501</v>
      </c>
      <c r="K4022" s="59">
        <f>Bühler!K4048</f>
        <v>0.58087215219893251</v>
      </c>
      <c r="L4022" s="59">
        <f>Bühler!L4048</f>
        <v>9.426316686603089</v>
      </c>
      <c r="M4022" s="58">
        <f>Bühler!M4048</f>
        <v>0</v>
      </c>
      <c r="N4022" s="56">
        <f>IF(Input!$D$19=1,J4022*Input!$C$19,0)+IF(Input!$D$20=1,K4022*Input!$C$20,0)+IF(Input!$D$21=1,L4022*Input!$C$21,0)+IF(Input!$D$22=1,M4022*Input!$C$22,0)</f>
        <v>0.11617443043978649</v>
      </c>
      <c r="O4022" s="59">
        <f>IF(Input!$D$19=2,J4022*Input!$C$19,0)+IF(Input!$D$20=2,K4022*Input!$C$20,0)+IF(Input!$D$21=2,L4022*Input!$C$21,0)+IF(Input!$D$22=2,M4022*Input!$C$22,0)</f>
        <v>0.29043607609946626</v>
      </c>
      <c r="P4022" s="59">
        <f>IF(Input!$D$19=3,J4022*Input!$C$19,0)+IF(Input!$D$20=3,K4022*Input!$C$20,0)+IF(Input!$D$21=3,L4022*Input!$C$21,0)+IF(Input!$D$22=3,M4022*Input!$C$22,0)</f>
        <v>0</v>
      </c>
      <c r="Q4022" s="75">
        <f>IF(Input!$D$19=4,J4022*Input!$C$19,0)+IF(Input!$D$20=4,K4022*Input!$C$20,0)+IF(Input!$D$21=4,L4022*Input!$C$21,0)+IF(Input!$D$22=4,M4022*Input!$C$22,0)</f>
        <v>0</v>
      </c>
      <c r="R4022" s="58">
        <v>40.469675812522404</v>
      </c>
      <c r="S4022" s="124">
        <f t="shared" si="62"/>
        <v>0.50342253190574149</v>
      </c>
    </row>
    <row r="4023" spans="8:19" x14ac:dyDescent="0.3">
      <c r="H4023" s="44">
        <v>4016</v>
      </c>
      <c r="I4023" s="56">
        <f>Bühler!I4049</f>
        <v>0.13809413429634998</v>
      </c>
      <c r="J4023" s="59">
        <f>Bühler!J4049</f>
        <v>0.46031378098783327</v>
      </c>
      <c r="K4023" s="59">
        <f>Bühler!K4049</f>
        <v>0.6904706714817499</v>
      </c>
      <c r="L4023" s="59">
        <f>Bühler!L4049</f>
        <v>11.204867004830087</v>
      </c>
      <c r="M4023" s="58">
        <f>Bühler!M4049</f>
        <v>0</v>
      </c>
      <c r="N4023" s="56">
        <f>IF(Input!$D$19=1,J4023*Input!$C$19,0)+IF(Input!$D$20=1,K4023*Input!$C$20,0)+IF(Input!$D$21=1,L4023*Input!$C$21,0)+IF(Input!$D$22=1,M4023*Input!$C$22,0)</f>
        <v>0.13809413429634998</v>
      </c>
      <c r="O4023" s="59">
        <f>IF(Input!$D$19=2,J4023*Input!$C$19,0)+IF(Input!$D$20=2,K4023*Input!$C$20,0)+IF(Input!$D$21=2,L4023*Input!$C$21,0)+IF(Input!$D$22=2,M4023*Input!$C$22,0)</f>
        <v>0.34523533574087495</v>
      </c>
      <c r="P4023" s="59">
        <f>IF(Input!$D$19=3,J4023*Input!$C$19,0)+IF(Input!$D$20=3,K4023*Input!$C$20,0)+IF(Input!$D$21=3,L4023*Input!$C$21,0)+IF(Input!$D$22=3,M4023*Input!$C$22,0)</f>
        <v>0</v>
      </c>
      <c r="Q4023" s="75">
        <f>IF(Input!$D$19=4,J4023*Input!$C$19,0)+IF(Input!$D$20=4,K4023*Input!$C$20,0)+IF(Input!$D$21=4,L4023*Input!$C$21,0)+IF(Input!$D$22=4,M4023*Input!$C$22,0)</f>
        <v>0</v>
      </c>
      <c r="R4023" s="58">
        <v>40.973187737054467</v>
      </c>
      <c r="S4023" s="124">
        <f t="shared" si="62"/>
        <v>0.59840791528418324</v>
      </c>
    </row>
    <row r="4024" spans="8:19" x14ac:dyDescent="0.3">
      <c r="H4024" s="44">
        <v>4017</v>
      </c>
      <c r="I4024" s="56">
        <f>Bühler!I4050</f>
        <v>0.13809413429634998</v>
      </c>
      <c r="J4024" s="59">
        <f>Bühler!J4050</f>
        <v>0.46031378098783327</v>
      </c>
      <c r="K4024" s="59">
        <f>Bühler!K4050</f>
        <v>0.6904706714817499</v>
      </c>
      <c r="L4024" s="59">
        <f>Bühler!L4050</f>
        <v>11.204867004830087</v>
      </c>
      <c r="M4024" s="58">
        <f>Bühler!M4050</f>
        <v>0</v>
      </c>
      <c r="N4024" s="56">
        <f>IF(Input!$D$19=1,J4024*Input!$C$19,0)+IF(Input!$D$20=1,K4024*Input!$C$20,0)+IF(Input!$D$21=1,L4024*Input!$C$21,0)+IF(Input!$D$22=1,M4024*Input!$C$22,0)</f>
        <v>0.13809413429634998</v>
      </c>
      <c r="O4024" s="59">
        <f>IF(Input!$D$19=2,J4024*Input!$C$19,0)+IF(Input!$D$20=2,K4024*Input!$C$20,0)+IF(Input!$D$21=2,L4024*Input!$C$21,0)+IF(Input!$D$22=2,M4024*Input!$C$22,0)</f>
        <v>0.34523533574087495</v>
      </c>
      <c r="P4024" s="59">
        <f>IF(Input!$D$19=3,J4024*Input!$C$19,0)+IF(Input!$D$20=3,K4024*Input!$C$20,0)+IF(Input!$D$21=3,L4024*Input!$C$21,0)+IF(Input!$D$22=3,M4024*Input!$C$22,0)</f>
        <v>0</v>
      </c>
      <c r="Q4024" s="75">
        <f>IF(Input!$D$19=4,J4024*Input!$C$19,0)+IF(Input!$D$20=4,K4024*Input!$C$20,0)+IF(Input!$D$21=4,L4024*Input!$C$21,0)+IF(Input!$D$22=4,M4024*Input!$C$22,0)</f>
        <v>0</v>
      </c>
      <c r="R4024" s="58">
        <v>40.68797975440409</v>
      </c>
      <c r="S4024" s="124">
        <f t="shared" si="62"/>
        <v>0.59840791528418324</v>
      </c>
    </row>
    <row r="4025" spans="8:19" x14ac:dyDescent="0.3">
      <c r="H4025" s="44">
        <v>4018</v>
      </c>
      <c r="I4025" s="56">
        <f>Bühler!I4051</f>
        <v>0.13809413429634998</v>
      </c>
      <c r="J4025" s="59">
        <f>Bühler!J4051</f>
        <v>0.46031378098783327</v>
      </c>
      <c r="K4025" s="59">
        <f>Bühler!K4051</f>
        <v>0.6904706714817499</v>
      </c>
      <c r="L4025" s="59">
        <f>Bühler!L4051</f>
        <v>11.204867004830087</v>
      </c>
      <c r="M4025" s="58">
        <f>Bühler!M4051</f>
        <v>0</v>
      </c>
      <c r="N4025" s="56">
        <f>IF(Input!$D$19=1,J4025*Input!$C$19,0)+IF(Input!$D$20=1,K4025*Input!$C$20,0)+IF(Input!$D$21=1,L4025*Input!$C$21,0)+IF(Input!$D$22=1,M4025*Input!$C$22,0)</f>
        <v>0.13809413429634998</v>
      </c>
      <c r="O4025" s="59">
        <f>IF(Input!$D$19=2,J4025*Input!$C$19,0)+IF(Input!$D$20=2,K4025*Input!$C$20,0)+IF(Input!$D$21=2,L4025*Input!$C$21,0)+IF(Input!$D$22=2,M4025*Input!$C$22,0)</f>
        <v>0.34523533574087495</v>
      </c>
      <c r="P4025" s="59">
        <f>IF(Input!$D$19=3,J4025*Input!$C$19,0)+IF(Input!$D$20=3,K4025*Input!$C$20,0)+IF(Input!$D$21=3,L4025*Input!$C$21,0)+IF(Input!$D$22=3,M4025*Input!$C$22,0)</f>
        <v>0</v>
      </c>
      <c r="Q4025" s="75">
        <f>IF(Input!$D$19=4,J4025*Input!$C$19,0)+IF(Input!$D$20=4,K4025*Input!$C$20,0)+IF(Input!$D$21=4,L4025*Input!$C$21,0)+IF(Input!$D$22=4,M4025*Input!$C$22,0)</f>
        <v>0</v>
      </c>
      <c r="R4025" s="58">
        <v>40.600299367790306</v>
      </c>
      <c r="S4025" s="124">
        <f t="shared" si="62"/>
        <v>0.59840791528418324</v>
      </c>
    </row>
    <row r="4026" spans="8:19" x14ac:dyDescent="0.3">
      <c r="H4026" s="44">
        <v>4019</v>
      </c>
      <c r="I4026" s="56">
        <f>Bühler!I4052</f>
        <v>0.13809413429634998</v>
      </c>
      <c r="J4026" s="59">
        <f>Bühler!J4052</f>
        <v>0.46031378098783327</v>
      </c>
      <c r="K4026" s="59">
        <f>Bühler!K4052</f>
        <v>0.6904706714817499</v>
      </c>
      <c r="L4026" s="59">
        <f>Bühler!L4052</f>
        <v>11.204867004830087</v>
      </c>
      <c r="M4026" s="58">
        <f>Bühler!M4052</f>
        <v>0</v>
      </c>
      <c r="N4026" s="56">
        <f>IF(Input!$D$19=1,J4026*Input!$C$19,0)+IF(Input!$D$20=1,K4026*Input!$C$20,0)+IF(Input!$D$21=1,L4026*Input!$C$21,0)+IF(Input!$D$22=1,M4026*Input!$C$22,0)</f>
        <v>0.13809413429634998</v>
      </c>
      <c r="O4026" s="59">
        <f>IF(Input!$D$19=2,J4026*Input!$C$19,0)+IF(Input!$D$20=2,K4026*Input!$C$20,0)+IF(Input!$D$21=2,L4026*Input!$C$21,0)+IF(Input!$D$22=2,M4026*Input!$C$22,0)</f>
        <v>0.34523533574087495</v>
      </c>
      <c r="P4026" s="59">
        <f>IF(Input!$D$19=3,J4026*Input!$C$19,0)+IF(Input!$D$20=3,K4026*Input!$C$20,0)+IF(Input!$D$21=3,L4026*Input!$C$21,0)+IF(Input!$D$22=3,M4026*Input!$C$22,0)</f>
        <v>0</v>
      </c>
      <c r="Q4026" s="75">
        <f>IF(Input!$D$19=4,J4026*Input!$C$19,0)+IF(Input!$D$20=4,K4026*Input!$C$20,0)+IF(Input!$D$21=4,L4026*Input!$C$21,0)+IF(Input!$D$22=4,M4026*Input!$C$22,0)</f>
        <v>0</v>
      </c>
      <c r="R4026" s="58">
        <v>40.603031738480951</v>
      </c>
      <c r="S4026" s="124">
        <f t="shared" si="62"/>
        <v>0.59840791528418324</v>
      </c>
    </row>
    <row r="4027" spans="8:19" x14ac:dyDescent="0.3">
      <c r="H4027" s="44">
        <v>4020</v>
      </c>
      <c r="I4027" s="56">
        <f>Bühler!I4053</f>
        <v>0.13809413429634998</v>
      </c>
      <c r="J4027" s="59">
        <f>Bühler!J4053</f>
        <v>0.46031378098783327</v>
      </c>
      <c r="K4027" s="59">
        <f>Bühler!K4053</f>
        <v>0.6904706714817499</v>
      </c>
      <c r="L4027" s="59">
        <f>Bühler!L4053</f>
        <v>11.204867004830087</v>
      </c>
      <c r="M4027" s="58">
        <f>Bühler!M4053</f>
        <v>0</v>
      </c>
      <c r="N4027" s="56">
        <f>IF(Input!$D$19=1,J4027*Input!$C$19,0)+IF(Input!$D$20=1,K4027*Input!$C$20,0)+IF(Input!$D$21=1,L4027*Input!$C$21,0)+IF(Input!$D$22=1,M4027*Input!$C$22,0)</f>
        <v>0.13809413429634998</v>
      </c>
      <c r="O4027" s="59">
        <f>IF(Input!$D$19=2,J4027*Input!$C$19,0)+IF(Input!$D$20=2,K4027*Input!$C$20,0)+IF(Input!$D$21=2,L4027*Input!$C$21,0)+IF(Input!$D$22=2,M4027*Input!$C$22,0)</f>
        <v>0.34523533574087495</v>
      </c>
      <c r="P4027" s="59">
        <f>IF(Input!$D$19=3,J4027*Input!$C$19,0)+IF(Input!$D$20=3,K4027*Input!$C$20,0)+IF(Input!$D$21=3,L4027*Input!$C$21,0)+IF(Input!$D$22=3,M4027*Input!$C$22,0)</f>
        <v>0</v>
      </c>
      <c r="Q4027" s="75">
        <f>IF(Input!$D$19=4,J4027*Input!$C$19,0)+IF(Input!$D$20=4,K4027*Input!$C$20,0)+IF(Input!$D$21=4,L4027*Input!$C$21,0)+IF(Input!$D$22=4,M4027*Input!$C$22,0)</f>
        <v>0</v>
      </c>
      <c r="R4027" s="58">
        <v>41.70250052458848</v>
      </c>
      <c r="S4027" s="124">
        <f t="shared" si="62"/>
        <v>0.59840791528418324</v>
      </c>
    </row>
    <row r="4028" spans="8:19" x14ac:dyDescent="0.3">
      <c r="H4028" s="44">
        <v>4021</v>
      </c>
      <c r="I4028" s="56">
        <f>Bühler!I4054</f>
        <v>0.13809413429634998</v>
      </c>
      <c r="J4028" s="59">
        <f>Bühler!J4054</f>
        <v>0.46031378098783327</v>
      </c>
      <c r="K4028" s="59">
        <f>Bühler!K4054</f>
        <v>0.6904706714817499</v>
      </c>
      <c r="L4028" s="59">
        <f>Bühler!L4054</f>
        <v>11.204867004830087</v>
      </c>
      <c r="M4028" s="58">
        <f>Bühler!M4054</f>
        <v>0</v>
      </c>
      <c r="N4028" s="56">
        <f>IF(Input!$D$19=1,J4028*Input!$C$19,0)+IF(Input!$D$20=1,K4028*Input!$C$20,0)+IF(Input!$D$21=1,L4028*Input!$C$21,0)+IF(Input!$D$22=1,M4028*Input!$C$22,0)</f>
        <v>0.13809413429634998</v>
      </c>
      <c r="O4028" s="59">
        <f>IF(Input!$D$19=2,J4028*Input!$C$19,0)+IF(Input!$D$20=2,K4028*Input!$C$20,0)+IF(Input!$D$21=2,L4028*Input!$C$21,0)+IF(Input!$D$22=2,M4028*Input!$C$22,0)</f>
        <v>0.34523533574087495</v>
      </c>
      <c r="P4028" s="59">
        <f>IF(Input!$D$19=3,J4028*Input!$C$19,0)+IF(Input!$D$20=3,K4028*Input!$C$20,0)+IF(Input!$D$21=3,L4028*Input!$C$21,0)+IF(Input!$D$22=3,M4028*Input!$C$22,0)</f>
        <v>0</v>
      </c>
      <c r="Q4028" s="75">
        <f>IF(Input!$D$19=4,J4028*Input!$C$19,0)+IF(Input!$D$20=4,K4028*Input!$C$20,0)+IF(Input!$D$21=4,L4028*Input!$C$21,0)+IF(Input!$D$22=4,M4028*Input!$C$22,0)</f>
        <v>0</v>
      </c>
      <c r="R4028" s="58">
        <v>41.464990159945074</v>
      </c>
      <c r="S4028" s="124">
        <f t="shared" si="62"/>
        <v>0.59840791528418324</v>
      </c>
    </row>
    <row r="4029" spans="8:19" x14ac:dyDescent="0.3">
      <c r="H4029" s="44">
        <v>4022</v>
      </c>
      <c r="I4029" s="56">
        <f>Bühler!I4055</f>
        <v>0.13809413429634998</v>
      </c>
      <c r="J4029" s="59">
        <f>Bühler!J4055</f>
        <v>0.46031378098783327</v>
      </c>
      <c r="K4029" s="59">
        <f>Bühler!K4055</f>
        <v>0.6904706714817499</v>
      </c>
      <c r="L4029" s="59">
        <f>Bühler!L4055</f>
        <v>11.204867004830087</v>
      </c>
      <c r="M4029" s="58">
        <f>Bühler!M4055</f>
        <v>0</v>
      </c>
      <c r="N4029" s="56">
        <f>IF(Input!$D$19=1,J4029*Input!$C$19,0)+IF(Input!$D$20=1,K4029*Input!$C$20,0)+IF(Input!$D$21=1,L4029*Input!$C$21,0)+IF(Input!$D$22=1,M4029*Input!$C$22,0)</f>
        <v>0.13809413429634998</v>
      </c>
      <c r="O4029" s="59">
        <f>IF(Input!$D$19=2,J4029*Input!$C$19,0)+IF(Input!$D$20=2,K4029*Input!$C$20,0)+IF(Input!$D$21=2,L4029*Input!$C$21,0)+IF(Input!$D$22=2,M4029*Input!$C$22,0)</f>
        <v>0.34523533574087495</v>
      </c>
      <c r="P4029" s="59">
        <f>IF(Input!$D$19=3,J4029*Input!$C$19,0)+IF(Input!$D$20=3,K4029*Input!$C$20,0)+IF(Input!$D$21=3,L4029*Input!$C$21,0)+IF(Input!$D$22=3,M4029*Input!$C$22,0)</f>
        <v>0</v>
      </c>
      <c r="Q4029" s="75">
        <f>IF(Input!$D$19=4,J4029*Input!$C$19,0)+IF(Input!$D$20=4,K4029*Input!$C$20,0)+IF(Input!$D$21=4,L4029*Input!$C$21,0)+IF(Input!$D$22=4,M4029*Input!$C$22,0)</f>
        <v>0</v>
      </c>
      <c r="R4029" s="58">
        <v>41.64896016917735</v>
      </c>
      <c r="S4029" s="124">
        <f t="shared" si="62"/>
        <v>0.59840791528418324</v>
      </c>
    </row>
    <row r="4030" spans="8:19" x14ac:dyDescent="0.3">
      <c r="H4030" s="44">
        <v>4023</v>
      </c>
      <c r="I4030" s="56">
        <f>Bühler!I4056</f>
        <v>0.13809413429634998</v>
      </c>
      <c r="J4030" s="59">
        <f>Bühler!J4056</f>
        <v>0.46031378098783327</v>
      </c>
      <c r="K4030" s="59">
        <f>Bühler!K4056</f>
        <v>0.6904706714817499</v>
      </c>
      <c r="L4030" s="59">
        <f>Bühler!L4056</f>
        <v>11.204867004830087</v>
      </c>
      <c r="M4030" s="58">
        <f>Bühler!M4056</f>
        <v>0</v>
      </c>
      <c r="N4030" s="56">
        <f>IF(Input!$D$19=1,J4030*Input!$C$19,0)+IF(Input!$D$20=1,K4030*Input!$C$20,0)+IF(Input!$D$21=1,L4030*Input!$C$21,0)+IF(Input!$D$22=1,M4030*Input!$C$22,0)</f>
        <v>0.13809413429634998</v>
      </c>
      <c r="O4030" s="59">
        <f>IF(Input!$D$19=2,J4030*Input!$C$19,0)+IF(Input!$D$20=2,K4030*Input!$C$20,0)+IF(Input!$D$21=2,L4030*Input!$C$21,0)+IF(Input!$D$22=2,M4030*Input!$C$22,0)</f>
        <v>0.34523533574087495</v>
      </c>
      <c r="P4030" s="59">
        <f>IF(Input!$D$19=3,J4030*Input!$C$19,0)+IF(Input!$D$20=3,K4030*Input!$C$20,0)+IF(Input!$D$21=3,L4030*Input!$C$21,0)+IF(Input!$D$22=3,M4030*Input!$C$22,0)</f>
        <v>0</v>
      </c>
      <c r="Q4030" s="75">
        <f>IF(Input!$D$19=4,J4030*Input!$C$19,0)+IF(Input!$D$20=4,K4030*Input!$C$20,0)+IF(Input!$D$21=4,L4030*Input!$C$21,0)+IF(Input!$D$22=4,M4030*Input!$C$22,0)</f>
        <v>0</v>
      </c>
      <c r="R4030" s="58">
        <v>41.780493390154298</v>
      </c>
      <c r="S4030" s="124">
        <f t="shared" si="62"/>
        <v>0.59840791528418324</v>
      </c>
    </row>
    <row r="4031" spans="8:19" x14ac:dyDescent="0.3">
      <c r="H4031" s="44">
        <v>4024</v>
      </c>
      <c r="I4031" s="56">
        <f>Bühler!I4057</f>
        <v>0.12275034159675553</v>
      </c>
      <c r="J4031" s="59">
        <f>Bühler!J4057</f>
        <v>0.40916780532251851</v>
      </c>
      <c r="K4031" s="59">
        <f>Bühler!K4057</f>
        <v>0.61375170798377776</v>
      </c>
      <c r="L4031" s="59">
        <f>Bühler!L4057</f>
        <v>9.9598817820711876</v>
      </c>
      <c r="M4031" s="58">
        <f>Bühler!M4057</f>
        <v>0</v>
      </c>
      <c r="N4031" s="56">
        <f>IF(Input!$D$19=1,J4031*Input!$C$19,0)+IF(Input!$D$20=1,K4031*Input!$C$20,0)+IF(Input!$D$21=1,L4031*Input!$C$21,0)+IF(Input!$D$22=1,M4031*Input!$C$22,0)</f>
        <v>0.12275034159675555</v>
      </c>
      <c r="O4031" s="59">
        <f>IF(Input!$D$19=2,J4031*Input!$C$19,0)+IF(Input!$D$20=2,K4031*Input!$C$20,0)+IF(Input!$D$21=2,L4031*Input!$C$21,0)+IF(Input!$D$22=2,M4031*Input!$C$22,0)</f>
        <v>0.30687585399188888</v>
      </c>
      <c r="P4031" s="59">
        <f>IF(Input!$D$19=3,J4031*Input!$C$19,0)+IF(Input!$D$20=3,K4031*Input!$C$20,0)+IF(Input!$D$21=3,L4031*Input!$C$21,0)+IF(Input!$D$22=3,M4031*Input!$C$22,0)</f>
        <v>0</v>
      </c>
      <c r="Q4031" s="75">
        <f>IF(Input!$D$19=4,J4031*Input!$C$19,0)+IF(Input!$D$20=4,K4031*Input!$C$20,0)+IF(Input!$D$21=4,L4031*Input!$C$21,0)+IF(Input!$D$22=4,M4031*Input!$C$22,0)</f>
        <v>0</v>
      </c>
      <c r="R4031" s="58">
        <v>41.853619282333284</v>
      </c>
      <c r="S4031" s="124">
        <f t="shared" si="62"/>
        <v>0.53191814691927408</v>
      </c>
    </row>
    <row r="4032" spans="8:19" x14ac:dyDescent="0.3">
      <c r="H4032" s="44">
        <v>4025</v>
      </c>
      <c r="I4032" s="56">
        <f>Bühler!I4058</f>
        <v>0.12055837121109916</v>
      </c>
      <c r="J4032" s="59">
        <f>Bühler!J4058</f>
        <v>0.40186123737033058</v>
      </c>
      <c r="K4032" s="59">
        <f>Bühler!K4058</f>
        <v>0.6027918560554959</v>
      </c>
      <c r="L4032" s="59">
        <f>Bühler!L4058</f>
        <v>9.7820267502484874</v>
      </c>
      <c r="M4032" s="58">
        <f>Bühler!M4058</f>
        <v>0</v>
      </c>
      <c r="N4032" s="56">
        <f>IF(Input!$D$19=1,J4032*Input!$C$19,0)+IF(Input!$D$20=1,K4032*Input!$C$20,0)+IF(Input!$D$21=1,L4032*Input!$C$21,0)+IF(Input!$D$22=1,M4032*Input!$C$22,0)</f>
        <v>0.12055837121109916</v>
      </c>
      <c r="O4032" s="59">
        <f>IF(Input!$D$19=2,J4032*Input!$C$19,0)+IF(Input!$D$20=2,K4032*Input!$C$20,0)+IF(Input!$D$21=2,L4032*Input!$C$21,0)+IF(Input!$D$22=2,M4032*Input!$C$22,0)</f>
        <v>0.30139592802774795</v>
      </c>
      <c r="P4032" s="59">
        <f>IF(Input!$D$19=3,J4032*Input!$C$19,0)+IF(Input!$D$20=3,K4032*Input!$C$20,0)+IF(Input!$D$21=3,L4032*Input!$C$21,0)+IF(Input!$D$22=3,M4032*Input!$C$22,0)</f>
        <v>0</v>
      </c>
      <c r="Q4032" s="75">
        <f>IF(Input!$D$19=4,J4032*Input!$C$19,0)+IF(Input!$D$20=4,K4032*Input!$C$20,0)+IF(Input!$D$21=4,L4032*Input!$C$21,0)+IF(Input!$D$22=4,M4032*Input!$C$22,0)</f>
        <v>0</v>
      </c>
      <c r="R4032" s="58">
        <v>41.895263138693146</v>
      </c>
      <c r="S4032" s="124">
        <f t="shared" si="62"/>
        <v>0.52241960858142977</v>
      </c>
    </row>
    <row r="4033" spans="8:19" x14ac:dyDescent="0.3">
      <c r="H4033" s="44">
        <v>4026</v>
      </c>
      <c r="I4033" s="56">
        <f>Bühler!I4059</f>
        <v>0.1030226081258484</v>
      </c>
      <c r="J4033" s="59">
        <f>Bühler!J4059</f>
        <v>0.34340869375282806</v>
      </c>
      <c r="K4033" s="59">
        <f>Bühler!K4059</f>
        <v>0.51511304062924212</v>
      </c>
      <c r="L4033" s="59">
        <f>Bühler!L4059</f>
        <v>8.35918649566689</v>
      </c>
      <c r="M4033" s="58">
        <f>Bühler!M4059</f>
        <v>0</v>
      </c>
      <c r="N4033" s="56">
        <f>IF(Input!$D$19=1,J4033*Input!$C$19,0)+IF(Input!$D$20=1,K4033*Input!$C$20,0)+IF(Input!$D$21=1,L4033*Input!$C$21,0)+IF(Input!$D$22=1,M4033*Input!$C$22,0)</f>
        <v>0.10302260812584842</v>
      </c>
      <c r="O4033" s="59">
        <f>IF(Input!$D$19=2,J4033*Input!$C$19,0)+IF(Input!$D$20=2,K4033*Input!$C$20,0)+IF(Input!$D$21=2,L4033*Input!$C$21,0)+IF(Input!$D$22=2,M4033*Input!$C$22,0)</f>
        <v>0.25755652031462106</v>
      </c>
      <c r="P4033" s="59">
        <f>IF(Input!$D$19=3,J4033*Input!$C$19,0)+IF(Input!$D$20=3,K4033*Input!$C$20,0)+IF(Input!$D$21=3,L4033*Input!$C$21,0)+IF(Input!$D$22=3,M4033*Input!$C$22,0)</f>
        <v>0</v>
      </c>
      <c r="Q4033" s="75">
        <f>IF(Input!$D$19=4,J4033*Input!$C$19,0)+IF(Input!$D$20=4,K4033*Input!$C$20,0)+IF(Input!$D$21=4,L4033*Input!$C$21,0)+IF(Input!$D$22=4,M4033*Input!$C$22,0)</f>
        <v>0</v>
      </c>
      <c r="R4033" s="58">
        <v>41.821955152539672</v>
      </c>
      <c r="S4033" s="124">
        <f t="shared" si="62"/>
        <v>0.44643130187867647</v>
      </c>
    </row>
    <row r="4034" spans="8:19" x14ac:dyDescent="0.3">
      <c r="H4034" s="44">
        <v>4027</v>
      </c>
      <c r="I4034" s="56">
        <f>Bühler!I4060</f>
        <v>9.644669696887935E-2</v>
      </c>
      <c r="J4034" s="59">
        <f>Bühler!J4060</f>
        <v>0.32148898989626457</v>
      </c>
      <c r="K4034" s="59">
        <f>Bühler!K4060</f>
        <v>0.48223348484439682</v>
      </c>
      <c r="L4034" s="59">
        <f>Bühler!L4060</f>
        <v>7.8256214001987914</v>
      </c>
      <c r="M4034" s="58">
        <f>Bühler!M4060</f>
        <v>0</v>
      </c>
      <c r="N4034" s="56">
        <f>IF(Input!$D$19=1,J4034*Input!$C$19,0)+IF(Input!$D$20=1,K4034*Input!$C$20,0)+IF(Input!$D$21=1,L4034*Input!$C$21,0)+IF(Input!$D$22=1,M4034*Input!$C$22,0)</f>
        <v>9.6446696968879364E-2</v>
      </c>
      <c r="O4034" s="59">
        <f>IF(Input!$D$19=2,J4034*Input!$C$19,0)+IF(Input!$D$20=2,K4034*Input!$C$20,0)+IF(Input!$D$21=2,L4034*Input!$C$21,0)+IF(Input!$D$22=2,M4034*Input!$C$22,0)</f>
        <v>0.24111674242219841</v>
      </c>
      <c r="P4034" s="59">
        <f>IF(Input!$D$19=3,J4034*Input!$C$19,0)+IF(Input!$D$20=3,K4034*Input!$C$20,0)+IF(Input!$D$21=3,L4034*Input!$C$21,0)+IF(Input!$D$22=3,M4034*Input!$C$22,0)</f>
        <v>0</v>
      </c>
      <c r="Q4034" s="75">
        <f>IF(Input!$D$19=4,J4034*Input!$C$19,0)+IF(Input!$D$20=4,K4034*Input!$C$20,0)+IF(Input!$D$21=4,L4034*Input!$C$21,0)+IF(Input!$D$22=4,M4034*Input!$C$22,0)</f>
        <v>0</v>
      </c>
      <c r="R4034" s="58">
        <v>41.562864474794154</v>
      </c>
      <c r="S4034" s="124">
        <f t="shared" si="62"/>
        <v>0.41793568686514393</v>
      </c>
    </row>
    <row r="4035" spans="8:19" x14ac:dyDescent="0.3">
      <c r="H4035" s="44">
        <v>4028</v>
      </c>
      <c r="I4035" s="56">
        <f>Bühler!I4061</f>
        <v>8.1102904269284903E-2</v>
      </c>
      <c r="J4035" s="59">
        <f>Bühler!J4061</f>
        <v>0.2703430142309497</v>
      </c>
      <c r="K4035" s="59">
        <f>Bühler!K4061</f>
        <v>0.40551452134642457</v>
      </c>
      <c r="L4035" s="59">
        <f>Bühler!L4061</f>
        <v>6.5806361774398923</v>
      </c>
      <c r="M4035" s="58">
        <f>Bühler!M4061</f>
        <v>0</v>
      </c>
      <c r="N4035" s="56">
        <f>IF(Input!$D$19=1,J4035*Input!$C$19,0)+IF(Input!$D$20=1,K4035*Input!$C$20,0)+IF(Input!$D$21=1,L4035*Input!$C$21,0)+IF(Input!$D$22=1,M4035*Input!$C$22,0)</f>
        <v>8.1102904269284903E-2</v>
      </c>
      <c r="O4035" s="59">
        <f>IF(Input!$D$19=2,J4035*Input!$C$19,0)+IF(Input!$D$20=2,K4035*Input!$C$20,0)+IF(Input!$D$21=2,L4035*Input!$C$21,0)+IF(Input!$D$22=2,M4035*Input!$C$22,0)</f>
        <v>0.20275726067321229</v>
      </c>
      <c r="P4035" s="59">
        <f>IF(Input!$D$19=3,J4035*Input!$C$19,0)+IF(Input!$D$20=3,K4035*Input!$C$20,0)+IF(Input!$D$21=3,L4035*Input!$C$21,0)+IF(Input!$D$22=3,M4035*Input!$C$22,0)</f>
        <v>0</v>
      </c>
      <c r="Q4035" s="75">
        <f>IF(Input!$D$19=4,J4035*Input!$C$19,0)+IF(Input!$D$20=4,K4035*Input!$C$20,0)+IF(Input!$D$21=4,L4035*Input!$C$21,0)+IF(Input!$D$22=4,M4035*Input!$C$22,0)</f>
        <v>0</v>
      </c>
      <c r="R4035" s="58">
        <v>42.12473636093889</v>
      </c>
      <c r="S4035" s="124">
        <f t="shared" si="62"/>
        <v>0.3514459185002346</v>
      </c>
    </row>
    <row r="4036" spans="8:19" x14ac:dyDescent="0.3">
      <c r="H4036" s="44">
        <v>4029</v>
      </c>
      <c r="I4036" s="56">
        <f>Bühler!I4062</f>
        <v>6.7951081955346812E-2</v>
      </c>
      <c r="J4036" s="59">
        <f>Bühler!J4062</f>
        <v>0.22650360651782273</v>
      </c>
      <c r="K4036" s="59">
        <f>Bühler!K4062</f>
        <v>0.33975540977673407</v>
      </c>
      <c r="L4036" s="59">
        <f>Bühler!L4062</f>
        <v>5.5135059865036933</v>
      </c>
      <c r="M4036" s="58">
        <f>Bühler!M4062</f>
        <v>0</v>
      </c>
      <c r="N4036" s="56">
        <f>IF(Input!$D$19=1,J4036*Input!$C$19,0)+IF(Input!$D$20=1,K4036*Input!$C$20,0)+IF(Input!$D$21=1,L4036*Input!$C$21,0)+IF(Input!$D$22=1,M4036*Input!$C$22,0)</f>
        <v>6.7951081955346812E-2</v>
      </c>
      <c r="O4036" s="59">
        <f>IF(Input!$D$19=2,J4036*Input!$C$19,0)+IF(Input!$D$20=2,K4036*Input!$C$20,0)+IF(Input!$D$21=2,L4036*Input!$C$21,0)+IF(Input!$D$22=2,M4036*Input!$C$22,0)</f>
        <v>0.16987770488836704</v>
      </c>
      <c r="P4036" s="59">
        <f>IF(Input!$D$19=3,J4036*Input!$C$19,0)+IF(Input!$D$20=3,K4036*Input!$C$20,0)+IF(Input!$D$21=3,L4036*Input!$C$21,0)+IF(Input!$D$22=3,M4036*Input!$C$22,0)</f>
        <v>0</v>
      </c>
      <c r="Q4036" s="75">
        <f>IF(Input!$D$19=4,J4036*Input!$C$19,0)+IF(Input!$D$20=4,K4036*Input!$C$20,0)+IF(Input!$D$21=4,L4036*Input!$C$21,0)+IF(Input!$D$22=4,M4036*Input!$C$22,0)</f>
        <v>0</v>
      </c>
      <c r="R4036" s="58">
        <v>41.937804853289776</v>
      </c>
      <c r="S4036" s="124">
        <f t="shared" si="62"/>
        <v>0.29445468847316952</v>
      </c>
    </row>
    <row r="4037" spans="8:19" x14ac:dyDescent="0.3">
      <c r="H4037" s="44">
        <v>4030</v>
      </c>
      <c r="I4037" s="56">
        <f>Bühler!I4063</f>
        <v>5.9183200412721418E-2</v>
      </c>
      <c r="J4037" s="59">
        <f>Bühler!J4063</f>
        <v>0.19727733470907141</v>
      </c>
      <c r="K4037" s="59">
        <f>Bühler!K4063</f>
        <v>0.29591600206360713</v>
      </c>
      <c r="L4037" s="59">
        <f>Bühler!L4063</f>
        <v>4.8020858592128937</v>
      </c>
      <c r="M4037" s="58">
        <f>Bühler!M4063</f>
        <v>0</v>
      </c>
      <c r="N4037" s="56">
        <f>IF(Input!$D$19=1,J4037*Input!$C$19,0)+IF(Input!$D$20=1,K4037*Input!$C$20,0)+IF(Input!$D$21=1,L4037*Input!$C$21,0)+IF(Input!$D$22=1,M4037*Input!$C$22,0)</f>
        <v>5.9183200412721418E-2</v>
      </c>
      <c r="O4037" s="59">
        <f>IF(Input!$D$19=2,J4037*Input!$C$19,0)+IF(Input!$D$20=2,K4037*Input!$C$20,0)+IF(Input!$D$21=2,L4037*Input!$C$21,0)+IF(Input!$D$22=2,M4037*Input!$C$22,0)</f>
        <v>0.14795800103180357</v>
      </c>
      <c r="P4037" s="59">
        <f>IF(Input!$D$19=3,J4037*Input!$C$19,0)+IF(Input!$D$20=3,K4037*Input!$C$20,0)+IF(Input!$D$21=3,L4037*Input!$C$21,0)+IF(Input!$D$22=3,M4037*Input!$C$22,0)</f>
        <v>0</v>
      </c>
      <c r="Q4037" s="75">
        <f>IF(Input!$D$19=4,J4037*Input!$C$19,0)+IF(Input!$D$20=4,K4037*Input!$C$20,0)+IF(Input!$D$21=4,L4037*Input!$C$21,0)+IF(Input!$D$22=4,M4037*Input!$C$22,0)</f>
        <v>0</v>
      </c>
      <c r="R4037" s="58">
        <v>41.901037796801162</v>
      </c>
      <c r="S4037" s="124">
        <f t="shared" si="62"/>
        <v>0.25646053512179284</v>
      </c>
    </row>
    <row r="4038" spans="8:19" x14ac:dyDescent="0.3">
      <c r="H4038" s="44">
        <v>4031</v>
      </c>
      <c r="I4038" s="56">
        <f>Bühler!I4064</f>
        <v>5.9183200412721418E-2</v>
      </c>
      <c r="J4038" s="59">
        <f>Bühler!J4064</f>
        <v>0.19727733470907141</v>
      </c>
      <c r="K4038" s="59">
        <f>Bühler!K4064</f>
        <v>0.29591600206360713</v>
      </c>
      <c r="L4038" s="59">
        <f>Bühler!L4064</f>
        <v>4.8020858592128937</v>
      </c>
      <c r="M4038" s="58">
        <f>Bühler!M4064</f>
        <v>0</v>
      </c>
      <c r="N4038" s="56">
        <f>IF(Input!$D$19=1,J4038*Input!$C$19,0)+IF(Input!$D$20=1,K4038*Input!$C$20,0)+IF(Input!$D$21=1,L4038*Input!$C$21,0)+IF(Input!$D$22=1,M4038*Input!$C$22,0)</f>
        <v>5.9183200412721418E-2</v>
      </c>
      <c r="O4038" s="59">
        <f>IF(Input!$D$19=2,J4038*Input!$C$19,0)+IF(Input!$D$20=2,K4038*Input!$C$20,0)+IF(Input!$D$21=2,L4038*Input!$C$21,0)+IF(Input!$D$22=2,M4038*Input!$C$22,0)</f>
        <v>0.14795800103180357</v>
      </c>
      <c r="P4038" s="59">
        <f>IF(Input!$D$19=3,J4038*Input!$C$19,0)+IF(Input!$D$20=3,K4038*Input!$C$20,0)+IF(Input!$D$21=3,L4038*Input!$C$21,0)+IF(Input!$D$22=3,M4038*Input!$C$22,0)</f>
        <v>0</v>
      </c>
      <c r="Q4038" s="75">
        <f>IF(Input!$D$19=4,J4038*Input!$C$19,0)+IF(Input!$D$20=4,K4038*Input!$C$20,0)+IF(Input!$D$21=4,L4038*Input!$C$21,0)+IF(Input!$D$22=4,M4038*Input!$C$22,0)</f>
        <v>0</v>
      </c>
      <c r="R4038" s="58">
        <v>42.509027119882774</v>
      </c>
      <c r="S4038" s="124">
        <f t="shared" si="62"/>
        <v>0.25646053512179284</v>
      </c>
    </row>
    <row r="4039" spans="8:19" x14ac:dyDescent="0.3">
      <c r="H4039" s="44">
        <v>4032</v>
      </c>
      <c r="I4039" s="56">
        <f>Bühler!I4065</f>
        <v>5.9183200412721418E-2</v>
      </c>
      <c r="J4039" s="59">
        <f>Bühler!J4065</f>
        <v>0.19727733470907141</v>
      </c>
      <c r="K4039" s="59">
        <f>Bühler!K4065</f>
        <v>0.29591600206360713</v>
      </c>
      <c r="L4039" s="59">
        <f>Bühler!L4065</f>
        <v>4.8020858592128937</v>
      </c>
      <c r="M4039" s="58">
        <f>Bühler!M4065</f>
        <v>0</v>
      </c>
      <c r="N4039" s="56">
        <f>IF(Input!$D$19=1,J4039*Input!$C$19,0)+IF(Input!$D$20=1,K4039*Input!$C$20,0)+IF(Input!$D$21=1,L4039*Input!$C$21,0)+IF(Input!$D$22=1,M4039*Input!$C$22,0)</f>
        <v>5.9183200412721418E-2</v>
      </c>
      <c r="O4039" s="59">
        <f>IF(Input!$D$19=2,J4039*Input!$C$19,0)+IF(Input!$D$20=2,K4039*Input!$C$20,0)+IF(Input!$D$21=2,L4039*Input!$C$21,0)+IF(Input!$D$22=2,M4039*Input!$C$22,0)</f>
        <v>0.14795800103180357</v>
      </c>
      <c r="P4039" s="59">
        <f>IF(Input!$D$19=3,J4039*Input!$C$19,0)+IF(Input!$D$20=3,K4039*Input!$C$20,0)+IF(Input!$D$21=3,L4039*Input!$C$21,0)+IF(Input!$D$22=3,M4039*Input!$C$22,0)</f>
        <v>0</v>
      </c>
      <c r="Q4039" s="75">
        <f>IF(Input!$D$19=4,J4039*Input!$C$19,0)+IF(Input!$D$20=4,K4039*Input!$C$20,0)+IF(Input!$D$21=4,L4039*Input!$C$21,0)+IF(Input!$D$22=4,M4039*Input!$C$22,0)</f>
        <v>0</v>
      </c>
      <c r="R4039" s="58">
        <v>42.172695292821572</v>
      </c>
      <c r="S4039" s="124">
        <f t="shared" si="62"/>
        <v>0.25646053512179284</v>
      </c>
    </row>
    <row r="4040" spans="8:19" x14ac:dyDescent="0.3">
      <c r="H4040" s="44">
        <v>4033</v>
      </c>
      <c r="I4040" s="56">
        <f>Bühler!I4066</f>
        <v>6.7693886470848702E-2</v>
      </c>
      <c r="J4040" s="59">
        <f>Bühler!J4066</f>
        <v>0.22564628823616234</v>
      </c>
      <c r="K4040" s="59">
        <f>Bühler!K4066</f>
        <v>0.33846943235424348</v>
      </c>
      <c r="L4040" s="59">
        <f>Bühler!L4066</f>
        <v>1.6246532753003686</v>
      </c>
      <c r="M4040" s="58">
        <f>Bühler!M4066</f>
        <v>0</v>
      </c>
      <c r="N4040" s="56">
        <f>IF(Input!$D$19=1,J4040*Input!$C$19,0)+IF(Input!$D$20=1,K4040*Input!$C$20,0)+IF(Input!$D$21=1,L4040*Input!$C$21,0)+IF(Input!$D$22=1,M4040*Input!$C$22,0)</f>
        <v>6.7693886470848702E-2</v>
      </c>
      <c r="O4040" s="59">
        <f>IF(Input!$D$19=2,J4040*Input!$C$19,0)+IF(Input!$D$20=2,K4040*Input!$C$20,0)+IF(Input!$D$21=2,L4040*Input!$C$21,0)+IF(Input!$D$22=2,M4040*Input!$C$22,0)</f>
        <v>0.16923471617712174</v>
      </c>
      <c r="P4040" s="59">
        <f>IF(Input!$D$19=3,J4040*Input!$C$19,0)+IF(Input!$D$20=3,K4040*Input!$C$20,0)+IF(Input!$D$21=3,L4040*Input!$C$21,0)+IF(Input!$D$22=3,M4040*Input!$C$22,0)</f>
        <v>0</v>
      </c>
      <c r="Q4040" s="75">
        <f>IF(Input!$D$19=4,J4040*Input!$C$19,0)+IF(Input!$D$20=4,K4040*Input!$C$20,0)+IF(Input!$D$21=4,L4040*Input!$C$21,0)+IF(Input!$D$22=4,M4040*Input!$C$22,0)</f>
        <v>0</v>
      </c>
      <c r="R4040" s="58">
        <v>41.349490839070064</v>
      </c>
      <c r="S4040" s="124">
        <f t="shared" si="62"/>
        <v>0.29334017470701101</v>
      </c>
    </row>
    <row r="4041" spans="8:19" x14ac:dyDescent="0.3">
      <c r="H4041" s="44">
        <v>4034</v>
      </c>
      <c r="I4041" s="56">
        <f>Bühler!I4067</f>
        <v>6.7693886470848702E-2</v>
      </c>
      <c r="J4041" s="59">
        <f>Bühler!J4067</f>
        <v>0.22564628823616234</v>
      </c>
      <c r="K4041" s="59">
        <f>Bühler!K4067</f>
        <v>0.33846943235424348</v>
      </c>
      <c r="L4041" s="59">
        <f>Bühler!L4067</f>
        <v>1.6246532753003686</v>
      </c>
      <c r="M4041" s="58">
        <f>Bühler!M4067</f>
        <v>0</v>
      </c>
      <c r="N4041" s="56">
        <f>IF(Input!$D$19=1,J4041*Input!$C$19,0)+IF(Input!$D$20=1,K4041*Input!$C$20,0)+IF(Input!$D$21=1,L4041*Input!$C$21,0)+IF(Input!$D$22=1,M4041*Input!$C$22,0)</f>
        <v>6.7693886470848702E-2</v>
      </c>
      <c r="O4041" s="59">
        <f>IF(Input!$D$19=2,J4041*Input!$C$19,0)+IF(Input!$D$20=2,K4041*Input!$C$20,0)+IF(Input!$D$21=2,L4041*Input!$C$21,0)+IF(Input!$D$22=2,M4041*Input!$C$22,0)</f>
        <v>0.16923471617712174</v>
      </c>
      <c r="P4041" s="59">
        <f>IF(Input!$D$19=3,J4041*Input!$C$19,0)+IF(Input!$D$20=3,K4041*Input!$C$20,0)+IF(Input!$D$21=3,L4041*Input!$C$21,0)+IF(Input!$D$22=3,M4041*Input!$C$22,0)</f>
        <v>0</v>
      </c>
      <c r="Q4041" s="75">
        <f>IF(Input!$D$19=4,J4041*Input!$C$19,0)+IF(Input!$D$20=4,K4041*Input!$C$20,0)+IF(Input!$D$21=4,L4041*Input!$C$21,0)+IF(Input!$D$22=4,M4041*Input!$C$22,0)</f>
        <v>0</v>
      </c>
      <c r="R4041" s="58">
        <v>41.699943265380412</v>
      </c>
      <c r="S4041" s="124">
        <f t="shared" ref="S4041:S4104" si="63">I4041+J4041</f>
        <v>0.29334017470701101</v>
      </c>
    </row>
    <row r="4042" spans="8:19" x14ac:dyDescent="0.3">
      <c r="H4042" s="44">
        <v>4035</v>
      </c>
      <c r="I4042" s="56">
        <f>Bühler!I4068</f>
        <v>6.7693886470848702E-2</v>
      </c>
      <c r="J4042" s="59">
        <f>Bühler!J4068</f>
        <v>0.22564628823616234</v>
      </c>
      <c r="K4042" s="59">
        <f>Bühler!K4068</f>
        <v>0.33846943235424348</v>
      </c>
      <c r="L4042" s="59">
        <f>Bühler!L4068</f>
        <v>1.6246532753003686</v>
      </c>
      <c r="M4042" s="58">
        <f>Bühler!M4068</f>
        <v>0</v>
      </c>
      <c r="N4042" s="56">
        <f>IF(Input!$D$19=1,J4042*Input!$C$19,0)+IF(Input!$D$20=1,K4042*Input!$C$20,0)+IF(Input!$D$21=1,L4042*Input!$C$21,0)+IF(Input!$D$22=1,M4042*Input!$C$22,0)</f>
        <v>6.7693886470848702E-2</v>
      </c>
      <c r="O4042" s="59">
        <f>IF(Input!$D$19=2,J4042*Input!$C$19,0)+IF(Input!$D$20=2,K4042*Input!$C$20,0)+IF(Input!$D$21=2,L4042*Input!$C$21,0)+IF(Input!$D$22=2,M4042*Input!$C$22,0)</f>
        <v>0.16923471617712174</v>
      </c>
      <c r="P4042" s="59">
        <f>IF(Input!$D$19=3,J4042*Input!$C$19,0)+IF(Input!$D$20=3,K4042*Input!$C$20,0)+IF(Input!$D$21=3,L4042*Input!$C$21,0)+IF(Input!$D$22=3,M4042*Input!$C$22,0)</f>
        <v>0</v>
      </c>
      <c r="Q4042" s="75">
        <f>IF(Input!$D$19=4,J4042*Input!$C$19,0)+IF(Input!$D$20=4,K4042*Input!$C$20,0)+IF(Input!$D$21=4,L4042*Input!$C$21,0)+IF(Input!$D$22=4,M4042*Input!$C$22,0)</f>
        <v>0</v>
      </c>
      <c r="R4042" s="58">
        <v>41.968940392754597</v>
      </c>
      <c r="S4042" s="124">
        <f t="shared" si="63"/>
        <v>0.29334017470701101</v>
      </c>
    </row>
    <row r="4043" spans="8:19" x14ac:dyDescent="0.3">
      <c r="H4043" s="44">
        <v>4036</v>
      </c>
      <c r="I4043" s="56">
        <f>Bühler!I4069</f>
        <v>6.7693886470848702E-2</v>
      </c>
      <c r="J4043" s="59">
        <f>Bühler!J4069</f>
        <v>0.22564628823616234</v>
      </c>
      <c r="K4043" s="59">
        <f>Bühler!K4069</f>
        <v>0.33846943235424348</v>
      </c>
      <c r="L4043" s="59">
        <f>Bühler!L4069</f>
        <v>1.6246532753003686</v>
      </c>
      <c r="M4043" s="58">
        <f>Bühler!M4069</f>
        <v>0</v>
      </c>
      <c r="N4043" s="56">
        <f>IF(Input!$D$19=1,J4043*Input!$C$19,0)+IF(Input!$D$20=1,K4043*Input!$C$20,0)+IF(Input!$D$21=1,L4043*Input!$C$21,0)+IF(Input!$D$22=1,M4043*Input!$C$22,0)</f>
        <v>6.7693886470848702E-2</v>
      </c>
      <c r="O4043" s="59">
        <f>IF(Input!$D$19=2,J4043*Input!$C$19,0)+IF(Input!$D$20=2,K4043*Input!$C$20,0)+IF(Input!$D$21=2,L4043*Input!$C$21,0)+IF(Input!$D$22=2,M4043*Input!$C$22,0)</f>
        <v>0.16923471617712174</v>
      </c>
      <c r="P4043" s="59">
        <f>IF(Input!$D$19=3,J4043*Input!$C$19,0)+IF(Input!$D$20=3,K4043*Input!$C$20,0)+IF(Input!$D$21=3,L4043*Input!$C$21,0)+IF(Input!$D$22=3,M4043*Input!$C$22,0)</f>
        <v>0</v>
      </c>
      <c r="Q4043" s="75">
        <f>IF(Input!$D$19=4,J4043*Input!$C$19,0)+IF(Input!$D$20=4,K4043*Input!$C$20,0)+IF(Input!$D$21=4,L4043*Input!$C$21,0)+IF(Input!$D$22=4,M4043*Input!$C$22,0)</f>
        <v>0</v>
      </c>
      <c r="R4043" s="58">
        <v>43.587400954531084</v>
      </c>
      <c r="S4043" s="124">
        <f t="shared" si="63"/>
        <v>0.29334017470701101</v>
      </c>
    </row>
    <row r="4044" spans="8:19" x14ac:dyDescent="0.3">
      <c r="H4044" s="44">
        <v>4037</v>
      </c>
      <c r="I4044" s="56">
        <f>Bühler!I4070</f>
        <v>6.7693886470848702E-2</v>
      </c>
      <c r="J4044" s="59">
        <f>Bühler!J4070</f>
        <v>0.22564628823616234</v>
      </c>
      <c r="K4044" s="59">
        <f>Bühler!K4070</f>
        <v>0.33846943235424348</v>
      </c>
      <c r="L4044" s="59">
        <f>Bühler!L4070</f>
        <v>1.6246532753003686</v>
      </c>
      <c r="M4044" s="58">
        <f>Bühler!M4070</f>
        <v>0</v>
      </c>
      <c r="N4044" s="56">
        <f>IF(Input!$D$19=1,J4044*Input!$C$19,0)+IF(Input!$D$20=1,K4044*Input!$C$20,0)+IF(Input!$D$21=1,L4044*Input!$C$21,0)+IF(Input!$D$22=1,M4044*Input!$C$22,0)</f>
        <v>6.7693886470848702E-2</v>
      </c>
      <c r="O4044" s="59">
        <f>IF(Input!$D$19=2,J4044*Input!$C$19,0)+IF(Input!$D$20=2,K4044*Input!$C$20,0)+IF(Input!$D$21=2,L4044*Input!$C$21,0)+IF(Input!$D$22=2,M4044*Input!$C$22,0)</f>
        <v>0.16923471617712174</v>
      </c>
      <c r="P4044" s="59">
        <f>IF(Input!$D$19=3,J4044*Input!$C$19,0)+IF(Input!$D$20=3,K4044*Input!$C$20,0)+IF(Input!$D$21=3,L4044*Input!$C$21,0)+IF(Input!$D$22=3,M4044*Input!$C$22,0)</f>
        <v>0</v>
      </c>
      <c r="Q4044" s="75">
        <f>IF(Input!$D$19=4,J4044*Input!$C$19,0)+IF(Input!$D$20=4,K4044*Input!$C$20,0)+IF(Input!$D$21=4,L4044*Input!$C$21,0)+IF(Input!$D$22=4,M4044*Input!$C$22,0)</f>
        <v>0</v>
      </c>
      <c r="R4044" s="58">
        <v>46.368217684324748</v>
      </c>
      <c r="S4044" s="124">
        <f t="shared" si="63"/>
        <v>0.29334017470701101</v>
      </c>
    </row>
    <row r="4045" spans="8:19" x14ac:dyDescent="0.3">
      <c r="H4045" s="44">
        <v>4038</v>
      </c>
      <c r="I4045" s="56">
        <f>Bühler!I4071</f>
        <v>0.29334017470701101</v>
      </c>
      <c r="J4045" s="59">
        <f>Bühler!J4071</f>
        <v>0.97780058235670342</v>
      </c>
      <c r="K4045" s="59">
        <f>Bühler!K4071</f>
        <v>1.4667008735350551</v>
      </c>
      <c r="L4045" s="59">
        <f>Bühler!L4071</f>
        <v>7.0401641929682635</v>
      </c>
      <c r="M4045" s="58">
        <f>Bühler!M4071</f>
        <v>0</v>
      </c>
      <c r="N4045" s="56">
        <f>IF(Input!$D$19=1,J4045*Input!$C$19,0)+IF(Input!$D$20=1,K4045*Input!$C$20,0)+IF(Input!$D$21=1,L4045*Input!$C$21,0)+IF(Input!$D$22=1,M4045*Input!$C$22,0)</f>
        <v>0.29334017470701101</v>
      </c>
      <c r="O4045" s="59">
        <f>IF(Input!$D$19=2,J4045*Input!$C$19,0)+IF(Input!$D$20=2,K4045*Input!$C$20,0)+IF(Input!$D$21=2,L4045*Input!$C$21,0)+IF(Input!$D$22=2,M4045*Input!$C$22,0)</f>
        <v>0.73335043676752754</v>
      </c>
      <c r="P4045" s="59">
        <f>IF(Input!$D$19=3,J4045*Input!$C$19,0)+IF(Input!$D$20=3,K4045*Input!$C$20,0)+IF(Input!$D$21=3,L4045*Input!$C$21,0)+IF(Input!$D$22=3,M4045*Input!$C$22,0)</f>
        <v>0</v>
      </c>
      <c r="Q4045" s="75">
        <f>IF(Input!$D$19=4,J4045*Input!$C$19,0)+IF(Input!$D$20=4,K4045*Input!$C$20,0)+IF(Input!$D$21=4,L4045*Input!$C$21,0)+IF(Input!$D$22=4,M4045*Input!$C$22,0)</f>
        <v>0</v>
      </c>
      <c r="R4045" s="58">
        <v>52.284633127096868</v>
      </c>
      <c r="S4045" s="124">
        <f t="shared" si="63"/>
        <v>1.2711407570637143</v>
      </c>
    </row>
    <row r="4046" spans="8:19" x14ac:dyDescent="0.3">
      <c r="H4046" s="44">
        <v>4039</v>
      </c>
      <c r="I4046" s="56">
        <f>Bühler!I4072</f>
        <v>0.33282827514833946</v>
      </c>
      <c r="J4046" s="59">
        <f>Bühler!J4072</f>
        <v>1.1094275838277983</v>
      </c>
      <c r="K4046" s="59">
        <f>Bühler!K4072</f>
        <v>1.6641413757416972</v>
      </c>
      <c r="L4046" s="59">
        <f>Bühler!L4072</f>
        <v>7.987878603560147</v>
      </c>
      <c r="M4046" s="58">
        <f>Bühler!M4072</f>
        <v>0</v>
      </c>
      <c r="N4046" s="56">
        <f>IF(Input!$D$19=1,J4046*Input!$C$19,0)+IF(Input!$D$20=1,K4046*Input!$C$20,0)+IF(Input!$D$21=1,L4046*Input!$C$21,0)+IF(Input!$D$22=1,M4046*Input!$C$22,0)</f>
        <v>0.33282827514833946</v>
      </c>
      <c r="O4046" s="59">
        <f>IF(Input!$D$19=2,J4046*Input!$C$19,0)+IF(Input!$D$20=2,K4046*Input!$C$20,0)+IF(Input!$D$21=2,L4046*Input!$C$21,0)+IF(Input!$D$22=2,M4046*Input!$C$22,0)</f>
        <v>0.83207068787084859</v>
      </c>
      <c r="P4046" s="59">
        <f>IF(Input!$D$19=3,J4046*Input!$C$19,0)+IF(Input!$D$20=3,K4046*Input!$C$20,0)+IF(Input!$D$21=3,L4046*Input!$C$21,0)+IF(Input!$D$22=3,M4046*Input!$C$22,0)</f>
        <v>0</v>
      </c>
      <c r="Q4046" s="75">
        <f>IF(Input!$D$19=4,J4046*Input!$C$19,0)+IF(Input!$D$20=4,K4046*Input!$C$20,0)+IF(Input!$D$21=4,L4046*Input!$C$21,0)+IF(Input!$D$22=4,M4046*Input!$C$22,0)</f>
        <v>0</v>
      </c>
      <c r="R4046" s="58">
        <v>57.258993179510625</v>
      </c>
      <c r="S4046" s="124">
        <f t="shared" si="63"/>
        <v>1.4422558589761376</v>
      </c>
    </row>
    <row r="4047" spans="8:19" x14ac:dyDescent="0.3">
      <c r="H4047" s="44">
        <v>4040</v>
      </c>
      <c r="I4047" s="56">
        <f>Bühler!I4073</f>
        <v>0.33282827514833946</v>
      </c>
      <c r="J4047" s="59">
        <f>Bühler!J4073</f>
        <v>1.1094275838277983</v>
      </c>
      <c r="K4047" s="59">
        <f>Bühler!K4073</f>
        <v>1.6641413757416972</v>
      </c>
      <c r="L4047" s="59">
        <f>Bühler!L4073</f>
        <v>7.987878603560147</v>
      </c>
      <c r="M4047" s="58">
        <f>Bühler!M4073</f>
        <v>0</v>
      </c>
      <c r="N4047" s="56">
        <f>IF(Input!$D$19=1,J4047*Input!$C$19,0)+IF(Input!$D$20=1,K4047*Input!$C$20,0)+IF(Input!$D$21=1,L4047*Input!$C$21,0)+IF(Input!$D$22=1,M4047*Input!$C$22,0)</f>
        <v>0.33282827514833946</v>
      </c>
      <c r="O4047" s="59">
        <f>IF(Input!$D$19=2,J4047*Input!$C$19,0)+IF(Input!$D$20=2,K4047*Input!$C$20,0)+IF(Input!$D$21=2,L4047*Input!$C$21,0)+IF(Input!$D$22=2,M4047*Input!$C$22,0)</f>
        <v>0.83207068787084859</v>
      </c>
      <c r="P4047" s="59">
        <f>IF(Input!$D$19=3,J4047*Input!$C$19,0)+IF(Input!$D$20=3,K4047*Input!$C$20,0)+IF(Input!$D$21=3,L4047*Input!$C$21,0)+IF(Input!$D$22=3,M4047*Input!$C$22,0)</f>
        <v>0</v>
      </c>
      <c r="Q4047" s="75">
        <f>IF(Input!$D$19=4,J4047*Input!$C$19,0)+IF(Input!$D$20=4,K4047*Input!$C$20,0)+IF(Input!$D$21=4,L4047*Input!$C$21,0)+IF(Input!$D$22=4,M4047*Input!$C$22,0)</f>
        <v>0</v>
      </c>
      <c r="R4047" s="58">
        <v>61.058764287260871</v>
      </c>
      <c r="S4047" s="124">
        <f t="shared" si="63"/>
        <v>1.4422558589761376</v>
      </c>
    </row>
    <row r="4048" spans="8:19" x14ac:dyDescent="0.3">
      <c r="H4048" s="44">
        <v>4041</v>
      </c>
      <c r="I4048" s="56">
        <f>Bühler!I4074</f>
        <v>0.33282827514833946</v>
      </c>
      <c r="J4048" s="59">
        <f>Bühler!J4074</f>
        <v>1.1094275838277983</v>
      </c>
      <c r="K4048" s="59">
        <f>Bühler!K4074</f>
        <v>1.6641413757416972</v>
      </c>
      <c r="L4048" s="59">
        <f>Bühler!L4074</f>
        <v>7.987878603560147</v>
      </c>
      <c r="M4048" s="58">
        <f>Bühler!M4074</f>
        <v>0</v>
      </c>
      <c r="N4048" s="56">
        <f>IF(Input!$D$19=1,J4048*Input!$C$19,0)+IF(Input!$D$20=1,K4048*Input!$C$20,0)+IF(Input!$D$21=1,L4048*Input!$C$21,0)+IF(Input!$D$22=1,M4048*Input!$C$22,0)</f>
        <v>0.33282827514833946</v>
      </c>
      <c r="O4048" s="59">
        <f>IF(Input!$D$19=2,J4048*Input!$C$19,0)+IF(Input!$D$20=2,K4048*Input!$C$20,0)+IF(Input!$D$21=2,L4048*Input!$C$21,0)+IF(Input!$D$22=2,M4048*Input!$C$22,0)</f>
        <v>0.83207068787084859</v>
      </c>
      <c r="P4048" s="59">
        <f>IF(Input!$D$19=3,J4048*Input!$C$19,0)+IF(Input!$D$20=3,K4048*Input!$C$20,0)+IF(Input!$D$21=3,L4048*Input!$C$21,0)+IF(Input!$D$22=3,M4048*Input!$C$22,0)</f>
        <v>0</v>
      </c>
      <c r="Q4048" s="75">
        <f>IF(Input!$D$19=4,J4048*Input!$C$19,0)+IF(Input!$D$20=4,K4048*Input!$C$20,0)+IF(Input!$D$21=4,L4048*Input!$C$21,0)+IF(Input!$D$22=4,M4048*Input!$C$22,0)</f>
        <v>0</v>
      </c>
      <c r="R4048" s="58">
        <v>63.323306901770216</v>
      </c>
      <c r="S4048" s="124">
        <f t="shared" si="63"/>
        <v>1.4422558589761376</v>
      </c>
    </row>
    <row r="4049" spans="8:19" x14ac:dyDescent="0.3">
      <c r="H4049" s="44">
        <v>4042</v>
      </c>
      <c r="I4049" s="56">
        <f>Bühler!I4075</f>
        <v>0.35539290397195572</v>
      </c>
      <c r="J4049" s="59">
        <f>Bühler!J4075</f>
        <v>1.1846430132398524</v>
      </c>
      <c r="K4049" s="59">
        <f>Bühler!K4075</f>
        <v>1.7769645198597785</v>
      </c>
      <c r="L4049" s="59">
        <f>Bühler!L4075</f>
        <v>8.5294296953269377</v>
      </c>
      <c r="M4049" s="58">
        <f>Bühler!M4075</f>
        <v>0</v>
      </c>
      <c r="N4049" s="56">
        <f>IF(Input!$D$19=1,J4049*Input!$C$19,0)+IF(Input!$D$20=1,K4049*Input!$C$20,0)+IF(Input!$D$21=1,L4049*Input!$C$21,0)+IF(Input!$D$22=1,M4049*Input!$C$22,0)</f>
        <v>0.35539290397195572</v>
      </c>
      <c r="O4049" s="59">
        <f>IF(Input!$D$19=2,J4049*Input!$C$19,0)+IF(Input!$D$20=2,K4049*Input!$C$20,0)+IF(Input!$D$21=2,L4049*Input!$C$21,0)+IF(Input!$D$22=2,M4049*Input!$C$22,0)</f>
        <v>0.88848225992988927</v>
      </c>
      <c r="P4049" s="59">
        <f>IF(Input!$D$19=3,J4049*Input!$C$19,0)+IF(Input!$D$20=3,K4049*Input!$C$20,0)+IF(Input!$D$21=3,L4049*Input!$C$21,0)+IF(Input!$D$22=3,M4049*Input!$C$22,0)</f>
        <v>0</v>
      </c>
      <c r="Q4049" s="75">
        <f>IF(Input!$D$19=4,J4049*Input!$C$19,0)+IF(Input!$D$20=4,K4049*Input!$C$20,0)+IF(Input!$D$21=4,L4049*Input!$C$21,0)+IF(Input!$D$22=4,M4049*Input!$C$22,0)</f>
        <v>0</v>
      </c>
      <c r="R4049" s="58">
        <v>64.454268099366018</v>
      </c>
      <c r="S4049" s="124">
        <f t="shared" si="63"/>
        <v>1.5400359172118081</v>
      </c>
    </row>
    <row r="4050" spans="8:19" x14ac:dyDescent="0.3">
      <c r="H4050" s="44">
        <v>4043</v>
      </c>
      <c r="I4050" s="56">
        <f>Bühler!I4076</f>
        <v>0.35539290397195572</v>
      </c>
      <c r="J4050" s="59">
        <f>Bühler!J4076</f>
        <v>1.1846430132398524</v>
      </c>
      <c r="K4050" s="59">
        <f>Bühler!K4076</f>
        <v>1.7769645198597785</v>
      </c>
      <c r="L4050" s="59">
        <f>Bühler!L4076</f>
        <v>8.5294296953269377</v>
      </c>
      <c r="M4050" s="58">
        <f>Bühler!M4076</f>
        <v>0</v>
      </c>
      <c r="N4050" s="56">
        <f>IF(Input!$D$19=1,J4050*Input!$C$19,0)+IF(Input!$D$20=1,K4050*Input!$C$20,0)+IF(Input!$D$21=1,L4050*Input!$C$21,0)+IF(Input!$D$22=1,M4050*Input!$C$22,0)</f>
        <v>0.35539290397195572</v>
      </c>
      <c r="O4050" s="59">
        <f>IF(Input!$D$19=2,J4050*Input!$C$19,0)+IF(Input!$D$20=2,K4050*Input!$C$20,0)+IF(Input!$D$21=2,L4050*Input!$C$21,0)+IF(Input!$D$22=2,M4050*Input!$C$22,0)</f>
        <v>0.88848225992988927</v>
      </c>
      <c r="P4050" s="59">
        <f>IF(Input!$D$19=3,J4050*Input!$C$19,0)+IF(Input!$D$20=3,K4050*Input!$C$20,0)+IF(Input!$D$21=3,L4050*Input!$C$21,0)+IF(Input!$D$22=3,M4050*Input!$C$22,0)</f>
        <v>0</v>
      </c>
      <c r="Q4050" s="75">
        <f>IF(Input!$D$19=4,J4050*Input!$C$19,0)+IF(Input!$D$20=4,K4050*Input!$C$20,0)+IF(Input!$D$21=4,L4050*Input!$C$21,0)+IF(Input!$D$22=4,M4050*Input!$C$22,0)</f>
        <v>0</v>
      </c>
      <c r="R4050" s="58">
        <v>65.788799435585489</v>
      </c>
      <c r="S4050" s="124">
        <f t="shared" si="63"/>
        <v>1.5400359172118081</v>
      </c>
    </row>
    <row r="4051" spans="8:19" x14ac:dyDescent="0.3">
      <c r="H4051" s="44">
        <v>4044</v>
      </c>
      <c r="I4051" s="56">
        <f>Bühler!I4077</f>
        <v>0.45129257647232462</v>
      </c>
      <c r="J4051" s="59">
        <f>Bühler!J4077</f>
        <v>1.5043085882410823</v>
      </c>
      <c r="K4051" s="59">
        <f>Bühler!K4077</f>
        <v>2.2564628823616233</v>
      </c>
      <c r="L4051" s="59">
        <f>Bühler!L4077</f>
        <v>10.831021835335791</v>
      </c>
      <c r="M4051" s="58">
        <f>Bühler!M4077</f>
        <v>0</v>
      </c>
      <c r="N4051" s="56">
        <f>IF(Input!$D$19=1,J4051*Input!$C$19,0)+IF(Input!$D$20=1,K4051*Input!$C$20,0)+IF(Input!$D$21=1,L4051*Input!$C$21,0)+IF(Input!$D$22=1,M4051*Input!$C$22,0)</f>
        <v>0.45129257647232468</v>
      </c>
      <c r="O4051" s="59">
        <f>IF(Input!$D$19=2,J4051*Input!$C$19,0)+IF(Input!$D$20=2,K4051*Input!$C$20,0)+IF(Input!$D$21=2,L4051*Input!$C$21,0)+IF(Input!$D$22=2,M4051*Input!$C$22,0)</f>
        <v>1.1282314411808116</v>
      </c>
      <c r="P4051" s="59">
        <f>IF(Input!$D$19=3,J4051*Input!$C$19,0)+IF(Input!$D$20=3,K4051*Input!$C$20,0)+IF(Input!$D$21=3,L4051*Input!$C$21,0)+IF(Input!$D$22=3,M4051*Input!$C$22,0)</f>
        <v>0</v>
      </c>
      <c r="Q4051" s="75">
        <f>IF(Input!$D$19=4,J4051*Input!$C$19,0)+IF(Input!$D$20=4,K4051*Input!$C$20,0)+IF(Input!$D$21=4,L4051*Input!$C$21,0)+IF(Input!$D$22=4,M4051*Input!$C$22,0)</f>
        <v>0</v>
      </c>
      <c r="R4051" s="58">
        <v>67.043133066735251</v>
      </c>
      <c r="S4051" s="124">
        <f t="shared" si="63"/>
        <v>1.9556011647134068</v>
      </c>
    </row>
    <row r="4052" spans="8:19" x14ac:dyDescent="0.3">
      <c r="H4052" s="44">
        <v>4045</v>
      </c>
      <c r="I4052" s="56">
        <f>Bühler!I4078</f>
        <v>0.45129257647232462</v>
      </c>
      <c r="J4052" s="59">
        <f>Bühler!J4078</f>
        <v>1.5043085882410823</v>
      </c>
      <c r="K4052" s="59">
        <f>Bühler!K4078</f>
        <v>2.2564628823616233</v>
      </c>
      <c r="L4052" s="59">
        <f>Bühler!L4078</f>
        <v>10.831021835335791</v>
      </c>
      <c r="M4052" s="58">
        <f>Bühler!M4078</f>
        <v>0</v>
      </c>
      <c r="N4052" s="56">
        <f>IF(Input!$D$19=1,J4052*Input!$C$19,0)+IF(Input!$D$20=1,K4052*Input!$C$20,0)+IF(Input!$D$21=1,L4052*Input!$C$21,0)+IF(Input!$D$22=1,M4052*Input!$C$22,0)</f>
        <v>0.45129257647232468</v>
      </c>
      <c r="O4052" s="59">
        <f>IF(Input!$D$19=2,J4052*Input!$C$19,0)+IF(Input!$D$20=2,K4052*Input!$C$20,0)+IF(Input!$D$21=2,L4052*Input!$C$21,0)+IF(Input!$D$22=2,M4052*Input!$C$22,0)</f>
        <v>1.1282314411808116</v>
      </c>
      <c r="P4052" s="59">
        <f>IF(Input!$D$19=3,J4052*Input!$C$19,0)+IF(Input!$D$20=3,K4052*Input!$C$20,0)+IF(Input!$D$21=3,L4052*Input!$C$21,0)+IF(Input!$D$22=3,M4052*Input!$C$22,0)</f>
        <v>0</v>
      </c>
      <c r="Q4052" s="75">
        <f>IF(Input!$D$19=4,J4052*Input!$C$19,0)+IF(Input!$D$20=4,K4052*Input!$C$20,0)+IF(Input!$D$21=4,L4052*Input!$C$21,0)+IF(Input!$D$22=4,M4052*Input!$C$22,0)</f>
        <v>0</v>
      </c>
      <c r="R4052" s="58">
        <v>66.238906692568932</v>
      </c>
      <c r="S4052" s="124">
        <f t="shared" si="63"/>
        <v>1.9556011647134068</v>
      </c>
    </row>
    <row r="4053" spans="8:19" x14ac:dyDescent="0.3">
      <c r="H4053" s="44">
        <v>4046</v>
      </c>
      <c r="I4053" s="56">
        <f>Bühler!I4079</f>
        <v>0.29898133191291515</v>
      </c>
      <c r="J4053" s="59">
        <f>Bühler!J4079</f>
        <v>0.99660443970971713</v>
      </c>
      <c r="K4053" s="59">
        <f>Bühler!K4079</f>
        <v>1.4949066595645757</v>
      </c>
      <c r="L4053" s="59">
        <f>Bühler!L4079</f>
        <v>7.1755519659099631</v>
      </c>
      <c r="M4053" s="58">
        <f>Bühler!M4079</f>
        <v>0</v>
      </c>
      <c r="N4053" s="56">
        <f>IF(Input!$D$19=1,J4053*Input!$C$19,0)+IF(Input!$D$20=1,K4053*Input!$C$20,0)+IF(Input!$D$21=1,L4053*Input!$C$21,0)+IF(Input!$D$22=1,M4053*Input!$C$22,0)</f>
        <v>0.29898133191291515</v>
      </c>
      <c r="O4053" s="59">
        <f>IF(Input!$D$19=2,J4053*Input!$C$19,0)+IF(Input!$D$20=2,K4053*Input!$C$20,0)+IF(Input!$D$21=2,L4053*Input!$C$21,0)+IF(Input!$D$22=2,M4053*Input!$C$22,0)</f>
        <v>0.74745332978228785</v>
      </c>
      <c r="P4053" s="59">
        <f>IF(Input!$D$19=3,J4053*Input!$C$19,0)+IF(Input!$D$20=3,K4053*Input!$C$20,0)+IF(Input!$D$21=3,L4053*Input!$C$21,0)+IF(Input!$D$22=3,M4053*Input!$C$22,0)</f>
        <v>0</v>
      </c>
      <c r="Q4053" s="75">
        <f>IF(Input!$D$19=4,J4053*Input!$C$19,0)+IF(Input!$D$20=4,K4053*Input!$C$20,0)+IF(Input!$D$21=4,L4053*Input!$C$21,0)+IF(Input!$D$22=4,M4053*Input!$C$22,0)</f>
        <v>0</v>
      </c>
      <c r="R4053" s="58">
        <v>66.342344464759393</v>
      </c>
      <c r="S4053" s="124">
        <f t="shared" si="63"/>
        <v>1.2955857716226322</v>
      </c>
    </row>
    <row r="4054" spans="8:19" x14ac:dyDescent="0.3">
      <c r="H4054" s="44">
        <v>4047</v>
      </c>
      <c r="I4054" s="56">
        <f>Bühler!I4080</f>
        <v>0.45129257647232462</v>
      </c>
      <c r="J4054" s="59">
        <f>Bühler!J4080</f>
        <v>1.5043085882410823</v>
      </c>
      <c r="K4054" s="59">
        <f>Bühler!K4080</f>
        <v>2.2564628823616233</v>
      </c>
      <c r="L4054" s="59">
        <f>Bühler!L4080</f>
        <v>10.831021835335791</v>
      </c>
      <c r="M4054" s="58">
        <f>Bühler!M4080</f>
        <v>0</v>
      </c>
      <c r="N4054" s="56">
        <f>IF(Input!$D$19=1,J4054*Input!$C$19,0)+IF(Input!$D$20=1,K4054*Input!$C$20,0)+IF(Input!$D$21=1,L4054*Input!$C$21,0)+IF(Input!$D$22=1,M4054*Input!$C$22,0)</f>
        <v>0.45129257647232468</v>
      </c>
      <c r="O4054" s="59">
        <f>IF(Input!$D$19=2,J4054*Input!$C$19,0)+IF(Input!$D$20=2,K4054*Input!$C$20,0)+IF(Input!$D$21=2,L4054*Input!$C$21,0)+IF(Input!$D$22=2,M4054*Input!$C$22,0)</f>
        <v>1.1282314411808116</v>
      </c>
      <c r="P4054" s="59">
        <f>IF(Input!$D$19=3,J4054*Input!$C$19,0)+IF(Input!$D$20=3,K4054*Input!$C$20,0)+IF(Input!$D$21=3,L4054*Input!$C$21,0)+IF(Input!$D$22=3,M4054*Input!$C$22,0)</f>
        <v>0</v>
      </c>
      <c r="Q4054" s="75">
        <f>IF(Input!$D$19=4,J4054*Input!$C$19,0)+IF(Input!$D$20=4,K4054*Input!$C$20,0)+IF(Input!$D$21=4,L4054*Input!$C$21,0)+IF(Input!$D$22=4,M4054*Input!$C$22,0)</f>
        <v>0</v>
      </c>
      <c r="R4054" s="58">
        <v>66.861069905434874</v>
      </c>
      <c r="S4054" s="124">
        <f t="shared" si="63"/>
        <v>1.9556011647134068</v>
      </c>
    </row>
    <row r="4055" spans="8:19" x14ac:dyDescent="0.3">
      <c r="H4055" s="44">
        <v>4048</v>
      </c>
      <c r="I4055" s="56">
        <f>Bühler!I4081</f>
        <v>0.45129257647232462</v>
      </c>
      <c r="J4055" s="59">
        <f>Bühler!J4081</f>
        <v>1.5043085882410823</v>
      </c>
      <c r="K4055" s="59">
        <f>Bühler!K4081</f>
        <v>2.2564628823616233</v>
      </c>
      <c r="L4055" s="59">
        <f>Bühler!L4081</f>
        <v>10.831021835335791</v>
      </c>
      <c r="M4055" s="58">
        <f>Bühler!M4081</f>
        <v>0</v>
      </c>
      <c r="N4055" s="56">
        <f>IF(Input!$D$19=1,J4055*Input!$C$19,0)+IF(Input!$D$20=1,K4055*Input!$C$20,0)+IF(Input!$D$21=1,L4055*Input!$C$21,0)+IF(Input!$D$22=1,M4055*Input!$C$22,0)</f>
        <v>0.45129257647232468</v>
      </c>
      <c r="O4055" s="59">
        <f>IF(Input!$D$19=2,J4055*Input!$C$19,0)+IF(Input!$D$20=2,K4055*Input!$C$20,0)+IF(Input!$D$21=2,L4055*Input!$C$21,0)+IF(Input!$D$22=2,M4055*Input!$C$22,0)</f>
        <v>1.1282314411808116</v>
      </c>
      <c r="P4055" s="59">
        <f>IF(Input!$D$19=3,J4055*Input!$C$19,0)+IF(Input!$D$20=3,K4055*Input!$C$20,0)+IF(Input!$D$21=3,L4055*Input!$C$21,0)+IF(Input!$D$22=3,M4055*Input!$C$22,0)</f>
        <v>0</v>
      </c>
      <c r="Q4055" s="75">
        <f>IF(Input!$D$19=4,J4055*Input!$C$19,0)+IF(Input!$D$20=4,K4055*Input!$C$20,0)+IF(Input!$D$21=4,L4055*Input!$C$21,0)+IF(Input!$D$22=4,M4055*Input!$C$22,0)</f>
        <v>0</v>
      </c>
      <c r="R4055" s="58">
        <v>67.411108703754053</v>
      </c>
      <c r="S4055" s="124">
        <f t="shared" si="63"/>
        <v>1.9556011647134068</v>
      </c>
    </row>
    <row r="4056" spans="8:19" x14ac:dyDescent="0.3">
      <c r="H4056" s="44">
        <v>4049</v>
      </c>
      <c r="I4056" s="56">
        <f>Bühler!I4082</f>
        <v>0.45129257647232462</v>
      </c>
      <c r="J4056" s="59">
        <f>Bühler!J4082</f>
        <v>1.5043085882410823</v>
      </c>
      <c r="K4056" s="59">
        <f>Bühler!K4082</f>
        <v>2.2564628823616233</v>
      </c>
      <c r="L4056" s="59">
        <f>Bühler!L4082</f>
        <v>10.831021835335791</v>
      </c>
      <c r="M4056" s="58">
        <f>Bühler!M4082</f>
        <v>0</v>
      </c>
      <c r="N4056" s="56">
        <f>IF(Input!$D$19=1,J4056*Input!$C$19,0)+IF(Input!$D$20=1,K4056*Input!$C$20,0)+IF(Input!$D$21=1,L4056*Input!$C$21,0)+IF(Input!$D$22=1,M4056*Input!$C$22,0)</f>
        <v>0.45129257647232468</v>
      </c>
      <c r="O4056" s="59">
        <f>IF(Input!$D$19=2,J4056*Input!$C$19,0)+IF(Input!$D$20=2,K4056*Input!$C$20,0)+IF(Input!$D$21=2,L4056*Input!$C$21,0)+IF(Input!$D$22=2,M4056*Input!$C$22,0)</f>
        <v>1.1282314411808116</v>
      </c>
      <c r="P4056" s="59">
        <f>IF(Input!$D$19=3,J4056*Input!$C$19,0)+IF(Input!$D$20=3,K4056*Input!$C$20,0)+IF(Input!$D$21=3,L4056*Input!$C$21,0)+IF(Input!$D$22=3,M4056*Input!$C$22,0)</f>
        <v>0</v>
      </c>
      <c r="Q4056" s="75">
        <f>IF(Input!$D$19=4,J4056*Input!$C$19,0)+IF(Input!$D$20=4,K4056*Input!$C$20,0)+IF(Input!$D$21=4,L4056*Input!$C$21,0)+IF(Input!$D$22=4,M4056*Input!$C$22,0)</f>
        <v>0</v>
      </c>
      <c r="R4056" s="58">
        <v>66.393042769438381</v>
      </c>
      <c r="S4056" s="124">
        <f t="shared" si="63"/>
        <v>1.9556011647134068</v>
      </c>
    </row>
    <row r="4057" spans="8:19" x14ac:dyDescent="0.3">
      <c r="H4057" s="44">
        <v>4050</v>
      </c>
      <c r="I4057" s="56">
        <f>Bühler!I4083</f>
        <v>0.45129257647232462</v>
      </c>
      <c r="J4057" s="59">
        <f>Bühler!J4083</f>
        <v>1.5043085882410823</v>
      </c>
      <c r="K4057" s="59">
        <f>Bühler!K4083</f>
        <v>2.2564628823616233</v>
      </c>
      <c r="L4057" s="59">
        <f>Bühler!L4083</f>
        <v>10.831021835335791</v>
      </c>
      <c r="M4057" s="58">
        <f>Bühler!M4083</f>
        <v>0</v>
      </c>
      <c r="N4057" s="56">
        <f>IF(Input!$D$19=1,J4057*Input!$C$19,0)+IF(Input!$D$20=1,K4057*Input!$C$20,0)+IF(Input!$D$21=1,L4057*Input!$C$21,0)+IF(Input!$D$22=1,M4057*Input!$C$22,0)</f>
        <v>0.45129257647232468</v>
      </c>
      <c r="O4057" s="59">
        <f>IF(Input!$D$19=2,J4057*Input!$C$19,0)+IF(Input!$D$20=2,K4057*Input!$C$20,0)+IF(Input!$D$21=2,L4057*Input!$C$21,0)+IF(Input!$D$22=2,M4057*Input!$C$22,0)</f>
        <v>1.1282314411808116</v>
      </c>
      <c r="P4057" s="59">
        <f>IF(Input!$D$19=3,J4057*Input!$C$19,0)+IF(Input!$D$20=3,K4057*Input!$C$20,0)+IF(Input!$D$21=3,L4057*Input!$C$21,0)+IF(Input!$D$22=3,M4057*Input!$C$22,0)</f>
        <v>0</v>
      </c>
      <c r="Q4057" s="75">
        <f>IF(Input!$D$19=4,J4057*Input!$C$19,0)+IF(Input!$D$20=4,K4057*Input!$C$20,0)+IF(Input!$D$21=4,L4057*Input!$C$21,0)+IF(Input!$D$22=4,M4057*Input!$C$22,0)</f>
        <v>0</v>
      </c>
      <c r="R4057" s="58">
        <v>65.512644273313697</v>
      </c>
      <c r="S4057" s="124">
        <f t="shared" si="63"/>
        <v>1.9556011647134068</v>
      </c>
    </row>
    <row r="4058" spans="8:19" x14ac:dyDescent="0.3">
      <c r="H4058" s="44">
        <v>4051</v>
      </c>
      <c r="I4058" s="56">
        <f>Bühler!I4084</f>
        <v>0.45129257647232462</v>
      </c>
      <c r="J4058" s="59">
        <f>Bühler!J4084</f>
        <v>1.5043085882410823</v>
      </c>
      <c r="K4058" s="59">
        <f>Bühler!K4084</f>
        <v>2.2564628823616233</v>
      </c>
      <c r="L4058" s="59">
        <f>Bühler!L4084</f>
        <v>10.831021835335791</v>
      </c>
      <c r="M4058" s="58">
        <f>Bühler!M4084</f>
        <v>0</v>
      </c>
      <c r="N4058" s="56">
        <f>IF(Input!$D$19=1,J4058*Input!$C$19,0)+IF(Input!$D$20=1,K4058*Input!$C$20,0)+IF(Input!$D$21=1,L4058*Input!$C$21,0)+IF(Input!$D$22=1,M4058*Input!$C$22,0)</f>
        <v>0.45129257647232468</v>
      </c>
      <c r="O4058" s="59">
        <f>IF(Input!$D$19=2,J4058*Input!$C$19,0)+IF(Input!$D$20=2,K4058*Input!$C$20,0)+IF(Input!$D$21=2,L4058*Input!$C$21,0)+IF(Input!$D$22=2,M4058*Input!$C$22,0)</f>
        <v>1.1282314411808116</v>
      </c>
      <c r="P4058" s="59">
        <f>IF(Input!$D$19=3,J4058*Input!$C$19,0)+IF(Input!$D$20=3,K4058*Input!$C$20,0)+IF(Input!$D$21=3,L4058*Input!$C$21,0)+IF(Input!$D$22=3,M4058*Input!$C$22,0)</f>
        <v>0</v>
      </c>
      <c r="Q4058" s="75">
        <f>IF(Input!$D$19=4,J4058*Input!$C$19,0)+IF(Input!$D$20=4,K4058*Input!$C$20,0)+IF(Input!$D$21=4,L4058*Input!$C$21,0)+IF(Input!$D$22=4,M4058*Input!$C$22,0)</f>
        <v>0</v>
      </c>
      <c r="R4058" s="58">
        <v>64.638015610316657</v>
      </c>
      <c r="S4058" s="124">
        <f t="shared" si="63"/>
        <v>1.9556011647134068</v>
      </c>
    </row>
    <row r="4059" spans="8:19" x14ac:dyDescent="0.3">
      <c r="H4059" s="44">
        <v>4052</v>
      </c>
      <c r="I4059" s="56">
        <f>Bühler!I4085</f>
        <v>0.37795753279557193</v>
      </c>
      <c r="J4059" s="59">
        <f>Bühler!J4085</f>
        <v>1.2598584426519066</v>
      </c>
      <c r="K4059" s="59">
        <f>Bühler!K4085</f>
        <v>1.8897876639778595</v>
      </c>
      <c r="L4059" s="59">
        <f>Bühler!L4085</f>
        <v>9.0709807870937258</v>
      </c>
      <c r="M4059" s="58">
        <f>Bühler!M4085</f>
        <v>0</v>
      </c>
      <c r="N4059" s="56">
        <f>IF(Input!$D$19=1,J4059*Input!$C$19,0)+IF(Input!$D$20=1,K4059*Input!$C$20,0)+IF(Input!$D$21=1,L4059*Input!$C$21,0)+IF(Input!$D$22=1,M4059*Input!$C$22,0)</f>
        <v>0.37795753279557198</v>
      </c>
      <c r="O4059" s="59">
        <f>IF(Input!$D$19=2,J4059*Input!$C$19,0)+IF(Input!$D$20=2,K4059*Input!$C$20,0)+IF(Input!$D$21=2,L4059*Input!$C$21,0)+IF(Input!$D$22=2,M4059*Input!$C$22,0)</f>
        <v>0.94489383198892973</v>
      </c>
      <c r="P4059" s="59">
        <f>IF(Input!$D$19=3,J4059*Input!$C$19,0)+IF(Input!$D$20=3,K4059*Input!$C$20,0)+IF(Input!$D$21=3,L4059*Input!$C$21,0)+IF(Input!$D$22=3,M4059*Input!$C$22,0)</f>
        <v>0</v>
      </c>
      <c r="Q4059" s="75">
        <f>IF(Input!$D$19=4,J4059*Input!$C$19,0)+IF(Input!$D$20=4,K4059*Input!$C$20,0)+IF(Input!$D$21=4,L4059*Input!$C$21,0)+IF(Input!$D$22=4,M4059*Input!$C$22,0)</f>
        <v>0</v>
      </c>
      <c r="R4059" s="58">
        <v>63.751880428287194</v>
      </c>
      <c r="S4059" s="124">
        <f t="shared" si="63"/>
        <v>1.6378159754474786</v>
      </c>
    </row>
    <row r="4060" spans="8:19" x14ac:dyDescent="0.3">
      <c r="H4060" s="44">
        <v>4053</v>
      </c>
      <c r="I4060" s="56">
        <f>Bühler!I4086</f>
        <v>0.3102636463247232</v>
      </c>
      <c r="J4060" s="59">
        <f>Bühler!J4086</f>
        <v>1.0342121544157441</v>
      </c>
      <c r="K4060" s="59">
        <f>Bühler!K4086</f>
        <v>1.5513182316236158</v>
      </c>
      <c r="L4060" s="59">
        <f>Bühler!L4086</f>
        <v>7.4463275117933563</v>
      </c>
      <c r="M4060" s="58">
        <f>Bühler!M4086</f>
        <v>0</v>
      </c>
      <c r="N4060" s="56">
        <f>IF(Input!$D$19=1,J4060*Input!$C$19,0)+IF(Input!$D$20=1,K4060*Input!$C$20,0)+IF(Input!$D$21=1,L4060*Input!$C$21,0)+IF(Input!$D$22=1,M4060*Input!$C$22,0)</f>
        <v>0.3102636463247232</v>
      </c>
      <c r="O4060" s="59">
        <f>IF(Input!$D$19=2,J4060*Input!$C$19,0)+IF(Input!$D$20=2,K4060*Input!$C$20,0)+IF(Input!$D$21=2,L4060*Input!$C$21,0)+IF(Input!$D$22=2,M4060*Input!$C$22,0)</f>
        <v>0.77565911581180791</v>
      </c>
      <c r="P4060" s="59">
        <f>IF(Input!$D$19=3,J4060*Input!$C$19,0)+IF(Input!$D$20=3,K4060*Input!$C$20,0)+IF(Input!$D$21=3,L4060*Input!$C$21,0)+IF(Input!$D$22=3,M4060*Input!$C$22,0)</f>
        <v>0</v>
      </c>
      <c r="Q4060" s="75">
        <f>IF(Input!$D$19=4,J4060*Input!$C$19,0)+IF(Input!$D$20=4,K4060*Input!$C$20,0)+IF(Input!$D$21=4,L4060*Input!$C$21,0)+IF(Input!$D$22=4,M4060*Input!$C$22,0)</f>
        <v>0</v>
      </c>
      <c r="R4060" s="58">
        <v>61.955102792507752</v>
      </c>
      <c r="S4060" s="124">
        <f t="shared" si="63"/>
        <v>1.3444758007404674</v>
      </c>
    </row>
    <row r="4061" spans="8:19" x14ac:dyDescent="0.3">
      <c r="H4061" s="44">
        <v>4054</v>
      </c>
      <c r="I4061" s="56">
        <f>Bühler!I4087</f>
        <v>0.22564628823616231</v>
      </c>
      <c r="J4061" s="59">
        <f>Bühler!J4087</f>
        <v>0.75215429412054113</v>
      </c>
      <c r="K4061" s="59">
        <f>Bühler!K4087</f>
        <v>1.1282314411808116</v>
      </c>
      <c r="L4061" s="59">
        <f>Bühler!L4087</f>
        <v>5.4155109176678957</v>
      </c>
      <c r="M4061" s="58">
        <f>Bühler!M4087</f>
        <v>0</v>
      </c>
      <c r="N4061" s="56">
        <f>IF(Input!$D$19=1,J4061*Input!$C$19,0)+IF(Input!$D$20=1,K4061*Input!$C$20,0)+IF(Input!$D$21=1,L4061*Input!$C$21,0)+IF(Input!$D$22=1,M4061*Input!$C$22,0)</f>
        <v>0.22564628823616234</v>
      </c>
      <c r="O4061" s="59">
        <f>IF(Input!$D$19=2,J4061*Input!$C$19,0)+IF(Input!$D$20=2,K4061*Input!$C$20,0)+IF(Input!$D$21=2,L4061*Input!$C$21,0)+IF(Input!$D$22=2,M4061*Input!$C$22,0)</f>
        <v>0.56411572059040582</v>
      </c>
      <c r="P4061" s="59">
        <f>IF(Input!$D$19=3,J4061*Input!$C$19,0)+IF(Input!$D$20=3,K4061*Input!$C$20,0)+IF(Input!$D$21=3,L4061*Input!$C$21,0)+IF(Input!$D$22=3,M4061*Input!$C$22,0)</f>
        <v>0</v>
      </c>
      <c r="Q4061" s="75">
        <f>IF(Input!$D$19=4,J4061*Input!$C$19,0)+IF(Input!$D$20=4,K4061*Input!$C$20,0)+IF(Input!$D$21=4,L4061*Input!$C$21,0)+IF(Input!$D$22=4,M4061*Input!$C$22,0)</f>
        <v>0</v>
      </c>
      <c r="R4061" s="58">
        <v>60.36510082793842</v>
      </c>
      <c r="S4061" s="124">
        <f t="shared" si="63"/>
        <v>0.97780058235670342</v>
      </c>
    </row>
    <row r="4062" spans="8:19" x14ac:dyDescent="0.3">
      <c r="H4062" s="44">
        <v>4055</v>
      </c>
      <c r="I4062" s="56">
        <f>Bühler!I4088</f>
        <v>0.21436397382435421</v>
      </c>
      <c r="J4062" s="59">
        <f>Bühler!J4088</f>
        <v>0.71454657941451405</v>
      </c>
      <c r="K4062" s="59">
        <f>Bühler!K4088</f>
        <v>1.0718198691217711</v>
      </c>
      <c r="L4062" s="59">
        <f>Bühler!L4088</f>
        <v>5.1447353717845008</v>
      </c>
      <c r="M4062" s="58">
        <f>Bühler!M4088</f>
        <v>0</v>
      </c>
      <c r="N4062" s="56">
        <f>IF(Input!$D$19=1,J4062*Input!$C$19,0)+IF(Input!$D$20=1,K4062*Input!$C$20,0)+IF(Input!$D$21=1,L4062*Input!$C$21,0)+IF(Input!$D$22=1,M4062*Input!$C$22,0)</f>
        <v>0.21436397382435421</v>
      </c>
      <c r="O4062" s="59">
        <f>IF(Input!$D$19=2,J4062*Input!$C$19,0)+IF(Input!$D$20=2,K4062*Input!$C$20,0)+IF(Input!$D$21=2,L4062*Input!$C$21,0)+IF(Input!$D$22=2,M4062*Input!$C$22,0)</f>
        <v>0.53590993456088554</v>
      </c>
      <c r="P4062" s="59">
        <f>IF(Input!$D$19=3,J4062*Input!$C$19,0)+IF(Input!$D$20=3,K4062*Input!$C$20,0)+IF(Input!$D$21=3,L4062*Input!$C$21,0)+IF(Input!$D$22=3,M4062*Input!$C$22,0)</f>
        <v>0</v>
      </c>
      <c r="Q4062" s="75">
        <f>IF(Input!$D$19=4,J4062*Input!$C$19,0)+IF(Input!$D$20=4,K4062*Input!$C$20,0)+IF(Input!$D$21=4,L4062*Input!$C$21,0)+IF(Input!$D$22=4,M4062*Input!$C$22,0)</f>
        <v>0</v>
      </c>
      <c r="R4062" s="58">
        <v>60.39574720069453</v>
      </c>
      <c r="S4062" s="124">
        <f t="shared" si="63"/>
        <v>0.92891055323886829</v>
      </c>
    </row>
    <row r="4063" spans="8:19" x14ac:dyDescent="0.3">
      <c r="H4063" s="44">
        <v>4056</v>
      </c>
      <c r="I4063" s="56">
        <f>Bühler!I4089</f>
        <v>0.21436397382435421</v>
      </c>
      <c r="J4063" s="59">
        <f>Bühler!J4089</f>
        <v>0.71454657941451405</v>
      </c>
      <c r="K4063" s="59">
        <f>Bühler!K4089</f>
        <v>1.0718198691217711</v>
      </c>
      <c r="L4063" s="59">
        <f>Bühler!L4089</f>
        <v>5.1447353717845008</v>
      </c>
      <c r="M4063" s="58">
        <f>Bühler!M4089</f>
        <v>0</v>
      </c>
      <c r="N4063" s="56">
        <f>IF(Input!$D$19=1,J4063*Input!$C$19,0)+IF(Input!$D$20=1,K4063*Input!$C$20,0)+IF(Input!$D$21=1,L4063*Input!$C$21,0)+IF(Input!$D$22=1,M4063*Input!$C$22,0)</f>
        <v>0.21436397382435421</v>
      </c>
      <c r="O4063" s="59">
        <f>IF(Input!$D$19=2,J4063*Input!$C$19,0)+IF(Input!$D$20=2,K4063*Input!$C$20,0)+IF(Input!$D$21=2,L4063*Input!$C$21,0)+IF(Input!$D$22=2,M4063*Input!$C$22,0)</f>
        <v>0.53590993456088554</v>
      </c>
      <c r="P4063" s="59">
        <f>IF(Input!$D$19=3,J4063*Input!$C$19,0)+IF(Input!$D$20=3,K4063*Input!$C$20,0)+IF(Input!$D$21=3,L4063*Input!$C$21,0)+IF(Input!$D$22=3,M4063*Input!$C$22,0)</f>
        <v>0</v>
      </c>
      <c r="Q4063" s="75">
        <f>IF(Input!$D$19=4,J4063*Input!$C$19,0)+IF(Input!$D$20=4,K4063*Input!$C$20,0)+IF(Input!$D$21=4,L4063*Input!$C$21,0)+IF(Input!$D$22=4,M4063*Input!$C$22,0)</f>
        <v>0</v>
      </c>
      <c r="R4063" s="58">
        <v>60.189538798111094</v>
      </c>
      <c r="S4063" s="124">
        <f t="shared" si="63"/>
        <v>0.92891055323886829</v>
      </c>
    </row>
    <row r="4064" spans="8:19" x14ac:dyDescent="0.3">
      <c r="H4064" s="44">
        <v>4057</v>
      </c>
      <c r="I4064" s="56">
        <f>Bühler!I4090</f>
        <v>0.19769425668303217</v>
      </c>
      <c r="J4064" s="59">
        <f>Bühler!J4090</f>
        <v>0.65898085561010733</v>
      </c>
      <c r="K4064" s="59">
        <f>Bühler!K4090</f>
        <v>0.98847128341516077</v>
      </c>
      <c r="L4064" s="59">
        <f>Bühler!L4090</f>
        <v>4.7446621603927719</v>
      </c>
      <c r="M4064" s="58">
        <f>Bühler!M4090</f>
        <v>0</v>
      </c>
      <c r="N4064" s="56">
        <f>IF(Input!$D$19=1,J4064*Input!$C$19,0)+IF(Input!$D$20=1,K4064*Input!$C$20,0)+IF(Input!$D$21=1,L4064*Input!$C$21,0)+IF(Input!$D$22=1,M4064*Input!$C$22,0)</f>
        <v>0.1976942566830322</v>
      </c>
      <c r="O4064" s="59">
        <f>IF(Input!$D$19=2,J4064*Input!$C$19,0)+IF(Input!$D$20=2,K4064*Input!$C$20,0)+IF(Input!$D$21=2,L4064*Input!$C$21,0)+IF(Input!$D$22=2,M4064*Input!$C$22,0)</f>
        <v>0.49423564170758039</v>
      </c>
      <c r="P4064" s="59">
        <f>IF(Input!$D$19=3,J4064*Input!$C$19,0)+IF(Input!$D$20=3,K4064*Input!$C$20,0)+IF(Input!$D$21=3,L4064*Input!$C$21,0)+IF(Input!$D$22=3,M4064*Input!$C$22,0)</f>
        <v>0</v>
      </c>
      <c r="Q4064" s="75">
        <f>IF(Input!$D$19=4,J4064*Input!$C$19,0)+IF(Input!$D$20=4,K4064*Input!$C$20,0)+IF(Input!$D$21=4,L4064*Input!$C$21,0)+IF(Input!$D$22=4,M4064*Input!$C$22,0)</f>
        <v>0</v>
      </c>
      <c r="R4064" s="58">
        <v>59.096835065979938</v>
      </c>
      <c r="S4064" s="124">
        <f t="shared" si="63"/>
        <v>0.85667511229313953</v>
      </c>
    </row>
    <row r="4065" spans="8:19" x14ac:dyDescent="0.3">
      <c r="H4065" s="44">
        <v>4058</v>
      </c>
      <c r="I4065" s="56">
        <f>Bühler!I4091</f>
        <v>0.19769425668303217</v>
      </c>
      <c r="J4065" s="59">
        <f>Bühler!J4091</f>
        <v>0.65898085561010733</v>
      </c>
      <c r="K4065" s="59">
        <f>Bühler!K4091</f>
        <v>0.98847128341516077</v>
      </c>
      <c r="L4065" s="59">
        <f>Bühler!L4091</f>
        <v>4.7446621603927719</v>
      </c>
      <c r="M4065" s="58">
        <f>Bühler!M4091</f>
        <v>0</v>
      </c>
      <c r="N4065" s="56">
        <f>IF(Input!$D$19=1,J4065*Input!$C$19,0)+IF(Input!$D$20=1,K4065*Input!$C$20,0)+IF(Input!$D$21=1,L4065*Input!$C$21,0)+IF(Input!$D$22=1,M4065*Input!$C$22,0)</f>
        <v>0.1976942566830322</v>
      </c>
      <c r="O4065" s="59">
        <f>IF(Input!$D$19=2,J4065*Input!$C$19,0)+IF(Input!$D$20=2,K4065*Input!$C$20,0)+IF(Input!$D$21=2,L4065*Input!$C$21,0)+IF(Input!$D$22=2,M4065*Input!$C$22,0)</f>
        <v>0.49423564170758039</v>
      </c>
      <c r="P4065" s="59">
        <f>IF(Input!$D$19=3,J4065*Input!$C$19,0)+IF(Input!$D$20=3,K4065*Input!$C$20,0)+IF(Input!$D$21=3,L4065*Input!$C$21,0)+IF(Input!$D$22=3,M4065*Input!$C$22,0)</f>
        <v>0</v>
      </c>
      <c r="Q4065" s="75">
        <f>IF(Input!$D$19=4,J4065*Input!$C$19,0)+IF(Input!$D$20=4,K4065*Input!$C$20,0)+IF(Input!$D$21=4,L4065*Input!$C$21,0)+IF(Input!$D$22=4,M4065*Input!$C$22,0)</f>
        <v>0</v>
      </c>
      <c r="R4065" s="58">
        <v>58.400769452915831</v>
      </c>
      <c r="S4065" s="124">
        <f t="shared" si="63"/>
        <v>0.85667511229313953</v>
      </c>
    </row>
    <row r="4066" spans="8:19" x14ac:dyDescent="0.3">
      <c r="H4066" s="44">
        <v>4059</v>
      </c>
      <c r="I4066" s="56">
        <f>Bühler!I4092</f>
        <v>0.19769425668303217</v>
      </c>
      <c r="J4066" s="59">
        <f>Bühler!J4092</f>
        <v>0.65898085561010733</v>
      </c>
      <c r="K4066" s="59">
        <f>Bühler!K4092</f>
        <v>0.98847128341516077</v>
      </c>
      <c r="L4066" s="59">
        <f>Bühler!L4092</f>
        <v>4.7446621603927719</v>
      </c>
      <c r="M4066" s="58">
        <f>Bühler!M4092</f>
        <v>0</v>
      </c>
      <c r="N4066" s="56">
        <f>IF(Input!$D$19=1,J4066*Input!$C$19,0)+IF(Input!$D$20=1,K4066*Input!$C$20,0)+IF(Input!$D$21=1,L4066*Input!$C$21,0)+IF(Input!$D$22=1,M4066*Input!$C$22,0)</f>
        <v>0.1976942566830322</v>
      </c>
      <c r="O4066" s="59">
        <f>IF(Input!$D$19=2,J4066*Input!$C$19,0)+IF(Input!$D$20=2,K4066*Input!$C$20,0)+IF(Input!$D$21=2,L4066*Input!$C$21,0)+IF(Input!$D$22=2,M4066*Input!$C$22,0)</f>
        <v>0.49423564170758039</v>
      </c>
      <c r="P4066" s="59">
        <f>IF(Input!$D$19=3,J4066*Input!$C$19,0)+IF(Input!$D$20=3,K4066*Input!$C$20,0)+IF(Input!$D$21=3,L4066*Input!$C$21,0)+IF(Input!$D$22=3,M4066*Input!$C$22,0)</f>
        <v>0</v>
      </c>
      <c r="Q4066" s="75">
        <f>IF(Input!$D$19=4,J4066*Input!$C$19,0)+IF(Input!$D$20=4,K4066*Input!$C$20,0)+IF(Input!$D$21=4,L4066*Input!$C$21,0)+IF(Input!$D$22=4,M4066*Input!$C$22,0)</f>
        <v>0</v>
      </c>
      <c r="R4066" s="58">
        <v>58.169670231900277</v>
      </c>
      <c r="S4066" s="124">
        <f t="shared" si="63"/>
        <v>0.85667511229313953</v>
      </c>
    </row>
    <row r="4067" spans="8:19" x14ac:dyDescent="0.3">
      <c r="H4067" s="44">
        <v>4060</v>
      </c>
      <c r="I4067" s="56">
        <f>Bühler!I4093</f>
        <v>0.19769425668303217</v>
      </c>
      <c r="J4067" s="59">
        <f>Bühler!J4093</f>
        <v>0.65898085561010733</v>
      </c>
      <c r="K4067" s="59">
        <f>Bühler!K4093</f>
        <v>0.98847128341516077</v>
      </c>
      <c r="L4067" s="59">
        <f>Bühler!L4093</f>
        <v>4.7446621603927719</v>
      </c>
      <c r="M4067" s="58">
        <f>Bühler!M4093</f>
        <v>0</v>
      </c>
      <c r="N4067" s="56">
        <f>IF(Input!$D$19=1,J4067*Input!$C$19,0)+IF(Input!$D$20=1,K4067*Input!$C$20,0)+IF(Input!$D$21=1,L4067*Input!$C$21,0)+IF(Input!$D$22=1,M4067*Input!$C$22,0)</f>
        <v>0.1976942566830322</v>
      </c>
      <c r="O4067" s="59">
        <f>IF(Input!$D$19=2,J4067*Input!$C$19,0)+IF(Input!$D$20=2,K4067*Input!$C$20,0)+IF(Input!$D$21=2,L4067*Input!$C$21,0)+IF(Input!$D$22=2,M4067*Input!$C$22,0)</f>
        <v>0.49423564170758039</v>
      </c>
      <c r="P4067" s="59">
        <f>IF(Input!$D$19=3,J4067*Input!$C$19,0)+IF(Input!$D$20=3,K4067*Input!$C$20,0)+IF(Input!$D$21=3,L4067*Input!$C$21,0)+IF(Input!$D$22=3,M4067*Input!$C$22,0)</f>
        <v>0</v>
      </c>
      <c r="Q4067" s="75">
        <f>IF(Input!$D$19=4,J4067*Input!$C$19,0)+IF(Input!$D$20=4,K4067*Input!$C$20,0)+IF(Input!$D$21=4,L4067*Input!$C$21,0)+IF(Input!$D$22=4,M4067*Input!$C$22,0)</f>
        <v>0</v>
      </c>
      <c r="R4067" s="58">
        <v>58.781947079608692</v>
      </c>
      <c r="S4067" s="124">
        <f t="shared" si="63"/>
        <v>0.85667511229313953</v>
      </c>
    </row>
    <row r="4068" spans="8:19" x14ac:dyDescent="0.3">
      <c r="H4068" s="44">
        <v>4061</v>
      </c>
      <c r="I4068" s="56">
        <f>Bühler!I4094</f>
        <v>0.19769425668303217</v>
      </c>
      <c r="J4068" s="59">
        <f>Bühler!J4094</f>
        <v>0.65898085561010733</v>
      </c>
      <c r="K4068" s="59">
        <f>Bühler!K4094</f>
        <v>0.98847128341516077</v>
      </c>
      <c r="L4068" s="59">
        <f>Bühler!L4094</f>
        <v>4.7446621603927719</v>
      </c>
      <c r="M4068" s="58">
        <f>Bühler!M4094</f>
        <v>0</v>
      </c>
      <c r="N4068" s="56">
        <f>IF(Input!$D$19=1,J4068*Input!$C$19,0)+IF(Input!$D$20=1,K4068*Input!$C$20,0)+IF(Input!$D$21=1,L4068*Input!$C$21,0)+IF(Input!$D$22=1,M4068*Input!$C$22,0)</f>
        <v>0.1976942566830322</v>
      </c>
      <c r="O4068" s="59">
        <f>IF(Input!$D$19=2,J4068*Input!$C$19,0)+IF(Input!$D$20=2,K4068*Input!$C$20,0)+IF(Input!$D$21=2,L4068*Input!$C$21,0)+IF(Input!$D$22=2,M4068*Input!$C$22,0)</f>
        <v>0.49423564170758039</v>
      </c>
      <c r="P4068" s="59">
        <f>IF(Input!$D$19=3,J4068*Input!$C$19,0)+IF(Input!$D$20=3,K4068*Input!$C$20,0)+IF(Input!$D$21=3,L4068*Input!$C$21,0)+IF(Input!$D$22=3,M4068*Input!$C$22,0)</f>
        <v>0</v>
      </c>
      <c r="Q4068" s="75">
        <f>IF(Input!$D$19=4,J4068*Input!$C$19,0)+IF(Input!$D$20=4,K4068*Input!$C$20,0)+IF(Input!$D$21=4,L4068*Input!$C$21,0)+IF(Input!$D$22=4,M4068*Input!$C$22,0)</f>
        <v>0</v>
      </c>
      <c r="R4068" s="58">
        <v>60.04083125565645</v>
      </c>
      <c r="S4068" s="124">
        <f t="shared" si="63"/>
        <v>0.85667511229313953</v>
      </c>
    </row>
    <row r="4069" spans="8:19" x14ac:dyDescent="0.3">
      <c r="H4069" s="44">
        <v>4062</v>
      </c>
      <c r="I4069" s="56">
        <f>Bühler!I4095</f>
        <v>0.25700253368794179</v>
      </c>
      <c r="J4069" s="59">
        <f>Bühler!J4095</f>
        <v>0.85667511229313931</v>
      </c>
      <c r="K4069" s="59">
        <f>Bühler!K4095</f>
        <v>1.285012668439709</v>
      </c>
      <c r="L4069" s="59">
        <f>Bühler!L4095</f>
        <v>6.168060808510603</v>
      </c>
      <c r="M4069" s="58">
        <f>Bühler!M4095</f>
        <v>0</v>
      </c>
      <c r="N4069" s="56">
        <f>IF(Input!$D$19=1,J4069*Input!$C$19,0)+IF(Input!$D$20=1,K4069*Input!$C$20,0)+IF(Input!$D$21=1,L4069*Input!$C$21,0)+IF(Input!$D$22=1,M4069*Input!$C$22,0)</f>
        <v>0.25700253368794179</v>
      </c>
      <c r="O4069" s="59">
        <f>IF(Input!$D$19=2,J4069*Input!$C$19,0)+IF(Input!$D$20=2,K4069*Input!$C$20,0)+IF(Input!$D$21=2,L4069*Input!$C$21,0)+IF(Input!$D$22=2,M4069*Input!$C$22,0)</f>
        <v>0.64250633421985448</v>
      </c>
      <c r="P4069" s="59">
        <f>IF(Input!$D$19=3,J4069*Input!$C$19,0)+IF(Input!$D$20=3,K4069*Input!$C$20,0)+IF(Input!$D$21=3,L4069*Input!$C$21,0)+IF(Input!$D$22=3,M4069*Input!$C$22,0)</f>
        <v>0</v>
      </c>
      <c r="Q4069" s="75">
        <f>IF(Input!$D$19=4,J4069*Input!$C$19,0)+IF(Input!$D$20=4,K4069*Input!$C$20,0)+IF(Input!$D$21=4,L4069*Input!$C$21,0)+IF(Input!$D$22=4,M4069*Input!$C$22,0)</f>
        <v>0</v>
      </c>
      <c r="R4069" s="58">
        <v>63.292337451466963</v>
      </c>
      <c r="S4069" s="124">
        <f t="shared" si="63"/>
        <v>1.1136776459810811</v>
      </c>
    </row>
    <row r="4070" spans="8:19" x14ac:dyDescent="0.3">
      <c r="H4070" s="44">
        <v>4063</v>
      </c>
      <c r="I4070" s="56">
        <f>Bühler!I4096</f>
        <v>0.28665667219039659</v>
      </c>
      <c r="J4070" s="59">
        <f>Bühler!J4096</f>
        <v>0.95552224063465541</v>
      </c>
      <c r="K4070" s="59">
        <f>Bühler!K4096</f>
        <v>1.4332833609519831</v>
      </c>
      <c r="L4070" s="59">
        <f>Bühler!L4096</f>
        <v>6.8797601325695181</v>
      </c>
      <c r="M4070" s="58">
        <f>Bühler!M4096</f>
        <v>0</v>
      </c>
      <c r="N4070" s="56">
        <f>IF(Input!$D$19=1,J4070*Input!$C$19,0)+IF(Input!$D$20=1,K4070*Input!$C$20,0)+IF(Input!$D$21=1,L4070*Input!$C$21,0)+IF(Input!$D$22=1,M4070*Input!$C$22,0)</f>
        <v>0.28665667219039659</v>
      </c>
      <c r="O4070" s="59">
        <f>IF(Input!$D$19=2,J4070*Input!$C$19,0)+IF(Input!$D$20=2,K4070*Input!$C$20,0)+IF(Input!$D$21=2,L4070*Input!$C$21,0)+IF(Input!$D$22=2,M4070*Input!$C$22,0)</f>
        <v>0.71664168047599153</v>
      </c>
      <c r="P4070" s="59">
        <f>IF(Input!$D$19=3,J4070*Input!$C$19,0)+IF(Input!$D$20=3,K4070*Input!$C$20,0)+IF(Input!$D$21=3,L4070*Input!$C$21,0)+IF(Input!$D$22=3,M4070*Input!$C$22,0)</f>
        <v>0</v>
      </c>
      <c r="Q4070" s="75">
        <f>IF(Input!$D$19=4,J4070*Input!$C$19,0)+IF(Input!$D$20=4,K4070*Input!$C$20,0)+IF(Input!$D$21=4,L4070*Input!$C$21,0)+IF(Input!$D$22=4,M4070*Input!$C$22,0)</f>
        <v>0</v>
      </c>
      <c r="R4070" s="58">
        <v>66.004555219035069</v>
      </c>
      <c r="S4070" s="124">
        <f t="shared" si="63"/>
        <v>1.242178912825052</v>
      </c>
    </row>
    <row r="4071" spans="8:19" x14ac:dyDescent="0.3">
      <c r="H4071" s="44">
        <v>4064</v>
      </c>
      <c r="I4071" s="56">
        <f>Bühler!I4097</f>
        <v>0.29654138502454824</v>
      </c>
      <c r="J4071" s="59">
        <f>Bühler!J4097</f>
        <v>0.98847128341516088</v>
      </c>
      <c r="K4071" s="59">
        <f>Bühler!K4097</f>
        <v>1.4827069251227412</v>
      </c>
      <c r="L4071" s="59">
        <f>Bühler!L4097</f>
        <v>7.1169932405891583</v>
      </c>
      <c r="M4071" s="58">
        <f>Bühler!M4097</f>
        <v>0</v>
      </c>
      <c r="N4071" s="56">
        <f>IF(Input!$D$19=1,J4071*Input!$C$19,0)+IF(Input!$D$20=1,K4071*Input!$C$20,0)+IF(Input!$D$21=1,L4071*Input!$C$21,0)+IF(Input!$D$22=1,M4071*Input!$C$22,0)</f>
        <v>0.29654138502454824</v>
      </c>
      <c r="O4071" s="59">
        <f>IF(Input!$D$19=2,J4071*Input!$C$19,0)+IF(Input!$D$20=2,K4071*Input!$C$20,0)+IF(Input!$D$21=2,L4071*Input!$C$21,0)+IF(Input!$D$22=2,M4071*Input!$C$22,0)</f>
        <v>0.74135346256137058</v>
      </c>
      <c r="P4071" s="59">
        <f>IF(Input!$D$19=3,J4071*Input!$C$19,0)+IF(Input!$D$20=3,K4071*Input!$C$20,0)+IF(Input!$D$21=3,L4071*Input!$C$21,0)+IF(Input!$D$22=3,M4071*Input!$C$22,0)</f>
        <v>0</v>
      </c>
      <c r="Q4071" s="75">
        <f>IF(Input!$D$19=4,J4071*Input!$C$19,0)+IF(Input!$D$20=4,K4071*Input!$C$20,0)+IF(Input!$D$21=4,L4071*Input!$C$21,0)+IF(Input!$D$22=4,M4071*Input!$C$22,0)</f>
        <v>0</v>
      </c>
      <c r="R4071" s="58">
        <v>67.914102531308913</v>
      </c>
      <c r="S4071" s="124">
        <f t="shared" si="63"/>
        <v>1.2850126684397092</v>
      </c>
    </row>
    <row r="4072" spans="8:19" x14ac:dyDescent="0.3">
      <c r="H4072" s="44">
        <v>4065</v>
      </c>
      <c r="I4072" s="56">
        <f>Bühler!I4098</f>
        <v>0.29654138502454824</v>
      </c>
      <c r="J4072" s="59">
        <f>Bühler!J4098</f>
        <v>0.98847128341516088</v>
      </c>
      <c r="K4072" s="59">
        <f>Bühler!K4098</f>
        <v>1.4827069251227412</v>
      </c>
      <c r="L4072" s="59">
        <f>Bühler!L4098</f>
        <v>7.1169932405891583</v>
      </c>
      <c r="M4072" s="58">
        <f>Bühler!M4098</f>
        <v>0</v>
      </c>
      <c r="N4072" s="56">
        <f>IF(Input!$D$19=1,J4072*Input!$C$19,0)+IF(Input!$D$20=1,K4072*Input!$C$20,0)+IF(Input!$D$21=1,L4072*Input!$C$21,0)+IF(Input!$D$22=1,M4072*Input!$C$22,0)</f>
        <v>0.29654138502454824</v>
      </c>
      <c r="O4072" s="59">
        <f>IF(Input!$D$19=2,J4072*Input!$C$19,0)+IF(Input!$D$20=2,K4072*Input!$C$20,0)+IF(Input!$D$21=2,L4072*Input!$C$21,0)+IF(Input!$D$22=2,M4072*Input!$C$22,0)</f>
        <v>0.74135346256137058</v>
      </c>
      <c r="P4072" s="59">
        <f>IF(Input!$D$19=3,J4072*Input!$C$19,0)+IF(Input!$D$20=3,K4072*Input!$C$20,0)+IF(Input!$D$21=3,L4072*Input!$C$21,0)+IF(Input!$D$22=3,M4072*Input!$C$22,0)</f>
        <v>0</v>
      </c>
      <c r="Q4072" s="75">
        <f>IF(Input!$D$19=4,J4072*Input!$C$19,0)+IF(Input!$D$20=4,K4072*Input!$C$20,0)+IF(Input!$D$21=4,L4072*Input!$C$21,0)+IF(Input!$D$22=4,M4072*Input!$C$22,0)</f>
        <v>0</v>
      </c>
      <c r="R4072" s="58">
        <v>69.126080915700868</v>
      </c>
      <c r="S4072" s="124">
        <f t="shared" si="63"/>
        <v>1.2850126684397092</v>
      </c>
    </row>
    <row r="4073" spans="8:19" x14ac:dyDescent="0.3">
      <c r="H4073" s="44">
        <v>4066</v>
      </c>
      <c r="I4073" s="56">
        <f>Bühler!I4099</f>
        <v>0.32125316710992724</v>
      </c>
      <c r="J4073" s="59">
        <f>Bühler!J4099</f>
        <v>1.0708438903664241</v>
      </c>
      <c r="K4073" s="59">
        <f>Bühler!K4099</f>
        <v>1.6062658355496362</v>
      </c>
      <c r="L4073" s="59">
        <f>Bühler!L4099</f>
        <v>7.7100760106382538</v>
      </c>
      <c r="M4073" s="58">
        <f>Bühler!M4099</f>
        <v>0</v>
      </c>
      <c r="N4073" s="56">
        <f>IF(Input!$D$19=1,J4073*Input!$C$19,0)+IF(Input!$D$20=1,K4073*Input!$C$20,0)+IF(Input!$D$21=1,L4073*Input!$C$21,0)+IF(Input!$D$22=1,M4073*Input!$C$22,0)</f>
        <v>0.32125316710992724</v>
      </c>
      <c r="O4073" s="59">
        <f>IF(Input!$D$19=2,J4073*Input!$C$19,0)+IF(Input!$D$20=2,K4073*Input!$C$20,0)+IF(Input!$D$21=2,L4073*Input!$C$21,0)+IF(Input!$D$22=2,M4073*Input!$C$22,0)</f>
        <v>0.8031329177748181</v>
      </c>
      <c r="P4073" s="59">
        <f>IF(Input!$D$19=3,J4073*Input!$C$19,0)+IF(Input!$D$20=3,K4073*Input!$C$20,0)+IF(Input!$D$21=3,L4073*Input!$C$21,0)+IF(Input!$D$22=3,M4073*Input!$C$22,0)</f>
        <v>0</v>
      </c>
      <c r="Q4073" s="75">
        <f>IF(Input!$D$19=4,J4073*Input!$C$19,0)+IF(Input!$D$20=4,K4073*Input!$C$20,0)+IF(Input!$D$21=4,L4073*Input!$C$21,0)+IF(Input!$D$22=4,M4073*Input!$C$22,0)</f>
        <v>0</v>
      </c>
      <c r="R4073" s="58">
        <v>69.395400944098526</v>
      </c>
      <c r="S4073" s="124">
        <f t="shared" si="63"/>
        <v>1.3920970574763514</v>
      </c>
    </row>
    <row r="4074" spans="8:19" x14ac:dyDescent="0.3">
      <c r="H4074" s="44">
        <v>4067</v>
      </c>
      <c r="I4074" s="56">
        <f>Bühler!I4100</f>
        <v>0.33608023636115464</v>
      </c>
      <c r="J4074" s="59">
        <f>Bühler!J4100</f>
        <v>1.1202674545371822</v>
      </c>
      <c r="K4074" s="59">
        <f>Bühler!K4100</f>
        <v>1.6804011818057734</v>
      </c>
      <c r="L4074" s="59">
        <f>Bühler!L4100</f>
        <v>8.0659256726677118</v>
      </c>
      <c r="M4074" s="58">
        <f>Bühler!M4100</f>
        <v>0</v>
      </c>
      <c r="N4074" s="56">
        <f>IF(Input!$D$19=1,J4074*Input!$C$19,0)+IF(Input!$D$20=1,K4074*Input!$C$20,0)+IF(Input!$D$21=1,L4074*Input!$C$21,0)+IF(Input!$D$22=1,M4074*Input!$C$22,0)</f>
        <v>0.33608023636115464</v>
      </c>
      <c r="O4074" s="59">
        <f>IF(Input!$D$19=2,J4074*Input!$C$19,0)+IF(Input!$D$20=2,K4074*Input!$C$20,0)+IF(Input!$D$21=2,L4074*Input!$C$21,0)+IF(Input!$D$22=2,M4074*Input!$C$22,0)</f>
        <v>0.84020059090288668</v>
      </c>
      <c r="P4074" s="59">
        <f>IF(Input!$D$19=3,J4074*Input!$C$19,0)+IF(Input!$D$20=3,K4074*Input!$C$20,0)+IF(Input!$D$21=3,L4074*Input!$C$21,0)+IF(Input!$D$22=3,M4074*Input!$C$22,0)</f>
        <v>0</v>
      </c>
      <c r="Q4074" s="75">
        <f>IF(Input!$D$19=4,J4074*Input!$C$19,0)+IF(Input!$D$20=4,K4074*Input!$C$20,0)+IF(Input!$D$21=4,L4074*Input!$C$21,0)+IF(Input!$D$22=4,M4074*Input!$C$22,0)</f>
        <v>0</v>
      </c>
      <c r="R4074" s="58">
        <v>70.257558052762278</v>
      </c>
      <c r="S4074" s="124">
        <f t="shared" si="63"/>
        <v>1.4563476908983368</v>
      </c>
    </row>
    <row r="4075" spans="8:19" x14ac:dyDescent="0.3">
      <c r="H4075" s="44">
        <v>4068</v>
      </c>
      <c r="I4075" s="56">
        <f>Bühler!I4101</f>
        <v>0.39538851336606434</v>
      </c>
      <c r="J4075" s="59">
        <f>Bühler!J4101</f>
        <v>1.3179617112202147</v>
      </c>
      <c r="K4075" s="59">
        <f>Bühler!K4101</f>
        <v>1.9769425668303215</v>
      </c>
      <c r="L4075" s="59">
        <f>Bühler!L4101</f>
        <v>9.4893243207855438</v>
      </c>
      <c r="M4075" s="58">
        <f>Bühler!M4101</f>
        <v>0</v>
      </c>
      <c r="N4075" s="56">
        <f>IF(Input!$D$19=1,J4075*Input!$C$19,0)+IF(Input!$D$20=1,K4075*Input!$C$20,0)+IF(Input!$D$21=1,L4075*Input!$C$21,0)+IF(Input!$D$22=1,M4075*Input!$C$22,0)</f>
        <v>0.3953885133660644</v>
      </c>
      <c r="O4075" s="59">
        <f>IF(Input!$D$19=2,J4075*Input!$C$19,0)+IF(Input!$D$20=2,K4075*Input!$C$20,0)+IF(Input!$D$21=2,L4075*Input!$C$21,0)+IF(Input!$D$22=2,M4075*Input!$C$22,0)</f>
        <v>0.98847128341516077</v>
      </c>
      <c r="P4075" s="59">
        <f>IF(Input!$D$19=3,J4075*Input!$C$19,0)+IF(Input!$D$20=3,K4075*Input!$C$20,0)+IF(Input!$D$21=3,L4075*Input!$C$21,0)+IF(Input!$D$22=3,M4075*Input!$C$22,0)</f>
        <v>0</v>
      </c>
      <c r="Q4075" s="75">
        <f>IF(Input!$D$19=4,J4075*Input!$C$19,0)+IF(Input!$D$20=4,K4075*Input!$C$20,0)+IF(Input!$D$21=4,L4075*Input!$C$21,0)+IF(Input!$D$22=4,M4075*Input!$C$22,0)</f>
        <v>0</v>
      </c>
      <c r="R4075" s="58">
        <v>71.395407105968914</v>
      </c>
      <c r="S4075" s="124">
        <f t="shared" si="63"/>
        <v>1.7133502245862791</v>
      </c>
    </row>
    <row r="4076" spans="8:19" x14ac:dyDescent="0.3">
      <c r="H4076" s="44">
        <v>4069</v>
      </c>
      <c r="I4076" s="56">
        <f>Bühler!I4102</f>
        <v>0.39538851336606434</v>
      </c>
      <c r="J4076" s="59">
        <f>Bühler!J4102</f>
        <v>1.3179617112202147</v>
      </c>
      <c r="K4076" s="59">
        <f>Bühler!K4102</f>
        <v>1.9769425668303215</v>
      </c>
      <c r="L4076" s="59">
        <f>Bühler!L4102</f>
        <v>9.4893243207855438</v>
      </c>
      <c r="M4076" s="58">
        <f>Bühler!M4102</f>
        <v>0</v>
      </c>
      <c r="N4076" s="56">
        <f>IF(Input!$D$19=1,J4076*Input!$C$19,0)+IF(Input!$D$20=1,K4076*Input!$C$20,0)+IF(Input!$D$21=1,L4076*Input!$C$21,0)+IF(Input!$D$22=1,M4076*Input!$C$22,0)</f>
        <v>0.3953885133660644</v>
      </c>
      <c r="O4076" s="59">
        <f>IF(Input!$D$19=2,J4076*Input!$C$19,0)+IF(Input!$D$20=2,K4076*Input!$C$20,0)+IF(Input!$D$21=2,L4076*Input!$C$21,0)+IF(Input!$D$22=2,M4076*Input!$C$22,0)</f>
        <v>0.98847128341516077</v>
      </c>
      <c r="P4076" s="59">
        <f>IF(Input!$D$19=3,J4076*Input!$C$19,0)+IF(Input!$D$20=3,K4076*Input!$C$20,0)+IF(Input!$D$21=3,L4076*Input!$C$21,0)+IF(Input!$D$22=3,M4076*Input!$C$22,0)</f>
        <v>0</v>
      </c>
      <c r="Q4076" s="75">
        <f>IF(Input!$D$19=4,J4076*Input!$C$19,0)+IF(Input!$D$20=4,K4076*Input!$C$20,0)+IF(Input!$D$21=4,L4076*Input!$C$21,0)+IF(Input!$D$22=4,M4076*Input!$C$22,0)</f>
        <v>0</v>
      </c>
      <c r="R4076" s="58">
        <v>70.101597054558468</v>
      </c>
      <c r="S4076" s="124">
        <f t="shared" si="63"/>
        <v>1.7133502245862791</v>
      </c>
    </row>
    <row r="4077" spans="8:19" x14ac:dyDescent="0.3">
      <c r="H4077" s="44">
        <v>4070</v>
      </c>
      <c r="I4077" s="56">
        <f>Bühler!I4103</f>
        <v>0.39538851336606434</v>
      </c>
      <c r="J4077" s="59">
        <f>Bühler!J4103</f>
        <v>1.3179617112202147</v>
      </c>
      <c r="K4077" s="59">
        <f>Bühler!K4103</f>
        <v>1.9769425668303215</v>
      </c>
      <c r="L4077" s="59">
        <f>Bühler!L4103</f>
        <v>9.4893243207855438</v>
      </c>
      <c r="M4077" s="58">
        <f>Bühler!M4103</f>
        <v>0</v>
      </c>
      <c r="N4077" s="56">
        <f>IF(Input!$D$19=1,J4077*Input!$C$19,0)+IF(Input!$D$20=1,K4077*Input!$C$20,0)+IF(Input!$D$21=1,L4077*Input!$C$21,0)+IF(Input!$D$22=1,M4077*Input!$C$22,0)</f>
        <v>0.3953885133660644</v>
      </c>
      <c r="O4077" s="59">
        <f>IF(Input!$D$19=2,J4077*Input!$C$19,0)+IF(Input!$D$20=2,K4077*Input!$C$20,0)+IF(Input!$D$21=2,L4077*Input!$C$21,0)+IF(Input!$D$22=2,M4077*Input!$C$22,0)</f>
        <v>0.98847128341516077</v>
      </c>
      <c r="P4077" s="59">
        <f>IF(Input!$D$19=3,J4077*Input!$C$19,0)+IF(Input!$D$20=3,K4077*Input!$C$20,0)+IF(Input!$D$21=3,L4077*Input!$C$21,0)+IF(Input!$D$22=3,M4077*Input!$C$22,0)</f>
        <v>0</v>
      </c>
      <c r="Q4077" s="75">
        <f>IF(Input!$D$19=4,J4077*Input!$C$19,0)+IF(Input!$D$20=4,K4077*Input!$C$20,0)+IF(Input!$D$21=4,L4077*Input!$C$21,0)+IF(Input!$D$22=4,M4077*Input!$C$22,0)</f>
        <v>0</v>
      </c>
      <c r="R4077" s="58">
        <v>69.852350513585421</v>
      </c>
      <c r="S4077" s="124">
        <f t="shared" si="63"/>
        <v>1.7133502245862791</v>
      </c>
    </row>
    <row r="4078" spans="8:19" x14ac:dyDescent="0.3">
      <c r="H4078" s="44">
        <v>4071</v>
      </c>
      <c r="I4078" s="56">
        <f>Bühler!I4104</f>
        <v>0.39538851336606434</v>
      </c>
      <c r="J4078" s="59">
        <f>Bühler!J4104</f>
        <v>1.3179617112202147</v>
      </c>
      <c r="K4078" s="59">
        <f>Bühler!K4104</f>
        <v>1.9769425668303215</v>
      </c>
      <c r="L4078" s="59">
        <f>Bühler!L4104</f>
        <v>9.4893243207855438</v>
      </c>
      <c r="M4078" s="58">
        <f>Bühler!M4104</f>
        <v>0</v>
      </c>
      <c r="N4078" s="56">
        <f>IF(Input!$D$19=1,J4078*Input!$C$19,0)+IF(Input!$D$20=1,K4078*Input!$C$20,0)+IF(Input!$D$21=1,L4078*Input!$C$21,0)+IF(Input!$D$22=1,M4078*Input!$C$22,0)</f>
        <v>0.3953885133660644</v>
      </c>
      <c r="O4078" s="59">
        <f>IF(Input!$D$19=2,J4078*Input!$C$19,0)+IF(Input!$D$20=2,K4078*Input!$C$20,0)+IF(Input!$D$21=2,L4078*Input!$C$21,0)+IF(Input!$D$22=2,M4078*Input!$C$22,0)</f>
        <v>0.98847128341516077</v>
      </c>
      <c r="P4078" s="59">
        <f>IF(Input!$D$19=3,J4078*Input!$C$19,0)+IF(Input!$D$20=3,K4078*Input!$C$20,0)+IF(Input!$D$21=3,L4078*Input!$C$21,0)+IF(Input!$D$22=3,M4078*Input!$C$22,0)</f>
        <v>0</v>
      </c>
      <c r="Q4078" s="75">
        <f>IF(Input!$D$19=4,J4078*Input!$C$19,0)+IF(Input!$D$20=4,K4078*Input!$C$20,0)+IF(Input!$D$21=4,L4078*Input!$C$21,0)+IF(Input!$D$22=4,M4078*Input!$C$22,0)</f>
        <v>0</v>
      </c>
      <c r="R4078" s="58">
        <v>69.672623407718405</v>
      </c>
      <c r="S4078" s="124">
        <f t="shared" si="63"/>
        <v>1.7133502245862791</v>
      </c>
    </row>
    <row r="4079" spans="8:19" x14ac:dyDescent="0.3">
      <c r="H4079" s="44">
        <v>4072</v>
      </c>
      <c r="I4079" s="56">
        <f>Bühler!I4105</f>
        <v>0.39538851336606434</v>
      </c>
      <c r="J4079" s="59">
        <f>Bühler!J4105</f>
        <v>1.3179617112202147</v>
      </c>
      <c r="K4079" s="59">
        <f>Bühler!K4105</f>
        <v>1.9769425668303215</v>
      </c>
      <c r="L4079" s="59">
        <f>Bühler!L4105</f>
        <v>9.4893243207855438</v>
      </c>
      <c r="M4079" s="58">
        <f>Bühler!M4105</f>
        <v>0</v>
      </c>
      <c r="N4079" s="56">
        <f>IF(Input!$D$19=1,J4079*Input!$C$19,0)+IF(Input!$D$20=1,K4079*Input!$C$20,0)+IF(Input!$D$21=1,L4079*Input!$C$21,0)+IF(Input!$D$22=1,M4079*Input!$C$22,0)</f>
        <v>0.3953885133660644</v>
      </c>
      <c r="O4079" s="59">
        <f>IF(Input!$D$19=2,J4079*Input!$C$19,0)+IF(Input!$D$20=2,K4079*Input!$C$20,0)+IF(Input!$D$21=2,L4079*Input!$C$21,0)+IF(Input!$D$22=2,M4079*Input!$C$22,0)</f>
        <v>0.98847128341516077</v>
      </c>
      <c r="P4079" s="59">
        <f>IF(Input!$D$19=3,J4079*Input!$C$19,0)+IF(Input!$D$20=3,K4079*Input!$C$20,0)+IF(Input!$D$21=3,L4079*Input!$C$21,0)+IF(Input!$D$22=3,M4079*Input!$C$22,0)</f>
        <v>0</v>
      </c>
      <c r="Q4079" s="75">
        <f>IF(Input!$D$19=4,J4079*Input!$C$19,0)+IF(Input!$D$20=4,K4079*Input!$C$20,0)+IF(Input!$D$21=4,L4079*Input!$C$21,0)+IF(Input!$D$22=4,M4079*Input!$C$22,0)</f>
        <v>0</v>
      </c>
      <c r="R4079" s="58">
        <v>69.362843212250027</v>
      </c>
      <c r="S4079" s="124">
        <f t="shared" si="63"/>
        <v>1.7133502245862791</v>
      </c>
    </row>
    <row r="4080" spans="8:19" x14ac:dyDescent="0.3">
      <c r="H4080" s="44">
        <v>4073</v>
      </c>
      <c r="I4080" s="56">
        <f>Bühler!I4106</f>
        <v>0.39538851336606434</v>
      </c>
      <c r="J4080" s="59">
        <f>Bühler!J4106</f>
        <v>1.3179617112202147</v>
      </c>
      <c r="K4080" s="59">
        <f>Bühler!K4106</f>
        <v>1.9769425668303215</v>
      </c>
      <c r="L4080" s="59">
        <f>Bühler!L4106</f>
        <v>9.4893243207855438</v>
      </c>
      <c r="M4080" s="58">
        <f>Bühler!M4106</f>
        <v>0</v>
      </c>
      <c r="N4080" s="56">
        <f>IF(Input!$D$19=1,J4080*Input!$C$19,0)+IF(Input!$D$20=1,K4080*Input!$C$20,0)+IF(Input!$D$21=1,L4080*Input!$C$21,0)+IF(Input!$D$22=1,M4080*Input!$C$22,0)</f>
        <v>0.3953885133660644</v>
      </c>
      <c r="O4080" s="59">
        <f>IF(Input!$D$19=2,J4080*Input!$C$19,0)+IF(Input!$D$20=2,K4080*Input!$C$20,0)+IF(Input!$D$21=2,L4080*Input!$C$21,0)+IF(Input!$D$22=2,M4080*Input!$C$22,0)</f>
        <v>0.98847128341516077</v>
      </c>
      <c r="P4080" s="59">
        <f>IF(Input!$D$19=3,J4080*Input!$C$19,0)+IF(Input!$D$20=3,K4080*Input!$C$20,0)+IF(Input!$D$21=3,L4080*Input!$C$21,0)+IF(Input!$D$22=3,M4080*Input!$C$22,0)</f>
        <v>0</v>
      </c>
      <c r="Q4080" s="75">
        <f>IF(Input!$D$19=4,J4080*Input!$C$19,0)+IF(Input!$D$20=4,K4080*Input!$C$20,0)+IF(Input!$D$21=4,L4080*Input!$C$21,0)+IF(Input!$D$22=4,M4080*Input!$C$22,0)</f>
        <v>0</v>
      </c>
      <c r="R4080" s="58">
        <v>68.12923194992922</v>
      </c>
      <c r="S4080" s="124">
        <f t="shared" si="63"/>
        <v>1.7133502245862791</v>
      </c>
    </row>
    <row r="4081" spans="8:19" x14ac:dyDescent="0.3">
      <c r="H4081" s="44">
        <v>4074</v>
      </c>
      <c r="I4081" s="56">
        <f>Bühler!I4107</f>
        <v>0.39538851336606434</v>
      </c>
      <c r="J4081" s="59">
        <f>Bühler!J4107</f>
        <v>1.3179617112202147</v>
      </c>
      <c r="K4081" s="59">
        <f>Bühler!K4107</f>
        <v>1.9769425668303215</v>
      </c>
      <c r="L4081" s="59">
        <f>Bühler!L4107</f>
        <v>9.4893243207855438</v>
      </c>
      <c r="M4081" s="58">
        <f>Bühler!M4107</f>
        <v>0</v>
      </c>
      <c r="N4081" s="56">
        <f>IF(Input!$D$19=1,J4081*Input!$C$19,0)+IF(Input!$D$20=1,K4081*Input!$C$20,0)+IF(Input!$D$21=1,L4081*Input!$C$21,0)+IF(Input!$D$22=1,M4081*Input!$C$22,0)</f>
        <v>0.3953885133660644</v>
      </c>
      <c r="O4081" s="59">
        <f>IF(Input!$D$19=2,J4081*Input!$C$19,0)+IF(Input!$D$20=2,K4081*Input!$C$20,0)+IF(Input!$D$21=2,L4081*Input!$C$21,0)+IF(Input!$D$22=2,M4081*Input!$C$22,0)</f>
        <v>0.98847128341516077</v>
      </c>
      <c r="P4081" s="59">
        <f>IF(Input!$D$19=3,J4081*Input!$C$19,0)+IF(Input!$D$20=3,K4081*Input!$C$20,0)+IF(Input!$D$21=3,L4081*Input!$C$21,0)+IF(Input!$D$22=3,M4081*Input!$C$22,0)</f>
        <v>0</v>
      </c>
      <c r="Q4081" s="75">
        <f>IF(Input!$D$19=4,J4081*Input!$C$19,0)+IF(Input!$D$20=4,K4081*Input!$C$20,0)+IF(Input!$D$21=4,L4081*Input!$C$21,0)+IF(Input!$D$22=4,M4081*Input!$C$22,0)</f>
        <v>0</v>
      </c>
      <c r="R4081" s="58">
        <v>66.20147822149525</v>
      </c>
      <c r="S4081" s="124">
        <f t="shared" si="63"/>
        <v>1.7133502245862791</v>
      </c>
    </row>
    <row r="4082" spans="8:19" x14ac:dyDescent="0.3">
      <c r="H4082" s="44">
        <v>4075</v>
      </c>
      <c r="I4082" s="56">
        <f>Bühler!I4108</f>
        <v>0.39538851336606434</v>
      </c>
      <c r="J4082" s="59">
        <f>Bühler!J4108</f>
        <v>1.3179617112202147</v>
      </c>
      <c r="K4082" s="59">
        <f>Bühler!K4108</f>
        <v>1.9769425668303215</v>
      </c>
      <c r="L4082" s="59">
        <f>Bühler!L4108</f>
        <v>9.4893243207855438</v>
      </c>
      <c r="M4082" s="58">
        <f>Bühler!M4108</f>
        <v>0</v>
      </c>
      <c r="N4082" s="56">
        <f>IF(Input!$D$19=1,J4082*Input!$C$19,0)+IF(Input!$D$20=1,K4082*Input!$C$20,0)+IF(Input!$D$21=1,L4082*Input!$C$21,0)+IF(Input!$D$22=1,M4082*Input!$C$22,0)</f>
        <v>0.3953885133660644</v>
      </c>
      <c r="O4082" s="59">
        <f>IF(Input!$D$19=2,J4082*Input!$C$19,0)+IF(Input!$D$20=2,K4082*Input!$C$20,0)+IF(Input!$D$21=2,L4082*Input!$C$21,0)+IF(Input!$D$22=2,M4082*Input!$C$22,0)</f>
        <v>0.98847128341516077</v>
      </c>
      <c r="P4082" s="59">
        <f>IF(Input!$D$19=3,J4082*Input!$C$19,0)+IF(Input!$D$20=3,K4082*Input!$C$20,0)+IF(Input!$D$21=3,L4082*Input!$C$21,0)+IF(Input!$D$22=3,M4082*Input!$C$22,0)</f>
        <v>0</v>
      </c>
      <c r="Q4082" s="75">
        <f>IF(Input!$D$19=4,J4082*Input!$C$19,0)+IF(Input!$D$20=4,K4082*Input!$C$20,0)+IF(Input!$D$21=4,L4082*Input!$C$21,0)+IF(Input!$D$22=4,M4082*Input!$C$22,0)</f>
        <v>0</v>
      </c>
      <c r="R4082" s="58">
        <v>65.093876930979718</v>
      </c>
      <c r="S4082" s="124">
        <f t="shared" si="63"/>
        <v>1.7133502245862791</v>
      </c>
    </row>
    <row r="4083" spans="8:19" x14ac:dyDescent="0.3">
      <c r="H4083" s="44">
        <v>4076</v>
      </c>
      <c r="I4083" s="56">
        <f>Bühler!I4109</f>
        <v>0.33113787994407889</v>
      </c>
      <c r="J4083" s="59">
        <f>Bühler!J4109</f>
        <v>1.1037929331469296</v>
      </c>
      <c r="K4083" s="59">
        <f>Bühler!K4109</f>
        <v>1.6556893997203945</v>
      </c>
      <c r="L4083" s="59">
        <f>Bühler!L4109</f>
        <v>7.947309118657893</v>
      </c>
      <c r="M4083" s="58">
        <f>Bühler!M4109</f>
        <v>0</v>
      </c>
      <c r="N4083" s="56">
        <f>IF(Input!$D$19=1,J4083*Input!$C$19,0)+IF(Input!$D$20=1,K4083*Input!$C$20,0)+IF(Input!$D$21=1,L4083*Input!$C$21,0)+IF(Input!$D$22=1,M4083*Input!$C$22,0)</f>
        <v>0.33113787994407889</v>
      </c>
      <c r="O4083" s="59">
        <f>IF(Input!$D$19=2,J4083*Input!$C$19,0)+IF(Input!$D$20=2,K4083*Input!$C$20,0)+IF(Input!$D$21=2,L4083*Input!$C$21,0)+IF(Input!$D$22=2,M4083*Input!$C$22,0)</f>
        <v>0.82784469986019726</v>
      </c>
      <c r="P4083" s="59">
        <f>IF(Input!$D$19=3,J4083*Input!$C$19,0)+IF(Input!$D$20=3,K4083*Input!$C$20,0)+IF(Input!$D$21=3,L4083*Input!$C$21,0)+IF(Input!$D$22=3,M4083*Input!$C$22,0)</f>
        <v>0</v>
      </c>
      <c r="Q4083" s="75">
        <f>IF(Input!$D$19=4,J4083*Input!$C$19,0)+IF(Input!$D$20=4,K4083*Input!$C$20,0)+IF(Input!$D$21=4,L4083*Input!$C$21,0)+IF(Input!$D$22=4,M4083*Input!$C$22,0)</f>
        <v>0</v>
      </c>
      <c r="R4083" s="58">
        <v>64.206967359215128</v>
      </c>
      <c r="S4083" s="124">
        <f t="shared" si="63"/>
        <v>1.4349308130910086</v>
      </c>
    </row>
    <row r="4084" spans="8:19" x14ac:dyDescent="0.3">
      <c r="H4084" s="44">
        <v>4077</v>
      </c>
      <c r="I4084" s="56">
        <f>Bühler!I4110</f>
        <v>0.27182960293916919</v>
      </c>
      <c r="J4084" s="59">
        <f>Bühler!J4110</f>
        <v>0.90609867646389741</v>
      </c>
      <c r="K4084" s="59">
        <f>Bühler!K4110</f>
        <v>1.3591480146958461</v>
      </c>
      <c r="L4084" s="59">
        <f>Bühler!L4110</f>
        <v>6.523910470540061</v>
      </c>
      <c r="M4084" s="58">
        <f>Bühler!M4110</f>
        <v>0</v>
      </c>
      <c r="N4084" s="56">
        <f>IF(Input!$D$19=1,J4084*Input!$C$19,0)+IF(Input!$D$20=1,K4084*Input!$C$20,0)+IF(Input!$D$21=1,L4084*Input!$C$21,0)+IF(Input!$D$22=1,M4084*Input!$C$22,0)</f>
        <v>0.27182960293916919</v>
      </c>
      <c r="O4084" s="59">
        <f>IF(Input!$D$19=2,J4084*Input!$C$19,0)+IF(Input!$D$20=2,K4084*Input!$C$20,0)+IF(Input!$D$21=2,L4084*Input!$C$21,0)+IF(Input!$D$22=2,M4084*Input!$C$22,0)</f>
        <v>0.67957400734792306</v>
      </c>
      <c r="P4084" s="59">
        <f>IF(Input!$D$19=3,J4084*Input!$C$19,0)+IF(Input!$D$20=3,K4084*Input!$C$20,0)+IF(Input!$D$21=3,L4084*Input!$C$21,0)+IF(Input!$D$22=3,M4084*Input!$C$22,0)</f>
        <v>0</v>
      </c>
      <c r="Q4084" s="75">
        <f>IF(Input!$D$19=4,J4084*Input!$C$19,0)+IF(Input!$D$20=4,K4084*Input!$C$20,0)+IF(Input!$D$21=4,L4084*Input!$C$21,0)+IF(Input!$D$22=4,M4084*Input!$C$22,0)</f>
        <v>0</v>
      </c>
      <c r="R4084" s="58">
        <v>62.21692674317601</v>
      </c>
      <c r="S4084" s="124">
        <f t="shared" si="63"/>
        <v>1.1779282794030665</v>
      </c>
    </row>
    <row r="4085" spans="8:19" x14ac:dyDescent="0.3">
      <c r="H4085" s="44">
        <v>4078</v>
      </c>
      <c r="I4085" s="56">
        <f>Bühler!I4111</f>
        <v>0.19769425668303217</v>
      </c>
      <c r="J4085" s="59">
        <f>Bühler!J4111</f>
        <v>0.65898085561010733</v>
      </c>
      <c r="K4085" s="59">
        <f>Bühler!K4111</f>
        <v>0.98847128341516077</v>
      </c>
      <c r="L4085" s="59">
        <f>Bühler!L4111</f>
        <v>4.7446621603927719</v>
      </c>
      <c r="M4085" s="58">
        <f>Bühler!M4111</f>
        <v>0</v>
      </c>
      <c r="N4085" s="56">
        <f>IF(Input!$D$19=1,J4085*Input!$C$19,0)+IF(Input!$D$20=1,K4085*Input!$C$20,0)+IF(Input!$D$21=1,L4085*Input!$C$21,0)+IF(Input!$D$22=1,M4085*Input!$C$22,0)</f>
        <v>0.1976942566830322</v>
      </c>
      <c r="O4085" s="59">
        <f>IF(Input!$D$19=2,J4085*Input!$C$19,0)+IF(Input!$D$20=2,K4085*Input!$C$20,0)+IF(Input!$D$21=2,L4085*Input!$C$21,0)+IF(Input!$D$22=2,M4085*Input!$C$22,0)</f>
        <v>0.49423564170758039</v>
      </c>
      <c r="P4085" s="59">
        <f>IF(Input!$D$19=3,J4085*Input!$C$19,0)+IF(Input!$D$20=3,K4085*Input!$C$20,0)+IF(Input!$D$21=3,L4085*Input!$C$21,0)+IF(Input!$D$22=3,M4085*Input!$C$22,0)</f>
        <v>0</v>
      </c>
      <c r="Q4085" s="75">
        <f>IF(Input!$D$19=4,J4085*Input!$C$19,0)+IF(Input!$D$20=4,K4085*Input!$C$20,0)+IF(Input!$D$21=4,L4085*Input!$C$21,0)+IF(Input!$D$22=4,M4085*Input!$C$22,0)</f>
        <v>0</v>
      </c>
      <c r="R4085" s="58">
        <v>60.625240075909069</v>
      </c>
      <c r="S4085" s="124">
        <f t="shared" si="63"/>
        <v>0.85667511229313953</v>
      </c>
    </row>
    <row r="4086" spans="8:19" x14ac:dyDescent="0.3">
      <c r="H4086" s="44">
        <v>4079</v>
      </c>
      <c r="I4086" s="56">
        <f>Bühler!I4112</f>
        <v>0.19769425668303217</v>
      </c>
      <c r="J4086" s="59">
        <f>Bühler!J4112</f>
        <v>0.65898085561010733</v>
      </c>
      <c r="K4086" s="59">
        <f>Bühler!K4112</f>
        <v>0.98847128341516077</v>
      </c>
      <c r="L4086" s="59">
        <f>Bühler!L4112</f>
        <v>4.7446621603927719</v>
      </c>
      <c r="M4086" s="58">
        <f>Bühler!M4112</f>
        <v>0</v>
      </c>
      <c r="N4086" s="56">
        <f>IF(Input!$D$19=1,J4086*Input!$C$19,0)+IF(Input!$D$20=1,K4086*Input!$C$20,0)+IF(Input!$D$21=1,L4086*Input!$C$21,0)+IF(Input!$D$22=1,M4086*Input!$C$22,0)</f>
        <v>0.1976942566830322</v>
      </c>
      <c r="O4086" s="59">
        <f>IF(Input!$D$19=2,J4086*Input!$C$19,0)+IF(Input!$D$20=2,K4086*Input!$C$20,0)+IF(Input!$D$21=2,L4086*Input!$C$21,0)+IF(Input!$D$22=2,M4086*Input!$C$22,0)</f>
        <v>0.49423564170758039</v>
      </c>
      <c r="P4086" s="59">
        <f>IF(Input!$D$19=3,J4086*Input!$C$19,0)+IF(Input!$D$20=3,K4086*Input!$C$20,0)+IF(Input!$D$21=3,L4086*Input!$C$21,0)+IF(Input!$D$22=3,M4086*Input!$C$22,0)</f>
        <v>0</v>
      </c>
      <c r="Q4086" s="75">
        <f>IF(Input!$D$19=4,J4086*Input!$C$19,0)+IF(Input!$D$20=4,K4086*Input!$C$20,0)+IF(Input!$D$21=4,L4086*Input!$C$21,0)+IF(Input!$D$22=4,M4086*Input!$C$22,0)</f>
        <v>0</v>
      </c>
      <c r="R4086" s="58">
        <v>60.177532540563362</v>
      </c>
      <c r="S4086" s="124">
        <f t="shared" si="63"/>
        <v>0.85667511229313953</v>
      </c>
    </row>
    <row r="4087" spans="8:19" x14ac:dyDescent="0.3">
      <c r="H4087" s="44">
        <v>4080</v>
      </c>
      <c r="I4087" s="56">
        <f>Bühler!I4113</f>
        <v>0.19769425668303217</v>
      </c>
      <c r="J4087" s="59">
        <f>Bühler!J4113</f>
        <v>0.65898085561010733</v>
      </c>
      <c r="K4087" s="59">
        <f>Bühler!K4113</f>
        <v>0.98847128341516077</v>
      </c>
      <c r="L4087" s="59">
        <f>Bühler!L4113</f>
        <v>4.7446621603927719</v>
      </c>
      <c r="M4087" s="58">
        <f>Bühler!M4113</f>
        <v>0</v>
      </c>
      <c r="N4087" s="56">
        <f>IF(Input!$D$19=1,J4087*Input!$C$19,0)+IF(Input!$D$20=1,K4087*Input!$C$20,0)+IF(Input!$D$21=1,L4087*Input!$C$21,0)+IF(Input!$D$22=1,M4087*Input!$C$22,0)</f>
        <v>0.1976942566830322</v>
      </c>
      <c r="O4087" s="59">
        <f>IF(Input!$D$19=2,J4087*Input!$C$19,0)+IF(Input!$D$20=2,K4087*Input!$C$20,0)+IF(Input!$D$21=2,L4087*Input!$C$21,0)+IF(Input!$D$22=2,M4087*Input!$C$22,0)</f>
        <v>0.49423564170758039</v>
      </c>
      <c r="P4087" s="59">
        <f>IF(Input!$D$19=3,J4087*Input!$C$19,0)+IF(Input!$D$20=3,K4087*Input!$C$20,0)+IF(Input!$D$21=3,L4087*Input!$C$21,0)+IF(Input!$D$22=3,M4087*Input!$C$22,0)</f>
        <v>0</v>
      </c>
      <c r="Q4087" s="75">
        <f>IF(Input!$D$19=4,J4087*Input!$C$19,0)+IF(Input!$D$20=4,K4087*Input!$C$20,0)+IF(Input!$D$21=4,L4087*Input!$C$21,0)+IF(Input!$D$22=4,M4087*Input!$C$22,0)</f>
        <v>0</v>
      </c>
      <c r="R4087" s="58">
        <v>59.925370279645726</v>
      </c>
      <c r="S4087" s="124">
        <f t="shared" si="63"/>
        <v>0.85667511229313953</v>
      </c>
    </row>
    <row r="4088" spans="8:19" x14ac:dyDescent="0.3">
      <c r="H4088" s="44">
        <v>4081</v>
      </c>
      <c r="I4088" s="56">
        <f>Bühler!I4114</f>
        <v>0.17589562712265663</v>
      </c>
      <c r="J4088" s="59">
        <f>Bühler!J4114</f>
        <v>0.58631875707552217</v>
      </c>
      <c r="K4088" s="59">
        <f>Bühler!K4114</f>
        <v>0.87947813561328325</v>
      </c>
      <c r="L4088" s="59">
        <f>Bühler!L4114</f>
        <v>4.2214950509437594</v>
      </c>
      <c r="M4088" s="58">
        <f>Bühler!M4114</f>
        <v>0</v>
      </c>
      <c r="N4088" s="56">
        <f>IF(Input!$D$19=1,J4088*Input!$C$19,0)+IF(Input!$D$20=1,K4088*Input!$C$20,0)+IF(Input!$D$21=1,L4088*Input!$C$21,0)+IF(Input!$D$22=1,M4088*Input!$C$22,0)</f>
        <v>0.17589562712265663</v>
      </c>
      <c r="O4088" s="59">
        <f>IF(Input!$D$19=2,J4088*Input!$C$19,0)+IF(Input!$D$20=2,K4088*Input!$C$20,0)+IF(Input!$D$21=2,L4088*Input!$C$21,0)+IF(Input!$D$22=2,M4088*Input!$C$22,0)</f>
        <v>0.43973906780664163</v>
      </c>
      <c r="P4088" s="59">
        <f>IF(Input!$D$19=3,J4088*Input!$C$19,0)+IF(Input!$D$20=3,K4088*Input!$C$20,0)+IF(Input!$D$21=3,L4088*Input!$C$21,0)+IF(Input!$D$22=3,M4088*Input!$C$22,0)</f>
        <v>0</v>
      </c>
      <c r="Q4088" s="75">
        <f>IF(Input!$D$19=4,J4088*Input!$C$19,0)+IF(Input!$D$20=4,K4088*Input!$C$20,0)+IF(Input!$D$21=4,L4088*Input!$C$21,0)+IF(Input!$D$22=4,M4088*Input!$C$22,0)</f>
        <v>0</v>
      </c>
      <c r="R4088" s="58">
        <v>58.560629133324625</v>
      </c>
      <c r="S4088" s="124">
        <f t="shared" si="63"/>
        <v>0.76221438419817877</v>
      </c>
    </row>
    <row r="4089" spans="8:19" x14ac:dyDescent="0.3">
      <c r="H4089" s="44">
        <v>4082</v>
      </c>
      <c r="I4089" s="56">
        <f>Bühler!I4115</f>
        <v>0.19788258051298871</v>
      </c>
      <c r="J4089" s="59">
        <f>Bühler!J4115</f>
        <v>0.65960860170996238</v>
      </c>
      <c r="K4089" s="59">
        <f>Bühler!K4115</f>
        <v>0.98941290256494352</v>
      </c>
      <c r="L4089" s="59">
        <f>Bühler!L4115</f>
        <v>4.7491819323117292</v>
      </c>
      <c r="M4089" s="58">
        <f>Bühler!M4115</f>
        <v>0</v>
      </c>
      <c r="N4089" s="56">
        <f>IF(Input!$D$19=1,J4089*Input!$C$19,0)+IF(Input!$D$20=1,K4089*Input!$C$20,0)+IF(Input!$D$21=1,L4089*Input!$C$21,0)+IF(Input!$D$22=1,M4089*Input!$C$22,0)</f>
        <v>0.19788258051298871</v>
      </c>
      <c r="O4089" s="59">
        <f>IF(Input!$D$19=2,J4089*Input!$C$19,0)+IF(Input!$D$20=2,K4089*Input!$C$20,0)+IF(Input!$D$21=2,L4089*Input!$C$21,0)+IF(Input!$D$22=2,M4089*Input!$C$22,0)</f>
        <v>0.49470645128247176</v>
      </c>
      <c r="P4089" s="59">
        <f>IF(Input!$D$19=3,J4089*Input!$C$19,0)+IF(Input!$D$20=3,K4089*Input!$C$20,0)+IF(Input!$D$21=3,L4089*Input!$C$21,0)+IF(Input!$D$22=3,M4089*Input!$C$22,0)</f>
        <v>0</v>
      </c>
      <c r="Q4089" s="75">
        <f>IF(Input!$D$19=4,J4089*Input!$C$19,0)+IF(Input!$D$20=4,K4089*Input!$C$20,0)+IF(Input!$D$21=4,L4089*Input!$C$21,0)+IF(Input!$D$22=4,M4089*Input!$C$22,0)</f>
        <v>0</v>
      </c>
      <c r="R4089" s="58">
        <v>58.275152638555475</v>
      </c>
      <c r="S4089" s="124">
        <f t="shared" si="63"/>
        <v>0.85749118222295106</v>
      </c>
    </row>
    <row r="4090" spans="8:19" x14ac:dyDescent="0.3">
      <c r="H4090" s="44">
        <v>4083</v>
      </c>
      <c r="I4090" s="56">
        <f>Bühler!I4116</f>
        <v>0.19788258051298871</v>
      </c>
      <c r="J4090" s="59">
        <f>Bühler!J4116</f>
        <v>0.65960860170996238</v>
      </c>
      <c r="K4090" s="59">
        <f>Bühler!K4116</f>
        <v>0.98941290256494352</v>
      </c>
      <c r="L4090" s="59">
        <f>Bühler!L4116</f>
        <v>4.7491819323117292</v>
      </c>
      <c r="M4090" s="58">
        <f>Bühler!M4116</f>
        <v>0</v>
      </c>
      <c r="N4090" s="56">
        <f>IF(Input!$D$19=1,J4090*Input!$C$19,0)+IF(Input!$D$20=1,K4090*Input!$C$20,0)+IF(Input!$D$21=1,L4090*Input!$C$21,0)+IF(Input!$D$22=1,M4090*Input!$C$22,0)</f>
        <v>0.19788258051298871</v>
      </c>
      <c r="O4090" s="59">
        <f>IF(Input!$D$19=2,J4090*Input!$C$19,0)+IF(Input!$D$20=2,K4090*Input!$C$20,0)+IF(Input!$D$21=2,L4090*Input!$C$21,0)+IF(Input!$D$22=2,M4090*Input!$C$22,0)</f>
        <v>0.49470645128247176</v>
      </c>
      <c r="P4090" s="59">
        <f>IF(Input!$D$19=3,J4090*Input!$C$19,0)+IF(Input!$D$20=3,K4090*Input!$C$20,0)+IF(Input!$D$21=3,L4090*Input!$C$21,0)+IF(Input!$D$22=3,M4090*Input!$C$22,0)</f>
        <v>0</v>
      </c>
      <c r="Q4090" s="75">
        <f>IF(Input!$D$19=4,J4090*Input!$C$19,0)+IF(Input!$D$20=4,K4090*Input!$C$20,0)+IF(Input!$D$21=4,L4090*Input!$C$21,0)+IF(Input!$D$22=4,M4090*Input!$C$22,0)</f>
        <v>0</v>
      </c>
      <c r="R4090" s="58">
        <v>58.720720530473464</v>
      </c>
      <c r="S4090" s="124">
        <f t="shared" si="63"/>
        <v>0.85749118222295106</v>
      </c>
    </row>
    <row r="4091" spans="8:19" x14ac:dyDescent="0.3">
      <c r="H4091" s="44">
        <v>4084</v>
      </c>
      <c r="I4091" s="56">
        <f>Bühler!I4117</f>
        <v>0.19788258051298871</v>
      </c>
      <c r="J4091" s="59">
        <f>Bühler!J4117</f>
        <v>0.65960860170996238</v>
      </c>
      <c r="K4091" s="59">
        <f>Bühler!K4117</f>
        <v>0.98941290256494352</v>
      </c>
      <c r="L4091" s="59">
        <f>Bühler!L4117</f>
        <v>4.7491819323117292</v>
      </c>
      <c r="M4091" s="58">
        <f>Bühler!M4117</f>
        <v>0</v>
      </c>
      <c r="N4091" s="56">
        <f>IF(Input!$D$19=1,J4091*Input!$C$19,0)+IF(Input!$D$20=1,K4091*Input!$C$20,0)+IF(Input!$D$21=1,L4091*Input!$C$21,0)+IF(Input!$D$22=1,M4091*Input!$C$22,0)</f>
        <v>0.19788258051298871</v>
      </c>
      <c r="O4091" s="59">
        <f>IF(Input!$D$19=2,J4091*Input!$C$19,0)+IF(Input!$D$20=2,K4091*Input!$C$20,0)+IF(Input!$D$21=2,L4091*Input!$C$21,0)+IF(Input!$D$22=2,M4091*Input!$C$22,0)</f>
        <v>0.49470645128247176</v>
      </c>
      <c r="P4091" s="59">
        <f>IF(Input!$D$19=3,J4091*Input!$C$19,0)+IF(Input!$D$20=3,K4091*Input!$C$20,0)+IF(Input!$D$21=3,L4091*Input!$C$21,0)+IF(Input!$D$22=3,M4091*Input!$C$22,0)</f>
        <v>0</v>
      </c>
      <c r="Q4091" s="75">
        <f>IF(Input!$D$19=4,J4091*Input!$C$19,0)+IF(Input!$D$20=4,K4091*Input!$C$20,0)+IF(Input!$D$21=4,L4091*Input!$C$21,0)+IF(Input!$D$22=4,M4091*Input!$C$22,0)</f>
        <v>0</v>
      </c>
      <c r="R4091" s="58">
        <v>59.485102275613158</v>
      </c>
      <c r="S4091" s="124">
        <f t="shared" si="63"/>
        <v>0.85749118222295106</v>
      </c>
    </row>
    <row r="4092" spans="8:19" x14ac:dyDescent="0.3">
      <c r="H4092" s="44">
        <v>4085</v>
      </c>
      <c r="I4092" s="56">
        <f>Bühler!I4118</f>
        <v>0.19788258051298871</v>
      </c>
      <c r="J4092" s="59">
        <f>Bühler!J4118</f>
        <v>0.65960860170996238</v>
      </c>
      <c r="K4092" s="59">
        <f>Bühler!K4118</f>
        <v>0.98941290256494352</v>
      </c>
      <c r="L4092" s="59">
        <f>Bühler!L4118</f>
        <v>4.7491819323117292</v>
      </c>
      <c r="M4092" s="58">
        <f>Bühler!M4118</f>
        <v>0</v>
      </c>
      <c r="N4092" s="56">
        <f>IF(Input!$D$19=1,J4092*Input!$C$19,0)+IF(Input!$D$20=1,K4092*Input!$C$20,0)+IF(Input!$D$21=1,L4092*Input!$C$21,0)+IF(Input!$D$22=1,M4092*Input!$C$22,0)</f>
        <v>0.19788258051298871</v>
      </c>
      <c r="O4092" s="59">
        <f>IF(Input!$D$19=2,J4092*Input!$C$19,0)+IF(Input!$D$20=2,K4092*Input!$C$20,0)+IF(Input!$D$21=2,L4092*Input!$C$21,0)+IF(Input!$D$22=2,M4092*Input!$C$22,0)</f>
        <v>0.49470645128247176</v>
      </c>
      <c r="P4092" s="59">
        <f>IF(Input!$D$19=3,J4092*Input!$C$19,0)+IF(Input!$D$20=3,K4092*Input!$C$20,0)+IF(Input!$D$21=3,L4092*Input!$C$21,0)+IF(Input!$D$22=3,M4092*Input!$C$22,0)</f>
        <v>0</v>
      </c>
      <c r="Q4092" s="75">
        <f>IF(Input!$D$19=4,J4092*Input!$C$19,0)+IF(Input!$D$20=4,K4092*Input!$C$20,0)+IF(Input!$D$21=4,L4092*Input!$C$21,0)+IF(Input!$D$22=4,M4092*Input!$C$22,0)</f>
        <v>0</v>
      </c>
      <c r="R4092" s="58">
        <v>60.622034464867674</v>
      </c>
      <c r="S4092" s="124">
        <f t="shared" si="63"/>
        <v>0.85749118222295106</v>
      </c>
    </row>
    <row r="4093" spans="8:19" x14ac:dyDescent="0.3">
      <c r="H4093" s="44">
        <v>4086</v>
      </c>
      <c r="I4093" s="56">
        <f>Bühler!I4119</f>
        <v>0.25504865932785209</v>
      </c>
      <c r="J4093" s="59">
        <f>Bühler!J4119</f>
        <v>0.85016219775950708</v>
      </c>
      <c r="K4093" s="59">
        <f>Bühler!K4119</f>
        <v>1.2752432966392604</v>
      </c>
      <c r="L4093" s="59">
        <f>Bühler!L4119</f>
        <v>6.1211678238684497</v>
      </c>
      <c r="M4093" s="58">
        <f>Bühler!M4119</f>
        <v>0</v>
      </c>
      <c r="N4093" s="56">
        <f>IF(Input!$D$19=1,J4093*Input!$C$19,0)+IF(Input!$D$20=1,K4093*Input!$C$20,0)+IF(Input!$D$21=1,L4093*Input!$C$21,0)+IF(Input!$D$22=1,M4093*Input!$C$22,0)</f>
        <v>0.25504865932785209</v>
      </c>
      <c r="O4093" s="59">
        <f>IF(Input!$D$19=2,J4093*Input!$C$19,0)+IF(Input!$D$20=2,K4093*Input!$C$20,0)+IF(Input!$D$21=2,L4093*Input!$C$21,0)+IF(Input!$D$22=2,M4093*Input!$C$22,0)</f>
        <v>0.6376216483196302</v>
      </c>
      <c r="P4093" s="59">
        <f>IF(Input!$D$19=3,J4093*Input!$C$19,0)+IF(Input!$D$20=3,K4093*Input!$C$20,0)+IF(Input!$D$21=3,L4093*Input!$C$21,0)+IF(Input!$D$22=3,M4093*Input!$C$22,0)</f>
        <v>0</v>
      </c>
      <c r="Q4093" s="75">
        <f>IF(Input!$D$19=4,J4093*Input!$C$19,0)+IF(Input!$D$20=4,K4093*Input!$C$20,0)+IF(Input!$D$21=4,L4093*Input!$C$21,0)+IF(Input!$D$22=4,M4093*Input!$C$22,0)</f>
        <v>0</v>
      </c>
      <c r="R4093" s="58">
        <v>62.468912558876667</v>
      </c>
      <c r="S4093" s="124">
        <f t="shared" si="63"/>
        <v>1.1052108570873591</v>
      </c>
    </row>
    <row r="4094" spans="8:19" x14ac:dyDescent="0.3">
      <c r="H4094" s="44">
        <v>4087</v>
      </c>
      <c r="I4094" s="56">
        <f>Bühler!I4120</f>
        <v>0.29462517543044991</v>
      </c>
      <c r="J4094" s="59">
        <f>Bühler!J4120</f>
        <v>0.98208391810149986</v>
      </c>
      <c r="K4094" s="59">
        <f>Bühler!K4120</f>
        <v>1.4731258771522497</v>
      </c>
      <c r="L4094" s="59">
        <f>Bühler!L4120</f>
        <v>7.0710042103307984</v>
      </c>
      <c r="M4094" s="58">
        <f>Bühler!M4120</f>
        <v>0</v>
      </c>
      <c r="N4094" s="56">
        <f>IF(Input!$D$19=1,J4094*Input!$C$19,0)+IF(Input!$D$20=1,K4094*Input!$C$20,0)+IF(Input!$D$21=1,L4094*Input!$C$21,0)+IF(Input!$D$22=1,M4094*Input!$C$22,0)</f>
        <v>0.29462517543044997</v>
      </c>
      <c r="O4094" s="59">
        <f>IF(Input!$D$19=2,J4094*Input!$C$19,0)+IF(Input!$D$20=2,K4094*Input!$C$20,0)+IF(Input!$D$21=2,L4094*Input!$C$21,0)+IF(Input!$D$22=2,M4094*Input!$C$22,0)</f>
        <v>0.73656293857612487</v>
      </c>
      <c r="P4094" s="59">
        <f>IF(Input!$D$19=3,J4094*Input!$C$19,0)+IF(Input!$D$20=3,K4094*Input!$C$20,0)+IF(Input!$D$21=3,L4094*Input!$C$21,0)+IF(Input!$D$22=3,M4094*Input!$C$22,0)</f>
        <v>0</v>
      </c>
      <c r="Q4094" s="75">
        <f>IF(Input!$D$19=4,J4094*Input!$C$19,0)+IF(Input!$D$20=4,K4094*Input!$C$20,0)+IF(Input!$D$21=4,L4094*Input!$C$21,0)+IF(Input!$D$22=4,M4094*Input!$C$22,0)</f>
        <v>0</v>
      </c>
      <c r="R4094" s="58">
        <v>65.171190906116948</v>
      </c>
      <c r="S4094" s="124">
        <f t="shared" si="63"/>
        <v>1.2767090935319498</v>
      </c>
    </row>
    <row r="4095" spans="8:19" x14ac:dyDescent="0.3">
      <c r="H4095" s="44">
        <v>4088</v>
      </c>
      <c r="I4095" s="56">
        <f>Bühler!I4121</f>
        <v>0.29462517543044991</v>
      </c>
      <c r="J4095" s="59">
        <f>Bühler!J4121</f>
        <v>0.98208391810149986</v>
      </c>
      <c r="K4095" s="59">
        <f>Bühler!K4121</f>
        <v>1.4731258771522497</v>
      </c>
      <c r="L4095" s="59">
        <f>Bühler!L4121</f>
        <v>7.0710042103307984</v>
      </c>
      <c r="M4095" s="58">
        <f>Bühler!M4121</f>
        <v>0</v>
      </c>
      <c r="N4095" s="56">
        <f>IF(Input!$D$19=1,J4095*Input!$C$19,0)+IF(Input!$D$20=1,K4095*Input!$C$20,0)+IF(Input!$D$21=1,L4095*Input!$C$21,0)+IF(Input!$D$22=1,M4095*Input!$C$22,0)</f>
        <v>0.29462517543044997</v>
      </c>
      <c r="O4095" s="59">
        <f>IF(Input!$D$19=2,J4095*Input!$C$19,0)+IF(Input!$D$20=2,K4095*Input!$C$20,0)+IF(Input!$D$21=2,L4095*Input!$C$21,0)+IF(Input!$D$22=2,M4095*Input!$C$22,0)</f>
        <v>0.73656293857612487</v>
      </c>
      <c r="P4095" s="59">
        <f>IF(Input!$D$19=3,J4095*Input!$C$19,0)+IF(Input!$D$20=3,K4095*Input!$C$20,0)+IF(Input!$D$21=3,L4095*Input!$C$21,0)+IF(Input!$D$22=3,M4095*Input!$C$22,0)</f>
        <v>0</v>
      </c>
      <c r="Q4095" s="75">
        <f>IF(Input!$D$19=4,J4095*Input!$C$19,0)+IF(Input!$D$20=4,K4095*Input!$C$20,0)+IF(Input!$D$21=4,L4095*Input!$C$21,0)+IF(Input!$D$22=4,M4095*Input!$C$22,0)</f>
        <v>0</v>
      </c>
      <c r="R4095" s="58">
        <v>67.454665194099491</v>
      </c>
      <c r="S4095" s="124">
        <f t="shared" si="63"/>
        <v>1.2767090935319498</v>
      </c>
    </row>
    <row r="4096" spans="8:19" x14ac:dyDescent="0.3">
      <c r="H4096" s="44">
        <v>4089</v>
      </c>
      <c r="I4096" s="56">
        <f>Bühler!I4122</f>
        <v>0.29462517543044991</v>
      </c>
      <c r="J4096" s="59">
        <f>Bühler!J4122</f>
        <v>0.98208391810149986</v>
      </c>
      <c r="K4096" s="59">
        <f>Bühler!K4122</f>
        <v>1.4731258771522497</v>
      </c>
      <c r="L4096" s="59">
        <f>Bühler!L4122</f>
        <v>7.0710042103307984</v>
      </c>
      <c r="M4096" s="58">
        <f>Bühler!M4122</f>
        <v>0</v>
      </c>
      <c r="N4096" s="56">
        <f>IF(Input!$D$19=1,J4096*Input!$C$19,0)+IF(Input!$D$20=1,K4096*Input!$C$20,0)+IF(Input!$D$21=1,L4096*Input!$C$21,0)+IF(Input!$D$22=1,M4096*Input!$C$22,0)</f>
        <v>0.29462517543044997</v>
      </c>
      <c r="O4096" s="59">
        <f>IF(Input!$D$19=2,J4096*Input!$C$19,0)+IF(Input!$D$20=2,K4096*Input!$C$20,0)+IF(Input!$D$21=2,L4096*Input!$C$21,0)+IF(Input!$D$22=2,M4096*Input!$C$22,0)</f>
        <v>0.73656293857612487</v>
      </c>
      <c r="P4096" s="59">
        <f>IF(Input!$D$19=3,J4096*Input!$C$19,0)+IF(Input!$D$20=3,K4096*Input!$C$20,0)+IF(Input!$D$21=3,L4096*Input!$C$21,0)+IF(Input!$D$22=3,M4096*Input!$C$22,0)</f>
        <v>0</v>
      </c>
      <c r="Q4096" s="75">
        <f>IF(Input!$D$19=4,J4096*Input!$C$19,0)+IF(Input!$D$20=4,K4096*Input!$C$20,0)+IF(Input!$D$21=4,L4096*Input!$C$21,0)+IF(Input!$D$22=4,M4096*Input!$C$22,0)</f>
        <v>0</v>
      </c>
      <c r="R4096" s="58">
        <v>69.271117648397308</v>
      </c>
      <c r="S4096" s="124">
        <f t="shared" si="63"/>
        <v>1.2767090935319498</v>
      </c>
    </row>
    <row r="4097" spans="8:19" x14ac:dyDescent="0.3">
      <c r="H4097" s="44">
        <v>4090</v>
      </c>
      <c r="I4097" s="56">
        <f>Bühler!I4123</f>
        <v>0.31661212882078194</v>
      </c>
      <c r="J4097" s="59">
        <f>Bühler!J4123</f>
        <v>1.0553737627359399</v>
      </c>
      <c r="K4097" s="59">
        <f>Bühler!K4123</f>
        <v>1.5830606441039097</v>
      </c>
      <c r="L4097" s="59">
        <f>Bühler!L4123</f>
        <v>7.5986910916987664</v>
      </c>
      <c r="M4097" s="58">
        <f>Bühler!M4123</f>
        <v>0</v>
      </c>
      <c r="N4097" s="56">
        <f>IF(Input!$D$19=1,J4097*Input!$C$19,0)+IF(Input!$D$20=1,K4097*Input!$C$20,0)+IF(Input!$D$21=1,L4097*Input!$C$21,0)+IF(Input!$D$22=1,M4097*Input!$C$22,0)</f>
        <v>0.31661212882078194</v>
      </c>
      <c r="O4097" s="59">
        <f>IF(Input!$D$19=2,J4097*Input!$C$19,0)+IF(Input!$D$20=2,K4097*Input!$C$20,0)+IF(Input!$D$21=2,L4097*Input!$C$21,0)+IF(Input!$D$22=2,M4097*Input!$C$22,0)</f>
        <v>0.79153032205195484</v>
      </c>
      <c r="P4097" s="59">
        <f>IF(Input!$D$19=3,J4097*Input!$C$19,0)+IF(Input!$D$20=3,K4097*Input!$C$20,0)+IF(Input!$D$21=3,L4097*Input!$C$21,0)+IF(Input!$D$22=3,M4097*Input!$C$22,0)</f>
        <v>0</v>
      </c>
      <c r="Q4097" s="75">
        <f>IF(Input!$D$19=4,J4097*Input!$C$19,0)+IF(Input!$D$20=4,K4097*Input!$C$20,0)+IF(Input!$D$21=4,L4097*Input!$C$21,0)+IF(Input!$D$22=4,M4097*Input!$C$22,0)</f>
        <v>0</v>
      </c>
      <c r="R4097" s="58">
        <v>69.801482883477547</v>
      </c>
      <c r="S4097" s="124">
        <f t="shared" si="63"/>
        <v>1.3719858915567218</v>
      </c>
    </row>
    <row r="4098" spans="8:19" x14ac:dyDescent="0.3">
      <c r="H4098" s="44">
        <v>4091</v>
      </c>
      <c r="I4098" s="56">
        <f>Bühler!I4124</f>
        <v>0.34299647288918045</v>
      </c>
      <c r="J4098" s="59">
        <f>Bühler!J4124</f>
        <v>1.1433215762972682</v>
      </c>
      <c r="K4098" s="59">
        <f>Bühler!K4124</f>
        <v>1.7149823644459021</v>
      </c>
      <c r="L4098" s="59">
        <f>Bühler!L4124</f>
        <v>8.2319153493403299</v>
      </c>
      <c r="M4098" s="58">
        <f>Bühler!M4124</f>
        <v>0</v>
      </c>
      <c r="N4098" s="56">
        <f>IF(Input!$D$19=1,J4098*Input!$C$19,0)+IF(Input!$D$20=1,K4098*Input!$C$20,0)+IF(Input!$D$21=1,L4098*Input!$C$21,0)+IF(Input!$D$22=1,M4098*Input!$C$22,0)</f>
        <v>0.34299647288918045</v>
      </c>
      <c r="O4098" s="59">
        <f>IF(Input!$D$19=2,J4098*Input!$C$19,0)+IF(Input!$D$20=2,K4098*Input!$C$20,0)+IF(Input!$D$21=2,L4098*Input!$C$21,0)+IF(Input!$D$22=2,M4098*Input!$C$22,0)</f>
        <v>0.85749118222295106</v>
      </c>
      <c r="P4098" s="59">
        <f>IF(Input!$D$19=3,J4098*Input!$C$19,0)+IF(Input!$D$20=3,K4098*Input!$C$20,0)+IF(Input!$D$21=3,L4098*Input!$C$21,0)+IF(Input!$D$22=3,M4098*Input!$C$22,0)</f>
        <v>0</v>
      </c>
      <c r="Q4098" s="75">
        <f>IF(Input!$D$19=4,J4098*Input!$C$19,0)+IF(Input!$D$20=4,K4098*Input!$C$20,0)+IF(Input!$D$21=4,L4098*Input!$C$21,0)+IF(Input!$D$22=4,M4098*Input!$C$22,0)</f>
        <v>0</v>
      </c>
      <c r="R4098" s="58">
        <v>70.016133099169693</v>
      </c>
      <c r="S4098" s="124">
        <f t="shared" si="63"/>
        <v>1.4863180491864485</v>
      </c>
    </row>
    <row r="4099" spans="8:19" x14ac:dyDescent="0.3">
      <c r="H4099" s="44">
        <v>4092</v>
      </c>
      <c r="I4099" s="56">
        <f>Bühler!I4125</f>
        <v>0.39576516102597742</v>
      </c>
      <c r="J4099" s="59">
        <f>Bühler!J4125</f>
        <v>1.3192172034199248</v>
      </c>
      <c r="K4099" s="59">
        <f>Bühler!K4125</f>
        <v>1.978825805129887</v>
      </c>
      <c r="L4099" s="59">
        <f>Bühler!L4125</f>
        <v>9.4983638646234585</v>
      </c>
      <c r="M4099" s="58">
        <f>Bühler!M4125</f>
        <v>0</v>
      </c>
      <c r="N4099" s="56">
        <f>IF(Input!$D$19=1,J4099*Input!$C$19,0)+IF(Input!$D$20=1,K4099*Input!$C$20,0)+IF(Input!$D$21=1,L4099*Input!$C$21,0)+IF(Input!$D$22=1,M4099*Input!$C$22,0)</f>
        <v>0.39576516102597742</v>
      </c>
      <c r="O4099" s="59">
        <f>IF(Input!$D$19=2,J4099*Input!$C$19,0)+IF(Input!$D$20=2,K4099*Input!$C$20,0)+IF(Input!$D$21=2,L4099*Input!$C$21,0)+IF(Input!$D$22=2,M4099*Input!$C$22,0)</f>
        <v>0.98941290256494352</v>
      </c>
      <c r="P4099" s="59">
        <f>IF(Input!$D$19=3,J4099*Input!$C$19,0)+IF(Input!$D$20=3,K4099*Input!$C$20,0)+IF(Input!$D$21=3,L4099*Input!$C$21,0)+IF(Input!$D$22=3,M4099*Input!$C$22,0)</f>
        <v>0</v>
      </c>
      <c r="Q4099" s="75">
        <f>IF(Input!$D$19=4,J4099*Input!$C$19,0)+IF(Input!$D$20=4,K4099*Input!$C$20,0)+IF(Input!$D$21=4,L4099*Input!$C$21,0)+IF(Input!$D$22=4,M4099*Input!$C$22,0)</f>
        <v>0</v>
      </c>
      <c r="R4099" s="58">
        <v>70.937465610741853</v>
      </c>
      <c r="S4099" s="124">
        <f t="shared" si="63"/>
        <v>1.7149823644459021</v>
      </c>
    </row>
    <row r="4100" spans="8:19" x14ac:dyDescent="0.3">
      <c r="H4100" s="44">
        <v>4093</v>
      </c>
      <c r="I4100" s="56">
        <f>Bühler!I4126</f>
        <v>0.39576516102597742</v>
      </c>
      <c r="J4100" s="59">
        <f>Bühler!J4126</f>
        <v>1.3192172034199248</v>
      </c>
      <c r="K4100" s="59">
        <f>Bühler!K4126</f>
        <v>1.978825805129887</v>
      </c>
      <c r="L4100" s="59">
        <f>Bühler!L4126</f>
        <v>9.4983638646234585</v>
      </c>
      <c r="M4100" s="58">
        <f>Bühler!M4126</f>
        <v>0</v>
      </c>
      <c r="N4100" s="56">
        <f>IF(Input!$D$19=1,J4100*Input!$C$19,0)+IF(Input!$D$20=1,K4100*Input!$C$20,0)+IF(Input!$D$21=1,L4100*Input!$C$21,0)+IF(Input!$D$22=1,M4100*Input!$C$22,0)</f>
        <v>0.39576516102597742</v>
      </c>
      <c r="O4100" s="59">
        <f>IF(Input!$D$19=2,J4100*Input!$C$19,0)+IF(Input!$D$20=2,K4100*Input!$C$20,0)+IF(Input!$D$21=2,L4100*Input!$C$21,0)+IF(Input!$D$22=2,M4100*Input!$C$22,0)</f>
        <v>0.98941290256494352</v>
      </c>
      <c r="P4100" s="59">
        <f>IF(Input!$D$19=3,J4100*Input!$C$19,0)+IF(Input!$D$20=3,K4100*Input!$C$20,0)+IF(Input!$D$21=3,L4100*Input!$C$21,0)+IF(Input!$D$22=3,M4100*Input!$C$22,0)</f>
        <v>0</v>
      </c>
      <c r="Q4100" s="75">
        <f>IF(Input!$D$19=4,J4100*Input!$C$19,0)+IF(Input!$D$20=4,K4100*Input!$C$20,0)+IF(Input!$D$21=4,L4100*Input!$C$21,0)+IF(Input!$D$22=4,M4100*Input!$C$22,0)</f>
        <v>0</v>
      </c>
      <c r="R4100" s="58">
        <v>70.124873720920547</v>
      </c>
      <c r="S4100" s="124">
        <f t="shared" si="63"/>
        <v>1.7149823644459021</v>
      </c>
    </row>
    <row r="4101" spans="8:19" x14ac:dyDescent="0.3">
      <c r="H4101" s="44">
        <v>4094</v>
      </c>
      <c r="I4101" s="56">
        <f>Bühler!I4127</f>
        <v>0.39576516102597742</v>
      </c>
      <c r="J4101" s="59">
        <f>Bühler!J4127</f>
        <v>1.3192172034199248</v>
      </c>
      <c r="K4101" s="59">
        <f>Bühler!K4127</f>
        <v>1.978825805129887</v>
      </c>
      <c r="L4101" s="59">
        <f>Bühler!L4127</f>
        <v>9.4983638646234585</v>
      </c>
      <c r="M4101" s="58">
        <f>Bühler!M4127</f>
        <v>0</v>
      </c>
      <c r="N4101" s="56">
        <f>IF(Input!$D$19=1,J4101*Input!$C$19,0)+IF(Input!$D$20=1,K4101*Input!$C$20,0)+IF(Input!$D$21=1,L4101*Input!$C$21,0)+IF(Input!$D$22=1,M4101*Input!$C$22,0)</f>
        <v>0.39576516102597742</v>
      </c>
      <c r="O4101" s="59">
        <f>IF(Input!$D$19=2,J4101*Input!$C$19,0)+IF(Input!$D$20=2,K4101*Input!$C$20,0)+IF(Input!$D$21=2,L4101*Input!$C$21,0)+IF(Input!$D$22=2,M4101*Input!$C$22,0)</f>
        <v>0.98941290256494352</v>
      </c>
      <c r="P4101" s="59">
        <f>IF(Input!$D$19=3,J4101*Input!$C$19,0)+IF(Input!$D$20=3,K4101*Input!$C$20,0)+IF(Input!$D$21=3,L4101*Input!$C$21,0)+IF(Input!$D$22=3,M4101*Input!$C$22,0)</f>
        <v>0</v>
      </c>
      <c r="Q4101" s="75">
        <f>IF(Input!$D$19=4,J4101*Input!$C$19,0)+IF(Input!$D$20=4,K4101*Input!$C$20,0)+IF(Input!$D$21=4,L4101*Input!$C$21,0)+IF(Input!$D$22=4,M4101*Input!$C$22,0)</f>
        <v>0</v>
      </c>
      <c r="R4101" s="58">
        <v>69.792931527623495</v>
      </c>
      <c r="S4101" s="124">
        <f t="shared" si="63"/>
        <v>1.7149823644459021</v>
      </c>
    </row>
    <row r="4102" spans="8:19" x14ac:dyDescent="0.3">
      <c r="H4102" s="44">
        <v>4095</v>
      </c>
      <c r="I4102" s="56">
        <f>Bühler!I4128</f>
        <v>0.39576516102597742</v>
      </c>
      <c r="J4102" s="59">
        <f>Bühler!J4128</f>
        <v>1.3192172034199248</v>
      </c>
      <c r="K4102" s="59">
        <f>Bühler!K4128</f>
        <v>1.978825805129887</v>
      </c>
      <c r="L4102" s="59">
        <f>Bühler!L4128</f>
        <v>9.4983638646234585</v>
      </c>
      <c r="M4102" s="58">
        <f>Bühler!M4128</f>
        <v>0</v>
      </c>
      <c r="N4102" s="56">
        <f>IF(Input!$D$19=1,J4102*Input!$C$19,0)+IF(Input!$D$20=1,K4102*Input!$C$20,0)+IF(Input!$D$21=1,L4102*Input!$C$21,0)+IF(Input!$D$22=1,M4102*Input!$C$22,0)</f>
        <v>0.39576516102597742</v>
      </c>
      <c r="O4102" s="59">
        <f>IF(Input!$D$19=2,J4102*Input!$C$19,0)+IF(Input!$D$20=2,K4102*Input!$C$20,0)+IF(Input!$D$21=2,L4102*Input!$C$21,0)+IF(Input!$D$22=2,M4102*Input!$C$22,0)</f>
        <v>0.98941290256494352</v>
      </c>
      <c r="P4102" s="59">
        <f>IF(Input!$D$19=3,J4102*Input!$C$19,0)+IF(Input!$D$20=3,K4102*Input!$C$20,0)+IF(Input!$D$21=3,L4102*Input!$C$21,0)+IF(Input!$D$22=3,M4102*Input!$C$22,0)</f>
        <v>0</v>
      </c>
      <c r="Q4102" s="75">
        <f>IF(Input!$D$19=4,J4102*Input!$C$19,0)+IF(Input!$D$20=4,K4102*Input!$C$20,0)+IF(Input!$D$21=4,L4102*Input!$C$21,0)+IF(Input!$D$22=4,M4102*Input!$C$22,0)</f>
        <v>0</v>
      </c>
      <c r="R4102" s="58">
        <v>70.329903886834913</v>
      </c>
      <c r="S4102" s="124">
        <f t="shared" si="63"/>
        <v>1.7149823644459021</v>
      </c>
    </row>
    <row r="4103" spans="8:19" x14ac:dyDescent="0.3">
      <c r="H4103" s="44">
        <v>4096</v>
      </c>
      <c r="I4103" s="56">
        <f>Bühler!I4129</f>
        <v>0.39576516102597742</v>
      </c>
      <c r="J4103" s="59">
        <f>Bühler!J4129</f>
        <v>1.3192172034199248</v>
      </c>
      <c r="K4103" s="59">
        <f>Bühler!K4129</f>
        <v>1.978825805129887</v>
      </c>
      <c r="L4103" s="59">
        <f>Bühler!L4129</f>
        <v>9.4983638646234585</v>
      </c>
      <c r="M4103" s="58">
        <f>Bühler!M4129</f>
        <v>0</v>
      </c>
      <c r="N4103" s="56">
        <f>IF(Input!$D$19=1,J4103*Input!$C$19,0)+IF(Input!$D$20=1,K4103*Input!$C$20,0)+IF(Input!$D$21=1,L4103*Input!$C$21,0)+IF(Input!$D$22=1,M4103*Input!$C$22,0)</f>
        <v>0.39576516102597742</v>
      </c>
      <c r="O4103" s="59">
        <f>IF(Input!$D$19=2,J4103*Input!$C$19,0)+IF(Input!$D$20=2,K4103*Input!$C$20,0)+IF(Input!$D$21=2,L4103*Input!$C$21,0)+IF(Input!$D$22=2,M4103*Input!$C$22,0)</f>
        <v>0.98941290256494352</v>
      </c>
      <c r="P4103" s="59">
        <f>IF(Input!$D$19=3,J4103*Input!$C$19,0)+IF(Input!$D$20=3,K4103*Input!$C$20,0)+IF(Input!$D$21=3,L4103*Input!$C$21,0)+IF(Input!$D$22=3,M4103*Input!$C$22,0)</f>
        <v>0</v>
      </c>
      <c r="Q4103" s="75">
        <f>IF(Input!$D$19=4,J4103*Input!$C$19,0)+IF(Input!$D$20=4,K4103*Input!$C$20,0)+IF(Input!$D$21=4,L4103*Input!$C$21,0)+IF(Input!$D$22=4,M4103*Input!$C$22,0)</f>
        <v>0</v>
      </c>
      <c r="R4103" s="58">
        <v>70.309333092998955</v>
      </c>
      <c r="S4103" s="124">
        <f t="shared" si="63"/>
        <v>1.7149823644459021</v>
      </c>
    </row>
    <row r="4104" spans="8:19" x14ac:dyDescent="0.3">
      <c r="H4104" s="44">
        <v>4097</v>
      </c>
      <c r="I4104" s="56">
        <f>Bühler!I4130</f>
        <v>0.39576516102597742</v>
      </c>
      <c r="J4104" s="59">
        <f>Bühler!J4130</f>
        <v>1.3192172034199248</v>
      </c>
      <c r="K4104" s="59">
        <f>Bühler!K4130</f>
        <v>1.978825805129887</v>
      </c>
      <c r="L4104" s="59">
        <f>Bühler!L4130</f>
        <v>9.4983638646234585</v>
      </c>
      <c r="M4104" s="58">
        <f>Bühler!M4130</f>
        <v>0</v>
      </c>
      <c r="N4104" s="56">
        <f>IF(Input!$D$19=1,J4104*Input!$C$19,0)+IF(Input!$D$20=1,K4104*Input!$C$20,0)+IF(Input!$D$21=1,L4104*Input!$C$21,0)+IF(Input!$D$22=1,M4104*Input!$C$22,0)</f>
        <v>0.39576516102597742</v>
      </c>
      <c r="O4104" s="59">
        <f>IF(Input!$D$19=2,J4104*Input!$C$19,0)+IF(Input!$D$20=2,K4104*Input!$C$20,0)+IF(Input!$D$21=2,L4104*Input!$C$21,0)+IF(Input!$D$22=2,M4104*Input!$C$22,0)</f>
        <v>0.98941290256494352</v>
      </c>
      <c r="P4104" s="59">
        <f>IF(Input!$D$19=3,J4104*Input!$C$19,0)+IF(Input!$D$20=3,K4104*Input!$C$20,0)+IF(Input!$D$21=3,L4104*Input!$C$21,0)+IF(Input!$D$22=3,M4104*Input!$C$22,0)</f>
        <v>0</v>
      </c>
      <c r="Q4104" s="75">
        <f>IF(Input!$D$19=4,J4104*Input!$C$19,0)+IF(Input!$D$20=4,K4104*Input!$C$20,0)+IF(Input!$D$21=4,L4104*Input!$C$21,0)+IF(Input!$D$22=4,M4104*Input!$C$22,0)</f>
        <v>0</v>
      </c>
      <c r="R4104" s="58">
        <v>69.49344578081471</v>
      </c>
      <c r="S4104" s="124">
        <f t="shared" si="63"/>
        <v>1.7149823644459021</v>
      </c>
    </row>
    <row r="4105" spans="8:19" x14ac:dyDescent="0.3">
      <c r="H4105" s="44">
        <v>4098</v>
      </c>
      <c r="I4105" s="56">
        <f>Bühler!I4131</f>
        <v>0.39576516102597742</v>
      </c>
      <c r="J4105" s="59">
        <f>Bühler!J4131</f>
        <v>1.3192172034199248</v>
      </c>
      <c r="K4105" s="59">
        <f>Bühler!K4131</f>
        <v>1.978825805129887</v>
      </c>
      <c r="L4105" s="59">
        <f>Bühler!L4131</f>
        <v>9.4983638646234585</v>
      </c>
      <c r="M4105" s="58">
        <f>Bühler!M4131</f>
        <v>0</v>
      </c>
      <c r="N4105" s="56">
        <f>IF(Input!$D$19=1,J4105*Input!$C$19,0)+IF(Input!$D$20=1,K4105*Input!$C$20,0)+IF(Input!$D$21=1,L4105*Input!$C$21,0)+IF(Input!$D$22=1,M4105*Input!$C$22,0)</f>
        <v>0.39576516102597742</v>
      </c>
      <c r="O4105" s="59">
        <f>IF(Input!$D$19=2,J4105*Input!$C$19,0)+IF(Input!$D$20=2,K4105*Input!$C$20,0)+IF(Input!$D$21=2,L4105*Input!$C$21,0)+IF(Input!$D$22=2,M4105*Input!$C$22,0)</f>
        <v>0.98941290256494352</v>
      </c>
      <c r="P4105" s="59">
        <f>IF(Input!$D$19=3,J4105*Input!$C$19,0)+IF(Input!$D$20=3,K4105*Input!$C$20,0)+IF(Input!$D$21=3,L4105*Input!$C$21,0)+IF(Input!$D$22=3,M4105*Input!$C$22,0)</f>
        <v>0</v>
      </c>
      <c r="Q4105" s="75">
        <f>IF(Input!$D$19=4,J4105*Input!$C$19,0)+IF(Input!$D$20=4,K4105*Input!$C$20,0)+IF(Input!$D$21=4,L4105*Input!$C$21,0)+IF(Input!$D$22=4,M4105*Input!$C$22,0)</f>
        <v>0</v>
      </c>
      <c r="R4105" s="58">
        <v>67.852575950772618</v>
      </c>
      <c r="S4105" s="124">
        <f t="shared" ref="S4105:S4168" si="64">I4105+J4105</f>
        <v>1.7149823644459021</v>
      </c>
    </row>
    <row r="4106" spans="8:19" x14ac:dyDescent="0.3">
      <c r="H4106" s="44">
        <v>4099</v>
      </c>
      <c r="I4106" s="56">
        <f>Bühler!I4132</f>
        <v>0.39576516102597742</v>
      </c>
      <c r="J4106" s="59">
        <f>Bühler!J4132</f>
        <v>1.3192172034199248</v>
      </c>
      <c r="K4106" s="59">
        <f>Bühler!K4132</f>
        <v>1.978825805129887</v>
      </c>
      <c r="L4106" s="59">
        <f>Bühler!L4132</f>
        <v>9.4983638646234585</v>
      </c>
      <c r="M4106" s="58">
        <f>Bühler!M4132</f>
        <v>0</v>
      </c>
      <c r="N4106" s="56">
        <f>IF(Input!$D$19=1,J4106*Input!$C$19,0)+IF(Input!$D$20=1,K4106*Input!$C$20,0)+IF(Input!$D$21=1,L4106*Input!$C$21,0)+IF(Input!$D$22=1,M4106*Input!$C$22,0)</f>
        <v>0.39576516102597742</v>
      </c>
      <c r="O4106" s="59">
        <f>IF(Input!$D$19=2,J4106*Input!$C$19,0)+IF(Input!$D$20=2,K4106*Input!$C$20,0)+IF(Input!$D$21=2,L4106*Input!$C$21,0)+IF(Input!$D$22=2,M4106*Input!$C$22,0)</f>
        <v>0.98941290256494352</v>
      </c>
      <c r="P4106" s="59">
        <f>IF(Input!$D$19=3,J4106*Input!$C$19,0)+IF(Input!$D$20=3,K4106*Input!$C$20,0)+IF(Input!$D$21=3,L4106*Input!$C$21,0)+IF(Input!$D$22=3,M4106*Input!$C$22,0)</f>
        <v>0</v>
      </c>
      <c r="Q4106" s="75">
        <f>IF(Input!$D$19=4,J4106*Input!$C$19,0)+IF(Input!$D$20=4,K4106*Input!$C$20,0)+IF(Input!$D$21=4,L4106*Input!$C$21,0)+IF(Input!$D$22=4,M4106*Input!$C$22,0)</f>
        <v>0</v>
      </c>
      <c r="R4106" s="58">
        <v>66.537686678123507</v>
      </c>
      <c r="S4106" s="124">
        <f t="shared" si="64"/>
        <v>1.7149823644459021</v>
      </c>
    </row>
    <row r="4107" spans="8:19" x14ac:dyDescent="0.3">
      <c r="H4107" s="44">
        <v>4100</v>
      </c>
      <c r="I4107" s="56">
        <f>Bühler!I4133</f>
        <v>0.32980430085498125</v>
      </c>
      <c r="J4107" s="59">
        <f>Bühler!J4133</f>
        <v>1.0993476695166042</v>
      </c>
      <c r="K4107" s="59">
        <f>Bühler!K4133</f>
        <v>1.6490215042749061</v>
      </c>
      <c r="L4107" s="59">
        <f>Bühler!L4133</f>
        <v>7.9153032205195499</v>
      </c>
      <c r="M4107" s="58">
        <f>Bühler!M4133</f>
        <v>0</v>
      </c>
      <c r="N4107" s="56">
        <f>IF(Input!$D$19=1,J4107*Input!$C$19,0)+IF(Input!$D$20=1,K4107*Input!$C$20,0)+IF(Input!$D$21=1,L4107*Input!$C$21,0)+IF(Input!$D$22=1,M4107*Input!$C$22,0)</f>
        <v>0.32980430085498125</v>
      </c>
      <c r="O4107" s="59">
        <f>IF(Input!$D$19=2,J4107*Input!$C$19,0)+IF(Input!$D$20=2,K4107*Input!$C$20,0)+IF(Input!$D$21=2,L4107*Input!$C$21,0)+IF(Input!$D$22=2,M4107*Input!$C$22,0)</f>
        <v>0.82451075213745306</v>
      </c>
      <c r="P4107" s="59">
        <f>IF(Input!$D$19=3,J4107*Input!$C$19,0)+IF(Input!$D$20=3,K4107*Input!$C$20,0)+IF(Input!$D$21=3,L4107*Input!$C$21,0)+IF(Input!$D$22=3,M4107*Input!$C$22,0)</f>
        <v>0</v>
      </c>
      <c r="Q4107" s="75">
        <f>IF(Input!$D$19=4,J4107*Input!$C$19,0)+IF(Input!$D$20=4,K4107*Input!$C$20,0)+IF(Input!$D$21=4,L4107*Input!$C$21,0)+IF(Input!$D$22=4,M4107*Input!$C$22,0)</f>
        <v>0</v>
      </c>
      <c r="R4107" s="58">
        <v>65.481101434896473</v>
      </c>
      <c r="S4107" s="124">
        <f t="shared" si="64"/>
        <v>1.4291519703715854</v>
      </c>
    </row>
    <row r="4108" spans="8:19" x14ac:dyDescent="0.3">
      <c r="H4108" s="44">
        <v>4101</v>
      </c>
      <c r="I4108" s="56">
        <f>Bühler!I4134</f>
        <v>0.26384344068398502</v>
      </c>
      <c r="J4108" s="59">
        <f>Bühler!J4134</f>
        <v>0.87947813561328347</v>
      </c>
      <c r="K4108" s="59">
        <f>Bühler!K4134</f>
        <v>1.319217203419925</v>
      </c>
      <c r="L4108" s="59">
        <f>Bühler!L4134</f>
        <v>6.3322425764156405</v>
      </c>
      <c r="M4108" s="58">
        <f>Bühler!M4134</f>
        <v>0</v>
      </c>
      <c r="N4108" s="56">
        <f>IF(Input!$D$19=1,J4108*Input!$C$19,0)+IF(Input!$D$20=1,K4108*Input!$C$20,0)+IF(Input!$D$21=1,L4108*Input!$C$21,0)+IF(Input!$D$22=1,M4108*Input!$C$22,0)</f>
        <v>0.26384344068398502</v>
      </c>
      <c r="O4108" s="59">
        <f>IF(Input!$D$19=2,J4108*Input!$C$19,0)+IF(Input!$D$20=2,K4108*Input!$C$20,0)+IF(Input!$D$21=2,L4108*Input!$C$21,0)+IF(Input!$D$22=2,M4108*Input!$C$22,0)</f>
        <v>0.65960860170996249</v>
      </c>
      <c r="P4108" s="59">
        <f>IF(Input!$D$19=3,J4108*Input!$C$19,0)+IF(Input!$D$20=3,K4108*Input!$C$20,0)+IF(Input!$D$21=3,L4108*Input!$C$21,0)+IF(Input!$D$22=3,M4108*Input!$C$22,0)</f>
        <v>0</v>
      </c>
      <c r="Q4108" s="75">
        <f>IF(Input!$D$19=4,J4108*Input!$C$19,0)+IF(Input!$D$20=4,K4108*Input!$C$20,0)+IF(Input!$D$21=4,L4108*Input!$C$21,0)+IF(Input!$D$22=4,M4108*Input!$C$22,0)</f>
        <v>0</v>
      </c>
      <c r="R4108" s="58">
        <v>63.12083595643805</v>
      </c>
      <c r="S4108" s="124">
        <f t="shared" si="64"/>
        <v>1.1433215762972684</v>
      </c>
    </row>
    <row r="4109" spans="8:19" x14ac:dyDescent="0.3">
      <c r="H4109" s="44">
        <v>4102</v>
      </c>
      <c r="I4109" s="56">
        <f>Bühler!I4135</f>
        <v>0.19788258051298871</v>
      </c>
      <c r="J4109" s="59">
        <f>Bühler!J4135</f>
        <v>0.65960860170996238</v>
      </c>
      <c r="K4109" s="59">
        <f>Bühler!K4135</f>
        <v>0.98941290256494352</v>
      </c>
      <c r="L4109" s="59">
        <f>Bühler!L4135</f>
        <v>4.7491819323117292</v>
      </c>
      <c r="M4109" s="58">
        <f>Bühler!M4135</f>
        <v>0</v>
      </c>
      <c r="N4109" s="56">
        <f>IF(Input!$D$19=1,J4109*Input!$C$19,0)+IF(Input!$D$20=1,K4109*Input!$C$20,0)+IF(Input!$D$21=1,L4109*Input!$C$21,0)+IF(Input!$D$22=1,M4109*Input!$C$22,0)</f>
        <v>0.19788258051298871</v>
      </c>
      <c r="O4109" s="59">
        <f>IF(Input!$D$19=2,J4109*Input!$C$19,0)+IF(Input!$D$20=2,K4109*Input!$C$20,0)+IF(Input!$D$21=2,L4109*Input!$C$21,0)+IF(Input!$D$22=2,M4109*Input!$C$22,0)</f>
        <v>0.49470645128247176</v>
      </c>
      <c r="P4109" s="59">
        <f>IF(Input!$D$19=3,J4109*Input!$C$19,0)+IF(Input!$D$20=3,K4109*Input!$C$20,0)+IF(Input!$D$21=3,L4109*Input!$C$21,0)+IF(Input!$D$22=3,M4109*Input!$C$22,0)</f>
        <v>0</v>
      </c>
      <c r="Q4109" s="75">
        <f>IF(Input!$D$19=4,J4109*Input!$C$19,0)+IF(Input!$D$20=4,K4109*Input!$C$20,0)+IF(Input!$D$21=4,L4109*Input!$C$21,0)+IF(Input!$D$22=4,M4109*Input!$C$22,0)</f>
        <v>0</v>
      </c>
      <c r="R4109" s="58">
        <v>61.225617404050048</v>
      </c>
      <c r="S4109" s="124">
        <f t="shared" si="64"/>
        <v>0.85749118222295106</v>
      </c>
    </row>
    <row r="4110" spans="8:19" x14ac:dyDescent="0.3">
      <c r="H4110" s="44">
        <v>4103</v>
      </c>
      <c r="I4110" s="56">
        <f>Bühler!I4136</f>
        <v>0.19788258051298871</v>
      </c>
      <c r="J4110" s="59">
        <f>Bühler!J4136</f>
        <v>0.65960860170996238</v>
      </c>
      <c r="K4110" s="59">
        <f>Bühler!K4136</f>
        <v>0.98941290256494352</v>
      </c>
      <c r="L4110" s="59">
        <f>Bühler!L4136</f>
        <v>4.7491819323117292</v>
      </c>
      <c r="M4110" s="58">
        <f>Bühler!M4136</f>
        <v>0</v>
      </c>
      <c r="N4110" s="56">
        <f>IF(Input!$D$19=1,J4110*Input!$C$19,0)+IF(Input!$D$20=1,K4110*Input!$C$20,0)+IF(Input!$D$21=1,L4110*Input!$C$21,0)+IF(Input!$D$22=1,M4110*Input!$C$22,0)</f>
        <v>0.19788258051298871</v>
      </c>
      <c r="O4110" s="59">
        <f>IF(Input!$D$19=2,J4110*Input!$C$19,0)+IF(Input!$D$20=2,K4110*Input!$C$20,0)+IF(Input!$D$21=2,L4110*Input!$C$21,0)+IF(Input!$D$22=2,M4110*Input!$C$22,0)</f>
        <v>0.49470645128247176</v>
      </c>
      <c r="P4110" s="59">
        <f>IF(Input!$D$19=3,J4110*Input!$C$19,0)+IF(Input!$D$20=3,K4110*Input!$C$20,0)+IF(Input!$D$21=3,L4110*Input!$C$21,0)+IF(Input!$D$22=3,M4110*Input!$C$22,0)</f>
        <v>0</v>
      </c>
      <c r="Q4110" s="75">
        <f>IF(Input!$D$19=4,J4110*Input!$C$19,0)+IF(Input!$D$20=4,K4110*Input!$C$20,0)+IF(Input!$D$21=4,L4110*Input!$C$21,0)+IF(Input!$D$22=4,M4110*Input!$C$22,0)</f>
        <v>0</v>
      </c>
      <c r="R4110" s="58">
        <v>60.416042068417489</v>
      </c>
      <c r="S4110" s="124">
        <f t="shared" si="64"/>
        <v>0.85749118222295106</v>
      </c>
    </row>
    <row r="4111" spans="8:19" x14ac:dyDescent="0.3">
      <c r="H4111" s="44">
        <v>4104</v>
      </c>
      <c r="I4111" s="56">
        <f>Bühler!I4137</f>
        <v>0.19788258051298871</v>
      </c>
      <c r="J4111" s="59">
        <f>Bühler!J4137</f>
        <v>0.65960860170996238</v>
      </c>
      <c r="K4111" s="59">
        <f>Bühler!K4137</f>
        <v>0.98941290256494352</v>
      </c>
      <c r="L4111" s="59">
        <f>Bühler!L4137</f>
        <v>4.7491819323117292</v>
      </c>
      <c r="M4111" s="58">
        <f>Bühler!M4137</f>
        <v>0</v>
      </c>
      <c r="N4111" s="56">
        <f>IF(Input!$D$19=1,J4111*Input!$C$19,0)+IF(Input!$D$20=1,K4111*Input!$C$20,0)+IF(Input!$D$21=1,L4111*Input!$C$21,0)+IF(Input!$D$22=1,M4111*Input!$C$22,0)</f>
        <v>0.19788258051298871</v>
      </c>
      <c r="O4111" s="59">
        <f>IF(Input!$D$19=2,J4111*Input!$C$19,0)+IF(Input!$D$20=2,K4111*Input!$C$20,0)+IF(Input!$D$21=2,L4111*Input!$C$21,0)+IF(Input!$D$22=2,M4111*Input!$C$22,0)</f>
        <v>0.49470645128247176</v>
      </c>
      <c r="P4111" s="59">
        <f>IF(Input!$D$19=3,J4111*Input!$C$19,0)+IF(Input!$D$20=3,K4111*Input!$C$20,0)+IF(Input!$D$21=3,L4111*Input!$C$21,0)+IF(Input!$D$22=3,M4111*Input!$C$22,0)</f>
        <v>0</v>
      </c>
      <c r="Q4111" s="75">
        <f>IF(Input!$D$19=4,J4111*Input!$C$19,0)+IF(Input!$D$20=4,K4111*Input!$C$20,0)+IF(Input!$D$21=4,L4111*Input!$C$21,0)+IF(Input!$D$22=4,M4111*Input!$C$22,0)</f>
        <v>0</v>
      </c>
      <c r="R4111" s="58">
        <v>60.165206324053344</v>
      </c>
      <c r="S4111" s="124">
        <f t="shared" si="64"/>
        <v>0.85749118222295106</v>
      </c>
    </row>
    <row r="4112" spans="8:19" x14ac:dyDescent="0.3">
      <c r="H4112" s="44">
        <v>4105</v>
      </c>
      <c r="I4112" s="56">
        <f>Bühler!I4138</f>
        <v>0.19603586299930897</v>
      </c>
      <c r="J4112" s="59">
        <f>Bühler!J4138</f>
        <v>0.65345287666436336</v>
      </c>
      <c r="K4112" s="59">
        <f>Bühler!K4138</f>
        <v>0.98017931499654487</v>
      </c>
      <c r="L4112" s="59">
        <f>Bühler!L4138</f>
        <v>4.7048607119834154</v>
      </c>
      <c r="M4112" s="58">
        <f>Bühler!M4138</f>
        <v>0</v>
      </c>
      <c r="N4112" s="56">
        <f>IF(Input!$D$19=1,J4112*Input!$C$19,0)+IF(Input!$D$20=1,K4112*Input!$C$20,0)+IF(Input!$D$21=1,L4112*Input!$C$21,0)+IF(Input!$D$22=1,M4112*Input!$C$22,0)</f>
        <v>0.196035862999309</v>
      </c>
      <c r="O4112" s="59">
        <f>IF(Input!$D$19=2,J4112*Input!$C$19,0)+IF(Input!$D$20=2,K4112*Input!$C$20,0)+IF(Input!$D$21=2,L4112*Input!$C$21,0)+IF(Input!$D$22=2,M4112*Input!$C$22,0)</f>
        <v>0.49008965749827244</v>
      </c>
      <c r="P4112" s="59">
        <f>IF(Input!$D$19=3,J4112*Input!$C$19,0)+IF(Input!$D$20=3,K4112*Input!$C$20,0)+IF(Input!$D$21=3,L4112*Input!$C$21,0)+IF(Input!$D$22=3,M4112*Input!$C$22,0)</f>
        <v>0</v>
      </c>
      <c r="Q4112" s="75">
        <f>IF(Input!$D$19=4,J4112*Input!$C$19,0)+IF(Input!$D$20=4,K4112*Input!$C$20,0)+IF(Input!$D$21=4,L4112*Input!$C$21,0)+IF(Input!$D$22=4,M4112*Input!$C$22,0)</f>
        <v>0</v>
      </c>
      <c r="R4112" s="58">
        <v>59.246809185394589</v>
      </c>
      <c r="S4112" s="124">
        <f t="shared" si="64"/>
        <v>0.84948873966367233</v>
      </c>
    </row>
    <row r="4113" spans="8:19" x14ac:dyDescent="0.3">
      <c r="H4113" s="44">
        <v>4106</v>
      </c>
      <c r="I4113" s="56">
        <f>Bühler!I4139</f>
        <v>0.19603586299930897</v>
      </c>
      <c r="J4113" s="59">
        <f>Bühler!J4139</f>
        <v>0.65345287666436336</v>
      </c>
      <c r="K4113" s="59">
        <f>Bühler!K4139</f>
        <v>0.98017931499654487</v>
      </c>
      <c r="L4113" s="59">
        <f>Bühler!L4139</f>
        <v>4.7048607119834154</v>
      </c>
      <c r="M4113" s="58">
        <f>Bühler!M4139</f>
        <v>0</v>
      </c>
      <c r="N4113" s="56">
        <f>IF(Input!$D$19=1,J4113*Input!$C$19,0)+IF(Input!$D$20=1,K4113*Input!$C$20,0)+IF(Input!$D$21=1,L4113*Input!$C$21,0)+IF(Input!$D$22=1,M4113*Input!$C$22,0)</f>
        <v>0.196035862999309</v>
      </c>
      <c r="O4113" s="59">
        <f>IF(Input!$D$19=2,J4113*Input!$C$19,0)+IF(Input!$D$20=2,K4113*Input!$C$20,0)+IF(Input!$D$21=2,L4113*Input!$C$21,0)+IF(Input!$D$22=2,M4113*Input!$C$22,0)</f>
        <v>0.49008965749827244</v>
      </c>
      <c r="P4113" s="59">
        <f>IF(Input!$D$19=3,J4113*Input!$C$19,0)+IF(Input!$D$20=3,K4113*Input!$C$20,0)+IF(Input!$D$21=3,L4113*Input!$C$21,0)+IF(Input!$D$22=3,M4113*Input!$C$22,0)</f>
        <v>0</v>
      </c>
      <c r="Q4113" s="75">
        <f>IF(Input!$D$19=4,J4113*Input!$C$19,0)+IF(Input!$D$20=4,K4113*Input!$C$20,0)+IF(Input!$D$21=4,L4113*Input!$C$21,0)+IF(Input!$D$22=4,M4113*Input!$C$22,0)</f>
        <v>0</v>
      </c>
      <c r="R4113" s="58">
        <v>58.641979302607282</v>
      </c>
      <c r="S4113" s="124">
        <f t="shared" si="64"/>
        <v>0.84948873966367233</v>
      </c>
    </row>
    <row r="4114" spans="8:19" x14ac:dyDescent="0.3">
      <c r="H4114" s="44">
        <v>4107</v>
      </c>
      <c r="I4114" s="56">
        <f>Bühler!I4140</f>
        <v>0.19603586299930897</v>
      </c>
      <c r="J4114" s="59">
        <f>Bühler!J4140</f>
        <v>0.65345287666436336</v>
      </c>
      <c r="K4114" s="59">
        <f>Bühler!K4140</f>
        <v>0.98017931499654487</v>
      </c>
      <c r="L4114" s="59">
        <f>Bühler!L4140</f>
        <v>4.7048607119834154</v>
      </c>
      <c r="M4114" s="58">
        <f>Bühler!M4140</f>
        <v>0</v>
      </c>
      <c r="N4114" s="56">
        <f>IF(Input!$D$19=1,J4114*Input!$C$19,0)+IF(Input!$D$20=1,K4114*Input!$C$20,0)+IF(Input!$D$21=1,L4114*Input!$C$21,0)+IF(Input!$D$22=1,M4114*Input!$C$22,0)</f>
        <v>0.196035862999309</v>
      </c>
      <c r="O4114" s="59">
        <f>IF(Input!$D$19=2,J4114*Input!$C$19,0)+IF(Input!$D$20=2,K4114*Input!$C$20,0)+IF(Input!$D$21=2,L4114*Input!$C$21,0)+IF(Input!$D$22=2,M4114*Input!$C$22,0)</f>
        <v>0.49008965749827244</v>
      </c>
      <c r="P4114" s="59">
        <f>IF(Input!$D$19=3,J4114*Input!$C$19,0)+IF(Input!$D$20=3,K4114*Input!$C$20,0)+IF(Input!$D$21=3,L4114*Input!$C$21,0)+IF(Input!$D$22=3,M4114*Input!$C$22,0)</f>
        <v>0</v>
      </c>
      <c r="Q4114" s="75">
        <f>IF(Input!$D$19=4,J4114*Input!$C$19,0)+IF(Input!$D$20=4,K4114*Input!$C$20,0)+IF(Input!$D$21=4,L4114*Input!$C$21,0)+IF(Input!$D$22=4,M4114*Input!$C$22,0)</f>
        <v>0</v>
      </c>
      <c r="R4114" s="58">
        <v>58.925741183723297</v>
      </c>
      <c r="S4114" s="124">
        <f t="shared" si="64"/>
        <v>0.84948873966367233</v>
      </c>
    </row>
    <row r="4115" spans="8:19" x14ac:dyDescent="0.3">
      <c r="H4115" s="44">
        <v>4108</v>
      </c>
      <c r="I4115" s="56">
        <f>Bühler!I4141</f>
        <v>0.19603586299930897</v>
      </c>
      <c r="J4115" s="59">
        <f>Bühler!J4141</f>
        <v>0.65345287666436336</v>
      </c>
      <c r="K4115" s="59">
        <f>Bühler!K4141</f>
        <v>0.98017931499654487</v>
      </c>
      <c r="L4115" s="59">
        <f>Bühler!L4141</f>
        <v>4.7048607119834154</v>
      </c>
      <c r="M4115" s="58">
        <f>Bühler!M4141</f>
        <v>0</v>
      </c>
      <c r="N4115" s="56">
        <f>IF(Input!$D$19=1,J4115*Input!$C$19,0)+IF(Input!$D$20=1,K4115*Input!$C$20,0)+IF(Input!$D$21=1,L4115*Input!$C$21,0)+IF(Input!$D$22=1,M4115*Input!$C$22,0)</f>
        <v>0.196035862999309</v>
      </c>
      <c r="O4115" s="59">
        <f>IF(Input!$D$19=2,J4115*Input!$C$19,0)+IF(Input!$D$20=2,K4115*Input!$C$20,0)+IF(Input!$D$21=2,L4115*Input!$C$21,0)+IF(Input!$D$22=2,M4115*Input!$C$22,0)</f>
        <v>0.49008965749827244</v>
      </c>
      <c r="P4115" s="59">
        <f>IF(Input!$D$19=3,J4115*Input!$C$19,0)+IF(Input!$D$20=3,K4115*Input!$C$20,0)+IF(Input!$D$21=3,L4115*Input!$C$21,0)+IF(Input!$D$22=3,M4115*Input!$C$22,0)</f>
        <v>0</v>
      </c>
      <c r="Q4115" s="75">
        <f>IF(Input!$D$19=4,J4115*Input!$C$19,0)+IF(Input!$D$20=4,K4115*Input!$C$20,0)+IF(Input!$D$21=4,L4115*Input!$C$21,0)+IF(Input!$D$22=4,M4115*Input!$C$22,0)</f>
        <v>0</v>
      </c>
      <c r="R4115" s="58">
        <v>59.418150769590447</v>
      </c>
      <c r="S4115" s="124">
        <f t="shared" si="64"/>
        <v>0.84948873966367233</v>
      </c>
    </row>
    <row r="4116" spans="8:19" x14ac:dyDescent="0.3">
      <c r="H4116" s="44">
        <v>4109</v>
      </c>
      <c r="I4116" s="56">
        <f>Bühler!I4142</f>
        <v>0.19603586299930897</v>
      </c>
      <c r="J4116" s="59">
        <f>Bühler!J4142</f>
        <v>0.65345287666436336</v>
      </c>
      <c r="K4116" s="59">
        <f>Bühler!K4142</f>
        <v>0.98017931499654487</v>
      </c>
      <c r="L4116" s="59">
        <f>Bühler!L4142</f>
        <v>4.7048607119834154</v>
      </c>
      <c r="M4116" s="58">
        <f>Bühler!M4142</f>
        <v>0</v>
      </c>
      <c r="N4116" s="56">
        <f>IF(Input!$D$19=1,J4116*Input!$C$19,0)+IF(Input!$D$20=1,K4116*Input!$C$20,0)+IF(Input!$D$21=1,L4116*Input!$C$21,0)+IF(Input!$D$22=1,M4116*Input!$C$22,0)</f>
        <v>0.196035862999309</v>
      </c>
      <c r="O4116" s="59">
        <f>IF(Input!$D$19=2,J4116*Input!$C$19,0)+IF(Input!$D$20=2,K4116*Input!$C$20,0)+IF(Input!$D$21=2,L4116*Input!$C$21,0)+IF(Input!$D$22=2,M4116*Input!$C$22,0)</f>
        <v>0.49008965749827244</v>
      </c>
      <c r="P4116" s="59">
        <f>IF(Input!$D$19=3,J4116*Input!$C$19,0)+IF(Input!$D$20=3,K4116*Input!$C$20,0)+IF(Input!$D$21=3,L4116*Input!$C$21,0)+IF(Input!$D$22=3,M4116*Input!$C$22,0)</f>
        <v>0</v>
      </c>
      <c r="Q4116" s="75">
        <f>IF(Input!$D$19=4,J4116*Input!$C$19,0)+IF(Input!$D$20=4,K4116*Input!$C$20,0)+IF(Input!$D$21=4,L4116*Input!$C$21,0)+IF(Input!$D$22=4,M4116*Input!$C$22,0)</f>
        <v>0</v>
      </c>
      <c r="R4116" s="58">
        <v>60.81024614179951</v>
      </c>
      <c r="S4116" s="124">
        <f t="shared" si="64"/>
        <v>0.84948873966367233</v>
      </c>
    </row>
    <row r="4117" spans="8:19" x14ac:dyDescent="0.3">
      <c r="H4117" s="44">
        <v>4110</v>
      </c>
      <c r="I4117" s="56">
        <f>Bühler!I4143</f>
        <v>0.25266844564355373</v>
      </c>
      <c r="J4117" s="59">
        <f>Bühler!J4143</f>
        <v>0.84222815214517921</v>
      </c>
      <c r="K4117" s="59">
        <f>Bühler!K4143</f>
        <v>1.2633422282177686</v>
      </c>
      <c r="L4117" s="59">
        <f>Bühler!L4143</f>
        <v>6.0640426954452895</v>
      </c>
      <c r="M4117" s="58">
        <f>Bühler!M4143</f>
        <v>0</v>
      </c>
      <c r="N4117" s="56">
        <f>IF(Input!$D$19=1,J4117*Input!$C$19,0)+IF(Input!$D$20=1,K4117*Input!$C$20,0)+IF(Input!$D$21=1,L4117*Input!$C$21,0)+IF(Input!$D$22=1,M4117*Input!$C$22,0)</f>
        <v>0.25266844564355373</v>
      </c>
      <c r="O4117" s="59">
        <f>IF(Input!$D$19=2,J4117*Input!$C$19,0)+IF(Input!$D$20=2,K4117*Input!$C$20,0)+IF(Input!$D$21=2,L4117*Input!$C$21,0)+IF(Input!$D$22=2,M4117*Input!$C$22,0)</f>
        <v>0.63167111410888432</v>
      </c>
      <c r="P4117" s="59">
        <f>IF(Input!$D$19=3,J4117*Input!$C$19,0)+IF(Input!$D$20=3,K4117*Input!$C$20,0)+IF(Input!$D$21=3,L4117*Input!$C$21,0)+IF(Input!$D$22=3,M4117*Input!$C$22,0)</f>
        <v>0</v>
      </c>
      <c r="Q4117" s="75">
        <f>IF(Input!$D$19=4,J4117*Input!$C$19,0)+IF(Input!$D$20=4,K4117*Input!$C$20,0)+IF(Input!$D$21=4,L4117*Input!$C$21,0)+IF(Input!$D$22=4,M4117*Input!$C$22,0)</f>
        <v>0</v>
      </c>
      <c r="R4117" s="58">
        <v>63.460463853115655</v>
      </c>
      <c r="S4117" s="124">
        <f t="shared" si="64"/>
        <v>1.0948965977887331</v>
      </c>
    </row>
    <row r="4118" spans="8:19" x14ac:dyDescent="0.3">
      <c r="H4118" s="44">
        <v>4111</v>
      </c>
      <c r="I4118" s="56">
        <f>Bühler!I4144</f>
        <v>0.29187561824341557</v>
      </c>
      <c r="J4118" s="59">
        <f>Bühler!J4144</f>
        <v>0.97291872747805197</v>
      </c>
      <c r="K4118" s="59">
        <f>Bühler!K4144</f>
        <v>1.459378091217078</v>
      </c>
      <c r="L4118" s="59">
        <f>Bühler!L4144</f>
        <v>7.0050148378419737</v>
      </c>
      <c r="M4118" s="58">
        <f>Bühler!M4144</f>
        <v>0</v>
      </c>
      <c r="N4118" s="56">
        <f>IF(Input!$D$19=1,J4118*Input!$C$19,0)+IF(Input!$D$20=1,K4118*Input!$C$20,0)+IF(Input!$D$21=1,L4118*Input!$C$21,0)+IF(Input!$D$22=1,M4118*Input!$C$22,0)</f>
        <v>0.29187561824341557</v>
      </c>
      <c r="O4118" s="59">
        <f>IF(Input!$D$19=2,J4118*Input!$C$19,0)+IF(Input!$D$20=2,K4118*Input!$C$20,0)+IF(Input!$D$21=2,L4118*Input!$C$21,0)+IF(Input!$D$22=2,M4118*Input!$C$22,0)</f>
        <v>0.72968904560853898</v>
      </c>
      <c r="P4118" s="59">
        <f>IF(Input!$D$19=3,J4118*Input!$C$19,0)+IF(Input!$D$20=3,K4118*Input!$C$20,0)+IF(Input!$D$21=3,L4118*Input!$C$21,0)+IF(Input!$D$22=3,M4118*Input!$C$22,0)</f>
        <v>0</v>
      </c>
      <c r="Q4118" s="75">
        <f>IF(Input!$D$19=4,J4118*Input!$C$19,0)+IF(Input!$D$20=4,K4118*Input!$C$20,0)+IF(Input!$D$21=4,L4118*Input!$C$21,0)+IF(Input!$D$22=4,M4118*Input!$C$22,0)</f>
        <v>0</v>
      </c>
      <c r="R4118" s="58">
        <v>66.227646855561147</v>
      </c>
      <c r="S4118" s="124">
        <f t="shared" si="64"/>
        <v>1.2647943457214676</v>
      </c>
    </row>
    <row r="4119" spans="8:19" x14ac:dyDescent="0.3">
      <c r="H4119" s="44">
        <v>4112</v>
      </c>
      <c r="I4119" s="56">
        <f>Bühler!I4145</f>
        <v>0.29187561824341557</v>
      </c>
      <c r="J4119" s="59">
        <f>Bühler!J4145</f>
        <v>0.97291872747805197</v>
      </c>
      <c r="K4119" s="59">
        <f>Bühler!K4145</f>
        <v>1.459378091217078</v>
      </c>
      <c r="L4119" s="59">
        <f>Bühler!L4145</f>
        <v>7.0050148378419737</v>
      </c>
      <c r="M4119" s="58">
        <f>Bühler!M4145</f>
        <v>0</v>
      </c>
      <c r="N4119" s="56">
        <f>IF(Input!$D$19=1,J4119*Input!$C$19,0)+IF(Input!$D$20=1,K4119*Input!$C$20,0)+IF(Input!$D$21=1,L4119*Input!$C$21,0)+IF(Input!$D$22=1,M4119*Input!$C$22,0)</f>
        <v>0.29187561824341557</v>
      </c>
      <c r="O4119" s="59">
        <f>IF(Input!$D$19=2,J4119*Input!$C$19,0)+IF(Input!$D$20=2,K4119*Input!$C$20,0)+IF(Input!$D$21=2,L4119*Input!$C$21,0)+IF(Input!$D$22=2,M4119*Input!$C$22,0)</f>
        <v>0.72968904560853898</v>
      </c>
      <c r="P4119" s="59">
        <f>IF(Input!$D$19=3,J4119*Input!$C$19,0)+IF(Input!$D$20=3,K4119*Input!$C$20,0)+IF(Input!$D$21=3,L4119*Input!$C$21,0)+IF(Input!$D$22=3,M4119*Input!$C$22,0)</f>
        <v>0</v>
      </c>
      <c r="Q4119" s="75">
        <f>IF(Input!$D$19=4,J4119*Input!$C$19,0)+IF(Input!$D$20=4,K4119*Input!$C$20,0)+IF(Input!$D$21=4,L4119*Input!$C$21,0)+IF(Input!$D$22=4,M4119*Input!$C$22,0)</f>
        <v>0</v>
      </c>
      <c r="R4119" s="58">
        <v>68.851656666101263</v>
      </c>
      <c r="S4119" s="124">
        <f t="shared" si="64"/>
        <v>1.2647943457214676</v>
      </c>
    </row>
    <row r="4120" spans="8:19" x14ac:dyDescent="0.3">
      <c r="H4120" s="44">
        <v>4113</v>
      </c>
      <c r="I4120" s="56">
        <f>Bühler!I4146</f>
        <v>0.29187561824341557</v>
      </c>
      <c r="J4120" s="59">
        <f>Bühler!J4146</f>
        <v>0.97291872747805197</v>
      </c>
      <c r="K4120" s="59">
        <f>Bühler!K4146</f>
        <v>1.459378091217078</v>
      </c>
      <c r="L4120" s="59">
        <f>Bühler!L4146</f>
        <v>7.0050148378419737</v>
      </c>
      <c r="M4120" s="58">
        <f>Bühler!M4146</f>
        <v>0</v>
      </c>
      <c r="N4120" s="56">
        <f>IF(Input!$D$19=1,J4120*Input!$C$19,0)+IF(Input!$D$20=1,K4120*Input!$C$20,0)+IF(Input!$D$21=1,L4120*Input!$C$21,0)+IF(Input!$D$22=1,M4120*Input!$C$22,0)</f>
        <v>0.29187561824341557</v>
      </c>
      <c r="O4120" s="59">
        <f>IF(Input!$D$19=2,J4120*Input!$C$19,0)+IF(Input!$D$20=2,K4120*Input!$C$20,0)+IF(Input!$D$21=2,L4120*Input!$C$21,0)+IF(Input!$D$22=2,M4120*Input!$C$22,0)</f>
        <v>0.72968904560853898</v>
      </c>
      <c r="P4120" s="59">
        <f>IF(Input!$D$19=3,J4120*Input!$C$19,0)+IF(Input!$D$20=3,K4120*Input!$C$20,0)+IF(Input!$D$21=3,L4120*Input!$C$21,0)+IF(Input!$D$22=3,M4120*Input!$C$22,0)</f>
        <v>0</v>
      </c>
      <c r="Q4120" s="75">
        <f>IF(Input!$D$19=4,J4120*Input!$C$19,0)+IF(Input!$D$20=4,K4120*Input!$C$20,0)+IF(Input!$D$21=4,L4120*Input!$C$21,0)+IF(Input!$D$22=4,M4120*Input!$C$22,0)</f>
        <v>0</v>
      </c>
      <c r="R4120" s="58">
        <v>69.892449768201971</v>
      </c>
      <c r="S4120" s="124">
        <f t="shared" si="64"/>
        <v>1.2647943457214676</v>
      </c>
    </row>
    <row r="4121" spans="8:19" x14ac:dyDescent="0.3">
      <c r="H4121" s="44">
        <v>4114</v>
      </c>
      <c r="I4121" s="56">
        <f>Bühler!I4147</f>
        <v>0.31365738079889433</v>
      </c>
      <c r="J4121" s="59">
        <f>Bühler!J4147</f>
        <v>1.0455246026629812</v>
      </c>
      <c r="K4121" s="59">
        <f>Bühler!K4147</f>
        <v>1.5682869039944718</v>
      </c>
      <c r="L4121" s="59">
        <f>Bühler!L4147</f>
        <v>7.5277771391734642</v>
      </c>
      <c r="M4121" s="58">
        <f>Bühler!M4147</f>
        <v>0</v>
      </c>
      <c r="N4121" s="56">
        <f>IF(Input!$D$19=1,J4121*Input!$C$19,0)+IF(Input!$D$20=1,K4121*Input!$C$20,0)+IF(Input!$D$21=1,L4121*Input!$C$21,0)+IF(Input!$D$22=1,M4121*Input!$C$22,0)</f>
        <v>0.31365738079889433</v>
      </c>
      <c r="O4121" s="59">
        <f>IF(Input!$D$19=2,J4121*Input!$C$19,0)+IF(Input!$D$20=2,K4121*Input!$C$20,0)+IF(Input!$D$21=2,L4121*Input!$C$21,0)+IF(Input!$D$22=2,M4121*Input!$C$22,0)</f>
        <v>0.7841434519972359</v>
      </c>
      <c r="P4121" s="59">
        <f>IF(Input!$D$19=3,J4121*Input!$C$19,0)+IF(Input!$D$20=3,K4121*Input!$C$20,0)+IF(Input!$D$21=3,L4121*Input!$C$21,0)+IF(Input!$D$22=3,M4121*Input!$C$22,0)</f>
        <v>0</v>
      </c>
      <c r="Q4121" s="75">
        <f>IF(Input!$D$19=4,J4121*Input!$C$19,0)+IF(Input!$D$20=4,K4121*Input!$C$20,0)+IF(Input!$D$21=4,L4121*Input!$C$21,0)+IF(Input!$D$22=4,M4121*Input!$C$22,0)</f>
        <v>0</v>
      </c>
      <c r="R4121" s="58">
        <v>70.63677469759719</v>
      </c>
      <c r="S4121" s="124">
        <f t="shared" si="64"/>
        <v>1.3591819834618755</v>
      </c>
    </row>
    <row r="4122" spans="8:19" x14ac:dyDescent="0.3">
      <c r="H4122" s="44">
        <v>4115</v>
      </c>
      <c r="I4122" s="56">
        <f>Bühler!I4148</f>
        <v>0.33979549586546887</v>
      </c>
      <c r="J4122" s="59">
        <f>Bühler!J4148</f>
        <v>1.1326516528848962</v>
      </c>
      <c r="K4122" s="59">
        <f>Bühler!K4148</f>
        <v>1.6989774793273444</v>
      </c>
      <c r="L4122" s="59">
        <f>Bühler!L4148</f>
        <v>8.1550919007712537</v>
      </c>
      <c r="M4122" s="58">
        <f>Bühler!M4148</f>
        <v>0</v>
      </c>
      <c r="N4122" s="56">
        <f>IF(Input!$D$19=1,J4122*Input!$C$19,0)+IF(Input!$D$20=1,K4122*Input!$C$20,0)+IF(Input!$D$21=1,L4122*Input!$C$21,0)+IF(Input!$D$22=1,M4122*Input!$C$22,0)</f>
        <v>0.33979549586546887</v>
      </c>
      <c r="O4122" s="59">
        <f>IF(Input!$D$19=2,J4122*Input!$C$19,0)+IF(Input!$D$20=2,K4122*Input!$C$20,0)+IF(Input!$D$21=2,L4122*Input!$C$21,0)+IF(Input!$D$22=2,M4122*Input!$C$22,0)</f>
        <v>0.84948873966367222</v>
      </c>
      <c r="P4122" s="59">
        <f>IF(Input!$D$19=3,J4122*Input!$C$19,0)+IF(Input!$D$20=3,K4122*Input!$C$20,0)+IF(Input!$D$21=3,L4122*Input!$C$21,0)+IF(Input!$D$22=3,M4122*Input!$C$22,0)</f>
        <v>0</v>
      </c>
      <c r="Q4122" s="75">
        <f>IF(Input!$D$19=4,J4122*Input!$C$19,0)+IF(Input!$D$20=4,K4122*Input!$C$20,0)+IF(Input!$D$21=4,L4122*Input!$C$21,0)+IF(Input!$D$22=4,M4122*Input!$C$22,0)</f>
        <v>0</v>
      </c>
      <c r="R4122" s="58">
        <v>71.052680610822577</v>
      </c>
      <c r="S4122" s="124">
        <f t="shared" si="64"/>
        <v>1.4724471487503652</v>
      </c>
    </row>
    <row r="4123" spans="8:19" x14ac:dyDescent="0.3">
      <c r="H4123" s="44">
        <v>4116</v>
      </c>
      <c r="I4123" s="56">
        <f>Bühler!I4149</f>
        <v>0.39207172599861795</v>
      </c>
      <c r="J4123" s="59">
        <f>Bühler!J4149</f>
        <v>1.3069057533287267</v>
      </c>
      <c r="K4123" s="59">
        <f>Bühler!K4149</f>
        <v>1.9603586299930897</v>
      </c>
      <c r="L4123" s="59">
        <f>Bühler!L4149</f>
        <v>9.4097214239668308</v>
      </c>
      <c r="M4123" s="58">
        <f>Bühler!M4149</f>
        <v>0</v>
      </c>
      <c r="N4123" s="56">
        <f>IF(Input!$D$19=1,J4123*Input!$C$19,0)+IF(Input!$D$20=1,K4123*Input!$C$20,0)+IF(Input!$D$21=1,L4123*Input!$C$21,0)+IF(Input!$D$22=1,M4123*Input!$C$22,0)</f>
        <v>0.392071725998618</v>
      </c>
      <c r="O4123" s="59">
        <f>IF(Input!$D$19=2,J4123*Input!$C$19,0)+IF(Input!$D$20=2,K4123*Input!$C$20,0)+IF(Input!$D$21=2,L4123*Input!$C$21,0)+IF(Input!$D$22=2,M4123*Input!$C$22,0)</f>
        <v>0.98017931499654487</v>
      </c>
      <c r="P4123" s="59">
        <f>IF(Input!$D$19=3,J4123*Input!$C$19,0)+IF(Input!$D$20=3,K4123*Input!$C$20,0)+IF(Input!$D$21=3,L4123*Input!$C$21,0)+IF(Input!$D$22=3,M4123*Input!$C$22,0)</f>
        <v>0</v>
      </c>
      <c r="Q4123" s="75">
        <f>IF(Input!$D$19=4,J4123*Input!$C$19,0)+IF(Input!$D$20=4,K4123*Input!$C$20,0)+IF(Input!$D$21=4,L4123*Input!$C$21,0)+IF(Input!$D$22=4,M4123*Input!$C$22,0)</f>
        <v>0</v>
      </c>
      <c r="R4123" s="58">
        <v>71.698367740873778</v>
      </c>
      <c r="S4123" s="124">
        <f t="shared" si="64"/>
        <v>1.6989774793273447</v>
      </c>
    </row>
    <row r="4124" spans="8:19" x14ac:dyDescent="0.3">
      <c r="H4124" s="44">
        <v>4117</v>
      </c>
      <c r="I4124" s="56">
        <f>Bühler!I4150</f>
        <v>0.39207172599861795</v>
      </c>
      <c r="J4124" s="59">
        <f>Bühler!J4150</f>
        <v>1.3069057533287267</v>
      </c>
      <c r="K4124" s="59">
        <f>Bühler!K4150</f>
        <v>1.9603586299930897</v>
      </c>
      <c r="L4124" s="59">
        <f>Bühler!L4150</f>
        <v>9.4097214239668308</v>
      </c>
      <c r="M4124" s="58">
        <f>Bühler!M4150</f>
        <v>0</v>
      </c>
      <c r="N4124" s="56">
        <f>IF(Input!$D$19=1,J4124*Input!$C$19,0)+IF(Input!$D$20=1,K4124*Input!$C$20,0)+IF(Input!$D$21=1,L4124*Input!$C$21,0)+IF(Input!$D$22=1,M4124*Input!$C$22,0)</f>
        <v>0.392071725998618</v>
      </c>
      <c r="O4124" s="59">
        <f>IF(Input!$D$19=2,J4124*Input!$C$19,0)+IF(Input!$D$20=2,K4124*Input!$C$20,0)+IF(Input!$D$21=2,L4124*Input!$C$21,0)+IF(Input!$D$22=2,M4124*Input!$C$22,0)</f>
        <v>0.98017931499654487</v>
      </c>
      <c r="P4124" s="59">
        <f>IF(Input!$D$19=3,J4124*Input!$C$19,0)+IF(Input!$D$20=3,K4124*Input!$C$20,0)+IF(Input!$D$21=3,L4124*Input!$C$21,0)+IF(Input!$D$22=3,M4124*Input!$C$22,0)</f>
        <v>0</v>
      </c>
      <c r="Q4124" s="75">
        <f>IF(Input!$D$19=4,J4124*Input!$C$19,0)+IF(Input!$D$20=4,K4124*Input!$C$20,0)+IF(Input!$D$21=4,L4124*Input!$C$21,0)+IF(Input!$D$22=4,M4124*Input!$C$22,0)</f>
        <v>0</v>
      </c>
      <c r="R4124" s="58">
        <v>71.515722110297204</v>
      </c>
      <c r="S4124" s="124">
        <f t="shared" si="64"/>
        <v>1.6989774793273447</v>
      </c>
    </row>
    <row r="4125" spans="8:19" x14ac:dyDescent="0.3">
      <c r="H4125" s="44">
        <v>4118</v>
      </c>
      <c r="I4125" s="56">
        <f>Bühler!I4151</f>
        <v>0.39207172599861795</v>
      </c>
      <c r="J4125" s="59">
        <f>Bühler!J4151</f>
        <v>1.3069057533287267</v>
      </c>
      <c r="K4125" s="59">
        <f>Bühler!K4151</f>
        <v>1.9603586299930897</v>
      </c>
      <c r="L4125" s="59">
        <f>Bühler!L4151</f>
        <v>9.4097214239668308</v>
      </c>
      <c r="M4125" s="58">
        <f>Bühler!M4151</f>
        <v>0</v>
      </c>
      <c r="N4125" s="56">
        <f>IF(Input!$D$19=1,J4125*Input!$C$19,0)+IF(Input!$D$20=1,K4125*Input!$C$20,0)+IF(Input!$D$21=1,L4125*Input!$C$21,0)+IF(Input!$D$22=1,M4125*Input!$C$22,0)</f>
        <v>0.392071725998618</v>
      </c>
      <c r="O4125" s="59">
        <f>IF(Input!$D$19=2,J4125*Input!$C$19,0)+IF(Input!$D$20=2,K4125*Input!$C$20,0)+IF(Input!$D$21=2,L4125*Input!$C$21,0)+IF(Input!$D$22=2,M4125*Input!$C$22,0)</f>
        <v>0.98017931499654487</v>
      </c>
      <c r="P4125" s="59">
        <f>IF(Input!$D$19=3,J4125*Input!$C$19,0)+IF(Input!$D$20=3,K4125*Input!$C$20,0)+IF(Input!$D$21=3,L4125*Input!$C$21,0)+IF(Input!$D$22=3,M4125*Input!$C$22,0)</f>
        <v>0</v>
      </c>
      <c r="Q4125" s="75">
        <f>IF(Input!$D$19=4,J4125*Input!$C$19,0)+IF(Input!$D$20=4,K4125*Input!$C$20,0)+IF(Input!$D$21=4,L4125*Input!$C$21,0)+IF(Input!$D$22=4,M4125*Input!$C$22,0)</f>
        <v>0</v>
      </c>
      <c r="R4125" s="58">
        <v>71.215684668172358</v>
      </c>
      <c r="S4125" s="124">
        <f t="shared" si="64"/>
        <v>1.6989774793273447</v>
      </c>
    </row>
    <row r="4126" spans="8:19" x14ac:dyDescent="0.3">
      <c r="H4126" s="44">
        <v>4119</v>
      </c>
      <c r="I4126" s="56">
        <f>Bühler!I4152</f>
        <v>0.39207172599861795</v>
      </c>
      <c r="J4126" s="59">
        <f>Bühler!J4152</f>
        <v>1.3069057533287267</v>
      </c>
      <c r="K4126" s="59">
        <f>Bühler!K4152</f>
        <v>1.9603586299930897</v>
      </c>
      <c r="L4126" s="59">
        <f>Bühler!L4152</f>
        <v>9.4097214239668308</v>
      </c>
      <c r="M4126" s="58">
        <f>Bühler!M4152</f>
        <v>0</v>
      </c>
      <c r="N4126" s="56">
        <f>IF(Input!$D$19=1,J4126*Input!$C$19,0)+IF(Input!$D$20=1,K4126*Input!$C$20,0)+IF(Input!$D$21=1,L4126*Input!$C$21,0)+IF(Input!$D$22=1,M4126*Input!$C$22,0)</f>
        <v>0.392071725998618</v>
      </c>
      <c r="O4126" s="59">
        <f>IF(Input!$D$19=2,J4126*Input!$C$19,0)+IF(Input!$D$20=2,K4126*Input!$C$20,0)+IF(Input!$D$21=2,L4126*Input!$C$21,0)+IF(Input!$D$22=2,M4126*Input!$C$22,0)</f>
        <v>0.98017931499654487</v>
      </c>
      <c r="P4126" s="59">
        <f>IF(Input!$D$19=3,J4126*Input!$C$19,0)+IF(Input!$D$20=3,K4126*Input!$C$20,0)+IF(Input!$D$21=3,L4126*Input!$C$21,0)+IF(Input!$D$22=3,M4126*Input!$C$22,0)</f>
        <v>0</v>
      </c>
      <c r="Q4126" s="75">
        <f>IF(Input!$D$19=4,J4126*Input!$C$19,0)+IF(Input!$D$20=4,K4126*Input!$C$20,0)+IF(Input!$D$21=4,L4126*Input!$C$21,0)+IF(Input!$D$22=4,M4126*Input!$C$22,0)</f>
        <v>0</v>
      </c>
      <c r="R4126" s="58">
        <v>71.31360797814726</v>
      </c>
      <c r="S4126" s="124">
        <f t="shared" si="64"/>
        <v>1.6989774793273447</v>
      </c>
    </row>
    <row r="4127" spans="8:19" x14ac:dyDescent="0.3">
      <c r="H4127" s="44">
        <v>4120</v>
      </c>
      <c r="I4127" s="56">
        <f>Bühler!I4153</f>
        <v>0.39207172599861795</v>
      </c>
      <c r="J4127" s="59">
        <f>Bühler!J4153</f>
        <v>1.3069057533287267</v>
      </c>
      <c r="K4127" s="59">
        <f>Bühler!K4153</f>
        <v>1.9603586299930897</v>
      </c>
      <c r="L4127" s="59">
        <f>Bühler!L4153</f>
        <v>9.4097214239668308</v>
      </c>
      <c r="M4127" s="58">
        <f>Bühler!M4153</f>
        <v>0</v>
      </c>
      <c r="N4127" s="56">
        <f>IF(Input!$D$19=1,J4127*Input!$C$19,0)+IF(Input!$D$20=1,K4127*Input!$C$20,0)+IF(Input!$D$21=1,L4127*Input!$C$21,0)+IF(Input!$D$22=1,M4127*Input!$C$22,0)</f>
        <v>0.392071725998618</v>
      </c>
      <c r="O4127" s="59">
        <f>IF(Input!$D$19=2,J4127*Input!$C$19,0)+IF(Input!$D$20=2,K4127*Input!$C$20,0)+IF(Input!$D$21=2,L4127*Input!$C$21,0)+IF(Input!$D$22=2,M4127*Input!$C$22,0)</f>
        <v>0.98017931499654487</v>
      </c>
      <c r="P4127" s="59">
        <f>IF(Input!$D$19=3,J4127*Input!$C$19,0)+IF(Input!$D$20=3,K4127*Input!$C$20,0)+IF(Input!$D$21=3,L4127*Input!$C$21,0)+IF(Input!$D$22=3,M4127*Input!$C$22,0)</f>
        <v>0</v>
      </c>
      <c r="Q4127" s="75">
        <f>IF(Input!$D$19=4,J4127*Input!$C$19,0)+IF(Input!$D$20=4,K4127*Input!$C$20,0)+IF(Input!$D$21=4,L4127*Input!$C$21,0)+IF(Input!$D$22=4,M4127*Input!$C$22,0)</f>
        <v>0</v>
      </c>
      <c r="R4127" s="58">
        <v>70.062176768825481</v>
      </c>
      <c r="S4127" s="124">
        <f t="shared" si="64"/>
        <v>1.6989774793273447</v>
      </c>
    </row>
    <row r="4128" spans="8:19" x14ac:dyDescent="0.3">
      <c r="H4128" s="44">
        <v>4121</v>
      </c>
      <c r="I4128" s="56">
        <f>Bühler!I4154</f>
        <v>0.39207172599861795</v>
      </c>
      <c r="J4128" s="59">
        <f>Bühler!J4154</f>
        <v>1.3069057533287267</v>
      </c>
      <c r="K4128" s="59">
        <f>Bühler!K4154</f>
        <v>1.9603586299930897</v>
      </c>
      <c r="L4128" s="59">
        <f>Bühler!L4154</f>
        <v>9.4097214239668308</v>
      </c>
      <c r="M4128" s="58">
        <f>Bühler!M4154</f>
        <v>0</v>
      </c>
      <c r="N4128" s="56">
        <f>IF(Input!$D$19=1,J4128*Input!$C$19,0)+IF(Input!$D$20=1,K4128*Input!$C$20,0)+IF(Input!$D$21=1,L4128*Input!$C$21,0)+IF(Input!$D$22=1,M4128*Input!$C$22,0)</f>
        <v>0.392071725998618</v>
      </c>
      <c r="O4128" s="59">
        <f>IF(Input!$D$19=2,J4128*Input!$C$19,0)+IF(Input!$D$20=2,K4128*Input!$C$20,0)+IF(Input!$D$21=2,L4128*Input!$C$21,0)+IF(Input!$D$22=2,M4128*Input!$C$22,0)</f>
        <v>0.98017931499654487</v>
      </c>
      <c r="P4128" s="59">
        <f>IF(Input!$D$19=3,J4128*Input!$C$19,0)+IF(Input!$D$20=3,K4128*Input!$C$20,0)+IF(Input!$D$21=3,L4128*Input!$C$21,0)+IF(Input!$D$22=3,M4128*Input!$C$22,0)</f>
        <v>0</v>
      </c>
      <c r="Q4128" s="75">
        <f>IF(Input!$D$19=4,J4128*Input!$C$19,0)+IF(Input!$D$20=4,K4128*Input!$C$20,0)+IF(Input!$D$21=4,L4128*Input!$C$21,0)+IF(Input!$D$22=4,M4128*Input!$C$22,0)</f>
        <v>0</v>
      </c>
      <c r="R4128" s="58">
        <v>68.670085378205911</v>
      </c>
      <c r="S4128" s="124">
        <f t="shared" si="64"/>
        <v>1.6989774793273447</v>
      </c>
    </row>
    <row r="4129" spans="8:19" x14ac:dyDescent="0.3">
      <c r="H4129" s="44">
        <v>4122</v>
      </c>
      <c r="I4129" s="56">
        <f>Bühler!I4155</f>
        <v>0.39207172599861795</v>
      </c>
      <c r="J4129" s="59">
        <f>Bühler!J4155</f>
        <v>1.3069057533287267</v>
      </c>
      <c r="K4129" s="59">
        <f>Bühler!K4155</f>
        <v>1.9603586299930897</v>
      </c>
      <c r="L4129" s="59">
        <f>Bühler!L4155</f>
        <v>9.4097214239668308</v>
      </c>
      <c r="M4129" s="58">
        <f>Bühler!M4155</f>
        <v>0</v>
      </c>
      <c r="N4129" s="56">
        <f>IF(Input!$D$19=1,J4129*Input!$C$19,0)+IF(Input!$D$20=1,K4129*Input!$C$20,0)+IF(Input!$D$21=1,L4129*Input!$C$21,0)+IF(Input!$D$22=1,M4129*Input!$C$22,0)</f>
        <v>0.392071725998618</v>
      </c>
      <c r="O4129" s="59">
        <f>IF(Input!$D$19=2,J4129*Input!$C$19,0)+IF(Input!$D$20=2,K4129*Input!$C$20,0)+IF(Input!$D$21=2,L4129*Input!$C$21,0)+IF(Input!$D$22=2,M4129*Input!$C$22,0)</f>
        <v>0.98017931499654487</v>
      </c>
      <c r="P4129" s="59">
        <f>IF(Input!$D$19=3,J4129*Input!$C$19,0)+IF(Input!$D$20=3,K4129*Input!$C$20,0)+IF(Input!$D$21=3,L4129*Input!$C$21,0)+IF(Input!$D$22=3,M4129*Input!$C$22,0)</f>
        <v>0</v>
      </c>
      <c r="Q4129" s="75">
        <f>IF(Input!$D$19=4,J4129*Input!$C$19,0)+IF(Input!$D$20=4,K4129*Input!$C$20,0)+IF(Input!$D$21=4,L4129*Input!$C$21,0)+IF(Input!$D$22=4,M4129*Input!$C$22,0)</f>
        <v>0</v>
      </c>
      <c r="R4129" s="58">
        <v>67.02079105398866</v>
      </c>
      <c r="S4129" s="124">
        <f t="shared" si="64"/>
        <v>1.6989774793273447</v>
      </c>
    </row>
    <row r="4130" spans="8:19" x14ac:dyDescent="0.3">
      <c r="H4130" s="44">
        <v>4123</v>
      </c>
      <c r="I4130" s="56">
        <f>Bühler!I4156</f>
        <v>0.39207172599861795</v>
      </c>
      <c r="J4130" s="59">
        <f>Bühler!J4156</f>
        <v>1.3069057533287267</v>
      </c>
      <c r="K4130" s="59">
        <f>Bühler!K4156</f>
        <v>1.9603586299930897</v>
      </c>
      <c r="L4130" s="59">
        <f>Bühler!L4156</f>
        <v>9.4097214239668308</v>
      </c>
      <c r="M4130" s="58">
        <f>Bühler!M4156</f>
        <v>0</v>
      </c>
      <c r="N4130" s="56">
        <f>IF(Input!$D$19=1,J4130*Input!$C$19,0)+IF(Input!$D$20=1,K4130*Input!$C$20,0)+IF(Input!$D$21=1,L4130*Input!$C$21,0)+IF(Input!$D$22=1,M4130*Input!$C$22,0)</f>
        <v>0.392071725998618</v>
      </c>
      <c r="O4130" s="59">
        <f>IF(Input!$D$19=2,J4130*Input!$C$19,0)+IF(Input!$D$20=2,K4130*Input!$C$20,0)+IF(Input!$D$21=2,L4130*Input!$C$21,0)+IF(Input!$D$22=2,M4130*Input!$C$22,0)</f>
        <v>0.98017931499654487</v>
      </c>
      <c r="P4130" s="59">
        <f>IF(Input!$D$19=3,J4130*Input!$C$19,0)+IF(Input!$D$20=3,K4130*Input!$C$20,0)+IF(Input!$D$21=3,L4130*Input!$C$21,0)+IF(Input!$D$22=3,M4130*Input!$C$22,0)</f>
        <v>0</v>
      </c>
      <c r="Q4130" s="75">
        <f>IF(Input!$D$19=4,J4130*Input!$C$19,0)+IF(Input!$D$20=4,K4130*Input!$C$20,0)+IF(Input!$D$21=4,L4130*Input!$C$21,0)+IF(Input!$D$22=4,M4130*Input!$C$22,0)</f>
        <v>0</v>
      </c>
      <c r="R4130" s="58">
        <v>66.094457685631383</v>
      </c>
      <c r="S4130" s="124">
        <f t="shared" si="64"/>
        <v>1.6989774793273447</v>
      </c>
    </row>
    <row r="4131" spans="8:19" x14ac:dyDescent="0.3">
      <c r="H4131" s="44">
        <v>4124</v>
      </c>
      <c r="I4131" s="56">
        <f>Bühler!I4157</f>
        <v>0.32672643833218162</v>
      </c>
      <c r="J4131" s="59">
        <f>Bühler!J4157</f>
        <v>1.0890881277739388</v>
      </c>
      <c r="K4131" s="59">
        <f>Bühler!K4157</f>
        <v>1.633632191660908</v>
      </c>
      <c r="L4131" s="59">
        <f>Bühler!L4157</f>
        <v>7.841434519972359</v>
      </c>
      <c r="M4131" s="58">
        <f>Bühler!M4157</f>
        <v>0</v>
      </c>
      <c r="N4131" s="56">
        <f>IF(Input!$D$19=1,J4131*Input!$C$19,0)+IF(Input!$D$20=1,K4131*Input!$C$20,0)+IF(Input!$D$21=1,L4131*Input!$C$21,0)+IF(Input!$D$22=1,M4131*Input!$C$22,0)</f>
        <v>0.32672643833218162</v>
      </c>
      <c r="O4131" s="59">
        <f>IF(Input!$D$19=2,J4131*Input!$C$19,0)+IF(Input!$D$20=2,K4131*Input!$C$20,0)+IF(Input!$D$21=2,L4131*Input!$C$21,0)+IF(Input!$D$22=2,M4131*Input!$C$22,0)</f>
        <v>0.816816095830454</v>
      </c>
      <c r="P4131" s="59">
        <f>IF(Input!$D$19=3,J4131*Input!$C$19,0)+IF(Input!$D$20=3,K4131*Input!$C$20,0)+IF(Input!$D$21=3,L4131*Input!$C$21,0)+IF(Input!$D$22=3,M4131*Input!$C$22,0)</f>
        <v>0</v>
      </c>
      <c r="Q4131" s="75">
        <f>IF(Input!$D$19=4,J4131*Input!$C$19,0)+IF(Input!$D$20=4,K4131*Input!$C$20,0)+IF(Input!$D$21=4,L4131*Input!$C$21,0)+IF(Input!$D$22=4,M4131*Input!$C$22,0)</f>
        <v>0</v>
      </c>
      <c r="R4131" s="58">
        <v>65.218238544350072</v>
      </c>
      <c r="S4131" s="124">
        <f t="shared" si="64"/>
        <v>1.4158145661061203</v>
      </c>
    </row>
    <row r="4132" spans="8:19" x14ac:dyDescent="0.3">
      <c r="H4132" s="44">
        <v>4125</v>
      </c>
      <c r="I4132" s="56">
        <f>Bühler!I4158</f>
        <v>0.2613811506657453</v>
      </c>
      <c r="J4132" s="59">
        <f>Bühler!J4158</f>
        <v>0.87127050221915114</v>
      </c>
      <c r="K4132" s="59">
        <f>Bühler!K4158</f>
        <v>1.3069057533287265</v>
      </c>
      <c r="L4132" s="59">
        <f>Bühler!L4158</f>
        <v>6.2731476159778872</v>
      </c>
      <c r="M4132" s="58">
        <f>Bühler!M4158</f>
        <v>0</v>
      </c>
      <c r="N4132" s="56">
        <f>IF(Input!$D$19=1,J4132*Input!$C$19,0)+IF(Input!$D$20=1,K4132*Input!$C$20,0)+IF(Input!$D$21=1,L4132*Input!$C$21,0)+IF(Input!$D$22=1,M4132*Input!$C$22,0)</f>
        <v>0.26138115066574535</v>
      </c>
      <c r="O4132" s="59">
        <f>IF(Input!$D$19=2,J4132*Input!$C$19,0)+IF(Input!$D$20=2,K4132*Input!$C$20,0)+IF(Input!$D$21=2,L4132*Input!$C$21,0)+IF(Input!$D$22=2,M4132*Input!$C$22,0)</f>
        <v>0.65345287666436325</v>
      </c>
      <c r="P4132" s="59">
        <f>IF(Input!$D$19=3,J4132*Input!$C$19,0)+IF(Input!$D$20=3,K4132*Input!$C$20,0)+IF(Input!$D$21=3,L4132*Input!$C$21,0)+IF(Input!$D$22=3,M4132*Input!$C$22,0)</f>
        <v>0</v>
      </c>
      <c r="Q4132" s="75">
        <f>IF(Input!$D$19=4,J4132*Input!$C$19,0)+IF(Input!$D$20=4,K4132*Input!$C$20,0)+IF(Input!$D$21=4,L4132*Input!$C$21,0)+IF(Input!$D$22=4,M4132*Input!$C$22,0)</f>
        <v>0</v>
      </c>
      <c r="R4132" s="58">
        <v>63.22690526507499</v>
      </c>
      <c r="S4132" s="124">
        <f t="shared" si="64"/>
        <v>1.1326516528848964</v>
      </c>
    </row>
    <row r="4133" spans="8:19" x14ac:dyDescent="0.3">
      <c r="H4133" s="44">
        <v>4126</v>
      </c>
      <c r="I4133" s="56">
        <f>Bühler!I4159</f>
        <v>0.19603586299930897</v>
      </c>
      <c r="J4133" s="59">
        <f>Bühler!J4159</f>
        <v>0.65345287666436336</v>
      </c>
      <c r="K4133" s="59">
        <f>Bühler!K4159</f>
        <v>0.98017931499654487</v>
      </c>
      <c r="L4133" s="59">
        <f>Bühler!L4159</f>
        <v>4.7048607119834154</v>
      </c>
      <c r="M4133" s="58">
        <f>Bühler!M4159</f>
        <v>0</v>
      </c>
      <c r="N4133" s="56">
        <f>IF(Input!$D$19=1,J4133*Input!$C$19,0)+IF(Input!$D$20=1,K4133*Input!$C$20,0)+IF(Input!$D$21=1,L4133*Input!$C$21,0)+IF(Input!$D$22=1,M4133*Input!$C$22,0)</f>
        <v>0.196035862999309</v>
      </c>
      <c r="O4133" s="59">
        <f>IF(Input!$D$19=2,J4133*Input!$C$19,0)+IF(Input!$D$20=2,K4133*Input!$C$20,0)+IF(Input!$D$21=2,L4133*Input!$C$21,0)+IF(Input!$D$22=2,M4133*Input!$C$22,0)</f>
        <v>0.49008965749827244</v>
      </c>
      <c r="P4133" s="59">
        <f>IF(Input!$D$19=3,J4133*Input!$C$19,0)+IF(Input!$D$20=3,K4133*Input!$C$20,0)+IF(Input!$D$21=3,L4133*Input!$C$21,0)+IF(Input!$D$22=3,M4133*Input!$C$22,0)</f>
        <v>0</v>
      </c>
      <c r="Q4133" s="75">
        <f>IF(Input!$D$19=4,J4133*Input!$C$19,0)+IF(Input!$D$20=4,K4133*Input!$C$20,0)+IF(Input!$D$21=4,L4133*Input!$C$21,0)+IF(Input!$D$22=4,M4133*Input!$C$22,0)</f>
        <v>0</v>
      </c>
      <c r="R4133" s="58">
        <v>61.170801037469353</v>
      </c>
      <c r="S4133" s="124">
        <f t="shared" si="64"/>
        <v>0.84948873966367233</v>
      </c>
    </row>
    <row r="4134" spans="8:19" x14ac:dyDescent="0.3">
      <c r="H4134" s="44">
        <v>4127</v>
      </c>
      <c r="I4134" s="56">
        <f>Bühler!I4160</f>
        <v>0.19603586299930897</v>
      </c>
      <c r="J4134" s="59">
        <f>Bühler!J4160</f>
        <v>0.65345287666436336</v>
      </c>
      <c r="K4134" s="59">
        <f>Bühler!K4160</f>
        <v>0.98017931499654487</v>
      </c>
      <c r="L4134" s="59">
        <f>Bühler!L4160</f>
        <v>4.7048607119834154</v>
      </c>
      <c r="M4134" s="58">
        <f>Bühler!M4160</f>
        <v>0</v>
      </c>
      <c r="N4134" s="56">
        <f>IF(Input!$D$19=1,J4134*Input!$C$19,0)+IF(Input!$D$20=1,K4134*Input!$C$20,0)+IF(Input!$D$21=1,L4134*Input!$C$21,0)+IF(Input!$D$22=1,M4134*Input!$C$22,0)</f>
        <v>0.196035862999309</v>
      </c>
      <c r="O4134" s="59">
        <f>IF(Input!$D$19=2,J4134*Input!$C$19,0)+IF(Input!$D$20=2,K4134*Input!$C$20,0)+IF(Input!$D$21=2,L4134*Input!$C$21,0)+IF(Input!$D$22=2,M4134*Input!$C$22,0)</f>
        <v>0.49008965749827244</v>
      </c>
      <c r="P4134" s="59">
        <f>IF(Input!$D$19=3,J4134*Input!$C$19,0)+IF(Input!$D$20=3,K4134*Input!$C$20,0)+IF(Input!$D$21=3,L4134*Input!$C$21,0)+IF(Input!$D$22=3,M4134*Input!$C$22,0)</f>
        <v>0</v>
      </c>
      <c r="Q4134" s="75">
        <f>IF(Input!$D$19=4,J4134*Input!$C$19,0)+IF(Input!$D$20=4,K4134*Input!$C$20,0)+IF(Input!$D$21=4,L4134*Input!$C$21,0)+IF(Input!$D$22=4,M4134*Input!$C$22,0)</f>
        <v>0</v>
      </c>
      <c r="R4134" s="58">
        <v>59.911389644054701</v>
      </c>
      <c r="S4134" s="124">
        <f t="shared" si="64"/>
        <v>0.84948873966367233</v>
      </c>
    </row>
    <row r="4135" spans="8:19" x14ac:dyDescent="0.3">
      <c r="H4135" s="44">
        <v>4128</v>
      </c>
      <c r="I4135" s="56">
        <f>Bühler!I4161</f>
        <v>0.19603586299930897</v>
      </c>
      <c r="J4135" s="59">
        <f>Bühler!J4161</f>
        <v>0.65345287666436336</v>
      </c>
      <c r="K4135" s="59">
        <f>Bühler!K4161</f>
        <v>0.98017931499654487</v>
      </c>
      <c r="L4135" s="59">
        <f>Bühler!L4161</f>
        <v>4.7048607119834154</v>
      </c>
      <c r="M4135" s="58">
        <f>Bühler!M4161</f>
        <v>0</v>
      </c>
      <c r="N4135" s="56">
        <f>IF(Input!$D$19=1,J4135*Input!$C$19,0)+IF(Input!$D$20=1,K4135*Input!$C$20,0)+IF(Input!$D$21=1,L4135*Input!$C$21,0)+IF(Input!$D$22=1,M4135*Input!$C$22,0)</f>
        <v>0.196035862999309</v>
      </c>
      <c r="O4135" s="59">
        <f>IF(Input!$D$19=2,J4135*Input!$C$19,0)+IF(Input!$D$20=2,K4135*Input!$C$20,0)+IF(Input!$D$21=2,L4135*Input!$C$21,0)+IF(Input!$D$22=2,M4135*Input!$C$22,0)</f>
        <v>0.49008965749827244</v>
      </c>
      <c r="P4135" s="59">
        <f>IF(Input!$D$19=3,J4135*Input!$C$19,0)+IF(Input!$D$20=3,K4135*Input!$C$20,0)+IF(Input!$D$21=3,L4135*Input!$C$21,0)+IF(Input!$D$22=3,M4135*Input!$C$22,0)</f>
        <v>0</v>
      </c>
      <c r="Q4135" s="75">
        <f>IF(Input!$D$19=4,J4135*Input!$C$19,0)+IF(Input!$D$20=4,K4135*Input!$C$20,0)+IF(Input!$D$21=4,L4135*Input!$C$21,0)+IF(Input!$D$22=4,M4135*Input!$C$22,0)</f>
        <v>0</v>
      </c>
      <c r="R4135" s="58">
        <v>58.605068732373368</v>
      </c>
      <c r="S4135" s="124">
        <f t="shared" si="64"/>
        <v>0.84948873966367233</v>
      </c>
    </row>
    <row r="4136" spans="8:19" x14ac:dyDescent="0.3">
      <c r="H4136" s="44">
        <v>4129</v>
      </c>
      <c r="I4136" s="56">
        <f>Bühler!I4162</f>
        <v>0.22365220145722581</v>
      </c>
      <c r="J4136" s="59">
        <f>Bühler!J4162</f>
        <v>0.74550733819075277</v>
      </c>
      <c r="K4136" s="59">
        <f>Bühler!K4162</f>
        <v>1.118261007286129</v>
      </c>
      <c r="L4136" s="59">
        <f>Bühler!L4162</f>
        <v>5.3676528349734198</v>
      </c>
      <c r="M4136" s="58">
        <f>Bühler!M4162</f>
        <v>0</v>
      </c>
      <c r="N4136" s="56">
        <f>IF(Input!$D$19=1,J4136*Input!$C$19,0)+IF(Input!$D$20=1,K4136*Input!$C$20,0)+IF(Input!$D$21=1,L4136*Input!$C$21,0)+IF(Input!$D$22=1,M4136*Input!$C$22,0)</f>
        <v>0.22365220145722584</v>
      </c>
      <c r="O4136" s="59">
        <f>IF(Input!$D$19=2,J4136*Input!$C$19,0)+IF(Input!$D$20=2,K4136*Input!$C$20,0)+IF(Input!$D$21=2,L4136*Input!$C$21,0)+IF(Input!$D$22=2,M4136*Input!$C$22,0)</f>
        <v>0.55913050364306449</v>
      </c>
      <c r="P4136" s="59">
        <f>IF(Input!$D$19=3,J4136*Input!$C$19,0)+IF(Input!$D$20=3,K4136*Input!$C$20,0)+IF(Input!$D$21=3,L4136*Input!$C$21,0)+IF(Input!$D$22=3,M4136*Input!$C$22,0)</f>
        <v>0</v>
      </c>
      <c r="Q4136" s="75">
        <f>IF(Input!$D$19=4,J4136*Input!$C$19,0)+IF(Input!$D$20=4,K4136*Input!$C$20,0)+IF(Input!$D$21=4,L4136*Input!$C$21,0)+IF(Input!$D$22=4,M4136*Input!$C$22,0)</f>
        <v>0</v>
      </c>
      <c r="R4136" s="58">
        <v>57.786206368677028</v>
      </c>
      <c r="S4136" s="124">
        <f t="shared" si="64"/>
        <v>0.96915953964797863</v>
      </c>
    </row>
    <row r="4137" spans="8:19" x14ac:dyDescent="0.3">
      <c r="H4137" s="44">
        <v>4130</v>
      </c>
      <c r="I4137" s="56">
        <f>Bühler!I4163</f>
        <v>0.22365220145722581</v>
      </c>
      <c r="J4137" s="59">
        <f>Bühler!J4163</f>
        <v>0.74550733819075277</v>
      </c>
      <c r="K4137" s="59">
        <f>Bühler!K4163</f>
        <v>1.118261007286129</v>
      </c>
      <c r="L4137" s="59">
        <f>Bühler!L4163</f>
        <v>5.3676528349734198</v>
      </c>
      <c r="M4137" s="58">
        <f>Bühler!M4163</f>
        <v>0</v>
      </c>
      <c r="N4137" s="56">
        <f>IF(Input!$D$19=1,J4137*Input!$C$19,0)+IF(Input!$D$20=1,K4137*Input!$C$20,0)+IF(Input!$D$21=1,L4137*Input!$C$21,0)+IF(Input!$D$22=1,M4137*Input!$C$22,0)</f>
        <v>0.22365220145722584</v>
      </c>
      <c r="O4137" s="59">
        <f>IF(Input!$D$19=2,J4137*Input!$C$19,0)+IF(Input!$D$20=2,K4137*Input!$C$20,0)+IF(Input!$D$21=2,L4137*Input!$C$21,0)+IF(Input!$D$22=2,M4137*Input!$C$22,0)</f>
        <v>0.55913050364306449</v>
      </c>
      <c r="P4137" s="59">
        <f>IF(Input!$D$19=3,J4137*Input!$C$19,0)+IF(Input!$D$20=3,K4137*Input!$C$20,0)+IF(Input!$D$21=3,L4137*Input!$C$21,0)+IF(Input!$D$22=3,M4137*Input!$C$22,0)</f>
        <v>0</v>
      </c>
      <c r="Q4137" s="75">
        <f>IF(Input!$D$19=4,J4137*Input!$C$19,0)+IF(Input!$D$20=4,K4137*Input!$C$20,0)+IF(Input!$D$21=4,L4137*Input!$C$21,0)+IF(Input!$D$22=4,M4137*Input!$C$22,0)</f>
        <v>0</v>
      </c>
      <c r="R4137" s="58">
        <v>57.548179181949642</v>
      </c>
      <c r="S4137" s="124">
        <f t="shared" si="64"/>
        <v>0.96915953964797863</v>
      </c>
    </row>
    <row r="4138" spans="8:19" x14ac:dyDescent="0.3">
      <c r="H4138" s="44">
        <v>4131</v>
      </c>
      <c r="I4138" s="56">
        <f>Bühler!I4164</f>
        <v>0.22365220145722581</v>
      </c>
      <c r="J4138" s="59">
        <f>Bühler!J4164</f>
        <v>0.74550733819075277</v>
      </c>
      <c r="K4138" s="59">
        <f>Bühler!K4164</f>
        <v>1.118261007286129</v>
      </c>
      <c r="L4138" s="59">
        <f>Bühler!L4164</f>
        <v>5.3676528349734198</v>
      </c>
      <c r="M4138" s="58">
        <f>Bühler!M4164</f>
        <v>0</v>
      </c>
      <c r="N4138" s="56">
        <f>IF(Input!$D$19=1,J4138*Input!$C$19,0)+IF(Input!$D$20=1,K4138*Input!$C$20,0)+IF(Input!$D$21=1,L4138*Input!$C$21,0)+IF(Input!$D$22=1,M4138*Input!$C$22,0)</f>
        <v>0.22365220145722584</v>
      </c>
      <c r="O4138" s="59">
        <f>IF(Input!$D$19=2,J4138*Input!$C$19,0)+IF(Input!$D$20=2,K4138*Input!$C$20,0)+IF(Input!$D$21=2,L4138*Input!$C$21,0)+IF(Input!$D$22=2,M4138*Input!$C$22,0)</f>
        <v>0.55913050364306449</v>
      </c>
      <c r="P4138" s="59">
        <f>IF(Input!$D$19=3,J4138*Input!$C$19,0)+IF(Input!$D$20=3,K4138*Input!$C$20,0)+IF(Input!$D$21=3,L4138*Input!$C$21,0)+IF(Input!$D$22=3,M4138*Input!$C$22,0)</f>
        <v>0</v>
      </c>
      <c r="Q4138" s="75">
        <f>IF(Input!$D$19=4,J4138*Input!$C$19,0)+IF(Input!$D$20=4,K4138*Input!$C$20,0)+IF(Input!$D$21=4,L4138*Input!$C$21,0)+IF(Input!$D$22=4,M4138*Input!$C$22,0)</f>
        <v>0</v>
      </c>
      <c r="R4138" s="58">
        <v>57.167234782254923</v>
      </c>
      <c r="S4138" s="124">
        <f t="shared" si="64"/>
        <v>0.96915953964797863</v>
      </c>
    </row>
    <row r="4139" spans="8:19" x14ac:dyDescent="0.3">
      <c r="H4139" s="44">
        <v>4132</v>
      </c>
      <c r="I4139" s="56">
        <f>Bühler!I4165</f>
        <v>0.22365220145722581</v>
      </c>
      <c r="J4139" s="59">
        <f>Bühler!J4165</f>
        <v>0.74550733819075277</v>
      </c>
      <c r="K4139" s="59">
        <f>Bühler!K4165</f>
        <v>1.118261007286129</v>
      </c>
      <c r="L4139" s="59">
        <f>Bühler!L4165</f>
        <v>5.3676528349734198</v>
      </c>
      <c r="M4139" s="58">
        <f>Bühler!M4165</f>
        <v>0</v>
      </c>
      <c r="N4139" s="56">
        <f>IF(Input!$D$19=1,J4139*Input!$C$19,0)+IF(Input!$D$20=1,K4139*Input!$C$20,0)+IF(Input!$D$21=1,L4139*Input!$C$21,0)+IF(Input!$D$22=1,M4139*Input!$C$22,0)</f>
        <v>0.22365220145722584</v>
      </c>
      <c r="O4139" s="59">
        <f>IF(Input!$D$19=2,J4139*Input!$C$19,0)+IF(Input!$D$20=2,K4139*Input!$C$20,0)+IF(Input!$D$21=2,L4139*Input!$C$21,0)+IF(Input!$D$22=2,M4139*Input!$C$22,0)</f>
        <v>0.55913050364306449</v>
      </c>
      <c r="P4139" s="59">
        <f>IF(Input!$D$19=3,J4139*Input!$C$19,0)+IF(Input!$D$20=3,K4139*Input!$C$20,0)+IF(Input!$D$21=3,L4139*Input!$C$21,0)+IF(Input!$D$22=3,M4139*Input!$C$22,0)</f>
        <v>0</v>
      </c>
      <c r="Q4139" s="75">
        <f>IF(Input!$D$19=4,J4139*Input!$C$19,0)+IF(Input!$D$20=4,K4139*Input!$C$20,0)+IF(Input!$D$21=4,L4139*Input!$C$21,0)+IF(Input!$D$22=4,M4139*Input!$C$22,0)</f>
        <v>0</v>
      </c>
      <c r="R4139" s="58">
        <v>57.874266124275572</v>
      </c>
      <c r="S4139" s="124">
        <f t="shared" si="64"/>
        <v>0.96915953964797863</v>
      </c>
    </row>
    <row r="4140" spans="8:19" x14ac:dyDescent="0.3">
      <c r="H4140" s="44">
        <v>4133</v>
      </c>
      <c r="I4140" s="56">
        <f>Bühler!I4166</f>
        <v>0.22365220145722581</v>
      </c>
      <c r="J4140" s="59">
        <f>Bühler!J4166</f>
        <v>0.74550733819075277</v>
      </c>
      <c r="K4140" s="59">
        <f>Bühler!K4166</f>
        <v>1.118261007286129</v>
      </c>
      <c r="L4140" s="59">
        <f>Bühler!L4166</f>
        <v>5.3676528349734198</v>
      </c>
      <c r="M4140" s="58">
        <f>Bühler!M4166</f>
        <v>0</v>
      </c>
      <c r="N4140" s="56">
        <f>IF(Input!$D$19=1,J4140*Input!$C$19,0)+IF(Input!$D$20=1,K4140*Input!$C$20,0)+IF(Input!$D$21=1,L4140*Input!$C$21,0)+IF(Input!$D$22=1,M4140*Input!$C$22,0)</f>
        <v>0.22365220145722584</v>
      </c>
      <c r="O4140" s="59">
        <f>IF(Input!$D$19=2,J4140*Input!$C$19,0)+IF(Input!$D$20=2,K4140*Input!$C$20,0)+IF(Input!$D$21=2,L4140*Input!$C$21,0)+IF(Input!$D$22=2,M4140*Input!$C$22,0)</f>
        <v>0.55913050364306449</v>
      </c>
      <c r="P4140" s="59">
        <f>IF(Input!$D$19=3,J4140*Input!$C$19,0)+IF(Input!$D$20=3,K4140*Input!$C$20,0)+IF(Input!$D$21=3,L4140*Input!$C$21,0)+IF(Input!$D$22=3,M4140*Input!$C$22,0)</f>
        <v>0</v>
      </c>
      <c r="Q4140" s="75">
        <f>IF(Input!$D$19=4,J4140*Input!$C$19,0)+IF(Input!$D$20=4,K4140*Input!$C$20,0)+IF(Input!$D$21=4,L4140*Input!$C$21,0)+IF(Input!$D$22=4,M4140*Input!$C$22,0)</f>
        <v>0</v>
      </c>
      <c r="R4140" s="58">
        <v>59.111714442426084</v>
      </c>
      <c r="S4140" s="124">
        <f t="shared" si="64"/>
        <v>0.96915953964797863</v>
      </c>
    </row>
    <row r="4141" spans="8:19" x14ac:dyDescent="0.3">
      <c r="H4141" s="44">
        <v>4134</v>
      </c>
      <c r="I4141" s="56">
        <f>Bühler!I4167</f>
        <v>0.28826283743375775</v>
      </c>
      <c r="J4141" s="59">
        <f>Bühler!J4167</f>
        <v>0.9608761247791926</v>
      </c>
      <c r="K4141" s="59">
        <f>Bühler!K4167</f>
        <v>1.4413141871687887</v>
      </c>
      <c r="L4141" s="59">
        <f>Bühler!L4167</f>
        <v>6.9183080984101855</v>
      </c>
      <c r="M4141" s="58">
        <f>Bühler!M4167</f>
        <v>0</v>
      </c>
      <c r="N4141" s="56">
        <f>IF(Input!$D$19=1,J4141*Input!$C$19,0)+IF(Input!$D$20=1,K4141*Input!$C$20,0)+IF(Input!$D$21=1,L4141*Input!$C$21,0)+IF(Input!$D$22=1,M4141*Input!$C$22,0)</f>
        <v>0.28826283743375775</v>
      </c>
      <c r="O4141" s="59">
        <f>IF(Input!$D$19=2,J4141*Input!$C$19,0)+IF(Input!$D$20=2,K4141*Input!$C$20,0)+IF(Input!$D$21=2,L4141*Input!$C$21,0)+IF(Input!$D$22=2,M4141*Input!$C$22,0)</f>
        <v>0.72065709358439434</v>
      </c>
      <c r="P4141" s="59">
        <f>IF(Input!$D$19=3,J4141*Input!$C$19,0)+IF(Input!$D$20=3,K4141*Input!$C$20,0)+IF(Input!$D$21=3,L4141*Input!$C$21,0)+IF(Input!$D$22=3,M4141*Input!$C$22,0)</f>
        <v>0</v>
      </c>
      <c r="Q4141" s="75">
        <f>IF(Input!$D$19=4,J4141*Input!$C$19,0)+IF(Input!$D$20=4,K4141*Input!$C$20,0)+IF(Input!$D$21=4,L4141*Input!$C$21,0)+IF(Input!$D$22=4,M4141*Input!$C$22,0)</f>
        <v>0</v>
      </c>
      <c r="R4141" s="58">
        <v>61.102262936683147</v>
      </c>
      <c r="S4141" s="124">
        <f t="shared" si="64"/>
        <v>1.2491389622129503</v>
      </c>
    </row>
    <row r="4142" spans="8:19" x14ac:dyDescent="0.3">
      <c r="H4142" s="44">
        <v>4135</v>
      </c>
      <c r="I4142" s="56">
        <f>Bühler!I4168</f>
        <v>0.34790342448901795</v>
      </c>
      <c r="J4142" s="59">
        <f>Bühler!J4168</f>
        <v>1.15967808163006</v>
      </c>
      <c r="K4142" s="59">
        <f>Bühler!K4168</f>
        <v>1.7395171224450898</v>
      </c>
      <c r="L4142" s="59">
        <f>Bühler!L4168</f>
        <v>8.3496821877364304</v>
      </c>
      <c r="M4142" s="58">
        <f>Bühler!M4168</f>
        <v>0</v>
      </c>
      <c r="N4142" s="56">
        <f>IF(Input!$D$19=1,J4142*Input!$C$19,0)+IF(Input!$D$20=1,K4142*Input!$C$20,0)+IF(Input!$D$21=1,L4142*Input!$C$21,0)+IF(Input!$D$22=1,M4142*Input!$C$22,0)</f>
        <v>0.34790342448901801</v>
      </c>
      <c r="O4142" s="59">
        <f>IF(Input!$D$19=2,J4142*Input!$C$19,0)+IF(Input!$D$20=2,K4142*Input!$C$20,0)+IF(Input!$D$21=2,L4142*Input!$C$21,0)+IF(Input!$D$22=2,M4142*Input!$C$22,0)</f>
        <v>0.86975856122254491</v>
      </c>
      <c r="P4142" s="59">
        <f>IF(Input!$D$19=3,J4142*Input!$C$19,0)+IF(Input!$D$20=3,K4142*Input!$C$20,0)+IF(Input!$D$21=3,L4142*Input!$C$21,0)+IF(Input!$D$22=3,M4142*Input!$C$22,0)</f>
        <v>0</v>
      </c>
      <c r="Q4142" s="75">
        <f>IF(Input!$D$19=4,J4142*Input!$C$19,0)+IF(Input!$D$20=4,K4142*Input!$C$20,0)+IF(Input!$D$21=4,L4142*Input!$C$21,0)+IF(Input!$D$22=4,M4142*Input!$C$22,0)</f>
        <v>0</v>
      </c>
      <c r="R4142" s="58">
        <v>64.067476137286775</v>
      </c>
      <c r="S4142" s="124">
        <f t="shared" si="64"/>
        <v>1.507581506119078</v>
      </c>
    </row>
    <row r="4143" spans="8:19" x14ac:dyDescent="0.3">
      <c r="H4143" s="44">
        <v>4136</v>
      </c>
      <c r="I4143" s="56">
        <f>Bühler!I4169</f>
        <v>0.34790342448901795</v>
      </c>
      <c r="J4143" s="59">
        <f>Bühler!J4169</f>
        <v>1.15967808163006</v>
      </c>
      <c r="K4143" s="59">
        <f>Bühler!K4169</f>
        <v>1.7395171224450898</v>
      </c>
      <c r="L4143" s="59">
        <f>Bühler!L4169</f>
        <v>8.3496821877364304</v>
      </c>
      <c r="M4143" s="58">
        <f>Bühler!M4169</f>
        <v>0</v>
      </c>
      <c r="N4143" s="56">
        <f>IF(Input!$D$19=1,J4143*Input!$C$19,0)+IF(Input!$D$20=1,K4143*Input!$C$20,0)+IF(Input!$D$21=1,L4143*Input!$C$21,0)+IF(Input!$D$22=1,M4143*Input!$C$22,0)</f>
        <v>0.34790342448901801</v>
      </c>
      <c r="O4143" s="59">
        <f>IF(Input!$D$19=2,J4143*Input!$C$19,0)+IF(Input!$D$20=2,K4143*Input!$C$20,0)+IF(Input!$D$21=2,L4143*Input!$C$21,0)+IF(Input!$D$22=2,M4143*Input!$C$22,0)</f>
        <v>0.86975856122254491</v>
      </c>
      <c r="P4143" s="59">
        <f>IF(Input!$D$19=3,J4143*Input!$C$19,0)+IF(Input!$D$20=3,K4143*Input!$C$20,0)+IF(Input!$D$21=3,L4143*Input!$C$21,0)+IF(Input!$D$22=3,M4143*Input!$C$22,0)</f>
        <v>0</v>
      </c>
      <c r="Q4143" s="75">
        <f>IF(Input!$D$19=4,J4143*Input!$C$19,0)+IF(Input!$D$20=4,K4143*Input!$C$20,0)+IF(Input!$D$21=4,L4143*Input!$C$21,0)+IF(Input!$D$22=4,M4143*Input!$C$22,0)</f>
        <v>0</v>
      </c>
      <c r="R4143" s="58">
        <v>65.796854504942729</v>
      </c>
      <c r="S4143" s="124">
        <f t="shared" si="64"/>
        <v>1.507581506119078</v>
      </c>
    </row>
    <row r="4144" spans="8:19" x14ac:dyDescent="0.3">
      <c r="H4144" s="44">
        <v>4137</v>
      </c>
      <c r="I4144" s="56">
        <f>Bühler!I4170</f>
        <v>0.34790342448901795</v>
      </c>
      <c r="J4144" s="59">
        <f>Bühler!J4170</f>
        <v>1.15967808163006</v>
      </c>
      <c r="K4144" s="59">
        <f>Bühler!K4170</f>
        <v>1.7395171224450898</v>
      </c>
      <c r="L4144" s="59">
        <f>Bühler!L4170</f>
        <v>8.3496821877364304</v>
      </c>
      <c r="M4144" s="58">
        <f>Bühler!M4170</f>
        <v>0</v>
      </c>
      <c r="N4144" s="56">
        <f>IF(Input!$D$19=1,J4144*Input!$C$19,0)+IF(Input!$D$20=1,K4144*Input!$C$20,0)+IF(Input!$D$21=1,L4144*Input!$C$21,0)+IF(Input!$D$22=1,M4144*Input!$C$22,0)</f>
        <v>0.34790342448901801</v>
      </c>
      <c r="O4144" s="59">
        <f>IF(Input!$D$19=2,J4144*Input!$C$19,0)+IF(Input!$D$20=2,K4144*Input!$C$20,0)+IF(Input!$D$21=2,L4144*Input!$C$21,0)+IF(Input!$D$22=2,M4144*Input!$C$22,0)</f>
        <v>0.86975856122254491</v>
      </c>
      <c r="P4144" s="59">
        <f>IF(Input!$D$19=3,J4144*Input!$C$19,0)+IF(Input!$D$20=3,K4144*Input!$C$20,0)+IF(Input!$D$21=3,L4144*Input!$C$21,0)+IF(Input!$D$22=3,M4144*Input!$C$22,0)</f>
        <v>0</v>
      </c>
      <c r="Q4144" s="75">
        <f>IF(Input!$D$19=4,J4144*Input!$C$19,0)+IF(Input!$D$20=4,K4144*Input!$C$20,0)+IF(Input!$D$21=4,L4144*Input!$C$21,0)+IF(Input!$D$22=4,M4144*Input!$C$22,0)</f>
        <v>0</v>
      </c>
      <c r="R4144" s="58">
        <v>67.186194519156302</v>
      </c>
      <c r="S4144" s="124">
        <f t="shared" si="64"/>
        <v>1.507581506119078</v>
      </c>
    </row>
    <row r="4145" spans="8:19" x14ac:dyDescent="0.3">
      <c r="H4145" s="44">
        <v>4138</v>
      </c>
      <c r="I4145" s="56">
        <f>Bühler!I4171</f>
        <v>0.37275366909537638</v>
      </c>
      <c r="J4145" s="59">
        <f>Bühler!J4171</f>
        <v>1.2425122303179215</v>
      </c>
      <c r="K4145" s="59">
        <f>Bühler!K4171</f>
        <v>1.8637683454768819</v>
      </c>
      <c r="L4145" s="59">
        <f>Bühler!L4171</f>
        <v>8.9460880582890336</v>
      </c>
      <c r="M4145" s="58">
        <f>Bühler!M4171</f>
        <v>0</v>
      </c>
      <c r="N4145" s="56">
        <f>IF(Input!$D$19=1,J4145*Input!$C$19,0)+IF(Input!$D$20=1,K4145*Input!$C$20,0)+IF(Input!$D$21=1,L4145*Input!$C$21,0)+IF(Input!$D$22=1,M4145*Input!$C$22,0)</f>
        <v>0.37275366909537644</v>
      </c>
      <c r="O4145" s="59">
        <f>IF(Input!$D$19=2,J4145*Input!$C$19,0)+IF(Input!$D$20=2,K4145*Input!$C$20,0)+IF(Input!$D$21=2,L4145*Input!$C$21,0)+IF(Input!$D$22=2,M4145*Input!$C$22,0)</f>
        <v>0.93188417273844093</v>
      </c>
      <c r="P4145" s="59">
        <f>IF(Input!$D$19=3,J4145*Input!$C$19,0)+IF(Input!$D$20=3,K4145*Input!$C$20,0)+IF(Input!$D$21=3,L4145*Input!$C$21,0)+IF(Input!$D$22=3,M4145*Input!$C$22,0)</f>
        <v>0</v>
      </c>
      <c r="Q4145" s="75">
        <f>IF(Input!$D$19=4,J4145*Input!$C$19,0)+IF(Input!$D$20=4,K4145*Input!$C$20,0)+IF(Input!$D$21=4,L4145*Input!$C$21,0)+IF(Input!$D$22=4,M4145*Input!$C$22,0)</f>
        <v>0</v>
      </c>
      <c r="R4145" s="58">
        <v>68.032402400239448</v>
      </c>
      <c r="S4145" s="124">
        <f t="shared" si="64"/>
        <v>1.6152658994132978</v>
      </c>
    </row>
    <row r="4146" spans="8:19" x14ac:dyDescent="0.3">
      <c r="H4146" s="44">
        <v>4139</v>
      </c>
      <c r="I4146" s="56">
        <f>Bühler!I4172</f>
        <v>0.38766381585919146</v>
      </c>
      <c r="J4146" s="59">
        <f>Bühler!J4172</f>
        <v>1.2922127195306383</v>
      </c>
      <c r="K4146" s="59">
        <f>Bühler!K4172</f>
        <v>1.9383190792959573</v>
      </c>
      <c r="L4146" s="59">
        <f>Bühler!L4172</f>
        <v>9.3039315806205956</v>
      </c>
      <c r="M4146" s="58">
        <f>Bühler!M4172</f>
        <v>0</v>
      </c>
      <c r="N4146" s="56">
        <f>IF(Input!$D$19=1,J4146*Input!$C$19,0)+IF(Input!$D$20=1,K4146*Input!$C$20,0)+IF(Input!$D$21=1,L4146*Input!$C$21,0)+IF(Input!$D$22=1,M4146*Input!$C$22,0)</f>
        <v>0.38766381585919146</v>
      </c>
      <c r="O4146" s="59">
        <f>IF(Input!$D$19=2,J4146*Input!$C$19,0)+IF(Input!$D$20=2,K4146*Input!$C$20,0)+IF(Input!$D$21=2,L4146*Input!$C$21,0)+IF(Input!$D$22=2,M4146*Input!$C$22,0)</f>
        <v>0.96915953964797863</v>
      </c>
      <c r="P4146" s="59">
        <f>IF(Input!$D$19=3,J4146*Input!$C$19,0)+IF(Input!$D$20=3,K4146*Input!$C$20,0)+IF(Input!$D$21=3,L4146*Input!$C$21,0)+IF(Input!$D$22=3,M4146*Input!$C$22,0)</f>
        <v>0</v>
      </c>
      <c r="Q4146" s="75">
        <f>IF(Input!$D$19=4,J4146*Input!$C$19,0)+IF(Input!$D$20=4,K4146*Input!$C$20,0)+IF(Input!$D$21=4,L4146*Input!$C$21,0)+IF(Input!$D$22=4,M4146*Input!$C$22,0)</f>
        <v>0</v>
      </c>
      <c r="R4146" s="58">
        <v>67.961396714270535</v>
      </c>
      <c r="S4146" s="124">
        <f t="shared" si="64"/>
        <v>1.6798765353898297</v>
      </c>
    </row>
    <row r="4147" spans="8:19" x14ac:dyDescent="0.3">
      <c r="H4147" s="44">
        <v>4140</v>
      </c>
      <c r="I4147" s="56">
        <f>Bühler!I4173</f>
        <v>0.44730440291445162</v>
      </c>
      <c r="J4147" s="59">
        <f>Bühler!J4173</f>
        <v>1.4910146763815055</v>
      </c>
      <c r="K4147" s="59">
        <f>Bühler!K4173</f>
        <v>2.236522014572258</v>
      </c>
      <c r="L4147" s="59">
        <f>Bühler!L4173</f>
        <v>10.73530566994684</v>
      </c>
      <c r="M4147" s="58">
        <f>Bühler!M4173</f>
        <v>0</v>
      </c>
      <c r="N4147" s="56">
        <f>IF(Input!$D$19=1,J4147*Input!$C$19,0)+IF(Input!$D$20=1,K4147*Input!$C$20,0)+IF(Input!$D$21=1,L4147*Input!$C$21,0)+IF(Input!$D$22=1,M4147*Input!$C$22,0)</f>
        <v>0.44730440291445167</v>
      </c>
      <c r="O4147" s="59">
        <f>IF(Input!$D$19=2,J4147*Input!$C$19,0)+IF(Input!$D$20=2,K4147*Input!$C$20,0)+IF(Input!$D$21=2,L4147*Input!$C$21,0)+IF(Input!$D$22=2,M4147*Input!$C$22,0)</f>
        <v>1.118261007286129</v>
      </c>
      <c r="P4147" s="59">
        <f>IF(Input!$D$19=3,J4147*Input!$C$19,0)+IF(Input!$D$20=3,K4147*Input!$C$20,0)+IF(Input!$D$21=3,L4147*Input!$C$21,0)+IF(Input!$D$22=3,M4147*Input!$C$22,0)</f>
        <v>0</v>
      </c>
      <c r="Q4147" s="75">
        <f>IF(Input!$D$19=4,J4147*Input!$C$19,0)+IF(Input!$D$20=4,K4147*Input!$C$20,0)+IF(Input!$D$21=4,L4147*Input!$C$21,0)+IF(Input!$D$22=4,M4147*Input!$C$22,0)</f>
        <v>0</v>
      </c>
      <c r="R4147" s="58">
        <v>67.956301495775861</v>
      </c>
      <c r="S4147" s="124">
        <f t="shared" si="64"/>
        <v>1.9383190792959573</v>
      </c>
    </row>
    <row r="4148" spans="8:19" x14ac:dyDescent="0.3">
      <c r="H4148" s="44">
        <v>4141</v>
      </c>
      <c r="I4148" s="56">
        <f>Bühler!I4174</f>
        <v>0.44730440291445162</v>
      </c>
      <c r="J4148" s="59">
        <f>Bühler!J4174</f>
        <v>1.4910146763815055</v>
      </c>
      <c r="K4148" s="59">
        <f>Bühler!K4174</f>
        <v>2.236522014572258</v>
      </c>
      <c r="L4148" s="59">
        <f>Bühler!L4174</f>
        <v>10.73530566994684</v>
      </c>
      <c r="M4148" s="58">
        <f>Bühler!M4174</f>
        <v>0</v>
      </c>
      <c r="N4148" s="56">
        <f>IF(Input!$D$19=1,J4148*Input!$C$19,0)+IF(Input!$D$20=1,K4148*Input!$C$20,0)+IF(Input!$D$21=1,L4148*Input!$C$21,0)+IF(Input!$D$22=1,M4148*Input!$C$22,0)</f>
        <v>0.44730440291445167</v>
      </c>
      <c r="O4148" s="59">
        <f>IF(Input!$D$19=2,J4148*Input!$C$19,0)+IF(Input!$D$20=2,K4148*Input!$C$20,0)+IF(Input!$D$21=2,L4148*Input!$C$21,0)+IF(Input!$D$22=2,M4148*Input!$C$22,0)</f>
        <v>1.118261007286129</v>
      </c>
      <c r="P4148" s="59">
        <f>IF(Input!$D$19=3,J4148*Input!$C$19,0)+IF(Input!$D$20=3,K4148*Input!$C$20,0)+IF(Input!$D$21=3,L4148*Input!$C$21,0)+IF(Input!$D$22=3,M4148*Input!$C$22,0)</f>
        <v>0</v>
      </c>
      <c r="Q4148" s="75">
        <f>IF(Input!$D$19=4,J4148*Input!$C$19,0)+IF(Input!$D$20=4,K4148*Input!$C$20,0)+IF(Input!$D$21=4,L4148*Input!$C$21,0)+IF(Input!$D$22=4,M4148*Input!$C$22,0)</f>
        <v>0</v>
      </c>
      <c r="R4148" s="58">
        <v>66.263204371849568</v>
      </c>
      <c r="S4148" s="124">
        <f t="shared" si="64"/>
        <v>1.9383190792959573</v>
      </c>
    </row>
    <row r="4149" spans="8:19" x14ac:dyDescent="0.3">
      <c r="H4149" s="44">
        <v>4142</v>
      </c>
      <c r="I4149" s="56">
        <f>Bühler!I4175</f>
        <v>0.44730440291445162</v>
      </c>
      <c r="J4149" s="59">
        <f>Bühler!J4175</f>
        <v>1.4910146763815055</v>
      </c>
      <c r="K4149" s="59">
        <f>Bühler!K4175</f>
        <v>2.236522014572258</v>
      </c>
      <c r="L4149" s="59">
        <f>Bühler!L4175</f>
        <v>10.73530566994684</v>
      </c>
      <c r="M4149" s="58">
        <f>Bühler!M4175</f>
        <v>0</v>
      </c>
      <c r="N4149" s="56">
        <f>IF(Input!$D$19=1,J4149*Input!$C$19,0)+IF(Input!$D$20=1,K4149*Input!$C$20,0)+IF(Input!$D$21=1,L4149*Input!$C$21,0)+IF(Input!$D$22=1,M4149*Input!$C$22,0)</f>
        <v>0.44730440291445167</v>
      </c>
      <c r="O4149" s="59">
        <f>IF(Input!$D$19=2,J4149*Input!$C$19,0)+IF(Input!$D$20=2,K4149*Input!$C$20,0)+IF(Input!$D$21=2,L4149*Input!$C$21,0)+IF(Input!$D$22=2,M4149*Input!$C$22,0)</f>
        <v>1.118261007286129</v>
      </c>
      <c r="P4149" s="59">
        <f>IF(Input!$D$19=3,J4149*Input!$C$19,0)+IF(Input!$D$20=3,K4149*Input!$C$20,0)+IF(Input!$D$21=3,L4149*Input!$C$21,0)+IF(Input!$D$22=3,M4149*Input!$C$22,0)</f>
        <v>0</v>
      </c>
      <c r="Q4149" s="75">
        <f>IF(Input!$D$19=4,J4149*Input!$C$19,0)+IF(Input!$D$20=4,K4149*Input!$C$20,0)+IF(Input!$D$21=4,L4149*Input!$C$21,0)+IF(Input!$D$22=4,M4149*Input!$C$22,0)</f>
        <v>0</v>
      </c>
      <c r="R4149" s="58">
        <v>66.186890011039111</v>
      </c>
      <c r="S4149" s="124">
        <f t="shared" si="64"/>
        <v>1.9383190792959573</v>
      </c>
    </row>
    <row r="4150" spans="8:19" x14ac:dyDescent="0.3">
      <c r="H4150" s="44">
        <v>4143</v>
      </c>
      <c r="I4150" s="56">
        <f>Bühler!I4176</f>
        <v>0.44730440291445162</v>
      </c>
      <c r="J4150" s="59">
        <f>Bühler!J4176</f>
        <v>1.4910146763815055</v>
      </c>
      <c r="K4150" s="59">
        <f>Bühler!K4176</f>
        <v>2.236522014572258</v>
      </c>
      <c r="L4150" s="59">
        <f>Bühler!L4176</f>
        <v>10.73530566994684</v>
      </c>
      <c r="M4150" s="58">
        <f>Bühler!M4176</f>
        <v>0</v>
      </c>
      <c r="N4150" s="56">
        <f>IF(Input!$D$19=1,J4150*Input!$C$19,0)+IF(Input!$D$20=1,K4150*Input!$C$20,0)+IF(Input!$D$21=1,L4150*Input!$C$21,0)+IF(Input!$D$22=1,M4150*Input!$C$22,0)</f>
        <v>0.44730440291445167</v>
      </c>
      <c r="O4150" s="59">
        <f>IF(Input!$D$19=2,J4150*Input!$C$19,0)+IF(Input!$D$20=2,K4150*Input!$C$20,0)+IF(Input!$D$21=2,L4150*Input!$C$21,0)+IF(Input!$D$22=2,M4150*Input!$C$22,0)</f>
        <v>1.118261007286129</v>
      </c>
      <c r="P4150" s="59">
        <f>IF(Input!$D$19=3,J4150*Input!$C$19,0)+IF(Input!$D$20=3,K4150*Input!$C$20,0)+IF(Input!$D$21=3,L4150*Input!$C$21,0)+IF(Input!$D$22=3,M4150*Input!$C$22,0)</f>
        <v>0</v>
      </c>
      <c r="Q4150" s="75">
        <f>IF(Input!$D$19=4,J4150*Input!$C$19,0)+IF(Input!$D$20=4,K4150*Input!$C$20,0)+IF(Input!$D$21=4,L4150*Input!$C$21,0)+IF(Input!$D$22=4,M4150*Input!$C$22,0)</f>
        <v>0</v>
      </c>
      <c r="R4150" s="58">
        <v>66.300243294406727</v>
      </c>
      <c r="S4150" s="124">
        <f t="shared" si="64"/>
        <v>1.9383190792959573</v>
      </c>
    </row>
    <row r="4151" spans="8:19" x14ac:dyDescent="0.3">
      <c r="H4151" s="44">
        <v>4144</v>
      </c>
      <c r="I4151" s="56">
        <f>Bühler!I4177</f>
        <v>0.37275366909537638</v>
      </c>
      <c r="J4151" s="59">
        <f>Bühler!J4177</f>
        <v>1.2425122303179215</v>
      </c>
      <c r="K4151" s="59">
        <f>Bühler!K4177</f>
        <v>1.8637683454768819</v>
      </c>
      <c r="L4151" s="59">
        <f>Bühler!L4177</f>
        <v>8.9460880582890336</v>
      </c>
      <c r="M4151" s="58">
        <f>Bühler!M4177</f>
        <v>0</v>
      </c>
      <c r="N4151" s="56">
        <f>IF(Input!$D$19=1,J4151*Input!$C$19,0)+IF(Input!$D$20=1,K4151*Input!$C$20,0)+IF(Input!$D$21=1,L4151*Input!$C$21,0)+IF(Input!$D$22=1,M4151*Input!$C$22,0)</f>
        <v>0.37275366909537644</v>
      </c>
      <c r="O4151" s="59">
        <f>IF(Input!$D$19=2,J4151*Input!$C$19,0)+IF(Input!$D$20=2,K4151*Input!$C$20,0)+IF(Input!$D$21=2,L4151*Input!$C$21,0)+IF(Input!$D$22=2,M4151*Input!$C$22,0)</f>
        <v>0.93188417273844093</v>
      </c>
      <c r="P4151" s="59">
        <f>IF(Input!$D$19=3,J4151*Input!$C$19,0)+IF(Input!$D$20=3,K4151*Input!$C$20,0)+IF(Input!$D$21=3,L4151*Input!$C$21,0)+IF(Input!$D$22=3,M4151*Input!$C$22,0)</f>
        <v>0</v>
      </c>
      <c r="Q4151" s="75">
        <f>IF(Input!$D$19=4,J4151*Input!$C$19,0)+IF(Input!$D$20=4,K4151*Input!$C$20,0)+IF(Input!$D$21=4,L4151*Input!$C$21,0)+IF(Input!$D$22=4,M4151*Input!$C$22,0)</f>
        <v>0</v>
      </c>
      <c r="R4151" s="58">
        <v>66.439176956510366</v>
      </c>
      <c r="S4151" s="124">
        <f t="shared" si="64"/>
        <v>1.6152658994132978</v>
      </c>
    </row>
    <row r="4152" spans="8:19" x14ac:dyDescent="0.3">
      <c r="H4152" s="44">
        <v>4145</v>
      </c>
      <c r="I4152" s="56">
        <f>Bühler!I4178</f>
        <v>0.35287347341028968</v>
      </c>
      <c r="J4152" s="59">
        <f>Bühler!J4178</f>
        <v>1.1762449113676323</v>
      </c>
      <c r="K4152" s="59">
        <f>Bühler!K4178</f>
        <v>1.7643673670514486</v>
      </c>
      <c r="L4152" s="59">
        <f>Bühler!L4178</f>
        <v>8.4689633618469529</v>
      </c>
      <c r="M4152" s="58">
        <f>Bühler!M4178</f>
        <v>0</v>
      </c>
      <c r="N4152" s="56">
        <f>IF(Input!$D$19=1,J4152*Input!$C$19,0)+IF(Input!$D$20=1,K4152*Input!$C$20,0)+IF(Input!$D$21=1,L4152*Input!$C$21,0)+IF(Input!$D$22=1,M4152*Input!$C$22,0)</f>
        <v>0.35287347341028968</v>
      </c>
      <c r="O4152" s="59">
        <f>IF(Input!$D$19=2,J4152*Input!$C$19,0)+IF(Input!$D$20=2,K4152*Input!$C$20,0)+IF(Input!$D$21=2,L4152*Input!$C$21,0)+IF(Input!$D$22=2,M4152*Input!$C$22,0)</f>
        <v>0.88218368352572429</v>
      </c>
      <c r="P4152" s="59">
        <f>IF(Input!$D$19=3,J4152*Input!$C$19,0)+IF(Input!$D$20=3,K4152*Input!$C$20,0)+IF(Input!$D$21=3,L4152*Input!$C$21,0)+IF(Input!$D$22=3,M4152*Input!$C$22,0)</f>
        <v>0</v>
      </c>
      <c r="Q4152" s="75">
        <f>IF(Input!$D$19=4,J4152*Input!$C$19,0)+IF(Input!$D$20=4,K4152*Input!$C$20,0)+IF(Input!$D$21=4,L4152*Input!$C$21,0)+IF(Input!$D$22=4,M4152*Input!$C$22,0)</f>
        <v>0</v>
      </c>
      <c r="R4152" s="58">
        <v>65.257884466563311</v>
      </c>
      <c r="S4152" s="124">
        <f t="shared" si="64"/>
        <v>1.5291183847779219</v>
      </c>
    </row>
    <row r="4153" spans="8:19" x14ac:dyDescent="0.3">
      <c r="H4153" s="44">
        <v>4146</v>
      </c>
      <c r="I4153" s="56">
        <f>Bühler!I4179</f>
        <v>0.35287347341028968</v>
      </c>
      <c r="J4153" s="59">
        <f>Bühler!J4179</f>
        <v>1.1762449113676323</v>
      </c>
      <c r="K4153" s="59">
        <f>Bühler!K4179</f>
        <v>1.7643673670514486</v>
      </c>
      <c r="L4153" s="59">
        <f>Bühler!L4179</f>
        <v>8.4689633618469529</v>
      </c>
      <c r="M4153" s="58">
        <f>Bühler!M4179</f>
        <v>0</v>
      </c>
      <c r="N4153" s="56">
        <f>IF(Input!$D$19=1,J4153*Input!$C$19,0)+IF(Input!$D$20=1,K4153*Input!$C$20,0)+IF(Input!$D$21=1,L4153*Input!$C$21,0)+IF(Input!$D$22=1,M4153*Input!$C$22,0)</f>
        <v>0.35287347341028968</v>
      </c>
      <c r="O4153" s="59">
        <f>IF(Input!$D$19=2,J4153*Input!$C$19,0)+IF(Input!$D$20=2,K4153*Input!$C$20,0)+IF(Input!$D$21=2,L4153*Input!$C$21,0)+IF(Input!$D$22=2,M4153*Input!$C$22,0)</f>
        <v>0.88218368352572429</v>
      </c>
      <c r="P4153" s="59">
        <f>IF(Input!$D$19=3,J4153*Input!$C$19,0)+IF(Input!$D$20=3,K4153*Input!$C$20,0)+IF(Input!$D$21=3,L4153*Input!$C$21,0)+IF(Input!$D$22=3,M4153*Input!$C$22,0)</f>
        <v>0</v>
      </c>
      <c r="Q4153" s="75">
        <f>IF(Input!$D$19=4,J4153*Input!$C$19,0)+IF(Input!$D$20=4,K4153*Input!$C$20,0)+IF(Input!$D$21=4,L4153*Input!$C$21,0)+IF(Input!$D$22=4,M4153*Input!$C$22,0)</f>
        <v>0</v>
      </c>
      <c r="R4153" s="58">
        <v>63.534649769944707</v>
      </c>
      <c r="S4153" s="124">
        <f t="shared" si="64"/>
        <v>1.5291183847779219</v>
      </c>
    </row>
    <row r="4154" spans="8:19" x14ac:dyDescent="0.3">
      <c r="H4154" s="44">
        <v>4147</v>
      </c>
      <c r="I4154" s="56">
        <f>Bühler!I4180</f>
        <v>0.35287347341028968</v>
      </c>
      <c r="J4154" s="59">
        <f>Bühler!J4180</f>
        <v>1.1762449113676323</v>
      </c>
      <c r="K4154" s="59">
        <f>Bühler!K4180</f>
        <v>1.7643673670514486</v>
      </c>
      <c r="L4154" s="59">
        <f>Bühler!L4180</f>
        <v>8.4689633618469529</v>
      </c>
      <c r="M4154" s="58">
        <f>Bühler!M4180</f>
        <v>0</v>
      </c>
      <c r="N4154" s="56">
        <f>IF(Input!$D$19=1,J4154*Input!$C$19,0)+IF(Input!$D$20=1,K4154*Input!$C$20,0)+IF(Input!$D$21=1,L4154*Input!$C$21,0)+IF(Input!$D$22=1,M4154*Input!$C$22,0)</f>
        <v>0.35287347341028968</v>
      </c>
      <c r="O4154" s="59">
        <f>IF(Input!$D$19=2,J4154*Input!$C$19,0)+IF(Input!$D$20=2,K4154*Input!$C$20,0)+IF(Input!$D$21=2,L4154*Input!$C$21,0)+IF(Input!$D$22=2,M4154*Input!$C$22,0)</f>
        <v>0.88218368352572429</v>
      </c>
      <c r="P4154" s="59">
        <f>IF(Input!$D$19=3,J4154*Input!$C$19,0)+IF(Input!$D$20=3,K4154*Input!$C$20,0)+IF(Input!$D$21=3,L4154*Input!$C$21,0)+IF(Input!$D$22=3,M4154*Input!$C$22,0)</f>
        <v>0</v>
      </c>
      <c r="Q4154" s="75">
        <f>IF(Input!$D$19=4,J4154*Input!$C$19,0)+IF(Input!$D$20=4,K4154*Input!$C$20,0)+IF(Input!$D$21=4,L4154*Input!$C$21,0)+IF(Input!$D$22=4,M4154*Input!$C$22,0)</f>
        <v>0</v>
      </c>
      <c r="R4154" s="58">
        <v>62.521810976147883</v>
      </c>
      <c r="S4154" s="124">
        <f t="shared" si="64"/>
        <v>1.5291183847779219</v>
      </c>
    </row>
    <row r="4155" spans="8:19" x14ac:dyDescent="0.3">
      <c r="H4155" s="44">
        <v>4148</v>
      </c>
      <c r="I4155" s="56">
        <f>Bühler!I4181</f>
        <v>0.35287347341028968</v>
      </c>
      <c r="J4155" s="59">
        <f>Bühler!J4181</f>
        <v>1.1762449113676323</v>
      </c>
      <c r="K4155" s="59">
        <f>Bühler!K4181</f>
        <v>1.7643673670514486</v>
      </c>
      <c r="L4155" s="59">
        <f>Bühler!L4181</f>
        <v>8.4689633618469529</v>
      </c>
      <c r="M4155" s="58">
        <f>Bühler!M4181</f>
        <v>0</v>
      </c>
      <c r="N4155" s="56">
        <f>IF(Input!$D$19=1,J4155*Input!$C$19,0)+IF(Input!$D$20=1,K4155*Input!$C$20,0)+IF(Input!$D$21=1,L4155*Input!$C$21,0)+IF(Input!$D$22=1,M4155*Input!$C$22,0)</f>
        <v>0.35287347341028968</v>
      </c>
      <c r="O4155" s="59">
        <f>IF(Input!$D$19=2,J4155*Input!$C$19,0)+IF(Input!$D$20=2,K4155*Input!$C$20,0)+IF(Input!$D$21=2,L4155*Input!$C$21,0)+IF(Input!$D$22=2,M4155*Input!$C$22,0)</f>
        <v>0.88218368352572429</v>
      </c>
      <c r="P4155" s="59">
        <f>IF(Input!$D$19=3,J4155*Input!$C$19,0)+IF(Input!$D$20=3,K4155*Input!$C$20,0)+IF(Input!$D$21=3,L4155*Input!$C$21,0)+IF(Input!$D$22=3,M4155*Input!$C$22,0)</f>
        <v>0</v>
      </c>
      <c r="Q4155" s="75">
        <f>IF(Input!$D$19=4,J4155*Input!$C$19,0)+IF(Input!$D$20=4,K4155*Input!$C$20,0)+IF(Input!$D$21=4,L4155*Input!$C$21,0)+IF(Input!$D$22=4,M4155*Input!$C$22,0)</f>
        <v>0</v>
      </c>
      <c r="R4155" s="58">
        <v>60.977856094025306</v>
      </c>
      <c r="S4155" s="124">
        <f t="shared" si="64"/>
        <v>1.5291183847779219</v>
      </c>
    </row>
    <row r="4156" spans="8:19" x14ac:dyDescent="0.3">
      <c r="H4156" s="44">
        <v>4149</v>
      </c>
      <c r="I4156" s="56">
        <f>Bühler!I4182</f>
        <v>0.27335269066994267</v>
      </c>
      <c r="J4156" s="59">
        <f>Bühler!J4182</f>
        <v>0.91117563556647563</v>
      </c>
      <c r="K4156" s="59">
        <f>Bühler!K4182</f>
        <v>1.3667634533497133</v>
      </c>
      <c r="L4156" s="59">
        <f>Bühler!L4182</f>
        <v>6.5604645760786244</v>
      </c>
      <c r="M4156" s="58">
        <f>Bühler!M4182</f>
        <v>0</v>
      </c>
      <c r="N4156" s="56">
        <f>IF(Input!$D$19=1,J4156*Input!$C$19,0)+IF(Input!$D$20=1,K4156*Input!$C$20,0)+IF(Input!$D$21=1,L4156*Input!$C$21,0)+IF(Input!$D$22=1,M4156*Input!$C$22,0)</f>
        <v>0.27335269066994267</v>
      </c>
      <c r="O4156" s="59">
        <f>IF(Input!$D$19=2,J4156*Input!$C$19,0)+IF(Input!$D$20=2,K4156*Input!$C$20,0)+IF(Input!$D$21=2,L4156*Input!$C$21,0)+IF(Input!$D$22=2,M4156*Input!$C$22,0)</f>
        <v>0.68338172667485664</v>
      </c>
      <c r="P4156" s="59">
        <f>IF(Input!$D$19=3,J4156*Input!$C$19,0)+IF(Input!$D$20=3,K4156*Input!$C$20,0)+IF(Input!$D$21=3,L4156*Input!$C$21,0)+IF(Input!$D$22=3,M4156*Input!$C$22,0)</f>
        <v>0</v>
      </c>
      <c r="Q4156" s="75">
        <f>IF(Input!$D$19=4,J4156*Input!$C$19,0)+IF(Input!$D$20=4,K4156*Input!$C$20,0)+IF(Input!$D$21=4,L4156*Input!$C$21,0)+IF(Input!$D$22=4,M4156*Input!$C$22,0)</f>
        <v>0</v>
      </c>
      <c r="R4156" s="58">
        <v>58.436200480186429</v>
      </c>
      <c r="S4156" s="124">
        <f t="shared" si="64"/>
        <v>1.1845283262364183</v>
      </c>
    </row>
    <row r="4157" spans="8:19" x14ac:dyDescent="0.3">
      <c r="H4157" s="44">
        <v>4150</v>
      </c>
      <c r="I4157" s="56">
        <f>Bühler!I4183</f>
        <v>0.10437102734670539</v>
      </c>
      <c r="J4157" s="59">
        <f>Bühler!J4183</f>
        <v>0.34790342448901801</v>
      </c>
      <c r="K4157" s="59">
        <f>Bühler!K4183</f>
        <v>0.5218551367335269</v>
      </c>
      <c r="L4157" s="59">
        <f>Bühler!L4183</f>
        <v>2.5049046563209294</v>
      </c>
      <c r="M4157" s="58">
        <f>Bühler!M4183</f>
        <v>0</v>
      </c>
      <c r="N4157" s="56">
        <f>IF(Input!$D$19=1,J4157*Input!$C$19,0)+IF(Input!$D$20=1,K4157*Input!$C$20,0)+IF(Input!$D$21=1,L4157*Input!$C$21,0)+IF(Input!$D$22=1,M4157*Input!$C$22,0)</f>
        <v>0.10437102734670541</v>
      </c>
      <c r="O4157" s="59">
        <f>IF(Input!$D$19=2,J4157*Input!$C$19,0)+IF(Input!$D$20=2,K4157*Input!$C$20,0)+IF(Input!$D$21=2,L4157*Input!$C$21,0)+IF(Input!$D$22=2,M4157*Input!$C$22,0)</f>
        <v>0.26092756836676345</v>
      </c>
      <c r="P4157" s="59">
        <f>IF(Input!$D$19=3,J4157*Input!$C$19,0)+IF(Input!$D$20=3,K4157*Input!$C$20,0)+IF(Input!$D$21=3,L4157*Input!$C$21,0)+IF(Input!$D$22=3,M4157*Input!$C$22,0)</f>
        <v>0</v>
      </c>
      <c r="Q4157" s="75">
        <f>IF(Input!$D$19=4,J4157*Input!$C$19,0)+IF(Input!$D$20=4,K4157*Input!$C$20,0)+IF(Input!$D$21=4,L4157*Input!$C$21,0)+IF(Input!$D$22=4,M4157*Input!$C$22,0)</f>
        <v>0</v>
      </c>
      <c r="R4157" s="58">
        <v>57.168477293154297</v>
      </c>
      <c r="S4157" s="124">
        <f t="shared" si="64"/>
        <v>0.4522744518357234</v>
      </c>
    </row>
    <row r="4158" spans="8:19" x14ac:dyDescent="0.3">
      <c r="H4158" s="44">
        <v>4151</v>
      </c>
      <c r="I4158" s="56">
        <f>Bühler!I4184</f>
        <v>0.10437102734670539</v>
      </c>
      <c r="J4158" s="59">
        <f>Bühler!J4184</f>
        <v>0.34790342448901801</v>
      </c>
      <c r="K4158" s="59">
        <f>Bühler!K4184</f>
        <v>0.5218551367335269</v>
      </c>
      <c r="L4158" s="59">
        <f>Bühler!L4184</f>
        <v>2.5049046563209294</v>
      </c>
      <c r="M4158" s="58">
        <f>Bühler!M4184</f>
        <v>0</v>
      </c>
      <c r="N4158" s="56">
        <f>IF(Input!$D$19=1,J4158*Input!$C$19,0)+IF(Input!$D$20=1,K4158*Input!$C$20,0)+IF(Input!$D$21=1,L4158*Input!$C$21,0)+IF(Input!$D$22=1,M4158*Input!$C$22,0)</f>
        <v>0.10437102734670541</v>
      </c>
      <c r="O4158" s="59">
        <f>IF(Input!$D$19=2,J4158*Input!$C$19,0)+IF(Input!$D$20=2,K4158*Input!$C$20,0)+IF(Input!$D$21=2,L4158*Input!$C$21,0)+IF(Input!$D$22=2,M4158*Input!$C$22,0)</f>
        <v>0.26092756836676345</v>
      </c>
      <c r="P4158" s="59">
        <f>IF(Input!$D$19=3,J4158*Input!$C$19,0)+IF(Input!$D$20=3,K4158*Input!$C$20,0)+IF(Input!$D$21=3,L4158*Input!$C$21,0)+IF(Input!$D$22=3,M4158*Input!$C$22,0)</f>
        <v>0</v>
      </c>
      <c r="Q4158" s="75">
        <f>IF(Input!$D$19=4,J4158*Input!$C$19,0)+IF(Input!$D$20=4,K4158*Input!$C$20,0)+IF(Input!$D$21=4,L4158*Input!$C$21,0)+IF(Input!$D$22=4,M4158*Input!$C$22,0)</f>
        <v>0</v>
      </c>
      <c r="R4158" s="58">
        <v>56.764263699932947</v>
      </c>
      <c r="S4158" s="124">
        <f t="shared" si="64"/>
        <v>0.4522744518357234</v>
      </c>
    </row>
    <row r="4159" spans="8:19" x14ac:dyDescent="0.3">
      <c r="H4159" s="44">
        <v>4152</v>
      </c>
      <c r="I4159" s="56">
        <f>Bühler!I4185</f>
        <v>0.10437102734670539</v>
      </c>
      <c r="J4159" s="59">
        <f>Bühler!J4185</f>
        <v>0.34790342448901801</v>
      </c>
      <c r="K4159" s="59">
        <f>Bühler!K4185</f>
        <v>0.5218551367335269</v>
      </c>
      <c r="L4159" s="59">
        <f>Bühler!L4185</f>
        <v>2.5049046563209294</v>
      </c>
      <c r="M4159" s="58">
        <f>Bühler!M4185</f>
        <v>0</v>
      </c>
      <c r="N4159" s="56">
        <f>IF(Input!$D$19=1,J4159*Input!$C$19,0)+IF(Input!$D$20=1,K4159*Input!$C$20,0)+IF(Input!$D$21=1,L4159*Input!$C$21,0)+IF(Input!$D$22=1,M4159*Input!$C$22,0)</f>
        <v>0.10437102734670541</v>
      </c>
      <c r="O4159" s="59">
        <f>IF(Input!$D$19=2,J4159*Input!$C$19,0)+IF(Input!$D$20=2,K4159*Input!$C$20,0)+IF(Input!$D$21=2,L4159*Input!$C$21,0)+IF(Input!$D$22=2,M4159*Input!$C$22,0)</f>
        <v>0.26092756836676345</v>
      </c>
      <c r="P4159" s="59">
        <f>IF(Input!$D$19=3,J4159*Input!$C$19,0)+IF(Input!$D$20=3,K4159*Input!$C$20,0)+IF(Input!$D$21=3,L4159*Input!$C$21,0)+IF(Input!$D$22=3,M4159*Input!$C$22,0)</f>
        <v>0</v>
      </c>
      <c r="Q4159" s="75">
        <f>IF(Input!$D$19=4,J4159*Input!$C$19,0)+IF(Input!$D$20=4,K4159*Input!$C$20,0)+IF(Input!$D$21=4,L4159*Input!$C$21,0)+IF(Input!$D$22=4,M4159*Input!$C$22,0)</f>
        <v>0</v>
      </c>
      <c r="R4159" s="58">
        <v>56.165027636558619</v>
      </c>
      <c r="S4159" s="124">
        <f t="shared" si="64"/>
        <v>0.4522744518357234</v>
      </c>
    </row>
    <row r="4160" spans="8:19" x14ac:dyDescent="0.3">
      <c r="H4160" s="44">
        <v>4153</v>
      </c>
      <c r="I4160" s="56">
        <f>Bühler!I4186</f>
        <v>5.1994253112273375E-2</v>
      </c>
      <c r="J4160" s="59">
        <f>Bühler!J4186</f>
        <v>0.17331417704091129</v>
      </c>
      <c r="K4160" s="59">
        <f>Bühler!K4186</f>
        <v>0.2599712655613669</v>
      </c>
      <c r="L4160" s="59">
        <f>Bühler!L4186</f>
        <v>3.6200310582980553</v>
      </c>
      <c r="M4160" s="58">
        <f>Bühler!M4186</f>
        <v>0</v>
      </c>
      <c r="N4160" s="56">
        <f>IF(Input!$D$19=1,J4160*Input!$C$19,0)+IF(Input!$D$20=1,K4160*Input!$C$20,0)+IF(Input!$D$21=1,L4160*Input!$C$21,0)+IF(Input!$D$22=1,M4160*Input!$C$22,0)</f>
        <v>5.1994253112273382E-2</v>
      </c>
      <c r="O4160" s="59">
        <f>IF(Input!$D$19=2,J4160*Input!$C$19,0)+IF(Input!$D$20=2,K4160*Input!$C$20,0)+IF(Input!$D$21=2,L4160*Input!$C$21,0)+IF(Input!$D$22=2,M4160*Input!$C$22,0)</f>
        <v>0.12998563278068345</v>
      </c>
      <c r="P4160" s="59">
        <f>IF(Input!$D$19=3,J4160*Input!$C$19,0)+IF(Input!$D$20=3,K4160*Input!$C$20,0)+IF(Input!$D$21=3,L4160*Input!$C$21,0)+IF(Input!$D$22=3,M4160*Input!$C$22,0)</f>
        <v>0</v>
      </c>
      <c r="Q4160" s="75">
        <f>IF(Input!$D$19=4,J4160*Input!$C$19,0)+IF(Input!$D$20=4,K4160*Input!$C$20,0)+IF(Input!$D$21=4,L4160*Input!$C$21,0)+IF(Input!$D$22=4,M4160*Input!$C$22,0)</f>
        <v>0</v>
      </c>
      <c r="R4160" s="58">
        <v>55.08473116491664</v>
      </c>
      <c r="S4160" s="124">
        <f t="shared" si="64"/>
        <v>0.22530843015318466</v>
      </c>
    </row>
    <row r="4161" spans="8:19" x14ac:dyDescent="0.3">
      <c r="H4161" s="44">
        <v>4154</v>
      </c>
      <c r="I4161" s="56">
        <f>Bühler!I4187</f>
        <v>0.10151258940967663</v>
      </c>
      <c r="J4161" s="59">
        <f>Bühler!J4187</f>
        <v>0.33837529803225547</v>
      </c>
      <c r="K4161" s="59">
        <f>Bühler!K4187</f>
        <v>0.50756294704838323</v>
      </c>
      <c r="L4161" s="59">
        <f>Bühler!L4187</f>
        <v>7.0676796852485841</v>
      </c>
      <c r="M4161" s="58">
        <f>Bühler!M4187</f>
        <v>0</v>
      </c>
      <c r="N4161" s="56">
        <f>IF(Input!$D$19=1,J4161*Input!$C$19,0)+IF(Input!$D$20=1,K4161*Input!$C$20,0)+IF(Input!$D$21=1,L4161*Input!$C$21,0)+IF(Input!$D$22=1,M4161*Input!$C$22,0)</f>
        <v>0.10151258940967664</v>
      </c>
      <c r="O4161" s="59">
        <f>IF(Input!$D$19=2,J4161*Input!$C$19,0)+IF(Input!$D$20=2,K4161*Input!$C$20,0)+IF(Input!$D$21=2,L4161*Input!$C$21,0)+IF(Input!$D$22=2,M4161*Input!$C$22,0)</f>
        <v>0.25378147352419161</v>
      </c>
      <c r="P4161" s="59">
        <f>IF(Input!$D$19=3,J4161*Input!$C$19,0)+IF(Input!$D$20=3,K4161*Input!$C$20,0)+IF(Input!$D$21=3,L4161*Input!$C$21,0)+IF(Input!$D$22=3,M4161*Input!$C$22,0)</f>
        <v>0</v>
      </c>
      <c r="Q4161" s="75">
        <f>IF(Input!$D$19=4,J4161*Input!$C$19,0)+IF(Input!$D$20=4,K4161*Input!$C$20,0)+IF(Input!$D$21=4,L4161*Input!$C$21,0)+IF(Input!$D$22=4,M4161*Input!$C$22,0)</f>
        <v>0</v>
      </c>
      <c r="R4161" s="58">
        <v>53.956868330424655</v>
      </c>
      <c r="S4161" s="124">
        <f t="shared" si="64"/>
        <v>0.43988788744193208</v>
      </c>
    </row>
    <row r="4162" spans="8:19" x14ac:dyDescent="0.3">
      <c r="H4162" s="44">
        <v>4155</v>
      </c>
      <c r="I4162" s="56">
        <f>Bühler!I4188</f>
        <v>0.10151258940967663</v>
      </c>
      <c r="J4162" s="59">
        <f>Bühler!J4188</f>
        <v>0.33837529803225547</v>
      </c>
      <c r="K4162" s="59">
        <f>Bühler!K4188</f>
        <v>0.50756294704838323</v>
      </c>
      <c r="L4162" s="59">
        <f>Bühler!L4188</f>
        <v>7.0676796852485841</v>
      </c>
      <c r="M4162" s="58">
        <f>Bühler!M4188</f>
        <v>0</v>
      </c>
      <c r="N4162" s="56">
        <f>IF(Input!$D$19=1,J4162*Input!$C$19,0)+IF(Input!$D$20=1,K4162*Input!$C$20,0)+IF(Input!$D$21=1,L4162*Input!$C$21,0)+IF(Input!$D$22=1,M4162*Input!$C$22,0)</f>
        <v>0.10151258940967664</v>
      </c>
      <c r="O4162" s="59">
        <f>IF(Input!$D$19=2,J4162*Input!$C$19,0)+IF(Input!$D$20=2,K4162*Input!$C$20,0)+IF(Input!$D$21=2,L4162*Input!$C$21,0)+IF(Input!$D$22=2,M4162*Input!$C$22,0)</f>
        <v>0.25378147352419161</v>
      </c>
      <c r="P4162" s="59">
        <f>IF(Input!$D$19=3,J4162*Input!$C$19,0)+IF(Input!$D$20=3,K4162*Input!$C$20,0)+IF(Input!$D$21=3,L4162*Input!$C$21,0)+IF(Input!$D$22=3,M4162*Input!$C$22,0)</f>
        <v>0</v>
      </c>
      <c r="Q4162" s="75">
        <f>IF(Input!$D$19=4,J4162*Input!$C$19,0)+IF(Input!$D$20=4,K4162*Input!$C$20,0)+IF(Input!$D$21=4,L4162*Input!$C$21,0)+IF(Input!$D$22=4,M4162*Input!$C$22,0)</f>
        <v>0</v>
      </c>
      <c r="R4162" s="58">
        <v>52.732151899796044</v>
      </c>
      <c r="S4162" s="124">
        <f t="shared" si="64"/>
        <v>0.43988788744193208</v>
      </c>
    </row>
    <row r="4163" spans="8:19" x14ac:dyDescent="0.3">
      <c r="H4163" s="44">
        <v>4156</v>
      </c>
      <c r="I4163" s="56">
        <f>Bühler!I4189</f>
        <v>0.10151258940967663</v>
      </c>
      <c r="J4163" s="59">
        <f>Bühler!J4189</f>
        <v>0.33837529803225547</v>
      </c>
      <c r="K4163" s="59">
        <f>Bühler!K4189</f>
        <v>0.50756294704838323</v>
      </c>
      <c r="L4163" s="59">
        <f>Bühler!L4189</f>
        <v>7.0676796852485841</v>
      </c>
      <c r="M4163" s="58">
        <f>Bühler!M4189</f>
        <v>0</v>
      </c>
      <c r="N4163" s="56">
        <f>IF(Input!$D$19=1,J4163*Input!$C$19,0)+IF(Input!$D$20=1,K4163*Input!$C$20,0)+IF(Input!$D$21=1,L4163*Input!$C$21,0)+IF(Input!$D$22=1,M4163*Input!$C$22,0)</f>
        <v>0.10151258940967664</v>
      </c>
      <c r="O4163" s="59">
        <f>IF(Input!$D$19=2,J4163*Input!$C$19,0)+IF(Input!$D$20=2,K4163*Input!$C$20,0)+IF(Input!$D$21=2,L4163*Input!$C$21,0)+IF(Input!$D$22=2,M4163*Input!$C$22,0)</f>
        <v>0.25378147352419161</v>
      </c>
      <c r="P4163" s="59">
        <f>IF(Input!$D$19=3,J4163*Input!$C$19,0)+IF(Input!$D$20=3,K4163*Input!$C$20,0)+IF(Input!$D$21=3,L4163*Input!$C$21,0)+IF(Input!$D$22=3,M4163*Input!$C$22,0)</f>
        <v>0</v>
      </c>
      <c r="Q4163" s="75">
        <f>IF(Input!$D$19=4,J4163*Input!$C$19,0)+IF(Input!$D$20=4,K4163*Input!$C$20,0)+IF(Input!$D$21=4,L4163*Input!$C$21,0)+IF(Input!$D$22=4,M4163*Input!$C$22,0)</f>
        <v>0</v>
      </c>
      <c r="R4163" s="58">
        <v>51.910759834198188</v>
      </c>
      <c r="S4163" s="124">
        <f t="shared" si="64"/>
        <v>0.43988788744193208</v>
      </c>
    </row>
    <row r="4164" spans="8:19" x14ac:dyDescent="0.3">
      <c r="H4164" s="44">
        <v>4157</v>
      </c>
      <c r="I4164" s="56">
        <f>Bühler!I4190</f>
        <v>0.10151258940967663</v>
      </c>
      <c r="J4164" s="59">
        <f>Bühler!J4190</f>
        <v>0.33837529803225547</v>
      </c>
      <c r="K4164" s="59">
        <f>Bühler!K4190</f>
        <v>0.50756294704838323</v>
      </c>
      <c r="L4164" s="59">
        <f>Bühler!L4190</f>
        <v>7.0676796852485841</v>
      </c>
      <c r="M4164" s="58">
        <f>Bühler!M4190</f>
        <v>0</v>
      </c>
      <c r="N4164" s="56">
        <f>IF(Input!$D$19=1,J4164*Input!$C$19,0)+IF(Input!$D$20=1,K4164*Input!$C$20,0)+IF(Input!$D$21=1,L4164*Input!$C$21,0)+IF(Input!$D$22=1,M4164*Input!$C$22,0)</f>
        <v>0.10151258940967664</v>
      </c>
      <c r="O4164" s="59">
        <f>IF(Input!$D$19=2,J4164*Input!$C$19,0)+IF(Input!$D$20=2,K4164*Input!$C$20,0)+IF(Input!$D$21=2,L4164*Input!$C$21,0)+IF(Input!$D$22=2,M4164*Input!$C$22,0)</f>
        <v>0.25378147352419161</v>
      </c>
      <c r="P4164" s="59">
        <f>IF(Input!$D$19=3,J4164*Input!$C$19,0)+IF(Input!$D$20=3,K4164*Input!$C$20,0)+IF(Input!$D$21=3,L4164*Input!$C$21,0)+IF(Input!$D$22=3,M4164*Input!$C$22,0)</f>
        <v>0</v>
      </c>
      <c r="Q4164" s="75">
        <f>IF(Input!$D$19=4,J4164*Input!$C$19,0)+IF(Input!$D$20=4,K4164*Input!$C$20,0)+IF(Input!$D$21=4,L4164*Input!$C$21,0)+IF(Input!$D$22=4,M4164*Input!$C$22,0)</f>
        <v>0</v>
      </c>
      <c r="R4164" s="58">
        <v>50.097369026080443</v>
      </c>
      <c r="S4164" s="124">
        <f t="shared" si="64"/>
        <v>0.43988788744193208</v>
      </c>
    </row>
    <row r="4165" spans="8:19" x14ac:dyDescent="0.3">
      <c r="H4165" s="44">
        <v>4158</v>
      </c>
      <c r="I4165" s="56">
        <f>Bühler!I4191</f>
        <v>0.12627175755837822</v>
      </c>
      <c r="J4165" s="59">
        <f>Bühler!J4191</f>
        <v>0.42090585852792745</v>
      </c>
      <c r="K4165" s="59">
        <f>Bühler!K4191</f>
        <v>0.63135878779189125</v>
      </c>
      <c r="L4165" s="59">
        <f>Bühler!L4191</f>
        <v>8.791503998723849</v>
      </c>
      <c r="M4165" s="58">
        <f>Bühler!M4191</f>
        <v>0</v>
      </c>
      <c r="N4165" s="56">
        <f>IF(Input!$D$19=1,J4165*Input!$C$19,0)+IF(Input!$D$20=1,K4165*Input!$C$20,0)+IF(Input!$D$21=1,L4165*Input!$C$21,0)+IF(Input!$D$22=1,M4165*Input!$C$22,0)</f>
        <v>0.12627175755837822</v>
      </c>
      <c r="O4165" s="59">
        <f>IF(Input!$D$19=2,J4165*Input!$C$19,0)+IF(Input!$D$20=2,K4165*Input!$C$20,0)+IF(Input!$D$21=2,L4165*Input!$C$21,0)+IF(Input!$D$22=2,M4165*Input!$C$22,0)</f>
        <v>0.31567939389594563</v>
      </c>
      <c r="P4165" s="59">
        <f>IF(Input!$D$19=3,J4165*Input!$C$19,0)+IF(Input!$D$20=3,K4165*Input!$C$20,0)+IF(Input!$D$21=3,L4165*Input!$C$21,0)+IF(Input!$D$22=3,M4165*Input!$C$22,0)</f>
        <v>0</v>
      </c>
      <c r="Q4165" s="75">
        <f>IF(Input!$D$19=4,J4165*Input!$C$19,0)+IF(Input!$D$20=4,K4165*Input!$C$20,0)+IF(Input!$D$21=4,L4165*Input!$C$21,0)+IF(Input!$D$22=4,M4165*Input!$C$22,0)</f>
        <v>0</v>
      </c>
      <c r="R4165" s="58">
        <v>48.978122802359913</v>
      </c>
      <c r="S4165" s="124">
        <f t="shared" si="64"/>
        <v>0.54717761608630566</v>
      </c>
    </row>
    <row r="4166" spans="8:19" x14ac:dyDescent="0.3">
      <c r="H4166" s="44">
        <v>4159</v>
      </c>
      <c r="I4166" s="56">
        <f>Bühler!I4192</f>
        <v>0.15845867615169032</v>
      </c>
      <c r="J4166" s="59">
        <f>Bühler!J4192</f>
        <v>0.52819558717230108</v>
      </c>
      <c r="K4166" s="59">
        <f>Bühler!K4192</f>
        <v>0.79229338075845168</v>
      </c>
      <c r="L4166" s="59">
        <f>Bühler!L4192</f>
        <v>11.032475606241693</v>
      </c>
      <c r="M4166" s="58">
        <f>Bühler!M4192</f>
        <v>0</v>
      </c>
      <c r="N4166" s="56">
        <f>IF(Input!$D$19=1,J4166*Input!$C$19,0)+IF(Input!$D$20=1,K4166*Input!$C$20,0)+IF(Input!$D$21=1,L4166*Input!$C$21,0)+IF(Input!$D$22=1,M4166*Input!$C$22,0)</f>
        <v>0.15845867615169032</v>
      </c>
      <c r="O4166" s="59">
        <f>IF(Input!$D$19=2,J4166*Input!$C$19,0)+IF(Input!$D$20=2,K4166*Input!$C$20,0)+IF(Input!$D$21=2,L4166*Input!$C$21,0)+IF(Input!$D$22=2,M4166*Input!$C$22,0)</f>
        <v>0.39614669037922584</v>
      </c>
      <c r="P4166" s="59">
        <f>IF(Input!$D$19=3,J4166*Input!$C$19,0)+IF(Input!$D$20=3,K4166*Input!$C$20,0)+IF(Input!$D$21=3,L4166*Input!$C$21,0)+IF(Input!$D$22=3,M4166*Input!$C$22,0)</f>
        <v>0</v>
      </c>
      <c r="Q4166" s="75">
        <f>IF(Input!$D$19=4,J4166*Input!$C$19,0)+IF(Input!$D$20=4,K4166*Input!$C$20,0)+IF(Input!$D$21=4,L4166*Input!$C$21,0)+IF(Input!$D$22=4,M4166*Input!$C$22,0)</f>
        <v>0</v>
      </c>
      <c r="R4166" s="58">
        <v>48.393613069408168</v>
      </c>
      <c r="S4166" s="124">
        <f t="shared" si="64"/>
        <v>0.68665426332399138</v>
      </c>
    </row>
    <row r="4167" spans="8:19" x14ac:dyDescent="0.3">
      <c r="H4167" s="44">
        <v>4160</v>
      </c>
      <c r="I4167" s="56">
        <f>Bühler!I4193</f>
        <v>0.18074192748552179</v>
      </c>
      <c r="J4167" s="59">
        <f>Bühler!J4193</f>
        <v>0.60247309161840601</v>
      </c>
      <c r="K4167" s="59">
        <f>Bühler!K4193</f>
        <v>0.90370963742760901</v>
      </c>
      <c r="L4167" s="59">
        <f>Bühler!L4193</f>
        <v>12.583917488369432</v>
      </c>
      <c r="M4167" s="58">
        <f>Bühler!M4193</f>
        <v>0</v>
      </c>
      <c r="N4167" s="56">
        <f>IF(Input!$D$19=1,J4167*Input!$C$19,0)+IF(Input!$D$20=1,K4167*Input!$C$20,0)+IF(Input!$D$21=1,L4167*Input!$C$21,0)+IF(Input!$D$22=1,M4167*Input!$C$22,0)</f>
        <v>0.18074192748552179</v>
      </c>
      <c r="O4167" s="59">
        <f>IF(Input!$D$19=2,J4167*Input!$C$19,0)+IF(Input!$D$20=2,K4167*Input!$C$20,0)+IF(Input!$D$21=2,L4167*Input!$C$21,0)+IF(Input!$D$22=2,M4167*Input!$C$22,0)</f>
        <v>0.45185481871380451</v>
      </c>
      <c r="P4167" s="59">
        <f>IF(Input!$D$19=3,J4167*Input!$C$19,0)+IF(Input!$D$20=3,K4167*Input!$C$20,0)+IF(Input!$D$21=3,L4167*Input!$C$21,0)+IF(Input!$D$22=3,M4167*Input!$C$22,0)</f>
        <v>0</v>
      </c>
      <c r="Q4167" s="75">
        <f>IF(Input!$D$19=4,J4167*Input!$C$19,0)+IF(Input!$D$20=4,K4167*Input!$C$20,0)+IF(Input!$D$21=4,L4167*Input!$C$21,0)+IF(Input!$D$22=4,M4167*Input!$C$22,0)</f>
        <v>0</v>
      </c>
      <c r="R4167" s="58">
        <v>49.042226706961678</v>
      </c>
      <c r="S4167" s="124">
        <f t="shared" si="64"/>
        <v>0.78321501910392777</v>
      </c>
    </row>
    <row r="4168" spans="8:19" x14ac:dyDescent="0.3">
      <c r="H4168" s="44">
        <v>4161</v>
      </c>
      <c r="I4168" s="56">
        <f>Bühler!I4194</f>
        <v>0.18074192748552179</v>
      </c>
      <c r="J4168" s="59">
        <f>Bühler!J4194</f>
        <v>0.60247309161840601</v>
      </c>
      <c r="K4168" s="59">
        <f>Bühler!K4194</f>
        <v>0.90370963742760901</v>
      </c>
      <c r="L4168" s="59">
        <f>Bühler!L4194</f>
        <v>12.583917488369432</v>
      </c>
      <c r="M4168" s="58">
        <f>Bühler!M4194</f>
        <v>0</v>
      </c>
      <c r="N4168" s="56">
        <f>IF(Input!$D$19=1,J4168*Input!$C$19,0)+IF(Input!$D$20=1,K4168*Input!$C$20,0)+IF(Input!$D$21=1,L4168*Input!$C$21,0)+IF(Input!$D$22=1,M4168*Input!$C$22,0)</f>
        <v>0.18074192748552179</v>
      </c>
      <c r="O4168" s="59">
        <f>IF(Input!$D$19=2,J4168*Input!$C$19,0)+IF(Input!$D$20=2,K4168*Input!$C$20,0)+IF(Input!$D$21=2,L4168*Input!$C$21,0)+IF(Input!$D$22=2,M4168*Input!$C$22,0)</f>
        <v>0.45185481871380451</v>
      </c>
      <c r="P4168" s="59">
        <f>IF(Input!$D$19=3,J4168*Input!$C$19,0)+IF(Input!$D$20=3,K4168*Input!$C$20,0)+IF(Input!$D$21=3,L4168*Input!$C$21,0)+IF(Input!$D$22=3,M4168*Input!$C$22,0)</f>
        <v>0</v>
      </c>
      <c r="Q4168" s="75">
        <f>IF(Input!$D$19=4,J4168*Input!$C$19,0)+IF(Input!$D$20=4,K4168*Input!$C$20,0)+IF(Input!$D$21=4,L4168*Input!$C$21,0)+IF(Input!$D$22=4,M4168*Input!$C$22,0)</f>
        <v>0</v>
      </c>
      <c r="R4168" s="58">
        <v>48.875667070583987</v>
      </c>
      <c r="S4168" s="124">
        <f t="shared" si="64"/>
        <v>0.78321501910392777</v>
      </c>
    </row>
    <row r="4169" spans="8:19" x14ac:dyDescent="0.3">
      <c r="H4169" s="44">
        <v>4162</v>
      </c>
      <c r="I4169" s="56">
        <f>Bühler!I4195</f>
        <v>0.18074192748552179</v>
      </c>
      <c r="J4169" s="59">
        <f>Bühler!J4195</f>
        <v>0.60247309161840601</v>
      </c>
      <c r="K4169" s="59">
        <f>Bühler!K4195</f>
        <v>0.90370963742760901</v>
      </c>
      <c r="L4169" s="59">
        <f>Bühler!L4195</f>
        <v>12.583917488369432</v>
      </c>
      <c r="M4169" s="58">
        <f>Bühler!M4195</f>
        <v>0</v>
      </c>
      <c r="N4169" s="56">
        <f>IF(Input!$D$19=1,J4169*Input!$C$19,0)+IF(Input!$D$20=1,K4169*Input!$C$20,0)+IF(Input!$D$21=1,L4169*Input!$C$21,0)+IF(Input!$D$22=1,M4169*Input!$C$22,0)</f>
        <v>0.18074192748552179</v>
      </c>
      <c r="O4169" s="59">
        <f>IF(Input!$D$19=2,J4169*Input!$C$19,0)+IF(Input!$D$20=2,K4169*Input!$C$20,0)+IF(Input!$D$21=2,L4169*Input!$C$21,0)+IF(Input!$D$22=2,M4169*Input!$C$22,0)</f>
        <v>0.45185481871380451</v>
      </c>
      <c r="P4169" s="59">
        <f>IF(Input!$D$19=3,J4169*Input!$C$19,0)+IF(Input!$D$20=3,K4169*Input!$C$20,0)+IF(Input!$D$21=3,L4169*Input!$C$21,0)+IF(Input!$D$22=3,M4169*Input!$C$22,0)</f>
        <v>0</v>
      </c>
      <c r="Q4169" s="75">
        <f>IF(Input!$D$19=4,J4169*Input!$C$19,0)+IF(Input!$D$20=4,K4169*Input!$C$20,0)+IF(Input!$D$21=4,L4169*Input!$C$21,0)+IF(Input!$D$22=4,M4169*Input!$C$22,0)</f>
        <v>0</v>
      </c>
      <c r="R4169" s="58">
        <v>48.65312760010378</v>
      </c>
      <c r="S4169" s="124">
        <f t="shared" ref="S4169:S4232" si="65">I4169+J4169</f>
        <v>0.78321501910392777</v>
      </c>
    </row>
    <row r="4170" spans="8:19" x14ac:dyDescent="0.3">
      <c r="H4170" s="44">
        <v>4163</v>
      </c>
      <c r="I4170" s="56">
        <f>Bühler!I4196</f>
        <v>0.18074192748552179</v>
      </c>
      <c r="J4170" s="59">
        <f>Bühler!J4196</f>
        <v>0.60247309161840601</v>
      </c>
      <c r="K4170" s="59">
        <f>Bühler!K4196</f>
        <v>0.90370963742760901</v>
      </c>
      <c r="L4170" s="59">
        <f>Bühler!L4196</f>
        <v>12.583917488369432</v>
      </c>
      <c r="M4170" s="58">
        <f>Bühler!M4196</f>
        <v>0</v>
      </c>
      <c r="N4170" s="56">
        <f>IF(Input!$D$19=1,J4170*Input!$C$19,0)+IF(Input!$D$20=1,K4170*Input!$C$20,0)+IF(Input!$D$21=1,L4170*Input!$C$21,0)+IF(Input!$D$22=1,M4170*Input!$C$22,0)</f>
        <v>0.18074192748552179</v>
      </c>
      <c r="O4170" s="59">
        <f>IF(Input!$D$19=2,J4170*Input!$C$19,0)+IF(Input!$D$20=2,K4170*Input!$C$20,0)+IF(Input!$D$21=2,L4170*Input!$C$21,0)+IF(Input!$D$22=2,M4170*Input!$C$22,0)</f>
        <v>0.45185481871380451</v>
      </c>
      <c r="P4170" s="59">
        <f>IF(Input!$D$19=3,J4170*Input!$C$19,0)+IF(Input!$D$20=3,K4170*Input!$C$20,0)+IF(Input!$D$21=3,L4170*Input!$C$21,0)+IF(Input!$D$22=3,M4170*Input!$C$22,0)</f>
        <v>0</v>
      </c>
      <c r="Q4170" s="75">
        <f>IF(Input!$D$19=4,J4170*Input!$C$19,0)+IF(Input!$D$20=4,K4170*Input!$C$20,0)+IF(Input!$D$21=4,L4170*Input!$C$21,0)+IF(Input!$D$22=4,M4170*Input!$C$22,0)</f>
        <v>0</v>
      </c>
      <c r="R4170" s="58">
        <v>48.528413684711701</v>
      </c>
      <c r="S4170" s="124">
        <f t="shared" si="65"/>
        <v>0.78321501910392777</v>
      </c>
    </row>
    <row r="4171" spans="8:19" x14ac:dyDescent="0.3">
      <c r="H4171" s="44">
        <v>4164</v>
      </c>
      <c r="I4171" s="56">
        <f>Bühler!I4197</f>
        <v>0.18074192748552179</v>
      </c>
      <c r="J4171" s="59">
        <f>Bühler!J4197</f>
        <v>0.60247309161840601</v>
      </c>
      <c r="K4171" s="59">
        <f>Bühler!K4197</f>
        <v>0.90370963742760901</v>
      </c>
      <c r="L4171" s="59">
        <f>Bühler!L4197</f>
        <v>12.583917488369432</v>
      </c>
      <c r="M4171" s="58">
        <f>Bühler!M4197</f>
        <v>0</v>
      </c>
      <c r="N4171" s="56">
        <f>IF(Input!$D$19=1,J4171*Input!$C$19,0)+IF(Input!$D$20=1,K4171*Input!$C$20,0)+IF(Input!$D$21=1,L4171*Input!$C$21,0)+IF(Input!$D$22=1,M4171*Input!$C$22,0)</f>
        <v>0.18074192748552179</v>
      </c>
      <c r="O4171" s="59">
        <f>IF(Input!$D$19=2,J4171*Input!$C$19,0)+IF(Input!$D$20=2,K4171*Input!$C$20,0)+IF(Input!$D$21=2,L4171*Input!$C$21,0)+IF(Input!$D$22=2,M4171*Input!$C$22,0)</f>
        <v>0.45185481871380451</v>
      </c>
      <c r="P4171" s="59">
        <f>IF(Input!$D$19=3,J4171*Input!$C$19,0)+IF(Input!$D$20=3,K4171*Input!$C$20,0)+IF(Input!$D$21=3,L4171*Input!$C$21,0)+IF(Input!$D$22=3,M4171*Input!$C$22,0)</f>
        <v>0</v>
      </c>
      <c r="Q4171" s="75">
        <f>IF(Input!$D$19=4,J4171*Input!$C$19,0)+IF(Input!$D$20=4,K4171*Input!$C$20,0)+IF(Input!$D$21=4,L4171*Input!$C$21,0)+IF(Input!$D$22=4,M4171*Input!$C$22,0)</f>
        <v>0</v>
      </c>
      <c r="R4171" s="58">
        <v>48.975841096603759</v>
      </c>
      <c r="S4171" s="124">
        <f t="shared" si="65"/>
        <v>0.78321501910392777</v>
      </c>
    </row>
    <row r="4172" spans="8:19" x14ac:dyDescent="0.3">
      <c r="H4172" s="44">
        <v>4165</v>
      </c>
      <c r="I4172" s="56">
        <f>Bühler!I4198</f>
        <v>0.18074192748552179</v>
      </c>
      <c r="J4172" s="59">
        <f>Bühler!J4198</f>
        <v>0.60247309161840601</v>
      </c>
      <c r="K4172" s="59">
        <f>Bühler!K4198</f>
        <v>0.90370963742760901</v>
      </c>
      <c r="L4172" s="59">
        <f>Bühler!L4198</f>
        <v>12.583917488369432</v>
      </c>
      <c r="M4172" s="58">
        <f>Bühler!M4198</f>
        <v>0</v>
      </c>
      <c r="N4172" s="56">
        <f>IF(Input!$D$19=1,J4172*Input!$C$19,0)+IF(Input!$D$20=1,K4172*Input!$C$20,0)+IF(Input!$D$21=1,L4172*Input!$C$21,0)+IF(Input!$D$22=1,M4172*Input!$C$22,0)</f>
        <v>0.18074192748552179</v>
      </c>
      <c r="O4172" s="59">
        <f>IF(Input!$D$19=2,J4172*Input!$C$19,0)+IF(Input!$D$20=2,K4172*Input!$C$20,0)+IF(Input!$D$21=2,L4172*Input!$C$21,0)+IF(Input!$D$22=2,M4172*Input!$C$22,0)</f>
        <v>0.45185481871380451</v>
      </c>
      <c r="P4172" s="59">
        <f>IF(Input!$D$19=3,J4172*Input!$C$19,0)+IF(Input!$D$20=3,K4172*Input!$C$20,0)+IF(Input!$D$21=3,L4172*Input!$C$21,0)+IF(Input!$D$22=3,M4172*Input!$C$22,0)</f>
        <v>0</v>
      </c>
      <c r="Q4172" s="75">
        <f>IF(Input!$D$19=4,J4172*Input!$C$19,0)+IF(Input!$D$20=4,K4172*Input!$C$20,0)+IF(Input!$D$21=4,L4172*Input!$C$21,0)+IF(Input!$D$22=4,M4172*Input!$C$22,0)</f>
        <v>0</v>
      </c>
      <c r="R4172" s="58">
        <v>47.78106859219934</v>
      </c>
      <c r="S4172" s="124">
        <f t="shared" si="65"/>
        <v>0.78321501910392777</v>
      </c>
    </row>
    <row r="4173" spans="8:19" x14ac:dyDescent="0.3">
      <c r="H4173" s="44">
        <v>4166</v>
      </c>
      <c r="I4173" s="56">
        <f>Bühler!I4199</f>
        <v>0.18074192748552179</v>
      </c>
      <c r="J4173" s="59">
        <f>Bühler!J4199</f>
        <v>0.60247309161840601</v>
      </c>
      <c r="K4173" s="59">
        <f>Bühler!K4199</f>
        <v>0.90370963742760901</v>
      </c>
      <c r="L4173" s="59">
        <f>Bühler!L4199</f>
        <v>12.583917488369432</v>
      </c>
      <c r="M4173" s="58">
        <f>Bühler!M4199</f>
        <v>0</v>
      </c>
      <c r="N4173" s="56">
        <f>IF(Input!$D$19=1,J4173*Input!$C$19,0)+IF(Input!$D$20=1,K4173*Input!$C$20,0)+IF(Input!$D$21=1,L4173*Input!$C$21,0)+IF(Input!$D$22=1,M4173*Input!$C$22,0)</f>
        <v>0.18074192748552179</v>
      </c>
      <c r="O4173" s="59">
        <f>IF(Input!$D$19=2,J4173*Input!$C$19,0)+IF(Input!$D$20=2,K4173*Input!$C$20,0)+IF(Input!$D$21=2,L4173*Input!$C$21,0)+IF(Input!$D$22=2,M4173*Input!$C$22,0)</f>
        <v>0.45185481871380451</v>
      </c>
      <c r="P4173" s="59">
        <f>IF(Input!$D$19=3,J4173*Input!$C$19,0)+IF(Input!$D$20=3,K4173*Input!$C$20,0)+IF(Input!$D$21=3,L4173*Input!$C$21,0)+IF(Input!$D$22=3,M4173*Input!$C$22,0)</f>
        <v>0</v>
      </c>
      <c r="Q4173" s="75">
        <f>IF(Input!$D$19=4,J4173*Input!$C$19,0)+IF(Input!$D$20=4,K4173*Input!$C$20,0)+IF(Input!$D$21=4,L4173*Input!$C$21,0)+IF(Input!$D$22=4,M4173*Input!$C$22,0)</f>
        <v>0</v>
      </c>
      <c r="R4173" s="58">
        <v>47.230400310465988</v>
      </c>
      <c r="S4173" s="124">
        <f t="shared" si="65"/>
        <v>0.78321501910392777</v>
      </c>
    </row>
    <row r="4174" spans="8:19" x14ac:dyDescent="0.3">
      <c r="H4174" s="44">
        <v>4167</v>
      </c>
      <c r="I4174" s="56">
        <f>Bühler!I4200</f>
        <v>0.18074192748552179</v>
      </c>
      <c r="J4174" s="59">
        <f>Bühler!J4200</f>
        <v>0.60247309161840601</v>
      </c>
      <c r="K4174" s="59">
        <f>Bühler!K4200</f>
        <v>0.90370963742760901</v>
      </c>
      <c r="L4174" s="59">
        <f>Bühler!L4200</f>
        <v>12.583917488369432</v>
      </c>
      <c r="M4174" s="58">
        <f>Bühler!M4200</f>
        <v>0</v>
      </c>
      <c r="N4174" s="56">
        <f>IF(Input!$D$19=1,J4174*Input!$C$19,0)+IF(Input!$D$20=1,K4174*Input!$C$20,0)+IF(Input!$D$21=1,L4174*Input!$C$21,0)+IF(Input!$D$22=1,M4174*Input!$C$22,0)</f>
        <v>0.18074192748552179</v>
      </c>
      <c r="O4174" s="59">
        <f>IF(Input!$D$19=2,J4174*Input!$C$19,0)+IF(Input!$D$20=2,K4174*Input!$C$20,0)+IF(Input!$D$21=2,L4174*Input!$C$21,0)+IF(Input!$D$22=2,M4174*Input!$C$22,0)</f>
        <v>0.45185481871380451</v>
      </c>
      <c r="P4174" s="59">
        <f>IF(Input!$D$19=3,J4174*Input!$C$19,0)+IF(Input!$D$20=3,K4174*Input!$C$20,0)+IF(Input!$D$21=3,L4174*Input!$C$21,0)+IF(Input!$D$22=3,M4174*Input!$C$22,0)</f>
        <v>0</v>
      </c>
      <c r="Q4174" s="75">
        <f>IF(Input!$D$19=4,J4174*Input!$C$19,0)+IF(Input!$D$20=4,K4174*Input!$C$20,0)+IF(Input!$D$21=4,L4174*Input!$C$21,0)+IF(Input!$D$22=4,M4174*Input!$C$22,0)</f>
        <v>0</v>
      </c>
      <c r="R4174" s="58">
        <v>46.521048054820255</v>
      </c>
      <c r="S4174" s="124">
        <f t="shared" si="65"/>
        <v>0.78321501910392777</v>
      </c>
    </row>
    <row r="4175" spans="8:19" x14ac:dyDescent="0.3">
      <c r="H4175" s="44">
        <v>4168</v>
      </c>
      <c r="I4175" s="56">
        <f>Bühler!I4201</f>
        <v>0.16341050978143062</v>
      </c>
      <c r="J4175" s="59">
        <f>Bühler!J4201</f>
        <v>0.54470169927143552</v>
      </c>
      <c r="K4175" s="59">
        <f>Bühler!K4201</f>
        <v>0.81705254890715329</v>
      </c>
      <c r="L4175" s="59">
        <f>Bühler!L4201</f>
        <v>11.377240468936746</v>
      </c>
      <c r="M4175" s="58">
        <f>Bühler!M4201</f>
        <v>0</v>
      </c>
      <c r="N4175" s="56">
        <f>IF(Input!$D$19=1,J4175*Input!$C$19,0)+IF(Input!$D$20=1,K4175*Input!$C$20,0)+IF(Input!$D$21=1,L4175*Input!$C$21,0)+IF(Input!$D$22=1,M4175*Input!$C$22,0)</f>
        <v>0.16341050978143065</v>
      </c>
      <c r="O4175" s="59">
        <f>IF(Input!$D$19=2,J4175*Input!$C$19,0)+IF(Input!$D$20=2,K4175*Input!$C$20,0)+IF(Input!$D$21=2,L4175*Input!$C$21,0)+IF(Input!$D$22=2,M4175*Input!$C$22,0)</f>
        <v>0.40852627445357664</v>
      </c>
      <c r="P4175" s="59">
        <f>IF(Input!$D$19=3,J4175*Input!$C$19,0)+IF(Input!$D$20=3,K4175*Input!$C$20,0)+IF(Input!$D$21=3,L4175*Input!$C$21,0)+IF(Input!$D$22=3,M4175*Input!$C$22,0)</f>
        <v>0</v>
      </c>
      <c r="Q4175" s="75">
        <f>IF(Input!$D$19=4,J4175*Input!$C$19,0)+IF(Input!$D$20=4,K4175*Input!$C$20,0)+IF(Input!$D$21=4,L4175*Input!$C$21,0)+IF(Input!$D$22=4,M4175*Input!$C$22,0)</f>
        <v>0</v>
      </c>
      <c r="R4175" s="58">
        <v>46.263072928226507</v>
      </c>
      <c r="S4175" s="124">
        <f t="shared" si="65"/>
        <v>0.7081122090528662</v>
      </c>
    </row>
    <row r="4176" spans="8:19" x14ac:dyDescent="0.3">
      <c r="H4176" s="44">
        <v>4169</v>
      </c>
      <c r="I4176" s="56">
        <f>Bühler!I4202</f>
        <v>0.14855500889220968</v>
      </c>
      <c r="J4176" s="59">
        <f>Bühler!J4202</f>
        <v>0.49518336297403232</v>
      </c>
      <c r="K4176" s="59">
        <f>Bühler!K4202</f>
        <v>0.74277504446104847</v>
      </c>
      <c r="L4176" s="59">
        <f>Bühler!L4202</f>
        <v>10.342945880851588</v>
      </c>
      <c r="M4176" s="58">
        <f>Bühler!M4202</f>
        <v>0</v>
      </c>
      <c r="N4176" s="56">
        <f>IF(Input!$D$19=1,J4176*Input!$C$19,0)+IF(Input!$D$20=1,K4176*Input!$C$20,0)+IF(Input!$D$21=1,L4176*Input!$C$21,0)+IF(Input!$D$22=1,M4176*Input!$C$22,0)</f>
        <v>0.14855500889220968</v>
      </c>
      <c r="O4176" s="59">
        <f>IF(Input!$D$19=2,J4176*Input!$C$19,0)+IF(Input!$D$20=2,K4176*Input!$C$20,0)+IF(Input!$D$21=2,L4176*Input!$C$21,0)+IF(Input!$D$22=2,M4176*Input!$C$22,0)</f>
        <v>0.37138752223052424</v>
      </c>
      <c r="P4176" s="59">
        <f>IF(Input!$D$19=3,J4176*Input!$C$19,0)+IF(Input!$D$20=3,K4176*Input!$C$20,0)+IF(Input!$D$21=3,L4176*Input!$C$21,0)+IF(Input!$D$22=3,M4176*Input!$C$22,0)</f>
        <v>0</v>
      </c>
      <c r="Q4176" s="75">
        <f>IF(Input!$D$19=4,J4176*Input!$C$19,0)+IF(Input!$D$20=4,K4176*Input!$C$20,0)+IF(Input!$D$21=4,L4176*Input!$C$21,0)+IF(Input!$D$22=4,M4176*Input!$C$22,0)</f>
        <v>0</v>
      </c>
      <c r="R4176" s="58">
        <v>45.598141677802737</v>
      </c>
      <c r="S4176" s="124">
        <f t="shared" si="65"/>
        <v>0.64373837186624194</v>
      </c>
    </row>
    <row r="4177" spans="8:19" x14ac:dyDescent="0.3">
      <c r="H4177" s="44">
        <v>4170</v>
      </c>
      <c r="I4177" s="56">
        <f>Bühler!I4203</f>
        <v>0.13369950800298872</v>
      </c>
      <c r="J4177" s="59">
        <f>Bühler!J4203</f>
        <v>0.44566502667662911</v>
      </c>
      <c r="K4177" s="59">
        <f>Bühler!K4203</f>
        <v>0.66849754001494366</v>
      </c>
      <c r="L4177" s="59">
        <f>Bühler!L4203</f>
        <v>9.3086512927664291</v>
      </c>
      <c r="M4177" s="58">
        <f>Bühler!M4203</f>
        <v>0</v>
      </c>
      <c r="N4177" s="56">
        <f>IF(Input!$D$19=1,J4177*Input!$C$19,0)+IF(Input!$D$20=1,K4177*Input!$C$20,0)+IF(Input!$D$21=1,L4177*Input!$C$21,0)+IF(Input!$D$22=1,M4177*Input!$C$22,0)</f>
        <v>0.13369950800298872</v>
      </c>
      <c r="O4177" s="59">
        <f>IF(Input!$D$19=2,J4177*Input!$C$19,0)+IF(Input!$D$20=2,K4177*Input!$C$20,0)+IF(Input!$D$21=2,L4177*Input!$C$21,0)+IF(Input!$D$22=2,M4177*Input!$C$22,0)</f>
        <v>0.33424877000747183</v>
      </c>
      <c r="P4177" s="59">
        <f>IF(Input!$D$19=3,J4177*Input!$C$19,0)+IF(Input!$D$20=3,K4177*Input!$C$20,0)+IF(Input!$D$21=3,L4177*Input!$C$21,0)+IF(Input!$D$22=3,M4177*Input!$C$22,0)</f>
        <v>0</v>
      </c>
      <c r="Q4177" s="75">
        <f>IF(Input!$D$19=4,J4177*Input!$C$19,0)+IF(Input!$D$20=4,K4177*Input!$C$20,0)+IF(Input!$D$21=4,L4177*Input!$C$21,0)+IF(Input!$D$22=4,M4177*Input!$C$22,0)</f>
        <v>0</v>
      </c>
      <c r="R4177" s="58">
        <v>44.861951586850736</v>
      </c>
      <c r="S4177" s="124">
        <f t="shared" si="65"/>
        <v>0.57936453467961779</v>
      </c>
    </row>
    <row r="4178" spans="8:19" x14ac:dyDescent="0.3">
      <c r="H4178" s="44">
        <v>4171</v>
      </c>
      <c r="I4178" s="56">
        <f>Bühler!I4204</f>
        <v>0.12874767437324838</v>
      </c>
      <c r="J4178" s="59">
        <f>Bühler!J4204</f>
        <v>0.42915891457749461</v>
      </c>
      <c r="K4178" s="59">
        <f>Bühler!K4204</f>
        <v>0.64373837186624194</v>
      </c>
      <c r="L4178" s="59">
        <f>Bühler!L4204</f>
        <v>8.9638864300713745</v>
      </c>
      <c r="M4178" s="58">
        <f>Bühler!M4204</f>
        <v>0</v>
      </c>
      <c r="N4178" s="56">
        <f>IF(Input!$D$19=1,J4178*Input!$C$19,0)+IF(Input!$D$20=1,K4178*Input!$C$20,0)+IF(Input!$D$21=1,L4178*Input!$C$21,0)+IF(Input!$D$22=1,M4178*Input!$C$22,0)</f>
        <v>0.12874767437324838</v>
      </c>
      <c r="O4178" s="59">
        <f>IF(Input!$D$19=2,J4178*Input!$C$19,0)+IF(Input!$D$20=2,K4178*Input!$C$20,0)+IF(Input!$D$21=2,L4178*Input!$C$21,0)+IF(Input!$D$22=2,M4178*Input!$C$22,0)</f>
        <v>0.32186918593312097</v>
      </c>
      <c r="P4178" s="59">
        <f>IF(Input!$D$19=3,J4178*Input!$C$19,0)+IF(Input!$D$20=3,K4178*Input!$C$20,0)+IF(Input!$D$21=3,L4178*Input!$C$21,0)+IF(Input!$D$22=3,M4178*Input!$C$22,0)</f>
        <v>0</v>
      </c>
      <c r="Q4178" s="75">
        <f>IF(Input!$D$19=4,J4178*Input!$C$19,0)+IF(Input!$D$20=4,K4178*Input!$C$20,0)+IF(Input!$D$21=4,L4178*Input!$C$21,0)+IF(Input!$D$22=4,M4178*Input!$C$22,0)</f>
        <v>0</v>
      </c>
      <c r="R4178" s="58">
        <v>43.901216245775373</v>
      </c>
      <c r="S4178" s="124">
        <f t="shared" si="65"/>
        <v>0.55790658895074297</v>
      </c>
    </row>
    <row r="4179" spans="8:19" x14ac:dyDescent="0.3">
      <c r="H4179" s="44">
        <v>4172</v>
      </c>
      <c r="I4179" s="56">
        <f>Bühler!I4205</f>
        <v>0.10398850622454675</v>
      </c>
      <c r="J4179" s="59">
        <f>Bühler!J4205</f>
        <v>0.34662835408182258</v>
      </c>
      <c r="K4179" s="59">
        <f>Bühler!K4205</f>
        <v>0.51994253112273381</v>
      </c>
      <c r="L4179" s="59">
        <f>Bühler!L4205</f>
        <v>7.2400621165961105</v>
      </c>
      <c r="M4179" s="58">
        <f>Bühler!M4205</f>
        <v>0</v>
      </c>
      <c r="N4179" s="56">
        <f>IF(Input!$D$19=1,J4179*Input!$C$19,0)+IF(Input!$D$20=1,K4179*Input!$C$20,0)+IF(Input!$D$21=1,L4179*Input!$C$21,0)+IF(Input!$D$22=1,M4179*Input!$C$22,0)</f>
        <v>0.10398850622454676</v>
      </c>
      <c r="O4179" s="59">
        <f>IF(Input!$D$19=2,J4179*Input!$C$19,0)+IF(Input!$D$20=2,K4179*Input!$C$20,0)+IF(Input!$D$21=2,L4179*Input!$C$21,0)+IF(Input!$D$22=2,M4179*Input!$C$22,0)</f>
        <v>0.2599712655613669</v>
      </c>
      <c r="P4179" s="59">
        <f>IF(Input!$D$19=3,J4179*Input!$C$19,0)+IF(Input!$D$20=3,K4179*Input!$C$20,0)+IF(Input!$D$21=3,L4179*Input!$C$21,0)+IF(Input!$D$22=3,M4179*Input!$C$22,0)</f>
        <v>0</v>
      </c>
      <c r="Q4179" s="75">
        <f>IF(Input!$D$19=4,J4179*Input!$C$19,0)+IF(Input!$D$20=4,K4179*Input!$C$20,0)+IF(Input!$D$21=4,L4179*Input!$C$21,0)+IF(Input!$D$22=4,M4179*Input!$C$22,0)</f>
        <v>0</v>
      </c>
      <c r="R4179" s="58">
        <v>43.83967111063977</v>
      </c>
      <c r="S4179" s="124">
        <f t="shared" si="65"/>
        <v>0.45061686030636933</v>
      </c>
    </row>
    <row r="4180" spans="8:19" x14ac:dyDescent="0.3">
      <c r="H4180" s="44">
        <v>4173</v>
      </c>
      <c r="I4180" s="56">
        <f>Bühler!I4206</f>
        <v>7.6753421260974994E-2</v>
      </c>
      <c r="J4180" s="59">
        <f>Bühler!J4206</f>
        <v>0.25584473753658332</v>
      </c>
      <c r="K4180" s="59">
        <f>Bühler!K4206</f>
        <v>0.38376710630487498</v>
      </c>
      <c r="L4180" s="59">
        <f>Bühler!L4206</f>
        <v>5.3438553717733202</v>
      </c>
      <c r="M4180" s="58">
        <f>Bühler!M4206</f>
        <v>0</v>
      </c>
      <c r="N4180" s="56">
        <f>IF(Input!$D$19=1,J4180*Input!$C$19,0)+IF(Input!$D$20=1,K4180*Input!$C$20,0)+IF(Input!$D$21=1,L4180*Input!$C$21,0)+IF(Input!$D$22=1,M4180*Input!$C$22,0)</f>
        <v>7.6753421260974994E-2</v>
      </c>
      <c r="O4180" s="59">
        <f>IF(Input!$D$19=2,J4180*Input!$C$19,0)+IF(Input!$D$20=2,K4180*Input!$C$20,0)+IF(Input!$D$21=2,L4180*Input!$C$21,0)+IF(Input!$D$22=2,M4180*Input!$C$22,0)</f>
        <v>0.19188355315243749</v>
      </c>
      <c r="P4180" s="59">
        <f>IF(Input!$D$19=3,J4180*Input!$C$19,0)+IF(Input!$D$20=3,K4180*Input!$C$20,0)+IF(Input!$D$21=3,L4180*Input!$C$21,0)+IF(Input!$D$22=3,M4180*Input!$C$22,0)</f>
        <v>0</v>
      </c>
      <c r="Q4180" s="75">
        <f>IF(Input!$D$19=4,J4180*Input!$C$19,0)+IF(Input!$D$20=4,K4180*Input!$C$20,0)+IF(Input!$D$21=4,L4180*Input!$C$21,0)+IF(Input!$D$22=4,M4180*Input!$C$22,0)</f>
        <v>0</v>
      </c>
      <c r="R4180" s="58">
        <v>42.249576510370147</v>
      </c>
      <c r="S4180" s="124">
        <f t="shared" si="65"/>
        <v>0.33259815879755833</v>
      </c>
    </row>
    <row r="4181" spans="8:19" x14ac:dyDescent="0.3">
      <c r="H4181" s="44">
        <v>4174</v>
      </c>
      <c r="I4181" s="56">
        <f>Bühler!I4207</f>
        <v>7.6753421260974994E-2</v>
      </c>
      <c r="J4181" s="59">
        <f>Bühler!J4207</f>
        <v>0.25584473753658332</v>
      </c>
      <c r="K4181" s="59">
        <f>Bühler!K4207</f>
        <v>0.38376710630487498</v>
      </c>
      <c r="L4181" s="59">
        <f>Bühler!L4207</f>
        <v>5.3438553717733202</v>
      </c>
      <c r="M4181" s="58">
        <f>Bühler!M4207</f>
        <v>0</v>
      </c>
      <c r="N4181" s="56">
        <f>IF(Input!$D$19=1,J4181*Input!$C$19,0)+IF(Input!$D$20=1,K4181*Input!$C$20,0)+IF(Input!$D$21=1,L4181*Input!$C$21,0)+IF(Input!$D$22=1,M4181*Input!$C$22,0)</f>
        <v>7.6753421260974994E-2</v>
      </c>
      <c r="O4181" s="59">
        <f>IF(Input!$D$19=2,J4181*Input!$C$19,0)+IF(Input!$D$20=2,K4181*Input!$C$20,0)+IF(Input!$D$21=2,L4181*Input!$C$21,0)+IF(Input!$D$22=2,M4181*Input!$C$22,0)</f>
        <v>0.19188355315243749</v>
      </c>
      <c r="P4181" s="59">
        <f>IF(Input!$D$19=3,J4181*Input!$C$19,0)+IF(Input!$D$20=3,K4181*Input!$C$20,0)+IF(Input!$D$21=3,L4181*Input!$C$21,0)+IF(Input!$D$22=3,M4181*Input!$C$22,0)</f>
        <v>0</v>
      </c>
      <c r="Q4181" s="75">
        <f>IF(Input!$D$19=4,J4181*Input!$C$19,0)+IF(Input!$D$20=4,K4181*Input!$C$20,0)+IF(Input!$D$21=4,L4181*Input!$C$21,0)+IF(Input!$D$22=4,M4181*Input!$C$22,0)</f>
        <v>0</v>
      </c>
      <c r="R4181" s="58">
        <v>41.866286405281315</v>
      </c>
      <c r="S4181" s="124">
        <f t="shared" si="65"/>
        <v>0.33259815879755833</v>
      </c>
    </row>
    <row r="4182" spans="8:19" x14ac:dyDescent="0.3">
      <c r="H4182" s="44">
        <v>4175</v>
      </c>
      <c r="I4182" s="56">
        <f>Bühler!I4208</f>
        <v>7.6753421260974994E-2</v>
      </c>
      <c r="J4182" s="59">
        <f>Bühler!J4208</f>
        <v>0.25584473753658332</v>
      </c>
      <c r="K4182" s="59">
        <f>Bühler!K4208</f>
        <v>0.38376710630487498</v>
      </c>
      <c r="L4182" s="59">
        <f>Bühler!L4208</f>
        <v>5.3438553717733202</v>
      </c>
      <c r="M4182" s="58">
        <f>Bühler!M4208</f>
        <v>0</v>
      </c>
      <c r="N4182" s="56">
        <f>IF(Input!$D$19=1,J4182*Input!$C$19,0)+IF(Input!$D$20=1,K4182*Input!$C$20,0)+IF(Input!$D$21=1,L4182*Input!$C$21,0)+IF(Input!$D$22=1,M4182*Input!$C$22,0)</f>
        <v>7.6753421260974994E-2</v>
      </c>
      <c r="O4182" s="59">
        <f>IF(Input!$D$19=2,J4182*Input!$C$19,0)+IF(Input!$D$20=2,K4182*Input!$C$20,0)+IF(Input!$D$21=2,L4182*Input!$C$21,0)+IF(Input!$D$22=2,M4182*Input!$C$22,0)</f>
        <v>0.19188355315243749</v>
      </c>
      <c r="P4182" s="59">
        <f>IF(Input!$D$19=3,J4182*Input!$C$19,0)+IF(Input!$D$20=3,K4182*Input!$C$20,0)+IF(Input!$D$21=3,L4182*Input!$C$21,0)+IF(Input!$D$22=3,M4182*Input!$C$22,0)</f>
        <v>0</v>
      </c>
      <c r="Q4182" s="75">
        <f>IF(Input!$D$19=4,J4182*Input!$C$19,0)+IF(Input!$D$20=4,K4182*Input!$C$20,0)+IF(Input!$D$21=4,L4182*Input!$C$21,0)+IF(Input!$D$22=4,M4182*Input!$C$22,0)</f>
        <v>0</v>
      </c>
      <c r="R4182" s="58">
        <v>41.868580016578463</v>
      </c>
      <c r="S4182" s="124">
        <f t="shared" si="65"/>
        <v>0.33259815879755833</v>
      </c>
    </row>
    <row r="4183" spans="8:19" x14ac:dyDescent="0.3">
      <c r="H4183" s="44">
        <v>4176</v>
      </c>
      <c r="I4183" s="56">
        <f>Bühler!I4209</f>
        <v>7.6753421260974994E-2</v>
      </c>
      <c r="J4183" s="59">
        <f>Bühler!J4209</f>
        <v>0.25584473753658332</v>
      </c>
      <c r="K4183" s="59">
        <f>Bühler!K4209</f>
        <v>0.38376710630487498</v>
      </c>
      <c r="L4183" s="59">
        <f>Bühler!L4209</f>
        <v>5.3438553717733202</v>
      </c>
      <c r="M4183" s="58">
        <f>Bühler!M4209</f>
        <v>0</v>
      </c>
      <c r="N4183" s="56">
        <f>IF(Input!$D$19=1,J4183*Input!$C$19,0)+IF(Input!$D$20=1,K4183*Input!$C$20,0)+IF(Input!$D$21=1,L4183*Input!$C$21,0)+IF(Input!$D$22=1,M4183*Input!$C$22,0)</f>
        <v>7.6753421260974994E-2</v>
      </c>
      <c r="O4183" s="59">
        <f>IF(Input!$D$19=2,J4183*Input!$C$19,0)+IF(Input!$D$20=2,K4183*Input!$C$20,0)+IF(Input!$D$21=2,L4183*Input!$C$21,0)+IF(Input!$D$22=2,M4183*Input!$C$22,0)</f>
        <v>0.19188355315243749</v>
      </c>
      <c r="P4183" s="59">
        <f>IF(Input!$D$19=3,J4183*Input!$C$19,0)+IF(Input!$D$20=3,K4183*Input!$C$20,0)+IF(Input!$D$21=3,L4183*Input!$C$21,0)+IF(Input!$D$22=3,M4183*Input!$C$22,0)</f>
        <v>0</v>
      </c>
      <c r="Q4183" s="75">
        <f>IF(Input!$D$19=4,J4183*Input!$C$19,0)+IF(Input!$D$20=4,K4183*Input!$C$20,0)+IF(Input!$D$21=4,L4183*Input!$C$21,0)+IF(Input!$D$22=4,M4183*Input!$C$22,0)</f>
        <v>0</v>
      </c>
      <c r="R4183" s="58">
        <v>42.248518094046865</v>
      </c>
      <c r="S4183" s="124">
        <f t="shared" si="65"/>
        <v>0.33259815879755833</v>
      </c>
    </row>
    <row r="4184" spans="8:19" x14ac:dyDescent="0.3">
      <c r="H4184" s="44">
        <v>4177</v>
      </c>
      <c r="I4184" s="56">
        <f>Bühler!I4210</f>
        <v>7.0702421955006797E-2</v>
      </c>
      <c r="J4184" s="59">
        <f>Bühler!J4210</f>
        <v>0.23567473985002271</v>
      </c>
      <c r="K4184" s="59">
        <f>Bühler!K4210</f>
        <v>0.35351210977503406</v>
      </c>
      <c r="L4184" s="59">
        <f>Bühler!L4210</f>
        <v>5.7005756302173465</v>
      </c>
      <c r="M4184" s="58">
        <f>Bühler!M4210</f>
        <v>0</v>
      </c>
      <c r="N4184" s="56">
        <f>IF(Input!$D$19=1,J4184*Input!$C$19,0)+IF(Input!$D$20=1,K4184*Input!$C$20,0)+IF(Input!$D$21=1,L4184*Input!$C$21,0)+IF(Input!$D$22=1,M4184*Input!$C$22,0)</f>
        <v>7.0702421955006811E-2</v>
      </c>
      <c r="O4184" s="59">
        <f>IF(Input!$D$19=2,J4184*Input!$C$19,0)+IF(Input!$D$20=2,K4184*Input!$C$20,0)+IF(Input!$D$21=2,L4184*Input!$C$21,0)+IF(Input!$D$22=2,M4184*Input!$C$22,0)</f>
        <v>0.17675605488751703</v>
      </c>
      <c r="P4184" s="59">
        <f>IF(Input!$D$19=3,J4184*Input!$C$19,0)+IF(Input!$D$20=3,K4184*Input!$C$20,0)+IF(Input!$D$21=3,L4184*Input!$C$21,0)+IF(Input!$D$22=3,M4184*Input!$C$22,0)</f>
        <v>0</v>
      </c>
      <c r="Q4184" s="75">
        <f>IF(Input!$D$19=4,J4184*Input!$C$19,0)+IF(Input!$D$20=4,K4184*Input!$C$20,0)+IF(Input!$D$21=4,L4184*Input!$C$21,0)+IF(Input!$D$22=4,M4184*Input!$C$22,0)</f>
        <v>0</v>
      </c>
      <c r="R4184" s="58">
        <v>41.779267197887698</v>
      </c>
      <c r="S4184" s="124">
        <f t="shared" si="65"/>
        <v>0.3063771618050295</v>
      </c>
    </row>
    <row r="4185" spans="8:19" x14ac:dyDescent="0.3">
      <c r="H4185" s="44">
        <v>4178</v>
      </c>
      <c r="I4185" s="56">
        <f>Bühler!I4211</f>
        <v>8.210603839936273E-2</v>
      </c>
      <c r="J4185" s="59">
        <f>Bühler!J4211</f>
        <v>0.27368679466454249</v>
      </c>
      <c r="K4185" s="59">
        <f>Bühler!K4211</f>
        <v>0.41053019199681368</v>
      </c>
      <c r="L4185" s="59">
        <f>Bühler!L4211</f>
        <v>6.6200233125104671</v>
      </c>
      <c r="M4185" s="58">
        <f>Bühler!M4211</f>
        <v>0</v>
      </c>
      <c r="N4185" s="56">
        <f>IF(Input!$D$19=1,J4185*Input!$C$19,0)+IF(Input!$D$20=1,K4185*Input!$C$20,0)+IF(Input!$D$21=1,L4185*Input!$C$21,0)+IF(Input!$D$22=1,M4185*Input!$C$22,0)</f>
        <v>8.2106038399362744E-2</v>
      </c>
      <c r="O4185" s="59">
        <f>IF(Input!$D$19=2,J4185*Input!$C$19,0)+IF(Input!$D$20=2,K4185*Input!$C$20,0)+IF(Input!$D$21=2,L4185*Input!$C$21,0)+IF(Input!$D$22=2,M4185*Input!$C$22,0)</f>
        <v>0.20526509599840684</v>
      </c>
      <c r="P4185" s="59">
        <f>IF(Input!$D$19=3,J4185*Input!$C$19,0)+IF(Input!$D$20=3,K4185*Input!$C$20,0)+IF(Input!$D$21=3,L4185*Input!$C$21,0)+IF(Input!$D$22=3,M4185*Input!$C$22,0)</f>
        <v>0</v>
      </c>
      <c r="Q4185" s="75">
        <f>IF(Input!$D$19=4,J4185*Input!$C$19,0)+IF(Input!$D$20=4,K4185*Input!$C$20,0)+IF(Input!$D$21=4,L4185*Input!$C$21,0)+IF(Input!$D$22=4,M4185*Input!$C$22,0)</f>
        <v>0</v>
      </c>
      <c r="R4185" s="58">
        <v>41.020488804439267</v>
      </c>
      <c r="S4185" s="124">
        <f t="shared" si="65"/>
        <v>0.35579283306390519</v>
      </c>
    </row>
    <row r="4186" spans="8:19" x14ac:dyDescent="0.3">
      <c r="H4186" s="44">
        <v>4179</v>
      </c>
      <c r="I4186" s="56">
        <f>Bühler!I4212</f>
        <v>8.210603839936273E-2</v>
      </c>
      <c r="J4186" s="59">
        <f>Bühler!J4212</f>
        <v>0.27368679466454249</v>
      </c>
      <c r="K4186" s="59">
        <f>Bühler!K4212</f>
        <v>0.41053019199681368</v>
      </c>
      <c r="L4186" s="59">
        <f>Bühler!L4212</f>
        <v>6.6200233125104671</v>
      </c>
      <c r="M4186" s="58">
        <f>Bühler!M4212</f>
        <v>0</v>
      </c>
      <c r="N4186" s="56">
        <f>IF(Input!$D$19=1,J4186*Input!$C$19,0)+IF(Input!$D$20=1,K4186*Input!$C$20,0)+IF(Input!$D$21=1,L4186*Input!$C$21,0)+IF(Input!$D$22=1,M4186*Input!$C$22,0)</f>
        <v>8.2106038399362744E-2</v>
      </c>
      <c r="O4186" s="59">
        <f>IF(Input!$D$19=2,J4186*Input!$C$19,0)+IF(Input!$D$20=2,K4186*Input!$C$20,0)+IF(Input!$D$21=2,L4186*Input!$C$21,0)+IF(Input!$D$22=2,M4186*Input!$C$22,0)</f>
        <v>0.20526509599840684</v>
      </c>
      <c r="P4186" s="59">
        <f>IF(Input!$D$19=3,J4186*Input!$C$19,0)+IF(Input!$D$20=3,K4186*Input!$C$20,0)+IF(Input!$D$21=3,L4186*Input!$C$21,0)+IF(Input!$D$22=3,M4186*Input!$C$22,0)</f>
        <v>0</v>
      </c>
      <c r="Q4186" s="75">
        <f>IF(Input!$D$19=4,J4186*Input!$C$19,0)+IF(Input!$D$20=4,K4186*Input!$C$20,0)+IF(Input!$D$21=4,L4186*Input!$C$21,0)+IF(Input!$D$22=4,M4186*Input!$C$22,0)</f>
        <v>0</v>
      </c>
      <c r="R4186" s="58">
        <v>40.98836128039305</v>
      </c>
      <c r="S4186" s="124">
        <f t="shared" si="65"/>
        <v>0.35579283306390519</v>
      </c>
    </row>
    <row r="4187" spans="8:19" x14ac:dyDescent="0.3">
      <c r="H4187" s="44">
        <v>4180</v>
      </c>
      <c r="I4187" s="56">
        <f>Bühler!I4213</f>
        <v>8.210603839936273E-2</v>
      </c>
      <c r="J4187" s="59">
        <f>Bühler!J4213</f>
        <v>0.27368679466454249</v>
      </c>
      <c r="K4187" s="59">
        <f>Bühler!K4213</f>
        <v>0.41053019199681368</v>
      </c>
      <c r="L4187" s="59">
        <f>Bühler!L4213</f>
        <v>6.6200233125104671</v>
      </c>
      <c r="M4187" s="58">
        <f>Bühler!M4213</f>
        <v>0</v>
      </c>
      <c r="N4187" s="56">
        <f>IF(Input!$D$19=1,J4187*Input!$C$19,0)+IF(Input!$D$20=1,K4187*Input!$C$20,0)+IF(Input!$D$21=1,L4187*Input!$C$21,0)+IF(Input!$D$22=1,M4187*Input!$C$22,0)</f>
        <v>8.2106038399362744E-2</v>
      </c>
      <c r="O4187" s="59">
        <f>IF(Input!$D$19=2,J4187*Input!$C$19,0)+IF(Input!$D$20=2,K4187*Input!$C$20,0)+IF(Input!$D$21=2,L4187*Input!$C$21,0)+IF(Input!$D$22=2,M4187*Input!$C$22,0)</f>
        <v>0.20526509599840684</v>
      </c>
      <c r="P4187" s="59">
        <f>IF(Input!$D$19=3,J4187*Input!$C$19,0)+IF(Input!$D$20=3,K4187*Input!$C$20,0)+IF(Input!$D$21=3,L4187*Input!$C$21,0)+IF(Input!$D$22=3,M4187*Input!$C$22,0)</f>
        <v>0</v>
      </c>
      <c r="Q4187" s="75">
        <f>IF(Input!$D$19=4,J4187*Input!$C$19,0)+IF(Input!$D$20=4,K4187*Input!$C$20,0)+IF(Input!$D$21=4,L4187*Input!$C$21,0)+IF(Input!$D$22=4,M4187*Input!$C$22,0)</f>
        <v>0</v>
      </c>
      <c r="R4187" s="58">
        <v>41.154983386536863</v>
      </c>
      <c r="S4187" s="124">
        <f t="shared" si="65"/>
        <v>0.35579283306390519</v>
      </c>
    </row>
    <row r="4188" spans="8:19" x14ac:dyDescent="0.3">
      <c r="H4188" s="44">
        <v>4181</v>
      </c>
      <c r="I4188" s="56">
        <f>Bühler!I4214</f>
        <v>8.210603839936273E-2</v>
      </c>
      <c r="J4188" s="59">
        <f>Bühler!J4214</f>
        <v>0.27368679466454249</v>
      </c>
      <c r="K4188" s="59">
        <f>Bühler!K4214</f>
        <v>0.41053019199681368</v>
      </c>
      <c r="L4188" s="59">
        <f>Bühler!L4214</f>
        <v>6.6200233125104671</v>
      </c>
      <c r="M4188" s="58">
        <f>Bühler!M4214</f>
        <v>0</v>
      </c>
      <c r="N4188" s="56">
        <f>IF(Input!$D$19=1,J4188*Input!$C$19,0)+IF(Input!$D$20=1,K4188*Input!$C$20,0)+IF(Input!$D$21=1,L4188*Input!$C$21,0)+IF(Input!$D$22=1,M4188*Input!$C$22,0)</f>
        <v>8.2106038399362744E-2</v>
      </c>
      <c r="O4188" s="59">
        <f>IF(Input!$D$19=2,J4188*Input!$C$19,0)+IF(Input!$D$20=2,K4188*Input!$C$20,0)+IF(Input!$D$21=2,L4188*Input!$C$21,0)+IF(Input!$D$22=2,M4188*Input!$C$22,0)</f>
        <v>0.20526509599840684</v>
      </c>
      <c r="P4188" s="59">
        <f>IF(Input!$D$19=3,J4188*Input!$C$19,0)+IF(Input!$D$20=3,K4188*Input!$C$20,0)+IF(Input!$D$21=3,L4188*Input!$C$21,0)+IF(Input!$D$22=3,M4188*Input!$C$22,0)</f>
        <v>0</v>
      </c>
      <c r="Q4188" s="75">
        <f>IF(Input!$D$19=4,J4188*Input!$C$19,0)+IF(Input!$D$20=4,K4188*Input!$C$20,0)+IF(Input!$D$21=4,L4188*Input!$C$21,0)+IF(Input!$D$22=4,M4188*Input!$C$22,0)</f>
        <v>0</v>
      </c>
      <c r="R4188" s="58">
        <v>40.843191468461704</v>
      </c>
      <c r="S4188" s="124">
        <f t="shared" si="65"/>
        <v>0.35579283306390519</v>
      </c>
    </row>
    <row r="4189" spans="8:19" x14ac:dyDescent="0.3">
      <c r="H4189" s="44">
        <v>4182</v>
      </c>
      <c r="I4189" s="56">
        <f>Bühler!I4215</f>
        <v>0.10263254799920342</v>
      </c>
      <c r="J4189" s="59">
        <f>Bühler!J4215</f>
        <v>0.34210849333067811</v>
      </c>
      <c r="K4189" s="59">
        <f>Bühler!K4215</f>
        <v>0.51316273999601714</v>
      </c>
      <c r="L4189" s="59">
        <f>Bühler!L4215</f>
        <v>8.2750291406380825</v>
      </c>
      <c r="M4189" s="58">
        <f>Bühler!M4215</f>
        <v>0</v>
      </c>
      <c r="N4189" s="56">
        <f>IF(Input!$D$19=1,J4189*Input!$C$19,0)+IF(Input!$D$20=1,K4189*Input!$C$20,0)+IF(Input!$D$21=1,L4189*Input!$C$21,0)+IF(Input!$D$22=1,M4189*Input!$C$22,0)</f>
        <v>0.10263254799920343</v>
      </c>
      <c r="O4189" s="59">
        <f>IF(Input!$D$19=2,J4189*Input!$C$19,0)+IF(Input!$D$20=2,K4189*Input!$C$20,0)+IF(Input!$D$21=2,L4189*Input!$C$21,0)+IF(Input!$D$22=2,M4189*Input!$C$22,0)</f>
        <v>0.25658136999800857</v>
      </c>
      <c r="P4189" s="59">
        <f>IF(Input!$D$19=3,J4189*Input!$C$19,0)+IF(Input!$D$20=3,K4189*Input!$C$20,0)+IF(Input!$D$21=3,L4189*Input!$C$21,0)+IF(Input!$D$22=3,M4189*Input!$C$22,0)</f>
        <v>0</v>
      </c>
      <c r="Q4189" s="75">
        <f>IF(Input!$D$19=4,J4189*Input!$C$19,0)+IF(Input!$D$20=4,K4189*Input!$C$20,0)+IF(Input!$D$21=4,L4189*Input!$C$21,0)+IF(Input!$D$22=4,M4189*Input!$C$22,0)</f>
        <v>0</v>
      </c>
      <c r="R4189" s="58">
        <v>40.666286760358048</v>
      </c>
      <c r="S4189" s="124">
        <f t="shared" si="65"/>
        <v>0.44474104132988151</v>
      </c>
    </row>
    <row r="4190" spans="8:19" x14ac:dyDescent="0.3">
      <c r="H4190" s="44">
        <v>4183</v>
      </c>
      <c r="I4190" s="56">
        <f>Bühler!I4216</f>
        <v>0.12087833431017293</v>
      </c>
      <c r="J4190" s="59">
        <f>Bühler!J4216</f>
        <v>0.4029277810339098</v>
      </c>
      <c r="K4190" s="59">
        <f>Bühler!K4216</f>
        <v>0.60439167155086471</v>
      </c>
      <c r="L4190" s="59">
        <f>Bühler!L4216</f>
        <v>9.7461454323070775</v>
      </c>
      <c r="M4190" s="58">
        <f>Bühler!M4216</f>
        <v>0</v>
      </c>
      <c r="N4190" s="56">
        <f>IF(Input!$D$19=1,J4190*Input!$C$19,0)+IF(Input!$D$20=1,K4190*Input!$C$20,0)+IF(Input!$D$21=1,L4190*Input!$C$21,0)+IF(Input!$D$22=1,M4190*Input!$C$22,0)</f>
        <v>0.12087833431017293</v>
      </c>
      <c r="O4190" s="59">
        <f>IF(Input!$D$19=2,J4190*Input!$C$19,0)+IF(Input!$D$20=2,K4190*Input!$C$20,0)+IF(Input!$D$21=2,L4190*Input!$C$21,0)+IF(Input!$D$22=2,M4190*Input!$C$22,0)</f>
        <v>0.30219583577543235</v>
      </c>
      <c r="P4190" s="59">
        <f>IF(Input!$D$19=3,J4190*Input!$C$19,0)+IF(Input!$D$20=3,K4190*Input!$C$20,0)+IF(Input!$D$21=3,L4190*Input!$C$21,0)+IF(Input!$D$22=3,M4190*Input!$C$22,0)</f>
        <v>0</v>
      </c>
      <c r="Q4190" s="75">
        <f>IF(Input!$D$19=4,J4190*Input!$C$19,0)+IF(Input!$D$20=4,K4190*Input!$C$20,0)+IF(Input!$D$21=4,L4190*Input!$C$21,0)+IF(Input!$D$22=4,M4190*Input!$C$22,0)</f>
        <v>0</v>
      </c>
      <c r="R4190" s="58">
        <v>40.297836725777742</v>
      </c>
      <c r="S4190" s="124">
        <f t="shared" si="65"/>
        <v>0.52380611534408272</v>
      </c>
    </row>
    <row r="4191" spans="8:19" x14ac:dyDescent="0.3">
      <c r="H4191" s="44">
        <v>4184</v>
      </c>
      <c r="I4191" s="56">
        <f>Bühler!I4217</f>
        <v>0.14368556719888478</v>
      </c>
      <c r="J4191" s="59">
        <f>Bühler!J4217</f>
        <v>0.4789518906629493</v>
      </c>
      <c r="K4191" s="59">
        <f>Bühler!K4217</f>
        <v>0.71842783599442395</v>
      </c>
      <c r="L4191" s="59">
        <f>Bühler!L4217</f>
        <v>11.585040796893319</v>
      </c>
      <c r="M4191" s="58">
        <f>Bühler!M4217</f>
        <v>0</v>
      </c>
      <c r="N4191" s="56">
        <f>IF(Input!$D$19=1,J4191*Input!$C$19,0)+IF(Input!$D$20=1,K4191*Input!$C$20,0)+IF(Input!$D$21=1,L4191*Input!$C$21,0)+IF(Input!$D$22=1,M4191*Input!$C$22,0)</f>
        <v>0.14368556719888478</v>
      </c>
      <c r="O4191" s="59">
        <f>IF(Input!$D$19=2,J4191*Input!$C$19,0)+IF(Input!$D$20=2,K4191*Input!$C$20,0)+IF(Input!$D$21=2,L4191*Input!$C$21,0)+IF(Input!$D$22=2,M4191*Input!$C$22,0)</f>
        <v>0.35921391799721197</v>
      </c>
      <c r="P4191" s="59">
        <f>IF(Input!$D$19=3,J4191*Input!$C$19,0)+IF(Input!$D$20=3,K4191*Input!$C$20,0)+IF(Input!$D$21=3,L4191*Input!$C$21,0)+IF(Input!$D$22=3,M4191*Input!$C$22,0)</f>
        <v>0</v>
      </c>
      <c r="Q4191" s="75">
        <f>IF(Input!$D$19=4,J4191*Input!$C$19,0)+IF(Input!$D$20=4,K4191*Input!$C$20,0)+IF(Input!$D$21=4,L4191*Input!$C$21,0)+IF(Input!$D$22=4,M4191*Input!$C$22,0)</f>
        <v>0</v>
      </c>
      <c r="R4191" s="58">
        <v>37.42043412741657</v>
      </c>
      <c r="S4191" s="124">
        <f t="shared" si="65"/>
        <v>0.62263745786183411</v>
      </c>
    </row>
    <row r="4192" spans="8:19" x14ac:dyDescent="0.3">
      <c r="H4192" s="44">
        <v>4185</v>
      </c>
      <c r="I4192" s="56">
        <f>Bühler!I4218</f>
        <v>0.14368556719888478</v>
      </c>
      <c r="J4192" s="59">
        <f>Bühler!J4218</f>
        <v>0.4789518906629493</v>
      </c>
      <c r="K4192" s="59">
        <f>Bühler!K4218</f>
        <v>0.71842783599442395</v>
      </c>
      <c r="L4192" s="59">
        <f>Bühler!L4218</f>
        <v>11.585040796893319</v>
      </c>
      <c r="M4192" s="58">
        <f>Bühler!M4218</f>
        <v>0</v>
      </c>
      <c r="N4192" s="56">
        <f>IF(Input!$D$19=1,J4192*Input!$C$19,0)+IF(Input!$D$20=1,K4192*Input!$C$20,0)+IF(Input!$D$21=1,L4192*Input!$C$21,0)+IF(Input!$D$22=1,M4192*Input!$C$22,0)</f>
        <v>0.14368556719888478</v>
      </c>
      <c r="O4192" s="59">
        <f>IF(Input!$D$19=2,J4192*Input!$C$19,0)+IF(Input!$D$20=2,K4192*Input!$C$20,0)+IF(Input!$D$21=2,L4192*Input!$C$21,0)+IF(Input!$D$22=2,M4192*Input!$C$22,0)</f>
        <v>0.35921391799721197</v>
      </c>
      <c r="P4192" s="59">
        <f>IF(Input!$D$19=3,J4192*Input!$C$19,0)+IF(Input!$D$20=3,K4192*Input!$C$20,0)+IF(Input!$D$21=3,L4192*Input!$C$21,0)+IF(Input!$D$22=3,M4192*Input!$C$22,0)</f>
        <v>0</v>
      </c>
      <c r="Q4192" s="75">
        <f>IF(Input!$D$19=4,J4192*Input!$C$19,0)+IF(Input!$D$20=4,K4192*Input!$C$20,0)+IF(Input!$D$21=4,L4192*Input!$C$21,0)+IF(Input!$D$22=4,M4192*Input!$C$22,0)</f>
        <v>0</v>
      </c>
      <c r="R4192" s="58">
        <v>34.55334208059665</v>
      </c>
      <c r="S4192" s="124">
        <f t="shared" si="65"/>
        <v>0.62263745786183411</v>
      </c>
    </row>
    <row r="4193" spans="8:19" x14ac:dyDescent="0.3">
      <c r="H4193" s="44">
        <v>4186</v>
      </c>
      <c r="I4193" s="56">
        <f>Bühler!I4219</f>
        <v>0.14368556719888478</v>
      </c>
      <c r="J4193" s="59">
        <f>Bühler!J4219</f>
        <v>0.4789518906629493</v>
      </c>
      <c r="K4193" s="59">
        <f>Bühler!K4219</f>
        <v>0.71842783599442395</v>
      </c>
      <c r="L4193" s="59">
        <f>Bühler!L4219</f>
        <v>11.585040796893319</v>
      </c>
      <c r="M4193" s="58">
        <f>Bühler!M4219</f>
        <v>0</v>
      </c>
      <c r="N4193" s="56">
        <f>IF(Input!$D$19=1,J4193*Input!$C$19,0)+IF(Input!$D$20=1,K4193*Input!$C$20,0)+IF(Input!$D$21=1,L4193*Input!$C$21,0)+IF(Input!$D$22=1,M4193*Input!$C$22,0)</f>
        <v>0.14368556719888478</v>
      </c>
      <c r="O4193" s="59">
        <f>IF(Input!$D$19=2,J4193*Input!$C$19,0)+IF(Input!$D$20=2,K4193*Input!$C$20,0)+IF(Input!$D$21=2,L4193*Input!$C$21,0)+IF(Input!$D$22=2,M4193*Input!$C$22,0)</f>
        <v>0.35921391799721197</v>
      </c>
      <c r="P4193" s="59">
        <f>IF(Input!$D$19=3,J4193*Input!$C$19,0)+IF(Input!$D$20=3,K4193*Input!$C$20,0)+IF(Input!$D$21=3,L4193*Input!$C$21,0)+IF(Input!$D$22=3,M4193*Input!$C$22,0)</f>
        <v>0</v>
      </c>
      <c r="Q4193" s="75">
        <f>IF(Input!$D$19=4,J4193*Input!$C$19,0)+IF(Input!$D$20=4,K4193*Input!$C$20,0)+IF(Input!$D$21=4,L4193*Input!$C$21,0)+IF(Input!$D$22=4,M4193*Input!$C$22,0)</f>
        <v>0</v>
      </c>
      <c r="R4193" s="58">
        <v>35.548313972095741</v>
      </c>
      <c r="S4193" s="124">
        <f t="shared" si="65"/>
        <v>0.62263745786183411</v>
      </c>
    </row>
    <row r="4194" spans="8:19" x14ac:dyDescent="0.3">
      <c r="H4194" s="44">
        <v>4187</v>
      </c>
      <c r="I4194" s="56">
        <f>Bühler!I4220</f>
        <v>0.14368556719888478</v>
      </c>
      <c r="J4194" s="59">
        <f>Bühler!J4220</f>
        <v>0.4789518906629493</v>
      </c>
      <c r="K4194" s="59">
        <f>Bühler!K4220</f>
        <v>0.71842783599442395</v>
      </c>
      <c r="L4194" s="59">
        <f>Bühler!L4220</f>
        <v>11.585040796893319</v>
      </c>
      <c r="M4194" s="58">
        <f>Bühler!M4220</f>
        <v>0</v>
      </c>
      <c r="N4194" s="56">
        <f>IF(Input!$D$19=1,J4194*Input!$C$19,0)+IF(Input!$D$20=1,K4194*Input!$C$20,0)+IF(Input!$D$21=1,L4194*Input!$C$21,0)+IF(Input!$D$22=1,M4194*Input!$C$22,0)</f>
        <v>0.14368556719888478</v>
      </c>
      <c r="O4194" s="59">
        <f>IF(Input!$D$19=2,J4194*Input!$C$19,0)+IF(Input!$D$20=2,K4194*Input!$C$20,0)+IF(Input!$D$21=2,L4194*Input!$C$21,0)+IF(Input!$D$22=2,M4194*Input!$C$22,0)</f>
        <v>0.35921391799721197</v>
      </c>
      <c r="P4194" s="59">
        <f>IF(Input!$D$19=3,J4194*Input!$C$19,0)+IF(Input!$D$20=3,K4194*Input!$C$20,0)+IF(Input!$D$21=3,L4194*Input!$C$21,0)+IF(Input!$D$22=3,M4194*Input!$C$22,0)</f>
        <v>0</v>
      </c>
      <c r="Q4194" s="75">
        <f>IF(Input!$D$19=4,J4194*Input!$C$19,0)+IF(Input!$D$20=4,K4194*Input!$C$20,0)+IF(Input!$D$21=4,L4194*Input!$C$21,0)+IF(Input!$D$22=4,M4194*Input!$C$22,0)</f>
        <v>0</v>
      </c>
      <c r="R4194" s="58">
        <v>37.262371673739402</v>
      </c>
      <c r="S4194" s="124">
        <f t="shared" si="65"/>
        <v>0.62263745786183411</v>
      </c>
    </row>
    <row r="4195" spans="8:19" x14ac:dyDescent="0.3">
      <c r="H4195" s="44">
        <v>4188</v>
      </c>
      <c r="I4195" s="56">
        <f>Bühler!I4221</f>
        <v>0.14368556719888478</v>
      </c>
      <c r="J4195" s="59">
        <f>Bühler!J4221</f>
        <v>0.4789518906629493</v>
      </c>
      <c r="K4195" s="59">
        <f>Bühler!K4221</f>
        <v>0.71842783599442395</v>
      </c>
      <c r="L4195" s="59">
        <f>Bühler!L4221</f>
        <v>11.585040796893319</v>
      </c>
      <c r="M4195" s="58">
        <f>Bühler!M4221</f>
        <v>0</v>
      </c>
      <c r="N4195" s="56">
        <f>IF(Input!$D$19=1,J4195*Input!$C$19,0)+IF(Input!$D$20=1,K4195*Input!$C$20,0)+IF(Input!$D$21=1,L4195*Input!$C$21,0)+IF(Input!$D$22=1,M4195*Input!$C$22,0)</f>
        <v>0.14368556719888478</v>
      </c>
      <c r="O4195" s="59">
        <f>IF(Input!$D$19=2,J4195*Input!$C$19,0)+IF(Input!$D$20=2,K4195*Input!$C$20,0)+IF(Input!$D$21=2,L4195*Input!$C$21,0)+IF(Input!$D$22=2,M4195*Input!$C$22,0)</f>
        <v>0.35921391799721197</v>
      </c>
      <c r="P4195" s="59">
        <f>IF(Input!$D$19=3,J4195*Input!$C$19,0)+IF(Input!$D$20=3,K4195*Input!$C$20,0)+IF(Input!$D$21=3,L4195*Input!$C$21,0)+IF(Input!$D$22=3,M4195*Input!$C$22,0)</f>
        <v>0</v>
      </c>
      <c r="Q4195" s="75">
        <f>IF(Input!$D$19=4,J4195*Input!$C$19,0)+IF(Input!$D$20=4,K4195*Input!$C$20,0)+IF(Input!$D$21=4,L4195*Input!$C$21,0)+IF(Input!$D$22=4,M4195*Input!$C$22,0)</f>
        <v>0</v>
      </c>
      <c r="R4195" s="58">
        <v>38.70193086815879</v>
      </c>
      <c r="S4195" s="124">
        <f t="shared" si="65"/>
        <v>0.62263745786183411</v>
      </c>
    </row>
    <row r="4196" spans="8:19" x14ac:dyDescent="0.3">
      <c r="H4196" s="44">
        <v>4189</v>
      </c>
      <c r="I4196" s="56">
        <f>Bühler!I4222</f>
        <v>0.14368556719888478</v>
      </c>
      <c r="J4196" s="59">
        <f>Bühler!J4222</f>
        <v>0.4789518906629493</v>
      </c>
      <c r="K4196" s="59">
        <f>Bühler!K4222</f>
        <v>0.71842783599442395</v>
      </c>
      <c r="L4196" s="59">
        <f>Bühler!L4222</f>
        <v>11.585040796893319</v>
      </c>
      <c r="M4196" s="58">
        <f>Bühler!M4222</f>
        <v>0</v>
      </c>
      <c r="N4196" s="56">
        <f>IF(Input!$D$19=1,J4196*Input!$C$19,0)+IF(Input!$D$20=1,K4196*Input!$C$20,0)+IF(Input!$D$21=1,L4196*Input!$C$21,0)+IF(Input!$D$22=1,M4196*Input!$C$22,0)</f>
        <v>0.14368556719888478</v>
      </c>
      <c r="O4196" s="59">
        <f>IF(Input!$D$19=2,J4196*Input!$C$19,0)+IF(Input!$D$20=2,K4196*Input!$C$20,0)+IF(Input!$D$21=2,L4196*Input!$C$21,0)+IF(Input!$D$22=2,M4196*Input!$C$22,0)</f>
        <v>0.35921391799721197</v>
      </c>
      <c r="P4196" s="59">
        <f>IF(Input!$D$19=3,J4196*Input!$C$19,0)+IF(Input!$D$20=3,K4196*Input!$C$20,0)+IF(Input!$D$21=3,L4196*Input!$C$21,0)+IF(Input!$D$22=3,M4196*Input!$C$22,0)</f>
        <v>0</v>
      </c>
      <c r="Q4196" s="75">
        <f>IF(Input!$D$19=4,J4196*Input!$C$19,0)+IF(Input!$D$20=4,K4196*Input!$C$20,0)+IF(Input!$D$21=4,L4196*Input!$C$21,0)+IF(Input!$D$22=4,M4196*Input!$C$22,0)</f>
        <v>0</v>
      </c>
      <c r="R4196" s="58">
        <v>39.215653333765069</v>
      </c>
      <c r="S4196" s="124">
        <f t="shared" si="65"/>
        <v>0.62263745786183411</v>
      </c>
    </row>
    <row r="4197" spans="8:19" x14ac:dyDescent="0.3">
      <c r="H4197" s="44">
        <v>4190</v>
      </c>
      <c r="I4197" s="56">
        <f>Bühler!I4223</f>
        <v>0.14368556719888478</v>
      </c>
      <c r="J4197" s="59">
        <f>Bühler!J4223</f>
        <v>0.4789518906629493</v>
      </c>
      <c r="K4197" s="59">
        <f>Bühler!K4223</f>
        <v>0.71842783599442395</v>
      </c>
      <c r="L4197" s="59">
        <f>Bühler!L4223</f>
        <v>11.585040796893319</v>
      </c>
      <c r="M4197" s="58">
        <f>Bühler!M4223</f>
        <v>0</v>
      </c>
      <c r="N4197" s="56">
        <f>IF(Input!$D$19=1,J4197*Input!$C$19,0)+IF(Input!$D$20=1,K4197*Input!$C$20,0)+IF(Input!$D$21=1,L4197*Input!$C$21,0)+IF(Input!$D$22=1,M4197*Input!$C$22,0)</f>
        <v>0.14368556719888478</v>
      </c>
      <c r="O4197" s="59">
        <f>IF(Input!$D$19=2,J4197*Input!$C$19,0)+IF(Input!$D$20=2,K4197*Input!$C$20,0)+IF(Input!$D$21=2,L4197*Input!$C$21,0)+IF(Input!$D$22=2,M4197*Input!$C$22,0)</f>
        <v>0.35921391799721197</v>
      </c>
      <c r="P4197" s="59">
        <f>IF(Input!$D$19=3,J4197*Input!$C$19,0)+IF(Input!$D$20=3,K4197*Input!$C$20,0)+IF(Input!$D$21=3,L4197*Input!$C$21,0)+IF(Input!$D$22=3,M4197*Input!$C$22,0)</f>
        <v>0</v>
      </c>
      <c r="Q4197" s="75">
        <f>IF(Input!$D$19=4,J4197*Input!$C$19,0)+IF(Input!$D$20=4,K4197*Input!$C$20,0)+IF(Input!$D$21=4,L4197*Input!$C$21,0)+IF(Input!$D$22=4,M4197*Input!$C$22,0)</f>
        <v>0</v>
      </c>
      <c r="R4197" s="58">
        <v>39.038417800686425</v>
      </c>
      <c r="S4197" s="124">
        <f t="shared" si="65"/>
        <v>0.62263745786183411</v>
      </c>
    </row>
    <row r="4198" spans="8:19" x14ac:dyDescent="0.3">
      <c r="H4198" s="44">
        <v>4191</v>
      </c>
      <c r="I4198" s="56">
        <f>Bühler!I4224</f>
        <v>0.14368556719888478</v>
      </c>
      <c r="J4198" s="59">
        <f>Bühler!J4224</f>
        <v>0.4789518906629493</v>
      </c>
      <c r="K4198" s="59">
        <f>Bühler!K4224</f>
        <v>0.71842783599442395</v>
      </c>
      <c r="L4198" s="59">
        <f>Bühler!L4224</f>
        <v>11.585040796893319</v>
      </c>
      <c r="M4198" s="58">
        <f>Bühler!M4224</f>
        <v>0</v>
      </c>
      <c r="N4198" s="56">
        <f>IF(Input!$D$19=1,J4198*Input!$C$19,0)+IF(Input!$D$20=1,K4198*Input!$C$20,0)+IF(Input!$D$21=1,L4198*Input!$C$21,0)+IF(Input!$D$22=1,M4198*Input!$C$22,0)</f>
        <v>0.14368556719888478</v>
      </c>
      <c r="O4198" s="59">
        <f>IF(Input!$D$19=2,J4198*Input!$C$19,0)+IF(Input!$D$20=2,K4198*Input!$C$20,0)+IF(Input!$D$21=2,L4198*Input!$C$21,0)+IF(Input!$D$22=2,M4198*Input!$C$22,0)</f>
        <v>0.35921391799721197</v>
      </c>
      <c r="P4198" s="59">
        <f>IF(Input!$D$19=3,J4198*Input!$C$19,0)+IF(Input!$D$20=3,K4198*Input!$C$20,0)+IF(Input!$D$21=3,L4198*Input!$C$21,0)+IF(Input!$D$22=3,M4198*Input!$C$22,0)</f>
        <v>0</v>
      </c>
      <c r="Q4198" s="75">
        <f>IF(Input!$D$19=4,J4198*Input!$C$19,0)+IF(Input!$D$20=4,K4198*Input!$C$20,0)+IF(Input!$D$21=4,L4198*Input!$C$21,0)+IF(Input!$D$22=4,M4198*Input!$C$22,0)</f>
        <v>0</v>
      </c>
      <c r="R4198" s="58">
        <v>39.448555292973552</v>
      </c>
      <c r="S4198" s="124">
        <f t="shared" si="65"/>
        <v>0.62263745786183411</v>
      </c>
    </row>
    <row r="4199" spans="8:19" x14ac:dyDescent="0.3">
      <c r="H4199" s="44">
        <v>4192</v>
      </c>
      <c r="I4199" s="56">
        <f>Bühler!I4225</f>
        <v>0.12772050417678649</v>
      </c>
      <c r="J4199" s="59">
        <f>Bühler!J4225</f>
        <v>0.4257350139226217</v>
      </c>
      <c r="K4199" s="59">
        <f>Bühler!K4225</f>
        <v>0.63860252088393255</v>
      </c>
      <c r="L4199" s="59">
        <f>Bühler!L4225</f>
        <v>10.297814041682949</v>
      </c>
      <c r="M4199" s="58">
        <f>Bühler!M4225</f>
        <v>0</v>
      </c>
      <c r="N4199" s="56">
        <f>IF(Input!$D$19=1,J4199*Input!$C$19,0)+IF(Input!$D$20=1,K4199*Input!$C$20,0)+IF(Input!$D$21=1,L4199*Input!$C$21,0)+IF(Input!$D$22=1,M4199*Input!$C$22,0)</f>
        <v>0.12772050417678651</v>
      </c>
      <c r="O4199" s="59">
        <f>IF(Input!$D$19=2,J4199*Input!$C$19,0)+IF(Input!$D$20=2,K4199*Input!$C$20,0)+IF(Input!$D$21=2,L4199*Input!$C$21,0)+IF(Input!$D$22=2,M4199*Input!$C$22,0)</f>
        <v>0.31930126044196627</v>
      </c>
      <c r="P4199" s="59">
        <f>IF(Input!$D$19=3,J4199*Input!$C$19,0)+IF(Input!$D$20=3,K4199*Input!$C$20,0)+IF(Input!$D$21=3,L4199*Input!$C$21,0)+IF(Input!$D$22=3,M4199*Input!$C$22,0)</f>
        <v>0</v>
      </c>
      <c r="Q4199" s="75">
        <f>IF(Input!$D$19=4,J4199*Input!$C$19,0)+IF(Input!$D$20=4,K4199*Input!$C$20,0)+IF(Input!$D$21=4,L4199*Input!$C$21,0)+IF(Input!$D$22=4,M4199*Input!$C$22,0)</f>
        <v>0</v>
      </c>
      <c r="R4199" s="58">
        <v>40.174191523923149</v>
      </c>
      <c r="S4199" s="124">
        <f t="shared" si="65"/>
        <v>0.55345551809940818</v>
      </c>
    </row>
    <row r="4200" spans="8:19" x14ac:dyDescent="0.3">
      <c r="H4200" s="44">
        <v>4193</v>
      </c>
      <c r="I4200" s="56">
        <f>Bühler!I4226</f>
        <v>0.1254397808879153</v>
      </c>
      <c r="J4200" s="59">
        <f>Bühler!J4226</f>
        <v>0.41813260295971766</v>
      </c>
      <c r="K4200" s="59">
        <f>Bühler!K4226</f>
        <v>0.62719890443957649</v>
      </c>
      <c r="L4200" s="59">
        <f>Bühler!L4226</f>
        <v>10.113924505224324</v>
      </c>
      <c r="M4200" s="58">
        <f>Bühler!M4226</f>
        <v>0</v>
      </c>
      <c r="N4200" s="56">
        <f>IF(Input!$D$19=1,J4200*Input!$C$19,0)+IF(Input!$D$20=1,K4200*Input!$C$20,0)+IF(Input!$D$21=1,L4200*Input!$C$21,0)+IF(Input!$D$22=1,M4200*Input!$C$22,0)</f>
        <v>0.1254397808879153</v>
      </c>
      <c r="O4200" s="59">
        <f>IF(Input!$D$19=2,J4200*Input!$C$19,0)+IF(Input!$D$20=2,K4200*Input!$C$20,0)+IF(Input!$D$21=2,L4200*Input!$C$21,0)+IF(Input!$D$22=2,M4200*Input!$C$22,0)</f>
        <v>0.31359945221978824</v>
      </c>
      <c r="P4200" s="59">
        <f>IF(Input!$D$19=3,J4200*Input!$C$19,0)+IF(Input!$D$20=3,K4200*Input!$C$20,0)+IF(Input!$D$21=3,L4200*Input!$C$21,0)+IF(Input!$D$22=3,M4200*Input!$C$22,0)</f>
        <v>0</v>
      </c>
      <c r="Q4200" s="75">
        <f>IF(Input!$D$19=4,J4200*Input!$C$19,0)+IF(Input!$D$20=4,K4200*Input!$C$20,0)+IF(Input!$D$21=4,L4200*Input!$C$21,0)+IF(Input!$D$22=4,M4200*Input!$C$22,0)</f>
        <v>0</v>
      </c>
      <c r="R4200" s="58">
        <v>39.922244974932632</v>
      </c>
      <c r="S4200" s="124">
        <f t="shared" si="65"/>
        <v>0.54357238384763296</v>
      </c>
    </row>
    <row r="4201" spans="8:19" x14ac:dyDescent="0.3">
      <c r="H4201" s="44">
        <v>4194</v>
      </c>
      <c r="I4201" s="56">
        <f>Bühler!I4227</f>
        <v>0.1071939945769458</v>
      </c>
      <c r="J4201" s="59">
        <f>Bühler!J4227</f>
        <v>0.35731331525648602</v>
      </c>
      <c r="K4201" s="59">
        <f>Bühler!K4227</f>
        <v>0.53596997288472903</v>
      </c>
      <c r="L4201" s="59">
        <f>Bühler!L4227</f>
        <v>8.6428082135553339</v>
      </c>
      <c r="M4201" s="58">
        <f>Bühler!M4227</f>
        <v>0</v>
      </c>
      <c r="N4201" s="56">
        <f>IF(Input!$D$19=1,J4201*Input!$C$19,0)+IF(Input!$D$20=1,K4201*Input!$C$20,0)+IF(Input!$D$21=1,L4201*Input!$C$21,0)+IF(Input!$D$22=1,M4201*Input!$C$22,0)</f>
        <v>0.1071939945769458</v>
      </c>
      <c r="O4201" s="59">
        <f>IF(Input!$D$19=2,J4201*Input!$C$19,0)+IF(Input!$D$20=2,K4201*Input!$C$20,0)+IF(Input!$D$21=2,L4201*Input!$C$21,0)+IF(Input!$D$22=2,M4201*Input!$C$22,0)</f>
        <v>0.26798498644236451</v>
      </c>
      <c r="P4201" s="59">
        <f>IF(Input!$D$19=3,J4201*Input!$C$19,0)+IF(Input!$D$20=3,K4201*Input!$C$20,0)+IF(Input!$D$21=3,L4201*Input!$C$21,0)+IF(Input!$D$22=3,M4201*Input!$C$22,0)</f>
        <v>0</v>
      </c>
      <c r="Q4201" s="75">
        <f>IF(Input!$D$19=4,J4201*Input!$C$19,0)+IF(Input!$D$20=4,K4201*Input!$C$20,0)+IF(Input!$D$21=4,L4201*Input!$C$21,0)+IF(Input!$D$22=4,M4201*Input!$C$22,0)</f>
        <v>0</v>
      </c>
      <c r="R4201" s="58">
        <v>40.640918190414638</v>
      </c>
      <c r="S4201" s="124">
        <f t="shared" si="65"/>
        <v>0.4645073098334318</v>
      </c>
    </row>
    <row r="4202" spans="8:19" x14ac:dyDescent="0.3">
      <c r="H4202" s="44">
        <v>4195</v>
      </c>
      <c r="I4202" s="56">
        <f>Bühler!I4228</f>
        <v>0.10035182471033224</v>
      </c>
      <c r="J4202" s="59">
        <f>Bühler!J4228</f>
        <v>0.33450608236777418</v>
      </c>
      <c r="K4202" s="59">
        <f>Bühler!K4228</f>
        <v>0.5017591235516613</v>
      </c>
      <c r="L4202" s="59">
        <f>Bühler!L4228</f>
        <v>8.0911396041794603</v>
      </c>
      <c r="M4202" s="58">
        <f>Bühler!M4228</f>
        <v>0</v>
      </c>
      <c r="N4202" s="56">
        <f>IF(Input!$D$19=1,J4202*Input!$C$19,0)+IF(Input!$D$20=1,K4202*Input!$C$20,0)+IF(Input!$D$21=1,L4202*Input!$C$21,0)+IF(Input!$D$22=1,M4202*Input!$C$22,0)</f>
        <v>0.10035182471033226</v>
      </c>
      <c r="O4202" s="59">
        <f>IF(Input!$D$19=2,J4202*Input!$C$19,0)+IF(Input!$D$20=2,K4202*Input!$C$20,0)+IF(Input!$D$21=2,L4202*Input!$C$21,0)+IF(Input!$D$22=2,M4202*Input!$C$22,0)</f>
        <v>0.25087956177583065</v>
      </c>
      <c r="P4202" s="59">
        <f>IF(Input!$D$19=3,J4202*Input!$C$19,0)+IF(Input!$D$20=3,K4202*Input!$C$20,0)+IF(Input!$D$21=3,L4202*Input!$C$21,0)+IF(Input!$D$22=3,M4202*Input!$C$22,0)</f>
        <v>0</v>
      </c>
      <c r="Q4202" s="75">
        <f>IF(Input!$D$19=4,J4202*Input!$C$19,0)+IF(Input!$D$20=4,K4202*Input!$C$20,0)+IF(Input!$D$21=4,L4202*Input!$C$21,0)+IF(Input!$D$22=4,M4202*Input!$C$22,0)</f>
        <v>0</v>
      </c>
      <c r="R4202" s="58">
        <v>40.928746549292683</v>
      </c>
      <c r="S4202" s="124">
        <f t="shared" si="65"/>
        <v>0.43485790707810645</v>
      </c>
    </row>
    <row r="4203" spans="8:19" x14ac:dyDescent="0.3">
      <c r="H4203" s="44">
        <v>4196</v>
      </c>
      <c r="I4203" s="56">
        <f>Bühler!I4229</f>
        <v>8.4386761688233933E-2</v>
      </c>
      <c r="J4203" s="59">
        <f>Bühler!J4229</f>
        <v>0.28128920562744647</v>
      </c>
      <c r="K4203" s="59">
        <f>Bühler!K4229</f>
        <v>0.42193380844116968</v>
      </c>
      <c r="L4203" s="59">
        <f>Bühler!L4229</f>
        <v>6.8039128489690928</v>
      </c>
      <c r="M4203" s="58">
        <f>Bühler!M4229</f>
        <v>0</v>
      </c>
      <c r="N4203" s="56">
        <f>IF(Input!$D$19=1,J4203*Input!$C$19,0)+IF(Input!$D$20=1,K4203*Input!$C$20,0)+IF(Input!$D$21=1,L4203*Input!$C$21,0)+IF(Input!$D$22=1,M4203*Input!$C$22,0)</f>
        <v>8.4386761688233933E-2</v>
      </c>
      <c r="O4203" s="59">
        <f>IF(Input!$D$19=2,J4203*Input!$C$19,0)+IF(Input!$D$20=2,K4203*Input!$C$20,0)+IF(Input!$D$21=2,L4203*Input!$C$21,0)+IF(Input!$D$22=2,M4203*Input!$C$22,0)</f>
        <v>0.21096690422058484</v>
      </c>
      <c r="P4203" s="59">
        <f>IF(Input!$D$19=3,J4203*Input!$C$19,0)+IF(Input!$D$20=3,K4203*Input!$C$20,0)+IF(Input!$D$21=3,L4203*Input!$C$21,0)+IF(Input!$D$22=3,M4203*Input!$C$22,0)</f>
        <v>0</v>
      </c>
      <c r="Q4203" s="75">
        <f>IF(Input!$D$19=4,J4203*Input!$C$19,0)+IF(Input!$D$20=4,K4203*Input!$C$20,0)+IF(Input!$D$21=4,L4203*Input!$C$21,0)+IF(Input!$D$22=4,M4203*Input!$C$22,0)</f>
        <v>0</v>
      </c>
      <c r="R4203" s="58">
        <v>41.227864891498896</v>
      </c>
      <c r="S4203" s="124">
        <f t="shared" si="65"/>
        <v>0.36567596731568042</v>
      </c>
    </row>
    <row r="4204" spans="8:19" x14ac:dyDescent="0.3">
      <c r="H4204" s="44">
        <v>4197</v>
      </c>
      <c r="I4204" s="56">
        <f>Bühler!I4230</f>
        <v>7.0702421955006797E-2</v>
      </c>
      <c r="J4204" s="59">
        <f>Bühler!J4230</f>
        <v>0.23567473985002271</v>
      </c>
      <c r="K4204" s="59">
        <f>Bühler!K4230</f>
        <v>0.35351210977503406</v>
      </c>
      <c r="L4204" s="59">
        <f>Bühler!L4230</f>
        <v>5.7005756302173465</v>
      </c>
      <c r="M4204" s="58">
        <f>Bühler!M4230</f>
        <v>0</v>
      </c>
      <c r="N4204" s="56">
        <f>IF(Input!$D$19=1,J4204*Input!$C$19,0)+IF(Input!$D$20=1,K4204*Input!$C$20,0)+IF(Input!$D$21=1,L4204*Input!$C$21,0)+IF(Input!$D$22=1,M4204*Input!$C$22,0)</f>
        <v>7.0702421955006811E-2</v>
      </c>
      <c r="O4204" s="59">
        <f>IF(Input!$D$19=2,J4204*Input!$C$19,0)+IF(Input!$D$20=2,K4204*Input!$C$20,0)+IF(Input!$D$21=2,L4204*Input!$C$21,0)+IF(Input!$D$22=2,M4204*Input!$C$22,0)</f>
        <v>0.17675605488751703</v>
      </c>
      <c r="P4204" s="59">
        <f>IF(Input!$D$19=3,J4204*Input!$C$19,0)+IF(Input!$D$20=3,K4204*Input!$C$20,0)+IF(Input!$D$21=3,L4204*Input!$C$21,0)+IF(Input!$D$22=3,M4204*Input!$C$22,0)</f>
        <v>0</v>
      </c>
      <c r="Q4204" s="75">
        <f>IF(Input!$D$19=4,J4204*Input!$C$19,0)+IF(Input!$D$20=4,K4204*Input!$C$20,0)+IF(Input!$D$21=4,L4204*Input!$C$21,0)+IF(Input!$D$22=4,M4204*Input!$C$22,0)</f>
        <v>0</v>
      </c>
      <c r="R4204" s="58">
        <v>40.906532928096823</v>
      </c>
      <c r="S4204" s="124">
        <f t="shared" si="65"/>
        <v>0.3063771618050295</v>
      </c>
    </row>
    <row r="4205" spans="8:19" x14ac:dyDescent="0.3">
      <c r="H4205" s="44">
        <v>4198</v>
      </c>
      <c r="I4205" s="56">
        <f>Bühler!I4231</f>
        <v>6.1579528799522061E-2</v>
      </c>
      <c r="J4205" s="59">
        <f>Bühler!J4231</f>
        <v>0.20526509599840689</v>
      </c>
      <c r="K4205" s="59">
        <f>Bühler!K4231</f>
        <v>0.30789764399761033</v>
      </c>
      <c r="L4205" s="59">
        <f>Bühler!L4231</f>
        <v>4.9650174843828516</v>
      </c>
      <c r="M4205" s="58">
        <f>Bühler!M4231</f>
        <v>0</v>
      </c>
      <c r="N4205" s="56">
        <f>IF(Input!$D$19=1,J4205*Input!$C$19,0)+IF(Input!$D$20=1,K4205*Input!$C$20,0)+IF(Input!$D$21=1,L4205*Input!$C$21,0)+IF(Input!$D$22=1,M4205*Input!$C$22,0)</f>
        <v>6.1579528799522068E-2</v>
      </c>
      <c r="O4205" s="59">
        <f>IF(Input!$D$19=2,J4205*Input!$C$19,0)+IF(Input!$D$20=2,K4205*Input!$C$20,0)+IF(Input!$D$21=2,L4205*Input!$C$21,0)+IF(Input!$D$22=2,M4205*Input!$C$22,0)</f>
        <v>0.15394882199880516</v>
      </c>
      <c r="P4205" s="59">
        <f>IF(Input!$D$19=3,J4205*Input!$C$19,0)+IF(Input!$D$20=3,K4205*Input!$C$20,0)+IF(Input!$D$21=3,L4205*Input!$C$21,0)+IF(Input!$D$22=3,M4205*Input!$C$22,0)</f>
        <v>0</v>
      </c>
      <c r="Q4205" s="75">
        <f>IF(Input!$D$19=4,J4205*Input!$C$19,0)+IF(Input!$D$20=4,K4205*Input!$C$20,0)+IF(Input!$D$21=4,L4205*Input!$C$21,0)+IF(Input!$D$22=4,M4205*Input!$C$22,0)</f>
        <v>0</v>
      </c>
      <c r="R4205" s="58">
        <v>41.345203844014286</v>
      </c>
      <c r="S4205" s="124">
        <f t="shared" si="65"/>
        <v>0.26684462479792898</v>
      </c>
    </row>
    <row r="4206" spans="8:19" x14ac:dyDescent="0.3">
      <c r="H4206" s="44">
        <v>4199</v>
      </c>
      <c r="I4206" s="56">
        <f>Bühler!I4232</f>
        <v>6.1579528799522061E-2</v>
      </c>
      <c r="J4206" s="59">
        <f>Bühler!J4232</f>
        <v>0.20526509599840689</v>
      </c>
      <c r="K4206" s="59">
        <f>Bühler!K4232</f>
        <v>0.30789764399761033</v>
      </c>
      <c r="L4206" s="59">
        <f>Bühler!L4232</f>
        <v>4.9650174843828516</v>
      </c>
      <c r="M4206" s="58">
        <f>Bühler!M4232</f>
        <v>0</v>
      </c>
      <c r="N4206" s="56">
        <f>IF(Input!$D$19=1,J4206*Input!$C$19,0)+IF(Input!$D$20=1,K4206*Input!$C$20,0)+IF(Input!$D$21=1,L4206*Input!$C$21,0)+IF(Input!$D$22=1,M4206*Input!$C$22,0)</f>
        <v>6.1579528799522068E-2</v>
      </c>
      <c r="O4206" s="59">
        <f>IF(Input!$D$19=2,J4206*Input!$C$19,0)+IF(Input!$D$20=2,K4206*Input!$C$20,0)+IF(Input!$D$21=2,L4206*Input!$C$21,0)+IF(Input!$D$22=2,M4206*Input!$C$22,0)</f>
        <v>0.15394882199880516</v>
      </c>
      <c r="P4206" s="59">
        <f>IF(Input!$D$19=3,J4206*Input!$C$19,0)+IF(Input!$D$20=3,K4206*Input!$C$20,0)+IF(Input!$D$21=3,L4206*Input!$C$21,0)+IF(Input!$D$22=3,M4206*Input!$C$22,0)</f>
        <v>0</v>
      </c>
      <c r="Q4206" s="75">
        <f>IF(Input!$D$19=4,J4206*Input!$C$19,0)+IF(Input!$D$20=4,K4206*Input!$C$20,0)+IF(Input!$D$21=4,L4206*Input!$C$21,0)+IF(Input!$D$22=4,M4206*Input!$C$22,0)</f>
        <v>0</v>
      </c>
      <c r="R4206" s="58">
        <v>42.336582125441019</v>
      </c>
      <c r="S4206" s="124">
        <f t="shared" si="65"/>
        <v>0.26684462479792898</v>
      </c>
    </row>
    <row r="4207" spans="8:19" x14ac:dyDescent="0.3">
      <c r="H4207" s="44">
        <v>4200</v>
      </c>
      <c r="I4207" s="56">
        <f>Bühler!I4233</f>
        <v>6.1579528799522061E-2</v>
      </c>
      <c r="J4207" s="59">
        <f>Bühler!J4233</f>
        <v>0.20526509599840689</v>
      </c>
      <c r="K4207" s="59">
        <f>Bühler!K4233</f>
        <v>0.30789764399761033</v>
      </c>
      <c r="L4207" s="59">
        <f>Bühler!L4233</f>
        <v>4.9650174843828516</v>
      </c>
      <c r="M4207" s="58">
        <f>Bühler!M4233</f>
        <v>0</v>
      </c>
      <c r="N4207" s="56">
        <f>IF(Input!$D$19=1,J4207*Input!$C$19,0)+IF(Input!$D$20=1,K4207*Input!$C$20,0)+IF(Input!$D$21=1,L4207*Input!$C$21,0)+IF(Input!$D$22=1,M4207*Input!$C$22,0)</f>
        <v>6.1579528799522068E-2</v>
      </c>
      <c r="O4207" s="59">
        <f>IF(Input!$D$19=2,J4207*Input!$C$19,0)+IF(Input!$D$20=2,K4207*Input!$C$20,0)+IF(Input!$D$21=2,L4207*Input!$C$21,0)+IF(Input!$D$22=2,M4207*Input!$C$22,0)</f>
        <v>0.15394882199880516</v>
      </c>
      <c r="P4207" s="59">
        <f>IF(Input!$D$19=3,J4207*Input!$C$19,0)+IF(Input!$D$20=3,K4207*Input!$C$20,0)+IF(Input!$D$21=3,L4207*Input!$C$21,0)+IF(Input!$D$22=3,M4207*Input!$C$22,0)</f>
        <v>0</v>
      </c>
      <c r="Q4207" s="75">
        <f>IF(Input!$D$19=4,J4207*Input!$C$19,0)+IF(Input!$D$20=4,K4207*Input!$C$20,0)+IF(Input!$D$21=4,L4207*Input!$C$21,0)+IF(Input!$D$22=4,M4207*Input!$C$22,0)</f>
        <v>0</v>
      </c>
      <c r="R4207" s="58">
        <v>43.125881677520923</v>
      </c>
      <c r="S4207" s="124">
        <f t="shared" si="65"/>
        <v>0.26684462479792898</v>
      </c>
    </row>
    <row r="4208" spans="8:19" x14ac:dyDescent="0.3">
      <c r="H4208" s="44">
        <v>4201</v>
      </c>
      <c r="I4208" s="56">
        <f>Bühler!I4234</f>
        <v>6.8328848979427204E-2</v>
      </c>
      <c r="J4208" s="59">
        <f>Bühler!J4234</f>
        <v>0.22776282993142402</v>
      </c>
      <c r="K4208" s="59">
        <f>Bühler!K4234</f>
        <v>0.34164424489713602</v>
      </c>
      <c r="L4208" s="59">
        <f>Bühler!L4234</f>
        <v>1.6398923755062527</v>
      </c>
      <c r="M4208" s="58">
        <f>Bühler!M4234</f>
        <v>0</v>
      </c>
      <c r="N4208" s="56">
        <f>IF(Input!$D$19=1,J4208*Input!$C$19,0)+IF(Input!$D$20=1,K4208*Input!$C$20,0)+IF(Input!$D$21=1,L4208*Input!$C$21,0)+IF(Input!$D$22=1,M4208*Input!$C$22,0)</f>
        <v>6.8328848979427204E-2</v>
      </c>
      <c r="O4208" s="59">
        <f>IF(Input!$D$19=2,J4208*Input!$C$19,0)+IF(Input!$D$20=2,K4208*Input!$C$20,0)+IF(Input!$D$21=2,L4208*Input!$C$21,0)+IF(Input!$D$22=2,M4208*Input!$C$22,0)</f>
        <v>0.17082212244856801</v>
      </c>
      <c r="P4208" s="59">
        <f>IF(Input!$D$19=3,J4208*Input!$C$19,0)+IF(Input!$D$20=3,K4208*Input!$C$20,0)+IF(Input!$D$21=3,L4208*Input!$C$21,0)+IF(Input!$D$22=3,M4208*Input!$C$22,0)</f>
        <v>0</v>
      </c>
      <c r="Q4208" s="75">
        <f>IF(Input!$D$19=4,J4208*Input!$C$19,0)+IF(Input!$D$20=4,K4208*Input!$C$20,0)+IF(Input!$D$21=4,L4208*Input!$C$21,0)+IF(Input!$D$22=4,M4208*Input!$C$22,0)</f>
        <v>0</v>
      </c>
      <c r="R4208" s="58">
        <v>42.95804650070346</v>
      </c>
      <c r="S4208" s="124">
        <f t="shared" si="65"/>
        <v>0.2960916789108512</v>
      </c>
    </row>
    <row r="4209" spans="8:19" x14ac:dyDescent="0.3">
      <c r="H4209" s="44">
        <v>4202</v>
      </c>
      <c r="I4209" s="56">
        <f>Bühler!I4235</f>
        <v>6.8328848979427204E-2</v>
      </c>
      <c r="J4209" s="59">
        <f>Bühler!J4235</f>
        <v>0.22776282993142402</v>
      </c>
      <c r="K4209" s="59">
        <f>Bühler!K4235</f>
        <v>0.34164424489713602</v>
      </c>
      <c r="L4209" s="59">
        <f>Bühler!L4235</f>
        <v>1.6398923755062527</v>
      </c>
      <c r="M4209" s="58">
        <f>Bühler!M4235</f>
        <v>0</v>
      </c>
      <c r="N4209" s="56">
        <f>IF(Input!$D$19=1,J4209*Input!$C$19,0)+IF(Input!$D$20=1,K4209*Input!$C$20,0)+IF(Input!$D$21=1,L4209*Input!$C$21,0)+IF(Input!$D$22=1,M4209*Input!$C$22,0)</f>
        <v>6.8328848979427204E-2</v>
      </c>
      <c r="O4209" s="59">
        <f>IF(Input!$D$19=2,J4209*Input!$C$19,0)+IF(Input!$D$20=2,K4209*Input!$C$20,0)+IF(Input!$D$21=2,L4209*Input!$C$21,0)+IF(Input!$D$22=2,M4209*Input!$C$22,0)</f>
        <v>0.17082212244856801</v>
      </c>
      <c r="P4209" s="59">
        <f>IF(Input!$D$19=3,J4209*Input!$C$19,0)+IF(Input!$D$20=3,K4209*Input!$C$20,0)+IF(Input!$D$21=3,L4209*Input!$C$21,0)+IF(Input!$D$22=3,M4209*Input!$C$22,0)</f>
        <v>0</v>
      </c>
      <c r="Q4209" s="75">
        <f>IF(Input!$D$19=4,J4209*Input!$C$19,0)+IF(Input!$D$20=4,K4209*Input!$C$20,0)+IF(Input!$D$21=4,L4209*Input!$C$21,0)+IF(Input!$D$22=4,M4209*Input!$C$22,0)</f>
        <v>0</v>
      </c>
      <c r="R4209" s="58">
        <v>43.397790229430321</v>
      </c>
      <c r="S4209" s="124">
        <f t="shared" si="65"/>
        <v>0.2960916789108512</v>
      </c>
    </row>
    <row r="4210" spans="8:19" x14ac:dyDescent="0.3">
      <c r="H4210" s="44">
        <v>4203</v>
      </c>
      <c r="I4210" s="56">
        <f>Bühler!I4236</f>
        <v>6.8328848979427204E-2</v>
      </c>
      <c r="J4210" s="59">
        <f>Bühler!J4236</f>
        <v>0.22776282993142402</v>
      </c>
      <c r="K4210" s="59">
        <f>Bühler!K4236</f>
        <v>0.34164424489713602</v>
      </c>
      <c r="L4210" s="59">
        <f>Bühler!L4236</f>
        <v>1.6398923755062527</v>
      </c>
      <c r="M4210" s="58">
        <f>Bühler!M4236</f>
        <v>0</v>
      </c>
      <c r="N4210" s="56">
        <f>IF(Input!$D$19=1,J4210*Input!$C$19,0)+IF(Input!$D$20=1,K4210*Input!$C$20,0)+IF(Input!$D$21=1,L4210*Input!$C$21,0)+IF(Input!$D$22=1,M4210*Input!$C$22,0)</f>
        <v>6.8328848979427204E-2</v>
      </c>
      <c r="O4210" s="59">
        <f>IF(Input!$D$19=2,J4210*Input!$C$19,0)+IF(Input!$D$20=2,K4210*Input!$C$20,0)+IF(Input!$D$21=2,L4210*Input!$C$21,0)+IF(Input!$D$22=2,M4210*Input!$C$22,0)</f>
        <v>0.17082212244856801</v>
      </c>
      <c r="P4210" s="59">
        <f>IF(Input!$D$19=3,J4210*Input!$C$19,0)+IF(Input!$D$20=3,K4210*Input!$C$20,0)+IF(Input!$D$21=3,L4210*Input!$C$21,0)+IF(Input!$D$22=3,M4210*Input!$C$22,0)</f>
        <v>0</v>
      </c>
      <c r="Q4210" s="75">
        <f>IF(Input!$D$19=4,J4210*Input!$C$19,0)+IF(Input!$D$20=4,K4210*Input!$C$20,0)+IF(Input!$D$21=4,L4210*Input!$C$21,0)+IF(Input!$D$22=4,M4210*Input!$C$22,0)</f>
        <v>0</v>
      </c>
      <c r="R4210" s="58">
        <v>43.99790536107723</v>
      </c>
      <c r="S4210" s="124">
        <f t="shared" si="65"/>
        <v>0.2960916789108512</v>
      </c>
    </row>
    <row r="4211" spans="8:19" x14ac:dyDescent="0.3">
      <c r="H4211" s="44">
        <v>4204</v>
      </c>
      <c r="I4211" s="56">
        <f>Bühler!I4237</f>
        <v>6.8328848979427204E-2</v>
      </c>
      <c r="J4211" s="59">
        <f>Bühler!J4237</f>
        <v>0.22776282993142402</v>
      </c>
      <c r="K4211" s="59">
        <f>Bühler!K4237</f>
        <v>0.34164424489713602</v>
      </c>
      <c r="L4211" s="59">
        <f>Bühler!L4237</f>
        <v>1.6398923755062527</v>
      </c>
      <c r="M4211" s="58">
        <f>Bühler!M4237</f>
        <v>0</v>
      </c>
      <c r="N4211" s="56">
        <f>IF(Input!$D$19=1,J4211*Input!$C$19,0)+IF(Input!$D$20=1,K4211*Input!$C$20,0)+IF(Input!$D$21=1,L4211*Input!$C$21,0)+IF(Input!$D$22=1,M4211*Input!$C$22,0)</f>
        <v>6.8328848979427204E-2</v>
      </c>
      <c r="O4211" s="59">
        <f>IF(Input!$D$19=2,J4211*Input!$C$19,0)+IF(Input!$D$20=2,K4211*Input!$C$20,0)+IF(Input!$D$21=2,L4211*Input!$C$21,0)+IF(Input!$D$22=2,M4211*Input!$C$22,0)</f>
        <v>0.17082212244856801</v>
      </c>
      <c r="P4211" s="59">
        <f>IF(Input!$D$19=3,J4211*Input!$C$19,0)+IF(Input!$D$20=3,K4211*Input!$C$20,0)+IF(Input!$D$21=3,L4211*Input!$C$21,0)+IF(Input!$D$22=3,M4211*Input!$C$22,0)</f>
        <v>0</v>
      </c>
      <c r="Q4211" s="75">
        <f>IF(Input!$D$19=4,J4211*Input!$C$19,0)+IF(Input!$D$20=4,K4211*Input!$C$20,0)+IF(Input!$D$21=4,L4211*Input!$C$21,0)+IF(Input!$D$22=4,M4211*Input!$C$22,0)</f>
        <v>0</v>
      </c>
      <c r="R4211" s="58">
        <v>45.446151403075781</v>
      </c>
      <c r="S4211" s="124">
        <f t="shared" si="65"/>
        <v>0.2960916789108512</v>
      </c>
    </row>
    <row r="4212" spans="8:19" x14ac:dyDescent="0.3">
      <c r="H4212" s="44">
        <v>4205</v>
      </c>
      <c r="I4212" s="56">
        <f>Bühler!I4238</f>
        <v>6.8328848979427204E-2</v>
      </c>
      <c r="J4212" s="59">
        <f>Bühler!J4238</f>
        <v>0.22776282993142402</v>
      </c>
      <c r="K4212" s="59">
        <f>Bühler!K4238</f>
        <v>0.34164424489713602</v>
      </c>
      <c r="L4212" s="59">
        <f>Bühler!L4238</f>
        <v>1.6398923755062527</v>
      </c>
      <c r="M4212" s="58">
        <f>Bühler!M4238</f>
        <v>0</v>
      </c>
      <c r="N4212" s="56">
        <f>IF(Input!$D$19=1,J4212*Input!$C$19,0)+IF(Input!$D$20=1,K4212*Input!$C$20,0)+IF(Input!$D$21=1,L4212*Input!$C$21,0)+IF(Input!$D$22=1,M4212*Input!$C$22,0)</f>
        <v>6.8328848979427204E-2</v>
      </c>
      <c r="O4212" s="59">
        <f>IF(Input!$D$19=2,J4212*Input!$C$19,0)+IF(Input!$D$20=2,K4212*Input!$C$20,0)+IF(Input!$D$21=2,L4212*Input!$C$21,0)+IF(Input!$D$22=2,M4212*Input!$C$22,0)</f>
        <v>0.17082212244856801</v>
      </c>
      <c r="P4212" s="59">
        <f>IF(Input!$D$19=3,J4212*Input!$C$19,0)+IF(Input!$D$20=3,K4212*Input!$C$20,0)+IF(Input!$D$21=3,L4212*Input!$C$21,0)+IF(Input!$D$22=3,M4212*Input!$C$22,0)</f>
        <v>0</v>
      </c>
      <c r="Q4212" s="75">
        <f>IF(Input!$D$19=4,J4212*Input!$C$19,0)+IF(Input!$D$20=4,K4212*Input!$C$20,0)+IF(Input!$D$21=4,L4212*Input!$C$21,0)+IF(Input!$D$22=4,M4212*Input!$C$22,0)</f>
        <v>0</v>
      </c>
      <c r="R4212" s="58">
        <v>48.303933650278253</v>
      </c>
      <c r="S4212" s="124">
        <f t="shared" si="65"/>
        <v>0.2960916789108512</v>
      </c>
    </row>
    <row r="4213" spans="8:19" x14ac:dyDescent="0.3">
      <c r="H4213" s="44">
        <v>4206</v>
      </c>
      <c r="I4213" s="56">
        <f>Bühler!I4239</f>
        <v>0.29609167891085125</v>
      </c>
      <c r="J4213" s="59">
        <f>Bühler!J4239</f>
        <v>0.98697226303617092</v>
      </c>
      <c r="K4213" s="59">
        <f>Bühler!K4239</f>
        <v>1.4804583945542562</v>
      </c>
      <c r="L4213" s="59">
        <f>Bühler!L4239</f>
        <v>7.1062002938604305</v>
      </c>
      <c r="M4213" s="58">
        <f>Bühler!M4239</f>
        <v>0</v>
      </c>
      <c r="N4213" s="56">
        <f>IF(Input!$D$19=1,J4213*Input!$C$19,0)+IF(Input!$D$20=1,K4213*Input!$C$20,0)+IF(Input!$D$21=1,L4213*Input!$C$21,0)+IF(Input!$D$22=1,M4213*Input!$C$22,0)</f>
        <v>0.29609167891085125</v>
      </c>
      <c r="O4213" s="59">
        <f>IF(Input!$D$19=2,J4213*Input!$C$19,0)+IF(Input!$D$20=2,K4213*Input!$C$20,0)+IF(Input!$D$21=2,L4213*Input!$C$21,0)+IF(Input!$D$22=2,M4213*Input!$C$22,0)</f>
        <v>0.7402291972771281</v>
      </c>
      <c r="P4213" s="59">
        <f>IF(Input!$D$19=3,J4213*Input!$C$19,0)+IF(Input!$D$20=3,K4213*Input!$C$20,0)+IF(Input!$D$21=3,L4213*Input!$C$21,0)+IF(Input!$D$22=3,M4213*Input!$C$22,0)</f>
        <v>0</v>
      </c>
      <c r="Q4213" s="75">
        <f>IF(Input!$D$19=4,J4213*Input!$C$19,0)+IF(Input!$D$20=4,K4213*Input!$C$20,0)+IF(Input!$D$21=4,L4213*Input!$C$21,0)+IF(Input!$D$22=4,M4213*Input!$C$22,0)</f>
        <v>0</v>
      </c>
      <c r="R4213" s="58">
        <v>54.295381872388731</v>
      </c>
      <c r="S4213" s="124">
        <f t="shared" si="65"/>
        <v>1.2830639419470222</v>
      </c>
    </row>
    <row r="4214" spans="8:19" x14ac:dyDescent="0.3">
      <c r="H4214" s="44">
        <v>4207</v>
      </c>
      <c r="I4214" s="56">
        <f>Bühler!I4240</f>
        <v>0.33595017414885042</v>
      </c>
      <c r="J4214" s="59">
        <f>Bühler!J4240</f>
        <v>1.1198339138295015</v>
      </c>
      <c r="K4214" s="59">
        <f>Bühler!K4240</f>
        <v>1.6797508707442523</v>
      </c>
      <c r="L4214" s="59">
        <f>Bühler!L4240</f>
        <v>8.0628041795724101</v>
      </c>
      <c r="M4214" s="58">
        <f>Bühler!M4240</f>
        <v>0</v>
      </c>
      <c r="N4214" s="56">
        <f>IF(Input!$D$19=1,J4214*Input!$C$19,0)+IF(Input!$D$20=1,K4214*Input!$C$20,0)+IF(Input!$D$21=1,L4214*Input!$C$21,0)+IF(Input!$D$22=1,M4214*Input!$C$22,0)</f>
        <v>0.33595017414885042</v>
      </c>
      <c r="O4214" s="59">
        <f>IF(Input!$D$19=2,J4214*Input!$C$19,0)+IF(Input!$D$20=2,K4214*Input!$C$20,0)+IF(Input!$D$21=2,L4214*Input!$C$21,0)+IF(Input!$D$22=2,M4214*Input!$C$22,0)</f>
        <v>0.83987543537212617</v>
      </c>
      <c r="P4214" s="59">
        <f>IF(Input!$D$19=3,J4214*Input!$C$19,0)+IF(Input!$D$20=3,K4214*Input!$C$20,0)+IF(Input!$D$21=3,L4214*Input!$C$21,0)+IF(Input!$D$22=3,M4214*Input!$C$22,0)</f>
        <v>0</v>
      </c>
      <c r="Q4214" s="75">
        <f>IF(Input!$D$19=4,J4214*Input!$C$19,0)+IF(Input!$D$20=4,K4214*Input!$C$20,0)+IF(Input!$D$21=4,L4214*Input!$C$21,0)+IF(Input!$D$22=4,M4214*Input!$C$22,0)</f>
        <v>0</v>
      </c>
      <c r="R4214" s="58">
        <v>58.80033252999965</v>
      </c>
      <c r="S4214" s="124">
        <f t="shared" si="65"/>
        <v>1.4557840879783519</v>
      </c>
    </row>
    <row r="4215" spans="8:19" x14ac:dyDescent="0.3">
      <c r="H4215" s="44">
        <v>4208</v>
      </c>
      <c r="I4215" s="56">
        <f>Bühler!I4241</f>
        <v>0.33595017414885042</v>
      </c>
      <c r="J4215" s="59">
        <f>Bühler!J4241</f>
        <v>1.1198339138295015</v>
      </c>
      <c r="K4215" s="59">
        <f>Bühler!K4241</f>
        <v>1.6797508707442523</v>
      </c>
      <c r="L4215" s="59">
        <f>Bühler!L4241</f>
        <v>8.0628041795724101</v>
      </c>
      <c r="M4215" s="58">
        <f>Bühler!M4241</f>
        <v>0</v>
      </c>
      <c r="N4215" s="56">
        <f>IF(Input!$D$19=1,J4215*Input!$C$19,0)+IF(Input!$D$20=1,K4215*Input!$C$20,0)+IF(Input!$D$21=1,L4215*Input!$C$21,0)+IF(Input!$D$22=1,M4215*Input!$C$22,0)</f>
        <v>0.33595017414885042</v>
      </c>
      <c r="O4215" s="59">
        <f>IF(Input!$D$19=2,J4215*Input!$C$19,0)+IF(Input!$D$20=2,K4215*Input!$C$20,0)+IF(Input!$D$21=2,L4215*Input!$C$21,0)+IF(Input!$D$22=2,M4215*Input!$C$22,0)</f>
        <v>0.83987543537212617</v>
      </c>
      <c r="P4215" s="59">
        <f>IF(Input!$D$19=3,J4215*Input!$C$19,0)+IF(Input!$D$20=3,K4215*Input!$C$20,0)+IF(Input!$D$21=3,L4215*Input!$C$21,0)+IF(Input!$D$22=3,M4215*Input!$C$22,0)</f>
        <v>0</v>
      </c>
      <c r="Q4215" s="75">
        <f>IF(Input!$D$19=4,J4215*Input!$C$19,0)+IF(Input!$D$20=4,K4215*Input!$C$20,0)+IF(Input!$D$21=4,L4215*Input!$C$21,0)+IF(Input!$D$22=4,M4215*Input!$C$22,0)</f>
        <v>0</v>
      </c>
      <c r="R4215" s="58">
        <v>62.715693417199923</v>
      </c>
      <c r="S4215" s="124">
        <f t="shared" si="65"/>
        <v>1.4557840879783519</v>
      </c>
    </row>
    <row r="4216" spans="8:19" x14ac:dyDescent="0.3">
      <c r="H4216" s="44">
        <v>4209</v>
      </c>
      <c r="I4216" s="56">
        <f>Bühler!I4242</f>
        <v>0.33595017414885042</v>
      </c>
      <c r="J4216" s="59">
        <f>Bühler!J4242</f>
        <v>1.1198339138295015</v>
      </c>
      <c r="K4216" s="59">
        <f>Bühler!K4242</f>
        <v>1.6797508707442523</v>
      </c>
      <c r="L4216" s="59">
        <f>Bühler!L4242</f>
        <v>8.0628041795724101</v>
      </c>
      <c r="M4216" s="58">
        <f>Bühler!M4242</f>
        <v>0</v>
      </c>
      <c r="N4216" s="56">
        <f>IF(Input!$D$19=1,J4216*Input!$C$19,0)+IF(Input!$D$20=1,K4216*Input!$C$20,0)+IF(Input!$D$21=1,L4216*Input!$C$21,0)+IF(Input!$D$22=1,M4216*Input!$C$22,0)</f>
        <v>0.33595017414885042</v>
      </c>
      <c r="O4216" s="59">
        <f>IF(Input!$D$19=2,J4216*Input!$C$19,0)+IF(Input!$D$20=2,K4216*Input!$C$20,0)+IF(Input!$D$21=2,L4216*Input!$C$21,0)+IF(Input!$D$22=2,M4216*Input!$C$22,0)</f>
        <v>0.83987543537212617</v>
      </c>
      <c r="P4216" s="59">
        <f>IF(Input!$D$19=3,J4216*Input!$C$19,0)+IF(Input!$D$20=3,K4216*Input!$C$20,0)+IF(Input!$D$21=3,L4216*Input!$C$21,0)+IF(Input!$D$22=3,M4216*Input!$C$22,0)</f>
        <v>0</v>
      </c>
      <c r="Q4216" s="75">
        <f>IF(Input!$D$19=4,J4216*Input!$C$19,0)+IF(Input!$D$20=4,K4216*Input!$C$20,0)+IF(Input!$D$21=4,L4216*Input!$C$21,0)+IF(Input!$D$22=4,M4216*Input!$C$22,0)</f>
        <v>0</v>
      </c>
      <c r="R4216" s="58">
        <v>65.396397472756689</v>
      </c>
      <c r="S4216" s="124">
        <f t="shared" si="65"/>
        <v>1.4557840879783519</v>
      </c>
    </row>
    <row r="4217" spans="8:19" x14ac:dyDescent="0.3">
      <c r="H4217" s="44">
        <v>4210</v>
      </c>
      <c r="I4217" s="56">
        <f>Bühler!I4243</f>
        <v>0.35872645714199286</v>
      </c>
      <c r="J4217" s="59">
        <f>Bühler!J4243</f>
        <v>1.1957548571399763</v>
      </c>
      <c r="K4217" s="59">
        <f>Bühler!K4243</f>
        <v>1.7936322857099642</v>
      </c>
      <c r="L4217" s="59">
        <f>Bühler!L4243</f>
        <v>8.6094349714078291</v>
      </c>
      <c r="M4217" s="58">
        <f>Bühler!M4243</f>
        <v>0</v>
      </c>
      <c r="N4217" s="56">
        <f>IF(Input!$D$19=1,J4217*Input!$C$19,0)+IF(Input!$D$20=1,K4217*Input!$C$20,0)+IF(Input!$D$21=1,L4217*Input!$C$21,0)+IF(Input!$D$22=1,M4217*Input!$C$22,0)</f>
        <v>0.35872645714199286</v>
      </c>
      <c r="O4217" s="59">
        <f>IF(Input!$D$19=2,J4217*Input!$C$19,0)+IF(Input!$D$20=2,K4217*Input!$C$20,0)+IF(Input!$D$21=2,L4217*Input!$C$21,0)+IF(Input!$D$22=2,M4217*Input!$C$22,0)</f>
        <v>0.89681614285498212</v>
      </c>
      <c r="P4217" s="59">
        <f>IF(Input!$D$19=3,J4217*Input!$C$19,0)+IF(Input!$D$20=3,K4217*Input!$C$20,0)+IF(Input!$D$21=3,L4217*Input!$C$21,0)+IF(Input!$D$22=3,M4217*Input!$C$22,0)</f>
        <v>0</v>
      </c>
      <c r="Q4217" s="75">
        <f>IF(Input!$D$19=4,J4217*Input!$C$19,0)+IF(Input!$D$20=4,K4217*Input!$C$20,0)+IF(Input!$D$21=4,L4217*Input!$C$21,0)+IF(Input!$D$22=4,M4217*Input!$C$22,0)</f>
        <v>0</v>
      </c>
      <c r="R4217" s="58">
        <v>67.201743665641317</v>
      </c>
      <c r="S4217" s="124">
        <f t="shared" si="65"/>
        <v>1.5544813142819691</v>
      </c>
    </row>
    <row r="4218" spans="8:19" x14ac:dyDescent="0.3">
      <c r="H4218" s="44">
        <v>4211</v>
      </c>
      <c r="I4218" s="56">
        <f>Bühler!I4244</f>
        <v>0.35872645714199286</v>
      </c>
      <c r="J4218" s="59">
        <f>Bühler!J4244</f>
        <v>1.1957548571399763</v>
      </c>
      <c r="K4218" s="59">
        <f>Bühler!K4244</f>
        <v>1.7936322857099642</v>
      </c>
      <c r="L4218" s="59">
        <f>Bühler!L4244</f>
        <v>8.6094349714078291</v>
      </c>
      <c r="M4218" s="58">
        <f>Bühler!M4244</f>
        <v>0</v>
      </c>
      <c r="N4218" s="56">
        <f>IF(Input!$D$19=1,J4218*Input!$C$19,0)+IF(Input!$D$20=1,K4218*Input!$C$20,0)+IF(Input!$D$21=1,L4218*Input!$C$21,0)+IF(Input!$D$22=1,M4218*Input!$C$22,0)</f>
        <v>0.35872645714199286</v>
      </c>
      <c r="O4218" s="59">
        <f>IF(Input!$D$19=2,J4218*Input!$C$19,0)+IF(Input!$D$20=2,K4218*Input!$C$20,0)+IF(Input!$D$21=2,L4218*Input!$C$21,0)+IF(Input!$D$22=2,M4218*Input!$C$22,0)</f>
        <v>0.89681614285498212</v>
      </c>
      <c r="P4218" s="59">
        <f>IF(Input!$D$19=3,J4218*Input!$C$19,0)+IF(Input!$D$20=3,K4218*Input!$C$20,0)+IF(Input!$D$21=3,L4218*Input!$C$21,0)+IF(Input!$D$22=3,M4218*Input!$C$22,0)</f>
        <v>0</v>
      </c>
      <c r="Q4218" s="75">
        <f>IF(Input!$D$19=4,J4218*Input!$C$19,0)+IF(Input!$D$20=4,K4218*Input!$C$20,0)+IF(Input!$D$21=4,L4218*Input!$C$21,0)+IF(Input!$D$22=4,M4218*Input!$C$22,0)</f>
        <v>0</v>
      </c>
      <c r="R4218" s="58">
        <v>68.272349007306929</v>
      </c>
      <c r="S4218" s="124">
        <f t="shared" si="65"/>
        <v>1.5544813142819691</v>
      </c>
    </row>
    <row r="4219" spans="8:19" x14ac:dyDescent="0.3">
      <c r="H4219" s="44">
        <v>4212</v>
      </c>
      <c r="I4219" s="56">
        <f>Bühler!I4245</f>
        <v>0.45552565986284804</v>
      </c>
      <c r="J4219" s="59">
        <f>Bühler!J4245</f>
        <v>1.5184188662094937</v>
      </c>
      <c r="K4219" s="59">
        <f>Bühler!K4245</f>
        <v>2.2776282993142405</v>
      </c>
      <c r="L4219" s="59">
        <f>Bühler!L4245</f>
        <v>10.932615836708354</v>
      </c>
      <c r="M4219" s="58">
        <f>Bühler!M4245</f>
        <v>0</v>
      </c>
      <c r="N4219" s="56">
        <f>IF(Input!$D$19=1,J4219*Input!$C$19,0)+IF(Input!$D$20=1,K4219*Input!$C$20,0)+IF(Input!$D$21=1,L4219*Input!$C$21,0)+IF(Input!$D$22=1,M4219*Input!$C$22,0)</f>
        <v>0.4555256598628481</v>
      </c>
      <c r="O4219" s="59">
        <f>IF(Input!$D$19=2,J4219*Input!$C$19,0)+IF(Input!$D$20=2,K4219*Input!$C$20,0)+IF(Input!$D$21=2,L4219*Input!$C$21,0)+IF(Input!$D$22=2,M4219*Input!$C$22,0)</f>
        <v>1.1388141496571202</v>
      </c>
      <c r="P4219" s="59">
        <f>IF(Input!$D$19=3,J4219*Input!$C$19,0)+IF(Input!$D$20=3,K4219*Input!$C$20,0)+IF(Input!$D$21=3,L4219*Input!$C$21,0)+IF(Input!$D$22=3,M4219*Input!$C$22,0)</f>
        <v>0</v>
      </c>
      <c r="Q4219" s="75">
        <f>IF(Input!$D$19=4,J4219*Input!$C$19,0)+IF(Input!$D$20=4,K4219*Input!$C$20,0)+IF(Input!$D$21=4,L4219*Input!$C$21,0)+IF(Input!$D$22=4,M4219*Input!$C$22,0)</f>
        <v>0</v>
      </c>
      <c r="R4219" s="58">
        <v>70.044523028668479</v>
      </c>
      <c r="S4219" s="124">
        <f t="shared" si="65"/>
        <v>1.9739445260723418</v>
      </c>
    </row>
    <row r="4220" spans="8:19" x14ac:dyDescent="0.3">
      <c r="H4220" s="44">
        <v>4213</v>
      </c>
      <c r="I4220" s="56">
        <f>Bühler!I4246</f>
        <v>0.45552565986284804</v>
      </c>
      <c r="J4220" s="59">
        <f>Bühler!J4246</f>
        <v>1.5184188662094937</v>
      </c>
      <c r="K4220" s="59">
        <f>Bühler!K4246</f>
        <v>2.2776282993142405</v>
      </c>
      <c r="L4220" s="59">
        <f>Bühler!L4246</f>
        <v>10.932615836708354</v>
      </c>
      <c r="M4220" s="58">
        <f>Bühler!M4246</f>
        <v>0</v>
      </c>
      <c r="N4220" s="56">
        <f>IF(Input!$D$19=1,J4220*Input!$C$19,0)+IF(Input!$D$20=1,K4220*Input!$C$20,0)+IF(Input!$D$21=1,L4220*Input!$C$21,0)+IF(Input!$D$22=1,M4220*Input!$C$22,0)</f>
        <v>0.4555256598628481</v>
      </c>
      <c r="O4220" s="59">
        <f>IF(Input!$D$19=2,J4220*Input!$C$19,0)+IF(Input!$D$20=2,K4220*Input!$C$20,0)+IF(Input!$D$21=2,L4220*Input!$C$21,0)+IF(Input!$D$22=2,M4220*Input!$C$22,0)</f>
        <v>1.1388141496571202</v>
      </c>
      <c r="P4220" s="59">
        <f>IF(Input!$D$19=3,J4220*Input!$C$19,0)+IF(Input!$D$20=3,K4220*Input!$C$20,0)+IF(Input!$D$21=3,L4220*Input!$C$21,0)+IF(Input!$D$22=3,M4220*Input!$C$22,0)</f>
        <v>0</v>
      </c>
      <c r="Q4220" s="75">
        <f>IF(Input!$D$19=4,J4220*Input!$C$19,0)+IF(Input!$D$20=4,K4220*Input!$C$20,0)+IF(Input!$D$21=4,L4220*Input!$C$21,0)+IF(Input!$D$22=4,M4220*Input!$C$22,0)</f>
        <v>0</v>
      </c>
      <c r="R4220" s="58">
        <v>69.883673815395966</v>
      </c>
      <c r="S4220" s="124">
        <f t="shared" si="65"/>
        <v>1.9739445260723418</v>
      </c>
    </row>
    <row r="4221" spans="8:19" x14ac:dyDescent="0.3">
      <c r="H4221" s="44">
        <v>4214</v>
      </c>
      <c r="I4221" s="56">
        <f>Bühler!I4247</f>
        <v>0.30178574965913685</v>
      </c>
      <c r="J4221" s="59">
        <f>Bühler!J4247</f>
        <v>1.0059524988637896</v>
      </c>
      <c r="K4221" s="59">
        <f>Bühler!K4247</f>
        <v>1.5089287482956841</v>
      </c>
      <c r="L4221" s="59">
        <f>Bühler!L4247</f>
        <v>7.2428579918192844</v>
      </c>
      <c r="M4221" s="58">
        <f>Bühler!M4247</f>
        <v>0</v>
      </c>
      <c r="N4221" s="56">
        <f>IF(Input!$D$19=1,J4221*Input!$C$19,0)+IF(Input!$D$20=1,K4221*Input!$C$20,0)+IF(Input!$D$21=1,L4221*Input!$C$21,0)+IF(Input!$D$22=1,M4221*Input!$C$22,0)</f>
        <v>0.30178574965913685</v>
      </c>
      <c r="O4221" s="59">
        <f>IF(Input!$D$19=2,J4221*Input!$C$19,0)+IF(Input!$D$20=2,K4221*Input!$C$20,0)+IF(Input!$D$21=2,L4221*Input!$C$21,0)+IF(Input!$D$22=2,M4221*Input!$C$22,0)</f>
        <v>0.75446437414784207</v>
      </c>
      <c r="P4221" s="59">
        <f>IF(Input!$D$19=3,J4221*Input!$C$19,0)+IF(Input!$D$20=3,K4221*Input!$C$20,0)+IF(Input!$D$21=3,L4221*Input!$C$21,0)+IF(Input!$D$22=3,M4221*Input!$C$22,0)</f>
        <v>0</v>
      </c>
      <c r="Q4221" s="75">
        <f>IF(Input!$D$19=4,J4221*Input!$C$19,0)+IF(Input!$D$20=4,K4221*Input!$C$20,0)+IF(Input!$D$21=4,L4221*Input!$C$21,0)+IF(Input!$D$22=4,M4221*Input!$C$22,0)</f>
        <v>0</v>
      </c>
      <c r="R4221" s="58">
        <v>70.069533157489118</v>
      </c>
      <c r="S4221" s="124">
        <f t="shared" si="65"/>
        <v>1.3077382485229263</v>
      </c>
    </row>
    <row r="4222" spans="8:19" x14ac:dyDescent="0.3">
      <c r="H4222" s="44">
        <v>4215</v>
      </c>
      <c r="I4222" s="56">
        <f>Bühler!I4248</f>
        <v>0.45552565986284804</v>
      </c>
      <c r="J4222" s="59">
        <f>Bühler!J4248</f>
        <v>1.5184188662094937</v>
      </c>
      <c r="K4222" s="59">
        <f>Bühler!K4248</f>
        <v>2.2776282993142405</v>
      </c>
      <c r="L4222" s="59">
        <f>Bühler!L4248</f>
        <v>10.932615836708354</v>
      </c>
      <c r="M4222" s="58">
        <f>Bühler!M4248</f>
        <v>0</v>
      </c>
      <c r="N4222" s="56">
        <f>IF(Input!$D$19=1,J4222*Input!$C$19,0)+IF(Input!$D$20=1,K4222*Input!$C$20,0)+IF(Input!$D$21=1,L4222*Input!$C$21,0)+IF(Input!$D$22=1,M4222*Input!$C$22,0)</f>
        <v>0.4555256598628481</v>
      </c>
      <c r="O4222" s="59">
        <f>IF(Input!$D$19=2,J4222*Input!$C$19,0)+IF(Input!$D$20=2,K4222*Input!$C$20,0)+IF(Input!$D$21=2,L4222*Input!$C$21,0)+IF(Input!$D$22=2,M4222*Input!$C$22,0)</f>
        <v>1.1388141496571202</v>
      </c>
      <c r="P4222" s="59">
        <f>IF(Input!$D$19=3,J4222*Input!$C$19,0)+IF(Input!$D$20=3,K4222*Input!$C$20,0)+IF(Input!$D$21=3,L4222*Input!$C$21,0)+IF(Input!$D$22=3,M4222*Input!$C$22,0)</f>
        <v>0</v>
      </c>
      <c r="Q4222" s="75">
        <f>IF(Input!$D$19=4,J4222*Input!$C$19,0)+IF(Input!$D$20=4,K4222*Input!$C$20,0)+IF(Input!$D$21=4,L4222*Input!$C$21,0)+IF(Input!$D$22=4,M4222*Input!$C$22,0)</f>
        <v>0</v>
      </c>
      <c r="R4222" s="58">
        <v>70.886735531801918</v>
      </c>
      <c r="S4222" s="124">
        <f t="shared" si="65"/>
        <v>1.9739445260723418</v>
      </c>
    </row>
    <row r="4223" spans="8:19" x14ac:dyDescent="0.3">
      <c r="H4223" s="44">
        <v>4216</v>
      </c>
      <c r="I4223" s="56">
        <f>Bühler!I4249</f>
        <v>0.45552565986284804</v>
      </c>
      <c r="J4223" s="59">
        <f>Bühler!J4249</f>
        <v>1.5184188662094937</v>
      </c>
      <c r="K4223" s="59">
        <f>Bühler!K4249</f>
        <v>2.2776282993142405</v>
      </c>
      <c r="L4223" s="59">
        <f>Bühler!L4249</f>
        <v>10.932615836708354</v>
      </c>
      <c r="M4223" s="58">
        <f>Bühler!M4249</f>
        <v>0</v>
      </c>
      <c r="N4223" s="56">
        <f>IF(Input!$D$19=1,J4223*Input!$C$19,0)+IF(Input!$D$20=1,K4223*Input!$C$20,0)+IF(Input!$D$21=1,L4223*Input!$C$21,0)+IF(Input!$D$22=1,M4223*Input!$C$22,0)</f>
        <v>0.4555256598628481</v>
      </c>
      <c r="O4223" s="59">
        <f>IF(Input!$D$19=2,J4223*Input!$C$19,0)+IF(Input!$D$20=2,K4223*Input!$C$20,0)+IF(Input!$D$21=2,L4223*Input!$C$21,0)+IF(Input!$D$22=2,M4223*Input!$C$22,0)</f>
        <v>1.1388141496571202</v>
      </c>
      <c r="P4223" s="59">
        <f>IF(Input!$D$19=3,J4223*Input!$C$19,0)+IF(Input!$D$20=3,K4223*Input!$C$20,0)+IF(Input!$D$21=3,L4223*Input!$C$21,0)+IF(Input!$D$22=3,M4223*Input!$C$22,0)</f>
        <v>0</v>
      </c>
      <c r="Q4223" s="75">
        <f>IF(Input!$D$19=4,J4223*Input!$C$19,0)+IF(Input!$D$20=4,K4223*Input!$C$20,0)+IF(Input!$D$21=4,L4223*Input!$C$21,0)+IF(Input!$D$22=4,M4223*Input!$C$22,0)</f>
        <v>0</v>
      </c>
      <c r="R4223" s="58">
        <v>70.677881372809551</v>
      </c>
      <c r="S4223" s="124">
        <f t="shared" si="65"/>
        <v>1.9739445260723418</v>
      </c>
    </row>
    <row r="4224" spans="8:19" x14ac:dyDescent="0.3">
      <c r="H4224" s="44">
        <v>4217</v>
      </c>
      <c r="I4224" s="56">
        <f>Bühler!I4250</f>
        <v>0.45552565986284804</v>
      </c>
      <c r="J4224" s="59">
        <f>Bühler!J4250</f>
        <v>1.5184188662094937</v>
      </c>
      <c r="K4224" s="59">
        <f>Bühler!K4250</f>
        <v>2.2776282993142405</v>
      </c>
      <c r="L4224" s="59">
        <f>Bühler!L4250</f>
        <v>10.932615836708354</v>
      </c>
      <c r="M4224" s="58">
        <f>Bühler!M4250</f>
        <v>0</v>
      </c>
      <c r="N4224" s="56">
        <f>IF(Input!$D$19=1,J4224*Input!$C$19,0)+IF(Input!$D$20=1,K4224*Input!$C$20,0)+IF(Input!$D$21=1,L4224*Input!$C$21,0)+IF(Input!$D$22=1,M4224*Input!$C$22,0)</f>
        <v>0.4555256598628481</v>
      </c>
      <c r="O4224" s="59">
        <f>IF(Input!$D$19=2,J4224*Input!$C$19,0)+IF(Input!$D$20=2,K4224*Input!$C$20,0)+IF(Input!$D$21=2,L4224*Input!$C$21,0)+IF(Input!$D$22=2,M4224*Input!$C$22,0)</f>
        <v>1.1388141496571202</v>
      </c>
      <c r="P4224" s="59">
        <f>IF(Input!$D$19=3,J4224*Input!$C$19,0)+IF(Input!$D$20=3,K4224*Input!$C$20,0)+IF(Input!$D$21=3,L4224*Input!$C$21,0)+IF(Input!$D$22=3,M4224*Input!$C$22,0)</f>
        <v>0</v>
      </c>
      <c r="Q4224" s="75">
        <f>IF(Input!$D$19=4,J4224*Input!$C$19,0)+IF(Input!$D$20=4,K4224*Input!$C$20,0)+IF(Input!$D$21=4,L4224*Input!$C$21,0)+IF(Input!$D$22=4,M4224*Input!$C$22,0)</f>
        <v>0</v>
      </c>
      <c r="R4224" s="58">
        <v>69.88821323930263</v>
      </c>
      <c r="S4224" s="124">
        <f t="shared" si="65"/>
        <v>1.9739445260723418</v>
      </c>
    </row>
    <row r="4225" spans="8:19" x14ac:dyDescent="0.3">
      <c r="H4225" s="44">
        <v>4218</v>
      </c>
      <c r="I4225" s="56">
        <f>Bühler!I4251</f>
        <v>0.45552565986284804</v>
      </c>
      <c r="J4225" s="59">
        <f>Bühler!J4251</f>
        <v>1.5184188662094937</v>
      </c>
      <c r="K4225" s="59">
        <f>Bühler!K4251</f>
        <v>2.2776282993142405</v>
      </c>
      <c r="L4225" s="59">
        <f>Bühler!L4251</f>
        <v>10.932615836708354</v>
      </c>
      <c r="M4225" s="58">
        <f>Bühler!M4251</f>
        <v>0</v>
      </c>
      <c r="N4225" s="56">
        <f>IF(Input!$D$19=1,J4225*Input!$C$19,0)+IF(Input!$D$20=1,K4225*Input!$C$20,0)+IF(Input!$D$21=1,L4225*Input!$C$21,0)+IF(Input!$D$22=1,M4225*Input!$C$22,0)</f>
        <v>0.4555256598628481</v>
      </c>
      <c r="O4225" s="59">
        <f>IF(Input!$D$19=2,J4225*Input!$C$19,0)+IF(Input!$D$20=2,K4225*Input!$C$20,0)+IF(Input!$D$21=2,L4225*Input!$C$21,0)+IF(Input!$D$22=2,M4225*Input!$C$22,0)</f>
        <v>1.1388141496571202</v>
      </c>
      <c r="P4225" s="59">
        <f>IF(Input!$D$19=3,J4225*Input!$C$19,0)+IF(Input!$D$20=3,K4225*Input!$C$20,0)+IF(Input!$D$21=3,L4225*Input!$C$21,0)+IF(Input!$D$22=3,M4225*Input!$C$22,0)</f>
        <v>0</v>
      </c>
      <c r="Q4225" s="75">
        <f>IF(Input!$D$19=4,J4225*Input!$C$19,0)+IF(Input!$D$20=4,K4225*Input!$C$20,0)+IF(Input!$D$21=4,L4225*Input!$C$21,0)+IF(Input!$D$22=4,M4225*Input!$C$22,0)</f>
        <v>0</v>
      </c>
      <c r="R4225" s="58">
        <v>67.966188978916648</v>
      </c>
      <c r="S4225" s="124">
        <f t="shared" si="65"/>
        <v>1.9739445260723418</v>
      </c>
    </row>
    <row r="4226" spans="8:19" x14ac:dyDescent="0.3">
      <c r="H4226" s="44">
        <v>4219</v>
      </c>
      <c r="I4226" s="56">
        <f>Bühler!I4252</f>
        <v>0.45552565986284804</v>
      </c>
      <c r="J4226" s="59">
        <f>Bühler!J4252</f>
        <v>1.5184188662094937</v>
      </c>
      <c r="K4226" s="59">
        <f>Bühler!K4252</f>
        <v>2.2776282993142405</v>
      </c>
      <c r="L4226" s="59">
        <f>Bühler!L4252</f>
        <v>10.932615836708354</v>
      </c>
      <c r="M4226" s="58">
        <f>Bühler!M4252</f>
        <v>0</v>
      </c>
      <c r="N4226" s="56">
        <f>IF(Input!$D$19=1,J4226*Input!$C$19,0)+IF(Input!$D$20=1,K4226*Input!$C$20,0)+IF(Input!$D$21=1,L4226*Input!$C$21,0)+IF(Input!$D$22=1,M4226*Input!$C$22,0)</f>
        <v>0.4555256598628481</v>
      </c>
      <c r="O4226" s="59">
        <f>IF(Input!$D$19=2,J4226*Input!$C$19,0)+IF(Input!$D$20=2,K4226*Input!$C$20,0)+IF(Input!$D$21=2,L4226*Input!$C$21,0)+IF(Input!$D$22=2,M4226*Input!$C$22,0)</f>
        <v>1.1388141496571202</v>
      </c>
      <c r="P4226" s="59">
        <f>IF(Input!$D$19=3,J4226*Input!$C$19,0)+IF(Input!$D$20=3,K4226*Input!$C$20,0)+IF(Input!$D$21=3,L4226*Input!$C$21,0)+IF(Input!$D$22=3,M4226*Input!$C$22,0)</f>
        <v>0</v>
      </c>
      <c r="Q4226" s="75">
        <f>IF(Input!$D$19=4,J4226*Input!$C$19,0)+IF(Input!$D$20=4,K4226*Input!$C$20,0)+IF(Input!$D$21=4,L4226*Input!$C$21,0)+IF(Input!$D$22=4,M4226*Input!$C$22,0)</f>
        <v>0</v>
      </c>
      <c r="R4226" s="58">
        <v>66.875339098388324</v>
      </c>
      <c r="S4226" s="124">
        <f t="shared" si="65"/>
        <v>1.9739445260723418</v>
      </c>
    </row>
    <row r="4227" spans="8:19" x14ac:dyDescent="0.3">
      <c r="H4227" s="44">
        <v>4220</v>
      </c>
      <c r="I4227" s="56">
        <f>Bühler!I4253</f>
        <v>0.38150274013513524</v>
      </c>
      <c r="J4227" s="59">
        <f>Bühler!J4253</f>
        <v>1.2716758004504509</v>
      </c>
      <c r="K4227" s="59">
        <f>Bühler!K4253</f>
        <v>1.9075137006756764</v>
      </c>
      <c r="L4227" s="59">
        <f>Bühler!L4253</f>
        <v>9.1560657632432463</v>
      </c>
      <c r="M4227" s="58">
        <f>Bühler!M4253</f>
        <v>0</v>
      </c>
      <c r="N4227" s="56">
        <f>IF(Input!$D$19=1,J4227*Input!$C$19,0)+IF(Input!$D$20=1,K4227*Input!$C$20,0)+IF(Input!$D$21=1,L4227*Input!$C$21,0)+IF(Input!$D$22=1,M4227*Input!$C$22,0)</f>
        <v>0.38150274013513524</v>
      </c>
      <c r="O4227" s="59">
        <f>IF(Input!$D$19=2,J4227*Input!$C$19,0)+IF(Input!$D$20=2,K4227*Input!$C$20,0)+IF(Input!$D$21=2,L4227*Input!$C$21,0)+IF(Input!$D$22=2,M4227*Input!$C$22,0)</f>
        <v>0.95375685033783819</v>
      </c>
      <c r="P4227" s="59">
        <f>IF(Input!$D$19=3,J4227*Input!$C$19,0)+IF(Input!$D$20=3,K4227*Input!$C$20,0)+IF(Input!$D$21=3,L4227*Input!$C$21,0)+IF(Input!$D$22=3,M4227*Input!$C$22,0)</f>
        <v>0</v>
      </c>
      <c r="Q4227" s="75">
        <f>IF(Input!$D$19=4,J4227*Input!$C$19,0)+IF(Input!$D$20=4,K4227*Input!$C$20,0)+IF(Input!$D$21=4,L4227*Input!$C$21,0)+IF(Input!$D$22=4,M4227*Input!$C$22,0)</f>
        <v>0</v>
      </c>
      <c r="R4227" s="58">
        <v>66.051833514866203</v>
      </c>
      <c r="S4227" s="124">
        <f t="shared" si="65"/>
        <v>1.6531785405855861</v>
      </c>
    </row>
    <row r="4228" spans="8:19" x14ac:dyDescent="0.3">
      <c r="H4228" s="44">
        <v>4221</v>
      </c>
      <c r="I4228" s="56">
        <f>Bühler!I4254</f>
        <v>0.31317389115570798</v>
      </c>
      <c r="J4228" s="59">
        <f>Bühler!J4254</f>
        <v>1.0439129705190267</v>
      </c>
      <c r="K4228" s="59">
        <f>Bühler!K4254</f>
        <v>1.56586945577854</v>
      </c>
      <c r="L4228" s="59">
        <f>Bühler!L4254</f>
        <v>7.5161733877369912</v>
      </c>
      <c r="M4228" s="58">
        <f>Bühler!M4254</f>
        <v>0</v>
      </c>
      <c r="N4228" s="56">
        <f>IF(Input!$D$19=1,J4228*Input!$C$19,0)+IF(Input!$D$20=1,K4228*Input!$C$20,0)+IF(Input!$D$21=1,L4228*Input!$C$21,0)+IF(Input!$D$22=1,M4228*Input!$C$22,0)</f>
        <v>0.31317389115570798</v>
      </c>
      <c r="O4228" s="59">
        <f>IF(Input!$D$19=2,J4228*Input!$C$19,0)+IF(Input!$D$20=2,K4228*Input!$C$20,0)+IF(Input!$D$21=2,L4228*Input!$C$21,0)+IF(Input!$D$22=2,M4228*Input!$C$22,0)</f>
        <v>0.78293472788926999</v>
      </c>
      <c r="P4228" s="59">
        <f>IF(Input!$D$19=3,J4228*Input!$C$19,0)+IF(Input!$D$20=3,K4228*Input!$C$20,0)+IF(Input!$D$21=3,L4228*Input!$C$21,0)+IF(Input!$D$22=3,M4228*Input!$C$22,0)</f>
        <v>0</v>
      </c>
      <c r="Q4228" s="75">
        <f>IF(Input!$D$19=4,J4228*Input!$C$19,0)+IF(Input!$D$20=4,K4228*Input!$C$20,0)+IF(Input!$D$21=4,L4228*Input!$C$21,0)+IF(Input!$D$22=4,M4228*Input!$C$22,0)</f>
        <v>0</v>
      </c>
      <c r="R4228" s="58">
        <v>64.059023262027921</v>
      </c>
      <c r="S4228" s="124">
        <f t="shared" si="65"/>
        <v>1.3570868616747347</v>
      </c>
    </row>
    <row r="4229" spans="8:19" x14ac:dyDescent="0.3">
      <c r="H4229" s="44">
        <v>4222</v>
      </c>
      <c r="I4229" s="56">
        <f>Bühler!I4255</f>
        <v>0.22776282993142402</v>
      </c>
      <c r="J4229" s="59">
        <f>Bühler!J4255</f>
        <v>0.75920943310474687</v>
      </c>
      <c r="K4229" s="59">
        <f>Bühler!K4255</f>
        <v>1.1388141496571202</v>
      </c>
      <c r="L4229" s="59">
        <f>Bühler!L4255</f>
        <v>5.4663079183541772</v>
      </c>
      <c r="M4229" s="58">
        <f>Bühler!M4255</f>
        <v>0</v>
      </c>
      <c r="N4229" s="56">
        <f>IF(Input!$D$19=1,J4229*Input!$C$19,0)+IF(Input!$D$20=1,K4229*Input!$C$20,0)+IF(Input!$D$21=1,L4229*Input!$C$21,0)+IF(Input!$D$22=1,M4229*Input!$C$22,0)</f>
        <v>0.22776282993142405</v>
      </c>
      <c r="O4229" s="59">
        <f>IF(Input!$D$19=2,J4229*Input!$C$19,0)+IF(Input!$D$20=2,K4229*Input!$C$20,0)+IF(Input!$D$21=2,L4229*Input!$C$21,0)+IF(Input!$D$22=2,M4229*Input!$C$22,0)</f>
        <v>0.56940707482856012</v>
      </c>
      <c r="P4229" s="59">
        <f>IF(Input!$D$19=3,J4229*Input!$C$19,0)+IF(Input!$D$20=3,K4229*Input!$C$20,0)+IF(Input!$D$21=3,L4229*Input!$C$21,0)+IF(Input!$D$22=3,M4229*Input!$C$22,0)</f>
        <v>0</v>
      </c>
      <c r="Q4229" s="75">
        <f>IF(Input!$D$19=4,J4229*Input!$C$19,0)+IF(Input!$D$20=4,K4229*Input!$C$20,0)+IF(Input!$D$21=4,L4229*Input!$C$21,0)+IF(Input!$D$22=4,M4229*Input!$C$22,0)</f>
        <v>0</v>
      </c>
      <c r="R4229" s="58">
        <v>62.0155830191717</v>
      </c>
      <c r="S4229" s="124">
        <f t="shared" si="65"/>
        <v>0.98697226303617092</v>
      </c>
    </row>
    <row r="4230" spans="8:19" x14ac:dyDescent="0.3">
      <c r="H4230" s="44">
        <v>4223</v>
      </c>
      <c r="I4230" s="56">
        <f>Bühler!I4256</f>
        <v>0.21637468843485283</v>
      </c>
      <c r="J4230" s="59">
        <f>Bühler!J4256</f>
        <v>0.72124896144950945</v>
      </c>
      <c r="K4230" s="59">
        <f>Bühler!K4256</f>
        <v>1.0818734421742642</v>
      </c>
      <c r="L4230" s="59">
        <f>Bühler!L4256</f>
        <v>5.1929925224364677</v>
      </c>
      <c r="M4230" s="58">
        <f>Bühler!M4256</f>
        <v>0</v>
      </c>
      <c r="N4230" s="56">
        <f>IF(Input!$D$19=1,J4230*Input!$C$19,0)+IF(Input!$D$20=1,K4230*Input!$C$20,0)+IF(Input!$D$21=1,L4230*Input!$C$21,0)+IF(Input!$D$22=1,M4230*Input!$C$22,0)</f>
        <v>0.21637468843485283</v>
      </c>
      <c r="O4230" s="59">
        <f>IF(Input!$D$19=2,J4230*Input!$C$19,0)+IF(Input!$D$20=2,K4230*Input!$C$20,0)+IF(Input!$D$21=2,L4230*Input!$C$21,0)+IF(Input!$D$22=2,M4230*Input!$C$22,0)</f>
        <v>0.54093672108713209</v>
      </c>
      <c r="P4230" s="59">
        <f>IF(Input!$D$19=3,J4230*Input!$C$19,0)+IF(Input!$D$20=3,K4230*Input!$C$20,0)+IF(Input!$D$21=3,L4230*Input!$C$21,0)+IF(Input!$D$22=3,M4230*Input!$C$22,0)</f>
        <v>0</v>
      </c>
      <c r="Q4230" s="75">
        <f>IF(Input!$D$19=4,J4230*Input!$C$19,0)+IF(Input!$D$20=4,K4230*Input!$C$20,0)+IF(Input!$D$21=4,L4230*Input!$C$21,0)+IF(Input!$D$22=4,M4230*Input!$C$22,0)</f>
        <v>0</v>
      </c>
      <c r="R4230" s="58">
        <v>61.218025787786644</v>
      </c>
      <c r="S4230" s="124">
        <f t="shared" si="65"/>
        <v>0.93762364988436231</v>
      </c>
    </row>
    <row r="4231" spans="8:19" x14ac:dyDescent="0.3">
      <c r="H4231" s="44">
        <v>4224</v>
      </c>
      <c r="I4231" s="56">
        <f>Bühler!I4257</f>
        <v>0.21637468843485283</v>
      </c>
      <c r="J4231" s="59">
        <f>Bühler!J4257</f>
        <v>0.72124896144950945</v>
      </c>
      <c r="K4231" s="59">
        <f>Bühler!K4257</f>
        <v>1.0818734421742642</v>
      </c>
      <c r="L4231" s="59">
        <f>Bühler!L4257</f>
        <v>5.1929925224364677</v>
      </c>
      <c r="M4231" s="58">
        <f>Bühler!M4257</f>
        <v>0</v>
      </c>
      <c r="N4231" s="56">
        <f>IF(Input!$D$19=1,J4231*Input!$C$19,0)+IF(Input!$D$20=1,K4231*Input!$C$20,0)+IF(Input!$D$21=1,L4231*Input!$C$21,0)+IF(Input!$D$22=1,M4231*Input!$C$22,0)</f>
        <v>0.21637468843485283</v>
      </c>
      <c r="O4231" s="59">
        <f>IF(Input!$D$19=2,J4231*Input!$C$19,0)+IF(Input!$D$20=2,K4231*Input!$C$20,0)+IF(Input!$D$21=2,L4231*Input!$C$21,0)+IF(Input!$D$22=2,M4231*Input!$C$22,0)</f>
        <v>0.54093672108713209</v>
      </c>
      <c r="P4231" s="59">
        <f>IF(Input!$D$19=3,J4231*Input!$C$19,0)+IF(Input!$D$20=3,K4231*Input!$C$20,0)+IF(Input!$D$21=3,L4231*Input!$C$21,0)+IF(Input!$D$22=3,M4231*Input!$C$22,0)</f>
        <v>0</v>
      </c>
      <c r="Q4231" s="75">
        <f>IF(Input!$D$19=4,J4231*Input!$C$19,0)+IF(Input!$D$20=4,K4231*Input!$C$20,0)+IF(Input!$D$21=4,L4231*Input!$C$21,0)+IF(Input!$D$22=4,M4231*Input!$C$22,0)</f>
        <v>0</v>
      </c>
      <c r="R4231" s="58">
        <v>60.785919532250404</v>
      </c>
      <c r="S4231" s="124">
        <f t="shared" si="65"/>
        <v>0.93762364988436231</v>
      </c>
    </row>
    <row r="4232" spans="8:19" x14ac:dyDescent="0.3">
      <c r="H4232" s="44">
        <v>4225</v>
      </c>
      <c r="I4232" s="56">
        <f>Bühler!I4258</f>
        <v>0.19274931221022681</v>
      </c>
      <c r="J4232" s="59">
        <f>Bühler!J4258</f>
        <v>0.64249770736742284</v>
      </c>
      <c r="K4232" s="59">
        <f>Bühler!K4258</f>
        <v>0.9637465610511341</v>
      </c>
      <c r="L4232" s="59">
        <f>Bühler!L4258</f>
        <v>4.6259834930454442</v>
      </c>
      <c r="M4232" s="58">
        <f>Bühler!M4258</f>
        <v>0</v>
      </c>
      <c r="N4232" s="56">
        <f>IF(Input!$D$19=1,J4232*Input!$C$19,0)+IF(Input!$D$20=1,K4232*Input!$C$20,0)+IF(Input!$D$21=1,L4232*Input!$C$21,0)+IF(Input!$D$22=1,M4232*Input!$C$22,0)</f>
        <v>0.19274931221022684</v>
      </c>
      <c r="O4232" s="59">
        <f>IF(Input!$D$19=2,J4232*Input!$C$19,0)+IF(Input!$D$20=2,K4232*Input!$C$20,0)+IF(Input!$D$21=2,L4232*Input!$C$21,0)+IF(Input!$D$22=2,M4232*Input!$C$22,0)</f>
        <v>0.48187328052556705</v>
      </c>
      <c r="P4232" s="59">
        <f>IF(Input!$D$19=3,J4232*Input!$C$19,0)+IF(Input!$D$20=3,K4232*Input!$C$20,0)+IF(Input!$D$21=3,L4232*Input!$C$21,0)+IF(Input!$D$22=3,M4232*Input!$C$22,0)</f>
        <v>0</v>
      </c>
      <c r="Q4232" s="75">
        <f>IF(Input!$D$19=4,J4232*Input!$C$19,0)+IF(Input!$D$20=4,K4232*Input!$C$20,0)+IF(Input!$D$21=4,L4232*Input!$C$21,0)+IF(Input!$D$22=4,M4232*Input!$C$22,0)</f>
        <v>0</v>
      </c>
      <c r="R4232" s="58">
        <v>59.779949902168916</v>
      </c>
      <c r="S4232" s="124">
        <f t="shared" si="65"/>
        <v>0.83524701957764969</v>
      </c>
    </row>
    <row r="4233" spans="8:19" x14ac:dyDescent="0.3">
      <c r="H4233" s="44">
        <v>4226</v>
      </c>
      <c r="I4233" s="56">
        <f>Bühler!I4259</f>
        <v>0.19274931221022681</v>
      </c>
      <c r="J4233" s="59">
        <f>Bühler!J4259</f>
        <v>0.64249770736742284</v>
      </c>
      <c r="K4233" s="59">
        <f>Bühler!K4259</f>
        <v>0.9637465610511341</v>
      </c>
      <c r="L4233" s="59">
        <f>Bühler!L4259</f>
        <v>4.6259834930454442</v>
      </c>
      <c r="M4233" s="58">
        <f>Bühler!M4259</f>
        <v>0</v>
      </c>
      <c r="N4233" s="56">
        <f>IF(Input!$D$19=1,J4233*Input!$C$19,0)+IF(Input!$D$20=1,K4233*Input!$C$20,0)+IF(Input!$D$21=1,L4233*Input!$C$21,0)+IF(Input!$D$22=1,M4233*Input!$C$22,0)</f>
        <v>0.19274931221022684</v>
      </c>
      <c r="O4233" s="59">
        <f>IF(Input!$D$19=2,J4233*Input!$C$19,0)+IF(Input!$D$20=2,K4233*Input!$C$20,0)+IF(Input!$D$21=2,L4233*Input!$C$21,0)+IF(Input!$D$22=2,M4233*Input!$C$22,0)</f>
        <v>0.48187328052556705</v>
      </c>
      <c r="P4233" s="59">
        <f>IF(Input!$D$19=3,J4233*Input!$C$19,0)+IF(Input!$D$20=3,K4233*Input!$C$20,0)+IF(Input!$D$21=3,L4233*Input!$C$21,0)+IF(Input!$D$22=3,M4233*Input!$C$22,0)</f>
        <v>0</v>
      </c>
      <c r="Q4233" s="75">
        <f>IF(Input!$D$19=4,J4233*Input!$C$19,0)+IF(Input!$D$20=4,K4233*Input!$C$20,0)+IF(Input!$D$21=4,L4233*Input!$C$21,0)+IF(Input!$D$22=4,M4233*Input!$C$22,0)</f>
        <v>0</v>
      </c>
      <c r="R4233" s="58">
        <v>59.322429984697948</v>
      </c>
      <c r="S4233" s="124">
        <f t="shared" ref="S4233:S4296" si="66">I4233+J4233</f>
        <v>0.83524701957764969</v>
      </c>
    </row>
    <row r="4234" spans="8:19" x14ac:dyDescent="0.3">
      <c r="H4234" s="44">
        <v>4227</v>
      </c>
      <c r="I4234" s="56">
        <f>Bühler!I4260</f>
        <v>0.19274931221022681</v>
      </c>
      <c r="J4234" s="59">
        <f>Bühler!J4260</f>
        <v>0.64249770736742284</v>
      </c>
      <c r="K4234" s="59">
        <f>Bühler!K4260</f>
        <v>0.9637465610511341</v>
      </c>
      <c r="L4234" s="59">
        <f>Bühler!L4260</f>
        <v>4.6259834930454442</v>
      </c>
      <c r="M4234" s="58">
        <f>Bühler!M4260</f>
        <v>0</v>
      </c>
      <c r="N4234" s="56">
        <f>IF(Input!$D$19=1,J4234*Input!$C$19,0)+IF(Input!$D$20=1,K4234*Input!$C$20,0)+IF(Input!$D$21=1,L4234*Input!$C$21,0)+IF(Input!$D$22=1,M4234*Input!$C$22,0)</f>
        <v>0.19274931221022684</v>
      </c>
      <c r="O4234" s="59">
        <f>IF(Input!$D$19=2,J4234*Input!$C$19,0)+IF(Input!$D$20=2,K4234*Input!$C$20,0)+IF(Input!$D$21=2,L4234*Input!$C$21,0)+IF(Input!$D$22=2,M4234*Input!$C$22,0)</f>
        <v>0.48187328052556705</v>
      </c>
      <c r="P4234" s="59">
        <f>IF(Input!$D$19=3,J4234*Input!$C$19,0)+IF(Input!$D$20=3,K4234*Input!$C$20,0)+IF(Input!$D$21=3,L4234*Input!$C$21,0)+IF(Input!$D$22=3,M4234*Input!$C$22,0)</f>
        <v>0</v>
      </c>
      <c r="Q4234" s="75">
        <f>IF(Input!$D$19=4,J4234*Input!$C$19,0)+IF(Input!$D$20=4,K4234*Input!$C$20,0)+IF(Input!$D$21=4,L4234*Input!$C$21,0)+IF(Input!$D$22=4,M4234*Input!$C$22,0)</f>
        <v>0</v>
      </c>
      <c r="R4234" s="58">
        <v>59.091464588239468</v>
      </c>
      <c r="S4234" s="124">
        <f t="shared" si="66"/>
        <v>0.83524701957764969</v>
      </c>
    </row>
    <row r="4235" spans="8:19" x14ac:dyDescent="0.3">
      <c r="H4235" s="44">
        <v>4228</v>
      </c>
      <c r="I4235" s="56">
        <f>Bühler!I4261</f>
        <v>0.19274931221022681</v>
      </c>
      <c r="J4235" s="59">
        <f>Bühler!J4261</f>
        <v>0.64249770736742284</v>
      </c>
      <c r="K4235" s="59">
        <f>Bühler!K4261</f>
        <v>0.9637465610511341</v>
      </c>
      <c r="L4235" s="59">
        <f>Bühler!L4261</f>
        <v>4.6259834930454442</v>
      </c>
      <c r="M4235" s="58">
        <f>Bühler!M4261</f>
        <v>0</v>
      </c>
      <c r="N4235" s="56">
        <f>IF(Input!$D$19=1,J4235*Input!$C$19,0)+IF(Input!$D$20=1,K4235*Input!$C$20,0)+IF(Input!$D$21=1,L4235*Input!$C$21,0)+IF(Input!$D$22=1,M4235*Input!$C$22,0)</f>
        <v>0.19274931221022684</v>
      </c>
      <c r="O4235" s="59">
        <f>IF(Input!$D$19=2,J4235*Input!$C$19,0)+IF(Input!$D$20=2,K4235*Input!$C$20,0)+IF(Input!$D$21=2,L4235*Input!$C$21,0)+IF(Input!$D$22=2,M4235*Input!$C$22,0)</f>
        <v>0.48187328052556705</v>
      </c>
      <c r="P4235" s="59">
        <f>IF(Input!$D$19=3,J4235*Input!$C$19,0)+IF(Input!$D$20=3,K4235*Input!$C$20,0)+IF(Input!$D$21=3,L4235*Input!$C$21,0)+IF(Input!$D$22=3,M4235*Input!$C$22,0)</f>
        <v>0</v>
      </c>
      <c r="Q4235" s="75">
        <f>IF(Input!$D$19=4,J4235*Input!$C$19,0)+IF(Input!$D$20=4,K4235*Input!$C$20,0)+IF(Input!$D$21=4,L4235*Input!$C$21,0)+IF(Input!$D$22=4,M4235*Input!$C$22,0)</f>
        <v>0</v>
      </c>
      <c r="R4235" s="58">
        <v>59.772554815593615</v>
      </c>
      <c r="S4235" s="124">
        <f t="shared" si="66"/>
        <v>0.83524701957764969</v>
      </c>
    </row>
    <row r="4236" spans="8:19" x14ac:dyDescent="0.3">
      <c r="H4236" s="44">
        <v>4229</v>
      </c>
      <c r="I4236" s="56">
        <f>Bühler!I4262</f>
        <v>0.19274931221022681</v>
      </c>
      <c r="J4236" s="59">
        <f>Bühler!J4262</f>
        <v>0.64249770736742284</v>
      </c>
      <c r="K4236" s="59">
        <f>Bühler!K4262</f>
        <v>0.9637465610511341</v>
      </c>
      <c r="L4236" s="59">
        <f>Bühler!L4262</f>
        <v>4.6259834930454442</v>
      </c>
      <c r="M4236" s="58">
        <f>Bühler!M4262</f>
        <v>0</v>
      </c>
      <c r="N4236" s="56">
        <f>IF(Input!$D$19=1,J4236*Input!$C$19,0)+IF(Input!$D$20=1,K4236*Input!$C$20,0)+IF(Input!$D$21=1,L4236*Input!$C$21,0)+IF(Input!$D$22=1,M4236*Input!$C$22,0)</f>
        <v>0.19274931221022684</v>
      </c>
      <c r="O4236" s="59">
        <f>IF(Input!$D$19=2,J4236*Input!$C$19,0)+IF(Input!$D$20=2,K4236*Input!$C$20,0)+IF(Input!$D$21=2,L4236*Input!$C$21,0)+IF(Input!$D$22=2,M4236*Input!$C$22,0)</f>
        <v>0.48187328052556705</v>
      </c>
      <c r="P4236" s="59">
        <f>IF(Input!$D$19=3,J4236*Input!$C$19,0)+IF(Input!$D$20=3,K4236*Input!$C$20,0)+IF(Input!$D$21=3,L4236*Input!$C$21,0)+IF(Input!$D$22=3,M4236*Input!$C$22,0)</f>
        <v>0</v>
      </c>
      <c r="Q4236" s="75">
        <f>IF(Input!$D$19=4,J4236*Input!$C$19,0)+IF(Input!$D$20=4,K4236*Input!$C$20,0)+IF(Input!$D$21=4,L4236*Input!$C$21,0)+IF(Input!$D$22=4,M4236*Input!$C$22,0)</f>
        <v>0</v>
      </c>
      <c r="R4236" s="58">
        <v>61.226947706055611</v>
      </c>
      <c r="S4236" s="124">
        <f t="shared" si="66"/>
        <v>0.83524701957764969</v>
      </c>
    </row>
    <row r="4237" spans="8:19" x14ac:dyDescent="0.3">
      <c r="H4237" s="44">
        <v>4230</v>
      </c>
      <c r="I4237" s="56">
        <f>Bühler!I4263</f>
        <v>0.25057410587329482</v>
      </c>
      <c r="J4237" s="59">
        <f>Bühler!J4263</f>
        <v>0.83524701957764946</v>
      </c>
      <c r="K4237" s="59">
        <f>Bühler!K4263</f>
        <v>1.2528705293664741</v>
      </c>
      <c r="L4237" s="59">
        <f>Bühler!L4263</f>
        <v>6.0137785409590752</v>
      </c>
      <c r="M4237" s="58">
        <f>Bühler!M4263</f>
        <v>0</v>
      </c>
      <c r="N4237" s="56">
        <f>IF(Input!$D$19=1,J4237*Input!$C$19,0)+IF(Input!$D$20=1,K4237*Input!$C$20,0)+IF(Input!$D$21=1,L4237*Input!$C$21,0)+IF(Input!$D$22=1,M4237*Input!$C$22,0)</f>
        <v>0.25057410587329482</v>
      </c>
      <c r="O4237" s="59">
        <f>IF(Input!$D$19=2,J4237*Input!$C$19,0)+IF(Input!$D$20=2,K4237*Input!$C$20,0)+IF(Input!$D$21=2,L4237*Input!$C$21,0)+IF(Input!$D$22=2,M4237*Input!$C$22,0)</f>
        <v>0.62643526468323707</v>
      </c>
      <c r="P4237" s="59">
        <f>IF(Input!$D$19=3,J4237*Input!$C$19,0)+IF(Input!$D$20=3,K4237*Input!$C$20,0)+IF(Input!$D$21=3,L4237*Input!$C$21,0)+IF(Input!$D$22=3,M4237*Input!$C$22,0)</f>
        <v>0</v>
      </c>
      <c r="Q4237" s="75">
        <f>IF(Input!$D$19=4,J4237*Input!$C$19,0)+IF(Input!$D$20=4,K4237*Input!$C$20,0)+IF(Input!$D$21=4,L4237*Input!$C$21,0)+IF(Input!$D$22=4,M4237*Input!$C$22,0)</f>
        <v>0</v>
      </c>
      <c r="R4237" s="58">
        <v>64.378145325580846</v>
      </c>
      <c r="S4237" s="124">
        <f t="shared" si="66"/>
        <v>1.0858211254509442</v>
      </c>
    </row>
    <row r="4238" spans="8:19" x14ac:dyDescent="0.3">
      <c r="H4238" s="44">
        <v>4231</v>
      </c>
      <c r="I4238" s="56">
        <f>Bühler!I4264</f>
        <v>0.27948650270482883</v>
      </c>
      <c r="J4238" s="59">
        <f>Bühler!J4264</f>
        <v>0.93162167568276288</v>
      </c>
      <c r="K4238" s="59">
        <f>Bühler!K4264</f>
        <v>1.3974325135241443</v>
      </c>
      <c r="L4238" s="59">
        <f>Bühler!L4264</f>
        <v>6.7076760649158924</v>
      </c>
      <c r="M4238" s="58">
        <f>Bühler!M4264</f>
        <v>0</v>
      </c>
      <c r="N4238" s="56">
        <f>IF(Input!$D$19=1,J4238*Input!$C$19,0)+IF(Input!$D$20=1,K4238*Input!$C$20,0)+IF(Input!$D$21=1,L4238*Input!$C$21,0)+IF(Input!$D$22=1,M4238*Input!$C$22,0)</f>
        <v>0.27948650270482883</v>
      </c>
      <c r="O4238" s="59">
        <f>IF(Input!$D$19=2,J4238*Input!$C$19,0)+IF(Input!$D$20=2,K4238*Input!$C$20,0)+IF(Input!$D$21=2,L4238*Input!$C$21,0)+IF(Input!$D$22=2,M4238*Input!$C$22,0)</f>
        <v>0.69871625676207216</v>
      </c>
      <c r="P4238" s="59">
        <f>IF(Input!$D$19=3,J4238*Input!$C$19,0)+IF(Input!$D$20=3,K4238*Input!$C$20,0)+IF(Input!$D$21=3,L4238*Input!$C$21,0)+IF(Input!$D$22=3,M4238*Input!$C$22,0)</f>
        <v>0</v>
      </c>
      <c r="Q4238" s="75">
        <f>IF(Input!$D$19=4,J4238*Input!$C$19,0)+IF(Input!$D$20=4,K4238*Input!$C$20,0)+IF(Input!$D$21=4,L4238*Input!$C$21,0)+IF(Input!$D$22=4,M4238*Input!$C$22,0)</f>
        <v>0</v>
      </c>
      <c r="R4238" s="58">
        <v>66.373498068479989</v>
      </c>
      <c r="S4238" s="124">
        <f t="shared" si="66"/>
        <v>1.2111081783875917</v>
      </c>
    </row>
    <row r="4239" spans="8:19" x14ac:dyDescent="0.3">
      <c r="H4239" s="44">
        <v>4232</v>
      </c>
      <c r="I4239" s="56">
        <f>Bühler!I4265</f>
        <v>0.28912396831534026</v>
      </c>
      <c r="J4239" s="59">
        <f>Bühler!J4265</f>
        <v>0.96374656105113421</v>
      </c>
      <c r="K4239" s="59">
        <f>Bühler!K4265</f>
        <v>1.4456198415767012</v>
      </c>
      <c r="L4239" s="59">
        <f>Bühler!L4265</f>
        <v>6.9389752395681654</v>
      </c>
      <c r="M4239" s="58">
        <f>Bühler!M4265</f>
        <v>0</v>
      </c>
      <c r="N4239" s="56">
        <f>IF(Input!$D$19=1,J4239*Input!$C$19,0)+IF(Input!$D$20=1,K4239*Input!$C$20,0)+IF(Input!$D$21=1,L4239*Input!$C$21,0)+IF(Input!$D$22=1,M4239*Input!$C$22,0)</f>
        <v>0.28912396831534026</v>
      </c>
      <c r="O4239" s="59">
        <f>IF(Input!$D$19=2,J4239*Input!$C$19,0)+IF(Input!$D$20=2,K4239*Input!$C$20,0)+IF(Input!$D$21=2,L4239*Input!$C$21,0)+IF(Input!$D$22=2,M4239*Input!$C$22,0)</f>
        <v>0.7228099207883506</v>
      </c>
      <c r="P4239" s="59">
        <f>IF(Input!$D$19=3,J4239*Input!$C$19,0)+IF(Input!$D$20=3,K4239*Input!$C$20,0)+IF(Input!$D$21=3,L4239*Input!$C$21,0)+IF(Input!$D$22=3,M4239*Input!$C$22,0)</f>
        <v>0</v>
      </c>
      <c r="Q4239" s="75">
        <f>IF(Input!$D$19=4,J4239*Input!$C$19,0)+IF(Input!$D$20=4,K4239*Input!$C$20,0)+IF(Input!$D$21=4,L4239*Input!$C$21,0)+IF(Input!$D$22=4,M4239*Input!$C$22,0)</f>
        <v>0</v>
      </c>
      <c r="R4239" s="58">
        <v>68.281393413390489</v>
      </c>
      <c r="S4239" s="124">
        <f t="shared" si="66"/>
        <v>1.2528705293664744</v>
      </c>
    </row>
    <row r="4240" spans="8:19" x14ac:dyDescent="0.3">
      <c r="H4240" s="44">
        <v>4233</v>
      </c>
      <c r="I4240" s="56">
        <f>Bühler!I4266</f>
        <v>0.28912396831534026</v>
      </c>
      <c r="J4240" s="59">
        <f>Bühler!J4266</f>
        <v>0.96374656105113421</v>
      </c>
      <c r="K4240" s="59">
        <f>Bühler!K4266</f>
        <v>1.4456198415767012</v>
      </c>
      <c r="L4240" s="59">
        <f>Bühler!L4266</f>
        <v>6.9389752395681654</v>
      </c>
      <c r="M4240" s="58">
        <f>Bühler!M4266</f>
        <v>0</v>
      </c>
      <c r="N4240" s="56">
        <f>IF(Input!$D$19=1,J4240*Input!$C$19,0)+IF(Input!$D$20=1,K4240*Input!$C$20,0)+IF(Input!$D$21=1,L4240*Input!$C$21,0)+IF(Input!$D$22=1,M4240*Input!$C$22,0)</f>
        <v>0.28912396831534026</v>
      </c>
      <c r="O4240" s="59">
        <f>IF(Input!$D$19=2,J4240*Input!$C$19,0)+IF(Input!$D$20=2,K4240*Input!$C$20,0)+IF(Input!$D$21=2,L4240*Input!$C$21,0)+IF(Input!$D$22=2,M4240*Input!$C$22,0)</f>
        <v>0.7228099207883506</v>
      </c>
      <c r="P4240" s="59">
        <f>IF(Input!$D$19=3,J4240*Input!$C$19,0)+IF(Input!$D$20=3,K4240*Input!$C$20,0)+IF(Input!$D$21=3,L4240*Input!$C$21,0)+IF(Input!$D$22=3,M4240*Input!$C$22,0)</f>
        <v>0</v>
      </c>
      <c r="Q4240" s="75">
        <f>IF(Input!$D$19=4,J4240*Input!$C$19,0)+IF(Input!$D$20=4,K4240*Input!$C$20,0)+IF(Input!$D$21=4,L4240*Input!$C$21,0)+IF(Input!$D$22=4,M4240*Input!$C$22,0)</f>
        <v>0</v>
      </c>
      <c r="R4240" s="58">
        <v>69.293069465373904</v>
      </c>
      <c r="S4240" s="124">
        <f t="shared" si="66"/>
        <v>1.2528705293664744</v>
      </c>
    </row>
    <row r="4241" spans="8:19" x14ac:dyDescent="0.3">
      <c r="H4241" s="44">
        <v>4234</v>
      </c>
      <c r="I4241" s="56">
        <f>Bühler!I4267</f>
        <v>0.31321763234161859</v>
      </c>
      <c r="J4241" s="59">
        <f>Bühler!J4267</f>
        <v>1.044058774472062</v>
      </c>
      <c r="K4241" s="59">
        <f>Bühler!K4267</f>
        <v>1.5660881617080931</v>
      </c>
      <c r="L4241" s="59">
        <f>Bühler!L4267</f>
        <v>7.5172231761988462</v>
      </c>
      <c r="M4241" s="58">
        <f>Bühler!M4267</f>
        <v>0</v>
      </c>
      <c r="N4241" s="56">
        <f>IF(Input!$D$19=1,J4241*Input!$C$19,0)+IF(Input!$D$20=1,K4241*Input!$C$20,0)+IF(Input!$D$21=1,L4241*Input!$C$21,0)+IF(Input!$D$22=1,M4241*Input!$C$22,0)</f>
        <v>0.31321763234161859</v>
      </c>
      <c r="O4241" s="59">
        <f>IF(Input!$D$19=2,J4241*Input!$C$19,0)+IF(Input!$D$20=2,K4241*Input!$C$20,0)+IF(Input!$D$21=2,L4241*Input!$C$21,0)+IF(Input!$D$22=2,M4241*Input!$C$22,0)</f>
        <v>0.78304408085404653</v>
      </c>
      <c r="P4241" s="59">
        <f>IF(Input!$D$19=3,J4241*Input!$C$19,0)+IF(Input!$D$20=3,K4241*Input!$C$20,0)+IF(Input!$D$21=3,L4241*Input!$C$21,0)+IF(Input!$D$22=3,M4241*Input!$C$22,0)</f>
        <v>0</v>
      </c>
      <c r="Q4241" s="75">
        <f>IF(Input!$D$19=4,J4241*Input!$C$19,0)+IF(Input!$D$20=4,K4241*Input!$C$20,0)+IF(Input!$D$21=4,L4241*Input!$C$21,0)+IF(Input!$D$22=4,M4241*Input!$C$22,0)</f>
        <v>0</v>
      </c>
      <c r="R4241" s="58">
        <v>69.844699389230811</v>
      </c>
      <c r="S4241" s="124">
        <f t="shared" si="66"/>
        <v>1.3572764068136807</v>
      </c>
    </row>
    <row r="4242" spans="8:19" x14ac:dyDescent="0.3">
      <c r="H4242" s="44">
        <v>4235</v>
      </c>
      <c r="I4242" s="56">
        <f>Bühler!I4268</f>
        <v>0.32767383075738554</v>
      </c>
      <c r="J4242" s="59">
        <f>Bühler!J4268</f>
        <v>1.0922461025246186</v>
      </c>
      <c r="K4242" s="59">
        <f>Bühler!K4268</f>
        <v>1.6383691537869278</v>
      </c>
      <c r="L4242" s="59">
        <f>Bühler!L4268</f>
        <v>7.8641719381772539</v>
      </c>
      <c r="M4242" s="58">
        <f>Bühler!M4268</f>
        <v>0</v>
      </c>
      <c r="N4242" s="56">
        <f>IF(Input!$D$19=1,J4242*Input!$C$19,0)+IF(Input!$D$20=1,K4242*Input!$C$20,0)+IF(Input!$D$21=1,L4242*Input!$C$21,0)+IF(Input!$D$22=1,M4242*Input!$C$22,0)</f>
        <v>0.3276738307573856</v>
      </c>
      <c r="O4242" s="59">
        <f>IF(Input!$D$19=2,J4242*Input!$C$19,0)+IF(Input!$D$20=2,K4242*Input!$C$20,0)+IF(Input!$D$21=2,L4242*Input!$C$21,0)+IF(Input!$D$22=2,M4242*Input!$C$22,0)</f>
        <v>0.81918457689346391</v>
      </c>
      <c r="P4242" s="59">
        <f>IF(Input!$D$19=3,J4242*Input!$C$19,0)+IF(Input!$D$20=3,K4242*Input!$C$20,0)+IF(Input!$D$21=3,L4242*Input!$C$21,0)+IF(Input!$D$22=3,M4242*Input!$C$22,0)</f>
        <v>0</v>
      </c>
      <c r="Q4242" s="75">
        <f>IF(Input!$D$19=4,J4242*Input!$C$19,0)+IF(Input!$D$20=4,K4242*Input!$C$20,0)+IF(Input!$D$21=4,L4242*Input!$C$21,0)+IF(Input!$D$22=4,M4242*Input!$C$22,0)</f>
        <v>0</v>
      </c>
      <c r="R4242" s="58">
        <v>70.683607349611606</v>
      </c>
      <c r="S4242" s="124">
        <f t="shared" si="66"/>
        <v>1.4199199332820043</v>
      </c>
    </row>
    <row r="4243" spans="8:19" x14ac:dyDescent="0.3">
      <c r="H4243" s="44">
        <v>4236</v>
      </c>
      <c r="I4243" s="56">
        <f>Bühler!I4269</f>
        <v>0.38549862442045363</v>
      </c>
      <c r="J4243" s="59">
        <f>Bühler!J4269</f>
        <v>1.2849954147348457</v>
      </c>
      <c r="K4243" s="59">
        <f>Bühler!K4269</f>
        <v>1.9274931221022682</v>
      </c>
      <c r="L4243" s="59">
        <f>Bühler!L4269</f>
        <v>9.2519669860908884</v>
      </c>
      <c r="M4243" s="58">
        <f>Bühler!M4269</f>
        <v>0</v>
      </c>
      <c r="N4243" s="56">
        <f>IF(Input!$D$19=1,J4243*Input!$C$19,0)+IF(Input!$D$20=1,K4243*Input!$C$20,0)+IF(Input!$D$21=1,L4243*Input!$C$21,0)+IF(Input!$D$22=1,M4243*Input!$C$22,0)</f>
        <v>0.38549862442045368</v>
      </c>
      <c r="O4243" s="59">
        <f>IF(Input!$D$19=2,J4243*Input!$C$19,0)+IF(Input!$D$20=2,K4243*Input!$C$20,0)+IF(Input!$D$21=2,L4243*Input!$C$21,0)+IF(Input!$D$22=2,M4243*Input!$C$22,0)</f>
        <v>0.9637465610511341</v>
      </c>
      <c r="P4243" s="59">
        <f>IF(Input!$D$19=3,J4243*Input!$C$19,0)+IF(Input!$D$20=3,K4243*Input!$C$20,0)+IF(Input!$D$21=3,L4243*Input!$C$21,0)+IF(Input!$D$22=3,M4243*Input!$C$22,0)</f>
        <v>0</v>
      </c>
      <c r="Q4243" s="75">
        <f>IF(Input!$D$19=4,J4243*Input!$C$19,0)+IF(Input!$D$20=4,K4243*Input!$C$20,0)+IF(Input!$D$21=4,L4243*Input!$C$21,0)+IF(Input!$D$22=4,M4243*Input!$C$22,0)</f>
        <v>0</v>
      </c>
      <c r="R4243" s="58">
        <v>71.567927927134647</v>
      </c>
      <c r="S4243" s="124">
        <f t="shared" si="66"/>
        <v>1.6704940391552994</v>
      </c>
    </row>
    <row r="4244" spans="8:19" x14ac:dyDescent="0.3">
      <c r="H4244" s="44">
        <v>4237</v>
      </c>
      <c r="I4244" s="56">
        <f>Bühler!I4270</f>
        <v>0.38549862442045363</v>
      </c>
      <c r="J4244" s="59">
        <f>Bühler!J4270</f>
        <v>1.2849954147348457</v>
      </c>
      <c r="K4244" s="59">
        <f>Bühler!K4270</f>
        <v>1.9274931221022682</v>
      </c>
      <c r="L4244" s="59">
        <f>Bühler!L4270</f>
        <v>9.2519669860908884</v>
      </c>
      <c r="M4244" s="58">
        <f>Bühler!M4270</f>
        <v>0</v>
      </c>
      <c r="N4244" s="56">
        <f>IF(Input!$D$19=1,J4244*Input!$C$19,0)+IF(Input!$D$20=1,K4244*Input!$C$20,0)+IF(Input!$D$21=1,L4244*Input!$C$21,0)+IF(Input!$D$22=1,M4244*Input!$C$22,0)</f>
        <v>0.38549862442045368</v>
      </c>
      <c r="O4244" s="59">
        <f>IF(Input!$D$19=2,J4244*Input!$C$19,0)+IF(Input!$D$20=2,K4244*Input!$C$20,0)+IF(Input!$D$21=2,L4244*Input!$C$21,0)+IF(Input!$D$22=2,M4244*Input!$C$22,0)</f>
        <v>0.9637465610511341</v>
      </c>
      <c r="P4244" s="59">
        <f>IF(Input!$D$19=3,J4244*Input!$C$19,0)+IF(Input!$D$20=3,K4244*Input!$C$20,0)+IF(Input!$D$21=3,L4244*Input!$C$21,0)+IF(Input!$D$22=3,M4244*Input!$C$22,0)</f>
        <v>0</v>
      </c>
      <c r="Q4244" s="75">
        <f>IF(Input!$D$19=4,J4244*Input!$C$19,0)+IF(Input!$D$20=4,K4244*Input!$C$20,0)+IF(Input!$D$21=4,L4244*Input!$C$21,0)+IF(Input!$D$22=4,M4244*Input!$C$22,0)</f>
        <v>0</v>
      </c>
      <c r="R4244" s="58">
        <v>70.608845730247097</v>
      </c>
      <c r="S4244" s="124">
        <f t="shared" si="66"/>
        <v>1.6704940391552994</v>
      </c>
    </row>
    <row r="4245" spans="8:19" x14ac:dyDescent="0.3">
      <c r="H4245" s="44">
        <v>4238</v>
      </c>
      <c r="I4245" s="56">
        <f>Bühler!I4271</f>
        <v>0.38549862442045363</v>
      </c>
      <c r="J4245" s="59">
        <f>Bühler!J4271</f>
        <v>1.2849954147348457</v>
      </c>
      <c r="K4245" s="59">
        <f>Bühler!K4271</f>
        <v>1.9274931221022682</v>
      </c>
      <c r="L4245" s="59">
        <f>Bühler!L4271</f>
        <v>9.2519669860908884</v>
      </c>
      <c r="M4245" s="58">
        <f>Bühler!M4271</f>
        <v>0</v>
      </c>
      <c r="N4245" s="56">
        <f>IF(Input!$D$19=1,J4245*Input!$C$19,0)+IF(Input!$D$20=1,K4245*Input!$C$20,0)+IF(Input!$D$21=1,L4245*Input!$C$21,0)+IF(Input!$D$22=1,M4245*Input!$C$22,0)</f>
        <v>0.38549862442045368</v>
      </c>
      <c r="O4245" s="59">
        <f>IF(Input!$D$19=2,J4245*Input!$C$19,0)+IF(Input!$D$20=2,K4245*Input!$C$20,0)+IF(Input!$D$21=2,L4245*Input!$C$21,0)+IF(Input!$D$22=2,M4245*Input!$C$22,0)</f>
        <v>0.9637465610511341</v>
      </c>
      <c r="P4245" s="59">
        <f>IF(Input!$D$19=3,J4245*Input!$C$19,0)+IF(Input!$D$20=3,K4245*Input!$C$20,0)+IF(Input!$D$21=3,L4245*Input!$C$21,0)+IF(Input!$D$22=3,M4245*Input!$C$22,0)</f>
        <v>0</v>
      </c>
      <c r="Q4245" s="75">
        <f>IF(Input!$D$19=4,J4245*Input!$C$19,0)+IF(Input!$D$20=4,K4245*Input!$C$20,0)+IF(Input!$D$21=4,L4245*Input!$C$21,0)+IF(Input!$D$22=4,M4245*Input!$C$22,0)</f>
        <v>0</v>
      </c>
      <c r="R4245" s="58">
        <v>69.900024418579122</v>
      </c>
      <c r="S4245" s="124">
        <f t="shared" si="66"/>
        <v>1.6704940391552994</v>
      </c>
    </row>
    <row r="4246" spans="8:19" x14ac:dyDescent="0.3">
      <c r="H4246" s="44">
        <v>4239</v>
      </c>
      <c r="I4246" s="56">
        <f>Bühler!I4272</f>
        <v>0.38549862442045363</v>
      </c>
      <c r="J4246" s="59">
        <f>Bühler!J4272</f>
        <v>1.2849954147348457</v>
      </c>
      <c r="K4246" s="59">
        <f>Bühler!K4272</f>
        <v>1.9274931221022682</v>
      </c>
      <c r="L4246" s="59">
        <f>Bühler!L4272</f>
        <v>9.2519669860908884</v>
      </c>
      <c r="M4246" s="58">
        <f>Bühler!M4272</f>
        <v>0</v>
      </c>
      <c r="N4246" s="56">
        <f>IF(Input!$D$19=1,J4246*Input!$C$19,0)+IF(Input!$D$20=1,K4246*Input!$C$20,0)+IF(Input!$D$21=1,L4246*Input!$C$21,0)+IF(Input!$D$22=1,M4246*Input!$C$22,0)</f>
        <v>0.38549862442045368</v>
      </c>
      <c r="O4246" s="59">
        <f>IF(Input!$D$19=2,J4246*Input!$C$19,0)+IF(Input!$D$20=2,K4246*Input!$C$20,0)+IF(Input!$D$21=2,L4246*Input!$C$21,0)+IF(Input!$D$22=2,M4246*Input!$C$22,0)</f>
        <v>0.9637465610511341</v>
      </c>
      <c r="P4246" s="59">
        <f>IF(Input!$D$19=3,J4246*Input!$C$19,0)+IF(Input!$D$20=3,K4246*Input!$C$20,0)+IF(Input!$D$21=3,L4246*Input!$C$21,0)+IF(Input!$D$22=3,M4246*Input!$C$22,0)</f>
        <v>0</v>
      </c>
      <c r="Q4246" s="75">
        <f>IF(Input!$D$19=4,J4246*Input!$C$19,0)+IF(Input!$D$20=4,K4246*Input!$C$20,0)+IF(Input!$D$21=4,L4246*Input!$C$21,0)+IF(Input!$D$22=4,M4246*Input!$C$22,0)</f>
        <v>0</v>
      </c>
      <c r="R4246" s="58">
        <v>70.591063265105774</v>
      </c>
      <c r="S4246" s="124">
        <f t="shared" si="66"/>
        <v>1.6704940391552994</v>
      </c>
    </row>
    <row r="4247" spans="8:19" x14ac:dyDescent="0.3">
      <c r="H4247" s="44">
        <v>4240</v>
      </c>
      <c r="I4247" s="56">
        <f>Bühler!I4273</f>
        <v>0.38549862442045363</v>
      </c>
      <c r="J4247" s="59">
        <f>Bühler!J4273</f>
        <v>1.2849954147348457</v>
      </c>
      <c r="K4247" s="59">
        <f>Bühler!K4273</f>
        <v>1.9274931221022682</v>
      </c>
      <c r="L4247" s="59">
        <f>Bühler!L4273</f>
        <v>9.2519669860908884</v>
      </c>
      <c r="M4247" s="58">
        <f>Bühler!M4273</f>
        <v>0</v>
      </c>
      <c r="N4247" s="56">
        <f>IF(Input!$D$19=1,J4247*Input!$C$19,0)+IF(Input!$D$20=1,K4247*Input!$C$20,0)+IF(Input!$D$21=1,L4247*Input!$C$21,0)+IF(Input!$D$22=1,M4247*Input!$C$22,0)</f>
        <v>0.38549862442045368</v>
      </c>
      <c r="O4247" s="59">
        <f>IF(Input!$D$19=2,J4247*Input!$C$19,0)+IF(Input!$D$20=2,K4247*Input!$C$20,0)+IF(Input!$D$21=2,L4247*Input!$C$21,0)+IF(Input!$D$22=2,M4247*Input!$C$22,0)</f>
        <v>0.9637465610511341</v>
      </c>
      <c r="P4247" s="59">
        <f>IF(Input!$D$19=3,J4247*Input!$C$19,0)+IF(Input!$D$20=3,K4247*Input!$C$20,0)+IF(Input!$D$21=3,L4247*Input!$C$21,0)+IF(Input!$D$22=3,M4247*Input!$C$22,0)</f>
        <v>0</v>
      </c>
      <c r="Q4247" s="75">
        <f>IF(Input!$D$19=4,J4247*Input!$C$19,0)+IF(Input!$D$20=4,K4247*Input!$C$20,0)+IF(Input!$D$21=4,L4247*Input!$C$21,0)+IF(Input!$D$22=4,M4247*Input!$C$22,0)</f>
        <v>0</v>
      </c>
      <c r="R4247" s="58">
        <v>69.989096615891256</v>
      </c>
      <c r="S4247" s="124">
        <f t="shared" si="66"/>
        <v>1.6704940391552994</v>
      </c>
    </row>
    <row r="4248" spans="8:19" x14ac:dyDescent="0.3">
      <c r="H4248" s="44">
        <v>4241</v>
      </c>
      <c r="I4248" s="56">
        <f>Bühler!I4274</f>
        <v>0.38549862442045363</v>
      </c>
      <c r="J4248" s="59">
        <f>Bühler!J4274</f>
        <v>1.2849954147348457</v>
      </c>
      <c r="K4248" s="59">
        <f>Bühler!K4274</f>
        <v>1.9274931221022682</v>
      </c>
      <c r="L4248" s="59">
        <f>Bühler!L4274</f>
        <v>9.2519669860908884</v>
      </c>
      <c r="M4248" s="58">
        <f>Bühler!M4274</f>
        <v>0</v>
      </c>
      <c r="N4248" s="56">
        <f>IF(Input!$D$19=1,J4248*Input!$C$19,0)+IF(Input!$D$20=1,K4248*Input!$C$20,0)+IF(Input!$D$21=1,L4248*Input!$C$21,0)+IF(Input!$D$22=1,M4248*Input!$C$22,0)</f>
        <v>0.38549862442045368</v>
      </c>
      <c r="O4248" s="59">
        <f>IF(Input!$D$19=2,J4248*Input!$C$19,0)+IF(Input!$D$20=2,K4248*Input!$C$20,0)+IF(Input!$D$21=2,L4248*Input!$C$21,0)+IF(Input!$D$22=2,M4248*Input!$C$22,0)</f>
        <v>0.9637465610511341</v>
      </c>
      <c r="P4248" s="59">
        <f>IF(Input!$D$19=3,J4248*Input!$C$19,0)+IF(Input!$D$20=3,K4248*Input!$C$20,0)+IF(Input!$D$21=3,L4248*Input!$C$21,0)+IF(Input!$D$22=3,M4248*Input!$C$22,0)</f>
        <v>0</v>
      </c>
      <c r="Q4248" s="75">
        <f>IF(Input!$D$19=4,J4248*Input!$C$19,0)+IF(Input!$D$20=4,K4248*Input!$C$20,0)+IF(Input!$D$21=4,L4248*Input!$C$21,0)+IF(Input!$D$22=4,M4248*Input!$C$22,0)</f>
        <v>0</v>
      </c>
      <c r="R4248" s="58">
        <v>69.546435166618195</v>
      </c>
      <c r="S4248" s="124">
        <f t="shared" si="66"/>
        <v>1.6704940391552994</v>
      </c>
    </row>
    <row r="4249" spans="8:19" x14ac:dyDescent="0.3">
      <c r="H4249" s="44">
        <v>4242</v>
      </c>
      <c r="I4249" s="56">
        <f>Bühler!I4275</f>
        <v>0.38549862442045363</v>
      </c>
      <c r="J4249" s="59">
        <f>Bühler!J4275</f>
        <v>1.2849954147348457</v>
      </c>
      <c r="K4249" s="59">
        <f>Bühler!K4275</f>
        <v>1.9274931221022682</v>
      </c>
      <c r="L4249" s="59">
        <f>Bühler!L4275</f>
        <v>9.2519669860908884</v>
      </c>
      <c r="M4249" s="58">
        <f>Bühler!M4275</f>
        <v>0</v>
      </c>
      <c r="N4249" s="56">
        <f>IF(Input!$D$19=1,J4249*Input!$C$19,0)+IF(Input!$D$20=1,K4249*Input!$C$20,0)+IF(Input!$D$21=1,L4249*Input!$C$21,0)+IF(Input!$D$22=1,M4249*Input!$C$22,0)</f>
        <v>0.38549862442045368</v>
      </c>
      <c r="O4249" s="59">
        <f>IF(Input!$D$19=2,J4249*Input!$C$19,0)+IF(Input!$D$20=2,K4249*Input!$C$20,0)+IF(Input!$D$21=2,L4249*Input!$C$21,0)+IF(Input!$D$22=2,M4249*Input!$C$22,0)</f>
        <v>0.9637465610511341</v>
      </c>
      <c r="P4249" s="59">
        <f>IF(Input!$D$19=3,J4249*Input!$C$19,0)+IF(Input!$D$20=3,K4249*Input!$C$20,0)+IF(Input!$D$21=3,L4249*Input!$C$21,0)+IF(Input!$D$22=3,M4249*Input!$C$22,0)</f>
        <v>0</v>
      </c>
      <c r="Q4249" s="75">
        <f>IF(Input!$D$19=4,J4249*Input!$C$19,0)+IF(Input!$D$20=4,K4249*Input!$C$20,0)+IF(Input!$D$21=4,L4249*Input!$C$21,0)+IF(Input!$D$22=4,M4249*Input!$C$22,0)</f>
        <v>0</v>
      </c>
      <c r="R4249" s="58">
        <v>68.273870052946904</v>
      </c>
      <c r="S4249" s="124">
        <f t="shared" si="66"/>
        <v>1.6704940391552994</v>
      </c>
    </row>
    <row r="4250" spans="8:19" x14ac:dyDescent="0.3">
      <c r="H4250" s="44">
        <v>4243</v>
      </c>
      <c r="I4250" s="56">
        <f>Bühler!I4276</f>
        <v>0.38549862442045363</v>
      </c>
      <c r="J4250" s="59">
        <f>Bühler!J4276</f>
        <v>1.2849954147348457</v>
      </c>
      <c r="K4250" s="59">
        <f>Bühler!K4276</f>
        <v>1.9274931221022682</v>
      </c>
      <c r="L4250" s="59">
        <f>Bühler!L4276</f>
        <v>9.2519669860908884</v>
      </c>
      <c r="M4250" s="58">
        <f>Bühler!M4276</f>
        <v>0</v>
      </c>
      <c r="N4250" s="56">
        <f>IF(Input!$D$19=1,J4250*Input!$C$19,0)+IF(Input!$D$20=1,K4250*Input!$C$20,0)+IF(Input!$D$21=1,L4250*Input!$C$21,0)+IF(Input!$D$22=1,M4250*Input!$C$22,0)</f>
        <v>0.38549862442045368</v>
      </c>
      <c r="O4250" s="59">
        <f>IF(Input!$D$19=2,J4250*Input!$C$19,0)+IF(Input!$D$20=2,K4250*Input!$C$20,0)+IF(Input!$D$21=2,L4250*Input!$C$21,0)+IF(Input!$D$22=2,M4250*Input!$C$22,0)</f>
        <v>0.9637465610511341</v>
      </c>
      <c r="P4250" s="59">
        <f>IF(Input!$D$19=3,J4250*Input!$C$19,0)+IF(Input!$D$20=3,K4250*Input!$C$20,0)+IF(Input!$D$21=3,L4250*Input!$C$21,0)+IF(Input!$D$22=3,M4250*Input!$C$22,0)</f>
        <v>0</v>
      </c>
      <c r="Q4250" s="75">
        <f>IF(Input!$D$19=4,J4250*Input!$C$19,0)+IF(Input!$D$20=4,K4250*Input!$C$20,0)+IF(Input!$D$21=4,L4250*Input!$C$21,0)+IF(Input!$D$22=4,M4250*Input!$C$22,0)</f>
        <v>0</v>
      </c>
      <c r="R4250" s="58">
        <v>67.054676381146422</v>
      </c>
      <c r="S4250" s="124">
        <f t="shared" si="66"/>
        <v>1.6704940391552994</v>
      </c>
    </row>
    <row r="4251" spans="8:19" x14ac:dyDescent="0.3">
      <c r="H4251" s="44">
        <v>4244</v>
      </c>
      <c r="I4251" s="56">
        <f>Bühler!I4277</f>
        <v>0.32285509795212991</v>
      </c>
      <c r="J4251" s="59">
        <f>Bühler!J4277</f>
        <v>1.0761836598404331</v>
      </c>
      <c r="K4251" s="59">
        <f>Bühler!K4277</f>
        <v>1.6142754897606497</v>
      </c>
      <c r="L4251" s="59">
        <f>Bühler!L4277</f>
        <v>7.7485223508511183</v>
      </c>
      <c r="M4251" s="58">
        <f>Bühler!M4277</f>
        <v>0</v>
      </c>
      <c r="N4251" s="56">
        <f>IF(Input!$D$19=1,J4251*Input!$C$19,0)+IF(Input!$D$20=1,K4251*Input!$C$20,0)+IF(Input!$D$21=1,L4251*Input!$C$21,0)+IF(Input!$D$22=1,M4251*Input!$C$22,0)</f>
        <v>0.32285509795212991</v>
      </c>
      <c r="O4251" s="59">
        <f>IF(Input!$D$19=2,J4251*Input!$C$19,0)+IF(Input!$D$20=2,K4251*Input!$C$20,0)+IF(Input!$D$21=2,L4251*Input!$C$21,0)+IF(Input!$D$22=2,M4251*Input!$C$22,0)</f>
        <v>0.80713774488032486</v>
      </c>
      <c r="P4251" s="59">
        <f>IF(Input!$D$19=3,J4251*Input!$C$19,0)+IF(Input!$D$20=3,K4251*Input!$C$20,0)+IF(Input!$D$21=3,L4251*Input!$C$21,0)+IF(Input!$D$22=3,M4251*Input!$C$22,0)</f>
        <v>0</v>
      </c>
      <c r="Q4251" s="75">
        <f>IF(Input!$D$19=4,J4251*Input!$C$19,0)+IF(Input!$D$20=4,K4251*Input!$C$20,0)+IF(Input!$D$21=4,L4251*Input!$C$21,0)+IF(Input!$D$22=4,M4251*Input!$C$22,0)</f>
        <v>0</v>
      </c>
      <c r="R4251" s="58">
        <v>66.017724453761119</v>
      </c>
      <c r="S4251" s="124">
        <f t="shared" si="66"/>
        <v>1.3990387577925629</v>
      </c>
    </row>
    <row r="4252" spans="8:19" x14ac:dyDescent="0.3">
      <c r="H4252" s="44">
        <v>4245</v>
      </c>
      <c r="I4252" s="56">
        <f>Bühler!I4278</f>
        <v>0.26503030428906188</v>
      </c>
      <c r="J4252" s="59">
        <f>Bühler!J4278</f>
        <v>0.88343434763020634</v>
      </c>
      <c r="K4252" s="59">
        <f>Bühler!K4278</f>
        <v>1.3251515214453093</v>
      </c>
      <c r="L4252" s="59">
        <f>Bühler!L4278</f>
        <v>6.3607273029374856</v>
      </c>
      <c r="M4252" s="58">
        <f>Bühler!M4278</f>
        <v>0</v>
      </c>
      <c r="N4252" s="56">
        <f>IF(Input!$D$19=1,J4252*Input!$C$19,0)+IF(Input!$D$20=1,K4252*Input!$C$20,0)+IF(Input!$D$21=1,L4252*Input!$C$21,0)+IF(Input!$D$22=1,M4252*Input!$C$22,0)</f>
        <v>0.26503030428906188</v>
      </c>
      <c r="O4252" s="59">
        <f>IF(Input!$D$19=2,J4252*Input!$C$19,0)+IF(Input!$D$20=2,K4252*Input!$C$20,0)+IF(Input!$D$21=2,L4252*Input!$C$21,0)+IF(Input!$D$22=2,M4252*Input!$C$22,0)</f>
        <v>0.66257576072265467</v>
      </c>
      <c r="P4252" s="59">
        <f>IF(Input!$D$19=3,J4252*Input!$C$19,0)+IF(Input!$D$20=3,K4252*Input!$C$20,0)+IF(Input!$D$21=3,L4252*Input!$C$21,0)+IF(Input!$D$22=3,M4252*Input!$C$22,0)</f>
        <v>0</v>
      </c>
      <c r="Q4252" s="75">
        <f>IF(Input!$D$19=4,J4252*Input!$C$19,0)+IF(Input!$D$20=4,K4252*Input!$C$20,0)+IF(Input!$D$21=4,L4252*Input!$C$21,0)+IF(Input!$D$22=4,M4252*Input!$C$22,0)</f>
        <v>0</v>
      </c>
      <c r="R4252" s="58">
        <v>64.147920740132321</v>
      </c>
      <c r="S4252" s="124">
        <f t="shared" si="66"/>
        <v>1.1484646519192683</v>
      </c>
    </row>
    <row r="4253" spans="8:19" x14ac:dyDescent="0.3">
      <c r="H4253" s="44">
        <v>4246</v>
      </c>
      <c r="I4253" s="56">
        <f>Bühler!I4279</f>
        <v>0.19274931221022681</v>
      </c>
      <c r="J4253" s="59">
        <f>Bühler!J4279</f>
        <v>0.64249770736742284</v>
      </c>
      <c r="K4253" s="59">
        <f>Bühler!K4279</f>
        <v>0.9637465610511341</v>
      </c>
      <c r="L4253" s="59">
        <f>Bühler!L4279</f>
        <v>4.6259834930454442</v>
      </c>
      <c r="M4253" s="58">
        <f>Bühler!M4279</f>
        <v>0</v>
      </c>
      <c r="N4253" s="56">
        <f>IF(Input!$D$19=1,J4253*Input!$C$19,0)+IF(Input!$D$20=1,K4253*Input!$C$20,0)+IF(Input!$D$21=1,L4253*Input!$C$21,0)+IF(Input!$D$22=1,M4253*Input!$C$22,0)</f>
        <v>0.19274931221022684</v>
      </c>
      <c r="O4253" s="59">
        <f>IF(Input!$D$19=2,J4253*Input!$C$19,0)+IF(Input!$D$20=2,K4253*Input!$C$20,0)+IF(Input!$D$21=2,L4253*Input!$C$21,0)+IF(Input!$D$22=2,M4253*Input!$C$22,0)</f>
        <v>0.48187328052556705</v>
      </c>
      <c r="P4253" s="59">
        <f>IF(Input!$D$19=3,J4253*Input!$C$19,0)+IF(Input!$D$20=3,K4253*Input!$C$20,0)+IF(Input!$D$21=3,L4253*Input!$C$21,0)+IF(Input!$D$22=3,M4253*Input!$C$22,0)</f>
        <v>0</v>
      </c>
      <c r="Q4253" s="75">
        <f>IF(Input!$D$19=4,J4253*Input!$C$19,0)+IF(Input!$D$20=4,K4253*Input!$C$20,0)+IF(Input!$D$21=4,L4253*Input!$C$21,0)+IF(Input!$D$22=4,M4253*Input!$C$22,0)</f>
        <v>0</v>
      </c>
      <c r="R4253" s="58">
        <v>61.922717073170702</v>
      </c>
      <c r="S4253" s="124">
        <f t="shared" si="66"/>
        <v>0.83524701957764969</v>
      </c>
    </row>
    <row r="4254" spans="8:19" x14ac:dyDescent="0.3">
      <c r="H4254" s="44">
        <v>4247</v>
      </c>
      <c r="I4254" s="56">
        <f>Bühler!I4280</f>
        <v>0.19274931221022681</v>
      </c>
      <c r="J4254" s="59">
        <f>Bühler!J4280</f>
        <v>0.64249770736742284</v>
      </c>
      <c r="K4254" s="59">
        <f>Bühler!K4280</f>
        <v>0.9637465610511341</v>
      </c>
      <c r="L4254" s="59">
        <f>Bühler!L4280</f>
        <v>4.6259834930454442</v>
      </c>
      <c r="M4254" s="58">
        <f>Bühler!M4280</f>
        <v>0</v>
      </c>
      <c r="N4254" s="56">
        <f>IF(Input!$D$19=1,J4254*Input!$C$19,0)+IF(Input!$D$20=1,K4254*Input!$C$20,0)+IF(Input!$D$21=1,L4254*Input!$C$21,0)+IF(Input!$D$22=1,M4254*Input!$C$22,0)</f>
        <v>0.19274931221022684</v>
      </c>
      <c r="O4254" s="59">
        <f>IF(Input!$D$19=2,J4254*Input!$C$19,0)+IF(Input!$D$20=2,K4254*Input!$C$20,0)+IF(Input!$D$21=2,L4254*Input!$C$21,0)+IF(Input!$D$22=2,M4254*Input!$C$22,0)</f>
        <v>0.48187328052556705</v>
      </c>
      <c r="P4254" s="59">
        <f>IF(Input!$D$19=3,J4254*Input!$C$19,0)+IF(Input!$D$20=3,K4254*Input!$C$20,0)+IF(Input!$D$21=3,L4254*Input!$C$21,0)+IF(Input!$D$22=3,M4254*Input!$C$22,0)</f>
        <v>0</v>
      </c>
      <c r="Q4254" s="75">
        <f>IF(Input!$D$19=4,J4254*Input!$C$19,0)+IF(Input!$D$20=4,K4254*Input!$C$20,0)+IF(Input!$D$21=4,L4254*Input!$C$21,0)+IF(Input!$D$22=4,M4254*Input!$C$22,0)</f>
        <v>0</v>
      </c>
      <c r="R4254" s="58">
        <v>60.93743972443896</v>
      </c>
      <c r="S4254" s="124">
        <f t="shared" si="66"/>
        <v>0.83524701957764969</v>
      </c>
    </row>
    <row r="4255" spans="8:19" x14ac:dyDescent="0.3">
      <c r="H4255" s="44">
        <v>4248</v>
      </c>
      <c r="I4255" s="56">
        <f>Bühler!I4281</f>
        <v>0.19274931221022681</v>
      </c>
      <c r="J4255" s="59">
        <f>Bühler!J4281</f>
        <v>0.64249770736742284</v>
      </c>
      <c r="K4255" s="59">
        <f>Bühler!K4281</f>
        <v>0.9637465610511341</v>
      </c>
      <c r="L4255" s="59">
        <f>Bühler!L4281</f>
        <v>4.6259834930454442</v>
      </c>
      <c r="M4255" s="58">
        <f>Bühler!M4281</f>
        <v>0</v>
      </c>
      <c r="N4255" s="56">
        <f>IF(Input!$D$19=1,J4255*Input!$C$19,0)+IF(Input!$D$20=1,K4255*Input!$C$20,0)+IF(Input!$D$21=1,L4255*Input!$C$21,0)+IF(Input!$D$22=1,M4255*Input!$C$22,0)</f>
        <v>0.19274931221022684</v>
      </c>
      <c r="O4255" s="59">
        <f>IF(Input!$D$19=2,J4255*Input!$C$19,0)+IF(Input!$D$20=2,K4255*Input!$C$20,0)+IF(Input!$D$21=2,L4255*Input!$C$21,0)+IF(Input!$D$22=2,M4255*Input!$C$22,0)</f>
        <v>0.48187328052556705</v>
      </c>
      <c r="P4255" s="59">
        <f>IF(Input!$D$19=3,J4255*Input!$C$19,0)+IF(Input!$D$20=3,K4255*Input!$C$20,0)+IF(Input!$D$21=3,L4255*Input!$C$21,0)+IF(Input!$D$22=3,M4255*Input!$C$22,0)</f>
        <v>0</v>
      </c>
      <c r="Q4255" s="75">
        <f>IF(Input!$D$19=4,J4255*Input!$C$19,0)+IF(Input!$D$20=4,K4255*Input!$C$20,0)+IF(Input!$D$21=4,L4255*Input!$C$21,0)+IF(Input!$D$22=4,M4255*Input!$C$22,0)</f>
        <v>0</v>
      </c>
      <c r="R4255" s="58">
        <v>60.159724989446886</v>
      </c>
      <c r="S4255" s="124">
        <f t="shared" si="66"/>
        <v>0.83524701957764969</v>
      </c>
    </row>
    <row r="4256" spans="8:19" x14ac:dyDescent="0.3">
      <c r="H4256" s="44">
        <v>4249</v>
      </c>
      <c r="I4256" s="56">
        <f>Bühler!I4282</f>
        <v>0.18058496317015751</v>
      </c>
      <c r="J4256" s="59">
        <f>Bühler!J4282</f>
        <v>0.6019498772338584</v>
      </c>
      <c r="K4256" s="59">
        <f>Bühler!K4282</f>
        <v>0.90292481585078754</v>
      </c>
      <c r="L4256" s="59">
        <f>Bühler!L4282</f>
        <v>4.3340391160837806</v>
      </c>
      <c r="M4256" s="58">
        <f>Bühler!M4282</f>
        <v>0</v>
      </c>
      <c r="N4256" s="56">
        <f>IF(Input!$D$19=1,J4256*Input!$C$19,0)+IF(Input!$D$20=1,K4256*Input!$C$20,0)+IF(Input!$D$21=1,L4256*Input!$C$21,0)+IF(Input!$D$22=1,M4256*Input!$C$22,0)</f>
        <v>0.18058496317015751</v>
      </c>
      <c r="O4256" s="59">
        <f>IF(Input!$D$19=2,J4256*Input!$C$19,0)+IF(Input!$D$20=2,K4256*Input!$C$20,0)+IF(Input!$D$21=2,L4256*Input!$C$21,0)+IF(Input!$D$22=2,M4256*Input!$C$22,0)</f>
        <v>0.45146240792539377</v>
      </c>
      <c r="P4256" s="59">
        <f>IF(Input!$D$19=3,J4256*Input!$C$19,0)+IF(Input!$D$20=3,K4256*Input!$C$20,0)+IF(Input!$D$21=3,L4256*Input!$C$21,0)+IF(Input!$D$22=3,M4256*Input!$C$22,0)</f>
        <v>0</v>
      </c>
      <c r="Q4256" s="75">
        <f>IF(Input!$D$19=4,J4256*Input!$C$19,0)+IF(Input!$D$20=4,K4256*Input!$C$20,0)+IF(Input!$D$21=4,L4256*Input!$C$21,0)+IF(Input!$D$22=4,M4256*Input!$C$22,0)</f>
        <v>0</v>
      </c>
      <c r="R4256" s="58">
        <v>59.155221349233472</v>
      </c>
      <c r="S4256" s="124">
        <f t="shared" si="66"/>
        <v>0.78253484040401589</v>
      </c>
    </row>
    <row r="4257" spans="8:19" x14ac:dyDescent="0.3">
      <c r="H4257" s="44">
        <v>4250</v>
      </c>
      <c r="I4257" s="56">
        <f>Bühler!I4283</f>
        <v>0.20315808356642717</v>
      </c>
      <c r="J4257" s="59">
        <f>Bühler!J4283</f>
        <v>0.67719361188809069</v>
      </c>
      <c r="K4257" s="59">
        <f>Bühler!K4283</f>
        <v>1.015790417832136</v>
      </c>
      <c r="L4257" s="59">
        <f>Bühler!L4283</f>
        <v>4.8757940055942521</v>
      </c>
      <c r="M4257" s="58">
        <f>Bühler!M4283</f>
        <v>0</v>
      </c>
      <c r="N4257" s="56">
        <f>IF(Input!$D$19=1,J4257*Input!$C$19,0)+IF(Input!$D$20=1,K4257*Input!$C$20,0)+IF(Input!$D$21=1,L4257*Input!$C$21,0)+IF(Input!$D$22=1,M4257*Input!$C$22,0)</f>
        <v>0.2031580835664272</v>
      </c>
      <c r="O4257" s="59">
        <f>IF(Input!$D$19=2,J4257*Input!$C$19,0)+IF(Input!$D$20=2,K4257*Input!$C$20,0)+IF(Input!$D$21=2,L4257*Input!$C$21,0)+IF(Input!$D$22=2,M4257*Input!$C$22,0)</f>
        <v>0.50789520891606799</v>
      </c>
      <c r="P4257" s="59">
        <f>IF(Input!$D$19=3,J4257*Input!$C$19,0)+IF(Input!$D$20=3,K4257*Input!$C$20,0)+IF(Input!$D$21=3,L4257*Input!$C$21,0)+IF(Input!$D$22=3,M4257*Input!$C$22,0)</f>
        <v>0</v>
      </c>
      <c r="Q4257" s="75">
        <f>IF(Input!$D$19=4,J4257*Input!$C$19,0)+IF(Input!$D$20=4,K4257*Input!$C$20,0)+IF(Input!$D$21=4,L4257*Input!$C$21,0)+IF(Input!$D$22=4,M4257*Input!$C$22,0)</f>
        <v>0</v>
      </c>
      <c r="R4257" s="58">
        <v>58.721875603314011</v>
      </c>
      <c r="S4257" s="124">
        <f t="shared" si="66"/>
        <v>0.88035169545451786</v>
      </c>
    </row>
    <row r="4258" spans="8:19" x14ac:dyDescent="0.3">
      <c r="H4258" s="44">
        <v>4251</v>
      </c>
      <c r="I4258" s="56">
        <f>Bühler!I4284</f>
        <v>0.20315808356642717</v>
      </c>
      <c r="J4258" s="59">
        <f>Bühler!J4284</f>
        <v>0.67719361188809069</v>
      </c>
      <c r="K4258" s="59">
        <f>Bühler!K4284</f>
        <v>1.015790417832136</v>
      </c>
      <c r="L4258" s="59">
        <f>Bühler!L4284</f>
        <v>4.8757940055942521</v>
      </c>
      <c r="M4258" s="58">
        <f>Bühler!M4284</f>
        <v>0</v>
      </c>
      <c r="N4258" s="56">
        <f>IF(Input!$D$19=1,J4258*Input!$C$19,0)+IF(Input!$D$20=1,K4258*Input!$C$20,0)+IF(Input!$D$21=1,L4258*Input!$C$21,0)+IF(Input!$D$22=1,M4258*Input!$C$22,0)</f>
        <v>0.2031580835664272</v>
      </c>
      <c r="O4258" s="59">
        <f>IF(Input!$D$19=2,J4258*Input!$C$19,0)+IF(Input!$D$20=2,K4258*Input!$C$20,0)+IF(Input!$D$21=2,L4258*Input!$C$21,0)+IF(Input!$D$22=2,M4258*Input!$C$22,0)</f>
        <v>0.50789520891606799</v>
      </c>
      <c r="P4258" s="59">
        <f>IF(Input!$D$19=3,J4258*Input!$C$19,0)+IF(Input!$D$20=3,K4258*Input!$C$20,0)+IF(Input!$D$21=3,L4258*Input!$C$21,0)+IF(Input!$D$22=3,M4258*Input!$C$22,0)</f>
        <v>0</v>
      </c>
      <c r="Q4258" s="75">
        <f>IF(Input!$D$19=4,J4258*Input!$C$19,0)+IF(Input!$D$20=4,K4258*Input!$C$20,0)+IF(Input!$D$21=4,L4258*Input!$C$21,0)+IF(Input!$D$22=4,M4258*Input!$C$22,0)</f>
        <v>0</v>
      </c>
      <c r="R4258" s="58">
        <v>58.660571815265442</v>
      </c>
      <c r="S4258" s="124">
        <f t="shared" si="66"/>
        <v>0.88035169545451786</v>
      </c>
    </row>
    <row r="4259" spans="8:19" x14ac:dyDescent="0.3">
      <c r="H4259" s="44">
        <v>4252</v>
      </c>
      <c r="I4259" s="56">
        <f>Bühler!I4285</f>
        <v>0.20315808356642717</v>
      </c>
      <c r="J4259" s="59">
        <f>Bühler!J4285</f>
        <v>0.67719361188809069</v>
      </c>
      <c r="K4259" s="59">
        <f>Bühler!K4285</f>
        <v>1.015790417832136</v>
      </c>
      <c r="L4259" s="59">
        <f>Bühler!L4285</f>
        <v>4.8757940055942521</v>
      </c>
      <c r="M4259" s="58">
        <f>Bühler!M4285</f>
        <v>0</v>
      </c>
      <c r="N4259" s="56">
        <f>IF(Input!$D$19=1,J4259*Input!$C$19,0)+IF(Input!$D$20=1,K4259*Input!$C$20,0)+IF(Input!$D$21=1,L4259*Input!$C$21,0)+IF(Input!$D$22=1,M4259*Input!$C$22,0)</f>
        <v>0.2031580835664272</v>
      </c>
      <c r="O4259" s="59">
        <f>IF(Input!$D$19=2,J4259*Input!$C$19,0)+IF(Input!$D$20=2,K4259*Input!$C$20,0)+IF(Input!$D$21=2,L4259*Input!$C$21,0)+IF(Input!$D$22=2,M4259*Input!$C$22,0)</f>
        <v>0.50789520891606799</v>
      </c>
      <c r="P4259" s="59">
        <f>IF(Input!$D$19=3,J4259*Input!$C$19,0)+IF(Input!$D$20=3,K4259*Input!$C$20,0)+IF(Input!$D$21=3,L4259*Input!$C$21,0)+IF(Input!$D$22=3,M4259*Input!$C$22,0)</f>
        <v>0</v>
      </c>
      <c r="Q4259" s="75">
        <f>IF(Input!$D$19=4,J4259*Input!$C$19,0)+IF(Input!$D$20=4,K4259*Input!$C$20,0)+IF(Input!$D$21=4,L4259*Input!$C$21,0)+IF(Input!$D$22=4,M4259*Input!$C$22,0)</f>
        <v>0</v>
      </c>
      <c r="R4259" s="58">
        <v>58.67741719468733</v>
      </c>
      <c r="S4259" s="124">
        <f t="shared" si="66"/>
        <v>0.88035169545451786</v>
      </c>
    </row>
    <row r="4260" spans="8:19" x14ac:dyDescent="0.3">
      <c r="H4260" s="44">
        <v>4253</v>
      </c>
      <c r="I4260" s="56">
        <f>Bühler!I4286</f>
        <v>0.20315808356642717</v>
      </c>
      <c r="J4260" s="59">
        <f>Bühler!J4286</f>
        <v>0.67719361188809069</v>
      </c>
      <c r="K4260" s="59">
        <f>Bühler!K4286</f>
        <v>1.015790417832136</v>
      </c>
      <c r="L4260" s="59">
        <f>Bühler!L4286</f>
        <v>4.8757940055942521</v>
      </c>
      <c r="M4260" s="58">
        <f>Bühler!M4286</f>
        <v>0</v>
      </c>
      <c r="N4260" s="56">
        <f>IF(Input!$D$19=1,J4260*Input!$C$19,0)+IF(Input!$D$20=1,K4260*Input!$C$20,0)+IF(Input!$D$21=1,L4260*Input!$C$21,0)+IF(Input!$D$22=1,M4260*Input!$C$22,0)</f>
        <v>0.2031580835664272</v>
      </c>
      <c r="O4260" s="59">
        <f>IF(Input!$D$19=2,J4260*Input!$C$19,0)+IF(Input!$D$20=2,K4260*Input!$C$20,0)+IF(Input!$D$21=2,L4260*Input!$C$21,0)+IF(Input!$D$22=2,M4260*Input!$C$22,0)</f>
        <v>0.50789520891606799</v>
      </c>
      <c r="P4260" s="59">
        <f>IF(Input!$D$19=3,J4260*Input!$C$19,0)+IF(Input!$D$20=3,K4260*Input!$C$20,0)+IF(Input!$D$21=3,L4260*Input!$C$21,0)+IF(Input!$D$22=3,M4260*Input!$C$22,0)</f>
        <v>0</v>
      </c>
      <c r="Q4260" s="75">
        <f>IF(Input!$D$19=4,J4260*Input!$C$19,0)+IF(Input!$D$20=4,K4260*Input!$C$20,0)+IF(Input!$D$21=4,L4260*Input!$C$21,0)+IF(Input!$D$22=4,M4260*Input!$C$22,0)</f>
        <v>0</v>
      </c>
      <c r="R4260" s="58">
        <v>59.140324163510186</v>
      </c>
      <c r="S4260" s="124">
        <f t="shared" si="66"/>
        <v>0.88035169545451786</v>
      </c>
    </row>
    <row r="4261" spans="8:19" x14ac:dyDescent="0.3">
      <c r="H4261" s="44">
        <v>4254</v>
      </c>
      <c r="I4261" s="56">
        <f>Bühler!I4287</f>
        <v>0.26184819659672837</v>
      </c>
      <c r="J4261" s="59">
        <f>Bühler!J4287</f>
        <v>0.87282732198909463</v>
      </c>
      <c r="K4261" s="59">
        <f>Bühler!K4287</f>
        <v>1.3092409829836418</v>
      </c>
      <c r="L4261" s="59">
        <f>Bühler!L4287</f>
        <v>6.2843567183214812</v>
      </c>
      <c r="M4261" s="58">
        <f>Bühler!M4287</f>
        <v>0</v>
      </c>
      <c r="N4261" s="56">
        <f>IF(Input!$D$19=1,J4261*Input!$C$19,0)+IF(Input!$D$20=1,K4261*Input!$C$20,0)+IF(Input!$D$21=1,L4261*Input!$C$21,0)+IF(Input!$D$22=1,M4261*Input!$C$22,0)</f>
        <v>0.26184819659672837</v>
      </c>
      <c r="O4261" s="59">
        <f>IF(Input!$D$19=2,J4261*Input!$C$19,0)+IF(Input!$D$20=2,K4261*Input!$C$20,0)+IF(Input!$D$21=2,L4261*Input!$C$21,0)+IF(Input!$D$22=2,M4261*Input!$C$22,0)</f>
        <v>0.65462049149182089</v>
      </c>
      <c r="P4261" s="59">
        <f>IF(Input!$D$19=3,J4261*Input!$C$19,0)+IF(Input!$D$20=3,K4261*Input!$C$20,0)+IF(Input!$D$21=3,L4261*Input!$C$21,0)+IF(Input!$D$22=3,M4261*Input!$C$22,0)</f>
        <v>0</v>
      </c>
      <c r="Q4261" s="75">
        <f>IF(Input!$D$19=4,J4261*Input!$C$19,0)+IF(Input!$D$20=4,K4261*Input!$C$20,0)+IF(Input!$D$21=4,L4261*Input!$C$21,0)+IF(Input!$D$22=4,M4261*Input!$C$22,0)</f>
        <v>0</v>
      </c>
      <c r="R4261" s="58">
        <v>61.736894369546334</v>
      </c>
      <c r="S4261" s="124">
        <f t="shared" si="66"/>
        <v>1.1346755185858231</v>
      </c>
    </row>
    <row r="4262" spans="8:19" x14ac:dyDescent="0.3">
      <c r="H4262" s="44">
        <v>4255</v>
      </c>
      <c r="I4262" s="56">
        <f>Bühler!I4288</f>
        <v>0.30247981331001383</v>
      </c>
      <c r="J4262" s="59">
        <f>Bühler!J4288</f>
        <v>1.0082660443667129</v>
      </c>
      <c r="K4262" s="59">
        <f>Bühler!K4288</f>
        <v>1.5123990665500693</v>
      </c>
      <c r="L4262" s="59">
        <f>Bühler!L4288</f>
        <v>7.259515519440332</v>
      </c>
      <c r="M4262" s="58">
        <f>Bühler!M4288</f>
        <v>0</v>
      </c>
      <c r="N4262" s="56">
        <f>IF(Input!$D$19=1,J4262*Input!$C$19,0)+IF(Input!$D$20=1,K4262*Input!$C$20,0)+IF(Input!$D$21=1,L4262*Input!$C$21,0)+IF(Input!$D$22=1,M4262*Input!$C$22,0)</f>
        <v>0.30247981331001383</v>
      </c>
      <c r="O4262" s="59">
        <f>IF(Input!$D$19=2,J4262*Input!$C$19,0)+IF(Input!$D$20=2,K4262*Input!$C$20,0)+IF(Input!$D$21=2,L4262*Input!$C$21,0)+IF(Input!$D$22=2,M4262*Input!$C$22,0)</f>
        <v>0.75619953327503464</v>
      </c>
      <c r="P4262" s="59">
        <f>IF(Input!$D$19=3,J4262*Input!$C$19,0)+IF(Input!$D$20=3,K4262*Input!$C$20,0)+IF(Input!$D$21=3,L4262*Input!$C$21,0)+IF(Input!$D$22=3,M4262*Input!$C$22,0)</f>
        <v>0</v>
      </c>
      <c r="Q4262" s="75">
        <f>IF(Input!$D$19=4,J4262*Input!$C$19,0)+IF(Input!$D$20=4,K4262*Input!$C$20,0)+IF(Input!$D$21=4,L4262*Input!$C$21,0)+IF(Input!$D$22=4,M4262*Input!$C$22,0)</f>
        <v>0</v>
      </c>
      <c r="R4262" s="58">
        <v>64.153228924630326</v>
      </c>
      <c r="S4262" s="124">
        <f t="shared" si="66"/>
        <v>1.3107458576767268</v>
      </c>
    </row>
    <row r="4263" spans="8:19" x14ac:dyDescent="0.3">
      <c r="H4263" s="44">
        <v>4256</v>
      </c>
      <c r="I4263" s="56">
        <f>Bühler!I4289</f>
        <v>0.30247981331001383</v>
      </c>
      <c r="J4263" s="59">
        <f>Bühler!J4289</f>
        <v>1.0082660443667129</v>
      </c>
      <c r="K4263" s="59">
        <f>Bühler!K4289</f>
        <v>1.5123990665500693</v>
      </c>
      <c r="L4263" s="59">
        <f>Bühler!L4289</f>
        <v>7.259515519440332</v>
      </c>
      <c r="M4263" s="58">
        <f>Bühler!M4289</f>
        <v>0</v>
      </c>
      <c r="N4263" s="56">
        <f>IF(Input!$D$19=1,J4263*Input!$C$19,0)+IF(Input!$D$20=1,K4263*Input!$C$20,0)+IF(Input!$D$21=1,L4263*Input!$C$21,0)+IF(Input!$D$22=1,M4263*Input!$C$22,0)</f>
        <v>0.30247981331001383</v>
      </c>
      <c r="O4263" s="59">
        <f>IF(Input!$D$19=2,J4263*Input!$C$19,0)+IF(Input!$D$20=2,K4263*Input!$C$20,0)+IF(Input!$D$21=2,L4263*Input!$C$21,0)+IF(Input!$D$22=2,M4263*Input!$C$22,0)</f>
        <v>0.75619953327503464</v>
      </c>
      <c r="P4263" s="59">
        <f>IF(Input!$D$19=3,J4263*Input!$C$19,0)+IF(Input!$D$20=3,K4263*Input!$C$20,0)+IF(Input!$D$21=3,L4263*Input!$C$21,0)+IF(Input!$D$22=3,M4263*Input!$C$22,0)</f>
        <v>0</v>
      </c>
      <c r="Q4263" s="75">
        <f>IF(Input!$D$19=4,J4263*Input!$C$19,0)+IF(Input!$D$20=4,K4263*Input!$C$20,0)+IF(Input!$D$21=4,L4263*Input!$C$21,0)+IF(Input!$D$22=4,M4263*Input!$C$22,0)</f>
        <v>0</v>
      </c>
      <c r="R4263" s="58">
        <v>66.604698319877116</v>
      </c>
      <c r="S4263" s="124">
        <f t="shared" si="66"/>
        <v>1.3107458576767268</v>
      </c>
    </row>
    <row r="4264" spans="8:19" x14ac:dyDescent="0.3">
      <c r="H4264" s="44">
        <v>4257</v>
      </c>
      <c r="I4264" s="56">
        <f>Bühler!I4290</f>
        <v>0.30247981331001383</v>
      </c>
      <c r="J4264" s="59">
        <f>Bühler!J4290</f>
        <v>1.0082660443667129</v>
      </c>
      <c r="K4264" s="59">
        <f>Bühler!K4290</f>
        <v>1.5123990665500693</v>
      </c>
      <c r="L4264" s="59">
        <f>Bühler!L4290</f>
        <v>7.259515519440332</v>
      </c>
      <c r="M4264" s="58">
        <f>Bühler!M4290</f>
        <v>0</v>
      </c>
      <c r="N4264" s="56">
        <f>IF(Input!$D$19=1,J4264*Input!$C$19,0)+IF(Input!$D$20=1,K4264*Input!$C$20,0)+IF(Input!$D$21=1,L4264*Input!$C$21,0)+IF(Input!$D$22=1,M4264*Input!$C$22,0)</f>
        <v>0.30247981331001383</v>
      </c>
      <c r="O4264" s="59">
        <f>IF(Input!$D$19=2,J4264*Input!$C$19,0)+IF(Input!$D$20=2,K4264*Input!$C$20,0)+IF(Input!$D$21=2,L4264*Input!$C$21,0)+IF(Input!$D$22=2,M4264*Input!$C$22,0)</f>
        <v>0.75619953327503464</v>
      </c>
      <c r="P4264" s="59">
        <f>IF(Input!$D$19=3,J4264*Input!$C$19,0)+IF(Input!$D$20=3,K4264*Input!$C$20,0)+IF(Input!$D$21=3,L4264*Input!$C$21,0)+IF(Input!$D$22=3,M4264*Input!$C$22,0)</f>
        <v>0</v>
      </c>
      <c r="Q4264" s="75">
        <f>IF(Input!$D$19=4,J4264*Input!$C$19,0)+IF(Input!$D$20=4,K4264*Input!$C$20,0)+IF(Input!$D$21=4,L4264*Input!$C$21,0)+IF(Input!$D$22=4,M4264*Input!$C$22,0)</f>
        <v>0</v>
      </c>
      <c r="R4264" s="58">
        <v>67.911537348149352</v>
      </c>
      <c r="S4264" s="124">
        <f t="shared" si="66"/>
        <v>1.3107458576767268</v>
      </c>
    </row>
    <row r="4265" spans="8:19" x14ac:dyDescent="0.3">
      <c r="H4265" s="44">
        <v>4258</v>
      </c>
      <c r="I4265" s="56">
        <f>Bühler!I4291</f>
        <v>0.32505293370628352</v>
      </c>
      <c r="J4265" s="59">
        <f>Bühler!J4291</f>
        <v>1.0835097790209451</v>
      </c>
      <c r="K4265" s="59">
        <f>Bühler!K4291</f>
        <v>1.6252646685314176</v>
      </c>
      <c r="L4265" s="59">
        <f>Bühler!L4291</f>
        <v>7.8012704089508045</v>
      </c>
      <c r="M4265" s="58">
        <f>Bühler!M4291</f>
        <v>0</v>
      </c>
      <c r="N4265" s="56">
        <f>IF(Input!$D$19=1,J4265*Input!$C$19,0)+IF(Input!$D$20=1,K4265*Input!$C$20,0)+IF(Input!$D$21=1,L4265*Input!$C$21,0)+IF(Input!$D$22=1,M4265*Input!$C$22,0)</f>
        <v>0.32505293370628352</v>
      </c>
      <c r="O4265" s="59">
        <f>IF(Input!$D$19=2,J4265*Input!$C$19,0)+IF(Input!$D$20=2,K4265*Input!$C$20,0)+IF(Input!$D$21=2,L4265*Input!$C$21,0)+IF(Input!$D$22=2,M4265*Input!$C$22,0)</f>
        <v>0.8126323342657088</v>
      </c>
      <c r="P4265" s="59">
        <f>IF(Input!$D$19=3,J4265*Input!$C$19,0)+IF(Input!$D$20=3,K4265*Input!$C$20,0)+IF(Input!$D$21=3,L4265*Input!$C$21,0)+IF(Input!$D$22=3,M4265*Input!$C$22,0)</f>
        <v>0</v>
      </c>
      <c r="Q4265" s="75">
        <f>IF(Input!$D$19=4,J4265*Input!$C$19,0)+IF(Input!$D$20=4,K4265*Input!$C$20,0)+IF(Input!$D$21=4,L4265*Input!$C$21,0)+IF(Input!$D$22=4,M4265*Input!$C$22,0)</f>
        <v>0</v>
      </c>
      <c r="R4265" s="58">
        <v>68.482725996789725</v>
      </c>
      <c r="S4265" s="124">
        <f t="shared" si="66"/>
        <v>1.4085627127272287</v>
      </c>
    </row>
    <row r="4266" spans="8:19" x14ac:dyDescent="0.3">
      <c r="H4266" s="44">
        <v>4259</v>
      </c>
      <c r="I4266" s="56">
        <f>Bühler!I4292</f>
        <v>0.35214067818180711</v>
      </c>
      <c r="J4266" s="59">
        <f>Bühler!J4292</f>
        <v>1.1738022606060239</v>
      </c>
      <c r="K4266" s="59">
        <f>Bühler!K4292</f>
        <v>1.7607033909090355</v>
      </c>
      <c r="L4266" s="59">
        <f>Bühler!L4292</f>
        <v>8.4513762763633711</v>
      </c>
      <c r="M4266" s="58">
        <f>Bühler!M4292</f>
        <v>0</v>
      </c>
      <c r="N4266" s="56">
        <f>IF(Input!$D$19=1,J4266*Input!$C$19,0)+IF(Input!$D$20=1,K4266*Input!$C$20,0)+IF(Input!$D$21=1,L4266*Input!$C$21,0)+IF(Input!$D$22=1,M4266*Input!$C$22,0)</f>
        <v>0.35214067818180717</v>
      </c>
      <c r="O4266" s="59">
        <f>IF(Input!$D$19=2,J4266*Input!$C$19,0)+IF(Input!$D$20=2,K4266*Input!$C$20,0)+IF(Input!$D$21=2,L4266*Input!$C$21,0)+IF(Input!$D$22=2,M4266*Input!$C$22,0)</f>
        <v>0.88035169545451775</v>
      </c>
      <c r="P4266" s="59">
        <f>IF(Input!$D$19=3,J4266*Input!$C$19,0)+IF(Input!$D$20=3,K4266*Input!$C$20,0)+IF(Input!$D$21=3,L4266*Input!$C$21,0)+IF(Input!$D$22=3,M4266*Input!$C$22,0)</f>
        <v>0</v>
      </c>
      <c r="Q4266" s="75">
        <f>IF(Input!$D$19=4,J4266*Input!$C$19,0)+IF(Input!$D$20=4,K4266*Input!$C$20,0)+IF(Input!$D$21=4,L4266*Input!$C$21,0)+IF(Input!$D$22=4,M4266*Input!$C$22,0)</f>
        <v>0</v>
      </c>
      <c r="R4266" s="58">
        <v>69.258944399455899</v>
      </c>
      <c r="S4266" s="124">
        <f t="shared" si="66"/>
        <v>1.5259429387878309</v>
      </c>
    </row>
    <row r="4267" spans="8:19" x14ac:dyDescent="0.3">
      <c r="H4267" s="44">
        <v>4260</v>
      </c>
      <c r="I4267" s="56">
        <f>Bühler!I4293</f>
        <v>0.40631616713285434</v>
      </c>
      <c r="J4267" s="59">
        <f>Bühler!J4293</f>
        <v>1.3543872237761814</v>
      </c>
      <c r="K4267" s="59">
        <f>Bühler!K4293</f>
        <v>2.0315808356642719</v>
      </c>
      <c r="L4267" s="59">
        <f>Bühler!L4293</f>
        <v>9.7515880111885043</v>
      </c>
      <c r="M4267" s="58">
        <f>Bühler!M4293</f>
        <v>0</v>
      </c>
      <c r="N4267" s="56">
        <f>IF(Input!$D$19=1,J4267*Input!$C$19,0)+IF(Input!$D$20=1,K4267*Input!$C$20,0)+IF(Input!$D$21=1,L4267*Input!$C$21,0)+IF(Input!$D$22=1,M4267*Input!$C$22,0)</f>
        <v>0.4063161671328544</v>
      </c>
      <c r="O4267" s="59">
        <f>IF(Input!$D$19=2,J4267*Input!$C$19,0)+IF(Input!$D$20=2,K4267*Input!$C$20,0)+IF(Input!$D$21=2,L4267*Input!$C$21,0)+IF(Input!$D$22=2,M4267*Input!$C$22,0)</f>
        <v>1.015790417832136</v>
      </c>
      <c r="P4267" s="59">
        <f>IF(Input!$D$19=3,J4267*Input!$C$19,0)+IF(Input!$D$20=3,K4267*Input!$C$20,0)+IF(Input!$D$21=3,L4267*Input!$C$21,0)+IF(Input!$D$22=3,M4267*Input!$C$22,0)</f>
        <v>0</v>
      </c>
      <c r="Q4267" s="75">
        <f>IF(Input!$D$19=4,J4267*Input!$C$19,0)+IF(Input!$D$20=4,K4267*Input!$C$20,0)+IF(Input!$D$21=4,L4267*Input!$C$21,0)+IF(Input!$D$22=4,M4267*Input!$C$22,0)</f>
        <v>0</v>
      </c>
      <c r="R4267" s="58">
        <v>69.588631385161335</v>
      </c>
      <c r="S4267" s="124">
        <f t="shared" si="66"/>
        <v>1.7607033909090357</v>
      </c>
    </row>
    <row r="4268" spans="8:19" x14ac:dyDescent="0.3">
      <c r="H4268" s="44">
        <v>4261</v>
      </c>
      <c r="I4268" s="56">
        <f>Bühler!I4294</f>
        <v>0.40631616713285434</v>
      </c>
      <c r="J4268" s="59">
        <f>Bühler!J4294</f>
        <v>1.3543872237761814</v>
      </c>
      <c r="K4268" s="59">
        <f>Bühler!K4294</f>
        <v>2.0315808356642719</v>
      </c>
      <c r="L4268" s="59">
        <f>Bühler!L4294</f>
        <v>9.7515880111885043</v>
      </c>
      <c r="M4268" s="58">
        <f>Bühler!M4294</f>
        <v>0</v>
      </c>
      <c r="N4268" s="56">
        <f>IF(Input!$D$19=1,J4268*Input!$C$19,0)+IF(Input!$D$20=1,K4268*Input!$C$20,0)+IF(Input!$D$21=1,L4268*Input!$C$21,0)+IF(Input!$D$22=1,M4268*Input!$C$22,0)</f>
        <v>0.4063161671328544</v>
      </c>
      <c r="O4268" s="59">
        <f>IF(Input!$D$19=2,J4268*Input!$C$19,0)+IF(Input!$D$20=2,K4268*Input!$C$20,0)+IF(Input!$D$21=2,L4268*Input!$C$21,0)+IF(Input!$D$22=2,M4268*Input!$C$22,0)</f>
        <v>1.015790417832136</v>
      </c>
      <c r="P4268" s="59">
        <f>IF(Input!$D$19=3,J4268*Input!$C$19,0)+IF(Input!$D$20=3,K4268*Input!$C$20,0)+IF(Input!$D$21=3,L4268*Input!$C$21,0)+IF(Input!$D$22=3,M4268*Input!$C$22,0)</f>
        <v>0</v>
      </c>
      <c r="Q4268" s="75">
        <f>IF(Input!$D$19=4,J4268*Input!$C$19,0)+IF(Input!$D$20=4,K4268*Input!$C$20,0)+IF(Input!$D$21=4,L4268*Input!$C$21,0)+IF(Input!$D$22=4,M4268*Input!$C$22,0)</f>
        <v>0</v>
      </c>
      <c r="R4268" s="58">
        <v>68.913653525313393</v>
      </c>
      <c r="S4268" s="124">
        <f t="shared" si="66"/>
        <v>1.7607033909090357</v>
      </c>
    </row>
    <row r="4269" spans="8:19" x14ac:dyDescent="0.3">
      <c r="H4269" s="44">
        <v>4262</v>
      </c>
      <c r="I4269" s="56">
        <f>Bühler!I4295</f>
        <v>0.40631616713285434</v>
      </c>
      <c r="J4269" s="59">
        <f>Bühler!J4295</f>
        <v>1.3543872237761814</v>
      </c>
      <c r="K4269" s="59">
        <f>Bühler!K4295</f>
        <v>2.0315808356642719</v>
      </c>
      <c r="L4269" s="59">
        <f>Bühler!L4295</f>
        <v>9.7515880111885043</v>
      </c>
      <c r="M4269" s="58">
        <f>Bühler!M4295</f>
        <v>0</v>
      </c>
      <c r="N4269" s="56">
        <f>IF(Input!$D$19=1,J4269*Input!$C$19,0)+IF(Input!$D$20=1,K4269*Input!$C$20,0)+IF(Input!$D$21=1,L4269*Input!$C$21,0)+IF(Input!$D$22=1,M4269*Input!$C$22,0)</f>
        <v>0.4063161671328544</v>
      </c>
      <c r="O4269" s="59">
        <f>IF(Input!$D$19=2,J4269*Input!$C$19,0)+IF(Input!$D$20=2,K4269*Input!$C$20,0)+IF(Input!$D$21=2,L4269*Input!$C$21,0)+IF(Input!$D$22=2,M4269*Input!$C$22,0)</f>
        <v>1.015790417832136</v>
      </c>
      <c r="P4269" s="59">
        <f>IF(Input!$D$19=3,J4269*Input!$C$19,0)+IF(Input!$D$20=3,K4269*Input!$C$20,0)+IF(Input!$D$21=3,L4269*Input!$C$21,0)+IF(Input!$D$22=3,M4269*Input!$C$22,0)</f>
        <v>0</v>
      </c>
      <c r="Q4269" s="75">
        <f>IF(Input!$D$19=4,J4269*Input!$C$19,0)+IF(Input!$D$20=4,K4269*Input!$C$20,0)+IF(Input!$D$21=4,L4269*Input!$C$21,0)+IF(Input!$D$22=4,M4269*Input!$C$22,0)</f>
        <v>0</v>
      </c>
      <c r="R4269" s="58">
        <v>69.114254594616071</v>
      </c>
      <c r="S4269" s="124">
        <f t="shared" si="66"/>
        <v>1.7607033909090357</v>
      </c>
    </row>
    <row r="4270" spans="8:19" x14ac:dyDescent="0.3">
      <c r="H4270" s="44">
        <v>4263</v>
      </c>
      <c r="I4270" s="56">
        <f>Bühler!I4296</f>
        <v>0.40631616713285434</v>
      </c>
      <c r="J4270" s="59">
        <f>Bühler!J4296</f>
        <v>1.3543872237761814</v>
      </c>
      <c r="K4270" s="59">
        <f>Bühler!K4296</f>
        <v>2.0315808356642719</v>
      </c>
      <c r="L4270" s="59">
        <f>Bühler!L4296</f>
        <v>9.7515880111885043</v>
      </c>
      <c r="M4270" s="58">
        <f>Bühler!M4296</f>
        <v>0</v>
      </c>
      <c r="N4270" s="56">
        <f>IF(Input!$D$19=1,J4270*Input!$C$19,0)+IF(Input!$D$20=1,K4270*Input!$C$20,0)+IF(Input!$D$21=1,L4270*Input!$C$21,0)+IF(Input!$D$22=1,M4270*Input!$C$22,0)</f>
        <v>0.4063161671328544</v>
      </c>
      <c r="O4270" s="59">
        <f>IF(Input!$D$19=2,J4270*Input!$C$19,0)+IF(Input!$D$20=2,K4270*Input!$C$20,0)+IF(Input!$D$21=2,L4270*Input!$C$21,0)+IF(Input!$D$22=2,M4270*Input!$C$22,0)</f>
        <v>1.015790417832136</v>
      </c>
      <c r="P4270" s="59">
        <f>IF(Input!$D$19=3,J4270*Input!$C$19,0)+IF(Input!$D$20=3,K4270*Input!$C$20,0)+IF(Input!$D$21=3,L4270*Input!$C$21,0)+IF(Input!$D$22=3,M4270*Input!$C$22,0)</f>
        <v>0</v>
      </c>
      <c r="Q4270" s="75">
        <f>IF(Input!$D$19=4,J4270*Input!$C$19,0)+IF(Input!$D$20=4,K4270*Input!$C$20,0)+IF(Input!$D$21=4,L4270*Input!$C$21,0)+IF(Input!$D$22=4,M4270*Input!$C$22,0)</f>
        <v>0</v>
      </c>
      <c r="R4270" s="58">
        <v>69.695955698650906</v>
      </c>
      <c r="S4270" s="124">
        <f t="shared" si="66"/>
        <v>1.7607033909090357</v>
      </c>
    </row>
    <row r="4271" spans="8:19" x14ac:dyDescent="0.3">
      <c r="H4271" s="44">
        <v>4264</v>
      </c>
      <c r="I4271" s="56">
        <f>Bühler!I4297</f>
        <v>0.40631616713285434</v>
      </c>
      <c r="J4271" s="59">
        <f>Bühler!J4297</f>
        <v>1.3543872237761814</v>
      </c>
      <c r="K4271" s="59">
        <f>Bühler!K4297</f>
        <v>2.0315808356642719</v>
      </c>
      <c r="L4271" s="59">
        <f>Bühler!L4297</f>
        <v>9.7515880111885043</v>
      </c>
      <c r="M4271" s="58">
        <f>Bühler!M4297</f>
        <v>0</v>
      </c>
      <c r="N4271" s="56">
        <f>IF(Input!$D$19=1,J4271*Input!$C$19,0)+IF(Input!$D$20=1,K4271*Input!$C$20,0)+IF(Input!$D$21=1,L4271*Input!$C$21,0)+IF(Input!$D$22=1,M4271*Input!$C$22,0)</f>
        <v>0.4063161671328544</v>
      </c>
      <c r="O4271" s="59">
        <f>IF(Input!$D$19=2,J4271*Input!$C$19,0)+IF(Input!$D$20=2,K4271*Input!$C$20,0)+IF(Input!$D$21=2,L4271*Input!$C$21,0)+IF(Input!$D$22=2,M4271*Input!$C$22,0)</f>
        <v>1.015790417832136</v>
      </c>
      <c r="P4271" s="59">
        <f>IF(Input!$D$19=3,J4271*Input!$C$19,0)+IF(Input!$D$20=3,K4271*Input!$C$20,0)+IF(Input!$D$21=3,L4271*Input!$C$21,0)+IF(Input!$D$22=3,M4271*Input!$C$22,0)</f>
        <v>0</v>
      </c>
      <c r="Q4271" s="75">
        <f>IF(Input!$D$19=4,J4271*Input!$C$19,0)+IF(Input!$D$20=4,K4271*Input!$C$20,0)+IF(Input!$D$21=4,L4271*Input!$C$21,0)+IF(Input!$D$22=4,M4271*Input!$C$22,0)</f>
        <v>0</v>
      </c>
      <c r="R4271" s="58">
        <v>70.026507611121417</v>
      </c>
      <c r="S4271" s="124">
        <f t="shared" si="66"/>
        <v>1.7607033909090357</v>
      </c>
    </row>
    <row r="4272" spans="8:19" x14ac:dyDescent="0.3">
      <c r="H4272" s="44">
        <v>4265</v>
      </c>
      <c r="I4272" s="56">
        <f>Bühler!I4298</f>
        <v>0.40631616713285434</v>
      </c>
      <c r="J4272" s="59">
        <f>Bühler!J4298</f>
        <v>1.3543872237761814</v>
      </c>
      <c r="K4272" s="59">
        <f>Bühler!K4298</f>
        <v>2.0315808356642719</v>
      </c>
      <c r="L4272" s="59">
        <f>Bühler!L4298</f>
        <v>9.7515880111885043</v>
      </c>
      <c r="M4272" s="58">
        <f>Bühler!M4298</f>
        <v>0</v>
      </c>
      <c r="N4272" s="56">
        <f>IF(Input!$D$19=1,J4272*Input!$C$19,0)+IF(Input!$D$20=1,K4272*Input!$C$20,0)+IF(Input!$D$21=1,L4272*Input!$C$21,0)+IF(Input!$D$22=1,M4272*Input!$C$22,0)</f>
        <v>0.4063161671328544</v>
      </c>
      <c r="O4272" s="59">
        <f>IF(Input!$D$19=2,J4272*Input!$C$19,0)+IF(Input!$D$20=2,K4272*Input!$C$20,0)+IF(Input!$D$21=2,L4272*Input!$C$21,0)+IF(Input!$D$22=2,M4272*Input!$C$22,0)</f>
        <v>1.015790417832136</v>
      </c>
      <c r="P4272" s="59">
        <f>IF(Input!$D$19=3,J4272*Input!$C$19,0)+IF(Input!$D$20=3,K4272*Input!$C$20,0)+IF(Input!$D$21=3,L4272*Input!$C$21,0)+IF(Input!$D$22=3,M4272*Input!$C$22,0)</f>
        <v>0</v>
      </c>
      <c r="Q4272" s="75">
        <f>IF(Input!$D$19=4,J4272*Input!$C$19,0)+IF(Input!$D$20=4,K4272*Input!$C$20,0)+IF(Input!$D$21=4,L4272*Input!$C$21,0)+IF(Input!$D$22=4,M4272*Input!$C$22,0)</f>
        <v>0</v>
      </c>
      <c r="R4272" s="58">
        <v>69.306559620135545</v>
      </c>
      <c r="S4272" s="124">
        <f t="shared" si="66"/>
        <v>1.7607033909090357</v>
      </c>
    </row>
    <row r="4273" spans="8:19" x14ac:dyDescent="0.3">
      <c r="H4273" s="44">
        <v>4266</v>
      </c>
      <c r="I4273" s="56">
        <f>Bühler!I4299</f>
        <v>0.40631616713285434</v>
      </c>
      <c r="J4273" s="59">
        <f>Bühler!J4299</f>
        <v>1.3543872237761814</v>
      </c>
      <c r="K4273" s="59">
        <f>Bühler!K4299</f>
        <v>2.0315808356642719</v>
      </c>
      <c r="L4273" s="59">
        <f>Bühler!L4299</f>
        <v>9.7515880111885043</v>
      </c>
      <c r="M4273" s="58">
        <f>Bühler!M4299</f>
        <v>0</v>
      </c>
      <c r="N4273" s="56">
        <f>IF(Input!$D$19=1,J4273*Input!$C$19,0)+IF(Input!$D$20=1,K4273*Input!$C$20,0)+IF(Input!$D$21=1,L4273*Input!$C$21,0)+IF(Input!$D$22=1,M4273*Input!$C$22,0)</f>
        <v>0.4063161671328544</v>
      </c>
      <c r="O4273" s="59">
        <f>IF(Input!$D$19=2,J4273*Input!$C$19,0)+IF(Input!$D$20=2,K4273*Input!$C$20,0)+IF(Input!$D$21=2,L4273*Input!$C$21,0)+IF(Input!$D$22=2,M4273*Input!$C$22,0)</f>
        <v>1.015790417832136</v>
      </c>
      <c r="P4273" s="59">
        <f>IF(Input!$D$19=3,J4273*Input!$C$19,0)+IF(Input!$D$20=3,K4273*Input!$C$20,0)+IF(Input!$D$21=3,L4273*Input!$C$21,0)+IF(Input!$D$22=3,M4273*Input!$C$22,0)</f>
        <v>0</v>
      </c>
      <c r="Q4273" s="75">
        <f>IF(Input!$D$19=4,J4273*Input!$C$19,0)+IF(Input!$D$20=4,K4273*Input!$C$20,0)+IF(Input!$D$21=4,L4273*Input!$C$21,0)+IF(Input!$D$22=4,M4273*Input!$C$22,0)</f>
        <v>0</v>
      </c>
      <c r="R4273" s="58">
        <v>68.305104661419165</v>
      </c>
      <c r="S4273" s="124">
        <f t="shared" si="66"/>
        <v>1.7607033909090357</v>
      </c>
    </row>
    <row r="4274" spans="8:19" x14ac:dyDescent="0.3">
      <c r="H4274" s="44">
        <v>4267</v>
      </c>
      <c r="I4274" s="56">
        <f>Bühler!I4300</f>
        <v>0.40631616713285434</v>
      </c>
      <c r="J4274" s="59">
        <f>Bühler!J4300</f>
        <v>1.3543872237761814</v>
      </c>
      <c r="K4274" s="59">
        <f>Bühler!K4300</f>
        <v>2.0315808356642719</v>
      </c>
      <c r="L4274" s="59">
        <f>Bühler!L4300</f>
        <v>9.7515880111885043</v>
      </c>
      <c r="M4274" s="58">
        <f>Bühler!M4300</f>
        <v>0</v>
      </c>
      <c r="N4274" s="56">
        <f>IF(Input!$D$19=1,J4274*Input!$C$19,0)+IF(Input!$D$20=1,K4274*Input!$C$20,0)+IF(Input!$D$21=1,L4274*Input!$C$21,0)+IF(Input!$D$22=1,M4274*Input!$C$22,0)</f>
        <v>0.4063161671328544</v>
      </c>
      <c r="O4274" s="59">
        <f>IF(Input!$D$19=2,J4274*Input!$C$19,0)+IF(Input!$D$20=2,K4274*Input!$C$20,0)+IF(Input!$D$21=2,L4274*Input!$C$21,0)+IF(Input!$D$22=2,M4274*Input!$C$22,0)</f>
        <v>1.015790417832136</v>
      </c>
      <c r="P4274" s="59">
        <f>IF(Input!$D$19=3,J4274*Input!$C$19,0)+IF(Input!$D$20=3,K4274*Input!$C$20,0)+IF(Input!$D$21=3,L4274*Input!$C$21,0)+IF(Input!$D$22=3,M4274*Input!$C$22,0)</f>
        <v>0</v>
      </c>
      <c r="Q4274" s="75">
        <f>IF(Input!$D$19=4,J4274*Input!$C$19,0)+IF(Input!$D$20=4,K4274*Input!$C$20,0)+IF(Input!$D$21=4,L4274*Input!$C$21,0)+IF(Input!$D$22=4,M4274*Input!$C$22,0)</f>
        <v>0</v>
      </c>
      <c r="R4274" s="58">
        <v>67.52555045169666</v>
      </c>
      <c r="S4274" s="124">
        <f t="shared" si="66"/>
        <v>1.7607033909090357</v>
      </c>
    </row>
    <row r="4275" spans="8:19" x14ac:dyDescent="0.3">
      <c r="H4275" s="44">
        <v>4268</v>
      </c>
      <c r="I4275" s="56">
        <f>Bühler!I4301</f>
        <v>0.33859680594404529</v>
      </c>
      <c r="J4275" s="59">
        <f>Bühler!J4301</f>
        <v>1.1286560198134843</v>
      </c>
      <c r="K4275" s="59">
        <f>Bühler!K4301</f>
        <v>1.6929840297202265</v>
      </c>
      <c r="L4275" s="59">
        <f>Bühler!L4301</f>
        <v>8.1263233426570878</v>
      </c>
      <c r="M4275" s="58">
        <f>Bühler!M4301</f>
        <v>0</v>
      </c>
      <c r="N4275" s="56">
        <f>IF(Input!$D$19=1,J4275*Input!$C$19,0)+IF(Input!$D$20=1,K4275*Input!$C$20,0)+IF(Input!$D$21=1,L4275*Input!$C$21,0)+IF(Input!$D$22=1,M4275*Input!$C$22,0)</f>
        <v>0.33859680594404529</v>
      </c>
      <c r="O4275" s="59">
        <f>IF(Input!$D$19=2,J4275*Input!$C$19,0)+IF(Input!$D$20=2,K4275*Input!$C$20,0)+IF(Input!$D$21=2,L4275*Input!$C$21,0)+IF(Input!$D$22=2,M4275*Input!$C$22,0)</f>
        <v>0.84649201486011327</v>
      </c>
      <c r="P4275" s="59">
        <f>IF(Input!$D$19=3,J4275*Input!$C$19,0)+IF(Input!$D$20=3,K4275*Input!$C$20,0)+IF(Input!$D$21=3,L4275*Input!$C$21,0)+IF(Input!$D$22=3,M4275*Input!$C$22,0)</f>
        <v>0</v>
      </c>
      <c r="Q4275" s="75">
        <f>IF(Input!$D$19=4,J4275*Input!$C$19,0)+IF(Input!$D$20=4,K4275*Input!$C$20,0)+IF(Input!$D$21=4,L4275*Input!$C$21,0)+IF(Input!$D$22=4,M4275*Input!$C$22,0)</f>
        <v>0</v>
      </c>
      <c r="R4275" s="58">
        <v>66.462979977234724</v>
      </c>
      <c r="S4275" s="124">
        <f t="shared" si="66"/>
        <v>1.4672528257575297</v>
      </c>
    </row>
    <row r="4276" spans="8:19" x14ac:dyDescent="0.3">
      <c r="H4276" s="44">
        <v>4269</v>
      </c>
      <c r="I4276" s="56">
        <f>Bühler!I4302</f>
        <v>0.27087744475523629</v>
      </c>
      <c r="J4276" s="59">
        <f>Bühler!J4302</f>
        <v>0.90292481585078765</v>
      </c>
      <c r="K4276" s="59">
        <f>Bühler!K4302</f>
        <v>1.3543872237761814</v>
      </c>
      <c r="L4276" s="59">
        <f>Bühler!L4302</f>
        <v>6.5010586741256704</v>
      </c>
      <c r="M4276" s="58">
        <f>Bühler!M4302</f>
        <v>0</v>
      </c>
      <c r="N4276" s="56">
        <f>IF(Input!$D$19=1,J4276*Input!$C$19,0)+IF(Input!$D$20=1,K4276*Input!$C$20,0)+IF(Input!$D$21=1,L4276*Input!$C$21,0)+IF(Input!$D$22=1,M4276*Input!$C$22,0)</f>
        <v>0.27087744475523629</v>
      </c>
      <c r="O4276" s="59">
        <f>IF(Input!$D$19=2,J4276*Input!$C$19,0)+IF(Input!$D$20=2,K4276*Input!$C$20,0)+IF(Input!$D$21=2,L4276*Input!$C$21,0)+IF(Input!$D$22=2,M4276*Input!$C$22,0)</f>
        <v>0.67719361188809069</v>
      </c>
      <c r="P4276" s="59">
        <f>IF(Input!$D$19=3,J4276*Input!$C$19,0)+IF(Input!$D$20=3,K4276*Input!$C$20,0)+IF(Input!$D$21=3,L4276*Input!$C$21,0)+IF(Input!$D$22=3,M4276*Input!$C$22,0)</f>
        <v>0</v>
      </c>
      <c r="Q4276" s="75">
        <f>IF(Input!$D$19=4,J4276*Input!$C$19,0)+IF(Input!$D$20=4,K4276*Input!$C$20,0)+IF(Input!$D$21=4,L4276*Input!$C$21,0)+IF(Input!$D$22=4,M4276*Input!$C$22,0)</f>
        <v>0</v>
      </c>
      <c r="R4276" s="58">
        <v>64.384200656327252</v>
      </c>
      <c r="S4276" s="124">
        <f t="shared" si="66"/>
        <v>1.1738022606060239</v>
      </c>
    </row>
    <row r="4277" spans="8:19" x14ac:dyDescent="0.3">
      <c r="H4277" s="44">
        <v>4270</v>
      </c>
      <c r="I4277" s="56">
        <f>Bühler!I4303</f>
        <v>0.20315808356642717</v>
      </c>
      <c r="J4277" s="59">
        <f>Bühler!J4303</f>
        <v>0.67719361188809069</v>
      </c>
      <c r="K4277" s="59">
        <f>Bühler!K4303</f>
        <v>1.015790417832136</v>
      </c>
      <c r="L4277" s="59">
        <f>Bühler!L4303</f>
        <v>4.8757940055942521</v>
      </c>
      <c r="M4277" s="58">
        <f>Bühler!M4303</f>
        <v>0</v>
      </c>
      <c r="N4277" s="56">
        <f>IF(Input!$D$19=1,J4277*Input!$C$19,0)+IF(Input!$D$20=1,K4277*Input!$C$20,0)+IF(Input!$D$21=1,L4277*Input!$C$21,0)+IF(Input!$D$22=1,M4277*Input!$C$22,0)</f>
        <v>0.2031580835664272</v>
      </c>
      <c r="O4277" s="59">
        <f>IF(Input!$D$19=2,J4277*Input!$C$19,0)+IF(Input!$D$20=2,K4277*Input!$C$20,0)+IF(Input!$D$21=2,L4277*Input!$C$21,0)+IF(Input!$D$22=2,M4277*Input!$C$22,0)</f>
        <v>0.50789520891606799</v>
      </c>
      <c r="P4277" s="59">
        <f>IF(Input!$D$19=3,J4277*Input!$C$19,0)+IF(Input!$D$20=3,K4277*Input!$C$20,0)+IF(Input!$D$21=3,L4277*Input!$C$21,0)+IF(Input!$D$22=3,M4277*Input!$C$22,0)</f>
        <v>0</v>
      </c>
      <c r="Q4277" s="75">
        <f>IF(Input!$D$19=4,J4277*Input!$C$19,0)+IF(Input!$D$20=4,K4277*Input!$C$20,0)+IF(Input!$D$21=4,L4277*Input!$C$21,0)+IF(Input!$D$22=4,M4277*Input!$C$22,0)</f>
        <v>0</v>
      </c>
      <c r="R4277" s="58">
        <v>62.270580269874607</v>
      </c>
      <c r="S4277" s="124">
        <f t="shared" si="66"/>
        <v>0.88035169545451786</v>
      </c>
    </row>
    <row r="4278" spans="8:19" x14ac:dyDescent="0.3">
      <c r="H4278" s="44">
        <v>4271</v>
      </c>
      <c r="I4278" s="56">
        <f>Bühler!I4304</f>
        <v>0.20315808356642717</v>
      </c>
      <c r="J4278" s="59">
        <f>Bühler!J4304</f>
        <v>0.67719361188809069</v>
      </c>
      <c r="K4278" s="59">
        <f>Bühler!K4304</f>
        <v>1.015790417832136</v>
      </c>
      <c r="L4278" s="59">
        <f>Bühler!L4304</f>
        <v>4.8757940055942521</v>
      </c>
      <c r="M4278" s="58">
        <f>Bühler!M4304</f>
        <v>0</v>
      </c>
      <c r="N4278" s="56">
        <f>IF(Input!$D$19=1,J4278*Input!$C$19,0)+IF(Input!$D$20=1,K4278*Input!$C$20,0)+IF(Input!$D$21=1,L4278*Input!$C$21,0)+IF(Input!$D$22=1,M4278*Input!$C$22,0)</f>
        <v>0.2031580835664272</v>
      </c>
      <c r="O4278" s="59">
        <f>IF(Input!$D$19=2,J4278*Input!$C$19,0)+IF(Input!$D$20=2,K4278*Input!$C$20,0)+IF(Input!$D$21=2,L4278*Input!$C$21,0)+IF(Input!$D$22=2,M4278*Input!$C$22,0)</f>
        <v>0.50789520891606799</v>
      </c>
      <c r="P4278" s="59">
        <f>IF(Input!$D$19=3,J4278*Input!$C$19,0)+IF(Input!$D$20=3,K4278*Input!$C$20,0)+IF(Input!$D$21=3,L4278*Input!$C$21,0)+IF(Input!$D$22=3,M4278*Input!$C$22,0)</f>
        <v>0</v>
      </c>
      <c r="Q4278" s="75">
        <f>IF(Input!$D$19=4,J4278*Input!$C$19,0)+IF(Input!$D$20=4,K4278*Input!$C$20,0)+IF(Input!$D$21=4,L4278*Input!$C$21,0)+IF(Input!$D$22=4,M4278*Input!$C$22,0)</f>
        <v>0</v>
      </c>
      <c r="R4278" s="58">
        <v>61.117465861406245</v>
      </c>
      <c r="S4278" s="124">
        <f t="shared" si="66"/>
        <v>0.88035169545451786</v>
      </c>
    </row>
    <row r="4279" spans="8:19" x14ac:dyDescent="0.3">
      <c r="H4279" s="44">
        <v>4272</v>
      </c>
      <c r="I4279" s="56">
        <f>Bühler!I4305</f>
        <v>0.20315808356642717</v>
      </c>
      <c r="J4279" s="59">
        <f>Bühler!J4305</f>
        <v>0.67719361188809069</v>
      </c>
      <c r="K4279" s="59">
        <f>Bühler!K4305</f>
        <v>1.015790417832136</v>
      </c>
      <c r="L4279" s="59">
        <f>Bühler!L4305</f>
        <v>4.8757940055942521</v>
      </c>
      <c r="M4279" s="58">
        <f>Bühler!M4305</f>
        <v>0</v>
      </c>
      <c r="N4279" s="56">
        <f>IF(Input!$D$19=1,J4279*Input!$C$19,0)+IF(Input!$D$20=1,K4279*Input!$C$20,0)+IF(Input!$D$21=1,L4279*Input!$C$21,0)+IF(Input!$D$22=1,M4279*Input!$C$22,0)</f>
        <v>0.2031580835664272</v>
      </c>
      <c r="O4279" s="59">
        <f>IF(Input!$D$19=2,J4279*Input!$C$19,0)+IF(Input!$D$20=2,K4279*Input!$C$20,0)+IF(Input!$D$21=2,L4279*Input!$C$21,0)+IF(Input!$D$22=2,M4279*Input!$C$22,0)</f>
        <v>0.50789520891606799</v>
      </c>
      <c r="P4279" s="59">
        <f>IF(Input!$D$19=3,J4279*Input!$C$19,0)+IF(Input!$D$20=3,K4279*Input!$C$20,0)+IF(Input!$D$21=3,L4279*Input!$C$21,0)+IF(Input!$D$22=3,M4279*Input!$C$22,0)</f>
        <v>0</v>
      </c>
      <c r="Q4279" s="75">
        <f>IF(Input!$D$19=4,J4279*Input!$C$19,0)+IF(Input!$D$20=4,K4279*Input!$C$20,0)+IF(Input!$D$21=4,L4279*Input!$C$21,0)+IF(Input!$D$22=4,M4279*Input!$C$22,0)</f>
        <v>0</v>
      </c>
      <c r="R4279" s="58">
        <v>60.882205957829065</v>
      </c>
      <c r="S4279" s="124">
        <f t="shared" si="66"/>
        <v>0.88035169545451786</v>
      </c>
    </row>
    <row r="4280" spans="8:19" x14ac:dyDescent="0.3">
      <c r="H4280" s="44">
        <v>4273</v>
      </c>
      <c r="I4280" s="56">
        <f>Bühler!I4306</f>
        <v>0.20129512374039077</v>
      </c>
      <c r="J4280" s="59">
        <f>Bühler!J4306</f>
        <v>0.6709837458013026</v>
      </c>
      <c r="K4280" s="59">
        <f>Bühler!K4306</f>
        <v>1.0064756187019539</v>
      </c>
      <c r="L4280" s="59">
        <f>Bühler!L4306</f>
        <v>4.8310829697693789</v>
      </c>
      <c r="M4280" s="58">
        <f>Bühler!M4306</f>
        <v>0</v>
      </c>
      <c r="N4280" s="56">
        <f>IF(Input!$D$19=1,J4280*Input!$C$19,0)+IF(Input!$D$20=1,K4280*Input!$C$20,0)+IF(Input!$D$21=1,L4280*Input!$C$21,0)+IF(Input!$D$22=1,M4280*Input!$C$22,0)</f>
        <v>0.20129512374039077</v>
      </c>
      <c r="O4280" s="59">
        <f>IF(Input!$D$19=2,J4280*Input!$C$19,0)+IF(Input!$D$20=2,K4280*Input!$C$20,0)+IF(Input!$D$21=2,L4280*Input!$C$21,0)+IF(Input!$D$22=2,M4280*Input!$C$22,0)</f>
        <v>0.50323780935097695</v>
      </c>
      <c r="P4280" s="59">
        <f>IF(Input!$D$19=3,J4280*Input!$C$19,0)+IF(Input!$D$20=3,K4280*Input!$C$20,0)+IF(Input!$D$21=3,L4280*Input!$C$21,0)+IF(Input!$D$22=3,M4280*Input!$C$22,0)</f>
        <v>0</v>
      </c>
      <c r="Q4280" s="75">
        <f>IF(Input!$D$19=4,J4280*Input!$C$19,0)+IF(Input!$D$20=4,K4280*Input!$C$20,0)+IF(Input!$D$21=4,L4280*Input!$C$21,0)+IF(Input!$D$22=4,M4280*Input!$C$22,0)</f>
        <v>0</v>
      </c>
      <c r="R4280" s="58">
        <v>60.012930394797678</v>
      </c>
      <c r="S4280" s="124">
        <f t="shared" si="66"/>
        <v>0.87227886954169342</v>
      </c>
    </row>
    <row r="4281" spans="8:19" x14ac:dyDescent="0.3">
      <c r="H4281" s="44">
        <v>4274</v>
      </c>
      <c r="I4281" s="56">
        <f>Bühler!I4307</f>
        <v>0.20129512374039077</v>
      </c>
      <c r="J4281" s="59">
        <f>Bühler!J4307</f>
        <v>0.6709837458013026</v>
      </c>
      <c r="K4281" s="59">
        <f>Bühler!K4307</f>
        <v>1.0064756187019539</v>
      </c>
      <c r="L4281" s="59">
        <f>Bühler!L4307</f>
        <v>4.8310829697693789</v>
      </c>
      <c r="M4281" s="58">
        <f>Bühler!M4307</f>
        <v>0</v>
      </c>
      <c r="N4281" s="56">
        <f>IF(Input!$D$19=1,J4281*Input!$C$19,0)+IF(Input!$D$20=1,K4281*Input!$C$20,0)+IF(Input!$D$21=1,L4281*Input!$C$21,0)+IF(Input!$D$22=1,M4281*Input!$C$22,0)</f>
        <v>0.20129512374039077</v>
      </c>
      <c r="O4281" s="59">
        <f>IF(Input!$D$19=2,J4281*Input!$C$19,0)+IF(Input!$D$20=2,K4281*Input!$C$20,0)+IF(Input!$D$21=2,L4281*Input!$C$21,0)+IF(Input!$D$22=2,M4281*Input!$C$22,0)</f>
        <v>0.50323780935097695</v>
      </c>
      <c r="P4281" s="59">
        <f>IF(Input!$D$19=3,J4281*Input!$C$19,0)+IF(Input!$D$20=3,K4281*Input!$C$20,0)+IF(Input!$D$21=3,L4281*Input!$C$21,0)+IF(Input!$D$22=3,M4281*Input!$C$22,0)</f>
        <v>0</v>
      </c>
      <c r="Q4281" s="75">
        <f>IF(Input!$D$19=4,J4281*Input!$C$19,0)+IF(Input!$D$20=4,K4281*Input!$C$20,0)+IF(Input!$D$21=4,L4281*Input!$C$21,0)+IF(Input!$D$22=4,M4281*Input!$C$22,0)</f>
        <v>0</v>
      </c>
      <c r="R4281" s="58">
        <v>59.533957182813438</v>
      </c>
      <c r="S4281" s="124">
        <f t="shared" si="66"/>
        <v>0.87227886954169342</v>
      </c>
    </row>
    <row r="4282" spans="8:19" x14ac:dyDescent="0.3">
      <c r="H4282" s="44">
        <v>4275</v>
      </c>
      <c r="I4282" s="56">
        <f>Bühler!I4308</f>
        <v>0.20129512374039077</v>
      </c>
      <c r="J4282" s="59">
        <f>Bühler!J4308</f>
        <v>0.6709837458013026</v>
      </c>
      <c r="K4282" s="59">
        <f>Bühler!K4308</f>
        <v>1.0064756187019539</v>
      </c>
      <c r="L4282" s="59">
        <f>Bühler!L4308</f>
        <v>4.8310829697693789</v>
      </c>
      <c r="M4282" s="58">
        <f>Bühler!M4308</f>
        <v>0</v>
      </c>
      <c r="N4282" s="56">
        <f>IF(Input!$D$19=1,J4282*Input!$C$19,0)+IF(Input!$D$20=1,K4282*Input!$C$20,0)+IF(Input!$D$21=1,L4282*Input!$C$21,0)+IF(Input!$D$22=1,M4282*Input!$C$22,0)</f>
        <v>0.20129512374039077</v>
      </c>
      <c r="O4282" s="59">
        <f>IF(Input!$D$19=2,J4282*Input!$C$19,0)+IF(Input!$D$20=2,K4282*Input!$C$20,0)+IF(Input!$D$21=2,L4282*Input!$C$21,0)+IF(Input!$D$22=2,M4282*Input!$C$22,0)</f>
        <v>0.50323780935097695</v>
      </c>
      <c r="P4282" s="59">
        <f>IF(Input!$D$19=3,J4282*Input!$C$19,0)+IF(Input!$D$20=3,K4282*Input!$C$20,0)+IF(Input!$D$21=3,L4282*Input!$C$21,0)+IF(Input!$D$22=3,M4282*Input!$C$22,0)</f>
        <v>0</v>
      </c>
      <c r="Q4282" s="75">
        <f>IF(Input!$D$19=4,J4282*Input!$C$19,0)+IF(Input!$D$20=4,K4282*Input!$C$20,0)+IF(Input!$D$21=4,L4282*Input!$C$21,0)+IF(Input!$D$22=4,M4282*Input!$C$22,0)</f>
        <v>0</v>
      </c>
      <c r="R4282" s="58">
        <v>59.407847985090797</v>
      </c>
      <c r="S4282" s="124">
        <f t="shared" si="66"/>
        <v>0.87227886954169342</v>
      </c>
    </row>
    <row r="4283" spans="8:19" x14ac:dyDescent="0.3">
      <c r="H4283" s="44">
        <v>4276</v>
      </c>
      <c r="I4283" s="56">
        <f>Bühler!I4309</f>
        <v>0.20129512374039077</v>
      </c>
      <c r="J4283" s="59">
        <f>Bühler!J4309</f>
        <v>0.6709837458013026</v>
      </c>
      <c r="K4283" s="59">
        <f>Bühler!K4309</f>
        <v>1.0064756187019539</v>
      </c>
      <c r="L4283" s="59">
        <f>Bühler!L4309</f>
        <v>4.8310829697693789</v>
      </c>
      <c r="M4283" s="58">
        <f>Bühler!M4309</f>
        <v>0</v>
      </c>
      <c r="N4283" s="56">
        <f>IF(Input!$D$19=1,J4283*Input!$C$19,0)+IF(Input!$D$20=1,K4283*Input!$C$20,0)+IF(Input!$D$21=1,L4283*Input!$C$21,0)+IF(Input!$D$22=1,M4283*Input!$C$22,0)</f>
        <v>0.20129512374039077</v>
      </c>
      <c r="O4283" s="59">
        <f>IF(Input!$D$19=2,J4283*Input!$C$19,0)+IF(Input!$D$20=2,K4283*Input!$C$20,0)+IF(Input!$D$21=2,L4283*Input!$C$21,0)+IF(Input!$D$22=2,M4283*Input!$C$22,0)</f>
        <v>0.50323780935097695</v>
      </c>
      <c r="P4283" s="59">
        <f>IF(Input!$D$19=3,J4283*Input!$C$19,0)+IF(Input!$D$20=3,K4283*Input!$C$20,0)+IF(Input!$D$21=3,L4283*Input!$C$21,0)+IF(Input!$D$22=3,M4283*Input!$C$22,0)</f>
        <v>0</v>
      </c>
      <c r="Q4283" s="75">
        <f>IF(Input!$D$19=4,J4283*Input!$C$19,0)+IF(Input!$D$20=4,K4283*Input!$C$20,0)+IF(Input!$D$21=4,L4283*Input!$C$21,0)+IF(Input!$D$22=4,M4283*Input!$C$22,0)</f>
        <v>0</v>
      </c>
      <c r="R4283" s="58">
        <v>59.720033943229225</v>
      </c>
      <c r="S4283" s="124">
        <f t="shared" si="66"/>
        <v>0.87227886954169342</v>
      </c>
    </row>
    <row r="4284" spans="8:19" x14ac:dyDescent="0.3">
      <c r="H4284" s="44">
        <v>4277</v>
      </c>
      <c r="I4284" s="56">
        <f>Bühler!I4310</f>
        <v>0.20129512374039077</v>
      </c>
      <c r="J4284" s="59">
        <f>Bühler!J4310</f>
        <v>0.6709837458013026</v>
      </c>
      <c r="K4284" s="59">
        <f>Bühler!K4310</f>
        <v>1.0064756187019539</v>
      </c>
      <c r="L4284" s="59">
        <f>Bühler!L4310</f>
        <v>4.8310829697693789</v>
      </c>
      <c r="M4284" s="58">
        <f>Bühler!M4310</f>
        <v>0</v>
      </c>
      <c r="N4284" s="56">
        <f>IF(Input!$D$19=1,J4284*Input!$C$19,0)+IF(Input!$D$20=1,K4284*Input!$C$20,0)+IF(Input!$D$21=1,L4284*Input!$C$21,0)+IF(Input!$D$22=1,M4284*Input!$C$22,0)</f>
        <v>0.20129512374039077</v>
      </c>
      <c r="O4284" s="59">
        <f>IF(Input!$D$19=2,J4284*Input!$C$19,0)+IF(Input!$D$20=2,K4284*Input!$C$20,0)+IF(Input!$D$21=2,L4284*Input!$C$21,0)+IF(Input!$D$22=2,M4284*Input!$C$22,0)</f>
        <v>0.50323780935097695</v>
      </c>
      <c r="P4284" s="59">
        <f>IF(Input!$D$19=3,J4284*Input!$C$19,0)+IF(Input!$D$20=3,K4284*Input!$C$20,0)+IF(Input!$D$21=3,L4284*Input!$C$21,0)+IF(Input!$D$22=3,M4284*Input!$C$22,0)</f>
        <v>0</v>
      </c>
      <c r="Q4284" s="75">
        <f>IF(Input!$D$19=4,J4284*Input!$C$19,0)+IF(Input!$D$20=4,K4284*Input!$C$20,0)+IF(Input!$D$21=4,L4284*Input!$C$21,0)+IF(Input!$D$22=4,M4284*Input!$C$22,0)</f>
        <v>0</v>
      </c>
      <c r="R4284" s="58">
        <v>60.860563233802047</v>
      </c>
      <c r="S4284" s="124">
        <f t="shared" si="66"/>
        <v>0.87227886954169342</v>
      </c>
    </row>
    <row r="4285" spans="8:19" x14ac:dyDescent="0.3">
      <c r="H4285" s="44">
        <v>4278</v>
      </c>
      <c r="I4285" s="56">
        <f>Bühler!I4311</f>
        <v>0.25944704837650368</v>
      </c>
      <c r="J4285" s="59">
        <f>Bühler!J4311</f>
        <v>0.86482349458834562</v>
      </c>
      <c r="K4285" s="59">
        <f>Bühler!K4311</f>
        <v>1.2972352418825184</v>
      </c>
      <c r="L4285" s="59">
        <f>Bühler!L4311</f>
        <v>6.2267291610360882</v>
      </c>
      <c r="M4285" s="58">
        <f>Bühler!M4311</f>
        <v>0</v>
      </c>
      <c r="N4285" s="56">
        <f>IF(Input!$D$19=1,J4285*Input!$C$19,0)+IF(Input!$D$20=1,K4285*Input!$C$20,0)+IF(Input!$D$21=1,L4285*Input!$C$21,0)+IF(Input!$D$22=1,M4285*Input!$C$22,0)</f>
        <v>0.25944704837650368</v>
      </c>
      <c r="O4285" s="59">
        <f>IF(Input!$D$19=2,J4285*Input!$C$19,0)+IF(Input!$D$20=2,K4285*Input!$C$20,0)+IF(Input!$D$21=2,L4285*Input!$C$21,0)+IF(Input!$D$22=2,M4285*Input!$C$22,0)</f>
        <v>0.64861762094125919</v>
      </c>
      <c r="P4285" s="59">
        <f>IF(Input!$D$19=3,J4285*Input!$C$19,0)+IF(Input!$D$20=3,K4285*Input!$C$20,0)+IF(Input!$D$21=3,L4285*Input!$C$21,0)+IF(Input!$D$22=3,M4285*Input!$C$22,0)</f>
        <v>0</v>
      </c>
      <c r="Q4285" s="75">
        <f>IF(Input!$D$19=4,J4285*Input!$C$19,0)+IF(Input!$D$20=4,K4285*Input!$C$20,0)+IF(Input!$D$21=4,L4285*Input!$C$21,0)+IF(Input!$D$22=4,M4285*Input!$C$22,0)</f>
        <v>0</v>
      </c>
      <c r="R4285" s="58">
        <v>64.393640043933672</v>
      </c>
      <c r="S4285" s="124">
        <f t="shared" si="66"/>
        <v>1.1242705429648492</v>
      </c>
    </row>
    <row r="4286" spans="8:19" x14ac:dyDescent="0.3">
      <c r="H4286" s="44">
        <v>4279</v>
      </c>
      <c r="I4286" s="56">
        <f>Bühler!I4312</f>
        <v>0.29970607312458186</v>
      </c>
      <c r="J4286" s="59">
        <f>Bühler!J4312</f>
        <v>0.99902024374860621</v>
      </c>
      <c r="K4286" s="59">
        <f>Bühler!K4312</f>
        <v>1.4985303656229092</v>
      </c>
      <c r="L4286" s="59">
        <f>Bühler!L4312</f>
        <v>7.1929457549899638</v>
      </c>
      <c r="M4286" s="58">
        <f>Bühler!M4312</f>
        <v>0</v>
      </c>
      <c r="N4286" s="56">
        <f>IF(Input!$D$19=1,J4286*Input!$C$19,0)+IF(Input!$D$20=1,K4286*Input!$C$20,0)+IF(Input!$D$21=1,L4286*Input!$C$21,0)+IF(Input!$D$22=1,M4286*Input!$C$22,0)</f>
        <v>0.29970607312458186</v>
      </c>
      <c r="O4286" s="59">
        <f>IF(Input!$D$19=2,J4286*Input!$C$19,0)+IF(Input!$D$20=2,K4286*Input!$C$20,0)+IF(Input!$D$21=2,L4286*Input!$C$21,0)+IF(Input!$D$22=2,M4286*Input!$C$22,0)</f>
        <v>0.7492651828114546</v>
      </c>
      <c r="P4286" s="59">
        <f>IF(Input!$D$19=3,J4286*Input!$C$19,0)+IF(Input!$D$20=3,K4286*Input!$C$20,0)+IF(Input!$D$21=3,L4286*Input!$C$21,0)+IF(Input!$D$22=3,M4286*Input!$C$22,0)</f>
        <v>0</v>
      </c>
      <c r="Q4286" s="75">
        <f>IF(Input!$D$19=4,J4286*Input!$C$19,0)+IF(Input!$D$20=4,K4286*Input!$C$20,0)+IF(Input!$D$21=4,L4286*Input!$C$21,0)+IF(Input!$D$22=4,M4286*Input!$C$22,0)</f>
        <v>0</v>
      </c>
      <c r="R4286" s="58">
        <v>66.795687871379485</v>
      </c>
      <c r="S4286" s="124">
        <f t="shared" si="66"/>
        <v>1.298726316873188</v>
      </c>
    </row>
    <row r="4287" spans="8:19" x14ac:dyDescent="0.3">
      <c r="H4287" s="44">
        <v>4280</v>
      </c>
      <c r="I4287" s="56">
        <f>Bühler!I4313</f>
        <v>0.29970607312458186</v>
      </c>
      <c r="J4287" s="59">
        <f>Bühler!J4313</f>
        <v>0.99902024374860621</v>
      </c>
      <c r="K4287" s="59">
        <f>Bühler!K4313</f>
        <v>1.4985303656229092</v>
      </c>
      <c r="L4287" s="59">
        <f>Bühler!L4313</f>
        <v>7.1929457549899638</v>
      </c>
      <c r="M4287" s="58">
        <f>Bühler!M4313</f>
        <v>0</v>
      </c>
      <c r="N4287" s="56">
        <f>IF(Input!$D$19=1,J4287*Input!$C$19,0)+IF(Input!$D$20=1,K4287*Input!$C$20,0)+IF(Input!$D$21=1,L4287*Input!$C$21,0)+IF(Input!$D$22=1,M4287*Input!$C$22,0)</f>
        <v>0.29970607312458186</v>
      </c>
      <c r="O4287" s="59">
        <f>IF(Input!$D$19=2,J4287*Input!$C$19,0)+IF(Input!$D$20=2,K4287*Input!$C$20,0)+IF(Input!$D$21=2,L4287*Input!$C$21,0)+IF(Input!$D$22=2,M4287*Input!$C$22,0)</f>
        <v>0.7492651828114546</v>
      </c>
      <c r="P4287" s="59">
        <f>IF(Input!$D$19=3,J4287*Input!$C$19,0)+IF(Input!$D$20=3,K4287*Input!$C$20,0)+IF(Input!$D$21=3,L4287*Input!$C$21,0)+IF(Input!$D$22=3,M4287*Input!$C$22,0)</f>
        <v>0</v>
      </c>
      <c r="Q4287" s="75">
        <f>IF(Input!$D$19=4,J4287*Input!$C$19,0)+IF(Input!$D$20=4,K4287*Input!$C$20,0)+IF(Input!$D$21=4,L4287*Input!$C$21,0)+IF(Input!$D$22=4,M4287*Input!$C$22,0)</f>
        <v>0</v>
      </c>
      <c r="R4287" s="58">
        <v>69.048495211791263</v>
      </c>
      <c r="S4287" s="124">
        <f t="shared" si="66"/>
        <v>1.298726316873188</v>
      </c>
    </row>
    <row r="4288" spans="8:19" x14ac:dyDescent="0.3">
      <c r="H4288" s="44">
        <v>4281</v>
      </c>
      <c r="I4288" s="56">
        <f>Bühler!I4314</f>
        <v>0.29970607312458186</v>
      </c>
      <c r="J4288" s="59">
        <f>Bühler!J4314</f>
        <v>0.99902024374860621</v>
      </c>
      <c r="K4288" s="59">
        <f>Bühler!K4314</f>
        <v>1.4985303656229092</v>
      </c>
      <c r="L4288" s="59">
        <f>Bühler!L4314</f>
        <v>7.1929457549899638</v>
      </c>
      <c r="M4288" s="58">
        <f>Bühler!M4314</f>
        <v>0</v>
      </c>
      <c r="N4288" s="56">
        <f>IF(Input!$D$19=1,J4288*Input!$C$19,0)+IF(Input!$D$20=1,K4288*Input!$C$20,0)+IF(Input!$D$21=1,L4288*Input!$C$21,0)+IF(Input!$D$22=1,M4288*Input!$C$22,0)</f>
        <v>0.29970607312458186</v>
      </c>
      <c r="O4288" s="59">
        <f>IF(Input!$D$19=2,J4288*Input!$C$19,0)+IF(Input!$D$20=2,K4288*Input!$C$20,0)+IF(Input!$D$21=2,L4288*Input!$C$21,0)+IF(Input!$D$22=2,M4288*Input!$C$22,0)</f>
        <v>0.7492651828114546</v>
      </c>
      <c r="P4288" s="59">
        <f>IF(Input!$D$19=3,J4288*Input!$C$19,0)+IF(Input!$D$20=3,K4288*Input!$C$20,0)+IF(Input!$D$21=3,L4288*Input!$C$21,0)+IF(Input!$D$22=3,M4288*Input!$C$22,0)</f>
        <v>0</v>
      </c>
      <c r="Q4288" s="75">
        <f>IF(Input!$D$19=4,J4288*Input!$C$19,0)+IF(Input!$D$20=4,K4288*Input!$C$20,0)+IF(Input!$D$21=4,L4288*Input!$C$21,0)+IF(Input!$D$22=4,M4288*Input!$C$22,0)</f>
        <v>0</v>
      </c>
      <c r="R4288" s="58">
        <v>70.736360115239719</v>
      </c>
      <c r="S4288" s="124">
        <f t="shared" si="66"/>
        <v>1.298726316873188</v>
      </c>
    </row>
    <row r="4289" spans="8:19" x14ac:dyDescent="0.3">
      <c r="H4289" s="44">
        <v>4282</v>
      </c>
      <c r="I4289" s="56">
        <f>Bühler!I4315</f>
        <v>0.32207219798462527</v>
      </c>
      <c r="J4289" s="59">
        <f>Bühler!J4315</f>
        <v>1.0735739932820845</v>
      </c>
      <c r="K4289" s="59">
        <f>Bühler!K4315</f>
        <v>1.6103609899231264</v>
      </c>
      <c r="L4289" s="59">
        <f>Bühler!L4315</f>
        <v>7.7297327516310066</v>
      </c>
      <c r="M4289" s="58">
        <f>Bühler!M4315</f>
        <v>0</v>
      </c>
      <c r="N4289" s="56">
        <f>IF(Input!$D$19=1,J4289*Input!$C$19,0)+IF(Input!$D$20=1,K4289*Input!$C$20,0)+IF(Input!$D$21=1,L4289*Input!$C$21,0)+IF(Input!$D$22=1,M4289*Input!$C$22,0)</f>
        <v>0.32207219798462533</v>
      </c>
      <c r="O4289" s="59">
        <f>IF(Input!$D$19=2,J4289*Input!$C$19,0)+IF(Input!$D$20=2,K4289*Input!$C$20,0)+IF(Input!$D$21=2,L4289*Input!$C$21,0)+IF(Input!$D$22=2,M4289*Input!$C$22,0)</f>
        <v>0.80518049496156319</v>
      </c>
      <c r="P4289" s="59">
        <f>IF(Input!$D$19=3,J4289*Input!$C$19,0)+IF(Input!$D$20=3,K4289*Input!$C$20,0)+IF(Input!$D$21=3,L4289*Input!$C$21,0)+IF(Input!$D$22=3,M4289*Input!$C$22,0)</f>
        <v>0</v>
      </c>
      <c r="Q4289" s="75">
        <f>IF(Input!$D$19=4,J4289*Input!$C$19,0)+IF(Input!$D$20=4,K4289*Input!$C$20,0)+IF(Input!$D$21=4,L4289*Input!$C$21,0)+IF(Input!$D$22=4,M4289*Input!$C$22,0)</f>
        <v>0</v>
      </c>
      <c r="R4289" s="58">
        <v>72.613617187869295</v>
      </c>
      <c r="S4289" s="124">
        <f t="shared" si="66"/>
        <v>1.3956461912667097</v>
      </c>
    </row>
    <row r="4290" spans="8:19" x14ac:dyDescent="0.3">
      <c r="H4290" s="44">
        <v>4283</v>
      </c>
      <c r="I4290" s="56">
        <f>Bühler!I4316</f>
        <v>0.34891154781667738</v>
      </c>
      <c r="J4290" s="59">
        <f>Bühler!J4316</f>
        <v>1.1630384927222579</v>
      </c>
      <c r="K4290" s="59">
        <f>Bühler!K4316</f>
        <v>1.7445577390833868</v>
      </c>
      <c r="L4290" s="59">
        <f>Bühler!L4316</f>
        <v>8.3738771476002558</v>
      </c>
      <c r="M4290" s="58">
        <f>Bühler!M4316</f>
        <v>0</v>
      </c>
      <c r="N4290" s="56">
        <f>IF(Input!$D$19=1,J4290*Input!$C$19,0)+IF(Input!$D$20=1,K4290*Input!$C$20,0)+IF(Input!$D$21=1,L4290*Input!$C$21,0)+IF(Input!$D$22=1,M4290*Input!$C$22,0)</f>
        <v>0.34891154781667738</v>
      </c>
      <c r="O4290" s="59">
        <f>IF(Input!$D$19=2,J4290*Input!$C$19,0)+IF(Input!$D$20=2,K4290*Input!$C$20,0)+IF(Input!$D$21=2,L4290*Input!$C$21,0)+IF(Input!$D$22=2,M4290*Input!$C$22,0)</f>
        <v>0.87227886954169342</v>
      </c>
      <c r="P4290" s="59">
        <f>IF(Input!$D$19=3,J4290*Input!$C$19,0)+IF(Input!$D$20=3,K4290*Input!$C$20,0)+IF(Input!$D$21=3,L4290*Input!$C$21,0)+IF(Input!$D$22=3,M4290*Input!$C$22,0)</f>
        <v>0</v>
      </c>
      <c r="Q4290" s="75">
        <f>IF(Input!$D$19=4,J4290*Input!$C$19,0)+IF(Input!$D$20=4,K4290*Input!$C$20,0)+IF(Input!$D$21=4,L4290*Input!$C$21,0)+IF(Input!$D$22=4,M4290*Input!$C$22,0)</f>
        <v>0</v>
      </c>
      <c r="R4290" s="58">
        <v>73.373440150339633</v>
      </c>
      <c r="S4290" s="124">
        <f t="shared" si="66"/>
        <v>1.5119500405389352</v>
      </c>
    </row>
    <row r="4291" spans="8:19" x14ac:dyDescent="0.3">
      <c r="H4291" s="44">
        <v>4284</v>
      </c>
      <c r="I4291" s="56">
        <f>Bühler!I4317</f>
        <v>0.40259024748078154</v>
      </c>
      <c r="J4291" s="59">
        <f>Bühler!J4317</f>
        <v>1.3419674916026052</v>
      </c>
      <c r="K4291" s="59">
        <f>Bühler!K4317</f>
        <v>2.0129512374039078</v>
      </c>
      <c r="L4291" s="59">
        <f>Bühler!L4317</f>
        <v>9.6621659395387578</v>
      </c>
      <c r="M4291" s="58">
        <f>Bühler!M4317</f>
        <v>0</v>
      </c>
      <c r="N4291" s="56">
        <f>IF(Input!$D$19=1,J4291*Input!$C$19,0)+IF(Input!$D$20=1,K4291*Input!$C$20,0)+IF(Input!$D$21=1,L4291*Input!$C$21,0)+IF(Input!$D$22=1,M4291*Input!$C$22,0)</f>
        <v>0.40259024748078154</v>
      </c>
      <c r="O4291" s="59">
        <f>IF(Input!$D$19=2,J4291*Input!$C$19,0)+IF(Input!$D$20=2,K4291*Input!$C$20,0)+IF(Input!$D$21=2,L4291*Input!$C$21,0)+IF(Input!$D$22=2,M4291*Input!$C$22,0)</f>
        <v>1.0064756187019539</v>
      </c>
      <c r="P4291" s="59">
        <f>IF(Input!$D$19=3,J4291*Input!$C$19,0)+IF(Input!$D$20=3,K4291*Input!$C$20,0)+IF(Input!$D$21=3,L4291*Input!$C$21,0)+IF(Input!$D$22=3,M4291*Input!$C$22,0)</f>
        <v>0</v>
      </c>
      <c r="Q4291" s="75">
        <f>IF(Input!$D$19=4,J4291*Input!$C$19,0)+IF(Input!$D$20=4,K4291*Input!$C$20,0)+IF(Input!$D$21=4,L4291*Input!$C$21,0)+IF(Input!$D$22=4,M4291*Input!$C$22,0)</f>
        <v>0</v>
      </c>
      <c r="R4291" s="58">
        <v>74.712549726059848</v>
      </c>
      <c r="S4291" s="124">
        <f t="shared" si="66"/>
        <v>1.7445577390833868</v>
      </c>
    </row>
    <row r="4292" spans="8:19" x14ac:dyDescent="0.3">
      <c r="H4292" s="44">
        <v>4285</v>
      </c>
      <c r="I4292" s="56">
        <f>Bühler!I4318</f>
        <v>0.40259024748078154</v>
      </c>
      <c r="J4292" s="59">
        <f>Bühler!J4318</f>
        <v>1.3419674916026052</v>
      </c>
      <c r="K4292" s="59">
        <f>Bühler!K4318</f>
        <v>2.0129512374039078</v>
      </c>
      <c r="L4292" s="59">
        <f>Bühler!L4318</f>
        <v>9.6621659395387578</v>
      </c>
      <c r="M4292" s="58">
        <f>Bühler!M4318</f>
        <v>0</v>
      </c>
      <c r="N4292" s="56">
        <f>IF(Input!$D$19=1,J4292*Input!$C$19,0)+IF(Input!$D$20=1,K4292*Input!$C$20,0)+IF(Input!$D$21=1,L4292*Input!$C$21,0)+IF(Input!$D$22=1,M4292*Input!$C$22,0)</f>
        <v>0.40259024748078154</v>
      </c>
      <c r="O4292" s="59">
        <f>IF(Input!$D$19=2,J4292*Input!$C$19,0)+IF(Input!$D$20=2,K4292*Input!$C$20,0)+IF(Input!$D$21=2,L4292*Input!$C$21,0)+IF(Input!$D$22=2,M4292*Input!$C$22,0)</f>
        <v>1.0064756187019539</v>
      </c>
      <c r="P4292" s="59">
        <f>IF(Input!$D$19=3,J4292*Input!$C$19,0)+IF(Input!$D$20=3,K4292*Input!$C$20,0)+IF(Input!$D$21=3,L4292*Input!$C$21,0)+IF(Input!$D$22=3,M4292*Input!$C$22,0)</f>
        <v>0</v>
      </c>
      <c r="Q4292" s="75">
        <f>IF(Input!$D$19=4,J4292*Input!$C$19,0)+IF(Input!$D$20=4,K4292*Input!$C$20,0)+IF(Input!$D$21=4,L4292*Input!$C$21,0)+IF(Input!$D$22=4,M4292*Input!$C$22,0)</f>
        <v>0</v>
      </c>
      <c r="R4292" s="58">
        <v>73.260074981044752</v>
      </c>
      <c r="S4292" s="124">
        <f t="shared" si="66"/>
        <v>1.7445577390833868</v>
      </c>
    </row>
    <row r="4293" spans="8:19" x14ac:dyDescent="0.3">
      <c r="H4293" s="44">
        <v>4286</v>
      </c>
      <c r="I4293" s="56">
        <f>Bühler!I4319</f>
        <v>0.40259024748078154</v>
      </c>
      <c r="J4293" s="59">
        <f>Bühler!J4319</f>
        <v>1.3419674916026052</v>
      </c>
      <c r="K4293" s="59">
        <f>Bühler!K4319</f>
        <v>2.0129512374039078</v>
      </c>
      <c r="L4293" s="59">
        <f>Bühler!L4319</f>
        <v>9.6621659395387578</v>
      </c>
      <c r="M4293" s="58">
        <f>Bühler!M4319</f>
        <v>0</v>
      </c>
      <c r="N4293" s="56">
        <f>IF(Input!$D$19=1,J4293*Input!$C$19,0)+IF(Input!$D$20=1,K4293*Input!$C$20,0)+IF(Input!$D$21=1,L4293*Input!$C$21,0)+IF(Input!$D$22=1,M4293*Input!$C$22,0)</f>
        <v>0.40259024748078154</v>
      </c>
      <c r="O4293" s="59">
        <f>IF(Input!$D$19=2,J4293*Input!$C$19,0)+IF(Input!$D$20=2,K4293*Input!$C$20,0)+IF(Input!$D$21=2,L4293*Input!$C$21,0)+IF(Input!$D$22=2,M4293*Input!$C$22,0)</f>
        <v>1.0064756187019539</v>
      </c>
      <c r="P4293" s="59">
        <f>IF(Input!$D$19=3,J4293*Input!$C$19,0)+IF(Input!$D$20=3,K4293*Input!$C$20,0)+IF(Input!$D$21=3,L4293*Input!$C$21,0)+IF(Input!$D$22=3,M4293*Input!$C$22,0)</f>
        <v>0</v>
      </c>
      <c r="Q4293" s="75">
        <f>IF(Input!$D$19=4,J4293*Input!$C$19,0)+IF(Input!$D$20=4,K4293*Input!$C$20,0)+IF(Input!$D$21=4,L4293*Input!$C$21,0)+IF(Input!$D$22=4,M4293*Input!$C$22,0)</f>
        <v>0</v>
      </c>
      <c r="R4293" s="58">
        <v>73.337877044134942</v>
      </c>
      <c r="S4293" s="124">
        <f t="shared" si="66"/>
        <v>1.7445577390833868</v>
      </c>
    </row>
    <row r="4294" spans="8:19" x14ac:dyDescent="0.3">
      <c r="H4294" s="44">
        <v>4287</v>
      </c>
      <c r="I4294" s="56">
        <f>Bühler!I4320</f>
        <v>0.40259024748078154</v>
      </c>
      <c r="J4294" s="59">
        <f>Bühler!J4320</f>
        <v>1.3419674916026052</v>
      </c>
      <c r="K4294" s="59">
        <f>Bühler!K4320</f>
        <v>2.0129512374039078</v>
      </c>
      <c r="L4294" s="59">
        <f>Bühler!L4320</f>
        <v>9.6621659395387578</v>
      </c>
      <c r="M4294" s="58">
        <f>Bühler!M4320</f>
        <v>0</v>
      </c>
      <c r="N4294" s="56">
        <f>IF(Input!$D$19=1,J4294*Input!$C$19,0)+IF(Input!$D$20=1,K4294*Input!$C$20,0)+IF(Input!$D$21=1,L4294*Input!$C$21,0)+IF(Input!$D$22=1,M4294*Input!$C$22,0)</f>
        <v>0.40259024748078154</v>
      </c>
      <c r="O4294" s="59">
        <f>IF(Input!$D$19=2,J4294*Input!$C$19,0)+IF(Input!$D$20=2,K4294*Input!$C$20,0)+IF(Input!$D$21=2,L4294*Input!$C$21,0)+IF(Input!$D$22=2,M4294*Input!$C$22,0)</f>
        <v>1.0064756187019539</v>
      </c>
      <c r="P4294" s="59">
        <f>IF(Input!$D$19=3,J4294*Input!$C$19,0)+IF(Input!$D$20=3,K4294*Input!$C$20,0)+IF(Input!$D$21=3,L4294*Input!$C$21,0)+IF(Input!$D$22=3,M4294*Input!$C$22,0)</f>
        <v>0</v>
      </c>
      <c r="Q4294" s="75">
        <f>IF(Input!$D$19=4,J4294*Input!$C$19,0)+IF(Input!$D$20=4,K4294*Input!$C$20,0)+IF(Input!$D$21=4,L4294*Input!$C$21,0)+IF(Input!$D$22=4,M4294*Input!$C$22,0)</f>
        <v>0</v>
      </c>
      <c r="R4294" s="58">
        <v>73.698124259044576</v>
      </c>
      <c r="S4294" s="124">
        <f t="shared" si="66"/>
        <v>1.7445577390833868</v>
      </c>
    </row>
    <row r="4295" spans="8:19" x14ac:dyDescent="0.3">
      <c r="H4295" s="44">
        <v>4288</v>
      </c>
      <c r="I4295" s="56">
        <f>Bühler!I4321</f>
        <v>0.40259024748078154</v>
      </c>
      <c r="J4295" s="59">
        <f>Bühler!J4321</f>
        <v>1.3419674916026052</v>
      </c>
      <c r="K4295" s="59">
        <f>Bühler!K4321</f>
        <v>2.0129512374039078</v>
      </c>
      <c r="L4295" s="59">
        <f>Bühler!L4321</f>
        <v>9.6621659395387578</v>
      </c>
      <c r="M4295" s="58">
        <f>Bühler!M4321</f>
        <v>0</v>
      </c>
      <c r="N4295" s="56">
        <f>IF(Input!$D$19=1,J4295*Input!$C$19,0)+IF(Input!$D$20=1,K4295*Input!$C$20,0)+IF(Input!$D$21=1,L4295*Input!$C$21,0)+IF(Input!$D$22=1,M4295*Input!$C$22,0)</f>
        <v>0.40259024748078154</v>
      </c>
      <c r="O4295" s="59">
        <f>IF(Input!$D$19=2,J4295*Input!$C$19,0)+IF(Input!$D$20=2,K4295*Input!$C$20,0)+IF(Input!$D$21=2,L4295*Input!$C$21,0)+IF(Input!$D$22=2,M4295*Input!$C$22,0)</f>
        <v>1.0064756187019539</v>
      </c>
      <c r="P4295" s="59">
        <f>IF(Input!$D$19=3,J4295*Input!$C$19,0)+IF(Input!$D$20=3,K4295*Input!$C$20,0)+IF(Input!$D$21=3,L4295*Input!$C$21,0)+IF(Input!$D$22=3,M4295*Input!$C$22,0)</f>
        <v>0</v>
      </c>
      <c r="Q4295" s="75">
        <f>IF(Input!$D$19=4,J4295*Input!$C$19,0)+IF(Input!$D$20=4,K4295*Input!$C$20,0)+IF(Input!$D$21=4,L4295*Input!$C$21,0)+IF(Input!$D$22=4,M4295*Input!$C$22,0)</f>
        <v>0</v>
      </c>
      <c r="R4295" s="58">
        <v>73.133956152975088</v>
      </c>
      <c r="S4295" s="124">
        <f t="shared" si="66"/>
        <v>1.7445577390833868</v>
      </c>
    </row>
    <row r="4296" spans="8:19" x14ac:dyDescent="0.3">
      <c r="H4296" s="44">
        <v>4289</v>
      </c>
      <c r="I4296" s="56">
        <f>Bühler!I4322</f>
        <v>0.40259024748078154</v>
      </c>
      <c r="J4296" s="59">
        <f>Bühler!J4322</f>
        <v>1.3419674916026052</v>
      </c>
      <c r="K4296" s="59">
        <f>Bühler!K4322</f>
        <v>2.0129512374039078</v>
      </c>
      <c r="L4296" s="59">
        <f>Bühler!L4322</f>
        <v>9.6621659395387578</v>
      </c>
      <c r="M4296" s="58">
        <f>Bühler!M4322</f>
        <v>0</v>
      </c>
      <c r="N4296" s="56">
        <f>IF(Input!$D$19=1,J4296*Input!$C$19,0)+IF(Input!$D$20=1,K4296*Input!$C$20,0)+IF(Input!$D$21=1,L4296*Input!$C$21,0)+IF(Input!$D$22=1,M4296*Input!$C$22,0)</f>
        <v>0.40259024748078154</v>
      </c>
      <c r="O4296" s="59">
        <f>IF(Input!$D$19=2,J4296*Input!$C$19,0)+IF(Input!$D$20=2,K4296*Input!$C$20,0)+IF(Input!$D$21=2,L4296*Input!$C$21,0)+IF(Input!$D$22=2,M4296*Input!$C$22,0)</f>
        <v>1.0064756187019539</v>
      </c>
      <c r="P4296" s="59">
        <f>IF(Input!$D$19=3,J4296*Input!$C$19,0)+IF(Input!$D$20=3,K4296*Input!$C$20,0)+IF(Input!$D$21=3,L4296*Input!$C$21,0)+IF(Input!$D$22=3,M4296*Input!$C$22,0)</f>
        <v>0</v>
      </c>
      <c r="Q4296" s="75">
        <f>IF(Input!$D$19=4,J4296*Input!$C$19,0)+IF(Input!$D$20=4,K4296*Input!$C$20,0)+IF(Input!$D$21=4,L4296*Input!$C$21,0)+IF(Input!$D$22=4,M4296*Input!$C$22,0)</f>
        <v>0</v>
      </c>
      <c r="R4296" s="58">
        <v>71.4684382245498</v>
      </c>
      <c r="S4296" s="124">
        <f t="shared" si="66"/>
        <v>1.7445577390833868</v>
      </c>
    </row>
    <row r="4297" spans="8:19" x14ac:dyDescent="0.3">
      <c r="H4297" s="44">
        <v>4290</v>
      </c>
      <c r="I4297" s="56">
        <f>Bühler!I4323</f>
        <v>0.40259024748078154</v>
      </c>
      <c r="J4297" s="59">
        <f>Bühler!J4323</f>
        <v>1.3419674916026052</v>
      </c>
      <c r="K4297" s="59">
        <f>Bühler!K4323</f>
        <v>2.0129512374039078</v>
      </c>
      <c r="L4297" s="59">
        <f>Bühler!L4323</f>
        <v>9.6621659395387578</v>
      </c>
      <c r="M4297" s="58">
        <f>Bühler!M4323</f>
        <v>0</v>
      </c>
      <c r="N4297" s="56">
        <f>IF(Input!$D$19=1,J4297*Input!$C$19,0)+IF(Input!$D$20=1,K4297*Input!$C$20,0)+IF(Input!$D$21=1,L4297*Input!$C$21,0)+IF(Input!$D$22=1,M4297*Input!$C$22,0)</f>
        <v>0.40259024748078154</v>
      </c>
      <c r="O4297" s="59">
        <f>IF(Input!$D$19=2,J4297*Input!$C$19,0)+IF(Input!$D$20=2,K4297*Input!$C$20,0)+IF(Input!$D$21=2,L4297*Input!$C$21,0)+IF(Input!$D$22=2,M4297*Input!$C$22,0)</f>
        <v>1.0064756187019539</v>
      </c>
      <c r="P4297" s="59">
        <f>IF(Input!$D$19=3,J4297*Input!$C$19,0)+IF(Input!$D$20=3,K4297*Input!$C$20,0)+IF(Input!$D$21=3,L4297*Input!$C$21,0)+IF(Input!$D$22=3,M4297*Input!$C$22,0)</f>
        <v>0</v>
      </c>
      <c r="Q4297" s="75">
        <f>IF(Input!$D$19=4,J4297*Input!$C$19,0)+IF(Input!$D$20=4,K4297*Input!$C$20,0)+IF(Input!$D$21=4,L4297*Input!$C$21,0)+IF(Input!$D$22=4,M4297*Input!$C$22,0)</f>
        <v>0</v>
      </c>
      <c r="R4297" s="58">
        <v>69.905627162244372</v>
      </c>
      <c r="S4297" s="124">
        <f t="shared" ref="S4297:S4360" si="67">I4297+J4297</f>
        <v>1.7445577390833868</v>
      </c>
    </row>
    <row r="4298" spans="8:19" x14ac:dyDescent="0.3">
      <c r="H4298" s="44">
        <v>4291</v>
      </c>
      <c r="I4298" s="56">
        <f>Bühler!I4324</f>
        <v>0.40259024748078154</v>
      </c>
      <c r="J4298" s="59">
        <f>Bühler!J4324</f>
        <v>1.3419674916026052</v>
      </c>
      <c r="K4298" s="59">
        <f>Bühler!K4324</f>
        <v>2.0129512374039078</v>
      </c>
      <c r="L4298" s="59">
        <f>Bühler!L4324</f>
        <v>9.6621659395387578</v>
      </c>
      <c r="M4298" s="58">
        <f>Bühler!M4324</f>
        <v>0</v>
      </c>
      <c r="N4298" s="56">
        <f>IF(Input!$D$19=1,J4298*Input!$C$19,0)+IF(Input!$D$20=1,K4298*Input!$C$20,0)+IF(Input!$D$21=1,L4298*Input!$C$21,0)+IF(Input!$D$22=1,M4298*Input!$C$22,0)</f>
        <v>0.40259024748078154</v>
      </c>
      <c r="O4298" s="59">
        <f>IF(Input!$D$19=2,J4298*Input!$C$19,0)+IF(Input!$D$20=2,K4298*Input!$C$20,0)+IF(Input!$D$21=2,L4298*Input!$C$21,0)+IF(Input!$D$22=2,M4298*Input!$C$22,0)</f>
        <v>1.0064756187019539</v>
      </c>
      <c r="P4298" s="59">
        <f>IF(Input!$D$19=3,J4298*Input!$C$19,0)+IF(Input!$D$20=3,K4298*Input!$C$20,0)+IF(Input!$D$21=3,L4298*Input!$C$21,0)+IF(Input!$D$22=3,M4298*Input!$C$22,0)</f>
        <v>0</v>
      </c>
      <c r="Q4298" s="75">
        <f>IF(Input!$D$19=4,J4298*Input!$C$19,0)+IF(Input!$D$20=4,K4298*Input!$C$20,0)+IF(Input!$D$21=4,L4298*Input!$C$21,0)+IF(Input!$D$22=4,M4298*Input!$C$22,0)</f>
        <v>0</v>
      </c>
      <c r="R4298" s="58">
        <v>68.262824947179197</v>
      </c>
      <c r="S4298" s="124">
        <f t="shared" si="67"/>
        <v>1.7445577390833868</v>
      </c>
    </row>
    <row r="4299" spans="8:19" x14ac:dyDescent="0.3">
      <c r="H4299" s="44">
        <v>4292</v>
      </c>
      <c r="I4299" s="56">
        <f>Bühler!I4325</f>
        <v>0.3354918729006513</v>
      </c>
      <c r="J4299" s="59">
        <f>Bühler!J4325</f>
        <v>1.1183062430021711</v>
      </c>
      <c r="K4299" s="59">
        <f>Bühler!K4325</f>
        <v>1.6774593645032565</v>
      </c>
      <c r="L4299" s="59">
        <f>Bühler!L4325</f>
        <v>8.0518049496156312</v>
      </c>
      <c r="M4299" s="58">
        <f>Bühler!M4325</f>
        <v>0</v>
      </c>
      <c r="N4299" s="56">
        <f>IF(Input!$D$19=1,J4299*Input!$C$19,0)+IF(Input!$D$20=1,K4299*Input!$C$20,0)+IF(Input!$D$21=1,L4299*Input!$C$21,0)+IF(Input!$D$22=1,M4299*Input!$C$22,0)</f>
        <v>0.3354918729006513</v>
      </c>
      <c r="O4299" s="59">
        <f>IF(Input!$D$19=2,J4299*Input!$C$19,0)+IF(Input!$D$20=2,K4299*Input!$C$20,0)+IF(Input!$D$21=2,L4299*Input!$C$21,0)+IF(Input!$D$22=2,M4299*Input!$C$22,0)</f>
        <v>0.83872968225162825</v>
      </c>
      <c r="P4299" s="59">
        <f>IF(Input!$D$19=3,J4299*Input!$C$19,0)+IF(Input!$D$20=3,K4299*Input!$C$20,0)+IF(Input!$D$21=3,L4299*Input!$C$21,0)+IF(Input!$D$22=3,M4299*Input!$C$22,0)</f>
        <v>0</v>
      </c>
      <c r="Q4299" s="75">
        <f>IF(Input!$D$19=4,J4299*Input!$C$19,0)+IF(Input!$D$20=4,K4299*Input!$C$20,0)+IF(Input!$D$21=4,L4299*Input!$C$21,0)+IF(Input!$D$22=4,M4299*Input!$C$22,0)</f>
        <v>0</v>
      </c>
      <c r="R4299" s="58">
        <v>66.668236309200353</v>
      </c>
      <c r="S4299" s="124">
        <f t="shared" si="67"/>
        <v>1.4537981159028224</v>
      </c>
    </row>
    <row r="4300" spans="8:19" x14ac:dyDescent="0.3">
      <c r="H4300" s="44">
        <v>4293</v>
      </c>
      <c r="I4300" s="56">
        <f>Bühler!I4326</f>
        <v>0.26839349832052106</v>
      </c>
      <c r="J4300" s="59">
        <f>Bühler!J4326</f>
        <v>0.89464499440173695</v>
      </c>
      <c r="K4300" s="59">
        <f>Bühler!K4326</f>
        <v>1.3419674916026052</v>
      </c>
      <c r="L4300" s="59">
        <f>Bühler!L4326</f>
        <v>6.4414439596925055</v>
      </c>
      <c r="M4300" s="58">
        <f>Bühler!M4326</f>
        <v>0</v>
      </c>
      <c r="N4300" s="56">
        <f>IF(Input!$D$19=1,J4300*Input!$C$19,0)+IF(Input!$D$20=1,K4300*Input!$C$20,0)+IF(Input!$D$21=1,L4300*Input!$C$21,0)+IF(Input!$D$22=1,M4300*Input!$C$22,0)</f>
        <v>0.26839349832052106</v>
      </c>
      <c r="O4300" s="59">
        <f>IF(Input!$D$19=2,J4300*Input!$C$19,0)+IF(Input!$D$20=2,K4300*Input!$C$20,0)+IF(Input!$D$21=2,L4300*Input!$C$21,0)+IF(Input!$D$22=2,M4300*Input!$C$22,0)</f>
        <v>0.6709837458013026</v>
      </c>
      <c r="P4300" s="59">
        <f>IF(Input!$D$19=3,J4300*Input!$C$19,0)+IF(Input!$D$20=3,K4300*Input!$C$20,0)+IF(Input!$D$21=3,L4300*Input!$C$21,0)+IF(Input!$D$22=3,M4300*Input!$C$22,0)</f>
        <v>0</v>
      </c>
      <c r="Q4300" s="75">
        <f>IF(Input!$D$19=4,J4300*Input!$C$19,0)+IF(Input!$D$20=4,K4300*Input!$C$20,0)+IF(Input!$D$21=4,L4300*Input!$C$21,0)+IF(Input!$D$22=4,M4300*Input!$C$22,0)</f>
        <v>0</v>
      </c>
      <c r="R4300" s="58">
        <v>64.354693802714834</v>
      </c>
      <c r="S4300" s="124">
        <f t="shared" si="67"/>
        <v>1.1630384927222579</v>
      </c>
    </row>
    <row r="4301" spans="8:19" x14ac:dyDescent="0.3">
      <c r="H4301" s="44">
        <v>4294</v>
      </c>
      <c r="I4301" s="56">
        <f>Bühler!I4327</f>
        <v>0.20129512374039077</v>
      </c>
      <c r="J4301" s="59">
        <f>Bühler!J4327</f>
        <v>0.6709837458013026</v>
      </c>
      <c r="K4301" s="59">
        <f>Bühler!K4327</f>
        <v>1.0064756187019539</v>
      </c>
      <c r="L4301" s="59">
        <f>Bühler!L4327</f>
        <v>4.8310829697693789</v>
      </c>
      <c r="M4301" s="58">
        <f>Bühler!M4327</f>
        <v>0</v>
      </c>
      <c r="N4301" s="56">
        <f>IF(Input!$D$19=1,J4301*Input!$C$19,0)+IF(Input!$D$20=1,K4301*Input!$C$20,0)+IF(Input!$D$21=1,L4301*Input!$C$21,0)+IF(Input!$D$22=1,M4301*Input!$C$22,0)</f>
        <v>0.20129512374039077</v>
      </c>
      <c r="O4301" s="59">
        <f>IF(Input!$D$19=2,J4301*Input!$C$19,0)+IF(Input!$D$20=2,K4301*Input!$C$20,0)+IF(Input!$D$21=2,L4301*Input!$C$21,0)+IF(Input!$D$22=2,M4301*Input!$C$22,0)</f>
        <v>0.50323780935097695</v>
      </c>
      <c r="P4301" s="59">
        <f>IF(Input!$D$19=3,J4301*Input!$C$19,0)+IF(Input!$D$20=3,K4301*Input!$C$20,0)+IF(Input!$D$21=3,L4301*Input!$C$21,0)+IF(Input!$D$22=3,M4301*Input!$C$22,0)</f>
        <v>0</v>
      </c>
      <c r="Q4301" s="75">
        <f>IF(Input!$D$19=4,J4301*Input!$C$19,0)+IF(Input!$D$20=4,K4301*Input!$C$20,0)+IF(Input!$D$21=4,L4301*Input!$C$21,0)+IF(Input!$D$22=4,M4301*Input!$C$22,0)</f>
        <v>0</v>
      </c>
      <c r="R4301" s="58">
        <v>62.283194612244749</v>
      </c>
      <c r="S4301" s="124">
        <f t="shared" si="67"/>
        <v>0.87227886954169342</v>
      </c>
    </row>
    <row r="4302" spans="8:19" x14ac:dyDescent="0.3">
      <c r="H4302" s="44">
        <v>4295</v>
      </c>
      <c r="I4302" s="56">
        <f>Bühler!I4328</f>
        <v>0.20129512374039077</v>
      </c>
      <c r="J4302" s="59">
        <f>Bühler!J4328</f>
        <v>0.6709837458013026</v>
      </c>
      <c r="K4302" s="59">
        <f>Bühler!K4328</f>
        <v>1.0064756187019539</v>
      </c>
      <c r="L4302" s="59">
        <f>Bühler!L4328</f>
        <v>4.8310829697693789</v>
      </c>
      <c r="M4302" s="58">
        <f>Bühler!M4328</f>
        <v>0</v>
      </c>
      <c r="N4302" s="56">
        <f>IF(Input!$D$19=1,J4302*Input!$C$19,0)+IF(Input!$D$20=1,K4302*Input!$C$20,0)+IF(Input!$D$21=1,L4302*Input!$C$21,0)+IF(Input!$D$22=1,M4302*Input!$C$22,0)</f>
        <v>0.20129512374039077</v>
      </c>
      <c r="O4302" s="59">
        <f>IF(Input!$D$19=2,J4302*Input!$C$19,0)+IF(Input!$D$20=2,K4302*Input!$C$20,0)+IF(Input!$D$21=2,L4302*Input!$C$21,0)+IF(Input!$D$22=2,M4302*Input!$C$22,0)</f>
        <v>0.50323780935097695</v>
      </c>
      <c r="P4302" s="59">
        <f>IF(Input!$D$19=3,J4302*Input!$C$19,0)+IF(Input!$D$20=3,K4302*Input!$C$20,0)+IF(Input!$D$21=3,L4302*Input!$C$21,0)+IF(Input!$D$22=3,M4302*Input!$C$22,0)</f>
        <v>0</v>
      </c>
      <c r="Q4302" s="75">
        <f>IF(Input!$D$19=4,J4302*Input!$C$19,0)+IF(Input!$D$20=4,K4302*Input!$C$20,0)+IF(Input!$D$21=4,L4302*Input!$C$21,0)+IF(Input!$D$22=4,M4302*Input!$C$22,0)</f>
        <v>0</v>
      </c>
      <c r="R4302" s="58">
        <v>62.193845213926409</v>
      </c>
      <c r="S4302" s="124">
        <f t="shared" si="67"/>
        <v>0.87227886954169342</v>
      </c>
    </row>
    <row r="4303" spans="8:19" x14ac:dyDescent="0.3">
      <c r="H4303" s="44">
        <v>4296</v>
      </c>
      <c r="I4303" s="56">
        <f>Bühler!I4329</f>
        <v>0.20129512374039077</v>
      </c>
      <c r="J4303" s="59">
        <f>Bühler!J4329</f>
        <v>0.6709837458013026</v>
      </c>
      <c r="K4303" s="59">
        <f>Bühler!K4329</f>
        <v>1.0064756187019539</v>
      </c>
      <c r="L4303" s="59">
        <f>Bühler!L4329</f>
        <v>4.8310829697693789</v>
      </c>
      <c r="M4303" s="58">
        <f>Bühler!M4329</f>
        <v>0</v>
      </c>
      <c r="N4303" s="56">
        <f>IF(Input!$D$19=1,J4303*Input!$C$19,0)+IF(Input!$D$20=1,K4303*Input!$C$20,0)+IF(Input!$D$21=1,L4303*Input!$C$21,0)+IF(Input!$D$22=1,M4303*Input!$C$22,0)</f>
        <v>0.20129512374039077</v>
      </c>
      <c r="O4303" s="59">
        <f>IF(Input!$D$19=2,J4303*Input!$C$19,0)+IF(Input!$D$20=2,K4303*Input!$C$20,0)+IF(Input!$D$21=2,L4303*Input!$C$21,0)+IF(Input!$D$22=2,M4303*Input!$C$22,0)</f>
        <v>0.50323780935097695</v>
      </c>
      <c r="P4303" s="59">
        <f>IF(Input!$D$19=3,J4303*Input!$C$19,0)+IF(Input!$D$20=3,K4303*Input!$C$20,0)+IF(Input!$D$21=3,L4303*Input!$C$21,0)+IF(Input!$D$22=3,M4303*Input!$C$22,0)</f>
        <v>0</v>
      </c>
      <c r="Q4303" s="75">
        <f>IF(Input!$D$19=4,J4303*Input!$C$19,0)+IF(Input!$D$20=4,K4303*Input!$C$20,0)+IF(Input!$D$21=4,L4303*Input!$C$21,0)+IF(Input!$D$22=4,M4303*Input!$C$22,0)</f>
        <v>0</v>
      </c>
      <c r="R4303" s="58">
        <v>61.827064191050667</v>
      </c>
      <c r="S4303" s="124">
        <f t="shared" si="67"/>
        <v>0.87227886954169342</v>
      </c>
    </row>
    <row r="4304" spans="8:19" x14ac:dyDescent="0.3">
      <c r="H4304" s="44">
        <v>4297</v>
      </c>
      <c r="I4304" s="56">
        <f>Bühler!I4330</f>
        <v>0.22890332641754124</v>
      </c>
      <c r="J4304" s="59">
        <f>Bühler!J4330</f>
        <v>0.76301108805847084</v>
      </c>
      <c r="K4304" s="59">
        <f>Bühler!K4330</f>
        <v>1.1445166320877063</v>
      </c>
      <c r="L4304" s="59">
        <f>Bühler!L4330</f>
        <v>5.4936798340209902</v>
      </c>
      <c r="M4304" s="58">
        <f>Bühler!M4330</f>
        <v>0</v>
      </c>
      <c r="N4304" s="56">
        <f>IF(Input!$D$19=1,J4304*Input!$C$19,0)+IF(Input!$D$20=1,K4304*Input!$C$20,0)+IF(Input!$D$21=1,L4304*Input!$C$21,0)+IF(Input!$D$22=1,M4304*Input!$C$22,0)</f>
        <v>0.22890332641754124</v>
      </c>
      <c r="O4304" s="59">
        <f>IF(Input!$D$19=2,J4304*Input!$C$19,0)+IF(Input!$D$20=2,K4304*Input!$C$20,0)+IF(Input!$D$21=2,L4304*Input!$C$21,0)+IF(Input!$D$22=2,M4304*Input!$C$22,0)</f>
        <v>0.57225831604385313</v>
      </c>
      <c r="P4304" s="59">
        <f>IF(Input!$D$19=3,J4304*Input!$C$19,0)+IF(Input!$D$20=3,K4304*Input!$C$20,0)+IF(Input!$D$21=3,L4304*Input!$C$21,0)+IF(Input!$D$22=3,M4304*Input!$C$22,0)</f>
        <v>0</v>
      </c>
      <c r="Q4304" s="75">
        <f>IF(Input!$D$19=4,J4304*Input!$C$19,0)+IF(Input!$D$20=4,K4304*Input!$C$20,0)+IF(Input!$D$21=4,L4304*Input!$C$21,0)+IF(Input!$D$22=4,M4304*Input!$C$22,0)</f>
        <v>0</v>
      </c>
      <c r="R4304" s="58">
        <v>60.553581899607394</v>
      </c>
      <c r="S4304" s="124">
        <f t="shared" si="67"/>
        <v>0.99191441447601214</v>
      </c>
    </row>
    <row r="4305" spans="8:19" x14ac:dyDescent="0.3">
      <c r="H4305" s="44">
        <v>4298</v>
      </c>
      <c r="I4305" s="56">
        <f>Bühler!I4331</f>
        <v>0.22890332641754124</v>
      </c>
      <c r="J4305" s="59">
        <f>Bühler!J4331</f>
        <v>0.76301108805847084</v>
      </c>
      <c r="K4305" s="59">
        <f>Bühler!K4331</f>
        <v>1.1445166320877063</v>
      </c>
      <c r="L4305" s="59">
        <f>Bühler!L4331</f>
        <v>5.4936798340209902</v>
      </c>
      <c r="M4305" s="58">
        <f>Bühler!M4331</f>
        <v>0</v>
      </c>
      <c r="N4305" s="56">
        <f>IF(Input!$D$19=1,J4305*Input!$C$19,0)+IF(Input!$D$20=1,K4305*Input!$C$20,0)+IF(Input!$D$21=1,L4305*Input!$C$21,0)+IF(Input!$D$22=1,M4305*Input!$C$22,0)</f>
        <v>0.22890332641754124</v>
      </c>
      <c r="O4305" s="59">
        <f>IF(Input!$D$19=2,J4305*Input!$C$19,0)+IF(Input!$D$20=2,K4305*Input!$C$20,0)+IF(Input!$D$21=2,L4305*Input!$C$21,0)+IF(Input!$D$22=2,M4305*Input!$C$22,0)</f>
        <v>0.57225831604385313</v>
      </c>
      <c r="P4305" s="59">
        <f>IF(Input!$D$19=3,J4305*Input!$C$19,0)+IF(Input!$D$20=3,K4305*Input!$C$20,0)+IF(Input!$D$21=3,L4305*Input!$C$21,0)+IF(Input!$D$22=3,M4305*Input!$C$22,0)</f>
        <v>0</v>
      </c>
      <c r="Q4305" s="75">
        <f>IF(Input!$D$19=4,J4305*Input!$C$19,0)+IF(Input!$D$20=4,K4305*Input!$C$20,0)+IF(Input!$D$21=4,L4305*Input!$C$21,0)+IF(Input!$D$22=4,M4305*Input!$C$22,0)</f>
        <v>0</v>
      </c>
      <c r="R4305" s="58">
        <v>60.096929105640541</v>
      </c>
      <c r="S4305" s="124">
        <f t="shared" si="67"/>
        <v>0.99191441447601214</v>
      </c>
    </row>
    <row r="4306" spans="8:19" x14ac:dyDescent="0.3">
      <c r="H4306" s="44">
        <v>4299</v>
      </c>
      <c r="I4306" s="56">
        <f>Bühler!I4332</f>
        <v>0.22890332641754124</v>
      </c>
      <c r="J4306" s="59">
        <f>Bühler!J4332</f>
        <v>0.76301108805847084</v>
      </c>
      <c r="K4306" s="59">
        <f>Bühler!K4332</f>
        <v>1.1445166320877063</v>
      </c>
      <c r="L4306" s="59">
        <f>Bühler!L4332</f>
        <v>5.4936798340209902</v>
      </c>
      <c r="M4306" s="58">
        <f>Bühler!M4332</f>
        <v>0</v>
      </c>
      <c r="N4306" s="56">
        <f>IF(Input!$D$19=1,J4306*Input!$C$19,0)+IF(Input!$D$20=1,K4306*Input!$C$20,0)+IF(Input!$D$21=1,L4306*Input!$C$21,0)+IF(Input!$D$22=1,M4306*Input!$C$22,0)</f>
        <v>0.22890332641754124</v>
      </c>
      <c r="O4306" s="59">
        <f>IF(Input!$D$19=2,J4306*Input!$C$19,0)+IF(Input!$D$20=2,K4306*Input!$C$20,0)+IF(Input!$D$21=2,L4306*Input!$C$21,0)+IF(Input!$D$22=2,M4306*Input!$C$22,0)</f>
        <v>0.57225831604385313</v>
      </c>
      <c r="P4306" s="59">
        <f>IF(Input!$D$19=3,J4306*Input!$C$19,0)+IF(Input!$D$20=3,K4306*Input!$C$20,0)+IF(Input!$D$21=3,L4306*Input!$C$21,0)+IF(Input!$D$22=3,M4306*Input!$C$22,0)</f>
        <v>0</v>
      </c>
      <c r="Q4306" s="75">
        <f>IF(Input!$D$19=4,J4306*Input!$C$19,0)+IF(Input!$D$20=4,K4306*Input!$C$20,0)+IF(Input!$D$21=4,L4306*Input!$C$21,0)+IF(Input!$D$22=4,M4306*Input!$C$22,0)</f>
        <v>0</v>
      </c>
      <c r="R4306" s="58">
        <v>59.834885265318249</v>
      </c>
      <c r="S4306" s="124">
        <f t="shared" si="67"/>
        <v>0.99191441447601214</v>
      </c>
    </row>
    <row r="4307" spans="8:19" x14ac:dyDescent="0.3">
      <c r="H4307" s="44">
        <v>4300</v>
      </c>
      <c r="I4307" s="56">
        <f>Bühler!I4333</f>
        <v>0.22890332641754124</v>
      </c>
      <c r="J4307" s="59">
        <f>Bühler!J4333</f>
        <v>0.76301108805847084</v>
      </c>
      <c r="K4307" s="59">
        <f>Bühler!K4333</f>
        <v>1.1445166320877063</v>
      </c>
      <c r="L4307" s="59">
        <f>Bühler!L4333</f>
        <v>5.4936798340209902</v>
      </c>
      <c r="M4307" s="58">
        <f>Bühler!M4333</f>
        <v>0</v>
      </c>
      <c r="N4307" s="56">
        <f>IF(Input!$D$19=1,J4307*Input!$C$19,0)+IF(Input!$D$20=1,K4307*Input!$C$20,0)+IF(Input!$D$21=1,L4307*Input!$C$21,0)+IF(Input!$D$22=1,M4307*Input!$C$22,0)</f>
        <v>0.22890332641754124</v>
      </c>
      <c r="O4307" s="59">
        <f>IF(Input!$D$19=2,J4307*Input!$C$19,0)+IF(Input!$D$20=2,K4307*Input!$C$20,0)+IF(Input!$D$21=2,L4307*Input!$C$21,0)+IF(Input!$D$22=2,M4307*Input!$C$22,0)</f>
        <v>0.57225831604385313</v>
      </c>
      <c r="P4307" s="59">
        <f>IF(Input!$D$19=3,J4307*Input!$C$19,0)+IF(Input!$D$20=3,K4307*Input!$C$20,0)+IF(Input!$D$21=3,L4307*Input!$C$21,0)+IF(Input!$D$22=3,M4307*Input!$C$22,0)</f>
        <v>0</v>
      </c>
      <c r="Q4307" s="75">
        <f>IF(Input!$D$19=4,J4307*Input!$C$19,0)+IF(Input!$D$20=4,K4307*Input!$C$20,0)+IF(Input!$D$21=4,L4307*Input!$C$21,0)+IF(Input!$D$22=4,M4307*Input!$C$22,0)</f>
        <v>0</v>
      </c>
      <c r="R4307" s="58">
        <v>59.975205285500166</v>
      </c>
      <c r="S4307" s="124">
        <f t="shared" si="67"/>
        <v>0.99191441447601214</v>
      </c>
    </row>
    <row r="4308" spans="8:19" x14ac:dyDescent="0.3">
      <c r="H4308" s="44">
        <v>4301</v>
      </c>
      <c r="I4308" s="56">
        <f>Bühler!I4334</f>
        <v>0.22890332641754124</v>
      </c>
      <c r="J4308" s="59">
        <f>Bühler!J4334</f>
        <v>0.76301108805847084</v>
      </c>
      <c r="K4308" s="59">
        <f>Bühler!K4334</f>
        <v>1.1445166320877063</v>
      </c>
      <c r="L4308" s="59">
        <f>Bühler!L4334</f>
        <v>5.4936798340209902</v>
      </c>
      <c r="M4308" s="58">
        <f>Bühler!M4334</f>
        <v>0</v>
      </c>
      <c r="N4308" s="56">
        <f>IF(Input!$D$19=1,J4308*Input!$C$19,0)+IF(Input!$D$20=1,K4308*Input!$C$20,0)+IF(Input!$D$21=1,L4308*Input!$C$21,0)+IF(Input!$D$22=1,M4308*Input!$C$22,0)</f>
        <v>0.22890332641754124</v>
      </c>
      <c r="O4308" s="59">
        <f>IF(Input!$D$19=2,J4308*Input!$C$19,0)+IF(Input!$D$20=2,K4308*Input!$C$20,0)+IF(Input!$D$21=2,L4308*Input!$C$21,0)+IF(Input!$D$22=2,M4308*Input!$C$22,0)</f>
        <v>0.57225831604385313</v>
      </c>
      <c r="P4308" s="59">
        <f>IF(Input!$D$19=3,J4308*Input!$C$19,0)+IF(Input!$D$20=3,K4308*Input!$C$20,0)+IF(Input!$D$21=3,L4308*Input!$C$21,0)+IF(Input!$D$22=3,M4308*Input!$C$22,0)</f>
        <v>0</v>
      </c>
      <c r="Q4308" s="75">
        <f>IF(Input!$D$19=4,J4308*Input!$C$19,0)+IF(Input!$D$20=4,K4308*Input!$C$20,0)+IF(Input!$D$21=4,L4308*Input!$C$21,0)+IF(Input!$D$22=4,M4308*Input!$C$22,0)</f>
        <v>0</v>
      </c>
      <c r="R4308" s="58">
        <v>61.175992814412581</v>
      </c>
      <c r="S4308" s="124">
        <f t="shared" si="67"/>
        <v>0.99191441447601214</v>
      </c>
    </row>
    <row r="4309" spans="8:19" x14ac:dyDescent="0.3">
      <c r="H4309" s="44">
        <v>4302</v>
      </c>
      <c r="I4309" s="56">
        <f>Bühler!I4335</f>
        <v>0.29503095404927543</v>
      </c>
      <c r="J4309" s="59">
        <f>Bühler!J4335</f>
        <v>0.98343651349758476</v>
      </c>
      <c r="K4309" s="59">
        <f>Bühler!K4335</f>
        <v>1.475154770246377</v>
      </c>
      <c r="L4309" s="59">
        <f>Bühler!L4335</f>
        <v>7.0807428971826099</v>
      </c>
      <c r="M4309" s="58">
        <f>Bühler!M4335</f>
        <v>0</v>
      </c>
      <c r="N4309" s="56">
        <f>IF(Input!$D$19=1,J4309*Input!$C$19,0)+IF(Input!$D$20=1,K4309*Input!$C$20,0)+IF(Input!$D$21=1,L4309*Input!$C$21,0)+IF(Input!$D$22=1,M4309*Input!$C$22,0)</f>
        <v>0.29503095404927543</v>
      </c>
      <c r="O4309" s="59">
        <f>IF(Input!$D$19=2,J4309*Input!$C$19,0)+IF(Input!$D$20=2,K4309*Input!$C$20,0)+IF(Input!$D$21=2,L4309*Input!$C$21,0)+IF(Input!$D$22=2,M4309*Input!$C$22,0)</f>
        <v>0.73757738512318849</v>
      </c>
      <c r="P4309" s="59">
        <f>IF(Input!$D$19=3,J4309*Input!$C$19,0)+IF(Input!$D$20=3,K4309*Input!$C$20,0)+IF(Input!$D$21=3,L4309*Input!$C$21,0)+IF(Input!$D$22=3,M4309*Input!$C$22,0)</f>
        <v>0</v>
      </c>
      <c r="Q4309" s="75">
        <f>IF(Input!$D$19=4,J4309*Input!$C$19,0)+IF(Input!$D$20=4,K4309*Input!$C$20,0)+IF(Input!$D$21=4,L4309*Input!$C$21,0)+IF(Input!$D$22=4,M4309*Input!$C$22,0)</f>
        <v>0</v>
      </c>
      <c r="R4309" s="58">
        <v>64.206089467767043</v>
      </c>
      <c r="S4309" s="124">
        <f t="shared" si="67"/>
        <v>1.2784674675468601</v>
      </c>
    </row>
    <row r="4310" spans="8:19" x14ac:dyDescent="0.3">
      <c r="H4310" s="44">
        <v>4303</v>
      </c>
      <c r="I4310" s="56">
        <f>Bühler!I4336</f>
        <v>0.35607184109395307</v>
      </c>
      <c r="J4310" s="59">
        <f>Bühler!J4336</f>
        <v>1.1869061369798437</v>
      </c>
      <c r="K4310" s="59">
        <f>Bühler!K4336</f>
        <v>1.7803592054697652</v>
      </c>
      <c r="L4310" s="59">
        <f>Bühler!L4336</f>
        <v>8.5457241862548727</v>
      </c>
      <c r="M4310" s="58">
        <f>Bühler!M4336</f>
        <v>0</v>
      </c>
      <c r="N4310" s="56">
        <f>IF(Input!$D$19=1,J4310*Input!$C$19,0)+IF(Input!$D$20=1,K4310*Input!$C$20,0)+IF(Input!$D$21=1,L4310*Input!$C$21,0)+IF(Input!$D$22=1,M4310*Input!$C$22,0)</f>
        <v>0.35607184109395312</v>
      </c>
      <c r="O4310" s="59">
        <f>IF(Input!$D$19=2,J4310*Input!$C$19,0)+IF(Input!$D$20=2,K4310*Input!$C$20,0)+IF(Input!$D$21=2,L4310*Input!$C$21,0)+IF(Input!$D$22=2,M4310*Input!$C$22,0)</f>
        <v>0.89017960273488261</v>
      </c>
      <c r="P4310" s="59">
        <f>IF(Input!$D$19=3,J4310*Input!$C$19,0)+IF(Input!$D$20=3,K4310*Input!$C$20,0)+IF(Input!$D$21=3,L4310*Input!$C$21,0)+IF(Input!$D$22=3,M4310*Input!$C$22,0)</f>
        <v>0</v>
      </c>
      <c r="Q4310" s="75">
        <f>IF(Input!$D$19=4,J4310*Input!$C$19,0)+IF(Input!$D$20=4,K4310*Input!$C$20,0)+IF(Input!$D$21=4,L4310*Input!$C$21,0)+IF(Input!$D$22=4,M4310*Input!$C$22,0)</f>
        <v>0</v>
      </c>
      <c r="R4310" s="58">
        <v>66.492886166620579</v>
      </c>
      <c r="S4310" s="124">
        <f t="shared" si="67"/>
        <v>1.5429779780737967</v>
      </c>
    </row>
    <row r="4311" spans="8:19" x14ac:dyDescent="0.3">
      <c r="H4311" s="44">
        <v>4304</v>
      </c>
      <c r="I4311" s="56">
        <f>Bühler!I4337</f>
        <v>0.35607184109395307</v>
      </c>
      <c r="J4311" s="59">
        <f>Bühler!J4337</f>
        <v>1.1869061369798437</v>
      </c>
      <c r="K4311" s="59">
        <f>Bühler!K4337</f>
        <v>1.7803592054697652</v>
      </c>
      <c r="L4311" s="59">
        <f>Bühler!L4337</f>
        <v>8.5457241862548727</v>
      </c>
      <c r="M4311" s="58">
        <f>Bühler!M4337</f>
        <v>0</v>
      </c>
      <c r="N4311" s="56">
        <f>IF(Input!$D$19=1,J4311*Input!$C$19,0)+IF(Input!$D$20=1,K4311*Input!$C$20,0)+IF(Input!$D$21=1,L4311*Input!$C$21,0)+IF(Input!$D$22=1,M4311*Input!$C$22,0)</f>
        <v>0.35607184109395312</v>
      </c>
      <c r="O4311" s="59">
        <f>IF(Input!$D$19=2,J4311*Input!$C$19,0)+IF(Input!$D$20=2,K4311*Input!$C$20,0)+IF(Input!$D$21=2,L4311*Input!$C$21,0)+IF(Input!$D$22=2,M4311*Input!$C$22,0)</f>
        <v>0.89017960273488261</v>
      </c>
      <c r="P4311" s="59">
        <f>IF(Input!$D$19=3,J4311*Input!$C$19,0)+IF(Input!$D$20=3,K4311*Input!$C$20,0)+IF(Input!$D$21=3,L4311*Input!$C$21,0)+IF(Input!$D$22=3,M4311*Input!$C$22,0)</f>
        <v>0</v>
      </c>
      <c r="Q4311" s="75">
        <f>IF(Input!$D$19=4,J4311*Input!$C$19,0)+IF(Input!$D$20=4,K4311*Input!$C$20,0)+IF(Input!$D$21=4,L4311*Input!$C$21,0)+IF(Input!$D$22=4,M4311*Input!$C$22,0)</f>
        <v>0</v>
      </c>
      <c r="R4311" s="58">
        <v>68.672969304275796</v>
      </c>
      <c r="S4311" s="124">
        <f t="shared" si="67"/>
        <v>1.5429779780737967</v>
      </c>
    </row>
    <row r="4312" spans="8:19" x14ac:dyDescent="0.3">
      <c r="H4312" s="44">
        <v>4305</v>
      </c>
      <c r="I4312" s="56">
        <f>Bühler!I4338</f>
        <v>0.35607184109395307</v>
      </c>
      <c r="J4312" s="59">
        <f>Bühler!J4338</f>
        <v>1.1869061369798437</v>
      </c>
      <c r="K4312" s="59">
        <f>Bühler!K4338</f>
        <v>1.7803592054697652</v>
      </c>
      <c r="L4312" s="59">
        <f>Bühler!L4338</f>
        <v>8.5457241862548727</v>
      </c>
      <c r="M4312" s="58">
        <f>Bühler!M4338</f>
        <v>0</v>
      </c>
      <c r="N4312" s="56">
        <f>IF(Input!$D$19=1,J4312*Input!$C$19,0)+IF(Input!$D$20=1,K4312*Input!$C$20,0)+IF(Input!$D$21=1,L4312*Input!$C$21,0)+IF(Input!$D$22=1,M4312*Input!$C$22,0)</f>
        <v>0.35607184109395312</v>
      </c>
      <c r="O4312" s="59">
        <f>IF(Input!$D$19=2,J4312*Input!$C$19,0)+IF(Input!$D$20=2,K4312*Input!$C$20,0)+IF(Input!$D$21=2,L4312*Input!$C$21,0)+IF(Input!$D$22=2,M4312*Input!$C$22,0)</f>
        <v>0.89017960273488261</v>
      </c>
      <c r="P4312" s="59">
        <f>IF(Input!$D$19=3,J4312*Input!$C$19,0)+IF(Input!$D$20=3,K4312*Input!$C$20,0)+IF(Input!$D$21=3,L4312*Input!$C$21,0)+IF(Input!$D$22=3,M4312*Input!$C$22,0)</f>
        <v>0</v>
      </c>
      <c r="Q4312" s="75">
        <f>IF(Input!$D$19=4,J4312*Input!$C$19,0)+IF(Input!$D$20=4,K4312*Input!$C$20,0)+IF(Input!$D$21=4,L4312*Input!$C$21,0)+IF(Input!$D$22=4,M4312*Input!$C$22,0)</f>
        <v>0</v>
      </c>
      <c r="R4312" s="58">
        <v>70.157613272151167</v>
      </c>
      <c r="S4312" s="124">
        <f t="shared" si="67"/>
        <v>1.5429779780737967</v>
      </c>
    </row>
    <row r="4313" spans="8:19" x14ac:dyDescent="0.3">
      <c r="H4313" s="44">
        <v>4306</v>
      </c>
      <c r="I4313" s="56">
        <f>Bühler!I4339</f>
        <v>0.38150554402923542</v>
      </c>
      <c r="J4313" s="59">
        <f>Bühler!J4339</f>
        <v>1.2716851467641181</v>
      </c>
      <c r="K4313" s="59">
        <f>Bühler!K4339</f>
        <v>1.9075277201461771</v>
      </c>
      <c r="L4313" s="59">
        <f>Bühler!L4339</f>
        <v>9.1561330567016501</v>
      </c>
      <c r="M4313" s="58">
        <f>Bühler!M4339</f>
        <v>0</v>
      </c>
      <c r="N4313" s="56">
        <f>IF(Input!$D$19=1,J4313*Input!$C$19,0)+IF(Input!$D$20=1,K4313*Input!$C$20,0)+IF(Input!$D$21=1,L4313*Input!$C$21,0)+IF(Input!$D$22=1,M4313*Input!$C$22,0)</f>
        <v>0.38150554402923542</v>
      </c>
      <c r="O4313" s="59">
        <f>IF(Input!$D$19=2,J4313*Input!$C$19,0)+IF(Input!$D$20=2,K4313*Input!$C$20,0)+IF(Input!$D$21=2,L4313*Input!$C$21,0)+IF(Input!$D$22=2,M4313*Input!$C$22,0)</f>
        <v>0.95376386007308855</v>
      </c>
      <c r="P4313" s="59">
        <f>IF(Input!$D$19=3,J4313*Input!$C$19,0)+IF(Input!$D$20=3,K4313*Input!$C$20,0)+IF(Input!$D$21=3,L4313*Input!$C$21,0)+IF(Input!$D$22=3,M4313*Input!$C$22,0)</f>
        <v>0</v>
      </c>
      <c r="Q4313" s="75">
        <f>IF(Input!$D$19=4,J4313*Input!$C$19,0)+IF(Input!$D$20=4,K4313*Input!$C$20,0)+IF(Input!$D$21=4,L4313*Input!$C$21,0)+IF(Input!$D$22=4,M4313*Input!$C$22,0)</f>
        <v>0</v>
      </c>
      <c r="R4313" s="58">
        <v>71.400676259121681</v>
      </c>
      <c r="S4313" s="124">
        <f t="shared" si="67"/>
        <v>1.6531906907933536</v>
      </c>
    </row>
    <row r="4314" spans="8:19" x14ac:dyDescent="0.3">
      <c r="H4314" s="44">
        <v>4307</v>
      </c>
      <c r="I4314" s="56">
        <f>Bühler!I4340</f>
        <v>0.39676576579040485</v>
      </c>
      <c r="J4314" s="59">
        <f>Bühler!J4340</f>
        <v>1.3225525526346829</v>
      </c>
      <c r="K4314" s="59">
        <f>Bühler!K4340</f>
        <v>1.9838288289520243</v>
      </c>
      <c r="L4314" s="59">
        <f>Bühler!L4340</f>
        <v>9.5223783789697158</v>
      </c>
      <c r="M4314" s="58">
        <f>Bühler!M4340</f>
        <v>0</v>
      </c>
      <c r="N4314" s="56">
        <f>IF(Input!$D$19=1,J4314*Input!$C$19,0)+IF(Input!$D$20=1,K4314*Input!$C$20,0)+IF(Input!$D$21=1,L4314*Input!$C$21,0)+IF(Input!$D$22=1,M4314*Input!$C$22,0)</f>
        <v>0.39676576579040485</v>
      </c>
      <c r="O4314" s="59">
        <f>IF(Input!$D$19=2,J4314*Input!$C$19,0)+IF(Input!$D$20=2,K4314*Input!$C$20,0)+IF(Input!$D$21=2,L4314*Input!$C$21,0)+IF(Input!$D$22=2,M4314*Input!$C$22,0)</f>
        <v>0.99191441447601214</v>
      </c>
      <c r="P4314" s="59">
        <f>IF(Input!$D$19=3,J4314*Input!$C$19,0)+IF(Input!$D$20=3,K4314*Input!$C$20,0)+IF(Input!$D$21=3,L4314*Input!$C$21,0)+IF(Input!$D$22=3,M4314*Input!$C$22,0)</f>
        <v>0</v>
      </c>
      <c r="Q4314" s="75">
        <f>IF(Input!$D$19=4,J4314*Input!$C$19,0)+IF(Input!$D$20=4,K4314*Input!$C$20,0)+IF(Input!$D$21=4,L4314*Input!$C$21,0)+IF(Input!$D$22=4,M4314*Input!$C$22,0)</f>
        <v>0</v>
      </c>
      <c r="R4314" s="58">
        <v>72.147165447189991</v>
      </c>
      <c r="S4314" s="124">
        <f t="shared" si="67"/>
        <v>1.7193183184250878</v>
      </c>
    </row>
    <row r="4315" spans="8:19" x14ac:dyDescent="0.3">
      <c r="H4315" s="44">
        <v>4308</v>
      </c>
      <c r="I4315" s="56">
        <f>Bühler!I4341</f>
        <v>0.45780665283508248</v>
      </c>
      <c r="J4315" s="59">
        <f>Bühler!J4341</f>
        <v>1.5260221761169417</v>
      </c>
      <c r="K4315" s="59">
        <f>Bühler!K4341</f>
        <v>2.2890332641754125</v>
      </c>
      <c r="L4315" s="59">
        <f>Bühler!L4341</f>
        <v>10.98735966804198</v>
      </c>
      <c r="M4315" s="58">
        <f>Bühler!M4341</f>
        <v>0</v>
      </c>
      <c r="N4315" s="56">
        <f>IF(Input!$D$19=1,J4315*Input!$C$19,0)+IF(Input!$D$20=1,K4315*Input!$C$20,0)+IF(Input!$D$21=1,L4315*Input!$C$21,0)+IF(Input!$D$22=1,M4315*Input!$C$22,0)</f>
        <v>0.45780665283508248</v>
      </c>
      <c r="O4315" s="59">
        <f>IF(Input!$D$19=2,J4315*Input!$C$19,0)+IF(Input!$D$20=2,K4315*Input!$C$20,0)+IF(Input!$D$21=2,L4315*Input!$C$21,0)+IF(Input!$D$22=2,M4315*Input!$C$22,0)</f>
        <v>1.1445166320877063</v>
      </c>
      <c r="P4315" s="59">
        <f>IF(Input!$D$19=3,J4315*Input!$C$19,0)+IF(Input!$D$20=3,K4315*Input!$C$20,0)+IF(Input!$D$21=3,L4315*Input!$C$21,0)+IF(Input!$D$22=3,M4315*Input!$C$22,0)</f>
        <v>0</v>
      </c>
      <c r="Q4315" s="75">
        <f>IF(Input!$D$19=4,J4315*Input!$C$19,0)+IF(Input!$D$20=4,K4315*Input!$C$20,0)+IF(Input!$D$21=4,L4315*Input!$C$21,0)+IF(Input!$D$22=4,M4315*Input!$C$22,0)</f>
        <v>0</v>
      </c>
      <c r="R4315" s="58">
        <v>72.179362423494226</v>
      </c>
      <c r="S4315" s="124">
        <f t="shared" si="67"/>
        <v>1.9838288289520243</v>
      </c>
    </row>
    <row r="4316" spans="8:19" x14ac:dyDescent="0.3">
      <c r="H4316" s="44">
        <v>4309</v>
      </c>
      <c r="I4316" s="56">
        <f>Bühler!I4342</f>
        <v>0.45780665283508248</v>
      </c>
      <c r="J4316" s="59">
        <f>Bühler!J4342</f>
        <v>1.5260221761169417</v>
      </c>
      <c r="K4316" s="59">
        <f>Bühler!K4342</f>
        <v>2.2890332641754125</v>
      </c>
      <c r="L4316" s="59">
        <f>Bühler!L4342</f>
        <v>10.98735966804198</v>
      </c>
      <c r="M4316" s="58">
        <f>Bühler!M4342</f>
        <v>0</v>
      </c>
      <c r="N4316" s="56">
        <f>IF(Input!$D$19=1,J4316*Input!$C$19,0)+IF(Input!$D$20=1,K4316*Input!$C$20,0)+IF(Input!$D$21=1,L4316*Input!$C$21,0)+IF(Input!$D$22=1,M4316*Input!$C$22,0)</f>
        <v>0.45780665283508248</v>
      </c>
      <c r="O4316" s="59">
        <f>IF(Input!$D$19=2,J4316*Input!$C$19,0)+IF(Input!$D$20=2,K4316*Input!$C$20,0)+IF(Input!$D$21=2,L4316*Input!$C$21,0)+IF(Input!$D$22=2,M4316*Input!$C$22,0)</f>
        <v>1.1445166320877063</v>
      </c>
      <c r="P4316" s="59">
        <f>IF(Input!$D$19=3,J4316*Input!$C$19,0)+IF(Input!$D$20=3,K4316*Input!$C$20,0)+IF(Input!$D$21=3,L4316*Input!$C$21,0)+IF(Input!$D$22=3,M4316*Input!$C$22,0)</f>
        <v>0</v>
      </c>
      <c r="Q4316" s="75">
        <f>IF(Input!$D$19=4,J4316*Input!$C$19,0)+IF(Input!$D$20=4,K4316*Input!$C$20,0)+IF(Input!$D$21=4,L4316*Input!$C$21,0)+IF(Input!$D$22=4,M4316*Input!$C$22,0)</f>
        <v>0</v>
      </c>
      <c r="R4316" s="58">
        <v>71.486937905370254</v>
      </c>
      <c r="S4316" s="124">
        <f t="shared" si="67"/>
        <v>1.9838288289520243</v>
      </c>
    </row>
    <row r="4317" spans="8:19" x14ac:dyDescent="0.3">
      <c r="H4317" s="44">
        <v>4310</v>
      </c>
      <c r="I4317" s="56">
        <f>Bühler!I4343</f>
        <v>0.45780665283508248</v>
      </c>
      <c r="J4317" s="59">
        <f>Bühler!J4343</f>
        <v>1.5260221761169417</v>
      </c>
      <c r="K4317" s="59">
        <f>Bühler!K4343</f>
        <v>2.2890332641754125</v>
      </c>
      <c r="L4317" s="59">
        <f>Bühler!L4343</f>
        <v>10.98735966804198</v>
      </c>
      <c r="M4317" s="58">
        <f>Bühler!M4343</f>
        <v>0</v>
      </c>
      <c r="N4317" s="56">
        <f>IF(Input!$D$19=1,J4317*Input!$C$19,0)+IF(Input!$D$20=1,K4317*Input!$C$20,0)+IF(Input!$D$21=1,L4317*Input!$C$21,0)+IF(Input!$D$22=1,M4317*Input!$C$22,0)</f>
        <v>0.45780665283508248</v>
      </c>
      <c r="O4317" s="59">
        <f>IF(Input!$D$19=2,J4317*Input!$C$19,0)+IF(Input!$D$20=2,K4317*Input!$C$20,0)+IF(Input!$D$21=2,L4317*Input!$C$21,0)+IF(Input!$D$22=2,M4317*Input!$C$22,0)</f>
        <v>1.1445166320877063</v>
      </c>
      <c r="P4317" s="59">
        <f>IF(Input!$D$19=3,J4317*Input!$C$19,0)+IF(Input!$D$20=3,K4317*Input!$C$20,0)+IF(Input!$D$21=3,L4317*Input!$C$21,0)+IF(Input!$D$22=3,M4317*Input!$C$22,0)</f>
        <v>0</v>
      </c>
      <c r="Q4317" s="75">
        <f>IF(Input!$D$19=4,J4317*Input!$C$19,0)+IF(Input!$D$20=4,K4317*Input!$C$20,0)+IF(Input!$D$21=4,L4317*Input!$C$21,0)+IF(Input!$D$22=4,M4317*Input!$C$22,0)</f>
        <v>0</v>
      </c>
      <c r="R4317" s="58">
        <v>70.935749427989407</v>
      </c>
      <c r="S4317" s="124">
        <f t="shared" si="67"/>
        <v>1.9838288289520243</v>
      </c>
    </row>
    <row r="4318" spans="8:19" x14ac:dyDescent="0.3">
      <c r="H4318" s="44">
        <v>4311</v>
      </c>
      <c r="I4318" s="56">
        <f>Bühler!I4344</f>
        <v>0.45780665283508248</v>
      </c>
      <c r="J4318" s="59">
        <f>Bühler!J4344</f>
        <v>1.5260221761169417</v>
      </c>
      <c r="K4318" s="59">
        <f>Bühler!K4344</f>
        <v>2.2890332641754125</v>
      </c>
      <c r="L4318" s="59">
        <f>Bühler!L4344</f>
        <v>10.98735966804198</v>
      </c>
      <c r="M4318" s="58">
        <f>Bühler!M4344</f>
        <v>0</v>
      </c>
      <c r="N4318" s="56">
        <f>IF(Input!$D$19=1,J4318*Input!$C$19,0)+IF(Input!$D$20=1,K4318*Input!$C$20,0)+IF(Input!$D$21=1,L4318*Input!$C$21,0)+IF(Input!$D$22=1,M4318*Input!$C$22,0)</f>
        <v>0.45780665283508248</v>
      </c>
      <c r="O4318" s="59">
        <f>IF(Input!$D$19=2,J4318*Input!$C$19,0)+IF(Input!$D$20=2,K4318*Input!$C$20,0)+IF(Input!$D$21=2,L4318*Input!$C$21,0)+IF(Input!$D$22=2,M4318*Input!$C$22,0)</f>
        <v>1.1445166320877063</v>
      </c>
      <c r="P4318" s="59">
        <f>IF(Input!$D$19=3,J4318*Input!$C$19,0)+IF(Input!$D$20=3,K4318*Input!$C$20,0)+IF(Input!$D$21=3,L4318*Input!$C$21,0)+IF(Input!$D$22=3,M4318*Input!$C$22,0)</f>
        <v>0</v>
      </c>
      <c r="Q4318" s="75">
        <f>IF(Input!$D$19=4,J4318*Input!$C$19,0)+IF(Input!$D$20=4,K4318*Input!$C$20,0)+IF(Input!$D$21=4,L4318*Input!$C$21,0)+IF(Input!$D$22=4,M4318*Input!$C$22,0)</f>
        <v>0</v>
      </c>
      <c r="R4318" s="58">
        <v>69.95926491949497</v>
      </c>
      <c r="S4318" s="124">
        <f t="shared" si="67"/>
        <v>1.9838288289520243</v>
      </c>
    </row>
    <row r="4319" spans="8:19" x14ac:dyDescent="0.3">
      <c r="H4319" s="44">
        <v>4312</v>
      </c>
      <c r="I4319" s="56">
        <f>Bühler!I4345</f>
        <v>0.38150554402923542</v>
      </c>
      <c r="J4319" s="59">
        <f>Bühler!J4345</f>
        <v>1.2716851467641181</v>
      </c>
      <c r="K4319" s="59">
        <f>Bühler!K4345</f>
        <v>1.9075277201461771</v>
      </c>
      <c r="L4319" s="59">
        <f>Bühler!L4345</f>
        <v>9.1561330567016501</v>
      </c>
      <c r="M4319" s="58">
        <f>Bühler!M4345</f>
        <v>0</v>
      </c>
      <c r="N4319" s="56">
        <f>IF(Input!$D$19=1,J4319*Input!$C$19,0)+IF(Input!$D$20=1,K4319*Input!$C$20,0)+IF(Input!$D$21=1,L4319*Input!$C$21,0)+IF(Input!$D$22=1,M4319*Input!$C$22,0)</f>
        <v>0.38150554402923542</v>
      </c>
      <c r="O4319" s="59">
        <f>IF(Input!$D$19=2,J4319*Input!$C$19,0)+IF(Input!$D$20=2,K4319*Input!$C$20,0)+IF(Input!$D$21=2,L4319*Input!$C$21,0)+IF(Input!$D$22=2,M4319*Input!$C$22,0)</f>
        <v>0.95376386007308855</v>
      </c>
      <c r="P4319" s="59">
        <f>IF(Input!$D$19=3,J4319*Input!$C$19,0)+IF(Input!$D$20=3,K4319*Input!$C$20,0)+IF(Input!$D$21=3,L4319*Input!$C$21,0)+IF(Input!$D$22=3,M4319*Input!$C$22,0)</f>
        <v>0</v>
      </c>
      <c r="Q4319" s="75">
        <f>IF(Input!$D$19=4,J4319*Input!$C$19,0)+IF(Input!$D$20=4,K4319*Input!$C$20,0)+IF(Input!$D$21=4,L4319*Input!$C$21,0)+IF(Input!$D$22=4,M4319*Input!$C$22,0)</f>
        <v>0</v>
      </c>
      <c r="R4319" s="58">
        <v>68.778521967352432</v>
      </c>
      <c r="S4319" s="124">
        <f t="shared" si="67"/>
        <v>1.6531906907933536</v>
      </c>
    </row>
    <row r="4320" spans="8:19" x14ac:dyDescent="0.3">
      <c r="H4320" s="44">
        <v>4313</v>
      </c>
      <c r="I4320" s="56">
        <f>Bühler!I4346</f>
        <v>0.36115858168100956</v>
      </c>
      <c r="J4320" s="59">
        <f>Bühler!J4346</f>
        <v>1.2038619389366987</v>
      </c>
      <c r="K4320" s="59">
        <f>Bühler!K4346</f>
        <v>1.8057929084050477</v>
      </c>
      <c r="L4320" s="59">
        <f>Bühler!L4346</f>
        <v>8.6678059603442286</v>
      </c>
      <c r="M4320" s="58">
        <f>Bühler!M4346</f>
        <v>0</v>
      </c>
      <c r="N4320" s="56">
        <f>IF(Input!$D$19=1,J4320*Input!$C$19,0)+IF(Input!$D$20=1,K4320*Input!$C$20,0)+IF(Input!$D$21=1,L4320*Input!$C$21,0)+IF(Input!$D$22=1,M4320*Input!$C$22,0)</f>
        <v>0.36115858168100962</v>
      </c>
      <c r="O4320" s="59">
        <f>IF(Input!$D$19=2,J4320*Input!$C$19,0)+IF(Input!$D$20=2,K4320*Input!$C$20,0)+IF(Input!$D$21=2,L4320*Input!$C$21,0)+IF(Input!$D$22=2,M4320*Input!$C$22,0)</f>
        <v>0.90289645420252385</v>
      </c>
      <c r="P4320" s="59">
        <f>IF(Input!$D$19=3,J4320*Input!$C$19,0)+IF(Input!$D$20=3,K4320*Input!$C$20,0)+IF(Input!$D$21=3,L4320*Input!$C$21,0)+IF(Input!$D$22=3,M4320*Input!$C$22,0)</f>
        <v>0</v>
      </c>
      <c r="Q4320" s="75">
        <f>IF(Input!$D$19=4,J4320*Input!$C$19,0)+IF(Input!$D$20=4,K4320*Input!$C$20,0)+IF(Input!$D$21=4,L4320*Input!$C$21,0)+IF(Input!$D$22=4,M4320*Input!$C$22,0)</f>
        <v>0</v>
      </c>
      <c r="R4320" s="58">
        <v>67.476144398365079</v>
      </c>
      <c r="S4320" s="124">
        <f t="shared" si="67"/>
        <v>1.5650205206177081</v>
      </c>
    </row>
    <row r="4321" spans="8:19" x14ac:dyDescent="0.3">
      <c r="H4321" s="44">
        <v>4314</v>
      </c>
      <c r="I4321" s="56">
        <f>Bühler!I4347</f>
        <v>0.36115858168100956</v>
      </c>
      <c r="J4321" s="59">
        <f>Bühler!J4347</f>
        <v>1.2038619389366987</v>
      </c>
      <c r="K4321" s="59">
        <f>Bühler!K4347</f>
        <v>1.8057929084050477</v>
      </c>
      <c r="L4321" s="59">
        <f>Bühler!L4347</f>
        <v>8.6678059603442286</v>
      </c>
      <c r="M4321" s="58">
        <f>Bühler!M4347</f>
        <v>0</v>
      </c>
      <c r="N4321" s="56">
        <f>IF(Input!$D$19=1,J4321*Input!$C$19,0)+IF(Input!$D$20=1,K4321*Input!$C$20,0)+IF(Input!$D$21=1,L4321*Input!$C$21,0)+IF(Input!$D$22=1,M4321*Input!$C$22,0)</f>
        <v>0.36115858168100962</v>
      </c>
      <c r="O4321" s="59">
        <f>IF(Input!$D$19=2,J4321*Input!$C$19,0)+IF(Input!$D$20=2,K4321*Input!$C$20,0)+IF(Input!$D$21=2,L4321*Input!$C$21,0)+IF(Input!$D$22=2,M4321*Input!$C$22,0)</f>
        <v>0.90289645420252385</v>
      </c>
      <c r="P4321" s="59">
        <f>IF(Input!$D$19=3,J4321*Input!$C$19,0)+IF(Input!$D$20=3,K4321*Input!$C$20,0)+IF(Input!$D$21=3,L4321*Input!$C$21,0)+IF(Input!$D$22=3,M4321*Input!$C$22,0)</f>
        <v>0</v>
      </c>
      <c r="Q4321" s="75">
        <f>IF(Input!$D$19=4,J4321*Input!$C$19,0)+IF(Input!$D$20=4,K4321*Input!$C$20,0)+IF(Input!$D$21=4,L4321*Input!$C$21,0)+IF(Input!$D$22=4,M4321*Input!$C$22,0)</f>
        <v>0</v>
      </c>
      <c r="R4321" s="58">
        <v>65.897071308532333</v>
      </c>
      <c r="S4321" s="124">
        <f t="shared" si="67"/>
        <v>1.5650205206177081</v>
      </c>
    </row>
    <row r="4322" spans="8:19" x14ac:dyDescent="0.3">
      <c r="H4322" s="44">
        <v>4315</v>
      </c>
      <c r="I4322" s="56">
        <f>Bühler!I4348</f>
        <v>0.36115858168100956</v>
      </c>
      <c r="J4322" s="59">
        <f>Bühler!J4348</f>
        <v>1.2038619389366987</v>
      </c>
      <c r="K4322" s="59">
        <f>Bühler!K4348</f>
        <v>1.8057929084050477</v>
      </c>
      <c r="L4322" s="59">
        <f>Bühler!L4348</f>
        <v>8.6678059603442286</v>
      </c>
      <c r="M4322" s="58">
        <f>Bühler!M4348</f>
        <v>0</v>
      </c>
      <c r="N4322" s="56">
        <f>IF(Input!$D$19=1,J4322*Input!$C$19,0)+IF(Input!$D$20=1,K4322*Input!$C$20,0)+IF(Input!$D$21=1,L4322*Input!$C$21,0)+IF(Input!$D$22=1,M4322*Input!$C$22,0)</f>
        <v>0.36115858168100962</v>
      </c>
      <c r="O4322" s="59">
        <f>IF(Input!$D$19=2,J4322*Input!$C$19,0)+IF(Input!$D$20=2,K4322*Input!$C$20,0)+IF(Input!$D$21=2,L4322*Input!$C$21,0)+IF(Input!$D$22=2,M4322*Input!$C$22,0)</f>
        <v>0.90289645420252385</v>
      </c>
      <c r="P4322" s="59">
        <f>IF(Input!$D$19=3,J4322*Input!$C$19,0)+IF(Input!$D$20=3,K4322*Input!$C$20,0)+IF(Input!$D$21=3,L4322*Input!$C$21,0)+IF(Input!$D$22=3,M4322*Input!$C$22,0)</f>
        <v>0</v>
      </c>
      <c r="Q4322" s="75">
        <f>IF(Input!$D$19=4,J4322*Input!$C$19,0)+IF(Input!$D$20=4,K4322*Input!$C$20,0)+IF(Input!$D$21=4,L4322*Input!$C$21,0)+IF(Input!$D$22=4,M4322*Input!$C$22,0)</f>
        <v>0</v>
      </c>
      <c r="R4322" s="58">
        <v>63.916137372205505</v>
      </c>
      <c r="S4322" s="124">
        <f t="shared" si="67"/>
        <v>1.5650205206177081</v>
      </c>
    </row>
    <row r="4323" spans="8:19" x14ac:dyDescent="0.3">
      <c r="H4323" s="44">
        <v>4316</v>
      </c>
      <c r="I4323" s="56">
        <f>Bühler!I4349</f>
        <v>0.36115858168100956</v>
      </c>
      <c r="J4323" s="59">
        <f>Bühler!J4349</f>
        <v>1.2038619389366987</v>
      </c>
      <c r="K4323" s="59">
        <f>Bühler!K4349</f>
        <v>1.8057929084050477</v>
      </c>
      <c r="L4323" s="59">
        <f>Bühler!L4349</f>
        <v>8.6678059603442286</v>
      </c>
      <c r="M4323" s="58">
        <f>Bühler!M4349</f>
        <v>0</v>
      </c>
      <c r="N4323" s="56">
        <f>IF(Input!$D$19=1,J4323*Input!$C$19,0)+IF(Input!$D$20=1,K4323*Input!$C$20,0)+IF(Input!$D$21=1,L4323*Input!$C$21,0)+IF(Input!$D$22=1,M4323*Input!$C$22,0)</f>
        <v>0.36115858168100962</v>
      </c>
      <c r="O4323" s="59">
        <f>IF(Input!$D$19=2,J4323*Input!$C$19,0)+IF(Input!$D$20=2,K4323*Input!$C$20,0)+IF(Input!$D$21=2,L4323*Input!$C$21,0)+IF(Input!$D$22=2,M4323*Input!$C$22,0)</f>
        <v>0.90289645420252385</v>
      </c>
      <c r="P4323" s="59">
        <f>IF(Input!$D$19=3,J4323*Input!$C$19,0)+IF(Input!$D$20=3,K4323*Input!$C$20,0)+IF(Input!$D$21=3,L4323*Input!$C$21,0)+IF(Input!$D$22=3,M4323*Input!$C$22,0)</f>
        <v>0</v>
      </c>
      <c r="Q4323" s="75">
        <f>IF(Input!$D$19=4,J4323*Input!$C$19,0)+IF(Input!$D$20=4,K4323*Input!$C$20,0)+IF(Input!$D$21=4,L4323*Input!$C$21,0)+IF(Input!$D$22=4,M4323*Input!$C$22,0)</f>
        <v>0</v>
      </c>
      <c r="R4323" s="58">
        <v>61.876841905166678</v>
      </c>
      <c r="S4323" s="124">
        <f t="shared" si="67"/>
        <v>1.5650205206177081</v>
      </c>
    </row>
    <row r="4324" spans="8:19" x14ac:dyDescent="0.3">
      <c r="H4324" s="44">
        <v>4317</v>
      </c>
      <c r="I4324" s="56">
        <f>Bühler!I4350</f>
        <v>0.27977073228810601</v>
      </c>
      <c r="J4324" s="59">
        <f>Bühler!J4350</f>
        <v>0.93256910762702006</v>
      </c>
      <c r="K4324" s="59">
        <f>Bühler!K4350</f>
        <v>1.39885366144053</v>
      </c>
      <c r="L4324" s="59">
        <f>Bühler!L4350</f>
        <v>6.7144975749145432</v>
      </c>
      <c r="M4324" s="58">
        <f>Bühler!M4350</f>
        <v>0</v>
      </c>
      <c r="N4324" s="56">
        <f>IF(Input!$D$19=1,J4324*Input!$C$19,0)+IF(Input!$D$20=1,K4324*Input!$C$20,0)+IF(Input!$D$21=1,L4324*Input!$C$21,0)+IF(Input!$D$22=1,M4324*Input!$C$22,0)</f>
        <v>0.27977073228810601</v>
      </c>
      <c r="O4324" s="59">
        <f>IF(Input!$D$19=2,J4324*Input!$C$19,0)+IF(Input!$D$20=2,K4324*Input!$C$20,0)+IF(Input!$D$21=2,L4324*Input!$C$21,0)+IF(Input!$D$22=2,M4324*Input!$C$22,0)</f>
        <v>0.69942683072026501</v>
      </c>
      <c r="P4324" s="59">
        <f>IF(Input!$D$19=3,J4324*Input!$C$19,0)+IF(Input!$D$20=3,K4324*Input!$C$20,0)+IF(Input!$D$21=3,L4324*Input!$C$21,0)+IF(Input!$D$22=3,M4324*Input!$C$22,0)</f>
        <v>0</v>
      </c>
      <c r="Q4324" s="75">
        <f>IF(Input!$D$19=4,J4324*Input!$C$19,0)+IF(Input!$D$20=4,K4324*Input!$C$20,0)+IF(Input!$D$21=4,L4324*Input!$C$21,0)+IF(Input!$D$22=4,M4324*Input!$C$22,0)</f>
        <v>0</v>
      </c>
      <c r="R4324" s="58">
        <v>59.736137982070147</v>
      </c>
      <c r="S4324" s="124">
        <f t="shared" si="67"/>
        <v>1.2123398399151259</v>
      </c>
    </row>
    <row r="4325" spans="8:19" x14ac:dyDescent="0.3">
      <c r="H4325" s="44">
        <v>4318</v>
      </c>
      <c r="I4325" s="56">
        <f>Bühler!I4351</f>
        <v>0.10682155232818591</v>
      </c>
      <c r="J4325" s="59">
        <f>Bühler!J4351</f>
        <v>0.35607184109395307</v>
      </c>
      <c r="K4325" s="59">
        <f>Bühler!K4351</f>
        <v>0.53410776164092955</v>
      </c>
      <c r="L4325" s="59">
        <f>Bühler!L4351</f>
        <v>2.5637172558764618</v>
      </c>
      <c r="M4325" s="58">
        <f>Bühler!M4351</f>
        <v>0</v>
      </c>
      <c r="N4325" s="56">
        <f>IF(Input!$D$19=1,J4325*Input!$C$19,0)+IF(Input!$D$20=1,K4325*Input!$C$20,0)+IF(Input!$D$21=1,L4325*Input!$C$21,0)+IF(Input!$D$22=1,M4325*Input!$C$22,0)</f>
        <v>0.10682155232818592</v>
      </c>
      <c r="O4325" s="59">
        <f>IF(Input!$D$19=2,J4325*Input!$C$19,0)+IF(Input!$D$20=2,K4325*Input!$C$20,0)+IF(Input!$D$21=2,L4325*Input!$C$21,0)+IF(Input!$D$22=2,M4325*Input!$C$22,0)</f>
        <v>0.26705388082046477</v>
      </c>
      <c r="P4325" s="59">
        <f>IF(Input!$D$19=3,J4325*Input!$C$19,0)+IF(Input!$D$20=3,K4325*Input!$C$20,0)+IF(Input!$D$21=3,L4325*Input!$C$21,0)+IF(Input!$D$22=3,M4325*Input!$C$22,0)</f>
        <v>0</v>
      </c>
      <c r="Q4325" s="75">
        <f>IF(Input!$D$19=4,J4325*Input!$C$19,0)+IF(Input!$D$20=4,K4325*Input!$C$20,0)+IF(Input!$D$21=4,L4325*Input!$C$21,0)+IF(Input!$D$22=4,M4325*Input!$C$22,0)</f>
        <v>0</v>
      </c>
      <c r="R4325" s="58">
        <v>58.095288981821355</v>
      </c>
      <c r="S4325" s="124">
        <f t="shared" si="67"/>
        <v>0.46289339342213898</v>
      </c>
    </row>
    <row r="4326" spans="8:19" x14ac:dyDescent="0.3">
      <c r="H4326" s="44">
        <v>4319</v>
      </c>
      <c r="I4326" s="56">
        <f>Bühler!I4352</f>
        <v>0.10682155232818591</v>
      </c>
      <c r="J4326" s="59">
        <f>Bühler!J4352</f>
        <v>0.35607184109395307</v>
      </c>
      <c r="K4326" s="59">
        <f>Bühler!K4352</f>
        <v>0.53410776164092955</v>
      </c>
      <c r="L4326" s="59">
        <f>Bühler!L4352</f>
        <v>2.5637172558764618</v>
      </c>
      <c r="M4326" s="58">
        <f>Bühler!M4352</f>
        <v>0</v>
      </c>
      <c r="N4326" s="56">
        <f>IF(Input!$D$19=1,J4326*Input!$C$19,0)+IF(Input!$D$20=1,K4326*Input!$C$20,0)+IF(Input!$D$21=1,L4326*Input!$C$21,0)+IF(Input!$D$22=1,M4326*Input!$C$22,0)</f>
        <v>0.10682155232818592</v>
      </c>
      <c r="O4326" s="59">
        <f>IF(Input!$D$19=2,J4326*Input!$C$19,0)+IF(Input!$D$20=2,K4326*Input!$C$20,0)+IF(Input!$D$21=2,L4326*Input!$C$21,0)+IF(Input!$D$22=2,M4326*Input!$C$22,0)</f>
        <v>0.26705388082046477</v>
      </c>
      <c r="P4326" s="59">
        <f>IF(Input!$D$19=3,J4326*Input!$C$19,0)+IF(Input!$D$20=3,K4326*Input!$C$20,0)+IF(Input!$D$21=3,L4326*Input!$C$21,0)+IF(Input!$D$22=3,M4326*Input!$C$22,0)</f>
        <v>0</v>
      </c>
      <c r="Q4326" s="75">
        <f>IF(Input!$D$19=4,J4326*Input!$C$19,0)+IF(Input!$D$20=4,K4326*Input!$C$20,0)+IF(Input!$D$21=4,L4326*Input!$C$21,0)+IF(Input!$D$22=4,M4326*Input!$C$22,0)</f>
        <v>0</v>
      </c>
      <c r="R4326" s="58">
        <v>58.162885368045174</v>
      </c>
      <c r="S4326" s="124">
        <f t="shared" si="67"/>
        <v>0.46289339342213898</v>
      </c>
    </row>
    <row r="4327" spans="8:19" x14ac:dyDescent="0.3">
      <c r="H4327" s="44">
        <v>4320</v>
      </c>
      <c r="I4327" s="56">
        <f>Bühler!I4353</f>
        <v>0.10682155232818591</v>
      </c>
      <c r="J4327" s="59">
        <f>Bühler!J4353</f>
        <v>0.35607184109395307</v>
      </c>
      <c r="K4327" s="59">
        <f>Bühler!K4353</f>
        <v>0.53410776164092955</v>
      </c>
      <c r="L4327" s="59">
        <f>Bühler!L4353</f>
        <v>2.5637172558764618</v>
      </c>
      <c r="M4327" s="58">
        <f>Bühler!M4353</f>
        <v>0</v>
      </c>
      <c r="N4327" s="56">
        <f>IF(Input!$D$19=1,J4327*Input!$C$19,0)+IF(Input!$D$20=1,K4327*Input!$C$20,0)+IF(Input!$D$21=1,L4327*Input!$C$21,0)+IF(Input!$D$22=1,M4327*Input!$C$22,0)</f>
        <v>0.10682155232818592</v>
      </c>
      <c r="O4327" s="59">
        <f>IF(Input!$D$19=2,J4327*Input!$C$19,0)+IF(Input!$D$20=2,K4327*Input!$C$20,0)+IF(Input!$D$21=2,L4327*Input!$C$21,0)+IF(Input!$D$22=2,M4327*Input!$C$22,0)</f>
        <v>0.26705388082046477</v>
      </c>
      <c r="P4327" s="59">
        <f>IF(Input!$D$19=3,J4327*Input!$C$19,0)+IF(Input!$D$20=3,K4327*Input!$C$20,0)+IF(Input!$D$21=3,L4327*Input!$C$21,0)+IF(Input!$D$22=3,M4327*Input!$C$22,0)</f>
        <v>0</v>
      </c>
      <c r="Q4327" s="75">
        <f>IF(Input!$D$19=4,J4327*Input!$C$19,0)+IF(Input!$D$20=4,K4327*Input!$C$20,0)+IF(Input!$D$21=4,L4327*Input!$C$21,0)+IF(Input!$D$22=4,M4327*Input!$C$22,0)</f>
        <v>0</v>
      </c>
      <c r="R4327" s="58">
        <v>57.564863532555222</v>
      </c>
      <c r="S4327" s="124">
        <f t="shared" si="67"/>
        <v>0.46289339342213898</v>
      </c>
    </row>
    <row r="4328" spans="8:19" x14ac:dyDescent="0.3">
      <c r="H4328" s="44">
        <v>4321</v>
      </c>
      <c r="I4328" s="56">
        <f>Bühler!I4354</f>
        <v>4.9965804581437435E-2</v>
      </c>
      <c r="J4328" s="59">
        <f>Bühler!J4354</f>
        <v>0.16655268193812481</v>
      </c>
      <c r="K4328" s="59">
        <f>Bühler!K4354</f>
        <v>0.24982902290718723</v>
      </c>
      <c r="L4328" s="59">
        <f>Bühler!L4354</f>
        <v>3.5742769209266791</v>
      </c>
      <c r="M4328" s="58">
        <f>Bühler!M4354</f>
        <v>0</v>
      </c>
      <c r="N4328" s="56">
        <f>IF(Input!$D$19=1,J4328*Input!$C$19,0)+IF(Input!$D$20=1,K4328*Input!$C$20,0)+IF(Input!$D$21=1,L4328*Input!$C$21,0)+IF(Input!$D$22=1,M4328*Input!$C$22,0)</f>
        <v>4.9965804581437442E-2</v>
      </c>
      <c r="O4328" s="59">
        <f>IF(Input!$D$19=2,J4328*Input!$C$19,0)+IF(Input!$D$20=2,K4328*Input!$C$20,0)+IF(Input!$D$21=2,L4328*Input!$C$21,0)+IF(Input!$D$22=2,M4328*Input!$C$22,0)</f>
        <v>0.12491451145359361</v>
      </c>
      <c r="P4328" s="59">
        <f>IF(Input!$D$19=3,J4328*Input!$C$19,0)+IF(Input!$D$20=3,K4328*Input!$C$20,0)+IF(Input!$D$21=3,L4328*Input!$C$21,0)+IF(Input!$D$22=3,M4328*Input!$C$22,0)</f>
        <v>0</v>
      </c>
      <c r="Q4328" s="75">
        <f>IF(Input!$D$19=4,J4328*Input!$C$19,0)+IF(Input!$D$20=4,K4328*Input!$C$20,0)+IF(Input!$D$21=4,L4328*Input!$C$21,0)+IF(Input!$D$22=4,M4328*Input!$C$22,0)</f>
        <v>0</v>
      </c>
      <c r="R4328" s="58">
        <v>56.677788930771108</v>
      </c>
      <c r="S4328" s="124">
        <f t="shared" si="67"/>
        <v>0.21651848651956224</v>
      </c>
    </row>
    <row r="4329" spans="8:19" x14ac:dyDescent="0.3">
      <c r="H4329" s="44">
        <v>4322</v>
      </c>
      <c r="I4329" s="56">
        <f>Bühler!I4355</f>
        <v>9.7552285135187392E-2</v>
      </c>
      <c r="J4329" s="59">
        <f>Bühler!J4355</f>
        <v>0.32517428378395802</v>
      </c>
      <c r="K4329" s="59">
        <f>Bühler!K4355</f>
        <v>0.487761425675937</v>
      </c>
      <c r="L4329" s="59">
        <f>Bühler!L4355</f>
        <v>6.9783501789520885</v>
      </c>
      <c r="M4329" s="58">
        <f>Bühler!M4355</f>
        <v>0</v>
      </c>
      <c r="N4329" s="56">
        <f>IF(Input!$D$19=1,J4329*Input!$C$19,0)+IF(Input!$D$20=1,K4329*Input!$C$20,0)+IF(Input!$D$21=1,L4329*Input!$C$21,0)+IF(Input!$D$22=1,M4329*Input!$C$22,0)</f>
        <v>9.7552285135187405E-2</v>
      </c>
      <c r="O4329" s="59">
        <f>IF(Input!$D$19=2,J4329*Input!$C$19,0)+IF(Input!$D$20=2,K4329*Input!$C$20,0)+IF(Input!$D$21=2,L4329*Input!$C$21,0)+IF(Input!$D$22=2,M4329*Input!$C$22,0)</f>
        <v>0.2438807128379685</v>
      </c>
      <c r="P4329" s="59">
        <f>IF(Input!$D$19=3,J4329*Input!$C$19,0)+IF(Input!$D$20=3,K4329*Input!$C$20,0)+IF(Input!$D$21=3,L4329*Input!$C$21,0)+IF(Input!$D$22=3,M4329*Input!$C$22,0)</f>
        <v>0</v>
      </c>
      <c r="Q4329" s="75">
        <f>IF(Input!$D$19=4,J4329*Input!$C$19,0)+IF(Input!$D$20=4,K4329*Input!$C$20,0)+IF(Input!$D$21=4,L4329*Input!$C$21,0)+IF(Input!$D$22=4,M4329*Input!$C$22,0)</f>
        <v>0</v>
      </c>
      <c r="R4329" s="58">
        <v>55.035402683931991</v>
      </c>
      <c r="S4329" s="124">
        <f t="shared" si="67"/>
        <v>0.4227265689191454</v>
      </c>
    </row>
    <row r="4330" spans="8:19" x14ac:dyDescent="0.3">
      <c r="H4330" s="44">
        <v>4323</v>
      </c>
      <c r="I4330" s="56">
        <f>Bühler!I4356</f>
        <v>9.7552285135187392E-2</v>
      </c>
      <c r="J4330" s="59">
        <f>Bühler!J4356</f>
        <v>0.32517428378395802</v>
      </c>
      <c r="K4330" s="59">
        <f>Bühler!K4356</f>
        <v>0.487761425675937</v>
      </c>
      <c r="L4330" s="59">
        <f>Bühler!L4356</f>
        <v>6.9783501789520885</v>
      </c>
      <c r="M4330" s="58">
        <f>Bühler!M4356</f>
        <v>0</v>
      </c>
      <c r="N4330" s="56">
        <f>IF(Input!$D$19=1,J4330*Input!$C$19,0)+IF(Input!$D$20=1,K4330*Input!$C$20,0)+IF(Input!$D$21=1,L4330*Input!$C$21,0)+IF(Input!$D$22=1,M4330*Input!$C$22,0)</f>
        <v>9.7552285135187405E-2</v>
      </c>
      <c r="O4330" s="59">
        <f>IF(Input!$D$19=2,J4330*Input!$C$19,0)+IF(Input!$D$20=2,K4330*Input!$C$20,0)+IF(Input!$D$21=2,L4330*Input!$C$21,0)+IF(Input!$D$22=2,M4330*Input!$C$22,0)</f>
        <v>0.2438807128379685</v>
      </c>
      <c r="P4330" s="59">
        <f>IF(Input!$D$19=3,J4330*Input!$C$19,0)+IF(Input!$D$20=3,K4330*Input!$C$20,0)+IF(Input!$D$21=3,L4330*Input!$C$21,0)+IF(Input!$D$22=3,M4330*Input!$C$22,0)</f>
        <v>0</v>
      </c>
      <c r="Q4330" s="75">
        <f>IF(Input!$D$19=4,J4330*Input!$C$19,0)+IF(Input!$D$20=4,K4330*Input!$C$20,0)+IF(Input!$D$21=4,L4330*Input!$C$21,0)+IF(Input!$D$22=4,M4330*Input!$C$22,0)</f>
        <v>0</v>
      </c>
      <c r="R4330" s="58">
        <v>53.663772446334377</v>
      </c>
      <c r="S4330" s="124">
        <f t="shared" si="67"/>
        <v>0.4227265689191454</v>
      </c>
    </row>
    <row r="4331" spans="8:19" x14ac:dyDescent="0.3">
      <c r="H4331" s="44">
        <v>4324</v>
      </c>
      <c r="I4331" s="56">
        <f>Bühler!I4357</f>
        <v>9.7552285135187392E-2</v>
      </c>
      <c r="J4331" s="59">
        <f>Bühler!J4357</f>
        <v>0.32517428378395802</v>
      </c>
      <c r="K4331" s="59">
        <f>Bühler!K4357</f>
        <v>0.487761425675937</v>
      </c>
      <c r="L4331" s="59">
        <f>Bühler!L4357</f>
        <v>6.9783501789520885</v>
      </c>
      <c r="M4331" s="58">
        <f>Bühler!M4357</f>
        <v>0</v>
      </c>
      <c r="N4331" s="56">
        <f>IF(Input!$D$19=1,J4331*Input!$C$19,0)+IF(Input!$D$20=1,K4331*Input!$C$20,0)+IF(Input!$D$21=1,L4331*Input!$C$21,0)+IF(Input!$D$22=1,M4331*Input!$C$22,0)</f>
        <v>9.7552285135187405E-2</v>
      </c>
      <c r="O4331" s="59">
        <f>IF(Input!$D$19=2,J4331*Input!$C$19,0)+IF(Input!$D$20=2,K4331*Input!$C$20,0)+IF(Input!$D$21=2,L4331*Input!$C$21,0)+IF(Input!$D$22=2,M4331*Input!$C$22,0)</f>
        <v>0.2438807128379685</v>
      </c>
      <c r="P4331" s="59">
        <f>IF(Input!$D$19=3,J4331*Input!$C$19,0)+IF(Input!$D$20=3,K4331*Input!$C$20,0)+IF(Input!$D$21=3,L4331*Input!$C$21,0)+IF(Input!$D$22=3,M4331*Input!$C$22,0)</f>
        <v>0</v>
      </c>
      <c r="Q4331" s="75">
        <f>IF(Input!$D$19=4,J4331*Input!$C$19,0)+IF(Input!$D$20=4,K4331*Input!$C$20,0)+IF(Input!$D$21=4,L4331*Input!$C$21,0)+IF(Input!$D$22=4,M4331*Input!$C$22,0)</f>
        <v>0</v>
      </c>
      <c r="R4331" s="58">
        <v>52.792034221169352</v>
      </c>
      <c r="S4331" s="124">
        <f t="shared" si="67"/>
        <v>0.4227265689191454</v>
      </c>
    </row>
    <row r="4332" spans="8:19" x14ac:dyDescent="0.3">
      <c r="H4332" s="44">
        <v>4325</v>
      </c>
      <c r="I4332" s="56">
        <f>Bühler!I4358</f>
        <v>9.7552285135187392E-2</v>
      </c>
      <c r="J4332" s="59">
        <f>Bühler!J4358</f>
        <v>0.32517428378395802</v>
      </c>
      <c r="K4332" s="59">
        <f>Bühler!K4358</f>
        <v>0.487761425675937</v>
      </c>
      <c r="L4332" s="59">
        <f>Bühler!L4358</f>
        <v>6.9783501789520885</v>
      </c>
      <c r="M4332" s="58">
        <f>Bühler!M4358</f>
        <v>0</v>
      </c>
      <c r="N4332" s="56">
        <f>IF(Input!$D$19=1,J4332*Input!$C$19,0)+IF(Input!$D$20=1,K4332*Input!$C$20,0)+IF(Input!$D$21=1,L4332*Input!$C$21,0)+IF(Input!$D$22=1,M4332*Input!$C$22,0)</f>
        <v>9.7552285135187405E-2</v>
      </c>
      <c r="O4332" s="59">
        <f>IF(Input!$D$19=2,J4332*Input!$C$19,0)+IF(Input!$D$20=2,K4332*Input!$C$20,0)+IF(Input!$D$21=2,L4332*Input!$C$21,0)+IF(Input!$D$22=2,M4332*Input!$C$22,0)</f>
        <v>0.2438807128379685</v>
      </c>
      <c r="P4332" s="59">
        <f>IF(Input!$D$19=3,J4332*Input!$C$19,0)+IF(Input!$D$20=3,K4332*Input!$C$20,0)+IF(Input!$D$21=3,L4332*Input!$C$21,0)+IF(Input!$D$22=3,M4332*Input!$C$22,0)</f>
        <v>0</v>
      </c>
      <c r="Q4332" s="75">
        <f>IF(Input!$D$19=4,J4332*Input!$C$19,0)+IF(Input!$D$20=4,K4332*Input!$C$20,0)+IF(Input!$D$21=4,L4332*Input!$C$21,0)+IF(Input!$D$22=4,M4332*Input!$C$22,0)</f>
        <v>0</v>
      </c>
      <c r="R4332" s="58">
        <v>50.849278177358585</v>
      </c>
      <c r="S4332" s="124">
        <f t="shared" si="67"/>
        <v>0.4227265689191454</v>
      </c>
    </row>
    <row r="4333" spans="8:19" x14ac:dyDescent="0.3">
      <c r="H4333" s="44">
        <v>4326</v>
      </c>
      <c r="I4333" s="56">
        <f>Bühler!I4359</f>
        <v>0.12134552541206235</v>
      </c>
      <c r="J4333" s="59">
        <f>Bühler!J4359</f>
        <v>0.40448508470687455</v>
      </c>
      <c r="K4333" s="59">
        <f>Bühler!K4359</f>
        <v>0.6067276270603118</v>
      </c>
      <c r="L4333" s="59">
        <f>Bühler!L4359</f>
        <v>8.6803868079647941</v>
      </c>
      <c r="M4333" s="58">
        <f>Bühler!M4359</f>
        <v>0</v>
      </c>
      <c r="N4333" s="56">
        <f>IF(Input!$D$19=1,J4333*Input!$C$19,0)+IF(Input!$D$20=1,K4333*Input!$C$20,0)+IF(Input!$D$21=1,L4333*Input!$C$21,0)+IF(Input!$D$22=1,M4333*Input!$C$22,0)</f>
        <v>0.12134552541206237</v>
      </c>
      <c r="O4333" s="59">
        <f>IF(Input!$D$19=2,J4333*Input!$C$19,0)+IF(Input!$D$20=2,K4333*Input!$C$20,0)+IF(Input!$D$21=2,L4333*Input!$C$21,0)+IF(Input!$D$22=2,M4333*Input!$C$22,0)</f>
        <v>0.3033638135301559</v>
      </c>
      <c r="P4333" s="59">
        <f>IF(Input!$D$19=3,J4333*Input!$C$19,0)+IF(Input!$D$20=3,K4333*Input!$C$20,0)+IF(Input!$D$21=3,L4333*Input!$C$21,0)+IF(Input!$D$22=3,M4333*Input!$C$22,0)</f>
        <v>0</v>
      </c>
      <c r="Q4333" s="75">
        <f>IF(Input!$D$19=4,J4333*Input!$C$19,0)+IF(Input!$D$20=4,K4333*Input!$C$20,0)+IF(Input!$D$21=4,L4333*Input!$C$21,0)+IF(Input!$D$22=4,M4333*Input!$C$22,0)</f>
        <v>0</v>
      </c>
      <c r="R4333" s="58">
        <v>49.614057176059511</v>
      </c>
      <c r="S4333" s="124">
        <f t="shared" si="67"/>
        <v>0.52583061011893695</v>
      </c>
    </row>
    <row r="4334" spans="8:19" x14ac:dyDescent="0.3">
      <c r="H4334" s="44">
        <v>4327</v>
      </c>
      <c r="I4334" s="56">
        <f>Bühler!I4360</f>
        <v>0.15227673777199979</v>
      </c>
      <c r="J4334" s="59">
        <f>Bühler!J4360</f>
        <v>0.50758912590666605</v>
      </c>
      <c r="K4334" s="59">
        <f>Bühler!K4360</f>
        <v>0.76138368885999907</v>
      </c>
      <c r="L4334" s="59">
        <f>Bühler!L4360</f>
        <v>10.893034425681307</v>
      </c>
      <c r="M4334" s="58">
        <f>Bühler!M4360</f>
        <v>0</v>
      </c>
      <c r="N4334" s="56">
        <f>IF(Input!$D$19=1,J4334*Input!$C$19,0)+IF(Input!$D$20=1,K4334*Input!$C$20,0)+IF(Input!$D$21=1,L4334*Input!$C$21,0)+IF(Input!$D$22=1,M4334*Input!$C$22,0)</f>
        <v>0.15227673777199982</v>
      </c>
      <c r="O4334" s="59">
        <f>IF(Input!$D$19=2,J4334*Input!$C$19,0)+IF(Input!$D$20=2,K4334*Input!$C$20,0)+IF(Input!$D$21=2,L4334*Input!$C$21,0)+IF(Input!$D$22=2,M4334*Input!$C$22,0)</f>
        <v>0.38069184442999954</v>
      </c>
      <c r="P4334" s="59">
        <f>IF(Input!$D$19=3,J4334*Input!$C$19,0)+IF(Input!$D$20=3,K4334*Input!$C$20,0)+IF(Input!$D$21=3,L4334*Input!$C$21,0)+IF(Input!$D$22=3,M4334*Input!$C$22,0)</f>
        <v>0</v>
      </c>
      <c r="Q4334" s="75">
        <f>IF(Input!$D$19=4,J4334*Input!$C$19,0)+IF(Input!$D$20=4,K4334*Input!$C$20,0)+IF(Input!$D$21=4,L4334*Input!$C$21,0)+IF(Input!$D$22=4,M4334*Input!$C$22,0)</f>
        <v>0</v>
      </c>
      <c r="R4334" s="58">
        <v>48.857208519779107</v>
      </c>
      <c r="S4334" s="124">
        <f t="shared" si="67"/>
        <v>0.65986586367866584</v>
      </c>
    </row>
    <row r="4335" spans="8:19" x14ac:dyDescent="0.3">
      <c r="H4335" s="44">
        <v>4328</v>
      </c>
      <c r="I4335" s="56">
        <f>Bühler!I4361</f>
        <v>0.17369065402118727</v>
      </c>
      <c r="J4335" s="59">
        <f>Bühler!J4361</f>
        <v>0.57896884673729099</v>
      </c>
      <c r="K4335" s="59">
        <f>Bühler!K4361</f>
        <v>0.86845327010593654</v>
      </c>
      <c r="L4335" s="59">
        <f>Bühler!L4361</f>
        <v>12.424867391792741</v>
      </c>
      <c r="M4335" s="58">
        <f>Bühler!M4361</f>
        <v>0</v>
      </c>
      <c r="N4335" s="56">
        <f>IF(Input!$D$19=1,J4335*Input!$C$19,0)+IF(Input!$D$20=1,K4335*Input!$C$20,0)+IF(Input!$D$21=1,L4335*Input!$C$21,0)+IF(Input!$D$22=1,M4335*Input!$C$22,0)</f>
        <v>0.1736906540211873</v>
      </c>
      <c r="O4335" s="59">
        <f>IF(Input!$D$19=2,J4335*Input!$C$19,0)+IF(Input!$D$20=2,K4335*Input!$C$20,0)+IF(Input!$D$21=2,L4335*Input!$C$21,0)+IF(Input!$D$22=2,M4335*Input!$C$22,0)</f>
        <v>0.43422663505296827</v>
      </c>
      <c r="P4335" s="59">
        <f>IF(Input!$D$19=3,J4335*Input!$C$19,0)+IF(Input!$D$20=3,K4335*Input!$C$20,0)+IF(Input!$D$21=3,L4335*Input!$C$21,0)+IF(Input!$D$22=3,M4335*Input!$C$22,0)</f>
        <v>0</v>
      </c>
      <c r="Q4335" s="75">
        <f>IF(Input!$D$19=4,J4335*Input!$C$19,0)+IF(Input!$D$20=4,K4335*Input!$C$20,0)+IF(Input!$D$21=4,L4335*Input!$C$21,0)+IF(Input!$D$22=4,M4335*Input!$C$22,0)</f>
        <v>0</v>
      </c>
      <c r="R4335" s="58">
        <v>49.125900378883252</v>
      </c>
      <c r="S4335" s="124">
        <f t="shared" si="67"/>
        <v>0.75265950075847821</v>
      </c>
    </row>
    <row r="4336" spans="8:19" x14ac:dyDescent="0.3">
      <c r="H4336" s="44">
        <v>4329</v>
      </c>
      <c r="I4336" s="56">
        <f>Bühler!I4362</f>
        <v>0.17369065402118727</v>
      </c>
      <c r="J4336" s="59">
        <f>Bühler!J4362</f>
        <v>0.57896884673729099</v>
      </c>
      <c r="K4336" s="59">
        <f>Bühler!K4362</f>
        <v>0.86845327010593654</v>
      </c>
      <c r="L4336" s="59">
        <f>Bühler!L4362</f>
        <v>12.424867391792741</v>
      </c>
      <c r="M4336" s="58">
        <f>Bühler!M4362</f>
        <v>0</v>
      </c>
      <c r="N4336" s="56">
        <f>IF(Input!$D$19=1,J4336*Input!$C$19,0)+IF(Input!$D$20=1,K4336*Input!$C$20,0)+IF(Input!$D$21=1,L4336*Input!$C$21,0)+IF(Input!$D$22=1,M4336*Input!$C$22,0)</f>
        <v>0.1736906540211873</v>
      </c>
      <c r="O4336" s="59">
        <f>IF(Input!$D$19=2,J4336*Input!$C$19,0)+IF(Input!$D$20=2,K4336*Input!$C$20,0)+IF(Input!$D$21=2,L4336*Input!$C$21,0)+IF(Input!$D$22=2,M4336*Input!$C$22,0)</f>
        <v>0.43422663505296827</v>
      </c>
      <c r="P4336" s="59">
        <f>IF(Input!$D$19=3,J4336*Input!$C$19,0)+IF(Input!$D$20=3,K4336*Input!$C$20,0)+IF(Input!$D$21=3,L4336*Input!$C$21,0)+IF(Input!$D$22=3,M4336*Input!$C$22,0)</f>
        <v>0</v>
      </c>
      <c r="Q4336" s="75">
        <f>IF(Input!$D$19=4,J4336*Input!$C$19,0)+IF(Input!$D$20=4,K4336*Input!$C$20,0)+IF(Input!$D$21=4,L4336*Input!$C$21,0)+IF(Input!$D$22=4,M4336*Input!$C$22,0)</f>
        <v>0</v>
      </c>
      <c r="R4336" s="58">
        <v>48.882332251389506</v>
      </c>
      <c r="S4336" s="124">
        <f t="shared" si="67"/>
        <v>0.75265950075847821</v>
      </c>
    </row>
    <row r="4337" spans="8:19" x14ac:dyDescent="0.3">
      <c r="H4337" s="44">
        <v>4330</v>
      </c>
      <c r="I4337" s="56">
        <f>Bühler!I4363</f>
        <v>0.17369065402118727</v>
      </c>
      <c r="J4337" s="59">
        <f>Bühler!J4363</f>
        <v>0.57896884673729099</v>
      </c>
      <c r="K4337" s="59">
        <f>Bühler!K4363</f>
        <v>0.86845327010593654</v>
      </c>
      <c r="L4337" s="59">
        <f>Bühler!L4363</f>
        <v>12.424867391792741</v>
      </c>
      <c r="M4337" s="58">
        <f>Bühler!M4363</f>
        <v>0</v>
      </c>
      <c r="N4337" s="56">
        <f>IF(Input!$D$19=1,J4337*Input!$C$19,0)+IF(Input!$D$20=1,K4337*Input!$C$20,0)+IF(Input!$D$21=1,L4337*Input!$C$21,0)+IF(Input!$D$22=1,M4337*Input!$C$22,0)</f>
        <v>0.1736906540211873</v>
      </c>
      <c r="O4337" s="59">
        <f>IF(Input!$D$19=2,J4337*Input!$C$19,0)+IF(Input!$D$20=2,K4337*Input!$C$20,0)+IF(Input!$D$21=2,L4337*Input!$C$21,0)+IF(Input!$D$22=2,M4337*Input!$C$22,0)</f>
        <v>0.43422663505296827</v>
      </c>
      <c r="P4337" s="59">
        <f>IF(Input!$D$19=3,J4337*Input!$C$19,0)+IF(Input!$D$20=3,K4337*Input!$C$20,0)+IF(Input!$D$21=3,L4337*Input!$C$21,0)+IF(Input!$D$22=3,M4337*Input!$C$22,0)</f>
        <v>0</v>
      </c>
      <c r="Q4337" s="75">
        <f>IF(Input!$D$19=4,J4337*Input!$C$19,0)+IF(Input!$D$20=4,K4337*Input!$C$20,0)+IF(Input!$D$21=4,L4337*Input!$C$21,0)+IF(Input!$D$22=4,M4337*Input!$C$22,0)</f>
        <v>0</v>
      </c>
      <c r="R4337" s="58">
        <v>48.875604600817866</v>
      </c>
      <c r="S4337" s="124">
        <f t="shared" si="67"/>
        <v>0.75265950075847821</v>
      </c>
    </row>
    <row r="4338" spans="8:19" x14ac:dyDescent="0.3">
      <c r="H4338" s="44">
        <v>4331</v>
      </c>
      <c r="I4338" s="56">
        <f>Bühler!I4364</f>
        <v>0.17369065402118727</v>
      </c>
      <c r="J4338" s="59">
        <f>Bühler!J4364</f>
        <v>0.57896884673729099</v>
      </c>
      <c r="K4338" s="59">
        <f>Bühler!K4364</f>
        <v>0.86845327010593654</v>
      </c>
      <c r="L4338" s="59">
        <f>Bühler!L4364</f>
        <v>12.424867391792741</v>
      </c>
      <c r="M4338" s="58">
        <f>Bühler!M4364</f>
        <v>0</v>
      </c>
      <c r="N4338" s="56">
        <f>IF(Input!$D$19=1,J4338*Input!$C$19,0)+IF(Input!$D$20=1,K4338*Input!$C$20,0)+IF(Input!$D$21=1,L4338*Input!$C$21,0)+IF(Input!$D$22=1,M4338*Input!$C$22,0)</f>
        <v>0.1736906540211873</v>
      </c>
      <c r="O4338" s="59">
        <f>IF(Input!$D$19=2,J4338*Input!$C$19,0)+IF(Input!$D$20=2,K4338*Input!$C$20,0)+IF(Input!$D$21=2,L4338*Input!$C$21,0)+IF(Input!$D$22=2,M4338*Input!$C$22,0)</f>
        <v>0.43422663505296827</v>
      </c>
      <c r="P4338" s="59">
        <f>IF(Input!$D$19=3,J4338*Input!$C$19,0)+IF(Input!$D$20=3,K4338*Input!$C$20,0)+IF(Input!$D$21=3,L4338*Input!$C$21,0)+IF(Input!$D$22=3,M4338*Input!$C$22,0)</f>
        <v>0</v>
      </c>
      <c r="Q4338" s="75">
        <f>IF(Input!$D$19=4,J4338*Input!$C$19,0)+IF(Input!$D$20=4,K4338*Input!$C$20,0)+IF(Input!$D$21=4,L4338*Input!$C$21,0)+IF(Input!$D$22=4,M4338*Input!$C$22,0)</f>
        <v>0</v>
      </c>
      <c r="R4338" s="58">
        <v>48.960109110822096</v>
      </c>
      <c r="S4338" s="124">
        <f t="shared" si="67"/>
        <v>0.75265950075847821</v>
      </c>
    </row>
    <row r="4339" spans="8:19" x14ac:dyDescent="0.3">
      <c r="H4339" s="44">
        <v>4332</v>
      </c>
      <c r="I4339" s="56">
        <f>Bühler!I4365</f>
        <v>0.17369065402118727</v>
      </c>
      <c r="J4339" s="59">
        <f>Bühler!J4365</f>
        <v>0.57896884673729099</v>
      </c>
      <c r="K4339" s="59">
        <f>Bühler!K4365</f>
        <v>0.86845327010593654</v>
      </c>
      <c r="L4339" s="59">
        <f>Bühler!L4365</f>
        <v>12.424867391792741</v>
      </c>
      <c r="M4339" s="58">
        <f>Bühler!M4365</f>
        <v>0</v>
      </c>
      <c r="N4339" s="56">
        <f>IF(Input!$D$19=1,J4339*Input!$C$19,0)+IF(Input!$D$20=1,K4339*Input!$C$20,0)+IF(Input!$D$21=1,L4339*Input!$C$21,0)+IF(Input!$D$22=1,M4339*Input!$C$22,0)</f>
        <v>0.1736906540211873</v>
      </c>
      <c r="O4339" s="59">
        <f>IF(Input!$D$19=2,J4339*Input!$C$19,0)+IF(Input!$D$20=2,K4339*Input!$C$20,0)+IF(Input!$D$21=2,L4339*Input!$C$21,0)+IF(Input!$D$22=2,M4339*Input!$C$22,0)</f>
        <v>0.43422663505296827</v>
      </c>
      <c r="P4339" s="59">
        <f>IF(Input!$D$19=3,J4339*Input!$C$19,0)+IF(Input!$D$20=3,K4339*Input!$C$20,0)+IF(Input!$D$21=3,L4339*Input!$C$21,0)+IF(Input!$D$22=3,M4339*Input!$C$22,0)</f>
        <v>0</v>
      </c>
      <c r="Q4339" s="75">
        <f>IF(Input!$D$19=4,J4339*Input!$C$19,0)+IF(Input!$D$20=4,K4339*Input!$C$20,0)+IF(Input!$D$21=4,L4339*Input!$C$21,0)+IF(Input!$D$22=4,M4339*Input!$C$22,0)</f>
        <v>0</v>
      </c>
      <c r="R4339" s="58">
        <v>48.758954384829202</v>
      </c>
      <c r="S4339" s="124">
        <f t="shared" si="67"/>
        <v>0.75265950075847821</v>
      </c>
    </row>
    <row r="4340" spans="8:19" x14ac:dyDescent="0.3">
      <c r="H4340" s="44">
        <v>4333</v>
      </c>
      <c r="I4340" s="56">
        <f>Bühler!I4366</f>
        <v>0.17369065402118727</v>
      </c>
      <c r="J4340" s="59">
        <f>Bühler!J4366</f>
        <v>0.57896884673729099</v>
      </c>
      <c r="K4340" s="59">
        <f>Bühler!K4366</f>
        <v>0.86845327010593654</v>
      </c>
      <c r="L4340" s="59">
        <f>Bühler!L4366</f>
        <v>12.424867391792741</v>
      </c>
      <c r="M4340" s="58">
        <f>Bühler!M4366</f>
        <v>0</v>
      </c>
      <c r="N4340" s="56">
        <f>IF(Input!$D$19=1,J4340*Input!$C$19,0)+IF(Input!$D$20=1,K4340*Input!$C$20,0)+IF(Input!$D$21=1,L4340*Input!$C$21,0)+IF(Input!$D$22=1,M4340*Input!$C$22,0)</f>
        <v>0.1736906540211873</v>
      </c>
      <c r="O4340" s="59">
        <f>IF(Input!$D$19=2,J4340*Input!$C$19,0)+IF(Input!$D$20=2,K4340*Input!$C$20,0)+IF(Input!$D$21=2,L4340*Input!$C$21,0)+IF(Input!$D$22=2,M4340*Input!$C$22,0)</f>
        <v>0.43422663505296827</v>
      </c>
      <c r="P4340" s="59">
        <f>IF(Input!$D$19=3,J4340*Input!$C$19,0)+IF(Input!$D$20=3,K4340*Input!$C$20,0)+IF(Input!$D$21=3,L4340*Input!$C$21,0)+IF(Input!$D$22=3,M4340*Input!$C$22,0)</f>
        <v>0</v>
      </c>
      <c r="Q4340" s="75">
        <f>IF(Input!$D$19=4,J4340*Input!$C$19,0)+IF(Input!$D$20=4,K4340*Input!$C$20,0)+IF(Input!$D$21=4,L4340*Input!$C$21,0)+IF(Input!$D$22=4,M4340*Input!$C$22,0)</f>
        <v>0</v>
      </c>
      <c r="R4340" s="58">
        <v>47.923287673657839</v>
      </c>
      <c r="S4340" s="124">
        <f t="shared" si="67"/>
        <v>0.75265950075847821</v>
      </c>
    </row>
    <row r="4341" spans="8:19" x14ac:dyDescent="0.3">
      <c r="H4341" s="44">
        <v>4334</v>
      </c>
      <c r="I4341" s="56">
        <f>Bühler!I4367</f>
        <v>0.17369065402118727</v>
      </c>
      <c r="J4341" s="59">
        <f>Bühler!J4367</f>
        <v>0.57896884673729099</v>
      </c>
      <c r="K4341" s="59">
        <f>Bühler!K4367</f>
        <v>0.86845327010593654</v>
      </c>
      <c r="L4341" s="59">
        <f>Bühler!L4367</f>
        <v>12.424867391792741</v>
      </c>
      <c r="M4341" s="58">
        <f>Bühler!M4367</f>
        <v>0</v>
      </c>
      <c r="N4341" s="56">
        <f>IF(Input!$D$19=1,J4341*Input!$C$19,0)+IF(Input!$D$20=1,K4341*Input!$C$20,0)+IF(Input!$D$21=1,L4341*Input!$C$21,0)+IF(Input!$D$22=1,M4341*Input!$C$22,0)</f>
        <v>0.1736906540211873</v>
      </c>
      <c r="O4341" s="59">
        <f>IF(Input!$D$19=2,J4341*Input!$C$19,0)+IF(Input!$D$20=2,K4341*Input!$C$20,0)+IF(Input!$D$21=2,L4341*Input!$C$21,0)+IF(Input!$D$22=2,M4341*Input!$C$22,0)</f>
        <v>0.43422663505296827</v>
      </c>
      <c r="P4341" s="59">
        <f>IF(Input!$D$19=3,J4341*Input!$C$19,0)+IF(Input!$D$20=3,K4341*Input!$C$20,0)+IF(Input!$D$21=3,L4341*Input!$C$21,0)+IF(Input!$D$22=3,M4341*Input!$C$22,0)</f>
        <v>0</v>
      </c>
      <c r="Q4341" s="75">
        <f>IF(Input!$D$19=4,J4341*Input!$C$19,0)+IF(Input!$D$20=4,K4341*Input!$C$20,0)+IF(Input!$D$21=4,L4341*Input!$C$21,0)+IF(Input!$D$22=4,M4341*Input!$C$22,0)</f>
        <v>0</v>
      </c>
      <c r="R4341" s="58">
        <v>47.105270564144014</v>
      </c>
      <c r="S4341" s="124">
        <f t="shared" si="67"/>
        <v>0.75265950075847821</v>
      </c>
    </row>
    <row r="4342" spans="8:19" x14ac:dyDescent="0.3">
      <c r="H4342" s="44">
        <v>4335</v>
      </c>
      <c r="I4342" s="56">
        <f>Bühler!I4368</f>
        <v>0.17369065402118727</v>
      </c>
      <c r="J4342" s="59">
        <f>Bühler!J4368</f>
        <v>0.57896884673729099</v>
      </c>
      <c r="K4342" s="59">
        <f>Bühler!K4368</f>
        <v>0.86845327010593654</v>
      </c>
      <c r="L4342" s="59">
        <f>Bühler!L4368</f>
        <v>12.424867391792741</v>
      </c>
      <c r="M4342" s="58">
        <f>Bühler!M4368</f>
        <v>0</v>
      </c>
      <c r="N4342" s="56">
        <f>IF(Input!$D$19=1,J4342*Input!$C$19,0)+IF(Input!$D$20=1,K4342*Input!$C$20,0)+IF(Input!$D$21=1,L4342*Input!$C$21,0)+IF(Input!$D$22=1,M4342*Input!$C$22,0)</f>
        <v>0.1736906540211873</v>
      </c>
      <c r="O4342" s="59">
        <f>IF(Input!$D$19=2,J4342*Input!$C$19,0)+IF(Input!$D$20=2,K4342*Input!$C$20,0)+IF(Input!$D$21=2,L4342*Input!$C$21,0)+IF(Input!$D$22=2,M4342*Input!$C$22,0)</f>
        <v>0.43422663505296827</v>
      </c>
      <c r="P4342" s="59">
        <f>IF(Input!$D$19=3,J4342*Input!$C$19,0)+IF(Input!$D$20=3,K4342*Input!$C$20,0)+IF(Input!$D$21=3,L4342*Input!$C$21,0)+IF(Input!$D$22=3,M4342*Input!$C$22,0)</f>
        <v>0</v>
      </c>
      <c r="Q4342" s="75">
        <f>IF(Input!$D$19=4,J4342*Input!$C$19,0)+IF(Input!$D$20=4,K4342*Input!$C$20,0)+IF(Input!$D$21=4,L4342*Input!$C$21,0)+IF(Input!$D$22=4,M4342*Input!$C$22,0)</f>
        <v>0</v>
      </c>
      <c r="R4342" s="58">
        <v>46.452008862170615</v>
      </c>
      <c r="S4342" s="124">
        <f t="shared" si="67"/>
        <v>0.75265950075847821</v>
      </c>
    </row>
    <row r="4343" spans="8:19" x14ac:dyDescent="0.3">
      <c r="H4343" s="44">
        <v>4336</v>
      </c>
      <c r="I4343" s="56">
        <f>Bühler!I4369</f>
        <v>0.15703538582737481</v>
      </c>
      <c r="J4343" s="59">
        <f>Bühler!J4369</f>
        <v>0.52345128609124936</v>
      </c>
      <c r="K4343" s="59">
        <f>Bühler!K4369</f>
        <v>0.78517692913687409</v>
      </c>
      <c r="L4343" s="59">
        <f>Bühler!L4369</f>
        <v>11.233441751483848</v>
      </c>
      <c r="M4343" s="58">
        <f>Bühler!M4369</f>
        <v>0</v>
      </c>
      <c r="N4343" s="56">
        <f>IF(Input!$D$19=1,J4343*Input!$C$19,0)+IF(Input!$D$20=1,K4343*Input!$C$20,0)+IF(Input!$D$21=1,L4343*Input!$C$21,0)+IF(Input!$D$22=1,M4343*Input!$C$22,0)</f>
        <v>0.15703538582737481</v>
      </c>
      <c r="O4343" s="59">
        <f>IF(Input!$D$19=2,J4343*Input!$C$19,0)+IF(Input!$D$20=2,K4343*Input!$C$20,0)+IF(Input!$D$21=2,L4343*Input!$C$21,0)+IF(Input!$D$22=2,M4343*Input!$C$22,0)</f>
        <v>0.39258846456843705</v>
      </c>
      <c r="P4343" s="59">
        <f>IF(Input!$D$19=3,J4343*Input!$C$19,0)+IF(Input!$D$20=3,K4343*Input!$C$20,0)+IF(Input!$D$21=3,L4343*Input!$C$21,0)+IF(Input!$D$22=3,M4343*Input!$C$22,0)</f>
        <v>0</v>
      </c>
      <c r="Q4343" s="75">
        <f>IF(Input!$D$19=4,J4343*Input!$C$19,0)+IF(Input!$D$20=4,K4343*Input!$C$20,0)+IF(Input!$D$21=4,L4343*Input!$C$21,0)+IF(Input!$D$22=4,M4343*Input!$C$22,0)</f>
        <v>0</v>
      </c>
      <c r="R4343" s="58">
        <v>46.280425224793014</v>
      </c>
      <c r="S4343" s="124">
        <f t="shared" si="67"/>
        <v>0.68048667191862422</v>
      </c>
    </row>
    <row r="4344" spans="8:19" x14ac:dyDescent="0.3">
      <c r="H4344" s="44">
        <v>4337</v>
      </c>
      <c r="I4344" s="56">
        <f>Bühler!I4370</f>
        <v>0.14275944166124982</v>
      </c>
      <c r="J4344" s="59">
        <f>Bühler!J4370</f>
        <v>0.47586480553749949</v>
      </c>
      <c r="K4344" s="59">
        <f>Bühler!K4370</f>
        <v>0.71379720830624915</v>
      </c>
      <c r="L4344" s="59">
        <f>Bühler!L4370</f>
        <v>10.212219774076228</v>
      </c>
      <c r="M4344" s="58">
        <f>Bühler!M4370</f>
        <v>0</v>
      </c>
      <c r="N4344" s="56">
        <f>IF(Input!$D$19=1,J4344*Input!$C$19,0)+IF(Input!$D$20=1,K4344*Input!$C$20,0)+IF(Input!$D$21=1,L4344*Input!$C$21,0)+IF(Input!$D$22=1,M4344*Input!$C$22,0)</f>
        <v>0.14275944166124985</v>
      </c>
      <c r="O4344" s="59">
        <f>IF(Input!$D$19=2,J4344*Input!$C$19,0)+IF(Input!$D$20=2,K4344*Input!$C$20,0)+IF(Input!$D$21=2,L4344*Input!$C$21,0)+IF(Input!$D$22=2,M4344*Input!$C$22,0)</f>
        <v>0.35689860415312458</v>
      </c>
      <c r="P4344" s="59">
        <f>IF(Input!$D$19=3,J4344*Input!$C$19,0)+IF(Input!$D$20=3,K4344*Input!$C$20,0)+IF(Input!$D$21=3,L4344*Input!$C$21,0)+IF(Input!$D$22=3,M4344*Input!$C$22,0)</f>
        <v>0</v>
      </c>
      <c r="Q4344" s="75">
        <f>IF(Input!$D$19=4,J4344*Input!$C$19,0)+IF(Input!$D$20=4,K4344*Input!$C$20,0)+IF(Input!$D$21=4,L4344*Input!$C$21,0)+IF(Input!$D$22=4,M4344*Input!$C$22,0)</f>
        <v>0</v>
      </c>
      <c r="R4344" s="58">
        <v>45.526021048708039</v>
      </c>
      <c r="S4344" s="124">
        <f t="shared" si="67"/>
        <v>0.61862424719874931</v>
      </c>
    </row>
    <row r="4345" spans="8:19" x14ac:dyDescent="0.3">
      <c r="H4345" s="44">
        <v>4338</v>
      </c>
      <c r="I4345" s="56">
        <f>Bühler!I4371</f>
        <v>0.12848349749512486</v>
      </c>
      <c r="J4345" s="59">
        <f>Bühler!J4371</f>
        <v>0.42827832498374951</v>
      </c>
      <c r="K4345" s="59">
        <f>Bühler!K4371</f>
        <v>0.64241748747562433</v>
      </c>
      <c r="L4345" s="59">
        <f>Bühler!L4371</f>
        <v>9.1909977966686025</v>
      </c>
      <c r="M4345" s="58">
        <f>Bühler!M4371</f>
        <v>0</v>
      </c>
      <c r="N4345" s="56">
        <f>IF(Input!$D$19=1,J4345*Input!$C$19,0)+IF(Input!$D$20=1,K4345*Input!$C$20,0)+IF(Input!$D$21=1,L4345*Input!$C$21,0)+IF(Input!$D$22=1,M4345*Input!$C$22,0)</f>
        <v>0.12848349749512486</v>
      </c>
      <c r="O4345" s="59">
        <f>IF(Input!$D$19=2,J4345*Input!$C$19,0)+IF(Input!$D$20=2,K4345*Input!$C$20,0)+IF(Input!$D$21=2,L4345*Input!$C$21,0)+IF(Input!$D$22=2,M4345*Input!$C$22,0)</f>
        <v>0.32120874373781216</v>
      </c>
      <c r="P4345" s="59">
        <f>IF(Input!$D$19=3,J4345*Input!$C$19,0)+IF(Input!$D$20=3,K4345*Input!$C$20,0)+IF(Input!$D$21=3,L4345*Input!$C$21,0)+IF(Input!$D$22=3,M4345*Input!$C$22,0)</f>
        <v>0</v>
      </c>
      <c r="Q4345" s="75">
        <f>IF(Input!$D$19=4,J4345*Input!$C$19,0)+IF(Input!$D$20=4,K4345*Input!$C$20,0)+IF(Input!$D$21=4,L4345*Input!$C$21,0)+IF(Input!$D$22=4,M4345*Input!$C$22,0)</f>
        <v>0</v>
      </c>
      <c r="R4345" s="58">
        <v>44.787310827360308</v>
      </c>
      <c r="S4345" s="124">
        <f t="shared" si="67"/>
        <v>0.5567618224788744</v>
      </c>
    </row>
    <row r="4346" spans="8:19" x14ac:dyDescent="0.3">
      <c r="H4346" s="44">
        <v>4339</v>
      </c>
      <c r="I4346" s="56">
        <f>Bühler!I4372</f>
        <v>0.12372484943974983</v>
      </c>
      <c r="J4346" s="59">
        <f>Bühler!J4372</f>
        <v>0.41241616479916615</v>
      </c>
      <c r="K4346" s="59">
        <f>Bühler!K4372</f>
        <v>0.6186242471987492</v>
      </c>
      <c r="L4346" s="59">
        <f>Bühler!L4372</f>
        <v>8.850590470866063</v>
      </c>
      <c r="M4346" s="58">
        <f>Bühler!M4372</f>
        <v>0</v>
      </c>
      <c r="N4346" s="56">
        <f>IF(Input!$D$19=1,J4346*Input!$C$19,0)+IF(Input!$D$20=1,K4346*Input!$C$20,0)+IF(Input!$D$21=1,L4346*Input!$C$21,0)+IF(Input!$D$22=1,M4346*Input!$C$22,0)</f>
        <v>0.12372484943974985</v>
      </c>
      <c r="O4346" s="59">
        <f>IF(Input!$D$19=2,J4346*Input!$C$19,0)+IF(Input!$D$20=2,K4346*Input!$C$20,0)+IF(Input!$D$21=2,L4346*Input!$C$21,0)+IF(Input!$D$22=2,M4346*Input!$C$22,0)</f>
        <v>0.3093121235993746</v>
      </c>
      <c r="P4346" s="59">
        <f>IF(Input!$D$19=3,J4346*Input!$C$19,0)+IF(Input!$D$20=3,K4346*Input!$C$20,0)+IF(Input!$D$21=3,L4346*Input!$C$21,0)+IF(Input!$D$22=3,M4346*Input!$C$22,0)</f>
        <v>0</v>
      </c>
      <c r="Q4346" s="75">
        <f>IF(Input!$D$19=4,J4346*Input!$C$19,0)+IF(Input!$D$20=4,K4346*Input!$C$20,0)+IF(Input!$D$21=4,L4346*Input!$C$21,0)+IF(Input!$D$22=4,M4346*Input!$C$22,0)</f>
        <v>0</v>
      </c>
      <c r="R4346" s="58">
        <v>43.868379018112947</v>
      </c>
      <c r="S4346" s="124">
        <f t="shared" si="67"/>
        <v>0.53614101423891602</v>
      </c>
    </row>
    <row r="4347" spans="8:19" x14ac:dyDescent="0.3">
      <c r="H4347" s="44">
        <v>4340</v>
      </c>
      <c r="I4347" s="56">
        <f>Bühler!I4373</f>
        <v>9.9931609162874871E-2</v>
      </c>
      <c r="J4347" s="59">
        <f>Bühler!J4373</f>
        <v>0.33310536387624962</v>
      </c>
      <c r="K4347" s="59">
        <f>Bühler!K4373</f>
        <v>0.49965804581437445</v>
      </c>
      <c r="L4347" s="59">
        <f>Bühler!L4373</f>
        <v>7.1485538418533583</v>
      </c>
      <c r="M4347" s="58">
        <f>Bühler!M4373</f>
        <v>0</v>
      </c>
      <c r="N4347" s="56">
        <f>IF(Input!$D$19=1,J4347*Input!$C$19,0)+IF(Input!$D$20=1,K4347*Input!$C$20,0)+IF(Input!$D$21=1,L4347*Input!$C$21,0)+IF(Input!$D$22=1,M4347*Input!$C$22,0)</f>
        <v>9.9931609162874885E-2</v>
      </c>
      <c r="O4347" s="59">
        <f>IF(Input!$D$19=2,J4347*Input!$C$19,0)+IF(Input!$D$20=2,K4347*Input!$C$20,0)+IF(Input!$D$21=2,L4347*Input!$C$21,0)+IF(Input!$D$22=2,M4347*Input!$C$22,0)</f>
        <v>0.24982902290718723</v>
      </c>
      <c r="P4347" s="59">
        <f>IF(Input!$D$19=3,J4347*Input!$C$19,0)+IF(Input!$D$20=3,K4347*Input!$C$20,0)+IF(Input!$D$21=3,L4347*Input!$C$21,0)+IF(Input!$D$22=3,M4347*Input!$C$22,0)</f>
        <v>0</v>
      </c>
      <c r="Q4347" s="75">
        <f>IF(Input!$D$19=4,J4347*Input!$C$19,0)+IF(Input!$D$20=4,K4347*Input!$C$20,0)+IF(Input!$D$21=4,L4347*Input!$C$21,0)+IF(Input!$D$22=4,M4347*Input!$C$22,0)</f>
        <v>0</v>
      </c>
      <c r="R4347" s="58">
        <v>43.702732715213934</v>
      </c>
      <c r="S4347" s="124">
        <f t="shared" si="67"/>
        <v>0.43303697303912447</v>
      </c>
    </row>
    <row r="4348" spans="8:19" x14ac:dyDescent="0.3">
      <c r="H4348" s="44">
        <v>4341</v>
      </c>
      <c r="I4348" s="56">
        <f>Bühler!I4374</f>
        <v>7.3759044858312403E-2</v>
      </c>
      <c r="J4348" s="59">
        <f>Bühler!J4374</f>
        <v>0.2458634828610414</v>
      </c>
      <c r="K4348" s="59">
        <f>Bühler!K4374</f>
        <v>0.36879522429156208</v>
      </c>
      <c r="L4348" s="59">
        <f>Bühler!L4374</f>
        <v>5.276313549939383</v>
      </c>
      <c r="M4348" s="58">
        <f>Bühler!M4374</f>
        <v>0</v>
      </c>
      <c r="N4348" s="56">
        <f>IF(Input!$D$19=1,J4348*Input!$C$19,0)+IF(Input!$D$20=1,K4348*Input!$C$20,0)+IF(Input!$D$21=1,L4348*Input!$C$21,0)+IF(Input!$D$22=1,M4348*Input!$C$22,0)</f>
        <v>7.3759044858312417E-2</v>
      </c>
      <c r="O4348" s="59">
        <f>IF(Input!$D$19=2,J4348*Input!$C$19,0)+IF(Input!$D$20=2,K4348*Input!$C$20,0)+IF(Input!$D$21=2,L4348*Input!$C$21,0)+IF(Input!$D$22=2,M4348*Input!$C$22,0)</f>
        <v>0.18439761214578104</v>
      </c>
      <c r="P4348" s="59">
        <f>IF(Input!$D$19=3,J4348*Input!$C$19,0)+IF(Input!$D$20=3,K4348*Input!$C$20,0)+IF(Input!$D$21=3,L4348*Input!$C$21,0)+IF(Input!$D$22=3,M4348*Input!$C$22,0)</f>
        <v>0</v>
      </c>
      <c r="Q4348" s="75">
        <f>IF(Input!$D$19=4,J4348*Input!$C$19,0)+IF(Input!$D$20=4,K4348*Input!$C$20,0)+IF(Input!$D$21=4,L4348*Input!$C$21,0)+IF(Input!$D$22=4,M4348*Input!$C$22,0)</f>
        <v>0</v>
      </c>
      <c r="R4348" s="58">
        <v>43.009987355509303</v>
      </c>
      <c r="S4348" s="124">
        <f t="shared" si="67"/>
        <v>0.31962252771935379</v>
      </c>
    </row>
    <row r="4349" spans="8:19" x14ac:dyDescent="0.3">
      <c r="H4349" s="44">
        <v>4342</v>
      </c>
      <c r="I4349" s="56">
        <f>Bühler!I4375</f>
        <v>7.3759044858312403E-2</v>
      </c>
      <c r="J4349" s="59">
        <f>Bühler!J4375</f>
        <v>0.2458634828610414</v>
      </c>
      <c r="K4349" s="59">
        <f>Bühler!K4375</f>
        <v>0.36879522429156208</v>
      </c>
      <c r="L4349" s="59">
        <f>Bühler!L4375</f>
        <v>5.276313549939383</v>
      </c>
      <c r="M4349" s="58">
        <f>Bühler!M4375</f>
        <v>0</v>
      </c>
      <c r="N4349" s="56">
        <f>IF(Input!$D$19=1,J4349*Input!$C$19,0)+IF(Input!$D$20=1,K4349*Input!$C$20,0)+IF(Input!$D$21=1,L4349*Input!$C$21,0)+IF(Input!$D$22=1,M4349*Input!$C$22,0)</f>
        <v>7.3759044858312417E-2</v>
      </c>
      <c r="O4349" s="59">
        <f>IF(Input!$D$19=2,J4349*Input!$C$19,0)+IF(Input!$D$20=2,K4349*Input!$C$20,0)+IF(Input!$D$21=2,L4349*Input!$C$21,0)+IF(Input!$D$22=2,M4349*Input!$C$22,0)</f>
        <v>0.18439761214578104</v>
      </c>
      <c r="P4349" s="59">
        <f>IF(Input!$D$19=3,J4349*Input!$C$19,0)+IF(Input!$D$20=3,K4349*Input!$C$20,0)+IF(Input!$D$21=3,L4349*Input!$C$21,0)+IF(Input!$D$22=3,M4349*Input!$C$22,0)</f>
        <v>0</v>
      </c>
      <c r="Q4349" s="75">
        <f>IF(Input!$D$19=4,J4349*Input!$C$19,0)+IF(Input!$D$20=4,K4349*Input!$C$20,0)+IF(Input!$D$21=4,L4349*Input!$C$21,0)+IF(Input!$D$22=4,M4349*Input!$C$22,0)</f>
        <v>0</v>
      </c>
      <c r="R4349" s="58">
        <v>42.191349569151164</v>
      </c>
      <c r="S4349" s="124">
        <f t="shared" si="67"/>
        <v>0.31962252771935379</v>
      </c>
    </row>
    <row r="4350" spans="8:19" x14ac:dyDescent="0.3">
      <c r="H4350" s="44">
        <v>4343</v>
      </c>
      <c r="I4350" s="56">
        <f>Bühler!I4376</f>
        <v>7.3759044858312403E-2</v>
      </c>
      <c r="J4350" s="59">
        <f>Bühler!J4376</f>
        <v>0.2458634828610414</v>
      </c>
      <c r="K4350" s="59">
        <f>Bühler!K4376</f>
        <v>0.36879522429156208</v>
      </c>
      <c r="L4350" s="59">
        <f>Bühler!L4376</f>
        <v>5.276313549939383</v>
      </c>
      <c r="M4350" s="58">
        <f>Bühler!M4376</f>
        <v>0</v>
      </c>
      <c r="N4350" s="56">
        <f>IF(Input!$D$19=1,J4350*Input!$C$19,0)+IF(Input!$D$20=1,K4350*Input!$C$20,0)+IF(Input!$D$21=1,L4350*Input!$C$21,0)+IF(Input!$D$22=1,M4350*Input!$C$22,0)</f>
        <v>7.3759044858312417E-2</v>
      </c>
      <c r="O4350" s="59">
        <f>IF(Input!$D$19=2,J4350*Input!$C$19,0)+IF(Input!$D$20=2,K4350*Input!$C$20,0)+IF(Input!$D$21=2,L4350*Input!$C$21,0)+IF(Input!$D$22=2,M4350*Input!$C$22,0)</f>
        <v>0.18439761214578104</v>
      </c>
      <c r="P4350" s="59">
        <f>IF(Input!$D$19=3,J4350*Input!$C$19,0)+IF(Input!$D$20=3,K4350*Input!$C$20,0)+IF(Input!$D$21=3,L4350*Input!$C$21,0)+IF(Input!$D$22=3,M4350*Input!$C$22,0)</f>
        <v>0</v>
      </c>
      <c r="Q4350" s="75">
        <f>IF(Input!$D$19=4,J4350*Input!$C$19,0)+IF(Input!$D$20=4,K4350*Input!$C$20,0)+IF(Input!$D$21=4,L4350*Input!$C$21,0)+IF(Input!$D$22=4,M4350*Input!$C$22,0)</f>
        <v>0</v>
      </c>
      <c r="R4350" s="58">
        <v>42.23827195403215</v>
      </c>
      <c r="S4350" s="124">
        <f t="shared" si="67"/>
        <v>0.31962252771935379</v>
      </c>
    </row>
    <row r="4351" spans="8:19" x14ac:dyDescent="0.3">
      <c r="H4351" s="44">
        <v>4344</v>
      </c>
      <c r="I4351" s="56">
        <f>Bühler!I4377</f>
        <v>7.3759044858312403E-2</v>
      </c>
      <c r="J4351" s="59">
        <f>Bühler!J4377</f>
        <v>0.2458634828610414</v>
      </c>
      <c r="K4351" s="59">
        <f>Bühler!K4377</f>
        <v>0.36879522429156208</v>
      </c>
      <c r="L4351" s="59">
        <f>Bühler!L4377</f>
        <v>5.276313549939383</v>
      </c>
      <c r="M4351" s="58">
        <f>Bühler!M4377</f>
        <v>0</v>
      </c>
      <c r="N4351" s="56">
        <f>IF(Input!$D$19=1,J4351*Input!$C$19,0)+IF(Input!$D$20=1,K4351*Input!$C$20,0)+IF(Input!$D$21=1,L4351*Input!$C$21,0)+IF(Input!$D$22=1,M4351*Input!$C$22,0)</f>
        <v>7.3759044858312417E-2</v>
      </c>
      <c r="O4351" s="59">
        <f>IF(Input!$D$19=2,J4351*Input!$C$19,0)+IF(Input!$D$20=2,K4351*Input!$C$20,0)+IF(Input!$D$21=2,L4351*Input!$C$21,0)+IF(Input!$D$22=2,M4351*Input!$C$22,0)</f>
        <v>0.18439761214578104</v>
      </c>
      <c r="P4351" s="59">
        <f>IF(Input!$D$19=3,J4351*Input!$C$19,0)+IF(Input!$D$20=3,K4351*Input!$C$20,0)+IF(Input!$D$21=3,L4351*Input!$C$21,0)+IF(Input!$D$22=3,M4351*Input!$C$22,0)</f>
        <v>0</v>
      </c>
      <c r="Q4351" s="75">
        <f>IF(Input!$D$19=4,J4351*Input!$C$19,0)+IF(Input!$D$20=4,K4351*Input!$C$20,0)+IF(Input!$D$21=4,L4351*Input!$C$21,0)+IF(Input!$D$22=4,M4351*Input!$C$22,0)</f>
        <v>0</v>
      </c>
      <c r="R4351" s="58">
        <v>42.446955708839852</v>
      </c>
      <c r="S4351" s="124">
        <f t="shared" si="67"/>
        <v>0.31962252771935379</v>
      </c>
    </row>
    <row r="4352" spans="8:19" x14ac:dyDescent="0.3">
      <c r="H4352" s="44">
        <v>4345</v>
      </c>
      <c r="I4352" s="56">
        <f>Bühler!I4378</f>
        <v>8.1884309316824E-2</v>
      </c>
      <c r="J4352" s="59">
        <f>Bühler!J4378</f>
        <v>0.27294769772274668</v>
      </c>
      <c r="K4352" s="59">
        <f>Bühler!K4378</f>
        <v>0.40942154658412</v>
      </c>
      <c r="L4352" s="59">
        <f>Bühler!L4378</f>
        <v>5.95279677492295</v>
      </c>
      <c r="M4352" s="58">
        <f>Bühler!M4378</f>
        <v>0</v>
      </c>
      <c r="N4352" s="56">
        <f>IF(Input!$D$19=1,J4352*Input!$C$19,0)+IF(Input!$D$20=1,K4352*Input!$C$20,0)+IF(Input!$D$21=1,L4352*Input!$C$21,0)+IF(Input!$D$22=1,M4352*Input!$C$22,0)</f>
        <v>8.1884309316824E-2</v>
      </c>
      <c r="O4352" s="59">
        <f>IF(Input!$D$19=2,J4352*Input!$C$19,0)+IF(Input!$D$20=2,K4352*Input!$C$20,0)+IF(Input!$D$21=2,L4352*Input!$C$21,0)+IF(Input!$D$22=2,M4352*Input!$C$22,0)</f>
        <v>0.20471077329206</v>
      </c>
      <c r="P4352" s="59">
        <f>IF(Input!$D$19=3,J4352*Input!$C$19,0)+IF(Input!$D$20=3,K4352*Input!$C$20,0)+IF(Input!$D$21=3,L4352*Input!$C$21,0)+IF(Input!$D$22=3,M4352*Input!$C$22,0)</f>
        <v>0</v>
      </c>
      <c r="Q4352" s="75">
        <f>IF(Input!$D$19=4,J4352*Input!$C$19,0)+IF(Input!$D$20=4,K4352*Input!$C$20,0)+IF(Input!$D$21=4,L4352*Input!$C$21,0)+IF(Input!$D$22=4,M4352*Input!$C$22,0)</f>
        <v>0</v>
      </c>
      <c r="R4352" s="58">
        <v>41.991570295996389</v>
      </c>
      <c r="S4352" s="124">
        <f t="shared" si="67"/>
        <v>0.35483200703957068</v>
      </c>
    </row>
    <row r="4353" spans="8:19" x14ac:dyDescent="0.3">
      <c r="H4353" s="44">
        <v>4346</v>
      </c>
      <c r="I4353" s="56">
        <f>Bühler!I4379</f>
        <v>9.5091455980827855E-2</v>
      </c>
      <c r="J4353" s="59">
        <f>Bühler!J4379</f>
        <v>0.3169715199360929</v>
      </c>
      <c r="K4353" s="59">
        <f>Bühler!K4379</f>
        <v>0.47545727990413933</v>
      </c>
      <c r="L4353" s="59">
        <f>Bühler!L4379</f>
        <v>6.9129252870072966</v>
      </c>
      <c r="M4353" s="58">
        <f>Bühler!M4379</f>
        <v>0</v>
      </c>
      <c r="N4353" s="56">
        <f>IF(Input!$D$19=1,J4353*Input!$C$19,0)+IF(Input!$D$20=1,K4353*Input!$C$20,0)+IF(Input!$D$21=1,L4353*Input!$C$21,0)+IF(Input!$D$22=1,M4353*Input!$C$22,0)</f>
        <v>9.5091455980827869E-2</v>
      </c>
      <c r="O4353" s="59">
        <f>IF(Input!$D$19=2,J4353*Input!$C$19,0)+IF(Input!$D$20=2,K4353*Input!$C$20,0)+IF(Input!$D$21=2,L4353*Input!$C$21,0)+IF(Input!$D$22=2,M4353*Input!$C$22,0)</f>
        <v>0.23772863995206966</v>
      </c>
      <c r="P4353" s="59">
        <f>IF(Input!$D$19=3,J4353*Input!$C$19,0)+IF(Input!$D$20=3,K4353*Input!$C$20,0)+IF(Input!$D$21=3,L4353*Input!$C$21,0)+IF(Input!$D$22=3,M4353*Input!$C$22,0)</f>
        <v>0</v>
      </c>
      <c r="Q4353" s="75">
        <f>IF(Input!$D$19=4,J4353*Input!$C$19,0)+IF(Input!$D$20=4,K4353*Input!$C$20,0)+IF(Input!$D$21=4,L4353*Input!$C$21,0)+IF(Input!$D$22=4,M4353*Input!$C$22,0)</f>
        <v>0</v>
      </c>
      <c r="R4353" s="58">
        <v>41.454952788593054</v>
      </c>
      <c r="S4353" s="124">
        <f t="shared" si="67"/>
        <v>0.41206297591692076</v>
      </c>
    </row>
    <row r="4354" spans="8:19" x14ac:dyDescent="0.3">
      <c r="H4354" s="44">
        <v>4347</v>
      </c>
      <c r="I4354" s="56">
        <f>Bühler!I4380</f>
        <v>9.5091455980827855E-2</v>
      </c>
      <c r="J4354" s="59">
        <f>Bühler!J4380</f>
        <v>0.3169715199360929</v>
      </c>
      <c r="K4354" s="59">
        <f>Bühler!K4380</f>
        <v>0.47545727990413933</v>
      </c>
      <c r="L4354" s="59">
        <f>Bühler!L4380</f>
        <v>6.9129252870072966</v>
      </c>
      <c r="M4354" s="58">
        <f>Bühler!M4380</f>
        <v>0</v>
      </c>
      <c r="N4354" s="56">
        <f>IF(Input!$D$19=1,J4354*Input!$C$19,0)+IF(Input!$D$20=1,K4354*Input!$C$20,0)+IF(Input!$D$21=1,L4354*Input!$C$21,0)+IF(Input!$D$22=1,M4354*Input!$C$22,0)</f>
        <v>9.5091455980827869E-2</v>
      </c>
      <c r="O4354" s="59">
        <f>IF(Input!$D$19=2,J4354*Input!$C$19,0)+IF(Input!$D$20=2,K4354*Input!$C$20,0)+IF(Input!$D$21=2,L4354*Input!$C$21,0)+IF(Input!$D$22=2,M4354*Input!$C$22,0)</f>
        <v>0.23772863995206966</v>
      </c>
      <c r="P4354" s="59">
        <f>IF(Input!$D$19=3,J4354*Input!$C$19,0)+IF(Input!$D$20=3,K4354*Input!$C$20,0)+IF(Input!$D$21=3,L4354*Input!$C$21,0)+IF(Input!$D$22=3,M4354*Input!$C$22,0)</f>
        <v>0</v>
      </c>
      <c r="Q4354" s="75">
        <f>IF(Input!$D$19=4,J4354*Input!$C$19,0)+IF(Input!$D$20=4,K4354*Input!$C$20,0)+IF(Input!$D$21=4,L4354*Input!$C$21,0)+IF(Input!$D$22=4,M4354*Input!$C$22,0)</f>
        <v>0</v>
      </c>
      <c r="R4354" s="58">
        <v>41.167947245777462</v>
      </c>
      <c r="S4354" s="124">
        <f t="shared" si="67"/>
        <v>0.41206297591692076</v>
      </c>
    </row>
    <row r="4355" spans="8:19" x14ac:dyDescent="0.3">
      <c r="H4355" s="44">
        <v>4348</v>
      </c>
      <c r="I4355" s="56">
        <f>Bühler!I4381</f>
        <v>9.5091455980827855E-2</v>
      </c>
      <c r="J4355" s="59">
        <f>Bühler!J4381</f>
        <v>0.3169715199360929</v>
      </c>
      <c r="K4355" s="59">
        <f>Bühler!K4381</f>
        <v>0.47545727990413933</v>
      </c>
      <c r="L4355" s="59">
        <f>Bühler!L4381</f>
        <v>6.9129252870072966</v>
      </c>
      <c r="M4355" s="58">
        <f>Bühler!M4381</f>
        <v>0</v>
      </c>
      <c r="N4355" s="56">
        <f>IF(Input!$D$19=1,J4355*Input!$C$19,0)+IF(Input!$D$20=1,K4355*Input!$C$20,0)+IF(Input!$D$21=1,L4355*Input!$C$21,0)+IF(Input!$D$22=1,M4355*Input!$C$22,0)</f>
        <v>9.5091455980827869E-2</v>
      </c>
      <c r="O4355" s="59">
        <f>IF(Input!$D$19=2,J4355*Input!$C$19,0)+IF(Input!$D$20=2,K4355*Input!$C$20,0)+IF(Input!$D$21=2,L4355*Input!$C$21,0)+IF(Input!$D$22=2,M4355*Input!$C$22,0)</f>
        <v>0.23772863995206966</v>
      </c>
      <c r="P4355" s="59">
        <f>IF(Input!$D$19=3,J4355*Input!$C$19,0)+IF(Input!$D$20=3,K4355*Input!$C$20,0)+IF(Input!$D$21=3,L4355*Input!$C$21,0)+IF(Input!$D$22=3,M4355*Input!$C$22,0)</f>
        <v>0</v>
      </c>
      <c r="Q4355" s="75">
        <f>IF(Input!$D$19=4,J4355*Input!$C$19,0)+IF(Input!$D$20=4,K4355*Input!$C$20,0)+IF(Input!$D$21=4,L4355*Input!$C$21,0)+IF(Input!$D$22=4,M4355*Input!$C$22,0)</f>
        <v>0</v>
      </c>
      <c r="R4355" s="58">
        <v>40.968141768664267</v>
      </c>
      <c r="S4355" s="124">
        <f t="shared" si="67"/>
        <v>0.41206297591692076</v>
      </c>
    </row>
    <row r="4356" spans="8:19" x14ac:dyDescent="0.3">
      <c r="H4356" s="44">
        <v>4349</v>
      </c>
      <c r="I4356" s="56">
        <f>Bühler!I4382</f>
        <v>9.5091455980827855E-2</v>
      </c>
      <c r="J4356" s="59">
        <f>Bühler!J4382</f>
        <v>0.3169715199360929</v>
      </c>
      <c r="K4356" s="59">
        <f>Bühler!K4382</f>
        <v>0.47545727990413933</v>
      </c>
      <c r="L4356" s="59">
        <f>Bühler!L4382</f>
        <v>6.9129252870072966</v>
      </c>
      <c r="M4356" s="58">
        <f>Bühler!M4382</f>
        <v>0</v>
      </c>
      <c r="N4356" s="56">
        <f>IF(Input!$D$19=1,J4356*Input!$C$19,0)+IF(Input!$D$20=1,K4356*Input!$C$20,0)+IF(Input!$D$21=1,L4356*Input!$C$21,0)+IF(Input!$D$22=1,M4356*Input!$C$22,0)</f>
        <v>9.5091455980827869E-2</v>
      </c>
      <c r="O4356" s="59">
        <f>IF(Input!$D$19=2,J4356*Input!$C$19,0)+IF(Input!$D$20=2,K4356*Input!$C$20,0)+IF(Input!$D$21=2,L4356*Input!$C$21,0)+IF(Input!$D$22=2,M4356*Input!$C$22,0)</f>
        <v>0.23772863995206966</v>
      </c>
      <c r="P4356" s="59">
        <f>IF(Input!$D$19=3,J4356*Input!$C$19,0)+IF(Input!$D$20=3,K4356*Input!$C$20,0)+IF(Input!$D$21=3,L4356*Input!$C$21,0)+IF(Input!$D$22=3,M4356*Input!$C$22,0)</f>
        <v>0</v>
      </c>
      <c r="Q4356" s="75">
        <f>IF(Input!$D$19=4,J4356*Input!$C$19,0)+IF(Input!$D$20=4,K4356*Input!$C$20,0)+IF(Input!$D$21=4,L4356*Input!$C$21,0)+IF(Input!$D$22=4,M4356*Input!$C$22,0)</f>
        <v>0</v>
      </c>
      <c r="R4356" s="58">
        <v>40.648843044143206</v>
      </c>
      <c r="S4356" s="124">
        <f t="shared" si="67"/>
        <v>0.41206297591692076</v>
      </c>
    </row>
    <row r="4357" spans="8:19" x14ac:dyDescent="0.3">
      <c r="H4357" s="44">
        <v>4350</v>
      </c>
      <c r="I4357" s="56">
        <f>Bühler!I4383</f>
        <v>0.11886431997603482</v>
      </c>
      <c r="J4357" s="59">
        <f>Bühler!J4383</f>
        <v>0.39621439992011609</v>
      </c>
      <c r="K4357" s="59">
        <f>Bühler!K4383</f>
        <v>0.59432159988017419</v>
      </c>
      <c r="L4357" s="59">
        <f>Bühler!L4383</f>
        <v>8.6411566087591201</v>
      </c>
      <c r="M4357" s="58">
        <f>Bühler!M4383</f>
        <v>0</v>
      </c>
      <c r="N4357" s="56">
        <f>IF(Input!$D$19=1,J4357*Input!$C$19,0)+IF(Input!$D$20=1,K4357*Input!$C$20,0)+IF(Input!$D$21=1,L4357*Input!$C$21,0)+IF(Input!$D$22=1,M4357*Input!$C$22,0)</f>
        <v>0.11886431997603482</v>
      </c>
      <c r="O4357" s="59">
        <f>IF(Input!$D$19=2,J4357*Input!$C$19,0)+IF(Input!$D$20=2,K4357*Input!$C$20,0)+IF(Input!$D$21=2,L4357*Input!$C$21,0)+IF(Input!$D$22=2,M4357*Input!$C$22,0)</f>
        <v>0.29716079994008709</v>
      </c>
      <c r="P4357" s="59">
        <f>IF(Input!$D$19=3,J4357*Input!$C$19,0)+IF(Input!$D$20=3,K4357*Input!$C$20,0)+IF(Input!$D$21=3,L4357*Input!$C$21,0)+IF(Input!$D$22=3,M4357*Input!$C$22,0)</f>
        <v>0</v>
      </c>
      <c r="Q4357" s="75">
        <f>IF(Input!$D$19=4,J4357*Input!$C$19,0)+IF(Input!$D$20=4,K4357*Input!$C$20,0)+IF(Input!$D$21=4,L4357*Input!$C$21,0)+IF(Input!$D$22=4,M4357*Input!$C$22,0)</f>
        <v>0</v>
      </c>
      <c r="R4357" s="58">
        <v>40.483138704183588</v>
      </c>
      <c r="S4357" s="124">
        <f t="shared" si="67"/>
        <v>0.51507871989615095</v>
      </c>
    </row>
    <row r="4358" spans="8:19" x14ac:dyDescent="0.3">
      <c r="H4358" s="44">
        <v>4351</v>
      </c>
      <c r="I4358" s="56">
        <f>Bühler!I4384</f>
        <v>0.13999575463844099</v>
      </c>
      <c r="J4358" s="59">
        <f>Bühler!J4384</f>
        <v>0.46665251546147007</v>
      </c>
      <c r="K4358" s="59">
        <f>Bühler!K4384</f>
        <v>0.69997877319220514</v>
      </c>
      <c r="L4358" s="59">
        <f>Bühler!L4384</f>
        <v>10.177362228094076</v>
      </c>
      <c r="M4358" s="58">
        <f>Bühler!M4384</f>
        <v>0</v>
      </c>
      <c r="N4358" s="56">
        <f>IF(Input!$D$19=1,J4358*Input!$C$19,0)+IF(Input!$D$20=1,K4358*Input!$C$20,0)+IF(Input!$D$21=1,L4358*Input!$C$21,0)+IF(Input!$D$22=1,M4358*Input!$C$22,0)</f>
        <v>0.13999575463844102</v>
      </c>
      <c r="O4358" s="59">
        <f>IF(Input!$D$19=2,J4358*Input!$C$19,0)+IF(Input!$D$20=2,K4358*Input!$C$20,0)+IF(Input!$D$21=2,L4358*Input!$C$21,0)+IF(Input!$D$22=2,M4358*Input!$C$22,0)</f>
        <v>0.34998938659610257</v>
      </c>
      <c r="P4358" s="59">
        <f>IF(Input!$D$19=3,J4358*Input!$C$19,0)+IF(Input!$D$20=3,K4358*Input!$C$20,0)+IF(Input!$D$21=3,L4358*Input!$C$21,0)+IF(Input!$D$22=3,M4358*Input!$C$22,0)</f>
        <v>0</v>
      </c>
      <c r="Q4358" s="75">
        <f>IF(Input!$D$19=4,J4358*Input!$C$19,0)+IF(Input!$D$20=4,K4358*Input!$C$20,0)+IF(Input!$D$21=4,L4358*Input!$C$21,0)+IF(Input!$D$22=4,M4358*Input!$C$22,0)</f>
        <v>0</v>
      </c>
      <c r="R4358" s="58">
        <v>40.059093127534609</v>
      </c>
      <c r="S4358" s="124">
        <f t="shared" si="67"/>
        <v>0.60664827009991107</v>
      </c>
    </row>
    <row r="4359" spans="8:19" x14ac:dyDescent="0.3">
      <c r="H4359" s="44">
        <v>4352</v>
      </c>
      <c r="I4359" s="56">
        <f>Bühler!I4385</f>
        <v>0.16641004796644876</v>
      </c>
      <c r="J4359" s="59">
        <f>Bühler!J4385</f>
        <v>0.55470015988816257</v>
      </c>
      <c r="K4359" s="59">
        <f>Bühler!K4385</f>
        <v>0.83205023983224391</v>
      </c>
      <c r="L4359" s="59">
        <f>Bühler!L4385</f>
        <v>12.097619252262769</v>
      </c>
      <c r="M4359" s="58">
        <f>Bühler!M4385</f>
        <v>0</v>
      </c>
      <c r="N4359" s="56">
        <f>IF(Input!$D$19=1,J4359*Input!$C$19,0)+IF(Input!$D$20=1,K4359*Input!$C$20,0)+IF(Input!$D$21=1,L4359*Input!$C$21,0)+IF(Input!$D$22=1,M4359*Input!$C$22,0)</f>
        <v>0.16641004796644876</v>
      </c>
      <c r="O4359" s="59">
        <f>IF(Input!$D$19=2,J4359*Input!$C$19,0)+IF(Input!$D$20=2,K4359*Input!$C$20,0)+IF(Input!$D$21=2,L4359*Input!$C$21,0)+IF(Input!$D$22=2,M4359*Input!$C$22,0)</f>
        <v>0.41602511991612195</v>
      </c>
      <c r="P4359" s="59">
        <f>IF(Input!$D$19=3,J4359*Input!$C$19,0)+IF(Input!$D$20=3,K4359*Input!$C$20,0)+IF(Input!$D$21=3,L4359*Input!$C$21,0)+IF(Input!$D$22=3,M4359*Input!$C$22,0)</f>
        <v>0</v>
      </c>
      <c r="Q4359" s="75">
        <f>IF(Input!$D$19=4,J4359*Input!$C$19,0)+IF(Input!$D$20=4,K4359*Input!$C$20,0)+IF(Input!$D$21=4,L4359*Input!$C$21,0)+IF(Input!$D$22=4,M4359*Input!$C$22,0)</f>
        <v>0</v>
      </c>
      <c r="R4359" s="58">
        <v>40.338594178325785</v>
      </c>
      <c r="S4359" s="124">
        <f t="shared" si="67"/>
        <v>0.72111020785461133</v>
      </c>
    </row>
    <row r="4360" spans="8:19" x14ac:dyDescent="0.3">
      <c r="H4360" s="44">
        <v>4353</v>
      </c>
      <c r="I4360" s="56">
        <f>Bühler!I4386</f>
        <v>0.16641004796644876</v>
      </c>
      <c r="J4360" s="59">
        <f>Bühler!J4386</f>
        <v>0.55470015988816257</v>
      </c>
      <c r="K4360" s="59">
        <f>Bühler!K4386</f>
        <v>0.83205023983224391</v>
      </c>
      <c r="L4360" s="59">
        <f>Bühler!L4386</f>
        <v>12.097619252262769</v>
      </c>
      <c r="M4360" s="58">
        <f>Bühler!M4386</f>
        <v>0</v>
      </c>
      <c r="N4360" s="56">
        <f>IF(Input!$D$19=1,J4360*Input!$C$19,0)+IF(Input!$D$20=1,K4360*Input!$C$20,0)+IF(Input!$D$21=1,L4360*Input!$C$21,0)+IF(Input!$D$22=1,M4360*Input!$C$22,0)</f>
        <v>0.16641004796644876</v>
      </c>
      <c r="O4360" s="59">
        <f>IF(Input!$D$19=2,J4360*Input!$C$19,0)+IF(Input!$D$20=2,K4360*Input!$C$20,0)+IF(Input!$D$21=2,L4360*Input!$C$21,0)+IF(Input!$D$22=2,M4360*Input!$C$22,0)</f>
        <v>0.41602511991612195</v>
      </c>
      <c r="P4360" s="59">
        <f>IF(Input!$D$19=3,J4360*Input!$C$19,0)+IF(Input!$D$20=3,K4360*Input!$C$20,0)+IF(Input!$D$21=3,L4360*Input!$C$21,0)+IF(Input!$D$22=3,M4360*Input!$C$22,0)</f>
        <v>0</v>
      </c>
      <c r="Q4360" s="75">
        <f>IF(Input!$D$19=4,J4360*Input!$C$19,0)+IF(Input!$D$20=4,K4360*Input!$C$20,0)+IF(Input!$D$21=4,L4360*Input!$C$21,0)+IF(Input!$D$22=4,M4360*Input!$C$22,0)</f>
        <v>0</v>
      </c>
      <c r="R4360" s="58">
        <v>40.545805196138403</v>
      </c>
      <c r="S4360" s="124">
        <f t="shared" si="67"/>
        <v>0.72111020785461133</v>
      </c>
    </row>
    <row r="4361" spans="8:19" x14ac:dyDescent="0.3">
      <c r="H4361" s="44">
        <v>4354</v>
      </c>
      <c r="I4361" s="56">
        <f>Bühler!I4387</f>
        <v>0.16641004796644876</v>
      </c>
      <c r="J4361" s="59">
        <f>Bühler!J4387</f>
        <v>0.55470015988816257</v>
      </c>
      <c r="K4361" s="59">
        <f>Bühler!K4387</f>
        <v>0.83205023983224391</v>
      </c>
      <c r="L4361" s="59">
        <f>Bühler!L4387</f>
        <v>12.097619252262769</v>
      </c>
      <c r="M4361" s="58">
        <f>Bühler!M4387</f>
        <v>0</v>
      </c>
      <c r="N4361" s="56">
        <f>IF(Input!$D$19=1,J4361*Input!$C$19,0)+IF(Input!$D$20=1,K4361*Input!$C$20,0)+IF(Input!$D$21=1,L4361*Input!$C$21,0)+IF(Input!$D$22=1,M4361*Input!$C$22,0)</f>
        <v>0.16641004796644876</v>
      </c>
      <c r="O4361" s="59">
        <f>IF(Input!$D$19=2,J4361*Input!$C$19,0)+IF(Input!$D$20=2,K4361*Input!$C$20,0)+IF(Input!$D$21=2,L4361*Input!$C$21,0)+IF(Input!$D$22=2,M4361*Input!$C$22,0)</f>
        <v>0.41602511991612195</v>
      </c>
      <c r="P4361" s="59">
        <f>IF(Input!$D$19=3,J4361*Input!$C$19,0)+IF(Input!$D$20=3,K4361*Input!$C$20,0)+IF(Input!$D$21=3,L4361*Input!$C$21,0)+IF(Input!$D$22=3,M4361*Input!$C$22,0)</f>
        <v>0</v>
      </c>
      <c r="Q4361" s="75">
        <f>IF(Input!$D$19=4,J4361*Input!$C$19,0)+IF(Input!$D$20=4,K4361*Input!$C$20,0)+IF(Input!$D$21=4,L4361*Input!$C$21,0)+IF(Input!$D$22=4,M4361*Input!$C$22,0)</f>
        <v>0</v>
      </c>
      <c r="R4361" s="58">
        <v>40.629184818849993</v>
      </c>
      <c r="S4361" s="124">
        <f t="shared" ref="S4361:S4424" si="68">I4361+J4361</f>
        <v>0.72111020785461133</v>
      </c>
    </row>
    <row r="4362" spans="8:19" x14ac:dyDescent="0.3">
      <c r="H4362" s="44">
        <v>4355</v>
      </c>
      <c r="I4362" s="56">
        <f>Bühler!I4388</f>
        <v>0.16641004796644876</v>
      </c>
      <c r="J4362" s="59">
        <f>Bühler!J4388</f>
        <v>0.55470015988816257</v>
      </c>
      <c r="K4362" s="59">
        <f>Bühler!K4388</f>
        <v>0.83205023983224391</v>
      </c>
      <c r="L4362" s="59">
        <f>Bühler!L4388</f>
        <v>12.097619252262769</v>
      </c>
      <c r="M4362" s="58">
        <f>Bühler!M4388</f>
        <v>0</v>
      </c>
      <c r="N4362" s="56">
        <f>IF(Input!$D$19=1,J4362*Input!$C$19,0)+IF(Input!$D$20=1,K4362*Input!$C$20,0)+IF(Input!$D$21=1,L4362*Input!$C$21,0)+IF(Input!$D$22=1,M4362*Input!$C$22,0)</f>
        <v>0.16641004796644876</v>
      </c>
      <c r="O4362" s="59">
        <f>IF(Input!$D$19=2,J4362*Input!$C$19,0)+IF(Input!$D$20=2,K4362*Input!$C$20,0)+IF(Input!$D$21=2,L4362*Input!$C$21,0)+IF(Input!$D$22=2,M4362*Input!$C$22,0)</f>
        <v>0.41602511991612195</v>
      </c>
      <c r="P4362" s="59">
        <f>IF(Input!$D$19=3,J4362*Input!$C$19,0)+IF(Input!$D$20=3,K4362*Input!$C$20,0)+IF(Input!$D$21=3,L4362*Input!$C$21,0)+IF(Input!$D$22=3,M4362*Input!$C$22,0)</f>
        <v>0</v>
      </c>
      <c r="Q4362" s="75">
        <f>IF(Input!$D$19=4,J4362*Input!$C$19,0)+IF(Input!$D$20=4,K4362*Input!$C$20,0)+IF(Input!$D$21=4,L4362*Input!$C$21,0)+IF(Input!$D$22=4,M4362*Input!$C$22,0)</f>
        <v>0</v>
      </c>
      <c r="R4362" s="58">
        <v>41.057240052252375</v>
      </c>
      <c r="S4362" s="124">
        <f t="shared" si="68"/>
        <v>0.72111020785461133</v>
      </c>
    </row>
    <row r="4363" spans="8:19" x14ac:dyDescent="0.3">
      <c r="H4363" s="44">
        <v>4356</v>
      </c>
      <c r="I4363" s="56">
        <f>Bühler!I4389</f>
        <v>0.16641004796644876</v>
      </c>
      <c r="J4363" s="59">
        <f>Bühler!J4389</f>
        <v>0.55470015988816257</v>
      </c>
      <c r="K4363" s="59">
        <f>Bühler!K4389</f>
        <v>0.83205023983224391</v>
      </c>
      <c r="L4363" s="59">
        <f>Bühler!L4389</f>
        <v>12.097619252262769</v>
      </c>
      <c r="M4363" s="58">
        <f>Bühler!M4389</f>
        <v>0</v>
      </c>
      <c r="N4363" s="56">
        <f>IF(Input!$D$19=1,J4363*Input!$C$19,0)+IF(Input!$D$20=1,K4363*Input!$C$20,0)+IF(Input!$D$21=1,L4363*Input!$C$21,0)+IF(Input!$D$22=1,M4363*Input!$C$22,0)</f>
        <v>0.16641004796644876</v>
      </c>
      <c r="O4363" s="59">
        <f>IF(Input!$D$19=2,J4363*Input!$C$19,0)+IF(Input!$D$20=2,K4363*Input!$C$20,0)+IF(Input!$D$21=2,L4363*Input!$C$21,0)+IF(Input!$D$22=2,M4363*Input!$C$22,0)</f>
        <v>0.41602511991612195</v>
      </c>
      <c r="P4363" s="59">
        <f>IF(Input!$D$19=3,J4363*Input!$C$19,0)+IF(Input!$D$20=3,K4363*Input!$C$20,0)+IF(Input!$D$21=3,L4363*Input!$C$21,0)+IF(Input!$D$22=3,M4363*Input!$C$22,0)</f>
        <v>0</v>
      </c>
      <c r="Q4363" s="75">
        <f>IF(Input!$D$19=4,J4363*Input!$C$19,0)+IF(Input!$D$20=4,K4363*Input!$C$20,0)+IF(Input!$D$21=4,L4363*Input!$C$21,0)+IF(Input!$D$22=4,M4363*Input!$C$22,0)</f>
        <v>0</v>
      </c>
      <c r="R4363" s="58">
        <v>41.795269225659986</v>
      </c>
      <c r="S4363" s="124">
        <f t="shared" si="68"/>
        <v>0.72111020785461133</v>
      </c>
    </row>
    <row r="4364" spans="8:19" x14ac:dyDescent="0.3">
      <c r="H4364" s="44">
        <v>4357</v>
      </c>
      <c r="I4364" s="56">
        <f>Bühler!I4390</f>
        <v>0.16641004796644876</v>
      </c>
      <c r="J4364" s="59">
        <f>Bühler!J4390</f>
        <v>0.55470015988816257</v>
      </c>
      <c r="K4364" s="59">
        <f>Bühler!K4390</f>
        <v>0.83205023983224391</v>
      </c>
      <c r="L4364" s="59">
        <f>Bühler!L4390</f>
        <v>12.097619252262769</v>
      </c>
      <c r="M4364" s="58">
        <f>Bühler!M4390</f>
        <v>0</v>
      </c>
      <c r="N4364" s="56">
        <f>IF(Input!$D$19=1,J4364*Input!$C$19,0)+IF(Input!$D$20=1,K4364*Input!$C$20,0)+IF(Input!$D$21=1,L4364*Input!$C$21,0)+IF(Input!$D$22=1,M4364*Input!$C$22,0)</f>
        <v>0.16641004796644876</v>
      </c>
      <c r="O4364" s="59">
        <f>IF(Input!$D$19=2,J4364*Input!$C$19,0)+IF(Input!$D$20=2,K4364*Input!$C$20,0)+IF(Input!$D$21=2,L4364*Input!$C$21,0)+IF(Input!$D$22=2,M4364*Input!$C$22,0)</f>
        <v>0.41602511991612195</v>
      </c>
      <c r="P4364" s="59">
        <f>IF(Input!$D$19=3,J4364*Input!$C$19,0)+IF(Input!$D$20=3,K4364*Input!$C$20,0)+IF(Input!$D$21=3,L4364*Input!$C$21,0)+IF(Input!$D$22=3,M4364*Input!$C$22,0)</f>
        <v>0</v>
      </c>
      <c r="Q4364" s="75">
        <f>IF(Input!$D$19=4,J4364*Input!$C$19,0)+IF(Input!$D$20=4,K4364*Input!$C$20,0)+IF(Input!$D$21=4,L4364*Input!$C$21,0)+IF(Input!$D$22=4,M4364*Input!$C$22,0)</f>
        <v>0</v>
      </c>
      <c r="R4364" s="58">
        <v>42.110652713978403</v>
      </c>
      <c r="S4364" s="124">
        <f t="shared" si="68"/>
        <v>0.72111020785461133</v>
      </c>
    </row>
    <row r="4365" spans="8:19" x14ac:dyDescent="0.3">
      <c r="H4365" s="44">
        <v>4358</v>
      </c>
      <c r="I4365" s="56">
        <f>Bühler!I4391</f>
        <v>0.16641004796644876</v>
      </c>
      <c r="J4365" s="59">
        <f>Bühler!J4391</f>
        <v>0.55470015988816257</v>
      </c>
      <c r="K4365" s="59">
        <f>Bühler!K4391</f>
        <v>0.83205023983224391</v>
      </c>
      <c r="L4365" s="59">
        <f>Bühler!L4391</f>
        <v>12.097619252262769</v>
      </c>
      <c r="M4365" s="58">
        <f>Bühler!M4391</f>
        <v>0</v>
      </c>
      <c r="N4365" s="56">
        <f>IF(Input!$D$19=1,J4365*Input!$C$19,0)+IF(Input!$D$20=1,K4365*Input!$C$20,0)+IF(Input!$D$21=1,L4365*Input!$C$21,0)+IF(Input!$D$22=1,M4365*Input!$C$22,0)</f>
        <v>0.16641004796644876</v>
      </c>
      <c r="O4365" s="59">
        <f>IF(Input!$D$19=2,J4365*Input!$C$19,0)+IF(Input!$D$20=2,K4365*Input!$C$20,0)+IF(Input!$D$21=2,L4365*Input!$C$21,0)+IF(Input!$D$22=2,M4365*Input!$C$22,0)</f>
        <v>0.41602511991612195</v>
      </c>
      <c r="P4365" s="59">
        <f>IF(Input!$D$19=3,J4365*Input!$C$19,0)+IF(Input!$D$20=3,K4365*Input!$C$20,0)+IF(Input!$D$21=3,L4365*Input!$C$21,0)+IF(Input!$D$22=3,M4365*Input!$C$22,0)</f>
        <v>0</v>
      </c>
      <c r="Q4365" s="75">
        <f>IF(Input!$D$19=4,J4365*Input!$C$19,0)+IF(Input!$D$20=4,K4365*Input!$C$20,0)+IF(Input!$D$21=4,L4365*Input!$C$21,0)+IF(Input!$D$22=4,M4365*Input!$C$22,0)</f>
        <v>0</v>
      </c>
      <c r="R4365" s="58">
        <v>42.405421120632937</v>
      </c>
      <c r="S4365" s="124">
        <f t="shared" si="68"/>
        <v>0.72111020785461133</v>
      </c>
    </row>
    <row r="4366" spans="8:19" x14ac:dyDescent="0.3">
      <c r="H4366" s="44">
        <v>4359</v>
      </c>
      <c r="I4366" s="56">
        <f>Bühler!I4392</f>
        <v>0.16641004796644876</v>
      </c>
      <c r="J4366" s="59">
        <f>Bühler!J4392</f>
        <v>0.55470015988816257</v>
      </c>
      <c r="K4366" s="59">
        <f>Bühler!K4392</f>
        <v>0.83205023983224391</v>
      </c>
      <c r="L4366" s="59">
        <f>Bühler!L4392</f>
        <v>12.097619252262769</v>
      </c>
      <c r="M4366" s="58">
        <f>Bühler!M4392</f>
        <v>0</v>
      </c>
      <c r="N4366" s="56">
        <f>IF(Input!$D$19=1,J4366*Input!$C$19,0)+IF(Input!$D$20=1,K4366*Input!$C$20,0)+IF(Input!$D$21=1,L4366*Input!$C$21,0)+IF(Input!$D$22=1,M4366*Input!$C$22,0)</f>
        <v>0.16641004796644876</v>
      </c>
      <c r="O4366" s="59">
        <f>IF(Input!$D$19=2,J4366*Input!$C$19,0)+IF(Input!$D$20=2,K4366*Input!$C$20,0)+IF(Input!$D$21=2,L4366*Input!$C$21,0)+IF(Input!$D$22=2,M4366*Input!$C$22,0)</f>
        <v>0.41602511991612195</v>
      </c>
      <c r="P4366" s="59">
        <f>IF(Input!$D$19=3,J4366*Input!$C$19,0)+IF(Input!$D$20=3,K4366*Input!$C$20,0)+IF(Input!$D$21=3,L4366*Input!$C$21,0)+IF(Input!$D$22=3,M4366*Input!$C$22,0)</f>
        <v>0</v>
      </c>
      <c r="Q4366" s="75">
        <f>IF(Input!$D$19=4,J4366*Input!$C$19,0)+IF(Input!$D$20=4,K4366*Input!$C$20,0)+IF(Input!$D$21=4,L4366*Input!$C$21,0)+IF(Input!$D$22=4,M4366*Input!$C$22,0)</f>
        <v>0</v>
      </c>
      <c r="R4366" s="58">
        <v>42.470024646067536</v>
      </c>
      <c r="S4366" s="124">
        <f t="shared" si="68"/>
        <v>0.72111020785461133</v>
      </c>
    </row>
    <row r="4367" spans="8:19" x14ac:dyDescent="0.3">
      <c r="H4367" s="44">
        <v>4360</v>
      </c>
      <c r="I4367" s="56">
        <f>Bühler!I4393</f>
        <v>0.14792004263684333</v>
      </c>
      <c r="J4367" s="59">
        <f>Bühler!J4393</f>
        <v>0.49306680878947784</v>
      </c>
      <c r="K4367" s="59">
        <f>Bühler!K4393</f>
        <v>0.73960021318421676</v>
      </c>
      <c r="L4367" s="59">
        <f>Bühler!L4393</f>
        <v>10.753439335344682</v>
      </c>
      <c r="M4367" s="58">
        <f>Bühler!M4393</f>
        <v>0</v>
      </c>
      <c r="N4367" s="56">
        <f>IF(Input!$D$19=1,J4367*Input!$C$19,0)+IF(Input!$D$20=1,K4367*Input!$C$20,0)+IF(Input!$D$21=1,L4367*Input!$C$21,0)+IF(Input!$D$22=1,M4367*Input!$C$22,0)</f>
        <v>0.14792004263684336</v>
      </c>
      <c r="O4367" s="59">
        <f>IF(Input!$D$19=2,J4367*Input!$C$19,0)+IF(Input!$D$20=2,K4367*Input!$C$20,0)+IF(Input!$D$21=2,L4367*Input!$C$21,0)+IF(Input!$D$22=2,M4367*Input!$C$22,0)</f>
        <v>0.36980010659210838</v>
      </c>
      <c r="P4367" s="59">
        <f>IF(Input!$D$19=3,J4367*Input!$C$19,0)+IF(Input!$D$20=3,K4367*Input!$C$20,0)+IF(Input!$D$21=3,L4367*Input!$C$21,0)+IF(Input!$D$22=3,M4367*Input!$C$22,0)</f>
        <v>0</v>
      </c>
      <c r="Q4367" s="75">
        <f>IF(Input!$D$19=4,J4367*Input!$C$19,0)+IF(Input!$D$20=4,K4367*Input!$C$20,0)+IF(Input!$D$21=4,L4367*Input!$C$21,0)+IF(Input!$D$22=4,M4367*Input!$C$22,0)</f>
        <v>0</v>
      </c>
      <c r="R4367" s="58">
        <v>42.512516679057377</v>
      </c>
      <c r="S4367" s="124">
        <f t="shared" si="68"/>
        <v>0.64098685142632117</v>
      </c>
    </row>
    <row r="4368" spans="8:19" x14ac:dyDescent="0.3">
      <c r="H4368" s="44">
        <v>4361</v>
      </c>
      <c r="I4368" s="56">
        <f>Bühler!I4394</f>
        <v>0.14527861330404257</v>
      </c>
      <c r="J4368" s="59">
        <f>Bühler!J4394</f>
        <v>0.48426204434680858</v>
      </c>
      <c r="K4368" s="59">
        <f>Bühler!K4394</f>
        <v>0.72639306652021285</v>
      </c>
      <c r="L4368" s="59">
        <f>Bühler!L4394</f>
        <v>10.561413632927815</v>
      </c>
      <c r="M4368" s="58">
        <f>Bühler!M4394</f>
        <v>0</v>
      </c>
      <c r="N4368" s="56">
        <f>IF(Input!$D$19=1,J4368*Input!$C$19,0)+IF(Input!$D$20=1,K4368*Input!$C$20,0)+IF(Input!$D$21=1,L4368*Input!$C$21,0)+IF(Input!$D$22=1,M4368*Input!$C$22,0)</f>
        <v>0.14527861330404257</v>
      </c>
      <c r="O4368" s="59">
        <f>IF(Input!$D$19=2,J4368*Input!$C$19,0)+IF(Input!$D$20=2,K4368*Input!$C$20,0)+IF(Input!$D$21=2,L4368*Input!$C$21,0)+IF(Input!$D$22=2,M4368*Input!$C$22,0)</f>
        <v>0.36319653326010642</v>
      </c>
      <c r="P4368" s="59">
        <f>IF(Input!$D$19=3,J4368*Input!$C$19,0)+IF(Input!$D$20=3,K4368*Input!$C$20,0)+IF(Input!$D$21=3,L4368*Input!$C$21,0)+IF(Input!$D$22=3,M4368*Input!$C$22,0)</f>
        <v>0</v>
      </c>
      <c r="Q4368" s="75">
        <f>IF(Input!$D$19=4,J4368*Input!$C$19,0)+IF(Input!$D$20=4,K4368*Input!$C$20,0)+IF(Input!$D$21=4,L4368*Input!$C$21,0)+IF(Input!$D$22=4,M4368*Input!$C$22,0)</f>
        <v>0</v>
      </c>
      <c r="R4368" s="58">
        <v>42.765630892910366</v>
      </c>
      <c r="S4368" s="124">
        <f t="shared" si="68"/>
        <v>0.6295406576508511</v>
      </c>
    </row>
    <row r="4369" spans="8:19" x14ac:dyDescent="0.3">
      <c r="H4369" s="44">
        <v>4362</v>
      </c>
      <c r="I4369" s="56">
        <f>Bühler!I4395</f>
        <v>0.12414717864163637</v>
      </c>
      <c r="J4369" s="59">
        <f>Bühler!J4395</f>
        <v>0.4138239288054546</v>
      </c>
      <c r="K4369" s="59">
        <f>Bühler!K4395</f>
        <v>0.6207358932081819</v>
      </c>
      <c r="L4369" s="59">
        <f>Bühler!L4395</f>
        <v>9.0252080135928612</v>
      </c>
      <c r="M4369" s="58">
        <f>Bühler!M4395</f>
        <v>0</v>
      </c>
      <c r="N4369" s="56">
        <f>IF(Input!$D$19=1,J4369*Input!$C$19,0)+IF(Input!$D$20=1,K4369*Input!$C$20,0)+IF(Input!$D$21=1,L4369*Input!$C$21,0)+IF(Input!$D$22=1,M4369*Input!$C$22,0)</f>
        <v>0.12414717864163638</v>
      </c>
      <c r="O4369" s="59">
        <f>IF(Input!$D$19=2,J4369*Input!$C$19,0)+IF(Input!$D$20=2,K4369*Input!$C$20,0)+IF(Input!$D$21=2,L4369*Input!$C$21,0)+IF(Input!$D$22=2,M4369*Input!$C$22,0)</f>
        <v>0.31036794660409095</v>
      </c>
      <c r="P4369" s="59">
        <f>IF(Input!$D$19=3,J4369*Input!$C$19,0)+IF(Input!$D$20=3,K4369*Input!$C$20,0)+IF(Input!$D$21=3,L4369*Input!$C$21,0)+IF(Input!$D$22=3,M4369*Input!$C$22,0)</f>
        <v>0</v>
      </c>
      <c r="Q4369" s="75">
        <f>IF(Input!$D$19=4,J4369*Input!$C$19,0)+IF(Input!$D$20=4,K4369*Input!$C$20,0)+IF(Input!$D$21=4,L4369*Input!$C$21,0)+IF(Input!$D$22=4,M4369*Input!$C$22,0)</f>
        <v>0</v>
      </c>
      <c r="R4369" s="58">
        <v>42.762625910829009</v>
      </c>
      <c r="S4369" s="124">
        <f t="shared" si="68"/>
        <v>0.53797110744709098</v>
      </c>
    </row>
    <row r="4370" spans="8:19" x14ac:dyDescent="0.3">
      <c r="H4370" s="44">
        <v>4363</v>
      </c>
      <c r="I4370" s="56">
        <f>Bühler!I4396</f>
        <v>0.11622289064323404</v>
      </c>
      <c r="J4370" s="59">
        <f>Bühler!J4396</f>
        <v>0.38740963547744689</v>
      </c>
      <c r="K4370" s="59">
        <f>Bühler!K4396</f>
        <v>0.58111445321617028</v>
      </c>
      <c r="L4370" s="59">
        <f>Bühler!L4396</f>
        <v>8.4491309063422531</v>
      </c>
      <c r="M4370" s="58">
        <f>Bühler!M4396</f>
        <v>0</v>
      </c>
      <c r="N4370" s="56">
        <f>IF(Input!$D$19=1,J4370*Input!$C$19,0)+IF(Input!$D$20=1,K4370*Input!$C$20,0)+IF(Input!$D$21=1,L4370*Input!$C$21,0)+IF(Input!$D$22=1,M4370*Input!$C$22,0)</f>
        <v>0.11622289064323406</v>
      </c>
      <c r="O4370" s="59">
        <f>IF(Input!$D$19=2,J4370*Input!$C$19,0)+IF(Input!$D$20=2,K4370*Input!$C$20,0)+IF(Input!$D$21=2,L4370*Input!$C$21,0)+IF(Input!$D$22=2,M4370*Input!$C$22,0)</f>
        <v>0.29055722660808514</v>
      </c>
      <c r="P4370" s="59">
        <f>IF(Input!$D$19=3,J4370*Input!$C$19,0)+IF(Input!$D$20=3,K4370*Input!$C$20,0)+IF(Input!$D$21=3,L4370*Input!$C$21,0)+IF(Input!$D$22=3,M4370*Input!$C$22,0)</f>
        <v>0</v>
      </c>
      <c r="Q4370" s="75">
        <f>IF(Input!$D$19=4,J4370*Input!$C$19,0)+IF(Input!$D$20=4,K4370*Input!$C$20,0)+IF(Input!$D$21=4,L4370*Input!$C$21,0)+IF(Input!$D$22=4,M4370*Input!$C$22,0)</f>
        <v>0</v>
      </c>
      <c r="R4370" s="58">
        <v>42.760405066512192</v>
      </c>
      <c r="S4370" s="124">
        <f t="shared" si="68"/>
        <v>0.50363252612068088</v>
      </c>
    </row>
    <row r="4371" spans="8:19" x14ac:dyDescent="0.3">
      <c r="H4371" s="44">
        <v>4364</v>
      </c>
      <c r="I4371" s="56">
        <f>Bühler!I4397</f>
        <v>9.7732885313628642E-2</v>
      </c>
      <c r="J4371" s="59">
        <f>Bühler!J4397</f>
        <v>0.32577628437876216</v>
      </c>
      <c r="K4371" s="59">
        <f>Bühler!K4397</f>
        <v>0.4886644265681433</v>
      </c>
      <c r="L4371" s="59">
        <f>Bühler!L4397</f>
        <v>7.1049509894241663</v>
      </c>
      <c r="M4371" s="58">
        <f>Bühler!M4397</f>
        <v>0</v>
      </c>
      <c r="N4371" s="56">
        <f>IF(Input!$D$19=1,J4371*Input!$C$19,0)+IF(Input!$D$20=1,K4371*Input!$C$20,0)+IF(Input!$D$21=1,L4371*Input!$C$21,0)+IF(Input!$D$22=1,M4371*Input!$C$22,0)</f>
        <v>9.7732885313628642E-2</v>
      </c>
      <c r="O4371" s="59">
        <f>IF(Input!$D$19=2,J4371*Input!$C$19,0)+IF(Input!$D$20=2,K4371*Input!$C$20,0)+IF(Input!$D$21=2,L4371*Input!$C$21,0)+IF(Input!$D$22=2,M4371*Input!$C$22,0)</f>
        <v>0.24433221328407165</v>
      </c>
      <c r="P4371" s="59">
        <f>IF(Input!$D$19=3,J4371*Input!$C$19,0)+IF(Input!$D$20=3,K4371*Input!$C$20,0)+IF(Input!$D$21=3,L4371*Input!$C$21,0)+IF(Input!$D$22=3,M4371*Input!$C$22,0)</f>
        <v>0</v>
      </c>
      <c r="Q4371" s="75">
        <f>IF(Input!$D$19=4,J4371*Input!$C$19,0)+IF(Input!$D$20=4,K4371*Input!$C$20,0)+IF(Input!$D$21=4,L4371*Input!$C$21,0)+IF(Input!$D$22=4,M4371*Input!$C$22,0)</f>
        <v>0</v>
      </c>
      <c r="R4371" s="58">
        <v>42.994799003796011</v>
      </c>
      <c r="S4371" s="124">
        <f t="shared" si="68"/>
        <v>0.42350916969239083</v>
      </c>
    </row>
    <row r="4372" spans="8:19" x14ac:dyDescent="0.3">
      <c r="H4372" s="44">
        <v>4365</v>
      </c>
      <c r="I4372" s="56">
        <f>Bühler!I4398</f>
        <v>8.1884309316824E-2</v>
      </c>
      <c r="J4372" s="59">
        <f>Bühler!J4398</f>
        <v>0.27294769772274668</v>
      </c>
      <c r="K4372" s="59">
        <f>Bühler!K4398</f>
        <v>0.40942154658412</v>
      </c>
      <c r="L4372" s="59">
        <f>Bühler!L4398</f>
        <v>5.95279677492295</v>
      </c>
      <c r="M4372" s="58">
        <f>Bühler!M4398</f>
        <v>0</v>
      </c>
      <c r="N4372" s="56">
        <f>IF(Input!$D$19=1,J4372*Input!$C$19,0)+IF(Input!$D$20=1,K4372*Input!$C$20,0)+IF(Input!$D$21=1,L4372*Input!$C$21,0)+IF(Input!$D$22=1,M4372*Input!$C$22,0)</f>
        <v>8.1884309316824E-2</v>
      </c>
      <c r="O4372" s="59">
        <f>IF(Input!$D$19=2,J4372*Input!$C$19,0)+IF(Input!$D$20=2,K4372*Input!$C$20,0)+IF(Input!$D$21=2,L4372*Input!$C$21,0)+IF(Input!$D$22=2,M4372*Input!$C$22,0)</f>
        <v>0.20471077329206</v>
      </c>
      <c r="P4372" s="59">
        <f>IF(Input!$D$19=3,J4372*Input!$C$19,0)+IF(Input!$D$20=3,K4372*Input!$C$20,0)+IF(Input!$D$21=3,L4372*Input!$C$21,0)+IF(Input!$D$22=3,M4372*Input!$C$22,0)</f>
        <v>0</v>
      </c>
      <c r="Q4372" s="75">
        <f>IF(Input!$D$19=4,J4372*Input!$C$19,0)+IF(Input!$D$20=4,K4372*Input!$C$20,0)+IF(Input!$D$21=4,L4372*Input!$C$21,0)+IF(Input!$D$22=4,M4372*Input!$C$22,0)</f>
        <v>0</v>
      </c>
      <c r="R4372" s="58">
        <v>42.756937710092764</v>
      </c>
      <c r="S4372" s="124">
        <f t="shared" si="68"/>
        <v>0.35483200703957068</v>
      </c>
    </row>
    <row r="4373" spans="8:19" x14ac:dyDescent="0.3">
      <c r="H4373" s="44">
        <v>4366</v>
      </c>
      <c r="I4373" s="56">
        <f>Bühler!I4399</f>
        <v>7.1318591985620891E-2</v>
      </c>
      <c r="J4373" s="59">
        <f>Bühler!J4399</f>
        <v>0.23772863995206969</v>
      </c>
      <c r="K4373" s="59">
        <f>Bühler!K4399</f>
        <v>0.35659295992810452</v>
      </c>
      <c r="L4373" s="59">
        <f>Bühler!L4399</f>
        <v>5.1846939652554731</v>
      </c>
      <c r="M4373" s="58">
        <f>Bühler!M4399</f>
        <v>0</v>
      </c>
      <c r="N4373" s="56">
        <f>IF(Input!$D$19=1,J4373*Input!$C$19,0)+IF(Input!$D$20=1,K4373*Input!$C$20,0)+IF(Input!$D$21=1,L4373*Input!$C$21,0)+IF(Input!$D$22=1,M4373*Input!$C$22,0)</f>
        <v>7.1318591985620905E-2</v>
      </c>
      <c r="O4373" s="59">
        <f>IF(Input!$D$19=2,J4373*Input!$C$19,0)+IF(Input!$D$20=2,K4373*Input!$C$20,0)+IF(Input!$D$21=2,L4373*Input!$C$21,0)+IF(Input!$D$22=2,M4373*Input!$C$22,0)</f>
        <v>0.17829647996405226</v>
      </c>
      <c r="P4373" s="59">
        <f>IF(Input!$D$19=3,J4373*Input!$C$19,0)+IF(Input!$D$20=3,K4373*Input!$C$20,0)+IF(Input!$D$21=3,L4373*Input!$C$21,0)+IF(Input!$D$22=3,M4373*Input!$C$22,0)</f>
        <v>0</v>
      </c>
      <c r="Q4373" s="75">
        <f>IF(Input!$D$19=4,J4373*Input!$C$19,0)+IF(Input!$D$20=4,K4373*Input!$C$20,0)+IF(Input!$D$21=4,L4373*Input!$C$21,0)+IF(Input!$D$22=4,M4373*Input!$C$22,0)</f>
        <v>0</v>
      </c>
      <c r="R4373" s="58">
        <v>42.797572498302536</v>
      </c>
      <c r="S4373" s="124">
        <f t="shared" si="68"/>
        <v>0.30904723193769057</v>
      </c>
    </row>
    <row r="4374" spans="8:19" x14ac:dyDescent="0.3">
      <c r="H4374" s="44">
        <v>4367</v>
      </c>
      <c r="I4374" s="56">
        <f>Bühler!I4400</f>
        <v>7.1318591985620891E-2</v>
      </c>
      <c r="J4374" s="59">
        <f>Bühler!J4400</f>
        <v>0.23772863995206969</v>
      </c>
      <c r="K4374" s="59">
        <f>Bühler!K4400</f>
        <v>0.35659295992810452</v>
      </c>
      <c r="L4374" s="59">
        <f>Bühler!L4400</f>
        <v>5.1846939652554731</v>
      </c>
      <c r="M4374" s="58">
        <f>Bühler!M4400</f>
        <v>0</v>
      </c>
      <c r="N4374" s="56">
        <f>IF(Input!$D$19=1,J4374*Input!$C$19,0)+IF(Input!$D$20=1,K4374*Input!$C$20,0)+IF(Input!$D$21=1,L4374*Input!$C$21,0)+IF(Input!$D$22=1,M4374*Input!$C$22,0)</f>
        <v>7.1318591985620905E-2</v>
      </c>
      <c r="O4374" s="59">
        <f>IF(Input!$D$19=2,J4374*Input!$C$19,0)+IF(Input!$D$20=2,K4374*Input!$C$20,0)+IF(Input!$D$21=2,L4374*Input!$C$21,0)+IF(Input!$D$22=2,M4374*Input!$C$22,0)</f>
        <v>0.17829647996405226</v>
      </c>
      <c r="P4374" s="59">
        <f>IF(Input!$D$19=3,J4374*Input!$C$19,0)+IF(Input!$D$20=3,K4374*Input!$C$20,0)+IF(Input!$D$21=3,L4374*Input!$C$21,0)+IF(Input!$D$22=3,M4374*Input!$C$22,0)</f>
        <v>0</v>
      </c>
      <c r="Q4374" s="75">
        <f>IF(Input!$D$19=4,J4374*Input!$C$19,0)+IF(Input!$D$20=4,K4374*Input!$C$20,0)+IF(Input!$D$21=4,L4374*Input!$C$21,0)+IF(Input!$D$22=4,M4374*Input!$C$22,0)</f>
        <v>0</v>
      </c>
      <c r="R4374" s="58">
        <v>43.228856957690887</v>
      </c>
      <c r="S4374" s="124">
        <f t="shared" si="68"/>
        <v>0.30904723193769057</v>
      </c>
    </row>
    <row r="4375" spans="8:19" x14ac:dyDescent="0.3">
      <c r="H4375" s="44">
        <v>4368</v>
      </c>
      <c r="I4375" s="56">
        <f>Bühler!I4401</f>
        <v>7.1318591985620891E-2</v>
      </c>
      <c r="J4375" s="59">
        <f>Bühler!J4401</f>
        <v>0.23772863995206969</v>
      </c>
      <c r="K4375" s="59">
        <f>Bühler!K4401</f>
        <v>0.35659295992810452</v>
      </c>
      <c r="L4375" s="59">
        <f>Bühler!L4401</f>
        <v>5.1846939652554731</v>
      </c>
      <c r="M4375" s="58">
        <f>Bühler!M4401</f>
        <v>0</v>
      </c>
      <c r="N4375" s="56">
        <f>IF(Input!$D$19=1,J4375*Input!$C$19,0)+IF(Input!$D$20=1,K4375*Input!$C$20,0)+IF(Input!$D$21=1,L4375*Input!$C$21,0)+IF(Input!$D$22=1,M4375*Input!$C$22,0)</f>
        <v>7.1318591985620905E-2</v>
      </c>
      <c r="O4375" s="59">
        <f>IF(Input!$D$19=2,J4375*Input!$C$19,0)+IF(Input!$D$20=2,K4375*Input!$C$20,0)+IF(Input!$D$21=2,L4375*Input!$C$21,0)+IF(Input!$D$22=2,M4375*Input!$C$22,0)</f>
        <v>0.17829647996405226</v>
      </c>
      <c r="P4375" s="59">
        <f>IF(Input!$D$19=3,J4375*Input!$C$19,0)+IF(Input!$D$20=3,K4375*Input!$C$20,0)+IF(Input!$D$21=3,L4375*Input!$C$21,0)+IF(Input!$D$22=3,M4375*Input!$C$22,0)</f>
        <v>0</v>
      </c>
      <c r="Q4375" s="75">
        <f>IF(Input!$D$19=4,J4375*Input!$C$19,0)+IF(Input!$D$20=4,K4375*Input!$C$20,0)+IF(Input!$D$21=4,L4375*Input!$C$21,0)+IF(Input!$D$22=4,M4375*Input!$C$22,0)</f>
        <v>0</v>
      </c>
      <c r="R4375" s="58">
        <v>43.219581639030679</v>
      </c>
      <c r="S4375" s="124">
        <f t="shared" si="68"/>
        <v>0.30904723193769057</v>
      </c>
    </row>
    <row r="4376" spans="8:19" x14ac:dyDescent="0.3">
      <c r="H4376" s="44">
        <v>4369</v>
      </c>
      <c r="I4376" s="56">
        <f>Bühler!I4402</f>
        <v>6.9651687538965806E-2</v>
      </c>
      <c r="J4376" s="59">
        <f>Bühler!J4402</f>
        <v>0.23217229179655272</v>
      </c>
      <c r="K4376" s="59">
        <f>Bühler!K4402</f>
        <v>0.34825843769482906</v>
      </c>
      <c r="L4376" s="59">
        <f>Bühler!L4402</f>
        <v>1.6716405009351794</v>
      </c>
      <c r="M4376" s="58">
        <f>Bühler!M4402</f>
        <v>0</v>
      </c>
      <c r="N4376" s="56">
        <f>IF(Input!$D$19=1,J4376*Input!$C$19,0)+IF(Input!$D$20=1,K4376*Input!$C$20,0)+IF(Input!$D$21=1,L4376*Input!$C$21,0)+IF(Input!$D$22=1,M4376*Input!$C$22,0)</f>
        <v>6.9651687538965806E-2</v>
      </c>
      <c r="O4376" s="59">
        <f>IF(Input!$D$19=2,J4376*Input!$C$19,0)+IF(Input!$D$20=2,K4376*Input!$C$20,0)+IF(Input!$D$21=2,L4376*Input!$C$21,0)+IF(Input!$D$22=2,M4376*Input!$C$22,0)</f>
        <v>0.17412921884741453</v>
      </c>
      <c r="P4376" s="59">
        <f>IF(Input!$D$19=3,J4376*Input!$C$19,0)+IF(Input!$D$20=3,K4376*Input!$C$20,0)+IF(Input!$D$21=3,L4376*Input!$C$21,0)+IF(Input!$D$22=3,M4376*Input!$C$22,0)</f>
        <v>0</v>
      </c>
      <c r="Q4376" s="75">
        <f>IF(Input!$D$19=4,J4376*Input!$C$19,0)+IF(Input!$D$20=4,K4376*Input!$C$20,0)+IF(Input!$D$21=4,L4376*Input!$C$21,0)+IF(Input!$D$22=4,M4376*Input!$C$22,0)</f>
        <v>0</v>
      </c>
      <c r="R4376" s="58">
        <v>43.071021317318419</v>
      </c>
      <c r="S4376" s="124">
        <f t="shared" si="68"/>
        <v>0.30182397933551852</v>
      </c>
    </row>
    <row r="4377" spans="8:19" x14ac:dyDescent="0.3">
      <c r="H4377" s="44">
        <v>4370</v>
      </c>
      <c r="I4377" s="56">
        <f>Bühler!I4403</f>
        <v>6.9651687538965806E-2</v>
      </c>
      <c r="J4377" s="59">
        <f>Bühler!J4403</f>
        <v>0.23217229179655272</v>
      </c>
      <c r="K4377" s="59">
        <f>Bühler!K4403</f>
        <v>0.34825843769482906</v>
      </c>
      <c r="L4377" s="59">
        <f>Bühler!L4403</f>
        <v>1.6716405009351794</v>
      </c>
      <c r="M4377" s="58">
        <f>Bühler!M4403</f>
        <v>0</v>
      </c>
      <c r="N4377" s="56">
        <f>IF(Input!$D$19=1,J4377*Input!$C$19,0)+IF(Input!$D$20=1,K4377*Input!$C$20,0)+IF(Input!$D$21=1,L4377*Input!$C$21,0)+IF(Input!$D$22=1,M4377*Input!$C$22,0)</f>
        <v>6.9651687538965806E-2</v>
      </c>
      <c r="O4377" s="59">
        <f>IF(Input!$D$19=2,J4377*Input!$C$19,0)+IF(Input!$D$20=2,K4377*Input!$C$20,0)+IF(Input!$D$21=2,L4377*Input!$C$21,0)+IF(Input!$D$22=2,M4377*Input!$C$22,0)</f>
        <v>0.17412921884741453</v>
      </c>
      <c r="P4377" s="59">
        <f>IF(Input!$D$19=3,J4377*Input!$C$19,0)+IF(Input!$D$20=3,K4377*Input!$C$20,0)+IF(Input!$D$21=3,L4377*Input!$C$21,0)+IF(Input!$D$22=3,M4377*Input!$C$22,0)</f>
        <v>0</v>
      </c>
      <c r="Q4377" s="75">
        <f>IF(Input!$D$19=4,J4377*Input!$C$19,0)+IF(Input!$D$20=4,K4377*Input!$C$20,0)+IF(Input!$D$21=4,L4377*Input!$C$21,0)+IF(Input!$D$22=4,M4377*Input!$C$22,0)</f>
        <v>0</v>
      </c>
      <c r="R4377" s="58">
        <v>43.444446063566666</v>
      </c>
      <c r="S4377" s="124">
        <f t="shared" si="68"/>
        <v>0.30182397933551852</v>
      </c>
    </row>
    <row r="4378" spans="8:19" x14ac:dyDescent="0.3">
      <c r="H4378" s="44">
        <v>4371</v>
      </c>
      <c r="I4378" s="56">
        <f>Bühler!I4404</f>
        <v>6.9651687538965806E-2</v>
      </c>
      <c r="J4378" s="59">
        <f>Bühler!J4404</f>
        <v>0.23217229179655272</v>
      </c>
      <c r="K4378" s="59">
        <f>Bühler!K4404</f>
        <v>0.34825843769482906</v>
      </c>
      <c r="L4378" s="59">
        <f>Bühler!L4404</f>
        <v>1.6716405009351794</v>
      </c>
      <c r="M4378" s="58">
        <f>Bühler!M4404</f>
        <v>0</v>
      </c>
      <c r="N4378" s="56">
        <f>IF(Input!$D$19=1,J4378*Input!$C$19,0)+IF(Input!$D$20=1,K4378*Input!$C$20,0)+IF(Input!$D$21=1,L4378*Input!$C$21,0)+IF(Input!$D$22=1,M4378*Input!$C$22,0)</f>
        <v>6.9651687538965806E-2</v>
      </c>
      <c r="O4378" s="59">
        <f>IF(Input!$D$19=2,J4378*Input!$C$19,0)+IF(Input!$D$20=2,K4378*Input!$C$20,0)+IF(Input!$D$21=2,L4378*Input!$C$21,0)+IF(Input!$D$22=2,M4378*Input!$C$22,0)</f>
        <v>0.17412921884741453</v>
      </c>
      <c r="P4378" s="59">
        <f>IF(Input!$D$19=3,J4378*Input!$C$19,0)+IF(Input!$D$20=3,K4378*Input!$C$20,0)+IF(Input!$D$21=3,L4378*Input!$C$21,0)+IF(Input!$D$22=3,M4378*Input!$C$22,0)</f>
        <v>0</v>
      </c>
      <c r="Q4378" s="75">
        <f>IF(Input!$D$19=4,J4378*Input!$C$19,0)+IF(Input!$D$20=4,K4378*Input!$C$20,0)+IF(Input!$D$21=4,L4378*Input!$C$21,0)+IF(Input!$D$22=4,M4378*Input!$C$22,0)</f>
        <v>0</v>
      </c>
      <c r="R4378" s="58">
        <v>43.925814878302958</v>
      </c>
      <c r="S4378" s="124">
        <f t="shared" si="68"/>
        <v>0.30182397933551852</v>
      </c>
    </row>
    <row r="4379" spans="8:19" x14ac:dyDescent="0.3">
      <c r="H4379" s="44">
        <v>4372</v>
      </c>
      <c r="I4379" s="56">
        <f>Bühler!I4405</f>
        <v>6.9651687538965806E-2</v>
      </c>
      <c r="J4379" s="59">
        <f>Bühler!J4405</f>
        <v>0.23217229179655272</v>
      </c>
      <c r="K4379" s="59">
        <f>Bühler!K4405</f>
        <v>0.34825843769482906</v>
      </c>
      <c r="L4379" s="59">
        <f>Bühler!L4405</f>
        <v>1.6716405009351794</v>
      </c>
      <c r="M4379" s="58">
        <f>Bühler!M4405</f>
        <v>0</v>
      </c>
      <c r="N4379" s="56">
        <f>IF(Input!$D$19=1,J4379*Input!$C$19,0)+IF(Input!$D$20=1,K4379*Input!$C$20,0)+IF(Input!$D$21=1,L4379*Input!$C$21,0)+IF(Input!$D$22=1,M4379*Input!$C$22,0)</f>
        <v>6.9651687538965806E-2</v>
      </c>
      <c r="O4379" s="59">
        <f>IF(Input!$D$19=2,J4379*Input!$C$19,0)+IF(Input!$D$20=2,K4379*Input!$C$20,0)+IF(Input!$D$21=2,L4379*Input!$C$21,0)+IF(Input!$D$22=2,M4379*Input!$C$22,0)</f>
        <v>0.17412921884741453</v>
      </c>
      <c r="P4379" s="59">
        <f>IF(Input!$D$19=3,J4379*Input!$C$19,0)+IF(Input!$D$20=3,K4379*Input!$C$20,0)+IF(Input!$D$21=3,L4379*Input!$C$21,0)+IF(Input!$D$22=3,M4379*Input!$C$22,0)</f>
        <v>0</v>
      </c>
      <c r="Q4379" s="75">
        <f>IF(Input!$D$19=4,J4379*Input!$C$19,0)+IF(Input!$D$20=4,K4379*Input!$C$20,0)+IF(Input!$D$21=4,L4379*Input!$C$21,0)+IF(Input!$D$22=4,M4379*Input!$C$22,0)</f>
        <v>0</v>
      </c>
      <c r="R4379" s="58">
        <v>44.752241850140891</v>
      </c>
      <c r="S4379" s="124">
        <f t="shared" si="68"/>
        <v>0.30182397933551852</v>
      </c>
    </row>
    <row r="4380" spans="8:19" x14ac:dyDescent="0.3">
      <c r="H4380" s="44">
        <v>4373</v>
      </c>
      <c r="I4380" s="56">
        <f>Bühler!I4406</f>
        <v>6.9651687538965806E-2</v>
      </c>
      <c r="J4380" s="59">
        <f>Bühler!J4406</f>
        <v>0.23217229179655272</v>
      </c>
      <c r="K4380" s="59">
        <f>Bühler!K4406</f>
        <v>0.34825843769482906</v>
      </c>
      <c r="L4380" s="59">
        <f>Bühler!L4406</f>
        <v>1.6716405009351794</v>
      </c>
      <c r="M4380" s="58">
        <f>Bühler!M4406</f>
        <v>0</v>
      </c>
      <c r="N4380" s="56">
        <f>IF(Input!$D$19=1,J4380*Input!$C$19,0)+IF(Input!$D$20=1,K4380*Input!$C$20,0)+IF(Input!$D$21=1,L4380*Input!$C$21,0)+IF(Input!$D$22=1,M4380*Input!$C$22,0)</f>
        <v>6.9651687538965806E-2</v>
      </c>
      <c r="O4380" s="59">
        <f>IF(Input!$D$19=2,J4380*Input!$C$19,0)+IF(Input!$D$20=2,K4380*Input!$C$20,0)+IF(Input!$D$21=2,L4380*Input!$C$21,0)+IF(Input!$D$22=2,M4380*Input!$C$22,0)</f>
        <v>0.17412921884741453</v>
      </c>
      <c r="P4380" s="59">
        <f>IF(Input!$D$19=3,J4380*Input!$C$19,0)+IF(Input!$D$20=3,K4380*Input!$C$20,0)+IF(Input!$D$21=3,L4380*Input!$C$21,0)+IF(Input!$D$22=3,M4380*Input!$C$22,0)</f>
        <v>0</v>
      </c>
      <c r="Q4380" s="75">
        <f>IF(Input!$D$19=4,J4380*Input!$C$19,0)+IF(Input!$D$20=4,K4380*Input!$C$20,0)+IF(Input!$D$21=4,L4380*Input!$C$21,0)+IF(Input!$D$22=4,M4380*Input!$C$22,0)</f>
        <v>0</v>
      </c>
      <c r="R4380" s="58">
        <v>48.078995458461108</v>
      </c>
      <c r="S4380" s="124">
        <f t="shared" si="68"/>
        <v>0.30182397933551852</v>
      </c>
    </row>
    <row r="4381" spans="8:19" x14ac:dyDescent="0.3">
      <c r="H4381" s="44">
        <v>4374</v>
      </c>
      <c r="I4381" s="56">
        <f>Bühler!I4407</f>
        <v>0.30182397933551847</v>
      </c>
      <c r="J4381" s="59">
        <f>Bühler!J4407</f>
        <v>1.006079931118395</v>
      </c>
      <c r="K4381" s="59">
        <f>Bühler!K4407</f>
        <v>1.5091198966775923</v>
      </c>
      <c r="L4381" s="59">
        <f>Bühler!L4407</f>
        <v>7.2437755040524427</v>
      </c>
      <c r="M4381" s="58">
        <f>Bühler!M4407</f>
        <v>0</v>
      </c>
      <c r="N4381" s="56">
        <f>IF(Input!$D$19=1,J4381*Input!$C$19,0)+IF(Input!$D$20=1,K4381*Input!$C$20,0)+IF(Input!$D$21=1,L4381*Input!$C$21,0)+IF(Input!$D$22=1,M4381*Input!$C$22,0)</f>
        <v>0.30182397933551847</v>
      </c>
      <c r="O4381" s="59">
        <f>IF(Input!$D$19=2,J4381*Input!$C$19,0)+IF(Input!$D$20=2,K4381*Input!$C$20,0)+IF(Input!$D$21=2,L4381*Input!$C$21,0)+IF(Input!$D$22=2,M4381*Input!$C$22,0)</f>
        <v>0.75455994833879614</v>
      </c>
      <c r="P4381" s="59">
        <f>IF(Input!$D$19=3,J4381*Input!$C$19,0)+IF(Input!$D$20=3,K4381*Input!$C$20,0)+IF(Input!$D$21=3,L4381*Input!$C$21,0)+IF(Input!$D$22=3,M4381*Input!$C$22,0)</f>
        <v>0</v>
      </c>
      <c r="Q4381" s="75">
        <f>IF(Input!$D$19=4,J4381*Input!$C$19,0)+IF(Input!$D$20=4,K4381*Input!$C$20,0)+IF(Input!$D$21=4,L4381*Input!$C$21,0)+IF(Input!$D$22=4,M4381*Input!$C$22,0)</f>
        <v>0</v>
      </c>
      <c r="R4381" s="58">
        <v>53.642027201281437</v>
      </c>
      <c r="S4381" s="124">
        <f t="shared" si="68"/>
        <v>1.3079039104539134</v>
      </c>
    </row>
    <row r="4382" spans="8:19" x14ac:dyDescent="0.3">
      <c r="H4382" s="44">
        <v>4375</v>
      </c>
      <c r="I4382" s="56">
        <f>Bühler!I4408</f>
        <v>0.34245413039991524</v>
      </c>
      <c r="J4382" s="59">
        <f>Bühler!J4408</f>
        <v>1.1415137679997176</v>
      </c>
      <c r="K4382" s="59">
        <f>Bühler!K4408</f>
        <v>1.7122706519995761</v>
      </c>
      <c r="L4382" s="59">
        <f>Bühler!L4408</f>
        <v>8.2188991295979648</v>
      </c>
      <c r="M4382" s="58">
        <f>Bühler!M4408</f>
        <v>0</v>
      </c>
      <c r="N4382" s="56">
        <f>IF(Input!$D$19=1,J4382*Input!$C$19,0)+IF(Input!$D$20=1,K4382*Input!$C$20,0)+IF(Input!$D$21=1,L4382*Input!$C$21,0)+IF(Input!$D$22=1,M4382*Input!$C$22,0)</f>
        <v>0.34245413039991529</v>
      </c>
      <c r="O4382" s="59">
        <f>IF(Input!$D$19=2,J4382*Input!$C$19,0)+IF(Input!$D$20=2,K4382*Input!$C$20,0)+IF(Input!$D$21=2,L4382*Input!$C$21,0)+IF(Input!$D$22=2,M4382*Input!$C$22,0)</f>
        <v>0.85613532599978803</v>
      </c>
      <c r="P4382" s="59">
        <f>IF(Input!$D$19=3,J4382*Input!$C$19,0)+IF(Input!$D$20=3,K4382*Input!$C$20,0)+IF(Input!$D$21=3,L4382*Input!$C$21,0)+IF(Input!$D$22=3,M4382*Input!$C$22,0)</f>
        <v>0</v>
      </c>
      <c r="Q4382" s="75">
        <f>IF(Input!$D$19=4,J4382*Input!$C$19,0)+IF(Input!$D$20=4,K4382*Input!$C$20,0)+IF(Input!$D$21=4,L4382*Input!$C$21,0)+IF(Input!$D$22=4,M4382*Input!$C$22,0)</f>
        <v>0</v>
      </c>
      <c r="R4382" s="58">
        <v>58.731349824925026</v>
      </c>
      <c r="S4382" s="124">
        <f t="shared" si="68"/>
        <v>1.4839678983996327</v>
      </c>
    </row>
    <row r="4383" spans="8:19" x14ac:dyDescent="0.3">
      <c r="H4383" s="44">
        <v>4376</v>
      </c>
      <c r="I4383" s="56">
        <f>Bühler!I4409</f>
        <v>0.34245413039991524</v>
      </c>
      <c r="J4383" s="59">
        <f>Bühler!J4409</f>
        <v>1.1415137679997176</v>
      </c>
      <c r="K4383" s="59">
        <f>Bühler!K4409</f>
        <v>1.7122706519995761</v>
      </c>
      <c r="L4383" s="59">
        <f>Bühler!L4409</f>
        <v>8.2188991295979648</v>
      </c>
      <c r="M4383" s="58">
        <f>Bühler!M4409</f>
        <v>0</v>
      </c>
      <c r="N4383" s="56">
        <f>IF(Input!$D$19=1,J4383*Input!$C$19,0)+IF(Input!$D$20=1,K4383*Input!$C$20,0)+IF(Input!$D$21=1,L4383*Input!$C$21,0)+IF(Input!$D$22=1,M4383*Input!$C$22,0)</f>
        <v>0.34245413039991529</v>
      </c>
      <c r="O4383" s="59">
        <f>IF(Input!$D$19=2,J4383*Input!$C$19,0)+IF(Input!$D$20=2,K4383*Input!$C$20,0)+IF(Input!$D$21=2,L4383*Input!$C$21,0)+IF(Input!$D$22=2,M4383*Input!$C$22,0)</f>
        <v>0.85613532599978803</v>
      </c>
      <c r="P4383" s="59">
        <f>IF(Input!$D$19=3,J4383*Input!$C$19,0)+IF(Input!$D$20=3,K4383*Input!$C$20,0)+IF(Input!$D$21=3,L4383*Input!$C$21,0)+IF(Input!$D$22=3,M4383*Input!$C$22,0)</f>
        <v>0</v>
      </c>
      <c r="Q4383" s="75">
        <f>IF(Input!$D$19=4,J4383*Input!$C$19,0)+IF(Input!$D$20=4,K4383*Input!$C$20,0)+IF(Input!$D$21=4,L4383*Input!$C$21,0)+IF(Input!$D$22=4,M4383*Input!$C$22,0)</f>
        <v>0</v>
      </c>
      <c r="R4383" s="58">
        <v>61.480242444783777</v>
      </c>
      <c r="S4383" s="124">
        <f t="shared" si="68"/>
        <v>1.4839678983996327</v>
      </c>
    </row>
    <row r="4384" spans="8:19" x14ac:dyDescent="0.3">
      <c r="H4384" s="44">
        <v>4377</v>
      </c>
      <c r="I4384" s="56">
        <f>Bühler!I4410</f>
        <v>0.34245413039991524</v>
      </c>
      <c r="J4384" s="59">
        <f>Bühler!J4410</f>
        <v>1.1415137679997176</v>
      </c>
      <c r="K4384" s="59">
        <f>Bühler!K4410</f>
        <v>1.7122706519995761</v>
      </c>
      <c r="L4384" s="59">
        <f>Bühler!L4410</f>
        <v>8.2188991295979648</v>
      </c>
      <c r="M4384" s="58">
        <f>Bühler!M4410</f>
        <v>0</v>
      </c>
      <c r="N4384" s="56">
        <f>IF(Input!$D$19=1,J4384*Input!$C$19,0)+IF(Input!$D$20=1,K4384*Input!$C$20,0)+IF(Input!$D$21=1,L4384*Input!$C$21,0)+IF(Input!$D$22=1,M4384*Input!$C$22,0)</f>
        <v>0.34245413039991529</v>
      </c>
      <c r="O4384" s="59">
        <f>IF(Input!$D$19=2,J4384*Input!$C$19,0)+IF(Input!$D$20=2,K4384*Input!$C$20,0)+IF(Input!$D$21=2,L4384*Input!$C$21,0)+IF(Input!$D$22=2,M4384*Input!$C$22,0)</f>
        <v>0.85613532599978803</v>
      </c>
      <c r="P4384" s="59">
        <f>IF(Input!$D$19=3,J4384*Input!$C$19,0)+IF(Input!$D$20=3,K4384*Input!$C$20,0)+IF(Input!$D$21=3,L4384*Input!$C$21,0)+IF(Input!$D$22=3,M4384*Input!$C$22,0)</f>
        <v>0</v>
      </c>
      <c r="Q4384" s="75">
        <f>IF(Input!$D$19=4,J4384*Input!$C$19,0)+IF(Input!$D$20=4,K4384*Input!$C$20,0)+IF(Input!$D$21=4,L4384*Input!$C$21,0)+IF(Input!$D$22=4,M4384*Input!$C$22,0)</f>
        <v>0</v>
      </c>
      <c r="R4384" s="58">
        <v>64.170077285340909</v>
      </c>
      <c r="S4384" s="124">
        <f t="shared" si="68"/>
        <v>1.4839678983996327</v>
      </c>
    </row>
    <row r="4385" spans="8:19" x14ac:dyDescent="0.3">
      <c r="H4385" s="44">
        <v>4378</v>
      </c>
      <c r="I4385" s="56">
        <f>Bühler!I4411</f>
        <v>0.36567135957957053</v>
      </c>
      <c r="J4385" s="59">
        <f>Bühler!J4411</f>
        <v>1.2189045319319018</v>
      </c>
      <c r="K4385" s="59">
        <f>Bühler!K4411</f>
        <v>1.8283567978978525</v>
      </c>
      <c r="L4385" s="59">
        <f>Bühler!L4411</f>
        <v>8.7761126299096919</v>
      </c>
      <c r="M4385" s="58">
        <f>Bühler!M4411</f>
        <v>0</v>
      </c>
      <c r="N4385" s="56">
        <f>IF(Input!$D$19=1,J4385*Input!$C$19,0)+IF(Input!$D$20=1,K4385*Input!$C$20,0)+IF(Input!$D$21=1,L4385*Input!$C$21,0)+IF(Input!$D$22=1,M4385*Input!$C$22,0)</f>
        <v>0.36567135957957053</v>
      </c>
      <c r="O4385" s="59">
        <f>IF(Input!$D$19=2,J4385*Input!$C$19,0)+IF(Input!$D$20=2,K4385*Input!$C$20,0)+IF(Input!$D$21=2,L4385*Input!$C$21,0)+IF(Input!$D$22=2,M4385*Input!$C$22,0)</f>
        <v>0.91417839894892627</v>
      </c>
      <c r="P4385" s="59">
        <f>IF(Input!$D$19=3,J4385*Input!$C$19,0)+IF(Input!$D$20=3,K4385*Input!$C$20,0)+IF(Input!$D$21=3,L4385*Input!$C$21,0)+IF(Input!$D$22=3,M4385*Input!$C$22,0)</f>
        <v>0</v>
      </c>
      <c r="Q4385" s="75">
        <f>IF(Input!$D$19=4,J4385*Input!$C$19,0)+IF(Input!$D$20=4,K4385*Input!$C$20,0)+IF(Input!$D$21=4,L4385*Input!$C$21,0)+IF(Input!$D$22=4,M4385*Input!$C$22,0)</f>
        <v>0</v>
      </c>
      <c r="R4385" s="58">
        <v>66.08177691151937</v>
      </c>
      <c r="S4385" s="124">
        <f t="shared" si="68"/>
        <v>1.5845758915114723</v>
      </c>
    </row>
    <row r="4386" spans="8:19" x14ac:dyDescent="0.3">
      <c r="H4386" s="44">
        <v>4379</v>
      </c>
      <c r="I4386" s="56">
        <f>Bühler!I4412</f>
        <v>0.36567135957957053</v>
      </c>
      <c r="J4386" s="59">
        <f>Bühler!J4412</f>
        <v>1.2189045319319018</v>
      </c>
      <c r="K4386" s="59">
        <f>Bühler!K4412</f>
        <v>1.8283567978978525</v>
      </c>
      <c r="L4386" s="59">
        <f>Bühler!L4412</f>
        <v>8.7761126299096919</v>
      </c>
      <c r="M4386" s="58">
        <f>Bühler!M4412</f>
        <v>0</v>
      </c>
      <c r="N4386" s="56">
        <f>IF(Input!$D$19=1,J4386*Input!$C$19,0)+IF(Input!$D$20=1,K4386*Input!$C$20,0)+IF(Input!$D$21=1,L4386*Input!$C$21,0)+IF(Input!$D$22=1,M4386*Input!$C$22,0)</f>
        <v>0.36567135957957053</v>
      </c>
      <c r="O4386" s="59">
        <f>IF(Input!$D$19=2,J4386*Input!$C$19,0)+IF(Input!$D$20=2,K4386*Input!$C$20,0)+IF(Input!$D$21=2,L4386*Input!$C$21,0)+IF(Input!$D$22=2,M4386*Input!$C$22,0)</f>
        <v>0.91417839894892627</v>
      </c>
      <c r="P4386" s="59">
        <f>IF(Input!$D$19=3,J4386*Input!$C$19,0)+IF(Input!$D$20=3,K4386*Input!$C$20,0)+IF(Input!$D$21=3,L4386*Input!$C$21,0)+IF(Input!$D$22=3,M4386*Input!$C$22,0)</f>
        <v>0</v>
      </c>
      <c r="Q4386" s="75">
        <f>IF(Input!$D$19=4,J4386*Input!$C$19,0)+IF(Input!$D$20=4,K4386*Input!$C$20,0)+IF(Input!$D$21=4,L4386*Input!$C$21,0)+IF(Input!$D$22=4,M4386*Input!$C$22,0)</f>
        <v>0</v>
      </c>
      <c r="R4386" s="58">
        <v>68.099394879367779</v>
      </c>
      <c r="S4386" s="124">
        <f t="shared" si="68"/>
        <v>1.5845758915114723</v>
      </c>
    </row>
    <row r="4387" spans="8:19" x14ac:dyDescent="0.3">
      <c r="H4387" s="44">
        <v>4380</v>
      </c>
      <c r="I4387" s="56">
        <f>Bühler!I4413</f>
        <v>0.46434458359310543</v>
      </c>
      <c r="J4387" s="59">
        <f>Bühler!J4413</f>
        <v>1.547815278643685</v>
      </c>
      <c r="K4387" s="59">
        <f>Bühler!K4413</f>
        <v>2.321722917965527</v>
      </c>
      <c r="L4387" s="59">
        <f>Bühler!L4413</f>
        <v>11.14427000623453</v>
      </c>
      <c r="M4387" s="58">
        <f>Bühler!M4413</f>
        <v>0</v>
      </c>
      <c r="N4387" s="56">
        <f>IF(Input!$D$19=1,J4387*Input!$C$19,0)+IF(Input!$D$20=1,K4387*Input!$C$20,0)+IF(Input!$D$21=1,L4387*Input!$C$21,0)+IF(Input!$D$22=1,M4387*Input!$C$22,0)</f>
        <v>0.46434458359310549</v>
      </c>
      <c r="O4387" s="59">
        <f>IF(Input!$D$19=2,J4387*Input!$C$19,0)+IF(Input!$D$20=2,K4387*Input!$C$20,0)+IF(Input!$D$21=2,L4387*Input!$C$21,0)+IF(Input!$D$22=2,M4387*Input!$C$22,0)</f>
        <v>1.1608614589827635</v>
      </c>
      <c r="P4387" s="59">
        <f>IF(Input!$D$19=3,J4387*Input!$C$19,0)+IF(Input!$D$20=3,K4387*Input!$C$20,0)+IF(Input!$D$21=3,L4387*Input!$C$21,0)+IF(Input!$D$22=3,M4387*Input!$C$22,0)</f>
        <v>0</v>
      </c>
      <c r="Q4387" s="75">
        <f>IF(Input!$D$19=4,J4387*Input!$C$19,0)+IF(Input!$D$20=4,K4387*Input!$C$20,0)+IF(Input!$D$21=4,L4387*Input!$C$21,0)+IF(Input!$D$22=4,M4387*Input!$C$22,0)</f>
        <v>0</v>
      </c>
      <c r="R4387" s="58">
        <v>69.302175458605234</v>
      </c>
      <c r="S4387" s="124">
        <f t="shared" si="68"/>
        <v>2.0121598622367904</v>
      </c>
    </row>
    <row r="4388" spans="8:19" x14ac:dyDescent="0.3">
      <c r="H4388" s="44">
        <v>4381</v>
      </c>
      <c r="I4388" s="56">
        <f>Bühler!I4414</f>
        <v>0.46434458359310543</v>
      </c>
      <c r="J4388" s="59">
        <f>Bühler!J4414</f>
        <v>1.547815278643685</v>
      </c>
      <c r="K4388" s="59">
        <f>Bühler!K4414</f>
        <v>2.321722917965527</v>
      </c>
      <c r="L4388" s="59">
        <f>Bühler!L4414</f>
        <v>11.14427000623453</v>
      </c>
      <c r="M4388" s="58">
        <f>Bühler!M4414</f>
        <v>0</v>
      </c>
      <c r="N4388" s="56">
        <f>IF(Input!$D$19=1,J4388*Input!$C$19,0)+IF(Input!$D$20=1,K4388*Input!$C$20,0)+IF(Input!$D$21=1,L4388*Input!$C$21,0)+IF(Input!$D$22=1,M4388*Input!$C$22,0)</f>
        <v>0.46434458359310549</v>
      </c>
      <c r="O4388" s="59">
        <f>IF(Input!$D$19=2,J4388*Input!$C$19,0)+IF(Input!$D$20=2,K4388*Input!$C$20,0)+IF(Input!$D$21=2,L4388*Input!$C$21,0)+IF(Input!$D$22=2,M4388*Input!$C$22,0)</f>
        <v>1.1608614589827635</v>
      </c>
      <c r="P4388" s="59">
        <f>IF(Input!$D$19=3,J4388*Input!$C$19,0)+IF(Input!$D$20=3,K4388*Input!$C$20,0)+IF(Input!$D$21=3,L4388*Input!$C$21,0)+IF(Input!$D$22=3,M4388*Input!$C$22,0)</f>
        <v>0</v>
      </c>
      <c r="Q4388" s="75">
        <f>IF(Input!$D$19=4,J4388*Input!$C$19,0)+IF(Input!$D$20=4,K4388*Input!$C$20,0)+IF(Input!$D$21=4,L4388*Input!$C$21,0)+IF(Input!$D$22=4,M4388*Input!$C$22,0)</f>
        <v>0</v>
      </c>
      <c r="R4388" s="58">
        <v>68.934049698010313</v>
      </c>
      <c r="S4388" s="124">
        <f t="shared" si="68"/>
        <v>2.0121598622367904</v>
      </c>
    </row>
    <row r="4389" spans="8:19" x14ac:dyDescent="0.3">
      <c r="H4389" s="44">
        <v>4382</v>
      </c>
      <c r="I4389" s="56">
        <f>Bühler!I4415</f>
        <v>0.30762828663043229</v>
      </c>
      <c r="J4389" s="59">
        <f>Bühler!J4415</f>
        <v>1.0254276221014409</v>
      </c>
      <c r="K4389" s="59">
        <f>Bühler!K4415</f>
        <v>1.5381414331521615</v>
      </c>
      <c r="L4389" s="59">
        <f>Bühler!L4415</f>
        <v>7.3830788791303741</v>
      </c>
      <c r="M4389" s="58">
        <f>Bühler!M4415</f>
        <v>0</v>
      </c>
      <c r="N4389" s="56">
        <f>IF(Input!$D$19=1,J4389*Input!$C$19,0)+IF(Input!$D$20=1,K4389*Input!$C$20,0)+IF(Input!$D$21=1,L4389*Input!$C$21,0)+IF(Input!$D$22=1,M4389*Input!$C$22,0)</f>
        <v>0.30762828663043223</v>
      </c>
      <c r="O4389" s="59">
        <f>IF(Input!$D$19=2,J4389*Input!$C$19,0)+IF(Input!$D$20=2,K4389*Input!$C$20,0)+IF(Input!$D$21=2,L4389*Input!$C$21,0)+IF(Input!$D$22=2,M4389*Input!$C$22,0)</f>
        <v>0.76907071657608073</v>
      </c>
      <c r="P4389" s="59">
        <f>IF(Input!$D$19=3,J4389*Input!$C$19,0)+IF(Input!$D$20=3,K4389*Input!$C$20,0)+IF(Input!$D$21=3,L4389*Input!$C$21,0)+IF(Input!$D$22=3,M4389*Input!$C$22,0)</f>
        <v>0</v>
      </c>
      <c r="Q4389" s="75">
        <f>IF(Input!$D$19=4,J4389*Input!$C$19,0)+IF(Input!$D$20=4,K4389*Input!$C$20,0)+IF(Input!$D$21=4,L4389*Input!$C$21,0)+IF(Input!$D$22=4,M4389*Input!$C$22,0)</f>
        <v>0</v>
      </c>
      <c r="R4389" s="58">
        <v>69.44561606425988</v>
      </c>
      <c r="S4389" s="124">
        <f t="shared" si="68"/>
        <v>1.3330559087318732</v>
      </c>
    </row>
    <row r="4390" spans="8:19" x14ac:dyDescent="0.3">
      <c r="H4390" s="44">
        <v>4383</v>
      </c>
      <c r="I4390" s="56">
        <f>Bühler!I4416</f>
        <v>0.46434458359310543</v>
      </c>
      <c r="J4390" s="59">
        <f>Bühler!J4416</f>
        <v>1.547815278643685</v>
      </c>
      <c r="K4390" s="59">
        <f>Bühler!K4416</f>
        <v>2.321722917965527</v>
      </c>
      <c r="L4390" s="59">
        <f>Bühler!L4416</f>
        <v>11.14427000623453</v>
      </c>
      <c r="M4390" s="58">
        <f>Bühler!M4416</f>
        <v>0</v>
      </c>
      <c r="N4390" s="56">
        <f>IF(Input!$D$19=1,J4390*Input!$C$19,0)+IF(Input!$D$20=1,K4390*Input!$C$20,0)+IF(Input!$D$21=1,L4390*Input!$C$21,0)+IF(Input!$D$22=1,M4390*Input!$C$22,0)</f>
        <v>0.46434458359310549</v>
      </c>
      <c r="O4390" s="59">
        <f>IF(Input!$D$19=2,J4390*Input!$C$19,0)+IF(Input!$D$20=2,K4390*Input!$C$20,0)+IF(Input!$D$21=2,L4390*Input!$C$21,0)+IF(Input!$D$22=2,M4390*Input!$C$22,0)</f>
        <v>1.1608614589827635</v>
      </c>
      <c r="P4390" s="59">
        <f>IF(Input!$D$19=3,J4390*Input!$C$19,0)+IF(Input!$D$20=3,K4390*Input!$C$20,0)+IF(Input!$D$21=3,L4390*Input!$C$21,0)+IF(Input!$D$22=3,M4390*Input!$C$22,0)</f>
        <v>0</v>
      </c>
      <c r="Q4390" s="75">
        <f>IF(Input!$D$19=4,J4390*Input!$C$19,0)+IF(Input!$D$20=4,K4390*Input!$C$20,0)+IF(Input!$D$21=4,L4390*Input!$C$21,0)+IF(Input!$D$22=4,M4390*Input!$C$22,0)</f>
        <v>0</v>
      </c>
      <c r="R4390" s="58">
        <v>70.388950388235287</v>
      </c>
      <c r="S4390" s="124">
        <f t="shared" si="68"/>
        <v>2.0121598622367904</v>
      </c>
    </row>
    <row r="4391" spans="8:19" x14ac:dyDescent="0.3">
      <c r="H4391" s="44">
        <v>4384</v>
      </c>
      <c r="I4391" s="56">
        <f>Bühler!I4417</f>
        <v>0.46434458359310543</v>
      </c>
      <c r="J4391" s="59">
        <f>Bühler!J4417</f>
        <v>1.547815278643685</v>
      </c>
      <c r="K4391" s="59">
        <f>Bühler!K4417</f>
        <v>2.321722917965527</v>
      </c>
      <c r="L4391" s="59">
        <f>Bühler!L4417</f>
        <v>11.14427000623453</v>
      </c>
      <c r="M4391" s="58">
        <f>Bühler!M4417</f>
        <v>0</v>
      </c>
      <c r="N4391" s="56">
        <f>IF(Input!$D$19=1,J4391*Input!$C$19,0)+IF(Input!$D$20=1,K4391*Input!$C$20,0)+IF(Input!$D$21=1,L4391*Input!$C$21,0)+IF(Input!$D$22=1,M4391*Input!$C$22,0)</f>
        <v>0.46434458359310549</v>
      </c>
      <c r="O4391" s="59">
        <f>IF(Input!$D$19=2,J4391*Input!$C$19,0)+IF(Input!$D$20=2,K4391*Input!$C$20,0)+IF(Input!$D$21=2,L4391*Input!$C$21,0)+IF(Input!$D$22=2,M4391*Input!$C$22,0)</f>
        <v>1.1608614589827635</v>
      </c>
      <c r="P4391" s="59">
        <f>IF(Input!$D$19=3,J4391*Input!$C$19,0)+IF(Input!$D$20=3,K4391*Input!$C$20,0)+IF(Input!$D$21=3,L4391*Input!$C$21,0)+IF(Input!$D$22=3,M4391*Input!$C$22,0)</f>
        <v>0</v>
      </c>
      <c r="Q4391" s="75">
        <f>IF(Input!$D$19=4,J4391*Input!$C$19,0)+IF(Input!$D$20=4,K4391*Input!$C$20,0)+IF(Input!$D$21=4,L4391*Input!$C$21,0)+IF(Input!$D$22=4,M4391*Input!$C$22,0)</f>
        <v>0</v>
      </c>
      <c r="R4391" s="58">
        <v>69.706996979739046</v>
      </c>
      <c r="S4391" s="124">
        <f t="shared" si="68"/>
        <v>2.0121598622367904</v>
      </c>
    </row>
    <row r="4392" spans="8:19" x14ac:dyDescent="0.3">
      <c r="H4392" s="44">
        <v>4385</v>
      </c>
      <c r="I4392" s="56">
        <f>Bühler!I4418</f>
        <v>0.46434458359310543</v>
      </c>
      <c r="J4392" s="59">
        <f>Bühler!J4418</f>
        <v>1.547815278643685</v>
      </c>
      <c r="K4392" s="59">
        <f>Bühler!K4418</f>
        <v>2.321722917965527</v>
      </c>
      <c r="L4392" s="59">
        <f>Bühler!L4418</f>
        <v>11.14427000623453</v>
      </c>
      <c r="M4392" s="58">
        <f>Bühler!M4418</f>
        <v>0</v>
      </c>
      <c r="N4392" s="56">
        <f>IF(Input!$D$19=1,J4392*Input!$C$19,0)+IF(Input!$D$20=1,K4392*Input!$C$20,0)+IF(Input!$D$21=1,L4392*Input!$C$21,0)+IF(Input!$D$22=1,M4392*Input!$C$22,0)</f>
        <v>0.46434458359310549</v>
      </c>
      <c r="O4392" s="59">
        <f>IF(Input!$D$19=2,J4392*Input!$C$19,0)+IF(Input!$D$20=2,K4392*Input!$C$20,0)+IF(Input!$D$21=2,L4392*Input!$C$21,0)+IF(Input!$D$22=2,M4392*Input!$C$22,0)</f>
        <v>1.1608614589827635</v>
      </c>
      <c r="P4392" s="59">
        <f>IF(Input!$D$19=3,J4392*Input!$C$19,0)+IF(Input!$D$20=3,K4392*Input!$C$20,0)+IF(Input!$D$21=3,L4392*Input!$C$21,0)+IF(Input!$D$22=3,M4392*Input!$C$22,0)</f>
        <v>0</v>
      </c>
      <c r="Q4392" s="75">
        <f>IF(Input!$D$19=4,J4392*Input!$C$19,0)+IF(Input!$D$20=4,K4392*Input!$C$20,0)+IF(Input!$D$21=4,L4392*Input!$C$21,0)+IF(Input!$D$22=4,M4392*Input!$C$22,0)</f>
        <v>0</v>
      </c>
      <c r="R4392" s="58">
        <v>68.583645619572337</v>
      </c>
      <c r="S4392" s="124">
        <f t="shared" si="68"/>
        <v>2.0121598622367904</v>
      </c>
    </row>
    <row r="4393" spans="8:19" x14ac:dyDescent="0.3">
      <c r="H4393" s="44">
        <v>4386</v>
      </c>
      <c r="I4393" s="56">
        <f>Bühler!I4419</f>
        <v>0.46434458359310543</v>
      </c>
      <c r="J4393" s="59">
        <f>Bühler!J4419</f>
        <v>1.547815278643685</v>
      </c>
      <c r="K4393" s="59">
        <f>Bühler!K4419</f>
        <v>2.321722917965527</v>
      </c>
      <c r="L4393" s="59">
        <f>Bühler!L4419</f>
        <v>11.14427000623453</v>
      </c>
      <c r="M4393" s="58">
        <f>Bühler!M4419</f>
        <v>0</v>
      </c>
      <c r="N4393" s="56">
        <f>IF(Input!$D$19=1,J4393*Input!$C$19,0)+IF(Input!$D$20=1,K4393*Input!$C$20,0)+IF(Input!$D$21=1,L4393*Input!$C$21,0)+IF(Input!$D$22=1,M4393*Input!$C$22,0)</f>
        <v>0.46434458359310549</v>
      </c>
      <c r="O4393" s="59">
        <f>IF(Input!$D$19=2,J4393*Input!$C$19,0)+IF(Input!$D$20=2,K4393*Input!$C$20,0)+IF(Input!$D$21=2,L4393*Input!$C$21,0)+IF(Input!$D$22=2,M4393*Input!$C$22,0)</f>
        <v>1.1608614589827635</v>
      </c>
      <c r="P4393" s="59">
        <f>IF(Input!$D$19=3,J4393*Input!$C$19,0)+IF(Input!$D$20=3,K4393*Input!$C$20,0)+IF(Input!$D$21=3,L4393*Input!$C$21,0)+IF(Input!$D$22=3,M4393*Input!$C$22,0)</f>
        <v>0</v>
      </c>
      <c r="Q4393" s="75">
        <f>IF(Input!$D$19=4,J4393*Input!$C$19,0)+IF(Input!$D$20=4,K4393*Input!$C$20,0)+IF(Input!$D$21=4,L4393*Input!$C$21,0)+IF(Input!$D$22=4,M4393*Input!$C$22,0)</f>
        <v>0</v>
      </c>
      <c r="R4393" s="58">
        <v>67.501981952477365</v>
      </c>
      <c r="S4393" s="124">
        <f t="shared" si="68"/>
        <v>2.0121598622367904</v>
      </c>
    </row>
    <row r="4394" spans="8:19" x14ac:dyDescent="0.3">
      <c r="H4394" s="44">
        <v>4387</v>
      </c>
      <c r="I4394" s="56">
        <f>Bühler!I4420</f>
        <v>0.46434458359310543</v>
      </c>
      <c r="J4394" s="59">
        <f>Bühler!J4420</f>
        <v>1.547815278643685</v>
      </c>
      <c r="K4394" s="59">
        <f>Bühler!K4420</f>
        <v>2.321722917965527</v>
      </c>
      <c r="L4394" s="59">
        <f>Bühler!L4420</f>
        <v>11.14427000623453</v>
      </c>
      <c r="M4394" s="58">
        <f>Bühler!M4420</f>
        <v>0</v>
      </c>
      <c r="N4394" s="56">
        <f>IF(Input!$D$19=1,J4394*Input!$C$19,0)+IF(Input!$D$20=1,K4394*Input!$C$20,0)+IF(Input!$D$21=1,L4394*Input!$C$21,0)+IF(Input!$D$22=1,M4394*Input!$C$22,0)</f>
        <v>0.46434458359310549</v>
      </c>
      <c r="O4394" s="59">
        <f>IF(Input!$D$19=2,J4394*Input!$C$19,0)+IF(Input!$D$20=2,K4394*Input!$C$20,0)+IF(Input!$D$21=2,L4394*Input!$C$21,0)+IF(Input!$D$22=2,M4394*Input!$C$22,0)</f>
        <v>1.1608614589827635</v>
      </c>
      <c r="P4394" s="59">
        <f>IF(Input!$D$19=3,J4394*Input!$C$19,0)+IF(Input!$D$20=3,K4394*Input!$C$20,0)+IF(Input!$D$21=3,L4394*Input!$C$21,0)+IF(Input!$D$22=3,M4394*Input!$C$22,0)</f>
        <v>0</v>
      </c>
      <c r="Q4394" s="75">
        <f>IF(Input!$D$19=4,J4394*Input!$C$19,0)+IF(Input!$D$20=4,K4394*Input!$C$20,0)+IF(Input!$D$21=4,L4394*Input!$C$21,0)+IF(Input!$D$22=4,M4394*Input!$C$22,0)</f>
        <v>0</v>
      </c>
      <c r="R4394" s="58">
        <v>65.988645454302016</v>
      </c>
      <c r="S4394" s="124">
        <f t="shared" si="68"/>
        <v>2.0121598622367904</v>
      </c>
    </row>
    <row r="4395" spans="8:19" x14ac:dyDescent="0.3">
      <c r="H4395" s="44">
        <v>4388</v>
      </c>
      <c r="I4395" s="56">
        <f>Bühler!I4421</f>
        <v>0.38888858875922577</v>
      </c>
      <c r="J4395" s="59">
        <f>Bühler!J4421</f>
        <v>1.2962952958640859</v>
      </c>
      <c r="K4395" s="59">
        <f>Bühler!K4421</f>
        <v>1.9444429437961288</v>
      </c>
      <c r="L4395" s="59">
        <f>Bühler!L4421</f>
        <v>9.3333261302214172</v>
      </c>
      <c r="M4395" s="58">
        <f>Bühler!M4421</f>
        <v>0</v>
      </c>
      <c r="N4395" s="56">
        <f>IF(Input!$D$19=1,J4395*Input!$C$19,0)+IF(Input!$D$20=1,K4395*Input!$C$20,0)+IF(Input!$D$21=1,L4395*Input!$C$21,0)+IF(Input!$D$22=1,M4395*Input!$C$22,0)</f>
        <v>0.38888858875922577</v>
      </c>
      <c r="O4395" s="59">
        <f>IF(Input!$D$19=2,J4395*Input!$C$19,0)+IF(Input!$D$20=2,K4395*Input!$C$20,0)+IF(Input!$D$21=2,L4395*Input!$C$21,0)+IF(Input!$D$22=2,M4395*Input!$C$22,0)</f>
        <v>0.9722214718980644</v>
      </c>
      <c r="P4395" s="59">
        <f>IF(Input!$D$19=3,J4395*Input!$C$19,0)+IF(Input!$D$20=3,K4395*Input!$C$20,0)+IF(Input!$D$21=3,L4395*Input!$C$21,0)+IF(Input!$D$22=3,M4395*Input!$C$22,0)</f>
        <v>0</v>
      </c>
      <c r="Q4395" s="75">
        <f>IF(Input!$D$19=4,J4395*Input!$C$19,0)+IF(Input!$D$20=4,K4395*Input!$C$20,0)+IF(Input!$D$21=4,L4395*Input!$C$21,0)+IF(Input!$D$22=4,M4395*Input!$C$22,0)</f>
        <v>0</v>
      </c>
      <c r="R4395" s="58">
        <v>65.557732636084339</v>
      </c>
      <c r="S4395" s="124">
        <f t="shared" si="68"/>
        <v>1.6851838846233116</v>
      </c>
    </row>
    <row r="4396" spans="8:19" x14ac:dyDescent="0.3">
      <c r="H4396" s="44">
        <v>4389</v>
      </c>
      <c r="I4396" s="56">
        <f>Bühler!I4422</f>
        <v>0.31923690122025994</v>
      </c>
      <c r="J4396" s="59">
        <f>Bühler!J4422</f>
        <v>1.0641230040675331</v>
      </c>
      <c r="K4396" s="59">
        <f>Bühler!K4422</f>
        <v>1.5961845061012998</v>
      </c>
      <c r="L4396" s="59">
        <f>Bühler!L4422</f>
        <v>7.6616856292862385</v>
      </c>
      <c r="M4396" s="58">
        <f>Bühler!M4422</f>
        <v>0</v>
      </c>
      <c r="N4396" s="56">
        <f>IF(Input!$D$19=1,J4396*Input!$C$19,0)+IF(Input!$D$20=1,K4396*Input!$C$20,0)+IF(Input!$D$21=1,L4396*Input!$C$21,0)+IF(Input!$D$22=1,M4396*Input!$C$22,0)</f>
        <v>0.31923690122025994</v>
      </c>
      <c r="O4396" s="59">
        <f>IF(Input!$D$19=2,J4396*Input!$C$19,0)+IF(Input!$D$20=2,K4396*Input!$C$20,0)+IF(Input!$D$21=2,L4396*Input!$C$21,0)+IF(Input!$D$22=2,M4396*Input!$C$22,0)</f>
        <v>0.7980922530506499</v>
      </c>
      <c r="P4396" s="59">
        <f>IF(Input!$D$19=3,J4396*Input!$C$19,0)+IF(Input!$D$20=3,K4396*Input!$C$20,0)+IF(Input!$D$21=3,L4396*Input!$C$21,0)+IF(Input!$D$22=3,M4396*Input!$C$22,0)</f>
        <v>0</v>
      </c>
      <c r="Q4396" s="75">
        <f>IF(Input!$D$19=4,J4396*Input!$C$19,0)+IF(Input!$D$20=4,K4396*Input!$C$20,0)+IF(Input!$D$21=4,L4396*Input!$C$21,0)+IF(Input!$D$22=4,M4396*Input!$C$22,0)</f>
        <v>0</v>
      </c>
      <c r="R4396" s="58">
        <v>63.741528236773107</v>
      </c>
      <c r="S4396" s="124">
        <f t="shared" si="68"/>
        <v>1.3833599052877932</v>
      </c>
    </row>
    <row r="4397" spans="8:19" x14ac:dyDescent="0.3">
      <c r="H4397" s="44">
        <v>4390</v>
      </c>
      <c r="I4397" s="56">
        <f>Bühler!I4423</f>
        <v>0.23217229179655272</v>
      </c>
      <c r="J4397" s="59">
        <f>Bühler!J4423</f>
        <v>0.77390763932184248</v>
      </c>
      <c r="K4397" s="59">
        <f>Bühler!K4423</f>
        <v>1.1608614589827635</v>
      </c>
      <c r="L4397" s="59">
        <f>Bühler!L4423</f>
        <v>5.572135003117265</v>
      </c>
      <c r="M4397" s="58">
        <f>Bühler!M4423</f>
        <v>0</v>
      </c>
      <c r="N4397" s="56">
        <f>IF(Input!$D$19=1,J4397*Input!$C$19,0)+IF(Input!$D$20=1,K4397*Input!$C$20,0)+IF(Input!$D$21=1,L4397*Input!$C$21,0)+IF(Input!$D$22=1,M4397*Input!$C$22,0)</f>
        <v>0.23217229179655274</v>
      </c>
      <c r="O4397" s="59">
        <f>IF(Input!$D$19=2,J4397*Input!$C$19,0)+IF(Input!$D$20=2,K4397*Input!$C$20,0)+IF(Input!$D$21=2,L4397*Input!$C$21,0)+IF(Input!$D$22=2,M4397*Input!$C$22,0)</f>
        <v>0.58043072949138175</v>
      </c>
      <c r="P4397" s="59">
        <f>IF(Input!$D$19=3,J4397*Input!$C$19,0)+IF(Input!$D$20=3,K4397*Input!$C$20,0)+IF(Input!$D$21=3,L4397*Input!$C$21,0)+IF(Input!$D$22=3,M4397*Input!$C$22,0)</f>
        <v>0</v>
      </c>
      <c r="Q4397" s="75">
        <f>IF(Input!$D$19=4,J4397*Input!$C$19,0)+IF(Input!$D$20=4,K4397*Input!$C$20,0)+IF(Input!$D$21=4,L4397*Input!$C$21,0)+IF(Input!$D$22=4,M4397*Input!$C$22,0)</f>
        <v>0</v>
      </c>
      <c r="R4397" s="58">
        <v>61.574392110154697</v>
      </c>
      <c r="S4397" s="124">
        <f t="shared" si="68"/>
        <v>1.0060799311183952</v>
      </c>
    </row>
    <row r="4398" spans="8:19" x14ac:dyDescent="0.3">
      <c r="H4398" s="44">
        <v>4391</v>
      </c>
      <c r="I4398" s="56">
        <f>Bühler!I4424</f>
        <v>0.22056367720672504</v>
      </c>
      <c r="J4398" s="59">
        <f>Bühler!J4424</f>
        <v>0.73521225735575024</v>
      </c>
      <c r="K4398" s="59">
        <f>Bühler!K4424</f>
        <v>1.1028183860336251</v>
      </c>
      <c r="L4398" s="59">
        <f>Bühler!L4424</f>
        <v>5.2935282529614005</v>
      </c>
      <c r="M4398" s="58">
        <f>Bühler!M4424</f>
        <v>0</v>
      </c>
      <c r="N4398" s="56">
        <f>IF(Input!$D$19=1,J4398*Input!$C$19,0)+IF(Input!$D$20=1,K4398*Input!$C$20,0)+IF(Input!$D$21=1,L4398*Input!$C$21,0)+IF(Input!$D$22=1,M4398*Input!$C$22,0)</f>
        <v>0.22056367720672507</v>
      </c>
      <c r="O4398" s="59">
        <f>IF(Input!$D$19=2,J4398*Input!$C$19,0)+IF(Input!$D$20=2,K4398*Input!$C$20,0)+IF(Input!$D$21=2,L4398*Input!$C$21,0)+IF(Input!$D$22=2,M4398*Input!$C$22,0)</f>
        <v>0.55140919301681257</v>
      </c>
      <c r="P4398" s="59">
        <f>IF(Input!$D$19=3,J4398*Input!$C$19,0)+IF(Input!$D$20=3,K4398*Input!$C$20,0)+IF(Input!$D$21=3,L4398*Input!$C$21,0)+IF(Input!$D$22=3,M4398*Input!$C$22,0)</f>
        <v>0</v>
      </c>
      <c r="Q4398" s="75">
        <f>IF(Input!$D$19=4,J4398*Input!$C$19,0)+IF(Input!$D$20=4,K4398*Input!$C$20,0)+IF(Input!$D$21=4,L4398*Input!$C$21,0)+IF(Input!$D$22=4,M4398*Input!$C$22,0)</f>
        <v>0</v>
      </c>
      <c r="R4398" s="58">
        <v>61.345277819375255</v>
      </c>
      <c r="S4398" s="124">
        <f t="shared" si="68"/>
        <v>0.95577593456247523</v>
      </c>
    </row>
    <row r="4399" spans="8:19" x14ac:dyDescent="0.3">
      <c r="H4399" s="44">
        <v>4392</v>
      </c>
      <c r="I4399" s="56">
        <f>Bühler!I4425</f>
        <v>0.22056367720672504</v>
      </c>
      <c r="J4399" s="59">
        <f>Bühler!J4425</f>
        <v>0.73521225735575024</v>
      </c>
      <c r="K4399" s="59">
        <f>Bühler!K4425</f>
        <v>1.1028183860336251</v>
      </c>
      <c r="L4399" s="59">
        <f>Bühler!L4425</f>
        <v>5.2935282529614005</v>
      </c>
      <c r="M4399" s="58">
        <f>Bühler!M4425</f>
        <v>0</v>
      </c>
      <c r="N4399" s="56">
        <f>IF(Input!$D$19=1,J4399*Input!$C$19,0)+IF(Input!$D$20=1,K4399*Input!$C$20,0)+IF(Input!$D$21=1,L4399*Input!$C$21,0)+IF(Input!$D$22=1,M4399*Input!$C$22,0)</f>
        <v>0.22056367720672507</v>
      </c>
      <c r="O4399" s="59">
        <f>IF(Input!$D$19=2,J4399*Input!$C$19,0)+IF(Input!$D$20=2,K4399*Input!$C$20,0)+IF(Input!$D$21=2,L4399*Input!$C$21,0)+IF(Input!$D$22=2,M4399*Input!$C$22,0)</f>
        <v>0.55140919301681257</v>
      </c>
      <c r="P4399" s="59">
        <f>IF(Input!$D$19=3,J4399*Input!$C$19,0)+IF(Input!$D$20=3,K4399*Input!$C$20,0)+IF(Input!$D$21=3,L4399*Input!$C$21,0)+IF(Input!$D$22=3,M4399*Input!$C$22,0)</f>
        <v>0</v>
      </c>
      <c r="Q4399" s="75">
        <f>IF(Input!$D$19=4,J4399*Input!$C$19,0)+IF(Input!$D$20=4,K4399*Input!$C$20,0)+IF(Input!$D$21=4,L4399*Input!$C$21,0)+IF(Input!$D$22=4,M4399*Input!$C$22,0)</f>
        <v>0</v>
      </c>
      <c r="R4399" s="58">
        <v>61.080994227089505</v>
      </c>
      <c r="S4399" s="124">
        <f t="shared" si="68"/>
        <v>0.95577593456247523</v>
      </c>
    </row>
    <row r="4400" spans="8:19" x14ac:dyDescent="0.3">
      <c r="H4400" s="44">
        <v>4393</v>
      </c>
      <c r="I4400" s="56">
        <f>Bühler!I4426</f>
        <v>0.20789320465819303</v>
      </c>
      <c r="J4400" s="59">
        <f>Bühler!J4426</f>
        <v>0.69297734886064344</v>
      </c>
      <c r="K4400" s="59">
        <f>Bühler!K4426</f>
        <v>1.0394660232909652</v>
      </c>
      <c r="L4400" s="59">
        <f>Bühler!L4426</f>
        <v>4.9894369117966324</v>
      </c>
      <c r="M4400" s="58">
        <f>Bühler!M4426</f>
        <v>0</v>
      </c>
      <c r="N4400" s="56">
        <f>IF(Input!$D$19=1,J4400*Input!$C$19,0)+IF(Input!$D$20=1,K4400*Input!$C$20,0)+IF(Input!$D$21=1,L4400*Input!$C$21,0)+IF(Input!$D$22=1,M4400*Input!$C$22,0)</f>
        <v>0.20789320465819303</v>
      </c>
      <c r="O4400" s="59">
        <f>IF(Input!$D$19=2,J4400*Input!$C$19,0)+IF(Input!$D$20=2,K4400*Input!$C$20,0)+IF(Input!$D$21=2,L4400*Input!$C$21,0)+IF(Input!$D$22=2,M4400*Input!$C$22,0)</f>
        <v>0.51973301164548258</v>
      </c>
      <c r="P4400" s="59">
        <f>IF(Input!$D$19=3,J4400*Input!$C$19,0)+IF(Input!$D$20=3,K4400*Input!$C$20,0)+IF(Input!$D$21=3,L4400*Input!$C$21,0)+IF(Input!$D$22=3,M4400*Input!$C$22,0)</f>
        <v>0</v>
      </c>
      <c r="Q4400" s="75">
        <f>IF(Input!$D$19=4,J4400*Input!$C$19,0)+IF(Input!$D$20=4,K4400*Input!$C$20,0)+IF(Input!$D$21=4,L4400*Input!$C$21,0)+IF(Input!$D$22=4,M4400*Input!$C$22,0)</f>
        <v>0</v>
      </c>
      <c r="R4400" s="58">
        <v>60.280692699859074</v>
      </c>
      <c r="S4400" s="124">
        <f t="shared" si="68"/>
        <v>0.90087055351883649</v>
      </c>
    </row>
    <row r="4401" spans="8:19" x14ac:dyDescent="0.3">
      <c r="H4401" s="44">
        <v>4394</v>
      </c>
      <c r="I4401" s="56">
        <f>Bühler!I4427</f>
        <v>0.20789320465819303</v>
      </c>
      <c r="J4401" s="59">
        <f>Bühler!J4427</f>
        <v>0.69297734886064344</v>
      </c>
      <c r="K4401" s="59">
        <f>Bühler!K4427</f>
        <v>1.0394660232909652</v>
      </c>
      <c r="L4401" s="59">
        <f>Bühler!L4427</f>
        <v>4.9894369117966324</v>
      </c>
      <c r="M4401" s="58">
        <f>Bühler!M4427</f>
        <v>0</v>
      </c>
      <c r="N4401" s="56">
        <f>IF(Input!$D$19=1,J4401*Input!$C$19,0)+IF(Input!$D$20=1,K4401*Input!$C$20,0)+IF(Input!$D$21=1,L4401*Input!$C$21,0)+IF(Input!$D$22=1,M4401*Input!$C$22,0)</f>
        <v>0.20789320465819303</v>
      </c>
      <c r="O4401" s="59">
        <f>IF(Input!$D$19=2,J4401*Input!$C$19,0)+IF(Input!$D$20=2,K4401*Input!$C$20,0)+IF(Input!$D$21=2,L4401*Input!$C$21,0)+IF(Input!$D$22=2,M4401*Input!$C$22,0)</f>
        <v>0.51973301164548258</v>
      </c>
      <c r="P4401" s="59">
        <f>IF(Input!$D$19=3,J4401*Input!$C$19,0)+IF(Input!$D$20=3,K4401*Input!$C$20,0)+IF(Input!$D$21=3,L4401*Input!$C$21,0)+IF(Input!$D$22=3,M4401*Input!$C$22,0)</f>
        <v>0</v>
      </c>
      <c r="Q4401" s="75">
        <f>IF(Input!$D$19=4,J4401*Input!$C$19,0)+IF(Input!$D$20=4,K4401*Input!$C$20,0)+IF(Input!$D$21=4,L4401*Input!$C$21,0)+IF(Input!$D$22=4,M4401*Input!$C$22,0)</f>
        <v>0</v>
      </c>
      <c r="R4401" s="58">
        <v>59.295027979736119</v>
      </c>
      <c r="S4401" s="124">
        <f t="shared" si="68"/>
        <v>0.90087055351883649</v>
      </c>
    </row>
    <row r="4402" spans="8:19" x14ac:dyDescent="0.3">
      <c r="H4402" s="44">
        <v>4395</v>
      </c>
      <c r="I4402" s="56">
        <f>Bühler!I4428</f>
        <v>0.20789320465819303</v>
      </c>
      <c r="J4402" s="59">
        <f>Bühler!J4428</f>
        <v>0.69297734886064344</v>
      </c>
      <c r="K4402" s="59">
        <f>Bühler!K4428</f>
        <v>1.0394660232909652</v>
      </c>
      <c r="L4402" s="59">
        <f>Bühler!L4428</f>
        <v>4.9894369117966324</v>
      </c>
      <c r="M4402" s="58">
        <f>Bühler!M4428</f>
        <v>0</v>
      </c>
      <c r="N4402" s="56">
        <f>IF(Input!$D$19=1,J4402*Input!$C$19,0)+IF(Input!$D$20=1,K4402*Input!$C$20,0)+IF(Input!$D$21=1,L4402*Input!$C$21,0)+IF(Input!$D$22=1,M4402*Input!$C$22,0)</f>
        <v>0.20789320465819303</v>
      </c>
      <c r="O4402" s="59">
        <f>IF(Input!$D$19=2,J4402*Input!$C$19,0)+IF(Input!$D$20=2,K4402*Input!$C$20,0)+IF(Input!$D$21=2,L4402*Input!$C$21,0)+IF(Input!$D$22=2,M4402*Input!$C$22,0)</f>
        <v>0.51973301164548258</v>
      </c>
      <c r="P4402" s="59">
        <f>IF(Input!$D$19=3,J4402*Input!$C$19,0)+IF(Input!$D$20=3,K4402*Input!$C$20,0)+IF(Input!$D$21=3,L4402*Input!$C$21,0)+IF(Input!$D$22=3,M4402*Input!$C$22,0)</f>
        <v>0</v>
      </c>
      <c r="Q4402" s="75">
        <f>IF(Input!$D$19=4,J4402*Input!$C$19,0)+IF(Input!$D$20=4,K4402*Input!$C$20,0)+IF(Input!$D$21=4,L4402*Input!$C$21,0)+IF(Input!$D$22=4,M4402*Input!$C$22,0)</f>
        <v>0</v>
      </c>
      <c r="R4402" s="58">
        <v>59.588129394901451</v>
      </c>
      <c r="S4402" s="124">
        <f t="shared" si="68"/>
        <v>0.90087055351883649</v>
      </c>
    </row>
    <row r="4403" spans="8:19" x14ac:dyDescent="0.3">
      <c r="H4403" s="44">
        <v>4396</v>
      </c>
      <c r="I4403" s="56">
        <f>Bühler!I4429</f>
        <v>0.20789320465819303</v>
      </c>
      <c r="J4403" s="59">
        <f>Bühler!J4429</f>
        <v>0.69297734886064344</v>
      </c>
      <c r="K4403" s="59">
        <f>Bühler!K4429</f>
        <v>1.0394660232909652</v>
      </c>
      <c r="L4403" s="59">
        <f>Bühler!L4429</f>
        <v>4.9894369117966324</v>
      </c>
      <c r="M4403" s="58">
        <f>Bühler!M4429</f>
        <v>0</v>
      </c>
      <c r="N4403" s="56">
        <f>IF(Input!$D$19=1,J4403*Input!$C$19,0)+IF(Input!$D$20=1,K4403*Input!$C$20,0)+IF(Input!$D$21=1,L4403*Input!$C$21,0)+IF(Input!$D$22=1,M4403*Input!$C$22,0)</f>
        <v>0.20789320465819303</v>
      </c>
      <c r="O4403" s="59">
        <f>IF(Input!$D$19=2,J4403*Input!$C$19,0)+IF(Input!$D$20=2,K4403*Input!$C$20,0)+IF(Input!$D$21=2,L4403*Input!$C$21,0)+IF(Input!$D$22=2,M4403*Input!$C$22,0)</f>
        <v>0.51973301164548258</v>
      </c>
      <c r="P4403" s="59">
        <f>IF(Input!$D$19=3,J4403*Input!$C$19,0)+IF(Input!$D$20=3,K4403*Input!$C$20,0)+IF(Input!$D$21=3,L4403*Input!$C$21,0)+IF(Input!$D$22=3,M4403*Input!$C$22,0)</f>
        <v>0</v>
      </c>
      <c r="Q4403" s="75">
        <f>IF(Input!$D$19=4,J4403*Input!$C$19,0)+IF(Input!$D$20=4,K4403*Input!$C$20,0)+IF(Input!$D$21=4,L4403*Input!$C$21,0)+IF(Input!$D$22=4,M4403*Input!$C$22,0)</f>
        <v>0</v>
      </c>
      <c r="R4403" s="58">
        <v>59.986841392521555</v>
      </c>
      <c r="S4403" s="124">
        <f t="shared" si="68"/>
        <v>0.90087055351883649</v>
      </c>
    </row>
    <row r="4404" spans="8:19" x14ac:dyDescent="0.3">
      <c r="H4404" s="44">
        <v>4397</v>
      </c>
      <c r="I4404" s="56">
        <f>Bühler!I4430</f>
        <v>0.20789320465819303</v>
      </c>
      <c r="J4404" s="59">
        <f>Bühler!J4430</f>
        <v>0.69297734886064344</v>
      </c>
      <c r="K4404" s="59">
        <f>Bühler!K4430</f>
        <v>1.0394660232909652</v>
      </c>
      <c r="L4404" s="59">
        <f>Bühler!L4430</f>
        <v>4.9894369117966324</v>
      </c>
      <c r="M4404" s="58">
        <f>Bühler!M4430</f>
        <v>0</v>
      </c>
      <c r="N4404" s="56">
        <f>IF(Input!$D$19=1,J4404*Input!$C$19,0)+IF(Input!$D$20=1,K4404*Input!$C$20,0)+IF(Input!$D$21=1,L4404*Input!$C$21,0)+IF(Input!$D$22=1,M4404*Input!$C$22,0)</f>
        <v>0.20789320465819303</v>
      </c>
      <c r="O4404" s="59">
        <f>IF(Input!$D$19=2,J4404*Input!$C$19,0)+IF(Input!$D$20=2,K4404*Input!$C$20,0)+IF(Input!$D$21=2,L4404*Input!$C$21,0)+IF(Input!$D$22=2,M4404*Input!$C$22,0)</f>
        <v>0.51973301164548258</v>
      </c>
      <c r="P4404" s="59">
        <f>IF(Input!$D$19=3,J4404*Input!$C$19,0)+IF(Input!$D$20=3,K4404*Input!$C$20,0)+IF(Input!$D$21=3,L4404*Input!$C$21,0)+IF(Input!$D$22=3,M4404*Input!$C$22,0)</f>
        <v>0</v>
      </c>
      <c r="Q4404" s="75">
        <f>IF(Input!$D$19=4,J4404*Input!$C$19,0)+IF(Input!$D$20=4,K4404*Input!$C$20,0)+IF(Input!$D$21=4,L4404*Input!$C$21,0)+IF(Input!$D$22=4,M4404*Input!$C$22,0)</f>
        <v>0</v>
      </c>
      <c r="R4404" s="58">
        <v>61.277166984330144</v>
      </c>
      <c r="S4404" s="124">
        <f t="shared" si="68"/>
        <v>0.90087055351883649</v>
      </c>
    </row>
    <row r="4405" spans="8:19" x14ac:dyDescent="0.3">
      <c r="H4405" s="44">
        <v>4398</v>
      </c>
      <c r="I4405" s="56">
        <f>Bühler!I4431</f>
        <v>0.27026116605565098</v>
      </c>
      <c r="J4405" s="59">
        <f>Bühler!J4431</f>
        <v>0.9008705535188366</v>
      </c>
      <c r="K4405" s="59">
        <f>Bühler!K4431</f>
        <v>1.3513058302782548</v>
      </c>
      <c r="L4405" s="59">
        <f>Bühler!L4431</f>
        <v>6.4862679853356227</v>
      </c>
      <c r="M4405" s="58">
        <f>Bühler!M4431</f>
        <v>0</v>
      </c>
      <c r="N4405" s="56">
        <f>IF(Input!$D$19=1,J4405*Input!$C$19,0)+IF(Input!$D$20=1,K4405*Input!$C$20,0)+IF(Input!$D$21=1,L4405*Input!$C$21,0)+IF(Input!$D$22=1,M4405*Input!$C$22,0)</f>
        <v>0.27026116605565098</v>
      </c>
      <c r="O4405" s="59">
        <f>IF(Input!$D$19=2,J4405*Input!$C$19,0)+IF(Input!$D$20=2,K4405*Input!$C$20,0)+IF(Input!$D$21=2,L4405*Input!$C$21,0)+IF(Input!$D$22=2,M4405*Input!$C$22,0)</f>
        <v>0.6756529151391274</v>
      </c>
      <c r="P4405" s="59">
        <f>IF(Input!$D$19=3,J4405*Input!$C$19,0)+IF(Input!$D$20=3,K4405*Input!$C$20,0)+IF(Input!$D$21=3,L4405*Input!$C$21,0)+IF(Input!$D$22=3,M4405*Input!$C$22,0)</f>
        <v>0</v>
      </c>
      <c r="Q4405" s="75">
        <f>IF(Input!$D$19=4,J4405*Input!$C$19,0)+IF(Input!$D$20=4,K4405*Input!$C$20,0)+IF(Input!$D$21=4,L4405*Input!$C$21,0)+IF(Input!$D$22=4,M4405*Input!$C$22,0)</f>
        <v>0</v>
      </c>
      <c r="R4405" s="58">
        <v>64.304071815103356</v>
      </c>
      <c r="S4405" s="124">
        <f t="shared" si="68"/>
        <v>1.1711317195744875</v>
      </c>
    </row>
    <row r="4406" spans="8:19" x14ac:dyDescent="0.3">
      <c r="H4406" s="44">
        <v>4399</v>
      </c>
      <c r="I4406" s="56">
        <f>Bühler!I4432</f>
        <v>0.30144514675437983</v>
      </c>
      <c r="J4406" s="59">
        <f>Bühler!J4432</f>
        <v>1.0048171558479329</v>
      </c>
      <c r="K4406" s="59">
        <f>Bühler!K4432</f>
        <v>1.5072257337718993</v>
      </c>
      <c r="L4406" s="59">
        <f>Bühler!L4432</f>
        <v>7.234683522105116</v>
      </c>
      <c r="M4406" s="58">
        <f>Bühler!M4432</f>
        <v>0</v>
      </c>
      <c r="N4406" s="56">
        <f>IF(Input!$D$19=1,J4406*Input!$C$19,0)+IF(Input!$D$20=1,K4406*Input!$C$20,0)+IF(Input!$D$21=1,L4406*Input!$C$21,0)+IF(Input!$D$22=1,M4406*Input!$C$22,0)</f>
        <v>0.30144514675437983</v>
      </c>
      <c r="O4406" s="59">
        <f>IF(Input!$D$19=2,J4406*Input!$C$19,0)+IF(Input!$D$20=2,K4406*Input!$C$20,0)+IF(Input!$D$21=2,L4406*Input!$C$21,0)+IF(Input!$D$22=2,M4406*Input!$C$22,0)</f>
        <v>0.75361286688594964</v>
      </c>
      <c r="P4406" s="59">
        <f>IF(Input!$D$19=3,J4406*Input!$C$19,0)+IF(Input!$D$20=3,K4406*Input!$C$20,0)+IF(Input!$D$21=3,L4406*Input!$C$21,0)+IF(Input!$D$22=3,M4406*Input!$C$22,0)</f>
        <v>0</v>
      </c>
      <c r="Q4406" s="75">
        <f>IF(Input!$D$19=4,J4406*Input!$C$19,0)+IF(Input!$D$20=4,K4406*Input!$C$20,0)+IF(Input!$D$21=4,L4406*Input!$C$21,0)+IF(Input!$D$22=4,M4406*Input!$C$22,0)</f>
        <v>0</v>
      </c>
      <c r="R4406" s="58">
        <v>67.169818869225466</v>
      </c>
      <c r="S4406" s="124">
        <f t="shared" si="68"/>
        <v>1.3062623026023128</v>
      </c>
    </row>
    <row r="4407" spans="8:19" x14ac:dyDescent="0.3">
      <c r="H4407" s="44">
        <v>4400</v>
      </c>
      <c r="I4407" s="56">
        <f>Bühler!I4433</f>
        <v>0.31183980698728958</v>
      </c>
      <c r="J4407" s="59">
        <f>Bühler!J4433</f>
        <v>1.0394660232909654</v>
      </c>
      <c r="K4407" s="59">
        <f>Bühler!K4433</f>
        <v>1.5591990349364477</v>
      </c>
      <c r="L4407" s="59">
        <f>Bühler!L4433</f>
        <v>7.4841553676949495</v>
      </c>
      <c r="M4407" s="58">
        <f>Bühler!M4433</f>
        <v>0</v>
      </c>
      <c r="N4407" s="56">
        <f>IF(Input!$D$19=1,J4407*Input!$C$19,0)+IF(Input!$D$20=1,K4407*Input!$C$20,0)+IF(Input!$D$21=1,L4407*Input!$C$21,0)+IF(Input!$D$22=1,M4407*Input!$C$22,0)</f>
        <v>0.31183980698728958</v>
      </c>
      <c r="O4407" s="59">
        <f>IF(Input!$D$19=2,J4407*Input!$C$19,0)+IF(Input!$D$20=2,K4407*Input!$C$20,0)+IF(Input!$D$21=2,L4407*Input!$C$21,0)+IF(Input!$D$22=2,M4407*Input!$C$22,0)</f>
        <v>0.77959951746822387</v>
      </c>
      <c r="P4407" s="59">
        <f>IF(Input!$D$19=3,J4407*Input!$C$19,0)+IF(Input!$D$20=3,K4407*Input!$C$20,0)+IF(Input!$D$21=3,L4407*Input!$C$21,0)+IF(Input!$D$22=3,M4407*Input!$C$22,0)</f>
        <v>0</v>
      </c>
      <c r="Q4407" s="75">
        <f>IF(Input!$D$19=4,J4407*Input!$C$19,0)+IF(Input!$D$20=4,K4407*Input!$C$20,0)+IF(Input!$D$21=4,L4407*Input!$C$21,0)+IF(Input!$D$22=4,M4407*Input!$C$22,0)</f>
        <v>0</v>
      </c>
      <c r="R4407" s="58">
        <v>69.552024651394333</v>
      </c>
      <c r="S4407" s="124">
        <f t="shared" si="68"/>
        <v>1.351305830278255</v>
      </c>
    </row>
    <row r="4408" spans="8:19" x14ac:dyDescent="0.3">
      <c r="H4408" s="44">
        <v>4401</v>
      </c>
      <c r="I4408" s="56">
        <f>Bühler!I4434</f>
        <v>0.31183980698728958</v>
      </c>
      <c r="J4408" s="59">
        <f>Bühler!J4434</f>
        <v>1.0394660232909654</v>
      </c>
      <c r="K4408" s="59">
        <f>Bühler!K4434</f>
        <v>1.5591990349364477</v>
      </c>
      <c r="L4408" s="59">
        <f>Bühler!L4434</f>
        <v>7.4841553676949495</v>
      </c>
      <c r="M4408" s="58">
        <f>Bühler!M4434</f>
        <v>0</v>
      </c>
      <c r="N4408" s="56">
        <f>IF(Input!$D$19=1,J4408*Input!$C$19,0)+IF(Input!$D$20=1,K4408*Input!$C$20,0)+IF(Input!$D$21=1,L4408*Input!$C$21,0)+IF(Input!$D$22=1,M4408*Input!$C$22,0)</f>
        <v>0.31183980698728958</v>
      </c>
      <c r="O4408" s="59">
        <f>IF(Input!$D$19=2,J4408*Input!$C$19,0)+IF(Input!$D$20=2,K4408*Input!$C$20,0)+IF(Input!$D$21=2,L4408*Input!$C$21,0)+IF(Input!$D$22=2,M4408*Input!$C$22,0)</f>
        <v>0.77959951746822387</v>
      </c>
      <c r="P4408" s="59">
        <f>IF(Input!$D$19=3,J4408*Input!$C$19,0)+IF(Input!$D$20=3,K4408*Input!$C$20,0)+IF(Input!$D$21=3,L4408*Input!$C$21,0)+IF(Input!$D$22=3,M4408*Input!$C$22,0)</f>
        <v>0</v>
      </c>
      <c r="Q4408" s="75">
        <f>IF(Input!$D$19=4,J4408*Input!$C$19,0)+IF(Input!$D$20=4,K4408*Input!$C$20,0)+IF(Input!$D$21=4,L4408*Input!$C$21,0)+IF(Input!$D$22=4,M4408*Input!$C$22,0)</f>
        <v>0</v>
      </c>
      <c r="R4408" s="58">
        <v>71.340817395783006</v>
      </c>
      <c r="S4408" s="124">
        <f t="shared" si="68"/>
        <v>1.351305830278255</v>
      </c>
    </row>
    <row r="4409" spans="8:19" x14ac:dyDescent="0.3">
      <c r="H4409" s="44">
        <v>4402</v>
      </c>
      <c r="I4409" s="56">
        <f>Bühler!I4435</f>
        <v>0.33782645756956364</v>
      </c>
      <c r="J4409" s="59">
        <f>Bühler!J4435</f>
        <v>1.1260881918985457</v>
      </c>
      <c r="K4409" s="59">
        <f>Bühler!K4435</f>
        <v>1.6891322878478183</v>
      </c>
      <c r="L4409" s="59">
        <f>Bühler!L4435</f>
        <v>8.1078349816695283</v>
      </c>
      <c r="M4409" s="58">
        <f>Bühler!M4435</f>
        <v>0</v>
      </c>
      <c r="N4409" s="56">
        <f>IF(Input!$D$19=1,J4409*Input!$C$19,0)+IF(Input!$D$20=1,K4409*Input!$C$20,0)+IF(Input!$D$21=1,L4409*Input!$C$21,0)+IF(Input!$D$22=1,M4409*Input!$C$22,0)</f>
        <v>0.3378264575695637</v>
      </c>
      <c r="O4409" s="59">
        <f>IF(Input!$D$19=2,J4409*Input!$C$19,0)+IF(Input!$D$20=2,K4409*Input!$C$20,0)+IF(Input!$D$21=2,L4409*Input!$C$21,0)+IF(Input!$D$22=2,M4409*Input!$C$22,0)</f>
        <v>0.84456614392390916</v>
      </c>
      <c r="P4409" s="59">
        <f>IF(Input!$D$19=3,J4409*Input!$C$19,0)+IF(Input!$D$20=3,K4409*Input!$C$20,0)+IF(Input!$D$21=3,L4409*Input!$C$21,0)+IF(Input!$D$22=3,M4409*Input!$C$22,0)</f>
        <v>0</v>
      </c>
      <c r="Q4409" s="75">
        <f>IF(Input!$D$19=4,J4409*Input!$C$19,0)+IF(Input!$D$20=4,K4409*Input!$C$20,0)+IF(Input!$D$21=4,L4409*Input!$C$21,0)+IF(Input!$D$22=4,M4409*Input!$C$22,0)</f>
        <v>0</v>
      </c>
      <c r="R4409" s="58">
        <v>72.306256386621172</v>
      </c>
      <c r="S4409" s="124">
        <f t="shared" si="68"/>
        <v>1.4639146494681095</v>
      </c>
    </row>
    <row r="4410" spans="8:19" x14ac:dyDescent="0.3">
      <c r="H4410" s="44">
        <v>4403</v>
      </c>
      <c r="I4410" s="56">
        <f>Bühler!I4436</f>
        <v>0.35341844791892818</v>
      </c>
      <c r="J4410" s="59">
        <f>Bühler!J4436</f>
        <v>1.1780614930630939</v>
      </c>
      <c r="K4410" s="59">
        <f>Bühler!K4436</f>
        <v>1.7670922395946409</v>
      </c>
      <c r="L4410" s="59">
        <f>Bühler!L4436</f>
        <v>8.4820427500542763</v>
      </c>
      <c r="M4410" s="58">
        <f>Bühler!M4436</f>
        <v>0</v>
      </c>
      <c r="N4410" s="56">
        <f>IF(Input!$D$19=1,J4410*Input!$C$19,0)+IF(Input!$D$20=1,K4410*Input!$C$20,0)+IF(Input!$D$21=1,L4410*Input!$C$21,0)+IF(Input!$D$22=1,M4410*Input!$C$22,0)</f>
        <v>0.35341844791892818</v>
      </c>
      <c r="O4410" s="59">
        <f>IF(Input!$D$19=2,J4410*Input!$C$19,0)+IF(Input!$D$20=2,K4410*Input!$C$20,0)+IF(Input!$D$21=2,L4410*Input!$C$21,0)+IF(Input!$D$22=2,M4410*Input!$C$22,0)</f>
        <v>0.88354611979732045</v>
      </c>
      <c r="P4410" s="59">
        <f>IF(Input!$D$19=3,J4410*Input!$C$19,0)+IF(Input!$D$20=3,K4410*Input!$C$20,0)+IF(Input!$D$21=3,L4410*Input!$C$21,0)+IF(Input!$D$22=3,M4410*Input!$C$22,0)</f>
        <v>0</v>
      </c>
      <c r="Q4410" s="75">
        <f>IF(Input!$D$19=4,J4410*Input!$C$19,0)+IF(Input!$D$20=4,K4410*Input!$C$20,0)+IF(Input!$D$21=4,L4410*Input!$C$21,0)+IF(Input!$D$22=4,M4410*Input!$C$22,0)</f>
        <v>0</v>
      </c>
      <c r="R4410" s="58">
        <v>73.862616705154991</v>
      </c>
      <c r="S4410" s="124">
        <f t="shared" si="68"/>
        <v>1.5314799409820221</v>
      </c>
    </row>
    <row r="4411" spans="8:19" x14ac:dyDescent="0.3">
      <c r="H4411" s="44">
        <v>4404</v>
      </c>
      <c r="I4411" s="56">
        <f>Bühler!I4437</f>
        <v>0.41578640931638605</v>
      </c>
      <c r="J4411" s="59">
        <f>Bühler!J4437</f>
        <v>1.3859546977212869</v>
      </c>
      <c r="K4411" s="59">
        <f>Bühler!K4437</f>
        <v>2.0789320465819303</v>
      </c>
      <c r="L4411" s="59">
        <f>Bühler!L4437</f>
        <v>9.9788738235932648</v>
      </c>
      <c r="M4411" s="58">
        <f>Bühler!M4437</f>
        <v>0</v>
      </c>
      <c r="N4411" s="56">
        <f>IF(Input!$D$19=1,J4411*Input!$C$19,0)+IF(Input!$D$20=1,K4411*Input!$C$20,0)+IF(Input!$D$21=1,L4411*Input!$C$21,0)+IF(Input!$D$22=1,M4411*Input!$C$22,0)</f>
        <v>0.41578640931638605</v>
      </c>
      <c r="O4411" s="59">
        <f>IF(Input!$D$19=2,J4411*Input!$C$19,0)+IF(Input!$D$20=2,K4411*Input!$C$20,0)+IF(Input!$D$21=2,L4411*Input!$C$21,0)+IF(Input!$D$22=2,M4411*Input!$C$22,0)</f>
        <v>1.0394660232909652</v>
      </c>
      <c r="P4411" s="59">
        <f>IF(Input!$D$19=3,J4411*Input!$C$19,0)+IF(Input!$D$20=3,K4411*Input!$C$20,0)+IF(Input!$D$21=3,L4411*Input!$C$21,0)+IF(Input!$D$22=3,M4411*Input!$C$22,0)</f>
        <v>0</v>
      </c>
      <c r="Q4411" s="75">
        <f>IF(Input!$D$19=4,J4411*Input!$C$19,0)+IF(Input!$D$20=4,K4411*Input!$C$20,0)+IF(Input!$D$21=4,L4411*Input!$C$21,0)+IF(Input!$D$22=4,M4411*Input!$C$22,0)</f>
        <v>0</v>
      </c>
      <c r="R4411" s="58">
        <v>75.284301818647336</v>
      </c>
      <c r="S4411" s="124">
        <f t="shared" si="68"/>
        <v>1.801741107037673</v>
      </c>
    </row>
    <row r="4412" spans="8:19" x14ac:dyDescent="0.3">
      <c r="H4412" s="44">
        <v>4405</v>
      </c>
      <c r="I4412" s="56">
        <f>Bühler!I4438</f>
        <v>0.41578640931638605</v>
      </c>
      <c r="J4412" s="59">
        <f>Bühler!J4438</f>
        <v>1.3859546977212869</v>
      </c>
      <c r="K4412" s="59">
        <f>Bühler!K4438</f>
        <v>2.0789320465819303</v>
      </c>
      <c r="L4412" s="59">
        <f>Bühler!L4438</f>
        <v>9.9788738235932648</v>
      </c>
      <c r="M4412" s="58">
        <f>Bühler!M4438</f>
        <v>0</v>
      </c>
      <c r="N4412" s="56">
        <f>IF(Input!$D$19=1,J4412*Input!$C$19,0)+IF(Input!$D$20=1,K4412*Input!$C$20,0)+IF(Input!$D$21=1,L4412*Input!$C$21,0)+IF(Input!$D$22=1,M4412*Input!$C$22,0)</f>
        <v>0.41578640931638605</v>
      </c>
      <c r="O4412" s="59">
        <f>IF(Input!$D$19=2,J4412*Input!$C$19,0)+IF(Input!$D$20=2,K4412*Input!$C$20,0)+IF(Input!$D$21=2,L4412*Input!$C$21,0)+IF(Input!$D$22=2,M4412*Input!$C$22,0)</f>
        <v>1.0394660232909652</v>
      </c>
      <c r="P4412" s="59">
        <f>IF(Input!$D$19=3,J4412*Input!$C$19,0)+IF(Input!$D$20=3,K4412*Input!$C$20,0)+IF(Input!$D$21=3,L4412*Input!$C$21,0)+IF(Input!$D$22=3,M4412*Input!$C$22,0)</f>
        <v>0</v>
      </c>
      <c r="Q4412" s="75">
        <f>IF(Input!$D$19=4,J4412*Input!$C$19,0)+IF(Input!$D$20=4,K4412*Input!$C$20,0)+IF(Input!$D$21=4,L4412*Input!$C$21,0)+IF(Input!$D$22=4,M4412*Input!$C$22,0)</f>
        <v>0</v>
      </c>
      <c r="R4412" s="58">
        <v>74.567148628890763</v>
      </c>
      <c r="S4412" s="124">
        <f t="shared" si="68"/>
        <v>1.801741107037673</v>
      </c>
    </row>
    <row r="4413" spans="8:19" x14ac:dyDescent="0.3">
      <c r="H4413" s="44">
        <v>4406</v>
      </c>
      <c r="I4413" s="56">
        <f>Bühler!I4439</f>
        <v>0.41578640931638605</v>
      </c>
      <c r="J4413" s="59">
        <f>Bühler!J4439</f>
        <v>1.3859546977212869</v>
      </c>
      <c r="K4413" s="59">
        <f>Bühler!K4439</f>
        <v>2.0789320465819303</v>
      </c>
      <c r="L4413" s="59">
        <f>Bühler!L4439</f>
        <v>9.9788738235932648</v>
      </c>
      <c r="M4413" s="58">
        <f>Bühler!M4439</f>
        <v>0</v>
      </c>
      <c r="N4413" s="56">
        <f>IF(Input!$D$19=1,J4413*Input!$C$19,0)+IF(Input!$D$20=1,K4413*Input!$C$20,0)+IF(Input!$D$21=1,L4413*Input!$C$21,0)+IF(Input!$D$22=1,M4413*Input!$C$22,0)</f>
        <v>0.41578640931638605</v>
      </c>
      <c r="O4413" s="59">
        <f>IF(Input!$D$19=2,J4413*Input!$C$19,0)+IF(Input!$D$20=2,K4413*Input!$C$20,0)+IF(Input!$D$21=2,L4413*Input!$C$21,0)+IF(Input!$D$22=2,M4413*Input!$C$22,0)</f>
        <v>1.0394660232909652</v>
      </c>
      <c r="P4413" s="59">
        <f>IF(Input!$D$19=3,J4413*Input!$C$19,0)+IF(Input!$D$20=3,K4413*Input!$C$20,0)+IF(Input!$D$21=3,L4413*Input!$C$21,0)+IF(Input!$D$22=3,M4413*Input!$C$22,0)</f>
        <v>0</v>
      </c>
      <c r="Q4413" s="75">
        <f>IF(Input!$D$19=4,J4413*Input!$C$19,0)+IF(Input!$D$20=4,K4413*Input!$C$20,0)+IF(Input!$D$21=4,L4413*Input!$C$21,0)+IF(Input!$D$22=4,M4413*Input!$C$22,0)</f>
        <v>0</v>
      </c>
      <c r="R4413" s="58">
        <v>73.780680771487596</v>
      </c>
      <c r="S4413" s="124">
        <f t="shared" si="68"/>
        <v>1.801741107037673</v>
      </c>
    </row>
    <row r="4414" spans="8:19" x14ac:dyDescent="0.3">
      <c r="H4414" s="44">
        <v>4407</v>
      </c>
      <c r="I4414" s="56">
        <f>Bühler!I4440</f>
        <v>0.41578640931638605</v>
      </c>
      <c r="J4414" s="59">
        <f>Bühler!J4440</f>
        <v>1.3859546977212869</v>
      </c>
      <c r="K4414" s="59">
        <f>Bühler!K4440</f>
        <v>2.0789320465819303</v>
      </c>
      <c r="L4414" s="59">
        <f>Bühler!L4440</f>
        <v>9.9788738235932648</v>
      </c>
      <c r="M4414" s="58">
        <f>Bühler!M4440</f>
        <v>0</v>
      </c>
      <c r="N4414" s="56">
        <f>IF(Input!$D$19=1,J4414*Input!$C$19,0)+IF(Input!$D$20=1,K4414*Input!$C$20,0)+IF(Input!$D$21=1,L4414*Input!$C$21,0)+IF(Input!$D$22=1,M4414*Input!$C$22,0)</f>
        <v>0.41578640931638605</v>
      </c>
      <c r="O4414" s="59">
        <f>IF(Input!$D$19=2,J4414*Input!$C$19,0)+IF(Input!$D$20=2,K4414*Input!$C$20,0)+IF(Input!$D$21=2,L4414*Input!$C$21,0)+IF(Input!$D$22=2,M4414*Input!$C$22,0)</f>
        <v>1.0394660232909652</v>
      </c>
      <c r="P4414" s="59">
        <f>IF(Input!$D$19=3,J4414*Input!$C$19,0)+IF(Input!$D$20=3,K4414*Input!$C$20,0)+IF(Input!$D$21=3,L4414*Input!$C$21,0)+IF(Input!$D$22=3,M4414*Input!$C$22,0)</f>
        <v>0</v>
      </c>
      <c r="Q4414" s="75">
        <f>IF(Input!$D$19=4,J4414*Input!$C$19,0)+IF(Input!$D$20=4,K4414*Input!$C$20,0)+IF(Input!$D$21=4,L4414*Input!$C$21,0)+IF(Input!$D$22=4,M4414*Input!$C$22,0)</f>
        <v>0</v>
      </c>
      <c r="R4414" s="58">
        <v>73.328253758089829</v>
      </c>
      <c r="S4414" s="124">
        <f t="shared" si="68"/>
        <v>1.801741107037673</v>
      </c>
    </row>
    <row r="4415" spans="8:19" x14ac:dyDescent="0.3">
      <c r="H4415" s="44">
        <v>4408</v>
      </c>
      <c r="I4415" s="56">
        <f>Bühler!I4441</f>
        <v>0.41578640931638605</v>
      </c>
      <c r="J4415" s="59">
        <f>Bühler!J4441</f>
        <v>1.3859546977212869</v>
      </c>
      <c r="K4415" s="59">
        <f>Bühler!K4441</f>
        <v>2.0789320465819303</v>
      </c>
      <c r="L4415" s="59">
        <f>Bühler!L4441</f>
        <v>9.9788738235932648</v>
      </c>
      <c r="M4415" s="58">
        <f>Bühler!M4441</f>
        <v>0</v>
      </c>
      <c r="N4415" s="56">
        <f>IF(Input!$D$19=1,J4415*Input!$C$19,0)+IF(Input!$D$20=1,K4415*Input!$C$20,0)+IF(Input!$D$21=1,L4415*Input!$C$21,0)+IF(Input!$D$22=1,M4415*Input!$C$22,0)</f>
        <v>0.41578640931638605</v>
      </c>
      <c r="O4415" s="59">
        <f>IF(Input!$D$19=2,J4415*Input!$C$19,0)+IF(Input!$D$20=2,K4415*Input!$C$20,0)+IF(Input!$D$21=2,L4415*Input!$C$21,0)+IF(Input!$D$22=2,M4415*Input!$C$22,0)</f>
        <v>1.0394660232909652</v>
      </c>
      <c r="P4415" s="59">
        <f>IF(Input!$D$19=3,J4415*Input!$C$19,0)+IF(Input!$D$20=3,K4415*Input!$C$20,0)+IF(Input!$D$21=3,L4415*Input!$C$21,0)+IF(Input!$D$22=3,M4415*Input!$C$22,0)</f>
        <v>0</v>
      </c>
      <c r="Q4415" s="75">
        <f>IF(Input!$D$19=4,J4415*Input!$C$19,0)+IF(Input!$D$20=4,K4415*Input!$C$20,0)+IF(Input!$D$21=4,L4415*Input!$C$21,0)+IF(Input!$D$22=4,M4415*Input!$C$22,0)</f>
        <v>0</v>
      </c>
      <c r="R4415" s="58">
        <v>72.953538996460708</v>
      </c>
      <c r="S4415" s="124">
        <f t="shared" si="68"/>
        <v>1.801741107037673</v>
      </c>
    </row>
    <row r="4416" spans="8:19" x14ac:dyDescent="0.3">
      <c r="H4416" s="44">
        <v>4409</v>
      </c>
      <c r="I4416" s="56">
        <f>Bühler!I4442</f>
        <v>0.41578640931638605</v>
      </c>
      <c r="J4416" s="59">
        <f>Bühler!J4442</f>
        <v>1.3859546977212869</v>
      </c>
      <c r="K4416" s="59">
        <f>Bühler!K4442</f>
        <v>2.0789320465819303</v>
      </c>
      <c r="L4416" s="59">
        <f>Bühler!L4442</f>
        <v>9.9788738235932648</v>
      </c>
      <c r="M4416" s="58">
        <f>Bühler!M4442</f>
        <v>0</v>
      </c>
      <c r="N4416" s="56">
        <f>IF(Input!$D$19=1,J4416*Input!$C$19,0)+IF(Input!$D$20=1,K4416*Input!$C$20,0)+IF(Input!$D$21=1,L4416*Input!$C$21,0)+IF(Input!$D$22=1,M4416*Input!$C$22,0)</f>
        <v>0.41578640931638605</v>
      </c>
      <c r="O4416" s="59">
        <f>IF(Input!$D$19=2,J4416*Input!$C$19,0)+IF(Input!$D$20=2,K4416*Input!$C$20,0)+IF(Input!$D$21=2,L4416*Input!$C$21,0)+IF(Input!$D$22=2,M4416*Input!$C$22,0)</f>
        <v>1.0394660232909652</v>
      </c>
      <c r="P4416" s="59">
        <f>IF(Input!$D$19=3,J4416*Input!$C$19,0)+IF(Input!$D$20=3,K4416*Input!$C$20,0)+IF(Input!$D$21=3,L4416*Input!$C$21,0)+IF(Input!$D$22=3,M4416*Input!$C$22,0)</f>
        <v>0</v>
      </c>
      <c r="Q4416" s="75">
        <f>IF(Input!$D$19=4,J4416*Input!$C$19,0)+IF(Input!$D$20=4,K4416*Input!$C$20,0)+IF(Input!$D$21=4,L4416*Input!$C$21,0)+IF(Input!$D$22=4,M4416*Input!$C$22,0)</f>
        <v>0</v>
      </c>
      <c r="R4416" s="58">
        <v>71.197554000281244</v>
      </c>
      <c r="S4416" s="124">
        <f t="shared" si="68"/>
        <v>1.801741107037673</v>
      </c>
    </row>
    <row r="4417" spans="8:19" x14ac:dyDescent="0.3">
      <c r="H4417" s="44">
        <v>4410</v>
      </c>
      <c r="I4417" s="56">
        <f>Bühler!I4443</f>
        <v>0.41578640931638605</v>
      </c>
      <c r="J4417" s="59">
        <f>Bühler!J4443</f>
        <v>1.3859546977212869</v>
      </c>
      <c r="K4417" s="59">
        <f>Bühler!K4443</f>
        <v>2.0789320465819303</v>
      </c>
      <c r="L4417" s="59">
        <f>Bühler!L4443</f>
        <v>9.9788738235932648</v>
      </c>
      <c r="M4417" s="58">
        <f>Bühler!M4443</f>
        <v>0</v>
      </c>
      <c r="N4417" s="56">
        <f>IF(Input!$D$19=1,J4417*Input!$C$19,0)+IF(Input!$D$20=1,K4417*Input!$C$20,0)+IF(Input!$D$21=1,L4417*Input!$C$21,0)+IF(Input!$D$22=1,M4417*Input!$C$22,0)</f>
        <v>0.41578640931638605</v>
      </c>
      <c r="O4417" s="59">
        <f>IF(Input!$D$19=2,J4417*Input!$C$19,0)+IF(Input!$D$20=2,K4417*Input!$C$20,0)+IF(Input!$D$21=2,L4417*Input!$C$21,0)+IF(Input!$D$22=2,M4417*Input!$C$22,0)</f>
        <v>1.0394660232909652</v>
      </c>
      <c r="P4417" s="59">
        <f>IF(Input!$D$19=3,J4417*Input!$C$19,0)+IF(Input!$D$20=3,K4417*Input!$C$20,0)+IF(Input!$D$21=3,L4417*Input!$C$21,0)+IF(Input!$D$22=3,M4417*Input!$C$22,0)</f>
        <v>0</v>
      </c>
      <c r="Q4417" s="75">
        <f>IF(Input!$D$19=4,J4417*Input!$C$19,0)+IF(Input!$D$20=4,K4417*Input!$C$20,0)+IF(Input!$D$21=4,L4417*Input!$C$21,0)+IF(Input!$D$22=4,M4417*Input!$C$22,0)</f>
        <v>0</v>
      </c>
      <c r="R4417" s="58">
        <v>69.712656956301515</v>
      </c>
      <c r="S4417" s="124">
        <f t="shared" si="68"/>
        <v>1.801741107037673</v>
      </c>
    </row>
    <row r="4418" spans="8:19" x14ac:dyDescent="0.3">
      <c r="H4418" s="44">
        <v>4411</v>
      </c>
      <c r="I4418" s="56">
        <f>Bühler!I4444</f>
        <v>0.41578640931638605</v>
      </c>
      <c r="J4418" s="59">
        <f>Bühler!J4444</f>
        <v>1.3859546977212869</v>
      </c>
      <c r="K4418" s="59">
        <f>Bühler!K4444</f>
        <v>2.0789320465819303</v>
      </c>
      <c r="L4418" s="59">
        <f>Bühler!L4444</f>
        <v>9.9788738235932648</v>
      </c>
      <c r="M4418" s="58">
        <f>Bühler!M4444</f>
        <v>0</v>
      </c>
      <c r="N4418" s="56">
        <f>IF(Input!$D$19=1,J4418*Input!$C$19,0)+IF(Input!$D$20=1,K4418*Input!$C$20,0)+IF(Input!$D$21=1,L4418*Input!$C$21,0)+IF(Input!$D$22=1,M4418*Input!$C$22,0)</f>
        <v>0.41578640931638605</v>
      </c>
      <c r="O4418" s="59">
        <f>IF(Input!$D$19=2,J4418*Input!$C$19,0)+IF(Input!$D$20=2,K4418*Input!$C$20,0)+IF(Input!$D$21=2,L4418*Input!$C$21,0)+IF(Input!$D$22=2,M4418*Input!$C$22,0)</f>
        <v>1.0394660232909652</v>
      </c>
      <c r="P4418" s="59">
        <f>IF(Input!$D$19=3,J4418*Input!$C$19,0)+IF(Input!$D$20=3,K4418*Input!$C$20,0)+IF(Input!$D$21=3,L4418*Input!$C$21,0)+IF(Input!$D$22=3,M4418*Input!$C$22,0)</f>
        <v>0</v>
      </c>
      <c r="Q4418" s="75">
        <f>IF(Input!$D$19=4,J4418*Input!$C$19,0)+IF(Input!$D$20=4,K4418*Input!$C$20,0)+IF(Input!$D$21=4,L4418*Input!$C$21,0)+IF(Input!$D$22=4,M4418*Input!$C$22,0)</f>
        <v>0</v>
      </c>
      <c r="R4418" s="58">
        <v>68.164755710968791</v>
      </c>
      <c r="S4418" s="124">
        <f t="shared" si="68"/>
        <v>1.801741107037673</v>
      </c>
    </row>
    <row r="4419" spans="8:19" x14ac:dyDescent="0.3">
      <c r="H4419" s="44">
        <v>4412</v>
      </c>
      <c r="I4419" s="56">
        <f>Bühler!I4445</f>
        <v>0.34822111780247333</v>
      </c>
      <c r="J4419" s="59">
        <f>Bühler!J4445</f>
        <v>1.1607370593415778</v>
      </c>
      <c r="K4419" s="59">
        <f>Bühler!K4445</f>
        <v>1.7411055890123668</v>
      </c>
      <c r="L4419" s="59">
        <f>Bühler!L4445</f>
        <v>8.3573068272593609</v>
      </c>
      <c r="M4419" s="58">
        <f>Bühler!M4445</f>
        <v>0</v>
      </c>
      <c r="N4419" s="56">
        <f>IF(Input!$D$19=1,J4419*Input!$C$19,0)+IF(Input!$D$20=1,K4419*Input!$C$20,0)+IF(Input!$D$21=1,L4419*Input!$C$21,0)+IF(Input!$D$22=1,M4419*Input!$C$22,0)</f>
        <v>0.34822111780247333</v>
      </c>
      <c r="O4419" s="59">
        <f>IF(Input!$D$19=2,J4419*Input!$C$19,0)+IF(Input!$D$20=2,K4419*Input!$C$20,0)+IF(Input!$D$21=2,L4419*Input!$C$21,0)+IF(Input!$D$22=2,M4419*Input!$C$22,0)</f>
        <v>0.87055279450618339</v>
      </c>
      <c r="P4419" s="59">
        <f>IF(Input!$D$19=3,J4419*Input!$C$19,0)+IF(Input!$D$20=3,K4419*Input!$C$20,0)+IF(Input!$D$21=3,L4419*Input!$C$21,0)+IF(Input!$D$22=3,M4419*Input!$C$22,0)</f>
        <v>0</v>
      </c>
      <c r="Q4419" s="75">
        <f>IF(Input!$D$19=4,J4419*Input!$C$19,0)+IF(Input!$D$20=4,K4419*Input!$C$20,0)+IF(Input!$D$21=4,L4419*Input!$C$21,0)+IF(Input!$D$22=4,M4419*Input!$C$22,0)</f>
        <v>0</v>
      </c>
      <c r="R4419" s="58">
        <v>67.216562141420638</v>
      </c>
      <c r="S4419" s="124">
        <f t="shared" si="68"/>
        <v>1.5089581771440512</v>
      </c>
    </row>
    <row r="4420" spans="8:19" x14ac:dyDescent="0.3">
      <c r="H4420" s="44">
        <v>4413</v>
      </c>
      <c r="I4420" s="56">
        <f>Bühler!I4446</f>
        <v>0.28585315640501541</v>
      </c>
      <c r="J4420" s="59">
        <f>Bühler!J4446</f>
        <v>0.95284385468338473</v>
      </c>
      <c r="K4420" s="59">
        <f>Bühler!K4446</f>
        <v>1.4292657820250769</v>
      </c>
      <c r="L4420" s="59">
        <f>Bühler!L4446</f>
        <v>6.8604757537203698</v>
      </c>
      <c r="M4420" s="58">
        <f>Bühler!M4446</f>
        <v>0</v>
      </c>
      <c r="N4420" s="56">
        <f>IF(Input!$D$19=1,J4420*Input!$C$19,0)+IF(Input!$D$20=1,K4420*Input!$C$20,0)+IF(Input!$D$21=1,L4420*Input!$C$21,0)+IF(Input!$D$22=1,M4420*Input!$C$22,0)</f>
        <v>0.28585315640501541</v>
      </c>
      <c r="O4420" s="59">
        <f>IF(Input!$D$19=2,J4420*Input!$C$19,0)+IF(Input!$D$20=2,K4420*Input!$C$20,0)+IF(Input!$D$21=2,L4420*Input!$C$21,0)+IF(Input!$D$22=2,M4420*Input!$C$22,0)</f>
        <v>0.71463289101253846</v>
      </c>
      <c r="P4420" s="59">
        <f>IF(Input!$D$19=3,J4420*Input!$C$19,0)+IF(Input!$D$20=3,K4420*Input!$C$20,0)+IF(Input!$D$21=3,L4420*Input!$C$21,0)+IF(Input!$D$22=3,M4420*Input!$C$22,0)</f>
        <v>0</v>
      </c>
      <c r="Q4420" s="75">
        <f>IF(Input!$D$19=4,J4420*Input!$C$19,0)+IF(Input!$D$20=4,K4420*Input!$C$20,0)+IF(Input!$D$21=4,L4420*Input!$C$21,0)+IF(Input!$D$22=4,M4420*Input!$C$22,0)</f>
        <v>0</v>
      </c>
      <c r="R4420" s="58">
        <v>65.306267820194577</v>
      </c>
      <c r="S4420" s="124">
        <f t="shared" si="68"/>
        <v>1.2386970110884001</v>
      </c>
    </row>
    <row r="4421" spans="8:19" x14ac:dyDescent="0.3">
      <c r="H4421" s="44">
        <v>4414</v>
      </c>
      <c r="I4421" s="56">
        <f>Bühler!I4447</f>
        <v>0.20789320465819303</v>
      </c>
      <c r="J4421" s="59">
        <f>Bühler!J4447</f>
        <v>0.69297734886064344</v>
      </c>
      <c r="K4421" s="59">
        <f>Bühler!K4447</f>
        <v>1.0394660232909652</v>
      </c>
      <c r="L4421" s="59">
        <f>Bühler!L4447</f>
        <v>4.9894369117966324</v>
      </c>
      <c r="M4421" s="58">
        <f>Bühler!M4447</f>
        <v>0</v>
      </c>
      <c r="N4421" s="56">
        <f>IF(Input!$D$19=1,J4421*Input!$C$19,0)+IF(Input!$D$20=1,K4421*Input!$C$20,0)+IF(Input!$D$21=1,L4421*Input!$C$21,0)+IF(Input!$D$22=1,M4421*Input!$C$22,0)</f>
        <v>0.20789320465819303</v>
      </c>
      <c r="O4421" s="59">
        <f>IF(Input!$D$19=2,J4421*Input!$C$19,0)+IF(Input!$D$20=2,K4421*Input!$C$20,0)+IF(Input!$D$21=2,L4421*Input!$C$21,0)+IF(Input!$D$22=2,M4421*Input!$C$22,0)</f>
        <v>0.51973301164548258</v>
      </c>
      <c r="P4421" s="59">
        <f>IF(Input!$D$19=3,J4421*Input!$C$19,0)+IF(Input!$D$20=3,K4421*Input!$C$20,0)+IF(Input!$D$21=3,L4421*Input!$C$21,0)+IF(Input!$D$22=3,M4421*Input!$C$22,0)</f>
        <v>0</v>
      </c>
      <c r="Q4421" s="75">
        <f>IF(Input!$D$19=4,J4421*Input!$C$19,0)+IF(Input!$D$20=4,K4421*Input!$C$20,0)+IF(Input!$D$21=4,L4421*Input!$C$21,0)+IF(Input!$D$22=4,M4421*Input!$C$22,0)</f>
        <v>0</v>
      </c>
      <c r="R4421" s="58">
        <v>62.489370632541224</v>
      </c>
      <c r="S4421" s="124">
        <f t="shared" si="68"/>
        <v>0.90087055351883649</v>
      </c>
    </row>
    <row r="4422" spans="8:19" x14ac:dyDescent="0.3">
      <c r="H4422" s="44">
        <v>4415</v>
      </c>
      <c r="I4422" s="56">
        <f>Bühler!I4448</f>
        <v>0.20789320465819303</v>
      </c>
      <c r="J4422" s="59">
        <f>Bühler!J4448</f>
        <v>0.69297734886064344</v>
      </c>
      <c r="K4422" s="59">
        <f>Bühler!K4448</f>
        <v>1.0394660232909652</v>
      </c>
      <c r="L4422" s="59">
        <f>Bühler!L4448</f>
        <v>4.9894369117966324</v>
      </c>
      <c r="M4422" s="58">
        <f>Bühler!M4448</f>
        <v>0</v>
      </c>
      <c r="N4422" s="56">
        <f>IF(Input!$D$19=1,J4422*Input!$C$19,0)+IF(Input!$D$20=1,K4422*Input!$C$20,0)+IF(Input!$D$21=1,L4422*Input!$C$21,0)+IF(Input!$D$22=1,M4422*Input!$C$22,0)</f>
        <v>0.20789320465819303</v>
      </c>
      <c r="O4422" s="59">
        <f>IF(Input!$D$19=2,J4422*Input!$C$19,0)+IF(Input!$D$20=2,K4422*Input!$C$20,0)+IF(Input!$D$21=2,L4422*Input!$C$21,0)+IF(Input!$D$22=2,M4422*Input!$C$22,0)</f>
        <v>0.51973301164548258</v>
      </c>
      <c r="P4422" s="59">
        <f>IF(Input!$D$19=3,J4422*Input!$C$19,0)+IF(Input!$D$20=3,K4422*Input!$C$20,0)+IF(Input!$D$21=3,L4422*Input!$C$21,0)+IF(Input!$D$22=3,M4422*Input!$C$22,0)</f>
        <v>0</v>
      </c>
      <c r="Q4422" s="75">
        <f>IF(Input!$D$19=4,J4422*Input!$C$19,0)+IF(Input!$D$20=4,K4422*Input!$C$20,0)+IF(Input!$D$21=4,L4422*Input!$C$21,0)+IF(Input!$D$22=4,M4422*Input!$C$22,0)</f>
        <v>0</v>
      </c>
      <c r="R4422" s="58">
        <v>61.233696362944222</v>
      </c>
      <c r="S4422" s="124">
        <f t="shared" si="68"/>
        <v>0.90087055351883649</v>
      </c>
    </row>
    <row r="4423" spans="8:19" x14ac:dyDescent="0.3">
      <c r="H4423" s="44">
        <v>4416</v>
      </c>
      <c r="I4423" s="56">
        <f>Bühler!I4449</f>
        <v>0.20789320465819303</v>
      </c>
      <c r="J4423" s="59">
        <f>Bühler!J4449</f>
        <v>0.69297734886064344</v>
      </c>
      <c r="K4423" s="59">
        <f>Bühler!K4449</f>
        <v>1.0394660232909652</v>
      </c>
      <c r="L4423" s="59">
        <f>Bühler!L4449</f>
        <v>4.9894369117966324</v>
      </c>
      <c r="M4423" s="58">
        <f>Bühler!M4449</f>
        <v>0</v>
      </c>
      <c r="N4423" s="56">
        <f>IF(Input!$D$19=1,J4423*Input!$C$19,0)+IF(Input!$D$20=1,K4423*Input!$C$20,0)+IF(Input!$D$21=1,L4423*Input!$C$21,0)+IF(Input!$D$22=1,M4423*Input!$C$22,0)</f>
        <v>0.20789320465819303</v>
      </c>
      <c r="O4423" s="59">
        <f>IF(Input!$D$19=2,J4423*Input!$C$19,0)+IF(Input!$D$20=2,K4423*Input!$C$20,0)+IF(Input!$D$21=2,L4423*Input!$C$21,0)+IF(Input!$D$22=2,M4423*Input!$C$22,0)</f>
        <v>0.51973301164548258</v>
      </c>
      <c r="P4423" s="59">
        <f>IF(Input!$D$19=3,J4423*Input!$C$19,0)+IF(Input!$D$20=3,K4423*Input!$C$20,0)+IF(Input!$D$21=3,L4423*Input!$C$21,0)+IF(Input!$D$22=3,M4423*Input!$C$22,0)</f>
        <v>0</v>
      </c>
      <c r="Q4423" s="75">
        <f>IF(Input!$D$19=4,J4423*Input!$C$19,0)+IF(Input!$D$20=4,K4423*Input!$C$20,0)+IF(Input!$D$21=4,L4423*Input!$C$21,0)+IF(Input!$D$22=4,M4423*Input!$C$22,0)</f>
        <v>0</v>
      </c>
      <c r="R4423" s="58">
        <v>59.808558466042264</v>
      </c>
      <c r="S4423" s="124">
        <f t="shared" si="68"/>
        <v>0.90087055351883649</v>
      </c>
    </row>
    <row r="4424" spans="8:19" x14ac:dyDescent="0.3">
      <c r="H4424" s="44">
        <v>4417</v>
      </c>
      <c r="I4424" s="56">
        <f>Bühler!I4450</f>
        <v>0.18830857548368835</v>
      </c>
      <c r="J4424" s="59">
        <f>Bühler!J4450</f>
        <v>0.62769525161229456</v>
      </c>
      <c r="K4424" s="59">
        <f>Bühler!K4450</f>
        <v>0.94154287741844167</v>
      </c>
      <c r="L4424" s="59">
        <f>Bühler!L4450</f>
        <v>4.5194058116085198</v>
      </c>
      <c r="M4424" s="58">
        <f>Bühler!M4450</f>
        <v>0</v>
      </c>
      <c r="N4424" s="56">
        <f>IF(Input!$D$19=1,J4424*Input!$C$19,0)+IF(Input!$D$20=1,K4424*Input!$C$20,0)+IF(Input!$D$21=1,L4424*Input!$C$21,0)+IF(Input!$D$22=1,M4424*Input!$C$22,0)</f>
        <v>0.18830857548368837</v>
      </c>
      <c r="O4424" s="59">
        <f>IF(Input!$D$19=2,J4424*Input!$C$19,0)+IF(Input!$D$20=2,K4424*Input!$C$20,0)+IF(Input!$D$21=2,L4424*Input!$C$21,0)+IF(Input!$D$22=2,M4424*Input!$C$22,0)</f>
        <v>0.47077143870922084</v>
      </c>
      <c r="P4424" s="59">
        <f>IF(Input!$D$19=3,J4424*Input!$C$19,0)+IF(Input!$D$20=3,K4424*Input!$C$20,0)+IF(Input!$D$21=3,L4424*Input!$C$21,0)+IF(Input!$D$22=3,M4424*Input!$C$22,0)</f>
        <v>0</v>
      </c>
      <c r="Q4424" s="75">
        <f>IF(Input!$D$19=4,J4424*Input!$C$19,0)+IF(Input!$D$20=4,K4424*Input!$C$20,0)+IF(Input!$D$21=4,L4424*Input!$C$21,0)+IF(Input!$D$22=4,M4424*Input!$C$22,0)</f>
        <v>0</v>
      </c>
      <c r="R4424" s="58">
        <v>58.999631207650673</v>
      </c>
      <c r="S4424" s="124">
        <f t="shared" si="68"/>
        <v>0.81600382709598285</v>
      </c>
    </row>
    <row r="4425" spans="8:19" x14ac:dyDescent="0.3">
      <c r="H4425" s="44">
        <v>4418</v>
      </c>
      <c r="I4425" s="56">
        <f>Bühler!I4451</f>
        <v>0.21184714741914937</v>
      </c>
      <c r="J4425" s="59">
        <f>Bühler!J4451</f>
        <v>0.70615715806383128</v>
      </c>
      <c r="K4425" s="59">
        <f>Bühler!K4451</f>
        <v>1.0592357370957468</v>
      </c>
      <c r="L4425" s="59">
        <f>Bühler!L4451</f>
        <v>5.084331538059585</v>
      </c>
      <c r="M4425" s="58">
        <f>Bühler!M4451</f>
        <v>0</v>
      </c>
      <c r="N4425" s="56">
        <f>IF(Input!$D$19=1,J4425*Input!$C$19,0)+IF(Input!$D$20=1,K4425*Input!$C$20,0)+IF(Input!$D$21=1,L4425*Input!$C$21,0)+IF(Input!$D$22=1,M4425*Input!$C$22,0)</f>
        <v>0.21184714741914937</v>
      </c>
      <c r="O4425" s="59">
        <f>IF(Input!$D$19=2,J4425*Input!$C$19,0)+IF(Input!$D$20=2,K4425*Input!$C$20,0)+IF(Input!$D$21=2,L4425*Input!$C$21,0)+IF(Input!$D$22=2,M4425*Input!$C$22,0)</f>
        <v>0.5296178685478734</v>
      </c>
      <c r="P4425" s="59">
        <f>IF(Input!$D$19=3,J4425*Input!$C$19,0)+IF(Input!$D$20=3,K4425*Input!$C$20,0)+IF(Input!$D$21=3,L4425*Input!$C$21,0)+IF(Input!$D$22=3,M4425*Input!$C$22,0)</f>
        <v>0</v>
      </c>
      <c r="Q4425" s="75">
        <f>IF(Input!$D$19=4,J4425*Input!$C$19,0)+IF(Input!$D$20=4,K4425*Input!$C$20,0)+IF(Input!$D$21=4,L4425*Input!$C$21,0)+IF(Input!$D$22=4,M4425*Input!$C$22,0)</f>
        <v>0</v>
      </c>
      <c r="R4425" s="58">
        <v>58.540753705459956</v>
      </c>
      <c r="S4425" s="124">
        <f t="shared" ref="S4425:S4488" si="69">I4425+J4425</f>
        <v>0.91800430548298062</v>
      </c>
    </row>
    <row r="4426" spans="8:19" x14ac:dyDescent="0.3">
      <c r="H4426" s="44">
        <v>4419</v>
      </c>
      <c r="I4426" s="56">
        <f>Bühler!I4452</f>
        <v>0.21184714741914937</v>
      </c>
      <c r="J4426" s="59">
        <f>Bühler!J4452</f>
        <v>0.70615715806383128</v>
      </c>
      <c r="K4426" s="59">
        <f>Bühler!K4452</f>
        <v>1.0592357370957468</v>
      </c>
      <c r="L4426" s="59">
        <f>Bühler!L4452</f>
        <v>5.084331538059585</v>
      </c>
      <c r="M4426" s="58">
        <f>Bühler!M4452</f>
        <v>0</v>
      </c>
      <c r="N4426" s="56">
        <f>IF(Input!$D$19=1,J4426*Input!$C$19,0)+IF(Input!$D$20=1,K4426*Input!$C$20,0)+IF(Input!$D$21=1,L4426*Input!$C$21,0)+IF(Input!$D$22=1,M4426*Input!$C$22,0)</f>
        <v>0.21184714741914937</v>
      </c>
      <c r="O4426" s="59">
        <f>IF(Input!$D$19=2,J4426*Input!$C$19,0)+IF(Input!$D$20=2,K4426*Input!$C$20,0)+IF(Input!$D$21=2,L4426*Input!$C$21,0)+IF(Input!$D$22=2,M4426*Input!$C$22,0)</f>
        <v>0.5296178685478734</v>
      </c>
      <c r="P4426" s="59">
        <f>IF(Input!$D$19=3,J4426*Input!$C$19,0)+IF(Input!$D$20=3,K4426*Input!$C$20,0)+IF(Input!$D$21=3,L4426*Input!$C$21,0)+IF(Input!$D$22=3,M4426*Input!$C$22,0)</f>
        <v>0</v>
      </c>
      <c r="Q4426" s="75">
        <f>IF(Input!$D$19=4,J4426*Input!$C$19,0)+IF(Input!$D$20=4,K4426*Input!$C$20,0)+IF(Input!$D$21=4,L4426*Input!$C$21,0)+IF(Input!$D$22=4,M4426*Input!$C$22,0)</f>
        <v>0</v>
      </c>
      <c r="R4426" s="58">
        <v>59.229848437946202</v>
      </c>
      <c r="S4426" s="124">
        <f t="shared" si="69"/>
        <v>0.91800430548298062</v>
      </c>
    </row>
    <row r="4427" spans="8:19" x14ac:dyDescent="0.3">
      <c r="H4427" s="44">
        <v>4420</v>
      </c>
      <c r="I4427" s="56">
        <f>Bühler!I4453</f>
        <v>0.21184714741914937</v>
      </c>
      <c r="J4427" s="59">
        <f>Bühler!J4453</f>
        <v>0.70615715806383128</v>
      </c>
      <c r="K4427" s="59">
        <f>Bühler!K4453</f>
        <v>1.0592357370957468</v>
      </c>
      <c r="L4427" s="59">
        <f>Bühler!L4453</f>
        <v>5.084331538059585</v>
      </c>
      <c r="M4427" s="58">
        <f>Bühler!M4453</f>
        <v>0</v>
      </c>
      <c r="N4427" s="56">
        <f>IF(Input!$D$19=1,J4427*Input!$C$19,0)+IF(Input!$D$20=1,K4427*Input!$C$20,0)+IF(Input!$D$21=1,L4427*Input!$C$21,0)+IF(Input!$D$22=1,M4427*Input!$C$22,0)</f>
        <v>0.21184714741914937</v>
      </c>
      <c r="O4427" s="59">
        <f>IF(Input!$D$19=2,J4427*Input!$C$19,0)+IF(Input!$D$20=2,K4427*Input!$C$20,0)+IF(Input!$D$21=2,L4427*Input!$C$21,0)+IF(Input!$D$22=2,M4427*Input!$C$22,0)</f>
        <v>0.5296178685478734</v>
      </c>
      <c r="P4427" s="59">
        <f>IF(Input!$D$19=3,J4427*Input!$C$19,0)+IF(Input!$D$20=3,K4427*Input!$C$20,0)+IF(Input!$D$21=3,L4427*Input!$C$21,0)+IF(Input!$D$22=3,M4427*Input!$C$22,0)</f>
        <v>0</v>
      </c>
      <c r="Q4427" s="75">
        <f>IF(Input!$D$19=4,J4427*Input!$C$19,0)+IF(Input!$D$20=4,K4427*Input!$C$20,0)+IF(Input!$D$21=4,L4427*Input!$C$21,0)+IF(Input!$D$22=4,M4427*Input!$C$22,0)</f>
        <v>0</v>
      </c>
      <c r="R4427" s="58">
        <v>59.976559025926612</v>
      </c>
      <c r="S4427" s="124">
        <f t="shared" si="69"/>
        <v>0.91800430548298062</v>
      </c>
    </row>
    <row r="4428" spans="8:19" x14ac:dyDescent="0.3">
      <c r="H4428" s="44">
        <v>4421</v>
      </c>
      <c r="I4428" s="56">
        <f>Bühler!I4454</f>
        <v>0.21184714741914937</v>
      </c>
      <c r="J4428" s="59">
        <f>Bühler!J4454</f>
        <v>0.70615715806383128</v>
      </c>
      <c r="K4428" s="59">
        <f>Bühler!K4454</f>
        <v>1.0592357370957468</v>
      </c>
      <c r="L4428" s="59">
        <f>Bühler!L4454</f>
        <v>5.084331538059585</v>
      </c>
      <c r="M4428" s="58">
        <f>Bühler!M4454</f>
        <v>0</v>
      </c>
      <c r="N4428" s="56">
        <f>IF(Input!$D$19=1,J4428*Input!$C$19,0)+IF(Input!$D$20=1,K4428*Input!$C$20,0)+IF(Input!$D$21=1,L4428*Input!$C$21,0)+IF(Input!$D$22=1,M4428*Input!$C$22,0)</f>
        <v>0.21184714741914937</v>
      </c>
      <c r="O4428" s="59">
        <f>IF(Input!$D$19=2,J4428*Input!$C$19,0)+IF(Input!$D$20=2,K4428*Input!$C$20,0)+IF(Input!$D$21=2,L4428*Input!$C$21,0)+IF(Input!$D$22=2,M4428*Input!$C$22,0)</f>
        <v>0.5296178685478734</v>
      </c>
      <c r="P4428" s="59">
        <f>IF(Input!$D$19=3,J4428*Input!$C$19,0)+IF(Input!$D$20=3,K4428*Input!$C$20,0)+IF(Input!$D$21=3,L4428*Input!$C$21,0)+IF(Input!$D$22=3,M4428*Input!$C$22,0)</f>
        <v>0</v>
      </c>
      <c r="Q4428" s="75">
        <f>IF(Input!$D$19=4,J4428*Input!$C$19,0)+IF(Input!$D$20=4,K4428*Input!$C$20,0)+IF(Input!$D$21=4,L4428*Input!$C$21,0)+IF(Input!$D$22=4,M4428*Input!$C$22,0)</f>
        <v>0</v>
      </c>
      <c r="R4428" s="58">
        <v>61.405367928724189</v>
      </c>
      <c r="S4428" s="124">
        <f t="shared" si="69"/>
        <v>0.91800430548298062</v>
      </c>
    </row>
    <row r="4429" spans="8:19" x14ac:dyDescent="0.3">
      <c r="H4429" s="44">
        <v>4422</v>
      </c>
      <c r="I4429" s="56">
        <f>Bühler!I4455</f>
        <v>0.27304743445134805</v>
      </c>
      <c r="J4429" s="59">
        <f>Bühler!J4455</f>
        <v>0.91015811483782694</v>
      </c>
      <c r="K4429" s="59">
        <f>Bühler!K4455</f>
        <v>1.3652371722567402</v>
      </c>
      <c r="L4429" s="59">
        <f>Bühler!L4455</f>
        <v>6.5531384268323531</v>
      </c>
      <c r="M4429" s="58">
        <f>Bühler!M4455</f>
        <v>0</v>
      </c>
      <c r="N4429" s="56">
        <f>IF(Input!$D$19=1,J4429*Input!$C$19,0)+IF(Input!$D$20=1,K4429*Input!$C$20,0)+IF(Input!$D$21=1,L4429*Input!$C$21,0)+IF(Input!$D$22=1,M4429*Input!$C$22,0)</f>
        <v>0.27304743445134805</v>
      </c>
      <c r="O4429" s="59">
        <f>IF(Input!$D$19=2,J4429*Input!$C$19,0)+IF(Input!$D$20=2,K4429*Input!$C$20,0)+IF(Input!$D$21=2,L4429*Input!$C$21,0)+IF(Input!$D$22=2,M4429*Input!$C$22,0)</f>
        <v>0.68261858612837012</v>
      </c>
      <c r="P4429" s="59">
        <f>IF(Input!$D$19=3,J4429*Input!$C$19,0)+IF(Input!$D$20=3,K4429*Input!$C$20,0)+IF(Input!$D$21=3,L4429*Input!$C$21,0)+IF(Input!$D$22=3,M4429*Input!$C$22,0)</f>
        <v>0</v>
      </c>
      <c r="Q4429" s="75">
        <f>IF(Input!$D$19=4,J4429*Input!$C$19,0)+IF(Input!$D$20=4,K4429*Input!$C$20,0)+IF(Input!$D$21=4,L4429*Input!$C$21,0)+IF(Input!$D$22=4,M4429*Input!$C$22,0)</f>
        <v>0</v>
      </c>
      <c r="R4429" s="58">
        <v>63.748776239902185</v>
      </c>
      <c r="S4429" s="124">
        <f t="shared" si="69"/>
        <v>1.1832055492891751</v>
      </c>
    </row>
    <row r="4430" spans="8:19" x14ac:dyDescent="0.3">
      <c r="H4430" s="44">
        <v>4423</v>
      </c>
      <c r="I4430" s="56">
        <f>Bühler!I4456</f>
        <v>0.31541686393517798</v>
      </c>
      <c r="J4430" s="59">
        <f>Bühler!J4456</f>
        <v>1.0513895464505933</v>
      </c>
      <c r="K4430" s="59">
        <f>Bühler!K4456</f>
        <v>1.5770843196758901</v>
      </c>
      <c r="L4430" s="59">
        <f>Bühler!L4456</f>
        <v>7.5700047344442725</v>
      </c>
      <c r="M4430" s="58">
        <f>Bühler!M4456</f>
        <v>0</v>
      </c>
      <c r="N4430" s="56">
        <f>IF(Input!$D$19=1,J4430*Input!$C$19,0)+IF(Input!$D$20=1,K4430*Input!$C$20,0)+IF(Input!$D$21=1,L4430*Input!$C$21,0)+IF(Input!$D$22=1,M4430*Input!$C$22,0)</f>
        <v>0.31541686393517798</v>
      </c>
      <c r="O4430" s="59">
        <f>IF(Input!$D$19=2,J4430*Input!$C$19,0)+IF(Input!$D$20=2,K4430*Input!$C$20,0)+IF(Input!$D$21=2,L4430*Input!$C$21,0)+IF(Input!$D$22=2,M4430*Input!$C$22,0)</f>
        <v>0.78854215983794507</v>
      </c>
      <c r="P4430" s="59">
        <f>IF(Input!$D$19=3,J4430*Input!$C$19,0)+IF(Input!$D$20=3,K4430*Input!$C$20,0)+IF(Input!$D$21=3,L4430*Input!$C$21,0)+IF(Input!$D$22=3,M4430*Input!$C$22,0)</f>
        <v>0</v>
      </c>
      <c r="Q4430" s="75">
        <f>IF(Input!$D$19=4,J4430*Input!$C$19,0)+IF(Input!$D$20=4,K4430*Input!$C$20,0)+IF(Input!$D$21=4,L4430*Input!$C$21,0)+IF(Input!$D$22=4,M4430*Input!$C$22,0)</f>
        <v>0</v>
      </c>
      <c r="R4430" s="58">
        <v>66.643740589973504</v>
      </c>
      <c r="S4430" s="124">
        <f t="shared" si="69"/>
        <v>1.3668064103857713</v>
      </c>
    </row>
    <row r="4431" spans="8:19" x14ac:dyDescent="0.3">
      <c r="H4431" s="44">
        <v>4424</v>
      </c>
      <c r="I4431" s="56">
        <f>Bühler!I4457</f>
        <v>0.31541686393517798</v>
      </c>
      <c r="J4431" s="59">
        <f>Bühler!J4457</f>
        <v>1.0513895464505933</v>
      </c>
      <c r="K4431" s="59">
        <f>Bühler!K4457</f>
        <v>1.5770843196758901</v>
      </c>
      <c r="L4431" s="59">
        <f>Bühler!L4457</f>
        <v>7.5700047344442725</v>
      </c>
      <c r="M4431" s="58">
        <f>Bühler!M4457</f>
        <v>0</v>
      </c>
      <c r="N4431" s="56">
        <f>IF(Input!$D$19=1,J4431*Input!$C$19,0)+IF(Input!$D$20=1,K4431*Input!$C$20,0)+IF(Input!$D$21=1,L4431*Input!$C$21,0)+IF(Input!$D$22=1,M4431*Input!$C$22,0)</f>
        <v>0.31541686393517798</v>
      </c>
      <c r="O4431" s="59">
        <f>IF(Input!$D$19=2,J4431*Input!$C$19,0)+IF(Input!$D$20=2,K4431*Input!$C$20,0)+IF(Input!$D$21=2,L4431*Input!$C$21,0)+IF(Input!$D$22=2,M4431*Input!$C$22,0)</f>
        <v>0.78854215983794507</v>
      </c>
      <c r="P4431" s="59">
        <f>IF(Input!$D$19=3,J4431*Input!$C$19,0)+IF(Input!$D$20=3,K4431*Input!$C$20,0)+IF(Input!$D$21=3,L4431*Input!$C$21,0)+IF(Input!$D$22=3,M4431*Input!$C$22,0)</f>
        <v>0</v>
      </c>
      <c r="Q4431" s="75">
        <f>IF(Input!$D$19=4,J4431*Input!$C$19,0)+IF(Input!$D$20=4,K4431*Input!$C$20,0)+IF(Input!$D$21=4,L4431*Input!$C$21,0)+IF(Input!$D$22=4,M4431*Input!$C$22,0)</f>
        <v>0</v>
      </c>
      <c r="R4431" s="58">
        <v>68.54659053529231</v>
      </c>
      <c r="S4431" s="124">
        <f t="shared" si="69"/>
        <v>1.3668064103857713</v>
      </c>
    </row>
    <row r="4432" spans="8:19" x14ac:dyDescent="0.3">
      <c r="H4432" s="44">
        <v>4425</v>
      </c>
      <c r="I4432" s="56">
        <f>Bühler!I4458</f>
        <v>0.31541686393517798</v>
      </c>
      <c r="J4432" s="59">
        <f>Bühler!J4458</f>
        <v>1.0513895464505933</v>
      </c>
      <c r="K4432" s="59">
        <f>Bühler!K4458</f>
        <v>1.5770843196758901</v>
      </c>
      <c r="L4432" s="59">
        <f>Bühler!L4458</f>
        <v>7.5700047344442725</v>
      </c>
      <c r="M4432" s="58">
        <f>Bühler!M4458</f>
        <v>0</v>
      </c>
      <c r="N4432" s="56">
        <f>IF(Input!$D$19=1,J4432*Input!$C$19,0)+IF(Input!$D$20=1,K4432*Input!$C$20,0)+IF(Input!$D$21=1,L4432*Input!$C$21,0)+IF(Input!$D$22=1,M4432*Input!$C$22,0)</f>
        <v>0.31541686393517798</v>
      </c>
      <c r="O4432" s="59">
        <f>IF(Input!$D$19=2,J4432*Input!$C$19,0)+IF(Input!$D$20=2,K4432*Input!$C$20,0)+IF(Input!$D$21=2,L4432*Input!$C$21,0)+IF(Input!$D$22=2,M4432*Input!$C$22,0)</f>
        <v>0.78854215983794507</v>
      </c>
      <c r="P4432" s="59">
        <f>IF(Input!$D$19=3,J4432*Input!$C$19,0)+IF(Input!$D$20=3,K4432*Input!$C$20,0)+IF(Input!$D$21=3,L4432*Input!$C$21,0)+IF(Input!$D$22=3,M4432*Input!$C$22,0)</f>
        <v>0</v>
      </c>
      <c r="Q4432" s="75">
        <f>IF(Input!$D$19=4,J4432*Input!$C$19,0)+IF(Input!$D$20=4,K4432*Input!$C$20,0)+IF(Input!$D$21=4,L4432*Input!$C$21,0)+IF(Input!$D$22=4,M4432*Input!$C$22,0)</f>
        <v>0</v>
      </c>
      <c r="R4432" s="58">
        <v>70.206237011796162</v>
      </c>
      <c r="S4432" s="124">
        <f t="shared" si="69"/>
        <v>1.3668064103857713</v>
      </c>
    </row>
    <row r="4433" spans="8:19" x14ac:dyDescent="0.3">
      <c r="H4433" s="44">
        <v>4426</v>
      </c>
      <c r="I4433" s="56">
        <f>Bühler!I4459</f>
        <v>0.33895543587063898</v>
      </c>
      <c r="J4433" s="59">
        <f>Bühler!J4459</f>
        <v>1.1298514529021302</v>
      </c>
      <c r="K4433" s="59">
        <f>Bühler!K4459</f>
        <v>1.6947771793531949</v>
      </c>
      <c r="L4433" s="59">
        <f>Bühler!L4459</f>
        <v>8.1349304608953368</v>
      </c>
      <c r="M4433" s="58">
        <f>Bühler!M4459</f>
        <v>0</v>
      </c>
      <c r="N4433" s="56">
        <f>IF(Input!$D$19=1,J4433*Input!$C$19,0)+IF(Input!$D$20=1,K4433*Input!$C$20,0)+IF(Input!$D$21=1,L4433*Input!$C$21,0)+IF(Input!$D$22=1,M4433*Input!$C$22,0)</f>
        <v>0.33895543587063903</v>
      </c>
      <c r="O4433" s="59">
        <f>IF(Input!$D$19=2,J4433*Input!$C$19,0)+IF(Input!$D$20=2,K4433*Input!$C$20,0)+IF(Input!$D$21=2,L4433*Input!$C$21,0)+IF(Input!$D$22=2,M4433*Input!$C$22,0)</f>
        <v>0.84738858967659747</v>
      </c>
      <c r="P4433" s="59">
        <f>IF(Input!$D$19=3,J4433*Input!$C$19,0)+IF(Input!$D$20=3,K4433*Input!$C$20,0)+IF(Input!$D$21=3,L4433*Input!$C$21,0)+IF(Input!$D$22=3,M4433*Input!$C$22,0)</f>
        <v>0</v>
      </c>
      <c r="Q4433" s="75">
        <f>IF(Input!$D$19=4,J4433*Input!$C$19,0)+IF(Input!$D$20=4,K4433*Input!$C$20,0)+IF(Input!$D$21=4,L4433*Input!$C$21,0)+IF(Input!$D$22=4,M4433*Input!$C$22,0)</f>
        <v>0</v>
      </c>
      <c r="R4433" s="58">
        <v>71.084145445390561</v>
      </c>
      <c r="S4433" s="124">
        <f t="shared" si="69"/>
        <v>1.4688068887727692</v>
      </c>
    </row>
    <row r="4434" spans="8:19" x14ac:dyDescent="0.3">
      <c r="H4434" s="44">
        <v>4427</v>
      </c>
      <c r="I4434" s="56">
        <f>Bühler!I4460</f>
        <v>0.36720172219319225</v>
      </c>
      <c r="J4434" s="59">
        <f>Bühler!J4460</f>
        <v>1.2240057406439744</v>
      </c>
      <c r="K4434" s="59">
        <f>Bühler!K4460</f>
        <v>1.8360086109659612</v>
      </c>
      <c r="L4434" s="59">
        <f>Bühler!L4460</f>
        <v>8.812841332636614</v>
      </c>
      <c r="M4434" s="58">
        <f>Bühler!M4460</f>
        <v>0</v>
      </c>
      <c r="N4434" s="56">
        <f>IF(Input!$D$19=1,J4434*Input!$C$19,0)+IF(Input!$D$20=1,K4434*Input!$C$20,0)+IF(Input!$D$21=1,L4434*Input!$C$21,0)+IF(Input!$D$22=1,M4434*Input!$C$22,0)</f>
        <v>0.3672017221931923</v>
      </c>
      <c r="O4434" s="59">
        <f>IF(Input!$D$19=2,J4434*Input!$C$19,0)+IF(Input!$D$20=2,K4434*Input!$C$20,0)+IF(Input!$D$21=2,L4434*Input!$C$21,0)+IF(Input!$D$22=2,M4434*Input!$C$22,0)</f>
        <v>0.91800430548298062</v>
      </c>
      <c r="P4434" s="59">
        <f>IF(Input!$D$19=3,J4434*Input!$C$19,0)+IF(Input!$D$20=3,K4434*Input!$C$20,0)+IF(Input!$D$21=3,L4434*Input!$C$21,0)+IF(Input!$D$22=3,M4434*Input!$C$22,0)</f>
        <v>0</v>
      </c>
      <c r="Q4434" s="75">
        <f>IF(Input!$D$19=4,J4434*Input!$C$19,0)+IF(Input!$D$20=4,K4434*Input!$C$20,0)+IF(Input!$D$21=4,L4434*Input!$C$21,0)+IF(Input!$D$22=4,M4434*Input!$C$22,0)</f>
        <v>0</v>
      </c>
      <c r="R4434" s="58">
        <v>72.644178574284211</v>
      </c>
      <c r="S4434" s="124">
        <f t="shared" si="69"/>
        <v>1.5912074628371666</v>
      </c>
    </row>
    <row r="4435" spans="8:19" x14ac:dyDescent="0.3">
      <c r="H4435" s="44">
        <v>4428</v>
      </c>
      <c r="I4435" s="56">
        <f>Bühler!I4461</f>
        <v>0.42369429483829874</v>
      </c>
      <c r="J4435" s="59">
        <f>Bühler!J4461</f>
        <v>1.4123143161276626</v>
      </c>
      <c r="K4435" s="59">
        <f>Bühler!K4461</f>
        <v>2.1184714741914936</v>
      </c>
      <c r="L4435" s="59">
        <f>Bühler!L4461</f>
        <v>10.16866307611917</v>
      </c>
      <c r="M4435" s="58">
        <f>Bühler!M4461</f>
        <v>0</v>
      </c>
      <c r="N4435" s="56">
        <f>IF(Input!$D$19=1,J4435*Input!$C$19,0)+IF(Input!$D$20=1,K4435*Input!$C$20,0)+IF(Input!$D$21=1,L4435*Input!$C$21,0)+IF(Input!$D$22=1,M4435*Input!$C$22,0)</f>
        <v>0.42369429483829874</v>
      </c>
      <c r="O4435" s="59">
        <f>IF(Input!$D$19=2,J4435*Input!$C$19,0)+IF(Input!$D$20=2,K4435*Input!$C$20,0)+IF(Input!$D$21=2,L4435*Input!$C$21,0)+IF(Input!$D$22=2,M4435*Input!$C$22,0)</f>
        <v>1.0592357370957468</v>
      </c>
      <c r="P4435" s="59">
        <f>IF(Input!$D$19=3,J4435*Input!$C$19,0)+IF(Input!$D$20=3,K4435*Input!$C$20,0)+IF(Input!$D$21=3,L4435*Input!$C$21,0)+IF(Input!$D$22=3,M4435*Input!$C$22,0)</f>
        <v>0</v>
      </c>
      <c r="Q4435" s="75">
        <f>IF(Input!$D$19=4,J4435*Input!$C$19,0)+IF(Input!$D$20=4,K4435*Input!$C$20,0)+IF(Input!$D$21=4,L4435*Input!$C$21,0)+IF(Input!$D$22=4,M4435*Input!$C$22,0)</f>
        <v>0</v>
      </c>
      <c r="R4435" s="58">
        <v>73.66367772390619</v>
      </c>
      <c r="S4435" s="124">
        <f t="shared" si="69"/>
        <v>1.8360086109659612</v>
      </c>
    </row>
    <row r="4436" spans="8:19" x14ac:dyDescent="0.3">
      <c r="H4436" s="44">
        <v>4429</v>
      </c>
      <c r="I4436" s="56">
        <f>Bühler!I4462</f>
        <v>0.42369429483829874</v>
      </c>
      <c r="J4436" s="59">
        <f>Bühler!J4462</f>
        <v>1.4123143161276626</v>
      </c>
      <c r="K4436" s="59">
        <f>Bühler!K4462</f>
        <v>2.1184714741914936</v>
      </c>
      <c r="L4436" s="59">
        <f>Bühler!L4462</f>
        <v>10.16866307611917</v>
      </c>
      <c r="M4436" s="58">
        <f>Bühler!M4462</f>
        <v>0</v>
      </c>
      <c r="N4436" s="56">
        <f>IF(Input!$D$19=1,J4436*Input!$C$19,0)+IF(Input!$D$20=1,K4436*Input!$C$20,0)+IF(Input!$D$21=1,L4436*Input!$C$21,0)+IF(Input!$D$22=1,M4436*Input!$C$22,0)</f>
        <v>0.42369429483829874</v>
      </c>
      <c r="O4436" s="59">
        <f>IF(Input!$D$19=2,J4436*Input!$C$19,0)+IF(Input!$D$20=2,K4436*Input!$C$20,0)+IF(Input!$D$21=2,L4436*Input!$C$21,0)+IF(Input!$D$22=2,M4436*Input!$C$22,0)</f>
        <v>1.0592357370957468</v>
      </c>
      <c r="P4436" s="59">
        <f>IF(Input!$D$19=3,J4436*Input!$C$19,0)+IF(Input!$D$20=3,K4436*Input!$C$20,0)+IF(Input!$D$21=3,L4436*Input!$C$21,0)+IF(Input!$D$22=3,M4436*Input!$C$22,0)</f>
        <v>0</v>
      </c>
      <c r="Q4436" s="75">
        <f>IF(Input!$D$19=4,J4436*Input!$C$19,0)+IF(Input!$D$20=4,K4436*Input!$C$20,0)+IF(Input!$D$21=4,L4436*Input!$C$21,0)+IF(Input!$D$22=4,M4436*Input!$C$22,0)</f>
        <v>0</v>
      </c>
      <c r="R4436" s="58">
        <v>73.064990629537874</v>
      </c>
      <c r="S4436" s="124">
        <f t="shared" si="69"/>
        <v>1.8360086109659612</v>
      </c>
    </row>
    <row r="4437" spans="8:19" x14ac:dyDescent="0.3">
      <c r="H4437" s="44">
        <v>4430</v>
      </c>
      <c r="I4437" s="56">
        <f>Bühler!I4463</f>
        <v>0.42369429483829874</v>
      </c>
      <c r="J4437" s="59">
        <f>Bühler!J4463</f>
        <v>1.4123143161276626</v>
      </c>
      <c r="K4437" s="59">
        <f>Bühler!K4463</f>
        <v>2.1184714741914936</v>
      </c>
      <c r="L4437" s="59">
        <f>Bühler!L4463</f>
        <v>10.16866307611917</v>
      </c>
      <c r="M4437" s="58">
        <f>Bühler!M4463</f>
        <v>0</v>
      </c>
      <c r="N4437" s="56">
        <f>IF(Input!$D$19=1,J4437*Input!$C$19,0)+IF(Input!$D$20=1,K4437*Input!$C$20,0)+IF(Input!$D$21=1,L4437*Input!$C$21,0)+IF(Input!$D$22=1,M4437*Input!$C$22,0)</f>
        <v>0.42369429483829874</v>
      </c>
      <c r="O4437" s="59">
        <f>IF(Input!$D$19=2,J4437*Input!$C$19,0)+IF(Input!$D$20=2,K4437*Input!$C$20,0)+IF(Input!$D$21=2,L4437*Input!$C$21,0)+IF(Input!$D$22=2,M4437*Input!$C$22,0)</f>
        <v>1.0592357370957468</v>
      </c>
      <c r="P4437" s="59">
        <f>IF(Input!$D$19=3,J4437*Input!$C$19,0)+IF(Input!$D$20=3,K4437*Input!$C$20,0)+IF(Input!$D$21=3,L4437*Input!$C$21,0)+IF(Input!$D$22=3,M4437*Input!$C$22,0)</f>
        <v>0</v>
      </c>
      <c r="Q4437" s="75">
        <f>IF(Input!$D$19=4,J4437*Input!$C$19,0)+IF(Input!$D$20=4,K4437*Input!$C$20,0)+IF(Input!$D$21=4,L4437*Input!$C$21,0)+IF(Input!$D$22=4,M4437*Input!$C$22,0)</f>
        <v>0</v>
      </c>
      <c r="R4437" s="58">
        <v>72.709329793831657</v>
      </c>
      <c r="S4437" s="124">
        <f t="shared" si="69"/>
        <v>1.8360086109659612</v>
      </c>
    </row>
    <row r="4438" spans="8:19" x14ac:dyDescent="0.3">
      <c r="H4438" s="44">
        <v>4431</v>
      </c>
      <c r="I4438" s="56">
        <f>Bühler!I4464</f>
        <v>0.42369429483829874</v>
      </c>
      <c r="J4438" s="59">
        <f>Bühler!J4464</f>
        <v>1.4123143161276626</v>
      </c>
      <c r="K4438" s="59">
        <f>Bühler!K4464</f>
        <v>2.1184714741914936</v>
      </c>
      <c r="L4438" s="59">
        <f>Bühler!L4464</f>
        <v>10.16866307611917</v>
      </c>
      <c r="M4438" s="58">
        <f>Bühler!M4464</f>
        <v>0</v>
      </c>
      <c r="N4438" s="56">
        <f>IF(Input!$D$19=1,J4438*Input!$C$19,0)+IF(Input!$D$20=1,K4438*Input!$C$20,0)+IF(Input!$D$21=1,L4438*Input!$C$21,0)+IF(Input!$D$22=1,M4438*Input!$C$22,0)</f>
        <v>0.42369429483829874</v>
      </c>
      <c r="O4438" s="59">
        <f>IF(Input!$D$19=2,J4438*Input!$C$19,0)+IF(Input!$D$20=2,K4438*Input!$C$20,0)+IF(Input!$D$21=2,L4438*Input!$C$21,0)+IF(Input!$D$22=2,M4438*Input!$C$22,0)</f>
        <v>1.0592357370957468</v>
      </c>
      <c r="P4438" s="59">
        <f>IF(Input!$D$19=3,J4438*Input!$C$19,0)+IF(Input!$D$20=3,K4438*Input!$C$20,0)+IF(Input!$D$21=3,L4438*Input!$C$21,0)+IF(Input!$D$22=3,M4438*Input!$C$22,0)</f>
        <v>0</v>
      </c>
      <c r="Q4438" s="75">
        <f>IF(Input!$D$19=4,J4438*Input!$C$19,0)+IF(Input!$D$20=4,K4438*Input!$C$20,0)+IF(Input!$D$21=4,L4438*Input!$C$21,0)+IF(Input!$D$22=4,M4438*Input!$C$22,0)</f>
        <v>0</v>
      </c>
      <c r="R4438" s="58">
        <v>72.438040271212287</v>
      </c>
      <c r="S4438" s="124">
        <f t="shared" si="69"/>
        <v>1.8360086109659612</v>
      </c>
    </row>
    <row r="4439" spans="8:19" x14ac:dyDescent="0.3">
      <c r="H4439" s="44">
        <v>4432</v>
      </c>
      <c r="I4439" s="56">
        <f>Bühler!I4465</f>
        <v>0.42369429483829874</v>
      </c>
      <c r="J4439" s="59">
        <f>Bühler!J4465</f>
        <v>1.4123143161276626</v>
      </c>
      <c r="K4439" s="59">
        <f>Bühler!K4465</f>
        <v>2.1184714741914936</v>
      </c>
      <c r="L4439" s="59">
        <f>Bühler!L4465</f>
        <v>10.16866307611917</v>
      </c>
      <c r="M4439" s="58">
        <f>Bühler!M4465</f>
        <v>0</v>
      </c>
      <c r="N4439" s="56">
        <f>IF(Input!$D$19=1,J4439*Input!$C$19,0)+IF(Input!$D$20=1,K4439*Input!$C$20,0)+IF(Input!$D$21=1,L4439*Input!$C$21,0)+IF(Input!$D$22=1,M4439*Input!$C$22,0)</f>
        <v>0.42369429483829874</v>
      </c>
      <c r="O4439" s="59">
        <f>IF(Input!$D$19=2,J4439*Input!$C$19,0)+IF(Input!$D$20=2,K4439*Input!$C$20,0)+IF(Input!$D$21=2,L4439*Input!$C$21,0)+IF(Input!$D$22=2,M4439*Input!$C$22,0)</f>
        <v>1.0592357370957468</v>
      </c>
      <c r="P4439" s="59">
        <f>IF(Input!$D$19=3,J4439*Input!$C$19,0)+IF(Input!$D$20=3,K4439*Input!$C$20,0)+IF(Input!$D$21=3,L4439*Input!$C$21,0)+IF(Input!$D$22=3,M4439*Input!$C$22,0)</f>
        <v>0</v>
      </c>
      <c r="Q4439" s="75">
        <f>IF(Input!$D$19=4,J4439*Input!$C$19,0)+IF(Input!$D$20=4,K4439*Input!$C$20,0)+IF(Input!$D$21=4,L4439*Input!$C$21,0)+IF(Input!$D$22=4,M4439*Input!$C$22,0)</f>
        <v>0</v>
      </c>
      <c r="R4439" s="58">
        <v>71.686253411611347</v>
      </c>
      <c r="S4439" s="124">
        <f t="shared" si="69"/>
        <v>1.8360086109659612</v>
      </c>
    </row>
    <row r="4440" spans="8:19" x14ac:dyDescent="0.3">
      <c r="H4440" s="44">
        <v>4433</v>
      </c>
      <c r="I4440" s="56">
        <f>Bühler!I4466</f>
        <v>0.42369429483829874</v>
      </c>
      <c r="J4440" s="59">
        <f>Bühler!J4466</f>
        <v>1.4123143161276626</v>
      </c>
      <c r="K4440" s="59">
        <f>Bühler!K4466</f>
        <v>2.1184714741914936</v>
      </c>
      <c r="L4440" s="59">
        <f>Bühler!L4466</f>
        <v>10.16866307611917</v>
      </c>
      <c r="M4440" s="58">
        <f>Bühler!M4466</f>
        <v>0</v>
      </c>
      <c r="N4440" s="56">
        <f>IF(Input!$D$19=1,J4440*Input!$C$19,0)+IF(Input!$D$20=1,K4440*Input!$C$20,0)+IF(Input!$D$21=1,L4440*Input!$C$21,0)+IF(Input!$D$22=1,M4440*Input!$C$22,0)</f>
        <v>0.42369429483829874</v>
      </c>
      <c r="O4440" s="59">
        <f>IF(Input!$D$19=2,J4440*Input!$C$19,0)+IF(Input!$D$20=2,K4440*Input!$C$20,0)+IF(Input!$D$21=2,L4440*Input!$C$21,0)+IF(Input!$D$22=2,M4440*Input!$C$22,0)</f>
        <v>1.0592357370957468</v>
      </c>
      <c r="P4440" s="59">
        <f>IF(Input!$D$19=3,J4440*Input!$C$19,0)+IF(Input!$D$20=3,K4440*Input!$C$20,0)+IF(Input!$D$21=3,L4440*Input!$C$21,0)+IF(Input!$D$22=3,M4440*Input!$C$22,0)</f>
        <v>0</v>
      </c>
      <c r="Q4440" s="75">
        <f>IF(Input!$D$19=4,J4440*Input!$C$19,0)+IF(Input!$D$20=4,K4440*Input!$C$20,0)+IF(Input!$D$21=4,L4440*Input!$C$21,0)+IF(Input!$D$22=4,M4440*Input!$C$22,0)</f>
        <v>0</v>
      </c>
      <c r="R4440" s="58">
        <v>70.306077113869819</v>
      </c>
      <c r="S4440" s="124">
        <f t="shared" si="69"/>
        <v>1.8360086109659612</v>
      </c>
    </row>
    <row r="4441" spans="8:19" x14ac:dyDescent="0.3">
      <c r="H4441" s="44">
        <v>4434</v>
      </c>
      <c r="I4441" s="56">
        <f>Bühler!I4467</f>
        <v>0.42369429483829874</v>
      </c>
      <c r="J4441" s="59">
        <f>Bühler!J4467</f>
        <v>1.4123143161276626</v>
      </c>
      <c r="K4441" s="59">
        <f>Bühler!K4467</f>
        <v>2.1184714741914936</v>
      </c>
      <c r="L4441" s="59">
        <f>Bühler!L4467</f>
        <v>10.16866307611917</v>
      </c>
      <c r="M4441" s="58">
        <f>Bühler!M4467</f>
        <v>0</v>
      </c>
      <c r="N4441" s="56">
        <f>IF(Input!$D$19=1,J4441*Input!$C$19,0)+IF(Input!$D$20=1,K4441*Input!$C$20,0)+IF(Input!$D$21=1,L4441*Input!$C$21,0)+IF(Input!$D$22=1,M4441*Input!$C$22,0)</f>
        <v>0.42369429483829874</v>
      </c>
      <c r="O4441" s="59">
        <f>IF(Input!$D$19=2,J4441*Input!$C$19,0)+IF(Input!$D$20=2,K4441*Input!$C$20,0)+IF(Input!$D$21=2,L4441*Input!$C$21,0)+IF(Input!$D$22=2,M4441*Input!$C$22,0)</f>
        <v>1.0592357370957468</v>
      </c>
      <c r="P4441" s="59">
        <f>IF(Input!$D$19=3,J4441*Input!$C$19,0)+IF(Input!$D$20=3,K4441*Input!$C$20,0)+IF(Input!$D$21=3,L4441*Input!$C$21,0)+IF(Input!$D$22=3,M4441*Input!$C$22,0)</f>
        <v>0</v>
      </c>
      <c r="Q4441" s="75">
        <f>IF(Input!$D$19=4,J4441*Input!$C$19,0)+IF(Input!$D$20=4,K4441*Input!$C$20,0)+IF(Input!$D$21=4,L4441*Input!$C$21,0)+IF(Input!$D$22=4,M4441*Input!$C$22,0)</f>
        <v>0</v>
      </c>
      <c r="R4441" s="58">
        <v>68.680443493069873</v>
      </c>
      <c r="S4441" s="124">
        <f t="shared" si="69"/>
        <v>1.8360086109659612</v>
      </c>
    </row>
    <row r="4442" spans="8:19" x14ac:dyDescent="0.3">
      <c r="H4442" s="44">
        <v>4435</v>
      </c>
      <c r="I4442" s="56">
        <f>Bühler!I4468</f>
        <v>0.42369429483829874</v>
      </c>
      <c r="J4442" s="59">
        <f>Bühler!J4468</f>
        <v>1.4123143161276626</v>
      </c>
      <c r="K4442" s="59">
        <f>Bühler!K4468</f>
        <v>2.1184714741914936</v>
      </c>
      <c r="L4442" s="59">
        <f>Bühler!L4468</f>
        <v>10.16866307611917</v>
      </c>
      <c r="M4442" s="58">
        <f>Bühler!M4468</f>
        <v>0</v>
      </c>
      <c r="N4442" s="56">
        <f>IF(Input!$D$19=1,J4442*Input!$C$19,0)+IF(Input!$D$20=1,K4442*Input!$C$20,0)+IF(Input!$D$21=1,L4442*Input!$C$21,0)+IF(Input!$D$22=1,M4442*Input!$C$22,0)</f>
        <v>0.42369429483829874</v>
      </c>
      <c r="O4442" s="59">
        <f>IF(Input!$D$19=2,J4442*Input!$C$19,0)+IF(Input!$D$20=2,K4442*Input!$C$20,0)+IF(Input!$D$21=2,L4442*Input!$C$21,0)+IF(Input!$D$22=2,M4442*Input!$C$22,0)</f>
        <v>1.0592357370957468</v>
      </c>
      <c r="P4442" s="59">
        <f>IF(Input!$D$19=3,J4442*Input!$C$19,0)+IF(Input!$D$20=3,K4442*Input!$C$20,0)+IF(Input!$D$21=3,L4442*Input!$C$21,0)+IF(Input!$D$22=3,M4442*Input!$C$22,0)</f>
        <v>0</v>
      </c>
      <c r="Q4442" s="75">
        <f>IF(Input!$D$19=4,J4442*Input!$C$19,0)+IF(Input!$D$20=4,K4442*Input!$C$20,0)+IF(Input!$D$21=4,L4442*Input!$C$21,0)+IF(Input!$D$22=4,M4442*Input!$C$22,0)</f>
        <v>0</v>
      </c>
      <c r="R4442" s="58">
        <v>67.554730265786191</v>
      </c>
      <c r="S4442" s="124">
        <f t="shared" si="69"/>
        <v>1.8360086109659612</v>
      </c>
    </row>
    <row r="4443" spans="8:19" x14ac:dyDescent="0.3">
      <c r="H4443" s="44">
        <v>4436</v>
      </c>
      <c r="I4443" s="56">
        <f>Bühler!I4469</f>
        <v>0.35307857903191564</v>
      </c>
      <c r="J4443" s="59">
        <f>Bühler!J4469</f>
        <v>1.1769285967730523</v>
      </c>
      <c r="K4443" s="59">
        <f>Bühler!K4469</f>
        <v>1.7653928951595781</v>
      </c>
      <c r="L4443" s="59">
        <f>Bühler!L4469</f>
        <v>8.4738858967659745</v>
      </c>
      <c r="M4443" s="58">
        <f>Bühler!M4469</f>
        <v>0</v>
      </c>
      <c r="N4443" s="56">
        <f>IF(Input!$D$19=1,J4443*Input!$C$19,0)+IF(Input!$D$20=1,K4443*Input!$C$20,0)+IF(Input!$D$21=1,L4443*Input!$C$21,0)+IF(Input!$D$22=1,M4443*Input!$C$22,0)</f>
        <v>0.3530785790319157</v>
      </c>
      <c r="O4443" s="59">
        <f>IF(Input!$D$19=2,J4443*Input!$C$19,0)+IF(Input!$D$20=2,K4443*Input!$C$20,0)+IF(Input!$D$21=2,L4443*Input!$C$21,0)+IF(Input!$D$22=2,M4443*Input!$C$22,0)</f>
        <v>0.88269644757978905</v>
      </c>
      <c r="P4443" s="59">
        <f>IF(Input!$D$19=3,J4443*Input!$C$19,0)+IF(Input!$D$20=3,K4443*Input!$C$20,0)+IF(Input!$D$21=3,L4443*Input!$C$21,0)+IF(Input!$D$22=3,M4443*Input!$C$22,0)</f>
        <v>0</v>
      </c>
      <c r="Q4443" s="75">
        <f>IF(Input!$D$19=4,J4443*Input!$C$19,0)+IF(Input!$D$20=4,K4443*Input!$C$20,0)+IF(Input!$D$21=4,L4443*Input!$C$21,0)+IF(Input!$D$22=4,M4443*Input!$C$22,0)</f>
        <v>0</v>
      </c>
      <c r="R4443" s="58">
        <v>66.367363517832331</v>
      </c>
      <c r="S4443" s="124">
        <f t="shared" si="69"/>
        <v>1.5300071758049678</v>
      </c>
    </row>
    <row r="4444" spans="8:19" x14ac:dyDescent="0.3">
      <c r="H4444" s="44">
        <v>4437</v>
      </c>
      <c r="I4444" s="56">
        <f>Bühler!I4470</f>
        <v>0.28246286322553255</v>
      </c>
      <c r="J4444" s="59">
        <f>Bühler!J4470</f>
        <v>0.94154287741844189</v>
      </c>
      <c r="K4444" s="59">
        <f>Bühler!K4470</f>
        <v>1.4123143161276628</v>
      </c>
      <c r="L4444" s="59">
        <f>Bühler!L4470</f>
        <v>6.7791087174127806</v>
      </c>
      <c r="M4444" s="58">
        <f>Bühler!M4470</f>
        <v>0</v>
      </c>
      <c r="N4444" s="56">
        <f>IF(Input!$D$19=1,J4444*Input!$C$19,0)+IF(Input!$D$20=1,K4444*Input!$C$20,0)+IF(Input!$D$21=1,L4444*Input!$C$21,0)+IF(Input!$D$22=1,M4444*Input!$C$22,0)</f>
        <v>0.28246286322553255</v>
      </c>
      <c r="O4444" s="59">
        <f>IF(Input!$D$19=2,J4444*Input!$C$19,0)+IF(Input!$D$20=2,K4444*Input!$C$20,0)+IF(Input!$D$21=2,L4444*Input!$C$21,0)+IF(Input!$D$22=2,M4444*Input!$C$22,0)</f>
        <v>0.70615715806383139</v>
      </c>
      <c r="P4444" s="59">
        <f>IF(Input!$D$19=3,J4444*Input!$C$19,0)+IF(Input!$D$20=3,K4444*Input!$C$20,0)+IF(Input!$D$21=3,L4444*Input!$C$21,0)+IF(Input!$D$22=3,M4444*Input!$C$22,0)</f>
        <v>0</v>
      </c>
      <c r="Q4444" s="75">
        <f>IF(Input!$D$19=4,J4444*Input!$C$19,0)+IF(Input!$D$20=4,K4444*Input!$C$20,0)+IF(Input!$D$21=4,L4444*Input!$C$21,0)+IF(Input!$D$22=4,M4444*Input!$C$22,0)</f>
        <v>0</v>
      </c>
      <c r="R4444" s="58">
        <v>64.669245021147475</v>
      </c>
      <c r="S4444" s="124">
        <f t="shared" si="69"/>
        <v>1.2240057406439744</v>
      </c>
    </row>
    <row r="4445" spans="8:19" x14ac:dyDescent="0.3">
      <c r="H4445" s="44">
        <v>4438</v>
      </c>
      <c r="I4445" s="56">
        <f>Bühler!I4471</f>
        <v>0.21184714741914937</v>
      </c>
      <c r="J4445" s="59">
        <f>Bühler!J4471</f>
        <v>0.70615715806383128</v>
      </c>
      <c r="K4445" s="59">
        <f>Bühler!K4471</f>
        <v>1.0592357370957468</v>
      </c>
      <c r="L4445" s="59">
        <f>Bühler!L4471</f>
        <v>5.084331538059585</v>
      </c>
      <c r="M4445" s="58">
        <f>Bühler!M4471</f>
        <v>0</v>
      </c>
      <c r="N4445" s="56">
        <f>IF(Input!$D$19=1,J4445*Input!$C$19,0)+IF(Input!$D$20=1,K4445*Input!$C$20,0)+IF(Input!$D$21=1,L4445*Input!$C$21,0)+IF(Input!$D$22=1,M4445*Input!$C$22,0)</f>
        <v>0.21184714741914937</v>
      </c>
      <c r="O4445" s="59">
        <f>IF(Input!$D$19=2,J4445*Input!$C$19,0)+IF(Input!$D$20=2,K4445*Input!$C$20,0)+IF(Input!$D$21=2,L4445*Input!$C$21,0)+IF(Input!$D$22=2,M4445*Input!$C$22,0)</f>
        <v>0.5296178685478734</v>
      </c>
      <c r="P4445" s="59">
        <f>IF(Input!$D$19=3,J4445*Input!$C$19,0)+IF(Input!$D$20=3,K4445*Input!$C$20,0)+IF(Input!$D$21=3,L4445*Input!$C$21,0)+IF(Input!$D$22=3,M4445*Input!$C$22,0)</f>
        <v>0</v>
      </c>
      <c r="Q4445" s="75">
        <f>IF(Input!$D$19=4,J4445*Input!$C$19,0)+IF(Input!$D$20=4,K4445*Input!$C$20,0)+IF(Input!$D$21=4,L4445*Input!$C$21,0)+IF(Input!$D$22=4,M4445*Input!$C$22,0)</f>
        <v>0</v>
      </c>
      <c r="R4445" s="58">
        <v>62.17643988180334</v>
      </c>
      <c r="S4445" s="124">
        <f t="shared" si="69"/>
        <v>0.91800430548298062</v>
      </c>
    </row>
    <row r="4446" spans="8:19" x14ac:dyDescent="0.3">
      <c r="H4446" s="44">
        <v>4439</v>
      </c>
      <c r="I4446" s="56">
        <f>Bühler!I4472</f>
        <v>0.21184714741914937</v>
      </c>
      <c r="J4446" s="59">
        <f>Bühler!J4472</f>
        <v>0.70615715806383128</v>
      </c>
      <c r="K4446" s="59">
        <f>Bühler!K4472</f>
        <v>1.0592357370957468</v>
      </c>
      <c r="L4446" s="59">
        <f>Bühler!L4472</f>
        <v>5.084331538059585</v>
      </c>
      <c r="M4446" s="58">
        <f>Bühler!M4472</f>
        <v>0</v>
      </c>
      <c r="N4446" s="56">
        <f>IF(Input!$D$19=1,J4446*Input!$C$19,0)+IF(Input!$D$20=1,K4446*Input!$C$20,0)+IF(Input!$D$21=1,L4446*Input!$C$21,0)+IF(Input!$D$22=1,M4446*Input!$C$22,0)</f>
        <v>0.21184714741914937</v>
      </c>
      <c r="O4446" s="59">
        <f>IF(Input!$D$19=2,J4446*Input!$C$19,0)+IF(Input!$D$20=2,K4446*Input!$C$20,0)+IF(Input!$D$21=2,L4446*Input!$C$21,0)+IF(Input!$D$22=2,M4446*Input!$C$22,0)</f>
        <v>0.5296178685478734</v>
      </c>
      <c r="P4446" s="59">
        <f>IF(Input!$D$19=3,J4446*Input!$C$19,0)+IF(Input!$D$20=3,K4446*Input!$C$20,0)+IF(Input!$D$21=3,L4446*Input!$C$21,0)+IF(Input!$D$22=3,M4446*Input!$C$22,0)</f>
        <v>0</v>
      </c>
      <c r="Q4446" s="75">
        <f>IF(Input!$D$19=4,J4446*Input!$C$19,0)+IF(Input!$D$20=4,K4446*Input!$C$20,0)+IF(Input!$D$21=4,L4446*Input!$C$21,0)+IF(Input!$D$22=4,M4446*Input!$C$22,0)</f>
        <v>0</v>
      </c>
      <c r="R4446" s="58">
        <v>61.833795313254534</v>
      </c>
      <c r="S4446" s="124">
        <f t="shared" si="69"/>
        <v>0.91800430548298062</v>
      </c>
    </row>
    <row r="4447" spans="8:19" x14ac:dyDescent="0.3">
      <c r="H4447" s="44">
        <v>4440</v>
      </c>
      <c r="I4447" s="56">
        <f>Bühler!I4473</f>
        <v>0.21184714741914937</v>
      </c>
      <c r="J4447" s="59">
        <f>Bühler!J4473</f>
        <v>0.70615715806383128</v>
      </c>
      <c r="K4447" s="59">
        <f>Bühler!K4473</f>
        <v>1.0592357370957468</v>
      </c>
      <c r="L4447" s="59">
        <f>Bühler!L4473</f>
        <v>5.084331538059585</v>
      </c>
      <c r="M4447" s="58">
        <f>Bühler!M4473</f>
        <v>0</v>
      </c>
      <c r="N4447" s="56">
        <f>IF(Input!$D$19=1,J4447*Input!$C$19,0)+IF(Input!$D$20=1,K4447*Input!$C$20,0)+IF(Input!$D$21=1,L4447*Input!$C$21,0)+IF(Input!$D$22=1,M4447*Input!$C$22,0)</f>
        <v>0.21184714741914937</v>
      </c>
      <c r="O4447" s="59">
        <f>IF(Input!$D$19=2,J4447*Input!$C$19,0)+IF(Input!$D$20=2,K4447*Input!$C$20,0)+IF(Input!$D$21=2,L4447*Input!$C$21,0)+IF(Input!$D$22=2,M4447*Input!$C$22,0)</f>
        <v>0.5296178685478734</v>
      </c>
      <c r="P4447" s="59">
        <f>IF(Input!$D$19=3,J4447*Input!$C$19,0)+IF(Input!$D$20=3,K4447*Input!$C$20,0)+IF(Input!$D$21=3,L4447*Input!$C$21,0)+IF(Input!$D$22=3,M4447*Input!$C$22,0)</f>
        <v>0</v>
      </c>
      <c r="Q4447" s="75">
        <f>IF(Input!$D$19=4,J4447*Input!$C$19,0)+IF(Input!$D$20=4,K4447*Input!$C$20,0)+IF(Input!$D$21=4,L4447*Input!$C$21,0)+IF(Input!$D$22=4,M4447*Input!$C$22,0)</f>
        <v>0</v>
      </c>
      <c r="R4447" s="58">
        <v>61.453397626985591</v>
      </c>
      <c r="S4447" s="124">
        <f t="shared" si="69"/>
        <v>0.91800430548298062</v>
      </c>
    </row>
    <row r="4448" spans="8:19" x14ac:dyDescent="0.3">
      <c r="H4448" s="44">
        <v>4441</v>
      </c>
      <c r="I4448" s="56">
        <f>Bühler!I4474</f>
        <v>0.20624501620258545</v>
      </c>
      <c r="J4448" s="59">
        <f>Bühler!J4474</f>
        <v>0.68748338734195158</v>
      </c>
      <c r="K4448" s="59">
        <f>Bühler!K4474</f>
        <v>1.0312250810129273</v>
      </c>
      <c r="L4448" s="59">
        <f>Bühler!L4474</f>
        <v>4.9498803888620504</v>
      </c>
      <c r="M4448" s="58">
        <f>Bühler!M4474</f>
        <v>0</v>
      </c>
      <c r="N4448" s="56">
        <f>IF(Input!$D$19=1,J4448*Input!$C$19,0)+IF(Input!$D$20=1,K4448*Input!$C$20,0)+IF(Input!$D$21=1,L4448*Input!$C$21,0)+IF(Input!$D$22=1,M4448*Input!$C$22,0)</f>
        <v>0.20624501620258548</v>
      </c>
      <c r="O4448" s="59">
        <f>IF(Input!$D$19=2,J4448*Input!$C$19,0)+IF(Input!$D$20=2,K4448*Input!$C$20,0)+IF(Input!$D$21=2,L4448*Input!$C$21,0)+IF(Input!$D$22=2,M4448*Input!$C$22,0)</f>
        <v>0.51561254050646366</v>
      </c>
      <c r="P4448" s="59">
        <f>IF(Input!$D$19=3,J4448*Input!$C$19,0)+IF(Input!$D$20=3,K4448*Input!$C$20,0)+IF(Input!$D$21=3,L4448*Input!$C$21,0)+IF(Input!$D$22=3,M4448*Input!$C$22,0)</f>
        <v>0</v>
      </c>
      <c r="Q4448" s="75">
        <f>IF(Input!$D$19=4,J4448*Input!$C$19,0)+IF(Input!$D$20=4,K4448*Input!$C$20,0)+IF(Input!$D$21=4,L4448*Input!$C$21,0)+IF(Input!$D$22=4,M4448*Input!$C$22,0)</f>
        <v>0</v>
      </c>
      <c r="R4448" s="58">
        <v>60.393516627962015</v>
      </c>
      <c r="S4448" s="124">
        <f t="shared" si="69"/>
        <v>0.89372840354453698</v>
      </c>
    </row>
    <row r="4449" spans="8:19" x14ac:dyDescent="0.3">
      <c r="H4449" s="44">
        <v>4442</v>
      </c>
      <c r="I4449" s="56">
        <f>Bühler!I4475</f>
        <v>0.20624501620258545</v>
      </c>
      <c r="J4449" s="59">
        <f>Bühler!J4475</f>
        <v>0.68748338734195158</v>
      </c>
      <c r="K4449" s="59">
        <f>Bühler!K4475</f>
        <v>1.0312250810129273</v>
      </c>
      <c r="L4449" s="59">
        <f>Bühler!L4475</f>
        <v>4.9498803888620504</v>
      </c>
      <c r="M4449" s="58">
        <f>Bühler!M4475</f>
        <v>0</v>
      </c>
      <c r="N4449" s="56">
        <f>IF(Input!$D$19=1,J4449*Input!$C$19,0)+IF(Input!$D$20=1,K4449*Input!$C$20,0)+IF(Input!$D$21=1,L4449*Input!$C$21,0)+IF(Input!$D$22=1,M4449*Input!$C$22,0)</f>
        <v>0.20624501620258548</v>
      </c>
      <c r="O4449" s="59">
        <f>IF(Input!$D$19=2,J4449*Input!$C$19,0)+IF(Input!$D$20=2,K4449*Input!$C$20,0)+IF(Input!$D$21=2,L4449*Input!$C$21,0)+IF(Input!$D$22=2,M4449*Input!$C$22,0)</f>
        <v>0.51561254050646366</v>
      </c>
      <c r="P4449" s="59">
        <f>IF(Input!$D$19=3,J4449*Input!$C$19,0)+IF(Input!$D$20=3,K4449*Input!$C$20,0)+IF(Input!$D$21=3,L4449*Input!$C$21,0)+IF(Input!$D$22=3,M4449*Input!$C$22,0)</f>
        <v>0</v>
      </c>
      <c r="Q4449" s="75">
        <f>IF(Input!$D$19=4,J4449*Input!$C$19,0)+IF(Input!$D$20=4,K4449*Input!$C$20,0)+IF(Input!$D$21=4,L4449*Input!$C$21,0)+IF(Input!$D$22=4,M4449*Input!$C$22,0)</f>
        <v>0</v>
      </c>
      <c r="R4449" s="58">
        <v>59.687926229061752</v>
      </c>
      <c r="S4449" s="124">
        <f t="shared" si="69"/>
        <v>0.89372840354453698</v>
      </c>
    </row>
    <row r="4450" spans="8:19" x14ac:dyDescent="0.3">
      <c r="H4450" s="44">
        <v>4443</v>
      </c>
      <c r="I4450" s="56">
        <f>Bühler!I4476</f>
        <v>0.20624501620258545</v>
      </c>
      <c r="J4450" s="59">
        <f>Bühler!J4476</f>
        <v>0.68748338734195158</v>
      </c>
      <c r="K4450" s="59">
        <f>Bühler!K4476</f>
        <v>1.0312250810129273</v>
      </c>
      <c r="L4450" s="59">
        <f>Bühler!L4476</f>
        <v>4.9498803888620504</v>
      </c>
      <c r="M4450" s="58">
        <f>Bühler!M4476</f>
        <v>0</v>
      </c>
      <c r="N4450" s="56">
        <f>IF(Input!$D$19=1,J4450*Input!$C$19,0)+IF(Input!$D$20=1,K4450*Input!$C$20,0)+IF(Input!$D$21=1,L4450*Input!$C$21,0)+IF(Input!$D$22=1,M4450*Input!$C$22,0)</f>
        <v>0.20624501620258548</v>
      </c>
      <c r="O4450" s="59">
        <f>IF(Input!$D$19=2,J4450*Input!$C$19,0)+IF(Input!$D$20=2,K4450*Input!$C$20,0)+IF(Input!$D$21=2,L4450*Input!$C$21,0)+IF(Input!$D$22=2,M4450*Input!$C$22,0)</f>
        <v>0.51561254050646366</v>
      </c>
      <c r="P4450" s="59">
        <f>IF(Input!$D$19=3,J4450*Input!$C$19,0)+IF(Input!$D$20=3,K4450*Input!$C$20,0)+IF(Input!$D$21=3,L4450*Input!$C$21,0)+IF(Input!$D$22=3,M4450*Input!$C$22,0)</f>
        <v>0</v>
      </c>
      <c r="Q4450" s="75">
        <f>IF(Input!$D$19=4,J4450*Input!$C$19,0)+IF(Input!$D$20=4,K4450*Input!$C$20,0)+IF(Input!$D$21=4,L4450*Input!$C$21,0)+IF(Input!$D$22=4,M4450*Input!$C$22,0)</f>
        <v>0</v>
      </c>
      <c r="R4450" s="58">
        <v>59.369023368681908</v>
      </c>
      <c r="S4450" s="124">
        <f t="shared" si="69"/>
        <v>0.89372840354453698</v>
      </c>
    </row>
    <row r="4451" spans="8:19" x14ac:dyDescent="0.3">
      <c r="H4451" s="44">
        <v>4444</v>
      </c>
      <c r="I4451" s="56">
        <f>Bühler!I4477</f>
        <v>0.20624501620258545</v>
      </c>
      <c r="J4451" s="59">
        <f>Bühler!J4477</f>
        <v>0.68748338734195158</v>
      </c>
      <c r="K4451" s="59">
        <f>Bühler!K4477</f>
        <v>1.0312250810129273</v>
      </c>
      <c r="L4451" s="59">
        <f>Bühler!L4477</f>
        <v>4.9498803888620504</v>
      </c>
      <c r="M4451" s="58">
        <f>Bühler!M4477</f>
        <v>0</v>
      </c>
      <c r="N4451" s="56">
        <f>IF(Input!$D$19=1,J4451*Input!$C$19,0)+IF(Input!$D$20=1,K4451*Input!$C$20,0)+IF(Input!$D$21=1,L4451*Input!$C$21,0)+IF(Input!$D$22=1,M4451*Input!$C$22,0)</f>
        <v>0.20624501620258548</v>
      </c>
      <c r="O4451" s="59">
        <f>IF(Input!$D$19=2,J4451*Input!$C$19,0)+IF(Input!$D$20=2,K4451*Input!$C$20,0)+IF(Input!$D$21=2,L4451*Input!$C$21,0)+IF(Input!$D$22=2,M4451*Input!$C$22,0)</f>
        <v>0.51561254050646366</v>
      </c>
      <c r="P4451" s="59">
        <f>IF(Input!$D$19=3,J4451*Input!$C$19,0)+IF(Input!$D$20=3,K4451*Input!$C$20,0)+IF(Input!$D$21=3,L4451*Input!$C$21,0)+IF(Input!$D$22=3,M4451*Input!$C$22,0)</f>
        <v>0</v>
      </c>
      <c r="Q4451" s="75">
        <f>IF(Input!$D$19=4,J4451*Input!$C$19,0)+IF(Input!$D$20=4,K4451*Input!$C$20,0)+IF(Input!$D$21=4,L4451*Input!$C$21,0)+IF(Input!$D$22=4,M4451*Input!$C$22,0)</f>
        <v>0</v>
      </c>
      <c r="R4451" s="58">
        <v>59.58337102280035</v>
      </c>
      <c r="S4451" s="124">
        <f t="shared" si="69"/>
        <v>0.89372840354453698</v>
      </c>
    </row>
    <row r="4452" spans="8:19" x14ac:dyDescent="0.3">
      <c r="H4452" s="44">
        <v>4445</v>
      </c>
      <c r="I4452" s="56">
        <f>Bühler!I4478</f>
        <v>0.20624501620258545</v>
      </c>
      <c r="J4452" s="59">
        <f>Bühler!J4478</f>
        <v>0.68748338734195158</v>
      </c>
      <c r="K4452" s="59">
        <f>Bühler!K4478</f>
        <v>1.0312250810129273</v>
      </c>
      <c r="L4452" s="59">
        <f>Bühler!L4478</f>
        <v>4.9498803888620504</v>
      </c>
      <c r="M4452" s="58">
        <f>Bühler!M4478</f>
        <v>0</v>
      </c>
      <c r="N4452" s="56">
        <f>IF(Input!$D$19=1,J4452*Input!$C$19,0)+IF(Input!$D$20=1,K4452*Input!$C$20,0)+IF(Input!$D$21=1,L4452*Input!$C$21,0)+IF(Input!$D$22=1,M4452*Input!$C$22,0)</f>
        <v>0.20624501620258548</v>
      </c>
      <c r="O4452" s="59">
        <f>IF(Input!$D$19=2,J4452*Input!$C$19,0)+IF(Input!$D$20=2,K4452*Input!$C$20,0)+IF(Input!$D$21=2,L4452*Input!$C$21,0)+IF(Input!$D$22=2,M4452*Input!$C$22,0)</f>
        <v>0.51561254050646366</v>
      </c>
      <c r="P4452" s="59">
        <f>IF(Input!$D$19=3,J4452*Input!$C$19,0)+IF(Input!$D$20=3,K4452*Input!$C$20,0)+IF(Input!$D$21=3,L4452*Input!$C$21,0)+IF(Input!$D$22=3,M4452*Input!$C$22,0)</f>
        <v>0</v>
      </c>
      <c r="Q4452" s="75">
        <f>IF(Input!$D$19=4,J4452*Input!$C$19,0)+IF(Input!$D$20=4,K4452*Input!$C$20,0)+IF(Input!$D$21=4,L4452*Input!$C$21,0)+IF(Input!$D$22=4,M4452*Input!$C$22,0)</f>
        <v>0</v>
      </c>
      <c r="R4452" s="58">
        <v>60.631902687314472</v>
      </c>
      <c r="S4452" s="124">
        <f t="shared" si="69"/>
        <v>0.89372840354453698</v>
      </c>
    </row>
    <row r="4453" spans="8:19" x14ac:dyDescent="0.3">
      <c r="H4453" s="44">
        <v>4446</v>
      </c>
      <c r="I4453" s="56">
        <f>Bühler!I4479</f>
        <v>0.26582690977222123</v>
      </c>
      <c r="J4453" s="59">
        <f>Bühler!J4479</f>
        <v>0.88608969924073744</v>
      </c>
      <c r="K4453" s="59">
        <f>Bühler!K4479</f>
        <v>1.3291345488611062</v>
      </c>
      <c r="L4453" s="59">
        <f>Bühler!L4479</f>
        <v>6.3798458345333096</v>
      </c>
      <c r="M4453" s="58">
        <f>Bühler!M4479</f>
        <v>0</v>
      </c>
      <c r="N4453" s="56">
        <f>IF(Input!$D$19=1,J4453*Input!$C$19,0)+IF(Input!$D$20=1,K4453*Input!$C$20,0)+IF(Input!$D$21=1,L4453*Input!$C$21,0)+IF(Input!$D$22=1,M4453*Input!$C$22,0)</f>
        <v>0.26582690977222123</v>
      </c>
      <c r="O4453" s="59">
        <f>IF(Input!$D$19=2,J4453*Input!$C$19,0)+IF(Input!$D$20=2,K4453*Input!$C$20,0)+IF(Input!$D$21=2,L4453*Input!$C$21,0)+IF(Input!$D$22=2,M4453*Input!$C$22,0)</f>
        <v>0.66456727443055308</v>
      </c>
      <c r="P4453" s="59">
        <f>IF(Input!$D$19=3,J4453*Input!$C$19,0)+IF(Input!$D$20=3,K4453*Input!$C$20,0)+IF(Input!$D$21=3,L4453*Input!$C$21,0)+IF(Input!$D$22=3,M4453*Input!$C$22,0)</f>
        <v>0</v>
      </c>
      <c r="Q4453" s="75">
        <f>IF(Input!$D$19=4,J4453*Input!$C$19,0)+IF(Input!$D$20=4,K4453*Input!$C$20,0)+IF(Input!$D$21=4,L4453*Input!$C$21,0)+IF(Input!$D$22=4,M4453*Input!$C$22,0)</f>
        <v>0</v>
      </c>
      <c r="R4453" s="58">
        <v>64.146809778596023</v>
      </c>
      <c r="S4453" s="124">
        <f t="shared" si="69"/>
        <v>1.1519166090129587</v>
      </c>
    </row>
    <row r="4454" spans="8:19" x14ac:dyDescent="0.3">
      <c r="H4454" s="44">
        <v>4447</v>
      </c>
      <c r="I4454" s="56">
        <f>Bühler!I4480</f>
        <v>0.30707591301273834</v>
      </c>
      <c r="J4454" s="59">
        <f>Bühler!J4480</f>
        <v>1.0235863767091278</v>
      </c>
      <c r="K4454" s="59">
        <f>Bühler!K4480</f>
        <v>1.5353795650636917</v>
      </c>
      <c r="L4454" s="59">
        <f>Bühler!L4480</f>
        <v>7.3698219123057198</v>
      </c>
      <c r="M4454" s="58">
        <f>Bühler!M4480</f>
        <v>0</v>
      </c>
      <c r="N4454" s="56">
        <f>IF(Input!$D$19=1,J4454*Input!$C$19,0)+IF(Input!$D$20=1,K4454*Input!$C$20,0)+IF(Input!$D$21=1,L4454*Input!$C$21,0)+IF(Input!$D$22=1,M4454*Input!$C$22,0)</f>
        <v>0.30707591301273834</v>
      </c>
      <c r="O4454" s="59">
        <f>IF(Input!$D$19=2,J4454*Input!$C$19,0)+IF(Input!$D$20=2,K4454*Input!$C$20,0)+IF(Input!$D$21=2,L4454*Input!$C$21,0)+IF(Input!$D$22=2,M4454*Input!$C$22,0)</f>
        <v>0.76768978253184583</v>
      </c>
      <c r="P4454" s="59">
        <f>IF(Input!$D$19=3,J4454*Input!$C$19,0)+IF(Input!$D$20=3,K4454*Input!$C$20,0)+IF(Input!$D$21=3,L4454*Input!$C$21,0)+IF(Input!$D$22=3,M4454*Input!$C$22,0)</f>
        <v>0</v>
      </c>
      <c r="Q4454" s="75">
        <f>IF(Input!$D$19=4,J4454*Input!$C$19,0)+IF(Input!$D$20=4,K4454*Input!$C$20,0)+IF(Input!$D$21=4,L4454*Input!$C$21,0)+IF(Input!$D$22=4,M4454*Input!$C$22,0)</f>
        <v>0</v>
      </c>
      <c r="R4454" s="58">
        <v>66.978801034708098</v>
      </c>
      <c r="S4454" s="124">
        <f t="shared" si="69"/>
        <v>1.3306622897218661</v>
      </c>
    </row>
    <row r="4455" spans="8:19" x14ac:dyDescent="0.3">
      <c r="H4455" s="44">
        <v>4448</v>
      </c>
      <c r="I4455" s="56">
        <f>Bühler!I4481</f>
        <v>0.30707591301273834</v>
      </c>
      <c r="J4455" s="59">
        <f>Bühler!J4481</f>
        <v>1.0235863767091278</v>
      </c>
      <c r="K4455" s="59">
        <f>Bühler!K4481</f>
        <v>1.5353795650636917</v>
      </c>
      <c r="L4455" s="59">
        <f>Bühler!L4481</f>
        <v>7.3698219123057198</v>
      </c>
      <c r="M4455" s="58">
        <f>Bühler!M4481</f>
        <v>0</v>
      </c>
      <c r="N4455" s="56">
        <f>IF(Input!$D$19=1,J4455*Input!$C$19,0)+IF(Input!$D$20=1,K4455*Input!$C$20,0)+IF(Input!$D$21=1,L4455*Input!$C$21,0)+IF(Input!$D$22=1,M4455*Input!$C$22,0)</f>
        <v>0.30707591301273834</v>
      </c>
      <c r="O4455" s="59">
        <f>IF(Input!$D$19=2,J4455*Input!$C$19,0)+IF(Input!$D$20=2,K4455*Input!$C$20,0)+IF(Input!$D$21=2,L4455*Input!$C$21,0)+IF(Input!$D$22=2,M4455*Input!$C$22,0)</f>
        <v>0.76768978253184583</v>
      </c>
      <c r="P4455" s="59">
        <f>IF(Input!$D$19=3,J4455*Input!$C$19,0)+IF(Input!$D$20=3,K4455*Input!$C$20,0)+IF(Input!$D$21=3,L4455*Input!$C$21,0)+IF(Input!$D$22=3,M4455*Input!$C$22,0)</f>
        <v>0</v>
      </c>
      <c r="Q4455" s="75">
        <f>IF(Input!$D$19=4,J4455*Input!$C$19,0)+IF(Input!$D$20=4,K4455*Input!$C$20,0)+IF(Input!$D$21=4,L4455*Input!$C$21,0)+IF(Input!$D$22=4,M4455*Input!$C$22,0)</f>
        <v>0</v>
      </c>
      <c r="R4455" s="58">
        <v>68.033309731913278</v>
      </c>
      <c r="S4455" s="124">
        <f t="shared" si="69"/>
        <v>1.3306622897218661</v>
      </c>
    </row>
    <row r="4456" spans="8:19" x14ac:dyDescent="0.3">
      <c r="H4456" s="44">
        <v>4449</v>
      </c>
      <c r="I4456" s="56">
        <f>Bühler!I4482</f>
        <v>0.30707591301273834</v>
      </c>
      <c r="J4456" s="59">
        <f>Bühler!J4482</f>
        <v>1.0235863767091278</v>
      </c>
      <c r="K4456" s="59">
        <f>Bühler!K4482</f>
        <v>1.5353795650636917</v>
      </c>
      <c r="L4456" s="59">
        <f>Bühler!L4482</f>
        <v>7.3698219123057198</v>
      </c>
      <c r="M4456" s="58">
        <f>Bühler!M4482</f>
        <v>0</v>
      </c>
      <c r="N4456" s="56">
        <f>IF(Input!$D$19=1,J4456*Input!$C$19,0)+IF(Input!$D$20=1,K4456*Input!$C$20,0)+IF(Input!$D$21=1,L4456*Input!$C$21,0)+IF(Input!$D$22=1,M4456*Input!$C$22,0)</f>
        <v>0.30707591301273834</v>
      </c>
      <c r="O4456" s="59">
        <f>IF(Input!$D$19=2,J4456*Input!$C$19,0)+IF(Input!$D$20=2,K4456*Input!$C$20,0)+IF(Input!$D$21=2,L4456*Input!$C$21,0)+IF(Input!$D$22=2,M4456*Input!$C$22,0)</f>
        <v>0.76768978253184583</v>
      </c>
      <c r="P4456" s="59">
        <f>IF(Input!$D$19=3,J4456*Input!$C$19,0)+IF(Input!$D$20=3,K4456*Input!$C$20,0)+IF(Input!$D$21=3,L4456*Input!$C$21,0)+IF(Input!$D$22=3,M4456*Input!$C$22,0)</f>
        <v>0</v>
      </c>
      <c r="Q4456" s="75">
        <f>IF(Input!$D$19=4,J4456*Input!$C$19,0)+IF(Input!$D$20=4,K4456*Input!$C$20,0)+IF(Input!$D$21=4,L4456*Input!$C$21,0)+IF(Input!$D$22=4,M4456*Input!$C$22,0)</f>
        <v>0</v>
      </c>
      <c r="R4456" s="58">
        <v>69.063954056611223</v>
      </c>
      <c r="S4456" s="124">
        <f t="shared" si="69"/>
        <v>1.3306622897218661</v>
      </c>
    </row>
    <row r="4457" spans="8:19" x14ac:dyDescent="0.3">
      <c r="H4457" s="44">
        <v>4450</v>
      </c>
      <c r="I4457" s="56">
        <f>Bühler!I4483</f>
        <v>0.32999202592413668</v>
      </c>
      <c r="J4457" s="59">
        <f>Bühler!J4483</f>
        <v>1.0999734197471225</v>
      </c>
      <c r="K4457" s="59">
        <f>Bühler!K4483</f>
        <v>1.6499601296206834</v>
      </c>
      <c r="L4457" s="59">
        <f>Bühler!L4483</f>
        <v>7.9198086221792803</v>
      </c>
      <c r="M4457" s="58">
        <f>Bühler!M4483</f>
        <v>0</v>
      </c>
      <c r="N4457" s="56">
        <f>IF(Input!$D$19=1,J4457*Input!$C$19,0)+IF(Input!$D$20=1,K4457*Input!$C$20,0)+IF(Input!$D$21=1,L4457*Input!$C$21,0)+IF(Input!$D$22=1,M4457*Input!$C$22,0)</f>
        <v>0.32999202592413673</v>
      </c>
      <c r="O4457" s="59">
        <f>IF(Input!$D$19=2,J4457*Input!$C$19,0)+IF(Input!$D$20=2,K4457*Input!$C$20,0)+IF(Input!$D$21=2,L4457*Input!$C$21,0)+IF(Input!$D$22=2,M4457*Input!$C$22,0)</f>
        <v>0.8249800648103417</v>
      </c>
      <c r="P4457" s="59">
        <f>IF(Input!$D$19=3,J4457*Input!$C$19,0)+IF(Input!$D$20=3,K4457*Input!$C$20,0)+IF(Input!$D$21=3,L4457*Input!$C$21,0)+IF(Input!$D$22=3,M4457*Input!$C$22,0)</f>
        <v>0</v>
      </c>
      <c r="Q4457" s="75">
        <f>IF(Input!$D$19=4,J4457*Input!$C$19,0)+IF(Input!$D$20=4,K4457*Input!$C$20,0)+IF(Input!$D$21=4,L4457*Input!$C$21,0)+IF(Input!$D$22=4,M4457*Input!$C$22,0)</f>
        <v>0</v>
      </c>
      <c r="R4457" s="58">
        <v>69.404289244414855</v>
      </c>
      <c r="S4457" s="124">
        <f t="shared" si="69"/>
        <v>1.4299654456712592</v>
      </c>
    </row>
    <row r="4458" spans="8:19" x14ac:dyDescent="0.3">
      <c r="H4458" s="44">
        <v>4451</v>
      </c>
      <c r="I4458" s="56">
        <f>Bühler!I4484</f>
        <v>0.35749136141781473</v>
      </c>
      <c r="J4458" s="59">
        <f>Bühler!J4484</f>
        <v>1.191637871392716</v>
      </c>
      <c r="K4458" s="59">
        <f>Bühler!K4484</f>
        <v>1.7874568070890737</v>
      </c>
      <c r="L4458" s="59">
        <f>Bühler!L4484</f>
        <v>8.579792674027555</v>
      </c>
      <c r="M4458" s="58">
        <f>Bühler!M4484</f>
        <v>0</v>
      </c>
      <c r="N4458" s="56">
        <f>IF(Input!$D$19=1,J4458*Input!$C$19,0)+IF(Input!$D$20=1,K4458*Input!$C$20,0)+IF(Input!$D$21=1,L4458*Input!$C$21,0)+IF(Input!$D$22=1,M4458*Input!$C$22,0)</f>
        <v>0.35749136141781479</v>
      </c>
      <c r="O4458" s="59">
        <f>IF(Input!$D$19=2,J4458*Input!$C$19,0)+IF(Input!$D$20=2,K4458*Input!$C$20,0)+IF(Input!$D$21=2,L4458*Input!$C$21,0)+IF(Input!$D$22=2,M4458*Input!$C$22,0)</f>
        <v>0.89372840354453686</v>
      </c>
      <c r="P4458" s="59">
        <f>IF(Input!$D$19=3,J4458*Input!$C$19,0)+IF(Input!$D$20=3,K4458*Input!$C$20,0)+IF(Input!$D$21=3,L4458*Input!$C$21,0)+IF(Input!$D$22=3,M4458*Input!$C$22,0)</f>
        <v>0</v>
      </c>
      <c r="Q4458" s="75">
        <f>IF(Input!$D$19=4,J4458*Input!$C$19,0)+IF(Input!$D$20=4,K4458*Input!$C$20,0)+IF(Input!$D$21=4,L4458*Input!$C$21,0)+IF(Input!$D$22=4,M4458*Input!$C$22,0)</f>
        <v>0</v>
      </c>
      <c r="R4458" s="58">
        <v>70.036107517586871</v>
      </c>
      <c r="S4458" s="124">
        <f t="shared" si="69"/>
        <v>1.5491292328105308</v>
      </c>
    </row>
    <row r="4459" spans="8:19" x14ac:dyDescent="0.3">
      <c r="H4459" s="44">
        <v>4452</v>
      </c>
      <c r="I4459" s="56">
        <f>Bühler!I4485</f>
        <v>0.4124900324051709</v>
      </c>
      <c r="J4459" s="59">
        <f>Bühler!J4485</f>
        <v>1.3749667746839032</v>
      </c>
      <c r="K4459" s="59">
        <f>Bühler!K4485</f>
        <v>2.0624501620258546</v>
      </c>
      <c r="L4459" s="59">
        <f>Bühler!L4485</f>
        <v>9.8997607777241008</v>
      </c>
      <c r="M4459" s="58">
        <f>Bühler!M4485</f>
        <v>0</v>
      </c>
      <c r="N4459" s="56">
        <f>IF(Input!$D$19=1,J4459*Input!$C$19,0)+IF(Input!$D$20=1,K4459*Input!$C$20,0)+IF(Input!$D$21=1,L4459*Input!$C$21,0)+IF(Input!$D$22=1,M4459*Input!$C$22,0)</f>
        <v>0.41249003240517096</v>
      </c>
      <c r="O4459" s="59">
        <f>IF(Input!$D$19=2,J4459*Input!$C$19,0)+IF(Input!$D$20=2,K4459*Input!$C$20,0)+IF(Input!$D$21=2,L4459*Input!$C$21,0)+IF(Input!$D$22=2,M4459*Input!$C$22,0)</f>
        <v>1.0312250810129273</v>
      </c>
      <c r="P4459" s="59">
        <f>IF(Input!$D$19=3,J4459*Input!$C$19,0)+IF(Input!$D$20=3,K4459*Input!$C$20,0)+IF(Input!$D$21=3,L4459*Input!$C$21,0)+IF(Input!$D$22=3,M4459*Input!$C$22,0)</f>
        <v>0</v>
      </c>
      <c r="Q4459" s="75">
        <f>IF(Input!$D$19=4,J4459*Input!$C$19,0)+IF(Input!$D$20=4,K4459*Input!$C$20,0)+IF(Input!$D$21=4,L4459*Input!$C$21,0)+IF(Input!$D$22=4,M4459*Input!$C$22,0)</f>
        <v>0</v>
      </c>
      <c r="R4459" s="58">
        <v>71.371168738642055</v>
      </c>
      <c r="S4459" s="124">
        <f t="shared" si="69"/>
        <v>1.787456807089074</v>
      </c>
    </row>
    <row r="4460" spans="8:19" x14ac:dyDescent="0.3">
      <c r="H4460" s="44">
        <v>4453</v>
      </c>
      <c r="I4460" s="56">
        <f>Bühler!I4486</f>
        <v>0.4124900324051709</v>
      </c>
      <c r="J4460" s="59">
        <f>Bühler!J4486</f>
        <v>1.3749667746839032</v>
      </c>
      <c r="K4460" s="59">
        <f>Bühler!K4486</f>
        <v>2.0624501620258546</v>
      </c>
      <c r="L4460" s="59">
        <f>Bühler!L4486</f>
        <v>9.8997607777241008</v>
      </c>
      <c r="M4460" s="58">
        <f>Bühler!M4486</f>
        <v>0</v>
      </c>
      <c r="N4460" s="56">
        <f>IF(Input!$D$19=1,J4460*Input!$C$19,0)+IF(Input!$D$20=1,K4460*Input!$C$20,0)+IF(Input!$D$21=1,L4460*Input!$C$21,0)+IF(Input!$D$22=1,M4460*Input!$C$22,0)</f>
        <v>0.41249003240517096</v>
      </c>
      <c r="O4460" s="59">
        <f>IF(Input!$D$19=2,J4460*Input!$C$19,0)+IF(Input!$D$20=2,K4460*Input!$C$20,0)+IF(Input!$D$21=2,L4460*Input!$C$21,0)+IF(Input!$D$22=2,M4460*Input!$C$22,0)</f>
        <v>1.0312250810129273</v>
      </c>
      <c r="P4460" s="59">
        <f>IF(Input!$D$19=3,J4460*Input!$C$19,0)+IF(Input!$D$20=3,K4460*Input!$C$20,0)+IF(Input!$D$21=3,L4460*Input!$C$21,0)+IF(Input!$D$22=3,M4460*Input!$C$22,0)</f>
        <v>0</v>
      </c>
      <c r="Q4460" s="75">
        <f>IF(Input!$D$19=4,J4460*Input!$C$19,0)+IF(Input!$D$20=4,K4460*Input!$C$20,0)+IF(Input!$D$21=4,L4460*Input!$C$21,0)+IF(Input!$D$22=4,M4460*Input!$C$22,0)</f>
        <v>0</v>
      </c>
      <c r="R4460" s="58">
        <v>71.154781039674361</v>
      </c>
      <c r="S4460" s="124">
        <f t="shared" si="69"/>
        <v>1.787456807089074</v>
      </c>
    </row>
    <row r="4461" spans="8:19" x14ac:dyDescent="0.3">
      <c r="H4461" s="44">
        <v>4454</v>
      </c>
      <c r="I4461" s="56">
        <f>Bühler!I4487</f>
        <v>0.4124900324051709</v>
      </c>
      <c r="J4461" s="59">
        <f>Bühler!J4487</f>
        <v>1.3749667746839032</v>
      </c>
      <c r="K4461" s="59">
        <f>Bühler!K4487</f>
        <v>2.0624501620258546</v>
      </c>
      <c r="L4461" s="59">
        <f>Bühler!L4487</f>
        <v>9.8997607777241008</v>
      </c>
      <c r="M4461" s="58">
        <f>Bühler!M4487</f>
        <v>0</v>
      </c>
      <c r="N4461" s="56">
        <f>IF(Input!$D$19=1,J4461*Input!$C$19,0)+IF(Input!$D$20=1,K4461*Input!$C$20,0)+IF(Input!$D$21=1,L4461*Input!$C$21,0)+IF(Input!$D$22=1,M4461*Input!$C$22,0)</f>
        <v>0.41249003240517096</v>
      </c>
      <c r="O4461" s="59">
        <f>IF(Input!$D$19=2,J4461*Input!$C$19,0)+IF(Input!$D$20=2,K4461*Input!$C$20,0)+IF(Input!$D$21=2,L4461*Input!$C$21,0)+IF(Input!$D$22=2,M4461*Input!$C$22,0)</f>
        <v>1.0312250810129273</v>
      </c>
      <c r="P4461" s="59">
        <f>IF(Input!$D$19=3,J4461*Input!$C$19,0)+IF(Input!$D$20=3,K4461*Input!$C$20,0)+IF(Input!$D$21=3,L4461*Input!$C$21,0)+IF(Input!$D$22=3,M4461*Input!$C$22,0)</f>
        <v>0</v>
      </c>
      <c r="Q4461" s="75">
        <f>IF(Input!$D$19=4,J4461*Input!$C$19,0)+IF(Input!$D$20=4,K4461*Input!$C$20,0)+IF(Input!$D$21=4,L4461*Input!$C$21,0)+IF(Input!$D$22=4,M4461*Input!$C$22,0)</f>
        <v>0</v>
      </c>
      <c r="R4461" s="58">
        <v>70.772145543202356</v>
      </c>
      <c r="S4461" s="124">
        <f t="shared" si="69"/>
        <v>1.787456807089074</v>
      </c>
    </row>
    <row r="4462" spans="8:19" x14ac:dyDescent="0.3">
      <c r="H4462" s="44">
        <v>4455</v>
      </c>
      <c r="I4462" s="56">
        <f>Bühler!I4488</f>
        <v>0.4124900324051709</v>
      </c>
      <c r="J4462" s="59">
        <f>Bühler!J4488</f>
        <v>1.3749667746839032</v>
      </c>
      <c r="K4462" s="59">
        <f>Bühler!K4488</f>
        <v>2.0624501620258546</v>
      </c>
      <c r="L4462" s="59">
        <f>Bühler!L4488</f>
        <v>9.8997607777241008</v>
      </c>
      <c r="M4462" s="58">
        <f>Bühler!M4488</f>
        <v>0</v>
      </c>
      <c r="N4462" s="56">
        <f>IF(Input!$D$19=1,J4462*Input!$C$19,0)+IF(Input!$D$20=1,K4462*Input!$C$20,0)+IF(Input!$D$21=1,L4462*Input!$C$21,0)+IF(Input!$D$22=1,M4462*Input!$C$22,0)</f>
        <v>0.41249003240517096</v>
      </c>
      <c r="O4462" s="59">
        <f>IF(Input!$D$19=2,J4462*Input!$C$19,0)+IF(Input!$D$20=2,K4462*Input!$C$20,0)+IF(Input!$D$21=2,L4462*Input!$C$21,0)+IF(Input!$D$22=2,M4462*Input!$C$22,0)</f>
        <v>1.0312250810129273</v>
      </c>
      <c r="P4462" s="59">
        <f>IF(Input!$D$19=3,J4462*Input!$C$19,0)+IF(Input!$D$20=3,K4462*Input!$C$20,0)+IF(Input!$D$21=3,L4462*Input!$C$21,0)+IF(Input!$D$22=3,M4462*Input!$C$22,0)</f>
        <v>0</v>
      </c>
      <c r="Q4462" s="75">
        <f>IF(Input!$D$19=4,J4462*Input!$C$19,0)+IF(Input!$D$20=4,K4462*Input!$C$20,0)+IF(Input!$D$21=4,L4462*Input!$C$21,0)+IF(Input!$D$22=4,M4462*Input!$C$22,0)</f>
        <v>0</v>
      </c>
      <c r="R4462" s="58">
        <v>71.605810632843742</v>
      </c>
      <c r="S4462" s="124">
        <f t="shared" si="69"/>
        <v>1.787456807089074</v>
      </c>
    </row>
    <row r="4463" spans="8:19" x14ac:dyDescent="0.3">
      <c r="H4463" s="44">
        <v>4456</v>
      </c>
      <c r="I4463" s="56">
        <f>Bühler!I4489</f>
        <v>0.4124900324051709</v>
      </c>
      <c r="J4463" s="59">
        <f>Bühler!J4489</f>
        <v>1.3749667746839032</v>
      </c>
      <c r="K4463" s="59">
        <f>Bühler!K4489</f>
        <v>2.0624501620258546</v>
      </c>
      <c r="L4463" s="59">
        <f>Bühler!L4489</f>
        <v>9.8997607777241008</v>
      </c>
      <c r="M4463" s="58">
        <f>Bühler!M4489</f>
        <v>0</v>
      </c>
      <c r="N4463" s="56">
        <f>IF(Input!$D$19=1,J4463*Input!$C$19,0)+IF(Input!$D$20=1,K4463*Input!$C$20,0)+IF(Input!$D$21=1,L4463*Input!$C$21,0)+IF(Input!$D$22=1,M4463*Input!$C$22,0)</f>
        <v>0.41249003240517096</v>
      </c>
      <c r="O4463" s="59">
        <f>IF(Input!$D$19=2,J4463*Input!$C$19,0)+IF(Input!$D$20=2,K4463*Input!$C$20,0)+IF(Input!$D$21=2,L4463*Input!$C$21,0)+IF(Input!$D$22=2,M4463*Input!$C$22,0)</f>
        <v>1.0312250810129273</v>
      </c>
      <c r="P4463" s="59">
        <f>IF(Input!$D$19=3,J4463*Input!$C$19,0)+IF(Input!$D$20=3,K4463*Input!$C$20,0)+IF(Input!$D$21=3,L4463*Input!$C$21,0)+IF(Input!$D$22=3,M4463*Input!$C$22,0)</f>
        <v>0</v>
      </c>
      <c r="Q4463" s="75">
        <f>IF(Input!$D$19=4,J4463*Input!$C$19,0)+IF(Input!$D$20=4,K4463*Input!$C$20,0)+IF(Input!$D$21=4,L4463*Input!$C$21,0)+IF(Input!$D$22=4,M4463*Input!$C$22,0)</f>
        <v>0</v>
      </c>
      <c r="R4463" s="58">
        <v>70.97389925324164</v>
      </c>
      <c r="S4463" s="124">
        <f t="shared" si="69"/>
        <v>1.787456807089074</v>
      </c>
    </row>
    <row r="4464" spans="8:19" x14ac:dyDescent="0.3">
      <c r="H4464" s="44">
        <v>4457</v>
      </c>
      <c r="I4464" s="56">
        <f>Bühler!I4490</f>
        <v>0.4124900324051709</v>
      </c>
      <c r="J4464" s="59">
        <f>Bühler!J4490</f>
        <v>1.3749667746839032</v>
      </c>
      <c r="K4464" s="59">
        <f>Bühler!K4490</f>
        <v>2.0624501620258546</v>
      </c>
      <c r="L4464" s="59">
        <f>Bühler!L4490</f>
        <v>9.8997607777241008</v>
      </c>
      <c r="M4464" s="58">
        <f>Bühler!M4490</f>
        <v>0</v>
      </c>
      <c r="N4464" s="56">
        <f>IF(Input!$D$19=1,J4464*Input!$C$19,0)+IF(Input!$D$20=1,K4464*Input!$C$20,0)+IF(Input!$D$21=1,L4464*Input!$C$21,0)+IF(Input!$D$22=1,M4464*Input!$C$22,0)</f>
        <v>0.41249003240517096</v>
      </c>
      <c r="O4464" s="59">
        <f>IF(Input!$D$19=2,J4464*Input!$C$19,0)+IF(Input!$D$20=2,K4464*Input!$C$20,0)+IF(Input!$D$21=2,L4464*Input!$C$21,0)+IF(Input!$D$22=2,M4464*Input!$C$22,0)</f>
        <v>1.0312250810129273</v>
      </c>
      <c r="P4464" s="59">
        <f>IF(Input!$D$19=3,J4464*Input!$C$19,0)+IF(Input!$D$20=3,K4464*Input!$C$20,0)+IF(Input!$D$21=3,L4464*Input!$C$21,0)+IF(Input!$D$22=3,M4464*Input!$C$22,0)</f>
        <v>0</v>
      </c>
      <c r="Q4464" s="75">
        <f>IF(Input!$D$19=4,J4464*Input!$C$19,0)+IF(Input!$D$20=4,K4464*Input!$C$20,0)+IF(Input!$D$21=4,L4464*Input!$C$21,0)+IF(Input!$D$22=4,M4464*Input!$C$22,0)</f>
        <v>0</v>
      </c>
      <c r="R4464" s="58">
        <v>70.043910530754275</v>
      </c>
      <c r="S4464" s="124">
        <f t="shared" si="69"/>
        <v>1.787456807089074</v>
      </c>
    </row>
    <row r="4465" spans="8:19" x14ac:dyDescent="0.3">
      <c r="H4465" s="44">
        <v>4458</v>
      </c>
      <c r="I4465" s="56">
        <f>Bühler!I4491</f>
        <v>0.4124900324051709</v>
      </c>
      <c r="J4465" s="59">
        <f>Bühler!J4491</f>
        <v>1.3749667746839032</v>
      </c>
      <c r="K4465" s="59">
        <f>Bühler!K4491</f>
        <v>2.0624501620258546</v>
      </c>
      <c r="L4465" s="59">
        <f>Bühler!L4491</f>
        <v>9.8997607777241008</v>
      </c>
      <c r="M4465" s="58">
        <f>Bühler!M4491</f>
        <v>0</v>
      </c>
      <c r="N4465" s="56">
        <f>IF(Input!$D$19=1,J4465*Input!$C$19,0)+IF(Input!$D$20=1,K4465*Input!$C$20,0)+IF(Input!$D$21=1,L4465*Input!$C$21,0)+IF(Input!$D$22=1,M4465*Input!$C$22,0)</f>
        <v>0.41249003240517096</v>
      </c>
      <c r="O4465" s="59">
        <f>IF(Input!$D$19=2,J4465*Input!$C$19,0)+IF(Input!$D$20=2,K4465*Input!$C$20,0)+IF(Input!$D$21=2,L4465*Input!$C$21,0)+IF(Input!$D$22=2,M4465*Input!$C$22,0)</f>
        <v>1.0312250810129273</v>
      </c>
      <c r="P4465" s="59">
        <f>IF(Input!$D$19=3,J4465*Input!$C$19,0)+IF(Input!$D$20=3,K4465*Input!$C$20,0)+IF(Input!$D$21=3,L4465*Input!$C$21,0)+IF(Input!$D$22=3,M4465*Input!$C$22,0)</f>
        <v>0</v>
      </c>
      <c r="Q4465" s="75">
        <f>IF(Input!$D$19=4,J4465*Input!$C$19,0)+IF(Input!$D$20=4,K4465*Input!$C$20,0)+IF(Input!$D$21=4,L4465*Input!$C$21,0)+IF(Input!$D$22=4,M4465*Input!$C$22,0)</f>
        <v>0</v>
      </c>
      <c r="R4465" s="58">
        <v>68.658230813333603</v>
      </c>
      <c r="S4465" s="124">
        <f t="shared" si="69"/>
        <v>1.787456807089074</v>
      </c>
    </row>
    <row r="4466" spans="8:19" x14ac:dyDescent="0.3">
      <c r="H4466" s="44">
        <v>4459</v>
      </c>
      <c r="I4466" s="56">
        <f>Bühler!I4492</f>
        <v>0.4124900324051709</v>
      </c>
      <c r="J4466" s="59">
        <f>Bühler!J4492</f>
        <v>1.3749667746839032</v>
      </c>
      <c r="K4466" s="59">
        <f>Bühler!K4492</f>
        <v>2.0624501620258546</v>
      </c>
      <c r="L4466" s="59">
        <f>Bühler!L4492</f>
        <v>9.8997607777241008</v>
      </c>
      <c r="M4466" s="58">
        <f>Bühler!M4492</f>
        <v>0</v>
      </c>
      <c r="N4466" s="56">
        <f>IF(Input!$D$19=1,J4466*Input!$C$19,0)+IF(Input!$D$20=1,K4466*Input!$C$20,0)+IF(Input!$D$21=1,L4466*Input!$C$21,0)+IF(Input!$D$22=1,M4466*Input!$C$22,0)</f>
        <v>0.41249003240517096</v>
      </c>
      <c r="O4466" s="59">
        <f>IF(Input!$D$19=2,J4466*Input!$C$19,0)+IF(Input!$D$20=2,K4466*Input!$C$20,0)+IF(Input!$D$21=2,L4466*Input!$C$21,0)+IF(Input!$D$22=2,M4466*Input!$C$22,0)</f>
        <v>1.0312250810129273</v>
      </c>
      <c r="P4466" s="59">
        <f>IF(Input!$D$19=3,J4466*Input!$C$19,0)+IF(Input!$D$20=3,K4466*Input!$C$20,0)+IF(Input!$D$21=3,L4466*Input!$C$21,0)+IF(Input!$D$22=3,M4466*Input!$C$22,0)</f>
        <v>0</v>
      </c>
      <c r="Q4466" s="75">
        <f>IF(Input!$D$19=4,J4466*Input!$C$19,0)+IF(Input!$D$20=4,K4466*Input!$C$20,0)+IF(Input!$D$21=4,L4466*Input!$C$21,0)+IF(Input!$D$22=4,M4466*Input!$C$22,0)</f>
        <v>0</v>
      </c>
      <c r="R4466" s="58">
        <v>68.042329130476631</v>
      </c>
      <c r="S4466" s="124">
        <f t="shared" si="69"/>
        <v>1.787456807089074</v>
      </c>
    </row>
    <row r="4467" spans="8:19" x14ac:dyDescent="0.3">
      <c r="H4467" s="44">
        <v>4460</v>
      </c>
      <c r="I4467" s="56">
        <f>Bühler!I4493</f>
        <v>0.34374169367097573</v>
      </c>
      <c r="J4467" s="59">
        <f>Bühler!J4493</f>
        <v>1.1458056455699193</v>
      </c>
      <c r="K4467" s="59">
        <f>Bühler!K4493</f>
        <v>1.7187084683548786</v>
      </c>
      <c r="L4467" s="59">
        <f>Bühler!L4493</f>
        <v>8.2498006481034167</v>
      </c>
      <c r="M4467" s="58">
        <f>Bühler!M4493</f>
        <v>0</v>
      </c>
      <c r="N4467" s="56">
        <f>IF(Input!$D$19=1,J4467*Input!$C$19,0)+IF(Input!$D$20=1,K4467*Input!$C$20,0)+IF(Input!$D$21=1,L4467*Input!$C$21,0)+IF(Input!$D$22=1,M4467*Input!$C$22,0)</f>
        <v>0.34374169367097579</v>
      </c>
      <c r="O4467" s="59">
        <f>IF(Input!$D$19=2,J4467*Input!$C$19,0)+IF(Input!$D$20=2,K4467*Input!$C$20,0)+IF(Input!$D$21=2,L4467*Input!$C$21,0)+IF(Input!$D$22=2,M4467*Input!$C$22,0)</f>
        <v>0.85935423417743928</v>
      </c>
      <c r="P4467" s="59">
        <f>IF(Input!$D$19=3,J4467*Input!$C$19,0)+IF(Input!$D$20=3,K4467*Input!$C$20,0)+IF(Input!$D$21=3,L4467*Input!$C$21,0)+IF(Input!$D$22=3,M4467*Input!$C$22,0)</f>
        <v>0</v>
      </c>
      <c r="Q4467" s="75">
        <f>IF(Input!$D$19=4,J4467*Input!$C$19,0)+IF(Input!$D$20=4,K4467*Input!$C$20,0)+IF(Input!$D$21=4,L4467*Input!$C$21,0)+IF(Input!$D$22=4,M4467*Input!$C$22,0)</f>
        <v>0</v>
      </c>
      <c r="R4467" s="58">
        <v>66.993506398041205</v>
      </c>
      <c r="S4467" s="124">
        <f t="shared" si="69"/>
        <v>1.4895473392408949</v>
      </c>
    </row>
    <row r="4468" spans="8:19" x14ac:dyDescent="0.3">
      <c r="H4468" s="44">
        <v>4461</v>
      </c>
      <c r="I4468" s="56">
        <f>Bühler!I4494</f>
        <v>0.27499335493678062</v>
      </c>
      <c r="J4468" s="59">
        <f>Bühler!J4494</f>
        <v>0.91664451645593548</v>
      </c>
      <c r="K4468" s="59">
        <f>Bühler!K4494</f>
        <v>1.3749667746839032</v>
      </c>
      <c r="L4468" s="59">
        <f>Bühler!L4494</f>
        <v>6.5998405184827345</v>
      </c>
      <c r="M4468" s="58">
        <f>Bühler!M4494</f>
        <v>0</v>
      </c>
      <c r="N4468" s="56">
        <f>IF(Input!$D$19=1,J4468*Input!$C$19,0)+IF(Input!$D$20=1,K4468*Input!$C$20,0)+IF(Input!$D$21=1,L4468*Input!$C$21,0)+IF(Input!$D$22=1,M4468*Input!$C$22,0)</f>
        <v>0.27499335493678062</v>
      </c>
      <c r="O4468" s="59">
        <f>IF(Input!$D$19=2,J4468*Input!$C$19,0)+IF(Input!$D$20=2,K4468*Input!$C$20,0)+IF(Input!$D$21=2,L4468*Input!$C$21,0)+IF(Input!$D$22=2,M4468*Input!$C$22,0)</f>
        <v>0.68748338734195158</v>
      </c>
      <c r="P4468" s="59">
        <f>IF(Input!$D$19=3,J4468*Input!$C$19,0)+IF(Input!$D$20=3,K4468*Input!$C$20,0)+IF(Input!$D$21=3,L4468*Input!$C$21,0)+IF(Input!$D$22=3,M4468*Input!$C$22,0)</f>
        <v>0</v>
      </c>
      <c r="Q4468" s="75">
        <f>IF(Input!$D$19=4,J4468*Input!$C$19,0)+IF(Input!$D$20=4,K4468*Input!$C$20,0)+IF(Input!$D$21=4,L4468*Input!$C$21,0)+IF(Input!$D$22=4,M4468*Input!$C$22,0)</f>
        <v>0</v>
      </c>
      <c r="R4468" s="58">
        <v>65.127025624854426</v>
      </c>
      <c r="S4468" s="124">
        <f t="shared" si="69"/>
        <v>1.191637871392716</v>
      </c>
    </row>
    <row r="4469" spans="8:19" x14ac:dyDescent="0.3">
      <c r="H4469" s="44">
        <v>4462</v>
      </c>
      <c r="I4469" s="56">
        <f>Bühler!I4495</f>
        <v>0.20624501620258545</v>
      </c>
      <c r="J4469" s="59">
        <f>Bühler!J4495</f>
        <v>0.68748338734195158</v>
      </c>
      <c r="K4469" s="59">
        <f>Bühler!K4495</f>
        <v>1.0312250810129273</v>
      </c>
      <c r="L4469" s="59">
        <f>Bühler!L4495</f>
        <v>4.9498803888620504</v>
      </c>
      <c r="M4469" s="58">
        <f>Bühler!M4495</f>
        <v>0</v>
      </c>
      <c r="N4469" s="56">
        <f>IF(Input!$D$19=1,J4469*Input!$C$19,0)+IF(Input!$D$20=1,K4469*Input!$C$20,0)+IF(Input!$D$21=1,L4469*Input!$C$21,0)+IF(Input!$D$22=1,M4469*Input!$C$22,0)</f>
        <v>0.20624501620258548</v>
      </c>
      <c r="O4469" s="59">
        <f>IF(Input!$D$19=2,J4469*Input!$C$19,0)+IF(Input!$D$20=2,K4469*Input!$C$20,0)+IF(Input!$D$21=2,L4469*Input!$C$21,0)+IF(Input!$D$22=2,M4469*Input!$C$22,0)</f>
        <v>0.51561254050646366</v>
      </c>
      <c r="P4469" s="59">
        <f>IF(Input!$D$19=3,J4469*Input!$C$19,0)+IF(Input!$D$20=3,K4469*Input!$C$20,0)+IF(Input!$D$21=3,L4469*Input!$C$21,0)+IF(Input!$D$22=3,M4469*Input!$C$22,0)</f>
        <v>0</v>
      </c>
      <c r="Q4469" s="75">
        <f>IF(Input!$D$19=4,J4469*Input!$C$19,0)+IF(Input!$D$20=4,K4469*Input!$C$20,0)+IF(Input!$D$21=4,L4469*Input!$C$21,0)+IF(Input!$D$22=4,M4469*Input!$C$22,0)</f>
        <v>0</v>
      </c>
      <c r="R4469" s="58">
        <v>62.79780242252081</v>
      </c>
      <c r="S4469" s="124">
        <f t="shared" si="69"/>
        <v>0.89372840354453698</v>
      </c>
    </row>
    <row r="4470" spans="8:19" x14ac:dyDescent="0.3">
      <c r="H4470" s="44">
        <v>4463</v>
      </c>
      <c r="I4470" s="56">
        <f>Bühler!I4496</f>
        <v>0.20624501620258545</v>
      </c>
      <c r="J4470" s="59">
        <f>Bühler!J4496</f>
        <v>0.68748338734195158</v>
      </c>
      <c r="K4470" s="59">
        <f>Bühler!K4496</f>
        <v>1.0312250810129273</v>
      </c>
      <c r="L4470" s="59">
        <f>Bühler!L4496</f>
        <v>4.9498803888620504</v>
      </c>
      <c r="M4470" s="58">
        <f>Bühler!M4496</f>
        <v>0</v>
      </c>
      <c r="N4470" s="56">
        <f>IF(Input!$D$19=1,J4470*Input!$C$19,0)+IF(Input!$D$20=1,K4470*Input!$C$20,0)+IF(Input!$D$21=1,L4470*Input!$C$21,0)+IF(Input!$D$22=1,M4470*Input!$C$22,0)</f>
        <v>0.20624501620258548</v>
      </c>
      <c r="O4470" s="59">
        <f>IF(Input!$D$19=2,J4470*Input!$C$19,0)+IF(Input!$D$20=2,K4470*Input!$C$20,0)+IF(Input!$D$21=2,L4470*Input!$C$21,0)+IF(Input!$D$22=2,M4470*Input!$C$22,0)</f>
        <v>0.51561254050646366</v>
      </c>
      <c r="P4470" s="59">
        <f>IF(Input!$D$19=3,J4470*Input!$C$19,0)+IF(Input!$D$20=3,K4470*Input!$C$20,0)+IF(Input!$D$21=3,L4470*Input!$C$21,0)+IF(Input!$D$22=3,M4470*Input!$C$22,0)</f>
        <v>0</v>
      </c>
      <c r="Q4470" s="75">
        <f>IF(Input!$D$19=4,J4470*Input!$C$19,0)+IF(Input!$D$20=4,K4470*Input!$C$20,0)+IF(Input!$D$21=4,L4470*Input!$C$21,0)+IF(Input!$D$22=4,M4470*Input!$C$22,0)</f>
        <v>0</v>
      </c>
      <c r="R4470" s="58">
        <v>62.414589340594183</v>
      </c>
      <c r="S4470" s="124">
        <f t="shared" si="69"/>
        <v>0.89372840354453698</v>
      </c>
    </row>
    <row r="4471" spans="8:19" x14ac:dyDescent="0.3">
      <c r="H4471" s="44">
        <v>4464</v>
      </c>
      <c r="I4471" s="56">
        <f>Bühler!I4497</f>
        <v>0.20624501620258545</v>
      </c>
      <c r="J4471" s="59">
        <f>Bühler!J4497</f>
        <v>0.68748338734195158</v>
      </c>
      <c r="K4471" s="59">
        <f>Bühler!K4497</f>
        <v>1.0312250810129273</v>
      </c>
      <c r="L4471" s="59">
        <f>Bühler!L4497</f>
        <v>4.9498803888620504</v>
      </c>
      <c r="M4471" s="58">
        <f>Bühler!M4497</f>
        <v>0</v>
      </c>
      <c r="N4471" s="56">
        <f>IF(Input!$D$19=1,J4471*Input!$C$19,0)+IF(Input!$D$20=1,K4471*Input!$C$20,0)+IF(Input!$D$21=1,L4471*Input!$C$21,0)+IF(Input!$D$22=1,M4471*Input!$C$22,0)</f>
        <v>0.20624501620258548</v>
      </c>
      <c r="O4471" s="59">
        <f>IF(Input!$D$19=2,J4471*Input!$C$19,0)+IF(Input!$D$20=2,K4471*Input!$C$20,0)+IF(Input!$D$21=2,L4471*Input!$C$21,0)+IF(Input!$D$22=2,M4471*Input!$C$22,0)</f>
        <v>0.51561254050646366</v>
      </c>
      <c r="P4471" s="59">
        <f>IF(Input!$D$19=3,J4471*Input!$C$19,0)+IF(Input!$D$20=3,K4471*Input!$C$20,0)+IF(Input!$D$21=3,L4471*Input!$C$21,0)+IF(Input!$D$22=3,M4471*Input!$C$22,0)</f>
        <v>0</v>
      </c>
      <c r="Q4471" s="75">
        <f>IF(Input!$D$19=4,J4471*Input!$C$19,0)+IF(Input!$D$20=4,K4471*Input!$C$20,0)+IF(Input!$D$21=4,L4471*Input!$C$21,0)+IF(Input!$D$22=4,M4471*Input!$C$22,0)</f>
        <v>0</v>
      </c>
      <c r="R4471" s="58">
        <v>61.488951475504372</v>
      </c>
      <c r="S4471" s="124">
        <f t="shared" si="69"/>
        <v>0.89372840354453698</v>
      </c>
    </row>
    <row r="4472" spans="8:19" x14ac:dyDescent="0.3">
      <c r="H4472" s="44">
        <v>4465</v>
      </c>
      <c r="I4472" s="56">
        <f>Bühler!I4498</f>
        <v>0.22483793935149057</v>
      </c>
      <c r="J4472" s="59">
        <f>Bühler!J4498</f>
        <v>0.74945979783830197</v>
      </c>
      <c r="K4472" s="59">
        <f>Bühler!K4498</f>
        <v>1.1241896967574529</v>
      </c>
      <c r="L4472" s="59">
        <f>Bühler!L4498</f>
        <v>5.396110544435774</v>
      </c>
      <c r="M4472" s="58">
        <f>Bühler!M4498</f>
        <v>0</v>
      </c>
      <c r="N4472" s="56">
        <f>IF(Input!$D$19=1,J4472*Input!$C$19,0)+IF(Input!$D$20=1,K4472*Input!$C$20,0)+IF(Input!$D$21=1,L4472*Input!$C$21,0)+IF(Input!$D$22=1,M4472*Input!$C$22,0)</f>
        <v>0.22483793935149057</v>
      </c>
      <c r="O4472" s="59">
        <f>IF(Input!$D$19=2,J4472*Input!$C$19,0)+IF(Input!$D$20=2,K4472*Input!$C$20,0)+IF(Input!$D$21=2,L4472*Input!$C$21,0)+IF(Input!$D$22=2,M4472*Input!$C$22,0)</f>
        <v>0.56209484837872647</v>
      </c>
      <c r="P4472" s="59">
        <f>IF(Input!$D$19=3,J4472*Input!$C$19,0)+IF(Input!$D$20=3,K4472*Input!$C$20,0)+IF(Input!$D$21=3,L4472*Input!$C$21,0)+IF(Input!$D$22=3,M4472*Input!$C$22,0)</f>
        <v>0</v>
      </c>
      <c r="Q4472" s="75">
        <f>IF(Input!$D$19=4,J4472*Input!$C$19,0)+IF(Input!$D$20=4,K4472*Input!$C$20,0)+IF(Input!$D$21=4,L4472*Input!$C$21,0)+IF(Input!$D$22=4,M4472*Input!$C$22,0)</f>
        <v>0</v>
      </c>
      <c r="R4472" s="58">
        <v>60.264638401466165</v>
      </c>
      <c r="S4472" s="124">
        <f t="shared" si="69"/>
        <v>0.97429773718979251</v>
      </c>
    </row>
    <row r="4473" spans="8:19" x14ac:dyDescent="0.3">
      <c r="H4473" s="44">
        <v>4466</v>
      </c>
      <c r="I4473" s="56">
        <f>Bühler!I4499</f>
        <v>0.22483793935149057</v>
      </c>
      <c r="J4473" s="59">
        <f>Bühler!J4499</f>
        <v>0.74945979783830197</v>
      </c>
      <c r="K4473" s="59">
        <f>Bühler!K4499</f>
        <v>1.1241896967574529</v>
      </c>
      <c r="L4473" s="59">
        <f>Bühler!L4499</f>
        <v>5.396110544435774</v>
      </c>
      <c r="M4473" s="58">
        <f>Bühler!M4499</f>
        <v>0</v>
      </c>
      <c r="N4473" s="56">
        <f>IF(Input!$D$19=1,J4473*Input!$C$19,0)+IF(Input!$D$20=1,K4473*Input!$C$20,0)+IF(Input!$D$21=1,L4473*Input!$C$21,0)+IF(Input!$D$22=1,M4473*Input!$C$22,0)</f>
        <v>0.22483793935149057</v>
      </c>
      <c r="O4473" s="59">
        <f>IF(Input!$D$19=2,J4473*Input!$C$19,0)+IF(Input!$D$20=2,K4473*Input!$C$20,0)+IF(Input!$D$21=2,L4473*Input!$C$21,0)+IF(Input!$D$22=2,M4473*Input!$C$22,0)</f>
        <v>0.56209484837872647</v>
      </c>
      <c r="P4473" s="59">
        <f>IF(Input!$D$19=3,J4473*Input!$C$19,0)+IF(Input!$D$20=3,K4473*Input!$C$20,0)+IF(Input!$D$21=3,L4473*Input!$C$21,0)+IF(Input!$D$22=3,M4473*Input!$C$22,0)</f>
        <v>0</v>
      </c>
      <c r="Q4473" s="75">
        <f>IF(Input!$D$19=4,J4473*Input!$C$19,0)+IF(Input!$D$20=4,K4473*Input!$C$20,0)+IF(Input!$D$21=4,L4473*Input!$C$21,0)+IF(Input!$D$22=4,M4473*Input!$C$22,0)</f>
        <v>0</v>
      </c>
      <c r="R4473" s="58">
        <v>59.950343691542592</v>
      </c>
      <c r="S4473" s="124">
        <f t="shared" si="69"/>
        <v>0.97429773718979251</v>
      </c>
    </row>
    <row r="4474" spans="8:19" x14ac:dyDescent="0.3">
      <c r="H4474" s="44">
        <v>4467</v>
      </c>
      <c r="I4474" s="56">
        <f>Bühler!I4500</f>
        <v>0.22483793935149057</v>
      </c>
      <c r="J4474" s="59">
        <f>Bühler!J4500</f>
        <v>0.74945979783830197</v>
      </c>
      <c r="K4474" s="59">
        <f>Bühler!K4500</f>
        <v>1.1241896967574529</v>
      </c>
      <c r="L4474" s="59">
        <f>Bühler!L4500</f>
        <v>5.396110544435774</v>
      </c>
      <c r="M4474" s="58">
        <f>Bühler!M4500</f>
        <v>0</v>
      </c>
      <c r="N4474" s="56">
        <f>IF(Input!$D$19=1,J4474*Input!$C$19,0)+IF(Input!$D$20=1,K4474*Input!$C$20,0)+IF(Input!$D$21=1,L4474*Input!$C$21,0)+IF(Input!$D$22=1,M4474*Input!$C$22,0)</f>
        <v>0.22483793935149057</v>
      </c>
      <c r="O4474" s="59">
        <f>IF(Input!$D$19=2,J4474*Input!$C$19,0)+IF(Input!$D$20=2,K4474*Input!$C$20,0)+IF(Input!$D$21=2,L4474*Input!$C$21,0)+IF(Input!$D$22=2,M4474*Input!$C$22,0)</f>
        <v>0.56209484837872647</v>
      </c>
      <c r="P4474" s="59">
        <f>IF(Input!$D$19=3,J4474*Input!$C$19,0)+IF(Input!$D$20=3,K4474*Input!$C$20,0)+IF(Input!$D$21=3,L4474*Input!$C$21,0)+IF(Input!$D$22=3,M4474*Input!$C$22,0)</f>
        <v>0</v>
      </c>
      <c r="Q4474" s="75">
        <f>IF(Input!$D$19=4,J4474*Input!$C$19,0)+IF(Input!$D$20=4,K4474*Input!$C$20,0)+IF(Input!$D$21=4,L4474*Input!$C$21,0)+IF(Input!$D$22=4,M4474*Input!$C$22,0)</f>
        <v>0</v>
      </c>
      <c r="R4474" s="58">
        <v>60.028044018156514</v>
      </c>
      <c r="S4474" s="124">
        <f t="shared" si="69"/>
        <v>0.97429773718979251</v>
      </c>
    </row>
    <row r="4475" spans="8:19" x14ac:dyDescent="0.3">
      <c r="H4475" s="44">
        <v>4468</v>
      </c>
      <c r="I4475" s="56">
        <f>Bühler!I4501</f>
        <v>0.22483793935149057</v>
      </c>
      <c r="J4475" s="59">
        <f>Bühler!J4501</f>
        <v>0.74945979783830197</v>
      </c>
      <c r="K4475" s="59">
        <f>Bühler!K4501</f>
        <v>1.1241896967574529</v>
      </c>
      <c r="L4475" s="59">
        <f>Bühler!L4501</f>
        <v>5.396110544435774</v>
      </c>
      <c r="M4475" s="58">
        <f>Bühler!M4501</f>
        <v>0</v>
      </c>
      <c r="N4475" s="56">
        <f>IF(Input!$D$19=1,J4475*Input!$C$19,0)+IF(Input!$D$20=1,K4475*Input!$C$20,0)+IF(Input!$D$21=1,L4475*Input!$C$21,0)+IF(Input!$D$22=1,M4475*Input!$C$22,0)</f>
        <v>0.22483793935149057</v>
      </c>
      <c r="O4475" s="59">
        <f>IF(Input!$D$19=2,J4475*Input!$C$19,0)+IF(Input!$D$20=2,K4475*Input!$C$20,0)+IF(Input!$D$21=2,L4475*Input!$C$21,0)+IF(Input!$D$22=2,M4475*Input!$C$22,0)</f>
        <v>0.56209484837872647</v>
      </c>
      <c r="P4475" s="59">
        <f>IF(Input!$D$19=3,J4475*Input!$C$19,0)+IF(Input!$D$20=3,K4475*Input!$C$20,0)+IF(Input!$D$21=3,L4475*Input!$C$21,0)+IF(Input!$D$22=3,M4475*Input!$C$22,0)</f>
        <v>0</v>
      </c>
      <c r="Q4475" s="75">
        <f>IF(Input!$D$19=4,J4475*Input!$C$19,0)+IF(Input!$D$20=4,K4475*Input!$C$20,0)+IF(Input!$D$21=4,L4475*Input!$C$21,0)+IF(Input!$D$22=4,M4475*Input!$C$22,0)</f>
        <v>0</v>
      </c>
      <c r="R4475" s="58">
        <v>60.512885936138431</v>
      </c>
      <c r="S4475" s="124">
        <f t="shared" si="69"/>
        <v>0.97429773718979251</v>
      </c>
    </row>
    <row r="4476" spans="8:19" x14ac:dyDescent="0.3">
      <c r="H4476" s="44">
        <v>4469</v>
      </c>
      <c r="I4476" s="56">
        <f>Bühler!I4502</f>
        <v>0.22483793935149057</v>
      </c>
      <c r="J4476" s="59">
        <f>Bühler!J4502</f>
        <v>0.74945979783830197</v>
      </c>
      <c r="K4476" s="59">
        <f>Bühler!K4502</f>
        <v>1.1241896967574529</v>
      </c>
      <c r="L4476" s="59">
        <f>Bühler!L4502</f>
        <v>5.396110544435774</v>
      </c>
      <c r="M4476" s="58">
        <f>Bühler!M4502</f>
        <v>0</v>
      </c>
      <c r="N4476" s="56">
        <f>IF(Input!$D$19=1,J4476*Input!$C$19,0)+IF(Input!$D$20=1,K4476*Input!$C$20,0)+IF(Input!$D$21=1,L4476*Input!$C$21,0)+IF(Input!$D$22=1,M4476*Input!$C$22,0)</f>
        <v>0.22483793935149057</v>
      </c>
      <c r="O4476" s="59">
        <f>IF(Input!$D$19=2,J4476*Input!$C$19,0)+IF(Input!$D$20=2,K4476*Input!$C$20,0)+IF(Input!$D$21=2,L4476*Input!$C$21,0)+IF(Input!$D$22=2,M4476*Input!$C$22,0)</f>
        <v>0.56209484837872647</v>
      </c>
      <c r="P4476" s="59">
        <f>IF(Input!$D$19=3,J4476*Input!$C$19,0)+IF(Input!$D$20=3,K4476*Input!$C$20,0)+IF(Input!$D$21=3,L4476*Input!$C$21,0)+IF(Input!$D$22=3,M4476*Input!$C$22,0)</f>
        <v>0</v>
      </c>
      <c r="Q4476" s="75">
        <f>IF(Input!$D$19=4,J4476*Input!$C$19,0)+IF(Input!$D$20=4,K4476*Input!$C$20,0)+IF(Input!$D$21=4,L4476*Input!$C$21,0)+IF(Input!$D$22=4,M4476*Input!$C$22,0)</f>
        <v>0</v>
      </c>
      <c r="R4476" s="58">
        <v>61.550059616483196</v>
      </c>
      <c r="S4476" s="124">
        <f t="shared" si="69"/>
        <v>0.97429773718979251</v>
      </c>
    </row>
    <row r="4477" spans="8:19" x14ac:dyDescent="0.3">
      <c r="H4477" s="44">
        <v>4470</v>
      </c>
      <c r="I4477" s="56">
        <f>Bühler!I4503</f>
        <v>0.28979112183081007</v>
      </c>
      <c r="J4477" s="59">
        <f>Bühler!J4503</f>
        <v>0.96597040610270035</v>
      </c>
      <c r="K4477" s="59">
        <f>Bühler!K4503</f>
        <v>1.4489556091540505</v>
      </c>
      <c r="L4477" s="59">
        <f>Bühler!L4503</f>
        <v>6.9549869239394422</v>
      </c>
      <c r="M4477" s="58">
        <f>Bühler!M4503</f>
        <v>0</v>
      </c>
      <c r="N4477" s="56">
        <f>IF(Input!$D$19=1,J4477*Input!$C$19,0)+IF(Input!$D$20=1,K4477*Input!$C$20,0)+IF(Input!$D$21=1,L4477*Input!$C$21,0)+IF(Input!$D$22=1,M4477*Input!$C$22,0)</f>
        <v>0.28979112183081007</v>
      </c>
      <c r="O4477" s="59">
        <f>IF(Input!$D$19=2,J4477*Input!$C$19,0)+IF(Input!$D$20=2,K4477*Input!$C$20,0)+IF(Input!$D$21=2,L4477*Input!$C$21,0)+IF(Input!$D$22=2,M4477*Input!$C$22,0)</f>
        <v>0.72447780457702526</v>
      </c>
      <c r="P4477" s="59">
        <f>IF(Input!$D$19=3,J4477*Input!$C$19,0)+IF(Input!$D$20=3,K4477*Input!$C$20,0)+IF(Input!$D$21=3,L4477*Input!$C$21,0)+IF(Input!$D$22=3,M4477*Input!$C$22,0)</f>
        <v>0</v>
      </c>
      <c r="Q4477" s="75">
        <f>IF(Input!$D$19=4,J4477*Input!$C$19,0)+IF(Input!$D$20=4,K4477*Input!$C$20,0)+IF(Input!$D$21=4,L4477*Input!$C$21,0)+IF(Input!$D$22=4,M4477*Input!$C$22,0)</f>
        <v>0</v>
      </c>
      <c r="R4477" s="58">
        <v>63.90147872880425</v>
      </c>
      <c r="S4477" s="124">
        <f t="shared" si="69"/>
        <v>1.2557615279335104</v>
      </c>
    </row>
    <row r="4478" spans="8:19" x14ac:dyDescent="0.3">
      <c r="H4478" s="44">
        <v>4471</v>
      </c>
      <c r="I4478" s="56">
        <f>Bühler!I4504</f>
        <v>0.34974790565787428</v>
      </c>
      <c r="J4478" s="59">
        <f>Bühler!J4504</f>
        <v>1.1658263521929144</v>
      </c>
      <c r="K4478" s="59">
        <f>Bühler!K4504</f>
        <v>1.7487395282893714</v>
      </c>
      <c r="L4478" s="59">
        <f>Bühler!L4504</f>
        <v>8.3939497357889827</v>
      </c>
      <c r="M4478" s="58">
        <f>Bühler!M4504</f>
        <v>0</v>
      </c>
      <c r="N4478" s="56">
        <f>IF(Input!$D$19=1,J4478*Input!$C$19,0)+IF(Input!$D$20=1,K4478*Input!$C$20,0)+IF(Input!$D$21=1,L4478*Input!$C$21,0)+IF(Input!$D$22=1,M4478*Input!$C$22,0)</f>
        <v>0.34974790565787434</v>
      </c>
      <c r="O4478" s="59">
        <f>IF(Input!$D$19=2,J4478*Input!$C$19,0)+IF(Input!$D$20=2,K4478*Input!$C$20,0)+IF(Input!$D$21=2,L4478*Input!$C$21,0)+IF(Input!$D$22=2,M4478*Input!$C$22,0)</f>
        <v>0.8743697641446857</v>
      </c>
      <c r="P4478" s="59">
        <f>IF(Input!$D$19=3,J4478*Input!$C$19,0)+IF(Input!$D$20=3,K4478*Input!$C$20,0)+IF(Input!$D$21=3,L4478*Input!$C$21,0)+IF(Input!$D$22=3,M4478*Input!$C$22,0)</f>
        <v>0</v>
      </c>
      <c r="Q4478" s="75">
        <f>IF(Input!$D$19=4,J4478*Input!$C$19,0)+IF(Input!$D$20=4,K4478*Input!$C$20,0)+IF(Input!$D$21=4,L4478*Input!$C$21,0)+IF(Input!$D$22=4,M4478*Input!$C$22,0)</f>
        <v>0</v>
      </c>
      <c r="R4478" s="58">
        <v>66.400481280836971</v>
      </c>
      <c r="S4478" s="124">
        <f t="shared" si="69"/>
        <v>1.5155742578507887</v>
      </c>
    </row>
    <row r="4479" spans="8:19" x14ac:dyDescent="0.3">
      <c r="H4479" s="44">
        <v>4472</v>
      </c>
      <c r="I4479" s="56">
        <f>Bühler!I4505</f>
        <v>0.34974790565787428</v>
      </c>
      <c r="J4479" s="59">
        <f>Bühler!J4505</f>
        <v>1.1658263521929144</v>
      </c>
      <c r="K4479" s="59">
        <f>Bühler!K4505</f>
        <v>1.7487395282893714</v>
      </c>
      <c r="L4479" s="59">
        <f>Bühler!L4505</f>
        <v>8.3939497357889827</v>
      </c>
      <c r="M4479" s="58">
        <f>Bühler!M4505</f>
        <v>0</v>
      </c>
      <c r="N4479" s="56">
        <f>IF(Input!$D$19=1,J4479*Input!$C$19,0)+IF(Input!$D$20=1,K4479*Input!$C$20,0)+IF(Input!$D$21=1,L4479*Input!$C$21,0)+IF(Input!$D$22=1,M4479*Input!$C$22,0)</f>
        <v>0.34974790565787434</v>
      </c>
      <c r="O4479" s="59">
        <f>IF(Input!$D$19=2,J4479*Input!$C$19,0)+IF(Input!$D$20=2,K4479*Input!$C$20,0)+IF(Input!$D$21=2,L4479*Input!$C$21,0)+IF(Input!$D$22=2,M4479*Input!$C$22,0)</f>
        <v>0.8743697641446857</v>
      </c>
      <c r="P4479" s="59">
        <f>IF(Input!$D$19=3,J4479*Input!$C$19,0)+IF(Input!$D$20=3,K4479*Input!$C$20,0)+IF(Input!$D$21=3,L4479*Input!$C$21,0)+IF(Input!$D$22=3,M4479*Input!$C$22,0)</f>
        <v>0</v>
      </c>
      <c r="Q4479" s="75">
        <f>IF(Input!$D$19=4,J4479*Input!$C$19,0)+IF(Input!$D$20=4,K4479*Input!$C$20,0)+IF(Input!$D$21=4,L4479*Input!$C$21,0)+IF(Input!$D$22=4,M4479*Input!$C$22,0)</f>
        <v>0</v>
      </c>
      <c r="R4479" s="58">
        <v>68.540735715823502</v>
      </c>
      <c r="S4479" s="124">
        <f t="shared" si="69"/>
        <v>1.5155742578507887</v>
      </c>
    </row>
    <row r="4480" spans="8:19" x14ac:dyDescent="0.3">
      <c r="H4480" s="44">
        <v>4473</v>
      </c>
      <c r="I4480" s="56">
        <f>Bühler!I4506</f>
        <v>0.34974790565787428</v>
      </c>
      <c r="J4480" s="59">
        <f>Bühler!J4506</f>
        <v>1.1658263521929144</v>
      </c>
      <c r="K4480" s="59">
        <f>Bühler!K4506</f>
        <v>1.7487395282893714</v>
      </c>
      <c r="L4480" s="59">
        <f>Bühler!L4506</f>
        <v>8.3939497357889827</v>
      </c>
      <c r="M4480" s="58">
        <f>Bühler!M4506</f>
        <v>0</v>
      </c>
      <c r="N4480" s="56">
        <f>IF(Input!$D$19=1,J4480*Input!$C$19,0)+IF(Input!$D$20=1,K4480*Input!$C$20,0)+IF(Input!$D$21=1,L4480*Input!$C$21,0)+IF(Input!$D$22=1,M4480*Input!$C$22,0)</f>
        <v>0.34974790565787434</v>
      </c>
      <c r="O4480" s="59">
        <f>IF(Input!$D$19=2,J4480*Input!$C$19,0)+IF(Input!$D$20=2,K4480*Input!$C$20,0)+IF(Input!$D$21=2,L4480*Input!$C$21,0)+IF(Input!$D$22=2,M4480*Input!$C$22,0)</f>
        <v>0.8743697641446857</v>
      </c>
      <c r="P4480" s="59">
        <f>IF(Input!$D$19=3,J4480*Input!$C$19,0)+IF(Input!$D$20=3,K4480*Input!$C$20,0)+IF(Input!$D$21=3,L4480*Input!$C$21,0)+IF(Input!$D$22=3,M4480*Input!$C$22,0)</f>
        <v>0</v>
      </c>
      <c r="Q4480" s="75">
        <f>IF(Input!$D$19=4,J4480*Input!$C$19,0)+IF(Input!$D$20=4,K4480*Input!$C$20,0)+IF(Input!$D$21=4,L4480*Input!$C$21,0)+IF(Input!$D$22=4,M4480*Input!$C$22,0)</f>
        <v>0</v>
      </c>
      <c r="R4480" s="58">
        <v>69.778460273906887</v>
      </c>
      <c r="S4480" s="124">
        <f t="shared" si="69"/>
        <v>1.5155742578507887</v>
      </c>
    </row>
    <row r="4481" spans="8:19" x14ac:dyDescent="0.3">
      <c r="H4481" s="44">
        <v>4474</v>
      </c>
      <c r="I4481" s="56">
        <f>Bühler!I4507</f>
        <v>0.37472989891915098</v>
      </c>
      <c r="J4481" s="59">
        <f>Bühler!J4507</f>
        <v>1.2490996630638369</v>
      </c>
      <c r="K4481" s="59">
        <f>Bühler!K4507</f>
        <v>1.8736494945957549</v>
      </c>
      <c r="L4481" s="59">
        <f>Bühler!L4507</f>
        <v>8.9935175740596236</v>
      </c>
      <c r="M4481" s="58">
        <f>Bühler!M4507</f>
        <v>0</v>
      </c>
      <c r="N4481" s="56">
        <f>IF(Input!$D$19=1,J4481*Input!$C$19,0)+IF(Input!$D$20=1,K4481*Input!$C$20,0)+IF(Input!$D$21=1,L4481*Input!$C$21,0)+IF(Input!$D$22=1,M4481*Input!$C$22,0)</f>
        <v>0.37472989891915104</v>
      </c>
      <c r="O4481" s="59">
        <f>IF(Input!$D$19=2,J4481*Input!$C$19,0)+IF(Input!$D$20=2,K4481*Input!$C$20,0)+IF(Input!$D$21=2,L4481*Input!$C$21,0)+IF(Input!$D$22=2,M4481*Input!$C$22,0)</f>
        <v>0.93682474729787746</v>
      </c>
      <c r="P4481" s="59">
        <f>IF(Input!$D$19=3,J4481*Input!$C$19,0)+IF(Input!$D$20=3,K4481*Input!$C$20,0)+IF(Input!$D$21=3,L4481*Input!$C$21,0)+IF(Input!$D$22=3,M4481*Input!$C$22,0)</f>
        <v>0</v>
      </c>
      <c r="Q4481" s="75">
        <f>IF(Input!$D$19=4,J4481*Input!$C$19,0)+IF(Input!$D$20=4,K4481*Input!$C$20,0)+IF(Input!$D$21=4,L4481*Input!$C$21,0)+IF(Input!$D$22=4,M4481*Input!$C$22,0)</f>
        <v>0</v>
      </c>
      <c r="R4481" s="58">
        <v>70.101928840606774</v>
      </c>
      <c r="S4481" s="124">
        <f t="shared" si="69"/>
        <v>1.6238295619829879</v>
      </c>
    </row>
    <row r="4482" spans="8:19" x14ac:dyDescent="0.3">
      <c r="H4482" s="44">
        <v>4475</v>
      </c>
      <c r="I4482" s="56">
        <f>Bühler!I4508</f>
        <v>0.38971909487591705</v>
      </c>
      <c r="J4482" s="59">
        <f>Bühler!J4508</f>
        <v>1.2990636495863903</v>
      </c>
      <c r="K4482" s="59">
        <f>Bühler!K4508</f>
        <v>1.948595474379585</v>
      </c>
      <c r="L4482" s="59">
        <f>Bühler!L4508</f>
        <v>9.3532582770220092</v>
      </c>
      <c r="M4482" s="58">
        <f>Bühler!M4508</f>
        <v>0</v>
      </c>
      <c r="N4482" s="56">
        <f>IF(Input!$D$19=1,J4482*Input!$C$19,0)+IF(Input!$D$20=1,K4482*Input!$C$20,0)+IF(Input!$D$21=1,L4482*Input!$C$21,0)+IF(Input!$D$22=1,M4482*Input!$C$22,0)</f>
        <v>0.3897190948759171</v>
      </c>
      <c r="O4482" s="59">
        <f>IF(Input!$D$19=2,J4482*Input!$C$19,0)+IF(Input!$D$20=2,K4482*Input!$C$20,0)+IF(Input!$D$21=2,L4482*Input!$C$21,0)+IF(Input!$D$22=2,M4482*Input!$C$22,0)</f>
        <v>0.97429773718979251</v>
      </c>
      <c r="P4482" s="59">
        <f>IF(Input!$D$19=3,J4482*Input!$C$19,0)+IF(Input!$D$20=3,K4482*Input!$C$20,0)+IF(Input!$D$21=3,L4482*Input!$C$21,0)+IF(Input!$D$22=3,M4482*Input!$C$22,0)</f>
        <v>0</v>
      </c>
      <c r="Q4482" s="75">
        <f>IF(Input!$D$19=4,J4482*Input!$C$19,0)+IF(Input!$D$20=4,K4482*Input!$C$20,0)+IF(Input!$D$21=4,L4482*Input!$C$21,0)+IF(Input!$D$22=4,M4482*Input!$C$22,0)</f>
        <v>0</v>
      </c>
      <c r="R4482" s="58">
        <v>71.351576670498346</v>
      </c>
      <c r="S4482" s="124">
        <f t="shared" si="69"/>
        <v>1.6887827444623074</v>
      </c>
    </row>
    <row r="4483" spans="8:19" x14ac:dyDescent="0.3">
      <c r="H4483" s="44">
        <v>4476</v>
      </c>
      <c r="I4483" s="56">
        <f>Bühler!I4509</f>
        <v>0.44967587870298115</v>
      </c>
      <c r="J4483" s="59">
        <f>Bühler!J4509</f>
        <v>1.4989195956766039</v>
      </c>
      <c r="K4483" s="59">
        <f>Bühler!K4509</f>
        <v>2.2483793935149059</v>
      </c>
      <c r="L4483" s="59">
        <f>Bühler!L4509</f>
        <v>10.792221088871548</v>
      </c>
      <c r="M4483" s="58">
        <f>Bühler!M4509</f>
        <v>0</v>
      </c>
      <c r="N4483" s="56">
        <f>IF(Input!$D$19=1,J4483*Input!$C$19,0)+IF(Input!$D$20=1,K4483*Input!$C$20,0)+IF(Input!$D$21=1,L4483*Input!$C$21,0)+IF(Input!$D$22=1,M4483*Input!$C$22,0)</f>
        <v>0.44967587870298115</v>
      </c>
      <c r="O4483" s="59">
        <f>IF(Input!$D$19=2,J4483*Input!$C$19,0)+IF(Input!$D$20=2,K4483*Input!$C$20,0)+IF(Input!$D$21=2,L4483*Input!$C$21,0)+IF(Input!$D$22=2,M4483*Input!$C$22,0)</f>
        <v>1.1241896967574529</v>
      </c>
      <c r="P4483" s="59">
        <f>IF(Input!$D$19=3,J4483*Input!$C$19,0)+IF(Input!$D$20=3,K4483*Input!$C$20,0)+IF(Input!$D$21=3,L4483*Input!$C$21,0)+IF(Input!$D$22=3,M4483*Input!$C$22,0)</f>
        <v>0</v>
      </c>
      <c r="Q4483" s="75">
        <f>IF(Input!$D$19=4,J4483*Input!$C$19,0)+IF(Input!$D$20=4,K4483*Input!$C$20,0)+IF(Input!$D$21=4,L4483*Input!$C$21,0)+IF(Input!$D$22=4,M4483*Input!$C$22,0)</f>
        <v>0</v>
      </c>
      <c r="R4483" s="58">
        <v>71.770554527117994</v>
      </c>
      <c r="S4483" s="124">
        <f t="shared" si="69"/>
        <v>1.948595474379585</v>
      </c>
    </row>
    <row r="4484" spans="8:19" x14ac:dyDescent="0.3">
      <c r="H4484" s="44">
        <v>4477</v>
      </c>
      <c r="I4484" s="56">
        <f>Bühler!I4510</f>
        <v>0.44967587870298115</v>
      </c>
      <c r="J4484" s="59">
        <f>Bühler!J4510</f>
        <v>1.4989195956766039</v>
      </c>
      <c r="K4484" s="59">
        <f>Bühler!K4510</f>
        <v>2.2483793935149059</v>
      </c>
      <c r="L4484" s="59">
        <f>Bühler!L4510</f>
        <v>10.792221088871548</v>
      </c>
      <c r="M4484" s="58">
        <f>Bühler!M4510</f>
        <v>0</v>
      </c>
      <c r="N4484" s="56">
        <f>IF(Input!$D$19=1,J4484*Input!$C$19,0)+IF(Input!$D$20=1,K4484*Input!$C$20,0)+IF(Input!$D$21=1,L4484*Input!$C$21,0)+IF(Input!$D$22=1,M4484*Input!$C$22,0)</f>
        <v>0.44967587870298115</v>
      </c>
      <c r="O4484" s="59">
        <f>IF(Input!$D$19=2,J4484*Input!$C$19,0)+IF(Input!$D$20=2,K4484*Input!$C$20,0)+IF(Input!$D$21=2,L4484*Input!$C$21,0)+IF(Input!$D$22=2,M4484*Input!$C$22,0)</f>
        <v>1.1241896967574529</v>
      </c>
      <c r="P4484" s="59">
        <f>IF(Input!$D$19=3,J4484*Input!$C$19,0)+IF(Input!$D$20=3,K4484*Input!$C$20,0)+IF(Input!$D$21=3,L4484*Input!$C$21,0)+IF(Input!$D$22=3,M4484*Input!$C$22,0)</f>
        <v>0</v>
      </c>
      <c r="Q4484" s="75">
        <f>IF(Input!$D$19=4,J4484*Input!$C$19,0)+IF(Input!$D$20=4,K4484*Input!$C$20,0)+IF(Input!$D$21=4,L4484*Input!$C$21,0)+IF(Input!$D$22=4,M4484*Input!$C$22,0)</f>
        <v>0</v>
      </c>
      <c r="R4484" s="58">
        <v>70.255303257059239</v>
      </c>
      <c r="S4484" s="124">
        <f t="shared" si="69"/>
        <v>1.948595474379585</v>
      </c>
    </row>
    <row r="4485" spans="8:19" x14ac:dyDescent="0.3">
      <c r="H4485" s="44">
        <v>4478</v>
      </c>
      <c r="I4485" s="56">
        <f>Bühler!I4511</f>
        <v>0.44967587870298115</v>
      </c>
      <c r="J4485" s="59">
        <f>Bühler!J4511</f>
        <v>1.4989195956766039</v>
      </c>
      <c r="K4485" s="59">
        <f>Bühler!K4511</f>
        <v>2.2483793935149059</v>
      </c>
      <c r="L4485" s="59">
        <f>Bühler!L4511</f>
        <v>10.792221088871548</v>
      </c>
      <c r="M4485" s="58">
        <f>Bühler!M4511</f>
        <v>0</v>
      </c>
      <c r="N4485" s="56">
        <f>IF(Input!$D$19=1,J4485*Input!$C$19,0)+IF(Input!$D$20=1,K4485*Input!$C$20,0)+IF(Input!$D$21=1,L4485*Input!$C$21,0)+IF(Input!$D$22=1,M4485*Input!$C$22,0)</f>
        <v>0.44967587870298115</v>
      </c>
      <c r="O4485" s="59">
        <f>IF(Input!$D$19=2,J4485*Input!$C$19,0)+IF(Input!$D$20=2,K4485*Input!$C$20,0)+IF(Input!$D$21=2,L4485*Input!$C$21,0)+IF(Input!$D$22=2,M4485*Input!$C$22,0)</f>
        <v>1.1241896967574529</v>
      </c>
      <c r="P4485" s="59">
        <f>IF(Input!$D$19=3,J4485*Input!$C$19,0)+IF(Input!$D$20=3,K4485*Input!$C$20,0)+IF(Input!$D$21=3,L4485*Input!$C$21,0)+IF(Input!$D$22=3,M4485*Input!$C$22,0)</f>
        <v>0</v>
      </c>
      <c r="Q4485" s="75">
        <f>IF(Input!$D$19=4,J4485*Input!$C$19,0)+IF(Input!$D$20=4,K4485*Input!$C$20,0)+IF(Input!$D$21=4,L4485*Input!$C$21,0)+IF(Input!$D$22=4,M4485*Input!$C$22,0)</f>
        <v>0</v>
      </c>
      <c r="R4485" s="58">
        <v>69.685876667712279</v>
      </c>
      <c r="S4485" s="124">
        <f t="shared" si="69"/>
        <v>1.948595474379585</v>
      </c>
    </row>
    <row r="4486" spans="8:19" x14ac:dyDescent="0.3">
      <c r="H4486" s="44">
        <v>4479</v>
      </c>
      <c r="I4486" s="56">
        <f>Bühler!I4512</f>
        <v>0.44967587870298115</v>
      </c>
      <c r="J4486" s="59">
        <f>Bühler!J4512</f>
        <v>1.4989195956766039</v>
      </c>
      <c r="K4486" s="59">
        <f>Bühler!K4512</f>
        <v>2.2483793935149059</v>
      </c>
      <c r="L4486" s="59">
        <f>Bühler!L4512</f>
        <v>10.792221088871548</v>
      </c>
      <c r="M4486" s="58">
        <f>Bühler!M4512</f>
        <v>0</v>
      </c>
      <c r="N4486" s="56">
        <f>IF(Input!$D$19=1,J4486*Input!$C$19,0)+IF(Input!$D$20=1,K4486*Input!$C$20,0)+IF(Input!$D$21=1,L4486*Input!$C$21,0)+IF(Input!$D$22=1,M4486*Input!$C$22,0)</f>
        <v>0.44967587870298115</v>
      </c>
      <c r="O4486" s="59">
        <f>IF(Input!$D$19=2,J4486*Input!$C$19,0)+IF(Input!$D$20=2,K4486*Input!$C$20,0)+IF(Input!$D$21=2,L4486*Input!$C$21,0)+IF(Input!$D$22=2,M4486*Input!$C$22,0)</f>
        <v>1.1241896967574529</v>
      </c>
      <c r="P4486" s="59">
        <f>IF(Input!$D$19=3,J4486*Input!$C$19,0)+IF(Input!$D$20=3,K4486*Input!$C$20,0)+IF(Input!$D$21=3,L4486*Input!$C$21,0)+IF(Input!$D$22=3,M4486*Input!$C$22,0)</f>
        <v>0</v>
      </c>
      <c r="Q4486" s="75">
        <f>IF(Input!$D$19=4,J4486*Input!$C$19,0)+IF(Input!$D$20=4,K4486*Input!$C$20,0)+IF(Input!$D$21=4,L4486*Input!$C$21,0)+IF(Input!$D$22=4,M4486*Input!$C$22,0)</f>
        <v>0</v>
      </c>
      <c r="R4486" s="58">
        <v>69.439223710596238</v>
      </c>
      <c r="S4486" s="124">
        <f t="shared" si="69"/>
        <v>1.948595474379585</v>
      </c>
    </row>
    <row r="4487" spans="8:19" x14ac:dyDescent="0.3">
      <c r="H4487" s="44">
        <v>4480</v>
      </c>
      <c r="I4487" s="56">
        <f>Bühler!I4513</f>
        <v>0.37472989891915098</v>
      </c>
      <c r="J4487" s="59">
        <f>Bühler!J4513</f>
        <v>1.2490996630638369</v>
      </c>
      <c r="K4487" s="59">
        <f>Bühler!K4513</f>
        <v>1.8736494945957549</v>
      </c>
      <c r="L4487" s="59">
        <f>Bühler!L4513</f>
        <v>8.9935175740596236</v>
      </c>
      <c r="M4487" s="58">
        <f>Bühler!M4513</f>
        <v>0</v>
      </c>
      <c r="N4487" s="56">
        <f>IF(Input!$D$19=1,J4487*Input!$C$19,0)+IF(Input!$D$20=1,K4487*Input!$C$20,0)+IF(Input!$D$21=1,L4487*Input!$C$21,0)+IF(Input!$D$22=1,M4487*Input!$C$22,0)</f>
        <v>0.37472989891915104</v>
      </c>
      <c r="O4487" s="59">
        <f>IF(Input!$D$19=2,J4487*Input!$C$19,0)+IF(Input!$D$20=2,K4487*Input!$C$20,0)+IF(Input!$D$21=2,L4487*Input!$C$21,0)+IF(Input!$D$22=2,M4487*Input!$C$22,0)</f>
        <v>0.93682474729787746</v>
      </c>
      <c r="P4487" s="59">
        <f>IF(Input!$D$19=3,J4487*Input!$C$19,0)+IF(Input!$D$20=3,K4487*Input!$C$20,0)+IF(Input!$D$21=3,L4487*Input!$C$21,0)+IF(Input!$D$22=3,M4487*Input!$C$22,0)</f>
        <v>0</v>
      </c>
      <c r="Q4487" s="75">
        <f>IF(Input!$D$19=4,J4487*Input!$C$19,0)+IF(Input!$D$20=4,K4487*Input!$C$20,0)+IF(Input!$D$21=4,L4487*Input!$C$21,0)+IF(Input!$D$22=4,M4487*Input!$C$22,0)</f>
        <v>0</v>
      </c>
      <c r="R4487" s="58">
        <v>68.719071285584505</v>
      </c>
      <c r="S4487" s="124">
        <f t="shared" si="69"/>
        <v>1.6238295619829879</v>
      </c>
    </row>
    <row r="4488" spans="8:19" x14ac:dyDescent="0.3">
      <c r="H4488" s="44">
        <v>4481</v>
      </c>
      <c r="I4488" s="56">
        <f>Bühler!I4514</f>
        <v>0.35474430431012965</v>
      </c>
      <c r="J4488" s="59">
        <f>Bühler!J4514</f>
        <v>1.182481014367099</v>
      </c>
      <c r="K4488" s="59">
        <f>Bühler!K4514</f>
        <v>1.7737215215506483</v>
      </c>
      <c r="L4488" s="59">
        <f>Bühler!L4514</f>
        <v>8.5138633034431113</v>
      </c>
      <c r="M4488" s="58">
        <f>Bühler!M4514</f>
        <v>0</v>
      </c>
      <c r="N4488" s="56">
        <f>IF(Input!$D$19=1,J4488*Input!$C$19,0)+IF(Input!$D$20=1,K4488*Input!$C$20,0)+IF(Input!$D$21=1,L4488*Input!$C$21,0)+IF(Input!$D$22=1,M4488*Input!$C$22,0)</f>
        <v>0.35474430431012965</v>
      </c>
      <c r="O4488" s="59">
        <f>IF(Input!$D$19=2,J4488*Input!$C$19,0)+IF(Input!$D$20=2,K4488*Input!$C$20,0)+IF(Input!$D$21=2,L4488*Input!$C$21,0)+IF(Input!$D$22=2,M4488*Input!$C$22,0)</f>
        <v>0.88686076077532416</v>
      </c>
      <c r="P4488" s="59">
        <f>IF(Input!$D$19=3,J4488*Input!$C$19,0)+IF(Input!$D$20=3,K4488*Input!$C$20,0)+IF(Input!$D$21=3,L4488*Input!$C$21,0)+IF(Input!$D$22=3,M4488*Input!$C$22,0)</f>
        <v>0</v>
      </c>
      <c r="Q4488" s="75">
        <f>IF(Input!$D$19=4,J4488*Input!$C$19,0)+IF(Input!$D$20=4,K4488*Input!$C$20,0)+IF(Input!$D$21=4,L4488*Input!$C$21,0)+IF(Input!$D$22=4,M4488*Input!$C$22,0)</f>
        <v>0</v>
      </c>
      <c r="R4488" s="58">
        <v>67.702387080504181</v>
      </c>
      <c r="S4488" s="124">
        <f t="shared" si="69"/>
        <v>1.5372253186772287</v>
      </c>
    </row>
    <row r="4489" spans="8:19" x14ac:dyDescent="0.3">
      <c r="H4489" s="44">
        <v>4482</v>
      </c>
      <c r="I4489" s="56">
        <f>Bühler!I4515</f>
        <v>0.35474430431012965</v>
      </c>
      <c r="J4489" s="59">
        <f>Bühler!J4515</f>
        <v>1.182481014367099</v>
      </c>
      <c r="K4489" s="59">
        <f>Bühler!K4515</f>
        <v>1.7737215215506483</v>
      </c>
      <c r="L4489" s="59">
        <f>Bühler!L4515</f>
        <v>8.5138633034431113</v>
      </c>
      <c r="M4489" s="58">
        <f>Bühler!M4515</f>
        <v>0</v>
      </c>
      <c r="N4489" s="56">
        <f>IF(Input!$D$19=1,J4489*Input!$C$19,0)+IF(Input!$D$20=1,K4489*Input!$C$20,0)+IF(Input!$D$21=1,L4489*Input!$C$21,0)+IF(Input!$D$22=1,M4489*Input!$C$22,0)</f>
        <v>0.35474430431012965</v>
      </c>
      <c r="O4489" s="59">
        <f>IF(Input!$D$19=2,J4489*Input!$C$19,0)+IF(Input!$D$20=2,K4489*Input!$C$20,0)+IF(Input!$D$21=2,L4489*Input!$C$21,0)+IF(Input!$D$22=2,M4489*Input!$C$22,0)</f>
        <v>0.88686076077532416</v>
      </c>
      <c r="P4489" s="59">
        <f>IF(Input!$D$19=3,J4489*Input!$C$19,0)+IF(Input!$D$20=3,K4489*Input!$C$20,0)+IF(Input!$D$21=3,L4489*Input!$C$21,0)+IF(Input!$D$22=3,M4489*Input!$C$22,0)</f>
        <v>0</v>
      </c>
      <c r="Q4489" s="75">
        <f>IF(Input!$D$19=4,J4489*Input!$C$19,0)+IF(Input!$D$20=4,K4489*Input!$C$20,0)+IF(Input!$D$21=4,L4489*Input!$C$21,0)+IF(Input!$D$22=4,M4489*Input!$C$22,0)</f>
        <v>0</v>
      </c>
      <c r="R4489" s="58">
        <v>66.045722677231822</v>
      </c>
      <c r="S4489" s="124">
        <f t="shared" ref="S4489:S4552" si="70">I4489+J4489</f>
        <v>1.5372253186772287</v>
      </c>
    </row>
    <row r="4490" spans="8:19" x14ac:dyDescent="0.3">
      <c r="H4490" s="44">
        <v>4483</v>
      </c>
      <c r="I4490" s="56">
        <f>Bühler!I4516</f>
        <v>0.35474430431012965</v>
      </c>
      <c r="J4490" s="59">
        <f>Bühler!J4516</f>
        <v>1.182481014367099</v>
      </c>
      <c r="K4490" s="59">
        <f>Bühler!K4516</f>
        <v>1.7737215215506483</v>
      </c>
      <c r="L4490" s="59">
        <f>Bühler!L4516</f>
        <v>8.5138633034431113</v>
      </c>
      <c r="M4490" s="58">
        <f>Bühler!M4516</f>
        <v>0</v>
      </c>
      <c r="N4490" s="56">
        <f>IF(Input!$D$19=1,J4490*Input!$C$19,0)+IF(Input!$D$20=1,K4490*Input!$C$20,0)+IF(Input!$D$21=1,L4490*Input!$C$21,0)+IF(Input!$D$22=1,M4490*Input!$C$22,0)</f>
        <v>0.35474430431012965</v>
      </c>
      <c r="O4490" s="59">
        <f>IF(Input!$D$19=2,J4490*Input!$C$19,0)+IF(Input!$D$20=2,K4490*Input!$C$20,0)+IF(Input!$D$21=2,L4490*Input!$C$21,0)+IF(Input!$D$22=2,M4490*Input!$C$22,0)</f>
        <v>0.88686076077532416</v>
      </c>
      <c r="P4490" s="59">
        <f>IF(Input!$D$19=3,J4490*Input!$C$19,0)+IF(Input!$D$20=3,K4490*Input!$C$20,0)+IF(Input!$D$21=3,L4490*Input!$C$21,0)+IF(Input!$D$22=3,M4490*Input!$C$22,0)</f>
        <v>0</v>
      </c>
      <c r="Q4490" s="75">
        <f>IF(Input!$D$19=4,J4490*Input!$C$19,0)+IF(Input!$D$20=4,K4490*Input!$C$20,0)+IF(Input!$D$21=4,L4490*Input!$C$21,0)+IF(Input!$D$22=4,M4490*Input!$C$22,0)</f>
        <v>0</v>
      </c>
      <c r="R4490" s="58">
        <v>64.649319303650046</v>
      </c>
      <c r="S4490" s="124">
        <f t="shared" si="70"/>
        <v>1.5372253186772287</v>
      </c>
    </row>
    <row r="4491" spans="8:19" x14ac:dyDescent="0.3">
      <c r="H4491" s="44">
        <v>4484</v>
      </c>
      <c r="I4491" s="56">
        <f>Bühler!I4517</f>
        <v>0.35474430431012965</v>
      </c>
      <c r="J4491" s="59">
        <f>Bühler!J4517</f>
        <v>1.182481014367099</v>
      </c>
      <c r="K4491" s="59">
        <f>Bühler!K4517</f>
        <v>1.7737215215506483</v>
      </c>
      <c r="L4491" s="59">
        <f>Bühler!L4517</f>
        <v>8.5138633034431113</v>
      </c>
      <c r="M4491" s="58">
        <f>Bühler!M4517</f>
        <v>0</v>
      </c>
      <c r="N4491" s="56">
        <f>IF(Input!$D$19=1,J4491*Input!$C$19,0)+IF(Input!$D$20=1,K4491*Input!$C$20,0)+IF(Input!$D$21=1,L4491*Input!$C$21,0)+IF(Input!$D$22=1,M4491*Input!$C$22,0)</f>
        <v>0.35474430431012965</v>
      </c>
      <c r="O4491" s="59">
        <f>IF(Input!$D$19=2,J4491*Input!$C$19,0)+IF(Input!$D$20=2,K4491*Input!$C$20,0)+IF(Input!$D$21=2,L4491*Input!$C$21,0)+IF(Input!$D$22=2,M4491*Input!$C$22,0)</f>
        <v>0.88686076077532416</v>
      </c>
      <c r="P4491" s="59">
        <f>IF(Input!$D$19=3,J4491*Input!$C$19,0)+IF(Input!$D$20=3,K4491*Input!$C$20,0)+IF(Input!$D$21=3,L4491*Input!$C$21,0)+IF(Input!$D$22=3,M4491*Input!$C$22,0)</f>
        <v>0</v>
      </c>
      <c r="Q4491" s="75">
        <f>IF(Input!$D$19=4,J4491*Input!$C$19,0)+IF(Input!$D$20=4,K4491*Input!$C$20,0)+IF(Input!$D$21=4,L4491*Input!$C$21,0)+IF(Input!$D$22=4,M4491*Input!$C$22,0)</f>
        <v>0</v>
      </c>
      <c r="R4491" s="58">
        <v>62.916315080930993</v>
      </c>
      <c r="S4491" s="124">
        <f t="shared" si="70"/>
        <v>1.5372253186772287</v>
      </c>
    </row>
    <row r="4492" spans="8:19" x14ac:dyDescent="0.3">
      <c r="H4492" s="44">
        <v>4485</v>
      </c>
      <c r="I4492" s="56">
        <f>Bühler!I4518</f>
        <v>0.27480192587404401</v>
      </c>
      <c r="J4492" s="59">
        <f>Bühler!J4518</f>
        <v>0.91600641958014684</v>
      </c>
      <c r="K4492" s="59">
        <f>Bühler!K4518</f>
        <v>1.3740096293702202</v>
      </c>
      <c r="L4492" s="59">
        <f>Bühler!L4518</f>
        <v>6.5952462209770566</v>
      </c>
      <c r="M4492" s="58">
        <f>Bühler!M4518</f>
        <v>0</v>
      </c>
      <c r="N4492" s="56">
        <f>IF(Input!$D$19=1,J4492*Input!$C$19,0)+IF(Input!$D$20=1,K4492*Input!$C$20,0)+IF(Input!$D$21=1,L4492*Input!$C$21,0)+IF(Input!$D$22=1,M4492*Input!$C$22,0)</f>
        <v>0.27480192587404406</v>
      </c>
      <c r="O4492" s="59">
        <f>IF(Input!$D$19=2,J4492*Input!$C$19,0)+IF(Input!$D$20=2,K4492*Input!$C$20,0)+IF(Input!$D$21=2,L4492*Input!$C$21,0)+IF(Input!$D$22=2,M4492*Input!$C$22,0)</f>
        <v>0.6870048146851101</v>
      </c>
      <c r="P4492" s="59">
        <f>IF(Input!$D$19=3,J4492*Input!$C$19,0)+IF(Input!$D$20=3,K4492*Input!$C$20,0)+IF(Input!$D$21=3,L4492*Input!$C$21,0)+IF(Input!$D$22=3,M4492*Input!$C$22,0)</f>
        <v>0</v>
      </c>
      <c r="Q4492" s="75">
        <f>IF(Input!$D$19=4,J4492*Input!$C$19,0)+IF(Input!$D$20=4,K4492*Input!$C$20,0)+IF(Input!$D$21=4,L4492*Input!$C$21,0)+IF(Input!$D$22=4,M4492*Input!$C$22,0)</f>
        <v>0</v>
      </c>
      <c r="R4492" s="58">
        <v>61.635274516584573</v>
      </c>
      <c r="S4492" s="124">
        <f t="shared" si="70"/>
        <v>1.1908083454541909</v>
      </c>
    </row>
    <row r="4493" spans="8:19" x14ac:dyDescent="0.3">
      <c r="H4493" s="44">
        <v>4486</v>
      </c>
      <c r="I4493" s="56">
        <f>Bühler!I4519</f>
        <v>0.10492437169736228</v>
      </c>
      <c r="J4493" s="59">
        <f>Bühler!J4519</f>
        <v>0.34974790565787428</v>
      </c>
      <c r="K4493" s="59">
        <f>Bühler!K4519</f>
        <v>0.52462185848681142</v>
      </c>
      <c r="L4493" s="59">
        <f>Bühler!L4519</f>
        <v>2.5181849207366946</v>
      </c>
      <c r="M4493" s="58">
        <f>Bühler!M4519</f>
        <v>0</v>
      </c>
      <c r="N4493" s="56">
        <f>IF(Input!$D$19=1,J4493*Input!$C$19,0)+IF(Input!$D$20=1,K4493*Input!$C$20,0)+IF(Input!$D$21=1,L4493*Input!$C$21,0)+IF(Input!$D$22=1,M4493*Input!$C$22,0)</f>
        <v>0.10492437169736228</v>
      </c>
      <c r="O4493" s="59">
        <f>IF(Input!$D$19=2,J4493*Input!$C$19,0)+IF(Input!$D$20=2,K4493*Input!$C$20,0)+IF(Input!$D$21=2,L4493*Input!$C$21,0)+IF(Input!$D$22=2,M4493*Input!$C$22,0)</f>
        <v>0.26231092924340571</v>
      </c>
      <c r="P4493" s="59">
        <f>IF(Input!$D$19=3,J4493*Input!$C$19,0)+IF(Input!$D$20=3,K4493*Input!$C$20,0)+IF(Input!$D$21=3,L4493*Input!$C$21,0)+IF(Input!$D$22=3,M4493*Input!$C$22,0)</f>
        <v>0</v>
      </c>
      <c r="Q4493" s="75">
        <f>IF(Input!$D$19=4,J4493*Input!$C$19,0)+IF(Input!$D$20=4,K4493*Input!$C$20,0)+IF(Input!$D$21=4,L4493*Input!$C$21,0)+IF(Input!$D$22=4,M4493*Input!$C$22,0)</f>
        <v>0</v>
      </c>
      <c r="R4493" s="58">
        <v>59.418485458472475</v>
      </c>
      <c r="S4493" s="124">
        <f t="shared" si="70"/>
        <v>0.45467227735523658</v>
      </c>
    </row>
    <row r="4494" spans="8:19" x14ac:dyDescent="0.3">
      <c r="H4494" s="44">
        <v>4487</v>
      </c>
      <c r="I4494" s="56">
        <f>Bühler!I4520</f>
        <v>0.10492437169736228</v>
      </c>
      <c r="J4494" s="59">
        <f>Bühler!J4520</f>
        <v>0.34974790565787428</v>
      </c>
      <c r="K4494" s="59">
        <f>Bühler!K4520</f>
        <v>0.52462185848681142</v>
      </c>
      <c r="L4494" s="59">
        <f>Bühler!L4520</f>
        <v>2.5181849207366946</v>
      </c>
      <c r="M4494" s="58">
        <f>Bühler!M4520</f>
        <v>0</v>
      </c>
      <c r="N4494" s="56">
        <f>IF(Input!$D$19=1,J4494*Input!$C$19,0)+IF(Input!$D$20=1,K4494*Input!$C$20,0)+IF(Input!$D$21=1,L4494*Input!$C$21,0)+IF(Input!$D$22=1,M4494*Input!$C$22,0)</f>
        <v>0.10492437169736228</v>
      </c>
      <c r="O4494" s="59">
        <f>IF(Input!$D$19=2,J4494*Input!$C$19,0)+IF(Input!$D$20=2,K4494*Input!$C$20,0)+IF(Input!$D$21=2,L4494*Input!$C$21,0)+IF(Input!$D$22=2,M4494*Input!$C$22,0)</f>
        <v>0.26231092924340571</v>
      </c>
      <c r="P4494" s="59">
        <f>IF(Input!$D$19=3,J4494*Input!$C$19,0)+IF(Input!$D$20=3,K4494*Input!$C$20,0)+IF(Input!$D$21=3,L4494*Input!$C$21,0)+IF(Input!$D$22=3,M4494*Input!$C$22,0)</f>
        <v>0</v>
      </c>
      <c r="Q4494" s="75">
        <f>IF(Input!$D$19=4,J4494*Input!$C$19,0)+IF(Input!$D$20=4,K4494*Input!$C$20,0)+IF(Input!$D$21=4,L4494*Input!$C$21,0)+IF(Input!$D$22=4,M4494*Input!$C$22,0)</f>
        <v>0</v>
      </c>
      <c r="R4494" s="58">
        <v>58.184364670379452</v>
      </c>
      <c r="S4494" s="124">
        <f t="shared" si="70"/>
        <v>0.45467227735523658</v>
      </c>
    </row>
    <row r="4495" spans="8:19" x14ac:dyDescent="0.3">
      <c r="H4495" s="44">
        <v>4488</v>
      </c>
      <c r="I4495" s="56">
        <f>Bühler!I4521</f>
        <v>0.10492437169736228</v>
      </c>
      <c r="J4495" s="59">
        <f>Bühler!J4521</f>
        <v>0.34974790565787428</v>
      </c>
      <c r="K4495" s="59">
        <f>Bühler!K4521</f>
        <v>0.52462185848681142</v>
      </c>
      <c r="L4495" s="59">
        <f>Bühler!L4521</f>
        <v>2.5181849207366946</v>
      </c>
      <c r="M4495" s="58">
        <f>Bühler!M4521</f>
        <v>0</v>
      </c>
      <c r="N4495" s="56">
        <f>IF(Input!$D$19=1,J4495*Input!$C$19,0)+IF(Input!$D$20=1,K4495*Input!$C$20,0)+IF(Input!$D$21=1,L4495*Input!$C$21,0)+IF(Input!$D$22=1,M4495*Input!$C$22,0)</f>
        <v>0.10492437169736228</v>
      </c>
      <c r="O4495" s="59">
        <f>IF(Input!$D$19=2,J4495*Input!$C$19,0)+IF(Input!$D$20=2,K4495*Input!$C$20,0)+IF(Input!$D$21=2,L4495*Input!$C$21,0)+IF(Input!$D$22=2,M4495*Input!$C$22,0)</f>
        <v>0.26231092924340571</v>
      </c>
      <c r="P4495" s="59">
        <f>IF(Input!$D$19=3,J4495*Input!$C$19,0)+IF(Input!$D$20=3,K4495*Input!$C$20,0)+IF(Input!$D$21=3,L4495*Input!$C$21,0)+IF(Input!$D$22=3,M4495*Input!$C$22,0)</f>
        <v>0</v>
      </c>
      <c r="Q4495" s="75">
        <f>IF(Input!$D$19=4,J4495*Input!$C$19,0)+IF(Input!$D$20=4,K4495*Input!$C$20,0)+IF(Input!$D$21=4,L4495*Input!$C$21,0)+IF(Input!$D$22=4,M4495*Input!$C$22,0)</f>
        <v>0</v>
      </c>
      <c r="R4495" s="58">
        <v>57.507988939187058</v>
      </c>
      <c r="S4495" s="124">
        <f t="shared" si="70"/>
        <v>0.45467227735523658</v>
      </c>
    </row>
    <row r="4496" spans="8:19" x14ac:dyDescent="0.3">
      <c r="H4496" s="44">
        <v>4489</v>
      </c>
      <c r="I4496" s="56">
        <f>Bühler!I4522</f>
        <v>4.0679252066847707E-2</v>
      </c>
      <c r="J4496" s="59">
        <f>Bühler!J4522</f>
        <v>0.13559750688949238</v>
      </c>
      <c r="K4496" s="59">
        <f>Bühler!K4522</f>
        <v>0.20339626033423855</v>
      </c>
      <c r="L4496" s="59">
        <f>Bühler!L4522</f>
        <v>3.3590666804498066</v>
      </c>
      <c r="M4496" s="58">
        <f>Bühler!M4522</f>
        <v>0</v>
      </c>
      <c r="N4496" s="56">
        <f>IF(Input!$D$19=1,J4496*Input!$C$19,0)+IF(Input!$D$20=1,K4496*Input!$C$20,0)+IF(Input!$D$21=1,L4496*Input!$C$21,0)+IF(Input!$D$22=1,M4496*Input!$C$22,0)</f>
        <v>4.0679252066847714E-2</v>
      </c>
      <c r="O4496" s="59">
        <f>IF(Input!$D$19=2,J4496*Input!$C$19,0)+IF(Input!$D$20=2,K4496*Input!$C$20,0)+IF(Input!$D$21=2,L4496*Input!$C$21,0)+IF(Input!$D$22=2,M4496*Input!$C$22,0)</f>
        <v>0.10169813016711927</v>
      </c>
      <c r="P4496" s="59">
        <f>IF(Input!$D$19=3,J4496*Input!$C$19,0)+IF(Input!$D$20=3,K4496*Input!$C$20,0)+IF(Input!$D$21=3,L4496*Input!$C$21,0)+IF(Input!$D$22=3,M4496*Input!$C$22,0)</f>
        <v>0</v>
      </c>
      <c r="Q4496" s="75">
        <f>IF(Input!$D$19=4,J4496*Input!$C$19,0)+IF(Input!$D$20=4,K4496*Input!$C$20,0)+IF(Input!$D$21=4,L4496*Input!$C$21,0)+IF(Input!$D$22=4,M4496*Input!$C$22,0)</f>
        <v>0</v>
      </c>
      <c r="R4496" s="58">
        <v>56.653088620608486</v>
      </c>
      <c r="S4496" s="124">
        <f t="shared" si="70"/>
        <v>0.1762767589563401</v>
      </c>
    </row>
    <row r="4497" spans="8:19" x14ac:dyDescent="0.3">
      <c r="H4497" s="44">
        <v>4490</v>
      </c>
      <c r="I4497" s="56">
        <f>Bühler!I4523</f>
        <v>7.9421396892416965E-2</v>
      </c>
      <c r="J4497" s="59">
        <f>Bühler!J4523</f>
        <v>0.26473798964138989</v>
      </c>
      <c r="K4497" s="59">
        <f>Bühler!K4523</f>
        <v>0.39710698446208487</v>
      </c>
      <c r="L4497" s="59">
        <f>Bühler!L4523</f>
        <v>6.5581778046877179</v>
      </c>
      <c r="M4497" s="58">
        <f>Bühler!M4523</f>
        <v>0</v>
      </c>
      <c r="N4497" s="56">
        <f>IF(Input!$D$19=1,J4497*Input!$C$19,0)+IF(Input!$D$20=1,K4497*Input!$C$20,0)+IF(Input!$D$21=1,L4497*Input!$C$21,0)+IF(Input!$D$22=1,M4497*Input!$C$22,0)</f>
        <v>7.9421396892416965E-2</v>
      </c>
      <c r="O4497" s="59">
        <f>IF(Input!$D$19=2,J4497*Input!$C$19,0)+IF(Input!$D$20=2,K4497*Input!$C$20,0)+IF(Input!$D$21=2,L4497*Input!$C$21,0)+IF(Input!$D$22=2,M4497*Input!$C$22,0)</f>
        <v>0.19855349223104243</v>
      </c>
      <c r="P4497" s="59">
        <f>IF(Input!$D$19=3,J4497*Input!$C$19,0)+IF(Input!$D$20=3,K4497*Input!$C$20,0)+IF(Input!$D$21=3,L4497*Input!$C$21,0)+IF(Input!$D$22=3,M4497*Input!$C$22,0)</f>
        <v>0</v>
      </c>
      <c r="Q4497" s="75">
        <f>IF(Input!$D$19=4,J4497*Input!$C$19,0)+IF(Input!$D$20=4,K4497*Input!$C$20,0)+IF(Input!$D$21=4,L4497*Input!$C$21,0)+IF(Input!$D$22=4,M4497*Input!$C$22,0)</f>
        <v>0</v>
      </c>
      <c r="R4497" s="58">
        <v>55.597375129728505</v>
      </c>
      <c r="S4497" s="124">
        <f t="shared" si="70"/>
        <v>0.34415938653380684</v>
      </c>
    </row>
    <row r="4498" spans="8:19" x14ac:dyDescent="0.3">
      <c r="H4498" s="44">
        <v>4491</v>
      </c>
      <c r="I4498" s="56">
        <f>Bühler!I4524</f>
        <v>7.9421396892416965E-2</v>
      </c>
      <c r="J4498" s="59">
        <f>Bühler!J4524</f>
        <v>0.26473798964138989</v>
      </c>
      <c r="K4498" s="59">
        <f>Bühler!K4524</f>
        <v>0.39710698446208487</v>
      </c>
      <c r="L4498" s="59">
        <f>Bühler!L4524</f>
        <v>6.5581778046877179</v>
      </c>
      <c r="M4498" s="58">
        <f>Bühler!M4524</f>
        <v>0</v>
      </c>
      <c r="N4498" s="56">
        <f>IF(Input!$D$19=1,J4498*Input!$C$19,0)+IF(Input!$D$20=1,K4498*Input!$C$20,0)+IF(Input!$D$21=1,L4498*Input!$C$21,0)+IF(Input!$D$22=1,M4498*Input!$C$22,0)</f>
        <v>7.9421396892416965E-2</v>
      </c>
      <c r="O4498" s="59">
        <f>IF(Input!$D$19=2,J4498*Input!$C$19,0)+IF(Input!$D$20=2,K4498*Input!$C$20,0)+IF(Input!$D$21=2,L4498*Input!$C$21,0)+IF(Input!$D$22=2,M4498*Input!$C$22,0)</f>
        <v>0.19855349223104243</v>
      </c>
      <c r="P4498" s="59">
        <f>IF(Input!$D$19=3,J4498*Input!$C$19,0)+IF(Input!$D$20=3,K4498*Input!$C$20,0)+IF(Input!$D$21=3,L4498*Input!$C$21,0)+IF(Input!$D$22=3,M4498*Input!$C$22,0)</f>
        <v>0</v>
      </c>
      <c r="Q4498" s="75">
        <f>IF(Input!$D$19=4,J4498*Input!$C$19,0)+IF(Input!$D$20=4,K4498*Input!$C$20,0)+IF(Input!$D$21=4,L4498*Input!$C$21,0)+IF(Input!$D$22=4,M4498*Input!$C$22,0)</f>
        <v>0</v>
      </c>
      <c r="R4498" s="58">
        <v>54.896386820638462</v>
      </c>
      <c r="S4498" s="124">
        <f t="shared" si="70"/>
        <v>0.34415938653380684</v>
      </c>
    </row>
    <row r="4499" spans="8:19" x14ac:dyDescent="0.3">
      <c r="H4499" s="44">
        <v>4492</v>
      </c>
      <c r="I4499" s="56">
        <f>Bühler!I4525</f>
        <v>7.9421396892416965E-2</v>
      </c>
      <c r="J4499" s="59">
        <f>Bühler!J4525</f>
        <v>0.26473798964138989</v>
      </c>
      <c r="K4499" s="59">
        <f>Bühler!K4525</f>
        <v>0.39710698446208487</v>
      </c>
      <c r="L4499" s="59">
        <f>Bühler!L4525</f>
        <v>6.5581778046877179</v>
      </c>
      <c r="M4499" s="58">
        <f>Bühler!M4525</f>
        <v>0</v>
      </c>
      <c r="N4499" s="56">
        <f>IF(Input!$D$19=1,J4499*Input!$C$19,0)+IF(Input!$D$20=1,K4499*Input!$C$20,0)+IF(Input!$D$21=1,L4499*Input!$C$21,0)+IF(Input!$D$22=1,M4499*Input!$C$22,0)</f>
        <v>7.9421396892416965E-2</v>
      </c>
      <c r="O4499" s="59">
        <f>IF(Input!$D$19=2,J4499*Input!$C$19,0)+IF(Input!$D$20=2,K4499*Input!$C$20,0)+IF(Input!$D$21=2,L4499*Input!$C$21,0)+IF(Input!$D$22=2,M4499*Input!$C$22,0)</f>
        <v>0.19855349223104243</v>
      </c>
      <c r="P4499" s="59">
        <f>IF(Input!$D$19=3,J4499*Input!$C$19,0)+IF(Input!$D$20=3,K4499*Input!$C$20,0)+IF(Input!$D$21=3,L4499*Input!$C$21,0)+IF(Input!$D$22=3,M4499*Input!$C$22,0)</f>
        <v>0</v>
      </c>
      <c r="Q4499" s="75">
        <f>IF(Input!$D$19=4,J4499*Input!$C$19,0)+IF(Input!$D$20=4,K4499*Input!$C$20,0)+IF(Input!$D$21=4,L4499*Input!$C$21,0)+IF(Input!$D$22=4,M4499*Input!$C$22,0)</f>
        <v>0</v>
      </c>
      <c r="R4499" s="58">
        <v>53.719487946045028</v>
      </c>
      <c r="S4499" s="124">
        <f t="shared" si="70"/>
        <v>0.34415938653380684</v>
      </c>
    </row>
    <row r="4500" spans="8:19" x14ac:dyDescent="0.3">
      <c r="H4500" s="44">
        <v>4493</v>
      </c>
      <c r="I4500" s="56">
        <f>Bühler!I4526</f>
        <v>7.9421396892416965E-2</v>
      </c>
      <c r="J4500" s="59">
        <f>Bühler!J4526</f>
        <v>0.26473798964138989</v>
      </c>
      <c r="K4500" s="59">
        <f>Bühler!K4526</f>
        <v>0.39710698446208487</v>
      </c>
      <c r="L4500" s="59">
        <f>Bühler!L4526</f>
        <v>6.5581778046877179</v>
      </c>
      <c r="M4500" s="58">
        <f>Bühler!M4526</f>
        <v>0</v>
      </c>
      <c r="N4500" s="56">
        <f>IF(Input!$D$19=1,J4500*Input!$C$19,0)+IF(Input!$D$20=1,K4500*Input!$C$20,0)+IF(Input!$D$21=1,L4500*Input!$C$21,0)+IF(Input!$D$22=1,M4500*Input!$C$22,0)</f>
        <v>7.9421396892416965E-2</v>
      </c>
      <c r="O4500" s="59">
        <f>IF(Input!$D$19=2,J4500*Input!$C$19,0)+IF(Input!$D$20=2,K4500*Input!$C$20,0)+IF(Input!$D$21=2,L4500*Input!$C$21,0)+IF(Input!$D$22=2,M4500*Input!$C$22,0)</f>
        <v>0.19855349223104243</v>
      </c>
      <c r="P4500" s="59">
        <f>IF(Input!$D$19=3,J4500*Input!$C$19,0)+IF(Input!$D$20=3,K4500*Input!$C$20,0)+IF(Input!$D$21=3,L4500*Input!$C$21,0)+IF(Input!$D$22=3,M4500*Input!$C$22,0)</f>
        <v>0</v>
      </c>
      <c r="Q4500" s="75">
        <f>IF(Input!$D$19=4,J4500*Input!$C$19,0)+IF(Input!$D$20=4,K4500*Input!$C$20,0)+IF(Input!$D$21=4,L4500*Input!$C$21,0)+IF(Input!$D$22=4,M4500*Input!$C$22,0)</f>
        <v>0</v>
      </c>
      <c r="R4500" s="58">
        <v>52.355978856499192</v>
      </c>
      <c r="S4500" s="124">
        <f t="shared" si="70"/>
        <v>0.34415938653380684</v>
      </c>
    </row>
    <row r="4501" spans="8:19" x14ac:dyDescent="0.3">
      <c r="H4501" s="44">
        <v>4494</v>
      </c>
      <c r="I4501" s="56">
        <f>Bühler!I4527</f>
        <v>9.8792469305201566E-2</v>
      </c>
      <c r="J4501" s="59">
        <f>Bühler!J4527</f>
        <v>0.32930823101733864</v>
      </c>
      <c r="K4501" s="59">
        <f>Bühler!K4527</f>
        <v>0.4939623465260079</v>
      </c>
      <c r="L4501" s="59">
        <f>Bühler!L4527</f>
        <v>8.1577333668066743</v>
      </c>
      <c r="M4501" s="58">
        <f>Bühler!M4527</f>
        <v>0</v>
      </c>
      <c r="N4501" s="56">
        <f>IF(Input!$D$19=1,J4501*Input!$C$19,0)+IF(Input!$D$20=1,K4501*Input!$C$20,0)+IF(Input!$D$21=1,L4501*Input!$C$21,0)+IF(Input!$D$22=1,M4501*Input!$C$22,0)</f>
        <v>9.8792469305201594E-2</v>
      </c>
      <c r="O4501" s="59">
        <f>IF(Input!$D$19=2,J4501*Input!$C$19,0)+IF(Input!$D$20=2,K4501*Input!$C$20,0)+IF(Input!$D$21=2,L4501*Input!$C$21,0)+IF(Input!$D$22=2,M4501*Input!$C$22,0)</f>
        <v>0.24698117326300395</v>
      </c>
      <c r="P4501" s="59">
        <f>IF(Input!$D$19=3,J4501*Input!$C$19,0)+IF(Input!$D$20=3,K4501*Input!$C$20,0)+IF(Input!$D$21=3,L4501*Input!$C$21,0)+IF(Input!$D$22=3,M4501*Input!$C$22,0)</f>
        <v>0</v>
      </c>
      <c r="Q4501" s="75">
        <f>IF(Input!$D$19=4,J4501*Input!$C$19,0)+IF(Input!$D$20=4,K4501*Input!$C$20,0)+IF(Input!$D$21=4,L4501*Input!$C$21,0)+IF(Input!$D$22=4,M4501*Input!$C$22,0)</f>
        <v>0</v>
      </c>
      <c r="R4501" s="58">
        <v>51.358169013539893</v>
      </c>
      <c r="S4501" s="124">
        <f t="shared" si="70"/>
        <v>0.42810070032254022</v>
      </c>
    </row>
    <row r="4502" spans="8:19" x14ac:dyDescent="0.3">
      <c r="H4502" s="44">
        <v>4495</v>
      </c>
      <c r="I4502" s="56">
        <f>Bühler!I4528</f>
        <v>0.12397486344182158</v>
      </c>
      <c r="J4502" s="59">
        <f>Bühler!J4528</f>
        <v>0.41324954480607201</v>
      </c>
      <c r="K4502" s="59">
        <f>Bühler!K4528</f>
        <v>0.61987431720910802</v>
      </c>
      <c r="L4502" s="59">
        <f>Bühler!L4528</f>
        <v>10.237155597561316</v>
      </c>
      <c r="M4502" s="58">
        <f>Bühler!M4528</f>
        <v>0</v>
      </c>
      <c r="N4502" s="56">
        <f>IF(Input!$D$19=1,J4502*Input!$C$19,0)+IF(Input!$D$20=1,K4502*Input!$C$20,0)+IF(Input!$D$21=1,L4502*Input!$C$21,0)+IF(Input!$D$22=1,M4502*Input!$C$22,0)</f>
        <v>0.1239748634418216</v>
      </c>
      <c r="O4502" s="59">
        <f>IF(Input!$D$19=2,J4502*Input!$C$19,0)+IF(Input!$D$20=2,K4502*Input!$C$20,0)+IF(Input!$D$21=2,L4502*Input!$C$21,0)+IF(Input!$D$22=2,M4502*Input!$C$22,0)</f>
        <v>0.30993715860455401</v>
      </c>
      <c r="P4502" s="59">
        <f>IF(Input!$D$19=3,J4502*Input!$C$19,0)+IF(Input!$D$20=3,K4502*Input!$C$20,0)+IF(Input!$D$21=3,L4502*Input!$C$21,0)+IF(Input!$D$22=3,M4502*Input!$C$22,0)</f>
        <v>0</v>
      </c>
      <c r="Q4502" s="75">
        <f>IF(Input!$D$19=4,J4502*Input!$C$19,0)+IF(Input!$D$20=4,K4502*Input!$C$20,0)+IF(Input!$D$21=4,L4502*Input!$C$21,0)+IF(Input!$D$22=4,M4502*Input!$C$22,0)</f>
        <v>0</v>
      </c>
      <c r="R4502" s="58">
        <v>50.42538317540177</v>
      </c>
      <c r="S4502" s="124">
        <f t="shared" si="70"/>
        <v>0.53722440824789364</v>
      </c>
    </row>
    <row r="4503" spans="8:19" x14ac:dyDescent="0.3">
      <c r="H4503" s="44">
        <v>4496</v>
      </c>
      <c r="I4503" s="56">
        <f>Bühler!I4529</f>
        <v>0.14140882861332774</v>
      </c>
      <c r="J4503" s="59">
        <f>Bühler!J4529</f>
        <v>0.47136276204442584</v>
      </c>
      <c r="K4503" s="59">
        <f>Bühler!K4529</f>
        <v>0.70704414306663876</v>
      </c>
      <c r="L4503" s="59">
        <f>Bühler!L4529</f>
        <v>11.676755603468376</v>
      </c>
      <c r="M4503" s="58">
        <f>Bühler!M4529</f>
        <v>0</v>
      </c>
      <c r="N4503" s="56">
        <f>IF(Input!$D$19=1,J4503*Input!$C$19,0)+IF(Input!$D$20=1,K4503*Input!$C$20,0)+IF(Input!$D$21=1,L4503*Input!$C$21,0)+IF(Input!$D$22=1,M4503*Input!$C$22,0)</f>
        <v>0.14140882861332774</v>
      </c>
      <c r="O4503" s="59">
        <f>IF(Input!$D$19=2,J4503*Input!$C$19,0)+IF(Input!$D$20=2,K4503*Input!$C$20,0)+IF(Input!$D$21=2,L4503*Input!$C$21,0)+IF(Input!$D$22=2,M4503*Input!$C$22,0)</f>
        <v>0.35352207153331938</v>
      </c>
      <c r="P4503" s="59">
        <f>IF(Input!$D$19=3,J4503*Input!$C$19,0)+IF(Input!$D$20=3,K4503*Input!$C$20,0)+IF(Input!$D$21=3,L4503*Input!$C$21,0)+IF(Input!$D$22=3,M4503*Input!$C$22,0)</f>
        <v>0</v>
      </c>
      <c r="Q4503" s="75">
        <f>IF(Input!$D$19=4,J4503*Input!$C$19,0)+IF(Input!$D$20=4,K4503*Input!$C$20,0)+IF(Input!$D$21=4,L4503*Input!$C$21,0)+IF(Input!$D$22=4,M4503*Input!$C$22,0)</f>
        <v>0</v>
      </c>
      <c r="R4503" s="58">
        <v>50.742028435313564</v>
      </c>
      <c r="S4503" s="124">
        <f t="shared" si="70"/>
        <v>0.61277159065775355</v>
      </c>
    </row>
    <row r="4504" spans="8:19" x14ac:dyDescent="0.3">
      <c r="H4504" s="44">
        <v>4497</v>
      </c>
      <c r="I4504" s="56">
        <f>Bühler!I4530</f>
        <v>0.14140882861332774</v>
      </c>
      <c r="J4504" s="59">
        <f>Bühler!J4530</f>
        <v>0.47136276204442584</v>
      </c>
      <c r="K4504" s="59">
        <f>Bühler!K4530</f>
        <v>0.70704414306663876</v>
      </c>
      <c r="L4504" s="59">
        <f>Bühler!L4530</f>
        <v>11.676755603468376</v>
      </c>
      <c r="M4504" s="58">
        <f>Bühler!M4530</f>
        <v>0</v>
      </c>
      <c r="N4504" s="56">
        <f>IF(Input!$D$19=1,J4504*Input!$C$19,0)+IF(Input!$D$20=1,K4504*Input!$C$20,0)+IF(Input!$D$21=1,L4504*Input!$C$21,0)+IF(Input!$D$22=1,M4504*Input!$C$22,0)</f>
        <v>0.14140882861332774</v>
      </c>
      <c r="O4504" s="59">
        <f>IF(Input!$D$19=2,J4504*Input!$C$19,0)+IF(Input!$D$20=2,K4504*Input!$C$20,0)+IF(Input!$D$21=2,L4504*Input!$C$21,0)+IF(Input!$D$22=2,M4504*Input!$C$22,0)</f>
        <v>0.35352207153331938</v>
      </c>
      <c r="P4504" s="59">
        <f>IF(Input!$D$19=3,J4504*Input!$C$19,0)+IF(Input!$D$20=3,K4504*Input!$C$20,0)+IF(Input!$D$21=3,L4504*Input!$C$21,0)+IF(Input!$D$22=3,M4504*Input!$C$22,0)</f>
        <v>0</v>
      </c>
      <c r="Q4504" s="75">
        <f>IF(Input!$D$19=4,J4504*Input!$C$19,0)+IF(Input!$D$20=4,K4504*Input!$C$20,0)+IF(Input!$D$21=4,L4504*Input!$C$21,0)+IF(Input!$D$22=4,M4504*Input!$C$22,0)</f>
        <v>0</v>
      </c>
      <c r="R4504" s="58">
        <v>50.850330003464769</v>
      </c>
      <c r="S4504" s="124">
        <f t="shared" si="70"/>
        <v>0.61277159065775355</v>
      </c>
    </row>
    <row r="4505" spans="8:19" x14ac:dyDescent="0.3">
      <c r="H4505" s="44">
        <v>4498</v>
      </c>
      <c r="I4505" s="56">
        <f>Bühler!I4531</f>
        <v>0.14140882861332774</v>
      </c>
      <c r="J4505" s="59">
        <f>Bühler!J4531</f>
        <v>0.47136276204442584</v>
      </c>
      <c r="K4505" s="59">
        <f>Bühler!K4531</f>
        <v>0.70704414306663876</v>
      </c>
      <c r="L4505" s="59">
        <f>Bühler!L4531</f>
        <v>11.676755603468376</v>
      </c>
      <c r="M4505" s="58">
        <f>Bühler!M4531</f>
        <v>0</v>
      </c>
      <c r="N4505" s="56">
        <f>IF(Input!$D$19=1,J4505*Input!$C$19,0)+IF(Input!$D$20=1,K4505*Input!$C$20,0)+IF(Input!$D$21=1,L4505*Input!$C$21,0)+IF(Input!$D$22=1,M4505*Input!$C$22,0)</f>
        <v>0.14140882861332774</v>
      </c>
      <c r="O4505" s="59">
        <f>IF(Input!$D$19=2,J4505*Input!$C$19,0)+IF(Input!$D$20=2,K4505*Input!$C$20,0)+IF(Input!$D$21=2,L4505*Input!$C$21,0)+IF(Input!$D$22=2,M4505*Input!$C$22,0)</f>
        <v>0.35352207153331938</v>
      </c>
      <c r="P4505" s="59">
        <f>IF(Input!$D$19=3,J4505*Input!$C$19,0)+IF(Input!$D$20=3,K4505*Input!$C$20,0)+IF(Input!$D$21=3,L4505*Input!$C$21,0)+IF(Input!$D$22=3,M4505*Input!$C$22,0)</f>
        <v>0</v>
      </c>
      <c r="Q4505" s="75">
        <f>IF(Input!$D$19=4,J4505*Input!$C$19,0)+IF(Input!$D$20=4,K4505*Input!$C$20,0)+IF(Input!$D$21=4,L4505*Input!$C$21,0)+IF(Input!$D$22=4,M4505*Input!$C$22,0)</f>
        <v>0</v>
      </c>
      <c r="R4505" s="58">
        <v>50.72983206177112</v>
      </c>
      <c r="S4505" s="124">
        <f t="shared" si="70"/>
        <v>0.61277159065775355</v>
      </c>
    </row>
    <row r="4506" spans="8:19" x14ac:dyDescent="0.3">
      <c r="H4506" s="44">
        <v>4499</v>
      </c>
      <c r="I4506" s="56">
        <f>Bühler!I4532</f>
        <v>0.14140882861332774</v>
      </c>
      <c r="J4506" s="59">
        <f>Bühler!J4532</f>
        <v>0.47136276204442584</v>
      </c>
      <c r="K4506" s="59">
        <f>Bühler!K4532</f>
        <v>0.70704414306663876</v>
      </c>
      <c r="L4506" s="59">
        <f>Bühler!L4532</f>
        <v>11.676755603468376</v>
      </c>
      <c r="M4506" s="58">
        <f>Bühler!M4532</f>
        <v>0</v>
      </c>
      <c r="N4506" s="56">
        <f>IF(Input!$D$19=1,J4506*Input!$C$19,0)+IF(Input!$D$20=1,K4506*Input!$C$20,0)+IF(Input!$D$21=1,L4506*Input!$C$21,0)+IF(Input!$D$22=1,M4506*Input!$C$22,0)</f>
        <v>0.14140882861332774</v>
      </c>
      <c r="O4506" s="59">
        <f>IF(Input!$D$19=2,J4506*Input!$C$19,0)+IF(Input!$D$20=2,K4506*Input!$C$20,0)+IF(Input!$D$21=2,L4506*Input!$C$21,0)+IF(Input!$D$22=2,M4506*Input!$C$22,0)</f>
        <v>0.35352207153331938</v>
      </c>
      <c r="P4506" s="59">
        <f>IF(Input!$D$19=3,J4506*Input!$C$19,0)+IF(Input!$D$20=3,K4506*Input!$C$20,0)+IF(Input!$D$21=3,L4506*Input!$C$21,0)+IF(Input!$D$22=3,M4506*Input!$C$22,0)</f>
        <v>0</v>
      </c>
      <c r="Q4506" s="75">
        <f>IF(Input!$D$19=4,J4506*Input!$C$19,0)+IF(Input!$D$20=4,K4506*Input!$C$20,0)+IF(Input!$D$21=4,L4506*Input!$C$21,0)+IF(Input!$D$22=4,M4506*Input!$C$22,0)</f>
        <v>0</v>
      </c>
      <c r="R4506" s="58">
        <v>50.838076553935075</v>
      </c>
      <c r="S4506" s="124">
        <f t="shared" si="70"/>
        <v>0.61277159065775355</v>
      </c>
    </row>
    <row r="4507" spans="8:19" x14ac:dyDescent="0.3">
      <c r="H4507" s="44">
        <v>4500</v>
      </c>
      <c r="I4507" s="56">
        <f>Bühler!I4533</f>
        <v>0.14140882861332774</v>
      </c>
      <c r="J4507" s="59">
        <f>Bühler!J4533</f>
        <v>0.47136276204442584</v>
      </c>
      <c r="K4507" s="59">
        <f>Bühler!K4533</f>
        <v>0.70704414306663876</v>
      </c>
      <c r="L4507" s="59">
        <f>Bühler!L4533</f>
        <v>11.676755603468376</v>
      </c>
      <c r="M4507" s="58">
        <f>Bühler!M4533</f>
        <v>0</v>
      </c>
      <c r="N4507" s="56">
        <f>IF(Input!$D$19=1,J4507*Input!$C$19,0)+IF(Input!$D$20=1,K4507*Input!$C$20,0)+IF(Input!$D$21=1,L4507*Input!$C$21,0)+IF(Input!$D$22=1,M4507*Input!$C$22,0)</f>
        <v>0.14140882861332774</v>
      </c>
      <c r="O4507" s="59">
        <f>IF(Input!$D$19=2,J4507*Input!$C$19,0)+IF(Input!$D$20=2,K4507*Input!$C$20,0)+IF(Input!$D$21=2,L4507*Input!$C$21,0)+IF(Input!$D$22=2,M4507*Input!$C$22,0)</f>
        <v>0.35352207153331938</v>
      </c>
      <c r="P4507" s="59">
        <f>IF(Input!$D$19=3,J4507*Input!$C$19,0)+IF(Input!$D$20=3,K4507*Input!$C$20,0)+IF(Input!$D$21=3,L4507*Input!$C$21,0)+IF(Input!$D$22=3,M4507*Input!$C$22,0)</f>
        <v>0</v>
      </c>
      <c r="Q4507" s="75">
        <f>IF(Input!$D$19=4,J4507*Input!$C$19,0)+IF(Input!$D$20=4,K4507*Input!$C$20,0)+IF(Input!$D$21=4,L4507*Input!$C$21,0)+IF(Input!$D$22=4,M4507*Input!$C$22,0)</f>
        <v>0</v>
      </c>
      <c r="R4507" s="58">
        <v>50.677985039103795</v>
      </c>
      <c r="S4507" s="124">
        <f t="shared" si="70"/>
        <v>0.61277159065775355</v>
      </c>
    </row>
    <row r="4508" spans="8:19" x14ac:dyDescent="0.3">
      <c r="H4508" s="44">
        <v>4501</v>
      </c>
      <c r="I4508" s="56">
        <f>Bühler!I4534</f>
        <v>0.14140882861332774</v>
      </c>
      <c r="J4508" s="59">
        <f>Bühler!J4534</f>
        <v>0.47136276204442584</v>
      </c>
      <c r="K4508" s="59">
        <f>Bühler!K4534</f>
        <v>0.70704414306663876</v>
      </c>
      <c r="L4508" s="59">
        <f>Bühler!L4534</f>
        <v>11.676755603468376</v>
      </c>
      <c r="M4508" s="58">
        <f>Bühler!M4534</f>
        <v>0</v>
      </c>
      <c r="N4508" s="56">
        <f>IF(Input!$D$19=1,J4508*Input!$C$19,0)+IF(Input!$D$20=1,K4508*Input!$C$20,0)+IF(Input!$D$21=1,L4508*Input!$C$21,0)+IF(Input!$D$22=1,M4508*Input!$C$22,0)</f>
        <v>0.14140882861332774</v>
      </c>
      <c r="O4508" s="59">
        <f>IF(Input!$D$19=2,J4508*Input!$C$19,0)+IF(Input!$D$20=2,K4508*Input!$C$20,0)+IF(Input!$D$21=2,L4508*Input!$C$21,0)+IF(Input!$D$22=2,M4508*Input!$C$22,0)</f>
        <v>0.35352207153331938</v>
      </c>
      <c r="P4508" s="59">
        <f>IF(Input!$D$19=3,J4508*Input!$C$19,0)+IF(Input!$D$20=3,K4508*Input!$C$20,0)+IF(Input!$D$21=3,L4508*Input!$C$21,0)+IF(Input!$D$22=3,M4508*Input!$C$22,0)</f>
        <v>0</v>
      </c>
      <c r="Q4508" s="75">
        <f>IF(Input!$D$19=4,J4508*Input!$C$19,0)+IF(Input!$D$20=4,K4508*Input!$C$20,0)+IF(Input!$D$21=4,L4508*Input!$C$21,0)+IF(Input!$D$22=4,M4508*Input!$C$22,0)</f>
        <v>0</v>
      </c>
      <c r="R4508" s="58">
        <v>49.381109869881072</v>
      </c>
      <c r="S4508" s="124">
        <f t="shared" si="70"/>
        <v>0.61277159065775355</v>
      </c>
    </row>
    <row r="4509" spans="8:19" x14ac:dyDescent="0.3">
      <c r="H4509" s="44">
        <v>4502</v>
      </c>
      <c r="I4509" s="56">
        <f>Bühler!I4535</f>
        <v>0.14140882861332774</v>
      </c>
      <c r="J4509" s="59">
        <f>Bühler!J4535</f>
        <v>0.47136276204442584</v>
      </c>
      <c r="K4509" s="59">
        <f>Bühler!K4535</f>
        <v>0.70704414306663876</v>
      </c>
      <c r="L4509" s="59">
        <f>Bühler!L4535</f>
        <v>11.676755603468376</v>
      </c>
      <c r="M4509" s="58">
        <f>Bühler!M4535</f>
        <v>0</v>
      </c>
      <c r="N4509" s="56">
        <f>IF(Input!$D$19=1,J4509*Input!$C$19,0)+IF(Input!$D$20=1,K4509*Input!$C$20,0)+IF(Input!$D$21=1,L4509*Input!$C$21,0)+IF(Input!$D$22=1,M4509*Input!$C$22,0)</f>
        <v>0.14140882861332774</v>
      </c>
      <c r="O4509" s="59">
        <f>IF(Input!$D$19=2,J4509*Input!$C$19,0)+IF(Input!$D$20=2,K4509*Input!$C$20,0)+IF(Input!$D$21=2,L4509*Input!$C$21,0)+IF(Input!$D$22=2,M4509*Input!$C$22,0)</f>
        <v>0.35352207153331938</v>
      </c>
      <c r="P4509" s="59">
        <f>IF(Input!$D$19=3,J4509*Input!$C$19,0)+IF(Input!$D$20=3,K4509*Input!$C$20,0)+IF(Input!$D$21=3,L4509*Input!$C$21,0)+IF(Input!$D$22=3,M4509*Input!$C$22,0)</f>
        <v>0</v>
      </c>
      <c r="Q4509" s="75">
        <f>IF(Input!$D$19=4,J4509*Input!$C$19,0)+IF(Input!$D$20=4,K4509*Input!$C$20,0)+IF(Input!$D$21=4,L4509*Input!$C$21,0)+IF(Input!$D$22=4,M4509*Input!$C$22,0)</f>
        <v>0</v>
      </c>
      <c r="R4509" s="58">
        <v>48.541292243791254</v>
      </c>
      <c r="S4509" s="124">
        <f t="shared" si="70"/>
        <v>0.61277159065775355</v>
      </c>
    </row>
    <row r="4510" spans="8:19" x14ac:dyDescent="0.3">
      <c r="H4510" s="44">
        <v>4503</v>
      </c>
      <c r="I4510" s="56">
        <f>Bühler!I4536</f>
        <v>0.14140882861332774</v>
      </c>
      <c r="J4510" s="59">
        <f>Bühler!J4536</f>
        <v>0.47136276204442584</v>
      </c>
      <c r="K4510" s="59">
        <f>Bühler!K4536</f>
        <v>0.70704414306663876</v>
      </c>
      <c r="L4510" s="59">
        <f>Bühler!L4536</f>
        <v>11.676755603468376</v>
      </c>
      <c r="M4510" s="58">
        <f>Bühler!M4536</f>
        <v>0</v>
      </c>
      <c r="N4510" s="56">
        <f>IF(Input!$D$19=1,J4510*Input!$C$19,0)+IF(Input!$D$20=1,K4510*Input!$C$20,0)+IF(Input!$D$21=1,L4510*Input!$C$21,0)+IF(Input!$D$22=1,M4510*Input!$C$22,0)</f>
        <v>0.14140882861332774</v>
      </c>
      <c r="O4510" s="59">
        <f>IF(Input!$D$19=2,J4510*Input!$C$19,0)+IF(Input!$D$20=2,K4510*Input!$C$20,0)+IF(Input!$D$21=2,L4510*Input!$C$21,0)+IF(Input!$D$22=2,M4510*Input!$C$22,0)</f>
        <v>0.35352207153331938</v>
      </c>
      <c r="P4510" s="59">
        <f>IF(Input!$D$19=3,J4510*Input!$C$19,0)+IF(Input!$D$20=3,K4510*Input!$C$20,0)+IF(Input!$D$21=3,L4510*Input!$C$21,0)+IF(Input!$D$22=3,M4510*Input!$C$22,0)</f>
        <v>0</v>
      </c>
      <c r="Q4510" s="75">
        <f>IF(Input!$D$19=4,J4510*Input!$C$19,0)+IF(Input!$D$20=4,K4510*Input!$C$20,0)+IF(Input!$D$21=4,L4510*Input!$C$21,0)+IF(Input!$D$22=4,M4510*Input!$C$22,0)</f>
        <v>0</v>
      </c>
      <c r="R4510" s="58">
        <v>47.720941118673167</v>
      </c>
      <c r="S4510" s="124">
        <f t="shared" si="70"/>
        <v>0.61277159065775355</v>
      </c>
    </row>
    <row r="4511" spans="8:19" x14ac:dyDescent="0.3">
      <c r="H4511" s="44">
        <v>4504</v>
      </c>
      <c r="I4511" s="56">
        <f>Bühler!I4537</f>
        <v>0.12784907792437852</v>
      </c>
      <c r="J4511" s="59">
        <f>Bühler!J4537</f>
        <v>0.42616359308126178</v>
      </c>
      <c r="K4511" s="59">
        <f>Bühler!K4537</f>
        <v>0.6392453896218927</v>
      </c>
      <c r="L4511" s="59">
        <f>Bühler!L4537</f>
        <v>10.557066709985106</v>
      </c>
      <c r="M4511" s="58">
        <f>Bühler!M4537</f>
        <v>0</v>
      </c>
      <c r="N4511" s="56">
        <f>IF(Input!$D$19=1,J4511*Input!$C$19,0)+IF(Input!$D$20=1,K4511*Input!$C$20,0)+IF(Input!$D$21=1,L4511*Input!$C$21,0)+IF(Input!$D$22=1,M4511*Input!$C$22,0)</f>
        <v>0.12784907792437852</v>
      </c>
      <c r="O4511" s="59">
        <f>IF(Input!$D$19=2,J4511*Input!$C$19,0)+IF(Input!$D$20=2,K4511*Input!$C$20,0)+IF(Input!$D$21=2,L4511*Input!$C$21,0)+IF(Input!$D$22=2,M4511*Input!$C$22,0)</f>
        <v>0.31962269481094635</v>
      </c>
      <c r="P4511" s="59">
        <f>IF(Input!$D$19=3,J4511*Input!$C$19,0)+IF(Input!$D$20=3,K4511*Input!$C$20,0)+IF(Input!$D$21=3,L4511*Input!$C$21,0)+IF(Input!$D$22=3,M4511*Input!$C$22,0)</f>
        <v>0</v>
      </c>
      <c r="Q4511" s="75">
        <f>IF(Input!$D$19=4,J4511*Input!$C$19,0)+IF(Input!$D$20=4,K4511*Input!$C$20,0)+IF(Input!$D$21=4,L4511*Input!$C$21,0)+IF(Input!$D$22=4,M4511*Input!$C$22,0)</f>
        <v>0</v>
      </c>
      <c r="R4511" s="58">
        <v>47.697473394856807</v>
      </c>
      <c r="S4511" s="124">
        <f t="shared" si="70"/>
        <v>0.55401267100564033</v>
      </c>
    </row>
    <row r="4512" spans="8:19" x14ac:dyDescent="0.3">
      <c r="H4512" s="44">
        <v>4505</v>
      </c>
      <c r="I4512" s="56">
        <f>Bühler!I4538</f>
        <v>0.11622643447670773</v>
      </c>
      <c r="J4512" s="59">
        <f>Bühler!J4538</f>
        <v>0.38742144825569247</v>
      </c>
      <c r="K4512" s="59">
        <f>Bühler!K4538</f>
        <v>0.58113217238353876</v>
      </c>
      <c r="L4512" s="59">
        <f>Bühler!L4538</f>
        <v>9.5973333727137327</v>
      </c>
      <c r="M4512" s="58">
        <f>Bühler!M4538</f>
        <v>0</v>
      </c>
      <c r="N4512" s="56">
        <f>IF(Input!$D$19=1,J4512*Input!$C$19,0)+IF(Input!$D$20=1,K4512*Input!$C$20,0)+IF(Input!$D$21=1,L4512*Input!$C$21,0)+IF(Input!$D$22=1,M4512*Input!$C$22,0)</f>
        <v>0.11622643447670773</v>
      </c>
      <c r="O4512" s="59">
        <f>IF(Input!$D$19=2,J4512*Input!$C$19,0)+IF(Input!$D$20=2,K4512*Input!$C$20,0)+IF(Input!$D$21=2,L4512*Input!$C$21,0)+IF(Input!$D$22=2,M4512*Input!$C$22,0)</f>
        <v>0.29056608619176938</v>
      </c>
      <c r="P4512" s="59">
        <f>IF(Input!$D$19=3,J4512*Input!$C$19,0)+IF(Input!$D$20=3,K4512*Input!$C$20,0)+IF(Input!$D$21=3,L4512*Input!$C$21,0)+IF(Input!$D$22=3,M4512*Input!$C$22,0)</f>
        <v>0</v>
      </c>
      <c r="Q4512" s="75">
        <f>IF(Input!$D$19=4,J4512*Input!$C$19,0)+IF(Input!$D$20=4,K4512*Input!$C$20,0)+IF(Input!$D$21=4,L4512*Input!$C$21,0)+IF(Input!$D$22=4,M4512*Input!$C$22,0)</f>
        <v>0</v>
      </c>
      <c r="R4512" s="58">
        <v>47.040738491569066</v>
      </c>
      <c r="S4512" s="124">
        <f t="shared" si="70"/>
        <v>0.50364788273240024</v>
      </c>
    </row>
    <row r="4513" spans="8:19" x14ac:dyDescent="0.3">
      <c r="H4513" s="44">
        <v>4506</v>
      </c>
      <c r="I4513" s="56">
        <f>Bühler!I4539</f>
        <v>0.10460379102903698</v>
      </c>
      <c r="J4513" s="59">
        <f>Bühler!J4539</f>
        <v>0.34867930343012332</v>
      </c>
      <c r="K4513" s="59">
        <f>Bühler!K4539</f>
        <v>0.52301895514518504</v>
      </c>
      <c r="L4513" s="59">
        <f>Bühler!L4539</f>
        <v>8.6376000354423592</v>
      </c>
      <c r="M4513" s="58">
        <f>Bühler!M4539</f>
        <v>0</v>
      </c>
      <c r="N4513" s="56">
        <f>IF(Input!$D$19=1,J4513*Input!$C$19,0)+IF(Input!$D$20=1,K4513*Input!$C$20,0)+IF(Input!$D$21=1,L4513*Input!$C$21,0)+IF(Input!$D$22=1,M4513*Input!$C$22,0)</f>
        <v>0.104603791029037</v>
      </c>
      <c r="O4513" s="59">
        <f>IF(Input!$D$19=2,J4513*Input!$C$19,0)+IF(Input!$D$20=2,K4513*Input!$C$20,0)+IF(Input!$D$21=2,L4513*Input!$C$21,0)+IF(Input!$D$22=2,M4513*Input!$C$22,0)</f>
        <v>0.26150947757259252</v>
      </c>
      <c r="P4513" s="59">
        <f>IF(Input!$D$19=3,J4513*Input!$C$19,0)+IF(Input!$D$20=3,K4513*Input!$C$20,0)+IF(Input!$D$21=3,L4513*Input!$C$21,0)+IF(Input!$D$22=3,M4513*Input!$C$22,0)</f>
        <v>0</v>
      </c>
      <c r="Q4513" s="75">
        <f>IF(Input!$D$19=4,J4513*Input!$C$19,0)+IF(Input!$D$20=4,K4513*Input!$C$20,0)+IF(Input!$D$21=4,L4513*Input!$C$21,0)+IF(Input!$D$22=4,M4513*Input!$C$22,0)</f>
        <v>0</v>
      </c>
      <c r="R4513" s="58">
        <v>45.855650683833844</v>
      </c>
      <c r="S4513" s="124">
        <f t="shared" si="70"/>
        <v>0.45328309445916032</v>
      </c>
    </row>
    <row r="4514" spans="8:19" x14ac:dyDescent="0.3">
      <c r="H4514" s="44">
        <v>4507</v>
      </c>
      <c r="I4514" s="56">
        <f>Bühler!I4540</f>
        <v>0.10072957654648003</v>
      </c>
      <c r="J4514" s="59">
        <f>Bühler!J4540</f>
        <v>0.3357652551549335</v>
      </c>
      <c r="K4514" s="59">
        <f>Bühler!K4540</f>
        <v>0.50364788273240024</v>
      </c>
      <c r="L4514" s="59">
        <f>Bühler!L4540</f>
        <v>8.3176889230185687</v>
      </c>
      <c r="M4514" s="58">
        <f>Bühler!M4540</f>
        <v>0</v>
      </c>
      <c r="N4514" s="56">
        <f>IF(Input!$D$19=1,J4514*Input!$C$19,0)+IF(Input!$D$20=1,K4514*Input!$C$20,0)+IF(Input!$D$21=1,L4514*Input!$C$21,0)+IF(Input!$D$22=1,M4514*Input!$C$22,0)</f>
        <v>0.10072957654648004</v>
      </c>
      <c r="O4514" s="59">
        <f>IF(Input!$D$19=2,J4514*Input!$C$19,0)+IF(Input!$D$20=2,K4514*Input!$C$20,0)+IF(Input!$D$21=2,L4514*Input!$C$21,0)+IF(Input!$D$22=2,M4514*Input!$C$22,0)</f>
        <v>0.25182394136620012</v>
      </c>
      <c r="P4514" s="59">
        <f>IF(Input!$D$19=3,J4514*Input!$C$19,0)+IF(Input!$D$20=3,K4514*Input!$C$20,0)+IF(Input!$D$21=3,L4514*Input!$C$21,0)+IF(Input!$D$22=3,M4514*Input!$C$22,0)</f>
        <v>0</v>
      </c>
      <c r="Q4514" s="75">
        <f>IF(Input!$D$19=4,J4514*Input!$C$19,0)+IF(Input!$D$20=4,K4514*Input!$C$20,0)+IF(Input!$D$21=4,L4514*Input!$C$21,0)+IF(Input!$D$22=4,M4514*Input!$C$22,0)</f>
        <v>0</v>
      </c>
      <c r="R4514" s="58">
        <v>44.861352347825687</v>
      </c>
      <c r="S4514" s="124">
        <f t="shared" si="70"/>
        <v>0.43649483170141351</v>
      </c>
    </row>
    <row r="4515" spans="8:19" x14ac:dyDescent="0.3">
      <c r="H4515" s="44">
        <v>4508</v>
      </c>
      <c r="I4515" s="56">
        <f>Bühler!I4541</f>
        <v>8.1358504133695414E-2</v>
      </c>
      <c r="J4515" s="59">
        <f>Bühler!J4541</f>
        <v>0.27119501377898475</v>
      </c>
      <c r="K4515" s="59">
        <f>Bühler!K4541</f>
        <v>0.4067925206684771</v>
      </c>
      <c r="L4515" s="59">
        <f>Bühler!L4541</f>
        <v>6.7181333608996132</v>
      </c>
      <c r="M4515" s="58">
        <f>Bühler!M4541</f>
        <v>0</v>
      </c>
      <c r="N4515" s="56">
        <f>IF(Input!$D$19=1,J4515*Input!$C$19,0)+IF(Input!$D$20=1,K4515*Input!$C$20,0)+IF(Input!$D$21=1,L4515*Input!$C$21,0)+IF(Input!$D$22=1,M4515*Input!$C$22,0)</f>
        <v>8.1358504133695428E-2</v>
      </c>
      <c r="O4515" s="59">
        <f>IF(Input!$D$19=2,J4515*Input!$C$19,0)+IF(Input!$D$20=2,K4515*Input!$C$20,0)+IF(Input!$D$21=2,L4515*Input!$C$21,0)+IF(Input!$D$22=2,M4515*Input!$C$22,0)</f>
        <v>0.20339626033423855</v>
      </c>
      <c r="P4515" s="59">
        <f>IF(Input!$D$19=3,J4515*Input!$C$19,0)+IF(Input!$D$20=3,K4515*Input!$C$20,0)+IF(Input!$D$21=3,L4515*Input!$C$21,0)+IF(Input!$D$22=3,M4515*Input!$C$22,0)</f>
        <v>0</v>
      </c>
      <c r="Q4515" s="75">
        <f>IF(Input!$D$19=4,J4515*Input!$C$19,0)+IF(Input!$D$20=4,K4515*Input!$C$20,0)+IF(Input!$D$21=4,L4515*Input!$C$21,0)+IF(Input!$D$22=4,M4515*Input!$C$22,0)</f>
        <v>0</v>
      </c>
      <c r="R4515" s="58">
        <v>44.797223278793808</v>
      </c>
      <c r="S4515" s="124">
        <f t="shared" si="70"/>
        <v>0.35255351791268019</v>
      </c>
    </row>
    <row r="4516" spans="8:19" x14ac:dyDescent="0.3">
      <c r="H4516" s="44">
        <v>4509</v>
      </c>
      <c r="I4516" s="56">
        <f>Bühler!I4542</f>
        <v>6.0050324479632329E-2</v>
      </c>
      <c r="J4516" s="59">
        <f>Bühler!J4542</f>
        <v>0.20016774826544112</v>
      </c>
      <c r="K4516" s="59">
        <f>Bühler!K4542</f>
        <v>0.30025162239816167</v>
      </c>
      <c r="L4516" s="59">
        <f>Bühler!L4542</f>
        <v>4.9586222425687616</v>
      </c>
      <c r="M4516" s="58">
        <f>Bühler!M4542</f>
        <v>0</v>
      </c>
      <c r="N4516" s="56">
        <f>IF(Input!$D$19=1,J4516*Input!$C$19,0)+IF(Input!$D$20=1,K4516*Input!$C$20,0)+IF(Input!$D$21=1,L4516*Input!$C$21,0)+IF(Input!$D$22=1,M4516*Input!$C$22,0)</f>
        <v>6.0050324479632336E-2</v>
      </c>
      <c r="O4516" s="59">
        <f>IF(Input!$D$19=2,J4516*Input!$C$19,0)+IF(Input!$D$20=2,K4516*Input!$C$20,0)+IF(Input!$D$21=2,L4516*Input!$C$21,0)+IF(Input!$D$22=2,M4516*Input!$C$22,0)</f>
        <v>0.15012581119908083</v>
      </c>
      <c r="P4516" s="59">
        <f>IF(Input!$D$19=3,J4516*Input!$C$19,0)+IF(Input!$D$20=3,K4516*Input!$C$20,0)+IF(Input!$D$21=3,L4516*Input!$C$21,0)+IF(Input!$D$22=3,M4516*Input!$C$22,0)</f>
        <v>0</v>
      </c>
      <c r="Q4516" s="75">
        <f>IF(Input!$D$19=4,J4516*Input!$C$19,0)+IF(Input!$D$20=4,K4516*Input!$C$20,0)+IF(Input!$D$21=4,L4516*Input!$C$21,0)+IF(Input!$D$22=4,M4516*Input!$C$22,0)</f>
        <v>0</v>
      </c>
      <c r="R4516" s="58">
        <v>43.471201952661673</v>
      </c>
      <c r="S4516" s="124">
        <f t="shared" si="70"/>
        <v>0.26021807274507347</v>
      </c>
    </row>
    <row r="4517" spans="8:19" x14ac:dyDescent="0.3">
      <c r="H4517" s="44">
        <v>4510</v>
      </c>
      <c r="I4517" s="56">
        <f>Bühler!I4543</f>
        <v>6.0050324479632329E-2</v>
      </c>
      <c r="J4517" s="59">
        <f>Bühler!J4543</f>
        <v>0.20016774826544112</v>
      </c>
      <c r="K4517" s="59">
        <f>Bühler!K4543</f>
        <v>0.30025162239816167</v>
      </c>
      <c r="L4517" s="59">
        <f>Bühler!L4543</f>
        <v>4.9586222425687616</v>
      </c>
      <c r="M4517" s="58">
        <f>Bühler!M4543</f>
        <v>0</v>
      </c>
      <c r="N4517" s="56">
        <f>IF(Input!$D$19=1,J4517*Input!$C$19,0)+IF(Input!$D$20=1,K4517*Input!$C$20,0)+IF(Input!$D$21=1,L4517*Input!$C$21,0)+IF(Input!$D$22=1,M4517*Input!$C$22,0)</f>
        <v>6.0050324479632336E-2</v>
      </c>
      <c r="O4517" s="59">
        <f>IF(Input!$D$19=2,J4517*Input!$C$19,0)+IF(Input!$D$20=2,K4517*Input!$C$20,0)+IF(Input!$D$21=2,L4517*Input!$C$21,0)+IF(Input!$D$22=2,M4517*Input!$C$22,0)</f>
        <v>0.15012581119908083</v>
      </c>
      <c r="P4517" s="59">
        <f>IF(Input!$D$19=3,J4517*Input!$C$19,0)+IF(Input!$D$20=3,K4517*Input!$C$20,0)+IF(Input!$D$21=3,L4517*Input!$C$21,0)+IF(Input!$D$22=3,M4517*Input!$C$22,0)</f>
        <v>0</v>
      </c>
      <c r="Q4517" s="75">
        <f>IF(Input!$D$19=4,J4517*Input!$C$19,0)+IF(Input!$D$20=4,K4517*Input!$C$20,0)+IF(Input!$D$21=4,L4517*Input!$C$21,0)+IF(Input!$D$22=4,M4517*Input!$C$22,0)</f>
        <v>0</v>
      </c>
      <c r="R4517" s="58">
        <v>42.256578674865423</v>
      </c>
      <c r="S4517" s="124">
        <f t="shared" si="70"/>
        <v>0.26021807274507347</v>
      </c>
    </row>
    <row r="4518" spans="8:19" x14ac:dyDescent="0.3">
      <c r="H4518" s="44">
        <v>4511</v>
      </c>
      <c r="I4518" s="56">
        <f>Bühler!I4544</f>
        <v>6.0050324479632329E-2</v>
      </c>
      <c r="J4518" s="59">
        <f>Bühler!J4544</f>
        <v>0.20016774826544112</v>
      </c>
      <c r="K4518" s="59">
        <f>Bühler!K4544</f>
        <v>0.30025162239816167</v>
      </c>
      <c r="L4518" s="59">
        <f>Bühler!L4544</f>
        <v>4.9586222425687616</v>
      </c>
      <c r="M4518" s="58">
        <f>Bühler!M4544</f>
        <v>0</v>
      </c>
      <c r="N4518" s="56">
        <f>IF(Input!$D$19=1,J4518*Input!$C$19,0)+IF(Input!$D$20=1,K4518*Input!$C$20,0)+IF(Input!$D$21=1,L4518*Input!$C$21,0)+IF(Input!$D$22=1,M4518*Input!$C$22,0)</f>
        <v>6.0050324479632336E-2</v>
      </c>
      <c r="O4518" s="59">
        <f>IF(Input!$D$19=2,J4518*Input!$C$19,0)+IF(Input!$D$20=2,K4518*Input!$C$20,0)+IF(Input!$D$21=2,L4518*Input!$C$21,0)+IF(Input!$D$22=2,M4518*Input!$C$22,0)</f>
        <v>0.15012581119908083</v>
      </c>
      <c r="P4518" s="59">
        <f>IF(Input!$D$19=3,J4518*Input!$C$19,0)+IF(Input!$D$20=3,K4518*Input!$C$20,0)+IF(Input!$D$21=3,L4518*Input!$C$21,0)+IF(Input!$D$22=3,M4518*Input!$C$22,0)</f>
        <v>0</v>
      </c>
      <c r="Q4518" s="75">
        <f>IF(Input!$D$19=4,J4518*Input!$C$19,0)+IF(Input!$D$20=4,K4518*Input!$C$20,0)+IF(Input!$D$21=4,L4518*Input!$C$21,0)+IF(Input!$D$22=4,M4518*Input!$C$22,0)</f>
        <v>0</v>
      </c>
      <c r="R4518" s="58">
        <v>42.236200978312816</v>
      </c>
      <c r="S4518" s="124">
        <f t="shared" si="70"/>
        <v>0.26021807274507347</v>
      </c>
    </row>
    <row r="4519" spans="8:19" x14ac:dyDescent="0.3">
      <c r="H4519" s="44">
        <v>4512</v>
      </c>
      <c r="I4519" s="56">
        <f>Bühler!I4545</f>
        <v>6.0050324479632329E-2</v>
      </c>
      <c r="J4519" s="59">
        <f>Bühler!J4545</f>
        <v>0.20016774826544112</v>
      </c>
      <c r="K4519" s="59">
        <f>Bühler!K4545</f>
        <v>0.30025162239816167</v>
      </c>
      <c r="L4519" s="59">
        <f>Bühler!L4545</f>
        <v>4.9586222425687616</v>
      </c>
      <c r="M4519" s="58">
        <f>Bühler!M4545</f>
        <v>0</v>
      </c>
      <c r="N4519" s="56">
        <f>IF(Input!$D$19=1,J4519*Input!$C$19,0)+IF(Input!$D$20=1,K4519*Input!$C$20,0)+IF(Input!$D$21=1,L4519*Input!$C$21,0)+IF(Input!$D$22=1,M4519*Input!$C$22,0)</f>
        <v>6.0050324479632336E-2</v>
      </c>
      <c r="O4519" s="59">
        <f>IF(Input!$D$19=2,J4519*Input!$C$19,0)+IF(Input!$D$20=2,K4519*Input!$C$20,0)+IF(Input!$D$21=2,L4519*Input!$C$21,0)+IF(Input!$D$22=2,M4519*Input!$C$22,0)</f>
        <v>0.15012581119908083</v>
      </c>
      <c r="P4519" s="59">
        <f>IF(Input!$D$19=3,J4519*Input!$C$19,0)+IF(Input!$D$20=3,K4519*Input!$C$20,0)+IF(Input!$D$21=3,L4519*Input!$C$21,0)+IF(Input!$D$22=3,M4519*Input!$C$22,0)</f>
        <v>0</v>
      </c>
      <c r="Q4519" s="75">
        <f>IF(Input!$D$19=4,J4519*Input!$C$19,0)+IF(Input!$D$20=4,K4519*Input!$C$20,0)+IF(Input!$D$21=4,L4519*Input!$C$21,0)+IF(Input!$D$22=4,M4519*Input!$C$22,0)</f>
        <v>0</v>
      </c>
      <c r="R4519" s="58">
        <v>41.99719518357562</v>
      </c>
      <c r="S4519" s="124">
        <f t="shared" si="70"/>
        <v>0.26021807274507347</v>
      </c>
    </row>
    <row r="4520" spans="8:19" x14ac:dyDescent="0.3">
      <c r="H4520" s="44">
        <v>4513</v>
      </c>
      <c r="I4520" s="56">
        <f>Bühler!I4546</f>
        <v>6.7973974449704253E-2</v>
      </c>
      <c r="J4520" s="59">
        <f>Bühler!J4546</f>
        <v>0.22657991483234752</v>
      </c>
      <c r="K4520" s="59">
        <f>Bühler!K4546</f>
        <v>0.33986987224852128</v>
      </c>
      <c r="L4520" s="59">
        <f>Bühler!L4546</f>
        <v>5.5138250865842782</v>
      </c>
      <c r="M4520" s="58">
        <f>Bühler!M4546</f>
        <v>0</v>
      </c>
      <c r="N4520" s="56">
        <f>IF(Input!$D$19=1,J4520*Input!$C$19,0)+IF(Input!$D$20=1,K4520*Input!$C$20,0)+IF(Input!$D$21=1,L4520*Input!$C$21,0)+IF(Input!$D$22=1,M4520*Input!$C$22,0)</f>
        <v>6.7973974449704253E-2</v>
      </c>
      <c r="O4520" s="59">
        <f>IF(Input!$D$19=2,J4520*Input!$C$19,0)+IF(Input!$D$20=2,K4520*Input!$C$20,0)+IF(Input!$D$21=2,L4520*Input!$C$21,0)+IF(Input!$D$22=2,M4520*Input!$C$22,0)</f>
        <v>0.16993493612426064</v>
      </c>
      <c r="P4520" s="59">
        <f>IF(Input!$D$19=3,J4520*Input!$C$19,0)+IF(Input!$D$20=3,K4520*Input!$C$20,0)+IF(Input!$D$21=3,L4520*Input!$C$21,0)+IF(Input!$D$22=3,M4520*Input!$C$22,0)</f>
        <v>0</v>
      </c>
      <c r="Q4520" s="75">
        <f>IF(Input!$D$19=4,J4520*Input!$C$19,0)+IF(Input!$D$20=4,K4520*Input!$C$20,0)+IF(Input!$D$21=4,L4520*Input!$C$21,0)+IF(Input!$D$22=4,M4520*Input!$C$22,0)</f>
        <v>0</v>
      </c>
      <c r="R4520" s="58">
        <v>41.289718923446685</v>
      </c>
      <c r="S4520" s="124">
        <f t="shared" si="70"/>
        <v>0.29455388928205178</v>
      </c>
    </row>
    <row r="4521" spans="8:19" x14ac:dyDescent="0.3">
      <c r="H4521" s="44">
        <v>4514</v>
      </c>
      <c r="I4521" s="56">
        <f>Bühler!I4547</f>
        <v>7.8937518715785582E-2</v>
      </c>
      <c r="J4521" s="59">
        <f>Bühler!J4547</f>
        <v>0.26312506238595196</v>
      </c>
      <c r="K4521" s="59">
        <f>Bühler!K4547</f>
        <v>0.39468759357892791</v>
      </c>
      <c r="L4521" s="59">
        <f>Bühler!L4547</f>
        <v>6.4031517134527105</v>
      </c>
      <c r="M4521" s="58">
        <f>Bühler!M4547</f>
        <v>0</v>
      </c>
      <c r="N4521" s="56">
        <f>IF(Input!$D$19=1,J4521*Input!$C$19,0)+IF(Input!$D$20=1,K4521*Input!$C$20,0)+IF(Input!$D$21=1,L4521*Input!$C$21,0)+IF(Input!$D$22=1,M4521*Input!$C$22,0)</f>
        <v>7.8937518715785582E-2</v>
      </c>
      <c r="O4521" s="59">
        <f>IF(Input!$D$19=2,J4521*Input!$C$19,0)+IF(Input!$D$20=2,K4521*Input!$C$20,0)+IF(Input!$D$21=2,L4521*Input!$C$21,0)+IF(Input!$D$22=2,M4521*Input!$C$22,0)</f>
        <v>0.19734379678946395</v>
      </c>
      <c r="P4521" s="59">
        <f>IF(Input!$D$19=3,J4521*Input!$C$19,0)+IF(Input!$D$20=3,K4521*Input!$C$20,0)+IF(Input!$D$21=3,L4521*Input!$C$21,0)+IF(Input!$D$22=3,M4521*Input!$C$22,0)</f>
        <v>0</v>
      </c>
      <c r="Q4521" s="75">
        <f>IF(Input!$D$19=4,J4521*Input!$C$19,0)+IF(Input!$D$20=4,K4521*Input!$C$20,0)+IF(Input!$D$21=4,L4521*Input!$C$21,0)+IF(Input!$D$22=4,M4521*Input!$C$22,0)</f>
        <v>0</v>
      </c>
      <c r="R4521" s="58">
        <v>41.256656530033808</v>
      </c>
      <c r="S4521" s="124">
        <f t="shared" si="70"/>
        <v>0.34206258110173754</v>
      </c>
    </row>
    <row r="4522" spans="8:19" x14ac:dyDescent="0.3">
      <c r="H4522" s="44">
        <v>4515</v>
      </c>
      <c r="I4522" s="56">
        <f>Bühler!I4548</f>
        <v>7.8937518715785582E-2</v>
      </c>
      <c r="J4522" s="59">
        <f>Bühler!J4548</f>
        <v>0.26312506238595196</v>
      </c>
      <c r="K4522" s="59">
        <f>Bühler!K4548</f>
        <v>0.39468759357892791</v>
      </c>
      <c r="L4522" s="59">
        <f>Bühler!L4548</f>
        <v>6.4031517134527105</v>
      </c>
      <c r="M4522" s="58">
        <f>Bühler!M4548</f>
        <v>0</v>
      </c>
      <c r="N4522" s="56">
        <f>IF(Input!$D$19=1,J4522*Input!$C$19,0)+IF(Input!$D$20=1,K4522*Input!$C$20,0)+IF(Input!$D$21=1,L4522*Input!$C$21,0)+IF(Input!$D$22=1,M4522*Input!$C$22,0)</f>
        <v>7.8937518715785582E-2</v>
      </c>
      <c r="O4522" s="59">
        <f>IF(Input!$D$19=2,J4522*Input!$C$19,0)+IF(Input!$D$20=2,K4522*Input!$C$20,0)+IF(Input!$D$21=2,L4522*Input!$C$21,0)+IF(Input!$D$22=2,M4522*Input!$C$22,0)</f>
        <v>0.19734379678946395</v>
      </c>
      <c r="P4522" s="59">
        <f>IF(Input!$D$19=3,J4522*Input!$C$19,0)+IF(Input!$D$20=3,K4522*Input!$C$20,0)+IF(Input!$D$21=3,L4522*Input!$C$21,0)+IF(Input!$D$22=3,M4522*Input!$C$22,0)</f>
        <v>0</v>
      </c>
      <c r="Q4522" s="75">
        <f>IF(Input!$D$19=4,J4522*Input!$C$19,0)+IF(Input!$D$20=4,K4522*Input!$C$20,0)+IF(Input!$D$21=4,L4522*Input!$C$21,0)+IF(Input!$D$22=4,M4522*Input!$C$22,0)</f>
        <v>0</v>
      </c>
      <c r="R4522" s="58">
        <v>40.573008925789154</v>
      </c>
      <c r="S4522" s="124">
        <f t="shared" si="70"/>
        <v>0.34206258110173754</v>
      </c>
    </row>
    <row r="4523" spans="8:19" x14ac:dyDescent="0.3">
      <c r="H4523" s="44">
        <v>4516</v>
      </c>
      <c r="I4523" s="56">
        <f>Bühler!I4549</f>
        <v>7.8937518715785582E-2</v>
      </c>
      <c r="J4523" s="59">
        <f>Bühler!J4549</f>
        <v>0.26312506238595196</v>
      </c>
      <c r="K4523" s="59">
        <f>Bühler!K4549</f>
        <v>0.39468759357892791</v>
      </c>
      <c r="L4523" s="59">
        <f>Bühler!L4549</f>
        <v>6.4031517134527105</v>
      </c>
      <c r="M4523" s="58">
        <f>Bühler!M4549</f>
        <v>0</v>
      </c>
      <c r="N4523" s="56">
        <f>IF(Input!$D$19=1,J4523*Input!$C$19,0)+IF(Input!$D$20=1,K4523*Input!$C$20,0)+IF(Input!$D$21=1,L4523*Input!$C$21,0)+IF(Input!$D$22=1,M4523*Input!$C$22,0)</f>
        <v>7.8937518715785582E-2</v>
      </c>
      <c r="O4523" s="59">
        <f>IF(Input!$D$19=2,J4523*Input!$C$19,0)+IF(Input!$D$20=2,K4523*Input!$C$20,0)+IF(Input!$D$21=2,L4523*Input!$C$21,0)+IF(Input!$D$22=2,M4523*Input!$C$22,0)</f>
        <v>0.19734379678946395</v>
      </c>
      <c r="P4523" s="59">
        <f>IF(Input!$D$19=3,J4523*Input!$C$19,0)+IF(Input!$D$20=3,K4523*Input!$C$20,0)+IF(Input!$D$21=3,L4523*Input!$C$21,0)+IF(Input!$D$22=3,M4523*Input!$C$22,0)</f>
        <v>0</v>
      </c>
      <c r="Q4523" s="75">
        <f>IF(Input!$D$19=4,J4523*Input!$C$19,0)+IF(Input!$D$20=4,K4523*Input!$C$20,0)+IF(Input!$D$21=4,L4523*Input!$C$21,0)+IF(Input!$D$22=4,M4523*Input!$C$22,0)</f>
        <v>0</v>
      </c>
      <c r="R4523" s="58">
        <v>40.634899870798115</v>
      </c>
      <c r="S4523" s="124">
        <f t="shared" si="70"/>
        <v>0.34206258110173754</v>
      </c>
    </row>
    <row r="4524" spans="8:19" x14ac:dyDescent="0.3">
      <c r="H4524" s="44">
        <v>4517</v>
      </c>
      <c r="I4524" s="56">
        <f>Bühler!I4550</f>
        <v>7.8937518715785582E-2</v>
      </c>
      <c r="J4524" s="59">
        <f>Bühler!J4550</f>
        <v>0.26312506238595196</v>
      </c>
      <c r="K4524" s="59">
        <f>Bühler!K4550</f>
        <v>0.39468759357892791</v>
      </c>
      <c r="L4524" s="59">
        <f>Bühler!L4550</f>
        <v>6.4031517134527105</v>
      </c>
      <c r="M4524" s="58">
        <f>Bühler!M4550</f>
        <v>0</v>
      </c>
      <c r="N4524" s="56">
        <f>IF(Input!$D$19=1,J4524*Input!$C$19,0)+IF(Input!$D$20=1,K4524*Input!$C$20,0)+IF(Input!$D$21=1,L4524*Input!$C$21,0)+IF(Input!$D$22=1,M4524*Input!$C$22,0)</f>
        <v>7.8937518715785582E-2</v>
      </c>
      <c r="O4524" s="59">
        <f>IF(Input!$D$19=2,J4524*Input!$C$19,0)+IF(Input!$D$20=2,K4524*Input!$C$20,0)+IF(Input!$D$21=2,L4524*Input!$C$21,0)+IF(Input!$D$22=2,M4524*Input!$C$22,0)</f>
        <v>0.19734379678946395</v>
      </c>
      <c r="P4524" s="59">
        <f>IF(Input!$D$19=3,J4524*Input!$C$19,0)+IF(Input!$D$20=3,K4524*Input!$C$20,0)+IF(Input!$D$21=3,L4524*Input!$C$21,0)+IF(Input!$D$22=3,M4524*Input!$C$22,0)</f>
        <v>0</v>
      </c>
      <c r="Q4524" s="75">
        <f>IF(Input!$D$19=4,J4524*Input!$C$19,0)+IF(Input!$D$20=4,K4524*Input!$C$20,0)+IF(Input!$D$21=4,L4524*Input!$C$21,0)+IF(Input!$D$22=4,M4524*Input!$C$22,0)</f>
        <v>0</v>
      </c>
      <c r="R4524" s="58">
        <v>40.468295730841341</v>
      </c>
      <c r="S4524" s="124">
        <f t="shared" si="70"/>
        <v>0.34206258110173754</v>
      </c>
    </row>
    <row r="4525" spans="8:19" x14ac:dyDescent="0.3">
      <c r="H4525" s="44">
        <v>4518</v>
      </c>
      <c r="I4525" s="56">
        <f>Bühler!I4551</f>
        <v>9.8671898394731949E-2</v>
      </c>
      <c r="J4525" s="59">
        <f>Bühler!J4551</f>
        <v>0.32890632798243991</v>
      </c>
      <c r="K4525" s="59">
        <f>Bühler!K4551</f>
        <v>0.4933594919736598</v>
      </c>
      <c r="L4525" s="59">
        <f>Bühler!L4551</f>
        <v>8.0039396418158884</v>
      </c>
      <c r="M4525" s="58">
        <f>Bühler!M4551</f>
        <v>0</v>
      </c>
      <c r="N4525" s="56">
        <f>IF(Input!$D$19=1,J4525*Input!$C$19,0)+IF(Input!$D$20=1,K4525*Input!$C$20,0)+IF(Input!$D$21=1,L4525*Input!$C$21,0)+IF(Input!$D$22=1,M4525*Input!$C$22,0)</f>
        <v>9.8671898394731963E-2</v>
      </c>
      <c r="O4525" s="59">
        <f>IF(Input!$D$19=2,J4525*Input!$C$19,0)+IF(Input!$D$20=2,K4525*Input!$C$20,0)+IF(Input!$D$21=2,L4525*Input!$C$21,0)+IF(Input!$D$22=2,M4525*Input!$C$22,0)</f>
        <v>0.2466797459868299</v>
      </c>
      <c r="P4525" s="59">
        <f>IF(Input!$D$19=3,J4525*Input!$C$19,0)+IF(Input!$D$20=3,K4525*Input!$C$20,0)+IF(Input!$D$21=3,L4525*Input!$C$21,0)+IF(Input!$D$22=3,M4525*Input!$C$22,0)</f>
        <v>0</v>
      </c>
      <c r="Q4525" s="75">
        <f>IF(Input!$D$19=4,J4525*Input!$C$19,0)+IF(Input!$D$20=4,K4525*Input!$C$20,0)+IF(Input!$D$21=4,L4525*Input!$C$21,0)+IF(Input!$D$22=4,M4525*Input!$C$22,0)</f>
        <v>0</v>
      </c>
      <c r="R4525" s="58">
        <v>40.539743883200885</v>
      </c>
      <c r="S4525" s="124">
        <f t="shared" si="70"/>
        <v>0.42757822637717185</v>
      </c>
    </row>
    <row r="4526" spans="8:19" x14ac:dyDescent="0.3">
      <c r="H4526" s="44">
        <v>4519</v>
      </c>
      <c r="I4526" s="56">
        <f>Bühler!I4552</f>
        <v>0.1162135692204621</v>
      </c>
      <c r="J4526" s="59">
        <f>Bühler!J4552</f>
        <v>0.38737856406820703</v>
      </c>
      <c r="K4526" s="59">
        <f>Bühler!K4552</f>
        <v>0.58106784610231055</v>
      </c>
      <c r="L4526" s="59">
        <f>Bühler!L4552</f>
        <v>9.4268622448053794</v>
      </c>
      <c r="M4526" s="58">
        <f>Bühler!M4552</f>
        <v>0</v>
      </c>
      <c r="N4526" s="56">
        <f>IF(Input!$D$19=1,J4526*Input!$C$19,0)+IF(Input!$D$20=1,K4526*Input!$C$20,0)+IF(Input!$D$21=1,L4526*Input!$C$21,0)+IF(Input!$D$22=1,M4526*Input!$C$22,0)</f>
        <v>0.11621356922046211</v>
      </c>
      <c r="O4526" s="59">
        <f>IF(Input!$D$19=2,J4526*Input!$C$19,0)+IF(Input!$D$20=2,K4526*Input!$C$20,0)+IF(Input!$D$21=2,L4526*Input!$C$21,0)+IF(Input!$D$22=2,M4526*Input!$C$22,0)</f>
        <v>0.29053392305115527</v>
      </c>
      <c r="P4526" s="59">
        <f>IF(Input!$D$19=3,J4526*Input!$C$19,0)+IF(Input!$D$20=3,K4526*Input!$C$20,0)+IF(Input!$D$21=3,L4526*Input!$C$21,0)+IF(Input!$D$22=3,M4526*Input!$C$22,0)</f>
        <v>0</v>
      </c>
      <c r="Q4526" s="75">
        <f>IF(Input!$D$19=4,J4526*Input!$C$19,0)+IF(Input!$D$20=4,K4526*Input!$C$20,0)+IF(Input!$D$21=4,L4526*Input!$C$21,0)+IF(Input!$D$22=4,M4526*Input!$C$22,0)</f>
        <v>0</v>
      </c>
      <c r="R4526" s="58">
        <v>40.212636182935022</v>
      </c>
      <c r="S4526" s="124">
        <f t="shared" si="70"/>
        <v>0.50359213328866914</v>
      </c>
    </row>
    <row r="4527" spans="8:19" x14ac:dyDescent="0.3">
      <c r="H4527" s="44">
        <v>4520</v>
      </c>
      <c r="I4527" s="56">
        <f>Bühler!I4553</f>
        <v>0.13814065775262474</v>
      </c>
      <c r="J4527" s="59">
        <f>Bühler!J4553</f>
        <v>0.46046885917541586</v>
      </c>
      <c r="K4527" s="59">
        <f>Bühler!K4553</f>
        <v>0.69070328876312381</v>
      </c>
      <c r="L4527" s="59">
        <f>Bühler!L4553</f>
        <v>11.205515498542244</v>
      </c>
      <c r="M4527" s="58">
        <f>Bühler!M4553</f>
        <v>0</v>
      </c>
      <c r="N4527" s="56">
        <f>IF(Input!$D$19=1,J4527*Input!$C$19,0)+IF(Input!$D$20=1,K4527*Input!$C$20,0)+IF(Input!$D$21=1,L4527*Input!$C$21,0)+IF(Input!$D$22=1,M4527*Input!$C$22,0)</f>
        <v>0.13814065775262474</v>
      </c>
      <c r="O4527" s="59">
        <f>IF(Input!$D$19=2,J4527*Input!$C$19,0)+IF(Input!$D$20=2,K4527*Input!$C$20,0)+IF(Input!$D$21=2,L4527*Input!$C$21,0)+IF(Input!$D$22=2,M4527*Input!$C$22,0)</f>
        <v>0.34535164438156191</v>
      </c>
      <c r="P4527" s="59">
        <f>IF(Input!$D$19=3,J4527*Input!$C$19,0)+IF(Input!$D$20=3,K4527*Input!$C$20,0)+IF(Input!$D$21=3,L4527*Input!$C$21,0)+IF(Input!$D$22=3,M4527*Input!$C$22,0)</f>
        <v>0</v>
      </c>
      <c r="Q4527" s="75">
        <f>IF(Input!$D$19=4,J4527*Input!$C$19,0)+IF(Input!$D$20=4,K4527*Input!$C$20,0)+IF(Input!$D$21=4,L4527*Input!$C$21,0)+IF(Input!$D$22=4,M4527*Input!$C$22,0)</f>
        <v>0</v>
      </c>
      <c r="R4527" s="58">
        <v>40.014475416100879</v>
      </c>
      <c r="S4527" s="124">
        <f t="shared" si="70"/>
        <v>0.59860951692804054</v>
      </c>
    </row>
    <row r="4528" spans="8:19" x14ac:dyDescent="0.3">
      <c r="H4528" s="44">
        <v>4521</v>
      </c>
      <c r="I4528" s="56">
        <f>Bühler!I4554</f>
        <v>0.13814065775262474</v>
      </c>
      <c r="J4528" s="59">
        <f>Bühler!J4554</f>
        <v>0.46046885917541586</v>
      </c>
      <c r="K4528" s="59">
        <f>Bühler!K4554</f>
        <v>0.69070328876312381</v>
      </c>
      <c r="L4528" s="59">
        <f>Bühler!L4554</f>
        <v>11.205515498542244</v>
      </c>
      <c r="M4528" s="58">
        <f>Bühler!M4554</f>
        <v>0</v>
      </c>
      <c r="N4528" s="56">
        <f>IF(Input!$D$19=1,J4528*Input!$C$19,0)+IF(Input!$D$20=1,K4528*Input!$C$20,0)+IF(Input!$D$21=1,L4528*Input!$C$21,0)+IF(Input!$D$22=1,M4528*Input!$C$22,0)</f>
        <v>0.13814065775262474</v>
      </c>
      <c r="O4528" s="59">
        <f>IF(Input!$D$19=2,J4528*Input!$C$19,0)+IF(Input!$D$20=2,K4528*Input!$C$20,0)+IF(Input!$D$21=2,L4528*Input!$C$21,0)+IF(Input!$D$22=2,M4528*Input!$C$22,0)</f>
        <v>0.34535164438156191</v>
      </c>
      <c r="P4528" s="59">
        <f>IF(Input!$D$19=3,J4528*Input!$C$19,0)+IF(Input!$D$20=3,K4528*Input!$C$20,0)+IF(Input!$D$21=3,L4528*Input!$C$21,0)+IF(Input!$D$22=3,M4528*Input!$C$22,0)</f>
        <v>0</v>
      </c>
      <c r="Q4528" s="75">
        <f>IF(Input!$D$19=4,J4528*Input!$C$19,0)+IF(Input!$D$20=4,K4528*Input!$C$20,0)+IF(Input!$D$21=4,L4528*Input!$C$21,0)+IF(Input!$D$22=4,M4528*Input!$C$22,0)</f>
        <v>0</v>
      </c>
      <c r="R4528" s="58">
        <v>39.451923815750433</v>
      </c>
      <c r="S4528" s="124">
        <f t="shared" si="70"/>
        <v>0.59860951692804054</v>
      </c>
    </row>
    <row r="4529" spans="8:19" x14ac:dyDescent="0.3">
      <c r="H4529" s="44">
        <v>4522</v>
      </c>
      <c r="I4529" s="56">
        <f>Bühler!I4555</f>
        <v>0.13814065775262474</v>
      </c>
      <c r="J4529" s="59">
        <f>Bühler!J4555</f>
        <v>0.46046885917541586</v>
      </c>
      <c r="K4529" s="59">
        <f>Bühler!K4555</f>
        <v>0.69070328876312381</v>
      </c>
      <c r="L4529" s="59">
        <f>Bühler!L4555</f>
        <v>11.205515498542244</v>
      </c>
      <c r="M4529" s="58">
        <f>Bühler!M4555</f>
        <v>0</v>
      </c>
      <c r="N4529" s="56">
        <f>IF(Input!$D$19=1,J4529*Input!$C$19,0)+IF(Input!$D$20=1,K4529*Input!$C$20,0)+IF(Input!$D$21=1,L4529*Input!$C$21,0)+IF(Input!$D$22=1,M4529*Input!$C$22,0)</f>
        <v>0.13814065775262474</v>
      </c>
      <c r="O4529" s="59">
        <f>IF(Input!$D$19=2,J4529*Input!$C$19,0)+IF(Input!$D$20=2,K4529*Input!$C$20,0)+IF(Input!$D$21=2,L4529*Input!$C$21,0)+IF(Input!$D$22=2,M4529*Input!$C$22,0)</f>
        <v>0.34535164438156191</v>
      </c>
      <c r="P4529" s="59">
        <f>IF(Input!$D$19=3,J4529*Input!$C$19,0)+IF(Input!$D$20=3,K4529*Input!$C$20,0)+IF(Input!$D$21=3,L4529*Input!$C$21,0)+IF(Input!$D$22=3,M4529*Input!$C$22,0)</f>
        <v>0</v>
      </c>
      <c r="Q4529" s="75">
        <f>IF(Input!$D$19=4,J4529*Input!$C$19,0)+IF(Input!$D$20=4,K4529*Input!$C$20,0)+IF(Input!$D$21=4,L4529*Input!$C$21,0)+IF(Input!$D$22=4,M4529*Input!$C$22,0)</f>
        <v>0</v>
      </c>
      <c r="R4529" s="58">
        <v>39.174741932961354</v>
      </c>
      <c r="S4529" s="124">
        <f t="shared" si="70"/>
        <v>0.59860951692804054</v>
      </c>
    </row>
    <row r="4530" spans="8:19" x14ac:dyDescent="0.3">
      <c r="H4530" s="44">
        <v>4523</v>
      </c>
      <c r="I4530" s="56">
        <f>Bühler!I4556</f>
        <v>0.13814065775262474</v>
      </c>
      <c r="J4530" s="59">
        <f>Bühler!J4556</f>
        <v>0.46046885917541586</v>
      </c>
      <c r="K4530" s="59">
        <f>Bühler!K4556</f>
        <v>0.69070328876312381</v>
      </c>
      <c r="L4530" s="59">
        <f>Bühler!L4556</f>
        <v>11.205515498542244</v>
      </c>
      <c r="M4530" s="58">
        <f>Bühler!M4556</f>
        <v>0</v>
      </c>
      <c r="N4530" s="56">
        <f>IF(Input!$D$19=1,J4530*Input!$C$19,0)+IF(Input!$D$20=1,K4530*Input!$C$20,0)+IF(Input!$D$21=1,L4530*Input!$C$21,0)+IF(Input!$D$22=1,M4530*Input!$C$22,0)</f>
        <v>0.13814065775262474</v>
      </c>
      <c r="O4530" s="59">
        <f>IF(Input!$D$19=2,J4530*Input!$C$19,0)+IF(Input!$D$20=2,K4530*Input!$C$20,0)+IF(Input!$D$21=2,L4530*Input!$C$21,0)+IF(Input!$D$22=2,M4530*Input!$C$22,0)</f>
        <v>0.34535164438156191</v>
      </c>
      <c r="P4530" s="59">
        <f>IF(Input!$D$19=3,J4530*Input!$C$19,0)+IF(Input!$D$20=3,K4530*Input!$C$20,0)+IF(Input!$D$21=3,L4530*Input!$C$21,0)+IF(Input!$D$22=3,M4530*Input!$C$22,0)</f>
        <v>0</v>
      </c>
      <c r="Q4530" s="75">
        <f>IF(Input!$D$19=4,J4530*Input!$C$19,0)+IF(Input!$D$20=4,K4530*Input!$C$20,0)+IF(Input!$D$21=4,L4530*Input!$C$21,0)+IF(Input!$D$22=4,M4530*Input!$C$22,0)</f>
        <v>0</v>
      </c>
      <c r="R4530" s="58">
        <v>39.925077669910166</v>
      </c>
      <c r="S4530" s="124">
        <f t="shared" si="70"/>
        <v>0.59860951692804054</v>
      </c>
    </row>
    <row r="4531" spans="8:19" x14ac:dyDescent="0.3">
      <c r="H4531" s="44">
        <v>4524</v>
      </c>
      <c r="I4531" s="56">
        <f>Bühler!I4557</f>
        <v>0.13814065775262474</v>
      </c>
      <c r="J4531" s="59">
        <f>Bühler!J4557</f>
        <v>0.46046885917541586</v>
      </c>
      <c r="K4531" s="59">
        <f>Bühler!K4557</f>
        <v>0.69070328876312381</v>
      </c>
      <c r="L4531" s="59">
        <f>Bühler!L4557</f>
        <v>11.205515498542244</v>
      </c>
      <c r="M4531" s="58">
        <f>Bühler!M4557</f>
        <v>0</v>
      </c>
      <c r="N4531" s="56">
        <f>IF(Input!$D$19=1,J4531*Input!$C$19,0)+IF(Input!$D$20=1,K4531*Input!$C$20,0)+IF(Input!$D$21=1,L4531*Input!$C$21,0)+IF(Input!$D$22=1,M4531*Input!$C$22,0)</f>
        <v>0.13814065775262474</v>
      </c>
      <c r="O4531" s="59">
        <f>IF(Input!$D$19=2,J4531*Input!$C$19,0)+IF(Input!$D$20=2,K4531*Input!$C$20,0)+IF(Input!$D$21=2,L4531*Input!$C$21,0)+IF(Input!$D$22=2,M4531*Input!$C$22,0)</f>
        <v>0.34535164438156191</v>
      </c>
      <c r="P4531" s="59">
        <f>IF(Input!$D$19=3,J4531*Input!$C$19,0)+IF(Input!$D$20=3,K4531*Input!$C$20,0)+IF(Input!$D$21=3,L4531*Input!$C$21,0)+IF(Input!$D$22=3,M4531*Input!$C$22,0)</f>
        <v>0</v>
      </c>
      <c r="Q4531" s="75">
        <f>IF(Input!$D$19=4,J4531*Input!$C$19,0)+IF(Input!$D$20=4,K4531*Input!$C$20,0)+IF(Input!$D$21=4,L4531*Input!$C$21,0)+IF(Input!$D$22=4,M4531*Input!$C$22,0)</f>
        <v>0</v>
      </c>
      <c r="R4531" s="58">
        <v>40.424663923729192</v>
      </c>
      <c r="S4531" s="124">
        <f t="shared" si="70"/>
        <v>0.59860951692804054</v>
      </c>
    </row>
    <row r="4532" spans="8:19" x14ac:dyDescent="0.3">
      <c r="H4532" s="44">
        <v>4525</v>
      </c>
      <c r="I4532" s="56">
        <f>Bühler!I4558</f>
        <v>0.13814065775262474</v>
      </c>
      <c r="J4532" s="59">
        <f>Bühler!J4558</f>
        <v>0.46046885917541586</v>
      </c>
      <c r="K4532" s="59">
        <f>Bühler!K4558</f>
        <v>0.69070328876312381</v>
      </c>
      <c r="L4532" s="59">
        <f>Bühler!L4558</f>
        <v>11.205515498542244</v>
      </c>
      <c r="M4532" s="58">
        <f>Bühler!M4558</f>
        <v>0</v>
      </c>
      <c r="N4532" s="56">
        <f>IF(Input!$D$19=1,J4532*Input!$C$19,0)+IF(Input!$D$20=1,K4532*Input!$C$20,0)+IF(Input!$D$21=1,L4532*Input!$C$21,0)+IF(Input!$D$22=1,M4532*Input!$C$22,0)</f>
        <v>0.13814065775262474</v>
      </c>
      <c r="O4532" s="59">
        <f>IF(Input!$D$19=2,J4532*Input!$C$19,0)+IF(Input!$D$20=2,K4532*Input!$C$20,0)+IF(Input!$D$21=2,L4532*Input!$C$21,0)+IF(Input!$D$22=2,M4532*Input!$C$22,0)</f>
        <v>0.34535164438156191</v>
      </c>
      <c r="P4532" s="59">
        <f>IF(Input!$D$19=3,J4532*Input!$C$19,0)+IF(Input!$D$20=3,K4532*Input!$C$20,0)+IF(Input!$D$21=3,L4532*Input!$C$21,0)+IF(Input!$D$22=3,M4532*Input!$C$22,0)</f>
        <v>0</v>
      </c>
      <c r="Q4532" s="75">
        <f>IF(Input!$D$19=4,J4532*Input!$C$19,0)+IF(Input!$D$20=4,K4532*Input!$C$20,0)+IF(Input!$D$21=4,L4532*Input!$C$21,0)+IF(Input!$D$22=4,M4532*Input!$C$22,0)</f>
        <v>0</v>
      </c>
      <c r="R4532" s="58">
        <v>40.973405979154222</v>
      </c>
      <c r="S4532" s="124">
        <f t="shared" si="70"/>
        <v>0.59860951692804054</v>
      </c>
    </row>
    <row r="4533" spans="8:19" x14ac:dyDescent="0.3">
      <c r="H4533" s="44">
        <v>4526</v>
      </c>
      <c r="I4533" s="56">
        <f>Bühler!I4559</f>
        <v>0.13814065775262474</v>
      </c>
      <c r="J4533" s="59">
        <f>Bühler!J4559</f>
        <v>0.46046885917541586</v>
      </c>
      <c r="K4533" s="59">
        <f>Bühler!K4559</f>
        <v>0.69070328876312381</v>
      </c>
      <c r="L4533" s="59">
        <f>Bühler!L4559</f>
        <v>11.205515498542244</v>
      </c>
      <c r="M4533" s="58">
        <f>Bühler!M4559</f>
        <v>0</v>
      </c>
      <c r="N4533" s="56">
        <f>IF(Input!$D$19=1,J4533*Input!$C$19,0)+IF(Input!$D$20=1,K4533*Input!$C$20,0)+IF(Input!$D$21=1,L4533*Input!$C$21,0)+IF(Input!$D$22=1,M4533*Input!$C$22,0)</f>
        <v>0.13814065775262474</v>
      </c>
      <c r="O4533" s="59">
        <f>IF(Input!$D$19=2,J4533*Input!$C$19,0)+IF(Input!$D$20=2,K4533*Input!$C$20,0)+IF(Input!$D$21=2,L4533*Input!$C$21,0)+IF(Input!$D$22=2,M4533*Input!$C$22,0)</f>
        <v>0.34535164438156191</v>
      </c>
      <c r="P4533" s="59">
        <f>IF(Input!$D$19=3,J4533*Input!$C$19,0)+IF(Input!$D$20=3,K4533*Input!$C$20,0)+IF(Input!$D$21=3,L4533*Input!$C$21,0)+IF(Input!$D$22=3,M4533*Input!$C$22,0)</f>
        <v>0</v>
      </c>
      <c r="Q4533" s="75">
        <f>IF(Input!$D$19=4,J4533*Input!$C$19,0)+IF(Input!$D$20=4,K4533*Input!$C$20,0)+IF(Input!$D$21=4,L4533*Input!$C$21,0)+IF(Input!$D$22=4,M4533*Input!$C$22,0)</f>
        <v>0</v>
      </c>
      <c r="R4533" s="58">
        <v>41.132637902158066</v>
      </c>
      <c r="S4533" s="124">
        <f t="shared" si="70"/>
        <v>0.59860951692804054</v>
      </c>
    </row>
    <row r="4534" spans="8:19" x14ac:dyDescent="0.3">
      <c r="H4534" s="44">
        <v>4527</v>
      </c>
      <c r="I4534" s="56">
        <f>Bühler!I4560</f>
        <v>0.13814065775262474</v>
      </c>
      <c r="J4534" s="59">
        <f>Bühler!J4560</f>
        <v>0.46046885917541586</v>
      </c>
      <c r="K4534" s="59">
        <f>Bühler!K4560</f>
        <v>0.69070328876312381</v>
      </c>
      <c r="L4534" s="59">
        <f>Bühler!L4560</f>
        <v>11.205515498542244</v>
      </c>
      <c r="M4534" s="58">
        <f>Bühler!M4560</f>
        <v>0</v>
      </c>
      <c r="N4534" s="56">
        <f>IF(Input!$D$19=1,J4534*Input!$C$19,0)+IF(Input!$D$20=1,K4534*Input!$C$20,0)+IF(Input!$D$21=1,L4534*Input!$C$21,0)+IF(Input!$D$22=1,M4534*Input!$C$22,0)</f>
        <v>0.13814065775262474</v>
      </c>
      <c r="O4534" s="59">
        <f>IF(Input!$D$19=2,J4534*Input!$C$19,0)+IF(Input!$D$20=2,K4534*Input!$C$20,0)+IF(Input!$D$21=2,L4534*Input!$C$21,0)+IF(Input!$D$22=2,M4534*Input!$C$22,0)</f>
        <v>0.34535164438156191</v>
      </c>
      <c r="P4534" s="59">
        <f>IF(Input!$D$19=3,J4534*Input!$C$19,0)+IF(Input!$D$20=3,K4534*Input!$C$20,0)+IF(Input!$D$21=3,L4534*Input!$C$21,0)+IF(Input!$D$22=3,M4534*Input!$C$22,0)</f>
        <v>0</v>
      </c>
      <c r="Q4534" s="75">
        <f>IF(Input!$D$19=4,J4534*Input!$C$19,0)+IF(Input!$D$20=4,K4534*Input!$C$20,0)+IF(Input!$D$21=4,L4534*Input!$C$21,0)+IF(Input!$D$22=4,M4534*Input!$C$22,0)</f>
        <v>0</v>
      </c>
      <c r="R4534" s="58">
        <v>41.230701195404841</v>
      </c>
      <c r="S4534" s="124">
        <f t="shared" si="70"/>
        <v>0.59860951692804054</v>
      </c>
    </row>
    <row r="4535" spans="8:19" x14ac:dyDescent="0.3">
      <c r="H4535" s="44">
        <v>4528</v>
      </c>
      <c r="I4535" s="56">
        <f>Bühler!I4561</f>
        <v>0.12279169578011088</v>
      </c>
      <c r="J4535" s="59">
        <f>Bühler!J4561</f>
        <v>0.40930565260036966</v>
      </c>
      <c r="K4535" s="59">
        <f>Bühler!K4561</f>
        <v>0.61395847890055455</v>
      </c>
      <c r="L4535" s="59">
        <f>Bühler!L4561</f>
        <v>9.960458220926439</v>
      </c>
      <c r="M4535" s="58">
        <f>Bühler!M4561</f>
        <v>0</v>
      </c>
      <c r="N4535" s="56">
        <f>IF(Input!$D$19=1,J4535*Input!$C$19,0)+IF(Input!$D$20=1,K4535*Input!$C$20,0)+IF(Input!$D$21=1,L4535*Input!$C$21,0)+IF(Input!$D$22=1,M4535*Input!$C$22,0)</f>
        <v>0.1227916957801109</v>
      </c>
      <c r="O4535" s="59">
        <f>IF(Input!$D$19=2,J4535*Input!$C$19,0)+IF(Input!$D$20=2,K4535*Input!$C$20,0)+IF(Input!$D$21=2,L4535*Input!$C$21,0)+IF(Input!$D$22=2,M4535*Input!$C$22,0)</f>
        <v>0.30697923945027727</v>
      </c>
      <c r="P4535" s="59">
        <f>IF(Input!$D$19=3,J4535*Input!$C$19,0)+IF(Input!$D$20=3,K4535*Input!$C$20,0)+IF(Input!$D$21=3,L4535*Input!$C$21,0)+IF(Input!$D$22=3,M4535*Input!$C$22,0)</f>
        <v>0</v>
      </c>
      <c r="Q4535" s="75">
        <f>IF(Input!$D$19=4,J4535*Input!$C$19,0)+IF(Input!$D$20=4,K4535*Input!$C$20,0)+IF(Input!$D$21=4,L4535*Input!$C$21,0)+IF(Input!$D$22=4,M4535*Input!$C$22,0)</f>
        <v>0</v>
      </c>
      <c r="R4535" s="58">
        <v>41.014043787880148</v>
      </c>
      <c r="S4535" s="124">
        <f t="shared" si="70"/>
        <v>0.53209734838048051</v>
      </c>
    </row>
    <row r="4536" spans="8:19" x14ac:dyDescent="0.3">
      <c r="H4536" s="44">
        <v>4529</v>
      </c>
      <c r="I4536" s="56">
        <f>Bühler!I4562</f>
        <v>0.12059898692689462</v>
      </c>
      <c r="J4536" s="59">
        <f>Bühler!J4562</f>
        <v>0.40199662308964879</v>
      </c>
      <c r="K4536" s="59">
        <f>Bühler!K4562</f>
        <v>0.60299493463447318</v>
      </c>
      <c r="L4536" s="59">
        <f>Bühler!L4562</f>
        <v>9.7825928955527512</v>
      </c>
      <c r="M4536" s="58">
        <f>Bühler!M4562</f>
        <v>0</v>
      </c>
      <c r="N4536" s="56">
        <f>IF(Input!$D$19=1,J4536*Input!$C$19,0)+IF(Input!$D$20=1,K4536*Input!$C$20,0)+IF(Input!$D$21=1,L4536*Input!$C$21,0)+IF(Input!$D$22=1,M4536*Input!$C$22,0)</f>
        <v>0.12059898692689464</v>
      </c>
      <c r="O4536" s="59">
        <f>IF(Input!$D$19=2,J4536*Input!$C$19,0)+IF(Input!$D$20=2,K4536*Input!$C$20,0)+IF(Input!$D$21=2,L4536*Input!$C$21,0)+IF(Input!$D$22=2,M4536*Input!$C$22,0)</f>
        <v>0.30149746731723659</v>
      </c>
      <c r="P4536" s="59">
        <f>IF(Input!$D$19=3,J4536*Input!$C$19,0)+IF(Input!$D$20=3,K4536*Input!$C$20,0)+IF(Input!$D$21=3,L4536*Input!$C$21,0)+IF(Input!$D$22=3,M4536*Input!$C$22,0)</f>
        <v>0</v>
      </c>
      <c r="Q4536" s="75">
        <f>IF(Input!$D$19=4,J4536*Input!$C$19,0)+IF(Input!$D$20=4,K4536*Input!$C$20,0)+IF(Input!$D$21=4,L4536*Input!$C$21,0)+IF(Input!$D$22=4,M4536*Input!$C$22,0)</f>
        <v>0</v>
      </c>
      <c r="R4536" s="58">
        <v>41.089253208572906</v>
      </c>
      <c r="S4536" s="124">
        <f t="shared" si="70"/>
        <v>0.52259561001654342</v>
      </c>
    </row>
    <row r="4537" spans="8:19" x14ac:dyDescent="0.3">
      <c r="H4537" s="44">
        <v>4530</v>
      </c>
      <c r="I4537" s="56">
        <f>Bühler!I4563</f>
        <v>0.1030573161011645</v>
      </c>
      <c r="J4537" s="59">
        <f>Bühler!J4563</f>
        <v>0.34352438700388171</v>
      </c>
      <c r="K4537" s="59">
        <f>Bühler!K4563</f>
        <v>0.51528658050582254</v>
      </c>
      <c r="L4537" s="59">
        <f>Bühler!L4563</f>
        <v>8.359670292563262</v>
      </c>
      <c r="M4537" s="58">
        <f>Bühler!M4563</f>
        <v>0</v>
      </c>
      <c r="N4537" s="56">
        <f>IF(Input!$D$19=1,J4537*Input!$C$19,0)+IF(Input!$D$20=1,K4537*Input!$C$20,0)+IF(Input!$D$21=1,L4537*Input!$C$21,0)+IF(Input!$D$22=1,M4537*Input!$C$22,0)</f>
        <v>0.10305731610116452</v>
      </c>
      <c r="O4537" s="59">
        <f>IF(Input!$D$19=2,J4537*Input!$C$19,0)+IF(Input!$D$20=2,K4537*Input!$C$20,0)+IF(Input!$D$21=2,L4537*Input!$C$21,0)+IF(Input!$D$22=2,M4537*Input!$C$22,0)</f>
        <v>0.25764329025291127</v>
      </c>
      <c r="P4537" s="59">
        <f>IF(Input!$D$19=3,J4537*Input!$C$19,0)+IF(Input!$D$20=3,K4537*Input!$C$20,0)+IF(Input!$D$21=3,L4537*Input!$C$21,0)+IF(Input!$D$22=3,M4537*Input!$C$22,0)</f>
        <v>0</v>
      </c>
      <c r="Q4537" s="75">
        <f>IF(Input!$D$19=4,J4537*Input!$C$19,0)+IF(Input!$D$20=4,K4537*Input!$C$20,0)+IF(Input!$D$21=4,L4537*Input!$C$21,0)+IF(Input!$D$22=4,M4537*Input!$C$22,0)</f>
        <v>0</v>
      </c>
      <c r="R4537" s="58">
        <v>41.230137594547791</v>
      </c>
      <c r="S4537" s="124">
        <f t="shared" si="70"/>
        <v>0.44658170310504619</v>
      </c>
    </row>
    <row r="4538" spans="8:19" x14ac:dyDescent="0.3">
      <c r="H4538" s="44">
        <v>4531</v>
      </c>
      <c r="I4538" s="56">
        <f>Bühler!I4564</f>
        <v>9.64791895415157E-2</v>
      </c>
      <c r="J4538" s="59">
        <f>Bühler!J4564</f>
        <v>0.32159729847171908</v>
      </c>
      <c r="K4538" s="59">
        <f>Bühler!K4564</f>
        <v>0.4823959477075786</v>
      </c>
      <c r="L4538" s="59">
        <f>Bühler!L4564</f>
        <v>7.8260743164422033</v>
      </c>
      <c r="M4538" s="58">
        <f>Bühler!M4564</f>
        <v>0</v>
      </c>
      <c r="N4538" s="56">
        <f>IF(Input!$D$19=1,J4538*Input!$C$19,0)+IF(Input!$D$20=1,K4538*Input!$C$20,0)+IF(Input!$D$21=1,L4538*Input!$C$21,0)+IF(Input!$D$22=1,M4538*Input!$C$22,0)</f>
        <v>9.6479189541515728E-2</v>
      </c>
      <c r="O4538" s="59">
        <f>IF(Input!$D$19=2,J4538*Input!$C$19,0)+IF(Input!$D$20=2,K4538*Input!$C$20,0)+IF(Input!$D$21=2,L4538*Input!$C$21,0)+IF(Input!$D$22=2,M4538*Input!$C$22,0)</f>
        <v>0.2411979738537893</v>
      </c>
      <c r="P4538" s="59">
        <f>IF(Input!$D$19=3,J4538*Input!$C$19,0)+IF(Input!$D$20=3,K4538*Input!$C$20,0)+IF(Input!$D$21=3,L4538*Input!$C$21,0)+IF(Input!$D$22=3,M4538*Input!$C$22,0)</f>
        <v>0</v>
      </c>
      <c r="Q4538" s="75">
        <f>IF(Input!$D$19=4,J4538*Input!$C$19,0)+IF(Input!$D$20=4,K4538*Input!$C$20,0)+IF(Input!$D$21=4,L4538*Input!$C$21,0)+IF(Input!$D$22=4,M4538*Input!$C$22,0)</f>
        <v>0</v>
      </c>
      <c r="R4538" s="58">
        <v>41.734331920368135</v>
      </c>
      <c r="S4538" s="124">
        <f t="shared" si="70"/>
        <v>0.41807648801323477</v>
      </c>
    </row>
    <row r="4539" spans="8:19" x14ac:dyDescent="0.3">
      <c r="H4539" s="44">
        <v>4532</v>
      </c>
      <c r="I4539" s="56">
        <f>Bühler!I4565</f>
        <v>8.1130227569001845E-2</v>
      </c>
      <c r="J4539" s="59">
        <f>Bühler!J4565</f>
        <v>0.27043409189667289</v>
      </c>
      <c r="K4539" s="59">
        <f>Bühler!K4565</f>
        <v>0.40565113784500928</v>
      </c>
      <c r="L4539" s="59">
        <f>Bühler!L4565</f>
        <v>6.5810170388263973</v>
      </c>
      <c r="M4539" s="58">
        <f>Bühler!M4565</f>
        <v>0</v>
      </c>
      <c r="N4539" s="56">
        <f>IF(Input!$D$19=1,J4539*Input!$C$19,0)+IF(Input!$D$20=1,K4539*Input!$C$20,0)+IF(Input!$D$21=1,L4539*Input!$C$21,0)+IF(Input!$D$22=1,M4539*Input!$C$22,0)</f>
        <v>8.1130227569001859E-2</v>
      </c>
      <c r="O4539" s="59">
        <f>IF(Input!$D$19=2,J4539*Input!$C$19,0)+IF(Input!$D$20=2,K4539*Input!$C$20,0)+IF(Input!$D$21=2,L4539*Input!$C$21,0)+IF(Input!$D$22=2,M4539*Input!$C$22,0)</f>
        <v>0.20282556892250464</v>
      </c>
      <c r="P4539" s="59">
        <f>IF(Input!$D$19=3,J4539*Input!$C$19,0)+IF(Input!$D$20=3,K4539*Input!$C$20,0)+IF(Input!$D$21=3,L4539*Input!$C$21,0)+IF(Input!$D$22=3,M4539*Input!$C$22,0)</f>
        <v>0</v>
      </c>
      <c r="Q4539" s="75">
        <f>IF(Input!$D$19=4,J4539*Input!$C$19,0)+IF(Input!$D$20=4,K4539*Input!$C$20,0)+IF(Input!$D$21=4,L4539*Input!$C$21,0)+IF(Input!$D$22=4,M4539*Input!$C$22,0)</f>
        <v>0</v>
      </c>
      <c r="R4539" s="58">
        <v>41.986647599970425</v>
      </c>
      <c r="S4539" s="124">
        <f t="shared" si="70"/>
        <v>0.35156431946567474</v>
      </c>
    </row>
    <row r="4540" spans="8:19" x14ac:dyDescent="0.3">
      <c r="H4540" s="44">
        <v>4533</v>
      </c>
      <c r="I4540" s="56">
        <f>Bühler!I4566</f>
        <v>6.7973974449704253E-2</v>
      </c>
      <c r="J4540" s="59">
        <f>Bühler!J4566</f>
        <v>0.22657991483234752</v>
      </c>
      <c r="K4540" s="59">
        <f>Bühler!K4566</f>
        <v>0.33986987224852128</v>
      </c>
      <c r="L4540" s="59">
        <f>Bühler!L4566</f>
        <v>5.5138250865842782</v>
      </c>
      <c r="M4540" s="58">
        <f>Bühler!M4566</f>
        <v>0</v>
      </c>
      <c r="N4540" s="56">
        <f>IF(Input!$D$19=1,J4540*Input!$C$19,0)+IF(Input!$D$20=1,K4540*Input!$C$20,0)+IF(Input!$D$21=1,L4540*Input!$C$21,0)+IF(Input!$D$22=1,M4540*Input!$C$22,0)</f>
        <v>6.7973974449704253E-2</v>
      </c>
      <c r="O4540" s="59">
        <f>IF(Input!$D$19=2,J4540*Input!$C$19,0)+IF(Input!$D$20=2,K4540*Input!$C$20,0)+IF(Input!$D$21=2,L4540*Input!$C$21,0)+IF(Input!$D$22=2,M4540*Input!$C$22,0)</f>
        <v>0.16993493612426064</v>
      </c>
      <c r="P4540" s="59">
        <f>IF(Input!$D$19=3,J4540*Input!$C$19,0)+IF(Input!$D$20=3,K4540*Input!$C$20,0)+IF(Input!$D$21=3,L4540*Input!$C$21,0)+IF(Input!$D$22=3,M4540*Input!$C$22,0)</f>
        <v>0</v>
      </c>
      <c r="Q4540" s="75">
        <f>IF(Input!$D$19=4,J4540*Input!$C$19,0)+IF(Input!$D$20=4,K4540*Input!$C$20,0)+IF(Input!$D$21=4,L4540*Input!$C$21,0)+IF(Input!$D$22=4,M4540*Input!$C$22,0)</f>
        <v>0</v>
      </c>
      <c r="R4540" s="58">
        <v>41.970308510053428</v>
      </c>
      <c r="S4540" s="124">
        <f t="shared" si="70"/>
        <v>0.29455388928205178</v>
      </c>
    </row>
    <row r="4541" spans="8:19" x14ac:dyDescent="0.3">
      <c r="H4541" s="44">
        <v>4534</v>
      </c>
      <c r="I4541" s="56">
        <f>Bühler!I4567</f>
        <v>5.9203139036839186E-2</v>
      </c>
      <c r="J4541" s="59">
        <f>Bühler!J4567</f>
        <v>0.19734379678946398</v>
      </c>
      <c r="K4541" s="59">
        <f>Bühler!K4567</f>
        <v>0.29601569518419596</v>
      </c>
      <c r="L4541" s="59">
        <f>Bühler!L4567</f>
        <v>4.8023637850895335</v>
      </c>
      <c r="M4541" s="58">
        <f>Bühler!M4567</f>
        <v>0</v>
      </c>
      <c r="N4541" s="56">
        <f>IF(Input!$D$19=1,J4541*Input!$C$19,0)+IF(Input!$D$20=1,K4541*Input!$C$20,0)+IF(Input!$D$21=1,L4541*Input!$C$21,0)+IF(Input!$D$22=1,M4541*Input!$C$22,0)</f>
        <v>5.9203139036839193E-2</v>
      </c>
      <c r="O4541" s="59">
        <f>IF(Input!$D$19=2,J4541*Input!$C$19,0)+IF(Input!$D$20=2,K4541*Input!$C$20,0)+IF(Input!$D$21=2,L4541*Input!$C$21,0)+IF(Input!$D$22=2,M4541*Input!$C$22,0)</f>
        <v>0.14800784759209798</v>
      </c>
      <c r="P4541" s="59">
        <f>IF(Input!$D$19=3,J4541*Input!$C$19,0)+IF(Input!$D$20=3,K4541*Input!$C$20,0)+IF(Input!$D$21=3,L4541*Input!$C$21,0)+IF(Input!$D$22=3,M4541*Input!$C$22,0)</f>
        <v>0</v>
      </c>
      <c r="Q4541" s="75">
        <f>IF(Input!$D$19=4,J4541*Input!$C$19,0)+IF(Input!$D$20=4,K4541*Input!$C$20,0)+IF(Input!$D$21=4,L4541*Input!$C$21,0)+IF(Input!$D$22=4,M4541*Input!$C$22,0)</f>
        <v>0</v>
      </c>
      <c r="R4541" s="58">
        <v>41.998297573906946</v>
      </c>
      <c r="S4541" s="124">
        <f t="shared" si="70"/>
        <v>0.25654693582630317</v>
      </c>
    </row>
    <row r="4542" spans="8:19" x14ac:dyDescent="0.3">
      <c r="H4542" s="44">
        <v>4535</v>
      </c>
      <c r="I4542" s="56">
        <f>Bühler!I4568</f>
        <v>5.9203139036839186E-2</v>
      </c>
      <c r="J4542" s="59">
        <f>Bühler!J4568</f>
        <v>0.19734379678946398</v>
      </c>
      <c r="K4542" s="59">
        <f>Bühler!K4568</f>
        <v>0.29601569518419596</v>
      </c>
      <c r="L4542" s="59">
        <f>Bühler!L4568</f>
        <v>4.8023637850895335</v>
      </c>
      <c r="M4542" s="58">
        <f>Bühler!M4568</f>
        <v>0</v>
      </c>
      <c r="N4542" s="56">
        <f>IF(Input!$D$19=1,J4542*Input!$C$19,0)+IF(Input!$D$20=1,K4542*Input!$C$20,0)+IF(Input!$D$21=1,L4542*Input!$C$21,0)+IF(Input!$D$22=1,M4542*Input!$C$22,0)</f>
        <v>5.9203139036839193E-2</v>
      </c>
      <c r="O4542" s="59">
        <f>IF(Input!$D$19=2,J4542*Input!$C$19,0)+IF(Input!$D$20=2,K4542*Input!$C$20,0)+IF(Input!$D$21=2,L4542*Input!$C$21,0)+IF(Input!$D$22=2,M4542*Input!$C$22,0)</f>
        <v>0.14800784759209798</v>
      </c>
      <c r="P4542" s="59">
        <f>IF(Input!$D$19=3,J4542*Input!$C$19,0)+IF(Input!$D$20=3,K4542*Input!$C$20,0)+IF(Input!$D$21=3,L4542*Input!$C$21,0)+IF(Input!$D$22=3,M4542*Input!$C$22,0)</f>
        <v>0</v>
      </c>
      <c r="Q4542" s="75">
        <f>IF(Input!$D$19=4,J4542*Input!$C$19,0)+IF(Input!$D$20=4,K4542*Input!$C$20,0)+IF(Input!$D$21=4,L4542*Input!$C$21,0)+IF(Input!$D$22=4,M4542*Input!$C$22,0)</f>
        <v>0</v>
      </c>
      <c r="R4542" s="58">
        <v>42.87952726116162</v>
      </c>
      <c r="S4542" s="124">
        <f t="shared" si="70"/>
        <v>0.25654693582630317</v>
      </c>
    </row>
    <row r="4543" spans="8:19" x14ac:dyDescent="0.3">
      <c r="H4543" s="44">
        <v>4536</v>
      </c>
      <c r="I4543" s="56">
        <f>Bühler!I4569</f>
        <v>5.9203139036839186E-2</v>
      </c>
      <c r="J4543" s="59">
        <f>Bühler!J4569</f>
        <v>0.19734379678946398</v>
      </c>
      <c r="K4543" s="59">
        <f>Bühler!K4569</f>
        <v>0.29601569518419596</v>
      </c>
      <c r="L4543" s="59">
        <f>Bühler!L4569</f>
        <v>4.8023637850895335</v>
      </c>
      <c r="M4543" s="58">
        <f>Bühler!M4569</f>
        <v>0</v>
      </c>
      <c r="N4543" s="56">
        <f>IF(Input!$D$19=1,J4543*Input!$C$19,0)+IF(Input!$D$20=1,K4543*Input!$C$20,0)+IF(Input!$D$21=1,L4543*Input!$C$21,0)+IF(Input!$D$22=1,M4543*Input!$C$22,0)</f>
        <v>5.9203139036839193E-2</v>
      </c>
      <c r="O4543" s="59">
        <f>IF(Input!$D$19=2,J4543*Input!$C$19,0)+IF(Input!$D$20=2,K4543*Input!$C$20,0)+IF(Input!$D$21=2,L4543*Input!$C$21,0)+IF(Input!$D$22=2,M4543*Input!$C$22,0)</f>
        <v>0.14800784759209798</v>
      </c>
      <c r="P4543" s="59">
        <f>IF(Input!$D$19=3,J4543*Input!$C$19,0)+IF(Input!$D$20=3,K4543*Input!$C$20,0)+IF(Input!$D$21=3,L4543*Input!$C$21,0)+IF(Input!$D$22=3,M4543*Input!$C$22,0)</f>
        <v>0</v>
      </c>
      <c r="Q4543" s="75">
        <f>IF(Input!$D$19=4,J4543*Input!$C$19,0)+IF(Input!$D$20=4,K4543*Input!$C$20,0)+IF(Input!$D$21=4,L4543*Input!$C$21,0)+IF(Input!$D$22=4,M4543*Input!$C$22,0)</f>
        <v>0</v>
      </c>
      <c r="R4543" s="58">
        <v>43.470370741917939</v>
      </c>
      <c r="S4543" s="124">
        <f t="shared" si="70"/>
        <v>0.25654693582630317</v>
      </c>
    </row>
    <row r="4544" spans="8:19" x14ac:dyDescent="0.3">
      <c r="H4544" s="44">
        <v>4537</v>
      </c>
      <c r="I4544" s="56">
        <f>Bühler!I4570</f>
        <v>6.848758960657185E-2</v>
      </c>
      <c r="J4544" s="59">
        <f>Bühler!J4570</f>
        <v>0.22829196535523952</v>
      </c>
      <c r="K4544" s="59">
        <f>Bühler!K4570</f>
        <v>0.34243794803285926</v>
      </c>
      <c r="L4544" s="59">
        <f>Bühler!L4570</f>
        <v>1.6437021505577243</v>
      </c>
      <c r="M4544" s="58">
        <f>Bühler!M4570</f>
        <v>0</v>
      </c>
      <c r="N4544" s="56">
        <f>IF(Input!$D$19=1,J4544*Input!$C$19,0)+IF(Input!$D$20=1,K4544*Input!$C$20,0)+IF(Input!$D$21=1,L4544*Input!$C$21,0)+IF(Input!$D$22=1,M4544*Input!$C$22,0)</f>
        <v>6.848758960657185E-2</v>
      </c>
      <c r="O4544" s="59">
        <f>IF(Input!$D$19=2,J4544*Input!$C$19,0)+IF(Input!$D$20=2,K4544*Input!$C$20,0)+IF(Input!$D$21=2,L4544*Input!$C$21,0)+IF(Input!$D$22=2,M4544*Input!$C$22,0)</f>
        <v>0.17121897401642963</v>
      </c>
      <c r="P4544" s="59">
        <f>IF(Input!$D$19=3,J4544*Input!$C$19,0)+IF(Input!$D$20=3,K4544*Input!$C$20,0)+IF(Input!$D$21=3,L4544*Input!$C$21,0)+IF(Input!$D$22=3,M4544*Input!$C$22,0)</f>
        <v>0</v>
      </c>
      <c r="Q4544" s="75">
        <f>IF(Input!$D$19=4,J4544*Input!$C$19,0)+IF(Input!$D$20=4,K4544*Input!$C$20,0)+IF(Input!$D$21=4,L4544*Input!$C$21,0)+IF(Input!$D$22=4,M4544*Input!$C$22,0)</f>
        <v>0</v>
      </c>
      <c r="R4544" s="58">
        <v>43.714703177683745</v>
      </c>
      <c r="S4544" s="124">
        <f t="shared" si="70"/>
        <v>0.29677955496181135</v>
      </c>
    </row>
    <row r="4545" spans="8:19" x14ac:dyDescent="0.3">
      <c r="H4545" s="44">
        <v>4538</v>
      </c>
      <c r="I4545" s="56">
        <f>Bühler!I4571</f>
        <v>6.848758960657185E-2</v>
      </c>
      <c r="J4545" s="59">
        <f>Bühler!J4571</f>
        <v>0.22829196535523952</v>
      </c>
      <c r="K4545" s="59">
        <f>Bühler!K4571</f>
        <v>0.34243794803285926</v>
      </c>
      <c r="L4545" s="59">
        <f>Bühler!L4571</f>
        <v>1.6437021505577243</v>
      </c>
      <c r="M4545" s="58">
        <f>Bühler!M4571</f>
        <v>0</v>
      </c>
      <c r="N4545" s="56">
        <f>IF(Input!$D$19=1,J4545*Input!$C$19,0)+IF(Input!$D$20=1,K4545*Input!$C$20,0)+IF(Input!$D$21=1,L4545*Input!$C$21,0)+IF(Input!$D$22=1,M4545*Input!$C$22,0)</f>
        <v>6.848758960657185E-2</v>
      </c>
      <c r="O4545" s="59">
        <f>IF(Input!$D$19=2,J4545*Input!$C$19,0)+IF(Input!$D$20=2,K4545*Input!$C$20,0)+IF(Input!$D$21=2,L4545*Input!$C$21,0)+IF(Input!$D$22=2,M4545*Input!$C$22,0)</f>
        <v>0.17121897401642963</v>
      </c>
      <c r="P4545" s="59">
        <f>IF(Input!$D$19=3,J4545*Input!$C$19,0)+IF(Input!$D$20=3,K4545*Input!$C$20,0)+IF(Input!$D$21=3,L4545*Input!$C$21,0)+IF(Input!$D$22=3,M4545*Input!$C$22,0)</f>
        <v>0</v>
      </c>
      <c r="Q4545" s="75">
        <f>IF(Input!$D$19=4,J4545*Input!$C$19,0)+IF(Input!$D$20=4,K4545*Input!$C$20,0)+IF(Input!$D$21=4,L4545*Input!$C$21,0)+IF(Input!$D$22=4,M4545*Input!$C$22,0)</f>
        <v>0</v>
      </c>
      <c r="R4545" s="58">
        <v>43.723427487508836</v>
      </c>
      <c r="S4545" s="124">
        <f t="shared" si="70"/>
        <v>0.29677955496181135</v>
      </c>
    </row>
    <row r="4546" spans="8:19" x14ac:dyDescent="0.3">
      <c r="H4546" s="44">
        <v>4539</v>
      </c>
      <c r="I4546" s="56">
        <f>Bühler!I4572</f>
        <v>6.848758960657185E-2</v>
      </c>
      <c r="J4546" s="59">
        <f>Bühler!J4572</f>
        <v>0.22829196535523952</v>
      </c>
      <c r="K4546" s="59">
        <f>Bühler!K4572</f>
        <v>0.34243794803285926</v>
      </c>
      <c r="L4546" s="59">
        <f>Bühler!L4572</f>
        <v>1.6437021505577243</v>
      </c>
      <c r="M4546" s="58">
        <f>Bühler!M4572</f>
        <v>0</v>
      </c>
      <c r="N4546" s="56">
        <f>IF(Input!$D$19=1,J4546*Input!$C$19,0)+IF(Input!$D$20=1,K4546*Input!$C$20,0)+IF(Input!$D$21=1,L4546*Input!$C$21,0)+IF(Input!$D$22=1,M4546*Input!$C$22,0)</f>
        <v>6.848758960657185E-2</v>
      </c>
      <c r="O4546" s="59">
        <f>IF(Input!$D$19=2,J4546*Input!$C$19,0)+IF(Input!$D$20=2,K4546*Input!$C$20,0)+IF(Input!$D$21=2,L4546*Input!$C$21,0)+IF(Input!$D$22=2,M4546*Input!$C$22,0)</f>
        <v>0.17121897401642963</v>
      </c>
      <c r="P4546" s="59">
        <f>IF(Input!$D$19=3,J4546*Input!$C$19,0)+IF(Input!$D$20=3,K4546*Input!$C$20,0)+IF(Input!$D$21=3,L4546*Input!$C$21,0)+IF(Input!$D$22=3,M4546*Input!$C$22,0)</f>
        <v>0</v>
      </c>
      <c r="Q4546" s="75">
        <f>IF(Input!$D$19=4,J4546*Input!$C$19,0)+IF(Input!$D$20=4,K4546*Input!$C$20,0)+IF(Input!$D$21=4,L4546*Input!$C$21,0)+IF(Input!$D$22=4,M4546*Input!$C$22,0)</f>
        <v>0</v>
      </c>
      <c r="R4546" s="58">
        <v>44.400641902280412</v>
      </c>
      <c r="S4546" s="124">
        <f t="shared" si="70"/>
        <v>0.29677955496181135</v>
      </c>
    </row>
    <row r="4547" spans="8:19" x14ac:dyDescent="0.3">
      <c r="H4547" s="44">
        <v>4540</v>
      </c>
      <c r="I4547" s="56">
        <f>Bühler!I4573</f>
        <v>6.848758960657185E-2</v>
      </c>
      <c r="J4547" s="59">
        <f>Bühler!J4573</f>
        <v>0.22829196535523952</v>
      </c>
      <c r="K4547" s="59">
        <f>Bühler!K4573</f>
        <v>0.34243794803285926</v>
      </c>
      <c r="L4547" s="59">
        <f>Bühler!L4573</f>
        <v>1.6437021505577243</v>
      </c>
      <c r="M4547" s="58">
        <f>Bühler!M4573</f>
        <v>0</v>
      </c>
      <c r="N4547" s="56">
        <f>IF(Input!$D$19=1,J4547*Input!$C$19,0)+IF(Input!$D$20=1,K4547*Input!$C$20,0)+IF(Input!$D$21=1,L4547*Input!$C$21,0)+IF(Input!$D$22=1,M4547*Input!$C$22,0)</f>
        <v>6.848758960657185E-2</v>
      </c>
      <c r="O4547" s="59">
        <f>IF(Input!$D$19=2,J4547*Input!$C$19,0)+IF(Input!$D$20=2,K4547*Input!$C$20,0)+IF(Input!$D$21=2,L4547*Input!$C$21,0)+IF(Input!$D$22=2,M4547*Input!$C$22,0)</f>
        <v>0.17121897401642963</v>
      </c>
      <c r="P4547" s="59">
        <f>IF(Input!$D$19=3,J4547*Input!$C$19,0)+IF(Input!$D$20=3,K4547*Input!$C$20,0)+IF(Input!$D$21=3,L4547*Input!$C$21,0)+IF(Input!$D$22=3,M4547*Input!$C$22,0)</f>
        <v>0</v>
      </c>
      <c r="Q4547" s="75">
        <f>IF(Input!$D$19=4,J4547*Input!$C$19,0)+IF(Input!$D$20=4,K4547*Input!$C$20,0)+IF(Input!$D$21=4,L4547*Input!$C$21,0)+IF(Input!$D$22=4,M4547*Input!$C$22,0)</f>
        <v>0</v>
      </c>
      <c r="R4547" s="58">
        <v>45.349163393969825</v>
      </c>
      <c r="S4547" s="124">
        <f t="shared" si="70"/>
        <v>0.29677955496181135</v>
      </c>
    </row>
    <row r="4548" spans="8:19" x14ac:dyDescent="0.3">
      <c r="H4548" s="44">
        <v>4541</v>
      </c>
      <c r="I4548" s="56">
        <f>Bühler!I4574</f>
        <v>6.848758960657185E-2</v>
      </c>
      <c r="J4548" s="59">
        <f>Bühler!J4574</f>
        <v>0.22829196535523952</v>
      </c>
      <c r="K4548" s="59">
        <f>Bühler!K4574</f>
        <v>0.34243794803285926</v>
      </c>
      <c r="L4548" s="59">
        <f>Bühler!L4574</f>
        <v>1.6437021505577243</v>
      </c>
      <c r="M4548" s="58">
        <f>Bühler!M4574</f>
        <v>0</v>
      </c>
      <c r="N4548" s="56">
        <f>IF(Input!$D$19=1,J4548*Input!$C$19,0)+IF(Input!$D$20=1,K4548*Input!$C$20,0)+IF(Input!$D$21=1,L4548*Input!$C$21,0)+IF(Input!$D$22=1,M4548*Input!$C$22,0)</f>
        <v>6.848758960657185E-2</v>
      </c>
      <c r="O4548" s="59">
        <f>IF(Input!$D$19=2,J4548*Input!$C$19,0)+IF(Input!$D$20=2,K4548*Input!$C$20,0)+IF(Input!$D$21=2,L4548*Input!$C$21,0)+IF(Input!$D$22=2,M4548*Input!$C$22,0)</f>
        <v>0.17121897401642963</v>
      </c>
      <c r="P4548" s="59">
        <f>IF(Input!$D$19=3,J4548*Input!$C$19,0)+IF(Input!$D$20=3,K4548*Input!$C$20,0)+IF(Input!$D$21=3,L4548*Input!$C$21,0)+IF(Input!$D$22=3,M4548*Input!$C$22,0)</f>
        <v>0</v>
      </c>
      <c r="Q4548" s="75">
        <f>IF(Input!$D$19=4,J4548*Input!$C$19,0)+IF(Input!$D$20=4,K4548*Input!$C$20,0)+IF(Input!$D$21=4,L4548*Input!$C$21,0)+IF(Input!$D$22=4,M4548*Input!$C$22,0)</f>
        <v>0</v>
      </c>
      <c r="R4548" s="58">
        <v>48.46361945487017</v>
      </c>
      <c r="S4548" s="124">
        <f t="shared" si="70"/>
        <v>0.29677955496181135</v>
      </c>
    </row>
    <row r="4549" spans="8:19" x14ac:dyDescent="0.3">
      <c r="H4549" s="44">
        <v>4542</v>
      </c>
      <c r="I4549" s="56">
        <f>Bühler!I4575</f>
        <v>0.29677955496181135</v>
      </c>
      <c r="J4549" s="59">
        <f>Bühler!J4575</f>
        <v>0.98926518320603796</v>
      </c>
      <c r="K4549" s="59">
        <f>Bühler!K4575</f>
        <v>1.4838977748090567</v>
      </c>
      <c r="L4549" s="59">
        <f>Bühler!L4575</f>
        <v>7.122709319083472</v>
      </c>
      <c r="M4549" s="58">
        <f>Bühler!M4575</f>
        <v>0</v>
      </c>
      <c r="N4549" s="56">
        <f>IF(Input!$D$19=1,J4549*Input!$C$19,0)+IF(Input!$D$20=1,K4549*Input!$C$20,0)+IF(Input!$D$21=1,L4549*Input!$C$21,0)+IF(Input!$D$22=1,M4549*Input!$C$22,0)</f>
        <v>0.29677955496181135</v>
      </c>
      <c r="O4549" s="59">
        <f>IF(Input!$D$19=2,J4549*Input!$C$19,0)+IF(Input!$D$20=2,K4549*Input!$C$20,0)+IF(Input!$D$21=2,L4549*Input!$C$21,0)+IF(Input!$D$22=2,M4549*Input!$C$22,0)</f>
        <v>0.74194888740452836</v>
      </c>
      <c r="P4549" s="59">
        <f>IF(Input!$D$19=3,J4549*Input!$C$19,0)+IF(Input!$D$20=3,K4549*Input!$C$20,0)+IF(Input!$D$21=3,L4549*Input!$C$21,0)+IF(Input!$D$22=3,M4549*Input!$C$22,0)</f>
        <v>0</v>
      </c>
      <c r="Q4549" s="75">
        <f>IF(Input!$D$19=4,J4549*Input!$C$19,0)+IF(Input!$D$20=4,K4549*Input!$C$20,0)+IF(Input!$D$21=4,L4549*Input!$C$21,0)+IF(Input!$D$22=4,M4549*Input!$C$22,0)</f>
        <v>0</v>
      </c>
      <c r="R4549" s="58">
        <v>53.344075602091834</v>
      </c>
      <c r="S4549" s="124">
        <f t="shared" si="70"/>
        <v>1.2860447381678493</v>
      </c>
    </row>
    <row r="4550" spans="8:19" x14ac:dyDescent="0.3">
      <c r="H4550" s="44">
        <v>4543</v>
      </c>
      <c r="I4550" s="56">
        <f>Bühler!I4576</f>
        <v>0.3367306488989783</v>
      </c>
      <c r="J4550" s="59">
        <f>Bühler!J4576</f>
        <v>1.1224354963299277</v>
      </c>
      <c r="K4550" s="59">
        <f>Bühler!K4576</f>
        <v>1.6836532444948915</v>
      </c>
      <c r="L4550" s="59">
        <f>Bühler!L4576</f>
        <v>8.0815355735754792</v>
      </c>
      <c r="M4550" s="58">
        <f>Bühler!M4576</f>
        <v>0</v>
      </c>
      <c r="N4550" s="56">
        <f>IF(Input!$D$19=1,J4550*Input!$C$19,0)+IF(Input!$D$20=1,K4550*Input!$C$20,0)+IF(Input!$D$21=1,L4550*Input!$C$21,0)+IF(Input!$D$22=1,M4550*Input!$C$22,0)</f>
        <v>0.3367306488989783</v>
      </c>
      <c r="O4550" s="59">
        <f>IF(Input!$D$19=2,J4550*Input!$C$19,0)+IF(Input!$D$20=2,K4550*Input!$C$20,0)+IF(Input!$D$21=2,L4550*Input!$C$21,0)+IF(Input!$D$22=2,M4550*Input!$C$22,0)</f>
        <v>0.84182662224744575</v>
      </c>
      <c r="P4550" s="59">
        <f>IF(Input!$D$19=3,J4550*Input!$C$19,0)+IF(Input!$D$20=3,K4550*Input!$C$20,0)+IF(Input!$D$21=3,L4550*Input!$C$21,0)+IF(Input!$D$22=3,M4550*Input!$C$22,0)</f>
        <v>0</v>
      </c>
      <c r="Q4550" s="75">
        <f>IF(Input!$D$19=4,J4550*Input!$C$19,0)+IF(Input!$D$20=4,K4550*Input!$C$20,0)+IF(Input!$D$21=4,L4550*Input!$C$21,0)+IF(Input!$D$22=4,M4550*Input!$C$22,0)</f>
        <v>0</v>
      </c>
      <c r="R4550" s="58">
        <v>58.651207175627221</v>
      </c>
      <c r="S4550" s="124">
        <f t="shared" si="70"/>
        <v>1.459166145228906</v>
      </c>
    </row>
    <row r="4551" spans="8:19" x14ac:dyDescent="0.3">
      <c r="H4551" s="44">
        <v>4544</v>
      </c>
      <c r="I4551" s="56">
        <f>Bühler!I4577</f>
        <v>0.3367306488989783</v>
      </c>
      <c r="J4551" s="59">
        <f>Bühler!J4577</f>
        <v>1.1224354963299277</v>
      </c>
      <c r="K4551" s="59">
        <f>Bühler!K4577</f>
        <v>1.6836532444948915</v>
      </c>
      <c r="L4551" s="59">
        <f>Bühler!L4577</f>
        <v>8.0815355735754792</v>
      </c>
      <c r="M4551" s="58">
        <f>Bühler!M4577</f>
        <v>0</v>
      </c>
      <c r="N4551" s="56">
        <f>IF(Input!$D$19=1,J4551*Input!$C$19,0)+IF(Input!$D$20=1,K4551*Input!$C$20,0)+IF(Input!$D$21=1,L4551*Input!$C$21,0)+IF(Input!$D$22=1,M4551*Input!$C$22,0)</f>
        <v>0.3367306488989783</v>
      </c>
      <c r="O4551" s="59">
        <f>IF(Input!$D$19=2,J4551*Input!$C$19,0)+IF(Input!$D$20=2,K4551*Input!$C$20,0)+IF(Input!$D$21=2,L4551*Input!$C$21,0)+IF(Input!$D$22=2,M4551*Input!$C$22,0)</f>
        <v>0.84182662224744575</v>
      </c>
      <c r="P4551" s="59">
        <f>IF(Input!$D$19=3,J4551*Input!$C$19,0)+IF(Input!$D$20=3,K4551*Input!$C$20,0)+IF(Input!$D$21=3,L4551*Input!$C$21,0)+IF(Input!$D$22=3,M4551*Input!$C$22,0)</f>
        <v>0</v>
      </c>
      <c r="Q4551" s="75">
        <f>IF(Input!$D$19=4,J4551*Input!$C$19,0)+IF(Input!$D$20=4,K4551*Input!$C$20,0)+IF(Input!$D$21=4,L4551*Input!$C$21,0)+IF(Input!$D$22=4,M4551*Input!$C$22,0)</f>
        <v>0</v>
      </c>
      <c r="R4551" s="58">
        <v>62.018228383305811</v>
      </c>
      <c r="S4551" s="124">
        <f t="shared" si="70"/>
        <v>1.459166145228906</v>
      </c>
    </row>
    <row r="4552" spans="8:19" x14ac:dyDescent="0.3">
      <c r="H4552" s="44">
        <v>4545</v>
      </c>
      <c r="I4552" s="56">
        <f>Bühler!I4578</f>
        <v>0.3367306488989783</v>
      </c>
      <c r="J4552" s="59">
        <f>Bühler!J4578</f>
        <v>1.1224354963299277</v>
      </c>
      <c r="K4552" s="59">
        <f>Bühler!K4578</f>
        <v>1.6836532444948915</v>
      </c>
      <c r="L4552" s="59">
        <f>Bühler!L4578</f>
        <v>8.0815355735754792</v>
      </c>
      <c r="M4552" s="58">
        <f>Bühler!M4578</f>
        <v>0</v>
      </c>
      <c r="N4552" s="56">
        <f>IF(Input!$D$19=1,J4552*Input!$C$19,0)+IF(Input!$D$20=1,K4552*Input!$C$20,0)+IF(Input!$D$21=1,L4552*Input!$C$21,0)+IF(Input!$D$22=1,M4552*Input!$C$22,0)</f>
        <v>0.3367306488989783</v>
      </c>
      <c r="O4552" s="59">
        <f>IF(Input!$D$19=2,J4552*Input!$C$19,0)+IF(Input!$D$20=2,K4552*Input!$C$20,0)+IF(Input!$D$21=2,L4552*Input!$C$21,0)+IF(Input!$D$22=2,M4552*Input!$C$22,0)</f>
        <v>0.84182662224744575</v>
      </c>
      <c r="P4552" s="59">
        <f>IF(Input!$D$19=3,J4552*Input!$C$19,0)+IF(Input!$D$20=3,K4552*Input!$C$20,0)+IF(Input!$D$21=3,L4552*Input!$C$21,0)+IF(Input!$D$22=3,M4552*Input!$C$22,0)</f>
        <v>0</v>
      </c>
      <c r="Q4552" s="75">
        <f>IF(Input!$D$19=4,J4552*Input!$C$19,0)+IF(Input!$D$20=4,K4552*Input!$C$20,0)+IF(Input!$D$21=4,L4552*Input!$C$21,0)+IF(Input!$D$22=4,M4552*Input!$C$22,0)</f>
        <v>0</v>
      </c>
      <c r="R4552" s="58">
        <v>65.465162524143778</v>
      </c>
      <c r="S4552" s="124">
        <f t="shared" si="70"/>
        <v>1.459166145228906</v>
      </c>
    </row>
    <row r="4553" spans="8:19" x14ac:dyDescent="0.3">
      <c r="H4553" s="44">
        <v>4546</v>
      </c>
      <c r="I4553" s="56">
        <f>Bühler!I4579</f>
        <v>0.35955984543450226</v>
      </c>
      <c r="J4553" s="59">
        <f>Bühler!J4579</f>
        <v>1.1985328181150077</v>
      </c>
      <c r="K4553" s="59">
        <f>Bühler!K4579</f>
        <v>1.7977992271725112</v>
      </c>
      <c r="L4553" s="59">
        <f>Bühler!L4579</f>
        <v>8.6294362904280533</v>
      </c>
      <c r="M4553" s="58">
        <f>Bühler!M4579</f>
        <v>0</v>
      </c>
      <c r="N4553" s="56">
        <f>IF(Input!$D$19=1,J4553*Input!$C$19,0)+IF(Input!$D$20=1,K4553*Input!$C$20,0)+IF(Input!$D$21=1,L4553*Input!$C$21,0)+IF(Input!$D$22=1,M4553*Input!$C$22,0)</f>
        <v>0.35955984543450231</v>
      </c>
      <c r="O4553" s="59">
        <f>IF(Input!$D$19=2,J4553*Input!$C$19,0)+IF(Input!$D$20=2,K4553*Input!$C$20,0)+IF(Input!$D$21=2,L4553*Input!$C$21,0)+IF(Input!$D$22=2,M4553*Input!$C$22,0)</f>
        <v>0.89889961358625559</v>
      </c>
      <c r="P4553" s="59">
        <f>IF(Input!$D$19=3,J4553*Input!$C$19,0)+IF(Input!$D$20=3,K4553*Input!$C$20,0)+IF(Input!$D$21=3,L4553*Input!$C$21,0)+IF(Input!$D$22=3,M4553*Input!$C$22,0)</f>
        <v>0</v>
      </c>
      <c r="Q4553" s="75">
        <f>IF(Input!$D$19=4,J4553*Input!$C$19,0)+IF(Input!$D$20=4,K4553*Input!$C$20,0)+IF(Input!$D$21=4,L4553*Input!$C$21,0)+IF(Input!$D$22=4,M4553*Input!$C$22,0)</f>
        <v>0</v>
      </c>
      <c r="R4553" s="58">
        <v>67.720678934121523</v>
      </c>
      <c r="S4553" s="124">
        <f t="shared" ref="S4553:S4616" si="71">I4553+J4553</f>
        <v>1.5580926635495098</v>
      </c>
    </row>
    <row r="4554" spans="8:19" x14ac:dyDescent="0.3">
      <c r="H4554" s="44">
        <v>4547</v>
      </c>
      <c r="I4554" s="56">
        <f>Bühler!I4580</f>
        <v>0.35955984543450226</v>
      </c>
      <c r="J4554" s="59">
        <f>Bühler!J4580</f>
        <v>1.1985328181150077</v>
      </c>
      <c r="K4554" s="59">
        <f>Bühler!K4580</f>
        <v>1.7977992271725112</v>
      </c>
      <c r="L4554" s="59">
        <f>Bühler!L4580</f>
        <v>8.6294362904280533</v>
      </c>
      <c r="M4554" s="58">
        <f>Bühler!M4580</f>
        <v>0</v>
      </c>
      <c r="N4554" s="56">
        <f>IF(Input!$D$19=1,J4554*Input!$C$19,0)+IF(Input!$D$20=1,K4554*Input!$C$20,0)+IF(Input!$D$21=1,L4554*Input!$C$21,0)+IF(Input!$D$22=1,M4554*Input!$C$22,0)</f>
        <v>0.35955984543450231</v>
      </c>
      <c r="O4554" s="59">
        <f>IF(Input!$D$19=2,J4554*Input!$C$19,0)+IF(Input!$D$20=2,K4554*Input!$C$20,0)+IF(Input!$D$21=2,L4554*Input!$C$21,0)+IF(Input!$D$22=2,M4554*Input!$C$22,0)</f>
        <v>0.89889961358625559</v>
      </c>
      <c r="P4554" s="59">
        <f>IF(Input!$D$19=3,J4554*Input!$C$19,0)+IF(Input!$D$20=3,K4554*Input!$C$20,0)+IF(Input!$D$21=3,L4554*Input!$C$21,0)+IF(Input!$D$22=3,M4554*Input!$C$22,0)</f>
        <v>0</v>
      </c>
      <c r="Q4554" s="75">
        <f>IF(Input!$D$19=4,J4554*Input!$C$19,0)+IF(Input!$D$20=4,K4554*Input!$C$20,0)+IF(Input!$D$21=4,L4554*Input!$C$21,0)+IF(Input!$D$22=4,M4554*Input!$C$22,0)</f>
        <v>0</v>
      </c>
      <c r="R4554" s="58">
        <v>70.071206052714459</v>
      </c>
      <c r="S4554" s="124">
        <f t="shared" si="71"/>
        <v>1.5580926635495098</v>
      </c>
    </row>
    <row r="4555" spans="8:19" x14ac:dyDescent="0.3">
      <c r="H4555" s="44">
        <v>4548</v>
      </c>
      <c r="I4555" s="56">
        <f>Bühler!I4581</f>
        <v>0.45658393071047898</v>
      </c>
      <c r="J4555" s="59">
        <f>Bühler!J4581</f>
        <v>1.5219464357015968</v>
      </c>
      <c r="K4555" s="59">
        <f>Bühler!K4581</f>
        <v>2.282919653552395</v>
      </c>
      <c r="L4555" s="59">
        <f>Bühler!L4581</f>
        <v>10.958014337051496</v>
      </c>
      <c r="M4555" s="58">
        <f>Bühler!M4581</f>
        <v>0</v>
      </c>
      <c r="N4555" s="56">
        <f>IF(Input!$D$19=1,J4555*Input!$C$19,0)+IF(Input!$D$20=1,K4555*Input!$C$20,0)+IF(Input!$D$21=1,L4555*Input!$C$21,0)+IF(Input!$D$22=1,M4555*Input!$C$22,0)</f>
        <v>0.45658393071047904</v>
      </c>
      <c r="O4555" s="59">
        <f>IF(Input!$D$19=2,J4555*Input!$C$19,0)+IF(Input!$D$20=2,K4555*Input!$C$20,0)+IF(Input!$D$21=2,L4555*Input!$C$21,0)+IF(Input!$D$22=2,M4555*Input!$C$22,0)</f>
        <v>1.1414598267761975</v>
      </c>
      <c r="P4555" s="59">
        <f>IF(Input!$D$19=3,J4555*Input!$C$19,0)+IF(Input!$D$20=3,K4555*Input!$C$20,0)+IF(Input!$D$21=3,L4555*Input!$C$21,0)+IF(Input!$D$22=3,M4555*Input!$C$22,0)</f>
        <v>0</v>
      </c>
      <c r="Q4555" s="75">
        <f>IF(Input!$D$19=4,J4555*Input!$C$19,0)+IF(Input!$D$20=4,K4555*Input!$C$20,0)+IF(Input!$D$21=4,L4555*Input!$C$21,0)+IF(Input!$D$22=4,M4555*Input!$C$22,0)</f>
        <v>0</v>
      </c>
      <c r="R4555" s="58">
        <v>71.437824645969201</v>
      </c>
      <c r="S4555" s="124">
        <f t="shared" si="71"/>
        <v>1.9785303664120759</v>
      </c>
    </row>
    <row r="4556" spans="8:19" x14ac:dyDescent="0.3">
      <c r="H4556" s="44">
        <v>4549</v>
      </c>
      <c r="I4556" s="56">
        <f>Bühler!I4582</f>
        <v>0.45658393071047898</v>
      </c>
      <c r="J4556" s="59">
        <f>Bühler!J4582</f>
        <v>1.5219464357015968</v>
      </c>
      <c r="K4556" s="59">
        <f>Bühler!K4582</f>
        <v>2.282919653552395</v>
      </c>
      <c r="L4556" s="59">
        <f>Bühler!L4582</f>
        <v>10.958014337051496</v>
      </c>
      <c r="M4556" s="58">
        <f>Bühler!M4582</f>
        <v>0</v>
      </c>
      <c r="N4556" s="56">
        <f>IF(Input!$D$19=1,J4556*Input!$C$19,0)+IF(Input!$D$20=1,K4556*Input!$C$20,0)+IF(Input!$D$21=1,L4556*Input!$C$21,0)+IF(Input!$D$22=1,M4556*Input!$C$22,0)</f>
        <v>0.45658393071047904</v>
      </c>
      <c r="O4556" s="59">
        <f>IF(Input!$D$19=2,J4556*Input!$C$19,0)+IF(Input!$D$20=2,K4556*Input!$C$20,0)+IF(Input!$D$21=2,L4556*Input!$C$21,0)+IF(Input!$D$22=2,M4556*Input!$C$22,0)</f>
        <v>1.1414598267761975</v>
      </c>
      <c r="P4556" s="59">
        <f>IF(Input!$D$19=3,J4556*Input!$C$19,0)+IF(Input!$D$20=3,K4556*Input!$C$20,0)+IF(Input!$D$21=3,L4556*Input!$C$21,0)+IF(Input!$D$22=3,M4556*Input!$C$22,0)</f>
        <v>0</v>
      </c>
      <c r="Q4556" s="75">
        <f>IF(Input!$D$19=4,J4556*Input!$C$19,0)+IF(Input!$D$20=4,K4556*Input!$C$20,0)+IF(Input!$D$21=4,L4556*Input!$C$21,0)+IF(Input!$D$22=4,M4556*Input!$C$22,0)</f>
        <v>0</v>
      </c>
      <c r="R4556" s="58">
        <v>71.372835102491521</v>
      </c>
      <c r="S4556" s="124">
        <f t="shared" si="71"/>
        <v>1.9785303664120759</v>
      </c>
    </row>
    <row r="4557" spans="8:19" x14ac:dyDescent="0.3">
      <c r="H4557" s="44">
        <v>4550</v>
      </c>
      <c r="I4557" s="56">
        <f>Bühler!I4583</f>
        <v>0.30248685409569231</v>
      </c>
      <c r="J4557" s="59">
        <f>Bühler!J4583</f>
        <v>1.0082895136523078</v>
      </c>
      <c r="K4557" s="59">
        <f>Bühler!K4583</f>
        <v>1.5124342704784617</v>
      </c>
      <c r="L4557" s="59">
        <f>Bühler!L4583</f>
        <v>7.2596844982966156</v>
      </c>
      <c r="M4557" s="58">
        <f>Bühler!M4583</f>
        <v>0</v>
      </c>
      <c r="N4557" s="56">
        <f>IF(Input!$D$19=1,J4557*Input!$C$19,0)+IF(Input!$D$20=1,K4557*Input!$C$20,0)+IF(Input!$D$21=1,L4557*Input!$C$21,0)+IF(Input!$D$22=1,M4557*Input!$C$22,0)</f>
        <v>0.30248685409569231</v>
      </c>
      <c r="O4557" s="59">
        <f>IF(Input!$D$19=2,J4557*Input!$C$19,0)+IF(Input!$D$20=2,K4557*Input!$C$20,0)+IF(Input!$D$21=2,L4557*Input!$C$21,0)+IF(Input!$D$22=2,M4557*Input!$C$22,0)</f>
        <v>0.75621713523923084</v>
      </c>
      <c r="P4557" s="59">
        <f>IF(Input!$D$19=3,J4557*Input!$C$19,0)+IF(Input!$D$20=3,K4557*Input!$C$20,0)+IF(Input!$D$21=3,L4557*Input!$C$21,0)+IF(Input!$D$22=3,M4557*Input!$C$22,0)</f>
        <v>0</v>
      </c>
      <c r="Q4557" s="75">
        <f>IF(Input!$D$19=4,J4557*Input!$C$19,0)+IF(Input!$D$20=4,K4557*Input!$C$20,0)+IF(Input!$D$21=4,L4557*Input!$C$21,0)+IF(Input!$D$22=4,M4557*Input!$C$22,0)</f>
        <v>0</v>
      </c>
      <c r="R4557" s="58">
        <v>72.148719561597844</v>
      </c>
      <c r="S4557" s="124">
        <f t="shared" si="71"/>
        <v>1.3107763677480002</v>
      </c>
    </row>
    <row r="4558" spans="8:19" x14ac:dyDescent="0.3">
      <c r="H4558" s="44">
        <v>4551</v>
      </c>
      <c r="I4558" s="56">
        <f>Bühler!I4584</f>
        <v>0.45658393071047898</v>
      </c>
      <c r="J4558" s="59">
        <f>Bühler!J4584</f>
        <v>1.5219464357015968</v>
      </c>
      <c r="K4558" s="59">
        <f>Bühler!K4584</f>
        <v>2.282919653552395</v>
      </c>
      <c r="L4558" s="59">
        <f>Bühler!L4584</f>
        <v>10.958014337051496</v>
      </c>
      <c r="M4558" s="58">
        <f>Bühler!M4584</f>
        <v>0</v>
      </c>
      <c r="N4558" s="56">
        <f>IF(Input!$D$19=1,J4558*Input!$C$19,0)+IF(Input!$D$20=1,K4558*Input!$C$20,0)+IF(Input!$D$21=1,L4558*Input!$C$21,0)+IF(Input!$D$22=1,M4558*Input!$C$22,0)</f>
        <v>0.45658393071047904</v>
      </c>
      <c r="O4558" s="59">
        <f>IF(Input!$D$19=2,J4558*Input!$C$19,0)+IF(Input!$D$20=2,K4558*Input!$C$20,0)+IF(Input!$D$21=2,L4558*Input!$C$21,0)+IF(Input!$D$22=2,M4558*Input!$C$22,0)</f>
        <v>1.1414598267761975</v>
      </c>
      <c r="P4558" s="59">
        <f>IF(Input!$D$19=3,J4558*Input!$C$19,0)+IF(Input!$D$20=3,K4558*Input!$C$20,0)+IF(Input!$D$21=3,L4558*Input!$C$21,0)+IF(Input!$D$22=3,M4558*Input!$C$22,0)</f>
        <v>0</v>
      </c>
      <c r="Q4558" s="75">
        <f>IF(Input!$D$19=4,J4558*Input!$C$19,0)+IF(Input!$D$20=4,K4558*Input!$C$20,0)+IF(Input!$D$21=4,L4558*Input!$C$21,0)+IF(Input!$D$22=4,M4558*Input!$C$22,0)</f>
        <v>0</v>
      </c>
      <c r="R4558" s="58">
        <v>72.624712171381191</v>
      </c>
      <c r="S4558" s="124">
        <f t="shared" si="71"/>
        <v>1.9785303664120759</v>
      </c>
    </row>
    <row r="4559" spans="8:19" x14ac:dyDescent="0.3">
      <c r="H4559" s="44">
        <v>4552</v>
      </c>
      <c r="I4559" s="56">
        <f>Bühler!I4585</f>
        <v>0.45658393071047898</v>
      </c>
      <c r="J4559" s="59">
        <f>Bühler!J4585</f>
        <v>1.5219464357015968</v>
      </c>
      <c r="K4559" s="59">
        <f>Bühler!K4585</f>
        <v>2.282919653552395</v>
      </c>
      <c r="L4559" s="59">
        <f>Bühler!L4585</f>
        <v>10.958014337051496</v>
      </c>
      <c r="M4559" s="58">
        <f>Bühler!M4585</f>
        <v>0</v>
      </c>
      <c r="N4559" s="56">
        <f>IF(Input!$D$19=1,J4559*Input!$C$19,0)+IF(Input!$D$20=1,K4559*Input!$C$20,0)+IF(Input!$D$21=1,L4559*Input!$C$21,0)+IF(Input!$D$22=1,M4559*Input!$C$22,0)</f>
        <v>0.45658393071047904</v>
      </c>
      <c r="O4559" s="59">
        <f>IF(Input!$D$19=2,J4559*Input!$C$19,0)+IF(Input!$D$20=2,K4559*Input!$C$20,0)+IF(Input!$D$21=2,L4559*Input!$C$21,0)+IF(Input!$D$22=2,M4559*Input!$C$22,0)</f>
        <v>1.1414598267761975</v>
      </c>
      <c r="P4559" s="59">
        <f>IF(Input!$D$19=3,J4559*Input!$C$19,0)+IF(Input!$D$20=3,K4559*Input!$C$20,0)+IF(Input!$D$21=3,L4559*Input!$C$21,0)+IF(Input!$D$22=3,M4559*Input!$C$22,0)</f>
        <v>0</v>
      </c>
      <c r="Q4559" s="75">
        <f>IF(Input!$D$19=4,J4559*Input!$C$19,0)+IF(Input!$D$20=4,K4559*Input!$C$20,0)+IF(Input!$D$21=4,L4559*Input!$C$21,0)+IF(Input!$D$22=4,M4559*Input!$C$22,0)</f>
        <v>0</v>
      </c>
      <c r="R4559" s="58">
        <v>71.642202439233273</v>
      </c>
      <c r="S4559" s="124">
        <f t="shared" si="71"/>
        <v>1.9785303664120759</v>
      </c>
    </row>
    <row r="4560" spans="8:19" x14ac:dyDescent="0.3">
      <c r="H4560" s="44">
        <v>4553</v>
      </c>
      <c r="I4560" s="56">
        <f>Bühler!I4586</f>
        <v>0.45658393071047898</v>
      </c>
      <c r="J4560" s="59">
        <f>Bühler!J4586</f>
        <v>1.5219464357015968</v>
      </c>
      <c r="K4560" s="59">
        <f>Bühler!K4586</f>
        <v>2.282919653552395</v>
      </c>
      <c r="L4560" s="59">
        <f>Bühler!L4586</f>
        <v>10.958014337051496</v>
      </c>
      <c r="M4560" s="58">
        <f>Bühler!M4586</f>
        <v>0</v>
      </c>
      <c r="N4560" s="56">
        <f>IF(Input!$D$19=1,J4560*Input!$C$19,0)+IF(Input!$D$20=1,K4560*Input!$C$20,0)+IF(Input!$D$21=1,L4560*Input!$C$21,0)+IF(Input!$D$22=1,M4560*Input!$C$22,0)</f>
        <v>0.45658393071047904</v>
      </c>
      <c r="O4560" s="59">
        <f>IF(Input!$D$19=2,J4560*Input!$C$19,0)+IF(Input!$D$20=2,K4560*Input!$C$20,0)+IF(Input!$D$21=2,L4560*Input!$C$21,0)+IF(Input!$D$22=2,M4560*Input!$C$22,0)</f>
        <v>1.1414598267761975</v>
      </c>
      <c r="P4560" s="59">
        <f>IF(Input!$D$19=3,J4560*Input!$C$19,0)+IF(Input!$D$20=3,K4560*Input!$C$20,0)+IF(Input!$D$21=3,L4560*Input!$C$21,0)+IF(Input!$D$22=3,M4560*Input!$C$22,0)</f>
        <v>0</v>
      </c>
      <c r="Q4560" s="75">
        <f>IF(Input!$D$19=4,J4560*Input!$C$19,0)+IF(Input!$D$20=4,K4560*Input!$C$20,0)+IF(Input!$D$21=4,L4560*Input!$C$21,0)+IF(Input!$D$22=4,M4560*Input!$C$22,0)</f>
        <v>0</v>
      </c>
      <c r="R4560" s="58">
        <v>70.279925896806205</v>
      </c>
      <c r="S4560" s="124">
        <f t="shared" si="71"/>
        <v>1.9785303664120759</v>
      </c>
    </row>
    <row r="4561" spans="8:19" x14ac:dyDescent="0.3">
      <c r="H4561" s="44">
        <v>4554</v>
      </c>
      <c r="I4561" s="56">
        <f>Bühler!I4587</f>
        <v>0.45658393071047898</v>
      </c>
      <c r="J4561" s="59">
        <f>Bühler!J4587</f>
        <v>1.5219464357015968</v>
      </c>
      <c r="K4561" s="59">
        <f>Bühler!K4587</f>
        <v>2.282919653552395</v>
      </c>
      <c r="L4561" s="59">
        <f>Bühler!L4587</f>
        <v>10.958014337051496</v>
      </c>
      <c r="M4561" s="58">
        <f>Bühler!M4587</f>
        <v>0</v>
      </c>
      <c r="N4561" s="56">
        <f>IF(Input!$D$19=1,J4561*Input!$C$19,0)+IF(Input!$D$20=1,K4561*Input!$C$20,0)+IF(Input!$D$21=1,L4561*Input!$C$21,0)+IF(Input!$D$22=1,M4561*Input!$C$22,0)</f>
        <v>0.45658393071047904</v>
      </c>
      <c r="O4561" s="59">
        <f>IF(Input!$D$19=2,J4561*Input!$C$19,0)+IF(Input!$D$20=2,K4561*Input!$C$20,0)+IF(Input!$D$21=2,L4561*Input!$C$21,0)+IF(Input!$D$22=2,M4561*Input!$C$22,0)</f>
        <v>1.1414598267761975</v>
      </c>
      <c r="P4561" s="59">
        <f>IF(Input!$D$19=3,J4561*Input!$C$19,0)+IF(Input!$D$20=3,K4561*Input!$C$20,0)+IF(Input!$D$21=3,L4561*Input!$C$21,0)+IF(Input!$D$22=3,M4561*Input!$C$22,0)</f>
        <v>0</v>
      </c>
      <c r="Q4561" s="75">
        <f>IF(Input!$D$19=4,J4561*Input!$C$19,0)+IF(Input!$D$20=4,K4561*Input!$C$20,0)+IF(Input!$D$21=4,L4561*Input!$C$21,0)+IF(Input!$D$22=4,M4561*Input!$C$22,0)</f>
        <v>0</v>
      </c>
      <c r="R4561" s="58">
        <v>68.22238149101608</v>
      </c>
      <c r="S4561" s="124">
        <f t="shared" si="71"/>
        <v>1.9785303664120759</v>
      </c>
    </row>
    <row r="4562" spans="8:19" x14ac:dyDescent="0.3">
      <c r="H4562" s="44">
        <v>4555</v>
      </c>
      <c r="I4562" s="56">
        <f>Bühler!I4588</f>
        <v>0.45658393071047898</v>
      </c>
      <c r="J4562" s="59">
        <f>Bühler!J4588</f>
        <v>1.5219464357015968</v>
      </c>
      <c r="K4562" s="59">
        <f>Bühler!K4588</f>
        <v>2.282919653552395</v>
      </c>
      <c r="L4562" s="59">
        <f>Bühler!L4588</f>
        <v>10.958014337051496</v>
      </c>
      <c r="M4562" s="58">
        <f>Bühler!M4588</f>
        <v>0</v>
      </c>
      <c r="N4562" s="56">
        <f>IF(Input!$D$19=1,J4562*Input!$C$19,0)+IF(Input!$D$20=1,K4562*Input!$C$20,0)+IF(Input!$D$21=1,L4562*Input!$C$21,0)+IF(Input!$D$22=1,M4562*Input!$C$22,0)</f>
        <v>0.45658393071047904</v>
      </c>
      <c r="O4562" s="59">
        <f>IF(Input!$D$19=2,J4562*Input!$C$19,0)+IF(Input!$D$20=2,K4562*Input!$C$20,0)+IF(Input!$D$21=2,L4562*Input!$C$21,0)+IF(Input!$D$22=2,M4562*Input!$C$22,0)</f>
        <v>1.1414598267761975</v>
      </c>
      <c r="P4562" s="59">
        <f>IF(Input!$D$19=3,J4562*Input!$C$19,0)+IF(Input!$D$20=3,K4562*Input!$C$20,0)+IF(Input!$D$21=3,L4562*Input!$C$21,0)+IF(Input!$D$22=3,M4562*Input!$C$22,0)</f>
        <v>0</v>
      </c>
      <c r="Q4562" s="75">
        <f>IF(Input!$D$19=4,J4562*Input!$C$19,0)+IF(Input!$D$20=4,K4562*Input!$C$20,0)+IF(Input!$D$21=4,L4562*Input!$C$21,0)+IF(Input!$D$22=4,M4562*Input!$C$22,0)</f>
        <v>0</v>
      </c>
      <c r="R4562" s="58">
        <v>67.085552038538651</v>
      </c>
      <c r="S4562" s="124">
        <f t="shared" si="71"/>
        <v>1.9785303664120759</v>
      </c>
    </row>
    <row r="4563" spans="8:19" x14ac:dyDescent="0.3">
      <c r="H4563" s="44">
        <v>4556</v>
      </c>
      <c r="I4563" s="56">
        <f>Bühler!I4589</f>
        <v>0.38238904197002621</v>
      </c>
      <c r="J4563" s="59">
        <f>Bühler!J4589</f>
        <v>1.2746301399000874</v>
      </c>
      <c r="K4563" s="59">
        <f>Bühler!K4589</f>
        <v>1.9119452098501311</v>
      </c>
      <c r="L4563" s="59">
        <f>Bühler!L4589</f>
        <v>9.1773370072806291</v>
      </c>
      <c r="M4563" s="58">
        <f>Bühler!M4589</f>
        <v>0</v>
      </c>
      <c r="N4563" s="56">
        <f>IF(Input!$D$19=1,J4563*Input!$C$19,0)+IF(Input!$D$20=1,K4563*Input!$C$20,0)+IF(Input!$D$21=1,L4563*Input!$C$21,0)+IF(Input!$D$22=1,M4563*Input!$C$22,0)</f>
        <v>0.38238904197002621</v>
      </c>
      <c r="O4563" s="59">
        <f>IF(Input!$D$19=2,J4563*Input!$C$19,0)+IF(Input!$D$20=2,K4563*Input!$C$20,0)+IF(Input!$D$21=2,L4563*Input!$C$21,0)+IF(Input!$D$22=2,M4563*Input!$C$22,0)</f>
        <v>0.95597260492506553</v>
      </c>
      <c r="P4563" s="59">
        <f>IF(Input!$D$19=3,J4563*Input!$C$19,0)+IF(Input!$D$20=3,K4563*Input!$C$20,0)+IF(Input!$D$21=3,L4563*Input!$C$21,0)+IF(Input!$D$22=3,M4563*Input!$C$22,0)</f>
        <v>0</v>
      </c>
      <c r="Q4563" s="75">
        <f>IF(Input!$D$19=4,J4563*Input!$C$19,0)+IF(Input!$D$20=4,K4563*Input!$C$20,0)+IF(Input!$D$21=4,L4563*Input!$C$21,0)+IF(Input!$D$22=4,M4563*Input!$C$22,0)</f>
        <v>0</v>
      </c>
      <c r="R4563" s="58">
        <v>66.141638403099392</v>
      </c>
      <c r="S4563" s="124">
        <f t="shared" si="71"/>
        <v>1.6570191818701137</v>
      </c>
    </row>
    <row r="4564" spans="8:19" x14ac:dyDescent="0.3">
      <c r="H4564" s="44">
        <v>4557</v>
      </c>
      <c r="I4564" s="56">
        <f>Bühler!I4590</f>
        <v>0.31390145236345435</v>
      </c>
      <c r="J4564" s="59">
        <f>Bühler!J4590</f>
        <v>1.0463381745448479</v>
      </c>
      <c r="K4564" s="59">
        <f>Bühler!K4590</f>
        <v>1.5695072618172716</v>
      </c>
      <c r="L4564" s="59">
        <f>Bühler!L4590</f>
        <v>7.5336348567229043</v>
      </c>
      <c r="M4564" s="58">
        <f>Bühler!M4590</f>
        <v>0</v>
      </c>
      <c r="N4564" s="56">
        <f>IF(Input!$D$19=1,J4564*Input!$C$19,0)+IF(Input!$D$20=1,K4564*Input!$C$20,0)+IF(Input!$D$21=1,L4564*Input!$C$21,0)+IF(Input!$D$22=1,M4564*Input!$C$22,0)</f>
        <v>0.31390145236345435</v>
      </c>
      <c r="O4564" s="59">
        <f>IF(Input!$D$19=2,J4564*Input!$C$19,0)+IF(Input!$D$20=2,K4564*Input!$C$20,0)+IF(Input!$D$21=2,L4564*Input!$C$21,0)+IF(Input!$D$22=2,M4564*Input!$C$22,0)</f>
        <v>0.78475363090863581</v>
      </c>
      <c r="P4564" s="59">
        <f>IF(Input!$D$19=3,J4564*Input!$C$19,0)+IF(Input!$D$20=3,K4564*Input!$C$20,0)+IF(Input!$D$21=3,L4564*Input!$C$21,0)+IF(Input!$D$22=3,M4564*Input!$C$22,0)</f>
        <v>0</v>
      </c>
      <c r="Q4564" s="75">
        <f>IF(Input!$D$19=4,J4564*Input!$C$19,0)+IF(Input!$D$20=4,K4564*Input!$C$20,0)+IF(Input!$D$21=4,L4564*Input!$C$21,0)+IF(Input!$D$22=4,M4564*Input!$C$22,0)</f>
        <v>0</v>
      </c>
      <c r="R4564" s="58">
        <v>64.239360551387634</v>
      </c>
      <c r="S4564" s="124">
        <f t="shared" si="71"/>
        <v>1.3602396269083021</v>
      </c>
    </row>
    <row r="4565" spans="8:19" x14ac:dyDescent="0.3">
      <c r="H4565" s="44">
        <v>4558</v>
      </c>
      <c r="I4565" s="56">
        <f>Bühler!I4591</f>
        <v>0.22829196535523949</v>
      </c>
      <c r="J4565" s="59">
        <f>Bühler!J4591</f>
        <v>0.76097321785079841</v>
      </c>
      <c r="K4565" s="59">
        <f>Bühler!K4591</f>
        <v>1.1414598267761975</v>
      </c>
      <c r="L4565" s="59">
        <f>Bühler!L4591</f>
        <v>5.4790071685257482</v>
      </c>
      <c r="M4565" s="58">
        <f>Bühler!M4591</f>
        <v>0</v>
      </c>
      <c r="N4565" s="56">
        <f>IF(Input!$D$19=1,J4565*Input!$C$19,0)+IF(Input!$D$20=1,K4565*Input!$C$20,0)+IF(Input!$D$21=1,L4565*Input!$C$21,0)+IF(Input!$D$22=1,M4565*Input!$C$22,0)</f>
        <v>0.22829196535523952</v>
      </c>
      <c r="O4565" s="59">
        <f>IF(Input!$D$19=2,J4565*Input!$C$19,0)+IF(Input!$D$20=2,K4565*Input!$C$20,0)+IF(Input!$D$21=2,L4565*Input!$C$21,0)+IF(Input!$D$22=2,M4565*Input!$C$22,0)</f>
        <v>0.57072991338809875</v>
      </c>
      <c r="P4565" s="59">
        <f>IF(Input!$D$19=3,J4565*Input!$C$19,0)+IF(Input!$D$20=3,K4565*Input!$C$20,0)+IF(Input!$D$21=3,L4565*Input!$C$21,0)+IF(Input!$D$22=3,M4565*Input!$C$22,0)</f>
        <v>0</v>
      </c>
      <c r="Q4565" s="75">
        <f>IF(Input!$D$19=4,J4565*Input!$C$19,0)+IF(Input!$D$20=4,K4565*Input!$C$20,0)+IF(Input!$D$21=4,L4565*Input!$C$21,0)+IF(Input!$D$22=4,M4565*Input!$C$22,0)</f>
        <v>0</v>
      </c>
      <c r="R4565" s="58">
        <v>62.22839954618712</v>
      </c>
      <c r="S4565" s="124">
        <f t="shared" si="71"/>
        <v>0.98926518320603796</v>
      </c>
    </row>
    <row r="4566" spans="8:19" x14ac:dyDescent="0.3">
      <c r="H4566" s="44">
        <v>4559</v>
      </c>
      <c r="I4566" s="56">
        <f>Bühler!I4592</f>
        <v>0.21687736708747751</v>
      </c>
      <c r="J4566" s="59">
        <f>Bühler!J4592</f>
        <v>0.72292455695825852</v>
      </c>
      <c r="K4566" s="59">
        <f>Bühler!K4592</f>
        <v>1.0843868354373876</v>
      </c>
      <c r="L4566" s="59">
        <f>Bühler!L4592</f>
        <v>5.2050568100994603</v>
      </c>
      <c r="M4566" s="58">
        <f>Bühler!M4592</f>
        <v>0</v>
      </c>
      <c r="N4566" s="56">
        <f>IF(Input!$D$19=1,J4566*Input!$C$19,0)+IF(Input!$D$20=1,K4566*Input!$C$20,0)+IF(Input!$D$21=1,L4566*Input!$C$21,0)+IF(Input!$D$22=1,M4566*Input!$C$22,0)</f>
        <v>0.21687736708747754</v>
      </c>
      <c r="O4566" s="59">
        <f>IF(Input!$D$19=2,J4566*Input!$C$19,0)+IF(Input!$D$20=2,K4566*Input!$C$20,0)+IF(Input!$D$21=2,L4566*Input!$C$21,0)+IF(Input!$D$22=2,M4566*Input!$C$22,0)</f>
        <v>0.54219341771869378</v>
      </c>
      <c r="P4566" s="59">
        <f>IF(Input!$D$19=3,J4566*Input!$C$19,0)+IF(Input!$D$20=3,K4566*Input!$C$20,0)+IF(Input!$D$21=3,L4566*Input!$C$21,0)+IF(Input!$D$22=3,M4566*Input!$C$22,0)</f>
        <v>0</v>
      </c>
      <c r="Q4566" s="75">
        <f>IF(Input!$D$19=4,J4566*Input!$C$19,0)+IF(Input!$D$20=4,K4566*Input!$C$20,0)+IF(Input!$D$21=4,L4566*Input!$C$21,0)+IF(Input!$D$22=4,M4566*Input!$C$22,0)</f>
        <v>0</v>
      </c>
      <c r="R4566" s="58">
        <v>62.003528433365325</v>
      </c>
      <c r="S4566" s="124">
        <f t="shared" si="71"/>
        <v>0.93980192404573604</v>
      </c>
    </row>
    <row r="4567" spans="8:19" x14ac:dyDescent="0.3">
      <c r="H4567" s="44">
        <v>4560</v>
      </c>
      <c r="I4567" s="56">
        <f>Bühler!I4593</f>
        <v>0.21687736708747751</v>
      </c>
      <c r="J4567" s="59">
        <f>Bühler!J4593</f>
        <v>0.72292455695825852</v>
      </c>
      <c r="K4567" s="59">
        <f>Bühler!K4593</f>
        <v>1.0843868354373876</v>
      </c>
      <c r="L4567" s="59">
        <f>Bühler!L4593</f>
        <v>5.2050568100994603</v>
      </c>
      <c r="M4567" s="58">
        <f>Bühler!M4593</f>
        <v>0</v>
      </c>
      <c r="N4567" s="56">
        <f>IF(Input!$D$19=1,J4567*Input!$C$19,0)+IF(Input!$D$20=1,K4567*Input!$C$20,0)+IF(Input!$D$21=1,L4567*Input!$C$21,0)+IF(Input!$D$22=1,M4567*Input!$C$22,0)</f>
        <v>0.21687736708747754</v>
      </c>
      <c r="O4567" s="59">
        <f>IF(Input!$D$19=2,J4567*Input!$C$19,0)+IF(Input!$D$20=2,K4567*Input!$C$20,0)+IF(Input!$D$21=2,L4567*Input!$C$21,0)+IF(Input!$D$22=2,M4567*Input!$C$22,0)</f>
        <v>0.54219341771869378</v>
      </c>
      <c r="P4567" s="59">
        <f>IF(Input!$D$19=3,J4567*Input!$C$19,0)+IF(Input!$D$20=3,K4567*Input!$C$20,0)+IF(Input!$D$21=3,L4567*Input!$C$21,0)+IF(Input!$D$22=3,M4567*Input!$C$22,0)</f>
        <v>0</v>
      </c>
      <c r="Q4567" s="75">
        <f>IF(Input!$D$19=4,J4567*Input!$C$19,0)+IF(Input!$D$20=4,K4567*Input!$C$20,0)+IF(Input!$D$21=4,L4567*Input!$C$21,0)+IF(Input!$D$22=4,M4567*Input!$C$22,0)</f>
        <v>0</v>
      </c>
      <c r="R4567" s="58">
        <v>61.379717587772873</v>
      </c>
      <c r="S4567" s="124">
        <f t="shared" si="71"/>
        <v>0.93980192404573604</v>
      </c>
    </row>
    <row r="4568" spans="8:19" x14ac:dyDescent="0.3">
      <c r="H4568" s="44">
        <v>4561</v>
      </c>
      <c r="I4568" s="56">
        <f>Bühler!I4594</f>
        <v>0.1987759632864583</v>
      </c>
      <c r="J4568" s="59">
        <f>Bühler!J4594</f>
        <v>0.66258654428819441</v>
      </c>
      <c r="K4568" s="59">
        <f>Bühler!K4594</f>
        <v>0.99387981643229151</v>
      </c>
      <c r="L4568" s="59">
        <f>Bühler!L4594</f>
        <v>4.7706231188749992</v>
      </c>
      <c r="M4568" s="58">
        <f>Bühler!M4594</f>
        <v>0</v>
      </c>
      <c r="N4568" s="56">
        <f>IF(Input!$D$19=1,J4568*Input!$C$19,0)+IF(Input!$D$20=1,K4568*Input!$C$20,0)+IF(Input!$D$21=1,L4568*Input!$C$21,0)+IF(Input!$D$22=1,M4568*Input!$C$22,0)</f>
        <v>0.19877596328645833</v>
      </c>
      <c r="O4568" s="59">
        <f>IF(Input!$D$19=2,J4568*Input!$C$19,0)+IF(Input!$D$20=2,K4568*Input!$C$20,0)+IF(Input!$D$21=2,L4568*Input!$C$21,0)+IF(Input!$D$22=2,M4568*Input!$C$22,0)</f>
        <v>0.49693990821614575</v>
      </c>
      <c r="P4568" s="59">
        <f>IF(Input!$D$19=3,J4568*Input!$C$19,0)+IF(Input!$D$20=3,K4568*Input!$C$20,0)+IF(Input!$D$21=3,L4568*Input!$C$21,0)+IF(Input!$D$22=3,M4568*Input!$C$22,0)</f>
        <v>0</v>
      </c>
      <c r="Q4568" s="75">
        <f>IF(Input!$D$19=4,J4568*Input!$C$19,0)+IF(Input!$D$20=4,K4568*Input!$C$20,0)+IF(Input!$D$21=4,L4568*Input!$C$21,0)+IF(Input!$D$22=4,M4568*Input!$C$22,0)</f>
        <v>0</v>
      </c>
      <c r="R4568" s="58">
        <v>60.401590859944534</v>
      </c>
      <c r="S4568" s="124">
        <f t="shared" si="71"/>
        <v>0.86136250757465271</v>
      </c>
    </row>
    <row r="4569" spans="8:19" x14ac:dyDescent="0.3">
      <c r="H4569" s="44">
        <v>4562</v>
      </c>
      <c r="I4569" s="56">
        <f>Bühler!I4595</f>
        <v>0.1987759632864583</v>
      </c>
      <c r="J4569" s="59">
        <f>Bühler!J4595</f>
        <v>0.66258654428819441</v>
      </c>
      <c r="K4569" s="59">
        <f>Bühler!K4595</f>
        <v>0.99387981643229151</v>
      </c>
      <c r="L4569" s="59">
        <f>Bühler!L4595</f>
        <v>4.7706231188749992</v>
      </c>
      <c r="M4569" s="58">
        <f>Bühler!M4595</f>
        <v>0</v>
      </c>
      <c r="N4569" s="56">
        <f>IF(Input!$D$19=1,J4569*Input!$C$19,0)+IF(Input!$D$20=1,K4569*Input!$C$20,0)+IF(Input!$D$21=1,L4569*Input!$C$21,0)+IF(Input!$D$22=1,M4569*Input!$C$22,0)</f>
        <v>0.19877596328645833</v>
      </c>
      <c r="O4569" s="59">
        <f>IF(Input!$D$19=2,J4569*Input!$C$19,0)+IF(Input!$D$20=2,K4569*Input!$C$20,0)+IF(Input!$D$21=2,L4569*Input!$C$21,0)+IF(Input!$D$22=2,M4569*Input!$C$22,0)</f>
        <v>0.49693990821614575</v>
      </c>
      <c r="P4569" s="59">
        <f>IF(Input!$D$19=3,J4569*Input!$C$19,0)+IF(Input!$D$20=3,K4569*Input!$C$20,0)+IF(Input!$D$21=3,L4569*Input!$C$21,0)+IF(Input!$D$22=3,M4569*Input!$C$22,0)</f>
        <v>0</v>
      </c>
      <c r="Q4569" s="75">
        <f>IF(Input!$D$19=4,J4569*Input!$C$19,0)+IF(Input!$D$20=4,K4569*Input!$C$20,0)+IF(Input!$D$21=4,L4569*Input!$C$21,0)+IF(Input!$D$22=4,M4569*Input!$C$22,0)</f>
        <v>0</v>
      </c>
      <c r="R4569" s="58">
        <v>59.532610993677402</v>
      </c>
      <c r="S4569" s="124">
        <f t="shared" si="71"/>
        <v>0.86136250757465271</v>
      </c>
    </row>
    <row r="4570" spans="8:19" x14ac:dyDescent="0.3">
      <c r="H4570" s="44">
        <v>4563</v>
      </c>
      <c r="I4570" s="56">
        <f>Bühler!I4596</f>
        <v>0.1987759632864583</v>
      </c>
      <c r="J4570" s="59">
        <f>Bühler!J4596</f>
        <v>0.66258654428819441</v>
      </c>
      <c r="K4570" s="59">
        <f>Bühler!K4596</f>
        <v>0.99387981643229151</v>
      </c>
      <c r="L4570" s="59">
        <f>Bühler!L4596</f>
        <v>4.7706231188749992</v>
      </c>
      <c r="M4570" s="58">
        <f>Bühler!M4596</f>
        <v>0</v>
      </c>
      <c r="N4570" s="56">
        <f>IF(Input!$D$19=1,J4570*Input!$C$19,0)+IF(Input!$D$20=1,K4570*Input!$C$20,0)+IF(Input!$D$21=1,L4570*Input!$C$21,0)+IF(Input!$D$22=1,M4570*Input!$C$22,0)</f>
        <v>0.19877596328645833</v>
      </c>
      <c r="O4570" s="59">
        <f>IF(Input!$D$19=2,J4570*Input!$C$19,0)+IF(Input!$D$20=2,K4570*Input!$C$20,0)+IF(Input!$D$21=2,L4570*Input!$C$21,0)+IF(Input!$D$22=2,M4570*Input!$C$22,0)</f>
        <v>0.49693990821614575</v>
      </c>
      <c r="P4570" s="59">
        <f>IF(Input!$D$19=3,J4570*Input!$C$19,0)+IF(Input!$D$20=3,K4570*Input!$C$20,0)+IF(Input!$D$21=3,L4570*Input!$C$21,0)+IF(Input!$D$22=3,M4570*Input!$C$22,0)</f>
        <v>0</v>
      </c>
      <c r="Q4570" s="75">
        <f>IF(Input!$D$19=4,J4570*Input!$C$19,0)+IF(Input!$D$20=4,K4570*Input!$C$20,0)+IF(Input!$D$21=4,L4570*Input!$C$21,0)+IF(Input!$D$22=4,M4570*Input!$C$22,0)</f>
        <v>0</v>
      </c>
      <c r="R4570" s="58">
        <v>59.2112017521345</v>
      </c>
      <c r="S4570" s="124">
        <f t="shared" si="71"/>
        <v>0.86136250757465271</v>
      </c>
    </row>
    <row r="4571" spans="8:19" x14ac:dyDescent="0.3">
      <c r="H4571" s="44">
        <v>4564</v>
      </c>
      <c r="I4571" s="56">
        <f>Bühler!I4597</f>
        <v>0.1987759632864583</v>
      </c>
      <c r="J4571" s="59">
        <f>Bühler!J4597</f>
        <v>0.66258654428819441</v>
      </c>
      <c r="K4571" s="59">
        <f>Bühler!K4597</f>
        <v>0.99387981643229151</v>
      </c>
      <c r="L4571" s="59">
        <f>Bühler!L4597</f>
        <v>4.7706231188749992</v>
      </c>
      <c r="M4571" s="58">
        <f>Bühler!M4597</f>
        <v>0</v>
      </c>
      <c r="N4571" s="56">
        <f>IF(Input!$D$19=1,J4571*Input!$C$19,0)+IF(Input!$D$20=1,K4571*Input!$C$20,0)+IF(Input!$D$21=1,L4571*Input!$C$21,0)+IF(Input!$D$22=1,M4571*Input!$C$22,0)</f>
        <v>0.19877596328645833</v>
      </c>
      <c r="O4571" s="59">
        <f>IF(Input!$D$19=2,J4571*Input!$C$19,0)+IF(Input!$D$20=2,K4571*Input!$C$20,0)+IF(Input!$D$21=2,L4571*Input!$C$21,0)+IF(Input!$D$22=2,M4571*Input!$C$22,0)</f>
        <v>0.49693990821614575</v>
      </c>
      <c r="P4571" s="59">
        <f>IF(Input!$D$19=3,J4571*Input!$C$19,0)+IF(Input!$D$20=3,K4571*Input!$C$20,0)+IF(Input!$D$21=3,L4571*Input!$C$21,0)+IF(Input!$D$22=3,M4571*Input!$C$22,0)</f>
        <v>0</v>
      </c>
      <c r="Q4571" s="75">
        <f>IF(Input!$D$19=4,J4571*Input!$C$19,0)+IF(Input!$D$20=4,K4571*Input!$C$20,0)+IF(Input!$D$21=4,L4571*Input!$C$21,0)+IF(Input!$D$22=4,M4571*Input!$C$22,0)</f>
        <v>0</v>
      </c>
      <c r="R4571" s="58">
        <v>60.002971007681168</v>
      </c>
      <c r="S4571" s="124">
        <f t="shared" si="71"/>
        <v>0.86136250757465271</v>
      </c>
    </row>
    <row r="4572" spans="8:19" x14ac:dyDescent="0.3">
      <c r="H4572" s="44">
        <v>4565</v>
      </c>
      <c r="I4572" s="56">
        <f>Bühler!I4598</f>
        <v>0.1987759632864583</v>
      </c>
      <c r="J4572" s="59">
        <f>Bühler!J4598</f>
        <v>0.66258654428819441</v>
      </c>
      <c r="K4572" s="59">
        <f>Bühler!K4598</f>
        <v>0.99387981643229151</v>
      </c>
      <c r="L4572" s="59">
        <f>Bühler!L4598</f>
        <v>4.7706231188749992</v>
      </c>
      <c r="M4572" s="58">
        <f>Bühler!M4598</f>
        <v>0</v>
      </c>
      <c r="N4572" s="56">
        <f>IF(Input!$D$19=1,J4572*Input!$C$19,0)+IF(Input!$D$20=1,K4572*Input!$C$20,0)+IF(Input!$D$21=1,L4572*Input!$C$21,0)+IF(Input!$D$22=1,M4572*Input!$C$22,0)</f>
        <v>0.19877596328645833</v>
      </c>
      <c r="O4572" s="59">
        <f>IF(Input!$D$19=2,J4572*Input!$C$19,0)+IF(Input!$D$20=2,K4572*Input!$C$20,0)+IF(Input!$D$21=2,L4572*Input!$C$21,0)+IF(Input!$D$22=2,M4572*Input!$C$22,0)</f>
        <v>0.49693990821614575</v>
      </c>
      <c r="P4572" s="59">
        <f>IF(Input!$D$19=3,J4572*Input!$C$19,0)+IF(Input!$D$20=3,K4572*Input!$C$20,0)+IF(Input!$D$21=3,L4572*Input!$C$21,0)+IF(Input!$D$22=3,M4572*Input!$C$22,0)</f>
        <v>0</v>
      </c>
      <c r="Q4572" s="75">
        <f>IF(Input!$D$19=4,J4572*Input!$C$19,0)+IF(Input!$D$20=4,K4572*Input!$C$20,0)+IF(Input!$D$21=4,L4572*Input!$C$21,0)+IF(Input!$D$22=4,M4572*Input!$C$22,0)</f>
        <v>0</v>
      </c>
      <c r="R4572" s="58">
        <v>61.921202990408894</v>
      </c>
      <c r="S4572" s="124">
        <f t="shared" si="71"/>
        <v>0.86136250757465271</v>
      </c>
    </row>
    <row r="4573" spans="8:19" x14ac:dyDescent="0.3">
      <c r="H4573" s="44">
        <v>4566</v>
      </c>
      <c r="I4573" s="56">
        <f>Bühler!I4599</f>
        <v>0.25840875227239579</v>
      </c>
      <c r="J4573" s="59">
        <f>Bühler!J4599</f>
        <v>0.86136250757465271</v>
      </c>
      <c r="K4573" s="59">
        <f>Bühler!K4599</f>
        <v>1.2920437613619788</v>
      </c>
      <c r="L4573" s="59">
        <f>Bühler!L4599</f>
        <v>6.201810054537499</v>
      </c>
      <c r="M4573" s="58">
        <f>Bühler!M4599</f>
        <v>0</v>
      </c>
      <c r="N4573" s="56">
        <f>IF(Input!$D$19=1,J4573*Input!$C$19,0)+IF(Input!$D$20=1,K4573*Input!$C$20,0)+IF(Input!$D$21=1,L4573*Input!$C$21,0)+IF(Input!$D$22=1,M4573*Input!$C$22,0)</f>
        <v>0.25840875227239579</v>
      </c>
      <c r="O4573" s="59">
        <f>IF(Input!$D$19=2,J4573*Input!$C$19,0)+IF(Input!$D$20=2,K4573*Input!$C$20,0)+IF(Input!$D$21=2,L4573*Input!$C$21,0)+IF(Input!$D$22=2,M4573*Input!$C$22,0)</f>
        <v>0.64602188068098942</v>
      </c>
      <c r="P4573" s="59">
        <f>IF(Input!$D$19=3,J4573*Input!$C$19,0)+IF(Input!$D$20=3,K4573*Input!$C$20,0)+IF(Input!$D$21=3,L4573*Input!$C$21,0)+IF(Input!$D$22=3,M4573*Input!$C$22,0)</f>
        <v>0</v>
      </c>
      <c r="Q4573" s="75">
        <f>IF(Input!$D$19=4,J4573*Input!$C$19,0)+IF(Input!$D$20=4,K4573*Input!$C$20,0)+IF(Input!$D$21=4,L4573*Input!$C$21,0)+IF(Input!$D$22=4,M4573*Input!$C$22,0)</f>
        <v>0</v>
      </c>
      <c r="R4573" s="58">
        <v>65.071139544435454</v>
      </c>
      <c r="S4573" s="124">
        <f t="shared" si="71"/>
        <v>1.1197712598470484</v>
      </c>
    </row>
    <row r="4574" spans="8:19" x14ac:dyDescent="0.3">
      <c r="H4574" s="44">
        <v>4567</v>
      </c>
      <c r="I4574" s="56">
        <f>Bühler!I4600</f>
        <v>0.28822514676536448</v>
      </c>
      <c r="J4574" s="59">
        <f>Bühler!J4600</f>
        <v>0.96075048921788175</v>
      </c>
      <c r="K4574" s="59">
        <f>Bühler!K4600</f>
        <v>1.4411257338268224</v>
      </c>
      <c r="L4574" s="59">
        <f>Bühler!L4600</f>
        <v>6.9174035223687476</v>
      </c>
      <c r="M4574" s="58">
        <f>Bühler!M4600</f>
        <v>0</v>
      </c>
      <c r="N4574" s="56">
        <f>IF(Input!$D$19=1,J4574*Input!$C$19,0)+IF(Input!$D$20=1,K4574*Input!$C$20,0)+IF(Input!$D$21=1,L4574*Input!$C$21,0)+IF(Input!$D$22=1,M4574*Input!$C$22,0)</f>
        <v>0.28822514676536454</v>
      </c>
      <c r="O4574" s="59">
        <f>IF(Input!$D$19=2,J4574*Input!$C$19,0)+IF(Input!$D$20=2,K4574*Input!$C$20,0)+IF(Input!$D$21=2,L4574*Input!$C$21,0)+IF(Input!$D$22=2,M4574*Input!$C$22,0)</f>
        <v>0.7205628669134112</v>
      </c>
      <c r="P4574" s="59">
        <f>IF(Input!$D$19=3,J4574*Input!$C$19,0)+IF(Input!$D$20=3,K4574*Input!$C$20,0)+IF(Input!$D$21=3,L4574*Input!$C$21,0)+IF(Input!$D$22=3,M4574*Input!$C$22,0)</f>
        <v>0</v>
      </c>
      <c r="Q4574" s="75">
        <f>IF(Input!$D$19=4,J4574*Input!$C$19,0)+IF(Input!$D$20=4,K4574*Input!$C$20,0)+IF(Input!$D$21=4,L4574*Input!$C$21,0)+IF(Input!$D$22=4,M4574*Input!$C$22,0)</f>
        <v>0</v>
      </c>
      <c r="R4574" s="58">
        <v>67.898486737330884</v>
      </c>
      <c r="S4574" s="124">
        <f t="shared" si="71"/>
        <v>1.2489756359832462</v>
      </c>
    </row>
    <row r="4575" spans="8:19" x14ac:dyDescent="0.3">
      <c r="H4575" s="44">
        <v>4568</v>
      </c>
      <c r="I4575" s="56">
        <f>Bühler!I4601</f>
        <v>0.29816394492968745</v>
      </c>
      <c r="J4575" s="59">
        <f>Bühler!J4601</f>
        <v>0.99387981643229151</v>
      </c>
      <c r="K4575" s="59">
        <f>Bühler!K4601</f>
        <v>1.4908197246484372</v>
      </c>
      <c r="L4575" s="59">
        <f>Bühler!L4601</f>
        <v>7.155934678312498</v>
      </c>
      <c r="M4575" s="58">
        <f>Bühler!M4601</f>
        <v>0</v>
      </c>
      <c r="N4575" s="56">
        <f>IF(Input!$D$19=1,J4575*Input!$C$19,0)+IF(Input!$D$20=1,K4575*Input!$C$20,0)+IF(Input!$D$21=1,L4575*Input!$C$21,0)+IF(Input!$D$22=1,M4575*Input!$C$22,0)</f>
        <v>0.29816394492968745</v>
      </c>
      <c r="O4575" s="59">
        <f>IF(Input!$D$19=2,J4575*Input!$C$19,0)+IF(Input!$D$20=2,K4575*Input!$C$20,0)+IF(Input!$D$21=2,L4575*Input!$C$21,0)+IF(Input!$D$22=2,M4575*Input!$C$22,0)</f>
        <v>0.74540986232421858</v>
      </c>
      <c r="P4575" s="59">
        <f>IF(Input!$D$19=3,J4575*Input!$C$19,0)+IF(Input!$D$20=3,K4575*Input!$C$20,0)+IF(Input!$D$21=3,L4575*Input!$C$21,0)+IF(Input!$D$22=3,M4575*Input!$C$22,0)</f>
        <v>0</v>
      </c>
      <c r="Q4575" s="75">
        <f>IF(Input!$D$19=4,J4575*Input!$C$19,0)+IF(Input!$D$20=4,K4575*Input!$C$20,0)+IF(Input!$D$21=4,L4575*Input!$C$21,0)+IF(Input!$D$22=4,M4575*Input!$C$22,0)</f>
        <v>0</v>
      </c>
      <c r="R4575" s="58">
        <v>70.120612714072038</v>
      </c>
      <c r="S4575" s="124">
        <f t="shared" si="71"/>
        <v>1.2920437613619788</v>
      </c>
    </row>
    <row r="4576" spans="8:19" x14ac:dyDescent="0.3">
      <c r="H4576" s="44">
        <v>4569</v>
      </c>
      <c r="I4576" s="56">
        <f>Bühler!I4602</f>
        <v>0.29816394492968745</v>
      </c>
      <c r="J4576" s="59">
        <f>Bühler!J4602</f>
        <v>0.99387981643229151</v>
      </c>
      <c r="K4576" s="59">
        <f>Bühler!K4602</f>
        <v>1.4908197246484372</v>
      </c>
      <c r="L4576" s="59">
        <f>Bühler!L4602</f>
        <v>7.155934678312498</v>
      </c>
      <c r="M4576" s="58">
        <f>Bühler!M4602</f>
        <v>0</v>
      </c>
      <c r="N4576" s="56">
        <f>IF(Input!$D$19=1,J4576*Input!$C$19,0)+IF(Input!$D$20=1,K4576*Input!$C$20,0)+IF(Input!$D$21=1,L4576*Input!$C$21,0)+IF(Input!$D$22=1,M4576*Input!$C$22,0)</f>
        <v>0.29816394492968745</v>
      </c>
      <c r="O4576" s="59">
        <f>IF(Input!$D$19=2,J4576*Input!$C$19,0)+IF(Input!$D$20=2,K4576*Input!$C$20,0)+IF(Input!$D$21=2,L4576*Input!$C$21,0)+IF(Input!$D$22=2,M4576*Input!$C$22,0)</f>
        <v>0.74540986232421858</v>
      </c>
      <c r="P4576" s="59">
        <f>IF(Input!$D$19=3,J4576*Input!$C$19,0)+IF(Input!$D$20=3,K4576*Input!$C$20,0)+IF(Input!$D$21=3,L4576*Input!$C$21,0)+IF(Input!$D$22=3,M4576*Input!$C$22,0)</f>
        <v>0</v>
      </c>
      <c r="Q4576" s="75">
        <f>IF(Input!$D$19=4,J4576*Input!$C$19,0)+IF(Input!$D$20=4,K4576*Input!$C$20,0)+IF(Input!$D$21=4,L4576*Input!$C$21,0)+IF(Input!$D$22=4,M4576*Input!$C$22,0)</f>
        <v>0</v>
      </c>
      <c r="R4576" s="58">
        <v>71.581235262213369</v>
      </c>
      <c r="S4576" s="124">
        <f t="shared" si="71"/>
        <v>1.2920437613619788</v>
      </c>
    </row>
    <row r="4577" spans="8:19" x14ac:dyDescent="0.3">
      <c r="H4577" s="44">
        <v>4570</v>
      </c>
      <c r="I4577" s="56">
        <f>Bühler!I4603</f>
        <v>0.32301094034049471</v>
      </c>
      <c r="J4577" s="59">
        <f>Bühler!J4603</f>
        <v>1.0767031344683158</v>
      </c>
      <c r="K4577" s="59">
        <f>Bühler!K4603</f>
        <v>1.6150547017024737</v>
      </c>
      <c r="L4577" s="59">
        <f>Bühler!L4603</f>
        <v>7.7522625681718731</v>
      </c>
      <c r="M4577" s="58">
        <f>Bühler!M4603</f>
        <v>0</v>
      </c>
      <c r="N4577" s="56">
        <f>IF(Input!$D$19=1,J4577*Input!$C$19,0)+IF(Input!$D$20=1,K4577*Input!$C$20,0)+IF(Input!$D$21=1,L4577*Input!$C$21,0)+IF(Input!$D$22=1,M4577*Input!$C$22,0)</f>
        <v>0.32301094034049471</v>
      </c>
      <c r="O4577" s="59">
        <f>IF(Input!$D$19=2,J4577*Input!$C$19,0)+IF(Input!$D$20=2,K4577*Input!$C$20,0)+IF(Input!$D$21=2,L4577*Input!$C$21,0)+IF(Input!$D$22=2,M4577*Input!$C$22,0)</f>
        <v>0.80752735085123684</v>
      </c>
      <c r="P4577" s="59">
        <f>IF(Input!$D$19=3,J4577*Input!$C$19,0)+IF(Input!$D$20=3,K4577*Input!$C$20,0)+IF(Input!$D$21=3,L4577*Input!$C$21,0)+IF(Input!$D$22=3,M4577*Input!$C$22,0)</f>
        <v>0</v>
      </c>
      <c r="Q4577" s="75">
        <f>IF(Input!$D$19=4,J4577*Input!$C$19,0)+IF(Input!$D$20=4,K4577*Input!$C$20,0)+IF(Input!$D$21=4,L4577*Input!$C$21,0)+IF(Input!$D$22=4,M4577*Input!$C$22,0)</f>
        <v>0</v>
      </c>
      <c r="R4577" s="58">
        <v>71.947457901487255</v>
      </c>
      <c r="S4577" s="124">
        <f t="shared" si="71"/>
        <v>1.3997140748088106</v>
      </c>
    </row>
    <row r="4578" spans="8:19" x14ac:dyDescent="0.3">
      <c r="H4578" s="44">
        <v>4571</v>
      </c>
      <c r="I4578" s="56">
        <f>Bühler!I4604</f>
        <v>0.33791913758697906</v>
      </c>
      <c r="J4578" s="59">
        <f>Bühler!J4604</f>
        <v>1.1263971252899303</v>
      </c>
      <c r="K4578" s="59">
        <f>Bühler!K4604</f>
        <v>1.6895956879348955</v>
      </c>
      <c r="L4578" s="59">
        <f>Bühler!L4604</f>
        <v>8.1100593020874978</v>
      </c>
      <c r="M4578" s="58">
        <f>Bühler!M4604</f>
        <v>0</v>
      </c>
      <c r="N4578" s="56">
        <f>IF(Input!$D$19=1,J4578*Input!$C$19,0)+IF(Input!$D$20=1,K4578*Input!$C$20,0)+IF(Input!$D$21=1,L4578*Input!$C$21,0)+IF(Input!$D$22=1,M4578*Input!$C$22,0)</f>
        <v>0.33791913758697906</v>
      </c>
      <c r="O4578" s="59">
        <f>IF(Input!$D$19=2,J4578*Input!$C$19,0)+IF(Input!$D$20=2,K4578*Input!$C$20,0)+IF(Input!$D$21=2,L4578*Input!$C$21,0)+IF(Input!$D$22=2,M4578*Input!$C$22,0)</f>
        <v>0.84479784396744773</v>
      </c>
      <c r="P4578" s="59">
        <f>IF(Input!$D$19=3,J4578*Input!$C$19,0)+IF(Input!$D$20=3,K4578*Input!$C$20,0)+IF(Input!$D$21=3,L4578*Input!$C$21,0)+IF(Input!$D$22=3,M4578*Input!$C$22,0)</f>
        <v>0</v>
      </c>
      <c r="Q4578" s="75">
        <f>IF(Input!$D$19=4,J4578*Input!$C$19,0)+IF(Input!$D$20=4,K4578*Input!$C$20,0)+IF(Input!$D$21=4,L4578*Input!$C$21,0)+IF(Input!$D$22=4,M4578*Input!$C$22,0)</f>
        <v>0</v>
      </c>
      <c r="R4578" s="58">
        <v>72.551404381365145</v>
      </c>
      <c r="S4578" s="124">
        <f t="shared" si="71"/>
        <v>1.4643162628769093</v>
      </c>
    </row>
    <row r="4579" spans="8:19" x14ac:dyDescent="0.3">
      <c r="H4579" s="44">
        <v>4572</v>
      </c>
      <c r="I4579" s="56">
        <f>Bühler!I4605</f>
        <v>0.3975519265729166</v>
      </c>
      <c r="J4579" s="59">
        <f>Bühler!J4605</f>
        <v>1.3251730885763888</v>
      </c>
      <c r="K4579" s="59">
        <f>Bühler!K4605</f>
        <v>1.987759632864583</v>
      </c>
      <c r="L4579" s="59">
        <f>Bühler!L4605</f>
        <v>9.5412462377499985</v>
      </c>
      <c r="M4579" s="58">
        <f>Bühler!M4605</f>
        <v>0</v>
      </c>
      <c r="N4579" s="56">
        <f>IF(Input!$D$19=1,J4579*Input!$C$19,0)+IF(Input!$D$20=1,K4579*Input!$C$20,0)+IF(Input!$D$21=1,L4579*Input!$C$21,0)+IF(Input!$D$22=1,M4579*Input!$C$22,0)</f>
        <v>0.39755192657291666</v>
      </c>
      <c r="O4579" s="59">
        <f>IF(Input!$D$19=2,J4579*Input!$C$19,0)+IF(Input!$D$20=2,K4579*Input!$C$20,0)+IF(Input!$D$21=2,L4579*Input!$C$21,0)+IF(Input!$D$22=2,M4579*Input!$C$22,0)</f>
        <v>0.99387981643229151</v>
      </c>
      <c r="P4579" s="59">
        <f>IF(Input!$D$19=3,J4579*Input!$C$19,0)+IF(Input!$D$20=3,K4579*Input!$C$20,0)+IF(Input!$D$21=3,L4579*Input!$C$21,0)+IF(Input!$D$22=3,M4579*Input!$C$22,0)</f>
        <v>0</v>
      </c>
      <c r="Q4579" s="75">
        <f>IF(Input!$D$19=4,J4579*Input!$C$19,0)+IF(Input!$D$20=4,K4579*Input!$C$20,0)+IF(Input!$D$21=4,L4579*Input!$C$21,0)+IF(Input!$D$22=4,M4579*Input!$C$22,0)</f>
        <v>0</v>
      </c>
      <c r="R4579" s="58">
        <v>73.528578783597055</v>
      </c>
      <c r="S4579" s="124">
        <f t="shared" si="71"/>
        <v>1.7227250151493054</v>
      </c>
    </row>
    <row r="4580" spans="8:19" x14ac:dyDescent="0.3">
      <c r="H4580" s="44">
        <v>4573</v>
      </c>
      <c r="I4580" s="56">
        <f>Bühler!I4606</f>
        <v>0.3975519265729166</v>
      </c>
      <c r="J4580" s="59">
        <f>Bühler!J4606</f>
        <v>1.3251730885763888</v>
      </c>
      <c r="K4580" s="59">
        <f>Bühler!K4606</f>
        <v>1.987759632864583</v>
      </c>
      <c r="L4580" s="59">
        <f>Bühler!L4606</f>
        <v>9.5412462377499985</v>
      </c>
      <c r="M4580" s="58">
        <f>Bühler!M4606</f>
        <v>0</v>
      </c>
      <c r="N4580" s="56">
        <f>IF(Input!$D$19=1,J4580*Input!$C$19,0)+IF(Input!$D$20=1,K4580*Input!$C$20,0)+IF(Input!$D$21=1,L4580*Input!$C$21,0)+IF(Input!$D$22=1,M4580*Input!$C$22,0)</f>
        <v>0.39755192657291666</v>
      </c>
      <c r="O4580" s="59">
        <f>IF(Input!$D$19=2,J4580*Input!$C$19,0)+IF(Input!$D$20=2,K4580*Input!$C$20,0)+IF(Input!$D$21=2,L4580*Input!$C$21,0)+IF(Input!$D$22=2,M4580*Input!$C$22,0)</f>
        <v>0.99387981643229151</v>
      </c>
      <c r="P4580" s="59">
        <f>IF(Input!$D$19=3,J4580*Input!$C$19,0)+IF(Input!$D$20=3,K4580*Input!$C$20,0)+IF(Input!$D$21=3,L4580*Input!$C$21,0)+IF(Input!$D$22=3,M4580*Input!$C$22,0)</f>
        <v>0</v>
      </c>
      <c r="Q4580" s="75">
        <f>IF(Input!$D$19=4,J4580*Input!$C$19,0)+IF(Input!$D$20=4,K4580*Input!$C$20,0)+IF(Input!$D$21=4,L4580*Input!$C$21,0)+IF(Input!$D$22=4,M4580*Input!$C$22,0)</f>
        <v>0</v>
      </c>
      <c r="R4580" s="58">
        <v>73.182553296386857</v>
      </c>
      <c r="S4580" s="124">
        <f t="shared" si="71"/>
        <v>1.7227250151493054</v>
      </c>
    </row>
    <row r="4581" spans="8:19" x14ac:dyDescent="0.3">
      <c r="H4581" s="44">
        <v>4574</v>
      </c>
      <c r="I4581" s="56">
        <f>Bühler!I4607</f>
        <v>0.3975519265729166</v>
      </c>
      <c r="J4581" s="59">
        <f>Bühler!J4607</f>
        <v>1.3251730885763888</v>
      </c>
      <c r="K4581" s="59">
        <f>Bühler!K4607</f>
        <v>1.987759632864583</v>
      </c>
      <c r="L4581" s="59">
        <f>Bühler!L4607</f>
        <v>9.5412462377499985</v>
      </c>
      <c r="M4581" s="58">
        <f>Bühler!M4607</f>
        <v>0</v>
      </c>
      <c r="N4581" s="56">
        <f>IF(Input!$D$19=1,J4581*Input!$C$19,0)+IF(Input!$D$20=1,K4581*Input!$C$20,0)+IF(Input!$D$21=1,L4581*Input!$C$21,0)+IF(Input!$D$22=1,M4581*Input!$C$22,0)</f>
        <v>0.39755192657291666</v>
      </c>
      <c r="O4581" s="59">
        <f>IF(Input!$D$19=2,J4581*Input!$C$19,0)+IF(Input!$D$20=2,K4581*Input!$C$20,0)+IF(Input!$D$21=2,L4581*Input!$C$21,0)+IF(Input!$D$22=2,M4581*Input!$C$22,0)</f>
        <v>0.99387981643229151</v>
      </c>
      <c r="P4581" s="59">
        <f>IF(Input!$D$19=3,J4581*Input!$C$19,0)+IF(Input!$D$20=3,K4581*Input!$C$20,0)+IF(Input!$D$21=3,L4581*Input!$C$21,0)+IF(Input!$D$22=3,M4581*Input!$C$22,0)</f>
        <v>0</v>
      </c>
      <c r="Q4581" s="75">
        <f>IF(Input!$D$19=4,J4581*Input!$C$19,0)+IF(Input!$D$20=4,K4581*Input!$C$20,0)+IF(Input!$D$21=4,L4581*Input!$C$21,0)+IF(Input!$D$22=4,M4581*Input!$C$22,0)</f>
        <v>0</v>
      </c>
      <c r="R4581" s="58">
        <v>72.545502841964478</v>
      </c>
      <c r="S4581" s="124">
        <f t="shared" si="71"/>
        <v>1.7227250151493054</v>
      </c>
    </row>
    <row r="4582" spans="8:19" x14ac:dyDescent="0.3">
      <c r="H4582" s="44">
        <v>4575</v>
      </c>
      <c r="I4582" s="56">
        <f>Bühler!I4608</f>
        <v>0.3975519265729166</v>
      </c>
      <c r="J4582" s="59">
        <f>Bühler!J4608</f>
        <v>1.3251730885763888</v>
      </c>
      <c r="K4582" s="59">
        <f>Bühler!K4608</f>
        <v>1.987759632864583</v>
      </c>
      <c r="L4582" s="59">
        <f>Bühler!L4608</f>
        <v>9.5412462377499985</v>
      </c>
      <c r="M4582" s="58">
        <f>Bühler!M4608</f>
        <v>0</v>
      </c>
      <c r="N4582" s="56">
        <f>IF(Input!$D$19=1,J4582*Input!$C$19,0)+IF(Input!$D$20=1,K4582*Input!$C$20,0)+IF(Input!$D$21=1,L4582*Input!$C$21,0)+IF(Input!$D$22=1,M4582*Input!$C$22,0)</f>
        <v>0.39755192657291666</v>
      </c>
      <c r="O4582" s="59">
        <f>IF(Input!$D$19=2,J4582*Input!$C$19,0)+IF(Input!$D$20=2,K4582*Input!$C$20,0)+IF(Input!$D$21=2,L4582*Input!$C$21,0)+IF(Input!$D$22=2,M4582*Input!$C$22,0)</f>
        <v>0.99387981643229151</v>
      </c>
      <c r="P4582" s="59">
        <f>IF(Input!$D$19=3,J4582*Input!$C$19,0)+IF(Input!$D$20=3,K4582*Input!$C$20,0)+IF(Input!$D$21=3,L4582*Input!$C$21,0)+IF(Input!$D$22=3,M4582*Input!$C$22,0)</f>
        <v>0</v>
      </c>
      <c r="Q4582" s="75">
        <f>IF(Input!$D$19=4,J4582*Input!$C$19,0)+IF(Input!$D$20=4,K4582*Input!$C$20,0)+IF(Input!$D$21=4,L4582*Input!$C$21,0)+IF(Input!$D$22=4,M4582*Input!$C$22,0)</f>
        <v>0</v>
      </c>
      <c r="R4582" s="58">
        <v>72.504582869955797</v>
      </c>
      <c r="S4582" s="124">
        <f t="shared" si="71"/>
        <v>1.7227250151493054</v>
      </c>
    </row>
    <row r="4583" spans="8:19" x14ac:dyDescent="0.3">
      <c r="H4583" s="44">
        <v>4576</v>
      </c>
      <c r="I4583" s="56">
        <f>Bühler!I4609</f>
        <v>0.3975519265729166</v>
      </c>
      <c r="J4583" s="59">
        <f>Bühler!J4609</f>
        <v>1.3251730885763888</v>
      </c>
      <c r="K4583" s="59">
        <f>Bühler!K4609</f>
        <v>1.987759632864583</v>
      </c>
      <c r="L4583" s="59">
        <f>Bühler!L4609</f>
        <v>9.5412462377499985</v>
      </c>
      <c r="M4583" s="58">
        <f>Bühler!M4609</f>
        <v>0</v>
      </c>
      <c r="N4583" s="56">
        <f>IF(Input!$D$19=1,J4583*Input!$C$19,0)+IF(Input!$D$20=1,K4583*Input!$C$20,0)+IF(Input!$D$21=1,L4583*Input!$C$21,0)+IF(Input!$D$22=1,M4583*Input!$C$22,0)</f>
        <v>0.39755192657291666</v>
      </c>
      <c r="O4583" s="59">
        <f>IF(Input!$D$19=2,J4583*Input!$C$19,0)+IF(Input!$D$20=2,K4583*Input!$C$20,0)+IF(Input!$D$21=2,L4583*Input!$C$21,0)+IF(Input!$D$22=2,M4583*Input!$C$22,0)</f>
        <v>0.99387981643229151</v>
      </c>
      <c r="P4583" s="59">
        <f>IF(Input!$D$19=3,J4583*Input!$C$19,0)+IF(Input!$D$20=3,K4583*Input!$C$20,0)+IF(Input!$D$21=3,L4583*Input!$C$21,0)+IF(Input!$D$22=3,M4583*Input!$C$22,0)</f>
        <v>0</v>
      </c>
      <c r="Q4583" s="75">
        <f>IF(Input!$D$19=4,J4583*Input!$C$19,0)+IF(Input!$D$20=4,K4583*Input!$C$20,0)+IF(Input!$D$21=4,L4583*Input!$C$21,0)+IF(Input!$D$22=4,M4583*Input!$C$22,0)</f>
        <v>0</v>
      </c>
      <c r="R4583" s="58">
        <v>70.315066778001338</v>
      </c>
      <c r="S4583" s="124">
        <f t="shared" si="71"/>
        <v>1.7227250151493054</v>
      </c>
    </row>
    <row r="4584" spans="8:19" x14ac:dyDescent="0.3">
      <c r="H4584" s="44">
        <v>4577</v>
      </c>
      <c r="I4584" s="56">
        <f>Bühler!I4610</f>
        <v>0.3975519265729166</v>
      </c>
      <c r="J4584" s="59">
        <f>Bühler!J4610</f>
        <v>1.3251730885763888</v>
      </c>
      <c r="K4584" s="59">
        <f>Bühler!K4610</f>
        <v>1.987759632864583</v>
      </c>
      <c r="L4584" s="59">
        <f>Bühler!L4610</f>
        <v>9.5412462377499985</v>
      </c>
      <c r="M4584" s="58">
        <f>Bühler!M4610</f>
        <v>0</v>
      </c>
      <c r="N4584" s="56">
        <f>IF(Input!$D$19=1,J4584*Input!$C$19,0)+IF(Input!$D$20=1,K4584*Input!$C$20,0)+IF(Input!$D$21=1,L4584*Input!$C$21,0)+IF(Input!$D$22=1,M4584*Input!$C$22,0)</f>
        <v>0.39755192657291666</v>
      </c>
      <c r="O4584" s="59">
        <f>IF(Input!$D$19=2,J4584*Input!$C$19,0)+IF(Input!$D$20=2,K4584*Input!$C$20,0)+IF(Input!$D$21=2,L4584*Input!$C$21,0)+IF(Input!$D$22=2,M4584*Input!$C$22,0)</f>
        <v>0.99387981643229151</v>
      </c>
      <c r="P4584" s="59">
        <f>IF(Input!$D$19=3,J4584*Input!$C$19,0)+IF(Input!$D$20=3,K4584*Input!$C$20,0)+IF(Input!$D$21=3,L4584*Input!$C$21,0)+IF(Input!$D$22=3,M4584*Input!$C$22,0)</f>
        <v>0</v>
      </c>
      <c r="Q4584" s="75">
        <f>IF(Input!$D$19=4,J4584*Input!$C$19,0)+IF(Input!$D$20=4,K4584*Input!$C$20,0)+IF(Input!$D$21=4,L4584*Input!$C$21,0)+IF(Input!$D$22=4,M4584*Input!$C$22,0)</f>
        <v>0</v>
      </c>
      <c r="R4584" s="58">
        <v>68.761985268991538</v>
      </c>
      <c r="S4584" s="124">
        <f t="shared" si="71"/>
        <v>1.7227250151493054</v>
      </c>
    </row>
    <row r="4585" spans="8:19" x14ac:dyDescent="0.3">
      <c r="H4585" s="44">
        <v>4578</v>
      </c>
      <c r="I4585" s="56">
        <f>Bühler!I4611</f>
        <v>0.3975519265729166</v>
      </c>
      <c r="J4585" s="59">
        <f>Bühler!J4611</f>
        <v>1.3251730885763888</v>
      </c>
      <c r="K4585" s="59">
        <f>Bühler!K4611</f>
        <v>1.987759632864583</v>
      </c>
      <c r="L4585" s="59">
        <f>Bühler!L4611</f>
        <v>9.5412462377499985</v>
      </c>
      <c r="M4585" s="58">
        <f>Bühler!M4611</f>
        <v>0</v>
      </c>
      <c r="N4585" s="56">
        <f>IF(Input!$D$19=1,J4585*Input!$C$19,0)+IF(Input!$D$20=1,K4585*Input!$C$20,0)+IF(Input!$D$21=1,L4585*Input!$C$21,0)+IF(Input!$D$22=1,M4585*Input!$C$22,0)</f>
        <v>0.39755192657291666</v>
      </c>
      <c r="O4585" s="59">
        <f>IF(Input!$D$19=2,J4585*Input!$C$19,0)+IF(Input!$D$20=2,K4585*Input!$C$20,0)+IF(Input!$D$21=2,L4585*Input!$C$21,0)+IF(Input!$D$22=2,M4585*Input!$C$22,0)</f>
        <v>0.99387981643229151</v>
      </c>
      <c r="P4585" s="59">
        <f>IF(Input!$D$19=3,J4585*Input!$C$19,0)+IF(Input!$D$20=3,K4585*Input!$C$20,0)+IF(Input!$D$21=3,L4585*Input!$C$21,0)+IF(Input!$D$22=3,M4585*Input!$C$22,0)</f>
        <v>0</v>
      </c>
      <c r="Q4585" s="75">
        <f>IF(Input!$D$19=4,J4585*Input!$C$19,0)+IF(Input!$D$20=4,K4585*Input!$C$20,0)+IF(Input!$D$21=4,L4585*Input!$C$21,0)+IF(Input!$D$22=4,M4585*Input!$C$22,0)</f>
        <v>0</v>
      </c>
      <c r="R4585" s="58">
        <v>68.112805382725895</v>
      </c>
      <c r="S4585" s="124">
        <f t="shared" si="71"/>
        <v>1.7227250151493054</v>
      </c>
    </row>
    <row r="4586" spans="8:19" x14ac:dyDescent="0.3">
      <c r="H4586" s="44">
        <v>4579</v>
      </c>
      <c r="I4586" s="56">
        <f>Bühler!I4612</f>
        <v>0.3975519265729166</v>
      </c>
      <c r="J4586" s="59">
        <f>Bühler!J4612</f>
        <v>1.3251730885763888</v>
      </c>
      <c r="K4586" s="59">
        <f>Bühler!K4612</f>
        <v>1.987759632864583</v>
      </c>
      <c r="L4586" s="59">
        <f>Bühler!L4612</f>
        <v>9.5412462377499985</v>
      </c>
      <c r="M4586" s="58">
        <f>Bühler!M4612</f>
        <v>0</v>
      </c>
      <c r="N4586" s="56">
        <f>IF(Input!$D$19=1,J4586*Input!$C$19,0)+IF(Input!$D$20=1,K4586*Input!$C$20,0)+IF(Input!$D$21=1,L4586*Input!$C$21,0)+IF(Input!$D$22=1,M4586*Input!$C$22,0)</f>
        <v>0.39755192657291666</v>
      </c>
      <c r="O4586" s="59">
        <f>IF(Input!$D$19=2,J4586*Input!$C$19,0)+IF(Input!$D$20=2,K4586*Input!$C$20,0)+IF(Input!$D$21=2,L4586*Input!$C$21,0)+IF(Input!$D$22=2,M4586*Input!$C$22,0)</f>
        <v>0.99387981643229151</v>
      </c>
      <c r="P4586" s="59">
        <f>IF(Input!$D$19=3,J4586*Input!$C$19,0)+IF(Input!$D$20=3,K4586*Input!$C$20,0)+IF(Input!$D$21=3,L4586*Input!$C$21,0)+IF(Input!$D$22=3,M4586*Input!$C$22,0)</f>
        <v>0</v>
      </c>
      <c r="Q4586" s="75">
        <f>IF(Input!$D$19=4,J4586*Input!$C$19,0)+IF(Input!$D$20=4,K4586*Input!$C$20,0)+IF(Input!$D$21=4,L4586*Input!$C$21,0)+IF(Input!$D$22=4,M4586*Input!$C$22,0)</f>
        <v>0</v>
      </c>
      <c r="R4586" s="58">
        <v>67.856641879349866</v>
      </c>
      <c r="S4586" s="124">
        <f t="shared" si="71"/>
        <v>1.7227250151493054</v>
      </c>
    </row>
    <row r="4587" spans="8:19" x14ac:dyDescent="0.3">
      <c r="H4587" s="44">
        <v>4580</v>
      </c>
      <c r="I4587" s="56">
        <f>Bühler!I4613</f>
        <v>0.33294973850481768</v>
      </c>
      <c r="J4587" s="59">
        <f>Bühler!J4613</f>
        <v>1.1098324616827255</v>
      </c>
      <c r="K4587" s="59">
        <f>Bühler!K4613</f>
        <v>1.6647486925240884</v>
      </c>
      <c r="L4587" s="59">
        <f>Bühler!L4613</f>
        <v>7.9907937241156235</v>
      </c>
      <c r="M4587" s="58">
        <f>Bühler!M4613</f>
        <v>0</v>
      </c>
      <c r="N4587" s="56">
        <f>IF(Input!$D$19=1,J4587*Input!$C$19,0)+IF(Input!$D$20=1,K4587*Input!$C$20,0)+IF(Input!$D$21=1,L4587*Input!$C$21,0)+IF(Input!$D$22=1,M4587*Input!$C$22,0)</f>
        <v>0.33294973850481763</v>
      </c>
      <c r="O4587" s="59">
        <f>IF(Input!$D$19=2,J4587*Input!$C$19,0)+IF(Input!$D$20=2,K4587*Input!$C$20,0)+IF(Input!$D$21=2,L4587*Input!$C$21,0)+IF(Input!$D$22=2,M4587*Input!$C$22,0)</f>
        <v>0.83237434626204421</v>
      </c>
      <c r="P4587" s="59">
        <f>IF(Input!$D$19=3,J4587*Input!$C$19,0)+IF(Input!$D$20=3,K4587*Input!$C$20,0)+IF(Input!$D$21=3,L4587*Input!$C$21,0)+IF(Input!$D$22=3,M4587*Input!$C$22,0)</f>
        <v>0</v>
      </c>
      <c r="Q4587" s="75">
        <f>IF(Input!$D$19=4,J4587*Input!$C$19,0)+IF(Input!$D$20=4,K4587*Input!$C$20,0)+IF(Input!$D$21=4,L4587*Input!$C$21,0)+IF(Input!$D$22=4,M4587*Input!$C$22,0)</f>
        <v>0</v>
      </c>
      <c r="R4587" s="58">
        <v>66.684837909431266</v>
      </c>
      <c r="S4587" s="124">
        <f t="shared" si="71"/>
        <v>1.4427822001875432</v>
      </c>
    </row>
    <row r="4588" spans="8:19" x14ac:dyDescent="0.3">
      <c r="H4588" s="44">
        <v>4581</v>
      </c>
      <c r="I4588" s="56">
        <f>Bühler!I4614</f>
        <v>0.27331694951888014</v>
      </c>
      <c r="J4588" s="59">
        <f>Bühler!J4614</f>
        <v>0.91105649839626723</v>
      </c>
      <c r="K4588" s="59">
        <f>Bühler!K4614</f>
        <v>1.3665847475944006</v>
      </c>
      <c r="L4588" s="59">
        <f>Bühler!L4614</f>
        <v>6.5596067884531228</v>
      </c>
      <c r="M4588" s="58">
        <f>Bühler!M4614</f>
        <v>0</v>
      </c>
      <c r="N4588" s="56">
        <f>IF(Input!$D$19=1,J4588*Input!$C$19,0)+IF(Input!$D$20=1,K4588*Input!$C$20,0)+IF(Input!$D$21=1,L4588*Input!$C$21,0)+IF(Input!$D$22=1,M4588*Input!$C$22,0)</f>
        <v>0.27331694951888014</v>
      </c>
      <c r="O4588" s="59">
        <f>IF(Input!$D$19=2,J4588*Input!$C$19,0)+IF(Input!$D$20=2,K4588*Input!$C$20,0)+IF(Input!$D$21=2,L4588*Input!$C$21,0)+IF(Input!$D$22=2,M4588*Input!$C$22,0)</f>
        <v>0.68329237379720031</v>
      </c>
      <c r="P4588" s="59">
        <f>IF(Input!$D$19=3,J4588*Input!$C$19,0)+IF(Input!$D$20=3,K4588*Input!$C$20,0)+IF(Input!$D$21=3,L4588*Input!$C$21,0)+IF(Input!$D$22=3,M4588*Input!$C$22,0)</f>
        <v>0</v>
      </c>
      <c r="Q4588" s="75">
        <f>IF(Input!$D$19=4,J4588*Input!$C$19,0)+IF(Input!$D$20=4,K4588*Input!$C$20,0)+IF(Input!$D$21=4,L4588*Input!$C$21,0)+IF(Input!$D$22=4,M4588*Input!$C$22,0)</f>
        <v>0</v>
      </c>
      <c r="R4588" s="58">
        <v>64.408066617547533</v>
      </c>
      <c r="S4588" s="124">
        <f t="shared" si="71"/>
        <v>1.1843734479151473</v>
      </c>
    </row>
    <row r="4589" spans="8:19" x14ac:dyDescent="0.3">
      <c r="H4589" s="44">
        <v>4582</v>
      </c>
      <c r="I4589" s="56">
        <f>Bühler!I4615</f>
        <v>0.1987759632864583</v>
      </c>
      <c r="J4589" s="59">
        <f>Bühler!J4615</f>
        <v>0.66258654428819441</v>
      </c>
      <c r="K4589" s="59">
        <f>Bühler!K4615</f>
        <v>0.99387981643229151</v>
      </c>
      <c r="L4589" s="59">
        <f>Bühler!L4615</f>
        <v>4.7706231188749992</v>
      </c>
      <c r="M4589" s="58">
        <f>Bühler!M4615</f>
        <v>0</v>
      </c>
      <c r="N4589" s="56">
        <f>IF(Input!$D$19=1,J4589*Input!$C$19,0)+IF(Input!$D$20=1,K4589*Input!$C$20,0)+IF(Input!$D$21=1,L4589*Input!$C$21,0)+IF(Input!$D$22=1,M4589*Input!$C$22,0)</f>
        <v>0.19877596328645833</v>
      </c>
      <c r="O4589" s="59">
        <f>IF(Input!$D$19=2,J4589*Input!$C$19,0)+IF(Input!$D$20=2,K4589*Input!$C$20,0)+IF(Input!$D$21=2,L4589*Input!$C$21,0)+IF(Input!$D$22=2,M4589*Input!$C$22,0)</f>
        <v>0.49693990821614575</v>
      </c>
      <c r="P4589" s="59">
        <f>IF(Input!$D$19=3,J4589*Input!$C$19,0)+IF(Input!$D$20=3,K4589*Input!$C$20,0)+IF(Input!$D$21=3,L4589*Input!$C$21,0)+IF(Input!$D$22=3,M4589*Input!$C$22,0)</f>
        <v>0</v>
      </c>
      <c r="Q4589" s="75">
        <f>IF(Input!$D$19=4,J4589*Input!$C$19,0)+IF(Input!$D$20=4,K4589*Input!$C$20,0)+IF(Input!$D$21=4,L4589*Input!$C$21,0)+IF(Input!$D$22=4,M4589*Input!$C$22,0)</f>
        <v>0</v>
      </c>
      <c r="R4589" s="58">
        <v>62.359595293130788</v>
      </c>
      <c r="S4589" s="124">
        <f t="shared" si="71"/>
        <v>0.86136250757465271</v>
      </c>
    </row>
    <row r="4590" spans="8:19" x14ac:dyDescent="0.3">
      <c r="H4590" s="44">
        <v>4583</v>
      </c>
      <c r="I4590" s="56">
        <f>Bühler!I4616</f>
        <v>0.1987759632864583</v>
      </c>
      <c r="J4590" s="59">
        <f>Bühler!J4616</f>
        <v>0.66258654428819441</v>
      </c>
      <c r="K4590" s="59">
        <f>Bühler!K4616</f>
        <v>0.99387981643229151</v>
      </c>
      <c r="L4590" s="59">
        <f>Bühler!L4616</f>
        <v>4.7706231188749992</v>
      </c>
      <c r="M4590" s="58">
        <f>Bühler!M4616</f>
        <v>0</v>
      </c>
      <c r="N4590" s="56">
        <f>IF(Input!$D$19=1,J4590*Input!$C$19,0)+IF(Input!$D$20=1,K4590*Input!$C$20,0)+IF(Input!$D$21=1,L4590*Input!$C$21,0)+IF(Input!$D$22=1,M4590*Input!$C$22,0)</f>
        <v>0.19877596328645833</v>
      </c>
      <c r="O4590" s="59">
        <f>IF(Input!$D$19=2,J4590*Input!$C$19,0)+IF(Input!$D$20=2,K4590*Input!$C$20,0)+IF(Input!$D$21=2,L4590*Input!$C$21,0)+IF(Input!$D$22=2,M4590*Input!$C$22,0)</f>
        <v>0.49693990821614575</v>
      </c>
      <c r="P4590" s="59">
        <f>IF(Input!$D$19=3,J4590*Input!$C$19,0)+IF(Input!$D$20=3,K4590*Input!$C$20,0)+IF(Input!$D$21=3,L4590*Input!$C$21,0)+IF(Input!$D$22=3,M4590*Input!$C$22,0)</f>
        <v>0</v>
      </c>
      <c r="Q4590" s="75">
        <f>IF(Input!$D$19=4,J4590*Input!$C$19,0)+IF(Input!$D$20=4,K4590*Input!$C$20,0)+IF(Input!$D$21=4,L4590*Input!$C$21,0)+IF(Input!$D$22=4,M4590*Input!$C$22,0)</f>
        <v>0</v>
      </c>
      <c r="R4590" s="58">
        <v>61.45571418636009</v>
      </c>
      <c r="S4590" s="124">
        <f t="shared" si="71"/>
        <v>0.86136250757465271</v>
      </c>
    </row>
    <row r="4591" spans="8:19" x14ac:dyDescent="0.3">
      <c r="H4591" s="44">
        <v>4584</v>
      </c>
      <c r="I4591" s="56">
        <f>Bühler!I4617</f>
        <v>0.1987759632864583</v>
      </c>
      <c r="J4591" s="59">
        <f>Bühler!J4617</f>
        <v>0.66258654428819441</v>
      </c>
      <c r="K4591" s="59">
        <f>Bühler!K4617</f>
        <v>0.99387981643229151</v>
      </c>
      <c r="L4591" s="59">
        <f>Bühler!L4617</f>
        <v>4.7706231188749992</v>
      </c>
      <c r="M4591" s="58">
        <f>Bühler!M4617</f>
        <v>0</v>
      </c>
      <c r="N4591" s="56">
        <f>IF(Input!$D$19=1,J4591*Input!$C$19,0)+IF(Input!$D$20=1,K4591*Input!$C$20,0)+IF(Input!$D$21=1,L4591*Input!$C$21,0)+IF(Input!$D$22=1,M4591*Input!$C$22,0)</f>
        <v>0.19877596328645833</v>
      </c>
      <c r="O4591" s="59">
        <f>IF(Input!$D$19=2,J4591*Input!$C$19,0)+IF(Input!$D$20=2,K4591*Input!$C$20,0)+IF(Input!$D$21=2,L4591*Input!$C$21,0)+IF(Input!$D$22=2,M4591*Input!$C$22,0)</f>
        <v>0.49693990821614575</v>
      </c>
      <c r="P4591" s="59">
        <f>IF(Input!$D$19=3,J4591*Input!$C$19,0)+IF(Input!$D$20=3,K4591*Input!$C$20,0)+IF(Input!$D$21=3,L4591*Input!$C$21,0)+IF(Input!$D$22=3,M4591*Input!$C$22,0)</f>
        <v>0</v>
      </c>
      <c r="Q4591" s="75">
        <f>IF(Input!$D$19=4,J4591*Input!$C$19,0)+IF(Input!$D$20=4,K4591*Input!$C$20,0)+IF(Input!$D$21=4,L4591*Input!$C$21,0)+IF(Input!$D$22=4,M4591*Input!$C$22,0)</f>
        <v>0</v>
      </c>
      <c r="R4591" s="58">
        <v>60.860486524459716</v>
      </c>
      <c r="S4591" s="124">
        <f t="shared" si="71"/>
        <v>0.86136250757465271</v>
      </c>
    </row>
    <row r="4592" spans="8:19" x14ac:dyDescent="0.3">
      <c r="H4592" s="44">
        <v>4585</v>
      </c>
      <c r="I4592" s="56">
        <f>Bühler!I4618</f>
        <v>0.17837821679486299</v>
      </c>
      <c r="J4592" s="59">
        <f>Bühler!J4618</f>
        <v>0.59459405598287673</v>
      </c>
      <c r="K4592" s="59">
        <f>Bühler!K4618</f>
        <v>0.89189108397431494</v>
      </c>
      <c r="L4592" s="59">
        <f>Bühler!L4618</f>
        <v>4.2810772030767117</v>
      </c>
      <c r="M4592" s="58">
        <f>Bühler!M4618</f>
        <v>0</v>
      </c>
      <c r="N4592" s="56">
        <f>IF(Input!$D$19=1,J4592*Input!$C$19,0)+IF(Input!$D$20=1,K4592*Input!$C$20,0)+IF(Input!$D$21=1,L4592*Input!$C$21,0)+IF(Input!$D$22=1,M4592*Input!$C$22,0)</f>
        <v>0.17837821679486301</v>
      </c>
      <c r="O4592" s="59">
        <f>IF(Input!$D$19=2,J4592*Input!$C$19,0)+IF(Input!$D$20=2,K4592*Input!$C$20,0)+IF(Input!$D$21=2,L4592*Input!$C$21,0)+IF(Input!$D$22=2,M4592*Input!$C$22,0)</f>
        <v>0.44594554198715747</v>
      </c>
      <c r="P4592" s="59">
        <f>IF(Input!$D$19=3,J4592*Input!$C$19,0)+IF(Input!$D$20=3,K4592*Input!$C$20,0)+IF(Input!$D$21=3,L4592*Input!$C$21,0)+IF(Input!$D$22=3,M4592*Input!$C$22,0)</f>
        <v>0</v>
      </c>
      <c r="Q4592" s="75">
        <f>IF(Input!$D$19=4,J4592*Input!$C$19,0)+IF(Input!$D$20=4,K4592*Input!$C$20,0)+IF(Input!$D$21=4,L4592*Input!$C$21,0)+IF(Input!$D$22=4,M4592*Input!$C$22,0)</f>
        <v>0</v>
      </c>
      <c r="R4592" s="58">
        <v>59.919194559755041</v>
      </c>
      <c r="S4592" s="124">
        <f t="shared" si="71"/>
        <v>0.77297227277773972</v>
      </c>
    </row>
    <row r="4593" spans="8:19" x14ac:dyDescent="0.3">
      <c r="H4593" s="44">
        <v>4586</v>
      </c>
      <c r="I4593" s="56">
        <f>Bühler!I4619</f>
        <v>0.20067549389422085</v>
      </c>
      <c r="J4593" s="59">
        <f>Bühler!J4619</f>
        <v>0.66891831298073623</v>
      </c>
      <c r="K4593" s="59">
        <f>Bühler!K4619</f>
        <v>1.0033774694711042</v>
      </c>
      <c r="L4593" s="59">
        <f>Bühler!L4619</f>
        <v>4.8162118534613008</v>
      </c>
      <c r="M4593" s="58">
        <f>Bühler!M4619</f>
        <v>0</v>
      </c>
      <c r="N4593" s="56">
        <f>IF(Input!$D$19=1,J4593*Input!$C$19,0)+IF(Input!$D$20=1,K4593*Input!$C$20,0)+IF(Input!$D$21=1,L4593*Input!$C$21,0)+IF(Input!$D$22=1,M4593*Input!$C$22,0)</f>
        <v>0.20067549389422087</v>
      </c>
      <c r="O4593" s="59">
        <f>IF(Input!$D$19=2,J4593*Input!$C$19,0)+IF(Input!$D$20=2,K4593*Input!$C$20,0)+IF(Input!$D$21=2,L4593*Input!$C$21,0)+IF(Input!$D$22=2,M4593*Input!$C$22,0)</f>
        <v>0.50168873473555209</v>
      </c>
      <c r="P4593" s="59">
        <f>IF(Input!$D$19=3,J4593*Input!$C$19,0)+IF(Input!$D$20=3,K4593*Input!$C$20,0)+IF(Input!$D$21=3,L4593*Input!$C$21,0)+IF(Input!$D$22=3,M4593*Input!$C$22,0)</f>
        <v>0</v>
      </c>
      <c r="Q4593" s="75">
        <f>IF(Input!$D$19=4,J4593*Input!$C$19,0)+IF(Input!$D$20=4,K4593*Input!$C$20,0)+IF(Input!$D$21=4,L4593*Input!$C$21,0)+IF(Input!$D$22=4,M4593*Input!$C$22,0)</f>
        <v>0</v>
      </c>
      <c r="R4593" s="58">
        <v>59.302479377362772</v>
      </c>
      <c r="S4593" s="124">
        <f t="shared" si="71"/>
        <v>0.86959380687495713</v>
      </c>
    </row>
    <row r="4594" spans="8:19" x14ac:dyDescent="0.3">
      <c r="H4594" s="44">
        <v>4587</v>
      </c>
      <c r="I4594" s="56">
        <f>Bühler!I4620</f>
        <v>0.20067549389422085</v>
      </c>
      <c r="J4594" s="59">
        <f>Bühler!J4620</f>
        <v>0.66891831298073623</v>
      </c>
      <c r="K4594" s="59">
        <f>Bühler!K4620</f>
        <v>1.0033774694711042</v>
      </c>
      <c r="L4594" s="59">
        <f>Bühler!L4620</f>
        <v>4.8162118534613008</v>
      </c>
      <c r="M4594" s="58">
        <f>Bühler!M4620</f>
        <v>0</v>
      </c>
      <c r="N4594" s="56">
        <f>IF(Input!$D$19=1,J4594*Input!$C$19,0)+IF(Input!$D$20=1,K4594*Input!$C$20,0)+IF(Input!$D$21=1,L4594*Input!$C$21,0)+IF(Input!$D$22=1,M4594*Input!$C$22,0)</f>
        <v>0.20067549389422087</v>
      </c>
      <c r="O4594" s="59">
        <f>IF(Input!$D$19=2,J4594*Input!$C$19,0)+IF(Input!$D$20=2,K4594*Input!$C$20,0)+IF(Input!$D$21=2,L4594*Input!$C$21,0)+IF(Input!$D$22=2,M4594*Input!$C$22,0)</f>
        <v>0.50168873473555209</v>
      </c>
      <c r="P4594" s="59">
        <f>IF(Input!$D$19=3,J4594*Input!$C$19,0)+IF(Input!$D$20=3,K4594*Input!$C$20,0)+IF(Input!$D$21=3,L4594*Input!$C$21,0)+IF(Input!$D$22=3,M4594*Input!$C$22,0)</f>
        <v>0</v>
      </c>
      <c r="Q4594" s="75">
        <f>IF(Input!$D$19=4,J4594*Input!$C$19,0)+IF(Input!$D$20=4,K4594*Input!$C$20,0)+IF(Input!$D$21=4,L4594*Input!$C$21,0)+IF(Input!$D$22=4,M4594*Input!$C$22,0)</f>
        <v>0</v>
      </c>
      <c r="R4594" s="58">
        <v>59.04512488838585</v>
      </c>
      <c r="S4594" s="124">
        <f t="shared" si="71"/>
        <v>0.86959380687495713</v>
      </c>
    </row>
    <row r="4595" spans="8:19" x14ac:dyDescent="0.3">
      <c r="H4595" s="44">
        <v>4588</v>
      </c>
      <c r="I4595" s="56">
        <f>Bühler!I4621</f>
        <v>0.20067549389422085</v>
      </c>
      <c r="J4595" s="59">
        <f>Bühler!J4621</f>
        <v>0.66891831298073623</v>
      </c>
      <c r="K4595" s="59">
        <f>Bühler!K4621</f>
        <v>1.0033774694711042</v>
      </c>
      <c r="L4595" s="59">
        <f>Bühler!L4621</f>
        <v>4.8162118534613008</v>
      </c>
      <c r="M4595" s="58">
        <f>Bühler!M4621</f>
        <v>0</v>
      </c>
      <c r="N4595" s="56">
        <f>IF(Input!$D$19=1,J4595*Input!$C$19,0)+IF(Input!$D$20=1,K4595*Input!$C$20,0)+IF(Input!$D$21=1,L4595*Input!$C$21,0)+IF(Input!$D$22=1,M4595*Input!$C$22,0)</f>
        <v>0.20067549389422087</v>
      </c>
      <c r="O4595" s="59">
        <f>IF(Input!$D$19=2,J4595*Input!$C$19,0)+IF(Input!$D$20=2,K4595*Input!$C$20,0)+IF(Input!$D$21=2,L4595*Input!$C$21,0)+IF(Input!$D$22=2,M4595*Input!$C$22,0)</f>
        <v>0.50168873473555209</v>
      </c>
      <c r="P4595" s="59">
        <f>IF(Input!$D$19=3,J4595*Input!$C$19,0)+IF(Input!$D$20=3,K4595*Input!$C$20,0)+IF(Input!$D$21=3,L4595*Input!$C$21,0)+IF(Input!$D$22=3,M4595*Input!$C$22,0)</f>
        <v>0</v>
      </c>
      <c r="Q4595" s="75">
        <f>IF(Input!$D$19=4,J4595*Input!$C$19,0)+IF(Input!$D$20=4,K4595*Input!$C$20,0)+IF(Input!$D$21=4,L4595*Input!$C$21,0)+IF(Input!$D$22=4,M4595*Input!$C$22,0)</f>
        <v>0</v>
      </c>
      <c r="R4595" s="58">
        <v>59.658827341268932</v>
      </c>
      <c r="S4595" s="124">
        <f t="shared" si="71"/>
        <v>0.86959380687495713</v>
      </c>
    </row>
    <row r="4596" spans="8:19" x14ac:dyDescent="0.3">
      <c r="H4596" s="44">
        <v>4589</v>
      </c>
      <c r="I4596" s="56">
        <f>Bühler!I4622</f>
        <v>0.20067549389422085</v>
      </c>
      <c r="J4596" s="59">
        <f>Bühler!J4622</f>
        <v>0.66891831298073623</v>
      </c>
      <c r="K4596" s="59">
        <f>Bühler!K4622</f>
        <v>1.0033774694711042</v>
      </c>
      <c r="L4596" s="59">
        <f>Bühler!L4622</f>
        <v>4.8162118534613008</v>
      </c>
      <c r="M4596" s="58">
        <f>Bühler!M4622</f>
        <v>0</v>
      </c>
      <c r="N4596" s="56">
        <f>IF(Input!$D$19=1,J4596*Input!$C$19,0)+IF(Input!$D$20=1,K4596*Input!$C$20,0)+IF(Input!$D$21=1,L4596*Input!$C$21,0)+IF(Input!$D$22=1,M4596*Input!$C$22,0)</f>
        <v>0.20067549389422087</v>
      </c>
      <c r="O4596" s="59">
        <f>IF(Input!$D$19=2,J4596*Input!$C$19,0)+IF(Input!$D$20=2,K4596*Input!$C$20,0)+IF(Input!$D$21=2,L4596*Input!$C$21,0)+IF(Input!$D$22=2,M4596*Input!$C$22,0)</f>
        <v>0.50168873473555209</v>
      </c>
      <c r="P4596" s="59">
        <f>IF(Input!$D$19=3,J4596*Input!$C$19,0)+IF(Input!$D$20=3,K4596*Input!$C$20,0)+IF(Input!$D$21=3,L4596*Input!$C$21,0)+IF(Input!$D$22=3,M4596*Input!$C$22,0)</f>
        <v>0</v>
      </c>
      <c r="Q4596" s="75">
        <f>IF(Input!$D$19=4,J4596*Input!$C$19,0)+IF(Input!$D$20=4,K4596*Input!$C$20,0)+IF(Input!$D$21=4,L4596*Input!$C$21,0)+IF(Input!$D$22=4,M4596*Input!$C$22,0)</f>
        <v>0</v>
      </c>
      <c r="R4596" s="58">
        <v>60.908498746877569</v>
      </c>
      <c r="S4596" s="124">
        <f t="shared" si="71"/>
        <v>0.86959380687495713</v>
      </c>
    </row>
    <row r="4597" spans="8:19" x14ac:dyDescent="0.3">
      <c r="H4597" s="44">
        <v>4590</v>
      </c>
      <c r="I4597" s="56">
        <f>Bühler!I4623</f>
        <v>0.25864841435255131</v>
      </c>
      <c r="J4597" s="59">
        <f>Bühler!J4623</f>
        <v>0.86216138117517116</v>
      </c>
      <c r="K4597" s="59">
        <f>Bühler!K4623</f>
        <v>1.2932420717627566</v>
      </c>
      <c r="L4597" s="59">
        <f>Bühler!L4623</f>
        <v>6.207561944461232</v>
      </c>
      <c r="M4597" s="58">
        <f>Bühler!M4623</f>
        <v>0</v>
      </c>
      <c r="N4597" s="56">
        <f>IF(Input!$D$19=1,J4597*Input!$C$19,0)+IF(Input!$D$20=1,K4597*Input!$C$20,0)+IF(Input!$D$21=1,L4597*Input!$C$21,0)+IF(Input!$D$22=1,M4597*Input!$C$22,0)</f>
        <v>0.25864841435255131</v>
      </c>
      <c r="O4597" s="59">
        <f>IF(Input!$D$19=2,J4597*Input!$C$19,0)+IF(Input!$D$20=2,K4597*Input!$C$20,0)+IF(Input!$D$21=2,L4597*Input!$C$21,0)+IF(Input!$D$22=2,M4597*Input!$C$22,0)</f>
        <v>0.64662103588137831</v>
      </c>
      <c r="P4597" s="59">
        <f>IF(Input!$D$19=3,J4597*Input!$C$19,0)+IF(Input!$D$20=3,K4597*Input!$C$20,0)+IF(Input!$D$21=3,L4597*Input!$C$21,0)+IF(Input!$D$22=3,M4597*Input!$C$22,0)</f>
        <v>0</v>
      </c>
      <c r="Q4597" s="75">
        <f>IF(Input!$D$19=4,J4597*Input!$C$19,0)+IF(Input!$D$20=4,K4597*Input!$C$20,0)+IF(Input!$D$21=4,L4597*Input!$C$21,0)+IF(Input!$D$22=4,M4597*Input!$C$22,0)</f>
        <v>0</v>
      </c>
      <c r="R4597" s="58">
        <v>63.434525111711849</v>
      </c>
      <c r="S4597" s="124">
        <f t="shared" si="71"/>
        <v>1.1208097955277225</v>
      </c>
    </row>
    <row r="4598" spans="8:19" x14ac:dyDescent="0.3">
      <c r="H4598" s="44">
        <v>4591</v>
      </c>
      <c r="I4598" s="56">
        <f>Bühler!I4624</f>
        <v>0.29878351313139556</v>
      </c>
      <c r="J4598" s="59">
        <f>Bühler!J4624</f>
        <v>0.99594504377131854</v>
      </c>
      <c r="K4598" s="59">
        <f>Bühler!K4624</f>
        <v>1.4939175656569776</v>
      </c>
      <c r="L4598" s="59">
        <f>Bühler!L4624</f>
        <v>7.170804315153493</v>
      </c>
      <c r="M4598" s="58">
        <f>Bühler!M4624</f>
        <v>0</v>
      </c>
      <c r="N4598" s="56">
        <f>IF(Input!$D$19=1,J4598*Input!$C$19,0)+IF(Input!$D$20=1,K4598*Input!$C$20,0)+IF(Input!$D$21=1,L4598*Input!$C$21,0)+IF(Input!$D$22=1,M4598*Input!$C$22,0)</f>
        <v>0.29878351313139556</v>
      </c>
      <c r="O4598" s="59">
        <f>IF(Input!$D$19=2,J4598*Input!$C$19,0)+IF(Input!$D$20=2,K4598*Input!$C$20,0)+IF(Input!$D$21=2,L4598*Input!$C$21,0)+IF(Input!$D$22=2,M4598*Input!$C$22,0)</f>
        <v>0.74695878282848882</v>
      </c>
      <c r="P4598" s="59">
        <f>IF(Input!$D$19=3,J4598*Input!$C$19,0)+IF(Input!$D$20=3,K4598*Input!$C$20,0)+IF(Input!$D$21=3,L4598*Input!$C$21,0)+IF(Input!$D$22=3,M4598*Input!$C$22,0)</f>
        <v>0</v>
      </c>
      <c r="Q4598" s="75">
        <f>IF(Input!$D$19=4,J4598*Input!$C$19,0)+IF(Input!$D$20=4,K4598*Input!$C$20,0)+IF(Input!$D$21=4,L4598*Input!$C$21,0)+IF(Input!$D$22=4,M4598*Input!$C$22,0)</f>
        <v>0</v>
      </c>
      <c r="R4598" s="58">
        <v>66.175760762321104</v>
      </c>
      <c r="S4598" s="124">
        <f t="shared" si="71"/>
        <v>1.294728556902714</v>
      </c>
    </row>
    <row r="4599" spans="8:19" x14ac:dyDescent="0.3">
      <c r="H4599" s="44">
        <v>4592</v>
      </c>
      <c r="I4599" s="56">
        <f>Bühler!I4625</f>
        <v>0.29878351313139556</v>
      </c>
      <c r="J4599" s="59">
        <f>Bühler!J4625</f>
        <v>0.99594504377131854</v>
      </c>
      <c r="K4599" s="59">
        <f>Bühler!K4625</f>
        <v>1.4939175656569776</v>
      </c>
      <c r="L4599" s="59">
        <f>Bühler!L4625</f>
        <v>7.170804315153493</v>
      </c>
      <c r="M4599" s="58">
        <f>Bühler!M4625</f>
        <v>0</v>
      </c>
      <c r="N4599" s="56">
        <f>IF(Input!$D$19=1,J4599*Input!$C$19,0)+IF(Input!$D$20=1,K4599*Input!$C$20,0)+IF(Input!$D$21=1,L4599*Input!$C$21,0)+IF(Input!$D$22=1,M4599*Input!$C$22,0)</f>
        <v>0.29878351313139556</v>
      </c>
      <c r="O4599" s="59">
        <f>IF(Input!$D$19=2,J4599*Input!$C$19,0)+IF(Input!$D$20=2,K4599*Input!$C$20,0)+IF(Input!$D$21=2,L4599*Input!$C$21,0)+IF(Input!$D$22=2,M4599*Input!$C$22,0)</f>
        <v>0.74695878282848882</v>
      </c>
      <c r="P4599" s="59">
        <f>IF(Input!$D$19=3,J4599*Input!$C$19,0)+IF(Input!$D$20=3,K4599*Input!$C$20,0)+IF(Input!$D$21=3,L4599*Input!$C$21,0)+IF(Input!$D$22=3,M4599*Input!$C$22,0)</f>
        <v>0</v>
      </c>
      <c r="Q4599" s="75">
        <f>IF(Input!$D$19=4,J4599*Input!$C$19,0)+IF(Input!$D$20=4,K4599*Input!$C$20,0)+IF(Input!$D$21=4,L4599*Input!$C$21,0)+IF(Input!$D$22=4,M4599*Input!$C$22,0)</f>
        <v>0</v>
      </c>
      <c r="R4599" s="58">
        <v>68.042943982039773</v>
      </c>
      <c r="S4599" s="124">
        <f t="shared" si="71"/>
        <v>1.294728556902714</v>
      </c>
    </row>
    <row r="4600" spans="8:19" x14ac:dyDescent="0.3">
      <c r="H4600" s="44">
        <v>4593</v>
      </c>
      <c r="I4600" s="56">
        <f>Bühler!I4626</f>
        <v>0.29878351313139556</v>
      </c>
      <c r="J4600" s="59">
        <f>Bühler!J4626</f>
        <v>0.99594504377131854</v>
      </c>
      <c r="K4600" s="59">
        <f>Bühler!K4626</f>
        <v>1.4939175656569776</v>
      </c>
      <c r="L4600" s="59">
        <f>Bühler!L4626</f>
        <v>7.170804315153493</v>
      </c>
      <c r="M4600" s="58">
        <f>Bühler!M4626</f>
        <v>0</v>
      </c>
      <c r="N4600" s="56">
        <f>IF(Input!$D$19=1,J4600*Input!$C$19,0)+IF(Input!$D$20=1,K4600*Input!$C$20,0)+IF(Input!$D$21=1,L4600*Input!$C$21,0)+IF(Input!$D$22=1,M4600*Input!$C$22,0)</f>
        <v>0.29878351313139556</v>
      </c>
      <c r="O4600" s="59">
        <f>IF(Input!$D$19=2,J4600*Input!$C$19,0)+IF(Input!$D$20=2,K4600*Input!$C$20,0)+IF(Input!$D$21=2,L4600*Input!$C$21,0)+IF(Input!$D$22=2,M4600*Input!$C$22,0)</f>
        <v>0.74695878282848882</v>
      </c>
      <c r="P4600" s="59">
        <f>IF(Input!$D$19=3,J4600*Input!$C$19,0)+IF(Input!$D$20=3,K4600*Input!$C$20,0)+IF(Input!$D$21=3,L4600*Input!$C$21,0)+IF(Input!$D$22=3,M4600*Input!$C$22,0)</f>
        <v>0</v>
      </c>
      <c r="Q4600" s="75">
        <f>IF(Input!$D$19=4,J4600*Input!$C$19,0)+IF(Input!$D$20=4,K4600*Input!$C$20,0)+IF(Input!$D$21=4,L4600*Input!$C$21,0)+IF(Input!$D$22=4,M4600*Input!$C$22,0)</f>
        <v>0</v>
      </c>
      <c r="R4600" s="58">
        <v>69.054460888126073</v>
      </c>
      <c r="S4600" s="124">
        <f t="shared" si="71"/>
        <v>1.294728556902714</v>
      </c>
    </row>
    <row r="4601" spans="8:19" x14ac:dyDescent="0.3">
      <c r="H4601" s="44">
        <v>4594</v>
      </c>
      <c r="I4601" s="56">
        <f>Bühler!I4627</f>
        <v>0.32108079023075342</v>
      </c>
      <c r="J4601" s="59">
        <f>Bühler!J4627</f>
        <v>1.0702693007691781</v>
      </c>
      <c r="K4601" s="59">
        <f>Bühler!K4627</f>
        <v>1.6054039511537672</v>
      </c>
      <c r="L4601" s="59">
        <f>Bühler!L4627</f>
        <v>7.7059389655380821</v>
      </c>
      <c r="M4601" s="58">
        <f>Bühler!M4627</f>
        <v>0</v>
      </c>
      <c r="N4601" s="56">
        <f>IF(Input!$D$19=1,J4601*Input!$C$19,0)+IF(Input!$D$20=1,K4601*Input!$C$20,0)+IF(Input!$D$21=1,L4601*Input!$C$21,0)+IF(Input!$D$22=1,M4601*Input!$C$22,0)</f>
        <v>0.32108079023075342</v>
      </c>
      <c r="O4601" s="59">
        <f>IF(Input!$D$19=2,J4601*Input!$C$19,0)+IF(Input!$D$20=2,K4601*Input!$C$20,0)+IF(Input!$D$21=2,L4601*Input!$C$21,0)+IF(Input!$D$22=2,M4601*Input!$C$22,0)</f>
        <v>0.80270197557688361</v>
      </c>
      <c r="P4601" s="59">
        <f>IF(Input!$D$19=3,J4601*Input!$C$19,0)+IF(Input!$D$20=3,K4601*Input!$C$20,0)+IF(Input!$D$21=3,L4601*Input!$C$21,0)+IF(Input!$D$22=3,M4601*Input!$C$22,0)</f>
        <v>0</v>
      </c>
      <c r="Q4601" s="75">
        <f>IF(Input!$D$19=4,J4601*Input!$C$19,0)+IF(Input!$D$20=4,K4601*Input!$C$20,0)+IF(Input!$D$21=4,L4601*Input!$C$21,0)+IF(Input!$D$22=4,M4601*Input!$C$22,0)</f>
        <v>0</v>
      </c>
      <c r="R4601" s="58">
        <v>69.27524439918642</v>
      </c>
      <c r="S4601" s="124">
        <f t="shared" si="71"/>
        <v>1.3913500909999317</v>
      </c>
    </row>
    <row r="4602" spans="8:19" x14ac:dyDescent="0.3">
      <c r="H4602" s="44">
        <v>4595</v>
      </c>
      <c r="I4602" s="56">
        <f>Bühler!I4628</f>
        <v>0.34783752274998286</v>
      </c>
      <c r="J4602" s="59">
        <f>Bühler!J4628</f>
        <v>1.1594584091666096</v>
      </c>
      <c r="K4602" s="59">
        <f>Bühler!K4628</f>
        <v>1.7391876137499145</v>
      </c>
      <c r="L4602" s="59">
        <f>Bühler!L4628</f>
        <v>8.3481005459995892</v>
      </c>
      <c r="M4602" s="58">
        <f>Bühler!M4628</f>
        <v>0</v>
      </c>
      <c r="N4602" s="56">
        <f>IF(Input!$D$19=1,J4602*Input!$C$19,0)+IF(Input!$D$20=1,K4602*Input!$C$20,0)+IF(Input!$D$21=1,L4602*Input!$C$21,0)+IF(Input!$D$22=1,M4602*Input!$C$22,0)</f>
        <v>0.34783752274998286</v>
      </c>
      <c r="O4602" s="59">
        <f>IF(Input!$D$19=2,J4602*Input!$C$19,0)+IF(Input!$D$20=2,K4602*Input!$C$20,0)+IF(Input!$D$21=2,L4602*Input!$C$21,0)+IF(Input!$D$22=2,M4602*Input!$C$22,0)</f>
        <v>0.86959380687495724</v>
      </c>
      <c r="P4602" s="59">
        <f>IF(Input!$D$19=3,J4602*Input!$C$19,0)+IF(Input!$D$20=3,K4602*Input!$C$20,0)+IF(Input!$D$21=3,L4602*Input!$C$21,0)+IF(Input!$D$22=3,M4602*Input!$C$22,0)</f>
        <v>0</v>
      </c>
      <c r="Q4602" s="75">
        <f>IF(Input!$D$19=4,J4602*Input!$C$19,0)+IF(Input!$D$20=4,K4602*Input!$C$20,0)+IF(Input!$D$21=4,L4602*Input!$C$21,0)+IF(Input!$D$22=4,M4602*Input!$C$22,0)</f>
        <v>0</v>
      </c>
      <c r="R4602" s="58">
        <v>70.254960016586011</v>
      </c>
      <c r="S4602" s="124">
        <f t="shared" si="71"/>
        <v>1.5072959319165924</v>
      </c>
    </row>
    <row r="4603" spans="8:19" x14ac:dyDescent="0.3">
      <c r="H4603" s="44">
        <v>4596</v>
      </c>
      <c r="I4603" s="56">
        <f>Bühler!I4629</f>
        <v>0.40135098778844169</v>
      </c>
      <c r="J4603" s="59">
        <f>Bühler!J4629</f>
        <v>1.3378366259614725</v>
      </c>
      <c r="K4603" s="59">
        <f>Bühler!K4629</f>
        <v>2.0067549389422084</v>
      </c>
      <c r="L4603" s="59">
        <f>Bühler!L4629</f>
        <v>9.6324237069226015</v>
      </c>
      <c r="M4603" s="58">
        <f>Bühler!M4629</f>
        <v>0</v>
      </c>
      <c r="N4603" s="56">
        <f>IF(Input!$D$19=1,J4603*Input!$C$19,0)+IF(Input!$D$20=1,K4603*Input!$C$20,0)+IF(Input!$D$21=1,L4603*Input!$C$21,0)+IF(Input!$D$22=1,M4603*Input!$C$22,0)</f>
        <v>0.40135098778844175</v>
      </c>
      <c r="O4603" s="59">
        <f>IF(Input!$D$19=2,J4603*Input!$C$19,0)+IF(Input!$D$20=2,K4603*Input!$C$20,0)+IF(Input!$D$21=2,L4603*Input!$C$21,0)+IF(Input!$D$22=2,M4603*Input!$C$22,0)</f>
        <v>1.0033774694711042</v>
      </c>
      <c r="P4603" s="59">
        <f>IF(Input!$D$19=3,J4603*Input!$C$19,0)+IF(Input!$D$20=3,K4603*Input!$C$20,0)+IF(Input!$D$21=3,L4603*Input!$C$21,0)+IF(Input!$D$22=3,M4603*Input!$C$22,0)</f>
        <v>0</v>
      </c>
      <c r="Q4603" s="75">
        <f>IF(Input!$D$19=4,J4603*Input!$C$19,0)+IF(Input!$D$20=4,K4603*Input!$C$20,0)+IF(Input!$D$21=4,L4603*Input!$C$21,0)+IF(Input!$D$22=4,M4603*Input!$C$22,0)</f>
        <v>0</v>
      </c>
      <c r="R4603" s="58">
        <v>70.605614758638154</v>
      </c>
      <c r="S4603" s="124">
        <f t="shared" si="71"/>
        <v>1.7391876137499143</v>
      </c>
    </row>
    <row r="4604" spans="8:19" x14ac:dyDescent="0.3">
      <c r="H4604" s="44">
        <v>4597</v>
      </c>
      <c r="I4604" s="56">
        <f>Bühler!I4630</f>
        <v>0.40135098778844169</v>
      </c>
      <c r="J4604" s="59">
        <f>Bühler!J4630</f>
        <v>1.3378366259614725</v>
      </c>
      <c r="K4604" s="59">
        <f>Bühler!K4630</f>
        <v>2.0067549389422084</v>
      </c>
      <c r="L4604" s="59">
        <f>Bühler!L4630</f>
        <v>9.6324237069226015</v>
      </c>
      <c r="M4604" s="58">
        <f>Bühler!M4630</f>
        <v>0</v>
      </c>
      <c r="N4604" s="56">
        <f>IF(Input!$D$19=1,J4604*Input!$C$19,0)+IF(Input!$D$20=1,K4604*Input!$C$20,0)+IF(Input!$D$21=1,L4604*Input!$C$21,0)+IF(Input!$D$22=1,M4604*Input!$C$22,0)</f>
        <v>0.40135098778844175</v>
      </c>
      <c r="O4604" s="59">
        <f>IF(Input!$D$19=2,J4604*Input!$C$19,0)+IF(Input!$D$20=2,K4604*Input!$C$20,0)+IF(Input!$D$21=2,L4604*Input!$C$21,0)+IF(Input!$D$22=2,M4604*Input!$C$22,0)</f>
        <v>1.0033774694711042</v>
      </c>
      <c r="P4604" s="59">
        <f>IF(Input!$D$19=3,J4604*Input!$C$19,0)+IF(Input!$D$20=3,K4604*Input!$C$20,0)+IF(Input!$D$21=3,L4604*Input!$C$21,0)+IF(Input!$D$22=3,M4604*Input!$C$22,0)</f>
        <v>0</v>
      </c>
      <c r="Q4604" s="75">
        <f>IF(Input!$D$19=4,J4604*Input!$C$19,0)+IF(Input!$D$20=4,K4604*Input!$C$20,0)+IF(Input!$D$21=4,L4604*Input!$C$21,0)+IF(Input!$D$22=4,M4604*Input!$C$22,0)</f>
        <v>0</v>
      </c>
      <c r="R4604" s="58">
        <v>70.059056006829053</v>
      </c>
      <c r="S4604" s="124">
        <f t="shared" si="71"/>
        <v>1.7391876137499143</v>
      </c>
    </row>
    <row r="4605" spans="8:19" x14ac:dyDescent="0.3">
      <c r="H4605" s="44">
        <v>4598</v>
      </c>
      <c r="I4605" s="56">
        <f>Bühler!I4631</f>
        <v>0.40135098778844169</v>
      </c>
      <c r="J4605" s="59">
        <f>Bühler!J4631</f>
        <v>1.3378366259614725</v>
      </c>
      <c r="K4605" s="59">
        <f>Bühler!K4631</f>
        <v>2.0067549389422084</v>
      </c>
      <c r="L4605" s="59">
        <f>Bühler!L4631</f>
        <v>9.6324237069226015</v>
      </c>
      <c r="M4605" s="58">
        <f>Bühler!M4631</f>
        <v>0</v>
      </c>
      <c r="N4605" s="56">
        <f>IF(Input!$D$19=1,J4605*Input!$C$19,0)+IF(Input!$D$20=1,K4605*Input!$C$20,0)+IF(Input!$D$21=1,L4605*Input!$C$21,0)+IF(Input!$D$22=1,M4605*Input!$C$22,0)</f>
        <v>0.40135098778844175</v>
      </c>
      <c r="O4605" s="59">
        <f>IF(Input!$D$19=2,J4605*Input!$C$19,0)+IF(Input!$D$20=2,K4605*Input!$C$20,0)+IF(Input!$D$21=2,L4605*Input!$C$21,0)+IF(Input!$D$22=2,M4605*Input!$C$22,0)</f>
        <v>1.0033774694711042</v>
      </c>
      <c r="P4605" s="59">
        <f>IF(Input!$D$19=3,J4605*Input!$C$19,0)+IF(Input!$D$20=3,K4605*Input!$C$20,0)+IF(Input!$D$21=3,L4605*Input!$C$21,0)+IF(Input!$D$22=3,M4605*Input!$C$22,0)</f>
        <v>0</v>
      </c>
      <c r="Q4605" s="75">
        <f>IF(Input!$D$19=4,J4605*Input!$C$19,0)+IF(Input!$D$20=4,K4605*Input!$C$20,0)+IF(Input!$D$21=4,L4605*Input!$C$21,0)+IF(Input!$D$22=4,M4605*Input!$C$22,0)</f>
        <v>0</v>
      </c>
      <c r="R4605" s="58">
        <v>69.913135302424692</v>
      </c>
      <c r="S4605" s="124">
        <f t="shared" si="71"/>
        <v>1.7391876137499143</v>
      </c>
    </row>
    <row r="4606" spans="8:19" x14ac:dyDescent="0.3">
      <c r="H4606" s="44">
        <v>4599</v>
      </c>
      <c r="I4606" s="56">
        <f>Bühler!I4632</f>
        <v>0.40135098778844169</v>
      </c>
      <c r="J4606" s="59">
        <f>Bühler!J4632</f>
        <v>1.3378366259614725</v>
      </c>
      <c r="K4606" s="59">
        <f>Bühler!K4632</f>
        <v>2.0067549389422084</v>
      </c>
      <c r="L4606" s="59">
        <f>Bühler!L4632</f>
        <v>9.6324237069226015</v>
      </c>
      <c r="M4606" s="58">
        <f>Bühler!M4632</f>
        <v>0</v>
      </c>
      <c r="N4606" s="56">
        <f>IF(Input!$D$19=1,J4606*Input!$C$19,0)+IF(Input!$D$20=1,K4606*Input!$C$20,0)+IF(Input!$D$21=1,L4606*Input!$C$21,0)+IF(Input!$D$22=1,M4606*Input!$C$22,0)</f>
        <v>0.40135098778844175</v>
      </c>
      <c r="O4606" s="59">
        <f>IF(Input!$D$19=2,J4606*Input!$C$19,0)+IF(Input!$D$20=2,K4606*Input!$C$20,0)+IF(Input!$D$21=2,L4606*Input!$C$21,0)+IF(Input!$D$22=2,M4606*Input!$C$22,0)</f>
        <v>1.0033774694711042</v>
      </c>
      <c r="P4606" s="59">
        <f>IF(Input!$D$19=3,J4606*Input!$C$19,0)+IF(Input!$D$20=3,K4606*Input!$C$20,0)+IF(Input!$D$21=3,L4606*Input!$C$21,0)+IF(Input!$D$22=3,M4606*Input!$C$22,0)</f>
        <v>0</v>
      </c>
      <c r="Q4606" s="75">
        <f>IF(Input!$D$19=4,J4606*Input!$C$19,0)+IF(Input!$D$20=4,K4606*Input!$C$20,0)+IF(Input!$D$21=4,L4606*Input!$C$21,0)+IF(Input!$D$22=4,M4606*Input!$C$22,0)</f>
        <v>0</v>
      </c>
      <c r="R4606" s="58">
        <v>70.295235892943197</v>
      </c>
      <c r="S4606" s="124">
        <f t="shared" si="71"/>
        <v>1.7391876137499143</v>
      </c>
    </row>
    <row r="4607" spans="8:19" x14ac:dyDescent="0.3">
      <c r="H4607" s="44">
        <v>4600</v>
      </c>
      <c r="I4607" s="56">
        <f>Bühler!I4633</f>
        <v>0.40135098778844169</v>
      </c>
      <c r="J4607" s="59">
        <f>Bühler!J4633</f>
        <v>1.3378366259614725</v>
      </c>
      <c r="K4607" s="59">
        <f>Bühler!K4633</f>
        <v>2.0067549389422084</v>
      </c>
      <c r="L4607" s="59">
        <f>Bühler!L4633</f>
        <v>9.6324237069226015</v>
      </c>
      <c r="M4607" s="58">
        <f>Bühler!M4633</f>
        <v>0</v>
      </c>
      <c r="N4607" s="56">
        <f>IF(Input!$D$19=1,J4607*Input!$C$19,0)+IF(Input!$D$20=1,K4607*Input!$C$20,0)+IF(Input!$D$21=1,L4607*Input!$C$21,0)+IF(Input!$D$22=1,M4607*Input!$C$22,0)</f>
        <v>0.40135098778844175</v>
      </c>
      <c r="O4607" s="59">
        <f>IF(Input!$D$19=2,J4607*Input!$C$19,0)+IF(Input!$D$20=2,K4607*Input!$C$20,0)+IF(Input!$D$21=2,L4607*Input!$C$21,0)+IF(Input!$D$22=2,M4607*Input!$C$22,0)</f>
        <v>1.0033774694711042</v>
      </c>
      <c r="P4607" s="59">
        <f>IF(Input!$D$19=3,J4607*Input!$C$19,0)+IF(Input!$D$20=3,K4607*Input!$C$20,0)+IF(Input!$D$21=3,L4607*Input!$C$21,0)+IF(Input!$D$22=3,M4607*Input!$C$22,0)</f>
        <v>0</v>
      </c>
      <c r="Q4607" s="75">
        <f>IF(Input!$D$19=4,J4607*Input!$C$19,0)+IF(Input!$D$20=4,K4607*Input!$C$20,0)+IF(Input!$D$21=4,L4607*Input!$C$21,0)+IF(Input!$D$22=4,M4607*Input!$C$22,0)</f>
        <v>0</v>
      </c>
      <c r="R4607" s="58">
        <v>70.244140566912279</v>
      </c>
      <c r="S4607" s="124">
        <f t="shared" si="71"/>
        <v>1.7391876137499143</v>
      </c>
    </row>
    <row r="4608" spans="8:19" x14ac:dyDescent="0.3">
      <c r="H4608" s="44">
        <v>4601</v>
      </c>
      <c r="I4608" s="56">
        <f>Bühler!I4634</f>
        <v>0.40135098778844169</v>
      </c>
      <c r="J4608" s="59">
        <f>Bühler!J4634</f>
        <v>1.3378366259614725</v>
      </c>
      <c r="K4608" s="59">
        <f>Bühler!K4634</f>
        <v>2.0067549389422084</v>
      </c>
      <c r="L4608" s="59">
        <f>Bühler!L4634</f>
        <v>9.6324237069226015</v>
      </c>
      <c r="M4608" s="58">
        <f>Bühler!M4634</f>
        <v>0</v>
      </c>
      <c r="N4608" s="56">
        <f>IF(Input!$D$19=1,J4608*Input!$C$19,0)+IF(Input!$D$20=1,K4608*Input!$C$20,0)+IF(Input!$D$21=1,L4608*Input!$C$21,0)+IF(Input!$D$22=1,M4608*Input!$C$22,0)</f>
        <v>0.40135098778844175</v>
      </c>
      <c r="O4608" s="59">
        <f>IF(Input!$D$19=2,J4608*Input!$C$19,0)+IF(Input!$D$20=2,K4608*Input!$C$20,0)+IF(Input!$D$21=2,L4608*Input!$C$21,0)+IF(Input!$D$22=2,M4608*Input!$C$22,0)</f>
        <v>1.0033774694711042</v>
      </c>
      <c r="P4608" s="59">
        <f>IF(Input!$D$19=3,J4608*Input!$C$19,0)+IF(Input!$D$20=3,K4608*Input!$C$20,0)+IF(Input!$D$21=3,L4608*Input!$C$21,0)+IF(Input!$D$22=3,M4608*Input!$C$22,0)</f>
        <v>0</v>
      </c>
      <c r="Q4608" s="75">
        <f>IF(Input!$D$19=4,J4608*Input!$C$19,0)+IF(Input!$D$20=4,K4608*Input!$C$20,0)+IF(Input!$D$21=4,L4608*Input!$C$21,0)+IF(Input!$D$22=4,M4608*Input!$C$22,0)</f>
        <v>0</v>
      </c>
      <c r="R4608" s="58">
        <v>68.8765119444341</v>
      </c>
      <c r="S4608" s="124">
        <f t="shared" si="71"/>
        <v>1.7391876137499143</v>
      </c>
    </row>
    <row r="4609" spans="8:19" x14ac:dyDescent="0.3">
      <c r="H4609" s="44">
        <v>4602</v>
      </c>
      <c r="I4609" s="56">
        <f>Bühler!I4635</f>
        <v>0.40135098778844169</v>
      </c>
      <c r="J4609" s="59">
        <f>Bühler!J4635</f>
        <v>1.3378366259614725</v>
      </c>
      <c r="K4609" s="59">
        <f>Bühler!K4635</f>
        <v>2.0067549389422084</v>
      </c>
      <c r="L4609" s="59">
        <f>Bühler!L4635</f>
        <v>9.6324237069226015</v>
      </c>
      <c r="M4609" s="58">
        <f>Bühler!M4635</f>
        <v>0</v>
      </c>
      <c r="N4609" s="56">
        <f>IF(Input!$D$19=1,J4609*Input!$C$19,0)+IF(Input!$D$20=1,K4609*Input!$C$20,0)+IF(Input!$D$21=1,L4609*Input!$C$21,0)+IF(Input!$D$22=1,M4609*Input!$C$22,0)</f>
        <v>0.40135098778844175</v>
      </c>
      <c r="O4609" s="59">
        <f>IF(Input!$D$19=2,J4609*Input!$C$19,0)+IF(Input!$D$20=2,K4609*Input!$C$20,0)+IF(Input!$D$21=2,L4609*Input!$C$21,0)+IF(Input!$D$22=2,M4609*Input!$C$22,0)</f>
        <v>1.0033774694711042</v>
      </c>
      <c r="P4609" s="59">
        <f>IF(Input!$D$19=3,J4609*Input!$C$19,0)+IF(Input!$D$20=3,K4609*Input!$C$20,0)+IF(Input!$D$21=3,L4609*Input!$C$21,0)+IF(Input!$D$22=3,M4609*Input!$C$22,0)</f>
        <v>0</v>
      </c>
      <c r="Q4609" s="75">
        <f>IF(Input!$D$19=4,J4609*Input!$C$19,0)+IF(Input!$D$20=4,K4609*Input!$C$20,0)+IF(Input!$D$21=4,L4609*Input!$C$21,0)+IF(Input!$D$22=4,M4609*Input!$C$22,0)</f>
        <v>0</v>
      </c>
      <c r="R4609" s="58">
        <v>67.501687059876502</v>
      </c>
      <c r="S4609" s="124">
        <f t="shared" si="71"/>
        <v>1.7391876137499143</v>
      </c>
    </row>
    <row r="4610" spans="8:19" x14ac:dyDescent="0.3">
      <c r="H4610" s="44">
        <v>4603</v>
      </c>
      <c r="I4610" s="56">
        <f>Bühler!I4636</f>
        <v>0.40135098778844169</v>
      </c>
      <c r="J4610" s="59">
        <f>Bühler!J4636</f>
        <v>1.3378366259614725</v>
      </c>
      <c r="K4610" s="59">
        <f>Bühler!K4636</f>
        <v>2.0067549389422084</v>
      </c>
      <c r="L4610" s="59">
        <f>Bühler!L4636</f>
        <v>9.6324237069226015</v>
      </c>
      <c r="M4610" s="58">
        <f>Bühler!M4636</f>
        <v>0</v>
      </c>
      <c r="N4610" s="56">
        <f>IF(Input!$D$19=1,J4610*Input!$C$19,0)+IF(Input!$D$20=1,K4610*Input!$C$20,0)+IF(Input!$D$21=1,L4610*Input!$C$21,0)+IF(Input!$D$22=1,M4610*Input!$C$22,0)</f>
        <v>0.40135098778844175</v>
      </c>
      <c r="O4610" s="59">
        <f>IF(Input!$D$19=2,J4610*Input!$C$19,0)+IF(Input!$D$20=2,K4610*Input!$C$20,0)+IF(Input!$D$21=2,L4610*Input!$C$21,0)+IF(Input!$D$22=2,M4610*Input!$C$22,0)</f>
        <v>1.0033774694711042</v>
      </c>
      <c r="P4610" s="59">
        <f>IF(Input!$D$19=3,J4610*Input!$C$19,0)+IF(Input!$D$20=3,K4610*Input!$C$20,0)+IF(Input!$D$21=3,L4610*Input!$C$21,0)+IF(Input!$D$22=3,M4610*Input!$C$22,0)</f>
        <v>0</v>
      </c>
      <c r="Q4610" s="75">
        <f>IF(Input!$D$19=4,J4610*Input!$C$19,0)+IF(Input!$D$20=4,K4610*Input!$C$20,0)+IF(Input!$D$21=4,L4610*Input!$C$21,0)+IF(Input!$D$22=4,M4610*Input!$C$22,0)</f>
        <v>0</v>
      </c>
      <c r="R4610" s="58">
        <v>66.366555078642293</v>
      </c>
      <c r="S4610" s="124">
        <f t="shared" si="71"/>
        <v>1.7391876137499143</v>
      </c>
    </row>
    <row r="4611" spans="8:19" x14ac:dyDescent="0.3">
      <c r="H4611" s="44">
        <v>4604</v>
      </c>
      <c r="I4611" s="56">
        <f>Bühler!I4637</f>
        <v>0.33445915649036817</v>
      </c>
      <c r="J4611" s="59">
        <f>Bühler!J4637</f>
        <v>1.114863854967894</v>
      </c>
      <c r="K4611" s="59">
        <f>Bühler!K4637</f>
        <v>1.6722957824518407</v>
      </c>
      <c r="L4611" s="59">
        <f>Bühler!L4637</f>
        <v>8.0270197557688352</v>
      </c>
      <c r="M4611" s="58">
        <f>Bühler!M4637</f>
        <v>0</v>
      </c>
      <c r="N4611" s="56">
        <f>IF(Input!$D$19=1,J4611*Input!$C$19,0)+IF(Input!$D$20=1,K4611*Input!$C$20,0)+IF(Input!$D$21=1,L4611*Input!$C$21,0)+IF(Input!$D$22=1,M4611*Input!$C$22,0)</f>
        <v>0.33445915649036817</v>
      </c>
      <c r="O4611" s="59">
        <f>IF(Input!$D$19=2,J4611*Input!$C$19,0)+IF(Input!$D$20=2,K4611*Input!$C$20,0)+IF(Input!$D$21=2,L4611*Input!$C$21,0)+IF(Input!$D$22=2,M4611*Input!$C$22,0)</f>
        <v>0.83614789122592037</v>
      </c>
      <c r="P4611" s="59">
        <f>IF(Input!$D$19=3,J4611*Input!$C$19,0)+IF(Input!$D$20=3,K4611*Input!$C$20,0)+IF(Input!$D$21=3,L4611*Input!$C$21,0)+IF(Input!$D$22=3,M4611*Input!$C$22,0)</f>
        <v>0</v>
      </c>
      <c r="Q4611" s="75">
        <f>IF(Input!$D$19=4,J4611*Input!$C$19,0)+IF(Input!$D$20=4,K4611*Input!$C$20,0)+IF(Input!$D$21=4,L4611*Input!$C$21,0)+IF(Input!$D$22=4,M4611*Input!$C$22,0)</f>
        <v>0</v>
      </c>
      <c r="R4611" s="58">
        <v>65.753997146406903</v>
      </c>
      <c r="S4611" s="124">
        <f t="shared" si="71"/>
        <v>1.449323011458262</v>
      </c>
    </row>
    <row r="4612" spans="8:19" x14ac:dyDescent="0.3">
      <c r="H4612" s="44">
        <v>4605</v>
      </c>
      <c r="I4612" s="56">
        <f>Bühler!I4638</f>
        <v>0.26756732519229448</v>
      </c>
      <c r="J4612" s="59">
        <f>Bühler!J4638</f>
        <v>0.89189108397431505</v>
      </c>
      <c r="K4612" s="59">
        <f>Bühler!K4638</f>
        <v>1.3378366259614725</v>
      </c>
      <c r="L4612" s="59">
        <f>Bühler!L4638</f>
        <v>6.421615804615068</v>
      </c>
      <c r="M4612" s="58">
        <f>Bühler!M4638</f>
        <v>0</v>
      </c>
      <c r="N4612" s="56">
        <f>IF(Input!$D$19=1,J4612*Input!$C$19,0)+IF(Input!$D$20=1,K4612*Input!$C$20,0)+IF(Input!$D$21=1,L4612*Input!$C$21,0)+IF(Input!$D$22=1,M4612*Input!$C$22,0)</f>
        <v>0.26756732519229448</v>
      </c>
      <c r="O4612" s="59">
        <f>IF(Input!$D$19=2,J4612*Input!$C$19,0)+IF(Input!$D$20=2,K4612*Input!$C$20,0)+IF(Input!$D$21=2,L4612*Input!$C$21,0)+IF(Input!$D$22=2,M4612*Input!$C$22,0)</f>
        <v>0.66891831298073623</v>
      </c>
      <c r="P4612" s="59">
        <f>IF(Input!$D$19=3,J4612*Input!$C$19,0)+IF(Input!$D$20=3,K4612*Input!$C$20,0)+IF(Input!$D$21=3,L4612*Input!$C$21,0)+IF(Input!$D$22=3,M4612*Input!$C$22,0)</f>
        <v>0</v>
      </c>
      <c r="Q4612" s="75">
        <f>IF(Input!$D$19=4,J4612*Input!$C$19,0)+IF(Input!$D$20=4,K4612*Input!$C$20,0)+IF(Input!$D$21=4,L4612*Input!$C$21,0)+IF(Input!$D$22=4,M4612*Input!$C$22,0)</f>
        <v>0</v>
      </c>
      <c r="R4612" s="58">
        <v>64.022972303235179</v>
      </c>
      <c r="S4612" s="124">
        <f t="shared" si="71"/>
        <v>1.1594584091666096</v>
      </c>
    </row>
    <row r="4613" spans="8:19" x14ac:dyDescent="0.3">
      <c r="H4613" s="44">
        <v>4606</v>
      </c>
      <c r="I4613" s="56">
        <f>Bühler!I4639</f>
        <v>0.20067549389422085</v>
      </c>
      <c r="J4613" s="59">
        <f>Bühler!J4639</f>
        <v>0.66891831298073623</v>
      </c>
      <c r="K4613" s="59">
        <f>Bühler!K4639</f>
        <v>1.0033774694711042</v>
      </c>
      <c r="L4613" s="59">
        <f>Bühler!L4639</f>
        <v>4.8162118534613008</v>
      </c>
      <c r="M4613" s="58">
        <f>Bühler!M4639</f>
        <v>0</v>
      </c>
      <c r="N4613" s="56">
        <f>IF(Input!$D$19=1,J4613*Input!$C$19,0)+IF(Input!$D$20=1,K4613*Input!$C$20,0)+IF(Input!$D$21=1,L4613*Input!$C$21,0)+IF(Input!$D$22=1,M4613*Input!$C$22,0)</f>
        <v>0.20067549389422087</v>
      </c>
      <c r="O4613" s="59">
        <f>IF(Input!$D$19=2,J4613*Input!$C$19,0)+IF(Input!$D$20=2,K4613*Input!$C$20,0)+IF(Input!$D$21=2,L4613*Input!$C$21,0)+IF(Input!$D$22=2,M4613*Input!$C$22,0)</f>
        <v>0.50168873473555209</v>
      </c>
      <c r="P4613" s="59">
        <f>IF(Input!$D$19=3,J4613*Input!$C$19,0)+IF(Input!$D$20=3,K4613*Input!$C$20,0)+IF(Input!$D$21=3,L4613*Input!$C$21,0)+IF(Input!$D$22=3,M4613*Input!$C$22,0)</f>
        <v>0</v>
      </c>
      <c r="Q4613" s="75">
        <f>IF(Input!$D$19=4,J4613*Input!$C$19,0)+IF(Input!$D$20=4,K4613*Input!$C$20,0)+IF(Input!$D$21=4,L4613*Input!$C$21,0)+IF(Input!$D$22=4,M4613*Input!$C$22,0)</f>
        <v>0</v>
      </c>
      <c r="R4613" s="58">
        <v>62.277874757570629</v>
      </c>
      <c r="S4613" s="124">
        <f t="shared" si="71"/>
        <v>0.86959380687495713</v>
      </c>
    </row>
    <row r="4614" spans="8:19" x14ac:dyDescent="0.3">
      <c r="H4614" s="44">
        <v>4607</v>
      </c>
      <c r="I4614" s="56">
        <f>Bühler!I4640</f>
        <v>0.20067549389422085</v>
      </c>
      <c r="J4614" s="59">
        <f>Bühler!J4640</f>
        <v>0.66891831298073623</v>
      </c>
      <c r="K4614" s="59">
        <f>Bühler!K4640</f>
        <v>1.0033774694711042</v>
      </c>
      <c r="L4614" s="59">
        <f>Bühler!L4640</f>
        <v>4.8162118534613008</v>
      </c>
      <c r="M4614" s="58">
        <f>Bühler!M4640</f>
        <v>0</v>
      </c>
      <c r="N4614" s="56">
        <f>IF(Input!$D$19=1,J4614*Input!$C$19,0)+IF(Input!$D$20=1,K4614*Input!$C$20,0)+IF(Input!$D$21=1,L4614*Input!$C$21,0)+IF(Input!$D$22=1,M4614*Input!$C$22,0)</f>
        <v>0.20067549389422087</v>
      </c>
      <c r="O4614" s="59">
        <f>IF(Input!$D$19=2,J4614*Input!$C$19,0)+IF(Input!$D$20=2,K4614*Input!$C$20,0)+IF(Input!$D$21=2,L4614*Input!$C$21,0)+IF(Input!$D$22=2,M4614*Input!$C$22,0)</f>
        <v>0.50168873473555209</v>
      </c>
      <c r="P4614" s="59">
        <f>IF(Input!$D$19=3,J4614*Input!$C$19,0)+IF(Input!$D$20=3,K4614*Input!$C$20,0)+IF(Input!$D$21=3,L4614*Input!$C$21,0)+IF(Input!$D$22=3,M4614*Input!$C$22,0)</f>
        <v>0</v>
      </c>
      <c r="Q4614" s="75">
        <f>IF(Input!$D$19=4,J4614*Input!$C$19,0)+IF(Input!$D$20=4,K4614*Input!$C$20,0)+IF(Input!$D$21=4,L4614*Input!$C$21,0)+IF(Input!$D$22=4,M4614*Input!$C$22,0)</f>
        <v>0</v>
      </c>
      <c r="R4614" s="58">
        <v>61.474567012593141</v>
      </c>
      <c r="S4614" s="124">
        <f t="shared" si="71"/>
        <v>0.86959380687495713</v>
      </c>
    </row>
    <row r="4615" spans="8:19" x14ac:dyDescent="0.3">
      <c r="H4615" s="44">
        <v>4608</v>
      </c>
      <c r="I4615" s="56">
        <f>Bühler!I4641</f>
        <v>0.20067549389422085</v>
      </c>
      <c r="J4615" s="59">
        <f>Bühler!J4641</f>
        <v>0.66891831298073623</v>
      </c>
      <c r="K4615" s="59">
        <f>Bühler!K4641</f>
        <v>1.0033774694711042</v>
      </c>
      <c r="L4615" s="59">
        <f>Bühler!L4641</f>
        <v>4.8162118534613008</v>
      </c>
      <c r="M4615" s="58">
        <f>Bühler!M4641</f>
        <v>0</v>
      </c>
      <c r="N4615" s="56">
        <f>IF(Input!$D$19=1,J4615*Input!$C$19,0)+IF(Input!$D$20=1,K4615*Input!$C$20,0)+IF(Input!$D$21=1,L4615*Input!$C$21,0)+IF(Input!$D$22=1,M4615*Input!$C$22,0)</f>
        <v>0.20067549389422087</v>
      </c>
      <c r="O4615" s="59">
        <f>IF(Input!$D$19=2,J4615*Input!$C$19,0)+IF(Input!$D$20=2,K4615*Input!$C$20,0)+IF(Input!$D$21=2,L4615*Input!$C$21,0)+IF(Input!$D$22=2,M4615*Input!$C$22,0)</f>
        <v>0.50168873473555209</v>
      </c>
      <c r="P4615" s="59">
        <f>IF(Input!$D$19=3,J4615*Input!$C$19,0)+IF(Input!$D$20=3,K4615*Input!$C$20,0)+IF(Input!$D$21=3,L4615*Input!$C$21,0)+IF(Input!$D$22=3,M4615*Input!$C$22,0)</f>
        <v>0</v>
      </c>
      <c r="Q4615" s="75">
        <f>IF(Input!$D$19=4,J4615*Input!$C$19,0)+IF(Input!$D$20=4,K4615*Input!$C$20,0)+IF(Input!$D$21=4,L4615*Input!$C$21,0)+IF(Input!$D$22=4,M4615*Input!$C$22,0)</f>
        <v>0</v>
      </c>
      <c r="R4615" s="58">
        <v>60.871512232237237</v>
      </c>
      <c r="S4615" s="124">
        <f t="shared" si="71"/>
        <v>0.86959380687495713</v>
      </c>
    </row>
    <row r="4616" spans="8:19" x14ac:dyDescent="0.3">
      <c r="H4616" s="44">
        <v>4609</v>
      </c>
      <c r="I4616" s="56">
        <f>Bühler!I4642</f>
        <v>0.2009857554615036</v>
      </c>
      <c r="J4616" s="59">
        <f>Bühler!J4642</f>
        <v>0.66995251820501212</v>
      </c>
      <c r="K4616" s="59">
        <f>Bühler!K4642</f>
        <v>1.004928777307518</v>
      </c>
      <c r="L4616" s="59">
        <f>Bühler!L4642</f>
        <v>4.823658131076086</v>
      </c>
      <c r="M4616" s="58">
        <f>Bühler!M4642</f>
        <v>0</v>
      </c>
      <c r="N4616" s="56">
        <f>IF(Input!$D$19=1,J4616*Input!$C$19,0)+IF(Input!$D$20=1,K4616*Input!$C$20,0)+IF(Input!$D$21=1,L4616*Input!$C$21,0)+IF(Input!$D$22=1,M4616*Input!$C$22,0)</f>
        <v>0.20098575546150363</v>
      </c>
      <c r="O4616" s="59">
        <f>IF(Input!$D$19=2,J4616*Input!$C$19,0)+IF(Input!$D$20=2,K4616*Input!$C$20,0)+IF(Input!$D$21=2,L4616*Input!$C$21,0)+IF(Input!$D$22=2,M4616*Input!$C$22,0)</f>
        <v>0.50246438865375898</v>
      </c>
      <c r="P4616" s="59">
        <f>IF(Input!$D$19=3,J4616*Input!$C$19,0)+IF(Input!$D$20=3,K4616*Input!$C$20,0)+IF(Input!$D$21=3,L4616*Input!$C$21,0)+IF(Input!$D$22=3,M4616*Input!$C$22,0)</f>
        <v>0</v>
      </c>
      <c r="Q4616" s="75">
        <f>IF(Input!$D$19=4,J4616*Input!$C$19,0)+IF(Input!$D$20=4,K4616*Input!$C$20,0)+IF(Input!$D$21=4,L4616*Input!$C$21,0)+IF(Input!$D$22=4,M4616*Input!$C$22,0)</f>
        <v>0</v>
      </c>
      <c r="R4616" s="58">
        <v>60.028721398327015</v>
      </c>
      <c r="S4616" s="124">
        <f t="shared" si="71"/>
        <v>0.87093827366651566</v>
      </c>
    </row>
    <row r="4617" spans="8:19" x14ac:dyDescent="0.3">
      <c r="H4617" s="44">
        <v>4610</v>
      </c>
      <c r="I4617" s="56">
        <f>Bühler!I4643</f>
        <v>0.2009857554615036</v>
      </c>
      <c r="J4617" s="59">
        <f>Bühler!J4643</f>
        <v>0.66995251820501212</v>
      </c>
      <c r="K4617" s="59">
        <f>Bühler!K4643</f>
        <v>1.004928777307518</v>
      </c>
      <c r="L4617" s="59">
        <f>Bühler!L4643</f>
        <v>4.823658131076086</v>
      </c>
      <c r="M4617" s="58">
        <f>Bühler!M4643</f>
        <v>0</v>
      </c>
      <c r="N4617" s="56">
        <f>IF(Input!$D$19=1,J4617*Input!$C$19,0)+IF(Input!$D$20=1,K4617*Input!$C$20,0)+IF(Input!$D$21=1,L4617*Input!$C$21,0)+IF(Input!$D$22=1,M4617*Input!$C$22,0)</f>
        <v>0.20098575546150363</v>
      </c>
      <c r="O4617" s="59">
        <f>IF(Input!$D$19=2,J4617*Input!$C$19,0)+IF(Input!$D$20=2,K4617*Input!$C$20,0)+IF(Input!$D$21=2,L4617*Input!$C$21,0)+IF(Input!$D$22=2,M4617*Input!$C$22,0)</f>
        <v>0.50246438865375898</v>
      </c>
      <c r="P4617" s="59">
        <f>IF(Input!$D$19=3,J4617*Input!$C$19,0)+IF(Input!$D$20=3,K4617*Input!$C$20,0)+IF(Input!$D$21=3,L4617*Input!$C$21,0)+IF(Input!$D$22=3,M4617*Input!$C$22,0)</f>
        <v>0</v>
      </c>
      <c r="Q4617" s="75">
        <f>IF(Input!$D$19=4,J4617*Input!$C$19,0)+IF(Input!$D$20=4,K4617*Input!$C$20,0)+IF(Input!$D$21=4,L4617*Input!$C$21,0)+IF(Input!$D$22=4,M4617*Input!$C$22,0)</f>
        <v>0</v>
      </c>
      <c r="R4617" s="58">
        <v>59.270736223805358</v>
      </c>
      <c r="S4617" s="124">
        <f t="shared" ref="S4617:S4680" si="72">I4617+J4617</f>
        <v>0.87093827366651566</v>
      </c>
    </row>
    <row r="4618" spans="8:19" x14ac:dyDescent="0.3">
      <c r="H4618" s="44">
        <v>4611</v>
      </c>
      <c r="I4618" s="56">
        <f>Bühler!I4644</f>
        <v>0.2009857554615036</v>
      </c>
      <c r="J4618" s="59">
        <f>Bühler!J4644</f>
        <v>0.66995251820501212</v>
      </c>
      <c r="K4618" s="59">
        <f>Bühler!K4644</f>
        <v>1.004928777307518</v>
      </c>
      <c r="L4618" s="59">
        <f>Bühler!L4644</f>
        <v>4.823658131076086</v>
      </c>
      <c r="M4618" s="58">
        <f>Bühler!M4644</f>
        <v>0</v>
      </c>
      <c r="N4618" s="56">
        <f>IF(Input!$D$19=1,J4618*Input!$C$19,0)+IF(Input!$D$20=1,K4618*Input!$C$20,0)+IF(Input!$D$21=1,L4618*Input!$C$21,0)+IF(Input!$D$22=1,M4618*Input!$C$22,0)</f>
        <v>0.20098575546150363</v>
      </c>
      <c r="O4618" s="59">
        <f>IF(Input!$D$19=2,J4618*Input!$C$19,0)+IF(Input!$D$20=2,K4618*Input!$C$20,0)+IF(Input!$D$21=2,L4618*Input!$C$21,0)+IF(Input!$D$22=2,M4618*Input!$C$22,0)</f>
        <v>0.50246438865375898</v>
      </c>
      <c r="P4618" s="59">
        <f>IF(Input!$D$19=3,J4618*Input!$C$19,0)+IF(Input!$D$20=3,K4618*Input!$C$20,0)+IF(Input!$D$21=3,L4618*Input!$C$21,0)+IF(Input!$D$22=3,M4618*Input!$C$22,0)</f>
        <v>0</v>
      </c>
      <c r="Q4618" s="75">
        <f>IF(Input!$D$19=4,J4618*Input!$C$19,0)+IF(Input!$D$20=4,K4618*Input!$C$20,0)+IF(Input!$D$21=4,L4618*Input!$C$21,0)+IF(Input!$D$22=4,M4618*Input!$C$22,0)</f>
        <v>0</v>
      </c>
      <c r="R4618" s="58">
        <v>59.774537117588402</v>
      </c>
      <c r="S4618" s="124">
        <f t="shared" si="72"/>
        <v>0.87093827366651566</v>
      </c>
    </row>
    <row r="4619" spans="8:19" x14ac:dyDescent="0.3">
      <c r="H4619" s="44">
        <v>4612</v>
      </c>
      <c r="I4619" s="56">
        <f>Bühler!I4645</f>
        <v>0.2009857554615036</v>
      </c>
      <c r="J4619" s="59">
        <f>Bühler!J4645</f>
        <v>0.66995251820501212</v>
      </c>
      <c r="K4619" s="59">
        <f>Bühler!K4645</f>
        <v>1.004928777307518</v>
      </c>
      <c r="L4619" s="59">
        <f>Bühler!L4645</f>
        <v>4.823658131076086</v>
      </c>
      <c r="M4619" s="58">
        <f>Bühler!M4645</f>
        <v>0</v>
      </c>
      <c r="N4619" s="56">
        <f>IF(Input!$D$19=1,J4619*Input!$C$19,0)+IF(Input!$D$20=1,K4619*Input!$C$20,0)+IF(Input!$D$21=1,L4619*Input!$C$21,0)+IF(Input!$D$22=1,M4619*Input!$C$22,0)</f>
        <v>0.20098575546150363</v>
      </c>
      <c r="O4619" s="59">
        <f>IF(Input!$D$19=2,J4619*Input!$C$19,0)+IF(Input!$D$20=2,K4619*Input!$C$20,0)+IF(Input!$D$21=2,L4619*Input!$C$21,0)+IF(Input!$D$22=2,M4619*Input!$C$22,0)</f>
        <v>0.50246438865375898</v>
      </c>
      <c r="P4619" s="59">
        <f>IF(Input!$D$19=3,J4619*Input!$C$19,0)+IF(Input!$D$20=3,K4619*Input!$C$20,0)+IF(Input!$D$21=3,L4619*Input!$C$21,0)+IF(Input!$D$22=3,M4619*Input!$C$22,0)</f>
        <v>0</v>
      </c>
      <c r="Q4619" s="75">
        <f>IF(Input!$D$19=4,J4619*Input!$C$19,0)+IF(Input!$D$20=4,K4619*Input!$C$20,0)+IF(Input!$D$21=4,L4619*Input!$C$21,0)+IF(Input!$D$22=4,M4619*Input!$C$22,0)</f>
        <v>0</v>
      </c>
      <c r="R4619" s="58">
        <v>60.282450777563</v>
      </c>
      <c r="S4619" s="124">
        <f t="shared" si="72"/>
        <v>0.87093827366651566</v>
      </c>
    </row>
    <row r="4620" spans="8:19" x14ac:dyDescent="0.3">
      <c r="H4620" s="44">
        <v>4613</v>
      </c>
      <c r="I4620" s="56">
        <f>Bühler!I4646</f>
        <v>0.2009857554615036</v>
      </c>
      <c r="J4620" s="59">
        <f>Bühler!J4646</f>
        <v>0.66995251820501212</v>
      </c>
      <c r="K4620" s="59">
        <f>Bühler!K4646</f>
        <v>1.004928777307518</v>
      </c>
      <c r="L4620" s="59">
        <f>Bühler!L4646</f>
        <v>4.823658131076086</v>
      </c>
      <c r="M4620" s="58">
        <f>Bühler!M4646</f>
        <v>0</v>
      </c>
      <c r="N4620" s="56">
        <f>IF(Input!$D$19=1,J4620*Input!$C$19,0)+IF(Input!$D$20=1,K4620*Input!$C$20,0)+IF(Input!$D$21=1,L4620*Input!$C$21,0)+IF(Input!$D$22=1,M4620*Input!$C$22,0)</f>
        <v>0.20098575546150363</v>
      </c>
      <c r="O4620" s="59">
        <f>IF(Input!$D$19=2,J4620*Input!$C$19,0)+IF(Input!$D$20=2,K4620*Input!$C$20,0)+IF(Input!$D$21=2,L4620*Input!$C$21,0)+IF(Input!$D$22=2,M4620*Input!$C$22,0)</f>
        <v>0.50246438865375898</v>
      </c>
      <c r="P4620" s="59">
        <f>IF(Input!$D$19=3,J4620*Input!$C$19,0)+IF(Input!$D$20=3,K4620*Input!$C$20,0)+IF(Input!$D$21=3,L4620*Input!$C$21,0)+IF(Input!$D$22=3,M4620*Input!$C$22,0)</f>
        <v>0</v>
      </c>
      <c r="Q4620" s="75">
        <f>IF(Input!$D$19=4,J4620*Input!$C$19,0)+IF(Input!$D$20=4,K4620*Input!$C$20,0)+IF(Input!$D$21=4,L4620*Input!$C$21,0)+IF(Input!$D$22=4,M4620*Input!$C$22,0)</f>
        <v>0</v>
      </c>
      <c r="R4620" s="58">
        <v>61.604258052143358</v>
      </c>
      <c r="S4620" s="124">
        <f t="shared" si="72"/>
        <v>0.87093827366651566</v>
      </c>
    </row>
    <row r="4621" spans="8:19" x14ac:dyDescent="0.3">
      <c r="H4621" s="44">
        <v>4614</v>
      </c>
      <c r="I4621" s="56">
        <f>Bühler!I4647</f>
        <v>0.25904830703927129</v>
      </c>
      <c r="J4621" s="59">
        <f>Bühler!J4647</f>
        <v>0.86349435679757092</v>
      </c>
      <c r="K4621" s="59">
        <f>Bühler!K4647</f>
        <v>1.2952415351963562</v>
      </c>
      <c r="L4621" s="59">
        <f>Bühler!L4647</f>
        <v>6.21715936894251</v>
      </c>
      <c r="M4621" s="58">
        <f>Bühler!M4647</f>
        <v>0</v>
      </c>
      <c r="N4621" s="56">
        <f>IF(Input!$D$19=1,J4621*Input!$C$19,0)+IF(Input!$D$20=1,K4621*Input!$C$20,0)+IF(Input!$D$21=1,L4621*Input!$C$21,0)+IF(Input!$D$22=1,M4621*Input!$C$22,0)</f>
        <v>0.25904830703927129</v>
      </c>
      <c r="O4621" s="59">
        <f>IF(Input!$D$19=2,J4621*Input!$C$19,0)+IF(Input!$D$20=2,K4621*Input!$C$20,0)+IF(Input!$D$21=2,L4621*Input!$C$21,0)+IF(Input!$D$22=2,M4621*Input!$C$22,0)</f>
        <v>0.6476207675981781</v>
      </c>
      <c r="P4621" s="59">
        <f>IF(Input!$D$19=3,J4621*Input!$C$19,0)+IF(Input!$D$20=3,K4621*Input!$C$20,0)+IF(Input!$D$21=3,L4621*Input!$C$21,0)+IF(Input!$D$22=3,M4621*Input!$C$22,0)</f>
        <v>0</v>
      </c>
      <c r="Q4621" s="75">
        <f>IF(Input!$D$19=4,J4621*Input!$C$19,0)+IF(Input!$D$20=4,K4621*Input!$C$20,0)+IF(Input!$D$21=4,L4621*Input!$C$21,0)+IF(Input!$D$22=4,M4621*Input!$C$22,0)</f>
        <v>0</v>
      </c>
      <c r="R4621" s="58">
        <v>64.458484386884308</v>
      </c>
      <c r="S4621" s="124">
        <f t="shared" si="72"/>
        <v>1.1225426638368421</v>
      </c>
    </row>
    <row r="4622" spans="8:19" x14ac:dyDescent="0.3">
      <c r="H4622" s="44">
        <v>4615</v>
      </c>
      <c r="I4622" s="56">
        <f>Bühler!I4648</f>
        <v>0.299245458131572</v>
      </c>
      <c r="J4622" s="59">
        <f>Bühler!J4648</f>
        <v>0.99748486043857343</v>
      </c>
      <c r="K4622" s="59">
        <f>Bühler!K4648</f>
        <v>1.49622729065786</v>
      </c>
      <c r="L4622" s="59">
        <f>Bühler!L4648</f>
        <v>7.1818909951577279</v>
      </c>
      <c r="M4622" s="58">
        <f>Bühler!M4648</f>
        <v>0</v>
      </c>
      <c r="N4622" s="56">
        <f>IF(Input!$D$19=1,J4622*Input!$C$19,0)+IF(Input!$D$20=1,K4622*Input!$C$20,0)+IF(Input!$D$21=1,L4622*Input!$C$21,0)+IF(Input!$D$22=1,M4622*Input!$C$22,0)</f>
        <v>0.299245458131572</v>
      </c>
      <c r="O4622" s="59">
        <f>IF(Input!$D$19=2,J4622*Input!$C$19,0)+IF(Input!$D$20=2,K4622*Input!$C$20,0)+IF(Input!$D$21=2,L4622*Input!$C$21,0)+IF(Input!$D$22=2,M4622*Input!$C$22,0)</f>
        <v>0.74811364532892999</v>
      </c>
      <c r="P4622" s="59">
        <f>IF(Input!$D$19=3,J4622*Input!$C$19,0)+IF(Input!$D$20=3,K4622*Input!$C$20,0)+IF(Input!$D$21=3,L4622*Input!$C$21,0)+IF(Input!$D$22=3,M4622*Input!$C$22,0)</f>
        <v>0</v>
      </c>
      <c r="Q4622" s="75">
        <f>IF(Input!$D$19=4,J4622*Input!$C$19,0)+IF(Input!$D$20=4,K4622*Input!$C$20,0)+IF(Input!$D$21=4,L4622*Input!$C$21,0)+IF(Input!$D$22=4,M4622*Input!$C$22,0)</f>
        <v>0</v>
      </c>
      <c r="R4622" s="58">
        <v>67.286496073722176</v>
      </c>
      <c r="S4622" s="124">
        <f t="shared" si="72"/>
        <v>1.2967303185701455</v>
      </c>
    </row>
    <row r="4623" spans="8:19" x14ac:dyDescent="0.3">
      <c r="H4623" s="44">
        <v>4616</v>
      </c>
      <c r="I4623" s="56">
        <f>Bühler!I4649</f>
        <v>0.299245458131572</v>
      </c>
      <c r="J4623" s="59">
        <f>Bühler!J4649</f>
        <v>0.99748486043857343</v>
      </c>
      <c r="K4623" s="59">
        <f>Bühler!K4649</f>
        <v>1.49622729065786</v>
      </c>
      <c r="L4623" s="59">
        <f>Bühler!L4649</f>
        <v>7.1818909951577279</v>
      </c>
      <c r="M4623" s="58">
        <f>Bühler!M4649</f>
        <v>0</v>
      </c>
      <c r="N4623" s="56">
        <f>IF(Input!$D$19=1,J4623*Input!$C$19,0)+IF(Input!$D$20=1,K4623*Input!$C$20,0)+IF(Input!$D$21=1,L4623*Input!$C$21,0)+IF(Input!$D$22=1,M4623*Input!$C$22,0)</f>
        <v>0.299245458131572</v>
      </c>
      <c r="O4623" s="59">
        <f>IF(Input!$D$19=2,J4623*Input!$C$19,0)+IF(Input!$D$20=2,K4623*Input!$C$20,0)+IF(Input!$D$21=2,L4623*Input!$C$21,0)+IF(Input!$D$22=2,M4623*Input!$C$22,0)</f>
        <v>0.74811364532892999</v>
      </c>
      <c r="P4623" s="59">
        <f>IF(Input!$D$19=3,J4623*Input!$C$19,0)+IF(Input!$D$20=3,K4623*Input!$C$20,0)+IF(Input!$D$21=3,L4623*Input!$C$21,0)+IF(Input!$D$22=3,M4623*Input!$C$22,0)</f>
        <v>0</v>
      </c>
      <c r="Q4623" s="75">
        <f>IF(Input!$D$19=4,J4623*Input!$C$19,0)+IF(Input!$D$20=4,K4623*Input!$C$20,0)+IF(Input!$D$21=4,L4623*Input!$C$21,0)+IF(Input!$D$22=4,M4623*Input!$C$22,0)</f>
        <v>0</v>
      </c>
      <c r="R4623" s="58">
        <v>69.415546943524816</v>
      </c>
      <c r="S4623" s="124">
        <f t="shared" si="72"/>
        <v>1.2967303185701455</v>
      </c>
    </row>
    <row r="4624" spans="8:19" x14ac:dyDescent="0.3">
      <c r="H4624" s="44">
        <v>4617</v>
      </c>
      <c r="I4624" s="56">
        <f>Bühler!I4650</f>
        <v>0.299245458131572</v>
      </c>
      <c r="J4624" s="59">
        <f>Bühler!J4650</f>
        <v>0.99748486043857343</v>
      </c>
      <c r="K4624" s="59">
        <f>Bühler!K4650</f>
        <v>1.49622729065786</v>
      </c>
      <c r="L4624" s="59">
        <f>Bühler!L4650</f>
        <v>7.1818909951577279</v>
      </c>
      <c r="M4624" s="58">
        <f>Bühler!M4650</f>
        <v>0</v>
      </c>
      <c r="N4624" s="56">
        <f>IF(Input!$D$19=1,J4624*Input!$C$19,0)+IF(Input!$D$20=1,K4624*Input!$C$20,0)+IF(Input!$D$21=1,L4624*Input!$C$21,0)+IF(Input!$D$22=1,M4624*Input!$C$22,0)</f>
        <v>0.299245458131572</v>
      </c>
      <c r="O4624" s="59">
        <f>IF(Input!$D$19=2,J4624*Input!$C$19,0)+IF(Input!$D$20=2,K4624*Input!$C$20,0)+IF(Input!$D$21=2,L4624*Input!$C$21,0)+IF(Input!$D$22=2,M4624*Input!$C$22,0)</f>
        <v>0.74811364532892999</v>
      </c>
      <c r="P4624" s="59">
        <f>IF(Input!$D$19=3,J4624*Input!$C$19,0)+IF(Input!$D$20=3,K4624*Input!$C$20,0)+IF(Input!$D$21=3,L4624*Input!$C$21,0)+IF(Input!$D$22=3,M4624*Input!$C$22,0)</f>
        <v>0</v>
      </c>
      <c r="Q4624" s="75">
        <f>IF(Input!$D$19=4,J4624*Input!$C$19,0)+IF(Input!$D$20=4,K4624*Input!$C$20,0)+IF(Input!$D$21=4,L4624*Input!$C$21,0)+IF(Input!$D$22=4,M4624*Input!$C$22,0)</f>
        <v>0</v>
      </c>
      <c r="R4624" s="58">
        <v>70.457764003245913</v>
      </c>
      <c r="S4624" s="124">
        <f t="shared" si="72"/>
        <v>1.2967303185701455</v>
      </c>
    </row>
    <row r="4625" spans="8:19" x14ac:dyDescent="0.3">
      <c r="H4625" s="44">
        <v>4618</v>
      </c>
      <c r="I4625" s="56">
        <f>Bühler!I4651</f>
        <v>0.32157720873840573</v>
      </c>
      <c r="J4625" s="59">
        <f>Bühler!J4651</f>
        <v>1.0719240291280192</v>
      </c>
      <c r="K4625" s="59">
        <f>Bühler!K4651</f>
        <v>1.6078860436920288</v>
      </c>
      <c r="L4625" s="59">
        <f>Bühler!L4651</f>
        <v>7.7178530097217379</v>
      </c>
      <c r="M4625" s="58">
        <f>Bühler!M4651</f>
        <v>0</v>
      </c>
      <c r="N4625" s="56">
        <f>IF(Input!$D$19=1,J4625*Input!$C$19,0)+IF(Input!$D$20=1,K4625*Input!$C$20,0)+IF(Input!$D$21=1,L4625*Input!$C$21,0)+IF(Input!$D$22=1,M4625*Input!$C$22,0)</f>
        <v>0.32157720873840573</v>
      </c>
      <c r="O4625" s="59">
        <f>IF(Input!$D$19=2,J4625*Input!$C$19,0)+IF(Input!$D$20=2,K4625*Input!$C$20,0)+IF(Input!$D$21=2,L4625*Input!$C$21,0)+IF(Input!$D$22=2,M4625*Input!$C$22,0)</f>
        <v>0.80394302184601441</v>
      </c>
      <c r="P4625" s="59">
        <f>IF(Input!$D$19=3,J4625*Input!$C$19,0)+IF(Input!$D$20=3,K4625*Input!$C$20,0)+IF(Input!$D$21=3,L4625*Input!$C$21,0)+IF(Input!$D$22=3,M4625*Input!$C$22,0)</f>
        <v>0</v>
      </c>
      <c r="Q4625" s="75">
        <f>IF(Input!$D$19=4,J4625*Input!$C$19,0)+IF(Input!$D$20=4,K4625*Input!$C$20,0)+IF(Input!$D$21=4,L4625*Input!$C$21,0)+IF(Input!$D$22=4,M4625*Input!$C$22,0)</f>
        <v>0</v>
      </c>
      <c r="R4625" s="58">
        <v>70.712940072428523</v>
      </c>
      <c r="S4625" s="124">
        <f t="shared" si="72"/>
        <v>1.3935012378664249</v>
      </c>
    </row>
    <row r="4626" spans="8:19" x14ac:dyDescent="0.3">
      <c r="H4626" s="44">
        <v>4619</v>
      </c>
      <c r="I4626" s="56">
        <f>Bühler!I4652</f>
        <v>0.34837530946660622</v>
      </c>
      <c r="J4626" s="59">
        <f>Bühler!J4652</f>
        <v>1.1612510315553541</v>
      </c>
      <c r="K4626" s="59">
        <f>Bühler!K4652</f>
        <v>1.7418765473330311</v>
      </c>
      <c r="L4626" s="59">
        <f>Bühler!L4652</f>
        <v>8.3610074271985493</v>
      </c>
      <c r="M4626" s="58">
        <f>Bühler!M4652</f>
        <v>0</v>
      </c>
      <c r="N4626" s="56">
        <f>IF(Input!$D$19=1,J4626*Input!$C$19,0)+IF(Input!$D$20=1,K4626*Input!$C$20,0)+IF(Input!$D$21=1,L4626*Input!$C$21,0)+IF(Input!$D$22=1,M4626*Input!$C$22,0)</f>
        <v>0.34837530946660622</v>
      </c>
      <c r="O4626" s="59">
        <f>IF(Input!$D$19=2,J4626*Input!$C$19,0)+IF(Input!$D$20=2,K4626*Input!$C$20,0)+IF(Input!$D$21=2,L4626*Input!$C$21,0)+IF(Input!$D$22=2,M4626*Input!$C$22,0)</f>
        <v>0.87093827366651555</v>
      </c>
      <c r="P4626" s="59">
        <f>IF(Input!$D$19=3,J4626*Input!$C$19,0)+IF(Input!$D$20=3,K4626*Input!$C$20,0)+IF(Input!$D$21=3,L4626*Input!$C$21,0)+IF(Input!$D$22=3,M4626*Input!$C$22,0)</f>
        <v>0</v>
      </c>
      <c r="Q4626" s="75">
        <f>IF(Input!$D$19=4,J4626*Input!$C$19,0)+IF(Input!$D$20=4,K4626*Input!$C$20,0)+IF(Input!$D$21=4,L4626*Input!$C$21,0)+IF(Input!$D$22=4,M4626*Input!$C$22,0)</f>
        <v>0</v>
      </c>
      <c r="R4626" s="58">
        <v>72.251139969025644</v>
      </c>
      <c r="S4626" s="124">
        <f t="shared" si="72"/>
        <v>1.5096263410219604</v>
      </c>
    </row>
    <row r="4627" spans="8:19" x14ac:dyDescent="0.3">
      <c r="H4627" s="44">
        <v>4620</v>
      </c>
      <c r="I4627" s="56">
        <f>Bühler!I4653</f>
        <v>0.4019715109230072</v>
      </c>
      <c r="J4627" s="59">
        <f>Bühler!J4653</f>
        <v>1.3399050364100242</v>
      </c>
      <c r="K4627" s="59">
        <f>Bühler!K4653</f>
        <v>2.0098575546150359</v>
      </c>
      <c r="L4627" s="59">
        <f>Bühler!L4653</f>
        <v>9.647316262152172</v>
      </c>
      <c r="M4627" s="58">
        <f>Bühler!M4653</f>
        <v>0</v>
      </c>
      <c r="N4627" s="56">
        <f>IF(Input!$D$19=1,J4627*Input!$C$19,0)+IF(Input!$D$20=1,K4627*Input!$C$20,0)+IF(Input!$D$21=1,L4627*Input!$C$21,0)+IF(Input!$D$22=1,M4627*Input!$C$22,0)</f>
        <v>0.40197151092300726</v>
      </c>
      <c r="O4627" s="59">
        <f>IF(Input!$D$19=2,J4627*Input!$C$19,0)+IF(Input!$D$20=2,K4627*Input!$C$20,0)+IF(Input!$D$21=2,L4627*Input!$C$21,0)+IF(Input!$D$22=2,M4627*Input!$C$22,0)</f>
        <v>1.004928777307518</v>
      </c>
      <c r="P4627" s="59">
        <f>IF(Input!$D$19=3,J4627*Input!$C$19,0)+IF(Input!$D$20=3,K4627*Input!$C$20,0)+IF(Input!$D$21=3,L4627*Input!$C$21,0)+IF(Input!$D$22=3,M4627*Input!$C$22,0)</f>
        <v>0</v>
      </c>
      <c r="Q4627" s="75">
        <f>IF(Input!$D$19=4,J4627*Input!$C$19,0)+IF(Input!$D$20=4,K4627*Input!$C$20,0)+IF(Input!$D$21=4,L4627*Input!$C$21,0)+IF(Input!$D$22=4,M4627*Input!$C$22,0)</f>
        <v>0</v>
      </c>
      <c r="R4627" s="58">
        <v>72.479541927947537</v>
      </c>
      <c r="S4627" s="124">
        <f t="shared" si="72"/>
        <v>1.7418765473330313</v>
      </c>
    </row>
    <row r="4628" spans="8:19" x14ac:dyDescent="0.3">
      <c r="H4628" s="44">
        <v>4621</v>
      </c>
      <c r="I4628" s="56">
        <f>Bühler!I4654</f>
        <v>0.4019715109230072</v>
      </c>
      <c r="J4628" s="59">
        <f>Bühler!J4654</f>
        <v>1.3399050364100242</v>
      </c>
      <c r="K4628" s="59">
        <f>Bühler!K4654</f>
        <v>2.0098575546150359</v>
      </c>
      <c r="L4628" s="59">
        <f>Bühler!L4654</f>
        <v>9.647316262152172</v>
      </c>
      <c r="M4628" s="58">
        <f>Bühler!M4654</f>
        <v>0</v>
      </c>
      <c r="N4628" s="56">
        <f>IF(Input!$D$19=1,J4628*Input!$C$19,0)+IF(Input!$D$20=1,K4628*Input!$C$20,0)+IF(Input!$D$21=1,L4628*Input!$C$21,0)+IF(Input!$D$22=1,M4628*Input!$C$22,0)</f>
        <v>0.40197151092300726</v>
      </c>
      <c r="O4628" s="59">
        <f>IF(Input!$D$19=2,J4628*Input!$C$19,0)+IF(Input!$D$20=2,K4628*Input!$C$20,0)+IF(Input!$D$21=2,L4628*Input!$C$21,0)+IF(Input!$D$22=2,M4628*Input!$C$22,0)</f>
        <v>1.004928777307518</v>
      </c>
      <c r="P4628" s="59">
        <f>IF(Input!$D$19=3,J4628*Input!$C$19,0)+IF(Input!$D$20=3,K4628*Input!$C$20,0)+IF(Input!$D$21=3,L4628*Input!$C$21,0)+IF(Input!$D$22=3,M4628*Input!$C$22,0)</f>
        <v>0</v>
      </c>
      <c r="Q4628" s="75">
        <f>IF(Input!$D$19=4,J4628*Input!$C$19,0)+IF(Input!$D$20=4,K4628*Input!$C$20,0)+IF(Input!$D$21=4,L4628*Input!$C$21,0)+IF(Input!$D$22=4,M4628*Input!$C$22,0)</f>
        <v>0</v>
      </c>
      <c r="R4628" s="58">
        <v>71.856238646753155</v>
      </c>
      <c r="S4628" s="124">
        <f t="shared" si="72"/>
        <v>1.7418765473330313</v>
      </c>
    </row>
    <row r="4629" spans="8:19" x14ac:dyDescent="0.3">
      <c r="H4629" s="44">
        <v>4622</v>
      </c>
      <c r="I4629" s="56">
        <f>Bühler!I4655</f>
        <v>0.4019715109230072</v>
      </c>
      <c r="J4629" s="59">
        <f>Bühler!J4655</f>
        <v>1.3399050364100242</v>
      </c>
      <c r="K4629" s="59">
        <f>Bühler!K4655</f>
        <v>2.0098575546150359</v>
      </c>
      <c r="L4629" s="59">
        <f>Bühler!L4655</f>
        <v>9.647316262152172</v>
      </c>
      <c r="M4629" s="58">
        <f>Bühler!M4655</f>
        <v>0</v>
      </c>
      <c r="N4629" s="56">
        <f>IF(Input!$D$19=1,J4629*Input!$C$19,0)+IF(Input!$D$20=1,K4629*Input!$C$20,0)+IF(Input!$D$21=1,L4629*Input!$C$21,0)+IF(Input!$D$22=1,M4629*Input!$C$22,0)</f>
        <v>0.40197151092300726</v>
      </c>
      <c r="O4629" s="59">
        <f>IF(Input!$D$19=2,J4629*Input!$C$19,0)+IF(Input!$D$20=2,K4629*Input!$C$20,0)+IF(Input!$D$21=2,L4629*Input!$C$21,0)+IF(Input!$D$22=2,M4629*Input!$C$22,0)</f>
        <v>1.004928777307518</v>
      </c>
      <c r="P4629" s="59">
        <f>IF(Input!$D$19=3,J4629*Input!$C$19,0)+IF(Input!$D$20=3,K4629*Input!$C$20,0)+IF(Input!$D$21=3,L4629*Input!$C$21,0)+IF(Input!$D$22=3,M4629*Input!$C$22,0)</f>
        <v>0</v>
      </c>
      <c r="Q4629" s="75">
        <f>IF(Input!$D$19=4,J4629*Input!$C$19,0)+IF(Input!$D$20=4,K4629*Input!$C$20,0)+IF(Input!$D$21=4,L4629*Input!$C$21,0)+IF(Input!$D$22=4,M4629*Input!$C$22,0)</f>
        <v>0</v>
      </c>
      <c r="R4629" s="58">
        <v>71.570902743281835</v>
      </c>
      <c r="S4629" s="124">
        <f t="shared" si="72"/>
        <v>1.7418765473330313</v>
      </c>
    </row>
    <row r="4630" spans="8:19" x14ac:dyDescent="0.3">
      <c r="H4630" s="44">
        <v>4623</v>
      </c>
      <c r="I4630" s="56">
        <f>Bühler!I4656</f>
        <v>0.4019715109230072</v>
      </c>
      <c r="J4630" s="59">
        <f>Bühler!J4656</f>
        <v>1.3399050364100242</v>
      </c>
      <c r="K4630" s="59">
        <f>Bühler!K4656</f>
        <v>2.0098575546150359</v>
      </c>
      <c r="L4630" s="59">
        <f>Bühler!L4656</f>
        <v>9.647316262152172</v>
      </c>
      <c r="M4630" s="58">
        <f>Bühler!M4656</f>
        <v>0</v>
      </c>
      <c r="N4630" s="56">
        <f>IF(Input!$D$19=1,J4630*Input!$C$19,0)+IF(Input!$D$20=1,K4630*Input!$C$20,0)+IF(Input!$D$21=1,L4630*Input!$C$21,0)+IF(Input!$D$22=1,M4630*Input!$C$22,0)</f>
        <v>0.40197151092300726</v>
      </c>
      <c r="O4630" s="59">
        <f>IF(Input!$D$19=2,J4630*Input!$C$19,0)+IF(Input!$D$20=2,K4630*Input!$C$20,0)+IF(Input!$D$21=2,L4630*Input!$C$21,0)+IF(Input!$D$22=2,M4630*Input!$C$22,0)</f>
        <v>1.004928777307518</v>
      </c>
      <c r="P4630" s="59">
        <f>IF(Input!$D$19=3,J4630*Input!$C$19,0)+IF(Input!$D$20=3,K4630*Input!$C$20,0)+IF(Input!$D$21=3,L4630*Input!$C$21,0)+IF(Input!$D$22=3,M4630*Input!$C$22,0)</f>
        <v>0</v>
      </c>
      <c r="Q4630" s="75">
        <f>IF(Input!$D$19=4,J4630*Input!$C$19,0)+IF(Input!$D$20=4,K4630*Input!$C$20,0)+IF(Input!$D$21=4,L4630*Input!$C$21,0)+IF(Input!$D$22=4,M4630*Input!$C$22,0)</f>
        <v>0</v>
      </c>
      <c r="R4630" s="58">
        <v>71.495077862999963</v>
      </c>
      <c r="S4630" s="124">
        <f t="shared" si="72"/>
        <v>1.7418765473330313</v>
      </c>
    </row>
    <row r="4631" spans="8:19" x14ac:dyDescent="0.3">
      <c r="H4631" s="44">
        <v>4624</v>
      </c>
      <c r="I4631" s="56">
        <f>Bühler!I4657</f>
        <v>0.4019715109230072</v>
      </c>
      <c r="J4631" s="59">
        <f>Bühler!J4657</f>
        <v>1.3399050364100242</v>
      </c>
      <c r="K4631" s="59">
        <f>Bühler!K4657</f>
        <v>2.0098575546150359</v>
      </c>
      <c r="L4631" s="59">
        <f>Bühler!L4657</f>
        <v>9.647316262152172</v>
      </c>
      <c r="M4631" s="58">
        <f>Bühler!M4657</f>
        <v>0</v>
      </c>
      <c r="N4631" s="56">
        <f>IF(Input!$D$19=1,J4631*Input!$C$19,0)+IF(Input!$D$20=1,K4631*Input!$C$20,0)+IF(Input!$D$21=1,L4631*Input!$C$21,0)+IF(Input!$D$22=1,M4631*Input!$C$22,0)</f>
        <v>0.40197151092300726</v>
      </c>
      <c r="O4631" s="59">
        <f>IF(Input!$D$19=2,J4631*Input!$C$19,0)+IF(Input!$D$20=2,K4631*Input!$C$20,0)+IF(Input!$D$21=2,L4631*Input!$C$21,0)+IF(Input!$D$22=2,M4631*Input!$C$22,0)</f>
        <v>1.004928777307518</v>
      </c>
      <c r="P4631" s="59">
        <f>IF(Input!$D$19=3,J4631*Input!$C$19,0)+IF(Input!$D$20=3,K4631*Input!$C$20,0)+IF(Input!$D$21=3,L4631*Input!$C$21,0)+IF(Input!$D$22=3,M4631*Input!$C$22,0)</f>
        <v>0</v>
      </c>
      <c r="Q4631" s="75">
        <f>IF(Input!$D$19=4,J4631*Input!$C$19,0)+IF(Input!$D$20=4,K4631*Input!$C$20,0)+IF(Input!$D$21=4,L4631*Input!$C$21,0)+IF(Input!$D$22=4,M4631*Input!$C$22,0)</f>
        <v>0</v>
      </c>
      <c r="R4631" s="58">
        <v>70.755605333981777</v>
      </c>
      <c r="S4631" s="124">
        <f t="shared" si="72"/>
        <v>1.7418765473330313</v>
      </c>
    </row>
    <row r="4632" spans="8:19" x14ac:dyDescent="0.3">
      <c r="H4632" s="44">
        <v>4625</v>
      </c>
      <c r="I4632" s="56">
        <f>Bühler!I4658</f>
        <v>0.4019715109230072</v>
      </c>
      <c r="J4632" s="59">
        <f>Bühler!J4658</f>
        <v>1.3399050364100242</v>
      </c>
      <c r="K4632" s="59">
        <f>Bühler!K4658</f>
        <v>2.0098575546150359</v>
      </c>
      <c r="L4632" s="59">
        <f>Bühler!L4658</f>
        <v>9.647316262152172</v>
      </c>
      <c r="M4632" s="58">
        <f>Bühler!M4658</f>
        <v>0</v>
      </c>
      <c r="N4632" s="56">
        <f>IF(Input!$D$19=1,J4632*Input!$C$19,0)+IF(Input!$D$20=1,K4632*Input!$C$20,0)+IF(Input!$D$21=1,L4632*Input!$C$21,0)+IF(Input!$D$22=1,M4632*Input!$C$22,0)</f>
        <v>0.40197151092300726</v>
      </c>
      <c r="O4632" s="59">
        <f>IF(Input!$D$19=2,J4632*Input!$C$19,0)+IF(Input!$D$20=2,K4632*Input!$C$20,0)+IF(Input!$D$21=2,L4632*Input!$C$21,0)+IF(Input!$D$22=2,M4632*Input!$C$22,0)</f>
        <v>1.004928777307518</v>
      </c>
      <c r="P4632" s="59">
        <f>IF(Input!$D$19=3,J4632*Input!$C$19,0)+IF(Input!$D$20=3,K4632*Input!$C$20,0)+IF(Input!$D$21=3,L4632*Input!$C$21,0)+IF(Input!$D$22=3,M4632*Input!$C$22,0)</f>
        <v>0</v>
      </c>
      <c r="Q4632" s="75">
        <f>IF(Input!$D$19=4,J4632*Input!$C$19,0)+IF(Input!$D$20=4,K4632*Input!$C$20,0)+IF(Input!$D$21=4,L4632*Input!$C$21,0)+IF(Input!$D$22=4,M4632*Input!$C$22,0)</f>
        <v>0</v>
      </c>
      <c r="R4632" s="58">
        <v>69.566685099259786</v>
      </c>
      <c r="S4632" s="124">
        <f t="shared" si="72"/>
        <v>1.7418765473330313</v>
      </c>
    </row>
    <row r="4633" spans="8:19" x14ac:dyDescent="0.3">
      <c r="H4633" s="44">
        <v>4626</v>
      </c>
      <c r="I4633" s="56">
        <f>Bühler!I4659</f>
        <v>0.4019715109230072</v>
      </c>
      <c r="J4633" s="59">
        <f>Bühler!J4659</f>
        <v>1.3399050364100242</v>
      </c>
      <c r="K4633" s="59">
        <f>Bühler!K4659</f>
        <v>2.0098575546150359</v>
      </c>
      <c r="L4633" s="59">
        <f>Bühler!L4659</f>
        <v>9.647316262152172</v>
      </c>
      <c r="M4633" s="58">
        <f>Bühler!M4659</f>
        <v>0</v>
      </c>
      <c r="N4633" s="56">
        <f>IF(Input!$D$19=1,J4633*Input!$C$19,0)+IF(Input!$D$20=1,K4633*Input!$C$20,0)+IF(Input!$D$21=1,L4633*Input!$C$21,0)+IF(Input!$D$22=1,M4633*Input!$C$22,0)</f>
        <v>0.40197151092300726</v>
      </c>
      <c r="O4633" s="59">
        <f>IF(Input!$D$19=2,J4633*Input!$C$19,0)+IF(Input!$D$20=2,K4633*Input!$C$20,0)+IF(Input!$D$21=2,L4633*Input!$C$21,0)+IF(Input!$D$22=2,M4633*Input!$C$22,0)</f>
        <v>1.004928777307518</v>
      </c>
      <c r="P4633" s="59">
        <f>IF(Input!$D$19=3,J4633*Input!$C$19,0)+IF(Input!$D$20=3,K4633*Input!$C$20,0)+IF(Input!$D$21=3,L4633*Input!$C$21,0)+IF(Input!$D$22=3,M4633*Input!$C$22,0)</f>
        <v>0</v>
      </c>
      <c r="Q4633" s="75">
        <f>IF(Input!$D$19=4,J4633*Input!$C$19,0)+IF(Input!$D$20=4,K4633*Input!$C$20,0)+IF(Input!$D$21=4,L4633*Input!$C$21,0)+IF(Input!$D$22=4,M4633*Input!$C$22,0)</f>
        <v>0</v>
      </c>
      <c r="R4633" s="58">
        <v>68.325739984464107</v>
      </c>
      <c r="S4633" s="124">
        <f t="shared" si="72"/>
        <v>1.7418765473330313</v>
      </c>
    </row>
    <row r="4634" spans="8:19" x14ac:dyDescent="0.3">
      <c r="H4634" s="44">
        <v>4627</v>
      </c>
      <c r="I4634" s="56">
        <f>Bühler!I4660</f>
        <v>0.4019715109230072</v>
      </c>
      <c r="J4634" s="59">
        <f>Bühler!J4660</f>
        <v>1.3399050364100242</v>
      </c>
      <c r="K4634" s="59">
        <f>Bühler!K4660</f>
        <v>2.0098575546150359</v>
      </c>
      <c r="L4634" s="59">
        <f>Bühler!L4660</f>
        <v>9.647316262152172</v>
      </c>
      <c r="M4634" s="58">
        <f>Bühler!M4660</f>
        <v>0</v>
      </c>
      <c r="N4634" s="56">
        <f>IF(Input!$D$19=1,J4634*Input!$C$19,0)+IF(Input!$D$20=1,K4634*Input!$C$20,0)+IF(Input!$D$21=1,L4634*Input!$C$21,0)+IF(Input!$D$22=1,M4634*Input!$C$22,0)</f>
        <v>0.40197151092300726</v>
      </c>
      <c r="O4634" s="59">
        <f>IF(Input!$D$19=2,J4634*Input!$C$19,0)+IF(Input!$D$20=2,K4634*Input!$C$20,0)+IF(Input!$D$21=2,L4634*Input!$C$21,0)+IF(Input!$D$22=2,M4634*Input!$C$22,0)</f>
        <v>1.004928777307518</v>
      </c>
      <c r="P4634" s="59">
        <f>IF(Input!$D$19=3,J4634*Input!$C$19,0)+IF(Input!$D$20=3,K4634*Input!$C$20,0)+IF(Input!$D$21=3,L4634*Input!$C$21,0)+IF(Input!$D$22=3,M4634*Input!$C$22,0)</f>
        <v>0</v>
      </c>
      <c r="Q4634" s="75">
        <f>IF(Input!$D$19=4,J4634*Input!$C$19,0)+IF(Input!$D$20=4,K4634*Input!$C$20,0)+IF(Input!$D$21=4,L4634*Input!$C$21,0)+IF(Input!$D$22=4,M4634*Input!$C$22,0)</f>
        <v>0</v>
      </c>
      <c r="R4634" s="58">
        <v>67.130128776866755</v>
      </c>
      <c r="S4634" s="124">
        <f t="shared" si="72"/>
        <v>1.7418765473330313</v>
      </c>
    </row>
    <row r="4635" spans="8:19" x14ac:dyDescent="0.3">
      <c r="H4635" s="44">
        <v>4628</v>
      </c>
      <c r="I4635" s="56">
        <f>Bühler!I4661</f>
        <v>0.334976259102506</v>
      </c>
      <c r="J4635" s="59">
        <f>Bühler!J4661</f>
        <v>1.1165875303416868</v>
      </c>
      <c r="K4635" s="59">
        <f>Bühler!K4661</f>
        <v>1.6748812955125298</v>
      </c>
      <c r="L4635" s="59">
        <f>Bühler!L4661</f>
        <v>8.0394302184601436</v>
      </c>
      <c r="M4635" s="58">
        <f>Bühler!M4661</f>
        <v>0</v>
      </c>
      <c r="N4635" s="56">
        <f>IF(Input!$D$19=1,J4635*Input!$C$19,0)+IF(Input!$D$20=1,K4635*Input!$C$20,0)+IF(Input!$D$21=1,L4635*Input!$C$21,0)+IF(Input!$D$22=1,M4635*Input!$C$22,0)</f>
        <v>0.334976259102506</v>
      </c>
      <c r="O4635" s="59">
        <f>IF(Input!$D$19=2,J4635*Input!$C$19,0)+IF(Input!$D$20=2,K4635*Input!$C$20,0)+IF(Input!$D$21=2,L4635*Input!$C$21,0)+IF(Input!$D$22=2,M4635*Input!$C$22,0)</f>
        <v>0.83744064775626492</v>
      </c>
      <c r="P4635" s="59">
        <f>IF(Input!$D$19=3,J4635*Input!$C$19,0)+IF(Input!$D$20=3,K4635*Input!$C$20,0)+IF(Input!$D$21=3,L4635*Input!$C$21,0)+IF(Input!$D$22=3,M4635*Input!$C$22,0)</f>
        <v>0</v>
      </c>
      <c r="Q4635" s="75">
        <f>IF(Input!$D$19=4,J4635*Input!$C$19,0)+IF(Input!$D$20=4,K4635*Input!$C$20,0)+IF(Input!$D$21=4,L4635*Input!$C$21,0)+IF(Input!$D$22=4,M4635*Input!$C$22,0)</f>
        <v>0</v>
      </c>
      <c r="R4635" s="58">
        <v>65.825118004264908</v>
      </c>
      <c r="S4635" s="124">
        <f t="shared" si="72"/>
        <v>1.4515637894441928</v>
      </c>
    </row>
    <row r="4636" spans="8:19" x14ac:dyDescent="0.3">
      <c r="H4636" s="44">
        <v>4629</v>
      </c>
      <c r="I4636" s="56">
        <f>Bühler!I4662</f>
        <v>0.26798100728200475</v>
      </c>
      <c r="J4636" s="59">
        <f>Bühler!J4662</f>
        <v>0.89327002427334934</v>
      </c>
      <c r="K4636" s="59">
        <f>Bühler!K4662</f>
        <v>1.3399050364100238</v>
      </c>
      <c r="L4636" s="59">
        <f>Bühler!L4662</f>
        <v>6.4315441747681144</v>
      </c>
      <c r="M4636" s="58">
        <f>Bühler!M4662</f>
        <v>0</v>
      </c>
      <c r="N4636" s="56">
        <f>IF(Input!$D$19=1,J4636*Input!$C$19,0)+IF(Input!$D$20=1,K4636*Input!$C$20,0)+IF(Input!$D$21=1,L4636*Input!$C$21,0)+IF(Input!$D$22=1,M4636*Input!$C$22,0)</f>
        <v>0.2679810072820048</v>
      </c>
      <c r="O4636" s="59">
        <f>IF(Input!$D$19=2,J4636*Input!$C$19,0)+IF(Input!$D$20=2,K4636*Input!$C$20,0)+IF(Input!$D$21=2,L4636*Input!$C$21,0)+IF(Input!$D$22=2,M4636*Input!$C$22,0)</f>
        <v>0.66995251820501189</v>
      </c>
      <c r="P4636" s="59">
        <f>IF(Input!$D$19=3,J4636*Input!$C$19,0)+IF(Input!$D$20=3,K4636*Input!$C$20,0)+IF(Input!$D$21=3,L4636*Input!$C$21,0)+IF(Input!$D$22=3,M4636*Input!$C$22,0)</f>
        <v>0</v>
      </c>
      <c r="Q4636" s="75">
        <f>IF(Input!$D$19=4,J4636*Input!$C$19,0)+IF(Input!$D$20=4,K4636*Input!$C$20,0)+IF(Input!$D$21=4,L4636*Input!$C$21,0)+IF(Input!$D$22=4,M4636*Input!$C$22,0)</f>
        <v>0</v>
      </c>
      <c r="R4636" s="58">
        <v>63.829722679933354</v>
      </c>
      <c r="S4636" s="124">
        <f t="shared" si="72"/>
        <v>1.1612510315553541</v>
      </c>
    </row>
    <row r="4637" spans="8:19" x14ac:dyDescent="0.3">
      <c r="H4637" s="44">
        <v>4630</v>
      </c>
      <c r="I4637" s="56">
        <f>Bühler!I4663</f>
        <v>0.2009857554615036</v>
      </c>
      <c r="J4637" s="59">
        <f>Bühler!J4663</f>
        <v>0.66995251820501212</v>
      </c>
      <c r="K4637" s="59">
        <f>Bühler!K4663</f>
        <v>1.004928777307518</v>
      </c>
      <c r="L4637" s="59">
        <f>Bühler!L4663</f>
        <v>4.823658131076086</v>
      </c>
      <c r="M4637" s="58">
        <f>Bühler!M4663</f>
        <v>0</v>
      </c>
      <c r="N4637" s="56">
        <f>IF(Input!$D$19=1,J4637*Input!$C$19,0)+IF(Input!$D$20=1,K4637*Input!$C$20,0)+IF(Input!$D$21=1,L4637*Input!$C$21,0)+IF(Input!$D$22=1,M4637*Input!$C$22,0)</f>
        <v>0.20098575546150363</v>
      </c>
      <c r="O4637" s="59">
        <f>IF(Input!$D$19=2,J4637*Input!$C$19,0)+IF(Input!$D$20=2,K4637*Input!$C$20,0)+IF(Input!$D$21=2,L4637*Input!$C$21,0)+IF(Input!$D$22=2,M4637*Input!$C$22,0)</f>
        <v>0.50246438865375898</v>
      </c>
      <c r="P4637" s="59">
        <f>IF(Input!$D$19=3,J4637*Input!$C$19,0)+IF(Input!$D$20=3,K4637*Input!$C$20,0)+IF(Input!$D$21=3,L4637*Input!$C$21,0)+IF(Input!$D$22=3,M4637*Input!$C$22,0)</f>
        <v>0</v>
      </c>
      <c r="Q4637" s="75">
        <f>IF(Input!$D$19=4,J4637*Input!$C$19,0)+IF(Input!$D$20=4,K4637*Input!$C$20,0)+IF(Input!$D$21=4,L4637*Input!$C$21,0)+IF(Input!$D$22=4,M4637*Input!$C$22,0)</f>
        <v>0</v>
      </c>
      <c r="R4637" s="58">
        <v>61.527715112791469</v>
      </c>
      <c r="S4637" s="124">
        <f t="shared" si="72"/>
        <v>0.87093827366651566</v>
      </c>
    </row>
    <row r="4638" spans="8:19" x14ac:dyDescent="0.3">
      <c r="H4638" s="44">
        <v>4631</v>
      </c>
      <c r="I4638" s="56">
        <f>Bühler!I4664</f>
        <v>0.2009857554615036</v>
      </c>
      <c r="J4638" s="59">
        <f>Bühler!J4664</f>
        <v>0.66995251820501212</v>
      </c>
      <c r="K4638" s="59">
        <f>Bühler!K4664</f>
        <v>1.004928777307518</v>
      </c>
      <c r="L4638" s="59">
        <f>Bühler!L4664</f>
        <v>4.823658131076086</v>
      </c>
      <c r="M4638" s="58">
        <f>Bühler!M4664</f>
        <v>0</v>
      </c>
      <c r="N4638" s="56">
        <f>IF(Input!$D$19=1,J4638*Input!$C$19,0)+IF(Input!$D$20=1,K4638*Input!$C$20,0)+IF(Input!$D$21=1,L4638*Input!$C$21,0)+IF(Input!$D$22=1,M4638*Input!$C$22,0)</f>
        <v>0.20098575546150363</v>
      </c>
      <c r="O4638" s="59">
        <f>IF(Input!$D$19=2,J4638*Input!$C$19,0)+IF(Input!$D$20=2,K4638*Input!$C$20,0)+IF(Input!$D$21=2,L4638*Input!$C$21,0)+IF(Input!$D$22=2,M4638*Input!$C$22,0)</f>
        <v>0.50246438865375898</v>
      </c>
      <c r="P4638" s="59">
        <f>IF(Input!$D$19=3,J4638*Input!$C$19,0)+IF(Input!$D$20=3,K4638*Input!$C$20,0)+IF(Input!$D$21=3,L4638*Input!$C$21,0)+IF(Input!$D$22=3,M4638*Input!$C$22,0)</f>
        <v>0</v>
      </c>
      <c r="Q4638" s="75">
        <f>IF(Input!$D$19=4,J4638*Input!$C$19,0)+IF(Input!$D$20=4,K4638*Input!$C$20,0)+IF(Input!$D$21=4,L4638*Input!$C$21,0)+IF(Input!$D$22=4,M4638*Input!$C$22,0)</f>
        <v>0</v>
      </c>
      <c r="R4638" s="58">
        <v>61.030450655215866</v>
      </c>
      <c r="S4638" s="124">
        <f t="shared" si="72"/>
        <v>0.87093827366651566</v>
      </c>
    </row>
    <row r="4639" spans="8:19" x14ac:dyDescent="0.3">
      <c r="H4639" s="44">
        <v>4632</v>
      </c>
      <c r="I4639" s="56">
        <f>Bühler!I4665</f>
        <v>0.2009857554615036</v>
      </c>
      <c r="J4639" s="59">
        <f>Bühler!J4665</f>
        <v>0.66995251820501212</v>
      </c>
      <c r="K4639" s="59">
        <f>Bühler!K4665</f>
        <v>1.004928777307518</v>
      </c>
      <c r="L4639" s="59">
        <f>Bühler!L4665</f>
        <v>4.823658131076086</v>
      </c>
      <c r="M4639" s="58">
        <f>Bühler!M4665</f>
        <v>0</v>
      </c>
      <c r="N4639" s="56">
        <f>IF(Input!$D$19=1,J4639*Input!$C$19,0)+IF(Input!$D$20=1,K4639*Input!$C$20,0)+IF(Input!$D$21=1,L4639*Input!$C$21,0)+IF(Input!$D$22=1,M4639*Input!$C$22,0)</f>
        <v>0.20098575546150363</v>
      </c>
      <c r="O4639" s="59">
        <f>IF(Input!$D$19=2,J4639*Input!$C$19,0)+IF(Input!$D$20=2,K4639*Input!$C$20,0)+IF(Input!$D$21=2,L4639*Input!$C$21,0)+IF(Input!$D$22=2,M4639*Input!$C$22,0)</f>
        <v>0.50246438865375898</v>
      </c>
      <c r="P4639" s="59">
        <f>IF(Input!$D$19=3,J4639*Input!$C$19,0)+IF(Input!$D$20=3,K4639*Input!$C$20,0)+IF(Input!$D$21=3,L4639*Input!$C$21,0)+IF(Input!$D$22=3,M4639*Input!$C$22,0)</f>
        <v>0</v>
      </c>
      <c r="Q4639" s="75">
        <f>IF(Input!$D$19=4,J4639*Input!$C$19,0)+IF(Input!$D$20=4,K4639*Input!$C$20,0)+IF(Input!$D$21=4,L4639*Input!$C$21,0)+IF(Input!$D$22=4,M4639*Input!$C$22,0)</f>
        <v>0</v>
      </c>
      <c r="R4639" s="58">
        <v>60.954621204932252</v>
      </c>
      <c r="S4639" s="124">
        <f t="shared" si="72"/>
        <v>0.87093827366651566</v>
      </c>
    </row>
    <row r="4640" spans="8:19" x14ac:dyDescent="0.3">
      <c r="H4640" s="44">
        <v>4633</v>
      </c>
      <c r="I4640" s="56">
        <f>Bühler!I4666</f>
        <v>0.22568489499025116</v>
      </c>
      <c r="J4640" s="59">
        <f>Bühler!J4666</f>
        <v>0.75228298330083732</v>
      </c>
      <c r="K4640" s="59">
        <f>Bühler!K4666</f>
        <v>1.1284244749512558</v>
      </c>
      <c r="L4640" s="59">
        <f>Bühler!L4666</f>
        <v>5.416437479766028</v>
      </c>
      <c r="M4640" s="58">
        <f>Bühler!M4666</f>
        <v>0</v>
      </c>
      <c r="N4640" s="56">
        <f>IF(Input!$D$19=1,J4640*Input!$C$19,0)+IF(Input!$D$20=1,K4640*Input!$C$20,0)+IF(Input!$D$21=1,L4640*Input!$C$21,0)+IF(Input!$D$22=1,M4640*Input!$C$22,0)</f>
        <v>0.22568489499025118</v>
      </c>
      <c r="O4640" s="59">
        <f>IF(Input!$D$19=2,J4640*Input!$C$19,0)+IF(Input!$D$20=2,K4640*Input!$C$20,0)+IF(Input!$D$21=2,L4640*Input!$C$21,0)+IF(Input!$D$22=2,M4640*Input!$C$22,0)</f>
        <v>0.56421223747562788</v>
      </c>
      <c r="P4640" s="59">
        <f>IF(Input!$D$19=3,J4640*Input!$C$19,0)+IF(Input!$D$20=3,K4640*Input!$C$20,0)+IF(Input!$D$21=3,L4640*Input!$C$21,0)+IF(Input!$D$22=3,M4640*Input!$C$22,0)</f>
        <v>0</v>
      </c>
      <c r="Q4640" s="75">
        <f>IF(Input!$D$19=4,J4640*Input!$C$19,0)+IF(Input!$D$20=4,K4640*Input!$C$20,0)+IF(Input!$D$21=4,L4640*Input!$C$21,0)+IF(Input!$D$22=4,M4640*Input!$C$22,0)</f>
        <v>0</v>
      </c>
      <c r="R4640" s="58">
        <v>59.784750463427621</v>
      </c>
      <c r="S4640" s="124">
        <f t="shared" si="72"/>
        <v>0.97796787829108844</v>
      </c>
    </row>
    <row r="4641" spans="8:19" x14ac:dyDescent="0.3">
      <c r="H4641" s="44">
        <v>4634</v>
      </c>
      <c r="I4641" s="56">
        <f>Bühler!I4667</f>
        <v>0.22568489499025116</v>
      </c>
      <c r="J4641" s="59">
        <f>Bühler!J4667</f>
        <v>0.75228298330083732</v>
      </c>
      <c r="K4641" s="59">
        <f>Bühler!K4667</f>
        <v>1.1284244749512558</v>
      </c>
      <c r="L4641" s="59">
        <f>Bühler!L4667</f>
        <v>5.416437479766028</v>
      </c>
      <c r="M4641" s="58">
        <f>Bühler!M4667</f>
        <v>0</v>
      </c>
      <c r="N4641" s="56">
        <f>IF(Input!$D$19=1,J4641*Input!$C$19,0)+IF(Input!$D$20=1,K4641*Input!$C$20,0)+IF(Input!$D$21=1,L4641*Input!$C$21,0)+IF(Input!$D$22=1,M4641*Input!$C$22,0)</f>
        <v>0.22568489499025118</v>
      </c>
      <c r="O4641" s="59">
        <f>IF(Input!$D$19=2,J4641*Input!$C$19,0)+IF(Input!$D$20=2,K4641*Input!$C$20,0)+IF(Input!$D$21=2,L4641*Input!$C$21,0)+IF(Input!$D$22=2,M4641*Input!$C$22,0)</f>
        <v>0.56421223747562788</v>
      </c>
      <c r="P4641" s="59">
        <f>IF(Input!$D$19=3,J4641*Input!$C$19,0)+IF(Input!$D$20=3,K4641*Input!$C$20,0)+IF(Input!$D$21=3,L4641*Input!$C$21,0)+IF(Input!$D$22=3,M4641*Input!$C$22,0)</f>
        <v>0</v>
      </c>
      <c r="Q4641" s="75">
        <f>IF(Input!$D$19=4,J4641*Input!$C$19,0)+IF(Input!$D$20=4,K4641*Input!$C$20,0)+IF(Input!$D$21=4,L4641*Input!$C$21,0)+IF(Input!$D$22=4,M4641*Input!$C$22,0)</f>
        <v>0</v>
      </c>
      <c r="R4641" s="58">
        <v>59.119934031845588</v>
      </c>
      <c r="S4641" s="124">
        <f t="shared" si="72"/>
        <v>0.97796787829108844</v>
      </c>
    </row>
    <row r="4642" spans="8:19" x14ac:dyDescent="0.3">
      <c r="H4642" s="44">
        <v>4635</v>
      </c>
      <c r="I4642" s="56">
        <f>Bühler!I4668</f>
        <v>0.22568489499025116</v>
      </c>
      <c r="J4642" s="59">
        <f>Bühler!J4668</f>
        <v>0.75228298330083732</v>
      </c>
      <c r="K4642" s="59">
        <f>Bühler!K4668</f>
        <v>1.1284244749512558</v>
      </c>
      <c r="L4642" s="59">
        <f>Bühler!L4668</f>
        <v>5.416437479766028</v>
      </c>
      <c r="M4642" s="58">
        <f>Bühler!M4668</f>
        <v>0</v>
      </c>
      <c r="N4642" s="56">
        <f>IF(Input!$D$19=1,J4642*Input!$C$19,0)+IF(Input!$D$20=1,K4642*Input!$C$20,0)+IF(Input!$D$21=1,L4642*Input!$C$21,0)+IF(Input!$D$22=1,M4642*Input!$C$22,0)</f>
        <v>0.22568489499025118</v>
      </c>
      <c r="O4642" s="59">
        <f>IF(Input!$D$19=2,J4642*Input!$C$19,0)+IF(Input!$D$20=2,K4642*Input!$C$20,0)+IF(Input!$D$21=2,L4642*Input!$C$21,0)+IF(Input!$D$22=2,M4642*Input!$C$22,0)</f>
        <v>0.56421223747562788</v>
      </c>
      <c r="P4642" s="59">
        <f>IF(Input!$D$19=3,J4642*Input!$C$19,0)+IF(Input!$D$20=3,K4642*Input!$C$20,0)+IF(Input!$D$21=3,L4642*Input!$C$21,0)+IF(Input!$D$22=3,M4642*Input!$C$22,0)</f>
        <v>0</v>
      </c>
      <c r="Q4642" s="75">
        <f>IF(Input!$D$19=4,J4642*Input!$C$19,0)+IF(Input!$D$20=4,K4642*Input!$C$20,0)+IF(Input!$D$21=4,L4642*Input!$C$21,0)+IF(Input!$D$22=4,M4642*Input!$C$22,0)</f>
        <v>0</v>
      </c>
      <c r="R4642" s="58">
        <v>59.188352233831047</v>
      </c>
      <c r="S4642" s="124">
        <f t="shared" si="72"/>
        <v>0.97796787829108844</v>
      </c>
    </row>
    <row r="4643" spans="8:19" x14ac:dyDescent="0.3">
      <c r="H4643" s="44">
        <v>4636</v>
      </c>
      <c r="I4643" s="56">
        <f>Bühler!I4669</f>
        <v>0.22568489499025116</v>
      </c>
      <c r="J4643" s="59">
        <f>Bühler!J4669</f>
        <v>0.75228298330083732</v>
      </c>
      <c r="K4643" s="59">
        <f>Bühler!K4669</f>
        <v>1.1284244749512558</v>
      </c>
      <c r="L4643" s="59">
        <f>Bühler!L4669</f>
        <v>5.416437479766028</v>
      </c>
      <c r="M4643" s="58">
        <f>Bühler!M4669</f>
        <v>0</v>
      </c>
      <c r="N4643" s="56">
        <f>IF(Input!$D$19=1,J4643*Input!$C$19,0)+IF(Input!$D$20=1,K4643*Input!$C$20,0)+IF(Input!$D$21=1,L4643*Input!$C$21,0)+IF(Input!$D$22=1,M4643*Input!$C$22,0)</f>
        <v>0.22568489499025118</v>
      </c>
      <c r="O4643" s="59">
        <f>IF(Input!$D$19=2,J4643*Input!$C$19,0)+IF(Input!$D$20=2,K4643*Input!$C$20,0)+IF(Input!$D$21=2,L4643*Input!$C$21,0)+IF(Input!$D$22=2,M4643*Input!$C$22,0)</f>
        <v>0.56421223747562788</v>
      </c>
      <c r="P4643" s="59">
        <f>IF(Input!$D$19=3,J4643*Input!$C$19,0)+IF(Input!$D$20=3,K4643*Input!$C$20,0)+IF(Input!$D$21=3,L4643*Input!$C$21,0)+IF(Input!$D$22=3,M4643*Input!$C$22,0)</f>
        <v>0</v>
      </c>
      <c r="Q4643" s="75">
        <f>IF(Input!$D$19=4,J4643*Input!$C$19,0)+IF(Input!$D$20=4,K4643*Input!$C$20,0)+IF(Input!$D$21=4,L4643*Input!$C$21,0)+IF(Input!$D$22=4,M4643*Input!$C$22,0)</f>
        <v>0</v>
      </c>
      <c r="R4643" s="58">
        <v>59.825015375703423</v>
      </c>
      <c r="S4643" s="124">
        <f t="shared" si="72"/>
        <v>0.97796787829108844</v>
      </c>
    </row>
    <row r="4644" spans="8:19" x14ac:dyDescent="0.3">
      <c r="H4644" s="44">
        <v>4637</v>
      </c>
      <c r="I4644" s="56">
        <f>Bühler!I4670</f>
        <v>0.22568489499025116</v>
      </c>
      <c r="J4644" s="59">
        <f>Bühler!J4670</f>
        <v>0.75228298330083732</v>
      </c>
      <c r="K4644" s="59">
        <f>Bühler!K4670</f>
        <v>1.1284244749512558</v>
      </c>
      <c r="L4644" s="59">
        <f>Bühler!L4670</f>
        <v>5.416437479766028</v>
      </c>
      <c r="M4644" s="58">
        <f>Bühler!M4670</f>
        <v>0</v>
      </c>
      <c r="N4644" s="56">
        <f>IF(Input!$D$19=1,J4644*Input!$C$19,0)+IF(Input!$D$20=1,K4644*Input!$C$20,0)+IF(Input!$D$21=1,L4644*Input!$C$21,0)+IF(Input!$D$22=1,M4644*Input!$C$22,0)</f>
        <v>0.22568489499025118</v>
      </c>
      <c r="O4644" s="59">
        <f>IF(Input!$D$19=2,J4644*Input!$C$19,0)+IF(Input!$D$20=2,K4644*Input!$C$20,0)+IF(Input!$D$21=2,L4644*Input!$C$21,0)+IF(Input!$D$22=2,M4644*Input!$C$22,0)</f>
        <v>0.56421223747562788</v>
      </c>
      <c r="P4644" s="59">
        <f>IF(Input!$D$19=3,J4644*Input!$C$19,0)+IF(Input!$D$20=3,K4644*Input!$C$20,0)+IF(Input!$D$21=3,L4644*Input!$C$21,0)+IF(Input!$D$22=3,M4644*Input!$C$22,0)</f>
        <v>0</v>
      </c>
      <c r="Q4644" s="75">
        <f>IF(Input!$D$19=4,J4644*Input!$C$19,0)+IF(Input!$D$20=4,K4644*Input!$C$20,0)+IF(Input!$D$21=4,L4644*Input!$C$21,0)+IF(Input!$D$22=4,M4644*Input!$C$22,0)</f>
        <v>0</v>
      </c>
      <c r="R4644" s="58">
        <v>61.230601196880237</v>
      </c>
      <c r="S4644" s="124">
        <f t="shared" si="72"/>
        <v>0.97796787829108844</v>
      </c>
    </row>
    <row r="4645" spans="8:19" x14ac:dyDescent="0.3">
      <c r="H4645" s="44">
        <v>4638</v>
      </c>
      <c r="I4645" s="56">
        <f>Bühler!I4671</f>
        <v>0.29088275354299037</v>
      </c>
      <c r="J4645" s="59">
        <f>Bühler!J4671</f>
        <v>0.96960917847663453</v>
      </c>
      <c r="K4645" s="59">
        <f>Bühler!K4671</f>
        <v>1.4544137677149518</v>
      </c>
      <c r="L4645" s="59">
        <f>Bühler!L4671</f>
        <v>6.9811860850317684</v>
      </c>
      <c r="M4645" s="58">
        <f>Bühler!M4671</f>
        <v>0</v>
      </c>
      <c r="N4645" s="56">
        <f>IF(Input!$D$19=1,J4645*Input!$C$19,0)+IF(Input!$D$20=1,K4645*Input!$C$20,0)+IF(Input!$D$21=1,L4645*Input!$C$21,0)+IF(Input!$D$22=1,M4645*Input!$C$22,0)</f>
        <v>0.29088275354299037</v>
      </c>
      <c r="O4645" s="59">
        <f>IF(Input!$D$19=2,J4645*Input!$C$19,0)+IF(Input!$D$20=2,K4645*Input!$C$20,0)+IF(Input!$D$21=2,L4645*Input!$C$21,0)+IF(Input!$D$22=2,M4645*Input!$C$22,0)</f>
        <v>0.72720688385747589</v>
      </c>
      <c r="P4645" s="59">
        <f>IF(Input!$D$19=3,J4645*Input!$C$19,0)+IF(Input!$D$20=3,K4645*Input!$C$20,0)+IF(Input!$D$21=3,L4645*Input!$C$21,0)+IF(Input!$D$22=3,M4645*Input!$C$22,0)</f>
        <v>0</v>
      </c>
      <c r="Q4645" s="75">
        <f>IF(Input!$D$19=4,J4645*Input!$C$19,0)+IF(Input!$D$20=4,K4645*Input!$C$20,0)+IF(Input!$D$21=4,L4645*Input!$C$21,0)+IF(Input!$D$22=4,M4645*Input!$C$22,0)</f>
        <v>0</v>
      </c>
      <c r="R4645" s="58">
        <v>64.185092271194591</v>
      </c>
      <c r="S4645" s="124">
        <f t="shared" si="72"/>
        <v>1.2604919320196248</v>
      </c>
    </row>
    <row r="4646" spans="8:19" x14ac:dyDescent="0.3">
      <c r="H4646" s="44">
        <v>4639</v>
      </c>
      <c r="I4646" s="56">
        <f>Bühler!I4672</f>
        <v>0.3510653922070574</v>
      </c>
      <c r="J4646" s="59">
        <f>Bühler!J4672</f>
        <v>1.1702179740235248</v>
      </c>
      <c r="K4646" s="59">
        <f>Bühler!K4672</f>
        <v>1.7553269610352868</v>
      </c>
      <c r="L4646" s="59">
        <f>Bühler!L4672</f>
        <v>8.4255694129693772</v>
      </c>
      <c r="M4646" s="58">
        <f>Bühler!M4672</f>
        <v>0</v>
      </c>
      <c r="N4646" s="56">
        <f>IF(Input!$D$19=1,J4646*Input!$C$19,0)+IF(Input!$D$20=1,K4646*Input!$C$20,0)+IF(Input!$D$21=1,L4646*Input!$C$21,0)+IF(Input!$D$22=1,M4646*Input!$C$22,0)</f>
        <v>0.3510653922070574</v>
      </c>
      <c r="O4646" s="59">
        <f>IF(Input!$D$19=2,J4646*Input!$C$19,0)+IF(Input!$D$20=2,K4646*Input!$C$20,0)+IF(Input!$D$21=2,L4646*Input!$C$21,0)+IF(Input!$D$22=2,M4646*Input!$C$22,0)</f>
        <v>0.87766348051764342</v>
      </c>
      <c r="P4646" s="59">
        <f>IF(Input!$D$19=3,J4646*Input!$C$19,0)+IF(Input!$D$20=3,K4646*Input!$C$20,0)+IF(Input!$D$21=3,L4646*Input!$C$21,0)+IF(Input!$D$22=3,M4646*Input!$C$22,0)</f>
        <v>0</v>
      </c>
      <c r="Q4646" s="75">
        <f>IF(Input!$D$19=4,J4646*Input!$C$19,0)+IF(Input!$D$20=4,K4646*Input!$C$20,0)+IF(Input!$D$21=4,L4646*Input!$C$21,0)+IF(Input!$D$22=4,M4646*Input!$C$22,0)</f>
        <v>0</v>
      </c>
      <c r="R4646" s="58">
        <v>66.479825788158919</v>
      </c>
      <c r="S4646" s="124">
        <f t="shared" si="72"/>
        <v>1.5212833662305822</v>
      </c>
    </row>
    <row r="4647" spans="8:19" x14ac:dyDescent="0.3">
      <c r="H4647" s="44">
        <v>4640</v>
      </c>
      <c r="I4647" s="56">
        <f>Bühler!I4673</f>
        <v>0.3510653922070574</v>
      </c>
      <c r="J4647" s="59">
        <f>Bühler!J4673</f>
        <v>1.1702179740235248</v>
      </c>
      <c r="K4647" s="59">
        <f>Bühler!K4673</f>
        <v>1.7553269610352868</v>
      </c>
      <c r="L4647" s="59">
        <f>Bühler!L4673</f>
        <v>8.4255694129693772</v>
      </c>
      <c r="M4647" s="58">
        <f>Bühler!M4673</f>
        <v>0</v>
      </c>
      <c r="N4647" s="56">
        <f>IF(Input!$D$19=1,J4647*Input!$C$19,0)+IF(Input!$D$20=1,K4647*Input!$C$20,0)+IF(Input!$D$21=1,L4647*Input!$C$21,0)+IF(Input!$D$22=1,M4647*Input!$C$22,0)</f>
        <v>0.3510653922070574</v>
      </c>
      <c r="O4647" s="59">
        <f>IF(Input!$D$19=2,J4647*Input!$C$19,0)+IF(Input!$D$20=2,K4647*Input!$C$20,0)+IF(Input!$D$21=2,L4647*Input!$C$21,0)+IF(Input!$D$22=2,M4647*Input!$C$22,0)</f>
        <v>0.87766348051764342</v>
      </c>
      <c r="P4647" s="59">
        <f>IF(Input!$D$19=3,J4647*Input!$C$19,0)+IF(Input!$D$20=3,K4647*Input!$C$20,0)+IF(Input!$D$21=3,L4647*Input!$C$21,0)+IF(Input!$D$22=3,M4647*Input!$C$22,0)</f>
        <v>0</v>
      </c>
      <c r="Q4647" s="75">
        <f>IF(Input!$D$19=4,J4647*Input!$C$19,0)+IF(Input!$D$20=4,K4647*Input!$C$20,0)+IF(Input!$D$21=4,L4647*Input!$C$21,0)+IF(Input!$D$22=4,M4647*Input!$C$22,0)</f>
        <v>0</v>
      </c>
      <c r="R4647" s="58">
        <v>68.284906901329521</v>
      </c>
      <c r="S4647" s="124">
        <f t="shared" si="72"/>
        <v>1.5212833662305822</v>
      </c>
    </row>
    <row r="4648" spans="8:19" x14ac:dyDescent="0.3">
      <c r="H4648" s="44">
        <v>4641</v>
      </c>
      <c r="I4648" s="56">
        <f>Bühler!I4674</f>
        <v>0.3510653922070574</v>
      </c>
      <c r="J4648" s="59">
        <f>Bühler!J4674</f>
        <v>1.1702179740235248</v>
      </c>
      <c r="K4648" s="59">
        <f>Bühler!K4674</f>
        <v>1.7553269610352868</v>
      </c>
      <c r="L4648" s="59">
        <f>Bühler!L4674</f>
        <v>8.4255694129693772</v>
      </c>
      <c r="M4648" s="58">
        <f>Bühler!M4674</f>
        <v>0</v>
      </c>
      <c r="N4648" s="56">
        <f>IF(Input!$D$19=1,J4648*Input!$C$19,0)+IF(Input!$D$20=1,K4648*Input!$C$20,0)+IF(Input!$D$21=1,L4648*Input!$C$21,0)+IF(Input!$D$22=1,M4648*Input!$C$22,0)</f>
        <v>0.3510653922070574</v>
      </c>
      <c r="O4648" s="59">
        <f>IF(Input!$D$19=2,J4648*Input!$C$19,0)+IF(Input!$D$20=2,K4648*Input!$C$20,0)+IF(Input!$D$21=2,L4648*Input!$C$21,0)+IF(Input!$D$22=2,M4648*Input!$C$22,0)</f>
        <v>0.87766348051764342</v>
      </c>
      <c r="P4648" s="59">
        <f>IF(Input!$D$19=3,J4648*Input!$C$19,0)+IF(Input!$D$20=3,K4648*Input!$C$20,0)+IF(Input!$D$21=3,L4648*Input!$C$21,0)+IF(Input!$D$22=3,M4648*Input!$C$22,0)</f>
        <v>0</v>
      </c>
      <c r="Q4648" s="75">
        <f>IF(Input!$D$19=4,J4648*Input!$C$19,0)+IF(Input!$D$20=4,K4648*Input!$C$20,0)+IF(Input!$D$21=4,L4648*Input!$C$21,0)+IF(Input!$D$22=4,M4648*Input!$C$22,0)</f>
        <v>0</v>
      </c>
      <c r="R4648" s="58">
        <v>69.668726824183764</v>
      </c>
      <c r="S4648" s="124">
        <f t="shared" si="72"/>
        <v>1.5212833662305822</v>
      </c>
    </row>
    <row r="4649" spans="8:19" x14ac:dyDescent="0.3">
      <c r="H4649" s="44">
        <v>4642</v>
      </c>
      <c r="I4649" s="56">
        <f>Bühler!I4675</f>
        <v>0.3761414916504186</v>
      </c>
      <c r="J4649" s="59">
        <f>Bühler!J4675</f>
        <v>1.2538049721680622</v>
      </c>
      <c r="K4649" s="59">
        <f>Bühler!K4675</f>
        <v>1.8807074582520928</v>
      </c>
      <c r="L4649" s="59">
        <f>Bühler!L4675</f>
        <v>9.027395799610046</v>
      </c>
      <c r="M4649" s="58">
        <f>Bühler!M4675</f>
        <v>0</v>
      </c>
      <c r="N4649" s="56">
        <f>IF(Input!$D$19=1,J4649*Input!$C$19,0)+IF(Input!$D$20=1,K4649*Input!$C$20,0)+IF(Input!$D$21=1,L4649*Input!$C$21,0)+IF(Input!$D$22=1,M4649*Input!$C$22,0)</f>
        <v>0.37614149165041866</v>
      </c>
      <c r="O4649" s="59">
        <f>IF(Input!$D$19=2,J4649*Input!$C$19,0)+IF(Input!$D$20=2,K4649*Input!$C$20,0)+IF(Input!$D$21=2,L4649*Input!$C$21,0)+IF(Input!$D$22=2,M4649*Input!$C$22,0)</f>
        <v>0.94035372912604642</v>
      </c>
      <c r="P4649" s="59">
        <f>IF(Input!$D$19=3,J4649*Input!$C$19,0)+IF(Input!$D$20=3,K4649*Input!$C$20,0)+IF(Input!$D$21=3,L4649*Input!$C$21,0)+IF(Input!$D$22=3,M4649*Input!$C$22,0)</f>
        <v>0</v>
      </c>
      <c r="Q4649" s="75">
        <f>IF(Input!$D$19=4,J4649*Input!$C$19,0)+IF(Input!$D$20=4,K4649*Input!$C$20,0)+IF(Input!$D$21=4,L4649*Input!$C$21,0)+IF(Input!$D$22=4,M4649*Input!$C$22,0)</f>
        <v>0</v>
      </c>
      <c r="R4649" s="58">
        <v>70.383396031669875</v>
      </c>
      <c r="S4649" s="124">
        <f t="shared" si="72"/>
        <v>1.6299464638184809</v>
      </c>
    </row>
    <row r="4650" spans="8:19" x14ac:dyDescent="0.3">
      <c r="H4650" s="44">
        <v>4643</v>
      </c>
      <c r="I4650" s="56">
        <f>Bühler!I4676</f>
        <v>0.39118715131643533</v>
      </c>
      <c r="J4650" s="59">
        <f>Bühler!J4676</f>
        <v>1.3039571710547846</v>
      </c>
      <c r="K4650" s="59">
        <f>Bühler!K4676</f>
        <v>1.9559357565821767</v>
      </c>
      <c r="L4650" s="59">
        <f>Bühler!L4676</f>
        <v>9.388491631594448</v>
      </c>
      <c r="M4650" s="58">
        <f>Bühler!M4676</f>
        <v>0</v>
      </c>
      <c r="N4650" s="56">
        <f>IF(Input!$D$19=1,J4650*Input!$C$19,0)+IF(Input!$D$20=1,K4650*Input!$C$20,0)+IF(Input!$D$21=1,L4650*Input!$C$21,0)+IF(Input!$D$22=1,M4650*Input!$C$22,0)</f>
        <v>0.39118715131643539</v>
      </c>
      <c r="O4650" s="59">
        <f>IF(Input!$D$19=2,J4650*Input!$C$19,0)+IF(Input!$D$20=2,K4650*Input!$C$20,0)+IF(Input!$D$21=2,L4650*Input!$C$21,0)+IF(Input!$D$22=2,M4650*Input!$C$22,0)</f>
        <v>0.97796787829108833</v>
      </c>
      <c r="P4650" s="59">
        <f>IF(Input!$D$19=3,J4650*Input!$C$19,0)+IF(Input!$D$20=3,K4650*Input!$C$20,0)+IF(Input!$D$21=3,L4650*Input!$C$21,0)+IF(Input!$D$22=3,M4650*Input!$C$22,0)</f>
        <v>0</v>
      </c>
      <c r="Q4650" s="75">
        <f>IF(Input!$D$19=4,J4650*Input!$C$19,0)+IF(Input!$D$20=4,K4650*Input!$C$20,0)+IF(Input!$D$21=4,L4650*Input!$C$21,0)+IF(Input!$D$22=4,M4650*Input!$C$22,0)</f>
        <v>0</v>
      </c>
      <c r="R4650" s="58">
        <v>71.33943849092644</v>
      </c>
      <c r="S4650" s="124">
        <f t="shared" si="72"/>
        <v>1.6951443223712199</v>
      </c>
    </row>
    <row r="4651" spans="8:19" x14ac:dyDescent="0.3">
      <c r="H4651" s="44">
        <v>4644</v>
      </c>
      <c r="I4651" s="56">
        <f>Bühler!I4677</f>
        <v>0.45136978998050231</v>
      </c>
      <c r="J4651" s="59">
        <f>Bühler!J4677</f>
        <v>1.5045659666016746</v>
      </c>
      <c r="K4651" s="59">
        <f>Bühler!K4677</f>
        <v>2.2568489499025115</v>
      </c>
      <c r="L4651" s="59">
        <f>Bühler!L4677</f>
        <v>10.832874959532056</v>
      </c>
      <c r="M4651" s="58">
        <f>Bühler!M4677</f>
        <v>0</v>
      </c>
      <c r="N4651" s="56">
        <f>IF(Input!$D$19=1,J4651*Input!$C$19,0)+IF(Input!$D$20=1,K4651*Input!$C$20,0)+IF(Input!$D$21=1,L4651*Input!$C$21,0)+IF(Input!$D$22=1,M4651*Input!$C$22,0)</f>
        <v>0.45136978998050237</v>
      </c>
      <c r="O4651" s="59">
        <f>IF(Input!$D$19=2,J4651*Input!$C$19,0)+IF(Input!$D$20=2,K4651*Input!$C$20,0)+IF(Input!$D$21=2,L4651*Input!$C$21,0)+IF(Input!$D$22=2,M4651*Input!$C$22,0)</f>
        <v>1.1284244749512558</v>
      </c>
      <c r="P4651" s="59">
        <f>IF(Input!$D$19=3,J4651*Input!$C$19,0)+IF(Input!$D$20=3,K4651*Input!$C$20,0)+IF(Input!$D$21=3,L4651*Input!$C$21,0)+IF(Input!$D$22=3,M4651*Input!$C$22,0)</f>
        <v>0</v>
      </c>
      <c r="Q4651" s="75">
        <f>IF(Input!$D$19=4,J4651*Input!$C$19,0)+IF(Input!$D$20=4,K4651*Input!$C$20,0)+IF(Input!$D$21=4,L4651*Input!$C$21,0)+IF(Input!$D$22=4,M4651*Input!$C$22,0)</f>
        <v>0</v>
      </c>
      <c r="R4651" s="58">
        <v>71.668830289824896</v>
      </c>
      <c r="S4651" s="124">
        <f t="shared" si="72"/>
        <v>1.9559357565821769</v>
      </c>
    </row>
    <row r="4652" spans="8:19" x14ac:dyDescent="0.3">
      <c r="H4652" s="44">
        <v>4645</v>
      </c>
      <c r="I4652" s="56">
        <f>Bühler!I4678</f>
        <v>0.45136978998050231</v>
      </c>
      <c r="J4652" s="59">
        <f>Bühler!J4678</f>
        <v>1.5045659666016746</v>
      </c>
      <c r="K4652" s="59">
        <f>Bühler!K4678</f>
        <v>2.2568489499025115</v>
      </c>
      <c r="L4652" s="59">
        <f>Bühler!L4678</f>
        <v>10.832874959532056</v>
      </c>
      <c r="M4652" s="58">
        <f>Bühler!M4678</f>
        <v>0</v>
      </c>
      <c r="N4652" s="56">
        <f>IF(Input!$D$19=1,J4652*Input!$C$19,0)+IF(Input!$D$20=1,K4652*Input!$C$20,0)+IF(Input!$D$21=1,L4652*Input!$C$21,0)+IF(Input!$D$22=1,M4652*Input!$C$22,0)</f>
        <v>0.45136978998050237</v>
      </c>
      <c r="O4652" s="59">
        <f>IF(Input!$D$19=2,J4652*Input!$C$19,0)+IF(Input!$D$20=2,K4652*Input!$C$20,0)+IF(Input!$D$21=2,L4652*Input!$C$21,0)+IF(Input!$D$22=2,M4652*Input!$C$22,0)</f>
        <v>1.1284244749512558</v>
      </c>
      <c r="P4652" s="59">
        <f>IF(Input!$D$19=3,J4652*Input!$C$19,0)+IF(Input!$D$20=3,K4652*Input!$C$20,0)+IF(Input!$D$21=3,L4652*Input!$C$21,0)+IF(Input!$D$22=3,M4652*Input!$C$22,0)</f>
        <v>0</v>
      </c>
      <c r="Q4652" s="75">
        <f>IF(Input!$D$19=4,J4652*Input!$C$19,0)+IF(Input!$D$20=4,K4652*Input!$C$20,0)+IF(Input!$D$21=4,L4652*Input!$C$21,0)+IF(Input!$D$22=4,M4652*Input!$C$22,0)</f>
        <v>0</v>
      </c>
      <c r="R4652" s="58">
        <v>71.077023774369351</v>
      </c>
      <c r="S4652" s="124">
        <f t="shared" si="72"/>
        <v>1.9559357565821769</v>
      </c>
    </row>
    <row r="4653" spans="8:19" x14ac:dyDescent="0.3">
      <c r="H4653" s="44">
        <v>4646</v>
      </c>
      <c r="I4653" s="56">
        <f>Bühler!I4679</f>
        <v>0.45136978998050231</v>
      </c>
      <c r="J4653" s="59">
        <f>Bühler!J4679</f>
        <v>1.5045659666016746</v>
      </c>
      <c r="K4653" s="59">
        <f>Bühler!K4679</f>
        <v>2.2568489499025115</v>
      </c>
      <c r="L4653" s="59">
        <f>Bühler!L4679</f>
        <v>10.832874959532056</v>
      </c>
      <c r="M4653" s="58">
        <f>Bühler!M4679</f>
        <v>0</v>
      </c>
      <c r="N4653" s="56">
        <f>IF(Input!$D$19=1,J4653*Input!$C$19,0)+IF(Input!$D$20=1,K4653*Input!$C$20,0)+IF(Input!$D$21=1,L4653*Input!$C$21,0)+IF(Input!$D$22=1,M4653*Input!$C$22,0)</f>
        <v>0.45136978998050237</v>
      </c>
      <c r="O4653" s="59">
        <f>IF(Input!$D$19=2,J4653*Input!$C$19,0)+IF(Input!$D$20=2,K4653*Input!$C$20,0)+IF(Input!$D$21=2,L4653*Input!$C$21,0)+IF(Input!$D$22=2,M4653*Input!$C$22,0)</f>
        <v>1.1284244749512558</v>
      </c>
      <c r="P4653" s="59">
        <f>IF(Input!$D$19=3,J4653*Input!$C$19,0)+IF(Input!$D$20=3,K4653*Input!$C$20,0)+IF(Input!$D$21=3,L4653*Input!$C$21,0)+IF(Input!$D$22=3,M4653*Input!$C$22,0)</f>
        <v>0</v>
      </c>
      <c r="Q4653" s="75">
        <f>IF(Input!$D$19=4,J4653*Input!$C$19,0)+IF(Input!$D$20=4,K4653*Input!$C$20,0)+IF(Input!$D$21=4,L4653*Input!$C$21,0)+IF(Input!$D$22=4,M4653*Input!$C$22,0)</f>
        <v>0</v>
      </c>
      <c r="R4653" s="58">
        <v>70.841635675378868</v>
      </c>
      <c r="S4653" s="124">
        <f t="shared" si="72"/>
        <v>1.9559357565821769</v>
      </c>
    </row>
    <row r="4654" spans="8:19" x14ac:dyDescent="0.3">
      <c r="H4654" s="44">
        <v>4647</v>
      </c>
      <c r="I4654" s="56">
        <f>Bühler!I4680</f>
        <v>0.45136978998050231</v>
      </c>
      <c r="J4654" s="59">
        <f>Bühler!J4680</f>
        <v>1.5045659666016746</v>
      </c>
      <c r="K4654" s="59">
        <f>Bühler!K4680</f>
        <v>2.2568489499025115</v>
      </c>
      <c r="L4654" s="59">
        <f>Bühler!L4680</f>
        <v>10.832874959532056</v>
      </c>
      <c r="M4654" s="58">
        <f>Bühler!M4680</f>
        <v>0</v>
      </c>
      <c r="N4654" s="56">
        <f>IF(Input!$D$19=1,J4654*Input!$C$19,0)+IF(Input!$D$20=1,K4654*Input!$C$20,0)+IF(Input!$D$21=1,L4654*Input!$C$21,0)+IF(Input!$D$22=1,M4654*Input!$C$22,0)</f>
        <v>0.45136978998050237</v>
      </c>
      <c r="O4654" s="59">
        <f>IF(Input!$D$19=2,J4654*Input!$C$19,0)+IF(Input!$D$20=2,K4654*Input!$C$20,0)+IF(Input!$D$21=2,L4654*Input!$C$21,0)+IF(Input!$D$22=2,M4654*Input!$C$22,0)</f>
        <v>1.1284244749512558</v>
      </c>
      <c r="P4654" s="59">
        <f>IF(Input!$D$19=3,J4654*Input!$C$19,0)+IF(Input!$D$20=3,K4654*Input!$C$20,0)+IF(Input!$D$21=3,L4654*Input!$C$21,0)+IF(Input!$D$22=3,M4654*Input!$C$22,0)</f>
        <v>0</v>
      </c>
      <c r="Q4654" s="75">
        <f>IF(Input!$D$19=4,J4654*Input!$C$19,0)+IF(Input!$D$20=4,K4654*Input!$C$20,0)+IF(Input!$D$21=4,L4654*Input!$C$21,0)+IF(Input!$D$22=4,M4654*Input!$C$22,0)</f>
        <v>0</v>
      </c>
      <c r="R4654" s="58">
        <v>70.895011608796437</v>
      </c>
      <c r="S4654" s="124">
        <f t="shared" si="72"/>
        <v>1.9559357565821769</v>
      </c>
    </row>
    <row r="4655" spans="8:19" x14ac:dyDescent="0.3">
      <c r="H4655" s="44">
        <v>4648</v>
      </c>
      <c r="I4655" s="56">
        <f>Bühler!I4681</f>
        <v>0.3761414916504186</v>
      </c>
      <c r="J4655" s="59">
        <f>Bühler!J4681</f>
        <v>1.2538049721680622</v>
      </c>
      <c r="K4655" s="59">
        <f>Bühler!K4681</f>
        <v>1.8807074582520928</v>
      </c>
      <c r="L4655" s="59">
        <f>Bühler!L4681</f>
        <v>9.027395799610046</v>
      </c>
      <c r="M4655" s="58">
        <f>Bühler!M4681</f>
        <v>0</v>
      </c>
      <c r="N4655" s="56">
        <f>IF(Input!$D$19=1,J4655*Input!$C$19,0)+IF(Input!$D$20=1,K4655*Input!$C$20,0)+IF(Input!$D$21=1,L4655*Input!$C$21,0)+IF(Input!$D$22=1,M4655*Input!$C$22,0)</f>
        <v>0.37614149165041866</v>
      </c>
      <c r="O4655" s="59">
        <f>IF(Input!$D$19=2,J4655*Input!$C$19,0)+IF(Input!$D$20=2,K4655*Input!$C$20,0)+IF(Input!$D$21=2,L4655*Input!$C$21,0)+IF(Input!$D$22=2,M4655*Input!$C$22,0)</f>
        <v>0.94035372912604642</v>
      </c>
      <c r="P4655" s="59">
        <f>IF(Input!$D$19=3,J4655*Input!$C$19,0)+IF(Input!$D$20=3,K4655*Input!$C$20,0)+IF(Input!$D$21=3,L4655*Input!$C$21,0)+IF(Input!$D$22=3,M4655*Input!$C$22,0)</f>
        <v>0</v>
      </c>
      <c r="Q4655" s="75">
        <f>IF(Input!$D$19=4,J4655*Input!$C$19,0)+IF(Input!$D$20=4,K4655*Input!$C$20,0)+IF(Input!$D$21=4,L4655*Input!$C$21,0)+IF(Input!$D$22=4,M4655*Input!$C$22,0)</f>
        <v>0</v>
      </c>
      <c r="R4655" s="58">
        <v>69.759291587983483</v>
      </c>
      <c r="S4655" s="124">
        <f t="shared" si="72"/>
        <v>1.6299464638184809</v>
      </c>
    </row>
    <row r="4656" spans="8:19" x14ac:dyDescent="0.3">
      <c r="H4656" s="44">
        <v>4649</v>
      </c>
      <c r="I4656" s="56">
        <f>Bühler!I4682</f>
        <v>0.35608061209572961</v>
      </c>
      <c r="J4656" s="59">
        <f>Bühler!J4682</f>
        <v>1.1869353736524322</v>
      </c>
      <c r="K4656" s="59">
        <f>Bühler!K4682</f>
        <v>1.780403060478648</v>
      </c>
      <c r="L4656" s="59">
        <f>Bühler!L4682</f>
        <v>8.5459346902975106</v>
      </c>
      <c r="M4656" s="58">
        <f>Bühler!M4682</f>
        <v>0</v>
      </c>
      <c r="N4656" s="56">
        <f>IF(Input!$D$19=1,J4656*Input!$C$19,0)+IF(Input!$D$20=1,K4656*Input!$C$20,0)+IF(Input!$D$21=1,L4656*Input!$C$21,0)+IF(Input!$D$22=1,M4656*Input!$C$22,0)</f>
        <v>0.35608061209572966</v>
      </c>
      <c r="O4656" s="59">
        <f>IF(Input!$D$19=2,J4656*Input!$C$19,0)+IF(Input!$D$20=2,K4656*Input!$C$20,0)+IF(Input!$D$21=2,L4656*Input!$C$21,0)+IF(Input!$D$22=2,M4656*Input!$C$22,0)</f>
        <v>0.89020153023932402</v>
      </c>
      <c r="P4656" s="59">
        <f>IF(Input!$D$19=3,J4656*Input!$C$19,0)+IF(Input!$D$20=3,K4656*Input!$C$20,0)+IF(Input!$D$21=3,L4656*Input!$C$21,0)+IF(Input!$D$22=3,M4656*Input!$C$22,0)</f>
        <v>0</v>
      </c>
      <c r="Q4656" s="75">
        <f>IF(Input!$D$19=4,J4656*Input!$C$19,0)+IF(Input!$D$20=4,K4656*Input!$C$20,0)+IF(Input!$D$21=4,L4656*Input!$C$21,0)+IF(Input!$D$22=4,M4656*Input!$C$22,0)</f>
        <v>0</v>
      </c>
      <c r="R4656" s="58">
        <v>68.490014384612195</v>
      </c>
      <c r="S4656" s="124">
        <f t="shared" si="72"/>
        <v>1.5430159857481618</v>
      </c>
    </row>
    <row r="4657" spans="8:19" x14ac:dyDescent="0.3">
      <c r="H4657" s="44">
        <v>4650</v>
      </c>
      <c r="I4657" s="56">
        <f>Bühler!I4683</f>
        <v>0.35608061209572961</v>
      </c>
      <c r="J4657" s="59">
        <f>Bühler!J4683</f>
        <v>1.1869353736524322</v>
      </c>
      <c r="K4657" s="59">
        <f>Bühler!K4683</f>
        <v>1.780403060478648</v>
      </c>
      <c r="L4657" s="59">
        <f>Bühler!L4683</f>
        <v>8.5459346902975106</v>
      </c>
      <c r="M4657" s="58">
        <f>Bühler!M4683</f>
        <v>0</v>
      </c>
      <c r="N4657" s="56">
        <f>IF(Input!$D$19=1,J4657*Input!$C$19,0)+IF(Input!$D$20=1,K4657*Input!$C$20,0)+IF(Input!$D$21=1,L4657*Input!$C$21,0)+IF(Input!$D$22=1,M4657*Input!$C$22,0)</f>
        <v>0.35608061209572966</v>
      </c>
      <c r="O4657" s="59">
        <f>IF(Input!$D$19=2,J4657*Input!$C$19,0)+IF(Input!$D$20=2,K4657*Input!$C$20,0)+IF(Input!$D$21=2,L4657*Input!$C$21,0)+IF(Input!$D$22=2,M4657*Input!$C$22,0)</f>
        <v>0.89020153023932402</v>
      </c>
      <c r="P4657" s="59">
        <f>IF(Input!$D$19=3,J4657*Input!$C$19,0)+IF(Input!$D$20=3,K4657*Input!$C$20,0)+IF(Input!$D$21=3,L4657*Input!$C$21,0)+IF(Input!$D$22=3,M4657*Input!$C$22,0)</f>
        <v>0</v>
      </c>
      <c r="Q4657" s="75">
        <f>IF(Input!$D$19=4,J4657*Input!$C$19,0)+IF(Input!$D$20=4,K4657*Input!$C$20,0)+IF(Input!$D$21=4,L4657*Input!$C$21,0)+IF(Input!$D$22=4,M4657*Input!$C$22,0)</f>
        <v>0</v>
      </c>
      <c r="R4657" s="58">
        <v>66.663140580748404</v>
      </c>
      <c r="S4657" s="124">
        <f t="shared" si="72"/>
        <v>1.5430159857481618</v>
      </c>
    </row>
    <row r="4658" spans="8:19" x14ac:dyDescent="0.3">
      <c r="H4658" s="44">
        <v>4651</v>
      </c>
      <c r="I4658" s="56">
        <f>Bühler!I4684</f>
        <v>0.35608061209572961</v>
      </c>
      <c r="J4658" s="59">
        <f>Bühler!J4684</f>
        <v>1.1869353736524322</v>
      </c>
      <c r="K4658" s="59">
        <f>Bühler!K4684</f>
        <v>1.780403060478648</v>
      </c>
      <c r="L4658" s="59">
        <f>Bühler!L4684</f>
        <v>8.5459346902975106</v>
      </c>
      <c r="M4658" s="58">
        <f>Bühler!M4684</f>
        <v>0</v>
      </c>
      <c r="N4658" s="56">
        <f>IF(Input!$D$19=1,J4658*Input!$C$19,0)+IF(Input!$D$20=1,K4658*Input!$C$20,0)+IF(Input!$D$21=1,L4658*Input!$C$21,0)+IF(Input!$D$22=1,M4658*Input!$C$22,0)</f>
        <v>0.35608061209572966</v>
      </c>
      <c r="O4658" s="59">
        <f>IF(Input!$D$19=2,J4658*Input!$C$19,0)+IF(Input!$D$20=2,K4658*Input!$C$20,0)+IF(Input!$D$21=2,L4658*Input!$C$21,0)+IF(Input!$D$22=2,M4658*Input!$C$22,0)</f>
        <v>0.89020153023932402</v>
      </c>
      <c r="P4658" s="59">
        <f>IF(Input!$D$19=3,J4658*Input!$C$19,0)+IF(Input!$D$20=3,K4658*Input!$C$20,0)+IF(Input!$D$21=3,L4658*Input!$C$21,0)+IF(Input!$D$22=3,M4658*Input!$C$22,0)</f>
        <v>0</v>
      </c>
      <c r="Q4658" s="75">
        <f>IF(Input!$D$19=4,J4658*Input!$C$19,0)+IF(Input!$D$20=4,K4658*Input!$C$20,0)+IF(Input!$D$21=4,L4658*Input!$C$21,0)+IF(Input!$D$22=4,M4658*Input!$C$22,0)</f>
        <v>0</v>
      </c>
      <c r="R4658" s="58">
        <v>64.938480475092533</v>
      </c>
      <c r="S4658" s="124">
        <f t="shared" si="72"/>
        <v>1.5430159857481618</v>
      </c>
    </row>
    <row r="4659" spans="8:19" x14ac:dyDescent="0.3">
      <c r="H4659" s="44">
        <v>4652</v>
      </c>
      <c r="I4659" s="56">
        <f>Bühler!I4685</f>
        <v>0.35608061209572961</v>
      </c>
      <c r="J4659" s="59">
        <f>Bühler!J4685</f>
        <v>1.1869353736524322</v>
      </c>
      <c r="K4659" s="59">
        <f>Bühler!K4685</f>
        <v>1.780403060478648</v>
      </c>
      <c r="L4659" s="59">
        <f>Bühler!L4685</f>
        <v>8.5459346902975106</v>
      </c>
      <c r="M4659" s="58">
        <f>Bühler!M4685</f>
        <v>0</v>
      </c>
      <c r="N4659" s="56">
        <f>IF(Input!$D$19=1,J4659*Input!$C$19,0)+IF(Input!$D$20=1,K4659*Input!$C$20,0)+IF(Input!$D$21=1,L4659*Input!$C$21,0)+IF(Input!$D$22=1,M4659*Input!$C$22,0)</f>
        <v>0.35608061209572966</v>
      </c>
      <c r="O4659" s="59">
        <f>IF(Input!$D$19=2,J4659*Input!$C$19,0)+IF(Input!$D$20=2,K4659*Input!$C$20,0)+IF(Input!$D$21=2,L4659*Input!$C$21,0)+IF(Input!$D$22=2,M4659*Input!$C$22,0)</f>
        <v>0.89020153023932402</v>
      </c>
      <c r="P4659" s="59">
        <f>IF(Input!$D$19=3,J4659*Input!$C$19,0)+IF(Input!$D$20=3,K4659*Input!$C$20,0)+IF(Input!$D$21=3,L4659*Input!$C$21,0)+IF(Input!$D$22=3,M4659*Input!$C$22,0)</f>
        <v>0</v>
      </c>
      <c r="Q4659" s="75">
        <f>IF(Input!$D$19=4,J4659*Input!$C$19,0)+IF(Input!$D$20=4,K4659*Input!$C$20,0)+IF(Input!$D$21=4,L4659*Input!$C$21,0)+IF(Input!$D$22=4,M4659*Input!$C$22,0)</f>
        <v>0</v>
      </c>
      <c r="R4659" s="58">
        <v>63.36670744325837</v>
      </c>
      <c r="S4659" s="124">
        <f t="shared" si="72"/>
        <v>1.5430159857481618</v>
      </c>
    </row>
    <row r="4660" spans="8:19" x14ac:dyDescent="0.3">
      <c r="H4660" s="44">
        <v>4653</v>
      </c>
      <c r="I4660" s="56">
        <f>Bühler!I4686</f>
        <v>0.27583709387697364</v>
      </c>
      <c r="J4660" s="59">
        <f>Bühler!J4686</f>
        <v>0.91945697958991224</v>
      </c>
      <c r="K4660" s="59">
        <f>Bühler!K4686</f>
        <v>1.3791854693848682</v>
      </c>
      <c r="L4660" s="59">
        <f>Bühler!L4686</f>
        <v>6.6200902530473673</v>
      </c>
      <c r="M4660" s="58">
        <f>Bühler!M4686</f>
        <v>0</v>
      </c>
      <c r="N4660" s="56">
        <f>IF(Input!$D$19=1,J4660*Input!$C$19,0)+IF(Input!$D$20=1,K4660*Input!$C$20,0)+IF(Input!$D$21=1,L4660*Input!$C$21,0)+IF(Input!$D$22=1,M4660*Input!$C$22,0)</f>
        <v>0.27583709387697364</v>
      </c>
      <c r="O4660" s="59">
        <f>IF(Input!$D$19=2,J4660*Input!$C$19,0)+IF(Input!$D$20=2,K4660*Input!$C$20,0)+IF(Input!$D$21=2,L4660*Input!$C$21,0)+IF(Input!$D$22=2,M4660*Input!$C$22,0)</f>
        <v>0.6895927346924341</v>
      </c>
      <c r="P4660" s="59">
        <f>IF(Input!$D$19=3,J4660*Input!$C$19,0)+IF(Input!$D$20=3,K4660*Input!$C$20,0)+IF(Input!$D$21=3,L4660*Input!$C$21,0)+IF(Input!$D$22=3,M4660*Input!$C$22,0)</f>
        <v>0</v>
      </c>
      <c r="Q4660" s="75">
        <f>IF(Input!$D$19=4,J4660*Input!$C$19,0)+IF(Input!$D$20=4,K4660*Input!$C$20,0)+IF(Input!$D$21=4,L4660*Input!$C$21,0)+IF(Input!$D$22=4,M4660*Input!$C$22,0)</f>
        <v>0</v>
      </c>
      <c r="R4660" s="58">
        <v>61.232239924968177</v>
      </c>
      <c r="S4660" s="124">
        <f t="shared" si="72"/>
        <v>1.195294073466886</v>
      </c>
    </row>
    <row r="4661" spans="8:19" x14ac:dyDescent="0.3">
      <c r="H4661" s="44">
        <v>4654</v>
      </c>
      <c r="I4661" s="56">
        <f>Bühler!I4687</f>
        <v>0.10531961766211721</v>
      </c>
      <c r="J4661" s="59">
        <f>Bühler!J4687</f>
        <v>0.3510653922070574</v>
      </c>
      <c r="K4661" s="59">
        <f>Bühler!K4687</f>
        <v>0.52659808831058608</v>
      </c>
      <c r="L4661" s="59">
        <f>Bühler!L4687</f>
        <v>2.527670823890813</v>
      </c>
      <c r="M4661" s="58">
        <f>Bühler!M4687</f>
        <v>0</v>
      </c>
      <c r="N4661" s="56">
        <f>IF(Input!$D$19=1,J4661*Input!$C$19,0)+IF(Input!$D$20=1,K4661*Input!$C$20,0)+IF(Input!$D$21=1,L4661*Input!$C$21,0)+IF(Input!$D$22=1,M4661*Input!$C$22,0)</f>
        <v>0.10531961766211721</v>
      </c>
      <c r="O4661" s="59">
        <f>IF(Input!$D$19=2,J4661*Input!$C$19,0)+IF(Input!$D$20=2,K4661*Input!$C$20,0)+IF(Input!$D$21=2,L4661*Input!$C$21,0)+IF(Input!$D$22=2,M4661*Input!$C$22,0)</f>
        <v>0.26329904415529304</v>
      </c>
      <c r="P4661" s="59">
        <f>IF(Input!$D$19=3,J4661*Input!$C$19,0)+IF(Input!$D$20=3,K4661*Input!$C$20,0)+IF(Input!$D$21=3,L4661*Input!$C$21,0)+IF(Input!$D$22=3,M4661*Input!$C$22,0)</f>
        <v>0</v>
      </c>
      <c r="Q4661" s="75">
        <f>IF(Input!$D$19=4,J4661*Input!$C$19,0)+IF(Input!$D$20=4,K4661*Input!$C$20,0)+IF(Input!$D$21=4,L4661*Input!$C$21,0)+IF(Input!$D$22=4,M4661*Input!$C$22,0)</f>
        <v>0</v>
      </c>
      <c r="R4661" s="58">
        <v>59.573957976448533</v>
      </c>
      <c r="S4661" s="124">
        <f t="shared" si="72"/>
        <v>0.45638500986917463</v>
      </c>
    </row>
    <row r="4662" spans="8:19" x14ac:dyDescent="0.3">
      <c r="H4662" s="44">
        <v>4655</v>
      </c>
      <c r="I4662" s="56">
        <f>Bühler!I4688</f>
        <v>0.10531961766211721</v>
      </c>
      <c r="J4662" s="59">
        <f>Bühler!J4688</f>
        <v>0.3510653922070574</v>
      </c>
      <c r="K4662" s="59">
        <f>Bühler!K4688</f>
        <v>0.52659808831058608</v>
      </c>
      <c r="L4662" s="59">
        <f>Bühler!L4688</f>
        <v>2.527670823890813</v>
      </c>
      <c r="M4662" s="58">
        <f>Bühler!M4688</f>
        <v>0</v>
      </c>
      <c r="N4662" s="56">
        <f>IF(Input!$D$19=1,J4662*Input!$C$19,0)+IF(Input!$D$20=1,K4662*Input!$C$20,0)+IF(Input!$D$21=1,L4662*Input!$C$21,0)+IF(Input!$D$22=1,M4662*Input!$C$22,0)</f>
        <v>0.10531961766211721</v>
      </c>
      <c r="O4662" s="59">
        <f>IF(Input!$D$19=2,J4662*Input!$C$19,0)+IF(Input!$D$20=2,K4662*Input!$C$20,0)+IF(Input!$D$21=2,L4662*Input!$C$21,0)+IF(Input!$D$22=2,M4662*Input!$C$22,0)</f>
        <v>0.26329904415529304</v>
      </c>
      <c r="P4662" s="59">
        <f>IF(Input!$D$19=3,J4662*Input!$C$19,0)+IF(Input!$D$20=3,K4662*Input!$C$20,0)+IF(Input!$D$21=3,L4662*Input!$C$21,0)+IF(Input!$D$22=3,M4662*Input!$C$22,0)</f>
        <v>0</v>
      </c>
      <c r="Q4662" s="75">
        <f>IF(Input!$D$19=4,J4662*Input!$C$19,0)+IF(Input!$D$20=4,K4662*Input!$C$20,0)+IF(Input!$D$21=4,L4662*Input!$C$21,0)+IF(Input!$D$22=4,M4662*Input!$C$22,0)</f>
        <v>0</v>
      </c>
      <c r="R4662" s="58">
        <v>59.086826311076514</v>
      </c>
      <c r="S4662" s="124">
        <f t="shared" si="72"/>
        <v>0.45638500986917463</v>
      </c>
    </row>
    <row r="4663" spans="8:19" x14ac:dyDescent="0.3">
      <c r="H4663" s="44">
        <v>4656</v>
      </c>
      <c r="I4663" s="56">
        <f>Bühler!I4689</f>
        <v>0.10531961766211721</v>
      </c>
      <c r="J4663" s="59">
        <f>Bühler!J4689</f>
        <v>0.3510653922070574</v>
      </c>
      <c r="K4663" s="59">
        <f>Bühler!K4689</f>
        <v>0.52659808831058608</v>
      </c>
      <c r="L4663" s="59">
        <f>Bühler!L4689</f>
        <v>2.527670823890813</v>
      </c>
      <c r="M4663" s="58">
        <f>Bühler!M4689</f>
        <v>0</v>
      </c>
      <c r="N4663" s="56">
        <f>IF(Input!$D$19=1,J4663*Input!$C$19,0)+IF(Input!$D$20=1,K4663*Input!$C$20,0)+IF(Input!$D$21=1,L4663*Input!$C$21,0)+IF(Input!$D$22=1,M4663*Input!$C$22,0)</f>
        <v>0.10531961766211721</v>
      </c>
      <c r="O4663" s="59">
        <f>IF(Input!$D$19=2,J4663*Input!$C$19,0)+IF(Input!$D$20=2,K4663*Input!$C$20,0)+IF(Input!$D$21=2,L4663*Input!$C$21,0)+IF(Input!$D$22=2,M4663*Input!$C$22,0)</f>
        <v>0.26329904415529304</v>
      </c>
      <c r="P4663" s="59">
        <f>IF(Input!$D$19=3,J4663*Input!$C$19,0)+IF(Input!$D$20=3,K4663*Input!$C$20,0)+IF(Input!$D$21=3,L4663*Input!$C$21,0)+IF(Input!$D$22=3,M4663*Input!$C$22,0)</f>
        <v>0</v>
      </c>
      <c r="Q4663" s="75">
        <f>IF(Input!$D$19=4,J4663*Input!$C$19,0)+IF(Input!$D$20=4,K4663*Input!$C$20,0)+IF(Input!$D$21=4,L4663*Input!$C$21,0)+IF(Input!$D$22=4,M4663*Input!$C$22,0)</f>
        <v>0</v>
      </c>
      <c r="R4663" s="58">
        <v>58.156840354126693</v>
      </c>
      <c r="S4663" s="124">
        <f t="shared" si="72"/>
        <v>0.45638500986917463</v>
      </c>
    </row>
    <row r="4664" spans="8:19" x14ac:dyDescent="0.3">
      <c r="H4664" s="44">
        <v>4657</v>
      </c>
      <c r="I4664" s="56">
        <f>Bühler!I4690</f>
        <v>4.8516912773697476E-2</v>
      </c>
      <c r="J4664" s="59">
        <f>Bühler!J4690</f>
        <v>0.16172304257899162</v>
      </c>
      <c r="K4664" s="59">
        <f>Bühler!K4690</f>
        <v>0.24258456386848742</v>
      </c>
      <c r="L4664" s="59">
        <f>Bühler!L4690</f>
        <v>3.5415953942328389</v>
      </c>
      <c r="M4664" s="58">
        <f>Bühler!M4690</f>
        <v>0</v>
      </c>
      <c r="N4664" s="56">
        <f>IF(Input!$D$19=1,J4664*Input!$C$19,0)+IF(Input!$D$20=1,K4664*Input!$C$20,0)+IF(Input!$D$21=1,L4664*Input!$C$21,0)+IF(Input!$D$22=1,M4664*Input!$C$22,0)</f>
        <v>4.8516912773697483E-2</v>
      </c>
      <c r="O4664" s="59">
        <f>IF(Input!$D$19=2,J4664*Input!$C$19,0)+IF(Input!$D$20=2,K4664*Input!$C$20,0)+IF(Input!$D$21=2,L4664*Input!$C$21,0)+IF(Input!$D$22=2,M4664*Input!$C$22,0)</f>
        <v>0.12129228193424371</v>
      </c>
      <c r="P4664" s="59">
        <f>IF(Input!$D$19=3,J4664*Input!$C$19,0)+IF(Input!$D$20=3,K4664*Input!$C$20,0)+IF(Input!$D$21=3,L4664*Input!$C$21,0)+IF(Input!$D$22=3,M4664*Input!$C$22,0)</f>
        <v>0</v>
      </c>
      <c r="Q4664" s="75">
        <f>IF(Input!$D$19=4,J4664*Input!$C$19,0)+IF(Input!$D$20=4,K4664*Input!$C$20,0)+IF(Input!$D$21=4,L4664*Input!$C$21,0)+IF(Input!$D$22=4,M4664*Input!$C$22,0)</f>
        <v>0</v>
      </c>
      <c r="R4664" s="58">
        <v>56.784170117508914</v>
      </c>
      <c r="S4664" s="124">
        <f t="shared" si="72"/>
        <v>0.21023995535268908</v>
      </c>
    </row>
    <row r="4665" spans="8:19" x14ac:dyDescent="0.3">
      <c r="H4665" s="44">
        <v>4658</v>
      </c>
      <c r="I4665" s="56">
        <f>Bühler!I4691</f>
        <v>9.4723496367695073E-2</v>
      </c>
      <c r="J4665" s="59">
        <f>Bühler!J4691</f>
        <v>0.31574498789231698</v>
      </c>
      <c r="K4665" s="59">
        <f>Bühler!K4691</f>
        <v>0.47361748183847546</v>
      </c>
      <c r="L4665" s="59">
        <f>Bühler!L4691</f>
        <v>6.9145433887403049</v>
      </c>
      <c r="M4665" s="58">
        <f>Bühler!M4691</f>
        <v>0</v>
      </c>
      <c r="N4665" s="56">
        <f>IF(Input!$D$19=1,J4665*Input!$C$19,0)+IF(Input!$D$20=1,K4665*Input!$C$20,0)+IF(Input!$D$21=1,L4665*Input!$C$21,0)+IF(Input!$D$22=1,M4665*Input!$C$22,0)</f>
        <v>9.4723496367695087E-2</v>
      </c>
      <c r="O4665" s="59">
        <f>IF(Input!$D$19=2,J4665*Input!$C$19,0)+IF(Input!$D$20=2,K4665*Input!$C$20,0)+IF(Input!$D$21=2,L4665*Input!$C$21,0)+IF(Input!$D$22=2,M4665*Input!$C$22,0)</f>
        <v>0.23680874091923773</v>
      </c>
      <c r="P4665" s="59">
        <f>IF(Input!$D$19=3,J4665*Input!$C$19,0)+IF(Input!$D$20=3,K4665*Input!$C$20,0)+IF(Input!$D$21=3,L4665*Input!$C$21,0)+IF(Input!$D$22=3,M4665*Input!$C$22,0)</f>
        <v>0</v>
      </c>
      <c r="Q4665" s="75">
        <f>IF(Input!$D$19=4,J4665*Input!$C$19,0)+IF(Input!$D$20=4,K4665*Input!$C$20,0)+IF(Input!$D$21=4,L4665*Input!$C$21,0)+IF(Input!$D$22=4,M4665*Input!$C$22,0)</f>
        <v>0</v>
      </c>
      <c r="R4665" s="58">
        <v>55.631691900354255</v>
      </c>
      <c r="S4665" s="124">
        <f t="shared" si="72"/>
        <v>0.41046848426001203</v>
      </c>
    </row>
    <row r="4666" spans="8:19" x14ac:dyDescent="0.3">
      <c r="H4666" s="44">
        <v>4659</v>
      </c>
      <c r="I4666" s="56">
        <f>Bühler!I4692</f>
        <v>9.4723496367695073E-2</v>
      </c>
      <c r="J4666" s="59">
        <f>Bühler!J4692</f>
        <v>0.31574498789231698</v>
      </c>
      <c r="K4666" s="59">
        <f>Bühler!K4692</f>
        <v>0.47361748183847546</v>
      </c>
      <c r="L4666" s="59">
        <f>Bühler!L4692</f>
        <v>6.9145433887403049</v>
      </c>
      <c r="M4666" s="58">
        <f>Bühler!M4692</f>
        <v>0</v>
      </c>
      <c r="N4666" s="56">
        <f>IF(Input!$D$19=1,J4666*Input!$C$19,0)+IF(Input!$D$20=1,K4666*Input!$C$20,0)+IF(Input!$D$21=1,L4666*Input!$C$21,0)+IF(Input!$D$22=1,M4666*Input!$C$22,0)</f>
        <v>9.4723496367695087E-2</v>
      </c>
      <c r="O4666" s="59">
        <f>IF(Input!$D$19=2,J4666*Input!$C$19,0)+IF(Input!$D$20=2,K4666*Input!$C$20,0)+IF(Input!$D$21=2,L4666*Input!$C$21,0)+IF(Input!$D$22=2,M4666*Input!$C$22,0)</f>
        <v>0.23680874091923773</v>
      </c>
      <c r="P4666" s="59">
        <f>IF(Input!$D$19=3,J4666*Input!$C$19,0)+IF(Input!$D$20=3,K4666*Input!$C$20,0)+IF(Input!$D$21=3,L4666*Input!$C$21,0)+IF(Input!$D$22=3,M4666*Input!$C$22,0)</f>
        <v>0</v>
      </c>
      <c r="Q4666" s="75">
        <f>IF(Input!$D$19=4,J4666*Input!$C$19,0)+IF(Input!$D$20=4,K4666*Input!$C$20,0)+IF(Input!$D$21=4,L4666*Input!$C$21,0)+IF(Input!$D$22=4,M4666*Input!$C$22,0)</f>
        <v>0</v>
      </c>
      <c r="R4666" s="58">
        <v>54.72074747344282</v>
      </c>
      <c r="S4666" s="124">
        <f t="shared" si="72"/>
        <v>0.41046848426001203</v>
      </c>
    </row>
    <row r="4667" spans="8:19" x14ac:dyDescent="0.3">
      <c r="H4667" s="44">
        <v>4660</v>
      </c>
      <c r="I4667" s="56">
        <f>Bühler!I4693</f>
        <v>9.4723496367695073E-2</v>
      </c>
      <c r="J4667" s="59">
        <f>Bühler!J4693</f>
        <v>0.31574498789231698</v>
      </c>
      <c r="K4667" s="59">
        <f>Bühler!K4693</f>
        <v>0.47361748183847546</v>
      </c>
      <c r="L4667" s="59">
        <f>Bühler!L4693</f>
        <v>6.9145433887403049</v>
      </c>
      <c r="M4667" s="58">
        <f>Bühler!M4693</f>
        <v>0</v>
      </c>
      <c r="N4667" s="56">
        <f>IF(Input!$D$19=1,J4667*Input!$C$19,0)+IF(Input!$D$20=1,K4667*Input!$C$20,0)+IF(Input!$D$21=1,L4667*Input!$C$21,0)+IF(Input!$D$22=1,M4667*Input!$C$22,0)</f>
        <v>9.4723496367695087E-2</v>
      </c>
      <c r="O4667" s="59">
        <f>IF(Input!$D$19=2,J4667*Input!$C$19,0)+IF(Input!$D$20=2,K4667*Input!$C$20,0)+IF(Input!$D$21=2,L4667*Input!$C$21,0)+IF(Input!$D$22=2,M4667*Input!$C$22,0)</f>
        <v>0.23680874091923773</v>
      </c>
      <c r="P4667" s="59">
        <f>IF(Input!$D$19=3,J4667*Input!$C$19,0)+IF(Input!$D$20=3,K4667*Input!$C$20,0)+IF(Input!$D$21=3,L4667*Input!$C$21,0)+IF(Input!$D$22=3,M4667*Input!$C$22,0)</f>
        <v>0</v>
      </c>
      <c r="Q4667" s="75">
        <f>IF(Input!$D$19=4,J4667*Input!$C$19,0)+IF(Input!$D$20=4,K4667*Input!$C$20,0)+IF(Input!$D$21=4,L4667*Input!$C$21,0)+IF(Input!$D$22=4,M4667*Input!$C$22,0)</f>
        <v>0</v>
      </c>
      <c r="R4667" s="58">
        <v>53.771805698504231</v>
      </c>
      <c r="S4667" s="124">
        <f t="shared" si="72"/>
        <v>0.41046848426001203</v>
      </c>
    </row>
    <row r="4668" spans="8:19" x14ac:dyDescent="0.3">
      <c r="H4668" s="44">
        <v>4661</v>
      </c>
      <c r="I4668" s="56">
        <f>Bühler!I4694</f>
        <v>9.4723496367695073E-2</v>
      </c>
      <c r="J4668" s="59">
        <f>Bühler!J4694</f>
        <v>0.31574498789231698</v>
      </c>
      <c r="K4668" s="59">
        <f>Bühler!K4694</f>
        <v>0.47361748183847546</v>
      </c>
      <c r="L4668" s="59">
        <f>Bühler!L4694</f>
        <v>6.9145433887403049</v>
      </c>
      <c r="M4668" s="58">
        <f>Bühler!M4694</f>
        <v>0</v>
      </c>
      <c r="N4668" s="56">
        <f>IF(Input!$D$19=1,J4668*Input!$C$19,0)+IF(Input!$D$20=1,K4668*Input!$C$20,0)+IF(Input!$D$21=1,L4668*Input!$C$21,0)+IF(Input!$D$22=1,M4668*Input!$C$22,0)</f>
        <v>9.4723496367695087E-2</v>
      </c>
      <c r="O4668" s="59">
        <f>IF(Input!$D$19=2,J4668*Input!$C$19,0)+IF(Input!$D$20=2,K4668*Input!$C$20,0)+IF(Input!$D$21=2,L4668*Input!$C$21,0)+IF(Input!$D$22=2,M4668*Input!$C$22,0)</f>
        <v>0.23680874091923773</v>
      </c>
      <c r="P4668" s="59">
        <f>IF(Input!$D$19=3,J4668*Input!$C$19,0)+IF(Input!$D$20=3,K4668*Input!$C$20,0)+IF(Input!$D$21=3,L4668*Input!$C$21,0)+IF(Input!$D$22=3,M4668*Input!$C$22,0)</f>
        <v>0</v>
      </c>
      <c r="Q4668" s="75">
        <f>IF(Input!$D$19=4,J4668*Input!$C$19,0)+IF(Input!$D$20=4,K4668*Input!$C$20,0)+IF(Input!$D$21=4,L4668*Input!$C$21,0)+IF(Input!$D$22=4,M4668*Input!$C$22,0)</f>
        <v>0</v>
      </c>
      <c r="R4668" s="58">
        <v>52.141576480042445</v>
      </c>
      <c r="S4668" s="124">
        <f t="shared" si="72"/>
        <v>0.41046848426001203</v>
      </c>
    </row>
    <row r="4669" spans="8:19" x14ac:dyDescent="0.3">
      <c r="H4669" s="44">
        <v>4662</v>
      </c>
      <c r="I4669" s="56">
        <f>Bühler!I4695</f>
        <v>0.1178267881646939</v>
      </c>
      <c r="J4669" s="59">
        <f>Bühler!J4695</f>
        <v>0.39275596054897971</v>
      </c>
      <c r="K4669" s="59">
        <f>Bühler!K4695</f>
        <v>0.58913394082346959</v>
      </c>
      <c r="L4669" s="59">
        <f>Bühler!L4695</f>
        <v>8.6010173859940391</v>
      </c>
      <c r="M4669" s="58">
        <f>Bühler!M4695</f>
        <v>0</v>
      </c>
      <c r="N4669" s="56">
        <f>IF(Input!$D$19=1,J4669*Input!$C$19,0)+IF(Input!$D$20=1,K4669*Input!$C$20,0)+IF(Input!$D$21=1,L4669*Input!$C$21,0)+IF(Input!$D$22=1,M4669*Input!$C$22,0)</f>
        <v>0.11782678816469391</v>
      </c>
      <c r="O4669" s="59">
        <f>IF(Input!$D$19=2,J4669*Input!$C$19,0)+IF(Input!$D$20=2,K4669*Input!$C$20,0)+IF(Input!$D$21=2,L4669*Input!$C$21,0)+IF(Input!$D$22=2,M4669*Input!$C$22,0)</f>
        <v>0.2945669704117348</v>
      </c>
      <c r="P4669" s="59">
        <f>IF(Input!$D$19=3,J4669*Input!$C$19,0)+IF(Input!$D$20=3,K4669*Input!$C$20,0)+IF(Input!$D$21=3,L4669*Input!$C$21,0)+IF(Input!$D$22=3,M4669*Input!$C$22,0)</f>
        <v>0</v>
      </c>
      <c r="Q4669" s="75">
        <f>IF(Input!$D$19=4,J4669*Input!$C$19,0)+IF(Input!$D$20=4,K4669*Input!$C$20,0)+IF(Input!$D$21=4,L4669*Input!$C$21,0)+IF(Input!$D$22=4,M4669*Input!$C$22,0)</f>
        <v>0</v>
      </c>
      <c r="R4669" s="58">
        <v>51.746822908083381</v>
      </c>
      <c r="S4669" s="124">
        <f t="shared" si="72"/>
        <v>0.5105827487136736</v>
      </c>
    </row>
    <row r="4670" spans="8:19" x14ac:dyDescent="0.3">
      <c r="H4670" s="44">
        <v>4663</v>
      </c>
      <c r="I4670" s="56">
        <f>Bühler!I4696</f>
        <v>0.14786106750079234</v>
      </c>
      <c r="J4670" s="59">
        <f>Bühler!J4696</f>
        <v>0.49287022500264122</v>
      </c>
      <c r="K4670" s="59">
        <f>Bühler!K4696</f>
        <v>0.73930533750396177</v>
      </c>
      <c r="L4670" s="59">
        <f>Bühler!L4696</f>
        <v>10.793433582423893</v>
      </c>
      <c r="M4670" s="58">
        <f>Bühler!M4696</f>
        <v>0</v>
      </c>
      <c r="N4670" s="56">
        <f>IF(Input!$D$19=1,J4670*Input!$C$19,0)+IF(Input!$D$20=1,K4670*Input!$C$20,0)+IF(Input!$D$21=1,L4670*Input!$C$21,0)+IF(Input!$D$22=1,M4670*Input!$C$22,0)</f>
        <v>0.14786106750079236</v>
      </c>
      <c r="O4670" s="59">
        <f>IF(Input!$D$19=2,J4670*Input!$C$19,0)+IF(Input!$D$20=2,K4670*Input!$C$20,0)+IF(Input!$D$21=2,L4670*Input!$C$21,0)+IF(Input!$D$22=2,M4670*Input!$C$22,0)</f>
        <v>0.36965266875198088</v>
      </c>
      <c r="P4670" s="59">
        <f>IF(Input!$D$19=3,J4670*Input!$C$19,0)+IF(Input!$D$20=3,K4670*Input!$C$20,0)+IF(Input!$D$21=3,L4670*Input!$C$21,0)+IF(Input!$D$22=3,M4670*Input!$C$22,0)</f>
        <v>0</v>
      </c>
      <c r="Q4670" s="75">
        <f>IF(Input!$D$19=4,J4670*Input!$C$19,0)+IF(Input!$D$20=4,K4670*Input!$C$20,0)+IF(Input!$D$21=4,L4670*Input!$C$21,0)+IF(Input!$D$22=4,M4670*Input!$C$22,0)</f>
        <v>0</v>
      </c>
      <c r="R4670" s="58">
        <v>51.257876618591197</v>
      </c>
      <c r="S4670" s="124">
        <f t="shared" si="72"/>
        <v>0.64073129250343352</v>
      </c>
    </row>
    <row r="4671" spans="8:19" x14ac:dyDescent="0.3">
      <c r="H4671" s="44">
        <v>4664</v>
      </c>
      <c r="I4671" s="56">
        <f>Bühler!I4697</f>
        <v>0.16865403011809124</v>
      </c>
      <c r="J4671" s="59">
        <f>Bühler!J4697</f>
        <v>0.56218010039363753</v>
      </c>
      <c r="K4671" s="59">
        <f>Bühler!K4697</f>
        <v>0.84327015059045629</v>
      </c>
      <c r="L4671" s="59">
        <f>Bühler!L4697</f>
        <v>12.311260179952251</v>
      </c>
      <c r="M4671" s="58">
        <f>Bühler!M4697</f>
        <v>0</v>
      </c>
      <c r="N4671" s="56">
        <f>IF(Input!$D$19=1,J4671*Input!$C$19,0)+IF(Input!$D$20=1,K4671*Input!$C$20,0)+IF(Input!$D$21=1,L4671*Input!$C$21,0)+IF(Input!$D$22=1,M4671*Input!$C$22,0)</f>
        <v>0.16865403011809124</v>
      </c>
      <c r="O4671" s="59">
        <f>IF(Input!$D$19=2,J4671*Input!$C$19,0)+IF(Input!$D$20=2,K4671*Input!$C$20,0)+IF(Input!$D$21=2,L4671*Input!$C$21,0)+IF(Input!$D$22=2,M4671*Input!$C$22,0)</f>
        <v>0.42163507529522815</v>
      </c>
      <c r="P4671" s="59">
        <f>IF(Input!$D$19=3,J4671*Input!$C$19,0)+IF(Input!$D$20=3,K4671*Input!$C$20,0)+IF(Input!$D$21=3,L4671*Input!$C$21,0)+IF(Input!$D$22=3,M4671*Input!$C$22,0)</f>
        <v>0</v>
      </c>
      <c r="Q4671" s="75">
        <f>IF(Input!$D$19=4,J4671*Input!$C$19,0)+IF(Input!$D$20=4,K4671*Input!$C$20,0)+IF(Input!$D$21=4,L4671*Input!$C$21,0)+IF(Input!$D$22=4,M4671*Input!$C$22,0)</f>
        <v>0</v>
      </c>
      <c r="R4671" s="58">
        <v>51.669976897200492</v>
      </c>
      <c r="S4671" s="124">
        <f t="shared" si="72"/>
        <v>0.73083413051172874</v>
      </c>
    </row>
    <row r="4672" spans="8:19" x14ac:dyDescent="0.3">
      <c r="H4672" s="44">
        <v>4665</v>
      </c>
      <c r="I4672" s="56">
        <f>Bühler!I4698</f>
        <v>0.16865403011809124</v>
      </c>
      <c r="J4672" s="59">
        <f>Bühler!J4698</f>
        <v>0.56218010039363753</v>
      </c>
      <c r="K4672" s="59">
        <f>Bühler!K4698</f>
        <v>0.84327015059045629</v>
      </c>
      <c r="L4672" s="59">
        <f>Bühler!L4698</f>
        <v>12.311260179952251</v>
      </c>
      <c r="M4672" s="58">
        <f>Bühler!M4698</f>
        <v>0</v>
      </c>
      <c r="N4672" s="56">
        <f>IF(Input!$D$19=1,J4672*Input!$C$19,0)+IF(Input!$D$20=1,K4672*Input!$C$20,0)+IF(Input!$D$21=1,L4672*Input!$C$21,0)+IF(Input!$D$22=1,M4672*Input!$C$22,0)</f>
        <v>0.16865403011809124</v>
      </c>
      <c r="O4672" s="59">
        <f>IF(Input!$D$19=2,J4672*Input!$C$19,0)+IF(Input!$D$20=2,K4672*Input!$C$20,0)+IF(Input!$D$21=2,L4672*Input!$C$21,0)+IF(Input!$D$22=2,M4672*Input!$C$22,0)</f>
        <v>0.42163507529522815</v>
      </c>
      <c r="P4672" s="59">
        <f>IF(Input!$D$19=3,J4672*Input!$C$19,0)+IF(Input!$D$20=3,K4672*Input!$C$20,0)+IF(Input!$D$21=3,L4672*Input!$C$21,0)+IF(Input!$D$22=3,M4672*Input!$C$22,0)</f>
        <v>0</v>
      </c>
      <c r="Q4672" s="75">
        <f>IF(Input!$D$19=4,J4672*Input!$C$19,0)+IF(Input!$D$20=4,K4672*Input!$C$20,0)+IF(Input!$D$21=4,L4672*Input!$C$21,0)+IF(Input!$D$22=4,M4672*Input!$C$22,0)</f>
        <v>0</v>
      </c>
      <c r="R4672" s="58">
        <v>51.515857727376059</v>
      </c>
      <c r="S4672" s="124">
        <f t="shared" si="72"/>
        <v>0.73083413051172874</v>
      </c>
    </row>
    <row r="4673" spans="8:19" x14ac:dyDescent="0.3">
      <c r="H4673" s="44">
        <v>4666</v>
      </c>
      <c r="I4673" s="56">
        <f>Bühler!I4699</f>
        <v>0.16865403011809124</v>
      </c>
      <c r="J4673" s="59">
        <f>Bühler!J4699</f>
        <v>0.56218010039363753</v>
      </c>
      <c r="K4673" s="59">
        <f>Bühler!K4699</f>
        <v>0.84327015059045629</v>
      </c>
      <c r="L4673" s="59">
        <f>Bühler!L4699</f>
        <v>12.311260179952251</v>
      </c>
      <c r="M4673" s="58">
        <f>Bühler!M4699</f>
        <v>0</v>
      </c>
      <c r="N4673" s="56">
        <f>IF(Input!$D$19=1,J4673*Input!$C$19,0)+IF(Input!$D$20=1,K4673*Input!$C$20,0)+IF(Input!$D$21=1,L4673*Input!$C$21,0)+IF(Input!$D$22=1,M4673*Input!$C$22,0)</f>
        <v>0.16865403011809124</v>
      </c>
      <c r="O4673" s="59">
        <f>IF(Input!$D$19=2,J4673*Input!$C$19,0)+IF(Input!$D$20=2,K4673*Input!$C$20,0)+IF(Input!$D$21=2,L4673*Input!$C$21,0)+IF(Input!$D$22=2,M4673*Input!$C$22,0)</f>
        <v>0.42163507529522815</v>
      </c>
      <c r="P4673" s="59">
        <f>IF(Input!$D$19=3,J4673*Input!$C$19,0)+IF(Input!$D$20=3,K4673*Input!$C$20,0)+IF(Input!$D$21=3,L4673*Input!$C$21,0)+IF(Input!$D$22=3,M4673*Input!$C$22,0)</f>
        <v>0</v>
      </c>
      <c r="Q4673" s="75">
        <f>IF(Input!$D$19=4,J4673*Input!$C$19,0)+IF(Input!$D$20=4,K4673*Input!$C$20,0)+IF(Input!$D$21=4,L4673*Input!$C$21,0)+IF(Input!$D$22=4,M4673*Input!$C$22,0)</f>
        <v>0</v>
      </c>
      <c r="R4673" s="58">
        <v>51.440195798057125</v>
      </c>
      <c r="S4673" s="124">
        <f t="shared" si="72"/>
        <v>0.73083413051172874</v>
      </c>
    </row>
    <row r="4674" spans="8:19" x14ac:dyDescent="0.3">
      <c r="H4674" s="44">
        <v>4667</v>
      </c>
      <c r="I4674" s="56">
        <f>Bühler!I4700</f>
        <v>0.16865403011809124</v>
      </c>
      <c r="J4674" s="59">
        <f>Bühler!J4700</f>
        <v>0.56218010039363753</v>
      </c>
      <c r="K4674" s="59">
        <f>Bühler!K4700</f>
        <v>0.84327015059045629</v>
      </c>
      <c r="L4674" s="59">
        <f>Bühler!L4700</f>
        <v>12.311260179952251</v>
      </c>
      <c r="M4674" s="58">
        <f>Bühler!M4700</f>
        <v>0</v>
      </c>
      <c r="N4674" s="56">
        <f>IF(Input!$D$19=1,J4674*Input!$C$19,0)+IF(Input!$D$20=1,K4674*Input!$C$20,0)+IF(Input!$D$21=1,L4674*Input!$C$21,0)+IF(Input!$D$22=1,M4674*Input!$C$22,0)</f>
        <v>0.16865403011809124</v>
      </c>
      <c r="O4674" s="59">
        <f>IF(Input!$D$19=2,J4674*Input!$C$19,0)+IF(Input!$D$20=2,K4674*Input!$C$20,0)+IF(Input!$D$21=2,L4674*Input!$C$21,0)+IF(Input!$D$22=2,M4674*Input!$C$22,0)</f>
        <v>0.42163507529522815</v>
      </c>
      <c r="P4674" s="59">
        <f>IF(Input!$D$19=3,J4674*Input!$C$19,0)+IF(Input!$D$20=3,K4674*Input!$C$20,0)+IF(Input!$D$21=3,L4674*Input!$C$21,0)+IF(Input!$D$22=3,M4674*Input!$C$22,0)</f>
        <v>0</v>
      </c>
      <c r="Q4674" s="75">
        <f>IF(Input!$D$19=4,J4674*Input!$C$19,0)+IF(Input!$D$20=4,K4674*Input!$C$20,0)+IF(Input!$D$21=4,L4674*Input!$C$21,0)+IF(Input!$D$22=4,M4674*Input!$C$22,0)</f>
        <v>0</v>
      </c>
      <c r="R4674" s="58">
        <v>51.392168100397342</v>
      </c>
      <c r="S4674" s="124">
        <f t="shared" si="72"/>
        <v>0.73083413051172874</v>
      </c>
    </row>
    <row r="4675" spans="8:19" x14ac:dyDescent="0.3">
      <c r="H4675" s="44">
        <v>4668</v>
      </c>
      <c r="I4675" s="56">
        <f>Bühler!I4701</f>
        <v>0.16865403011809124</v>
      </c>
      <c r="J4675" s="59">
        <f>Bühler!J4701</f>
        <v>0.56218010039363753</v>
      </c>
      <c r="K4675" s="59">
        <f>Bühler!K4701</f>
        <v>0.84327015059045629</v>
      </c>
      <c r="L4675" s="59">
        <f>Bühler!L4701</f>
        <v>12.311260179952251</v>
      </c>
      <c r="M4675" s="58">
        <f>Bühler!M4701</f>
        <v>0</v>
      </c>
      <c r="N4675" s="56">
        <f>IF(Input!$D$19=1,J4675*Input!$C$19,0)+IF(Input!$D$20=1,K4675*Input!$C$20,0)+IF(Input!$D$21=1,L4675*Input!$C$21,0)+IF(Input!$D$22=1,M4675*Input!$C$22,0)</f>
        <v>0.16865403011809124</v>
      </c>
      <c r="O4675" s="59">
        <f>IF(Input!$D$19=2,J4675*Input!$C$19,0)+IF(Input!$D$20=2,K4675*Input!$C$20,0)+IF(Input!$D$21=2,L4675*Input!$C$21,0)+IF(Input!$D$22=2,M4675*Input!$C$22,0)</f>
        <v>0.42163507529522815</v>
      </c>
      <c r="P4675" s="59">
        <f>IF(Input!$D$19=3,J4675*Input!$C$19,0)+IF(Input!$D$20=3,K4675*Input!$C$20,0)+IF(Input!$D$21=3,L4675*Input!$C$21,0)+IF(Input!$D$22=3,M4675*Input!$C$22,0)</f>
        <v>0</v>
      </c>
      <c r="Q4675" s="75">
        <f>IF(Input!$D$19=4,J4675*Input!$C$19,0)+IF(Input!$D$20=4,K4675*Input!$C$20,0)+IF(Input!$D$21=4,L4675*Input!$C$21,0)+IF(Input!$D$22=4,M4675*Input!$C$22,0)</f>
        <v>0</v>
      </c>
      <c r="R4675" s="58">
        <v>51.110315930819461</v>
      </c>
      <c r="S4675" s="124">
        <f t="shared" si="72"/>
        <v>0.73083413051172874</v>
      </c>
    </row>
    <row r="4676" spans="8:19" x14ac:dyDescent="0.3">
      <c r="H4676" s="44">
        <v>4669</v>
      </c>
      <c r="I4676" s="56">
        <f>Bühler!I4702</f>
        <v>0.16865403011809124</v>
      </c>
      <c r="J4676" s="59">
        <f>Bühler!J4702</f>
        <v>0.56218010039363753</v>
      </c>
      <c r="K4676" s="59">
        <f>Bühler!K4702</f>
        <v>0.84327015059045629</v>
      </c>
      <c r="L4676" s="59">
        <f>Bühler!L4702</f>
        <v>12.311260179952251</v>
      </c>
      <c r="M4676" s="58">
        <f>Bühler!M4702</f>
        <v>0</v>
      </c>
      <c r="N4676" s="56">
        <f>IF(Input!$D$19=1,J4676*Input!$C$19,0)+IF(Input!$D$20=1,K4676*Input!$C$20,0)+IF(Input!$D$21=1,L4676*Input!$C$21,0)+IF(Input!$D$22=1,M4676*Input!$C$22,0)</f>
        <v>0.16865403011809124</v>
      </c>
      <c r="O4676" s="59">
        <f>IF(Input!$D$19=2,J4676*Input!$C$19,0)+IF(Input!$D$20=2,K4676*Input!$C$20,0)+IF(Input!$D$21=2,L4676*Input!$C$21,0)+IF(Input!$D$22=2,M4676*Input!$C$22,0)</f>
        <v>0.42163507529522815</v>
      </c>
      <c r="P4676" s="59">
        <f>IF(Input!$D$19=3,J4676*Input!$C$19,0)+IF(Input!$D$20=3,K4676*Input!$C$20,0)+IF(Input!$D$21=3,L4676*Input!$C$21,0)+IF(Input!$D$22=3,M4676*Input!$C$22,0)</f>
        <v>0</v>
      </c>
      <c r="Q4676" s="75">
        <f>IF(Input!$D$19=4,J4676*Input!$C$19,0)+IF(Input!$D$20=4,K4676*Input!$C$20,0)+IF(Input!$D$21=4,L4676*Input!$C$21,0)+IF(Input!$D$22=4,M4676*Input!$C$22,0)</f>
        <v>0</v>
      </c>
      <c r="R4676" s="58">
        <v>49.651939411038811</v>
      </c>
      <c r="S4676" s="124">
        <f t="shared" si="72"/>
        <v>0.73083413051172874</v>
      </c>
    </row>
    <row r="4677" spans="8:19" x14ac:dyDescent="0.3">
      <c r="H4677" s="44">
        <v>4670</v>
      </c>
      <c r="I4677" s="56">
        <f>Bühler!I4703</f>
        <v>0.16865403011809124</v>
      </c>
      <c r="J4677" s="59">
        <f>Bühler!J4703</f>
        <v>0.56218010039363753</v>
      </c>
      <c r="K4677" s="59">
        <f>Bühler!K4703</f>
        <v>0.84327015059045629</v>
      </c>
      <c r="L4677" s="59">
        <f>Bühler!L4703</f>
        <v>12.311260179952251</v>
      </c>
      <c r="M4677" s="58">
        <f>Bühler!M4703</f>
        <v>0</v>
      </c>
      <c r="N4677" s="56">
        <f>IF(Input!$D$19=1,J4677*Input!$C$19,0)+IF(Input!$D$20=1,K4677*Input!$C$20,0)+IF(Input!$D$21=1,L4677*Input!$C$21,0)+IF(Input!$D$22=1,M4677*Input!$C$22,0)</f>
        <v>0.16865403011809124</v>
      </c>
      <c r="O4677" s="59">
        <f>IF(Input!$D$19=2,J4677*Input!$C$19,0)+IF(Input!$D$20=2,K4677*Input!$C$20,0)+IF(Input!$D$21=2,L4677*Input!$C$21,0)+IF(Input!$D$22=2,M4677*Input!$C$22,0)</f>
        <v>0.42163507529522815</v>
      </c>
      <c r="P4677" s="59">
        <f>IF(Input!$D$19=3,J4677*Input!$C$19,0)+IF(Input!$D$20=3,K4677*Input!$C$20,0)+IF(Input!$D$21=3,L4677*Input!$C$21,0)+IF(Input!$D$22=3,M4677*Input!$C$22,0)</f>
        <v>0</v>
      </c>
      <c r="Q4677" s="75">
        <f>IF(Input!$D$19=4,J4677*Input!$C$19,0)+IF(Input!$D$20=4,K4677*Input!$C$20,0)+IF(Input!$D$21=4,L4677*Input!$C$21,0)+IF(Input!$D$22=4,M4677*Input!$C$22,0)</f>
        <v>0</v>
      </c>
      <c r="R4677" s="58">
        <v>48.353668273004558</v>
      </c>
      <c r="S4677" s="124">
        <f t="shared" si="72"/>
        <v>0.73083413051172874</v>
      </c>
    </row>
    <row r="4678" spans="8:19" x14ac:dyDescent="0.3">
      <c r="H4678" s="44">
        <v>4671</v>
      </c>
      <c r="I4678" s="56">
        <f>Bühler!I4704</f>
        <v>0.16865403011809124</v>
      </c>
      <c r="J4678" s="59">
        <f>Bühler!J4704</f>
        <v>0.56218010039363753</v>
      </c>
      <c r="K4678" s="59">
        <f>Bühler!K4704</f>
        <v>0.84327015059045629</v>
      </c>
      <c r="L4678" s="59">
        <f>Bühler!L4704</f>
        <v>12.311260179952251</v>
      </c>
      <c r="M4678" s="58">
        <f>Bühler!M4704</f>
        <v>0</v>
      </c>
      <c r="N4678" s="56">
        <f>IF(Input!$D$19=1,J4678*Input!$C$19,0)+IF(Input!$D$20=1,K4678*Input!$C$20,0)+IF(Input!$D$21=1,L4678*Input!$C$21,0)+IF(Input!$D$22=1,M4678*Input!$C$22,0)</f>
        <v>0.16865403011809124</v>
      </c>
      <c r="O4678" s="59">
        <f>IF(Input!$D$19=2,J4678*Input!$C$19,0)+IF(Input!$D$20=2,K4678*Input!$C$20,0)+IF(Input!$D$21=2,L4678*Input!$C$21,0)+IF(Input!$D$22=2,M4678*Input!$C$22,0)</f>
        <v>0.42163507529522815</v>
      </c>
      <c r="P4678" s="59">
        <f>IF(Input!$D$19=3,J4678*Input!$C$19,0)+IF(Input!$D$20=3,K4678*Input!$C$20,0)+IF(Input!$D$21=3,L4678*Input!$C$21,0)+IF(Input!$D$22=3,M4678*Input!$C$22,0)</f>
        <v>0</v>
      </c>
      <c r="Q4678" s="75">
        <f>IF(Input!$D$19=4,J4678*Input!$C$19,0)+IF(Input!$D$20=4,K4678*Input!$C$20,0)+IF(Input!$D$21=4,L4678*Input!$C$21,0)+IF(Input!$D$22=4,M4678*Input!$C$22,0)</f>
        <v>0</v>
      </c>
      <c r="R4678" s="58">
        <v>47.736693443904599</v>
      </c>
      <c r="S4678" s="124">
        <f t="shared" si="72"/>
        <v>0.73083413051172874</v>
      </c>
    </row>
    <row r="4679" spans="8:19" x14ac:dyDescent="0.3">
      <c r="H4679" s="44">
        <v>4672</v>
      </c>
      <c r="I4679" s="56">
        <f>Bühler!I4705</f>
        <v>0.15248172586019207</v>
      </c>
      <c r="J4679" s="59">
        <f>Bühler!J4705</f>
        <v>0.50827241953397362</v>
      </c>
      <c r="K4679" s="59">
        <f>Bühler!K4705</f>
        <v>0.76240862930096054</v>
      </c>
      <c r="L4679" s="59">
        <f>Bühler!L4705</f>
        <v>11.130728381874636</v>
      </c>
      <c r="M4679" s="58">
        <f>Bühler!M4705</f>
        <v>0</v>
      </c>
      <c r="N4679" s="56">
        <f>IF(Input!$D$19=1,J4679*Input!$C$19,0)+IF(Input!$D$20=1,K4679*Input!$C$20,0)+IF(Input!$D$21=1,L4679*Input!$C$21,0)+IF(Input!$D$22=1,M4679*Input!$C$22,0)</f>
        <v>0.15248172586019207</v>
      </c>
      <c r="O4679" s="59">
        <f>IF(Input!$D$19=2,J4679*Input!$C$19,0)+IF(Input!$D$20=2,K4679*Input!$C$20,0)+IF(Input!$D$21=2,L4679*Input!$C$21,0)+IF(Input!$D$22=2,M4679*Input!$C$22,0)</f>
        <v>0.38120431465048027</v>
      </c>
      <c r="P4679" s="59">
        <f>IF(Input!$D$19=3,J4679*Input!$C$19,0)+IF(Input!$D$20=3,K4679*Input!$C$20,0)+IF(Input!$D$21=3,L4679*Input!$C$21,0)+IF(Input!$D$22=3,M4679*Input!$C$22,0)</f>
        <v>0</v>
      </c>
      <c r="Q4679" s="75">
        <f>IF(Input!$D$19=4,J4679*Input!$C$19,0)+IF(Input!$D$20=4,K4679*Input!$C$20,0)+IF(Input!$D$21=4,L4679*Input!$C$21,0)+IF(Input!$D$22=4,M4679*Input!$C$22,0)</f>
        <v>0</v>
      </c>
      <c r="R4679" s="58">
        <v>47.671051351252942</v>
      </c>
      <c r="S4679" s="124">
        <f t="shared" si="72"/>
        <v>0.66075414539416566</v>
      </c>
    </row>
    <row r="4680" spans="8:19" x14ac:dyDescent="0.3">
      <c r="H4680" s="44">
        <v>4673</v>
      </c>
      <c r="I4680" s="56">
        <f>Bühler!I4706</f>
        <v>0.13861975078199282</v>
      </c>
      <c r="J4680" s="59">
        <f>Bühler!J4706</f>
        <v>0.46206583593997608</v>
      </c>
      <c r="K4680" s="59">
        <f>Bühler!K4706</f>
        <v>0.69309875390996412</v>
      </c>
      <c r="L4680" s="59">
        <f>Bühler!L4706</f>
        <v>10.118843983522398</v>
      </c>
      <c r="M4680" s="58">
        <f>Bühler!M4706</f>
        <v>0</v>
      </c>
      <c r="N4680" s="56">
        <f>IF(Input!$D$19=1,J4680*Input!$C$19,0)+IF(Input!$D$20=1,K4680*Input!$C$20,0)+IF(Input!$D$21=1,L4680*Input!$C$21,0)+IF(Input!$D$22=1,M4680*Input!$C$22,0)</f>
        <v>0.13861975078199282</v>
      </c>
      <c r="O4680" s="59">
        <f>IF(Input!$D$19=2,J4680*Input!$C$19,0)+IF(Input!$D$20=2,K4680*Input!$C$20,0)+IF(Input!$D$21=2,L4680*Input!$C$21,0)+IF(Input!$D$22=2,M4680*Input!$C$22,0)</f>
        <v>0.34654937695498206</v>
      </c>
      <c r="P4680" s="59">
        <f>IF(Input!$D$19=3,J4680*Input!$C$19,0)+IF(Input!$D$20=3,K4680*Input!$C$20,0)+IF(Input!$D$21=3,L4680*Input!$C$21,0)+IF(Input!$D$22=3,M4680*Input!$C$22,0)</f>
        <v>0</v>
      </c>
      <c r="Q4680" s="75">
        <f>IF(Input!$D$19=4,J4680*Input!$C$19,0)+IF(Input!$D$20=4,K4680*Input!$C$20,0)+IF(Input!$D$21=4,L4680*Input!$C$21,0)+IF(Input!$D$22=4,M4680*Input!$C$22,0)</f>
        <v>0</v>
      </c>
      <c r="R4680" s="58">
        <v>46.740974876886895</v>
      </c>
      <c r="S4680" s="124">
        <f t="shared" si="72"/>
        <v>0.60068558672196892</v>
      </c>
    </row>
    <row r="4681" spans="8:19" x14ac:dyDescent="0.3">
      <c r="H4681" s="44">
        <v>4674</v>
      </c>
      <c r="I4681" s="56">
        <f>Bühler!I4707</f>
        <v>0.12475777570379352</v>
      </c>
      <c r="J4681" s="59">
        <f>Bühler!J4707</f>
        <v>0.41585925234597848</v>
      </c>
      <c r="K4681" s="59">
        <f>Bühler!K4707</f>
        <v>0.62378887851896769</v>
      </c>
      <c r="L4681" s="59">
        <f>Bühler!L4707</f>
        <v>9.1069595851701592</v>
      </c>
      <c r="M4681" s="58">
        <f>Bühler!M4707</f>
        <v>0</v>
      </c>
      <c r="N4681" s="56">
        <f>IF(Input!$D$19=1,J4681*Input!$C$19,0)+IF(Input!$D$20=1,K4681*Input!$C$20,0)+IF(Input!$D$21=1,L4681*Input!$C$21,0)+IF(Input!$D$22=1,M4681*Input!$C$22,0)</f>
        <v>0.12475777570379354</v>
      </c>
      <c r="O4681" s="59">
        <f>IF(Input!$D$19=2,J4681*Input!$C$19,0)+IF(Input!$D$20=2,K4681*Input!$C$20,0)+IF(Input!$D$21=2,L4681*Input!$C$21,0)+IF(Input!$D$22=2,M4681*Input!$C$22,0)</f>
        <v>0.31189443925948385</v>
      </c>
      <c r="P4681" s="59">
        <f>IF(Input!$D$19=3,J4681*Input!$C$19,0)+IF(Input!$D$20=3,K4681*Input!$C$20,0)+IF(Input!$D$21=3,L4681*Input!$C$21,0)+IF(Input!$D$22=3,M4681*Input!$C$22,0)</f>
        <v>0</v>
      </c>
      <c r="Q4681" s="75">
        <f>IF(Input!$D$19=4,J4681*Input!$C$19,0)+IF(Input!$D$20=4,K4681*Input!$C$20,0)+IF(Input!$D$21=4,L4681*Input!$C$21,0)+IF(Input!$D$22=4,M4681*Input!$C$22,0)</f>
        <v>0</v>
      </c>
      <c r="R4681" s="58">
        <v>45.740228484189721</v>
      </c>
      <c r="S4681" s="124">
        <f t="shared" ref="S4681:S4744" si="73">I4681+J4681</f>
        <v>0.54061702804977196</v>
      </c>
    </row>
    <row r="4682" spans="8:19" x14ac:dyDescent="0.3">
      <c r="H4682" s="44">
        <v>4675</v>
      </c>
      <c r="I4682" s="56">
        <f>Bühler!I4708</f>
        <v>0.12013711734439375</v>
      </c>
      <c r="J4682" s="59">
        <f>Bühler!J4708</f>
        <v>0.40045705781464591</v>
      </c>
      <c r="K4682" s="59">
        <f>Bühler!K4708</f>
        <v>0.60068558672196881</v>
      </c>
      <c r="L4682" s="59">
        <f>Bühler!L4708</f>
        <v>8.7696647857194101</v>
      </c>
      <c r="M4682" s="58">
        <f>Bühler!M4708</f>
        <v>0</v>
      </c>
      <c r="N4682" s="56">
        <f>IF(Input!$D$19=1,J4682*Input!$C$19,0)+IF(Input!$D$20=1,K4682*Input!$C$20,0)+IF(Input!$D$21=1,L4682*Input!$C$21,0)+IF(Input!$D$22=1,M4682*Input!$C$22,0)</f>
        <v>0.12013711734439377</v>
      </c>
      <c r="O4682" s="59">
        <f>IF(Input!$D$19=2,J4682*Input!$C$19,0)+IF(Input!$D$20=2,K4682*Input!$C$20,0)+IF(Input!$D$21=2,L4682*Input!$C$21,0)+IF(Input!$D$22=2,M4682*Input!$C$22,0)</f>
        <v>0.30034279336098441</v>
      </c>
      <c r="P4682" s="59">
        <f>IF(Input!$D$19=3,J4682*Input!$C$19,0)+IF(Input!$D$20=3,K4682*Input!$C$20,0)+IF(Input!$D$21=3,L4682*Input!$C$21,0)+IF(Input!$D$22=3,M4682*Input!$C$22,0)</f>
        <v>0</v>
      </c>
      <c r="Q4682" s="75">
        <f>IF(Input!$D$19=4,J4682*Input!$C$19,0)+IF(Input!$D$20=4,K4682*Input!$C$20,0)+IF(Input!$D$21=4,L4682*Input!$C$21,0)+IF(Input!$D$22=4,M4682*Input!$C$22,0)</f>
        <v>0</v>
      </c>
      <c r="R4682" s="58">
        <v>44.925443817315447</v>
      </c>
      <c r="S4682" s="124">
        <f t="shared" si="73"/>
        <v>0.52059417515903972</v>
      </c>
    </row>
    <row r="4683" spans="8:19" x14ac:dyDescent="0.3">
      <c r="H4683" s="44">
        <v>4676</v>
      </c>
      <c r="I4683" s="56">
        <f>Bühler!I4709</f>
        <v>9.7033825547394953E-2</v>
      </c>
      <c r="J4683" s="59">
        <f>Bühler!J4709</f>
        <v>0.32344608515798323</v>
      </c>
      <c r="K4683" s="59">
        <f>Bühler!K4709</f>
        <v>0.48516912773697485</v>
      </c>
      <c r="L4683" s="59">
        <f>Bühler!L4709</f>
        <v>7.0831907884656777</v>
      </c>
      <c r="M4683" s="58">
        <f>Bühler!M4709</f>
        <v>0</v>
      </c>
      <c r="N4683" s="56">
        <f>IF(Input!$D$19=1,J4683*Input!$C$19,0)+IF(Input!$D$20=1,K4683*Input!$C$20,0)+IF(Input!$D$21=1,L4683*Input!$C$21,0)+IF(Input!$D$22=1,M4683*Input!$C$22,0)</f>
        <v>9.7033825547394967E-2</v>
      </c>
      <c r="O4683" s="59">
        <f>IF(Input!$D$19=2,J4683*Input!$C$19,0)+IF(Input!$D$20=2,K4683*Input!$C$20,0)+IF(Input!$D$21=2,L4683*Input!$C$21,0)+IF(Input!$D$22=2,M4683*Input!$C$22,0)</f>
        <v>0.24258456386848742</v>
      </c>
      <c r="P4683" s="59">
        <f>IF(Input!$D$19=3,J4683*Input!$C$19,0)+IF(Input!$D$20=3,K4683*Input!$C$20,0)+IF(Input!$D$21=3,L4683*Input!$C$21,0)+IF(Input!$D$22=3,M4683*Input!$C$22,0)</f>
        <v>0</v>
      </c>
      <c r="Q4683" s="75">
        <f>IF(Input!$D$19=4,J4683*Input!$C$19,0)+IF(Input!$D$20=4,K4683*Input!$C$20,0)+IF(Input!$D$21=4,L4683*Input!$C$21,0)+IF(Input!$D$22=4,M4683*Input!$C$22,0)</f>
        <v>0</v>
      </c>
      <c r="R4683" s="58">
        <v>44.004780977713466</v>
      </c>
      <c r="S4683" s="124">
        <f t="shared" si="73"/>
        <v>0.42047991070537816</v>
      </c>
    </row>
    <row r="4684" spans="8:19" x14ac:dyDescent="0.3">
      <c r="H4684" s="44">
        <v>4677</v>
      </c>
      <c r="I4684" s="56">
        <f>Bühler!I4710</f>
        <v>7.1620204570696275E-2</v>
      </c>
      <c r="J4684" s="59">
        <f>Bühler!J4710</f>
        <v>0.23873401523565427</v>
      </c>
      <c r="K4684" s="59">
        <f>Bühler!K4710</f>
        <v>0.35810102285348144</v>
      </c>
      <c r="L4684" s="59">
        <f>Bühler!L4710</f>
        <v>5.2280693914865717</v>
      </c>
      <c r="M4684" s="58">
        <f>Bühler!M4710</f>
        <v>0</v>
      </c>
      <c r="N4684" s="56">
        <f>IF(Input!$D$19=1,J4684*Input!$C$19,0)+IF(Input!$D$20=1,K4684*Input!$C$20,0)+IF(Input!$D$21=1,L4684*Input!$C$21,0)+IF(Input!$D$22=1,M4684*Input!$C$22,0)</f>
        <v>7.1620204570696275E-2</v>
      </c>
      <c r="O4684" s="59">
        <f>IF(Input!$D$19=2,J4684*Input!$C$19,0)+IF(Input!$D$20=2,K4684*Input!$C$20,0)+IF(Input!$D$21=2,L4684*Input!$C$21,0)+IF(Input!$D$22=2,M4684*Input!$C$22,0)</f>
        <v>0.17905051142674072</v>
      </c>
      <c r="P4684" s="59">
        <f>IF(Input!$D$19=3,J4684*Input!$C$19,0)+IF(Input!$D$20=3,K4684*Input!$C$20,0)+IF(Input!$D$21=3,L4684*Input!$C$21,0)+IF(Input!$D$22=3,M4684*Input!$C$22,0)</f>
        <v>0</v>
      </c>
      <c r="Q4684" s="75">
        <f>IF(Input!$D$19=4,J4684*Input!$C$19,0)+IF(Input!$D$20=4,K4684*Input!$C$20,0)+IF(Input!$D$21=4,L4684*Input!$C$21,0)+IF(Input!$D$22=4,M4684*Input!$C$22,0)</f>
        <v>0</v>
      </c>
      <c r="R4684" s="58">
        <v>42.989218541340882</v>
      </c>
      <c r="S4684" s="124">
        <f t="shared" si="73"/>
        <v>0.31035421980635053</v>
      </c>
    </row>
    <row r="4685" spans="8:19" x14ac:dyDescent="0.3">
      <c r="H4685" s="44">
        <v>4678</v>
      </c>
      <c r="I4685" s="56">
        <f>Bühler!I4711</f>
        <v>7.1620204570696275E-2</v>
      </c>
      <c r="J4685" s="59">
        <f>Bühler!J4711</f>
        <v>0.23873401523565427</v>
      </c>
      <c r="K4685" s="59">
        <f>Bühler!K4711</f>
        <v>0.35810102285348144</v>
      </c>
      <c r="L4685" s="59">
        <f>Bühler!L4711</f>
        <v>5.2280693914865717</v>
      </c>
      <c r="M4685" s="58">
        <f>Bühler!M4711</f>
        <v>0</v>
      </c>
      <c r="N4685" s="56">
        <f>IF(Input!$D$19=1,J4685*Input!$C$19,0)+IF(Input!$D$20=1,K4685*Input!$C$20,0)+IF(Input!$D$21=1,L4685*Input!$C$21,0)+IF(Input!$D$22=1,M4685*Input!$C$22,0)</f>
        <v>7.1620204570696275E-2</v>
      </c>
      <c r="O4685" s="59">
        <f>IF(Input!$D$19=2,J4685*Input!$C$19,0)+IF(Input!$D$20=2,K4685*Input!$C$20,0)+IF(Input!$D$21=2,L4685*Input!$C$21,0)+IF(Input!$D$22=2,M4685*Input!$C$22,0)</f>
        <v>0.17905051142674072</v>
      </c>
      <c r="P4685" s="59">
        <f>IF(Input!$D$19=3,J4685*Input!$C$19,0)+IF(Input!$D$20=3,K4685*Input!$C$20,0)+IF(Input!$D$21=3,L4685*Input!$C$21,0)+IF(Input!$D$22=3,M4685*Input!$C$22,0)</f>
        <v>0</v>
      </c>
      <c r="Q4685" s="75">
        <f>IF(Input!$D$19=4,J4685*Input!$C$19,0)+IF(Input!$D$20=4,K4685*Input!$C$20,0)+IF(Input!$D$21=4,L4685*Input!$C$21,0)+IF(Input!$D$22=4,M4685*Input!$C$22,0)</f>
        <v>0</v>
      </c>
      <c r="R4685" s="58">
        <v>41.774741542827449</v>
      </c>
      <c r="S4685" s="124">
        <f t="shared" si="73"/>
        <v>0.31035421980635053</v>
      </c>
    </row>
    <row r="4686" spans="8:19" x14ac:dyDescent="0.3">
      <c r="H4686" s="44">
        <v>4679</v>
      </c>
      <c r="I4686" s="56">
        <f>Bühler!I4712</f>
        <v>7.1620204570696275E-2</v>
      </c>
      <c r="J4686" s="59">
        <f>Bühler!J4712</f>
        <v>0.23873401523565427</v>
      </c>
      <c r="K4686" s="59">
        <f>Bühler!K4712</f>
        <v>0.35810102285348144</v>
      </c>
      <c r="L4686" s="59">
        <f>Bühler!L4712</f>
        <v>5.2280693914865717</v>
      </c>
      <c r="M4686" s="58">
        <f>Bühler!M4712</f>
        <v>0</v>
      </c>
      <c r="N4686" s="56">
        <f>IF(Input!$D$19=1,J4686*Input!$C$19,0)+IF(Input!$D$20=1,K4686*Input!$C$20,0)+IF(Input!$D$21=1,L4686*Input!$C$21,0)+IF(Input!$D$22=1,M4686*Input!$C$22,0)</f>
        <v>7.1620204570696275E-2</v>
      </c>
      <c r="O4686" s="59">
        <f>IF(Input!$D$19=2,J4686*Input!$C$19,0)+IF(Input!$D$20=2,K4686*Input!$C$20,0)+IF(Input!$D$21=2,L4686*Input!$C$21,0)+IF(Input!$D$22=2,M4686*Input!$C$22,0)</f>
        <v>0.17905051142674072</v>
      </c>
      <c r="P4686" s="59">
        <f>IF(Input!$D$19=3,J4686*Input!$C$19,0)+IF(Input!$D$20=3,K4686*Input!$C$20,0)+IF(Input!$D$21=3,L4686*Input!$C$21,0)+IF(Input!$D$22=3,M4686*Input!$C$22,0)</f>
        <v>0</v>
      </c>
      <c r="Q4686" s="75">
        <f>IF(Input!$D$19=4,J4686*Input!$C$19,0)+IF(Input!$D$20=4,K4686*Input!$C$20,0)+IF(Input!$D$21=4,L4686*Input!$C$21,0)+IF(Input!$D$22=4,M4686*Input!$C$22,0)</f>
        <v>0</v>
      </c>
      <c r="R4686" s="58">
        <v>41.881940995239717</v>
      </c>
      <c r="S4686" s="124">
        <f t="shared" si="73"/>
        <v>0.31035421980635053</v>
      </c>
    </row>
    <row r="4687" spans="8:19" x14ac:dyDescent="0.3">
      <c r="H4687" s="44">
        <v>4680</v>
      </c>
      <c r="I4687" s="56">
        <f>Bühler!I4713</f>
        <v>7.1620204570696275E-2</v>
      </c>
      <c r="J4687" s="59">
        <f>Bühler!J4713</f>
        <v>0.23873401523565427</v>
      </c>
      <c r="K4687" s="59">
        <f>Bühler!K4713</f>
        <v>0.35810102285348144</v>
      </c>
      <c r="L4687" s="59">
        <f>Bühler!L4713</f>
        <v>5.2280693914865717</v>
      </c>
      <c r="M4687" s="58">
        <f>Bühler!M4713</f>
        <v>0</v>
      </c>
      <c r="N4687" s="56">
        <f>IF(Input!$D$19=1,J4687*Input!$C$19,0)+IF(Input!$D$20=1,K4687*Input!$C$20,0)+IF(Input!$D$21=1,L4687*Input!$C$21,0)+IF(Input!$D$22=1,M4687*Input!$C$22,0)</f>
        <v>7.1620204570696275E-2</v>
      </c>
      <c r="O4687" s="59">
        <f>IF(Input!$D$19=2,J4687*Input!$C$19,0)+IF(Input!$D$20=2,K4687*Input!$C$20,0)+IF(Input!$D$21=2,L4687*Input!$C$21,0)+IF(Input!$D$22=2,M4687*Input!$C$22,0)</f>
        <v>0.17905051142674072</v>
      </c>
      <c r="P4687" s="59">
        <f>IF(Input!$D$19=3,J4687*Input!$C$19,0)+IF(Input!$D$20=3,K4687*Input!$C$20,0)+IF(Input!$D$21=3,L4687*Input!$C$21,0)+IF(Input!$D$22=3,M4687*Input!$C$22,0)</f>
        <v>0</v>
      </c>
      <c r="Q4687" s="75">
        <f>IF(Input!$D$19=4,J4687*Input!$C$19,0)+IF(Input!$D$20=4,K4687*Input!$C$20,0)+IF(Input!$D$21=4,L4687*Input!$C$21,0)+IF(Input!$D$22=4,M4687*Input!$C$22,0)</f>
        <v>0</v>
      </c>
      <c r="R4687" s="58">
        <v>41.752587723928912</v>
      </c>
      <c r="S4687" s="124">
        <f t="shared" si="73"/>
        <v>0.31035421980635053</v>
      </c>
    </row>
    <row r="4688" spans="8:19" x14ac:dyDescent="0.3">
      <c r="H4688" s="44">
        <v>4681</v>
      </c>
      <c r="I4688" s="56">
        <f>Bühler!I4714</f>
        <v>6.8065544427133987E-2</v>
      </c>
      <c r="J4688" s="59">
        <f>Bühler!J4714</f>
        <v>0.22688514809044666</v>
      </c>
      <c r="K4688" s="59">
        <f>Bühler!K4714</f>
        <v>0.34032772213566997</v>
      </c>
      <c r="L4688" s="59">
        <f>Bühler!L4714</f>
        <v>5.5544158127385597</v>
      </c>
      <c r="M4688" s="58">
        <f>Bühler!M4714</f>
        <v>0</v>
      </c>
      <c r="N4688" s="56">
        <f>IF(Input!$D$19=1,J4688*Input!$C$19,0)+IF(Input!$D$20=1,K4688*Input!$C$20,0)+IF(Input!$D$21=1,L4688*Input!$C$21,0)+IF(Input!$D$22=1,M4688*Input!$C$22,0)</f>
        <v>6.8065544427134E-2</v>
      </c>
      <c r="O4688" s="59">
        <f>IF(Input!$D$19=2,J4688*Input!$C$19,0)+IF(Input!$D$20=2,K4688*Input!$C$20,0)+IF(Input!$D$21=2,L4688*Input!$C$21,0)+IF(Input!$D$22=2,M4688*Input!$C$22,0)</f>
        <v>0.17016386106783499</v>
      </c>
      <c r="P4688" s="59">
        <f>IF(Input!$D$19=3,J4688*Input!$C$19,0)+IF(Input!$D$20=3,K4688*Input!$C$20,0)+IF(Input!$D$21=3,L4688*Input!$C$21,0)+IF(Input!$D$22=3,M4688*Input!$C$22,0)</f>
        <v>0</v>
      </c>
      <c r="Q4688" s="75">
        <f>IF(Input!$D$19=4,J4688*Input!$C$19,0)+IF(Input!$D$20=4,K4688*Input!$C$20,0)+IF(Input!$D$21=4,L4688*Input!$C$21,0)+IF(Input!$D$22=4,M4688*Input!$C$22,0)</f>
        <v>0</v>
      </c>
      <c r="R4688" s="58">
        <v>40.874378631293688</v>
      </c>
      <c r="S4688" s="124">
        <f t="shared" si="73"/>
        <v>0.29495069251758066</v>
      </c>
    </row>
    <row r="4689" spans="8:19" x14ac:dyDescent="0.3">
      <c r="H4689" s="44">
        <v>4682</v>
      </c>
      <c r="I4689" s="56">
        <f>Bühler!I4715</f>
        <v>7.9043858044413662E-2</v>
      </c>
      <c r="J4689" s="59">
        <f>Bühler!J4715</f>
        <v>0.26347952681471226</v>
      </c>
      <c r="K4689" s="59">
        <f>Bühler!K4715</f>
        <v>0.39521929022206836</v>
      </c>
      <c r="L4689" s="59">
        <f>Bühler!L4715</f>
        <v>6.4502893309221987</v>
      </c>
      <c r="M4689" s="58">
        <f>Bühler!M4715</f>
        <v>0</v>
      </c>
      <c r="N4689" s="56">
        <f>IF(Input!$D$19=1,J4689*Input!$C$19,0)+IF(Input!$D$20=1,K4689*Input!$C$20,0)+IF(Input!$D$21=1,L4689*Input!$C$21,0)+IF(Input!$D$22=1,M4689*Input!$C$22,0)</f>
        <v>7.9043858044413676E-2</v>
      </c>
      <c r="O4689" s="59">
        <f>IF(Input!$D$19=2,J4689*Input!$C$19,0)+IF(Input!$D$20=2,K4689*Input!$C$20,0)+IF(Input!$D$21=2,L4689*Input!$C$21,0)+IF(Input!$D$22=2,M4689*Input!$C$22,0)</f>
        <v>0.19760964511103418</v>
      </c>
      <c r="P4689" s="59">
        <f>IF(Input!$D$19=3,J4689*Input!$C$19,0)+IF(Input!$D$20=3,K4689*Input!$C$20,0)+IF(Input!$D$21=3,L4689*Input!$C$21,0)+IF(Input!$D$22=3,M4689*Input!$C$22,0)</f>
        <v>0</v>
      </c>
      <c r="Q4689" s="75">
        <f>IF(Input!$D$19=4,J4689*Input!$C$19,0)+IF(Input!$D$20=4,K4689*Input!$C$20,0)+IF(Input!$D$21=4,L4689*Input!$C$21,0)+IF(Input!$D$22=4,M4689*Input!$C$22,0)</f>
        <v>0</v>
      </c>
      <c r="R4689" s="58">
        <v>40.027831903215365</v>
      </c>
      <c r="S4689" s="124">
        <f t="shared" si="73"/>
        <v>0.34252338485912592</v>
      </c>
    </row>
    <row r="4690" spans="8:19" x14ac:dyDescent="0.3">
      <c r="H4690" s="44">
        <v>4683</v>
      </c>
      <c r="I4690" s="56">
        <f>Bühler!I4716</f>
        <v>7.9043858044413662E-2</v>
      </c>
      <c r="J4690" s="59">
        <f>Bühler!J4716</f>
        <v>0.26347952681471226</v>
      </c>
      <c r="K4690" s="59">
        <f>Bühler!K4716</f>
        <v>0.39521929022206836</v>
      </c>
      <c r="L4690" s="59">
        <f>Bühler!L4716</f>
        <v>6.4502893309221987</v>
      </c>
      <c r="M4690" s="58">
        <f>Bühler!M4716</f>
        <v>0</v>
      </c>
      <c r="N4690" s="56">
        <f>IF(Input!$D$19=1,J4690*Input!$C$19,0)+IF(Input!$D$20=1,K4690*Input!$C$20,0)+IF(Input!$D$21=1,L4690*Input!$C$21,0)+IF(Input!$D$22=1,M4690*Input!$C$22,0)</f>
        <v>7.9043858044413676E-2</v>
      </c>
      <c r="O4690" s="59">
        <f>IF(Input!$D$19=2,J4690*Input!$C$19,0)+IF(Input!$D$20=2,K4690*Input!$C$20,0)+IF(Input!$D$21=2,L4690*Input!$C$21,0)+IF(Input!$D$22=2,M4690*Input!$C$22,0)</f>
        <v>0.19760964511103418</v>
      </c>
      <c r="P4690" s="59">
        <f>IF(Input!$D$19=3,J4690*Input!$C$19,0)+IF(Input!$D$20=3,K4690*Input!$C$20,0)+IF(Input!$D$21=3,L4690*Input!$C$21,0)+IF(Input!$D$22=3,M4690*Input!$C$22,0)</f>
        <v>0</v>
      </c>
      <c r="Q4690" s="75">
        <f>IF(Input!$D$19=4,J4690*Input!$C$19,0)+IF(Input!$D$20=4,K4690*Input!$C$20,0)+IF(Input!$D$21=4,L4690*Input!$C$21,0)+IF(Input!$D$22=4,M4690*Input!$C$22,0)</f>
        <v>0</v>
      </c>
      <c r="R4690" s="58">
        <v>40.020586391031436</v>
      </c>
      <c r="S4690" s="124">
        <f t="shared" si="73"/>
        <v>0.34252338485912592</v>
      </c>
    </row>
    <row r="4691" spans="8:19" x14ac:dyDescent="0.3">
      <c r="H4691" s="44">
        <v>4684</v>
      </c>
      <c r="I4691" s="56">
        <f>Bühler!I4717</f>
        <v>7.9043858044413662E-2</v>
      </c>
      <c r="J4691" s="59">
        <f>Bühler!J4717</f>
        <v>0.26347952681471226</v>
      </c>
      <c r="K4691" s="59">
        <f>Bühler!K4717</f>
        <v>0.39521929022206836</v>
      </c>
      <c r="L4691" s="59">
        <f>Bühler!L4717</f>
        <v>6.4502893309221987</v>
      </c>
      <c r="M4691" s="58">
        <f>Bühler!M4717</f>
        <v>0</v>
      </c>
      <c r="N4691" s="56">
        <f>IF(Input!$D$19=1,J4691*Input!$C$19,0)+IF(Input!$D$20=1,K4691*Input!$C$20,0)+IF(Input!$D$21=1,L4691*Input!$C$21,0)+IF(Input!$D$22=1,M4691*Input!$C$22,0)</f>
        <v>7.9043858044413676E-2</v>
      </c>
      <c r="O4691" s="59">
        <f>IF(Input!$D$19=2,J4691*Input!$C$19,0)+IF(Input!$D$20=2,K4691*Input!$C$20,0)+IF(Input!$D$21=2,L4691*Input!$C$21,0)+IF(Input!$D$22=2,M4691*Input!$C$22,0)</f>
        <v>0.19760964511103418</v>
      </c>
      <c r="P4691" s="59">
        <f>IF(Input!$D$19=3,J4691*Input!$C$19,0)+IF(Input!$D$20=3,K4691*Input!$C$20,0)+IF(Input!$D$21=3,L4691*Input!$C$21,0)+IF(Input!$D$22=3,M4691*Input!$C$22,0)</f>
        <v>0</v>
      </c>
      <c r="Q4691" s="75">
        <f>IF(Input!$D$19=4,J4691*Input!$C$19,0)+IF(Input!$D$20=4,K4691*Input!$C$20,0)+IF(Input!$D$21=4,L4691*Input!$C$21,0)+IF(Input!$D$22=4,M4691*Input!$C$22,0)</f>
        <v>0</v>
      </c>
      <c r="R4691" s="58">
        <v>40.121368129212513</v>
      </c>
      <c r="S4691" s="124">
        <f t="shared" si="73"/>
        <v>0.34252338485912592</v>
      </c>
    </row>
    <row r="4692" spans="8:19" x14ac:dyDescent="0.3">
      <c r="H4692" s="44">
        <v>4685</v>
      </c>
      <c r="I4692" s="56">
        <f>Bühler!I4718</f>
        <v>7.9043858044413662E-2</v>
      </c>
      <c r="J4692" s="59">
        <f>Bühler!J4718</f>
        <v>0.26347952681471226</v>
      </c>
      <c r="K4692" s="59">
        <f>Bühler!K4718</f>
        <v>0.39521929022206836</v>
      </c>
      <c r="L4692" s="59">
        <f>Bühler!L4718</f>
        <v>6.4502893309221987</v>
      </c>
      <c r="M4692" s="58">
        <f>Bühler!M4718</f>
        <v>0</v>
      </c>
      <c r="N4692" s="56">
        <f>IF(Input!$D$19=1,J4692*Input!$C$19,0)+IF(Input!$D$20=1,K4692*Input!$C$20,0)+IF(Input!$D$21=1,L4692*Input!$C$21,0)+IF(Input!$D$22=1,M4692*Input!$C$22,0)</f>
        <v>7.9043858044413676E-2</v>
      </c>
      <c r="O4692" s="59">
        <f>IF(Input!$D$19=2,J4692*Input!$C$19,0)+IF(Input!$D$20=2,K4692*Input!$C$20,0)+IF(Input!$D$21=2,L4692*Input!$C$21,0)+IF(Input!$D$22=2,M4692*Input!$C$22,0)</f>
        <v>0.19760964511103418</v>
      </c>
      <c r="P4692" s="59">
        <f>IF(Input!$D$19=3,J4692*Input!$C$19,0)+IF(Input!$D$20=3,K4692*Input!$C$20,0)+IF(Input!$D$21=3,L4692*Input!$C$21,0)+IF(Input!$D$22=3,M4692*Input!$C$22,0)</f>
        <v>0</v>
      </c>
      <c r="Q4692" s="75">
        <f>IF(Input!$D$19=4,J4692*Input!$C$19,0)+IF(Input!$D$20=4,K4692*Input!$C$20,0)+IF(Input!$D$21=4,L4692*Input!$C$21,0)+IF(Input!$D$22=4,M4692*Input!$C$22,0)</f>
        <v>0</v>
      </c>
      <c r="R4692" s="58">
        <v>40.025212213468649</v>
      </c>
      <c r="S4692" s="124">
        <f t="shared" si="73"/>
        <v>0.34252338485912592</v>
      </c>
    </row>
    <row r="4693" spans="8:19" x14ac:dyDescent="0.3">
      <c r="H4693" s="44">
        <v>4686</v>
      </c>
      <c r="I4693" s="56">
        <f>Bühler!I4719</f>
        <v>9.8804822555517077E-2</v>
      </c>
      <c r="J4693" s="59">
        <f>Bühler!J4719</f>
        <v>0.32934940851839034</v>
      </c>
      <c r="K4693" s="59">
        <f>Bühler!K4719</f>
        <v>0.49402411277758546</v>
      </c>
      <c r="L4693" s="59">
        <f>Bühler!L4719</f>
        <v>8.0628616636527486</v>
      </c>
      <c r="M4693" s="58">
        <f>Bühler!M4719</f>
        <v>0</v>
      </c>
      <c r="N4693" s="56">
        <f>IF(Input!$D$19=1,J4693*Input!$C$19,0)+IF(Input!$D$20=1,K4693*Input!$C$20,0)+IF(Input!$D$21=1,L4693*Input!$C$21,0)+IF(Input!$D$22=1,M4693*Input!$C$22,0)</f>
        <v>9.8804822555517105E-2</v>
      </c>
      <c r="O4693" s="59">
        <f>IF(Input!$D$19=2,J4693*Input!$C$19,0)+IF(Input!$D$20=2,K4693*Input!$C$20,0)+IF(Input!$D$21=2,L4693*Input!$C$21,0)+IF(Input!$D$22=2,M4693*Input!$C$22,0)</f>
        <v>0.24701205638879273</v>
      </c>
      <c r="P4693" s="59">
        <f>IF(Input!$D$19=3,J4693*Input!$C$19,0)+IF(Input!$D$20=3,K4693*Input!$C$20,0)+IF(Input!$D$21=3,L4693*Input!$C$21,0)+IF(Input!$D$22=3,M4693*Input!$C$22,0)</f>
        <v>0</v>
      </c>
      <c r="Q4693" s="75">
        <f>IF(Input!$D$19=4,J4693*Input!$C$19,0)+IF(Input!$D$20=4,K4693*Input!$C$20,0)+IF(Input!$D$21=4,L4693*Input!$C$21,0)+IF(Input!$D$22=4,M4693*Input!$C$22,0)</f>
        <v>0</v>
      </c>
      <c r="R4693" s="58">
        <v>40.018437666441486</v>
      </c>
      <c r="S4693" s="124">
        <f t="shared" si="73"/>
        <v>0.42815423107390743</v>
      </c>
    </row>
    <row r="4694" spans="8:19" x14ac:dyDescent="0.3">
      <c r="H4694" s="44">
        <v>4687</v>
      </c>
      <c r="I4694" s="56">
        <f>Bühler!I4720</f>
        <v>0.11637012434316456</v>
      </c>
      <c r="J4694" s="59">
        <f>Bühler!J4720</f>
        <v>0.38790041447721524</v>
      </c>
      <c r="K4694" s="59">
        <f>Bühler!K4720</f>
        <v>0.58185062171582291</v>
      </c>
      <c r="L4694" s="59">
        <f>Bühler!L4720</f>
        <v>9.4962592927465703</v>
      </c>
      <c r="M4694" s="58">
        <f>Bühler!M4720</f>
        <v>0</v>
      </c>
      <c r="N4694" s="56">
        <f>IF(Input!$D$19=1,J4694*Input!$C$19,0)+IF(Input!$D$20=1,K4694*Input!$C$20,0)+IF(Input!$D$21=1,L4694*Input!$C$21,0)+IF(Input!$D$22=1,M4694*Input!$C$22,0)</f>
        <v>0.11637012434316457</v>
      </c>
      <c r="O4694" s="59">
        <f>IF(Input!$D$19=2,J4694*Input!$C$19,0)+IF(Input!$D$20=2,K4694*Input!$C$20,0)+IF(Input!$D$21=2,L4694*Input!$C$21,0)+IF(Input!$D$22=2,M4694*Input!$C$22,0)</f>
        <v>0.29092531085791146</v>
      </c>
      <c r="P4694" s="59">
        <f>IF(Input!$D$19=3,J4694*Input!$C$19,0)+IF(Input!$D$20=3,K4694*Input!$C$20,0)+IF(Input!$D$21=3,L4694*Input!$C$21,0)+IF(Input!$D$22=3,M4694*Input!$C$22,0)</f>
        <v>0</v>
      </c>
      <c r="Q4694" s="75">
        <f>IF(Input!$D$19=4,J4694*Input!$C$19,0)+IF(Input!$D$20=4,K4694*Input!$C$20,0)+IF(Input!$D$21=4,L4694*Input!$C$21,0)+IF(Input!$D$22=4,M4694*Input!$C$22,0)</f>
        <v>0</v>
      </c>
      <c r="R4694" s="58">
        <v>39.448796659674336</v>
      </c>
      <c r="S4694" s="124">
        <f t="shared" si="73"/>
        <v>0.50427053882037975</v>
      </c>
    </row>
    <row r="4695" spans="8:19" x14ac:dyDescent="0.3">
      <c r="H4695" s="44">
        <v>4688</v>
      </c>
      <c r="I4695" s="56">
        <f>Bühler!I4721</f>
        <v>0.13832675157772392</v>
      </c>
      <c r="J4695" s="59">
        <f>Bühler!J4721</f>
        <v>0.46108917192574644</v>
      </c>
      <c r="K4695" s="59">
        <f>Bühler!K4721</f>
        <v>0.69163375788861969</v>
      </c>
      <c r="L4695" s="59">
        <f>Bühler!L4721</f>
        <v>11.288006329113848</v>
      </c>
      <c r="M4695" s="58">
        <f>Bühler!M4721</f>
        <v>0</v>
      </c>
      <c r="N4695" s="56">
        <f>IF(Input!$D$19=1,J4695*Input!$C$19,0)+IF(Input!$D$20=1,K4695*Input!$C$20,0)+IF(Input!$D$21=1,L4695*Input!$C$21,0)+IF(Input!$D$22=1,M4695*Input!$C$22,0)</f>
        <v>0.13832675157772392</v>
      </c>
      <c r="O4695" s="59">
        <f>IF(Input!$D$19=2,J4695*Input!$C$19,0)+IF(Input!$D$20=2,K4695*Input!$C$20,0)+IF(Input!$D$21=2,L4695*Input!$C$21,0)+IF(Input!$D$22=2,M4695*Input!$C$22,0)</f>
        <v>0.34581687894430985</v>
      </c>
      <c r="P4695" s="59">
        <f>IF(Input!$D$19=3,J4695*Input!$C$19,0)+IF(Input!$D$20=3,K4695*Input!$C$20,0)+IF(Input!$D$21=3,L4695*Input!$C$21,0)+IF(Input!$D$22=3,M4695*Input!$C$22,0)</f>
        <v>0</v>
      </c>
      <c r="Q4695" s="75">
        <f>IF(Input!$D$19=4,J4695*Input!$C$19,0)+IF(Input!$D$20=4,K4695*Input!$C$20,0)+IF(Input!$D$21=4,L4695*Input!$C$21,0)+IF(Input!$D$22=4,M4695*Input!$C$22,0)</f>
        <v>0</v>
      </c>
      <c r="R4695" s="58">
        <v>39.572025285276879</v>
      </c>
      <c r="S4695" s="124">
        <f t="shared" si="73"/>
        <v>0.59941592350347039</v>
      </c>
    </row>
    <row r="4696" spans="8:19" x14ac:dyDescent="0.3">
      <c r="H4696" s="44">
        <v>4689</v>
      </c>
      <c r="I4696" s="56">
        <f>Bühler!I4722</f>
        <v>0.13832675157772392</v>
      </c>
      <c r="J4696" s="59">
        <f>Bühler!J4722</f>
        <v>0.46108917192574644</v>
      </c>
      <c r="K4696" s="59">
        <f>Bühler!K4722</f>
        <v>0.69163375788861969</v>
      </c>
      <c r="L4696" s="59">
        <f>Bühler!L4722</f>
        <v>11.288006329113848</v>
      </c>
      <c r="M4696" s="58">
        <f>Bühler!M4722</f>
        <v>0</v>
      </c>
      <c r="N4696" s="56">
        <f>IF(Input!$D$19=1,J4696*Input!$C$19,0)+IF(Input!$D$20=1,K4696*Input!$C$20,0)+IF(Input!$D$21=1,L4696*Input!$C$21,0)+IF(Input!$D$22=1,M4696*Input!$C$22,0)</f>
        <v>0.13832675157772392</v>
      </c>
      <c r="O4696" s="59">
        <f>IF(Input!$D$19=2,J4696*Input!$C$19,0)+IF(Input!$D$20=2,K4696*Input!$C$20,0)+IF(Input!$D$21=2,L4696*Input!$C$21,0)+IF(Input!$D$22=2,M4696*Input!$C$22,0)</f>
        <v>0.34581687894430985</v>
      </c>
      <c r="P4696" s="59">
        <f>IF(Input!$D$19=3,J4696*Input!$C$19,0)+IF(Input!$D$20=3,K4696*Input!$C$20,0)+IF(Input!$D$21=3,L4696*Input!$C$21,0)+IF(Input!$D$22=3,M4696*Input!$C$22,0)</f>
        <v>0</v>
      </c>
      <c r="Q4696" s="75">
        <f>IF(Input!$D$19=4,J4696*Input!$C$19,0)+IF(Input!$D$20=4,K4696*Input!$C$20,0)+IF(Input!$D$21=4,L4696*Input!$C$21,0)+IF(Input!$D$22=4,M4696*Input!$C$22,0)</f>
        <v>0</v>
      </c>
      <c r="R4696" s="58">
        <v>39.54565182491028</v>
      </c>
      <c r="S4696" s="124">
        <f t="shared" si="73"/>
        <v>0.59941592350347039</v>
      </c>
    </row>
    <row r="4697" spans="8:19" x14ac:dyDescent="0.3">
      <c r="H4697" s="44">
        <v>4690</v>
      </c>
      <c r="I4697" s="56">
        <f>Bühler!I4723</f>
        <v>0.13832675157772392</v>
      </c>
      <c r="J4697" s="59">
        <f>Bühler!J4723</f>
        <v>0.46108917192574644</v>
      </c>
      <c r="K4697" s="59">
        <f>Bühler!K4723</f>
        <v>0.69163375788861969</v>
      </c>
      <c r="L4697" s="59">
        <f>Bühler!L4723</f>
        <v>11.288006329113848</v>
      </c>
      <c r="M4697" s="58">
        <f>Bühler!M4723</f>
        <v>0</v>
      </c>
      <c r="N4697" s="56">
        <f>IF(Input!$D$19=1,J4697*Input!$C$19,0)+IF(Input!$D$20=1,K4697*Input!$C$20,0)+IF(Input!$D$21=1,L4697*Input!$C$21,0)+IF(Input!$D$22=1,M4697*Input!$C$22,0)</f>
        <v>0.13832675157772392</v>
      </c>
      <c r="O4697" s="59">
        <f>IF(Input!$D$19=2,J4697*Input!$C$19,0)+IF(Input!$D$20=2,K4697*Input!$C$20,0)+IF(Input!$D$21=2,L4697*Input!$C$21,0)+IF(Input!$D$22=2,M4697*Input!$C$22,0)</f>
        <v>0.34581687894430985</v>
      </c>
      <c r="P4697" s="59">
        <f>IF(Input!$D$19=3,J4697*Input!$C$19,0)+IF(Input!$D$20=3,K4697*Input!$C$20,0)+IF(Input!$D$21=3,L4697*Input!$C$21,0)+IF(Input!$D$22=3,M4697*Input!$C$22,0)</f>
        <v>0</v>
      </c>
      <c r="Q4697" s="75">
        <f>IF(Input!$D$19=4,J4697*Input!$C$19,0)+IF(Input!$D$20=4,K4697*Input!$C$20,0)+IF(Input!$D$21=4,L4697*Input!$C$21,0)+IF(Input!$D$22=4,M4697*Input!$C$22,0)</f>
        <v>0</v>
      </c>
      <c r="R4697" s="58">
        <v>39.3869987426405</v>
      </c>
      <c r="S4697" s="124">
        <f t="shared" si="73"/>
        <v>0.59941592350347039</v>
      </c>
    </row>
    <row r="4698" spans="8:19" x14ac:dyDescent="0.3">
      <c r="H4698" s="44">
        <v>4691</v>
      </c>
      <c r="I4698" s="56">
        <f>Bühler!I4724</f>
        <v>0.13832675157772392</v>
      </c>
      <c r="J4698" s="59">
        <f>Bühler!J4724</f>
        <v>0.46108917192574644</v>
      </c>
      <c r="K4698" s="59">
        <f>Bühler!K4724</f>
        <v>0.69163375788861969</v>
      </c>
      <c r="L4698" s="59">
        <f>Bühler!L4724</f>
        <v>11.288006329113848</v>
      </c>
      <c r="M4698" s="58">
        <f>Bühler!M4724</f>
        <v>0</v>
      </c>
      <c r="N4698" s="56">
        <f>IF(Input!$D$19=1,J4698*Input!$C$19,0)+IF(Input!$D$20=1,K4698*Input!$C$20,0)+IF(Input!$D$21=1,L4698*Input!$C$21,0)+IF(Input!$D$22=1,M4698*Input!$C$22,0)</f>
        <v>0.13832675157772392</v>
      </c>
      <c r="O4698" s="59">
        <f>IF(Input!$D$19=2,J4698*Input!$C$19,0)+IF(Input!$D$20=2,K4698*Input!$C$20,0)+IF(Input!$D$21=2,L4698*Input!$C$21,0)+IF(Input!$D$22=2,M4698*Input!$C$22,0)</f>
        <v>0.34581687894430985</v>
      </c>
      <c r="P4698" s="59">
        <f>IF(Input!$D$19=3,J4698*Input!$C$19,0)+IF(Input!$D$20=3,K4698*Input!$C$20,0)+IF(Input!$D$21=3,L4698*Input!$C$21,0)+IF(Input!$D$22=3,M4698*Input!$C$22,0)</f>
        <v>0</v>
      </c>
      <c r="Q4698" s="75">
        <f>IF(Input!$D$19=4,J4698*Input!$C$19,0)+IF(Input!$D$20=4,K4698*Input!$C$20,0)+IF(Input!$D$21=4,L4698*Input!$C$21,0)+IF(Input!$D$22=4,M4698*Input!$C$22,0)</f>
        <v>0</v>
      </c>
      <c r="R4698" s="58">
        <v>39.80148518979226</v>
      </c>
      <c r="S4698" s="124">
        <f t="shared" si="73"/>
        <v>0.59941592350347039</v>
      </c>
    </row>
    <row r="4699" spans="8:19" x14ac:dyDescent="0.3">
      <c r="H4699" s="44">
        <v>4692</v>
      </c>
      <c r="I4699" s="56">
        <f>Bühler!I4725</f>
        <v>0.13832675157772392</v>
      </c>
      <c r="J4699" s="59">
        <f>Bühler!J4725</f>
        <v>0.46108917192574644</v>
      </c>
      <c r="K4699" s="59">
        <f>Bühler!K4725</f>
        <v>0.69163375788861969</v>
      </c>
      <c r="L4699" s="59">
        <f>Bühler!L4725</f>
        <v>11.288006329113848</v>
      </c>
      <c r="M4699" s="58">
        <f>Bühler!M4725</f>
        <v>0</v>
      </c>
      <c r="N4699" s="56">
        <f>IF(Input!$D$19=1,J4699*Input!$C$19,0)+IF(Input!$D$20=1,K4699*Input!$C$20,0)+IF(Input!$D$21=1,L4699*Input!$C$21,0)+IF(Input!$D$22=1,M4699*Input!$C$22,0)</f>
        <v>0.13832675157772392</v>
      </c>
      <c r="O4699" s="59">
        <f>IF(Input!$D$19=2,J4699*Input!$C$19,0)+IF(Input!$D$20=2,K4699*Input!$C$20,0)+IF(Input!$D$21=2,L4699*Input!$C$21,0)+IF(Input!$D$22=2,M4699*Input!$C$22,0)</f>
        <v>0.34581687894430985</v>
      </c>
      <c r="P4699" s="59">
        <f>IF(Input!$D$19=3,J4699*Input!$C$19,0)+IF(Input!$D$20=3,K4699*Input!$C$20,0)+IF(Input!$D$21=3,L4699*Input!$C$21,0)+IF(Input!$D$22=3,M4699*Input!$C$22,0)</f>
        <v>0</v>
      </c>
      <c r="Q4699" s="75">
        <f>IF(Input!$D$19=4,J4699*Input!$C$19,0)+IF(Input!$D$20=4,K4699*Input!$C$20,0)+IF(Input!$D$21=4,L4699*Input!$C$21,0)+IF(Input!$D$22=4,M4699*Input!$C$22,0)</f>
        <v>0</v>
      </c>
      <c r="R4699" s="58">
        <v>40.364943945292858</v>
      </c>
      <c r="S4699" s="124">
        <f t="shared" si="73"/>
        <v>0.59941592350347039</v>
      </c>
    </row>
    <row r="4700" spans="8:19" x14ac:dyDescent="0.3">
      <c r="H4700" s="44">
        <v>4693</v>
      </c>
      <c r="I4700" s="56">
        <f>Bühler!I4726</f>
        <v>0.13832675157772392</v>
      </c>
      <c r="J4700" s="59">
        <f>Bühler!J4726</f>
        <v>0.46108917192574644</v>
      </c>
      <c r="K4700" s="59">
        <f>Bühler!K4726</f>
        <v>0.69163375788861969</v>
      </c>
      <c r="L4700" s="59">
        <f>Bühler!L4726</f>
        <v>11.288006329113848</v>
      </c>
      <c r="M4700" s="58">
        <f>Bühler!M4726</f>
        <v>0</v>
      </c>
      <c r="N4700" s="56">
        <f>IF(Input!$D$19=1,J4700*Input!$C$19,0)+IF(Input!$D$20=1,K4700*Input!$C$20,0)+IF(Input!$D$21=1,L4700*Input!$C$21,0)+IF(Input!$D$22=1,M4700*Input!$C$22,0)</f>
        <v>0.13832675157772392</v>
      </c>
      <c r="O4700" s="59">
        <f>IF(Input!$D$19=2,J4700*Input!$C$19,0)+IF(Input!$D$20=2,K4700*Input!$C$20,0)+IF(Input!$D$21=2,L4700*Input!$C$21,0)+IF(Input!$D$22=2,M4700*Input!$C$22,0)</f>
        <v>0.34581687894430985</v>
      </c>
      <c r="P4700" s="59">
        <f>IF(Input!$D$19=3,J4700*Input!$C$19,0)+IF(Input!$D$20=3,K4700*Input!$C$20,0)+IF(Input!$D$21=3,L4700*Input!$C$21,0)+IF(Input!$D$22=3,M4700*Input!$C$22,0)</f>
        <v>0</v>
      </c>
      <c r="Q4700" s="75">
        <f>IF(Input!$D$19=4,J4700*Input!$C$19,0)+IF(Input!$D$20=4,K4700*Input!$C$20,0)+IF(Input!$D$21=4,L4700*Input!$C$21,0)+IF(Input!$D$22=4,M4700*Input!$C$22,0)</f>
        <v>0</v>
      </c>
      <c r="R4700" s="58">
        <v>40.251651523364572</v>
      </c>
      <c r="S4700" s="124">
        <f t="shared" si="73"/>
        <v>0.59941592350347039</v>
      </c>
    </row>
    <row r="4701" spans="8:19" x14ac:dyDescent="0.3">
      <c r="H4701" s="44">
        <v>4694</v>
      </c>
      <c r="I4701" s="56">
        <f>Bühler!I4727</f>
        <v>0.13832675157772392</v>
      </c>
      <c r="J4701" s="59">
        <f>Bühler!J4727</f>
        <v>0.46108917192574644</v>
      </c>
      <c r="K4701" s="59">
        <f>Bühler!K4727</f>
        <v>0.69163375788861969</v>
      </c>
      <c r="L4701" s="59">
        <f>Bühler!L4727</f>
        <v>11.288006329113848</v>
      </c>
      <c r="M4701" s="58">
        <f>Bühler!M4727</f>
        <v>0</v>
      </c>
      <c r="N4701" s="56">
        <f>IF(Input!$D$19=1,J4701*Input!$C$19,0)+IF(Input!$D$20=1,K4701*Input!$C$20,0)+IF(Input!$D$21=1,L4701*Input!$C$21,0)+IF(Input!$D$22=1,M4701*Input!$C$22,0)</f>
        <v>0.13832675157772392</v>
      </c>
      <c r="O4701" s="59">
        <f>IF(Input!$D$19=2,J4701*Input!$C$19,0)+IF(Input!$D$20=2,K4701*Input!$C$20,0)+IF(Input!$D$21=2,L4701*Input!$C$21,0)+IF(Input!$D$22=2,M4701*Input!$C$22,0)</f>
        <v>0.34581687894430985</v>
      </c>
      <c r="P4701" s="59">
        <f>IF(Input!$D$19=3,J4701*Input!$C$19,0)+IF(Input!$D$20=3,K4701*Input!$C$20,0)+IF(Input!$D$21=3,L4701*Input!$C$21,0)+IF(Input!$D$22=3,M4701*Input!$C$22,0)</f>
        <v>0</v>
      </c>
      <c r="Q4701" s="75">
        <f>IF(Input!$D$19=4,J4701*Input!$C$19,0)+IF(Input!$D$20=4,K4701*Input!$C$20,0)+IF(Input!$D$21=4,L4701*Input!$C$21,0)+IF(Input!$D$22=4,M4701*Input!$C$22,0)</f>
        <v>0</v>
      </c>
      <c r="R4701" s="58">
        <v>40.324756742660192</v>
      </c>
      <c r="S4701" s="124">
        <f t="shared" si="73"/>
        <v>0.59941592350347039</v>
      </c>
    </row>
    <row r="4702" spans="8:19" x14ac:dyDescent="0.3">
      <c r="H4702" s="44">
        <v>4695</v>
      </c>
      <c r="I4702" s="56">
        <f>Bühler!I4728</f>
        <v>0.13832675157772392</v>
      </c>
      <c r="J4702" s="59">
        <f>Bühler!J4728</f>
        <v>0.46108917192574644</v>
      </c>
      <c r="K4702" s="59">
        <f>Bühler!K4728</f>
        <v>0.69163375788861969</v>
      </c>
      <c r="L4702" s="59">
        <f>Bühler!L4728</f>
        <v>11.288006329113848</v>
      </c>
      <c r="M4702" s="58">
        <f>Bühler!M4728</f>
        <v>0</v>
      </c>
      <c r="N4702" s="56">
        <f>IF(Input!$D$19=1,J4702*Input!$C$19,0)+IF(Input!$D$20=1,K4702*Input!$C$20,0)+IF(Input!$D$21=1,L4702*Input!$C$21,0)+IF(Input!$D$22=1,M4702*Input!$C$22,0)</f>
        <v>0.13832675157772392</v>
      </c>
      <c r="O4702" s="59">
        <f>IF(Input!$D$19=2,J4702*Input!$C$19,0)+IF(Input!$D$20=2,K4702*Input!$C$20,0)+IF(Input!$D$21=2,L4702*Input!$C$21,0)+IF(Input!$D$22=2,M4702*Input!$C$22,0)</f>
        <v>0.34581687894430985</v>
      </c>
      <c r="P4702" s="59">
        <f>IF(Input!$D$19=3,J4702*Input!$C$19,0)+IF(Input!$D$20=3,K4702*Input!$C$20,0)+IF(Input!$D$21=3,L4702*Input!$C$21,0)+IF(Input!$D$22=3,M4702*Input!$C$22,0)</f>
        <v>0</v>
      </c>
      <c r="Q4702" s="75">
        <f>IF(Input!$D$19=4,J4702*Input!$C$19,0)+IF(Input!$D$20=4,K4702*Input!$C$20,0)+IF(Input!$D$21=4,L4702*Input!$C$21,0)+IF(Input!$D$22=4,M4702*Input!$C$22,0)</f>
        <v>0</v>
      </c>
      <c r="R4702" s="58">
        <v>40.811105035203575</v>
      </c>
      <c r="S4702" s="124">
        <f t="shared" si="73"/>
        <v>0.59941592350347039</v>
      </c>
    </row>
    <row r="4703" spans="8:19" x14ac:dyDescent="0.3">
      <c r="H4703" s="44">
        <v>4696</v>
      </c>
      <c r="I4703" s="56">
        <f>Bühler!I4729</f>
        <v>0.12295711251353239</v>
      </c>
      <c r="J4703" s="59">
        <f>Bühler!J4729</f>
        <v>0.40985704171177467</v>
      </c>
      <c r="K4703" s="59">
        <f>Bühler!K4729</f>
        <v>0.61478556256766204</v>
      </c>
      <c r="L4703" s="59">
        <f>Bühler!L4729</f>
        <v>10.033783403656754</v>
      </c>
      <c r="M4703" s="58">
        <f>Bühler!M4729</f>
        <v>0</v>
      </c>
      <c r="N4703" s="56">
        <f>IF(Input!$D$19=1,J4703*Input!$C$19,0)+IF(Input!$D$20=1,K4703*Input!$C$20,0)+IF(Input!$D$21=1,L4703*Input!$C$21,0)+IF(Input!$D$22=1,M4703*Input!$C$22,0)</f>
        <v>0.12295711251353239</v>
      </c>
      <c r="O4703" s="59">
        <f>IF(Input!$D$19=2,J4703*Input!$C$19,0)+IF(Input!$D$20=2,K4703*Input!$C$20,0)+IF(Input!$D$21=2,L4703*Input!$C$21,0)+IF(Input!$D$22=2,M4703*Input!$C$22,0)</f>
        <v>0.30739278128383102</v>
      </c>
      <c r="P4703" s="59">
        <f>IF(Input!$D$19=3,J4703*Input!$C$19,0)+IF(Input!$D$20=3,K4703*Input!$C$20,0)+IF(Input!$D$21=3,L4703*Input!$C$21,0)+IF(Input!$D$22=3,M4703*Input!$C$22,0)</f>
        <v>0</v>
      </c>
      <c r="Q4703" s="75">
        <f>IF(Input!$D$19=4,J4703*Input!$C$19,0)+IF(Input!$D$20=4,K4703*Input!$C$20,0)+IF(Input!$D$21=4,L4703*Input!$C$21,0)+IF(Input!$D$22=4,M4703*Input!$C$22,0)</f>
        <v>0</v>
      </c>
      <c r="R4703" s="58">
        <v>40.677380272839351</v>
      </c>
      <c r="S4703" s="124">
        <f t="shared" si="73"/>
        <v>0.53281415422530709</v>
      </c>
    </row>
    <row r="4704" spans="8:19" x14ac:dyDescent="0.3">
      <c r="H4704" s="44">
        <v>4697</v>
      </c>
      <c r="I4704" s="56">
        <f>Bühler!I4730</f>
        <v>0.12076144979007643</v>
      </c>
      <c r="J4704" s="59">
        <f>Bühler!J4730</f>
        <v>0.40253816596692149</v>
      </c>
      <c r="K4704" s="59">
        <f>Bühler!K4730</f>
        <v>0.60380724895038218</v>
      </c>
      <c r="L4704" s="59">
        <f>Bühler!L4730</f>
        <v>9.8546087000200284</v>
      </c>
      <c r="M4704" s="58">
        <f>Bühler!M4730</f>
        <v>0</v>
      </c>
      <c r="N4704" s="56">
        <f>IF(Input!$D$19=1,J4704*Input!$C$19,0)+IF(Input!$D$20=1,K4704*Input!$C$20,0)+IF(Input!$D$21=1,L4704*Input!$C$21,0)+IF(Input!$D$22=1,M4704*Input!$C$22,0)</f>
        <v>0.12076144979007644</v>
      </c>
      <c r="O4704" s="59">
        <f>IF(Input!$D$19=2,J4704*Input!$C$19,0)+IF(Input!$D$20=2,K4704*Input!$C$20,0)+IF(Input!$D$21=2,L4704*Input!$C$21,0)+IF(Input!$D$22=2,M4704*Input!$C$22,0)</f>
        <v>0.30190362447519109</v>
      </c>
      <c r="P4704" s="59">
        <f>IF(Input!$D$19=3,J4704*Input!$C$19,0)+IF(Input!$D$20=3,K4704*Input!$C$20,0)+IF(Input!$D$21=3,L4704*Input!$C$21,0)+IF(Input!$D$22=3,M4704*Input!$C$22,0)</f>
        <v>0</v>
      </c>
      <c r="Q4704" s="75">
        <f>IF(Input!$D$19=4,J4704*Input!$C$19,0)+IF(Input!$D$20=4,K4704*Input!$C$20,0)+IF(Input!$D$21=4,L4704*Input!$C$21,0)+IF(Input!$D$22=4,M4704*Input!$C$22,0)</f>
        <v>0</v>
      </c>
      <c r="R4704" s="58">
        <v>40.41079802852493</v>
      </c>
      <c r="S4704" s="124">
        <f t="shared" si="73"/>
        <v>0.5232996157569979</v>
      </c>
    </row>
    <row r="4705" spans="8:19" x14ac:dyDescent="0.3">
      <c r="H4705" s="44">
        <v>4698</v>
      </c>
      <c r="I4705" s="56">
        <f>Bühler!I4731</f>
        <v>0.10319614800242895</v>
      </c>
      <c r="J4705" s="59">
        <f>Bühler!J4731</f>
        <v>0.34398716000809654</v>
      </c>
      <c r="K4705" s="59">
        <f>Bühler!K4731</f>
        <v>0.51598074001214478</v>
      </c>
      <c r="L4705" s="59">
        <f>Bühler!L4731</f>
        <v>8.4212110709262049</v>
      </c>
      <c r="M4705" s="58">
        <f>Bühler!M4731</f>
        <v>0</v>
      </c>
      <c r="N4705" s="56">
        <f>IF(Input!$D$19=1,J4705*Input!$C$19,0)+IF(Input!$D$20=1,K4705*Input!$C$20,0)+IF(Input!$D$21=1,L4705*Input!$C$21,0)+IF(Input!$D$22=1,M4705*Input!$C$22,0)</f>
        <v>0.10319614800242896</v>
      </c>
      <c r="O4705" s="59">
        <f>IF(Input!$D$19=2,J4705*Input!$C$19,0)+IF(Input!$D$20=2,K4705*Input!$C$20,0)+IF(Input!$D$21=2,L4705*Input!$C$21,0)+IF(Input!$D$22=2,M4705*Input!$C$22,0)</f>
        <v>0.25799037000607239</v>
      </c>
      <c r="P4705" s="59">
        <f>IF(Input!$D$19=3,J4705*Input!$C$19,0)+IF(Input!$D$20=3,K4705*Input!$C$20,0)+IF(Input!$D$21=3,L4705*Input!$C$21,0)+IF(Input!$D$22=3,M4705*Input!$C$22,0)</f>
        <v>0</v>
      </c>
      <c r="Q4705" s="75">
        <f>IF(Input!$D$19=4,J4705*Input!$C$19,0)+IF(Input!$D$20=4,K4705*Input!$C$20,0)+IF(Input!$D$21=4,L4705*Input!$C$21,0)+IF(Input!$D$22=4,M4705*Input!$C$22,0)</f>
        <v>0</v>
      </c>
      <c r="R4705" s="58">
        <v>40.154544949192285</v>
      </c>
      <c r="S4705" s="124">
        <f t="shared" si="73"/>
        <v>0.44718330801052547</v>
      </c>
    </row>
    <row r="4706" spans="8:19" x14ac:dyDescent="0.3">
      <c r="H4706" s="44">
        <v>4699</v>
      </c>
      <c r="I4706" s="56">
        <f>Bühler!I4732</f>
        <v>9.6609159832061156E-2</v>
      </c>
      <c r="J4706" s="59">
        <f>Bühler!J4732</f>
        <v>0.32203053277353721</v>
      </c>
      <c r="K4706" s="59">
        <f>Bühler!K4732</f>
        <v>0.48304579916030582</v>
      </c>
      <c r="L4706" s="59">
        <f>Bühler!L4732</f>
        <v>7.8836869600160222</v>
      </c>
      <c r="M4706" s="58">
        <f>Bühler!M4732</f>
        <v>0</v>
      </c>
      <c r="N4706" s="56">
        <f>IF(Input!$D$19=1,J4706*Input!$C$19,0)+IF(Input!$D$20=1,K4706*Input!$C$20,0)+IF(Input!$D$21=1,L4706*Input!$C$21,0)+IF(Input!$D$22=1,M4706*Input!$C$22,0)</f>
        <v>9.6609159832061156E-2</v>
      </c>
      <c r="O4706" s="59">
        <f>IF(Input!$D$19=2,J4706*Input!$C$19,0)+IF(Input!$D$20=2,K4706*Input!$C$20,0)+IF(Input!$D$21=2,L4706*Input!$C$21,0)+IF(Input!$D$22=2,M4706*Input!$C$22,0)</f>
        <v>0.24152289958015291</v>
      </c>
      <c r="P4706" s="59">
        <f>IF(Input!$D$19=3,J4706*Input!$C$19,0)+IF(Input!$D$20=3,K4706*Input!$C$20,0)+IF(Input!$D$21=3,L4706*Input!$C$21,0)+IF(Input!$D$22=3,M4706*Input!$C$22,0)</f>
        <v>0</v>
      </c>
      <c r="Q4706" s="75">
        <f>IF(Input!$D$19=4,J4706*Input!$C$19,0)+IF(Input!$D$20=4,K4706*Input!$C$20,0)+IF(Input!$D$21=4,L4706*Input!$C$21,0)+IF(Input!$D$22=4,M4706*Input!$C$22,0)</f>
        <v>0</v>
      </c>
      <c r="R4706" s="58">
        <v>40.31839229935045</v>
      </c>
      <c r="S4706" s="124">
        <f t="shared" si="73"/>
        <v>0.41863969260559836</v>
      </c>
    </row>
    <row r="4707" spans="8:19" x14ac:dyDescent="0.3">
      <c r="H4707" s="44">
        <v>4700</v>
      </c>
      <c r="I4707" s="56">
        <f>Bühler!I4733</f>
        <v>8.1239520767869611E-2</v>
      </c>
      <c r="J4707" s="59">
        <f>Bühler!J4733</f>
        <v>0.27079840255956539</v>
      </c>
      <c r="K4707" s="59">
        <f>Bühler!K4733</f>
        <v>0.40619760383934811</v>
      </c>
      <c r="L4707" s="59">
        <f>Bühler!L4733</f>
        <v>6.6294640345589277</v>
      </c>
      <c r="M4707" s="58">
        <f>Bühler!M4733</f>
        <v>0</v>
      </c>
      <c r="N4707" s="56">
        <f>IF(Input!$D$19=1,J4707*Input!$C$19,0)+IF(Input!$D$20=1,K4707*Input!$C$20,0)+IF(Input!$D$21=1,L4707*Input!$C$21,0)+IF(Input!$D$22=1,M4707*Input!$C$22,0)</f>
        <v>8.1239520767869611E-2</v>
      </c>
      <c r="O4707" s="59">
        <f>IF(Input!$D$19=2,J4707*Input!$C$19,0)+IF(Input!$D$20=2,K4707*Input!$C$20,0)+IF(Input!$D$21=2,L4707*Input!$C$21,0)+IF(Input!$D$22=2,M4707*Input!$C$22,0)</f>
        <v>0.20309880191967405</v>
      </c>
      <c r="P4707" s="59">
        <f>IF(Input!$D$19=3,J4707*Input!$C$19,0)+IF(Input!$D$20=3,K4707*Input!$C$20,0)+IF(Input!$D$21=3,L4707*Input!$C$21,0)+IF(Input!$D$22=3,M4707*Input!$C$22,0)</f>
        <v>0</v>
      </c>
      <c r="Q4707" s="75">
        <f>IF(Input!$D$19=4,J4707*Input!$C$19,0)+IF(Input!$D$20=4,K4707*Input!$C$20,0)+IF(Input!$D$21=4,L4707*Input!$C$21,0)+IF(Input!$D$22=4,M4707*Input!$C$22,0)</f>
        <v>0</v>
      </c>
      <c r="R4707" s="58">
        <v>40.190469065919856</v>
      </c>
      <c r="S4707" s="124">
        <f t="shared" si="73"/>
        <v>0.352037923327435</v>
      </c>
    </row>
    <row r="4708" spans="8:19" x14ac:dyDescent="0.3">
      <c r="H4708" s="44">
        <v>4701</v>
      </c>
      <c r="I4708" s="56">
        <f>Bühler!I4734</f>
        <v>6.8065544427133987E-2</v>
      </c>
      <c r="J4708" s="59">
        <f>Bühler!J4734</f>
        <v>0.22688514809044666</v>
      </c>
      <c r="K4708" s="59">
        <f>Bühler!K4734</f>
        <v>0.34032772213566997</v>
      </c>
      <c r="L4708" s="59">
        <f>Bühler!L4734</f>
        <v>5.5544158127385597</v>
      </c>
      <c r="M4708" s="58">
        <f>Bühler!M4734</f>
        <v>0</v>
      </c>
      <c r="N4708" s="56">
        <f>IF(Input!$D$19=1,J4708*Input!$C$19,0)+IF(Input!$D$20=1,K4708*Input!$C$20,0)+IF(Input!$D$21=1,L4708*Input!$C$21,0)+IF(Input!$D$22=1,M4708*Input!$C$22,0)</f>
        <v>6.8065544427134E-2</v>
      </c>
      <c r="O4708" s="59">
        <f>IF(Input!$D$19=2,J4708*Input!$C$19,0)+IF(Input!$D$20=2,K4708*Input!$C$20,0)+IF(Input!$D$21=2,L4708*Input!$C$21,0)+IF(Input!$D$22=2,M4708*Input!$C$22,0)</f>
        <v>0.17016386106783499</v>
      </c>
      <c r="P4708" s="59">
        <f>IF(Input!$D$19=3,J4708*Input!$C$19,0)+IF(Input!$D$20=3,K4708*Input!$C$20,0)+IF(Input!$D$21=3,L4708*Input!$C$21,0)+IF(Input!$D$22=3,M4708*Input!$C$22,0)</f>
        <v>0</v>
      </c>
      <c r="Q4708" s="75">
        <f>IF(Input!$D$19=4,J4708*Input!$C$19,0)+IF(Input!$D$20=4,K4708*Input!$C$20,0)+IF(Input!$D$21=4,L4708*Input!$C$21,0)+IF(Input!$D$22=4,M4708*Input!$C$22,0)</f>
        <v>0</v>
      </c>
      <c r="R4708" s="58">
        <v>40.711099451994322</v>
      </c>
      <c r="S4708" s="124">
        <f t="shared" si="73"/>
        <v>0.29495069251758066</v>
      </c>
    </row>
    <row r="4709" spans="8:19" x14ac:dyDescent="0.3">
      <c r="H4709" s="44">
        <v>4702</v>
      </c>
      <c r="I4709" s="56">
        <f>Bühler!I4735</f>
        <v>5.928289353331026E-2</v>
      </c>
      <c r="J4709" s="59">
        <f>Bühler!J4735</f>
        <v>0.19760964511103424</v>
      </c>
      <c r="K4709" s="59">
        <f>Bühler!K4735</f>
        <v>0.29641446766655133</v>
      </c>
      <c r="L4709" s="59">
        <f>Bühler!L4735</f>
        <v>4.8377169981916506</v>
      </c>
      <c r="M4709" s="58">
        <f>Bühler!M4735</f>
        <v>0</v>
      </c>
      <c r="N4709" s="56">
        <f>IF(Input!$D$19=1,J4709*Input!$C$19,0)+IF(Input!$D$20=1,K4709*Input!$C$20,0)+IF(Input!$D$21=1,L4709*Input!$C$21,0)+IF(Input!$D$22=1,M4709*Input!$C$22,0)</f>
        <v>5.9282893533310267E-2</v>
      </c>
      <c r="O4709" s="59">
        <f>IF(Input!$D$19=2,J4709*Input!$C$19,0)+IF(Input!$D$20=2,K4709*Input!$C$20,0)+IF(Input!$D$21=2,L4709*Input!$C$21,0)+IF(Input!$D$22=2,M4709*Input!$C$22,0)</f>
        <v>0.14820723383327566</v>
      </c>
      <c r="P4709" s="59">
        <f>IF(Input!$D$19=3,J4709*Input!$C$19,0)+IF(Input!$D$20=3,K4709*Input!$C$20,0)+IF(Input!$D$21=3,L4709*Input!$C$21,0)+IF(Input!$D$22=3,M4709*Input!$C$22,0)</f>
        <v>0</v>
      </c>
      <c r="Q4709" s="75">
        <f>IF(Input!$D$19=4,J4709*Input!$C$19,0)+IF(Input!$D$20=4,K4709*Input!$C$20,0)+IF(Input!$D$21=4,L4709*Input!$C$21,0)+IF(Input!$D$22=4,M4709*Input!$C$22,0)</f>
        <v>0</v>
      </c>
      <c r="R4709" s="58">
        <v>41.528058282481048</v>
      </c>
      <c r="S4709" s="124">
        <f t="shared" si="73"/>
        <v>0.25689253864434447</v>
      </c>
    </row>
    <row r="4710" spans="8:19" x14ac:dyDescent="0.3">
      <c r="H4710" s="44">
        <v>4703</v>
      </c>
      <c r="I4710" s="56">
        <f>Bühler!I4736</f>
        <v>5.928289353331026E-2</v>
      </c>
      <c r="J4710" s="59">
        <f>Bühler!J4736</f>
        <v>0.19760964511103424</v>
      </c>
      <c r="K4710" s="59">
        <f>Bühler!K4736</f>
        <v>0.29641446766655133</v>
      </c>
      <c r="L4710" s="59">
        <f>Bühler!L4736</f>
        <v>4.8377169981916506</v>
      </c>
      <c r="M4710" s="58">
        <f>Bühler!M4736</f>
        <v>0</v>
      </c>
      <c r="N4710" s="56">
        <f>IF(Input!$D$19=1,J4710*Input!$C$19,0)+IF(Input!$D$20=1,K4710*Input!$C$20,0)+IF(Input!$D$21=1,L4710*Input!$C$21,0)+IF(Input!$D$22=1,M4710*Input!$C$22,0)</f>
        <v>5.9282893533310267E-2</v>
      </c>
      <c r="O4710" s="59">
        <f>IF(Input!$D$19=2,J4710*Input!$C$19,0)+IF(Input!$D$20=2,K4710*Input!$C$20,0)+IF(Input!$D$21=2,L4710*Input!$C$21,0)+IF(Input!$D$22=2,M4710*Input!$C$22,0)</f>
        <v>0.14820723383327566</v>
      </c>
      <c r="P4710" s="59">
        <f>IF(Input!$D$19=3,J4710*Input!$C$19,0)+IF(Input!$D$20=3,K4710*Input!$C$20,0)+IF(Input!$D$21=3,L4710*Input!$C$21,0)+IF(Input!$D$22=3,M4710*Input!$C$22,0)</f>
        <v>0</v>
      </c>
      <c r="Q4710" s="75">
        <f>IF(Input!$D$19=4,J4710*Input!$C$19,0)+IF(Input!$D$20=4,K4710*Input!$C$20,0)+IF(Input!$D$21=4,L4710*Input!$C$21,0)+IF(Input!$D$22=4,M4710*Input!$C$22,0)</f>
        <v>0</v>
      </c>
      <c r="R4710" s="58">
        <v>41.784981229921272</v>
      </c>
      <c r="S4710" s="124">
        <f t="shared" si="73"/>
        <v>0.25689253864434447</v>
      </c>
    </row>
    <row r="4711" spans="8:19" x14ac:dyDescent="0.3">
      <c r="H4711" s="44">
        <v>4704</v>
      </c>
      <c r="I4711" s="56">
        <f>Bühler!I4737</f>
        <v>5.928289353331026E-2</v>
      </c>
      <c r="J4711" s="59">
        <f>Bühler!J4737</f>
        <v>0.19760964511103424</v>
      </c>
      <c r="K4711" s="59">
        <f>Bühler!K4737</f>
        <v>0.29641446766655133</v>
      </c>
      <c r="L4711" s="59">
        <f>Bühler!L4737</f>
        <v>4.8377169981916506</v>
      </c>
      <c r="M4711" s="58">
        <f>Bühler!M4737</f>
        <v>0</v>
      </c>
      <c r="N4711" s="56">
        <f>IF(Input!$D$19=1,J4711*Input!$C$19,0)+IF(Input!$D$20=1,K4711*Input!$C$20,0)+IF(Input!$D$21=1,L4711*Input!$C$21,0)+IF(Input!$D$22=1,M4711*Input!$C$22,0)</f>
        <v>5.9282893533310267E-2</v>
      </c>
      <c r="O4711" s="59">
        <f>IF(Input!$D$19=2,J4711*Input!$C$19,0)+IF(Input!$D$20=2,K4711*Input!$C$20,0)+IF(Input!$D$21=2,L4711*Input!$C$21,0)+IF(Input!$D$22=2,M4711*Input!$C$22,0)</f>
        <v>0.14820723383327566</v>
      </c>
      <c r="P4711" s="59">
        <f>IF(Input!$D$19=3,J4711*Input!$C$19,0)+IF(Input!$D$20=3,K4711*Input!$C$20,0)+IF(Input!$D$21=3,L4711*Input!$C$21,0)+IF(Input!$D$22=3,M4711*Input!$C$22,0)</f>
        <v>0</v>
      </c>
      <c r="Q4711" s="75">
        <f>IF(Input!$D$19=4,J4711*Input!$C$19,0)+IF(Input!$D$20=4,K4711*Input!$C$20,0)+IF(Input!$D$21=4,L4711*Input!$C$21,0)+IF(Input!$D$22=4,M4711*Input!$C$22,0)</f>
        <v>0</v>
      </c>
      <c r="R4711" s="58">
        <v>41.564615373868754</v>
      </c>
      <c r="S4711" s="124">
        <f t="shared" si="73"/>
        <v>0.25689253864434447</v>
      </c>
    </row>
    <row r="4712" spans="8:19" x14ac:dyDescent="0.3">
      <c r="H4712" s="44">
        <v>4705</v>
      </c>
      <c r="I4712" s="56">
        <f>Bühler!I4738</f>
        <v>6.9387119827058072E-2</v>
      </c>
      <c r="J4712" s="59">
        <f>Bühler!J4738</f>
        <v>0.23129039942352692</v>
      </c>
      <c r="K4712" s="59">
        <f>Bühler!K4738</f>
        <v>0.34693559913529037</v>
      </c>
      <c r="L4712" s="59">
        <f>Bühler!L4738</f>
        <v>1.6652908758493938</v>
      </c>
      <c r="M4712" s="58">
        <f>Bühler!M4738</f>
        <v>0</v>
      </c>
      <c r="N4712" s="56">
        <f>IF(Input!$D$19=1,J4712*Input!$C$19,0)+IF(Input!$D$20=1,K4712*Input!$C$20,0)+IF(Input!$D$21=1,L4712*Input!$C$21,0)+IF(Input!$D$22=1,M4712*Input!$C$22,0)</f>
        <v>6.9387119827058072E-2</v>
      </c>
      <c r="O4712" s="59">
        <f>IF(Input!$D$19=2,J4712*Input!$C$19,0)+IF(Input!$D$20=2,K4712*Input!$C$20,0)+IF(Input!$D$21=2,L4712*Input!$C$21,0)+IF(Input!$D$22=2,M4712*Input!$C$22,0)</f>
        <v>0.17346779956764519</v>
      </c>
      <c r="P4712" s="59">
        <f>IF(Input!$D$19=3,J4712*Input!$C$19,0)+IF(Input!$D$20=3,K4712*Input!$C$20,0)+IF(Input!$D$21=3,L4712*Input!$C$21,0)+IF(Input!$D$22=3,M4712*Input!$C$22,0)</f>
        <v>0</v>
      </c>
      <c r="Q4712" s="75">
        <f>IF(Input!$D$19=4,J4712*Input!$C$19,0)+IF(Input!$D$20=4,K4712*Input!$C$20,0)+IF(Input!$D$21=4,L4712*Input!$C$21,0)+IF(Input!$D$22=4,M4712*Input!$C$22,0)</f>
        <v>0</v>
      </c>
      <c r="R4712" s="58">
        <v>41.625318961818948</v>
      </c>
      <c r="S4712" s="124">
        <f t="shared" si="73"/>
        <v>0.300677519250585</v>
      </c>
    </row>
    <row r="4713" spans="8:19" x14ac:dyDescent="0.3">
      <c r="H4713" s="44">
        <v>4706</v>
      </c>
      <c r="I4713" s="56">
        <f>Bühler!I4739</f>
        <v>6.9387119827058072E-2</v>
      </c>
      <c r="J4713" s="59">
        <f>Bühler!J4739</f>
        <v>0.23129039942352692</v>
      </c>
      <c r="K4713" s="59">
        <f>Bühler!K4739</f>
        <v>0.34693559913529037</v>
      </c>
      <c r="L4713" s="59">
        <f>Bühler!L4739</f>
        <v>1.6652908758493938</v>
      </c>
      <c r="M4713" s="58">
        <f>Bühler!M4739</f>
        <v>0</v>
      </c>
      <c r="N4713" s="56">
        <f>IF(Input!$D$19=1,J4713*Input!$C$19,0)+IF(Input!$D$20=1,K4713*Input!$C$20,0)+IF(Input!$D$21=1,L4713*Input!$C$21,0)+IF(Input!$D$22=1,M4713*Input!$C$22,0)</f>
        <v>6.9387119827058072E-2</v>
      </c>
      <c r="O4713" s="59">
        <f>IF(Input!$D$19=2,J4713*Input!$C$19,0)+IF(Input!$D$20=2,K4713*Input!$C$20,0)+IF(Input!$D$21=2,L4713*Input!$C$21,0)+IF(Input!$D$22=2,M4713*Input!$C$22,0)</f>
        <v>0.17346779956764519</v>
      </c>
      <c r="P4713" s="59">
        <f>IF(Input!$D$19=3,J4713*Input!$C$19,0)+IF(Input!$D$20=3,K4713*Input!$C$20,0)+IF(Input!$D$21=3,L4713*Input!$C$21,0)+IF(Input!$D$22=3,M4713*Input!$C$22,0)</f>
        <v>0</v>
      </c>
      <c r="Q4713" s="75">
        <f>IF(Input!$D$19=4,J4713*Input!$C$19,0)+IF(Input!$D$20=4,K4713*Input!$C$20,0)+IF(Input!$D$21=4,L4713*Input!$C$21,0)+IF(Input!$D$22=4,M4713*Input!$C$22,0)</f>
        <v>0</v>
      </c>
      <c r="R4713" s="58">
        <v>42.165591117257648</v>
      </c>
      <c r="S4713" s="124">
        <f t="shared" si="73"/>
        <v>0.300677519250585</v>
      </c>
    </row>
    <row r="4714" spans="8:19" x14ac:dyDescent="0.3">
      <c r="H4714" s="44">
        <v>4707</v>
      </c>
      <c r="I4714" s="56">
        <f>Bühler!I4740</f>
        <v>6.9387119827058072E-2</v>
      </c>
      <c r="J4714" s="59">
        <f>Bühler!J4740</f>
        <v>0.23129039942352692</v>
      </c>
      <c r="K4714" s="59">
        <f>Bühler!K4740</f>
        <v>0.34693559913529037</v>
      </c>
      <c r="L4714" s="59">
        <f>Bühler!L4740</f>
        <v>1.6652908758493938</v>
      </c>
      <c r="M4714" s="58">
        <f>Bühler!M4740</f>
        <v>0</v>
      </c>
      <c r="N4714" s="56">
        <f>IF(Input!$D$19=1,J4714*Input!$C$19,0)+IF(Input!$D$20=1,K4714*Input!$C$20,0)+IF(Input!$D$21=1,L4714*Input!$C$21,0)+IF(Input!$D$22=1,M4714*Input!$C$22,0)</f>
        <v>6.9387119827058072E-2</v>
      </c>
      <c r="O4714" s="59">
        <f>IF(Input!$D$19=2,J4714*Input!$C$19,0)+IF(Input!$D$20=2,K4714*Input!$C$20,0)+IF(Input!$D$21=2,L4714*Input!$C$21,0)+IF(Input!$D$22=2,M4714*Input!$C$22,0)</f>
        <v>0.17346779956764519</v>
      </c>
      <c r="P4714" s="59">
        <f>IF(Input!$D$19=3,J4714*Input!$C$19,0)+IF(Input!$D$20=3,K4714*Input!$C$20,0)+IF(Input!$D$21=3,L4714*Input!$C$21,0)+IF(Input!$D$22=3,M4714*Input!$C$22,0)</f>
        <v>0</v>
      </c>
      <c r="Q4714" s="75">
        <f>IF(Input!$D$19=4,J4714*Input!$C$19,0)+IF(Input!$D$20=4,K4714*Input!$C$20,0)+IF(Input!$D$21=4,L4714*Input!$C$21,0)+IF(Input!$D$22=4,M4714*Input!$C$22,0)</f>
        <v>0</v>
      </c>
      <c r="R4714" s="58">
        <v>42.919208743087893</v>
      </c>
      <c r="S4714" s="124">
        <f t="shared" si="73"/>
        <v>0.300677519250585</v>
      </c>
    </row>
    <row r="4715" spans="8:19" x14ac:dyDescent="0.3">
      <c r="H4715" s="44">
        <v>4708</v>
      </c>
      <c r="I4715" s="56">
        <f>Bühler!I4741</f>
        <v>6.9387119827058072E-2</v>
      </c>
      <c r="J4715" s="59">
        <f>Bühler!J4741</f>
        <v>0.23129039942352692</v>
      </c>
      <c r="K4715" s="59">
        <f>Bühler!K4741</f>
        <v>0.34693559913529037</v>
      </c>
      <c r="L4715" s="59">
        <f>Bühler!L4741</f>
        <v>1.6652908758493938</v>
      </c>
      <c r="M4715" s="58">
        <f>Bühler!M4741</f>
        <v>0</v>
      </c>
      <c r="N4715" s="56">
        <f>IF(Input!$D$19=1,J4715*Input!$C$19,0)+IF(Input!$D$20=1,K4715*Input!$C$20,0)+IF(Input!$D$21=1,L4715*Input!$C$21,0)+IF(Input!$D$22=1,M4715*Input!$C$22,0)</f>
        <v>6.9387119827058072E-2</v>
      </c>
      <c r="O4715" s="59">
        <f>IF(Input!$D$19=2,J4715*Input!$C$19,0)+IF(Input!$D$20=2,K4715*Input!$C$20,0)+IF(Input!$D$21=2,L4715*Input!$C$21,0)+IF(Input!$D$22=2,M4715*Input!$C$22,0)</f>
        <v>0.17346779956764519</v>
      </c>
      <c r="P4715" s="59">
        <f>IF(Input!$D$19=3,J4715*Input!$C$19,0)+IF(Input!$D$20=3,K4715*Input!$C$20,0)+IF(Input!$D$21=3,L4715*Input!$C$21,0)+IF(Input!$D$22=3,M4715*Input!$C$22,0)</f>
        <v>0</v>
      </c>
      <c r="Q4715" s="75">
        <f>IF(Input!$D$19=4,J4715*Input!$C$19,0)+IF(Input!$D$20=4,K4715*Input!$C$20,0)+IF(Input!$D$21=4,L4715*Input!$C$21,0)+IF(Input!$D$22=4,M4715*Input!$C$22,0)</f>
        <v>0</v>
      </c>
      <c r="R4715" s="58">
        <v>44.041079442308011</v>
      </c>
      <c r="S4715" s="124">
        <f t="shared" si="73"/>
        <v>0.300677519250585</v>
      </c>
    </row>
    <row r="4716" spans="8:19" x14ac:dyDescent="0.3">
      <c r="H4716" s="44">
        <v>4709</v>
      </c>
      <c r="I4716" s="56">
        <f>Bühler!I4742</f>
        <v>6.9387119827058072E-2</v>
      </c>
      <c r="J4716" s="59">
        <f>Bühler!J4742</f>
        <v>0.23129039942352692</v>
      </c>
      <c r="K4716" s="59">
        <f>Bühler!K4742</f>
        <v>0.34693559913529037</v>
      </c>
      <c r="L4716" s="59">
        <f>Bühler!L4742</f>
        <v>1.6652908758493938</v>
      </c>
      <c r="M4716" s="58">
        <f>Bühler!M4742</f>
        <v>0</v>
      </c>
      <c r="N4716" s="56">
        <f>IF(Input!$D$19=1,J4716*Input!$C$19,0)+IF(Input!$D$20=1,K4716*Input!$C$20,0)+IF(Input!$D$21=1,L4716*Input!$C$21,0)+IF(Input!$D$22=1,M4716*Input!$C$22,0)</f>
        <v>6.9387119827058072E-2</v>
      </c>
      <c r="O4716" s="59">
        <f>IF(Input!$D$19=2,J4716*Input!$C$19,0)+IF(Input!$D$20=2,K4716*Input!$C$20,0)+IF(Input!$D$21=2,L4716*Input!$C$21,0)+IF(Input!$D$22=2,M4716*Input!$C$22,0)</f>
        <v>0.17346779956764519</v>
      </c>
      <c r="P4716" s="59">
        <f>IF(Input!$D$19=3,J4716*Input!$C$19,0)+IF(Input!$D$20=3,K4716*Input!$C$20,0)+IF(Input!$D$21=3,L4716*Input!$C$21,0)+IF(Input!$D$22=3,M4716*Input!$C$22,0)</f>
        <v>0</v>
      </c>
      <c r="Q4716" s="75">
        <f>IF(Input!$D$19=4,J4716*Input!$C$19,0)+IF(Input!$D$20=4,K4716*Input!$C$20,0)+IF(Input!$D$21=4,L4716*Input!$C$21,0)+IF(Input!$D$22=4,M4716*Input!$C$22,0)</f>
        <v>0</v>
      </c>
      <c r="R4716" s="58">
        <v>47.450470155934383</v>
      </c>
      <c r="S4716" s="124">
        <f t="shared" si="73"/>
        <v>0.300677519250585</v>
      </c>
    </row>
    <row r="4717" spans="8:19" x14ac:dyDescent="0.3">
      <c r="H4717" s="44">
        <v>4710</v>
      </c>
      <c r="I4717" s="56">
        <f>Bühler!I4743</f>
        <v>0.300677519250585</v>
      </c>
      <c r="J4717" s="59">
        <f>Bühler!J4743</f>
        <v>1.0022583975019501</v>
      </c>
      <c r="K4717" s="59">
        <f>Bühler!K4743</f>
        <v>1.5033875962529251</v>
      </c>
      <c r="L4717" s="59">
        <f>Bühler!L4743</f>
        <v>7.2162604620140405</v>
      </c>
      <c r="M4717" s="58">
        <f>Bühler!M4743</f>
        <v>0</v>
      </c>
      <c r="N4717" s="56">
        <f>IF(Input!$D$19=1,J4717*Input!$C$19,0)+IF(Input!$D$20=1,K4717*Input!$C$20,0)+IF(Input!$D$21=1,L4717*Input!$C$21,0)+IF(Input!$D$22=1,M4717*Input!$C$22,0)</f>
        <v>0.300677519250585</v>
      </c>
      <c r="O4717" s="59">
        <f>IF(Input!$D$19=2,J4717*Input!$C$19,0)+IF(Input!$D$20=2,K4717*Input!$C$20,0)+IF(Input!$D$21=2,L4717*Input!$C$21,0)+IF(Input!$D$22=2,M4717*Input!$C$22,0)</f>
        <v>0.75169379812646253</v>
      </c>
      <c r="P4717" s="59">
        <f>IF(Input!$D$19=3,J4717*Input!$C$19,0)+IF(Input!$D$20=3,K4717*Input!$C$20,0)+IF(Input!$D$21=3,L4717*Input!$C$21,0)+IF(Input!$D$22=3,M4717*Input!$C$22,0)</f>
        <v>0</v>
      </c>
      <c r="Q4717" s="75">
        <f>IF(Input!$D$19=4,J4717*Input!$C$19,0)+IF(Input!$D$20=4,K4717*Input!$C$20,0)+IF(Input!$D$21=4,L4717*Input!$C$21,0)+IF(Input!$D$22=4,M4717*Input!$C$22,0)</f>
        <v>0</v>
      </c>
      <c r="R4717" s="58">
        <v>52.452187454752256</v>
      </c>
      <c r="S4717" s="124">
        <f t="shared" si="73"/>
        <v>1.3029359167525352</v>
      </c>
    </row>
    <row r="4718" spans="8:19" x14ac:dyDescent="0.3">
      <c r="H4718" s="44">
        <v>4711</v>
      </c>
      <c r="I4718" s="56">
        <f>Bühler!I4744</f>
        <v>0.34115333914970219</v>
      </c>
      <c r="J4718" s="59">
        <f>Bühler!J4744</f>
        <v>1.137177797165674</v>
      </c>
      <c r="K4718" s="59">
        <f>Bühler!K4744</f>
        <v>1.7057666957485111</v>
      </c>
      <c r="L4718" s="59">
        <f>Bühler!L4744</f>
        <v>8.1876801395928531</v>
      </c>
      <c r="M4718" s="58">
        <f>Bühler!M4744</f>
        <v>0</v>
      </c>
      <c r="N4718" s="56">
        <f>IF(Input!$D$19=1,J4718*Input!$C$19,0)+IF(Input!$D$20=1,K4718*Input!$C$20,0)+IF(Input!$D$21=1,L4718*Input!$C$21,0)+IF(Input!$D$22=1,M4718*Input!$C$22,0)</f>
        <v>0.34115333914970219</v>
      </c>
      <c r="O4718" s="59">
        <f>IF(Input!$D$19=2,J4718*Input!$C$19,0)+IF(Input!$D$20=2,K4718*Input!$C$20,0)+IF(Input!$D$21=2,L4718*Input!$C$21,0)+IF(Input!$D$22=2,M4718*Input!$C$22,0)</f>
        <v>0.85288334787425557</v>
      </c>
      <c r="P4718" s="59">
        <f>IF(Input!$D$19=3,J4718*Input!$C$19,0)+IF(Input!$D$20=3,K4718*Input!$C$20,0)+IF(Input!$D$21=3,L4718*Input!$C$21,0)+IF(Input!$D$22=3,M4718*Input!$C$22,0)</f>
        <v>0</v>
      </c>
      <c r="Q4718" s="75">
        <f>IF(Input!$D$19=4,J4718*Input!$C$19,0)+IF(Input!$D$20=4,K4718*Input!$C$20,0)+IF(Input!$D$21=4,L4718*Input!$C$21,0)+IF(Input!$D$22=4,M4718*Input!$C$22,0)</f>
        <v>0</v>
      </c>
      <c r="R4718" s="58">
        <v>56.86329342105617</v>
      </c>
      <c r="S4718" s="124">
        <f t="shared" si="73"/>
        <v>1.4783311363153762</v>
      </c>
    </row>
    <row r="4719" spans="8:19" x14ac:dyDescent="0.3">
      <c r="H4719" s="44">
        <v>4712</v>
      </c>
      <c r="I4719" s="56">
        <f>Bühler!I4745</f>
        <v>0.34115333914970219</v>
      </c>
      <c r="J4719" s="59">
        <f>Bühler!J4745</f>
        <v>1.137177797165674</v>
      </c>
      <c r="K4719" s="59">
        <f>Bühler!K4745</f>
        <v>1.7057666957485111</v>
      </c>
      <c r="L4719" s="59">
        <f>Bühler!L4745</f>
        <v>8.1876801395928531</v>
      </c>
      <c r="M4719" s="58">
        <f>Bühler!M4745</f>
        <v>0</v>
      </c>
      <c r="N4719" s="56">
        <f>IF(Input!$D$19=1,J4719*Input!$C$19,0)+IF(Input!$D$20=1,K4719*Input!$C$20,0)+IF(Input!$D$21=1,L4719*Input!$C$21,0)+IF(Input!$D$22=1,M4719*Input!$C$22,0)</f>
        <v>0.34115333914970219</v>
      </c>
      <c r="O4719" s="59">
        <f>IF(Input!$D$19=2,J4719*Input!$C$19,0)+IF(Input!$D$20=2,K4719*Input!$C$20,0)+IF(Input!$D$21=2,L4719*Input!$C$21,0)+IF(Input!$D$22=2,M4719*Input!$C$22,0)</f>
        <v>0.85288334787425557</v>
      </c>
      <c r="P4719" s="59">
        <f>IF(Input!$D$19=3,J4719*Input!$C$19,0)+IF(Input!$D$20=3,K4719*Input!$C$20,0)+IF(Input!$D$21=3,L4719*Input!$C$21,0)+IF(Input!$D$22=3,M4719*Input!$C$22,0)</f>
        <v>0</v>
      </c>
      <c r="Q4719" s="75">
        <f>IF(Input!$D$19=4,J4719*Input!$C$19,0)+IF(Input!$D$20=4,K4719*Input!$C$20,0)+IF(Input!$D$21=4,L4719*Input!$C$21,0)+IF(Input!$D$22=4,M4719*Input!$C$22,0)</f>
        <v>0</v>
      </c>
      <c r="R4719" s="58">
        <v>60.180838220913024</v>
      </c>
      <c r="S4719" s="124">
        <f t="shared" si="73"/>
        <v>1.4783311363153762</v>
      </c>
    </row>
    <row r="4720" spans="8:19" x14ac:dyDescent="0.3">
      <c r="H4720" s="44">
        <v>4713</v>
      </c>
      <c r="I4720" s="56">
        <f>Bühler!I4746</f>
        <v>0.34115333914970219</v>
      </c>
      <c r="J4720" s="59">
        <f>Bühler!J4746</f>
        <v>1.137177797165674</v>
      </c>
      <c r="K4720" s="59">
        <f>Bühler!K4746</f>
        <v>1.7057666957485111</v>
      </c>
      <c r="L4720" s="59">
        <f>Bühler!L4746</f>
        <v>8.1876801395928531</v>
      </c>
      <c r="M4720" s="58">
        <f>Bühler!M4746</f>
        <v>0</v>
      </c>
      <c r="N4720" s="56">
        <f>IF(Input!$D$19=1,J4720*Input!$C$19,0)+IF(Input!$D$20=1,K4720*Input!$C$20,0)+IF(Input!$D$21=1,L4720*Input!$C$21,0)+IF(Input!$D$22=1,M4720*Input!$C$22,0)</f>
        <v>0.34115333914970219</v>
      </c>
      <c r="O4720" s="59">
        <f>IF(Input!$D$19=2,J4720*Input!$C$19,0)+IF(Input!$D$20=2,K4720*Input!$C$20,0)+IF(Input!$D$21=2,L4720*Input!$C$21,0)+IF(Input!$D$22=2,M4720*Input!$C$22,0)</f>
        <v>0.85288334787425557</v>
      </c>
      <c r="P4720" s="59">
        <f>IF(Input!$D$19=3,J4720*Input!$C$19,0)+IF(Input!$D$20=3,K4720*Input!$C$20,0)+IF(Input!$D$21=3,L4720*Input!$C$21,0)+IF(Input!$D$22=3,M4720*Input!$C$22,0)</f>
        <v>0</v>
      </c>
      <c r="Q4720" s="75">
        <f>IF(Input!$D$19=4,J4720*Input!$C$19,0)+IF(Input!$D$20=4,K4720*Input!$C$20,0)+IF(Input!$D$21=4,L4720*Input!$C$21,0)+IF(Input!$D$22=4,M4720*Input!$C$22,0)</f>
        <v>0</v>
      </c>
      <c r="R4720" s="58">
        <v>61.920231188367318</v>
      </c>
      <c r="S4720" s="124">
        <f t="shared" si="73"/>
        <v>1.4783311363153762</v>
      </c>
    </row>
    <row r="4721" spans="8:19" x14ac:dyDescent="0.3">
      <c r="H4721" s="44">
        <v>4714</v>
      </c>
      <c r="I4721" s="56">
        <f>Bühler!I4747</f>
        <v>0.36428237909205491</v>
      </c>
      <c r="J4721" s="59">
        <f>Bühler!J4747</f>
        <v>1.2142745969735165</v>
      </c>
      <c r="K4721" s="59">
        <f>Bühler!K4747</f>
        <v>1.8214118954602747</v>
      </c>
      <c r="L4721" s="59">
        <f>Bühler!L4747</f>
        <v>8.7427770982093183</v>
      </c>
      <c r="M4721" s="58">
        <f>Bühler!M4747</f>
        <v>0</v>
      </c>
      <c r="N4721" s="56">
        <f>IF(Input!$D$19=1,J4721*Input!$C$19,0)+IF(Input!$D$20=1,K4721*Input!$C$20,0)+IF(Input!$D$21=1,L4721*Input!$C$21,0)+IF(Input!$D$22=1,M4721*Input!$C$22,0)</f>
        <v>0.36428237909205491</v>
      </c>
      <c r="O4721" s="59">
        <f>IF(Input!$D$19=2,J4721*Input!$C$19,0)+IF(Input!$D$20=2,K4721*Input!$C$20,0)+IF(Input!$D$21=2,L4721*Input!$C$21,0)+IF(Input!$D$22=2,M4721*Input!$C$22,0)</f>
        <v>0.91070594773013736</v>
      </c>
      <c r="P4721" s="59">
        <f>IF(Input!$D$19=3,J4721*Input!$C$19,0)+IF(Input!$D$20=3,K4721*Input!$C$20,0)+IF(Input!$D$21=3,L4721*Input!$C$21,0)+IF(Input!$D$22=3,M4721*Input!$C$22,0)</f>
        <v>0</v>
      </c>
      <c r="Q4721" s="75">
        <f>IF(Input!$D$19=4,J4721*Input!$C$19,0)+IF(Input!$D$20=4,K4721*Input!$C$20,0)+IF(Input!$D$21=4,L4721*Input!$C$21,0)+IF(Input!$D$22=4,M4721*Input!$C$22,0)</f>
        <v>0</v>
      </c>
      <c r="R4721" s="58">
        <v>62.390111626781881</v>
      </c>
      <c r="S4721" s="124">
        <f t="shared" si="73"/>
        <v>1.5785569760655713</v>
      </c>
    </row>
    <row r="4722" spans="8:19" x14ac:dyDescent="0.3">
      <c r="H4722" s="44">
        <v>4715</v>
      </c>
      <c r="I4722" s="56">
        <f>Bühler!I4748</f>
        <v>0.36428237909205491</v>
      </c>
      <c r="J4722" s="59">
        <f>Bühler!J4748</f>
        <v>1.2142745969735165</v>
      </c>
      <c r="K4722" s="59">
        <f>Bühler!K4748</f>
        <v>1.8214118954602747</v>
      </c>
      <c r="L4722" s="59">
        <f>Bühler!L4748</f>
        <v>8.7427770982093183</v>
      </c>
      <c r="M4722" s="58">
        <f>Bühler!M4748</f>
        <v>0</v>
      </c>
      <c r="N4722" s="56">
        <f>IF(Input!$D$19=1,J4722*Input!$C$19,0)+IF(Input!$D$20=1,K4722*Input!$C$20,0)+IF(Input!$D$21=1,L4722*Input!$C$21,0)+IF(Input!$D$22=1,M4722*Input!$C$22,0)</f>
        <v>0.36428237909205491</v>
      </c>
      <c r="O4722" s="59">
        <f>IF(Input!$D$19=2,J4722*Input!$C$19,0)+IF(Input!$D$20=2,K4722*Input!$C$20,0)+IF(Input!$D$21=2,L4722*Input!$C$21,0)+IF(Input!$D$22=2,M4722*Input!$C$22,0)</f>
        <v>0.91070594773013736</v>
      </c>
      <c r="P4722" s="59">
        <f>IF(Input!$D$19=3,J4722*Input!$C$19,0)+IF(Input!$D$20=3,K4722*Input!$C$20,0)+IF(Input!$D$21=3,L4722*Input!$C$21,0)+IF(Input!$D$22=3,M4722*Input!$C$22,0)</f>
        <v>0</v>
      </c>
      <c r="Q4722" s="75">
        <f>IF(Input!$D$19=4,J4722*Input!$C$19,0)+IF(Input!$D$20=4,K4722*Input!$C$20,0)+IF(Input!$D$21=4,L4722*Input!$C$21,0)+IF(Input!$D$22=4,M4722*Input!$C$22,0)</f>
        <v>0</v>
      </c>
      <c r="R4722" s="58">
        <v>64.207884752738266</v>
      </c>
      <c r="S4722" s="124">
        <f t="shared" si="73"/>
        <v>1.5785569760655713</v>
      </c>
    </row>
    <row r="4723" spans="8:19" x14ac:dyDescent="0.3">
      <c r="H4723" s="44">
        <v>4716</v>
      </c>
      <c r="I4723" s="56">
        <f>Bühler!I4749</f>
        <v>0.46258079884705389</v>
      </c>
      <c r="J4723" s="59">
        <f>Bühler!J4749</f>
        <v>1.5419359961568464</v>
      </c>
      <c r="K4723" s="59">
        <f>Bühler!K4749</f>
        <v>2.3129039942352696</v>
      </c>
      <c r="L4723" s="59">
        <f>Bühler!L4749</f>
        <v>11.101939172329294</v>
      </c>
      <c r="M4723" s="58">
        <f>Bühler!M4749</f>
        <v>0</v>
      </c>
      <c r="N4723" s="56">
        <f>IF(Input!$D$19=1,J4723*Input!$C$19,0)+IF(Input!$D$20=1,K4723*Input!$C$20,0)+IF(Input!$D$21=1,L4723*Input!$C$21,0)+IF(Input!$D$22=1,M4723*Input!$C$22,0)</f>
        <v>0.46258079884705389</v>
      </c>
      <c r="O4723" s="59">
        <f>IF(Input!$D$19=2,J4723*Input!$C$19,0)+IF(Input!$D$20=2,K4723*Input!$C$20,0)+IF(Input!$D$21=2,L4723*Input!$C$21,0)+IF(Input!$D$22=2,M4723*Input!$C$22,0)</f>
        <v>1.1564519971176348</v>
      </c>
      <c r="P4723" s="59">
        <f>IF(Input!$D$19=3,J4723*Input!$C$19,0)+IF(Input!$D$20=3,K4723*Input!$C$20,0)+IF(Input!$D$21=3,L4723*Input!$C$21,0)+IF(Input!$D$22=3,M4723*Input!$C$22,0)</f>
        <v>0</v>
      </c>
      <c r="Q4723" s="75">
        <f>IF(Input!$D$19=4,J4723*Input!$C$19,0)+IF(Input!$D$20=4,K4723*Input!$C$20,0)+IF(Input!$D$21=4,L4723*Input!$C$21,0)+IF(Input!$D$22=4,M4723*Input!$C$22,0)</f>
        <v>0</v>
      </c>
      <c r="R4723" s="58">
        <v>64.842952709028438</v>
      </c>
      <c r="S4723" s="124">
        <f t="shared" si="73"/>
        <v>2.0045167950039002</v>
      </c>
    </row>
    <row r="4724" spans="8:19" x14ac:dyDescent="0.3">
      <c r="H4724" s="44">
        <v>4717</v>
      </c>
      <c r="I4724" s="56">
        <f>Bühler!I4750</f>
        <v>0.46258079884705389</v>
      </c>
      <c r="J4724" s="59">
        <f>Bühler!J4750</f>
        <v>1.5419359961568464</v>
      </c>
      <c r="K4724" s="59">
        <f>Bühler!K4750</f>
        <v>2.3129039942352696</v>
      </c>
      <c r="L4724" s="59">
        <f>Bühler!L4750</f>
        <v>11.101939172329294</v>
      </c>
      <c r="M4724" s="58">
        <f>Bühler!M4750</f>
        <v>0</v>
      </c>
      <c r="N4724" s="56">
        <f>IF(Input!$D$19=1,J4724*Input!$C$19,0)+IF(Input!$D$20=1,K4724*Input!$C$20,0)+IF(Input!$D$21=1,L4724*Input!$C$21,0)+IF(Input!$D$22=1,M4724*Input!$C$22,0)</f>
        <v>0.46258079884705389</v>
      </c>
      <c r="O4724" s="59">
        <f>IF(Input!$D$19=2,J4724*Input!$C$19,0)+IF(Input!$D$20=2,K4724*Input!$C$20,0)+IF(Input!$D$21=2,L4724*Input!$C$21,0)+IF(Input!$D$22=2,M4724*Input!$C$22,0)</f>
        <v>1.1564519971176348</v>
      </c>
      <c r="P4724" s="59">
        <f>IF(Input!$D$19=3,J4724*Input!$C$19,0)+IF(Input!$D$20=3,K4724*Input!$C$20,0)+IF(Input!$D$21=3,L4724*Input!$C$21,0)+IF(Input!$D$22=3,M4724*Input!$C$22,0)</f>
        <v>0</v>
      </c>
      <c r="Q4724" s="75">
        <f>IF(Input!$D$19=4,J4724*Input!$C$19,0)+IF(Input!$D$20=4,K4724*Input!$C$20,0)+IF(Input!$D$21=4,L4724*Input!$C$21,0)+IF(Input!$D$22=4,M4724*Input!$C$22,0)</f>
        <v>0</v>
      </c>
      <c r="R4724" s="58">
        <v>63.882385104668906</v>
      </c>
      <c r="S4724" s="124">
        <f t="shared" si="73"/>
        <v>2.0045167950039002</v>
      </c>
    </row>
    <row r="4725" spans="8:19" x14ac:dyDescent="0.3">
      <c r="H4725" s="44">
        <v>4718</v>
      </c>
      <c r="I4725" s="56">
        <f>Bühler!I4751</f>
        <v>0.30645977923617318</v>
      </c>
      <c r="J4725" s="59">
        <f>Bühler!J4751</f>
        <v>1.0215325974539107</v>
      </c>
      <c r="K4725" s="59">
        <f>Bühler!K4751</f>
        <v>1.5322988961808661</v>
      </c>
      <c r="L4725" s="59">
        <f>Bühler!L4751</f>
        <v>7.3550347016681572</v>
      </c>
      <c r="M4725" s="58">
        <f>Bühler!M4751</f>
        <v>0</v>
      </c>
      <c r="N4725" s="56">
        <f>IF(Input!$D$19=1,J4725*Input!$C$19,0)+IF(Input!$D$20=1,K4725*Input!$C$20,0)+IF(Input!$D$21=1,L4725*Input!$C$21,0)+IF(Input!$D$22=1,M4725*Input!$C$22,0)</f>
        <v>0.30645977923617318</v>
      </c>
      <c r="O4725" s="59">
        <f>IF(Input!$D$19=2,J4725*Input!$C$19,0)+IF(Input!$D$20=2,K4725*Input!$C$20,0)+IF(Input!$D$21=2,L4725*Input!$C$21,0)+IF(Input!$D$22=2,M4725*Input!$C$22,0)</f>
        <v>0.76614944809043306</v>
      </c>
      <c r="P4725" s="59">
        <f>IF(Input!$D$19=3,J4725*Input!$C$19,0)+IF(Input!$D$20=3,K4725*Input!$C$20,0)+IF(Input!$D$21=3,L4725*Input!$C$21,0)+IF(Input!$D$22=3,M4725*Input!$C$22,0)</f>
        <v>0</v>
      </c>
      <c r="Q4725" s="75">
        <f>IF(Input!$D$19=4,J4725*Input!$C$19,0)+IF(Input!$D$20=4,K4725*Input!$C$20,0)+IF(Input!$D$21=4,L4725*Input!$C$21,0)+IF(Input!$D$22=4,M4725*Input!$C$22,0)</f>
        <v>0</v>
      </c>
      <c r="R4725" s="58">
        <v>63.947835688750231</v>
      </c>
      <c r="S4725" s="124">
        <f t="shared" si="73"/>
        <v>1.3279923766900839</v>
      </c>
    </row>
    <row r="4726" spans="8:19" x14ac:dyDescent="0.3">
      <c r="H4726" s="44">
        <v>4719</v>
      </c>
      <c r="I4726" s="56">
        <f>Bühler!I4752</f>
        <v>0.46258079884705389</v>
      </c>
      <c r="J4726" s="59">
        <f>Bühler!J4752</f>
        <v>1.5419359961568464</v>
      </c>
      <c r="K4726" s="59">
        <f>Bühler!K4752</f>
        <v>2.3129039942352696</v>
      </c>
      <c r="L4726" s="59">
        <f>Bühler!L4752</f>
        <v>11.101939172329294</v>
      </c>
      <c r="M4726" s="58">
        <f>Bühler!M4752</f>
        <v>0</v>
      </c>
      <c r="N4726" s="56">
        <f>IF(Input!$D$19=1,J4726*Input!$C$19,0)+IF(Input!$D$20=1,K4726*Input!$C$20,0)+IF(Input!$D$21=1,L4726*Input!$C$21,0)+IF(Input!$D$22=1,M4726*Input!$C$22,0)</f>
        <v>0.46258079884705389</v>
      </c>
      <c r="O4726" s="59">
        <f>IF(Input!$D$19=2,J4726*Input!$C$19,0)+IF(Input!$D$20=2,K4726*Input!$C$20,0)+IF(Input!$D$21=2,L4726*Input!$C$21,0)+IF(Input!$D$22=2,M4726*Input!$C$22,0)</f>
        <v>1.1564519971176348</v>
      </c>
      <c r="P4726" s="59">
        <f>IF(Input!$D$19=3,J4726*Input!$C$19,0)+IF(Input!$D$20=3,K4726*Input!$C$20,0)+IF(Input!$D$21=3,L4726*Input!$C$21,0)+IF(Input!$D$22=3,M4726*Input!$C$22,0)</f>
        <v>0</v>
      </c>
      <c r="Q4726" s="75">
        <f>IF(Input!$D$19=4,J4726*Input!$C$19,0)+IF(Input!$D$20=4,K4726*Input!$C$20,0)+IF(Input!$D$21=4,L4726*Input!$C$21,0)+IF(Input!$D$22=4,M4726*Input!$C$22,0)</f>
        <v>0</v>
      </c>
      <c r="R4726" s="58">
        <v>65.094412856847768</v>
      </c>
      <c r="S4726" s="124">
        <f t="shared" si="73"/>
        <v>2.0045167950039002</v>
      </c>
    </row>
    <row r="4727" spans="8:19" x14ac:dyDescent="0.3">
      <c r="H4727" s="44">
        <v>4720</v>
      </c>
      <c r="I4727" s="56">
        <f>Bühler!I4753</f>
        <v>0.46258079884705389</v>
      </c>
      <c r="J4727" s="59">
        <f>Bühler!J4753</f>
        <v>1.5419359961568464</v>
      </c>
      <c r="K4727" s="59">
        <f>Bühler!K4753</f>
        <v>2.3129039942352696</v>
      </c>
      <c r="L4727" s="59">
        <f>Bühler!L4753</f>
        <v>11.101939172329294</v>
      </c>
      <c r="M4727" s="58">
        <f>Bühler!M4753</f>
        <v>0</v>
      </c>
      <c r="N4727" s="56">
        <f>IF(Input!$D$19=1,J4727*Input!$C$19,0)+IF(Input!$D$20=1,K4727*Input!$C$20,0)+IF(Input!$D$21=1,L4727*Input!$C$21,0)+IF(Input!$D$22=1,M4727*Input!$C$22,0)</f>
        <v>0.46258079884705389</v>
      </c>
      <c r="O4727" s="59">
        <f>IF(Input!$D$19=2,J4727*Input!$C$19,0)+IF(Input!$D$20=2,K4727*Input!$C$20,0)+IF(Input!$D$21=2,L4727*Input!$C$21,0)+IF(Input!$D$22=2,M4727*Input!$C$22,0)</f>
        <v>1.1564519971176348</v>
      </c>
      <c r="P4727" s="59">
        <f>IF(Input!$D$19=3,J4727*Input!$C$19,0)+IF(Input!$D$20=3,K4727*Input!$C$20,0)+IF(Input!$D$21=3,L4727*Input!$C$21,0)+IF(Input!$D$22=3,M4727*Input!$C$22,0)</f>
        <v>0</v>
      </c>
      <c r="Q4727" s="75">
        <f>IF(Input!$D$19=4,J4727*Input!$C$19,0)+IF(Input!$D$20=4,K4727*Input!$C$20,0)+IF(Input!$D$21=4,L4727*Input!$C$21,0)+IF(Input!$D$22=4,M4727*Input!$C$22,0)</f>
        <v>0</v>
      </c>
      <c r="R4727" s="58">
        <v>65.234906968597699</v>
      </c>
      <c r="S4727" s="124">
        <f t="shared" si="73"/>
        <v>2.0045167950039002</v>
      </c>
    </row>
    <row r="4728" spans="8:19" x14ac:dyDescent="0.3">
      <c r="H4728" s="44">
        <v>4721</v>
      </c>
      <c r="I4728" s="56">
        <f>Bühler!I4754</f>
        <v>0.46258079884705389</v>
      </c>
      <c r="J4728" s="59">
        <f>Bühler!J4754</f>
        <v>1.5419359961568464</v>
      </c>
      <c r="K4728" s="59">
        <f>Bühler!K4754</f>
        <v>2.3129039942352696</v>
      </c>
      <c r="L4728" s="59">
        <f>Bühler!L4754</f>
        <v>11.101939172329294</v>
      </c>
      <c r="M4728" s="58">
        <f>Bühler!M4754</f>
        <v>0</v>
      </c>
      <c r="N4728" s="56">
        <f>IF(Input!$D$19=1,J4728*Input!$C$19,0)+IF(Input!$D$20=1,K4728*Input!$C$20,0)+IF(Input!$D$21=1,L4728*Input!$C$21,0)+IF(Input!$D$22=1,M4728*Input!$C$22,0)</f>
        <v>0.46258079884705389</v>
      </c>
      <c r="O4728" s="59">
        <f>IF(Input!$D$19=2,J4728*Input!$C$19,0)+IF(Input!$D$20=2,K4728*Input!$C$20,0)+IF(Input!$D$21=2,L4728*Input!$C$21,0)+IF(Input!$D$22=2,M4728*Input!$C$22,0)</f>
        <v>1.1564519971176348</v>
      </c>
      <c r="P4728" s="59">
        <f>IF(Input!$D$19=3,J4728*Input!$C$19,0)+IF(Input!$D$20=3,K4728*Input!$C$20,0)+IF(Input!$D$21=3,L4728*Input!$C$21,0)+IF(Input!$D$22=3,M4728*Input!$C$22,0)</f>
        <v>0</v>
      </c>
      <c r="Q4728" s="75">
        <f>IF(Input!$D$19=4,J4728*Input!$C$19,0)+IF(Input!$D$20=4,K4728*Input!$C$20,0)+IF(Input!$D$21=4,L4728*Input!$C$21,0)+IF(Input!$D$22=4,M4728*Input!$C$22,0)</f>
        <v>0</v>
      </c>
      <c r="R4728" s="58">
        <v>64.310391539082872</v>
      </c>
      <c r="S4728" s="124">
        <f t="shared" si="73"/>
        <v>2.0045167950039002</v>
      </c>
    </row>
    <row r="4729" spans="8:19" x14ac:dyDescent="0.3">
      <c r="H4729" s="44">
        <v>4722</v>
      </c>
      <c r="I4729" s="56">
        <f>Bühler!I4755</f>
        <v>0.46258079884705389</v>
      </c>
      <c r="J4729" s="59">
        <f>Bühler!J4755</f>
        <v>1.5419359961568464</v>
      </c>
      <c r="K4729" s="59">
        <f>Bühler!K4755</f>
        <v>2.3129039942352696</v>
      </c>
      <c r="L4729" s="59">
        <f>Bühler!L4755</f>
        <v>11.101939172329294</v>
      </c>
      <c r="M4729" s="58">
        <f>Bühler!M4755</f>
        <v>0</v>
      </c>
      <c r="N4729" s="56">
        <f>IF(Input!$D$19=1,J4729*Input!$C$19,0)+IF(Input!$D$20=1,K4729*Input!$C$20,0)+IF(Input!$D$21=1,L4729*Input!$C$21,0)+IF(Input!$D$22=1,M4729*Input!$C$22,0)</f>
        <v>0.46258079884705389</v>
      </c>
      <c r="O4729" s="59">
        <f>IF(Input!$D$19=2,J4729*Input!$C$19,0)+IF(Input!$D$20=2,K4729*Input!$C$20,0)+IF(Input!$D$21=2,L4729*Input!$C$21,0)+IF(Input!$D$22=2,M4729*Input!$C$22,0)</f>
        <v>1.1564519971176348</v>
      </c>
      <c r="P4729" s="59">
        <f>IF(Input!$D$19=3,J4729*Input!$C$19,0)+IF(Input!$D$20=3,K4729*Input!$C$20,0)+IF(Input!$D$21=3,L4729*Input!$C$21,0)+IF(Input!$D$22=3,M4729*Input!$C$22,0)</f>
        <v>0</v>
      </c>
      <c r="Q4729" s="75">
        <f>IF(Input!$D$19=4,J4729*Input!$C$19,0)+IF(Input!$D$20=4,K4729*Input!$C$20,0)+IF(Input!$D$21=4,L4729*Input!$C$21,0)+IF(Input!$D$22=4,M4729*Input!$C$22,0)</f>
        <v>0</v>
      </c>
      <c r="R4729" s="58">
        <v>62.91355207357639</v>
      </c>
      <c r="S4729" s="124">
        <f t="shared" si="73"/>
        <v>2.0045167950039002</v>
      </c>
    </row>
    <row r="4730" spans="8:19" x14ac:dyDescent="0.3">
      <c r="H4730" s="44">
        <v>4723</v>
      </c>
      <c r="I4730" s="56">
        <f>Bühler!I4756</f>
        <v>0.46258079884705389</v>
      </c>
      <c r="J4730" s="59">
        <f>Bühler!J4756</f>
        <v>1.5419359961568464</v>
      </c>
      <c r="K4730" s="59">
        <f>Bühler!K4756</f>
        <v>2.3129039942352696</v>
      </c>
      <c r="L4730" s="59">
        <f>Bühler!L4756</f>
        <v>11.101939172329294</v>
      </c>
      <c r="M4730" s="58">
        <f>Bühler!M4756</f>
        <v>0</v>
      </c>
      <c r="N4730" s="56">
        <f>IF(Input!$D$19=1,J4730*Input!$C$19,0)+IF(Input!$D$20=1,K4730*Input!$C$20,0)+IF(Input!$D$21=1,L4730*Input!$C$21,0)+IF(Input!$D$22=1,M4730*Input!$C$22,0)</f>
        <v>0.46258079884705389</v>
      </c>
      <c r="O4730" s="59">
        <f>IF(Input!$D$19=2,J4730*Input!$C$19,0)+IF(Input!$D$20=2,K4730*Input!$C$20,0)+IF(Input!$D$21=2,L4730*Input!$C$21,0)+IF(Input!$D$22=2,M4730*Input!$C$22,0)</f>
        <v>1.1564519971176348</v>
      </c>
      <c r="P4730" s="59">
        <f>IF(Input!$D$19=3,J4730*Input!$C$19,0)+IF(Input!$D$20=3,K4730*Input!$C$20,0)+IF(Input!$D$21=3,L4730*Input!$C$21,0)+IF(Input!$D$22=3,M4730*Input!$C$22,0)</f>
        <v>0</v>
      </c>
      <c r="Q4730" s="75">
        <f>IF(Input!$D$19=4,J4730*Input!$C$19,0)+IF(Input!$D$20=4,K4730*Input!$C$20,0)+IF(Input!$D$21=4,L4730*Input!$C$21,0)+IF(Input!$D$22=4,M4730*Input!$C$22,0)</f>
        <v>0</v>
      </c>
      <c r="R4730" s="58">
        <v>61.491807589289053</v>
      </c>
      <c r="S4730" s="124">
        <f t="shared" si="73"/>
        <v>2.0045167950039002</v>
      </c>
    </row>
    <row r="4731" spans="8:19" x14ac:dyDescent="0.3">
      <c r="H4731" s="44">
        <v>4724</v>
      </c>
      <c r="I4731" s="56">
        <f>Bühler!I4757</f>
        <v>0.38741141903440768</v>
      </c>
      <c r="J4731" s="59">
        <f>Bühler!J4757</f>
        <v>1.2913713967813589</v>
      </c>
      <c r="K4731" s="59">
        <f>Bühler!K4757</f>
        <v>1.9370570951720383</v>
      </c>
      <c r="L4731" s="59">
        <f>Bühler!L4757</f>
        <v>9.2978740568257834</v>
      </c>
      <c r="M4731" s="58">
        <f>Bühler!M4757</f>
        <v>0</v>
      </c>
      <c r="N4731" s="56">
        <f>IF(Input!$D$19=1,J4731*Input!$C$19,0)+IF(Input!$D$20=1,K4731*Input!$C$20,0)+IF(Input!$D$21=1,L4731*Input!$C$21,0)+IF(Input!$D$22=1,M4731*Input!$C$22,0)</f>
        <v>0.38741141903440768</v>
      </c>
      <c r="O4731" s="59">
        <f>IF(Input!$D$19=2,J4731*Input!$C$19,0)+IF(Input!$D$20=2,K4731*Input!$C$20,0)+IF(Input!$D$21=2,L4731*Input!$C$21,0)+IF(Input!$D$22=2,M4731*Input!$C$22,0)</f>
        <v>0.96852854758601914</v>
      </c>
      <c r="P4731" s="59">
        <f>IF(Input!$D$19=3,J4731*Input!$C$19,0)+IF(Input!$D$20=3,K4731*Input!$C$20,0)+IF(Input!$D$21=3,L4731*Input!$C$21,0)+IF(Input!$D$22=3,M4731*Input!$C$22,0)</f>
        <v>0</v>
      </c>
      <c r="Q4731" s="75">
        <f>IF(Input!$D$19=4,J4731*Input!$C$19,0)+IF(Input!$D$20=4,K4731*Input!$C$20,0)+IF(Input!$D$21=4,L4731*Input!$C$21,0)+IF(Input!$D$22=4,M4731*Input!$C$22,0)</f>
        <v>0</v>
      </c>
      <c r="R4731" s="58">
        <v>60.115826710045049</v>
      </c>
      <c r="S4731" s="124">
        <f t="shared" si="73"/>
        <v>1.6787828158157665</v>
      </c>
    </row>
    <row r="4732" spans="8:19" x14ac:dyDescent="0.3">
      <c r="H4732" s="44">
        <v>4725</v>
      </c>
      <c r="I4732" s="56">
        <f>Bühler!I4758</f>
        <v>0.31802429920734954</v>
      </c>
      <c r="J4732" s="59">
        <f>Bühler!J4758</f>
        <v>1.0600809973578318</v>
      </c>
      <c r="K4732" s="59">
        <f>Bühler!K4758</f>
        <v>1.5901214960367478</v>
      </c>
      <c r="L4732" s="59">
        <f>Bühler!L4758</f>
        <v>7.6325831809763889</v>
      </c>
      <c r="M4732" s="58">
        <f>Bühler!M4758</f>
        <v>0</v>
      </c>
      <c r="N4732" s="56">
        <f>IF(Input!$D$19=1,J4732*Input!$C$19,0)+IF(Input!$D$20=1,K4732*Input!$C$20,0)+IF(Input!$D$21=1,L4732*Input!$C$21,0)+IF(Input!$D$22=1,M4732*Input!$C$22,0)</f>
        <v>0.31802429920734954</v>
      </c>
      <c r="O4732" s="59">
        <f>IF(Input!$D$19=2,J4732*Input!$C$19,0)+IF(Input!$D$20=2,K4732*Input!$C$20,0)+IF(Input!$D$21=2,L4732*Input!$C$21,0)+IF(Input!$D$22=2,M4732*Input!$C$22,0)</f>
        <v>0.7950607480183739</v>
      </c>
      <c r="P4732" s="59">
        <f>IF(Input!$D$19=3,J4732*Input!$C$19,0)+IF(Input!$D$20=3,K4732*Input!$C$20,0)+IF(Input!$D$21=3,L4732*Input!$C$21,0)+IF(Input!$D$22=3,M4732*Input!$C$22,0)</f>
        <v>0</v>
      </c>
      <c r="Q4732" s="75">
        <f>IF(Input!$D$19=4,J4732*Input!$C$19,0)+IF(Input!$D$20=4,K4732*Input!$C$20,0)+IF(Input!$D$21=4,L4732*Input!$C$21,0)+IF(Input!$D$22=4,M4732*Input!$C$22,0)</f>
        <v>0</v>
      </c>
      <c r="R4732" s="58">
        <v>57.871604480736153</v>
      </c>
      <c r="S4732" s="124">
        <f t="shared" si="73"/>
        <v>1.3781052965651814</v>
      </c>
    </row>
    <row r="4733" spans="8:19" x14ac:dyDescent="0.3">
      <c r="H4733" s="44">
        <v>4726</v>
      </c>
      <c r="I4733" s="56">
        <f>Bühler!I4759</f>
        <v>0.23129039942352694</v>
      </c>
      <c r="J4733" s="59">
        <f>Bühler!J4759</f>
        <v>0.7709679980784232</v>
      </c>
      <c r="K4733" s="59">
        <f>Bühler!K4759</f>
        <v>1.1564519971176348</v>
      </c>
      <c r="L4733" s="59">
        <f>Bühler!L4759</f>
        <v>5.5509695861646469</v>
      </c>
      <c r="M4733" s="58">
        <f>Bühler!M4759</f>
        <v>0</v>
      </c>
      <c r="N4733" s="56">
        <f>IF(Input!$D$19=1,J4733*Input!$C$19,0)+IF(Input!$D$20=1,K4733*Input!$C$20,0)+IF(Input!$D$21=1,L4733*Input!$C$21,0)+IF(Input!$D$22=1,M4733*Input!$C$22,0)</f>
        <v>0.23129039942352694</v>
      </c>
      <c r="O4733" s="59">
        <f>IF(Input!$D$19=2,J4733*Input!$C$19,0)+IF(Input!$D$20=2,K4733*Input!$C$20,0)+IF(Input!$D$21=2,L4733*Input!$C$21,0)+IF(Input!$D$22=2,M4733*Input!$C$22,0)</f>
        <v>0.5782259985588174</v>
      </c>
      <c r="P4733" s="59">
        <f>IF(Input!$D$19=3,J4733*Input!$C$19,0)+IF(Input!$D$20=3,K4733*Input!$C$20,0)+IF(Input!$D$21=3,L4733*Input!$C$21,0)+IF(Input!$D$22=3,M4733*Input!$C$22,0)</f>
        <v>0</v>
      </c>
      <c r="Q4733" s="75">
        <f>IF(Input!$D$19=4,J4733*Input!$C$19,0)+IF(Input!$D$20=4,K4733*Input!$C$20,0)+IF(Input!$D$21=4,L4733*Input!$C$21,0)+IF(Input!$D$22=4,M4733*Input!$C$22,0)</f>
        <v>0</v>
      </c>
      <c r="R4733" s="58">
        <v>55.950579834676951</v>
      </c>
      <c r="S4733" s="124">
        <f t="shared" si="73"/>
        <v>1.0022583975019501</v>
      </c>
    </row>
    <row r="4734" spans="8:19" x14ac:dyDescent="0.3">
      <c r="H4734" s="44">
        <v>4727</v>
      </c>
      <c r="I4734" s="56">
        <f>Bühler!I4760</f>
        <v>0.21972587945235061</v>
      </c>
      <c r="J4734" s="59">
        <f>Bühler!J4760</f>
        <v>0.73241959817450208</v>
      </c>
      <c r="K4734" s="59">
        <f>Bühler!K4760</f>
        <v>1.0986293972617531</v>
      </c>
      <c r="L4734" s="59">
        <f>Bühler!L4760</f>
        <v>5.2734211068564152</v>
      </c>
      <c r="M4734" s="58">
        <f>Bühler!M4760</f>
        <v>0</v>
      </c>
      <c r="N4734" s="56">
        <f>IF(Input!$D$19=1,J4734*Input!$C$19,0)+IF(Input!$D$20=1,K4734*Input!$C$20,0)+IF(Input!$D$21=1,L4734*Input!$C$21,0)+IF(Input!$D$22=1,M4734*Input!$C$22,0)</f>
        <v>0.21972587945235061</v>
      </c>
      <c r="O4734" s="59">
        <f>IF(Input!$D$19=2,J4734*Input!$C$19,0)+IF(Input!$D$20=2,K4734*Input!$C$20,0)+IF(Input!$D$21=2,L4734*Input!$C$21,0)+IF(Input!$D$22=2,M4734*Input!$C$22,0)</f>
        <v>0.54931469863087656</v>
      </c>
      <c r="P4734" s="59">
        <f>IF(Input!$D$19=3,J4734*Input!$C$19,0)+IF(Input!$D$20=3,K4734*Input!$C$20,0)+IF(Input!$D$21=3,L4734*Input!$C$21,0)+IF(Input!$D$22=3,M4734*Input!$C$22,0)</f>
        <v>0</v>
      </c>
      <c r="Q4734" s="75">
        <f>IF(Input!$D$19=4,J4734*Input!$C$19,0)+IF(Input!$D$20=4,K4734*Input!$C$20,0)+IF(Input!$D$21=4,L4734*Input!$C$21,0)+IF(Input!$D$22=4,M4734*Input!$C$22,0)</f>
        <v>0</v>
      </c>
      <c r="R4734" s="58">
        <v>55.618543613103967</v>
      </c>
      <c r="S4734" s="124">
        <f t="shared" si="73"/>
        <v>0.95214547762685275</v>
      </c>
    </row>
    <row r="4735" spans="8:19" x14ac:dyDescent="0.3">
      <c r="H4735" s="44">
        <v>4728</v>
      </c>
      <c r="I4735" s="56">
        <f>Bühler!I4761</f>
        <v>0.21972587945235061</v>
      </c>
      <c r="J4735" s="59">
        <f>Bühler!J4761</f>
        <v>0.73241959817450208</v>
      </c>
      <c r="K4735" s="59">
        <f>Bühler!K4761</f>
        <v>1.0986293972617531</v>
      </c>
      <c r="L4735" s="59">
        <f>Bühler!L4761</f>
        <v>5.2734211068564152</v>
      </c>
      <c r="M4735" s="58">
        <f>Bühler!M4761</f>
        <v>0</v>
      </c>
      <c r="N4735" s="56">
        <f>IF(Input!$D$19=1,J4735*Input!$C$19,0)+IF(Input!$D$20=1,K4735*Input!$C$20,0)+IF(Input!$D$21=1,L4735*Input!$C$21,0)+IF(Input!$D$22=1,M4735*Input!$C$22,0)</f>
        <v>0.21972587945235061</v>
      </c>
      <c r="O4735" s="59">
        <f>IF(Input!$D$19=2,J4735*Input!$C$19,0)+IF(Input!$D$20=2,K4735*Input!$C$20,0)+IF(Input!$D$21=2,L4735*Input!$C$21,0)+IF(Input!$D$22=2,M4735*Input!$C$22,0)</f>
        <v>0.54931469863087656</v>
      </c>
      <c r="P4735" s="59">
        <f>IF(Input!$D$19=3,J4735*Input!$C$19,0)+IF(Input!$D$20=3,K4735*Input!$C$20,0)+IF(Input!$D$21=3,L4735*Input!$C$21,0)+IF(Input!$D$22=3,M4735*Input!$C$22,0)</f>
        <v>0</v>
      </c>
      <c r="Q4735" s="75">
        <f>IF(Input!$D$19=4,J4735*Input!$C$19,0)+IF(Input!$D$20=4,K4735*Input!$C$20,0)+IF(Input!$D$21=4,L4735*Input!$C$21,0)+IF(Input!$D$22=4,M4735*Input!$C$22,0)</f>
        <v>0</v>
      </c>
      <c r="R4735" s="58">
        <v>54.804460902418064</v>
      </c>
      <c r="S4735" s="124">
        <f t="shared" si="73"/>
        <v>0.95214547762685275</v>
      </c>
    </row>
    <row r="4736" spans="8:19" x14ac:dyDescent="0.3">
      <c r="H4736" s="44">
        <v>4729</v>
      </c>
      <c r="I4736" s="56">
        <f>Bühler!I4762</f>
        <v>0.20634790951044141</v>
      </c>
      <c r="J4736" s="59">
        <f>Bühler!J4762</f>
        <v>0.68782636503480477</v>
      </c>
      <c r="K4736" s="59">
        <f>Bühler!K4762</f>
        <v>1.0317395475522071</v>
      </c>
      <c r="L4736" s="59">
        <f>Bühler!L4762</f>
        <v>4.9523498282505933</v>
      </c>
      <c r="M4736" s="58">
        <f>Bühler!M4762</f>
        <v>0</v>
      </c>
      <c r="N4736" s="56">
        <f>IF(Input!$D$19=1,J4736*Input!$C$19,0)+IF(Input!$D$20=1,K4736*Input!$C$20,0)+IF(Input!$D$21=1,L4736*Input!$C$21,0)+IF(Input!$D$22=1,M4736*Input!$C$22,0)</f>
        <v>0.20634790951044144</v>
      </c>
      <c r="O4736" s="59">
        <f>IF(Input!$D$19=2,J4736*Input!$C$19,0)+IF(Input!$D$20=2,K4736*Input!$C$20,0)+IF(Input!$D$21=2,L4736*Input!$C$21,0)+IF(Input!$D$22=2,M4736*Input!$C$22,0)</f>
        <v>0.51586977377610355</v>
      </c>
      <c r="P4736" s="59">
        <f>IF(Input!$D$19=3,J4736*Input!$C$19,0)+IF(Input!$D$20=3,K4736*Input!$C$20,0)+IF(Input!$D$21=3,L4736*Input!$C$21,0)+IF(Input!$D$22=3,M4736*Input!$C$22,0)</f>
        <v>0</v>
      </c>
      <c r="Q4736" s="75">
        <f>IF(Input!$D$19=4,J4736*Input!$C$19,0)+IF(Input!$D$20=4,K4736*Input!$C$20,0)+IF(Input!$D$21=4,L4736*Input!$C$21,0)+IF(Input!$D$22=4,M4736*Input!$C$22,0)</f>
        <v>0</v>
      </c>
      <c r="R4736" s="58">
        <v>50.437156127496415</v>
      </c>
      <c r="S4736" s="124">
        <f t="shared" si="73"/>
        <v>0.89417427454524612</v>
      </c>
    </row>
    <row r="4737" spans="8:19" x14ac:dyDescent="0.3">
      <c r="H4737" s="44">
        <v>4730</v>
      </c>
      <c r="I4737" s="56">
        <f>Bühler!I4763</f>
        <v>0.20634790951044141</v>
      </c>
      <c r="J4737" s="59">
        <f>Bühler!J4763</f>
        <v>0.68782636503480477</v>
      </c>
      <c r="K4737" s="59">
        <f>Bühler!K4763</f>
        <v>1.0317395475522071</v>
      </c>
      <c r="L4737" s="59">
        <f>Bühler!L4763</f>
        <v>4.9523498282505933</v>
      </c>
      <c r="M4737" s="58">
        <f>Bühler!M4763</f>
        <v>0</v>
      </c>
      <c r="N4737" s="56">
        <f>IF(Input!$D$19=1,J4737*Input!$C$19,0)+IF(Input!$D$20=1,K4737*Input!$C$20,0)+IF(Input!$D$21=1,L4737*Input!$C$21,0)+IF(Input!$D$22=1,M4737*Input!$C$22,0)</f>
        <v>0.20634790951044144</v>
      </c>
      <c r="O4737" s="59">
        <f>IF(Input!$D$19=2,J4737*Input!$C$19,0)+IF(Input!$D$20=2,K4737*Input!$C$20,0)+IF(Input!$D$21=2,L4737*Input!$C$21,0)+IF(Input!$D$22=2,M4737*Input!$C$22,0)</f>
        <v>0.51586977377610355</v>
      </c>
      <c r="P4737" s="59">
        <f>IF(Input!$D$19=3,J4737*Input!$C$19,0)+IF(Input!$D$20=3,K4737*Input!$C$20,0)+IF(Input!$D$21=3,L4737*Input!$C$21,0)+IF(Input!$D$22=3,M4737*Input!$C$22,0)</f>
        <v>0</v>
      </c>
      <c r="Q4737" s="75">
        <f>IF(Input!$D$19=4,J4737*Input!$C$19,0)+IF(Input!$D$20=4,K4737*Input!$C$20,0)+IF(Input!$D$21=4,L4737*Input!$C$21,0)+IF(Input!$D$22=4,M4737*Input!$C$22,0)</f>
        <v>0</v>
      </c>
      <c r="R4737" s="58">
        <v>50.366706138046801</v>
      </c>
      <c r="S4737" s="124">
        <f t="shared" si="73"/>
        <v>0.89417427454524612</v>
      </c>
    </row>
    <row r="4738" spans="8:19" x14ac:dyDescent="0.3">
      <c r="H4738" s="44">
        <v>4731</v>
      </c>
      <c r="I4738" s="56">
        <f>Bühler!I4764</f>
        <v>0.20634790951044141</v>
      </c>
      <c r="J4738" s="59">
        <f>Bühler!J4764</f>
        <v>0.68782636503480477</v>
      </c>
      <c r="K4738" s="59">
        <f>Bühler!K4764</f>
        <v>1.0317395475522071</v>
      </c>
      <c r="L4738" s="59">
        <f>Bühler!L4764</f>
        <v>4.9523498282505933</v>
      </c>
      <c r="M4738" s="58">
        <f>Bühler!M4764</f>
        <v>0</v>
      </c>
      <c r="N4738" s="56">
        <f>IF(Input!$D$19=1,J4738*Input!$C$19,0)+IF(Input!$D$20=1,K4738*Input!$C$20,0)+IF(Input!$D$21=1,L4738*Input!$C$21,0)+IF(Input!$D$22=1,M4738*Input!$C$22,0)</f>
        <v>0.20634790951044144</v>
      </c>
      <c r="O4738" s="59">
        <f>IF(Input!$D$19=2,J4738*Input!$C$19,0)+IF(Input!$D$20=2,K4738*Input!$C$20,0)+IF(Input!$D$21=2,L4738*Input!$C$21,0)+IF(Input!$D$22=2,M4738*Input!$C$22,0)</f>
        <v>0.51586977377610355</v>
      </c>
      <c r="P4738" s="59">
        <f>IF(Input!$D$19=3,J4738*Input!$C$19,0)+IF(Input!$D$20=3,K4738*Input!$C$20,0)+IF(Input!$D$21=3,L4738*Input!$C$21,0)+IF(Input!$D$22=3,M4738*Input!$C$22,0)</f>
        <v>0</v>
      </c>
      <c r="Q4738" s="75">
        <f>IF(Input!$D$19=4,J4738*Input!$C$19,0)+IF(Input!$D$20=4,K4738*Input!$C$20,0)+IF(Input!$D$21=4,L4738*Input!$C$21,0)+IF(Input!$D$22=4,M4738*Input!$C$22,0)</f>
        <v>0</v>
      </c>
      <c r="R4738" s="58">
        <v>50.874931852645929</v>
      </c>
      <c r="S4738" s="124">
        <f t="shared" si="73"/>
        <v>0.89417427454524612</v>
      </c>
    </row>
    <row r="4739" spans="8:19" x14ac:dyDescent="0.3">
      <c r="H4739" s="44">
        <v>4732</v>
      </c>
      <c r="I4739" s="56">
        <f>Bühler!I4765</f>
        <v>0.20634790951044141</v>
      </c>
      <c r="J4739" s="59">
        <f>Bühler!J4765</f>
        <v>0.68782636503480477</v>
      </c>
      <c r="K4739" s="59">
        <f>Bühler!K4765</f>
        <v>1.0317395475522071</v>
      </c>
      <c r="L4739" s="59">
        <f>Bühler!L4765</f>
        <v>4.9523498282505933</v>
      </c>
      <c r="M4739" s="58">
        <f>Bühler!M4765</f>
        <v>0</v>
      </c>
      <c r="N4739" s="56">
        <f>IF(Input!$D$19=1,J4739*Input!$C$19,0)+IF(Input!$D$20=1,K4739*Input!$C$20,0)+IF(Input!$D$21=1,L4739*Input!$C$21,0)+IF(Input!$D$22=1,M4739*Input!$C$22,0)</f>
        <v>0.20634790951044144</v>
      </c>
      <c r="O4739" s="59">
        <f>IF(Input!$D$19=2,J4739*Input!$C$19,0)+IF(Input!$D$20=2,K4739*Input!$C$20,0)+IF(Input!$D$21=2,L4739*Input!$C$21,0)+IF(Input!$D$22=2,M4739*Input!$C$22,0)</f>
        <v>0.51586977377610355</v>
      </c>
      <c r="P4739" s="59">
        <f>IF(Input!$D$19=3,J4739*Input!$C$19,0)+IF(Input!$D$20=3,K4739*Input!$C$20,0)+IF(Input!$D$21=3,L4739*Input!$C$21,0)+IF(Input!$D$22=3,M4739*Input!$C$22,0)</f>
        <v>0</v>
      </c>
      <c r="Q4739" s="75">
        <f>IF(Input!$D$19=4,J4739*Input!$C$19,0)+IF(Input!$D$20=4,K4739*Input!$C$20,0)+IF(Input!$D$21=4,L4739*Input!$C$21,0)+IF(Input!$D$22=4,M4739*Input!$C$22,0)</f>
        <v>0</v>
      </c>
      <c r="R4739" s="58">
        <v>52.44922664281637</v>
      </c>
      <c r="S4739" s="124">
        <f t="shared" si="73"/>
        <v>0.89417427454524612</v>
      </c>
    </row>
    <row r="4740" spans="8:19" x14ac:dyDescent="0.3">
      <c r="H4740" s="44">
        <v>4733</v>
      </c>
      <c r="I4740" s="56">
        <f>Bühler!I4766</f>
        <v>0.20634790951044141</v>
      </c>
      <c r="J4740" s="59">
        <f>Bühler!J4766</f>
        <v>0.68782636503480477</v>
      </c>
      <c r="K4740" s="59">
        <f>Bühler!K4766</f>
        <v>1.0317395475522071</v>
      </c>
      <c r="L4740" s="59">
        <f>Bühler!L4766</f>
        <v>4.9523498282505933</v>
      </c>
      <c r="M4740" s="58">
        <f>Bühler!M4766</f>
        <v>0</v>
      </c>
      <c r="N4740" s="56">
        <f>IF(Input!$D$19=1,J4740*Input!$C$19,0)+IF(Input!$D$20=1,K4740*Input!$C$20,0)+IF(Input!$D$21=1,L4740*Input!$C$21,0)+IF(Input!$D$22=1,M4740*Input!$C$22,0)</f>
        <v>0.20634790951044144</v>
      </c>
      <c r="O4740" s="59">
        <f>IF(Input!$D$19=2,J4740*Input!$C$19,0)+IF(Input!$D$20=2,K4740*Input!$C$20,0)+IF(Input!$D$21=2,L4740*Input!$C$21,0)+IF(Input!$D$22=2,M4740*Input!$C$22,0)</f>
        <v>0.51586977377610355</v>
      </c>
      <c r="P4740" s="59">
        <f>IF(Input!$D$19=3,J4740*Input!$C$19,0)+IF(Input!$D$20=3,K4740*Input!$C$20,0)+IF(Input!$D$21=3,L4740*Input!$C$21,0)+IF(Input!$D$22=3,M4740*Input!$C$22,0)</f>
        <v>0</v>
      </c>
      <c r="Q4740" s="75">
        <f>IF(Input!$D$19=4,J4740*Input!$C$19,0)+IF(Input!$D$20=4,K4740*Input!$C$20,0)+IF(Input!$D$21=4,L4740*Input!$C$21,0)+IF(Input!$D$22=4,M4740*Input!$C$22,0)</f>
        <v>0</v>
      </c>
      <c r="R4740" s="58">
        <v>55.684139672304724</v>
      </c>
      <c r="S4740" s="124">
        <f t="shared" si="73"/>
        <v>0.89417427454524612</v>
      </c>
    </row>
    <row r="4741" spans="8:19" x14ac:dyDescent="0.3">
      <c r="H4741" s="44">
        <v>4734</v>
      </c>
      <c r="I4741" s="56">
        <f>Bühler!I4767</f>
        <v>0.26825228236357379</v>
      </c>
      <c r="J4741" s="59">
        <f>Bühler!J4767</f>
        <v>0.89417427454524612</v>
      </c>
      <c r="K4741" s="59">
        <f>Bühler!K4767</f>
        <v>1.341261411817869</v>
      </c>
      <c r="L4741" s="59">
        <f>Bühler!L4767</f>
        <v>6.438054776725771</v>
      </c>
      <c r="M4741" s="58">
        <f>Bühler!M4767</f>
        <v>0</v>
      </c>
      <c r="N4741" s="56">
        <f>IF(Input!$D$19=1,J4741*Input!$C$19,0)+IF(Input!$D$20=1,K4741*Input!$C$20,0)+IF(Input!$D$21=1,L4741*Input!$C$21,0)+IF(Input!$D$22=1,M4741*Input!$C$22,0)</f>
        <v>0.26825228236357385</v>
      </c>
      <c r="O4741" s="59">
        <f>IF(Input!$D$19=2,J4741*Input!$C$19,0)+IF(Input!$D$20=2,K4741*Input!$C$20,0)+IF(Input!$D$21=2,L4741*Input!$C$21,0)+IF(Input!$D$22=2,M4741*Input!$C$22,0)</f>
        <v>0.67063070590893448</v>
      </c>
      <c r="P4741" s="59">
        <f>IF(Input!$D$19=3,J4741*Input!$C$19,0)+IF(Input!$D$20=3,K4741*Input!$C$20,0)+IF(Input!$D$21=3,L4741*Input!$C$21,0)+IF(Input!$D$22=3,M4741*Input!$C$22,0)</f>
        <v>0</v>
      </c>
      <c r="Q4741" s="75">
        <f>IF(Input!$D$19=4,J4741*Input!$C$19,0)+IF(Input!$D$20=4,K4741*Input!$C$20,0)+IF(Input!$D$21=4,L4741*Input!$C$21,0)+IF(Input!$D$22=4,M4741*Input!$C$22,0)</f>
        <v>0</v>
      </c>
      <c r="R4741" s="58">
        <v>61.007772776762785</v>
      </c>
      <c r="S4741" s="124">
        <f t="shared" si="73"/>
        <v>1.1624265569088199</v>
      </c>
    </row>
    <row r="4742" spans="8:19" x14ac:dyDescent="0.3">
      <c r="H4742" s="44">
        <v>4735</v>
      </c>
      <c r="I4742" s="56">
        <f>Bühler!I4768</f>
        <v>0.29920446879014001</v>
      </c>
      <c r="J4742" s="59">
        <f>Bühler!J4768</f>
        <v>0.99734822930046685</v>
      </c>
      <c r="K4742" s="59">
        <f>Bühler!K4768</f>
        <v>1.4960223439507001</v>
      </c>
      <c r="L4742" s="59">
        <f>Bühler!L4768</f>
        <v>7.1809072509633607</v>
      </c>
      <c r="M4742" s="58">
        <f>Bühler!M4768</f>
        <v>0</v>
      </c>
      <c r="N4742" s="56">
        <f>IF(Input!$D$19=1,J4742*Input!$C$19,0)+IF(Input!$D$20=1,K4742*Input!$C$20,0)+IF(Input!$D$21=1,L4742*Input!$C$21,0)+IF(Input!$D$22=1,M4742*Input!$C$22,0)</f>
        <v>0.29920446879014007</v>
      </c>
      <c r="O4742" s="59">
        <f>IF(Input!$D$19=2,J4742*Input!$C$19,0)+IF(Input!$D$20=2,K4742*Input!$C$20,0)+IF(Input!$D$21=2,L4742*Input!$C$21,0)+IF(Input!$D$22=2,M4742*Input!$C$22,0)</f>
        <v>0.74801117197535005</v>
      </c>
      <c r="P4742" s="59">
        <f>IF(Input!$D$19=3,J4742*Input!$C$19,0)+IF(Input!$D$20=3,K4742*Input!$C$20,0)+IF(Input!$D$21=3,L4742*Input!$C$21,0)+IF(Input!$D$22=3,M4742*Input!$C$22,0)</f>
        <v>0</v>
      </c>
      <c r="Q4742" s="75">
        <f>IF(Input!$D$19=4,J4742*Input!$C$19,0)+IF(Input!$D$20=4,K4742*Input!$C$20,0)+IF(Input!$D$21=4,L4742*Input!$C$21,0)+IF(Input!$D$22=4,M4742*Input!$C$22,0)</f>
        <v>0</v>
      </c>
      <c r="R4742" s="58">
        <v>64.751609122788082</v>
      </c>
      <c r="S4742" s="124">
        <f t="shared" si="73"/>
        <v>1.2965526980906068</v>
      </c>
    </row>
    <row r="4743" spans="8:19" x14ac:dyDescent="0.3">
      <c r="H4743" s="44">
        <v>4736</v>
      </c>
      <c r="I4743" s="56">
        <f>Bühler!I4769</f>
        <v>0.30952186426566214</v>
      </c>
      <c r="J4743" s="59">
        <f>Bühler!J4769</f>
        <v>1.0317395475522071</v>
      </c>
      <c r="K4743" s="59">
        <f>Bühler!K4769</f>
        <v>1.5476093213283106</v>
      </c>
      <c r="L4743" s="59">
        <f>Bühler!L4769</f>
        <v>7.4285247423758909</v>
      </c>
      <c r="M4743" s="58">
        <f>Bühler!M4769</f>
        <v>0</v>
      </c>
      <c r="N4743" s="56">
        <f>IF(Input!$D$19=1,J4743*Input!$C$19,0)+IF(Input!$D$20=1,K4743*Input!$C$20,0)+IF(Input!$D$21=1,L4743*Input!$C$21,0)+IF(Input!$D$22=1,M4743*Input!$C$22,0)</f>
        <v>0.30952186426566214</v>
      </c>
      <c r="O4743" s="59">
        <f>IF(Input!$D$19=2,J4743*Input!$C$19,0)+IF(Input!$D$20=2,K4743*Input!$C$20,0)+IF(Input!$D$21=2,L4743*Input!$C$21,0)+IF(Input!$D$22=2,M4743*Input!$C$22,0)</f>
        <v>0.77380466066415532</v>
      </c>
      <c r="P4743" s="59">
        <f>IF(Input!$D$19=3,J4743*Input!$C$19,0)+IF(Input!$D$20=3,K4743*Input!$C$20,0)+IF(Input!$D$21=3,L4743*Input!$C$21,0)+IF(Input!$D$22=3,M4743*Input!$C$22,0)</f>
        <v>0</v>
      </c>
      <c r="Q4743" s="75">
        <f>IF(Input!$D$19=4,J4743*Input!$C$19,0)+IF(Input!$D$20=4,K4743*Input!$C$20,0)+IF(Input!$D$21=4,L4743*Input!$C$21,0)+IF(Input!$D$22=4,M4743*Input!$C$22,0)</f>
        <v>0</v>
      </c>
      <c r="R4743" s="58">
        <v>67.457360769411409</v>
      </c>
      <c r="S4743" s="124">
        <f t="shared" si="73"/>
        <v>1.3412614118178692</v>
      </c>
    </row>
    <row r="4744" spans="8:19" x14ac:dyDescent="0.3">
      <c r="H4744" s="44">
        <v>4737</v>
      </c>
      <c r="I4744" s="56">
        <f>Bühler!I4770</f>
        <v>0.30952186426566214</v>
      </c>
      <c r="J4744" s="59">
        <f>Bühler!J4770</f>
        <v>1.0317395475522071</v>
      </c>
      <c r="K4744" s="59">
        <f>Bühler!K4770</f>
        <v>1.5476093213283106</v>
      </c>
      <c r="L4744" s="59">
        <f>Bühler!L4770</f>
        <v>7.4285247423758909</v>
      </c>
      <c r="M4744" s="58">
        <f>Bühler!M4770</f>
        <v>0</v>
      </c>
      <c r="N4744" s="56">
        <f>IF(Input!$D$19=1,J4744*Input!$C$19,0)+IF(Input!$D$20=1,K4744*Input!$C$20,0)+IF(Input!$D$21=1,L4744*Input!$C$21,0)+IF(Input!$D$22=1,M4744*Input!$C$22,0)</f>
        <v>0.30952186426566214</v>
      </c>
      <c r="O4744" s="59">
        <f>IF(Input!$D$19=2,J4744*Input!$C$19,0)+IF(Input!$D$20=2,K4744*Input!$C$20,0)+IF(Input!$D$21=2,L4744*Input!$C$21,0)+IF(Input!$D$22=2,M4744*Input!$C$22,0)</f>
        <v>0.77380466066415532</v>
      </c>
      <c r="P4744" s="59">
        <f>IF(Input!$D$19=3,J4744*Input!$C$19,0)+IF(Input!$D$20=3,K4744*Input!$C$20,0)+IF(Input!$D$21=3,L4744*Input!$C$21,0)+IF(Input!$D$22=3,M4744*Input!$C$22,0)</f>
        <v>0</v>
      </c>
      <c r="Q4744" s="75">
        <f>IF(Input!$D$19=4,J4744*Input!$C$19,0)+IF(Input!$D$20=4,K4744*Input!$C$20,0)+IF(Input!$D$21=4,L4744*Input!$C$21,0)+IF(Input!$D$22=4,M4744*Input!$C$22,0)</f>
        <v>0</v>
      </c>
      <c r="R4744" s="58">
        <v>68.707125379518843</v>
      </c>
      <c r="S4744" s="124">
        <f t="shared" si="73"/>
        <v>1.3412614118178692</v>
      </c>
    </row>
    <row r="4745" spans="8:19" x14ac:dyDescent="0.3">
      <c r="H4745" s="44">
        <v>4738</v>
      </c>
      <c r="I4745" s="56">
        <f>Bühler!I4771</f>
        <v>0.33531535295446724</v>
      </c>
      <c r="J4745" s="59">
        <f>Bühler!J4771</f>
        <v>1.1177178431815575</v>
      </c>
      <c r="K4745" s="59">
        <f>Bühler!K4771</f>
        <v>1.6765767647723362</v>
      </c>
      <c r="L4745" s="59">
        <f>Bühler!L4771</f>
        <v>8.0475684709072137</v>
      </c>
      <c r="M4745" s="58">
        <f>Bühler!M4771</f>
        <v>0</v>
      </c>
      <c r="N4745" s="56">
        <f>IF(Input!$D$19=1,J4745*Input!$C$19,0)+IF(Input!$D$20=1,K4745*Input!$C$20,0)+IF(Input!$D$21=1,L4745*Input!$C$21,0)+IF(Input!$D$22=1,M4745*Input!$C$22,0)</f>
        <v>0.33531535295446724</v>
      </c>
      <c r="O4745" s="59">
        <f>IF(Input!$D$19=2,J4745*Input!$C$19,0)+IF(Input!$D$20=2,K4745*Input!$C$20,0)+IF(Input!$D$21=2,L4745*Input!$C$21,0)+IF(Input!$D$22=2,M4745*Input!$C$22,0)</f>
        <v>0.8382883823861681</v>
      </c>
      <c r="P4745" s="59">
        <f>IF(Input!$D$19=3,J4745*Input!$C$19,0)+IF(Input!$D$20=3,K4745*Input!$C$20,0)+IF(Input!$D$21=3,L4745*Input!$C$21,0)+IF(Input!$D$22=3,M4745*Input!$C$22,0)</f>
        <v>0</v>
      </c>
      <c r="Q4745" s="75">
        <f>IF(Input!$D$19=4,J4745*Input!$C$19,0)+IF(Input!$D$20=4,K4745*Input!$C$20,0)+IF(Input!$D$21=4,L4745*Input!$C$21,0)+IF(Input!$D$22=4,M4745*Input!$C$22,0)</f>
        <v>0</v>
      </c>
      <c r="R4745" s="58">
        <v>69.079852661125472</v>
      </c>
      <c r="S4745" s="124">
        <f t="shared" ref="S4745:S4808" si="74">I4745+J4745</f>
        <v>1.4530331961360248</v>
      </c>
    </row>
    <row r="4746" spans="8:19" x14ac:dyDescent="0.3">
      <c r="H4746" s="44">
        <v>4739</v>
      </c>
      <c r="I4746" s="56">
        <f>Bühler!I4772</f>
        <v>0.35079144616775032</v>
      </c>
      <c r="J4746" s="59">
        <f>Bühler!J4772</f>
        <v>1.1693048205591678</v>
      </c>
      <c r="K4746" s="59">
        <f>Bühler!K4772</f>
        <v>1.7539572308387517</v>
      </c>
      <c r="L4746" s="59">
        <f>Bühler!L4772</f>
        <v>8.4189947080260072</v>
      </c>
      <c r="M4746" s="58">
        <f>Bühler!M4772</f>
        <v>0</v>
      </c>
      <c r="N4746" s="56">
        <f>IF(Input!$D$19=1,J4746*Input!$C$19,0)+IF(Input!$D$20=1,K4746*Input!$C$20,0)+IF(Input!$D$21=1,L4746*Input!$C$21,0)+IF(Input!$D$22=1,M4746*Input!$C$22,0)</f>
        <v>0.35079144616775032</v>
      </c>
      <c r="O4746" s="59">
        <f>IF(Input!$D$19=2,J4746*Input!$C$19,0)+IF(Input!$D$20=2,K4746*Input!$C$20,0)+IF(Input!$D$21=2,L4746*Input!$C$21,0)+IF(Input!$D$22=2,M4746*Input!$C$22,0)</f>
        <v>0.87697861541937583</v>
      </c>
      <c r="P4746" s="59">
        <f>IF(Input!$D$19=3,J4746*Input!$C$19,0)+IF(Input!$D$20=3,K4746*Input!$C$20,0)+IF(Input!$D$21=3,L4746*Input!$C$21,0)+IF(Input!$D$22=3,M4746*Input!$C$22,0)</f>
        <v>0</v>
      </c>
      <c r="Q4746" s="75">
        <f>IF(Input!$D$19=4,J4746*Input!$C$19,0)+IF(Input!$D$20=4,K4746*Input!$C$20,0)+IF(Input!$D$21=4,L4746*Input!$C$21,0)+IF(Input!$D$22=4,M4746*Input!$C$22,0)</f>
        <v>0</v>
      </c>
      <c r="R4746" s="58">
        <v>70.82438792005361</v>
      </c>
      <c r="S4746" s="124">
        <f t="shared" si="74"/>
        <v>1.5200962667269182</v>
      </c>
    </row>
    <row r="4747" spans="8:19" x14ac:dyDescent="0.3">
      <c r="H4747" s="44">
        <v>4740</v>
      </c>
      <c r="I4747" s="56">
        <f>Bühler!I4773</f>
        <v>0.41269581902088281</v>
      </c>
      <c r="J4747" s="59">
        <f>Bühler!J4773</f>
        <v>1.3756527300696095</v>
      </c>
      <c r="K4747" s="59">
        <f>Bühler!K4773</f>
        <v>2.0634790951044142</v>
      </c>
      <c r="L4747" s="59">
        <f>Bühler!L4773</f>
        <v>9.9046996565011867</v>
      </c>
      <c r="M4747" s="58">
        <f>Bühler!M4773</f>
        <v>0</v>
      </c>
      <c r="N4747" s="56">
        <f>IF(Input!$D$19=1,J4747*Input!$C$19,0)+IF(Input!$D$20=1,K4747*Input!$C$20,0)+IF(Input!$D$21=1,L4747*Input!$C$21,0)+IF(Input!$D$22=1,M4747*Input!$C$22,0)</f>
        <v>0.41269581902088287</v>
      </c>
      <c r="O4747" s="59">
        <f>IF(Input!$D$19=2,J4747*Input!$C$19,0)+IF(Input!$D$20=2,K4747*Input!$C$20,0)+IF(Input!$D$21=2,L4747*Input!$C$21,0)+IF(Input!$D$22=2,M4747*Input!$C$22,0)</f>
        <v>1.0317395475522071</v>
      </c>
      <c r="P4747" s="59">
        <f>IF(Input!$D$19=3,J4747*Input!$C$19,0)+IF(Input!$D$20=3,K4747*Input!$C$20,0)+IF(Input!$D$21=3,L4747*Input!$C$21,0)+IF(Input!$D$22=3,M4747*Input!$C$22,0)</f>
        <v>0</v>
      </c>
      <c r="Q4747" s="75">
        <f>IF(Input!$D$19=4,J4747*Input!$C$19,0)+IF(Input!$D$20=4,K4747*Input!$C$20,0)+IF(Input!$D$21=4,L4747*Input!$C$21,0)+IF(Input!$D$22=4,M4747*Input!$C$22,0)</f>
        <v>0</v>
      </c>
      <c r="R4747" s="58">
        <v>71.75647015444909</v>
      </c>
      <c r="S4747" s="124">
        <f t="shared" si="74"/>
        <v>1.7883485490904922</v>
      </c>
    </row>
    <row r="4748" spans="8:19" x14ac:dyDescent="0.3">
      <c r="H4748" s="44">
        <v>4741</v>
      </c>
      <c r="I4748" s="56">
        <f>Bühler!I4774</f>
        <v>0.41269581902088281</v>
      </c>
      <c r="J4748" s="59">
        <f>Bühler!J4774</f>
        <v>1.3756527300696095</v>
      </c>
      <c r="K4748" s="59">
        <f>Bühler!K4774</f>
        <v>2.0634790951044142</v>
      </c>
      <c r="L4748" s="59">
        <f>Bühler!L4774</f>
        <v>9.9046996565011867</v>
      </c>
      <c r="M4748" s="58">
        <f>Bühler!M4774</f>
        <v>0</v>
      </c>
      <c r="N4748" s="56">
        <f>IF(Input!$D$19=1,J4748*Input!$C$19,0)+IF(Input!$D$20=1,K4748*Input!$C$20,0)+IF(Input!$D$21=1,L4748*Input!$C$21,0)+IF(Input!$D$22=1,M4748*Input!$C$22,0)</f>
        <v>0.41269581902088287</v>
      </c>
      <c r="O4748" s="59">
        <f>IF(Input!$D$19=2,J4748*Input!$C$19,0)+IF(Input!$D$20=2,K4748*Input!$C$20,0)+IF(Input!$D$21=2,L4748*Input!$C$21,0)+IF(Input!$D$22=2,M4748*Input!$C$22,0)</f>
        <v>1.0317395475522071</v>
      </c>
      <c r="P4748" s="59">
        <f>IF(Input!$D$19=3,J4748*Input!$C$19,0)+IF(Input!$D$20=3,K4748*Input!$C$20,0)+IF(Input!$D$21=3,L4748*Input!$C$21,0)+IF(Input!$D$22=3,M4748*Input!$C$22,0)</f>
        <v>0</v>
      </c>
      <c r="Q4748" s="75">
        <f>IF(Input!$D$19=4,J4748*Input!$C$19,0)+IF(Input!$D$20=4,K4748*Input!$C$20,0)+IF(Input!$D$21=4,L4748*Input!$C$21,0)+IF(Input!$D$22=4,M4748*Input!$C$22,0)</f>
        <v>0</v>
      </c>
      <c r="R4748" s="58">
        <v>71.883112375206068</v>
      </c>
      <c r="S4748" s="124">
        <f t="shared" si="74"/>
        <v>1.7883485490904922</v>
      </c>
    </row>
    <row r="4749" spans="8:19" x14ac:dyDescent="0.3">
      <c r="H4749" s="44">
        <v>4742</v>
      </c>
      <c r="I4749" s="56">
        <f>Bühler!I4775</f>
        <v>0.41269581902088281</v>
      </c>
      <c r="J4749" s="59">
        <f>Bühler!J4775</f>
        <v>1.3756527300696095</v>
      </c>
      <c r="K4749" s="59">
        <f>Bühler!K4775</f>
        <v>2.0634790951044142</v>
      </c>
      <c r="L4749" s="59">
        <f>Bühler!L4775</f>
        <v>9.9046996565011867</v>
      </c>
      <c r="M4749" s="58">
        <f>Bühler!M4775</f>
        <v>0</v>
      </c>
      <c r="N4749" s="56">
        <f>IF(Input!$D$19=1,J4749*Input!$C$19,0)+IF(Input!$D$20=1,K4749*Input!$C$20,0)+IF(Input!$D$21=1,L4749*Input!$C$21,0)+IF(Input!$D$22=1,M4749*Input!$C$22,0)</f>
        <v>0.41269581902088287</v>
      </c>
      <c r="O4749" s="59">
        <f>IF(Input!$D$19=2,J4749*Input!$C$19,0)+IF(Input!$D$20=2,K4749*Input!$C$20,0)+IF(Input!$D$21=2,L4749*Input!$C$21,0)+IF(Input!$D$22=2,M4749*Input!$C$22,0)</f>
        <v>1.0317395475522071</v>
      </c>
      <c r="P4749" s="59">
        <f>IF(Input!$D$19=3,J4749*Input!$C$19,0)+IF(Input!$D$20=3,K4749*Input!$C$20,0)+IF(Input!$D$21=3,L4749*Input!$C$21,0)+IF(Input!$D$22=3,M4749*Input!$C$22,0)</f>
        <v>0</v>
      </c>
      <c r="Q4749" s="75">
        <f>IF(Input!$D$19=4,J4749*Input!$C$19,0)+IF(Input!$D$20=4,K4749*Input!$C$20,0)+IF(Input!$D$21=4,L4749*Input!$C$21,0)+IF(Input!$D$22=4,M4749*Input!$C$22,0)</f>
        <v>0</v>
      </c>
      <c r="R4749" s="58">
        <v>71.805031738147804</v>
      </c>
      <c r="S4749" s="124">
        <f t="shared" si="74"/>
        <v>1.7883485490904922</v>
      </c>
    </row>
    <row r="4750" spans="8:19" x14ac:dyDescent="0.3">
      <c r="H4750" s="44">
        <v>4743</v>
      </c>
      <c r="I4750" s="56">
        <f>Bühler!I4776</f>
        <v>0.41269581902088281</v>
      </c>
      <c r="J4750" s="59">
        <f>Bühler!J4776</f>
        <v>1.3756527300696095</v>
      </c>
      <c r="K4750" s="59">
        <f>Bühler!K4776</f>
        <v>2.0634790951044142</v>
      </c>
      <c r="L4750" s="59">
        <f>Bühler!L4776</f>
        <v>9.9046996565011867</v>
      </c>
      <c r="M4750" s="58">
        <f>Bühler!M4776</f>
        <v>0</v>
      </c>
      <c r="N4750" s="56">
        <f>IF(Input!$D$19=1,J4750*Input!$C$19,0)+IF(Input!$D$20=1,K4750*Input!$C$20,0)+IF(Input!$D$21=1,L4750*Input!$C$21,0)+IF(Input!$D$22=1,M4750*Input!$C$22,0)</f>
        <v>0.41269581902088287</v>
      </c>
      <c r="O4750" s="59">
        <f>IF(Input!$D$19=2,J4750*Input!$C$19,0)+IF(Input!$D$20=2,K4750*Input!$C$20,0)+IF(Input!$D$21=2,L4750*Input!$C$21,0)+IF(Input!$D$22=2,M4750*Input!$C$22,0)</f>
        <v>1.0317395475522071</v>
      </c>
      <c r="P4750" s="59">
        <f>IF(Input!$D$19=3,J4750*Input!$C$19,0)+IF(Input!$D$20=3,K4750*Input!$C$20,0)+IF(Input!$D$21=3,L4750*Input!$C$21,0)+IF(Input!$D$22=3,M4750*Input!$C$22,0)</f>
        <v>0</v>
      </c>
      <c r="Q4750" s="75">
        <f>IF(Input!$D$19=4,J4750*Input!$C$19,0)+IF(Input!$D$20=4,K4750*Input!$C$20,0)+IF(Input!$D$21=4,L4750*Input!$C$21,0)+IF(Input!$D$22=4,M4750*Input!$C$22,0)</f>
        <v>0</v>
      </c>
      <c r="R4750" s="58">
        <v>72.669485164805025</v>
      </c>
      <c r="S4750" s="124">
        <f t="shared" si="74"/>
        <v>1.7883485490904922</v>
      </c>
    </row>
    <row r="4751" spans="8:19" x14ac:dyDescent="0.3">
      <c r="H4751" s="44">
        <v>4744</v>
      </c>
      <c r="I4751" s="56">
        <f>Bühler!I4777</f>
        <v>0.41269581902088281</v>
      </c>
      <c r="J4751" s="59">
        <f>Bühler!J4777</f>
        <v>1.3756527300696095</v>
      </c>
      <c r="K4751" s="59">
        <f>Bühler!K4777</f>
        <v>2.0634790951044142</v>
      </c>
      <c r="L4751" s="59">
        <f>Bühler!L4777</f>
        <v>9.9046996565011867</v>
      </c>
      <c r="M4751" s="58">
        <f>Bühler!M4777</f>
        <v>0</v>
      </c>
      <c r="N4751" s="56">
        <f>IF(Input!$D$19=1,J4751*Input!$C$19,0)+IF(Input!$D$20=1,K4751*Input!$C$20,0)+IF(Input!$D$21=1,L4751*Input!$C$21,0)+IF(Input!$D$22=1,M4751*Input!$C$22,0)</f>
        <v>0.41269581902088287</v>
      </c>
      <c r="O4751" s="59">
        <f>IF(Input!$D$19=2,J4751*Input!$C$19,0)+IF(Input!$D$20=2,K4751*Input!$C$20,0)+IF(Input!$D$21=2,L4751*Input!$C$21,0)+IF(Input!$D$22=2,M4751*Input!$C$22,0)</f>
        <v>1.0317395475522071</v>
      </c>
      <c r="P4751" s="59">
        <f>IF(Input!$D$19=3,J4751*Input!$C$19,0)+IF(Input!$D$20=3,K4751*Input!$C$20,0)+IF(Input!$D$21=3,L4751*Input!$C$21,0)+IF(Input!$D$22=3,M4751*Input!$C$22,0)</f>
        <v>0</v>
      </c>
      <c r="Q4751" s="75">
        <f>IF(Input!$D$19=4,J4751*Input!$C$19,0)+IF(Input!$D$20=4,K4751*Input!$C$20,0)+IF(Input!$D$21=4,L4751*Input!$C$21,0)+IF(Input!$D$22=4,M4751*Input!$C$22,0)</f>
        <v>0</v>
      </c>
      <c r="R4751" s="58">
        <v>73.104977850463968</v>
      </c>
      <c r="S4751" s="124">
        <f t="shared" si="74"/>
        <v>1.7883485490904922</v>
      </c>
    </row>
    <row r="4752" spans="8:19" x14ac:dyDescent="0.3">
      <c r="H4752" s="44">
        <v>4745</v>
      </c>
      <c r="I4752" s="56">
        <f>Bühler!I4778</f>
        <v>0.41269581902088281</v>
      </c>
      <c r="J4752" s="59">
        <f>Bühler!J4778</f>
        <v>1.3756527300696095</v>
      </c>
      <c r="K4752" s="59">
        <f>Bühler!K4778</f>
        <v>2.0634790951044142</v>
      </c>
      <c r="L4752" s="59">
        <f>Bühler!L4778</f>
        <v>9.9046996565011867</v>
      </c>
      <c r="M4752" s="58">
        <f>Bühler!M4778</f>
        <v>0</v>
      </c>
      <c r="N4752" s="56">
        <f>IF(Input!$D$19=1,J4752*Input!$C$19,0)+IF(Input!$D$20=1,K4752*Input!$C$20,0)+IF(Input!$D$21=1,L4752*Input!$C$21,0)+IF(Input!$D$22=1,M4752*Input!$C$22,0)</f>
        <v>0.41269581902088287</v>
      </c>
      <c r="O4752" s="59">
        <f>IF(Input!$D$19=2,J4752*Input!$C$19,0)+IF(Input!$D$20=2,K4752*Input!$C$20,0)+IF(Input!$D$21=2,L4752*Input!$C$21,0)+IF(Input!$D$22=2,M4752*Input!$C$22,0)</f>
        <v>1.0317395475522071</v>
      </c>
      <c r="P4752" s="59">
        <f>IF(Input!$D$19=3,J4752*Input!$C$19,0)+IF(Input!$D$20=3,K4752*Input!$C$20,0)+IF(Input!$D$21=3,L4752*Input!$C$21,0)+IF(Input!$D$22=3,M4752*Input!$C$22,0)</f>
        <v>0</v>
      </c>
      <c r="Q4752" s="75">
        <f>IF(Input!$D$19=4,J4752*Input!$C$19,0)+IF(Input!$D$20=4,K4752*Input!$C$20,0)+IF(Input!$D$21=4,L4752*Input!$C$21,0)+IF(Input!$D$22=4,M4752*Input!$C$22,0)</f>
        <v>0</v>
      </c>
      <c r="R4752" s="58">
        <v>71.723174102535779</v>
      </c>
      <c r="S4752" s="124">
        <f t="shared" si="74"/>
        <v>1.7883485490904922</v>
      </c>
    </row>
    <row r="4753" spans="8:19" x14ac:dyDescent="0.3">
      <c r="H4753" s="44">
        <v>4746</v>
      </c>
      <c r="I4753" s="56">
        <f>Bühler!I4779</f>
        <v>0.41269581902088281</v>
      </c>
      <c r="J4753" s="59">
        <f>Bühler!J4779</f>
        <v>1.3756527300696095</v>
      </c>
      <c r="K4753" s="59">
        <f>Bühler!K4779</f>
        <v>2.0634790951044142</v>
      </c>
      <c r="L4753" s="59">
        <f>Bühler!L4779</f>
        <v>9.9046996565011867</v>
      </c>
      <c r="M4753" s="58">
        <f>Bühler!M4779</f>
        <v>0</v>
      </c>
      <c r="N4753" s="56">
        <f>IF(Input!$D$19=1,J4753*Input!$C$19,0)+IF(Input!$D$20=1,K4753*Input!$C$20,0)+IF(Input!$D$21=1,L4753*Input!$C$21,0)+IF(Input!$D$22=1,M4753*Input!$C$22,0)</f>
        <v>0.41269581902088287</v>
      </c>
      <c r="O4753" s="59">
        <f>IF(Input!$D$19=2,J4753*Input!$C$19,0)+IF(Input!$D$20=2,K4753*Input!$C$20,0)+IF(Input!$D$21=2,L4753*Input!$C$21,0)+IF(Input!$D$22=2,M4753*Input!$C$22,0)</f>
        <v>1.0317395475522071</v>
      </c>
      <c r="P4753" s="59">
        <f>IF(Input!$D$19=3,J4753*Input!$C$19,0)+IF(Input!$D$20=3,K4753*Input!$C$20,0)+IF(Input!$D$21=3,L4753*Input!$C$21,0)+IF(Input!$D$22=3,M4753*Input!$C$22,0)</f>
        <v>0</v>
      </c>
      <c r="Q4753" s="75">
        <f>IF(Input!$D$19=4,J4753*Input!$C$19,0)+IF(Input!$D$20=4,K4753*Input!$C$20,0)+IF(Input!$D$21=4,L4753*Input!$C$21,0)+IF(Input!$D$22=4,M4753*Input!$C$22,0)</f>
        <v>0</v>
      </c>
      <c r="R4753" s="58">
        <v>70.183875718741845</v>
      </c>
      <c r="S4753" s="124">
        <f t="shared" si="74"/>
        <v>1.7883485490904922</v>
      </c>
    </row>
    <row r="4754" spans="8:19" x14ac:dyDescent="0.3">
      <c r="H4754" s="44">
        <v>4747</v>
      </c>
      <c r="I4754" s="56">
        <f>Bühler!I4780</f>
        <v>0.41269581902088281</v>
      </c>
      <c r="J4754" s="59">
        <f>Bühler!J4780</f>
        <v>1.3756527300696095</v>
      </c>
      <c r="K4754" s="59">
        <f>Bühler!K4780</f>
        <v>2.0634790951044142</v>
      </c>
      <c r="L4754" s="59">
        <f>Bühler!L4780</f>
        <v>9.9046996565011867</v>
      </c>
      <c r="M4754" s="58">
        <f>Bühler!M4780</f>
        <v>0</v>
      </c>
      <c r="N4754" s="56">
        <f>IF(Input!$D$19=1,J4754*Input!$C$19,0)+IF(Input!$D$20=1,K4754*Input!$C$20,0)+IF(Input!$D$21=1,L4754*Input!$C$21,0)+IF(Input!$D$22=1,M4754*Input!$C$22,0)</f>
        <v>0.41269581902088287</v>
      </c>
      <c r="O4754" s="59">
        <f>IF(Input!$D$19=2,J4754*Input!$C$19,0)+IF(Input!$D$20=2,K4754*Input!$C$20,0)+IF(Input!$D$21=2,L4754*Input!$C$21,0)+IF(Input!$D$22=2,M4754*Input!$C$22,0)</f>
        <v>1.0317395475522071</v>
      </c>
      <c r="P4754" s="59">
        <f>IF(Input!$D$19=3,J4754*Input!$C$19,0)+IF(Input!$D$20=3,K4754*Input!$C$20,0)+IF(Input!$D$21=3,L4754*Input!$C$21,0)+IF(Input!$D$22=3,M4754*Input!$C$22,0)</f>
        <v>0</v>
      </c>
      <c r="Q4754" s="75">
        <f>IF(Input!$D$19=4,J4754*Input!$C$19,0)+IF(Input!$D$20=4,K4754*Input!$C$20,0)+IF(Input!$D$21=4,L4754*Input!$C$21,0)+IF(Input!$D$22=4,M4754*Input!$C$22,0)</f>
        <v>0</v>
      </c>
      <c r="R4754" s="58">
        <v>68.97398862990525</v>
      </c>
      <c r="S4754" s="124">
        <f t="shared" si="74"/>
        <v>1.7883485490904922</v>
      </c>
    </row>
    <row r="4755" spans="8:19" x14ac:dyDescent="0.3">
      <c r="H4755" s="44">
        <v>4748</v>
      </c>
      <c r="I4755" s="56">
        <f>Bühler!I4781</f>
        <v>0.34563274842998937</v>
      </c>
      <c r="J4755" s="59">
        <f>Bühler!J4781</f>
        <v>1.1521091614332979</v>
      </c>
      <c r="K4755" s="59">
        <f>Bühler!K4781</f>
        <v>1.7281637421499469</v>
      </c>
      <c r="L4755" s="59">
        <f>Bühler!L4781</f>
        <v>8.2951859623197457</v>
      </c>
      <c r="M4755" s="58">
        <f>Bühler!M4781</f>
        <v>0</v>
      </c>
      <c r="N4755" s="56">
        <f>IF(Input!$D$19=1,J4755*Input!$C$19,0)+IF(Input!$D$20=1,K4755*Input!$C$20,0)+IF(Input!$D$21=1,L4755*Input!$C$21,0)+IF(Input!$D$22=1,M4755*Input!$C$22,0)</f>
        <v>0.34563274842998937</v>
      </c>
      <c r="O4755" s="59">
        <f>IF(Input!$D$19=2,J4755*Input!$C$19,0)+IF(Input!$D$20=2,K4755*Input!$C$20,0)+IF(Input!$D$21=2,L4755*Input!$C$21,0)+IF(Input!$D$22=2,M4755*Input!$C$22,0)</f>
        <v>0.86408187107497347</v>
      </c>
      <c r="P4755" s="59">
        <f>IF(Input!$D$19=3,J4755*Input!$C$19,0)+IF(Input!$D$20=3,K4755*Input!$C$20,0)+IF(Input!$D$21=3,L4755*Input!$C$21,0)+IF(Input!$D$22=3,M4755*Input!$C$22,0)</f>
        <v>0</v>
      </c>
      <c r="Q4755" s="75">
        <f>IF(Input!$D$19=4,J4755*Input!$C$19,0)+IF(Input!$D$20=4,K4755*Input!$C$20,0)+IF(Input!$D$21=4,L4755*Input!$C$21,0)+IF(Input!$D$22=4,M4755*Input!$C$22,0)</f>
        <v>0</v>
      </c>
      <c r="R4755" s="58">
        <v>67.872686586623288</v>
      </c>
      <c r="S4755" s="124">
        <f t="shared" si="74"/>
        <v>1.4977419098632874</v>
      </c>
    </row>
    <row r="4756" spans="8:19" x14ac:dyDescent="0.3">
      <c r="H4756" s="44">
        <v>4749</v>
      </c>
      <c r="I4756" s="56">
        <f>Bühler!I4782</f>
        <v>0.28372837557685687</v>
      </c>
      <c r="J4756" s="59">
        <f>Bühler!J4782</f>
        <v>0.94576125192285643</v>
      </c>
      <c r="K4756" s="59">
        <f>Bühler!K4782</f>
        <v>1.4186418778842844</v>
      </c>
      <c r="L4756" s="59">
        <f>Bühler!L4782</f>
        <v>6.8094810138445654</v>
      </c>
      <c r="M4756" s="58">
        <f>Bühler!M4782</f>
        <v>0</v>
      </c>
      <c r="N4756" s="56">
        <f>IF(Input!$D$19=1,J4756*Input!$C$19,0)+IF(Input!$D$20=1,K4756*Input!$C$20,0)+IF(Input!$D$21=1,L4756*Input!$C$21,0)+IF(Input!$D$22=1,M4756*Input!$C$22,0)</f>
        <v>0.28372837557685693</v>
      </c>
      <c r="O4756" s="59">
        <f>IF(Input!$D$19=2,J4756*Input!$C$19,0)+IF(Input!$D$20=2,K4756*Input!$C$20,0)+IF(Input!$D$21=2,L4756*Input!$C$21,0)+IF(Input!$D$22=2,M4756*Input!$C$22,0)</f>
        <v>0.70932093894214221</v>
      </c>
      <c r="P4756" s="59">
        <f>IF(Input!$D$19=3,J4756*Input!$C$19,0)+IF(Input!$D$20=3,K4756*Input!$C$20,0)+IF(Input!$D$21=3,L4756*Input!$C$21,0)+IF(Input!$D$22=3,M4756*Input!$C$22,0)</f>
        <v>0</v>
      </c>
      <c r="Q4756" s="75">
        <f>IF(Input!$D$19=4,J4756*Input!$C$19,0)+IF(Input!$D$20=4,K4756*Input!$C$20,0)+IF(Input!$D$21=4,L4756*Input!$C$21,0)+IF(Input!$D$22=4,M4756*Input!$C$22,0)</f>
        <v>0</v>
      </c>
      <c r="R4756" s="58">
        <v>65.883611103953697</v>
      </c>
      <c r="S4756" s="124">
        <f t="shared" si="74"/>
        <v>1.2294896274997134</v>
      </c>
    </row>
    <row r="4757" spans="8:19" x14ac:dyDescent="0.3">
      <c r="H4757" s="44">
        <v>4750</v>
      </c>
      <c r="I4757" s="56">
        <f>Bühler!I4783</f>
        <v>0.20634790951044141</v>
      </c>
      <c r="J4757" s="59">
        <f>Bühler!J4783</f>
        <v>0.68782636503480477</v>
      </c>
      <c r="K4757" s="59">
        <f>Bühler!K4783</f>
        <v>1.0317395475522071</v>
      </c>
      <c r="L4757" s="59">
        <f>Bühler!L4783</f>
        <v>4.9523498282505933</v>
      </c>
      <c r="M4757" s="58">
        <f>Bühler!M4783</f>
        <v>0</v>
      </c>
      <c r="N4757" s="56">
        <f>IF(Input!$D$19=1,J4757*Input!$C$19,0)+IF(Input!$D$20=1,K4757*Input!$C$20,0)+IF(Input!$D$21=1,L4757*Input!$C$21,0)+IF(Input!$D$22=1,M4757*Input!$C$22,0)</f>
        <v>0.20634790951044144</v>
      </c>
      <c r="O4757" s="59">
        <f>IF(Input!$D$19=2,J4757*Input!$C$19,0)+IF(Input!$D$20=2,K4757*Input!$C$20,0)+IF(Input!$D$21=2,L4757*Input!$C$21,0)+IF(Input!$D$22=2,M4757*Input!$C$22,0)</f>
        <v>0.51586977377610355</v>
      </c>
      <c r="P4757" s="59">
        <f>IF(Input!$D$19=3,J4757*Input!$C$19,0)+IF(Input!$D$20=3,K4757*Input!$C$20,0)+IF(Input!$D$21=3,L4757*Input!$C$21,0)+IF(Input!$D$22=3,M4757*Input!$C$22,0)</f>
        <v>0</v>
      </c>
      <c r="Q4757" s="75">
        <f>IF(Input!$D$19=4,J4757*Input!$C$19,0)+IF(Input!$D$20=4,K4757*Input!$C$20,0)+IF(Input!$D$21=4,L4757*Input!$C$21,0)+IF(Input!$D$22=4,M4757*Input!$C$22,0)</f>
        <v>0</v>
      </c>
      <c r="R4757" s="58">
        <v>63.812080374587566</v>
      </c>
      <c r="S4757" s="124">
        <f t="shared" si="74"/>
        <v>0.89417427454524612</v>
      </c>
    </row>
    <row r="4758" spans="8:19" x14ac:dyDescent="0.3">
      <c r="H4758" s="44">
        <v>4751</v>
      </c>
      <c r="I4758" s="56">
        <f>Bühler!I4784</f>
        <v>0.20634790951044141</v>
      </c>
      <c r="J4758" s="59">
        <f>Bühler!J4784</f>
        <v>0.68782636503480477</v>
      </c>
      <c r="K4758" s="59">
        <f>Bühler!K4784</f>
        <v>1.0317395475522071</v>
      </c>
      <c r="L4758" s="59">
        <f>Bühler!L4784</f>
        <v>4.9523498282505933</v>
      </c>
      <c r="M4758" s="58">
        <f>Bühler!M4784</f>
        <v>0</v>
      </c>
      <c r="N4758" s="56">
        <f>IF(Input!$D$19=1,J4758*Input!$C$19,0)+IF(Input!$D$20=1,K4758*Input!$C$20,0)+IF(Input!$D$21=1,L4758*Input!$C$21,0)+IF(Input!$D$22=1,M4758*Input!$C$22,0)</f>
        <v>0.20634790951044144</v>
      </c>
      <c r="O4758" s="59">
        <f>IF(Input!$D$19=2,J4758*Input!$C$19,0)+IF(Input!$D$20=2,K4758*Input!$C$20,0)+IF(Input!$D$21=2,L4758*Input!$C$21,0)+IF(Input!$D$22=2,M4758*Input!$C$22,0)</f>
        <v>0.51586977377610355</v>
      </c>
      <c r="P4758" s="59">
        <f>IF(Input!$D$19=3,J4758*Input!$C$19,0)+IF(Input!$D$20=3,K4758*Input!$C$20,0)+IF(Input!$D$21=3,L4758*Input!$C$21,0)+IF(Input!$D$22=3,M4758*Input!$C$22,0)</f>
        <v>0</v>
      </c>
      <c r="Q4758" s="75">
        <f>IF(Input!$D$19=4,J4758*Input!$C$19,0)+IF(Input!$D$20=4,K4758*Input!$C$20,0)+IF(Input!$D$21=4,L4758*Input!$C$21,0)+IF(Input!$D$22=4,M4758*Input!$C$22,0)</f>
        <v>0</v>
      </c>
      <c r="R4758" s="58">
        <v>62.929680511911528</v>
      </c>
      <c r="S4758" s="124">
        <f t="shared" si="74"/>
        <v>0.89417427454524612</v>
      </c>
    </row>
    <row r="4759" spans="8:19" x14ac:dyDescent="0.3">
      <c r="H4759" s="44">
        <v>4752</v>
      </c>
      <c r="I4759" s="56">
        <f>Bühler!I4785</f>
        <v>0.20634790951044141</v>
      </c>
      <c r="J4759" s="59">
        <f>Bühler!J4785</f>
        <v>0.68782636503480477</v>
      </c>
      <c r="K4759" s="59">
        <f>Bühler!K4785</f>
        <v>1.0317395475522071</v>
      </c>
      <c r="L4759" s="59">
        <f>Bühler!L4785</f>
        <v>4.9523498282505933</v>
      </c>
      <c r="M4759" s="58">
        <f>Bühler!M4785</f>
        <v>0</v>
      </c>
      <c r="N4759" s="56">
        <f>IF(Input!$D$19=1,J4759*Input!$C$19,0)+IF(Input!$D$20=1,K4759*Input!$C$20,0)+IF(Input!$D$21=1,L4759*Input!$C$21,0)+IF(Input!$D$22=1,M4759*Input!$C$22,0)</f>
        <v>0.20634790951044144</v>
      </c>
      <c r="O4759" s="59">
        <f>IF(Input!$D$19=2,J4759*Input!$C$19,0)+IF(Input!$D$20=2,K4759*Input!$C$20,0)+IF(Input!$D$21=2,L4759*Input!$C$21,0)+IF(Input!$D$22=2,M4759*Input!$C$22,0)</f>
        <v>0.51586977377610355</v>
      </c>
      <c r="P4759" s="59">
        <f>IF(Input!$D$19=3,J4759*Input!$C$19,0)+IF(Input!$D$20=3,K4759*Input!$C$20,0)+IF(Input!$D$21=3,L4759*Input!$C$21,0)+IF(Input!$D$22=3,M4759*Input!$C$22,0)</f>
        <v>0</v>
      </c>
      <c r="Q4759" s="75">
        <f>IF(Input!$D$19=4,J4759*Input!$C$19,0)+IF(Input!$D$20=4,K4759*Input!$C$20,0)+IF(Input!$D$21=4,L4759*Input!$C$21,0)+IF(Input!$D$22=4,M4759*Input!$C$22,0)</f>
        <v>0</v>
      </c>
      <c r="R4759" s="58">
        <v>62.272550489804743</v>
      </c>
      <c r="S4759" s="124">
        <f t="shared" si="74"/>
        <v>0.89417427454524612</v>
      </c>
    </row>
    <row r="4760" spans="8:19" x14ac:dyDescent="0.3">
      <c r="H4760" s="44">
        <v>4753</v>
      </c>
      <c r="I4760" s="56">
        <f>Bühler!I4786</f>
        <v>0.18596390745993793</v>
      </c>
      <c r="J4760" s="59">
        <f>Bühler!J4786</f>
        <v>0.6198796915331265</v>
      </c>
      <c r="K4760" s="59">
        <f>Bühler!K4786</f>
        <v>0.92981953729968969</v>
      </c>
      <c r="L4760" s="59">
        <f>Bühler!L4786</f>
        <v>4.4631337790385102</v>
      </c>
      <c r="M4760" s="58">
        <f>Bühler!M4786</f>
        <v>0</v>
      </c>
      <c r="N4760" s="56">
        <f>IF(Input!$D$19=1,J4760*Input!$C$19,0)+IF(Input!$D$20=1,K4760*Input!$C$20,0)+IF(Input!$D$21=1,L4760*Input!$C$21,0)+IF(Input!$D$22=1,M4760*Input!$C$22,0)</f>
        <v>0.18596390745993793</v>
      </c>
      <c r="O4760" s="59">
        <f>IF(Input!$D$19=2,J4760*Input!$C$19,0)+IF(Input!$D$20=2,K4760*Input!$C$20,0)+IF(Input!$D$21=2,L4760*Input!$C$21,0)+IF(Input!$D$22=2,M4760*Input!$C$22,0)</f>
        <v>0.46490976864984485</v>
      </c>
      <c r="P4760" s="59">
        <f>IF(Input!$D$19=3,J4760*Input!$C$19,0)+IF(Input!$D$20=3,K4760*Input!$C$20,0)+IF(Input!$D$21=3,L4760*Input!$C$21,0)+IF(Input!$D$22=3,M4760*Input!$C$22,0)</f>
        <v>0</v>
      </c>
      <c r="Q4760" s="75">
        <f>IF(Input!$D$19=4,J4760*Input!$C$19,0)+IF(Input!$D$20=4,K4760*Input!$C$20,0)+IF(Input!$D$21=4,L4760*Input!$C$21,0)+IF(Input!$D$22=4,M4760*Input!$C$22,0)</f>
        <v>0</v>
      </c>
      <c r="R4760" s="58">
        <v>50.163474944487021</v>
      </c>
      <c r="S4760" s="124">
        <f t="shared" si="74"/>
        <v>0.80584359899306446</v>
      </c>
    </row>
    <row r="4761" spans="8:19" x14ac:dyDescent="0.3">
      <c r="H4761" s="44">
        <v>4754</v>
      </c>
      <c r="I4761" s="56">
        <f>Bühler!I4787</f>
        <v>0.20920939589243012</v>
      </c>
      <c r="J4761" s="59">
        <f>Bühler!J4787</f>
        <v>0.69736465297476713</v>
      </c>
      <c r="K4761" s="59">
        <f>Bühler!K4787</f>
        <v>1.0460469794621505</v>
      </c>
      <c r="L4761" s="59">
        <f>Bühler!L4787</f>
        <v>5.0210255014183227</v>
      </c>
      <c r="M4761" s="58">
        <f>Bühler!M4787</f>
        <v>0</v>
      </c>
      <c r="N4761" s="56">
        <f>IF(Input!$D$19=1,J4761*Input!$C$19,0)+IF(Input!$D$20=1,K4761*Input!$C$20,0)+IF(Input!$D$21=1,L4761*Input!$C$21,0)+IF(Input!$D$22=1,M4761*Input!$C$22,0)</f>
        <v>0.20920939589243012</v>
      </c>
      <c r="O4761" s="59">
        <f>IF(Input!$D$19=2,J4761*Input!$C$19,0)+IF(Input!$D$20=2,K4761*Input!$C$20,0)+IF(Input!$D$21=2,L4761*Input!$C$21,0)+IF(Input!$D$22=2,M4761*Input!$C$22,0)</f>
        <v>0.52302348973107526</v>
      </c>
      <c r="P4761" s="59">
        <f>IF(Input!$D$19=3,J4761*Input!$C$19,0)+IF(Input!$D$20=3,K4761*Input!$C$20,0)+IF(Input!$D$21=3,L4761*Input!$C$21,0)+IF(Input!$D$22=3,M4761*Input!$C$22,0)</f>
        <v>0</v>
      </c>
      <c r="Q4761" s="75">
        <f>IF(Input!$D$19=4,J4761*Input!$C$19,0)+IF(Input!$D$20=4,K4761*Input!$C$20,0)+IF(Input!$D$21=4,L4761*Input!$C$21,0)+IF(Input!$D$22=4,M4761*Input!$C$22,0)</f>
        <v>0</v>
      </c>
      <c r="R4761" s="58">
        <v>50.19291369918956</v>
      </c>
      <c r="S4761" s="124">
        <f t="shared" si="74"/>
        <v>0.90657404886719728</v>
      </c>
    </row>
    <row r="4762" spans="8:19" x14ac:dyDescent="0.3">
      <c r="H4762" s="44">
        <v>4755</v>
      </c>
      <c r="I4762" s="56">
        <f>Bühler!I4788</f>
        <v>0.20920939589243012</v>
      </c>
      <c r="J4762" s="59">
        <f>Bühler!J4788</f>
        <v>0.69736465297476713</v>
      </c>
      <c r="K4762" s="59">
        <f>Bühler!K4788</f>
        <v>1.0460469794621505</v>
      </c>
      <c r="L4762" s="59">
        <f>Bühler!L4788</f>
        <v>5.0210255014183227</v>
      </c>
      <c r="M4762" s="58">
        <f>Bühler!M4788</f>
        <v>0</v>
      </c>
      <c r="N4762" s="56">
        <f>IF(Input!$D$19=1,J4762*Input!$C$19,0)+IF(Input!$D$20=1,K4762*Input!$C$20,0)+IF(Input!$D$21=1,L4762*Input!$C$21,0)+IF(Input!$D$22=1,M4762*Input!$C$22,0)</f>
        <v>0.20920939589243012</v>
      </c>
      <c r="O4762" s="59">
        <f>IF(Input!$D$19=2,J4762*Input!$C$19,0)+IF(Input!$D$20=2,K4762*Input!$C$20,0)+IF(Input!$D$21=2,L4762*Input!$C$21,0)+IF(Input!$D$22=2,M4762*Input!$C$22,0)</f>
        <v>0.52302348973107526</v>
      </c>
      <c r="P4762" s="59">
        <f>IF(Input!$D$19=3,J4762*Input!$C$19,0)+IF(Input!$D$20=3,K4762*Input!$C$20,0)+IF(Input!$D$21=3,L4762*Input!$C$21,0)+IF(Input!$D$22=3,M4762*Input!$C$22,0)</f>
        <v>0</v>
      </c>
      <c r="Q4762" s="75">
        <f>IF(Input!$D$19=4,J4762*Input!$C$19,0)+IF(Input!$D$20=4,K4762*Input!$C$20,0)+IF(Input!$D$21=4,L4762*Input!$C$21,0)+IF(Input!$D$22=4,M4762*Input!$C$22,0)</f>
        <v>0</v>
      </c>
      <c r="R4762" s="58">
        <v>51.076820544453042</v>
      </c>
      <c r="S4762" s="124">
        <f t="shared" si="74"/>
        <v>0.90657404886719728</v>
      </c>
    </row>
    <row r="4763" spans="8:19" x14ac:dyDescent="0.3">
      <c r="H4763" s="44">
        <v>4756</v>
      </c>
      <c r="I4763" s="56">
        <f>Bühler!I4789</f>
        <v>0.20920939589243012</v>
      </c>
      <c r="J4763" s="59">
        <f>Bühler!J4789</f>
        <v>0.69736465297476713</v>
      </c>
      <c r="K4763" s="59">
        <f>Bühler!K4789</f>
        <v>1.0460469794621505</v>
      </c>
      <c r="L4763" s="59">
        <f>Bühler!L4789</f>
        <v>5.0210255014183227</v>
      </c>
      <c r="M4763" s="58">
        <f>Bühler!M4789</f>
        <v>0</v>
      </c>
      <c r="N4763" s="56">
        <f>IF(Input!$D$19=1,J4763*Input!$C$19,0)+IF(Input!$D$20=1,K4763*Input!$C$20,0)+IF(Input!$D$21=1,L4763*Input!$C$21,0)+IF(Input!$D$22=1,M4763*Input!$C$22,0)</f>
        <v>0.20920939589243012</v>
      </c>
      <c r="O4763" s="59">
        <f>IF(Input!$D$19=2,J4763*Input!$C$19,0)+IF(Input!$D$20=2,K4763*Input!$C$20,0)+IF(Input!$D$21=2,L4763*Input!$C$21,0)+IF(Input!$D$22=2,M4763*Input!$C$22,0)</f>
        <v>0.52302348973107526</v>
      </c>
      <c r="P4763" s="59">
        <f>IF(Input!$D$19=3,J4763*Input!$C$19,0)+IF(Input!$D$20=3,K4763*Input!$C$20,0)+IF(Input!$D$21=3,L4763*Input!$C$21,0)+IF(Input!$D$22=3,M4763*Input!$C$22,0)</f>
        <v>0</v>
      </c>
      <c r="Q4763" s="75">
        <f>IF(Input!$D$19=4,J4763*Input!$C$19,0)+IF(Input!$D$20=4,K4763*Input!$C$20,0)+IF(Input!$D$21=4,L4763*Input!$C$21,0)+IF(Input!$D$22=4,M4763*Input!$C$22,0)</f>
        <v>0</v>
      </c>
      <c r="R4763" s="58">
        <v>52.610959690500614</v>
      </c>
      <c r="S4763" s="124">
        <f t="shared" si="74"/>
        <v>0.90657404886719728</v>
      </c>
    </row>
    <row r="4764" spans="8:19" x14ac:dyDescent="0.3">
      <c r="H4764" s="44">
        <v>4757</v>
      </c>
      <c r="I4764" s="56">
        <f>Bühler!I4790</f>
        <v>0.20920939589243012</v>
      </c>
      <c r="J4764" s="59">
        <f>Bühler!J4790</f>
        <v>0.69736465297476713</v>
      </c>
      <c r="K4764" s="59">
        <f>Bühler!K4790</f>
        <v>1.0460469794621505</v>
      </c>
      <c r="L4764" s="59">
        <f>Bühler!L4790</f>
        <v>5.0210255014183227</v>
      </c>
      <c r="M4764" s="58">
        <f>Bühler!M4790</f>
        <v>0</v>
      </c>
      <c r="N4764" s="56">
        <f>IF(Input!$D$19=1,J4764*Input!$C$19,0)+IF(Input!$D$20=1,K4764*Input!$C$20,0)+IF(Input!$D$21=1,L4764*Input!$C$21,0)+IF(Input!$D$22=1,M4764*Input!$C$22,0)</f>
        <v>0.20920939589243012</v>
      </c>
      <c r="O4764" s="59">
        <f>IF(Input!$D$19=2,J4764*Input!$C$19,0)+IF(Input!$D$20=2,K4764*Input!$C$20,0)+IF(Input!$D$21=2,L4764*Input!$C$21,0)+IF(Input!$D$22=2,M4764*Input!$C$22,0)</f>
        <v>0.52302348973107526</v>
      </c>
      <c r="P4764" s="59">
        <f>IF(Input!$D$19=3,J4764*Input!$C$19,0)+IF(Input!$D$20=3,K4764*Input!$C$20,0)+IF(Input!$D$21=3,L4764*Input!$C$21,0)+IF(Input!$D$22=3,M4764*Input!$C$22,0)</f>
        <v>0</v>
      </c>
      <c r="Q4764" s="75">
        <f>IF(Input!$D$19=4,J4764*Input!$C$19,0)+IF(Input!$D$20=4,K4764*Input!$C$20,0)+IF(Input!$D$21=4,L4764*Input!$C$21,0)+IF(Input!$D$22=4,M4764*Input!$C$22,0)</f>
        <v>0</v>
      </c>
      <c r="R4764" s="58">
        <v>55.39611241047588</v>
      </c>
      <c r="S4764" s="124">
        <f t="shared" si="74"/>
        <v>0.90657404886719728</v>
      </c>
    </row>
    <row r="4765" spans="8:19" x14ac:dyDescent="0.3">
      <c r="H4765" s="44">
        <v>4758</v>
      </c>
      <c r="I4765" s="56">
        <f>Bühler!I4791</f>
        <v>0.26964766581690996</v>
      </c>
      <c r="J4765" s="59">
        <f>Bühler!J4791</f>
        <v>0.89882555272303333</v>
      </c>
      <c r="K4765" s="59">
        <f>Bühler!K4791</f>
        <v>1.3482383290845499</v>
      </c>
      <c r="L4765" s="59">
        <f>Bühler!L4791</f>
        <v>6.4715439796058396</v>
      </c>
      <c r="M4765" s="58">
        <f>Bühler!M4791</f>
        <v>0</v>
      </c>
      <c r="N4765" s="56">
        <f>IF(Input!$D$19=1,J4765*Input!$C$19,0)+IF(Input!$D$20=1,K4765*Input!$C$20,0)+IF(Input!$D$21=1,L4765*Input!$C$21,0)+IF(Input!$D$22=1,M4765*Input!$C$22,0)</f>
        <v>0.26964766581690996</v>
      </c>
      <c r="O4765" s="59">
        <f>IF(Input!$D$19=2,J4765*Input!$C$19,0)+IF(Input!$D$20=2,K4765*Input!$C$20,0)+IF(Input!$D$21=2,L4765*Input!$C$21,0)+IF(Input!$D$22=2,M4765*Input!$C$22,0)</f>
        <v>0.67411916454227494</v>
      </c>
      <c r="P4765" s="59">
        <f>IF(Input!$D$19=3,J4765*Input!$C$19,0)+IF(Input!$D$20=3,K4765*Input!$C$20,0)+IF(Input!$D$21=3,L4765*Input!$C$21,0)+IF(Input!$D$22=3,M4765*Input!$C$22,0)</f>
        <v>0</v>
      </c>
      <c r="Q4765" s="75">
        <f>IF(Input!$D$19=4,J4765*Input!$C$19,0)+IF(Input!$D$20=4,K4765*Input!$C$20,0)+IF(Input!$D$21=4,L4765*Input!$C$21,0)+IF(Input!$D$22=4,M4765*Input!$C$22,0)</f>
        <v>0</v>
      </c>
      <c r="R4765" s="58">
        <v>60.610989476782414</v>
      </c>
      <c r="S4765" s="124">
        <f t="shared" si="74"/>
        <v>1.1684732185399433</v>
      </c>
    </row>
    <row r="4766" spans="8:19" x14ac:dyDescent="0.3">
      <c r="H4766" s="44">
        <v>4759</v>
      </c>
      <c r="I4766" s="56">
        <f>Bühler!I4792</f>
        <v>0.31148954499539599</v>
      </c>
      <c r="J4766" s="59">
        <f>Bühler!J4792</f>
        <v>1.0382984833179867</v>
      </c>
      <c r="K4766" s="59">
        <f>Bühler!K4792</f>
        <v>1.55744772497698</v>
      </c>
      <c r="L4766" s="59">
        <f>Bühler!L4792</f>
        <v>7.4757490798895034</v>
      </c>
      <c r="M4766" s="58">
        <f>Bühler!M4792</f>
        <v>0</v>
      </c>
      <c r="N4766" s="56">
        <f>IF(Input!$D$19=1,J4766*Input!$C$19,0)+IF(Input!$D$20=1,K4766*Input!$C$20,0)+IF(Input!$D$21=1,L4766*Input!$C$21,0)+IF(Input!$D$22=1,M4766*Input!$C$22,0)</f>
        <v>0.31148954499539599</v>
      </c>
      <c r="O4766" s="59">
        <f>IF(Input!$D$19=2,J4766*Input!$C$19,0)+IF(Input!$D$20=2,K4766*Input!$C$20,0)+IF(Input!$D$21=2,L4766*Input!$C$21,0)+IF(Input!$D$22=2,M4766*Input!$C$22,0)</f>
        <v>0.77872386248849002</v>
      </c>
      <c r="P4766" s="59">
        <f>IF(Input!$D$19=3,J4766*Input!$C$19,0)+IF(Input!$D$20=3,K4766*Input!$C$20,0)+IF(Input!$D$21=3,L4766*Input!$C$21,0)+IF(Input!$D$22=3,M4766*Input!$C$22,0)</f>
        <v>0</v>
      </c>
      <c r="Q4766" s="75">
        <f>IF(Input!$D$19=4,J4766*Input!$C$19,0)+IF(Input!$D$20=4,K4766*Input!$C$20,0)+IF(Input!$D$21=4,L4766*Input!$C$21,0)+IF(Input!$D$22=4,M4766*Input!$C$22,0)</f>
        <v>0</v>
      </c>
      <c r="R4766" s="58">
        <v>64.57346816056851</v>
      </c>
      <c r="S4766" s="124">
        <f t="shared" si="74"/>
        <v>1.3497880283133827</v>
      </c>
    </row>
    <row r="4767" spans="8:19" x14ac:dyDescent="0.3">
      <c r="H4767" s="44">
        <v>4760</v>
      </c>
      <c r="I4767" s="56">
        <f>Bühler!I4793</f>
        <v>0.31148954499539599</v>
      </c>
      <c r="J4767" s="59">
        <f>Bühler!J4793</f>
        <v>1.0382984833179867</v>
      </c>
      <c r="K4767" s="59">
        <f>Bühler!K4793</f>
        <v>1.55744772497698</v>
      </c>
      <c r="L4767" s="59">
        <f>Bühler!L4793</f>
        <v>7.4757490798895034</v>
      </c>
      <c r="M4767" s="58">
        <f>Bühler!M4793</f>
        <v>0</v>
      </c>
      <c r="N4767" s="56">
        <f>IF(Input!$D$19=1,J4767*Input!$C$19,0)+IF(Input!$D$20=1,K4767*Input!$C$20,0)+IF(Input!$D$21=1,L4767*Input!$C$21,0)+IF(Input!$D$22=1,M4767*Input!$C$22,0)</f>
        <v>0.31148954499539599</v>
      </c>
      <c r="O4767" s="59">
        <f>IF(Input!$D$19=2,J4767*Input!$C$19,0)+IF(Input!$D$20=2,K4767*Input!$C$20,0)+IF(Input!$D$21=2,L4767*Input!$C$21,0)+IF(Input!$D$22=2,M4767*Input!$C$22,0)</f>
        <v>0.77872386248849002</v>
      </c>
      <c r="P4767" s="59">
        <f>IF(Input!$D$19=3,J4767*Input!$C$19,0)+IF(Input!$D$20=3,K4767*Input!$C$20,0)+IF(Input!$D$21=3,L4767*Input!$C$21,0)+IF(Input!$D$22=3,M4767*Input!$C$22,0)</f>
        <v>0</v>
      </c>
      <c r="Q4767" s="75">
        <f>IF(Input!$D$19=4,J4767*Input!$C$19,0)+IF(Input!$D$20=4,K4767*Input!$C$20,0)+IF(Input!$D$21=4,L4767*Input!$C$21,0)+IF(Input!$D$22=4,M4767*Input!$C$22,0)</f>
        <v>0</v>
      </c>
      <c r="R4767" s="58">
        <v>67.253303484294364</v>
      </c>
      <c r="S4767" s="124">
        <f t="shared" si="74"/>
        <v>1.3497880283133827</v>
      </c>
    </row>
    <row r="4768" spans="8:19" x14ac:dyDescent="0.3">
      <c r="H4768" s="44">
        <v>4761</v>
      </c>
      <c r="I4768" s="56">
        <f>Bühler!I4794</f>
        <v>0.31148954499539599</v>
      </c>
      <c r="J4768" s="59">
        <f>Bühler!J4794</f>
        <v>1.0382984833179867</v>
      </c>
      <c r="K4768" s="59">
        <f>Bühler!K4794</f>
        <v>1.55744772497698</v>
      </c>
      <c r="L4768" s="59">
        <f>Bühler!L4794</f>
        <v>7.4757490798895034</v>
      </c>
      <c r="M4768" s="58">
        <f>Bühler!M4794</f>
        <v>0</v>
      </c>
      <c r="N4768" s="56">
        <f>IF(Input!$D$19=1,J4768*Input!$C$19,0)+IF(Input!$D$20=1,K4768*Input!$C$20,0)+IF(Input!$D$21=1,L4768*Input!$C$21,0)+IF(Input!$D$22=1,M4768*Input!$C$22,0)</f>
        <v>0.31148954499539599</v>
      </c>
      <c r="O4768" s="59">
        <f>IF(Input!$D$19=2,J4768*Input!$C$19,0)+IF(Input!$D$20=2,K4768*Input!$C$20,0)+IF(Input!$D$21=2,L4768*Input!$C$21,0)+IF(Input!$D$22=2,M4768*Input!$C$22,0)</f>
        <v>0.77872386248849002</v>
      </c>
      <c r="P4768" s="59">
        <f>IF(Input!$D$19=3,J4768*Input!$C$19,0)+IF(Input!$D$20=3,K4768*Input!$C$20,0)+IF(Input!$D$21=3,L4768*Input!$C$21,0)+IF(Input!$D$22=3,M4768*Input!$C$22,0)</f>
        <v>0</v>
      </c>
      <c r="Q4768" s="75">
        <f>IF(Input!$D$19=4,J4768*Input!$C$19,0)+IF(Input!$D$20=4,K4768*Input!$C$20,0)+IF(Input!$D$21=4,L4768*Input!$C$21,0)+IF(Input!$D$22=4,M4768*Input!$C$22,0)</f>
        <v>0</v>
      </c>
      <c r="R4768" s="58">
        <v>69.033452864768435</v>
      </c>
      <c r="S4768" s="124">
        <f t="shared" si="74"/>
        <v>1.3497880283133827</v>
      </c>
    </row>
    <row r="4769" spans="8:19" x14ac:dyDescent="0.3">
      <c r="H4769" s="44">
        <v>4762</v>
      </c>
      <c r="I4769" s="56">
        <f>Bühler!I4795</f>
        <v>0.33473503342788818</v>
      </c>
      <c r="J4769" s="59">
        <f>Bühler!J4795</f>
        <v>1.1157834447596275</v>
      </c>
      <c r="K4769" s="59">
        <f>Bühler!K4795</f>
        <v>1.673675167139441</v>
      </c>
      <c r="L4769" s="59">
        <f>Bühler!L4795</f>
        <v>8.0336408022693178</v>
      </c>
      <c r="M4769" s="58">
        <f>Bühler!M4795</f>
        <v>0</v>
      </c>
      <c r="N4769" s="56">
        <f>IF(Input!$D$19=1,J4769*Input!$C$19,0)+IF(Input!$D$20=1,K4769*Input!$C$20,0)+IF(Input!$D$21=1,L4769*Input!$C$21,0)+IF(Input!$D$22=1,M4769*Input!$C$22,0)</f>
        <v>0.33473503342788824</v>
      </c>
      <c r="O4769" s="59">
        <f>IF(Input!$D$19=2,J4769*Input!$C$19,0)+IF(Input!$D$20=2,K4769*Input!$C$20,0)+IF(Input!$D$21=2,L4769*Input!$C$21,0)+IF(Input!$D$22=2,M4769*Input!$C$22,0)</f>
        <v>0.83683758356972049</v>
      </c>
      <c r="P4769" s="59">
        <f>IF(Input!$D$19=3,J4769*Input!$C$19,0)+IF(Input!$D$20=3,K4769*Input!$C$20,0)+IF(Input!$D$21=3,L4769*Input!$C$21,0)+IF(Input!$D$22=3,M4769*Input!$C$22,0)</f>
        <v>0</v>
      </c>
      <c r="Q4769" s="75">
        <f>IF(Input!$D$19=4,J4769*Input!$C$19,0)+IF(Input!$D$20=4,K4769*Input!$C$20,0)+IF(Input!$D$21=4,L4769*Input!$C$21,0)+IF(Input!$D$22=4,M4769*Input!$C$22,0)</f>
        <v>0</v>
      </c>
      <c r="R4769" s="58">
        <v>69.362263567352556</v>
      </c>
      <c r="S4769" s="124">
        <f t="shared" si="74"/>
        <v>1.4505184781875158</v>
      </c>
    </row>
    <row r="4770" spans="8:19" x14ac:dyDescent="0.3">
      <c r="H4770" s="44">
        <v>4763</v>
      </c>
      <c r="I4770" s="56">
        <f>Bühler!I4796</f>
        <v>0.36262961954687889</v>
      </c>
      <c r="J4770" s="59">
        <f>Bühler!J4796</f>
        <v>1.2087653984895965</v>
      </c>
      <c r="K4770" s="59">
        <f>Bühler!K4796</f>
        <v>1.8131480977343943</v>
      </c>
      <c r="L4770" s="59">
        <f>Bühler!L4796</f>
        <v>8.7031108691250925</v>
      </c>
      <c r="M4770" s="58">
        <f>Bühler!M4796</f>
        <v>0</v>
      </c>
      <c r="N4770" s="56">
        <f>IF(Input!$D$19=1,J4770*Input!$C$19,0)+IF(Input!$D$20=1,K4770*Input!$C$20,0)+IF(Input!$D$21=1,L4770*Input!$C$21,0)+IF(Input!$D$22=1,M4770*Input!$C$22,0)</f>
        <v>0.36262961954687895</v>
      </c>
      <c r="O4770" s="59">
        <f>IF(Input!$D$19=2,J4770*Input!$C$19,0)+IF(Input!$D$20=2,K4770*Input!$C$20,0)+IF(Input!$D$21=2,L4770*Input!$C$21,0)+IF(Input!$D$22=2,M4770*Input!$C$22,0)</f>
        <v>0.90657404886719717</v>
      </c>
      <c r="P4770" s="59">
        <f>IF(Input!$D$19=3,J4770*Input!$C$19,0)+IF(Input!$D$20=3,K4770*Input!$C$20,0)+IF(Input!$D$21=3,L4770*Input!$C$21,0)+IF(Input!$D$22=3,M4770*Input!$C$22,0)</f>
        <v>0</v>
      </c>
      <c r="Q4770" s="75">
        <f>IF(Input!$D$19=4,J4770*Input!$C$19,0)+IF(Input!$D$20=4,K4770*Input!$C$20,0)+IF(Input!$D$21=4,L4770*Input!$C$21,0)+IF(Input!$D$22=4,M4770*Input!$C$22,0)</f>
        <v>0</v>
      </c>
      <c r="R4770" s="58">
        <v>70.456298974451187</v>
      </c>
      <c r="S4770" s="124">
        <f t="shared" si="74"/>
        <v>1.5713950180364753</v>
      </c>
    </row>
    <row r="4771" spans="8:19" x14ac:dyDescent="0.3">
      <c r="H4771" s="44">
        <v>4764</v>
      </c>
      <c r="I4771" s="56">
        <f>Bühler!I4797</f>
        <v>0.41841879178486024</v>
      </c>
      <c r="J4771" s="59">
        <f>Bühler!J4797</f>
        <v>1.3947293059495343</v>
      </c>
      <c r="K4771" s="59">
        <f>Bühler!K4797</f>
        <v>2.0920939589243011</v>
      </c>
      <c r="L4771" s="59">
        <f>Bühler!L4797</f>
        <v>10.042051002836645</v>
      </c>
      <c r="M4771" s="58">
        <f>Bühler!M4797</f>
        <v>0</v>
      </c>
      <c r="N4771" s="56">
        <f>IF(Input!$D$19=1,J4771*Input!$C$19,0)+IF(Input!$D$20=1,K4771*Input!$C$20,0)+IF(Input!$D$21=1,L4771*Input!$C$21,0)+IF(Input!$D$22=1,M4771*Input!$C$22,0)</f>
        <v>0.41841879178486024</v>
      </c>
      <c r="O4771" s="59">
        <f>IF(Input!$D$19=2,J4771*Input!$C$19,0)+IF(Input!$D$20=2,K4771*Input!$C$20,0)+IF(Input!$D$21=2,L4771*Input!$C$21,0)+IF(Input!$D$22=2,M4771*Input!$C$22,0)</f>
        <v>1.0460469794621505</v>
      </c>
      <c r="P4771" s="59">
        <f>IF(Input!$D$19=3,J4771*Input!$C$19,0)+IF(Input!$D$20=3,K4771*Input!$C$20,0)+IF(Input!$D$21=3,L4771*Input!$C$21,0)+IF(Input!$D$22=3,M4771*Input!$C$22,0)</f>
        <v>0</v>
      </c>
      <c r="Q4771" s="75">
        <f>IF(Input!$D$19=4,J4771*Input!$C$19,0)+IF(Input!$D$20=4,K4771*Input!$C$20,0)+IF(Input!$D$21=4,L4771*Input!$C$21,0)+IF(Input!$D$22=4,M4771*Input!$C$22,0)</f>
        <v>0</v>
      </c>
      <c r="R4771" s="58">
        <v>71.504592351621923</v>
      </c>
      <c r="S4771" s="124">
        <f t="shared" si="74"/>
        <v>1.8131480977343946</v>
      </c>
    </row>
    <row r="4772" spans="8:19" x14ac:dyDescent="0.3">
      <c r="H4772" s="44">
        <v>4765</v>
      </c>
      <c r="I4772" s="56">
        <f>Bühler!I4798</f>
        <v>0.41841879178486024</v>
      </c>
      <c r="J4772" s="59">
        <f>Bühler!J4798</f>
        <v>1.3947293059495343</v>
      </c>
      <c r="K4772" s="59">
        <f>Bühler!K4798</f>
        <v>2.0920939589243011</v>
      </c>
      <c r="L4772" s="59">
        <f>Bühler!L4798</f>
        <v>10.042051002836645</v>
      </c>
      <c r="M4772" s="58">
        <f>Bühler!M4798</f>
        <v>0</v>
      </c>
      <c r="N4772" s="56">
        <f>IF(Input!$D$19=1,J4772*Input!$C$19,0)+IF(Input!$D$20=1,K4772*Input!$C$20,0)+IF(Input!$D$21=1,L4772*Input!$C$21,0)+IF(Input!$D$22=1,M4772*Input!$C$22,0)</f>
        <v>0.41841879178486024</v>
      </c>
      <c r="O4772" s="59">
        <f>IF(Input!$D$19=2,J4772*Input!$C$19,0)+IF(Input!$D$20=2,K4772*Input!$C$20,0)+IF(Input!$D$21=2,L4772*Input!$C$21,0)+IF(Input!$D$22=2,M4772*Input!$C$22,0)</f>
        <v>1.0460469794621505</v>
      </c>
      <c r="P4772" s="59">
        <f>IF(Input!$D$19=3,J4772*Input!$C$19,0)+IF(Input!$D$20=3,K4772*Input!$C$20,0)+IF(Input!$D$21=3,L4772*Input!$C$21,0)+IF(Input!$D$22=3,M4772*Input!$C$22,0)</f>
        <v>0</v>
      </c>
      <c r="Q4772" s="75">
        <f>IF(Input!$D$19=4,J4772*Input!$C$19,0)+IF(Input!$D$20=4,K4772*Input!$C$20,0)+IF(Input!$D$21=4,L4772*Input!$C$21,0)+IF(Input!$D$22=4,M4772*Input!$C$22,0)</f>
        <v>0</v>
      </c>
      <c r="R4772" s="58">
        <v>71.534479809884829</v>
      </c>
      <c r="S4772" s="124">
        <f t="shared" si="74"/>
        <v>1.8131480977343946</v>
      </c>
    </row>
    <row r="4773" spans="8:19" x14ac:dyDescent="0.3">
      <c r="H4773" s="44">
        <v>4766</v>
      </c>
      <c r="I4773" s="56">
        <f>Bühler!I4799</f>
        <v>0.41841879178486024</v>
      </c>
      <c r="J4773" s="59">
        <f>Bühler!J4799</f>
        <v>1.3947293059495343</v>
      </c>
      <c r="K4773" s="59">
        <f>Bühler!K4799</f>
        <v>2.0920939589243011</v>
      </c>
      <c r="L4773" s="59">
        <f>Bühler!L4799</f>
        <v>10.042051002836645</v>
      </c>
      <c r="M4773" s="58">
        <f>Bühler!M4799</f>
        <v>0</v>
      </c>
      <c r="N4773" s="56">
        <f>IF(Input!$D$19=1,J4773*Input!$C$19,0)+IF(Input!$D$20=1,K4773*Input!$C$20,0)+IF(Input!$D$21=1,L4773*Input!$C$21,0)+IF(Input!$D$22=1,M4773*Input!$C$22,0)</f>
        <v>0.41841879178486024</v>
      </c>
      <c r="O4773" s="59">
        <f>IF(Input!$D$19=2,J4773*Input!$C$19,0)+IF(Input!$D$20=2,K4773*Input!$C$20,0)+IF(Input!$D$21=2,L4773*Input!$C$21,0)+IF(Input!$D$22=2,M4773*Input!$C$22,0)</f>
        <v>1.0460469794621505</v>
      </c>
      <c r="P4773" s="59">
        <f>IF(Input!$D$19=3,J4773*Input!$C$19,0)+IF(Input!$D$20=3,K4773*Input!$C$20,0)+IF(Input!$D$21=3,L4773*Input!$C$21,0)+IF(Input!$D$22=3,M4773*Input!$C$22,0)</f>
        <v>0</v>
      </c>
      <c r="Q4773" s="75">
        <f>IF(Input!$D$19=4,J4773*Input!$C$19,0)+IF(Input!$D$20=4,K4773*Input!$C$20,0)+IF(Input!$D$21=4,L4773*Input!$C$21,0)+IF(Input!$D$22=4,M4773*Input!$C$22,0)</f>
        <v>0</v>
      </c>
      <c r="R4773" s="58">
        <v>71.500983050556513</v>
      </c>
      <c r="S4773" s="124">
        <f t="shared" si="74"/>
        <v>1.8131480977343946</v>
      </c>
    </row>
    <row r="4774" spans="8:19" x14ac:dyDescent="0.3">
      <c r="H4774" s="44">
        <v>4767</v>
      </c>
      <c r="I4774" s="56">
        <f>Bühler!I4800</f>
        <v>0.41841879178486024</v>
      </c>
      <c r="J4774" s="59">
        <f>Bühler!J4800</f>
        <v>1.3947293059495343</v>
      </c>
      <c r="K4774" s="59">
        <f>Bühler!K4800</f>
        <v>2.0920939589243011</v>
      </c>
      <c r="L4774" s="59">
        <f>Bühler!L4800</f>
        <v>10.042051002836645</v>
      </c>
      <c r="M4774" s="58">
        <f>Bühler!M4800</f>
        <v>0</v>
      </c>
      <c r="N4774" s="56">
        <f>IF(Input!$D$19=1,J4774*Input!$C$19,0)+IF(Input!$D$20=1,K4774*Input!$C$20,0)+IF(Input!$D$21=1,L4774*Input!$C$21,0)+IF(Input!$D$22=1,M4774*Input!$C$22,0)</f>
        <v>0.41841879178486024</v>
      </c>
      <c r="O4774" s="59">
        <f>IF(Input!$D$19=2,J4774*Input!$C$19,0)+IF(Input!$D$20=2,K4774*Input!$C$20,0)+IF(Input!$D$21=2,L4774*Input!$C$21,0)+IF(Input!$D$22=2,M4774*Input!$C$22,0)</f>
        <v>1.0460469794621505</v>
      </c>
      <c r="P4774" s="59">
        <f>IF(Input!$D$19=3,J4774*Input!$C$19,0)+IF(Input!$D$20=3,K4774*Input!$C$20,0)+IF(Input!$D$21=3,L4774*Input!$C$21,0)+IF(Input!$D$22=3,M4774*Input!$C$22,0)</f>
        <v>0</v>
      </c>
      <c r="Q4774" s="75">
        <f>IF(Input!$D$19=4,J4774*Input!$C$19,0)+IF(Input!$D$20=4,K4774*Input!$C$20,0)+IF(Input!$D$21=4,L4774*Input!$C$21,0)+IF(Input!$D$22=4,M4774*Input!$C$22,0)</f>
        <v>0</v>
      </c>
      <c r="R4774" s="58">
        <v>72.316003180395427</v>
      </c>
      <c r="S4774" s="124">
        <f t="shared" si="74"/>
        <v>1.8131480977343946</v>
      </c>
    </row>
    <row r="4775" spans="8:19" x14ac:dyDescent="0.3">
      <c r="H4775" s="44">
        <v>4768</v>
      </c>
      <c r="I4775" s="56">
        <f>Bühler!I4801</f>
        <v>0.41841879178486024</v>
      </c>
      <c r="J4775" s="59">
        <f>Bühler!J4801</f>
        <v>1.3947293059495343</v>
      </c>
      <c r="K4775" s="59">
        <f>Bühler!K4801</f>
        <v>2.0920939589243011</v>
      </c>
      <c r="L4775" s="59">
        <f>Bühler!L4801</f>
        <v>10.042051002836645</v>
      </c>
      <c r="M4775" s="58">
        <f>Bühler!M4801</f>
        <v>0</v>
      </c>
      <c r="N4775" s="56">
        <f>IF(Input!$D$19=1,J4775*Input!$C$19,0)+IF(Input!$D$20=1,K4775*Input!$C$20,0)+IF(Input!$D$21=1,L4775*Input!$C$21,0)+IF(Input!$D$22=1,M4775*Input!$C$22,0)</f>
        <v>0.41841879178486024</v>
      </c>
      <c r="O4775" s="59">
        <f>IF(Input!$D$19=2,J4775*Input!$C$19,0)+IF(Input!$D$20=2,K4775*Input!$C$20,0)+IF(Input!$D$21=2,L4775*Input!$C$21,0)+IF(Input!$D$22=2,M4775*Input!$C$22,0)</f>
        <v>1.0460469794621505</v>
      </c>
      <c r="P4775" s="59">
        <f>IF(Input!$D$19=3,J4775*Input!$C$19,0)+IF(Input!$D$20=3,K4775*Input!$C$20,0)+IF(Input!$D$21=3,L4775*Input!$C$21,0)+IF(Input!$D$22=3,M4775*Input!$C$22,0)</f>
        <v>0</v>
      </c>
      <c r="Q4775" s="75">
        <f>IF(Input!$D$19=4,J4775*Input!$C$19,0)+IF(Input!$D$20=4,K4775*Input!$C$20,0)+IF(Input!$D$21=4,L4775*Input!$C$21,0)+IF(Input!$D$22=4,M4775*Input!$C$22,0)</f>
        <v>0</v>
      </c>
      <c r="R4775" s="58">
        <v>72.364093328207574</v>
      </c>
      <c r="S4775" s="124">
        <f t="shared" si="74"/>
        <v>1.8131480977343946</v>
      </c>
    </row>
    <row r="4776" spans="8:19" x14ac:dyDescent="0.3">
      <c r="H4776" s="44">
        <v>4769</v>
      </c>
      <c r="I4776" s="56">
        <f>Bühler!I4802</f>
        <v>0.41841879178486024</v>
      </c>
      <c r="J4776" s="59">
        <f>Bühler!J4802</f>
        <v>1.3947293059495343</v>
      </c>
      <c r="K4776" s="59">
        <f>Bühler!K4802</f>
        <v>2.0920939589243011</v>
      </c>
      <c r="L4776" s="59">
        <f>Bühler!L4802</f>
        <v>10.042051002836645</v>
      </c>
      <c r="M4776" s="58">
        <f>Bühler!M4802</f>
        <v>0</v>
      </c>
      <c r="N4776" s="56">
        <f>IF(Input!$D$19=1,J4776*Input!$C$19,0)+IF(Input!$D$20=1,K4776*Input!$C$20,0)+IF(Input!$D$21=1,L4776*Input!$C$21,0)+IF(Input!$D$22=1,M4776*Input!$C$22,0)</f>
        <v>0.41841879178486024</v>
      </c>
      <c r="O4776" s="59">
        <f>IF(Input!$D$19=2,J4776*Input!$C$19,0)+IF(Input!$D$20=2,K4776*Input!$C$20,0)+IF(Input!$D$21=2,L4776*Input!$C$21,0)+IF(Input!$D$22=2,M4776*Input!$C$22,0)</f>
        <v>1.0460469794621505</v>
      </c>
      <c r="P4776" s="59">
        <f>IF(Input!$D$19=3,J4776*Input!$C$19,0)+IF(Input!$D$20=3,K4776*Input!$C$20,0)+IF(Input!$D$21=3,L4776*Input!$C$21,0)+IF(Input!$D$22=3,M4776*Input!$C$22,0)</f>
        <v>0</v>
      </c>
      <c r="Q4776" s="75">
        <f>IF(Input!$D$19=4,J4776*Input!$C$19,0)+IF(Input!$D$20=4,K4776*Input!$C$20,0)+IF(Input!$D$21=4,L4776*Input!$C$21,0)+IF(Input!$D$22=4,M4776*Input!$C$22,0)</f>
        <v>0</v>
      </c>
      <c r="R4776" s="58">
        <v>71.144217823917344</v>
      </c>
      <c r="S4776" s="124">
        <f t="shared" si="74"/>
        <v>1.8131480977343946</v>
      </c>
    </row>
    <row r="4777" spans="8:19" x14ac:dyDescent="0.3">
      <c r="H4777" s="44">
        <v>4770</v>
      </c>
      <c r="I4777" s="56">
        <f>Bühler!I4803</f>
        <v>0.41841879178486024</v>
      </c>
      <c r="J4777" s="59">
        <f>Bühler!J4803</f>
        <v>1.3947293059495343</v>
      </c>
      <c r="K4777" s="59">
        <f>Bühler!K4803</f>
        <v>2.0920939589243011</v>
      </c>
      <c r="L4777" s="59">
        <f>Bühler!L4803</f>
        <v>10.042051002836645</v>
      </c>
      <c r="M4777" s="58">
        <f>Bühler!M4803</f>
        <v>0</v>
      </c>
      <c r="N4777" s="56">
        <f>IF(Input!$D$19=1,J4777*Input!$C$19,0)+IF(Input!$D$20=1,K4777*Input!$C$20,0)+IF(Input!$D$21=1,L4777*Input!$C$21,0)+IF(Input!$D$22=1,M4777*Input!$C$22,0)</f>
        <v>0.41841879178486024</v>
      </c>
      <c r="O4777" s="59">
        <f>IF(Input!$D$19=2,J4777*Input!$C$19,0)+IF(Input!$D$20=2,K4777*Input!$C$20,0)+IF(Input!$D$21=2,L4777*Input!$C$21,0)+IF(Input!$D$22=2,M4777*Input!$C$22,0)</f>
        <v>1.0460469794621505</v>
      </c>
      <c r="P4777" s="59">
        <f>IF(Input!$D$19=3,J4777*Input!$C$19,0)+IF(Input!$D$20=3,K4777*Input!$C$20,0)+IF(Input!$D$21=3,L4777*Input!$C$21,0)+IF(Input!$D$22=3,M4777*Input!$C$22,0)</f>
        <v>0</v>
      </c>
      <c r="Q4777" s="75">
        <f>IF(Input!$D$19=4,J4777*Input!$C$19,0)+IF(Input!$D$20=4,K4777*Input!$C$20,0)+IF(Input!$D$21=4,L4777*Input!$C$21,0)+IF(Input!$D$22=4,M4777*Input!$C$22,0)</f>
        <v>0</v>
      </c>
      <c r="R4777" s="58">
        <v>69.870340060607674</v>
      </c>
      <c r="S4777" s="124">
        <f t="shared" si="74"/>
        <v>1.8131480977343946</v>
      </c>
    </row>
    <row r="4778" spans="8:19" x14ac:dyDescent="0.3">
      <c r="H4778" s="44">
        <v>4771</v>
      </c>
      <c r="I4778" s="56">
        <f>Bühler!I4804</f>
        <v>0.41841879178486024</v>
      </c>
      <c r="J4778" s="59">
        <f>Bühler!J4804</f>
        <v>1.3947293059495343</v>
      </c>
      <c r="K4778" s="59">
        <f>Bühler!K4804</f>
        <v>2.0920939589243011</v>
      </c>
      <c r="L4778" s="59">
        <f>Bühler!L4804</f>
        <v>10.042051002836645</v>
      </c>
      <c r="M4778" s="58">
        <f>Bühler!M4804</f>
        <v>0</v>
      </c>
      <c r="N4778" s="56">
        <f>IF(Input!$D$19=1,J4778*Input!$C$19,0)+IF(Input!$D$20=1,K4778*Input!$C$20,0)+IF(Input!$D$21=1,L4778*Input!$C$21,0)+IF(Input!$D$22=1,M4778*Input!$C$22,0)</f>
        <v>0.41841879178486024</v>
      </c>
      <c r="O4778" s="59">
        <f>IF(Input!$D$19=2,J4778*Input!$C$19,0)+IF(Input!$D$20=2,K4778*Input!$C$20,0)+IF(Input!$D$21=2,L4778*Input!$C$21,0)+IF(Input!$D$22=2,M4778*Input!$C$22,0)</f>
        <v>1.0460469794621505</v>
      </c>
      <c r="P4778" s="59">
        <f>IF(Input!$D$19=3,J4778*Input!$C$19,0)+IF(Input!$D$20=3,K4778*Input!$C$20,0)+IF(Input!$D$21=3,L4778*Input!$C$21,0)+IF(Input!$D$22=3,M4778*Input!$C$22,0)</f>
        <v>0</v>
      </c>
      <c r="Q4778" s="75">
        <f>IF(Input!$D$19=4,J4778*Input!$C$19,0)+IF(Input!$D$20=4,K4778*Input!$C$20,0)+IF(Input!$D$21=4,L4778*Input!$C$21,0)+IF(Input!$D$22=4,M4778*Input!$C$22,0)</f>
        <v>0</v>
      </c>
      <c r="R4778" s="58">
        <v>68.217792718936238</v>
      </c>
      <c r="S4778" s="124">
        <f t="shared" si="74"/>
        <v>1.8131480977343946</v>
      </c>
    </row>
    <row r="4779" spans="8:19" x14ac:dyDescent="0.3">
      <c r="H4779" s="44">
        <v>4772</v>
      </c>
      <c r="I4779" s="56">
        <f>Bühler!I4805</f>
        <v>0.34868232648738362</v>
      </c>
      <c r="J4779" s="59">
        <f>Bühler!J4805</f>
        <v>1.1622744216246121</v>
      </c>
      <c r="K4779" s="59">
        <f>Bühler!K4805</f>
        <v>1.743411632436918</v>
      </c>
      <c r="L4779" s="59">
        <f>Bühler!L4805</f>
        <v>8.368375835697206</v>
      </c>
      <c r="M4779" s="58">
        <f>Bühler!M4805</f>
        <v>0</v>
      </c>
      <c r="N4779" s="56">
        <f>IF(Input!$D$19=1,J4779*Input!$C$19,0)+IF(Input!$D$20=1,K4779*Input!$C$20,0)+IF(Input!$D$21=1,L4779*Input!$C$21,0)+IF(Input!$D$22=1,M4779*Input!$C$22,0)</f>
        <v>0.34868232648738362</v>
      </c>
      <c r="O4779" s="59">
        <f>IF(Input!$D$19=2,J4779*Input!$C$19,0)+IF(Input!$D$20=2,K4779*Input!$C$20,0)+IF(Input!$D$21=2,L4779*Input!$C$21,0)+IF(Input!$D$22=2,M4779*Input!$C$22,0)</f>
        <v>0.871705816218459</v>
      </c>
      <c r="P4779" s="59">
        <f>IF(Input!$D$19=3,J4779*Input!$C$19,0)+IF(Input!$D$20=3,K4779*Input!$C$20,0)+IF(Input!$D$21=3,L4779*Input!$C$21,0)+IF(Input!$D$22=3,M4779*Input!$C$22,0)</f>
        <v>0</v>
      </c>
      <c r="Q4779" s="75">
        <f>IF(Input!$D$19=4,J4779*Input!$C$19,0)+IF(Input!$D$20=4,K4779*Input!$C$20,0)+IF(Input!$D$21=4,L4779*Input!$C$21,0)+IF(Input!$D$22=4,M4779*Input!$C$22,0)</f>
        <v>0</v>
      </c>
      <c r="R4779" s="58">
        <v>67.355123789692499</v>
      </c>
      <c r="S4779" s="124">
        <f t="shared" si="74"/>
        <v>1.5109567481119957</v>
      </c>
    </row>
    <row r="4780" spans="8:19" x14ac:dyDescent="0.3">
      <c r="H4780" s="44">
        <v>4773</v>
      </c>
      <c r="I4780" s="56">
        <f>Bühler!I4806</f>
        <v>0.27894586118990683</v>
      </c>
      <c r="J4780" s="59">
        <f>Bühler!J4806</f>
        <v>0.92981953729968958</v>
      </c>
      <c r="K4780" s="59">
        <f>Bühler!K4806</f>
        <v>1.3947293059495343</v>
      </c>
      <c r="L4780" s="59">
        <f>Bühler!L4806</f>
        <v>6.6947006685577648</v>
      </c>
      <c r="M4780" s="58">
        <f>Bühler!M4806</f>
        <v>0</v>
      </c>
      <c r="N4780" s="56">
        <f>IF(Input!$D$19=1,J4780*Input!$C$19,0)+IF(Input!$D$20=1,K4780*Input!$C$20,0)+IF(Input!$D$21=1,L4780*Input!$C$21,0)+IF(Input!$D$22=1,M4780*Input!$C$22,0)</f>
        <v>0.27894586118990689</v>
      </c>
      <c r="O4780" s="59">
        <f>IF(Input!$D$19=2,J4780*Input!$C$19,0)+IF(Input!$D$20=2,K4780*Input!$C$20,0)+IF(Input!$D$21=2,L4780*Input!$C$21,0)+IF(Input!$D$22=2,M4780*Input!$C$22,0)</f>
        <v>0.69736465297476713</v>
      </c>
      <c r="P4780" s="59">
        <f>IF(Input!$D$19=3,J4780*Input!$C$19,0)+IF(Input!$D$20=3,K4780*Input!$C$20,0)+IF(Input!$D$21=3,L4780*Input!$C$21,0)+IF(Input!$D$22=3,M4780*Input!$C$22,0)</f>
        <v>0</v>
      </c>
      <c r="Q4780" s="75">
        <f>IF(Input!$D$19=4,J4780*Input!$C$19,0)+IF(Input!$D$20=4,K4780*Input!$C$20,0)+IF(Input!$D$21=4,L4780*Input!$C$21,0)+IF(Input!$D$22=4,M4780*Input!$C$22,0)</f>
        <v>0</v>
      </c>
      <c r="R4780" s="58">
        <v>65.74268892229928</v>
      </c>
      <c r="S4780" s="124">
        <f t="shared" si="74"/>
        <v>1.2087653984895965</v>
      </c>
    </row>
    <row r="4781" spans="8:19" x14ac:dyDescent="0.3">
      <c r="H4781" s="44">
        <v>4774</v>
      </c>
      <c r="I4781" s="56">
        <f>Bühler!I4807</f>
        <v>0.20920939589243012</v>
      </c>
      <c r="J4781" s="59">
        <f>Bühler!J4807</f>
        <v>0.69736465297476713</v>
      </c>
      <c r="K4781" s="59">
        <f>Bühler!K4807</f>
        <v>1.0460469794621505</v>
      </c>
      <c r="L4781" s="59">
        <f>Bühler!L4807</f>
        <v>5.0210255014183227</v>
      </c>
      <c r="M4781" s="58">
        <f>Bühler!M4807</f>
        <v>0</v>
      </c>
      <c r="N4781" s="56">
        <f>IF(Input!$D$19=1,J4781*Input!$C$19,0)+IF(Input!$D$20=1,K4781*Input!$C$20,0)+IF(Input!$D$21=1,L4781*Input!$C$21,0)+IF(Input!$D$22=1,M4781*Input!$C$22,0)</f>
        <v>0.20920939589243012</v>
      </c>
      <c r="O4781" s="59">
        <f>IF(Input!$D$19=2,J4781*Input!$C$19,0)+IF(Input!$D$20=2,K4781*Input!$C$20,0)+IF(Input!$D$21=2,L4781*Input!$C$21,0)+IF(Input!$D$22=2,M4781*Input!$C$22,0)</f>
        <v>0.52302348973107526</v>
      </c>
      <c r="P4781" s="59">
        <f>IF(Input!$D$19=3,J4781*Input!$C$19,0)+IF(Input!$D$20=3,K4781*Input!$C$20,0)+IF(Input!$D$21=3,L4781*Input!$C$21,0)+IF(Input!$D$22=3,M4781*Input!$C$22,0)</f>
        <v>0</v>
      </c>
      <c r="Q4781" s="75">
        <f>IF(Input!$D$19=4,J4781*Input!$C$19,0)+IF(Input!$D$20=4,K4781*Input!$C$20,0)+IF(Input!$D$21=4,L4781*Input!$C$21,0)+IF(Input!$D$22=4,M4781*Input!$C$22,0)</f>
        <v>0</v>
      </c>
      <c r="R4781" s="58">
        <v>63.337401179378496</v>
      </c>
      <c r="S4781" s="124">
        <f t="shared" si="74"/>
        <v>0.90657404886719728</v>
      </c>
    </row>
    <row r="4782" spans="8:19" x14ac:dyDescent="0.3">
      <c r="H4782" s="44">
        <v>4775</v>
      </c>
      <c r="I4782" s="56">
        <f>Bühler!I4808</f>
        <v>0.20920939589243012</v>
      </c>
      <c r="J4782" s="59">
        <f>Bühler!J4808</f>
        <v>0.69736465297476713</v>
      </c>
      <c r="K4782" s="59">
        <f>Bühler!K4808</f>
        <v>1.0460469794621505</v>
      </c>
      <c r="L4782" s="59">
        <f>Bühler!L4808</f>
        <v>5.0210255014183227</v>
      </c>
      <c r="M4782" s="58">
        <f>Bühler!M4808</f>
        <v>0</v>
      </c>
      <c r="N4782" s="56">
        <f>IF(Input!$D$19=1,J4782*Input!$C$19,0)+IF(Input!$D$20=1,K4782*Input!$C$20,0)+IF(Input!$D$21=1,L4782*Input!$C$21,0)+IF(Input!$D$22=1,M4782*Input!$C$22,0)</f>
        <v>0.20920939589243012</v>
      </c>
      <c r="O4782" s="59">
        <f>IF(Input!$D$19=2,J4782*Input!$C$19,0)+IF(Input!$D$20=2,K4782*Input!$C$20,0)+IF(Input!$D$21=2,L4782*Input!$C$21,0)+IF(Input!$D$22=2,M4782*Input!$C$22,0)</f>
        <v>0.52302348973107526</v>
      </c>
      <c r="P4782" s="59">
        <f>IF(Input!$D$19=3,J4782*Input!$C$19,0)+IF(Input!$D$20=3,K4782*Input!$C$20,0)+IF(Input!$D$21=3,L4782*Input!$C$21,0)+IF(Input!$D$22=3,M4782*Input!$C$22,0)</f>
        <v>0</v>
      </c>
      <c r="Q4782" s="75">
        <f>IF(Input!$D$19=4,J4782*Input!$C$19,0)+IF(Input!$D$20=4,K4782*Input!$C$20,0)+IF(Input!$D$21=4,L4782*Input!$C$21,0)+IF(Input!$D$22=4,M4782*Input!$C$22,0)</f>
        <v>0</v>
      </c>
      <c r="R4782" s="58">
        <v>62.71891577837642</v>
      </c>
      <c r="S4782" s="124">
        <f t="shared" si="74"/>
        <v>0.90657404886719728</v>
      </c>
    </row>
    <row r="4783" spans="8:19" x14ac:dyDescent="0.3">
      <c r="H4783" s="44">
        <v>4776</v>
      </c>
      <c r="I4783" s="56">
        <f>Bühler!I4809</f>
        <v>0.20920939589243012</v>
      </c>
      <c r="J4783" s="59">
        <f>Bühler!J4809</f>
        <v>0.69736465297476713</v>
      </c>
      <c r="K4783" s="59">
        <f>Bühler!K4809</f>
        <v>1.0460469794621505</v>
      </c>
      <c r="L4783" s="59">
        <f>Bühler!L4809</f>
        <v>5.0210255014183227</v>
      </c>
      <c r="M4783" s="58">
        <f>Bühler!M4809</f>
        <v>0</v>
      </c>
      <c r="N4783" s="56">
        <f>IF(Input!$D$19=1,J4783*Input!$C$19,0)+IF(Input!$D$20=1,K4783*Input!$C$20,0)+IF(Input!$D$21=1,L4783*Input!$C$21,0)+IF(Input!$D$22=1,M4783*Input!$C$22,0)</f>
        <v>0.20920939589243012</v>
      </c>
      <c r="O4783" s="59">
        <f>IF(Input!$D$19=2,J4783*Input!$C$19,0)+IF(Input!$D$20=2,K4783*Input!$C$20,0)+IF(Input!$D$21=2,L4783*Input!$C$21,0)+IF(Input!$D$22=2,M4783*Input!$C$22,0)</f>
        <v>0.52302348973107526</v>
      </c>
      <c r="P4783" s="59">
        <f>IF(Input!$D$19=3,J4783*Input!$C$19,0)+IF(Input!$D$20=3,K4783*Input!$C$20,0)+IF(Input!$D$21=3,L4783*Input!$C$21,0)+IF(Input!$D$22=3,M4783*Input!$C$22,0)</f>
        <v>0</v>
      </c>
      <c r="Q4783" s="75">
        <f>IF(Input!$D$19=4,J4783*Input!$C$19,0)+IF(Input!$D$20=4,K4783*Input!$C$20,0)+IF(Input!$D$21=4,L4783*Input!$C$21,0)+IF(Input!$D$22=4,M4783*Input!$C$22,0)</f>
        <v>0</v>
      </c>
      <c r="R4783" s="58">
        <v>62.250243840633765</v>
      </c>
      <c r="S4783" s="124">
        <f t="shared" si="74"/>
        <v>0.90657404886719728</v>
      </c>
    </row>
    <row r="4784" spans="8:19" x14ac:dyDescent="0.3">
      <c r="H4784" s="44">
        <v>4777</v>
      </c>
      <c r="I4784" s="56">
        <f>Bühler!I4810</f>
        <v>0.21011211968867496</v>
      </c>
      <c r="J4784" s="59">
        <f>Bühler!J4810</f>
        <v>0.70037373229558331</v>
      </c>
      <c r="K4784" s="59">
        <f>Bühler!K4810</f>
        <v>1.0505605984433748</v>
      </c>
      <c r="L4784" s="59">
        <f>Bühler!L4810</f>
        <v>5.0426908725281994</v>
      </c>
      <c r="M4784" s="58">
        <f>Bühler!M4810</f>
        <v>0</v>
      </c>
      <c r="N4784" s="56">
        <f>IF(Input!$D$19=1,J4784*Input!$C$19,0)+IF(Input!$D$20=1,K4784*Input!$C$20,0)+IF(Input!$D$21=1,L4784*Input!$C$21,0)+IF(Input!$D$22=1,M4784*Input!$C$22,0)</f>
        <v>0.21011211968867499</v>
      </c>
      <c r="O4784" s="59">
        <f>IF(Input!$D$19=2,J4784*Input!$C$19,0)+IF(Input!$D$20=2,K4784*Input!$C$20,0)+IF(Input!$D$21=2,L4784*Input!$C$21,0)+IF(Input!$D$22=2,M4784*Input!$C$22,0)</f>
        <v>0.5252802992216874</v>
      </c>
      <c r="P4784" s="59">
        <f>IF(Input!$D$19=3,J4784*Input!$C$19,0)+IF(Input!$D$20=3,K4784*Input!$C$20,0)+IF(Input!$D$21=3,L4784*Input!$C$21,0)+IF(Input!$D$22=3,M4784*Input!$C$22,0)</f>
        <v>0</v>
      </c>
      <c r="Q4784" s="75">
        <f>IF(Input!$D$19=4,J4784*Input!$C$19,0)+IF(Input!$D$20=4,K4784*Input!$C$20,0)+IF(Input!$D$21=4,L4784*Input!$C$21,0)+IF(Input!$D$22=4,M4784*Input!$C$22,0)</f>
        <v>0</v>
      </c>
      <c r="R4784" s="58">
        <v>61.014824877843481</v>
      </c>
      <c r="S4784" s="124">
        <f t="shared" si="74"/>
        <v>0.91048585198425824</v>
      </c>
    </row>
    <row r="4785" spans="8:19" x14ac:dyDescent="0.3">
      <c r="H4785" s="44">
        <v>4778</v>
      </c>
      <c r="I4785" s="56">
        <f>Bühler!I4811</f>
        <v>0.21011211968867496</v>
      </c>
      <c r="J4785" s="59">
        <f>Bühler!J4811</f>
        <v>0.70037373229558331</v>
      </c>
      <c r="K4785" s="59">
        <f>Bühler!K4811</f>
        <v>1.0505605984433748</v>
      </c>
      <c r="L4785" s="59">
        <f>Bühler!L4811</f>
        <v>5.0426908725281994</v>
      </c>
      <c r="M4785" s="58">
        <f>Bühler!M4811</f>
        <v>0</v>
      </c>
      <c r="N4785" s="56">
        <f>IF(Input!$D$19=1,J4785*Input!$C$19,0)+IF(Input!$D$20=1,K4785*Input!$C$20,0)+IF(Input!$D$21=1,L4785*Input!$C$21,0)+IF(Input!$D$22=1,M4785*Input!$C$22,0)</f>
        <v>0.21011211968867499</v>
      </c>
      <c r="O4785" s="59">
        <f>IF(Input!$D$19=2,J4785*Input!$C$19,0)+IF(Input!$D$20=2,K4785*Input!$C$20,0)+IF(Input!$D$21=2,L4785*Input!$C$21,0)+IF(Input!$D$22=2,M4785*Input!$C$22,0)</f>
        <v>0.5252802992216874</v>
      </c>
      <c r="P4785" s="59">
        <f>IF(Input!$D$19=3,J4785*Input!$C$19,0)+IF(Input!$D$20=3,K4785*Input!$C$20,0)+IF(Input!$D$21=3,L4785*Input!$C$21,0)+IF(Input!$D$22=3,M4785*Input!$C$22,0)</f>
        <v>0</v>
      </c>
      <c r="Q4785" s="75">
        <f>IF(Input!$D$19=4,J4785*Input!$C$19,0)+IF(Input!$D$20=4,K4785*Input!$C$20,0)+IF(Input!$D$21=4,L4785*Input!$C$21,0)+IF(Input!$D$22=4,M4785*Input!$C$22,0)</f>
        <v>0</v>
      </c>
      <c r="R4785" s="58">
        <v>60.273896048145438</v>
      </c>
      <c r="S4785" s="124">
        <f t="shared" si="74"/>
        <v>0.91048585198425824</v>
      </c>
    </row>
    <row r="4786" spans="8:19" x14ac:dyDescent="0.3">
      <c r="H4786" s="44">
        <v>4779</v>
      </c>
      <c r="I4786" s="56">
        <f>Bühler!I4812</f>
        <v>0.21011211968867496</v>
      </c>
      <c r="J4786" s="59">
        <f>Bühler!J4812</f>
        <v>0.70037373229558331</v>
      </c>
      <c r="K4786" s="59">
        <f>Bühler!K4812</f>
        <v>1.0505605984433748</v>
      </c>
      <c r="L4786" s="59">
        <f>Bühler!L4812</f>
        <v>5.0426908725281994</v>
      </c>
      <c r="M4786" s="58">
        <f>Bühler!M4812</f>
        <v>0</v>
      </c>
      <c r="N4786" s="56">
        <f>IF(Input!$D$19=1,J4786*Input!$C$19,0)+IF(Input!$D$20=1,K4786*Input!$C$20,0)+IF(Input!$D$21=1,L4786*Input!$C$21,0)+IF(Input!$D$22=1,M4786*Input!$C$22,0)</f>
        <v>0.21011211968867499</v>
      </c>
      <c r="O4786" s="59">
        <f>IF(Input!$D$19=2,J4786*Input!$C$19,0)+IF(Input!$D$20=2,K4786*Input!$C$20,0)+IF(Input!$D$21=2,L4786*Input!$C$21,0)+IF(Input!$D$22=2,M4786*Input!$C$22,0)</f>
        <v>0.5252802992216874</v>
      </c>
      <c r="P4786" s="59">
        <f>IF(Input!$D$19=3,J4786*Input!$C$19,0)+IF(Input!$D$20=3,K4786*Input!$C$20,0)+IF(Input!$D$21=3,L4786*Input!$C$21,0)+IF(Input!$D$22=3,M4786*Input!$C$22,0)</f>
        <v>0</v>
      </c>
      <c r="Q4786" s="75">
        <f>IF(Input!$D$19=4,J4786*Input!$C$19,0)+IF(Input!$D$20=4,K4786*Input!$C$20,0)+IF(Input!$D$21=4,L4786*Input!$C$21,0)+IF(Input!$D$22=4,M4786*Input!$C$22,0)</f>
        <v>0</v>
      </c>
      <c r="R4786" s="58">
        <v>60.333764836037233</v>
      </c>
      <c r="S4786" s="124">
        <f t="shared" si="74"/>
        <v>0.91048585198425824</v>
      </c>
    </row>
    <row r="4787" spans="8:19" x14ac:dyDescent="0.3">
      <c r="H4787" s="44">
        <v>4780</v>
      </c>
      <c r="I4787" s="56">
        <f>Bühler!I4813</f>
        <v>0.21011211968867496</v>
      </c>
      <c r="J4787" s="59">
        <f>Bühler!J4813</f>
        <v>0.70037373229558331</v>
      </c>
      <c r="K4787" s="59">
        <f>Bühler!K4813</f>
        <v>1.0505605984433748</v>
      </c>
      <c r="L4787" s="59">
        <f>Bühler!L4813</f>
        <v>5.0426908725281994</v>
      </c>
      <c r="M4787" s="58">
        <f>Bühler!M4813</f>
        <v>0</v>
      </c>
      <c r="N4787" s="56">
        <f>IF(Input!$D$19=1,J4787*Input!$C$19,0)+IF(Input!$D$20=1,K4787*Input!$C$20,0)+IF(Input!$D$21=1,L4787*Input!$C$21,0)+IF(Input!$D$22=1,M4787*Input!$C$22,0)</f>
        <v>0.21011211968867499</v>
      </c>
      <c r="O4787" s="59">
        <f>IF(Input!$D$19=2,J4787*Input!$C$19,0)+IF(Input!$D$20=2,K4787*Input!$C$20,0)+IF(Input!$D$21=2,L4787*Input!$C$21,0)+IF(Input!$D$22=2,M4787*Input!$C$22,0)</f>
        <v>0.5252802992216874</v>
      </c>
      <c r="P4787" s="59">
        <f>IF(Input!$D$19=3,J4787*Input!$C$19,0)+IF(Input!$D$20=3,K4787*Input!$C$20,0)+IF(Input!$D$21=3,L4787*Input!$C$21,0)+IF(Input!$D$22=3,M4787*Input!$C$22,0)</f>
        <v>0</v>
      </c>
      <c r="Q4787" s="75">
        <f>IF(Input!$D$19=4,J4787*Input!$C$19,0)+IF(Input!$D$20=4,K4787*Input!$C$20,0)+IF(Input!$D$21=4,L4787*Input!$C$21,0)+IF(Input!$D$22=4,M4787*Input!$C$22,0)</f>
        <v>0</v>
      </c>
      <c r="R4787" s="58">
        <v>61.273205538152929</v>
      </c>
      <c r="S4787" s="124">
        <f t="shared" si="74"/>
        <v>0.91048585198425824</v>
      </c>
    </row>
    <row r="4788" spans="8:19" x14ac:dyDescent="0.3">
      <c r="H4788" s="44">
        <v>4781</v>
      </c>
      <c r="I4788" s="56">
        <f>Bühler!I4814</f>
        <v>0.21011211968867496</v>
      </c>
      <c r="J4788" s="59">
        <f>Bühler!J4814</f>
        <v>0.70037373229558331</v>
      </c>
      <c r="K4788" s="59">
        <f>Bühler!K4814</f>
        <v>1.0505605984433748</v>
      </c>
      <c r="L4788" s="59">
        <f>Bühler!L4814</f>
        <v>5.0426908725281994</v>
      </c>
      <c r="M4788" s="58">
        <f>Bühler!M4814</f>
        <v>0</v>
      </c>
      <c r="N4788" s="56">
        <f>IF(Input!$D$19=1,J4788*Input!$C$19,0)+IF(Input!$D$20=1,K4788*Input!$C$20,0)+IF(Input!$D$21=1,L4788*Input!$C$21,0)+IF(Input!$D$22=1,M4788*Input!$C$22,0)</f>
        <v>0.21011211968867499</v>
      </c>
      <c r="O4788" s="59">
        <f>IF(Input!$D$19=2,J4788*Input!$C$19,0)+IF(Input!$D$20=2,K4788*Input!$C$20,0)+IF(Input!$D$21=2,L4788*Input!$C$21,0)+IF(Input!$D$22=2,M4788*Input!$C$22,0)</f>
        <v>0.5252802992216874</v>
      </c>
      <c r="P4788" s="59">
        <f>IF(Input!$D$19=3,J4788*Input!$C$19,0)+IF(Input!$D$20=3,K4788*Input!$C$20,0)+IF(Input!$D$21=3,L4788*Input!$C$21,0)+IF(Input!$D$22=3,M4788*Input!$C$22,0)</f>
        <v>0</v>
      </c>
      <c r="Q4788" s="75">
        <f>IF(Input!$D$19=4,J4788*Input!$C$19,0)+IF(Input!$D$20=4,K4788*Input!$C$20,0)+IF(Input!$D$21=4,L4788*Input!$C$21,0)+IF(Input!$D$22=4,M4788*Input!$C$22,0)</f>
        <v>0</v>
      </c>
      <c r="R4788" s="58">
        <v>62.861325132739537</v>
      </c>
      <c r="S4788" s="124">
        <f t="shared" si="74"/>
        <v>0.91048585198425824</v>
      </c>
    </row>
    <row r="4789" spans="8:19" x14ac:dyDescent="0.3">
      <c r="H4789" s="44">
        <v>4782</v>
      </c>
      <c r="I4789" s="56">
        <f>Bühler!I4815</f>
        <v>0.27081117648762554</v>
      </c>
      <c r="J4789" s="59">
        <f>Bühler!J4815</f>
        <v>0.90270392162541846</v>
      </c>
      <c r="K4789" s="59">
        <f>Bühler!K4815</f>
        <v>1.3540558824381277</v>
      </c>
      <c r="L4789" s="59">
        <f>Bühler!L4815</f>
        <v>6.4994682357030129</v>
      </c>
      <c r="M4789" s="58">
        <f>Bühler!M4815</f>
        <v>0</v>
      </c>
      <c r="N4789" s="56">
        <f>IF(Input!$D$19=1,J4789*Input!$C$19,0)+IF(Input!$D$20=1,K4789*Input!$C$20,0)+IF(Input!$D$21=1,L4789*Input!$C$21,0)+IF(Input!$D$22=1,M4789*Input!$C$22,0)</f>
        <v>0.27081117648762554</v>
      </c>
      <c r="O4789" s="59">
        <f>IF(Input!$D$19=2,J4789*Input!$C$19,0)+IF(Input!$D$20=2,K4789*Input!$C$20,0)+IF(Input!$D$21=2,L4789*Input!$C$21,0)+IF(Input!$D$22=2,M4789*Input!$C$22,0)</f>
        <v>0.67702794121906384</v>
      </c>
      <c r="P4789" s="59">
        <f>IF(Input!$D$19=3,J4789*Input!$C$19,0)+IF(Input!$D$20=3,K4789*Input!$C$20,0)+IF(Input!$D$21=3,L4789*Input!$C$21,0)+IF(Input!$D$22=3,M4789*Input!$C$22,0)</f>
        <v>0</v>
      </c>
      <c r="Q4789" s="75">
        <f>IF(Input!$D$19=4,J4789*Input!$C$19,0)+IF(Input!$D$20=4,K4789*Input!$C$20,0)+IF(Input!$D$21=4,L4789*Input!$C$21,0)+IF(Input!$D$22=4,M4789*Input!$C$22,0)</f>
        <v>0</v>
      </c>
      <c r="R4789" s="58">
        <v>65.717756463894304</v>
      </c>
      <c r="S4789" s="124">
        <f t="shared" si="74"/>
        <v>1.173515098113044</v>
      </c>
    </row>
    <row r="4790" spans="8:19" x14ac:dyDescent="0.3">
      <c r="H4790" s="44">
        <v>4783</v>
      </c>
      <c r="I4790" s="56">
        <f>Bühler!I4816</f>
        <v>0.31283360042536057</v>
      </c>
      <c r="J4790" s="59">
        <f>Bühler!J4816</f>
        <v>1.0427786680845352</v>
      </c>
      <c r="K4790" s="59">
        <f>Bühler!K4816</f>
        <v>1.564168002126803</v>
      </c>
      <c r="L4790" s="59">
        <f>Bühler!L4816</f>
        <v>7.5080064102086537</v>
      </c>
      <c r="M4790" s="58">
        <f>Bühler!M4816</f>
        <v>0</v>
      </c>
      <c r="N4790" s="56">
        <f>IF(Input!$D$19=1,J4790*Input!$C$19,0)+IF(Input!$D$20=1,K4790*Input!$C$20,0)+IF(Input!$D$21=1,L4790*Input!$C$21,0)+IF(Input!$D$22=1,M4790*Input!$C$22,0)</f>
        <v>0.31283360042536057</v>
      </c>
      <c r="O4790" s="59">
        <f>IF(Input!$D$19=2,J4790*Input!$C$19,0)+IF(Input!$D$20=2,K4790*Input!$C$20,0)+IF(Input!$D$21=2,L4790*Input!$C$21,0)+IF(Input!$D$22=2,M4790*Input!$C$22,0)</f>
        <v>0.78208400106340148</v>
      </c>
      <c r="P4790" s="59">
        <f>IF(Input!$D$19=3,J4790*Input!$C$19,0)+IF(Input!$D$20=3,K4790*Input!$C$20,0)+IF(Input!$D$21=3,L4790*Input!$C$21,0)+IF(Input!$D$22=3,M4790*Input!$C$22,0)</f>
        <v>0</v>
      </c>
      <c r="Q4790" s="75">
        <f>IF(Input!$D$19=4,J4790*Input!$C$19,0)+IF(Input!$D$20=4,K4790*Input!$C$20,0)+IF(Input!$D$21=4,L4790*Input!$C$21,0)+IF(Input!$D$22=4,M4790*Input!$C$22,0)</f>
        <v>0</v>
      </c>
      <c r="R4790" s="58">
        <v>68.6228394058205</v>
      </c>
      <c r="S4790" s="124">
        <f t="shared" si="74"/>
        <v>1.3556122685098959</v>
      </c>
    </row>
    <row r="4791" spans="8:19" x14ac:dyDescent="0.3">
      <c r="H4791" s="44">
        <v>4784</v>
      </c>
      <c r="I4791" s="56">
        <f>Bühler!I4817</f>
        <v>0.31283360042536057</v>
      </c>
      <c r="J4791" s="59">
        <f>Bühler!J4817</f>
        <v>1.0427786680845352</v>
      </c>
      <c r="K4791" s="59">
        <f>Bühler!K4817</f>
        <v>1.564168002126803</v>
      </c>
      <c r="L4791" s="59">
        <f>Bühler!L4817</f>
        <v>7.5080064102086537</v>
      </c>
      <c r="M4791" s="58">
        <f>Bühler!M4817</f>
        <v>0</v>
      </c>
      <c r="N4791" s="56">
        <f>IF(Input!$D$19=1,J4791*Input!$C$19,0)+IF(Input!$D$20=1,K4791*Input!$C$20,0)+IF(Input!$D$21=1,L4791*Input!$C$21,0)+IF(Input!$D$22=1,M4791*Input!$C$22,0)</f>
        <v>0.31283360042536057</v>
      </c>
      <c r="O4791" s="59">
        <f>IF(Input!$D$19=2,J4791*Input!$C$19,0)+IF(Input!$D$20=2,K4791*Input!$C$20,0)+IF(Input!$D$21=2,L4791*Input!$C$21,0)+IF(Input!$D$22=2,M4791*Input!$C$22,0)</f>
        <v>0.78208400106340148</v>
      </c>
      <c r="P4791" s="59">
        <f>IF(Input!$D$19=3,J4791*Input!$C$19,0)+IF(Input!$D$20=3,K4791*Input!$C$20,0)+IF(Input!$D$21=3,L4791*Input!$C$21,0)+IF(Input!$D$22=3,M4791*Input!$C$22,0)</f>
        <v>0</v>
      </c>
      <c r="Q4791" s="75">
        <f>IF(Input!$D$19=4,J4791*Input!$C$19,0)+IF(Input!$D$20=4,K4791*Input!$C$20,0)+IF(Input!$D$21=4,L4791*Input!$C$21,0)+IF(Input!$D$22=4,M4791*Input!$C$22,0)</f>
        <v>0</v>
      </c>
      <c r="R4791" s="58">
        <v>70.198844788827088</v>
      </c>
      <c r="S4791" s="124">
        <f t="shared" si="74"/>
        <v>1.3556122685098959</v>
      </c>
    </row>
    <row r="4792" spans="8:19" x14ac:dyDescent="0.3">
      <c r="H4792" s="44">
        <v>4785</v>
      </c>
      <c r="I4792" s="56">
        <f>Bühler!I4818</f>
        <v>0.31283360042536057</v>
      </c>
      <c r="J4792" s="59">
        <f>Bühler!J4818</f>
        <v>1.0427786680845352</v>
      </c>
      <c r="K4792" s="59">
        <f>Bühler!K4818</f>
        <v>1.564168002126803</v>
      </c>
      <c r="L4792" s="59">
        <f>Bühler!L4818</f>
        <v>7.5080064102086537</v>
      </c>
      <c r="M4792" s="58">
        <f>Bühler!M4818</f>
        <v>0</v>
      </c>
      <c r="N4792" s="56">
        <f>IF(Input!$D$19=1,J4792*Input!$C$19,0)+IF(Input!$D$20=1,K4792*Input!$C$20,0)+IF(Input!$D$21=1,L4792*Input!$C$21,0)+IF(Input!$D$22=1,M4792*Input!$C$22,0)</f>
        <v>0.31283360042536057</v>
      </c>
      <c r="O4792" s="59">
        <f>IF(Input!$D$19=2,J4792*Input!$C$19,0)+IF(Input!$D$20=2,K4792*Input!$C$20,0)+IF(Input!$D$21=2,L4792*Input!$C$21,0)+IF(Input!$D$22=2,M4792*Input!$C$22,0)</f>
        <v>0.78208400106340148</v>
      </c>
      <c r="P4792" s="59">
        <f>IF(Input!$D$19=3,J4792*Input!$C$19,0)+IF(Input!$D$20=3,K4792*Input!$C$20,0)+IF(Input!$D$21=3,L4792*Input!$C$21,0)+IF(Input!$D$22=3,M4792*Input!$C$22,0)</f>
        <v>0</v>
      </c>
      <c r="Q4792" s="75">
        <f>IF(Input!$D$19=4,J4792*Input!$C$19,0)+IF(Input!$D$20=4,K4792*Input!$C$20,0)+IF(Input!$D$21=4,L4792*Input!$C$21,0)+IF(Input!$D$22=4,M4792*Input!$C$22,0)</f>
        <v>0</v>
      </c>
      <c r="R4792" s="58">
        <v>71.671141318124327</v>
      </c>
      <c r="S4792" s="124">
        <f t="shared" si="74"/>
        <v>1.3556122685098959</v>
      </c>
    </row>
    <row r="4793" spans="8:19" x14ac:dyDescent="0.3">
      <c r="H4793" s="44">
        <v>4786</v>
      </c>
      <c r="I4793" s="56">
        <f>Bühler!I4819</f>
        <v>0.33617939150187998</v>
      </c>
      <c r="J4793" s="59">
        <f>Bühler!J4819</f>
        <v>1.1205979716729333</v>
      </c>
      <c r="K4793" s="59">
        <f>Bühler!K4819</f>
        <v>1.6808969575093999</v>
      </c>
      <c r="L4793" s="59">
        <f>Bühler!L4819</f>
        <v>8.068305396045119</v>
      </c>
      <c r="M4793" s="58">
        <f>Bühler!M4819</f>
        <v>0</v>
      </c>
      <c r="N4793" s="56">
        <f>IF(Input!$D$19=1,J4793*Input!$C$19,0)+IF(Input!$D$20=1,K4793*Input!$C$20,0)+IF(Input!$D$21=1,L4793*Input!$C$21,0)+IF(Input!$D$22=1,M4793*Input!$C$22,0)</f>
        <v>0.33617939150187998</v>
      </c>
      <c r="O4793" s="59">
        <f>IF(Input!$D$19=2,J4793*Input!$C$19,0)+IF(Input!$D$20=2,K4793*Input!$C$20,0)+IF(Input!$D$21=2,L4793*Input!$C$21,0)+IF(Input!$D$22=2,M4793*Input!$C$22,0)</f>
        <v>0.84044847875469997</v>
      </c>
      <c r="P4793" s="59">
        <f>IF(Input!$D$19=3,J4793*Input!$C$19,0)+IF(Input!$D$20=3,K4793*Input!$C$20,0)+IF(Input!$D$21=3,L4793*Input!$C$21,0)+IF(Input!$D$22=3,M4793*Input!$C$22,0)</f>
        <v>0</v>
      </c>
      <c r="Q4793" s="75">
        <f>IF(Input!$D$19=4,J4793*Input!$C$19,0)+IF(Input!$D$20=4,K4793*Input!$C$20,0)+IF(Input!$D$21=4,L4793*Input!$C$21,0)+IF(Input!$D$22=4,M4793*Input!$C$22,0)</f>
        <v>0</v>
      </c>
      <c r="R4793" s="58">
        <v>72.805941434855271</v>
      </c>
      <c r="S4793" s="124">
        <f t="shared" si="74"/>
        <v>1.4567773631748133</v>
      </c>
    </row>
    <row r="4794" spans="8:19" x14ac:dyDescent="0.3">
      <c r="H4794" s="44">
        <v>4787</v>
      </c>
      <c r="I4794" s="56">
        <f>Bühler!I4820</f>
        <v>0.36419434079370328</v>
      </c>
      <c r="J4794" s="59">
        <f>Bühler!J4820</f>
        <v>1.2139811359790111</v>
      </c>
      <c r="K4794" s="59">
        <f>Bühler!K4820</f>
        <v>1.8209717039685165</v>
      </c>
      <c r="L4794" s="59">
        <f>Bühler!L4820</f>
        <v>8.7406641790488795</v>
      </c>
      <c r="M4794" s="58">
        <f>Bühler!M4820</f>
        <v>0</v>
      </c>
      <c r="N4794" s="56">
        <f>IF(Input!$D$19=1,J4794*Input!$C$19,0)+IF(Input!$D$20=1,K4794*Input!$C$20,0)+IF(Input!$D$21=1,L4794*Input!$C$21,0)+IF(Input!$D$22=1,M4794*Input!$C$22,0)</f>
        <v>0.36419434079370333</v>
      </c>
      <c r="O4794" s="59">
        <f>IF(Input!$D$19=2,J4794*Input!$C$19,0)+IF(Input!$D$20=2,K4794*Input!$C$20,0)+IF(Input!$D$21=2,L4794*Input!$C$21,0)+IF(Input!$D$22=2,M4794*Input!$C$22,0)</f>
        <v>0.91048585198425824</v>
      </c>
      <c r="P4794" s="59">
        <f>IF(Input!$D$19=3,J4794*Input!$C$19,0)+IF(Input!$D$20=3,K4794*Input!$C$20,0)+IF(Input!$D$21=3,L4794*Input!$C$21,0)+IF(Input!$D$22=3,M4794*Input!$C$22,0)</f>
        <v>0</v>
      </c>
      <c r="Q4794" s="75">
        <f>IF(Input!$D$19=4,J4794*Input!$C$19,0)+IF(Input!$D$20=4,K4794*Input!$C$20,0)+IF(Input!$D$21=4,L4794*Input!$C$21,0)+IF(Input!$D$22=4,M4794*Input!$C$22,0)</f>
        <v>0</v>
      </c>
      <c r="R4794" s="58">
        <v>73.754888074001713</v>
      </c>
      <c r="S4794" s="124">
        <f t="shared" si="74"/>
        <v>1.5781754767727145</v>
      </c>
    </row>
    <row r="4795" spans="8:19" x14ac:dyDescent="0.3">
      <c r="H4795" s="44">
        <v>4788</v>
      </c>
      <c r="I4795" s="56">
        <f>Bühler!I4821</f>
        <v>0.42022423937734993</v>
      </c>
      <c r="J4795" s="59">
        <f>Bühler!J4821</f>
        <v>1.4007474645911666</v>
      </c>
      <c r="K4795" s="59">
        <f>Bühler!K4821</f>
        <v>2.1011211968867496</v>
      </c>
      <c r="L4795" s="59">
        <f>Bühler!L4821</f>
        <v>10.085381745056399</v>
      </c>
      <c r="M4795" s="58">
        <f>Bühler!M4821</f>
        <v>0</v>
      </c>
      <c r="N4795" s="56">
        <f>IF(Input!$D$19=1,J4795*Input!$C$19,0)+IF(Input!$D$20=1,K4795*Input!$C$20,0)+IF(Input!$D$21=1,L4795*Input!$C$21,0)+IF(Input!$D$22=1,M4795*Input!$C$22,0)</f>
        <v>0.42022423937734998</v>
      </c>
      <c r="O4795" s="59">
        <f>IF(Input!$D$19=2,J4795*Input!$C$19,0)+IF(Input!$D$20=2,K4795*Input!$C$20,0)+IF(Input!$D$21=2,L4795*Input!$C$21,0)+IF(Input!$D$22=2,M4795*Input!$C$22,0)</f>
        <v>1.0505605984433748</v>
      </c>
      <c r="P4795" s="59">
        <f>IF(Input!$D$19=3,J4795*Input!$C$19,0)+IF(Input!$D$20=3,K4795*Input!$C$20,0)+IF(Input!$D$21=3,L4795*Input!$C$21,0)+IF(Input!$D$22=3,M4795*Input!$C$22,0)</f>
        <v>0</v>
      </c>
      <c r="Q4795" s="75">
        <f>IF(Input!$D$19=4,J4795*Input!$C$19,0)+IF(Input!$D$20=4,K4795*Input!$C$20,0)+IF(Input!$D$21=4,L4795*Input!$C$21,0)+IF(Input!$D$22=4,M4795*Input!$C$22,0)</f>
        <v>0</v>
      </c>
      <c r="R4795" s="58">
        <v>74.764800752571063</v>
      </c>
      <c r="S4795" s="124">
        <f t="shared" si="74"/>
        <v>1.8209717039685165</v>
      </c>
    </row>
    <row r="4796" spans="8:19" x14ac:dyDescent="0.3">
      <c r="H4796" s="44">
        <v>4789</v>
      </c>
      <c r="I4796" s="56">
        <f>Bühler!I4822</f>
        <v>0.42022423937734993</v>
      </c>
      <c r="J4796" s="59">
        <f>Bühler!J4822</f>
        <v>1.4007474645911666</v>
      </c>
      <c r="K4796" s="59">
        <f>Bühler!K4822</f>
        <v>2.1011211968867496</v>
      </c>
      <c r="L4796" s="59">
        <f>Bühler!L4822</f>
        <v>10.085381745056399</v>
      </c>
      <c r="M4796" s="58">
        <f>Bühler!M4822</f>
        <v>0</v>
      </c>
      <c r="N4796" s="56">
        <f>IF(Input!$D$19=1,J4796*Input!$C$19,0)+IF(Input!$D$20=1,K4796*Input!$C$20,0)+IF(Input!$D$21=1,L4796*Input!$C$21,0)+IF(Input!$D$22=1,M4796*Input!$C$22,0)</f>
        <v>0.42022423937734998</v>
      </c>
      <c r="O4796" s="59">
        <f>IF(Input!$D$19=2,J4796*Input!$C$19,0)+IF(Input!$D$20=2,K4796*Input!$C$20,0)+IF(Input!$D$21=2,L4796*Input!$C$21,0)+IF(Input!$D$22=2,M4796*Input!$C$22,0)</f>
        <v>1.0505605984433748</v>
      </c>
      <c r="P4796" s="59">
        <f>IF(Input!$D$19=3,J4796*Input!$C$19,0)+IF(Input!$D$20=3,K4796*Input!$C$20,0)+IF(Input!$D$21=3,L4796*Input!$C$21,0)+IF(Input!$D$22=3,M4796*Input!$C$22,0)</f>
        <v>0</v>
      </c>
      <c r="Q4796" s="75">
        <f>IF(Input!$D$19=4,J4796*Input!$C$19,0)+IF(Input!$D$20=4,K4796*Input!$C$20,0)+IF(Input!$D$21=4,L4796*Input!$C$21,0)+IF(Input!$D$22=4,M4796*Input!$C$22,0)</f>
        <v>0</v>
      </c>
      <c r="R4796" s="58">
        <v>73.928435909890837</v>
      </c>
      <c r="S4796" s="124">
        <f t="shared" si="74"/>
        <v>1.8209717039685165</v>
      </c>
    </row>
    <row r="4797" spans="8:19" x14ac:dyDescent="0.3">
      <c r="H4797" s="44">
        <v>4790</v>
      </c>
      <c r="I4797" s="56">
        <f>Bühler!I4823</f>
        <v>0.42022423937734993</v>
      </c>
      <c r="J4797" s="59">
        <f>Bühler!J4823</f>
        <v>1.4007474645911666</v>
      </c>
      <c r="K4797" s="59">
        <f>Bühler!K4823</f>
        <v>2.1011211968867496</v>
      </c>
      <c r="L4797" s="59">
        <f>Bühler!L4823</f>
        <v>10.085381745056399</v>
      </c>
      <c r="M4797" s="58">
        <f>Bühler!M4823</f>
        <v>0</v>
      </c>
      <c r="N4797" s="56">
        <f>IF(Input!$D$19=1,J4797*Input!$C$19,0)+IF(Input!$D$20=1,K4797*Input!$C$20,0)+IF(Input!$D$21=1,L4797*Input!$C$21,0)+IF(Input!$D$22=1,M4797*Input!$C$22,0)</f>
        <v>0.42022423937734998</v>
      </c>
      <c r="O4797" s="59">
        <f>IF(Input!$D$19=2,J4797*Input!$C$19,0)+IF(Input!$D$20=2,K4797*Input!$C$20,0)+IF(Input!$D$21=2,L4797*Input!$C$21,0)+IF(Input!$D$22=2,M4797*Input!$C$22,0)</f>
        <v>1.0505605984433748</v>
      </c>
      <c r="P4797" s="59">
        <f>IF(Input!$D$19=3,J4797*Input!$C$19,0)+IF(Input!$D$20=3,K4797*Input!$C$20,0)+IF(Input!$D$21=3,L4797*Input!$C$21,0)+IF(Input!$D$22=3,M4797*Input!$C$22,0)</f>
        <v>0</v>
      </c>
      <c r="Q4797" s="75">
        <f>IF(Input!$D$19=4,J4797*Input!$C$19,0)+IF(Input!$D$20=4,K4797*Input!$C$20,0)+IF(Input!$D$21=4,L4797*Input!$C$21,0)+IF(Input!$D$22=4,M4797*Input!$C$22,0)</f>
        <v>0</v>
      </c>
      <c r="R4797" s="58">
        <v>73.867105368699114</v>
      </c>
      <c r="S4797" s="124">
        <f t="shared" si="74"/>
        <v>1.8209717039685165</v>
      </c>
    </row>
    <row r="4798" spans="8:19" x14ac:dyDescent="0.3">
      <c r="H4798" s="44">
        <v>4791</v>
      </c>
      <c r="I4798" s="56">
        <f>Bühler!I4824</f>
        <v>0.42022423937734993</v>
      </c>
      <c r="J4798" s="59">
        <f>Bühler!J4824</f>
        <v>1.4007474645911666</v>
      </c>
      <c r="K4798" s="59">
        <f>Bühler!K4824</f>
        <v>2.1011211968867496</v>
      </c>
      <c r="L4798" s="59">
        <f>Bühler!L4824</f>
        <v>10.085381745056399</v>
      </c>
      <c r="M4798" s="58">
        <f>Bühler!M4824</f>
        <v>0</v>
      </c>
      <c r="N4798" s="56">
        <f>IF(Input!$D$19=1,J4798*Input!$C$19,0)+IF(Input!$D$20=1,K4798*Input!$C$20,0)+IF(Input!$D$21=1,L4798*Input!$C$21,0)+IF(Input!$D$22=1,M4798*Input!$C$22,0)</f>
        <v>0.42022423937734998</v>
      </c>
      <c r="O4798" s="59">
        <f>IF(Input!$D$19=2,J4798*Input!$C$19,0)+IF(Input!$D$20=2,K4798*Input!$C$20,0)+IF(Input!$D$21=2,L4798*Input!$C$21,0)+IF(Input!$D$22=2,M4798*Input!$C$22,0)</f>
        <v>1.0505605984433748</v>
      </c>
      <c r="P4798" s="59">
        <f>IF(Input!$D$19=3,J4798*Input!$C$19,0)+IF(Input!$D$20=3,K4798*Input!$C$20,0)+IF(Input!$D$21=3,L4798*Input!$C$21,0)+IF(Input!$D$22=3,M4798*Input!$C$22,0)</f>
        <v>0</v>
      </c>
      <c r="Q4798" s="75">
        <f>IF(Input!$D$19=4,J4798*Input!$C$19,0)+IF(Input!$D$20=4,K4798*Input!$C$20,0)+IF(Input!$D$21=4,L4798*Input!$C$21,0)+IF(Input!$D$22=4,M4798*Input!$C$22,0)</f>
        <v>0</v>
      </c>
      <c r="R4798" s="58">
        <v>73.864528103474896</v>
      </c>
      <c r="S4798" s="124">
        <f t="shared" si="74"/>
        <v>1.8209717039685165</v>
      </c>
    </row>
    <row r="4799" spans="8:19" x14ac:dyDescent="0.3">
      <c r="H4799" s="44">
        <v>4792</v>
      </c>
      <c r="I4799" s="56">
        <f>Bühler!I4825</f>
        <v>0.42022423937734993</v>
      </c>
      <c r="J4799" s="59">
        <f>Bühler!J4825</f>
        <v>1.4007474645911666</v>
      </c>
      <c r="K4799" s="59">
        <f>Bühler!K4825</f>
        <v>2.1011211968867496</v>
      </c>
      <c r="L4799" s="59">
        <f>Bühler!L4825</f>
        <v>10.085381745056399</v>
      </c>
      <c r="M4799" s="58">
        <f>Bühler!M4825</f>
        <v>0</v>
      </c>
      <c r="N4799" s="56">
        <f>IF(Input!$D$19=1,J4799*Input!$C$19,0)+IF(Input!$D$20=1,K4799*Input!$C$20,0)+IF(Input!$D$21=1,L4799*Input!$C$21,0)+IF(Input!$D$22=1,M4799*Input!$C$22,0)</f>
        <v>0.42022423937734998</v>
      </c>
      <c r="O4799" s="59">
        <f>IF(Input!$D$19=2,J4799*Input!$C$19,0)+IF(Input!$D$20=2,K4799*Input!$C$20,0)+IF(Input!$D$21=2,L4799*Input!$C$21,0)+IF(Input!$D$22=2,M4799*Input!$C$22,0)</f>
        <v>1.0505605984433748</v>
      </c>
      <c r="P4799" s="59">
        <f>IF(Input!$D$19=3,J4799*Input!$C$19,0)+IF(Input!$D$20=3,K4799*Input!$C$20,0)+IF(Input!$D$21=3,L4799*Input!$C$21,0)+IF(Input!$D$22=3,M4799*Input!$C$22,0)</f>
        <v>0</v>
      </c>
      <c r="Q4799" s="75">
        <f>IF(Input!$D$19=4,J4799*Input!$C$19,0)+IF(Input!$D$20=4,K4799*Input!$C$20,0)+IF(Input!$D$21=4,L4799*Input!$C$21,0)+IF(Input!$D$22=4,M4799*Input!$C$22,0)</f>
        <v>0</v>
      </c>
      <c r="R4799" s="58">
        <v>73.25767933906522</v>
      </c>
      <c r="S4799" s="124">
        <f t="shared" si="74"/>
        <v>1.8209717039685165</v>
      </c>
    </row>
    <row r="4800" spans="8:19" x14ac:dyDescent="0.3">
      <c r="H4800" s="44">
        <v>4793</v>
      </c>
      <c r="I4800" s="56">
        <f>Bühler!I4826</f>
        <v>0.42022423937734993</v>
      </c>
      <c r="J4800" s="59">
        <f>Bühler!J4826</f>
        <v>1.4007474645911666</v>
      </c>
      <c r="K4800" s="59">
        <f>Bühler!K4826</f>
        <v>2.1011211968867496</v>
      </c>
      <c r="L4800" s="59">
        <f>Bühler!L4826</f>
        <v>10.085381745056399</v>
      </c>
      <c r="M4800" s="58">
        <f>Bühler!M4826</f>
        <v>0</v>
      </c>
      <c r="N4800" s="56">
        <f>IF(Input!$D$19=1,J4800*Input!$C$19,0)+IF(Input!$D$20=1,K4800*Input!$C$20,0)+IF(Input!$D$21=1,L4800*Input!$C$21,0)+IF(Input!$D$22=1,M4800*Input!$C$22,0)</f>
        <v>0.42022423937734998</v>
      </c>
      <c r="O4800" s="59">
        <f>IF(Input!$D$19=2,J4800*Input!$C$19,0)+IF(Input!$D$20=2,K4800*Input!$C$20,0)+IF(Input!$D$21=2,L4800*Input!$C$21,0)+IF(Input!$D$22=2,M4800*Input!$C$22,0)</f>
        <v>1.0505605984433748</v>
      </c>
      <c r="P4800" s="59">
        <f>IF(Input!$D$19=3,J4800*Input!$C$19,0)+IF(Input!$D$20=3,K4800*Input!$C$20,0)+IF(Input!$D$21=3,L4800*Input!$C$21,0)+IF(Input!$D$22=3,M4800*Input!$C$22,0)</f>
        <v>0</v>
      </c>
      <c r="Q4800" s="75">
        <f>IF(Input!$D$19=4,J4800*Input!$C$19,0)+IF(Input!$D$20=4,K4800*Input!$C$20,0)+IF(Input!$D$21=4,L4800*Input!$C$21,0)+IF(Input!$D$22=4,M4800*Input!$C$22,0)</f>
        <v>0</v>
      </c>
      <c r="R4800" s="58">
        <v>72.455585057036203</v>
      </c>
      <c r="S4800" s="124">
        <f t="shared" si="74"/>
        <v>1.8209717039685165</v>
      </c>
    </row>
    <row r="4801" spans="8:19" x14ac:dyDescent="0.3">
      <c r="H4801" s="44">
        <v>4794</v>
      </c>
      <c r="I4801" s="56">
        <f>Bühler!I4827</f>
        <v>0.42022423937734993</v>
      </c>
      <c r="J4801" s="59">
        <f>Bühler!J4827</f>
        <v>1.4007474645911666</v>
      </c>
      <c r="K4801" s="59">
        <f>Bühler!K4827</f>
        <v>2.1011211968867496</v>
      </c>
      <c r="L4801" s="59">
        <f>Bühler!L4827</f>
        <v>10.085381745056399</v>
      </c>
      <c r="M4801" s="58">
        <f>Bühler!M4827</f>
        <v>0</v>
      </c>
      <c r="N4801" s="56">
        <f>IF(Input!$D$19=1,J4801*Input!$C$19,0)+IF(Input!$D$20=1,K4801*Input!$C$20,0)+IF(Input!$D$21=1,L4801*Input!$C$21,0)+IF(Input!$D$22=1,M4801*Input!$C$22,0)</f>
        <v>0.42022423937734998</v>
      </c>
      <c r="O4801" s="59">
        <f>IF(Input!$D$19=2,J4801*Input!$C$19,0)+IF(Input!$D$20=2,K4801*Input!$C$20,0)+IF(Input!$D$21=2,L4801*Input!$C$21,0)+IF(Input!$D$22=2,M4801*Input!$C$22,0)</f>
        <v>1.0505605984433748</v>
      </c>
      <c r="P4801" s="59">
        <f>IF(Input!$D$19=3,J4801*Input!$C$19,0)+IF(Input!$D$20=3,K4801*Input!$C$20,0)+IF(Input!$D$21=3,L4801*Input!$C$21,0)+IF(Input!$D$22=3,M4801*Input!$C$22,0)</f>
        <v>0</v>
      </c>
      <c r="Q4801" s="75">
        <f>IF(Input!$D$19=4,J4801*Input!$C$19,0)+IF(Input!$D$20=4,K4801*Input!$C$20,0)+IF(Input!$D$21=4,L4801*Input!$C$21,0)+IF(Input!$D$22=4,M4801*Input!$C$22,0)</f>
        <v>0</v>
      </c>
      <c r="R4801" s="58">
        <v>70.618375615655992</v>
      </c>
      <c r="S4801" s="124">
        <f t="shared" si="74"/>
        <v>1.8209717039685165</v>
      </c>
    </row>
    <row r="4802" spans="8:19" x14ac:dyDescent="0.3">
      <c r="H4802" s="44">
        <v>4795</v>
      </c>
      <c r="I4802" s="56">
        <f>Bühler!I4828</f>
        <v>0.42022423937734993</v>
      </c>
      <c r="J4802" s="59">
        <f>Bühler!J4828</f>
        <v>1.4007474645911666</v>
      </c>
      <c r="K4802" s="59">
        <f>Bühler!K4828</f>
        <v>2.1011211968867496</v>
      </c>
      <c r="L4802" s="59">
        <f>Bühler!L4828</f>
        <v>10.085381745056399</v>
      </c>
      <c r="M4802" s="58">
        <f>Bühler!M4828</f>
        <v>0</v>
      </c>
      <c r="N4802" s="56">
        <f>IF(Input!$D$19=1,J4802*Input!$C$19,0)+IF(Input!$D$20=1,K4802*Input!$C$20,0)+IF(Input!$D$21=1,L4802*Input!$C$21,0)+IF(Input!$D$22=1,M4802*Input!$C$22,0)</f>
        <v>0.42022423937734998</v>
      </c>
      <c r="O4802" s="59">
        <f>IF(Input!$D$19=2,J4802*Input!$C$19,0)+IF(Input!$D$20=2,K4802*Input!$C$20,0)+IF(Input!$D$21=2,L4802*Input!$C$21,0)+IF(Input!$D$22=2,M4802*Input!$C$22,0)</f>
        <v>1.0505605984433748</v>
      </c>
      <c r="P4802" s="59">
        <f>IF(Input!$D$19=3,J4802*Input!$C$19,0)+IF(Input!$D$20=3,K4802*Input!$C$20,0)+IF(Input!$D$21=3,L4802*Input!$C$21,0)+IF(Input!$D$22=3,M4802*Input!$C$22,0)</f>
        <v>0</v>
      </c>
      <c r="Q4802" s="75">
        <f>IF(Input!$D$19=4,J4802*Input!$C$19,0)+IF(Input!$D$20=4,K4802*Input!$C$20,0)+IF(Input!$D$21=4,L4802*Input!$C$21,0)+IF(Input!$D$22=4,M4802*Input!$C$22,0)</f>
        <v>0</v>
      </c>
      <c r="R4802" s="58">
        <v>69.084197359808229</v>
      </c>
      <c r="S4802" s="124">
        <f t="shared" si="74"/>
        <v>1.8209717039685165</v>
      </c>
    </row>
    <row r="4803" spans="8:19" x14ac:dyDescent="0.3">
      <c r="H4803" s="44">
        <v>4796</v>
      </c>
      <c r="I4803" s="56">
        <f>Bühler!I4829</f>
        <v>0.35018686614779165</v>
      </c>
      <c r="J4803" s="59">
        <f>Bühler!J4829</f>
        <v>1.1672895538259722</v>
      </c>
      <c r="K4803" s="59">
        <f>Bühler!K4829</f>
        <v>1.7509343307389582</v>
      </c>
      <c r="L4803" s="59">
        <f>Bühler!L4829</f>
        <v>8.4044847875470001</v>
      </c>
      <c r="M4803" s="58">
        <f>Bühler!M4829</f>
        <v>0</v>
      </c>
      <c r="N4803" s="56">
        <f>IF(Input!$D$19=1,J4803*Input!$C$19,0)+IF(Input!$D$20=1,K4803*Input!$C$20,0)+IF(Input!$D$21=1,L4803*Input!$C$21,0)+IF(Input!$D$22=1,M4803*Input!$C$22,0)</f>
        <v>0.35018686614779165</v>
      </c>
      <c r="O4803" s="59">
        <f>IF(Input!$D$19=2,J4803*Input!$C$19,0)+IF(Input!$D$20=2,K4803*Input!$C$20,0)+IF(Input!$D$21=2,L4803*Input!$C$21,0)+IF(Input!$D$22=2,M4803*Input!$C$22,0)</f>
        <v>0.87546716536947911</v>
      </c>
      <c r="P4803" s="59">
        <f>IF(Input!$D$19=3,J4803*Input!$C$19,0)+IF(Input!$D$20=3,K4803*Input!$C$20,0)+IF(Input!$D$21=3,L4803*Input!$C$21,0)+IF(Input!$D$22=3,M4803*Input!$C$22,0)</f>
        <v>0</v>
      </c>
      <c r="Q4803" s="75">
        <f>IF(Input!$D$19=4,J4803*Input!$C$19,0)+IF(Input!$D$20=4,K4803*Input!$C$20,0)+IF(Input!$D$21=4,L4803*Input!$C$21,0)+IF(Input!$D$22=4,M4803*Input!$C$22,0)</f>
        <v>0</v>
      </c>
      <c r="R4803" s="58">
        <v>67.439629731499849</v>
      </c>
      <c r="S4803" s="124">
        <f t="shared" si="74"/>
        <v>1.5174764199737638</v>
      </c>
    </row>
    <row r="4804" spans="8:19" x14ac:dyDescent="0.3">
      <c r="H4804" s="44">
        <v>4797</v>
      </c>
      <c r="I4804" s="56">
        <f>Bühler!I4830</f>
        <v>0.28014949291823332</v>
      </c>
      <c r="J4804" s="59">
        <f>Bühler!J4830</f>
        <v>0.93383164306077782</v>
      </c>
      <c r="K4804" s="59">
        <f>Bühler!K4830</f>
        <v>1.4007474645911666</v>
      </c>
      <c r="L4804" s="59">
        <f>Bühler!L4830</f>
        <v>6.7235878300375997</v>
      </c>
      <c r="M4804" s="58">
        <f>Bühler!M4830</f>
        <v>0</v>
      </c>
      <c r="N4804" s="56">
        <f>IF(Input!$D$19=1,J4804*Input!$C$19,0)+IF(Input!$D$20=1,K4804*Input!$C$20,0)+IF(Input!$D$21=1,L4804*Input!$C$21,0)+IF(Input!$D$22=1,M4804*Input!$C$22,0)</f>
        <v>0.28014949291823332</v>
      </c>
      <c r="O4804" s="59">
        <f>IF(Input!$D$19=2,J4804*Input!$C$19,0)+IF(Input!$D$20=2,K4804*Input!$C$20,0)+IF(Input!$D$21=2,L4804*Input!$C$21,0)+IF(Input!$D$22=2,M4804*Input!$C$22,0)</f>
        <v>0.70037373229558331</v>
      </c>
      <c r="P4804" s="59">
        <f>IF(Input!$D$19=3,J4804*Input!$C$19,0)+IF(Input!$D$20=3,K4804*Input!$C$20,0)+IF(Input!$D$21=3,L4804*Input!$C$21,0)+IF(Input!$D$22=3,M4804*Input!$C$22,0)</f>
        <v>0</v>
      </c>
      <c r="Q4804" s="75">
        <f>IF(Input!$D$19=4,J4804*Input!$C$19,0)+IF(Input!$D$20=4,K4804*Input!$C$20,0)+IF(Input!$D$21=4,L4804*Input!$C$21,0)+IF(Input!$D$22=4,M4804*Input!$C$22,0)</f>
        <v>0</v>
      </c>
      <c r="R4804" s="58">
        <v>65.463087821813602</v>
      </c>
      <c r="S4804" s="124">
        <f t="shared" si="74"/>
        <v>1.2139811359790111</v>
      </c>
    </row>
    <row r="4805" spans="8:19" x14ac:dyDescent="0.3">
      <c r="H4805" s="44">
        <v>4798</v>
      </c>
      <c r="I4805" s="56">
        <f>Bühler!I4831</f>
        <v>0.21011211968867496</v>
      </c>
      <c r="J4805" s="59">
        <f>Bühler!J4831</f>
        <v>0.70037373229558331</v>
      </c>
      <c r="K4805" s="59">
        <f>Bühler!K4831</f>
        <v>1.0505605984433748</v>
      </c>
      <c r="L4805" s="59">
        <f>Bühler!L4831</f>
        <v>5.0426908725281994</v>
      </c>
      <c r="M4805" s="58">
        <f>Bühler!M4831</f>
        <v>0</v>
      </c>
      <c r="N4805" s="56">
        <f>IF(Input!$D$19=1,J4805*Input!$C$19,0)+IF(Input!$D$20=1,K4805*Input!$C$20,0)+IF(Input!$D$21=1,L4805*Input!$C$21,0)+IF(Input!$D$22=1,M4805*Input!$C$22,0)</f>
        <v>0.21011211968867499</v>
      </c>
      <c r="O4805" s="59">
        <f>IF(Input!$D$19=2,J4805*Input!$C$19,0)+IF(Input!$D$20=2,K4805*Input!$C$20,0)+IF(Input!$D$21=2,L4805*Input!$C$21,0)+IF(Input!$D$22=2,M4805*Input!$C$22,0)</f>
        <v>0.5252802992216874</v>
      </c>
      <c r="P4805" s="59">
        <f>IF(Input!$D$19=3,J4805*Input!$C$19,0)+IF(Input!$D$20=3,K4805*Input!$C$20,0)+IF(Input!$D$21=3,L4805*Input!$C$21,0)+IF(Input!$D$22=3,M4805*Input!$C$22,0)</f>
        <v>0</v>
      </c>
      <c r="Q4805" s="75">
        <f>IF(Input!$D$19=4,J4805*Input!$C$19,0)+IF(Input!$D$20=4,K4805*Input!$C$20,0)+IF(Input!$D$21=4,L4805*Input!$C$21,0)+IF(Input!$D$22=4,M4805*Input!$C$22,0)</f>
        <v>0</v>
      </c>
      <c r="R4805" s="58">
        <v>63.058510410148749</v>
      </c>
      <c r="S4805" s="124">
        <f t="shared" si="74"/>
        <v>0.91048585198425824</v>
      </c>
    </row>
    <row r="4806" spans="8:19" x14ac:dyDescent="0.3">
      <c r="H4806" s="44">
        <v>4799</v>
      </c>
      <c r="I4806" s="56">
        <f>Bühler!I4832</f>
        <v>0.21011211968867496</v>
      </c>
      <c r="J4806" s="59">
        <f>Bühler!J4832</f>
        <v>0.70037373229558331</v>
      </c>
      <c r="K4806" s="59">
        <f>Bühler!K4832</f>
        <v>1.0505605984433748</v>
      </c>
      <c r="L4806" s="59">
        <f>Bühler!L4832</f>
        <v>5.0426908725281994</v>
      </c>
      <c r="M4806" s="58">
        <f>Bühler!M4832</f>
        <v>0</v>
      </c>
      <c r="N4806" s="56">
        <f>IF(Input!$D$19=1,J4806*Input!$C$19,0)+IF(Input!$D$20=1,K4806*Input!$C$20,0)+IF(Input!$D$21=1,L4806*Input!$C$21,0)+IF(Input!$D$22=1,M4806*Input!$C$22,0)</f>
        <v>0.21011211968867499</v>
      </c>
      <c r="O4806" s="59">
        <f>IF(Input!$D$19=2,J4806*Input!$C$19,0)+IF(Input!$D$20=2,K4806*Input!$C$20,0)+IF(Input!$D$21=2,L4806*Input!$C$21,0)+IF(Input!$D$22=2,M4806*Input!$C$22,0)</f>
        <v>0.5252802992216874</v>
      </c>
      <c r="P4806" s="59">
        <f>IF(Input!$D$19=3,J4806*Input!$C$19,0)+IF(Input!$D$20=3,K4806*Input!$C$20,0)+IF(Input!$D$21=3,L4806*Input!$C$21,0)+IF(Input!$D$22=3,M4806*Input!$C$22,0)</f>
        <v>0</v>
      </c>
      <c r="Q4806" s="75">
        <f>IF(Input!$D$19=4,J4806*Input!$C$19,0)+IF(Input!$D$20=4,K4806*Input!$C$20,0)+IF(Input!$D$21=4,L4806*Input!$C$21,0)+IF(Input!$D$22=4,M4806*Input!$C$22,0)</f>
        <v>0</v>
      </c>
      <c r="R4806" s="58">
        <v>62.066701234438767</v>
      </c>
      <c r="S4806" s="124">
        <f t="shared" si="74"/>
        <v>0.91048585198425824</v>
      </c>
    </row>
    <row r="4807" spans="8:19" x14ac:dyDescent="0.3">
      <c r="H4807" s="44">
        <v>4800</v>
      </c>
      <c r="I4807" s="56">
        <f>Bühler!I4833</f>
        <v>0.21011211968867496</v>
      </c>
      <c r="J4807" s="59">
        <f>Bühler!J4833</f>
        <v>0.70037373229558331</v>
      </c>
      <c r="K4807" s="59">
        <f>Bühler!K4833</f>
        <v>1.0505605984433748</v>
      </c>
      <c r="L4807" s="59">
        <f>Bühler!L4833</f>
        <v>5.0426908725281994</v>
      </c>
      <c r="M4807" s="58">
        <f>Bühler!M4833</f>
        <v>0</v>
      </c>
      <c r="N4807" s="56">
        <f>IF(Input!$D$19=1,J4807*Input!$C$19,0)+IF(Input!$D$20=1,K4807*Input!$C$20,0)+IF(Input!$D$21=1,L4807*Input!$C$21,0)+IF(Input!$D$22=1,M4807*Input!$C$22,0)</f>
        <v>0.21011211968867499</v>
      </c>
      <c r="O4807" s="59">
        <f>IF(Input!$D$19=2,J4807*Input!$C$19,0)+IF(Input!$D$20=2,K4807*Input!$C$20,0)+IF(Input!$D$21=2,L4807*Input!$C$21,0)+IF(Input!$D$22=2,M4807*Input!$C$22,0)</f>
        <v>0.5252802992216874</v>
      </c>
      <c r="P4807" s="59">
        <f>IF(Input!$D$19=3,J4807*Input!$C$19,0)+IF(Input!$D$20=3,K4807*Input!$C$20,0)+IF(Input!$D$21=3,L4807*Input!$C$21,0)+IF(Input!$D$22=3,M4807*Input!$C$22,0)</f>
        <v>0</v>
      </c>
      <c r="Q4807" s="75">
        <f>IF(Input!$D$19=4,J4807*Input!$C$19,0)+IF(Input!$D$20=4,K4807*Input!$C$20,0)+IF(Input!$D$21=4,L4807*Input!$C$21,0)+IF(Input!$D$22=4,M4807*Input!$C$22,0)</f>
        <v>0</v>
      </c>
      <c r="R4807" s="58">
        <v>61.93691098858492</v>
      </c>
      <c r="S4807" s="124">
        <f t="shared" si="74"/>
        <v>0.91048585198425824</v>
      </c>
    </row>
    <row r="4808" spans="8:19" x14ac:dyDescent="0.3">
      <c r="H4808" s="44">
        <v>4801</v>
      </c>
      <c r="I4808" s="56">
        <f>Bühler!I4834</f>
        <v>0.22805637077878071</v>
      </c>
      <c r="J4808" s="59">
        <f>Bühler!J4834</f>
        <v>0.76018790259593583</v>
      </c>
      <c r="K4808" s="59">
        <f>Bühler!K4834</f>
        <v>1.1402818538939037</v>
      </c>
      <c r="L4808" s="59">
        <f>Bühler!L4834</f>
        <v>5.4733528986907372</v>
      </c>
      <c r="M4808" s="58">
        <f>Bühler!M4834</f>
        <v>0</v>
      </c>
      <c r="N4808" s="56">
        <f>IF(Input!$D$19=1,J4808*Input!$C$19,0)+IF(Input!$D$20=1,K4808*Input!$C$20,0)+IF(Input!$D$21=1,L4808*Input!$C$21,0)+IF(Input!$D$22=1,M4808*Input!$C$22,0)</f>
        <v>0.22805637077878074</v>
      </c>
      <c r="O4808" s="59">
        <f>IF(Input!$D$19=2,J4808*Input!$C$19,0)+IF(Input!$D$20=2,K4808*Input!$C$20,0)+IF(Input!$D$21=2,L4808*Input!$C$21,0)+IF(Input!$D$22=2,M4808*Input!$C$22,0)</f>
        <v>0.57014092694695184</v>
      </c>
      <c r="P4808" s="59">
        <f>IF(Input!$D$19=3,J4808*Input!$C$19,0)+IF(Input!$D$20=3,K4808*Input!$C$20,0)+IF(Input!$D$21=3,L4808*Input!$C$21,0)+IF(Input!$D$22=3,M4808*Input!$C$22,0)</f>
        <v>0</v>
      </c>
      <c r="Q4808" s="75">
        <f>IF(Input!$D$19=4,J4808*Input!$C$19,0)+IF(Input!$D$20=4,K4808*Input!$C$20,0)+IF(Input!$D$21=4,L4808*Input!$C$21,0)+IF(Input!$D$22=4,M4808*Input!$C$22,0)</f>
        <v>0</v>
      </c>
      <c r="R4808" s="58">
        <v>60.487270174213066</v>
      </c>
      <c r="S4808" s="124">
        <f t="shared" si="74"/>
        <v>0.98824427337471654</v>
      </c>
    </row>
    <row r="4809" spans="8:19" x14ac:dyDescent="0.3">
      <c r="H4809" s="44">
        <v>4802</v>
      </c>
      <c r="I4809" s="56">
        <f>Bühler!I4835</f>
        <v>0.22805637077878071</v>
      </c>
      <c r="J4809" s="59">
        <f>Bühler!J4835</f>
        <v>0.76018790259593583</v>
      </c>
      <c r="K4809" s="59">
        <f>Bühler!K4835</f>
        <v>1.1402818538939037</v>
      </c>
      <c r="L4809" s="59">
        <f>Bühler!L4835</f>
        <v>5.4733528986907372</v>
      </c>
      <c r="M4809" s="58">
        <f>Bühler!M4835</f>
        <v>0</v>
      </c>
      <c r="N4809" s="56">
        <f>IF(Input!$D$19=1,J4809*Input!$C$19,0)+IF(Input!$D$20=1,K4809*Input!$C$20,0)+IF(Input!$D$21=1,L4809*Input!$C$21,0)+IF(Input!$D$22=1,M4809*Input!$C$22,0)</f>
        <v>0.22805637077878074</v>
      </c>
      <c r="O4809" s="59">
        <f>IF(Input!$D$19=2,J4809*Input!$C$19,0)+IF(Input!$D$20=2,K4809*Input!$C$20,0)+IF(Input!$D$21=2,L4809*Input!$C$21,0)+IF(Input!$D$22=2,M4809*Input!$C$22,0)</f>
        <v>0.57014092694695184</v>
      </c>
      <c r="P4809" s="59">
        <f>IF(Input!$D$19=3,J4809*Input!$C$19,0)+IF(Input!$D$20=3,K4809*Input!$C$20,0)+IF(Input!$D$21=3,L4809*Input!$C$21,0)+IF(Input!$D$22=3,M4809*Input!$C$22,0)</f>
        <v>0</v>
      </c>
      <c r="Q4809" s="75">
        <f>IF(Input!$D$19=4,J4809*Input!$C$19,0)+IF(Input!$D$20=4,K4809*Input!$C$20,0)+IF(Input!$D$21=4,L4809*Input!$C$21,0)+IF(Input!$D$22=4,M4809*Input!$C$22,0)</f>
        <v>0</v>
      </c>
      <c r="R4809" s="58">
        <v>59.968599181283516</v>
      </c>
      <c r="S4809" s="124">
        <f t="shared" ref="S4809:S4872" si="75">I4809+J4809</f>
        <v>0.98824427337471654</v>
      </c>
    </row>
    <row r="4810" spans="8:19" x14ac:dyDescent="0.3">
      <c r="H4810" s="44">
        <v>4803</v>
      </c>
      <c r="I4810" s="56">
        <f>Bühler!I4836</f>
        <v>0.22805637077878071</v>
      </c>
      <c r="J4810" s="59">
        <f>Bühler!J4836</f>
        <v>0.76018790259593583</v>
      </c>
      <c r="K4810" s="59">
        <f>Bühler!K4836</f>
        <v>1.1402818538939037</v>
      </c>
      <c r="L4810" s="59">
        <f>Bühler!L4836</f>
        <v>5.4733528986907372</v>
      </c>
      <c r="M4810" s="58">
        <f>Bühler!M4836</f>
        <v>0</v>
      </c>
      <c r="N4810" s="56">
        <f>IF(Input!$D$19=1,J4810*Input!$C$19,0)+IF(Input!$D$20=1,K4810*Input!$C$20,0)+IF(Input!$D$21=1,L4810*Input!$C$21,0)+IF(Input!$D$22=1,M4810*Input!$C$22,0)</f>
        <v>0.22805637077878074</v>
      </c>
      <c r="O4810" s="59">
        <f>IF(Input!$D$19=2,J4810*Input!$C$19,0)+IF(Input!$D$20=2,K4810*Input!$C$20,0)+IF(Input!$D$21=2,L4810*Input!$C$21,0)+IF(Input!$D$22=2,M4810*Input!$C$22,0)</f>
        <v>0.57014092694695184</v>
      </c>
      <c r="P4810" s="59">
        <f>IF(Input!$D$19=3,J4810*Input!$C$19,0)+IF(Input!$D$20=3,K4810*Input!$C$20,0)+IF(Input!$D$21=3,L4810*Input!$C$21,0)+IF(Input!$D$22=3,M4810*Input!$C$22,0)</f>
        <v>0</v>
      </c>
      <c r="Q4810" s="75">
        <f>IF(Input!$D$19=4,J4810*Input!$C$19,0)+IF(Input!$D$20=4,K4810*Input!$C$20,0)+IF(Input!$D$21=4,L4810*Input!$C$21,0)+IF(Input!$D$22=4,M4810*Input!$C$22,0)</f>
        <v>0</v>
      </c>
      <c r="R4810" s="58">
        <v>59.691546219616185</v>
      </c>
      <c r="S4810" s="124">
        <f t="shared" si="75"/>
        <v>0.98824427337471654</v>
      </c>
    </row>
    <row r="4811" spans="8:19" x14ac:dyDescent="0.3">
      <c r="H4811" s="44">
        <v>4804</v>
      </c>
      <c r="I4811" s="56">
        <f>Bühler!I4837</f>
        <v>0.22805637077878071</v>
      </c>
      <c r="J4811" s="59">
        <f>Bühler!J4837</f>
        <v>0.76018790259593583</v>
      </c>
      <c r="K4811" s="59">
        <f>Bühler!K4837</f>
        <v>1.1402818538939037</v>
      </c>
      <c r="L4811" s="59">
        <f>Bühler!L4837</f>
        <v>5.4733528986907372</v>
      </c>
      <c r="M4811" s="58">
        <f>Bühler!M4837</f>
        <v>0</v>
      </c>
      <c r="N4811" s="56">
        <f>IF(Input!$D$19=1,J4811*Input!$C$19,0)+IF(Input!$D$20=1,K4811*Input!$C$20,0)+IF(Input!$D$21=1,L4811*Input!$C$21,0)+IF(Input!$D$22=1,M4811*Input!$C$22,0)</f>
        <v>0.22805637077878074</v>
      </c>
      <c r="O4811" s="59">
        <f>IF(Input!$D$19=2,J4811*Input!$C$19,0)+IF(Input!$D$20=2,K4811*Input!$C$20,0)+IF(Input!$D$21=2,L4811*Input!$C$21,0)+IF(Input!$D$22=2,M4811*Input!$C$22,0)</f>
        <v>0.57014092694695184</v>
      </c>
      <c r="P4811" s="59">
        <f>IF(Input!$D$19=3,J4811*Input!$C$19,0)+IF(Input!$D$20=3,K4811*Input!$C$20,0)+IF(Input!$D$21=3,L4811*Input!$C$21,0)+IF(Input!$D$22=3,M4811*Input!$C$22,0)</f>
        <v>0</v>
      </c>
      <c r="Q4811" s="75">
        <f>IF(Input!$D$19=4,J4811*Input!$C$19,0)+IF(Input!$D$20=4,K4811*Input!$C$20,0)+IF(Input!$D$21=4,L4811*Input!$C$21,0)+IF(Input!$D$22=4,M4811*Input!$C$22,0)</f>
        <v>0</v>
      </c>
      <c r="R4811" s="58">
        <v>60.596787794326616</v>
      </c>
      <c r="S4811" s="124">
        <f t="shared" si="75"/>
        <v>0.98824427337471654</v>
      </c>
    </row>
    <row r="4812" spans="8:19" x14ac:dyDescent="0.3">
      <c r="H4812" s="44">
        <v>4805</v>
      </c>
      <c r="I4812" s="56">
        <f>Bühler!I4838</f>
        <v>0.22805637077878071</v>
      </c>
      <c r="J4812" s="59">
        <f>Bühler!J4838</f>
        <v>0.76018790259593583</v>
      </c>
      <c r="K4812" s="59">
        <f>Bühler!K4838</f>
        <v>1.1402818538939037</v>
      </c>
      <c r="L4812" s="59">
        <f>Bühler!L4838</f>
        <v>5.4733528986907372</v>
      </c>
      <c r="M4812" s="58">
        <f>Bühler!M4838</f>
        <v>0</v>
      </c>
      <c r="N4812" s="56">
        <f>IF(Input!$D$19=1,J4812*Input!$C$19,0)+IF(Input!$D$20=1,K4812*Input!$C$20,0)+IF(Input!$D$21=1,L4812*Input!$C$21,0)+IF(Input!$D$22=1,M4812*Input!$C$22,0)</f>
        <v>0.22805637077878074</v>
      </c>
      <c r="O4812" s="59">
        <f>IF(Input!$D$19=2,J4812*Input!$C$19,0)+IF(Input!$D$20=2,K4812*Input!$C$20,0)+IF(Input!$D$21=2,L4812*Input!$C$21,0)+IF(Input!$D$22=2,M4812*Input!$C$22,0)</f>
        <v>0.57014092694695184</v>
      </c>
      <c r="P4812" s="59">
        <f>IF(Input!$D$19=3,J4812*Input!$C$19,0)+IF(Input!$D$20=3,K4812*Input!$C$20,0)+IF(Input!$D$21=3,L4812*Input!$C$21,0)+IF(Input!$D$22=3,M4812*Input!$C$22,0)</f>
        <v>0</v>
      </c>
      <c r="Q4812" s="75">
        <f>IF(Input!$D$19=4,J4812*Input!$C$19,0)+IF(Input!$D$20=4,K4812*Input!$C$20,0)+IF(Input!$D$21=4,L4812*Input!$C$21,0)+IF(Input!$D$22=4,M4812*Input!$C$22,0)</f>
        <v>0</v>
      </c>
      <c r="R4812" s="58">
        <v>62.182348011421098</v>
      </c>
      <c r="S4812" s="124">
        <f t="shared" si="75"/>
        <v>0.98824427337471654</v>
      </c>
    </row>
    <row r="4813" spans="8:19" x14ac:dyDescent="0.3">
      <c r="H4813" s="44">
        <v>4806</v>
      </c>
      <c r="I4813" s="56">
        <f>Bühler!I4839</f>
        <v>0.29393932233709513</v>
      </c>
      <c r="J4813" s="59">
        <f>Bühler!J4839</f>
        <v>0.97979774112365048</v>
      </c>
      <c r="K4813" s="59">
        <f>Bühler!K4839</f>
        <v>1.4696966116854755</v>
      </c>
      <c r="L4813" s="59">
        <f>Bühler!L4839</f>
        <v>7.0545437360902827</v>
      </c>
      <c r="M4813" s="58">
        <f>Bühler!M4839</f>
        <v>0</v>
      </c>
      <c r="N4813" s="56">
        <f>IF(Input!$D$19=1,J4813*Input!$C$19,0)+IF(Input!$D$20=1,K4813*Input!$C$20,0)+IF(Input!$D$21=1,L4813*Input!$C$21,0)+IF(Input!$D$22=1,M4813*Input!$C$22,0)</f>
        <v>0.29393932233709513</v>
      </c>
      <c r="O4813" s="59">
        <f>IF(Input!$D$19=2,J4813*Input!$C$19,0)+IF(Input!$D$20=2,K4813*Input!$C$20,0)+IF(Input!$D$21=2,L4813*Input!$C$21,0)+IF(Input!$D$22=2,M4813*Input!$C$22,0)</f>
        <v>0.73484830584273775</v>
      </c>
      <c r="P4813" s="59">
        <f>IF(Input!$D$19=3,J4813*Input!$C$19,0)+IF(Input!$D$20=3,K4813*Input!$C$20,0)+IF(Input!$D$21=3,L4813*Input!$C$21,0)+IF(Input!$D$22=3,M4813*Input!$C$22,0)</f>
        <v>0</v>
      </c>
      <c r="Q4813" s="75">
        <f>IF(Input!$D$19=4,J4813*Input!$C$19,0)+IF(Input!$D$20=4,K4813*Input!$C$20,0)+IF(Input!$D$21=4,L4813*Input!$C$21,0)+IF(Input!$D$22=4,M4813*Input!$C$22,0)</f>
        <v>0</v>
      </c>
      <c r="R4813" s="58">
        <v>65.088709023959694</v>
      </c>
      <c r="S4813" s="124">
        <f t="shared" si="75"/>
        <v>1.2737370634607457</v>
      </c>
    </row>
    <row r="4814" spans="8:19" x14ac:dyDescent="0.3">
      <c r="H4814" s="44">
        <v>4807</v>
      </c>
      <c r="I4814" s="56">
        <f>Bühler!I4840</f>
        <v>0.35475435454477</v>
      </c>
      <c r="J4814" s="59">
        <f>Bühler!J4840</f>
        <v>1.1825145151492336</v>
      </c>
      <c r="K4814" s="59">
        <f>Bühler!K4840</f>
        <v>1.77377177272385</v>
      </c>
      <c r="L4814" s="59">
        <f>Bühler!L4840</f>
        <v>8.51410450907448</v>
      </c>
      <c r="M4814" s="58">
        <f>Bühler!M4840</f>
        <v>0</v>
      </c>
      <c r="N4814" s="56">
        <f>IF(Input!$D$19=1,J4814*Input!$C$19,0)+IF(Input!$D$20=1,K4814*Input!$C$20,0)+IF(Input!$D$21=1,L4814*Input!$C$21,0)+IF(Input!$D$22=1,M4814*Input!$C$22,0)</f>
        <v>0.35475435454477006</v>
      </c>
      <c r="O4814" s="59">
        <f>IF(Input!$D$19=2,J4814*Input!$C$19,0)+IF(Input!$D$20=2,K4814*Input!$C$20,0)+IF(Input!$D$21=2,L4814*Input!$C$21,0)+IF(Input!$D$22=2,M4814*Input!$C$22,0)</f>
        <v>0.886885886361925</v>
      </c>
      <c r="P4814" s="59">
        <f>IF(Input!$D$19=3,J4814*Input!$C$19,0)+IF(Input!$D$20=3,K4814*Input!$C$20,0)+IF(Input!$D$21=3,L4814*Input!$C$21,0)+IF(Input!$D$22=3,M4814*Input!$C$22,0)</f>
        <v>0</v>
      </c>
      <c r="Q4814" s="75">
        <f>IF(Input!$D$19=4,J4814*Input!$C$19,0)+IF(Input!$D$20=4,K4814*Input!$C$20,0)+IF(Input!$D$21=4,L4814*Input!$C$21,0)+IF(Input!$D$22=4,M4814*Input!$C$22,0)</f>
        <v>0</v>
      </c>
      <c r="R4814" s="58">
        <v>68.00738473974215</v>
      </c>
      <c r="S4814" s="124">
        <f t="shared" si="75"/>
        <v>1.5372688696940036</v>
      </c>
    </row>
    <row r="4815" spans="8:19" x14ac:dyDescent="0.3">
      <c r="H4815" s="44">
        <v>4808</v>
      </c>
      <c r="I4815" s="56">
        <f>Bühler!I4841</f>
        <v>0.35475435454477</v>
      </c>
      <c r="J4815" s="59">
        <f>Bühler!J4841</f>
        <v>1.1825145151492336</v>
      </c>
      <c r="K4815" s="59">
        <f>Bühler!K4841</f>
        <v>1.77377177272385</v>
      </c>
      <c r="L4815" s="59">
        <f>Bühler!L4841</f>
        <v>8.51410450907448</v>
      </c>
      <c r="M4815" s="58">
        <f>Bühler!M4841</f>
        <v>0</v>
      </c>
      <c r="N4815" s="56">
        <f>IF(Input!$D$19=1,J4815*Input!$C$19,0)+IF(Input!$D$20=1,K4815*Input!$C$20,0)+IF(Input!$D$21=1,L4815*Input!$C$21,0)+IF(Input!$D$22=1,M4815*Input!$C$22,0)</f>
        <v>0.35475435454477006</v>
      </c>
      <c r="O4815" s="59">
        <f>IF(Input!$D$19=2,J4815*Input!$C$19,0)+IF(Input!$D$20=2,K4815*Input!$C$20,0)+IF(Input!$D$21=2,L4815*Input!$C$21,0)+IF(Input!$D$22=2,M4815*Input!$C$22,0)</f>
        <v>0.886885886361925</v>
      </c>
      <c r="P4815" s="59">
        <f>IF(Input!$D$19=3,J4815*Input!$C$19,0)+IF(Input!$D$20=3,K4815*Input!$C$20,0)+IF(Input!$D$21=3,L4815*Input!$C$21,0)+IF(Input!$D$22=3,M4815*Input!$C$22,0)</f>
        <v>0</v>
      </c>
      <c r="Q4815" s="75">
        <f>IF(Input!$D$19=4,J4815*Input!$C$19,0)+IF(Input!$D$20=4,K4815*Input!$C$20,0)+IF(Input!$D$21=4,L4815*Input!$C$21,0)+IF(Input!$D$22=4,M4815*Input!$C$22,0)</f>
        <v>0</v>
      </c>
      <c r="R4815" s="58">
        <v>69.794139832157995</v>
      </c>
      <c r="S4815" s="124">
        <f t="shared" si="75"/>
        <v>1.5372688696940036</v>
      </c>
    </row>
    <row r="4816" spans="8:19" x14ac:dyDescent="0.3">
      <c r="H4816" s="44">
        <v>4809</v>
      </c>
      <c r="I4816" s="56">
        <f>Bühler!I4842</f>
        <v>0.35475435454477</v>
      </c>
      <c r="J4816" s="59">
        <f>Bühler!J4842</f>
        <v>1.1825145151492336</v>
      </c>
      <c r="K4816" s="59">
        <f>Bühler!K4842</f>
        <v>1.77377177272385</v>
      </c>
      <c r="L4816" s="59">
        <f>Bühler!L4842</f>
        <v>8.51410450907448</v>
      </c>
      <c r="M4816" s="58">
        <f>Bühler!M4842</f>
        <v>0</v>
      </c>
      <c r="N4816" s="56">
        <f>IF(Input!$D$19=1,J4816*Input!$C$19,0)+IF(Input!$D$20=1,K4816*Input!$C$20,0)+IF(Input!$D$21=1,L4816*Input!$C$21,0)+IF(Input!$D$22=1,M4816*Input!$C$22,0)</f>
        <v>0.35475435454477006</v>
      </c>
      <c r="O4816" s="59">
        <f>IF(Input!$D$19=2,J4816*Input!$C$19,0)+IF(Input!$D$20=2,K4816*Input!$C$20,0)+IF(Input!$D$21=2,L4816*Input!$C$21,0)+IF(Input!$D$22=2,M4816*Input!$C$22,0)</f>
        <v>0.886885886361925</v>
      </c>
      <c r="P4816" s="59">
        <f>IF(Input!$D$19=3,J4816*Input!$C$19,0)+IF(Input!$D$20=3,K4816*Input!$C$20,0)+IF(Input!$D$21=3,L4816*Input!$C$21,0)+IF(Input!$D$22=3,M4816*Input!$C$22,0)</f>
        <v>0</v>
      </c>
      <c r="Q4816" s="75">
        <f>IF(Input!$D$19=4,J4816*Input!$C$19,0)+IF(Input!$D$20=4,K4816*Input!$C$20,0)+IF(Input!$D$21=4,L4816*Input!$C$21,0)+IF(Input!$D$22=4,M4816*Input!$C$22,0)</f>
        <v>0</v>
      </c>
      <c r="R4816" s="58">
        <v>70.480368114417871</v>
      </c>
      <c r="S4816" s="124">
        <f t="shared" si="75"/>
        <v>1.5372688696940036</v>
      </c>
    </row>
    <row r="4817" spans="8:19" x14ac:dyDescent="0.3">
      <c r="H4817" s="44">
        <v>4810</v>
      </c>
      <c r="I4817" s="56">
        <f>Bühler!I4843</f>
        <v>0.38009395129796786</v>
      </c>
      <c r="J4817" s="59">
        <f>Bühler!J4843</f>
        <v>1.2669798376598931</v>
      </c>
      <c r="K4817" s="59">
        <f>Bühler!K4843</f>
        <v>1.9004697564898394</v>
      </c>
      <c r="L4817" s="59">
        <f>Bühler!L4843</f>
        <v>9.1222548311512295</v>
      </c>
      <c r="M4817" s="58">
        <f>Bühler!M4843</f>
        <v>0</v>
      </c>
      <c r="N4817" s="56">
        <f>IF(Input!$D$19=1,J4817*Input!$C$19,0)+IF(Input!$D$20=1,K4817*Input!$C$20,0)+IF(Input!$D$21=1,L4817*Input!$C$21,0)+IF(Input!$D$22=1,M4817*Input!$C$22,0)</f>
        <v>0.38009395129796791</v>
      </c>
      <c r="O4817" s="59">
        <f>IF(Input!$D$19=2,J4817*Input!$C$19,0)+IF(Input!$D$20=2,K4817*Input!$C$20,0)+IF(Input!$D$21=2,L4817*Input!$C$21,0)+IF(Input!$D$22=2,M4817*Input!$C$22,0)</f>
        <v>0.9502348782449197</v>
      </c>
      <c r="P4817" s="59">
        <f>IF(Input!$D$19=3,J4817*Input!$C$19,0)+IF(Input!$D$20=3,K4817*Input!$C$20,0)+IF(Input!$D$21=3,L4817*Input!$C$21,0)+IF(Input!$D$22=3,M4817*Input!$C$22,0)</f>
        <v>0</v>
      </c>
      <c r="Q4817" s="75">
        <f>IF(Input!$D$19=4,J4817*Input!$C$19,0)+IF(Input!$D$20=4,K4817*Input!$C$20,0)+IF(Input!$D$21=4,L4817*Input!$C$21,0)+IF(Input!$D$22=4,M4817*Input!$C$22,0)</f>
        <v>0</v>
      </c>
      <c r="R4817" s="58">
        <v>70.613663786963059</v>
      </c>
      <c r="S4817" s="124">
        <f t="shared" si="75"/>
        <v>1.6470737889578611</v>
      </c>
    </row>
    <row r="4818" spans="8:19" x14ac:dyDescent="0.3">
      <c r="H4818" s="44">
        <v>4811</v>
      </c>
      <c r="I4818" s="56">
        <f>Bühler!I4844</f>
        <v>0.39529770934988656</v>
      </c>
      <c r="J4818" s="59">
        <f>Bühler!J4844</f>
        <v>1.3176590311662888</v>
      </c>
      <c r="K4818" s="59">
        <f>Bühler!K4844</f>
        <v>1.9764885467494329</v>
      </c>
      <c r="L4818" s="59">
        <f>Bühler!L4844</f>
        <v>9.4871450243972788</v>
      </c>
      <c r="M4818" s="58">
        <f>Bühler!M4844</f>
        <v>0</v>
      </c>
      <c r="N4818" s="56">
        <f>IF(Input!$D$19=1,J4818*Input!$C$19,0)+IF(Input!$D$20=1,K4818*Input!$C$20,0)+IF(Input!$D$21=1,L4818*Input!$C$21,0)+IF(Input!$D$22=1,M4818*Input!$C$22,0)</f>
        <v>0.39529770934988662</v>
      </c>
      <c r="O4818" s="59">
        <f>IF(Input!$D$19=2,J4818*Input!$C$19,0)+IF(Input!$D$20=2,K4818*Input!$C$20,0)+IF(Input!$D$21=2,L4818*Input!$C$21,0)+IF(Input!$D$22=2,M4818*Input!$C$22,0)</f>
        <v>0.98824427337471643</v>
      </c>
      <c r="P4818" s="59">
        <f>IF(Input!$D$19=3,J4818*Input!$C$19,0)+IF(Input!$D$20=3,K4818*Input!$C$20,0)+IF(Input!$D$21=3,L4818*Input!$C$21,0)+IF(Input!$D$22=3,M4818*Input!$C$22,0)</f>
        <v>0</v>
      </c>
      <c r="Q4818" s="75">
        <f>IF(Input!$D$19=4,J4818*Input!$C$19,0)+IF(Input!$D$20=4,K4818*Input!$C$20,0)+IF(Input!$D$21=4,L4818*Input!$C$21,0)+IF(Input!$D$22=4,M4818*Input!$C$22,0)</f>
        <v>0</v>
      </c>
      <c r="R4818" s="58">
        <v>71.175953151591969</v>
      </c>
      <c r="S4818" s="124">
        <f t="shared" si="75"/>
        <v>1.7129567405161754</v>
      </c>
    </row>
    <row r="4819" spans="8:19" x14ac:dyDescent="0.3">
      <c r="H4819" s="44">
        <v>4812</v>
      </c>
      <c r="I4819" s="56">
        <f>Bühler!I4845</f>
        <v>0.45611274155756143</v>
      </c>
      <c r="J4819" s="59">
        <f>Bühler!J4845</f>
        <v>1.5203758051918717</v>
      </c>
      <c r="K4819" s="59">
        <f>Bühler!K4845</f>
        <v>2.2805637077878074</v>
      </c>
      <c r="L4819" s="59">
        <f>Bühler!L4845</f>
        <v>10.946705797381474</v>
      </c>
      <c r="M4819" s="58">
        <f>Bühler!M4845</f>
        <v>0</v>
      </c>
      <c r="N4819" s="56">
        <f>IF(Input!$D$19=1,J4819*Input!$C$19,0)+IF(Input!$D$20=1,K4819*Input!$C$20,0)+IF(Input!$D$21=1,L4819*Input!$C$21,0)+IF(Input!$D$22=1,M4819*Input!$C$22,0)</f>
        <v>0.45611274155756149</v>
      </c>
      <c r="O4819" s="59">
        <f>IF(Input!$D$19=2,J4819*Input!$C$19,0)+IF(Input!$D$20=2,K4819*Input!$C$20,0)+IF(Input!$D$21=2,L4819*Input!$C$21,0)+IF(Input!$D$22=2,M4819*Input!$C$22,0)</f>
        <v>1.1402818538939037</v>
      </c>
      <c r="P4819" s="59">
        <f>IF(Input!$D$19=3,J4819*Input!$C$19,0)+IF(Input!$D$20=3,K4819*Input!$C$20,0)+IF(Input!$D$21=3,L4819*Input!$C$21,0)+IF(Input!$D$22=3,M4819*Input!$C$22,0)</f>
        <v>0</v>
      </c>
      <c r="Q4819" s="75">
        <f>IF(Input!$D$19=4,J4819*Input!$C$19,0)+IF(Input!$D$20=4,K4819*Input!$C$20,0)+IF(Input!$D$21=4,L4819*Input!$C$21,0)+IF(Input!$D$22=4,M4819*Input!$C$22,0)</f>
        <v>0</v>
      </c>
      <c r="R4819" s="58">
        <v>71.854809569946269</v>
      </c>
      <c r="S4819" s="124">
        <f t="shared" si="75"/>
        <v>1.9764885467494331</v>
      </c>
    </row>
    <row r="4820" spans="8:19" x14ac:dyDescent="0.3">
      <c r="H4820" s="44">
        <v>4813</v>
      </c>
      <c r="I4820" s="56">
        <f>Bühler!I4846</f>
        <v>0.45611274155756143</v>
      </c>
      <c r="J4820" s="59">
        <f>Bühler!J4846</f>
        <v>1.5203758051918717</v>
      </c>
      <c r="K4820" s="59">
        <f>Bühler!K4846</f>
        <v>2.2805637077878074</v>
      </c>
      <c r="L4820" s="59">
        <f>Bühler!L4846</f>
        <v>10.946705797381474</v>
      </c>
      <c r="M4820" s="58">
        <f>Bühler!M4846</f>
        <v>0</v>
      </c>
      <c r="N4820" s="56">
        <f>IF(Input!$D$19=1,J4820*Input!$C$19,0)+IF(Input!$D$20=1,K4820*Input!$C$20,0)+IF(Input!$D$21=1,L4820*Input!$C$21,0)+IF(Input!$D$22=1,M4820*Input!$C$22,0)</f>
        <v>0.45611274155756149</v>
      </c>
      <c r="O4820" s="59">
        <f>IF(Input!$D$19=2,J4820*Input!$C$19,0)+IF(Input!$D$20=2,K4820*Input!$C$20,0)+IF(Input!$D$21=2,L4820*Input!$C$21,0)+IF(Input!$D$22=2,M4820*Input!$C$22,0)</f>
        <v>1.1402818538939037</v>
      </c>
      <c r="P4820" s="59">
        <f>IF(Input!$D$19=3,J4820*Input!$C$19,0)+IF(Input!$D$20=3,K4820*Input!$C$20,0)+IF(Input!$D$21=3,L4820*Input!$C$21,0)+IF(Input!$D$22=3,M4820*Input!$C$22,0)</f>
        <v>0</v>
      </c>
      <c r="Q4820" s="75">
        <f>IF(Input!$D$19=4,J4820*Input!$C$19,0)+IF(Input!$D$20=4,K4820*Input!$C$20,0)+IF(Input!$D$21=4,L4820*Input!$C$21,0)+IF(Input!$D$22=4,M4820*Input!$C$22,0)</f>
        <v>0</v>
      </c>
      <c r="R4820" s="58">
        <v>70.997687622501218</v>
      </c>
      <c r="S4820" s="124">
        <f t="shared" si="75"/>
        <v>1.9764885467494331</v>
      </c>
    </row>
    <row r="4821" spans="8:19" x14ac:dyDescent="0.3">
      <c r="H4821" s="44">
        <v>4814</v>
      </c>
      <c r="I4821" s="56">
        <f>Bühler!I4847</f>
        <v>0.45611274155756143</v>
      </c>
      <c r="J4821" s="59">
        <f>Bühler!J4847</f>
        <v>1.5203758051918717</v>
      </c>
      <c r="K4821" s="59">
        <f>Bühler!K4847</f>
        <v>2.2805637077878074</v>
      </c>
      <c r="L4821" s="59">
        <f>Bühler!L4847</f>
        <v>10.946705797381474</v>
      </c>
      <c r="M4821" s="58">
        <f>Bühler!M4847</f>
        <v>0</v>
      </c>
      <c r="N4821" s="56">
        <f>IF(Input!$D$19=1,J4821*Input!$C$19,0)+IF(Input!$D$20=1,K4821*Input!$C$20,0)+IF(Input!$D$21=1,L4821*Input!$C$21,0)+IF(Input!$D$22=1,M4821*Input!$C$22,0)</f>
        <v>0.45611274155756149</v>
      </c>
      <c r="O4821" s="59">
        <f>IF(Input!$D$19=2,J4821*Input!$C$19,0)+IF(Input!$D$20=2,K4821*Input!$C$20,0)+IF(Input!$D$21=2,L4821*Input!$C$21,0)+IF(Input!$D$22=2,M4821*Input!$C$22,0)</f>
        <v>1.1402818538939037</v>
      </c>
      <c r="P4821" s="59">
        <f>IF(Input!$D$19=3,J4821*Input!$C$19,0)+IF(Input!$D$20=3,K4821*Input!$C$20,0)+IF(Input!$D$21=3,L4821*Input!$C$21,0)+IF(Input!$D$22=3,M4821*Input!$C$22,0)</f>
        <v>0</v>
      </c>
      <c r="Q4821" s="75">
        <f>IF(Input!$D$19=4,J4821*Input!$C$19,0)+IF(Input!$D$20=4,K4821*Input!$C$20,0)+IF(Input!$D$21=4,L4821*Input!$C$21,0)+IF(Input!$D$22=4,M4821*Input!$C$22,0)</f>
        <v>0</v>
      </c>
      <c r="R4821" s="58">
        <v>70.489253511900486</v>
      </c>
      <c r="S4821" s="124">
        <f t="shared" si="75"/>
        <v>1.9764885467494331</v>
      </c>
    </row>
    <row r="4822" spans="8:19" x14ac:dyDescent="0.3">
      <c r="H4822" s="44">
        <v>4815</v>
      </c>
      <c r="I4822" s="56">
        <f>Bühler!I4848</f>
        <v>0.45611274155756143</v>
      </c>
      <c r="J4822" s="59">
        <f>Bühler!J4848</f>
        <v>1.5203758051918717</v>
      </c>
      <c r="K4822" s="59">
        <f>Bühler!K4848</f>
        <v>2.2805637077878074</v>
      </c>
      <c r="L4822" s="59">
        <f>Bühler!L4848</f>
        <v>10.946705797381474</v>
      </c>
      <c r="M4822" s="58">
        <f>Bühler!M4848</f>
        <v>0</v>
      </c>
      <c r="N4822" s="56">
        <f>IF(Input!$D$19=1,J4822*Input!$C$19,0)+IF(Input!$D$20=1,K4822*Input!$C$20,0)+IF(Input!$D$21=1,L4822*Input!$C$21,0)+IF(Input!$D$22=1,M4822*Input!$C$22,0)</f>
        <v>0.45611274155756149</v>
      </c>
      <c r="O4822" s="59">
        <f>IF(Input!$D$19=2,J4822*Input!$C$19,0)+IF(Input!$D$20=2,K4822*Input!$C$20,0)+IF(Input!$D$21=2,L4822*Input!$C$21,0)+IF(Input!$D$22=2,M4822*Input!$C$22,0)</f>
        <v>1.1402818538939037</v>
      </c>
      <c r="P4822" s="59">
        <f>IF(Input!$D$19=3,J4822*Input!$C$19,0)+IF(Input!$D$20=3,K4822*Input!$C$20,0)+IF(Input!$D$21=3,L4822*Input!$C$21,0)+IF(Input!$D$22=3,M4822*Input!$C$22,0)</f>
        <v>0</v>
      </c>
      <c r="Q4822" s="75">
        <f>IF(Input!$D$19=4,J4822*Input!$C$19,0)+IF(Input!$D$20=4,K4822*Input!$C$20,0)+IF(Input!$D$21=4,L4822*Input!$C$21,0)+IF(Input!$D$22=4,M4822*Input!$C$22,0)</f>
        <v>0</v>
      </c>
      <c r="R4822" s="58">
        <v>70.575937755819709</v>
      </c>
      <c r="S4822" s="124">
        <f t="shared" si="75"/>
        <v>1.9764885467494331</v>
      </c>
    </row>
    <row r="4823" spans="8:19" x14ac:dyDescent="0.3">
      <c r="H4823" s="44">
        <v>4816</v>
      </c>
      <c r="I4823" s="56">
        <f>Bühler!I4849</f>
        <v>0.38009395129796786</v>
      </c>
      <c r="J4823" s="59">
        <f>Bühler!J4849</f>
        <v>1.2669798376598931</v>
      </c>
      <c r="K4823" s="59">
        <f>Bühler!K4849</f>
        <v>1.9004697564898394</v>
      </c>
      <c r="L4823" s="59">
        <f>Bühler!L4849</f>
        <v>9.1222548311512295</v>
      </c>
      <c r="M4823" s="58">
        <f>Bühler!M4849</f>
        <v>0</v>
      </c>
      <c r="N4823" s="56">
        <f>IF(Input!$D$19=1,J4823*Input!$C$19,0)+IF(Input!$D$20=1,K4823*Input!$C$20,0)+IF(Input!$D$21=1,L4823*Input!$C$21,0)+IF(Input!$D$22=1,M4823*Input!$C$22,0)</f>
        <v>0.38009395129796791</v>
      </c>
      <c r="O4823" s="59">
        <f>IF(Input!$D$19=2,J4823*Input!$C$19,0)+IF(Input!$D$20=2,K4823*Input!$C$20,0)+IF(Input!$D$21=2,L4823*Input!$C$21,0)+IF(Input!$D$22=2,M4823*Input!$C$22,0)</f>
        <v>0.9502348782449197</v>
      </c>
      <c r="P4823" s="59">
        <f>IF(Input!$D$19=3,J4823*Input!$C$19,0)+IF(Input!$D$20=3,K4823*Input!$C$20,0)+IF(Input!$D$21=3,L4823*Input!$C$21,0)+IF(Input!$D$22=3,M4823*Input!$C$22,0)</f>
        <v>0</v>
      </c>
      <c r="Q4823" s="75">
        <f>IF(Input!$D$19=4,J4823*Input!$C$19,0)+IF(Input!$D$20=4,K4823*Input!$C$20,0)+IF(Input!$D$21=4,L4823*Input!$C$21,0)+IF(Input!$D$22=4,M4823*Input!$C$22,0)</f>
        <v>0</v>
      </c>
      <c r="R4823" s="58">
        <v>70.097935306348759</v>
      </c>
      <c r="S4823" s="124">
        <f t="shared" si="75"/>
        <v>1.6470737889578611</v>
      </c>
    </row>
    <row r="4824" spans="8:19" x14ac:dyDescent="0.3">
      <c r="H4824" s="44">
        <v>4817</v>
      </c>
      <c r="I4824" s="56">
        <f>Bühler!I4850</f>
        <v>0.35982227389540961</v>
      </c>
      <c r="J4824" s="59">
        <f>Bühler!J4850</f>
        <v>1.1994075796513655</v>
      </c>
      <c r="K4824" s="59">
        <f>Bühler!K4850</f>
        <v>1.799111369477048</v>
      </c>
      <c r="L4824" s="59">
        <f>Bühler!L4850</f>
        <v>8.635734573489831</v>
      </c>
      <c r="M4824" s="58">
        <f>Bühler!M4850</f>
        <v>0</v>
      </c>
      <c r="N4824" s="56">
        <f>IF(Input!$D$19=1,J4824*Input!$C$19,0)+IF(Input!$D$20=1,K4824*Input!$C$20,0)+IF(Input!$D$21=1,L4824*Input!$C$21,0)+IF(Input!$D$22=1,M4824*Input!$C$22,0)</f>
        <v>0.35982227389540961</v>
      </c>
      <c r="O4824" s="59">
        <f>IF(Input!$D$19=2,J4824*Input!$C$19,0)+IF(Input!$D$20=2,K4824*Input!$C$20,0)+IF(Input!$D$21=2,L4824*Input!$C$21,0)+IF(Input!$D$22=2,M4824*Input!$C$22,0)</f>
        <v>0.89955568473852399</v>
      </c>
      <c r="P4824" s="59">
        <f>IF(Input!$D$19=3,J4824*Input!$C$19,0)+IF(Input!$D$20=3,K4824*Input!$C$20,0)+IF(Input!$D$21=3,L4824*Input!$C$21,0)+IF(Input!$D$22=3,M4824*Input!$C$22,0)</f>
        <v>0</v>
      </c>
      <c r="Q4824" s="75">
        <f>IF(Input!$D$19=4,J4824*Input!$C$19,0)+IF(Input!$D$20=4,K4824*Input!$C$20,0)+IF(Input!$D$21=4,L4824*Input!$C$21,0)+IF(Input!$D$22=4,M4824*Input!$C$22,0)</f>
        <v>0</v>
      </c>
      <c r="R4824" s="58">
        <v>68.604533763742992</v>
      </c>
      <c r="S4824" s="124">
        <f t="shared" si="75"/>
        <v>1.559229853546775</v>
      </c>
    </row>
    <row r="4825" spans="8:19" x14ac:dyDescent="0.3">
      <c r="H4825" s="44">
        <v>4818</v>
      </c>
      <c r="I4825" s="56">
        <f>Bühler!I4851</f>
        <v>0.35982227389540961</v>
      </c>
      <c r="J4825" s="59">
        <f>Bühler!J4851</f>
        <v>1.1994075796513655</v>
      </c>
      <c r="K4825" s="59">
        <f>Bühler!K4851</f>
        <v>1.799111369477048</v>
      </c>
      <c r="L4825" s="59">
        <f>Bühler!L4851</f>
        <v>8.635734573489831</v>
      </c>
      <c r="M4825" s="58">
        <f>Bühler!M4851</f>
        <v>0</v>
      </c>
      <c r="N4825" s="56">
        <f>IF(Input!$D$19=1,J4825*Input!$C$19,0)+IF(Input!$D$20=1,K4825*Input!$C$20,0)+IF(Input!$D$21=1,L4825*Input!$C$21,0)+IF(Input!$D$22=1,M4825*Input!$C$22,0)</f>
        <v>0.35982227389540961</v>
      </c>
      <c r="O4825" s="59">
        <f>IF(Input!$D$19=2,J4825*Input!$C$19,0)+IF(Input!$D$20=2,K4825*Input!$C$20,0)+IF(Input!$D$21=2,L4825*Input!$C$21,0)+IF(Input!$D$22=2,M4825*Input!$C$22,0)</f>
        <v>0.89955568473852399</v>
      </c>
      <c r="P4825" s="59">
        <f>IF(Input!$D$19=3,J4825*Input!$C$19,0)+IF(Input!$D$20=3,K4825*Input!$C$20,0)+IF(Input!$D$21=3,L4825*Input!$C$21,0)+IF(Input!$D$22=3,M4825*Input!$C$22,0)</f>
        <v>0</v>
      </c>
      <c r="Q4825" s="75">
        <f>IF(Input!$D$19=4,J4825*Input!$C$19,0)+IF(Input!$D$20=4,K4825*Input!$C$20,0)+IF(Input!$D$21=4,L4825*Input!$C$21,0)+IF(Input!$D$22=4,M4825*Input!$C$22,0)</f>
        <v>0</v>
      </c>
      <c r="R4825" s="58">
        <v>67.323632339277566</v>
      </c>
      <c r="S4825" s="124">
        <f t="shared" si="75"/>
        <v>1.559229853546775</v>
      </c>
    </row>
    <row r="4826" spans="8:19" x14ac:dyDescent="0.3">
      <c r="H4826" s="44">
        <v>4819</v>
      </c>
      <c r="I4826" s="56">
        <f>Bühler!I4852</f>
        <v>0.35982227389540961</v>
      </c>
      <c r="J4826" s="59">
        <f>Bühler!J4852</f>
        <v>1.1994075796513655</v>
      </c>
      <c r="K4826" s="59">
        <f>Bühler!K4852</f>
        <v>1.799111369477048</v>
      </c>
      <c r="L4826" s="59">
        <f>Bühler!L4852</f>
        <v>8.635734573489831</v>
      </c>
      <c r="M4826" s="58">
        <f>Bühler!M4852</f>
        <v>0</v>
      </c>
      <c r="N4826" s="56">
        <f>IF(Input!$D$19=1,J4826*Input!$C$19,0)+IF(Input!$D$20=1,K4826*Input!$C$20,0)+IF(Input!$D$21=1,L4826*Input!$C$21,0)+IF(Input!$D$22=1,M4826*Input!$C$22,0)</f>
        <v>0.35982227389540961</v>
      </c>
      <c r="O4826" s="59">
        <f>IF(Input!$D$19=2,J4826*Input!$C$19,0)+IF(Input!$D$20=2,K4826*Input!$C$20,0)+IF(Input!$D$21=2,L4826*Input!$C$21,0)+IF(Input!$D$22=2,M4826*Input!$C$22,0)</f>
        <v>0.89955568473852399</v>
      </c>
      <c r="P4826" s="59">
        <f>IF(Input!$D$19=3,J4826*Input!$C$19,0)+IF(Input!$D$20=3,K4826*Input!$C$20,0)+IF(Input!$D$21=3,L4826*Input!$C$21,0)+IF(Input!$D$22=3,M4826*Input!$C$22,0)</f>
        <v>0</v>
      </c>
      <c r="Q4826" s="75">
        <f>IF(Input!$D$19=4,J4826*Input!$C$19,0)+IF(Input!$D$20=4,K4826*Input!$C$20,0)+IF(Input!$D$21=4,L4826*Input!$C$21,0)+IF(Input!$D$22=4,M4826*Input!$C$22,0)</f>
        <v>0</v>
      </c>
      <c r="R4826" s="58">
        <v>65.654231851142669</v>
      </c>
      <c r="S4826" s="124">
        <f t="shared" si="75"/>
        <v>1.559229853546775</v>
      </c>
    </row>
    <row r="4827" spans="8:19" x14ac:dyDescent="0.3">
      <c r="H4827" s="44">
        <v>4820</v>
      </c>
      <c r="I4827" s="56">
        <f>Bühler!I4853</f>
        <v>0.35982227389540961</v>
      </c>
      <c r="J4827" s="59">
        <f>Bühler!J4853</f>
        <v>1.1994075796513655</v>
      </c>
      <c r="K4827" s="59">
        <f>Bühler!K4853</f>
        <v>1.799111369477048</v>
      </c>
      <c r="L4827" s="59">
        <f>Bühler!L4853</f>
        <v>8.635734573489831</v>
      </c>
      <c r="M4827" s="58">
        <f>Bühler!M4853</f>
        <v>0</v>
      </c>
      <c r="N4827" s="56">
        <f>IF(Input!$D$19=1,J4827*Input!$C$19,0)+IF(Input!$D$20=1,K4827*Input!$C$20,0)+IF(Input!$D$21=1,L4827*Input!$C$21,0)+IF(Input!$D$22=1,M4827*Input!$C$22,0)</f>
        <v>0.35982227389540961</v>
      </c>
      <c r="O4827" s="59">
        <f>IF(Input!$D$19=2,J4827*Input!$C$19,0)+IF(Input!$D$20=2,K4827*Input!$C$20,0)+IF(Input!$D$21=2,L4827*Input!$C$21,0)+IF(Input!$D$22=2,M4827*Input!$C$22,0)</f>
        <v>0.89955568473852399</v>
      </c>
      <c r="P4827" s="59">
        <f>IF(Input!$D$19=3,J4827*Input!$C$19,0)+IF(Input!$D$20=3,K4827*Input!$C$20,0)+IF(Input!$D$21=3,L4827*Input!$C$21,0)+IF(Input!$D$22=3,M4827*Input!$C$22,0)</f>
        <v>0</v>
      </c>
      <c r="Q4827" s="75">
        <f>IF(Input!$D$19=4,J4827*Input!$C$19,0)+IF(Input!$D$20=4,K4827*Input!$C$20,0)+IF(Input!$D$21=4,L4827*Input!$C$21,0)+IF(Input!$D$22=4,M4827*Input!$C$22,0)</f>
        <v>0</v>
      </c>
      <c r="R4827" s="58">
        <v>64.595280759209174</v>
      </c>
      <c r="S4827" s="124">
        <f t="shared" si="75"/>
        <v>1.559229853546775</v>
      </c>
    </row>
    <row r="4828" spans="8:19" x14ac:dyDescent="0.3">
      <c r="H4828" s="44">
        <v>4821</v>
      </c>
      <c r="I4828" s="56">
        <f>Bühler!I4854</f>
        <v>0.27873556428517643</v>
      </c>
      <c r="J4828" s="59">
        <f>Bühler!J4854</f>
        <v>0.92911854761725476</v>
      </c>
      <c r="K4828" s="59">
        <f>Bühler!K4854</f>
        <v>1.393677821425882</v>
      </c>
      <c r="L4828" s="59">
        <f>Bühler!L4854</f>
        <v>6.6896535428442334</v>
      </c>
      <c r="M4828" s="58">
        <f>Bühler!M4854</f>
        <v>0</v>
      </c>
      <c r="N4828" s="56">
        <f>IF(Input!$D$19=1,J4828*Input!$C$19,0)+IF(Input!$D$20=1,K4828*Input!$C$20,0)+IF(Input!$D$21=1,L4828*Input!$C$21,0)+IF(Input!$D$22=1,M4828*Input!$C$22,0)</f>
        <v>0.27873556428517643</v>
      </c>
      <c r="O4828" s="59">
        <f>IF(Input!$D$19=2,J4828*Input!$C$19,0)+IF(Input!$D$20=2,K4828*Input!$C$20,0)+IF(Input!$D$21=2,L4828*Input!$C$21,0)+IF(Input!$D$22=2,M4828*Input!$C$22,0)</f>
        <v>0.69683891071294102</v>
      </c>
      <c r="P4828" s="59">
        <f>IF(Input!$D$19=3,J4828*Input!$C$19,0)+IF(Input!$D$20=3,K4828*Input!$C$20,0)+IF(Input!$D$21=3,L4828*Input!$C$21,0)+IF(Input!$D$22=3,M4828*Input!$C$22,0)</f>
        <v>0</v>
      </c>
      <c r="Q4828" s="75">
        <f>IF(Input!$D$19=4,J4828*Input!$C$19,0)+IF(Input!$D$20=4,K4828*Input!$C$20,0)+IF(Input!$D$21=4,L4828*Input!$C$21,0)+IF(Input!$D$22=4,M4828*Input!$C$22,0)</f>
        <v>0</v>
      </c>
      <c r="R4828" s="58">
        <v>62.26461392667261</v>
      </c>
      <c r="S4828" s="124">
        <f t="shared" si="75"/>
        <v>1.2078541119024311</v>
      </c>
    </row>
    <row r="4829" spans="8:19" x14ac:dyDescent="0.3">
      <c r="H4829" s="44">
        <v>4822</v>
      </c>
      <c r="I4829" s="56">
        <f>Bühler!I4855</f>
        <v>0.10642630636343101</v>
      </c>
      <c r="J4829" s="59">
        <f>Bühler!J4855</f>
        <v>0.35475435454477006</v>
      </c>
      <c r="K4829" s="59">
        <f>Bühler!K4855</f>
        <v>0.532131531817155</v>
      </c>
      <c r="L4829" s="59">
        <f>Bühler!L4855</f>
        <v>2.5542313527223444</v>
      </c>
      <c r="M4829" s="58">
        <f>Bühler!M4855</f>
        <v>0</v>
      </c>
      <c r="N4829" s="56">
        <f>IF(Input!$D$19=1,J4829*Input!$C$19,0)+IF(Input!$D$20=1,K4829*Input!$C$20,0)+IF(Input!$D$21=1,L4829*Input!$C$21,0)+IF(Input!$D$22=1,M4829*Input!$C$22,0)</f>
        <v>0.10642630636343102</v>
      </c>
      <c r="O4829" s="59">
        <f>IF(Input!$D$19=2,J4829*Input!$C$19,0)+IF(Input!$D$20=2,K4829*Input!$C$20,0)+IF(Input!$D$21=2,L4829*Input!$C$21,0)+IF(Input!$D$22=2,M4829*Input!$C$22,0)</f>
        <v>0.2660657659085775</v>
      </c>
      <c r="P4829" s="59">
        <f>IF(Input!$D$19=3,J4829*Input!$C$19,0)+IF(Input!$D$20=3,K4829*Input!$C$20,0)+IF(Input!$D$21=3,L4829*Input!$C$21,0)+IF(Input!$D$22=3,M4829*Input!$C$22,0)</f>
        <v>0</v>
      </c>
      <c r="Q4829" s="75">
        <f>IF(Input!$D$19=4,J4829*Input!$C$19,0)+IF(Input!$D$20=4,K4829*Input!$C$20,0)+IF(Input!$D$21=4,L4829*Input!$C$21,0)+IF(Input!$D$22=4,M4829*Input!$C$22,0)</f>
        <v>0</v>
      </c>
      <c r="R4829" s="58">
        <v>60.274644547741993</v>
      </c>
      <c r="S4829" s="124">
        <f t="shared" si="75"/>
        <v>0.46118066090820109</v>
      </c>
    </row>
    <row r="4830" spans="8:19" x14ac:dyDescent="0.3">
      <c r="H4830" s="44">
        <v>4823</v>
      </c>
      <c r="I4830" s="56">
        <f>Bühler!I4856</f>
        <v>0.10642630636343101</v>
      </c>
      <c r="J4830" s="59">
        <f>Bühler!J4856</f>
        <v>0.35475435454477006</v>
      </c>
      <c r="K4830" s="59">
        <f>Bühler!K4856</f>
        <v>0.532131531817155</v>
      </c>
      <c r="L4830" s="59">
        <f>Bühler!L4856</f>
        <v>2.5542313527223444</v>
      </c>
      <c r="M4830" s="58">
        <f>Bühler!M4856</f>
        <v>0</v>
      </c>
      <c r="N4830" s="56">
        <f>IF(Input!$D$19=1,J4830*Input!$C$19,0)+IF(Input!$D$20=1,K4830*Input!$C$20,0)+IF(Input!$D$21=1,L4830*Input!$C$21,0)+IF(Input!$D$22=1,M4830*Input!$C$22,0)</f>
        <v>0.10642630636343102</v>
      </c>
      <c r="O4830" s="59">
        <f>IF(Input!$D$19=2,J4830*Input!$C$19,0)+IF(Input!$D$20=2,K4830*Input!$C$20,0)+IF(Input!$D$21=2,L4830*Input!$C$21,0)+IF(Input!$D$22=2,M4830*Input!$C$22,0)</f>
        <v>0.2660657659085775</v>
      </c>
      <c r="P4830" s="59">
        <f>IF(Input!$D$19=3,J4830*Input!$C$19,0)+IF(Input!$D$20=3,K4830*Input!$C$20,0)+IF(Input!$D$21=3,L4830*Input!$C$21,0)+IF(Input!$D$22=3,M4830*Input!$C$22,0)</f>
        <v>0</v>
      </c>
      <c r="Q4830" s="75">
        <f>IF(Input!$D$19=4,J4830*Input!$C$19,0)+IF(Input!$D$20=4,K4830*Input!$C$20,0)+IF(Input!$D$21=4,L4830*Input!$C$21,0)+IF(Input!$D$22=4,M4830*Input!$C$22,0)</f>
        <v>0</v>
      </c>
      <c r="R4830" s="58">
        <v>59.463910275361854</v>
      </c>
      <c r="S4830" s="124">
        <f t="shared" si="75"/>
        <v>0.46118066090820109</v>
      </c>
    </row>
    <row r="4831" spans="8:19" x14ac:dyDescent="0.3">
      <c r="H4831" s="44">
        <v>4824</v>
      </c>
      <c r="I4831" s="56">
        <f>Bühler!I4857</f>
        <v>0.10642630636343101</v>
      </c>
      <c r="J4831" s="59">
        <f>Bühler!J4857</f>
        <v>0.35475435454477006</v>
      </c>
      <c r="K4831" s="59">
        <f>Bühler!K4857</f>
        <v>0.532131531817155</v>
      </c>
      <c r="L4831" s="59">
        <f>Bühler!L4857</f>
        <v>2.5542313527223444</v>
      </c>
      <c r="M4831" s="58">
        <f>Bühler!M4857</f>
        <v>0</v>
      </c>
      <c r="N4831" s="56">
        <f>IF(Input!$D$19=1,J4831*Input!$C$19,0)+IF(Input!$D$20=1,K4831*Input!$C$20,0)+IF(Input!$D$21=1,L4831*Input!$C$21,0)+IF(Input!$D$22=1,M4831*Input!$C$22,0)</f>
        <v>0.10642630636343102</v>
      </c>
      <c r="O4831" s="59">
        <f>IF(Input!$D$19=2,J4831*Input!$C$19,0)+IF(Input!$D$20=2,K4831*Input!$C$20,0)+IF(Input!$D$21=2,L4831*Input!$C$21,0)+IF(Input!$D$22=2,M4831*Input!$C$22,0)</f>
        <v>0.2660657659085775</v>
      </c>
      <c r="P4831" s="59">
        <f>IF(Input!$D$19=3,J4831*Input!$C$19,0)+IF(Input!$D$20=3,K4831*Input!$C$20,0)+IF(Input!$D$21=3,L4831*Input!$C$21,0)+IF(Input!$D$22=3,M4831*Input!$C$22,0)</f>
        <v>0</v>
      </c>
      <c r="Q4831" s="75">
        <f>IF(Input!$D$19=4,J4831*Input!$C$19,0)+IF(Input!$D$20=4,K4831*Input!$C$20,0)+IF(Input!$D$21=4,L4831*Input!$C$21,0)+IF(Input!$D$22=4,M4831*Input!$C$22,0)</f>
        <v>0</v>
      </c>
      <c r="R4831" s="58">
        <v>58.945777150060735</v>
      </c>
      <c r="S4831" s="124">
        <f t="shared" si="75"/>
        <v>0.46118066090820109</v>
      </c>
    </row>
    <row r="4832" spans="8:19" x14ac:dyDescent="0.3">
      <c r="H4832" s="44">
        <v>4825</v>
      </c>
      <c r="I4832" s="56">
        <f>Bühler!I4858</f>
        <v>5.0255582942985419E-2</v>
      </c>
      <c r="J4832" s="59">
        <f>Bühler!J4858</f>
        <v>0.16751860980995142</v>
      </c>
      <c r="K4832" s="59">
        <f>Bühler!K4858</f>
        <v>0.25127791471492711</v>
      </c>
      <c r="L4832" s="59">
        <f>Bühler!L4858</f>
        <v>3.5808132262654477</v>
      </c>
      <c r="M4832" s="58">
        <f>Bühler!M4858</f>
        <v>0</v>
      </c>
      <c r="N4832" s="56">
        <f>IF(Input!$D$19=1,J4832*Input!$C$19,0)+IF(Input!$D$20=1,K4832*Input!$C$20,0)+IF(Input!$D$21=1,L4832*Input!$C$21,0)+IF(Input!$D$22=1,M4832*Input!$C$22,0)</f>
        <v>5.0255582942985426E-2</v>
      </c>
      <c r="O4832" s="59">
        <f>IF(Input!$D$19=2,J4832*Input!$C$19,0)+IF(Input!$D$20=2,K4832*Input!$C$20,0)+IF(Input!$D$21=2,L4832*Input!$C$21,0)+IF(Input!$D$22=2,M4832*Input!$C$22,0)</f>
        <v>0.12563895735746355</v>
      </c>
      <c r="P4832" s="59">
        <f>IF(Input!$D$19=3,J4832*Input!$C$19,0)+IF(Input!$D$20=3,K4832*Input!$C$20,0)+IF(Input!$D$21=3,L4832*Input!$C$21,0)+IF(Input!$D$22=3,M4832*Input!$C$22,0)</f>
        <v>0</v>
      </c>
      <c r="Q4832" s="75">
        <f>IF(Input!$D$19=4,J4832*Input!$C$19,0)+IF(Input!$D$20=4,K4832*Input!$C$20,0)+IF(Input!$D$21=4,L4832*Input!$C$21,0)+IF(Input!$D$22=4,M4832*Input!$C$22,0)</f>
        <v>0</v>
      </c>
      <c r="R4832" s="58">
        <v>57.763199665850586</v>
      </c>
      <c r="S4832" s="124">
        <f t="shared" si="75"/>
        <v>0.21777419275293686</v>
      </c>
    </row>
    <row r="4833" spans="8:19" x14ac:dyDescent="0.3">
      <c r="H4833" s="44">
        <v>4826</v>
      </c>
      <c r="I4833" s="56">
        <f>Bühler!I4859</f>
        <v>9.811804288868585E-2</v>
      </c>
      <c r="J4833" s="59">
        <f>Bühler!J4859</f>
        <v>0.32706014296228619</v>
      </c>
      <c r="K4833" s="59">
        <f>Bühler!K4859</f>
        <v>0.49059021444342932</v>
      </c>
      <c r="L4833" s="59">
        <f>Bühler!L4859</f>
        <v>6.9911115369944454</v>
      </c>
      <c r="M4833" s="58">
        <f>Bühler!M4859</f>
        <v>0</v>
      </c>
      <c r="N4833" s="56">
        <f>IF(Input!$D$19=1,J4833*Input!$C$19,0)+IF(Input!$D$20=1,K4833*Input!$C$20,0)+IF(Input!$D$21=1,L4833*Input!$C$21,0)+IF(Input!$D$22=1,M4833*Input!$C$22,0)</f>
        <v>9.811804288868585E-2</v>
      </c>
      <c r="O4833" s="59">
        <f>IF(Input!$D$19=2,J4833*Input!$C$19,0)+IF(Input!$D$20=2,K4833*Input!$C$20,0)+IF(Input!$D$21=2,L4833*Input!$C$21,0)+IF(Input!$D$22=2,M4833*Input!$C$22,0)</f>
        <v>0.24529510722171466</v>
      </c>
      <c r="P4833" s="59">
        <f>IF(Input!$D$19=3,J4833*Input!$C$19,0)+IF(Input!$D$20=3,K4833*Input!$C$20,0)+IF(Input!$D$21=3,L4833*Input!$C$21,0)+IF(Input!$D$22=3,M4833*Input!$C$22,0)</f>
        <v>0</v>
      </c>
      <c r="Q4833" s="75">
        <f>IF(Input!$D$19=4,J4833*Input!$C$19,0)+IF(Input!$D$20=4,K4833*Input!$C$20,0)+IF(Input!$D$21=4,L4833*Input!$C$21,0)+IF(Input!$D$22=4,M4833*Input!$C$22,0)</f>
        <v>0</v>
      </c>
      <c r="R4833" s="58">
        <v>56.169620390227948</v>
      </c>
      <c r="S4833" s="124">
        <f t="shared" si="75"/>
        <v>0.42517818585097206</v>
      </c>
    </row>
    <row r="4834" spans="8:19" x14ac:dyDescent="0.3">
      <c r="H4834" s="44">
        <v>4827</v>
      </c>
      <c r="I4834" s="56">
        <f>Bühler!I4860</f>
        <v>9.811804288868585E-2</v>
      </c>
      <c r="J4834" s="59">
        <f>Bühler!J4860</f>
        <v>0.32706014296228619</v>
      </c>
      <c r="K4834" s="59">
        <f>Bühler!K4860</f>
        <v>0.49059021444342932</v>
      </c>
      <c r="L4834" s="59">
        <f>Bühler!L4860</f>
        <v>6.9911115369944454</v>
      </c>
      <c r="M4834" s="58">
        <f>Bühler!M4860</f>
        <v>0</v>
      </c>
      <c r="N4834" s="56">
        <f>IF(Input!$D$19=1,J4834*Input!$C$19,0)+IF(Input!$D$20=1,K4834*Input!$C$20,0)+IF(Input!$D$21=1,L4834*Input!$C$21,0)+IF(Input!$D$22=1,M4834*Input!$C$22,0)</f>
        <v>9.811804288868585E-2</v>
      </c>
      <c r="O4834" s="59">
        <f>IF(Input!$D$19=2,J4834*Input!$C$19,0)+IF(Input!$D$20=2,K4834*Input!$C$20,0)+IF(Input!$D$21=2,L4834*Input!$C$21,0)+IF(Input!$D$22=2,M4834*Input!$C$22,0)</f>
        <v>0.24529510722171466</v>
      </c>
      <c r="P4834" s="59">
        <f>IF(Input!$D$19=3,J4834*Input!$C$19,0)+IF(Input!$D$20=3,K4834*Input!$C$20,0)+IF(Input!$D$21=3,L4834*Input!$C$21,0)+IF(Input!$D$22=3,M4834*Input!$C$22,0)</f>
        <v>0</v>
      </c>
      <c r="Q4834" s="75">
        <f>IF(Input!$D$19=4,J4834*Input!$C$19,0)+IF(Input!$D$20=4,K4834*Input!$C$20,0)+IF(Input!$D$21=4,L4834*Input!$C$21,0)+IF(Input!$D$22=4,M4834*Input!$C$22,0)</f>
        <v>0</v>
      </c>
      <c r="R4834" s="58">
        <v>54.979083041760951</v>
      </c>
      <c r="S4834" s="124">
        <f t="shared" si="75"/>
        <v>0.42517818585097206</v>
      </c>
    </row>
    <row r="4835" spans="8:19" x14ac:dyDescent="0.3">
      <c r="H4835" s="44">
        <v>4828</v>
      </c>
      <c r="I4835" s="56">
        <f>Bühler!I4861</f>
        <v>9.811804288868585E-2</v>
      </c>
      <c r="J4835" s="59">
        <f>Bühler!J4861</f>
        <v>0.32706014296228619</v>
      </c>
      <c r="K4835" s="59">
        <f>Bühler!K4861</f>
        <v>0.49059021444342932</v>
      </c>
      <c r="L4835" s="59">
        <f>Bühler!L4861</f>
        <v>6.9911115369944454</v>
      </c>
      <c r="M4835" s="58">
        <f>Bühler!M4861</f>
        <v>0</v>
      </c>
      <c r="N4835" s="56">
        <f>IF(Input!$D$19=1,J4835*Input!$C$19,0)+IF(Input!$D$20=1,K4835*Input!$C$20,0)+IF(Input!$D$21=1,L4835*Input!$C$21,0)+IF(Input!$D$22=1,M4835*Input!$C$22,0)</f>
        <v>9.811804288868585E-2</v>
      </c>
      <c r="O4835" s="59">
        <f>IF(Input!$D$19=2,J4835*Input!$C$19,0)+IF(Input!$D$20=2,K4835*Input!$C$20,0)+IF(Input!$D$21=2,L4835*Input!$C$21,0)+IF(Input!$D$22=2,M4835*Input!$C$22,0)</f>
        <v>0.24529510722171466</v>
      </c>
      <c r="P4835" s="59">
        <f>IF(Input!$D$19=3,J4835*Input!$C$19,0)+IF(Input!$D$20=3,K4835*Input!$C$20,0)+IF(Input!$D$21=3,L4835*Input!$C$21,0)+IF(Input!$D$22=3,M4835*Input!$C$22,0)</f>
        <v>0</v>
      </c>
      <c r="Q4835" s="75">
        <f>IF(Input!$D$19=4,J4835*Input!$C$19,0)+IF(Input!$D$20=4,K4835*Input!$C$20,0)+IF(Input!$D$21=4,L4835*Input!$C$21,0)+IF(Input!$D$22=4,M4835*Input!$C$22,0)</f>
        <v>0</v>
      </c>
      <c r="R4835" s="58">
        <v>54.647850434397661</v>
      </c>
      <c r="S4835" s="124">
        <f t="shared" si="75"/>
        <v>0.42517818585097206</v>
      </c>
    </row>
    <row r="4836" spans="8:19" x14ac:dyDescent="0.3">
      <c r="H4836" s="44">
        <v>4829</v>
      </c>
      <c r="I4836" s="56">
        <f>Bühler!I4862</f>
        <v>9.811804288868585E-2</v>
      </c>
      <c r="J4836" s="59">
        <f>Bühler!J4862</f>
        <v>0.32706014296228619</v>
      </c>
      <c r="K4836" s="59">
        <f>Bühler!K4862</f>
        <v>0.49059021444342932</v>
      </c>
      <c r="L4836" s="59">
        <f>Bühler!L4862</f>
        <v>6.9911115369944454</v>
      </c>
      <c r="M4836" s="58">
        <f>Bühler!M4862</f>
        <v>0</v>
      </c>
      <c r="N4836" s="56">
        <f>IF(Input!$D$19=1,J4836*Input!$C$19,0)+IF(Input!$D$20=1,K4836*Input!$C$20,0)+IF(Input!$D$21=1,L4836*Input!$C$21,0)+IF(Input!$D$22=1,M4836*Input!$C$22,0)</f>
        <v>9.811804288868585E-2</v>
      </c>
      <c r="O4836" s="59">
        <f>IF(Input!$D$19=2,J4836*Input!$C$19,0)+IF(Input!$D$20=2,K4836*Input!$C$20,0)+IF(Input!$D$21=2,L4836*Input!$C$21,0)+IF(Input!$D$22=2,M4836*Input!$C$22,0)</f>
        <v>0.24529510722171466</v>
      </c>
      <c r="P4836" s="59">
        <f>IF(Input!$D$19=3,J4836*Input!$C$19,0)+IF(Input!$D$20=3,K4836*Input!$C$20,0)+IF(Input!$D$21=3,L4836*Input!$C$21,0)+IF(Input!$D$22=3,M4836*Input!$C$22,0)</f>
        <v>0</v>
      </c>
      <c r="Q4836" s="75">
        <f>IF(Input!$D$19=4,J4836*Input!$C$19,0)+IF(Input!$D$20=4,K4836*Input!$C$20,0)+IF(Input!$D$21=4,L4836*Input!$C$21,0)+IF(Input!$D$22=4,M4836*Input!$C$22,0)</f>
        <v>0</v>
      </c>
      <c r="R4836" s="58">
        <v>53.454361982796733</v>
      </c>
      <c r="S4836" s="124">
        <f t="shared" si="75"/>
        <v>0.42517818585097206</v>
      </c>
    </row>
    <row r="4837" spans="8:19" x14ac:dyDescent="0.3">
      <c r="H4837" s="44">
        <v>4830</v>
      </c>
      <c r="I4837" s="56">
        <f>Bühler!I4863</f>
        <v>0.12204927286153605</v>
      </c>
      <c r="J4837" s="59">
        <f>Bühler!J4863</f>
        <v>0.40683090953845358</v>
      </c>
      <c r="K4837" s="59">
        <f>Bühler!K4863</f>
        <v>0.61024636430768031</v>
      </c>
      <c r="L4837" s="59">
        <f>Bühler!L4863</f>
        <v>8.6962606923589458</v>
      </c>
      <c r="M4837" s="58">
        <f>Bühler!M4863</f>
        <v>0</v>
      </c>
      <c r="N4837" s="56">
        <f>IF(Input!$D$19=1,J4837*Input!$C$19,0)+IF(Input!$D$20=1,K4837*Input!$C$20,0)+IF(Input!$D$21=1,L4837*Input!$C$21,0)+IF(Input!$D$22=1,M4837*Input!$C$22,0)</f>
        <v>0.12204927286153607</v>
      </c>
      <c r="O4837" s="59">
        <f>IF(Input!$D$19=2,J4837*Input!$C$19,0)+IF(Input!$D$20=2,K4837*Input!$C$20,0)+IF(Input!$D$21=2,L4837*Input!$C$21,0)+IF(Input!$D$22=2,M4837*Input!$C$22,0)</f>
        <v>0.30512318215384016</v>
      </c>
      <c r="P4837" s="59">
        <f>IF(Input!$D$19=3,J4837*Input!$C$19,0)+IF(Input!$D$20=3,K4837*Input!$C$20,0)+IF(Input!$D$21=3,L4837*Input!$C$21,0)+IF(Input!$D$22=3,M4837*Input!$C$22,0)</f>
        <v>0</v>
      </c>
      <c r="Q4837" s="75">
        <f>IF(Input!$D$19=4,J4837*Input!$C$19,0)+IF(Input!$D$20=4,K4837*Input!$C$20,0)+IF(Input!$D$21=4,L4837*Input!$C$21,0)+IF(Input!$D$22=4,M4837*Input!$C$22,0)</f>
        <v>0</v>
      </c>
      <c r="R4837" s="58">
        <v>52.345860558850447</v>
      </c>
      <c r="S4837" s="124">
        <f t="shared" si="75"/>
        <v>0.52888018239998957</v>
      </c>
    </row>
    <row r="4838" spans="8:19" x14ac:dyDescent="0.3">
      <c r="H4838" s="44">
        <v>4831</v>
      </c>
      <c r="I4838" s="56">
        <f>Bühler!I4864</f>
        <v>0.1531598718262413</v>
      </c>
      <c r="J4838" s="59">
        <f>Bühler!J4864</f>
        <v>0.51053290608747104</v>
      </c>
      <c r="K4838" s="59">
        <f>Bühler!K4864</f>
        <v>0.76579935913120656</v>
      </c>
      <c r="L4838" s="59">
        <f>Bühler!L4864</f>
        <v>10.912954594332794</v>
      </c>
      <c r="M4838" s="58">
        <f>Bühler!M4864</f>
        <v>0</v>
      </c>
      <c r="N4838" s="56">
        <f>IF(Input!$D$19=1,J4838*Input!$C$19,0)+IF(Input!$D$20=1,K4838*Input!$C$20,0)+IF(Input!$D$21=1,L4838*Input!$C$21,0)+IF(Input!$D$22=1,M4838*Input!$C$22,0)</f>
        <v>0.1531598718262413</v>
      </c>
      <c r="O4838" s="59">
        <f>IF(Input!$D$19=2,J4838*Input!$C$19,0)+IF(Input!$D$20=2,K4838*Input!$C$20,0)+IF(Input!$D$21=2,L4838*Input!$C$21,0)+IF(Input!$D$22=2,M4838*Input!$C$22,0)</f>
        <v>0.38289967956560328</v>
      </c>
      <c r="P4838" s="59">
        <f>IF(Input!$D$19=3,J4838*Input!$C$19,0)+IF(Input!$D$20=3,K4838*Input!$C$20,0)+IF(Input!$D$21=3,L4838*Input!$C$21,0)+IF(Input!$D$22=3,M4838*Input!$C$22,0)</f>
        <v>0</v>
      </c>
      <c r="Q4838" s="75">
        <f>IF(Input!$D$19=4,J4838*Input!$C$19,0)+IF(Input!$D$20=4,K4838*Input!$C$20,0)+IF(Input!$D$21=4,L4838*Input!$C$21,0)+IF(Input!$D$22=4,M4838*Input!$C$22,0)</f>
        <v>0</v>
      </c>
      <c r="R4838" s="58">
        <v>51.925788706580747</v>
      </c>
      <c r="S4838" s="124">
        <f t="shared" si="75"/>
        <v>0.66369277791371228</v>
      </c>
    </row>
    <row r="4839" spans="8:19" x14ac:dyDescent="0.3">
      <c r="H4839" s="44">
        <v>4832</v>
      </c>
      <c r="I4839" s="56">
        <f>Bühler!I4865</f>
        <v>0.17469797880180649</v>
      </c>
      <c r="J4839" s="59">
        <f>Bühler!J4865</f>
        <v>0.58232659600602177</v>
      </c>
      <c r="K4839" s="59">
        <f>Bühler!K4865</f>
        <v>0.87348989400903254</v>
      </c>
      <c r="L4839" s="59">
        <f>Bühler!L4865</f>
        <v>12.447588834160843</v>
      </c>
      <c r="M4839" s="58">
        <f>Bühler!M4865</f>
        <v>0</v>
      </c>
      <c r="N4839" s="56">
        <f>IF(Input!$D$19=1,J4839*Input!$C$19,0)+IF(Input!$D$20=1,K4839*Input!$C$20,0)+IF(Input!$D$21=1,L4839*Input!$C$21,0)+IF(Input!$D$22=1,M4839*Input!$C$22,0)</f>
        <v>0.17469797880180651</v>
      </c>
      <c r="O4839" s="59">
        <f>IF(Input!$D$19=2,J4839*Input!$C$19,0)+IF(Input!$D$20=2,K4839*Input!$C$20,0)+IF(Input!$D$21=2,L4839*Input!$C$21,0)+IF(Input!$D$22=2,M4839*Input!$C$22,0)</f>
        <v>0.43674494700451627</v>
      </c>
      <c r="P4839" s="59">
        <f>IF(Input!$D$19=3,J4839*Input!$C$19,0)+IF(Input!$D$20=3,K4839*Input!$C$20,0)+IF(Input!$D$21=3,L4839*Input!$C$21,0)+IF(Input!$D$22=3,M4839*Input!$C$22,0)</f>
        <v>0</v>
      </c>
      <c r="Q4839" s="75">
        <f>IF(Input!$D$19=4,J4839*Input!$C$19,0)+IF(Input!$D$20=4,K4839*Input!$C$20,0)+IF(Input!$D$21=4,L4839*Input!$C$21,0)+IF(Input!$D$22=4,M4839*Input!$C$22,0)</f>
        <v>0</v>
      </c>
      <c r="R4839" s="58">
        <v>52.245518031178925</v>
      </c>
      <c r="S4839" s="124">
        <f t="shared" si="75"/>
        <v>0.75702457480782825</v>
      </c>
    </row>
    <row r="4840" spans="8:19" x14ac:dyDescent="0.3">
      <c r="H4840" s="44">
        <v>4833</v>
      </c>
      <c r="I4840" s="56">
        <f>Bühler!I4866</f>
        <v>0.17469797880180649</v>
      </c>
      <c r="J4840" s="59">
        <f>Bühler!J4866</f>
        <v>0.58232659600602177</v>
      </c>
      <c r="K4840" s="59">
        <f>Bühler!K4866</f>
        <v>0.87348989400903254</v>
      </c>
      <c r="L4840" s="59">
        <f>Bühler!L4866</f>
        <v>12.447588834160843</v>
      </c>
      <c r="M4840" s="58">
        <f>Bühler!M4866</f>
        <v>0</v>
      </c>
      <c r="N4840" s="56">
        <f>IF(Input!$D$19=1,J4840*Input!$C$19,0)+IF(Input!$D$20=1,K4840*Input!$C$20,0)+IF(Input!$D$21=1,L4840*Input!$C$21,0)+IF(Input!$D$22=1,M4840*Input!$C$22,0)</f>
        <v>0.17469797880180651</v>
      </c>
      <c r="O4840" s="59">
        <f>IF(Input!$D$19=2,J4840*Input!$C$19,0)+IF(Input!$D$20=2,K4840*Input!$C$20,0)+IF(Input!$D$21=2,L4840*Input!$C$21,0)+IF(Input!$D$22=2,M4840*Input!$C$22,0)</f>
        <v>0.43674494700451627</v>
      </c>
      <c r="P4840" s="59">
        <f>IF(Input!$D$19=3,J4840*Input!$C$19,0)+IF(Input!$D$20=3,K4840*Input!$C$20,0)+IF(Input!$D$21=3,L4840*Input!$C$21,0)+IF(Input!$D$22=3,M4840*Input!$C$22,0)</f>
        <v>0</v>
      </c>
      <c r="Q4840" s="75">
        <f>IF(Input!$D$19=4,J4840*Input!$C$19,0)+IF(Input!$D$20=4,K4840*Input!$C$20,0)+IF(Input!$D$21=4,L4840*Input!$C$21,0)+IF(Input!$D$22=4,M4840*Input!$C$22,0)</f>
        <v>0</v>
      </c>
      <c r="R4840" s="58">
        <v>51.823973049639321</v>
      </c>
      <c r="S4840" s="124">
        <f t="shared" si="75"/>
        <v>0.75702457480782825</v>
      </c>
    </row>
    <row r="4841" spans="8:19" x14ac:dyDescent="0.3">
      <c r="H4841" s="44">
        <v>4834</v>
      </c>
      <c r="I4841" s="56">
        <f>Bühler!I4867</f>
        <v>0.17469797880180649</v>
      </c>
      <c r="J4841" s="59">
        <f>Bühler!J4867</f>
        <v>0.58232659600602177</v>
      </c>
      <c r="K4841" s="59">
        <f>Bühler!K4867</f>
        <v>0.87348989400903254</v>
      </c>
      <c r="L4841" s="59">
        <f>Bühler!L4867</f>
        <v>12.447588834160843</v>
      </c>
      <c r="M4841" s="58">
        <f>Bühler!M4867</f>
        <v>0</v>
      </c>
      <c r="N4841" s="56">
        <f>IF(Input!$D$19=1,J4841*Input!$C$19,0)+IF(Input!$D$20=1,K4841*Input!$C$20,0)+IF(Input!$D$21=1,L4841*Input!$C$21,0)+IF(Input!$D$22=1,M4841*Input!$C$22,0)</f>
        <v>0.17469797880180651</v>
      </c>
      <c r="O4841" s="59">
        <f>IF(Input!$D$19=2,J4841*Input!$C$19,0)+IF(Input!$D$20=2,K4841*Input!$C$20,0)+IF(Input!$D$21=2,L4841*Input!$C$21,0)+IF(Input!$D$22=2,M4841*Input!$C$22,0)</f>
        <v>0.43674494700451627</v>
      </c>
      <c r="P4841" s="59">
        <f>IF(Input!$D$19=3,J4841*Input!$C$19,0)+IF(Input!$D$20=3,K4841*Input!$C$20,0)+IF(Input!$D$21=3,L4841*Input!$C$21,0)+IF(Input!$D$22=3,M4841*Input!$C$22,0)</f>
        <v>0</v>
      </c>
      <c r="Q4841" s="75">
        <f>IF(Input!$D$19=4,J4841*Input!$C$19,0)+IF(Input!$D$20=4,K4841*Input!$C$20,0)+IF(Input!$D$21=4,L4841*Input!$C$21,0)+IF(Input!$D$22=4,M4841*Input!$C$22,0)</f>
        <v>0</v>
      </c>
      <c r="R4841" s="58">
        <v>51.314367586792734</v>
      </c>
      <c r="S4841" s="124">
        <f t="shared" si="75"/>
        <v>0.75702457480782825</v>
      </c>
    </row>
    <row r="4842" spans="8:19" x14ac:dyDescent="0.3">
      <c r="H4842" s="44">
        <v>4835</v>
      </c>
      <c r="I4842" s="56">
        <f>Bühler!I4868</f>
        <v>0.17469797880180649</v>
      </c>
      <c r="J4842" s="59">
        <f>Bühler!J4868</f>
        <v>0.58232659600602177</v>
      </c>
      <c r="K4842" s="59">
        <f>Bühler!K4868</f>
        <v>0.87348989400903254</v>
      </c>
      <c r="L4842" s="59">
        <f>Bühler!L4868</f>
        <v>12.447588834160843</v>
      </c>
      <c r="M4842" s="58">
        <f>Bühler!M4868</f>
        <v>0</v>
      </c>
      <c r="N4842" s="56">
        <f>IF(Input!$D$19=1,J4842*Input!$C$19,0)+IF(Input!$D$20=1,K4842*Input!$C$20,0)+IF(Input!$D$21=1,L4842*Input!$C$21,0)+IF(Input!$D$22=1,M4842*Input!$C$22,0)</f>
        <v>0.17469797880180651</v>
      </c>
      <c r="O4842" s="59">
        <f>IF(Input!$D$19=2,J4842*Input!$C$19,0)+IF(Input!$D$20=2,K4842*Input!$C$20,0)+IF(Input!$D$21=2,L4842*Input!$C$21,0)+IF(Input!$D$22=2,M4842*Input!$C$22,0)</f>
        <v>0.43674494700451627</v>
      </c>
      <c r="P4842" s="59">
        <f>IF(Input!$D$19=3,J4842*Input!$C$19,0)+IF(Input!$D$20=3,K4842*Input!$C$20,0)+IF(Input!$D$21=3,L4842*Input!$C$21,0)+IF(Input!$D$22=3,M4842*Input!$C$22,0)</f>
        <v>0</v>
      </c>
      <c r="Q4842" s="75">
        <f>IF(Input!$D$19=4,J4842*Input!$C$19,0)+IF(Input!$D$20=4,K4842*Input!$C$20,0)+IF(Input!$D$21=4,L4842*Input!$C$21,0)+IF(Input!$D$22=4,M4842*Input!$C$22,0)</f>
        <v>0</v>
      </c>
      <c r="R4842" s="58">
        <v>50.88648426783309</v>
      </c>
      <c r="S4842" s="124">
        <f t="shared" si="75"/>
        <v>0.75702457480782825</v>
      </c>
    </row>
    <row r="4843" spans="8:19" x14ac:dyDescent="0.3">
      <c r="H4843" s="44">
        <v>4836</v>
      </c>
      <c r="I4843" s="56">
        <f>Bühler!I4869</f>
        <v>0.17469797880180649</v>
      </c>
      <c r="J4843" s="59">
        <f>Bühler!J4869</f>
        <v>0.58232659600602177</v>
      </c>
      <c r="K4843" s="59">
        <f>Bühler!K4869</f>
        <v>0.87348989400903254</v>
      </c>
      <c r="L4843" s="59">
        <f>Bühler!L4869</f>
        <v>12.447588834160843</v>
      </c>
      <c r="M4843" s="58">
        <f>Bühler!M4869</f>
        <v>0</v>
      </c>
      <c r="N4843" s="56">
        <f>IF(Input!$D$19=1,J4843*Input!$C$19,0)+IF(Input!$D$20=1,K4843*Input!$C$20,0)+IF(Input!$D$21=1,L4843*Input!$C$21,0)+IF(Input!$D$22=1,M4843*Input!$C$22,0)</f>
        <v>0.17469797880180651</v>
      </c>
      <c r="O4843" s="59">
        <f>IF(Input!$D$19=2,J4843*Input!$C$19,0)+IF(Input!$D$20=2,K4843*Input!$C$20,0)+IF(Input!$D$21=2,L4843*Input!$C$21,0)+IF(Input!$D$22=2,M4843*Input!$C$22,0)</f>
        <v>0.43674494700451627</v>
      </c>
      <c r="P4843" s="59">
        <f>IF(Input!$D$19=3,J4843*Input!$C$19,0)+IF(Input!$D$20=3,K4843*Input!$C$20,0)+IF(Input!$D$21=3,L4843*Input!$C$21,0)+IF(Input!$D$22=3,M4843*Input!$C$22,0)</f>
        <v>0</v>
      </c>
      <c r="Q4843" s="75">
        <f>IF(Input!$D$19=4,J4843*Input!$C$19,0)+IF(Input!$D$20=4,K4843*Input!$C$20,0)+IF(Input!$D$21=4,L4843*Input!$C$21,0)+IF(Input!$D$22=4,M4843*Input!$C$22,0)</f>
        <v>0</v>
      </c>
      <c r="R4843" s="58">
        <v>50.803244432255944</v>
      </c>
      <c r="S4843" s="124">
        <f t="shared" si="75"/>
        <v>0.75702457480782825</v>
      </c>
    </row>
    <row r="4844" spans="8:19" x14ac:dyDescent="0.3">
      <c r="H4844" s="44">
        <v>4837</v>
      </c>
      <c r="I4844" s="56">
        <f>Bühler!I4870</f>
        <v>0.17469797880180649</v>
      </c>
      <c r="J4844" s="59">
        <f>Bühler!J4870</f>
        <v>0.58232659600602177</v>
      </c>
      <c r="K4844" s="59">
        <f>Bühler!K4870</f>
        <v>0.87348989400903254</v>
      </c>
      <c r="L4844" s="59">
        <f>Bühler!L4870</f>
        <v>12.447588834160843</v>
      </c>
      <c r="M4844" s="58">
        <f>Bühler!M4870</f>
        <v>0</v>
      </c>
      <c r="N4844" s="56">
        <f>IF(Input!$D$19=1,J4844*Input!$C$19,0)+IF(Input!$D$20=1,K4844*Input!$C$20,0)+IF(Input!$D$21=1,L4844*Input!$C$21,0)+IF(Input!$D$22=1,M4844*Input!$C$22,0)</f>
        <v>0.17469797880180651</v>
      </c>
      <c r="O4844" s="59">
        <f>IF(Input!$D$19=2,J4844*Input!$C$19,0)+IF(Input!$D$20=2,K4844*Input!$C$20,0)+IF(Input!$D$21=2,L4844*Input!$C$21,0)+IF(Input!$D$22=2,M4844*Input!$C$22,0)</f>
        <v>0.43674494700451627</v>
      </c>
      <c r="P4844" s="59">
        <f>IF(Input!$D$19=3,J4844*Input!$C$19,0)+IF(Input!$D$20=3,K4844*Input!$C$20,0)+IF(Input!$D$21=3,L4844*Input!$C$21,0)+IF(Input!$D$22=3,M4844*Input!$C$22,0)</f>
        <v>0</v>
      </c>
      <c r="Q4844" s="75">
        <f>IF(Input!$D$19=4,J4844*Input!$C$19,0)+IF(Input!$D$20=4,K4844*Input!$C$20,0)+IF(Input!$D$21=4,L4844*Input!$C$21,0)+IF(Input!$D$22=4,M4844*Input!$C$22,0)</f>
        <v>0</v>
      </c>
      <c r="R4844" s="58">
        <v>49.556961928101408</v>
      </c>
      <c r="S4844" s="124">
        <f t="shared" si="75"/>
        <v>0.75702457480782825</v>
      </c>
    </row>
    <row r="4845" spans="8:19" x14ac:dyDescent="0.3">
      <c r="H4845" s="44">
        <v>4838</v>
      </c>
      <c r="I4845" s="56">
        <f>Bühler!I4871</f>
        <v>0.17469797880180649</v>
      </c>
      <c r="J4845" s="59">
        <f>Bühler!J4871</f>
        <v>0.58232659600602177</v>
      </c>
      <c r="K4845" s="59">
        <f>Bühler!K4871</f>
        <v>0.87348989400903254</v>
      </c>
      <c r="L4845" s="59">
        <f>Bühler!L4871</f>
        <v>12.447588834160843</v>
      </c>
      <c r="M4845" s="58">
        <f>Bühler!M4871</f>
        <v>0</v>
      </c>
      <c r="N4845" s="56">
        <f>IF(Input!$D$19=1,J4845*Input!$C$19,0)+IF(Input!$D$20=1,K4845*Input!$C$20,0)+IF(Input!$D$21=1,L4845*Input!$C$21,0)+IF(Input!$D$22=1,M4845*Input!$C$22,0)</f>
        <v>0.17469797880180651</v>
      </c>
      <c r="O4845" s="59">
        <f>IF(Input!$D$19=2,J4845*Input!$C$19,0)+IF(Input!$D$20=2,K4845*Input!$C$20,0)+IF(Input!$D$21=2,L4845*Input!$C$21,0)+IF(Input!$D$22=2,M4845*Input!$C$22,0)</f>
        <v>0.43674494700451627</v>
      </c>
      <c r="P4845" s="59">
        <f>IF(Input!$D$19=3,J4845*Input!$C$19,0)+IF(Input!$D$20=3,K4845*Input!$C$20,0)+IF(Input!$D$21=3,L4845*Input!$C$21,0)+IF(Input!$D$22=3,M4845*Input!$C$22,0)</f>
        <v>0</v>
      </c>
      <c r="Q4845" s="75">
        <f>IF(Input!$D$19=4,J4845*Input!$C$19,0)+IF(Input!$D$20=4,K4845*Input!$C$20,0)+IF(Input!$D$21=4,L4845*Input!$C$21,0)+IF(Input!$D$22=4,M4845*Input!$C$22,0)</f>
        <v>0</v>
      </c>
      <c r="R4845" s="58">
        <v>48.9591929725784</v>
      </c>
      <c r="S4845" s="124">
        <f t="shared" si="75"/>
        <v>0.75702457480782825</v>
      </c>
    </row>
    <row r="4846" spans="8:19" x14ac:dyDescent="0.3">
      <c r="H4846" s="44">
        <v>4839</v>
      </c>
      <c r="I4846" s="56">
        <f>Bühler!I4872</f>
        <v>0.17469797880180649</v>
      </c>
      <c r="J4846" s="59">
        <f>Bühler!J4872</f>
        <v>0.58232659600602177</v>
      </c>
      <c r="K4846" s="59">
        <f>Bühler!K4872</f>
        <v>0.87348989400903254</v>
      </c>
      <c r="L4846" s="59">
        <f>Bühler!L4872</f>
        <v>12.447588834160843</v>
      </c>
      <c r="M4846" s="58">
        <f>Bühler!M4872</f>
        <v>0</v>
      </c>
      <c r="N4846" s="56">
        <f>IF(Input!$D$19=1,J4846*Input!$C$19,0)+IF(Input!$D$20=1,K4846*Input!$C$20,0)+IF(Input!$D$21=1,L4846*Input!$C$21,0)+IF(Input!$D$22=1,M4846*Input!$C$22,0)</f>
        <v>0.17469797880180651</v>
      </c>
      <c r="O4846" s="59">
        <f>IF(Input!$D$19=2,J4846*Input!$C$19,0)+IF(Input!$D$20=2,K4846*Input!$C$20,0)+IF(Input!$D$21=2,L4846*Input!$C$21,0)+IF(Input!$D$22=2,M4846*Input!$C$22,0)</f>
        <v>0.43674494700451627</v>
      </c>
      <c r="P4846" s="59">
        <f>IF(Input!$D$19=3,J4846*Input!$C$19,0)+IF(Input!$D$20=3,K4846*Input!$C$20,0)+IF(Input!$D$21=3,L4846*Input!$C$21,0)+IF(Input!$D$22=3,M4846*Input!$C$22,0)</f>
        <v>0</v>
      </c>
      <c r="Q4846" s="75">
        <f>IF(Input!$D$19=4,J4846*Input!$C$19,0)+IF(Input!$D$20=4,K4846*Input!$C$20,0)+IF(Input!$D$21=4,L4846*Input!$C$21,0)+IF(Input!$D$22=4,M4846*Input!$C$22,0)</f>
        <v>0</v>
      </c>
      <c r="R4846" s="58">
        <v>48.12495975130571</v>
      </c>
      <c r="S4846" s="124">
        <f t="shared" si="75"/>
        <v>0.75702457480782825</v>
      </c>
    </row>
    <row r="4847" spans="8:19" x14ac:dyDescent="0.3">
      <c r="H4847" s="44">
        <v>4840</v>
      </c>
      <c r="I4847" s="56">
        <f>Bühler!I4873</f>
        <v>0.15794611782081136</v>
      </c>
      <c r="J4847" s="59">
        <f>Bühler!J4873</f>
        <v>0.52648705940270457</v>
      </c>
      <c r="K4847" s="59">
        <f>Bühler!K4873</f>
        <v>0.7897305891040568</v>
      </c>
      <c r="L4847" s="59">
        <f>Bühler!L4873</f>
        <v>11.253984425405692</v>
      </c>
      <c r="M4847" s="58">
        <f>Bühler!M4873</f>
        <v>0</v>
      </c>
      <c r="N4847" s="56">
        <f>IF(Input!$D$19=1,J4847*Input!$C$19,0)+IF(Input!$D$20=1,K4847*Input!$C$20,0)+IF(Input!$D$21=1,L4847*Input!$C$21,0)+IF(Input!$D$22=1,M4847*Input!$C$22,0)</f>
        <v>0.15794611782081136</v>
      </c>
      <c r="O4847" s="59">
        <f>IF(Input!$D$19=2,J4847*Input!$C$19,0)+IF(Input!$D$20=2,K4847*Input!$C$20,0)+IF(Input!$D$21=2,L4847*Input!$C$21,0)+IF(Input!$D$22=2,M4847*Input!$C$22,0)</f>
        <v>0.3948652945520284</v>
      </c>
      <c r="P4847" s="59">
        <f>IF(Input!$D$19=3,J4847*Input!$C$19,0)+IF(Input!$D$20=3,K4847*Input!$C$20,0)+IF(Input!$D$21=3,L4847*Input!$C$21,0)+IF(Input!$D$22=3,M4847*Input!$C$22,0)</f>
        <v>0</v>
      </c>
      <c r="Q4847" s="75">
        <f>IF(Input!$D$19=4,J4847*Input!$C$19,0)+IF(Input!$D$20=4,K4847*Input!$C$20,0)+IF(Input!$D$21=4,L4847*Input!$C$21,0)+IF(Input!$D$22=4,M4847*Input!$C$22,0)</f>
        <v>0</v>
      </c>
      <c r="R4847" s="58">
        <v>47.595719540814301</v>
      </c>
      <c r="S4847" s="124">
        <f t="shared" si="75"/>
        <v>0.68443317722351593</v>
      </c>
    </row>
    <row r="4848" spans="8:19" x14ac:dyDescent="0.3">
      <c r="H4848" s="44">
        <v>4841</v>
      </c>
      <c r="I4848" s="56">
        <f>Bühler!I4874</f>
        <v>0.14358737983710124</v>
      </c>
      <c r="J4848" s="59">
        <f>Bühler!J4874</f>
        <v>0.47862459945700414</v>
      </c>
      <c r="K4848" s="59">
        <f>Bühler!K4874</f>
        <v>0.71793689918550618</v>
      </c>
      <c r="L4848" s="59">
        <f>Bühler!L4874</f>
        <v>10.230894932186994</v>
      </c>
      <c r="M4848" s="58">
        <f>Bühler!M4874</f>
        <v>0</v>
      </c>
      <c r="N4848" s="56">
        <f>IF(Input!$D$19=1,J4848*Input!$C$19,0)+IF(Input!$D$20=1,K4848*Input!$C$20,0)+IF(Input!$D$21=1,L4848*Input!$C$21,0)+IF(Input!$D$22=1,M4848*Input!$C$22,0)</f>
        <v>0.14358737983710124</v>
      </c>
      <c r="O4848" s="59">
        <f>IF(Input!$D$19=2,J4848*Input!$C$19,0)+IF(Input!$D$20=2,K4848*Input!$C$20,0)+IF(Input!$D$21=2,L4848*Input!$C$21,0)+IF(Input!$D$22=2,M4848*Input!$C$22,0)</f>
        <v>0.35896844959275309</v>
      </c>
      <c r="P4848" s="59">
        <f>IF(Input!$D$19=3,J4848*Input!$C$19,0)+IF(Input!$D$20=3,K4848*Input!$C$20,0)+IF(Input!$D$21=3,L4848*Input!$C$21,0)+IF(Input!$D$22=3,M4848*Input!$C$22,0)</f>
        <v>0</v>
      </c>
      <c r="Q4848" s="75">
        <f>IF(Input!$D$19=4,J4848*Input!$C$19,0)+IF(Input!$D$20=4,K4848*Input!$C$20,0)+IF(Input!$D$21=4,L4848*Input!$C$21,0)+IF(Input!$D$22=4,M4848*Input!$C$22,0)</f>
        <v>0</v>
      </c>
      <c r="R4848" s="58">
        <v>46.54626291187288</v>
      </c>
      <c r="S4848" s="124">
        <f t="shared" si="75"/>
        <v>0.62221197929410543</v>
      </c>
    </row>
    <row r="4849" spans="8:19" x14ac:dyDescent="0.3">
      <c r="H4849" s="44">
        <v>4842</v>
      </c>
      <c r="I4849" s="56">
        <f>Bühler!I4875</f>
        <v>0.12922864185339111</v>
      </c>
      <c r="J4849" s="59">
        <f>Bühler!J4875</f>
        <v>0.43076213951130371</v>
      </c>
      <c r="K4849" s="59">
        <f>Bühler!K4875</f>
        <v>0.64614320926695556</v>
      </c>
      <c r="L4849" s="59">
        <f>Bühler!L4875</f>
        <v>9.2078054389682951</v>
      </c>
      <c r="M4849" s="58">
        <f>Bühler!M4875</f>
        <v>0</v>
      </c>
      <c r="N4849" s="56">
        <f>IF(Input!$D$19=1,J4849*Input!$C$19,0)+IF(Input!$D$20=1,K4849*Input!$C$20,0)+IF(Input!$D$21=1,L4849*Input!$C$21,0)+IF(Input!$D$22=1,M4849*Input!$C$22,0)</f>
        <v>0.12922864185339111</v>
      </c>
      <c r="O4849" s="59">
        <f>IF(Input!$D$19=2,J4849*Input!$C$19,0)+IF(Input!$D$20=2,K4849*Input!$C$20,0)+IF(Input!$D$21=2,L4849*Input!$C$21,0)+IF(Input!$D$22=2,M4849*Input!$C$22,0)</f>
        <v>0.32307160463347778</v>
      </c>
      <c r="P4849" s="59">
        <f>IF(Input!$D$19=3,J4849*Input!$C$19,0)+IF(Input!$D$20=3,K4849*Input!$C$20,0)+IF(Input!$D$21=3,L4849*Input!$C$21,0)+IF(Input!$D$22=3,M4849*Input!$C$22,0)</f>
        <v>0</v>
      </c>
      <c r="Q4849" s="75">
        <f>IF(Input!$D$19=4,J4849*Input!$C$19,0)+IF(Input!$D$20=4,K4849*Input!$C$20,0)+IF(Input!$D$21=4,L4849*Input!$C$21,0)+IF(Input!$D$22=4,M4849*Input!$C$22,0)</f>
        <v>0</v>
      </c>
      <c r="R4849" s="58">
        <v>45.541402399635999</v>
      </c>
      <c r="S4849" s="124">
        <f t="shared" si="75"/>
        <v>0.55999078136469482</v>
      </c>
    </row>
    <row r="4850" spans="8:19" x14ac:dyDescent="0.3">
      <c r="H4850" s="44">
        <v>4843</v>
      </c>
      <c r="I4850" s="56">
        <f>Bühler!I4876</f>
        <v>0.12444239585882105</v>
      </c>
      <c r="J4850" s="59">
        <f>Bühler!J4876</f>
        <v>0.41480798619607023</v>
      </c>
      <c r="K4850" s="59">
        <f>Bühler!K4876</f>
        <v>0.62221197929410532</v>
      </c>
      <c r="L4850" s="59">
        <f>Bühler!L4876</f>
        <v>8.866775607895395</v>
      </c>
      <c r="M4850" s="58">
        <f>Bühler!M4876</f>
        <v>0</v>
      </c>
      <c r="N4850" s="56">
        <f>IF(Input!$D$19=1,J4850*Input!$C$19,0)+IF(Input!$D$20=1,K4850*Input!$C$20,0)+IF(Input!$D$21=1,L4850*Input!$C$21,0)+IF(Input!$D$22=1,M4850*Input!$C$22,0)</f>
        <v>0.12444239585882107</v>
      </c>
      <c r="O4850" s="59">
        <f>IF(Input!$D$19=2,J4850*Input!$C$19,0)+IF(Input!$D$20=2,K4850*Input!$C$20,0)+IF(Input!$D$21=2,L4850*Input!$C$21,0)+IF(Input!$D$22=2,M4850*Input!$C$22,0)</f>
        <v>0.31110598964705266</v>
      </c>
      <c r="P4850" s="59">
        <f>IF(Input!$D$19=3,J4850*Input!$C$19,0)+IF(Input!$D$20=3,K4850*Input!$C$20,0)+IF(Input!$D$21=3,L4850*Input!$C$21,0)+IF(Input!$D$22=3,M4850*Input!$C$22,0)</f>
        <v>0</v>
      </c>
      <c r="Q4850" s="75">
        <f>IF(Input!$D$19=4,J4850*Input!$C$19,0)+IF(Input!$D$20=4,K4850*Input!$C$20,0)+IF(Input!$D$21=4,L4850*Input!$C$21,0)+IF(Input!$D$22=4,M4850*Input!$C$22,0)</f>
        <v>0</v>
      </c>
      <c r="R4850" s="58">
        <v>44.655823875199147</v>
      </c>
      <c r="S4850" s="124">
        <f t="shared" si="75"/>
        <v>0.53925038205489129</v>
      </c>
    </row>
    <row r="4851" spans="8:19" x14ac:dyDescent="0.3">
      <c r="H4851" s="44">
        <v>4844</v>
      </c>
      <c r="I4851" s="56">
        <f>Bühler!I4877</f>
        <v>0.10051116588597084</v>
      </c>
      <c r="J4851" s="59">
        <f>Bühler!J4877</f>
        <v>0.33503721961990285</v>
      </c>
      <c r="K4851" s="59">
        <f>Bühler!K4877</f>
        <v>0.50255582942985422</v>
      </c>
      <c r="L4851" s="59">
        <f>Bühler!L4877</f>
        <v>7.1616264525308955</v>
      </c>
      <c r="M4851" s="58">
        <f>Bühler!M4877</f>
        <v>0</v>
      </c>
      <c r="N4851" s="56">
        <f>IF(Input!$D$19=1,J4851*Input!$C$19,0)+IF(Input!$D$20=1,K4851*Input!$C$20,0)+IF(Input!$D$21=1,L4851*Input!$C$21,0)+IF(Input!$D$22=1,M4851*Input!$C$22,0)</f>
        <v>0.10051116588597085</v>
      </c>
      <c r="O4851" s="59">
        <f>IF(Input!$D$19=2,J4851*Input!$C$19,0)+IF(Input!$D$20=2,K4851*Input!$C$20,0)+IF(Input!$D$21=2,L4851*Input!$C$21,0)+IF(Input!$D$22=2,M4851*Input!$C$22,0)</f>
        <v>0.25127791471492711</v>
      </c>
      <c r="P4851" s="59">
        <f>IF(Input!$D$19=3,J4851*Input!$C$19,0)+IF(Input!$D$20=3,K4851*Input!$C$20,0)+IF(Input!$D$21=3,L4851*Input!$C$21,0)+IF(Input!$D$22=3,M4851*Input!$C$22,0)</f>
        <v>0</v>
      </c>
      <c r="Q4851" s="75">
        <f>IF(Input!$D$19=4,J4851*Input!$C$19,0)+IF(Input!$D$20=4,K4851*Input!$C$20,0)+IF(Input!$D$21=4,L4851*Input!$C$21,0)+IF(Input!$D$22=4,M4851*Input!$C$22,0)</f>
        <v>0</v>
      </c>
      <c r="R4851" s="58">
        <v>43.96993751929184</v>
      </c>
      <c r="S4851" s="124">
        <f t="shared" si="75"/>
        <v>0.43554838550587371</v>
      </c>
    </row>
    <row r="4852" spans="8:19" x14ac:dyDescent="0.3">
      <c r="H4852" s="44">
        <v>4845</v>
      </c>
      <c r="I4852" s="56">
        <f>Bühler!I4878</f>
        <v>7.418681291583562E-2</v>
      </c>
      <c r="J4852" s="59">
        <f>Bühler!J4878</f>
        <v>0.24728937638611878</v>
      </c>
      <c r="K4852" s="59">
        <f>Bühler!K4878</f>
        <v>0.37093406457917816</v>
      </c>
      <c r="L4852" s="59">
        <f>Bühler!L4878</f>
        <v>5.2859623816299468</v>
      </c>
      <c r="M4852" s="58">
        <f>Bühler!M4878</f>
        <v>0</v>
      </c>
      <c r="N4852" s="56">
        <f>IF(Input!$D$19=1,J4852*Input!$C$19,0)+IF(Input!$D$20=1,K4852*Input!$C$20,0)+IF(Input!$D$21=1,L4852*Input!$C$21,0)+IF(Input!$D$22=1,M4852*Input!$C$22,0)</f>
        <v>7.4186812915835634E-2</v>
      </c>
      <c r="O4852" s="59">
        <f>IF(Input!$D$19=2,J4852*Input!$C$19,0)+IF(Input!$D$20=2,K4852*Input!$C$20,0)+IF(Input!$D$21=2,L4852*Input!$C$21,0)+IF(Input!$D$22=2,M4852*Input!$C$22,0)</f>
        <v>0.18546703228958908</v>
      </c>
      <c r="P4852" s="59">
        <f>IF(Input!$D$19=3,J4852*Input!$C$19,0)+IF(Input!$D$20=3,K4852*Input!$C$20,0)+IF(Input!$D$21=3,L4852*Input!$C$21,0)+IF(Input!$D$22=3,M4852*Input!$C$22,0)</f>
        <v>0</v>
      </c>
      <c r="Q4852" s="75">
        <f>IF(Input!$D$19=4,J4852*Input!$C$19,0)+IF(Input!$D$20=4,K4852*Input!$C$20,0)+IF(Input!$D$21=4,L4852*Input!$C$21,0)+IF(Input!$D$22=4,M4852*Input!$C$22,0)</f>
        <v>0</v>
      </c>
      <c r="R4852" s="58">
        <v>42.498344946784599</v>
      </c>
      <c r="S4852" s="124">
        <f t="shared" si="75"/>
        <v>0.32147618930195443</v>
      </c>
    </row>
    <row r="4853" spans="8:19" x14ac:dyDescent="0.3">
      <c r="H4853" s="44">
        <v>4846</v>
      </c>
      <c r="I4853" s="56">
        <f>Bühler!I4879</f>
        <v>7.418681291583562E-2</v>
      </c>
      <c r="J4853" s="59">
        <f>Bühler!J4879</f>
        <v>0.24728937638611878</v>
      </c>
      <c r="K4853" s="59">
        <f>Bühler!K4879</f>
        <v>0.37093406457917816</v>
      </c>
      <c r="L4853" s="59">
        <f>Bühler!L4879</f>
        <v>5.2859623816299468</v>
      </c>
      <c r="M4853" s="58">
        <f>Bühler!M4879</f>
        <v>0</v>
      </c>
      <c r="N4853" s="56">
        <f>IF(Input!$D$19=1,J4853*Input!$C$19,0)+IF(Input!$D$20=1,K4853*Input!$C$20,0)+IF(Input!$D$21=1,L4853*Input!$C$21,0)+IF(Input!$D$22=1,M4853*Input!$C$22,0)</f>
        <v>7.4186812915835634E-2</v>
      </c>
      <c r="O4853" s="59">
        <f>IF(Input!$D$19=2,J4853*Input!$C$19,0)+IF(Input!$D$20=2,K4853*Input!$C$20,0)+IF(Input!$D$21=2,L4853*Input!$C$21,0)+IF(Input!$D$22=2,M4853*Input!$C$22,0)</f>
        <v>0.18546703228958908</v>
      </c>
      <c r="P4853" s="59">
        <f>IF(Input!$D$19=3,J4853*Input!$C$19,0)+IF(Input!$D$20=3,K4853*Input!$C$20,0)+IF(Input!$D$21=3,L4853*Input!$C$21,0)+IF(Input!$D$22=3,M4853*Input!$C$22,0)</f>
        <v>0</v>
      </c>
      <c r="Q4853" s="75">
        <f>IF(Input!$D$19=4,J4853*Input!$C$19,0)+IF(Input!$D$20=4,K4853*Input!$C$20,0)+IF(Input!$D$21=4,L4853*Input!$C$21,0)+IF(Input!$D$22=4,M4853*Input!$C$22,0)</f>
        <v>0</v>
      </c>
      <c r="R4853" s="58">
        <v>41.412421940009118</v>
      </c>
      <c r="S4853" s="124">
        <f t="shared" si="75"/>
        <v>0.32147618930195443</v>
      </c>
    </row>
    <row r="4854" spans="8:19" x14ac:dyDescent="0.3">
      <c r="H4854" s="44">
        <v>4847</v>
      </c>
      <c r="I4854" s="56">
        <f>Bühler!I4880</f>
        <v>7.418681291583562E-2</v>
      </c>
      <c r="J4854" s="59">
        <f>Bühler!J4880</f>
        <v>0.24728937638611878</v>
      </c>
      <c r="K4854" s="59">
        <f>Bühler!K4880</f>
        <v>0.37093406457917816</v>
      </c>
      <c r="L4854" s="59">
        <f>Bühler!L4880</f>
        <v>5.2859623816299468</v>
      </c>
      <c r="M4854" s="58">
        <f>Bühler!M4880</f>
        <v>0</v>
      </c>
      <c r="N4854" s="56">
        <f>IF(Input!$D$19=1,J4854*Input!$C$19,0)+IF(Input!$D$20=1,K4854*Input!$C$20,0)+IF(Input!$D$21=1,L4854*Input!$C$21,0)+IF(Input!$D$22=1,M4854*Input!$C$22,0)</f>
        <v>7.4186812915835634E-2</v>
      </c>
      <c r="O4854" s="59">
        <f>IF(Input!$D$19=2,J4854*Input!$C$19,0)+IF(Input!$D$20=2,K4854*Input!$C$20,0)+IF(Input!$D$21=2,L4854*Input!$C$21,0)+IF(Input!$D$22=2,M4854*Input!$C$22,0)</f>
        <v>0.18546703228958908</v>
      </c>
      <c r="P4854" s="59">
        <f>IF(Input!$D$19=3,J4854*Input!$C$19,0)+IF(Input!$D$20=3,K4854*Input!$C$20,0)+IF(Input!$D$21=3,L4854*Input!$C$21,0)+IF(Input!$D$22=3,M4854*Input!$C$22,0)</f>
        <v>0</v>
      </c>
      <c r="Q4854" s="75">
        <f>IF(Input!$D$19=4,J4854*Input!$C$19,0)+IF(Input!$D$20=4,K4854*Input!$C$20,0)+IF(Input!$D$21=4,L4854*Input!$C$21,0)+IF(Input!$D$22=4,M4854*Input!$C$22,0)</f>
        <v>0</v>
      </c>
      <c r="R4854" s="58">
        <v>41.664224700661954</v>
      </c>
      <c r="S4854" s="124">
        <f t="shared" si="75"/>
        <v>0.32147618930195443</v>
      </c>
    </row>
    <row r="4855" spans="8:19" x14ac:dyDescent="0.3">
      <c r="H4855" s="44">
        <v>4848</v>
      </c>
      <c r="I4855" s="56">
        <f>Bühler!I4881</f>
        <v>7.418681291583562E-2</v>
      </c>
      <c r="J4855" s="59">
        <f>Bühler!J4881</f>
        <v>0.24728937638611878</v>
      </c>
      <c r="K4855" s="59">
        <f>Bühler!K4881</f>
        <v>0.37093406457917816</v>
      </c>
      <c r="L4855" s="59">
        <f>Bühler!L4881</f>
        <v>5.2859623816299468</v>
      </c>
      <c r="M4855" s="58">
        <f>Bühler!M4881</f>
        <v>0</v>
      </c>
      <c r="N4855" s="56">
        <f>IF(Input!$D$19=1,J4855*Input!$C$19,0)+IF(Input!$D$20=1,K4855*Input!$C$20,0)+IF(Input!$D$21=1,L4855*Input!$C$21,0)+IF(Input!$D$22=1,M4855*Input!$C$22,0)</f>
        <v>7.4186812915835634E-2</v>
      </c>
      <c r="O4855" s="59">
        <f>IF(Input!$D$19=2,J4855*Input!$C$19,0)+IF(Input!$D$20=2,K4855*Input!$C$20,0)+IF(Input!$D$21=2,L4855*Input!$C$21,0)+IF(Input!$D$22=2,M4855*Input!$C$22,0)</f>
        <v>0.18546703228958908</v>
      </c>
      <c r="P4855" s="59">
        <f>IF(Input!$D$19=3,J4855*Input!$C$19,0)+IF(Input!$D$20=3,K4855*Input!$C$20,0)+IF(Input!$D$21=3,L4855*Input!$C$21,0)+IF(Input!$D$22=3,M4855*Input!$C$22,0)</f>
        <v>0</v>
      </c>
      <c r="Q4855" s="75">
        <f>IF(Input!$D$19=4,J4855*Input!$C$19,0)+IF(Input!$D$20=4,K4855*Input!$C$20,0)+IF(Input!$D$21=4,L4855*Input!$C$21,0)+IF(Input!$D$22=4,M4855*Input!$C$22,0)</f>
        <v>0</v>
      </c>
      <c r="R4855" s="58">
        <v>41.609054521801447</v>
      </c>
      <c r="S4855" s="124">
        <f t="shared" si="75"/>
        <v>0.32147618930195443</v>
      </c>
    </row>
    <row r="4856" spans="8:19" x14ac:dyDescent="0.3">
      <c r="H4856" s="44">
        <v>4849</v>
      </c>
      <c r="I4856" s="56">
        <f>Bühler!I4882</f>
        <v>8.1884309316824E-2</v>
      </c>
      <c r="J4856" s="59">
        <f>Bühler!J4882</f>
        <v>0.27294769772274668</v>
      </c>
      <c r="K4856" s="59">
        <f>Bühler!K4882</f>
        <v>0.40942154658412</v>
      </c>
      <c r="L4856" s="59">
        <f>Bühler!L4882</f>
        <v>5.95279677492295</v>
      </c>
      <c r="M4856" s="58">
        <f>Bühler!M4882</f>
        <v>0</v>
      </c>
      <c r="N4856" s="56">
        <f>IF(Input!$D$19=1,J4856*Input!$C$19,0)+IF(Input!$D$20=1,K4856*Input!$C$20,0)+IF(Input!$D$21=1,L4856*Input!$C$21,0)+IF(Input!$D$22=1,M4856*Input!$C$22,0)</f>
        <v>8.1884309316824E-2</v>
      </c>
      <c r="O4856" s="59">
        <f>IF(Input!$D$19=2,J4856*Input!$C$19,0)+IF(Input!$D$20=2,K4856*Input!$C$20,0)+IF(Input!$D$21=2,L4856*Input!$C$21,0)+IF(Input!$D$22=2,M4856*Input!$C$22,0)</f>
        <v>0.20471077329206</v>
      </c>
      <c r="P4856" s="59">
        <f>IF(Input!$D$19=3,J4856*Input!$C$19,0)+IF(Input!$D$20=3,K4856*Input!$C$20,0)+IF(Input!$D$21=3,L4856*Input!$C$21,0)+IF(Input!$D$22=3,M4856*Input!$C$22,0)</f>
        <v>0</v>
      </c>
      <c r="Q4856" s="75">
        <f>IF(Input!$D$19=4,J4856*Input!$C$19,0)+IF(Input!$D$20=4,K4856*Input!$C$20,0)+IF(Input!$D$21=4,L4856*Input!$C$21,0)+IF(Input!$D$22=4,M4856*Input!$C$22,0)</f>
        <v>0</v>
      </c>
      <c r="R4856" s="58">
        <v>47.283532994263624</v>
      </c>
      <c r="S4856" s="124">
        <f t="shared" si="75"/>
        <v>0.35483200703957068</v>
      </c>
    </row>
    <row r="4857" spans="8:19" x14ac:dyDescent="0.3">
      <c r="H4857" s="44">
        <v>4850</v>
      </c>
      <c r="I4857" s="56">
        <f>Bühler!I4883</f>
        <v>9.5091455980827855E-2</v>
      </c>
      <c r="J4857" s="59">
        <f>Bühler!J4883</f>
        <v>0.3169715199360929</v>
      </c>
      <c r="K4857" s="59">
        <f>Bühler!K4883</f>
        <v>0.47545727990413933</v>
      </c>
      <c r="L4857" s="59">
        <f>Bühler!L4883</f>
        <v>6.9129252870072966</v>
      </c>
      <c r="M4857" s="58">
        <f>Bühler!M4883</f>
        <v>0</v>
      </c>
      <c r="N4857" s="56">
        <f>IF(Input!$D$19=1,J4857*Input!$C$19,0)+IF(Input!$D$20=1,K4857*Input!$C$20,0)+IF(Input!$D$21=1,L4857*Input!$C$21,0)+IF(Input!$D$22=1,M4857*Input!$C$22,0)</f>
        <v>9.5091455980827869E-2</v>
      </c>
      <c r="O4857" s="59">
        <f>IF(Input!$D$19=2,J4857*Input!$C$19,0)+IF(Input!$D$20=2,K4857*Input!$C$20,0)+IF(Input!$D$21=2,L4857*Input!$C$21,0)+IF(Input!$D$22=2,M4857*Input!$C$22,0)</f>
        <v>0.23772863995206966</v>
      </c>
      <c r="P4857" s="59">
        <f>IF(Input!$D$19=3,J4857*Input!$C$19,0)+IF(Input!$D$20=3,K4857*Input!$C$20,0)+IF(Input!$D$21=3,L4857*Input!$C$21,0)+IF(Input!$D$22=3,M4857*Input!$C$22,0)</f>
        <v>0</v>
      </c>
      <c r="Q4857" s="75">
        <f>IF(Input!$D$19=4,J4857*Input!$C$19,0)+IF(Input!$D$20=4,K4857*Input!$C$20,0)+IF(Input!$D$21=4,L4857*Input!$C$21,0)+IF(Input!$D$22=4,M4857*Input!$C$22,0)</f>
        <v>0</v>
      </c>
      <c r="R4857" s="58">
        <v>46.544249424029381</v>
      </c>
      <c r="S4857" s="124">
        <f t="shared" si="75"/>
        <v>0.41206297591692076</v>
      </c>
    </row>
    <row r="4858" spans="8:19" x14ac:dyDescent="0.3">
      <c r="H4858" s="44">
        <v>4851</v>
      </c>
      <c r="I4858" s="56">
        <f>Bühler!I4884</f>
        <v>9.5091455980827855E-2</v>
      </c>
      <c r="J4858" s="59">
        <f>Bühler!J4884</f>
        <v>0.3169715199360929</v>
      </c>
      <c r="K4858" s="59">
        <f>Bühler!K4884</f>
        <v>0.47545727990413933</v>
      </c>
      <c r="L4858" s="59">
        <f>Bühler!L4884</f>
        <v>6.9129252870072966</v>
      </c>
      <c r="M4858" s="58">
        <f>Bühler!M4884</f>
        <v>0</v>
      </c>
      <c r="N4858" s="56">
        <f>IF(Input!$D$19=1,J4858*Input!$C$19,0)+IF(Input!$D$20=1,K4858*Input!$C$20,0)+IF(Input!$D$21=1,L4858*Input!$C$21,0)+IF(Input!$D$22=1,M4858*Input!$C$22,0)</f>
        <v>9.5091455980827869E-2</v>
      </c>
      <c r="O4858" s="59">
        <f>IF(Input!$D$19=2,J4858*Input!$C$19,0)+IF(Input!$D$20=2,K4858*Input!$C$20,0)+IF(Input!$D$21=2,L4858*Input!$C$21,0)+IF(Input!$D$22=2,M4858*Input!$C$22,0)</f>
        <v>0.23772863995206966</v>
      </c>
      <c r="P4858" s="59">
        <f>IF(Input!$D$19=3,J4858*Input!$C$19,0)+IF(Input!$D$20=3,K4858*Input!$C$20,0)+IF(Input!$D$21=3,L4858*Input!$C$21,0)+IF(Input!$D$22=3,M4858*Input!$C$22,0)</f>
        <v>0</v>
      </c>
      <c r="Q4858" s="75">
        <f>IF(Input!$D$19=4,J4858*Input!$C$19,0)+IF(Input!$D$20=4,K4858*Input!$C$20,0)+IF(Input!$D$21=4,L4858*Input!$C$21,0)+IF(Input!$D$22=4,M4858*Input!$C$22,0)</f>
        <v>0</v>
      </c>
      <c r="R4858" s="58">
        <v>46.086905892934176</v>
      </c>
      <c r="S4858" s="124">
        <f t="shared" si="75"/>
        <v>0.41206297591692076</v>
      </c>
    </row>
    <row r="4859" spans="8:19" x14ac:dyDescent="0.3">
      <c r="H4859" s="44">
        <v>4852</v>
      </c>
      <c r="I4859" s="56">
        <f>Bühler!I4885</f>
        <v>9.5091455980827855E-2</v>
      </c>
      <c r="J4859" s="59">
        <f>Bühler!J4885</f>
        <v>0.3169715199360929</v>
      </c>
      <c r="K4859" s="59">
        <f>Bühler!K4885</f>
        <v>0.47545727990413933</v>
      </c>
      <c r="L4859" s="59">
        <f>Bühler!L4885</f>
        <v>6.9129252870072966</v>
      </c>
      <c r="M4859" s="58">
        <f>Bühler!M4885</f>
        <v>0</v>
      </c>
      <c r="N4859" s="56">
        <f>IF(Input!$D$19=1,J4859*Input!$C$19,0)+IF(Input!$D$20=1,K4859*Input!$C$20,0)+IF(Input!$D$21=1,L4859*Input!$C$21,0)+IF(Input!$D$22=1,M4859*Input!$C$22,0)</f>
        <v>9.5091455980827869E-2</v>
      </c>
      <c r="O4859" s="59">
        <f>IF(Input!$D$19=2,J4859*Input!$C$19,0)+IF(Input!$D$20=2,K4859*Input!$C$20,0)+IF(Input!$D$21=2,L4859*Input!$C$21,0)+IF(Input!$D$22=2,M4859*Input!$C$22,0)</f>
        <v>0.23772863995206966</v>
      </c>
      <c r="P4859" s="59">
        <f>IF(Input!$D$19=3,J4859*Input!$C$19,0)+IF(Input!$D$20=3,K4859*Input!$C$20,0)+IF(Input!$D$21=3,L4859*Input!$C$21,0)+IF(Input!$D$22=3,M4859*Input!$C$22,0)</f>
        <v>0</v>
      </c>
      <c r="Q4859" s="75">
        <f>IF(Input!$D$19=4,J4859*Input!$C$19,0)+IF(Input!$D$20=4,K4859*Input!$C$20,0)+IF(Input!$D$21=4,L4859*Input!$C$21,0)+IF(Input!$D$22=4,M4859*Input!$C$22,0)</f>
        <v>0</v>
      </c>
      <c r="R4859" s="58">
        <v>45.682070504885253</v>
      </c>
      <c r="S4859" s="124">
        <f t="shared" si="75"/>
        <v>0.41206297591692076</v>
      </c>
    </row>
    <row r="4860" spans="8:19" x14ac:dyDescent="0.3">
      <c r="H4860" s="44">
        <v>4853</v>
      </c>
      <c r="I4860" s="56">
        <f>Bühler!I4886</f>
        <v>9.5091455980827855E-2</v>
      </c>
      <c r="J4860" s="59">
        <f>Bühler!J4886</f>
        <v>0.3169715199360929</v>
      </c>
      <c r="K4860" s="59">
        <f>Bühler!K4886</f>
        <v>0.47545727990413933</v>
      </c>
      <c r="L4860" s="59">
        <f>Bühler!L4886</f>
        <v>6.9129252870072966</v>
      </c>
      <c r="M4860" s="58">
        <f>Bühler!M4886</f>
        <v>0</v>
      </c>
      <c r="N4860" s="56">
        <f>IF(Input!$D$19=1,J4860*Input!$C$19,0)+IF(Input!$D$20=1,K4860*Input!$C$20,0)+IF(Input!$D$21=1,L4860*Input!$C$21,0)+IF(Input!$D$22=1,M4860*Input!$C$22,0)</f>
        <v>9.5091455980827869E-2</v>
      </c>
      <c r="O4860" s="59">
        <f>IF(Input!$D$19=2,J4860*Input!$C$19,0)+IF(Input!$D$20=2,K4860*Input!$C$20,0)+IF(Input!$D$21=2,L4860*Input!$C$21,0)+IF(Input!$D$22=2,M4860*Input!$C$22,0)</f>
        <v>0.23772863995206966</v>
      </c>
      <c r="P4860" s="59">
        <f>IF(Input!$D$19=3,J4860*Input!$C$19,0)+IF(Input!$D$20=3,K4860*Input!$C$20,0)+IF(Input!$D$21=3,L4860*Input!$C$21,0)+IF(Input!$D$22=3,M4860*Input!$C$22,0)</f>
        <v>0</v>
      </c>
      <c r="Q4860" s="75">
        <f>IF(Input!$D$19=4,J4860*Input!$C$19,0)+IF(Input!$D$20=4,K4860*Input!$C$20,0)+IF(Input!$D$21=4,L4860*Input!$C$21,0)+IF(Input!$D$22=4,M4860*Input!$C$22,0)</f>
        <v>0</v>
      </c>
      <c r="R4860" s="58">
        <v>44.644720085117385</v>
      </c>
      <c r="S4860" s="124">
        <f t="shared" si="75"/>
        <v>0.41206297591692076</v>
      </c>
    </row>
    <row r="4861" spans="8:19" x14ac:dyDescent="0.3">
      <c r="H4861" s="44">
        <v>4854</v>
      </c>
      <c r="I4861" s="56">
        <f>Bühler!I4887</f>
        <v>0.11886431997603482</v>
      </c>
      <c r="J4861" s="59">
        <f>Bühler!J4887</f>
        <v>0.39621439992011609</v>
      </c>
      <c r="K4861" s="59">
        <f>Bühler!K4887</f>
        <v>0.59432159988017419</v>
      </c>
      <c r="L4861" s="59">
        <f>Bühler!L4887</f>
        <v>8.6411566087591201</v>
      </c>
      <c r="M4861" s="58">
        <f>Bühler!M4887</f>
        <v>0</v>
      </c>
      <c r="N4861" s="56">
        <f>IF(Input!$D$19=1,J4861*Input!$C$19,0)+IF(Input!$D$20=1,K4861*Input!$C$20,0)+IF(Input!$D$21=1,L4861*Input!$C$21,0)+IF(Input!$D$22=1,M4861*Input!$C$22,0)</f>
        <v>0.11886431997603482</v>
      </c>
      <c r="O4861" s="59">
        <f>IF(Input!$D$19=2,J4861*Input!$C$19,0)+IF(Input!$D$20=2,K4861*Input!$C$20,0)+IF(Input!$D$21=2,L4861*Input!$C$21,0)+IF(Input!$D$22=2,M4861*Input!$C$22,0)</f>
        <v>0.29716079994008709</v>
      </c>
      <c r="P4861" s="59">
        <f>IF(Input!$D$19=3,J4861*Input!$C$19,0)+IF(Input!$D$20=3,K4861*Input!$C$20,0)+IF(Input!$D$21=3,L4861*Input!$C$21,0)+IF(Input!$D$22=3,M4861*Input!$C$22,0)</f>
        <v>0</v>
      </c>
      <c r="Q4861" s="75">
        <f>IF(Input!$D$19=4,J4861*Input!$C$19,0)+IF(Input!$D$20=4,K4861*Input!$C$20,0)+IF(Input!$D$21=4,L4861*Input!$C$21,0)+IF(Input!$D$22=4,M4861*Input!$C$22,0)</f>
        <v>0</v>
      </c>
      <c r="R4861" s="58">
        <v>43.982327303937502</v>
      </c>
      <c r="S4861" s="124">
        <f t="shared" si="75"/>
        <v>0.51507871989615095</v>
      </c>
    </row>
    <row r="4862" spans="8:19" x14ac:dyDescent="0.3">
      <c r="H4862" s="44">
        <v>4855</v>
      </c>
      <c r="I4862" s="56">
        <f>Bühler!I4888</f>
        <v>0.13999575463844099</v>
      </c>
      <c r="J4862" s="59">
        <f>Bühler!J4888</f>
        <v>0.46665251546147007</v>
      </c>
      <c r="K4862" s="59">
        <f>Bühler!K4888</f>
        <v>0.69997877319220514</v>
      </c>
      <c r="L4862" s="59">
        <f>Bühler!L4888</f>
        <v>10.177362228094076</v>
      </c>
      <c r="M4862" s="58">
        <f>Bühler!M4888</f>
        <v>0</v>
      </c>
      <c r="N4862" s="56">
        <f>IF(Input!$D$19=1,J4862*Input!$C$19,0)+IF(Input!$D$20=1,K4862*Input!$C$20,0)+IF(Input!$D$21=1,L4862*Input!$C$21,0)+IF(Input!$D$22=1,M4862*Input!$C$22,0)</f>
        <v>0.13999575463844102</v>
      </c>
      <c r="O4862" s="59">
        <f>IF(Input!$D$19=2,J4862*Input!$C$19,0)+IF(Input!$D$20=2,K4862*Input!$C$20,0)+IF(Input!$D$21=2,L4862*Input!$C$21,0)+IF(Input!$D$22=2,M4862*Input!$C$22,0)</f>
        <v>0.34998938659610257</v>
      </c>
      <c r="P4862" s="59">
        <f>IF(Input!$D$19=3,J4862*Input!$C$19,0)+IF(Input!$D$20=3,K4862*Input!$C$20,0)+IF(Input!$D$21=3,L4862*Input!$C$21,0)+IF(Input!$D$22=3,M4862*Input!$C$22,0)</f>
        <v>0</v>
      </c>
      <c r="Q4862" s="75">
        <f>IF(Input!$D$19=4,J4862*Input!$C$19,0)+IF(Input!$D$20=4,K4862*Input!$C$20,0)+IF(Input!$D$21=4,L4862*Input!$C$21,0)+IF(Input!$D$22=4,M4862*Input!$C$22,0)</f>
        <v>0</v>
      </c>
      <c r="R4862" s="58">
        <v>43.763569088192924</v>
      </c>
      <c r="S4862" s="124">
        <f t="shared" si="75"/>
        <v>0.60664827009991107</v>
      </c>
    </row>
    <row r="4863" spans="8:19" x14ac:dyDescent="0.3">
      <c r="H4863" s="44">
        <v>4856</v>
      </c>
      <c r="I4863" s="56">
        <f>Bühler!I4889</f>
        <v>0.16641004796644876</v>
      </c>
      <c r="J4863" s="59">
        <f>Bühler!J4889</f>
        <v>0.55470015988816257</v>
      </c>
      <c r="K4863" s="59">
        <f>Bühler!K4889</f>
        <v>0.83205023983224391</v>
      </c>
      <c r="L4863" s="59">
        <f>Bühler!L4889</f>
        <v>12.097619252262769</v>
      </c>
      <c r="M4863" s="58">
        <f>Bühler!M4889</f>
        <v>0</v>
      </c>
      <c r="N4863" s="56">
        <f>IF(Input!$D$19=1,J4863*Input!$C$19,0)+IF(Input!$D$20=1,K4863*Input!$C$20,0)+IF(Input!$D$21=1,L4863*Input!$C$21,0)+IF(Input!$D$22=1,M4863*Input!$C$22,0)</f>
        <v>0.16641004796644876</v>
      </c>
      <c r="O4863" s="59">
        <f>IF(Input!$D$19=2,J4863*Input!$C$19,0)+IF(Input!$D$20=2,K4863*Input!$C$20,0)+IF(Input!$D$21=2,L4863*Input!$C$21,0)+IF(Input!$D$22=2,M4863*Input!$C$22,0)</f>
        <v>0.41602511991612195</v>
      </c>
      <c r="P4863" s="59">
        <f>IF(Input!$D$19=3,J4863*Input!$C$19,0)+IF(Input!$D$20=3,K4863*Input!$C$20,0)+IF(Input!$D$21=3,L4863*Input!$C$21,0)+IF(Input!$D$22=3,M4863*Input!$C$22,0)</f>
        <v>0</v>
      </c>
      <c r="Q4863" s="75">
        <f>IF(Input!$D$19=4,J4863*Input!$C$19,0)+IF(Input!$D$20=4,K4863*Input!$C$20,0)+IF(Input!$D$21=4,L4863*Input!$C$21,0)+IF(Input!$D$22=4,M4863*Input!$C$22,0)</f>
        <v>0</v>
      </c>
      <c r="R4863" s="58">
        <v>44.209499069389572</v>
      </c>
      <c r="S4863" s="124">
        <f t="shared" si="75"/>
        <v>0.72111020785461133</v>
      </c>
    </row>
    <row r="4864" spans="8:19" x14ac:dyDescent="0.3">
      <c r="H4864" s="44">
        <v>4857</v>
      </c>
      <c r="I4864" s="56">
        <f>Bühler!I4890</f>
        <v>0.16641004796644876</v>
      </c>
      <c r="J4864" s="59">
        <f>Bühler!J4890</f>
        <v>0.55470015988816257</v>
      </c>
      <c r="K4864" s="59">
        <f>Bühler!K4890</f>
        <v>0.83205023983224391</v>
      </c>
      <c r="L4864" s="59">
        <f>Bühler!L4890</f>
        <v>12.097619252262769</v>
      </c>
      <c r="M4864" s="58">
        <f>Bühler!M4890</f>
        <v>0</v>
      </c>
      <c r="N4864" s="56">
        <f>IF(Input!$D$19=1,J4864*Input!$C$19,0)+IF(Input!$D$20=1,K4864*Input!$C$20,0)+IF(Input!$D$21=1,L4864*Input!$C$21,0)+IF(Input!$D$22=1,M4864*Input!$C$22,0)</f>
        <v>0.16641004796644876</v>
      </c>
      <c r="O4864" s="59">
        <f>IF(Input!$D$19=2,J4864*Input!$C$19,0)+IF(Input!$D$20=2,K4864*Input!$C$20,0)+IF(Input!$D$21=2,L4864*Input!$C$21,0)+IF(Input!$D$22=2,M4864*Input!$C$22,0)</f>
        <v>0.41602511991612195</v>
      </c>
      <c r="P4864" s="59">
        <f>IF(Input!$D$19=3,J4864*Input!$C$19,0)+IF(Input!$D$20=3,K4864*Input!$C$20,0)+IF(Input!$D$21=3,L4864*Input!$C$21,0)+IF(Input!$D$22=3,M4864*Input!$C$22,0)</f>
        <v>0</v>
      </c>
      <c r="Q4864" s="75">
        <f>IF(Input!$D$19=4,J4864*Input!$C$19,0)+IF(Input!$D$20=4,K4864*Input!$C$20,0)+IF(Input!$D$21=4,L4864*Input!$C$21,0)+IF(Input!$D$22=4,M4864*Input!$C$22,0)</f>
        <v>0</v>
      </c>
      <c r="R4864" s="58">
        <v>44.082252392352338</v>
      </c>
      <c r="S4864" s="124">
        <f t="shared" si="75"/>
        <v>0.72111020785461133</v>
      </c>
    </row>
    <row r="4865" spans="8:19" x14ac:dyDescent="0.3">
      <c r="H4865" s="44">
        <v>4858</v>
      </c>
      <c r="I4865" s="56">
        <f>Bühler!I4891</f>
        <v>0.16641004796644876</v>
      </c>
      <c r="J4865" s="59">
        <f>Bühler!J4891</f>
        <v>0.55470015988816257</v>
      </c>
      <c r="K4865" s="59">
        <f>Bühler!K4891</f>
        <v>0.83205023983224391</v>
      </c>
      <c r="L4865" s="59">
        <f>Bühler!L4891</f>
        <v>12.097619252262769</v>
      </c>
      <c r="M4865" s="58">
        <f>Bühler!M4891</f>
        <v>0</v>
      </c>
      <c r="N4865" s="56">
        <f>IF(Input!$D$19=1,J4865*Input!$C$19,0)+IF(Input!$D$20=1,K4865*Input!$C$20,0)+IF(Input!$D$21=1,L4865*Input!$C$21,0)+IF(Input!$D$22=1,M4865*Input!$C$22,0)</f>
        <v>0.16641004796644876</v>
      </c>
      <c r="O4865" s="59">
        <f>IF(Input!$D$19=2,J4865*Input!$C$19,0)+IF(Input!$D$20=2,K4865*Input!$C$20,0)+IF(Input!$D$21=2,L4865*Input!$C$21,0)+IF(Input!$D$22=2,M4865*Input!$C$22,0)</f>
        <v>0.41602511991612195</v>
      </c>
      <c r="P4865" s="59">
        <f>IF(Input!$D$19=3,J4865*Input!$C$19,0)+IF(Input!$D$20=3,K4865*Input!$C$20,0)+IF(Input!$D$21=3,L4865*Input!$C$21,0)+IF(Input!$D$22=3,M4865*Input!$C$22,0)</f>
        <v>0</v>
      </c>
      <c r="Q4865" s="75">
        <f>IF(Input!$D$19=4,J4865*Input!$C$19,0)+IF(Input!$D$20=4,K4865*Input!$C$20,0)+IF(Input!$D$21=4,L4865*Input!$C$21,0)+IF(Input!$D$22=4,M4865*Input!$C$22,0)</f>
        <v>0</v>
      </c>
      <c r="R4865" s="58">
        <v>44.072756281805994</v>
      </c>
      <c r="S4865" s="124">
        <f t="shared" si="75"/>
        <v>0.72111020785461133</v>
      </c>
    </row>
    <row r="4866" spans="8:19" x14ac:dyDescent="0.3">
      <c r="H4866" s="44">
        <v>4859</v>
      </c>
      <c r="I4866" s="56">
        <f>Bühler!I4892</f>
        <v>0.16641004796644876</v>
      </c>
      <c r="J4866" s="59">
        <f>Bühler!J4892</f>
        <v>0.55470015988816257</v>
      </c>
      <c r="K4866" s="59">
        <f>Bühler!K4892</f>
        <v>0.83205023983224391</v>
      </c>
      <c r="L4866" s="59">
        <f>Bühler!L4892</f>
        <v>12.097619252262769</v>
      </c>
      <c r="M4866" s="58">
        <f>Bühler!M4892</f>
        <v>0</v>
      </c>
      <c r="N4866" s="56">
        <f>IF(Input!$D$19=1,J4866*Input!$C$19,0)+IF(Input!$D$20=1,K4866*Input!$C$20,0)+IF(Input!$D$21=1,L4866*Input!$C$21,0)+IF(Input!$D$22=1,M4866*Input!$C$22,0)</f>
        <v>0.16641004796644876</v>
      </c>
      <c r="O4866" s="59">
        <f>IF(Input!$D$19=2,J4866*Input!$C$19,0)+IF(Input!$D$20=2,K4866*Input!$C$20,0)+IF(Input!$D$21=2,L4866*Input!$C$21,0)+IF(Input!$D$22=2,M4866*Input!$C$22,0)</f>
        <v>0.41602511991612195</v>
      </c>
      <c r="P4866" s="59">
        <f>IF(Input!$D$19=3,J4866*Input!$C$19,0)+IF(Input!$D$20=3,K4866*Input!$C$20,0)+IF(Input!$D$21=3,L4866*Input!$C$21,0)+IF(Input!$D$22=3,M4866*Input!$C$22,0)</f>
        <v>0</v>
      </c>
      <c r="Q4866" s="75">
        <f>IF(Input!$D$19=4,J4866*Input!$C$19,0)+IF(Input!$D$20=4,K4866*Input!$C$20,0)+IF(Input!$D$21=4,L4866*Input!$C$21,0)+IF(Input!$D$22=4,M4866*Input!$C$22,0)</f>
        <v>0</v>
      </c>
      <c r="R4866" s="58">
        <v>44.514027116818916</v>
      </c>
      <c r="S4866" s="124">
        <f t="shared" si="75"/>
        <v>0.72111020785461133</v>
      </c>
    </row>
    <row r="4867" spans="8:19" x14ac:dyDescent="0.3">
      <c r="H4867" s="44">
        <v>4860</v>
      </c>
      <c r="I4867" s="56">
        <f>Bühler!I4893</f>
        <v>0.16641004796644876</v>
      </c>
      <c r="J4867" s="59">
        <f>Bühler!J4893</f>
        <v>0.55470015988816257</v>
      </c>
      <c r="K4867" s="59">
        <f>Bühler!K4893</f>
        <v>0.83205023983224391</v>
      </c>
      <c r="L4867" s="59">
        <f>Bühler!L4893</f>
        <v>12.097619252262769</v>
      </c>
      <c r="M4867" s="58">
        <f>Bühler!M4893</f>
        <v>0</v>
      </c>
      <c r="N4867" s="56">
        <f>IF(Input!$D$19=1,J4867*Input!$C$19,0)+IF(Input!$D$20=1,K4867*Input!$C$20,0)+IF(Input!$D$21=1,L4867*Input!$C$21,0)+IF(Input!$D$22=1,M4867*Input!$C$22,0)</f>
        <v>0.16641004796644876</v>
      </c>
      <c r="O4867" s="59">
        <f>IF(Input!$D$19=2,J4867*Input!$C$19,0)+IF(Input!$D$20=2,K4867*Input!$C$20,0)+IF(Input!$D$21=2,L4867*Input!$C$21,0)+IF(Input!$D$22=2,M4867*Input!$C$22,0)</f>
        <v>0.41602511991612195</v>
      </c>
      <c r="P4867" s="59">
        <f>IF(Input!$D$19=3,J4867*Input!$C$19,0)+IF(Input!$D$20=3,K4867*Input!$C$20,0)+IF(Input!$D$21=3,L4867*Input!$C$21,0)+IF(Input!$D$22=3,M4867*Input!$C$22,0)</f>
        <v>0</v>
      </c>
      <c r="Q4867" s="75">
        <f>IF(Input!$D$19=4,J4867*Input!$C$19,0)+IF(Input!$D$20=4,K4867*Input!$C$20,0)+IF(Input!$D$21=4,L4867*Input!$C$21,0)+IF(Input!$D$22=4,M4867*Input!$C$22,0)</f>
        <v>0</v>
      </c>
      <c r="R4867" s="58">
        <v>45.281849014118819</v>
      </c>
      <c r="S4867" s="124">
        <f t="shared" si="75"/>
        <v>0.72111020785461133</v>
      </c>
    </row>
    <row r="4868" spans="8:19" x14ac:dyDescent="0.3">
      <c r="H4868" s="44">
        <v>4861</v>
      </c>
      <c r="I4868" s="56">
        <f>Bühler!I4894</f>
        <v>0.16641004796644876</v>
      </c>
      <c r="J4868" s="59">
        <f>Bühler!J4894</f>
        <v>0.55470015988816257</v>
      </c>
      <c r="K4868" s="59">
        <f>Bühler!K4894</f>
        <v>0.83205023983224391</v>
      </c>
      <c r="L4868" s="59">
        <f>Bühler!L4894</f>
        <v>12.097619252262769</v>
      </c>
      <c r="M4868" s="58">
        <f>Bühler!M4894</f>
        <v>0</v>
      </c>
      <c r="N4868" s="56">
        <f>IF(Input!$D$19=1,J4868*Input!$C$19,0)+IF(Input!$D$20=1,K4868*Input!$C$20,0)+IF(Input!$D$21=1,L4868*Input!$C$21,0)+IF(Input!$D$22=1,M4868*Input!$C$22,0)</f>
        <v>0.16641004796644876</v>
      </c>
      <c r="O4868" s="59">
        <f>IF(Input!$D$19=2,J4868*Input!$C$19,0)+IF(Input!$D$20=2,K4868*Input!$C$20,0)+IF(Input!$D$21=2,L4868*Input!$C$21,0)+IF(Input!$D$22=2,M4868*Input!$C$22,0)</f>
        <v>0.41602511991612195</v>
      </c>
      <c r="P4868" s="59">
        <f>IF(Input!$D$19=3,J4868*Input!$C$19,0)+IF(Input!$D$20=3,K4868*Input!$C$20,0)+IF(Input!$D$21=3,L4868*Input!$C$21,0)+IF(Input!$D$22=3,M4868*Input!$C$22,0)</f>
        <v>0</v>
      </c>
      <c r="Q4868" s="75">
        <f>IF(Input!$D$19=4,J4868*Input!$C$19,0)+IF(Input!$D$20=4,K4868*Input!$C$20,0)+IF(Input!$D$21=4,L4868*Input!$C$21,0)+IF(Input!$D$22=4,M4868*Input!$C$22,0)</f>
        <v>0</v>
      </c>
      <c r="R4868" s="58">
        <v>45.278009349661495</v>
      </c>
      <c r="S4868" s="124">
        <f t="shared" si="75"/>
        <v>0.72111020785461133</v>
      </c>
    </row>
    <row r="4869" spans="8:19" x14ac:dyDescent="0.3">
      <c r="H4869" s="44">
        <v>4862</v>
      </c>
      <c r="I4869" s="56">
        <f>Bühler!I4895</f>
        <v>0.16641004796644876</v>
      </c>
      <c r="J4869" s="59">
        <f>Bühler!J4895</f>
        <v>0.55470015988816257</v>
      </c>
      <c r="K4869" s="59">
        <f>Bühler!K4895</f>
        <v>0.83205023983224391</v>
      </c>
      <c r="L4869" s="59">
        <f>Bühler!L4895</f>
        <v>12.097619252262769</v>
      </c>
      <c r="M4869" s="58">
        <f>Bühler!M4895</f>
        <v>0</v>
      </c>
      <c r="N4869" s="56">
        <f>IF(Input!$D$19=1,J4869*Input!$C$19,0)+IF(Input!$D$20=1,K4869*Input!$C$20,0)+IF(Input!$D$21=1,L4869*Input!$C$21,0)+IF(Input!$D$22=1,M4869*Input!$C$22,0)</f>
        <v>0.16641004796644876</v>
      </c>
      <c r="O4869" s="59">
        <f>IF(Input!$D$19=2,J4869*Input!$C$19,0)+IF(Input!$D$20=2,K4869*Input!$C$20,0)+IF(Input!$D$21=2,L4869*Input!$C$21,0)+IF(Input!$D$22=2,M4869*Input!$C$22,0)</f>
        <v>0.41602511991612195</v>
      </c>
      <c r="P4869" s="59">
        <f>IF(Input!$D$19=3,J4869*Input!$C$19,0)+IF(Input!$D$20=3,K4869*Input!$C$20,0)+IF(Input!$D$21=3,L4869*Input!$C$21,0)+IF(Input!$D$22=3,M4869*Input!$C$22,0)</f>
        <v>0</v>
      </c>
      <c r="Q4869" s="75">
        <f>IF(Input!$D$19=4,J4869*Input!$C$19,0)+IF(Input!$D$20=4,K4869*Input!$C$20,0)+IF(Input!$D$21=4,L4869*Input!$C$21,0)+IF(Input!$D$22=4,M4869*Input!$C$22,0)</f>
        <v>0</v>
      </c>
      <c r="R4869" s="58">
        <v>45.20048513483097</v>
      </c>
      <c r="S4869" s="124">
        <f t="shared" si="75"/>
        <v>0.72111020785461133</v>
      </c>
    </row>
    <row r="4870" spans="8:19" x14ac:dyDescent="0.3">
      <c r="H4870" s="44">
        <v>4863</v>
      </c>
      <c r="I4870" s="56">
        <f>Bühler!I4896</f>
        <v>0.16641004796644876</v>
      </c>
      <c r="J4870" s="59">
        <f>Bühler!J4896</f>
        <v>0.55470015988816257</v>
      </c>
      <c r="K4870" s="59">
        <f>Bühler!K4896</f>
        <v>0.83205023983224391</v>
      </c>
      <c r="L4870" s="59">
        <f>Bühler!L4896</f>
        <v>12.097619252262769</v>
      </c>
      <c r="M4870" s="58">
        <f>Bühler!M4896</f>
        <v>0</v>
      </c>
      <c r="N4870" s="56">
        <f>IF(Input!$D$19=1,J4870*Input!$C$19,0)+IF(Input!$D$20=1,K4870*Input!$C$20,0)+IF(Input!$D$21=1,L4870*Input!$C$21,0)+IF(Input!$D$22=1,M4870*Input!$C$22,0)</f>
        <v>0.16641004796644876</v>
      </c>
      <c r="O4870" s="59">
        <f>IF(Input!$D$19=2,J4870*Input!$C$19,0)+IF(Input!$D$20=2,K4870*Input!$C$20,0)+IF(Input!$D$21=2,L4870*Input!$C$21,0)+IF(Input!$D$22=2,M4870*Input!$C$22,0)</f>
        <v>0.41602511991612195</v>
      </c>
      <c r="P4870" s="59">
        <f>IF(Input!$D$19=3,J4870*Input!$C$19,0)+IF(Input!$D$20=3,K4870*Input!$C$20,0)+IF(Input!$D$21=3,L4870*Input!$C$21,0)+IF(Input!$D$22=3,M4870*Input!$C$22,0)</f>
        <v>0</v>
      </c>
      <c r="Q4870" s="75">
        <f>IF(Input!$D$19=4,J4870*Input!$C$19,0)+IF(Input!$D$20=4,K4870*Input!$C$20,0)+IF(Input!$D$21=4,L4870*Input!$C$21,0)+IF(Input!$D$22=4,M4870*Input!$C$22,0)</f>
        <v>0</v>
      </c>
      <c r="R4870" s="58">
        <v>45.283796972452535</v>
      </c>
      <c r="S4870" s="124">
        <f t="shared" si="75"/>
        <v>0.72111020785461133</v>
      </c>
    </row>
    <row r="4871" spans="8:19" x14ac:dyDescent="0.3">
      <c r="H4871" s="44">
        <v>4864</v>
      </c>
      <c r="I4871" s="56">
        <f>Bühler!I4897</f>
        <v>0.14792004263684333</v>
      </c>
      <c r="J4871" s="59">
        <f>Bühler!J4897</f>
        <v>0.49306680878947784</v>
      </c>
      <c r="K4871" s="59">
        <f>Bühler!K4897</f>
        <v>0.73960021318421676</v>
      </c>
      <c r="L4871" s="59">
        <f>Bühler!L4897</f>
        <v>10.753439335344682</v>
      </c>
      <c r="M4871" s="58">
        <f>Bühler!M4897</f>
        <v>0</v>
      </c>
      <c r="N4871" s="56">
        <f>IF(Input!$D$19=1,J4871*Input!$C$19,0)+IF(Input!$D$20=1,K4871*Input!$C$20,0)+IF(Input!$D$21=1,L4871*Input!$C$21,0)+IF(Input!$D$22=1,M4871*Input!$C$22,0)</f>
        <v>0.14792004263684336</v>
      </c>
      <c r="O4871" s="59">
        <f>IF(Input!$D$19=2,J4871*Input!$C$19,0)+IF(Input!$D$20=2,K4871*Input!$C$20,0)+IF(Input!$D$21=2,L4871*Input!$C$21,0)+IF(Input!$D$22=2,M4871*Input!$C$22,0)</f>
        <v>0.36980010659210838</v>
      </c>
      <c r="P4871" s="59">
        <f>IF(Input!$D$19=3,J4871*Input!$C$19,0)+IF(Input!$D$20=3,K4871*Input!$C$20,0)+IF(Input!$D$21=3,L4871*Input!$C$21,0)+IF(Input!$D$22=3,M4871*Input!$C$22,0)</f>
        <v>0</v>
      </c>
      <c r="Q4871" s="75">
        <f>IF(Input!$D$19=4,J4871*Input!$C$19,0)+IF(Input!$D$20=4,K4871*Input!$C$20,0)+IF(Input!$D$21=4,L4871*Input!$C$21,0)+IF(Input!$D$22=4,M4871*Input!$C$22,0)</f>
        <v>0</v>
      </c>
      <c r="R4871" s="58">
        <v>45.585105522311615</v>
      </c>
      <c r="S4871" s="124">
        <f t="shared" si="75"/>
        <v>0.64098685142632117</v>
      </c>
    </row>
    <row r="4872" spans="8:19" x14ac:dyDescent="0.3">
      <c r="H4872" s="44">
        <v>4865</v>
      </c>
      <c r="I4872" s="56">
        <f>Bühler!I4898</f>
        <v>0.14527861330404257</v>
      </c>
      <c r="J4872" s="59">
        <f>Bühler!J4898</f>
        <v>0.48426204434680858</v>
      </c>
      <c r="K4872" s="59">
        <f>Bühler!K4898</f>
        <v>0.72639306652021285</v>
      </c>
      <c r="L4872" s="59">
        <f>Bühler!L4898</f>
        <v>10.561413632927815</v>
      </c>
      <c r="M4872" s="58">
        <f>Bühler!M4898</f>
        <v>0</v>
      </c>
      <c r="N4872" s="56">
        <f>IF(Input!$D$19=1,J4872*Input!$C$19,0)+IF(Input!$D$20=1,K4872*Input!$C$20,0)+IF(Input!$D$21=1,L4872*Input!$C$21,0)+IF(Input!$D$22=1,M4872*Input!$C$22,0)</f>
        <v>0.14527861330404257</v>
      </c>
      <c r="O4872" s="59">
        <f>IF(Input!$D$19=2,J4872*Input!$C$19,0)+IF(Input!$D$20=2,K4872*Input!$C$20,0)+IF(Input!$D$21=2,L4872*Input!$C$21,0)+IF(Input!$D$22=2,M4872*Input!$C$22,0)</f>
        <v>0.36319653326010642</v>
      </c>
      <c r="P4872" s="59">
        <f>IF(Input!$D$19=3,J4872*Input!$C$19,0)+IF(Input!$D$20=3,K4872*Input!$C$20,0)+IF(Input!$D$21=3,L4872*Input!$C$21,0)+IF(Input!$D$22=3,M4872*Input!$C$22,0)</f>
        <v>0</v>
      </c>
      <c r="Q4872" s="75">
        <f>IF(Input!$D$19=4,J4872*Input!$C$19,0)+IF(Input!$D$20=4,K4872*Input!$C$20,0)+IF(Input!$D$21=4,L4872*Input!$C$21,0)+IF(Input!$D$22=4,M4872*Input!$C$22,0)</f>
        <v>0</v>
      </c>
      <c r="R4872" s="58">
        <v>45.253731735238233</v>
      </c>
      <c r="S4872" s="124">
        <f t="shared" si="75"/>
        <v>0.6295406576508511</v>
      </c>
    </row>
    <row r="4873" spans="8:19" x14ac:dyDescent="0.3">
      <c r="H4873" s="44">
        <v>4866</v>
      </c>
      <c r="I4873" s="56">
        <f>Bühler!I4899</f>
        <v>0.12414717864163637</v>
      </c>
      <c r="J4873" s="59">
        <f>Bühler!J4899</f>
        <v>0.4138239288054546</v>
      </c>
      <c r="K4873" s="59">
        <f>Bühler!K4899</f>
        <v>0.6207358932081819</v>
      </c>
      <c r="L4873" s="59">
        <f>Bühler!L4899</f>
        <v>9.0252080135928612</v>
      </c>
      <c r="M4873" s="58">
        <f>Bühler!M4899</f>
        <v>0</v>
      </c>
      <c r="N4873" s="56">
        <f>IF(Input!$D$19=1,J4873*Input!$C$19,0)+IF(Input!$D$20=1,K4873*Input!$C$20,0)+IF(Input!$D$21=1,L4873*Input!$C$21,0)+IF(Input!$D$22=1,M4873*Input!$C$22,0)</f>
        <v>0.12414717864163638</v>
      </c>
      <c r="O4873" s="59">
        <f>IF(Input!$D$19=2,J4873*Input!$C$19,0)+IF(Input!$D$20=2,K4873*Input!$C$20,0)+IF(Input!$D$21=2,L4873*Input!$C$21,0)+IF(Input!$D$22=2,M4873*Input!$C$22,0)</f>
        <v>0.31036794660409095</v>
      </c>
      <c r="P4873" s="59">
        <f>IF(Input!$D$19=3,J4873*Input!$C$19,0)+IF(Input!$D$20=3,K4873*Input!$C$20,0)+IF(Input!$D$21=3,L4873*Input!$C$21,0)+IF(Input!$D$22=3,M4873*Input!$C$22,0)</f>
        <v>0</v>
      </c>
      <c r="Q4873" s="75">
        <f>IF(Input!$D$19=4,J4873*Input!$C$19,0)+IF(Input!$D$20=4,K4873*Input!$C$20,0)+IF(Input!$D$21=4,L4873*Input!$C$21,0)+IF(Input!$D$22=4,M4873*Input!$C$22,0)</f>
        <v>0</v>
      </c>
      <c r="R4873" s="58">
        <v>44.970597258479813</v>
      </c>
      <c r="S4873" s="124">
        <f t="shared" ref="S4873:S4936" si="76">I4873+J4873</f>
        <v>0.53797110744709098</v>
      </c>
    </row>
    <row r="4874" spans="8:19" x14ac:dyDescent="0.3">
      <c r="H4874" s="44">
        <v>4867</v>
      </c>
      <c r="I4874" s="56">
        <f>Bühler!I4900</f>
        <v>0.11622289064323404</v>
      </c>
      <c r="J4874" s="59">
        <f>Bühler!J4900</f>
        <v>0.38740963547744689</v>
      </c>
      <c r="K4874" s="59">
        <f>Bühler!K4900</f>
        <v>0.58111445321617028</v>
      </c>
      <c r="L4874" s="59">
        <f>Bühler!L4900</f>
        <v>8.4491309063422531</v>
      </c>
      <c r="M4874" s="58">
        <f>Bühler!M4900</f>
        <v>0</v>
      </c>
      <c r="N4874" s="56">
        <f>IF(Input!$D$19=1,J4874*Input!$C$19,0)+IF(Input!$D$20=1,K4874*Input!$C$20,0)+IF(Input!$D$21=1,L4874*Input!$C$21,0)+IF(Input!$D$22=1,M4874*Input!$C$22,0)</f>
        <v>0.11622289064323406</v>
      </c>
      <c r="O4874" s="59">
        <f>IF(Input!$D$19=2,J4874*Input!$C$19,0)+IF(Input!$D$20=2,K4874*Input!$C$20,0)+IF(Input!$D$21=2,L4874*Input!$C$21,0)+IF(Input!$D$22=2,M4874*Input!$C$22,0)</f>
        <v>0.29055722660808514</v>
      </c>
      <c r="P4874" s="59">
        <f>IF(Input!$D$19=3,J4874*Input!$C$19,0)+IF(Input!$D$20=3,K4874*Input!$C$20,0)+IF(Input!$D$21=3,L4874*Input!$C$21,0)+IF(Input!$D$22=3,M4874*Input!$C$22,0)</f>
        <v>0</v>
      </c>
      <c r="Q4874" s="75">
        <f>IF(Input!$D$19=4,J4874*Input!$C$19,0)+IF(Input!$D$20=4,K4874*Input!$C$20,0)+IF(Input!$D$21=4,L4874*Input!$C$21,0)+IF(Input!$D$22=4,M4874*Input!$C$22,0)</f>
        <v>0</v>
      </c>
      <c r="R4874" s="58">
        <v>45.012811109776408</v>
      </c>
      <c r="S4874" s="124">
        <f t="shared" si="76"/>
        <v>0.50363252612068088</v>
      </c>
    </row>
    <row r="4875" spans="8:19" x14ac:dyDescent="0.3">
      <c r="H4875" s="44">
        <v>4868</v>
      </c>
      <c r="I4875" s="56">
        <f>Bühler!I4901</f>
        <v>9.7732885313628642E-2</v>
      </c>
      <c r="J4875" s="59">
        <f>Bühler!J4901</f>
        <v>0.32577628437876216</v>
      </c>
      <c r="K4875" s="59">
        <f>Bühler!K4901</f>
        <v>0.4886644265681433</v>
      </c>
      <c r="L4875" s="59">
        <f>Bühler!L4901</f>
        <v>7.1049509894241663</v>
      </c>
      <c r="M4875" s="58">
        <f>Bühler!M4901</f>
        <v>0</v>
      </c>
      <c r="N4875" s="56">
        <f>IF(Input!$D$19=1,J4875*Input!$C$19,0)+IF(Input!$D$20=1,K4875*Input!$C$20,0)+IF(Input!$D$21=1,L4875*Input!$C$21,0)+IF(Input!$D$22=1,M4875*Input!$C$22,0)</f>
        <v>9.7732885313628642E-2</v>
      </c>
      <c r="O4875" s="59">
        <f>IF(Input!$D$19=2,J4875*Input!$C$19,0)+IF(Input!$D$20=2,K4875*Input!$C$20,0)+IF(Input!$D$21=2,L4875*Input!$C$21,0)+IF(Input!$D$22=2,M4875*Input!$C$22,0)</f>
        <v>0.24433221328407165</v>
      </c>
      <c r="P4875" s="59">
        <f>IF(Input!$D$19=3,J4875*Input!$C$19,0)+IF(Input!$D$20=3,K4875*Input!$C$20,0)+IF(Input!$D$21=3,L4875*Input!$C$21,0)+IF(Input!$D$22=3,M4875*Input!$C$22,0)</f>
        <v>0</v>
      </c>
      <c r="Q4875" s="75">
        <f>IF(Input!$D$19=4,J4875*Input!$C$19,0)+IF(Input!$D$20=4,K4875*Input!$C$20,0)+IF(Input!$D$21=4,L4875*Input!$C$21,0)+IF(Input!$D$22=4,M4875*Input!$C$22,0)</f>
        <v>0</v>
      </c>
      <c r="R4875" s="58">
        <v>45.103889930122591</v>
      </c>
      <c r="S4875" s="124">
        <f t="shared" si="76"/>
        <v>0.42350916969239083</v>
      </c>
    </row>
    <row r="4876" spans="8:19" x14ac:dyDescent="0.3">
      <c r="H4876" s="44">
        <v>4869</v>
      </c>
      <c r="I4876" s="56">
        <f>Bühler!I4902</f>
        <v>8.1884309316824E-2</v>
      </c>
      <c r="J4876" s="59">
        <f>Bühler!J4902</f>
        <v>0.27294769772274668</v>
      </c>
      <c r="K4876" s="59">
        <f>Bühler!K4902</f>
        <v>0.40942154658412</v>
      </c>
      <c r="L4876" s="59">
        <f>Bühler!L4902</f>
        <v>5.95279677492295</v>
      </c>
      <c r="M4876" s="58">
        <f>Bühler!M4902</f>
        <v>0</v>
      </c>
      <c r="N4876" s="56">
        <f>IF(Input!$D$19=1,J4876*Input!$C$19,0)+IF(Input!$D$20=1,K4876*Input!$C$20,0)+IF(Input!$D$21=1,L4876*Input!$C$21,0)+IF(Input!$D$22=1,M4876*Input!$C$22,0)</f>
        <v>8.1884309316824E-2</v>
      </c>
      <c r="O4876" s="59">
        <f>IF(Input!$D$19=2,J4876*Input!$C$19,0)+IF(Input!$D$20=2,K4876*Input!$C$20,0)+IF(Input!$D$21=2,L4876*Input!$C$21,0)+IF(Input!$D$22=2,M4876*Input!$C$22,0)</f>
        <v>0.20471077329206</v>
      </c>
      <c r="P4876" s="59">
        <f>IF(Input!$D$19=3,J4876*Input!$C$19,0)+IF(Input!$D$20=3,K4876*Input!$C$20,0)+IF(Input!$D$21=3,L4876*Input!$C$21,0)+IF(Input!$D$22=3,M4876*Input!$C$22,0)</f>
        <v>0</v>
      </c>
      <c r="Q4876" s="75">
        <f>IF(Input!$D$19=4,J4876*Input!$C$19,0)+IF(Input!$D$20=4,K4876*Input!$C$20,0)+IF(Input!$D$21=4,L4876*Input!$C$21,0)+IF(Input!$D$22=4,M4876*Input!$C$22,0)</f>
        <v>0</v>
      </c>
      <c r="R4876" s="58">
        <v>44.924087644785082</v>
      </c>
      <c r="S4876" s="124">
        <f t="shared" si="76"/>
        <v>0.35483200703957068</v>
      </c>
    </row>
    <row r="4877" spans="8:19" x14ac:dyDescent="0.3">
      <c r="H4877" s="44">
        <v>4870</v>
      </c>
      <c r="I4877" s="56">
        <f>Bühler!I4903</f>
        <v>7.1318591985620891E-2</v>
      </c>
      <c r="J4877" s="59">
        <f>Bühler!J4903</f>
        <v>0.23772863995206969</v>
      </c>
      <c r="K4877" s="59">
        <f>Bühler!K4903</f>
        <v>0.35659295992810452</v>
      </c>
      <c r="L4877" s="59">
        <f>Bühler!L4903</f>
        <v>5.1846939652554731</v>
      </c>
      <c r="M4877" s="58">
        <f>Bühler!M4903</f>
        <v>0</v>
      </c>
      <c r="N4877" s="56">
        <f>IF(Input!$D$19=1,J4877*Input!$C$19,0)+IF(Input!$D$20=1,K4877*Input!$C$20,0)+IF(Input!$D$21=1,L4877*Input!$C$21,0)+IF(Input!$D$22=1,M4877*Input!$C$22,0)</f>
        <v>7.1318591985620905E-2</v>
      </c>
      <c r="O4877" s="59">
        <f>IF(Input!$D$19=2,J4877*Input!$C$19,0)+IF(Input!$D$20=2,K4877*Input!$C$20,0)+IF(Input!$D$21=2,L4877*Input!$C$21,0)+IF(Input!$D$22=2,M4877*Input!$C$22,0)</f>
        <v>0.17829647996405226</v>
      </c>
      <c r="P4877" s="59">
        <f>IF(Input!$D$19=3,J4877*Input!$C$19,0)+IF(Input!$D$20=3,K4877*Input!$C$20,0)+IF(Input!$D$21=3,L4877*Input!$C$21,0)+IF(Input!$D$22=3,M4877*Input!$C$22,0)</f>
        <v>0</v>
      </c>
      <c r="Q4877" s="75">
        <f>IF(Input!$D$19=4,J4877*Input!$C$19,0)+IF(Input!$D$20=4,K4877*Input!$C$20,0)+IF(Input!$D$21=4,L4877*Input!$C$21,0)+IF(Input!$D$22=4,M4877*Input!$C$22,0)</f>
        <v>0</v>
      </c>
      <c r="R4877" s="58">
        <v>45.211796046021156</v>
      </c>
      <c r="S4877" s="124">
        <f t="shared" si="76"/>
        <v>0.30904723193769057</v>
      </c>
    </row>
    <row r="4878" spans="8:19" x14ac:dyDescent="0.3">
      <c r="H4878" s="44">
        <v>4871</v>
      </c>
      <c r="I4878" s="56">
        <f>Bühler!I4904</f>
        <v>7.1318591985620891E-2</v>
      </c>
      <c r="J4878" s="59">
        <f>Bühler!J4904</f>
        <v>0.23772863995206969</v>
      </c>
      <c r="K4878" s="59">
        <f>Bühler!K4904</f>
        <v>0.35659295992810452</v>
      </c>
      <c r="L4878" s="59">
        <f>Bühler!L4904</f>
        <v>5.1846939652554731</v>
      </c>
      <c r="M4878" s="58">
        <f>Bühler!M4904</f>
        <v>0</v>
      </c>
      <c r="N4878" s="56">
        <f>IF(Input!$D$19=1,J4878*Input!$C$19,0)+IF(Input!$D$20=1,K4878*Input!$C$20,0)+IF(Input!$D$21=1,L4878*Input!$C$21,0)+IF(Input!$D$22=1,M4878*Input!$C$22,0)</f>
        <v>7.1318591985620905E-2</v>
      </c>
      <c r="O4878" s="59">
        <f>IF(Input!$D$19=2,J4878*Input!$C$19,0)+IF(Input!$D$20=2,K4878*Input!$C$20,0)+IF(Input!$D$21=2,L4878*Input!$C$21,0)+IF(Input!$D$22=2,M4878*Input!$C$22,0)</f>
        <v>0.17829647996405226</v>
      </c>
      <c r="P4878" s="59">
        <f>IF(Input!$D$19=3,J4878*Input!$C$19,0)+IF(Input!$D$20=3,K4878*Input!$C$20,0)+IF(Input!$D$21=3,L4878*Input!$C$21,0)+IF(Input!$D$22=3,M4878*Input!$C$22,0)</f>
        <v>0</v>
      </c>
      <c r="Q4878" s="75">
        <f>IF(Input!$D$19=4,J4878*Input!$C$19,0)+IF(Input!$D$20=4,K4878*Input!$C$20,0)+IF(Input!$D$21=4,L4878*Input!$C$21,0)+IF(Input!$D$22=4,M4878*Input!$C$22,0)</f>
        <v>0</v>
      </c>
      <c r="R4878" s="58">
        <v>46.337271495918699</v>
      </c>
      <c r="S4878" s="124">
        <f t="shared" si="76"/>
        <v>0.30904723193769057</v>
      </c>
    </row>
    <row r="4879" spans="8:19" x14ac:dyDescent="0.3">
      <c r="H4879" s="44">
        <v>4872</v>
      </c>
      <c r="I4879" s="56">
        <f>Bühler!I4905</f>
        <v>7.1318591985620891E-2</v>
      </c>
      <c r="J4879" s="59">
        <f>Bühler!J4905</f>
        <v>0.23772863995206969</v>
      </c>
      <c r="K4879" s="59">
        <f>Bühler!K4905</f>
        <v>0.35659295992810452</v>
      </c>
      <c r="L4879" s="59">
        <f>Bühler!L4905</f>
        <v>5.1846939652554731</v>
      </c>
      <c r="M4879" s="58">
        <f>Bühler!M4905</f>
        <v>0</v>
      </c>
      <c r="N4879" s="56">
        <f>IF(Input!$D$19=1,J4879*Input!$C$19,0)+IF(Input!$D$20=1,K4879*Input!$C$20,0)+IF(Input!$D$21=1,L4879*Input!$C$21,0)+IF(Input!$D$22=1,M4879*Input!$C$22,0)</f>
        <v>7.1318591985620905E-2</v>
      </c>
      <c r="O4879" s="59">
        <f>IF(Input!$D$19=2,J4879*Input!$C$19,0)+IF(Input!$D$20=2,K4879*Input!$C$20,0)+IF(Input!$D$21=2,L4879*Input!$C$21,0)+IF(Input!$D$22=2,M4879*Input!$C$22,0)</f>
        <v>0.17829647996405226</v>
      </c>
      <c r="P4879" s="59">
        <f>IF(Input!$D$19=3,J4879*Input!$C$19,0)+IF(Input!$D$20=3,K4879*Input!$C$20,0)+IF(Input!$D$21=3,L4879*Input!$C$21,0)+IF(Input!$D$22=3,M4879*Input!$C$22,0)</f>
        <v>0</v>
      </c>
      <c r="Q4879" s="75">
        <f>IF(Input!$D$19=4,J4879*Input!$C$19,0)+IF(Input!$D$20=4,K4879*Input!$C$20,0)+IF(Input!$D$21=4,L4879*Input!$C$21,0)+IF(Input!$D$22=4,M4879*Input!$C$22,0)</f>
        <v>0</v>
      </c>
      <c r="R4879" s="58">
        <v>47.125495724630305</v>
      </c>
      <c r="S4879" s="124">
        <f t="shared" si="76"/>
        <v>0.30904723193769057</v>
      </c>
    </row>
    <row r="4880" spans="8:19" x14ac:dyDescent="0.3">
      <c r="H4880" s="44">
        <v>4873</v>
      </c>
      <c r="I4880" s="56">
        <f>Bühler!I4906</f>
        <v>7.0762871928978219E-2</v>
      </c>
      <c r="J4880" s="59">
        <f>Bühler!J4906</f>
        <v>0.23587623976326075</v>
      </c>
      <c r="K4880" s="59">
        <f>Bühler!K4906</f>
        <v>0.35381435964489111</v>
      </c>
      <c r="L4880" s="59">
        <f>Bühler!L4906</f>
        <v>1.6983089262954771</v>
      </c>
      <c r="M4880" s="58">
        <f>Bühler!M4906</f>
        <v>0</v>
      </c>
      <c r="N4880" s="56">
        <f>IF(Input!$D$19=1,J4880*Input!$C$19,0)+IF(Input!$D$20=1,K4880*Input!$C$20,0)+IF(Input!$D$21=1,L4880*Input!$C$21,0)+IF(Input!$D$22=1,M4880*Input!$C$22,0)</f>
        <v>7.0762871928978219E-2</v>
      </c>
      <c r="O4880" s="59">
        <f>IF(Input!$D$19=2,J4880*Input!$C$19,0)+IF(Input!$D$20=2,K4880*Input!$C$20,0)+IF(Input!$D$21=2,L4880*Input!$C$21,0)+IF(Input!$D$22=2,M4880*Input!$C$22,0)</f>
        <v>0.17690717982244555</v>
      </c>
      <c r="P4880" s="59">
        <f>IF(Input!$D$19=3,J4880*Input!$C$19,0)+IF(Input!$D$20=3,K4880*Input!$C$20,0)+IF(Input!$D$21=3,L4880*Input!$C$21,0)+IF(Input!$D$22=3,M4880*Input!$C$22,0)</f>
        <v>0</v>
      </c>
      <c r="Q4880" s="75">
        <f>IF(Input!$D$19=4,J4880*Input!$C$19,0)+IF(Input!$D$20=4,K4880*Input!$C$20,0)+IF(Input!$D$21=4,L4880*Input!$C$21,0)+IF(Input!$D$22=4,M4880*Input!$C$22,0)</f>
        <v>0</v>
      </c>
      <c r="R4880" s="58">
        <v>44.340127508479064</v>
      </c>
      <c r="S4880" s="124">
        <f t="shared" si="76"/>
        <v>0.30663911169223895</v>
      </c>
    </row>
    <row r="4881" spans="8:19" x14ac:dyDescent="0.3">
      <c r="H4881" s="44">
        <v>4874</v>
      </c>
      <c r="I4881" s="56">
        <f>Bühler!I4907</f>
        <v>7.0762871928978219E-2</v>
      </c>
      <c r="J4881" s="59">
        <f>Bühler!J4907</f>
        <v>0.23587623976326075</v>
      </c>
      <c r="K4881" s="59">
        <f>Bühler!K4907</f>
        <v>0.35381435964489111</v>
      </c>
      <c r="L4881" s="59">
        <f>Bühler!L4907</f>
        <v>1.6983089262954771</v>
      </c>
      <c r="M4881" s="58">
        <f>Bühler!M4907</f>
        <v>0</v>
      </c>
      <c r="N4881" s="56">
        <f>IF(Input!$D$19=1,J4881*Input!$C$19,0)+IF(Input!$D$20=1,K4881*Input!$C$20,0)+IF(Input!$D$21=1,L4881*Input!$C$21,0)+IF(Input!$D$22=1,M4881*Input!$C$22,0)</f>
        <v>7.0762871928978219E-2</v>
      </c>
      <c r="O4881" s="59">
        <f>IF(Input!$D$19=2,J4881*Input!$C$19,0)+IF(Input!$D$20=2,K4881*Input!$C$20,0)+IF(Input!$D$21=2,L4881*Input!$C$21,0)+IF(Input!$D$22=2,M4881*Input!$C$22,0)</f>
        <v>0.17690717982244555</v>
      </c>
      <c r="P4881" s="59">
        <f>IF(Input!$D$19=3,J4881*Input!$C$19,0)+IF(Input!$D$20=3,K4881*Input!$C$20,0)+IF(Input!$D$21=3,L4881*Input!$C$21,0)+IF(Input!$D$22=3,M4881*Input!$C$22,0)</f>
        <v>0</v>
      </c>
      <c r="Q4881" s="75">
        <f>IF(Input!$D$19=4,J4881*Input!$C$19,0)+IF(Input!$D$20=4,K4881*Input!$C$20,0)+IF(Input!$D$21=4,L4881*Input!$C$21,0)+IF(Input!$D$22=4,M4881*Input!$C$22,0)</f>
        <v>0</v>
      </c>
      <c r="R4881" s="58">
        <v>44.355820306005562</v>
      </c>
      <c r="S4881" s="124">
        <f t="shared" si="76"/>
        <v>0.30663911169223895</v>
      </c>
    </row>
    <row r="4882" spans="8:19" x14ac:dyDescent="0.3">
      <c r="H4882" s="44">
        <v>4875</v>
      </c>
      <c r="I4882" s="56">
        <f>Bühler!I4908</f>
        <v>7.0762871928978219E-2</v>
      </c>
      <c r="J4882" s="59">
        <f>Bühler!J4908</f>
        <v>0.23587623976326075</v>
      </c>
      <c r="K4882" s="59">
        <f>Bühler!K4908</f>
        <v>0.35381435964489111</v>
      </c>
      <c r="L4882" s="59">
        <f>Bühler!L4908</f>
        <v>1.6983089262954771</v>
      </c>
      <c r="M4882" s="58">
        <f>Bühler!M4908</f>
        <v>0</v>
      </c>
      <c r="N4882" s="56">
        <f>IF(Input!$D$19=1,J4882*Input!$C$19,0)+IF(Input!$D$20=1,K4882*Input!$C$20,0)+IF(Input!$D$21=1,L4882*Input!$C$21,0)+IF(Input!$D$22=1,M4882*Input!$C$22,0)</f>
        <v>7.0762871928978219E-2</v>
      </c>
      <c r="O4882" s="59">
        <f>IF(Input!$D$19=2,J4882*Input!$C$19,0)+IF(Input!$D$20=2,K4882*Input!$C$20,0)+IF(Input!$D$21=2,L4882*Input!$C$21,0)+IF(Input!$D$22=2,M4882*Input!$C$22,0)</f>
        <v>0.17690717982244555</v>
      </c>
      <c r="P4882" s="59">
        <f>IF(Input!$D$19=3,J4882*Input!$C$19,0)+IF(Input!$D$20=3,K4882*Input!$C$20,0)+IF(Input!$D$21=3,L4882*Input!$C$21,0)+IF(Input!$D$22=3,M4882*Input!$C$22,0)</f>
        <v>0</v>
      </c>
      <c r="Q4882" s="75">
        <f>IF(Input!$D$19=4,J4882*Input!$C$19,0)+IF(Input!$D$20=4,K4882*Input!$C$20,0)+IF(Input!$D$21=4,L4882*Input!$C$21,0)+IF(Input!$D$22=4,M4882*Input!$C$22,0)</f>
        <v>0</v>
      </c>
      <c r="R4882" s="58">
        <v>44.772261595914252</v>
      </c>
      <c r="S4882" s="124">
        <f t="shared" si="76"/>
        <v>0.30663911169223895</v>
      </c>
    </row>
    <row r="4883" spans="8:19" x14ac:dyDescent="0.3">
      <c r="H4883" s="44">
        <v>4876</v>
      </c>
      <c r="I4883" s="56">
        <f>Bühler!I4909</f>
        <v>7.0762871928978219E-2</v>
      </c>
      <c r="J4883" s="59">
        <f>Bühler!J4909</f>
        <v>0.23587623976326075</v>
      </c>
      <c r="K4883" s="59">
        <f>Bühler!K4909</f>
        <v>0.35381435964489111</v>
      </c>
      <c r="L4883" s="59">
        <f>Bühler!L4909</f>
        <v>1.6983089262954771</v>
      </c>
      <c r="M4883" s="58">
        <f>Bühler!M4909</f>
        <v>0</v>
      </c>
      <c r="N4883" s="56">
        <f>IF(Input!$D$19=1,J4883*Input!$C$19,0)+IF(Input!$D$20=1,K4883*Input!$C$20,0)+IF(Input!$D$21=1,L4883*Input!$C$21,0)+IF(Input!$D$22=1,M4883*Input!$C$22,0)</f>
        <v>7.0762871928978219E-2</v>
      </c>
      <c r="O4883" s="59">
        <f>IF(Input!$D$19=2,J4883*Input!$C$19,0)+IF(Input!$D$20=2,K4883*Input!$C$20,0)+IF(Input!$D$21=2,L4883*Input!$C$21,0)+IF(Input!$D$22=2,M4883*Input!$C$22,0)</f>
        <v>0.17690717982244555</v>
      </c>
      <c r="P4883" s="59">
        <f>IF(Input!$D$19=3,J4883*Input!$C$19,0)+IF(Input!$D$20=3,K4883*Input!$C$20,0)+IF(Input!$D$21=3,L4883*Input!$C$21,0)+IF(Input!$D$22=3,M4883*Input!$C$22,0)</f>
        <v>0</v>
      </c>
      <c r="Q4883" s="75">
        <f>IF(Input!$D$19=4,J4883*Input!$C$19,0)+IF(Input!$D$20=4,K4883*Input!$C$20,0)+IF(Input!$D$21=4,L4883*Input!$C$21,0)+IF(Input!$D$22=4,M4883*Input!$C$22,0)</f>
        <v>0</v>
      </c>
      <c r="R4883" s="58">
        <v>46.430984657476372</v>
      </c>
      <c r="S4883" s="124">
        <f t="shared" si="76"/>
        <v>0.30663911169223895</v>
      </c>
    </row>
    <row r="4884" spans="8:19" x14ac:dyDescent="0.3">
      <c r="H4884" s="44">
        <v>4877</v>
      </c>
      <c r="I4884" s="56">
        <f>Bühler!I4910</f>
        <v>7.0762871928978219E-2</v>
      </c>
      <c r="J4884" s="59">
        <f>Bühler!J4910</f>
        <v>0.23587623976326075</v>
      </c>
      <c r="K4884" s="59">
        <f>Bühler!K4910</f>
        <v>0.35381435964489111</v>
      </c>
      <c r="L4884" s="59">
        <f>Bühler!L4910</f>
        <v>1.6983089262954771</v>
      </c>
      <c r="M4884" s="58">
        <f>Bühler!M4910</f>
        <v>0</v>
      </c>
      <c r="N4884" s="56">
        <f>IF(Input!$D$19=1,J4884*Input!$C$19,0)+IF(Input!$D$20=1,K4884*Input!$C$20,0)+IF(Input!$D$21=1,L4884*Input!$C$21,0)+IF(Input!$D$22=1,M4884*Input!$C$22,0)</f>
        <v>7.0762871928978219E-2</v>
      </c>
      <c r="O4884" s="59">
        <f>IF(Input!$D$19=2,J4884*Input!$C$19,0)+IF(Input!$D$20=2,K4884*Input!$C$20,0)+IF(Input!$D$21=2,L4884*Input!$C$21,0)+IF(Input!$D$22=2,M4884*Input!$C$22,0)</f>
        <v>0.17690717982244555</v>
      </c>
      <c r="P4884" s="59">
        <f>IF(Input!$D$19=3,J4884*Input!$C$19,0)+IF(Input!$D$20=3,K4884*Input!$C$20,0)+IF(Input!$D$21=3,L4884*Input!$C$21,0)+IF(Input!$D$22=3,M4884*Input!$C$22,0)</f>
        <v>0</v>
      </c>
      <c r="Q4884" s="75">
        <f>IF(Input!$D$19=4,J4884*Input!$C$19,0)+IF(Input!$D$20=4,K4884*Input!$C$20,0)+IF(Input!$D$21=4,L4884*Input!$C$21,0)+IF(Input!$D$22=4,M4884*Input!$C$22,0)</f>
        <v>0</v>
      </c>
      <c r="R4884" s="58">
        <v>49.963323971320335</v>
      </c>
      <c r="S4884" s="124">
        <f t="shared" si="76"/>
        <v>0.30663911169223895</v>
      </c>
    </row>
    <row r="4885" spans="8:19" x14ac:dyDescent="0.3">
      <c r="H4885" s="44">
        <v>4878</v>
      </c>
      <c r="I4885" s="56">
        <f>Bühler!I4911</f>
        <v>0.30663911169223901</v>
      </c>
      <c r="J4885" s="59">
        <f>Bühler!J4911</f>
        <v>1.0221303723074635</v>
      </c>
      <c r="K4885" s="59">
        <f>Bühler!K4911</f>
        <v>1.5331955584611949</v>
      </c>
      <c r="L4885" s="59">
        <f>Bühler!L4911</f>
        <v>7.3593386806137362</v>
      </c>
      <c r="M4885" s="58">
        <f>Bühler!M4911</f>
        <v>0</v>
      </c>
      <c r="N4885" s="56">
        <f>IF(Input!$D$19=1,J4885*Input!$C$19,0)+IF(Input!$D$20=1,K4885*Input!$C$20,0)+IF(Input!$D$21=1,L4885*Input!$C$21,0)+IF(Input!$D$22=1,M4885*Input!$C$22,0)</f>
        <v>0.30663911169223906</v>
      </c>
      <c r="O4885" s="59">
        <f>IF(Input!$D$19=2,J4885*Input!$C$19,0)+IF(Input!$D$20=2,K4885*Input!$C$20,0)+IF(Input!$D$21=2,L4885*Input!$C$21,0)+IF(Input!$D$22=2,M4885*Input!$C$22,0)</f>
        <v>0.76659777923059746</v>
      </c>
      <c r="P4885" s="59">
        <f>IF(Input!$D$19=3,J4885*Input!$C$19,0)+IF(Input!$D$20=3,K4885*Input!$C$20,0)+IF(Input!$D$21=3,L4885*Input!$C$21,0)+IF(Input!$D$22=3,M4885*Input!$C$22,0)</f>
        <v>0</v>
      </c>
      <c r="Q4885" s="75">
        <f>IF(Input!$D$19=4,J4885*Input!$C$19,0)+IF(Input!$D$20=4,K4885*Input!$C$20,0)+IF(Input!$D$21=4,L4885*Input!$C$21,0)+IF(Input!$D$22=4,M4885*Input!$C$22,0)</f>
        <v>0</v>
      </c>
      <c r="R4885" s="58">
        <v>56.140594563621583</v>
      </c>
      <c r="S4885" s="124">
        <f t="shared" si="76"/>
        <v>1.3287694839997024</v>
      </c>
    </row>
    <row r="4886" spans="8:19" x14ac:dyDescent="0.3">
      <c r="H4886" s="44">
        <v>4879</v>
      </c>
      <c r="I4886" s="56">
        <f>Bühler!I4912</f>
        <v>0.34791745365080956</v>
      </c>
      <c r="J4886" s="59">
        <f>Bühler!J4912</f>
        <v>1.1597248455026985</v>
      </c>
      <c r="K4886" s="59">
        <f>Bühler!K4912</f>
        <v>1.7395872682540479</v>
      </c>
      <c r="L4886" s="59">
        <f>Bühler!L4912</f>
        <v>8.350018887619429</v>
      </c>
      <c r="M4886" s="58">
        <f>Bühler!M4912</f>
        <v>0</v>
      </c>
      <c r="N4886" s="56">
        <f>IF(Input!$D$19=1,J4886*Input!$C$19,0)+IF(Input!$D$20=1,K4886*Input!$C$20,0)+IF(Input!$D$21=1,L4886*Input!$C$21,0)+IF(Input!$D$22=1,M4886*Input!$C$22,0)</f>
        <v>0.34791745365080956</v>
      </c>
      <c r="O4886" s="59">
        <f>IF(Input!$D$19=2,J4886*Input!$C$19,0)+IF(Input!$D$20=2,K4886*Input!$C$20,0)+IF(Input!$D$21=2,L4886*Input!$C$21,0)+IF(Input!$D$22=2,M4886*Input!$C$22,0)</f>
        <v>0.86979363412702393</v>
      </c>
      <c r="P4886" s="59">
        <f>IF(Input!$D$19=3,J4886*Input!$C$19,0)+IF(Input!$D$20=3,K4886*Input!$C$20,0)+IF(Input!$D$21=3,L4886*Input!$C$21,0)+IF(Input!$D$22=3,M4886*Input!$C$22,0)</f>
        <v>0</v>
      </c>
      <c r="Q4886" s="75">
        <f>IF(Input!$D$19=4,J4886*Input!$C$19,0)+IF(Input!$D$20=4,K4886*Input!$C$20,0)+IF(Input!$D$21=4,L4886*Input!$C$21,0)+IF(Input!$D$22=4,M4886*Input!$C$22,0)</f>
        <v>0</v>
      </c>
      <c r="R4886" s="58">
        <v>61.003010736892051</v>
      </c>
      <c r="S4886" s="124">
        <f t="shared" si="76"/>
        <v>1.5076422991535081</v>
      </c>
    </row>
    <row r="4887" spans="8:19" x14ac:dyDescent="0.3">
      <c r="H4887" s="44">
        <v>4880</v>
      </c>
      <c r="I4887" s="56">
        <f>Bühler!I4913</f>
        <v>0.34791745365080956</v>
      </c>
      <c r="J4887" s="59">
        <f>Bühler!J4913</f>
        <v>1.1597248455026985</v>
      </c>
      <c r="K4887" s="59">
        <f>Bühler!K4913</f>
        <v>1.7395872682540479</v>
      </c>
      <c r="L4887" s="59">
        <f>Bühler!L4913</f>
        <v>8.350018887619429</v>
      </c>
      <c r="M4887" s="58">
        <f>Bühler!M4913</f>
        <v>0</v>
      </c>
      <c r="N4887" s="56">
        <f>IF(Input!$D$19=1,J4887*Input!$C$19,0)+IF(Input!$D$20=1,K4887*Input!$C$20,0)+IF(Input!$D$21=1,L4887*Input!$C$21,0)+IF(Input!$D$22=1,M4887*Input!$C$22,0)</f>
        <v>0.34791745365080956</v>
      </c>
      <c r="O4887" s="59">
        <f>IF(Input!$D$19=2,J4887*Input!$C$19,0)+IF(Input!$D$20=2,K4887*Input!$C$20,0)+IF(Input!$D$21=2,L4887*Input!$C$21,0)+IF(Input!$D$22=2,M4887*Input!$C$22,0)</f>
        <v>0.86979363412702393</v>
      </c>
      <c r="P4887" s="59">
        <f>IF(Input!$D$19=3,J4887*Input!$C$19,0)+IF(Input!$D$20=3,K4887*Input!$C$20,0)+IF(Input!$D$21=3,L4887*Input!$C$21,0)+IF(Input!$D$22=3,M4887*Input!$C$22,0)</f>
        <v>0</v>
      </c>
      <c r="Q4887" s="75">
        <f>IF(Input!$D$19=4,J4887*Input!$C$19,0)+IF(Input!$D$20=4,K4887*Input!$C$20,0)+IF(Input!$D$21=4,L4887*Input!$C$21,0)+IF(Input!$D$22=4,M4887*Input!$C$22,0)</f>
        <v>0</v>
      </c>
      <c r="R4887" s="58">
        <v>64.530953650231112</v>
      </c>
      <c r="S4887" s="124">
        <f t="shared" si="76"/>
        <v>1.5076422991535081</v>
      </c>
    </row>
    <row r="4888" spans="8:19" x14ac:dyDescent="0.3">
      <c r="H4888" s="44">
        <v>4881</v>
      </c>
      <c r="I4888" s="56">
        <f>Bühler!I4914</f>
        <v>0.34791745365080956</v>
      </c>
      <c r="J4888" s="59">
        <f>Bühler!J4914</f>
        <v>1.1597248455026985</v>
      </c>
      <c r="K4888" s="59">
        <f>Bühler!K4914</f>
        <v>1.7395872682540479</v>
      </c>
      <c r="L4888" s="59">
        <f>Bühler!L4914</f>
        <v>8.350018887619429</v>
      </c>
      <c r="M4888" s="58">
        <f>Bühler!M4914</f>
        <v>0</v>
      </c>
      <c r="N4888" s="56">
        <f>IF(Input!$D$19=1,J4888*Input!$C$19,0)+IF(Input!$D$20=1,K4888*Input!$C$20,0)+IF(Input!$D$21=1,L4888*Input!$C$21,0)+IF(Input!$D$22=1,M4888*Input!$C$22,0)</f>
        <v>0.34791745365080956</v>
      </c>
      <c r="O4888" s="59">
        <f>IF(Input!$D$19=2,J4888*Input!$C$19,0)+IF(Input!$D$20=2,K4888*Input!$C$20,0)+IF(Input!$D$21=2,L4888*Input!$C$21,0)+IF(Input!$D$22=2,M4888*Input!$C$22,0)</f>
        <v>0.86979363412702393</v>
      </c>
      <c r="P4888" s="59">
        <f>IF(Input!$D$19=3,J4888*Input!$C$19,0)+IF(Input!$D$20=3,K4888*Input!$C$20,0)+IF(Input!$D$21=3,L4888*Input!$C$21,0)+IF(Input!$D$22=3,M4888*Input!$C$22,0)</f>
        <v>0</v>
      </c>
      <c r="Q4888" s="75">
        <f>IF(Input!$D$19=4,J4888*Input!$C$19,0)+IF(Input!$D$20=4,K4888*Input!$C$20,0)+IF(Input!$D$21=4,L4888*Input!$C$21,0)+IF(Input!$D$22=4,M4888*Input!$C$22,0)</f>
        <v>0</v>
      </c>
      <c r="R4888" s="58">
        <v>66.370291633661438</v>
      </c>
      <c r="S4888" s="124">
        <f t="shared" si="76"/>
        <v>1.5076422991535081</v>
      </c>
    </row>
    <row r="4889" spans="8:19" x14ac:dyDescent="0.3">
      <c r="H4889" s="44">
        <v>4882</v>
      </c>
      <c r="I4889" s="56">
        <f>Bühler!I4915</f>
        <v>0.37150507762713569</v>
      </c>
      <c r="J4889" s="59">
        <f>Bühler!J4915</f>
        <v>1.2383502587571191</v>
      </c>
      <c r="K4889" s="59">
        <f>Bühler!K4915</f>
        <v>1.8575253881356784</v>
      </c>
      <c r="L4889" s="59">
        <f>Bühler!L4915</f>
        <v>8.9161218630512558</v>
      </c>
      <c r="M4889" s="58">
        <f>Bühler!M4915</f>
        <v>0</v>
      </c>
      <c r="N4889" s="56">
        <f>IF(Input!$D$19=1,J4889*Input!$C$19,0)+IF(Input!$D$20=1,K4889*Input!$C$20,0)+IF(Input!$D$21=1,L4889*Input!$C$21,0)+IF(Input!$D$22=1,M4889*Input!$C$22,0)</f>
        <v>0.37150507762713575</v>
      </c>
      <c r="O4889" s="59">
        <f>IF(Input!$D$19=2,J4889*Input!$C$19,0)+IF(Input!$D$20=2,K4889*Input!$C$20,0)+IF(Input!$D$21=2,L4889*Input!$C$21,0)+IF(Input!$D$22=2,M4889*Input!$C$22,0)</f>
        <v>0.92876269406783918</v>
      </c>
      <c r="P4889" s="59">
        <f>IF(Input!$D$19=3,J4889*Input!$C$19,0)+IF(Input!$D$20=3,K4889*Input!$C$20,0)+IF(Input!$D$21=3,L4889*Input!$C$21,0)+IF(Input!$D$22=3,M4889*Input!$C$22,0)</f>
        <v>0</v>
      </c>
      <c r="Q4889" s="75">
        <f>IF(Input!$D$19=4,J4889*Input!$C$19,0)+IF(Input!$D$20=4,K4889*Input!$C$20,0)+IF(Input!$D$21=4,L4889*Input!$C$21,0)+IF(Input!$D$22=4,M4889*Input!$C$22,0)</f>
        <v>0</v>
      </c>
      <c r="R4889" s="58">
        <v>67.943444609880473</v>
      </c>
      <c r="S4889" s="124">
        <f t="shared" si="76"/>
        <v>1.6098553363842547</v>
      </c>
    </row>
    <row r="4890" spans="8:19" x14ac:dyDescent="0.3">
      <c r="H4890" s="44">
        <v>4883</v>
      </c>
      <c r="I4890" s="56">
        <f>Bühler!I4916</f>
        <v>0.37150507762713569</v>
      </c>
      <c r="J4890" s="59">
        <f>Bühler!J4916</f>
        <v>1.2383502587571191</v>
      </c>
      <c r="K4890" s="59">
        <f>Bühler!K4916</f>
        <v>1.8575253881356784</v>
      </c>
      <c r="L4890" s="59">
        <f>Bühler!L4916</f>
        <v>8.9161218630512558</v>
      </c>
      <c r="M4890" s="58">
        <f>Bühler!M4916</f>
        <v>0</v>
      </c>
      <c r="N4890" s="56">
        <f>IF(Input!$D$19=1,J4890*Input!$C$19,0)+IF(Input!$D$20=1,K4890*Input!$C$20,0)+IF(Input!$D$21=1,L4890*Input!$C$21,0)+IF(Input!$D$22=1,M4890*Input!$C$22,0)</f>
        <v>0.37150507762713575</v>
      </c>
      <c r="O4890" s="59">
        <f>IF(Input!$D$19=2,J4890*Input!$C$19,0)+IF(Input!$D$20=2,K4890*Input!$C$20,0)+IF(Input!$D$21=2,L4890*Input!$C$21,0)+IF(Input!$D$22=2,M4890*Input!$C$22,0)</f>
        <v>0.92876269406783918</v>
      </c>
      <c r="P4890" s="59">
        <f>IF(Input!$D$19=3,J4890*Input!$C$19,0)+IF(Input!$D$20=3,K4890*Input!$C$20,0)+IF(Input!$D$21=3,L4890*Input!$C$21,0)+IF(Input!$D$22=3,M4890*Input!$C$22,0)</f>
        <v>0</v>
      </c>
      <c r="Q4890" s="75">
        <f>IF(Input!$D$19=4,J4890*Input!$C$19,0)+IF(Input!$D$20=4,K4890*Input!$C$20,0)+IF(Input!$D$21=4,L4890*Input!$C$21,0)+IF(Input!$D$22=4,M4890*Input!$C$22,0)</f>
        <v>0</v>
      </c>
      <c r="R4890" s="58">
        <v>69.146946151021638</v>
      </c>
      <c r="S4890" s="124">
        <f t="shared" si="76"/>
        <v>1.6098553363842547</v>
      </c>
    </row>
    <row r="4891" spans="8:19" x14ac:dyDescent="0.3">
      <c r="H4891" s="44">
        <v>4884</v>
      </c>
      <c r="I4891" s="56">
        <f>Bühler!I4917</f>
        <v>0.4717524795265215</v>
      </c>
      <c r="J4891" s="59">
        <f>Bühler!J4917</f>
        <v>1.5725082650884052</v>
      </c>
      <c r="K4891" s="59">
        <f>Bühler!K4917</f>
        <v>2.3587623976326078</v>
      </c>
      <c r="L4891" s="59">
        <f>Bühler!L4917</f>
        <v>11.322059508636517</v>
      </c>
      <c r="M4891" s="58">
        <f>Bühler!M4917</f>
        <v>0</v>
      </c>
      <c r="N4891" s="56">
        <f>IF(Input!$D$19=1,J4891*Input!$C$19,0)+IF(Input!$D$20=1,K4891*Input!$C$20,0)+IF(Input!$D$21=1,L4891*Input!$C$21,0)+IF(Input!$D$22=1,M4891*Input!$C$22,0)</f>
        <v>0.47175247952652155</v>
      </c>
      <c r="O4891" s="59">
        <f>IF(Input!$D$19=2,J4891*Input!$C$19,0)+IF(Input!$D$20=2,K4891*Input!$C$20,0)+IF(Input!$D$21=2,L4891*Input!$C$21,0)+IF(Input!$D$22=2,M4891*Input!$C$22,0)</f>
        <v>1.1793811988163039</v>
      </c>
      <c r="P4891" s="59">
        <f>IF(Input!$D$19=3,J4891*Input!$C$19,0)+IF(Input!$D$20=3,K4891*Input!$C$20,0)+IF(Input!$D$21=3,L4891*Input!$C$21,0)+IF(Input!$D$22=3,M4891*Input!$C$22,0)</f>
        <v>0</v>
      </c>
      <c r="Q4891" s="75">
        <f>IF(Input!$D$19=4,J4891*Input!$C$19,0)+IF(Input!$D$20=4,K4891*Input!$C$20,0)+IF(Input!$D$21=4,L4891*Input!$C$21,0)+IF(Input!$D$22=4,M4891*Input!$C$22,0)</f>
        <v>0</v>
      </c>
      <c r="R4891" s="58">
        <v>70.469866113147532</v>
      </c>
      <c r="S4891" s="124">
        <f t="shared" si="76"/>
        <v>2.0442607446149266</v>
      </c>
    </row>
    <row r="4892" spans="8:19" x14ac:dyDescent="0.3">
      <c r="H4892" s="44">
        <v>4885</v>
      </c>
      <c r="I4892" s="56">
        <f>Bühler!I4918</f>
        <v>0.4717524795265215</v>
      </c>
      <c r="J4892" s="59">
        <f>Bühler!J4918</f>
        <v>1.5725082650884052</v>
      </c>
      <c r="K4892" s="59">
        <f>Bühler!K4918</f>
        <v>2.3587623976326078</v>
      </c>
      <c r="L4892" s="59">
        <f>Bühler!L4918</f>
        <v>11.322059508636517</v>
      </c>
      <c r="M4892" s="58">
        <f>Bühler!M4918</f>
        <v>0</v>
      </c>
      <c r="N4892" s="56">
        <f>IF(Input!$D$19=1,J4892*Input!$C$19,0)+IF(Input!$D$20=1,K4892*Input!$C$20,0)+IF(Input!$D$21=1,L4892*Input!$C$21,0)+IF(Input!$D$22=1,M4892*Input!$C$22,0)</f>
        <v>0.47175247952652155</v>
      </c>
      <c r="O4892" s="59">
        <f>IF(Input!$D$19=2,J4892*Input!$C$19,0)+IF(Input!$D$20=2,K4892*Input!$C$20,0)+IF(Input!$D$21=2,L4892*Input!$C$21,0)+IF(Input!$D$22=2,M4892*Input!$C$22,0)</f>
        <v>1.1793811988163039</v>
      </c>
      <c r="P4892" s="59">
        <f>IF(Input!$D$19=3,J4892*Input!$C$19,0)+IF(Input!$D$20=3,K4892*Input!$C$20,0)+IF(Input!$D$21=3,L4892*Input!$C$21,0)+IF(Input!$D$22=3,M4892*Input!$C$22,0)</f>
        <v>0</v>
      </c>
      <c r="Q4892" s="75">
        <f>IF(Input!$D$19=4,J4892*Input!$C$19,0)+IF(Input!$D$20=4,K4892*Input!$C$20,0)+IF(Input!$D$21=4,L4892*Input!$C$21,0)+IF(Input!$D$22=4,M4892*Input!$C$22,0)</f>
        <v>0</v>
      </c>
      <c r="R4892" s="58">
        <v>70.461105223694872</v>
      </c>
      <c r="S4892" s="124">
        <f t="shared" si="76"/>
        <v>2.0442607446149266</v>
      </c>
    </row>
    <row r="4893" spans="8:19" x14ac:dyDescent="0.3">
      <c r="H4893" s="44">
        <v>4886</v>
      </c>
      <c r="I4893" s="56">
        <f>Bühler!I4919</f>
        <v>0.3125360176863205</v>
      </c>
      <c r="J4893" s="59">
        <f>Bühler!J4919</f>
        <v>1.0417867256210684</v>
      </c>
      <c r="K4893" s="59">
        <f>Bühler!K4919</f>
        <v>1.5626800884316026</v>
      </c>
      <c r="L4893" s="59">
        <f>Bühler!L4919</f>
        <v>7.5008644244716924</v>
      </c>
      <c r="M4893" s="58">
        <f>Bühler!M4919</f>
        <v>0</v>
      </c>
      <c r="N4893" s="56">
        <f>IF(Input!$D$19=1,J4893*Input!$C$19,0)+IF(Input!$D$20=1,K4893*Input!$C$20,0)+IF(Input!$D$21=1,L4893*Input!$C$21,0)+IF(Input!$D$22=1,M4893*Input!$C$22,0)</f>
        <v>0.3125360176863205</v>
      </c>
      <c r="O4893" s="59">
        <f>IF(Input!$D$19=2,J4893*Input!$C$19,0)+IF(Input!$D$20=2,K4893*Input!$C$20,0)+IF(Input!$D$21=2,L4893*Input!$C$21,0)+IF(Input!$D$22=2,M4893*Input!$C$22,0)</f>
        <v>0.78134004421580128</v>
      </c>
      <c r="P4893" s="59">
        <f>IF(Input!$D$19=3,J4893*Input!$C$19,0)+IF(Input!$D$20=3,K4893*Input!$C$20,0)+IF(Input!$D$21=3,L4893*Input!$C$21,0)+IF(Input!$D$22=3,M4893*Input!$C$22,0)</f>
        <v>0</v>
      </c>
      <c r="Q4893" s="75">
        <f>IF(Input!$D$19=4,J4893*Input!$C$19,0)+IF(Input!$D$20=4,K4893*Input!$C$20,0)+IF(Input!$D$21=4,L4893*Input!$C$21,0)+IF(Input!$D$22=4,M4893*Input!$C$22,0)</f>
        <v>0</v>
      </c>
      <c r="R4893" s="58">
        <v>71.26729913070875</v>
      </c>
      <c r="S4893" s="124">
        <f t="shared" si="76"/>
        <v>1.354322743307389</v>
      </c>
    </row>
    <row r="4894" spans="8:19" x14ac:dyDescent="0.3">
      <c r="H4894" s="44">
        <v>4887</v>
      </c>
      <c r="I4894" s="56">
        <f>Bühler!I4920</f>
        <v>0.4717524795265215</v>
      </c>
      <c r="J4894" s="59">
        <f>Bühler!J4920</f>
        <v>1.5725082650884052</v>
      </c>
      <c r="K4894" s="59">
        <f>Bühler!K4920</f>
        <v>2.3587623976326078</v>
      </c>
      <c r="L4894" s="59">
        <f>Bühler!L4920</f>
        <v>11.322059508636517</v>
      </c>
      <c r="M4894" s="58">
        <f>Bühler!M4920</f>
        <v>0</v>
      </c>
      <c r="N4894" s="56">
        <f>IF(Input!$D$19=1,J4894*Input!$C$19,0)+IF(Input!$D$20=1,K4894*Input!$C$20,0)+IF(Input!$D$21=1,L4894*Input!$C$21,0)+IF(Input!$D$22=1,M4894*Input!$C$22,0)</f>
        <v>0.47175247952652155</v>
      </c>
      <c r="O4894" s="59">
        <f>IF(Input!$D$19=2,J4894*Input!$C$19,0)+IF(Input!$D$20=2,K4894*Input!$C$20,0)+IF(Input!$D$21=2,L4894*Input!$C$21,0)+IF(Input!$D$22=2,M4894*Input!$C$22,0)</f>
        <v>1.1793811988163039</v>
      </c>
      <c r="P4894" s="59">
        <f>IF(Input!$D$19=3,J4894*Input!$C$19,0)+IF(Input!$D$20=3,K4894*Input!$C$20,0)+IF(Input!$D$21=3,L4894*Input!$C$21,0)+IF(Input!$D$22=3,M4894*Input!$C$22,0)</f>
        <v>0</v>
      </c>
      <c r="Q4894" s="75">
        <f>IF(Input!$D$19=4,J4894*Input!$C$19,0)+IF(Input!$D$20=4,K4894*Input!$C$20,0)+IF(Input!$D$21=4,L4894*Input!$C$21,0)+IF(Input!$D$22=4,M4894*Input!$C$22,0)</f>
        <v>0</v>
      </c>
      <c r="R4894" s="58">
        <v>71.555900741724912</v>
      </c>
      <c r="S4894" s="124">
        <f t="shared" si="76"/>
        <v>2.0442607446149266</v>
      </c>
    </row>
    <row r="4895" spans="8:19" x14ac:dyDescent="0.3">
      <c r="H4895" s="44">
        <v>4888</v>
      </c>
      <c r="I4895" s="56">
        <f>Bühler!I4921</f>
        <v>0.4717524795265215</v>
      </c>
      <c r="J4895" s="59">
        <f>Bühler!J4921</f>
        <v>1.5725082650884052</v>
      </c>
      <c r="K4895" s="59">
        <f>Bühler!K4921</f>
        <v>2.3587623976326078</v>
      </c>
      <c r="L4895" s="59">
        <f>Bühler!L4921</f>
        <v>11.322059508636517</v>
      </c>
      <c r="M4895" s="58">
        <f>Bühler!M4921</f>
        <v>0</v>
      </c>
      <c r="N4895" s="56">
        <f>IF(Input!$D$19=1,J4895*Input!$C$19,0)+IF(Input!$D$20=1,K4895*Input!$C$20,0)+IF(Input!$D$21=1,L4895*Input!$C$21,0)+IF(Input!$D$22=1,M4895*Input!$C$22,0)</f>
        <v>0.47175247952652155</v>
      </c>
      <c r="O4895" s="59">
        <f>IF(Input!$D$19=2,J4895*Input!$C$19,0)+IF(Input!$D$20=2,K4895*Input!$C$20,0)+IF(Input!$D$21=2,L4895*Input!$C$21,0)+IF(Input!$D$22=2,M4895*Input!$C$22,0)</f>
        <v>1.1793811988163039</v>
      </c>
      <c r="P4895" s="59">
        <f>IF(Input!$D$19=3,J4895*Input!$C$19,0)+IF(Input!$D$20=3,K4895*Input!$C$20,0)+IF(Input!$D$21=3,L4895*Input!$C$21,0)+IF(Input!$D$22=3,M4895*Input!$C$22,0)</f>
        <v>0</v>
      </c>
      <c r="Q4895" s="75">
        <f>IF(Input!$D$19=4,J4895*Input!$C$19,0)+IF(Input!$D$20=4,K4895*Input!$C$20,0)+IF(Input!$D$21=4,L4895*Input!$C$21,0)+IF(Input!$D$22=4,M4895*Input!$C$22,0)</f>
        <v>0</v>
      </c>
      <c r="R4895" s="58">
        <v>71.723822552437824</v>
      </c>
      <c r="S4895" s="124">
        <f t="shared" si="76"/>
        <v>2.0442607446149266</v>
      </c>
    </row>
    <row r="4896" spans="8:19" x14ac:dyDescent="0.3">
      <c r="H4896" s="44">
        <v>4889</v>
      </c>
      <c r="I4896" s="56">
        <f>Bühler!I4922</f>
        <v>0.4717524795265215</v>
      </c>
      <c r="J4896" s="59">
        <f>Bühler!J4922</f>
        <v>1.5725082650884052</v>
      </c>
      <c r="K4896" s="59">
        <f>Bühler!K4922</f>
        <v>2.3587623976326078</v>
      </c>
      <c r="L4896" s="59">
        <f>Bühler!L4922</f>
        <v>11.322059508636517</v>
      </c>
      <c r="M4896" s="58">
        <f>Bühler!M4922</f>
        <v>0</v>
      </c>
      <c r="N4896" s="56">
        <f>IF(Input!$D$19=1,J4896*Input!$C$19,0)+IF(Input!$D$20=1,K4896*Input!$C$20,0)+IF(Input!$D$21=1,L4896*Input!$C$21,0)+IF(Input!$D$22=1,M4896*Input!$C$22,0)</f>
        <v>0.47175247952652155</v>
      </c>
      <c r="O4896" s="59">
        <f>IF(Input!$D$19=2,J4896*Input!$C$19,0)+IF(Input!$D$20=2,K4896*Input!$C$20,0)+IF(Input!$D$21=2,L4896*Input!$C$21,0)+IF(Input!$D$22=2,M4896*Input!$C$22,0)</f>
        <v>1.1793811988163039</v>
      </c>
      <c r="P4896" s="59">
        <f>IF(Input!$D$19=3,J4896*Input!$C$19,0)+IF(Input!$D$20=3,K4896*Input!$C$20,0)+IF(Input!$D$21=3,L4896*Input!$C$21,0)+IF(Input!$D$22=3,M4896*Input!$C$22,0)</f>
        <v>0</v>
      </c>
      <c r="Q4896" s="75">
        <f>IF(Input!$D$19=4,J4896*Input!$C$19,0)+IF(Input!$D$20=4,K4896*Input!$C$20,0)+IF(Input!$D$21=4,L4896*Input!$C$21,0)+IF(Input!$D$22=4,M4896*Input!$C$22,0)</f>
        <v>0</v>
      </c>
      <c r="R4896" s="58">
        <v>70.796615588041774</v>
      </c>
      <c r="S4896" s="124">
        <f t="shared" si="76"/>
        <v>2.0442607446149266</v>
      </c>
    </row>
    <row r="4897" spans="8:19" x14ac:dyDescent="0.3">
      <c r="H4897" s="44">
        <v>4890</v>
      </c>
      <c r="I4897" s="56">
        <f>Bühler!I4923</f>
        <v>0.4717524795265215</v>
      </c>
      <c r="J4897" s="59">
        <f>Bühler!J4923</f>
        <v>1.5725082650884052</v>
      </c>
      <c r="K4897" s="59">
        <f>Bühler!K4923</f>
        <v>2.3587623976326078</v>
      </c>
      <c r="L4897" s="59">
        <f>Bühler!L4923</f>
        <v>11.322059508636517</v>
      </c>
      <c r="M4897" s="58">
        <f>Bühler!M4923</f>
        <v>0</v>
      </c>
      <c r="N4897" s="56">
        <f>IF(Input!$D$19=1,J4897*Input!$C$19,0)+IF(Input!$D$20=1,K4897*Input!$C$20,0)+IF(Input!$D$21=1,L4897*Input!$C$21,0)+IF(Input!$D$22=1,M4897*Input!$C$22,0)</f>
        <v>0.47175247952652155</v>
      </c>
      <c r="O4897" s="59">
        <f>IF(Input!$D$19=2,J4897*Input!$C$19,0)+IF(Input!$D$20=2,K4897*Input!$C$20,0)+IF(Input!$D$21=2,L4897*Input!$C$21,0)+IF(Input!$D$22=2,M4897*Input!$C$22,0)</f>
        <v>1.1793811988163039</v>
      </c>
      <c r="P4897" s="59">
        <f>IF(Input!$D$19=3,J4897*Input!$C$19,0)+IF(Input!$D$20=3,K4897*Input!$C$20,0)+IF(Input!$D$21=3,L4897*Input!$C$21,0)+IF(Input!$D$22=3,M4897*Input!$C$22,0)</f>
        <v>0</v>
      </c>
      <c r="Q4897" s="75">
        <f>IF(Input!$D$19=4,J4897*Input!$C$19,0)+IF(Input!$D$20=4,K4897*Input!$C$20,0)+IF(Input!$D$21=4,L4897*Input!$C$21,0)+IF(Input!$D$22=4,M4897*Input!$C$22,0)</f>
        <v>0</v>
      </c>
      <c r="R4897" s="58">
        <v>69.580487053667326</v>
      </c>
      <c r="S4897" s="124">
        <f t="shared" si="76"/>
        <v>2.0442607446149266</v>
      </c>
    </row>
    <row r="4898" spans="8:19" x14ac:dyDescent="0.3">
      <c r="H4898" s="44">
        <v>4891</v>
      </c>
      <c r="I4898" s="56">
        <f>Bühler!I4924</f>
        <v>0.4717524795265215</v>
      </c>
      <c r="J4898" s="59">
        <f>Bühler!J4924</f>
        <v>1.5725082650884052</v>
      </c>
      <c r="K4898" s="59">
        <f>Bühler!K4924</f>
        <v>2.3587623976326078</v>
      </c>
      <c r="L4898" s="59">
        <f>Bühler!L4924</f>
        <v>11.322059508636517</v>
      </c>
      <c r="M4898" s="58">
        <f>Bühler!M4924</f>
        <v>0</v>
      </c>
      <c r="N4898" s="56">
        <f>IF(Input!$D$19=1,J4898*Input!$C$19,0)+IF(Input!$D$20=1,K4898*Input!$C$20,0)+IF(Input!$D$21=1,L4898*Input!$C$21,0)+IF(Input!$D$22=1,M4898*Input!$C$22,0)</f>
        <v>0.47175247952652155</v>
      </c>
      <c r="O4898" s="59">
        <f>IF(Input!$D$19=2,J4898*Input!$C$19,0)+IF(Input!$D$20=2,K4898*Input!$C$20,0)+IF(Input!$D$21=2,L4898*Input!$C$21,0)+IF(Input!$D$22=2,M4898*Input!$C$22,0)</f>
        <v>1.1793811988163039</v>
      </c>
      <c r="P4898" s="59">
        <f>IF(Input!$D$19=3,J4898*Input!$C$19,0)+IF(Input!$D$20=3,K4898*Input!$C$20,0)+IF(Input!$D$21=3,L4898*Input!$C$21,0)+IF(Input!$D$22=3,M4898*Input!$C$22,0)</f>
        <v>0</v>
      </c>
      <c r="Q4898" s="75">
        <f>IF(Input!$D$19=4,J4898*Input!$C$19,0)+IF(Input!$D$20=4,K4898*Input!$C$20,0)+IF(Input!$D$21=4,L4898*Input!$C$21,0)+IF(Input!$D$22=4,M4898*Input!$C$22,0)</f>
        <v>0</v>
      </c>
      <c r="R4898" s="58">
        <v>68.700489462415376</v>
      </c>
      <c r="S4898" s="124">
        <f t="shared" si="76"/>
        <v>2.0442607446149266</v>
      </c>
    </row>
    <row r="4899" spans="8:19" x14ac:dyDescent="0.3">
      <c r="H4899" s="44">
        <v>4892</v>
      </c>
      <c r="I4899" s="56">
        <f>Bühler!I4925</f>
        <v>0.39509270160346172</v>
      </c>
      <c r="J4899" s="59">
        <f>Bühler!J4925</f>
        <v>1.3169756720115391</v>
      </c>
      <c r="K4899" s="59">
        <f>Bühler!K4925</f>
        <v>1.9754635080173086</v>
      </c>
      <c r="L4899" s="59">
        <f>Bühler!L4925</f>
        <v>9.4822248384830807</v>
      </c>
      <c r="M4899" s="58">
        <f>Bühler!M4925</f>
        <v>0</v>
      </c>
      <c r="N4899" s="56">
        <f>IF(Input!$D$19=1,J4899*Input!$C$19,0)+IF(Input!$D$20=1,K4899*Input!$C$20,0)+IF(Input!$D$21=1,L4899*Input!$C$21,0)+IF(Input!$D$22=1,M4899*Input!$C$22,0)</f>
        <v>0.39509270160346172</v>
      </c>
      <c r="O4899" s="59">
        <f>IF(Input!$D$19=2,J4899*Input!$C$19,0)+IF(Input!$D$20=2,K4899*Input!$C$20,0)+IF(Input!$D$21=2,L4899*Input!$C$21,0)+IF(Input!$D$22=2,M4899*Input!$C$22,0)</f>
        <v>0.98773175400865432</v>
      </c>
      <c r="P4899" s="59">
        <f>IF(Input!$D$19=3,J4899*Input!$C$19,0)+IF(Input!$D$20=3,K4899*Input!$C$20,0)+IF(Input!$D$21=3,L4899*Input!$C$21,0)+IF(Input!$D$22=3,M4899*Input!$C$22,0)</f>
        <v>0</v>
      </c>
      <c r="Q4899" s="75">
        <f>IF(Input!$D$19=4,J4899*Input!$C$19,0)+IF(Input!$D$20=4,K4899*Input!$C$20,0)+IF(Input!$D$21=4,L4899*Input!$C$21,0)+IF(Input!$D$22=4,M4899*Input!$C$22,0)</f>
        <v>0</v>
      </c>
      <c r="R4899" s="58">
        <v>67.691504454969632</v>
      </c>
      <c r="S4899" s="124">
        <f t="shared" si="76"/>
        <v>1.7120683736150009</v>
      </c>
    </row>
    <row r="4900" spans="8:19" x14ac:dyDescent="0.3">
      <c r="H4900" s="44">
        <v>4893</v>
      </c>
      <c r="I4900" s="56">
        <f>Bühler!I4926</f>
        <v>0.32432982967448354</v>
      </c>
      <c r="J4900" s="59">
        <f>Bühler!J4926</f>
        <v>1.0810994322482785</v>
      </c>
      <c r="K4900" s="59">
        <f>Bühler!K4926</f>
        <v>1.6216491483724176</v>
      </c>
      <c r="L4900" s="59">
        <f>Bühler!L4926</f>
        <v>7.7839159121876049</v>
      </c>
      <c r="M4900" s="58">
        <f>Bühler!M4926</f>
        <v>0</v>
      </c>
      <c r="N4900" s="56">
        <f>IF(Input!$D$19=1,J4900*Input!$C$19,0)+IF(Input!$D$20=1,K4900*Input!$C$20,0)+IF(Input!$D$21=1,L4900*Input!$C$21,0)+IF(Input!$D$22=1,M4900*Input!$C$22,0)</f>
        <v>0.32432982967448354</v>
      </c>
      <c r="O4900" s="59">
        <f>IF(Input!$D$19=2,J4900*Input!$C$19,0)+IF(Input!$D$20=2,K4900*Input!$C$20,0)+IF(Input!$D$21=2,L4900*Input!$C$21,0)+IF(Input!$D$22=2,M4900*Input!$C$22,0)</f>
        <v>0.81082457418620879</v>
      </c>
      <c r="P4900" s="59">
        <f>IF(Input!$D$19=3,J4900*Input!$C$19,0)+IF(Input!$D$20=3,K4900*Input!$C$20,0)+IF(Input!$D$21=3,L4900*Input!$C$21,0)+IF(Input!$D$22=3,M4900*Input!$C$22,0)</f>
        <v>0</v>
      </c>
      <c r="Q4900" s="75">
        <f>IF(Input!$D$19=4,J4900*Input!$C$19,0)+IF(Input!$D$20=4,K4900*Input!$C$20,0)+IF(Input!$D$21=4,L4900*Input!$C$21,0)+IF(Input!$D$22=4,M4900*Input!$C$22,0)</f>
        <v>0</v>
      </c>
      <c r="R4900" s="58">
        <v>65.328038935772341</v>
      </c>
      <c r="S4900" s="124">
        <f t="shared" si="76"/>
        <v>1.405429261922762</v>
      </c>
    </row>
    <row r="4901" spans="8:19" x14ac:dyDescent="0.3">
      <c r="H4901" s="44">
        <v>4894</v>
      </c>
      <c r="I4901" s="56">
        <f>Bühler!I4927</f>
        <v>0.23587623976326075</v>
      </c>
      <c r="J4901" s="59">
        <f>Bühler!J4927</f>
        <v>0.78625413254420262</v>
      </c>
      <c r="K4901" s="59">
        <f>Bühler!K4927</f>
        <v>1.1793811988163039</v>
      </c>
      <c r="L4901" s="59">
        <f>Bühler!L4927</f>
        <v>5.6610297543182586</v>
      </c>
      <c r="M4901" s="58">
        <f>Bühler!M4927</f>
        <v>0</v>
      </c>
      <c r="N4901" s="56">
        <f>IF(Input!$D$19=1,J4901*Input!$C$19,0)+IF(Input!$D$20=1,K4901*Input!$C$20,0)+IF(Input!$D$21=1,L4901*Input!$C$21,0)+IF(Input!$D$22=1,M4901*Input!$C$22,0)</f>
        <v>0.23587623976326078</v>
      </c>
      <c r="O4901" s="59">
        <f>IF(Input!$D$19=2,J4901*Input!$C$19,0)+IF(Input!$D$20=2,K4901*Input!$C$20,0)+IF(Input!$D$21=2,L4901*Input!$C$21,0)+IF(Input!$D$22=2,M4901*Input!$C$22,0)</f>
        <v>0.58969059940815194</v>
      </c>
      <c r="P4901" s="59">
        <f>IF(Input!$D$19=3,J4901*Input!$C$19,0)+IF(Input!$D$20=3,K4901*Input!$C$20,0)+IF(Input!$D$21=3,L4901*Input!$C$21,0)+IF(Input!$D$22=3,M4901*Input!$C$22,0)</f>
        <v>0</v>
      </c>
      <c r="Q4901" s="75">
        <f>IF(Input!$D$19=4,J4901*Input!$C$19,0)+IF(Input!$D$20=4,K4901*Input!$C$20,0)+IF(Input!$D$21=4,L4901*Input!$C$21,0)+IF(Input!$D$22=4,M4901*Input!$C$22,0)</f>
        <v>0</v>
      </c>
      <c r="R4901" s="58">
        <v>63.292442443824292</v>
      </c>
      <c r="S4901" s="124">
        <f t="shared" si="76"/>
        <v>1.0221303723074633</v>
      </c>
    </row>
    <row r="4902" spans="8:19" x14ac:dyDescent="0.3">
      <c r="H4902" s="44">
        <v>4895</v>
      </c>
      <c r="I4902" s="56">
        <f>Bühler!I4928</f>
        <v>0.22408242777509771</v>
      </c>
      <c r="J4902" s="59">
        <f>Bühler!J4928</f>
        <v>0.74694142591699242</v>
      </c>
      <c r="K4902" s="59">
        <f>Bühler!K4928</f>
        <v>1.1204121388754886</v>
      </c>
      <c r="L4902" s="59">
        <f>Bühler!L4928</f>
        <v>5.3779782666023452</v>
      </c>
      <c r="M4902" s="58">
        <f>Bühler!M4928</f>
        <v>0</v>
      </c>
      <c r="N4902" s="56">
        <f>IF(Input!$D$19=1,J4902*Input!$C$19,0)+IF(Input!$D$20=1,K4902*Input!$C$20,0)+IF(Input!$D$21=1,L4902*Input!$C$21,0)+IF(Input!$D$22=1,M4902*Input!$C$22,0)</f>
        <v>0.22408242777509771</v>
      </c>
      <c r="O4902" s="59">
        <f>IF(Input!$D$19=2,J4902*Input!$C$19,0)+IF(Input!$D$20=2,K4902*Input!$C$20,0)+IF(Input!$D$21=2,L4902*Input!$C$21,0)+IF(Input!$D$22=2,M4902*Input!$C$22,0)</f>
        <v>0.56020606943774431</v>
      </c>
      <c r="P4902" s="59">
        <f>IF(Input!$D$19=3,J4902*Input!$C$19,0)+IF(Input!$D$20=3,K4902*Input!$C$20,0)+IF(Input!$D$21=3,L4902*Input!$C$21,0)+IF(Input!$D$22=3,M4902*Input!$C$22,0)</f>
        <v>0</v>
      </c>
      <c r="Q4902" s="75">
        <f>IF(Input!$D$19=4,J4902*Input!$C$19,0)+IF(Input!$D$20=4,K4902*Input!$C$20,0)+IF(Input!$D$21=4,L4902*Input!$C$21,0)+IF(Input!$D$22=4,M4902*Input!$C$22,0)</f>
        <v>0</v>
      </c>
      <c r="R4902" s="58">
        <v>62.911636124868522</v>
      </c>
      <c r="S4902" s="124">
        <f t="shared" si="76"/>
        <v>0.9710238536920901</v>
      </c>
    </row>
    <row r="4903" spans="8:19" x14ac:dyDescent="0.3">
      <c r="H4903" s="44">
        <v>4896</v>
      </c>
      <c r="I4903" s="56">
        <f>Bühler!I4929</f>
        <v>0.22408242777509771</v>
      </c>
      <c r="J4903" s="59">
        <f>Bühler!J4929</f>
        <v>0.74694142591699242</v>
      </c>
      <c r="K4903" s="59">
        <f>Bühler!K4929</f>
        <v>1.1204121388754886</v>
      </c>
      <c r="L4903" s="59">
        <f>Bühler!L4929</f>
        <v>5.3779782666023452</v>
      </c>
      <c r="M4903" s="58">
        <f>Bühler!M4929</f>
        <v>0</v>
      </c>
      <c r="N4903" s="56">
        <f>IF(Input!$D$19=1,J4903*Input!$C$19,0)+IF(Input!$D$20=1,K4903*Input!$C$20,0)+IF(Input!$D$21=1,L4903*Input!$C$21,0)+IF(Input!$D$22=1,M4903*Input!$C$22,0)</f>
        <v>0.22408242777509771</v>
      </c>
      <c r="O4903" s="59">
        <f>IF(Input!$D$19=2,J4903*Input!$C$19,0)+IF(Input!$D$20=2,K4903*Input!$C$20,0)+IF(Input!$D$21=2,L4903*Input!$C$21,0)+IF(Input!$D$22=2,M4903*Input!$C$22,0)</f>
        <v>0.56020606943774431</v>
      </c>
      <c r="P4903" s="59">
        <f>IF(Input!$D$19=3,J4903*Input!$C$19,0)+IF(Input!$D$20=3,K4903*Input!$C$20,0)+IF(Input!$D$21=3,L4903*Input!$C$21,0)+IF(Input!$D$22=3,M4903*Input!$C$22,0)</f>
        <v>0</v>
      </c>
      <c r="Q4903" s="75">
        <f>IF(Input!$D$19=4,J4903*Input!$C$19,0)+IF(Input!$D$20=4,K4903*Input!$C$20,0)+IF(Input!$D$21=4,L4903*Input!$C$21,0)+IF(Input!$D$22=4,M4903*Input!$C$22,0)</f>
        <v>0</v>
      </c>
      <c r="R4903" s="58">
        <v>62.027255921571836</v>
      </c>
      <c r="S4903" s="124">
        <f t="shared" si="76"/>
        <v>0.9710238536920901</v>
      </c>
    </row>
    <row r="4904" spans="8:19" x14ac:dyDescent="0.3">
      <c r="H4904" s="44">
        <v>4897</v>
      </c>
      <c r="I4904" s="56">
        <f>Bühler!I4930</f>
        <v>0.20511167339224007</v>
      </c>
      <c r="J4904" s="59">
        <f>Bühler!J4930</f>
        <v>0.68370557797413367</v>
      </c>
      <c r="K4904" s="59">
        <f>Bühler!K4930</f>
        <v>1.0255583669612003</v>
      </c>
      <c r="L4904" s="59">
        <f>Bühler!L4930</f>
        <v>4.9226801614137612</v>
      </c>
      <c r="M4904" s="58">
        <f>Bühler!M4930</f>
        <v>0</v>
      </c>
      <c r="N4904" s="56">
        <f>IF(Input!$D$19=1,J4904*Input!$C$19,0)+IF(Input!$D$20=1,K4904*Input!$C$20,0)+IF(Input!$D$21=1,L4904*Input!$C$21,0)+IF(Input!$D$22=1,M4904*Input!$C$22,0)</f>
        <v>0.2051116733922401</v>
      </c>
      <c r="O4904" s="59">
        <f>IF(Input!$D$19=2,J4904*Input!$C$19,0)+IF(Input!$D$20=2,K4904*Input!$C$20,0)+IF(Input!$D$21=2,L4904*Input!$C$21,0)+IF(Input!$D$22=2,M4904*Input!$C$22,0)</f>
        <v>0.51277918348060014</v>
      </c>
      <c r="P4904" s="59">
        <f>IF(Input!$D$19=3,J4904*Input!$C$19,0)+IF(Input!$D$20=3,K4904*Input!$C$20,0)+IF(Input!$D$21=3,L4904*Input!$C$21,0)+IF(Input!$D$22=3,M4904*Input!$C$22,0)</f>
        <v>0</v>
      </c>
      <c r="Q4904" s="75">
        <f>IF(Input!$D$19=4,J4904*Input!$C$19,0)+IF(Input!$D$20=4,K4904*Input!$C$20,0)+IF(Input!$D$21=4,L4904*Input!$C$21,0)+IF(Input!$D$22=4,M4904*Input!$C$22,0)</f>
        <v>0</v>
      </c>
      <c r="R4904" s="58">
        <v>60.959138053422635</v>
      </c>
      <c r="S4904" s="124">
        <f t="shared" si="76"/>
        <v>0.88881725136637368</v>
      </c>
    </row>
    <row r="4905" spans="8:19" x14ac:dyDescent="0.3">
      <c r="H4905" s="44">
        <v>4898</v>
      </c>
      <c r="I4905" s="56">
        <f>Bühler!I4931</f>
        <v>0.20511167339224007</v>
      </c>
      <c r="J4905" s="59">
        <f>Bühler!J4931</f>
        <v>0.68370557797413367</v>
      </c>
      <c r="K4905" s="59">
        <f>Bühler!K4931</f>
        <v>1.0255583669612003</v>
      </c>
      <c r="L4905" s="59">
        <f>Bühler!L4931</f>
        <v>4.9226801614137612</v>
      </c>
      <c r="M4905" s="58">
        <f>Bühler!M4931</f>
        <v>0</v>
      </c>
      <c r="N4905" s="56">
        <f>IF(Input!$D$19=1,J4905*Input!$C$19,0)+IF(Input!$D$20=1,K4905*Input!$C$20,0)+IF(Input!$D$21=1,L4905*Input!$C$21,0)+IF(Input!$D$22=1,M4905*Input!$C$22,0)</f>
        <v>0.2051116733922401</v>
      </c>
      <c r="O4905" s="59">
        <f>IF(Input!$D$19=2,J4905*Input!$C$19,0)+IF(Input!$D$20=2,K4905*Input!$C$20,0)+IF(Input!$D$21=2,L4905*Input!$C$21,0)+IF(Input!$D$22=2,M4905*Input!$C$22,0)</f>
        <v>0.51277918348060014</v>
      </c>
      <c r="P4905" s="59">
        <f>IF(Input!$D$19=3,J4905*Input!$C$19,0)+IF(Input!$D$20=3,K4905*Input!$C$20,0)+IF(Input!$D$21=3,L4905*Input!$C$21,0)+IF(Input!$D$22=3,M4905*Input!$C$22,0)</f>
        <v>0</v>
      </c>
      <c r="Q4905" s="75">
        <f>IF(Input!$D$19=4,J4905*Input!$C$19,0)+IF(Input!$D$20=4,K4905*Input!$C$20,0)+IF(Input!$D$21=4,L4905*Input!$C$21,0)+IF(Input!$D$22=4,M4905*Input!$C$22,0)</f>
        <v>0</v>
      </c>
      <c r="R4905" s="58">
        <v>60.361223877758853</v>
      </c>
      <c r="S4905" s="124">
        <f t="shared" si="76"/>
        <v>0.88881725136637368</v>
      </c>
    </row>
    <row r="4906" spans="8:19" x14ac:dyDescent="0.3">
      <c r="H4906" s="44">
        <v>4899</v>
      </c>
      <c r="I4906" s="56">
        <f>Bühler!I4932</f>
        <v>0.20511167339224007</v>
      </c>
      <c r="J4906" s="59">
        <f>Bühler!J4932</f>
        <v>0.68370557797413367</v>
      </c>
      <c r="K4906" s="59">
        <f>Bühler!K4932</f>
        <v>1.0255583669612003</v>
      </c>
      <c r="L4906" s="59">
        <f>Bühler!L4932</f>
        <v>4.9226801614137612</v>
      </c>
      <c r="M4906" s="58">
        <f>Bühler!M4932</f>
        <v>0</v>
      </c>
      <c r="N4906" s="56">
        <f>IF(Input!$D$19=1,J4906*Input!$C$19,0)+IF(Input!$D$20=1,K4906*Input!$C$20,0)+IF(Input!$D$21=1,L4906*Input!$C$21,0)+IF(Input!$D$22=1,M4906*Input!$C$22,0)</f>
        <v>0.2051116733922401</v>
      </c>
      <c r="O4906" s="59">
        <f>IF(Input!$D$19=2,J4906*Input!$C$19,0)+IF(Input!$D$20=2,K4906*Input!$C$20,0)+IF(Input!$D$21=2,L4906*Input!$C$21,0)+IF(Input!$D$22=2,M4906*Input!$C$22,0)</f>
        <v>0.51277918348060014</v>
      </c>
      <c r="P4906" s="59">
        <f>IF(Input!$D$19=3,J4906*Input!$C$19,0)+IF(Input!$D$20=3,K4906*Input!$C$20,0)+IF(Input!$D$21=3,L4906*Input!$C$21,0)+IF(Input!$D$22=3,M4906*Input!$C$22,0)</f>
        <v>0</v>
      </c>
      <c r="Q4906" s="75">
        <f>IF(Input!$D$19=4,J4906*Input!$C$19,0)+IF(Input!$D$20=4,K4906*Input!$C$20,0)+IF(Input!$D$21=4,L4906*Input!$C$21,0)+IF(Input!$D$22=4,M4906*Input!$C$22,0)</f>
        <v>0</v>
      </c>
      <c r="R4906" s="58">
        <v>60.40511066350826</v>
      </c>
      <c r="S4906" s="124">
        <f t="shared" si="76"/>
        <v>0.88881725136637368</v>
      </c>
    </row>
    <row r="4907" spans="8:19" x14ac:dyDescent="0.3">
      <c r="H4907" s="44">
        <v>4900</v>
      </c>
      <c r="I4907" s="56">
        <f>Bühler!I4933</f>
        <v>0.20511167339224007</v>
      </c>
      <c r="J4907" s="59">
        <f>Bühler!J4933</f>
        <v>0.68370557797413367</v>
      </c>
      <c r="K4907" s="59">
        <f>Bühler!K4933</f>
        <v>1.0255583669612003</v>
      </c>
      <c r="L4907" s="59">
        <f>Bühler!L4933</f>
        <v>4.9226801614137612</v>
      </c>
      <c r="M4907" s="58">
        <f>Bühler!M4933</f>
        <v>0</v>
      </c>
      <c r="N4907" s="56">
        <f>IF(Input!$D$19=1,J4907*Input!$C$19,0)+IF(Input!$D$20=1,K4907*Input!$C$20,0)+IF(Input!$D$21=1,L4907*Input!$C$21,0)+IF(Input!$D$22=1,M4907*Input!$C$22,0)</f>
        <v>0.2051116733922401</v>
      </c>
      <c r="O4907" s="59">
        <f>IF(Input!$D$19=2,J4907*Input!$C$19,0)+IF(Input!$D$20=2,K4907*Input!$C$20,0)+IF(Input!$D$21=2,L4907*Input!$C$21,0)+IF(Input!$D$22=2,M4907*Input!$C$22,0)</f>
        <v>0.51277918348060014</v>
      </c>
      <c r="P4907" s="59">
        <f>IF(Input!$D$19=3,J4907*Input!$C$19,0)+IF(Input!$D$20=3,K4907*Input!$C$20,0)+IF(Input!$D$21=3,L4907*Input!$C$21,0)+IF(Input!$D$22=3,M4907*Input!$C$22,0)</f>
        <v>0</v>
      </c>
      <c r="Q4907" s="75">
        <f>IF(Input!$D$19=4,J4907*Input!$C$19,0)+IF(Input!$D$20=4,K4907*Input!$C$20,0)+IF(Input!$D$21=4,L4907*Input!$C$21,0)+IF(Input!$D$22=4,M4907*Input!$C$22,0)</f>
        <v>0</v>
      </c>
      <c r="R4907" s="58">
        <v>60.737118876658627</v>
      </c>
      <c r="S4907" s="124">
        <f t="shared" si="76"/>
        <v>0.88881725136637368</v>
      </c>
    </row>
    <row r="4908" spans="8:19" x14ac:dyDescent="0.3">
      <c r="H4908" s="44">
        <v>4901</v>
      </c>
      <c r="I4908" s="56">
        <f>Bühler!I4934</f>
        <v>0.20511167339224007</v>
      </c>
      <c r="J4908" s="59">
        <f>Bühler!J4934</f>
        <v>0.68370557797413367</v>
      </c>
      <c r="K4908" s="59">
        <f>Bühler!K4934</f>
        <v>1.0255583669612003</v>
      </c>
      <c r="L4908" s="59">
        <f>Bühler!L4934</f>
        <v>4.9226801614137612</v>
      </c>
      <c r="M4908" s="58">
        <f>Bühler!M4934</f>
        <v>0</v>
      </c>
      <c r="N4908" s="56">
        <f>IF(Input!$D$19=1,J4908*Input!$C$19,0)+IF(Input!$D$20=1,K4908*Input!$C$20,0)+IF(Input!$D$21=1,L4908*Input!$C$21,0)+IF(Input!$D$22=1,M4908*Input!$C$22,0)</f>
        <v>0.2051116733922401</v>
      </c>
      <c r="O4908" s="59">
        <f>IF(Input!$D$19=2,J4908*Input!$C$19,0)+IF(Input!$D$20=2,K4908*Input!$C$20,0)+IF(Input!$D$21=2,L4908*Input!$C$21,0)+IF(Input!$D$22=2,M4908*Input!$C$22,0)</f>
        <v>0.51277918348060014</v>
      </c>
      <c r="P4908" s="59">
        <f>IF(Input!$D$19=3,J4908*Input!$C$19,0)+IF(Input!$D$20=3,K4908*Input!$C$20,0)+IF(Input!$D$21=3,L4908*Input!$C$21,0)+IF(Input!$D$22=3,M4908*Input!$C$22,0)</f>
        <v>0</v>
      </c>
      <c r="Q4908" s="75">
        <f>IF(Input!$D$19=4,J4908*Input!$C$19,0)+IF(Input!$D$20=4,K4908*Input!$C$20,0)+IF(Input!$D$21=4,L4908*Input!$C$21,0)+IF(Input!$D$22=4,M4908*Input!$C$22,0)</f>
        <v>0</v>
      </c>
      <c r="R4908" s="58">
        <v>62.959002976741736</v>
      </c>
      <c r="S4908" s="124">
        <f t="shared" si="76"/>
        <v>0.88881725136637368</v>
      </c>
    </row>
    <row r="4909" spans="8:19" x14ac:dyDescent="0.3">
      <c r="H4909" s="44">
        <v>4902</v>
      </c>
      <c r="I4909" s="56">
        <f>Bühler!I4935</f>
        <v>0.26664517540991206</v>
      </c>
      <c r="J4909" s="59">
        <f>Bühler!J4935</f>
        <v>0.88881725136637368</v>
      </c>
      <c r="K4909" s="59">
        <f>Bühler!K4935</f>
        <v>1.3332258770495604</v>
      </c>
      <c r="L4909" s="59">
        <f>Bühler!L4935</f>
        <v>6.3994842098378903</v>
      </c>
      <c r="M4909" s="58">
        <f>Bühler!M4935</f>
        <v>0</v>
      </c>
      <c r="N4909" s="56">
        <f>IF(Input!$D$19=1,J4909*Input!$C$19,0)+IF(Input!$D$20=1,K4909*Input!$C$20,0)+IF(Input!$D$21=1,L4909*Input!$C$21,0)+IF(Input!$D$22=1,M4909*Input!$C$22,0)</f>
        <v>0.26664517540991212</v>
      </c>
      <c r="O4909" s="59">
        <f>IF(Input!$D$19=2,J4909*Input!$C$19,0)+IF(Input!$D$20=2,K4909*Input!$C$20,0)+IF(Input!$D$21=2,L4909*Input!$C$21,0)+IF(Input!$D$22=2,M4909*Input!$C$22,0)</f>
        <v>0.66661293852478021</v>
      </c>
      <c r="P4909" s="59">
        <f>IF(Input!$D$19=3,J4909*Input!$C$19,0)+IF(Input!$D$20=3,K4909*Input!$C$20,0)+IF(Input!$D$21=3,L4909*Input!$C$21,0)+IF(Input!$D$22=3,M4909*Input!$C$22,0)</f>
        <v>0</v>
      </c>
      <c r="Q4909" s="75">
        <f>IF(Input!$D$19=4,J4909*Input!$C$19,0)+IF(Input!$D$20=4,K4909*Input!$C$20,0)+IF(Input!$D$21=4,L4909*Input!$C$21,0)+IF(Input!$D$22=4,M4909*Input!$C$22,0)</f>
        <v>0</v>
      </c>
      <c r="R4909" s="58">
        <v>65.785069019667375</v>
      </c>
      <c r="S4909" s="124">
        <f t="shared" si="76"/>
        <v>1.1554624267762859</v>
      </c>
    </row>
    <row r="4910" spans="8:19" x14ac:dyDescent="0.3">
      <c r="H4910" s="44">
        <v>4903</v>
      </c>
      <c r="I4910" s="56">
        <f>Bühler!I4936</f>
        <v>0.29741192641874808</v>
      </c>
      <c r="J4910" s="59">
        <f>Bühler!J4936</f>
        <v>0.99137308806249358</v>
      </c>
      <c r="K4910" s="59">
        <f>Bühler!K4936</f>
        <v>1.4870596320937404</v>
      </c>
      <c r="L4910" s="59">
        <f>Bühler!L4936</f>
        <v>7.1378862340499536</v>
      </c>
      <c r="M4910" s="58">
        <f>Bühler!M4936</f>
        <v>0</v>
      </c>
      <c r="N4910" s="56">
        <f>IF(Input!$D$19=1,J4910*Input!$C$19,0)+IF(Input!$D$20=1,K4910*Input!$C$20,0)+IF(Input!$D$21=1,L4910*Input!$C$21,0)+IF(Input!$D$22=1,M4910*Input!$C$22,0)</f>
        <v>0.29741192641874808</v>
      </c>
      <c r="O4910" s="59">
        <f>IF(Input!$D$19=2,J4910*Input!$C$19,0)+IF(Input!$D$20=2,K4910*Input!$C$20,0)+IF(Input!$D$21=2,L4910*Input!$C$21,0)+IF(Input!$D$22=2,M4910*Input!$C$22,0)</f>
        <v>0.74352981604687018</v>
      </c>
      <c r="P4910" s="59">
        <f>IF(Input!$D$19=3,J4910*Input!$C$19,0)+IF(Input!$D$20=3,K4910*Input!$C$20,0)+IF(Input!$D$21=3,L4910*Input!$C$21,0)+IF(Input!$D$22=3,M4910*Input!$C$22,0)</f>
        <v>0</v>
      </c>
      <c r="Q4910" s="75">
        <f>IF(Input!$D$19=4,J4910*Input!$C$19,0)+IF(Input!$D$20=4,K4910*Input!$C$20,0)+IF(Input!$D$21=4,L4910*Input!$C$21,0)+IF(Input!$D$22=4,M4910*Input!$C$22,0)</f>
        <v>0</v>
      </c>
      <c r="R4910" s="58">
        <v>68.191715975248442</v>
      </c>
      <c r="S4910" s="124">
        <f t="shared" si="76"/>
        <v>1.2887850144812416</v>
      </c>
    </row>
    <row r="4911" spans="8:19" x14ac:dyDescent="0.3">
      <c r="H4911" s="44">
        <v>4904</v>
      </c>
      <c r="I4911" s="56">
        <f>Bühler!I4937</f>
        <v>0.30766751008836007</v>
      </c>
      <c r="J4911" s="59">
        <f>Bühler!J4937</f>
        <v>1.0255583669612003</v>
      </c>
      <c r="K4911" s="59">
        <f>Bühler!K4937</f>
        <v>1.5383375504418004</v>
      </c>
      <c r="L4911" s="59">
        <f>Bühler!L4937</f>
        <v>7.3840202421206413</v>
      </c>
      <c r="M4911" s="58">
        <f>Bühler!M4937</f>
        <v>0</v>
      </c>
      <c r="N4911" s="56">
        <f>IF(Input!$D$19=1,J4911*Input!$C$19,0)+IF(Input!$D$20=1,K4911*Input!$C$20,0)+IF(Input!$D$21=1,L4911*Input!$C$21,0)+IF(Input!$D$22=1,M4911*Input!$C$22,0)</f>
        <v>0.30766751008836007</v>
      </c>
      <c r="O4911" s="59">
        <f>IF(Input!$D$19=2,J4911*Input!$C$19,0)+IF(Input!$D$20=2,K4911*Input!$C$20,0)+IF(Input!$D$21=2,L4911*Input!$C$21,0)+IF(Input!$D$22=2,M4911*Input!$C$22,0)</f>
        <v>0.76916877522090021</v>
      </c>
      <c r="P4911" s="59">
        <f>IF(Input!$D$19=3,J4911*Input!$C$19,0)+IF(Input!$D$20=3,K4911*Input!$C$20,0)+IF(Input!$D$21=3,L4911*Input!$C$21,0)+IF(Input!$D$22=3,M4911*Input!$C$22,0)</f>
        <v>0</v>
      </c>
      <c r="Q4911" s="75">
        <f>IF(Input!$D$19=4,J4911*Input!$C$19,0)+IF(Input!$D$20=4,K4911*Input!$C$20,0)+IF(Input!$D$21=4,L4911*Input!$C$21,0)+IF(Input!$D$22=4,M4911*Input!$C$22,0)</f>
        <v>0</v>
      </c>
      <c r="R4911" s="58">
        <v>70.47813607065477</v>
      </c>
      <c r="S4911" s="124">
        <f t="shared" si="76"/>
        <v>1.3332258770495604</v>
      </c>
    </row>
    <row r="4912" spans="8:19" x14ac:dyDescent="0.3">
      <c r="H4912" s="44">
        <v>4905</v>
      </c>
      <c r="I4912" s="56">
        <f>Bühler!I4938</f>
        <v>0.30766751008836007</v>
      </c>
      <c r="J4912" s="59">
        <f>Bühler!J4938</f>
        <v>1.0255583669612003</v>
      </c>
      <c r="K4912" s="59">
        <f>Bühler!K4938</f>
        <v>1.5383375504418004</v>
      </c>
      <c r="L4912" s="59">
        <f>Bühler!L4938</f>
        <v>7.3840202421206413</v>
      </c>
      <c r="M4912" s="58">
        <f>Bühler!M4938</f>
        <v>0</v>
      </c>
      <c r="N4912" s="56">
        <f>IF(Input!$D$19=1,J4912*Input!$C$19,0)+IF(Input!$D$20=1,K4912*Input!$C$20,0)+IF(Input!$D$21=1,L4912*Input!$C$21,0)+IF(Input!$D$22=1,M4912*Input!$C$22,0)</f>
        <v>0.30766751008836007</v>
      </c>
      <c r="O4912" s="59">
        <f>IF(Input!$D$19=2,J4912*Input!$C$19,0)+IF(Input!$D$20=2,K4912*Input!$C$20,0)+IF(Input!$D$21=2,L4912*Input!$C$21,0)+IF(Input!$D$22=2,M4912*Input!$C$22,0)</f>
        <v>0.76916877522090021</v>
      </c>
      <c r="P4912" s="59">
        <f>IF(Input!$D$19=3,J4912*Input!$C$19,0)+IF(Input!$D$20=3,K4912*Input!$C$20,0)+IF(Input!$D$21=3,L4912*Input!$C$21,0)+IF(Input!$D$22=3,M4912*Input!$C$22,0)</f>
        <v>0</v>
      </c>
      <c r="Q4912" s="75">
        <f>IF(Input!$D$19=4,J4912*Input!$C$19,0)+IF(Input!$D$20=4,K4912*Input!$C$20,0)+IF(Input!$D$21=4,L4912*Input!$C$21,0)+IF(Input!$D$22=4,M4912*Input!$C$22,0)</f>
        <v>0</v>
      </c>
      <c r="R4912" s="58">
        <v>71.440381297151291</v>
      </c>
      <c r="S4912" s="124">
        <f t="shared" si="76"/>
        <v>1.3332258770495604</v>
      </c>
    </row>
    <row r="4913" spans="8:19" x14ac:dyDescent="0.3">
      <c r="H4913" s="44">
        <v>4906</v>
      </c>
      <c r="I4913" s="56">
        <f>Bühler!I4939</f>
        <v>0.33330646926239005</v>
      </c>
      <c r="J4913" s="59">
        <f>Bühler!J4939</f>
        <v>1.111021564207967</v>
      </c>
      <c r="K4913" s="59">
        <f>Bühler!K4939</f>
        <v>1.6665323463119504</v>
      </c>
      <c r="L4913" s="59">
        <f>Bühler!L4939</f>
        <v>7.999355262297362</v>
      </c>
      <c r="M4913" s="58">
        <f>Bühler!M4939</f>
        <v>0</v>
      </c>
      <c r="N4913" s="56">
        <f>IF(Input!$D$19=1,J4913*Input!$C$19,0)+IF(Input!$D$20=1,K4913*Input!$C$20,0)+IF(Input!$D$21=1,L4913*Input!$C$21,0)+IF(Input!$D$22=1,M4913*Input!$C$22,0)</f>
        <v>0.3333064692623901</v>
      </c>
      <c r="O4913" s="59">
        <f>IF(Input!$D$19=2,J4913*Input!$C$19,0)+IF(Input!$D$20=2,K4913*Input!$C$20,0)+IF(Input!$D$21=2,L4913*Input!$C$21,0)+IF(Input!$D$22=2,M4913*Input!$C$22,0)</f>
        <v>0.83326617315597518</v>
      </c>
      <c r="P4913" s="59">
        <f>IF(Input!$D$19=3,J4913*Input!$C$19,0)+IF(Input!$D$20=3,K4913*Input!$C$20,0)+IF(Input!$D$21=3,L4913*Input!$C$21,0)+IF(Input!$D$22=3,M4913*Input!$C$22,0)</f>
        <v>0</v>
      </c>
      <c r="Q4913" s="75">
        <f>IF(Input!$D$19=4,J4913*Input!$C$19,0)+IF(Input!$D$20=4,K4913*Input!$C$20,0)+IF(Input!$D$21=4,L4913*Input!$C$21,0)+IF(Input!$D$22=4,M4913*Input!$C$22,0)</f>
        <v>0</v>
      </c>
      <c r="R4913" s="58">
        <v>72.149432383798924</v>
      </c>
      <c r="S4913" s="124">
        <f t="shared" si="76"/>
        <v>1.4443280334703572</v>
      </c>
    </row>
    <row r="4914" spans="8:19" x14ac:dyDescent="0.3">
      <c r="H4914" s="44">
        <v>4907</v>
      </c>
      <c r="I4914" s="56">
        <f>Bühler!I4940</f>
        <v>0.34868984476680809</v>
      </c>
      <c r="J4914" s="59">
        <f>Bühler!J4940</f>
        <v>1.1622994825560269</v>
      </c>
      <c r="K4914" s="59">
        <f>Bühler!K4940</f>
        <v>1.7434492238340404</v>
      </c>
      <c r="L4914" s="59">
        <f>Bühler!L4940</f>
        <v>8.3685562744033941</v>
      </c>
      <c r="M4914" s="58">
        <f>Bühler!M4940</f>
        <v>0</v>
      </c>
      <c r="N4914" s="56">
        <f>IF(Input!$D$19=1,J4914*Input!$C$19,0)+IF(Input!$D$20=1,K4914*Input!$C$20,0)+IF(Input!$D$21=1,L4914*Input!$C$21,0)+IF(Input!$D$22=1,M4914*Input!$C$22,0)</f>
        <v>0.34868984476680803</v>
      </c>
      <c r="O4914" s="59">
        <f>IF(Input!$D$19=2,J4914*Input!$C$19,0)+IF(Input!$D$20=2,K4914*Input!$C$20,0)+IF(Input!$D$21=2,L4914*Input!$C$21,0)+IF(Input!$D$22=2,M4914*Input!$C$22,0)</f>
        <v>0.87172461191702022</v>
      </c>
      <c r="P4914" s="59">
        <f>IF(Input!$D$19=3,J4914*Input!$C$19,0)+IF(Input!$D$20=3,K4914*Input!$C$20,0)+IF(Input!$D$21=3,L4914*Input!$C$21,0)+IF(Input!$D$22=3,M4914*Input!$C$22,0)</f>
        <v>0</v>
      </c>
      <c r="Q4914" s="75">
        <f>IF(Input!$D$19=4,J4914*Input!$C$19,0)+IF(Input!$D$20=4,K4914*Input!$C$20,0)+IF(Input!$D$21=4,L4914*Input!$C$21,0)+IF(Input!$D$22=4,M4914*Input!$C$22,0)</f>
        <v>0</v>
      </c>
      <c r="R4914" s="58">
        <v>74.077520330385127</v>
      </c>
      <c r="S4914" s="124">
        <f t="shared" si="76"/>
        <v>1.510989327322835</v>
      </c>
    </row>
    <row r="4915" spans="8:19" x14ac:dyDescent="0.3">
      <c r="H4915" s="44">
        <v>4908</v>
      </c>
      <c r="I4915" s="56">
        <f>Bühler!I4941</f>
        <v>0.41022334678448014</v>
      </c>
      <c r="J4915" s="59">
        <f>Bühler!J4941</f>
        <v>1.3674111559482673</v>
      </c>
      <c r="K4915" s="59">
        <f>Bühler!K4941</f>
        <v>2.0511167339224006</v>
      </c>
      <c r="L4915" s="59">
        <f>Bühler!L4941</f>
        <v>9.8453603228275224</v>
      </c>
      <c r="M4915" s="58">
        <f>Bühler!M4941</f>
        <v>0</v>
      </c>
      <c r="N4915" s="56">
        <f>IF(Input!$D$19=1,J4915*Input!$C$19,0)+IF(Input!$D$20=1,K4915*Input!$C$20,0)+IF(Input!$D$21=1,L4915*Input!$C$21,0)+IF(Input!$D$22=1,M4915*Input!$C$22,0)</f>
        <v>0.41022334678448019</v>
      </c>
      <c r="O4915" s="59">
        <f>IF(Input!$D$19=2,J4915*Input!$C$19,0)+IF(Input!$D$20=2,K4915*Input!$C$20,0)+IF(Input!$D$21=2,L4915*Input!$C$21,0)+IF(Input!$D$22=2,M4915*Input!$C$22,0)</f>
        <v>1.0255583669612003</v>
      </c>
      <c r="P4915" s="59">
        <f>IF(Input!$D$19=3,J4915*Input!$C$19,0)+IF(Input!$D$20=3,K4915*Input!$C$20,0)+IF(Input!$D$21=3,L4915*Input!$C$21,0)+IF(Input!$D$22=3,M4915*Input!$C$22,0)</f>
        <v>0</v>
      </c>
      <c r="Q4915" s="75">
        <f>IF(Input!$D$19=4,J4915*Input!$C$19,0)+IF(Input!$D$20=4,K4915*Input!$C$20,0)+IF(Input!$D$21=4,L4915*Input!$C$21,0)+IF(Input!$D$22=4,M4915*Input!$C$22,0)</f>
        <v>0</v>
      </c>
      <c r="R4915" s="58">
        <v>74.409655189463251</v>
      </c>
      <c r="S4915" s="124">
        <f t="shared" si="76"/>
        <v>1.7776345027327474</v>
      </c>
    </row>
    <row r="4916" spans="8:19" x14ac:dyDescent="0.3">
      <c r="H4916" s="44">
        <v>4909</v>
      </c>
      <c r="I4916" s="56">
        <f>Bühler!I4942</f>
        <v>0.41022334678448014</v>
      </c>
      <c r="J4916" s="59">
        <f>Bühler!J4942</f>
        <v>1.3674111559482673</v>
      </c>
      <c r="K4916" s="59">
        <f>Bühler!K4942</f>
        <v>2.0511167339224006</v>
      </c>
      <c r="L4916" s="59">
        <f>Bühler!L4942</f>
        <v>9.8453603228275224</v>
      </c>
      <c r="M4916" s="58">
        <f>Bühler!M4942</f>
        <v>0</v>
      </c>
      <c r="N4916" s="56">
        <f>IF(Input!$D$19=1,J4916*Input!$C$19,0)+IF(Input!$D$20=1,K4916*Input!$C$20,0)+IF(Input!$D$21=1,L4916*Input!$C$21,0)+IF(Input!$D$22=1,M4916*Input!$C$22,0)</f>
        <v>0.41022334678448019</v>
      </c>
      <c r="O4916" s="59">
        <f>IF(Input!$D$19=2,J4916*Input!$C$19,0)+IF(Input!$D$20=2,K4916*Input!$C$20,0)+IF(Input!$D$21=2,L4916*Input!$C$21,0)+IF(Input!$D$22=2,M4916*Input!$C$22,0)</f>
        <v>1.0255583669612003</v>
      </c>
      <c r="P4916" s="59">
        <f>IF(Input!$D$19=3,J4916*Input!$C$19,0)+IF(Input!$D$20=3,K4916*Input!$C$20,0)+IF(Input!$D$21=3,L4916*Input!$C$21,0)+IF(Input!$D$22=3,M4916*Input!$C$22,0)</f>
        <v>0</v>
      </c>
      <c r="Q4916" s="75">
        <f>IF(Input!$D$19=4,J4916*Input!$C$19,0)+IF(Input!$D$20=4,K4916*Input!$C$20,0)+IF(Input!$D$21=4,L4916*Input!$C$21,0)+IF(Input!$D$22=4,M4916*Input!$C$22,0)</f>
        <v>0</v>
      </c>
      <c r="R4916" s="58">
        <v>73.565012602620513</v>
      </c>
      <c r="S4916" s="124">
        <f t="shared" si="76"/>
        <v>1.7776345027327474</v>
      </c>
    </row>
    <row r="4917" spans="8:19" x14ac:dyDescent="0.3">
      <c r="H4917" s="44">
        <v>4910</v>
      </c>
      <c r="I4917" s="56">
        <f>Bühler!I4943</f>
        <v>0.41022334678448014</v>
      </c>
      <c r="J4917" s="59">
        <f>Bühler!J4943</f>
        <v>1.3674111559482673</v>
      </c>
      <c r="K4917" s="59">
        <f>Bühler!K4943</f>
        <v>2.0511167339224006</v>
      </c>
      <c r="L4917" s="59">
        <f>Bühler!L4943</f>
        <v>9.8453603228275224</v>
      </c>
      <c r="M4917" s="58">
        <f>Bühler!M4943</f>
        <v>0</v>
      </c>
      <c r="N4917" s="56">
        <f>IF(Input!$D$19=1,J4917*Input!$C$19,0)+IF(Input!$D$20=1,K4917*Input!$C$20,0)+IF(Input!$D$21=1,L4917*Input!$C$21,0)+IF(Input!$D$22=1,M4917*Input!$C$22,0)</f>
        <v>0.41022334678448019</v>
      </c>
      <c r="O4917" s="59">
        <f>IF(Input!$D$19=2,J4917*Input!$C$19,0)+IF(Input!$D$20=2,K4917*Input!$C$20,0)+IF(Input!$D$21=2,L4917*Input!$C$21,0)+IF(Input!$D$22=2,M4917*Input!$C$22,0)</f>
        <v>1.0255583669612003</v>
      </c>
      <c r="P4917" s="59">
        <f>IF(Input!$D$19=3,J4917*Input!$C$19,0)+IF(Input!$D$20=3,K4917*Input!$C$20,0)+IF(Input!$D$21=3,L4917*Input!$C$21,0)+IF(Input!$D$22=3,M4917*Input!$C$22,0)</f>
        <v>0</v>
      </c>
      <c r="Q4917" s="75">
        <f>IF(Input!$D$19=4,J4917*Input!$C$19,0)+IF(Input!$D$20=4,K4917*Input!$C$20,0)+IF(Input!$D$21=4,L4917*Input!$C$21,0)+IF(Input!$D$22=4,M4917*Input!$C$22,0)</f>
        <v>0</v>
      </c>
      <c r="R4917" s="58">
        <v>73.329483108168759</v>
      </c>
      <c r="S4917" s="124">
        <f t="shared" si="76"/>
        <v>1.7776345027327474</v>
      </c>
    </row>
    <row r="4918" spans="8:19" x14ac:dyDescent="0.3">
      <c r="H4918" s="44">
        <v>4911</v>
      </c>
      <c r="I4918" s="56">
        <f>Bühler!I4944</f>
        <v>0.41022334678448014</v>
      </c>
      <c r="J4918" s="59">
        <f>Bühler!J4944</f>
        <v>1.3674111559482673</v>
      </c>
      <c r="K4918" s="59">
        <f>Bühler!K4944</f>
        <v>2.0511167339224006</v>
      </c>
      <c r="L4918" s="59">
        <f>Bühler!L4944</f>
        <v>9.8453603228275224</v>
      </c>
      <c r="M4918" s="58">
        <f>Bühler!M4944</f>
        <v>0</v>
      </c>
      <c r="N4918" s="56">
        <f>IF(Input!$D$19=1,J4918*Input!$C$19,0)+IF(Input!$D$20=1,K4918*Input!$C$20,0)+IF(Input!$D$21=1,L4918*Input!$C$21,0)+IF(Input!$D$22=1,M4918*Input!$C$22,0)</f>
        <v>0.41022334678448019</v>
      </c>
      <c r="O4918" s="59">
        <f>IF(Input!$D$19=2,J4918*Input!$C$19,0)+IF(Input!$D$20=2,K4918*Input!$C$20,0)+IF(Input!$D$21=2,L4918*Input!$C$21,0)+IF(Input!$D$22=2,M4918*Input!$C$22,0)</f>
        <v>1.0255583669612003</v>
      </c>
      <c r="P4918" s="59">
        <f>IF(Input!$D$19=3,J4918*Input!$C$19,0)+IF(Input!$D$20=3,K4918*Input!$C$20,0)+IF(Input!$D$21=3,L4918*Input!$C$21,0)+IF(Input!$D$22=3,M4918*Input!$C$22,0)</f>
        <v>0</v>
      </c>
      <c r="Q4918" s="75">
        <f>IF(Input!$D$19=4,J4918*Input!$C$19,0)+IF(Input!$D$20=4,K4918*Input!$C$20,0)+IF(Input!$D$21=4,L4918*Input!$C$21,0)+IF(Input!$D$22=4,M4918*Input!$C$22,0)</f>
        <v>0</v>
      </c>
      <c r="R4918" s="58">
        <v>73.185650639576139</v>
      </c>
      <c r="S4918" s="124">
        <f t="shared" si="76"/>
        <v>1.7776345027327474</v>
      </c>
    </row>
    <row r="4919" spans="8:19" x14ac:dyDescent="0.3">
      <c r="H4919" s="44">
        <v>4912</v>
      </c>
      <c r="I4919" s="56">
        <f>Bühler!I4945</f>
        <v>0.41022334678448014</v>
      </c>
      <c r="J4919" s="59">
        <f>Bühler!J4945</f>
        <v>1.3674111559482673</v>
      </c>
      <c r="K4919" s="59">
        <f>Bühler!K4945</f>
        <v>2.0511167339224006</v>
      </c>
      <c r="L4919" s="59">
        <f>Bühler!L4945</f>
        <v>9.8453603228275224</v>
      </c>
      <c r="M4919" s="58">
        <f>Bühler!M4945</f>
        <v>0</v>
      </c>
      <c r="N4919" s="56">
        <f>IF(Input!$D$19=1,J4919*Input!$C$19,0)+IF(Input!$D$20=1,K4919*Input!$C$20,0)+IF(Input!$D$21=1,L4919*Input!$C$21,0)+IF(Input!$D$22=1,M4919*Input!$C$22,0)</f>
        <v>0.41022334678448019</v>
      </c>
      <c r="O4919" s="59">
        <f>IF(Input!$D$19=2,J4919*Input!$C$19,0)+IF(Input!$D$20=2,K4919*Input!$C$20,0)+IF(Input!$D$21=2,L4919*Input!$C$21,0)+IF(Input!$D$22=2,M4919*Input!$C$22,0)</f>
        <v>1.0255583669612003</v>
      </c>
      <c r="P4919" s="59">
        <f>IF(Input!$D$19=3,J4919*Input!$C$19,0)+IF(Input!$D$20=3,K4919*Input!$C$20,0)+IF(Input!$D$21=3,L4919*Input!$C$21,0)+IF(Input!$D$22=3,M4919*Input!$C$22,0)</f>
        <v>0</v>
      </c>
      <c r="Q4919" s="75">
        <f>IF(Input!$D$19=4,J4919*Input!$C$19,0)+IF(Input!$D$20=4,K4919*Input!$C$20,0)+IF(Input!$D$21=4,L4919*Input!$C$21,0)+IF(Input!$D$22=4,M4919*Input!$C$22,0)</f>
        <v>0</v>
      </c>
      <c r="R4919" s="58">
        <v>72.330638267693345</v>
      </c>
      <c r="S4919" s="124">
        <f t="shared" si="76"/>
        <v>1.7776345027327474</v>
      </c>
    </row>
    <row r="4920" spans="8:19" x14ac:dyDescent="0.3">
      <c r="H4920" s="44">
        <v>4913</v>
      </c>
      <c r="I4920" s="56">
        <f>Bühler!I4946</f>
        <v>0.41022334678448014</v>
      </c>
      <c r="J4920" s="59">
        <f>Bühler!J4946</f>
        <v>1.3674111559482673</v>
      </c>
      <c r="K4920" s="59">
        <f>Bühler!K4946</f>
        <v>2.0511167339224006</v>
      </c>
      <c r="L4920" s="59">
        <f>Bühler!L4946</f>
        <v>9.8453603228275224</v>
      </c>
      <c r="M4920" s="58">
        <f>Bühler!M4946</f>
        <v>0</v>
      </c>
      <c r="N4920" s="56">
        <f>IF(Input!$D$19=1,J4920*Input!$C$19,0)+IF(Input!$D$20=1,K4920*Input!$C$20,0)+IF(Input!$D$21=1,L4920*Input!$C$21,0)+IF(Input!$D$22=1,M4920*Input!$C$22,0)</f>
        <v>0.41022334678448019</v>
      </c>
      <c r="O4920" s="59">
        <f>IF(Input!$D$19=2,J4920*Input!$C$19,0)+IF(Input!$D$20=2,K4920*Input!$C$20,0)+IF(Input!$D$21=2,L4920*Input!$C$21,0)+IF(Input!$D$22=2,M4920*Input!$C$22,0)</f>
        <v>1.0255583669612003</v>
      </c>
      <c r="P4920" s="59">
        <f>IF(Input!$D$19=3,J4920*Input!$C$19,0)+IF(Input!$D$20=3,K4920*Input!$C$20,0)+IF(Input!$D$21=3,L4920*Input!$C$21,0)+IF(Input!$D$22=3,M4920*Input!$C$22,0)</f>
        <v>0</v>
      </c>
      <c r="Q4920" s="75">
        <f>IF(Input!$D$19=4,J4920*Input!$C$19,0)+IF(Input!$D$20=4,K4920*Input!$C$20,0)+IF(Input!$D$21=4,L4920*Input!$C$21,0)+IF(Input!$D$22=4,M4920*Input!$C$22,0)</f>
        <v>0</v>
      </c>
      <c r="R4920" s="58">
        <v>71.41011888299542</v>
      </c>
      <c r="S4920" s="124">
        <f t="shared" si="76"/>
        <v>1.7776345027327474</v>
      </c>
    </row>
    <row r="4921" spans="8:19" x14ac:dyDescent="0.3">
      <c r="H4921" s="44">
        <v>4914</v>
      </c>
      <c r="I4921" s="56">
        <f>Bühler!I4947</f>
        <v>0.41022334678448014</v>
      </c>
      <c r="J4921" s="59">
        <f>Bühler!J4947</f>
        <v>1.3674111559482673</v>
      </c>
      <c r="K4921" s="59">
        <f>Bühler!K4947</f>
        <v>2.0511167339224006</v>
      </c>
      <c r="L4921" s="59">
        <f>Bühler!L4947</f>
        <v>9.8453603228275224</v>
      </c>
      <c r="M4921" s="58">
        <f>Bühler!M4947</f>
        <v>0</v>
      </c>
      <c r="N4921" s="56">
        <f>IF(Input!$D$19=1,J4921*Input!$C$19,0)+IF(Input!$D$20=1,K4921*Input!$C$20,0)+IF(Input!$D$21=1,L4921*Input!$C$21,0)+IF(Input!$D$22=1,M4921*Input!$C$22,0)</f>
        <v>0.41022334678448019</v>
      </c>
      <c r="O4921" s="59">
        <f>IF(Input!$D$19=2,J4921*Input!$C$19,0)+IF(Input!$D$20=2,K4921*Input!$C$20,0)+IF(Input!$D$21=2,L4921*Input!$C$21,0)+IF(Input!$D$22=2,M4921*Input!$C$22,0)</f>
        <v>1.0255583669612003</v>
      </c>
      <c r="P4921" s="59">
        <f>IF(Input!$D$19=3,J4921*Input!$C$19,0)+IF(Input!$D$20=3,K4921*Input!$C$20,0)+IF(Input!$D$21=3,L4921*Input!$C$21,0)+IF(Input!$D$22=3,M4921*Input!$C$22,0)</f>
        <v>0</v>
      </c>
      <c r="Q4921" s="75">
        <f>IF(Input!$D$19=4,J4921*Input!$C$19,0)+IF(Input!$D$20=4,K4921*Input!$C$20,0)+IF(Input!$D$21=4,L4921*Input!$C$21,0)+IF(Input!$D$22=4,M4921*Input!$C$22,0)</f>
        <v>0</v>
      </c>
      <c r="R4921" s="58">
        <v>70.581869441540789</v>
      </c>
      <c r="S4921" s="124">
        <f t="shared" si="76"/>
        <v>1.7776345027327474</v>
      </c>
    </row>
    <row r="4922" spans="8:19" x14ac:dyDescent="0.3">
      <c r="H4922" s="44">
        <v>4915</v>
      </c>
      <c r="I4922" s="56">
        <f>Bühler!I4948</f>
        <v>0.41022334678448014</v>
      </c>
      <c r="J4922" s="59">
        <f>Bühler!J4948</f>
        <v>1.3674111559482673</v>
      </c>
      <c r="K4922" s="59">
        <f>Bühler!K4948</f>
        <v>2.0511167339224006</v>
      </c>
      <c r="L4922" s="59">
        <f>Bühler!L4948</f>
        <v>9.8453603228275224</v>
      </c>
      <c r="M4922" s="58">
        <f>Bühler!M4948</f>
        <v>0</v>
      </c>
      <c r="N4922" s="56">
        <f>IF(Input!$D$19=1,J4922*Input!$C$19,0)+IF(Input!$D$20=1,K4922*Input!$C$20,0)+IF(Input!$D$21=1,L4922*Input!$C$21,0)+IF(Input!$D$22=1,M4922*Input!$C$22,0)</f>
        <v>0.41022334678448019</v>
      </c>
      <c r="O4922" s="59">
        <f>IF(Input!$D$19=2,J4922*Input!$C$19,0)+IF(Input!$D$20=2,K4922*Input!$C$20,0)+IF(Input!$D$21=2,L4922*Input!$C$21,0)+IF(Input!$D$22=2,M4922*Input!$C$22,0)</f>
        <v>1.0255583669612003</v>
      </c>
      <c r="P4922" s="59">
        <f>IF(Input!$D$19=3,J4922*Input!$C$19,0)+IF(Input!$D$20=3,K4922*Input!$C$20,0)+IF(Input!$D$21=3,L4922*Input!$C$21,0)+IF(Input!$D$22=3,M4922*Input!$C$22,0)</f>
        <v>0</v>
      </c>
      <c r="Q4922" s="75">
        <f>IF(Input!$D$19=4,J4922*Input!$C$19,0)+IF(Input!$D$20=4,K4922*Input!$C$20,0)+IF(Input!$D$21=4,L4922*Input!$C$21,0)+IF(Input!$D$22=4,M4922*Input!$C$22,0)</f>
        <v>0</v>
      </c>
      <c r="R4922" s="58">
        <v>69.367386637359928</v>
      </c>
      <c r="S4922" s="124">
        <f t="shared" si="76"/>
        <v>1.7776345027327474</v>
      </c>
    </row>
    <row r="4923" spans="8:19" x14ac:dyDescent="0.3">
      <c r="H4923" s="44">
        <v>4916</v>
      </c>
      <c r="I4923" s="56">
        <f>Bühler!I4949</f>
        <v>0.34356205293200209</v>
      </c>
      <c r="J4923" s="59">
        <f>Bühler!J4949</f>
        <v>1.1452068431066738</v>
      </c>
      <c r="K4923" s="59">
        <f>Bühler!K4949</f>
        <v>1.7178102646600104</v>
      </c>
      <c r="L4923" s="59">
        <f>Bühler!L4949</f>
        <v>8.2454892703680507</v>
      </c>
      <c r="M4923" s="58">
        <f>Bühler!M4949</f>
        <v>0</v>
      </c>
      <c r="N4923" s="56">
        <f>IF(Input!$D$19=1,J4923*Input!$C$19,0)+IF(Input!$D$20=1,K4923*Input!$C$20,0)+IF(Input!$D$21=1,L4923*Input!$C$21,0)+IF(Input!$D$22=1,M4923*Input!$C$22,0)</f>
        <v>0.34356205293200209</v>
      </c>
      <c r="O4923" s="59">
        <f>IF(Input!$D$19=2,J4923*Input!$C$19,0)+IF(Input!$D$20=2,K4923*Input!$C$20,0)+IF(Input!$D$21=2,L4923*Input!$C$21,0)+IF(Input!$D$22=2,M4923*Input!$C$22,0)</f>
        <v>0.85890513233000521</v>
      </c>
      <c r="P4923" s="59">
        <f>IF(Input!$D$19=3,J4923*Input!$C$19,0)+IF(Input!$D$20=3,K4923*Input!$C$20,0)+IF(Input!$D$21=3,L4923*Input!$C$21,0)+IF(Input!$D$22=3,M4923*Input!$C$22,0)</f>
        <v>0</v>
      </c>
      <c r="Q4923" s="75">
        <f>IF(Input!$D$19=4,J4923*Input!$C$19,0)+IF(Input!$D$20=4,K4923*Input!$C$20,0)+IF(Input!$D$21=4,L4923*Input!$C$21,0)+IF(Input!$D$22=4,M4923*Input!$C$22,0)</f>
        <v>0</v>
      </c>
      <c r="R4923" s="58">
        <v>68.638248117917598</v>
      </c>
      <c r="S4923" s="124">
        <f t="shared" si="76"/>
        <v>1.4887688960386758</v>
      </c>
    </row>
    <row r="4924" spans="8:19" x14ac:dyDescent="0.3">
      <c r="H4924" s="44">
        <v>4917</v>
      </c>
      <c r="I4924" s="56">
        <f>Bühler!I4950</f>
        <v>0.28202855091433005</v>
      </c>
      <c r="J4924" s="59">
        <f>Bühler!J4950</f>
        <v>0.94009516971443352</v>
      </c>
      <c r="K4924" s="59">
        <f>Bühler!K4950</f>
        <v>1.4101427545716501</v>
      </c>
      <c r="L4924" s="59">
        <f>Bühler!L4950</f>
        <v>6.7686852219439206</v>
      </c>
      <c r="M4924" s="58">
        <f>Bühler!M4950</f>
        <v>0</v>
      </c>
      <c r="N4924" s="56">
        <f>IF(Input!$D$19=1,J4924*Input!$C$19,0)+IF(Input!$D$20=1,K4924*Input!$C$20,0)+IF(Input!$D$21=1,L4924*Input!$C$21,0)+IF(Input!$D$22=1,M4924*Input!$C$22,0)</f>
        <v>0.28202855091433005</v>
      </c>
      <c r="O4924" s="59">
        <f>IF(Input!$D$19=2,J4924*Input!$C$19,0)+IF(Input!$D$20=2,K4924*Input!$C$20,0)+IF(Input!$D$21=2,L4924*Input!$C$21,0)+IF(Input!$D$22=2,M4924*Input!$C$22,0)</f>
        <v>0.70507137728582503</v>
      </c>
      <c r="P4924" s="59">
        <f>IF(Input!$D$19=3,J4924*Input!$C$19,0)+IF(Input!$D$20=3,K4924*Input!$C$20,0)+IF(Input!$D$21=3,L4924*Input!$C$21,0)+IF(Input!$D$22=3,M4924*Input!$C$22,0)</f>
        <v>0</v>
      </c>
      <c r="Q4924" s="75">
        <f>IF(Input!$D$19=4,J4924*Input!$C$19,0)+IF(Input!$D$20=4,K4924*Input!$C$20,0)+IF(Input!$D$21=4,L4924*Input!$C$21,0)+IF(Input!$D$22=4,M4924*Input!$C$22,0)</f>
        <v>0</v>
      </c>
      <c r="R4924" s="58">
        <v>66.292472506616292</v>
      </c>
      <c r="S4924" s="124">
        <f t="shared" si="76"/>
        <v>1.2221237206287636</v>
      </c>
    </row>
    <row r="4925" spans="8:19" x14ac:dyDescent="0.3">
      <c r="H4925" s="44">
        <v>4918</v>
      </c>
      <c r="I4925" s="56">
        <f>Bühler!I4951</f>
        <v>0.20511167339224007</v>
      </c>
      <c r="J4925" s="59">
        <f>Bühler!J4951</f>
        <v>0.68370557797413367</v>
      </c>
      <c r="K4925" s="59">
        <f>Bühler!K4951</f>
        <v>1.0255583669612003</v>
      </c>
      <c r="L4925" s="59">
        <f>Bühler!L4951</f>
        <v>4.9226801614137612</v>
      </c>
      <c r="M4925" s="58">
        <f>Bühler!M4951</f>
        <v>0</v>
      </c>
      <c r="N4925" s="56">
        <f>IF(Input!$D$19=1,J4925*Input!$C$19,0)+IF(Input!$D$20=1,K4925*Input!$C$20,0)+IF(Input!$D$21=1,L4925*Input!$C$21,0)+IF(Input!$D$22=1,M4925*Input!$C$22,0)</f>
        <v>0.2051116733922401</v>
      </c>
      <c r="O4925" s="59">
        <f>IF(Input!$D$19=2,J4925*Input!$C$19,0)+IF(Input!$D$20=2,K4925*Input!$C$20,0)+IF(Input!$D$21=2,L4925*Input!$C$21,0)+IF(Input!$D$22=2,M4925*Input!$C$22,0)</f>
        <v>0.51277918348060014</v>
      </c>
      <c r="P4925" s="59">
        <f>IF(Input!$D$19=3,J4925*Input!$C$19,0)+IF(Input!$D$20=3,K4925*Input!$C$20,0)+IF(Input!$D$21=3,L4925*Input!$C$21,0)+IF(Input!$D$22=3,M4925*Input!$C$22,0)</f>
        <v>0</v>
      </c>
      <c r="Q4925" s="75">
        <f>IF(Input!$D$19=4,J4925*Input!$C$19,0)+IF(Input!$D$20=4,K4925*Input!$C$20,0)+IF(Input!$D$21=4,L4925*Input!$C$21,0)+IF(Input!$D$22=4,M4925*Input!$C$22,0)</f>
        <v>0</v>
      </c>
      <c r="R4925" s="58">
        <v>63.977786165964019</v>
      </c>
      <c r="S4925" s="124">
        <f t="shared" si="76"/>
        <v>0.88881725136637368</v>
      </c>
    </row>
    <row r="4926" spans="8:19" x14ac:dyDescent="0.3">
      <c r="H4926" s="44">
        <v>4919</v>
      </c>
      <c r="I4926" s="56">
        <f>Bühler!I4952</f>
        <v>0.20511167339224007</v>
      </c>
      <c r="J4926" s="59">
        <f>Bühler!J4952</f>
        <v>0.68370557797413367</v>
      </c>
      <c r="K4926" s="59">
        <f>Bühler!K4952</f>
        <v>1.0255583669612003</v>
      </c>
      <c r="L4926" s="59">
        <f>Bühler!L4952</f>
        <v>4.9226801614137612</v>
      </c>
      <c r="M4926" s="58">
        <f>Bühler!M4952</f>
        <v>0</v>
      </c>
      <c r="N4926" s="56">
        <f>IF(Input!$D$19=1,J4926*Input!$C$19,0)+IF(Input!$D$20=1,K4926*Input!$C$20,0)+IF(Input!$D$21=1,L4926*Input!$C$21,0)+IF(Input!$D$22=1,M4926*Input!$C$22,0)</f>
        <v>0.2051116733922401</v>
      </c>
      <c r="O4926" s="59">
        <f>IF(Input!$D$19=2,J4926*Input!$C$19,0)+IF(Input!$D$20=2,K4926*Input!$C$20,0)+IF(Input!$D$21=2,L4926*Input!$C$21,0)+IF(Input!$D$22=2,M4926*Input!$C$22,0)</f>
        <v>0.51277918348060014</v>
      </c>
      <c r="P4926" s="59">
        <f>IF(Input!$D$19=3,J4926*Input!$C$19,0)+IF(Input!$D$20=3,K4926*Input!$C$20,0)+IF(Input!$D$21=3,L4926*Input!$C$21,0)+IF(Input!$D$22=3,M4926*Input!$C$22,0)</f>
        <v>0</v>
      </c>
      <c r="Q4926" s="75">
        <f>IF(Input!$D$19=4,J4926*Input!$C$19,0)+IF(Input!$D$20=4,K4926*Input!$C$20,0)+IF(Input!$D$21=4,L4926*Input!$C$21,0)+IF(Input!$D$22=4,M4926*Input!$C$22,0)</f>
        <v>0</v>
      </c>
      <c r="R4926" s="58">
        <v>63.043889268220916</v>
      </c>
      <c r="S4926" s="124">
        <f t="shared" si="76"/>
        <v>0.88881725136637368</v>
      </c>
    </row>
    <row r="4927" spans="8:19" x14ac:dyDescent="0.3">
      <c r="H4927" s="44">
        <v>4920</v>
      </c>
      <c r="I4927" s="56">
        <f>Bühler!I4953</f>
        <v>0.20511167339224007</v>
      </c>
      <c r="J4927" s="59">
        <f>Bühler!J4953</f>
        <v>0.68370557797413367</v>
      </c>
      <c r="K4927" s="59">
        <f>Bühler!K4953</f>
        <v>1.0255583669612003</v>
      </c>
      <c r="L4927" s="59">
        <f>Bühler!L4953</f>
        <v>4.9226801614137612</v>
      </c>
      <c r="M4927" s="58">
        <f>Bühler!M4953</f>
        <v>0</v>
      </c>
      <c r="N4927" s="56">
        <f>IF(Input!$D$19=1,J4927*Input!$C$19,0)+IF(Input!$D$20=1,K4927*Input!$C$20,0)+IF(Input!$D$21=1,L4927*Input!$C$21,0)+IF(Input!$D$22=1,M4927*Input!$C$22,0)</f>
        <v>0.2051116733922401</v>
      </c>
      <c r="O4927" s="59">
        <f>IF(Input!$D$19=2,J4927*Input!$C$19,0)+IF(Input!$D$20=2,K4927*Input!$C$20,0)+IF(Input!$D$21=2,L4927*Input!$C$21,0)+IF(Input!$D$22=2,M4927*Input!$C$22,0)</f>
        <v>0.51277918348060014</v>
      </c>
      <c r="P4927" s="59">
        <f>IF(Input!$D$19=3,J4927*Input!$C$19,0)+IF(Input!$D$20=3,K4927*Input!$C$20,0)+IF(Input!$D$21=3,L4927*Input!$C$21,0)+IF(Input!$D$22=3,M4927*Input!$C$22,0)</f>
        <v>0</v>
      </c>
      <c r="Q4927" s="75">
        <f>IF(Input!$D$19=4,J4927*Input!$C$19,0)+IF(Input!$D$20=4,K4927*Input!$C$20,0)+IF(Input!$D$21=4,L4927*Input!$C$21,0)+IF(Input!$D$22=4,M4927*Input!$C$22,0)</f>
        <v>0</v>
      </c>
      <c r="R4927" s="58">
        <v>62.204077447798532</v>
      </c>
      <c r="S4927" s="124">
        <f t="shared" si="76"/>
        <v>0.88881725136637368</v>
      </c>
    </row>
    <row r="4928" spans="8:19" x14ac:dyDescent="0.3">
      <c r="H4928" s="44">
        <v>4921</v>
      </c>
      <c r="I4928" s="56">
        <f>Bühler!I4954</f>
        <v>0.18417092603001112</v>
      </c>
      <c r="J4928" s="59">
        <f>Bühler!J4954</f>
        <v>0.6139030867667038</v>
      </c>
      <c r="K4928" s="59">
        <f>Bühler!K4954</f>
        <v>0.92085463015005564</v>
      </c>
      <c r="L4928" s="59">
        <f>Bühler!L4954</f>
        <v>4.4201022247202673</v>
      </c>
      <c r="M4928" s="58">
        <f>Bühler!M4954</f>
        <v>0</v>
      </c>
      <c r="N4928" s="56">
        <f>IF(Input!$D$19=1,J4928*Input!$C$19,0)+IF(Input!$D$20=1,K4928*Input!$C$20,0)+IF(Input!$D$21=1,L4928*Input!$C$21,0)+IF(Input!$D$22=1,M4928*Input!$C$22,0)</f>
        <v>0.18417092603001115</v>
      </c>
      <c r="O4928" s="59">
        <f>IF(Input!$D$19=2,J4928*Input!$C$19,0)+IF(Input!$D$20=2,K4928*Input!$C$20,0)+IF(Input!$D$21=2,L4928*Input!$C$21,0)+IF(Input!$D$22=2,M4928*Input!$C$22,0)</f>
        <v>0.46042731507502782</v>
      </c>
      <c r="P4928" s="59">
        <f>IF(Input!$D$19=3,J4928*Input!$C$19,0)+IF(Input!$D$20=3,K4928*Input!$C$20,0)+IF(Input!$D$21=3,L4928*Input!$C$21,0)+IF(Input!$D$22=3,M4928*Input!$C$22,0)</f>
        <v>0</v>
      </c>
      <c r="Q4928" s="75">
        <f>IF(Input!$D$19=4,J4928*Input!$C$19,0)+IF(Input!$D$20=4,K4928*Input!$C$20,0)+IF(Input!$D$21=4,L4928*Input!$C$21,0)+IF(Input!$D$22=4,M4928*Input!$C$22,0)</f>
        <v>0</v>
      </c>
      <c r="R4928" s="58">
        <v>60.807570827482387</v>
      </c>
      <c r="S4928" s="124">
        <f t="shared" si="76"/>
        <v>0.79807401279671497</v>
      </c>
    </row>
    <row r="4929" spans="8:19" x14ac:dyDescent="0.3">
      <c r="H4929" s="44">
        <v>4922</v>
      </c>
      <c r="I4929" s="56">
        <f>Bühler!I4955</f>
        <v>0.2071922917837625</v>
      </c>
      <c r="J4929" s="59">
        <f>Bühler!J4955</f>
        <v>0.69064097261254176</v>
      </c>
      <c r="K4929" s="59">
        <f>Bühler!K4955</f>
        <v>1.0359614589188124</v>
      </c>
      <c r="L4929" s="59">
        <f>Bühler!L4955</f>
        <v>4.9726150028102998</v>
      </c>
      <c r="M4929" s="58">
        <f>Bühler!M4955</f>
        <v>0</v>
      </c>
      <c r="N4929" s="56">
        <f>IF(Input!$D$19=1,J4929*Input!$C$19,0)+IF(Input!$D$20=1,K4929*Input!$C$20,0)+IF(Input!$D$21=1,L4929*Input!$C$21,0)+IF(Input!$D$22=1,M4929*Input!$C$22,0)</f>
        <v>0.20719229178376253</v>
      </c>
      <c r="O4929" s="59">
        <f>IF(Input!$D$19=2,J4929*Input!$C$19,0)+IF(Input!$D$20=2,K4929*Input!$C$20,0)+IF(Input!$D$21=2,L4929*Input!$C$21,0)+IF(Input!$D$22=2,M4929*Input!$C$22,0)</f>
        <v>0.51798072945940621</v>
      </c>
      <c r="P4929" s="59">
        <f>IF(Input!$D$19=3,J4929*Input!$C$19,0)+IF(Input!$D$20=3,K4929*Input!$C$20,0)+IF(Input!$D$21=3,L4929*Input!$C$21,0)+IF(Input!$D$22=3,M4929*Input!$C$22,0)</f>
        <v>0</v>
      </c>
      <c r="Q4929" s="75">
        <f>IF(Input!$D$19=4,J4929*Input!$C$19,0)+IF(Input!$D$20=4,K4929*Input!$C$20,0)+IF(Input!$D$21=4,L4929*Input!$C$21,0)+IF(Input!$D$22=4,M4929*Input!$C$22,0)</f>
        <v>0</v>
      </c>
      <c r="R4929" s="58">
        <v>59.756942159814173</v>
      </c>
      <c r="S4929" s="124">
        <f t="shared" si="76"/>
        <v>0.89783326439630429</v>
      </c>
    </row>
    <row r="4930" spans="8:19" x14ac:dyDescent="0.3">
      <c r="H4930" s="44">
        <v>4923</v>
      </c>
      <c r="I4930" s="56">
        <f>Bühler!I4956</f>
        <v>0.2071922917837625</v>
      </c>
      <c r="J4930" s="59">
        <f>Bühler!J4956</f>
        <v>0.69064097261254176</v>
      </c>
      <c r="K4930" s="59">
        <f>Bühler!K4956</f>
        <v>1.0359614589188124</v>
      </c>
      <c r="L4930" s="59">
        <f>Bühler!L4956</f>
        <v>4.9726150028102998</v>
      </c>
      <c r="M4930" s="58">
        <f>Bühler!M4956</f>
        <v>0</v>
      </c>
      <c r="N4930" s="56">
        <f>IF(Input!$D$19=1,J4930*Input!$C$19,0)+IF(Input!$D$20=1,K4930*Input!$C$20,0)+IF(Input!$D$21=1,L4930*Input!$C$21,0)+IF(Input!$D$22=1,M4930*Input!$C$22,0)</f>
        <v>0.20719229178376253</v>
      </c>
      <c r="O4930" s="59">
        <f>IF(Input!$D$19=2,J4930*Input!$C$19,0)+IF(Input!$D$20=2,K4930*Input!$C$20,0)+IF(Input!$D$21=2,L4930*Input!$C$21,0)+IF(Input!$D$22=2,M4930*Input!$C$22,0)</f>
        <v>0.51798072945940621</v>
      </c>
      <c r="P4930" s="59">
        <f>IF(Input!$D$19=3,J4930*Input!$C$19,0)+IF(Input!$D$20=3,K4930*Input!$C$20,0)+IF(Input!$D$21=3,L4930*Input!$C$21,0)+IF(Input!$D$22=3,M4930*Input!$C$22,0)</f>
        <v>0</v>
      </c>
      <c r="Q4930" s="75">
        <f>IF(Input!$D$19=4,J4930*Input!$C$19,0)+IF(Input!$D$20=4,K4930*Input!$C$20,0)+IF(Input!$D$21=4,L4930*Input!$C$21,0)+IF(Input!$D$22=4,M4930*Input!$C$22,0)</f>
        <v>0</v>
      </c>
      <c r="R4930" s="58">
        <v>59.591162248109235</v>
      </c>
      <c r="S4930" s="124">
        <f t="shared" si="76"/>
        <v>0.89783326439630429</v>
      </c>
    </row>
    <row r="4931" spans="8:19" x14ac:dyDescent="0.3">
      <c r="H4931" s="44">
        <v>4924</v>
      </c>
      <c r="I4931" s="56">
        <f>Bühler!I4957</f>
        <v>0.2071922917837625</v>
      </c>
      <c r="J4931" s="59">
        <f>Bühler!J4957</f>
        <v>0.69064097261254176</v>
      </c>
      <c r="K4931" s="59">
        <f>Bühler!K4957</f>
        <v>1.0359614589188124</v>
      </c>
      <c r="L4931" s="59">
        <f>Bühler!L4957</f>
        <v>4.9726150028102998</v>
      </c>
      <c r="M4931" s="58">
        <f>Bühler!M4957</f>
        <v>0</v>
      </c>
      <c r="N4931" s="56">
        <f>IF(Input!$D$19=1,J4931*Input!$C$19,0)+IF(Input!$D$20=1,K4931*Input!$C$20,0)+IF(Input!$D$21=1,L4931*Input!$C$21,0)+IF(Input!$D$22=1,M4931*Input!$C$22,0)</f>
        <v>0.20719229178376253</v>
      </c>
      <c r="O4931" s="59">
        <f>IF(Input!$D$19=2,J4931*Input!$C$19,0)+IF(Input!$D$20=2,K4931*Input!$C$20,0)+IF(Input!$D$21=2,L4931*Input!$C$21,0)+IF(Input!$D$22=2,M4931*Input!$C$22,0)</f>
        <v>0.51798072945940621</v>
      </c>
      <c r="P4931" s="59">
        <f>IF(Input!$D$19=3,J4931*Input!$C$19,0)+IF(Input!$D$20=3,K4931*Input!$C$20,0)+IF(Input!$D$21=3,L4931*Input!$C$21,0)+IF(Input!$D$22=3,M4931*Input!$C$22,0)</f>
        <v>0</v>
      </c>
      <c r="Q4931" s="75">
        <f>IF(Input!$D$19=4,J4931*Input!$C$19,0)+IF(Input!$D$20=4,K4931*Input!$C$20,0)+IF(Input!$D$21=4,L4931*Input!$C$21,0)+IF(Input!$D$22=4,M4931*Input!$C$22,0)</f>
        <v>0</v>
      </c>
      <c r="R4931" s="58">
        <v>60.067209089887363</v>
      </c>
      <c r="S4931" s="124">
        <f t="shared" si="76"/>
        <v>0.89783326439630429</v>
      </c>
    </row>
    <row r="4932" spans="8:19" x14ac:dyDescent="0.3">
      <c r="H4932" s="44">
        <v>4925</v>
      </c>
      <c r="I4932" s="56">
        <f>Bühler!I4958</f>
        <v>0.2071922917837625</v>
      </c>
      <c r="J4932" s="59">
        <f>Bühler!J4958</f>
        <v>0.69064097261254176</v>
      </c>
      <c r="K4932" s="59">
        <f>Bühler!K4958</f>
        <v>1.0359614589188124</v>
      </c>
      <c r="L4932" s="59">
        <f>Bühler!L4958</f>
        <v>4.9726150028102998</v>
      </c>
      <c r="M4932" s="58">
        <f>Bühler!M4958</f>
        <v>0</v>
      </c>
      <c r="N4932" s="56">
        <f>IF(Input!$D$19=1,J4932*Input!$C$19,0)+IF(Input!$D$20=1,K4932*Input!$C$20,0)+IF(Input!$D$21=1,L4932*Input!$C$21,0)+IF(Input!$D$22=1,M4932*Input!$C$22,0)</f>
        <v>0.20719229178376253</v>
      </c>
      <c r="O4932" s="59">
        <f>IF(Input!$D$19=2,J4932*Input!$C$19,0)+IF(Input!$D$20=2,K4932*Input!$C$20,0)+IF(Input!$D$21=2,L4932*Input!$C$21,0)+IF(Input!$D$22=2,M4932*Input!$C$22,0)</f>
        <v>0.51798072945940621</v>
      </c>
      <c r="P4932" s="59">
        <f>IF(Input!$D$19=3,J4932*Input!$C$19,0)+IF(Input!$D$20=3,K4932*Input!$C$20,0)+IF(Input!$D$21=3,L4932*Input!$C$21,0)+IF(Input!$D$22=3,M4932*Input!$C$22,0)</f>
        <v>0</v>
      </c>
      <c r="Q4932" s="75">
        <f>IF(Input!$D$19=4,J4932*Input!$C$19,0)+IF(Input!$D$20=4,K4932*Input!$C$20,0)+IF(Input!$D$21=4,L4932*Input!$C$21,0)+IF(Input!$D$22=4,M4932*Input!$C$22,0)</f>
        <v>0</v>
      </c>
      <c r="R4932" s="58">
        <v>61.155857131814223</v>
      </c>
      <c r="S4932" s="124">
        <f t="shared" si="76"/>
        <v>0.89783326439630429</v>
      </c>
    </row>
    <row r="4933" spans="8:19" x14ac:dyDescent="0.3">
      <c r="H4933" s="44">
        <v>4926</v>
      </c>
      <c r="I4933" s="56">
        <f>Bühler!I4959</f>
        <v>0.26704784274351612</v>
      </c>
      <c r="J4933" s="59">
        <f>Bühler!J4959</f>
        <v>0.89015947581172039</v>
      </c>
      <c r="K4933" s="59">
        <f>Bühler!K4959</f>
        <v>1.3352392137175806</v>
      </c>
      <c r="L4933" s="59">
        <f>Bühler!L4959</f>
        <v>6.4091482258443868</v>
      </c>
      <c r="M4933" s="58">
        <f>Bühler!M4959</f>
        <v>0</v>
      </c>
      <c r="N4933" s="56">
        <f>IF(Input!$D$19=1,J4933*Input!$C$19,0)+IF(Input!$D$20=1,K4933*Input!$C$20,0)+IF(Input!$D$21=1,L4933*Input!$C$21,0)+IF(Input!$D$22=1,M4933*Input!$C$22,0)</f>
        <v>0.26704784274351612</v>
      </c>
      <c r="O4933" s="59">
        <f>IF(Input!$D$19=2,J4933*Input!$C$19,0)+IF(Input!$D$20=2,K4933*Input!$C$20,0)+IF(Input!$D$21=2,L4933*Input!$C$21,0)+IF(Input!$D$22=2,M4933*Input!$C$22,0)</f>
        <v>0.66761960685879029</v>
      </c>
      <c r="P4933" s="59">
        <f>IF(Input!$D$19=3,J4933*Input!$C$19,0)+IF(Input!$D$20=3,K4933*Input!$C$20,0)+IF(Input!$D$21=3,L4933*Input!$C$21,0)+IF(Input!$D$22=3,M4933*Input!$C$22,0)</f>
        <v>0</v>
      </c>
      <c r="Q4933" s="75">
        <f>IF(Input!$D$19=4,J4933*Input!$C$19,0)+IF(Input!$D$20=4,K4933*Input!$C$20,0)+IF(Input!$D$21=4,L4933*Input!$C$21,0)+IF(Input!$D$22=4,M4933*Input!$C$22,0)</f>
        <v>0</v>
      </c>
      <c r="R4933" s="58">
        <v>63.572629328308473</v>
      </c>
      <c r="S4933" s="124">
        <f t="shared" si="76"/>
        <v>1.1572073185552365</v>
      </c>
    </row>
    <row r="4934" spans="8:19" x14ac:dyDescent="0.3">
      <c r="H4934" s="44">
        <v>4927</v>
      </c>
      <c r="I4934" s="56">
        <f>Bühler!I4960</f>
        <v>0.30848630110026859</v>
      </c>
      <c r="J4934" s="59">
        <f>Bühler!J4960</f>
        <v>1.0282876703342287</v>
      </c>
      <c r="K4934" s="59">
        <f>Bühler!K4960</f>
        <v>1.5424315055013431</v>
      </c>
      <c r="L4934" s="59">
        <f>Bühler!L4960</f>
        <v>7.4036712264064466</v>
      </c>
      <c r="M4934" s="58">
        <f>Bühler!M4960</f>
        <v>0</v>
      </c>
      <c r="N4934" s="56">
        <f>IF(Input!$D$19=1,J4934*Input!$C$19,0)+IF(Input!$D$20=1,K4934*Input!$C$20,0)+IF(Input!$D$21=1,L4934*Input!$C$21,0)+IF(Input!$D$22=1,M4934*Input!$C$22,0)</f>
        <v>0.30848630110026859</v>
      </c>
      <c r="O4934" s="59">
        <f>IF(Input!$D$19=2,J4934*Input!$C$19,0)+IF(Input!$D$20=2,K4934*Input!$C$20,0)+IF(Input!$D$21=2,L4934*Input!$C$21,0)+IF(Input!$D$22=2,M4934*Input!$C$22,0)</f>
        <v>0.77121575275067156</v>
      </c>
      <c r="P4934" s="59">
        <f>IF(Input!$D$19=3,J4934*Input!$C$19,0)+IF(Input!$D$20=3,K4934*Input!$C$20,0)+IF(Input!$D$21=3,L4934*Input!$C$21,0)+IF(Input!$D$22=3,M4934*Input!$C$22,0)</f>
        <v>0</v>
      </c>
      <c r="Q4934" s="75">
        <f>IF(Input!$D$19=4,J4934*Input!$C$19,0)+IF(Input!$D$20=4,K4934*Input!$C$20,0)+IF(Input!$D$21=4,L4934*Input!$C$21,0)+IF(Input!$D$22=4,M4934*Input!$C$22,0)</f>
        <v>0</v>
      </c>
      <c r="R4934" s="58">
        <v>65.754156763033833</v>
      </c>
      <c r="S4934" s="124">
        <f t="shared" si="76"/>
        <v>1.3367739714344973</v>
      </c>
    </row>
    <row r="4935" spans="8:19" x14ac:dyDescent="0.3">
      <c r="H4935" s="44">
        <v>4928</v>
      </c>
      <c r="I4935" s="56">
        <f>Bühler!I4961</f>
        <v>0.30848630110026859</v>
      </c>
      <c r="J4935" s="59">
        <f>Bühler!J4961</f>
        <v>1.0282876703342287</v>
      </c>
      <c r="K4935" s="59">
        <f>Bühler!K4961</f>
        <v>1.5424315055013431</v>
      </c>
      <c r="L4935" s="59">
        <f>Bühler!L4961</f>
        <v>7.4036712264064466</v>
      </c>
      <c r="M4935" s="58">
        <f>Bühler!M4961</f>
        <v>0</v>
      </c>
      <c r="N4935" s="56">
        <f>IF(Input!$D$19=1,J4935*Input!$C$19,0)+IF(Input!$D$20=1,K4935*Input!$C$20,0)+IF(Input!$D$21=1,L4935*Input!$C$21,0)+IF(Input!$D$22=1,M4935*Input!$C$22,0)</f>
        <v>0.30848630110026859</v>
      </c>
      <c r="O4935" s="59">
        <f>IF(Input!$D$19=2,J4935*Input!$C$19,0)+IF(Input!$D$20=2,K4935*Input!$C$20,0)+IF(Input!$D$21=2,L4935*Input!$C$21,0)+IF(Input!$D$22=2,M4935*Input!$C$22,0)</f>
        <v>0.77121575275067156</v>
      </c>
      <c r="P4935" s="59">
        <f>IF(Input!$D$19=3,J4935*Input!$C$19,0)+IF(Input!$D$20=3,K4935*Input!$C$20,0)+IF(Input!$D$21=3,L4935*Input!$C$21,0)+IF(Input!$D$22=3,M4935*Input!$C$22,0)</f>
        <v>0</v>
      </c>
      <c r="Q4935" s="75">
        <f>IF(Input!$D$19=4,J4935*Input!$C$19,0)+IF(Input!$D$20=4,K4935*Input!$C$20,0)+IF(Input!$D$21=4,L4935*Input!$C$21,0)+IF(Input!$D$22=4,M4935*Input!$C$22,0)</f>
        <v>0</v>
      </c>
      <c r="R4935" s="58">
        <v>67.918224319821505</v>
      </c>
      <c r="S4935" s="124">
        <f t="shared" si="76"/>
        <v>1.3367739714344973</v>
      </c>
    </row>
    <row r="4936" spans="8:19" x14ac:dyDescent="0.3">
      <c r="H4936" s="44">
        <v>4929</v>
      </c>
      <c r="I4936" s="56">
        <f>Bühler!I4962</f>
        <v>0.30848630110026859</v>
      </c>
      <c r="J4936" s="59">
        <f>Bühler!J4962</f>
        <v>1.0282876703342287</v>
      </c>
      <c r="K4936" s="59">
        <f>Bühler!K4962</f>
        <v>1.5424315055013431</v>
      </c>
      <c r="L4936" s="59">
        <f>Bühler!L4962</f>
        <v>7.4036712264064466</v>
      </c>
      <c r="M4936" s="58">
        <f>Bühler!M4962</f>
        <v>0</v>
      </c>
      <c r="N4936" s="56">
        <f>IF(Input!$D$19=1,J4936*Input!$C$19,0)+IF(Input!$D$20=1,K4936*Input!$C$20,0)+IF(Input!$D$21=1,L4936*Input!$C$21,0)+IF(Input!$D$22=1,M4936*Input!$C$22,0)</f>
        <v>0.30848630110026859</v>
      </c>
      <c r="O4936" s="59">
        <f>IF(Input!$D$19=2,J4936*Input!$C$19,0)+IF(Input!$D$20=2,K4936*Input!$C$20,0)+IF(Input!$D$21=2,L4936*Input!$C$21,0)+IF(Input!$D$22=2,M4936*Input!$C$22,0)</f>
        <v>0.77121575275067156</v>
      </c>
      <c r="P4936" s="59">
        <f>IF(Input!$D$19=3,J4936*Input!$C$19,0)+IF(Input!$D$20=3,K4936*Input!$C$20,0)+IF(Input!$D$21=3,L4936*Input!$C$21,0)+IF(Input!$D$22=3,M4936*Input!$C$22,0)</f>
        <v>0</v>
      </c>
      <c r="Q4936" s="75">
        <f>IF(Input!$D$19=4,J4936*Input!$C$19,0)+IF(Input!$D$20=4,K4936*Input!$C$20,0)+IF(Input!$D$21=4,L4936*Input!$C$21,0)+IF(Input!$D$22=4,M4936*Input!$C$22,0)</f>
        <v>0</v>
      </c>
      <c r="R4936" s="58">
        <v>68.488791154020547</v>
      </c>
      <c r="S4936" s="124">
        <f t="shared" si="76"/>
        <v>1.3367739714344973</v>
      </c>
    </row>
    <row r="4937" spans="8:19" x14ac:dyDescent="0.3">
      <c r="H4937" s="44">
        <v>4930</v>
      </c>
      <c r="I4937" s="56">
        <f>Bühler!I4963</f>
        <v>0.33150766685402</v>
      </c>
      <c r="J4937" s="59">
        <f>Bühler!J4963</f>
        <v>1.1050255561800666</v>
      </c>
      <c r="K4937" s="59">
        <f>Bühler!K4963</f>
        <v>1.6575383342701</v>
      </c>
      <c r="L4937" s="59">
        <f>Bühler!L4963</f>
        <v>7.9561840044964791</v>
      </c>
      <c r="M4937" s="58">
        <f>Bühler!M4963</f>
        <v>0</v>
      </c>
      <c r="N4937" s="56">
        <f>IF(Input!$D$19=1,J4937*Input!$C$19,0)+IF(Input!$D$20=1,K4937*Input!$C$20,0)+IF(Input!$D$21=1,L4937*Input!$C$21,0)+IF(Input!$D$22=1,M4937*Input!$C$22,0)</f>
        <v>0.33150766685401994</v>
      </c>
      <c r="O4937" s="59">
        <f>IF(Input!$D$19=2,J4937*Input!$C$19,0)+IF(Input!$D$20=2,K4937*Input!$C$20,0)+IF(Input!$D$21=2,L4937*Input!$C$21,0)+IF(Input!$D$22=2,M4937*Input!$C$22,0)</f>
        <v>0.82876916713505</v>
      </c>
      <c r="P4937" s="59">
        <f>IF(Input!$D$19=3,J4937*Input!$C$19,0)+IF(Input!$D$20=3,K4937*Input!$C$20,0)+IF(Input!$D$21=3,L4937*Input!$C$21,0)+IF(Input!$D$22=3,M4937*Input!$C$22,0)</f>
        <v>0</v>
      </c>
      <c r="Q4937" s="75">
        <f>IF(Input!$D$19=4,J4937*Input!$C$19,0)+IF(Input!$D$20=4,K4937*Input!$C$20,0)+IF(Input!$D$21=4,L4937*Input!$C$21,0)+IF(Input!$D$22=4,M4937*Input!$C$22,0)</f>
        <v>0</v>
      </c>
      <c r="R4937" s="58">
        <v>68.756537316972839</v>
      </c>
      <c r="S4937" s="124">
        <f t="shared" ref="S4937:S5000" si="77">I4937+J4937</f>
        <v>1.4365332230340866</v>
      </c>
    </row>
    <row r="4938" spans="8:19" x14ac:dyDescent="0.3">
      <c r="H4938" s="44">
        <v>4931</v>
      </c>
      <c r="I4938" s="56">
        <f>Bühler!I4964</f>
        <v>0.35913330575852165</v>
      </c>
      <c r="J4938" s="59">
        <f>Bühler!J4964</f>
        <v>1.1971110191950722</v>
      </c>
      <c r="K4938" s="59">
        <f>Bühler!K4964</f>
        <v>1.7956665287926081</v>
      </c>
      <c r="L4938" s="59">
        <f>Bühler!L4964</f>
        <v>8.6191993382045187</v>
      </c>
      <c r="M4938" s="58">
        <f>Bühler!M4964</f>
        <v>0</v>
      </c>
      <c r="N4938" s="56">
        <f>IF(Input!$D$19=1,J4938*Input!$C$19,0)+IF(Input!$D$20=1,K4938*Input!$C$20,0)+IF(Input!$D$21=1,L4938*Input!$C$21,0)+IF(Input!$D$22=1,M4938*Input!$C$22,0)</f>
        <v>0.35913330575852165</v>
      </c>
      <c r="O4938" s="59">
        <f>IF(Input!$D$19=2,J4938*Input!$C$19,0)+IF(Input!$D$20=2,K4938*Input!$C$20,0)+IF(Input!$D$21=2,L4938*Input!$C$21,0)+IF(Input!$D$22=2,M4938*Input!$C$22,0)</f>
        <v>0.89783326439630406</v>
      </c>
      <c r="P4938" s="59">
        <f>IF(Input!$D$19=3,J4938*Input!$C$19,0)+IF(Input!$D$20=3,K4938*Input!$C$20,0)+IF(Input!$D$21=3,L4938*Input!$C$21,0)+IF(Input!$D$22=3,M4938*Input!$C$22,0)</f>
        <v>0</v>
      </c>
      <c r="Q4938" s="75">
        <f>IF(Input!$D$19=4,J4938*Input!$C$19,0)+IF(Input!$D$20=4,K4938*Input!$C$20,0)+IF(Input!$D$21=4,L4938*Input!$C$21,0)+IF(Input!$D$22=4,M4938*Input!$C$22,0)</f>
        <v>0</v>
      </c>
      <c r="R4938" s="58">
        <v>69.517103895218128</v>
      </c>
      <c r="S4938" s="124">
        <f t="shared" si="77"/>
        <v>1.5562443249535938</v>
      </c>
    </row>
    <row r="4939" spans="8:19" x14ac:dyDescent="0.3">
      <c r="H4939" s="44">
        <v>4932</v>
      </c>
      <c r="I4939" s="56">
        <f>Bühler!I4965</f>
        <v>0.414384583567525</v>
      </c>
      <c r="J4939" s="59">
        <f>Bühler!J4965</f>
        <v>1.3812819452250835</v>
      </c>
      <c r="K4939" s="59">
        <f>Bühler!K4965</f>
        <v>2.0719229178376248</v>
      </c>
      <c r="L4939" s="59">
        <f>Bühler!L4965</f>
        <v>9.9452300056205996</v>
      </c>
      <c r="M4939" s="58">
        <f>Bühler!M4965</f>
        <v>0</v>
      </c>
      <c r="N4939" s="56">
        <f>IF(Input!$D$19=1,J4939*Input!$C$19,0)+IF(Input!$D$20=1,K4939*Input!$C$20,0)+IF(Input!$D$21=1,L4939*Input!$C$21,0)+IF(Input!$D$22=1,M4939*Input!$C$22,0)</f>
        <v>0.41438458356752506</v>
      </c>
      <c r="O4939" s="59">
        <f>IF(Input!$D$19=2,J4939*Input!$C$19,0)+IF(Input!$D$20=2,K4939*Input!$C$20,0)+IF(Input!$D$21=2,L4939*Input!$C$21,0)+IF(Input!$D$22=2,M4939*Input!$C$22,0)</f>
        <v>1.0359614589188124</v>
      </c>
      <c r="P4939" s="59">
        <f>IF(Input!$D$19=3,J4939*Input!$C$19,0)+IF(Input!$D$20=3,K4939*Input!$C$20,0)+IF(Input!$D$21=3,L4939*Input!$C$21,0)+IF(Input!$D$22=3,M4939*Input!$C$22,0)</f>
        <v>0</v>
      </c>
      <c r="Q4939" s="75">
        <f>IF(Input!$D$19=4,J4939*Input!$C$19,0)+IF(Input!$D$20=4,K4939*Input!$C$20,0)+IF(Input!$D$21=4,L4939*Input!$C$21,0)+IF(Input!$D$22=4,M4939*Input!$C$22,0)</f>
        <v>0</v>
      </c>
      <c r="R4939" s="58">
        <v>69.913155524192021</v>
      </c>
      <c r="S4939" s="124">
        <f t="shared" si="77"/>
        <v>1.7956665287926086</v>
      </c>
    </row>
    <row r="4940" spans="8:19" x14ac:dyDescent="0.3">
      <c r="H4940" s="44">
        <v>4933</v>
      </c>
      <c r="I4940" s="56">
        <f>Bühler!I4966</f>
        <v>0.414384583567525</v>
      </c>
      <c r="J4940" s="59">
        <f>Bühler!J4966</f>
        <v>1.3812819452250835</v>
      </c>
      <c r="K4940" s="59">
        <f>Bühler!K4966</f>
        <v>2.0719229178376248</v>
      </c>
      <c r="L4940" s="59">
        <f>Bühler!L4966</f>
        <v>9.9452300056205996</v>
      </c>
      <c r="M4940" s="58">
        <f>Bühler!M4966</f>
        <v>0</v>
      </c>
      <c r="N4940" s="56">
        <f>IF(Input!$D$19=1,J4940*Input!$C$19,0)+IF(Input!$D$20=1,K4940*Input!$C$20,0)+IF(Input!$D$21=1,L4940*Input!$C$21,0)+IF(Input!$D$22=1,M4940*Input!$C$22,0)</f>
        <v>0.41438458356752506</v>
      </c>
      <c r="O4940" s="59">
        <f>IF(Input!$D$19=2,J4940*Input!$C$19,0)+IF(Input!$D$20=2,K4940*Input!$C$20,0)+IF(Input!$D$21=2,L4940*Input!$C$21,0)+IF(Input!$D$22=2,M4940*Input!$C$22,0)</f>
        <v>1.0359614589188124</v>
      </c>
      <c r="P4940" s="59">
        <f>IF(Input!$D$19=3,J4940*Input!$C$19,0)+IF(Input!$D$20=3,K4940*Input!$C$20,0)+IF(Input!$D$21=3,L4940*Input!$C$21,0)+IF(Input!$D$22=3,M4940*Input!$C$22,0)</f>
        <v>0</v>
      </c>
      <c r="Q4940" s="75">
        <f>IF(Input!$D$19=4,J4940*Input!$C$19,0)+IF(Input!$D$20=4,K4940*Input!$C$20,0)+IF(Input!$D$21=4,L4940*Input!$C$21,0)+IF(Input!$D$22=4,M4940*Input!$C$22,0)</f>
        <v>0</v>
      </c>
      <c r="R4940" s="58">
        <v>69.184692090112463</v>
      </c>
      <c r="S4940" s="124">
        <f t="shared" si="77"/>
        <v>1.7956665287926086</v>
      </c>
    </row>
    <row r="4941" spans="8:19" x14ac:dyDescent="0.3">
      <c r="H4941" s="44">
        <v>4934</v>
      </c>
      <c r="I4941" s="56">
        <f>Bühler!I4967</f>
        <v>0.414384583567525</v>
      </c>
      <c r="J4941" s="59">
        <f>Bühler!J4967</f>
        <v>1.3812819452250835</v>
      </c>
      <c r="K4941" s="59">
        <f>Bühler!K4967</f>
        <v>2.0719229178376248</v>
      </c>
      <c r="L4941" s="59">
        <f>Bühler!L4967</f>
        <v>9.9452300056205996</v>
      </c>
      <c r="M4941" s="58">
        <f>Bühler!M4967</f>
        <v>0</v>
      </c>
      <c r="N4941" s="56">
        <f>IF(Input!$D$19=1,J4941*Input!$C$19,0)+IF(Input!$D$20=1,K4941*Input!$C$20,0)+IF(Input!$D$21=1,L4941*Input!$C$21,0)+IF(Input!$D$22=1,M4941*Input!$C$22,0)</f>
        <v>0.41438458356752506</v>
      </c>
      <c r="O4941" s="59">
        <f>IF(Input!$D$19=2,J4941*Input!$C$19,0)+IF(Input!$D$20=2,K4941*Input!$C$20,0)+IF(Input!$D$21=2,L4941*Input!$C$21,0)+IF(Input!$D$22=2,M4941*Input!$C$22,0)</f>
        <v>1.0359614589188124</v>
      </c>
      <c r="P4941" s="59">
        <f>IF(Input!$D$19=3,J4941*Input!$C$19,0)+IF(Input!$D$20=3,K4941*Input!$C$20,0)+IF(Input!$D$21=3,L4941*Input!$C$21,0)+IF(Input!$D$22=3,M4941*Input!$C$22,0)</f>
        <v>0</v>
      </c>
      <c r="Q4941" s="75">
        <f>IF(Input!$D$19=4,J4941*Input!$C$19,0)+IF(Input!$D$20=4,K4941*Input!$C$20,0)+IF(Input!$D$21=4,L4941*Input!$C$21,0)+IF(Input!$D$22=4,M4941*Input!$C$22,0)</f>
        <v>0</v>
      </c>
      <c r="R4941" s="58">
        <v>69.191280738099323</v>
      </c>
      <c r="S4941" s="124">
        <f t="shared" si="77"/>
        <v>1.7956665287926086</v>
      </c>
    </row>
    <row r="4942" spans="8:19" x14ac:dyDescent="0.3">
      <c r="H4942" s="44">
        <v>4935</v>
      </c>
      <c r="I4942" s="56">
        <f>Bühler!I4968</f>
        <v>0.414384583567525</v>
      </c>
      <c r="J4942" s="59">
        <f>Bühler!J4968</f>
        <v>1.3812819452250835</v>
      </c>
      <c r="K4942" s="59">
        <f>Bühler!K4968</f>
        <v>2.0719229178376248</v>
      </c>
      <c r="L4942" s="59">
        <f>Bühler!L4968</f>
        <v>9.9452300056205996</v>
      </c>
      <c r="M4942" s="58">
        <f>Bühler!M4968</f>
        <v>0</v>
      </c>
      <c r="N4942" s="56">
        <f>IF(Input!$D$19=1,J4942*Input!$C$19,0)+IF(Input!$D$20=1,K4942*Input!$C$20,0)+IF(Input!$D$21=1,L4942*Input!$C$21,0)+IF(Input!$D$22=1,M4942*Input!$C$22,0)</f>
        <v>0.41438458356752506</v>
      </c>
      <c r="O4942" s="59">
        <f>IF(Input!$D$19=2,J4942*Input!$C$19,0)+IF(Input!$D$20=2,K4942*Input!$C$20,0)+IF(Input!$D$21=2,L4942*Input!$C$21,0)+IF(Input!$D$22=2,M4942*Input!$C$22,0)</f>
        <v>1.0359614589188124</v>
      </c>
      <c r="P4942" s="59">
        <f>IF(Input!$D$19=3,J4942*Input!$C$19,0)+IF(Input!$D$20=3,K4942*Input!$C$20,0)+IF(Input!$D$21=3,L4942*Input!$C$21,0)+IF(Input!$D$22=3,M4942*Input!$C$22,0)</f>
        <v>0</v>
      </c>
      <c r="Q4942" s="75">
        <f>IF(Input!$D$19=4,J4942*Input!$C$19,0)+IF(Input!$D$20=4,K4942*Input!$C$20,0)+IF(Input!$D$21=4,L4942*Input!$C$21,0)+IF(Input!$D$22=4,M4942*Input!$C$22,0)</f>
        <v>0</v>
      </c>
      <c r="R4942" s="58">
        <v>69.201570989418286</v>
      </c>
      <c r="S4942" s="124">
        <f t="shared" si="77"/>
        <v>1.7956665287926086</v>
      </c>
    </row>
    <row r="4943" spans="8:19" x14ac:dyDescent="0.3">
      <c r="H4943" s="44">
        <v>4936</v>
      </c>
      <c r="I4943" s="56">
        <f>Bühler!I4969</f>
        <v>0.414384583567525</v>
      </c>
      <c r="J4943" s="59">
        <f>Bühler!J4969</f>
        <v>1.3812819452250835</v>
      </c>
      <c r="K4943" s="59">
        <f>Bühler!K4969</f>
        <v>2.0719229178376248</v>
      </c>
      <c r="L4943" s="59">
        <f>Bühler!L4969</f>
        <v>9.9452300056205996</v>
      </c>
      <c r="M4943" s="58">
        <f>Bühler!M4969</f>
        <v>0</v>
      </c>
      <c r="N4943" s="56">
        <f>IF(Input!$D$19=1,J4943*Input!$C$19,0)+IF(Input!$D$20=1,K4943*Input!$C$20,0)+IF(Input!$D$21=1,L4943*Input!$C$21,0)+IF(Input!$D$22=1,M4943*Input!$C$22,0)</f>
        <v>0.41438458356752506</v>
      </c>
      <c r="O4943" s="59">
        <f>IF(Input!$D$19=2,J4943*Input!$C$19,0)+IF(Input!$D$20=2,K4943*Input!$C$20,0)+IF(Input!$D$21=2,L4943*Input!$C$21,0)+IF(Input!$D$22=2,M4943*Input!$C$22,0)</f>
        <v>1.0359614589188124</v>
      </c>
      <c r="P4943" s="59">
        <f>IF(Input!$D$19=3,J4943*Input!$C$19,0)+IF(Input!$D$20=3,K4943*Input!$C$20,0)+IF(Input!$D$21=3,L4943*Input!$C$21,0)+IF(Input!$D$22=3,M4943*Input!$C$22,0)</f>
        <v>0</v>
      </c>
      <c r="Q4943" s="75">
        <f>IF(Input!$D$19=4,J4943*Input!$C$19,0)+IF(Input!$D$20=4,K4943*Input!$C$20,0)+IF(Input!$D$21=4,L4943*Input!$C$21,0)+IF(Input!$D$22=4,M4943*Input!$C$22,0)</f>
        <v>0</v>
      </c>
      <c r="R4943" s="58">
        <v>69.521486271897984</v>
      </c>
      <c r="S4943" s="124">
        <f t="shared" si="77"/>
        <v>1.7956665287926086</v>
      </c>
    </row>
    <row r="4944" spans="8:19" x14ac:dyDescent="0.3">
      <c r="H4944" s="44">
        <v>4937</v>
      </c>
      <c r="I4944" s="56">
        <f>Bühler!I4970</f>
        <v>0.414384583567525</v>
      </c>
      <c r="J4944" s="59">
        <f>Bühler!J4970</f>
        <v>1.3812819452250835</v>
      </c>
      <c r="K4944" s="59">
        <f>Bühler!K4970</f>
        <v>2.0719229178376248</v>
      </c>
      <c r="L4944" s="59">
        <f>Bühler!L4970</f>
        <v>9.9452300056205996</v>
      </c>
      <c r="M4944" s="58">
        <f>Bühler!M4970</f>
        <v>0</v>
      </c>
      <c r="N4944" s="56">
        <f>IF(Input!$D$19=1,J4944*Input!$C$19,0)+IF(Input!$D$20=1,K4944*Input!$C$20,0)+IF(Input!$D$21=1,L4944*Input!$C$21,0)+IF(Input!$D$22=1,M4944*Input!$C$22,0)</f>
        <v>0.41438458356752506</v>
      </c>
      <c r="O4944" s="59">
        <f>IF(Input!$D$19=2,J4944*Input!$C$19,0)+IF(Input!$D$20=2,K4944*Input!$C$20,0)+IF(Input!$D$21=2,L4944*Input!$C$21,0)+IF(Input!$D$22=2,M4944*Input!$C$22,0)</f>
        <v>1.0359614589188124</v>
      </c>
      <c r="P4944" s="59">
        <f>IF(Input!$D$19=3,J4944*Input!$C$19,0)+IF(Input!$D$20=3,K4944*Input!$C$20,0)+IF(Input!$D$21=3,L4944*Input!$C$21,0)+IF(Input!$D$22=3,M4944*Input!$C$22,0)</f>
        <v>0</v>
      </c>
      <c r="Q4944" s="75">
        <f>IF(Input!$D$19=4,J4944*Input!$C$19,0)+IF(Input!$D$20=4,K4944*Input!$C$20,0)+IF(Input!$D$21=4,L4944*Input!$C$21,0)+IF(Input!$D$22=4,M4944*Input!$C$22,0)</f>
        <v>0</v>
      </c>
      <c r="R4944" s="58">
        <v>69.212298686010087</v>
      </c>
      <c r="S4944" s="124">
        <f t="shared" si="77"/>
        <v>1.7956665287926086</v>
      </c>
    </row>
    <row r="4945" spans="8:19" x14ac:dyDescent="0.3">
      <c r="H4945" s="44">
        <v>4938</v>
      </c>
      <c r="I4945" s="56">
        <f>Bühler!I4971</f>
        <v>0.414384583567525</v>
      </c>
      <c r="J4945" s="59">
        <f>Bühler!J4971</f>
        <v>1.3812819452250835</v>
      </c>
      <c r="K4945" s="59">
        <f>Bühler!K4971</f>
        <v>2.0719229178376248</v>
      </c>
      <c r="L4945" s="59">
        <f>Bühler!L4971</f>
        <v>9.9452300056205996</v>
      </c>
      <c r="M4945" s="58">
        <f>Bühler!M4971</f>
        <v>0</v>
      </c>
      <c r="N4945" s="56">
        <f>IF(Input!$D$19=1,J4945*Input!$C$19,0)+IF(Input!$D$20=1,K4945*Input!$C$20,0)+IF(Input!$D$21=1,L4945*Input!$C$21,0)+IF(Input!$D$22=1,M4945*Input!$C$22,0)</f>
        <v>0.41438458356752506</v>
      </c>
      <c r="O4945" s="59">
        <f>IF(Input!$D$19=2,J4945*Input!$C$19,0)+IF(Input!$D$20=2,K4945*Input!$C$20,0)+IF(Input!$D$21=2,L4945*Input!$C$21,0)+IF(Input!$D$22=2,M4945*Input!$C$22,0)</f>
        <v>1.0359614589188124</v>
      </c>
      <c r="P4945" s="59">
        <f>IF(Input!$D$19=3,J4945*Input!$C$19,0)+IF(Input!$D$20=3,K4945*Input!$C$20,0)+IF(Input!$D$21=3,L4945*Input!$C$21,0)+IF(Input!$D$22=3,M4945*Input!$C$22,0)</f>
        <v>0</v>
      </c>
      <c r="Q4945" s="75">
        <f>IF(Input!$D$19=4,J4945*Input!$C$19,0)+IF(Input!$D$20=4,K4945*Input!$C$20,0)+IF(Input!$D$21=4,L4945*Input!$C$21,0)+IF(Input!$D$22=4,M4945*Input!$C$22,0)</f>
        <v>0</v>
      </c>
      <c r="R4945" s="58">
        <v>67.722314837830709</v>
      </c>
      <c r="S4945" s="124">
        <f t="shared" si="77"/>
        <v>1.7956665287926086</v>
      </c>
    </row>
    <row r="4946" spans="8:19" x14ac:dyDescent="0.3">
      <c r="H4946" s="44">
        <v>4939</v>
      </c>
      <c r="I4946" s="56">
        <f>Bühler!I4972</f>
        <v>0.414384583567525</v>
      </c>
      <c r="J4946" s="59">
        <f>Bühler!J4972</f>
        <v>1.3812819452250835</v>
      </c>
      <c r="K4946" s="59">
        <f>Bühler!K4972</f>
        <v>2.0719229178376248</v>
      </c>
      <c r="L4946" s="59">
        <f>Bühler!L4972</f>
        <v>9.9452300056205996</v>
      </c>
      <c r="M4946" s="58">
        <f>Bühler!M4972</f>
        <v>0</v>
      </c>
      <c r="N4946" s="56">
        <f>IF(Input!$D$19=1,J4946*Input!$C$19,0)+IF(Input!$D$20=1,K4946*Input!$C$20,0)+IF(Input!$D$21=1,L4946*Input!$C$21,0)+IF(Input!$D$22=1,M4946*Input!$C$22,0)</f>
        <v>0.41438458356752506</v>
      </c>
      <c r="O4946" s="59">
        <f>IF(Input!$D$19=2,J4946*Input!$C$19,0)+IF(Input!$D$20=2,K4946*Input!$C$20,0)+IF(Input!$D$21=2,L4946*Input!$C$21,0)+IF(Input!$D$22=2,M4946*Input!$C$22,0)</f>
        <v>1.0359614589188124</v>
      </c>
      <c r="P4946" s="59">
        <f>IF(Input!$D$19=3,J4946*Input!$C$19,0)+IF(Input!$D$20=3,K4946*Input!$C$20,0)+IF(Input!$D$21=3,L4946*Input!$C$21,0)+IF(Input!$D$22=3,M4946*Input!$C$22,0)</f>
        <v>0</v>
      </c>
      <c r="Q4946" s="75">
        <f>IF(Input!$D$19=4,J4946*Input!$C$19,0)+IF(Input!$D$20=4,K4946*Input!$C$20,0)+IF(Input!$D$21=4,L4946*Input!$C$21,0)+IF(Input!$D$22=4,M4946*Input!$C$22,0)</f>
        <v>0</v>
      </c>
      <c r="R4946" s="58">
        <v>66.316266367723458</v>
      </c>
      <c r="S4946" s="124">
        <f t="shared" si="77"/>
        <v>1.7956665287926086</v>
      </c>
    </row>
    <row r="4947" spans="8:19" x14ac:dyDescent="0.3">
      <c r="H4947" s="44">
        <v>4940</v>
      </c>
      <c r="I4947" s="56">
        <f>Bühler!I4973</f>
        <v>0.34532048630627082</v>
      </c>
      <c r="J4947" s="59">
        <f>Bühler!J4973</f>
        <v>1.1510682876875695</v>
      </c>
      <c r="K4947" s="59">
        <f>Bühler!K4973</f>
        <v>1.7266024315313542</v>
      </c>
      <c r="L4947" s="59">
        <f>Bühler!L4973</f>
        <v>8.2876916713504993</v>
      </c>
      <c r="M4947" s="58">
        <f>Bühler!M4973</f>
        <v>0</v>
      </c>
      <c r="N4947" s="56">
        <f>IF(Input!$D$19=1,J4947*Input!$C$19,0)+IF(Input!$D$20=1,K4947*Input!$C$20,0)+IF(Input!$D$21=1,L4947*Input!$C$21,0)+IF(Input!$D$22=1,M4947*Input!$C$22,0)</f>
        <v>0.34532048630627082</v>
      </c>
      <c r="O4947" s="59">
        <f>IF(Input!$D$19=2,J4947*Input!$C$19,0)+IF(Input!$D$20=2,K4947*Input!$C$20,0)+IF(Input!$D$21=2,L4947*Input!$C$21,0)+IF(Input!$D$22=2,M4947*Input!$C$22,0)</f>
        <v>0.86330121576567709</v>
      </c>
      <c r="P4947" s="59">
        <f>IF(Input!$D$19=3,J4947*Input!$C$19,0)+IF(Input!$D$20=3,K4947*Input!$C$20,0)+IF(Input!$D$21=3,L4947*Input!$C$21,0)+IF(Input!$D$22=3,M4947*Input!$C$22,0)</f>
        <v>0</v>
      </c>
      <c r="Q4947" s="75">
        <f>IF(Input!$D$19=4,J4947*Input!$C$19,0)+IF(Input!$D$20=4,K4947*Input!$C$20,0)+IF(Input!$D$21=4,L4947*Input!$C$21,0)+IF(Input!$D$22=4,M4947*Input!$C$22,0)</f>
        <v>0</v>
      </c>
      <c r="R4947" s="58">
        <v>65.65167857352408</v>
      </c>
      <c r="S4947" s="124">
        <f t="shared" si="77"/>
        <v>1.4963887739938404</v>
      </c>
    </row>
    <row r="4948" spans="8:19" x14ac:dyDescent="0.3">
      <c r="H4948" s="44">
        <v>4941</v>
      </c>
      <c r="I4948" s="56">
        <f>Bühler!I4974</f>
        <v>0.27625638904501665</v>
      </c>
      <c r="J4948" s="59">
        <f>Bühler!J4974</f>
        <v>0.92085463015005564</v>
      </c>
      <c r="K4948" s="59">
        <f>Bühler!K4974</f>
        <v>1.3812819452250833</v>
      </c>
      <c r="L4948" s="59">
        <f>Bühler!L4974</f>
        <v>6.6301533370804</v>
      </c>
      <c r="M4948" s="58">
        <f>Bühler!M4974</f>
        <v>0</v>
      </c>
      <c r="N4948" s="56">
        <f>IF(Input!$D$19=1,J4948*Input!$C$19,0)+IF(Input!$D$20=1,K4948*Input!$C$20,0)+IF(Input!$D$21=1,L4948*Input!$C$21,0)+IF(Input!$D$22=1,M4948*Input!$C$22,0)</f>
        <v>0.2762563890450167</v>
      </c>
      <c r="O4948" s="59">
        <f>IF(Input!$D$19=2,J4948*Input!$C$19,0)+IF(Input!$D$20=2,K4948*Input!$C$20,0)+IF(Input!$D$21=2,L4948*Input!$C$21,0)+IF(Input!$D$22=2,M4948*Input!$C$22,0)</f>
        <v>0.69064097261254165</v>
      </c>
      <c r="P4948" s="59">
        <f>IF(Input!$D$19=3,J4948*Input!$C$19,0)+IF(Input!$D$20=3,K4948*Input!$C$20,0)+IF(Input!$D$21=3,L4948*Input!$C$21,0)+IF(Input!$D$22=3,M4948*Input!$C$22,0)</f>
        <v>0</v>
      </c>
      <c r="Q4948" s="75">
        <f>IF(Input!$D$19=4,J4948*Input!$C$19,0)+IF(Input!$D$20=4,K4948*Input!$C$20,0)+IF(Input!$D$21=4,L4948*Input!$C$21,0)+IF(Input!$D$22=4,M4948*Input!$C$22,0)</f>
        <v>0</v>
      </c>
      <c r="R4948" s="58">
        <v>63.852779044752836</v>
      </c>
      <c r="S4948" s="124">
        <f t="shared" si="77"/>
        <v>1.1971110191950722</v>
      </c>
    </row>
    <row r="4949" spans="8:19" x14ac:dyDescent="0.3">
      <c r="H4949" s="44">
        <v>4942</v>
      </c>
      <c r="I4949" s="56">
        <f>Bühler!I4975</f>
        <v>0.2071922917837625</v>
      </c>
      <c r="J4949" s="59">
        <f>Bühler!J4975</f>
        <v>0.69064097261254176</v>
      </c>
      <c r="K4949" s="59">
        <f>Bühler!K4975</f>
        <v>1.0359614589188124</v>
      </c>
      <c r="L4949" s="59">
        <f>Bühler!L4975</f>
        <v>4.9726150028102998</v>
      </c>
      <c r="M4949" s="58">
        <f>Bühler!M4975</f>
        <v>0</v>
      </c>
      <c r="N4949" s="56">
        <f>IF(Input!$D$19=1,J4949*Input!$C$19,0)+IF(Input!$D$20=1,K4949*Input!$C$20,0)+IF(Input!$D$21=1,L4949*Input!$C$21,0)+IF(Input!$D$22=1,M4949*Input!$C$22,0)</f>
        <v>0.20719229178376253</v>
      </c>
      <c r="O4949" s="59">
        <f>IF(Input!$D$19=2,J4949*Input!$C$19,0)+IF(Input!$D$20=2,K4949*Input!$C$20,0)+IF(Input!$D$21=2,L4949*Input!$C$21,0)+IF(Input!$D$22=2,M4949*Input!$C$22,0)</f>
        <v>0.51798072945940621</v>
      </c>
      <c r="P4949" s="59">
        <f>IF(Input!$D$19=3,J4949*Input!$C$19,0)+IF(Input!$D$20=3,K4949*Input!$C$20,0)+IF(Input!$D$21=3,L4949*Input!$C$21,0)+IF(Input!$D$22=3,M4949*Input!$C$22,0)</f>
        <v>0</v>
      </c>
      <c r="Q4949" s="75">
        <f>IF(Input!$D$19=4,J4949*Input!$C$19,0)+IF(Input!$D$20=4,K4949*Input!$C$20,0)+IF(Input!$D$21=4,L4949*Input!$C$21,0)+IF(Input!$D$22=4,M4949*Input!$C$22,0)</f>
        <v>0</v>
      </c>
      <c r="R4949" s="58">
        <v>61.754789692155249</v>
      </c>
      <c r="S4949" s="124">
        <f t="shared" si="77"/>
        <v>0.89783326439630429</v>
      </c>
    </row>
    <row r="4950" spans="8:19" x14ac:dyDescent="0.3">
      <c r="H4950" s="44">
        <v>4943</v>
      </c>
      <c r="I4950" s="56">
        <f>Bühler!I4976</f>
        <v>0.2071922917837625</v>
      </c>
      <c r="J4950" s="59">
        <f>Bühler!J4976</f>
        <v>0.69064097261254176</v>
      </c>
      <c r="K4950" s="59">
        <f>Bühler!K4976</f>
        <v>1.0359614589188124</v>
      </c>
      <c r="L4950" s="59">
        <f>Bühler!L4976</f>
        <v>4.9726150028102998</v>
      </c>
      <c r="M4950" s="58">
        <f>Bühler!M4976</f>
        <v>0</v>
      </c>
      <c r="N4950" s="56">
        <f>IF(Input!$D$19=1,J4950*Input!$C$19,0)+IF(Input!$D$20=1,K4950*Input!$C$20,0)+IF(Input!$D$21=1,L4950*Input!$C$21,0)+IF(Input!$D$22=1,M4950*Input!$C$22,0)</f>
        <v>0.20719229178376253</v>
      </c>
      <c r="O4950" s="59">
        <f>IF(Input!$D$19=2,J4950*Input!$C$19,0)+IF(Input!$D$20=2,K4950*Input!$C$20,0)+IF(Input!$D$21=2,L4950*Input!$C$21,0)+IF(Input!$D$22=2,M4950*Input!$C$22,0)</f>
        <v>0.51798072945940621</v>
      </c>
      <c r="P4950" s="59">
        <f>IF(Input!$D$19=3,J4950*Input!$C$19,0)+IF(Input!$D$20=3,K4950*Input!$C$20,0)+IF(Input!$D$21=3,L4950*Input!$C$21,0)+IF(Input!$D$22=3,M4950*Input!$C$22,0)</f>
        <v>0</v>
      </c>
      <c r="Q4950" s="75">
        <f>IF(Input!$D$19=4,J4950*Input!$C$19,0)+IF(Input!$D$20=4,K4950*Input!$C$20,0)+IF(Input!$D$21=4,L4950*Input!$C$21,0)+IF(Input!$D$22=4,M4950*Input!$C$22,0)</f>
        <v>0</v>
      </c>
      <c r="R4950" s="58">
        <v>61.502584182937987</v>
      </c>
      <c r="S4950" s="124">
        <f t="shared" si="77"/>
        <v>0.89783326439630429</v>
      </c>
    </row>
    <row r="4951" spans="8:19" x14ac:dyDescent="0.3">
      <c r="H4951" s="44">
        <v>4944</v>
      </c>
      <c r="I4951" s="56">
        <f>Bühler!I4977</f>
        <v>0.2071922917837625</v>
      </c>
      <c r="J4951" s="59">
        <f>Bühler!J4977</f>
        <v>0.69064097261254176</v>
      </c>
      <c r="K4951" s="59">
        <f>Bühler!K4977</f>
        <v>1.0359614589188124</v>
      </c>
      <c r="L4951" s="59">
        <f>Bühler!L4977</f>
        <v>4.9726150028102998</v>
      </c>
      <c r="M4951" s="58">
        <f>Bühler!M4977</f>
        <v>0</v>
      </c>
      <c r="N4951" s="56">
        <f>IF(Input!$D$19=1,J4951*Input!$C$19,0)+IF(Input!$D$20=1,K4951*Input!$C$20,0)+IF(Input!$D$21=1,L4951*Input!$C$21,0)+IF(Input!$D$22=1,M4951*Input!$C$22,0)</f>
        <v>0.20719229178376253</v>
      </c>
      <c r="O4951" s="59">
        <f>IF(Input!$D$19=2,J4951*Input!$C$19,0)+IF(Input!$D$20=2,K4951*Input!$C$20,0)+IF(Input!$D$21=2,L4951*Input!$C$21,0)+IF(Input!$D$22=2,M4951*Input!$C$22,0)</f>
        <v>0.51798072945940621</v>
      </c>
      <c r="P4951" s="59">
        <f>IF(Input!$D$19=3,J4951*Input!$C$19,0)+IF(Input!$D$20=3,K4951*Input!$C$20,0)+IF(Input!$D$21=3,L4951*Input!$C$21,0)+IF(Input!$D$22=3,M4951*Input!$C$22,0)</f>
        <v>0</v>
      </c>
      <c r="Q4951" s="75">
        <f>IF(Input!$D$19=4,J4951*Input!$C$19,0)+IF(Input!$D$20=4,K4951*Input!$C$20,0)+IF(Input!$D$21=4,L4951*Input!$C$21,0)+IF(Input!$D$22=4,M4951*Input!$C$22,0)</f>
        <v>0</v>
      </c>
      <c r="R4951" s="58">
        <v>61.418993810575827</v>
      </c>
      <c r="S4951" s="124">
        <f t="shared" si="77"/>
        <v>0.89783326439630429</v>
      </c>
    </row>
    <row r="4952" spans="8:19" x14ac:dyDescent="0.3">
      <c r="H4952" s="44">
        <v>4945</v>
      </c>
      <c r="I4952" s="56">
        <f>Bühler!I4978</f>
        <v>0.20407943825037525</v>
      </c>
      <c r="J4952" s="59">
        <f>Bühler!J4978</f>
        <v>0.68026479416791752</v>
      </c>
      <c r="K4952" s="59">
        <f>Bühler!K4978</f>
        <v>1.0203971912518761</v>
      </c>
      <c r="L4952" s="59">
        <f>Bühler!L4978</f>
        <v>4.8979065180090062</v>
      </c>
      <c r="M4952" s="58">
        <f>Bühler!M4978</f>
        <v>0</v>
      </c>
      <c r="N4952" s="56">
        <f>IF(Input!$D$19=1,J4952*Input!$C$19,0)+IF(Input!$D$20=1,K4952*Input!$C$20,0)+IF(Input!$D$21=1,L4952*Input!$C$21,0)+IF(Input!$D$22=1,M4952*Input!$C$22,0)</f>
        <v>0.20407943825037525</v>
      </c>
      <c r="O4952" s="59">
        <f>IF(Input!$D$19=2,J4952*Input!$C$19,0)+IF(Input!$D$20=2,K4952*Input!$C$20,0)+IF(Input!$D$21=2,L4952*Input!$C$21,0)+IF(Input!$D$22=2,M4952*Input!$C$22,0)</f>
        <v>0.51019859562593806</v>
      </c>
      <c r="P4952" s="59">
        <f>IF(Input!$D$19=3,J4952*Input!$C$19,0)+IF(Input!$D$20=3,K4952*Input!$C$20,0)+IF(Input!$D$21=3,L4952*Input!$C$21,0)+IF(Input!$D$22=3,M4952*Input!$C$22,0)</f>
        <v>0</v>
      </c>
      <c r="Q4952" s="75">
        <f>IF(Input!$D$19=4,J4952*Input!$C$19,0)+IF(Input!$D$20=4,K4952*Input!$C$20,0)+IF(Input!$D$21=4,L4952*Input!$C$21,0)+IF(Input!$D$22=4,M4952*Input!$C$22,0)</f>
        <v>0</v>
      </c>
      <c r="R4952" s="58">
        <v>60.390244742088662</v>
      </c>
      <c r="S4952" s="124">
        <f t="shared" si="77"/>
        <v>0.88434423241829274</v>
      </c>
    </row>
    <row r="4953" spans="8:19" x14ac:dyDescent="0.3">
      <c r="H4953" s="44">
        <v>4946</v>
      </c>
      <c r="I4953" s="56">
        <f>Bühler!I4979</f>
        <v>0.20407943825037525</v>
      </c>
      <c r="J4953" s="59">
        <f>Bühler!J4979</f>
        <v>0.68026479416791752</v>
      </c>
      <c r="K4953" s="59">
        <f>Bühler!K4979</f>
        <v>1.0203971912518761</v>
      </c>
      <c r="L4953" s="59">
        <f>Bühler!L4979</f>
        <v>4.8979065180090062</v>
      </c>
      <c r="M4953" s="58">
        <f>Bühler!M4979</f>
        <v>0</v>
      </c>
      <c r="N4953" s="56">
        <f>IF(Input!$D$19=1,J4953*Input!$C$19,0)+IF(Input!$D$20=1,K4953*Input!$C$20,0)+IF(Input!$D$21=1,L4953*Input!$C$21,0)+IF(Input!$D$22=1,M4953*Input!$C$22,0)</f>
        <v>0.20407943825037525</v>
      </c>
      <c r="O4953" s="59">
        <f>IF(Input!$D$19=2,J4953*Input!$C$19,0)+IF(Input!$D$20=2,K4953*Input!$C$20,0)+IF(Input!$D$21=2,L4953*Input!$C$21,0)+IF(Input!$D$22=2,M4953*Input!$C$22,0)</f>
        <v>0.51019859562593806</v>
      </c>
      <c r="P4953" s="59">
        <f>IF(Input!$D$19=3,J4953*Input!$C$19,0)+IF(Input!$D$20=3,K4953*Input!$C$20,0)+IF(Input!$D$21=3,L4953*Input!$C$21,0)+IF(Input!$D$22=3,M4953*Input!$C$22,0)</f>
        <v>0</v>
      </c>
      <c r="Q4953" s="75">
        <f>IF(Input!$D$19=4,J4953*Input!$C$19,0)+IF(Input!$D$20=4,K4953*Input!$C$20,0)+IF(Input!$D$21=4,L4953*Input!$C$21,0)+IF(Input!$D$22=4,M4953*Input!$C$22,0)</f>
        <v>0</v>
      </c>
      <c r="R4953" s="58">
        <v>59.585392513050309</v>
      </c>
      <c r="S4953" s="124">
        <f t="shared" si="77"/>
        <v>0.88434423241829274</v>
      </c>
    </row>
    <row r="4954" spans="8:19" x14ac:dyDescent="0.3">
      <c r="H4954" s="44">
        <v>4947</v>
      </c>
      <c r="I4954" s="56">
        <f>Bühler!I4980</f>
        <v>0.20407943825037525</v>
      </c>
      <c r="J4954" s="59">
        <f>Bühler!J4980</f>
        <v>0.68026479416791752</v>
      </c>
      <c r="K4954" s="59">
        <f>Bühler!K4980</f>
        <v>1.0203971912518761</v>
      </c>
      <c r="L4954" s="59">
        <f>Bühler!L4980</f>
        <v>4.8979065180090062</v>
      </c>
      <c r="M4954" s="58">
        <f>Bühler!M4980</f>
        <v>0</v>
      </c>
      <c r="N4954" s="56">
        <f>IF(Input!$D$19=1,J4954*Input!$C$19,0)+IF(Input!$D$20=1,K4954*Input!$C$20,0)+IF(Input!$D$21=1,L4954*Input!$C$21,0)+IF(Input!$D$22=1,M4954*Input!$C$22,0)</f>
        <v>0.20407943825037525</v>
      </c>
      <c r="O4954" s="59">
        <f>IF(Input!$D$19=2,J4954*Input!$C$19,0)+IF(Input!$D$20=2,K4954*Input!$C$20,0)+IF(Input!$D$21=2,L4954*Input!$C$21,0)+IF(Input!$D$22=2,M4954*Input!$C$22,0)</f>
        <v>0.51019859562593806</v>
      </c>
      <c r="P4954" s="59">
        <f>IF(Input!$D$19=3,J4954*Input!$C$19,0)+IF(Input!$D$20=3,K4954*Input!$C$20,0)+IF(Input!$D$21=3,L4954*Input!$C$21,0)+IF(Input!$D$22=3,M4954*Input!$C$22,0)</f>
        <v>0</v>
      </c>
      <c r="Q4954" s="75">
        <f>IF(Input!$D$19=4,J4954*Input!$C$19,0)+IF(Input!$D$20=4,K4954*Input!$C$20,0)+IF(Input!$D$21=4,L4954*Input!$C$21,0)+IF(Input!$D$22=4,M4954*Input!$C$22,0)</f>
        <v>0</v>
      </c>
      <c r="R4954" s="58">
        <v>59.519629619365816</v>
      </c>
      <c r="S4954" s="124">
        <f t="shared" si="77"/>
        <v>0.88434423241829274</v>
      </c>
    </row>
    <row r="4955" spans="8:19" x14ac:dyDescent="0.3">
      <c r="H4955" s="44">
        <v>4948</v>
      </c>
      <c r="I4955" s="56">
        <f>Bühler!I4981</f>
        <v>0.20407943825037525</v>
      </c>
      <c r="J4955" s="59">
        <f>Bühler!J4981</f>
        <v>0.68026479416791752</v>
      </c>
      <c r="K4955" s="59">
        <f>Bühler!K4981</f>
        <v>1.0203971912518761</v>
      </c>
      <c r="L4955" s="59">
        <f>Bühler!L4981</f>
        <v>4.8979065180090062</v>
      </c>
      <c r="M4955" s="58">
        <f>Bühler!M4981</f>
        <v>0</v>
      </c>
      <c r="N4955" s="56">
        <f>IF(Input!$D$19=1,J4955*Input!$C$19,0)+IF(Input!$D$20=1,K4955*Input!$C$20,0)+IF(Input!$D$21=1,L4955*Input!$C$21,0)+IF(Input!$D$22=1,M4955*Input!$C$22,0)</f>
        <v>0.20407943825037525</v>
      </c>
      <c r="O4955" s="59">
        <f>IF(Input!$D$19=2,J4955*Input!$C$19,0)+IF(Input!$D$20=2,K4955*Input!$C$20,0)+IF(Input!$D$21=2,L4955*Input!$C$21,0)+IF(Input!$D$22=2,M4955*Input!$C$22,0)</f>
        <v>0.51019859562593806</v>
      </c>
      <c r="P4955" s="59">
        <f>IF(Input!$D$19=3,J4955*Input!$C$19,0)+IF(Input!$D$20=3,K4955*Input!$C$20,0)+IF(Input!$D$21=3,L4955*Input!$C$21,0)+IF(Input!$D$22=3,M4955*Input!$C$22,0)</f>
        <v>0</v>
      </c>
      <c r="Q4955" s="75">
        <f>IF(Input!$D$19=4,J4955*Input!$C$19,0)+IF(Input!$D$20=4,K4955*Input!$C$20,0)+IF(Input!$D$21=4,L4955*Input!$C$21,0)+IF(Input!$D$22=4,M4955*Input!$C$22,0)</f>
        <v>0</v>
      </c>
      <c r="R4955" s="58">
        <v>59.876510233645213</v>
      </c>
      <c r="S4955" s="124">
        <f t="shared" si="77"/>
        <v>0.88434423241829274</v>
      </c>
    </row>
    <row r="4956" spans="8:19" x14ac:dyDescent="0.3">
      <c r="H4956" s="44">
        <v>4949</v>
      </c>
      <c r="I4956" s="56">
        <f>Bühler!I4982</f>
        <v>0.20407943825037525</v>
      </c>
      <c r="J4956" s="59">
        <f>Bühler!J4982</f>
        <v>0.68026479416791752</v>
      </c>
      <c r="K4956" s="59">
        <f>Bühler!K4982</f>
        <v>1.0203971912518761</v>
      </c>
      <c r="L4956" s="59">
        <f>Bühler!L4982</f>
        <v>4.8979065180090062</v>
      </c>
      <c r="M4956" s="58">
        <f>Bühler!M4982</f>
        <v>0</v>
      </c>
      <c r="N4956" s="56">
        <f>IF(Input!$D$19=1,J4956*Input!$C$19,0)+IF(Input!$D$20=1,K4956*Input!$C$20,0)+IF(Input!$D$21=1,L4956*Input!$C$21,0)+IF(Input!$D$22=1,M4956*Input!$C$22,0)</f>
        <v>0.20407943825037525</v>
      </c>
      <c r="O4956" s="59">
        <f>IF(Input!$D$19=2,J4956*Input!$C$19,0)+IF(Input!$D$20=2,K4956*Input!$C$20,0)+IF(Input!$D$21=2,L4956*Input!$C$21,0)+IF(Input!$D$22=2,M4956*Input!$C$22,0)</f>
        <v>0.51019859562593806</v>
      </c>
      <c r="P4956" s="59">
        <f>IF(Input!$D$19=3,J4956*Input!$C$19,0)+IF(Input!$D$20=3,K4956*Input!$C$20,0)+IF(Input!$D$21=3,L4956*Input!$C$21,0)+IF(Input!$D$22=3,M4956*Input!$C$22,0)</f>
        <v>0</v>
      </c>
      <c r="Q4956" s="75">
        <f>IF(Input!$D$19=4,J4956*Input!$C$19,0)+IF(Input!$D$20=4,K4956*Input!$C$20,0)+IF(Input!$D$21=4,L4956*Input!$C$21,0)+IF(Input!$D$22=4,M4956*Input!$C$22,0)</f>
        <v>0</v>
      </c>
      <c r="R4956" s="58">
        <v>61.164040847700832</v>
      </c>
      <c r="S4956" s="124">
        <f t="shared" si="77"/>
        <v>0.88434423241829274</v>
      </c>
    </row>
    <row r="4957" spans="8:19" x14ac:dyDescent="0.3">
      <c r="H4957" s="44">
        <v>4950</v>
      </c>
      <c r="I4957" s="56">
        <f>Bühler!I4983</f>
        <v>0.26303572041159479</v>
      </c>
      <c r="J4957" s="59">
        <f>Bühler!J4983</f>
        <v>0.87678573470531607</v>
      </c>
      <c r="K4957" s="59">
        <f>Bühler!K4983</f>
        <v>1.3151786020579741</v>
      </c>
      <c r="L4957" s="59">
        <f>Bühler!L4983</f>
        <v>6.3128572898782753</v>
      </c>
      <c r="M4957" s="58">
        <f>Bühler!M4983</f>
        <v>0</v>
      </c>
      <c r="N4957" s="56">
        <f>IF(Input!$D$19=1,J4957*Input!$C$19,0)+IF(Input!$D$20=1,K4957*Input!$C$20,0)+IF(Input!$D$21=1,L4957*Input!$C$21,0)+IF(Input!$D$22=1,M4957*Input!$C$22,0)</f>
        <v>0.26303572041159479</v>
      </c>
      <c r="O4957" s="59">
        <f>IF(Input!$D$19=2,J4957*Input!$C$19,0)+IF(Input!$D$20=2,K4957*Input!$C$20,0)+IF(Input!$D$21=2,L4957*Input!$C$21,0)+IF(Input!$D$22=2,M4957*Input!$C$22,0)</f>
        <v>0.65758930102898705</v>
      </c>
      <c r="P4957" s="59">
        <f>IF(Input!$D$19=3,J4957*Input!$C$19,0)+IF(Input!$D$20=3,K4957*Input!$C$20,0)+IF(Input!$D$21=3,L4957*Input!$C$21,0)+IF(Input!$D$22=3,M4957*Input!$C$22,0)</f>
        <v>0</v>
      </c>
      <c r="Q4957" s="75">
        <f>IF(Input!$D$19=4,J4957*Input!$C$19,0)+IF(Input!$D$20=4,K4957*Input!$C$20,0)+IF(Input!$D$21=4,L4957*Input!$C$21,0)+IF(Input!$D$22=4,M4957*Input!$C$22,0)</f>
        <v>0</v>
      </c>
      <c r="R4957" s="58">
        <v>63.583186267668268</v>
      </c>
      <c r="S4957" s="124">
        <f t="shared" si="77"/>
        <v>1.1398214551169108</v>
      </c>
    </row>
    <row r="4958" spans="8:19" x14ac:dyDescent="0.3">
      <c r="H4958" s="44">
        <v>4951</v>
      </c>
      <c r="I4958" s="56">
        <f>Bühler!I4984</f>
        <v>0.30385160806166989</v>
      </c>
      <c r="J4958" s="59">
        <f>Bühler!J4984</f>
        <v>1.0128386935388998</v>
      </c>
      <c r="K4958" s="59">
        <f>Bühler!K4984</f>
        <v>1.5192580403083495</v>
      </c>
      <c r="L4958" s="59">
        <f>Bühler!L4984</f>
        <v>7.2924385934800782</v>
      </c>
      <c r="M4958" s="58">
        <f>Bühler!M4984</f>
        <v>0</v>
      </c>
      <c r="N4958" s="56">
        <f>IF(Input!$D$19=1,J4958*Input!$C$19,0)+IF(Input!$D$20=1,K4958*Input!$C$20,0)+IF(Input!$D$21=1,L4958*Input!$C$21,0)+IF(Input!$D$22=1,M4958*Input!$C$22,0)</f>
        <v>0.30385160806166994</v>
      </c>
      <c r="O4958" s="59">
        <f>IF(Input!$D$19=2,J4958*Input!$C$19,0)+IF(Input!$D$20=2,K4958*Input!$C$20,0)+IF(Input!$D$21=2,L4958*Input!$C$21,0)+IF(Input!$D$22=2,M4958*Input!$C$22,0)</f>
        <v>0.75962902015417477</v>
      </c>
      <c r="P4958" s="59">
        <f>IF(Input!$D$19=3,J4958*Input!$C$19,0)+IF(Input!$D$20=3,K4958*Input!$C$20,0)+IF(Input!$D$21=3,L4958*Input!$C$21,0)+IF(Input!$D$22=3,M4958*Input!$C$22,0)</f>
        <v>0</v>
      </c>
      <c r="Q4958" s="75">
        <f>IF(Input!$D$19=4,J4958*Input!$C$19,0)+IF(Input!$D$20=4,K4958*Input!$C$20,0)+IF(Input!$D$21=4,L4958*Input!$C$21,0)+IF(Input!$D$22=4,M4958*Input!$C$22,0)</f>
        <v>0</v>
      </c>
      <c r="R4958" s="58">
        <v>65.831908379581321</v>
      </c>
      <c r="S4958" s="124">
        <f t="shared" si="77"/>
        <v>1.3166903016005698</v>
      </c>
    </row>
    <row r="4959" spans="8:19" x14ac:dyDescent="0.3">
      <c r="H4959" s="44">
        <v>4952</v>
      </c>
      <c r="I4959" s="56">
        <f>Bühler!I4985</f>
        <v>0.30385160806166989</v>
      </c>
      <c r="J4959" s="59">
        <f>Bühler!J4985</f>
        <v>1.0128386935388998</v>
      </c>
      <c r="K4959" s="59">
        <f>Bühler!K4985</f>
        <v>1.5192580403083495</v>
      </c>
      <c r="L4959" s="59">
        <f>Bühler!L4985</f>
        <v>7.2924385934800782</v>
      </c>
      <c r="M4959" s="58">
        <f>Bühler!M4985</f>
        <v>0</v>
      </c>
      <c r="N4959" s="56">
        <f>IF(Input!$D$19=1,J4959*Input!$C$19,0)+IF(Input!$D$20=1,K4959*Input!$C$20,0)+IF(Input!$D$21=1,L4959*Input!$C$21,0)+IF(Input!$D$22=1,M4959*Input!$C$22,0)</f>
        <v>0.30385160806166994</v>
      </c>
      <c r="O4959" s="59">
        <f>IF(Input!$D$19=2,J4959*Input!$C$19,0)+IF(Input!$D$20=2,K4959*Input!$C$20,0)+IF(Input!$D$21=2,L4959*Input!$C$21,0)+IF(Input!$D$22=2,M4959*Input!$C$22,0)</f>
        <v>0.75962902015417477</v>
      </c>
      <c r="P4959" s="59">
        <f>IF(Input!$D$19=3,J4959*Input!$C$19,0)+IF(Input!$D$20=3,K4959*Input!$C$20,0)+IF(Input!$D$21=3,L4959*Input!$C$21,0)+IF(Input!$D$22=3,M4959*Input!$C$22,0)</f>
        <v>0</v>
      </c>
      <c r="Q4959" s="75">
        <f>IF(Input!$D$19=4,J4959*Input!$C$19,0)+IF(Input!$D$20=4,K4959*Input!$C$20,0)+IF(Input!$D$21=4,L4959*Input!$C$21,0)+IF(Input!$D$22=4,M4959*Input!$C$22,0)</f>
        <v>0</v>
      </c>
      <c r="R4959" s="58">
        <v>67.555045537064302</v>
      </c>
      <c r="S4959" s="124">
        <f t="shared" si="77"/>
        <v>1.3166903016005698</v>
      </c>
    </row>
    <row r="4960" spans="8:19" x14ac:dyDescent="0.3">
      <c r="H4960" s="44">
        <v>4953</v>
      </c>
      <c r="I4960" s="56">
        <f>Bühler!I4986</f>
        <v>0.30385160806166989</v>
      </c>
      <c r="J4960" s="59">
        <f>Bühler!J4986</f>
        <v>1.0128386935388998</v>
      </c>
      <c r="K4960" s="59">
        <f>Bühler!K4986</f>
        <v>1.5192580403083495</v>
      </c>
      <c r="L4960" s="59">
        <f>Bühler!L4986</f>
        <v>7.2924385934800782</v>
      </c>
      <c r="M4960" s="58">
        <f>Bühler!M4986</f>
        <v>0</v>
      </c>
      <c r="N4960" s="56">
        <f>IF(Input!$D$19=1,J4960*Input!$C$19,0)+IF(Input!$D$20=1,K4960*Input!$C$20,0)+IF(Input!$D$21=1,L4960*Input!$C$21,0)+IF(Input!$D$22=1,M4960*Input!$C$22,0)</f>
        <v>0.30385160806166994</v>
      </c>
      <c r="O4960" s="59">
        <f>IF(Input!$D$19=2,J4960*Input!$C$19,0)+IF(Input!$D$20=2,K4960*Input!$C$20,0)+IF(Input!$D$21=2,L4960*Input!$C$21,0)+IF(Input!$D$22=2,M4960*Input!$C$22,0)</f>
        <v>0.75962902015417477</v>
      </c>
      <c r="P4960" s="59">
        <f>IF(Input!$D$19=3,J4960*Input!$C$19,0)+IF(Input!$D$20=3,K4960*Input!$C$20,0)+IF(Input!$D$21=3,L4960*Input!$C$21,0)+IF(Input!$D$22=3,M4960*Input!$C$22,0)</f>
        <v>0</v>
      </c>
      <c r="Q4960" s="75">
        <f>IF(Input!$D$19=4,J4960*Input!$C$19,0)+IF(Input!$D$20=4,K4960*Input!$C$20,0)+IF(Input!$D$21=4,L4960*Input!$C$21,0)+IF(Input!$D$22=4,M4960*Input!$C$22,0)</f>
        <v>0</v>
      </c>
      <c r="R4960" s="58">
        <v>68.780215692371044</v>
      </c>
      <c r="S4960" s="124">
        <f t="shared" si="77"/>
        <v>1.3166903016005698</v>
      </c>
    </row>
    <row r="4961" spans="8:19" x14ac:dyDescent="0.3">
      <c r="H4961" s="44">
        <v>4954</v>
      </c>
      <c r="I4961" s="56">
        <f>Bühler!I4987</f>
        <v>0.32652710120060047</v>
      </c>
      <c r="J4961" s="59">
        <f>Bühler!J4987</f>
        <v>1.0884236706686683</v>
      </c>
      <c r="K4961" s="59">
        <f>Bühler!K4987</f>
        <v>1.6326355060030022</v>
      </c>
      <c r="L4961" s="59">
        <f>Bühler!L4987</f>
        <v>7.8366504288144112</v>
      </c>
      <c r="M4961" s="58">
        <f>Bühler!M4987</f>
        <v>0</v>
      </c>
      <c r="N4961" s="56">
        <f>IF(Input!$D$19=1,J4961*Input!$C$19,0)+IF(Input!$D$20=1,K4961*Input!$C$20,0)+IF(Input!$D$21=1,L4961*Input!$C$21,0)+IF(Input!$D$22=1,M4961*Input!$C$22,0)</f>
        <v>0.32652710120060047</v>
      </c>
      <c r="O4961" s="59">
        <f>IF(Input!$D$19=2,J4961*Input!$C$19,0)+IF(Input!$D$20=2,K4961*Input!$C$20,0)+IF(Input!$D$21=2,L4961*Input!$C$21,0)+IF(Input!$D$22=2,M4961*Input!$C$22,0)</f>
        <v>0.81631775300150111</v>
      </c>
      <c r="P4961" s="59">
        <f>IF(Input!$D$19=3,J4961*Input!$C$19,0)+IF(Input!$D$20=3,K4961*Input!$C$20,0)+IF(Input!$D$21=3,L4961*Input!$C$21,0)+IF(Input!$D$22=3,M4961*Input!$C$22,0)</f>
        <v>0</v>
      </c>
      <c r="Q4961" s="75">
        <f>IF(Input!$D$19=4,J4961*Input!$C$19,0)+IF(Input!$D$20=4,K4961*Input!$C$20,0)+IF(Input!$D$21=4,L4961*Input!$C$21,0)+IF(Input!$D$22=4,M4961*Input!$C$22,0)</f>
        <v>0</v>
      </c>
      <c r="R4961" s="58">
        <v>69.58261891043972</v>
      </c>
      <c r="S4961" s="124">
        <f t="shared" si="77"/>
        <v>1.4149507718692687</v>
      </c>
    </row>
    <row r="4962" spans="8:19" x14ac:dyDescent="0.3">
      <c r="H4962" s="44">
        <v>4955</v>
      </c>
      <c r="I4962" s="56">
        <f>Bühler!I4988</f>
        <v>0.35373769296731716</v>
      </c>
      <c r="J4962" s="59">
        <f>Bühler!J4988</f>
        <v>1.1791256432243906</v>
      </c>
      <c r="K4962" s="59">
        <f>Bühler!K4988</f>
        <v>1.7686884648365857</v>
      </c>
      <c r="L4962" s="59">
        <f>Bühler!L4988</f>
        <v>8.489704631215611</v>
      </c>
      <c r="M4962" s="58">
        <f>Bühler!M4988</f>
        <v>0</v>
      </c>
      <c r="N4962" s="56">
        <f>IF(Input!$D$19=1,J4962*Input!$C$19,0)+IF(Input!$D$20=1,K4962*Input!$C$20,0)+IF(Input!$D$21=1,L4962*Input!$C$21,0)+IF(Input!$D$22=1,M4962*Input!$C$22,0)</f>
        <v>0.35373769296731716</v>
      </c>
      <c r="O4962" s="59">
        <f>IF(Input!$D$19=2,J4962*Input!$C$19,0)+IF(Input!$D$20=2,K4962*Input!$C$20,0)+IF(Input!$D$21=2,L4962*Input!$C$21,0)+IF(Input!$D$22=2,M4962*Input!$C$22,0)</f>
        <v>0.88434423241829285</v>
      </c>
      <c r="P4962" s="59">
        <f>IF(Input!$D$19=3,J4962*Input!$C$19,0)+IF(Input!$D$20=3,K4962*Input!$C$20,0)+IF(Input!$D$21=3,L4962*Input!$C$21,0)+IF(Input!$D$22=3,M4962*Input!$C$22,0)</f>
        <v>0</v>
      </c>
      <c r="Q4962" s="75">
        <f>IF(Input!$D$19=4,J4962*Input!$C$19,0)+IF(Input!$D$20=4,K4962*Input!$C$20,0)+IF(Input!$D$21=4,L4962*Input!$C$21,0)+IF(Input!$D$22=4,M4962*Input!$C$22,0)</f>
        <v>0</v>
      </c>
      <c r="R4962" s="58">
        <v>71.023072216871284</v>
      </c>
      <c r="S4962" s="124">
        <f t="shared" si="77"/>
        <v>1.5328633361917077</v>
      </c>
    </row>
    <row r="4963" spans="8:19" x14ac:dyDescent="0.3">
      <c r="H4963" s="44">
        <v>4956</v>
      </c>
      <c r="I4963" s="56">
        <f>Bühler!I4989</f>
        <v>0.4081588765007505</v>
      </c>
      <c r="J4963" s="59">
        <f>Bühler!J4989</f>
        <v>1.360529588335835</v>
      </c>
      <c r="K4963" s="59">
        <f>Bühler!K4989</f>
        <v>2.0407943825037522</v>
      </c>
      <c r="L4963" s="59">
        <f>Bühler!L4989</f>
        <v>9.7958130360180125</v>
      </c>
      <c r="M4963" s="58">
        <f>Bühler!M4989</f>
        <v>0</v>
      </c>
      <c r="N4963" s="56">
        <f>IF(Input!$D$19=1,J4963*Input!$C$19,0)+IF(Input!$D$20=1,K4963*Input!$C$20,0)+IF(Input!$D$21=1,L4963*Input!$C$21,0)+IF(Input!$D$22=1,M4963*Input!$C$22,0)</f>
        <v>0.4081588765007505</v>
      </c>
      <c r="O4963" s="59">
        <f>IF(Input!$D$19=2,J4963*Input!$C$19,0)+IF(Input!$D$20=2,K4963*Input!$C$20,0)+IF(Input!$D$21=2,L4963*Input!$C$21,0)+IF(Input!$D$22=2,M4963*Input!$C$22,0)</f>
        <v>1.0203971912518761</v>
      </c>
      <c r="P4963" s="59">
        <f>IF(Input!$D$19=3,J4963*Input!$C$19,0)+IF(Input!$D$20=3,K4963*Input!$C$20,0)+IF(Input!$D$21=3,L4963*Input!$C$21,0)+IF(Input!$D$22=3,M4963*Input!$C$22,0)</f>
        <v>0</v>
      </c>
      <c r="Q4963" s="75">
        <f>IF(Input!$D$19=4,J4963*Input!$C$19,0)+IF(Input!$D$20=4,K4963*Input!$C$20,0)+IF(Input!$D$21=4,L4963*Input!$C$21,0)+IF(Input!$D$22=4,M4963*Input!$C$22,0)</f>
        <v>0</v>
      </c>
      <c r="R4963" s="58">
        <v>72.174790225025816</v>
      </c>
      <c r="S4963" s="124">
        <f t="shared" si="77"/>
        <v>1.7686884648365855</v>
      </c>
    </row>
    <row r="4964" spans="8:19" x14ac:dyDescent="0.3">
      <c r="H4964" s="44">
        <v>4957</v>
      </c>
      <c r="I4964" s="56">
        <f>Bühler!I4990</f>
        <v>0.4081588765007505</v>
      </c>
      <c r="J4964" s="59">
        <f>Bühler!J4990</f>
        <v>1.360529588335835</v>
      </c>
      <c r="K4964" s="59">
        <f>Bühler!K4990</f>
        <v>2.0407943825037522</v>
      </c>
      <c r="L4964" s="59">
        <f>Bühler!L4990</f>
        <v>9.7958130360180125</v>
      </c>
      <c r="M4964" s="58">
        <f>Bühler!M4990</f>
        <v>0</v>
      </c>
      <c r="N4964" s="56">
        <f>IF(Input!$D$19=1,J4964*Input!$C$19,0)+IF(Input!$D$20=1,K4964*Input!$C$20,0)+IF(Input!$D$21=1,L4964*Input!$C$21,0)+IF(Input!$D$22=1,M4964*Input!$C$22,0)</f>
        <v>0.4081588765007505</v>
      </c>
      <c r="O4964" s="59">
        <f>IF(Input!$D$19=2,J4964*Input!$C$19,0)+IF(Input!$D$20=2,K4964*Input!$C$20,0)+IF(Input!$D$21=2,L4964*Input!$C$21,0)+IF(Input!$D$22=2,M4964*Input!$C$22,0)</f>
        <v>1.0203971912518761</v>
      </c>
      <c r="P4964" s="59">
        <f>IF(Input!$D$19=3,J4964*Input!$C$19,0)+IF(Input!$D$20=3,K4964*Input!$C$20,0)+IF(Input!$D$21=3,L4964*Input!$C$21,0)+IF(Input!$D$22=3,M4964*Input!$C$22,0)</f>
        <v>0</v>
      </c>
      <c r="Q4964" s="75">
        <f>IF(Input!$D$19=4,J4964*Input!$C$19,0)+IF(Input!$D$20=4,K4964*Input!$C$20,0)+IF(Input!$D$21=4,L4964*Input!$C$21,0)+IF(Input!$D$22=4,M4964*Input!$C$22,0)</f>
        <v>0</v>
      </c>
      <c r="R4964" s="58">
        <v>70.960159748986499</v>
      </c>
      <c r="S4964" s="124">
        <f t="shared" si="77"/>
        <v>1.7686884648365855</v>
      </c>
    </row>
    <row r="4965" spans="8:19" x14ac:dyDescent="0.3">
      <c r="H4965" s="44">
        <v>4958</v>
      </c>
      <c r="I4965" s="56">
        <f>Bühler!I4991</f>
        <v>0.4081588765007505</v>
      </c>
      <c r="J4965" s="59">
        <f>Bühler!J4991</f>
        <v>1.360529588335835</v>
      </c>
      <c r="K4965" s="59">
        <f>Bühler!K4991</f>
        <v>2.0407943825037522</v>
      </c>
      <c r="L4965" s="59">
        <f>Bühler!L4991</f>
        <v>9.7958130360180125</v>
      </c>
      <c r="M4965" s="58">
        <f>Bühler!M4991</f>
        <v>0</v>
      </c>
      <c r="N4965" s="56">
        <f>IF(Input!$D$19=1,J4965*Input!$C$19,0)+IF(Input!$D$20=1,K4965*Input!$C$20,0)+IF(Input!$D$21=1,L4965*Input!$C$21,0)+IF(Input!$D$22=1,M4965*Input!$C$22,0)</f>
        <v>0.4081588765007505</v>
      </c>
      <c r="O4965" s="59">
        <f>IF(Input!$D$19=2,J4965*Input!$C$19,0)+IF(Input!$D$20=2,K4965*Input!$C$20,0)+IF(Input!$D$21=2,L4965*Input!$C$21,0)+IF(Input!$D$22=2,M4965*Input!$C$22,0)</f>
        <v>1.0203971912518761</v>
      </c>
      <c r="P4965" s="59">
        <f>IF(Input!$D$19=3,J4965*Input!$C$19,0)+IF(Input!$D$20=3,K4965*Input!$C$20,0)+IF(Input!$D$21=3,L4965*Input!$C$21,0)+IF(Input!$D$22=3,M4965*Input!$C$22,0)</f>
        <v>0</v>
      </c>
      <c r="Q4965" s="75">
        <f>IF(Input!$D$19=4,J4965*Input!$C$19,0)+IF(Input!$D$20=4,K4965*Input!$C$20,0)+IF(Input!$D$21=4,L4965*Input!$C$21,0)+IF(Input!$D$22=4,M4965*Input!$C$22,0)</f>
        <v>0</v>
      </c>
      <c r="R4965" s="58">
        <v>70.085464869998731</v>
      </c>
      <c r="S4965" s="124">
        <f t="shared" si="77"/>
        <v>1.7686884648365855</v>
      </c>
    </row>
    <row r="4966" spans="8:19" x14ac:dyDescent="0.3">
      <c r="H4966" s="44">
        <v>4959</v>
      </c>
      <c r="I4966" s="56">
        <f>Bühler!I4992</f>
        <v>0.4081588765007505</v>
      </c>
      <c r="J4966" s="59">
        <f>Bühler!J4992</f>
        <v>1.360529588335835</v>
      </c>
      <c r="K4966" s="59">
        <f>Bühler!K4992</f>
        <v>2.0407943825037522</v>
      </c>
      <c r="L4966" s="59">
        <f>Bühler!L4992</f>
        <v>9.7958130360180125</v>
      </c>
      <c r="M4966" s="58">
        <f>Bühler!M4992</f>
        <v>0</v>
      </c>
      <c r="N4966" s="56">
        <f>IF(Input!$D$19=1,J4966*Input!$C$19,0)+IF(Input!$D$20=1,K4966*Input!$C$20,0)+IF(Input!$D$21=1,L4966*Input!$C$21,0)+IF(Input!$D$22=1,M4966*Input!$C$22,0)</f>
        <v>0.4081588765007505</v>
      </c>
      <c r="O4966" s="59">
        <f>IF(Input!$D$19=2,J4966*Input!$C$19,0)+IF(Input!$D$20=2,K4966*Input!$C$20,0)+IF(Input!$D$21=2,L4966*Input!$C$21,0)+IF(Input!$D$22=2,M4966*Input!$C$22,0)</f>
        <v>1.0203971912518761</v>
      </c>
      <c r="P4966" s="59">
        <f>IF(Input!$D$19=3,J4966*Input!$C$19,0)+IF(Input!$D$20=3,K4966*Input!$C$20,0)+IF(Input!$D$21=3,L4966*Input!$C$21,0)+IF(Input!$D$22=3,M4966*Input!$C$22,0)</f>
        <v>0</v>
      </c>
      <c r="Q4966" s="75">
        <f>IF(Input!$D$19=4,J4966*Input!$C$19,0)+IF(Input!$D$20=4,K4966*Input!$C$20,0)+IF(Input!$D$21=4,L4966*Input!$C$21,0)+IF(Input!$D$22=4,M4966*Input!$C$22,0)</f>
        <v>0</v>
      </c>
      <c r="R4966" s="58">
        <v>70.803194566454167</v>
      </c>
      <c r="S4966" s="124">
        <f t="shared" si="77"/>
        <v>1.7686884648365855</v>
      </c>
    </row>
    <row r="4967" spans="8:19" x14ac:dyDescent="0.3">
      <c r="H4967" s="44">
        <v>4960</v>
      </c>
      <c r="I4967" s="56">
        <f>Bühler!I4993</f>
        <v>0.4081588765007505</v>
      </c>
      <c r="J4967" s="59">
        <f>Bühler!J4993</f>
        <v>1.360529588335835</v>
      </c>
      <c r="K4967" s="59">
        <f>Bühler!K4993</f>
        <v>2.0407943825037522</v>
      </c>
      <c r="L4967" s="59">
        <f>Bühler!L4993</f>
        <v>9.7958130360180125</v>
      </c>
      <c r="M4967" s="58">
        <f>Bühler!M4993</f>
        <v>0</v>
      </c>
      <c r="N4967" s="56">
        <f>IF(Input!$D$19=1,J4967*Input!$C$19,0)+IF(Input!$D$20=1,K4967*Input!$C$20,0)+IF(Input!$D$21=1,L4967*Input!$C$21,0)+IF(Input!$D$22=1,M4967*Input!$C$22,0)</f>
        <v>0.4081588765007505</v>
      </c>
      <c r="O4967" s="59">
        <f>IF(Input!$D$19=2,J4967*Input!$C$19,0)+IF(Input!$D$20=2,K4967*Input!$C$20,0)+IF(Input!$D$21=2,L4967*Input!$C$21,0)+IF(Input!$D$22=2,M4967*Input!$C$22,0)</f>
        <v>1.0203971912518761</v>
      </c>
      <c r="P4967" s="59">
        <f>IF(Input!$D$19=3,J4967*Input!$C$19,0)+IF(Input!$D$20=3,K4967*Input!$C$20,0)+IF(Input!$D$21=3,L4967*Input!$C$21,0)+IF(Input!$D$22=3,M4967*Input!$C$22,0)</f>
        <v>0</v>
      </c>
      <c r="Q4967" s="75">
        <f>IF(Input!$D$19=4,J4967*Input!$C$19,0)+IF(Input!$D$20=4,K4967*Input!$C$20,0)+IF(Input!$D$21=4,L4967*Input!$C$21,0)+IF(Input!$D$22=4,M4967*Input!$C$22,0)</f>
        <v>0</v>
      </c>
      <c r="R4967" s="58">
        <v>70.247541315066144</v>
      </c>
      <c r="S4967" s="124">
        <f t="shared" si="77"/>
        <v>1.7686884648365855</v>
      </c>
    </row>
    <row r="4968" spans="8:19" x14ac:dyDescent="0.3">
      <c r="H4968" s="44">
        <v>4961</v>
      </c>
      <c r="I4968" s="56">
        <f>Bühler!I4994</f>
        <v>0.4081588765007505</v>
      </c>
      <c r="J4968" s="59">
        <f>Bühler!J4994</f>
        <v>1.360529588335835</v>
      </c>
      <c r="K4968" s="59">
        <f>Bühler!K4994</f>
        <v>2.0407943825037522</v>
      </c>
      <c r="L4968" s="59">
        <f>Bühler!L4994</f>
        <v>9.7958130360180125</v>
      </c>
      <c r="M4968" s="58">
        <f>Bühler!M4994</f>
        <v>0</v>
      </c>
      <c r="N4968" s="56">
        <f>IF(Input!$D$19=1,J4968*Input!$C$19,0)+IF(Input!$D$20=1,K4968*Input!$C$20,0)+IF(Input!$D$21=1,L4968*Input!$C$21,0)+IF(Input!$D$22=1,M4968*Input!$C$22,0)</f>
        <v>0.4081588765007505</v>
      </c>
      <c r="O4968" s="59">
        <f>IF(Input!$D$19=2,J4968*Input!$C$19,0)+IF(Input!$D$20=2,K4968*Input!$C$20,0)+IF(Input!$D$21=2,L4968*Input!$C$21,0)+IF(Input!$D$22=2,M4968*Input!$C$22,0)</f>
        <v>1.0203971912518761</v>
      </c>
      <c r="P4968" s="59">
        <f>IF(Input!$D$19=3,J4968*Input!$C$19,0)+IF(Input!$D$20=3,K4968*Input!$C$20,0)+IF(Input!$D$21=3,L4968*Input!$C$21,0)+IF(Input!$D$22=3,M4968*Input!$C$22,0)</f>
        <v>0</v>
      </c>
      <c r="Q4968" s="75">
        <f>IF(Input!$D$19=4,J4968*Input!$C$19,0)+IF(Input!$D$20=4,K4968*Input!$C$20,0)+IF(Input!$D$21=4,L4968*Input!$C$21,0)+IF(Input!$D$22=4,M4968*Input!$C$22,0)</f>
        <v>0</v>
      </c>
      <c r="R4968" s="58">
        <v>69.202414733342721</v>
      </c>
      <c r="S4968" s="124">
        <f t="shared" si="77"/>
        <v>1.7686884648365855</v>
      </c>
    </row>
    <row r="4969" spans="8:19" x14ac:dyDescent="0.3">
      <c r="H4969" s="44">
        <v>4962</v>
      </c>
      <c r="I4969" s="56">
        <f>Bühler!I4995</f>
        <v>0.4081588765007505</v>
      </c>
      <c r="J4969" s="59">
        <f>Bühler!J4995</f>
        <v>1.360529588335835</v>
      </c>
      <c r="K4969" s="59">
        <f>Bühler!K4995</f>
        <v>2.0407943825037522</v>
      </c>
      <c r="L4969" s="59">
        <f>Bühler!L4995</f>
        <v>9.7958130360180125</v>
      </c>
      <c r="M4969" s="58">
        <f>Bühler!M4995</f>
        <v>0</v>
      </c>
      <c r="N4969" s="56">
        <f>IF(Input!$D$19=1,J4969*Input!$C$19,0)+IF(Input!$D$20=1,K4969*Input!$C$20,0)+IF(Input!$D$21=1,L4969*Input!$C$21,0)+IF(Input!$D$22=1,M4969*Input!$C$22,0)</f>
        <v>0.4081588765007505</v>
      </c>
      <c r="O4969" s="59">
        <f>IF(Input!$D$19=2,J4969*Input!$C$19,0)+IF(Input!$D$20=2,K4969*Input!$C$20,0)+IF(Input!$D$21=2,L4969*Input!$C$21,0)+IF(Input!$D$22=2,M4969*Input!$C$22,0)</f>
        <v>1.0203971912518761</v>
      </c>
      <c r="P4969" s="59">
        <f>IF(Input!$D$19=3,J4969*Input!$C$19,0)+IF(Input!$D$20=3,K4969*Input!$C$20,0)+IF(Input!$D$21=3,L4969*Input!$C$21,0)+IF(Input!$D$22=3,M4969*Input!$C$22,0)</f>
        <v>0</v>
      </c>
      <c r="Q4969" s="75">
        <f>IF(Input!$D$19=4,J4969*Input!$C$19,0)+IF(Input!$D$20=4,K4969*Input!$C$20,0)+IF(Input!$D$21=4,L4969*Input!$C$21,0)+IF(Input!$D$22=4,M4969*Input!$C$22,0)</f>
        <v>0</v>
      </c>
      <c r="R4969" s="58">
        <v>67.826381328499451</v>
      </c>
      <c r="S4969" s="124">
        <f t="shared" si="77"/>
        <v>1.7686884648365855</v>
      </c>
    </row>
    <row r="4970" spans="8:19" x14ac:dyDescent="0.3">
      <c r="H4970" s="44">
        <v>4963</v>
      </c>
      <c r="I4970" s="56">
        <f>Bühler!I4996</f>
        <v>0.4081588765007505</v>
      </c>
      <c r="J4970" s="59">
        <f>Bühler!J4996</f>
        <v>1.360529588335835</v>
      </c>
      <c r="K4970" s="59">
        <f>Bühler!K4996</f>
        <v>2.0407943825037522</v>
      </c>
      <c r="L4970" s="59">
        <f>Bühler!L4996</f>
        <v>9.7958130360180125</v>
      </c>
      <c r="M4970" s="58">
        <f>Bühler!M4996</f>
        <v>0</v>
      </c>
      <c r="N4970" s="56">
        <f>IF(Input!$D$19=1,J4970*Input!$C$19,0)+IF(Input!$D$20=1,K4970*Input!$C$20,0)+IF(Input!$D$21=1,L4970*Input!$C$21,0)+IF(Input!$D$22=1,M4970*Input!$C$22,0)</f>
        <v>0.4081588765007505</v>
      </c>
      <c r="O4970" s="59">
        <f>IF(Input!$D$19=2,J4970*Input!$C$19,0)+IF(Input!$D$20=2,K4970*Input!$C$20,0)+IF(Input!$D$21=2,L4970*Input!$C$21,0)+IF(Input!$D$22=2,M4970*Input!$C$22,0)</f>
        <v>1.0203971912518761</v>
      </c>
      <c r="P4970" s="59">
        <f>IF(Input!$D$19=3,J4970*Input!$C$19,0)+IF(Input!$D$20=3,K4970*Input!$C$20,0)+IF(Input!$D$21=3,L4970*Input!$C$21,0)+IF(Input!$D$22=3,M4970*Input!$C$22,0)</f>
        <v>0</v>
      </c>
      <c r="Q4970" s="75">
        <f>IF(Input!$D$19=4,J4970*Input!$C$19,0)+IF(Input!$D$20=4,K4970*Input!$C$20,0)+IF(Input!$D$21=4,L4970*Input!$C$21,0)+IF(Input!$D$22=4,M4970*Input!$C$22,0)</f>
        <v>0</v>
      </c>
      <c r="R4970" s="58">
        <v>67.188258414315015</v>
      </c>
      <c r="S4970" s="124">
        <f t="shared" si="77"/>
        <v>1.7686884648365855</v>
      </c>
    </row>
    <row r="4971" spans="8:19" x14ac:dyDescent="0.3">
      <c r="H4971" s="44">
        <v>4964</v>
      </c>
      <c r="I4971" s="56">
        <f>Bühler!I4997</f>
        <v>0.34013239708395882</v>
      </c>
      <c r="J4971" s="59">
        <f>Bühler!J4997</f>
        <v>1.1337746569465295</v>
      </c>
      <c r="K4971" s="59">
        <f>Bühler!K4997</f>
        <v>1.700661985419794</v>
      </c>
      <c r="L4971" s="59">
        <f>Bühler!L4997</f>
        <v>8.1631775300150107</v>
      </c>
      <c r="M4971" s="58">
        <f>Bühler!M4997</f>
        <v>0</v>
      </c>
      <c r="N4971" s="56">
        <f>IF(Input!$D$19=1,J4971*Input!$C$19,0)+IF(Input!$D$20=1,K4971*Input!$C$20,0)+IF(Input!$D$21=1,L4971*Input!$C$21,0)+IF(Input!$D$22=1,M4971*Input!$C$22,0)</f>
        <v>0.34013239708395882</v>
      </c>
      <c r="O4971" s="59">
        <f>IF(Input!$D$19=2,J4971*Input!$C$19,0)+IF(Input!$D$20=2,K4971*Input!$C$20,0)+IF(Input!$D$21=2,L4971*Input!$C$21,0)+IF(Input!$D$22=2,M4971*Input!$C$22,0)</f>
        <v>0.85033099270989698</v>
      </c>
      <c r="P4971" s="59">
        <f>IF(Input!$D$19=3,J4971*Input!$C$19,0)+IF(Input!$D$20=3,K4971*Input!$C$20,0)+IF(Input!$D$21=3,L4971*Input!$C$21,0)+IF(Input!$D$22=3,M4971*Input!$C$22,0)</f>
        <v>0</v>
      </c>
      <c r="Q4971" s="75">
        <f>IF(Input!$D$19=4,J4971*Input!$C$19,0)+IF(Input!$D$20=4,K4971*Input!$C$20,0)+IF(Input!$D$21=4,L4971*Input!$C$21,0)+IF(Input!$D$22=4,M4971*Input!$C$22,0)</f>
        <v>0</v>
      </c>
      <c r="R4971" s="58">
        <v>66.218298926830556</v>
      </c>
      <c r="S4971" s="124">
        <f t="shared" si="77"/>
        <v>1.4739070540304882</v>
      </c>
    </row>
    <row r="4972" spans="8:19" x14ac:dyDescent="0.3">
      <c r="H4972" s="44">
        <v>4965</v>
      </c>
      <c r="I4972" s="56">
        <f>Bühler!I4998</f>
        <v>0.27210591766716707</v>
      </c>
      <c r="J4972" s="59">
        <f>Bühler!J4998</f>
        <v>0.90701972555722365</v>
      </c>
      <c r="K4972" s="59">
        <f>Bühler!K4998</f>
        <v>1.3605295883358353</v>
      </c>
      <c r="L4972" s="59">
        <f>Bühler!L4998</f>
        <v>6.5305420240120098</v>
      </c>
      <c r="M4972" s="58">
        <f>Bühler!M4998</f>
        <v>0</v>
      </c>
      <c r="N4972" s="56">
        <f>IF(Input!$D$19=1,J4972*Input!$C$19,0)+IF(Input!$D$20=1,K4972*Input!$C$20,0)+IF(Input!$D$21=1,L4972*Input!$C$21,0)+IF(Input!$D$22=1,M4972*Input!$C$22,0)</f>
        <v>0.27210591766716707</v>
      </c>
      <c r="O4972" s="59">
        <f>IF(Input!$D$19=2,J4972*Input!$C$19,0)+IF(Input!$D$20=2,K4972*Input!$C$20,0)+IF(Input!$D$21=2,L4972*Input!$C$21,0)+IF(Input!$D$22=2,M4972*Input!$C$22,0)</f>
        <v>0.68026479416791763</v>
      </c>
      <c r="P4972" s="59">
        <f>IF(Input!$D$19=3,J4972*Input!$C$19,0)+IF(Input!$D$20=3,K4972*Input!$C$20,0)+IF(Input!$D$21=3,L4972*Input!$C$21,0)+IF(Input!$D$22=3,M4972*Input!$C$22,0)</f>
        <v>0</v>
      </c>
      <c r="Q4972" s="75">
        <f>IF(Input!$D$19=4,J4972*Input!$C$19,0)+IF(Input!$D$20=4,K4972*Input!$C$20,0)+IF(Input!$D$21=4,L4972*Input!$C$21,0)+IF(Input!$D$22=4,M4972*Input!$C$22,0)</f>
        <v>0</v>
      </c>
      <c r="R4972" s="58">
        <v>63.991286304120003</v>
      </c>
      <c r="S4972" s="124">
        <f t="shared" si="77"/>
        <v>1.1791256432243906</v>
      </c>
    </row>
    <row r="4973" spans="8:19" x14ac:dyDescent="0.3">
      <c r="H4973" s="44">
        <v>4966</v>
      </c>
      <c r="I4973" s="56">
        <f>Bühler!I4999</f>
        <v>0.20407943825037525</v>
      </c>
      <c r="J4973" s="59">
        <f>Bühler!J4999</f>
        <v>0.68026479416791752</v>
      </c>
      <c r="K4973" s="59">
        <f>Bühler!K4999</f>
        <v>1.0203971912518761</v>
      </c>
      <c r="L4973" s="59">
        <f>Bühler!L4999</f>
        <v>4.8979065180090062</v>
      </c>
      <c r="M4973" s="58">
        <f>Bühler!M4999</f>
        <v>0</v>
      </c>
      <c r="N4973" s="56">
        <f>IF(Input!$D$19=1,J4973*Input!$C$19,0)+IF(Input!$D$20=1,K4973*Input!$C$20,0)+IF(Input!$D$21=1,L4973*Input!$C$21,0)+IF(Input!$D$22=1,M4973*Input!$C$22,0)</f>
        <v>0.20407943825037525</v>
      </c>
      <c r="O4973" s="59">
        <f>IF(Input!$D$19=2,J4973*Input!$C$19,0)+IF(Input!$D$20=2,K4973*Input!$C$20,0)+IF(Input!$D$21=2,L4973*Input!$C$21,0)+IF(Input!$D$22=2,M4973*Input!$C$22,0)</f>
        <v>0.51019859562593806</v>
      </c>
      <c r="P4973" s="59">
        <f>IF(Input!$D$19=3,J4973*Input!$C$19,0)+IF(Input!$D$20=3,K4973*Input!$C$20,0)+IF(Input!$D$21=3,L4973*Input!$C$21,0)+IF(Input!$D$22=3,M4973*Input!$C$22,0)</f>
        <v>0</v>
      </c>
      <c r="Q4973" s="75">
        <f>IF(Input!$D$19=4,J4973*Input!$C$19,0)+IF(Input!$D$20=4,K4973*Input!$C$20,0)+IF(Input!$D$21=4,L4973*Input!$C$21,0)+IF(Input!$D$22=4,M4973*Input!$C$22,0)</f>
        <v>0</v>
      </c>
      <c r="R4973" s="58">
        <v>61.950472988481046</v>
      </c>
      <c r="S4973" s="124">
        <f t="shared" si="77"/>
        <v>0.88434423241829274</v>
      </c>
    </row>
    <row r="4974" spans="8:19" x14ac:dyDescent="0.3">
      <c r="H4974" s="44">
        <v>4967</v>
      </c>
      <c r="I4974" s="56">
        <f>Bühler!I5000</f>
        <v>0.20407943825037525</v>
      </c>
      <c r="J4974" s="59">
        <f>Bühler!J5000</f>
        <v>0.68026479416791752</v>
      </c>
      <c r="K4974" s="59">
        <f>Bühler!K5000</f>
        <v>1.0203971912518761</v>
      </c>
      <c r="L4974" s="59">
        <f>Bühler!L5000</f>
        <v>4.8979065180090062</v>
      </c>
      <c r="M4974" s="58">
        <f>Bühler!M5000</f>
        <v>0</v>
      </c>
      <c r="N4974" s="56">
        <f>IF(Input!$D$19=1,J4974*Input!$C$19,0)+IF(Input!$D$20=1,K4974*Input!$C$20,0)+IF(Input!$D$21=1,L4974*Input!$C$21,0)+IF(Input!$D$22=1,M4974*Input!$C$22,0)</f>
        <v>0.20407943825037525</v>
      </c>
      <c r="O4974" s="59">
        <f>IF(Input!$D$19=2,J4974*Input!$C$19,0)+IF(Input!$D$20=2,K4974*Input!$C$20,0)+IF(Input!$D$21=2,L4974*Input!$C$21,0)+IF(Input!$D$22=2,M4974*Input!$C$22,0)</f>
        <v>0.51019859562593806</v>
      </c>
      <c r="P4974" s="59">
        <f>IF(Input!$D$19=3,J4974*Input!$C$19,0)+IF(Input!$D$20=3,K4974*Input!$C$20,0)+IF(Input!$D$21=3,L4974*Input!$C$21,0)+IF(Input!$D$22=3,M4974*Input!$C$22,0)</f>
        <v>0</v>
      </c>
      <c r="Q4974" s="75">
        <f>IF(Input!$D$19=4,J4974*Input!$C$19,0)+IF(Input!$D$20=4,K4974*Input!$C$20,0)+IF(Input!$D$21=4,L4974*Input!$C$21,0)+IF(Input!$D$22=4,M4974*Input!$C$22,0)</f>
        <v>0</v>
      </c>
      <c r="R4974" s="58">
        <v>61.446983266704166</v>
      </c>
      <c r="S4974" s="124">
        <f t="shared" si="77"/>
        <v>0.88434423241829274</v>
      </c>
    </row>
    <row r="4975" spans="8:19" x14ac:dyDescent="0.3">
      <c r="H4975" s="44">
        <v>4968</v>
      </c>
      <c r="I4975" s="56">
        <f>Bühler!I5001</f>
        <v>0.20407943825037525</v>
      </c>
      <c r="J4975" s="59">
        <f>Bühler!J5001</f>
        <v>0.68026479416791752</v>
      </c>
      <c r="K4975" s="59">
        <f>Bühler!K5001</f>
        <v>1.0203971912518761</v>
      </c>
      <c r="L4975" s="59">
        <f>Bühler!L5001</f>
        <v>4.8979065180090062</v>
      </c>
      <c r="M4975" s="58">
        <f>Bühler!M5001</f>
        <v>0</v>
      </c>
      <c r="N4975" s="56">
        <f>IF(Input!$D$19=1,J4975*Input!$C$19,0)+IF(Input!$D$20=1,K4975*Input!$C$20,0)+IF(Input!$D$21=1,L4975*Input!$C$21,0)+IF(Input!$D$22=1,M4975*Input!$C$22,0)</f>
        <v>0.20407943825037525</v>
      </c>
      <c r="O4975" s="59">
        <f>IF(Input!$D$19=2,J4975*Input!$C$19,0)+IF(Input!$D$20=2,K4975*Input!$C$20,0)+IF(Input!$D$21=2,L4975*Input!$C$21,0)+IF(Input!$D$22=2,M4975*Input!$C$22,0)</f>
        <v>0.51019859562593806</v>
      </c>
      <c r="P4975" s="59">
        <f>IF(Input!$D$19=3,J4975*Input!$C$19,0)+IF(Input!$D$20=3,K4975*Input!$C$20,0)+IF(Input!$D$21=3,L4975*Input!$C$21,0)+IF(Input!$D$22=3,M4975*Input!$C$22,0)</f>
        <v>0</v>
      </c>
      <c r="Q4975" s="75">
        <f>IF(Input!$D$19=4,J4975*Input!$C$19,0)+IF(Input!$D$20=4,K4975*Input!$C$20,0)+IF(Input!$D$21=4,L4975*Input!$C$21,0)+IF(Input!$D$22=4,M4975*Input!$C$22,0)</f>
        <v>0</v>
      </c>
      <c r="R4975" s="58">
        <v>61.296746421224441</v>
      </c>
      <c r="S4975" s="124">
        <f t="shared" si="77"/>
        <v>0.88434423241829274</v>
      </c>
    </row>
    <row r="4976" spans="8:19" x14ac:dyDescent="0.3">
      <c r="H4976" s="44">
        <v>4969</v>
      </c>
      <c r="I4976" s="56">
        <f>Bühler!I5002</f>
        <v>0.22382159258497797</v>
      </c>
      <c r="J4976" s="59">
        <f>Bühler!J5002</f>
        <v>0.74607197528325997</v>
      </c>
      <c r="K4976" s="59">
        <f>Bühler!K5002</f>
        <v>1.1191079629248899</v>
      </c>
      <c r="L4976" s="59">
        <f>Bühler!L5002</f>
        <v>5.3717182220394708</v>
      </c>
      <c r="M4976" s="58">
        <f>Bühler!M5002</f>
        <v>0</v>
      </c>
      <c r="N4976" s="56">
        <f>IF(Input!$D$19=1,J4976*Input!$C$19,0)+IF(Input!$D$20=1,K4976*Input!$C$20,0)+IF(Input!$D$21=1,L4976*Input!$C$21,0)+IF(Input!$D$22=1,M4976*Input!$C$22,0)</f>
        <v>0.223821592584978</v>
      </c>
      <c r="O4976" s="59">
        <f>IF(Input!$D$19=2,J4976*Input!$C$19,0)+IF(Input!$D$20=2,K4976*Input!$C$20,0)+IF(Input!$D$21=2,L4976*Input!$C$21,0)+IF(Input!$D$22=2,M4976*Input!$C$22,0)</f>
        <v>0.55955398146244495</v>
      </c>
      <c r="P4976" s="59">
        <f>IF(Input!$D$19=3,J4976*Input!$C$19,0)+IF(Input!$D$20=3,K4976*Input!$C$20,0)+IF(Input!$D$21=3,L4976*Input!$C$21,0)+IF(Input!$D$22=3,M4976*Input!$C$22,0)</f>
        <v>0</v>
      </c>
      <c r="Q4976" s="75">
        <f>IF(Input!$D$19=4,J4976*Input!$C$19,0)+IF(Input!$D$20=4,K4976*Input!$C$20,0)+IF(Input!$D$21=4,L4976*Input!$C$21,0)+IF(Input!$D$22=4,M4976*Input!$C$22,0)</f>
        <v>0</v>
      </c>
      <c r="R4976" s="58">
        <v>60.292977766739796</v>
      </c>
      <c r="S4976" s="124">
        <f t="shared" si="77"/>
        <v>0.96989356786823788</v>
      </c>
    </row>
    <row r="4977" spans="8:19" x14ac:dyDescent="0.3">
      <c r="H4977" s="44">
        <v>4970</v>
      </c>
      <c r="I4977" s="56">
        <f>Bühler!I5003</f>
        <v>0.22382159258497797</v>
      </c>
      <c r="J4977" s="59">
        <f>Bühler!J5003</f>
        <v>0.74607197528325997</v>
      </c>
      <c r="K4977" s="59">
        <f>Bühler!K5003</f>
        <v>1.1191079629248899</v>
      </c>
      <c r="L4977" s="59">
        <f>Bühler!L5003</f>
        <v>5.3717182220394708</v>
      </c>
      <c r="M4977" s="58">
        <f>Bühler!M5003</f>
        <v>0</v>
      </c>
      <c r="N4977" s="56">
        <f>IF(Input!$D$19=1,J4977*Input!$C$19,0)+IF(Input!$D$20=1,K4977*Input!$C$20,0)+IF(Input!$D$21=1,L4977*Input!$C$21,0)+IF(Input!$D$22=1,M4977*Input!$C$22,0)</f>
        <v>0.223821592584978</v>
      </c>
      <c r="O4977" s="59">
        <f>IF(Input!$D$19=2,J4977*Input!$C$19,0)+IF(Input!$D$20=2,K4977*Input!$C$20,0)+IF(Input!$D$21=2,L4977*Input!$C$21,0)+IF(Input!$D$22=2,M4977*Input!$C$22,0)</f>
        <v>0.55955398146244495</v>
      </c>
      <c r="P4977" s="59">
        <f>IF(Input!$D$19=3,J4977*Input!$C$19,0)+IF(Input!$D$20=3,K4977*Input!$C$20,0)+IF(Input!$D$21=3,L4977*Input!$C$21,0)+IF(Input!$D$22=3,M4977*Input!$C$22,0)</f>
        <v>0</v>
      </c>
      <c r="Q4977" s="75">
        <f>IF(Input!$D$19=4,J4977*Input!$C$19,0)+IF(Input!$D$20=4,K4977*Input!$C$20,0)+IF(Input!$D$21=4,L4977*Input!$C$21,0)+IF(Input!$D$22=4,M4977*Input!$C$22,0)</f>
        <v>0</v>
      </c>
      <c r="R4977" s="58">
        <v>59.854991331167206</v>
      </c>
      <c r="S4977" s="124">
        <f t="shared" si="77"/>
        <v>0.96989356786823788</v>
      </c>
    </row>
    <row r="4978" spans="8:19" x14ac:dyDescent="0.3">
      <c r="H4978" s="44">
        <v>4971</v>
      </c>
      <c r="I4978" s="56">
        <f>Bühler!I5004</f>
        <v>0.22382159258497797</v>
      </c>
      <c r="J4978" s="59">
        <f>Bühler!J5004</f>
        <v>0.74607197528325997</v>
      </c>
      <c r="K4978" s="59">
        <f>Bühler!K5004</f>
        <v>1.1191079629248899</v>
      </c>
      <c r="L4978" s="59">
        <f>Bühler!L5004</f>
        <v>5.3717182220394708</v>
      </c>
      <c r="M4978" s="58">
        <f>Bühler!M5004</f>
        <v>0</v>
      </c>
      <c r="N4978" s="56">
        <f>IF(Input!$D$19=1,J4978*Input!$C$19,0)+IF(Input!$D$20=1,K4978*Input!$C$20,0)+IF(Input!$D$21=1,L4978*Input!$C$21,0)+IF(Input!$D$22=1,M4978*Input!$C$22,0)</f>
        <v>0.223821592584978</v>
      </c>
      <c r="O4978" s="59">
        <f>IF(Input!$D$19=2,J4978*Input!$C$19,0)+IF(Input!$D$20=2,K4978*Input!$C$20,0)+IF(Input!$D$21=2,L4978*Input!$C$21,0)+IF(Input!$D$22=2,M4978*Input!$C$22,0)</f>
        <v>0.55955398146244495</v>
      </c>
      <c r="P4978" s="59">
        <f>IF(Input!$D$19=3,J4978*Input!$C$19,0)+IF(Input!$D$20=3,K4978*Input!$C$20,0)+IF(Input!$D$21=3,L4978*Input!$C$21,0)+IF(Input!$D$22=3,M4978*Input!$C$22,0)</f>
        <v>0</v>
      </c>
      <c r="Q4978" s="75">
        <f>IF(Input!$D$19=4,J4978*Input!$C$19,0)+IF(Input!$D$20=4,K4978*Input!$C$20,0)+IF(Input!$D$21=4,L4978*Input!$C$21,0)+IF(Input!$D$22=4,M4978*Input!$C$22,0)</f>
        <v>0</v>
      </c>
      <c r="R4978" s="58">
        <v>59.565615467712128</v>
      </c>
      <c r="S4978" s="124">
        <f t="shared" si="77"/>
        <v>0.96989356786823788</v>
      </c>
    </row>
    <row r="4979" spans="8:19" x14ac:dyDescent="0.3">
      <c r="H4979" s="44">
        <v>4972</v>
      </c>
      <c r="I4979" s="56">
        <f>Bühler!I5005</f>
        <v>0.22382159258497797</v>
      </c>
      <c r="J4979" s="59">
        <f>Bühler!J5005</f>
        <v>0.74607197528325997</v>
      </c>
      <c r="K4979" s="59">
        <f>Bühler!K5005</f>
        <v>1.1191079629248899</v>
      </c>
      <c r="L4979" s="59">
        <f>Bühler!L5005</f>
        <v>5.3717182220394708</v>
      </c>
      <c r="M4979" s="58">
        <f>Bühler!M5005</f>
        <v>0</v>
      </c>
      <c r="N4979" s="56">
        <f>IF(Input!$D$19=1,J4979*Input!$C$19,0)+IF(Input!$D$20=1,K4979*Input!$C$20,0)+IF(Input!$D$21=1,L4979*Input!$C$21,0)+IF(Input!$D$22=1,M4979*Input!$C$22,0)</f>
        <v>0.223821592584978</v>
      </c>
      <c r="O4979" s="59">
        <f>IF(Input!$D$19=2,J4979*Input!$C$19,0)+IF(Input!$D$20=2,K4979*Input!$C$20,0)+IF(Input!$D$21=2,L4979*Input!$C$21,0)+IF(Input!$D$22=2,M4979*Input!$C$22,0)</f>
        <v>0.55955398146244495</v>
      </c>
      <c r="P4979" s="59">
        <f>IF(Input!$D$19=3,J4979*Input!$C$19,0)+IF(Input!$D$20=3,K4979*Input!$C$20,0)+IF(Input!$D$21=3,L4979*Input!$C$21,0)+IF(Input!$D$22=3,M4979*Input!$C$22,0)</f>
        <v>0</v>
      </c>
      <c r="Q4979" s="75">
        <f>IF(Input!$D$19=4,J4979*Input!$C$19,0)+IF(Input!$D$20=4,K4979*Input!$C$20,0)+IF(Input!$D$21=4,L4979*Input!$C$21,0)+IF(Input!$D$22=4,M4979*Input!$C$22,0)</f>
        <v>0</v>
      </c>
      <c r="R4979" s="58">
        <v>59.987480623965176</v>
      </c>
      <c r="S4979" s="124">
        <f t="shared" si="77"/>
        <v>0.96989356786823788</v>
      </c>
    </row>
    <row r="4980" spans="8:19" x14ac:dyDescent="0.3">
      <c r="H4980" s="44">
        <v>4973</v>
      </c>
      <c r="I4980" s="56">
        <f>Bühler!I5006</f>
        <v>0.22382159258497797</v>
      </c>
      <c r="J4980" s="59">
        <f>Bühler!J5006</f>
        <v>0.74607197528325997</v>
      </c>
      <c r="K4980" s="59">
        <f>Bühler!K5006</f>
        <v>1.1191079629248899</v>
      </c>
      <c r="L4980" s="59">
        <f>Bühler!L5006</f>
        <v>5.3717182220394708</v>
      </c>
      <c r="M4980" s="58">
        <f>Bühler!M5006</f>
        <v>0</v>
      </c>
      <c r="N4980" s="56">
        <f>IF(Input!$D$19=1,J4980*Input!$C$19,0)+IF(Input!$D$20=1,K4980*Input!$C$20,0)+IF(Input!$D$21=1,L4980*Input!$C$21,0)+IF(Input!$D$22=1,M4980*Input!$C$22,0)</f>
        <v>0.223821592584978</v>
      </c>
      <c r="O4980" s="59">
        <f>IF(Input!$D$19=2,J4980*Input!$C$19,0)+IF(Input!$D$20=2,K4980*Input!$C$20,0)+IF(Input!$D$21=2,L4980*Input!$C$21,0)+IF(Input!$D$22=2,M4980*Input!$C$22,0)</f>
        <v>0.55955398146244495</v>
      </c>
      <c r="P4980" s="59">
        <f>IF(Input!$D$19=3,J4980*Input!$C$19,0)+IF(Input!$D$20=3,K4980*Input!$C$20,0)+IF(Input!$D$21=3,L4980*Input!$C$21,0)+IF(Input!$D$22=3,M4980*Input!$C$22,0)</f>
        <v>0</v>
      </c>
      <c r="Q4980" s="75">
        <f>IF(Input!$D$19=4,J4980*Input!$C$19,0)+IF(Input!$D$20=4,K4980*Input!$C$20,0)+IF(Input!$D$21=4,L4980*Input!$C$21,0)+IF(Input!$D$22=4,M4980*Input!$C$22,0)</f>
        <v>0</v>
      </c>
      <c r="R4980" s="58">
        <v>60.47520972389804</v>
      </c>
      <c r="S4980" s="124">
        <f t="shared" si="77"/>
        <v>0.96989356786823788</v>
      </c>
    </row>
    <row r="4981" spans="8:19" x14ac:dyDescent="0.3">
      <c r="H4981" s="44">
        <v>4974</v>
      </c>
      <c r="I4981" s="56">
        <f>Bühler!I5007</f>
        <v>0.28848116377619382</v>
      </c>
      <c r="J4981" s="59">
        <f>Bühler!J5007</f>
        <v>0.96160387925397939</v>
      </c>
      <c r="K4981" s="59">
        <f>Bühler!K5007</f>
        <v>1.442405818880969</v>
      </c>
      <c r="L4981" s="59">
        <f>Bühler!L5007</f>
        <v>6.9235479306286507</v>
      </c>
      <c r="M4981" s="58">
        <f>Bühler!M5007</f>
        <v>0</v>
      </c>
      <c r="N4981" s="56">
        <f>IF(Input!$D$19=1,J4981*Input!$C$19,0)+IF(Input!$D$20=1,K4981*Input!$C$20,0)+IF(Input!$D$21=1,L4981*Input!$C$21,0)+IF(Input!$D$22=1,M4981*Input!$C$22,0)</f>
        <v>0.28848116377619382</v>
      </c>
      <c r="O4981" s="59">
        <f>IF(Input!$D$19=2,J4981*Input!$C$19,0)+IF(Input!$D$20=2,K4981*Input!$C$20,0)+IF(Input!$D$21=2,L4981*Input!$C$21,0)+IF(Input!$D$22=2,M4981*Input!$C$22,0)</f>
        <v>0.72120290944048449</v>
      </c>
      <c r="P4981" s="59">
        <f>IF(Input!$D$19=3,J4981*Input!$C$19,0)+IF(Input!$D$20=3,K4981*Input!$C$20,0)+IF(Input!$D$21=3,L4981*Input!$C$21,0)+IF(Input!$D$22=3,M4981*Input!$C$22,0)</f>
        <v>0</v>
      </c>
      <c r="Q4981" s="75">
        <f>IF(Input!$D$19=4,J4981*Input!$C$19,0)+IF(Input!$D$20=4,K4981*Input!$C$20,0)+IF(Input!$D$21=4,L4981*Input!$C$21,0)+IF(Input!$D$22=4,M4981*Input!$C$22,0)</f>
        <v>0</v>
      </c>
      <c r="R4981" s="58">
        <v>63.306900183673122</v>
      </c>
      <c r="S4981" s="124">
        <f t="shared" si="77"/>
        <v>1.2500850430301731</v>
      </c>
    </row>
    <row r="4982" spans="8:19" x14ac:dyDescent="0.3">
      <c r="H4982" s="44">
        <v>4975</v>
      </c>
      <c r="I4982" s="56">
        <f>Bühler!I5008</f>
        <v>0.34816692179885461</v>
      </c>
      <c r="J4982" s="59">
        <f>Bühler!J5008</f>
        <v>1.1605564059961821</v>
      </c>
      <c r="K4982" s="59">
        <f>Bühler!K5008</f>
        <v>1.7408346089942732</v>
      </c>
      <c r="L4982" s="59">
        <f>Bühler!L5008</f>
        <v>8.3560061231725111</v>
      </c>
      <c r="M4982" s="58">
        <f>Bühler!M5008</f>
        <v>0</v>
      </c>
      <c r="N4982" s="56">
        <f>IF(Input!$D$19=1,J4982*Input!$C$19,0)+IF(Input!$D$20=1,K4982*Input!$C$20,0)+IF(Input!$D$21=1,L4982*Input!$C$21,0)+IF(Input!$D$22=1,M4982*Input!$C$22,0)</f>
        <v>0.34816692179885461</v>
      </c>
      <c r="O4982" s="59">
        <f>IF(Input!$D$19=2,J4982*Input!$C$19,0)+IF(Input!$D$20=2,K4982*Input!$C$20,0)+IF(Input!$D$21=2,L4982*Input!$C$21,0)+IF(Input!$D$22=2,M4982*Input!$C$22,0)</f>
        <v>0.87041730449713661</v>
      </c>
      <c r="P4982" s="59">
        <f>IF(Input!$D$19=3,J4982*Input!$C$19,0)+IF(Input!$D$20=3,K4982*Input!$C$20,0)+IF(Input!$D$21=3,L4982*Input!$C$21,0)+IF(Input!$D$22=3,M4982*Input!$C$22,0)</f>
        <v>0</v>
      </c>
      <c r="Q4982" s="75">
        <f>IF(Input!$D$19=4,J4982*Input!$C$19,0)+IF(Input!$D$20=4,K4982*Input!$C$20,0)+IF(Input!$D$21=4,L4982*Input!$C$21,0)+IF(Input!$D$22=4,M4982*Input!$C$22,0)</f>
        <v>0</v>
      </c>
      <c r="R4982" s="58">
        <v>66.094852765222939</v>
      </c>
      <c r="S4982" s="124">
        <f t="shared" si="77"/>
        <v>1.5087233277950367</v>
      </c>
    </row>
    <row r="4983" spans="8:19" x14ac:dyDescent="0.3">
      <c r="H4983" s="44">
        <v>4976</v>
      </c>
      <c r="I4983" s="56">
        <f>Bühler!I5009</f>
        <v>0.34816692179885461</v>
      </c>
      <c r="J4983" s="59">
        <f>Bühler!J5009</f>
        <v>1.1605564059961821</v>
      </c>
      <c r="K4983" s="59">
        <f>Bühler!K5009</f>
        <v>1.7408346089942732</v>
      </c>
      <c r="L4983" s="59">
        <f>Bühler!L5009</f>
        <v>8.3560061231725111</v>
      </c>
      <c r="M4983" s="58">
        <f>Bühler!M5009</f>
        <v>0</v>
      </c>
      <c r="N4983" s="56">
        <f>IF(Input!$D$19=1,J4983*Input!$C$19,0)+IF(Input!$D$20=1,K4983*Input!$C$20,0)+IF(Input!$D$21=1,L4983*Input!$C$21,0)+IF(Input!$D$22=1,M4983*Input!$C$22,0)</f>
        <v>0.34816692179885461</v>
      </c>
      <c r="O4983" s="59">
        <f>IF(Input!$D$19=2,J4983*Input!$C$19,0)+IF(Input!$D$20=2,K4983*Input!$C$20,0)+IF(Input!$D$21=2,L4983*Input!$C$21,0)+IF(Input!$D$22=2,M4983*Input!$C$22,0)</f>
        <v>0.87041730449713661</v>
      </c>
      <c r="P4983" s="59">
        <f>IF(Input!$D$19=3,J4983*Input!$C$19,0)+IF(Input!$D$20=3,K4983*Input!$C$20,0)+IF(Input!$D$21=3,L4983*Input!$C$21,0)+IF(Input!$D$22=3,M4983*Input!$C$22,0)</f>
        <v>0</v>
      </c>
      <c r="Q4983" s="75">
        <f>IF(Input!$D$19=4,J4983*Input!$C$19,0)+IF(Input!$D$20=4,K4983*Input!$C$20,0)+IF(Input!$D$21=4,L4983*Input!$C$21,0)+IF(Input!$D$22=4,M4983*Input!$C$22,0)</f>
        <v>0</v>
      </c>
      <c r="R4983" s="58">
        <v>67.527674541427501</v>
      </c>
      <c r="S4983" s="124">
        <f t="shared" si="77"/>
        <v>1.5087233277950367</v>
      </c>
    </row>
    <row r="4984" spans="8:19" x14ac:dyDescent="0.3">
      <c r="H4984" s="44">
        <v>4977</v>
      </c>
      <c r="I4984" s="56">
        <f>Bühler!I5010</f>
        <v>0.34816692179885461</v>
      </c>
      <c r="J4984" s="59">
        <f>Bühler!J5010</f>
        <v>1.1605564059961821</v>
      </c>
      <c r="K4984" s="59">
        <f>Bühler!K5010</f>
        <v>1.7408346089942732</v>
      </c>
      <c r="L4984" s="59">
        <f>Bühler!L5010</f>
        <v>8.3560061231725111</v>
      </c>
      <c r="M4984" s="58">
        <f>Bühler!M5010</f>
        <v>0</v>
      </c>
      <c r="N4984" s="56">
        <f>IF(Input!$D$19=1,J4984*Input!$C$19,0)+IF(Input!$D$20=1,K4984*Input!$C$20,0)+IF(Input!$D$21=1,L4984*Input!$C$21,0)+IF(Input!$D$22=1,M4984*Input!$C$22,0)</f>
        <v>0.34816692179885461</v>
      </c>
      <c r="O4984" s="59">
        <f>IF(Input!$D$19=2,J4984*Input!$C$19,0)+IF(Input!$D$20=2,K4984*Input!$C$20,0)+IF(Input!$D$21=2,L4984*Input!$C$21,0)+IF(Input!$D$22=2,M4984*Input!$C$22,0)</f>
        <v>0.87041730449713661</v>
      </c>
      <c r="P4984" s="59">
        <f>IF(Input!$D$19=3,J4984*Input!$C$19,0)+IF(Input!$D$20=3,K4984*Input!$C$20,0)+IF(Input!$D$21=3,L4984*Input!$C$21,0)+IF(Input!$D$22=3,M4984*Input!$C$22,0)</f>
        <v>0</v>
      </c>
      <c r="Q4984" s="75">
        <f>IF(Input!$D$19=4,J4984*Input!$C$19,0)+IF(Input!$D$20=4,K4984*Input!$C$20,0)+IF(Input!$D$21=4,L4984*Input!$C$21,0)+IF(Input!$D$22=4,M4984*Input!$C$22,0)</f>
        <v>0</v>
      </c>
      <c r="R4984" s="58">
        <v>68.352068980479117</v>
      </c>
      <c r="S4984" s="124">
        <f t="shared" si="77"/>
        <v>1.5087233277950367</v>
      </c>
    </row>
    <row r="4985" spans="8:19" x14ac:dyDescent="0.3">
      <c r="H4985" s="44">
        <v>4978</v>
      </c>
      <c r="I4985" s="56">
        <f>Bühler!I5011</f>
        <v>0.37303598764162993</v>
      </c>
      <c r="J4985" s="59">
        <f>Bühler!J5011</f>
        <v>1.2434532921387667</v>
      </c>
      <c r="K4985" s="59">
        <f>Bühler!K5011</f>
        <v>1.8651799382081498</v>
      </c>
      <c r="L4985" s="59">
        <f>Bühler!L5011</f>
        <v>8.9528637033991192</v>
      </c>
      <c r="M4985" s="58">
        <f>Bühler!M5011</f>
        <v>0</v>
      </c>
      <c r="N4985" s="56">
        <f>IF(Input!$D$19=1,J4985*Input!$C$19,0)+IF(Input!$D$20=1,K4985*Input!$C$20,0)+IF(Input!$D$21=1,L4985*Input!$C$21,0)+IF(Input!$D$22=1,M4985*Input!$C$22,0)</f>
        <v>0.37303598764162998</v>
      </c>
      <c r="O4985" s="59">
        <f>IF(Input!$D$19=2,J4985*Input!$C$19,0)+IF(Input!$D$20=2,K4985*Input!$C$20,0)+IF(Input!$D$21=2,L4985*Input!$C$21,0)+IF(Input!$D$22=2,M4985*Input!$C$22,0)</f>
        <v>0.93258996910407488</v>
      </c>
      <c r="P4985" s="59">
        <f>IF(Input!$D$19=3,J4985*Input!$C$19,0)+IF(Input!$D$20=3,K4985*Input!$C$20,0)+IF(Input!$D$21=3,L4985*Input!$C$21,0)+IF(Input!$D$22=3,M4985*Input!$C$22,0)</f>
        <v>0</v>
      </c>
      <c r="Q4985" s="75">
        <f>IF(Input!$D$19=4,J4985*Input!$C$19,0)+IF(Input!$D$20=4,K4985*Input!$C$20,0)+IF(Input!$D$21=4,L4985*Input!$C$21,0)+IF(Input!$D$22=4,M4985*Input!$C$22,0)</f>
        <v>0</v>
      </c>
      <c r="R4985" s="58">
        <v>68.693941375645593</v>
      </c>
      <c r="S4985" s="124">
        <f t="shared" si="77"/>
        <v>1.6164892797803967</v>
      </c>
    </row>
    <row r="4986" spans="8:19" x14ac:dyDescent="0.3">
      <c r="H4986" s="44">
        <v>4979</v>
      </c>
      <c r="I4986" s="56">
        <f>Bühler!I5012</f>
        <v>0.38795742714729514</v>
      </c>
      <c r="J4986" s="59">
        <f>Bühler!J5012</f>
        <v>1.2931914238243172</v>
      </c>
      <c r="K4986" s="59">
        <f>Bühler!K5012</f>
        <v>1.9397871357364758</v>
      </c>
      <c r="L4986" s="59">
        <f>Bühler!L5012</f>
        <v>9.310978251535083</v>
      </c>
      <c r="M4986" s="58">
        <f>Bühler!M5012</f>
        <v>0</v>
      </c>
      <c r="N4986" s="56">
        <f>IF(Input!$D$19=1,J4986*Input!$C$19,0)+IF(Input!$D$20=1,K4986*Input!$C$20,0)+IF(Input!$D$21=1,L4986*Input!$C$21,0)+IF(Input!$D$22=1,M4986*Input!$C$22,0)</f>
        <v>0.38795742714729514</v>
      </c>
      <c r="O4986" s="59">
        <f>IF(Input!$D$19=2,J4986*Input!$C$19,0)+IF(Input!$D$20=2,K4986*Input!$C$20,0)+IF(Input!$D$21=2,L4986*Input!$C$21,0)+IF(Input!$D$22=2,M4986*Input!$C$22,0)</f>
        <v>0.96989356786823788</v>
      </c>
      <c r="P4986" s="59">
        <f>IF(Input!$D$19=3,J4986*Input!$C$19,0)+IF(Input!$D$20=3,K4986*Input!$C$20,0)+IF(Input!$D$21=3,L4986*Input!$C$21,0)+IF(Input!$D$22=3,M4986*Input!$C$22,0)</f>
        <v>0</v>
      </c>
      <c r="Q4986" s="75">
        <f>IF(Input!$D$19=4,J4986*Input!$C$19,0)+IF(Input!$D$20=4,K4986*Input!$C$20,0)+IF(Input!$D$21=4,L4986*Input!$C$21,0)+IF(Input!$D$22=4,M4986*Input!$C$22,0)</f>
        <v>0</v>
      </c>
      <c r="R4986" s="58">
        <v>69.113032658531338</v>
      </c>
      <c r="S4986" s="124">
        <f t="shared" si="77"/>
        <v>1.6811488509716124</v>
      </c>
    </row>
    <row r="4987" spans="8:19" x14ac:dyDescent="0.3">
      <c r="H4987" s="44">
        <v>4980</v>
      </c>
      <c r="I4987" s="56">
        <f>Bühler!I5013</f>
        <v>0.44764318516995594</v>
      </c>
      <c r="J4987" s="59">
        <f>Bühler!J5013</f>
        <v>1.4921439505665199</v>
      </c>
      <c r="K4987" s="59">
        <f>Bühler!K5013</f>
        <v>2.2382159258497798</v>
      </c>
      <c r="L4987" s="59">
        <f>Bühler!L5013</f>
        <v>10.743436444078942</v>
      </c>
      <c r="M4987" s="58">
        <f>Bühler!M5013</f>
        <v>0</v>
      </c>
      <c r="N4987" s="56">
        <f>IF(Input!$D$19=1,J4987*Input!$C$19,0)+IF(Input!$D$20=1,K4987*Input!$C$20,0)+IF(Input!$D$21=1,L4987*Input!$C$21,0)+IF(Input!$D$22=1,M4987*Input!$C$22,0)</f>
        <v>0.44764318516995599</v>
      </c>
      <c r="O4987" s="59">
        <f>IF(Input!$D$19=2,J4987*Input!$C$19,0)+IF(Input!$D$20=2,K4987*Input!$C$20,0)+IF(Input!$D$21=2,L4987*Input!$C$21,0)+IF(Input!$D$22=2,M4987*Input!$C$22,0)</f>
        <v>1.1191079629248899</v>
      </c>
      <c r="P4987" s="59">
        <f>IF(Input!$D$19=3,J4987*Input!$C$19,0)+IF(Input!$D$20=3,K4987*Input!$C$20,0)+IF(Input!$D$21=3,L4987*Input!$C$21,0)+IF(Input!$D$22=3,M4987*Input!$C$22,0)</f>
        <v>0</v>
      </c>
      <c r="Q4987" s="75">
        <f>IF(Input!$D$19=4,J4987*Input!$C$19,0)+IF(Input!$D$20=4,K4987*Input!$C$20,0)+IF(Input!$D$21=4,L4987*Input!$C$21,0)+IF(Input!$D$22=4,M4987*Input!$C$22,0)</f>
        <v>0</v>
      </c>
      <c r="R4987" s="58">
        <v>70.079525083802494</v>
      </c>
      <c r="S4987" s="124">
        <f t="shared" si="77"/>
        <v>1.9397871357364758</v>
      </c>
    </row>
    <row r="4988" spans="8:19" x14ac:dyDescent="0.3">
      <c r="H4988" s="44">
        <v>4981</v>
      </c>
      <c r="I4988" s="56">
        <f>Bühler!I5014</f>
        <v>0.44764318516995594</v>
      </c>
      <c r="J4988" s="59">
        <f>Bühler!J5014</f>
        <v>1.4921439505665199</v>
      </c>
      <c r="K4988" s="59">
        <f>Bühler!K5014</f>
        <v>2.2382159258497798</v>
      </c>
      <c r="L4988" s="59">
        <f>Bühler!L5014</f>
        <v>10.743436444078942</v>
      </c>
      <c r="M4988" s="58">
        <f>Bühler!M5014</f>
        <v>0</v>
      </c>
      <c r="N4988" s="56">
        <f>IF(Input!$D$19=1,J4988*Input!$C$19,0)+IF(Input!$D$20=1,K4988*Input!$C$20,0)+IF(Input!$D$21=1,L4988*Input!$C$21,0)+IF(Input!$D$22=1,M4988*Input!$C$22,0)</f>
        <v>0.44764318516995599</v>
      </c>
      <c r="O4988" s="59">
        <f>IF(Input!$D$19=2,J4988*Input!$C$19,0)+IF(Input!$D$20=2,K4988*Input!$C$20,0)+IF(Input!$D$21=2,L4988*Input!$C$21,0)+IF(Input!$D$22=2,M4988*Input!$C$22,0)</f>
        <v>1.1191079629248899</v>
      </c>
      <c r="P4988" s="59">
        <f>IF(Input!$D$19=3,J4988*Input!$C$19,0)+IF(Input!$D$20=3,K4988*Input!$C$20,0)+IF(Input!$D$21=3,L4988*Input!$C$21,0)+IF(Input!$D$22=3,M4988*Input!$C$22,0)</f>
        <v>0</v>
      </c>
      <c r="Q4988" s="75">
        <f>IF(Input!$D$19=4,J4988*Input!$C$19,0)+IF(Input!$D$20=4,K4988*Input!$C$20,0)+IF(Input!$D$21=4,L4988*Input!$C$21,0)+IF(Input!$D$22=4,M4988*Input!$C$22,0)</f>
        <v>0</v>
      </c>
      <c r="R4988" s="58">
        <v>69.23764768143964</v>
      </c>
      <c r="S4988" s="124">
        <f t="shared" si="77"/>
        <v>1.9397871357364758</v>
      </c>
    </row>
    <row r="4989" spans="8:19" x14ac:dyDescent="0.3">
      <c r="H4989" s="44">
        <v>4982</v>
      </c>
      <c r="I4989" s="56">
        <f>Bühler!I5015</f>
        <v>0.44764318516995594</v>
      </c>
      <c r="J4989" s="59">
        <f>Bühler!J5015</f>
        <v>1.4921439505665199</v>
      </c>
      <c r="K4989" s="59">
        <f>Bühler!K5015</f>
        <v>2.2382159258497798</v>
      </c>
      <c r="L4989" s="59">
        <f>Bühler!L5015</f>
        <v>10.743436444078942</v>
      </c>
      <c r="M4989" s="58">
        <f>Bühler!M5015</f>
        <v>0</v>
      </c>
      <c r="N4989" s="56">
        <f>IF(Input!$D$19=1,J4989*Input!$C$19,0)+IF(Input!$D$20=1,K4989*Input!$C$20,0)+IF(Input!$D$21=1,L4989*Input!$C$21,0)+IF(Input!$D$22=1,M4989*Input!$C$22,0)</f>
        <v>0.44764318516995599</v>
      </c>
      <c r="O4989" s="59">
        <f>IF(Input!$D$19=2,J4989*Input!$C$19,0)+IF(Input!$D$20=2,K4989*Input!$C$20,0)+IF(Input!$D$21=2,L4989*Input!$C$21,0)+IF(Input!$D$22=2,M4989*Input!$C$22,0)</f>
        <v>1.1191079629248899</v>
      </c>
      <c r="P4989" s="59">
        <f>IF(Input!$D$19=3,J4989*Input!$C$19,0)+IF(Input!$D$20=3,K4989*Input!$C$20,0)+IF(Input!$D$21=3,L4989*Input!$C$21,0)+IF(Input!$D$22=3,M4989*Input!$C$22,0)</f>
        <v>0</v>
      </c>
      <c r="Q4989" s="75">
        <f>IF(Input!$D$19=4,J4989*Input!$C$19,0)+IF(Input!$D$20=4,K4989*Input!$C$20,0)+IF(Input!$D$21=4,L4989*Input!$C$21,0)+IF(Input!$D$22=4,M4989*Input!$C$22,0)</f>
        <v>0</v>
      </c>
      <c r="R4989" s="58">
        <v>68.316273176847318</v>
      </c>
      <c r="S4989" s="124">
        <f t="shared" si="77"/>
        <v>1.9397871357364758</v>
      </c>
    </row>
    <row r="4990" spans="8:19" x14ac:dyDescent="0.3">
      <c r="H4990" s="44">
        <v>4983</v>
      </c>
      <c r="I4990" s="56">
        <f>Bühler!I5016</f>
        <v>0.44764318516995594</v>
      </c>
      <c r="J4990" s="59">
        <f>Bühler!J5016</f>
        <v>1.4921439505665199</v>
      </c>
      <c r="K4990" s="59">
        <f>Bühler!K5016</f>
        <v>2.2382159258497798</v>
      </c>
      <c r="L4990" s="59">
        <f>Bühler!L5016</f>
        <v>10.743436444078942</v>
      </c>
      <c r="M4990" s="58">
        <f>Bühler!M5016</f>
        <v>0</v>
      </c>
      <c r="N4990" s="56">
        <f>IF(Input!$D$19=1,J4990*Input!$C$19,0)+IF(Input!$D$20=1,K4990*Input!$C$20,0)+IF(Input!$D$21=1,L4990*Input!$C$21,0)+IF(Input!$D$22=1,M4990*Input!$C$22,0)</f>
        <v>0.44764318516995599</v>
      </c>
      <c r="O4990" s="59">
        <f>IF(Input!$D$19=2,J4990*Input!$C$19,0)+IF(Input!$D$20=2,K4990*Input!$C$20,0)+IF(Input!$D$21=2,L4990*Input!$C$21,0)+IF(Input!$D$22=2,M4990*Input!$C$22,0)</f>
        <v>1.1191079629248899</v>
      </c>
      <c r="P4990" s="59">
        <f>IF(Input!$D$19=3,J4990*Input!$C$19,0)+IF(Input!$D$20=3,K4990*Input!$C$20,0)+IF(Input!$D$21=3,L4990*Input!$C$21,0)+IF(Input!$D$22=3,M4990*Input!$C$22,0)</f>
        <v>0</v>
      </c>
      <c r="Q4990" s="75">
        <f>IF(Input!$D$19=4,J4990*Input!$C$19,0)+IF(Input!$D$20=4,K4990*Input!$C$20,0)+IF(Input!$D$21=4,L4990*Input!$C$21,0)+IF(Input!$D$22=4,M4990*Input!$C$22,0)</f>
        <v>0</v>
      </c>
      <c r="R4990" s="58">
        <v>67.721567907333466</v>
      </c>
      <c r="S4990" s="124">
        <f t="shared" si="77"/>
        <v>1.9397871357364758</v>
      </c>
    </row>
    <row r="4991" spans="8:19" x14ac:dyDescent="0.3">
      <c r="H4991" s="44">
        <v>4984</v>
      </c>
      <c r="I4991" s="56">
        <f>Bühler!I5017</f>
        <v>0.37303598764162993</v>
      </c>
      <c r="J4991" s="59">
        <f>Bühler!J5017</f>
        <v>1.2434532921387667</v>
      </c>
      <c r="K4991" s="59">
        <f>Bühler!K5017</f>
        <v>1.8651799382081498</v>
      </c>
      <c r="L4991" s="59">
        <f>Bühler!L5017</f>
        <v>8.9528637033991192</v>
      </c>
      <c r="M4991" s="58">
        <f>Bühler!M5017</f>
        <v>0</v>
      </c>
      <c r="N4991" s="56">
        <f>IF(Input!$D$19=1,J4991*Input!$C$19,0)+IF(Input!$D$20=1,K4991*Input!$C$20,0)+IF(Input!$D$21=1,L4991*Input!$C$21,0)+IF(Input!$D$22=1,M4991*Input!$C$22,0)</f>
        <v>0.37303598764162998</v>
      </c>
      <c r="O4991" s="59">
        <f>IF(Input!$D$19=2,J4991*Input!$C$19,0)+IF(Input!$D$20=2,K4991*Input!$C$20,0)+IF(Input!$D$21=2,L4991*Input!$C$21,0)+IF(Input!$D$22=2,M4991*Input!$C$22,0)</f>
        <v>0.93258996910407488</v>
      </c>
      <c r="P4991" s="59">
        <f>IF(Input!$D$19=3,J4991*Input!$C$19,0)+IF(Input!$D$20=3,K4991*Input!$C$20,0)+IF(Input!$D$21=3,L4991*Input!$C$21,0)+IF(Input!$D$22=3,M4991*Input!$C$22,0)</f>
        <v>0</v>
      </c>
      <c r="Q4991" s="75">
        <f>IF(Input!$D$19=4,J4991*Input!$C$19,0)+IF(Input!$D$20=4,K4991*Input!$C$20,0)+IF(Input!$D$21=4,L4991*Input!$C$21,0)+IF(Input!$D$22=4,M4991*Input!$C$22,0)</f>
        <v>0</v>
      </c>
      <c r="R4991" s="58">
        <v>67.644485178206466</v>
      </c>
      <c r="S4991" s="124">
        <f t="shared" si="77"/>
        <v>1.6164892797803967</v>
      </c>
    </row>
    <row r="4992" spans="8:19" x14ac:dyDescent="0.3">
      <c r="H4992" s="44">
        <v>4985</v>
      </c>
      <c r="I4992" s="56">
        <f>Bühler!I5018</f>
        <v>0.35314073496740972</v>
      </c>
      <c r="J4992" s="59">
        <f>Bühler!J5018</f>
        <v>1.1771357832246991</v>
      </c>
      <c r="K4992" s="59">
        <f>Bühler!K5018</f>
        <v>1.7657036748370487</v>
      </c>
      <c r="L4992" s="59">
        <f>Bühler!L5018</f>
        <v>8.4753776392178342</v>
      </c>
      <c r="M4992" s="58">
        <f>Bühler!M5018</f>
        <v>0</v>
      </c>
      <c r="N4992" s="56">
        <f>IF(Input!$D$19=1,J4992*Input!$C$19,0)+IF(Input!$D$20=1,K4992*Input!$C$20,0)+IF(Input!$D$21=1,L4992*Input!$C$21,0)+IF(Input!$D$22=1,M4992*Input!$C$22,0)</f>
        <v>0.35314073496740972</v>
      </c>
      <c r="O4992" s="59">
        <f>IF(Input!$D$19=2,J4992*Input!$C$19,0)+IF(Input!$D$20=2,K4992*Input!$C$20,0)+IF(Input!$D$21=2,L4992*Input!$C$21,0)+IF(Input!$D$22=2,M4992*Input!$C$22,0)</f>
        <v>0.88285183741852435</v>
      </c>
      <c r="P4992" s="59">
        <f>IF(Input!$D$19=3,J4992*Input!$C$19,0)+IF(Input!$D$20=3,K4992*Input!$C$20,0)+IF(Input!$D$21=3,L4992*Input!$C$21,0)+IF(Input!$D$22=3,M4992*Input!$C$22,0)</f>
        <v>0</v>
      </c>
      <c r="Q4992" s="75">
        <f>IF(Input!$D$19=4,J4992*Input!$C$19,0)+IF(Input!$D$20=4,K4992*Input!$C$20,0)+IF(Input!$D$21=4,L4992*Input!$C$21,0)+IF(Input!$D$22=4,M4992*Input!$C$22,0)</f>
        <v>0</v>
      </c>
      <c r="R4992" s="58">
        <v>66.773183476468446</v>
      </c>
      <c r="S4992" s="124">
        <f t="shared" si="77"/>
        <v>1.530276518192109</v>
      </c>
    </row>
    <row r="4993" spans="8:19" x14ac:dyDescent="0.3">
      <c r="H4993" s="44">
        <v>4986</v>
      </c>
      <c r="I4993" s="56">
        <f>Bühler!I5019</f>
        <v>0.35314073496740972</v>
      </c>
      <c r="J4993" s="59">
        <f>Bühler!J5019</f>
        <v>1.1771357832246991</v>
      </c>
      <c r="K4993" s="59">
        <f>Bühler!K5019</f>
        <v>1.7657036748370487</v>
      </c>
      <c r="L4993" s="59">
        <f>Bühler!L5019</f>
        <v>8.4753776392178342</v>
      </c>
      <c r="M4993" s="58">
        <f>Bühler!M5019</f>
        <v>0</v>
      </c>
      <c r="N4993" s="56">
        <f>IF(Input!$D$19=1,J4993*Input!$C$19,0)+IF(Input!$D$20=1,K4993*Input!$C$20,0)+IF(Input!$D$21=1,L4993*Input!$C$21,0)+IF(Input!$D$22=1,M4993*Input!$C$22,0)</f>
        <v>0.35314073496740972</v>
      </c>
      <c r="O4993" s="59">
        <f>IF(Input!$D$19=2,J4993*Input!$C$19,0)+IF(Input!$D$20=2,K4993*Input!$C$20,0)+IF(Input!$D$21=2,L4993*Input!$C$21,0)+IF(Input!$D$22=2,M4993*Input!$C$22,0)</f>
        <v>0.88285183741852435</v>
      </c>
      <c r="P4993" s="59">
        <f>IF(Input!$D$19=3,J4993*Input!$C$19,0)+IF(Input!$D$20=3,K4993*Input!$C$20,0)+IF(Input!$D$21=3,L4993*Input!$C$21,0)+IF(Input!$D$22=3,M4993*Input!$C$22,0)</f>
        <v>0</v>
      </c>
      <c r="Q4993" s="75">
        <f>IF(Input!$D$19=4,J4993*Input!$C$19,0)+IF(Input!$D$20=4,K4993*Input!$C$20,0)+IF(Input!$D$21=4,L4993*Input!$C$21,0)+IF(Input!$D$22=4,M4993*Input!$C$22,0)</f>
        <v>0</v>
      </c>
      <c r="R4993" s="58">
        <v>65.070221111384029</v>
      </c>
      <c r="S4993" s="124">
        <f t="shared" si="77"/>
        <v>1.530276518192109</v>
      </c>
    </row>
    <row r="4994" spans="8:19" x14ac:dyDescent="0.3">
      <c r="H4994" s="44">
        <v>4987</v>
      </c>
      <c r="I4994" s="56">
        <f>Bühler!I5020</f>
        <v>0.35314073496740972</v>
      </c>
      <c r="J4994" s="59">
        <f>Bühler!J5020</f>
        <v>1.1771357832246991</v>
      </c>
      <c r="K4994" s="59">
        <f>Bühler!K5020</f>
        <v>1.7657036748370487</v>
      </c>
      <c r="L4994" s="59">
        <f>Bühler!L5020</f>
        <v>8.4753776392178342</v>
      </c>
      <c r="M4994" s="58">
        <f>Bühler!M5020</f>
        <v>0</v>
      </c>
      <c r="N4994" s="56">
        <f>IF(Input!$D$19=1,J4994*Input!$C$19,0)+IF(Input!$D$20=1,K4994*Input!$C$20,0)+IF(Input!$D$21=1,L4994*Input!$C$21,0)+IF(Input!$D$22=1,M4994*Input!$C$22,0)</f>
        <v>0.35314073496740972</v>
      </c>
      <c r="O4994" s="59">
        <f>IF(Input!$D$19=2,J4994*Input!$C$19,0)+IF(Input!$D$20=2,K4994*Input!$C$20,0)+IF(Input!$D$21=2,L4994*Input!$C$21,0)+IF(Input!$D$22=2,M4994*Input!$C$22,0)</f>
        <v>0.88285183741852435</v>
      </c>
      <c r="P4994" s="59">
        <f>IF(Input!$D$19=3,J4994*Input!$C$19,0)+IF(Input!$D$20=3,K4994*Input!$C$20,0)+IF(Input!$D$21=3,L4994*Input!$C$21,0)+IF(Input!$D$22=3,M4994*Input!$C$22,0)</f>
        <v>0</v>
      </c>
      <c r="Q4994" s="75">
        <f>IF(Input!$D$19=4,J4994*Input!$C$19,0)+IF(Input!$D$20=4,K4994*Input!$C$20,0)+IF(Input!$D$21=4,L4994*Input!$C$21,0)+IF(Input!$D$22=4,M4994*Input!$C$22,0)</f>
        <v>0</v>
      </c>
      <c r="R4994" s="58">
        <v>62.640911164179542</v>
      </c>
      <c r="S4994" s="124">
        <f t="shared" si="77"/>
        <v>1.530276518192109</v>
      </c>
    </row>
    <row r="4995" spans="8:19" x14ac:dyDescent="0.3">
      <c r="H4995" s="44">
        <v>4988</v>
      </c>
      <c r="I4995" s="56">
        <f>Bühler!I5021</f>
        <v>0.35314073496740972</v>
      </c>
      <c r="J4995" s="59">
        <f>Bühler!J5021</f>
        <v>1.1771357832246991</v>
      </c>
      <c r="K4995" s="59">
        <f>Bühler!K5021</f>
        <v>1.7657036748370487</v>
      </c>
      <c r="L4995" s="59">
        <f>Bühler!L5021</f>
        <v>8.4753776392178342</v>
      </c>
      <c r="M4995" s="58">
        <f>Bühler!M5021</f>
        <v>0</v>
      </c>
      <c r="N4995" s="56">
        <f>IF(Input!$D$19=1,J4995*Input!$C$19,0)+IF(Input!$D$20=1,K4995*Input!$C$20,0)+IF(Input!$D$21=1,L4995*Input!$C$21,0)+IF(Input!$D$22=1,M4995*Input!$C$22,0)</f>
        <v>0.35314073496740972</v>
      </c>
      <c r="O4995" s="59">
        <f>IF(Input!$D$19=2,J4995*Input!$C$19,0)+IF(Input!$D$20=2,K4995*Input!$C$20,0)+IF(Input!$D$21=2,L4995*Input!$C$21,0)+IF(Input!$D$22=2,M4995*Input!$C$22,0)</f>
        <v>0.88285183741852435</v>
      </c>
      <c r="P4995" s="59">
        <f>IF(Input!$D$19=3,J4995*Input!$C$19,0)+IF(Input!$D$20=3,K4995*Input!$C$20,0)+IF(Input!$D$21=3,L4995*Input!$C$21,0)+IF(Input!$D$22=3,M4995*Input!$C$22,0)</f>
        <v>0</v>
      </c>
      <c r="Q4995" s="75">
        <f>IF(Input!$D$19=4,J4995*Input!$C$19,0)+IF(Input!$D$20=4,K4995*Input!$C$20,0)+IF(Input!$D$21=4,L4995*Input!$C$21,0)+IF(Input!$D$22=4,M4995*Input!$C$22,0)</f>
        <v>0</v>
      </c>
      <c r="R4995" s="58">
        <v>60.762133810845903</v>
      </c>
      <c r="S4995" s="124">
        <f t="shared" si="77"/>
        <v>1.530276518192109</v>
      </c>
    </row>
    <row r="4996" spans="8:19" x14ac:dyDescent="0.3">
      <c r="H4996" s="44">
        <v>4989</v>
      </c>
      <c r="I4996" s="56">
        <f>Bühler!I5022</f>
        <v>0.2735597242705286</v>
      </c>
      <c r="J4996" s="59">
        <f>Bühler!J5022</f>
        <v>0.91186574756842875</v>
      </c>
      <c r="K4996" s="59">
        <f>Bühler!K5022</f>
        <v>1.367798621352643</v>
      </c>
      <c r="L4996" s="59">
        <f>Bühler!L5022</f>
        <v>6.5654333824926869</v>
      </c>
      <c r="M4996" s="58">
        <f>Bühler!M5022</f>
        <v>0</v>
      </c>
      <c r="N4996" s="56">
        <f>IF(Input!$D$19=1,J4996*Input!$C$19,0)+IF(Input!$D$20=1,K4996*Input!$C$20,0)+IF(Input!$D$21=1,L4996*Input!$C$21,0)+IF(Input!$D$22=1,M4996*Input!$C$22,0)</f>
        <v>0.2735597242705286</v>
      </c>
      <c r="O4996" s="59">
        <f>IF(Input!$D$19=2,J4996*Input!$C$19,0)+IF(Input!$D$20=2,K4996*Input!$C$20,0)+IF(Input!$D$21=2,L4996*Input!$C$21,0)+IF(Input!$D$22=2,M4996*Input!$C$22,0)</f>
        <v>0.68389931067632148</v>
      </c>
      <c r="P4996" s="59">
        <f>IF(Input!$D$19=3,J4996*Input!$C$19,0)+IF(Input!$D$20=3,K4996*Input!$C$20,0)+IF(Input!$D$21=3,L4996*Input!$C$21,0)+IF(Input!$D$22=3,M4996*Input!$C$22,0)</f>
        <v>0</v>
      </c>
      <c r="Q4996" s="75">
        <f>IF(Input!$D$19=4,J4996*Input!$C$19,0)+IF(Input!$D$20=4,K4996*Input!$C$20,0)+IF(Input!$D$21=4,L4996*Input!$C$21,0)+IF(Input!$D$22=4,M4996*Input!$C$22,0)</f>
        <v>0</v>
      </c>
      <c r="R4996" s="58">
        <v>58.745033135811255</v>
      </c>
      <c r="S4996" s="124">
        <f t="shared" si="77"/>
        <v>1.1854254718389574</v>
      </c>
    </row>
    <row r="4997" spans="8:19" x14ac:dyDescent="0.3">
      <c r="H4997" s="44">
        <v>4990</v>
      </c>
      <c r="I4997" s="56">
        <f>Bühler!I5023</f>
        <v>0.10445007653965639</v>
      </c>
      <c r="J4997" s="59">
        <f>Bühler!J5023</f>
        <v>0.34816692179885467</v>
      </c>
      <c r="K4997" s="59">
        <f>Bühler!K5023</f>
        <v>0.52225038269828195</v>
      </c>
      <c r="L4997" s="59">
        <f>Bühler!L5023</f>
        <v>2.5068018369517535</v>
      </c>
      <c r="M4997" s="58">
        <f>Bühler!M5023</f>
        <v>0</v>
      </c>
      <c r="N4997" s="56">
        <f>IF(Input!$D$19=1,J4997*Input!$C$19,0)+IF(Input!$D$20=1,K4997*Input!$C$20,0)+IF(Input!$D$21=1,L4997*Input!$C$21,0)+IF(Input!$D$22=1,M4997*Input!$C$22,0)</f>
        <v>0.10445007653965639</v>
      </c>
      <c r="O4997" s="59">
        <f>IF(Input!$D$19=2,J4997*Input!$C$19,0)+IF(Input!$D$20=2,K4997*Input!$C$20,0)+IF(Input!$D$21=2,L4997*Input!$C$21,0)+IF(Input!$D$22=2,M4997*Input!$C$22,0)</f>
        <v>0.26112519134914097</v>
      </c>
      <c r="P4997" s="59">
        <f>IF(Input!$D$19=3,J4997*Input!$C$19,0)+IF(Input!$D$20=3,K4997*Input!$C$20,0)+IF(Input!$D$21=3,L4997*Input!$C$21,0)+IF(Input!$D$22=3,M4997*Input!$C$22,0)</f>
        <v>0</v>
      </c>
      <c r="Q4997" s="75">
        <f>IF(Input!$D$19=4,J4997*Input!$C$19,0)+IF(Input!$D$20=4,K4997*Input!$C$20,0)+IF(Input!$D$21=4,L4997*Input!$C$21,0)+IF(Input!$D$22=4,M4997*Input!$C$22,0)</f>
        <v>0</v>
      </c>
      <c r="R4997" s="58">
        <v>57.034271013440474</v>
      </c>
      <c r="S4997" s="124">
        <f t="shared" si="77"/>
        <v>0.45261699833851105</v>
      </c>
    </row>
    <row r="4998" spans="8:19" x14ac:dyDescent="0.3">
      <c r="H4998" s="44">
        <v>4991</v>
      </c>
      <c r="I4998" s="56">
        <f>Bühler!I5024</f>
        <v>0.10445007653965639</v>
      </c>
      <c r="J4998" s="59">
        <f>Bühler!J5024</f>
        <v>0.34816692179885467</v>
      </c>
      <c r="K4998" s="59">
        <f>Bühler!K5024</f>
        <v>0.52225038269828195</v>
      </c>
      <c r="L4998" s="59">
        <f>Bühler!L5024</f>
        <v>2.5068018369517535</v>
      </c>
      <c r="M4998" s="58">
        <f>Bühler!M5024</f>
        <v>0</v>
      </c>
      <c r="N4998" s="56">
        <f>IF(Input!$D$19=1,J4998*Input!$C$19,0)+IF(Input!$D$20=1,K4998*Input!$C$20,0)+IF(Input!$D$21=1,L4998*Input!$C$21,0)+IF(Input!$D$22=1,M4998*Input!$C$22,0)</f>
        <v>0.10445007653965639</v>
      </c>
      <c r="O4998" s="59">
        <f>IF(Input!$D$19=2,J4998*Input!$C$19,0)+IF(Input!$D$20=2,K4998*Input!$C$20,0)+IF(Input!$D$21=2,L4998*Input!$C$21,0)+IF(Input!$D$22=2,M4998*Input!$C$22,0)</f>
        <v>0.26112519134914097</v>
      </c>
      <c r="P4998" s="59">
        <f>IF(Input!$D$19=3,J4998*Input!$C$19,0)+IF(Input!$D$20=3,K4998*Input!$C$20,0)+IF(Input!$D$21=3,L4998*Input!$C$21,0)+IF(Input!$D$22=3,M4998*Input!$C$22,0)</f>
        <v>0</v>
      </c>
      <c r="Q4998" s="75">
        <f>IF(Input!$D$19=4,J4998*Input!$C$19,0)+IF(Input!$D$20=4,K4998*Input!$C$20,0)+IF(Input!$D$21=4,L4998*Input!$C$21,0)+IF(Input!$D$22=4,M4998*Input!$C$22,0)</f>
        <v>0</v>
      </c>
      <c r="R4998" s="58">
        <v>56.634143060606426</v>
      </c>
      <c r="S4998" s="124">
        <f t="shared" si="77"/>
        <v>0.45261699833851105</v>
      </c>
    </row>
    <row r="4999" spans="8:19" x14ac:dyDescent="0.3">
      <c r="H4999" s="44">
        <v>4992</v>
      </c>
      <c r="I4999" s="56">
        <f>Bühler!I5025</f>
        <v>0.10445007653965639</v>
      </c>
      <c r="J4999" s="59">
        <f>Bühler!J5025</f>
        <v>0.34816692179885467</v>
      </c>
      <c r="K4999" s="59">
        <f>Bühler!K5025</f>
        <v>0.52225038269828195</v>
      </c>
      <c r="L4999" s="59">
        <f>Bühler!L5025</f>
        <v>2.5068018369517535</v>
      </c>
      <c r="M4999" s="58">
        <f>Bühler!M5025</f>
        <v>0</v>
      </c>
      <c r="N4999" s="56">
        <f>IF(Input!$D$19=1,J4999*Input!$C$19,0)+IF(Input!$D$20=1,K4999*Input!$C$20,0)+IF(Input!$D$21=1,L4999*Input!$C$21,0)+IF(Input!$D$22=1,M4999*Input!$C$22,0)</f>
        <v>0.10445007653965639</v>
      </c>
      <c r="O4999" s="59">
        <f>IF(Input!$D$19=2,J4999*Input!$C$19,0)+IF(Input!$D$20=2,K4999*Input!$C$20,0)+IF(Input!$D$21=2,L4999*Input!$C$21,0)+IF(Input!$D$22=2,M4999*Input!$C$22,0)</f>
        <v>0.26112519134914097</v>
      </c>
      <c r="P4999" s="59">
        <f>IF(Input!$D$19=3,J4999*Input!$C$19,0)+IF(Input!$D$20=3,K4999*Input!$C$20,0)+IF(Input!$D$21=3,L4999*Input!$C$21,0)+IF(Input!$D$22=3,M4999*Input!$C$22,0)</f>
        <v>0</v>
      </c>
      <c r="Q4999" s="75">
        <f>IF(Input!$D$19=4,J4999*Input!$C$19,0)+IF(Input!$D$20=4,K4999*Input!$C$20,0)+IF(Input!$D$21=4,L4999*Input!$C$21,0)+IF(Input!$D$22=4,M4999*Input!$C$22,0)</f>
        <v>0</v>
      </c>
      <c r="R4999" s="58">
        <v>55.665432321191084</v>
      </c>
      <c r="S4999" s="124">
        <f t="shared" si="77"/>
        <v>0.45261699833851105</v>
      </c>
    </row>
    <row r="5000" spans="8:19" x14ac:dyDescent="0.3">
      <c r="H5000" s="44">
        <v>4993</v>
      </c>
      <c r="I5000" s="56">
        <f>Bühler!I5026</f>
        <v>4.1852010458093718E-2</v>
      </c>
      <c r="J5000" s="59">
        <f>Bühler!J5026</f>
        <v>0.13950670152697908</v>
      </c>
      <c r="K5000" s="59">
        <f>Bühler!K5026</f>
        <v>0.2092600522904686</v>
      </c>
      <c r="L5000" s="59">
        <f>Bühler!L5026</f>
        <v>3.3912603714411733</v>
      </c>
      <c r="M5000" s="58">
        <f>Bühler!M5026</f>
        <v>0</v>
      </c>
      <c r="N5000" s="56">
        <f>IF(Input!$D$19=1,J5000*Input!$C$19,0)+IF(Input!$D$20=1,K5000*Input!$C$20,0)+IF(Input!$D$21=1,L5000*Input!$C$21,0)+IF(Input!$D$22=1,M5000*Input!$C$22,0)</f>
        <v>4.1852010458093725E-2</v>
      </c>
      <c r="O5000" s="59">
        <f>IF(Input!$D$19=2,J5000*Input!$C$19,0)+IF(Input!$D$20=2,K5000*Input!$C$20,0)+IF(Input!$D$21=2,L5000*Input!$C$21,0)+IF(Input!$D$22=2,M5000*Input!$C$22,0)</f>
        <v>0.1046300261452343</v>
      </c>
      <c r="P5000" s="59">
        <f>IF(Input!$D$19=3,J5000*Input!$C$19,0)+IF(Input!$D$20=3,K5000*Input!$C$20,0)+IF(Input!$D$21=3,L5000*Input!$C$21,0)+IF(Input!$D$22=3,M5000*Input!$C$22,0)</f>
        <v>0</v>
      </c>
      <c r="Q5000" s="75">
        <f>IF(Input!$D$19=4,J5000*Input!$C$19,0)+IF(Input!$D$20=4,K5000*Input!$C$20,0)+IF(Input!$D$21=4,L5000*Input!$C$21,0)+IF(Input!$D$22=4,M5000*Input!$C$22,0)</f>
        <v>0</v>
      </c>
      <c r="R5000" s="58">
        <v>54.709952384035823</v>
      </c>
      <c r="S5000" s="124">
        <f t="shared" si="77"/>
        <v>0.18135871198507281</v>
      </c>
    </row>
    <row r="5001" spans="8:19" x14ac:dyDescent="0.3">
      <c r="H5001" s="44">
        <v>4994</v>
      </c>
      <c r="I5001" s="56">
        <f>Bühler!I5027</f>
        <v>8.1711068037230605E-2</v>
      </c>
      <c r="J5001" s="59">
        <f>Bühler!J5027</f>
        <v>0.27237022679076872</v>
      </c>
      <c r="K5001" s="59">
        <f>Bühler!K5027</f>
        <v>0.40855534018615308</v>
      </c>
      <c r="L5001" s="59">
        <f>Bühler!L5027</f>
        <v>6.6210321537661017</v>
      </c>
      <c r="M5001" s="58">
        <f>Bühler!M5027</f>
        <v>0</v>
      </c>
      <c r="N5001" s="56">
        <f>IF(Input!$D$19=1,J5001*Input!$C$19,0)+IF(Input!$D$20=1,K5001*Input!$C$20,0)+IF(Input!$D$21=1,L5001*Input!$C$21,0)+IF(Input!$D$22=1,M5001*Input!$C$22,0)</f>
        <v>8.1711068037230619E-2</v>
      </c>
      <c r="O5001" s="59">
        <f>IF(Input!$D$19=2,J5001*Input!$C$19,0)+IF(Input!$D$20=2,K5001*Input!$C$20,0)+IF(Input!$D$21=2,L5001*Input!$C$21,0)+IF(Input!$D$22=2,M5001*Input!$C$22,0)</f>
        <v>0.20427767009307654</v>
      </c>
      <c r="P5001" s="59">
        <f>IF(Input!$D$19=3,J5001*Input!$C$19,0)+IF(Input!$D$20=3,K5001*Input!$C$20,0)+IF(Input!$D$21=3,L5001*Input!$C$21,0)+IF(Input!$D$22=3,M5001*Input!$C$22,0)</f>
        <v>0</v>
      </c>
      <c r="Q5001" s="75">
        <f>IF(Input!$D$19=4,J5001*Input!$C$19,0)+IF(Input!$D$20=4,K5001*Input!$C$20,0)+IF(Input!$D$21=4,L5001*Input!$C$21,0)+IF(Input!$D$22=4,M5001*Input!$C$22,0)</f>
        <v>0</v>
      </c>
      <c r="R5001" s="58">
        <v>53.447673873527599</v>
      </c>
      <c r="S5001" s="124">
        <f t="shared" ref="S5001:S5064" si="78">I5001+J5001</f>
        <v>0.35408129482799933</v>
      </c>
    </row>
    <row r="5002" spans="8:19" x14ac:dyDescent="0.3">
      <c r="H5002" s="44">
        <v>4995</v>
      </c>
      <c r="I5002" s="56">
        <f>Bühler!I5028</f>
        <v>8.1711068037230605E-2</v>
      </c>
      <c r="J5002" s="59">
        <f>Bühler!J5028</f>
        <v>0.27237022679076872</v>
      </c>
      <c r="K5002" s="59">
        <f>Bühler!K5028</f>
        <v>0.40855534018615308</v>
      </c>
      <c r="L5002" s="59">
        <f>Bühler!L5028</f>
        <v>6.6210321537661017</v>
      </c>
      <c r="M5002" s="58">
        <f>Bühler!M5028</f>
        <v>0</v>
      </c>
      <c r="N5002" s="56">
        <f>IF(Input!$D$19=1,J5002*Input!$C$19,0)+IF(Input!$D$20=1,K5002*Input!$C$20,0)+IF(Input!$D$21=1,L5002*Input!$C$21,0)+IF(Input!$D$22=1,M5002*Input!$C$22,0)</f>
        <v>8.1711068037230619E-2</v>
      </c>
      <c r="O5002" s="59">
        <f>IF(Input!$D$19=2,J5002*Input!$C$19,0)+IF(Input!$D$20=2,K5002*Input!$C$20,0)+IF(Input!$D$21=2,L5002*Input!$C$21,0)+IF(Input!$D$22=2,M5002*Input!$C$22,0)</f>
        <v>0.20427767009307654</v>
      </c>
      <c r="P5002" s="59">
        <f>IF(Input!$D$19=3,J5002*Input!$C$19,0)+IF(Input!$D$20=3,K5002*Input!$C$20,0)+IF(Input!$D$21=3,L5002*Input!$C$21,0)+IF(Input!$D$22=3,M5002*Input!$C$22,0)</f>
        <v>0</v>
      </c>
      <c r="Q5002" s="75">
        <f>IF(Input!$D$19=4,J5002*Input!$C$19,0)+IF(Input!$D$20=4,K5002*Input!$C$20,0)+IF(Input!$D$21=4,L5002*Input!$C$21,0)+IF(Input!$D$22=4,M5002*Input!$C$22,0)</f>
        <v>0</v>
      </c>
      <c r="R5002" s="58">
        <v>52.579725945032955</v>
      </c>
      <c r="S5002" s="124">
        <f t="shared" si="78"/>
        <v>0.35408129482799933</v>
      </c>
    </row>
    <row r="5003" spans="8:19" x14ac:dyDescent="0.3">
      <c r="H5003" s="44">
        <v>4996</v>
      </c>
      <c r="I5003" s="56">
        <f>Bühler!I5029</f>
        <v>8.1711068037230605E-2</v>
      </c>
      <c r="J5003" s="59">
        <f>Bühler!J5029</f>
        <v>0.27237022679076872</v>
      </c>
      <c r="K5003" s="59">
        <f>Bühler!K5029</f>
        <v>0.40855534018615308</v>
      </c>
      <c r="L5003" s="59">
        <f>Bühler!L5029</f>
        <v>6.6210321537661017</v>
      </c>
      <c r="M5003" s="58">
        <f>Bühler!M5029</f>
        <v>0</v>
      </c>
      <c r="N5003" s="56">
        <f>IF(Input!$D$19=1,J5003*Input!$C$19,0)+IF(Input!$D$20=1,K5003*Input!$C$20,0)+IF(Input!$D$21=1,L5003*Input!$C$21,0)+IF(Input!$D$22=1,M5003*Input!$C$22,0)</f>
        <v>8.1711068037230619E-2</v>
      </c>
      <c r="O5003" s="59">
        <f>IF(Input!$D$19=2,J5003*Input!$C$19,0)+IF(Input!$D$20=2,K5003*Input!$C$20,0)+IF(Input!$D$21=2,L5003*Input!$C$21,0)+IF(Input!$D$22=2,M5003*Input!$C$22,0)</f>
        <v>0.20427767009307654</v>
      </c>
      <c r="P5003" s="59">
        <f>IF(Input!$D$19=3,J5003*Input!$C$19,0)+IF(Input!$D$20=3,K5003*Input!$C$20,0)+IF(Input!$D$21=3,L5003*Input!$C$21,0)+IF(Input!$D$22=3,M5003*Input!$C$22,0)</f>
        <v>0</v>
      </c>
      <c r="Q5003" s="75">
        <f>IF(Input!$D$19=4,J5003*Input!$C$19,0)+IF(Input!$D$20=4,K5003*Input!$C$20,0)+IF(Input!$D$21=4,L5003*Input!$C$21,0)+IF(Input!$D$22=4,M5003*Input!$C$22,0)</f>
        <v>0</v>
      </c>
      <c r="R5003" s="58">
        <v>52.26332758289702</v>
      </c>
      <c r="S5003" s="124">
        <f t="shared" si="78"/>
        <v>0.35408129482799933</v>
      </c>
    </row>
    <row r="5004" spans="8:19" x14ac:dyDescent="0.3">
      <c r="H5004" s="44">
        <v>4997</v>
      </c>
      <c r="I5004" s="56">
        <f>Bühler!I5030</f>
        <v>8.1711068037230605E-2</v>
      </c>
      <c r="J5004" s="59">
        <f>Bühler!J5030</f>
        <v>0.27237022679076872</v>
      </c>
      <c r="K5004" s="59">
        <f>Bühler!K5030</f>
        <v>0.40855534018615308</v>
      </c>
      <c r="L5004" s="59">
        <f>Bühler!L5030</f>
        <v>6.6210321537661017</v>
      </c>
      <c r="M5004" s="58">
        <f>Bühler!M5030</f>
        <v>0</v>
      </c>
      <c r="N5004" s="56">
        <f>IF(Input!$D$19=1,J5004*Input!$C$19,0)+IF(Input!$D$20=1,K5004*Input!$C$20,0)+IF(Input!$D$21=1,L5004*Input!$C$21,0)+IF(Input!$D$22=1,M5004*Input!$C$22,0)</f>
        <v>8.1711068037230619E-2</v>
      </c>
      <c r="O5004" s="59">
        <f>IF(Input!$D$19=2,J5004*Input!$C$19,0)+IF(Input!$D$20=2,K5004*Input!$C$20,0)+IF(Input!$D$21=2,L5004*Input!$C$21,0)+IF(Input!$D$22=2,M5004*Input!$C$22,0)</f>
        <v>0.20427767009307654</v>
      </c>
      <c r="P5004" s="59">
        <f>IF(Input!$D$19=3,J5004*Input!$C$19,0)+IF(Input!$D$20=3,K5004*Input!$C$20,0)+IF(Input!$D$21=3,L5004*Input!$C$21,0)+IF(Input!$D$22=3,M5004*Input!$C$22,0)</f>
        <v>0</v>
      </c>
      <c r="Q5004" s="75">
        <f>IF(Input!$D$19=4,J5004*Input!$C$19,0)+IF(Input!$D$20=4,K5004*Input!$C$20,0)+IF(Input!$D$21=4,L5004*Input!$C$21,0)+IF(Input!$D$22=4,M5004*Input!$C$22,0)</f>
        <v>0</v>
      </c>
      <c r="R5004" s="58">
        <v>51.257226285769988</v>
      </c>
      <c r="S5004" s="124">
        <f t="shared" si="78"/>
        <v>0.35408129482799933</v>
      </c>
    </row>
    <row r="5005" spans="8:19" x14ac:dyDescent="0.3">
      <c r="H5005" s="44">
        <v>4998</v>
      </c>
      <c r="I5005" s="56">
        <f>Bühler!I5031</f>
        <v>0.10164059682679906</v>
      </c>
      <c r="J5005" s="59">
        <f>Bühler!J5031</f>
        <v>0.3388019894226636</v>
      </c>
      <c r="K5005" s="59">
        <f>Bühler!K5031</f>
        <v>0.50820298413399534</v>
      </c>
      <c r="L5005" s="59">
        <f>Bühler!L5031</f>
        <v>8.2359180449285656</v>
      </c>
      <c r="M5005" s="58">
        <f>Bühler!M5031</f>
        <v>0</v>
      </c>
      <c r="N5005" s="56">
        <f>IF(Input!$D$19=1,J5005*Input!$C$19,0)+IF(Input!$D$20=1,K5005*Input!$C$20,0)+IF(Input!$D$21=1,L5005*Input!$C$21,0)+IF(Input!$D$22=1,M5005*Input!$C$22,0)</f>
        <v>0.10164059682679907</v>
      </c>
      <c r="O5005" s="59">
        <f>IF(Input!$D$19=2,J5005*Input!$C$19,0)+IF(Input!$D$20=2,K5005*Input!$C$20,0)+IF(Input!$D$21=2,L5005*Input!$C$21,0)+IF(Input!$D$22=2,M5005*Input!$C$22,0)</f>
        <v>0.25410149206699767</v>
      </c>
      <c r="P5005" s="59">
        <f>IF(Input!$D$19=3,J5005*Input!$C$19,0)+IF(Input!$D$20=3,K5005*Input!$C$20,0)+IF(Input!$D$21=3,L5005*Input!$C$21,0)+IF(Input!$D$22=3,M5005*Input!$C$22,0)</f>
        <v>0</v>
      </c>
      <c r="Q5005" s="75">
        <f>IF(Input!$D$19=4,J5005*Input!$C$19,0)+IF(Input!$D$20=4,K5005*Input!$C$20,0)+IF(Input!$D$21=4,L5005*Input!$C$21,0)+IF(Input!$D$22=4,M5005*Input!$C$22,0)</f>
        <v>0</v>
      </c>
      <c r="R5005" s="58">
        <v>50.299911718478391</v>
      </c>
      <c r="S5005" s="124">
        <f t="shared" si="78"/>
        <v>0.44044258624946264</v>
      </c>
    </row>
    <row r="5006" spans="8:19" x14ac:dyDescent="0.3">
      <c r="H5006" s="44">
        <v>4999</v>
      </c>
      <c r="I5006" s="56">
        <f>Bühler!I5032</f>
        <v>0.12754898425323802</v>
      </c>
      <c r="J5006" s="59">
        <f>Bühler!J5032</f>
        <v>0.42516328084412675</v>
      </c>
      <c r="K5006" s="59">
        <f>Bühler!K5032</f>
        <v>0.6377449212661902</v>
      </c>
      <c r="L5006" s="59">
        <f>Bühler!L5032</f>
        <v>10.335269703439767</v>
      </c>
      <c r="M5006" s="58">
        <f>Bühler!M5032</f>
        <v>0</v>
      </c>
      <c r="N5006" s="56">
        <f>IF(Input!$D$19=1,J5006*Input!$C$19,0)+IF(Input!$D$20=1,K5006*Input!$C$20,0)+IF(Input!$D$21=1,L5006*Input!$C$21,0)+IF(Input!$D$22=1,M5006*Input!$C$22,0)</f>
        <v>0.12754898425323802</v>
      </c>
      <c r="O5006" s="59">
        <f>IF(Input!$D$19=2,J5006*Input!$C$19,0)+IF(Input!$D$20=2,K5006*Input!$C$20,0)+IF(Input!$D$21=2,L5006*Input!$C$21,0)+IF(Input!$D$22=2,M5006*Input!$C$22,0)</f>
        <v>0.3188724606330951</v>
      </c>
      <c r="P5006" s="59">
        <f>IF(Input!$D$19=3,J5006*Input!$C$19,0)+IF(Input!$D$20=3,K5006*Input!$C$20,0)+IF(Input!$D$21=3,L5006*Input!$C$21,0)+IF(Input!$D$22=3,M5006*Input!$C$22,0)</f>
        <v>0</v>
      </c>
      <c r="Q5006" s="75">
        <f>IF(Input!$D$19=4,J5006*Input!$C$19,0)+IF(Input!$D$20=4,K5006*Input!$C$20,0)+IF(Input!$D$21=4,L5006*Input!$C$21,0)+IF(Input!$D$22=4,M5006*Input!$C$22,0)</f>
        <v>0</v>
      </c>
      <c r="R5006" s="58">
        <v>49.715929948215688</v>
      </c>
      <c r="S5006" s="124">
        <f t="shared" si="78"/>
        <v>0.55271226509736482</v>
      </c>
    </row>
    <row r="5007" spans="8:19" x14ac:dyDescent="0.3">
      <c r="H5007" s="44">
        <v>5000</v>
      </c>
      <c r="I5007" s="56">
        <f>Bühler!I5033</f>
        <v>0.14548556016384961</v>
      </c>
      <c r="J5007" s="59">
        <f>Bühler!J5033</f>
        <v>0.48495186721283212</v>
      </c>
      <c r="K5007" s="59">
        <f>Bühler!K5033</f>
        <v>0.72742780081924818</v>
      </c>
      <c r="L5007" s="59">
        <f>Bühler!L5033</f>
        <v>11.788667005485985</v>
      </c>
      <c r="M5007" s="58">
        <f>Bühler!M5033</f>
        <v>0</v>
      </c>
      <c r="N5007" s="56">
        <f>IF(Input!$D$19=1,J5007*Input!$C$19,0)+IF(Input!$D$20=1,K5007*Input!$C$20,0)+IF(Input!$D$21=1,L5007*Input!$C$21,0)+IF(Input!$D$22=1,M5007*Input!$C$22,0)</f>
        <v>0.14548556016384964</v>
      </c>
      <c r="O5007" s="59">
        <f>IF(Input!$D$19=2,J5007*Input!$C$19,0)+IF(Input!$D$20=2,K5007*Input!$C$20,0)+IF(Input!$D$21=2,L5007*Input!$C$21,0)+IF(Input!$D$22=2,M5007*Input!$C$22,0)</f>
        <v>0.36371390040962409</v>
      </c>
      <c r="P5007" s="59">
        <f>IF(Input!$D$19=3,J5007*Input!$C$19,0)+IF(Input!$D$20=3,K5007*Input!$C$20,0)+IF(Input!$D$21=3,L5007*Input!$C$21,0)+IF(Input!$D$22=3,M5007*Input!$C$22,0)</f>
        <v>0</v>
      </c>
      <c r="Q5007" s="75">
        <f>IF(Input!$D$19=4,J5007*Input!$C$19,0)+IF(Input!$D$20=4,K5007*Input!$C$20,0)+IF(Input!$D$21=4,L5007*Input!$C$21,0)+IF(Input!$D$22=4,M5007*Input!$C$22,0)</f>
        <v>0</v>
      </c>
      <c r="R5007" s="58">
        <v>49.509431379943067</v>
      </c>
      <c r="S5007" s="124">
        <f t="shared" si="78"/>
        <v>0.63043742737668174</v>
      </c>
    </row>
    <row r="5008" spans="8:19" x14ac:dyDescent="0.3">
      <c r="H5008" s="44">
        <v>5001</v>
      </c>
      <c r="I5008" s="56">
        <f>Bühler!I5034</f>
        <v>0.14548556016384961</v>
      </c>
      <c r="J5008" s="59">
        <f>Bühler!J5034</f>
        <v>0.48495186721283212</v>
      </c>
      <c r="K5008" s="59">
        <f>Bühler!K5034</f>
        <v>0.72742780081924818</v>
      </c>
      <c r="L5008" s="59">
        <f>Bühler!L5034</f>
        <v>11.788667005485985</v>
      </c>
      <c r="M5008" s="58">
        <f>Bühler!M5034</f>
        <v>0</v>
      </c>
      <c r="N5008" s="56">
        <f>IF(Input!$D$19=1,J5008*Input!$C$19,0)+IF(Input!$D$20=1,K5008*Input!$C$20,0)+IF(Input!$D$21=1,L5008*Input!$C$21,0)+IF(Input!$D$22=1,M5008*Input!$C$22,0)</f>
        <v>0.14548556016384964</v>
      </c>
      <c r="O5008" s="59">
        <f>IF(Input!$D$19=2,J5008*Input!$C$19,0)+IF(Input!$D$20=2,K5008*Input!$C$20,0)+IF(Input!$D$21=2,L5008*Input!$C$21,0)+IF(Input!$D$22=2,M5008*Input!$C$22,0)</f>
        <v>0.36371390040962409</v>
      </c>
      <c r="P5008" s="59">
        <f>IF(Input!$D$19=3,J5008*Input!$C$19,0)+IF(Input!$D$20=3,K5008*Input!$C$20,0)+IF(Input!$D$21=3,L5008*Input!$C$21,0)+IF(Input!$D$22=3,M5008*Input!$C$22,0)</f>
        <v>0</v>
      </c>
      <c r="Q5008" s="75">
        <f>IF(Input!$D$19=4,J5008*Input!$C$19,0)+IF(Input!$D$20=4,K5008*Input!$C$20,0)+IF(Input!$D$21=4,L5008*Input!$C$21,0)+IF(Input!$D$22=4,M5008*Input!$C$22,0)</f>
        <v>0</v>
      </c>
      <c r="R5008" s="58">
        <v>48.716623792544226</v>
      </c>
      <c r="S5008" s="124">
        <f t="shared" si="78"/>
        <v>0.63043742737668174</v>
      </c>
    </row>
    <row r="5009" spans="8:19" x14ac:dyDescent="0.3">
      <c r="H5009" s="44">
        <v>5002</v>
      </c>
      <c r="I5009" s="56">
        <f>Bühler!I5035</f>
        <v>0.14548556016384961</v>
      </c>
      <c r="J5009" s="59">
        <f>Bühler!J5035</f>
        <v>0.48495186721283212</v>
      </c>
      <c r="K5009" s="59">
        <f>Bühler!K5035</f>
        <v>0.72742780081924818</v>
      </c>
      <c r="L5009" s="59">
        <f>Bühler!L5035</f>
        <v>11.788667005485985</v>
      </c>
      <c r="M5009" s="58">
        <f>Bühler!M5035</f>
        <v>0</v>
      </c>
      <c r="N5009" s="56">
        <f>IF(Input!$D$19=1,J5009*Input!$C$19,0)+IF(Input!$D$20=1,K5009*Input!$C$20,0)+IF(Input!$D$21=1,L5009*Input!$C$21,0)+IF(Input!$D$22=1,M5009*Input!$C$22,0)</f>
        <v>0.14548556016384964</v>
      </c>
      <c r="O5009" s="59">
        <f>IF(Input!$D$19=2,J5009*Input!$C$19,0)+IF(Input!$D$20=2,K5009*Input!$C$20,0)+IF(Input!$D$21=2,L5009*Input!$C$21,0)+IF(Input!$D$22=2,M5009*Input!$C$22,0)</f>
        <v>0.36371390040962409</v>
      </c>
      <c r="P5009" s="59">
        <f>IF(Input!$D$19=3,J5009*Input!$C$19,0)+IF(Input!$D$20=3,K5009*Input!$C$20,0)+IF(Input!$D$21=3,L5009*Input!$C$21,0)+IF(Input!$D$22=3,M5009*Input!$C$22,0)</f>
        <v>0</v>
      </c>
      <c r="Q5009" s="75">
        <f>IF(Input!$D$19=4,J5009*Input!$C$19,0)+IF(Input!$D$20=4,K5009*Input!$C$20,0)+IF(Input!$D$21=4,L5009*Input!$C$21,0)+IF(Input!$D$22=4,M5009*Input!$C$22,0)</f>
        <v>0</v>
      </c>
      <c r="R5009" s="58">
        <v>48.079326342277312</v>
      </c>
      <c r="S5009" s="124">
        <f t="shared" si="78"/>
        <v>0.63043742737668174</v>
      </c>
    </row>
    <row r="5010" spans="8:19" x14ac:dyDescent="0.3">
      <c r="H5010" s="44">
        <v>5003</v>
      </c>
      <c r="I5010" s="56">
        <f>Bühler!I5036</f>
        <v>0.14548556016384961</v>
      </c>
      <c r="J5010" s="59">
        <f>Bühler!J5036</f>
        <v>0.48495186721283212</v>
      </c>
      <c r="K5010" s="59">
        <f>Bühler!K5036</f>
        <v>0.72742780081924818</v>
      </c>
      <c r="L5010" s="59">
        <f>Bühler!L5036</f>
        <v>11.788667005485985</v>
      </c>
      <c r="M5010" s="58">
        <f>Bühler!M5036</f>
        <v>0</v>
      </c>
      <c r="N5010" s="56">
        <f>IF(Input!$D$19=1,J5010*Input!$C$19,0)+IF(Input!$D$20=1,K5010*Input!$C$20,0)+IF(Input!$D$21=1,L5010*Input!$C$21,0)+IF(Input!$D$22=1,M5010*Input!$C$22,0)</f>
        <v>0.14548556016384964</v>
      </c>
      <c r="O5010" s="59">
        <f>IF(Input!$D$19=2,J5010*Input!$C$19,0)+IF(Input!$D$20=2,K5010*Input!$C$20,0)+IF(Input!$D$21=2,L5010*Input!$C$21,0)+IF(Input!$D$22=2,M5010*Input!$C$22,0)</f>
        <v>0.36371390040962409</v>
      </c>
      <c r="P5010" s="59">
        <f>IF(Input!$D$19=3,J5010*Input!$C$19,0)+IF(Input!$D$20=3,K5010*Input!$C$20,0)+IF(Input!$D$21=3,L5010*Input!$C$21,0)+IF(Input!$D$22=3,M5010*Input!$C$22,0)</f>
        <v>0</v>
      </c>
      <c r="Q5010" s="75">
        <f>IF(Input!$D$19=4,J5010*Input!$C$19,0)+IF(Input!$D$20=4,K5010*Input!$C$20,0)+IF(Input!$D$21=4,L5010*Input!$C$21,0)+IF(Input!$D$22=4,M5010*Input!$C$22,0)</f>
        <v>0</v>
      </c>
      <c r="R5010" s="58">
        <v>47.813640347872877</v>
      </c>
      <c r="S5010" s="124">
        <f t="shared" si="78"/>
        <v>0.63043742737668174</v>
      </c>
    </row>
    <row r="5011" spans="8:19" x14ac:dyDescent="0.3">
      <c r="H5011" s="44">
        <v>5004</v>
      </c>
      <c r="I5011" s="56">
        <f>Bühler!I5037</f>
        <v>0.14548556016384961</v>
      </c>
      <c r="J5011" s="59">
        <f>Bühler!J5037</f>
        <v>0.48495186721283212</v>
      </c>
      <c r="K5011" s="59">
        <f>Bühler!K5037</f>
        <v>0.72742780081924818</v>
      </c>
      <c r="L5011" s="59">
        <f>Bühler!L5037</f>
        <v>11.788667005485985</v>
      </c>
      <c r="M5011" s="58">
        <f>Bühler!M5037</f>
        <v>0</v>
      </c>
      <c r="N5011" s="56">
        <f>IF(Input!$D$19=1,J5011*Input!$C$19,0)+IF(Input!$D$20=1,K5011*Input!$C$20,0)+IF(Input!$D$21=1,L5011*Input!$C$21,0)+IF(Input!$D$22=1,M5011*Input!$C$22,0)</f>
        <v>0.14548556016384964</v>
      </c>
      <c r="O5011" s="59">
        <f>IF(Input!$D$19=2,J5011*Input!$C$19,0)+IF(Input!$D$20=2,K5011*Input!$C$20,0)+IF(Input!$D$21=2,L5011*Input!$C$21,0)+IF(Input!$D$22=2,M5011*Input!$C$22,0)</f>
        <v>0.36371390040962409</v>
      </c>
      <c r="P5011" s="59">
        <f>IF(Input!$D$19=3,J5011*Input!$C$19,0)+IF(Input!$D$20=3,K5011*Input!$C$20,0)+IF(Input!$D$21=3,L5011*Input!$C$21,0)+IF(Input!$D$22=3,M5011*Input!$C$22,0)</f>
        <v>0</v>
      </c>
      <c r="Q5011" s="75">
        <f>IF(Input!$D$19=4,J5011*Input!$C$19,0)+IF(Input!$D$20=4,K5011*Input!$C$20,0)+IF(Input!$D$21=4,L5011*Input!$C$21,0)+IF(Input!$D$22=4,M5011*Input!$C$22,0)</f>
        <v>0</v>
      </c>
      <c r="R5011" s="58">
        <v>47.483225535454238</v>
      </c>
      <c r="S5011" s="124">
        <f t="shared" si="78"/>
        <v>0.63043742737668174</v>
      </c>
    </row>
    <row r="5012" spans="8:19" x14ac:dyDescent="0.3">
      <c r="H5012" s="44">
        <v>5005</v>
      </c>
      <c r="I5012" s="56">
        <f>Bühler!I5038</f>
        <v>0.14548556016384961</v>
      </c>
      <c r="J5012" s="59">
        <f>Bühler!J5038</f>
        <v>0.48495186721283212</v>
      </c>
      <c r="K5012" s="59">
        <f>Bühler!K5038</f>
        <v>0.72742780081924818</v>
      </c>
      <c r="L5012" s="59">
        <f>Bühler!L5038</f>
        <v>11.788667005485985</v>
      </c>
      <c r="M5012" s="58">
        <f>Bühler!M5038</f>
        <v>0</v>
      </c>
      <c r="N5012" s="56">
        <f>IF(Input!$D$19=1,J5012*Input!$C$19,0)+IF(Input!$D$20=1,K5012*Input!$C$20,0)+IF(Input!$D$21=1,L5012*Input!$C$21,0)+IF(Input!$D$22=1,M5012*Input!$C$22,0)</f>
        <v>0.14548556016384964</v>
      </c>
      <c r="O5012" s="59">
        <f>IF(Input!$D$19=2,J5012*Input!$C$19,0)+IF(Input!$D$20=2,K5012*Input!$C$20,0)+IF(Input!$D$21=2,L5012*Input!$C$21,0)+IF(Input!$D$22=2,M5012*Input!$C$22,0)</f>
        <v>0.36371390040962409</v>
      </c>
      <c r="P5012" s="59">
        <f>IF(Input!$D$19=3,J5012*Input!$C$19,0)+IF(Input!$D$20=3,K5012*Input!$C$20,0)+IF(Input!$D$21=3,L5012*Input!$C$21,0)+IF(Input!$D$22=3,M5012*Input!$C$22,0)</f>
        <v>0</v>
      </c>
      <c r="Q5012" s="75">
        <f>IF(Input!$D$19=4,J5012*Input!$C$19,0)+IF(Input!$D$20=4,K5012*Input!$C$20,0)+IF(Input!$D$21=4,L5012*Input!$C$21,0)+IF(Input!$D$22=4,M5012*Input!$C$22,0)</f>
        <v>0</v>
      </c>
      <c r="R5012" s="58">
        <v>45.916918500280808</v>
      </c>
      <c r="S5012" s="124">
        <f t="shared" si="78"/>
        <v>0.63043742737668174</v>
      </c>
    </row>
    <row r="5013" spans="8:19" x14ac:dyDescent="0.3">
      <c r="H5013" s="44">
        <v>5006</v>
      </c>
      <c r="I5013" s="56">
        <f>Bühler!I5039</f>
        <v>0.14548556016384961</v>
      </c>
      <c r="J5013" s="59">
        <f>Bühler!J5039</f>
        <v>0.48495186721283212</v>
      </c>
      <c r="K5013" s="59">
        <f>Bühler!K5039</f>
        <v>0.72742780081924818</v>
      </c>
      <c r="L5013" s="59">
        <f>Bühler!L5039</f>
        <v>11.788667005485985</v>
      </c>
      <c r="M5013" s="58">
        <f>Bühler!M5039</f>
        <v>0</v>
      </c>
      <c r="N5013" s="56">
        <f>IF(Input!$D$19=1,J5013*Input!$C$19,0)+IF(Input!$D$20=1,K5013*Input!$C$20,0)+IF(Input!$D$21=1,L5013*Input!$C$21,0)+IF(Input!$D$22=1,M5013*Input!$C$22,0)</f>
        <v>0.14548556016384964</v>
      </c>
      <c r="O5013" s="59">
        <f>IF(Input!$D$19=2,J5013*Input!$C$19,0)+IF(Input!$D$20=2,K5013*Input!$C$20,0)+IF(Input!$D$21=2,L5013*Input!$C$21,0)+IF(Input!$D$22=2,M5013*Input!$C$22,0)</f>
        <v>0.36371390040962409</v>
      </c>
      <c r="P5013" s="59">
        <f>IF(Input!$D$19=3,J5013*Input!$C$19,0)+IF(Input!$D$20=3,K5013*Input!$C$20,0)+IF(Input!$D$21=3,L5013*Input!$C$21,0)+IF(Input!$D$22=3,M5013*Input!$C$22,0)</f>
        <v>0</v>
      </c>
      <c r="Q5013" s="75">
        <f>IF(Input!$D$19=4,J5013*Input!$C$19,0)+IF(Input!$D$20=4,K5013*Input!$C$20,0)+IF(Input!$D$21=4,L5013*Input!$C$21,0)+IF(Input!$D$22=4,M5013*Input!$C$22,0)</f>
        <v>0</v>
      </c>
      <c r="R5013" s="58">
        <v>45.660241921045404</v>
      </c>
      <c r="S5013" s="124">
        <f t="shared" si="78"/>
        <v>0.63043742737668174</v>
      </c>
    </row>
    <row r="5014" spans="8:19" x14ac:dyDescent="0.3">
      <c r="H5014" s="44">
        <v>5007</v>
      </c>
      <c r="I5014" s="56">
        <f>Bühler!I5040</f>
        <v>0.14548556016384961</v>
      </c>
      <c r="J5014" s="59">
        <f>Bühler!J5040</f>
        <v>0.48495186721283212</v>
      </c>
      <c r="K5014" s="59">
        <f>Bühler!K5040</f>
        <v>0.72742780081924818</v>
      </c>
      <c r="L5014" s="59">
        <f>Bühler!L5040</f>
        <v>11.788667005485985</v>
      </c>
      <c r="M5014" s="58">
        <f>Bühler!M5040</f>
        <v>0</v>
      </c>
      <c r="N5014" s="56">
        <f>IF(Input!$D$19=1,J5014*Input!$C$19,0)+IF(Input!$D$20=1,K5014*Input!$C$20,0)+IF(Input!$D$21=1,L5014*Input!$C$21,0)+IF(Input!$D$22=1,M5014*Input!$C$22,0)</f>
        <v>0.14548556016384964</v>
      </c>
      <c r="O5014" s="59">
        <f>IF(Input!$D$19=2,J5014*Input!$C$19,0)+IF(Input!$D$20=2,K5014*Input!$C$20,0)+IF(Input!$D$21=2,L5014*Input!$C$21,0)+IF(Input!$D$22=2,M5014*Input!$C$22,0)</f>
        <v>0.36371390040962409</v>
      </c>
      <c r="P5014" s="59">
        <f>IF(Input!$D$19=3,J5014*Input!$C$19,0)+IF(Input!$D$20=3,K5014*Input!$C$20,0)+IF(Input!$D$21=3,L5014*Input!$C$21,0)+IF(Input!$D$22=3,M5014*Input!$C$22,0)</f>
        <v>0</v>
      </c>
      <c r="Q5014" s="75">
        <f>IF(Input!$D$19=4,J5014*Input!$C$19,0)+IF(Input!$D$20=4,K5014*Input!$C$20,0)+IF(Input!$D$21=4,L5014*Input!$C$21,0)+IF(Input!$D$22=4,M5014*Input!$C$22,0)</f>
        <v>0</v>
      </c>
      <c r="R5014" s="58">
        <v>44.947165800471168</v>
      </c>
      <c r="S5014" s="124">
        <f t="shared" si="78"/>
        <v>0.63043742737668174</v>
      </c>
    </row>
    <row r="5015" spans="8:19" x14ac:dyDescent="0.3">
      <c r="H5015" s="44">
        <v>5008</v>
      </c>
      <c r="I5015" s="56">
        <f>Bühler!I5041</f>
        <v>0.13153489001115171</v>
      </c>
      <c r="J5015" s="59">
        <f>Bühler!J5041</f>
        <v>0.4384496333705058</v>
      </c>
      <c r="K5015" s="59">
        <f>Bühler!K5041</f>
        <v>0.65767445005575864</v>
      </c>
      <c r="L5015" s="59">
        <f>Bühler!L5041</f>
        <v>10.658246881672261</v>
      </c>
      <c r="M5015" s="58">
        <f>Bühler!M5041</f>
        <v>0</v>
      </c>
      <c r="N5015" s="56">
        <f>IF(Input!$D$19=1,J5015*Input!$C$19,0)+IF(Input!$D$20=1,K5015*Input!$C$20,0)+IF(Input!$D$21=1,L5015*Input!$C$21,0)+IF(Input!$D$22=1,M5015*Input!$C$22,0)</f>
        <v>0.13153489001115173</v>
      </c>
      <c r="O5015" s="59">
        <f>IF(Input!$D$19=2,J5015*Input!$C$19,0)+IF(Input!$D$20=2,K5015*Input!$C$20,0)+IF(Input!$D$21=2,L5015*Input!$C$21,0)+IF(Input!$D$22=2,M5015*Input!$C$22,0)</f>
        <v>0.32883722502787932</v>
      </c>
      <c r="P5015" s="59">
        <f>IF(Input!$D$19=3,J5015*Input!$C$19,0)+IF(Input!$D$20=3,K5015*Input!$C$20,0)+IF(Input!$D$21=3,L5015*Input!$C$21,0)+IF(Input!$D$22=3,M5015*Input!$C$22,0)</f>
        <v>0</v>
      </c>
      <c r="Q5015" s="75">
        <f>IF(Input!$D$19=4,J5015*Input!$C$19,0)+IF(Input!$D$20=4,K5015*Input!$C$20,0)+IF(Input!$D$21=4,L5015*Input!$C$21,0)+IF(Input!$D$22=4,M5015*Input!$C$22,0)</f>
        <v>0</v>
      </c>
      <c r="R5015" s="58">
        <v>44.84018806179089</v>
      </c>
      <c r="S5015" s="124">
        <f t="shared" si="78"/>
        <v>0.5699845233816575</v>
      </c>
    </row>
    <row r="5016" spans="8:19" x14ac:dyDescent="0.3">
      <c r="H5016" s="44">
        <v>5009</v>
      </c>
      <c r="I5016" s="56">
        <f>Bühler!I5042</f>
        <v>0.11957717273741063</v>
      </c>
      <c r="J5016" s="59">
        <f>Bühler!J5042</f>
        <v>0.39859057579136881</v>
      </c>
      <c r="K5016" s="59">
        <f>Bühler!K5042</f>
        <v>0.59788586368705321</v>
      </c>
      <c r="L5016" s="59">
        <f>Bühler!L5042</f>
        <v>9.6893153469747819</v>
      </c>
      <c r="M5016" s="58">
        <f>Bühler!M5042</f>
        <v>0</v>
      </c>
      <c r="N5016" s="56">
        <f>IF(Input!$D$19=1,J5016*Input!$C$19,0)+IF(Input!$D$20=1,K5016*Input!$C$20,0)+IF(Input!$D$21=1,L5016*Input!$C$21,0)+IF(Input!$D$22=1,M5016*Input!$C$22,0)</f>
        <v>0.11957717273741064</v>
      </c>
      <c r="O5016" s="59">
        <f>IF(Input!$D$19=2,J5016*Input!$C$19,0)+IF(Input!$D$20=2,K5016*Input!$C$20,0)+IF(Input!$D$21=2,L5016*Input!$C$21,0)+IF(Input!$D$22=2,M5016*Input!$C$22,0)</f>
        <v>0.2989429318435266</v>
      </c>
      <c r="P5016" s="59">
        <f>IF(Input!$D$19=3,J5016*Input!$C$19,0)+IF(Input!$D$20=3,K5016*Input!$C$20,0)+IF(Input!$D$21=3,L5016*Input!$C$21,0)+IF(Input!$D$22=3,M5016*Input!$C$22,0)</f>
        <v>0</v>
      </c>
      <c r="Q5016" s="75">
        <f>IF(Input!$D$19=4,J5016*Input!$C$19,0)+IF(Input!$D$20=4,K5016*Input!$C$20,0)+IF(Input!$D$21=4,L5016*Input!$C$21,0)+IF(Input!$D$22=4,M5016*Input!$C$22,0)</f>
        <v>0</v>
      </c>
      <c r="R5016" s="58">
        <v>44.116762809446222</v>
      </c>
      <c r="S5016" s="124">
        <f t="shared" si="78"/>
        <v>0.51816774852877945</v>
      </c>
    </row>
    <row r="5017" spans="8:19" x14ac:dyDescent="0.3">
      <c r="H5017" s="44">
        <v>5010</v>
      </c>
      <c r="I5017" s="56">
        <f>Bühler!I5043</f>
        <v>0.10761945546366956</v>
      </c>
      <c r="J5017" s="59">
        <f>Bühler!J5043</f>
        <v>0.35873151821223193</v>
      </c>
      <c r="K5017" s="59">
        <f>Bühler!K5043</f>
        <v>0.53809727731834789</v>
      </c>
      <c r="L5017" s="59">
        <f>Bühler!L5043</f>
        <v>8.720383812277305</v>
      </c>
      <c r="M5017" s="58">
        <f>Bühler!M5043</f>
        <v>0</v>
      </c>
      <c r="N5017" s="56">
        <f>IF(Input!$D$19=1,J5017*Input!$C$19,0)+IF(Input!$D$20=1,K5017*Input!$C$20,0)+IF(Input!$D$21=1,L5017*Input!$C$21,0)+IF(Input!$D$22=1,M5017*Input!$C$22,0)</f>
        <v>0.10761945546366958</v>
      </c>
      <c r="O5017" s="59">
        <f>IF(Input!$D$19=2,J5017*Input!$C$19,0)+IF(Input!$D$20=2,K5017*Input!$C$20,0)+IF(Input!$D$21=2,L5017*Input!$C$21,0)+IF(Input!$D$22=2,M5017*Input!$C$22,0)</f>
        <v>0.26904863865917394</v>
      </c>
      <c r="P5017" s="59">
        <f>IF(Input!$D$19=3,J5017*Input!$C$19,0)+IF(Input!$D$20=3,K5017*Input!$C$20,0)+IF(Input!$D$21=3,L5017*Input!$C$21,0)+IF(Input!$D$22=3,M5017*Input!$C$22,0)</f>
        <v>0</v>
      </c>
      <c r="Q5017" s="75">
        <f>IF(Input!$D$19=4,J5017*Input!$C$19,0)+IF(Input!$D$20=4,K5017*Input!$C$20,0)+IF(Input!$D$21=4,L5017*Input!$C$21,0)+IF(Input!$D$22=4,M5017*Input!$C$22,0)</f>
        <v>0</v>
      </c>
      <c r="R5017" s="58">
        <v>43.186026175774565</v>
      </c>
      <c r="S5017" s="124">
        <f t="shared" si="78"/>
        <v>0.4663509736759015</v>
      </c>
    </row>
    <row r="5018" spans="8:19" x14ac:dyDescent="0.3">
      <c r="H5018" s="44">
        <v>5011</v>
      </c>
      <c r="I5018" s="56">
        <f>Bühler!I5044</f>
        <v>0.10363354970575586</v>
      </c>
      <c r="J5018" s="59">
        <f>Bühler!J5044</f>
        <v>0.34544516568585293</v>
      </c>
      <c r="K5018" s="59">
        <f>Bühler!K5044</f>
        <v>0.51816774852877945</v>
      </c>
      <c r="L5018" s="59">
        <f>Bühler!L5044</f>
        <v>8.3974066340448115</v>
      </c>
      <c r="M5018" s="58">
        <f>Bühler!M5044</f>
        <v>0</v>
      </c>
      <c r="N5018" s="56">
        <f>IF(Input!$D$19=1,J5018*Input!$C$19,0)+IF(Input!$D$20=1,K5018*Input!$C$20,0)+IF(Input!$D$21=1,L5018*Input!$C$21,0)+IF(Input!$D$22=1,M5018*Input!$C$22,0)</f>
        <v>0.10363354970575588</v>
      </c>
      <c r="O5018" s="59">
        <f>IF(Input!$D$19=2,J5018*Input!$C$19,0)+IF(Input!$D$20=2,K5018*Input!$C$20,0)+IF(Input!$D$21=2,L5018*Input!$C$21,0)+IF(Input!$D$22=2,M5018*Input!$C$22,0)</f>
        <v>0.25908387426438972</v>
      </c>
      <c r="P5018" s="59">
        <f>IF(Input!$D$19=3,J5018*Input!$C$19,0)+IF(Input!$D$20=3,K5018*Input!$C$20,0)+IF(Input!$D$21=3,L5018*Input!$C$21,0)+IF(Input!$D$22=3,M5018*Input!$C$22,0)</f>
        <v>0</v>
      </c>
      <c r="Q5018" s="75">
        <f>IF(Input!$D$19=4,J5018*Input!$C$19,0)+IF(Input!$D$20=4,K5018*Input!$C$20,0)+IF(Input!$D$21=4,L5018*Input!$C$21,0)+IF(Input!$D$22=4,M5018*Input!$C$22,0)</f>
        <v>0</v>
      </c>
      <c r="R5018" s="58">
        <v>42.427660180851277</v>
      </c>
      <c r="S5018" s="124">
        <f t="shared" si="78"/>
        <v>0.44907871539160882</v>
      </c>
    </row>
    <row r="5019" spans="8:19" x14ac:dyDescent="0.3">
      <c r="H5019" s="44">
        <v>5012</v>
      </c>
      <c r="I5019" s="56">
        <f>Bühler!I5045</f>
        <v>8.3704020916187435E-2</v>
      </c>
      <c r="J5019" s="59">
        <f>Bühler!J5045</f>
        <v>0.27901340305395816</v>
      </c>
      <c r="K5019" s="59">
        <f>Bühler!K5045</f>
        <v>0.41852010458093719</v>
      </c>
      <c r="L5019" s="59">
        <f>Bühler!L5045</f>
        <v>6.7825207428823466</v>
      </c>
      <c r="M5019" s="58">
        <f>Bühler!M5045</f>
        <v>0</v>
      </c>
      <c r="N5019" s="56">
        <f>IF(Input!$D$19=1,J5019*Input!$C$19,0)+IF(Input!$D$20=1,K5019*Input!$C$20,0)+IF(Input!$D$21=1,L5019*Input!$C$21,0)+IF(Input!$D$22=1,M5019*Input!$C$22,0)</f>
        <v>8.3704020916187449E-2</v>
      </c>
      <c r="O5019" s="59">
        <f>IF(Input!$D$19=2,J5019*Input!$C$19,0)+IF(Input!$D$20=2,K5019*Input!$C$20,0)+IF(Input!$D$21=2,L5019*Input!$C$21,0)+IF(Input!$D$22=2,M5019*Input!$C$22,0)</f>
        <v>0.2092600522904686</v>
      </c>
      <c r="P5019" s="59">
        <f>IF(Input!$D$19=3,J5019*Input!$C$19,0)+IF(Input!$D$20=3,K5019*Input!$C$20,0)+IF(Input!$D$21=3,L5019*Input!$C$21,0)+IF(Input!$D$22=3,M5019*Input!$C$22,0)</f>
        <v>0</v>
      </c>
      <c r="Q5019" s="75">
        <f>IF(Input!$D$19=4,J5019*Input!$C$19,0)+IF(Input!$D$20=4,K5019*Input!$C$20,0)+IF(Input!$D$21=4,L5019*Input!$C$21,0)+IF(Input!$D$22=4,M5019*Input!$C$22,0)</f>
        <v>0</v>
      </c>
      <c r="R5019" s="58">
        <v>41.887367803645276</v>
      </c>
      <c r="S5019" s="124">
        <f t="shared" si="78"/>
        <v>0.36271742397014561</v>
      </c>
    </row>
    <row r="5020" spans="8:19" x14ac:dyDescent="0.3">
      <c r="H5020" s="44">
        <v>5013</v>
      </c>
      <c r="I5020" s="56">
        <f>Bühler!I5046</f>
        <v>6.1781539247662158E-2</v>
      </c>
      <c r="J5020" s="59">
        <f>Bühler!J5046</f>
        <v>0.20593846415887387</v>
      </c>
      <c r="K5020" s="59">
        <f>Bühler!K5046</f>
        <v>0.30890769623831082</v>
      </c>
      <c r="L5020" s="59">
        <f>Bühler!L5046</f>
        <v>5.0061462626036368</v>
      </c>
      <c r="M5020" s="58">
        <f>Bühler!M5046</f>
        <v>0</v>
      </c>
      <c r="N5020" s="56">
        <f>IF(Input!$D$19=1,J5020*Input!$C$19,0)+IF(Input!$D$20=1,K5020*Input!$C$20,0)+IF(Input!$D$21=1,L5020*Input!$C$21,0)+IF(Input!$D$22=1,M5020*Input!$C$22,0)</f>
        <v>6.1781539247662158E-2</v>
      </c>
      <c r="O5020" s="59">
        <f>IF(Input!$D$19=2,J5020*Input!$C$19,0)+IF(Input!$D$20=2,K5020*Input!$C$20,0)+IF(Input!$D$21=2,L5020*Input!$C$21,0)+IF(Input!$D$22=2,M5020*Input!$C$22,0)</f>
        <v>0.15445384811915541</v>
      </c>
      <c r="P5020" s="59">
        <f>IF(Input!$D$19=3,J5020*Input!$C$19,0)+IF(Input!$D$20=3,K5020*Input!$C$20,0)+IF(Input!$D$21=3,L5020*Input!$C$21,0)+IF(Input!$D$22=3,M5020*Input!$C$22,0)</f>
        <v>0</v>
      </c>
      <c r="Q5020" s="75">
        <f>IF(Input!$D$19=4,J5020*Input!$C$19,0)+IF(Input!$D$20=4,K5020*Input!$C$20,0)+IF(Input!$D$21=4,L5020*Input!$C$21,0)+IF(Input!$D$22=4,M5020*Input!$C$22,0)</f>
        <v>0</v>
      </c>
      <c r="R5020" s="58">
        <v>40.794408857511961</v>
      </c>
      <c r="S5020" s="124">
        <f t="shared" si="78"/>
        <v>0.26772000340653601</v>
      </c>
    </row>
    <row r="5021" spans="8:19" x14ac:dyDescent="0.3">
      <c r="H5021" s="44">
        <v>5014</v>
      </c>
      <c r="I5021" s="56">
        <f>Bühler!I5047</f>
        <v>6.1781539247662158E-2</v>
      </c>
      <c r="J5021" s="59">
        <f>Bühler!J5047</f>
        <v>0.20593846415887387</v>
      </c>
      <c r="K5021" s="59">
        <f>Bühler!K5047</f>
        <v>0.30890769623831082</v>
      </c>
      <c r="L5021" s="59">
        <f>Bühler!L5047</f>
        <v>5.0061462626036368</v>
      </c>
      <c r="M5021" s="58">
        <f>Bühler!M5047</f>
        <v>0</v>
      </c>
      <c r="N5021" s="56">
        <f>IF(Input!$D$19=1,J5021*Input!$C$19,0)+IF(Input!$D$20=1,K5021*Input!$C$20,0)+IF(Input!$D$21=1,L5021*Input!$C$21,0)+IF(Input!$D$22=1,M5021*Input!$C$22,0)</f>
        <v>6.1781539247662158E-2</v>
      </c>
      <c r="O5021" s="59">
        <f>IF(Input!$D$19=2,J5021*Input!$C$19,0)+IF(Input!$D$20=2,K5021*Input!$C$20,0)+IF(Input!$D$21=2,L5021*Input!$C$21,0)+IF(Input!$D$22=2,M5021*Input!$C$22,0)</f>
        <v>0.15445384811915541</v>
      </c>
      <c r="P5021" s="59">
        <f>IF(Input!$D$19=3,J5021*Input!$C$19,0)+IF(Input!$D$20=3,K5021*Input!$C$20,0)+IF(Input!$D$21=3,L5021*Input!$C$21,0)+IF(Input!$D$22=3,M5021*Input!$C$22,0)</f>
        <v>0</v>
      </c>
      <c r="Q5021" s="75">
        <f>IF(Input!$D$19=4,J5021*Input!$C$19,0)+IF(Input!$D$20=4,K5021*Input!$C$20,0)+IF(Input!$D$21=4,L5021*Input!$C$21,0)+IF(Input!$D$22=4,M5021*Input!$C$22,0)</f>
        <v>0</v>
      </c>
      <c r="R5021" s="58">
        <v>40.382966816061632</v>
      </c>
      <c r="S5021" s="124">
        <f t="shared" si="78"/>
        <v>0.26772000340653601</v>
      </c>
    </row>
    <row r="5022" spans="8:19" x14ac:dyDescent="0.3">
      <c r="H5022" s="44">
        <v>5015</v>
      </c>
      <c r="I5022" s="56">
        <f>Bühler!I5048</f>
        <v>6.1781539247662158E-2</v>
      </c>
      <c r="J5022" s="59">
        <f>Bühler!J5048</f>
        <v>0.20593846415887387</v>
      </c>
      <c r="K5022" s="59">
        <f>Bühler!K5048</f>
        <v>0.30890769623831082</v>
      </c>
      <c r="L5022" s="59">
        <f>Bühler!L5048</f>
        <v>5.0061462626036368</v>
      </c>
      <c r="M5022" s="58">
        <f>Bühler!M5048</f>
        <v>0</v>
      </c>
      <c r="N5022" s="56">
        <f>IF(Input!$D$19=1,J5022*Input!$C$19,0)+IF(Input!$D$20=1,K5022*Input!$C$20,0)+IF(Input!$D$21=1,L5022*Input!$C$21,0)+IF(Input!$D$22=1,M5022*Input!$C$22,0)</f>
        <v>6.1781539247662158E-2</v>
      </c>
      <c r="O5022" s="59">
        <f>IF(Input!$D$19=2,J5022*Input!$C$19,0)+IF(Input!$D$20=2,K5022*Input!$C$20,0)+IF(Input!$D$21=2,L5022*Input!$C$21,0)+IF(Input!$D$22=2,M5022*Input!$C$22,0)</f>
        <v>0.15445384811915541</v>
      </c>
      <c r="P5022" s="59">
        <f>IF(Input!$D$19=3,J5022*Input!$C$19,0)+IF(Input!$D$20=3,K5022*Input!$C$20,0)+IF(Input!$D$21=3,L5022*Input!$C$21,0)+IF(Input!$D$22=3,M5022*Input!$C$22,0)</f>
        <v>0</v>
      </c>
      <c r="Q5022" s="75">
        <f>IF(Input!$D$19=4,J5022*Input!$C$19,0)+IF(Input!$D$20=4,K5022*Input!$C$20,0)+IF(Input!$D$21=4,L5022*Input!$C$21,0)+IF(Input!$D$22=4,M5022*Input!$C$22,0)</f>
        <v>0</v>
      </c>
      <c r="R5022" s="58">
        <v>40.678399834341057</v>
      </c>
      <c r="S5022" s="124">
        <f t="shared" si="78"/>
        <v>0.26772000340653601</v>
      </c>
    </row>
    <row r="5023" spans="8:19" x14ac:dyDescent="0.3">
      <c r="H5023" s="44">
        <v>5016</v>
      </c>
      <c r="I5023" s="56">
        <f>Bühler!I5049</f>
        <v>6.1781539247662158E-2</v>
      </c>
      <c r="J5023" s="59">
        <f>Bühler!J5049</f>
        <v>0.20593846415887387</v>
      </c>
      <c r="K5023" s="59">
        <f>Bühler!K5049</f>
        <v>0.30890769623831082</v>
      </c>
      <c r="L5023" s="59">
        <f>Bühler!L5049</f>
        <v>5.0061462626036368</v>
      </c>
      <c r="M5023" s="58">
        <f>Bühler!M5049</f>
        <v>0</v>
      </c>
      <c r="N5023" s="56">
        <f>IF(Input!$D$19=1,J5023*Input!$C$19,0)+IF(Input!$D$20=1,K5023*Input!$C$20,0)+IF(Input!$D$21=1,L5023*Input!$C$21,0)+IF(Input!$D$22=1,M5023*Input!$C$22,0)</f>
        <v>6.1781539247662158E-2</v>
      </c>
      <c r="O5023" s="59">
        <f>IF(Input!$D$19=2,J5023*Input!$C$19,0)+IF(Input!$D$20=2,K5023*Input!$C$20,0)+IF(Input!$D$21=2,L5023*Input!$C$21,0)+IF(Input!$D$22=2,M5023*Input!$C$22,0)</f>
        <v>0.15445384811915541</v>
      </c>
      <c r="P5023" s="59">
        <f>IF(Input!$D$19=3,J5023*Input!$C$19,0)+IF(Input!$D$20=3,K5023*Input!$C$20,0)+IF(Input!$D$21=3,L5023*Input!$C$21,0)+IF(Input!$D$22=3,M5023*Input!$C$22,0)</f>
        <v>0</v>
      </c>
      <c r="Q5023" s="75">
        <f>IF(Input!$D$19=4,J5023*Input!$C$19,0)+IF(Input!$D$20=4,K5023*Input!$C$20,0)+IF(Input!$D$21=4,L5023*Input!$C$21,0)+IF(Input!$D$22=4,M5023*Input!$C$22,0)</f>
        <v>0</v>
      </c>
      <c r="R5023" s="58">
        <v>40.394358869299694</v>
      </c>
      <c r="S5023" s="124">
        <f t="shared" si="78"/>
        <v>0.26772000340653601</v>
      </c>
    </row>
    <row r="5024" spans="8:19" x14ac:dyDescent="0.3">
      <c r="H5024" s="44">
        <v>5017</v>
      </c>
      <c r="I5024" s="56">
        <f>Bühler!I5050</f>
        <v>7.0216252939275636E-2</v>
      </c>
      <c r="J5024" s="59">
        <f>Bühler!J5050</f>
        <v>0.23405417646425214</v>
      </c>
      <c r="K5024" s="59">
        <f>Bühler!K5050</f>
        <v>0.35108126469637818</v>
      </c>
      <c r="L5024" s="59">
        <f>Bühler!L5050</f>
        <v>5.6896094934910151</v>
      </c>
      <c r="M5024" s="58">
        <f>Bühler!M5050</f>
        <v>0</v>
      </c>
      <c r="N5024" s="56">
        <f>IF(Input!$D$19=1,J5024*Input!$C$19,0)+IF(Input!$D$20=1,K5024*Input!$C$20,0)+IF(Input!$D$21=1,L5024*Input!$C$21,0)+IF(Input!$D$22=1,M5024*Input!$C$22,0)</f>
        <v>7.0216252939275636E-2</v>
      </c>
      <c r="O5024" s="59">
        <f>IF(Input!$D$19=2,J5024*Input!$C$19,0)+IF(Input!$D$20=2,K5024*Input!$C$20,0)+IF(Input!$D$21=2,L5024*Input!$C$21,0)+IF(Input!$D$22=2,M5024*Input!$C$22,0)</f>
        <v>0.17554063234818909</v>
      </c>
      <c r="P5024" s="59">
        <f>IF(Input!$D$19=3,J5024*Input!$C$19,0)+IF(Input!$D$20=3,K5024*Input!$C$20,0)+IF(Input!$D$21=3,L5024*Input!$C$21,0)+IF(Input!$D$22=3,M5024*Input!$C$22,0)</f>
        <v>0</v>
      </c>
      <c r="Q5024" s="75">
        <f>IF(Input!$D$19=4,J5024*Input!$C$19,0)+IF(Input!$D$20=4,K5024*Input!$C$20,0)+IF(Input!$D$21=4,L5024*Input!$C$21,0)+IF(Input!$D$22=4,M5024*Input!$C$22,0)</f>
        <v>0</v>
      </c>
      <c r="R5024" s="58">
        <v>39.552528853735886</v>
      </c>
      <c r="S5024" s="124">
        <f t="shared" si="78"/>
        <v>0.30427042940352778</v>
      </c>
    </row>
    <row r="5025" spans="8:19" x14ac:dyDescent="0.3">
      <c r="H5025" s="44">
        <v>5018</v>
      </c>
      <c r="I5025" s="56">
        <f>Bühler!I5051</f>
        <v>8.154145502625558E-2</v>
      </c>
      <c r="J5025" s="59">
        <f>Bühler!J5051</f>
        <v>0.27180485008751859</v>
      </c>
      <c r="K5025" s="59">
        <f>Bühler!K5051</f>
        <v>0.40770727513127791</v>
      </c>
      <c r="L5025" s="59">
        <f>Bühler!L5051</f>
        <v>6.607288444054082</v>
      </c>
      <c r="M5025" s="58">
        <f>Bühler!M5051</f>
        <v>0</v>
      </c>
      <c r="N5025" s="56">
        <f>IF(Input!$D$19=1,J5025*Input!$C$19,0)+IF(Input!$D$20=1,K5025*Input!$C$20,0)+IF(Input!$D$21=1,L5025*Input!$C$21,0)+IF(Input!$D$22=1,M5025*Input!$C$22,0)</f>
        <v>8.154145502625558E-2</v>
      </c>
      <c r="O5025" s="59">
        <f>IF(Input!$D$19=2,J5025*Input!$C$19,0)+IF(Input!$D$20=2,K5025*Input!$C$20,0)+IF(Input!$D$21=2,L5025*Input!$C$21,0)+IF(Input!$D$22=2,M5025*Input!$C$22,0)</f>
        <v>0.20385363756563896</v>
      </c>
      <c r="P5025" s="59">
        <f>IF(Input!$D$19=3,J5025*Input!$C$19,0)+IF(Input!$D$20=3,K5025*Input!$C$20,0)+IF(Input!$D$21=3,L5025*Input!$C$21,0)+IF(Input!$D$22=3,M5025*Input!$C$22,0)</f>
        <v>0</v>
      </c>
      <c r="Q5025" s="75">
        <f>IF(Input!$D$19=4,J5025*Input!$C$19,0)+IF(Input!$D$20=4,K5025*Input!$C$20,0)+IF(Input!$D$21=4,L5025*Input!$C$21,0)+IF(Input!$D$22=4,M5025*Input!$C$22,0)</f>
        <v>0</v>
      </c>
      <c r="R5025" s="58">
        <v>39.261633690263821</v>
      </c>
      <c r="S5025" s="124">
        <f t="shared" si="78"/>
        <v>0.35334630511377418</v>
      </c>
    </row>
    <row r="5026" spans="8:19" x14ac:dyDescent="0.3">
      <c r="H5026" s="44">
        <v>5019</v>
      </c>
      <c r="I5026" s="56">
        <f>Bühler!I5052</f>
        <v>8.154145502625558E-2</v>
      </c>
      <c r="J5026" s="59">
        <f>Bühler!J5052</f>
        <v>0.27180485008751859</v>
      </c>
      <c r="K5026" s="59">
        <f>Bühler!K5052</f>
        <v>0.40770727513127791</v>
      </c>
      <c r="L5026" s="59">
        <f>Bühler!L5052</f>
        <v>6.607288444054082</v>
      </c>
      <c r="M5026" s="58">
        <f>Bühler!M5052</f>
        <v>0</v>
      </c>
      <c r="N5026" s="56">
        <f>IF(Input!$D$19=1,J5026*Input!$C$19,0)+IF(Input!$D$20=1,K5026*Input!$C$20,0)+IF(Input!$D$21=1,L5026*Input!$C$21,0)+IF(Input!$D$22=1,M5026*Input!$C$22,0)</f>
        <v>8.154145502625558E-2</v>
      </c>
      <c r="O5026" s="59">
        <f>IF(Input!$D$19=2,J5026*Input!$C$19,0)+IF(Input!$D$20=2,K5026*Input!$C$20,0)+IF(Input!$D$21=2,L5026*Input!$C$21,0)+IF(Input!$D$22=2,M5026*Input!$C$22,0)</f>
        <v>0.20385363756563896</v>
      </c>
      <c r="P5026" s="59">
        <f>IF(Input!$D$19=3,J5026*Input!$C$19,0)+IF(Input!$D$20=3,K5026*Input!$C$20,0)+IF(Input!$D$21=3,L5026*Input!$C$21,0)+IF(Input!$D$22=3,M5026*Input!$C$22,0)</f>
        <v>0</v>
      </c>
      <c r="Q5026" s="75">
        <f>IF(Input!$D$19=4,J5026*Input!$C$19,0)+IF(Input!$D$20=4,K5026*Input!$C$20,0)+IF(Input!$D$21=4,L5026*Input!$C$21,0)+IF(Input!$D$22=4,M5026*Input!$C$22,0)</f>
        <v>0</v>
      </c>
      <c r="R5026" s="58">
        <v>39.00378997573695</v>
      </c>
      <c r="S5026" s="124">
        <f t="shared" si="78"/>
        <v>0.35334630511377418</v>
      </c>
    </row>
    <row r="5027" spans="8:19" x14ac:dyDescent="0.3">
      <c r="H5027" s="44">
        <v>5020</v>
      </c>
      <c r="I5027" s="56">
        <f>Bühler!I5053</f>
        <v>8.154145502625558E-2</v>
      </c>
      <c r="J5027" s="59">
        <f>Bühler!J5053</f>
        <v>0.27180485008751859</v>
      </c>
      <c r="K5027" s="59">
        <f>Bühler!K5053</f>
        <v>0.40770727513127791</v>
      </c>
      <c r="L5027" s="59">
        <f>Bühler!L5053</f>
        <v>6.607288444054082</v>
      </c>
      <c r="M5027" s="58">
        <f>Bühler!M5053</f>
        <v>0</v>
      </c>
      <c r="N5027" s="56">
        <f>IF(Input!$D$19=1,J5027*Input!$C$19,0)+IF(Input!$D$20=1,K5027*Input!$C$20,0)+IF(Input!$D$21=1,L5027*Input!$C$21,0)+IF(Input!$D$22=1,M5027*Input!$C$22,0)</f>
        <v>8.154145502625558E-2</v>
      </c>
      <c r="O5027" s="59">
        <f>IF(Input!$D$19=2,J5027*Input!$C$19,0)+IF(Input!$D$20=2,K5027*Input!$C$20,0)+IF(Input!$D$21=2,L5027*Input!$C$21,0)+IF(Input!$D$22=2,M5027*Input!$C$22,0)</f>
        <v>0.20385363756563896</v>
      </c>
      <c r="P5027" s="59">
        <f>IF(Input!$D$19=3,J5027*Input!$C$19,0)+IF(Input!$D$20=3,K5027*Input!$C$20,0)+IF(Input!$D$21=3,L5027*Input!$C$21,0)+IF(Input!$D$22=3,M5027*Input!$C$22,0)</f>
        <v>0</v>
      </c>
      <c r="Q5027" s="75">
        <f>IF(Input!$D$19=4,J5027*Input!$C$19,0)+IF(Input!$D$20=4,K5027*Input!$C$20,0)+IF(Input!$D$21=4,L5027*Input!$C$21,0)+IF(Input!$D$22=4,M5027*Input!$C$22,0)</f>
        <v>0</v>
      </c>
      <c r="R5027" s="58">
        <v>39.022662023436517</v>
      </c>
      <c r="S5027" s="124">
        <f t="shared" si="78"/>
        <v>0.35334630511377418</v>
      </c>
    </row>
    <row r="5028" spans="8:19" x14ac:dyDescent="0.3">
      <c r="H5028" s="44">
        <v>5021</v>
      </c>
      <c r="I5028" s="56">
        <f>Bühler!I5054</f>
        <v>8.154145502625558E-2</v>
      </c>
      <c r="J5028" s="59">
        <f>Bühler!J5054</f>
        <v>0.27180485008751859</v>
      </c>
      <c r="K5028" s="59">
        <f>Bühler!K5054</f>
        <v>0.40770727513127791</v>
      </c>
      <c r="L5028" s="59">
        <f>Bühler!L5054</f>
        <v>6.607288444054082</v>
      </c>
      <c r="M5028" s="58">
        <f>Bühler!M5054</f>
        <v>0</v>
      </c>
      <c r="N5028" s="56">
        <f>IF(Input!$D$19=1,J5028*Input!$C$19,0)+IF(Input!$D$20=1,K5028*Input!$C$20,0)+IF(Input!$D$21=1,L5028*Input!$C$21,0)+IF(Input!$D$22=1,M5028*Input!$C$22,0)</f>
        <v>8.154145502625558E-2</v>
      </c>
      <c r="O5028" s="59">
        <f>IF(Input!$D$19=2,J5028*Input!$C$19,0)+IF(Input!$D$20=2,K5028*Input!$C$20,0)+IF(Input!$D$21=2,L5028*Input!$C$21,0)+IF(Input!$D$22=2,M5028*Input!$C$22,0)</f>
        <v>0.20385363756563896</v>
      </c>
      <c r="P5028" s="59">
        <f>IF(Input!$D$19=3,J5028*Input!$C$19,0)+IF(Input!$D$20=3,K5028*Input!$C$20,0)+IF(Input!$D$21=3,L5028*Input!$C$21,0)+IF(Input!$D$22=3,M5028*Input!$C$22,0)</f>
        <v>0</v>
      </c>
      <c r="Q5028" s="75">
        <f>IF(Input!$D$19=4,J5028*Input!$C$19,0)+IF(Input!$D$20=4,K5028*Input!$C$20,0)+IF(Input!$D$21=4,L5028*Input!$C$21,0)+IF(Input!$D$22=4,M5028*Input!$C$22,0)</f>
        <v>0</v>
      </c>
      <c r="R5028" s="58">
        <v>38.704978313990132</v>
      </c>
      <c r="S5028" s="124">
        <f t="shared" si="78"/>
        <v>0.35334630511377418</v>
      </c>
    </row>
    <row r="5029" spans="8:19" x14ac:dyDescent="0.3">
      <c r="H5029" s="44">
        <v>5022</v>
      </c>
      <c r="I5029" s="56">
        <f>Bühler!I5055</f>
        <v>0.10192681878281946</v>
      </c>
      <c r="J5029" s="59">
        <f>Bühler!J5055</f>
        <v>0.33975606260939822</v>
      </c>
      <c r="K5029" s="59">
        <f>Bühler!K5055</f>
        <v>0.50963409391409742</v>
      </c>
      <c r="L5029" s="59">
        <f>Bühler!L5055</f>
        <v>8.2591105550676023</v>
      </c>
      <c r="M5029" s="58">
        <f>Bühler!M5055</f>
        <v>0</v>
      </c>
      <c r="N5029" s="56">
        <f>IF(Input!$D$19=1,J5029*Input!$C$19,0)+IF(Input!$D$20=1,K5029*Input!$C$20,0)+IF(Input!$D$21=1,L5029*Input!$C$21,0)+IF(Input!$D$22=1,M5029*Input!$C$22,0)</f>
        <v>0.10192681878281946</v>
      </c>
      <c r="O5029" s="59">
        <f>IF(Input!$D$19=2,J5029*Input!$C$19,0)+IF(Input!$D$20=2,K5029*Input!$C$20,0)+IF(Input!$D$21=2,L5029*Input!$C$21,0)+IF(Input!$D$22=2,M5029*Input!$C$22,0)</f>
        <v>0.25481704695704871</v>
      </c>
      <c r="P5029" s="59">
        <f>IF(Input!$D$19=3,J5029*Input!$C$19,0)+IF(Input!$D$20=3,K5029*Input!$C$20,0)+IF(Input!$D$21=3,L5029*Input!$C$21,0)+IF(Input!$D$22=3,M5029*Input!$C$22,0)</f>
        <v>0</v>
      </c>
      <c r="Q5029" s="75">
        <f>IF(Input!$D$19=4,J5029*Input!$C$19,0)+IF(Input!$D$20=4,K5029*Input!$C$20,0)+IF(Input!$D$21=4,L5029*Input!$C$21,0)+IF(Input!$D$22=4,M5029*Input!$C$22,0)</f>
        <v>0</v>
      </c>
      <c r="R5029" s="58">
        <v>38.34840304643572</v>
      </c>
      <c r="S5029" s="124">
        <f t="shared" si="78"/>
        <v>0.44168288139221767</v>
      </c>
    </row>
    <row r="5030" spans="8:19" x14ac:dyDescent="0.3">
      <c r="H5030" s="44">
        <v>5023</v>
      </c>
      <c r="I5030" s="56">
        <f>Bühler!I5056</f>
        <v>0.12004714212198739</v>
      </c>
      <c r="J5030" s="59">
        <f>Bühler!J5056</f>
        <v>0.40015714040662465</v>
      </c>
      <c r="K5030" s="59">
        <f>Bühler!K5056</f>
        <v>0.60023571060993697</v>
      </c>
      <c r="L5030" s="59">
        <f>Bühler!L5056</f>
        <v>9.7273968759685125</v>
      </c>
      <c r="M5030" s="58">
        <f>Bühler!M5056</f>
        <v>0</v>
      </c>
      <c r="N5030" s="56">
        <f>IF(Input!$D$19=1,J5030*Input!$C$19,0)+IF(Input!$D$20=1,K5030*Input!$C$20,0)+IF(Input!$D$21=1,L5030*Input!$C$21,0)+IF(Input!$D$22=1,M5030*Input!$C$22,0)</f>
        <v>0.12004714212198739</v>
      </c>
      <c r="O5030" s="59">
        <f>IF(Input!$D$19=2,J5030*Input!$C$19,0)+IF(Input!$D$20=2,K5030*Input!$C$20,0)+IF(Input!$D$21=2,L5030*Input!$C$21,0)+IF(Input!$D$22=2,M5030*Input!$C$22,0)</f>
        <v>0.30011785530496848</v>
      </c>
      <c r="P5030" s="59">
        <f>IF(Input!$D$19=3,J5030*Input!$C$19,0)+IF(Input!$D$20=3,K5030*Input!$C$20,0)+IF(Input!$D$21=3,L5030*Input!$C$21,0)+IF(Input!$D$22=3,M5030*Input!$C$22,0)</f>
        <v>0</v>
      </c>
      <c r="Q5030" s="75">
        <f>IF(Input!$D$19=4,J5030*Input!$C$19,0)+IF(Input!$D$20=4,K5030*Input!$C$20,0)+IF(Input!$D$21=4,L5030*Input!$C$21,0)+IF(Input!$D$22=4,M5030*Input!$C$22,0)</f>
        <v>0</v>
      </c>
      <c r="R5030" s="58">
        <v>38.201044792088233</v>
      </c>
      <c r="S5030" s="124">
        <f t="shared" si="78"/>
        <v>0.52020428252861206</v>
      </c>
    </row>
    <row r="5031" spans="8:19" x14ac:dyDescent="0.3">
      <c r="H5031" s="44">
        <v>5024</v>
      </c>
      <c r="I5031" s="56">
        <f>Bühler!I5057</f>
        <v>0.14269754629594725</v>
      </c>
      <c r="J5031" s="59">
        <f>Bühler!J5057</f>
        <v>0.47565848765315755</v>
      </c>
      <c r="K5031" s="59">
        <f>Bühler!K5057</f>
        <v>0.71348773147973632</v>
      </c>
      <c r="L5031" s="59">
        <f>Bühler!L5057</f>
        <v>11.562754777094645</v>
      </c>
      <c r="M5031" s="58">
        <f>Bühler!M5057</f>
        <v>0</v>
      </c>
      <c r="N5031" s="56">
        <f>IF(Input!$D$19=1,J5031*Input!$C$19,0)+IF(Input!$D$20=1,K5031*Input!$C$20,0)+IF(Input!$D$21=1,L5031*Input!$C$21,0)+IF(Input!$D$22=1,M5031*Input!$C$22,0)</f>
        <v>0.14269754629594725</v>
      </c>
      <c r="O5031" s="59">
        <f>IF(Input!$D$19=2,J5031*Input!$C$19,0)+IF(Input!$D$20=2,K5031*Input!$C$20,0)+IF(Input!$D$21=2,L5031*Input!$C$21,0)+IF(Input!$D$22=2,M5031*Input!$C$22,0)</f>
        <v>0.35674386573986816</v>
      </c>
      <c r="P5031" s="59">
        <f>IF(Input!$D$19=3,J5031*Input!$C$19,0)+IF(Input!$D$20=3,K5031*Input!$C$20,0)+IF(Input!$D$21=3,L5031*Input!$C$21,0)+IF(Input!$D$22=3,M5031*Input!$C$22,0)</f>
        <v>0</v>
      </c>
      <c r="Q5031" s="75">
        <f>IF(Input!$D$19=4,J5031*Input!$C$19,0)+IF(Input!$D$20=4,K5031*Input!$C$20,0)+IF(Input!$D$21=4,L5031*Input!$C$21,0)+IF(Input!$D$22=4,M5031*Input!$C$22,0)</f>
        <v>0</v>
      </c>
      <c r="R5031" s="58">
        <v>38.107180290902477</v>
      </c>
      <c r="S5031" s="124">
        <f t="shared" si="78"/>
        <v>0.61835603394910477</v>
      </c>
    </row>
    <row r="5032" spans="8:19" x14ac:dyDescent="0.3">
      <c r="H5032" s="44">
        <v>5025</v>
      </c>
      <c r="I5032" s="56">
        <f>Bühler!I5058</f>
        <v>0.14269754629594725</v>
      </c>
      <c r="J5032" s="59">
        <f>Bühler!J5058</f>
        <v>0.47565848765315755</v>
      </c>
      <c r="K5032" s="59">
        <f>Bühler!K5058</f>
        <v>0.71348773147973632</v>
      </c>
      <c r="L5032" s="59">
        <f>Bühler!L5058</f>
        <v>11.562754777094645</v>
      </c>
      <c r="M5032" s="58">
        <f>Bühler!M5058</f>
        <v>0</v>
      </c>
      <c r="N5032" s="56">
        <f>IF(Input!$D$19=1,J5032*Input!$C$19,0)+IF(Input!$D$20=1,K5032*Input!$C$20,0)+IF(Input!$D$21=1,L5032*Input!$C$21,0)+IF(Input!$D$22=1,M5032*Input!$C$22,0)</f>
        <v>0.14269754629594725</v>
      </c>
      <c r="O5032" s="59">
        <f>IF(Input!$D$19=2,J5032*Input!$C$19,0)+IF(Input!$D$20=2,K5032*Input!$C$20,0)+IF(Input!$D$21=2,L5032*Input!$C$21,0)+IF(Input!$D$22=2,M5032*Input!$C$22,0)</f>
        <v>0.35674386573986816</v>
      </c>
      <c r="P5032" s="59">
        <f>IF(Input!$D$19=3,J5032*Input!$C$19,0)+IF(Input!$D$20=3,K5032*Input!$C$20,0)+IF(Input!$D$21=3,L5032*Input!$C$21,0)+IF(Input!$D$22=3,M5032*Input!$C$22,0)</f>
        <v>0</v>
      </c>
      <c r="Q5032" s="75">
        <f>IF(Input!$D$19=4,J5032*Input!$C$19,0)+IF(Input!$D$20=4,K5032*Input!$C$20,0)+IF(Input!$D$21=4,L5032*Input!$C$21,0)+IF(Input!$D$22=4,M5032*Input!$C$22,0)</f>
        <v>0</v>
      </c>
      <c r="R5032" s="58">
        <v>38.128373546433231</v>
      </c>
      <c r="S5032" s="124">
        <f t="shared" si="78"/>
        <v>0.61835603394910477</v>
      </c>
    </row>
    <row r="5033" spans="8:19" x14ac:dyDescent="0.3">
      <c r="H5033" s="44">
        <v>5026</v>
      </c>
      <c r="I5033" s="56">
        <f>Bühler!I5059</f>
        <v>0.14269754629594725</v>
      </c>
      <c r="J5033" s="59">
        <f>Bühler!J5059</f>
        <v>0.47565848765315755</v>
      </c>
      <c r="K5033" s="59">
        <f>Bühler!K5059</f>
        <v>0.71348773147973632</v>
      </c>
      <c r="L5033" s="59">
        <f>Bühler!L5059</f>
        <v>11.562754777094645</v>
      </c>
      <c r="M5033" s="58">
        <f>Bühler!M5059</f>
        <v>0</v>
      </c>
      <c r="N5033" s="56">
        <f>IF(Input!$D$19=1,J5033*Input!$C$19,0)+IF(Input!$D$20=1,K5033*Input!$C$20,0)+IF(Input!$D$21=1,L5033*Input!$C$21,0)+IF(Input!$D$22=1,M5033*Input!$C$22,0)</f>
        <v>0.14269754629594725</v>
      </c>
      <c r="O5033" s="59">
        <f>IF(Input!$D$19=2,J5033*Input!$C$19,0)+IF(Input!$D$20=2,K5033*Input!$C$20,0)+IF(Input!$D$21=2,L5033*Input!$C$21,0)+IF(Input!$D$22=2,M5033*Input!$C$22,0)</f>
        <v>0.35674386573986816</v>
      </c>
      <c r="P5033" s="59">
        <f>IF(Input!$D$19=3,J5033*Input!$C$19,0)+IF(Input!$D$20=3,K5033*Input!$C$20,0)+IF(Input!$D$21=3,L5033*Input!$C$21,0)+IF(Input!$D$22=3,M5033*Input!$C$22,0)</f>
        <v>0</v>
      </c>
      <c r="Q5033" s="75">
        <f>IF(Input!$D$19=4,J5033*Input!$C$19,0)+IF(Input!$D$20=4,K5033*Input!$C$20,0)+IF(Input!$D$21=4,L5033*Input!$C$21,0)+IF(Input!$D$22=4,M5033*Input!$C$22,0)</f>
        <v>0</v>
      </c>
      <c r="R5033" s="58">
        <v>38.133134605616902</v>
      </c>
      <c r="S5033" s="124">
        <f t="shared" si="78"/>
        <v>0.61835603394910477</v>
      </c>
    </row>
    <row r="5034" spans="8:19" x14ac:dyDescent="0.3">
      <c r="H5034" s="44">
        <v>5027</v>
      </c>
      <c r="I5034" s="56">
        <f>Bühler!I5060</f>
        <v>0.14269754629594725</v>
      </c>
      <c r="J5034" s="59">
        <f>Bühler!J5060</f>
        <v>0.47565848765315755</v>
      </c>
      <c r="K5034" s="59">
        <f>Bühler!K5060</f>
        <v>0.71348773147973632</v>
      </c>
      <c r="L5034" s="59">
        <f>Bühler!L5060</f>
        <v>11.562754777094645</v>
      </c>
      <c r="M5034" s="58">
        <f>Bühler!M5060</f>
        <v>0</v>
      </c>
      <c r="N5034" s="56">
        <f>IF(Input!$D$19=1,J5034*Input!$C$19,0)+IF(Input!$D$20=1,K5034*Input!$C$20,0)+IF(Input!$D$21=1,L5034*Input!$C$21,0)+IF(Input!$D$22=1,M5034*Input!$C$22,0)</f>
        <v>0.14269754629594725</v>
      </c>
      <c r="O5034" s="59">
        <f>IF(Input!$D$19=2,J5034*Input!$C$19,0)+IF(Input!$D$20=2,K5034*Input!$C$20,0)+IF(Input!$D$21=2,L5034*Input!$C$21,0)+IF(Input!$D$22=2,M5034*Input!$C$22,0)</f>
        <v>0.35674386573986816</v>
      </c>
      <c r="P5034" s="59">
        <f>IF(Input!$D$19=3,J5034*Input!$C$19,0)+IF(Input!$D$20=3,K5034*Input!$C$20,0)+IF(Input!$D$21=3,L5034*Input!$C$21,0)+IF(Input!$D$22=3,M5034*Input!$C$22,0)</f>
        <v>0</v>
      </c>
      <c r="Q5034" s="75">
        <f>IF(Input!$D$19=4,J5034*Input!$C$19,0)+IF(Input!$D$20=4,K5034*Input!$C$20,0)+IF(Input!$D$21=4,L5034*Input!$C$21,0)+IF(Input!$D$22=4,M5034*Input!$C$22,0)</f>
        <v>0</v>
      </c>
      <c r="R5034" s="58">
        <v>38.571402851424899</v>
      </c>
      <c r="S5034" s="124">
        <f t="shared" si="78"/>
        <v>0.61835603394910477</v>
      </c>
    </row>
    <row r="5035" spans="8:19" x14ac:dyDescent="0.3">
      <c r="H5035" s="44">
        <v>5028</v>
      </c>
      <c r="I5035" s="56">
        <f>Bühler!I5061</f>
        <v>0.14269754629594725</v>
      </c>
      <c r="J5035" s="59">
        <f>Bühler!J5061</f>
        <v>0.47565848765315755</v>
      </c>
      <c r="K5035" s="59">
        <f>Bühler!K5061</f>
        <v>0.71348773147973632</v>
      </c>
      <c r="L5035" s="59">
        <f>Bühler!L5061</f>
        <v>11.562754777094645</v>
      </c>
      <c r="M5035" s="58">
        <f>Bühler!M5061</f>
        <v>0</v>
      </c>
      <c r="N5035" s="56">
        <f>IF(Input!$D$19=1,J5035*Input!$C$19,0)+IF(Input!$D$20=1,K5035*Input!$C$20,0)+IF(Input!$D$21=1,L5035*Input!$C$21,0)+IF(Input!$D$22=1,M5035*Input!$C$22,0)</f>
        <v>0.14269754629594725</v>
      </c>
      <c r="O5035" s="59">
        <f>IF(Input!$D$19=2,J5035*Input!$C$19,0)+IF(Input!$D$20=2,K5035*Input!$C$20,0)+IF(Input!$D$21=2,L5035*Input!$C$21,0)+IF(Input!$D$22=2,M5035*Input!$C$22,0)</f>
        <v>0.35674386573986816</v>
      </c>
      <c r="P5035" s="59">
        <f>IF(Input!$D$19=3,J5035*Input!$C$19,0)+IF(Input!$D$20=3,K5035*Input!$C$20,0)+IF(Input!$D$21=3,L5035*Input!$C$21,0)+IF(Input!$D$22=3,M5035*Input!$C$22,0)</f>
        <v>0</v>
      </c>
      <c r="Q5035" s="75">
        <f>IF(Input!$D$19=4,J5035*Input!$C$19,0)+IF(Input!$D$20=4,K5035*Input!$C$20,0)+IF(Input!$D$21=4,L5035*Input!$C$21,0)+IF(Input!$D$22=4,M5035*Input!$C$22,0)</f>
        <v>0</v>
      </c>
      <c r="R5035" s="58">
        <v>39.232630086026376</v>
      </c>
      <c r="S5035" s="124">
        <f t="shared" si="78"/>
        <v>0.61835603394910477</v>
      </c>
    </row>
    <row r="5036" spans="8:19" x14ac:dyDescent="0.3">
      <c r="H5036" s="44">
        <v>5029</v>
      </c>
      <c r="I5036" s="56">
        <f>Bühler!I5062</f>
        <v>0.14269754629594725</v>
      </c>
      <c r="J5036" s="59">
        <f>Bühler!J5062</f>
        <v>0.47565848765315755</v>
      </c>
      <c r="K5036" s="59">
        <f>Bühler!K5062</f>
        <v>0.71348773147973632</v>
      </c>
      <c r="L5036" s="59">
        <f>Bühler!L5062</f>
        <v>11.562754777094645</v>
      </c>
      <c r="M5036" s="58">
        <f>Bühler!M5062</f>
        <v>0</v>
      </c>
      <c r="N5036" s="56">
        <f>IF(Input!$D$19=1,J5036*Input!$C$19,0)+IF(Input!$D$20=1,K5036*Input!$C$20,0)+IF(Input!$D$21=1,L5036*Input!$C$21,0)+IF(Input!$D$22=1,M5036*Input!$C$22,0)</f>
        <v>0.14269754629594725</v>
      </c>
      <c r="O5036" s="59">
        <f>IF(Input!$D$19=2,J5036*Input!$C$19,0)+IF(Input!$D$20=2,K5036*Input!$C$20,0)+IF(Input!$D$21=2,L5036*Input!$C$21,0)+IF(Input!$D$22=2,M5036*Input!$C$22,0)</f>
        <v>0.35674386573986816</v>
      </c>
      <c r="P5036" s="59">
        <f>IF(Input!$D$19=3,J5036*Input!$C$19,0)+IF(Input!$D$20=3,K5036*Input!$C$20,0)+IF(Input!$D$21=3,L5036*Input!$C$21,0)+IF(Input!$D$22=3,M5036*Input!$C$22,0)</f>
        <v>0</v>
      </c>
      <c r="Q5036" s="75">
        <f>IF(Input!$D$19=4,J5036*Input!$C$19,0)+IF(Input!$D$20=4,K5036*Input!$C$20,0)+IF(Input!$D$21=4,L5036*Input!$C$21,0)+IF(Input!$D$22=4,M5036*Input!$C$22,0)</f>
        <v>0</v>
      </c>
      <c r="R5036" s="58">
        <v>38.988497926173267</v>
      </c>
      <c r="S5036" s="124">
        <f t="shared" si="78"/>
        <v>0.61835603394910477</v>
      </c>
    </row>
    <row r="5037" spans="8:19" x14ac:dyDescent="0.3">
      <c r="H5037" s="44">
        <v>5030</v>
      </c>
      <c r="I5037" s="56">
        <f>Bühler!I5063</f>
        <v>0.14269754629594725</v>
      </c>
      <c r="J5037" s="59">
        <f>Bühler!J5063</f>
        <v>0.47565848765315755</v>
      </c>
      <c r="K5037" s="59">
        <f>Bühler!K5063</f>
        <v>0.71348773147973632</v>
      </c>
      <c r="L5037" s="59">
        <f>Bühler!L5063</f>
        <v>11.562754777094645</v>
      </c>
      <c r="M5037" s="58">
        <f>Bühler!M5063</f>
        <v>0</v>
      </c>
      <c r="N5037" s="56">
        <f>IF(Input!$D$19=1,J5037*Input!$C$19,0)+IF(Input!$D$20=1,K5037*Input!$C$20,0)+IF(Input!$D$21=1,L5037*Input!$C$21,0)+IF(Input!$D$22=1,M5037*Input!$C$22,0)</f>
        <v>0.14269754629594725</v>
      </c>
      <c r="O5037" s="59">
        <f>IF(Input!$D$19=2,J5037*Input!$C$19,0)+IF(Input!$D$20=2,K5037*Input!$C$20,0)+IF(Input!$D$21=2,L5037*Input!$C$21,0)+IF(Input!$D$22=2,M5037*Input!$C$22,0)</f>
        <v>0.35674386573986816</v>
      </c>
      <c r="P5037" s="59">
        <f>IF(Input!$D$19=3,J5037*Input!$C$19,0)+IF(Input!$D$20=3,K5037*Input!$C$20,0)+IF(Input!$D$21=3,L5037*Input!$C$21,0)+IF(Input!$D$22=3,M5037*Input!$C$22,0)</f>
        <v>0</v>
      </c>
      <c r="Q5037" s="75">
        <f>IF(Input!$D$19=4,J5037*Input!$C$19,0)+IF(Input!$D$20=4,K5037*Input!$C$20,0)+IF(Input!$D$21=4,L5037*Input!$C$21,0)+IF(Input!$D$22=4,M5037*Input!$C$22,0)</f>
        <v>0</v>
      </c>
      <c r="R5037" s="58">
        <v>38.864811829667993</v>
      </c>
      <c r="S5037" s="124">
        <f t="shared" si="78"/>
        <v>0.61835603394910477</v>
      </c>
    </row>
    <row r="5038" spans="8:19" x14ac:dyDescent="0.3">
      <c r="H5038" s="44">
        <v>5031</v>
      </c>
      <c r="I5038" s="56">
        <f>Bühler!I5064</f>
        <v>0.14269754629594725</v>
      </c>
      <c r="J5038" s="59">
        <f>Bühler!J5064</f>
        <v>0.47565848765315755</v>
      </c>
      <c r="K5038" s="59">
        <f>Bühler!K5064</f>
        <v>0.71348773147973632</v>
      </c>
      <c r="L5038" s="59">
        <f>Bühler!L5064</f>
        <v>11.562754777094645</v>
      </c>
      <c r="M5038" s="58">
        <f>Bühler!M5064</f>
        <v>0</v>
      </c>
      <c r="N5038" s="56">
        <f>IF(Input!$D$19=1,J5038*Input!$C$19,0)+IF(Input!$D$20=1,K5038*Input!$C$20,0)+IF(Input!$D$21=1,L5038*Input!$C$21,0)+IF(Input!$D$22=1,M5038*Input!$C$22,0)</f>
        <v>0.14269754629594725</v>
      </c>
      <c r="O5038" s="59">
        <f>IF(Input!$D$19=2,J5038*Input!$C$19,0)+IF(Input!$D$20=2,K5038*Input!$C$20,0)+IF(Input!$D$21=2,L5038*Input!$C$21,0)+IF(Input!$D$22=2,M5038*Input!$C$22,0)</f>
        <v>0.35674386573986816</v>
      </c>
      <c r="P5038" s="59">
        <f>IF(Input!$D$19=3,J5038*Input!$C$19,0)+IF(Input!$D$20=3,K5038*Input!$C$20,0)+IF(Input!$D$21=3,L5038*Input!$C$21,0)+IF(Input!$D$22=3,M5038*Input!$C$22,0)</f>
        <v>0</v>
      </c>
      <c r="Q5038" s="75">
        <f>IF(Input!$D$19=4,J5038*Input!$C$19,0)+IF(Input!$D$20=4,K5038*Input!$C$20,0)+IF(Input!$D$21=4,L5038*Input!$C$21,0)+IF(Input!$D$22=4,M5038*Input!$C$22,0)</f>
        <v>0</v>
      </c>
      <c r="R5038" s="58">
        <v>38.923719505007242</v>
      </c>
      <c r="S5038" s="124">
        <f t="shared" si="78"/>
        <v>0.61835603394910477</v>
      </c>
    </row>
    <row r="5039" spans="8:19" x14ac:dyDescent="0.3">
      <c r="H5039" s="44">
        <v>5032</v>
      </c>
      <c r="I5039" s="56">
        <f>Bühler!I5065</f>
        <v>0.12684226337417534</v>
      </c>
      <c r="J5039" s="59">
        <f>Bühler!J5065</f>
        <v>0.4228075445805845</v>
      </c>
      <c r="K5039" s="59">
        <f>Bühler!K5065</f>
        <v>0.63421131687087673</v>
      </c>
      <c r="L5039" s="59">
        <f>Bühler!L5065</f>
        <v>10.278004246306351</v>
      </c>
      <c r="M5039" s="58">
        <f>Bühler!M5065</f>
        <v>0</v>
      </c>
      <c r="N5039" s="56">
        <f>IF(Input!$D$19=1,J5039*Input!$C$19,0)+IF(Input!$D$20=1,K5039*Input!$C$20,0)+IF(Input!$D$21=1,L5039*Input!$C$21,0)+IF(Input!$D$22=1,M5039*Input!$C$22,0)</f>
        <v>0.12684226337417534</v>
      </c>
      <c r="O5039" s="59">
        <f>IF(Input!$D$19=2,J5039*Input!$C$19,0)+IF(Input!$D$20=2,K5039*Input!$C$20,0)+IF(Input!$D$21=2,L5039*Input!$C$21,0)+IF(Input!$D$22=2,M5039*Input!$C$22,0)</f>
        <v>0.31710565843543836</v>
      </c>
      <c r="P5039" s="59">
        <f>IF(Input!$D$19=3,J5039*Input!$C$19,0)+IF(Input!$D$20=3,K5039*Input!$C$20,0)+IF(Input!$D$21=3,L5039*Input!$C$21,0)+IF(Input!$D$22=3,M5039*Input!$C$22,0)</f>
        <v>0</v>
      </c>
      <c r="Q5039" s="75">
        <f>IF(Input!$D$19=4,J5039*Input!$C$19,0)+IF(Input!$D$20=4,K5039*Input!$C$20,0)+IF(Input!$D$21=4,L5039*Input!$C$21,0)+IF(Input!$D$22=4,M5039*Input!$C$22,0)</f>
        <v>0</v>
      </c>
      <c r="R5039" s="58">
        <v>39.628119192898971</v>
      </c>
      <c r="S5039" s="124">
        <f t="shared" si="78"/>
        <v>0.54964980795475982</v>
      </c>
    </row>
    <row r="5040" spans="8:19" x14ac:dyDescent="0.3">
      <c r="H5040" s="44">
        <v>5033</v>
      </c>
      <c r="I5040" s="56">
        <f>Bühler!I5066</f>
        <v>0.12457722295677937</v>
      </c>
      <c r="J5040" s="59">
        <f>Bühler!J5066</f>
        <v>0.41525740985593129</v>
      </c>
      <c r="K5040" s="59">
        <f>Bühler!K5066</f>
        <v>0.62288611478389688</v>
      </c>
      <c r="L5040" s="59">
        <f>Bühler!L5066</f>
        <v>10.094468456193738</v>
      </c>
      <c r="M5040" s="58">
        <f>Bühler!M5066</f>
        <v>0</v>
      </c>
      <c r="N5040" s="56">
        <f>IF(Input!$D$19=1,J5040*Input!$C$19,0)+IF(Input!$D$20=1,K5040*Input!$C$20,0)+IF(Input!$D$21=1,L5040*Input!$C$21,0)+IF(Input!$D$22=1,M5040*Input!$C$22,0)</f>
        <v>0.12457722295677938</v>
      </c>
      <c r="O5040" s="59">
        <f>IF(Input!$D$19=2,J5040*Input!$C$19,0)+IF(Input!$D$20=2,K5040*Input!$C$20,0)+IF(Input!$D$21=2,L5040*Input!$C$21,0)+IF(Input!$D$22=2,M5040*Input!$C$22,0)</f>
        <v>0.31144305739194844</v>
      </c>
      <c r="P5040" s="59">
        <f>IF(Input!$D$19=3,J5040*Input!$C$19,0)+IF(Input!$D$20=3,K5040*Input!$C$20,0)+IF(Input!$D$21=3,L5040*Input!$C$21,0)+IF(Input!$D$22=3,M5040*Input!$C$22,0)</f>
        <v>0</v>
      </c>
      <c r="Q5040" s="75">
        <f>IF(Input!$D$19=4,J5040*Input!$C$19,0)+IF(Input!$D$20=4,K5040*Input!$C$20,0)+IF(Input!$D$21=4,L5040*Input!$C$21,0)+IF(Input!$D$22=4,M5040*Input!$C$22,0)</f>
        <v>0</v>
      </c>
      <c r="R5040" s="58">
        <v>39.729692345542624</v>
      </c>
      <c r="S5040" s="124">
        <f t="shared" si="78"/>
        <v>0.5398346328127106</v>
      </c>
    </row>
    <row r="5041" spans="8:19" x14ac:dyDescent="0.3">
      <c r="H5041" s="44">
        <v>5034</v>
      </c>
      <c r="I5041" s="56">
        <f>Bühler!I5067</f>
        <v>0.10645689961761144</v>
      </c>
      <c r="J5041" s="59">
        <f>Bühler!J5067</f>
        <v>0.35485633205870487</v>
      </c>
      <c r="K5041" s="59">
        <f>Bühler!K5067</f>
        <v>0.53228449808805722</v>
      </c>
      <c r="L5041" s="59">
        <f>Bühler!L5067</f>
        <v>8.6261821352928312</v>
      </c>
      <c r="M5041" s="58">
        <f>Bühler!M5067</f>
        <v>0</v>
      </c>
      <c r="N5041" s="56">
        <f>IF(Input!$D$19=1,J5041*Input!$C$19,0)+IF(Input!$D$20=1,K5041*Input!$C$20,0)+IF(Input!$D$21=1,L5041*Input!$C$21,0)+IF(Input!$D$22=1,M5041*Input!$C$22,0)</f>
        <v>0.10645689961761146</v>
      </c>
      <c r="O5041" s="59">
        <f>IF(Input!$D$19=2,J5041*Input!$C$19,0)+IF(Input!$D$20=2,K5041*Input!$C$20,0)+IF(Input!$D$21=2,L5041*Input!$C$21,0)+IF(Input!$D$22=2,M5041*Input!$C$22,0)</f>
        <v>0.26614224904402861</v>
      </c>
      <c r="P5041" s="59">
        <f>IF(Input!$D$19=3,J5041*Input!$C$19,0)+IF(Input!$D$20=3,K5041*Input!$C$20,0)+IF(Input!$D$21=3,L5041*Input!$C$21,0)+IF(Input!$D$22=3,M5041*Input!$C$22,0)</f>
        <v>0</v>
      </c>
      <c r="Q5041" s="75">
        <f>IF(Input!$D$19=4,J5041*Input!$C$19,0)+IF(Input!$D$20=4,K5041*Input!$C$20,0)+IF(Input!$D$21=4,L5041*Input!$C$21,0)+IF(Input!$D$22=4,M5041*Input!$C$22,0)</f>
        <v>0</v>
      </c>
      <c r="R5041" s="58">
        <v>39.804883662752133</v>
      </c>
      <c r="S5041" s="124">
        <f t="shared" si="78"/>
        <v>0.46131323167631633</v>
      </c>
    </row>
    <row r="5042" spans="8:19" x14ac:dyDescent="0.3">
      <c r="H5042" s="44">
        <v>5035</v>
      </c>
      <c r="I5042" s="56">
        <f>Bühler!I5068</f>
        <v>9.966177836542349E-2</v>
      </c>
      <c r="J5042" s="59">
        <f>Bühler!J5068</f>
        <v>0.33220592788474501</v>
      </c>
      <c r="K5042" s="59">
        <f>Bühler!K5068</f>
        <v>0.49830889182711752</v>
      </c>
      <c r="L5042" s="59">
        <f>Bühler!L5068</f>
        <v>8.0755747649549896</v>
      </c>
      <c r="M5042" s="58">
        <f>Bühler!M5068</f>
        <v>0</v>
      </c>
      <c r="N5042" s="56">
        <f>IF(Input!$D$19=1,J5042*Input!$C$19,0)+IF(Input!$D$20=1,K5042*Input!$C$20,0)+IF(Input!$D$21=1,L5042*Input!$C$21,0)+IF(Input!$D$22=1,M5042*Input!$C$22,0)</f>
        <v>9.9661778365423503E-2</v>
      </c>
      <c r="O5042" s="59">
        <f>IF(Input!$D$19=2,J5042*Input!$C$19,0)+IF(Input!$D$20=2,K5042*Input!$C$20,0)+IF(Input!$D$21=2,L5042*Input!$C$21,0)+IF(Input!$D$22=2,M5042*Input!$C$22,0)</f>
        <v>0.24915444591355876</v>
      </c>
      <c r="P5042" s="59">
        <f>IF(Input!$D$19=3,J5042*Input!$C$19,0)+IF(Input!$D$20=3,K5042*Input!$C$20,0)+IF(Input!$D$21=3,L5042*Input!$C$21,0)+IF(Input!$D$22=3,M5042*Input!$C$22,0)</f>
        <v>0</v>
      </c>
      <c r="Q5042" s="75">
        <f>IF(Input!$D$19=4,J5042*Input!$C$19,0)+IF(Input!$D$20=4,K5042*Input!$C$20,0)+IF(Input!$D$21=4,L5042*Input!$C$21,0)+IF(Input!$D$22=4,M5042*Input!$C$22,0)</f>
        <v>0</v>
      </c>
      <c r="R5042" s="58">
        <v>39.750910353614934</v>
      </c>
      <c r="S5042" s="124">
        <f t="shared" si="78"/>
        <v>0.43186770625016851</v>
      </c>
    </row>
    <row r="5043" spans="8:19" x14ac:dyDescent="0.3">
      <c r="H5043" s="44">
        <v>5036</v>
      </c>
      <c r="I5043" s="56">
        <f>Bühler!I5069</f>
        <v>8.3806495443651569E-2</v>
      </c>
      <c r="J5043" s="59">
        <f>Bühler!J5069</f>
        <v>0.27935498481217197</v>
      </c>
      <c r="K5043" s="59">
        <f>Bühler!K5069</f>
        <v>0.41903247721825793</v>
      </c>
      <c r="L5043" s="59">
        <f>Bühler!L5069</f>
        <v>6.7908242341666964</v>
      </c>
      <c r="M5043" s="58">
        <f>Bühler!M5069</f>
        <v>0</v>
      </c>
      <c r="N5043" s="56">
        <f>IF(Input!$D$19=1,J5043*Input!$C$19,0)+IF(Input!$D$20=1,K5043*Input!$C$20,0)+IF(Input!$D$21=1,L5043*Input!$C$21,0)+IF(Input!$D$22=1,M5043*Input!$C$22,0)</f>
        <v>8.3806495443651582E-2</v>
      </c>
      <c r="O5043" s="59">
        <f>IF(Input!$D$19=2,J5043*Input!$C$19,0)+IF(Input!$D$20=2,K5043*Input!$C$20,0)+IF(Input!$D$21=2,L5043*Input!$C$21,0)+IF(Input!$D$22=2,M5043*Input!$C$22,0)</f>
        <v>0.20951623860912896</v>
      </c>
      <c r="P5043" s="59">
        <f>IF(Input!$D$19=3,J5043*Input!$C$19,0)+IF(Input!$D$20=3,K5043*Input!$C$20,0)+IF(Input!$D$21=3,L5043*Input!$C$21,0)+IF(Input!$D$22=3,M5043*Input!$C$22,0)</f>
        <v>0</v>
      </c>
      <c r="Q5043" s="75">
        <f>IF(Input!$D$19=4,J5043*Input!$C$19,0)+IF(Input!$D$20=4,K5043*Input!$C$20,0)+IF(Input!$D$21=4,L5043*Input!$C$21,0)+IF(Input!$D$22=4,M5043*Input!$C$22,0)</f>
        <v>0</v>
      </c>
      <c r="R5043" s="58">
        <v>40.08154701706173</v>
      </c>
      <c r="S5043" s="124">
        <f t="shared" si="78"/>
        <v>0.36316148025582351</v>
      </c>
    </row>
    <row r="5044" spans="8:19" x14ac:dyDescent="0.3">
      <c r="H5044" s="44">
        <v>5037</v>
      </c>
      <c r="I5044" s="56">
        <f>Bühler!I5070</f>
        <v>7.0216252939275636E-2</v>
      </c>
      <c r="J5044" s="59">
        <f>Bühler!J5070</f>
        <v>0.23405417646425214</v>
      </c>
      <c r="K5044" s="59">
        <f>Bühler!K5070</f>
        <v>0.35108126469637818</v>
      </c>
      <c r="L5044" s="59">
        <f>Bühler!L5070</f>
        <v>5.6896094934910151</v>
      </c>
      <c r="M5044" s="58">
        <f>Bühler!M5070</f>
        <v>0</v>
      </c>
      <c r="N5044" s="56">
        <f>IF(Input!$D$19=1,J5044*Input!$C$19,0)+IF(Input!$D$20=1,K5044*Input!$C$20,0)+IF(Input!$D$21=1,L5044*Input!$C$21,0)+IF(Input!$D$22=1,M5044*Input!$C$22,0)</f>
        <v>7.0216252939275636E-2</v>
      </c>
      <c r="O5044" s="59">
        <f>IF(Input!$D$19=2,J5044*Input!$C$19,0)+IF(Input!$D$20=2,K5044*Input!$C$20,0)+IF(Input!$D$21=2,L5044*Input!$C$21,0)+IF(Input!$D$22=2,M5044*Input!$C$22,0)</f>
        <v>0.17554063234818909</v>
      </c>
      <c r="P5044" s="59">
        <f>IF(Input!$D$19=3,J5044*Input!$C$19,0)+IF(Input!$D$20=3,K5044*Input!$C$20,0)+IF(Input!$D$21=3,L5044*Input!$C$21,0)+IF(Input!$D$22=3,M5044*Input!$C$22,0)</f>
        <v>0</v>
      </c>
      <c r="Q5044" s="75">
        <f>IF(Input!$D$19=4,J5044*Input!$C$19,0)+IF(Input!$D$20=4,K5044*Input!$C$20,0)+IF(Input!$D$21=4,L5044*Input!$C$21,0)+IF(Input!$D$22=4,M5044*Input!$C$22,0)</f>
        <v>0</v>
      </c>
      <c r="R5044" s="58">
        <v>39.624404840635009</v>
      </c>
      <c r="S5044" s="124">
        <f t="shared" si="78"/>
        <v>0.30427042940352778</v>
      </c>
    </row>
    <row r="5045" spans="8:19" x14ac:dyDescent="0.3">
      <c r="H5045" s="44">
        <v>5038</v>
      </c>
      <c r="I5045" s="56">
        <f>Bühler!I5071</f>
        <v>6.1156091269691688E-2</v>
      </c>
      <c r="J5045" s="59">
        <f>Bühler!J5071</f>
        <v>0.20385363756563898</v>
      </c>
      <c r="K5045" s="59">
        <f>Bühler!K5071</f>
        <v>0.30578045634845846</v>
      </c>
      <c r="L5045" s="59">
        <f>Bühler!L5071</f>
        <v>4.9554663330405626</v>
      </c>
      <c r="M5045" s="58">
        <f>Bühler!M5071</f>
        <v>0</v>
      </c>
      <c r="N5045" s="56">
        <f>IF(Input!$D$19=1,J5045*Input!$C$19,0)+IF(Input!$D$20=1,K5045*Input!$C$20,0)+IF(Input!$D$21=1,L5045*Input!$C$21,0)+IF(Input!$D$22=1,M5045*Input!$C$22,0)</f>
        <v>6.1156091269691695E-2</v>
      </c>
      <c r="O5045" s="59">
        <f>IF(Input!$D$19=2,J5045*Input!$C$19,0)+IF(Input!$D$20=2,K5045*Input!$C$20,0)+IF(Input!$D$21=2,L5045*Input!$C$21,0)+IF(Input!$D$22=2,M5045*Input!$C$22,0)</f>
        <v>0.15289022817422923</v>
      </c>
      <c r="P5045" s="59">
        <f>IF(Input!$D$19=3,J5045*Input!$C$19,0)+IF(Input!$D$20=3,K5045*Input!$C$20,0)+IF(Input!$D$21=3,L5045*Input!$C$21,0)+IF(Input!$D$22=3,M5045*Input!$C$22,0)</f>
        <v>0</v>
      </c>
      <c r="Q5045" s="75">
        <f>IF(Input!$D$19=4,J5045*Input!$C$19,0)+IF(Input!$D$20=4,K5045*Input!$C$20,0)+IF(Input!$D$21=4,L5045*Input!$C$21,0)+IF(Input!$D$22=4,M5045*Input!$C$22,0)</f>
        <v>0</v>
      </c>
      <c r="R5045" s="58">
        <v>39.726020731621013</v>
      </c>
      <c r="S5045" s="124">
        <f t="shared" si="78"/>
        <v>0.26500972883533069</v>
      </c>
    </row>
    <row r="5046" spans="8:19" x14ac:dyDescent="0.3">
      <c r="H5046" s="44">
        <v>5039</v>
      </c>
      <c r="I5046" s="56">
        <f>Bühler!I5072</f>
        <v>6.1156091269691688E-2</v>
      </c>
      <c r="J5046" s="59">
        <f>Bühler!J5072</f>
        <v>0.20385363756563898</v>
      </c>
      <c r="K5046" s="59">
        <f>Bühler!K5072</f>
        <v>0.30578045634845846</v>
      </c>
      <c r="L5046" s="59">
        <f>Bühler!L5072</f>
        <v>4.9554663330405626</v>
      </c>
      <c r="M5046" s="58">
        <f>Bühler!M5072</f>
        <v>0</v>
      </c>
      <c r="N5046" s="56">
        <f>IF(Input!$D$19=1,J5046*Input!$C$19,0)+IF(Input!$D$20=1,K5046*Input!$C$20,0)+IF(Input!$D$21=1,L5046*Input!$C$21,0)+IF(Input!$D$22=1,M5046*Input!$C$22,0)</f>
        <v>6.1156091269691695E-2</v>
      </c>
      <c r="O5046" s="59">
        <f>IF(Input!$D$19=2,J5046*Input!$C$19,0)+IF(Input!$D$20=2,K5046*Input!$C$20,0)+IF(Input!$D$21=2,L5046*Input!$C$21,0)+IF(Input!$D$22=2,M5046*Input!$C$22,0)</f>
        <v>0.15289022817422923</v>
      </c>
      <c r="P5046" s="59">
        <f>IF(Input!$D$19=3,J5046*Input!$C$19,0)+IF(Input!$D$20=3,K5046*Input!$C$20,0)+IF(Input!$D$21=3,L5046*Input!$C$21,0)+IF(Input!$D$22=3,M5046*Input!$C$22,0)</f>
        <v>0</v>
      </c>
      <c r="Q5046" s="75">
        <f>IF(Input!$D$19=4,J5046*Input!$C$19,0)+IF(Input!$D$20=4,K5046*Input!$C$20,0)+IF(Input!$D$21=4,L5046*Input!$C$21,0)+IF(Input!$D$22=4,M5046*Input!$C$22,0)</f>
        <v>0</v>
      </c>
      <c r="R5046" s="58">
        <v>40.445609045818408</v>
      </c>
      <c r="S5046" s="124">
        <f t="shared" si="78"/>
        <v>0.26500972883533069</v>
      </c>
    </row>
    <row r="5047" spans="8:19" x14ac:dyDescent="0.3">
      <c r="H5047" s="44">
        <v>5040</v>
      </c>
      <c r="I5047" s="56">
        <f>Bühler!I5073</f>
        <v>6.1156091269691688E-2</v>
      </c>
      <c r="J5047" s="59">
        <f>Bühler!J5073</f>
        <v>0.20385363756563898</v>
      </c>
      <c r="K5047" s="59">
        <f>Bühler!K5073</f>
        <v>0.30578045634845846</v>
      </c>
      <c r="L5047" s="59">
        <f>Bühler!L5073</f>
        <v>4.9554663330405626</v>
      </c>
      <c r="M5047" s="58">
        <f>Bühler!M5073</f>
        <v>0</v>
      </c>
      <c r="N5047" s="56">
        <f>IF(Input!$D$19=1,J5047*Input!$C$19,0)+IF(Input!$D$20=1,K5047*Input!$C$20,0)+IF(Input!$D$21=1,L5047*Input!$C$21,0)+IF(Input!$D$22=1,M5047*Input!$C$22,0)</f>
        <v>6.1156091269691695E-2</v>
      </c>
      <c r="O5047" s="59">
        <f>IF(Input!$D$19=2,J5047*Input!$C$19,0)+IF(Input!$D$20=2,K5047*Input!$C$20,0)+IF(Input!$D$21=2,L5047*Input!$C$21,0)+IF(Input!$D$22=2,M5047*Input!$C$22,0)</f>
        <v>0.15289022817422923</v>
      </c>
      <c r="P5047" s="59">
        <f>IF(Input!$D$19=3,J5047*Input!$C$19,0)+IF(Input!$D$20=3,K5047*Input!$C$20,0)+IF(Input!$D$21=3,L5047*Input!$C$21,0)+IF(Input!$D$22=3,M5047*Input!$C$22,0)</f>
        <v>0</v>
      </c>
      <c r="Q5047" s="75">
        <f>IF(Input!$D$19=4,J5047*Input!$C$19,0)+IF(Input!$D$20=4,K5047*Input!$C$20,0)+IF(Input!$D$21=4,L5047*Input!$C$21,0)+IF(Input!$D$22=4,M5047*Input!$C$22,0)</f>
        <v>0</v>
      </c>
      <c r="R5047" s="58">
        <v>41.075056919895985</v>
      </c>
      <c r="S5047" s="124">
        <f t="shared" si="78"/>
        <v>0.26500972883533069</v>
      </c>
    </row>
    <row r="5048" spans="8:19" x14ac:dyDescent="0.3">
      <c r="H5048" s="44">
        <v>5041</v>
      </c>
      <c r="I5048" s="56">
        <f>Bühler!I5074</f>
        <v>6.9863341708491969E-2</v>
      </c>
      <c r="J5048" s="59">
        <f>Bühler!J5074</f>
        <v>0.23287780569497324</v>
      </c>
      <c r="K5048" s="59">
        <f>Bühler!K5074</f>
        <v>0.34931670854245983</v>
      </c>
      <c r="L5048" s="59">
        <f>Bühler!L5074</f>
        <v>1.6767202010038071</v>
      </c>
      <c r="M5048" s="58">
        <f>Bühler!M5074</f>
        <v>0</v>
      </c>
      <c r="N5048" s="56">
        <f>IF(Input!$D$19=1,J5048*Input!$C$19,0)+IF(Input!$D$20=1,K5048*Input!$C$20,0)+IF(Input!$D$21=1,L5048*Input!$C$21,0)+IF(Input!$D$22=1,M5048*Input!$C$22,0)</f>
        <v>6.9863341708491969E-2</v>
      </c>
      <c r="O5048" s="59">
        <f>IF(Input!$D$19=2,J5048*Input!$C$19,0)+IF(Input!$D$20=2,K5048*Input!$C$20,0)+IF(Input!$D$21=2,L5048*Input!$C$21,0)+IF(Input!$D$22=2,M5048*Input!$C$22,0)</f>
        <v>0.17465835427122992</v>
      </c>
      <c r="P5048" s="59">
        <f>IF(Input!$D$19=3,J5048*Input!$C$19,0)+IF(Input!$D$20=3,K5048*Input!$C$20,0)+IF(Input!$D$21=3,L5048*Input!$C$21,0)+IF(Input!$D$22=3,M5048*Input!$C$22,0)</f>
        <v>0</v>
      </c>
      <c r="Q5048" s="75">
        <f>IF(Input!$D$19=4,J5048*Input!$C$19,0)+IF(Input!$D$20=4,K5048*Input!$C$20,0)+IF(Input!$D$21=4,L5048*Input!$C$21,0)+IF(Input!$D$22=4,M5048*Input!$C$22,0)</f>
        <v>0</v>
      </c>
      <c r="R5048" s="58">
        <v>41.073361233503228</v>
      </c>
      <c r="S5048" s="124">
        <f t="shared" si="78"/>
        <v>0.30274114740346519</v>
      </c>
    </row>
    <row r="5049" spans="8:19" x14ac:dyDescent="0.3">
      <c r="H5049" s="44">
        <v>5042</v>
      </c>
      <c r="I5049" s="56">
        <f>Bühler!I5075</f>
        <v>6.9863341708491969E-2</v>
      </c>
      <c r="J5049" s="59">
        <f>Bühler!J5075</f>
        <v>0.23287780569497324</v>
      </c>
      <c r="K5049" s="59">
        <f>Bühler!K5075</f>
        <v>0.34931670854245983</v>
      </c>
      <c r="L5049" s="59">
        <f>Bühler!L5075</f>
        <v>1.6767202010038071</v>
      </c>
      <c r="M5049" s="58">
        <f>Bühler!M5075</f>
        <v>0</v>
      </c>
      <c r="N5049" s="56">
        <f>IF(Input!$D$19=1,J5049*Input!$C$19,0)+IF(Input!$D$20=1,K5049*Input!$C$20,0)+IF(Input!$D$21=1,L5049*Input!$C$21,0)+IF(Input!$D$22=1,M5049*Input!$C$22,0)</f>
        <v>6.9863341708491969E-2</v>
      </c>
      <c r="O5049" s="59">
        <f>IF(Input!$D$19=2,J5049*Input!$C$19,0)+IF(Input!$D$20=2,K5049*Input!$C$20,0)+IF(Input!$D$21=2,L5049*Input!$C$21,0)+IF(Input!$D$22=2,M5049*Input!$C$22,0)</f>
        <v>0.17465835427122992</v>
      </c>
      <c r="P5049" s="59">
        <f>IF(Input!$D$19=3,J5049*Input!$C$19,0)+IF(Input!$D$20=3,K5049*Input!$C$20,0)+IF(Input!$D$21=3,L5049*Input!$C$21,0)+IF(Input!$D$22=3,M5049*Input!$C$22,0)</f>
        <v>0</v>
      </c>
      <c r="Q5049" s="75">
        <f>IF(Input!$D$19=4,J5049*Input!$C$19,0)+IF(Input!$D$20=4,K5049*Input!$C$20,0)+IF(Input!$D$21=4,L5049*Input!$C$21,0)+IF(Input!$D$22=4,M5049*Input!$C$22,0)</f>
        <v>0</v>
      </c>
      <c r="R5049" s="58">
        <v>41.407624811155152</v>
      </c>
      <c r="S5049" s="124">
        <f t="shared" si="78"/>
        <v>0.30274114740346519</v>
      </c>
    </row>
    <row r="5050" spans="8:19" x14ac:dyDescent="0.3">
      <c r="H5050" s="44">
        <v>5043</v>
      </c>
      <c r="I5050" s="56">
        <f>Bühler!I5076</f>
        <v>6.9863341708491969E-2</v>
      </c>
      <c r="J5050" s="59">
        <f>Bühler!J5076</f>
        <v>0.23287780569497324</v>
      </c>
      <c r="K5050" s="59">
        <f>Bühler!K5076</f>
        <v>0.34931670854245983</v>
      </c>
      <c r="L5050" s="59">
        <f>Bühler!L5076</f>
        <v>1.6767202010038071</v>
      </c>
      <c r="M5050" s="58">
        <f>Bühler!M5076</f>
        <v>0</v>
      </c>
      <c r="N5050" s="56">
        <f>IF(Input!$D$19=1,J5050*Input!$C$19,0)+IF(Input!$D$20=1,K5050*Input!$C$20,0)+IF(Input!$D$21=1,L5050*Input!$C$21,0)+IF(Input!$D$22=1,M5050*Input!$C$22,0)</f>
        <v>6.9863341708491969E-2</v>
      </c>
      <c r="O5050" s="59">
        <f>IF(Input!$D$19=2,J5050*Input!$C$19,0)+IF(Input!$D$20=2,K5050*Input!$C$20,0)+IF(Input!$D$21=2,L5050*Input!$C$21,0)+IF(Input!$D$22=2,M5050*Input!$C$22,0)</f>
        <v>0.17465835427122992</v>
      </c>
      <c r="P5050" s="59">
        <f>IF(Input!$D$19=3,J5050*Input!$C$19,0)+IF(Input!$D$20=3,K5050*Input!$C$20,0)+IF(Input!$D$21=3,L5050*Input!$C$21,0)+IF(Input!$D$22=3,M5050*Input!$C$22,0)</f>
        <v>0</v>
      </c>
      <c r="Q5050" s="75">
        <f>IF(Input!$D$19=4,J5050*Input!$C$19,0)+IF(Input!$D$20=4,K5050*Input!$C$20,0)+IF(Input!$D$21=4,L5050*Input!$C$21,0)+IF(Input!$D$22=4,M5050*Input!$C$22,0)</f>
        <v>0</v>
      </c>
      <c r="R5050" s="58">
        <v>41.860527124346504</v>
      </c>
      <c r="S5050" s="124">
        <f t="shared" si="78"/>
        <v>0.30274114740346519</v>
      </c>
    </row>
    <row r="5051" spans="8:19" x14ac:dyDescent="0.3">
      <c r="H5051" s="44">
        <v>5044</v>
      </c>
      <c r="I5051" s="56">
        <f>Bühler!I5077</f>
        <v>6.9863341708491969E-2</v>
      </c>
      <c r="J5051" s="59">
        <f>Bühler!J5077</f>
        <v>0.23287780569497324</v>
      </c>
      <c r="K5051" s="59">
        <f>Bühler!K5077</f>
        <v>0.34931670854245983</v>
      </c>
      <c r="L5051" s="59">
        <f>Bühler!L5077</f>
        <v>1.6767202010038071</v>
      </c>
      <c r="M5051" s="58">
        <f>Bühler!M5077</f>
        <v>0</v>
      </c>
      <c r="N5051" s="56">
        <f>IF(Input!$D$19=1,J5051*Input!$C$19,0)+IF(Input!$D$20=1,K5051*Input!$C$20,0)+IF(Input!$D$21=1,L5051*Input!$C$21,0)+IF(Input!$D$22=1,M5051*Input!$C$22,0)</f>
        <v>6.9863341708491969E-2</v>
      </c>
      <c r="O5051" s="59">
        <f>IF(Input!$D$19=2,J5051*Input!$C$19,0)+IF(Input!$D$20=2,K5051*Input!$C$20,0)+IF(Input!$D$21=2,L5051*Input!$C$21,0)+IF(Input!$D$22=2,M5051*Input!$C$22,0)</f>
        <v>0.17465835427122992</v>
      </c>
      <c r="P5051" s="59">
        <f>IF(Input!$D$19=3,J5051*Input!$C$19,0)+IF(Input!$D$20=3,K5051*Input!$C$20,0)+IF(Input!$D$21=3,L5051*Input!$C$21,0)+IF(Input!$D$22=3,M5051*Input!$C$22,0)</f>
        <v>0</v>
      </c>
      <c r="Q5051" s="75">
        <f>IF(Input!$D$19=4,J5051*Input!$C$19,0)+IF(Input!$D$20=4,K5051*Input!$C$20,0)+IF(Input!$D$21=4,L5051*Input!$C$21,0)+IF(Input!$D$22=4,M5051*Input!$C$22,0)</f>
        <v>0</v>
      </c>
      <c r="R5051" s="58">
        <v>43.731468572268511</v>
      </c>
      <c r="S5051" s="124">
        <f t="shared" si="78"/>
        <v>0.30274114740346519</v>
      </c>
    </row>
    <row r="5052" spans="8:19" x14ac:dyDescent="0.3">
      <c r="H5052" s="44">
        <v>5045</v>
      </c>
      <c r="I5052" s="56">
        <f>Bühler!I5078</f>
        <v>6.9863341708491969E-2</v>
      </c>
      <c r="J5052" s="59">
        <f>Bühler!J5078</f>
        <v>0.23287780569497324</v>
      </c>
      <c r="K5052" s="59">
        <f>Bühler!K5078</f>
        <v>0.34931670854245983</v>
      </c>
      <c r="L5052" s="59">
        <f>Bühler!L5078</f>
        <v>1.6767202010038071</v>
      </c>
      <c r="M5052" s="58">
        <f>Bühler!M5078</f>
        <v>0</v>
      </c>
      <c r="N5052" s="56">
        <f>IF(Input!$D$19=1,J5052*Input!$C$19,0)+IF(Input!$D$20=1,K5052*Input!$C$20,0)+IF(Input!$D$21=1,L5052*Input!$C$21,0)+IF(Input!$D$22=1,M5052*Input!$C$22,0)</f>
        <v>6.9863341708491969E-2</v>
      </c>
      <c r="O5052" s="59">
        <f>IF(Input!$D$19=2,J5052*Input!$C$19,0)+IF(Input!$D$20=2,K5052*Input!$C$20,0)+IF(Input!$D$21=2,L5052*Input!$C$21,0)+IF(Input!$D$22=2,M5052*Input!$C$22,0)</f>
        <v>0.17465835427122992</v>
      </c>
      <c r="P5052" s="59">
        <f>IF(Input!$D$19=3,J5052*Input!$C$19,0)+IF(Input!$D$20=3,K5052*Input!$C$20,0)+IF(Input!$D$21=3,L5052*Input!$C$21,0)+IF(Input!$D$22=3,M5052*Input!$C$22,0)</f>
        <v>0</v>
      </c>
      <c r="Q5052" s="75">
        <f>IF(Input!$D$19=4,J5052*Input!$C$19,0)+IF(Input!$D$20=4,K5052*Input!$C$20,0)+IF(Input!$D$21=4,L5052*Input!$C$21,0)+IF(Input!$D$22=4,M5052*Input!$C$22,0)</f>
        <v>0</v>
      </c>
      <c r="R5052" s="58">
        <v>47.033783184301818</v>
      </c>
      <c r="S5052" s="124">
        <f t="shared" si="78"/>
        <v>0.30274114740346519</v>
      </c>
    </row>
    <row r="5053" spans="8:19" x14ac:dyDescent="0.3">
      <c r="H5053" s="44">
        <v>5046</v>
      </c>
      <c r="I5053" s="56">
        <f>Bühler!I5079</f>
        <v>0.30274114740346519</v>
      </c>
      <c r="J5053" s="59">
        <f>Bühler!J5079</f>
        <v>1.0091371580115507</v>
      </c>
      <c r="K5053" s="59">
        <f>Bühler!K5079</f>
        <v>1.5137057370173259</v>
      </c>
      <c r="L5053" s="59">
        <f>Bühler!L5079</f>
        <v>7.2657875376831642</v>
      </c>
      <c r="M5053" s="58">
        <f>Bühler!M5079</f>
        <v>0</v>
      </c>
      <c r="N5053" s="56">
        <f>IF(Input!$D$19=1,J5053*Input!$C$19,0)+IF(Input!$D$20=1,K5053*Input!$C$20,0)+IF(Input!$D$21=1,L5053*Input!$C$21,0)+IF(Input!$D$22=1,M5053*Input!$C$22,0)</f>
        <v>0.30274114740346519</v>
      </c>
      <c r="O5053" s="59">
        <f>IF(Input!$D$19=2,J5053*Input!$C$19,0)+IF(Input!$D$20=2,K5053*Input!$C$20,0)+IF(Input!$D$21=2,L5053*Input!$C$21,0)+IF(Input!$D$22=2,M5053*Input!$C$22,0)</f>
        <v>0.75685286850866296</v>
      </c>
      <c r="P5053" s="59">
        <f>IF(Input!$D$19=3,J5053*Input!$C$19,0)+IF(Input!$D$20=3,K5053*Input!$C$20,0)+IF(Input!$D$21=3,L5053*Input!$C$21,0)+IF(Input!$D$22=3,M5053*Input!$C$22,0)</f>
        <v>0</v>
      </c>
      <c r="Q5053" s="75">
        <f>IF(Input!$D$19=4,J5053*Input!$C$19,0)+IF(Input!$D$20=4,K5053*Input!$C$20,0)+IF(Input!$D$21=4,L5053*Input!$C$21,0)+IF(Input!$D$22=4,M5053*Input!$C$22,0)</f>
        <v>0</v>
      </c>
      <c r="R5053" s="58">
        <v>52.95978990349321</v>
      </c>
      <c r="S5053" s="124">
        <f t="shared" si="78"/>
        <v>1.3118783054150158</v>
      </c>
    </row>
    <row r="5054" spans="8:19" x14ac:dyDescent="0.3">
      <c r="H5054" s="44">
        <v>5047</v>
      </c>
      <c r="I5054" s="56">
        <f>Bühler!I5080</f>
        <v>0.3434947634000855</v>
      </c>
      <c r="J5054" s="59">
        <f>Bühler!J5080</f>
        <v>1.1449825446669519</v>
      </c>
      <c r="K5054" s="59">
        <f>Bühler!K5080</f>
        <v>1.7174738170004276</v>
      </c>
      <c r="L5054" s="59">
        <f>Bühler!L5080</f>
        <v>8.2438743216020534</v>
      </c>
      <c r="M5054" s="58">
        <f>Bühler!M5080</f>
        <v>0</v>
      </c>
      <c r="N5054" s="56">
        <f>IF(Input!$D$19=1,J5054*Input!$C$19,0)+IF(Input!$D$20=1,K5054*Input!$C$20,0)+IF(Input!$D$21=1,L5054*Input!$C$21,0)+IF(Input!$D$22=1,M5054*Input!$C$22,0)</f>
        <v>0.34349476340008556</v>
      </c>
      <c r="O5054" s="59">
        <f>IF(Input!$D$19=2,J5054*Input!$C$19,0)+IF(Input!$D$20=2,K5054*Input!$C$20,0)+IF(Input!$D$21=2,L5054*Input!$C$21,0)+IF(Input!$D$22=2,M5054*Input!$C$22,0)</f>
        <v>0.85873690850021378</v>
      </c>
      <c r="P5054" s="59">
        <f>IF(Input!$D$19=3,J5054*Input!$C$19,0)+IF(Input!$D$20=3,K5054*Input!$C$20,0)+IF(Input!$D$21=3,L5054*Input!$C$21,0)+IF(Input!$D$22=3,M5054*Input!$C$22,0)</f>
        <v>0</v>
      </c>
      <c r="Q5054" s="75">
        <f>IF(Input!$D$19=4,J5054*Input!$C$19,0)+IF(Input!$D$20=4,K5054*Input!$C$20,0)+IF(Input!$D$21=4,L5054*Input!$C$21,0)+IF(Input!$D$22=4,M5054*Input!$C$22,0)</f>
        <v>0</v>
      </c>
      <c r="R5054" s="58">
        <v>58.530500249519733</v>
      </c>
      <c r="S5054" s="124">
        <f t="shared" si="78"/>
        <v>1.4884773080670375</v>
      </c>
    </row>
    <row r="5055" spans="8:19" x14ac:dyDescent="0.3">
      <c r="H5055" s="44">
        <v>5048</v>
      </c>
      <c r="I5055" s="56">
        <f>Bühler!I5081</f>
        <v>0.3434947634000855</v>
      </c>
      <c r="J5055" s="59">
        <f>Bühler!J5081</f>
        <v>1.1449825446669519</v>
      </c>
      <c r="K5055" s="59">
        <f>Bühler!K5081</f>
        <v>1.7174738170004276</v>
      </c>
      <c r="L5055" s="59">
        <f>Bühler!L5081</f>
        <v>8.2438743216020534</v>
      </c>
      <c r="M5055" s="58">
        <f>Bühler!M5081</f>
        <v>0</v>
      </c>
      <c r="N5055" s="56">
        <f>IF(Input!$D$19=1,J5055*Input!$C$19,0)+IF(Input!$D$20=1,K5055*Input!$C$20,0)+IF(Input!$D$21=1,L5055*Input!$C$21,0)+IF(Input!$D$22=1,M5055*Input!$C$22,0)</f>
        <v>0.34349476340008556</v>
      </c>
      <c r="O5055" s="59">
        <f>IF(Input!$D$19=2,J5055*Input!$C$19,0)+IF(Input!$D$20=2,K5055*Input!$C$20,0)+IF(Input!$D$21=2,L5055*Input!$C$21,0)+IF(Input!$D$22=2,M5055*Input!$C$22,0)</f>
        <v>0.85873690850021378</v>
      </c>
      <c r="P5055" s="59">
        <f>IF(Input!$D$19=3,J5055*Input!$C$19,0)+IF(Input!$D$20=3,K5055*Input!$C$20,0)+IF(Input!$D$21=3,L5055*Input!$C$21,0)+IF(Input!$D$22=3,M5055*Input!$C$22,0)</f>
        <v>0</v>
      </c>
      <c r="Q5055" s="75">
        <f>IF(Input!$D$19=4,J5055*Input!$C$19,0)+IF(Input!$D$20=4,K5055*Input!$C$20,0)+IF(Input!$D$21=4,L5055*Input!$C$21,0)+IF(Input!$D$22=4,M5055*Input!$C$22,0)</f>
        <v>0</v>
      </c>
      <c r="R5055" s="58">
        <v>61.555210734140651</v>
      </c>
      <c r="S5055" s="124">
        <f t="shared" si="78"/>
        <v>1.4884773080670375</v>
      </c>
    </row>
    <row r="5056" spans="8:19" x14ac:dyDescent="0.3">
      <c r="H5056" s="44">
        <v>5049</v>
      </c>
      <c r="I5056" s="56">
        <f>Bühler!I5082</f>
        <v>0.3434947634000855</v>
      </c>
      <c r="J5056" s="59">
        <f>Bühler!J5082</f>
        <v>1.1449825446669519</v>
      </c>
      <c r="K5056" s="59">
        <f>Bühler!K5082</f>
        <v>1.7174738170004276</v>
      </c>
      <c r="L5056" s="59">
        <f>Bühler!L5082</f>
        <v>8.2438743216020534</v>
      </c>
      <c r="M5056" s="58">
        <f>Bühler!M5082</f>
        <v>0</v>
      </c>
      <c r="N5056" s="56">
        <f>IF(Input!$D$19=1,J5056*Input!$C$19,0)+IF(Input!$D$20=1,K5056*Input!$C$20,0)+IF(Input!$D$21=1,L5056*Input!$C$21,0)+IF(Input!$D$22=1,M5056*Input!$C$22,0)</f>
        <v>0.34349476340008556</v>
      </c>
      <c r="O5056" s="59">
        <f>IF(Input!$D$19=2,J5056*Input!$C$19,0)+IF(Input!$D$20=2,K5056*Input!$C$20,0)+IF(Input!$D$21=2,L5056*Input!$C$21,0)+IF(Input!$D$22=2,M5056*Input!$C$22,0)</f>
        <v>0.85873690850021378</v>
      </c>
      <c r="P5056" s="59">
        <f>IF(Input!$D$19=3,J5056*Input!$C$19,0)+IF(Input!$D$20=3,K5056*Input!$C$20,0)+IF(Input!$D$21=3,L5056*Input!$C$21,0)+IF(Input!$D$22=3,M5056*Input!$C$22,0)</f>
        <v>0</v>
      </c>
      <c r="Q5056" s="75">
        <f>IF(Input!$D$19=4,J5056*Input!$C$19,0)+IF(Input!$D$20=4,K5056*Input!$C$20,0)+IF(Input!$D$21=4,L5056*Input!$C$21,0)+IF(Input!$D$22=4,M5056*Input!$C$22,0)</f>
        <v>0</v>
      </c>
      <c r="R5056" s="58">
        <v>63.244513579807062</v>
      </c>
      <c r="S5056" s="124">
        <f t="shared" si="78"/>
        <v>1.4884773080670375</v>
      </c>
    </row>
    <row r="5057" spans="8:19" x14ac:dyDescent="0.3">
      <c r="H5057" s="44">
        <v>5050</v>
      </c>
      <c r="I5057" s="56">
        <f>Bühler!I5083</f>
        <v>0.36678254396958282</v>
      </c>
      <c r="J5057" s="59">
        <f>Bühler!J5083</f>
        <v>1.2226084798986097</v>
      </c>
      <c r="K5057" s="59">
        <f>Bühler!K5083</f>
        <v>1.8339127198479142</v>
      </c>
      <c r="L5057" s="59">
        <f>Bühler!L5083</f>
        <v>8.802781055269989</v>
      </c>
      <c r="M5057" s="58">
        <f>Bühler!M5083</f>
        <v>0</v>
      </c>
      <c r="N5057" s="56">
        <f>IF(Input!$D$19=1,J5057*Input!$C$19,0)+IF(Input!$D$20=1,K5057*Input!$C$20,0)+IF(Input!$D$21=1,L5057*Input!$C$21,0)+IF(Input!$D$22=1,M5057*Input!$C$22,0)</f>
        <v>0.36678254396958287</v>
      </c>
      <c r="O5057" s="59">
        <f>IF(Input!$D$19=2,J5057*Input!$C$19,0)+IF(Input!$D$20=2,K5057*Input!$C$20,0)+IF(Input!$D$21=2,L5057*Input!$C$21,0)+IF(Input!$D$22=2,M5057*Input!$C$22,0)</f>
        <v>0.91695635992395708</v>
      </c>
      <c r="P5057" s="59">
        <f>IF(Input!$D$19=3,J5057*Input!$C$19,0)+IF(Input!$D$20=3,K5057*Input!$C$20,0)+IF(Input!$D$21=3,L5057*Input!$C$21,0)+IF(Input!$D$22=3,M5057*Input!$C$22,0)</f>
        <v>0</v>
      </c>
      <c r="Q5057" s="75">
        <f>IF(Input!$D$19=4,J5057*Input!$C$19,0)+IF(Input!$D$20=4,K5057*Input!$C$20,0)+IF(Input!$D$21=4,L5057*Input!$C$21,0)+IF(Input!$D$22=4,M5057*Input!$C$22,0)</f>
        <v>0</v>
      </c>
      <c r="R5057" s="58">
        <v>64.701173151899354</v>
      </c>
      <c r="S5057" s="124">
        <f t="shared" si="78"/>
        <v>1.5893910238681925</v>
      </c>
    </row>
    <row r="5058" spans="8:19" x14ac:dyDescent="0.3">
      <c r="H5058" s="44">
        <v>5051</v>
      </c>
      <c r="I5058" s="56">
        <f>Bühler!I5084</f>
        <v>0.36678254396958282</v>
      </c>
      <c r="J5058" s="59">
        <f>Bühler!J5084</f>
        <v>1.2226084798986097</v>
      </c>
      <c r="K5058" s="59">
        <f>Bühler!K5084</f>
        <v>1.8339127198479142</v>
      </c>
      <c r="L5058" s="59">
        <f>Bühler!L5084</f>
        <v>8.802781055269989</v>
      </c>
      <c r="M5058" s="58">
        <f>Bühler!M5084</f>
        <v>0</v>
      </c>
      <c r="N5058" s="56">
        <f>IF(Input!$D$19=1,J5058*Input!$C$19,0)+IF(Input!$D$20=1,K5058*Input!$C$20,0)+IF(Input!$D$21=1,L5058*Input!$C$21,0)+IF(Input!$D$22=1,M5058*Input!$C$22,0)</f>
        <v>0.36678254396958287</v>
      </c>
      <c r="O5058" s="59">
        <f>IF(Input!$D$19=2,J5058*Input!$C$19,0)+IF(Input!$D$20=2,K5058*Input!$C$20,0)+IF(Input!$D$21=2,L5058*Input!$C$21,0)+IF(Input!$D$22=2,M5058*Input!$C$22,0)</f>
        <v>0.91695635992395708</v>
      </c>
      <c r="P5058" s="59">
        <f>IF(Input!$D$19=3,J5058*Input!$C$19,0)+IF(Input!$D$20=3,K5058*Input!$C$20,0)+IF(Input!$D$21=3,L5058*Input!$C$21,0)+IF(Input!$D$22=3,M5058*Input!$C$22,0)</f>
        <v>0</v>
      </c>
      <c r="Q5058" s="75">
        <f>IF(Input!$D$19=4,J5058*Input!$C$19,0)+IF(Input!$D$20=4,K5058*Input!$C$20,0)+IF(Input!$D$21=4,L5058*Input!$C$21,0)+IF(Input!$D$22=4,M5058*Input!$C$22,0)</f>
        <v>0</v>
      </c>
      <c r="R5058" s="58">
        <v>66.278190407821072</v>
      </c>
      <c r="S5058" s="124">
        <f t="shared" si="78"/>
        <v>1.5893910238681925</v>
      </c>
    </row>
    <row r="5059" spans="8:19" x14ac:dyDescent="0.3">
      <c r="H5059" s="44">
        <v>5052</v>
      </c>
      <c r="I5059" s="56">
        <f>Bühler!I5085</f>
        <v>0.46575561138994653</v>
      </c>
      <c r="J5059" s="59">
        <f>Bühler!J5085</f>
        <v>1.5525187046331552</v>
      </c>
      <c r="K5059" s="59">
        <f>Bühler!K5085</f>
        <v>2.3287780569497327</v>
      </c>
      <c r="L5059" s="59">
        <f>Bühler!L5085</f>
        <v>11.178134673358716</v>
      </c>
      <c r="M5059" s="58">
        <f>Bühler!M5085</f>
        <v>0</v>
      </c>
      <c r="N5059" s="56">
        <f>IF(Input!$D$19=1,J5059*Input!$C$19,0)+IF(Input!$D$20=1,K5059*Input!$C$20,0)+IF(Input!$D$21=1,L5059*Input!$C$21,0)+IF(Input!$D$22=1,M5059*Input!$C$22,0)</f>
        <v>0.46575561138994653</v>
      </c>
      <c r="O5059" s="59">
        <f>IF(Input!$D$19=2,J5059*Input!$C$19,0)+IF(Input!$D$20=2,K5059*Input!$C$20,0)+IF(Input!$D$21=2,L5059*Input!$C$21,0)+IF(Input!$D$22=2,M5059*Input!$C$22,0)</f>
        <v>1.1643890284748664</v>
      </c>
      <c r="P5059" s="59">
        <f>IF(Input!$D$19=3,J5059*Input!$C$19,0)+IF(Input!$D$20=3,K5059*Input!$C$20,0)+IF(Input!$D$21=3,L5059*Input!$C$21,0)+IF(Input!$D$22=3,M5059*Input!$C$22,0)</f>
        <v>0</v>
      </c>
      <c r="Q5059" s="75">
        <f>IF(Input!$D$19=4,J5059*Input!$C$19,0)+IF(Input!$D$20=4,K5059*Input!$C$20,0)+IF(Input!$D$21=4,L5059*Input!$C$21,0)+IF(Input!$D$22=4,M5059*Input!$C$22,0)</f>
        <v>0</v>
      </c>
      <c r="R5059" s="58">
        <v>67.834337054256849</v>
      </c>
      <c r="S5059" s="124">
        <f t="shared" si="78"/>
        <v>2.0182743160231018</v>
      </c>
    </row>
    <row r="5060" spans="8:19" x14ac:dyDescent="0.3">
      <c r="H5060" s="44">
        <v>5053</v>
      </c>
      <c r="I5060" s="56">
        <f>Bühler!I5086</f>
        <v>0.46575561138994653</v>
      </c>
      <c r="J5060" s="59">
        <f>Bühler!J5086</f>
        <v>1.5525187046331552</v>
      </c>
      <c r="K5060" s="59">
        <f>Bühler!K5086</f>
        <v>2.3287780569497327</v>
      </c>
      <c r="L5060" s="59">
        <f>Bühler!L5086</f>
        <v>11.178134673358716</v>
      </c>
      <c r="M5060" s="58">
        <f>Bühler!M5086</f>
        <v>0</v>
      </c>
      <c r="N5060" s="56">
        <f>IF(Input!$D$19=1,J5060*Input!$C$19,0)+IF(Input!$D$20=1,K5060*Input!$C$20,0)+IF(Input!$D$21=1,L5060*Input!$C$21,0)+IF(Input!$D$22=1,M5060*Input!$C$22,0)</f>
        <v>0.46575561138994653</v>
      </c>
      <c r="O5060" s="59">
        <f>IF(Input!$D$19=2,J5060*Input!$C$19,0)+IF(Input!$D$20=2,K5060*Input!$C$20,0)+IF(Input!$D$21=2,L5060*Input!$C$21,0)+IF(Input!$D$22=2,M5060*Input!$C$22,0)</f>
        <v>1.1643890284748664</v>
      </c>
      <c r="P5060" s="59">
        <f>IF(Input!$D$19=3,J5060*Input!$C$19,0)+IF(Input!$D$20=3,K5060*Input!$C$20,0)+IF(Input!$D$21=3,L5060*Input!$C$21,0)+IF(Input!$D$22=3,M5060*Input!$C$22,0)</f>
        <v>0</v>
      </c>
      <c r="Q5060" s="75">
        <f>IF(Input!$D$19=4,J5060*Input!$C$19,0)+IF(Input!$D$20=4,K5060*Input!$C$20,0)+IF(Input!$D$21=4,L5060*Input!$C$21,0)+IF(Input!$D$22=4,M5060*Input!$C$22,0)</f>
        <v>0</v>
      </c>
      <c r="R5060" s="58">
        <v>67.231349078303921</v>
      </c>
      <c r="S5060" s="124">
        <f t="shared" si="78"/>
        <v>2.0182743160231018</v>
      </c>
    </row>
    <row r="5061" spans="8:19" x14ac:dyDescent="0.3">
      <c r="H5061" s="44">
        <v>5054</v>
      </c>
      <c r="I5061" s="56">
        <f>Bühler!I5087</f>
        <v>0.30856309254583958</v>
      </c>
      <c r="J5061" s="59">
        <f>Bühler!J5087</f>
        <v>1.0285436418194653</v>
      </c>
      <c r="K5061" s="59">
        <f>Bühler!K5087</f>
        <v>1.5428154627291979</v>
      </c>
      <c r="L5061" s="59">
        <f>Bühler!L5087</f>
        <v>7.4055142211001499</v>
      </c>
      <c r="M5061" s="58">
        <f>Bühler!M5087</f>
        <v>0</v>
      </c>
      <c r="N5061" s="56">
        <f>IF(Input!$D$19=1,J5061*Input!$C$19,0)+IF(Input!$D$20=1,K5061*Input!$C$20,0)+IF(Input!$D$21=1,L5061*Input!$C$21,0)+IF(Input!$D$22=1,M5061*Input!$C$22,0)</f>
        <v>0.30856309254583958</v>
      </c>
      <c r="O5061" s="59">
        <f>IF(Input!$D$19=2,J5061*Input!$C$19,0)+IF(Input!$D$20=2,K5061*Input!$C$20,0)+IF(Input!$D$21=2,L5061*Input!$C$21,0)+IF(Input!$D$22=2,M5061*Input!$C$22,0)</f>
        <v>0.77140773136459895</v>
      </c>
      <c r="P5061" s="59">
        <f>IF(Input!$D$19=3,J5061*Input!$C$19,0)+IF(Input!$D$20=3,K5061*Input!$C$20,0)+IF(Input!$D$21=3,L5061*Input!$C$21,0)+IF(Input!$D$22=3,M5061*Input!$C$22,0)</f>
        <v>0</v>
      </c>
      <c r="Q5061" s="75">
        <f>IF(Input!$D$19=4,J5061*Input!$C$19,0)+IF(Input!$D$20=4,K5061*Input!$C$20,0)+IF(Input!$D$21=4,L5061*Input!$C$21,0)+IF(Input!$D$22=4,M5061*Input!$C$22,0)</f>
        <v>0</v>
      </c>
      <c r="R5061" s="58">
        <v>67.08299623074744</v>
      </c>
      <c r="S5061" s="124">
        <f t="shared" si="78"/>
        <v>1.3371067343653049</v>
      </c>
    </row>
    <row r="5062" spans="8:19" x14ac:dyDescent="0.3">
      <c r="H5062" s="44">
        <v>5055</v>
      </c>
      <c r="I5062" s="56">
        <f>Bühler!I5088</f>
        <v>0.46575561138994653</v>
      </c>
      <c r="J5062" s="59">
        <f>Bühler!J5088</f>
        <v>1.5525187046331552</v>
      </c>
      <c r="K5062" s="59">
        <f>Bühler!K5088</f>
        <v>2.3287780569497327</v>
      </c>
      <c r="L5062" s="59">
        <f>Bühler!L5088</f>
        <v>11.178134673358716</v>
      </c>
      <c r="M5062" s="58">
        <f>Bühler!M5088</f>
        <v>0</v>
      </c>
      <c r="N5062" s="56">
        <f>IF(Input!$D$19=1,J5062*Input!$C$19,0)+IF(Input!$D$20=1,K5062*Input!$C$20,0)+IF(Input!$D$21=1,L5062*Input!$C$21,0)+IF(Input!$D$22=1,M5062*Input!$C$22,0)</f>
        <v>0.46575561138994653</v>
      </c>
      <c r="O5062" s="59">
        <f>IF(Input!$D$19=2,J5062*Input!$C$19,0)+IF(Input!$D$20=2,K5062*Input!$C$20,0)+IF(Input!$D$21=2,L5062*Input!$C$21,0)+IF(Input!$D$22=2,M5062*Input!$C$22,0)</f>
        <v>1.1643890284748664</v>
      </c>
      <c r="P5062" s="59">
        <f>IF(Input!$D$19=3,J5062*Input!$C$19,0)+IF(Input!$D$20=3,K5062*Input!$C$20,0)+IF(Input!$D$21=3,L5062*Input!$C$21,0)+IF(Input!$D$22=3,M5062*Input!$C$22,0)</f>
        <v>0</v>
      </c>
      <c r="Q5062" s="75">
        <f>IF(Input!$D$19=4,J5062*Input!$C$19,0)+IF(Input!$D$20=4,K5062*Input!$C$20,0)+IF(Input!$D$21=4,L5062*Input!$C$21,0)+IF(Input!$D$22=4,M5062*Input!$C$22,0)</f>
        <v>0</v>
      </c>
      <c r="R5062" s="58">
        <v>67.297712897795208</v>
      </c>
      <c r="S5062" s="124">
        <f t="shared" si="78"/>
        <v>2.0182743160231018</v>
      </c>
    </row>
    <row r="5063" spans="8:19" x14ac:dyDescent="0.3">
      <c r="H5063" s="44">
        <v>5056</v>
      </c>
      <c r="I5063" s="56">
        <f>Bühler!I5089</f>
        <v>0.46575561138994653</v>
      </c>
      <c r="J5063" s="59">
        <f>Bühler!J5089</f>
        <v>1.5525187046331552</v>
      </c>
      <c r="K5063" s="59">
        <f>Bühler!K5089</f>
        <v>2.3287780569497327</v>
      </c>
      <c r="L5063" s="59">
        <f>Bühler!L5089</f>
        <v>11.178134673358716</v>
      </c>
      <c r="M5063" s="58">
        <f>Bühler!M5089</f>
        <v>0</v>
      </c>
      <c r="N5063" s="56">
        <f>IF(Input!$D$19=1,J5063*Input!$C$19,0)+IF(Input!$D$20=1,K5063*Input!$C$20,0)+IF(Input!$D$21=1,L5063*Input!$C$21,0)+IF(Input!$D$22=1,M5063*Input!$C$22,0)</f>
        <v>0.46575561138994653</v>
      </c>
      <c r="O5063" s="59">
        <f>IF(Input!$D$19=2,J5063*Input!$C$19,0)+IF(Input!$D$20=2,K5063*Input!$C$20,0)+IF(Input!$D$21=2,L5063*Input!$C$21,0)+IF(Input!$D$22=2,M5063*Input!$C$22,0)</f>
        <v>1.1643890284748664</v>
      </c>
      <c r="P5063" s="59">
        <f>IF(Input!$D$19=3,J5063*Input!$C$19,0)+IF(Input!$D$20=3,K5063*Input!$C$20,0)+IF(Input!$D$21=3,L5063*Input!$C$21,0)+IF(Input!$D$22=3,M5063*Input!$C$22,0)</f>
        <v>0</v>
      </c>
      <c r="Q5063" s="75">
        <f>IF(Input!$D$19=4,J5063*Input!$C$19,0)+IF(Input!$D$20=4,K5063*Input!$C$20,0)+IF(Input!$D$21=4,L5063*Input!$C$21,0)+IF(Input!$D$22=4,M5063*Input!$C$22,0)</f>
        <v>0</v>
      </c>
      <c r="R5063" s="58">
        <v>67.349394066665866</v>
      </c>
      <c r="S5063" s="124">
        <f t="shared" si="78"/>
        <v>2.0182743160231018</v>
      </c>
    </row>
    <row r="5064" spans="8:19" x14ac:dyDescent="0.3">
      <c r="H5064" s="44">
        <v>5057</v>
      </c>
      <c r="I5064" s="56">
        <f>Bühler!I5090</f>
        <v>0.46575561138994653</v>
      </c>
      <c r="J5064" s="59">
        <f>Bühler!J5090</f>
        <v>1.5525187046331552</v>
      </c>
      <c r="K5064" s="59">
        <f>Bühler!K5090</f>
        <v>2.3287780569497327</v>
      </c>
      <c r="L5064" s="59">
        <f>Bühler!L5090</f>
        <v>11.178134673358716</v>
      </c>
      <c r="M5064" s="58">
        <f>Bühler!M5090</f>
        <v>0</v>
      </c>
      <c r="N5064" s="56">
        <f>IF(Input!$D$19=1,J5064*Input!$C$19,0)+IF(Input!$D$20=1,K5064*Input!$C$20,0)+IF(Input!$D$21=1,L5064*Input!$C$21,0)+IF(Input!$D$22=1,M5064*Input!$C$22,0)</f>
        <v>0.46575561138994653</v>
      </c>
      <c r="O5064" s="59">
        <f>IF(Input!$D$19=2,J5064*Input!$C$19,0)+IF(Input!$D$20=2,K5064*Input!$C$20,0)+IF(Input!$D$21=2,L5064*Input!$C$21,0)+IF(Input!$D$22=2,M5064*Input!$C$22,0)</f>
        <v>1.1643890284748664</v>
      </c>
      <c r="P5064" s="59">
        <f>IF(Input!$D$19=3,J5064*Input!$C$19,0)+IF(Input!$D$20=3,K5064*Input!$C$20,0)+IF(Input!$D$21=3,L5064*Input!$C$21,0)+IF(Input!$D$22=3,M5064*Input!$C$22,0)</f>
        <v>0</v>
      </c>
      <c r="Q5064" s="75">
        <f>IF(Input!$D$19=4,J5064*Input!$C$19,0)+IF(Input!$D$20=4,K5064*Input!$C$20,0)+IF(Input!$D$21=4,L5064*Input!$C$21,0)+IF(Input!$D$22=4,M5064*Input!$C$22,0)</f>
        <v>0</v>
      </c>
      <c r="R5064" s="58">
        <v>67.198404288884049</v>
      </c>
      <c r="S5064" s="124">
        <f t="shared" si="78"/>
        <v>2.0182743160231018</v>
      </c>
    </row>
    <row r="5065" spans="8:19" x14ac:dyDescent="0.3">
      <c r="H5065" s="44">
        <v>5058</v>
      </c>
      <c r="I5065" s="56">
        <f>Bühler!I5091</f>
        <v>0.46575561138994653</v>
      </c>
      <c r="J5065" s="59">
        <f>Bühler!J5091</f>
        <v>1.5525187046331552</v>
      </c>
      <c r="K5065" s="59">
        <f>Bühler!K5091</f>
        <v>2.3287780569497327</v>
      </c>
      <c r="L5065" s="59">
        <f>Bühler!L5091</f>
        <v>11.178134673358716</v>
      </c>
      <c r="M5065" s="58">
        <f>Bühler!M5091</f>
        <v>0</v>
      </c>
      <c r="N5065" s="56">
        <f>IF(Input!$D$19=1,J5065*Input!$C$19,0)+IF(Input!$D$20=1,K5065*Input!$C$20,0)+IF(Input!$D$21=1,L5065*Input!$C$21,0)+IF(Input!$D$22=1,M5065*Input!$C$22,0)</f>
        <v>0.46575561138994653</v>
      </c>
      <c r="O5065" s="59">
        <f>IF(Input!$D$19=2,J5065*Input!$C$19,0)+IF(Input!$D$20=2,K5065*Input!$C$20,0)+IF(Input!$D$21=2,L5065*Input!$C$21,0)+IF(Input!$D$22=2,M5065*Input!$C$22,0)</f>
        <v>1.1643890284748664</v>
      </c>
      <c r="P5065" s="59">
        <f>IF(Input!$D$19=3,J5065*Input!$C$19,0)+IF(Input!$D$20=3,K5065*Input!$C$20,0)+IF(Input!$D$21=3,L5065*Input!$C$21,0)+IF(Input!$D$22=3,M5065*Input!$C$22,0)</f>
        <v>0</v>
      </c>
      <c r="Q5065" s="75">
        <f>IF(Input!$D$19=4,J5065*Input!$C$19,0)+IF(Input!$D$20=4,K5065*Input!$C$20,0)+IF(Input!$D$21=4,L5065*Input!$C$21,0)+IF(Input!$D$22=4,M5065*Input!$C$22,0)</f>
        <v>0</v>
      </c>
      <c r="R5065" s="58">
        <v>65.73933154012748</v>
      </c>
      <c r="S5065" s="124">
        <f t="shared" ref="S5065:S5128" si="79">I5065+J5065</f>
        <v>2.0182743160231018</v>
      </c>
    </row>
    <row r="5066" spans="8:19" x14ac:dyDescent="0.3">
      <c r="H5066" s="44">
        <v>5059</v>
      </c>
      <c r="I5066" s="56">
        <f>Bühler!I5092</f>
        <v>0.46575561138994653</v>
      </c>
      <c r="J5066" s="59">
        <f>Bühler!J5092</f>
        <v>1.5525187046331552</v>
      </c>
      <c r="K5066" s="59">
        <f>Bühler!K5092</f>
        <v>2.3287780569497327</v>
      </c>
      <c r="L5066" s="59">
        <f>Bühler!L5092</f>
        <v>11.178134673358716</v>
      </c>
      <c r="M5066" s="58">
        <f>Bühler!M5092</f>
        <v>0</v>
      </c>
      <c r="N5066" s="56">
        <f>IF(Input!$D$19=1,J5066*Input!$C$19,0)+IF(Input!$D$20=1,K5066*Input!$C$20,0)+IF(Input!$D$21=1,L5066*Input!$C$21,0)+IF(Input!$D$22=1,M5066*Input!$C$22,0)</f>
        <v>0.46575561138994653</v>
      </c>
      <c r="O5066" s="59">
        <f>IF(Input!$D$19=2,J5066*Input!$C$19,0)+IF(Input!$D$20=2,K5066*Input!$C$20,0)+IF(Input!$D$21=2,L5066*Input!$C$21,0)+IF(Input!$D$22=2,M5066*Input!$C$22,0)</f>
        <v>1.1643890284748664</v>
      </c>
      <c r="P5066" s="59">
        <f>IF(Input!$D$19=3,J5066*Input!$C$19,0)+IF(Input!$D$20=3,K5066*Input!$C$20,0)+IF(Input!$D$21=3,L5066*Input!$C$21,0)+IF(Input!$D$22=3,M5066*Input!$C$22,0)</f>
        <v>0</v>
      </c>
      <c r="Q5066" s="75">
        <f>IF(Input!$D$19=4,J5066*Input!$C$19,0)+IF(Input!$D$20=4,K5066*Input!$C$20,0)+IF(Input!$D$21=4,L5066*Input!$C$21,0)+IF(Input!$D$22=4,M5066*Input!$C$22,0)</f>
        <v>0</v>
      </c>
      <c r="R5066" s="58">
        <v>65.381368992648945</v>
      </c>
      <c r="S5066" s="124">
        <f t="shared" si="79"/>
        <v>2.0182743160231018</v>
      </c>
    </row>
    <row r="5067" spans="8:19" x14ac:dyDescent="0.3">
      <c r="H5067" s="44">
        <v>5060</v>
      </c>
      <c r="I5067" s="56">
        <f>Bühler!I5093</f>
        <v>0.39007032453908019</v>
      </c>
      <c r="J5067" s="59">
        <f>Bühler!J5093</f>
        <v>1.3002344151302676</v>
      </c>
      <c r="K5067" s="59">
        <f>Bühler!K5093</f>
        <v>1.950351622695401</v>
      </c>
      <c r="L5067" s="59">
        <f>Bühler!L5093</f>
        <v>9.3616877889379246</v>
      </c>
      <c r="M5067" s="58">
        <f>Bühler!M5093</f>
        <v>0</v>
      </c>
      <c r="N5067" s="56">
        <f>IF(Input!$D$19=1,J5067*Input!$C$19,0)+IF(Input!$D$20=1,K5067*Input!$C$20,0)+IF(Input!$D$21=1,L5067*Input!$C$21,0)+IF(Input!$D$22=1,M5067*Input!$C$22,0)</f>
        <v>0.39007032453908025</v>
      </c>
      <c r="O5067" s="59">
        <f>IF(Input!$D$19=2,J5067*Input!$C$19,0)+IF(Input!$D$20=2,K5067*Input!$C$20,0)+IF(Input!$D$21=2,L5067*Input!$C$21,0)+IF(Input!$D$22=2,M5067*Input!$C$22,0)</f>
        <v>0.97517581134770048</v>
      </c>
      <c r="P5067" s="59">
        <f>IF(Input!$D$19=3,J5067*Input!$C$19,0)+IF(Input!$D$20=3,K5067*Input!$C$20,0)+IF(Input!$D$21=3,L5067*Input!$C$21,0)+IF(Input!$D$22=3,M5067*Input!$C$22,0)</f>
        <v>0</v>
      </c>
      <c r="Q5067" s="75">
        <f>IF(Input!$D$19=4,J5067*Input!$C$19,0)+IF(Input!$D$20=4,K5067*Input!$C$20,0)+IF(Input!$D$21=4,L5067*Input!$C$21,0)+IF(Input!$D$22=4,M5067*Input!$C$22,0)</f>
        <v>0</v>
      </c>
      <c r="R5067" s="58">
        <v>64.47679612883536</v>
      </c>
      <c r="S5067" s="124">
        <f t="shared" si="79"/>
        <v>1.6903047396693478</v>
      </c>
    </row>
    <row r="5068" spans="8:19" x14ac:dyDescent="0.3">
      <c r="H5068" s="44">
        <v>5061</v>
      </c>
      <c r="I5068" s="56">
        <f>Bühler!I5094</f>
        <v>0.32020698283058818</v>
      </c>
      <c r="J5068" s="59">
        <f>Bühler!J5094</f>
        <v>1.067356609435294</v>
      </c>
      <c r="K5068" s="59">
        <f>Bühler!K5094</f>
        <v>1.6010349141529407</v>
      </c>
      <c r="L5068" s="59">
        <f>Bühler!L5094</f>
        <v>7.6849675879341159</v>
      </c>
      <c r="M5068" s="58">
        <f>Bühler!M5094</f>
        <v>0</v>
      </c>
      <c r="N5068" s="56">
        <f>IF(Input!$D$19=1,J5068*Input!$C$19,0)+IF(Input!$D$20=1,K5068*Input!$C$20,0)+IF(Input!$D$21=1,L5068*Input!$C$21,0)+IF(Input!$D$22=1,M5068*Input!$C$22,0)</f>
        <v>0.32020698283058818</v>
      </c>
      <c r="O5068" s="59">
        <f>IF(Input!$D$19=2,J5068*Input!$C$19,0)+IF(Input!$D$20=2,K5068*Input!$C$20,0)+IF(Input!$D$21=2,L5068*Input!$C$21,0)+IF(Input!$D$22=2,M5068*Input!$C$22,0)</f>
        <v>0.80051745707647037</v>
      </c>
      <c r="P5068" s="59">
        <f>IF(Input!$D$19=3,J5068*Input!$C$19,0)+IF(Input!$D$20=3,K5068*Input!$C$20,0)+IF(Input!$D$21=3,L5068*Input!$C$21,0)+IF(Input!$D$22=3,M5068*Input!$C$22,0)</f>
        <v>0</v>
      </c>
      <c r="Q5068" s="75">
        <f>IF(Input!$D$19=4,J5068*Input!$C$19,0)+IF(Input!$D$20=4,K5068*Input!$C$20,0)+IF(Input!$D$21=4,L5068*Input!$C$21,0)+IF(Input!$D$22=4,M5068*Input!$C$22,0)</f>
        <v>0</v>
      </c>
      <c r="R5068" s="58">
        <v>62.7016097506257</v>
      </c>
      <c r="S5068" s="124">
        <f t="shared" si="79"/>
        <v>1.3875635922658822</v>
      </c>
    </row>
    <row r="5069" spans="8:19" x14ac:dyDescent="0.3">
      <c r="H5069" s="44">
        <v>5062</v>
      </c>
      <c r="I5069" s="56">
        <f>Bühler!I5095</f>
        <v>0.23287780569497327</v>
      </c>
      <c r="J5069" s="59">
        <f>Bühler!J5095</f>
        <v>0.77625935231657761</v>
      </c>
      <c r="K5069" s="59">
        <f>Bühler!K5095</f>
        <v>1.1643890284748664</v>
      </c>
      <c r="L5069" s="59">
        <f>Bühler!L5095</f>
        <v>5.5890673366793582</v>
      </c>
      <c r="M5069" s="58">
        <f>Bühler!M5095</f>
        <v>0</v>
      </c>
      <c r="N5069" s="56">
        <f>IF(Input!$D$19=1,J5069*Input!$C$19,0)+IF(Input!$D$20=1,K5069*Input!$C$20,0)+IF(Input!$D$21=1,L5069*Input!$C$21,0)+IF(Input!$D$22=1,M5069*Input!$C$22,0)</f>
        <v>0.23287780569497327</v>
      </c>
      <c r="O5069" s="59">
        <f>IF(Input!$D$19=2,J5069*Input!$C$19,0)+IF(Input!$D$20=2,K5069*Input!$C$20,0)+IF(Input!$D$21=2,L5069*Input!$C$21,0)+IF(Input!$D$22=2,M5069*Input!$C$22,0)</f>
        <v>0.58219451423743318</v>
      </c>
      <c r="P5069" s="59">
        <f>IF(Input!$D$19=3,J5069*Input!$C$19,0)+IF(Input!$D$20=3,K5069*Input!$C$20,0)+IF(Input!$D$21=3,L5069*Input!$C$21,0)+IF(Input!$D$22=3,M5069*Input!$C$22,0)</f>
        <v>0</v>
      </c>
      <c r="Q5069" s="75">
        <f>IF(Input!$D$19=4,J5069*Input!$C$19,0)+IF(Input!$D$20=4,K5069*Input!$C$20,0)+IF(Input!$D$21=4,L5069*Input!$C$21,0)+IF(Input!$D$22=4,M5069*Input!$C$22,0)</f>
        <v>0</v>
      </c>
      <c r="R5069" s="58">
        <v>60.439167826653801</v>
      </c>
      <c r="S5069" s="124">
        <f t="shared" si="79"/>
        <v>1.0091371580115509</v>
      </c>
    </row>
    <row r="5070" spans="8:19" x14ac:dyDescent="0.3">
      <c r="H5070" s="44">
        <v>5063</v>
      </c>
      <c r="I5070" s="56">
        <f>Bühler!I5096</f>
        <v>0.22123391541022461</v>
      </c>
      <c r="J5070" s="59">
        <f>Bühler!J5096</f>
        <v>0.73744638470074875</v>
      </c>
      <c r="K5070" s="59">
        <f>Bühler!K5096</f>
        <v>1.1061695770511231</v>
      </c>
      <c r="L5070" s="59">
        <f>Bühler!L5096</f>
        <v>5.3096139698453904</v>
      </c>
      <c r="M5070" s="58">
        <f>Bühler!M5096</f>
        <v>0</v>
      </c>
      <c r="N5070" s="56">
        <f>IF(Input!$D$19=1,J5070*Input!$C$19,0)+IF(Input!$D$20=1,K5070*Input!$C$20,0)+IF(Input!$D$21=1,L5070*Input!$C$21,0)+IF(Input!$D$22=1,M5070*Input!$C$22,0)</f>
        <v>0.22123391541022461</v>
      </c>
      <c r="O5070" s="59">
        <f>IF(Input!$D$19=2,J5070*Input!$C$19,0)+IF(Input!$D$20=2,K5070*Input!$C$20,0)+IF(Input!$D$21=2,L5070*Input!$C$21,0)+IF(Input!$D$22=2,M5070*Input!$C$22,0)</f>
        <v>0.55308478852556153</v>
      </c>
      <c r="P5070" s="59">
        <f>IF(Input!$D$19=3,J5070*Input!$C$19,0)+IF(Input!$D$20=3,K5070*Input!$C$20,0)+IF(Input!$D$21=3,L5070*Input!$C$21,0)+IF(Input!$D$22=3,M5070*Input!$C$22,0)</f>
        <v>0</v>
      </c>
      <c r="Q5070" s="75">
        <f>IF(Input!$D$19=4,J5070*Input!$C$19,0)+IF(Input!$D$20=4,K5070*Input!$C$20,0)+IF(Input!$D$21=4,L5070*Input!$C$21,0)+IF(Input!$D$22=4,M5070*Input!$C$22,0)</f>
        <v>0</v>
      </c>
      <c r="R5070" s="58">
        <v>60.336106854047969</v>
      </c>
      <c r="S5070" s="124">
        <f t="shared" si="79"/>
        <v>0.95868030011097338</v>
      </c>
    </row>
    <row r="5071" spans="8:19" x14ac:dyDescent="0.3">
      <c r="H5071" s="44">
        <v>5064</v>
      </c>
      <c r="I5071" s="56">
        <f>Bühler!I5097</f>
        <v>0.22123391541022461</v>
      </c>
      <c r="J5071" s="59">
        <f>Bühler!J5097</f>
        <v>0.73744638470074875</v>
      </c>
      <c r="K5071" s="59">
        <f>Bühler!K5097</f>
        <v>1.1061695770511231</v>
      </c>
      <c r="L5071" s="59">
        <f>Bühler!L5097</f>
        <v>5.3096139698453904</v>
      </c>
      <c r="M5071" s="58">
        <f>Bühler!M5097</f>
        <v>0</v>
      </c>
      <c r="N5071" s="56">
        <f>IF(Input!$D$19=1,J5071*Input!$C$19,0)+IF(Input!$D$20=1,K5071*Input!$C$20,0)+IF(Input!$D$21=1,L5071*Input!$C$21,0)+IF(Input!$D$22=1,M5071*Input!$C$22,0)</f>
        <v>0.22123391541022461</v>
      </c>
      <c r="O5071" s="59">
        <f>IF(Input!$D$19=2,J5071*Input!$C$19,0)+IF(Input!$D$20=2,K5071*Input!$C$20,0)+IF(Input!$D$21=2,L5071*Input!$C$21,0)+IF(Input!$D$22=2,M5071*Input!$C$22,0)</f>
        <v>0.55308478852556153</v>
      </c>
      <c r="P5071" s="59">
        <f>IF(Input!$D$19=3,J5071*Input!$C$19,0)+IF(Input!$D$20=3,K5071*Input!$C$20,0)+IF(Input!$D$21=3,L5071*Input!$C$21,0)+IF(Input!$D$22=3,M5071*Input!$C$22,0)</f>
        <v>0</v>
      </c>
      <c r="Q5071" s="75">
        <f>IF(Input!$D$19=4,J5071*Input!$C$19,0)+IF(Input!$D$20=4,K5071*Input!$C$20,0)+IF(Input!$D$21=4,L5071*Input!$C$21,0)+IF(Input!$D$22=4,M5071*Input!$C$22,0)</f>
        <v>0</v>
      </c>
      <c r="R5071" s="58">
        <v>59.821009190582238</v>
      </c>
      <c r="S5071" s="124">
        <f t="shared" si="79"/>
        <v>0.95868030011097338</v>
      </c>
    </row>
    <row r="5072" spans="8:19" x14ac:dyDescent="0.3">
      <c r="H5072" s="44">
        <v>5065</v>
      </c>
      <c r="I5072" s="56">
        <f>Bühler!I5098</f>
        <v>0.20449355533313943</v>
      </c>
      <c r="J5072" s="59">
        <f>Bühler!J5098</f>
        <v>0.68164518444379807</v>
      </c>
      <c r="K5072" s="59">
        <f>Bühler!K5098</f>
        <v>1.0224677766656971</v>
      </c>
      <c r="L5072" s="59">
        <f>Bühler!L5098</f>
        <v>4.9078453279953456</v>
      </c>
      <c r="M5072" s="58">
        <f>Bühler!M5098</f>
        <v>0</v>
      </c>
      <c r="N5072" s="56">
        <f>IF(Input!$D$19=1,J5072*Input!$C$19,0)+IF(Input!$D$20=1,K5072*Input!$C$20,0)+IF(Input!$D$21=1,L5072*Input!$C$21,0)+IF(Input!$D$22=1,M5072*Input!$C$22,0)</f>
        <v>0.20449355533313943</v>
      </c>
      <c r="O5072" s="59">
        <f>IF(Input!$D$19=2,J5072*Input!$C$19,0)+IF(Input!$D$20=2,K5072*Input!$C$20,0)+IF(Input!$D$21=2,L5072*Input!$C$21,0)+IF(Input!$D$22=2,M5072*Input!$C$22,0)</f>
        <v>0.51123388833284855</v>
      </c>
      <c r="P5072" s="59">
        <f>IF(Input!$D$19=3,J5072*Input!$C$19,0)+IF(Input!$D$20=3,K5072*Input!$C$20,0)+IF(Input!$D$21=3,L5072*Input!$C$21,0)+IF(Input!$D$22=3,M5072*Input!$C$22,0)</f>
        <v>0</v>
      </c>
      <c r="Q5072" s="75">
        <f>IF(Input!$D$19=4,J5072*Input!$C$19,0)+IF(Input!$D$20=4,K5072*Input!$C$20,0)+IF(Input!$D$21=4,L5072*Input!$C$21,0)+IF(Input!$D$22=4,M5072*Input!$C$22,0)</f>
        <v>0</v>
      </c>
      <c r="R5072" s="58">
        <v>59.204259154571631</v>
      </c>
      <c r="S5072" s="124">
        <f t="shared" si="79"/>
        <v>0.88613873977693747</v>
      </c>
    </row>
    <row r="5073" spans="8:19" x14ac:dyDescent="0.3">
      <c r="H5073" s="44">
        <v>5066</v>
      </c>
      <c r="I5073" s="56">
        <f>Bühler!I5099</f>
        <v>0.20449355533313943</v>
      </c>
      <c r="J5073" s="59">
        <f>Bühler!J5099</f>
        <v>0.68164518444379807</v>
      </c>
      <c r="K5073" s="59">
        <f>Bühler!K5099</f>
        <v>1.0224677766656971</v>
      </c>
      <c r="L5073" s="59">
        <f>Bühler!L5099</f>
        <v>4.9078453279953456</v>
      </c>
      <c r="M5073" s="58">
        <f>Bühler!M5099</f>
        <v>0</v>
      </c>
      <c r="N5073" s="56">
        <f>IF(Input!$D$19=1,J5073*Input!$C$19,0)+IF(Input!$D$20=1,K5073*Input!$C$20,0)+IF(Input!$D$21=1,L5073*Input!$C$21,0)+IF(Input!$D$22=1,M5073*Input!$C$22,0)</f>
        <v>0.20449355533313943</v>
      </c>
      <c r="O5073" s="59">
        <f>IF(Input!$D$19=2,J5073*Input!$C$19,0)+IF(Input!$D$20=2,K5073*Input!$C$20,0)+IF(Input!$D$21=2,L5073*Input!$C$21,0)+IF(Input!$D$22=2,M5073*Input!$C$22,0)</f>
        <v>0.51123388833284855</v>
      </c>
      <c r="P5073" s="59">
        <f>IF(Input!$D$19=3,J5073*Input!$C$19,0)+IF(Input!$D$20=3,K5073*Input!$C$20,0)+IF(Input!$D$21=3,L5073*Input!$C$21,0)+IF(Input!$D$22=3,M5073*Input!$C$22,0)</f>
        <v>0</v>
      </c>
      <c r="Q5073" s="75">
        <f>IF(Input!$D$19=4,J5073*Input!$C$19,0)+IF(Input!$D$20=4,K5073*Input!$C$20,0)+IF(Input!$D$21=4,L5073*Input!$C$21,0)+IF(Input!$D$22=4,M5073*Input!$C$22,0)</f>
        <v>0</v>
      </c>
      <c r="R5073" s="58">
        <v>58.648379187947612</v>
      </c>
      <c r="S5073" s="124">
        <f t="shared" si="79"/>
        <v>0.88613873977693747</v>
      </c>
    </row>
    <row r="5074" spans="8:19" x14ac:dyDescent="0.3">
      <c r="H5074" s="44">
        <v>5067</v>
      </c>
      <c r="I5074" s="56">
        <f>Bühler!I5100</f>
        <v>0.20449355533313943</v>
      </c>
      <c r="J5074" s="59">
        <f>Bühler!J5100</f>
        <v>0.68164518444379807</v>
      </c>
      <c r="K5074" s="59">
        <f>Bühler!K5100</f>
        <v>1.0224677766656971</v>
      </c>
      <c r="L5074" s="59">
        <f>Bühler!L5100</f>
        <v>4.9078453279953456</v>
      </c>
      <c r="M5074" s="58">
        <f>Bühler!M5100</f>
        <v>0</v>
      </c>
      <c r="N5074" s="56">
        <f>IF(Input!$D$19=1,J5074*Input!$C$19,0)+IF(Input!$D$20=1,K5074*Input!$C$20,0)+IF(Input!$D$21=1,L5074*Input!$C$21,0)+IF(Input!$D$22=1,M5074*Input!$C$22,0)</f>
        <v>0.20449355533313943</v>
      </c>
      <c r="O5074" s="59">
        <f>IF(Input!$D$19=2,J5074*Input!$C$19,0)+IF(Input!$D$20=2,K5074*Input!$C$20,0)+IF(Input!$D$21=2,L5074*Input!$C$21,0)+IF(Input!$D$22=2,M5074*Input!$C$22,0)</f>
        <v>0.51123388833284855</v>
      </c>
      <c r="P5074" s="59">
        <f>IF(Input!$D$19=3,J5074*Input!$C$19,0)+IF(Input!$D$20=3,K5074*Input!$C$20,0)+IF(Input!$D$21=3,L5074*Input!$C$21,0)+IF(Input!$D$22=3,M5074*Input!$C$22,0)</f>
        <v>0</v>
      </c>
      <c r="Q5074" s="75">
        <f>IF(Input!$D$19=4,J5074*Input!$C$19,0)+IF(Input!$D$20=4,K5074*Input!$C$20,0)+IF(Input!$D$21=4,L5074*Input!$C$21,0)+IF(Input!$D$22=4,M5074*Input!$C$22,0)</f>
        <v>0</v>
      </c>
      <c r="R5074" s="58">
        <v>58.739454909322653</v>
      </c>
      <c r="S5074" s="124">
        <f t="shared" si="79"/>
        <v>0.88613873977693747</v>
      </c>
    </row>
    <row r="5075" spans="8:19" x14ac:dyDescent="0.3">
      <c r="H5075" s="44">
        <v>5068</v>
      </c>
      <c r="I5075" s="56">
        <f>Bühler!I5101</f>
        <v>0.20449355533313943</v>
      </c>
      <c r="J5075" s="59">
        <f>Bühler!J5101</f>
        <v>0.68164518444379807</v>
      </c>
      <c r="K5075" s="59">
        <f>Bühler!K5101</f>
        <v>1.0224677766656971</v>
      </c>
      <c r="L5075" s="59">
        <f>Bühler!L5101</f>
        <v>4.9078453279953456</v>
      </c>
      <c r="M5075" s="58">
        <f>Bühler!M5101</f>
        <v>0</v>
      </c>
      <c r="N5075" s="56">
        <f>IF(Input!$D$19=1,J5075*Input!$C$19,0)+IF(Input!$D$20=1,K5075*Input!$C$20,0)+IF(Input!$D$21=1,L5075*Input!$C$21,0)+IF(Input!$D$22=1,M5075*Input!$C$22,0)</f>
        <v>0.20449355533313943</v>
      </c>
      <c r="O5075" s="59">
        <f>IF(Input!$D$19=2,J5075*Input!$C$19,0)+IF(Input!$D$20=2,K5075*Input!$C$20,0)+IF(Input!$D$21=2,L5075*Input!$C$21,0)+IF(Input!$D$22=2,M5075*Input!$C$22,0)</f>
        <v>0.51123388833284855</v>
      </c>
      <c r="P5075" s="59">
        <f>IF(Input!$D$19=3,J5075*Input!$C$19,0)+IF(Input!$D$20=3,K5075*Input!$C$20,0)+IF(Input!$D$21=3,L5075*Input!$C$21,0)+IF(Input!$D$22=3,M5075*Input!$C$22,0)</f>
        <v>0</v>
      </c>
      <c r="Q5075" s="75">
        <f>IF(Input!$D$19=4,J5075*Input!$C$19,0)+IF(Input!$D$20=4,K5075*Input!$C$20,0)+IF(Input!$D$21=4,L5075*Input!$C$21,0)+IF(Input!$D$22=4,M5075*Input!$C$22,0)</f>
        <v>0</v>
      </c>
      <c r="R5075" s="58">
        <v>59.409358145104321</v>
      </c>
      <c r="S5075" s="124">
        <f t="shared" si="79"/>
        <v>0.88613873977693747</v>
      </c>
    </row>
    <row r="5076" spans="8:19" x14ac:dyDescent="0.3">
      <c r="H5076" s="44">
        <v>5069</v>
      </c>
      <c r="I5076" s="56">
        <f>Bühler!I5102</f>
        <v>0.20449355533313943</v>
      </c>
      <c r="J5076" s="59">
        <f>Bühler!J5102</f>
        <v>0.68164518444379807</v>
      </c>
      <c r="K5076" s="59">
        <f>Bühler!K5102</f>
        <v>1.0224677766656971</v>
      </c>
      <c r="L5076" s="59">
        <f>Bühler!L5102</f>
        <v>4.9078453279953456</v>
      </c>
      <c r="M5076" s="58">
        <f>Bühler!M5102</f>
        <v>0</v>
      </c>
      <c r="N5076" s="56">
        <f>IF(Input!$D$19=1,J5076*Input!$C$19,0)+IF(Input!$D$20=1,K5076*Input!$C$20,0)+IF(Input!$D$21=1,L5076*Input!$C$21,0)+IF(Input!$D$22=1,M5076*Input!$C$22,0)</f>
        <v>0.20449355533313943</v>
      </c>
      <c r="O5076" s="59">
        <f>IF(Input!$D$19=2,J5076*Input!$C$19,0)+IF(Input!$D$20=2,K5076*Input!$C$20,0)+IF(Input!$D$21=2,L5076*Input!$C$21,0)+IF(Input!$D$22=2,M5076*Input!$C$22,0)</f>
        <v>0.51123388833284855</v>
      </c>
      <c r="P5076" s="59">
        <f>IF(Input!$D$19=3,J5076*Input!$C$19,0)+IF(Input!$D$20=3,K5076*Input!$C$20,0)+IF(Input!$D$21=3,L5076*Input!$C$21,0)+IF(Input!$D$22=3,M5076*Input!$C$22,0)</f>
        <v>0</v>
      </c>
      <c r="Q5076" s="75">
        <f>IF(Input!$D$19=4,J5076*Input!$C$19,0)+IF(Input!$D$20=4,K5076*Input!$C$20,0)+IF(Input!$D$21=4,L5076*Input!$C$21,0)+IF(Input!$D$22=4,M5076*Input!$C$22,0)</f>
        <v>0</v>
      </c>
      <c r="R5076" s="58">
        <v>60.593790461604378</v>
      </c>
      <c r="S5076" s="124">
        <f t="shared" si="79"/>
        <v>0.88613873977693747</v>
      </c>
    </row>
    <row r="5077" spans="8:19" x14ac:dyDescent="0.3">
      <c r="H5077" s="44">
        <v>5070</v>
      </c>
      <c r="I5077" s="56">
        <f>Bühler!I5103</f>
        <v>0.26584162193308125</v>
      </c>
      <c r="J5077" s="59">
        <f>Bühler!J5103</f>
        <v>0.88613873977693758</v>
      </c>
      <c r="K5077" s="59">
        <f>Bühler!K5103</f>
        <v>1.3292081096654063</v>
      </c>
      <c r="L5077" s="59">
        <f>Bühler!L5103</f>
        <v>6.38019892639395</v>
      </c>
      <c r="M5077" s="58">
        <f>Bühler!M5103</f>
        <v>0</v>
      </c>
      <c r="N5077" s="56">
        <f>IF(Input!$D$19=1,J5077*Input!$C$19,0)+IF(Input!$D$20=1,K5077*Input!$C$20,0)+IF(Input!$D$21=1,L5077*Input!$C$21,0)+IF(Input!$D$22=1,M5077*Input!$C$22,0)</f>
        <v>0.26584162193308125</v>
      </c>
      <c r="O5077" s="59">
        <f>IF(Input!$D$19=2,J5077*Input!$C$19,0)+IF(Input!$D$20=2,K5077*Input!$C$20,0)+IF(Input!$D$21=2,L5077*Input!$C$21,0)+IF(Input!$D$22=2,M5077*Input!$C$22,0)</f>
        <v>0.66460405483270313</v>
      </c>
      <c r="P5077" s="59">
        <f>IF(Input!$D$19=3,J5077*Input!$C$19,0)+IF(Input!$D$20=3,K5077*Input!$C$20,0)+IF(Input!$D$21=3,L5077*Input!$C$21,0)+IF(Input!$D$22=3,M5077*Input!$C$22,0)</f>
        <v>0</v>
      </c>
      <c r="Q5077" s="75">
        <f>IF(Input!$D$19=4,J5077*Input!$C$19,0)+IF(Input!$D$20=4,K5077*Input!$C$20,0)+IF(Input!$D$21=4,L5077*Input!$C$21,0)+IF(Input!$D$22=4,M5077*Input!$C$22,0)</f>
        <v>0</v>
      </c>
      <c r="R5077" s="58">
        <v>63.717156496005209</v>
      </c>
      <c r="S5077" s="124">
        <f t="shared" si="79"/>
        <v>1.1519803617100188</v>
      </c>
    </row>
    <row r="5078" spans="8:19" x14ac:dyDescent="0.3">
      <c r="H5078" s="44">
        <v>5071</v>
      </c>
      <c r="I5078" s="56">
        <f>Bühler!I5104</f>
        <v>0.29651565523305212</v>
      </c>
      <c r="J5078" s="59">
        <f>Bühler!J5104</f>
        <v>0.98838551744350722</v>
      </c>
      <c r="K5078" s="59">
        <f>Bühler!K5104</f>
        <v>1.4825782761652606</v>
      </c>
      <c r="L5078" s="59">
        <f>Bühler!L5104</f>
        <v>7.1163757255932509</v>
      </c>
      <c r="M5078" s="58">
        <f>Bühler!M5104</f>
        <v>0</v>
      </c>
      <c r="N5078" s="56">
        <f>IF(Input!$D$19=1,J5078*Input!$C$19,0)+IF(Input!$D$20=1,K5078*Input!$C$20,0)+IF(Input!$D$21=1,L5078*Input!$C$21,0)+IF(Input!$D$22=1,M5078*Input!$C$22,0)</f>
        <v>0.29651565523305218</v>
      </c>
      <c r="O5078" s="59">
        <f>IF(Input!$D$19=2,J5078*Input!$C$19,0)+IF(Input!$D$20=2,K5078*Input!$C$20,0)+IF(Input!$D$21=2,L5078*Input!$C$21,0)+IF(Input!$D$22=2,M5078*Input!$C$22,0)</f>
        <v>0.74128913808263031</v>
      </c>
      <c r="P5078" s="59">
        <f>IF(Input!$D$19=3,J5078*Input!$C$19,0)+IF(Input!$D$20=3,K5078*Input!$C$20,0)+IF(Input!$D$21=3,L5078*Input!$C$21,0)+IF(Input!$D$22=3,M5078*Input!$C$22,0)</f>
        <v>0</v>
      </c>
      <c r="Q5078" s="75">
        <f>IF(Input!$D$19=4,J5078*Input!$C$19,0)+IF(Input!$D$20=4,K5078*Input!$C$20,0)+IF(Input!$D$21=4,L5078*Input!$C$21,0)+IF(Input!$D$22=4,M5078*Input!$C$22,0)</f>
        <v>0</v>
      </c>
      <c r="R5078" s="58">
        <v>66.296564952971849</v>
      </c>
      <c r="S5078" s="124">
        <f t="shared" si="79"/>
        <v>1.2849011726765593</v>
      </c>
    </row>
    <row r="5079" spans="8:19" x14ac:dyDescent="0.3">
      <c r="H5079" s="44">
        <v>5072</v>
      </c>
      <c r="I5079" s="56">
        <f>Bühler!I5105</f>
        <v>0.30674033299970915</v>
      </c>
      <c r="J5079" s="59">
        <f>Bühler!J5105</f>
        <v>1.0224677766656973</v>
      </c>
      <c r="K5079" s="59">
        <f>Bühler!K5105</f>
        <v>1.5337016649985458</v>
      </c>
      <c r="L5079" s="59">
        <f>Bühler!L5105</f>
        <v>7.3617679919930197</v>
      </c>
      <c r="M5079" s="58">
        <f>Bühler!M5105</f>
        <v>0</v>
      </c>
      <c r="N5079" s="56">
        <f>IF(Input!$D$19=1,J5079*Input!$C$19,0)+IF(Input!$D$20=1,K5079*Input!$C$20,0)+IF(Input!$D$21=1,L5079*Input!$C$21,0)+IF(Input!$D$22=1,M5079*Input!$C$22,0)</f>
        <v>0.30674033299970921</v>
      </c>
      <c r="O5079" s="59">
        <f>IF(Input!$D$19=2,J5079*Input!$C$19,0)+IF(Input!$D$20=2,K5079*Input!$C$20,0)+IF(Input!$D$21=2,L5079*Input!$C$21,0)+IF(Input!$D$22=2,M5079*Input!$C$22,0)</f>
        <v>0.76685083249927288</v>
      </c>
      <c r="P5079" s="59">
        <f>IF(Input!$D$19=3,J5079*Input!$C$19,0)+IF(Input!$D$20=3,K5079*Input!$C$20,0)+IF(Input!$D$21=3,L5079*Input!$C$21,0)+IF(Input!$D$22=3,M5079*Input!$C$22,0)</f>
        <v>0</v>
      </c>
      <c r="Q5079" s="75">
        <f>IF(Input!$D$19=4,J5079*Input!$C$19,0)+IF(Input!$D$20=4,K5079*Input!$C$20,0)+IF(Input!$D$21=4,L5079*Input!$C$21,0)+IF(Input!$D$22=4,M5079*Input!$C$22,0)</f>
        <v>0</v>
      </c>
      <c r="R5079" s="58">
        <v>68.138310366240233</v>
      </c>
      <c r="S5079" s="124">
        <f t="shared" si="79"/>
        <v>1.3292081096654065</v>
      </c>
    </row>
    <row r="5080" spans="8:19" x14ac:dyDescent="0.3">
      <c r="H5080" s="44">
        <v>5073</v>
      </c>
      <c r="I5080" s="56">
        <f>Bühler!I5106</f>
        <v>0.30674033299970915</v>
      </c>
      <c r="J5080" s="59">
        <f>Bühler!J5106</f>
        <v>1.0224677766656973</v>
      </c>
      <c r="K5080" s="59">
        <f>Bühler!K5106</f>
        <v>1.5337016649985458</v>
      </c>
      <c r="L5080" s="59">
        <f>Bühler!L5106</f>
        <v>7.3617679919930197</v>
      </c>
      <c r="M5080" s="58">
        <f>Bühler!M5106</f>
        <v>0</v>
      </c>
      <c r="N5080" s="56">
        <f>IF(Input!$D$19=1,J5080*Input!$C$19,0)+IF(Input!$D$20=1,K5080*Input!$C$20,0)+IF(Input!$D$21=1,L5080*Input!$C$21,0)+IF(Input!$D$22=1,M5080*Input!$C$22,0)</f>
        <v>0.30674033299970921</v>
      </c>
      <c r="O5080" s="59">
        <f>IF(Input!$D$19=2,J5080*Input!$C$19,0)+IF(Input!$D$20=2,K5080*Input!$C$20,0)+IF(Input!$D$21=2,L5080*Input!$C$21,0)+IF(Input!$D$22=2,M5080*Input!$C$22,0)</f>
        <v>0.76685083249927288</v>
      </c>
      <c r="P5080" s="59">
        <f>IF(Input!$D$19=3,J5080*Input!$C$19,0)+IF(Input!$D$20=3,K5080*Input!$C$20,0)+IF(Input!$D$21=3,L5080*Input!$C$21,0)+IF(Input!$D$22=3,M5080*Input!$C$22,0)</f>
        <v>0</v>
      </c>
      <c r="Q5080" s="75">
        <f>IF(Input!$D$19=4,J5080*Input!$C$19,0)+IF(Input!$D$20=4,K5080*Input!$C$20,0)+IF(Input!$D$21=4,L5080*Input!$C$21,0)+IF(Input!$D$22=4,M5080*Input!$C$22,0)</f>
        <v>0</v>
      </c>
      <c r="R5080" s="58">
        <v>69.13677962318296</v>
      </c>
      <c r="S5080" s="124">
        <f t="shared" si="79"/>
        <v>1.3292081096654065</v>
      </c>
    </row>
    <row r="5081" spans="8:19" x14ac:dyDescent="0.3">
      <c r="H5081" s="44">
        <v>5074</v>
      </c>
      <c r="I5081" s="56">
        <f>Bühler!I5107</f>
        <v>0.33230202741635156</v>
      </c>
      <c r="J5081" s="59">
        <f>Bühler!J5107</f>
        <v>1.1076734247211719</v>
      </c>
      <c r="K5081" s="59">
        <f>Bühler!K5107</f>
        <v>1.661510137081758</v>
      </c>
      <c r="L5081" s="59">
        <f>Bühler!L5107</f>
        <v>7.975248657992438</v>
      </c>
      <c r="M5081" s="58">
        <f>Bühler!M5107</f>
        <v>0</v>
      </c>
      <c r="N5081" s="56">
        <f>IF(Input!$D$19=1,J5081*Input!$C$19,0)+IF(Input!$D$20=1,K5081*Input!$C$20,0)+IF(Input!$D$21=1,L5081*Input!$C$21,0)+IF(Input!$D$22=1,M5081*Input!$C$22,0)</f>
        <v>0.33230202741635156</v>
      </c>
      <c r="O5081" s="59">
        <f>IF(Input!$D$19=2,J5081*Input!$C$19,0)+IF(Input!$D$20=2,K5081*Input!$C$20,0)+IF(Input!$D$21=2,L5081*Input!$C$21,0)+IF(Input!$D$22=2,M5081*Input!$C$22,0)</f>
        <v>0.83075506854087899</v>
      </c>
      <c r="P5081" s="59">
        <f>IF(Input!$D$19=3,J5081*Input!$C$19,0)+IF(Input!$D$20=3,K5081*Input!$C$20,0)+IF(Input!$D$21=3,L5081*Input!$C$21,0)+IF(Input!$D$22=3,M5081*Input!$C$22,0)</f>
        <v>0</v>
      </c>
      <c r="Q5081" s="75">
        <f>IF(Input!$D$19=4,J5081*Input!$C$19,0)+IF(Input!$D$20=4,K5081*Input!$C$20,0)+IF(Input!$D$21=4,L5081*Input!$C$21,0)+IF(Input!$D$22=4,M5081*Input!$C$22,0)</f>
        <v>0</v>
      </c>
      <c r="R5081" s="58">
        <v>69.653952969665951</v>
      </c>
      <c r="S5081" s="124">
        <f t="shared" si="79"/>
        <v>1.4399754521375234</v>
      </c>
    </row>
    <row r="5082" spans="8:19" x14ac:dyDescent="0.3">
      <c r="H5082" s="44">
        <v>5075</v>
      </c>
      <c r="I5082" s="56">
        <f>Bühler!I5108</f>
        <v>0.34763904406633694</v>
      </c>
      <c r="J5082" s="59">
        <f>Bühler!J5108</f>
        <v>1.1587968135544566</v>
      </c>
      <c r="K5082" s="59">
        <f>Bühler!K5108</f>
        <v>1.7381952203316848</v>
      </c>
      <c r="L5082" s="59">
        <f>Bühler!L5108</f>
        <v>8.3433370575920875</v>
      </c>
      <c r="M5082" s="58">
        <f>Bühler!M5108</f>
        <v>0</v>
      </c>
      <c r="N5082" s="56">
        <f>IF(Input!$D$19=1,J5082*Input!$C$19,0)+IF(Input!$D$20=1,K5082*Input!$C$20,0)+IF(Input!$D$21=1,L5082*Input!$C$21,0)+IF(Input!$D$22=1,M5082*Input!$C$22,0)</f>
        <v>0.347639044066337</v>
      </c>
      <c r="O5082" s="59">
        <f>IF(Input!$D$19=2,J5082*Input!$C$19,0)+IF(Input!$D$20=2,K5082*Input!$C$20,0)+IF(Input!$D$21=2,L5082*Input!$C$21,0)+IF(Input!$D$22=2,M5082*Input!$C$22,0)</f>
        <v>0.86909761016584242</v>
      </c>
      <c r="P5082" s="59">
        <f>IF(Input!$D$19=3,J5082*Input!$C$19,0)+IF(Input!$D$20=3,K5082*Input!$C$20,0)+IF(Input!$D$21=3,L5082*Input!$C$21,0)+IF(Input!$D$22=3,M5082*Input!$C$22,0)</f>
        <v>0</v>
      </c>
      <c r="Q5082" s="75">
        <f>IF(Input!$D$19=4,J5082*Input!$C$19,0)+IF(Input!$D$20=4,K5082*Input!$C$20,0)+IF(Input!$D$21=4,L5082*Input!$C$21,0)+IF(Input!$D$22=4,M5082*Input!$C$22,0)</f>
        <v>0</v>
      </c>
      <c r="R5082" s="58">
        <v>70.634612851414289</v>
      </c>
      <c r="S5082" s="124">
        <f t="shared" si="79"/>
        <v>1.5064358576207937</v>
      </c>
    </row>
    <row r="5083" spans="8:19" x14ac:dyDescent="0.3">
      <c r="H5083" s="44">
        <v>5076</v>
      </c>
      <c r="I5083" s="56">
        <f>Bühler!I5109</f>
        <v>0.40898711066627885</v>
      </c>
      <c r="J5083" s="59">
        <f>Bühler!J5109</f>
        <v>1.3632903688875961</v>
      </c>
      <c r="K5083" s="59">
        <f>Bühler!K5109</f>
        <v>2.0449355533313942</v>
      </c>
      <c r="L5083" s="59">
        <f>Bühler!L5109</f>
        <v>9.8156906559906911</v>
      </c>
      <c r="M5083" s="58">
        <f>Bühler!M5109</f>
        <v>0</v>
      </c>
      <c r="N5083" s="56">
        <f>IF(Input!$D$19=1,J5083*Input!$C$19,0)+IF(Input!$D$20=1,K5083*Input!$C$20,0)+IF(Input!$D$21=1,L5083*Input!$C$21,0)+IF(Input!$D$22=1,M5083*Input!$C$22,0)</f>
        <v>0.40898711066627885</v>
      </c>
      <c r="O5083" s="59">
        <f>IF(Input!$D$19=2,J5083*Input!$C$19,0)+IF(Input!$D$20=2,K5083*Input!$C$20,0)+IF(Input!$D$21=2,L5083*Input!$C$21,0)+IF(Input!$D$22=2,M5083*Input!$C$22,0)</f>
        <v>1.0224677766656971</v>
      </c>
      <c r="P5083" s="59">
        <f>IF(Input!$D$19=3,J5083*Input!$C$19,0)+IF(Input!$D$20=3,K5083*Input!$C$20,0)+IF(Input!$D$21=3,L5083*Input!$C$21,0)+IF(Input!$D$22=3,M5083*Input!$C$22,0)</f>
        <v>0</v>
      </c>
      <c r="Q5083" s="75">
        <f>IF(Input!$D$19=4,J5083*Input!$C$19,0)+IF(Input!$D$20=4,K5083*Input!$C$20,0)+IF(Input!$D$21=4,L5083*Input!$C$21,0)+IF(Input!$D$22=4,M5083*Input!$C$22,0)</f>
        <v>0</v>
      </c>
      <c r="R5083" s="58">
        <v>70.941232410150135</v>
      </c>
      <c r="S5083" s="124">
        <f t="shared" si="79"/>
        <v>1.7722774795538749</v>
      </c>
    </row>
    <row r="5084" spans="8:19" x14ac:dyDescent="0.3">
      <c r="H5084" s="44">
        <v>5077</v>
      </c>
      <c r="I5084" s="56">
        <f>Bühler!I5110</f>
        <v>0.40898711066627885</v>
      </c>
      <c r="J5084" s="59">
        <f>Bühler!J5110</f>
        <v>1.3632903688875961</v>
      </c>
      <c r="K5084" s="59">
        <f>Bühler!K5110</f>
        <v>2.0449355533313942</v>
      </c>
      <c r="L5084" s="59">
        <f>Bühler!L5110</f>
        <v>9.8156906559906911</v>
      </c>
      <c r="M5084" s="58">
        <f>Bühler!M5110</f>
        <v>0</v>
      </c>
      <c r="N5084" s="56">
        <f>IF(Input!$D$19=1,J5084*Input!$C$19,0)+IF(Input!$D$20=1,K5084*Input!$C$20,0)+IF(Input!$D$21=1,L5084*Input!$C$21,0)+IF(Input!$D$22=1,M5084*Input!$C$22,0)</f>
        <v>0.40898711066627885</v>
      </c>
      <c r="O5084" s="59">
        <f>IF(Input!$D$19=2,J5084*Input!$C$19,0)+IF(Input!$D$20=2,K5084*Input!$C$20,0)+IF(Input!$D$21=2,L5084*Input!$C$21,0)+IF(Input!$D$22=2,M5084*Input!$C$22,0)</f>
        <v>1.0224677766656971</v>
      </c>
      <c r="P5084" s="59">
        <f>IF(Input!$D$19=3,J5084*Input!$C$19,0)+IF(Input!$D$20=3,K5084*Input!$C$20,0)+IF(Input!$D$21=3,L5084*Input!$C$21,0)+IF(Input!$D$22=3,M5084*Input!$C$22,0)</f>
        <v>0</v>
      </c>
      <c r="Q5084" s="75">
        <f>IF(Input!$D$19=4,J5084*Input!$C$19,0)+IF(Input!$D$20=4,K5084*Input!$C$20,0)+IF(Input!$D$21=4,L5084*Input!$C$21,0)+IF(Input!$D$22=4,M5084*Input!$C$22,0)</f>
        <v>0</v>
      </c>
      <c r="R5084" s="58">
        <v>70.264874880509694</v>
      </c>
      <c r="S5084" s="124">
        <f t="shared" si="79"/>
        <v>1.7722774795538749</v>
      </c>
    </row>
    <row r="5085" spans="8:19" x14ac:dyDescent="0.3">
      <c r="H5085" s="44">
        <v>5078</v>
      </c>
      <c r="I5085" s="56">
        <f>Bühler!I5111</f>
        <v>0.40898711066627885</v>
      </c>
      <c r="J5085" s="59">
        <f>Bühler!J5111</f>
        <v>1.3632903688875961</v>
      </c>
      <c r="K5085" s="59">
        <f>Bühler!K5111</f>
        <v>2.0449355533313942</v>
      </c>
      <c r="L5085" s="59">
        <f>Bühler!L5111</f>
        <v>9.8156906559906911</v>
      </c>
      <c r="M5085" s="58">
        <f>Bühler!M5111</f>
        <v>0</v>
      </c>
      <c r="N5085" s="56">
        <f>IF(Input!$D$19=1,J5085*Input!$C$19,0)+IF(Input!$D$20=1,K5085*Input!$C$20,0)+IF(Input!$D$21=1,L5085*Input!$C$21,0)+IF(Input!$D$22=1,M5085*Input!$C$22,0)</f>
        <v>0.40898711066627885</v>
      </c>
      <c r="O5085" s="59">
        <f>IF(Input!$D$19=2,J5085*Input!$C$19,0)+IF(Input!$D$20=2,K5085*Input!$C$20,0)+IF(Input!$D$21=2,L5085*Input!$C$21,0)+IF(Input!$D$22=2,M5085*Input!$C$22,0)</f>
        <v>1.0224677766656971</v>
      </c>
      <c r="P5085" s="59">
        <f>IF(Input!$D$19=3,J5085*Input!$C$19,0)+IF(Input!$D$20=3,K5085*Input!$C$20,0)+IF(Input!$D$21=3,L5085*Input!$C$21,0)+IF(Input!$D$22=3,M5085*Input!$C$22,0)</f>
        <v>0</v>
      </c>
      <c r="Q5085" s="75">
        <f>IF(Input!$D$19=4,J5085*Input!$C$19,0)+IF(Input!$D$20=4,K5085*Input!$C$20,0)+IF(Input!$D$21=4,L5085*Input!$C$21,0)+IF(Input!$D$22=4,M5085*Input!$C$22,0)</f>
        <v>0</v>
      </c>
      <c r="R5085" s="58">
        <v>70.045395134062886</v>
      </c>
      <c r="S5085" s="124">
        <f t="shared" si="79"/>
        <v>1.7722774795538749</v>
      </c>
    </row>
    <row r="5086" spans="8:19" x14ac:dyDescent="0.3">
      <c r="H5086" s="44">
        <v>5079</v>
      </c>
      <c r="I5086" s="56">
        <f>Bühler!I5112</f>
        <v>0.40898711066627885</v>
      </c>
      <c r="J5086" s="59">
        <f>Bühler!J5112</f>
        <v>1.3632903688875961</v>
      </c>
      <c r="K5086" s="59">
        <f>Bühler!K5112</f>
        <v>2.0449355533313942</v>
      </c>
      <c r="L5086" s="59">
        <f>Bühler!L5112</f>
        <v>9.8156906559906911</v>
      </c>
      <c r="M5086" s="58">
        <f>Bühler!M5112</f>
        <v>0</v>
      </c>
      <c r="N5086" s="56">
        <f>IF(Input!$D$19=1,J5086*Input!$C$19,0)+IF(Input!$D$20=1,K5086*Input!$C$20,0)+IF(Input!$D$21=1,L5086*Input!$C$21,0)+IF(Input!$D$22=1,M5086*Input!$C$22,0)</f>
        <v>0.40898711066627885</v>
      </c>
      <c r="O5086" s="59">
        <f>IF(Input!$D$19=2,J5086*Input!$C$19,0)+IF(Input!$D$20=2,K5086*Input!$C$20,0)+IF(Input!$D$21=2,L5086*Input!$C$21,0)+IF(Input!$D$22=2,M5086*Input!$C$22,0)</f>
        <v>1.0224677766656971</v>
      </c>
      <c r="P5086" s="59">
        <f>IF(Input!$D$19=3,J5086*Input!$C$19,0)+IF(Input!$D$20=3,K5086*Input!$C$20,0)+IF(Input!$D$21=3,L5086*Input!$C$21,0)+IF(Input!$D$22=3,M5086*Input!$C$22,0)</f>
        <v>0</v>
      </c>
      <c r="Q5086" s="75">
        <f>IF(Input!$D$19=4,J5086*Input!$C$19,0)+IF(Input!$D$20=4,K5086*Input!$C$20,0)+IF(Input!$D$21=4,L5086*Input!$C$21,0)+IF(Input!$D$22=4,M5086*Input!$C$22,0)</f>
        <v>0</v>
      </c>
      <c r="R5086" s="58">
        <v>69.617970462830456</v>
      </c>
      <c r="S5086" s="124">
        <f t="shared" si="79"/>
        <v>1.7722774795538749</v>
      </c>
    </row>
    <row r="5087" spans="8:19" x14ac:dyDescent="0.3">
      <c r="H5087" s="44">
        <v>5080</v>
      </c>
      <c r="I5087" s="56">
        <f>Bühler!I5113</f>
        <v>0.40898711066627885</v>
      </c>
      <c r="J5087" s="59">
        <f>Bühler!J5113</f>
        <v>1.3632903688875961</v>
      </c>
      <c r="K5087" s="59">
        <f>Bühler!K5113</f>
        <v>2.0449355533313942</v>
      </c>
      <c r="L5087" s="59">
        <f>Bühler!L5113</f>
        <v>9.8156906559906911</v>
      </c>
      <c r="M5087" s="58">
        <f>Bühler!M5113</f>
        <v>0</v>
      </c>
      <c r="N5087" s="56">
        <f>IF(Input!$D$19=1,J5087*Input!$C$19,0)+IF(Input!$D$20=1,K5087*Input!$C$20,0)+IF(Input!$D$21=1,L5087*Input!$C$21,0)+IF(Input!$D$22=1,M5087*Input!$C$22,0)</f>
        <v>0.40898711066627885</v>
      </c>
      <c r="O5087" s="59">
        <f>IF(Input!$D$19=2,J5087*Input!$C$19,0)+IF(Input!$D$20=2,K5087*Input!$C$20,0)+IF(Input!$D$21=2,L5087*Input!$C$21,0)+IF(Input!$D$22=2,M5087*Input!$C$22,0)</f>
        <v>1.0224677766656971</v>
      </c>
      <c r="P5087" s="59">
        <f>IF(Input!$D$19=3,J5087*Input!$C$19,0)+IF(Input!$D$20=3,K5087*Input!$C$20,0)+IF(Input!$D$21=3,L5087*Input!$C$21,0)+IF(Input!$D$22=3,M5087*Input!$C$22,0)</f>
        <v>0</v>
      </c>
      <c r="Q5087" s="75">
        <f>IF(Input!$D$19=4,J5087*Input!$C$19,0)+IF(Input!$D$20=4,K5087*Input!$C$20,0)+IF(Input!$D$21=4,L5087*Input!$C$21,0)+IF(Input!$D$22=4,M5087*Input!$C$22,0)</f>
        <v>0</v>
      </c>
      <c r="R5087" s="58">
        <v>68.95395852807647</v>
      </c>
      <c r="S5087" s="124">
        <f t="shared" si="79"/>
        <v>1.7722774795538749</v>
      </c>
    </row>
    <row r="5088" spans="8:19" x14ac:dyDescent="0.3">
      <c r="H5088" s="44">
        <v>5081</v>
      </c>
      <c r="I5088" s="56">
        <f>Bühler!I5114</f>
        <v>0.40898711066627885</v>
      </c>
      <c r="J5088" s="59">
        <f>Bühler!J5114</f>
        <v>1.3632903688875961</v>
      </c>
      <c r="K5088" s="59">
        <f>Bühler!K5114</f>
        <v>2.0449355533313942</v>
      </c>
      <c r="L5088" s="59">
        <f>Bühler!L5114</f>
        <v>9.8156906559906911</v>
      </c>
      <c r="M5088" s="58">
        <f>Bühler!M5114</f>
        <v>0</v>
      </c>
      <c r="N5088" s="56">
        <f>IF(Input!$D$19=1,J5088*Input!$C$19,0)+IF(Input!$D$20=1,K5088*Input!$C$20,0)+IF(Input!$D$21=1,L5088*Input!$C$21,0)+IF(Input!$D$22=1,M5088*Input!$C$22,0)</f>
        <v>0.40898711066627885</v>
      </c>
      <c r="O5088" s="59">
        <f>IF(Input!$D$19=2,J5088*Input!$C$19,0)+IF(Input!$D$20=2,K5088*Input!$C$20,0)+IF(Input!$D$21=2,L5088*Input!$C$21,0)+IF(Input!$D$22=2,M5088*Input!$C$22,0)</f>
        <v>1.0224677766656971</v>
      </c>
      <c r="P5088" s="59">
        <f>IF(Input!$D$19=3,J5088*Input!$C$19,0)+IF(Input!$D$20=3,K5088*Input!$C$20,0)+IF(Input!$D$21=3,L5088*Input!$C$21,0)+IF(Input!$D$22=3,M5088*Input!$C$22,0)</f>
        <v>0</v>
      </c>
      <c r="Q5088" s="75">
        <f>IF(Input!$D$19=4,J5088*Input!$C$19,0)+IF(Input!$D$20=4,K5088*Input!$C$20,0)+IF(Input!$D$21=4,L5088*Input!$C$21,0)+IF(Input!$D$22=4,M5088*Input!$C$22,0)</f>
        <v>0</v>
      </c>
      <c r="R5088" s="58">
        <v>67.695099281093945</v>
      </c>
      <c r="S5088" s="124">
        <f t="shared" si="79"/>
        <v>1.7722774795538749</v>
      </c>
    </row>
    <row r="5089" spans="8:19" x14ac:dyDescent="0.3">
      <c r="H5089" s="44">
        <v>5082</v>
      </c>
      <c r="I5089" s="56">
        <f>Bühler!I5115</f>
        <v>0.40898711066627885</v>
      </c>
      <c r="J5089" s="59">
        <f>Bühler!J5115</f>
        <v>1.3632903688875961</v>
      </c>
      <c r="K5089" s="59">
        <f>Bühler!K5115</f>
        <v>2.0449355533313942</v>
      </c>
      <c r="L5089" s="59">
        <f>Bühler!L5115</f>
        <v>9.8156906559906911</v>
      </c>
      <c r="M5089" s="58">
        <f>Bühler!M5115</f>
        <v>0</v>
      </c>
      <c r="N5089" s="56">
        <f>IF(Input!$D$19=1,J5089*Input!$C$19,0)+IF(Input!$D$20=1,K5089*Input!$C$20,0)+IF(Input!$D$21=1,L5089*Input!$C$21,0)+IF(Input!$D$22=1,M5089*Input!$C$22,0)</f>
        <v>0.40898711066627885</v>
      </c>
      <c r="O5089" s="59">
        <f>IF(Input!$D$19=2,J5089*Input!$C$19,0)+IF(Input!$D$20=2,K5089*Input!$C$20,0)+IF(Input!$D$21=2,L5089*Input!$C$21,0)+IF(Input!$D$22=2,M5089*Input!$C$22,0)</f>
        <v>1.0224677766656971</v>
      </c>
      <c r="P5089" s="59">
        <f>IF(Input!$D$19=3,J5089*Input!$C$19,0)+IF(Input!$D$20=3,K5089*Input!$C$20,0)+IF(Input!$D$21=3,L5089*Input!$C$21,0)+IF(Input!$D$22=3,M5089*Input!$C$22,0)</f>
        <v>0</v>
      </c>
      <c r="Q5089" s="75">
        <f>IF(Input!$D$19=4,J5089*Input!$C$19,0)+IF(Input!$D$20=4,K5089*Input!$C$20,0)+IF(Input!$D$21=4,L5089*Input!$C$21,0)+IF(Input!$D$22=4,M5089*Input!$C$22,0)</f>
        <v>0</v>
      </c>
      <c r="R5089" s="58">
        <v>66.407495547010654</v>
      </c>
      <c r="S5089" s="124">
        <f t="shared" si="79"/>
        <v>1.7722774795538749</v>
      </c>
    </row>
    <row r="5090" spans="8:19" x14ac:dyDescent="0.3">
      <c r="H5090" s="44">
        <v>5083</v>
      </c>
      <c r="I5090" s="56">
        <f>Bühler!I5116</f>
        <v>0.40898711066627885</v>
      </c>
      <c r="J5090" s="59">
        <f>Bühler!J5116</f>
        <v>1.3632903688875961</v>
      </c>
      <c r="K5090" s="59">
        <f>Bühler!K5116</f>
        <v>2.0449355533313942</v>
      </c>
      <c r="L5090" s="59">
        <f>Bühler!L5116</f>
        <v>9.8156906559906911</v>
      </c>
      <c r="M5090" s="58">
        <f>Bühler!M5116</f>
        <v>0</v>
      </c>
      <c r="N5090" s="56">
        <f>IF(Input!$D$19=1,J5090*Input!$C$19,0)+IF(Input!$D$20=1,K5090*Input!$C$20,0)+IF(Input!$D$21=1,L5090*Input!$C$21,0)+IF(Input!$D$22=1,M5090*Input!$C$22,0)</f>
        <v>0.40898711066627885</v>
      </c>
      <c r="O5090" s="59">
        <f>IF(Input!$D$19=2,J5090*Input!$C$19,0)+IF(Input!$D$20=2,K5090*Input!$C$20,0)+IF(Input!$D$21=2,L5090*Input!$C$21,0)+IF(Input!$D$22=2,M5090*Input!$C$22,0)</f>
        <v>1.0224677766656971</v>
      </c>
      <c r="P5090" s="59">
        <f>IF(Input!$D$19=3,J5090*Input!$C$19,0)+IF(Input!$D$20=3,K5090*Input!$C$20,0)+IF(Input!$D$21=3,L5090*Input!$C$21,0)+IF(Input!$D$22=3,M5090*Input!$C$22,0)</f>
        <v>0</v>
      </c>
      <c r="Q5090" s="75">
        <f>IF(Input!$D$19=4,J5090*Input!$C$19,0)+IF(Input!$D$20=4,K5090*Input!$C$20,0)+IF(Input!$D$21=4,L5090*Input!$C$21,0)+IF(Input!$D$22=4,M5090*Input!$C$22,0)</f>
        <v>0</v>
      </c>
      <c r="R5090" s="58">
        <v>65.246888218625244</v>
      </c>
      <c r="S5090" s="124">
        <f t="shared" si="79"/>
        <v>1.7722774795538749</v>
      </c>
    </row>
    <row r="5091" spans="8:19" x14ac:dyDescent="0.3">
      <c r="H5091" s="44">
        <v>5084</v>
      </c>
      <c r="I5091" s="56">
        <f>Bühler!I5117</f>
        <v>0.34252670518300854</v>
      </c>
      <c r="J5091" s="59">
        <f>Bühler!J5117</f>
        <v>1.141755683943362</v>
      </c>
      <c r="K5091" s="59">
        <f>Bühler!K5117</f>
        <v>1.7126335259150427</v>
      </c>
      <c r="L5091" s="59">
        <f>Bühler!L5117</f>
        <v>8.220640924392205</v>
      </c>
      <c r="M5091" s="58">
        <f>Bühler!M5117</f>
        <v>0</v>
      </c>
      <c r="N5091" s="56">
        <f>IF(Input!$D$19=1,J5091*Input!$C$19,0)+IF(Input!$D$20=1,K5091*Input!$C$20,0)+IF(Input!$D$21=1,L5091*Input!$C$21,0)+IF(Input!$D$22=1,M5091*Input!$C$22,0)</f>
        <v>0.3425267051830086</v>
      </c>
      <c r="O5091" s="59">
        <f>IF(Input!$D$19=2,J5091*Input!$C$19,0)+IF(Input!$D$20=2,K5091*Input!$C$20,0)+IF(Input!$D$21=2,L5091*Input!$C$21,0)+IF(Input!$D$22=2,M5091*Input!$C$22,0)</f>
        <v>0.85631676295752135</v>
      </c>
      <c r="P5091" s="59">
        <f>IF(Input!$D$19=3,J5091*Input!$C$19,0)+IF(Input!$D$20=3,K5091*Input!$C$20,0)+IF(Input!$D$21=3,L5091*Input!$C$21,0)+IF(Input!$D$22=3,M5091*Input!$C$22,0)</f>
        <v>0</v>
      </c>
      <c r="Q5091" s="75">
        <f>IF(Input!$D$19=4,J5091*Input!$C$19,0)+IF(Input!$D$20=4,K5091*Input!$C$20,0)+IF(Input!$D$21=4,L5091*Input!$C$21,0)+IF(Input!$D$22=4,M5091*Input!$C$22,0)</f>
        <v>0</v>
      </c>
      <c r="R5091" s="58">
        <v>63.901478924941664</v>
      </c>
      <c r="S5091" s="124">
        <f t="shared" si="79"/>
        <v>1.4842823891263706</v>
      </c>
    </row>
    <row r="5092" spans="8:19" x14ac:dyDescent="0.3">
      <c r="H5092" s="44">
        <v>5085</v>
      </c>
      <c r="I5092" s="56">
        <f>Bühler!I5118</f>
        <v>0.28117863858306669</v>
      </c>
      <c r="J5092" s="59">
        <f>Bühler!J5118</f>
        <v>0.9372621286102224</v>
      </c>
      <c r="K5092" s="59">
        <f>Bühler!K5118</f>
        <v>1.4058931929153335</v>
      </c>
      <c r="L5092" s="59">
        <f>Bühler!L5118</f>
        <v>6.7482873259936005</v>
      </c>
      <c r="M5092" s="58">
        <f>Bühler!M5118</f>
        <v>0</v>
      </c>
      <c r="N5092" s="56">
        <f>IF(Input!$D$19=1,J5092*Input!$C$19,0)+IF(Input!$D$20=1,K5092*Input!$C$20,0)+IF(Input!$D$21=1,L5092*Input!$C$21,0)+IF(Input!$D$22=1,M5092*Input!$C$22,0)</f>
        <v>0.28117863858306669</v>
      </c>
      <c r="O5092" s="59">
        <f>IF(Input!$D$19=2,J5092*Input!$C$19,0)+IF(Input!$D$20=2,K5092*Input!$C$20,0)+IF(Input!$D$21=2,L5092*Input!$C$21,0)+IF(Input!$D$22=2,M5092*Input!$C$22,0)</f>
        <v>0.70294659645766677</v>
      </c>
      <c r="P5092" s="59">
        <f>IF(Input!$D$19=3,J5092*Input!$C$19,0)+IF(Input!$D$20=3,K5092*Input!$C$20,0)+IF(Input!$D$21=3,L5092*Input!$C$21,0)+IF(Input!$D$22=3,M5092*Input!$C$22,0)</f>
        <v>0</v>
      </c>
      <c r="Q5092" s="75">
        <f>IF(Input!$D$19=4,J5092*Input!$C$19,0)+IF(Input!$D$20=4,K5092*Input!$C$20,0)+IF(Input!$D$21=4,L5092*Input!$C$21,0)+IF(Input!$D$22=4,M5092*Input!$C$22,0)</f>
        <v>0</v>
      </c>
      <c r="R5092" s="58">
        <v>61.804185762092509</v>
      </c>
      <c r="S5092" s="124">
        <f t="shared" si="79"/>
        <v>1.2184407671932891</v>
      </c>
    </row>
    <row r="5093" spans="8:19" x14ac:dyDescent="0.3">
      <c r="H5093" s="44">
        <v>5086</v>
      </c>
      <c r="I5093" s="56">
        <f>Bühler!I5119</f>
        <v>0.20449355533313943</v>
      </c>
      <c r="J5093" s="59">
        <f>Bühler!J5119</f>
        <v>0.68164518444379807</v>
      </c>
      <c r="K5093" s="59">
        <f>Bühler!K5119</f>
        <v>1.0224677766656971</v>
      </c>
      <c r="L5093" s="59">
        <f>Bühler!L5119</f>
        <v>4.9078453279953456</v>
      </c>
      <c r="M5093" s="58">
        <f>Bühler!M5119</f>
        <v>0</v>
      </c>
      <c r="N5093" s="56">
        <f>IF(Input!$D$19=1,J5093*Input!$C$19,0)+IF(Input!$D$20=1,K5093*Input!$C$20,0)+IF(Input!$D$21=1,L5093*Input!$C$21,0)+IF(Input!$D$22=1,M5093*Input!$C$22,0)</f>
        <v>0.20449355533313943</v>
      </c>
      <c r="O5093" s="59">
        <f>IF(Input!$D$19=2,J5093*Input!$C$19,0)+IF(Input!$D$20=2,K5093*Input!$C$20,0)+IF(Input!$D$21=2,L5093*Input!$C$21,0)+IF(Input!$D$22=2,M5093*Input!$C$22,0)</f>
        <v>0.51123388833284855</v>
      </c>
      <c r="P5093" s="59">
        <f>IF(Input!$D$19=3,J5093*Input!$C$19,0)+IF(Input!$D$20=3,K5093*Input!$C$20,0)+IF(Input!$D$21=3,L5093*Input!$C$21,0)+IF(Input!$D$22=3,M5093*Input!$C$22,0)</f>
        <v>0</v>
      </c>
      <c r="Q5093" s="75">
        <f>IF(Input!$D$19=4,J5093*Input!$C$19,0)+IF(Input!$D$20=4,K5093*Input!$C$20,0)+IF(Input!$D$21=4,L5093*Input!$C$21,0)+IF(Input!$D$22=4,M5093*Input!$C$22,0)</f>
        <v>0</v>
      </c>
      <c r="R5093" s="58">
        <v>60.320857189779289</v>
      </c>
      <c r="S5093" s="124">
        <f t="shared" si="79"/>
        <v>0.88613873977693747</v>
      </c>
    </row>
    <row r="5094" spans="8:19" x14ac:dyDescent="0.3">
      <c r="H5094" s="44">
        <v>5087</v>
      </c>
      <c r="I5094" s="56">
        <f>Bühler!I5120</f>
        <v>0.20449355533313943</v>
      </c>
      <c r="J5094" s="59">
        <f>Bühler!J5120</f>
        <v>0.68164518444379807</v>
      </c>
      <c r="K5094" s="59">
        <f>Bühler!K5120</f>
        <v>1.0224677766656971</v>
      </c>
      <c r="L5094" s="59">
        <f>Bühler!L5120</f>
        <v>4.9078453279953456</v>
      </c>
      <c r="M5094" s="58">
        <f>Bühler!M5120</f>
        <v>0</v>
      </c>
      <c r="N5094" s="56">
        <f>IF(Input!$D$19=1,J5094*Input!$C$19,0)+IF(Input!$D$20=1,K5094*Input!$C$20,0)+IF(Input!$D$21=1,L5094*Input!$C$21,0)+IF(Input!$D$22=1,M5094*Input!$C$22,0)</f>
        <v>0.20449355533313943</v>
      </c>
      <c r="O5094" s="59">
        <f>IF(Input!$D$19=2,J5094*Input!$C$19,0)+IF(Input!$D$20=2,K5094*Input!$C$20,0)+IF(Input!$D$21=2,L5094*Input!$C$21,0)+IF(Input!$D$22=2,M5094*Input!$C$22,0)</f>
        <v>0.51123388833284855</v>
      </c>
      <c r="P5094" s="59">
        <f>IF(Input!$D$19=3,J5094*Input!$C$19,0)+IF(Input!$D$20=3,K5094*Input!$C$20,0)+IF(Input!$D$21=3,L5094*Input!$C$21,0)+IF(Input!$D$22=3,M5094*Input!$C$22,0)</f>
        <v>0</v>
      </c>
      <c r="Q5094" s="75">
        <f>IF(Input!$D$19=4,J5094*Input!$C$19,0)+IF(Input!$D$20=4,K5094*Input!$C$20,0)+IF(Input!$D$21=4,L5094*Input!$C$21,0)+IF(Input!$D$22=4,M5094*Input!$C$22,0)</f>
        <v>0</v>
      </c>
      <c r="R5094" s="58">
        <v>60.113952989722264</v>
      </c>
      <c r="S5094" s="124">
        <f t="shared" si="79"/>
        <v>0.88613873977693747</v>
      </c>
    </row>
    <row r="5095" spans="8:19" x14ac:dyDescent="0.3">
      <c r="H5095" s="44">
        <v>5088</v>
      </c>
      <c r="I5095" s="56">
        <f>Bühler!I5121</f>
        <v>0.20449355533313943</v>
      </c>
      <c r="J5095" s="59">
        <f>Bühler!J5121</f>
        <v>0.68164518444379807</v>
      </c>
      <c r="K5095" s="59">
        <f>Bühler!K5121</f>
        <v>1.0224677766656971</v>
      </c>
      <c r="L5095" s="59">
        <f>Bühler!L5121</f>
        <v>4.9078453279953456</v>
      </c>
      <c r="M5095" s="58">
        <f>Bühler!M5121</f>
        <v>0</v>
      </c>
      <c r="N5095" s="56">
        <f>IF(Input!$D$19=1,J5095*Input!$C$19,0)+IF(Input!$D$20=1,K5095*Input!$C$20,0)+IF(Input!$D$21=1,L5095*Input!$C$21,0)+IF(Input!$D$22=1,M5095*Input!$C$22,0)</f>
        <v>0.20449355533313943</v>
      </c>
      <c r="O5095" s="59">
        <f>IF(Input!$D$19=2,J5095*Input!$C$19,0)+IF(Input!$D$20=2,K5095*Input!$C$20,0)+IF(Input!$D$21=2,L5095*Input!$C$21,0)+IF(Input!$D$22=2,M5095*Input!$C$22,0)</f>
        <v>0.51123388833284855</v>
      </c>
      <c r="P5095" s="59">
        <f>IF(Input!$D$19=3,J5095*Input!$C$19,0)+IF(Input!$D$20=3,K5095*Input!$C$20,0)+IF(Input!$D$21=3,L5095*Input!$C$21,0)+IF(Input!$D$22=3,M5095*Input!$C$22,0)</f>
        <v>0</v>
      </c>
      <c r="Q5095" s="75">
        <f>IF(Input!$D$19=4,J5095*Input!$C$19,0)+IF(Input!$D$20=4,K5095*Input!$C$20,0)+IF(Input!$D$21=4,L5095*Input!$C$21,0)+IF(Input!$D$22=4,M5095*Input!$C$22,0)</f>
        <v>0</v>
      </c>
      <c r="R5095" s="58">
        <v>59.843023536166207</v>
      </c>
      <c r="S5095" s="124">
        <f t="shared" si="79"/>
        <v>0.88613873977693747</v>
      </c>
    </row>
    <row r="5096" spans="8:19" x14ac:dyDescent="0.3">
      <c r="H5096" s="44">
        <v>5089</v>
      </c>
      <c r="I5096" s="56">
        <f>Bühler!I5122</f>
        <v>0.18003327657633389</v>
      </c>
      <c r="J5096" s="59">
        <f>Bühler!J5122</f>
        <v>0.60011092192111304</v>
      </c>
      <c r="K5096" s="59">
        <f>Bühler!K5122</f>
        <v>0.90016638288166939</v>
      </c>
      <c r="L5096" s="59">
        <f>Bühler!L5122</f>
        <v>4.3207986378320129</v>
      </c>
      <c r="M5096" s="58">
        <f>Bühler!M5122</f>
        <v>0</v>
      </c>
      <c r="N5096" s="56">
        <f>IF(Input!$D$19=1,J5096*Input!$C$19,0)+IF(Input!$D$20=1,K5096*Input!$C$20,0)+IF(Input!$D$21=1,L5096*Input!$C$21,0)+IF(Input!$D$22=1,M5096*Input!$C$22,0)</f>
        <v>0.18003327657633392</v>
      </c>
      <c r="O5096" s="59">
        <f>IF(Input!$D$19=2,J5096*Input!$C$19,0)+IF(Input!$D$20=2,K5096*Input!$C$20,0)+IF(Input!$D$21=2,L5096*Input!$C$21,0)+IF(Input!$D$22=2,M5096*Input!$C$22,0)</f>
        <v>0.4500831914408347</v>
      </c>
      <c r="P5096" s="59">
        <f>IF(Input!$D$19=3,J5096*Input!$C$19,0)+IF(Input!$D$20=3,K5096*Input!$C$20,0)+IF(Input!$D$21=3,L5096*Input!$C$21,0)+IF(Input!$D$22=3,M5096*Input!$C$22,0)</f>
        <v>0</v>
      </c>
      <c r="Q5096" s="75">
        <f>IF(Input!$D$19=4,J5096*Input!$C$19,0)+IF(Input!$D$20=4,K5096*Input!$C$20,0)+IF(Input!$D$21=4,L5096*Input!$C$21,0)+IF(Input!$D$22=4,M5096*Input!$C$22,0)</f>
        <v>0</v>
      </c>
      <c r="R5096" s="58">
        <v>58.968828631058628</v>
      </c>
      <c r="S5096" s="124">
        <f t="shared" si="79"/>
        <v>0.78014419849744687</v>
      </c>
    </row>
    <row r="5097" spans="8:19" x14ac:dyDescent="0.3">
      <c r="H5097" s="44">
        <v>5090</v>
      </c>
      <c r="I5097" s="56">
        <f>Bühler!I5123</f>
        <v>0.20253743614837563</v>
      </c>
      <c r="J5097" s="59">
        <f>Bühler!J5123</f>
        <v>0.67512478716125213</v>
      </c>
      <c r="K5097" s="59">
        <f>Bühler!K5123</f>
        <v>1.012687180741878</v>
      </c>
      <c r="L5097" s="59">
        <f>Bühler!L5123</f>
        <v>4.8608984675610154</v>
      </c>
      <c r="M5097" s="58">
        <f>Bühler!M5123</f>
        <v>0</v>
      </c>
      <c r="N5097" s="56">
        <f>IF(Input!$D$19=1,J5097*Input!$C$19,0)+IF(Input!$D$20=1,K5097*Input!$C$20,0)+IF(Input!$D$21=1,L5097*Input!$C$21,0)+IF(Input!$D$22=1,M5097*Input!$C$22,0)</f>
        <v>0.20253743614837563</v>
      </c>
      <c r="O5097" s="59">
        <f>IF(Input!$D$19=2,J5097*Input!$C$19,0)+IF(Input!$D$20=2,K5097*Input!$C$20,0)+IF(Input!$D$21=2,L5097*Input!$C$21,0)+IF(Input!$D$22=2,M5097*Input!$C$22,0)</f>
        <v>0.50634359037093901</v>
      </c>
      <c r="P5097" s="59">
        <f>IF(Input!$D$19=3,J5097*Input!$C$19,0)+IF(Input!$D$20=3,K5097*Input!$C$20,0)+IF(Input!$D$21=3,L5097*Input!$C$21,0)+IF(Input!$D$22=3,M5097*Input!$C$22,0)</f>
        <v>0</v>
      </c>
      <c r="Q5097" s="75">
        <f>IF(Input!$D$19=4,J5097*Input!$C$19,0)+IF(Input!$D$20=4,K5097*Input!$C$20,0)+IF(Input!$D$21=4,L5097*Input!$C$21,0)+IF(Input!$D$22=4,M5097*Input!$C$22,0)</f>
        <v>0</v>
      </c>
      <c r="R5097" s="58">
        <v>58.360083845502295</v>
      </c>
      <c r="S5097" s="124">
        <f t="shared" si="79"/>
        <v>0.87766222330962773</v>
      </c>
    </row>
    <row r="5098" spans="8:19" x14ac:dyDescent="0.3">
      <c r="H5098" s="44">
        <v>5091</v>
      </c>
      <c r="I5098" s="56">
        <f>Bühler!I5124</f>
        <v>0.20253743614837563</v>
      </c>
      <c r="J5098" s="59">
        <f>Bühler!J5124</f>
        <v>0.67512478716125213</v>
      </c>
      <c r="K5098" s="59">
        <f>Bühler!K5124</f>
        <v>1.012687180741878</v>
      </c>
      <c r="L5098" s="59">
        <f>Bühler!L5124</f>
        <v>4.8608984675610154</v>
      </c>
      <c r="M5098" s="58">
        <f>Bühler!M5124</f>
        <v>0</v>
      </c>
      <c r="N5098" s="56">
        <f>IF(Input!$D$19=1,J5098*Input!$C$19,0)+IF(Input!$D$20=1,K5098*Input!$C$20,0)+IF(Input!$D$21=1,L5098*Input!$C$21,0)+IF(Input!$D$22=1,M5098*Input!$C$22,0)</f>
        <v>0.20253743614837563</v>
      </c>
      <c r="O5098" s="59">
        <f>IF(Input!$D$19=2,J5098*Input!$C$19,0)+IF(Input!$D$20=2,K5098*Input!$C$20,0)+IF(Input!$D$21=2,L5098*Input!$C$21,0)+IF(Input!$D$22=2,M5098*Input!$C$22,0)</f>
        <v>0.50634359037093901</v>
      </c>
      <c r="P5098" s="59">
        <f>IF(Input!$D$19=3,J5098*Input!$C$19,0)+IF(Input!$D$20=3,K5098*Input!$C$20,0)+IF(Input!$D$21=3,L5098*Input!$C$21,0)+IF(Input!$D$22=3,M5098*Input!$C$22,0)</f>
        <v>0</v>
      </c>
      <c r="Q5098" s="75">
        <f>IF(Input!$D$19=4,J5098*Input!$C$19,0)+IF(Input!$D$20=4,K5098*Input!$C$20,0)+IF(Input!$D$21=4,L5098*Input!$C$21,0)+IF(Input!$D$22=4,M5098*Input!$C$22,0)</f>
        <v>0</v>
      </c>
      <c r="R5098" s="58">
        <v>58.125692418777362</v>
      </c>
      <c r="S5098" s="124">
        <f t="shared" si="79"/>
        <v>0.87766222330962773</v>
      </c>
    </row>
    <row r="5099" spans="8:19" x14ac:dyDescent="0.3">
      <c r="H5099" s="44">
        <v>5092</v>
      </c>
      <c r="I5099" s="56">
        <f>Bühler!I5125</f>
        <v>0.20253743614837563</v>
      </c>
      <c r="J5099" s="59">
        <f>Bühler!J5125</f>
        <v>0.67512478716125213</v>
      </c>
      <c r="K5099" s="59">
        <f>Bühler!K5125</f>
        <v>1.012687180741878</v>
      </c>
      <c r="L5099" s="59">
        <f>Bühler!L5125</f>
        <v>4.8608984675610154</v>
      </c>
      <c r="M5099" s="58">
        <f>Bühler!M5125</f>
        <v>0</v>
      </c>
      <c r="N5099" s="56">
        <f>IF(Input!$D$19=1,J5099*Input!$C$19,0)+IF(Input!$D$20=1,K5099*Input!$C$20,0)+IF(Input!$D$21=1,L5099*Input!$C$21,0)+IF(Input!$D$22=1,M5099*Input!$C$22,0)</f>
        <v>0.20253743614837563</v>
      </c>
      <c r="O5099" s="59">
        <f>IF(Input!$D$19=2,J5099*Input!$C$19,0)+IF(Input!$D$20=2,K5099*Input!$C$20,0)+IF(Input!$D$21=2,L5099*Input!$C$21,0)+IF(Input!$D$22=2,M5099*Input!$C$22,0)</f>
        <v>0.50634359037093901</v>
      </c>
      <c r="P5099" s="59">
        <f>IF(Input!$D$19=3,J5099*Input!$C$19,0)+IF(Input!$D$20=3,K5099*Input!$C$20,0)+IF(Input!$D$21=3,L5099*Input!$C$21,0)+IF(Input!$D$22=3,M5099*Input!$C$22,0)</f>
        <v>0</v>
      </c>
      <c r="Q5099" s="75">
        <f>IF(Input!$D$19=4,J5099*Input!$C$19,0)+IF(Input!$D$20=4,K5099*Input!$C$20,0)+IF(Input!$D$21=4,L5099*Input!$C$21,0)+IF(Input!$D$22=4,M5099*Input!$C$22,0)</f>
        <v>0</v>
      </c>
      <c r="R5099" s="58">
        <v>59.028506263427445</v>
      </c>
      <c r="S5099" s="124">
        <f t="shared" si="79"/>
        <v>0.87766222330962773</v>
      </c>
    </row>
    <row r="5100" spans="8:19" x14ac:dyDescent="0.3">
      <c r="H5100" s="44">
        <v>5093</v>
      </c>
      <c r="I5100" s="56">
        <f>Bühler!I5126</f>
        <v>0.20253743614837563</v>
      </c>
      <c r="J5100" s="59">
        <f>Bühler!J5126</f>
        <v>0.67512478716125213</v>
      </c>
      <c r="K5100" s="59">
        <f>Bühler!K5126</f>
        <v>1.012687180741878</v>
      </c>
      <c r="L5100" s="59">
        <f>Bühler!L5126</f>
        <v>4.8608984675610154</v>
      </c>
      <c r="M5100" s="58">
        <f>Bühler!M5126</f>
        <v>0</v>
      </c>
      <c r="N5100" s="56">
        <f>IF(Input!$D$19=1,J5100*Input!$C$19,0)+IF(Input!$D$20=1,K5100*Input!$C$20,0)+IF(Input!$D$21=1,L5100*Input!$C$21,0)+IF(Input!$D$22=1,M5100*Input!$C$22,0)</f>
        <v>0.20253743614837563</v>
      </c>
      <c r="O5100" s="59">
        <f>IF(Input!$D$19=2,J5100*Input!$C$19,0)+IF(Input!$D$20=2,K5100*Input!$C$20,0)+IF(Input!$D$21=2,L5100*Input!$C$21,0)+IF(Input!$D$22=2,M5100*Input!$C$22,0)</f>
        <v>0.50634359037093901</v>
      </c>
      <c r="P5100" s="59">
        <f>IF(Input!$D$19=3,J5100*Input!$C$19,0)+IF(Input!$D$20=3,K5100*Input!$C$20,0)+IF(Input!$D$21=3,L5100*Input!$C$21,0)+IF(Input!$D$22=3,M5100*Input!$C$22,0)</f>
        <v>0</v>
      </c>
      <c r="Q5100" s="75">
        <f>IF(Input!$D$19=4,J5100*Input!$C$19,0)+IF(Input!$D$20=4,K5100*Input!$C$20,0)+IF(Input!$D$21=4,L5100*Input!$C$21,0)+IF(Input!$D$22=4,M5100*Input!$C$22,0)</f>
        <v>0</v>
      </c>
      <c r="R5100" s="58">
        <v>59.860023530710983</v>
      </c>
      <c r="S5100" s="124">
        <f t="shared" si="79"/>
        <v>0.87766222330962773</v>
      </c>
    </row>
    <row r="5101" spans="8:19" x14ac:dyDescent="0.3">
      <c r="H5101" s="44">
        <v>5094</v>
      </c>
      <c r="I5101" s="56">
        <f>Bühler!I5127</f>
        <v>0.26104825103568413</v>
      </c>
      <c r="J5101" s="59">
        <f>Bühler!J5127</f>
        <v>0.87016083678561396</v>
      </c>
      <c r="K5101" s="59">
        <f>Bühler!K5127</f>
        <v>1.3052412551784207</v>
      </c>
      <c r="L5101" s="59">
        <f>Bühler!L5127</f>
        <v>6.2651580248564196</v>
      </c>
      <c r="M5101" s="58">
        <f>Bühler!M5127</f>
        <v>0</v>
      </c>
      <c r="N5101" s="56">
        <f>IF(Input!$D$19=1,J5101*Input!$C$19,0)+IF(Input!$D$20=1,K5101*Input!$C$20,0)+IF(Input!$D$21=1,L5101*Input!$C$21,0)+IF(Input!$D$22=1,M5101*Input!$C$22,0)</f>
        <v>0.26104825103568419</v>
      </c>
      <c r="O5101" s="59">
        <f>IF(Input!$D$19=2,J5101*Input!$C$19,0)+IF(Input!$D$20=2,K5101*Input!$C$20,0)+IF(Input!$D$21=2,L5101*Input!$C$21,0)+IF(Input!$D$22=2,M5101*Input!$C$22,0)</f>
        <v>0.65262062758921036</v>
      </c>
      <c r="P5101" s="59">
        <f>IF(Input!$D$19=3,J5101*Input!$C$19,0)+IF(Input!$D$20=3,K5101*Input!$C$20,0)+IF(Input!$D$21=3,L5101*Input!$C$21,0)+IF(Input!$D$22=3,M5101*Input!$C$22,0)</f>
        <v>0</v>
      </c>
      <c r="Q5101" s="75">
        <f>IF(Input!$D$19=4,J5101*Input!$C$19,0)+IF(Input!$D$20=4,K5101*Input!$C$20,0)+IF(Input!$D$21=4,L5101*Input!$C$21,0)+IF(Input!$D$22=4,M5101*Input!$C$22,0)</f>
        <v>0</v>
      </c>
      <c r="R5101" s="58">
        <v>62.365966895456111</v>
      </c>
      <c r="S5101" s="124">
        <f t="shared" si="79"/>
        <v>1.1312090878212981</v>
      </c>
    </row>
    <row r="5102" spans="8:19" x14ac:dyDescent="0.3">
      <c r="H5102" s="44">
        <v>5095</v>
      </c>
      <c r="I5102" s="56">
        <f>Bühler!I5128</f>
        <v>0.30155573826535925</v>
      </c>
      <c r="J5102" s="59">
        <f>Bühler!J5128</f>
        <v>1.0051857942178644</v>
      </c>
      <c r="K5102" s="59">
        <f>Bühler!K5128</f>
        <v>1.5077786913267963</v>
      </c>
      <c r="L5102" s="59">
        <f>Bühler!L5128</f>
        <v>7.2373377183686225</v>
      </c>
      <c r="M5102" s="58">
        <f>Bühler!M5128</f>
        <v>0</v>
      </c>
      <c r="N5102" s="56">
        <f>IF(Input!$D$19=1,J5102*Input!$C$19,0)+IF(Input!$D$20=1,K5102*Input!$C$20,0)+IF(Input!$D$21=1,L5102*Input!$C$21,0)+IF(Input!$D$22=1,M5102*Input!$C$22,0)</f>
        <v>0.30155573826535931</v>
      </c>
      <c r="O5102" s="59">
        <f>IF(Input!$D$19=2,J5102*Input!$C$19,0)+IF(Input!$D$20=2,K5102*Input!$C$20,0)+IF(Input!$D$21=2,L5102*Input!$C$21,0)+IF(Input!$D$22=2,M5102*Input!$C$22,0)</f>
        <v>0.75388934566339816</v>
      </c>
      <c r="P5102" s="59">
        <f>IF(Input!$D$19=3,J5102*Input!$C$19,0)+IF(Input!$D$20=3,K5102*Input!$C$20,0)+IF(Input!$D$21=3,L5102*Input!$C$21,0)+IF(Input!$D$22=3,M5102*Input!$C$22,0)</f>
        <v>0</v>
      </c>
      <c r="Q5102" s="75">
        <f>IF(Input!$D$19=4,J5102*Input!$C$19,0)+IF(Input!$D$20=4,K5102*Input!$C$20,0)+IF(Input!$D$21=4,L5102*Input!$C$21,0)+IF(Input!$D$22=4,M5102*Input!$C$22,0)</f>
        <v>0</v>
      </c>
      <c r="R5102" s="58">
        <v>65.377848345694332</v>
      </c>
      <c r="S5102" s="124">
        <f t="shared" si="79"/>
        <v>1.3067415324832237</v>
      </c>
    </row>
    <row r="5103" spans="8:19" x14ac:dyDescent="0.3">
      <c r="H5103" s="44">
        <v>5096</v>
      </c>
      <c r="I5103" s="56">
        <f>Bühler!I5129</f>
        <v>0.30155573826535925</v>
      </c>
      <c r="J5103" s="59">
        <f>Bühler!J5129</f>
        <v>1.0051857942178644</v>
      </c>
      <c r="K5103" s="59">
        <f>Bühler!K5129</f>
        <v>1.5077786913267963</v>
      </c>
      <c r="L5103" s="59">
        <f>Bühler!L5129</f>
        <v>7.2373377183686225</v>
      </c>
      <c r="M5103" s="58">
        <f>Bühler!M5129</f>
        <v>0</v>
      </c>
      <c r="N5103" s="56">
        <f>IF(Input!$D$19=1,J5103*Input!$C$19,0)+IF(Input!$D$20=1,K5103*Input!$C$20,0)+IF(Input!$D$21=1,L5103*Input!$C$21,0)+IF(Input!$D$22=1,M5103*Input!$C$22,0)</f>
        <v>0.30155573826535931</v>
      </c>
      <c r="O5103" s="59">
        <f>IF(Input!$D$19=2,J5103*Input!$C$19,0)+IF(Input!$D$20=2,K5103*Input!$C$20,0)+IF(Input!$D$21=2,L5103*Input!$C$21,0)+IF(Input!$D$22=2,M5103*Input!$C$22,0)</f>
        <v>0.75388934566339816</v>
      </c>
      <c r="P5103" s="59">
        <f>IF(Input!$D$19=3,J5103*Input!$C$19,0)+IF(Input!$D$20=3,K5103*Input!$C$20,0)+IF(Input!$D$21=3,L5103*Input!$C$21,0)+IF(Input!$D$22=3,M5103*Input!$C$22,0)</f>
        <v>0</v>
      </c>
      <c r="Q5103" s="75">
        <f>IF(Input!$D$19=4,J5103*Input!$C$19,0)+IF(Input!$D$20=4,K5103*Input!$C$20,0)+IF(Input!$D$21=4,L5103*Input!$C$21,0)+IF(Input!$D$22=4,M5103*Input!$C$22,0)</f>
        <v>0</v>
      </c>
      <c r="R5103" s="58">
        <v>66.996372024490427</v>
      </c>
      <c r="S5103" s="124">
        <f t="shared" si="79"/>
        <v>1.3067415324832237</v>
      </c>
    </row>
    <row r="5104" spans="8:19" x14ac:dyDescent="0.3">
      <c r="H5104" s="44">
        <v>5097</v>
      </c>
      <c r="I5104" s="56">
        <f>Bühler!I5130</f>
        <v>0.30155573826535925</v>
      </c>
      <c r="J5104" s="59">
        <f>Bühler!J5130</f>
        <v>1.0051857942178644</v>
      </c>
      <c r="K5104" s="59">
        <f>Bühler!K5130</f>
        <v>1.5077786913267963</v>
      </c>
      <c r="L5104" s="59">
        <f>Bühler!L5130</f>
        <v>7.2373377183686225</v>
      </c>
      <c r="M5104" s="58">
        <f>Bühler!M5130</f>
        <v>0</v>
      </c>
      <c r="N5104" s="56">
        <f>IF(Input!$D$19=1,J5104*Input!$C$19,0)+IF(Input!$D$20=1,K5104*Input!$C$20,0)+IF(Input!$D$21=1,L5104*Input!$C$21,0)+IF(Input!$D$22=1,M5104*Input!$C$22,0)</f>
        <v>0.30155573826535931</v>
      </c>
      <c r="O5104" s="59">
        <f>IF(Input!$D$19=2,J5104*Input!$C$19,0)+IF(Input!$D$20=2,K5104*Input!$C$20,0)+IF(Input!$D$21=2,L5104*Input!$C$21,0)+IF(Input!$D$22=2,M5104*Input!$C$22,0)</f>
        <v>0.75388934566339816</v>
      </c>
      <c r="P5104" s="59">
        <f>IF(Input!$D$19=3,J5104*Input!$C$19,0)+IF(Input!$D$20=3,K5104*Input!$C$20,0)+IF(Input!$D$21=3,L5104*Input!$C$21,0)+IF(Input!$D$22=3,M5104*Input!$C$22,0)</f>
        <v>0</v>
      </c>
      <c r="Q5104" s="75">
        <f>IF(Input!$D$19=4,J5104*Input!$C$19,0)+IF(Input!$D$20=4,K5104*Input!$C$20,0)+IF(Input!$D$21=4,L5104*Input!$C$21,0)+IF(Input!$D$22=4,M5104*Input!$C$22,0)</f>
        <v>0</v>
      </c>
      <c r="R5104" s="58">
        <v>68.141902858329331</v>
      </c>
      <c r="S5104" s="124">
        <f t="shared" si="79"/>
        <v>1.3067415324832237</v>
      </c>
    </row>
    <row r="5105" spans="8:19" x14ac:dyDescent="0.3">
      <c r="H5105" s="44">
        <v>5098</v>
      </c>
      <c r="I5105" s="56">
        <f>Bühler!I5131</f>
        <v>0.32405989783740097</v>
      </c>
      <c r="J5105" s="59">
        <f>Bühler!J5131</f>
        <v>1.0801996594580032</v>
      </c>
      <c r="K5105" s="59">
        <f>Bühler!K5131</f>
        <v>1.6202994891870048</v>
      </c>
      <c r="L5105" s="59">
        <f>Bühler!L5131</f>
        <v>7.7774375480976232</v>
      </c>
      <c r="M5105" s="58">
        <f>Bühler!M5131</f>
        <v>0</v>
      </c>
      <c r="N5105" s="56">
        <f>IF(Input!$D$19=1,J5105*Input!$C$19,0)+IF(Input!$D$20=1,K5105*Input!$C$20,0)+IF(Input!$D$21=1,L5105*Input!$C$21,0)+IF(Input!$D$22=1,M5105*Input!$C$22,0)</f>
        <v>0.32405989783740097</v>
      </c>
      <c r="O5105" s="59">
        <f>IF(Input!$D$19=2,J5105*Input!$C$19,0)+IF(Input!$D$20=2,K5105*Input!$C$20,0)+IF(Input!$D$21=2,L5105*Input!$C$21,0)+IF(Input!$D$22=2,M5105*Input!$C$22,0)</f>
        <v>0.81014974459350242</v>
      </c>
      <c r="P5105" s="59">
        <f>IF(Input!$D$19=3,J5105*Input!$C$19,0)+IF(Input!$D$20=3,K5105*Input!$C$20,0)+IF(Input!$D$21=3,L5105*Input!$C$21,0)+IF(Input!$D$22=3,M5105*Input!$C$22,0)</f>
        <v>0</v>
      </c>
      <c r="Q5105" s="75">
        <f>IF(Input!$D$19=4,J5105*Input!$C$19,0)+IF(Input!$D$20=4,K5105*Input!$C$20,0)+IF(Input!$D$21=4,L5105*Input!$C$21,0)+IF(Input!$D$22=4,M5105*Input!$C$22,0)</f>
        <v>0</v>
      </c>
      <c r="R5105" s="58">
        <v>68.779527230436713</v>
      </c>
      <c r="S5105" s="124">
        <f t="shared" si="79"/>
        <v>1.4042595572954042</v>
      </c>
    </row>
    <row r="5106" spans="8:19" x14ac:dyDescent="0.3">
      <c r="H5106" s="44">
        <v>5099</v>
      </c>
      <c r="I5106" s="56">
        <f>Bühler!I5132</f>
        <v>0.35106488932385105</v>
      </c>
      <c r="J5106" s="59">
        <f>Bühler!J5132</f>
        <v>1.1702162977461703</v>
      </c>
      <c r="K5106" s="59">
        <f>Bühler!K5132</f>
        <v>1.7553244466192552</v>
      </c>
      <c r="L5106" s="59">
        <f>Bühler!L5132</f>
        <v>8.4255573437724252</v>
      </c>
      <c r="M5106" s="58">
        <f>Bühler!M5132</f>
        <v>0</v>
      </c>
      <c r="N5106" s="56">
        <f>IF(Input!$D$19=1,J5106*Input!$C$19,0)+IF(Input!$D$20=1,K5106*Input!$C$20,0)+IF(Input!$D$21=1,L5106*Input!$C$21,0)+IF(Input!$D$22=1,M5106*Input!$C$22,0)</f>
        <v>0.3510648893238511</v>
      </c>
      <c r="O5106" s="59">
        <f>IF(Input!$D$19=2,J5106*Input!$C$19,0)+IF(Input!$D$20=2,K5106*Input!$C$20,0)+IF(Input!$D$21=2,L5106*Input!$C$21,0)+IF(Input!$D$22=2,M5106*Input!$C$22,0)</f>
        <v>0.87766222330962762</v>
      </c>
      <c r="P5106" s="59">
        <f>IF(Input!$D$19=3,J5106*Input!$C$19,0)+IF(Input!$D$20=3,K5106*Input!$C$20,0)+IF(Input!$D$21=3,L5106*Input!$C$21,0)+IF(Input!$D$22=3,M5106*Input!$C$22,0)</f>
        <v>0</v>
      </c>
      <c r="Q5106" s="75">
        <f>IF(Input!$D$19=4,J5106*Input!$C$19,0)+IF(Input!$D$20=4,K5106*Input!$C$20,0)+IF(Input!$D$21=4,L5106*Input!$C$21,0)+IF(Input!$D$22=4,M5106*Input!$C$22,0)</f>
        <v>0</v>
      </c>
      <c r="R5106" s="58">
        <v>69.394703930572959</v>
      </c>
      <c r="S5106" s="124">
        <f t="shared" si="79"/>
        <v>1.5212811870700214</v>
      </c>
    </row>
    <row r="5107" spans="8:19" x14ac:dyDescent="0.3">
      <c r="H5107" s="44">
        <v>5100</v>
      </c>
      <c r="I5107" s="56">
        <f>Bühler!I5133</f>
        <v>0.40507487229675126</v>
      </c>
      <c r="J5107" s="59">
        <f>Bühler!J5133</f>
        <v>1.3502495743225043</v>
      </c>
      <c r="K5107" s="59">
        <f>Bühler!K5133</f>
        <v>2.025374361483756</v>
      </c>
      <c r="L5107" s="59">
        <f>Bühler!L5133</f>
        <v>9.7217969351220308</v>
      </c>
      <c r="M5107" s="58">
        <f>Bühler!M5133</f>
        <v>0</v>
      </c>
      <c r="N5107" s="56">
        <f>IF(Input!$D$19=1,J5107*Input!$C$19,0)+IF(Input!$D$20=1,K5107*Input!$C$20,0)+IF(Input!$D$21=1,L5107*Input!$C$21,0)+IF(Input!$D$22=1,M5107*Input!$C$22,0)</f>
        <v>0.40507487229675126</v>
      </c>
      <c r="O5107" s="59">
        <f>IF(Input!$D$19=2,J5107*Input!$C$19,0)+IF(Input!$D$20=2,K5107*Input!$C$20,0)+IF(Input!$D$21=2,L5107*Input!$C$21,0)+IF(Input!$D$22=2,M5107*Input!$C$22,0)</f>
        <v>1.012687180741878</v>
      </c>
      <c r="P5107" s="59">
        <f>IF(Input!$D$19=3,J5107*Input!$C$19,0)+IF(Input!$D$20=3,K5107*Input!$C$20,0)+IF(Input!$D$21=3,L5107*Input!$C$21,0)+IF(Input!$D$22=3,M5107*Input!$C$22,0)</f>
        <v>0</v>
      </c>
      <c r="Q5107" s="75">
        <f>IF(Input!$D$19=4,J5107*Input!$C$19,0)+IF(Input!$D$20=4,K5107*Input!$C$20,0)+IF(Input!$D$21=4,L5107*Input!$C$21,0)+IF(Input!$D$22=4,M5107*Input!$C$22,0)</f>
        <v>0</v>
      </c>
      <c r="R5107" s="58">
        <v>69.555067017266666</v>
      </c>
      <c r="S5107" s="124">
        <f t="shared" si="79"/>
        <v>1.7553244466192555</v>
      </c>
    </row>
    <row r="5108" spans="8:19" x14ac:dyDescent="0.3">
      <c r="H5108" s="44">
        <v>5101</v>
      </c>
      <c r="I5108" s="56">
        <f>Bühler!I5134</f>
        <v>0.40507487229675126</v>
      </c>
      <c r="J5108" s="59">
        <f>Bühler!J5134</f>
        <v>1.3502495743225043</v>
      </c>
      <c r="K5108" s="59">
        <f>Bühler!K5134</f>
        <v>2.025374361483756</v>
      </c>
      <c r="L5108" s="59">
        <f>Bühler!L5134</f>
        <v>9.7217969351220308</v>
      </c>
      <c r="M5108" s="58">
        <f>Bühler!M5134</f>
        <v>0</v>
      </c>
      <c r="N5108" s="56">
        <f>IF(Input!$D$19=1,J5108*Input!$C$19,0)+IF(Input!$D$20=1,K5108*Input!$C$20,0)+IF(Input!$D$21=1,L5108*Input!$C$21,0)+IF(Input!$D$22=1,M5108*Input!$C$22,0)</f>
        <v>0.40507487229675126</v>
      </c>
      <c r="O5108" s="59">
        <f>IF(Input!$D$19=2,J5108*Input!$C$19,0)+IF(Input!$D$20=2,K5108*Input!$C$20,0)+IF(Input!$D$21=2,L5108*Input!$C$21,0)+IF(Input!$D$22=2,M5108*Input!$C$22,0)</f>
        <v>1.012687180741878</v>
      </c>
      <c r="P5108" s="59">
        <f>IF(Input!$D$19=3,J5108*Input!$C$19,0)+IF(Input!$D$20=3,K5108*Input!$C$20,0)+IF(Input!$D$21=3,L5108*Input!$C$21,0)+IF(Input!$D$22=3,M5108*Input!$C$22,0)</f>
        <v>0</v>
      </c>
      <c r="Q5108" s="75">
        <f>IF(Input!$D$19=4,J5108*Input!$C$19,0)+IF(Input!$D$20=4,K5108*Input!$C$20,0)+IF(Input!$D$21=4,L5108*Input!$C$21,0)+IF(Input!$D$22=4,M5108*Input!$C$22,0)</f>
        <v>0</v>
      </c>
      <c r="R5108" s="58">
        <v>68.644252139116702</v>
      </c>
      <c r="S5108" s="124">
        <f t="shared" si="79"/>
        <v>1.7553244466192555</v>
      </c>
    </row>
    <row r="5109" spans="8:19" x14ac:dyDescent="0.3">
      <c r="H5109" s="44">
        <v>5102</v>
      </c>
      <c r="I5109" s="56">
        <f>Bühler!I5135</f>
        <v>0.40507487229675126</v>
      </c>
      <c r="J5109" s="59">
        <f>Bühler!J5135</f>
        <v>1.3502495743225043</v>
      </c>
      <c r="K5109" s="59">
        <f>Bühler!K5135</f>
        <v>2.025374361483756</v>
      </c>
      <c r="L5109" s="59">
        <f>Bühler!L5135</f>
        <v>9.7217969351220308</v>
      </c>
      <c r="M5109" s="58">
        <f>Bühler!M5135</f>
        <v>0</v>
      </c>
      <c r="N5109" s="56">
        <f>IF(Input!$D$19=1,J5109*Input!$C$19,0)+IF(Input!$D$20=1,K5109*Input!$C$20,0)+IF(Input!$D$21=1,L5109*Input!$C$21,0)+IF(Input!$D$22=1,M5109*Input!$C$22,0)</f>
        <v>0.40507487229675126</v>
      </c>
      <c r="O5109" s="59">
        <f>IF(Input!$D$19=2,J5109*Input!$C$19,0)+IF(Input!$D$20=2,K5109*Input!$C$20,0)+IF(Input!$D$21=2,L5109*Input!$C$21,0)+IF(Input!$D$22=2,M5109*Input!$C$22,0)</f>
        <v>1.012687180741878</v>
      </c>
      <c r="P5109" s="59">
        <f>IF(Input!$D$19=3,J5109*Input!$C$19,0)+IF(Input!$D$20=3,K5109*Input!$C$20,0)+IF(Input!$D$21=3,L5109*Input!$C$21,0)+IF(Input!$D$22=3,M5109*Input!$C$22,0)</f>
        <v>0</v>
      </c>
      <c r="Q5109" s="75">
        <f>IF(Input!$D$19=4,J5109*Input!$C$19,0)+IF(Input!$D$20=4,K5109*Input!$C$20,0)+IF(Input!$D$21=4,L5109*Input!$C$21,0)+IF(Input!$D$22=4,M5109*Input!$C$22,0)</f>
        <v>0</v>
      </c>
      <c r="R5109" s="58">
        <v>68.523422744808357</v>
      </c>
      <c r="S5109" s="124">
        <f t="shared" si="79"/>
        <v>1.7553244466192555</v>
      </c>
    </row>
    <row r="5110" spans="8:19" x14ac:dyDescent="0.3">
      <c r="H5110" s="44">
        <v>5103</v>
      </c>
      <c r="I5110" s="56">
        <f>Bühler!I5136</f>
        <v>0.40507487229675126</v>
      </c>
      <c r="J5110" s="59">
        <f>Bühler!J5136</f>
        <v>1.3502495743225043</v>
      </c>
      <c r="K5110" s="59">
        <f>Bühler!K5136</f>
        <v>2.025374361483756</v>
      </c>
      <c r="L5110" s="59">
        <f>Bühler!L5136</f>
        <v>9.7217969351220308</v>
      </c>
      <c r="M5110" s="58">
        <f>Bühler!M5136</f>
        <v>0</v>
      </c>
      <c r="N5110" s="56">
        <f>IF(Input!$D$19=1,J5110*Input!$C$19,0)+IF(Input!$D$20=1,K5110*Input!$C$20,0)+IF(Input!$D$21=1,L5110*Input!$C$21,0)+IF(Input!$D$22=1,M5110*Input!$C$22,0)</f>
        <v>0.40507487229675126</v>
      </c>
      <c r="O5110" s="59">
        <f>IF(Input!$D$19=2,J5110*Input!$C$19,0)+IF(Input!$D$20=2,K5110*Input!$C$20,0)+IF(Input!$D$21=2,L5110*Input!$C$21,0)+IF(Input!$D$22=2,M5110*Input!$C$22,0)</f>
        <v>1.012687180741878</v>
      </c>
      <c r="P5110" s="59">
        <f>IF(Input!$D$19=3,J5110*Input!$C$19,0)+IF(Input!$D$20=3,K5110*Input!$C$20,0)+IF(Input!$D$21=3,L5110*Input!$C$21,0)+IF(Input!$D$22=3,M5110*Input!$C$22,0)</f>
        <v>0</v>
      </c>
      <c r="Q5110" s="75">
        <f>IF(Input!$D$19=4,J5110*Input!$C$19,0)+IF(Input!$D$20=4,K5110*Input!$C$20,0)+IF(Input!$D$21=4,L5110*Input!$C$21,0)+IF(Input!$D$22=4,M5110*Input!$C$22,0)</f>
        <v>0</v>
      </c>
      <c r="R5110" s="58">
        <v>68.837464359013822</v>
      </c>
      <c r="S5110" s="124">
        <f t="shared" si="79"/>
        <v>1.7553244466192555</v>
      </c>
    </row>
    <row r="5111" spans="8:19" x14ac:dyDescent="0.3">
      <c r="H5111" s="44">
        <v>5104</v>
      </c>
      <c r="I5111" s="56">
        <f>Bühler!I5137</f>
        <v>0.40507487229675126</v>
      </c>
      <c r="J5111" s="59">
        <f>Bühler!J5137</f>
        <v>1.3502495743225043</v>
      </c>
      <c r="K5111" s="59">
        <f>Bühler!K5137</f>
        <v>2.025374361483756</v>
      </c>
      <c r="L5111" s="59">
        <f>Bühler!L5137</f>
        <v>9.7217969351220308</v>
      </c>
      <c r="M5111" s="58">
        <f>Bühler!M5137</f>
        <v>0</v>
      </c>
      <c r="N5111" s="56">
        <f>IF(Input!$D$19=1,J5111*Input!$C$19,0)+IF(Input!$D$20=1,K5111*Input!$C$20,0)+IF(Input!$D$21=1,L5111*Input!$C$21,0)+IF(Input!$D$22=1,M5111*Input!$C$22,0)</f>
        <v>0.40507487229675126</v>
      </c>
      <c r="O5111" s="59">
        <f>IF(Input!$D$19=2,J5111*Input!$C$19,0)+IF(Input!$D$20=2,K5111*Input!$C$20,0)+IF(Input!$D$21=2,L5111*Input!$C$21,0)+IF(Input!$D$22=2,M5111*Input!$C$22,0)</f>
        <v>1.012687180741878</v>
      </c>
      <c r="P5111" s="59">
        <f>IF(Input!$D$19=3,J5111*Input!$C$19,0)+IF(Input!$D$20=3,K5111*Input!$C$20,0)+IF(Input!$D$21=3,L5111*Input!$C$21,0)+IF(Input!$D$22=3,M5111*Input!$C$22,0)</f>
        <v>0</v>
      </c>
      <c r="Q5111" s="75">
        <f>IF(Input!$D$19=4,J5111*Input!$C$19,0)+IF(Input!$D$20=4,K5111*Input!$C$20,0)+IF(Input!$D$21=4,L5111*Input!$C$21,0)+IF(Input!$D$22=4,M5111*Input!$C$22,0)</f>
        <v>0</v>
      </c>
      <c r="R5111" s="58">
        <v>68.288942095174122</v>
      </c>
      <c r="S5111" s="124">
        <f t="shared" si="79"/>
        <v>1.7553244466192555</v>
      </c>
    </row>
    <row r="5112" spans="8:19" x14ac:dyDescent="0.3">
      <c r="H5112" s="44">
        <v>5105</v>
      </c>
      <c r="I5112" s="56">
        <f>Bühler!I5138</f>
        <v>0.40507487229675126</v>
      </c>
      <c r="J5112" s="59">
        <f>Bühler!J5138</f>
        <v>1.3502495743225043</v>
      </c>
      <c r="K5112" s="59">
        <f>Bühler!K5138</f>
        <v>2.025374361483756</v>
      </c>
      <c r="L5112" s="59">
        <f>Bühler!L5138</f>
        <v>9.7217969351220308</v>
      </c>
      <c r="M5112" s="58">
        <f>Bühler!M5138</f>
        <v>0</v>
      </c>
      <c r="N5112" s="56">
        <f>IF(Input!$D$19=1,J5112*Input!$C$19,0)+IF(Input!$D$20=1,K5112*Input!$C$20,0)+IF(Input!$D$21=1,L5112*Input!$C$21,0)+IF(Input!$D$22=1,M5112*Input!$C$22,0)</f>
        <v>0.40507487229675126</v>
      </c>
      <c r="O5112" s="59">
        <f>IF(Input!$D$19=2,J5112*Input!$C$19,0)+IF(Input!$D$20=2,K5112*Input!$C$20,0)+IF(Input!$D$21=2,L5112*Input!$C$21,0)+IF(Input!$D$22=2,M5112*Input!$C$22,0)</f>
        <v>1.012687180741878</v>
      </c>
      <c r="P5112" s="59">
        <f>IF(Input!$D$19=3,J5112*Input!$C$19,0)+IF(Input!$D$20=3,K5112*Input!$C$20,0)+IF(Input!$D$21=3,L5112*Input!$C$21,0)+IF(Input!$D$22=3,M5112*Input!$C$22,0)</f>
        <v>0</v>
      </c>
      <c r="Q5112" s="75">
        <f>IF(Input!$D$19=4,J5112*Input!$C$19,0)+IF(Input!$D$20=4,K5112*Input!$C$20,0)+IF(Input!$D$21=4,L5112*Input!$C$21,0)+IF(Input!$D$22=4,M5112*Input!$C$22,0)</f>
        <v>0</v>
      </c>
      <c r="R5112" s="58">
        <v>66.880253988145213</v>
      </c>
      <c r="S5112" s="124">
        <f t="shared" si="79"/>
        <v>1.7553244466192555</v>
      </c>
    </row>
    <row r="5113" spans="8:19" x14ac:dyDescent="0.3">
      <c r="H5113" s="44">
        <v>5106</v>
      </c>
      <c r="I5113" s="56">
        <f>Bühler!I5139</f>
        <v>0.40507487229675126</v>
      </c>
      <c r="J5113" s="59">
        <f>Bühler!J5139</f>
        <v>1.3502495743225043</v>
      </c>
      <c r="K5113" s="59">
        <f>Bühler!K5139</f>
        <v>2.025374361483756</v>
      </c>
      <c r="L5113" s="59">
        <f>Bühler!L5139</f>
        <v>9.7217969351220308</v>
      </c>
      <c r="M5113" s="58">
        <f>Bühler!M5139</f>
        <v>0</v>
      </c>
      <c r="N5113" s="56">
        <f>IF(Input!$D$19=1,J5113*Input!$C$19,0)+IF(Input!$D$20=1,K5113*Input!$C$20,0)+IF(Input!$D$21=1,L5113*Input!$C$21,0)+IF(Input!$D$22=1,M5113*Input!$C$22,0)</f>
        <v>0.40507487229675126</v>
      </c>
      <c r="O5113" s="59">
        <f>IF(Input!$D$19=2,J5113*Input!$C$19,0)+IF(Input!$D$20=2,K5113*Input!$C$20,0)+IF(Input!$D$21=2,L5113*Input!$C$21,0)+IF(Input!$D$22=2,M5113*Input!$C$22,0)</f>
        <v>1.012687180741878</v>
      </c>
      <c r="P5113" s="59">
        <f>IF(Input!$D$19=3,J5113*Input!$C$19,0)+IF(Input!$D$20=3,K5113*Input!$C$20,0)+IF(Input!$D$21=3,L5113*Input!$C$21,0)+IF(Input!$D$22=3,M5113*Input!$C$22,0)</f>
        <v>0</v>
      </c>
      <c r="Q5113" s="75">
        <f>IF(Input!$D$19=4,J5113*Input!$C$19,0)+IF(Input!$D$20=4,K5113*Input!$C$20,0)+IF(Input!$D$21=4,L5113*Input!$C$21,0)+IF(Input!$D$22=4,M5113*Input!$C$22,0)</f>
        <v>0</v>
      </c>
      <c r="R5113" s="58">
        <v>65.426360287013765</v>
      </c>
      <c r="S5113" s="124">
        <f t="shared" si="79"/>
        <v>1.7553244466192555</v>
      </c>
    </row>
    <row r="5114" spans="8:19" x14ac:dyDescent="0.3">
      <c r="H5114" s="44">
        <v>5107</v>
      </c>
      <c r="I5114" s="56">
        <f>Bühler!I5140</f>
        <v>0.40507487229675126</v>
      </c>
      <c r="J5114" s="59">
        <f>Bühler!J5140</f>
        <v>1.3502495743225043</v>
      </c>
      <c r="K5114" s="59">
        <f>Bühler!K5140</f>
        <v>2.025374361483756</v>
      </c>
      <c r="L5114" s="59">
        <f>Bühler!L5140</f>
        <v>9.7217969351220308</v>
      </c>
      <c r="M5114" s="58">
        <f>Bühler!M5140</f>
        <v>0</v>
      </c>
      <c r="N5114" s="56">
        <f>IF(Input!$D$19=1,J5114*Input!$C$19,0)+IF(Input!$D$20=1,K5114*Input!$C$20,0)+IF(Input!$D$21=1,L5114*Input!$C$21,0)+IF(Input!$D$22=1,M5114*Input!$C$22,0)</f>
        <v>0.40507487229675126</v>
      </c>
      <c r="O5114" s="59">
        <f>IF(Input!$D$19=2,J5114*Input!$C$19,0)+IF(Input!$D$20=2,K5114*Input!$C$20,0)+IF(Input!$D$21=2,L5114*Input!$C$21,0)+IF(Input!$D$22=2,M5114*Input!$C$22,0)</f>
        <v>1.012687180741878</v>
      </c>
      <c r="P5114" s="59">
        <f>IF(Input!$D$19=3,J5114*Input!$C$19,0)+IF(Input!$D$20=3,K5114*Input!$C$20,0)+IF(Input!$D$21=3,L5114*Input!$C$21,0)+IF(Input!$D$22=3,M5114*Input!$C$22,0)</f>
        <v>0</v>
      </c>
      <c r="Q5114" s="75">
        <f>IF(Input!$D$19=4,J5114*Input!$C$19,0)+IF(Input!$D$20=4,K5114*Input!$C$20,0)+IF(Input!$D$21=4,L5114*Input!$C$21,0)+IF(Input!$D$22=4,M5114*Input!$C$22,0)</f>
        <v>0</v>
      </c>
      <c r="R5114" s="58">
        <v>64.303606518317835</v>
      </c>
      <c r="S5114" s="124">
        <f t="shared" si="79"/>
        <v>1.7553244466192555</v>
      </c>
    </row>
    <row r="5115" spans="8:19" x14ac:dyDescent="0.3">
      <c r="H5115" s="44">
        <v>5108</v>
      </c>
      <c r="I5115" s="56">
        <f>Bühler!I5141</f>
        <v>0.33756239358062601</v>
      </c>
      <c r="J5115" s="59">
        <f>Bühler!J5141</f>
        <v>1.1252079786020868</v>
      </c>
      <c r="K5115" s="59">
        <f>Bühler!K5141</f>
        <v>1.6878119679031303</v>
      </c>
      <c r="L5115" s="59">
        <f>Bühler!L5141</f>
        <v>8.1014974459350242</v>
      </c>
      <c r="M5115" s="58">
        <f>Bühler!M5141</f>
        <v>0</v>
      </c>
      <c r="N5115" s="56">
        <f>IF(Input!$D$19=1,J5115*Input!$C$19,0)+IF(Input!$D$20=1,K5115*Input!$C$20,0)+IF(Input!$D$21=1,L5115*Input!$C$21,0)+IF(Input!$D$22=1,M5115*Input!$C$22,0)</f>
        <v>0.33756239358062601</v>
      </c>
      <c r="O5115" s="59">
        <f>IF(Input!$D$19=2,J5115*Input!$C$19,0)+IF(Input!$D$20=2,K5115*Input!$C$20,0)+IF(Input!$D$21=2,L5115*Input!$C$21,0)+IF(Input!$D$22=2,M5115*Input!$C$22,0)</f>
        <v>0.84390598395156513</v>
      </c>
      <c r="P5115" s="59">
        <f>IF(Input!$D$19=3,J5115*Input!$C$19,0)+IF(Input!$D$20=3,K5115*Input!$C$20,0)+IF(Input!$D$21=3,L5115*Input!$C$21,0)+IF(Input!$D$22=3,M5115*Input!$C$22,0)</f>
        <v>0</v>
      </c>
      <c r="Q5115" s="75">
        <f>IF(Input!$D$19=4,J5115*Input!$C$19,0)+IF(Input!$D$20=4,K5115*Input!$C$20,0)+IF(Input!$D$21=4,L5115*Input!$C$21,0)+IF(Input!$D$22=4,M5115*Input!$C$22,0)</f>
        <v>0</v>
      </c>
      <c r="R5115" s="58">
        <v>63.366848348376067</v>
      </c>
      <c r="S5115" s="124">
        <f t="shared" si="79"/>
        <v>1.4627703721827128</v>
      </c>
    </row>
    <row r="5116" spans="8:19" x14ac:dyDescent="0.3">
      <c r="H5116" s="44">
        <v>5109</v>
      </c>
      <c r="I5116" s="56">
        <f>Bühler!I5142</f>
        <v>0.27004991486450081</v>
      </c>
      <c r="J5116" s="59">
        <f>Bühler!J5142</f>
        <v>0.9001663828816695</v>
      </c>
      <c r="K5116" s="59">
        <f>Bühler!K5142</f>
        <v>1.350249574322504</v>
      </c>
      <c r="L5116" s="59">
        <f>Bühler!L5142</f>
        <v>6.4811979567480194</v>
      </c>
      <c r="M5116" s="58">
        <f>Bühler!M5142</f>
        <v>0</v>
      </c>
      <c r="N5116" s="56">
        <f>IF(Input!$D$19=1,J5116*Input!$C$19,0)+IF(Input!$D$20=1,K5116*Input!$C$20,0)+IF(Input!$D$21=1,L5116*Input!$C$21,0)+IF(Input!$D$22=1,M5116*Input!$C$22,0)</f>
        <v>0.27004991486450086</v>
      </c>
      <c r="O5116" s="59">
        <f>IF(Input!$D$19=2,J5116*Input!$C$19,0)+IF(Input!$D$20=2,K5116*Input!$C$20,0)+IF(Input!$D$21=2,L5116*Input!$C$21,0)+IF(Input!$D$22=2,M5116*Input!$C$22,0)</f>
        <v>0.67512478716125202</v>
      </c>
      <c r="P5116" s="59">
        <f>IF(Input!$D$19=3,J5116*Input!$C$19,0)+IF(Input!$D$20=3,K5116*Input!$C$20,0)+IF(Input!$D$21=3,L5116*Input!$C$21,0)+IF(Input!$D$22=3,M5116*Input!$C$22,0)</f>
        <v>0</v>
      </c>
      <c r="Q5116" s="75">
        <f>IF(Input!$D$19=4,J5116*Input!$C$19,0)+IF(Input!$D$20=4,K5116*Input!$C$20,0)+IF(Input!$D$21=4,L5116*Input!$C$21,0)+IF(Input!$D$22=4,M5116*Input!$C$22,0)</f>
        <v>0</v>
      </c>
      <c r="R5116" s="58">
        <v>61.622803707573489</v>
      </c>
      <c r="S5116" s="124">
        <f t="shared" si="79"/>
        <v>1.1702162977461703</v>
      </c>
    </row>
    <row r="5117" spans="8:19" x14ac:dyDescent="0.3">
      <c r="H5117" s="44">
        <v>5110</v>
      </c>
      <c r="I5117" s="56">
        <f>Bühler!I5143</f>
        <v>0.20253743614837563</v>
      </c>
      <c r="J5117" s="59">
        <f>Bühler!J5143</f>
        <v>0.67512478716125213</v>
      </c>
      <c r="K5117" s="59">
        <f>Bühler!K5143</f>
        <v>1.012687180741878</v>
      </c>
      <c r="L5117" s="59">
        <f>Bühler!L5143</f>
        <v>4.8608984675610154</v>
      </c>
      <c r="M5117" s="58">
        <f>Bühler!M5143</f>
        <v>0</v>
      </c>
      <c r="N5117" s="56">
        <f>IF(Input!$D$19=1,J5117*Input!$C$19,0)+IF(Input!$D$20=1,K5117*Input!$C$20,0)+IF(Input!$D$21=1,L5117*Input!$C$21,0)+IF(Input!$D$22=1,M5117*Input!$C$22,0)</f>
        <v>0.20253743614837563</v>
      </c>
      <c r="O5117" s="59">
        <f>IF(Input!$D$19=2,J5117*Input!$C$19,0)+IF(Input!$D$20=2,K5117*Input!$C$20,0)+IF(Input!$D$21=2,L5117*Input!$C$21,0)+IF(Input!$D$22=2,M5117*Input!$C$22,0)</f>
        <v>0.50634359037093901</v>
      </c>
      <c r="P5117" s="59">
        <f>IF(Input!$D$19=3,J5117*Input!$C$19,0)+IF(Input!$D$20=3,K5117*Input!$C$20,0)+IF(Input!$D$21=3,L5117*Input!$C$21,0)+IF(Input!$D$22=3,M5117*Input!$C$22,0)</f>
        <v>0</v>
      </c>
      <c r="Q5117" s="75">
        <f>IF(Input!$D$19=4,J5117*Input!$C$19,0)+IF(Input!$D$20=4,K5117*Input!$C$20,0)+IF(Input!$D$21=4,L5117*Input!$C$21,0)+IF(Input!$D$22=4,M5117*Input!$C$22,0)</f>
        <v>0</v>
      </c>
      <c r="R5117" s="58">
        <v>59.998783473907672</v>
      </c>
      <c r="S5117" s="124">
        <f t="shared" si="79"/>
        <v>0.87766222330962773</v>
      </c>
    </row>
    <row r="5118" spans="8:19" x14ac:dyDescent="0.3">
      <c r="H5118" s="44">
        <v>5111</v>
      </c>
      <c r="I5118" s="56">
        <f>Bühler!I5144</f>
        <v>0.20253743614837563</v>
      </c>
      <c r="J5118" s="59">
        <f>Bühler!J5144</f>
        <v>0.67512478716125213</v>
      </c>
      <c r="K5118" s="59">
        <f>Bühler!K5144</f>
        <v>1.012687180741878</v>
      </c>
      <c r="L5118" s="59">
        <f>Bühler!L5144</f>
        <v>4.8608984675610154</v>
      </c>
      <c r="M5118" s="58">
        <f>Bühler!M5144</f>
        <v>0</v>
      </c>
      <c r="N5118" s="56">
        <f>IF(Input!$D$19=1,J5118*Input!$C$19,0)+IF(Input!$D$20=1,K5118*Input!$C$20,0)+IF(Input!$D$21=1,L5118*Input!$C$21,0)+IF(Input!$D$22=1,M5118*Input!$C$22,0)</f>
        <v>0.20253743614837563</v>
      </c>
      <c r="O5118" s="59">
        <f>IF(Input!$D$19=2,J5118*Input!$C$19,0)+IF(Input!$D$20=2,K5118*Input!$C$20,0)+IF(Input!$D$21=2,L5118*Input!$C$21,0)+IF(Input!$D$22=2,M5118*Input!$C$22,0)</f>
        <v>0.50634359037093901</v>
      </c>
      <c r="P5118" s="59">
        <f>IF(Input!$D$19=3,J5118*Input!$C$19,0)+IF(Input!$D$20=3,K5118*Input!$C$20,0)+IF(Input!$D$21=3,L5118*Input!$C$21,0)+IF(Input!$D$22=3,M5118*Input!$C$22,0)</f>
        <v>0</v>
      </c>
      <c r="Q5118" s="75">
        <f>IF(Input!$D$19=4,J5118*Input!$C$19,0)+IF(Input!$D$20=4,K5118*Input!$C$20,0)+IF(Input!$D$21=4,L5118*Input!$C$21,0)+IF(Input!$D$22=4,M5118*Input!$C$22,0)</f>
        <v>0</v>
      </c>
      <c r="R5118" s="58">
        <v>59.64204082268477</v>
      </c>
      <c r="S5118" s="124">
        <f t="shared" si="79"/>
        <v>0.87766222330962773</v>
      </c>
    </row>
    <row r="5119" spans="8:19" x14ac:dyDescent="0.3">
      <c r="H5119" s="44">
        <v>5112</v>
      </c>
      <c r="I5119" s="56">
        <f>Bühler!I5145</f>
        <v>0.20253743614837563</v>
      </c>
      <c r="J5119" s="59">
        <f>Bühler!J5145</f>
        <v>0.67512478716125213</v>
      </c>
      <c r="K5119" s="59">
        <f>Bühler!K5145</f>
        <v>1.012687180741878</v>
      </c>
      <c r="L5119" s="59">
        <f>Bühler!L5145</f>
        <v>4.8608984675610154</v>
      </c>
      <c r="M5119" s="58">
        <f>Bühler!M5145</f>
        <v>0</v>
      </c>
      <c r="N5119" s="56">
        <f>IF(Input!$D$19=1,J5119*Input!$C$19,0)+IF(Input!$D$20=1,K5119*Input!$C$20,0)+IF(Input!$D$21=1,L5119*Input!$C$21,0)+IF(Input!$D$22=1,M5119*Input!$C$22,0)</f>
        <v>0.20253743614837563</v>
      </c>
      <c r="O5119" s="59">
        <f>IF(Input!$D$19=2,J5119*Input!$C$19,0)+IF(Input!$D$20=2,K5119*Input!$C$20,0)+IF(Input!$D$21=2,L5119*Input!$C$21,0)+IF(Input!$D$22=2,M5119*Input!$C$22,0)</f>
        <v>0.50634359037093901</v>
      </c>
      <c r="P5119" s="59">
        <f>IF(Input!$D$19=3,J5119*Input!$C$19,0)+IF(Input!$D$20=3,K5119*Input!$C$20,0)+IF(Input!$D$21=3,L5119*Input!$C$21,0)+IF(Input!$D$22=3,M5119*Input!$C$22,0)</f>
        <v>0</v>
      </c>
      <c r="Q5119" s="75">
        <f>IF(Input!$D$19=4,J5119*Input!$C$19,0)+IF(Input!$D$20=4,K5119*Input!$C$20,0)+IF(Input!$D$21=4,L5119*Input!$C$21,0)+IF(Input!$D$22=4,M5119*Input!$C$22,0)</f>
        <v>0</v>
      </c>
      <c r="R5119" s="58">
        <v>59.27802937776697</v>
      </c>
      <c r="S5119" s="124">
        <f t="shared" si="79"/>
        <v>0.87766222330962773</v>
      </c>
    </row>
    <row r="5120" spans="8:19" x14ac:dyDescent="0.3">
      <c r="H5120" s="44">
        <v>5113</v>
      </c>
      <c r="I5120" s="56">
        <f>Bühler!I5146</f>
        <v>0.20377006997148808</v>
      </c>
      <c r="J5120" s="59">
        <f>Bühler!J5146</f>
        <v>0.67923356657162703</v>
      </c>
      <c r="K5120" s="59">
        <f>Bühler!K5146</f>
        <v>1.0188503498574404</v>
      </c>
      <c r="L5120" s="59">
        <f>Bühler!L5146</f>
        <v>4.8904816793157142</v>
      </c>
      <c r="M5120" s="58">
        <f>Bühler!M5146</f>
        <v>0</v>
      </c>
      <c r="N5120" s="56">
        <f>IF(Input!$D$19=1,J5120*Input!$C$19,0)+IF(Input!$D$20=1,K5120*Input!$C$20,0)+IF(Input!$D$21=1,L5120*Input!$C$21,0)+IF(Input!$D$22=1,M5120*Input!$C$22,0)</f>
        <v>0.20377006997148811</v>
      </c>
      <c r="O5120" s="59">
        <f>IF(Input!$D$19=2,J5120*Input!$C$19,0)+IF(Input!$D$20=2,K5120*Input!$C$20,0)+IF(Input!$D$21=2,L5120*Input!$C$21,0)+IF(Input!$D$22=2,M5120*Input!$C$22,0)</f>
        <v>0.50942517492872019</v>
      </c>
      <c r="P5120" s="59">
        <f>IF(Input!$D$19=3,J5120*Input!$C$19,0)+IF(Input!$D$20=3,K5120*Input!$C$20,0)+IF(Input!$D$21=3,L5120*Input!$C$21,0)+IF(Input!$D$22=3,M5120*Input!$C$22,0)</f>
        <v>0</v>
      </c>
      <c r="Q5120" s="75">
        <f>IF(Input!$D$19=4,J5120*Input!$C$19,0)+IF(Input!$D$20=4,K5120*Input!$C$20,0)+IF(Input!$D$21=4,L5120*Input!$C$21,0)+IF(Input!$D$22=4,M5120*Input!$C$22,0)</f>
        <v>0</v>
      </c>
      <c r="R5120" s="58">
        <v>58.273498219474469</v>
      </c>
      <c r="S5120" s="124">
        <f t="shared" si="79"/>
        <v>0.88300363654311509</v>
      </c>
    </row>
    <row r="5121" spans="8:19" x14ac:dyDescent="0.3">
      <c r="H5121" s="44">
        <v>5114</v>
      </c>
      <c r="I5121" s="56">
        <f>Bühler!I5147</f>
        <v>0.20377006997148808</v>
      </c>
      <c r="J5121" s="59">
        <f>Bühler!J5147</f>
        <v>0.67923356657162703</v>
      </c>
      <c r="K5121" s="59">
        <f>Bühler!K5147</f>
        <v>1.0188503498574404</v>
      </c>
      <c r="L5121" s="59">
        <f>Bühler!L5147</f>
        <v>4.8904816793157142</v>
      </c>
      <c r="M5121" s="58">
        <f>Bühler!M5147</f>
        <v>0</v>
      </c>
      <c r="N5121" s="56">
        <f>IF(Input!$D$19=1,J5121*Input!$C$19,0)+IF(Input!$D$20=1,K5121*Input!$C$20,0)+IF(Input!$D$21=1,L5121*Input!$C$21,0)+IF(Input!$D$22=1,M5121*Input!$C$22,0)</f>
        <v>0.20377006997148811</v>
      </c>
      <c r="O5121" s="59">
        <f>IF(Input!$D$19=2,J5121*Input!$C$19,0)+IF(Input!$D$20=2,K5121*Input!$C$20,0)+IF(Input!$D$21=2,L5121*Input!$C$21,0)+IF(Input!$D$22=2,M5121*Input!$C$22,0)</f>
        <v>0.50942517492872019</v>
      </c>
      <c r="P5121" s="59">
        <f>IF(Input!$D$19=3,J5121*Input!$C$19,0)+IF(Input!$D$20=3,K5121*Input!$C$20,0)+IF(Input!$D$21=3,L5121*Input!$C$21,0)+IF(Input!$D$22=3,M5121*Input!$C$22,0)</f>
        <v>0</v>
      </c>
      <c r="Q5121" s="75">
        <f>IF(Input!$D$19=4,J5121*Input!$C$19,0)+IF(Input!$D$20=4,K5121*Input!$C$20,0)+IF(Input!$D$21=4,L5121*Input!$C$21,0)+IF(Input!$D$22=4,M5121*Input!$C$22,0)</f>
        <v>0</v>
      </c>
      <c r="R5121" s="58">
        <v>57.410622777148305</v>
      </c>
      <c r="S5121" s="124">
        <f t="shared" si="79"/>
        <v>0.88300363654311509</v>
      </c>
    </row>
    <row r="5122" spans="8:19" x14ac:dyDescent="0.3">
      <c r="H5122" s="44">
        <v>5115</v>
      </c>
      <c r="I5122" s="56">
        <f>Bühler!I5148</f>
        <v>0.20377006997148808</v>
      </c>
      <c r="J5122" s="59">
        <f>Bühler!J5148</f>
        <v>0.67923356657162703</v>
      </c>
      <c r="K5122" s="59">
        <f>Bühler!K5148</f>
        <v>1.0188503498574404</v>
      </c>
      <c r="L5122" s="59">
        <f>Bühler!L5148</f>
        <v>4.8904816793157142</v>
      </c>
      <c r="M5122" s="58">
        <f>Bühler!M5148</f>
        <v>0</v>
      </c>
      <c r="N5122" s="56">
        <f>IF(Input!$D$19=1,J5122*Input!$C$19,0)+IF(Input!$D$20=1,K5122*Input!$C$20,0)+IF(Input!$D$21=1,L5122*Input!$C$21,0)+IF(Input!$D$22=1,M5122*Input!$C$22,0)</f>
        <v>0.20377006997148811</v>
      </c>
      <c r="O5122" s="59">
        <f>IF(Input!$D$19=2,J5122*Input!$C$19,0)+IF(Input!$D$20=2,K5122*Input!$C$20,0)+IF(Input!$D$21=2,L5122*Input!$C$21,0)+IF(Input!$D$22=2,M5122*Input!$C$22,0)</f>
        <v>0.50942517492872019</v>
      </c>
      <c r="P5122" s="59">
        <f>IF(Input!$D$19=3,J5122*Input!$C$19,0)+IF(Input!$D$20=3,K5122*Input!$C$20,0)+IF(Input!$D$21=3,L5122*Input!$C$21,0)+IF(Input!$D$22=3,M5122*Input!$C$22,0)</f>
        <v>0</v>
      </c>
      <c r="Q5122" s="75">
        <f>IF(Input!$D$19=4,J5122*Input!$C$19,0)+IF(Input!$D$20=4,K5122*Input!$C$20,0)+IF(Input!$D$21=4,L5122*Input!$C$21,0)+IF(Input!$D$22=4,M5122*Input!$C$22,0)</f>
        <v>0</v>
      </c>
      <c r="R5122" s="58">
        <v>57.279104560683471</v>
      </c>
      <c r="S5122" s="124">
        <f t="shared" si="79"/>
        <v>0.88300363654311509</v>
      </c>
    </row>
    <row r="5123" spans="8:19" x14ac:dyDescent="0.3">
      <c r="H5123" s="44">
        <v>5116</v>
      </c>
      <c r="I5123" s="56">
        <f>Bühler!I5149</f>
        <v>0.20377006997148808</v>
      </c>
      <c r="J5123" s="59">
        <f>Bühler!J5149</f>
        <v>0.67923356657162703</v>
      </c>
      <c r="K5123" s="59">
        <f>Bühler!K5149</f>
        <v>1.0188503498574404</v>
      </c>
      <c r="L5123" s="59">
        <f>Bühler!L5149</f>
        <v>4.8904816793157142</v>
      </c>
      <c r="M5123" s="58">
        <f>Bühler!M5149</f>
        <v>0</v>
      </c>
      <c r="N5123" s="56">
        <f>IF(Input!$D$19=1,J5123*Input!$C$19,0)+IF(Input!$D$20=1,K5123*Input!$C$20,0)+IF(Input!$D$21=1,L5123*Input!$C$21,0)+IF(Input!$D$22=1,M5123*Input!$C$22,0)</f>
        <v>0.20377006997148811</v>
      </c>
      <c r="O5123" s="59">
        <f>IF(Input!$D$19=2,J5123*Input!$C$19,0)+IF(Input!$D$20=2,K5123*Input!$C$20,0)+IF(Input!$D$21=2,L5123*Input!$C$21,0)+IF(Input!$D$22=2,M5123*Input!$C$22,0)</f>
        <v>0.50942517492872019</v>
      </c>
      <c r="P5123" s="59">
        <f>IF(Input!$D$19=3,J5123*Input!$C$19,0)+IF(Input!$D$20=3,K5123*Input!$C$20,0)+IF(Input!$D$21=3,L5123*Input!$C$21,0)+IF(Input!$D$22=3,M5123*Input!$C$22,0)</f>
        <v>0</v>
      </c>
      <c r="Q5123" s="75">
        <f>IF(Input!$D$19=4,J5123*Input!$C$19,0)+IF(Input!$D$20=4,K5123*Input!$C$20,0)+IF(Input!$D$21=4,L5123*Input!$C$21,0)+IF(Input!$D$22=4,M5123*Input!$C$22,0)</f>
        <v>0</v>
      </c>
      <c r="R5123" s="58">
        <v>58.161361674550115</v>
      </c>
      <c r="S5123" s="124">
        <f t="shared" si="79"/>
        <v>0.88300363654311509</v>
      </c>
    </row>
    <row r="5124" spans="8:19" x14ac:dyDescent="0.3">
      <c r="H5124" s="44">
        <v>5117</v>
      </c>
      <c r="I5124" s="56">
        <f>Bühler!I5150</f>
        <v>0.20377006997148808</v>
      </c>
      <c r="J5124" s="59">
        <f>Bühler!J5150</f>
        <v>0.67923356657162703</v>
      </c>
      <c r="K5124" s="59">
        <f>Bühler!K5150</f>
        <v>1.0188503498574404</v>
      </c>
      <c r="L5124" s="59">
        <f>Bühler!L5150</f>
        <v>4.8904816793157142</v>
      </c>
      <c r="M5124" s="58">
        <f>Bühler!M5150</f>
        <v>0</v>
      </c>
      <c r="N5124" s="56">
        <f>IF(Input!$D$19=1,J5124*Input!$C$19,0)+IF(Input!$D$20=1,K5124*Input!$C$20,0)+IF(Input!$D$21=1,L5124*Input!$C$21,0)+IF(Input!$D$22=1,M5124*Input!$C$22,0)</f>
        <v>0.20377006997148811</v>
      </c>
      <c r="O5124" s="59">
        <f>IF(Input!$D$19=2,J5124*Input!$C$19,0)+IF(Input!$D$20=2,K5124*Input!$C$20,0)+IF(Input!$D$21=2,L5124*Input!$C$21,0)+IF(Input!$D$22=2,M5124*Input!$C$22,0)</f>
        <v>0.50942517492872019</v>
      </c>
      <c r="P5124" s="59">
        <f>IF(Input!$D$19=3,J5124*Input!$C$19,0)+IF(Input!$D$20=3,K5124*Input!$C$20,0)+IF(Input!$D$21=3,L5124*Input!$C$21,0)+IF(Input!$D$22=3,M5124*Input!$C$22,0)</f>
        <v>0</v>
      </c>
      <c r="Q5124" s="75">
        <f>IF(Input!$D$19=4,J5124*Input!$C$19,0)+IF(Input!$D$20=4,K5124*Input!$C$20,0)+IF(Input!$D$21=4,L5124*Input!$C$21,0)+IF(Input!$D$22=4,M5124*Input!$C$22,0)</f>
        <v>0</v>
      </c>
      <c r="R5124" s="58">
        <v>59.512957671819528</v>
      </c>
      <c r="S5124" s="124">
        <f t="shared" si="79"/>
        <v>0.88300363654311509</v>
      </c>
    </row>
    <row r="5125" spans="8:19" x14ac:dyDescent="0.3">
      <c r="H5125" s="44">
        <v>5118</v>
      </c>
      <c r="I5125" s="56">
        <f>Bühler!I5151</f>
        <v>0.2626369790743624</v>
      </c>
      <c r="J5125" s="59">
        <f>Bühler!J5151</f>
        <v>0.87545659691454147</v>
      </c>
      <c r="K5125" s="59">
        <f>Bühler!K5151</f>
        <v>1.3131848953718122</v>
      </c>
      <c r="L5125" s="59">
        <f>Bühler!L5151</f>
        <v>6.303287497784698</v>
      </c>
      <c r="M5125" s="58">
        <f>Bühler!M5151</f>
        <v>0</v>
      </c>
      <c r="N5125" s="56">
        <f>IF(Input!$D$19=1,J5125*Input!$C$19,0)+IF(Input!$D$20=1,K5125*Input!$C$20,0)+IF(Input!$D$21=1,L5125*Input!$C$21,0)+IF(Input!$D$22=1,M5125*Input!$C$22,0)</f>
        <v>0.26263697907436245</v>
      </c>
      <c r="O5125" s="59">
        <f>IF(Input!$D$19=2,J5125*Input!$C$19,0)+IF(Input!$D$20=2,K5125*Input!$C$20,0)+IF(Input!$D$21=2,L5125*Input!$C$21,0)+IF(Input!$D$22=2,M5125*Input!$C$22,0)</f>
        <v>0.65659244768590608</v>
      </c>
      <c r="P5125" s="59">
        <f>IF(Input!$D$19=3,J5125*Input!$C$19,0)+IF(Input!$D$20=3,K5125*Input!$C$20,0)+IF(Input!$D$21=3,L5125*Input!$C$21,0)+IF(Input!$D$22=3,M5125*Input!$C$22,0)</f>
        <v>0</v>
      </c>
      <c r="Q5125" s="75">
        <f>IF(Input!$D$19=4,J5125*Input!$C$19,0)+IF(Input!$D$20=4,K5125*Input!$C$20,0)+IF(Input!$D$21=4,L5125*Input!$C$21,0)+IF(Input!$D$22=4,M5125*Input!$C$22,0)</f>
        <v>0</v>
      </c>
      <c r="R5125" s="58">
        <v>62.045254588983809</v>
      </c>
      <c r="S5125" s="124">
        <f t="shared" si="79"/>
        <v>1.1380935759889039</v>
      </c>
    </row>
    <row r="5126" spans="8:19" x14ac:dyDescent="0.3">
      <c r="H5126" s="44">
        <v>5119</v>
      </c>
      <c r="I5126" s="56">
        <f>Bühler!I5152</f>
        <v>0.30339099306866008</v>
      </c>
      <c r="J5126" s="59">
        <f>Bühler!J5152</f>
        <v>1.0113033102288671</v>
      </c>
      <c r="K5126" s="59">
        <f>Bühler!K5152</f>
        <v>1.5169549653433003</v>
      </c>
      <c r="L5126" s="59">
        <f>Bühler!L5152</f>
        <v>7.2813838336478423</v>
      </c>
      <c r="M5126" s="58">
        <f>Bühler!M5152</f>
        <v>0</v>
      </c>
      <c r="N5126" s="56">
        <f>IF(Input!$D$19=1,J5126*Input!$C$19,0)+IF(Input!$D$20=1,K5126*Input!$C$20,0)+IF(Input!$D$21=1,L5126*Input!$C$21,0)+IF(Input!$D$22=1,M5126*Input!$C$22,0)</f>
        <v>0.30339099306866013</v>
      </c>
      <c r="O5126" s="59">
        <f>IF(Input!$D$19=2,J5126*Input!$C$19,0)+IF(Input!$D$20=2,K5126*Input!$C$20,0)+IF(Input!$D$21=2,L5126*Input!$C$21,0)+IF(Input!$D$22=2,M5126*Input!$C$22,0)</f>
        <v>0.75847748267165016</v>
      </c>
      <c r="P5126" s="59">
        <f>IF(Input!$D$19=3,J5126*Input!$C$19,0)+IF(Input!$D$20=3,K5126*Input!$C$20,0)+IF(Input!$D$21=3,L5126*Input!$C$21,0)+IF(Input!$D$22=3,M5126*Input!$C$22,0)</f>
        <v>0</v>
      </c>
      <c r="Q5126" s="75">
        <f>IF(Input!$D$19=4,J5126*Input!$C$19,0)+IF(Input!$D$20=4,K5126*Input!$C$20,0)+IF(Input!$D$21=4,L5126*Input!$C$21,0)+IF(Input!$D$22=4,M5126*Input!$C$22,0)</f>
        <v>0</v>
      </c>
      <c r="R5126" s="58">
        <v>65.180841867151074</v>
      </c>
      <c r="S5126" s="124">
        <f t="shared" si="79"/>
        <v>1.3146943032975271</v>
      </c>
    </row>
    <row r="5127" spans="8:19" x14ac:dyDescent="0.3">
      <c r="H5127" s="44">
        <v>5120</v>
      </c>
      <c r="I5127" s="56">
        <f>Bühler!I5153</f>
        <v>0.30339099306866008</v>
      </c>
      <c r="J5127" s="59">
        <f>Bühler!J5153</f>
        <v>1.0113033102288671</v>
      </c>
      <c r="K5127" s="59">
        <f>Bühler!K5153</f>
        <v>1.5169549653433003</v>
      </c>
      <c r="L5127" s="59">
        <f>Bühler!L5153</f>
        <v>7.2813838336478423</v>
      </c>
      <c r="M5127" s="58">
        <f>Bühler!M5153</f>
        <v>0</v>
      </c>
      <c r="N5127" s="56">
        <f>IF(Input!$D$19=1,J5127*Input!$C$19,0)+IF(Input!$D$20=1,K5127*Input!$C$20,0)+IF(Input!$D$21=1,L5127*Input!$C$21,0)+IF(Input!$D$22=1,M5127*Input!$C$22,0)</f>
        <v>0.30339099306866013</v>
      </c>
      <c r="O5127" s="59">
        <f>IF(Input!$D$19=2,J5127*Input!$C$19,0)+IF(Input!$D$20=2,K5127*Input!$C$20,0)+IF(Input!$D$21=2,L5127*Input!$C$21,0)+IF(Input!$D$22=2,M5127*Input!$C$22,0)</f>
        <v>0.75847748267165016</v>
      </c>
      <c r="P5127" s="59">
        <f>IF(Input!$D$19=3,J5127*Input!$C$19,0)+IF(Input!$D$20=3,K5127*Input!$C$20,0)+IF(Input!$D$21=3,L5127*Input!$C$21,0)+IF(Input!$D$22=3,M5127*Input!$C$22,0)</f>
        <v>0</v>
      </c>
      <c r="Q5127" s="75">
        <f>IF(Input!$D$19=4,J5127*Input!$C$19,0)+IF(Input!$D$20=4,K5127*Input!$C$20,0)+IF(Input!$D$21=4,L5127*Input!$C$21,0)+IF(Input!$D$22=4,M5127*Input!$C$22,0)</f>
        <v>0</v>
      </c>
      <c r="R5127" s="58">
        <v>66.427130078904341</v>
      </c>
      <c r="S5127" s="124">
        <f t="shared" si="79"/>
        <v>1.3146943032975271</v>
      </c>
    </row>
    <row r="5128" spans="8:19" x14ac:dyDescent="0.3">
      <c r="H5128" s="44">
        <v>5121</v>
      </c>
      <c r="I5128" s="56">
        <f>Bühler!I5154</f>
        <v>0.30339099306866008</v>
      </c>
      <c r="J5128" s="59">
        <f>Bühler!J5154</f>
        <v>1.0113033102288671</v>
      </c>
      <c r="K5128" s="59">
        <f>Bühler!K5154</f>
        <v>1.5169549653433003</v>
      </c>
      <c r="L5128" s="59">
        <f>Bühler!L5154</f>
        <v>7.2813838336478423</v>
      </c>
      <c r="M5128" s="58">
        <f>Bühler!M5154</f>
        <v>0</v>
      </c>
      <c r="N5128" s="56">
        <f>IF(Input!$D$19=1,J5128*Input!$C$19,0)+IF(Input!$D$20=1,K5128*Input!$C$20,0)+IF(Input!$D$21=1,L5128*Input!$C$21,0)+IF(Input!$D$22=1,M5128*Input!$C$22,0)</f>
        <v>0.30339099306866013</v>
      </c>
      <c r="O5128" s="59">
        <f>IF(Input!$D$19=2,J5128*Input!$C$19,0)+IF(Input!$D$20=2,K5128*Input!$C$20,0)+IF(Input!$D$21=2,L5128*Input!$C$21,0)+IF(Input!$D$22=2,M5128*Input!$C$22,0)</f>
        <v>0.75847748267165016</v>
      </c>
      <c r="P5128" s="59">
        <f>IF(Input!$D$19=3,J5128*Input!$C$19,0)+IF(Input!$D$20=3,K5128*Input!$C$20,0)+IF(Input!$D$21=3,L5128*Input!$C$21,0)+IF(Input!$D$22=3,M5128*Input!$C$22,0)</f>
        <v>0</v>
      </c>
      <c r="Q5128" s="75">
        <f>IF(Input!$D$19=4,J5128*Input!$C$19,0)+IF(Input!$D$20=4,K5128*Input!$C$20,0)+IF(Input!$D$21=4,L5128*Input!$C$21,0)+IF(Input!$D$22=4,M5128*Input!$C$22,0)</f>
        <v>0</v>
      </c>
      <c r="R5128" s="58">
        <v>67.713163870290515</v>
      </c>
      <c r="S5128" s="124">
        <f t="shared" si="79"/>
        <v>1.3146943032975271</v>
      </c>
    </row>
    <row r="5129" spans="8:19" x14ac:dyDescent="0.3">
      <c r="H5129" s="44">
        <v>5122</v>
      </c>
      <c r="I5129" s="56">
        <f>Bühler!I5155</f>
        <v>0.32603211195438098</v>
      </c>
      <c r="J5129" s="59">
        <f>Bühler!J5155</f>
        <v>1.0867737065146033</v>
      </c>
      <c r="K5129" s="59">
        <f>Bühler!K5155</f>
        <v>1.6301605597719049</v>
      </c>
      <c r="L5129" s="59">
        <f>Bühler!L5155</f>
        <v>7.8247706869051434</v>
      </c>
      <c r="M5129" s="58">
        <f>Bühler!M5155</f>
        <v>0</v>
      </c>
      <c r="N5129" s="56">
        <f>IF(Input!$D$19=1,J5129*Input!$C$19,0)+IF(Input!$D$20=1,K5129*Input!$C$20,0)+IF(Input!$D$21=1,L5129*Input!$C$21,0)+IF(Input!$D$22=1,M5129*Input!$C$22,0)</f>
        <v>0.32603211195438098</v>
      </c>
      <c r="O5129" s="59">
        <f>IF(Input!$D$19=2,J5129*Input!$C$19,0)+IF(Input!$D$20=2,K5129*Input!$C$20,0)+IF(Input!$D$21=2,L5129*Input!$C$21,0)+IF(Input!$D$22=2,M5129*Input!$C$22,0)</f>
        <v>0.81508027988595244</v>
      </c>
      <c r="P5129" s="59">
        <f>IF(Input!$D$19=3,J5129*Input!$C$19,0)+IF(Input!$D$20=3,K5129*Input!$C$20,0)+IF(Input!$D$21=3,L5129*Input!$C$21,0)+IF(Input!$D$22=3,M5129*Input!$C$22,0)</f>
        <v>0</v>
      </c>
      <c r="Q5129" s="75">
        <f>IF(Input!$D$19=4,J5129*Input!$C$19,0)+IF(Input!$D$20=4,K5129*Input!$C$20,0)+IF(Input!$D$21=4,L5129*Input!$C$21,0)+IF(Input!$D$22=4,M5129*Input!$C$22,0)</f>
        <v>0</v>
      </c>
      <c r="R5129" s="58">
        <v>68.747293027251402</v>
      </c>
      <c r="S5129" s="124">
        <f t="shared" ref="S5129:S5192" si="80">I5129+J5129</f>
        <v>1.4128058184689842</v>
      </c>
    </row>
    <row r="5130" spans="8:19" x14ac:dyDescent="0.3">
      <c r="H5130" s="44">
        <v>5123</v>
      </c>
      <c r="I5130" s="56">
        <f>Bühler!I5156</f>
        <v>0.35320145461724606</v>
      </c>
      <c r="J5130" s="59">
        <f>Bühler!J5156</f>
        <v>1.1773381820574869</v>
      </c>
      <c r="K5130" s="59">
        <f>Bühler!K5156</f>
        <v>1.7660072730862304</v>
      </c>
      <c r="L5130" s="59">
        <f>Bühler!L5156</f>
        <v>8.4768349108139063</v>
      </c>
      <c r="M5130" s="58">
        <f>Bühler!M5156</f>
        <v>0</v>
      </c>
      <c r="N5130" s="56">
        <f>IF(Input!$D$19=1,J5130*Input!$C$19,0)+IF(Input!$D$20=1,K5130*Input!$C$20,0)+IF(Input!$D$21=1,L5130*Input!$C$21,0)+IF(Input!$D$22=1,M5130*Input!$C$22,0)</f>
        <v>0.35320145461724606</v>
      </c>
      <c r="O5130" s="59">
        <f>IF(Input!$D$19=2,J5130*Input!$C$19,0)+IF(Input!$D$20=2,K5130*Input!$C$20,0)+IF(Input!$D$21=2,L5130*Input!$C$21,0)+IF(Input!$D$22=2,M5130*Input!$C$22,0)</f>
        <v>0.8830036365431152</v>
      </c>
      <c r="P5130" s="59">
        <f>IF(Input!$D$19=3,J5130*Input!$C$19,0)+IF(Input!$D$20=3,K5130*Input!$C$20,0)+IF(Input!$D$21=3,L5130*Input!$C$21,0)+IF(Input!$D$22=3,M5130*Input!$C$22,0)</f>
        <v>0</v>
      </c>
      <c r="Q5130" s="75">
        <f>IF(Input!$D$19=4,J5130*Input!$C$19,0)+IF(Input!$D$20=4,K5130*Input!$C$20,0)+IF(Input!$D$21=4,L5130*Input!$C$21,0)+IF(Input!$D$22=4,M5130*Input!$C$22,0)</f>
        <v>0</v>
      </c>
      <c r="R5130" s="58">
        <v>69.5918446651756</v>
      </c>
      <c r="S5130" s="124">
        <f t="shared" si="80"/>
        <v>1.530539636674733</v>
      </c>
    </row>
    <row r="5131" spans="8:19" x14ac:dyDescent="0.3">
      <c r="H5131" s="44">
        <v>5124</v>
      </c>
      <c r="I5131" s="56">
        <f>Bühler!I5157</f>
        <v>0.40754013994297617</v>
      </c>
      <c r="J5131" s="59">
        <f>Bühler!J5157</f>
        <v>1.3584671331432541</v>
      </c>
      <c r="K5131" s="59">
        <f>Bühler!K5157</f>
        <v>2.0377006997148808</v>
      </c>
      <c r="L5131" s="59">
        <f>Bühler!L5157</f>
        <v>9.7809633586314284</v>
      </c>
      <c r="M5131" s="58">
        <f>Bühler!M5157</f>
        <v>0</v>
      </c>
      <c r="N5131" s="56">
        <f>IF(Input!$D$19=1,J5131*Input!$C$19,0)+IF(Input!$D$20=1,K5131*Input!$C$20,0)+IF(Input!$D$21=1,L5131*Input!$C$21,0)+IF(Input!$D$22=1,M5131*Input!$C$22,0)</f>
        <v>0.40754013994297622</v>
      </c>
      <c r="O5131" s="59">
        <f>IF(Input!$D$19=2,J5131*Input!$C$19,0)+IF(Input!$D$20=2,K5131*Input!$C$20,0)+IF(Input!$D$21=2,L5131*Input!$C$21,0)+IF(Input!$D$22=2,M5131*Input!$C$22,0)</f>
        <v>1.0188503498574404</v>
      </c>
      <c r="P5131" s="59">
        <f>IF(Input!$D$19=3,J5131*Input!$C$19,0)+IF(Input!$D$20=3,K5131*Input!$C$20,0)+IF(Input!$D$21=3,L5131*Input!$C$21,0)+IF(Input!$D$22=3,M5131*Input!$C$22,0)</f>
        <v>0</v>
      </c>
      <c r="Q5131" s="75">
        <f>IF(Input!$D$19=4,J5131*Input!$C$19,0)+IF(Input!$D$20=4,K5131*Input!$C$20,0)+IF(Input!$D$21=4,L5131*Input!$C$21,0)+IF(Input!$D$22=4,M5131*Input!$C$22,0)</f>
        <v>0</v>
      </c>
      <c r="R5131" s="58">
        <v>69.268629292262503</v>
      </c>
      <c r="S5131" s="124">
        <f t="shared" si="80"/>
        <v>1.7660072730862302</v>
      </c>
    </row>
    <row r="5132" spans="8:19" x14ac:dyDescent="0.3">
      <c r="H5132" s="44">
        <v>5125</v>
      </c>
      <c r="I5132" s="56">
        <f>Bühler!I5158</f>
        <v>0.40754013994297617</v>
      </c>
      <c r="J5132" s="59">
        <f>Bühler!J5158</f>
        <v>1.3584671331432541</v>
      </c>
      <c r="K5132" s="59">
        <f>Bühler!K5158</f>
        <v>2.0377006997148808</v>
      </c>
      <c r="L5132" s="59">
        <f>Bühler!L5158</f>
        <v>9.7809633586314284</v>
      </c>
      <c r="M5132" s="58">
        <f>Bühler!M5158</f>
        <v>0</v>
      </c>
      <c r="N5132" s="56">
        <f>IF(Input!$D$19=1,J5132*Input!$C$19,0)+IF(Input!$D$20=1,K5132*Input!$C$20,0)+IF(Input!$D$21=1,L5132*Input!$C$21,0)+IF(Input!$D$22=1,M5132*Input!$C$22,0)</f>
        <v>0.40754013994297622</v>
      </c>
      <c r="O5132" s="59">
        <f>IF(Input!$D$19=2,J5132*Input!$C$19,0)+IF(Input!$D$20=2,K5132*Input!$C$20,0)+IF(Input!$D$21=2,L5132*Input!$C$21,0)+IF(Input!$D$22=2,M5132*Input!$C$22,0)</f>
        <v>1.0188503498574404</v>
      </c>
      <c r="P5132" s="59">
        <f>IF(Input!$D$19=3,J5132*Input!$C$19,0)+IF(Input!$D$20=3,K5132*Input!$C$20,0)+IF(Input!$D$21=3,L5132*Input!$C$21,0)+IF(Input!$D$22=3,M5132*Input!$C$22,0)</f>
        <v>0</v>
      </c>
      <c r="Q5132" s="75">
        <f>IF(Input!$D$19=4,J5132*Input!$C$19,0)+IF(Input!$D$20=4,K5132*Input!$C$20,0)+IF(Input!$D$21=4,L5132*Input!$C$21,0)+IF(Input!$D$22=4,M5132*Input!$C$22,0)</f>
        <v>0</v>
      </c>
      <c r="R5132" s="58">
        <v>67.530316080882059</v>
      </c>
      <c r="S5132" s="124">
        <f t="shared" si="80"/>
        <v>1.7660072730862302</v>
      </c>
    </row>
    <row r="5133" spans="8:19" x14ac:dyDescent="0.3">
      <c r="H5133" s="44">
        <v>5126</v>
      </c>
      <c r="I5133" s="56">
        <f>Bühler!I5159</f>
        <v>0.40754013994297617</v>
      </c>
      <c r="J5133" s="59">
        <f>Bühler!J5159</f>
        <v>1.3584671331432541</v>
      </c>
      <c r="K5133" s="59">
        <f>Bühler!K5159</f>
        <v>2.0377006997148808</v>
      </c>
      <c r="L5133" s="59">
        <f>Bühler!L5159</f>
        <v>9.7809633586314284</v>
      </c>
      <c r="M5133" s="58">
        <f>Bühler!M5159</f>
        <v>0</v>
      </c>
      <c r="N5133" s="56">
        <f>IF(Input!$D$19=1,J5133*Input!$C$19,0)+IF(Input!$D$20=1,K5133*Input!$C$20,0)+IF(Input!$D$21=1,L5133*Input!$C$21,0)+IF(Input!$D$22=1,M5133*Input!$C$22,0)</f>
        <v>0.40754013994297622</v>
      </c>
      <c r="O5133" s="59">
        <f>IF(Input!$D$19=2,J5133*Input!$C$19,0)+IF(Input!$D$20=2,K5133*Input!$C$20,0)+IF(Input!$D$21=2,L5133*Input!$C$21,0)+IF(Input!$D$22=2,M5133*Input!$C$22,0)</f>
        <v>1.0188503498574404</v>
      </c>
      <c r="P5133" s="59">
        <f>IF(Input!$D$19=3,J5133*Input!$C$19,0)+IF(Input!$D$20=3,K5133*Input!$C$20,0)+IF(Input!$D$21=3,L5133*Input!$C$21,0)+IF(Input!$D$22=3,M5133*Input!$C$22,0)</f>
        <v>0</v>
      </c>
      <c r="Q5133" s="75">
        <f>IF(Input!$D$19=4,J5133*Input!$C$19,0)+IF(Input!$D$20=4,K5133*Input!$C$20,0)+IF(Input!$D$21=4,L5133*Input!$C$21,0)+IF(Input!$D$22=4,M5133*Input!$C$22,0)</f>
        <v>0</v>
      </c>
      <c r="R5133" s="58">
        <v>67.773385646684986</v>
      </c>
      <c r="S5133" s="124">
        <f t="shared" si="80"/>
        <v>1.7660072730862302</v>
      </c>
    </row>
    <row r="5134" spans="8:19" x14ac:dyDescent="0.3">
      <c r="H5134" s="44">
        <v>5127</v>
      </c>
      <c r="I5134" s="56">
        <f>Bühler!I5160</f>
        <v>0.40754013994297617</v>
      </c>
      <c r="J5134" s="59">
        <f>Bühler!J5160</f>
        <v>1.3584671331432541</v>
      </c>
      <c r="K5134" s="59">
        <f>Bühler!K5160</f>
        <v>2.0377006997148808</v>
      </c>
      <c r="L5134" s="59">
        <f>Bühler!L5160</f>
        <v>9.7809633586314284</v>
      </c>
      <c r="M5134" s="58">
        <f>Bühler!M5160</f>
        <v>0</v>
      </c>
      <c r="N5134" s="56">
        <f>IF(Input!$D$19=1,J5134*Input!$C$19,0)+IF(Input!$D$20=1,K5134*Input!$C$20,0)+IF(Input!$D$21=1,L5134*Input!$C$21,0)+IF(Input!$D$22=1,M5134*Input!$C$22,0)</f>
        <v>0.40754013994297622</v>
      </c>
      <c r="O5134" s="59">
        <f>IF(Input!$D$19=2,J5134*Input!$C$19,0)+IF(Input!$D$20=2,K5134*Input!$C$20,0)+IF(Input!$D$21=2,L5134*Input!$C$21,0)+IF(Input!$D$22=2,M5134*Input!$C$22,0)</f>
        <v>1.0188503498574404</v>
      </c>
      <c r="P5134" s="59">
        <f>IF(Input!$D$19=3,J5134*Input!$C$19,0)+IF(Input!$D$20=3,K5134*Input!$C$20,0)+IF(Input!$D$21=3,L5134*Input!$C$21,0)+IF(Input!$D$22=3,M5134*Input!$C$22,0)</f>
        <v>0</v>
      </c>
      <c r="Q5134" s="75">
        <f>IF(Input!$D$19=4,J5134*Input!$C$19,0)+IF(Input!$D$20=4,K5134*Input!$C$20,0)+IF(Input!$D$21=4,L5134*Input!$C$21,0)+IF(Input!$D$22=4,M5134*Input!$C$22,0)</f>
        <v>0</v>
      </c>
      <c r="R5134" s="58">
        <v>68.132686871236643</v>
      </c>
      <c r="S5134" s="124">
        <f t="shared" si="80"/>
        <v>1.7660072730862302</v>
      </c>
    </row>
    <row r="5135" spans="8:19" x14ac:dyDescent="0.3">
      <c r="H5135" s="44">
        <v>5128</v>
      </c>
      <c r="I5135" s="56">
        <f>Bühler!I5161</f>
        <v>0.40754013994297617</v>
      </c>
      <c r="J5135" s="59">
        <f>Bühler!J5161</f>
        <v>1.3584671331432541</v>
      </c>
      <c r="K5135" s="59">
        <f>Bühler!K5161</f>
        <v>2.0377006997148808</v>
      </c>
      <c r="L5135" s="59">
        <f>Bühler!L5161</f>
        <v>9.7809633586314284</v>
      </c>
      <c r="M5135" s="58">
        <f>Bühler!M5161</f>
        <v>0</v>
      </c>
      <c r="N5135" s="56">
        <f>IF(Input!$D$19=1,J5135*Input!$C$19,0)+IF(Input!$D$20=1,K5135*Input!$C$20,0)+IF(Input!$D$21=1,L5135*Input!$C$21,0)+IF(Input!$D$22=1,M5135*Input!$C$22,0)</f>
        <v>0.40754013994297622</v>
      </c>
      <c r="O5135" s="59">
        <f>IF(Input!$D$19=2,J5135*Input!$C$19,0)+IF(Input!$D$20=2,K5135*Input!$C$20,0)+IF(Input!$D$21=2,L5135*Input!$C$21,0)+IF(Input!$D$22=2,M5135*Input!$C$22,0)</f>
        <v>1.0188503498574404</v>
      </c>
      <c r="P5135" s="59">
        <f>IF(Input!$D$19=3,J5135*Input!$C$19,0)+IF(Input!$D$20=3,K5135*Input!$C$20,0)+IF(Input!$D$21=3,L5135*Input!$C$21,0)+IF(Input!$D$22=3,M5135*Input!$C$22,0)</f>
        <v>0</v>
      </c>
      <c r="Q5135" s="75">
        <f>IF(Input!$D$19=4,J5135*Input!$C$19,0)+IF(Input!$D$20=4,K5135*Input!$C$20,0)+IF(Input!$D$21=4,L5135*Input!$C$21,0)+IF(Input!$D$22=4,M5135*Input!$C$22,0)</f>
        <v>0</v>
      </c>
      <c r="R5135" s="58">
        <v>67.039076258547695</v>
      </c>
      <c r="S5135" s="124">
        <f t="shared" si="80"/>
        <v>1.7660072730862302</v>
      </c>
    </row>
    <row r="5136" spans="8:19" x14ac:dyDescent="0.3">
      <c r="H5136" s="44">
        <v>5129</v>
      </c>
      <c r="I5136" s="56">
        <f>Bühler!I5162</f>
        <v>0.40754013994297617</v>
      </c>
      <c r="J5136" s="59">
        <f>Bühler!J5162</f>
        <v>1.3584671331432541</v>
      </c>
      <c r="K5136" s="59">
        <f>Bühler!K5162</f>
        <v>2.0377006997148808</v>
      </c>
      <c r="L5136" s="59">
        <f>Bühler!L5162</f>
        <v>9.7809633586314284</v>
      </c>
      <c r="M5136" s="58">
        <f>Bühler!M5162</f>
        <v>0</v>
      </c>
      <c r="N5136" s="56">
        <f>IF(Input!$D$19=1,J5136*Input!$C$19,0)+IF(Input!$D$20=1,K5136*Input!$C$20,0)+IF(Input!$D$21=1,L5136*Input!$C$21,0)+IF(Input!$D$22=1,M5136*Input!$C$22,0)</f>
        <v>0.40754013994297622</v>
      </c>
      <c r="O5136" s="59">
        <f>IF(Input!$D$19=2,J5136*Input!$C$19,0)+IF(Input!$D$20=2,K5136*Input!$C$20,0)+IF(Input!$D$21=2,L5136*Input!$C$21,0)+IF(Input!$D$22=2,M5136*Input!$C$22,0)</f>
        <v>1.0188503498574404</v>
      </c>
      <c r="P5136" s="59">
        <f>IF(Input!$D$19=3,J5136*Input!$C$19,0)+IF(Input!$D$20=3,K5136*Input!$C$20,0)+IF(Input!$D$21=3,L5136*Input!$C$21,0)+IF(Input!$D$22=3,M5136*Input!$C$22,0)</f>
        <v>0</v>
      </c>
      <c r="Q5136" s="75">
        <f>IF(Input!$D$19=4,J5136*Input!$C$19,0)+IF(Input!$D$20=4,K5136*Input!$C$20,0)+IF(Input!$D$21=4,L5136*Input!$C$21,0)+IF(Input!$D$22=4,M5136*Input!$C$22,0)</f>
        <v>0</v>
      </c>
      <c r="R5136" s="58">
        <v>66.369445339950616</v>
      </c>
      <c r="S5136" s="124">
        <f t="shared" si="80"/>
        <v>1.7660072730862302</v>
      </c>
    </row>
    <row r="5137" spans="8:19" x14ac:dyDescent="0.3">
      <c r="H5137" s="44">
        <v>5130</v>
      </c>
      <c r="I5137" s="56">
        <f>Bühler!I5163</f>
        <v>0.40754013994297617</v>
      </c>
      <c r="J5137" s="59">
        <f>Bühler!J5163</f>
        <v>1.3584671331432541</v>
      </c>
      <c r="K5137" s="59">
        <f>Bühler!K5163</f>
        <v>2.0377006997148808</v>
      </c>
      <c r="L5137" s="59">
        <f>Bühler!L5163</f>
        <v>9.7809633586314284</v>
      </c>
      <c r="M5137" s="58">
        <f>Bühler!M5163</f>
        <v>0</v>
      </c>
      <c r="N5137" s="56">
        <f>IF(Input!$D$19=1,J5137*Input!$C$19,0)+IF(Input!$D$20=1,K5137*Input!$C$20,0)+IF(Input!$D$21=1,L5137*Input!$C$21,0)+IF(Input!$D$22=1,M5137*Input!$C$22,0)</f>
        <v>0.40754013994297622</v>
      </c>
      <c r="O5137" s="59">
        <f>IF(Input!$D$19=2,J5137*Input!$C$19,0)+IF(Input!$D$20=2,K5137*Input!$C$20,0)+IF(Input!$D$21=2,L5137*Input!$C$21,0)+IF(Input!$D$22=2,M5137*Input!$C$22,0)</f>
        <v>1.0188503498574404</v>
      </c>
      <c r="P5137" s="59">
        <f>IF(Input!$D$19=3,J5137*Input!$C$19,0)+IF(Input!$D$20=3,K5137*Input!$C$20,0)+IF(Input!$D$21=3,L5137*Input!$C$21,0)+IF(Input!$D$22=3,M5137*Input!$C$22,0)</f>
        <v>0</v>
      </c>
      <c r="Q5137" s="75">
        <f>IF(Input!$D$19=4,J5137*Input!$C$19,0)+IF(Input!$D$20=4,K5137*Input!$C$20,0)+IF(Input!$D$21=4,L5137*Input!$C$21,0)+IF(Input!$D$22=4,M5137*Input!$C$22,0)</f>
        <v>0</v>
      </c>
      <c r="R5137" s="58">
        <v>64.328482744126418</v>
      </c>
      <c r="S5137" s="124">
        <f t="shared" si="80"/>
        <v>1.7660072730862302</v>
      </c>
    </row>
    <row r="5138" spans="8:19" x14ac:dyDescent="0.3">
      <c r="H5138" s="44">
        <v>5131</v>
      </c>
      <c r="I5138" s="56">
        <f>Bühler!I5164</f>
        <v>0.40754013994297617</v>
      </c>
      <c r="J5138" s="59">
        <f>Bühler!J5164</f>
        <v>1.3584671331432541</v>
      </c>
      <c r="K5138" s="59">
        <f>Bühler!K5164</f>
        <v>2.0377006997148808</v>
      </c>
      <c r="L5138" s="59">
        <f>Bühler!L5164</f>
        <v>9.7809633586314284</v>
      </c>
      <c r="M5138" s="58">
        <f>Bühler!M5164</f>
        <v>0</v>
      </c>
      <c r="N5138" s="56">
        <f>IF(Input!$D$19=1,J5138*Input!$C$19,0)+IF(Input!$D$20=1,K5138*Input!$C$20,0)+IF(Input!$D$21=1,L5138*Input!$C$21,0)+IF(Input!$D$22=1,M5138*Input!$C$22,0)</f>
        <v>0.40754013994297622</v>
      </c>
      <c r="O5138" s="59">
        <f>IF(Input!$D$19=2,J5138*Input!$C$19,0)+IF(Input!$D$20=2,K5138*Input!$C$20,0)+IF(Input!$D$21=2,L5138*Input!$C$21,0)+IF(Input!$D$22=2,M5138*Input!$C$22,0)</f>
        <v>1.0188503498574404</v>
      </c>
      <c r="P5138" s="59">
        <f>IF(Input!$D$19=3,J5138*Input!$C$19,0)+IF(Input!$D$20=3,K5138*Input!$C$20,0)+IF(Input!$D$21=3,L5138*Input!$C$21,0)+IF(Input!$D$22=3,M5138*Input!$C$22,0)</f>
        <v>0</v>
      </c>
      <c r="Q5138" s="75">
        <f>IF(Input!$D$19=4,J5138*Input!$C$19,0)+IF(Input!$D$20=4,K5138*Input!$C$20,0)+IF(Input!$D$21=4,L5138*Input!$C$21,0)+IF(Input!$D$22=4,M5138*Input!$C$22,0)</f>
        <v>0</v>
      </c>
      <c r="R5138" s="58">
        <v>63.746527112570377</v>
      </c>
      <c r="S5138" s="124">
        <f t="shared" si="80"/>
        <v>1.7660072730862302</v>
      </c>
    </row>
    <row r="5139" spans="8:19" x14ac:dyDescent="0.3">
      <c r="H5139" s="44">
        <v>5132</v>
      </c>
      <c r="I5139" s="56">
        <f>Bühler!I5165</f>
        <v>0.33961678328581346</v>
      </c>
      <c r="J5139" s="59">
        <f>Bühler!J5165</f>
        <v>1.1320559442860449</v>
      </c>
      <c r="K5139" s="59">
        <f>Bühler!K5165</f>
        <v>1.6980839164290675</v>
      </c>
      <c r="L5139" s="59">
        <f>Bühler!L5165</f>
        <v>8.1508027988595231</v>
      </c>
      <c r="M5139" s="58">
        <f>Bühler!M5165</f>
        <v>0</v>
      </c>
      <c r="N5139" s="56">
        <f>IF(Input!$D$19=1,J5139*Input!$C$19,0)+IF(Input!$D$20=1,K5139*Input!$C$20,0)+IF(Input!$D$21=1,L5139*Input!$C$21,0)+IF(Input!$D$22=1,M5139*Input!$C$22,0)</f>
        <v>0.33961678328581346</v>
      </c>
      <c r="O5139" s="59">
        <f>IF(Input!$D$19=2,J5139*Input!$C$19,0)+IF(Input!$D$20=2,K5139*Input!$C$20,0)+IF(Input!$D$21=2,L5139*Input!$C$21,0)+IF(Input!$D$22=2,M5139*Input!$C$22,0)</f>
        <v>0.84904195821453377</v>
      </c>
      <c r="P5139" s="59">
        <f>IF(Input!$D$19=3,J5139*Input!$C$19,0)+IF(Input!$D$20=3,K5139*Input!$C$20,0)+IF(Input!$D$21=3,L5139*Input!$C$21,0)+IF(Input!$D$22=3,M5139*Input!$C$22,0)</f>
        <v>0</v>
      </c>
      <c r="Q5139" s="75">
        <f>IF(Input!$D$19=4,J5139*Input!$C$19,0)+IF(Input!$D$20=4,K5139*Input!$C$20,0)+IF(Input!$D$21=4,L5139*Input!$C$21,0)+IF(Input!$D$22=4,M5139*Input!$C$22,0)</f>
        <v>0</v>
      </c>
      <c r="R5139" s="58">
        <v>62.913407677212739</v>
      </c>
      <c r="S5139" s="124">
        <f t="shared" si="80"/>
        <v>1.4716727275718584</v>
      </c>
    </row>
    <row r="5140" spans="8:19" x14ac:dyDescent="0.3">
      <c r="H5140" s="44">
        <v>5133</v>
      </c>
      <c r="I5140" s="56">
        <f>Bühler!I5166</f>
        <v>0.27169342662865081</v>
      </c>
      <c r="J5140" s="59">
        <f>Bühler!J5166</f>
        <v>0.90564475542883616</v>
      </c>
      <c r="K5140" s="59">
        <f>Bühler!K5166</f>
        <v>1.3584671331432541</v>
      </c>
      <c r="L5140" s="59">
        <f>Bühler!L5166</f>
        <v>6.5206422390876195</v>
      </c>
      <c r="M5140" s="58">
        <f>Bühler!M5166</f>
        <v>0</v>
      </c>
      <c r="N5140" s="56">
        <f>IF(Input!$D$19=1,J5140*Input!$C$19,0)+IF(Input!$D$20=1,K5140*Input!$C$20,0)+IF(Input!$D$21=1,L5140*Input!$C$21,0)+IF(Input!$D$22=1,M5140*Input!$C$22,0)</f>
        <v>0.27169342662865081</v>
      </c>
      <c r="O5140" s="59">
        <f>IF(Input!$D$19=2,J5140*Input!$C$19,0)+IF(Input!$D$20=2,K5140*Input!$C$20,0)+IF(Input!$D$21=2,L5140*Input!$C$21,0)+IF(Input!$D$22=2,M5140*Input!$C$22,0)</f>
        <v>0.67923356657162703</v>
      </c>
      <c r="P5140" s="59">
        <f>IF(Input!$D$19=3,J5140*Input!$C$19,0)+IF(Input!$D$20=3,K5140*Input!$C$20,0)+IF(Input!$D$21=3,L5140*Input!$C$21,0)+IF(Input!$D$22=3,M5140*Input!$C$22,0)</f>
        <v>0</v>
      </c>
      <c r="Q5140" s="75">
        <f>IF(Input!$D$19=4,J5140*Input!$C$19,0)+IF(Input!$D$20=4,K5140*Input!$C$20,0)+IF(Input!$D$21=4,L5140*Input!$C$21,0)+IF(Input!$D$22=4,M5140*Input!$C$22,0)</f>
        <v>0</v>
      </c>
      <c r="R5140" s="58">
        <v>61.116484291721491</v>
      </c>
      <c r="S5140" s="124">
        <f t="shared" si="80"/>
        <v>1.1773381820574871</v>
      </c>
    </row>
    <row r="5141" spans="8:19" x14ac:dyDescent="0.3">
      <c r="H5141" s="44">
        <v>5134</v>
      </c>
      <c r="I5141" s="56">
        <f>Bühler!I5167</f>
        <v>0.20377006997148808</v>
      </c>
      <c r="J5141" s="59">
        <f>Bühler!J5167</f>
        <v>0.67923356657162703</v>
      </c>
      <c r="K5141" s="59">
        <f>Bühler!K5167</f>
        <v>1.0188503498574404</v>
      </c>
      <c r="L5141" s="59">
        <f>Bühler!L5167</f>
        <v>4.8904816793157142</v>
      </c>
      <c r="M5141" s="58">
        <f>Bühler!M5167</f>
        <v>0</v>
      </c>
      <c r="N5141" s="56">
        <f>IF(Input!$D$19=1,J5141*Input!$C$19,0)+IF(Input!$D$20=1,K5141*Input!$C$20,0)+IF(Input!$D$21=1,L5141*Input!$C$21,0)+IF(Input!$D$22=1,M5141*Input!$C$22,0)</f>
        <v>0.20377006997148811</v>
      </c>
      <c r="O5141" s="59">
        <f>IF(Input!$D$19=2,J5141*Input!$C$19,0)+IF(Input!$D$20=2,K5141*Input!$C$20,0)+IF(Input!$D$21=2,L5141*Input!$C$21,0)+IF(Input!$D$22=2,M5141*Input!$C$22,0)</f>
        <v>0.50942517492872019</v>
      </c>
      <c r="P5141" s="59">
        <f>IF(Input!$D$19=3,J5141*Input!$C$19,0)+IF(Input!$D$20=3,K5141*Input!$C$20,0)+IF(Input!$D$21=3,L5141*Input!$C$21,0)+IF(Input!$D$22=3,M5141*Input!$C$22,0)</f>
        <v>0</v>
      </c>
      <c r="Q5141" s="75">
        <f>IF(Input!$D$19=4,J5141*Input!$C$19,0)+IF(Input!$D$20=4,K5141*Input!$C$20,0)+IF(Input!$D$21=4,L5141*Input!$C$21,0)+IF(Input!$D$22=4,M5141*Input!$C$22,0)</f>
        <v>0</v>
      </c>
      <c r="R5141" s="58">
        <v>59.023560050525639</v>
      </c>
      <c r="S5141" s="124">
        <f t="shared" si="80"/>
        <v>0.88300363654311509</v>
      </c>
    </row>
    <row r="5142" spans="8:19" x14ac:dyDescent="0.3">
      <c r="H5142" s="44">
        <v>5135</v>
      </c>
      <c r="I5142" s="56">
        <f>Bühler!I5168</f>
        <v>0.20377006997148808</v>
      </c>
      <c r="J5142" s="59">
        <f>Bühler!J5168</f>
        <v>0.67923356657162703</v>
      </c>
      <c r="K5142" s="59">
        <f>Bühler!K5168</f>
        <v>1.0188503498574404</v>
      </c>
      <c r="L5142" s="59">
        <f>Bühler!L5168</f>
        <v>4.8904816793157142</v>
      </c>
      <c r="M5142" s="58">
        <f>Bühler!M5168</f>
        <v>0</v>
      </c>
      <c r="N5142" s="56">
        <f>IF(Input!$D$19=1,J5142*Input!$C$19,0)+IF(Input!$D$20=1,K5142*Input!$C$20,0)+IF(Input!$D$21=1,L5142*Input!$C$21,0)+IF(Input!$D$22=1,M5142*Input!$C$22,0)</f>
        <v>0.20377006997148811</v>
      </c>
      <c r="O5142" s="59">
        <f>IF(Input!$D$19=2,J5142*Input!$C$19,0)+IF(Input!$D$20=2,K5142*Input!$C$20,0)+IF(Input!$D$21=2,L5142*Input!$C$21,0)+IF(Input!$D$22=2,M5142*Input!$C$22,0)</f>
        <v>0.50942517492872019</v>
      </c>
      <c r="P5142" s="59">
        <f>IF(Input!$D$19=3,J5142*Input!$C$19,0)+IF(Input!$D$20=3,K5142*Input!$C$20,0)+IF(Input!$D$21=3,L5142*Input!$C$21,0)+IF(Input!$D$22=3,M5142*Input!$C$22,0)</f>
        <v>0</v>
      </c>
      <c r="Q5142" s="75">
        <f>IF(Input!$D$19=4,J5142*Input!$C$19,0)+IF(Input!$D$20=4,K5142*Input!$C$20,0)+IF(Input!$D$21=4,L5142*Input!$C$21,0)+IF(Input!$D$22=4,M5142*Input!$C$22,0)</f>
        <v>0</v>
      </c>
      <c r="R5142" s="58">
        <v>58.293174469795957</v>
      </c>
      <c r="S5142" s="124">
        <f t="shared" si="80"/>
        <v>0.88300363654311509</v>
      </c>
    </row>
    <row r="5143" spans="8:19" x14ac:dyDescent="0.3">
      <c r="H5143" s="44">
        <v>5136</v>
      </c>
      <c r="I5143" s="56">
        <f>Bühler!I5169</f>
        <v>0.20377006997148808</v>
      </c>
      <c r="J5143" s="59">
        <f>Bühler!J5169</f>
        <v>0.67923356657162703</v>
      </c>
      <c r="K5143" s="59">
        <f>Bühler!K5169</f>
        <v>1.0188503498574404</v>
      </c>
      <c r="L5143" s="59">
        <f>Bühler!L5169</f>
        <v>4.8904816793157142</v>
      </c>
      <c r="M5143" s="58">
        <f>Bühler!M5169</f>
        <v>0</v>
      </c>
      <c r="N5143" s="56">
        <f>IF(Input!$D$19=1,J5143*Input!$C$19,0)+IF(Input!$D$20=1,K5143*Input!$C$20,0)+IF(Input!$D$21=1,L5143*Input!$C$21,0)+IF(Input!$D$22=1,M5143*Input!$C$22,0)</f>
        <v>0.20377006997148811</v>
      </c>
      <c r="O5143" s="59">
        <f>IF(Input!$D$19=2,J5143*Input!$C$19,0)+IF(Input!$D$20=2,K5143*Input!$C$20,0)+IF(Input!$D$21=2,L5143*Input!$C$21,0)+IF(Input!$D$22=2,M5143*Input!$C$22,0)</f>
        <v>0.50942517492872019</v>
      </c>
      <c r="P5143" s="59">
        <f>IF(Input!$D$19=3,J5143*Input!$C$19,0)+IF(Input!$D$20=3,K5143*Input!$C$20,0)+IF(Input!$D$21=3,L5143*Input!$C$21,0)+IF(Input!$D$22=3,M5143*Input!$C$22,0)</f>
        <v>0</v>
      </c>
      <c r="Q5143" s="75">
        <f>IF(Input!$D$19=4,J5143*Input!$C$19,0)+IF(Input!$D$20=4,K5143*Input!$C$20,0)+IF(Input!$D$21=4,L5143*Input!$C$21,0)+IF(Input!$D$22=4,M5143*Input!$C$22,0)</f>
        <v>0</v>
      </c>
      <c r="R5143" s="58">
        <v>57.936459120900977</v>
      </c>
      <c r="S5143" s="124">
        <f t="shared" si="80"/>
        <v>0.88300363654311509</v>
      </c>
    </row>
    <row r="5144" spans="8:19" x14ac:dyDescent="0.3">
      <c r="H5144" s="44">
        <v>5137</v>
      </c>
      <c r="I5144" s="56">
        <f>Bühler!I5170</f>
        <v>0.22416037484048221</v>
      </c>
      <c r="J5144" s="59">
        <f>Bühler!J5170</f>
        <v>0.74720124946827404</v>
      </c>
      <c r="K5144" s="59">
        <f>Bühler!K5170</f>
        <v>1.1208018742024111</v>
      </c>
      <c r="L5144" s="59">
        <f>Bühler!L5170</f>
        <v>5.3798489961715728</v>
      </c>
      <c r="M5144" s="58">
        <f>Bühler!M5170</f>
        <v>0</v>
      </c>
      <c r="N5144" s="56">
        <f>IF(Input!$D$19=1,J5144*Input!$C$19,0)+IF(Input!$D$20=1,K5144*Input!$C$20,0)+IF(Input!$D$21=1,L5144*Input!$C$21,0)+IF(Input!$D$22=1,M5144*Input!$C$22,0)</f>
        <v>0.22416037484048221</v>
      </c>
      <c r="O5144" s="59">
        <f>IF(Input!$D$19=2,J5144*Input!$C$19,0)+IF(Input!$D$20=2,K5144*Input!$C$20,0)+IF(Input!$D$21=2,L5144*Input!$C$21,0)+IF(Input!$D$22=2,M5144*Input!$C$22,0)</f>
        <v>0.56040093710120553</v>
      </c>
      <c r="P5144" s="59">
        <f>IF(Input!$D$19=3,J5144*Input!$C$19,0)+IF(Input!$D$20=3,K5144*Input!$C$20,0)+IF(Input!$D$21=3,L5144*Input!$C$21,0)+IF(Input!$D$22=3,M5144*Input!$C$22,0)</f>
        <v>0</v>
      </c>
      <c r="Q5144" s="75">
        <f>IF(Input!$D$19=4,J5144*Input!$C$19,0)+IF(Input!$D$20=4,K5144*Input!$C$20,0)+IF(Input!$D$21=4,L5144*Input!$C$21,0)+IF(Input!$D$22=4,M5144*Input!$C$22,0)</f>
        <v>0</v>
      </c>
      <c r="R5144" s="58">
        <v>56.785410941626537</v>
      </c>
      <c r="S5144" s="124">
        <f t="shared" si="80"/>
        <v>0.97136162430875628</v>
      </c>
    </row>
    <row r="5145" spans="8:19" x14ac:dyDescent="0.3">
      <c r="H5145" s="44">
        <v>5138</v>
      </c>
      <c r="I5145" s="56">
        <f>Bühler!I5171</f>
        <v>0.22416037484048221</v>
      </c>
      <c r="J5145" s="59">
        <f>Bühler!J5171</f>
        <v>0.74720124946827404</v>
      </c>
      <c r="K5145" s="59">
        <f>Bühler!K5171</f>
        <v>1.1208018742024111</v>
      </c>
      <c r="L5145" s="59">
        <f>Bühler!L5171</f>
        <v>5.3798489961715728</v>
      </c>
      <c r="M5145" s="58">
        <f>Bühler!M5171</f>
        <v>0</v>
      </c>
      <c r="N5145" s="56">
        <f>IF(Input!$D$19=1,J5145*Input!$C$19,0)+IF(Input!$D$20=1,K5145*Input!$C$20,0)+IF(Input!$D$21=1,L5145*Input!$C$21,0)+IF(Input!$D$22=1,M5145*Input!$C$22,0)</f>
        <v>0.22416037484048221</v>
      </c>
      <c r="O5145" s="59">
        <f>IF(Input!$D$19=2,J5145*Input!$C$19,0)+IF(Input!$D$20=2,K5145*Input!$C$20,0)+IF(Input!$D$21=2,L5145*Input!$C$21,0)+IF(Input!$D$22=2,M5145*Input!$C$22,0)</f>
        <v>0.56040093710120553</v>
      </c>
      <c r="P5145" s="59">
        <f>IF(Input!$D$19=3,J5145*Input!$C$19,0)+IF(Input!$D$20=3,K5145*Input!$C$20,0)+IF(Input!$D$21=3,L5145*Input!$C$21,0)+IF(Input!$D$22=3,M5145*Input!$C$22,0)</f>
        <v>0</v>
      </c>
      <c r="Q5145" s="75">
        <f>IF(Input!$D$19=4,J5145*Input!$C$19,0)+IF(Input!$D$20=4,K5145*Input!$C$20,0)+IF(Input!$D$21=4,L5145*Input!$C$21,0)+IF(Input!$D$22=4,M5145*Input!$C$22,0)</f>
        <v>0</v>
      </c>
      <c r="R5145" s="58">
        <v>56.252982772460911</v>
      </c>
      <c r="S5145" s="124">
        <f t="shared" si="80"/>
        <v>0.97136162430875628</v>
      </c>
    </row>
    <row r="5146" spans="8:19" x14ac:dyDescent="0.3">
      <c r="H5146" s="44">
        <v>5139</v>
      </c>
      <c r="I5146" s="56">
        <f>Bühler!I5172</f>
        <v>0.22416037484048221</v>
      </c>
      <c r="J5146" s="59">
        <f>Bühler!J5172</f>
        <v>0.74720124946827404</v>
      </c>
      <c r="K5146" s="59">
        <f>Bühler!K5172</f>
        <v>1.1208018742024111</v>
      </c>
      <c r="L5146" s="59">
        <f>Bühler!L5172</f>
        <v>5.3798489961715728</v>
      </c>
      <c r="M5146" s="58">
        <f>Bühler!M5172</f>
        <v>0</v>
      </c>
      <c r="N5146" s="56">
        <f>IF(Input!$D$19=1,J5146*Input!$C$19,0)+IF(Input!$D$20=1,K5146*Input!$C$20,0)+IF(Input!$D$21=1,L5146*Input!$C$21,0)+IF(Input!$D$22=1,M5146*Input!$C$22,0)</f>
        <v>0.22416037484048221</v>
      </c>
      <c r="O5146" s="59">
        <f>IF(Input!$D$19=2,J5146*Input!$C$19,0)+IF(Input!$D$20=2,K5146*Input!$C$20,0)+IF(Input!$D$21=2,L5146*Input!$C$21,0)+IF(Input!$D$22=2,M5146*Input!$C$22,0)</f>
        <v>0.56040093710120553</v>
      </c>
      <c r="P5146" s="59">
        <f>IF(Input!$D$19=3,J5146*Input!$C$19,0)+IF(Input!$D$20=3,K5146*Input!$C$20,0)+IF(Input!$D$21=3,L5146*Input!$C$21,0)+IF(Input!$D$22=3,M5146*Input!$C$22,0)</f>
        <v>0</v>
      </c>
      <c r="Q5146" s="75">
        <f>IF(Input!$D$19=4,J5146*Input!$C$19,0)+IF(Input!$D$20=4,K5146*Input!$C$20,0)+IF(Input!$D$21=4,L5146*Input!$C$21,0)+IF(Input!$D$22=4,M5146*Input!$C$22,0)</f>
        <v>0</v>
      </c>
      <c r="R5146" s="58">
        <v>56.109835745286446</v>
      </c>
      <c r="S5146" s="124">
        <f t="shared" si="80"/>
        <v>0.97136162430875628</v>
      </c>
    </row>
    <row r="5147" spans="8:19" x14ac:dyDescent="0.3">
      <c r="H5147" s="44">
        <v>5140</v>
      </c>
      <c r="I5147" s="56">
        <f>Bühler!I5173</f>
        <v>0.22416037484048221</v>
      </c>
      <c r="J5147" s="59">
        <f>Bühler!J5173</f>
        <v>0.74720124946827404</v>
      </c>
      <c r="K5147" s="59">
        <f>Bühler!K5173</f>
        <v>1.1208018742024111</v>
      </c>
      <c r="L5147" s="59">
        <f>Bühler!L5173</f>
        <v>5.3798489961715728</v>
      </c>
      <c r="M5147" s="58">
        <f>Bühler!M5173</f>
        <v>0</v>
      </c>
      <c r="N5147" s="56">
        <f>IF(Input!$D$19=1,J5147*Input!$C$19,0)+IF(Input!$D$20=1,K5147*Input!$C$20,0)+IF(Input!$D$21=1,L5147*Input!$C$21,0)+IF(Input!$D$22=1,M5147*Input!$C$22,0)</f>
        <v>0.22416037484048221</v>
      </c>
      <c r="O5147" s="59">
        <f>IF(Input!$D$19=2,J5147*Input!$C$19,0)+IF(Input!$D$20=2,K5147*Input!$C$20,0)+IF(Input!$D$21=2,L5147*Input!$C$21,0)+IF(Input!$D$22=2,M5147*Input!$C$22,0)</f>
        <v>0.56040093710120553</v>
      </c>
      <c r="P5147" s="59">
        <f>IF(Input!$D$19=3,J5147*Input!$C$19,0)+IF(Input!$D$20=3,K5147*Input!$C$20,0)+IF(Input!$D$21=3,L5147*Input!$C$21,0)+IF(Input!$D$22=3,M5147*Input!$C$22,0)</f>
        <v>0</v>
      </c>
      <c r="Q5147" s="75">
        <f>IF(Input!$D$19=4,J5147*Input!$C$19,0)+IF(Input!$D$20=4,K5147*Input!$C$20,0)+IF(Input!$D$21=4,L5147*Input!$C$21,0)+IF(Input!$D$22=4,M5147*Input!$C$22,0)</f>
        <v>0</v>
      </c>
      <c r="R5147" s="58">
        <v>56.627317831671661</v>
      </c>
      <c r="S5147" s="124">
        <f t="shared" si="80"/>
        <v>0.97136162430875628</v>
      </c>
    </row>
    <row r="5148" spans="8:19" x14ac:dyDescent="0.3">
      <c r="H5148" s="44">
        <v>5141</v>
      </c>
      <c r="I5148" s="56">
        <f>Bühler!I5174</f>
        <v>0.22416037484048221</v>
      </c>
      <c r="J5148" s="59">
        <f>Bühler!J5174</f>
        <v>0.74720124946827404</v>
      </c>
      <c r="K5148" s="59">
        <f>Bühler!K5174</f>
        <v>1.1208018742024111</v>
      </c>
      <c r="L5148" s="59">
        <f>Bühler!L5174</f>
        <v>5.3798489961715728</v>
      </c>
      <c r="M5148" s="58">
        <f>Bühler!M5174</f>
        <v>0</v>
      </c>
      <c r="N5148" s="56">
        <f>IF(Input!$D$19=1,J5148*Input!$C$19,0)+IF(Input!$D$20=1,K5148*Input!$C$20,0)+IF(Input!$D$21=1,L5148*Input!$C$21,0)+IF(Input!$D$22=1,M5148*Input!$C$22,0)</f>
        <v>0.22416037484048221</v>
      </c>
      <c r="O5148" s="59">
        <f>IF(Input!$D$19=2,J5148*Input!$C$19,0)+IF(Input!$D$20=2,K5148*Input!$C$20,0)+IF(Input!$D$21=2,L5148*Input!$C$21,0)+IF(Input!$D$22=2,M5148*Input!$C$22,0)</f>
        <v>0.56040093710120553</v>
      </c>
      <c r="P5148" s="59">
        <f>IF(Input!$D$19=3,J5148*Input!$C$19,0)+IF(Input!$D$20=3,K5148*Input!$C$20,0)+IF(Input!$D$21=3,L5148*Input!$C$21,0)+IF(Input!$D$22=3,M5148*Input!$C$22,0)</f>
        <v>0</v>
      </c>
      <c r="Q5148" s="75">
        <f>IF(Input!$D$19=4,J5148*Input!$C$19,0)+IF(Input!$D$20=4,K5148*Input!$C$20,0)+IF(Input!$D$21=4,L5148*Input!$C$21,0)+IF(Input!$D$22=4,M5148*Input!$C$22,0)</f>
        <v>0</v>
      </c>
      <c r="R5148" s="58">
        <v>57.568402420289267</v>
      </c>
      <c r="S5148" s="124">
        <f t="shared" si="80"/>
        <v>0.97136162430875628</v>
      </c>
    </row>
    <row r="5149" spans="8:19" x14ac:dyDescent="0.3">
      <c r="H5149" s="44">
        <v>5142</v>
      </c>
      <c r="I5149" s="56">
        <f>Bühler!I5175</f>
        <v>0.2889178164610659</v>
      </c>
      <c r="J5149" s="59">
        <f>Bühler!J5175</f>
        <v>0.96305938820355308</v>
      </c>
      <c r="K5149" s="59">
        <f>Bühler!K5175</f>
        <v>1.4445890823053296</v>
      </c>
      <c r="L5149" s="59">
        <f>Bühler!L5175</f>
        <v>6.9340275950655812</v>
      </c>
      <c r="M5149" s="58">
        <f>Bühler!M5175</f>
        <v>0</v>
      </c>
      <c r="N5149" s="56">
        <f>IF(Input!$D$19=1,J5149*Input!$C$19,0)+IF(Input!$D$20=1,K5149*Input!$C$20,0)+IF(Input!$D$21=1,L5149*Input!$C$21,0)+IF(Input!$D$22=1,M5149*Input!$C$22,0)</f>
        <v>0.2889178164610659</v>
      </c>
      <c r="O5149" s="59">
        <f>IF(Input!$D$19=2,J5149*Input!$C$19,0)+IF(Input!$D$20=2,K5149*Input!$C$20,0)+IF(Input!$D$21=2,L5149*Input!$C$21,0)+IF(Input!$D$22=2,M5149*Input!$C$22,0)</f>
        <v>0.72229454115266478</v>
      </c>
      <c r="P5149" s="59">
        <f>IF(Input!$D$19=3,J5149*Input!$C$19,0)+IF(Input!$D$20=3,K5149*Input!$C$20,0)+IF(Input!$D$21=3,L5149*Input!$C$21,0)+IF(Input!$D$22=3,M5149*Input!$C$22,0)</f>
        <v>0</v>
      </c>
      <c r="Q5149" s="75">
        <f>IF(Input!$D$19=4,J5149*Input!$C$19,0)+IF(Input!$D$20=4,K5149*Input!$C$20,0)+IF(Input!$D$21=4,L5149*Input!$C$21,0)+IF(Input!$D$22=4,M5149*Input!$C$22,0)</f>
        <v>0</v>
      </c>
      <c r="R5149" s="58">
        <v>59.781590454334804</v>
      </c>
      <c r="S5149" s="124">
        <f t="shared" si="80"/>
        <v>1.2519772046646189</v>
      </c>
    </row>
    <row r="5150" spans="8:19" x14ac:dyDescent="0.3">
      <c r="H5150" s="44">
        <v>5143</v>
      </c>
      <c r="I5150" s="56">
        <f>Bühler!I5176</f>
        <v>0.34869391641852787</v>
      </c>
      <c r="J5150" s="59">
        <f>Bühler!J5176</f>
        <v>1.1623130547284262</v>
      </c>
      <c r="K5150" s="59">
        <f>Bühler!K5176</f>
        <v>1.7434695820926394</v>
      </c>
      <c r="L5150" s="59">
        <f>Bühler!L5176</f>
        <v>8.3686539940446689</v>
      </c>
      <c r="M5150" s="58">
        <f>Bühler!M5176</f>
        <v>0</v>
      </c>
      <c r="N5150" s="56">
        <f>IF(Input!$D$19=1,J5150*Input!$C$19,0)+IF(Input!$D$20=1,K5150*Input!$C$20,0)+IF(Input!$D$21=1,L5150*Input!$C$21,0)+IF(Input!$D$22=1,M5150*Input!$C$22,0)</f>
        <v>0.34869391641852782</v>
      </c>
      <c r="O5150" s="59">
        <f>IF(Input!$D$19=2,J5150*Input!$C$19,0)+IF(Input!$D$20=2,K5150*Input!$C$20,0)+IF(Input!$D$21=2,L5150*Input!$C$21,0)+IF(Input!$D$22=2,M5150*Input!$C$22,0)</f>
        <v>0.87173479104631968</v>
      </c>
      <c r="P5150" s="59">
        <f>IF(Input!$D$19=3,J5150*Input!$C$19,0)+IF(Input!$D$20=3,K5150*Input!$C$20,0)+IF(Input!$D$21=3,L5150*Input!$C$21,0)+IF(Input!$D$22=3,M5150*Input!$C$22,0)</f>
        <v>0</v>
      </c>
      <c r="Q5150" s="75">
        <f>IF(Input!$D$19=4,J5150*Input!$C$19,0)+IF(Input!$D$20=4,K5150*Input!$C$20,0)+IF(Input!$D$21=4,L5150*Input!$C$21,0)+IF(Input!$D$22=4,M5150*Input!$C$22,0)</f>
        <v>0</v>
      </c>
      <c r="R5150" s="58">
        <v>61.866657764188304</v>
      </c>
      <c r="S5150" s="124">
        <f t="shared" si="80"/>
        <v>1.511006971146954</v>
      </c>
    </row>
    <row r="5151" spans="8:19" x14ac:dyDescent="0.3">
      <c r="H5151" s="44">
        <v>5144</v>
      </c>
      <c r="I5151" s="56">
        <f>Bühler!I5177</f>
        <v>0.34869391641852787</v>
      </c>
      <c r="J5151" s="59">
        <f>Bühler!J5177</f>
        <v>1.1623130547284262</v>
      </c>
      <c r="K5151" s="59">
        <f>Bühler!K5177</f>
        <v>1.7434695820926394</v>
      </c>
      <c r="L5151" s="59">
        <f>Bühler!L5177</f>
        <v>8.3686539940446689</v>
      </c>
      <c r="M5151" s="58">
        <f>Bühler!M5177</f>
        <v>0</v>
      </c>
      <c r="N5151" s="56">
        <f>IF(Input!$D$19=1,J5151*Input!$C$19,0)+IF(Input!$D$20=1,K5151*Input!$C$20,0)+IF(Input!$D$21=1,L5151*Input!$C$21,0)+IF(Input!$D$22=1,M5151*Input!$C$22,0)</f>
        <v>0.34869391641852782</v>
      </c>
      <c r="O5151" s="59">
        <f>IF(Input!$D$19=2,J5151*Input!$C$19,0)+IF(Input!$D$20=2,K5151*Input!$C$20,0)+IF(Input!$D$21=2,L5151*Input!$C$21,0)+IF(Input!$D$22=2,M5151*Input!$C$22,0)</f>
        <v>0.87173479104631968</v>
      </c>
      <c r="P5151" s="59">
        <f>IF(Input!$D$19=3,J5151*Input!$C$19,0)+IF(Input!$D$20=3,K5151*Input!$C$20,0)+IF(Input!$D$21=3,L5151*Input!$C$21,0)+IF(Input!$D$22=3,M5151*Input!$C$22,0)</f>
        <v>0</v>
      </c>
      <c r="Q5151" s="75">
        <f>IF(Input!$D$19=4,J5151*Input!$C$19,0)+IF(Input!$D$20=4,K5151*Input!$C$20,0)+IF(Input!$D$21=4,L5151*Input!$C$21,0)+IF(Input!$D$22=4,M5151*Input!$C$22,0)</f>
        <v>0</v>
      </c>
      <c r="R5151" s="58">
        <v>63.542309112456905</v>
      </c>
      <c r="S5151" s="124">
        <f t="shared" si="80"/>
        <v>1.511006971146954</v>
      </c>
    </row>
    <row r="5152" spans="8:19" x14ac:dyDescent="0.3">
      <c r="H5152" s="44">
        <v>5145</v>
      </c>
      <c r="I5152" s="56">
        <f>Bühler!I5178</f>
        <v>0.34869391641852787</v>
      </c>
      <c r="J5152" s="59">
        <f>Bühler!J5178</f>
        <v>1.1623130547284262</v>
      </c>
      <c r="K5152" s="59">
        <f>Bühler!K5178</f>
        <v>1.7434695820926394</v>
      </c>
      <c r="L5152" s="59">
        <f>Bühler!L5178</f>
        <v>8.3686539940446689</v>
      </c>
      <c r="M5152" s="58">
        <f>Bühler!M5178</f>
        <v>0</v>
      </c>
      <c r="N5152" s="56">
        <f>IF(Input!$D$19=1,J5152*Input!$C$19,0)+IF(Input!$D$20=1,K5152*Input!$C$20,0)+IF(Input!$D$21=1,L5152*Input!$C$21,0)+IF(Input!$D$22=1,M5152*Input!$C$22,0)</f>
        <v>0.34869391641852782</v>
      </c>
      <c r="O5152" s="59">
        <f>IF(Input!$D$19=2,J5152*Input!$C$19,0)+IF(Input!$D$20=2,K5152*Input!$C$20,0)+IF(Input!$D$21=2,L5152*Input!$C$21,0)+IF(Input!$D$22=2,M5152*Input!$C$22,0)</f>
        <v>0.87173479104631968</v>
      </c>
      <c r="P5152" s="59">
        <f>IF(Input!$D$19=3,J5152*Input!$C$19,0)+IF(Input!$D$20=3,K5152*Input!$C$20,0)+IF(Input!$D$21=3,L5152*Input!$C$21,0)+IF(Input!$D$22=3,M5152*Input!$C$22,0)</f>
        <v>0</v>
      </c>
      <c r="Q5152" s="75">
        <f>IF(Input!$D$19=4,J5152*Input!$C$19,0)+IF(Input!$D$20=4,K5152*Input!$C$20,0)+IF(Input!$D$21=4,L5152*Input!$C$21,0)+IF(Input!$D$22=4,M5152*Input!$C$22,0)</f>
        <v>0</v>
      </c>
      <c r="R5152" s="58">
        <v>64.463541319355897</v>
      </c>
      <c r="S5152" s="124">
        <f t="shared" si="80"/>
        <v>1.511006971146954</v>
      </c>
    </row>
    <row r="5153" spans="8:19" x14ac:dyDescent="0.3">
      <c r="H5153" s="44">
        <v>5146</v>
      </c>
      <c r="I5153" s="56">
        <f>Bühler!I5179</f>
        <v>0.37360062473413697</v>
      </c>
      <c r="J5153" s="59">
        <f>Bühler!J5179</f>
        <v>1.2453354157804568</v>
      </c>
      <c r="K5153" s="59">
        <f>Bühler!K5179</f>
        <v>1.8680031236706849</v>
      </c>
      <c r="L5153" s="59">
        <f>Bühler!L5179</f>
        <v>8.9664149936192885</v>
      </c>
      <c r="M5153" s="58">
        <f>Bühler!M5179</f>
        <v>0</v>
      </c>
      <c r="N5153" s="56">
        <f>IF(Input!$D$19=1,J5153*Input!$C$19,0)+IF(Input!$D$20=1,K5153*Input!$C$20,0)+IF(Input!$D$21=1,L5153*Input!$C$21,0)+IF(Input!$D$22=1,M5153*Input!$C$22,0)</f>
        <v>0.37360062473413702</v>
      </c>
      <c r="O5153" s="59">
        <f>IF(Input!$D$19=2,J5153*Input!$C$19,0)+IF(Input!$D$20=2,K5153*Input!$C$20,0)+IF(Input!$D$21=2,L5153*Input!$C$21,0)+IF(Input!$D$22=2,M5153*Input!$C$22,0)</f>
        <v>0.93400156183534244</v>
      </c>
      <c r="P5153" s="59">
        <f>IF(Input!$D$19=3,J5153*Input!$C$19,0)+IF(Input!$D$20=3,K5153*Input!$C$20,0)+IF(Input!$D$21=3,L5153*Input!$C$21,0)+IF(Input!$D$22=3,M5153*Input!$C$22,0)</f>
        <v>0</v>
      </c>
      <c r="Q5153" s="75">
        <f>IF(Input!$D$19=4,J5153*Input!$C$19,0)+IF(Input!$D$20=4,K5153*Input!$C$20,0)+IF(Input!$D$21=4,L5153*Input!$C$21,0)+IF(Input!$D$22=4,M5153*Input!$C$22,0)</f>
        <v>0</v>
      </c>
      <c r="R5153" s="58">
        <v>64.938139509813283</v>
      </c>
      <c r="S5153" s="124">
        <f t="shared" si="80"/>
        <v>1.6189360405145938</v>
      </c>
    </row>
    <row r="5154" spans="8:19" x14ac:dyDescent="0.3">
      <c r="H5154" s="44">
        <v>5147</v>
      </c>
      <c r="I5154" s="56">
        <f>Bühler!I5180</f>
        <v>0.38854464972350244</v>
      </c>
      <c r="J5154" s="59">
        <f>Bühler!J5180</f>
        <v>1.2951488324116749</v>
      </c>
      <c r="K5154" s="59">
        <f>Bühler!K5180</f>
        <v>1.9427232486175123</v>
      </c>
      <c r="L5154" s="59">
        <f>Bühler!L5180</f>
        <v>9.3250715933640596</v>
      </c>
      <c r="M5154" s="58">
        <f>Bühler!M5180</f>
        <v>0</v>
      </c>
      <c r="N5154" s="56">
        <f>IF(Input!$D$19=1,J5154*Input!$C$19,0)+IF(Input!$D$20=1,K5154*Input!$C$20,0)+IF(Input!$D$21=1,L5154*Input!$C$21,0)+IF(Input!$D$22=1,M5154*Input!$C$22,0)</f>
        <v>0.38854464972350244</v>
      </c>
      <c r="O5154" s="59">
        <f>IF(Input!$D$19=2,J5154*Input!$C$19,0)+IF(Input!$D$20=2,K5154*Input!$C$20,0)+IF(Input!$D$21=2,L5154*Input!$C$21,0)+IF(Input!$D$22=2,M5154*Input!$C$22,0)</f>
        <v>0.97136162430875617</v>
      </c>
      <c r="P5154" s="59">
        <f>IF(Input!$D$19=3,J5154*Input!$C$19,0)+IF(Input!$D$20=3,K5154*Input!$C$20,0)+IF(Input!$D$21=3,L5154*Input!$C$21,0)+IF(Input!$D$22=3,M5154*Input!$C$22,0)</f>
        <v>0</v>
      </c>
      <c r="Q5154" s="75">
        <f>IF(Input!$D$19=4,J5154*Input!$C$19,0)+IF(Input!$D$20=4,K5154*Input!$C$20,0)+IF(Input!$D$21=4,L5154*Input!$C$21,0)+IF(Input!$D$22=4,M5154*Input!$C$22,0)</f>
        <v>0</v>
      </c>
      <c r="R5154" s="58">
        <v>65.326190360265926</v>
      </c>
      <c r="S5154" s="124">
        <f t="shared" si="80"/>
        <v>1.6836934821351774</v>
      </c>
    </row>
    <row r="5155" spans="8:19" x14ac:dyDescent="0.3">
      <c r="H5155" s="44">
        <v>5148</v>
      </c>
      <c r="I5155" s="56">
        <f>Bühler!I5181</f>
        <v>0.44832074968096441</v>
      </c>
      <c r="J5155" s="59">
        <f>Bühler!J5181</f>
        <v>1.4944024989365481</v>
      </c>
      <c r="K5155" s="59">
        <f>Bühler!K5181</f>
        <v>2.2416037484048221</v>
      </c>
      <c r="L5155" s="59">
        <f>Bühler!L5181</f>
        <v>10.759697992343146</v>
      </c>
      <c r="M5155" s="58">
        <f>Bühler!M5181</f>
        <v>0</v>
      </c>
      <c r="N5155" s="56">
        <f>IF(Input!$D$19=1,J5155*Input!$C$19,0)+IF(Input!$D$20=1,K5155*Input!$C$20,0)+IF(Input!$D$21=1,L5155*Input!$C$21,0)+IF(Input!$D$22=1,M5155*Input!$C$22,0)</f>
        <v>0.44832074968096441</v>
      </c>
      <c r="O5155" s="59">
        <f>IF(Input!$D$19=2,J5155*Input!$C$19,0)+IF(Input!$D$20=2,K5155*Input!$C$20,0)+IF(Input!$D$21=2,L5155*Input!$C$21,0)+IF(Input!$D$22=2,M5155*Input!$C$22,0)</f>
        <v>1.1208018742024111</v>
      </c>
      <c r="P5155" s="59">
        <f>IF(Input!$D$19=3,J5155*Input!$C$19,0)+IF(Input!$D$20=3,K5155*Input!$C$20,0)+IF(Input!$D$21=3,L5155*Input!$C$21,0)+IF(Input!$D$22=3,M5155*Input!$C$22,0)</f>
        <v>0</v>
      </c>
      <c r="Q5155" s="75">
        <f>IF(Input!$D$19=4,J5155*Input!$C$19,0)+IF(Input!$D$20=4,K5155*Input!$C$20,0)+IF(Input!$D$21=4,L5155*Input!$C$21,0)+IF(Input!$D$22=4,M5155*Input!$C$22,0)</f>
        <v>0</v>
      </c>
      <c r="R5155" s="58">
        <v>65.912204643701202</v>
      </c>
      <c r="S5155" s="124">
        <f t="shared" si="80"/>
        <v>1.9427232486175126</v>
      </c>
    </row>
    <row r="5156" spans="8:19" x14ac:dyDescent="0.3">
      <c r="H5156" s="44">
        <v>5149</v>
      </c>
      <c r="I5156" s="56">
        <f>Bühler!I5182</f>
        <v>0.44832074968096441</v>
      </c>
      <c r="J5156" s="59">
        <f>Bühler!J5182</f>
        <v>1.4944024989365481</v>
      </c>
      <c r="K5156" s="59">
        <f>Bühler!K5182</f>
        <v>2.2416037484048221</v>
      </c>
      <c r="L5156" s="59">
        <f>Bühler!L5182</f>
        <v>10.759697992343146</v>
      </c>
      <c r="M5156" s="58">
        <f>Bühler!M5182</f>
        <v>0</v>
      </c>
      <c r="N5156" s="56">
        <f>IF(Input!$D$19=1,J5156*Input!$C$19,0)+IF(Input!$D$20=1,K5156*Input!$C$20,0)+IF(Input!$D$21=1,L5156*Input!$C$21,0)+IF(Input!$D$22=1,M5156*Input!$C$22,0)</f>
        <v>0.44832074968096441</v>
      </c>
      <c r="O5156" s="59">
        <f>IF(Input!$D$19=2,J5156*Input!$C$19,0)+IF(Input!$D$20=2,K5156*Input!$C$20,0)+IF(Input!$D$21=2,L5156*Input!$C$21,0)+IF(Input!$D$22=2,M5156*Input!$C$22,0)</f>
        <v>1.1208018742024111</v>
      </c>
      <c r="P5156" s="59">
        <f>IF(Input!$D$19=3,J5156*Input!$C$19,0)+IF(Input!$D$20=3,K5156*Input!$C$20,0)+IF(Input!$D$21=3,L5156*Input!$C$21,0)+IF(Input!$D$22=3,M5156*Input!$C$22,0)</f>
        <v>0</v>
      </c>
      <c r="Q5156" s="75">
        <f>IF(Input!$D$19=4,J5156*Input!$C$19,0)+IF(Input!$D$20=4,K5156*Input!$C$20,0)+IF(Input!$D$21=4,L5156*Input!$C$21,0)+IF(Input!$D$22=4,M5156*Input!$C$22,0)</f>
        <v>0</v>
      </c>
      <c r="R5156" s="58">
        <v>65.417078201612796</v>
      </c>
      <c r="S5156" s="124">
        <f t="shared" si="80"/>
        <v>1.9427232486175126</v>
      </c>
    </row>
    <row r="5157" spans="8:19" x14ac:dyDescent="0.3">
      <c r="H5157" s="44">
        <v>5150</v>
      </c>
      <c r="I5157" s="56">
        <f>Bühler!I5183</f>
        <v>0.44832074968096441</v>
      </c>
      <c r="J5157" s="59">
        <f>Bühler!J5183</f>
        <v>1.4944024989365481</v>
      </c>
      <c r="K5157" s="59">
        <f>Bühler!K5183</f>
        <v>2.2416037484048221</v>
      </c>
      <c r="L5157" s="59">
        <f>Bühler!L5183</f>
        <v>10.759697992343146</v>
      </c>
      <c r="M5157" s="58">
        <f>Bühler!M5183</f>
        <v>0</v>
      </c>
      <c r="N5157" s="56">
        <f>IF(Input!$D$19=1,J5157*Input!$C$19,0)+IF(Input!$D$20=1,K5157*Input!$C$20,0)+IF(Input!$D$21=1,L5157*Input!$C$21,0)+IF(Input!$D$22=1,M5157*Input!$C$22,0)</f>
        <v>0.44832074968096441</v>
      </c>
      <c r="O5157" s="59">
        <f>IF(Input!$D$19=2,J5157*Input!$C$19,0)+IF(Input!$D$20=2,K5157*Input!$C$20,0)+IF(Input!$D$21=2,L5157*Input!$C$21,0)+IF(Input!$D$22=2,M5157*Input!$C$22,0)</f>
        <v>1.1208018742024111</v>
      </c>
      <c r="P5157" s="59">
        <f>IF(Input!$D$19=3,J5157*Input!$C$19,0)+IF(Input!$D$20=3,K5157*Input!$C$20,0)+IF(Input!$D$21=3,L5157*Input!$C$21,0)+IF(Input!$D$22=3,M5157*Input!$C$22,0)</f>
        <v>0</v>
      </c>
      <c r="Q5157" s="75">
        <f>IF(Input!$D$19=4,J5157*Input!$C$19,0)+IF(Input!$D$20=4,K5157*Input!$C$20,0)+IF(Input!$D$21=4,L5157*Input!$C$21,0)+IF(Input!$D$22=4,M5157*Input!$C$22,0)</f>
        <v>0</v>
      </c>
      <c r="R5157" s="58">
        <v>65.01186650432274</v>
      </c>
      <c r="S5157" s="124">
        <f t="shared" si="80"/>
        <v>1.9427232486175126</v>
      </c>
    </row>
    <row r="5158" spans="8:19" x14ac:dyDescent="0.3">
      <c r="H5158" s="44">
        <v>5151</v>
      </c>
      <c r="I5158" s="56">
        <f>Bühler!I5184</f>
        <v>0.44832074968096441</v>
      </c>
      <c r="J5158" s="59">
        <f>Bühler!J5184</f>
        <v>1.4944024989365481</v>
      </c>
      <c r="K5158" s="59">
        <f>Bühler!K5184</f>
        <v>2.2416037484048221</v>
      </c>
      <c r="L5158" s="59">
        <f>Bühler!L5184</f>
        <v>10.759697992343146</v>
      </c>
      <c r="M5158" s="58">
        <f>Bühler!M5184</f>
        <v>0</v>
      </c>
      <c r="N5158" s="56">
        <f>IF(Input!$D$19=1,J5158*Input!$C$19,0)+IF(Input!$D$20=1,K5158*Input!$C$20,0)+IF(Input!$D$21=1,L5158*Input!$C$21,0)+IF(Input!$D$22=1,M5158*Input!$C$22,0)</f>
        <v>0.44832074968096441</v>
      </c>
      <c r="O5158" s="59">
        <f>IF(Input!$D$19=2,J5158*Input!$C$19,0)+IF(Input!$D$20=2,K5158*Input!$C$20,0)+IF(Input!$D$21=2,L5158*Input!$C$21,0)+IF(Input!$D$22=2,M5158*Input!$C$22,0)</f>
        <v>1.1208018742024111</v>
      </c>
      <c r="P5158" s="59">
        <f>IF(Input!$D$19=3,J5158*Input!$C$19,0)+IF(Input!$D$20=3,K5158*Input!$C$20,0)+IF(Input!$D$21=3,L5158*Input!$C$21,0)+IF(Input!$D$22=3,M5158*Input!$C$22,0)</f>
        <v>0</v>
      </c>
      <c r="Q5158" s="75">
        <f>IF(Input!$D$19=4,J5158*Input!$C$19,0)+IF(Input!$D$20=4,K5158*Input!$C$20,0)+IF(Input!$D$21=4,L5158*Input!$C$21,0)+IF(Input!$D$22=4,M5158*Input!$C$22,0)</f>
        <v>0</v>
      </c>
      <c r="R5158" s="58">
        <v>65.141161012864529</v>
      </c>
      <c r="S5158" s="124">
        <f t="shared" si="80"/>
        <v>1.9427232486175126</v>
      </c>
    </row>
    <row r="5159" spans="8:19" x14ac:dyDescent="0.3">
      <c r="H5159" s="44">
        <v>5152</v>
      </c>
      <c r="I5159" s="56">
        <f>Bühler!I5185</f>
        <v>0.37360062473413697</v>
      </c>
      <c r="J5159" s="59">
        <f>Bühler!J5185</f>
        <v>1.2453354157804568</v>
      </c>
      <c r="K5159" s="59">
        <f>Bühler!K5185</f>
        <v>1.8680031236706849</v>
      </c>
      <c r="L5159" s="59">
        <f>Bühler!L5185</f>
        <v>8.9664149936192885</v>
      </c>
      <c r="M5159" s="58">
        <f>Bühler!M5185</f>
        <v>0</v>
      </c>
      <c r="N5159" s="56">
        <f>IF(Input!$D$19=1,J5159*Input!$C$19,0)+IF(Input!$D$20=1,K5159*Input!$C$20,0)+IF(Input!$D$21=1,L5159*Input!$C$21,0)+IF(Input!$D$22=1,M5159*Input!$C$22,0)</f>
        <v>0.37360062473413702</v>
      </c>
      <c r="O5159" s="59">
        <f>IF(Input!$D$19=2,J5159*Input!$C$19,0)+IF(Input!$D$20=2,K5159*Input!$C$20,0)+IF(Input!$D$21=2,L5159*Input!$C$21,0)+IF(Input!$D$22=2,M5159*Input!$C$22,0)</f>
        <v>0.93400156183534244</v>
      </c>
      <c r="P5159" s="59">
        <f>IF(Input!$D$19=3,J5159*Input!$C$19,0)+IF(Input!$D$20=3,K5159*Input!$C$20,0)+IF(Input!$D$21=3,L5159*Input!$C$21,0)+IF(Input!$D$22=3,M5159*Input!$C$22,0)</f>
        <v>0</v>
      </c>
      <c r="Q5159" s="75">
        <f>IF(Input!$D$19=4,J5159*Input!$C$19,0)+IF(Input!$D$20=4,K5159*Input!$C$20,0)+IF(Input!$D$21=4,L5159*Input!$C$21,0)+IF(Input!$D$22=4,M5159*Input!$C$22,0)</f>
        <v>0</v>
      </c>
      <c r="R5159" s="58">
        <v>64.058844286638305</v>
      </c>
      <c r="S5159" s="124">
        <f t="shared" si="80"/>
        <v>1.6189360405145938</v>
      </c>
    </row>
    <row r="5160" spans="8:19" x14ac:dyDescent="0.3">
      <c r="H5160" s="44">
        <v>5153</v>
      </c>
      <c r="I5160" s="56">
        <f>Bühler!I5186</f>
        <v>0.35367525808164968</v>
      </c>
      <c r="J5160" s="59">
        <f>Bühler!J5186</f>
        <v>1.1789175269388323</v>
      </c>
      <c r="K5160" s="59">
        <f>Bühler!K5186</f>
        <v>1.7683762904082485</v>
      </c>
      <c r="L5160" s="59">
        <f>Bühler!L5186</f>
        <v>8.4882061939595932</v>
      </c>
      <c r="M5160" s="58">
        <f>Bühler!M5186</f>
        <v>0</v>
      </c>
      <c r="N5160" s="56">
        <f>IF(Input!$D$19=1,J5160*Input!$C$19,0)+IF(Input!$D$20=1,K5160*Input!$C$20,0)+IF(Input!$D$21=1,L5160*Input!$C$21,0)+IF(Input!$D$22=1,M5160*Input!$C$22,0)</f>
        <v>0.35367525808164968</v>
      </c>
      <c r="O5160" s="59">
        <f>IF(Input!$D$19=2,J5160*Input!$C$19,0)+IF(Input!$D$20=2,K5160*Input!$C$20,0)+IF(Input!$D$21=2,L5160*Input!$C$21,0)+IF(Input!$D$22=2,M5160*Input!$C$22,0)</f>
        <v>0.88418814520412425</v>
      </c>
      <c r="P5160" s="59">
        <f>IF(Input!$D$19=3,J5160*Input!$C$19,0)+IF(Input!$D$20=3,K5160*Input!$C$20,0)+IF(Input!$D$21=3,L5160*Input!$C$21,0)+IF(Input!$D$22=3,M5160*Input!$C$22,0)</f>
        <v>0</v>
      </c>
      <c r="Q5160" s="75">
        <f>IF(Input!$D$19=4,J5160*Input!$C$19,0)+IF(Input!$D$20=4,K5160*Input!$C$20,0)+IF(Input!$D$21=4,L5160*Input!$C$21,0)+IF(Input!$D$22=4,M5160*Input!$C$22,0)</f>
        <v>0</v>
      </c>
      <c r="R5160" s="58">
        <v>63.079106819530885</v>
      </c>
      <c r="S5160" s="124">
        <f t="shared" si="80"/>
        <v>1.5325927850204821</v>
      </c>
    </row>
    <row r="5161" spans="8:19" x14ac:dyDescent="0.3">
      <c r="H5161" s="44">
        <v>5154</v>
      </c>
      <c r="I5161" s="56">
        <f>Bühler!I5187</f>
        <v>0.35367525808164968</v>
      </c>
      <c r="J5161" s="59">
        <f>Bühler!J5187</f>
        <v>1.1789175269388323</v>
      </c>
      <c r="K5161" s="59">
        <f>Bühler!K5187</f>
        <v>1.7683762904082485</v>
      </c>
      <c r="L5161" s="59">
        <f>Bühler!L5187</f>
        <v>8.4882061939595932</v>
      </c>
      <c r="M5161" s="58">
        <f>Bühler!M5187</f>
        <v>0</v>
      </c>
      <c r="N5161" s="56">
        <f>IF(Input!$D$19=1,J5161*Input!$C$19,0)+IF(Input!$D$20=1,K5161*Input!$C$20,0)+IF(Input!$D$21=1,L5161*Input!$C$21,0)+IF(Input!$D$22=1,M5161*Input!$C$22,0)</f>
        <v>0.35367525808164968</v>
      </c>
      <c r="O5161" s="59">
        <f>IF(Input!$D$19=2,J5161*Input!$C$19,0)+IF(Input!$D$20=2,K5161*Input!$C$20,0)+IF(Input!$D$21=2,L5161*Input!$C$21,0)+IF(Input!$D$22=2,M5161*Input!$C$22,0)</f>
        <v>0.88418814520412425</v>
      </c>
      <c r="P5161" s="59">
        <f>IF(Input!$D$19=3,J5161*Input!$C$19,0)+IF(Input!$D$20=3,K5161*Input!$C$20,0)+IF(Input!$D$21=3,L5161*Input!$C$21,0)+IF(Input!$D$22=3,M5161*Input!$C$22,0)</f>
        <v>0</v>
      </c>
      <c r="Q5161" s="75">
        <f>IF(Input!$D$19=4,J5161*Input!$C$19,0)+IF(Input!$D$20=4,K5161*Input!$C$20,0)+IF(Input!$D$21=4,L5161*Input!$C$21,0)+IF(Input!$D$22=4,M5161*Input!$C$22,0)</f>
        <v>0</v>
      </c>
      <c r="R5161" s="58">
        <v>61.896543810261832</v>
      </c>
      <c r="S5161" s="124">
        <f t="shared" si="80"/>
        <v>1.5325927850204821</v>
      </c>
    </row>
    <row r="5162" spans="8:19" x14ac:dyDescent="0.3">
      <c r="H5162" s="44">
        <v>5155</v>
      </c>
      <c r="I5162" s="56">
        <f>Bühler!I5188</f>
        <v>0.35367525808164968</v>
      </c>
      <c r="J5162" s="59">
        <f>Bühler!J5188</f>
        <v>1.1789175269388323</v>
      </c>
      <c r="K5162" s="59">
        <f>Bühler!K5188</f>
        <v>1.7683762904082485</v>
      </c>
      <c r="L5162" s="59">
        <f>Bühler!L5188</f>
        <v>8.4882061939595932</v>
      </c>
      <c r="M5162" s="58">
        <f>Bühler!M5188</f>
        <v>0</v>
      </c>
      <c r="N5162" s="56">
        <f>IF(Input!$D$19=1,J5162*Input!$C$19,0)+IF(Input!$D$20=1,K5162*Input!$C$20,0)+IF(Input!$D$21=1,L5162*Input!$C$21,0)+IF(Input!$D$22=1,M5162*Input!$C$22,0)</f>
        <v>0.35367525808164968</v>
      </c>
      <c r="O5162" s="59">
        <f>IF(Input!$D$19=2,J5162*Input!$C$19,0)+IF(Input!$D$20=2,K5162*Input!$C$20,0)+IF(Input!$D$21=2,L5162*Input!$C$21,0)+IF(Input!$D$22=2,M5162*Input!$C$22,0)</f>
        <v>0.88418814520412425</v>
      </c>
      <c r="P5162" s="59">
        <f>IF(Input!$D$19=3,J5162*Input!$C$19,0)+IF(Input!$D$20=3,K5162*Input!$C$20,0)+IF(Input!$D$21=3,L5162*Input!$C$21,0)+IF(Input!$D$22=3,M5162*Input!$C$22,0)</f>
        <v>0</v>
      </c>
      <c r="Q5162" s="75">
        <f>IF(Input!$D$19=4,J5162*Input!$C$19,0)+IF(Input!$D$20=4,K5162*Input!$C$20,0)+IF(Input!$D$21=4,L5162*Input!$C$21,0)+IF(Input!$D$22=4,M5162*Input!$C$22,0)</f>
        <v>0</v>
      </c>
      <c r="R5162" s="58">
        <v>60.513590089065836</v>
      </c>
      <c r="S5162" s="124">
        <f t="shared" si="80"/>
        <v>1.5325927850204821</v>
      </c>
    </row>
    <row r="5163" spans="8:19" x14ac:dyDescent="0.3">
      <c r="H5163" s="44">
        <v>5156</v>
      </c>
      <c r="I5163" s="56">
        <f>Bühler!I5189</f>
        <v>0.35367525808164968</v>
      </c>
      <c r="J5163" s="59">
        <f>Bühler!J5189</f>
        <v>1.1789175269388323</v>
      </c>
      <c r="K5163" s="59">
        <f>Bühler!K5189</f>
        <v>1.7683762904082485</v>
      </c>
      <c r="L5163" s="59">
        <f>Bühler!L5189</f>
        <v>8.4882061939595932</v>
      </c>
      <c r="M5163" s="58">
        <f>Bühler!M5189</f>
        <v>0</v>
      </c>
      <c r="N5163" s="56">
        <f>IF(Input!$D$19=1,J5163*Input!$C$19,0)+IF(Input!$D$20=1,K5163*Input!$C$20,0)+IF(Input!$D$21=1,L5163*Input!$C$21,0)+IF(Input!$D$22=1,M5163*Input!$C$22,0)</f>
        <v>0.35367525808164968</v>
      </c>
      <c r="O5163" s="59">
        <f>IF(Input!$D$19=2,J5163*Input!$C$19,0)+IF(Input!$D$20=2,K5163*Input!$C$20,0)+IF(Input!$D$21=2,L5163*Input!$C$21,0)+IF(Input!$D$22=2,M5163*Input!$C$22,0)</f>
        <v>0.88418814520412425</v>
      </c>
      <c r="P5163" s="59">
        <f>IF(Input!$D$19=3,J5163*Input!$C$19,0)+IF(Input!$D$20=3,K5163*Input!$C$20,0)+IF(Input!$D$21=3,L5163*Input!$C$21,0)+IF(Input!$D$22=3,M5163*Input!$C$22,0)</f>
        <v>0</v>
      </c>
      <c r="Q5163" s="75">
        <f>IF(Input!$D$19=4,J5163*Input!$C$19,0)+IF(Input!$D$20=4,K5163*Input!$C$20,0)+IF(Input!$D$21=4,L5163*Input!$C$21,0)+IF(Input!$D$22=4,M5163*Input!$C$22,0)</f>
        <v>0</v>
      </c>
      <c r="R5163" s="58">
        <v>59.427451076157119</v>
      </c>
      <c r="S5163" s="124">
        <f t="shared" si="80"/>
        <v>1.5325927850204821</v>
      </c>
    </row>
    <row r="5164" spans="8:19" x14ac:dyDescent="0.3">
      <c r="H5164" s="44">
        <v>5157</v>
      </c>
      <c r="I5164" s="56">
        <f>Bühler!I5190</f>
        <v>0.27397379147170042</v>
      </c>
      <c r="J5164" s="59">
        <f>Bühler!J5190</f>
        <v>0.91324597157233489</v>
      </c>
      <c r="K5164" s="59">
        <f>Bühler!K5190</f>
        <v>1.3698689573585021</v>
      </c>
      <c r="L5164" s="59">
        <f>Bühler!L5190</f>
        <v>6.5753709953208102</v>
      </c>
      <c r="M5164" s="58">
        <f>Bühler!M5190</f>
        <v>0</v>
      </c>
      <c r="N5164" s="56">
        <f>IF(Input!$D$19=1,J5164*Input!$C$19,0)+IF(Input!$D$20=1,K5164*Input!$C$20,0)+IF(Input!$D$21=1,L5164*Input!$C$21,0)+IF(Input!$D$22=1,M5164*Input!$C$22,0)</f>
        <v>0.27397379147170048</v>
      </c>
      <c r="O5164" s="59">
        <f>IF(Input!$D$19=2,J5164*Input!$C$19,0)+IF(Input!$D$20=2,K5164*Input!$C$20,0)+IF(Input!$D$21=2,L5164*Input!$C$21,0)+IF(Input!$D$22=2,M5164*Input!$C$22,0)</f>
        <v>0.68493447867925106</v>
      </c>
      <c r="P5164" s="59">
        <f>IF(Input!$D$19=3,J5164*Input!$C$19,0)+IF(Input!$D$20=3,K5164*Input!$C$20,0)+IF(Input!$D$21=3,L5164*Input!$C$21,0)+IF(Input!$D$22=3,M5164*Input!$C$22,0)</f>
        <v>0</v>
      </c>
      <c r="Q5164" s="75">
        <f>IF(Input!$D$19=4,J5164*Input!$C$19,0)+IF(Input!$D$20=4,K5164*Input!$C$20,0)+IF(Input!$D$21=4,L5164*Input!$C$21,0)+IF(Input!$D$22=4,M5164*Input!$C$22,0)</f>
        <v>0</v>
      </c>
      <c r="R5164" s="58">
        <v>57.65237979138157</v>
      </c>
      <c r="S5164" s="124">
        <f t="shared" si="80"/>
        <v>1.1872197630440353</v>
      </c>
    </row>
    <row r="5165" spans="8:19" x14ac:dyDescent="0.3">
      <c r="H5165" s="44">
        <v>5158</v>
      </c>
      <c r="I5165" s="56">
        <f>Bühler!I5191</f>
        <v>0.10460817492555836</v>
      </c>
      <c r="J5165" s="59">
        <f>Bühler!J5191</f>
        <v>0.34869391641852787</v>
      </c>
      <c r="K5165" s="59">
        <f>Bühler!K5191</f>
        <v>0.52304087462779181</v>
      </c>
      <c r="L5165" s="59">
        <f>Bühler!L5191</f>
        <v>2.5105961982134004</v>
      </c>
      <c r="M5165" s="58">
        <f>Bühler!M5191</f>
        <v>0</v>
      </c>
      <c r="N5165" s="56">
        <f>IF(Input!$D$19=1,J5165*Input!$C$19,0)+IF(Input!$D$20=1,K5165*Input!$C$20,0)+IF(Input!$D$21=1,L5165*Input!$C$21,0)+IF(Input!$D$22=1,M5165*Input!$C$22,0)</f>
        <v>0.10460817492555836</v>
      </c>
      <c r="O5165" s="59">
        <f>IF(Input!$D$19=2,J5165*Input!$C$19,0)+IF(Input!$D$20=2,K5165*Input!$C$20,0)+IF(Input!$D$21=2,L5165*Input!$C$21,0)+IF(Input!$D$22=2,M5165*Input!$C$22,0)</f>
        <v>0.2615204373138959</v>
      </c>
      <c r="P5165" s="59">
        <f>IF(Input!$D$19=3,J5165*Input!$C$19,0)+IF(Input!$D$20=3,K5165*Input!$C$20,0)+IF(Input!$D$21=3,L5165*Input!$C$21,0)+IF(Input!$D$22=3,M5165*Input!$C$22,0)</f>
        <v>0</v>
      </c>
      <c r="Q5165" s="75">
        <f>IF(Input!$D$19=4,J5165*Input!$C$19,0)+IF(Input!$D$20=4,K5165*Input!$C$20,0)+IF(Input!$D$21=4,L5165*Input!$C$21,0)+IF(Input!$D$22=4,M5165*Input!$C$22,0)</f>
        <v>0</v>
      </c>
      <c r="R5165" s="58">
        <v>56.131153822667002</v>
      </c>
      <c r="S5165" s="124">
        <f t="shared" si="80"/>
        <v>0.45330209134408622</v>
      </c>
    </row>
    <row r="5166" spans="8:19" x14ac:dyDescent="0.3">
      <c r="H5166" s="44">
        <v>5159</v>
      </c>
      <c r="I5166" s="56">
        <f>Bühler!I5192</f>
        <v>0.10460817492555836</v>
      </c>
      <c r="J5166" s="59">
        <f>Bühler!J5192</f>
        <v>0.34869391641852787</v>
      </c>
      <c r="K5166" s="59">
        <f>Bühler!K5192</f>
        <v>0.52304087462779181</v>
      </c>
      <c r="L5166" s="59">
        <f>Bühler!L5192</f>
        <v>2.5105961982134004</v>
      </c>
      <c r="M5166" s="58">
        <f>Bühler!M5192</f>
        <v>0</v>
      </c>
      <c r="N5166" s="56">
        <f>IF(Input!$D$19=1,J5166*Input!$C$19,0)+IF(Input!$D$20=1,K5166*Input!$C$20,0)+IF(Input!$D$21=1,L5166*Input!$C$21,0)+IF(Input!$D$22=1,M5166*Input!$C$22,0)</f>
        <v>0.10460817492555836</v>
      </c>
      <c r="O5166" s="59">
        <f>IF(Input!$D$19=2,J5166*Input!$C$19,0)+IF(Input!$D$20=2,K5166*Input!$C$20,0)+IF(Input!$D$21=2,L5166*Input!$C$21,0)+IF(Input!$D$22=2,M5166*Input!$C$22,0)</f>
        <v>0.2615204373138959</v>
      </c>
      <c r="P5166" s="59">
        <f>IF(Input!$D$19=3,J5166*Input!$C$19,0)+IF(Input!$D$20=3,K5166*Input!$C$20,0)+IF(Input!$D$21=3,L5166*Input!$C$21,0)+IF(Input!$D$22=3,M5166*Input!$C$22,0)</f>
        <v>0</v>
      </c>
      <c r="Q5166" s="75">
        <f>IF(Input!$D$19=4,J5166*Input!$C$19,0)+IF(Input!$D$20=4,K5166*Input!$C$20,0)+IF(Input!$D$21=4,L5166*Input!$C$21,0)+IF(Input!$D$22=4,M5166*Input!$C$22,0)</f>
        <v>0</v>
      </c>
      <c r="R5166" s="58">
        <v>55.468570337080195</v>
      </c>
      <c r="S5166" s="124">
        <f t="shared" si="80"/>
        <v>0.45330209134408622</v>
      </c>
    </row>
    <row r="5167" spans="8:19" x14ac:dyDescent="0.3">
      <c r="H5167" s="44">
        <v>5160</v>
      </c>
      <c r="I5167" s="56">
        <f>Bühler!I5193</f>
        <v>0.10460817492555836</v>
      </c>
      <c r="J5167" s="59">
        <f>Bühler!J5193</f>
        <v>0.34869391641852787</v>
      </c>
      <c r="K5167" s="59">
        <f>Bühler!K5193</f>
        <v>0.52304087462779181</v>
      </c>
      <c r="L5167" s="59">
        <f>Bühler!L5193</f>
        <v>2.5105961982134004</v>
      </c>
      <c r="M5167" s="58">
        <f>Bühler!M5193</f>
        <v>0</v>
      </c>
      <c r="N5167" s="56">
        <f>IF(Input!$D$19=1,J5167*Input!$C$19,0)+IF(Input!$D$20=1,K5167*Input!$C$20,0)+IF(Input!$D$21=1,L5167*Input!$C$21,0)+IF(Input!$D$22=1,M5167*Input!$C$22,0)</f>
        <v>0.10460817492555836</v>
      </c>
      <c r="O5167" s="59">
        <f>IF(Input!$D$19=2,J5167*Input!$C$19,0)+IF(Input!$D$20=2,K5167*Input!$C$20,0)+IF(Input!$D$21=2,L5167*Input!$C$21,0)+IF(Input!$D$22=2,M5167*Input!$C$22,0)</f>
        <v>0.2615204373138959</v>
      </c>
      <c r="P5167" s="59">
        <f>IF(Input!$D$19=3,J5167*Input!$C$19,0)+IF(Input!$D$20=3,K5167*Input!$C$20,0)+IF(Input!$D$21=3,L5167*Input!$C$21,0)+IF(Input!$D$22=3,M5167*Input!$C$22,0)</f>
        <v>0</v>
      </c>
      <c r="Q5167" s="75">
        <f>IF(Input!$D$19=4,J5167*Input!$C$19,0)+IF(Input!$D$20=4,K5167*Input!$C$20,0)+IF(Input!$D$21=4,L5167*Input!$C$21,0)+IF(Input!$D$22=4,M5167*Input!$C$22,0)</f>
        <v>0</v>
      </c>
      <c r="R5167" s="58">
        <v>54.682117994146417</v>
      </c>
      <c r="S5167" s="124">
        <f t="shared" si="80"/>
        <v>0.45330209134408622</v>
      </c>
    </row>
    <row r="5168" spans="8:19" x14ac:dyDescent="0.3">
      <c r="H5168" s="44">
        <v>5161</v>
      </c>
      <c r="I5168" s="56">
        <f>Bühler!I5194</f>
        <v>4.8227134412149507E-2</v>
      </c>
      <c r="J5168" s="59">
        <f>Bühler!J5194</f>
        <v>0.16075711470716506</v>
      </c>
      <c r="K5168" s="59">
        <f>Bühler!K5194</f>
        <v>0.24113567206074757</v>
      </c>
      <c r="L5168" s="59">
        <f>Bühler!L5194</f>
        <v>3.5350590888940703</v>
      </c>
      <c r="M5168" s="58">
        <f>Bühler!M5194</f>
        <v>0</v>
      </c>
      <c r="N5168" s="56">
        <f>IF(Input!$D$19=1,J5168*Input!$C$19,0)+IF(Input!$D$20=1,K5168*Input!$C$20,0)+IF(Input!$D$21=1,L5168*Input!$C$21,0)+IF(Input!$D$22=1,M5168*Input!$C$22,0)</f>
        <v>4.8227134412149514E-2</v>
      </c>
      <c r="O5168" s="59">
        <f>IF(Input!$D$19=2,J5168*Input!$C$19,0)+IF(Input!$D$20=2,K5168*Input!$C$20,0)+IF(Input!$D$21=2,L5168*Input!$C$21,0)+IF(Input!$D$22=2,M5168*Input!$C$22,0)</f>
        <v>0.12056783603037378</v>
      </c>
      <c r="P5168" s="59">
        <f>IF(Input!$D$19=3,J5168*Input!$C$19,0)+IF(Input!$D$20=3,K5168*Input!$C$20,0)+IF(Input!$D$21=3,L5168*Input!$C$21,0)+IF(Input!$D$22=3,M5168*Input!$C$22,0)</f>
        <v>0</v>
      </c>
      <c r="Q5168" s="75">
        <f>IF(Input!$D$19=4,J5168*Input!$C$19,0)+IF(Input!$D$20=4,K5168*Input!$C$20,0)+IF(Input!$D$21=4,L5168*Input!$C$21,0)+IF(Input!$D$22=4,M5168*Input!$C$22,0)</f>
        <v>0</v>
      </c>
      <c r="R5168" s="58">
        <v>53.035707419475379</v>
      </c>
      <c r="S5168" s="124">
        <f t="shared" si="80"/>
        <v>0.20898424911931457</v>
      </c>
    </row>
    <row r="5169" spans="8:19" x14ac:dyDescent="0.3">
      <c r="H5169" s="44">
        <v>5162</v>
      </c>
      <c r="I5169" s="56">
        <f>Bühler!I5195</f>
        <v>9.4157738614196657E-2</v>
      </c>
      <c r="J5169" s="59">
        <f>Bühler!J5195</f>
        <v>0.31385912871398891</v>
      </c>
      <c r="K5169" s="59">
        <f>Bühler!K5195</f>
        <v>0.47078869307098331</v>
      </c>
      <c r="L5169" s="59">
        <f>Bühler!L5195</f>
        <v>6.901782030697948</v>
      </c>
      <c r="M5169" s="58">
        <f>Bühler!M5195</f>
        <v>0</v>
      </c>
      <c r="N5169" s="56">
        <f>IF(Input!$D$19=1,J5169*Input!$C$19,0)+IF(Input!$D$20=1,K5169*Input!$C$20,0)+IF(Input!$D$21=1,L5169*Input!$C$21,0)+IF(Input!$D$22=1,M5169*Input!$C$22,0)</f>
        <v>9.415773861419667E-2</v>
      </c>
      <c r="O5169" s="59">
        <f>IF(Input!$D$19=2,J5169*Input!$C$19,0)+IF(Input!$D$20=2,K5169*Input!$C$20,0)+IF(Input!$D$21=2,L5169*Input!$C$21,0)+IF(Input!$D$22=2,M5169*Input!$C$22,0)</f>
        <v>0.23539434653549166</v>
      </c>
      <c r="P5169" s="59">
        <f>IF(Input!$D$19=3,J5169*Input!$C$19,0)+IF(Input!$D$20=3,K5169*Input!$C$20,0)+IF(Input!$D$21=3,L5169*Input!$C$21,0)+IF(Input!$D$22=3,M5169*Input!$C$22,0)</f>
        <v>0</v>
      </c>
      <c r="Q5169" s="75">
        <f>IF(Input!$D$19=4,J5169*Input!$C$19,0)+IF(Input!$D$20=4,K5169*Input!$C$20,0)+IF(Input!$D$21=4,L5169*Input!$C$21,0)+IF(Input!$D$22=4,M5169*Input!$C$22,0)</f>
        <v>0</v>
      </c>
      <c r="R5169" s="58">
        <v>52.078973732746952</v>
      </c>
      <c r="S5169" s="124">
        <f t="shared" si="80"/>
        <v>0.40801686732818554</v>
      </c>
    </row>
    <row r="5170" spans="8:19" x14ac:dyDescent="0.3">
      <c r="H5170" s="44">
        <v>5163</v>
      </c>
      <c r="I5170" s="56">
        <f>Bühler!I5196</f>
        <v>9.4157738614196657E-2</v>
      </c>
      <c r="J5170" s="59">
        <f>Bühler!J5196</f>
        <v>0.31385912871398891</v>
      </c>
      <c r="K5170" s="59">
        <f>Bühler!K5196</f>
        <v>0.47078869307098331</v>
      </c>
      <c r="L5170" s="59">
        <f>Bühler!L5196</f>
        <v>6.901782030697948</v>
      </c>
      <c r="M5170" s="58">
        <f>Bühler!M5196</f>
        <v>0</v>
      </c>
      <c r="N5170" s="56">
        <f>IF(Input!$D$19=1,J5170*Input!$C$19,0)+IF(Input!$D$20=1,K5170*Input!$C$20,0)+IF(Input!$D$21=1,L5170*Input!$C$21,0)+IF(Input!$D$22=1,M5170*Input!$C$22,0)</f>
        <v>9.415773861419667E-2</v>
      </c>
      <c r="O5170" s="59">
        <f>IF(Input!$D$19=2,J5170*Input!$C$19,0)+IF(Input!$D$20=2,K5170*Input!$C$20,0)+IF(Input!$D$21=2,L5170*Input!$C$21,0)+IF(Input!$D$22=2,M5170*Input!$C$22,0)</f>
        <v>0.23539434653549166</v>
      </c>
      <c r="P5170" s="59">
        <f>IF(Input!$D$19=3,J5170*Input!$C$19,0)+IF(Input!$D$20=3,K5170*Input!$C$20,0)+IF(Input!$D$21=3,L5170*Input!$C$21,0)+IF(Input!$D$22=3,M5170*Input!$C$22,0)</f>
        <v>0</v>
      </c>
      <c r="Q5170" s="75">
        <f>IF(Input!$D$19=4,J5170*Input!$C$19,0)+IF(Input!$D$20=4,K5170*Input!$C$20,0)+IF(Input!$D$21=4,L5170*Input!$C$21,0)+IF(Input!$D$22=4,M5170*Input!$C$22,0)</f>
        <v>0</v>
      </c>
      <c r="R5170" s="58">
        <v>51.069994452513669</v>
      </c>
      <c r="S5170" s="124">
        <f t="shared" si="80"/>
        <v>0.40801686732818554</v>
      </c>
    </row>
    <row r="5171" spans="8:19" x14ac:dyDescent="0.3">
      <c r="H5171" s="44">
        <v>5164</v>
      </c>
      <c r="I5171" s="56">
        <f>Bühler!I5197</f>
        <v>9.4157738614196657E-2</v>
      </c>
      <c r="J5171" s="59">
        <f>Bühler!J5197</f>
        <v>0.31385912871398891</v>
      </c>
      <c r="K5171" s="59">
        <f>Bühler!K5197</f>
        <v>0.47078869307098331</v>
      </c>
      <c r="L5171" s="59">
        <f>Bühler!L5197</f>
        <v>6.901782030697948</v>
      </c>
      <c r="M5171" s="58">
        <f>Bühler!M5197</f>
        <v>0</v>
      </c>
      <c r="N5171" s="56">
        <f>IF(Input!$D$19=1,J5171*Input!$C$19,0)+IF(Input!$D$20=1,K5171*Input!$C$20,0)+IF(Input!$D$21=1,L5171*Input!$C$21,0)+IF(Input!$D$22=1,M5171*Input!$C$22,0)</f>
        <v>9.415773861419667E-2</v>
      </c>
      <c r="O5171" s="59">
        <f>IF(Input!$D$19=2,J5171*Input!$C$19,0)+IF(Input!$D$20=2,K5171*Input!$C$20,0)+IF(Input!$D$21=2,L5171*Input!$C$21,0)+IF(Input!$D$22=2,M5171*Input!$C$22,0)</f>
        <v>0.23539434653549166</v>
      </c>
      <c r="P5171" s="59">
        <f>IF(Input!$D$19=3,J5171*Input!$C$19,0)+IF(Input!$D$20=3,K5171*Input!$C$20,0)+IF(Input!$D$21=3,L5171*Input!$C$21,0)+IF(Input!$D$22=3,M5171*Input!$C$22,0)</f>
        <v>0</v>
      </c>
      <c r="Q5171" s="75">
        <f>IF(Input!$D$19=4,J5171*Input!$C$19,0)+IF(Input!$D$20=4,K5171*Input!$C$20,0)+IF(Input!$D$21=4,L5171*Input!$C$21,0)+IF(Input!$D$22=4,M5171*Input!$C$22,0)</f>
        <v>0</v>
      </c>
      <c r="R5171" s="58">
        <v>50.217814854063384</v>
      </c>
      <c r="S5171" s="124">
        <f t="shared" si="80"/>
        <v>0.40801686732818554</v>
      </c>
    </row>
    <row r="5172" spans="8:19" x14ac:dyDescent="0.3">
      <c r="H5172" s="44">
        <v>5165</v>
      </c>
      <c r="I5172" s="56">
        <f>Bühler!I5198</f>
        <v>9.4157738614196657E-2</v>
      </c>
      <c r="J5172" s="59">
        <f>Bühler!J5198</f>
        <v>0.31385912871398891</v>
      </c>
      <c r="K5172" s="59">
        <f>Bühler!K5198</f>
        <v>0.47078869307098331</v>
      </c>
      <c r="L5172" s="59">
        <f>Bühler!L5198</f>
        <v>6.901782030697948</v>
      </c>
      <c r="M5172" s="58">
        <f>Bühler!M5198</f>
        <v>0</v>
      </c>
      <c r="N5172" s="56">
        <f>IF(Input!$D$19=1,J5172*Input!$C$19,0)+IF(Input!$D$20=1,K5172*Input!$C$20,0)+IF(Input!$D$21=1,L5172*Input!$C$21,0)+IF(Input!$D$22=1,M5172*Input!$C$22,0)</f>
        <v>9.415773861419667E-2</v>
      </c>
      <c r="O5172" s="59">
        <f>IF(Input!$D$19=2,J5172*Input!$C$19,0)+IF(Input!$D$20=2,K5172*Input!$C$20,0)+IF(Input!$D$21=2,L5172*Input!$C$21,0)+IF(Input!$D$22=2,M5172*Input!$C$22,0)</f>
        <v>0.23539434653549166</v>
      </c>
      <c r="P5172" s="59">
        <f>IF(Input!$D$19=3,J5172*Input!$C$19,0)+IF(Input!$D$20=3,K5172*Input!$C$20,0)+IF(Input!$D$21=3,L5172*Input!$C$21,0)+IF(Input!$D$22=3,M5172*Input!$C$22,0)</f>
        <v>0</v>
      </c>
      <c r="Q5172" s="75">
        <f>IF(Input!$D$19=4,J5172*Input!$C$19,0)+IF(Input!$D$20=4,K5172*Input!$C$20,0)+IF(Input!$D$21=4,L5172*Input!$C$21,0)+IF(Input!$D$22=4,M5172*Input!$C$22,0)</f>
        <v>0</v>
      </c>
      <c r="R5172" s="58">
        <v>48.638663034672973</v>
      </c>
      <c r="S5172" s="124">
        <f t="shared" si="80"/>
        <v>0.40801686732818554</v>
      </c>
    </row>
    <row r="5173" spans="8:19" x14ac:dyDescent="0.3">
      <c r="H5173" s="44">
        <v>5166</v>
      </c>
      <c r="I5173" s="56">
        <f>Bühler!I5199</f>
        <v>0.11712304071522023</v>
      </c>
      <c r="J5173" s="59">
        <f>Bühler!J5199</f>
        <v>0.39041013571740085</v>
      </c>
      <c r="K5173" s="59">
        <f>Bühler!K5199</f>
        <v>0.5856152035761012</v>
      </c>
      <c r="L5173" s="59">
        <f>Bühler!L5199</f>
        <v>8.5851435015998856</v>
      </c>
      <c r="M5173" s="58">
        <f>Bühler!M5199</f>
        <v>0</v>
      </c>
      <c r="N5173" s="56">
        <f>IF(Input!$D$19=1,J5173*Input!$C$19,0)+IF(Input!$D$20=1,K5173*Input!$C$20,0)+IF(Input!$D$21=1,L5173*Input!$C$21,0)+IF(Input!$D$22=1,M5173*Input!$C$22,0)</f>
        <v>0.11712304071522026</v>
      </c>
      <c r="O5173" s="59">
        <f>IF(Input!$D$19=2,J5173*Input!$C$19,0)+IF(Input!$D$20=2,K5173*Input!$C$20,0)+IF(Input!$D$21=2,L5173*Input!$C$21,0)+IF(Input!$D$22=2,M5173*Input!$C$22,0)</f>
        <v>0.2928076017880506</v>
      </c>
      <c r="P5173" s="59">
        <f>IF(Input!$D$19=3,J5173*Input!$C$19,0)+IF(Input!$D$20=3,K5173*Input!$C$20,0)+IF(Input!$D$21=3,L5173*Input!$C$21,0)+IF(Input!$D$22=3,M5173*Input!$C$22,0)</f>
        <v>0</v>
      </c>
      <c r="Q5173" s="75">
        <f>IF(Input!$D$19=4,J5173*Input!$C$19,0)+IF(Input!$D$20=4,K5173*Input!$C$20,0)+IF(Input!$D$21=4,L5173*Input!$C$21,0)+IF(Input!$D$22=4,M5173*Input!$C$22,0)</f>
        <v>0</v>
      </c>
      <c r="R5173" s="58">
        <v>47.929992238855938</v>
      </c>
      <c r="S5173" s="124">
        <f t="shared" si="80"/>
        <v>0.50753317643262108</v>
      </c>
    </row>
    <row r="5174" spans="8:19" x14ac:dyDescent="0.3">
      <c r="H5174" s="44">
        <v>5167</v>
      </c>
      <c r="I5174" s="56">
        <f>Bühler!I5200</f>
        <v>0.14697793344655088</v>
      </c>
      <c r="J5174" s="59">
        <f>Bühler!J5200</f>
        <v>0.48992644482183628</v>
      </c>
      <c r="K5174" s="59">
        <f>Bühler!K5200</f>
        <v>0.7348896672327544</v>
      </c>
      <c r="L5174" s="59">
        <f>Bühler!L5200</f>
        <v>10.773513413772404</v>
      </c>
      <c r="M5174" s="58">
        <f>Bühler!M5200</f>
        <v>0</v>
      </c>
      <c r="N5174" s="56">
        <f>IF(Input!$D$19=1,J5174*Input!$C$19,0)+IF(Input!$D$20=1,K5174*Input!$C$20,0)+IF(Input!$D$21=1,L5174*Input!$C$21,0)+IF(Input!$D$22=1,M5174*Input!$C$22,0)</f>
        <v>0.14697793344655088</v>
      </c>
      <c r="O5174" s="59">
        <f>IF(Input!$D$19=2,J5174*Input!$C$19,0)+IF(Input!$D$20=2,K5174*Input!$C$20,0)+IF(Input!$D$21=2,L5174*Input!$C$21,0)+IF(Input!$D$22=2,M5174*Input!$C$22,0)</f>
        <v>0.3674448336163772</v>
      </c>
      <c r="P5174" s="59">
        <f>IF(Input!$D$19=3,J5174*Input!$C$19,0)+IF(Input!$D$20=3,K5174*Input!$C$20,0)+IF(Input!$D$21=3,L5174*Input!$C$21,0)+IF(Input!$D$22=3,M5174*Input!$C$22,0)</f>
        <v>0</v>
      </c>
      <c r="Q5174" s="75">
        <f>IF(Input!$D$19=4,J5174*Input!$C$19,0)+IF(Input!$D$20=4,K5174*Input!$C$20,0)+IF(Input!$D$21=4,L5174*Input!$C$21,0)+IF(Input!$D$22=4,M5174*Input!$C$22,0)</f>
        <v>0</v>
      </c>
      <c r="R5174" s="58">
        <v>47.434887548406657</v>
      </c>
      <c r="S5174" s="124">
        <f t="shared" si="80"/>
        <v>0.63690437826838719</v>
      </c>
    </row>
    <row r="5175" spans="8:19" x14ac:dyDescent="0.3">
      <c r="H5175" s="44">
        <v>5168</v>
      </c>
      <c r="I5175" s="56">
        <f>Bühler!I5201</f>
        <v>0.16764670533747206</v>
      </c>
      <c r="J5175" s="59">
        <f>Bühler!J5201</f>
        <v>0.55882235112490697</v>
      </c>
      <c r="K5175" s="59">
        <f>Bühler!K5201</f>
        <v>0.83823352668736051</v>
      </c>
      <c r="L5175" s="59">
        <f>Bühler!L5201</f>
        <v>12.288538737584149</v>
      </c>
      <c r="M5175" s="58">
        <f>Bühler!M5201</f>
        <v>0</v>
      </c>
      <c r="N5175" s="56">
        <f>IF(Input!$D$19=1,J5175*Input!$C$19,0)+IF(Input!$D$20=1,K5175*Input!$C$20,0)+IF(Input!$D$21=1,L5175*Input!$C$21,0)+IF(Input!$D$22=1,M5175*Input!$C$22,0)</f>
        <v>0.16764670533747209</v>
      </c>
      <c r="O5175" s="59">
        <f>IF(Input!$D$19=2,J5175*Input!$C$19,0)+IF(Input!$D$20=2,K5175*Input!$C$20,0)+IF(Input!$D$21=2,L5175*Input!$C$21,0)+IF(Input!$D$22=2,M5175*Input!$C$22,0)</f>
        <v>0.41911676334368025</v>
      </c>
      <c r="P5175" s="59">
        <f>IF(Input!$D$19=3,J5175*Input!$C$19,0)+IF(Input!$D$20=3,K5175*Input!$C$20,0)+IF(Input!$D$21=3,L5175*Input!$C$21,0)+IF(Input!$D$22=3,M5175*Input!$C$22,0)</f>
        <v>0</v>
      </c>
      <c r="Q5175" s="75">
        <f>IF(Input!$D$19=4,J5175*Input!$C$19,0)+IF(Input!$D$20=4,K5175*Input!$C$20,0)+IF(Input!$D$21=4,L5175*Input!$C$21,0)+IF(Input!$D$22=4,M5175*Input!$C$22,0)</f>
        <v>0</v>
      </c>
      <c r="R5175" s="58">
        <v>47.245422573017706</v>
      </c>
      <c r="S5175" s="124">
        <f t="shared" si="80"/>
        <v>0.72646905646237903</v>
      </c>
    </row>
    <row r="5176" spans="8:19" x14ac:dyDescent="0.3">
      <c r="H5176" s="44">
        <v>5169</v>
      </c>
      <c r="I5176" s="56">
        <f>Bühler!I5202</f>
        <v>0.16764670533747206</v>
      </c>
      <c r="J5176" s="59">
        <f>Bühler!J5202</f>
        <v>0.55882235112490697</v>
      </c>
      <c r="K5176" s="59">
        <f>Bühler!K5202</f>
        <v>0.83823352668736051</v>
      </c>
      <c r="L5176" s="59">
        <f>Bühler!L5202</f>
        <v>12.288538737584149</v>
      </c>
      <c r="M5176" s="58">
        <f>Bühler!M5202</f>
        <v>0</v>
      </c>
      <c r="N5176" s="56">
        <f>IF(Input!$D$19=1,J5176*Input!$C$19,0)+IF(Input!$D$20=1,K5176*Input!$C$20,0)+IF(Input!$D$21=1,L5176*Input!$C$21,0)+IF(Input!$D$22=1,M5176*Input!$C$22,0)</f>
        <v>0.16764670533747209</v>
      </c>
      <c r="O5176" s="59">
        <f>IF(Input!$D$19=2,J5176*Input!$C$19,0)+IF(Input!$D$20=2,K5176*Input!$C$20,0)+IF(Input!$D$21=2,L5176*Input!$C$21,0)+IF(Input!$D$22=2,M5176*Input!$C$22,0)</f>
        <v>0.41911676334368025</v>
      </c>
      <c r="P5176" s="59">
        <f>IF(Input!$D$19=3,J5176*Input!$C$19,0)+IF(Input!$D$20=3,K5176*Input!$C$20,0)+IF(Input!$D$21=3,L5176*Input!$C$21,0)+IF(Input!$D$22=3,M5176*Input!$C$22,0)</f>
        <v>0</v>
      </c>
      <c r="Q5176" s="75">
        <f>IF(Input!$D$19=4,J5176*Input!$C$19,0)+IF(Input!$D$20=4,K5176*Input!$C$20,0)+IF(Input!$D$21=4,L5176*Input!$C$21,0)+IF(Input!$D$22=4,M5176*Input!$C$22,0)</f>
        <v>0</v>
      </c>
      <c r="R5176" s="58">
        <v>46.740953870569932</v>
      </c>
      <c r="S5176" s="124">
        <f t="shared" si="80"/>
        <v>0.72646905646237903</v>
      </c>
    </row>
    <row r="5177" spans="8:19" x14ac:dyDescent="0.3">
      <c r="H5177" s="44">
        <v>5170</v>
      </c>
      <c r="I5177" s="56">
        <f>Bühler!I5203</f>
        <v>0.16764670533747206</v>
      </c>
      <c r="J5177" s="59">
        <f>Bühler!J5203</f>
        <v>0.55882235112490697</v>
      </c>
      <c r="K5177" s="59">
        <f>Bühler!K5203</f>
        <v>0.83823352668736051</v>
      </c>
      <c r="L5177" s="59">
        <f>Bühler!L5203</f>
        <v>12.288538737584149</v>
      </c>
      <c r="M5177" s="58">
        <f>Bühler!M5203</f>
        <v>0</v>
      </c>
      <c r="N5177" s="56">
        <f>IF(Input!$D$19=1,J5177*Input!$C$19,0)+IF(Input!$D$20=1,K5177*Input!$C$20,0)+IF(Input!$D$21=1,L5177*Input!$C$21,0)+IF(Input!$D$22=1,M5177*Input!$C$22,0)</f>
        <v>0.16764670533747209</v>
      </c>
      <c r="O5177" s="59">
        <f>IF(Input!$D$19=2,J5177*Input!$C$19,0)+IF(Input!$D$20=2,K5177*Input!$C$20,0)+IF(Input!$D$21=2,L5177*Input!$C$21,0)+IF(Input!$D$22=2,M5177*Input!$C$22,0)</f>
        <v>0.41911676334368025</v>
      </c>
      <c r="P5177" s="59">
        <f>IF(Input!$D$19=3,J5177*Input!$C$19,0)+IF(Input!$D$20=3,K5177*Input!$C$20,0)+IF(Input!$D$21=3,L5177*Input!$C$21,0)+IF(Input!$D$22=3,M5177*Input!$C$22,0)</f>
        <v>0</v>
      </c>
      <c r="Q5177" s="75">
        <f>IF(Input!$D$19=4,J5177*Input!$C$19,0)+IF(Input!$D$20=4,K5177*Input!$C$20,0)+IF(Input!$D$21=4,L5177*Input!$C$21,0)+IF(Input!$D$22=4,M5177*Input!$C$22,0)</f>
        <v>0</v>
      </c>
      <c r="R5177" s="58">
        <v>46.452561224353893</v>
      </c>
      <c r="S5177" s="124">
        <f t="shared" si="80"/>
        <v>0.72646905646237903</v>
      </c>
    </row>
    <row r="5178" spans="8:19" x14ac:dyDescent="0.3">
      <c r="H5178" s="44">
        <v>5171</v>
      </c>
      <c r="I5178" s="56">
        <f>Bühler!I5204</f>
        <v>0.16764670533747206</v>
      </c>
      <c r="J5178" s="59">
        <f>Bühler!J5204</f>
        <v>0.55882235112490697</v>
      </c>
      <c r="K5178" s="59">
        <f>Bühler!K5204</f>
        <v>0.83823352668736051</v>
      </c>
      <c r="L5178" s="59">
        <f>Bühler!L5204</f>
        <v>12.288538737584149</v>
      </c>
      <c r="M5178" s="58">
        <f>Bühler!M5204</f>
        <v>0</v>
      </c>
      <c r="N5178" s="56">
        <f>IF(Input!$D$19=1,J5178*Input!$C$19,0)+IF(Input!$D$20=1,K5178*Input!$C$20,0)+IF(Input!$D$21=1,L5178*Input!$C$21,0)+IF(Input!$D$22=1,M5178*Input!$C$22,0)</f>
        <v>0.16764670533747209</v>
      </c>
      <c r="O5178" s="59">
        <f>IF(Input!$D$19=2,J5178*Input!$C$19,0)+IF(Input!$D$20=2,K5178*Input!$C$20,0)+IF(Input!$D$21=2,L5178*Input!$C$21,0)+IF(Input!$D$22=2,M5178*Input!$C$22,0)</f>
        <v>0.41911676334368025</v>
      </c>
      <c r="P5178" s="59">
        <f>IF(Input!$D$19=3,J5178*Input!$C$19,0)+IF(Input!$D$20=3,K5178*Input!$C$20,0)+IF(Input!$D$21=3,L5178*Input!$C$21,0)+IF(Input!$D$22=3,M5178*Input!$C$22,0)</f>
        <v>0</v>
      </c>
      <c r="Q5178" s="75">
        <f>IF(Input!$D$19=4,J5178*Input!$C$19,0)+IF(Input!$D$20=4,K5178*Input!$C$20,0)+IF(Input!$D$21=4,L5178*Input!$C$21,0)+IF(Input!$D$22=4,M5178*Input!$C$22,0)</f>
        <v>0</v>
      </c>
      <c r="R5178" s="58">
        <v>46.451714891415591</v>
      </c>
      <c r="S5178" s="124">
        <f t="shared" si="80"/>
        <v>0.72646905646237903</v>
      </c>
    </row>
    <row r="5179" spans="8:19" x14ac:dyDescent="0.3">
      <c r="H5179" s="44">
        <v>5172</v>
      </c>
      <c r="I5179" s="56">
        <f>Bühler!I5205</f>
        <v>0.16764670533747206</v>
      </c>
      <c r="J5179" s="59">
        <f>Bühler!J5205</f>
        <v>0.55882235112490697</v>
      </c>
      <c r="K5179" s="59">
        <f>Bühler!K5205</f>
        <v>0.83823352668736051</v>
      </c>
      <c r="L5179" s="59">
        <f>Bühler!L5205</f>
        <v>12.288538737584149</v>
      </c>
      <c r="M5179" s="58">
        <f>Bühler!M5205</f>
        <v>0</v>
      </c>
      <c r="N5179" s="56">
        <f>IF(Input!$D$19=1,J5179*Input!$C$19,0)+IF(Input!$D$20=1,K5179*Input!$C$20,0)+IF(Input!$D$21=1,L5179*Input!$C$21,0)+IF(Input!$D$22=1,M5179*Input!$C$22,0)</f>
        <v>0.16764670533747209</v>
      </c>
      <c r="O5179" s="59">
        <f>IF(Input!$D$19=2,J5179*Input!$C$19,0)+IF(Input!$D$20=2,K5179*Input!$C$20,0)+IF(Input!$D$21=2,L5179*Input!$C$21,0)+IF(Input!$D$22=2,M5179*Input!$C$22,0)</f>
        <v>0.41911676334368025</v>
      </c>
      <c r="P5179" s="59">
        <f>IF(Input!$D$19=3,J5179*Input!$C$19,0)+IF(Input!$D$20=3,K5179*Input!$C$20,0)+IF(Input!$D$21=3,L5179*Input!$C$21,0)+IF(Input!$D$22=3,M5179*Input!$C$22,0)</f>
        <v>0</v>
      </c>
      <c r="Q5179" s="75">
        <f>IF(Input!$D$19=4,J5179*Input!$C$19,0)+IF(Input!$D$20=4,K5179*Input!$C$20,0)+IF(Input!$D$21=4,L5179*Input!$C$21,0)+IF(Input!$D$22=4,M5179*Input!$C$22,0)</f>
        <v>0</v>
      </c>
      <c r="R5179" s="58">
        <v>46.557236604008409</v>
      </c>
      <c r="S5179" s="124">
        <f t="shared" si="80"/>
        <v>0.72646905646237903</v>
      </c>
    </row>
    <row r="5180" spans="8:19" x14ac:dyDescent="0.3">
      <c r="H5180" s="44">
        <v>5173</v>
      </c>
      <c r="I5180" s="56">
        <f>Bühler!I5206</f>
        <v>0.16764670533747206</v>
      </c>
      <c r="J5180" s="59">
        <f>Bühler!J5206</f>
        <v>0.55882235112490697</v>
      </c>
      <c r="K5180" s="59">
        <f>Bühler!K5206</f>
        <v>0.83823352668736051</v>
      </c>
      <c r="L5180" s="59">
        <f>Bühler!L5206</f>
        <v>12.288538737584149</v>
      </c>
      <c r="M5180" s="58">
        <f>Bühler!M5206</f>
        <v>0</v>
      </c>
      <c r="N5180" s="56">
        <f>IF(Input!$D$19=1,J5180*Input!$C$19,0)+IF(Input!$D$20=1,K5180*Input!$C$20,0)+IF(Input!$D$21=1,L5180*Input!$C$21,0)+IF(Input!$D$22=1,M5180*Input!$C$22,0)</f>
        <v>0.16764670533747209</v>
      </c>
      <c r="O5180" s="59">
        <f>IF(Input!$D$19=2,J5180*Input!$C$19,0)+IF(Input!$D$20=2,K5180*Input!$C$20,0)+IF(Input!$D$21=2,L5180*Input!$C$21,0)+IF(Input!$D$22=2,M5180*Input!$C$22,0)</f>
        <v>0.41911676334368025</v>
      </c>
      <c r="P5180" s="59">
        <f>IF(Input!$D$19=3,J5180*Input!$C$19,0)+IF(Input!$D$20=3,K5180*Input!$C$20,0)+IF(Input!$D$21=3,L5180*Input!$C$21,0)+IF(Input!$D$22=3,M5180*Input!$C$22,0)</f>
        <v>0</v>
      </c>
      <c r="Q5180" s="75">
        <f>IF(Input!$D$19=4,J5180*Input!$C$19,0)+IF(Input!$D$20=4,K5180*Input!$C$20,0)+IF(Input!$D$21=4,L5180*Input!$C$21,0)+IF(Input!$D$22=4,M5180*Input!$C$22,0)</f>
        <v>0</v>
      </c>
      <c r="R5180" s="58">
        <v>45.861554969158291</v>
      </c>
      <c r="S5180" s="124">
        <f t="shared" si="80"/>
        <v>0.72646905646237903</v>
      </c>
    </row>
    <row r="5181" spans="8:19" x14ac:dyDescent="0.3">
      <c r="H5181" s="44">
        <v>5174</v>
      </c>
      <c r="I5181" s="56">
        <f>Bühler!I5207</f>
        <v>0.16764670533747206</v>
      </c>
      <c r="J5181" s="59">
        <f>Bühler!J5207</f>
        <v>0.55882235112490697</v>
      </c>
      <c r="K5181" s="59">
        <f>Bühler!K5207</f>
        <v>0.83823352668736051</v>
      </c>
      <c r="L5181" s="59">
        <f>Bühler!L5207</f>
        <v>12.288538737584149</v>
      </c>
      <c r="M5181" s="58">
        <f>Bühler!M5207</f>
        <v>0</v>
      </c>
      <c r="N5181" s="56">
        <f>IF(Input!$D$19=1,J5181*Input!$C$19,0)+IF(Input!$D$20=1,K5181*Input!$C$20,0)+IF(Input!$D$21=1,L5181*Input!$C$21,0)+IF(Input!$D$22=1,M5181*Input!$C$22,0)</f>
        <v>0.16764670533747209</v>
      </c>
      <c r="O5181" s="59">
        <f>IF(Input!$D$19=2,J5181*Input!$C$19,0)+IF(Input!$D$20=2,K5181*Input!$C$20,0)+IF(Input!$D$21=2,L5181*Input!$C$21,0)+IF(Input!$D$22=2,M5181*Input!$C$22,0)</f>
        <v>0.41911676334368025</v>
      </c>
      <c r="P5181" s="59">
        <f>IF(Input!$D$19=3,J5181*Input!$C$19,0)+IF(Input!$D$20=3,K5181*Input!$C$20,0)+IF(Input!$D$21=3,L5181*Input!$C$21,0)+IF(Input!$D$22=3,M5181*Input!$C$22,0)</f>
        <v>0</v>
      </c>
      <c r="Q5181" s="75">
        <f>IF(Input!$D$19=4,J5181*Input!$C$19,0)+IF(Input!$D$20=4,K5181*Input!$C$20,0)+IF(Input!$D$21=4,L5181*Input!$C$21,0)+IF(Input!$D$22=4,M5181*Input!$C$22,0)</f>
        <v>0</v>
      </c>
      <c r="R5181" s="58">
        <v>45.195785898159961</v>
      </c>
      <c r="S5181" s="124">
        <f t="shared" si="80"/>
        <v>0.72646905646237903</v>
      </c>
    </row>
    <row r="5182" spans="8:19" x14ac:dyDescent="0.3">
      <c r="H5182" s="44">
        <v>5175</v>
      </c>
      <c r="I5182" s="56">
        <f>Bühler!I5208</f>
        <v>0.16764670533747206</v>
      </c>
      <c r="J5182" s="59">
        <f>Bühler!J5208</f>
        <v>0.55882235112490697</v>
      </c>
      <c r="K5182" s="59">
        <f>Bühler!K5208</f>
        <v>0.83823352668736051</v>
      </c>
      <c r="L5182" s="59">
        <f>Bühler!L5208</f>
        <v>12.288538737584149</v>
      </c>
      <c r="M5182" s="58">
        <f>Bühler!M5208</f>
        <v>0</v>
      </c>
      <c r="N5182" s="56">
        <f>IF(Input!$D$19=1,J5182*Input!$C$19,0)+IF(Input!$D$20=1,K5182*Input!$C$20,0)+IF(Input!$D$21=1,L5182*Input!$C$21,0)+IF(Input!$D$22=1,M5182*Input!$C$22,0)</f>
        <v>0.16764670533747209</v>
      </c>
      <c r="O5182" s="59">
        <f>IF(Input!$D$19=2,J5182*Input!$C$19,0)+IF(Input!$D$20=2,K5182*Input!$C$20,0)+IF(Input!$D$21=2,L5182*Input!$C$21,0)+IF(Input!$D$22=2,M5182*Input!$C$22,0)</f>
        <v>0.41911676334368025</v>
      </c>
      <c r="P5182" s="59">
        <f>IF(Input!$D$19=3,J5182*Input!$C$19,0)+IF(Input!$D$20=3,K5182*Input!$C$20,0)+IF(Input!$D$21=3,L5182*Input!$C$21,0)+IF(Input!$D$22=3,M5182*Input!$C$22,0)</f>
        <v>0</v>
      </c>
      <c r="Q5182" s="75">
        <f>IF(Input!$D$19=4,J5182*Input!$C$19,0)+IF(Input!$D$20=4,K5182*Input!$C$20,0)+IF(Input!$D$21=4,L5182*Input!$C$21,0)+IF(Input!$D$22=4,M5182*Input!$C$22,0)</f>
        <v>0</v>
      </c>
      <c r="R5182" s="58">
        <v>44.561844025600649</v>
      </c>
      <c r="S5182" s="124">
        <f t="shared" si="80"/>
        <v>0.72646905646237903</v>
      </c>
    </row>
    <row r="5183" spans="8:19" x14ac:dyDescent="0.3">
      <c r="H5183" s="44">
        <v>5176</v>
      </c>
      <c r="I5183" s="56">
        <f>Bühler!I5209</f>
        <v>0.15157099386675557</v>
      </c>
      <c r="J5183" s="59">
        <f>Bühler!J5209</f>
        <v>0.50523664622251863</v>
      </c>
      <c r="K5183" s="59">
        <f>Bühler!K5209</f>
        <v>0.75785496933377794</v>
      </c>
      <c r="L5183" s="59">
        <f>Bühler!L5209</f>
        <v>11.110185707952791</v>
      </c>
      <c r="M5183" s="58">
        <f>Bühler!M5209</f>
        <v>0</v>
      </c>
      <c r="N5183" s="56">
        <f>IF(Input!$D$19=1,J5183*Input!$C$19,0)+IF(Input!$D$20=1,K5183*Input!$C$20,0)+IF(Input!$D$21=1,L5183*Input!$C$21,0)+IF(Input!$D$22=1,M5183*Input!$C$22,0)</f>
        <v>0.15157099386675557</v>
      </c>
      <c r="O5183" s="59">
        <f>IF(Input!$D$19=2,J5183*Input!$C$19,0)+IF(Input!$D$20=2,K5183*Input!$C$20,0)+IF(Input!$D$21=2,L5183*Input!$C$21,0)+IF(Input!$D$22=2,M5183*Input!$C$22,0)</f>
        <v>0.37892748466688897</v>
      </c>
      <c r="P5183" s="59">
        <f>IF(Input!$D$19=3,J5183*Input!$C$19,0)+IF(Input!$D$20=3,K5183*Input!$C$20,0)+IF(Input!$D$21=3,L5183*Input!$C$21,0)+IF(Input!$D$22=3,M5183*Input!$C$22,0)</f>
        <v>0</v>
      </c>
      <c r="Q5183" s="75">
        <f>IF(Input!$D$19=4,J5183*Input!$C$19,0)+IF(Input!$D$20=4,K5183*Input!$C$20,0)+IF(Input!$D$21=4,L5183*Input!$C$21,0)+IF(Input!$D$22=4,M5183*Input!$C$22,0)</f>
        <v>0</v>
      </c>
      <c r="R5183" s="58">
        <v>44.373613813683257</v>
      </c>
      <c r="S5183" s="124">
        <f t="shared" si="80"/>
        <v>0.65680764008927417</v>
      </c>
    </row>
    <row r="5184" spans="8:19" x14ac:dyDescent="0.3">
      <c r="H5184" s="44">
        <v>5177</v>
      </c>
      <c r="I5184" s="56">
        <f>Bühler!I5210</f>
        <v>0.13779181260614143</v>
      </c>
      <c r="J5184" s="59">
        <f>Bühler!J5210</f>
        <v>0.45930604202047148</v>
      </c>
      <c r="K5184" s="59">
        <f>Bühler!K5210</f>
        <v>0.6889590630307072</v>
      </c>
      <c r="L5184" s="59">
        <f>Bühler!L5210</f>
        <v>10.100168825411631</v>
      </c>
      <c r="M5184" s="58">
        <f>Bühler!M5210</f>
        <v>0</v>
      </c>
      <c r="N5184" s="56">
        <f>IF(Input!$D$19=1,J5184*Input!$C$19,0)+IF(Input!$D$20=1,K5184*Input!$C$20,0)+IF(Input!$D$21=1,L5184*Input!$C$21,0)+IF(Input!$D$22=1,M5184*Input!$C$22,0)</f>
        <v>0.13779181260614143</v>
      </c>
      <c r="O5184" s="59">
        <f>IF(Input!$D$19=2,J5184*Input!$C$19,0)+IF(Input!$D$20=2,K5184*Input!$C$20,0)+IF(Input!$D$21=2,L5184*Input!$C$21,0)+IF(Input!$D$22=2,M5184*Input!$C$22,0)</f>
        <v>0.3444795315153536</v>
      </c>
      <c r="P5184" s="59">
        <f>IF(Input!$D$19=3,J5184*Input!$C$19,0)+IF(Input!$D$20=3,K5184*Input!$C$20,0)+IF(Input!$D$21=3,L5184*Input!$C$21,0)+IF(Input!$D$22=3,M5184*Input!$C$22,0)</f>
        <v>0</v>
      </c>
      <c r="Q5184" s="75">
        <f>IF(Input!$D$19=4,J5184*Input!$C$19,0)+IF(Input!$D$20=4,K5184*Input!$C$20,0)+IF(Input!$D$21=4,L5184*Input!$C$21,0)+IF(Input!$D$22=4,M5184*Input!$C$22,0)</f>
        <v>0</v>
      </c>
      <c r="R5184" s="58">
        <v>44.061277084715229</v>
      </c>
      <c r="S5184" s="124">
        <f t="shared" si="80"/>
        <v>0.59709785462661291</v>
      </c>
    </row>
    <row r="5185" spans="8:19" x14ac:dyDescent="0.3">
      <c r="H5185" s="44">
        <v>5178</v>
      </c>
      <c r="I5185" s="56">
        <f>Bühler!I5211</f>
        <v>0.1240126313455273</v>
      </c>
      <c r="J5185" s="59">
        <f>Bühler!J5211</f>
        <v>0.41337543781842434</v>
      </c>
      <c r="K5185" s="59">
        <f>Bühler!K5211</f>
        <v>0.62006315672763657</v>
      </c>
      <c r="L5185" s="59">
        <f>Bühler!L5211</f>
        <v>9.0901519428704685</v>
      </c>
      <c r="M5185" s="58">
        <f>Bühler!M5211</f>
        <v>0</v>
      </c>
      <c r="N5185" s="56">
        <f>IF(Input!$D$19=1,J5185*Input!$C$19,0)+IF(Input!$D$20=1,K5185*Input!$C$20,0)+IF(Input!$D$21=1,L5185*Input!$C$21,0)+IF(Input!$D$22=1,M5185*Input!$C$22,0)</f>
        <v>0.1240126313455273</v>
      </c>
      <c r="O5185" s="59">
        <f>IF(Input!$D$19=2,J5185*Input!$C$19,0)+IF(Input!$D$20=2,K5185*Input!$C$20,0)+IF(Input!$D$21=2,L5185*Input!$C$21,0)+IF(Input!$D$22=2,M5185*Input!$C$22,0)</f>
        <v>0.31003157836381828</v>
      </c>
      <c r="P5185" s="59">
        <f>IF(Input!$D$19=3,J5185*Input!$C$19,0)+IF(Input!$D$20=3,K5185*Input!$C$20,0)+IF(Input!$D$21=3,L5185*Input!$C$21,0)+IF(Input!$D$22=3,M5185*Input!$C$22,0)</f>
        <v>0</v>
      </c>
      <c r="Q5185" s="75">
        <f>IF(Input!$D$19=4,J5185*Input!$C$19,0)+IF(Input!$D$20=4,K5185*Input!$C$20,0)+IF(Input!$D$21=4,L5185*Input!$C$21,0)+IF(Input!$D$22=4,M5185*Input!$C$22,0)</f>
        <v>0</v>
      </c>
      <c r="R5185" s="58">
        <v>43.316100330534134</v>
      </c>
      <c r="S5185" s="124">
        <f t="shared" si="80"/>
        <v>0.53738806916395165</v>
      </c>
    </row>
    <row r="5186" spans="8:19" x14ac:dyDescent="0.3">
      <c r="H5186" s="44">
        <v>5179</v>
      </c>
      <c r="I5186" s="56">
        <f>Bühler!I5212</f>
        <v>0.11941957092532257</v>
      </c>
      <c r="J5186" s="59">
        <f>Bühler!J5212</f>
        <v>0.39806523641774194</v>
      </c>
      <c r="K5186" s="59">
        <f>Bühler!K5212</f>
        <v>0.59709785462661291</v>
      </c>
      <c r="L5186" s="59">
        <f>Bühler!L5212</f>
        <v>8.7534796486900781</v>
      </c>
      <c r="M5186" s="58">
        <f>Bühler!M5212</f>
        <v>0</v>
      </c>
      <c r="N5186" s="56">
        <f>IF(Input!$D$19=1,J5186*Input!$C$19,0)+IF(Input!$D$20=1,K5186*Input!$C$20,0)+IF(Input!$D$21=1,L5186*Input!$C$21,0)+IF(Input!$D$22=1,M5186*Input!$C$22,0)</f>
        <v>0.11941957092532257</v>
      </c>
      <c r="O5186" s="59">
        <f>IF(Input!$D$19=2,J5186*Input!$C$19,0)+IF(Input!$D$20=2,K5186*Input!$C$20,0)+IF(Input!$D$21=2,L5186*Input!$C$21,0)+IF(Input!$D$22=2,M5186*Input!$C$22,0)</f>
        <v>0.29854892731330646</v>
      </c>
      <c r="P5186" s="59">
        <f>IF(Input!$D$19=3,J5186*Input!$C$19,0)+IF(Input!$D$20=3,K5186*Input!$C$20,0)+IF(Input!$D$21=3,L5186*Input!$C$21,0)+IF(Input!$D$22=3,M5186*Input!$C$22,0)</f>
        <v>0</v>
      </c>
      <c r="Q5186" s="75">
        <f>IF(Input!$D$19=4,J5186*Input!$C$19,0)+IF(Input!$D$20=4,K5186*Input!$C$20,0)+IF(Input!$D$21=4,L5186*Input!$C$21,0)+IF(Input!$D$22=4,M5186*Input!$C$22,0)</f>
        <v>0</v>
      </c>
      <c r="R5186" s="58">
        <v>42.681292432840216</v>
      </c>
      <c r="S5186" s="124">
        <f t="shared" si="80"/>
        <v>0.51748480734306446</v>
      </c>
    </row>
    <row r="5187" spans="8:19" x14ac:dyDescent="0.3">
      <c r="H5187" s="44">
        <v>5180</v>
      </c>
      <c r="I5187" s="56">
        <f>Bühler!I5213</f>
        <v>9.6454268824299014E-2</v>
      </c>
      <c r="J5187" s="59">
        <f>Bühler!J5213</f>
        <v>0.32151422941433011</v>
      </c>
      <c r="K5187" s="59">
        <f>Bühler!K5213</f>
        <v>0.48227134412149514</v>
      </c>
      <c r="L5187" s="59">
        <f>Bühler!L5213</f>
        <v>7.0701181777881406</v>
      </c>
      <c r="M5187" s="58">
        <f>Bühler!M5213</f>
        <v>0</v>
      </c>
      <c r="N5187" s="56">
        <f>IF(Input!$D$19=1,J5187*Input!$C$19,0)+IF(Input!$D$20=1,K5187*Input!$C$20,0)+IF(Input!$D$21=1,L5187*Input!$C$21,0)+IF(Input!$D$22=1,M5187*Input!$C$22,0)</f>
        <v>9.6454268824299028E-2</v>
      </c>
      <c r="O5187" s="59">
        <f>IF(Input!$D$19=2,J5187*Input!$C$19,0)+IF(Input!$D$20=2,K5187*Input!$C$20,0)+IF(Input!$D$21=2,L5187*Input!$C$21,0)+IF(Input!$D$22=2,M5187*Input!$C$22,0)</f>
        <v>0.24113567206074757</v>
      </c>
      <c r="P5187" s="59">
        <f>IF(Input!$D$19=3,J5187*Input!$C$19,0)+IF(Input!$D$20=3,K5187*Input!$C$20,0)+IF(Input!$D$21=3,L5187*Input!$C$21,0)+IF(Input!$D$22=3,M5187*Input!$C$22,0)</f>
        <v>0</v>
      </c>
      <c r="Q5187" s="75">
        <f>IF(Input!$D$19=4,J5187*Input!$C$19,0)+IF(Input!$D$20=4,K5187*Input!$C$20,0)+IF(Input!$D$21=4,L5187*Input!$C$21,0)+IF(Input!$D$22=4,M5187*Input!$C$22,0)</f>
        <v>0</v>
      </c>
      <c r="R5187" s="58">
        <v>42.073443720670184</v>
      </c>
      <c r="S5187" s="124">
        <f t="shared" si="80"/>
        <v>0.41796849823862914</v>
      </c>
    </row>
    <row r="5188" spans="8:19" x14ac:dyDescent="0.3">
      <c r="H5188" s="44">
        <v>5181</v>
      </c>
      <c r="I5188" s="56">
        <f>Bühler!I5214</f>
        <v>7.1192436513173071E-2</v>
      </c>
      <c r="J5188" s="59">
        <f>Bühler!J5214</f>
        <v>0.23730812171057694</v>
      </c>
      <c r="K5188" s="59">
        <f>Bühler!K5214</f>
        <v>0.35596218256586543</v>
      </c>
      <c r="L5188" s="59">
        <f>Bühler!L5214</f>
        <v>5.2184205597960087</v>
      </c>
      <c r="M5188" s="58">
        <f>Bühler!M5214</f>
        <v>0</v>
      </c>
      <c r="N5188" s="56">
        <f>IF(Input!$D$19=1,J5188*Input!$C$19,0)+IF(Input!$D$20=1,K5188*Input!$C$20,0)+IF(Input!$D$21=1,L5188*Input!$C$21,0)+IF(Input!$D$22=1,M5188*Input!$C$22,0)</f>
        <v>7.1192436513173085E-2</v>
      </c>
      <c r="O5188" s="59">
        <f>IF(Input!$D$19=2,J5188*Input!$C$19,0)+IF(Input!$D$20=2,K5188*Input!$C$20,0)+IF(Input!$D$21=2,L5188*Input!$C$21,0)+IF(Input!$D$22=2,M5188*Input!$C$22,0)</f>
        <v>0.17798109128293271</v>
      </c>
      <c r="P5188" s="59">
        <f>IF(Input!$D$19=3,J5188*Input!$C$19,0)+IF(Input!$D$20=3,K5188*Input!$C$20,0)+IF(Input!$D$21=3,L5188*Input!$C$21,0)+IF(Input!$D$22=3,M5188*Input!$C$22,0)</f>
        <v>0</v>
      </c>
      <c r="Q5188" s="75">
        <f>IF(Input!$D$19=4,J5188*Input!$C$19,0)+IF(Input!$D$20=4,K5188*Input!$C$20,0)+IF(Input!$D$21=4,L5188*Input!$C$21,0)+IF(Input!$D$22=4,M5188*Input!$C$22,0)</f>
        <v>0</v>
      </c>
      <c r="R5188" s="58">
        <v>41.074449266575904</v>
      </c>
      <c r="S5188" s="124">
        <f t="shared" si="80"/>
        <v>0.30850055822375</v>
      </c>
    </row>
    <row r="5189" spans="8:19" x14ac:dyDescent="0.3">
      <c r="H5189" s="44">
        <v>5182</v>
      </c>
      <c r="I5189" s="56">
        <f>Bühler!I5215</f>
        <v>7.1192436513173071E-2</v>
      </c>
      <c r="J5189" s="59">
        <f>Bühler!J5215</f>
        <v>0.23730812171057694</v>
      </c>
      <c r="K5189" s="59">
        <f>Bühler!K5215</f>
        <v>0.35596218256586543</v>
      </c>
      <c r="L5189" s="59">
        <f>Bühler!L5215</f>
        <v>5.2184205597960087</v>
      </c>
      <c r="M5189" s="58">
        <f>Bühler!M5215</f>
        <v>0</v>
      </c>
      <c r="N5189" s="56">
        <f>IF(Input!$D$19=1,J5189*Input!$C$19,0)+IF(Input!$D$20=1,K5189*Input!$C$20,0)+IF(Input!$D$21=1,L5189*Input!$C$21,0)+IF(Input!$D$22=1,M5189*Input!$C$22,0)</f>
        <v>7.1192436513173085E-2</v>
      </c>
      <c r="O5189" s="59">
        <f>IF(Input!$D$19=2,J5189*Input!$C$19,0)+IF(Input!$D$20=2,K5189*Input!$C$20,0)+IF(Input!$D$21=2,L5189*Input!$C$21,0)+IF(Input!$D$22=2,M5189*Input!$C$22,0)</f>
        <v>0.17798109128293271</v>
      </c>
      <c r="P5189" s="59">
        <f>IF(Input!$D$19=3,J5189*Input!$C$19,0)+IF(Input!$D$20=3,K5189*Input!$C$20,0)+IF(Input!$D$21=3,L5189*Input!$C$21,0)+IF(Input!$D$22=3,M5189*Input!$C$22,0)</f>
        <v>0</v>
      </c>
      <c r="Q5189" s="75">
        <f>IF(Input!$D$19=4,J5189*Input!$C$19,0)+IF(Input!$D$20=4,K5189*Input!$C$20,0)+IF(Input!$D$21=4,L5189*Input!$C$21,0)+IF(Input!$D$22=4,M5189*Input!$C$22,0)</f>
        <v>0</v>
      </c>
      <c r="R5189" s="58">
        <v>40.445429089741729</v>
      </c>
      <c r="S5189" s="124">
        <f t="shared" si="80"/>
        <v>0.30850055822375</v>
      </c>
    </row>
    <row r="5190" spans="8:19" x14ac:dyDescent="0.3">
      <c r="H5190" s="44">
        <v>5183</v>
      </c>
      <c r="I5190" s="56">
        <f>Bühler!I5216</f>
        <v>7.1192436513173071E-2</v>
      </c>
      <c r="J5190" s="59">
        <f>Bühler!J5216</f>
        <v>0.23730812171057694</v>
      </c>
      <c r="K5190" s="59">
        <f>Bühler!K5216</f>
        <v>0.35596218256586543</v>
      </c>
      <c r="L5190" s="59">
        <f>Bühler!L5216</f>
        <v>5.2184205597960087</v>
      </c>
      <c r="M5190" s="58">
        <f>Bühler!M5216</f>
        <v>0</v>
      </c>
      <c r="N5190" s="56">
        <f>IF(Input!$D$19=1,J5190*Input!$C$19,0)+IF(Input!$D$20=1,K5190*Input!$C$20,0)+IF(Input!$D$21=1,L5190*Input!$C$21,0)+IF(Input!$D$22=1,M5190*Input!$C$22,0)</f>
        <v>7.1192436513173085E-2</v>
      </c>
      <c r="O5190" s="59">
        <f>IF(Input!$D$19=2,J5190*Input!$C$19,0)+IF(Input!$D$20=2,K5190*Input!$C$20,0)+IF(Input!$D$21=2,L5190*Input!$C$21,0)+IF(Input!$D$22=2,M5190*Input!$C$22,0)</f>
        <v>0.17798109128293271</v>
      </c>
      <c r="P5190" s="59">
        <f>IF(Input!$D$19=3,J5190*Input!$C$19,0)+IF(Input!$D$20=3,K5190*Input!$C$20,0)+IF(Input!$D$21=3,L5190*Input!$C$21,0)+IF(Input!$D$22=3,M5190*Input!$C$22,0)</f>
        <v>0</v>
      </c>
      <c r="Q5190" s="75">
        <f>IF(Input!$D$19=4,J5190*Input!$C$19,0)+IF(Input!$D$20=4,K5190*Input!$C$20,0)+IF(Input!$D$21=4,L5190*Input!$C$21,0)+IF(Input!$D$22=4,M5190*Input!$C$22,0)</f>
        <v>0</v>
      </c>
      <c r="R5190" s="58">
        <v>40.397529018696765</v>
      </c>
      <c r="S5190" s="124">
        <f t="shared" si="80"/>
        <v>0.30850055822375</v>
      </c>
    </row>
    <row r="5191" spans="8:19" x14ac:dyDescent="0.3">
      <c r="H5191" s="44">
        <v>5184</v>
      </c>
      <c r="I5191" s="56">
        <f>Bühler!I5217</f>
        <v>7.1192436513173071E-2</v>
      </c>
      <c r="J5191" s="59">
        <f>Bühler!J5217</f>
        <v>0.23730812171057694</v>
      </c>
      <c r="K5191" s="59">
        <f>Bühler!K5217</f>
        <v>0.35596218256586543</v>
      </c>
      <c r="L5191" s="59">
        <f>Bühler!L5217</f>
        <v>5.2184205597960087</v>
      </c>
      <c r="M5191" s="58">
        <f>Bühler!M5217</f>
        <v>0</v>
      </c>
      <c r="N5191" s="56">
        <f>IF(Input!$D$19=1,J5191*Input!$C$19,0)+IF(Input!$D$20=1,K5191*Input!$C$20,0)+IF(Input!$D$21=1,L5191*Input!$C$21,0)+IF(Input!$D$22=1,M5191*Input!$C$22,0)</f>
        <v>7.1192436513173085E-2</v>
      </c>
      <c r="O5191" s="59">
        <f>IF(Input!$D$19=2,J5191*Input!$C$19,0)+IF(Input!$D$20=2,K5191*Input!$C$20,0)+IF(Input!$D$21=2,L5191*Input!$C$21,0)+IF(Input!$D$22=2,M5191*Input!$C$22,0)</f>
        <v>0.17798109128293271</v>
      </c>
      <c r="P5191" s="59">
        <f>IF(Input!$D$19=3,J5191*Input!$C$19,0)+IF(Input!$D$20=3,K5191*Input!$C$20,0)+IF(Input!$D$21=3,L5191*Input!$C$21,0)+IF(Input!$D$22=3,M5191*Input!$C$22,0)</f>
        <v>0</v>
      </c>
      <c r="Q5191" s="75">
        <f>IF(Input!$D$19=4,J5191*Input!$C$19,0)+IF(Input!$D$20=4,K5191*Input!$C$20,0)+IF(Input!$D$21=4,L5191*Input!$C$21,0)+IF(Input!$D$22=4,M5191*Input!$C$22,0)</f>
        <v>0</v>
      </c>
      <c r="R5191" s="58">
        <v>40.345027171661471</v>
      </c>
      <c r="S5191" s="124">
        <f t="shared" si="80"/>
        <v>0.30850055822375</v>
      </c>
    </row>
    <row r="5192" spans="8:19" x14ac:dyDescent="0.3">
      <c r="H5192" s="44">
        <v>5185</v>
      </c>
      <c r="I5192" s="56">
        <f>Bühler!I5218</f>
        <v>8.0425802269630448E-2</v>
      </c>
      <c r="J5192" s="59">
        <f>Bühler!J5218</f>
        <v>0.26808600756543488</v>
      </c>
      <c r="K5192" s="59">
        <f>Bühler!K5218</f>
        <v>0.40212901134815232</v>
      </c>
      <c r="L5192" s="59">
        <f>Bühler!L5218</f>
        <v>5.9198983647439585</v>
      </c>
      <c r="M5192" s="58">
        <f>Bühler!M5218</f>
        <v>0</v>
      </c>
      <c r="N5192" s="56">
        <f>IF(Input!$D$19=1,J5192*Input!$C$19,0)+IF(Input!$D$20=1,K5192*Input!$C$20,0)+IF(Input!$D$21=1,L5192*Input!$C$21,0)+IF(Input!$D$22=1,M5192*Input!$C$22,0)</f>
        <v>8.0425802269630461E-2</v>
      </c>
      <c r="O5192" s="59">
        <f>IF(Input!$D$19=2,J5192*Input!$C$19,0)+IF(Input!$D$20=2,K5192*Input!$C$20,0)+IF(Input!$D$21=2,L5192*Input!$C$21,0)+IF(Input!$D$22=2,M5192*Input!$C$22,0)</f>
        <v>0.20106450567407616</v>
      </c>
      <c r="P5192" s="59">
        <f>IF(Input!$D$19=3,J5192*Input!$C$19,0)+IF(Input!$D$20=3,K5192*Input!$C$20,0)+IF(Input!$D$21=3,L5192*Input!$C$21,0)+IF(Input!$D$22=3,M5192*Input!$C$22,0)</f>
        <v>0</v>
      </c>
      <c r="Q5192" s="75">
        <f>IF(Input!$D$19=4,J5192*Input!$C$19,0)+IF(Input!$D$20=4,K5192*Input!$C$20,0)+IF(Input!$D$21=4,L5192*Input!$C$21,0)+IF(Input!$D$22=4,M5192*Input!$C$22,0)</f>
        <v>0</v>
      </c>
      <c r="R5192" s="58">
        <v>40.115030635183352</v>
      </c>
      <c r="S5192" s="124">
        <f t="shared" si="80"/>
        <v>0.34851180983506536</v>
      </c>
    </row>
    <row r="5193" spans="8:19" x14ac:dyDescent="0.3">
      <c r="H5193" s="44">
        <v>5186</v>
      </c>
      <c r="I5193" s="56">
        <f>Bühler!I5219</f>
        <v>9.3397705861506336E-2</v>
      </c>
      <c r="J5193" s="59">
        <f>Bühler!J5219</f>
        <v>0.31132568620502116</v>
      </c>
      <c r="K5193" s="59">
        <f>Bühler!K5219</f>
        <v>0.46698852930753171</v>
      </c>
      <c r="L5193" s="59">
        <f>Bühler!L5219</f>
        <v>6.8747206816381459</v>
      </c>
      <c r="M5193" s="58">
        <f>Bühler!M5219</f>
        <v>0</v>
      </c>
      <c r="N5193" s="56">
        <f>IF(Input!$D$19=1,J5193*Input!$C$19,0)+IF(Input!$D$20=1,K5193*Input!$C$20,0)+IF(Input!$D$21=1,L5193*Input!$C$21,0)+IF(Input!$D$22=1,M5193*Input!$C$22,0)</f>
        <v>9.339770586150635E-2</v>
      </c>
      <c r="O5193" s="59">
        <f>IF(Input!$D$19=2,J5193*Input!$C$19,0)+IF(Input!$D$20=2,K5193*Input!$C$20,0)+IF(Input!$D$21=2,L5193*Input!$C$21,0)+IF(Input!$D$22=2,M5193*Input!$C$22,0)</f>
        <v>0.23349426465376585</v>
      </c>
      <c r="P5193" s="59">
        <f>IF(Input!$D$19=3,J5193*Input!$C$19,0)+IF(Input!$D$20=3,K5193*Input!$C$20,0)+IF(Input!$D$21=3,L5193*Input!$C$21,0)+IF(Input!$D$22=3,M5193*Input!$C$22,0)</f>
        <v>0</v>
      </c>
      <c r="Q5193" s="75">
        <f>IF(Input!$D$19=4,J5193*Input!$C$19,0)+IF(Input!$D$20=4,K5193*Input!$C$20,0)+IF(Input!$D$21=4,L5193*Input!$C$21,0)+IF(Input!$D$22=4,M5193*Input!$C$22,0)</f>
        <v>0</v>
      </c>
      <c r="R5193" s="58">
        <v>39.75997686438496</v>
      </c>
      <c r="S5193" s="124">
        <f t="shared" ref="S5193:S5256" si="81">I5193+J5193</f>
        <v>0.40472339206652752</v>
      </c>
    </row>
    <row r="5194" spans="8:19" x14ac:dyDescent="0.3">
      <c r="H5194" s="44">
        <v>5187</v>
      </c>
      <c r="I5194" s="56">
        <f>Bühler!I5220</f>
        <v>9.3397705861506336E-2</v>
      </c>
      <c r="J5194" s="59">
        <f>Bühler!J5220</f>
        <v>0.31132568620502116</v>
      </c>
      <c r="K5194" s="59">
        <f>Bühler!K5220</f>
        <v>0.46698852930753171</v>
      </c>
      <c r="L5194" s="59">
        <f>Bühler!L5220</f>
        <v>6.8747206816381459</v>
      </c>
      <c r="M5194" s="58">
        <f>Bühler!M5220</f>
        <v>0</v>
      </c>
      <c r="N5194" s="56">
        <f>IF(Input!$D$19=1,J5194*Input!$C$19,0)+IF(Input!$D$20=1,K5194*Input!$C$20,0)+IF(Input!$D$21=1,L5194*Input!$C$21,0)+IF(Input!$D$22=1,M5194*Input!$C$22,0)</f>
        <v>9.339770586150635E-2</v>
      </c>
      <c r="O5194" s="59">
        <f>IF(Input!$D$19=2,J5194*Input!$C$19,0)+IF(Input!$D$20=2,K5194*Input!$C$20,0)+IF(Input!$D$21=2,L5194*Input!$C$21,0)+IF(Input!$D$22=2,M5194*Input!$C$22,0)</f>
        <v>0.23349426465376585</v>
      </c>
      <c r="P5194" s="59">
        <f>IF(Input!$D$19=3,J5194*Input!$C$19,0)+IF(Input!$D$20=3,K5194*Input!$C$20,0)+IF(Input!$D$21=3,L5194*Input!$C$21,0)+IF(Input!$D$22=3,M5194*Input!$C$22,0)</f>
        <v>0</v>
      </c>
      <c r="Q5194" s="75">
        <f>IF(Input!$D$19=4,J5194*Input!$C$19,0)+IF(Input!$D$20=4,K5194*Input!$C$20,0)+IF(Input!$D$21=4,L5194*Input!$C$21,0)+IF(Input!$D$22=4,M5194*Input!$C$22,0)</f>
        <v>0</v>
      </c>
      <c r="R5194" s="58">
        <v>39.495002613425832</v>
      </c>
      <c r="S5194" s="124">
        <f t="shared" si="81"/>
        <v>0.40472339206652752</v>
      </c>
    </row>
    <row r="5195" spans="8:19" x14ac:dyDescent="0.3">
      <c r="H5195" s="44">
        <v>5188</v>
      </c>
      <c r="I5195" s="56">
        <f>Bühler!I5221</f>
        <v>9.3397705861506336E-2</v>
      </c>
      <c r="J5195" s="59">
        <f>Bühler!J5221</f>
        <v>0.31132568620502116</v>
      </c>
      <c r="K5195" s="59">
        <f>Bühler!K5221</f>
        <v>0.46698852930753171</v>
      </c>
      <c r="L5195" s="59">
        <f>Bühler!L5221</f>
        <v>6.8747206816381459</v>
      </c>
      <c r="M5195" s="58">
        <f>Bühler!M5221</f>
        <v>0</v>
      </c>
      <c r="N5195" s="56">
        <f>IF(Input!$D$19=1,J5195*Input!$C$19,0)+IF(Input!$D$20=1,K5195*Input!$C$20,0)+IF(Input!$D$21=1,L5195*Input!$C$21,0)+IF(Input!$D$22=1,M5195*Input!$C$22,0)</f>
        <v>9.339770586150635E-2</v>
      </c>
      <c r="O5195" s="59">
        <f>IF(Input!$D$19=2,J5195*Input!$C$19,0)+IF(Input!$D$20=2,K5195*Input!$C$20,0)+IF(Input!$D$21=2,L5195*Input!$C$21,0)+IF(Input!$D$22=2,M5195*Input!$C$22,0)</f>
        <v>0.23349426465376585</v>
      </c>
      <c r="P5195" s="59">
        <f>IF(Input!$D$19=3,J5195*Input!$C$19,0)+IF(Input!$D$20=3,K5195*Input!$C$20,0)+IF(Input!$D$21=3,L5195*Input!$C$21,0)+IF(Input!$D$22=3,M5195*Input!$C$22,0)</f>
        <v>0</v>
      </c>
      <c r="Q5195" s="75">
        <f>IF(Input!$D$19=4,J5195*Input!$C$19,0)+IF(Input!$D$20=4,K5195*Input!$C$20,0)+IF(Input!$D$21=4,L5195*Input!$C$21,0)+IF(Input!$D$22=4,M5195*Input!$C$22,0)</f>
        <v>0</v>
      </c>
      <c r="R5195" s="58">
        <v>39.151508907173728</v>
      </c>
      <c r="S5195" s="124">
        <f t="shared" si="81"/>
        <v>0.40472339206652752</v>
      </c>
    </row>
    <row r="5196" spans="8:19" x14ac:dyDescent="0.3">
      <c r="H5196" s="44">
        <v>5189</v>
      </c>
      <c r="I5196" s="56">
        <f>Bühler!I5222</f>
        <v>9.3397705861506336E-2</v>
      </c>
      <c r="J5196" s="59">
        <f>Bühler!J5222</f>
        <v>0.31132568620502116</v>
      </c>
      <c r="K5196" s="59">
        <f>Bühler!K5222</f>
        <v>0.46698852930753171</v>
      </c>
      <c r="L5196" s="59">
        <f>Bühler!L5222</f>
        <v>6.8747206816381459</v>
      </c>
      <c r="M5196" s="58">
        <f>Bühler!M5222</f>
        <v>0</v>
      </c>
      <c r="N5196" s="56">
        <f>IF(Input!$D$19=1,J5196*Input!$C$19,0)+IF(Input!$D$20=1,K5196*Input!$C$20,0)+IF(Input!$D$21=1,L5196*Input!$C$21,0)+IF(Input!$D$22=1,M5196*Input!$C$22,0)</f>
        <v>9.339770586150635E-2</v>
      </c>
      <c r="O5196" s="59">
        <f>IF(Input!$D$19=2,J5196*Input!$C$19,0)+IF(Input!$D$20=2,K5196*Input!$C$20,0)+IF(Input!$D$21=2,L5196*Input!$C$21,0)+IF(Input!$D$22=2,M5196*Input!$C$22,0)</f>
        <v>0.23349426465376585</v>
      </c>
      <c r="P5196" s="59">
        <f>IF(Input!$D$19=3,J5196*Input!$C$19,0)+IF(Input!$D$20=3,K5196*Input!$C$20,0)+IF(Input!$D$21=3,L5196*Input!$C$21,0)+IF(Input!$D$22=3,M5196*Input!$C$22,0)</f>
        <v>0</v>
      </c>
      <c r="Q5196" s="75">
        <f>IF(Input!$D$19=4,J5196*Input!$C$19,0)+IF(Input!$D$20=4,K5196*Input!$C$20,0)+IF(Input!$D$21=4,L5196*Input!$C$21,0)+IF(Input!$D$22=4,M5196*Input!$C$22,0)</f>
        <v>0</v>
      </c>
      <c r="R5196" s="58">
        <v>39.137978583469845</v>
      </c>
      <c r="S5196" s="124">
        <f t="shared" si="81"/>
        <v>0.40472339206652752</v>
      </c>
    </row>
    <row r="5197" spans="8:19" x14ac:dyDescent="0.3">
      <c r="H5197" s="44">
        <v>5190</v>
      </c>
      <c r="I5197" s="56">
        <f>Bühler!I5223</f>
        <v>0.11674713232688293</v>
      </c>
      <c r="J5197" s="59">
        <f>Bühler!J5223</f>
        <v>0.38915710775627643</v>
      </c>
      <c r="K5197" s="59">
        <f>Bühler!K5223</f>
        <v>0.5837356616344147</v>
      </c>
      <c r="L5197" s="59">
        <f>Bühler!L5223</f>
        <v>8.5934008520476812</v>
      </c>
      <c r="M5197" s="58">
        <f>Bühler!M5223</f>
        <v>0</v>
      </c>
      <c r="N5197" s="56">
        <f>IF(Input!$D$19=1,J5197*Input!$C$19,0)+IF(Input!$D$20=1,K5197*Input!$C$20,0)+IF(Input!$D$21=1,L5197*Input!$C$21,0)+IF(Input!$D$22=1,M5197*Input!$C$22,0)</f>
        <v>0.11674713232688293</v>
      </c>
      <c r="O5197" s="59">
        <f>IF(Input!$D$19=2,J5197*Input!$C$19,0)+IF(Input!$D$20=2,K5197*Input!$C$20,0)+IF(Input!$D$21=2,L5197*Input!$C$21,0)+IF(Input!$D$22=2,M5197*Input!$C$22,0)</f>
        <v>0.29186783081720735</v>
      </c>
      <c r="P5197" s="59">
        <f>IF(Input!$D$19=3,J5197*Input!$C$19,0)+IF(Input!$D$20=3,K5197*Input!$C$20,0)+IF(Input!$D$21=3,L5197*Input!$C$21,0)+IF(Input!$D$22=3,M5197*Input!$C$22,0)</f>
        <v>0</v>
      </c>
      <c r="Q5197" s="75">
        <f>IF(Input!$D$19=4,J5197*Input!$C$19,0)+IF(Input!$D$20=4,K5197*Input!$C$20,0)+IF(Input!$D$21=4,L5197*Input!$C$21,0)+IF(Input!$D$22=4,M5197*Input!$C$22,0)</f>
        <v>0</v>
      </c>
      <c r="R5197" s="58">
        <v>38.676344213025565</v>
      </c>
      <c r="S5197" s="124">
        <f t="shared" si="81"/>
        <v>0.50590424008315937</v>
      </c>
    </row>
    <row r="5198" spans="8:19" x14ac:dyDescent="0.3">
      <c r="H5198" s="44">
        <v>5191</v>
      </c>
      <c r="I5198" s="56">
        <f>Bühler!I5224</f>
        <v>0.13750217807388432</v>
      </c>
      <c r="J5198" s="59">
        <f>Bühler!J5224</f>
        <v>0.45834059357961443</v>
      </c>
      <c r="K5198" s="59">
        <f>Bühler!K5224</f>
        <v>0.6875108903694217</v>
      </c>
      <c r="L5198" s="59">
        <f>Bühler!L5224</f>
        <v>10.121116559078381</v>
      </c>
      <c r="M5198" s="58">
        <f>Bühler!M5224</f>
        <v>0</v>
      </c>
      <c r="N5198" s="56">
        <f>IF(Input!$D$19=1,J5198*Input!$C$19,0)+IF(Input!$D$20=1,K5198*Input!$C$20,0)+IF(Input!$D$21=1,L5198*Input!$C$21,0)+IF(Input!$D$22=1,M5198*Input!$C$22,0)</f>
        <v>0.13750217807388432</v>
      </c>
      <c r="O5198" s="59">
        <f>IF(Input!$D$19=2,J5198*Input!$C$19,0)+IF(Input!$D$20=2,K5198*Input!$C$20,0)+IF(Input!$D$21=2,L5198*Input!$C$21,0)+IF(Input!$D$22=2,M5198*Input!$C$22,0)</f>
        <v>0.34375544518471085</v>
      </c>
      <c r="P5198" s="59">
        <f>IF(Input!$D$19=3,J5198*Input!$C$19,0)+IF(Input!$D$20=3,K5198*Input!$C$20,0)+IF(Input!$D$21=3,L5198*Input!$C$21,0)+IF(Input!$D$22=3,M5198*Input!$C$22,0)</f>
        <v>0</v>
      </c>
      <c r="Q5198" s="75">
        <f>IF(Input!$D$19=4,J5198*Input!$C$19,0)+IF(Input!$D$20=4,K5198*Input!$C$20,0)+IF(Input!$D$21=4,L5198*Input!$C$21,0)+IF(Input!$D$22=4,M5198*Input!$C$22,0)</f>
        <v>0</v>
      </c>
      <c r="R5198" s="58">
        <v>38.322150740149304</v>
      </c>
      <c r="S5198" s="124">
        <f t="shared" si="81"/>
        <v>0.59584277165349875</v>
      </c>
    </row>
    <row r="5199" spans="8:19" x14ac:dyDescent="0.3">
      <c r="H5199" s="44">
        <v>5192</v>
      </c>
      <c r="I5199" s="56">
        <f>Bühler!I5225</f>
        <v>0.16344598525763609</v>
      </c>
      <c r="J5199" s="59">
        <f>Bühler!J5225</f>
        <v>0.54481995085878709</v>
      </c>
      <c r="K5199" s="59">
        <f>Bühler!K5225</f>
        <v>0.81722992628818059</v>
      </c>
      <c r="L5199" s="59">
        <f>Bühler!L5225</f>
        <v>12.030761192866755</v>
      </c>
      <c r="M5199" s="58">
        <f>Bühler!M5225</f>
        <v>0</v>
      </c>
      <c r="N5199" s="56">
        <f>IF(Input!$D$19=1,J5199*Input!$C$19,0)+IF(Input!$D$20=1,K5199*Input!$C$20,0)+IF(Input!$D$21=1,L5199*Input!$C$21,0)+IF(Input!$D$22=1,M5199*Input!$C$22,0)</f>
        <v>0.16344598525763612</v>
      </c>
      <c r="O5199" s="59">
        <f>IF(Input!$D$19=2,J5199*Input!$C$19,0)+IF(Input!$D$20=2,K5199*Input!$C$20,0)+IF(Input!$D$21=2,L5199*Input!$C$21,0)+IF(Input!$D$22=2,M5199*Input!$C$22,0)</f>
        <v>0.40861496314409029</v>
      </c>
      <c r="P5199" s="59">
        <f>IF(Input!$D$19=3,J5199*Input!$C$19,0)+IF(Input!$D$20=3,K5199*Input!$C$20,0)+IF(Input!$D$21=3,L5199*Input!$C$21,0)+IF(Input!$D$22=3,M5199*Input!$C$22,0)</f>
        <v>0</v>
      </c>
      <c r="Q5199" s="75">
        <f>IF(Input!$D$19=4,J5199*Input!$C$19,0)+IF(Input!$D$20=4,K5199*Input!$C$20,0)+IF(Input!$D$21=4,L5199*Input!$C$21,0)+IF(Input!$D$22=4,M5199*Input!$C$22,0)</f>
        <v>0</v>
      </c>
      <c r="R5199" s="58">
        <v>38.374726236783296</v>
      </c>
      <c r="S5199" s="124">
        <f t="shared" si="81"/>
        <v>0.70826593611642319</v>
      </c>
    </row>
    <row r="5200" spans="8:19" x14ac:dyDescent="0.3">
      <c r="H5200" s="44">
        <v>5193</v>
      </c>
      <c r="I5200" s="56">
        <f>Bühler!I5226</f>
        <v>0.16344598525763609</v>
      </c>
      <c r="J5200" s="59">
        <f>Bühler!J5226</f>
        <v>0.54481995085878709</v>
      </c>
      <c r="K5200" s="59">
        <f>Bühler!K5226</f>
        <v>0.81722992628818059</v>
      </c>
      <c r="L5200" s="59">
        <f>Bühler!L5226</f>
        <v>12.030761192866755</v>
      </c>
      <c r="M5200" s="58">
        <f>Bühler!M5226</f>
        <v>0</v>
      </c>
      <c r="N5200" s="56">
        <f>IF(Input!$D$19=1,J5200*Input!$C$19,0)+IF(Input!$D$20=1,K5200*Input!$C$20,0)+IF(Input!$D$21=1,L5200*Input!$C$21,0)+IF(Input!$D$22=1,M5200*Input!$C$22,0)</f>
        <v>0.16344598525763612</v>
      </c>
      <c r="O5200" s="59">
        <f>IF(Input!$D$19=2,J5200*Input!$C$19,0)+IF(Input!$D$20=2,K5200*Input!$C$20,0)+IF(Input!$D$21=2,L5200*Input!$C$21,0)+IF(Input!$D$22=2,M5200*Input!$C$22,0)</f>
        <v>0.40861496314409029</v>
      </c>
      <c r="P5200" s="59">
        <f>IF(Input!$D$19=3,J5200*Input!$C$19,0)+IF(Input!$D$20=3,K5200*Input!$C$20,0)+IF(Input!$D$21=3,L5200*Input!$C$21,0)+IF(Input!$D$22=3,M5200*Input!$C$22,0)</f>
        <v>0</v>
      </c>
      <c r="Q5200" s="75">
        <f>IF(Input!$D$19=4,J5200*Input!$C$19,0)+IF(Input!$D$20=4,K5200*Input!$C$20,0)+IF(Input!$D$21=4,L5200*Input!$C$21,0)+IF(Input!$D$22=4,M5200*Input!$C$22,0)</f>
        <v>0</v>
      </c>
      <c r="R5200" s="58">
        <v>38.321980002531042</v>
      </c>
      <c r="S5200" s="124">
        <f t="shared" si="81"/>
        <v>0.70826593611642319</v>
      </c>
    </row>
    <row r="5201" spans="8:19" x14ac:dyDescent="0.3">
      <c r="H5201" s="44">
        <v>5194</v>
      </c>
      <c r="I5201" s="56">
        <f>Bühler!I5227</f>
        <v>0.16344598525763609</v>
      </c>
      <c r="J5201" s="59">
        <f>Bühler!J5227</f>
        <v>0.54481995085878709</v>
      </c>
      <c r="K5201" s="59">
        <f>Bühler!K5227</f>
        <v>0.81722992628818059</v>
      </c>
      <c r="L5201" s="59">
        <f>Bühler!L5227</f>
        <v>12.030761192866755</v>
      </c>
      <c r="M5201" s="58">
        <f>Bühler!M5227</f>
        <v>0</v>
      </c>
      <c r="N5201" s="56">
        <f>IF(Input!$D$19=1,J5201*Input!$C$19,0)+IF(Input!$D$20=1,K5201*Input!$C$20,0)+IF(Input!$D$21=1,L5201*Input!$C$21,0)+IF(Input!$D$22=1,M5201*Input!$C$22,0)</f>
        <v>0.16344598525763612</v>
      </c>
      <c r="O5201" s="59">
        <f>IF(Input!$D$19=2,J5201*Input!$C$19,0)+IF(Input!$D$20=2,K5201*Input!$C$20,0)+IF(Input!$D$21=2,L5201*Input!$C$21,0)+IF(Input!$D$22=2,M5201*Input!$C$22,0)</f>
        <v>0.40861496314409029</v>
      </c>
      <c r="P5201" s="59">
        <f>IF(Input!$D$19=3,J5201*Input!$C$19,0)+IF(Input!$D$20=3,K5201*Input!$C$20,0)+IF(Input!$D$21=3,L5201*Input!$C$21,0)+IF(Input!$D$22=3,M5201*Input!$C$22,0)</f>
        <v>0</v>
      </c>
      <c r="Q5201" s="75">
        <f>IF(Input!$D$19=4,J5201*Input!$C$19,0)+IF(Input!$D$20=4,K5201*Input!$C$20,0)+IF(Input!$D$21=4,L5201*Input!$C$21,0)+IF(Input!$D$22=4,M5201*Input!$C$22,0)</f>
        <v>0</v>
      </c>
      <c r="R5201" s="58">
        <v>38.616512298967471</v>
      </c>
      <c r="S5201" s="124">
        <f t="shared" si="81"/>
        <v>0.70826593611642319</v>
      </c>
    </row>
    <row r="5202" spans="8:19" x14ac:dyDescent="0.3">
      <c r="H5202" s="44">
        <v>5195</v>
      </c>
      <c r="I5202" s="56">
        <f>Bühler!I5228</f>
        <v>0.16344598525763609</v>
      </c>
      <c r="J5202" s="59">
        <f>Bühler!J5228</f>
        <v>0.54481995085878709</v>
      </c>
      <c r="K5202" s="59">
        <f>Bühler!K5228</f>
        <v>0.81722992628818059</v>
      </c>
      <c r="L5202" s="59">
        <f>Bühler!L5228</f>
        <v>12.030761192866755</v>
      </c>
      <c r="M5202" s="58">
        <f>Bühler!M5228</f>
        <v>0</v>
      </c>
      <c r="N5202" s="56">
        <f>IF(Input!$D$19=1,J5202*Input!$C$19,0)+IF(Input!$D$20=1,K5202*Input!$C$20,0)+IF(Input!$D$21=1,L5202*Input!$C$21,0)+IF(Input!$D$22=1,M5202*Input!$C$22,0)</f>
        <v>0.16344598525763612</v>
      </c>
      <c r="O5202" s="59">
        <f>IF(Input!$D$19=2,J5202*Input!$C$19,0)+IF(Input!$D$20=2,K5202*Input!$C$20,0)+IF(Input!$D$21=2,L5202*Input!$C$21,0)+IF(Input!$D$22=2,M5202*Input!$C$22,0)</f>
        <v>0.40861496314409029</v>
      </c>
      <c r="P5202" s="59">
        <f>IF(Input!$D$19=3,J5202*Input!$C$19,0)+IF(Input!$D$20=3,K5202*Input!$C$20,0)+IF(Input!$D$21=3,L5202*Input!$C$21,0)+IF(Input!$D$22=3,M5202*Input!$C$22,0)</f>
        <v>0</v>
      </c>
      <c r="Q5202" s="75">
        <f>IF(Input!$D$19=4,J5202*Input!$C$19,0)+IF(Input!$D$20=4,K5202*Input!$C$20,0)+IF(Input!$D$21=4,L5202*Input!$C$21,0)+IF(Input!$D$22=4,M5202*Input!$C$22,0)</f>
        <v>0</v>
      </c>
      <c r="R5202" s="58">
        <v>39.404097590441566</v>
      </c>
      <c r="S5202" s="124">
        <f t="shared" si="81"/>
        <v>0.70826593611642319</v>
      </c>
    </row>
    <row r="5203" spans="8:19" x14ac:dyDescent="0.3">
      <c r="H5203" s="44">
        <v>5196</v>
      </c>
      <c r="I5203" s="56">
        <f>Bühler!I5229</f>
        <v>0.16344598525763609</v>
      </c>
      <c r="J5203" s="59">
        <f>Bühler!J5229</f>
        <v>0.54481995085878709</v>
      </c>
      <c r="K5203" s="59">
        <f>Bühler!K5229</f>
        <v>0.81722992628818059</v>
      </c>
      <c r="L5203" s="59">
        <f>Bühler!L5229</f>
        <v>12.030761192866755</v>
      </c>
      <c r="M5203" s="58">
        <f>Bühler!M5229</f>
        <v>0</v>
      </c>
      <c r="N5203" s="56">
        <f>IF(Input!$D$19=1,J5203*Input!$C$19,0)+IF(Input!$D$20=1,K5203*Input!$C$20,0)+IF(Input!$D$21=1,L5203*Input!$C$21,0)+IF(Input!$D$22=1,M5203*Input!$C$22,0)</f>
        <v>0.16344598525763612</v>
      </c>
      <c r="O5203" s="59">
        <f>IF(Input!$D$19=2,J5203*Input!$C$19,0)+IF(Input!$D$20=2,K5203*Input!$C$20,0)+IF(Input!$D$21=2,L5203*Input!$C$21,0)+IF(Input!$D$22=2,M5203*Input!$C$22,0)</f>
        <v>0.40861496314409029</v>
      </c>
      <c r="P5203" s="59">
        <f>IF(Input!$D$19=3,J5203*Input!$C$19,0)+IF(Input!$D$20=3,K5203*Input!$C$20,0)+IF(Input!$D$21=3,L5203*Input!$C$21,0)+IF(Input!$D$22=3,M5203*Input!$C$22,0)</f>
        <v>0</v>
      </c>
      <c r="Q5203" s="75">
        <f>IF(Input!$D$19=4,J5203*Input!$C$19,0)+IF(Input!$D$20=4,K5203*Input!$C$20,0)+IF(Input!$D$21=4,L5203*Input!$C$21,0)+IF(Input!$D$22=4,M5203*Input!$C$22,0)</f>
        <v>0</v>
      </c>
      <c r="R5203" s="58">
        <v>40.376979780362525</v>
      </c>
      <c r="S5203" s="124">
        <f t="shared" si="81"/>
        <v>0.70826593611642319</v>
      </c>
    </row>
    <row r="5204" spans="8:19" x14ac:dyDescent="0.3">
      <c r="H5204" s="44">
        <v>5197</v>
      </c>
      <c r="I5204" s="56">
        <f>Bühler!I5230</f>
        <v>0.16344598525763609</v>
      </c>
      <c r="J5204" s="59">
        <f>Bühler!J5230</f>
        <v>0.54481995085878709</v>
      </c>
      <c r="K5204" s="59">
        <f>Bühler!K5230</f>
        <v>0.81722992628818059</v>
      </c>
      <c r="L5204" s="59">
        <f>Bühler!L5230</f>
        <v>12.030761192866755</v>
      </c>
      <c r="M5204" s="58">
        <f>Bühler!M5230</f>
        <v>0</v>
      </c>
      <c r="N5204" s="56">
        <f>IF(Input!$D$19=1,J5204*Input!$C$19,0)+IF(Input!$D$20=1,K5204*Input!$C$20,0)+IF(Input!$D$21=1,L5204*Input!$C$21,0)+IF(Input!$D$22=1,M5204*Input!$C$22,0)</f>
        <v>0.16344598525763612</v>
      </c>
      <c r="O5204" s="59">
        <f>IF(Input!$D$19=2,J5204*Input!$C$19,0)+IF(Input!$D$20=2,K5204*Input!$C$20,0)+IF(Input!$D$21=2,L5204*Input!$C$21,0)+IF(Input!$D$22=2,M5204*Input!$C$22,0)</f>
        <v>0.40861496314409029</v>
      </c>
      <c r="P5204" s="59">
        <f>IF(Input!$D$19=3,J5204*Input!$C$19,0)+IF(Input!$D$20=3,K5204*Input!$C$20,0)+IF(Input!$D$21=3,L5204*Input!$C$21,0)+IF(Input!$D$22=3,M5204*Input!$C$22,0)</f>
        <v>0</v>
      </c>
      <c r="Q5204" s="75">
        <f>IF(Input!$D$19=4,J5204*Input!$C$19,0)+IF(Input!$D$20=4,K5204*Input!$C$20,0)+IF(Input!$D$21=4,L5204*Input!$C$21,0)+IF(Input!$D$22=4,M5204*Input!$C$22,0)</f>
        <v>0</v>
      </c>
      <c r="R5204" s="58">
        <v>40.420524678986844</v>
      </c>
      <c r="S5204" s="124">
        <f t="shared" si="81"/>
        <v>0.70826593611642319</v>
      </c>
    </row>
    <row r="5205" spans="8:19" x14ac:dyDescent="0.3">
      <c r="H5205" s="44">
        <v>5198</v>
      </c>
      <c r="I5205" s="56">
        <f>Bühler!I5231</f>
        <v>0.16344598525763609</v>
      </c>
      <c r="J5205" s="59">
        <f>Bühler!J5231</f>
        <v>0.54481995085878709</v>
      </c>
      <c r="K5205" s="59">
        <f>Bühler!K5231</f>
        <v>0.81722992628818059</v>
      </c>
      <c r="L5205" s="59">
        <f>Bühler!L5231</f>
        <v>12.030761192866755</v>
      </c>
      <c r="M5205" s="58">
        <f>Bühler!M5231</f>
        <v>0</v>
      </c>
      <c r="N5205" s="56">
        <f>IF(Input!$D$19=1,J5205*Input!$C$19,0)+IF(Input!$D$20=1,K5205*Input!$C$20,0)+IF(Input!$D$21=1,L5205*Input!$C$21,0)+IF(Input!$D$22=1,M5205*Input!$C$22,0)</f>
        <v>0.16344598525763612</v>
      </c>
      <c r="O5205" s="59">
        <f>IF(Input!$D$19=2,J5205*Input!$C$19,0)+IF(Input!$D$20=2,K5205*Input!$C$20,0)+IF(Input!$D$21=2,L5205*Input!$C$21,0)+IF(Input!$D$22=2,M5205*Input!$C$22,0)</f>
        <v>0.40861496314409029</v>
      </c>
      <c r="P5205" s="59">
        <f>IF(Input!$D$19=3,J5205*Input!$C$19,0)+IF(Input!$D$20=3,K5205*Input!$C$20,0)+IF(Input!$D$21=3,L5205*Input!$C$21,0)+IF(Input!$D$22=3,M5205*Input!$C$22,0)</f>
        <v>0</v>
      </c>
      <c r="Q5205" s="75">
        <f>IF(Input!$D$19=4,J5205*Input!$C$19,0)+IF(Input!$D$20=4,K5205*Input!$C$20,0)+IF(Input!$D$21=4,L5205*Input!$C$21,0)+IF(Input!$D$22=4,M5205*Input!$C$22,0)</f>
        <v>0</v>
      </c>
      <c r="R5205" s="58">
        <v>40.490769587157139</v>
      </c>
      <c r="S5205" s="124">
        <f t="shared" si="81"/>
        <v>0.70826593611642319</v>
      </c>
    </row>
    <row r="5206" spans="8:19" x14ac:dyDescent="0.3">
      <c r="H5206" s="44">
        <v>5199</v>
      </c>
      <c r="I5206" s="56">
        <f>Bühler!I5232</f>
        <v>0.16344598525763609</v>
      </c>
      <c r="J5206" s="59">
        <f>Bühler!J5232</f>
        <v>0.54481995085878709</v>
      </c>
      <c r="K5206" s="59">
        <f>Bühler!K5232</f>
        <v>0.81722992628818059</v>
      </c>
      <c r="L5206" s="59">
        <f>Bühler!L5232</f>
        <v>12.030761192866755</v>
      </c>
      <c r="M5206" s="58">
        <f>Bühler!M5232</f>
        <v>0</v>
      </c>
      <c r="N5206" s="56">
        <f>IF(Input!$D$19=1,J5206*Input!$C$19,0)+IF(Input!$D$20=1,K5206*Input!$C$20,0)+IF(Input!$D$21=1,L5206*Input!$C$21,0)+IF(Input!$D$22=1,M5206*Input!$C$22,0)</f>
        <v>0.16344598525763612</v>
      </c>
      <c r="O5206" s="59">
        <f>IF(Input!$D$19=2,J5206*Input!$C$19,0)+IF(Input!$D$20=2,K5206*Input!$C$20,0)+IF(Input!$D$21=2,L5206*Input!$C$21,0)+IF(Input!$D$22=2,M5206*Input!$C$22,0)</f>
        <v>0.40861496314409029</v>
      </c>
      <c r="P5206" s="59">
        <f>IF(Input!$D$19=3,J5206*Input!$C$19,0)+IF(Input!$D$20=3,K5206*Input!$C$20,0)+IF(Input!$D$21=3,L5206*Input!$C$21,0)+IF(Input!$D$22=3,M5206*Input!$C$22,0)</f>
        <v>0</v>
      </c>
      <c r="Q5206" s="75">
        <f>IF(Input!$D$19=4,J5206*Input!$C$19,0)+IF(Input!$D$20=4,K5206*Input!$C$20,0)+IF(Input!$D$21=4,L5206*Input!$C$21,0)+IF(Input!$D$22=4,M5206*Input!$C$22,0)</f>
        <v>0</v>
      </c>
      <c r="R5206" s="58">
        <v>40.564797378003597</v>
      </c>
      <c r="S5206" s="124">
        <f t="shared" si="81"/>
        <v>0.70826593611642319</v>
      </c>
    </row>
    <row r="5207" spans="8:19" x14ac:dyDescent="0.3">
      <c r="H5207" s="44">
        <v>5200</v>
      </c>
      <c r="I5207" s="56">
        <f>Bühler!I5233</f>
        <v>0.14528532022900986</v>
      </c>
      <c r="J5207" s="59">
        <f>Bühler!J5233</f>
        <v>0.48428440076336626</v>
      </c>
      <c r="K5207" s="59">
        <f>Bühler!K5233</f>
        <v>0.72642660114504942</v>
      </c>
      <c r="L5207" s="59">
        <f>Bühler!L5233</f>
        <v>10.694009949214893</v>
      </c>
      <c r="M5207" s="58">
        <f>Bühler!M5233</f>
        <v>0</v>
      </c>
      <c r="N5207" s="56">
        <f>IF(Input!$D$19=1,J5207*Input!$C$19,0)+IF(Input!$D$20=1,K5207*Input!$C$20,0)+IF(Input!$D$21=1,L5207*Input!$C$21,0)+IF(Input!$D$22=1,M5207*Input!$C$22,0)</f>
        <v>0.14528532022900986</v>
      </c>
      <c r="O5207" s="59">
        <f>IF(Input!$D$19=2,J5207*Input!$C$19,0)+IF(Input!$D$20=2,K5207*Input!$C$20,0)+IF(Input!$D$21=2,L5207*Input!$C$21,0)+IF(Input!$D$22=2,M5207*Input!$C$22,0)</f>
        <v>0.36321330057252471</v>
      </c>
      <c r="P5207" s="59">
        <f>IF(Input!$D$19=3,J5207*Input!$C$19,0)+IF(Input!$D$20=3,K5207*Input!$C$20,0)+IF(Input!$D$21=3,L5207*Input!$C$21,0)+IF(Input!$D$22=3,M5207*Input!$C$22,0)</f>
        <v>0</v>
      </c>
      <c r="Q5207" s="75">
        <f>IF(Input!$D$19=4,J5207*Input!$C$19,0)+IF(Input!$D$20=4,K5207*Input!$C$20,0)+IF(Input!$D$21=4,L5207*Input!$C$21,0)+IF(Input!$D$22=4,M5207*Input!$C$22,0)</f>
        <v>0</v>
      </c>
      <c r="R5207" s="58">
        <v>40.636748818965607</v>
      </c>
      <c r="S5207" s="124">
        <f t="shared" si="81"/>
        <v>0.62956972099237607</v>
      </c>
    </row>
    <row r="5208" spans="8:19" x14ac:dyDescent="0.3">
      <c r="H5208" s="44">
        <v>5201</v>
      </c>
      <c r="I5208" s="56">
        <f>Bühler!I5234</f>
        <v>0.14269093951063466</v>
      </c>
      <c r="J5208" s="59">
        <f>Bühler!J5234</f>
        <v>0.47563646503544893</v>
      </c>
      <c r="K5208" s="59">
        <f>Bühler!K5234</f>
        <v>0.71345469755317337</v>
      </c>
      <c r="L5208" s="59">
        <f>Bühler!L5234</f>
        <v>10.503045485836054</v>
      </c>
      <c r="M5208" s="58">
        <f>Bühler!M5234</f>
        <v>0</v>
      </c>
      <c r="N5208" s="56">
        <f>IF(Input!$D$19=1,J5208*Input!$C$19,0)+IF(Input!$D$20=1,K5208*Input!$C$20,0)+IF(Input!$D$21=1,L5208*Input!$C$21,0)+IF(Input!$D$22=1,M5208*Input!$C$22,0)</f>
        <v>0.14269093951063466</v>
      </c>
      <c r="O5208" s="59">
        <f>IF(Input!$D$19=2,J5208*Input!$C$19,0)+IF(Input!$D$20=2,K5208*Input!$C$20,0)+IF(Input!$D$21=2,L5208*Input!$C$21,0)+IF(Input!$D$22=2,M5208*Input!$C$22,0)</f>
        <v>0.35672734877658668</v>
      </c>
      <c r="P5208" s="59">
        <f>IF(Input!$D$19=3,J5208*Input!$C$19,0)+IF(Input!$D$20=3,K5208*Input!$C$20,0)+IF(Input!$D$21=3,L5208*Input!$C$21,0)+IF(Input!$D$22=3,M5208*Input!$C$22,0)</f>
        <v>0</v>
      </c>
      <c r="Q5208" s="75">
        <f>IF(Input!$D$19=4,J5208*Input!$C$19,0)+IF(Input!$D$20=4,K5208*Input!$C$20,0)+IF(Input!$D$21=4,L5208*Input!$C$21,0)+IF(Input!$D$22=4,M5208*Input!$C$22,0)</f>
        <v>0</v>
      </c>
      <c r="R5208" s="58">
        <v>40.885698564804898</v>
      </c>
      <c r="S5208" s="124">
        <f t="shared" si="81"/>
        <v>0.61832740454608359</v>
      </c>
    </row>
    <row r="5209" spans="8:19" x14ac:dyDescent="0.3">
      <c r="H5209" s="44">
        <v>5202</v>
      </c>
      <c r="I5209" s="56">
        <f>Bühler!I5235</f>
        <v>0.12193589376363329</v>
      </c>
      <c r="J5209" s="59">
        <f>Bühler!J5235</f>
        <v>0.40645297921211099</v>
      </c>
      <c r="K5209" s="59">
        <f>Bühler!K5235</f>
        <v>0.60967946881816648</v>
      </c>
      <c r="L5209" s="59">
        <f>Bühler!L5235</f>
        <v>8.9753297788053583</v>
      </c>
      <c r="M5209" s="58">
        <f>Bühler!M5235</f>
        <v>0</v>
      </c>
      <c r="N5209" s="56">
        <f>IF(Input!$D$19=1,J5209*Input!$C$19,0)+IF(Input!$D$20=1,K5209*Input!$C$20,0)+IF(Input!$D$21=1,L5209*Input!$C$21,0)+IF(Input!$D$22=1,M5209*Input!$C$22,0)</f>
        <v>0.12193589376363329</v>
      </c>
      <c r="O5209" s="59">
        <f>IF(Input!$D$19=2,J5209*Input!$C$19,0)+IF(Input!$D$20=2,K5209*Input!$C$20,0)+IF(Input!$D$21=2,L5209*Input!$C$21,0)+IF(Input!$D$22=2,M5209*Input!$C$22,0)</f>
        <v>0.30483973440908324</v>
      </c>
      <c r="P5209" s="59">
        <f>IF(Input!$D$19=3,J5209*Input!$C$19,0)+IF(Input!$D$20=3,K5209*Input!$C$20,0)+IF(Input!$D$21=3,L5209*Input!$C$21,0)+IF(Input!$D$22=3,M5209*Input!$C$22,0)</f>
        <v>0</v>
      </c>
      <c r="Q5209" s="75">
        <f>IF(Input!$D$19=4,J5209*Input!$C$19,0)+IF(Input!$D$20=4,K5209*Input!$C$20,0)+IF(Input!$D$21=4,L5209*Input!$C$21,0)+IF(Input!$D$22=4,M5209*Input!$C$22,0)</f>
        <v>0</v>
      </c>
      <c r="R5209" s="58">
        <v>40.682416610882555</v>
      </c>
      <c r="S5209" s="124">
        <f t="shared" si="81"/>
        <v>0.52838887297574422</v>
      </c>
    </row>
    <row r="5210" spans="8:19" x14ac:dyDescent="0.3">
      <c r="H5210" s="44">
        <v>5203</v>
      </c>
      <c r="I5210" s="56">
        <f>Bühler!I5236</f>
        <v>0.11415275160850775</v>
      </c>
      <c r="J5210" s="59">
        <f>Bühler!J5236</f>
        <v>0.38050917202835921</v>
      </c>
      <c r="K5210" s="59">
        <f>Bühler!K5236</f>
        <v>0.57076375804253887</v>
      </c>
      <c r="L5210" s="59">
        <f>Bühler!L5236</f>
        <v>8.4024363886688462</v>
      </c>
      <c r="M5210" s="58">
        <f>Bühler!M5236</f>
        <v>0</v>
      </c>
      <c r="N5210" s="56">
        <f>IF(Input!$D$19=1,J5210*Input!$C$19,0)+IF(Input!$D$20=1,K5210*Input!$C$20,0)+IF(Input!$D$21=1,L5210*Input!$C$21,0)+IF(Input!$D$22=1,M5210*Input!$C$22,0)</f>
        <v>0.11415275160850775</v>
      </c>
      <c r="O5210" s="59">
        <f>IF(Input!$D$19=2,J5210*Input!$C$19,0)+IF(Input!$D$20=2,K5210*Input!$C$20,0)+IF(Input!$D$21=2,L5210*Input!$C$21,0)+IF(Input!$D$22=2,M5210*Input!$C$22,0)</f>
        <v>0.28538187902126944</v>
      </c>
      <c r="P5210" s="59">
        <f>IF(Input!$D$19=3,J5210*Input!$C$19,0)+IF(Input!$D$20=3,K5210*Input!$C$20,0)+IF(Input!$D$21=3,L5210*Input!$C$21,0)+IF(Input!$D$22=3,M5210*Input!$C$22,0)</f>
        <v>0</v>
      </c>
      <c r="Q5210" s="75">
        <f>IF(Input!$D$19=4,J5210*Input!$C$19,0)+IF(Input!$D$20=4,K5210*Input!$C$20,0)+IF(Input!$D$21=4,L5210*Input!$C$21,0)+IF(Input!$D$22=4,M5210*Input!$C$22,0)</f>
        <v>0</v>
      </c>
      <c r="R5210" s="58">
        <v>40.666064517055055</v>
      </c>
      <c r="S5210" s="124">
        <f t="shared" si="81"/>
        <v>0.49466192363686695</v>
      </c>
    </row>
    <row r="5211" spans="8:19" x14ac:dyDescent="0.3">
      <c r="H5211" s="44">
        <v>5204</v>
      </c>
      <c r="I5211" s="56">
        <f>Bühler!I5237</f>
        <v>9.5992086579881522E-2</v>
      </c>
      <c r="J5211" s="59">
        <f>Bühler!J5237</f>
        <v>0.31997362193293843</v>
      </c>
      <c r="K5211" s="59">
        <f>Bühler!K5237</f>
        <v>0.47996043289940771</v>
      </c>
      <c r="L5211" s="59">
        <f>Bühler!L5237</f>
        <v>7.0656851450169844</v>
      </c>
      <c r="M5211" s="58">
        <f>Bühler!M5237</f>
        <v>0</v>
      </c>
      <c r="N5211" s="56">
        <f>IF(Input!$D$19=1,J5211*Input!$C$19,0)+IF(Input!$D$20=1,K5211*Input!$C$20,0)+IF(Input!$D$21=1,L5211*Input!$C$21,0)+IF(Input!$D$22=1,M5211*Input!$C$22,0)</f>
        <v>9.5992086579881522E-2</v>
      </c>
      <c r="O5211" s="59">
        <f>IF(Input!$D$19=2,J5211*Input!$C$19,0)+IF(Input!$D$20=2,K5211*Input!$C$20,0)+IF(Input!$D$21=2,L5211*Input!$C$21,0)+IF(Input!$D$22=2,M5211*Input!$C$22,0)</f>
        <v>0.23998021644970385</v>
      </c>
      <c r="P5211" s="59">
        <f>IF(Input!$D$19=3,J5211*Input!$C$19,0)+IF(Input!$D$20=3,K5211*Input!$C$20,0)+IF(Input!$D$21=3,L5211*Input!$C$21,0)+IF(Input!$D$22=3,M5211*Input!$C$22,0)</f>
        <v>0</v>
      </c>
      <c r="Q5211" s="75">
        <f>IF(Input!$D$19=4,J5211*Input!$C$19,0)+IF(Input!$D$20=4,K5211*Input!$C$20,0)+IF(Input!$D$21=4,L5211*Input!$C$21,0)+IF(Input!$D$22=4,M5211*Input!$C$22,0)</f>
        <v>0</v>
      </c>
      <c r="R5211" s="58">
        <v>40.768235516148124</v>
      </c>
      <c r="S5211" s="124">
        <f t="shared" si="81"/>
        <v>0.41596570851281994</v>
      </c>
    </row>
    <row r="5212" spans="8:19" x14ac:dyDescent="0.3">
      <c r="H5212" s="44">
        <v>5205</v>
      </c>
      <c r="I5212" s="56">
        <f>Bühler!I5238</f>
        <v>8.0425802269630448E-2</v>
      </c>
      <c r="J5212" s="59">
        <f>Bühler!J5238</f>
        <v>0.26808600756543488</v>
      </c>
      <c r="K5212" s="59">
        <f>Bühler!K5238</f>
        <v>0.40212901134815232</v>
      </c>
      <c r="L5212" s="59">
        <f>Bühler!L5238</f>
        <v>5.9198983647439585</v>
      </c>
      <c r="M5212" s="58">
        <f>Bühler!M5238</f>
        <v>0</v>
      </c>
      <c r="N5212" s="56">
        <f>IF(Input!$D$19=1,J5212*Input!$C$19,0)+IF(Input!$D$20=1,K5212*Input!$C$20,0)+IF(Input!$D$21=1,L5212*Input!$C$21,0)+IF(Input!$D$22=1,M5212*Input!$C$22,0)</f>
        <v>8.0425802269630461E-2</v>
      </c>
      <c r="O5212" s="59">
        <f>IF(Input!$D$19=2,J5212*Input!$C$19,0)+IF(Input!$D$20=2,K5212*Input!$C$20,0)+IF(Input!$D$21=2,L5212*Input!$C$21,0)+IF(Input!$D$22=2,M5212*Input!$C$22,0)</f>
        <v>0.20106450567407616</v>
      </c>
      <c r="P5212" s="59">
        <f>IF(Input!$D$19=3,J5212*Input!$C$19,0)+IF(Input!$D$20=3,K5212*Input!$C$20,0)+IF(Input!$D$21=3,L5212*Input!$C$21,0)+IF(Input!$D$22=3,M5212*Input!$C$22,0)</f>
        <v>0</v>
      </c>
      <c r="Q5212" s="75">
        <f>IF(Input!$D$19=4,J5212*Input!$C$19,0)+IF(Input!$D$20=4,K5212*Input!$C$20,0)+IF(Input!$D$21=4,L5212*Input!$C$21,0)+IF(Input!$D$22=4,M5212*Input!$C$22,0)</f>
        <v>0</v>
      </c>
      <c r="R5212" s="58">
        <v>40.405512262533264</v>
      </c>
      <c r="S5212" s="124">
        <f t="shared" si="81"/>
        <v>0.34851180983506536</v>
      </c>
    </row>
    <row r="5213" spans="8:19" x14ac:dyDescent="0.3">
      <c r="H5213" s="44">
        <v>5206</v>
      </c>
      <c r="I5213" s="56">
        <f>Bühler!I5239</f>
        <v>7.0048279396129759E-2</v>
      </c>
      <c r="J5213" s="59">
        <f>Bühler!J5239</f>
        <v>0.23349426465376588</v>
      </c>
      <c r="K5213" s="59">
        <f>Bühler!K5239</f>
        <v>0.35024139698064882</v>
      </c>
      <c r="L5213" s="59">
        <f>Bühler!L5239</f>
        <v>5.1560405112286105</v>
      </c>
      <c r="M5213" s="58">
        <f>Bühler!M5239</f>
        <v>0</v>
      </c>
      <c r="N5213" s="56">
        <f>IF(Input!$D$19=1,J5213*Input!$C$19,0)+IF(Input!$D$20=1,K5213*Input!$C$20,0)+IF(Input!$D$21=1,L5213*Input!$C$21,0)+IF(Input!$D$22=1,M5213*Input!$C$22,0)</f>
        <v>7.0048279396129759E-2</v>
      </c>
      <c r="O5213" s="59">
        <f>IF(Input!$D$19=2,J5213*Input!$C$19,0)+IF(Input!$D$20=2,K5213*Input!$C$20,0)+IF(Input!$D$21=2,L5213*Input!$C$21,0)+IF(Input!$D$22=2,M5213*Input!$C$22,0)</f>
        <v>0.17512069849032441</v>
      </c>
      <c r="P5213" s="59">
        <f>IF(Input!$D$19=3,J5213*Input!$C$19,0)+IF(Input!$D$20=3,K5213*Input!$C$20,0)+IF(Input!$D$21=3,L5213*Input!$C$21,0)+IF(Input!$D$22=3,M5213*Input!$C$22,0)</f>
        <v>0</v>
      </c>
      <c r="Q5213" s="75">
        <f>IF(Input!$D$19=4,J5213*Input!$C$19,0)+IF(Input!$D$20=4,K5213*Input!$C$20,0)+IF(Input!$D$21=4,L5213*Input!$C$21,0)+IF(Input!$D$22=4,M5213*Input!$C$22,0)</f>
        <v>0</v>
      </c>
      <c r="R5213" s="58">
        <v>40.203332698942255</v>
      </c>
      <c r="S5213" s="124">
        <f t="shared" si="81"/>
        <v>0.30354254404989567</v>
      </c>
    </row>
    <row r="5214" spans="8:19" x14ac:dyDescent="0.3">
      <c r="H5214" s="44">
        <v>5207</v>
      </c>
      <c r="I5214" s="56">
        <f>Bühler!I5240</f>
        <v>7.0048279396129759E-2</v>
      </c>
      <c r="J5214" s="59">
        <f>Bühler!J5240</f>
        <v>0.23349426465376588</v>
      </c>
      <c r="K5214" s="59">
        <f>Bühler!K5240</f>
        <v>0.35024139698064882</v>
      </c>
      <c r="L5214" s="59">
        <f>Bühler!L5240</f>
        <v>5.1560405112286105</v>
      </c>
      <c r="M5214" s="58">
        <f>Bühler!M5240</f>
        <v>0</v>
      </c>
      <c r="N5214" s="56">
        <f>IF(Input!$D$19=1,J5214*Input!$C$19,0)+IF(Input!$D$20=1,K5214*Input!$C$20,0)+IF(Input!$D$21=1,L5214*Input!$C$21,0)+IF(Input!$D$22=1,M5214*Input!$C$22,0)</f>
        <v>7.0048279396129759E-2</v>
      </c>
      <c r="O5214" s="59">
        <f>IF(Input!$D$19=2,J5214*Input!$C$19,0)+IF(Input!$D$20=2,K5214*Input!$C$20,0)+IF(Input!$D$21=2,L5214*Input!$C$21,0)+IF(Input!$D$22=2,M5214*Input!$C$22,0)</f>
        <v>0.17512069849032441</v>
      </c>
      <c r="P5214" s="59">
        <f>IF(Input!$D$19=3,J5214*Input!$C$19,0)+IF(Input!$D$20=3,K5214*Input!$C$20,0)+IF(Input!$D$21=3,L5214*Input!$C$21,0)+IF(Input!$D$22=3,M5214*Input!$C$22,0)</f>
        <v>0</v>
      </c>
      <c r="Q5214" s="75">
        <f>IF(Input!$D$19=4,J5214*Input!$C$19,0)+IF(Input!$D$20=4,K5214*Input!$C$20,0)+IF(Input!$D$21=4,L5214*Input!$C$21,0)+IF(Input!$D$22=4,M5214*Input!$C$22,0)</f>
        <v>0</v>
      </c>
      <c r="R5214" s="58">
        <v>40.537751499743059</v>
      </c>
      <c r="S5214" s="124">
        <f t="shared" si="81"/>
        <v>0.30354254404989567</v>
      </c>
    </row>
    <row r="5215" spans="8:19" x14ac:dyDescent="0.3">
      <c r="H5215" s="44">
        <v>5208</v>
      </c>
      <c r="I5215" s="56">
        <f>Bühler!I5241</f>
        <v>7.0048279396129759E-2</v>
      </c>
      <c r="J5215" s="59">
        <f>Bühler!J5241</f>
        <v>0.23349426465376588</v>
      </c>
      <c r="K5215" s="59">
        <f>Bühler!K5241</f>
        <v>0.35024139698064882</v>
      </c>
      <c r="L5215" s="59">
        <f>Bühler!L5241</f>
        <v>5.1560405112286105</v>
      </c>
      <c r="M5215" s="58">
        <f>Bühler!M5241</f>
        <v>0</v>
      </c>
      <c r="N5215" s="56">
        <f>IF(Input!$D$19=1,J5215*Input!$C$19,0)+IF(Input!$D$20=1,K5215*Input!$C$20,0)+IF(Input!$D$21=1,L5215*Input!$C$21,0)+IF(Input!$D$22=1,M5215*Input!$C$22,0)</f>
        <v>7.0048279396129759E-2</v>
      </c>
      <c r="O5215" s="59">
        <f>IF(Input!$D$19=2,J5215*Input!$C$19,0)+IF(Input!$D$20=2,K5215*Input!$C$20,0)+IF(Input!$D$21=2,L5215*Input!$C$21,0)+IF(Input!$D$22=2,M5215*Input!$C$22,0)</f>
        <v>0.17512069849032441</v>
      </c>
      <c r="P5215" s="59">
        <f>IF(Input!$D$19=3,J5215*Input!$C$19,0)+IF(Input!$D$20=3,K5215*Input!$C$20,0)+IF(Input!$D$21=3,L5215*Input!$C$21,0)+IF(Input!$D$22=3,M5215*Input!$C$22,0)</f>
        <v>0</v>
      </c>
      <c r="Q5215" s="75">
        <f>IF(Input!$D$19=4,J5215*Input!$C$19,0)+IF(Input!$D$20=4,K5215*Input!$C$20,0)+IF(Input!$D$21=4,L5215*Input!$C$21,0)+IF(Input!$D$22=4,M5215*Input!$C$22,0)</f>
        <v>0</v>
      </c>
      <c r="R5215" s="58">
        <v>41.420167681051879</v>
      </c>
      <c r="S5215" s="124">
        <f t="shared" si="81"/>
        <v>0.30354254404989567</v>
      </c>
    </row>
    <row r="5216" spans="8:19" x14ac:dyDescent="0.3">
      <c r="H5216" s="44">
        <v>5209</v>
      </c>
      <c r="I5216" s="56">
        <f>Bühler!I5242</f>
        <v>7.108035318326747E-2</v>
      </c>
      <c r="J5216" s="59">
        <f>Bühler!J5242</f>
        <v>0.2369345106108916</v>
      </c>
      <c r="K5216" s="59">
        <f>Bühler!K5242</f>
        <v>0.35540176591633738</v>
      </c>
      <c r="L5216" s="59">
        <f>Bühler!L5242</f>
        <v>1.7059284763984195</v>
      </c>
      <c r="M5216" s="58">
        <f>Bühler!M5242</f>
        <v>0</v>
      </c>
      <c r="N5216" s="56">
        <f>IF(Input!$D$19=1,J5216*Input!$C$19,0)+IF(Input!$D$20=1,K5216*Input!$C$20,0)+IF(Input!$D$21=1,L5216*Input!$C$21,0)+IF(Input!$D$22=1,M5216*Input!$C$22,0)</f>
        <v>7.1080353183267483E-2</v>
      </c>
      <c r="O5216" s="59">
        <f>IF(Input!$D$19=2,J5216*Input!$C$19,0)+IF(Input!$D$20=2,K5216*Input!$C$20,0)+IF(Input!$D$21=2,L5216*Input!$C$21,0)+IF(Input!$D$22=2,M5216*Input!$C$22,0)</f>
        <v>0.17770088295816869</v>
      </c>
      <c r="P5216" s="59">
        <f>IF(Input!$D$19=3,J5216*Input!$C$19,0)+IF(Input!$D$20=3,K5216*Input!$C$20,0)+IF(Input!$D$21=3,L5216*Input!$C$21,0)+IF(Input!$D$22=3,M5216*Input!$C$22,0)</f>
        <v>0</v>
      </c>
      <c r="Q5216" s="75">
        <f>IF(Input!$D$19=4,J5216*Input!$C$19,0)+IF(Input!$D$20=4,K5216*Input!$C$20,0)+IF(Input!$D$21=4,L5216*Input!$C$21,0)+IF(Input!$D$22=4,M5216*Input!$C$22,0)</f>
        <v>0</v>
      </c>
      <c r="R5216" s="58">
        <v>41.654658314080436</v>
      </c>
      <c r="S5216" s="124">
        <f t="shared" si="81"/>
        <v>0.3080148637941591</v>
      </c>
    </row>
    <row r="5217" spans="8:19" x14ac:dyDescent="0.3">
      <c r="H5217" s="44">
        <v>5210</v>
      </c>
      <c r="I5217" s="56">
        <f>Bühler!I5243</f>
        <v>7.108035318326747E-2</v>
      </c>
      <c r="J5217" s="59">
        <f>Bühler!J5243</f>
        <v>0.2369345106108916</v>
      </c>
      <c r="K5217" s="59">
        <f>Bühler!K5243</f>
        <v>0.35540176591633738</v>
      </c>
      <c r="L5217" s="59">
        <f>Bühler!L5243</f>
        <v>1.7059284763984195</v>
      </c>
      <c r="M5217" s="58">
        <f>Bühler!M5243</f>
        <v>0</v>
      </c>
      <c r="N5217" s="56">
        <f>IF(Input!$D$19=1,J5217*Input!$C$19,0)+IF(Input!$D$20=1,K5217*Input!$C$20,0)+IF(Input!$D$21=1,L5217*Input!$C$21,0)+IF(Input!$D$22=1,M5217*Input!$C$22,0)</f>
        <v>7.1080353183267483E-2</v>
      </c>
      <c r="O5217" s="59">
        <f>IF(Input!$D$19=2,J5217*Input!$C$19,0)+IF(Input!$D$20=2,K5217*Input!$C$20,0)+IF(Input!$D$21=2,L5217*Input!$C$21,0)+IF(Input!$D$22=2,M5217*Input!$C$22,0)</f>
        <v>0.17770088295816869</v>
      </c>
      <c r="P5217" s="59">
        <f>IF(Input!$D$19=3,J5217*Input!$C$19,0)+IF(Input!$D$20=3,K5217*Input!$C$20,0)+IF(Input!$D$21=3,L5217*Input!$C$21,0)+IF(Input!$D$22=3,M5217*Input!$C$22,0)</f>
        <v>0</v>
      </c>
      <c r="Q5217" s="75">
        <f>IF(Input!$D$19=4,J5217*Input!$C$19,0)+IF(Input!$D$20=4,K5217*Input!$C$20,0)+IF(Input!$D$21=4,L5217*Input!$C$21,0)+IF(Input!$D$22=4,M5217*Input!$C$22,0)</f>
        <v>0</v>
      </c>
      <c r="R5217" s="58">
        <v>41.184442225710534</v>
      </c>
      <c r="S5217" s="124">
        <f t="shared" si="81"/>
        <v>0.3080148637941591</v>
      </c>
    </row>
    <row r="5218" spans="8:19" x14ac:dyDescent="0.3">
      <c r="H5218" s="44">
        <v>5211</v>
      </c>
      <c r="I5218" s="56">
        <f>Bühler!I5244</f>
        <v>7.108035318326747E-2</v>
      </c>
      <c r="J5218" s="59">
        <f>Bühler!J5244</f>
        <v>0.2369345106108916</v>
      </c>
      <c r="K5218" s="59">
        <f>Bühler!K5244</f>
        <v>0.35540176591633738</v>
      </c>
      <c r="L5218" s="59">
        <f>Bühler!L5244</f>
        <v>1.7059284763984195</v>
      </c>
      <c r="M5218" s="58">
        <f>Bühler!M5244</f>
        <v>0</v>
      </c>
      <c r="N5218" s="56">
        <f>IF(Input!$D$19=1,J5218*Input!$C$19,0)+IF(Input!$D$20=1,K5218*Input!$C$20,0)+IF(Input!$D$21=1,L5218*Input!$C$21,0)+IF(Input!$D$22=1,M5218*Input!$C$22,0)</f>
        <v>7.1080353183267483E-2</v>
      </c>
      <c r="O5218" s="59">
        <f>IF(Input!$D$19=2,J5218*Input!$C$19,0)+IF(Input!$D$20=2,K5218*Input!$C$20,0)+IF(Input!$D$21=2,L5218*Input!$C$21,0)+IF(Input!$D$22=2,M5218*Input!$C$22,0)</f>
        <v>0.17770088295816869</v>
      </c>
      <c r="P5218" s="59">
        <f>IF(Input!$D$19=3,J5218*Input!$C$19,0)+IF(Input!$D$20=3,K5218*Input!$C$20,0)+IF(Input!$D$21=3,L5218*Input!$C$21,0)+IF(Input!$D$22=3,M5218*Input!$C$22,0)</f>
        <v>0</v>
      </c>
      <c r="Q5218" s="75">
        <f>IF(Input!$D$19=4,J5218*Input!$C$19,0)+IF(Input!$D$20=4,K5218*Input!$C$20,0)+IF(Input!$D$21=4,L5218*Input!$C$21,0)+IF(Input!$D$22=4,M5218*Input!$C$22,0)</f>
        <v>0</v>
      </c>
      <c r="R5218" s="58">
        <v>41.813932896971679</v>
      </c>
      <c r="S5218" s="124">
        <f t="shared" si="81"/>
        <v>0.3080148637941591</v>
      </c>
    </row>
    <row r="5219" spans="8:19" x14ac:dyDescent="0.3">
      <c r="H5219" s="44">
        <v>5212</v>
      </c>
      <c r="I5219" s="56">
        <f>Bühler!I5245</f>
        <v>7.108035318326747E-2</v>
      </c>
      <c r="J5219" s="59">
        <f>Bühler!J5245</f>
        <v>0.2369345106108916</v>
      </c>
      <c r="K5219" s="59">
        <f>Bühler!K5245</f>
        <v>0.35540176591633738</v>
      </c>
      <c r="L5219" s="59">
        <f>Bühler!L5245</f>
        <v>1.7059284763984195</v>
      </c>
      <c r="M5219" s="58">
        <f>Bühler!M5245</f>
        <v>0</v>
      </c>
      <c r="N5219" s="56">
        <f>IF(Input!$D$19=1,J5219*Input!$C$19,0)+IF(Input!$D$20=1,K5219*Input!$C$20,0)+IF(Input!$D$21=1,L5219*Input!$C$21,0)+IF(Input!$D$22=1,M5219*Input!$C$22,0)</f>
        <v>7.1080353183267483E-2</v>
      </c>
      <c r="O5219" s="59">
        <f>IF(Input!$D$19=2,J5219*Input!$C$19,0)+IF(Input!$D$20=2,K5219*Input!$C$20,0)+IF(Input!$D$21=2,L5219*Input!$C$21,0)+IF(Input!$D$22=2,M5219*Input!$C$22,0)</f>
        <v>0.17770088295816869</v>
      </c>
      <c r="P5219" s="59">
        <f>IF(Input!$D$19=3,J5219*Input!$C$19,0)+IF(Input!$D$20=3,K5219*Input!$C$20,0)+IF(Input!$D$21=3,L5219*Input!$C$21,0)+IF(Input!$D$22=3,M5219*Input!$C$22,0)</f>
        <v>0</v>
      </c>
      <c r="Q5219" s="75">
        <f>IF(Input!$D$19=4,J5219*Input!$C$19,0)+IF(Input!$D$20=4,K5219*Input!$C$20,0)+IF(Input!$D$21=4,L5219*Input!$C$21,0)+IF(Input!$D$22=4,M5219*Input!$C$22,0)</f>
        <v>0</v>
      </c>
      <c r="R5219" s="58">
        <v>43.615688108025303</v>
      </c>
      <c r="S5219" s="124">
        <f t="shared" si="81"/>
        <v>0.3080148637941591</v>
      </c>
    </row>
    <row r="5220" spans="8:19" x14ac:dyDescent="0.3">
      <c r="H5220" s="44">
        <v>5213</v>
      </c>
      <c r="I5220" s="56">
        <f>Bühler!I5246</f>
        <v>7.108035318326747E-2</v>
      </c>
      <c r="J5220" s="59">
        <f>Bühler!J5246</f>
        <v>0.2369345106108916</v>
      </c>
      <c r="K5220" s="59">
        <f>Bühler!K5246</f>
        <v>0.35540176591633738</v>
      </c>
      <c r="L5220" s="59">
        <f>Bühler!L5246</f>
        <v>1.7059284763984195</v>
      </c>
      <c r="M5220" s="58">
        <f>Bühler!M5246</f>
        <v>0</v>
      </c>
      <c r="N5220" s="56">
        <f>IF(Input!$D$19=1,J5220*Input!$C$19,0)+IF(Input!$D$20=1,K5220*Input!$C$20,0)+IF(Input!$D$21=1,L5220*Input!$C$21,0)+IF(Input!$D$22=1,M5220*Input!$C$22,0)</f>
        <v>7.1080353183267483E-2</v>
      </c>
      <c r="O5220" s="59">
        <f>IF(Input!$D$19=2,J5220*Input!$C$19,0)+IF(Input!$D$20=2,K5220*Input!$C$20,0)+IF(Input!$D$21=2,L5220*Input!$C$21,0)+IF(Input!$D$22=2,M5220*Input!$C$22,0)</f>
        <v>0.17770088295816869</v>
      </c>
      <c r="P5220" s="59">
        <f>IF(Input!$D$19=3,J5220*Input!$C$19,0)+IF(Input!$D$20=3,K5220*Input!$C$20,0)+IF(Input!$D$21=3,L5220*Input!$C$21,0)+IF(Input!$D$22=3,M5220*Input!$C$22,0)</f>
        <v>0</v>
      </c>
      <c r="Q5220" s="75">
        <f>IF(Input!$D$19=4,J5220*Input!$C$19,0)+IF(Input!$D$20=4,K5220*Input!$C$20,0)+IF(Input!$D$21=4,L5220*Input!$C$21,0)+IF(Input!$D$22=4,M5220*Input!$C$22,0)</f>
        <v>0</v>
      </c>
      <c r="R5220" s="58">
        <v>46.974012367047955</v>
      </c>
      <c r="S5220" s="124">
        <f t="shared" si="81"/>
        <v>0.3080148637941591</v>
      </c>
    </row>
    <row r="5221" spans="8:19" x14ac:dyDescent="0.3">
      <c r="H5221" s="44">
        <v>5214</v>
      </c>
      <c r="I5221" s="56">
        <f>Bühler!I5247</f>
        <v>0.30801486379415904</v>
      </c>
      <c r="J5221" s="59">
        <f>Bühler!J5247</f>
        <v>1.0267162126471969</v>
      </c>
      <c r="K5221" s="59">
        <f>Bühler!K5247</f>
        <v>1.5400743189707951</v>
      </c>
      <c r="L5221" s="59">
        <f>Bühler!L5247</f>
        <v>7.3923567310598166</v>
      </c>
      <c r="M5221" s="58">
        <f>Bühler!M5247</f>
        <v>0</v>
      </c>
      <c r="N5221" s="56">
        <f>IF(Input!$D$19=1,J5221*Input!$C$19,0)+IF(Input!$D$20=1,K5221*Input!$C$20,0)+IF(Input!$D$21=1,L5221*Input!$C$21,0)+IF(Input!$D$22=1,M5221*Input!$C$22,0)</f>
        <v>0.30801486379415904</v>
      </c>
      <c r="O5221" s="59">
        <f>IF(Input!$D$19=2,J5221*Input!$C$19,0)+IF(Input!$D$20=2,K5221*Input!$C$20,0)+IF(Input!$D$21=2,L5221*Input!$C$21,0)+IF(Input!$D$22=2,M5221*Input!$C$22,0)</f>
        <v>0.77003715948539753</v>
      </c>
      <c r="P5221" s="59">
        <f>IF(Input!$D$19=3,J5221*Input!$C$19,0)+IF(Input!$D$20=3,K5221*Input!$C$20,0)+IF(Input!$D$21=3,L5221*Input!$C$21,0)+IF(Input!$D$22=3,M5221*Input!$C$22,0)</f>
        <v>0</v>
      </c>
      <c r="Q5221" s="75">
        <f>IF(Input!$D$19=4,J5221*Input!$C$19,0)+IF(Input!$D$20=4,K5221*Input!$C$20,0)+IF(Input!$D$21=4,L5221*Input!$C$21,0)+IF(Input!$D$22=4,M5221*Input!$C$22,0)</f>
        <v>0</v>
      </c>
      <c r="R5221" s="58">
        <v>53.036357713069116</v>
      </c>
      <c r="S5221" s="124">
        <f t="shared" si="81"/>
        <v>1.334731076441356</v>
      </c>
    </row>
    <row r="5222" spans="8:19" x14ac:dyDescent="0.3">
      <c r="H5222" s="44">
        <v>5215</v>
      </c>
      <c r="I5222" s="56">
        <f>Bühler!I5248</f>
        <v>0.34947840315106515</v>
      </c>
      <c r="J5222" s="59">
        <f>Bühler!J5248</f>
        <v>1.1649280105035504</v>
      </c>
      <c r="K5222" s="59">
        <f>Bühler!K5248</f>
        <v>1.7473920157553258</v>
      </c>
      <c r="L5222" s="59">
        <f>Bühler!L5248</f>
        <v>8.3874816756255637</v>
      </c>
      <c r="M5222" s="58">
        <f>Bühler!M5248</f>
        <v>0</v>
      </c>
      <c r="N5222" s="56">
        <f>IF(Input!$D$19=1,J5222*Input!$C$19,0)+IF(Input!$D$20=1,K5222*Input!$C$20,0)+IF(Input!$D$21=1,L5222*Input!$C$21,0)+IF(Input!$D$22=1,M5222*Input!$C$22,0)</f>
        <v>0.3494784031510651</v>
      </c>
      <c r="O5222" s="59">
        <f>IF(Input!$D$19=2,J5222*Input!$C$19,0)+IF(Input!$D$20=2,K5222*Input!$C$20,0)+IF(Input!$D$21=2,L5222*Input!$C$21,0)+IF(Input!$D$22=2,M5222*Input!$C$22,0)</f>
        <v>0.87369600787766288</v>
      </c>
      <c r="P5222" s="59">
        <f>IF(Input!$D$19=3,J5222*Input!$C$19,0)+IF(Input!$D$20=3,K5222*Input!$C$20,0)+IF(Input!$D$21=3,L5222*Input!$C$21,0)+IF(Input!$D$22=3,M5222*Input!$C$22,0)</f>
        <v>0</v>
      </c>
      <c r="Q5222" s="75">
        <f>IF(Input!$D$19=4,J5222*Input!$C$19,0)+IF(Input!$D$20=4,K5222*Input!$C$20,0)+IF(Input!$D$21=4,L5222*Input!$C$21,0)+IF(Input!$D$22=4,M5222*Input!$C$22,0)</f>
        <v>0</v>
      </c>
      <c r="R5222" s="58">
        <v>58.426252743632269</v>
      </c>
      <c r="S5222" s="124">
        <f t="shared" si="81"/>
        <v>1.5144064136546156</v>
      </c>
    </row>
    <row r="5223" spans="8:19" x14ac:dyDescent="0.3">
      <c r="H5223" s="44">
        <v>5216</v>
      </c>
      <c r="I5223" s="56">
        <f>Bühler!I5249</f>
        <v>0.34947840315106515</v>
      </c>
      <c r="J5223" s="59">
        <f>Bühler!J5249</f>
        <v>1.1649280105035504</v>
      </c>
      <c r="K5223" s="59">
        <f>Bühler!K5249</f>
        <v>1.7473920157553258</v>
      </c>
      <c r="L5223" s="59">
        <f>Bühler!L5249</f>
        <v>8.3874816756255637</v>
      </c>
      <c r="M5223" s="58">
        <f>Bühler!M5249</f>
        <v>0</v>
      </c>
      <c r="N5223" s="56">
        <f>IF(Input!$D$19=1,J5223*Input!$C$19,0)+IF(Input!$D$20=1,K5223*Input!$C$20,0)+IF(Input!$D$21=1,L5223*Input!$C$21,0)+IF(Input!$D$22=1,M5223*Input!$C$22,0)</f>
        <v>0.3494784031510651</v>
      </c>
      <c r="O5223" s="59">
        <f>IF(Input!$D$19=2,J5223*Input!$C$19,0)+IF(Input!$D$20=2,K5223*Input!$C$20,0)+IF(Input!$D$21=2,L5223*Input!$C$21,0)+IF(Input!$D$22=2,M5223*Input!$C$22,0)</f>
        <v>0.87369600787766288</v>
      </c>
      <c r="P5223" s="59">
        <f>IF(Input!$D$19=3,J5223*Input!$C$19,0)+IF(Input!$D$20=3,K5223*Input!$C$20,0)+IF(Input!$D$21=3,L5223*Input!$C$21,0)+IF(Input!$D$22=3,M5223*Input!$C$22,0)</f>
        <v>0</v>
      </c>
      <c r="Q5223" s="75">
        <f>IF(Input!$D$19=4,J5223*Input!$C$19,0)+IF(Input!$D$20=4,K5223*Input!$C$20,0)+IF(Input!$D$21=4,L5223*Input!$C$21,0)+IF(Input!$D$22=4,M5223*Input!$C$22,0)</f>
        <v>0</v>
      </c>
      <c r="R5223" s="58">
        <v>62.184440013071125</v>
      </c>
      <c r="S5223" s="124">
        <f t="shared" si="81"/>
        <v>1.5144064136546156</v>
      </c>
    </row>
    <row r="5224" spans="8:19" x14ac:dyDescent="0.3">
      <c r="H5224" s="44">
        <v>5217</v>
      </c>
      <c r="I5224" s="56">
        <f>Bühler!I5250</f>
        <v>0.34947840315106515</v>
      </c>
      <c r="J5224" s="59">
        <f>Bühler!J5250</f>
        <v>1.1649280105035504</v>
      </c>
      <c r="K5224" s="59">
        <f>Bühler!K5250</f>
        <v>1.7473920157553258</v>
      </c>
      <c r="L5224" s="59">
        <f>Bühler!L5250</f>
        <v>8.3874816756255637</v>
      </c>
      <c r="M5224" s="58">
        <f>Bühler!M5250</f>
        <v>0</v>
      </c>
      <c r="N5224" s="56">
        <f>IF(Input!$D$19=1,J5224*Input!$C$19,0)+IF(Input!$D$20=1,K5224*Input!$C$20,0)+IF(Input!$D$21=1,L5224*Input!$C$21,0)+IF(Input!$D$22=1,M5224*Input!$C$22,0)</f>
        <v>0.3494784031510651</v>
      </c>
      <c r="O5224" s="59">
        <f>IF(Input!$D$19=2,J5224*Input!$C$19,0)+IF(Input!$D$20=2,K5224*Input!$C$20,0)+IF(Input!$D$21=2,L5224*Input!$C$21,0)+IF(Input!$D$22=2,M5224*Input!$C$22,0)</f>
        <v>0.87369600787766288</v>
      </c>
      <c r="P5224" s="59">
        <f>IF(Input!$D$19=3,J5224*Input!$C$19,0)+IF(Input!$D$20=3,K5224*Input!$C$20,0)+IF(Input!$D$21=3,L5224*Input!$C$21,0)+IF(Input!$D$22=3,M5224*Input!$C$22,0)</f>
        <v>0</v>
      </c>
      <c r="Q5224" s="75">
        <f>IF(Input!$D$19=4,J5224*Input!$C$19,0)+IF(Input!$D$20=4,K5224*Input!$C$20,0)+IF(Input!$D$21=4,L5224*Input!$C$21,0)+IF(Input!$D$22=4,M5224*Input!$C$22,0)</f>
        <v>0</v>
      </c>
      <c r="R5224" s="58">
        <v>65.0328227081758</v>
      </c>
      <c r="S5224" s="124">
        <f t="shared" si="81"/>
        <v>1.5144064136546156</v>
      </c>
    </row>
    <row r="5225" spans="8:19" x14ac:dyDescent="0.3">
      <c r="H5225" s="44">
        <v>5218</v>
      </c>
      <c r="I5225" s="56">
        <f>Bühler!I5251</f>
        <v>0.37317185421215426</v>
      </c>
      <c r="J5225" s="59">
        <f>Bühler!J5251</f>
        <v>1.243906180707181</v>
      </c>
      <c r="K5225" s="59">
        <f>Bühler!K5251</f>
        <v>1.8658592710607713</v>
      </c>
      <c r="L5225" s="59">
        <f>Bühler!L5251</f>
        <v>8.9561245010917023</v>
      </c>
      <c r="M5225" s="58">
        <f>Bühler!M5251</f>
        <v>0</v>
      </c>
      <c r="N5225" s="56">
        <f>IF(Input!$D$19=1,J5225*Input!$C$19,0)+IF(Input!$D$20=1,K5225*Input!$C$20,0)+IF(Input!$D$21=1,L5225*Input!$C$21,0)+IF(Input!$D$22=1,M5225*Input!$C$22,0)</f>
        <v>0.37317185421215426</v>
      </c>
      <c r="O5225" s="59">
        <f>IF(Input!$D$19=2,J5225*Input!$C$19,0)+IF(Input!$D$20=2,K5225*Input!$C$20,0)+IF(Input!$D$21=2,L5225*Input!$C$21,0)+IF(Input!$D$22=2,M5225*Input!$C$22,0)</f>
        <v>0.93292963553038566</v>
      </c>
      <c r="P5225" s="59">
        <f>IF(Input!$D$19=3,J5225*Input!$C$19,0)+IF(Input!$D$20=3,K5225*Input!$C$20,0)+IF(Input!$D$21=3,L5225*Input!$C$21,0)+IF(Input!$D$22=3,M5225*Input!$C$22,0)</f>
        <v>0</v>
      </c>
      <c r="Q5225" s="75">
        <f>IF(Input!$D$19=4,J5225*Input!$C$19,0)+IF(Input!$D$20=4,K5225*Input!$C$20,0)+IF(Input!$D$21=4,L5225*Input!$C$21,0)+IF(Input!$D$22=4,M5225*Input!$C$22,0)</f>
        <v>0</v>
      </c>
      <c r="R5225" s="58">
        <v>66.409647684391601</v>
      </c>
      <c r="S5225" s="124">
        <f t="shared" si="81"/>
        <v>1.6170780349193352</v>
      </c>
    </row>
    <row r="5226" spans="8:19" x14ac:dyDescent="0.3">
      <c r="H5226" s="44">
        <v>5219</v>
      </c>
      <c r="I5226" s="56">
        <f>Bühler!I5252</f>
        <v>0.37317185421215426</v>
      </c>
      <c r="J5226" s="59">
        <f>Bühler!J5252</f>
        <v>1.243906180707181</v>
      </c>
      <c r="K5226" s="59">
        <f>Bühler!K5252</f>
        <v>1.8658592710607713</v>
      </c>
      <c r="L5226" s="59">
        <f>Bühler!L5252</f>
        <v>8.9561245010917023</v>
      </c>
      <c r="M5226" s="58">
        <f>Bühler!M5252</f>
        <v>0</v>
      </c>
      <c r="N5226" s="56">
        <f>IF(Input!$D$19=1,J5226*Input!$C$19,0)+IF(Input!$D$20=1,K5226*Input!$C$20,0)+IF(Input!$D$21=1,L5226*Input!$C$21,0)+IF(Input!$D$22=1,M5226*Input!$C$22,0)</f>
        <v>0.37317185421215426</v>
      </c>
      <c r="O5226" s="59">
        <f>IF(Input!$D$19=2,J5226*Input!$C$19,0)+IF(Input!$D$20=2,K5226*Input!$C$20,0)+IF(Input!$D$21=2,L5226*Input!$C$21,0)+IF(Input!$D$22=2,M5226*Input!$C$22,0)</f>
        <v>0.93292963553038566</v>
      </c>
      <c r="P5226" s="59">
        <f>IF(Input!$D$19=3,J5226*Input!$C$19,0)+IF(Input!$D$20=3,K5226*Input!$C$20,0)+IF(Input!$D$21=3,L5226*Input!$C$21,0)+IF(Input!$D$22=3,M5226*Input!$C$22,0)</f>
        <v>0</v>
      </c>
      <c r="Q5226" s="75">
        <f>IF(Input!$D$19=4,J5226*Input!$C$19,0)+IF(Input!$D$20=4,K5226*Input!$C$20,0)+IF(Input!$D$21=4,L5226*Input!$C$21,0)+IF(Input!$D$22=4,M5226*Input!$C$22,0)</f>
        <v>0</v>
      </c>
      <c r="R5226" s="58">
        <v>67.921411160512463</v>
      </c>
      <c r="S5226" s="124">
        <f t="shared" si="81"/>
        <v>1.6170780349193352</v>
      </c>
    </row>
    <row r="5227" spans="8:19" x14ac:dyDescent="0.3">
      <c r="H5227" s="44">
        <v>5220</v>
      </c>
      <c r="I5227" s="56">
        <f>Bühler!I5253</f>
        <v>0.4738690212217832</v>
      </c>
      <c r="J5227" s="59">
        <f>Bühler!J5253</f>
        <v>1.5795634040726108</v>
      </c>
      <c r="K5227" s="59">
        <f>Bühler!K5253</f>
        <v>2.3693451061089159</v>
      </c>
      <c r="L5227" s="59">
        <f>Bühler!L5253</f>
        <v>11.372856509322796</v>
      </c>
      <c r="M5227" s="58">
        <f>Bühler!M5253</f>
        <v>0</v>
      </c>
      <c r="N5227" s="56">
        <f>IF(Input!$D$19=1,J5227*Input!$C$19,0)+IF(Input!$D$20=1,K5227*Input!$C$20,0)+IF(Input!$D$21=1,L5227*Input!$C$21,0)+IF(Input!$D$22=1,M5227*Input!$C$22,0)</f>
        <v>0.4738690212217832</v>
      </c>
      <c r="O5227" s="59">
        <f>IF(Input!$D$19=2,J5227*Input!$C$19,0)+IF(Input!$D$20=2,K5227*Input!$C$20,0)+IF(Input!$D$21=2,L5227*Input!$C$21,0)+IF(Input!$D$22=2,M5227*Input!$C$22,0)</f>
        <v>1.184672553054458</v>
      </c>
      <c r="P5227" s="59">
        <f>IF(Input!$D$19=3,J5227*Input!$C$19,0)+IF(Input!$D$20=3,K5227*Input!$C$20,0)+IF(Input!$D$21=3,L5227*Input!$C$21,0)+IF(Input!$D$22=3,M5227*Input!$C$22,0)</f>
        <v>0</v>
      </c>
      <c r="Q5227" s="75">
        <f>IF(Input!$D$19=4,J5227*Input!$C$19,0)+IF(Input!$D$20=4,K5227*Input!$C$20,0)+IF(Input!$D$21=4,L5227*Input!$C$21,0)+IF(Input!$D$22=4,M5227*Input!$C$22,0)</f>
        <v>0</v>
      </c>
      <c r="R5227" s="58">
        <v>69.383684871853717</v>
      </c>
      <c r="S5227" s="124">
        <f t="shared" si="81"/>
        <v>2.0534324252943938</v>
      </c>
    </row>
    <row r="5228" spans="8:19" x14ac:dyDescent="0.3">
      <c r="H5228" s="44">
        <v>5221</v>
      </c>
      <c r="I5228" s="56">
        <f>Bühler!I5254</f>
        <v>0.4738690212217832</v>
      </c>
      <c r="J5228" s="59">
        <f>Bühler!J5254</f>
        <v>1.5795634040726108</v>
      </c>
      <c r="K5228" s="59">
        <f>Bühler!K5254</f>
        <v>2.3693451061089159</v>
      </c>
      <c r="L5228" s="59">
        <f>Bühler!L5254</f>
        <v>11.372856509322796</v>
      </c>
      <c r="M5228" s="58">
        <f>Bühler!M5254</f>
        <v>0</v>
      </c>
      <c r="N5228" s="56">
        <f>IF(Input!$D$19=1,J5228*Input!$C$19,0)+IF(Input!$D$20=1,K5228*Input!$C$20,0)+IF(Input!$D$21=1,L5228*Input!$C$21,0)+IF(Input!$D$22=1,M5228*Input!$C$22,0)</f>
        <v>0.4738690212217832</v>
      </c>
      <c r="O5228" s="59">
        <f>IF(Input!$D$19=2,J5228*Input!$C$19,0)+IF(Input!$D$20=2,K5228*Input!$C$20,0)+IF(Input!$D$21=2,L5228*Input!$C$21,0)+IF(Input!$D$22=2,M5228*Input!$C$22,0)</f>
        <v>1.184672553054458</v>
      </c>
      <c r="P5228" s="59">
        <f>IF(Input!$D$19=3,J5228*Input!$C$19,0)+IF(Input!$D$20=3,K5228*Input!$C$20,0)+IF(Input!$D$21=3,L5228*Input!$C$21,0)+IF(Input!$D$22=3,M5228*Input!$C$22,0)</f>
        <v>0</v>
      </c>
      <c r="Q5228" s="75">
        <f>IF(Input!$D$19=4,J5228*Input!$C$19,0)+IF(Input!$D$20=4,K5228*Input!$C$20,0)+IF(Input!$D$21=4,L5228*Input!$C$21,0)+IF(Input!$D$22=4,M5228*Input!$C$22,0)</f>
        <v>0</v>
      </c>
      <c r="R5228" s="58">
        <v>70.003404565597563</v>
      </c>
      <c r="S5228" s="124">
        <f t="shared" si="81"/>
        <v>2.0534324252943938</v>
      </c>
    </row>
    <row r="5229" spans="8:19" x14ac:dyDescent="0.3">
      <c r="H5229" s="44">
        <v>5222</v>
      </c>
      <c r="I5229" s="56">
        <f>Bühler!I5255</f>
        <v>0.31393822655943132</v>
      </c>
      <c r="J5229" s="59">
        <f>Bühler!J5255</f>
        <v>1.0464607551981044</v>
      </c>
      <c r="K5229" s="59">
        <f>Bühler!K5255</f>
        <v>1.5696911327971568</v>
      </c>
      <c r="L5229" s="59">
        <f>Bühler!L5255</f>
        <v>7.5345174374263522</v>
      </c>
      <c r="M5229" s="58">
        <f>Bühler!M5255</f>
        <v>0</v>
      </c>
      <c r="N5229" s="56">
        <f>IF(Input!$D$19=1,J5229*Input!$C$19,0)+IF(Input!$D$20=1,K5229*Input!$C$20,0)+IF(Input!$D$21=1,L5229*Input!$C$21,0)+IF(Input!$D$22=1,M5229*Input!$C$22,0)</f>
        <v>0.31393822655943132</v>
      </c>
      <c r="O5229" s="59">
        <f>IF(Input!$D$19=2,J5229*Input!$C$19,0)+IF(Input!$D$20=2,K5229*Input!$C$20,0)+IF(Input!$D$21=2,L5229*Input!$C$21,0)+IF(Input!$D$22=2,M5229*Input!$C$22,0)</f>
        <v>0.78484556639857839</v>
      </c>
      <c r="P5229" s="59">
        <f>IF(Input!$D$19=3,J5229*Input!$C$19,0)+IF(Input!$D$20=3,K5229*Input!$C$20,0)+IF(Input!$D$21=3,L5229*Input!$C$21,0)+IF(Input!$D$22=3,M5229*Input!$C$22,0)</f>
        <v>0</v>
      </c>
      <c r="Q5229" s="75">
        <f>IF(Input!$D$19=4,J5229*Input!$C$19,0)+IF(Input!$D$20=4,K5229*Input!$C$20,0)+IF(Input!$D$21=4,L5229*Input!$C$21,0)+IF(Input!$D$22=4,M5229*Input!$C$22,0)</f>
        <v>0</v>
      </c>
      <c r="R5229" s="58">
        <v>70.565129799798399</v>
      </c>
      <c r="S5229" s="124">
        <f t="shared" si="81"/>
        <v>1.3603989817575357</v>
      </c>
    </row>
    <row r="5230" spans="8:19" x14ac:dyDescent="0.3">
      <c r="H5230" s="44">
        <v>5223</v>
      </c>
      <c r="I5230" s="56">
        <f>Bühler!I5256</f>
        <v>0.4738690212217832</v>
      </c>
      <c r="J5230" s="59">
        <f>Bühler!J5256</f>
        <v>1.5795634040726108</v>
      </c>
      <c r="K5230" s="59">
        <f>Bühler!K5256</f>
        <v>2.3693451061089159</v>
      </c>
      <c r="L5230" s="59">
        <f>Bühler!L5256</f>
        <v>11.372856509322796</v>
      </c>
      <c r="M5230" s="58">
        <f>Bühler!M5256</f>
        <v>0</v>
      </c>
      <c r="N5230" s="56">
        <f>IF(Input!$D$19=1,J5230*Input!$C$19,0)+IF(Input!$D$20=1,K5230*Input!$C$20,0)+IF(Input!$D$21=1,L5230*Input!$C$21,0)+IF(Input!$D$22=1,M5230*Input!$C$22,0)</f>
        <v>0.4738690212217832</v>
      </c>
      <c r="O5230" s="59">
        <f>IF(Input!$D$19=2,J5230*Input!$C$19,0)+IF(Input!$D$20=2,K5230*Input!$C$20,0)+IF(Input!$D$21=2,L5230*Input!$C$21,0)+IF(Input!$D$22=2,M5230*Input!$C$22,0)</f>
        <v>1.184672553054458</v>
      </c>
      <c r="P5230" s="59">
        <f>IF(Input!$D$19=3,J5230*Input!$C$19,0)+IF(Input!$D$20=3,K5230*Input!$C$20,0)+IF(Input!$D$21=3,L5230*Input!$C$21,0)+IF(Input!$D$22=3,M5230*Input!$C$22,0)</f>
        <v>0</v>
      </c>
      <c r="Q5230" s="75">
        <f>IF(Input!$D$19=4,J5230*Input!$C$19,0)+IF(Input!$D$20=4,K5230*Input!$C$20,0)+IF(Input!$D$21=4,L5230*Input!$C$21,0)+IF(Input!$D$22=4,M5230*Input!$C$22,0)</f>
        <v>0</v>
      </c>
      <c r="R5230" s="58">
        <v>71.048686723517207</v>
      </c>
      <c r="S5230" s="124">
        <f t="shared" si="81"/>
        <v>2.0534324252943938</v>
      </c>
    </row>
    <row r="5231" spans="8:19" x14ac:dyDescent="0.3">
      <c r="H5231" s="44">
        <v>5224</v>
      </c>
      <c r="I5231" s="56">
        <f>Bühler!I5257</f>
        <v>0.4738690212217832</v>
      </c>
      <c r="J5231" s="59">
        <f>Bühler!J5257</f>
        <v>1.5795634040726108</v>
      </c>
      <c r="K5231" s="59">
        <f>Bühler!K5257</f>
        <v>2.3693451061089159</v>
      </c>
      <c r="L5231" s="59">
        <f>Bühler!L5257</f>
        <v>11.372856509322796</v>
      </c>
      <c r="M5231" s="58">
        <f>Bühler!M5257</f>
        <v>0</v>
      </c>
      <c r="N5231" s="56">
        <f>IF(Input!$D$19=1,J5231*Input!$C$19,0)+IF(Input!$D$20=1,K5231*Input!$C$20,0)+IF(Input!$D$21=1,L5231*Input!$C$21,0)+IF(Input!$D$22=1,M5231*Input!$C$22,0)</f>
        <v>0.4738690212217832</v>
      </c>
      <c r="O5231" s="59">
        <f>IF(Input!$D$19=2,J5231*Input!$C$19,0)+IF(Input!$D$20=2,K5231*Input!$C$20,0)+IF(Input!$D$21=2,L5231*Input!$C$21,0)+IF(Input!$D$22=2,M5231*Input!$C$22,0)</f>
        <v>1.184672553054458</v>
      </c>
      <c r="P5231" s="59">
        <f>IF(Input!$D$19=3,J5231*Input!$C$19,0)+IF(Input!$D$20=3,K5231*Input!$C$20,0)+IF(Input!$D$21=3,L5231*Input!$C$21,0)+IF(Input!$D$22=3,M5231*Input!$C$22,0)</f>
        <v>0</v>
      </c>
      <c r="Q5231" s="75">
        <f>IF(Input!$D$19=4,J5231*Input!$C$19,0)+IF(Input!$D$20=4,K5231*Input!$C$20,0)+IF(Input!$D$21=4,L5231*Input!$C$21,0)+IF(Input!$D$22=4,M5231*Input!$C$22,0)</f>
        <v>0</v>
      </c>
      <c r="R5231" s="58">
        <v>71.201160673105306</v>
      </c>
      <c r="S5231" s="124">
        <f t="shared" si="81"/>
        <v>2.0534324252943938</v>
      </c>
    </row>
    <row r="5232" spans="8:19" x14ac:dyDescent="0.3">
      <c r="H5232" s="44">
        <v>5225</v>
      </c>
      <c r="I5232" s="56">
        <f>Bühler!I5258</f>
        <v>0.4738690212217832</v>
      </c>
      <c r="J5232" s="59">
        <f>Bühler!J5258</f>
        <v>1.5795634040726108</v>
      </c>
      <c r="K5232" s="59">
        <f>Bühler!K5258</f>
        <v>2.3693451061089159</v>
      </c>
      <c r="L5232" s="59">
        <f>Bühler!L5258</f>
        <v>11.372856509322796</v>
      </c>
      <c r="M5232" s="58">
        <f>Bühler!M5258</f>
        <v>0</v>
      </c>
      <c r="N5232" s="56">
        <f>IF(Input!$D$19=1,J5232*Input!$C$19,0)+IF(Input!$D$20=1,K5232*Input!$C$20,0)+IF(Input!$D$21=1,L5232*Input!$C$21,0)+IF(Input!$D$22=1,M5232*Input!$C$22,0)</f>
        <v>0.4738690212217832</v>
      </c>
      <c r="O5232" s="59">
        <f>IF(Input!$D$19=2,J5232*Input!$C$19,0)+IF(Input!$D$20=2,K5232*Input!$C$20,0)+IF(Input!$D$21=2,L5232*Input!$C$21,0)+IF(Input!$D$22=2,M5232*Input!$C$22,0)</f>
        <v>1.184672553054458</v>
      </c>
      <c r="P5232" s="59">
        <f>IF(Input!$D$19=3,J5232*Input!$C$19,0)+IF(Input!$D$20=3,K5232*Input!$C$20,0)+IF(Input!$D$21=3,L5232*Input!$C$21,0)+IF(Input!$D$22=3,M5232*Input!$C$22,0)</f>
        <v>0</v>
      </c>
      <c r="Q5232" s="75">
        <f>IF(Input!$D$19=4,J5232*Input!$C$19,0)+IF(Input!$D$20=4,K5232*Input!$C$20,0)+IF(Input!$D$21=4,L5232*Input!$C$21,0)+IF(Input!$D$22=4,M5232*Input!$C$22,0)</f>
        <v>0</v>
      </c>
      <c r="R5232" s="58">
        <v>69.527177905038954</v>
      </c>
      <c r="S5232" s="124">
        <f t="shared" si="81"/>
        <v>2.0534324252943938</v>
      </c>
    </row>
    <row r="5233" spans="8:19" x14ac:dyDescent="0.3">
      <c r="H5233" s="44">
        <v>5226</v>
      </c>
      <c r="I5233" s="56">
        <f>Bühler!I5259</f>
        <v>0.4738690212217832</v>
      </c>
      <c r="J5233" s="59">
        <f>Bühler!J5259</f>
        <v>1.5795634040726108</v>
      </c>
      <c r="K5233" s="59">
        <f>Bühler!K5259</f>
        <v>2.3693451061089159</v>
      </c>
      <c r="L5233" s="59">
        <f>Bühler!L5259</f>
        <v>11.372856509322796</v>
      </c>
      <c r="M5233" s="58">
        <f>Bühler!M5259</f>
        <v>0</v>
      </c>
      <c r="N5233" s="56">
        <f>IF(Input!$D$19=1,J5233*Input!$C$19,0)+IF(Input!$D$20=1,K5233*Input!$C$20,0)+IF(Input!$D$21=1,L5233*Input!$C$21,0)+IF(Input!$D$22=1,M5233*Input!$C$22,0)</f>
        <v>0.4738690212217832</v>
      </c>
      <c r="O5233" s="59">
        <f>IF(Input!$D$19=2,J5233*Input!$C$19,0)+IF(Input!$D$20=2,K5233*Input!$C$20,0)+IF(Input!$D$21=2,L5233*Input!$C$21,0)+IF(Input!$D$22=2,M5233*Input!$C$22,0)</f>
        <v>1.184672553054458</v>
      </c>
      <c r="P5233" s="59">
        <f>IF(Input!$D$19=3,J5233*Input!$C$19,0)+IF(Input!$D$20=3,K5233*Input!$C$20,0)+IF(Input!$D$21=3,L5233*Input!$C$21,0)+IF(Input!$D$22=3,M5233*Input!$C$22,0)</f>
        <v>0</v>
      </c>
      <c r="Q5233" s="75">
        <f>IF(Input!$D$19=4,J5233*Input!$C$19,0)+IF(Input!$D$20=4,K5233*Input!$C$20,0)+IF(Input!$D$21=4,L5233*Input!$C$21,0)+IF(Input!$D$22=4,M5233*Input!$C$22,0)</f>
        <v>0</v>
      </c>
      <c r="R5233" s="58">
        <v>68.051068758633704</v>
      </c>
      <c r="S5233" s="124">
        <f t="shared" si="81"/>
        <v>2.0534324252943938</v>
      </c>
    </row>
    <row r="5234" spans="8:19" x14ac:dyDescent="0.3">
      <c r="H5234" s="44">
        <v>5227</v>
      </c>
      <c r="I5234" s="56">
        <f>Bühler!I5260</f>
        <v>0.4738690212217832</v>
      </c>
      <c r="J5234" s="59">
        <f>Bühler!J5260</f>
        <v>1.5795634040726108</v>
      </c>
      <c r="K5234" s="59">
        <f>Bühler!K5260</f>
        <v>2.3693451061089159</v>
      </c>
      <c r="L5234" s="59">
        <f>Bühler!L5260</f>
        <v>11.372856509322796</v>
      </c>
      <c r="M5234" s="58">
        <f>Bühler!M5260</f>
        <v>0</v>
      </c>
      <c r="N5234" s="56">
        <f>IF(Input!$D$19=1,J5234*Input!$C$19,0)+IF(Input!$D$20=1,K5234*Input!$C$20,0)+IF(Input!$D$21=1,L5234*Input!$C$21,0)+IF(Input!$D$22=1,M5234*Input!$C$22,0)</f>
        <v>0.4738690212217832</v>
      </c>
      <c r="O5234" s="59">
        <f>IF(Input!$D$19=2,J5234*Input!$C$19,0)+IF(Input!$D$20=2,K5234*Input!$C$20,0)+IF(Input!$D$21=2,L5234*Input!$C$21,0)+IF(Input!$D$22=2,M5234*Input!$C$22,0)</f>
        <v>1.184672553054458</v>
      </c>
      <c r="P5234" s="59">
        <f>IF(Input!$D$19=3,J5234*Input!$C$19,0)+IF(Input!$D$20=3,K5234*Input!$C$20,0)+IF(Input!$D$21=3,L5234*Input!$C$21,0)+IF(Input!$D$22=3,M5234*Input!$C$22,0)</f>
        <v>0</v>
      </c>
      <c r="Q5234" s="75">
        <f>IF(Input!$D$19=4,J5234*Input!$C$19,0)+IF(Input!$D$20=4,K5234*Input!$C$20,0)+IF(Input!$D$21=4,L5234*Input!$C$21,0)+IF(Input!$D$22=4,M5234*Input!$C$22,0)</f>
        <v>0</v>
      </c>
      <c r="R5234" s="58">
        <v>66.826119630577978</v>
      </c>
      <c r="S5234" s="124">
        <f t="shared" si="81"/>
        <v>2.0534324252943938</v>
      </c>
    </row>
    <row r="5235" spans="8:19" x14ac:dyDescent="0.3">
      <c r="H5235" s="44">
        <v>5228</v>
      </c>
      <c r="I5235" s="56">
        <f>Bühler!I5261</f>
        <v>0.39686530527324343</v>
      </c>
      <c r="J5235" s="59">
        <f>Bühler!J5261</f>
        <v>1.3228843509108117</v>
      </c>
      <c r="K5235" s="59">
        <f>Bühler!K5261</f>
        <v>1.9843265263662171</v>
      </c>
      <c r="L5235" s="59">
        <f>Bühler!L5261</f>
        <v>9.5247673265578428</v>
      </c>
      <c r="M5235" s="58">
        <f>Bühler!M5261</f>
        <v>0</v>
      </c>
      <c r="N5235" s="56">
        <f>IF(Input!$D$19=1,J5235*Input!$C$19,0)+IF(Input!$D$20=1,K5235*Input!$C$20,0)+IF(Input!$D$21=1,L5235*Input!$C$21,0)+IF(Input!$D$22=1,M5235*Input!$C$22,0)</f>
        <v>0.39686530527324348</v>
      </c>
      <c r="O5235" s="59">
        <f>IF(Input!$D$19=2,J5235*Input!$C$19,0)+IF(Input!$D$20=2,K5235*Input!$C$20,0)+IF(Input!$D$21=2,L5235*Input!$C$21,0)+IF(Input!$D$22=2,M5235*Input!$C$22,0)</f>
        <v>0.99216326318310855</v>
      </c>
      <c r="P5235" s="59">
        <f>IF(Input!$D$19=3,J5235*Input!$C$19,0)+IF(Input!$D$20=3,K5235*Input!$C$20,0)+IF(Input!$D$21=3,L5235*Input!$C$21,0)+IF(Input!$D$22=3,M5235*Input!$C$22,0)</f>
        <v>0</v>
      </c>
      <c r="Q5235" s="75">
        <f>IF(Input!$D$19=4,J5235*Input!$C$19,0)+IF(Input!$D$20=4,K5235*Input!$C$20,0)+IF(Input!$D$21=4,L5235*Input!$C$21,0)+IF(Input!$D$22=4,M5235*Input!$C$22,0)</f>
        <v>0</v>
      </c>
      <c r="R5235" s="58">
        <v>65.940520256734089</v>
      </c>
      <c r="S5235" s="124">
        <f t="shared" si="81"/>
        <v>1.7197496561840551</v>
      </c>
    </row>
    <row r="5236" spans="8:19" x14ac:dyDescent="0.3">
      <c r="H5236" s="44">
        <v>5229</v>
      </c>
      <c r="I5236" s="56">
        <f>Bühler!I5262</f>
        <v>0.32578495208997588</v>
      </c>
      <c r="J5236" s="59">
        <f>Bühler!J5262</f>
        <v>1.0859498402999197</v>
      </c>
      <c r="K5236" s="59">
        <f>Bühler!K5262</f>
        <v>1.6289247604498795</v>
      </c>
      <c r="L5236" s="59">
        <f>Bühler!L5262</f>
        <v>7.8188388501594215</v>
      </c>
      <c r="M5236" s="58">
        <f>Bühler!M5262</f>
        <v>0</v>
      </c>
      <c r="N5236" s="56">
        <f>IF(Input!$D$19=1,J5236*Input!$C$19,0)+IF(Input!$D$20=1,K5236*Input!$C$20,0)+IF(Input!$D$21=1,L5236*Input!$C$21,0)+IF(Input!$D$22=1,M5236*Input!$C$22,0)</f>
        <v>0.32578495208997588</v>
      </c>
      <c r="O5236" s="59">
        <f>IF(Input!$D$19=2,J5236*Input!$C$19,0)+IF(Input!$D$20=2,K5236*Input!$C$20,0)+IF(Input!$D$21=2,L5236*Input!$C$21,0)+IF(Input!$D$22=2,M5236*Input!$C$22,0)</f>
        <v>0.81446238022493977</v>
      </c>
      <c r="P5236" s="59">
        <f>IF(Input!$D$19=3,J5236*Input!$C$19,0)+IF(Input!$D$20=3,K5236*Input!$C$20,0)+IF(Input!$D$21=3,L5236*Input!$C$21,0)+IF(Input!$D$22=3,M5236*Input!$C$22,0)</f>
        <v>0</v>
      </c>
      <c r="Q5236" s="75">
        <f>IF(Input!$D$19=4,J5236*Input!$C$19,0)+IF(Input!$D$20=4,K5236*Input!$C$20,0)+IF(Input!$D$21=4,L5236*Input!$C$21,0)+IF(Input!$D$22=4,M5236*Input!$C$22,0)</f>
        <v>0</v>
      </c>
      <c r="R5236" s="58">
        <v>63.527748773127193</v>
      </c>
      <c r="S5236" s="124">
        <f t="shared" si="81"/>
        <v>1.4117347923898955</v>
      </c>
    </row>
    <row r="5237" spans="8:19" x14ac:dyDescent="0.3">
      <c r="H5237" s="44">
        <v>5230</v>
      </c>
      <c r="I5237" s="56">
        <f>Bühler!I5263</f>
        <v>0.2369345106108916</v>
      </c>
      <c r="J5237" s="59">
        <f>Bühler!J5263</f>
        <v>0.78978170203630538</v>
      </c>
      <c r="K5237" s="59">
        <f>Bühler!K5263</f>
        <v>1.184672553054458</v>
      </c>
      <c r="L5237" s="59">
        <f>Bühler!L5263</f>
        <v>5.686428254661398</v>
      </c>
      <c r="M5237" s="58">
        <f>Bühler!M5263</f>
        <v>0</v>
      </c>
      <c r="N5237" s="56">
        <f>IF(Input!$D$19=1,J5237*Input!$C$19,0)+IF(Input!$D$20=1,K5237*Input!$C$20,0)+IF(Input!$D$21=1,L5237*Input!$C$21,0)+IF(Input!$D$22=1,M5237*Input!$C$22,0)</f>
        <v>0.2369345106108916</v>
      </c>
      <c r="O5237" s="59">
        <f>IF(Input!$D$19=2,J5237*Input!$C$19,0)+IF(Input!$D$20=2,K5237*Input!$C$20,0)+IF(Input!$D$21=2,L5237*Input!$C$21,0)+IF(Input!$D$22=2,M5237*Input!$C$22,0)</f>
        <v>0.59233627652722898</v>
      </c>
      <c r="P5237" s="59">
        <f>IF(Input!$D$19=3,J5237*Input!$C$19,0)+IF(Input!$D$20=3,K5237*Input!$C$20,0)+IF(Input!$D$21=3,L5237*Input!$C$21,0)+IF(Input!$D$22=3,M5237*Input!$C$22,0)</f>
        <v>0</v>
      </c>
      <c r="Q5237" s="75">
        <f>IF(Input!$D$19=4,J5237*Input!$C$19,0)+IF(Input!$D$20=4,K5237*Input!$C$20,0)+IF(Input!$D$21=4,L5237*Input!$C$21,0)+IF(Input!$D$22=4,M5237*Input!$C$22,0)</f>
        <v>0</v>
      </c>
      <c r="R5237" s="58">
        <v>61.282658635764534</v>
      </c>
      <c r="S5237" s="124">
        <f t="shared" si="81"/>
        <v>1.0267162126471969</v>
      </c>
    </row>
    <row r="5238" spans="8:19" x14ac:dyDescent="0.3">
      <c r="H5238" s="44">
        <v>5231</v>
      </c>
      <c r="I5238" s="56">
        <f>Bühler!I5264</f>
        <v>0.22508778508034702</v>
      </c>
      <c r="J5238" s="59">
        <f>Bühler!J5264</f>
        <v>0.75029261693449012</v>
      </c>
      <c r="K5238" s="59">
        <f>Bühler!K5264</f>
        <v>1.1254389254017352</v>
      </c>
      <c r="L5238" s="59">
        <f>Bühler!L5264</f>
        <v>5.4021068419283287</v>
      </c>
      <c r="M5238" s="58">
        <f>Bühler!M5264</f>
        <v>0</v>
      </c>
      <c r="N5238" s="56">
        <f>IF(Input!$D$19=1,J5238*Input!$C$19,0)+IF(Input!$D$20=1,K5238*Input!$C$20,0)+IF(Input!$D$21=1,L5238*Input!$C$21,0)+IF(Input!$D$22=1,M5238*Input!$C$22,0)</f>
        <v>0.22508778508034702</v>
      </c>
      <c r="O5238" s="59">
        <f>IF(Input!$D$19=2,J5238*Input!$C$19,0)+IF(Input!$D$20=2,K5238*Input!$C$20,0)+IF(Input!$D$21=2,L5238*Input!$C$21,0)+IF(Input!$D$22=2,M5238*Input!$C$22,0)</f>
        <v>0.56271946270086759</v>
      </c>
      <c r="P5238" s="59">
        <f>IF(Input!$D$19=3,J5238*Input!$C$19,0)+IF(Input!$D$20=3,K5238*Input!$C$20,0)+IF(Input!$D$21=3,L5238*Input!$C$21,0)+IF(Input!$D$22=3,M5238*Input!$C$22,0)</f>
        <v>0</v>
      </c>
      <c r="Q5238" s="75">
        <f>IF(Input!$D$19=4,J5238*Input!$C$19,0)+IF(Input!$D$20=4,K5238*Input!$C$20,0)+IF(Input!$D$21=4,L5238*Input!$C$21,0)+IF(Input!$D$22=4,M5238*Input!$C$22,0)</f>
        <v>0</v>
      </c>
      <c r="R5238" s="58">
        <v>60.576570243971965</v>
      </c>
      <c r="S5238" s="124">
        <f t="shared" si="81"/>
        <v>0.97538040201483711</v>
      </c>
    </row>
    <row r="5239" spans="8:19" x14ac:dyDescent="0.3">
      <c r="H5239" s="44">
        <v>5232</v>
      </c>
      <c r="I5239" s="56">
        <f>Bühler!I5265</f>
        <v>0.22508778508034702</v>
      </c>
      <c r="J5239" s="59">
        <f>Bühler!J5265</f>
        <v>0.75029261693449012</v>
      </c>
      <c r="K5239" s="59">
        <f>Bühler!K5265</f>
        <v>1.1254389254017352</v>
      </c>
      <c r="L5239" s="59">
        <f>Bühler!L5265</f>
        <v>5.4021068419283287</v>
      </c>
      <c r="M5239" s="58">
        <f>Bühler!M5265</f>
        <v>0</v>
      </c>
      <c r="N5239" s="56">
        <f>IF(Input!$D$19=1,J5239*Input!$C$19,0)+IF(Input!$D$20=1,K5239*Input!$C$20,0)+IF(Input!$D$21=1,L5239*Input!$C$21,0)+IF(Input!$D$22=1,M5239*Input!$C$22,0)</f>
        <v>0.22508778508034702</v>
      </c>
      <c r="O5239" s="59">
        <f>IF(Input!$D$19=2,J5239*Input!$C$19,0)+IF(Input!$D$20=2,K5239*Input!$C$20,0)+IF(Input!$D$21=2,L5239*Input!$C$21,0)+IF(Input!$D$22=2,M5239*Input!$C$22,0)</f>
        <v>0.56271946270086759</v>
      </c>
      <c r="P5239" s="59">
        <f>IF(Input!$D$19=3,J5239*Input!$C$19,0)+IF(Input!$D$20=3,K5239*Input!$C$20,0)+IF(Input!$D$21=3,L5239*Input!$C$21,0)+IF(Input!$D$22=3,M5239*Input!$C$22,0)</f>
        <v>0</v>
      </c>
      <c r="Q5239" s="75">
        <f>IF(Input!$D$19=4,J5239*Input!$C$19,0)+IF(Input!$D$20=4,K5239*Input!$C$20,0)+IF(Input!$D$21=4,L5239*Input!$C$21,0)+IF(Input!$D$22=4,M5239*Input!$C$22,0)</f>
        <v>0</v>
      </c>
      <c r="R5239" s="58">
        <v>59.689833939998266</v>
      </c>
      <c r="S5239" s="124">
        <f t="shared" si="81"/>
        <v>0.97538040201483711</v>
      </c>
    </row>
    <row r="5240" spans="8:19" x14ac:dyDescent="0.3">
      <c r="H5240" s="44">
        <v>5233</v>
      </c>
      <c r="I5240" s="56">
        <f>Bühler!I5266</f>
        <v>0.21113832446847156</v>
      </c>
      <c r="J5240" s="59">
        <f>Bühler!J5266</f>
        <v>0.70379441489490524</v>
      </c>
      <c r="K5240" s="59">
        <f>Bühler!K5266</f>
        <v>1.0556916223423578</v>
      </c>
      <c r="L5240" s="59">
        <f>Bühler!L5266</f>
        <v>5.0673197872433171</v>
      </c>
      <c r="M5240" s="58">
        <f>Bühler!M5266</f>
        <v>0</v>
      </c>
      <c r="N5240" s="56">
        <f>IF(Input!$D$19=1,J5240*Input!$C$19,0)+IF(Input!$D$20=1,K5240*Input!$C$20,0)+IF(Input!$D$21=1,L5240*Input!$C$21,0)+IF(Input!$D$22=1,M5240*Input!$C$22,0)</f>
        <v>0.21113832446847156</v>
      </c>
      <c r="O5240" s="59">
        <f>IF(Input!$D$19=2,J5240*Input!$C$19,0)+IF(Input!$D$20=2,K5240*Input!$C$20,0)+IF(Input!$D$21=2,L5240*Input!$C$21,0)+IF(Input!$D$22=2,M5240*Input!$C$22,0)</f>
        <v>0.5278458111711789</v>
      </c>
      <c r="P5240" s="59">
        <f>IF(Input!$D$19=3,J5240*Input!$C$19,0)+IF(Input!$D$20=3,K5240*Input!$C$20,0)+IF(Input!$D$21=3,L5240*Input!$C$21,0)+IF(Input!$D$22=3,M5240*Input!$C$22,0)</f>
        <v>0</v>
      </c>
      <c r="Q5240" s="75">
        <f>IF(Input!$D$19=4,J5240*Input!$C$19,0)+IF(Input!$D$20=4,K5240*Input!$C$20,0)+IF(Input!$D$21=4,L5240*Input!$C$21,0)+IF(Input!$D$22=4,M5240*Input!$C$22,0)</f>
        <v>0</v>
      </c>
      <c r="R5240" s="58">
        <v>58.50107746040262</v>
      </c>
      <c r="S5240" s="124">
        <f t="shared" si="81"/>
        <v>0.91493273936337682</v>
      </c>
    </row>
    <row r="5241" spans="8:19" x14ac:dyDescent="0.3">
      <c r="H5241" s="44">
        <v>5234</v>
      </c>
      <c r="I5241" s="56">
        <f>Bühler!I5267</f>
        <v>0.21113832446847156</v>
      </c>
      <c r="J5241" s="59">
        <f>Bühler!J5267</f>
        <v>0.70379441489490524</v>
      </c>
      <c r="K5241" s="59">
        <f>Bühler!K5267</f>
        <v>1.0556916223423578</v>
      </c>
      <c r="L5241" s="59">
        <f>Bühler!L5267</f>
        <v>5.0673197872433171</v>
      </c>
      <c r="M5241" s="58">
        <f>Bühler!M5267</f>
        <v>0</v>
      </c>
      <c r="N5241" s="56">
        <f>IF(Input!$D$19=1,J5241*Input!$C$19,0)+IF(Input!$D$20=1,K5241*Input!$C$20,0)+IF(Input!$D$21=1,L5241*Input!$C$21,0)+IF(Input!$D$22=1,M5241*Input!$C$22,0)</f>
        <v>0.21113832446847156</v>
      </c>
      <c r="O5241" s="59">
        <f>IF(Input!$D$19=2,J5241*Input!$C$19,0)+IF(Input!$D$20=2,K5241*Input!$C$20,0)+IF(Input!$D$21=2,L5241*Input!$C$21,0)+IF(Input!$D$22=2,M5241*Input!$C$22,0)</f>
        <v>0.5278458111711789</v>
      </c>
      <c r="P5241" s="59">
        <f>IF(Input!$D$19=3,J5241*Input!$C$19,0)+IF(Input!$D$20=3,K5241*Input!$C$20,0)+IF(Input!$D$21=3,L5241*Input!$C$21,0)+IF(Input!$D$22=3,M5241*Input!$C$22,0)</f>
        <v>0</v>
      </c>
      <c r="Q5241" s="75">
        <f>IF(Input!$D$19=4,J5241*Input!$C$19,0)+IF(Input!$D$20=4,K5241*Input!$C$20,0)+IF(Input!$D$21=4,L5241*Input!$C$21,0)+IF(Input!$D$22=4,M5241*Input!$C$22,0)</f>
        <v>0</v>
      </c>
      <c r="R5241" s="58">
        <v>57.997770558308659</v>
      </c>
      <c r="S5241" s="124">
        <f t="shared" si="81"/>
        <v>0.91493273936337682</v>
      </c>
    </row>
    <row r="5242" spans="8:19" x14ac:dyDescent="0.3">
      <c r="H5242" s="44">
        <v>5235</v>
      </c>
      <c r="I5242" s="56">
        <f>Bühler!I5268</f>
        <v>0.21113832446847156</v>
      </c>
      <c r="J5242" s="59">
        <f>Bühler!J5268</f>
        <v>0.70379441489490524</v>
      </c>
      <c r="K5242" s="59">
        <f>Bühler!K5268</f>
        <v>1.0556916223423578</v>
      </c>
      <c r="L5242" s="59">
        <f>Bühler!L5268</f>
        <v>5.0673197872433171</v>
      </c>
      <c r="M5242" s="58">
        <f>Bühler!M5268</f>
        <v>0</v>
      </c>
      <c r="N5242" s="56">
        <f>IF(Input!$D$19=1,J5242*Input!$C$19,0)+IF(Input!$D$20=1,K5242*Input!$C$20,0)+IF(Input!$D$21=1,L5242*Input!$C$21,0)+IF(Input!$D$22=1,M5242*Input!$C$22,0)</f>
        <v>0.21113832446847156</v>
      </c>
      <c r="O5242" s="59">
        <f>IF(Input!$D$19=2,J5242*Input!$C$19,0)+IF(Input!$D$20=2,K5242*Input!$C$20,0)+IF(Input!$D$21=2,L5242*Input!$C$21,0)+IF(Input!$D$22=2,M5242*Input!$C$22,0)</f>
        <v>0.5278458111711789</v>
      </c>
      <c r="P5242" s="59">
        <f>IF(Input!$D$19=3,J5242*Input!$C$19,0)+IF(Input!$D$20=3,K5242*Input!$C$20,0)+IF(Input!$D$21=3,L5242*Input!$C$21,0)+IF(Input!$D$22=3,M5242*Input!$C$22,0)</f>
        <v>0</v>
      </c>
      <c r="Q5242" s="75">
        <f>IF(Input!$D$19=4,J5242*Input!$C$19,0)+IF(Input!$D$20=4,K5242*Input!$C$20,0)+IF(Input!$D$21=4,L5242*Input!$C$21,0)+IF(Input!$D$22=4,M5242*Input!$C$22,0)</f>
        <v>0</v>
      </c>
      <c r="R5242" s="58">
        <v>57.467678052301579</v>
      </c>
      <c r="S5242" s="124">
        <f t="shared" si="81"/>
        <v>0.91493273936337682</v>
      </c>
    </row>
    <row r="5243" spans="8:19" x14ac:dyDescent="0.3">
      <c r="H5243" s="44">
        <v>5236</v>
      </c>
      <c r="I5243" s="56">
        <f>Bühler!I5269</f>
        <v>0.21113832446847156</v>
      </c>
      <c r="J5243" s="59">
        <f>Bühler!J5269</f>
        <v>0.70379441489490524</v>
      </c>
      <c r="K5243" s="59">
        <f>Bühler!K5269</f>
        <v>1.0556916223423578</v>
      </c>
      <c r="L5243" s="59">
        <f>Bühler!L5269</f>
        <v>5.0673197872433171</v>
      </c>
      <c r="M5243" s="58">
        <f>Bühler!M5269</f>
        <v>0</v>
      </c>
      <c r="N5243" s="56">
        <f>IF(Input!$D$19=1,J5243*Input!$C$19,0)+IF(Input!$D$20=1,K5243*Input!$C$20,0)+IF(Input!$D$21=1,L5243*Input!$C$21,0)+IF(Input!$D$22=1,M5243*Input!$C$22,0)</f>
        <v>0.21113832446847156</v>
      </c>
      <c r="O5243" s="59">
        <f>IF(Input!$D$19=2,J5243*Input!$C$19,0)+IF(Input!$D$20=2,K5243*Input!$C$20,0)+IF(Input!$D$21=2,L5243*Input!$C$21,0)+IF(Input!$D$22=2,M5243*Input!$C$22,0)</f>
        <v>0.5278458111711789</v>
      </c>
      <c r="P5243" s="59">
        <f>IF(Input!$D$19=3,J5243*Input!$C$19,0)+IF(Input!$D$20=3,K5243*Input!$C$20,0)+IF(Input!$D$21=3,L5243*Input!$C$21,0)+IF(Input!$D$22=3,M5243*Input!$C$22,0)</f>
        <v>0</v>
      </c>
      <c r="Q5243" s="75">
        <f>IF(Input!$D$19=4,J5243*Input!$C$19,0)+IF(Input!$D$20=4,K5243*Input!$C$20,0)+IF(Input!$D$21=4,L5243*Input!$C$21,0)+IF(Input!$D$22=4,M5243*Input!$C$22,0)</f>
        <v>0</v>
      </c>
      <c r="R5243" s="58">
        <v>58.288575361274432</v>
      </c>
      <c r="S5243" s="124">
        <f t="shared" si="81"/>
        <v>0.91493273936337682</v>
      </c>
    </row>
    <row r="5244" spans="8:19" x14ac:dyDescent="0.3">
      <c r="H5244" s="44">
        <v>5237</v>
      </c>
      <c r="I5244" s="56">
        <f>Bühler!I5270</f>
        <v>0.21113832446847156</v>
      </c>
      <c r="J5244" s="59">
        <f>Bühler!J5270</f>
        <v>0.70379441489490524</v>
      </c>
      <c r="K5244" s="59">
        <f>Bühler!K5270</f>
        <v>1.0556916223423578</v>
      </c>
      <c r="L5244" s="59">
        <f>Bühler!L5270</f>
        <v>5.0673197872433171</v>
      </c>
      <c r="M5244" s="58">
        <f>Bühler!M5270</f>
        <v>0</v>
      </c>
      <c r="N5244" s="56">
        <f>IF(Input!$D$19=1,J5244*Input!$C$19,0)+IF(Input!$D$20=1,K5244*Input!$C$20,0)+IF(Input!$D$21=1,L5244*Input!$C$21,0)+IF(Input!$D$22=1,M5244*Input!$C$22,0)</f>
        <v>0.21113832446847156</v>
      </c>
      <c r="O5244" s="59">
        <f>IF(Input!$D$19=2,J5244*Input!$C$19,0)+IF(Input!$D$20=2,K5244*Input!$C$20,0)+IF(Input!$D$21=2,L5244*Input!$C$21,0)+IF(Input!$D$22=2,M5244*Input!$C$22,0)</f>
        <v>0.5278458111711789</v>
      </c>
      <c r="P5244" s="59">
        <f>IF(Input!$D$19=3,J5244*Input!$C$19,0)+IF(Input!$D$20=3,K5244*Input!$C$20,0)+IF(Input!$D$21=3,L5244*Input!$C$21,0)+IF(Input!$D$22=3,M5244*Input!$C$22,0)</f>
        <v>0</v>
      </c>
      <c r="Q5244" s="75">
        <f>IF(Input!$D$19=4,J5244*Input!$C$19,0)+IF(Input!$D$20=4,K5244*Input!$C$20,0)+IF(Input!$D$21=4,L5244*Input!$C$21,0)+IF(Input!$D$22=4,M5244*Input!$C$22,0)</f>
        <v>0</v>
      </c>
      <c r="R5244" s="58">
        <v>60.148439870326548</v>
      </c>
      <c r="S5244" s="124">
        <f t="shared" si="81"/>
        <v>0.91493273936337682</v>
      </c>
    </row>
    <row r="5245" spans="8:19" x14ac:dyDescent="0.3">
      <c r="H5245" s="44">
        <v>5238</v>
      </c>
      <c r="I5245" s="56">
        <f>Bühler!I5271</f>
        <v>0.27447982180901298</v>
      </c>
      <c r="J5245" s="59">
        <f>Bühler!J5271</f>
        <v>0.91493273936337671</v>
      </c>
      <c r="K5245" s="59">
        <f>Bühler!K5271</f>
        <v>1.3723991090450649</v>
      </c>
      <c r="L5245" s="59">
        <f>Bühler!L5271</f>
        <v>6.5875157234163115</v>
      </c>
      <c r="M5245" s="58">
        <f>Bühler!M5271</f>
        <v>0</v>
      </c>
      <c r="N5245" s="56">
        <f>IF(Input!$D$19=1,J5245*Input!$C$19,0)+IF(Input!$D$20=1,K5245*Input!$C$20,0)+IF(Input!$D$21=1,L5245*Input!$C$21,0)+IF(Input!$D$22=1,M5245*Input!$C$22,0)</f>
        <v>0.27447982180901298</v>
      </c>
      <c r="O5245" s="59">
        <f>IF(Input!$D$19=2,J5245*Input!$C$19,0)+IF(Input!$D$20=2,K5245*Input!$C$20,0)+IF(Input!$D$21=2,L5245*Input!$C$21,0)+IF(Input!$D$22=2,M5245*Input!$C$22,0)</f>
        <v>0.68619955452253245</v>
      </c>
      <c r="P5245" s="59">
        <f>IF(Input!$D$19=3,J5245*Input!$C$19,0)+IF(Input!$D$20=3,K5245*Input!$C$20,0)+IF(Input!$D$21=3,L5245*Input!$C$21,0)+IF(Input!$D$22=3,M5245*Input!$C$22,0)</f>
        <v>0</v>
      </c>
      <c r="Q5245" s="75">
        <f>IF(Input!$D$19=4,J5245*Input!$C$19,0)+IF(Input!$D$20=4,K5245*Input!$C$20,0)+IF(Input!$D$21=4,L5245*Input!$C$21,0)+IF(Input!$D$22=4,M5245*Input!$C$22,0)</f>
        <v>0</v>
      </c>
      <c r="R5245" s="58">
        <v>63.289195310492495</v>
      </c>
      <c r="S5245" s="124">
        <f t="shared" si="81"/>
        <v>1.1894125611723898</v>
      </c>
    </row>
    <row r="5246" spans="8:19" x14ac:dyDescent="0.3">
      <c r="H5246" s="44">
        <v>5239</v>
      </c>
      <c r="I5246" s="56">
        <f>Bühler!I5272</f>
        <v>0.30615057047928368</v>
      </c>
      <c r="J5246" s="59">
        <f>Bühler!J5272</f>
        <v>1.0205019015976124</v>
      </c>
      <c r="K5246" s="59">
        <f>Bühler!K5272</f>
        <v>1.5307528523964185</v>
      </c>
      <c r="L5246" s="59">
        <f>Bühler!L5272</f>
        <v>7.3476136915028087</v>
      </c>
      <c r="M5246" s="58">
        <f>Bühler!M5272</f>
        <v>0</v>
      </c>
      <c r="N5246" s="56">
        <f>IF(Input!$D$19=1,J5246*Input!$C$19,0)+IF(Input!$D$20=1,K5246*Input!$C$20,0)+IF(Input!$D$21=1,L5246*Input!$C$21,0)+IF(Input!$D$22=1,M5246*Input!$C$22,0)</f>
        <v>0.30615057047928373</v>
      </c>
      <c r="O5246" s="59">
        <f>IF(Input!$D$19=2,J5246*Input!$C$19,0)+IF(Input!$D$20=2,K5246*Input!$C$20,0)+IF(Input!$D$21=2,L5246*Input!$C$21,0)+IF(Input!$D$22=2,M5246*Input!$C$22,0)</f>
        <v>0.76537642619820923</v>
      </c>
      <c r="P5246" s="59">
        <f>IF(Input!$D$19=3,J5246*Input!$C$19,0)+IF(Input!$D$20=3,K5246*Input!$C$20,0)+IF(Input!$D$21=3,L5246*Input!$C$21,0)+IF(Input!$D$22=3,M5246*Input!$C$22,0)</f>
        <v>0</v>
      </c>
      <c r="Q5246" s="75">
        <f>IF(Input!$D$19=4,J5246*Input!$C$19,0)+IF(Input!$D$20=4,K5246*Input!$C$20,0)+IF(Input!$D$21=4,L5246*Input!$C$21,0)+IF(Input!$D$22=4,M5246*Input!$C$22,0)</f>
        <v>0</v>
      </c>
      <c r="R5246" s="58">
        <v>65.411113564806286</v>
      </c>
      <c r="S5246" s="124">
        <f t="shared" si="81"/>
        <v>1.3266524720768962</v>
      </c>
    </row>
    <row r="5247" spans="8:19" x14ac:dyDescent="0.3">
      <c r="H5247" s="44">
        <v>5240</v>
      </c>
      <c r="I5247" s="56">
        <f>Bühler!I5273</f>
        <v>0.31670748670270726</v>
      </c>
      <c r="J5247" s="59">
        <f>Bühler!J5273</f>
        <v>1.0556916223423576</v>
      </c>
      <c r="K5247" s="59">
        <f>Bühler!K5273</f>
        <v>1.5835374335135364</v>
      </c>
      <c r="L5247" s="59">
        <f>Bühler!L5273</f>
        <v>7.6009796808649739</v>
      </c>
      <c r="M5247" s="58">
        <f>Bühler!M5273</f>
        <v>0</v>
      </c>
      <c r="N5247" s="56">
        <f>IF(Input!$D$19=1,J5247*Input!$C$19,0)+IF(Input!$D$20=1,K5247*Input!$C$20,0)+IF(Input!$D$21=1,L5247*Input!$C$21,0)+IF(Input!$D$22=1,M5247*Input!$C$22,0)</f>
        <v>0.31670748670270726</v>
      </c>
      <c r="O5247" s="59">
        <f>IF(Input!$D$19=2,J5247*Input!$C$19,0)+IF(Input!$D$20=2,K5247*Input!$C$20,0)+IF(Input!$D$21=2,L5247*Input!$C$21,0)+IF(Input!$D$22=2,M5247*Input!$C$22,0)</f>
        <v>0.79176871675676819</v>
      </c>
      <c r="P5247" s="59">
        <f>IF(Input!$D$19=3,J5247*Input!$C$19,0)+IF(Input!$D$20=3,K5247*Input!$C$20,0)+IF(Input!$D$21=3,L5247*Input!$C$21,0)+IF(Input!$D$22=3,M5247*Input!$C$22,0)</f>
        <v>0</v>
      </c>
      <c r="Q5247" s="75">
        <f>IF(Input!$D$19=4,J5247*Input!$C$19,0)+IF(Input!$D$20=4,K5247*Input!$C$20,0)+IF(Input!$D$21=4,L5247*Input!$C$21,0)+IF(Input!$D$22=4,M5247*Input!$C$22,0)</f>
        <v>0</v>
      </c>
      <c r="R5247" s="58">
        <v>66.72868205490704</v>
      </c>
      <c r="S5247" s="124">
        <f t="shared" si="81"/>
        <v>1.3723991090450649</v>
      </c>
    </row>
    <row r="5248" spans="8:19" x14ac:dyDescent="0.3">
      <c r="H5248" s="44">
        <v>5241</v>
      </c>
      <c r="I5248" s="56">
        <f>Bühler!I5274</f>
        <v>0.31670748670270726</v>
      </c>
      <c r="J5248" s="59">
        <f>Bühler!J5274</f>
        <v>1.0556916223423576</v>
      </c>
      <c r="K5248" s="59">
        <f>Bühler!K5274</f>
        <v>1.5835374335135364</v>
      </c>
      <c r="L5248" s="59">
        <f>Bühler!L5274</f>
        <v>7.6009796808649739</v>
      </c>
      <c r="M5248" s="58">
        <f>Bühler!M5274</f>
        <v>0</v>
      </c>
      <c r="N5248" s="56">
        <f>IF(Input!$D$19=1,J5248*Input!$C$19,0)+IF(Input!$D$20=1,K5248*Input!$C$20,0)+IF(Input!$D$21=1,L5248*Input!$C$21,0)+IF(Input!$D$22=1,M5248*Input!$C$22,0)</f>
        <v>0.31670748670270726</v>
      </c>
      <c r="O5248" s="59">
        <f>IF(Input!$D$19=2,J5248*Input!$C$19,0)+IF(Input!$D$20=2,K5248*Input!$C$20,0)+IF(Input!$D$21=2,L5248*Input!$C$21,0)+IF(Input!$D$22=2,M5248*Input!$C$22,0)</f>
        <v>0.79176871675676819</v>
      </c>
      <c r="P5248" s="59">
        <f>IF(Input!$D$19=3,J5248*Input!$C$19,0)+IF(Input!$D$20=3,K5248*Input!$C$20,0)+IF(Input!$D$21=3,L5248*Input!$C$21,0)+IF(Input!$D$22=3,M5248*Input!$C$22,0)</f>
        <v>0</v>
      </c>
      <c r="Q5248" s="75">
        <f>IF(Input!$D$19=4,J5248*Input!$C$19,0)+IF(Input!$D$20=4,K5248*Input!$C$20,0)+IF(Input!$D$21=4,L5248*Input!$C$21,0)+IF(Input!$D$22=4,M5248*Input!$C$22,0)</f>
        <v>0</v>
      </c>
      <c r="R5248" s="58">
        <v>68.623915670648358</v>
      </c>
      <c r="S5248" s="124">
        <f t="shared" si="81"/>
        <v>1.3723991090450649</v>
      </c>
    </row>
    <row r="5249" spans="8:19" x14ac:dyDescent="0.3">
      <c r="H5249" s="44">
        <v>5242</v>
      </c>
      <c r="I5249" s="56">
        <f>Bühler!I5275</f>
        <v>0.34309977726126623</v>
      </c>
      <c r="J5249" s="59">
        <f>Bühler!J5275</f>
        <v>1.1436659242042209</v>
      </c>
      <c r="K5249" s="59">
        <f>Bühler!K5275</f>
        <v>1.715498886306331</v>
      </c>
      <c r="L5249" s="59">
        <f>Bühler!L5275</f>
        <v>8.234394654270389</v>
      </c>
      <c r="M5249" s="58">
        <f>Bühler!M5275</f>
        <v>0</v>
      </c>
      <c r="N5249" s="56">
        <f>IF(Input!$D$19=1,J5249*Input!$C$19,0)+IF(Input!$D$20=1,K5249*Input!$C$20,0)+IF(Input!$D$21=1,L5249*Input!$C$21,0)+IF(Input!$D$22=1,M5249*Input!$C$22,0)</f>
        <v>0.34309977726126623</v>
      </c>
      <c r="O5249" s="59">
        <f>IF(Input!$D$19=2,J5249*Input!$C$19,0)+IF(Input!$D$20=2,K5249*Input!$C$20,0)+IF(Input!$D$21=2,L5249*Input!$C$21,0)+IF(Input!$D$22=2,M5249*Input!$C$22,0)</f>
        <v>0.85774944315316548</v>
      </c>
      <c r="P5249" s="59">
        <f>IF(Input!$D$19=3,J5249*Input!$C$19,0)+IF(Input!$D$20=3,K5249*Input!$C$20,0)+IF(Input!$D$21=3,L5249*Input!$C$21,0)+IF(Input!$D$22=3,M5249*Input!$C$22,0)</f>
        <v>0</v>
      </c>
      <c r="Q5249" s="75">
        <f>IF(Input!$D$19=4,J5249*Input!$C$19,0)+IF(Input!$D$20=4,K5249*Input!$C$20,0)+IF(Input!$D$21=4,L5249*Input!$C$21,0)+IF(Input!$D$22=4,M5249*Input!$C$22,0)</f>
        <v>0</v>
      </c>
      <c r="R5249" s="58">
        <v>69.24610418524064</v>
      </c>
      <c r="S5249" s="124">
        <f t="shared" si="81"/>
        <v>1.4867657014654871</v>
      </c>
    </row>
    <row r="5250" spans="8:19" x14ac:dyDescent="0.3">
      <c r="H5250" s="44">
        <v>5243</v>
      </c>
      <c r="I5250" s="56">
        <f>Bühler!I5276</f>
        <v>0.3589351515964016</v>
      </c>
      <c r="J5250" s="59">
        <f>Bühler!J5276</f>
        <v>1.1964505053213388</v>
      </c>
      <c r="K5250" s="59">
        <f>Bühler!K5276</f>
        <v>1.7946757579820078</v>
      </c>
      <c r="L5250" s="59">
        <f>Bühler!L5276</f>
        <v>8.614443638313638</v>
      </c>
      <c r="M5250" s="58">
        <f>Bühler!M5276</f>
        <v>0</v>
      </c>
      <c r="N5250" s="56">
        <f>IF(Input!$D$19=1,J5250*Input!$C$19,0)+IF(Input!$D$20=1,K5250*Input!$C$20,0)+IF(Input!$D$21=1,L5250*Input!$C$21,0)+IF(Input!$D$22=1,M5250*Input!$C$22,0)</f>
        <v>0.3589351515964016</v>
      </c>
      <c r="O5250" s="59">
        <f>IF(Input!$D$19=2,J5250*Input!$C$19,0)+IF(Input!$D$20=2,K5250*Input!$C$20,0)+IF(Input!$D$21=2,L5250*Input!$C$21,0)+IF(Input!$D$22=2,M5250*Input!$C$22,0)</f>
        <v>0.89733787899100392</v>
      </c>
      <c r="P5250" s="59">
        <f>IF(Input!$D$19=3,J5250*Input!$C$19,0)+IF(Input!$D$20=3,K5250*Input!$C$20,0)+IF(Input!$D$21=3,L5250*Input!$C$21,0)+IF(Input!$D$22=3,M5250*Input!$C$22,0)</f>
        <v>0</v>
      </c>
      <c r="Q5250" s="75">
        <f>IF(Input!$D$19=4,J5250*Input!$C$19,0)+IF(Input!$D$20=4,K5250*Input!$C$20,0)+IF(Input!$D$21=4,L5250*Input!$C$21,0)+IF(Input!$D$22=4,M5250*Input!$C$22,0)</f>
        <v>0</v>
      </c>
      <c r="R5250" s="58">
        <v>70.253558379403231</v>
      </c>
      <c r="S5250" s="124">
        <f t="shared" si="81"/>
        <v>1.5553856569177404</v>
      </c>
    </row>
    <row r="5251" spans="8:19" x14ac:dyDescent="0.3">
      <c r="H5251" s="44">
        <v>5244</v>
      </c>
      <c r="I5251" s="56">
        <f>Bühler!I5277</f>
        <v>0.42227664893694311</v>
      </c>
      <c r="J5251" s="59">
        <f>Bühler!J5277</f>
        <v>1.4075888297898105</v>
      </c>
      <c r="K5251" s="59">
        <f>Bühler!K5277</f>
        <v>2.1113832446847156</v>
      </c>
      <c r="L5251" s="59">
        <f>Bühler!L5277</f>
        <v>10.134639574486634</v>
      </c>
      <c r="M5251" s="58">
        <f>Bühler!M5277</f>
        <v>0</v>
      </c>
      <c r="N5251" s="56">
        <f>IF(Input!$D$19=1,J5251*Input!$C$19,0)+IF(Input!$D$20=1,K5251*Input!$C$20,0)+IF(Input!$D$21=1,L5251*Input!$C$21,0)+IF(Input!$D$22=1,M5251*Input!$C$22,0)</f>
        <v>0.42227664893694311</v>
      </c>
      <c r="O5251" s="59">
        <f>IF(Input!$D$19=2,J5251*Input!$C$19,0)+IF(Input!$D$20=2,K5251*Input!$C$20,0)+IF(Input!$D$21=2,L5251*Input!$C$21,0)+IF(Input!$D$22=2,M5251*Input!$C$22,0)</f>
        <v>1.0556916223423578</v>
      </c>
      <c r="P5251" s="59">
        <f>IF(Input!$D$19=3,J5251*Input!$C$19,0)+IF(Input!$D$20=3,K5251*Input!$C$20,0)+IF(Input!$D$21=3,L5251*Input!$C$21,0)+IF(Input!$D$22=3,M5251*Input!$C$22,0)</f>
        <v>0</v>
      </c>
      <c r="Q5251" s="75">
        <f>IF(Input!$D$19=4,J5251*Input!$C$19,0)+IF(Input!$D$20=4,K5251*Input!$C$20,0)+IF(Input!$D$21=4,L5251*Input!$C$21,0)+IF(Input!$D$22=4,M5251*Input!$C$22,0)</f>
        <v>0</v>
      </c>
      <c r="R5251" s="58">
        <v>70.324108398933632</v>
      </c>
      <c r="S5251" s="124">
        <f t="shared" si="81"/>
        <v>1.8298654787267536</v>
      </c>
    </row>
    <row r="5252" spans="8:19" x14ac:dyDescent="0.3">
      <c r="H5252" s="44">
        <v>5245</v>
      </c>
      <c r="I5252" s="56">
        <f>Bühler!I5278</f>
        <v>0.42227664893694311</v>
      </c>
      <c r="J5252" s="59">
        <f>Bühler!J5278</f>
        <v>1.4075888297898105</v>
      </c>
      <c r="K5252" s="59">
        <f>Bühler!K5278</f>
        <v>2.1113832446847156</v>
      </c>
      <c r="L5252" s="59">
        <f>Bühler!L5278</f>
        <v>10.134639574486634</v>
      </c>
      <c r="M5252" s="58">
        <f>Bühler!M5278</f>
        <v>0</v>
      </c>
      <c r="N5252" s="56">
        <f>IF(Input!$D$19=1,J5252*Input!$C$19,0)+IF(Input!$D$20=1,K5252*Input!$C$20,0)+IF(Input!$D$21=1,L5252*Input!$C$21,0)+IF(Input!$D$22=1,M5252*Input!$C$22,0)</f>
        <v>0.42227664893694311</v>
      </c>
      <c r="O5252" s="59">
        <f>IF(Input!$D$19=2,J5252*Input!$C$19,0)+IF(Input!$D$20=2,K5252*Input!$C$20,0)+IF(Input!$D$21=2,L5252*Input!$C$21,0)+IF(Input!$D$22=2,M5252*Input!$C$22,0)</f>
        <v>1.0556916223423578</v>
      </c>
      <c r="P5252" s="59">
        <f>IF(Input!$D$19=3,J5252*Input!$C$19,0)+IF(Input!$D$20=3,K5252*Input!$C$20,0)+IF(Input!$D$21=3,L5252*Input!$C$21,0)+IF(Input!$D$22=3,M5252*Input!$C$22,0)</f>
        <v>0</v>
      </c>
      <c r="Q5252" s="75">
        <f>IF(Input!$D$19=4,J5252*Input!$C$19,0)+IF(Input!$D$20=4,K5252*Input!$C$20,0)+IF(Input!$D$21=4,L5252*Input!$C$21,0)+IF(Input!$D$22=4,M5252*Input!$C$22,0)</f>
        <v>0</v>
      </c>
      <c r="R5252" s="58">
        <v>70.211527995043014</v>
      </c>
      <c r="S5252" s="124">
        <f t="shared" si="81"/>
        <v>1.8298654787267536</v>
      </c>
    </row>
    <row r="5253" spans="8:19" x14ac:dyDescent="0.3">
      <c r="H5253" s="44">
        <v>5246</v>
      </c>
      <c r="I5253" s="56">
        <f>Bühler!I5279</f>
        <v>0.42227664893694311</v>
      </c>
      <c r="J5253" s="59">
        <f>Bühler!J5279</f>
        <v>1.4075888297898105</v>
      </c>
      <c r="K5253" s="59">
        <f>Bühler!K5279</f>
        <v>2.1113832446847156</v>
      </c>
      <c r="L5253" s="59">
        <f>Bühler!L5279</f>
        <v>10.134639574486634</v>
      </c>
      <c r="M5253" s="58">
        <f>Bühler!M5279</f>
        <v>0</v>
      </c>
      <c r="N5253" s="56">
        <f>IF(Input!$D$19=1,J5253*Input!$C$19,0)+IF(Input!$D$20=1,K5253*Input!$C$20,0)+IF(Input!$D$21=1,L5253*Input!$C$21,0)+IF(Input!$D$22=1,M5253*Input!$C$22,0)</f>
        <v>0.42227664893694311</v>
      </c>
      <c r="O5253" s="59">
        <f>IF(Input!$D$19=2,J5253*Input!$C$19,0)+IF(Input!$D$20=2,K5253*Input!$C$20,0)+IF(Input!$D$21=2,L5253*Input!$C$21,0)+IF(Input!$D$22=2,M5253*Input!$C$22,0)</f>
        <v>1.0556916223423578</v>
      </c>
      <c r="P5253" s="59">
        <f>IF(Input!$D$19=3,J5253*Input!$C$19,0)+IF(Input!$D$20=3,K5253*Input!$C$20,0)+IF(Input!$D$21=3,L5253*Input!$C$21,0)+IF(Input!$D$22=3,M5253*Input!$C$22,0)</f>
        <v>0</v>
      </c>
      <c r="Q5253" s="75">
        <f>IF(Input!$D$19=4,J5253*Input!$C$19,0)+IF(Input!$D$20=4,K5253*Input!$C$20,0)+IF(Input!$D$21=4,L5253*Input!$C$21,0)+IF(Input!$D$22=4,M5253*Input!$C$22,0)</f>
        <v>0</v>
      </c>
      <c r="R5253" s="58">
        <v>69.447987855929966</v>
      </c>
      <c r="S5253" s="124">
        <f t="shared" si="81"/>
        <v>1.8298654787267536</v>
      </c>
    </row>
    <row r="5254" spans="8:19" x14ac:dyDescent="0.3">
      <c r="H5254" s="44">
        <v>5247</v>
      </c>
      <c r="I5254" s="56">
        <f>Bühler!I5280</f>
        <v>0.42227664893694311</v>
      </c>
      <c r="J5254" s="59">
        <f>Bühler!J5280</f>
        <v>1.4075888297898105</v>
      </c>
      <c r="K5254" s="59">
        <f>Bühler!K5280</f>
        <v>2.1113832446847156</v>
      </c>
      <c r="L5254" s="59">
        <f>Bühler!L5280</f>
        <v>10.134639574486634</v>
      </c>
      <c r="M5254" s="58">
        <f>Bühler!M5280</f>
        <v>0</v>
      </c>
      <c r="N5254" s="56">
        <f>IF(Input!$D$19=1,J5254*Input!$C$19,0)+IF(Input!$D$20=1,K5254*Input!$C$20,0)+IF(Input!$D$21=1,L5254*Input!$C$21,0)+IF(Input!$D$22=1,M5254*Input!$C$22,0)</f>
        <v>0.42227664893694311</v>
      </c>
      <c r="O5254" s="59">
        <f>IF(Input!$D$19=2,J5254*Input!$C$19,0)+IF(Input!$D$20=2,K5254*Input!$C$20,0)+IF(Input!$D$21=2,L5254*Input!$C$21,0)+IF(Input!$D$22=2,M5254*Input!$C$22,0)</f>
        <v>1.0556916223423578</v>
      </c>
      <c r="P5254" s="59">
        <f>IF(Input!$D$19=3,J5254*Input!$C$19,0)+IF(Input!$D$20=3,K5254*Input!$C$20,0)+IF(Input!$D$21=3,L5254*Input!$C$21,0)+IF(Input!$D$22=3,M5254*Input!$C$22,0)</f>
        <v>0</v>
      </c>
      <c r="Q5254" s="75">
        <f>IF(Input!$D$19=4,J5254*Input!$C$19,0)+IF(Input!$D$20=4,K5254*Input!$C$20,0)+IF(Input!$D$21=4,L5254*Input!$C$21,0)+IF(Input!$D$22=4,M5254*Input!$C$22,0)</f>
        <v>0</v>
      </c>
      <c r="R5254" s="58">
        <v>69.665955069100534</v>
      </c>
      <c r="S5254" s="124">
        <f t="shared" si="81"/>
        <v>1.8298654787267536</v>
      </c>
    </row>
    <row r="5255" spans="8:19" x14ac:dyDescent="0.3">
      <c r="H5255" s="44">
        <v>5248</v>
      </c>
      <c r="I5255" s="56">
        <f>Bühler!I5281</f>
        <v>0.42227664893694311</v>
      </c>
      <c r="J5255" s="59">
        <f>Bühler!J5281</f>
        <v>1.4075888297898105</v>
      </c>
      <c r="K5255" s="59">
        <f>Bühler!K5281</f>
        <v>2.1113832446847156</v>
      </c>
      <c r="L5255" s="59">
        <f>Bühler!L5281</f>
        <v>10.134639574486634</v>
      </c>
      <c r="M5255" s="58">
        <f>Bühler!M5281</f>
        <v>0</v>
      </c>
      <c r="N5255" s="56">
        <f>IF(Input!$D$19=1,J5255*Input!$C$19,0)+IF(Input!$D$20=1,K5255*Input!$C$20,0)+IF(Input!$D$21=1,L5255*Input!$C$21,0)+IF(Input!$D$22=1,M5255*Input!$C$22,0)</f>
        <v>0.42227664893694311</v>
      </c>
      <c r="O5255" s="59">
        <f>IF(Input!$D$19=2,J5255*Input!$C$19,0)+IF(Input!$D$20=2,K5255*Input!$C$20,0)+IF(Input!$D$21=2,L5255*Input!$C$21,0)+IF(Input!$D$22=2,M5255*Input!$C$22,0)</f>
        <v>1.0556916223423578</v>
      </c>
      <c r="P5255" s="59">
        <f>IF(Input!$D$19=3,J5255*Input!$C$19,0)+IF(Input!$D$20=3,K5255*Input!$C$20,0)+IF(Input!$D$21=3,L5255*Input!$C$21,0)+IF(Input!$D$22=3,M5255*Input!$C$22,0)</f>
        <v>0</v>
      </c>
      <c r="Q5255" s="75">
        <f>IF(Input!$D$19=4,J5255*Input!$C$19,0)+IF(Input!$D$20=4,K5255*Input!$C$20,0)+IF(Input!$D$21=4,L5255*Input!$C$21,0)+IF(Input!$D$22=4,M5255*Input!$C$22,0)</f>
        <v>0</v>
      </c>
      <c r="R5255" s="58">
        <v>69.0813864949248</v>
      </c>
      <c r="S5255" s="124">
        <f t="shared" si="81"/>
        <v>1.8298654787267536</v>
      </c>
    </row>
    <row r="5256" spans="8:19" x14ac:dyDescent="0.3">
      <c r="H5256" s="44">
        <v>5249</v>
      </c>
      <c r="I5256" s="56">
        <f>Bühler!I5282</f>
        <v>0.42227664893694311</v>
      </c>
      <c r="J5256" s="59">
        <f>Bühler!J5282</f>
        <v>1.4075888297898105</v>
      </c>
      <c r="K5256" s="59">
        <f>Bühler!K5282</f>
        <v>2.1113832446847156</v>
      </c>
      <c r="L5256" s="59">
        <f>Bühler!L5282</f>
        <v>10.134639574486634</v>
      </c>
      <c r="M5256" s="58">
        <f>Bühler!M5282</f>
        <v>0</v>
      </c>
      <c r="N5256" s="56">
        <f>IF(Input!$D$19=1,J5256*Input!$C$19,0)+IF(Input!$D$20=1,K5256*Input!$C$20,0)+IF(Input!$D$21=1,L5256*Input!$C$21,0)+IF(Input!$D$22=1,M5256*Input!$C$22,0)</f>
        <v>0.42227664893694311</v>
      </c>
      <c r="O5256" s="59">
        <f>IF(Input!$D$19=2,J5256*Input!$C$19,0)+IF(Input!$D$20=2,K5256*Input!$C$20,0)+IF(Input!$D$21=2,L5256*Input!$C$21,0)+IF(Input!$D$22=2,M5256*Input!$C$22,0)</f>
        <v>1.0556916223423578</v>
      </c>
      <c r="P5256" s="59">
        <f>IF(Input!$D$19=3,J5256*Input!$C$19,0)+IF(Input!$D$20=3,K5256*Input!$C$20,0)+IF(Input!$D$21=3,L5256*Input!$C$21,0)+IF(Input!$D$22=3,M5256*Input!$C$22,0)</f>
        <v>0</v>
      </c>
      <c r="Q5256" s="75">
        <f>IF(Input!$D$19=4,J5256*Input!$C$19,0)+IF(Input!$D$20=4,K5256*Input!$C$20,0)+IF(Input!$D$21=4,L5256*Input!$C$21,0)+IF(Input!$D$22=4,M5256*Input!$C$22,0)</f>
        <v>0</v>
      </c>
      <c r="R5256" s="58">
        <v>68.143361100769567</v>
      </c>
      <c r="S5256" s="124">
        <f t="shared" si="81"/>
        <v>1.8298654787267536</v>
      </c>
    </row>
    <row r="5257" spans="8:19" x14ac:dyDescent="0.3">
      <c r="H5257" s="44">
        <v>5250</v>
      </c>
      <c r="I5257" s="56">
        <f>Bühler!I5283</f>
        <v>0.42227664893694311</v>
      </c>
      <c r="J5257" s="59">
        <f>Bühler!J5283</f>
        <v>1.4075888297898105</v>
      </c>
      <c r="K5257" s="59">
        <f>Bühler!K5283</f>
        <v>2.1113832446847156</v>
      </c>
      <c r="L5257" s="59">
        <f>Bühler!L5283</f>
        <v>10.134639574486634</v>
      </c>
      <c r="M5257" s="58">
        <f>Bühler!M5283</f>
        <v>0</v>
      </c>
      <c r="N5257" s="56">
        <f>IF(Input!$D$19=1,J5257*Input!$C$19,0)+IF(Input!$D$20=1,K5257*Input!$C$20,0)+IF(Input!$D$21=1,L5257*Input!$C$21,0)+IF(Input!$D$22=1,M5257*Input!$C$22,0)</f>
        <v>0.42227664893694311</v>
      </c>
      <c r="O5257" s="59">
        <f>IF(Input!$D$19=2,J5257*Input!$C$19,0)+IF(Input!$D$20=2,K5257*Input!$C$20,0)+IF(Input!$D$21=2,L5257*Input!$C$21,0)+IF(Input!$D$22=2,M5257*Input!$C$22,0)</f>
        <v>1.0556916223423578</v>
      </c>
      <c r="P5257" s="59">
        <f>IF(Input!$D$19=3,J5257*Input!$C$19,0)+IF(Input!$D$20=3,K5257*Input!$C$20,0)+IF(Input!$D$21=3,L5257*Input!$C$21,0)+IF(Input!$D$22=3,M5257*Input!$C$22,0)</f>
        <v>0</v>
      </c>
      <c r="Q5257" s="75">
        <f>IF(Input!$D$19=4,J5257*Input!$C$19,0)+IF(Input!$D$20=4,K5257*Input!$C$20,0)+IF(Input!$D$21=4,L5257*Input!$C$21,0)+IF(Input!$D$22=4,M5257*Input!$C$22,0)</f>
        <v>0</v>
      </c>
      <c r="R5257" s="58">
        <v>67.148716601840732</v>
      </c>
      <c r="S5257" s="124">
        <f t="shared" ref="S5257:S5320" si="82">I5257+J5257</f>
        <v>1.8298654787267536</v>
      </c>
    </row>
    <row r="5258" spans="8:19" x14ac:dyDescent="0.3">
      <c r="H5258" s="44">
        <v>5251</v>
      </c>
      <c r="I5258" s="56">
        <f>Bühler!I5284</f>
        <v>0.42227664893694311</v>
      </c>
      <c r="J5258" s="59">
        <f>Bühler!J5284</f>
        <v>1.4075888297898105</v>
      </c>
      <c r="K5258" s="59">
        <f>Bühler!K5284</f>
        <v>2.1113832446847156</v>
      </c>
      <c r="L5258" s="59">
        <f>Bühler!L5284</f>
        <v>10.134639574486634</v>
      </c>
      <c r="M5258" s="58">
        <f>Bühler!M5284</f>
        <v>0</v>
      </c>
      <c r="N5258" s="56">
        <f>IF(Input!$D$19=1,J5258*Input!$C$19,0)+IF(Input!$D$20=1,K5258*Input!$C$20,0)+IF(Input!$D$21=1,L5258*Input!$C$21,0)+IF(Input!$D$22=1,M5258*Input!$C$22,0)</f>
        <v>0.42227664893694311</v>
      </c>
      <c r="O5258" s="59">
        <f>IF(Input!$D$19=2,J5258*Input!$C$19,0)+IF(Input!$D$20=2,K5258*Input!$C$20,0)+IF(Input!$D$21=2,L5258*Input!$C$21,0)+IF(Input!$D$22=2,M5258*Input!$C$22,0)</f>
        <v>1.0556916223423578</v>
      </c>
      <c r="P5258" s="59">
        <f>IF(Input!$D$19=3,J5258*Input!$C$19,0)+IF(Input!$D$20=3,K5258*Input!$C$20,0)+IF(Input!$D$21=3,L5258*Input!$C$21,0)+IF(Input!$D$22=3,M5258*Input!$C$22,0)</f>
        <v>0</v>
      </c>
      <c r="Q5258" s="75">
        <f>IF(Input!$D$19=4,J5258*Input!$C$19,0)+IF(Input!$D$20=4,K5258*Input!$C$20,0)+IF(Input!$D$21=4,L5258*Input!$C$21,0)+IF(Input!$D$22=4,M5258*Input!$C$22,0)</f>
        <v>0</v>
      </c>
      <c r="R5258" s="58">
        <v>66.359166837262705</v>
      </c>
      <c r="S5258" s="124">
        <f t="shared" si="82"/>
        <v>1.8298654787267536</v>
      </c>
    </row>
    <row r="5259" spans="8:19" x14ac:dyDescent="0.3">
      <c r="H5259" s="44">
        <v>5252</v>
      </c>
      <c r="I5259" s="56">
        <f>Bühler!I5285</f>
        <v>0.35365669348468981</v>
      </c>
      <c r="J5259" s="59">
        <f>Bühler!J5285</f>
        <v>1.1788556449489662</v>
      </c>
      <c r="K5259" s="59">
        <f>Bühler!K5285</f>
        <v>1.7682834674234491</v>
      </c>
      <c r="L5259" s="59">
        <f>Bühler!L5285</f>
        <v>8.487760643632555</v>
      </c>
      <c r="M5259" s="58">
        <f>Bühler!M5285</f>
        <v>0</v>
      </c>
      <c r="N5259" s="56">
        <f>IF(Input!$D$19=1,J5259*Input!$C$19,0)+IF(Input!$D$20=1,K5259*Input!$C$20,0)+IF(Input!$D$21=1,L5259*Input!$C$21,0)+IF(Input!$D$22=1,M5259*Input!$C$22,0)</f>
        <v>0.35365669348468987</v>
      </c>
      <c r="O5259" s="59">
        <f>IF(Input!$D$19=2,J5259*Input!$C$19,0)+IF(Input!$D$20=2,K5259*Input!$C$20,0)+IF(Input!$D$21=2,L5259*Input!$C$21,0)+IF(Input!$D$22=2,M5259*Input!$C$22,0)</f>
        <v>0.88414173371172455</v>
      </c>
      <c r="P5259" s="59">
        <f>IF(Input!$D$19=3,J5259*Input!$C$19,0)+IF(Input!$D$20=3,K5259*Input!$C$20,0)+IF(Input!$D$21=3,L5259*Input!$C$21,0)+IF(Input!$D$22=3,M5259*Input!$C$22,0)</f>
        <v>0</v>
      </c>
      <c r="Q5259" s="75">
        <f>IF(Input!$D$19=4,J5259*Input!$C$19,0)+IF(Input!$D$20=4,K5259*Input!$C$20,0)+IF(Input!$D$21=4,L5259*Input!$C$21,0)+IF(Input!$D$22=4,M5259*Input!$C$22,0)</f>
        <v>0</v>
      </c>
      <c r="R5259" s="58">
        <v>65.283909606497659</v>
      </c>
      <c r="S5259" s="124">
        <f t="shared" si="82"/>
        <v>1.5325123384336561</v>
      </c>
    </row>
    <row r="5260" spans="8:19" x14ac:dyDescent="0.3">
      <c r="H5260" s="44">
        <v>5253</v>
      </c>
      <c r="I5260" s="56">
        <f>Bühler!I5286</f>
        <v>0.2903151961441483</v>
      </c>
      <c r="J5260" s="59">
        <f>Bühler!J5286</f>
        <v>0.96771732048049453</v>
      </c>
      <c r="K5260" s="59">
        <f>Bühler!K5286</f>
        <v>1.4515759807207416</v>
      </c>
      <c r="L5260" s="59">
        <f>Bühler!L5286</f>
        <v>6.9675647074595597</v>
      </c>
      <c r="M5260" s="58">
        <f>Bühler!M5286</f>
        <v>0</v>
      </c>
      <c r="N5260" s="56">
        <f>IF(Input!$D$19=1,J5260*Input!$C$19,0)+IF(Input!$D$20=1,K5260*Input!$C$20,0)+IF(Input!$D$21=1,L5260*Input!$C$21,0)+IF(Input!$D$22=1,M5260*Input!$C$22,0)</f>
        <v>0.29031519614414836</v>
      </c>
      <c r="O5260" s="59">
        <f>IF(Input!$D$19=2,J5260*Input!$C$19,0)+IF(Input!$D$20=2,K5260*Input!$C$20,0)+IF(Input!$D$21=2,L5260*Input!$C$21,0)+IF(Input!$D$22=2,M5260*Input!$C$22,0)</f>
        <v>0.72578799036037078</v>
      </c>
      <c r="P5260" s="59">
        <f>IF(Input!$D$19=3,J5260*Input!$C$19,0)+IF(Input!$D$20=3,K5260*Input!$C$20,0)+IF(Input!$D$21=3,L5260*Input!$C$21,0)+IF(Input!$D$22=3,M5260*Input!$C$22,0)</f>
        <v>0</v>
      </c>
      <c r="Q5260" s="75">
        <f>IF(Input!$D$19=4,J5260*Input!$C$19,0)+IF(Input!$D$20=4,K5260*Input!$C$20,0)+IF(Input!$D$21=4,L5260*Input!$C$21,0)+IF(Input!$D$22=4,M5260*Input!$C$22,0)</f>
        <v>0</v>
      </c>
      <c r="R5260" s="58">
        <v>62.52891640699125</v>
      </c>
      <c r="S5260" s="124">
        <f t="shared" si="82"/>
        <v>1.2580325166246429</v>
      </c>
    </row>
    <row r="5261" spans="8:19" x14ac:dyDescent="0.3">
      <c r="H5261" s="44">
        <v>5254</v>
      </c>
      <c r="I5261" s="56">
        <f>Bühler!I5287</f>
        <v>0.21113832446847156</v>
      </c>
      <c r="J5261" s="59">
        <f>Bühler!J5287</f>
        <v>0.70379441489490524</v>
      </c>
      <c r="K5261" s="59">
        <f>Bühler!K5287</f>
        <v>1.0556916223423578</v>
      </c>
      <c r="L5261" s="59">
        <f>Bühler!L5287</f>
        <v>5.0673197872433171</v>
      </c>
      <c r="M5261" s="58">
        <f>Bühler!M5287</f>
        <v>0</v>
      </c>
      <c r="N5261" s="56">
        <f>IF(Input!$D$19=1,J5261*Input!$C$19,0)+IF(Input!$D$20=1,K5261*Input!$C$20,0)+IF(Input!$D$21=1,L5261*Input!$C$21,0)+IF(Input!$D$22=1,M5261*Input!$C$22,0)</f>
        <v>0.21113832446847156</v>
      </c>
      <c r="O5261" s="59">
        <f>IF(Input!$D$19=2,J5261*Input!$C$19,0)+IF(Input!$D$20=2,K5261*Input!$C$20,0)+IF(Input!$D$21=2,L5261*Input!$C$21,0)+IF(Input!$D$22=2,M5261*Input!$C$22,0)</f>
        <v>0.5278458111711789</v>
      </c>
      <c r="P5261" s="59">
        <f>IF(Input!$D$19=3,J5261*Input!$C$19,0)+IF(Input!$D$20=3,K5261*Input!$C$20,0)+IF(Input!$D$21=3,L5261*Input!$C$21,0)+IF(Input!$D$22=3,M5261*Input!$C$22,0)</f>
        <v>0</v>
      </c>
      <c r="Q5261" s="75">
        <f>IF(Input!$D$19=4,J5261*Input!$C$19,0)+IF(Input!$D$20=4,K5261*Input!$C$20,0)+IF(Input!$D$21=4,L5261*Input!$C$21,0)+IF(Input!$D$22=4,M5261*Input!$C$22,0)</f>
        <v>0</v>
      </c>
      <c r="R5261" s="58">
        <v>60.668939432746363</v>
      </c>
      <c r="S5261" s="124">
        <f t="shared" si="82"/>
        <v>0.91493273936337682</v>
      </c>
    </row>
    <row r="5262" spans="8:19" x14ac:dyDescent="0.3">
      <c r="H5262" s="44">
        <v>5255</v>
      </c>
      <c r="I5262" s="56">
        <f>Bühler!I5288</f>
        <v>0.21113832446847156</v>
      </c>
      <c r="J5262" s="59">
        <f>Bühler!J5288</f>
        <v>0.70379441489490524</v>
      </c>
      <c r="K5262" s="59">
        <f>Bühler!K5288</f>
        <v>1.0556916223423578</v>
      </c>
      <c r="L5262" s="59">
        <f>Bühler!L5288</f>
        <v>5.0673197872433171</v>
      </c>
      <c r="M5262" s="58">
        <f>Bühler!M5288</f>
        <v>0</v>
      </c>
      <c r="N5262" s="56">
        <f>IF(Input!$D$19=1,J5262*Input!$C$19,0)+IF(Input!$D$20=1,K5262*Input!$C$20,0)+IF(Input!$D$21=1,L5262*Input!$C$21,0)+IF(Input!$D$22=1,M5262*Input!$C$22,0)</f>
        <v>0.21113832446847156</v>
      </c>
      <c r="O5262" s="59">
        <f>IF(Input!$D$19=2,J5262*Input!$C$19,0)+IF(Input!$D$20=2,K5262*Input!$C$20,0)+IF(Input!$D$21=2,L5262*Input!$C$21,0)+IF(Input!$D$22=2,M5262*Input!$C$22,0)</f>
        <v>0.5278458111711789</v>
      </c>
      <c r="P5262" s="59">
        <f>IF(Input!$D$19=3,J5262*Input!$C$19,0)+IF(Input!$D$20=3,K5262*Input!$C$20,0)+IF(Input!$D$21=3,L5262*Input!$C$21,0)+IF(Input!$D$22=3,M5262*Input!$C$22,0)</f>
        <v>0</v>
      </c>
      <c r="Q5262" s="75">
        <f>IF(Input!$D$19=4,J5262*Input!$C$19,0)+IF(Input!$D$20=4,K5262*Input!$C$20,0)+IF(Input!$D$21=4,L5262*Input!$C$21,0)+IF(Input!$D$22=4,M5262*Input!$C$22,0)</f>
        <v>0</v>
      </c>
      <c r="R5262" s="58">
        <v>59.744727623947277</v>
      </c>
      <c r="S5262" s="124">
        <f t="shared" si="82"/>
        <v>0.91493273936337682</v>
      </c>
    </row>
    <row r="5263" spans="8:19" x14ac:dyDescent="0.3">
      <c r="H5263" s="44">
        <v>5256</v>
      </c>
      <c r="I5263" s="56">
        <f>Bühler!I5289</f>
        <v>0.21113832446847156</v>
      </c>
      <c r="J5263" s="59">
        <f>Bühler!J5289</f>
        <v>0.70379441489490524</v>
      </c>
      <c r="K5263" s="59">
        <f>Bühler!K5289</f>
        <v>1.0556916223423578</v>
      </c>
      <c r="L5263" s="59">
        <f>Bühler!L5289</f>
        <v>5.0673197872433171</v>
      </c>
      <c r="M5263" s="58">
        <f>Bühler!M5289</f>
        <v>0</v>
      </c>
      <c r="N5263" s="56">
        <f>IF(Input!$D$19=1,J5263*Input!$C$19,0)+IF(Input!$D$20=1,K5263*Input!$C$20,0)+IF(Input!$D$21=1,L5263*Input!$C$21,0)+IF(Input!$D$22=1,M5263*Input!$C$22,0)</f>
        <v>0.21113832446847156</v>
      </c>
      <c r="O5263" s="59">
        <f>IF(Input!$D$19=2,J5263*Input!$C$19,0)+IF(Input!$D$20=2,K5263*Input!$C$20,0)+IF(Input!$D$21=2,L5263*Input!$C$21,0)+IF(Input!$D$22=2,M5263*Input!$C$22,0)</f>
        <v>0.5278458111711789</v>
      </c>
      <c r="P5263" s="59">
        <f>IF(Input!$D$19=3,J5263*Input!$C$19,0)+IF(Input!$D$20=3,K5263*Input!$C$20,0)+IF(Input!$D$21=3,L5263*Input!$C$21,0)+IF(Input!$D$22=3,M5263*Input!$C$22,0)</f>
        <v>0</v>
      </c>
      <c r="Q5263" s="75">
        <f>IF(Input!$D$19=4,J5263*Input!$C$19,0)+IF(Input!$D$20=4,K5263*Input!$C$20,0)+IF(Input!$D$21=4,L5263*Input!$C$21,0)+IF(Input!$D$22=4,M5263*Input!$C$22,0)</f>
        <v>0</v>
      </c>
      <c r="R5263" s="58">
        <v>58.439473385974331</v>
      </c>
      <c r="S5263" s="124">
        <f t="shared" si="82"/>
        <v>0.91493273936337682</v>
      </c>
    </row>
    <row r="5264" spans="8:19" x14ac:dyDescent="0.3">
      <c r="H5264" s="44">
        <v>5257</v>
      </c>
      <c r="I5264" s="56">
        <f>Bühler!I5290</f>
        <v>0.1840330043815552</v>
      </c>
      <c r="J5264" s="59">
        <f>Bühler!J5290</f>
        <v>0.6134433479385174</v>
      </c>
      <c r="K5264" s="59">
        <f>Bühler!K5290</f>
        <v>0.92016502190777605</v>
      </c>
      <c r="L5264" s="59">
        <f>Bühler!L5290</f>
        <v>4.4167921051573247</v>
      </c>
      <c r="M5264" s="58">
        <f>Bühler!M5290</f>
        <v>0</v>
      </c>
      <c r="N5264" s="56">
        <f>IF(Input!$D$19=1,J5264*Input!$C$19,0)+IF(Input!$D$20=1,K5264*Input!$C$20,0)+IF(Input!$D$21=1,L5264*Input!$C$21,0)+IF(Input!$D$22=1,M5264*Input!$C$22,0)</f>
        <v>0.1840330043815552</v>
      </c>
      <c r="O5264" s="59">
        <f>IF(Input!$D$19=2,J5264*Input!$C$19,0)+IF(Input!$D$20=2,K5264*Input!$C$20,0)+IF(Input!$D$21=2,L5264*Input!$C$21,0)+IF(Input!$D$22=2,M5264*Input!$C$22,0)</f>
        <v>0.46008251095388802</v>
      </c>
      <c r="P5264" s="59">
        <f>IF(Input!$D$19=3,J5264*Input!$C$19,0)+IF(Input!$D$20=3,K5264*Input!$C$20,0)+IF(Input!$D$21=3,L5264*Input!$C$21,0)+IF(Input!$D$22=3,M5264*Input!$C$22,0)</f>
        <v>0</v>
      </c>
      <c r="Q5264" s="75">
        <f>IF(Input!$D$19=4,J5264*Input!$C$19,0)+IF(Input!$D$20=4,K5264*Input!$C$20,0)+IF(Input!$D$21=4,L5264*Input!$C$21,0)+IF(Input!$D$22=4,M5264*Input!$C$22,0)</f>
        <v>0</v>
      </c>
      <c r="R5264" s="58">
        <v>57.318526042854693</v>
      </c>
      <c r="S5264" s="124">
        <f t="shared" si="82"/>
        <v>0.79747635232007263</v>
      </c>
    </row>
    <row r="5265" spans="8:19" x14ac:dyDescent="0.3">
      <c r="H5265" s="44">
        <v>5258</v>
      </c>
      <c r="I5265" s="56">
        <f>Bühler!I5291</f>
        <v>0.20703712992924961</v>
      </c>
      <c r="J5265" s="59">
        <f>Bühler!J5291</f>
        <v>0.69012376643083206</v>
      </c>
      <c r="K5265" s="59">
        <f>Bühler!K5291</f>
        <v>1.0351856496462479</v>
      </c>
      <c r="L5265" s="59">
        <f>Bühler!L5291</f>
        <v>4.9688911183019906</v>
      </c>
      <c r="M5265" s="58">
        <f>Bühler!M5291</f>
        <v>0</v>
      </c>
      <c r="N5265" s="56">
        <f>IF(Input!$D$19=1,J5265*Input!$C$19,0)+IF(Input!$D$20=1,K5265*Input!$C$20,0)+IF(Input!$D$21=1,L5265*Input!$C$21,0)+IF(Input!$D$22=1,M5265*Input!$C$22,0)</f>
        <v>0.20703712992924961</v>
      </c>
      <c r="O5265" s="59">
        <f>IF(Input!$D$19=2,J5265*Input!$C$19,0)+IF(Input!$D$20=2,K5265*Input!$C$20,0)+IF(Input!$D$21=2,L5265*Input!$C$21,0)+IF(Input!$D$22=2,M5265*Input!$C$22,0)</f>
        <v>0.51759282482312396</v>
      </c>
      <c r="P5265" s="59">
        <f>IF(Input!$D$19=3,J5265*Input!$C$19,0)+IF(Input!$D$20=3,K5265*Input!$C$20,0)+IF(Input!$D$21=3,L5265*Input!$C$21,0)+IF(Input!$D$22=3,M5265*Input!$C$22,0)</f>
        <v>0</v>
      </c>
      <c r="Q5265" s="75">
        <f>IF(Input!$D$19=4,J5265*Input!$C$19,0)+IF(Input!$D$20=4,K5265*Input!$C$20,0)+IF(Input!$D$21=4,L5265*Input!$C$21,0)+IF(Input!$D$22=4,M5265*Input!$C$22,0)</f>
        <v>0</v>
      </c>
      <c r="R5265" s="58">
        <v>56.822806442001038</v>
      </c>
      <c r="S5265" s="124">
        <f t="shared" si="82"/>
        <v>0.89716089636008167</v>
      </c>
    </row>
    <row r="5266" spans="8:19" x14ac:dyDescent="0.3">
      <c r="H5266" s="44">
        <v>5259</v>
      </c>
      <c r="I5266" s="56">
        <f>Bühler!I5292</f>
        <v>0.20703712992924961</v>
      </c>
      <c r="J5266" s="59">
        <f>Bühler!J5292</f>
        <v>0.69012376643083206</v>
      </c>
      <c r="K5266" s="59">
        <f>Bühler!K5292</f>
        <v>1.0351856496462479</v>
      </c>
      <c r="L5266" s="59">
        <f>Bühler!L5292</f>
        <v>4.9688911183019906</v>
      </c>
      <c r="M5266" s="58">
        <f>Bühler!M5292</f>
        <v>0</v>
      </c>
      <c r="N5266" s="56">
        <f>IF(Input!$D$19=1,J5266*Input!$C$19,0)+IF(Input!$D$20=1,K5266*Input!$C$20,0)+IF(Input!$D$21=1,L5266*Input!$C$21,0)+IF(Input!$D$22=1,M5266*Input!$C$22,0)</f>
        <v>0.20703712992924961</v>
      </c>
      <c r="O5266" s="59">
        <f>IF(Input!$D$19=2,J5266*Input!$C$19,0)+IF(Input!$D$20=2,K5266*Input!$C$20,0)+IF(Input!$D$21=2,L5266*Input!$C$21,0)+IF(Input!$D$22=2,M5266*Input!$C$22,0)</f>
        <v>0.51759282482312396</v>
      </c>
      <c r="P5266" s="59">
        <f>IF(Input!$D$19=3,J5266*Input!$C$19,0)+IF(Input!$D$20=3,K5266*Input!$C$20,0)+IF(Input!$D$21=3,L5266*Input!$C$21,0)+IF(Input!$D$22=3,M5266*Input!$C$22,0)</f>
        <v>0</v>
      </c>
      <c r="Q5266" s="75">
        <f>IF(Input!$D$19=4,J5266*Input!$C$19,0)+IF(Input!$D$20=4,K5266*Input!$C$20,0)+IF(Input!$D$21=4,L5266*Input!$C$21,0)+IF(Input!$D$22=4,M5266*Input!$C$22,0)</f>
        <v>0</v>
      </c>
      <c r="R5266" s="58">
        <v>56.926427838037824</v>
      </c>
      <c r="S5266" s="124">
        <f t="shared" si="82"/>
        <v>0.89716089636008167</v>
      </c>
    </row>
    <row r="5267" spans="8:19" x14ac:dyDescent="0.3">
      <c r="H5267" s="44">
        <v>5260</v>
      </c>
      <c r="I5267" s="56">
        <f>Bühler!I5293</f>
        <v>0.20703712992924961</v>
      </c>
      <c r="J5267" s="59">
        <f>Bühler!J5293</f>
        <v>0.69012376643083206</v>
      </c>
      <c r="K5267" s="59">
        <f>Bühler!K5293</f>
        <v>1.0351856496462479</v>
      </c>
      <c r="L5267" s="59">
        <f>Bühler!L5293</f>
        <v>4.9688911183019906</v>
      </c>
      <c r="M5267" s="58">
        <f>Bühler!M5293</f>
        <v>0</v>
      </c>
      <c r="N5267" s="56">
        <f>IF(Input!$D$19=1,J5267*Input!$C$19,0)+IF(Input!$D$20=1,K5267*Input!$C$20,0)+IF(Input!$D$21=1,L5267*Input!$C$21,0)+IF(Input!$D$22=1,M5267*Input!$C$22,0)</f>
        <v>0.20703712992924961</v>
      </c>
      <c r="O5267" s="59">
        <f>IF(Input!$D$19=2,J5267*Input!$C$19,0)+IF(Input!$D$20=2,K5267*Input!$C$20,0)+IF(Input!$D$21=2,L5267*Input!$C$21,0)+IF(Input!$D$22=2,M5267*Input!$C$22,0)</f>
        <v>0.51759282482312396</v>
      </c>
      <c r="P5267" s="59">
        <f>IF(Input!$D$19=3,J5267*Input!$C$19,0)+IF(Input!$D$20=3,K5267*Input!$C$20,0)+IF(Input!$D$21=3,L5267*Input!$C$21,0)+IF(Input!$D$22=3,M5267*Input!$C$22,0)</f>
        <v>0</v>
      </c>
      <c r="Q5267" s="75">
        <f>IF(Input!$D$19=4,J5267*Input!$C$19,0)+IF(Input!$D$20=4,K5267*Input!$C$20,0)+IF(Input!$D$21=4,L5267*Input!$C$21,0)+IF(Input!$D$22=4,M5267*Input!$C$22,0)</f>
        <v>0</v>
      </c>
      <c r="R5267" s="58">
        <v>57.790005589599723</v>
      </c>
      <c r="S5267" s="124">
        <f t="shared" si="82"/>
        <v>0.89716089636008167</v>
      </c>
    </row>
    <row r="5268" spans="8:19" x14ac:dyDescent="0.3">
      <c r="H5268" s="44">
        <v>5261</v>
      </c>
      <c r="I5268" s="56">
        <f>Bühler!I5294</f>
        <v>0.20703712992924961</v>
      </c>
      <c r="J5268" s="59">
        <f>Bühler!J5294</f>
        <v>0.69012376643083206</v>
      </c>
      <c r="K5268" s="59">
        <f>Bühler!K5294</f>
        <v>1.0351856496462479</v>
      </c>
      <c r="L5268" s="59">
        <f>Bühler!L5294</f>
        <v>4.9688911183019906</v>
      </c>
      <c r="M5268" s="58">
        <f>Bühler!M5294</f>
        <v>0</v>
      </c>
      <c r="N5268" s="56">
        <f>IF(Input!$D$19=1,J5268*Input!$C$19,0)+IF(Input!$D$20=1,K5268*Input!$C$20,0)+IF(Input!$D$21=1,L5268*Input!$C$21,0)+IF(Input!$D$22=1,M5268*Input!$C$22,0)</f>
        <v>0.20703712992924961</v>
      </c>
      <c r="O5268" s="59">
        <f>IF(Input!$D$19=2,J5268*Input!$C$19,0)+IF(Input!$D$20=2,K5268*Input!$C$20,0)+IF(Input!$D$21=2,L5268*Input!$C$21,0)+IF(Input!$D$22=2,M5268*Input!$C$22,0)</f>
        <v>0.51759282482312396</v>
      </c>
      <c r="P5268" s="59">
        <f>IF(Input!$D$19=3,J5268*Input!$C$19,0)+IF(Input!$D$20=3,K5268*Input!$C$20,0)+IF(Input!$D$21=3,L5268*Input!$C$21,0)+IF(Input!$D$22=3,M5268*Input!$C$22,0)</f>
        <v>0</v>
      </c>
      <c r="Q5268" s="75">
        <f>IF(Input!$D$19=4,J5268*Input!$C$19,0)+IF(Input!$D$20=4,K5268*Input!$C$20,0)+IF(Input!$D$21=4,L5268*Input!$C$21,0)+IF(Input!$D$22=4,M5268*Input!$C$22,0)</f>
        <v>0</v>
      </c>
      <c r="R5268" s="58">
        <v>58.82433925904143</v>
      </c>
      <c r="S5268" s="124">
        <f t="shared" si="82"/>
        <v>0.89716089636008167</v>
      </c>
    </row>
    <row r="5269" spans="8:19" x14ac:dyDescent="0.3">
      <c r="H5269" s="44">
        <v>5262</v>
      </c>
      <c r="I5269" s="56">
        <f>Bühler!I5295</f>
        <v>0.26684785635325503</v>
      </c>
      <c r="J5269" s="59">
        <f>Bühler!J5295</f>
        <v>0.88949285451085014</v>
      </c>
      <c r="K5269" s="59">
        <f>Bühler!K5295</f>
        <v>1.3342392817662752</v>
      </c>
      <c r="L5269" s="59">
        <f>Bühler!L5295</f>
        <v>6.4043485524781198</v>
      </c>
      <c r="M5269" s="58">
        <f>Bühler!M5295</f>
        <v>0</v>
      </c>
      <c r="N5269" s="56">
        <f>IF(Input!$D$19=1,J5269*Input!$C$19,0)+IF(Input!$D$20=1,K5269*Input!$C$20,0)+IF(Input!$D$21=1,L5269*Input!$C$21,0)+IF(Input!$D$22=1,M5269*Input!$C$22,0)</f>
        <v>0.26684785635325503</v>
      </c>
      <c r="O5269" s="59">
        <f>IF(Input!$D$19=2,J5269*Input!$C$19,0)+IF(Input!$D$20=2,K5269*Input!$C$20,0)+IF(Input!$D$21=2,L5269*Input!$C$21,0)+IF(Input!$D$22=2,M5269*Input!$C$22,0)</f>
        <v>0.66711964088313758</v>
      </c>
      <c r="P5269" s="59">
        <f>IF(Input!$D$19=3,J5269*Input!$C$19,0)+IF(Input!$D$20=3,K5269*Input!$C$20,0)+IF(Input!$D$21=3,L5269*Input!$C$21,0)+IF(Input!$D$22=3,M5269*Input!$C$22,0)</f>
        <v>0</v>
      </c>
      <c r="Q5269" s="75">
        <f>IF(Input!$D$19=4,J5269*Input!$C$19,0)+IF(Input!$D$20=4,K5269*Input!$C$20,0)+IF(Input!$D$21=4,L5269*Input!$C$21,0)+IF(Input!$D$22=4,M5269*Input!$C$22,0)</f>
        <v>0</v>
      </c>
      <c r="R5269" s="58">
        <v>62.086398000733688</v>
      </c>
      <c r="S5269" s="124">
        <f t="shared" si="82"/>
        <v>1.1563407108641051</v>
      </c>
    </row>
    <row r="5270" spans="8:19" x14ac:dyDescent="0.3">
      <c r="H5270" s="44">
        <v>5263</v>
      </c>
      <c r="I5270" s="56">
        <f>Bühler!I5296</f>
        <v>0.30825528233910499</v>
      </c>
      <c r="J5270" s="59">
        <f>Bühler!J5296</f>
        <v>1.0275176077970167</v>
      </c>
      <c r="K5270" s="59">
        <f>Bühler!K5296</f>
        <v>1.5412764116955251</v>
      </c>
      <c r="L5270" s="59">
        <f>Bühler!L5296</f>
        <v>7.3981267761385201</v>
      </c>
      <c r="M5270" s="58">
        <f>Bühler!M5296</f>
        <v>0</v>
      </c>
      <c r="N5270" s="56">
        <f>IF(Input!$D$19=1,J5270*Input!$C$19,0)+IF(Input!$D$20=1,K5270*Input!$C$20,0)+IF(Input!$D$21=1,L5270*Input!$C$21,0)+IF(Input!$D$22=1,M5270*Input!$C$22,0)</f>
        <v>0.30825528233910499</v>
      </c>
      <c r="O5270" s="59">
        <f>IF(Input!$D$19=2,J5270*Input!$C$19,0)+IF(Input!$D$20=2,K5270*Input!$C$20,0)+IF(Input!$D$21=2,L5270*Input!$C$21,0)+IF(Input!$D$22=2,M5270*Input!$C$22,0)</f>
        <v>0.77063820584776255</v>
      </c>
      <c r="P5270" s="59">
        <f>IF(Input!$D$19=3,J5270*Input!$C$19,0)+IF(Input!$D$20=3,K5270*Input!$C$20,0)+IF(Input!$D$21=3,L5270*Input!$C$21,0)+IF(Input!$D$22=3,M5270*Input!$C$22,0)</f>
        <v>0</v>
      </c>
      <c r="Q5270" s="75">
        <f>IF(Input!$D$19=4,J5270*Input!$C$19,0)+IF(Input!$D$20=4,K5270*Input!$C$20,0)+IF(Input!$D$21=4,L5270*Input!$C$21,0)+IF(Input!$D$22=4,M5270*Input!$C$22,0)</f>
        <v>0</v>
      </c>
      <c r="R5270" s="58">
        <v>64.610760041547593</v>
      </c>
      <c r="S5270" s="124">
        <f t="shared" si="82"/>
        <v>1.3357728901361217</v>
      </c>
    </row>
    <row r="5271" spans="8:19" x14ac:dyDescent="0.3">
      <c r="H5271" s="44">
        <v>5264</v>
      </c>
      <c r="I5271" s="56">
        <f>Bühler!I5297</f>
        <v>0.30825528233910499</v>
      </c>
      <c r="J5271" s="59">
        <f>Bühler!J5297</f>
        <v>1.0275176077970167</v>
      </c>
      <c r="K5271" s="59">
        <f>Bühler!K5297</f>
        <v>1.5412764116955251</v>
      </c>
      <c r="L5271" s="59">
        <f>Bühler!L5297</f>
        <v>7.3981267761385201</v>
      </c>
      <c r="M5271" s="58">
        <f>Bühler!M5297</f>
        <v>0</v>
      </c>
      <c r="N5271" s="56">
        <f>IF(Input!$D$19=1,J5271*Input!$C$19,0)+IF(Input!$D$20=1,K5271*Input!$C$20,0)+IF(Input!$D$21=1,L5271*Input!$C$21,0)+IF(Input!$D$22=1,M5271*Input!$C$22,0)</f>
        <v>0.30825528233910499</v>
      </c>
      <c r="O5271" s="59">
        <f>IF(Input!$D$19=2,J5271*Input!$C$19,0)+IF(Input!$D$20=2,K5271*Input!$C$20,0)+IF(Input!$D$21=2,L5271*Input!$C$21,0)+IF(Input!$D$22=2,M5271*Input!$C$22,0)</f>
        <v>0.77063820584776255</v>
      </c>
      <c r="P5271" s="59">
        <f>IF(Input!$D$19=3,J5271*Input!$C$19,0)+IF(Input!$D$20=3,K5271*Input!$C$20,0)+IF(Input!$D$21=3,L5271*Input!$C$21,0)+IF(Input!$D$22=3,M5271*Input!$C$22,0)</f>
        <v>0</v>
      </c>
      <c r="Q5271" s="75">
        <f>IF(Input!$D$19=4,J5271*Input!$C$19,0)+IF(Input!$D$20=4,K5271*Input!$C$20,0)+IF(Input!$D$21=4,L5271*Input!$C$21,0)+IF(Input!$D$22=4,M5271*Input!$C$22,0)</f>
        <v>0</v>
      </c>
      <c r="R5271" s="58">
        <v>66.115680381387861</v>
      </c>
      <c r="S5271" s="124">
        <f t="shared" si="82"/>
        <v>1.3357728901361217</v>
      </c>
    </row>
    <row r="5272" spans="8:19" x14ac:dyDescent="0.3">
      <c r="H5272" s="44">
        <v>5265</v>
      </c>
      <c r="I5272" s="56">
        <f>Bühler!I5298</f>
        <v>0.30825528233910499</v>
      </c>
      <c r="J5272" s="59">
        <f>Bühler!J5298</f>
        <v>1.0275176077970167</v>
      </c>
      <c r="K5272" s="59">
        <f>Bühler!K5298</f>
        <v>1.5412764116955251</v>
      </c>
      <c r="L5272" s="59">
        <f>Bühler!L5298</f>
        <v>7.3981267761385201</v>
      </c>
      <c r="M5272" s="58">
        <f>Bühler!M5298</f>
        <v>0</v>
      </c>
      <c r="N5272" s="56">
        <f>IF(Input!$D$19=1,J5272*Input!$C$19,0)+IF(Input!$D$20=1,K5272*Input!$C$20,0)+IF(Input!$D$21=1,L5272*Input!$C$21,0)+IF(Input!$D$22=1,M5272*Input!$C$22,0)</f>
        <v>0.30825528233910499</v>
      </c>
      <c r="O5272" s="59">
        <f>IF(Input!$D$19=2,J5272*Input!$C$19,0)+IF(Input!$D$20=2,K5272*Input!$C$20,0)+IF(Input!$D$21=2,L5272*Input!$C$21,0)+IF(Input!$D$22=2,M5272*Input!$C$22,0)</f>
        <v>0.77063820584776255</v>
      </c>
      <c r="P5272" s="59">
        <f>IF(Input!$D$19=3,J5272*Input!$C$19,0)+IF(Input!$D$20=3,K5272*Input!$C$20,0)+IF(Input!$D$21=3,L5272*Input!$C$21,0)+IF(Input!$D$22=3,M5272*Input!$C$22,0)</f>
        <v>0</v>
      </c>
      <c r="Q5272" s="75">
        <f>IF(Input!$D$19=4,J5272*Input!$C$19,0)+IF(Input!$D$20=4,K5272*Input!$C$20,0)+IF(Input!$D$21=4,L5272*Input!$C$21,0)+IF(Input!$D$22=4,M5272*Input!$C$22,0)</f>
        <v>0</v>
      </c>
      <c r="R5272" s="58">
        <v>67.675214222882275</v>
      </c>
      <c r="S5272" s="124">
        <f t="shared" si="82"/>
        <v>1.3357728901361217</v>
      </c>
    </row>
    <row r="5273" spans="8:19" x14ac:dyDescent="0.3">
      <c r="H5273" s="44">
        <v>5266</v>
      </c>
      <c r="I5273" s="56">
        <f>Bühler!I5299</f>
        <v>0.33125940788679936</v>
      </c>
      <c r="J5273" s="59">
        <f>Bühler!J5299</f>
        <v>1.1041980262893314</v>
      </c>
      <c r="K5273" s="59">
        <f>Bühler!K5299</f>
        <v>1.6562970394339969</v>
      </c>
      <c r="L5273" s="59">
        <f>Bühler!L5299</f>
        <v>7.9502257892831851</v>
      </c>
      <c r="M5273" s="58">
        <f>Bühler!M5299</f>
        <v>0</v>
      </c>
      <c r="N5273" s="56">
        <f>IF(Input!$D$19=1,J5273*Input!$C$19,0)+IF(Input!$D$20=1,K5273*Input!$C$20,0)+IF(Input!$D$21=1,L5273*Input!$C$21,0)+IF(Input!$D$22=1,M5273*Input!$C$22,0)</f>
        <v>0.33125940788679942</v>
      </c>
      <c r="O5273" s="59">
        <f>IF(Input!$D$19=2,J5273*Input!$C$19,0)+IF(Input!$D$20=2,K5273*Input!$C$20,0)+IF(Input!$D$21=2,L5273*Input!$C$21,0)+IF(Input!$D$22=2,M5273*Input!$C$22,0)</f>
        <v>0.82814851971699843</v>
      </c>
      <c r="P5273" s="59">
        <f>IF(Input!$D$19=3,J5273*Input!$C$19,0)+IF(Input!$D$20=3,K5273*Input!$C$20,0)+IF(Input!$D$21=3,L5273*Input!$C$21,0)+IF(Input!$D$22=3,M5273*Input!$C$22,0)</f>
        <v>0</v>
      </c>
      <c r="Q5273" s="75">
        <f>IF(Input!$D$19=4,J5273*Input!$C$19,0)+IF(Input!$D$20=4,K5273*Input!$C$20,0)+IF(Input!$D$21=4,L5273*Input!$C$21,0)+IF(Input!$D$22=4,M5273*Input!$C$22,0)</f>
        <v>0</v>
      </c>
      <c r="R5273" s="58">
        <v>68.338745954407329</v>
      </c>
      <c r="S5273" s="124">
        <f t="shared" si="82"/>
        <v>1.4354574341761308</v>
      </c>
    </row>
    <row r="5274" spans="8:19" x14ac:dyDescent="0.3">
      <c r="H5274" s="44">
        <v>5267</v>
      </c>
      <c r="I5274" s="56">
        <f>Bühler!I5300</f>
        <v>0.35886435854403265</v>
      </c>
      <c r="J5274" s="59">
        <f>Bühler!J5300</f>
        <v>1.1962145284801089</v>
      </c>
      <c r="K5274" s="59">
        <f>Bühler!K5300</f>
        <v>1.7943217927201633</v>
      </c>
      <c r="L5274" s="59">
        <f>Bühler!L5300</f>
        <v>8.6127446050567844</v>
      </c>
      <c r="M5274" s="58">
        <f>Bühler!M5300</f>
        <v>0</v>
      </c>
      <c r="N5274" s="56">
        <f>IF(Input!$D$19=1,J5274*Input!$C$19,0)+IF(Input!$D$20=1,K5274*Input!$C$20,0)+IF(Input!$D$21=1,L5274*Input!$C$21,0)+IF(Input!$D$22=1,M5274*Input!$C$22,0)</f>
        <v>0.35886435854403265</v>
      </c>
      <c r="O5274" s="59">
        <f>IF(Input!$D$19=2,J5274*Input!$C$19,0)+IF(Input!$D$20=2,K5274*Input!$C$20,0)+IF(Input!$D$21=2,L5274*Input!$C$21,0)+IF(Input!$D$22=2,M5274*Input!$C$22,0)</f>
        <v>0.89716089636008167</v>
      </c>
      <c r="P5274" s="59">
        <f>IF(Input!$D$19=3,J5274*Input!$C$19,0)+IF(Input!$D$20=3,K5274*Input!$C$20,0)+IF(Input!$D$21=3,L5274*Input!$C$21,0)+IF(Input!$D$22=3,M5274*Input!$C$22,0)</f>
        <v>0</v>
      </c>
      <c r="Q5274" s="75">
        <f>IF(Input!$D$19=4,J5274*Input!$C$19,0)+IF(Input!$D$20=4,K5274*Input!$C$20,0)+IF(Input!$D$21=4,L5274*Input!$C$21,0)+IF(Input!$D$22=4,M5274*Input!$C$22,0)</f>
        <v>0</v>
      </c>
      <c r="R5274" s="58">
        <v>69.66592843363982</v>
      </c>
      <c r="S5274" s="124">
        <f t="shared" si="82"/>
        <v>1.5550788870241417</v>
      </c>
    </row>
    <row r="5275" spans="8:19" x14ac:dyDescent="0.3">
      <c r="H5275" s="44">
        <v>5268</v>
      </c>
      <c r="I5275" s="56">
        <f>Bühler!I5301</f>
        <v>0.41407425985849922</v>
      </c>
      <c r="J5275" s="59">
        <f>Bühler!J5301</f>
        <v>1.3802475328616641</v>
      </c>
      <c r="K5275" s="59">
        <f>Bühler!K5301</f>
        <v>2.0703712992924959</v>
      </c>
      <c r="L5275" s="59">
        <f>Bühler!L5301</f>
        <v>9.9377822366039812</v>
      </c>
      <c r="M5275" s="58">
        <f>Bühler!M5301</f>
        <v>0</v>
      </c>
      <c r="N5275" s="56">
        <f>IF(Input!$D$19=1,J5275*Input!$C$19,0)+IF(Input!$D$20=1,K5275*Input!$C$20,0)+IF(Input!$D$21=1,L5275*Input!$C$21,0)+IF(Input!$D$22=1,M5275*Input!$C$22,0)</f>
        <v>0.41407425985849922</v>
      </c>
      <c r="O5275" s="59">
        <f>IF(Input!$D$19=2,J5275*Input!$C$19,0)+IF(Input!$D$20=2,K5275*Input!$C$20,0)+IF(Input!$D$21=2,L5275*Input!$C$21,0)+IF(Input!$D$22=2,M5275*Input!$C$22,0)</f>
        <v>1.0351856496462479</v>
      </c>
      <c r="P5275" s="59">
        <f>IF(Input!$D$19=3,J5275*Input!$C$19,0)+IF(Input!$D$20=3,K5275*Input!$C$20,0)+IF(Input!$D$21=3,L5275*Input!$C$21,0)+IF(Input!$D$22=3,M5275*Input!$C$22,0)</f>
        <v>0</v>
      </c>
      <c r="Q5275" s="75">
        <f>IF(Input!$D$19=4,J5275*Input!$C$19,0)+IF(Input!$D$20=4,K5275*Input!$C$20,0)+IF(Input!$D$21=4,L5275*Input!$C$21,0)+IF(Input!$D$22=4,M5275*Input!$C$22,0)</f>
        <v>0</v>
      </c>
      <c r="R5275" s="58">
        <v>69.712397839164836</v>
      </c>
      <c r="S5275" s="124">
        <f t="shared" si="82"/>
        <v>1.7943217927201633</v>
      </c>
    </row>
    <row r="5276" spans="8:19" x14ac:dyDescent="0.3">
      <c r="H5276" s="44">
        <v>5269</v>
      </c>
      <c r="I5276" s="56">
        <f>Bühler!I5302</f>
        <v>0.41407425985849922</v>
      </c>
      <c r="J5276" s="59">
        <f>Bühler!J5302</f>
        <v>1.3802475328616641</v>
      </c>
      <c r="K5276" s="59">
        <f>Bühler!K5302</f>
        <v>2.0703712992924959</v>
      </c>
      <c r="L5276" s="59">
        <f>Bühler!L5302</f>
        <v>9.9377822366039812</v>
      </c>
      <c r="M5276" s="58">
        <f>Bühler!M5302</f>
        <v>0</v>
      </c>
      <c r="N5276" s="56">
        <f>IF(Input!$D$19=1,J5276*Input!$C$19,0)+IF(Input!$D$20=1,K5276*Input!$C$20,0)+IF(Input!$D$21=1,L5276*Input!$C$21,0)+IF(Input!$D$22=1,M5276*Input!$C$22,0)</f>
        <v>0.41407425985849922</v>
      </c>
      <c r="O5276" s="59">
        <f>IF(Input!$D$19=2,J5276*Input!$C$19,0)+IF(Input!$D$20=2,K5276*Input!$C$20,0)+IF(Input!$D$21=2,L5276*Input!$C$21,0)+IF(Input!$D$22=2,M5276*Input!$C$22,0)</f>
        <v>1.0351856496462479</v>
      </c>
      <c r="P5276" s="59">
        <f>IF(Input!$D$19=3,J5276*Input!$C$19,0)+IF(Input!$D$20=3,K5276*Input!$C$20,0)+IF(Input!$D$21=3,L5276*Input!$C$21,0)+IF(Input!$D$22=3,M5276*Input!$C$22,0)</f>
        <v>0</v>
      </c>
      <c r="Q5276" s="75">
        <f>IF(Input!$D$19=4,J5276*Input!$C$19,0)+IF(Input!$D$20=4,K5276*Input!$C$20,0)+IF(Input!$D$21=4,L5276*Input!$C$21,0)+IF(Input!$D$22=4,M5276*Input!$C$22,0)</f>
        <v>0</v>
      </c>
      <c r="R5276" s="58">
        <v>69.982033727252841</v>
      </c>
      <c r="S5276" s="124">
        <f t="shared" si="82"/>
        <v>1.7943217927201633</v>
      </c>
    </row>
    <row r="5277" spans="8:19" x14ac:dyDescent="0.3">
      <c r="H5277" s="44">
        <v>5270</v>
      </c>
      <c r="I5277" s="56">
        <f>Bühler!I5303</f>
        <v>0.41407425985849922</v>
      </c>
      <c r="J5277" s="59">
        <f>Bühler!J5303</f>
        <v>1.3802475328616641</v>
      </c>
      <c r="K5277" s="59">
        <f>Bühler!K5303</f>
        <v>2.0703712992924959</v>
      </c>
      <c r="L5277" s="59">
        <f>Bühler!L5303</f>
        <v>9.9377822366039812</v>
      </c>
      <c r="M5277" s="58">
        <f>Bühler!M5303</f>
        <v>0</v>
      </c>
      <c r="N5277" s="56">
        <f>IF(Input!$D$19=1,J5277*Input!$C$19,0)+IF(Input!$D$20=1,K5277*Input!$C$20,0)+IF(Input!$D$21=1,L5277*Input!$C$21,0)+IF(Input!$D$22=1,M5277*Input!$C$22,0)</f>
        <v>0.41407425985849922</v>
      </c>
      <c r="O5277" s="59">
        <f>IF(Input!$D$19=2,J5277*Input!$C$19,0)+IF(Input!$D$20=2,K5277*Input!$C$20,0)+IF(Input!$D$21=2,L5277*Input!$C$21,0)+IF(Input!$D$22=2,M5277*Input!$C$22,0)</f>
        <v>1.0351856496462479</v>
      </c>
      <c r="P5277" s="59">
        <f>IF(Input!$D$19=3,J5277*Input!$C$19,0)+IF(Input!$D$20=3,K5277*Input!$C$20,0)+IF(Input!$D$21=3,L5277*Input!$C$21,0)+IF(Input!$D$22=3,M5277*Input!$C$22,0)</f>
        <v>0</v>
      </c>
      <c r="Q5277" s="75">
        <f>IF(Input!$D$19=4,J5277*Input!$C$19,0)+IF(Input!$D$20=4,K5277*Input!$C$20,0)+IF(Input!$D$21=4,L5277*Input!$C$21,0)+IF(Input!$D$22=4,M5277*Input!$C$22,0)</f>
        <v>0</v>
      </c>
      <c r="R5277" s="58">
        <v>70.202409135197385</v>
      </c>
      <c r="S5277" s="124">
        <f t="shared" si="82"/>
        <v>1.7943217927201633</v>
      </c>
    </row>
    <row r="5278" spans="8:19" x14ac:dyDescent="0.3">
      <c r="H5278" s="44">
        <v>5271</v>
      </c>
      <c r="I5278" s="56">
        <f>Bühler!I5304</f>
        <v>0.41407425985849922</v>
      </c>
      <c r="J5278" s="59">
        <f>Bühler!J5304</f>
        <v>1.3802475328616641</v>
      </c>
      <c r="K5278" s="59">
        <f>Bühler!K5304</f>
        <v>2.0703712992924959</v>
      </c>
      <c r="L5278" s="59">
        <f>Bühler!L5304</f>
        <v>9.9377822366039812</v>
      </c>
      <c r="M5278" s="58">
        <f>Bühler!M5304</f>
        <v>0</v>
      </c>
      <c r="N5278" s="56">
        <f>IF(Input!$D$19=1,J5278*Input!$C$19,0)+IF(Input!$D$20=1,K5278*Input!$C$20,0)+IF(Input!$D$21=1,L5278*Input!$C$21,0)+IF(Input!$D$22=1,M5278*Input!$C$22,0)</f>
        <v>0.41407425985849922</v>
      </c>
      <c r="O5278" s="59">
        <f>IF(Input!$D$19=2,J5278*Input!$C$19,0)+IF(Input!$D$20=2,K5278*Input!$C$20,0)+IF(Input!$D$21=2,L5278*Input!$C$21,0)+IF(Input!$D$22=2,M5278*Input!$C$22,0)</f>
        <v>1.0351856496462479</v>
      </c>
      <c r="P5278" s="59">
        <f>IF(Input!$D$19=3,J5278*Input!$C$19,0)+IF(Input!$D$20=3,K5278*Input!$C$20,0)+IF(Input!$D$21=3,L5278*Input!$C$21,0)+IF(Input!$D$22=3,M5278*Input!$C$22,0)</f>
        <v>0</v>
      </c>
      <c r="Q5278" s="75">
        <f>IF(Input!$D$19=4,J5278*Input!$C$19,0)+IF(Input!$D$20=4,K5278*Input!$C$20,0)+IF(Input!$D$21=4,L5278*Input!$C$21,0)+IF(Input!$D$22=4,M5278*Input!$C$22,0)</f>
        <v>0</v>
      </c>
      <c r="R5278" s="58">
        <v>70.234436099591818</v>
      </c>
      <c r="S5278" s="124">
        <f t="shared" si="82"/>
        <v>1.7943217927201633</v>
      </c>
    </row>
    <row r="5279" spans="8:19" x14ac:dyDescent="0.3">
      <c r="H5279" s="44">
        <v>5272</v>
      </c>
      <c r="I5279" s="56">
        <f>Bühler!I5305</f>
        <v>0.41407425985849922</v>
      </c>
      <c r="J5279" s="59">
        <f>Bühler!J5305</f>
        <v>1.3802475328616641</v>
      </c>
      <c r="K5279" s="59">
        <f>Bühler!K5305</f>
        <v>2.0703712992924959</v>
      </c>
      <c r="L5279" s="59">
        <f>Bühler!L5305</f>
        <v>9.9377822366039812</v>
      </c>
      <c r="M5279" s="58">
        <f>Bühler!M5305</f>
        <v>0</v>
      </c>
      <c r="N5279" s="56">
        <f>IF(Input!$D$19=1,J5279*Input!$C$19,0)+IF(Input!$D$20=1,K5279*Input!$C$20,0)+IF(Input!$D$21=1,L5279*Input!$C$21,0)+IF(Input!$D$22=1,M5279*Input!$C$22,0)</f>
        <v>0.41407425985849922</v>
      </c>
      <c r="O5279" s="59">
        <f>IF(Input!$D$19=2,J5279*Input!$C$19,0)+IF(Input!$D$20=2,K5279*Input!$C$20,0)+IF(Input!$D$21=2,L5279*Input!$C$21,0)+IF(Input!$D$22=2,M5279*Input!$C$22,0)</f>
        <v>1.0351856496462479</v>
      </c>
      <c r="P5279" s="59">
        <f>IF(Input!$D$19=3,J5279*Input!$C$19,0)+IF(Input!$D$20=3,K5279*Input!$C$20,0)+IF(Input!$D$21=3,L5279*Input!$C$21,0)+IF(Input!$D$22=3,M5279*Input!$C$22,0)</f>
        <v>0</v>
      </c>
      <c r="Q5279" s="75">
        <f>IF(Input!$D$19=4,J5279*Input!$C$19,0)+IF(Input!$D$20=4,K5279*Input!$C$20,0)+IF(Input!$D$21=4,L5279*Input!$C$21,0)+IF(Input!$D$22=4,M5279*Input!$C$22,0)</f>
        <v>0</v>
      </c>
      <c r="R5279" s="58">
        <v>69.949447790844303</v>
      </c>
      <c r="S5279" s="124">
        <f t="shared" si="82"/>
        <v>1.7943217927201633</v>
      </c>
    </row>
    <row r="5280" spans="8:19" x14ac:dyDescent="0.3">
      <c r="H5280" s="44">
        <v>5273</v>
      </c>
      <c r="I5280" s="56">
        <f>Bühler!I5306</f>
        <v>0.41407425985849922</v>
      </c>
      <c r="J5280" s="59">
        <f>Bühler!J5306</f>
        <v>1.3802475328616641</v>
      </c>
      <c r="K5280" s="59">
        <f>Bühler!K5306</f>
        <v>2.0703712992924959</v>
      </c>
      <c r="L5280" s="59">
        <f>Bühler!L5306</f>
        <v>9.9377822366039812</v>
      </c>
      <c r="M5280" s="58">
        <f>Bühler!M5306</f>
        <v>0</v>
      </c>
      <c r="N5280" s="56">
        <f>IF(Input!$D$19=1,J5280*Input!$C$19,0)+IF(Input!$D$20=1,K5280*Input!$C$20,0)+IF(Input!$D$21=1,L5280*Input!$C$21,0)+IF(Input!$D$22=1,M5280*Input!$C$22,0)</f>
        <v>0.41407425985849922</v>
      </c>
      <c r="O5280" s="59">
        <f>IF(Input!$D$19=2,J5280*Input!$C$19,0)+IF(Input!$D$20=2,K5280*Input!$C$20,0)+IF(Input!$D$21=2,L5280*Input!$C$21,0)+IF(Input!$D$22=2,M5280*Input!$C$22,0)</f>
        <v>1.0351856496462479</v>
      </c>
      <c r="P5280" s="59">
        <f>IF(Input!$D$19=3,J5280*Input!$C$19,0)+IF(Input!$D$20=3,K5280*Input!$C$20,0)+IF(Input!$D$21=3,L5280*Input!$C$21,0)+IF(Input!$D$22=3,M5280*Input!$C$22,0)</f>
        <v>0</v>
      </c>
      <c r="Q5280" s="75">
        <f>IF(Input!$D$19=4,J5280*Input!$C$19,0)+IF(Input!$D$20=4,K5280*Input!$C$20,0)+IF(Input!$D$21=4,L5280*Input!$C$21,0)+IF(Input!$D$22=4,M5280*Input!$C$22,0)</f>
        <v>0</v>
      </c>
      <c r="R5280" s="58">
        <v>68.962861244492657</v>
      </c>
      <c r="S5280" s="124">
        <f t="shared" si="82"/>
        <v>1.7943217927201633</v>
      </c>
    </row>
    <row r="5281" spans="8:19" x14ac:dyDescent="0.3">
      <c r="H5281" s="44">
        <v>5274</v>
      </c>
      <c r="I5281" s="56">
        <f>Bühler!I5307</f>
        <v>0.41407425985849922</v>
      </c>
      <c r="J5281" s="59">
        <f>Bühler!J5307</f>
        <v>1.3802475328616641</v>
      </c>
      <c r="K5281" s="59">
        <f>Bühler!K5307</f>
        <v>2.0703712992924959</v>
      </c>
      <c r="L5281" s="59">
        <f>Bühler!L5307</f>
        <v>9.9377822366039812</v>
      </c>
      <c r="M5281" s="58">
        <f>Bühler!M5307</f>
        <v>0</v>
      </c>
      <c r="N5281" s="56">
        <f>IF(Input!$D$19=1,J5281*Input!$C$19,0)+IF(Input!$D$20=1,K5281*Input!$C$20,0)+IF(Input!$D$21=1,L5281*Input!$C$21,0)+IF(Input!$D$22=1,M5281*Input!$C$22,0)</f>
        <v>0.41407425985849922</v>
      </c>
      <c r="O5281" s="59">
        <f>IF(Input!$D$19=2,J5281*Input!$C$19,0)+IF(Input!$D$20=2,K5281*Input!$C$20,0)+IF(Input!$D$21=2,L5281*Input!$C$21,0)+IF(Input!$D$22=2,M5281*Input!$C$22,0)</f>
        <v>1.0351856496462479</v>
      </c>
      <c r="P5281" s="59">
        <f>IF(Input!$D$19=3,J5281*Input!$C$19,0)+IF(Input!$D$20=3,K5281*Input!$C$20,0)+IF(Input!$D$21=3,L5281*Input!$C$21,0)+IF(Input!$D$22=3,M5281*Input!$C$22,0)</f>
        <v>0</v>
      </c>
      <c r="Q5281" s="75">
        <f>IF(Input!$D$19=4,J5281*Input!$C$19,0)+IF(Input!$D$20=4,K5281*Input!$C$20,0)+IF(Input!$D$21=4,L5281*Input!$C$21,0)+IF(Input!$D$22=4,M5281*Input!$C$22,0)</f>
        <v>0</v>
      </c>
      <c r="R5281" s="58">
        <v>67.904180253391019</v>
      </c>
      <c r="S5281" s="124">
        <f t="shared" si="82"/>
        <v>1.7943217927201633</v>
      </c>
    </row>
    <row r="5282" spans="8:19" x14ac:dyDescent="0.3">
      <c r="H5282" s="44">
        <v>5275</v>
      </c>
      <c r="I5282" s="56">
        <f>Bühler!I5308</f>
        <v>0.41407425985849922</v>
      </c>
      <c r="J5282" s="59">
        <f>Bühler!J5308</f>
        <v>1.3802475328616641</v>
      </c>
      <c r="K5282" s="59">
        <f>Bühler!K5308</f>
        <v>2.0703712992924959</v>
      </c>
      <c r="L5282" s="59">
        <f>Bühler!L5308</f>
        <v>9.9377822366039812</v>
      </c>
      <c r="M5282" s="58">
        <f>Bühler!M5308</f>
        <v>0</v>
      </c>
      <c r="N5282" s="56">
        <f>IF(Input!$D$19=1,J5282*Input!$C$19,0)+IF(Input!$D$20=1,K5282*Input!$C$20,0)+IF(Input!$D$21=1,L5282*Input!$C$21,0)+IF(Input!$D$22=1,M5282*Input!$C$22,0)</f>
        <v>0.41407425985849922</v>
      </c>
      <c r="O5282" s="59">
        <f>IF(Input!$D$19=2,J5282*Input!$C$19,0)+IF(Input!$D$20=2,K5282*Input!$C$20,0)+IF(Input!$D$21=2,L5282*Input!$C$21,0)+IF(Input!$D$22=2,M5282*Input!$C$22,0)</f>
        <v>1.0351856496462479</v>
      </c>
      <c r="P5282" s="59">
        <f>IF(Input!$D$19=3,J5282*Input!$C$19,0)+IF(Input!$D$20=3,K5282*Input!$C$20,0)+IF(Input!$D$21=3,L5282*Input!$C$21,0)+IF(Input!$D$22=3,M5282*Input!$C$22,0)</f>
        <v>0</v>
      </c>
      <c r="Q5282" s="75">
        <f>IF(Input!$D$19=4,J5282*Input!$C$19,0)+IF(Input!$D$20=4,K5282*Input!$C$20,0)+IF(Input!$D$21=4,L5282*Input!$C$21,0)+IF(Input!$D$22=4,M5282*Input!$C$22,0)</f>
        <v>0</v>
      </c>
      <c r="R5282" s="58">
        <v>66.641498190154977</v>
      </c>
      <c r="S5282" s="124">
        <f t="shared" si="82"/>
        <v>1.7943217927201633</v>
      </c>
    </row>
    <row r="5283" spans="8:19" x14ac:dyDescent="0.3">
      <c r="H5283" s="44">
        <v>5276</v>
      </c>
      <c r="I5283" s="56">
        <f>Bühler!I5309</f>
        <v>0.34506188321541598</v>
      </c>
      <c r="J5283" s="59">
        <f>Bühler!J5309</f>
        <v>1.1502062773847201</v>
      </c>
      <c r="K5283" s="59">
        <f>Bühler!K5309</f>
        <v>1.7253094160770799</v>
      </c>
      <c r="L5283" s="59">
        <f>Bühler!L5309</f>
        <v>8.2814851971699834</v>
      </c>
      <c r="M5283" s="58">
        <f>Bühler!M5309</f>
        <v>0</v>
      </c>
      <c r="N5283" s="56">
        <f>IF(Input!$D$19=1,J5283*Input!$C$19,0)+IF(Input!$D$20=1,K5283*Input!$C$20,0)+IF(Input!$D$21=1,L5283*Input!$C$21,0)+IF(Input!$D$22=1,M5283*Input!$C$22,0)</f>
        <v>0.34506188321541603</v>
      </c>
      <c r="O5283" s="59">
        <f>IF(Input!$D$19=2,J5283*Input!$C$19,0)+IF(Input!$D$20=2,K5283*Input!$C$20,0)+IF(Input!$D$21=2,L5283*Input!$C$21,0)+IF(Input!$D$22=2,M5283*Input!$C$22,0)</f>
        <v>0.86265470803853994</v>
      </c>
      <c r="P5283" s="59">
        <f>IF(Input!$D$19=3,J5283*Input!$C$19,0)+IF(Input!$D$20=3,K5283*Input!$C$20,0)+IF(Input!$D$21=3,L5283*Input!$C$21,0)+IF(Input!$D$22=3,M5283*Input!$C$22,0)</f>
        <v>0</v>
      </c>
      <c r="Q5283" s="75">
        <f>IF(Input!$D$19=4,J5283*Input!$C$19,0)+IF(Input!$D$20=4,K5283*Input!$C$20,0)+IF(Input!$D$21=4,L5283*Input!$C$21,0)+IF(Input!$D$22=4,M5283*Input!$C$22,0)</f>
        <v>0</v>
      </c>
      <c r="R5283" s="58">
        <v>65.738175172780018</v>
      </c>
      <c r="S5283" s="124">
        <f t="shared" si="82"/>
        <v>1.4952681606001361</v>
      </c>
    </row>
    <row r="5284" spans="8:19" x14ac:dyDescent="0.3">
      <c r="H5284" s="44">
        <v>5277</v>
      </c>
      <c r="I5284" s="56">
        <f>Bühler!I5310</f>
        <v>0.27604950657233285</v>
      </c>
      <c r="J5284" s="59">
        <f>Bühler!J5310</f>
        <v>0.92016502190777616</v>
      </c>
      <c r="K5284" s="59">
        <f>Bühler!K5310</f>
        <v>1.3802475328616641</v>
      </c>
      <c r="L5284" s="59">
        <f>Bühler!L5310</f>
        <v>6.6251881577359875</v>
      </c>
      <c r="M5284" s="58">
        <f>Bühler!M5310</f>
        <v>0</v>
      </c>
      <c r="N5284" s="56">
        <f>IF(Input!$D$19=1,J5284*Input!$C$19,0)+IF(Input!$D$20=1,K5284*Input!$C$20,0)+IF(Input!$D$21=1,L5284*Input!$C$21,0)+IF(Input!$D$22=1,M5284*Input!$C$22,0)</f>
        <v>0.27604950657233285</v>
      </c>
      <c r="O5284" s="59">
        <f>IF(Input!$D$19=2,J5284*Input!$C$19,0)+IF(Input!$D$20=2,K5284*Input!$C$20,0)+IF(Input!$D$21=2,L5284*Input!$C$21,0)+IF(Input!$D$22=2,M5284*Input!$C$22,0)</f>
        <v>0.69012376643083206</v>
      </c>
      <c r="P5284" s="59">
        <f>IF(Input!$D$19=3,J5284*Input!$C$19,0)+IF(Input!$D$20=3,K5284*Input!$C$20,0)+IF(Input!$D$21=3,L5284*Input!$C$21,0)+IF(Input!$D$22=3,M5284*Input!$C$22,0)</f>
        <v>0</v>
      </c>
      <c r="Q5284" s="75">
        <f>IF(Input!$D$19=4,J5284*Input!$C$19,0)+IF(Input!$D$20=4,K5284*Input!$C$20,0)+IF(Input!$D$21=4,L5284*Input!$C$21,0)+IF(Input!$D$22=4,M5284*Input!$C$22,0)</f>
        <v>0</v>
      </c>
      <c r="R5284" s="58">
        <v>63.655029578074334</v>
      </c>
      <c r="S5284" s="124">
        <f t="shared" si="82"/>
        <v>1.1962145284801089</v>
      </c>
    </row>
    <row r="5285" spans="8:19" x14ac:dyDescent="0.3">
      <c r="H5285" s="44">
        <v>5278</v>
      </c>
      <c r="I5285" s="56">
        <f>Bühler!I5311</f>
        <v>0.20703712992924961</v>
      </c>
      <c r="J5285" s="59">
        <f>Bühler!J5311</f>
        <v>0.69012376643083206</v>
      </c>
      <c r="K5285" s="59">
        <f>Bühler!K5311</f>
        <v>1.0351856496462479</v>
      </c>
      <c r="L5285" s="59">
        <f>Bühler!L5311</f>
        <v>4.9688911183019906</v>
      </c>
      <c r="M5285" s="58">
        <f>Bühler!M5311</f>
        <v>0</v>
      </c>
      <c r="N5285" s="56">
        <f>IF(Input!$D$19=1,J5285*Input!$C$19,0)+IF(Input!$D$20=1,K5285*Input!$C$20,0)+IF(Input!$D$21=1,L5285*Input!$C$21,0)+IF(Input!$D$22=1,M5285*Input!$C$22,0)</f>
        <v>0.20703712992924961</v>
      </c>
      <c r="O5285" s="59">
        <f>IF(Input!$D$19=2,J5285*Input!$C$19,0)+IF(Input!$D$20=2,K5285*Input!$C$20,0)+IF(Input!$D$21=2,L5285*Input!$C$21,0)+IF(Input!$D$22=2,M5285*Input!$C$22,0)</f>
        <v>0.51759282482312396</v>
      </c>
      <c r="P5285" s="59">
        <f>IF(Input!$D$19=3,J5285*Input!$C$19,0)+IF(Input!$D$20=3,K5285*Input!$C$20,0)+IF(Input!$D$21=3,L5285*Input!$C$21,0)+IF(Input!$D$22=3,M5285*Input!$C$22,0)</f>
        <v>0</v>
      </c>
      <c r="Q5285" s="75">
        <f>IF(Input!$D$19=4,J5285*Input!$C$19,0)+IF(Input!$D$20=4,K5285*Input!$C$20,0)+IF(Input!$D$21=4,L5285*Input!$C$21,0)+IF(Input!$D$22=4,M5285*Input!$C$22,0)</f>
        <v>0</v>
      </c>
      <c r="R5285" s="58">
        <v>61.571027098237522</v>
      </c>
      <c r="S5285" s="124">
        <f t="shared" si="82"/>
        <v>0.89716089636008167</v>
      </c>
    </row>
    <row r="5286" spans="8:19" x14ac:dyDescent="0.3">
      <c r="H5286" s="44">
        <v>5279</v>
      </c>
      <c r="I5286" s="56">
        <f>Bühler!I5312</f>
        <v>0.20703712992924961</v>
      </c>
      <c r="J5286" s="59">
        <f>Bühler!J5312</f>
        <v>0.69012376643083206</v>
      </c>
      <c r="K5286" s="59">
        <f>Bühler!K5312</f>
        <v>1.0351856496462479</v>
      </c>
      <c r="L5286" s="59">
        <f>Bühler!L5312</f>
        <v>4.9688911183019906</v>
      </c>
      <c r="M5286" s="58">
        <f>Bühler!M5312</f>
        <v>0</v>
      </c>
      <c r="N5286" s="56">
        <f>IF(Input!$D$19=1,J5286*Input!$C$19,0)+IF(Input!$D$20=1,K5286*Input!$C$20,0)+IF(Input!$D$21=1,L5286*Input!$C$21,0)+IF(Input!$D$22=1,M5286*Input!$C$22,0)</f>
        <v>0.20703712992924961</v>
      </c>
      <c r="O5286" s="59">
        <f>IF(Input!$D$19=2,J5286*Input!$C$19,0)+IF(Input!$D$20=2,K5286*Input!$C$20,0)+IF(Input!$D$21=2,L5286*Input!$C$21,0)+IF(Input!$D$22=2,M5286*Input!$C$22,0)</f>
        <v>0.51759282482312396</v>
      </c>
      <c r="P5286" s="59">
        <f>IF(Input!$D$19=3,J5286*Input!$C$19,0)+IF(Input!$D$20=3,K5286*Input!$C$20,0)+IF(Input!$D$21=3,L5286*Input!$C$21,0)+IF(Input!$D$22=3,M5286*Input!$C$22,0)</f>
        <v>0</v>
      </c>
      <c r="Q5286" s="75">
        <f>IF(Input!$D$19=4,J5286*Input!$C$19,0)+IF(Input!$D$20=4,K5286*Input!$C$20,0)+IF(Input!$D$21=4,L5286*Input!$C$21,0)+IF(Input!$D$22=4,M5286*Input!$C$22,0)</f>
        <v>0</v>
      </c>
      <c r="R5286" s="58">
        <v>60.521190413830389</v>
      </c>
      <c r="S5286" s="124">
        <f t="shared" si="82"/>
        <v>0.89716089636008167</v>
      </c>
    </row>
    <row r="5287" spans="8:19" x14ac:dyDescent="0.3">
      <c r="H5287" s="44">
        <v>5280</v>
      </c>
      <c r="I5287" s="56">
        <f>Bühler!I5313</f>
        <v>0.20703712992924961</v>
      </c>
      <c r="J5287" s="59">
        <f>Bühler!J5313</f>
        <v>0.69012376643083206</v>
      </c>
      <c r="K5287" s="59">
        <f>Bühler!K5313</f>
        <v>1.0351856496462479</v>
      </c>
      <c r="L5287" s="59">
        <f>Bühler!L5313</f>
        <v>4.9688911183019906</v>
      </c>
      <c r="M5287" s="58">
        <f>Bühler!M5313</f>
        <v>0</v>
      </c>
      <c r="N5287" s="56">
        <f>IF(Input!$D$19=1,J5287*Input!$C$19,0)+IF(Input!$D$20=1,K5287*Input!$C$20,0)+IF(Input!$D$21=1,L5287*Input!$C$21,0)+IF(Input!$D$22=1,M5287*Input!$C$22,0)</f>
        <v>0.20703712992924961</v>
      </c>
      <c r="O5287" s="59">
        <f>IF(Input!$D$19=2,J5287*Input!$C$19,0)+IF(Input!$D$20=2,K5287*Input!$C$20,0)+IF(Input!$D$21=2,L5287*Input!$C$21,0)+IF(Input!$D$22=2,M5287*Input!$C$22,0)</f>
        <v>0.51759282482312396</v>
      </c>
      <c r="P5287" s="59">
        <f>IF(Input!$D$19=3,J5287*Input!$C$19,0)+IF(Input!$D$20=3,K5287*Input!$C$20,0)+IF(Input!$D$21=3,L5287*Input!$C$21,0)+IF(Input!$D$22=3,M5287*Input!$C$22,0)</f>
        <v>0</v>
      </c>
      <c r="Q5287" s="75">
        <f>IF(Input!$D$19=4,J5287*Input!$C$19,0)+IF(Input!$D$20=4,K5287*Input!$C$20,0)+IF(Input!$D$21=4,L5287*Input!$C$21,0)+IF(Input!$D$22=4,M5287*Input!$C$22,0)</f>
        <v>0</v>
      </c>
      <c r="R5287" s="58">
        <v>60.223080002177262</v>
      </c>
      <c r="S5287" s="124">
        <f t="shared" si="82"/>
        <v>0.89716089636008167</v>
      </c>
    </row>
    <row r="5288" spans="8:19" x14ac:dyDescent="0.3">
      <c r="H5288" s="44">
        <v>5281</v>
      </c>
      <c r="I5288" s="56">
        <f>Bühler!I5314</f>
        <v>0.20485285894759314</v>
      </c>
      <c r="J5288" s="59">
        <f>Bühler!J5314</f>
        <v>0.68284286315864384</v>
      </c>
      <c r="K5288" s="59">
        <f>Bühler!K5314</f>
        <v>1.0242642947379657</v>
      </c>
      <c r="L5288" s="59">
        <f>Bühler!L5314</f>
        <v>4.916468614742235</v>
      </c>
      <c r="M5288" s="58">
        <f>Bühler!M5314</f>
        <v>0</v>
      </c>
      <c r="N5288" s="56">
        <f>IF(Input!$D$19=1,J5288*Input!$C$19,0)+IF(Input!$D$20=1,K5288*Input!$C$20,0)+IF(Input!$D$21=1,L5288*Input!$C$21,0)+IF(Input!$D$22=1,M5288*Input!$C$22,0)</f>
        <v>0.20485285894759314</v>
      </c>
      <c r="O5288" s="59">
        <f>IF(Input!$D$19=2,J5288*Input!$C$19,0)+IF(Input!$D$20=2,K5288*Input!$C$20,0)+IF(Input!$D$21=2,L5288*Input!$C$21,0)+IF(Input!$D$22=2,M5288*Input!$C$22,0)</f>
        <v>0.51213214736898283</v>
      </c>
      <c r="P5288" s="59">
        <f>IF(Input!$D$19=3,J5288*Input!$C$19,0)+IF(Input!$D$20=3,K5288*Input!$C$20,0)+IF(Input!$D$21=3,L5288*Input!$C$21,0)+IF(Input!$D$22=3,M5288*Input!$C$22,0)</f>
        <v>0</v>
      </c>
      <c r="Q5288" s="75">
        <f>IF(Input!$D$19=4,J5288*Input!$C$19,0)+IF(Input!$D$20=4,K5288*Input!$C$20,0)+IF(Input!$D$21=4,L5288*Input!$C$21,0)+IF(Input!$D$22=4,M5288*Input!$C$22,0)</f>
        <v>0</v>
      </c>
      <c r="R5288" s="58">
        <v>59.529089621014357</v>
      </c>
      <c r="S5288" s="124">
        <f t="shared" si="82"/>
        <v>0.88769572210623693</v>
      </c>
    </row>
    <row r="5289" spans="8:19" x14ac:dyDescent="0.3">
      <c r="H5289" s="44">
        <v>5282</v>
      </c>
      <c r="I5289" s="56">
        <f>Bühler!I5315</f>
        <v>0.20485285894759314</v>
      </c>
      <c r="J5289" s="59">
        <f>Bühler!J5315</f>
        <v>0.68284286315864384</v>
      </c>
      <c r="K5289" s="59">
        <f>Bühler!K5315</f>
        <v>1.0242642947379657</v>
      </c>
      <c r="L5289" s="59">
        <f>Bühler!L5315</f>
        <v>4.916468614742235</v>
      </c>
      <c r="M5289" s="58">
        <f>Bühler!M5315</f>
        <v>0</v>
      </c>
      <c r="N5289" s="56">
        <f>IF(Input!$D$19=1,J5289*Input!$C$19,0)+IF(Input!$D$20=1,K5289*Input!$C$20,0)+IF(Input!$D$21=1,L5289*Input!$C$21,0)+IF(Input!$D$22=1,M5289*Input!$C$22,0)</f>
        <v>0.20485285894759314</v>
      </c>
      <c r="O5289" s="59">
        <f>IF(Input!$D$19=2,J5289*Input!$C$19,0)+IF(Input!$D$20=2,K5289*Input!$C$20,0)+IF(Input!$D$21=2,L5289*Input!$C$21,0)+IF(Input!$D$22=2,M5289*Input!$C$22,0)</f>
        <v>0.51213214736898283</v>
      </c>
      <c r="P5289" s="59">
        <f>IF(Input!$D$19=3,J5289*Input!$C$19,0)+IF(Input!$D$20=3,K5289*Input!$C$20,0)+IF(Input!$D$21=3,L5289*Input!$C$21,0)+IF(Input!$D$22=3,M5289*Input!$C$22,0)</f>
        <v>0</v>
      </c>
      <c r="Q5289" s="75">
        <f>IF(Input!$D$19=4,J5289*Input!$C$19,0)+IF(Input!$D$20=4,K5289*Input!$C$20,0)+IF(Input!$D$21=4,L5289*Input!$C$21,0)+IF(Input!$D$22=4,M5289*Input!$C$22,0)</f>
        <v>0</v>
      </c>
      <c r="R5289" s="58">
        <v>58.766423215236237</v>
      </c>
      <c r="S5289" s="124">
        <f t="shared" si="82"/>
        <v>0.88769572210623693</v>
      </c>
    </row>
    <row r="5290" spans="8:19" x14ac:dyDescent="0.3">
      <c r="H5290" s="44">
        <v>5283</v>
      </c>
      <c r="I5290" s="56">
        <f>Bühler!I5316</f>
        <v>0.20485285894759314</v>
      </c>
      <c r="J5290" s="59">
        <f>Bühler!J5316</f>
        <v>0.68284286315864384</v>
      </c>
      <c r="K5290" s="59">
        <f>Bühler!K5316</f>
        <v>1.0242642947379657</v>
      </c>
      <c r="L5290" s="59">
        <f>Bühler!L5316</f>
        <v>4.916468614742235</v>
      </c>
      <c r="M5290" s="58">
        <f>Bühler!M5316</f>
        <v>0</v>
      </c>
      <c r="N5290" s="56">
        <f>IF(Input!$D$19=1,J5290*Input!$C$19,0)+IF(Input!$D$20=1,K5290*Input!$C$20,0)+IF(Input!$D$21=1,L5290*Input!$C$21,0)+IF(Input!$D$22=1,M5290*Input!$C$22,0)</f>
        <v>0.20485285894759314</v>
      </c>
      <c r="O5290" s="59">
        <f>IF(Input!$D$19=2,J5290*Input!$C$19,0)+IF(Input!$D$20=2,K5290*Input!$C$20,0)+IF(Input!$D$21=2,L5290*Input!$C$21,0)+IF(Input!$D$22=2,M5290*Input!$C$22,0)</f>
        <v>0.51213214736898283</v>
      </c>
      <c r="P5290" s="59">
        <f>IF(Input!$D$19=3,J5290*Input!$C$19,0)+IF(Input!$D$20=3,K5290*Input!$C$20,0)+IF(Input!$D$21=3,L5290*Input!$C$21,0)+IF(Input!$D$22=3,M5290*Input!$C$22,0)</f>
        <v>0</v>
      </c>
      <c r="Q5290" s="75">
        <f>IF(Input!$D$19=4,J5290*Input!$C$19,0)+IF(Input!$D$20=4,K5290*Input!$C$20,0)+IF(Input!$D$21=4,L5290*Input!$C$21,0)+IF(Input!$D$22=4,M5290*Input!$C$22,0)</f>
        <v>0</v>
      </c>
      <c r="R5290" s="58">
        <v>58.346417637798488</v>
      </c>
      <c r="S5290" s="124">
        <f t="shared" si="82"/>
        <v>0.88769572210623693</v>
      </c>
    </row>
    <row r="5291" spans="8:19" x14ac:dyDescent="0.3">
      <c r="H5291" s="44">
        <v>5284</v>
      </c>
      <c r="I5291" s="56">
        <f>Bühler!I5317</f>
        <v>0.20485285894759314</v>
      </c>
      <c r="J5291" s="59">
        <f>Bühler!J5317</f>
        <v>0.68284286315864384</v>
      </c>
      <c r="K5291" s="59">
        <f>Bühler!K5317</f>
        <v>1.0242642947379657</v>
      </c>
      <c r="L5291" s="59">
        <f>Bühler!L5317</f>
        <v>4.916468614742235</v>
      </c>
      <c r="M5291" s="58">
        <f>Bühler!M5317</f>
        <v>0</v>
      </c>
      <c r="N5291" s="56">
        <f>IF(Input!$D$19=1,J5291*Input!$C$19,0)+IF(Input!$D$20=1,K5291*Input!$C$20,0)+IF(Input!$D$21=1,L5291*Input!$C$21,0)+IF(Input!$D$22=1,M5291*Input!$C$22,0)</f>
        <v>0.20485285894759314</v>
      </c>
      <c r="O5291" s="59">
        <f>IF(Input!$D$19=2,J5291*Input!$C$19,0)+IF(Input!$D$20=2,K5291*Input!$C$20,0)+IF(Input!$D$21=2,L5291*Input!$C$21,0)+IF(Input!$D$22=2,M5291*Input!$C$22,0)</f>
        <v>0.51213214736898283</v>
      </c>
      <c r="P5291" s="59">
        <f>IF(Input!$D$19=3,J5291*Input!$C$19,0)+IF(Input!$D$20=3,K5291*Input!$C$20,0)+IF(Input!$D$21=3,L5291*Input!$C$21,0)+IF(Input!$D$22=3,M5291*Input!$C$22,0)</f>
        <v>0</v>
      </c>
      <c r="Q5291" s="75">
        <f>IF(Input!$D$19=4,J5291*Input!$C$19,0)+IF(Input!$D$20=4,K5291*Input!$C$20,0)+IF(Input!$D$21=4,L5291*Input!$C$21,0)+IF(Input!$D$22=4,M5291*Input!$C$22,0)</f>
        <v>0</v>
      </c>
      <c r="R5291" s="58">
        <v>59.020847803533599</v>
      </c>
      <c r="S5291" s="124">
        <f t="shared" si="82"/>
        <v>0.88769572210623693</v>
      </c>
    </row>
    <row r="5292" spans="8:19" x14ac:dyDescent="0.3">
      <c r="H5292" s="44">
        <v>5285</v>
      </c>
      <c r="I5292" s="56">
        <f>Bühler!I5318</f>
        <v>0.20485285894759314</v>
      </c>
      <c r="J5292" s="59">
        <f>Bühler!J5318</f>
        <v>0.68284286315864384</v>
      </c>
      <c r="K5292" s="59">
        <f>Bühler!K5318</f>
        <v>1.0242642947379657</v>
      </c>
      <c r="L5292" s="59">
        <f>Bühler!L5318</f>
        <v>4.916468614742235</v>
      </c>
      <c r="M5292" s="58">
        <f>Bühler!M5318</f>
        <v>0</v>
      </c>
      <c r="N5292" s="56">
        <f>IF(Input!$D$19=1,J5292*Input!$C$19,0)+IF(Input!$D$20=1,K5292*Input!$C$20,0)+IF(Input!$D$21=1,L5292*Input!$C$21,0)+IF(Input!$D$22=1,M5292*Input!$C$22,0)</f>
        <v>0.20485285894759314</v>
      </c>
      <c r="O5292" s="59">
        <f>IF(Input!$D$19=2,J5292*Input!$C$19,0)+IF(Input!$D$20=2,K5292*Input!$C$20,0)+IF(Input!$D$21=2,L5292*Input!$C$21,0)+IF(Input!$D$22=2,M5292*Input!$C$22,0)</f>
        <v>0.51213214736898283</v>
      </c>
      <c r="P5292" s="59">
        <f>IF(Input!$D$19=3,J5292*Input!$C$19,0)+IF(Input!$D$20=3,K5292*Input!$C$20,0)+IF(Input!$D$21=3,L5292*Input!$C$21,0)+IF(Input!$D$22=3,M5292*Input!$C$22,0)</f>
        <v>0</v>
      </c>
      <c r="Q5292" s="75">
        <f>IF(Input!$D$19=4,J5292*Input!$C$19,0)+IF(Input!$D$20=4,K5292*Input!$C$20,0)+IF(Input!$D$21=4,L5292*Input!$C$21,0)+IF(Input!$D$22=4,M5292*Input!$C$22,0)</f>
        <v>0</v>
      </c>
      <c r="R5292" s="58">
        <v>60.650716992159566</v>
      </c>
      <c r="S5292" s="124">
        <f t="shared" si="82"/>
        <v>0.88769572210623693</v>
      </c>
    </row>
    <row r="5293" spans="8:19" x14ac:dyDescent="0.3">
      <c r="H5293" s="44">
        <v>5286</v>
      </c>
      <c r="I5293" s="56">
        <f>Bühler!I5319</f>
        <v>0.26403257375467559</v>
      </c>
      <c r="J5293" s="59">
        <f>Bühler!J5319</f>
        <v>0.88010857918225216</v>
      </c>
      <c r="K5293" s="59">
        <f>Bühler!K5319</f>
        <v>1.3201628687733782</v>
      </c>
      <c r="L5293" s="59">
        <f>Bühler!L5319</f>
        <v>6.3367817701122151</v>
      </c>
      <c r="M5293" s="58">
        <f>Bühler!M5319</f>
        <v>0</v>
      </c>
      <c r="N5293" s="56">
        <f>IF(Input!$D$19=1,J5293*Input!$C$19,0)+IF(Input!$D$20=1,K5293*Input!$C$20,0)+IF(Input!$D$21=1,L5293*Input!$C$21,0)+IF(Input!$D$22=1,M5293*Input!$C$22,0)</f>
        <v>0.26403257375467565</v>
      </c>
      <c r="O5293" s="59">
        <f>IF(Input!$D$19=2,J5293*Input!$C$19,0)+IF(Input!$D$20=2,K5293*Input!$C$20,0)+IF(Input!$D$21=2,L5293*Input!$C$21,0)+IF(Input!$D$22=2,M5293*Input!$C$22,0)</f>
        <v>0.66008143438668909</v>
      </c>
      <c r="P5293" s="59">
        <f>IF(Input!$D$19=3,J5293*Input!$C$19,0)+IF(Input!$D$20=3,K5293*Input!$C$20,0)+IF(Input!$D$21=3,L5293*Input!$C$21,0)+IF(Input!$D$22=3,M5293*Input!$C$22,0)</f>
        <v>0</v>
      </c>
      <c r="Q5293" s="75">
        <f>IF(Input!$D$19=4,J5293*Input!$C$19,0)+IF(Input!$D$20=4,K5293*Input!$C$20,0)+IF(Input!$D$21=4,L5293*Input!$C$21,0)+IF(Input!$D$22=4,M5293*Input!$C$22,0)</f>
        <v>0</v>
      </c>
      <c r="R5293" s="58">
        <v>63.788094514566538</v>
      </c>
      <c r="S5293" s="124">
        <f t="shared" si="82"/>
        <v>1.1441411529369279</v>
      </c>
    </row>
    <row r="5294" spans="8:19" x14ac:dyDescent="0.3">
      <c r="H5294" s="44">
        <v>5287</v>
      </c>
      <c r="I5294" s="56">
        <f>Bühler!I5320</f>
        <v>0.30500314554419428</v>
      </c>
      <c r="J5294" s="59">
        <f>Bühler!J5320</f>
        <v>1.016677151813981</v>
      </c>
      <c r="K5294" s="59">
        <f>Bühler!K5320</f>
        <v>1.5250157277209713</v>
      </c>
      <c r="L5294" s="59">
        <f>Bühler!L5320</f>
        <v>7.3200754930606626</v>
      </c>
      <c r="M5294" s="58">
        <f>Bühler!M5320</f>
        <v>0</v>
      </c>
      <c r="N5294" s="56">
        <f>IF(Input!$D$19=1,J5294*Input!$C$19,0)+IF(Input!$D$20=1,K5294*Input!$C$20,0)+IF(Input!$D$21=1,L5294*Input!$C$21,0)+IF(Input!$D$22=1,M5294*Input!$C$22,0)</f>
        <v>0.30500314554419428</v>
      </c>
      <c r="O5294" s="59">
        <f>IF(Input!$D$19=2,J5294*Input!$C$19,0)+IF(Input!$D$20=2,K5294*Input!$C$20,0)+IF(Input!$D$21=2,L5294*Input!$C$21,0)+IF(Input!$D$22=2,M5294*Input!$C$22,0)</f>
        <v>0.76250786386048564</v>
      </c>
      <c r="P5294" s="59">
        <f>IF(Input!$D$19=3,J5294*Input!$C$19,0)+IF(Input!$D$20=3,K5294*Input!$C$20,0)+IF(Input!$D$21=3,L5294*Input!$C$21,0)+IF(Input!$D$22=3,M5294*Input!$C$22,0)</f>
        <v>0</v>
      </c>
      <c r="Q5294" s="75">
        <f>IF(Input!$D$19=4,J5294*Input!$C$19,0)+IF(Input!$D$20=4,K5294*Input!$C$20,0)+IF(Input!$D$21=4,L5294*Input!$C$21,0)+IF(Input!$D$22=4,M5294*Input!$C$22,0)</f>
        <v>0</v>
      </c>
      <c r="R5294" s="58">
        <v>67.019790243223667</v>
      </c>
      <c r="S5294" s="124">
        <f t="shared" si="82"/>
        <v>1.3216802973581752</v>
      </c>
    </row>
    <row r="5295" spans="8:19" x14ac:dyDescent="0.3">
      <c r="H5295" s="44">
        <v>5288</v>
      </c>
      <c r="I5295" s="56">
        <f>Bühler!I5321</f>
        <v>0.30500314554419428</v>
      </c>
      <c r="J5295" s="59">
        <f>Bühler!J5321</f>
        <v>1.016677151813981</v>
      </c>
      <c r="K5295" s="59">
        <f>Bühler!K5321</f>
        <v>1.5250157277209713</v>
      </c>
      <c r="L5295" s="59">
        <f>Bühler!L5321</f>
        <v>7.3200754930606626</v>
      </c>
      <c r="M5295" s="58">
        <f>Bühler!M5321</f>
        <v>0</v>
      </c>
      <c r="N5295" s="56">
        <f>IF(Input!$D$19=1,J5295*Input!$C$19,0)+IF(Input!$D$20=1,K5295*Input!$C$20,0)+IF(Input!$D$21=1,L5295*Input!$C$21,0)+IF(Input!$D$22=1,M5295*Input!$C$22,0)</f>
        <v>0.30500314554419428</v>
      </c>
      <c r="O5295" s="59">
        <f>IF(Input!$D$19=2,J5295*Input!$C$19,0)+IF(Input!$D$20=2,K5295*Input!$C$20,0)+IF(Input!$D$21=2,L5295*Input!$C$21,0)+IF(Input!$D$22=2,M5295*Input!$C$22,0)</f>
        <v>0.76250786386048564</v>
      </c>
      <c r="P5295" s="59">
        <f>IF(Input!$D$19=3,J5295*Input!$C$19,0)+IF(Input!$D$20=3,K5295*Input!$C$20,0)+IF(Input!$D$21=3,L5295*Input!$C$21,0)+IF(Input!$D$22=3,M5295*Input!$C$22,0)</f>
        <v>0</v>
      </c>
      <c r="Q5295" s="75">
        <f>IF(Input!$D$19=4,J5295*Input!$C$19,0)+IF(Input!$D$20=4,K5295*Input!$C$20,0)+IF(Input!$D$21=4,L5295*Input!$C$21,0)+IF(Input!$D$22=4,M5295*Input!$C$22,0)</f>
        <v>0</v>
      </c>
      <c r="R5295" s="58">
        <v>68.693290140592282</v>
      </c>
      <c r="S5295" s="124">
        <f t="shared" si="82"/>
        <v>1.3216802973581752</v>
      </c>
    </row>
    <row r="5296" spans="8:19" x14ac:dyDescent="0.3">
      <c r="H5296" s="44">
        <v>5289</v>
      </c>
      <c r="I5296" s="56">
        <f>Bühler!I5322</f>
        <v>0.30500314554419428</v>
      </c>
      <c r="J5296" s="59">
        <f>Bühler!J5322</f>
        <v>1.016677151813981</v>
      </c>
      <c r="K5296" s="59">
        <f>Bühler!K5322</f>
        <v>1.5250157277209713</v>
      </c>
      <c r="L5296" s="59">
        <f>Bühler!L5322</f>
        <v>7.3200754930606626</v>
      </c>
      <c r="M5296" s="58">
        <f>Bühler!M5322</f>
        <v>0</v>
      </c>
      <c r="N5296" s="56">
        <f>IF(Input!$D$19=1,J5296*Input!$C$19,0)+IF(Input!$D$20=1,K5296*Input!$C$20,0)+IF(Input!$D$21=1,L5296*Input!$C$21,0)+IF(Input!$D$22=1,M5296*Input!$C$22,0)</f>
        <v>0.30500314554419428</v>
      </c>
      <c r="O5296" s="59">
        <f>IF(Input!$D$19=2,J5296*Input!$C$19,0)+IF(Input!$D$20=2,K5296*Input!$C$20,0)+IF(Input!$D$21=2,L5296*Input!$C$21,0)+IF(Input!$D$22=2,M5296*Input!$C$22,0)</f>
        <v>0.76250786386048564</v>
      </c>
      <c r="P5296" s="59">
        <f>IF(Input!$D$19=3,J5296*Input!$C$19,0)+IF(Input!$D$20=3,K5296*Input!$C$20,0)+IF(Input!$D$21=3,L5296*Input!$C$21,0)+IF(Input!$D$22=3,M5296*Input!$C$22,0)</f>
        <v>0</v>
      </c>
      <c r="Q5296" s="75">
        <f>IF(Input!$D$19=4,J5296*Input!$C$19,0)+IF(Input!$D$20=4,K5296*Input!$C$20,0)+IF(Input!$D$21=4,L5296*Input!$C$21,0)+IF(Input!$D$22=4,M5296*Input!$C$22,0)</f>
        <v>0</v>
      </c>
      <c r="R5296" s="58">
        <v>70.236940676290672</v>
      </c>
      <c r="S5296" s="124">
        <f t="shared" si="82"/>
        <v>1.3216802973581752</v>
      </c>
    </row>
    <row r="5297" spans="8:19" x14ac:dyDescent="0.3">
      <c r="H5297" s="44">
        <v>5290</v>
      </c>
      <c r="I5297" s="56">
        <f>Bühler!I5323</f>
        <v>0.32776457431614903</v>
      </c>
      <c r="J5297" s="59">
        <f>Bühler!J5323</f>
        <v>1.0925485810538302</v>
      </c>
      <c r="K5297" s="59">
        <f>Bühler!K5323</f>
        <v>1.6388228715807451</v>
      </c>
      <c r="L5297" s="59">
        <f>Bühler!L5323</f>
        <v>7.8663497835875766</v>
      </c>
      <c r="M5297" s="58">
        <f>Bühler!M5323</f>
        <v>0</v>
      </c>
      <c r="N5297" s="56">
        <f>IF(Input!$D$19=1,J5297*Input!$C$19,0)+IF(Input!$D$20=1,K5297*Input!$C$20,0)+IF(Input!$D$21=1,L5297*Input!$C$21,0)+IF(Input!$D$22=1,M5297*Input!$C$22,0)</f>
        <v>0.32776457431614908</v>
      </c>
      <c r="O5297" s="59">
        <f>IF(Input!$D$19=2,J5297*Input!$C$19,0)+IF(Input!$D$20=2,K5297*Input!$C$20,0)+IF(Input!$D$21=2,L5297*Input!$C$21,0)+IF(Input!$D$22=2,M5297*Input!$C$22,0)</f>
        <v>0.81941143579037257</v>
      </c>
      <c r="P5297" s="59">
        <f>IF(Input!$D$19=3,J5297*Input!$C$19,0)+IF(Input!$D$20=3,K5297*Input!$C$20,0)+IF(Input!$D$21=3,L5297*Input!$C$21,0)+IF(Input!$D$22=3,M5297*Input!$C$22,0)</f>
        <v>0</v>
      </c>
      <c r="Q5297" s="75">
        <f>IF(Input!$D$19=4,J5297*Input!$C$19,0)+IF(Input!$D$20=4,K5297*Input!$C$20,0)+IF(Input!$D$21=4,L5297*Input!$C$21,0)+IF(Input!$D$22=4,M5297*Input!$C$22,0)</f>
        <v>0</v>
      </c>
      <c r="R5297" s="58">
        <v>70.699656411135578</v>
      </c>
      <c r="S5297" s="124">
        <f t="shared" si="82"/>
        <v>1.4203131553699793</v>
      </c>
    </row>
    <row r="5298" spans="8:19" x14ac:dyDescent="0.3">
      <c r="H5298" s="44">
        <v>5291</v>
      </c>
      <c r="I5298" s="56">
        <f>Bühler!I5324</f>
        <v>0.35507828884249482</v>
      </c>
      <c r="J5298" s="59">
        <f>Bühler!J5324</f>
        <v>1.1835942961416495</v>
      </c>
      <c r="K5298" s="59">
        <f>Bühler!K5324</f>
        <v>1.7753914442124741</v>
      </c>
      <c r="L5298" s="59">
        <f>Bühler!L5324</f>
        <v>8.5218789322198756</v>
      </c>
      <c r="M5298" s="58">
        <f>Bühler!M5324</f>
        <v>0</v>
      </c>
      <c r="N5298" s="56">
        <f>IF(Input!$D$19=1,J5298*Input!$C$19,0)+IF(Input!$D$20=1,K5298*Input!$C$20,0)+IF(Input!$D$21=1,L5298*Input!$C$21,0)+IF(Input!$D$22=1,M5298*Input!$C$22,0)</f>
        <v>0.35507828884249482</v>
      </c>
      <c r="O5298" s="59">
        <f>IF(Input!$D$19=2,J5298*Input!$C$19,0)+IF(Input!$D$20=2,K5298*Input!$C$20,0)+IF(Input!$D$21=2,L5298*Input!$C$21,0)+IF(Input!$D$22=2,M5298*Input!$C$22,0)</f>
        <v>0.88769572210623704</v>
      </c>
      <c r="P5298" s="59">
        <f>IF(Input!$D$19=3,J5298*Input!$C$19,0)+IF(Input!$D$20=3,K5298*Input!$C$20,0)+IF(Input!$D$21=3,L5298*Input!$C$21,0)+IF(Input!$D$22=3,M5298*Input!$C$22,0)</f>
        <v>0</v>
      </c>
      <c r="Q5298" s="75">
        <f>IF(Input!$D$19=4,J5298*Input!$C$19,0)+IF(Input!$D$20=4,K5298*Input!$C$20,0)+IF(Input!$D$21=4,L5298*Input!$C$21,0)+IF(Input!$D$22=4,M5298*Input!$C$22,0)</f>
        <v>0</v>
      </c>
      <c r="R5298" s="58">
        <v>71.845035493457843</v>
      </c>
      <c r="S5298" s="124">
        <f t="shared" si="82"/>
        <v>1.5386725849841443</v>
      </c>
    </row>
    <row r="5299" spans="8:19" x14ac:dyDescent="0.3">
      <c r="H5299" s="44">
        <v>5292</v>
      </c>
      <c r="I5299" s="56">
        <f>Bühler!I5325</f>
        <v>0.40970571789518628</v>
      </c>
      <c r="J5299" s="59">
        <f>Bühler!J5325</f>
        <v>1.3656857263172877</v>
      </c>
      <c r="K5299" s="59">
        <f>Bühler!K5325</f>
        <v>2.0485285894759313</v>
      </c>
      <c r="L5299" s="59">
        <f>Bühler!L5325</f>
        <v>9.8329372294844699</v>
      </c>
      <c r="M5299" s="58">
        <f>Bühler!M5325</f>
        <v>0</v>
      </c>
      <c r="N5299" s="56">
        <f>IF(Input!$D$19=1,J5299*Input!$C$19,0)+IF(Input!$D$20=1,K5299*Input!$C$20,0)+IF(Input!$D$21=1,L5299*Input!$C$21,0)+IF(Input!$D$22=1,M5299*Input!$C$22,0)</f>
        <v>0.40970571789518628</v>
      </c>
      <c r="O5299" s="59">
        <f>IF(Input!$D$19=2,J5299*Input!$C$19,0)+IF(Input!$D$20=2,K5299*Input!$C$20,0)+IF(Input!$D$21=2,L5299*Input!$C$21,0)+IF(Input!$D$22=2,M5299*Input!$C$22,0)</f>
        <v>1.0242642947379657</v>
      </c>
      <c r="P5299" s="59">
        <f>IF(Input!$D$19=3,J5299*Input!$C$19,0)+IF(Input!$D$20=3,K5299*Input!$C$20,0)+IF(Input!$D$21=3,L5299*Input!$C$21,0)+IF(Input!$D$22=3,M5299*Input!$C$22,0)</f>
        <v>0</v>
      </c>
      <c r="Q5299" s="75">
        <f>IF(Input!$D$19=4,J5299*Input!$C$19,0)+IF(Input!$D$20=4,K5299*Input!$C$20,0)+IF(Input!$D$21=4,L5299*Input!$C$21,0)+IF(Input!$D$22=4,M5299*Input!$C$22,0)</f>
        <v>0</v>
      </c>
      <c r="R5299" s="58">
        <v>71.786089610550476</v>
      </c>
      <c r="S5299" s="124">
        <f t="shared" si="82"/>
        <v>1.7753914442124739</v>
      </c>
    </row>
    <row r="5300" spans="8:19" x14ac:dyDescent="0.3">
      <c r="H5300" s="44">
        <v>5293</v>
      </c>
      <c r="I5300" s="56">
        <f>Bühler!I5326</f>
        <v>0.40970571789518628</v>
      </c>
      <c r="J5300" s="59">
        <f>Bühler!J5326</f>
        <v>1.3656857263172877</v>
      </c>
      <c r="K5300" s="59">
        <f>Bühler!K5326</f>
        <v>2.0485285894759313</v>
      </c>
      <c r="L5300" s="59">
        <f>Bühler!L5326</f>
        <v>9.8329372294844699</v>
      </c>
      <c r="M5300" s="58">
        <f>Bühler!M5326</f>
        <v>0</v>
      </c>
      <c r="N5300" s="56">
        <f>IF(Input!$D$19=1,J5300*Input!$C$19,0)+IF(Input!$D$20=1,K5300*Input!$C$20,0)+IF(Input!$D$21=1,L5300*Input!$C$21,0)+IF(Input!$D$22=1,M5300*Input!$C$22,0)</f>
        <v>0.40970571789518628</v>
      </c>
      <c r="O5300" s="59">
        <f>IF(Input!$D$19=2,J5300*Input!$C$19,0)+IF(Input!$D$20=2,K5300*Input!$C$20,0)+IF(Input!$D$21=2,L5300*Input!$C$21,0)+IF(Input!$D$22=2,M5300*Input!$C$22,0)</f>
        <v>1.0242642947379657</v>
      </c>
      <c r="P5300" s="59">
        <f>IF(Input!$D$19=3,J5300*Input!$C$19,0)+IF(Input!$D$20=3,K5300*Input!$C$20,0)+IF(Input!$D$21=3,L5300*Input!$C$21,0)+IF(Input!$D$22=3,M5300*Input!$C$22,0)</f>
        <v>0</v>
      </c>
      <c r="Q5300" s="75">
        <f>IF(Input!$D$19=4,J5300*Input!$C$19,0)+IF(Input!$D$20=4,K5300*Input!$C$20,0)+IF(Input!$D$21=4,L5300*Input!$C$21,0)+IF(Input!$D$22=4,M5300*Input!$C$22,0)</f>
        <v>0</v>
      </c>
      <c r="R5300" s="58">
        <v>71.339549818522201</v>
      </c>
      <c r="S5300" s="124">
        <f t="shared" si="82"/>
        <v>1.7753914442124739</v>
      </c>
    </row>
    <row r="5301" spans="8:19" x14ac:dyDescent="0.3">
      <c r="H5301" s="44">
        <v>5294</v>
      </c>
      <c r="I5301" s="56">
        <f>Bühler!I5327</f>
        <v>0.40970571789518628</v>
      </c>
      <c r="J5301" s="59">
        <f>Bühler!J5327</f>
        <v>1.3656857263172877</v>
      </c>
      <c r="K5301" s="59">
        <f>Bühler!K5327</f>
        <v>2.0485285894759313</v>
      </c>
      <c r="L5301" s="59">
        <f>Bühler!L5327</f>
        <v>9.8329372294844699</v>
      </c>
      <c r="M5301" s="58">
        <f>Bühler!M5327</f>
        <v>0</v>
      </c>
      <c r="N5301" s="56">
        <f>IF(Input!$D$19=1,J5301*Input!$C$19,0)+IF(Input!$D$20=1,K5301*Input!$C$20,0)+IF(Input!$D$21=1,L5301*Input!$C$21,0)+IF(Input!$D$22=1,M5301*Input!$C$22,0)</f>
        <v>0.40970571789518628</v>
      </c>
      <c r="O5301" s="59">
        <f>IF(Input!$D$19=2,J5301*Input!$C$19,0)+IF(Input!$D$20=2,K5301*Input!$C$20,0)+IF(Input!$D$21=2,L5301*Input!$C$21,0)+IF(Input!$D$22=2,M5301*Input!$C$22,0)</f>
        <v>1.0242642947379657</v>
      </c>
      <c r="P5301" s="59">
        <f>IF(Input!$D$19=3,J5301*Input!$C$19,0)+IF(Input!$D$20=3,K5301*Input!$C$20,0)+IF(Input!$D$21=3,L5301*Input!$C$21,0)+IF(Input!$D$22=3,M5301*Input!$C$22,0)</f>
        <v>0</v>
      </c>
      <c r="Q5301" s="75">
        <f>IF(Input!$D$19=4,J5301*Input!$C$19,0)+IF(Input!$D$20=4,K5301*Input!$C$20,0)+IF(Input!$D$21=4,L5301*Input!$C$21,0)+IF(Input!$D$22=4,M5301*Input!$C$22,0)</f>
        <v>0</v>
      </c>
      <c r="R5301" s="58">
        <v>71.178046683113806</v>
      </c>
      <c r="S5301" s="124">
        <f t="shared" si="82"/>
        <v>1.7753914442124739</v>
      </c>
    </row>
    <row r="5302" spans="8:19" x14ac:dyDescent="0.3">
      <c r="H5302" s="44">
        <v>5295</v>
      </c>
      <c r="I5302" s="56">
        <f>Bühler!I5328</f>
        <v>0.40970571789518628</v>
      </c>
      <c r="J5302" s="59">
        <f>Bühler!J5328</f>
        <v>1.3656857263172877</v>
      </c>
      <c r="K5302" s="59">
        <f>Bühler!K5328</f>
        <v>2.0485285894759313</v>
      </c>
      <c r="L5302" s="59">
        <f>Bühler!L5328</f>
        <v>9.8329372294844699</v>
      </c>
      <c r="M5302" s="58">
        <f>Bühler!M5328</f>
        <v>0</v>
      </c>
      <c r="N5302" s="56">
        <f>IF(Input!$D$19=1,J5302*Input!$C$19,0)+IF(Input!$D$20=1,K5302*Input!$C$20,0)+IF(Input!$D$21=1,L5302*Input!$C$21,0)+IF(Input!$D$22=1,M5302*Input!$C$22,0)</f>
        <v>0.40970571789518628</v>
      </c>
      <c r="O5302" s="59">
        <f>IF(Input!$D$19=2,J5302*Input!$C$19,0)+IF(Input!$D$20=2,K5302*Input!$C$20,0)+IF(Input!$D$21=2,L5302*Input!$C$21,0)+IF(Input!$D$22=2,M5302*Input!$C$22,0)</f>
        <v>1.0242642947379657</v>
      </c>
      <c r="P5302" s="59">
        <f>IF(Input!$D$19=3,J5302*Input!$C$19,0)+IF(Input!$D$20=3,K5302*Input!$C$20,0)+IF(Input!$D$21=3,L5302*Input!$C$21,0)+IF(Input!$D$22=3,M5302*Input!$C$22,0)</f>
        <v>0</v>
      </c>
      <c r="Q5302" s="75">
        <f>IF(Input!$D$19=4,J5302*Input!$C$19,0)+IF(Input!$D$20=4,K5302*Input!$C$20,0)+IF(Input!$D$21=4,L5302*Input!$C$21,0)+IF(Input!$D$22=4,M5302*Input!$C$22,0)</f>
        <v>0</v>
      </c>
      <c r="R5302" s="58">
        <v>70.924680883800818</v>
      </c>
      <c r="S5302" s="124">
        <f t="shared" si="82"/>
        <v>1.7753914442124739</v>
      </c>
    </row>
    <row r="5303" spans="8:19" x14ac:dyDescent="0.3">
      <c r="H5303" s="44">
        <v>5296</v>
      </c>
      <c r="I5303" s="56">
        <f>Bühler!I5329</f>
        <v>0.40970571789518628</v>
      </c>
      <c r="J5303" s="59">
        <f>Bühler!J5329</f>
        <v>1.3656857263172877</v>
      </c>
      <c r="K5303" s="59">
        <f>Bühler!K5329</f>
        <v>2.0485285894759313</v>
      </c>
      <c r="L5303" s="59">
        <f>Bühler!L5329</f>
        <v>9.8329372294844699</v>
      </c>
      <c r="M5303" s="58">
        <f>Bühler!M5329</f>
        <v>0</v>
      </c>
      <c r="N5303" s="56">
        <f>IF(Input!$D$19=1,J5303*Input!$C$19,0)+IF(Input!$D$20=1,K5303*Input!$C$20,0)+IF(Input!$D$21=1,L5303*Input!$C$21,0)+IF(Input!$D$22=1,M5303*Input!$C$22,0)</f>
        <v>0.40970571789518628</v>
      </c>
      <c r="O5303" s="59">
        <f>IF(Input!$D$19=2,J5303*Input!$C$19,0)+IF(Input!$D$20=2,K5303*Input!$C$20,0)+IF(Input!$D$21=2,L5303*Input!$C$21,0)+IF(Input!$D$22=2,M5303*Input!$C$22,0)</f>
        <v>1.0242642947379657</v>
      </c>
      <c r="P5303" s="59">
        <f>IF(Input!$D$19=3,J5303*Input!$C$19,0)+IF(Input!$D$20=3,K5303*Input!$C$20,0)+IF(Input!$D$21=3,L5303*Input!$C$21,0)+IF(Input!$D$22=3,M5303*Input!$C$22,0)</f>
        <v>0</v>
      </c>
      <c r="Q5303" s="75">
        <f>IF(Input!$D$19=4,J5303*Input!$C$19,0)+IF(Input!$D$20=4,K5303*Input!$C$20,0)+IF(Input!$D$21=4,L5303*Input!$C$21,0)+IF(Input!$D$22=4,M5303*Input!$C$22,0)</f>
        <v>0</v>
      </c>
      <c r="R5303" s="58">
        <v>70.107931469230238</v>
      </c>
      <c r="S5303" s="124">
        <f t="shared" si="82"/>
        <v>1.7753914442124739</v>
      </c>
    </row>
    <row r="5304" spans="8:19" x14ac:dyDescent="0.3">
      <c r="H5304" s="44">
        <v>5297</v>
      </c>
      <c r="I5304" s="56">
        <f>Bühler!I5330</f>
        <v>0.40970571789518628</v>
      </c>
      <c r="J5304" s="59">
        <f>Bühler!J5330</f>
        <v>1.3656857263172877</v>
      </c>
      <c r="K5304" s="59">
        <f>Bühler!K5330</f>
        <v>2.0485285894759313</v>
      </c>
      <c r="L5304" s="59">
        <f>Bühler!L5330</f>
        <v>9.8329372294844699</v>
      </c>
      <c r="M5304" s="58">
        <f>Bühler!M5330</f>
        <v>0</v>
      </c>
      <c r="N5304" s="56">
        <f>IF(Input!$D$19=1,J5304*Input!$C$19,0)+IF(Input!$D$20=1,K5304*Input!$C$20,0)+IF(Input!$D$21=1,L5304*Input!$C$21,0)+IF(Input!$D$22=1,M5304*Input!$C$22,0)</f>
        <v>0.40970571789518628</v>
      </c>
      <c r="O5304" s="59">
        <f>IF(Input!$D$19=2,J5304*Input!$C$19,0)+IF(Input!$D$20=2,K5304*Input!$C$20,0)+IF(Input!$D$21=2,L5304*Input!$C$21,0)+IF(Input!$D$22=2,M5304*Input!$C$22,0)</f>
        <v>1.0242642947379657</v>
      </c>
      <c r="P5304" s="59">
        <f>IF(Input!$D$19=3,J5304*Input!$C$19,0)+IF(Input!$D$20=3,K5304*Input!$C$20,0)+IF(Input!$D$21=3,L5304*Input!$C$21,0)+IF(Input!$D$22=3,M5304*Input!$C$22,0)</f>
        <v>0</v>
      </c>
      <c r="Q5304" s="75">
        <f>IF(Input!$D$19=4,J5304*Input!$C$19,0)+IF(Input!$D$20=4,K5304*Input!$C$20,0)+IF(Input!$D$21=4,L5304*Input!$C$21,0)+IF(Input!$D$22=4,M5304*Input!$C$22,0)</f>
        <v>0</v>
      </c>
      <c r="R5304" s="58">
        <v>68.95842536152648</v>
      </c>
      <c r="S5304" s="124">
        <f t="shared" si="82"/>
        <v>1.7753914442124739</v>
      </c>
    </row>
    <row r="5305" spans="8:19" x14ac:dyDescent="0.3">
      <c r="H5305" s="44">
        <v>5298</v>
      </c>
      <c r="I5305" s="56">
        <f>Bühler!I5331</f>
        <v>0.40970571789518628</v>
      </c>
      <c r="J5305" s="59">
        <f>Bühler!J5331</f>
        <v>1.3656857263172877</v>
      </c>
      <c r="K5305" s="59">
        <f>Bühler!K5331</f>
        <v>2.0485285894759313</v>
      </c>
      <c r="L5305" s="59">
        <f>Bühler!L5331</f>
        <v>9.8329372294844699</v>
      </c>
      <c r="M5305" s="58">
        <f>Bühler!M5331</f>
        <v>0</v>
      </c>
      <c r="N5305" s="56">
        <f>IF(Input!$D$19=1,J5305*Input!$C$19,0)+IF(Input!$D$20=1,K5305*Input!$C$20,0)+IF(Input!$D$21=1,L5305*Input!$C$21,0)+IF(Input!$D$22=1,M5305*Input!$C$22,0)</f>
        <v>0.40970571789518628</v>
      </c>
      <c r="O5305" s="59">
        <f>IF(Input!$D$19=2,J5305*Input!$C$19,0)+IF(Input!$D$20=2,K5305*Input!$C$20,0)+IF(Input!$D$21=2,L5305*Input!$C$21,0)+IF(Input!$D$22=2,M5305*Input!$C$22,0)</f>
        <v>1.0242642947379657</v>
      </c>
      <c r="P5305" s="59">
        <f>IF(Input!$D$19=3,J5305*Input!$C$19,0)+IF(Input!$D$20=3,K5305*Input!$C$20,0)+IF(Input!$D$21=3,L5305*Input!$C$21,0)+IF(Input!$D$22=3,M5305*Input!$C$22,0)</f>
        <v>0</v>
      </c>
      <c r="Q5305" s="75">
        <f>IF(Input!$D$19=4,J5305*Input!$C$19,0)+IF(Input!$D$20=4,K5305*Input!$C$20,0)+IF(Input!$D$21=4,L5305*Input!$C$21,0)+IF(Input!$D$22=4,M5305*Input!$C$22,0)</f>
        <v>0</v>
      </c>
      <c r="R5305" s="58">
        <v>67.897789429599186</v>
      </c>
      <c r="S5305" s="124">
        <f t="shared" si="82"/>
        <v>1.7753914442124739</v>
      </c>
    </row>
    <row r="5306" spans="8:19" x14ac:dyDescent="0.3">
      <c r="H5306" s="44">
        <v>5299</v>
      </c>
      <c r="I5306" s="56">
        <f>Bühler!I5332</f>
        <v>0.40970571789518628</v>
      </c>
      <c r="J5306" s="59">
        <f>Bühler!J5332</f>
        <v>1.3656857263172877</v>
      </c>
      <c r="K5306" s="59">
        <f>Bühler!K5332</f>
        <v>2.0485285894759313</v>
      </c>
      <c r="L5306" s="59">
        <f>Bühler!L5332</f>
        <v>9.8329372294844699</v>
      </c>
      <c r="M5306" s="58">
        <f>Bühler!M5332</f>
        <v>0</v>
      </c>
      <c r="N5306" s="56">
        <f>IF(Input!$D$19=1,J5306*Input!$C$19,0)+IF(Input!$D$20=1,K5306*Input!$C$20,0)+IF(Input!$D$21=1,L5306*Input!$C$21,0)+IF(Input!$D$22=1,M5306*Input!$C$22,0)</f>
        <v>0.40970571789518628</v>
      </c>
      <c r="O5306" s="59">
        <f>IF(Input!$D$19=2,J5306*Input!$C$19,0)+IF(Input!$D$20=2,K5306*Input!$C$20,0)+IF(Input!$D$21=2,L5306*Input!$C$21,0)+IF(Input!$D$22=2,M5306*Input!$C$22,0)</f>
        <v>1.0242642947379657</v>
      </c>
      <c r="P5306" s="59">
        <f>IF(Input!$D$19=3,J5306*Input!$C$19,0)+IF(Input!$D$20=3,K5306*Input!$C$20,0)+IF(Input!$D$21=3,L5306*Input!$C$21,0)+IF(Input!$D$22=3,M5306*Input!$C$22,0)</f>
        <v>0</v>
      </c>
      <c r="Q5306" s="75">
        <f>IF(Input!$D$19=4,J5306*Input!$C$19,0)+IF(Input!$D$20=4,K5306*Input!$C$20,0)+IF(Input!$D$21=4,L5306*Input!$C$21,0)+IF(Input!$D$22=4,M5306*Input!$C$22,0)</f>
        <v>0</v>
      </c>
      <c r="R5306" s="58">
        <v>67.055947920382962</v>
      </c>
      <c r="S5306" s="124">
        <f t="shared" si="82"/>
        <v>1.7753914442124739</v>
      </c>
    </row>
    <row r="5307" spans="8:19" x14ac:dyDescent="0.3">
      <c r="H5307" s="44">
        <v>5300</v>
      </c>
      <c r="I5307" s="56">
        <f>Bühler!I5333</f>
        <v>0.34142143157932192</v>
      </c>
      <c r="J5307" s="59">
        <f>Bühler!J5333</f>
        <v>1.13807143859774</v>
      </c>
      <c r="K5307" s="59">
        <f>Bühler!K5333</f>
        <v>1.7071071578966097</v>
      </c>
      <c r="L5307" s="59">
        <f>Bühler!L5333</f>
        <v>8.194114357903727</v>
      </c>
      <c r="M5307" s="58">
        <f>Bühler!M5333</f>
        <v>0</v>
      </c>
      <c r="N5307" s="56">
        <f>IF(Input!$D$19=1,J5307*Input!$C$19,0)+IF(Input!$D$20=1,K5307*Input!$C$20,0)+IF(Input!$D$21=1,L5307*Input!$C$21,0)+IF(Input!$D$22=1,M5307*Input!$C$22,0)</f>
        <v>0.34142143157932198</v>
      </c>
      <c r="O5307" s="59">
        <f>IF(Input!$D$19=2,J5307*Input!$C$19,0)+IF(Input!$D$20=2,K5307*Input!$C$20,0)+IF(Input!$D$21=2,L5307*Input!$C$21,0)+IF(Input!$D$22=2,M5307*Input!$C$22,0)</f>
        <v>0.85355357894830486</v>
      </c>
      <c r="P5307" s="59">
        <f>IF(Input!$D$19=3,J5307*Input!$C$19,0)+IF(Input!$D$20=3,K5307*Input!$C$20,0)+IF(Input!$D$21=3,L5307*Input!$C$21,0)+IF(Input!$D$22=3,M5307*Input!$C$22,0)</f>
        <v>0</v>
      </c>
      <c r="Q5307" s="75">
        <f>IF(Input!$D$19=4,J5307*Input!$C$19,0)+IF(Input!$D$20=4,K5307*Input!$C$20,0)+IF(Input!$D$21=4,L5307*Input!$C$21,0)+IF(Input!$D$22=4,M5307*Input!$C$22,0)</f>
        <v>0</v>
      </c>
      <c r="R5307" s="58">
        <v>66.20295252758963</v>
      </c>
      <c r="S5307" s="124">
        <f t="shared" si="82"/>
        <v>1.479492870177062</v>
      </c>
    </row>
    <row r="5308" spans="8:19" x14ac:dyDescent="0.3">
      <c r="H5308" s="44">
        <v>5301</v>
      </c>
      <c r="I5308" s="56">
        <f>Bühler!I5334</f>
        <v>0.27313714526345756</v>
      </c>
      <c r="J5308" s="59">
        <f>Bühler!J5334</f>
        <v>0.91045715087819201</v>
      </c>
      <c r="K5308" s="59">
        <f>Bühler!K5334</f>
        <v>1.3656857263172879</v>
      </c>
      <c r="L5308" s="59">
        <f>Bühler!L5334</f>
        <v>6.5552914863229823</v>
      </c>
      <c r="M5308" s="58">
        <f>Bühler!M5334</f>
        <v>0</v>
      </c>
      <c r="N5308" s="56">
        <f>IF(Input!$D$19=1,J5308*Input!$C$19,0)+IF(Input!$D$20=1,K5308*Input!$C$20,0)+IF(Input!$D$21=1,L5308*Input!$C$21,0)+IF(Input!$D$22=1,M5308*Input!$C$22,0)</f>
        <v>0.27313714526345761</v>
      </c>
      <c r="O5308" s="59">
        <f>IF(Input!$D$19=2,J5308*Input!$C$19,0)+IF(Input!$D$20=2,K5308*Input!$C$20,0)+IF(Input!$D$21=2,L5308*Input!$C$21,0)+IF(Input!$D$22=2,M5308*Input!$C$22,0)</f>
        <v>0.68284286315864395</v>
      </c>
      <c r="P5308" s="59">
        <f>IF(Input!$D$19=3,J5308*Input!$C$19,0)+IF(Input!$D$20=3,K5308*Input!$C$20,0)+IF(Input!$D$21=3,L5308*Input!$C$21,0)+IF(Input!$D$22=3,M5308*Input!$C$22,0)</f>
        <v>0</v>
      </c>
      <c r="Q5308" s="75">
        <f>IF(Input!$D$19=4,J5308*Input!$C$19,0)+IF(Input!$D$20=4,K5308*Input!$C$20,0)+IF(Input!$D$21=4,L5308*Input!$C$21,0)+IF(Input!$D$22=4,M5308*Input!$C$22,0)</f>
        <v>0</v>
      </c>
      <c r="R5308" s="58">
        <v>63.915266482863061</v>
      </c>
      <c r="S5308" s="124">
        <f t="shared" si="82"/>
        <v>1.1835942961416497</v>
      </c>
    </row>
    <row r="5309" spans="8:19" x14ac:dyDescent="0.3">
      <c r="H5309" s="44">
        <v>5302</v>
      </c>
      <c r="I5309" s="56">
        <f>Bühler!I5335</f>
        <v>0.20485285894759314</v>
      </c>
      <c r="J5309" s="59">
        <f>Bühler!J5335</f>
        <v>0.68284286315864384</v>
      </c>
      <c r="K5309" s="59">
        <f>Bühler!K5335</f>
        <v>1.0242642947379657</v>
      </c>
      <c r="L5309" s="59">
        <f>Bühler!L5335</f>
        <v>4.916468614742235</v>
      </c>
      <c r="M5309" s="58">
        <f>Bühler!M5335</f>
        <v>0</v>
      </c>
      <c r="N5309" s="56">
        <f>IF(Input!$D$19=1,J5309*Input!$C$19,0)+IF(Input!$D$20=1,K5309*Input!$C$20,0)+IF(Input!$D$21=1,L5309*Input!$C$21,0)+IF(Input!$D$22=1,M5309*Input!$C$22,0)</f>
        <v>0.20485285894759314</v>
      </c>
      <c r="O5309" s="59">
        <f>IF(Input!$D$19=2,J5309*Input!$C$19,0)+IF(Input!$D$20=2,K5309*Input!$C$20,0)+IF(Input!$D$21=2,L5309*Input!$C$21,0)+IF(Input!$D$22=2,M5309*Input!$C$22,0)</f>
        <v>0.51213214736898283</v>
      </c>
      <c r="P5309" s="59">
        <f>IF(Input!$D$19=3,J5309*Input!$C$19,0)+IF(Input!$D$20=3,K5309*Input!$C$20,0)+IF(Input!$D$21=3,L5309*Input!$C$21,0)+IF(Input!$D$22=3,M5309*Input!$C$22,0)</f>
        <v>0</v>
      </c>
      <c r="Q5309" s="75">
        <f>IF(Input!$D$19=4,J5309*Input!$C$19,0)+IF(Input!$D$20=4,K5309*Input!$C$20,0)+IF(Input!$D$21=4,L5309*Input!$C$21,0)+IF(Input!$D$22=4,M5309*Input!$C$22,0)</f>
        <v>0</v>
      </c>
      <c r="R5309" s="58">
        <v>61.752481331324631</v>
      </c>
      <c r="S5309" s="124">
        <f t="shared" si="82"/>
        <v>0.88769572210623693</v>
      </c>
    </row>
    <row r="5310" spans="8:19" x14ac:dyDescent="0.3">
      <c r="H5310" s="44">
        <v>5303</v>
      </c>
      <c r="I5310" s="56">
        <f>Bühler!I5336</f>
        <v>0.20485285894759314</v>
      </c>
      <c r="J5310" s="59">
        <f>Bühler!J5336</f>
        <v>0.68284286315864384</v>
      </c>
      <c r="K5310" s="59">
        <f>Bühler!K5336</f>
        <v>1.0242642947379657</v>
      </c>
      <c r="L5310" s="59">
        <f>Bühler!L5336</f>
        <v>4.916468614742235</v>
      </c>
      <c r="M5310" s="58">
        <f>Bühler!M5336</f>
        <v>0</v>
      </c>
      <c r="N5310" s="56">
        <f>IF(Input!$D$19=1,J5310*Input!$C$19,0)+IF(Input!$D$20=1,K5310*Input!$C$20,0)+IF(Input!$D$21=1,L5310*Input!$C$21,0)+IF(Input!$D$22=1,M5310*Input!$C$22,0)</f>
        <v>0.20485285894759314</v>
      </c>
      <c r="O5310" s="59">
        <f>IF(Input!$D$19=2,J5310*Input!$C$19,0)+IF(Input!$D$20=2,K5310*Input!$C$20,0)+IF(Input!$D$21=2,L5310*Input!$C$21,0)+IF(Input!$D$22=2,M5310*Input!$C$22,0)</f>
        <v>0.51213214736898283</v>
      </c>
      <c r="P5310" s="59">
        <f>IF(Input!$D$19=3,J5310*Input!$C$19,0)+IF(Input!$D$20=3,K5310*Input!$C$20,0)+IF(Input!$D$21=3,L5310*Input!$C$21,0)+IF(Input!$D$22=3,M5310*Input!$C$22,0)</f>
        <v>0</v>
      </c>
      <c r="Q5310" s="75">
        <f>IF(Input!$D$19=4,J5310*Input!$C$19,0)+IF(Input!$D$20=4,K5310*Input!$C$20,0)+IF(Input!$D$21=4,L5310*Input!$C$21,0)+IF(Input!$D$22=4,M5310*Input!$C$22,0)</f>
        <v>0</v>
      </c>
      <c r="R5310" s="58">
        <v>60.639206118876558</v>
      </c>
      <c r="S5310" s="124">
        <f t="shared" si="82"/>
        <v>0.88769572210623693</v>
      </c>
    </row>
    <row r="5311" spans="8:19" x14ac:dyDescent="0.3">
      <c r="H5311" s="44">
        <v>5304</v>
      </c>
      <c r="I5311" s="56">
        <f>Bühler!I5337</f>
        <v>0.20485285894759314</v>
      </c>
      <c r="J5311" s="59">
        <f>Bühler!J5337</f>
        <v>0.68284286315864384</v>
      </c>
      <c r="K5311" s="59">
        <f>Bühler!K5337</f>
        <v>1.0242642947379657</v>
      </c>
      <c r="L5311" s="59">
        <f>Bühler!L5337</f>
        <v>4.916468614742235</v>
      </c>
      <c r="M5311" s="58">
        <f>Bühler!M5337</f>
        <v>0</v>
      </c>
      <c r="N5311" s="56">
        <f>IF(Input!$D$19=1,J5311*Input!$C$19,0)+IF(Input!$D$20=1,K5311*Input!$C$20,0)+IF(Input!$D$21=1,L5311*Input!$C$21,0)+IF(Input!$D$22=1,M5311*Input!$C$22,0)</f>
        <v>0.20485285894759314</v>
      </c>
      <c r="O5311" s="59">
        <f>IF(Input!$D$19=2,J5311*Input!$C$19,0)+IF(Input!$D$20=2,K5311*Input!$C$20,0)+IF(Input!$D$21=2,L5311*Input!$C$21,0)+IF(Input!$D$22=2,M5311*Input!$C$22,0)</f>
        <v>0.51213214736898283</v>
      </c>
      <c r="P5311" s="59">
        <f>IF(Input!$D$19=3,J5311*Input!$C$19,0)+IF(Input!$D$20=3,K5311*Input!$C$20,0)+IF(Input!$D$21=3,L5311*Input!$C$21,0)+IF(Input!$D$22=3,M5311*Input!$C$22,0)</f>
        <v>0</v>
      </c>
      <c r="Q5311" s="75">
        <f>IF(Input!$D$19=4,J5311*Input!$C$19,0)+IF(Input!$D$20=4,K5311*Input!$C$20,0)+IF(Input!$D$21=4,L5311*Input!$C$21,0)+IF(Input!$D$22=4,M5311*Input!$C$22,0)</f>
        <v>0</v>
      </c>
      <c r="R5311" s="58">
        <v>59.843138884578956</v>
      </c>
      <c r="S5311" s="124">
        <f t="shared" si="82"/>
        <v>0.88769572210623693</v>
      </c>
    </row>
    <row r="5312" spans="8:19" x14ac:dyDescent="0.3">
      <c r="H5312" s="44">
        <v>5305</v>
      </c>
      <c r="I5312" s="56">
        <f>Bühler!I5338</f>
        <v>0.22771758852327648</v>
      </c>
      <c r="J5312" s="59">
        <f>Bühler!J5338</f>
        <v>0.75905862841092164</v>
      </c>
      <c r="K5312" s="59">
        <f>Bühler!K5338</f>
        <v>1.1385879426163823</v>
      </c>
      <c r="L5312" s="59">
        <f>Bühler!L5338</f>
        <v>5.4652221245586352</v>
      </c>
      <c r="M5312" s="58">
        <f>Bühler!M5338</f>
        <v>0</v>
      </c>
      <c r="N5312" s="56">
        <f>IF(Input!$D$19=1,J5312*Input!$C$19,0)+IF(Input!$D$20=1,K5312*Input!$C$20,0)+IF(Input!$D$21=1,L5312*Input!$C$21,0)+IF(Input!$D$22=1,M5312*Input!$C$22,0)</f>
        <v>0.22771758852327648</v>
      </c>
      <c r="O5312" s="59">
        <f>IF(Input!$D$19=2,J5312*Input!$C$19,0)+IF(Input!$D$20=2,K5312*Input!$C$20,0)+IF(Input!$D$21=2,L5312*Input!$C$21,0)+IF(Input!$D$22=2,M5312*Input!$C$22,0)</f>
        <v>0.56929397130819115</v>
      </c>
      <c r="P5312" s="59">
        <f>IF(Input!$D$19=3,J5312*Input!$C$19,0)+IF(Input!$D$20=3,K5312*Input!$C$20,0)+IF(Input!$D$21=3,L5312*Input!$C$21,0)+IF(Input!$D$22=3,M5312*Input!$C$22,0)</f>
        <v>0</v>
      </c>
      <c r="Q5312" s="75">
        <f>IF(Input!$D$19=4,J5312*Input!$C$19,0)+IF(Input!$D$20=4,K5312*Input!$C$20,0)+IF(Input!$D$21=4,L5312*Input!$C$21,0)+IF(Input!$D$22=4,M5312*Input!$C$22,0)</f>
        <v>0</v>
      </c>
      <c r="R5312" s="58">
        <v>59.331516168050541</v>
      </c>
      <c r="S5312" s="124">
        <f t="shared" si="82"/>
        <v>0.98677621693419815</v>
      </c>
    </row>
    <row r="5313" spans="8:19" x14ac:dyDescent="0.3">
      <c r="H5313" s="44">
        <v>5306</v>
      </c>
      <c r="I5313" s="56">
        <f>Bühler!I5339</f>
        <v>0.22771758852327648</v>
      </c>
      <c r="J5313" s="59">
        <f>Bühler!J5339</f>
        <v>0.75905862841092164</v>
      </c>
      <c r="K5313" s="59">
        <f>Bühler!K5339</f>
        <v>1.1385879426163823</v>
      </c>
      <c r="L5313" s="59">
        <f>Bühler!L5339</f>
        <v>5.4652221245586352</v>
      </c>
      <c r="M5313" s="58">
        <f>Bühler!M5339</f>
        <v>0</v>
      </c>
      <c r="N5313" s="56">
        <f>IF(Input!$D$19=1,J5313*Input!$C$19,0)+IF(Input!$D$20=1,K5313*Input!$C$20,0)+IF(Input!$D$21=1,L5313*Input!$C$21,0)+IF(Input!$D$22=1,M5313*Input!$C$22,0)</f>
        <v>0.22771758852327648</v>
      </c>
      <c r="O5313" s="59">
        <f>IF(Input!$D$19=2,J5313*Input!$C$19,0)+IF(Input!$D$20=2,K5313*Input!$C$20,0)+IF(Input!$D$21=2,L5313*Input!$C$21,0)+IF(Input!$D$22=2,M5313*Input!$C$22,0)</f>
        <v>0.56929397130819115</v>
      </c>
      <c r="P5313" s="59">
        <f>IF(Input!$D$19=3,J5313*Input!$C$19,0)+IF(Input!$D$20=3,K5313*Input!$C$20,0)+IF(Input!$D$21=3,L5313*Input!$C$21,0)+IF(Input!$D$22=3,M5313*Input!$C$22,0)</f>
        <v>0</v>
      </c>
      <c r="Q5313" s="75">
        <f>IF(Input!$D$19=4,J5313*Input!$C$19,0)+IF(Input!$D$20=4,K5313*Input!$C$20,0)+IF(Input!$D$21=4,L5313*Input!$C$21,0)+IF(Input!$D$22=4,M5313*Input!$C$22,0)</f>
        <v>0</v>
      </c>
      <c r="R5313" s="58">
        <v>58.493987838234759</v>
      </c>
      <c r="S5313" s="124">
        <f t="shared" si="82"/>
        <v>0.98677621693419815</v>
      </c>
    </row>
    <row r="5314" spans="8:19" x14ac:dyDescent="0.3">
      <c r="H5314" s="44">
        <v>5307</v>
      </c>
      <c r="I5314" s="56">
        <f>Bühler!I5340</f>
        <v>0.22771758852327648</v>
      </c>
      <c r="J5314" s="59">
        <f>Bühler!J5340</f>
        <v>0.75905862841092164</v>
      </c>
      <c r="K5314" s="59">
        <f>Bühler!K5340</f>
        <v>1.1385879426163823</v>
      </c>
      <c r="L5314" s="59">
        <f>Bühler!L5340</f>
        <v>5.4652221245586352</v>
      </c>
      <c r="M5314" s="58">
        <f>Bühler!M5340</f>
        <v>0</v>
      </c>
      <c r="N5314" s="56">
        <f>IF(Input!$D$19=1,J5314*Input!$C$19,0)+IF(Input!$D$20=1,K5314*Input!$C$20,0)+IF(Input!$D$21=1,L5314*Input!$C$21,0)+IF(Input!$D$22=1,M5314*Input!$C$22,0)</f>
        <v>0.22771758852327648</v>
      </c>
      <c r="O5314" s="59">
        <f>IF(Input!$D$19=2,J5314*Input!$C$19,0)+IF(Input!$D$20=2,K5314*Input!$C$20,0)+IF(Input!$D$21=2,L5314*Input!$C$21,0)+IF(Input!$D$22=2,M5314*Input!$C$22,0)</f>
        <v>0.56929397130819115</v>
      </c>
      <c r="P5314" s="59">
        <f>IF(Input!$D$19=3,J5314*Input!$C$19,0)+IF(Input!$D$20=3,K5314*Input!$C$20,0)+IF(Input!$D$21=3,L5314*Input!$C$21,0)+IF(Input!$D$22=3,M5314*Input!$C$22,0)</f>
        <v>0</v>
      </c>
      <c r="Q5314" s="75">
        <f>IF(Input!$D$19=4,J5314*Input!$C$19,0)+IF(Input!$D$20=4,K5314*Input!$C$20,0)+IF(Input!$D$21=4,L5314*Input!$C$21,0)+IF(Input!$D$22=4,M5314*Input!$C$22,0)</f>
        <v>0</v>
      </c>
      <c r="R5314" s="58">
        <v>58.340695367993568</v>
      </c>
      <c r="S5314" s="124">
        <f t="shared" si="82"/>
        <v>0.98677621693419815</v>
      </c>
    </row>
    <row r="5315" spans="8:19" x14ac:dyDescent="0.3">
      <c r="H5315" s="44">
        <v>5308</v>
      </c>
      <c r="I5315" s="56">
        <f>Bühler!I5341</f>
        <v>0.22771758852327648</v>
      </c>
      <c r="J5315" s="59">
        <f>Bühler!J5341</f>
        <v>0.75905862841092164</v>
      </c>
      <c r="K5315" s="59">
        <f>Bühler!K5341</f>
        <v>1.1385879426163823</v>
      </c>
      <c r="L5315" s="59">
        <f>Bühler!L5341</f>
        <v>5.4652221245586352</v>
      </c>
      <c r="M5315" s="58">
        <f>Bühler!M5341</f>
        <v>0</v>
      </c>
      <c r="N5315" s="56">
        <f>IF(Input!$D$19=1,J5315*Input!$C$19,0)+IF(Input!$D$20=1,K5315*Input!$C$20,0)+IF(Input!$D$21=1,L5315*Input!$C$21,0)+IF(Input!$D$22=1,M5315*Input!$C$22,0)</f>
        <v>0.22771758852327648</v>
      </c>
      <c r="O5315" s="59">
        <f>IF(Input!$D$19=2,J5315*Input!$C$19,0)+IF(Input!$D$20=2,K5315*Input!$C$20,0)+IF(Input!$D$21=2,L5315*Input!$C$21,0)+IF(Input!$D$22=2,M5315*Input!$C$22,0)</f>
        <v>0.56929397130819115</v>
      </c>
      <c r="P5315" s="59">
        <f>IF(Input!$D$19=3,J5315*Input!$C$19,0)+IF(Input!$D$20=3,K5315*Input!$C$20,0)+IF(Input!$D$21=3,L5315*Input!$C$21,0)+IF(Input!$D$22=3,M5315*Input!$C$22,0)</f>
        <v>0</v>
      </c>
      <c r="Q5315" s="75">
        <f>IF(Input!$D$19=4,J5315*Input!$C$19,0)+IF(Input!$D$20=4,K5315*Input!$C$20,0)+IF(Input!$D$21=4,L5315*Input!$C$21,0)+IF(Input!$D$22=4,M5315*Input!$C$22,0)</f>
        <v>0</v>
      </c>
      <c r="R5315" s="58">
        <v>59.262271933349062</v>
      </c>
      <c r="S5315" s="124">
        <f t="shared" si="82"/>
        <v>0.98677621693419815</v>
      </c>
    </row>
    <row r="5316" spans="8:19" x14ac:dyDescent="0.3">
      <c r="H5316" s="44">
        <v>5309</v>
      </c>
      <c r="I5316" s="56">
        <f>Bühler!I5342</f>
        <v>0.22771758852327648</v>
      </c>
      <c r="J5316" s="59">
        <f>Bühler!J5342</f>
        <v>0.75905862841092164</v>
      </c>
      <c r="K5316" s="59">
        <f>Bühler!K5342</f>
        <v>1.1385879426163823</v>
      </c>
      <c r="L5316" s="59">
        <f>Bühler!L5342</f>
        <v>5.4652221245586352</v>
      </c>
      <c r="M5316" s="58">
        <f>Bühler!M5342</f>
        <v>0</v>
      </c>
      <c r="N5316" s="56">
        <f>IF(Input!$D$19=1,J5316*Input!$C$19,0)+IF(Input!$D$20=1,K5316*Input!$C$20,0)+IF(Input!$D$21=1,L5316*Input!$C$21,0)+IF(Input!$D$22=1,M5316*Input!$C$22,0)</f>
        <v>0.22771758852327648</v>
      </c>
      <c r="O5316" s="59">
        <f>IF(Input!$D$19=2,J5316*Input!$C$19,0)+IF(Input!$D$20=2,K5316*Input!$C$20,0)+IF(Input!$D$21=2,L5316*Input!$C$21,0)+IF(Input!$D$22=2,M5316*Input!$C$22,0)</f>
        <v>0.56929397130819115</v>
      </c>
      <c r="P5316" s="59">
        <f>IF(Input!$D$19=3,J5316*Input!$C$19,0)+IF(Input!$D$20=3,K5316*Input!$C$20,0)+IF(Input!$D$21=3,L5316*Input!$C$21,0)+IF(Input!$D$22=3,M5316*Input!$C$22,0)</f>
        <v>0</v>
      </c>
      <c r="Q5316" s="75">
        <f>IF(Input!$D$19=4,J5316*Input!$C$19,0)+IF(Input!$D$20=4,K5316*Input!$C$20,0)+IF(Input!$D$21=4,L5316*Input!$C$21,0)+IF(Input!$D$22=4,M5316*Input!$C$22,0)</f>
        <v>0</v>
      </c>
      <c r="R5316" s="58">
        <v>60.09953645834397</v>
      </c>
      <c r="S5316" s="124">
        <f t="shared" si="82"/>
        <v>0.98677621693419815</v>
      </c>
    </row>
    <row r="5317" spans="8:19" x14ac:dyDescent="0.3">
      <c r="H5317" s="44">
        <v>5310</v>
      </c>
      <c r="I5317" s="56">
        <f>Bühler!I5343</f>
        <v>0.29350266965222299</v>
      </c>
      <c r="J5317" s="59">
        <f>Bühler!J5343</f>
        <v>0.97834223217407679</v>
      </c>
      <c r="K5317" s="59">
        <f>Bühler!K5343</f>
        <v>1.4675133482611151</v>
      </c>
      <c r="L5317" s="59">
        <f>Bühler!L5343</f>
        <v>7.0440640716533522</v>
      </c>
      <c r="M5317" s="58">
        <f>Bühler!M5343</f>
        <v>0</v>
      </c>
      <c r="N5317" s="56">
        <f>IF(Input!$D$19=1,J5317*Input!$C$19,0)+IF(Input!$D$20=1,K5317*Input!$C$20,0)+IF(Input!$D$21=1,L5317*Input!$C$21,0)+IF(Input!$D$22=1,M5317*Input!$C$22,0)</f>
        <v>0.29350266965222305</v>
      </c>
      <c r="O5317" s="59">
        <f>IF(Input!$D$19=2,J5317*Input!$C$19,0)+IF(Input!$D$20=2,K5317*Input!$C$20,0)+IF(Input!$D$21=2,L5317*Input!$C$21,0)+IF(Input!$D$22=2,M5317*Input!$C$22,0)</f>
        <v>0.73375667413055756</v>
      </c>
      <c r="P5317" s="59">
        <f>IF(Input!$D$19=3,J5317*Input!$C$19,0)+IF(Input!$D$20=3,K5317*Input!$C$20,0)+IF(Input!$D$21=3,L5317*Input!$C$21,0)+IF(Input!$D$22=3,M5317*Input!$C$22,0)</f>
        <v>0</v>
      </c>
      <c r="Q5317" s="75">
        <f>IF(Input!$D$19=4,J5317*Input!$C$19,0)+IF(Input!$D$20=4,K5317*Input!$C$20,0)+IF(Input!$D$21=4,L5317*Input!$C$21,0)+IF(Input!$D$22=4,M5317*Input!$C$22,0)</f>
        <v>0</v>
      </c>
      <c r="R5317" s="58">
        <v>62.678891212886846</v>
      </c>
      <c r="S5317" s="124">
        <f t="shared" si="82"/>
        <v>1.2718449018262998</v>
      </c>
    </row>
    <row r="5318" spans="8:19" x14ac:dyDescent="0.3">
      <c r="H5318" s="44">
        <v>5311</v>
      </c>
      <c r="I5318" s="56">
        <f>Bühler!I5344</f>
        <v>0.3542273599250968</v>
      </c>
      <c r="J5318" s="59">
        <f>Bühler!J5344</f>
        <v>1.1807578664169893</v>
      </c>
      <c r="K5318" s="59">
        <f>Bühler!K5344</f>
        <v>1.7711367996254841</v>
      </c>
      <c r="L5318" s="59">
        <f>Bühler!L5344</f>
        <v>8.501456638202324</v>
      </c>
      <c r="M5318" s="58">
        <f>Bühler!M5344</f>
        <v>0</v>
      </c>
      <c r="N5318" s="56">
        <f>IF(Input!$D$19=1,J5318*Input!$C$19,0)+IF(Input!$D$20=1,K5318*Input!$C$20,0)+IF(Input!$D$21=1,L5318*Input!$C$21,0)+IF(Input!$D$22=1,M5318*Input!$C$22,0)</f>
        <v>0.3542273599250968</v>
      </c>
      <c r="O5318" s="59">
        <f>IF(Input!$D$19=2,J5318*Input!$C$19,0)+IF(Input!$D$20=2,K5318*Input!$C$20,0)+IF(Input!$D$21=2,L5318*Input!$C$21,0)+IF(Input!$D$22=2,M5318*Input!$C$22,0)</f>
        <v>0.88556839981274205</v>
      </c>
      <c r="P5318" s="59">
        <f>IF(Input!$D$19=3,J5318*Input!$C$19,0)+IF(Input!$D$20=3,K5318*Input!$C$20,0)+IF(Input!$D$21=3,L5318*Input!$C$21,0)+IF(Input!$D$22=3,M5318*Input!$C$22,0)</f>
        <v>0</v>
      </c>
      <c r="Q5318" s="75">
        <f>IF(Input!$D$19=4,J5318*Input!$C$19,0)+IF(Input!$D$20=4,K5318*Input!$C$20,0)+IF(Input!$D$21=4,L5318*Input!$C$21,0)+IF(Input!$D$22=4,M5318*Input!$C$22,0)</f>
        <v>0</v>
      </c>
      <c r="R5318" s="58">
        <v>65.495435490492483</v>
      </c>
      <c r="S5318" s="124">
        <f t="shared" si="82"/>
        <v>1.5349852263420862</v>
      </c>
    </row>
    <row r="5319" spans="8:19" x14ac:dyDescent="0.3">
      <c r="H5319" s="44">
        <v>5312</v>
      </c>
      <c r="I5319" s="56">
        <f>Bühler!I5345</f>
        <v>0.3542273599250968</v>
      </c>
      <c r="J5319" s="59">
        <f>Bühler!J5345</f>
        <v>1.1807578664169893</v>
      </c>
      <c r="K5319" s="59">
        <f>Bühler!K5345</f>
        <v>1.7711367996254841</v>
      </c>
      <c r="L5319" s="59">
        <f>Bühler!L5345</f>
        <v>8.501456638202324</v>
      </c>
      <c r="M5319" s="58">
        <f>Bühler!M5345</f>
        <v>0</v>
      </c>
      <c r="N5319" s="56">
        <f>IF(Input!$D$19=1,J5319*Input!$C$19,0)+IF(Input!$D$20=1,K5319*Input!$C$20,0)+IF(Input!$D$21=1,L5319*Input!$C$21,0)+IF(Input!$D$22=1,M5319*Input!$C$22,0)</f>
        <v>0.3542273599250968</v>
      </c>
      <c r="O5319" s="59">
        <f>IF(Input!$D$19=2,J5319*Input!$C$19,0)+IF(Input!$D$20=2,K5319*Input!$C$20,0)+IF(Input!$D$21=2,L5319*Input!$C$21,0)+IF(Input!$D$22=2,M5319*Input!$C$22,0)</f>
        <v>0.88556839981274205</v>
      </c>
      <c r="P5319" s="59">
        <f>IF(Input!$D$19=3,J5319*Input!$C$19,0)+IF(Input!$D$20=3,K5319*Input!$C$20,0)+IF(Input!$D$21=3,L5319*Input!$C$21,0)+IF(Input!$D$22=3,M5319*Input!$C$22,0)</f>
        <v>0</v>
      </c>
      <c r="Q5319" s="75">
        <f>IF(Input!$D$19=4,J5319*Input!$C$19,0)+IF(Input!$D$20=4,K5319*Input!$C$20,0)+IF(Input!$D$21=4,L5319*Input!$C$21,0)+IF(Input!$D$22=4,M5319*Input!$C$22,0)</f>
        <v>0</v>
      </c>
      <c r="R5319" s="58">
        <v>67.266350760776845</v>
      </c>
      <c r="S5319" s="124">
        <f t="shared" si="82"/>
        <v>1.5349852263420862</v>
      </c>
    </row>
    <row r="5320" spans="8:19" x14ac:dyDescent="0.3">
      <c r="H5320" s="44">
        <v>5313</v>
      </c>
      <c r="I5320" s="56">
        <f>Bühler!I5346</f>
        <v>0.3542273599250968</v>
      </c>
      <c r="J5320" s="59">
        <f>Bühler!J5346</f>
        <v>1.1807578664169893</v>
      </c>
      <c r="K5320" s="59">
        <f>Bühler!K5346</f>
        <v>1.7711367996254841</v>
      </c>
      <c r="L5320" s="59">
        <f>Bühler!L5346</f>
        <v>8.501456638202324</v>
      </c>
      <c r="M5320" s="58">
        <f>Bühler!M5346</f>
        <v>0</v>
      </c>
      <c r="N5320" s="56">
        <f>IF(Input!$D$19=1,J5320*Input!$C$19,0)+IF(Input!$D$20=1,K5320*Input!$C$20,0)+IF(Input!$D$21=1,L5320*Input!$C$21,0)+IF(Input!$D$22=1,M5320*Input!$C$22,0)</f>
        <v>0.3542273599250968</v>
      </c>
      <c r="O5320" s="59">
        <f>IF(Input!$D$19=2,J5320*Input!$C$19,0)+IF(Input!$D$20=2,K5320*Input!$C$20,0)+IF(Input!$D$21=2,L5320*Input!$C$21,0)+IF(Input!$D$22=2,M5320*Input!$C$22,0)</f>
        <v>0.88556839981274205</v>
      </c>
      <c r="P5320" s="59">
        <f>IF(Input!$D$19=3,J5320*Input!$C$19,0)+IF(Input!$D$20=3,K5320*Input!$C$20,0)+IF(Input!$D$21=3,L5320*Input!$C$21,0)+IF(Input!$D$22=3,M5320*Input!$C$22,0)</f>
        <v>0</v>
      </c>
      <c r="Q5320" s="75">
        <f>IF(Input!$D$19=4,J5320*Input!$C$19,0)+IF(Input!$D$20=4,K5320*Input!$C$20,0)+IF(Input!$D$21=4,L5320*Input!$C$21,0)+IF(Input!$D$22=4,M5320*Input!$C$22,0)</f>
        <v>0</v>
      </c>
      <c r="R5320" s="58">
        <v>68.387911641338945</v>
      </c>
      <c r="S5320" s="124">
        <f t="shared" si="82"/>
        <v>1.5349852263420862</v>
      </c>
    </row>
    <row r="5321" spans="8:19" x14ac:dyDescent="0.3">
      <c r="H5321" s="44">
        <v>5314</v>
      </c>
      <c r="I5321" s="56">
        <f>Bühler!I5347</f>
        <v>0.37952931420546082</v>
      </c>
      <c r="J5321" s="59">
        <f>Bühler!J5347</f>
        <v>1.2650977140182027</v>
      </c>
      <c r="K5321" s="59">
        <f>Bühler!K5347</f>
        <v>1.8976465710273041</v>
      </c>
      <c r="L5321" s="59">
        <f>Bühler!L5347</f>
        <v>9.1087035409310584</v>
      </c>
      <c r="M5321" s="58">
        <f>Bühler!M5347</f>
        <v>0</v>
      </c>
      <c r="N5321" s="56">
        <f>IF(Input!$D$19=1,J5321*Input!$C$19,0)+IF(Input!$D$20=1,K5321*Input!$C$20,0)+IF(Input!$D$21=1,L5321*Input!$C$21,0)+IF(Input!$D$22=1,M5321*Input!$C$22,0)</f>
        <v>0.37952931420546082</v>
      </c>
      <c r="O5321" s="59">
        <f>IF(Input!$D$19=2,J5321*Input!$C$19,0)+IF(Input!$D$20=2,K5321*Input!$C$20,0)+IF(Input!$D$21=2,L5321*Input!$C$21,0)+IF(Input!$D$22=2,M5321*Input!$C$22,0)</f>
        <v>0.94882328551365203</v>
      </c>
      <c r="P5321" s="59">
        <f>IF(Input!$D$19=3,J5321*Input!$C$19,0)+IF(Input!$D$20=3,K5321*Input!$C$20,0)+IF(Input!$D$21=3,L5321*Input!$C$21,0)+IF(Input!$D$22=3,M5321*Input!$C$22,0)</f>
        <v>0</v>
      </c>
      <c r="Q5321" s="75">
        <f>IF(Input!$D$19=4,J5321*Input!$C$19,0)+IF(Input!$D$20=4,K5321*Input!$C$20,0)+IF(Input!$D$21=4,L5321*Input!$C$21,0)+IF(Input!$D$22=4,M5321*Input!$C$22,0)</f>
        <v>0</v>
      </c>
      <c r="R5321" s="58">
        <v>69.297799632914987</v>
      </c>
      <c r="S5321" s="124">
        <f t="shared" ref="S5321:S5384" si="83">I5321+J5321</f>
        <v>1.6446270282236635</v>
      </c>
    </row>
    <row r="5322" spans="8:19" x14ac:dyDescent="0.3">
      <c r="H5322" s="44">
        <v>5315</v>
      </c>
      <c r="I5322" s="56">
        <f>Bühler!I5348</f>
        <v>0.3947104867736792</v>
      </c>
      <c r="J5322" s="59">
        <f>Bühler!J5348</f>
        <v>1.3157016225789309</v>
      </c>
      <c r="K5322" s="59">
        <f>Bühler!K5348</f>
        <v>1.9735524338683961</v>
      </c>
      <c r="L5322" s="59">
        <f>Bühler!L5348</f>
        <v>9.4730516825683004</v>
      </c>
      <c r="M5322" s="58">
        <f>Bühler!M5348</f>
        <v>0</v>
      </c>
      <c r="N5322" s="56">
        <f>IF(Input!$D$19=1,J5322*Input!$C$19,0)+IF(Input!$D$20=1,K5322*Input!$C$20,0)+IF(Input!$D$21=1,L5322*Input!$C$21,0)+IF(Input!$D$22=1,M5322*Input!$C$22,0)</f>
        <v>0.39471048677367926</v>
      </c>
      <c r="O5322" s="59">
        <f>IF(Input!$D$19=2,J5322*Input!$C$19,0)+IF(Input!$D$20=2,K5322*Input!$C$20,0)+IF(Input!$D$21=2,L5322*Input!$C$21,0)+IF(Input!$D$22=2,M5322*Input!$C$22,0)</f>
        <v>0.98677621693419804</v>
      </c>
      <c r="P5322" s="59">
        <f>IF(Input!$D$19=3,J5322*Input!$C$19,0)+IF(Input!$D$20=3,K5322*Input!$C$20,0)+IF(Input!$D$21=3,L5322*Input!$C$21,0)+IF(Input!$D$22=3,M5322*Input!$C$22,0)</f>
        <v>0</v>
      </c>
      <c r="Q5322" s="75">
        <f>IF(Input!$D$19=4,J5322*Input!$C$19,0)+IF(Input!$D$20=4,K5322*Input!$C$20,0)+IF(Input!$D$21=4,L5322*Input!$C$21,0)+IF(Input!$D$22=4,M5322*Input!$C$22,0)</f>
        <v>0</v>
      </c>
      <c r="R5322" s="58">
        <v>69.668422595442024</v>
      </c>
      <c r="S5322" s="124">
        <f t="shared" si="83"/>
        <v>1.7104121093526101</v>
      </c>
    </row>
    <row r="5323" spans="8:19" x14ac:dyDescent="0.3">
      <c r="H5323" s="44">
        <v>5316</v>
      </c>
      <c r="I5323" s="56">
        <f>Bühler!I5349</f>
        <v>0.45543517704655295</v>
      </c>
      <c r="J5323" s="59">
        <f>Bühler!J5349</f>
        <v>1.5181172568218433</v>
      </c>
      <c r="K5323" s="59">
        <f>Bühler!K5349</f>
        <v>2.2771758852327646</v>
      </c>
      <c r="L5323" s="59">
        <f>Bühler!L5349</f>
        <v>10.93044424911727</v>
      </c>
      <c r="M5323" s="58">
        <f>Bühler!M5349</f>
        <v>0</v>
      </c>
      <c r="N5323" s="56">
        <f>IF(Input!$D$19=1,J5323*Input!$C$19,0)+IF(Input!$D$20=1,K5323*Input!$C$20,0)+IF(Input!$D$21=1,L5323*Input!$C$21,0)+IF(Input!$D$22=1,M5323*Input!$C$22,0)</f>
        <v>0.45543517704655295</v>
      </c>
      <c r="O5323" s="59">
        <f>IF(Input!$D$19=2,J5323*Input!$C$19,0)+IF(Input!$D$20=2,K5323*Input!$C$20,0)+IF(Input!$D$21=2,L5323*Input!$C$21,0)+IF(Input!$D$22=2,M5323*Input!$C$22,0)</f>
        <v>1.1385879426163823</v>
      </c>
      <c r="P5323" s="59">
        <f>IF(Input!$D$19=3,J5323*Input!$C$19,0)+IF(Input!$D$20=3,K5323*Input!$C$20,0)+IF(Input!$D$21=3,L5323*Input!$C$21,0)+IF(Input!$D$22=3,M5323*Input!$C$22,0)</f>
        <v>0</v>
      </c>
      <c r="Q5323" s="75">
        <f>IF(Input!$D$19=4,J5323*Input!$C$19,0)+IF(Input!$D$20=4,K5323*Input!$C$20,0)+IF(Input!$D$21=4,L5323*Input!$C$21,0)+IF(Input!$D$22=4,M5323*Input!$C$22,0)</f>
        <v>0</v>
      </c>
      <c r="R5323" s="58">
        <v>69.992617753189393</v>
      </c>
      <c r="S5323" s="124">
        <f t="shared" si="83"/>
        <v>1.9735524338683963</v>
      </c>
    </row>
    <row r="5324" spans="8:19" x14ac:dyDescent="0.3">
      <c r="H5324" s="44">
        <v>5317</v>
      </c>
      <c r="I5324" s="56">
        <f>Bühler!I5350</f>
        <v>0.45543517704655295</v>
      </c>
      <c r="J5324" s="59">
        <f>Bühler!J5350</f>
        <v>1.5181172568218433</v>
      </c>
      <c r="K5324" s="59">
        <f>Bühler!K5350</f>
        <v>2.2771758852327646</v>
      </c>
      <c r="L5324" s="59">
        <f>Bühler!L5350</f>
        <v>10.93044424911727</v>
      </c>
      <c r="M5324" s="58">
        <f>Bühler!M5350</f>
        <v>0</v>
      </c>
      <c r="N5324" s="56">
        <f>IF(Input!$D$19=1,J5324*Input!$C$19,0)+IF(Input!$D$20=1,K5324*Input!$C$20,0)+IF(Input!$D$21=1,L5324*Input!$C$21,0)+IF(Input!$D$22=1,M5324*Input!$C$22,0)</f>
        <v>0.45543517704655295</v>
      </c>
      <c r="O5324" s="59">
        <f>IF(Input!$D$19=2,J5324*Input!$C$19,0)+IF(Input!$D$20=2,K5324*Input!$C$20,0)+IF(Input!$D$21=2,L5324*Input!$C$21,0)+IF(Input!$D$22=2,M5324*Input!$C$22,0)</f>
        <v>1.1385879426163823</v>
      </c>
      <c r="P5324" s="59">
        <f>IF(Input!$D$19=3,J5324*Input!$C$19,0)+IF(Input!$D$20=3,K5324*Input!$C$20,0)+IF(Input!$D$21=3,L5324*Input!$C$21,0)+IF(Input!$D$22=3,M5324*Input!$C$22,0)</f>
        <v>0</v>
      </c>
      <c r="Q5324" s="75">
        <f>IF(Input!$D$19=4,J5324*Input!$C$19,0)+IF(Input!$D$20=4,K5324*Input!$C$20,0)+IF(Input!$D$21=4,L5324*Input!$C$21,0)+IF(Input!$D$22=4,M5324*Input!$C$22,0)</f>
        <v>0</v>
      </c>
      <c r="R5324" s="58">
        <v>69.528529076065297</v>
      </c>
      <c r="S5324" s="124">
        <f t="shared" si="83"/>
        <v>1.9735524338683963</v>
      </c>
    </row>
    <row r="5325" spans="8:19" x14ac:dyDescent="0.3">
      <c r="H5325" s="44">
        <v>5318</v>
      </c>
      <c r="I5325" s="56">
        <f>Bühler!I5351</f>
        <v>0.45543517704655295</v>
      </c>
      <c r="J5325" s="59">
        <f>Bühler!J5351</f>
        <v>1.5181172568218433</v>
      </c>
      <c r="K5325" s="59">
        <f>Bühler!K5351</f>
        <v>2.2771758852327646</v>
      </c>
      <c r="L5325" s="59">
        <f>Bühler!L5351</f>
        <v>10.93044424911727</v>
      </c>
      <c r="M5325" s="58">
        <f>Bühler!M5351</f>
        <v>0</v>
      </c>
      <c r="N5325" s="56">
        <f>IF(Input!$D$19=1,J5325*Input!$C$19,0)+IF(Input!$D$20=1,K5325*Input!$C$20,0)+IF(Input!$D$21=1,L5325*Input!$C$21,0)+IF(Input!$D$22=1,M5325*Input!$C$22,0)</f>
        <v>0.45543517704655295</v>
      </c>
      <c r="O5325" s="59">
        <f>IF(Input!$D$19=2,J5325*Input!$C$19,0)+IF(Input!$D$20=2,K5325*Input!$C$20,0)+IF(Input!$D$21=2,L5325*Input!$C$21,0)+IF(Input!$D$22=2,M5325*Input!$C$22,0)</f>
        <v>1.1385879426163823</v>
      </c>
      <c r="P5325" s="59">
        <f>IF(Input!$D$19=3,J5325*Input!$C$19,0)+IF(Input!$D$20=3,K5325*Input!$C$20,0)+IF(Input!$D$21=3,L5325*Input!$C$21,0)+IF(Input!$D$22=3,M5325*Input!$C$22,0)</f>
        <v>0</v>
      </c>
      <c r="Q5325" s="75">
        <f>IF(Input!$D$19=4,J5325*Input!$C$19,0)+IF(Input!$D$20=4,K5325*Input!$C$20,0)+IF(Input!$D$21=4,L5325*Input!$C$21,0)+IF(Input!$D$22=4,M5325*Input!$C$22,0)</f>
        <v>0</v>
      </c>
      <c r="R5325" s="58">
        <v>68.670458294269764</v>
      </c>
      <c r="S5325" s="124">
        <f t="shared" si="83"/>
        <v>1.9735524338683963</v>
      </c>
    </row>
    <row r="5326" spans="8:19" x14ac:dyDescent="0.3">
      <c r="H5326" s="44">
        <v>5319</v>
      </c>
      <c r="I5326" s="56">
        <f>Bühler!I5352</f>
        <v>0.45543517704655295</v>
      </c>
      <c r="J5326" s="59">
        <f>Bühler!J5352</f>
        <v>1.5181172568218433</v>
      </c>
      <c r="K5326" s="59">
        <f>Bühler!K5352</f>
        <v>2.2771758852327646</v>
      </c>
      <c r="L5326" s="59">
        <f>Bühler!L5352</f>
        <v>10.93044424911727</v>
      </c>
      <c r="M5326" s="58">
        <f>Bühler!M5352</f>
        <v>0</v>
      </c>
      <c r="N5326" s="56">
        <f>IF(Input!$D$19=1,J5326*Input!$C$19,0)+IF(Input!$D$20=1,K5326*Input!$C$20,0)+IF(Input!$D$21=1,L5326*Input!$C$21,0)+IF(Input!$D$22=1,M5326*Input!$C$22,0)</f>
        <v>0.45543517704655295</v>
      </c>
      <c r="O5326" s="59">
        <f>IF(Input!$D$19=2,J5326*Input!$C$19,0)+IF(Input!$D$20=2,K5326*Input!$C$20,0)+IF(Input!$D$21=2,L5326*Input!$C$21,0)+IF(Input!$D$22=2,M5326*Input!$C$22,0)</f>
        <v>1.1385879426163823</v>
      </c>
      <c r="P5326" s="59">
        <f>IF(Input!$D$19=3,J5326*Input!$C$19,0)+IF(Input!$D$20=3,K5326*Input!$C$20,0)+IF(Input!$D$21=3,L5326*Input!$C$21,0)+IF(Input!$D$22=3,M5326*Input!$C$22,0)</f>
        <v>0</v>
      </c>
      <c r="Q5326" s="75">
        <f>IF(Input!$D$19=4,J5326*Input!$C$19,0)+IF(Input!$D$20=4,K5326*Input!$C$20,0)+IF(Input!$D$21=4,L5326*Input!$C$21,0)+IF(Input!$D$22=4,M5326*Input!$C$22,0)</f>
        <v>0</v>
      </c>
      <c r="R5326" s="58">
        <v>68.590681951205013</v>
      </c>
      <c r="S5326" s="124">
        <f t="shared" si="83"/>
        <v>1.9735524338683963</v>
      </c>
    </row>
    <row r="5327" spans="8:19" x14ac:dyDescent="0.3">
      <c r="H5327" s="44">
        <v>5320</v>
      </c>
      <c r="I5327" s="56">
        <f>Bühler!I5353</f>
        <v>0.37952931420546082</v>
      </c>
      <c r="J5327" s="59">
        <f>Bühler!J5353</f>
        <v>1.2650977140182027</v>
      </c>
      <c r="K5327" s="59">
        <f>Bühler!K5353</f>
        <v>1.8976465710273041</v>
      </c>
      <c r="L5327" s="59">
        <f>Bühler!L5353</f>
        <v>9.1087035409310584</v>
      </c>
      <c r="M5327" s="58">
        <f>Bühler!M5353</f>
        <v>0</v>
      </c>
      <c r="N5327" s="56">
        <f>IF(Input!$D$19=1,J5327*Input!$C$19,0)+IF(Input!$D$20=1,K5327*Input!$C$20,0)+IF(Input!$D$21=1,L5327*Input!$C$21,0)+IF(Input!$D$22=1,M5327*Input!$C$22,0)</f>
        <v>0.37952931420546082</v>
      </c>
      <c r="O5327" s="59">
        <f>IF(Input!$D$19=2,J5327*Input!$C$19,0)+IF(Input!$D$20=2,K5327*Input!$C$20,0)+IF(Input!$D$21=2,L5327*Input!$C$21,0)+IF(Input!$D$22=2,M5327*Input!$C$22,0)</f>
        <v>0.94882328551365203</v>
      </c>
      <c r="P5327" s="59">
        <f>IF(Input!$D$19=3,J5327*Input!$C$19,0)+IF(Input!$D$20=3,K5327*Input!$C$20,0)+IF(Input!$D$21=3,L5327*Input!$C$21,0)+IF(Input!$D$22=3,M5327*Input!$C$22,0)</f>
        <v>0</v>
      </c>
      <c r="Q5327" s="75">
        <f>IF(Input!$D$19=4,J5327*Input!$C$19,0)+IF(Input!$D$20=4,K5327*Input!$C$20,0)+IF(Input!$D$21=4,L5327*Input!$C$21,0)+IF(Input!$D$22=4,M5327*Input!$C$22,0)</f>
        <v>0</v>
      </c>
      <c r="R5327" s="58">
        <v>67.371928411759924</v>
      </c>
      <c r="S5327" s="124">
        <f t="shared" si="83"/>
        <v>1.6446270282236635</v>
      </c>
    </row>
    <row r="5328" spans="8:19" x14ac:dyDescent="0.3">
      <c r="H5328" s="44">
        <v>5321</v>
      </c>
      <c r="I5328" s="56">
        <f>Bühler!I5354</f>
        <v>0.35928775078116965</v>
      </c>
      <c r="J5328" s="59">
        <f>Bühler!J5354</f>
        <v>1.1976258359372323</v>
      </c>
      <c r="K5328" s="59">
        <f>Bühler!K5354</f>
        <v>1.7964387539058482</v>
      </c>
      <c r="L5328" s="59">
        <f>Bühler!L5354</f>
        <v>8.6229060187480719</v>
      </c>
      <c r="M5328" s="58">
        <f>Bühler!M5354</f>
        <v>0</v>
      </c>
      <c r="N5328" s="56">
        <f>IF(Input!$D$19=1,J5328*Input!$C$19,0)+IF(Input!$D$20=1,K5328*Input!$C$20,0)+IF(Input!$D$21=1,L5328*Input!$C$21,0)+IF(Input!$D$22=1,M5328*Input!$C$22,0)</f>
        <v>0.35928775078116965</v>
      </c>
      <c r="O5328" s="59">
        <f>IF(Input!$D$19=2,J5328*Input!$C$19,0)+IF(Input!$D$20=2,K5328*Input!$C$20,0)+IF(Input!$D$21=2,L5328*Input!$C$21,0)+IF(Input!$D$22=2,M5328*Input!$C$22,0)</f>
        <v>0.89821937695292409</v>
      </c>
      <c r="P5328" s="59">
        <f>IF(Input!$D$19=3,J5328*Input!$C$19,0)+IF(Input!$D$20=3,K5328*Input!$C$20,0)+IF(Input!$D$21=3,L5328*Input!$C$21,0)+IF(Input!$D$22=3,M5328*Input!$C$22,0)</f>
        <v>0</v>
      </c>
      <c r="Q5328" s="75">
        <f>IF(Input!$D$19=4,J5328*Input!$C$19,0)+IF(Input!$D$20=4,K5328*Input!$C$20,0)+IF(Input!$D$21=4,L5328*Input!$C$21,0)+IF(Input!$D$22=4,M5328*Input!$C$22,0)</f>
        <v>0</v>
      </c>
      <c r="R5328" s="58">
        <v>65.95117704965098</v>
      </c>
      <c r="S5328" s="124">
        <f t="shared" si="83"/>
        <v>1.5569135867184019</v>
      </c>
    </row>
    <row r="5329" spans="8:19" x14ac:dyDescent="0.3">
      <c r="H5329" s="44">
        <v>5322</v>
      </c>
      <c r="I5329" s="56">
        <f>Bühler!I5355</f>
        <v>0.35928775078116965</v>
      </c>
      <c r="J5329" s="59">
        <f>Bühler!J5355</f>
        <v>1.1976258359372323</v>
      </c>
      <c r="K5329" s="59">
        <f>Bühler!K5355</f>
        <v>1.7964387539058482</v>
      </c>
      <c r="L5329" s="59">
        <f>Bühler!L5355</f>
        <v>8.6229060187480719</v>
      </c>
      <c r="M5329" s="58">
        <f>Bühler!M5355</f>
        <v>0</v>
      </c>
      <c r="N5329" s="56">
        <f>IF(Input!$D$19=1,J5329*Input!$C$19,0)+IF(Input!$D$20=1,K5329*Input!$C$20,0)+IF(Input!$D$21=1,L5329*Input!$C$21,0)+IF(Input!$D$22=1,M5329*Input!$C$22,0)</f>
        <v>0.35928775078116965</v>
      </c>
      <c r="O5329" s="59">
        <f>IF(Input!$D$19=2,J5329*Input!$C$19,0)+IF(Input!$D$20=2,K5329*Input!$C$20,0)+IF(Input!$D$21=2,L5329*Input!$C$21,0)+IF(Input!$D$22=2,M5329*Input!$C$22,0)</f>
        <v>0.89821937695292409</v>
      </c>
      <c r="P5329" s="59">
        <f>IF(Input!$D$19=3,J5329*Input!$C$19,0)+IF(Input!$D$20=3,K5329*Input!$C$20,0)+IF(Input!$D$21=3,L5329*Input!$C$21,0)+IF(Input!$D$22=3,M5329*Input!$C$22,0)</f>
        <v>0</v>
      </c>
      <c r="Q5329" s="75">
        <f>IF(Input!$D$19=4,J5329*Input!$C$19,0)+IF(Input!$D$20=4,K5329*Input!$C$20,0)+IF(Input!$D$21=4,L5329*Input!$C$21,0)+IF(Input!$D$22=4,M5329*Input!$C$22,0)</f>
        <v>0</v>
      </c>
      <c r="R5329" s="58">
        <v>63.977775103813912</v>
      </c>
      <c r="S5329" s="124">
        <f t="shared" si="83"/>
        <v>1.5569135867184019</v>
      </c>
    </row>
    <row r="5330" spans="8:19" x14ac:dyDescent="0.3">
      <c r="H5330" s="44">
        <v>5323</v>
      </c>
      <c r="I5330" s="56">
        <f>Bühler!I5356</f>
        <v>0.35928775078116965</v>
      </c>
      <c r="J5330" s="59">
        <f>Bühler!J5356</f>
        <v>1.1976258359372323</v>
      </c>
      <c r="K5330" s="59">
        <f>Bühler!K5356</f>
        <v>1.7964387539058482</v>
      </c>
      <c r="L5330" s="59">
        <f>Bühler!L5356</f>
        <v>8.6229060187480719</v>
      </c>
      <c r="M5330" s="58">
        <f>Bühler!M5356</f>
        <v>0</v>
      </c>
      <c r="N5330" s="56">
        <f>IF(Input!$D$19=1,J5330*Input!$C$19,0)+IF(Input!$D$20=1,K5330*Input!$C$20,0)+IF(Input!$D$21=1,L5330*Input!$C$21,0)+IF(Input!$D$22=1,M5330*Input!$C$22,0)</f>
        <v>0.35928775078116965</v>
      </c>
      <c r="O5330" s="59">
        <f>IF(Input!$D$19=2,J5330*Input!$C$19,0)+IF(Input!$D$20=2,K5330*Input!$C$20,0)+IF(Input!$D$21=2,L5330*Input!$C$21,0)+IF(Input!$D$22=2,M5330*Input!$C$22,0)</f>
        <v>0.89821937695292409</v>
      </c>
      <c r="P5330" s="59">
        <f>IF(Input!$D$19=3,J5330*Input!$C$19,0)+IF(Input!$D$20=3,K5330*Input!$C$20,0)+IF(Input!$D$21=3,L5330*Input!$C$21,0)+IF(Input!$D$22=3,M5330*Input!$C$22,0)</f>
        <v>0</v>
      </c>
      <c r="Q5330" s="75">
        <f>IF(Input!$D$19=4,J5330*Input!$C$19,0)+IF(Input!$D$20=4,K5330*Input!$C$20,0)+IF(Input!$D$21=4,L5330*Input!$C$21,0)+IF(Input!$D$22=4,M5330*Input!$C$22,0)</f>
        <v>0</v>
      </c>
      <c r="R5330" s="58">
        <v>62.518223838610162</v>
      </c>
      <c r="S5330" s="124">
        <f t="shared" si="83"/>
        <v>1.5569135867184019</v>
      </c>
    </row>
    <row r="5331" spans="8:19" x14ac:dyDescent="0.3">
      <c r="H5331" s="44">
        <v>5324</v>
      </c>
      <c r="I5331" s="56">
        <f>Bühler!I5357</f>
        <v>0.35928775078116965</v>
      </c>
      <c r="J5331" s="59">
        <f>Bühler!J5357</f>
        <v>1.1976258359372323</v>
      </c>
      <c r="K5331" s="59">
        <f>Bühler!K5357</f>
        <v>1.7964387539058482</v>
      </c>
      <c r="L5331" s="59">
        <f>Bühler!L5357</f>
        <v>8.6229060187480719</v>
      </c>
      <c r="M5331" s="58">
        <f>Bühler!M5357</f>
        <v>0</v>
      </c>
      <c r="N5331" s="56">
        <f>IF(Input!$D$19=1,J5331*Input!$C$19,0)+IF(Input!$D$20=1,K5331*Input!$C$20,0)+IF(Input!$D$21=1,L5331*Input!$C$21,0)+IF(Input!$D$22=1,M5331*Input!$C$22,0)</f>
        <v>0.35928775078116965</v>
      </c>
      <c r="O5331" s="59">
        <f>IF(Input!$D$19=2,J5331*Input!$C$19,0)+IF(Input!$D$20=2,K5331*Input!$C$20,0)+IF(Input!$D$21=2,L5331*Input!$C$21,0)+IF(Input!$D$22=2,M5331*Input!$C$22,0)</f>
        <v>0.89821937695292409</v>
      </c>
      <c r="P5331" s="59">
        <f>IF(Input!$D$19=3,J5331*Input!$C$19,0)+IF(Input!$D$20=3,K5331*Input!$C$20,0)+IF(Input!$D$21=3,L5331*Input!$C$21,0)+IF(Input!$D$22=3,M5331*Input!$C$22,0)</f>
        <v>0</v>
      </c>
      <c r="Q5331" s="75">
        <f>IF(Input!$D$19=4,J5331*Input!$C$19,0)+IF(Input!$D$20=4,K5331*Input!$C$20,0)+IF(Input!$D$21=4,L5331*Input!$C$21,0)+IF(Input!$D$22=4,M5331*Input!$C$22,0)</f>
        <v>0</v>
      </c>
      <c r="R5331" s="58">
        <v>61.074610758450682</v>
      </c>
      <c r="S5331" s="124">
        <f t="shared" si="83"/>
        <v>1.5569135867184019</v>
      </c>
    </row>
    <row r="5332" spans="8:19" x14ac:dyDescent="0.3">
      <c r="H5332" s="44">
        <v>5325</v>
      </c>
      <c r="I5332" s="56">
        <f>Bühler!I5358</f>
        <v>0.27832149708400461</v>
      </c>
      <c r="J5332" s="59">
        <f>Bühler!J5358</f>
        <v>0.92773832361334874</v>
      </c>
      <c r="K5332" s="59">
        <f>Bühler!K5358</f>
        <v>1.3916074854200229</v>
      </c>
      <c r="L5332" s="59">
        <f>Bühler!L5358</f>
        <v>6.6797159300161102</v>
      </c>
      <c r="M5332" s="58">
        <f>Bühler!M5358</f>
        <v>0</v>
      </c>
      <c r="N5332" s="56">
        <f>IF(Input!$D$19=1,J5332*Input!$C$19,0)+IF(Input!$D$20=1,K5332*Input!$C$20,0)+IF(Input!$D$21=1,L5332*Input!$C$21,0)+IF(Input!$D$22=1,M5332*Input!$C$22,0)</f>
        <v>0.27832149708400461</v>
      </c>
      <c r="O5332" s="59">
        <f>IF(Input!$D$19=2,J5332*Input!$C$19,0)+IF(Input!$D$20=2,K5332*Input!$C$20,0)+IF(Input!$D$21=2,L5332*Input!$C$21,0)+IF(Input!$D$22=2,M5332*Input!$C$22,0)</f>
        <v>0.69580374271001144</v>
      </c>
      <c r="P5332" s="59">
        <f>IF(Input!$D$19=3,J5332*Input!$C$19,0)+IF(Input!$D$20=3,K5332*Input!$C$20,0)+IF(Input!$D$21=3,L5332*Input!$C$21,0)+IF(Input!$D$22=3,M5332*Input!$C$22,0)</f>
        <v>0</v>
      </c>
      <c r="Q5332" s="75">
        <f>IF(Input!$D$19=4,J5332*Input!$C$19,0)+IF(Input!$D$20=4,K5332*Input!$C$20,0)+IF(Input!$D$21=4,L5332*Input!$C$21,0)+IF(Input!$D$22=4,M5332*Input!$C$22,0)</f>
        <v>0</v>
      </c>
      <c r="R5332" s="58">
        <v>58.608156229464505</v>
      </c>
      <c r="S5332" s="124">
        <f t="shared" si="83"/>
        <v>1.2060598206973534</v>
      </c>
    </row>
    <row r="5333" spans="8:19" x14ac:dyDescent="0.3">
      <c r="H5333" s="44">
        <v>5326</v>
      </c>
      <c r="I5333" s="56">
        <f>Bühler!I5359</f>
        <v>0.10626820797752902</v>
      </c>
      <c r="J5333" s="59">
        <f>Bühler!J5359</f>
        <v>0.35422735992509674</v>
      </c>
      <c r="K5333" s="59">
        <f>Bühler!K5359</f>
        <v>0.53134103988764503</v>
      </c>
      <c r="L5333" s="59">
        <f>Bühler!L5359</f>
        <v>2.5504369914606966</v>
      </c>
      <c r="M5333" s="58">
        <f>Bühler!M5359</f>
        <v>0</v>
      </c>
      <c r="N5333" s="56">
        <f>IF(Input!$D$19=1,J5333*Input!$C$19,0)+IF(Input!$D$20=1,K5333*Input!$C$20,0)+IF(Input!$D$21=1,L5333*Input!$C$21,0)+IF(Input!$D$22=1,M5333*Input!$C$22,0)</f>
        <v>0.10626820797752902</v>
      </c>
      <c r="O5333" s="59">
        <f>IF(Input!$D$19=2,J5333*Input!$C$19,0)+IF(Input!$D$20=2,K5333*Input!$C$20,0)+IF(Input!$D$21=2,L5333*Input!$C$21,0)+IF(Input!$D$22=2,M5333*Input!$C$22,0)</f>
        <v>0.26567051994382251</v>
      </c>
      <c r="P5333" s="59">
        <f>IF(Input!$D$19=3,J5333*Input!$C$19,0)+IF(Input!$D$20=3,K5333*Input!$C$20,0)+IF(Input!$D$21=3,L5333*Input!$C$21,0)+IF(Input!$D$22=3,M5333*Input!$C$22,0)</f>
        <v>0</v>
      </c>
      <c r="Q5333" s="75">
        <f>IF(Input!$D$19=4,J5333*Input!$C$19,0)+IF(Input!$D$20=4,K5333*Input!$C$20,0)+IF(Input!$D$21=4,L5333*Input!$C$21,0)+IF(Input!$D$22=4,M5333*Input!$C$22,0)</f>
        <v>0</v>
      </c>
      <c r="R5333" s="58">
        <v>56.342882963863204</v>
      </c>
      <c r="S5333" s="124">
        <f t="shared" si="83"/>
        <v>0.46049556790262575</v>
      </c>
    </row>
    <row r="5334" spans="8:19" x14ac:dyDescent="0.3">
      <c r="H5334" s="44">
        <v>5327</v>
      </c>
      <c r="I5334" s="56">
        <f>Bühler!I5360</f>
        <v>0.10626820797752902</v>
      </c>
      <c r="J5334" s="59">
        <f>Bühler!J5360</f>
        <v>0.35422735992509674</v>
      </c>
      <c r="K5334" s="59">
        <f>Bühler!K5360</f>
        <v>0.53134103988764503</v>
      </c>
      <c r="L5334" s="59">
        <f>Bühler!L5360</f>
        <v>2.5504369914606966</v>
      </c>
      <c r="M5334" s="58">
        <f>Bühler!M5360</f>
        <v>0</v>
      </c>
      <c r="N5334" s="56">
        <f>IF(Input!$D$19=1,J5334*Input!$C$19,0)+IF(Input!$D$20=1,K5334*Input!$C$20,0)+IF(Input!$D$21=1,L5334*Input!$C$21,0)+IF(Input!$D$22=1,M5334*Input!$C$22,0)</f>
        <v>0.10626820797752902</v>
      </c>
      <c r="O5334" s="59">
        <f>IF(Input!$D$19=2,J5334*Input!$C$19,0)+IF(Input!$D$20=2,K5334*Input!$C$20,0)+IF(Input!$D$21=2,L5334*Input!$C$21,0)+IF(Input!$D$22=2,M5334*Input!$C$22,0)</f>
        <v>0.26567051994382251</v>
      </c>
      <c r="P5334" s="59">
        <f>IF(Input!$D$19=3,J5334*Input!$C$19,0)+IF(Input!$D$20=3,K5334*Input!$C$20,0)+IF(Input!$D$21=3,L5334*Input!$C$21,0)+IF(Input!$D$22=3,M5334*Input!$C$22,0)</f>
        <v>0</v>
      </c>
      <c r="Q5334" s="75">
        <f>IF(Input!$D$19=4,J5334*Input!$C$19,0)+IF(Input!$D$20=4,K5334*Input!$C$20,0)+IF(Input!$D$21=4,L5334*Input!$C$21,0)+IF(Input!$D$22=4,M5334*Input!$C$22,0)</f>
        <v>0</v>
      </c>
      <c r="R5334" s="58">
        <v>55.886034326689192</v>
      </c>
      <c r="S5334" s="124">
        <f t="shared" si="83"/>
        <v>0.46049556790262575</v>
      </c>
    </row>
    <row r="5335" spans="8:19" x14ac:dyDescent="0.3">
      <c r="H5335" s="44">
        <v>5328</v>
      </c>
      <c r="I5335" s="56">
        <f>Bühler!I5361</f>
        <v>0.10626820797752902</v>
      </c>
      <c r="J5335" s="59">
        <f>Bühler!J5361</f>
        <v>0.35422735992509674</v>
      </c>
      <c r="K5335" s="59">
        <f>Bühler!K5361</f>
        <v>0.53134103988764503</v>
      </c>
      <c r="L5335" s="59">
        <f>Bühler!L5361</f>
        <v>2.5504369914606966</v>
      </c>
      <c r="M5335" s="58">
        <f>Bühler!M5361</f>
        <v>0</v>
      </c>
      <c r="N5335" s="56">
        <f>IF(Input!$D$19=1,J5335*Input!$C$19,0)+IF(Input!$D$20=1,K5335*Input!$C$20,0)+IF(Input!$D$21=1,L5335*Input!$C$21,0)+IF(Input!$D$22=1,M5335*Input!$C$22,0)</f>
        <v>0.10626820797752902</v>
      </c>
      <c r="O5335" s="59">
        <f>IF(Input!$D$19=2,J5335*Input!$C$19,0)+IF(Input!$D$20=2,K5335*Input!$C$20,0)+IF(Input!$D$21=2,L5335*Input!$C$21,0)+IF(Input!$D$22=2,M5335*Input!$C$22,0)</f>
        <v>0.26567051994382251</v>
      </c>
      <c r="P5335" s="59">
        <f>IF(Input!$D$19=3,J5335*Input!$C$19,0)+IF(Input!$D$20=3,K5335*Input!$C$20,0)+IF(Input!$D$21=3,L5335*Input!$C$21,0)+IF(Input!$D$22=3,M5335*Input!$C$22,0)</f>
        <v>0</v>
      </c>
      <c r="Q5335" s="75">
        <f>IF(Input!$D$19=4,J5335*Input!$C$19,0)+IF(Input!$D$20=4,K5335*Input!$C$20,0)+IF(Input!$D$21=4,L5335*Input!$C$21,0)+IF(Input!$D$22=4,M5335*Input!$C$22,0)</f>
        <v>0</v>
      </c>
      <c r="R5335" s="58">
        <v>54.847281504802645</v>
      </c>
      <c r="S5335" s="124">
        <f t="shared" si="83"/>
        <v>0.46049556790262575</v>
      </c>
    </row>
    <row r="5336" spans="8:19" x14ac:dyDescent="0.3">
      <c r="H5336" s="44">
        <v>5329</v>
      </c>
      <c r="I5336" s="56">
        <f>Bühler!I5362</f>
        <v>4.7357799327505515E-2</v>
      </c>
      <c r="J5336" s="59">
        <f>Bühler!J5362</f>
        <v>0.15785933109168507</v>
      </c>
      <c r="K5336" s="59">
        <f>Bühler!K5362</f>
        <v>0.23678899663752759</v>
      </c>
      <c r="L5336" s="59">
        <f>Bühler!L5362</f>
        <v>3.5154501728777663</v>
      </c>
      <c r="M5336" s="58">
        <f>Bühler!M5362</f>
        <v>0</v>
      </c>
      <c r="N5336" s="56">
        <f>IF(Input!$D$19=1,J5336*Input!$C$19,0)+IF(Input!$D$20=1,K5336*Input!$C$20,0)+IF(Input!$D$21=1,L5336*Input!$C$21,0)+IF(Input!$D$22=1,M5336*Input!$C$22,0)</f>
        <v>4.7357799327505522E-2</v>
      </c>
      <c r="O5336" s="59">
        <f>IF(Input!$D$19=2,J5336*Input!$C$19,0)+IF(Input!$D$20=2,K5336*Input!$C$20,0)+IF(Input!$D$21=2,L5336*Input!$C$21,0)+IF(Input!$D$22=2,M5336*Input!$C$22,0)</f>
        <v>0.11839449831876379</v>
      </c>
      <c r="P5336" s="59">
        <f>IF(Input!$D$19=3,J5336*Input!$C$19,0)+IF(Input!$D$20=3,K5336*Input!$C$20,0)+IF(Input!$D$21=3,L5336*Input!$C$21,0)+IF(Input!$D$22=3,M5336*Input!$C$22,0)</f>
        <v>0</v>
      </c>
      <c r="Q5336" s="75">
        <f>IF(Input!$D$19=4,J5336*Input!$C$19,0)+IF(Input!$D$20=4,K5336*Input!$C$20,0)+IF(Input!$D$21=4,L5336*Input!$C$21,0)+IF(Input!$D$22=4,M5336*Input!$C$22,0)</f>
        <v>0</v>
      </c>
      <c r="R5336" s="58">
        <v>53.048745300975753</v>
      </c>
      <c r="S5336" s="124">
        <f t="shared" si="83"/>
        <v>0.2052171304191906</v>
      </c>
    </row>
    <row r="5337" spans="8:19" x14ac:dyDescent="0.3">
      <c r="H5337" s="44">
        <v>5330</v>
      </c>
      <c r="I5337" s="56">
        <f>Bühler!I5363</f>
        <v>9.2460465353701254E-2</v>
      </c>
      <c r="J5337" s="59">
        <f>Bühler!J5363</f>
        <v>0.30820155117900422</v>
      </c>
      <c r="K5337" s="59">
        <f>Bühler!K5363</f>
        <v>0.46230232676850636</v>
      </c>
      <c r="L5337" s="59">
        <f>Bühler!L5363</f>
        <v>6.8634979565708774</v>
      </c>
      <c r="M5337" s="58">
        <f>Bühler!M5363</f>
        <v>0</v>
      </c>
      <c r="N5337" s="56">
        <f>IF(Input!$D$19=1,J5337*Input!$C$19,0)+IF(Input!$D$20=1,K5337*Input!$C$20,0)+IF(Input!$D$21=1,L5337*Input!$C$21,0)+IF(Input!$D$22=1,M5337*Input!$C$22,0)</f>
        <v>9.2460465353701268E-2</v>
      </c>
      <c r="O5337" s="59">
        <f>IF(Input!$D$19=2,J5337*Input!$C$19,0)+IF(Input!$D$20=2,K5337*Input!$C$20,0)+IF(Input!$D$21=2,L5337*Input!$C$21,0)+IF(Input!$D$22=2,M5337*Input!$C$22,0)</f>
        <v>0.23115116338425318</v>
      </c>
      <c r="P5337" s="59">
        <f>IF(Input!$D$19=3,J5337*Input!$C$19,0)+IF(Input!$D$20=3,K5337*Input!$C$20,0)+IF(Input!$D$21=3,L5337*Input!$C$21,0)+IF(Input!$D$22=3,M5337*Input!$C$22,0)</f>
        <v>0</v>
      </c>
      <c r="Q5337" s="75">
        <f>IF(Input!$D$19=4,J5337*Input!$C$19,0)+IF(Input!$D$20=4,K5337*Input!$C$20,0)+IF(Input!$D$21=4,L5337*Input!$C$21,0)+IF(Input!$D$22=4,M5337*Input!$C$22,0)</f>
        <v>0</v>
      </c>
      <c r="R5337" s="58">
        <v>51.808946589746938</v>
      </c>
      <c r="S5337" s="124">
        <f t="shared" si="83"/>
        <v>0.4006620165327055</v>
      </c>
    </row>
    <row r="5338" spans="8:19" x14ac:dyDescent="0.3">
      <c r="H5338" s="44">
        <v>5331</v>
      </c>
      <c r="I5338" s="56">
        <f>Bühler!I5364</f>
        <v>9.2460465353701254E-2</v>
      </c>
      <c r="J5338" s="59">
        <f>Bühler!J5364</f>
        <v>0.30820155117900422</v>
      </c>
      <c r="K5338" s="59">
        <f>Bühler!K5364</f>
        <v>0.46230232676850636</v>
      </c>
      <c r="L5338" s="59">
        <f>Bühler!L5364</f>
        <v>6.8634979565708774</v>
      </c>
      <c r="M5338" s="58">
        <f>Bühler!M5364</f>
        <v>0</v>
      </c>
      <c r="N5338" s="56">
        <f>IF(Input!$D$19=1,J5338*Input!$C$19,0)+IF(Input!$D$20=1,K5338*Input!$C$20,0)+IF(Input!$D$21=1,L5338*Input!$C$21,0)+IF(Input!$D$22=1,M5338*Input!$C$22,0)</f>
        <v>9.2460465353701268E-2</v>
      </c>
      <c r="O5338" s="59">
        <f>IF(Input!$D$19=2,J5338*Input!$C$19,0)+IF(Input!$D$20=2,K5338*Input!$C$20,0)+IF(Input!$D$21=2,L5338*Input!$C$21,0)+IF(Input!$D$22=2,M5338*Input!$C$22,0)</f>
        <v>0.23115116338425318</v>
      </c>
      <c r="P5338" s="59">
        <f>IF(Input!$D$19=3,J5338*Input!$C$19,0)+IF(Input!$D$20=3,K5338*Input!$C$20,0)+IF(Input!$D$21=3,L5338*Input!$C$21,0)+IF(Input!$D$22=3,M5338*Input!$C$22,0)</f>
        <v>0</v>
      </c>
      <c r="Q5338" s="75">
        <f>IF(Input!$D$19=4,J5338*Input!$C$19,0)+IF(Input!$D$20=4,K5338*Input!$C$20,0)+IF(Input!$D$21=4,L5338*Input!$C$21,0)+IF(Input!$D$22=4,M5338*Input!$C$22,0)</f>
        <v>0</v>
      </c>
      <c r="R5338" s="58">
        <v>50.777482704867609</v>
      </c>
      <c r="S5338" s="124">
        <f t="shared" si="83"/>
        <v>0.4006620165327055</v>
      </c>
    </row>
    <row r="5339" spans="8:19" x14ac:dyDescent="0.3">
      <c r="H5339" s="44">
        <v>5332</v>
      </c>
      <c r="I5339" s="56">
        <f>Bühler!I5365</f>
        <v>9.2460465353701254E-2</v>
      </c>
      <c r="J5339" s="59">
        <f>Bühler!J5365</f>
        <v>0.30820155117900422</v>
      </c>
      <c r="K5339" s="59">
        <f>Bühler!K5365</f>
        <v>0.46230232676850636</v>
      </c>
      <c r="L5339" s="59">
        <f>Bühler!L5365</f>
        <v>6.8634979565708774</v>
      </c>
      <c r="M5339" s="58">
        <f>Bühler!M5365</f>
        <v>0</v>
      </c>
      <c r="N5339" s="56">
        <f>IF(Input!$D$19=1,J5339*Input!$C$19,0)+IF(Input!$D$20=1,K5339*Input!$C$20,0)+IF(Input!$D$21=1,L5339*Input!$C$21,0)+IF(Input!$D$22=1,M5339*Input!$C$22,0)</f>
        <v>9.2460465353701268E-2</v>
      </c>
      <c r="O5339" s="59">
        <f>IF(Input!$D$19=2,J5339*Input!$C$19,0)+IF(Input!$D$20=2,K5339*Input!$C$20,0)+IF(Input!$D$21=2,L5339*Input!$C$21,0)+IF(Input!$D$22=2,M5339*Input!$C$22,0)</f>
        <v>0.23115116338425318</v>
      </c>
      <c r="P5339" s="59">
        <f>IF(Input!$D$19=3,J5339*Input!$C$19,0)+IF(Input!$D$20=3,K5339*Input!$C$20,0)+IF(Input!$D$21=3,L5339*Input!$C$21,0)+IF(Input!$D$22=3,M5339*Input!$C$22,0)</f>
        <v>0</v>
      </c>
      <c r="Q5339" s="75">
        <f>IF(Input!$D$19=4,J5339*Input!$C$19,0)+IF(Input!$D$20=4,K5339*Input!$C$20,0)+IF(Input!$D$21=4,L5339*Input!$C$21,0)+IF(Input!$D$22=4,M5339*Input!$C$22,0)</f>
        <v>0</v>
      </c>
      <c r="R5339" s="58">
        <v>50.081638001372085</v>
      </c>
      <c r="S5339" s="124">
        <f t="shared" si="83"/>
        <v>0.4006620165327055</v>
      </c>
    </row>
    <row r="5340" spans="8:19" x14ac:dyDescent="0.3">
      <c r="H5340" s="44">
        <v>5333</v>
      </c>
      <c r="I5340" s="56">
        <f>Bühler!I5366</f>
        <v>9.2460465353701254E-2</v>
      </c>
      <c r="J5340" s="59">
        <f>Bühler!J5366</f>
        <v>0.30820155117900422</v>
      </c>
      <c r="K5340" s="59">
        <f>Bühler!K5366</f>
        <v>0.46230232676850636</v>
      </c>
      <c r="L5340" s="59">
        <f>Bühler!L5366</f>
        <v>6.8634979565708774</v>
      </c>
      <c r="M5340" s="58">
        <f>Bühler!M5366</f>
        <v>0</v>
      </c>
      <c r="N5340" s="56">
        <f>IF(Input!$D$19=1,J5340*Input!$C$19,0)+IF(Input!$D$20=1,K5340*Input!$C$20,0)+IF(Input!$D$21=1,L5340*Input!$C$21,0)+IF(Input!$D$22=1,M5340*Input!$C$22,0)</f>
        <v>9.2460465353701268E-2</v>
      </c>
      <c r="O5340" s="59">
        <f>IF(Input!$D$19=2,J5340*Input!$C$19,0)+IF(Input!$D$20=2,K5340*Input!$C$20,0)+IF(Input!$D$21=2,L5340*Input!$C$21,0)+IF(Input!$D$22=2,M5340*Input!$C$22,0)</f>
        <v>0.23115116338425318</v>
      </c>
      <c r="P5340" s="59">
        <f>IF(Input!$D$19=3,J5340*Input!$C$19,0)+IF(Input!$D$20=3,K5340*Input!$C$20,0)+IF(Input!$D$21=3,L5340*Input!$C$21,0)+IF(Input!$D$22=3,M5340*Input!$C$22,0)</f>
        <v>0</v>
      </c>
      <c r="Q5340" s="75">
        <f>IF(Input!$D$19=4,J5340*Input!$C$19,0)+IF(Input!$D$20=4,K5340*Input!$C$20,0)+IF(Input!$D$21=4,L5340*Input!$C$21,0)+IF(Input!$D$22=4,M5340*Input!$C$22,0)</f>
        <v>0</v>
      </c>
      <c r="R5340" s="58">
        <v>48.710852076497417</v>
      </c>
      <c r="S5340" s="124">
        <f t="shared" si="83"/>
        <v>0.4006620165327055</v>
      </c>
    </row>
    <row r="5341" spans="8:19" x14ac:dyDescent="0.3">
      <c r="H5341" s="44">
        <v>5334</v>
      </c>
      <c r="I5341" s="56">
        <f>Bühler!I5367</f>
        <v>0.1150117983667991</v>
      </c>
      <c r="J5341" s="59">
        <f>Bühler!J5367</f>
        <v>0.38337266122266372</v>
      </c>
      <c r="K5341" s="59">
        <f>Bühler!K5367</f>
        <v>0.57505899183399556</v>
      </c>
      <c r="L5341" s="59">
        <f>Bühler!L5367</f>
        <v>8.5375218484174322</v>
      </c>
      <c r="M5341" s="58">
        <f>Bühler!M5367</f>
        <v>0</v>
      </c>
      <c r="N5341" s="56">
        <f>IF(Input!$D$19=1,J5341*Input!$C$19,0)+IF(Input!$D$20=1,K5341*Input!$C$20,0)+IF(Input!$D$21=1,L5341*Input!$C$21,0)+IF(Input!$D$22=1,M5341*Input!$C$22,0)</f>
        <v>0.11501179836679912</v>
      </c>
      <c r="O5341" s="59">
        <f>IF(Input!$D$19=2,J5341*Input!$C$19,0)+IF(Input!$D$20=2,K5341*Input!$C$20,0)+IF(Input!$D$21=2,L5341*Input!$C$21,0)+IF(Input!$D$22=2,M5341*Input!$C$22,0)</f>
        <v>0.28752949591699778</v>
      </c>
      <c r="P5341" s="59">
        <f>IF(Input!$D$19=3,J5341*Input!$C$19,0)+IF(Input!$D$20=3,K5341*Input!$C$20,0)+IF(Input!$D$21=3,L5341*Input!$C$21,0)+IF(Input!$D$22=3,M5341*Input!$C$22,0)</f>
        <v>0</v>
      </c>
      <c r="Q5341" s="75">
        <f>IF(Input!$D$19=4,J5341*Input!$C$19,0)+IF(Input!$D$20=4,K5341*Input!$C$20,0)+IF(Input!$D$21=4,L5341*Input!$C$21,0)+IF(Input!$D$22=4,M5341*Input!$C$22,0)</f>
        <v>0</v>
      </c>
      <c r="R5341" s="58">
        <v>47.84925564624325</v>
      </c>
      <c r="S5341" s="124">
        <f t="shared" si="83"/>
        <v>0.49838445958946281</v>
      </c>
    </row>
    <row r="5342" spans="8:19" x14ac:dyDescent="0.3">
      <c r="H5342" s="44">
        <v>5335</v>
      </c>
      <c r="I5342" s="56">
        <f>Bühler!I5368</f>
        <v>0.14432853128382636</v>
      </c>
      <c r="J5342" s="59">
        <f>Bühler!J5368</f>
        <v>0.48109510427942126</v>
      </c>
      <c r="K5342" s="59">
        <f>Bühler!K5368</f>
        <v>0.72164265641913183</v>
      </c>
      <c r="L5342" s="59">
        <f>Bühler!L5368</f>
        <v>10.713752907817954</v>
      </c>
      <c r="M5342" s="58">
        <f>Bühler!M5368</f>
        <v>0</v>
      </c>
      <c r="N5342" s="56">
        <f>IF(Input!$D$19=1,J5342*Input!$C$19,0)+IF(Input!$D$20=1,K5342*Input!$C$20,0)+IF(Input!$D$21=1,L5342*Input!$C$21,0)+IF(Input!$D$22=1,M5342*Input!$C$22,0)</f>
        <v>0.14432853128382636</v>
      </c>
      <c r="O5342" s="59">
        <f>IF(Input!$D$19=2,J5342*Input!$C$19,0)+IF(Input!$D$20=2,K5342*Input!$C$20,0)+IF(Input!$D$21=2,L5342*Input!$C$21,0)+IF(Input!$D$22=2,M5342*Input!$C$22,0)</f>
        <v>0.36082132820956592</v>
      </c>
      <c r="P5342" s="59">
        <f>IF(Input!$D$19=3,J5342*Input!$C$19,0)+IF(Input!$D$20=3,K5342*Input!$C$20,0)+IF(Input!$D$21=3,L5342*Input!$C$21,0)+IF(Input!$D$22=3,M5342*Input!$C$22,0)</f>
        <v>0</v>
      </c>
      <c r="Q5342" s="75">
        <f>IF(Input!$D$19=4,J5342*Input!$C$19,0)+IF(Input!$D$20=4,K5342*Input!$C$20,0)+IF(Input!$D$21=4,L5342*Input!$C$21,0)+IF(Input!$D$22=4,M5342*Input!$C$22,0)</f>
        <v>0</v>
      </c>
      <c r="R5342" s="58">
        <v>47.457941383053516</v>
      </c>
      <c r="S5342" s="124">
        <f t="shared" si="83"/>
        <v>0.62542363556324765</v>
      </c>
    </row>
    <row r="5343" spans="8:19" x14ac:dyDescent="0.3">
      <c r="H5343" s="44">
        <v>5336</v>
      </c>
      <c r="I5343" s="56">
        <f>Bühler!I5369</f>
        <v>0.16462473099561442</v>
      </c>
      <c r="J5343" s="59">
        <f>Bühler!J5369</f>
        <v>0.54874910331871485</v>
      </c>
      <c r="K5343" s="59">
        <f>Bühler!K5369</f>
        <v>0.82312365497807227</v>
      </c>
      <c r="L5343" s="59">
        <f>Bühler!L5369</f>
        <v>12.220374410479854</v>
      </c>
      <c r="M5343" s="58">
        <f>Bühler!M5369</f>
        <v>0</v>
      </c>
      <c r="N5343" s="56">
        <f>IF(Input!$D$19=1,J5343*Input!$C$19,0)+IF(Input!$D$20=1,K5343*Input!$C$20,0)+IF(Input!$D$21=1,L5343*Input!$C$21,0)+IF(Input!$D$22=1,M5343*Input!$C$22,0)</f>
        <v>0.16462473099561445</v>
      </c>
      <c r="O5343" s="59">
        <f>IF(Input!$D$19=2,J5343*Input!$C$19,0)+IF(Input!$D$20=2,K5343*Input!$C$20,0)+IF(Input!$D$21=2,L5343*Input!$C$21,0)+IF(Input!$D$22=2,M5343*Input!$C$22,0)</f>
        <v>0.41156182748903614</v>
      </c>
      <c r="P5343" s="59">
        <f>IF(Input!$D$19=3,J5343*Input!$C$19,0)+IF(Input!$D$20=3,K5343*Input!$C$20,0)+IF(Input!$D$21=3,L5343*Input!$C$21,0)+IF(Input!$D$22=3,M5343*Input!$C$22,0)</f>
        <v>0</v>
      </c>
      <c r="Q5343" s="75">
        <f>IF(Input!$D$19=4,J5343*Input!$C$19,0)+IF(Input!$D$20=4,K5343*Input!$C$20,0)+IF(Input!$D$21=4,L5343*Input!$C$21,0)+IF(Input!$D$22=4,M5343*Input!$C$22,0)</f>
        <v>0</v>
      </c>
      <c r="R5343" s="58">
        <v>47.482606231571815</v>
      </c>
      <c r="S5343" s="124">
        <f t="shared" si="83"/>
        <v>0.71337383431432921</v>
      </c>
    </row>
    <row r="5344" spans="8:19" x14ac:dyDescent="0.3">
      <c r="H5344" s="44">
        <v>5337</v>
      </c>
      <c r="I5344" s="56">
        <f>Bühler!I5370</f>
        <v>0.16462473099561442</v>
      </c>
      <c r="J5344" s="59">
        <f>Bühler!J5370</f>
        <v>0.54874910331871485</v>
      </c>
      <c r="K5344" s="59">
        <f>Bühler!K5370</f>
        <v>0.82312365497807227</v>
      </c>
      <c r="L5344" s="59">
        <f>Bühler!L5370</f>
        <v>12.220374410479854</v>
      </c>
      <c r="M5344" s="58">
        <f>Bühler!M5370</f>
        <v>0</v>
      </c>
      <c r="N5344" s="56">
        <f>IF(Input!$D$19=1,J5344*Input!$C$19,0)+IF(Input!$D$20=1,K5344*Input!$C$20,0)+IF(Input!$D$21=1,L5344*Input!$C$21,0)+IF(Input!$D$22=1,M5344*Input!$C$22,0)</f>
        <v>0.16462473099561445</v>
      </c>
      <c r="O5344" s="59">
        <f>IF(Input!$D$19=2,J5344*Input!$C$19,0)+IF(Input!$D$20=2,K5344*Input!$C$20,0)+IF(Input!$D$21=2,L5344*Input!$C$21,0)+IF(Input!$D$22=2,M5344*Input!$C$22,0)</f>
        <v>0.41156182748903614</v>
      </c>
      <c r="P5344" s="59">
        <f>IF(Input!$D$19=3,J5344*Input!$C$19,0)+IF(Input!$D$20=3,K5344*Input!$C$20,0)+IF(Input!$D$21=3,L5344*Input!$C$21,0)+IF(Input!$D$22=3,M5344*Input!$C$22,0)</f>
        <v>0</v>
      </c>
      <c r="Q5344" s="75">
        <f>IF(Input!$D$19=4,J5344*Input!$C$19,0)+IF(Input!$D$20=4,K5344*Input!$C$20,0)+IF(Input!$D$21=4,L5344*Input!$C$21,0)+IF(Input!$D$22=4,M5344*Input!$C$22,0)</f>
        <v>0</v>
      </c>
      <c r="R5344" s="58">
        <v>47.17816970185951</v>
      </c>
      <c r="S5344" s="124">
        <f t="shared" si="83"/>
        <v>0.71337383431432921</v>
      </c>
    </row>
    <row r="5345" spans="8:19" x14ac:dyDescent="0.3">
      <c r="H5345" s="44">
        <v>5338</v>
      </c>
      <c r="I5345" s="56">
        <f>Bühler!I5371</f>
        <v>0.16462473099561442</v>
      </c>
      <c r="J5345" s="59">
        <f>Bühler!J5371</f>
        <v>0.54874910331871485</v>
      </c>
      <c r="K5345" s="59">
        <f>Bühler!K5371</f>
        <v>0.82312365497807227</v>
      </c>
      <c r="L5345" s="59">
        <f>Bühler!L5371</f>
        <v>12.220374410479854</v>
      </c>
      <c r="M5345" s="58">
        <f>Bühler!M5371</f>
        <v>0</v>
      </c>
      <c r="N5345" s="56">
        <f>IF(Input!$D$19=1,J5345*Input!$C$19,0)+IF(Input!$D$20=1,K5345*Input!$C$20,0)+IF(Input!$D$21=1,L5345*Input!$C$21,0)+IF(Input!$D$22=1,M5345*Input!$C$22,0)</f>
        <v>0.16462473099561445</v>
      </c>
      <c r="O5345" s="59">
        <f>IF(Input!$D$19=2,J5345*Input!$C$19,0)+IF(Input!$D$20=2,K5345*Input!$C$20,0)+IF(Input!$D$21=2,L5345*Input!$C$21,0)+IF(Input!$D$22=2,M5345*Input!$C$22,0)</f>
        <v>0.41156182748903614</v>
      </c>
      <c r="P5345" s="59">
        <f>IF(Input!$D$19=3,J5345*Input!$C$19,0)+IF(Input!$D$20=3,K5345*Input!$C$20,0)+IF(Input!$D$21=3,L5345*Input!$C$21,0)+IF(Input!$D$22=3,M5345*Input!$C$22,0)</f>
        <v>0</v>
      </c>
      <c r="Q5345" s="75">
        <f>IF(Input!$D$19=4,J5345*Input!$C$19,0)+IF(Input!$D$20=4,K5345*Input!$C$20,0)+IF(Input!$D$21=4,L5345*Input!$C$21,0)+IF(Input!$D$22=4,M5345*Input!$C$22,0)</f>
        <v>0</v>
      </c>
      <c r="R5345" s="58">
        <v>46.827488638166493</v>
      </c>
      <c r="S5345" s="124">
        <f t="shared" si="83"/>
        <v>0.71337383431432921</v>
      </c>
    </row>
    <row r="5346" spans="8:19" x14ac:dyDescent="0.3">
      <c r="H5346" s="44">
        <v>5339</v>
      </c>
      <c r="I5346" s="56">
        <f>Bühler!I5372</f>
        <v>0.16462473099561442</v>
      </c>
      <c r="J5346" s="59">
        <f>Bühler!J5372</f>
        <v>0.54874910331871485</v>
      </c>
      <c r="K5346" s="59">
        <f>Bühler!K5372</f>
        <v>0.82312365497807227</v>
      </c>
      <c r="L5346" s="59">
        <f>Bühler!L5372</f>
        <v>12.220374410479854</v>
      </c>
      <c r="M5346" s="58">
        <f>Bühler!M5372</f>
        <v>0</v>
      </c>
      <c r="N5346" s="56">
        <f>IF(Input!$D$19=1,J5346*Input!$C$19,0)+IF(Input!$D$20=1,K5346*Input!$C$20,0)+IF(Input!$D$21=1,L5346*Input!$C$21,0)+IF(Input!$D$22=1,M5346*Input!$C$22,0)</f>
        <v>0.16462473099561445</v>
      </c>
      <c r="O5346" s="59">
        <f>IF(Input!$D$19=2,J5346*Input!$C$19,0)+IF(Input!$D$20=2,K5346*Input!$C$20,0)+IF(Input!$D$21=2,L5346*Input!$C$21,0)+IF(Input!$D$22=2,M5346*Input!$C$22,0)</f>
        <v>0.41156182748903614</v>
      </c>
      <c r="P5346" s="59">
        <f>IF(Input!$D$19=3,J5346*Input!$C$19,0)+IF(Input!$D$20=3,K5346*Input!$C$20,0)+IF(Input!$D$21=3,L5346*Input!$C$21,0)+IF(Input!$D$22=3,M5346*Input!$C$22,0)</f>
        <v>0</v>
      </c>
      <c r="Q5346" s="75">
        <f>IF(Input!$D$19=4,J5346*Input!$C$19,0)+IF(Input!$D$20=4,K5346*Input!$C$20,0)+IF(Input!$D$21=4,L5346*Input!$C$21,0)+IF(Input!$D$22=4,M5346*Input!$C$22,0)</f>
        <v>0</v>
      </c>
      <c r="R5346" s="58">
        <v>46.891407290981405</v>
      </c>
      <c r="S5346" s="124">
        <f t="shared" si="83"/>
        <v>0.71337383431432921</v>
      </c>
    </row>
    <row r="5347" spans="8:19" x14ac:dyDescent="0.3">
      <c r="H5347" s="44">
        <v>5340</v>
      </c>
      <c r="I5347" s="56">
        <f>Bühler!I5373</f>
        <v>0.16462473099561442</v>
      </c>
      <c r="J5347" s="59">
        <f>Bühler!J5373</f>
        <v>0.54874910331871485</v>
      </c>
      <c r="K5347" s="59">
        <f>Bühler!K5373</f>
        <v>0.82312365497807227</v>
      </c>
      <c r="L5347" s="59">
        <f>Bühler!L5373</f>
        <v>12.220374410479854</v>
      </c>
      <c r="M5347" s="58">
        <f>Bühler!M5373</f>
        <v>0</v>
      </c>
      <c r="N5347" s="56">
        <f>IF(Input!$D$19=1,J5347*Input!$C$19,0)+IF(Input!$D$20=1,K5347*Input!$C$20,0)+IF(Input!$D$21=1,L5347*Input!$C$21,0)+IF(Input!$D$22=1,M5347*Input!$C$22,0)</f>
        <v>0.16462473099561445</v>
      </c>
      <c r="O5347" s="59">
        <f>IF(Input!$D$19=2,J5347*Input!$C$19,0)+IF(Input!$D$20=2,K5347*Input!$C$20,0)+IF(Input!$D$21=2,L5347*Input!$C$21,0)+IF(Input!$D$22=2,M5347*Input!$C$22,0)</f>
        <v>0.41156182748903614</v>
      </c>
      <c r="P5347" s="59">
        <f>IF(Input!$D$19=3,J5347*Input!$C$19,0)+IF(Input!$D$20=3,K5347*Input!$C$20,0)+IF(Input!$D$21=3,L5347*Input!$C$21,0)+IF(Input!$D$22=3,M5347*Input!$C$22,0)</f>
        <v>0</v>
      </c>
      <c r="Q5347" s="75">
        <f>IF(Input!$D$19=4,J5347*Input!$C$19,0)+IF(Input!$D$20=4,K5347*Input!$C$20,0)+IF(Input!$D$21=4,L5347*Input!$C$21,0)+IF(Input!$D$22=4,M5347*Input!$C$22,0)</f>
        <v>0</v>
      </c>
      <c r="R5347" s="58">
        <v>46.703209441737201</v>
      </c>
      <c r="S5347" s="124">
        <f t="shared" si="83"/>
        <v>0.71337383431432921</v>
      </c>
    </row>
    <row r="5348" spans="8:19" x14ac:dyDescent="0.3">
      <c r="H5348" s="44">
        <v>5341</v>
      </c>
      <c r="I5348" s="56">
        <f>Bühler!I5374</f>
        <v>0.16462473099561442</v>
      </c>
      <c r="J5348" s="59">
        <f>Bühler!J5374</f>
        <v>0.54874910331871485</v>
      </c>
      <c r="K5348" s="59">
        <f>Bühler!K5374</f>
        <v>0.82312365497807227</v>
      </c>
      <c r="L5348" s="59">
        <f>Bühler!L5374</f>
        <v>12.220374410479854</v>
      </c>
      <c r="M5348" s="58">
        <f>Bühler!M5374</f>
        <v>0</v>
      </c>
      <c r="N5348" s="56">
        <f>IF(Input!$D$19=1,J5348*Input!$C$19,0)+IF(Input!$D$20=1,K5348*Input!$C$20,0)+IF(Input!$D$21=1,L5348*Input!$C$21,0)+IF(Input!$D$22=1,M5348*Input!$C$22,0)</f>
        <v>0.16462473099561445</v>
      </c>
      <c r="O5348" s="59">
        <f>IF(Input!$D$19=2,J5348*Input!$C$19,0)+IF(Input!$D$20=2,K5348*Input!$C$20,0)+IF(Input!$D$21=2,L5348*Input!$C$21,0)+IF(Input!$D$22=2,M5348*Input!$C$22,0)</f>
        <v>0.41156182748903614</v>
      </c>
      <c r="P5348" s="59">
        <f>IF(Input!$D$19=3,J5348*Input!$C$19,0)+IF(Input!$D$20=3,K5348*Input!$C$20,0)+IF(Input!$D$21=3,L5348*Input!$C$21,0)+IF(Input!$D$22=3,M5348*Input!$C$22,0)</f>
        <v>0</v>
      </c>
      <c r="Q5348" s="75">
        <f>IF(Input!$D$19=4,J5348*Input!$C$19,0)+IF(Input!$D$20=4,K5348*Input!$C$20,0)+IF(Input!$D$21=4,L5348*Input!$C$21,0)+IF(Input!$D$22=4,M5348*Input!$C$22,0)</f>
        <v>0</v>
      </c>
      <c r="R5348" s="58">
        <v>45.451776584861136</v>
      </c>
      <c r="S5348" s="124">
        <f t="shared" si="83"/>
        <v>0.71337383431432921</v>
      </c>
    </row>
    <row r="5349" spans="8:19" x14ac:dyDescent="0.3">
      <c r="H5349" s="44">
        <v>5342</v>
      </c>
      <c r="I5349" s="56">
        <f>Bühler!I5375</f>
        <v>0.16462473099561442</v>
      </c>
      <c r="J5349" s="59">
        <f>Bühler!J5375</f>
        <v>0.54874910331871485</v>
      </c>
      <c r="K5349" s="59">
        <f>Bühler!K5375</f>
        <v>0.82312365497807227</v>
      </c>
      <c r="L5349" s="59">
        <f>Bühler!L5375</f>
        <v>12.220374410479854</v>
      </c>
      <c r="M5349" s="58">
        <f>Bühler!M5375</f>
        <v>0</v>
      </c>
      <c r="N5349" s="56">
        <f>IF(Input!$D$19=1,J5349*Input!$C$19,0)+IF(Input!$D$20=1,K5349*Input!$C$20,0)+IF(Input!$D$21=1,L5349*Input!$C$21,0)+IF(Input!$D$22=1,M5349*Input!$C$22,0)</f>
        <v>0.16462473099561445</v>
      </c>
      <c r="O5349" s="59">
        <f>IF(Input!$D$19=2,J5349*Input!$C$19,0)+IF(Input!$D$20=2,K5349*Input!$C$20,0)+IF(Input!$D$21=2,L5349*Input!$C$21,0)+IF(Input!$D$22=2,M5349*Input!$C$22,0)</f>
        <v>0.41156182748903614</v>
      </c>
      <c r="P5349" s="59">
        <f>IF(Input!$D$19=3,J5349*Input!$C$19,0)+IF(Input!$D$20=3,K5349*Input!$C$20,0)+IF(Input!$D$21=3,L5349*Input!$C$21,0)+IF(Input!$D$22=3,M5349*Input!$C$22,0)</f>
        <v>0</v>
      </c>
      <c r="Q5349" s="75">
        <f>IF(Input!$D$19=4,J5349*Input!$C$19,0)+IF(Input!$D$20=4,K5349*Input!$C$20,0)+IF(Input!$D$21=4,L5349*Input!$C$21,0)+IF(Input!$D$22=4,M5349*Input!$C$22,0)</f>
        <v>0</v>
      </c>
      <c r="R5349" s="58">
        <v>44.837729008585647</v>
      </c>
      <c r="S5349" s="124">
        <f t="shared" si="83"/>
        <v>0.71337383431432921</v>
      </c>
    </row>
    <row r="5350" spans="8:19" x14ac:dyDescent="0.3">
      <c r="H5350" s="44">
        <v>5343</v>
      </c>
      <c r="I5350" s="56">
        <f>Bühler!I5376</f>
        <v>0.16462473099561442</v>
      </c>
      <c r="J5350" s="59">
        <f>Bühler!J5376</f>
        <v>0.54874910331871485</v>
      </c>
      <c r="K5350" s="59">
        <f>Bühler!K5376</f>
        <v>0.82312365497807227</v>
      </c>
      <c r="L5350" s="59">
        <f>Bühler!L5376</f>
        <v>12.220374410479854</v>
      </c>
      <c r="M5350" s="58">
        <f>Bühler!M5376</f>
        <v>0</v>
      </c>
      <c r="N5350" s="56">
        <f>IF(Input!$D$19=1,J5350*Input!$C$19,0)+IF(Input!$D$20=1,K5350*Input!$C$20,0)+IF(Input!$D$21=1,L5350*Input!$C$21,0)+IF(Input!$D$22=1,M5350*Input!$C$22,0)</f>
        <v>0.16462473099561445</v>
      </c>
      <c r="O5350" s="59">
        <f>IF(Input!$D$19=2,J5350*Input!$C$19,0)+IF(Input!$D$20=2,K5350*Input!$C$20,0)+IF(Input!$D$21=2,L5350*Input!$C$21,0)+IF(Input!$D$22=2,M5350*Input!$C$22,0)</f>
        <v>0.41156182748903614</v>
      </c>
      <c r="P5350" s="59">
        <f>IF(Input!$D$19=3,J5350*Input!$C$19,0)+IF(Input!$D$20=3,K5350*Input!$C$20,0)+IF(Input!$D$21=3,L5350*Input!$C$21,0)+IF(Input!$D$22=3,M5350*Input!$C$22,0)</f>
        <v>0</v>
      </c>
      <c r="Q5350" s="75">
        <f>IF(Input!$D$19=4,J5350*Input!$C$19,0)+IF(Input!$D$20=4,K5350*Input!$C$20,0)+IF(Input!$D$21=4,L5350*Input!$C$21,0)+IF(Input!$D$22=4,M5350*Input!$C$22,0)</f>
        <v>0</v>
      </c>
      <c r="R5350" s="58">
        <v>44.556439263040339</v>
      </c>
      <c r="S5350" s="124">
        <f t="shared" si="83"/>
        <v>0.71337383431432921</v>
      </c>
    </row>
    <row r="5351" spans="8:19" x14ac:dyDescent="0.3">
      <c r="H5351" s="44">
        <v>5344</v>
      </c>
      <c r="I5351" s="56">
        <f>Bühler!I5377</f>
        <v>0.14883879788644591</v>
      </c>
      <c r="J5351" s="59">
        <f>Bühler!J5377</f>
        <v>0.49612932628815309</v>
      </c>
      <c r="K5351" s="59">
        <f>Bühler!K5377</f>
        <v>0.74419398943222959</v>
      </c>
      <c r="L5351" s="59">
        <f>Bühler!L5377</f>
        <v>11.048557686187266</v>
      </c>
      <c r="M5351" s="58">
        <f>Bühler!M5377</f>
        <v>0</v>
      </c>
      <c r="N5351" s="56">
        <f>IF(Input!$D$19=1,J5351*Input!$C$19,0)+IF(Input!$D$20=1,K5351*Input!$C$20,0)+IF(Input!$D$21=1,L5351*Input!$C$21,0)+IF(Input!$D$22=1,M5351*Input!$C$22,0)</f>
        <v>0.14883879788644591</v>
      </c>
      <c r="O5351" s="59">
        <f>IF(Input!$D$19=2,J5351*Input!$C$19,0)+IF(Input!$D$20=2,K5351*Input!$C$20,0)+IF(Input!$D$21=2,L5351*Input!$C$21,0)+IF(Input!$D$22=2,M5351*Input!$C$22,0)</f>
        <v>0.37209699471611479</v>
      </c>
      <c r="P5351" s="59">
        <f>IF(Input!$D$19=3,J5351*Input!$C$19,0)+IF(Input!$D$20=3,K5351*Input!$C$20,0)+IF(Input!$D$21=3,L5351*Input!$C$21,0)+IF(Input!$D$22=3,M5351*Input!$C$22,0)</f>
        <v>0</v>
      </c>
      <c r="Q5351" s="75">
        <f>IF(Input!$D$19=4,J5351*Input!$C$19,0)+IF(Input!$D$20=4,K5351*Input!$C$20,0)+IF(Input!$D$21=4,L5351*Input!$C$21,0)+IF(Input!$D$22=4,M5351*Input!$C$22,0)</f>
        <v>0</v>
      </c>
      <c r="R5351" s="58">
        <v>44.760212168521846</v>
      </c>
      <c r="S5351" s="124">
        <f t="shared" si="83"/>
        <v>0.64496812417459903</v>
      </c>
    </row>
    <row r="5352" spans="8:19" x14ac:dyDescent="0.3">
      <c r="H5352" s="44">
        <v>5345</v>
      </c>
      <c r="I5352" s="56">
        <f>Bühler!I5378</f>
        <v>0.1353079980785872</v>
      </c>
      <c r="J5352" s="59">
        <f>Bühler!J5378</f>
        <v>0.45102666026195742</v>
      </c>
      <c r="K5352" s="59">
        <f>Bühler!K5378</f>
        <v>0.67653999039293611</v>
      </c>
      <c r="L5352" s="59">
        <f>Bühler!L5378</f>
        <v>10.044143351079333</v>
      </c>
      <c r="M5352" s="58">
        <f>Bühler!M5378</f>
        <v>0</v>
      </c>
      <c r="N5352" s="56">
        <f>IF(Input!$D$19=1,J5352*Input!$C$19,0)+IF(Input!$D$20=1,K5352*Input!$C$20,0)+IF(Input!$D$21=1,L5352*Input!$C$21,0)+IF(Input!$D$22=1,M5352*Input!$C$22,0)</f>
        <v>0.13530799807858723</v>
      </c>
      <c r="O5352" s="59">
        <f>IF(Input!$D$19=2,J5352*Input!$C$19,0)+IF(Input!$D$20=2,K5352*Input!$C$20,0)+IF(Input!$D$21=2,L5352*Input!$C$21,0)+IF(Input!$D$22=2,M5352*Input!$C$22,0)</f>
        <v>0.33826999519646805</v>
      </c>
      <c r="P5352" s="59">
        <f>IF(Input!$D$19=3,J5352*Input!$C$19,0)+IF(Input!$D$20=3,K5352*Input!$C$20,0)+IF(Input!$D$21=3,L5352*Input!$C$21,0)+IF(Input!$D$22=3,M5352*Input!$C$22,0)</f>
        <v>0</v>
      </c>
      <c r="Q5352" s="75">
        <f>IF(Input!$D$19=4,J5352*Input!$C$19,0)+IF(Input!$D$20=4,K5352*Input!$C$20,0)+IF(Input!$D$21=4,L5352*Input!$C$21,0)+IF(Input!$D$22=4,M5352*Input!$C$22,0)</f>
        <v>0</v>
      </c>
      <c r="R5352" s="58">
        <v>43.819933037805612</v>
      </c>
      <c r="S5352" s="124">
        <f t="shared" si="83"/>
        <v>0.58633465834054466</v>
      </c>
    </row>
    <row r="5353" spans="8:19" x14ac:dyDescent="0.3">
      <c r="H5353" s="44">
        <v>5346</v>
      </c>
      <c r="I5353" s="56">
        <f>Bühler!I5379</f>
        <v>0.12177719827072848</v>
      </c>
      <c r="J5353" s="59">
        <f>Bühler!J5379</f>
        <v>0.40592399423576164</v>
      </c>
      <c r="K5353" s="59">
        <f>Bühler!K5379</f>
        <v>0.60888599135364252</v>
      </c>
      <c r="L5353" s="59">
        <f>Bühler!L5379</f>
        <v>9.0397290159714014</v>
      </c>
      <c r="M5353" s="58">
        <f>Bühler!M5379</f>
        <v>0</v>
      </c>
      <c r="N5353" s="56">
        <f>IF(Input!$D$19=1,J5353*Input!$C$19,0)+IF(Input!$D$20=1,K5353*Input!$C$20,0)+IF(Input!$D$21=1,L5353*Input!$C$21,0)+IF(Input!$D$22=1,M5353*Input!$C$22,0)</f>
        <v>0.12177719827072848</v>
      </c>
      <c r="O5353" s="59">
        <f>IF(Input!$D$19=2,J5353*Input!$C$19,0)+IF(Input!$D$20=2,K5353*Input!$C$20,0)+IF(Input!$D$21=2,L5353*Input!$C$21,0)+IF(Input!$D$22=2,M5353*Input!$C$22,0)</f>
        <v>0.30444299567682126</v>
      </c>
      <c r="P5353" s="59">
        <f>IF(Input!$D$19=3,J5353*Input!$C$19,0)+IF(Input!$D$20=3,K5353*Input!$C$20,0)+IF(Input!$D$21=3,L5353*Input!$C$21,0)+IF(Input!$D$22=3,M5353*Input!$C$22,0)</f>
        <v>0</v>
      </c>
      <c r="Q5353" s="75">
        <f>IF(Input!$D$19=4,J5353*Input!$C$19,0)+IF(Input!$D$20=4,K5353*Input!$C$20,0)+IF(Input!$D$21=4,L5353*Input!$C$21,0)+IF(Input!$D$22=4,M5353*Input!$C$22,0)</f>
        <v>0</v>
      </c>
      <c r="R5353" s="58">
        <v>42.867412265031952</v>
      </c>
      <c r="S5353" s="124">
        <f t="shared" si="83"/>
        <v>0.52770119250649017</v>
      </c>
    </row>
    <row r="5354" spans="8:19" x14ac:dyDescent="0.3">
      <c r="H5354" s="44">
        <v>5347</v>
      </c>
      <c r="I5354" s="56">
        <f>Bühler!I5380</f>
        <v>0.11726693166810891</v>
      </c>
      <c r="J5354" s="59">
        <f>Bühler!J5380</f>
        <v>0.39088977222702975</v>
      </c>
      <c r="K5354" s="59">
        <f>Bühler!K5380</f>
        <v>0.58633465834054466</v>
      </c>
      <c r="L5354" s="59">
        <f>Bühler!L5380</f>
        <v>8.7049242376020874</v>
      </c>
      <c r="M5354" s="58">
        <f>Bühler!M5380</f>
        <v>0</v>
      </c>
      <c r="N5354" s="56">
        <f>IF(Input!$D$19=1,J5354*Input!$C$19,0)+IF(Input!$D$20=1,K5354*Input!$C$20,0)+IF(Input!$D$21=1,L5354*Input!$C$21,0)+IF(Input!$D$22=1,M5354*Input!$C$22,0)</f>
        <v>0.11726693166810892</v>
      </c>
      <c r="O5354" s="59">
        <f>IF(Input!$D$19=2,J5354*Input!$C$19,0)+IF(Input!$D$20=2,K5354*Input!$C$20,0)+IF(Input!$D$21=2,L5354*Input!$C$21,0)+IF(Input!$D$22=2,M5354*Input!$C$22,0)</f>
        <v>0.29316732917027233</v>
      </c>
      <c r="P5354" s="59">
        <f>IF(Input!$D$19=3,J5354*Input!$C$19,0)+IF(Input!$D$20=3,K5354*Input!$C$20,0)+IF(Input!$D$21=3,L5354*Input!$C$21,0)+IF(Input!$D$22=3,M5354*Input!$C$22,0)</f>
        <v>0</v>
      </c>
      <c r="Q5354" s="75">
        <f>IF(Input!$D$19=4,J5354*Input!$C$19,0)+IF(Input!$D$20=4,K5354*Input!$C$20,0)+IF(Input!$D$21=4,L5354*Input!$C$21,0)+IF(Input!$D$22=4,M5354*Input!$C$22,0)</f>
        <v>0</v>
      </c>
      <c r="R5354" s="58">
        <v>42.107815233247976</v>
      </c>
      <c r="S5354" s="124">
        <f t="shared" si="83"/>
        <v>0.50815670389513867</v>
      </c>
    </row>
    <row r="5355" spans="8:19" x14ac:dyDescent="0.3">
      <c r="H5355" s="44">
        <v>5348</v>
      </c>
      <c r="I5355" s="56">
        <f>Bühler!I5381</f>
        <v>9.471559865501103E-2</v>
      </c>
      <c r="J5355" s="59">
        <f>Bühler!J5381</f>
        <v>0.31571866218337014</v>
      </c>
      <c r="K5355" s="59">
        <f>Bühler!K5381</f>
        <v>0.47357799327505518</v>
      </c>
      <c r="L5355" s="59">
        <f>Bühler!L5381</f>
        <v>7.0309003457555326</v>
      </c>
      <c r="M5355" s="58">
        <f>Bühler!M5381</f>
        <v>0</v>
      </c>
      <c r="N5355" s="56">
        <f>IF(Input!$D$19=1,J5355*Input!$C$19,0)+IF(Input!$D$20=1,K5355*Input!$C$20,0)+IF(Input!$D$21=1,L5355*Input!$C$21,0)+IF(Input!$D$22=1,M5355*Input!$C$22,0)</f>
        <v>9.4715598655011043E-2</v>
      </c>
      <c r="O5355" s="59">
        <f>IF(Input!$D$19=2,J5355*Input!$C$19,0)+IF(Input!$D$20=2,K5355*Input!$C$20,0)+IF(Input!$D$21=2,L5355*Input!$C$21,0)+IF(Input!$D$22=2,M5355*Input!$C$22,0)</f>
        <v>0.23678899663752759</v>
      </c>
      <c r="P5355" s="59">
        <f>IF(Input!$D$19=3,J5355*Input!$C$19,0)+IF(Input!$D$20=3,K5355*Input!$C$20,0)+IF(Input!$D$21=3,L5355*Input!$C$21,0)+IF(Input!$D$22=3,M5355*Input!$C$22,0)</f>
        <v>0</v>
      </c>
      <c r="Q5355" s="75">
        <f>IF(Input!$D$19=4,J5355*Input!$C$19,0)+IF(Input!$D$20=4,K5355*Input!$C$20,0)+IF(Input!$D$21=4,L5355*Input!$C$21,0)+IF(Input!$D$22=4,M5355*Input!$C$22,0)</f>
        <v>0</v>
      </c>
      <c r="R5355" s="58">
        <v>41.644855268096066</v>
      </c>
      <c r="S5355" s="124">
        <f t="shared" si="83"/>
        <v>0.41043426083838119</v>
      </c>
    </row>
    <row r="5356" spans="8:19" x14ac:dyDescent="0.3">
      <c r="H5356" s="44">
        <v>5349</v>
      </c>
      <c r="I5356" s="56">
        <f>Bühler!I5382</f>
        <v>6.9909132340603378E-2</v>
      </c>
      <c r="J5356" s="59">
        <f>Bühler!J5382</f>
        <v>0.23303044113534463</v>
      </c>
      <c r="K5356" s="59">
        <f>Bühler!K5382</f>
        <v>0.34954566170301693</v>
      </c>
      <c r="L5356" s="59">
        <f>Bühler!L5382</f>
        <v>5.1894740647243216</v>
      </c>
      <c r="M5356" s="58">
        <f>Bühler!M5382</f>
        <v>0</v>
      </c>
      <c r="N5356" s="56">
        <f>IF(Input!$D$19=1,J5356*Input!$C$19,0)+IF(Input!$D$20=1,K5356*Input!$C$20,0)+IF(Input!$D$21=1,L5356*Input!$C$21,0)+IF(Input!$D$22=1,M5356*Input!$C$22,0)</f>
        <v>6.9909132340603392E-2</v>
      </c>
      <c r="O5356" s="59">
        <f>IF(Input!$D$19=2,J5356*Input!$C$19,0)+IF(Input!$D$20=2,K5356*Input!$C$20,0)+IF(Input!$D$21=2,L5356*Input!$C$21,0)+IF(Input!$D$22=2,M5356*Input!$C$22,0)</f>
        <v>0.17477283085150846</v>
      </c>
      <c r="P5356" s="59">
        <f>IF(Input!$D$19=3,J5356*Input!$C$19,0)+IF(Input!$D$20=3,K5356*Input!$C$20,0)+IF(Input!$D$21=3,L5356*Input!$C$21,0)+IF(Input!$D$22=3,M5356*Input!$C$22,0)</f>
        <v>0</v>
      </c>
      <c r="Q5356" s="75">
        <f>IF(Input!$D$19=4,J5356*Input!$C$19,0)+IF(Input!$D$20=4,K5356*Input!$C$20,0)+IF(Input!$D$21=4,L5356*Input!$C$21,0)+IF(Input!$D$22=4,M5356*Input!$C$22,0)</f>
        <v>0</v>
      </c>
      <c r="R5356" s="58">
        <v>40.996946136517295</v>
      </c>
      <c r="S5356" s="124">
        <f t="shared" si="83"/>
        <v>0.30293957347594802</v>
      </c>
    </row>
    <row r="5357" spans="8:19" x14ac:dyDescent="0.3">
      <c r="H5357" s="44">
        <v>5350</v>
      </c>
      <c r="I5357" s="56">
        <f>Bühler!I5383</f>
        <v>6.9909132340603378E-2</v>
      </c>
      <c r="J5357" s="59">
        <f>Bühler!J5383</f>
        <v>0.23303044113534463</v>
      </c>
      <c r="K5357" s="59">
        <f>Bühler!K5383</f>
        <v>0.34954566170301693</v>
      </c>
      <c r="L5357" s="59">
        <f>Bühler!L5383</f>
        <v>5.1894740647243216</v>
      </c>
      <c r="M5357" s="58">
        <f>Bühler!M5383</f>
        <v>0</v>
      </c>
      <c r="N5357" s="56">
        <f>IF(Input!$D$19=1,J5357*Input!$C$19,0)+IF(Input!$D$20=1,K5357*Input!$C$20,0)+IF(Input!$D$21=1,L5357*Input!$C$21,0)+IF(Input!$D$22=1,M5357*Input!$C$22,0)</f>
        <v>6.9909132340603392E-2</v>
      </c>
      <c r="O5357" s="59">
        <f>IF(Input!$D$19=2,J5357*Input!$C$19,0)+IF(Input!$D$20=2,K5357*Input!$C$20,0)+IF(Input!$D$21=2,L5357*Input!$C$21,0)+IF(Input!$D$22=2,M5357*Input!$C$22,0)</f>
        <v>0.17477283085150846</v>
      </c>
      <c r="P5357" s="59">
        <f>IF(Input!$D$19=3,J5357*Input!$C$19,0)+IF(Input!$D$20=3,K5357*Input!$C$20,0)+IF(Input!$D$21=3,L5357*Input!$C$21,0)+IF(Input!$D$22=3,M5357*Input!$C$22,0)</f>
        <v>0</v>
      </c>
      <c r="Q5357" s="75">
        <f>IF(Input!$D$19=4,J5357*Input!$C$19,0)+IF(Input!$D$20=4,K5357*Input!$C$20,0)+IF(Input!$D$21=4,L5357*Input!$C$21,0)+IF(Input!$D$22=4,M5357*Input!$C$22,0)</f>
        <v>0</v>
      </c>
      <c r="R5357" s="58">
        <v>40.168310735860814</v>
      </c>
      <c r="S5357" s="124">
        <f t="shared" si="83"/>
        <v>0.30293957347594802</v>
      </c>
    </row>
    <row r="5358" spans="8:19" x14ac:dyDescent="0.3">
      <c r="H5358" s="44">
        <v>5351</v>
      </c>
      <c r="I5358" s="56">
        <f>Bühler!I5384</f>
        <v>6.9909132340603378E-2</v>
      </c>
      <c r="J5358" s="59">
        <f>Bühler!J5384</f>
        <v>0.23303044113534463</v>
      </c>
      <c r="K5358" s="59">
        <f>Bühler!K5384</f>
        <v>0.34954566170301693</v>
      </c>
      <c r="L5358" s="59">
        <f>Bühler!L5384</f>
        <v>5.1894740647243216</v>
      </c>
      <c r="M5358" s="58">
        <f>Bühler!M5384</f>
        <v>0</v>
      </c>
      <c r="N5358" s="56">
        <f>IF(Input!$D$19=1,J5358*Input!$C$19,0)+IF(Input!$D$20=1,K5358*Input!$C$20,0)+IF(Input!$D$21=1,L5358*Input!$C$21,0)+IF(Input!$D$22=1,M5358*Input!$C$22,0)</f>
        <v>6.9909132340603392E-2</v>
      </c>
      <c r="O5358" s="59">
        <f>IF(Input!$D$19=2,J5358*Input!$C$19,0)+IF(Input!$D$20=2,K5358*Input!$C$20,0)+IF(Input!$D$21=2,L5358*Input!$C$21,0)+IF(Input!$D$22=2,M5358*Input!$C$22,0)</f>
        <v>0.17477283085150846</v>
      </c>
      <c r="P5358" s="59">
        <f>IF(Input!$D$19=3,J5358*Input!$C$19,0)+IF(Input!$D$20=3,K5358*Input!$C$20,0)+IF(Input!$D$21=3,L5358*Input!$C$21,0)+IF(Input!$D$22=3,M5358*Input!$C$22,0)</f>
        <v>0</v>
      </c>
      <c r="Q5358" s="75">
        <f>IF(Input!$D$19=4,J5358*Input!$C$19,0)+IF(Input!$D$20=4,K5358*Input!$C$20,0)+IF(Input!$D$21=4,L5358*Input!$C$21,0)+IF(Input!$D$22=4,M5358*Input!$C$22,0)</f>
        <v>0</v>
      </c>
      <c r="R5358" s="58">
        <v>41.171914831055709</v>
      </c>
      <c r="S5358" s="124">
        <f t="shared" si="83"/>
        <v>0.30293957347594802</v>
      </c>
    </row>
    <row r="5359" spans="8:19" x14ac:dyDescent="0.3">
      <c r="H5359" s="44">
        <v>5352</v>
      </c>
      <c r="I5359" s="56">
        <f>Bühler!I5385</f>
        <v>6.9909132340603378E-2</v>
      </c>
      <c r="J5359" s="59">
        <f>Bühler!J5385</f>
        <v>0.23303044113534463</v>
      </c>
      <c r="K5359" s="59">
        <f>Bühler!K5385</f>
        <v>0.34954566170301693</v>
      </c>
      <c r="L5359" s="59">
        <f>Bühler!L5385</f>
        <v>5.1894740647243216</v>
      </c>
      <c r="M5359" s="58">
        <f>Bühler!M5385</f>
        <v>0</v>
      </c>
      <c r="N5359" s="56">
        <f>IF(Input!$D$19=1,J5359*Input!$C$19,0)+IF(Input!$D$20=1,K5359*Input!$C$20,0)+IF(Input!$D$21=1,L5359*Input!$C$21,0)+IF(Input!$D$22=1,M5359*Input!$C$22,0)</f>
        <v>6.9909132340603392E-2</v>
      </c>
      <c r="O5359" s="59">
        <f>IF(Input!$D$19=2,J5359*Input!$C$19,0)+IF(Input!$D$20=2,K5359*Input!$C$20,0)+IF(Input!$D$21=2,L5359*Input!$C$21,0)+IF(Input!$D$22=2,M5359*Input!$C$22,0)</f>
        <v>0.17477283085150846</v>
      </c>
      <c r="P5359" s="59">
        <f>IF(Input!$D$19=3,J5359*Input!$C$19,0)+IF(Input!$D$20=3,K5359*Input!$C$20,0)+IF(Input!$D$21=3,L5359*Input!$C$21,0)+IF(Input!$D$22=3,M5359*Input!$C$22,0)</f>
        <v>0</v>
      </c>
      <c r="Q5359" s="75">
        <f>IF(Input!$D$19=4,J5359*Input!$C$19,0)+IF(Input!$D$20=4,K5359*Input!$C$20,0)+IF(Input!$D$21=4,L5359*Input!$C$21,0)+IF(Input!$D$22=4,M5359*Input!$C$22,0)</f>
        <v>0</v>
      </c>
      <c r="R5359" s="58">
        <v>40.551783307585197</v>
      </c>
      <c r="S5359" s="124">
        <f t="shared" si="83"/>
        <v>0.30293957347594802</v>
      </c>
    </row>
    <row r="5360" spans="8:19" x14ac:dyDescent="0.3">
      <c r="H5360" s="44">
        <v>5353</v>
      </c>
      <c r="I5360" s="56">
        <f>Bühler!I5386</f>
        <v>7.5077943096587441E-2</v>
      </c>
      <c r="J5360" s="59">
        <f>Bühler!J5386</f>
        <v>0.25025981032195815</v>
      </c>
      <c r="K5360" s="59">
        <f>Bühler!K5386</f>
        <v>0.37538971548293726</v>
      </c>
      <c r="L5360" s="59">
        <f>Bühler!L5386</f>
        <v>5.7992708607543211</v>
      </c>
      <c r="M5360" s="58">
        <f>Bühler!M5386</f>
        <v>0</v>
      </c>
      <c r="N5360" s="56">
        <f>IF(Input!$D$19=1,J5360*Input!$C$19,0)+IF(Input!$D$20=1,K5360*Input!$C$20,0)+IF(Input!$D$21=1,L5360*Input!$C$21,0)+IF(Input!$D$22=1,M5360*Input!$C$22,0)</f>
        <v>7.5077943096587441E-2</v>
      </c>
      <c r="O5360" s="59">
        <f>IF(Input!$D$19=2,J5360*Input!$C$19,0)+IF(Input!$D$20=2,K5360*Input!$C$20,0)+IF(Input!$D$21=2,L5360*Input!$C$21,0)+IF(Input!$D$22=2,M5360*Input!$C$22,0)</f>
        <v>0.18769485774146863</v>
      </c>
      <c r="P5360" s="59">
        <f>IF(Input!$D$19=3,J5360*Input!$C$19,0)+IF(Input!$D$20=3,K5360*Input!$C$20,0)+IF(Input!$D$21=3,L5360*Input!$C$21,0)+IF(Input!$D$22=3,M5360*Input!$C$22,0)</f>
        <v>0</v>
      </c>
      <c r="Q5360" s="75">
        <f>IF(Input!$D$19=4,J5360*Input!$C$19,0)+IF(Input!$D$20=4,K5360*Input!$C$20,0)+IF(Input!$D$21=4,L5360*Input!$C$21,0)+IF(Input!$D$22=4,M5360*Input!$C$22,0)</f>
        <v>0</v>
      </c>
      <c r="R5360" s="58">
        <v>40.225814126162206</v>
      </c>
      <c r="S5360" s="124">
        <f t="shared" si="83"/>
        <v>0.32533775341854559</v>
      </c>
    </row>
    <row r="5361" spans="8:19" x14ac:dyDescent="0.3">
      <c r="H5361" s="44">
        <v>5354</v>
      </c>
      <c r="I5361" s="56">
        <f>Bühler!I5387</f>
        <v>8.7187288757327369E-2</v>
      </c>
      <c r="J5361" s="59">
        <f>Bühler!J5387</f>
        <v>0.2906242958577579</v>
      </c>
      <c r="K5361" s="59">
        <f>Bühler!K5387</f>
        <v>0.43593644378663687</v>
      </c>
      <c r="L5361" s="59">
        <f>Bühler!L5387</f>
        <v>6.7346371286179219</v>
      </c>
      <c r="M5361" s="58">
        <f>Bühler!M5387</f>
        <v>0</v>
      </c>
      <c r="N5361" s="56">
        <f>IF(Input!$D$19=1,J5361*Input!$C$19,0)+IF(Input!$D$20=1,K5361*Input!$C$20,0)+IF(Input!$D$21=1,L5361*Input!$C$21,0)+IF(Input!$D$22=1,M5361*Input!$C$22,0)</f>
        <v>8.7187288757327369E-2</v>
      </c>
      <c r="O5361" s="59">
        <f>IF(Input!$D$19=2,J5361*Input!$C$19,0)+IF(Input!$D$20=2,K5361*Input!$C$20,0)+IF(Input!$D$21=2,L5361*Input!$C$21,0)+IF(Input!$D$22=2,M5361*Input!$C$22,0)</f>
        <v>0.21796822189331844</v>
      </c>
      <c r="P5361" s="59">
        <f>IF(Input!$D$19=3,J5361*Input!$C$19,0)+IF(Input!$D$20=3,K5361*Input!$C$20,0)+IF(Input!$D$21=3,L5361*Input!$C$21,0)+IF(Input!$D$22=3,M5361*Input!$C$22,0)</f>
        <v>0</v>
      </c>
      <c r="Q5361" s="75">
        <f>IF(Input!$D$19=4,J5361*Input!$C$19,0)+IF(Input!$D$20=4,K5361*Input!$C$20,0)+IF(Input!$D$21=4,L5361*Input!$C$21,0)+IF(Input!$D$22=4,M5361*Input!$C$22,0)</f>
        <v>0</v>
      </c>
      <c r="R5361" s="58">
        <v>39.994689897626451</v>
      </c>
      <c r="S5361" s="124">
        <f t="shared" si="83"/>
        <v>0.37781158461508524</v>
      </c>
    </row>
    <row r="5362" spans="8:19" x14ac:dyDescent="0.3">
      <c r="H5362" s="44">
        <v>5355</v>
      </c>
      <c r="I5362" s="56">
        <f>Bühler!I5388</f>
        <v>8.7187288757327369E-2</v>
      </c>
      <c r="J5362" s="59">
        <f>Bühler!J5388</f>
        <v>0.2906242958577579</v>
      </c>
      <c r="K5362" s="59">
        <f>Bühler!K5388</f>
        <v>0.43593644378663687</v>
      </c>
      <c r="L5362" s="59">
        <f>Bühler!L5388</f>
        <v>6.7346371286179219</v>
      </c>
      <c r="M5362" s="58">
        <f>Bühler!M5388</f>
        <v>0</v>
      </c>
      <c r="N5362" s="56">
        <f>IF(Input!$D$19=1,J5362*Input!$C$19,0)+IF(Input!$D$20=1,K5362*Input!$C$20,0)+IF(Input!$D$21=1,L5362*Input!$C$21,0)+IF(Input!$D$22=1,M5362*Input!$C$22,0)</f>
        <v>8.7187288757327369E-2</v>
      </c>
      <c r="O5362" s="59">
        <f>IF(Input!$D$19=2,J5362*Input!$C$19,0)+IF(Input!$D$20=2,K5362*Input!$C$20,0)+IF(Input!$D$21=2,L5362*Input!$C$21,0)+IF(Input!$D$22=2,M5362*Input!$C$22,0)</f>
        <v>0.21796822189331844</v>
      </c>
      <c r="P5362" s="59">
        <f>IF(Input!$D$19=3,J5362*Input!$C$19,0)+IF(Input!$D$20=3,K5362*Input!$C$20,0)+IF(Input!$D$21=3,L5362*Input!$C$21,0)+IF(Input!$D$22=3,M5362*Input!$C$22,0)</f>
        <v>0</v>
      </c>
      <c r="Q5362" s="75">
        <f>IF(Input!$D$19=4,J5362*Input!$C$19,0)+IF(Input!$D$20=4,K5362*Input!$C$20,0)+IF(Input!$D$21=4,L5362*Input!$C$21,0)+IF(Input!$D$22=4,M5362*Input!$C$22,0)</f>
        <v>0</v>
      </c>
      <c r="R5362" s="58">
        <v>39.840712672448014</v>
      </c>
      <c r="S5362" s="124">
        <f t="shared" si="83"/>
        <v>0.37781158461508524</v>
      </c>
    </row>
    <row r="5363" spans="8:19" x14ac:dyDescent="0.3">
      <c r="H5363" s="44">
        <v>5356</v>
      </c>
      <c r="I5363" s="56">
        <f>Bühler!I5389</f>
        <v>8.7187288757327369E-2</v>
      </c>
      <c r="J5363" s="59">
        <f>Bühler!J5389</f>
        <v>0.2906242958577579</v>
      </c>
      <c r="K5363" s="59">
        <f>Bühler!K5389</f>
        <v>0.43593644378663687</v>
      </c>
      <c r="L5363" s="59">
        <f>Bühler!L5389</f>
        <v>6.7346371286179219</v>
      </c>
      <c r="M5363" s="58">
        <f>Bühler!M5389</f>
        <v>0</v>
      </c>
      <c r="N5363" s="56">
        <f>IF(Input!$D$19=1,J5363*Input!$C$19,0)+IF(Input!$D$20=1,K5363*Input!$C$20,0)+IF(Input!$D$21=1,L5363*Input!$C$21,0)+IF(Input!$D$22=1,M5363*Input!$C$22,0)</f>
        <v>8.7187288757327369E-2</v>
      </c>
      <c r="O5363" s="59">
        <f>IF(Input!$D$19=2,J5363*Input!$C$19,0)+IF(Input!$D$20=2,K5363*Input!$C$20,0)+IF(Input!$D$21=2,L5363*Input!$C$21,0)+IF(Input!$D$22=2,M5363*Input!$C$22,0)</f>
        <v>0.21796822189331844</v>
      </c>
      <c r="P5363" s="59">
        <f>IF(Input!$D$19=3,J5363*Input!$C$19,0)+IF(Input!$D$20=3,K5363*Input!$C$20,0)+IF(Input!$D$21=3,L5363*Input!$C$21,0)+IF(Input!$D$22=3,M5363*Input!$C$22,0)</f>
        <v>0</v>
      </c>
      <c r="Q5363" s="75">
        <f>IF(Input!$D$19=4,J5363*Input!$C$19,0)+IF(Input!$D$20=4,K5363*Input!$C$20,0)+IF(Input!$D$21=4,L5363*Input!$C$21,0)+IF(Input!$D$22=4,M5363*Input!$C$22,0)</f>
        <v>0</v>
      </c>
      <c r="R5363" s="58">
        <v>40.116516768363766</v>
      </c>
      <c r="S5363" s="124">
        <f t="shared" si="83"/>
        <v>0.37781158461508524</v>
      </c>
    </row>
    <row r="5364" spans="8:19" x14ac:dyDescent="0.3">
      <c r="H5364" s="44">
        <v>5357</v>
      </c>
      <c r="I5364" s="56">
        <f>Bühler!I5390</f>
        <v>8.7187288757327369E-2</v>
      </c>
      <c r="J5364" s="59">
        <f>Bühler!J5390</f>
        <v>0.2906242958577579</v>
      </c>
      <c r="K5364" s="59">
        <f>Bühler!K5390</f>
        <v>0.43593644378663687</v>
      </c>
      <c r="L5364" s="59">
        <f>Bühler!L5390</f>
        <v>6.7346371286179219</v>
      </c>
      <c r="M5364" s="58">
        <f>Bühler!M5390</f>
        <v>0</v>
      </c>
      <c r="N5364" s="56">
        <f>IF(Input!$D$19=1,J5364*Input!$C$19,0)+IF(Input!$D$20=1,K5364*Input!$C$20,0)+IF(Input!$D$21=1,L5364*Input!$C$21,0)+IF(Input!$D$22=1,M5364*Input!$C$22,0)</f>
        <v>8.7187288757327369E-2</v>
      </c>
      <c r="O5364" s="59">
        <f>IF(Input!$D$19=2,J5364*Input!$C$19,0)+IF(Input!$D$20=2,K5364*Input!$C$20,0)+IF(Input!$D$21=2,L5364*Input!$C$21,0)+IF(Input!$D$22=2,M5364*Input!$C$22,0)</f>
        <v>0.21796822189331844</v>
      </c>
      <c r="P5364" s="59">
        <f>IF(Input!$D$19=3,J5364*Input!$C$19,0)+IF(Input!$D$20=3,K5364*Input!$C$20,0)+IF(Input!$D$21=3,L5364*Input!$C$21,0)+IF(Input!$D$22=3,M5364*Input!$C$22,0)</f>
        <v>0</v>
      </c>
      <c r="Q5364" s="75">
        <f>IF(Input!$D$19=4,J5364*Input!$C$19,0)+IF(Input!$D$20=4,K5364*Input!$C$20,0)+IF(Input!$D$21=4,L5364*Input!$C$21,0)+IF(Input!$D$22=4,M5364*Input!$C$22,0)</f>
        <v>0</v>
      </c>
      <c r="R5364" s="58">
        <v>39.628669299501993</v>
      </c>
      <c r="S5364" s="124">
        <f t="shared" si="83"/>
        <v>0.37781158461508524</v>
      </c>
    </row>
    <row r="5365" spans="8:19" x14ac:dyDescent="0.3">
      <c r="H5365" s="44">
        <v>5358</v>
      </c>
      <c r="I5365" s="56">
        <f>Bühler!I5391</f>
        <v>0.10898411094665919</v>
      </c>
      <c r="J5365" s="59">
        <f>Bühler!J5391</f>
        <v>0.36328036982219736</v>
      </c>
      <c r="K5365" s="59">
        <f>Bühler!K5391</f>
        <v>0.54492055473329604</v>
      </c>
      <c r="L5365" s="59">
        <f>Bühler!L5391</f>
        <v>8.4182964107724025</v>
      </c>
      <c r="M5365" s="58">
        <f>Bühler!M5391</f>
        <v>0</v>
      </c>
      <c r="N5365" s="56">
        <f>IF(Input!$D$19=1,J5365*Input!$C$19,0)+IF(Input!$D$20=1,K5365*Input!$C$20,0)+IF(Input!$D$21=1,L5365*Input!$C$21,0)+IF(Input!$D$22=1,M5365*Input!$C$22,0)</f>
        <v>0.1089841109466592</v>
      </c>
      <c r="O5365" s="59">
        <f>IF(Input!$D$19=2,J5365*Input!$C$19,0)+IF(Input!$D$20=2,K5365*Input!$C$20,0)+IF(Input!$D$21=2,L5365*Input!$C$21,0)+IF(Input!$D$22=2,M5365*Input!$C$22,0)</f>
        <v>0.27246027736664802</v>
      </c>
      <c r="P5365" s="59">
        <f>IF(Input!$D$19=3,J5365*Input!$C$19,0)+IF(Input!$D$20=3,K5365*Input!$C$20,0)+IF(Input!$D$21=3,L5365*Input!$C$21,0)+IF(Input!$D$22=3,M5365*Input!$C$22,0)</f>
        <v>0</v>
      </c>
      <c r="Q5365" s="75">
        <f>IF(Input!$D$19=4,J5365*Input!$C$19,0)+IF(Input!$D$20=4,K5365*Input!$C$20,0)+IF(Input!$D$21=4,L5365*Input!$C$21,0)+IF(Input!$D$22=4,M5365*Input!$C$22,0)</f>
        <v>0</v>
      </c>
      <c r="R5365" s="58">
        <v>39.231663246261363</v>
      </c>
      <c r="S5365" s="124">
        <f t="shared" si="83"/>
        <v>0.47226448076885652</v>
      </c>
    </row>
    <row r="5366" spans="8:19" x14ac:dyDescent="0.3">
      <c r="H5366" s="44">
        <v>5359</v>
      </c>
      <c r="I5366" s="56">
        <f>Bühler!I5392</f>
        <v>0.12835906400384306</v>
      </c>
      <c r="J5366" s="59">
        <f>Bühler!J5392</f>
        <v>0.42786354667947696</v>
      </c>
      <c r="K5366" s="59">
        <f>Bühler!K5392</f>
        <v>0.64179532001921547</v>
      </c>
      <c r="L5366" s="59">
        <f>Bühler!L5392</f>
        <v>9.9148824393541624</v>
      </c>
      <c r="M5366" s="58">
        <f>Bühler!M5392</f>
        <v>0</v>
      </c>
      <c r="N5366" s="56">
        <f>IF(Input!$D$19=1,J5366*Input!$C$19,0)+IF(Input!$D$20=1,K5366*Input!$C$20,0)+IF(Input!$D$21=1,L5366*Input!$C$21,0)+IF(Input!$D$22=1,M5366*Input!$C$22,0)</f>
        <v>0.12835906400384309</v>
      </c>
      <c r="O5366" s="59">
        <f>IF(Input!$D$19=2,J5366*Input!$C$19,0)+IF(Input!$D$20=2,K5366*Input!$C$20,0)+IF(Input!$D$21=2,L5366*Input!$C$21,0)+IF(Input!$D$22=2,M5366*Input!$C$22,0)</f>
        <v>0.32089766000960773</v>
      </c>
      <c r="P5366" s="59">
        <f>IF(Input!$D$19=3,J5366*Input!$C$19,0)+IF(Input!$D$20=3,K5366*Input!$C$20,0)+IF(Input!$D$21=3,L5366*Input!$C$21,0)+IF(Input!$D$22=3,M5366*Input!$C$22,0)</f>
        <v>0</v>
      </c>
      <c r="Q5366" s="75">
        <f>IF(Input!$D$19=4,J5366*Input!$C$19,0)+IF(Input!$D$20=4,K5366*Input!$C$20,0)+IF(Input!$D$21=4,L5366*Input!$C$21,0)+IF(Input!$D$22=4,M5366*Input!$C$22,0)</f>
        <v>0</v>
      </c>
      <c r="R5366" s="58">
        <v>39.038123457270324</v>
      </c>
      <c r="S5366" s="124">
        <f t="shared" si="83"/>
        <v>0.55622261068332002</v>
      </c>
    </row>
    <row r="5367" spans="8:19" x14ac:dyDescent="0.3">
      <c r="H5367" s="44">
        <v>5360</v>
      </c>
      <c r="I5367" s="56">
        <f>Bühler!I5393</f>
        <v>0.15257775532532286</v>
      </c>
      <c r="J5367" s="59">
        <f>Bühler!J5393</f>
        <v>0.50859251775107628</v>
      </c>
      <c r="K5367" s="59">
        <f>Bühler!K5393</f>
        <v>0.76288877662661447</v>
      </c>
      <c r="L5367" s="59">
        <f>Bühler!L5393</f>
        <v>11.785614975081364</v>
      </c>
      <c r="M5367" s="58">
        <f>Bühler!M5393</f>
        <v>0</v>
      </c>
      <c r="N5367" s="56">
        <f>IF(Input!$D$19=1,J5367*Input!$C$19,0)+IF(Input!$D$20=1,K5367*Input!$C$20,0)+IF(Input!$D$21=1,L5367*Input!$C$21,0)+IF(Input!$D$22=1,M5367*Input!$C$22,0)</f>
        <v>0.15257775532532289</v>
      </c>
      <c r="O5367" s="59">
        <f>IF(Input!$D$19=2,J5367*Input!$C$19,0)+IF(Input!$D$20=2,K5367*Input!$C$20,0)+IF(Input!$D$21=2,L5367*Input!$C$21,0)+IF(Input!$D$22=2,M5367*Input!$C$22,0)</f>
        <v>0.38144438831330724</v>
      </c>
      <c r="P5367" s="59">
        <f>IF(Input!$D$19=3,J5367*Input!$C$19,0)+IF(Input!$D$20=3,K5367*Input!$C$20,0)+IF(Input!$D$21=3,L5367*Input!$C$21,0)+IF(Input!$D$22=3,M5367*Input!$C$22,0)</f>
        <v>0</v>
      </c>
      <c r="Q5367" s="75">
        <f>IF(Input!$D$19=4,J5367*Input!$C$19,0)+IF(Input!$D$20=4,K5367*Input!$C$20,0)+IF(Input!$D$21=4,L5367*Input!$C$21,0)+IF(Input!$D$22=4,M5367*Input!$C$22,0)</f>
        <v>0</v>
      </c>
      <c r="R5367" s="58">
        <v>38.824311277903874</v>
      </c>
      <c r="S5367" s="124">
        <f t="shared" si="83"/>
        <v>0.66117027307639908</v>
      </c>
    </row>
    <row r="5368" spans="8:19" x14ac:dyDescent="0.3">
      <c r="H5368" s="44">
        <v>5361</v>
      </c>
      <c r="I5368" s="56">
        <f>Bühler!I5394</f>
        <v>0.15257775532532286</v>
      </c>
      <c r="J5368" s="59">
        <f>Bühler!J5394</f>
        <v>0.50859251775107628</v>
      </c>
      <c r="K5368" s="59">
        <f>Bühler!K5394</f>
        <v>0.76288877662661447</v>
      </c>
      <c r="L5368" s="59">
        <f>Bühler!L5394</f>
        <v>11.785614975081364</v>
      </c>
      <c r="M5368" s="58">
        <f>Bühler!M5394</f>
        <v>0</v>
      </c>
      <c r="N5368" s="56">
        <f>IF(Input!$D$19=1,J5368*Input!$C$19,0)+IF(Input!$D$20=1,K5368*Input!$C$20,0)+IF(Input!$D$21=1,L5368*Input!$C$21,0)+IF(Input!$D$22=1,M5368*Input!$C$22,0)</f>
        <v>0.15257775532532289</v>
      </c>
      <c r="O5368" s="59">
        <f>IF(Input!$D$19=2,J5368*Input!$C$19,0)+IF(Input!$D$20=2,K5368*Input!$C$20,0)+IF(Input!$D$21=2,L5368*Input!$C$21,0)+IF(Input!$D$22=2,M5368*Input!$C$22,0)</f>
        <v>0.38144438831330724</v>
      </c>
      <c r="P5368" s="59">
        <f>IF(Input!$D$19=3,J5368*Input!$C$19,0)+IF(Input!$D$20=3,K5368*Input!$C$20,0)+IF(Input!$D$21=3,L5368*Input!$C$21,0)+IF(Input!$D$22=3,M5368*Input!$C$22,0)</f>
        <v>0</v>
      </c>
      <c r="Q5368" s="75">
        <f>IF(Input!$D$19=4,J5368*Input!$C$19,0)+IF(Input!$D$20=4,K5368*Input!$C$20,0)+IF(Input!$D$21=4,L5368*Input!$C$21,0)+IF(Input!$D$22=4,M5368*Input!$C$22,0)</f>
        <v>0</v>
      </c>
      <c r="R5368" s="58">
        <v>38.645529711278805</v>
      </c>
      <c r="S5368" s="124">
        <f t="shared" si="83"/>
        <v>0.66117027307639908</v>
      </c>
    </row>
    <row r="5369" spans="8:19" x14ac:dyDescent="0.3">
      <c r="H5369" s="44">
        <v>5362</v>
      </c>
      <c r="I5369" s="56">
        <f>Bühler!I5395</f>
        <v>0.15257775532532286</v>
      </c>
      <c r="J5369" s="59">
        <f>Bühler!J5395</f>
        <v>0.50859251775107628</v>
      </c>
      <c r="K5369" s="59">
        <f>Bühler!K5395</f>
        <v>0.76288877662661447</v>
      </c>
      <c r="L5369" s="59">
        <f>Bühler!L5395</f>
        <v>11.785614975081364</v>
      </c>
      <c r="M5369" s="58">
        <f>Bühler!M5395</f>
        <v>0</v>
      </c>
      <c r="N5369" s="56">
        <f>IF(Input!$D$19=1,J5369*Input!$C$19,0)+IF(Input!$D$20=1,K5369*Input!$C$20,0)+IF(Input!$D$21=1,L5369*Input!$C$21,0)+IF(Input!$D$22=1,M5369*Input!$C$22,0)</f>
        <v>0.15257775532532289</v>
      </c>
      <c r="O5369" s="59">
        <f>IF(Input!$D$19=2,J5369*Input!$C$19,0)+IF(Input!$D$20=2,K5369*Input!$C$20,0)+IF(Input!$D$21=2,L5369*Input!$C$21,0)+IF(Input!$D$22=2,M5369*Input!$C$22,0)</f>
        <v>0.38144438831330724</v>
      </c>
      <c r="P5369" s="59">
        <f>IF(Input!$D$19=3,J5369*Input!$C$19,0)+IF(Input!$D$20=3,K5369*Input!$C$20,0)+IF(Input!$D$21=3,L5369*Input!$C$21,0)+IF(Input!$D$22=3,M5369*Input!$C$22,0)</f>
        <v>0</v>
      </c>
      <c r="Q5369" s="75">
        <f>IF(Input!$D$19=4,J5369*Input!$C$19,0)+IF(Input!$D$20=4,K5369*Input!$C$20,0)+IF(Input!$D$21=4,L5369*Input!$C$21,0)+IF(Input!$D$22=4,M5369*Input!$C$22,0)</f>
        <v>0</v>
      </c>
      <c r="R5369" s="58">
        <v>38.610025720890484</v>
      </c>
      <c r="S5369" s="124">
        <f t="shared" si="83"/>
        <v>0.66117027307639908</v>
      </c>
    </row>
    <row r="5370" spans="8:19" x14ac:dyDescent="0.3">
      <c r="H5370" s="44">
        <v>5363</v>
      </c>
      <c r="I5370" s="56">
        <f>Bühler!I5396</f>
        <v>0.15257775532532286</v>
      </c>
      <c r="J5370" s="59">
        <f>Bühler!J5396</f>
        <v>0.50859251775107628</v>
      </c>
      <c r="K5370" s="59">
        <f>Bühler!K5396</f>
        <v>0.76288877662661447</v>
      </c>
      <c r="L5370" s="59">
        <f>Bühler!L5396</f>
        <v>11.785614975081364</v>
      </c>
      <c r="M5370" s="58">
        <f>Bühler!M5396</f>
        <v>0</v>
      </c>
      <c r="N5370" s="56">
        <f>IF(Input!$D$19=1,J5370*Input!$C$19,0)+IF(Input!$D$20=1,K5370*Input!$C$20,0)+IF(Input!$D$21=1,L5370*Input!$C$21,0)+IF(Input!$D$22=1,M5370*Input!$C$22,0)</f>
        <v>0.15257775532532289</v>
      </c>
      <c r="O5370" s="59">
        <f>IF(Input!$D$19=2,J5370*Input!$C$19,0)+IF(Input!$D$20=2,K5370*Input!$C$20,0)+IF(Input!$D$21=2,L5370*Input!$C$21,0)+IF(Input!$D$22=2,M5370*Input!$C$22,0)</f>
        <v>0.38144438831330724</v>
      </c>
      <c r="P5370" s="59">
        <f>IF(Input!$D$19=3,J5370*Input!$C$19,0)+IF(Input!$D$20=3,K5370*Input!$C$20,0)+IF(Input!$D$21=3,L5370*Input!$C$21,0)+IF(Input!$D$22=3,M5370*Input!$C$22,0)</f>
        <v>0</v>
      </c>
      <c r="Q5370" s="75">
        <f>IF(Input!$D$19=4,J5370*Input!$C$19,0)+IF(Input!$D$20=4,K5370*Input!$C$20,0)+IF(Input!$D$21=4,L5370*Input!$C$21,0)+IF(Input!$D$22=4,M5370*Input!$C$22,0)</f>
        <v>0</v>
      </c>
      <c r="R5370" s="58">
        <v>38.594687618262149</v>
      </c>
      <c r="S5370" s="124">
        <f t="shared" si="83"/>
        <v>0.66117027307639908</v>
      </c>
    </row>
    <row r="5371" spans="8:19" x14ac:dyDescent="0.3">
      <c r="H5371" s="44">
        <v>5364</v>
      </c>
      <c r="I5371" s="56">
        <f>Bühler!I5397</f>
        <v>0.15257775532532286</v>
      </c>
      <c r="J5371" s="59">
        <f>Bühler!J5397</f>
        <v>0.50859251775107628</v>
      </c>
      <c r="K5371" s="59">
        <f>Bühler!K5397</f>
        <v>0.76288877662661447</v>
      </c>
      <c r="L5371" s="59">
        <f>Bühler!L5397</f>
        <v>11.785614975081364</v>
      </c>
      <c r="M5371" s="58">
        <f>Bühler!M5397</f>
        <v>0</v>
      </c>
      <c r="N5371" s="56">
        <f>IF(Input!$D$19=1,J5371*Input!$C$19,0)+IF(Input!$D$20=1,K5371*Input!$C$20,0)+IF(Input!$D$21=1,L5371*Input!$C$21,0)+IF(Input!$D$22=1,M5371*Input!$C$22,0)</f>
        <v>0.15257775532532289</v>
      </c>
      <c r="O5371" s="59">
        <f>IF(Input!$D$19=2,J5371*Input!$C$19,0)+IF(Input!$D$20=2,K5371*Input!$C$20,0)+IF(Input!$D$21=2,L5371*Input!$C$21,0)+IF(Input!$D$22=2,M5371*Input!$C$22,0)</f>
        <v>0.38144438831330724</v>
      </c>
      <c r="P5371" s="59">
        <f>IF(Input!$D$19=3,J5371*Input!$C$19,0)+IF(Input!$D$20=3,K5371*Input!$C$20,0)+IF(Input!$D$21=3,L5371*Input!$C$21,0)+IF(Input!$D$22=3,M5371*Input!$C$22,0)</f>
        <v>0</v>
      </c>
      <c r="Q5371" s="75">
        <f>IF(Input!$D$19=4,J5371*Input!$C$19,0)+IF(Input!$D$20=4,K5371*Input!$C$20,0)+IF(Input!$D$21=4,L5371*Input!$C$21,0)+IF(Input!$D$22=4,M5371*Input!$C$22,0)</f>
        <v>0</v>
      </c>
      <c r="R5371" s="58">
        <v>39.032225075682014</v>
      </c>
      <c r="S5371" s="124">
        <f t="shared" si="83"/>
        <v>0.66117027307639908</v>
      </c>
    </row>
    <row r="5372" spans="8:19" x14ac:dyDescent="0.3">
      <c r="H5372" s="44">
        <v>5365</v>
      </c>
      <c r="I5372" s="56">
        <f>Bühler!I5398</f>
        <v>0.15257775532532286</v>
      </c>
      <c r="J5372" s="59">
        <f>Bühler!J5398</f>
        <v>0.50859251775107628</v>
      </c>
      <c r="K5372" s="59">
        <f>Bühler!K5398</f>
        <v>0.76288877662661447</v>
      </c>
      <c r="L5372" s="59">
        <f>Bühler!L5398</f>
        <v>11.785614975081364</v>
      </c>
      <c r="M5372" s="58">
        <f>Bühler!M5398</f>
        <v>0</v>
      </c>
      <c r="N5372" s="56">
        <f>IF(Input!$D$19=1,J5372*Input!$C$19,0)+IF(Input!$D$20=1,K5372*Input!$C$20,0)+IF(Input!$D$21=1,L5372*Input!$C$21,0)+IF(Input!$D$22=1,M5372*Input!$C$22,0)</f>
        <v>0.15257775532532289</v>
      </c>
      <c r="O5372" s="59">
        <f>IF(Input!$D$19=2,J5372*Input!$C$19,0)+IF(Input!$D$20=2,K5372*Input!$C$20,0)+IF(Input!$D$21=2,L5372*Input!$C$21,0)+IF(Input!$D$22=2,M5372*Input!$C$22,0)</f>
        <v>0.38144438831330724</v>
      </c>
      <c r="P5372" s="59">
        <f>IF(Input!$D$19=3,J5372*Input!$C$19,0)+IF(Input!$D$20=3,K5372*Input!$C$20,0)+IF(Input!$D$21=3,L5372*Input!$C$21,0)+IF(Input!$D$22=3,M5372*Input!$C$22,0)</f>
        <v>0</v>
      </c>
      <c r="Q5372" s="75">
        <f>IF(Input!$D$19=4,J5372*Input!$C$19,0)+IF(Input!$D$20=4,K5372*Input!$C$20,0)+IF(Input!$D$21=4,L5372*Input!$C$21,0)+IF(Input!$D$22=4,M5372*Input!$C$22,0)</f>
        <v>0</v>
      </c>
      <c r="R5372" s="58">
        <v>38.752025658017118</v>
      </c>
      <c r="S5372" s="124">
        <f t="shared" si="83"/>
        <v>0.66117027307639908</v>
      </c>
    </row>
    <row r="5373" spans="8:19" x14ac:dyDescent="0.3">
      <c r="H5373" s="44">
        <v>5366</v>
      </c>
      <c r="I5373" s="56">
        <f>Bühler!I5399</f>
        <v>0.15257775532532286</v>
      </c>
      <c r="J5373" s="59">
        <f>Bühler!J5399</f>
        <v>0.50859251775107628</v>
      </c>
      <c r="K5373" s="59">
        <f>Bühler!K5399</f>
        <v>0.76288877662661447</v>
      </c>
      <c r="L5373" s="59">
        <f>Bühler!L5399</f>
        <v>11.785614975081364</v>
      </c>
      <c r="M5373" s="58">
        <f>Bühler!M5399</f>
        <v>0</v>
      </c>
      <c r="N5373" s="56">
        <f>IF(Input!$D$19=1,J5373*Input!$C$19,0)+IF(Input!$D$20=1,K5373*Input!$C$20,0)+IF(Input!$D$21=1,L5373*Input!$C$21,0)+IF(Input!$D$22=1,M5373*Input!$C$22,0)</f>
        <v>0.15257775532532289</v>
      </c>
      <c r="O5373" s="59">
        <f>IF(Input!$D$19=2,J5373*Input!$C$19,0)+IF(Input!$D$20=2,K5373*Input!$C$20,0)+IF(Input!$D$21=2,L5373*Input!$C$21,0)+IF(Input!$D$22=2,M5373*Input!$C$22,0)</f>
        <v>0.38144438831330724</v>
      </c>
      <c r="P5373" s="59">
        <f>IF(Input!$D$19=3,J5373*Input!$C$19,0)+IF(Input!$D$20=3,K5373*Input!$C$20,0)+IF(Input!$D$21=3,L5373*Input!$C$21,0)+IF(Input!$D$22=3,M5373*Input!$C$22,0)</f>
        <v>0</v>
      </c>
      <c r="Q5373" s="75">
        <f>IF(Input!$D$19=4,J5373*Input!$C$19,0)+IF(Input!$D$20=4,K5373*Input!$C$20,0)+IF(Input!$D$21=4,L5373*Input!$C$21,0)+IF(Input!$D$22=4,M5373*Input!$C$22,0)</f>
        <v>0</v>
      </c>
      <c r="R5373" s="58">
        <v>39.430222642774254</v>
      </c>
      <c r="S5373" s="124">
        <f t="shared" si="83"/>
        <v>0.66117027307639908</v>
      </c>
    </row>
    <row r="5374" spans="8:19" x14ac:dyDescent="0.3">
      <c r="H5374" s="44">
        <v>5367</v>
      </c>
      <c r="I5374" s="56">
        <f>Bühler!I5400</f>
        <v>0.15257775532532286</v>
      </c>
      <c r="J5374" s="59">
        <f>Bühler!J5400</f>
        <v>0.50859251775107628</v>
      </c>
      <c r="K5374" s="59">
        <f>Bühler!K5400</f>
        <v>0.76288877662661447</v>
      </c>
      <c r="L5374" s="59">
        <f>Bühler!L5400</f>
        <v>11.785614975081364</v>
      </c>
      <c r="M5374" s="58">
        <f>Bühler!M5400</f>
        <v>0</v>
      </c>
      <c r="N5374" s="56">
        <f>IF(Input!$D$19=1,J5374*Input!$C$19,0)+IF(Input!$D$20=1,K5374*Input!$C$20,0)+IF(Input!$D$21=1,L5374*Input!$C$21,0)+IF(Input!$D$22=1,M5374*Input!$C$22,0)</f>
        <v>0.15257775532532289</v>
      </c>
      <c r="O5374" s="59">
        <f>IF(Input!$D$19=2,J5374*Input!$C$19,0)+IF(Input!$D$20=2,K5374*Input!$C$20,0)+IF(Input!$D$21=2,L5374*Input!$C$21,0)+IF(Input!$D$22=2,M5374*Input!$C$22,0)</f>
        <v>0.38144438831330724</v>
      </c>
      <c r="P5374" s="59">
        <f>IF(Input!$D$19=3,J5374*Input!$C$19,0)+IF(Input!$D$20=3,K5374*Input!$C$20,0)+IF(Input!$D$21=3,L5374*Input!$C$21,0)+IF(Input!$D$22=3,M5374*Input!$C$22,0)</f>
        <v>0</v>
      </c>
      <c r="Q5374" s="75">
        <f>IF(Input!$D$19=4,J5374*Input!$C$19,0)+IF(Input!$D$20=4,K5374*Input!$C$20,0)+IF(Input!$D$21=4,L5374*Input!$C$21,0)+IF(Input!$D$22=4,M5374*Input!$C$22,0)</f>
        <v>0</v>
      </c>
      <c r="R5374" s="58">
        <v>39.565374540184976</v>
      </c>
      <c r="S5374" s="124">
        <f t="shared" si="83"/>
        <v>0.66117027307639908</v>
      </c>
    </row>
    <row r="5375" spans="8:19" x14ac:dyDescent="0.3">
      <c r="H5375" s="44">
        <v>5368</v>
      </c>
      <c r="I5375" s="56">
        <f>Bühler!I5401</f>
        <v>0.135624671400287</v>
      </c>
      <c r="J5375" s="59">
        <f>Bühler!J5401</f>
        <v>0.45208223800095676</v>
      </c>
      <c r="K5375" s="59">
        <f>Bühler!K5401</f>
        <v>0.67812335700143511</v>
      </c>
      <c r="L5375" s="59">
        <f>Bühler!L5401</f>
        <v>10.476102200072324</v>
      </c>
      <c r="M5375" s="58">
        <f>Bühler!M5401</f>
        <v>0</v>
      </c>
      <c r="N5375" s="56">
        <f>IF(Input!$D$19=1,J5375*Input!$C$19,0)+IF(Input!$D$20=1,K5375*Input!$C$20,0)+IF(Input!$D$21=1,L5375*Input!$C$21,0)+IF(Input!$D$22=1,M5375*Input!$C$22,0)</f>
        <v>0.13562467140028703</v>
      </c>
      <c r="O5375" s="59">
        <f>IF(Input!$D$19=2,J5375*Input!$C$19,0)+IF(Input!$D$20=2,K5375*Input!$C$20,0)+IF(Input!$D$21=2,L5375*Input!$C$21,0)+IF(Input!$D$22=2,M5375*Input!$C$22,0)</f>
        <v>0.33906167850071756</v>
      </c>
      <c r="P5375" s="59">
        <f>IF(Input!$D$19=3,J5375*Input!$C$19,0)+IF(Input!$D$20=3,K5375*Input!$C$20,0)+IF(Input!$D$21=3,L5375*Input!$C$21,0)+IF(Input!$D$22=3,M5375*Input!$C$22,0)</f>
        <v>0</v>
      </c>
      <c r="Q5375" s="75">
        <f>IF(Input!$D$19=4,J5375*Input!$C$19,0)+IF(Input!$D$20=4,K5375*Input!$C$20,0)+IF(Input!$D$21=4,L5375*Input!$C$21,0)+IF(Input!$D$22=4,M5375*Input!$C$22,0)</f>
        <v>0</v>
      </c>
      <c r="R5375" s="58">
        <v>39.956975320908022</v>
      </c>
      <c r="S5375" s="124">
        <f t="shared" si="83"/>
        <v>0.5877069094012437</v>
      </c>
    </row>
    <row r="5376" spans="8:19" x14ac:dyDescent="0.3">
      <c r="H5376" s="44">
        <v>5369</v>
      </c>
      <c r="I5376" s="56">
        <f>Bühler!I5402</f>
        <v>0.13320280226813902</v>
      </c>
      <c r="J5376" s="59">
        <f>Bühler!J5402</f>
        <v>0.44400934089379679</v>
      </c>
      <c r="K5376" s="59">
        <f>Bühler!K5402</f>
        <v>0.66601401134069516</v>
      </c>
      <c r="L5376" s="59">
        <f>Bühler!L5402</f>
        <v>10.289028946499602</v>
      </c>
      <c r="M5376" s="58">
        <f>Bühler!M5402</f>
        <v>0</v>
      </c>
      <c r="N5376" s="56">
        <f>IF(Input!$D$19=1,J5376*Input!$C$19,0)+IF(Input!$D$20=1,K5376*Input!$C$20,0)+IF(Input!$D$21=1,L5376*Input!$C$21,0)+IF(Input!$D$22=1,M5376*Input!$C$22,0)</f>
        <v>0.13320280226813902</v>
      </c>
      <c r="O5376" s="59">
        <f>IF(Input!$D$19=2,J5376*Input!$C$19,0)+IF(Input!$D$20=2,K5376*Input!$C$20,0)+IF(Input!$D$21=2,L5376*Input!$C$21,0)+IF(Input!$D$22=2,M5376*Input!$C$22,0)</f>
        <v>0.33300700567034758</v>
      </c>
      <c r="P5376" s="59">
        <f>IF(Input!$D$19=3,J5376*Input!$C$19,0)+IF(Input!$D$20=3,K5376*Input!$C$20,0)+IF(Input!$D$21=3,L5376*Input!$C$21,0)+IF(Input!$D$22=3,M5376*Input!$C$22,0)</f>
        <v>0</v>
      </c>
      <c r="Q5376" s="75">
        <f>IF(Input!$D$19=4,J5376*Input!$C$19,0)+IF(Input!$D$20=4,K5376*Input!$C$20,0)+IF(Input!$D$21=4,L5376*Input!$C$21,0)+IF(Input!$D$22=4,M5376*Input!$C$22,0)</f>
        <v>0</v>
      </c>
      <c r="R5376" s="58">
        <v>40.347891111328941</v>
      </c>
      <c r="S5376" s="124">
        <f t="shared" si="83"/>
        <v>0.57721214316193581</v>
      </c>
    </row>
    <row r="5377" spans="8:19" x14ac:dyDescent="0.3">
      <c r="H5377" s="44">
        <v>5370</v>
      </c>
      <c r="I5377" s="56">
        <f>Bühler!I5403</f>
        <v>0.11382784921095518</v>
      </c>
      <c r="J5377" s="59">
        <f>Bühler!J5403</f>
        <v>0.3794261640365173</v>
      </c>
      <c r="K5377" s="59">
        <f>Bühler!K5403</f>
        <v>0.56913924605477595</v>
      </c>
      <c r="L5377" s="59">
        <f>Bühler!L5403</f>
        <v>8.7924429179178443</v>
      </c>
      <c r="M5377" s="58">
        <f>Bühler!M5403</f>
        <v>0</v>
      </c>
      <c r="N5377" s="56">
        <f>IF(Input!$D$19=1,J5377*Input!$C$19,0)+IF(Input!$D$20=1,K5377*Input!$C$20,0)+IF(Input!$D$21=1,L5377*Input!$C$21,0)+IF(Input!$D$22=1,M5377*Input!$C$22,0)</f>
        <v>0.11382784921095518</v>
      </c>
      <c r="O5377" s="59">
        <f>IF(Input!$D$19=2,J5377*Input!$C$19,0)+IF(Input!$D$20=2,K5377*Input!$C$20,0)+IF(Input!$D$21=2,L5377*Input!$C$21,0)+IF(Input!$D$22=2,M5377*Input!$C$22,0)</f>
        <v>0.28456962302738797</v>
      </c>
      <c r="P5377" s="59">
        <f>IF(Input!$D$19=3,J5377*Input!$C$19,0)+IF(Input!$D$20=3,K5377*Input!$C$20,0)+IF(Input!$D$21=3,L5377*Input!$C$21,0)+IF(Input!$D$22=3,M5377*Input!$C$22,0)</f>
        <v>0</v>
      </c>
      <c r="Q5377" s="75">
        <f>IF(Input!$D$19=4,J5377*Input!$C$19,0)+IF(Input!$D$20=4,K5377*Input!$C$20,0)+IF(Input!$D$21=4,L5377*Input!$C$21,0)+IF(Input!$D$22=4,M5377*Input!$C$22,0)</f>
        <v>0</v>
      </c>
      <c r="R5377" s="58">
        <v>40.100395077155646</v>
      </c>
      <c r="S5377" s="124">
        <f t="shared" si="83"/>
        <v>0.49325401324747248</v>
      </c>
    </row>
    <row r="5378" spans="8:19" x14ac:dyDescent="0.3">
      <c r="H5378" s="44">
        <v>5371</v>
      </c>
      <c r="I5378" s="56">
        <f>Bühler!I5404</f>
        <v>0.10656224181451122</v>
      </c>
      <c r="J5378" s="59">
        <f>Bühler!J5404</f>
        <v>0.35520747271503744</v>
      </c>
      <c r="K5378" s="59">
        <f>Bühler!K5404</f>
        <v>0.53281120907255619</v>
      </c>
      <c r="L5378" s="59">
        <f>Bühler!L5404</f>
        <v>8.2312231571996826</v>
      </c>
      <c r="M5378" s="58">
        <f>Bühler!M5404</f>
        <v>0</v>
      </c>
      <c r="N5378" s="56">
        <f>IF(Input!$D$19=1,J5378*Input!$C$19,0)+IF(Input!$D$20=1,K5378*Input!$C$20,0)+IF(Input!$D$21=1,L5378*Input!$C$21,0)+IF(Input!$D$22=1,M5378*Input!$C$22,0)</f>
        <v>0.10656224181451122</v>
      </c>
      <c r="O5378" s="59">
        <f>IF(Input!$D$19=2,J5378*Input!$C$19,0)+IF(Input!$D$20=2,K5378*Input!$C$20,0)+IF(Input!$D$21=2,L5378*Input!$C$21,0)+IF(Input!$D$22=2,M5378*Input!$C$22,0)</f>
        <v>0.2664056045362781</v>
      </c>
      <c r="P5378" s="59">
        <f>IF(Input!$D$19=3,J5378*Input!$C$19,0)+IF(Input!$D$20=3,K5378*Input!$C$20,0)+IF(Input!$D$21=3,L5378*Input!$C$21,0)+IF(Input!$D$22=3,M5378*Input!$C$22,0)</f>
        <v>0</v>
      </c>
      <c r="Q5378" s="75">
        <f>IF(Input!$D$19=4,J5378*Input!$C$19,0)+IF(Input!$D$20=4,K5378*Input!$C$20,0)+IF(Input!$D$21=4,L5378*Input!$C$21,0)+IF(Input!$D$22=4,M5378*Input!$C$22,0)</f>
        <v>0</v>
      </c>
      <c r="R5378" s="58">
        <v>40.073284571617421</v>
      </c>
      <c r="S5378" s="124">
        <f t="shared" si="83"/>
        <v>0.46176971452954868</v>
      </c>
    </row>
    <row r="5379" spans="8:19" x14ac:dyDescent="0.3">
      <c r="H5379" s="44">
        <v>5372</v>
      </c>
      <c r="I5379" s="56">
        <f>Bühler!I5405</f>
        <v>8.9609157889475349E-2</v>
      </c>
      <c r="J5379" s="59">
        <f>Bühler!J5405</f>
        <v>0.29869719296491787</v>
      </c>
      <c r="K5379" s="59">
        <f>Bühler!K5405</f>
        <v>0.44804578944737677</v>
      </c>
      <c r="L5379" s="59">
        <f>Bühler!L5405</f>
        <v>6.9217103821906427</v>
      </c>
      <c r="M5379" s="58">
        <f>Bühler!M5405</f>
        <v>0</v>
      </c>
      <c r="N5379" s="56">
        <f>IF(Input!$D$19=1,J5379*Input!$C$19,0)+IF(Input!$D$20=1,K5379*Input!$C$20,0)+IF(Input!$D$21=1,L5379*Input!$C$21,0)+IF(Input!$D$22=1,M5379*Input!$C$22,0)</f>
        <v>8.9609157889475363E-2</v>
      </c>
      <c r="O5379" s="59">
        <f>IF(Input!$D$19=2,J5379*Input!$C$19,0)+IF(Input!$D$20=2,K5379*Input!$C$20,0)+IF(Input!$D$21=2,L5379*Input!$C$21,0)+IF(Input!$D$22=2,M5379*Input!$C$22,0)</f>
        <v>0.22402289472368839</v>
      </c>
      <c r="P5379" s="59">
        <f>IF(Input!$D$19=3,J5379*Input!$C$19,0)+IF(Input!$D$20=3,K5379*Input!$C$20,0)+IF(Input!$D$21=3,L5379*Input!$C$21,0)+IF(Input!$D$22=3,M5379*Input!$C$22,0)</f>
        <v>0</v>
      </c>
      <c r="Q5379" s="75">
        <f>IF(Input!$D$19=4,J5379*Input!$C$19,0)+IF(Input!$D$20=4,K5379*Input!$C$20,0)+IF(Input!$D$21=4,L5379*Input!$C$21,0)+IF(Input!$D$22=4,M5379*Input!$C$22,0)</f>
        <v>0</v>
      </c>
      <c r="R5379" s="58">
        <v>40.537074707984793</v>
      </c>
      <c r="S5379" s="124">
        <f t="shared" si="83"/>
        <v>0.38830635085439325</v>
      </c>
    </row>
    <row r="5380" spans="8:19" x14ac:dyDescent="0.3">
      <c r="H5380" s="44">
        <v>5373</v>
      </c>
      <c r="I5380" s="56">
        <f>Bühler!I5406</f>
        <v>7.5077943096587441E-2</v>
      </c>
      <c r="J5380" s="59">
        <f>Bühler!J5406</f>
        <v>0.25025981032195815</v>
      </c>
      <c r="K5380" s="59">
        <f>Bühler!K5406</f>
        <v>0.37538971548293726</v>
      </c>
      <c r="L5380" s="59">
        <f>Bühler!L5406</f>
        <v>5.7992708607543211</v>
      </c>
      <c r="M5380" s="58">
        <f>Bühler!M5406</f>
        <v>0</v>
      </c>
      <c r="N5380" s="56">
        <f>IF(Input!$D$19=1,J5380*Input!$C$19,0)+IF(Input!$D$20=1,K5380*Input!$C$20,0)+IF(Input!$D$21=1,L5380*Input!$C$21,0)+IF(Input!$D$22=1,M5380*Input!$C$22,0)</f>
        <v>7.5077943096587441E-2</v>
      </c>
      <c r="O5380" s="59">
        <f>IF(Input!$D$19=2,J5380*Input!$C$19,0)+IF(Input!$D$20=2,K5380*Input!$C$20,0)+IF(Input!$D$21=2,L5380*Input!$C$21,0)+IF(Input!$D$22=2,M5380*Input!$C$22,0)</f>
        <v>0.18769485774146863</v>
      </c>
      <c r="P5380" s="59">
        <f>IF(Input!$D$19=3,J5380*Input!$C$19,0)+IF(Input!$D$20=3,K5380*Input!$C$20,0)+IF(Input!$D$21=3,L5380*Input!$C$21,0)+IF(Input!$D$22=3,M5380*Input!$C$22,0)</f>
        <v>0</v>
      </c>
      <c r="Q5380" s="75">
        <f>IF(Input!$D$19=4,J5380*Input!$C$19,0)+IF(Input!$D$20=4,K5380*Input!$C$20,0)+IF(Input!$D$21=4,L5380*Input!$C$21,0)+IF(Input!$D$22=4,M5380*Input!$C$22,0)</f>
        <v>0</v>
      </c>
      <c r="R5380" s="58">
        <v>40.24860390100956</v>
      </c>
      <c r="S5380" s="124">
        <f t="shared" si="83"/>
        <v>0.32533775341854559</v>
      </c>
    </row>
    <row r="5381" spans="8:19" x14ac:dyDescent="0.3">
      <c r="H5381" s="44">
        <v>5374</v>
      </c>
      <c r="I5381" s="56">
        <f>Bühler!I5407</f>
        <v>6.539046656799552E-2</v>
      </c>
      <c r="J5381" s="59">
        <f>Bühler!J5407</f>
        <v>0.21796822189331844</v>
      </c>
      <c r="K5381" s="59">
        <f>Bühler!K5407</f>
        <v>0.32695233283997766</v>
      </c>
      <c r="L5381" s="59">
        <f>Bühler!L5407</f>
        <v>5.0509778464634421</v>
      </c>
      <c r="M5381" s="58">
        <f>Bühler!M5407</f>
        <v>0</v>
      </c>
      <c r="N5381" s="56">
        <f>IF(Input!$D$19=1,J5381*Input!$C$19,0)+IF(Input!$D$20=1,K5381*Input!$C$20,0)+IF(Input!$D$21=1,L5381*Input!$C$21,0)+IF(Input!$D$22=1,M5381*Input!$C$22,0)</f>
        <v>6.5390466567995534E-2</v>
      </c>
      <c r="O5381" s="59">
        <f>IF(Input!$D$19=2,J5381*Input!$C$19,0)+IF(Input!$D$20=2,K5381*Input!$C$20,0)+IF(Input!$D$21=2,L5381*Input!$C$21,0)+IF(Input!$D$22=2,M5381*Input!$C$22,0)</f>
        <v>0.16347616641998883</v>
      </c>
      <c r="P5381" s="59">
        <f>IF(Input!$D$19=3,J5381*Input!$C$19,0)+IF(Input!$D$20=3,K5381*Input!$C$20,0)+IF(Input!$D$21=3,L5381*Input!$C$21,0)+IF(Input!$D$22=3,M5381*Input!$C$22,0)</f>
        <v>0</v>
      </c>
      <c r="Q5381" s="75">
        <f>IF(Input!$D$19=4,J5381*Input!$C$19,0)+IF(Input!$D$20=4,K5381*Input!$C$20,0)+IF(Input!$D$21=4,L5381*Input!$C$21,0)+IF(Input!$D$22=4,M5381*Input!$C$22,0)</f>
        <v>0</v>
      </c>
      <c r="R5381" s="58">
        <v>40.610868722648362</v>
      </c>
      <c r="S5381" s="124">
        <f t="shared" si="83"/>
        <v>0.28335868846131396</v>
      </c>
    </row>
    <row r="5382" spans="8:19" x14ac:dyDescent="0.3">
      <c r="H5382" s="44">
        <v>5375</v>
      </c>
      <c r="I5382" s="56">
        <f>Bühler!I5408</f>
        <v>6.539046656799552E-2</v>
      </c>
      <c r="J5382" s="59">
        <f>Bühler!J5408</f>
        <v>0.21796822189331844</v>
      </c>
      <c r="K5382" s="59">
        <f>Bühler!K5408</f>
        <v>0.32695233283997766</v>
      </c>
      <c r="L5382" s="59">
        <f>Bühler!L5408</f>
        <v>5.0509778464634421</v>
      </c>
      <c r="M5382" s="58">
        <f>Bühler!M5408</f>
        <v>0</v>
      </c>
      <c r="N5382" s="56">
        <f>IF(Input!$D$19=1,J5382*Input!$C$19,0)+IF(Input!$D$20=1,K5382*Input!$C$20,0)+IF(Input!$D$21=1,L5382*Input!$C$21,0)+IF(Input!$D$22=1,M5382*Input!$C$22,0)</f>
        <v>6.5390466567995534E-2</v>
      </c>
      <c r="O5382" s="59">
        <f>IF(Input!$D$19=2,J5382*Input!$C$19,0)+IF(Input!$D$20=2,K5382*Input!$C$20,0)+IF(Input!$D$21=2,L5382*Input!$C$21,0)+IF(Input!$D$22=2,M5382*Input!$C$22,0)</f>
        <v>0.16347616641998883</v>
      </c>
      <c r="P5382" s="59">
        <f>IF(Input!$D$19=3,J5382*Input!$C$19,0)+IF(Input!$D$20=3,K5382*Input!$C$20,0)+IF(Input!$D$21=3,L5382*Input!$C$21,0)+IF(Input!$D$22=3,M5382*Input!$C$22,0)</f>
        <v>0</v>
      </c>
      <c r="Q5382" s="75">
        <f>IF(Input!$D$19=4,J5382*Input!$C$19,0)+IF(Input!$D$20=4,K5382*Input!$C$20,0)+IF(Input!$D$21=4,L5382*Input!$C$21,0)+IF(Input!$D$22=4,M5382*Input!$C$22,0)</f>
        <v>0</v>
      </c>
      <c r="R5382" s="58">
        <v>41.249581206283388</v>
      </c>
      <c r="S5382" s="124">
        <f t="shared" si="83"/>
        <v>0.28335868846131396</v>
      </c>
    </row>
    <row r="5383" spans="8:19" x14ac:dyDescent="0.3">
      <c r="H5383" s="44">
        <v>5376</v>
      </c>
      <c r="I5383" s="56">
        <f>Bühler!I5409</f>
        <v>6.539046656799552E-2</v>
      </c>
      <c r="J5383" s="59">
        <f>Bühler!J5409</f>
        <v>0.21796822189331844</v>
      </c>
      <c r="K5383" s="59">
        <f>Bühler!K5409</f>
        <v>0.32695233283997766</v>
      </c>
      <c r="L5383" s="59">
        <f>Bühler!L5409</f>
        <v>5.0509778464634421</v>
      </c>
      <c r="M5383" s="58">
        <f>Bühler!M5409</f>
        <v>0</v>
      </c>
      <c r="N5383" s="56">
        <f>IF(Input!$D$19=1,J5383*Input!$C$19,0)+IF(Input!$D$20=1,K5383*Input!$C$20,0)+IF(Input!$D$21=1,L5383*Input!$C$21,0)+IF(Input!$D$22=1,M5383*Input!$C$22,0)</f>
        <v>6.5390466567995534E-2</v>
      </c>
      <c r="O5383" s="59">
        <f>IF(Input!$D$19=2,J5383*Input!$C$19,0)+IF(Input!$D$20=2,K5383*Input!$C$20,0)+IF(Input!$D$21=2,L5383*Input!$C$21,0)+IF(Input!$D$22=2,M5383*Input!$C$22,0)</f>
        <v>0.16347616641998883</v>
      </c>
      <c r="P5383" s="59">
        <f>IF(Input!$D$19=3,J5383*Input!$C$19,0)+IF(Input!$D$20=3,K5383*Input!$C$20,0)+IF(Input!$D$21=3,L5383*Input!$C$21,0)+IF(Input!$D$22=3,M5383*Input!$C$22,0)</f>
        <v>0</v>
      </c>
      <c r="Q5383" s="75">
        <f>IF(Input!$D$19=4,J5383*Input!$C$19,0)+IF(Input!$D$20=4,K5383*Input!$C$20,0)+IF(Input!$D$21=4,L5383*Input!$C$21,0)+IF(Input!$D$22=4,M5383*Input!$C$22,0)</f>
        <v>0</v>
      </c>
      <c r="R5383" s="58">
        <v>41.851721260584988</v>
      </c>
      <c r="S5383" s="124">
        <f t="shared" si="83"/>
        <v>0.28335868846131396</v>
      </c>
    </row>
    <row r="5384" spans="8:19" x14ac:dyDescent="0.3">
      <c r="H5384" s="44">
        <v>5377</v>
      </c>
      <c r="I5384" s="56">
        <f>Bühler!I5410</f>
        <v>6.9545860454202704E-2</v>
      </c>
      <c r="J5384" s="59">
        <f>Bühler!J5410</f>
        <v>0.23181953484734238</v>
      </c>
      <c r="K5384" s="59">
        <f>Bühler!K5410</f>
        <v>0.34772930227101356</v>
      </c>
      <c r="L5384" s="59">
        <f>Bühler!L5410</f>
        <v>1.669100650900865</v>
      </c>
      <c r="M5384" s="58">
        <f>Bühler!M5410</f>
        <v>0</v>
      </c>
      <c r="N5384" s="56">
        <f>IF(Input!$D$19=1,J5384*Input!$C$19,0)+IF(Input!$D$20=1,K5384*Input!$C$20,0)+IF(Input!$D$21=1,L5384*Input!$C$21,0)+IF(Input!$D$22=1,M5384*Input!$C$22,0)</f>
        <v>6.9545860454202718E-2</v>
      </c>
      <c r="O5384" s="59">
        <f>IF(Input!$D$19=2,J5384*Input!$C$19,0)+IF(Input!$D$20=2,K5384*Input!$C$20,0)+IF(Input!$D$21=2,L5384*Input!$C$21,0)+IF(Input!$D$22=2,M5384*Input!$C$22,0)</f>
        <v>0.17386465113550678</v>
      </c>
      <c r="P5384" s="59">
        <f>IF(Input!$D$19=3,J5384*Input!$C$19,0)+IF(Input!$D$20=3,K5384*Input!$C$20,0)+IF(Input!$D$21=3,L5384*Input!$C$21,0)+IF(Input!$D$22=3,M5384*Input!$C$22,0)</f>
        <v>0</v>
      </c>
      <c r="Q5384" s="75">
        <f>IF(Input!$D$19=4,J5384*Input!$C$19,0)+IF(Input!$D$20=4,K5384*Input!$C$20,0)+IF(Input!$D$21=4,L5384*Input!$C$21,0)+IF(Input!$D$22=4,M5384*Input!$C$22,0)</f>
        <v>0</v>
      </c>
      <c r="R5384" s="58">
        <v>41.751952591757231</v>
      </c>
      <c r="S5384" s="124">
        <f t="shared" si="83"/>
        <v>0.3013653953015451</v>
      </c>
    </row>
    <row r="5385" spans="8:19" x14ac:dyDescent="0.3">
      <c r="H5385" s="44">
        <v>5378</v>
      </c>
      <c r="I5385" s="56">
        <f>Bühler!I5411</f>
        <v>6.9545860454202704E-2</v>
      </c>
      <c r="J5385" s="59">
        <f>Bühler!J5411</f>
        <v>0.23181953484734238</v>
      </c>
      <c r="K5385" s="59">
        <f>Bühler!K5411</f>
        <v>0.34772930227101356</v>
      </c>
      <c r="L5385" s="59">
        <f>Bühler!L5411</f>
        <v>1.669100650900865</v>
      </c>
      <c r="M5385" s="58">
        <f>Bühler!M5411</f>
        <v>0</v>
      </c>
      <c r="N5385" s="56">
        <f>IF(Input!$D$19=1,J5385*Input!$C$19,0)+IF(Input!$D$20=1,K5385*Input!$C$20,0)+IF(Input!$D$21=1,L5385*Input!$C$21,0)+IF(Input!$D$22=1,M5385*Input!$C$22,0)</f>
        <v>6.9545860454202718E-2</v>
      </c>
      <c r="O5385" s="59">
        <f>IF(Input!$D$19=2,J5385*Input!$C$19,0)+IF(Input!$D$20=2,K5385*Input!$C$20,0)+IF(Input!$D$21=2,L5385*Input!$C$21,0)+IF(Input!$D$22=2,M5385*Input!$C$22,0)</f>
        <v>0.17386465113550678</v>
      </c>
      <c r="P5385" s="59">
        <f>IF(Input!$D$19=3,J5385*Input!$C$19,0)+IF(Input!$D$20=3,K5385*Input!$C$20,0)+IF(Input!$D$21=3,L5385*Input!$C$21,0)+IF(Input!$D$22=3,M5385*Input!$C$22,0)</f>
        <v>0</v>
      </c>
      <c r="Q5385" s="75">
        <f>IF(Input!$D$19=4,J5385*Input!$C$19,0)+IF(Input!$D$20=4,K5385*Input!$C$20,0)+IF(Input!$D$21=4,L5385*Input!$C$21,0)+IF(Input!$D$22=4,M5385*Input!$C$22,0)</f>
        <v>0</v>
      </c>
      <c r="R5385" s="58">
        <v>41.881549916851384</v>
      </c>
      <c r="S5385" s="124">
        <f t="shared" ref="S5385:S5448" si="84">I5385+J5385</f>
        <v>0.3013653953015451</v>
      </c>
    </row>
    <row r="5386" spans="8:19" x14ac:dyDescent="0.3">
      <c r="H5386" s="44">
        <v>5379</v>
      </c>
      <c r="I5386" s="56">
        <f>Bühler!I5412</f>
        <v>6.9545860454202704E-2</v>
      </c>
      <c r="J5386" s="59">
        <f>Bühler!J5412</f>
        <v>0.23181953484734238</v>
      </c>
      <c r="K5386" s="59">
        <f>Bühler!K5412</f>
        <v>0.34772930227101356</v>
      </c>
      <c r="L5386" s="59">
        <f>Bühler!L5412</f>
        <v>1.669100650900865</v>
      </c>
      <c r="M5386" s="58">
        <f>Bühler!M5412</f>
        <v>0</v>
      </c>
      <c r="N5386" s="56">
        <f>IF(Input!$D$19=1,J5386*Input!$C$19,0)+IF(Input!$D$20=1,K5386*Input!$C$20,0)+IF(Input!$D$21=1,L5386*Input!$C$21,0)+IF(Input!$D$22=1,M5386*Input!$C$22,0)</f>
        <v>6.9545860454202718E-2</v>
      </c>
      <c r="O5386" s="59">
        <f>IF(Input!$D$19=2,J5386*Input!$C$19,0)+IF(Input!$D$20=2,K5386*Input!$C$20,0)+IF(Input!$D$21=2,L5386*Input!$C$21,0)+IF(Input!$D$22=2,M5386*Input!$C$22,0)</f>
        <v>0.17386465113550678</v>
      </c>
      <c r="P5386" s="59">
        <f>IF(Input!$D$19=3,J5386*Input!$C$19,0)+IF(Input!$D$20=3,K5386*Input!$C$20,0)+IF(Input!$D$21=3,L5386*Input!$C$21,0)+IF(Input!$D$22=3,M5386*Input!$C$22,0)</f>
        <v>0</v>
      </c>
      <c r="Q5386" s="75">
        <f>IF(Input!$D$19=4,J5386*Input!$C$19,0)+IF(Input!$D$20=4,K5386*Input!$C$20,0)+IF(Input!$D$21=4,L5386*Input!$C$21,0)+IF(Input!$D$22=4,M5386*Input!$C$22,0)</f>
        <v>0</v>
      </c>
      <c r="R5386" s="58">
        <v>42.342227764358576</v>
      </c>
      <c r="S5386" s="124">
        <f t="shared" si="84"/>
        <v>0.3013653953015451</v>
      </c>
    </row>
    <row r="5387" spans="8:19" x14ac:dyDescent="0.3">
      <c r="H5387" s="44">
        <v>5380</v>
      </c>
      <c r="I5387" s="56">
        <f>Bühler!I5413</f>
        <v>6.9545860454202704E-2</v>
      </c>
      <c r="J5387" s="59">
        <f>Bühler!J5413</f>
        <v>0.23181953484734238</v>
      </c>
      <c r="K5387" s="59">
        <f>Bühler!K5413</f>
        <v>0.34772930227101356</v>
      </c>
      <c r="L5387" s="59">
        <f>Bühler!L5413</f>
        <v>1.669100650900865</v>
      </c>
      <c r="M5387" s="58">
        <f>Bühler!M5413</f>
        <v>0</v>
      </c>
      <c r="N5387" s="56">
        <f>IF(Input!$D$19=1,J5387*Input!$C$19,0)+IF(Input!$D$20=1,K5387*Input!$C$20,0)+IF(Input!$D$21=1,L5387*Input!$C$21,0)+IF(Input!$D$22=1,M5387*Input!$C$22,0)</f>
        <v>6.9545860454202718E-2</v>
      </c>
      <c r="O5387" s="59">
        <f>IF(Input!$D$19=2,J5387*Input!$C$19,0)+IF(Input!$D$20=2,K5387*Input!$C$20,0)+IF(Input!$D$21=2,L5387*Input!$C$21,0)+IF(Input!$D$22=2,M5387*Input!$C$22,0)</f>
        <v>0.17386465113550678</v>
      </c>
      <c r="P5387" s="59">
        <f>IF(Input!$D$19=3,J5387*Input!$C$19,0)+IF(Input!$D$20=3,K5387*Input!$C$20,0)+IF(Input!$D$21=3,L5387*Input!$C$21,0)+IF(Input!$D$22=3,M5387*Input!$C$22,0)</f>
        <v>0</v>
      </c>
      <c r="Q5387" s="75">
        <f>IF(Input!$D$19=4,J5387*Input!$C$19,0)+IF(Input!$D$20=4,K5387*Input!$C$20,0)+IF(Input!$D$21=4,L5387*Input!$C$21,0)+IF(Input!$D$22=4,M5387*Input!$C$22,0)</f>
        <v>0</v>
      </c>
      <c r="R5387" s="58">
        <v>43.805427656179099</v>
      </c>
      <c r="S5387" s="124">
        <f t="shared" si="84"/>
        <v>0.3013653953015451</v>
      </c>
    </row>
    <row r="5388" spans="8:19" x14ac:dyDescent="0.3">
      <c r="H5388" s="44">
        <v>5381</v>
      </c>
      <c r="I5388" s="56">
        <f>Bühler!I5414</f>
        <v>6.9545860454202704E-2</v>
      </c>
      <c r="J5388" s="59">
        <f>Bühler!J5414</f>
        <v>0.23181953484734238</v>
      </c>
      <c r="K5388" s="59">
        <f>Bühler!K5414</f>
        <v>0.34772930227101356</v>
      </c>
      <c r="L5388" s="59">
        <f>Bühler!L5414</f>
        <v>1.669100650900865</v>
      </c>
      <c r="M5388" s="58">
        <f>Bühler!M5414</f>
        <v>0</v>
      </c>
      <c r="N5388" s="56">
        <f>IF(Input!$D$19=1,J5388*Input!$C$19,0)+IF(Input!$D$20=1,K5388*Input!$C$20,0)+IF(Input!$D$21=1,L5388*Input!$C$21,0)+IF(Input!$D$22=1,M5388*Input!$C$22,0)</f>
        <v>6.9545860454202718E-2</v>
      </c>
      <c r="O5388" s="59">
        <f>IF(Input!$D$19=2,J5388*Input!$C$19,0)+IF(Input!$D$20=2,K5388*Input!$C$20,0)+IF(Input!$D$21=2,L5388*Input!$C$21,0)+IF(Input!$D$22=2,M5388*Input!$C$22,0)</f>
        <v>0.17386465113550678</v>
      </c>
      <c r="P5388" s="59">
        <f>IF(Input!$D$19=3,J5388*Input!$C$19,0)+IF(Input!$D$20=3,K5388*Input!$C$20,0)+IF(Input!$D$21=3,L5388*Input!$C$21,0)+IF(Input!$D$22=3,M5388*Input!$C$22,0)</f>
        <v>0</v>
      </c>
      <c r="Q5388" s="75">
        <f>IF(Input!$D$19=4,J5388*Input!$C$19,0)+IF(Input!$D$20=4,K5388*Input!$C$20,0)+IF(Input!$D$21=4,L5388*Input!$C$21,0)+IF(Input!$D$22=4,M5388*Input!$C$22,0)</f>
        <v>0</v>
      </c>
      <c r="R5388" s="58">
        <v>47.171535432310307</v>
      </c>
      <c r="S5388" s="124">
        <f t="shared" si="84"/>
        <v>0.3013653953015451</v>
      </c>
    </row>
    <row r="5389" spans="8:19" x14ac:dyDescent="0.3">
      <c r="H5389" s="44">
        <v>5382</v>
      </c>
      <c r="I5389" s="56">
        <f>Bühler!I5415</f>
        <v>0.3013653953015451</v>
      </c>
      <c r="J5389" s="59">
        <f>Bühler!J5415</f>
        <v>1.004551317671817</v>
      </c>
      <c r="K5389" s="59">
        <f>Bühler!K5415</f>
        <v>1.5068269765077256</v>
      </c>
      <c r="L5389" s="59">
        <f>Bühler!L5415</f>
        <v>7.232769487237082</v>
      </c>
      <c r="M5389" s="58">
        <f>Bühler!M5415</f>
        <v>0</v>
      </c>
      <c r="N5389" s="56">
        <f>IF(Input!$D$19=1,J5389*Input!$C$19,0)+IF(Input!$D$20=1,K5389*Input!$C$20,0)+IF(Input!$D$21=1,L5389*Input!$C$21,0)+IF(Input!$D$22=1,M5389*Input!$C$22,0)</f>
        <v>0.3013653953015451</v>
      </c>
      <c r="O5389" s="59">
        <f>IF(Input!$D$19=2,J5389*Input!$C$19,0)+IF(Input!$D$20=2,K5389*Input!$C$20,0)+IF(Input!$D$21=2,L5389*Input!$C$21,0)+IF(Input!$D$22=2,M5389*Input!$C$22,0)</f>
        <v>0.75341348825386278</v>
      </c>
      <c r="P5389" s="59">
        <f>IF(Input!$D$19=3,J5389*Input!$C$19,0)+IF(Input!$D$20=3,K5389*Input!$C$20,0)+IF(Input!$D$21=3,L5389*Input!$C$21,0)+IF(Input!$D$22=3,M5389*Input!$C$22,0)</f>
        <v>0</v>
      </c>
      <c r="Q5389" s="75">
        <f>IF(Input!$D$19=4,J5389*Input!$C$19,0)+IF(Input!$D$20=4,K5389*Input!$C$20,0)+IF(Input!$D$21=4,L5389*Input!$C$21,0)+IF(Input!$D$22=4,M5389*Input!$C$22,0)</f>
        <v>0</v>
      </c>
      <c r="R5389" s="58">
        <v>52.389516588933127</v>
      </c>
      <c r="S5389" s="124">
        <f t="shared" si="84"/>
        <v>1.3059167129733622</v>
      </c>
    </row>
    <row r="5390" spans="8:19" x14ac:dyDescent="0.3">
      <c r="H5390" s="44">
        <v>5383</v>
      </c>
      <c r="I5390" s="56">
        <f>Bühler!I5416</f>
        <v>0.34193381389983002</v>
      </c>
      <c r="J5390" s="59">
        <f>Bühler!J5416</f>
        <v>1.1397793796661</v>
      </c>
      <c r="K5390" s="59">
        <f>Bühler!K5416</f>
        <v>1.7096690694991501</v>
      </c>
      <c r="L5390" s="59">
        <f>Bühler!L5416</f>
        <v>8.2064115335959205</v>
      </c>
      <c r="M5390" s="58">
        <f>Bühler!M5416</f>
        <v>0</v>
      </c>
      <c r="N5390" s="56">
        <f>IF(Input!$D$19=1,J5390*Input!$C$19,0)+IF(Input!$D$20=1,K5390*Input!$C$20,0)+IF(Input!$D$21=1,L5390*Input!$C$21,0)+IF(Input!$D$22=1,M5390*Input!$C$22,0)</f>
        <v>0.34193381389982996</v>
      </c>
      <c r="O5390" s="59">
        <f>IF(Input!$D$19=2,J5390*Input!$C$19,0)+IF(Input!$D$20=2,K5390*Input!$C$20,0)+IF(Input!$D$21=2,L5390*Input!$C$21,0)+IF(Input!$D$22=2,M5390*Input!$C$22,0)</f>
        <v>0.85483453474957505</v>
      </c>
      <c r="P5390" s="59">
        <f>IF(Input!$D$19=3,J5390*Input!$C$19,0)+IF(Input!$D$20=3,K5390*Input!$C$20,0)+IF(Input!$D$21=3,L5390*Input!$C$21,0)+IF(Input!$D$22=3,M5390*Input!$C$22,0)</f>
        <v>0</v>
      </c>
      <c r="Q5390" s="75">
        <f>IF(Input!$D$19=4,J5390*Input!$C$19,0)+IF(Input!$D$20=4,K5390*Input!$C$20,0)+IF(Input!$D$21=4,L5390*Input!$C$21,0)+IF(Input!$D$22=4,M5390*Input!$C$22,0)</f>
        <v>0</v>
      </c>
      <c r="R5390" s="58">
        <v>57.502946756248939</v>
      </c>
      <c r="S5390" s="124">
        <f t="shared" si="84"/>
        <v>1.48171319356593</v>
      </c>
    </row>
    <row r="5391" spans="8:19" x14ac:dyDescent="0.3">
      <c r="H5391" s="44">
        <v>5384</v>
      </c>
      <c r="I5391" s="56">
        <f>Bühler!I5417</f>
        <v>0.34193381389983002</v>
      </c>
      <c r="J5391" s="59">
        <f>Bühler!J5417</f>
        <v>1.1397793796661</v>
      </c>
      <c r="K5391" s="59">
        <f>Bühler!K5417</f>
        <v>1.7096690694991501</v>
      </c>
      <c r="L5391" s="59">
        <f>Bühler!L5417</f>
        <v>8.2064115335959205</v>
      </c>
      <c r="M5391" s="58">
        <f>Bühler!M5417</f>
        <v>0</v>
      </c>
      <c r="N5391" s="56">
        <f>IF(Input!$D$19=1,J5391*Input!$C$19,0)+IF(Input!$D$20=1,K5391*Input!$C$20,0)+IF(Input!$D$21=1,L5391*Input!$C$21,0)+IF(Input!$D$22=1,M5391*Input!$C$22,0)</f>
        <v>0.34193381389982996</v>
      </c>
      <c r="O5391" s="59">
        <f>IF(Input!$D$19=2,J5391*Input!$C$19,0)+IF(Input!$D$20=2,K5391*Input!$C$20,0)+IF(Input!$D$21=2,L5391*Input!$C$21,0)+IF(Input!$D$22=2,M5391*Input!$C$22,0)</f>
        <v>0.85483453474957505</v>
      </c>
      <c r="P5391" s="59">
        <f>IF(Input!$D$19=3,J5391*Input!$C$19,0)+IF(Input!$D$20=3,K5391*Input!$C$20,0)+IF(Input!$D$21=3,L5391*Input!$C$21,0)+IF(Input!$D$22=3,M5391*Input!$C$22,0)</f>
        <v>0</v>
      </c>
      <c r="Q5391" s="75">
        <f>IF(Input!$D$19=4,J5391*Input!$C$19,0)+IF(Input!$D$20=4,K5391*Input!$C$20,0)+IF(Input!$D$21=4,L5391*Input!$C$21,0)+IF(Input!$D$22=4,M5391*Input!$C$22,0)</f>
        <v>0</v>
      </c>
      <c r="R5391" s="58">
        <v>60.572269185863661</v>
      </c>
      <c r="S5391" s="124">
        <f t="shared" si="84"/>
        <v>1.48171319356593</v>
      </c>
    </row>
    <row r="5392" spans="8:19" x14ac:dyDescent="0.3">
      <c r="H5392" s="44">
        <v>5385</v>
      </c>
      <c r="I5392" s="56">
        <f>Bühler!I5418</f>
        <v>0.34193381389983002</v>
      </c>
      <c r="J5392" s="59">
        <f>Bühler!J5418</f>
        <v>1.1397793796661</v>
      </c>
      <c r="K5392" s="59">
        <f>Bühler!K5418</f>
        <v>1.7096690694991501</v>
      </c>
      <c r="L5392" s="59">
        <f>Bühler!L5418</f>
        <v>8.2064115335959205</v>
      </c>
      <c r="M5392" s="58">
        <f>Bühler!M5418</f>
        <v>0</v>
      </c>
      <c r="N5392" s="56">
        <f>IF(Input!$D$19=1,J5392*Input!$C$19,0)+IF(Input!$D$20=1,K5392*Input!$C$20,0)+IF(Input!$D$21=1,L5392*Input!$C$21,0)+IF(Input!$D$22=1,M5392*Input!$C$22,0)</f>
        <v>0.34193381389982996</v>
      </c>
      <c r="O5392" s="59">
        <f>IF(Input!$D$19=2,J5392*Input!$C$19,0)+IF(Input!$D$20=2,K5392*Input!$C$20,0)+IF(Input!$D$21=2,L5392*Input!$C$21,0)+IF(Input!$D$22=2,M5392*Input!$C$22,0)</f>
        <v>0.85483453474957505</v>
      </c>
      <c r="P5392" s="59">
        <f>IF(Input!$D$19=3,J5392*Input!$C$19,0)+IF(Input!$D$20=3,K5392*Input!$C$20,0)+IF(Input!$D$21=3,L5392*Input!$C$21,0)+IF(Input!$D$22=3,M5392*Input!$C$22,0)</f>
        <v>0</v>
      </c>
      <c r="Q5392" s="75">
        <f>IF(Input!$D$19=4,J5392*Input!$C$19,0)+IF(Input!$D$20=4,K5392*Input!$C$20,0)+IF(Input!$D$21=4,L5392*Input!$C$21,0)+IF(Input!$D$22=4,M5392*Input!$C$22,0)</f>
        <v>0</v>
      </c>
      <c r="R5392" s="58">
        <v>63.062135951391973</v>
      </c>
      <c r="S5392" s="124">
        <f t="shared" si="84"/>
        <v>1.48171319356593</v>
      </c>
    </row>
    <row r="5393" spans="8:19" x14ac:dyDescent="0.3">
      <c r="H5393" s="44">
        <v>5386</v>
      </c>
      <c r="I5393" s="56">
        <f>Bühler!I5419</f>
        <v>0.36511576738456425</v>
      </c>
      <c r="J5393" s="59">
        <f>Bühler!J5419</f>
        <v>1.2170525579485476</v>
      </c>
      <c r="K5393" s="59">
        <f>Bühler!K5419</f>
        <v>1.8255788369228214</v>
      </c>
      <c r="L5393" s="59">
        <f>Bühler!L5419</f>
        <v>8.7627784172295424</v>
      </c>
      <c r="M5393" s="58">
        <f>Bühler!M5419</f>
        <v>0</v>
      </c>
      <c r="N5393" s="56">
        <f>IF(Input!$D$19=1,J5393*Input!$C$19,0)+IF(Input!$D$20=1,K5393*Input!$C$20,0)+IF(Input!$D$21=1,L5393*Input!$C$21,0)+IF(Input!$D$22=1,M5393*Input!$C$22,0)</f>
        <v>0.36511576738456425</v>
      </c>
      <c r="O5393" s="59">
        <f>IF(Input!$D$19=2,J5393*Input!$C$19,0)+IF(Input!$D$20=2,K5393*Input!$C$20,0)+IF(Input!$D$21=2,L5393*Input!$C$21,0)+IF(Input!$D$22=2,M5393*Input!$C$22,0)</f>
        <v>0.91278941846141071</v>
      </c>
      <c r="P5393" s="59">
        <f>IF(Input!$D$19=3,J5393*Input!$C$19,0)+IF(Input!$D$20=3,K5393*Input!$C$20,0)+IF(Input!$D$21=3,L5393*Input!$C$21,0)+IF(Input!$D$22=3,M5393*Input!$C$22,0)</f>
        <v>0</v>
      </c>
      <c r="Q5393" s="75">
        <f>IF(Input!$D$19=4,J5393*Input!$C$19,0)+IF(Input!$D$20=4,K5393*Input!$C$20,0)+IF(Input!$D$21=4,L5393*Input!$C$21,0)+IF(Input!$D$22=4,M5393*Input!$C$22,0)</f>
        <v>0</v>
      </c>
      <c r="R5393" s="58">
        <v>64.286079561384796</v>
      </c>
      <c r="S5393" s="124">
        <f t="shared" si="84"/>
        <v>1.5821683253331118</v>
      </c>
    </row>
    <row r="5394" spans="8:19" x14ac:dyDescent="0.3">
      <c r="H5394" s="44">
        <v>5387</v>
      </c>
      <c r="I5394" s="56">
        <f>Bühler!I5420</f>
        <v>0.36511576738456425</v>
      </c>
      <c r="J5394" s="59">
        <f>Bühler!J5420</f>
        <v>1.2170525579485476</v>
      </c>
      <c r="K5394" s="59">
        <f>Bühler!K5420</f>
        <v>1.8255788369228214</v>
      </c>
      <c r="L5394" s="59">
        <f>Bühler!L5420</f>
        <v>8.7627784172295424</v>
      </c>
      <c r="M5394" s="58">
        <f>Bühler!M5420</f>
        <v>0</v>
      </c>
      <c r="N5394" s="56">
        <f>IF(Input!$D$19=1,J5394*Input!$C$19,0)+IF(Input!$D$20=1,K5394*Input!$C$20,0)+IF(Input!$D$21=1,L5394*Input!$C$21,0)+IF(Input!$D$22=1,M5394*Input!$C$22,0)</f>
        <v>0.36511576738456425</v>
      </c>
      <c r="O5394" s="59">
        <f>IF(Input!$D$19=2,J5394*Input!$C$19,0)+IF(Input!$D$20=2,K5394*Input!$C$20,0)+IF(Input!$D$21=2,L5394*Input!$C$21,0)+IF(Input!$D$22=2,M5394*Input!$C$22,0)</f>
        <v>0.91278941846141071</v>
      </c>
      <c r="P5394" s="59">
        <f>IF(Input!$D$19=3,J5394*Input!$C$19,0)+IF(Input!$D$20=3,K5394*Input!$C$20,0)+IF(Input!$D$21=3,L5394*Input!$C$21,0)+IF(Input!$D$22=3,M5394*Input!$C$22,0)</f>
        <v>0</v>
      </c>
      <c r="Q5394" s="75">
        <f>IF(Input!$D$19=4,J5394*Input!$C$19,0)+IF(Input!$D$20=4,K5394*Input!$C$20,0)+IF(Input!$D$21=4,L5394*Input!$C$21,0)+IF(Input!$D$22=4,M5394*Input!$C$22,0)</f>
        <v>0</v>
      </c>
      <c r="R5394" s="58">
        <v>65.510035135759821</v>
      </c>
      <c r="S5394" s="124">
        <f t="shared" si="84"/>
        <v>1.5821683253331118</v>
      </c>
    </row>
    <row r="5395" spans="8:19" x14ac:dyDescent="0.3">
      <c r="H5395" s="44">
        <v>5388</v>
      </c>
      <c r="I5395" s="56">
        <f>Bühler!I5421</f>
        <v>0.46363906969468477</v>
      </c>
      <c r="J5395" s="59">
        <f>Bühler!J5421</f>
        <v>1.5454635656489495</v>
      </c>
      <c r="K5395" s="59">
        <f>Bühler!K5421</f>
        <v>2.3181953484734241</v>
      </c>
      <c r="L5395" s="59">
        <f>Bühler!L5421</f>
        <v>11.127337672672436</v>
      </c>
      <c r="M5395" s="58">
        <f>Bühler!M5421</f>
        <v>0</v>
      </c>
      <c r="N5395" s="56">
        <f>IF(Input!$D$19=1,J5395*Input!$C$19,0)+IF(Input!$D$20=1,K5395*Input!$C$20,0)+IF(Input!$D$21=1,L5395*Input!$C$21,0)+IF(Input!$D$22=1,M5395*Input!$C$22,0)</f>
        <v>0.46363906969468482</v>
      </c>
      <c r="O5395" s="59">
        <f>IF(Input!$D$19=2,J5395*Input!$C$19,0)+IF(Input!$D$20=2,K5395*Input!$C$20,0)+IF(Input!$D$21=2,L5395*Input!$C$21,0)+IF(Input!$D$22=2,M5395*Input!$C$22,0)</f>
        <v>1.1590976742367121</v>
      </c>
      <c r="P5395" s="59">
        <f>IF(Input!$D$19=3,J5395*Input!$C$19,0)+IF(Input!$D$20=3,K5395*Input!$C$20,0)+IF(Input!$D$21=3,L5395*Input!$C$21,0)+IF(Input!$D$22=3,M5395*Input!$C$22,0)</f>
        <v>0</v>
      </c>
      <c r="Q5395" s="75">
        <f>IF(Input!$D$19=4,J5395*Input!$C$19,0)+IF(Input!$D$20=4,K5395*Input!$C$20,0)+IF(Input!$D$21=4,L5395*Input!$C$21,0)+IF(Input!$D$22=4,M5395*Input!$C$22,0)</f>
        <v>0</v>
      </c>
      <c r="R5395" s="58">
        <v>66.838010794691598</v>
      </c>
      <c r="S5395" s="124">
        <f t="shared" si="84"/>
        <v>2.0091026353436341</v>
      </c>
    </row>
    <row r="5396" spans="8:19" x14ac:dyDescent="0.3">
      <c r="H5396" s="44">
        <v>5389</v>
      </c>
      <c r="I5396" s="56">
        <f>Bühler!I5422</f>
        <v>0.46363906969468477</v>
      </c>
      <c r="J5396" s="59">
        <f>Bühler!J5422</f>
        <v>1.5454635656489495</v>
      </c>
      <c r="K5396" s="59">
        <f>Bühler!K5422</f>
        <v>2.3181953484734241</v>
      </c>
      <c r="L5396" s="59">
        <f>Bühler!L5422</f>
        <v>11.127337672672436</v>
      </c>
      <c r="M5396" s="58">
        <f>Bühler!M5422</f>
        <v>0</v>
      </c>
      <c r="N5396" s="56">
        <f>IF(Input!$D$19=1,J5396*Input!$C$19,0)+IF(Input!$D$20=1,K5396*Input!$C$20,0)+IF(Input!$D$21=1,L5396*Input!$C$21,0)+IF(Input!$D$22=1,M5396*Input!$C$22,0)</f>
        <v>0.46363906969468482</v>
      </c>
      <c r="O5396" s="59">
        <f>IF(Input!$D$19=2,J5396*Input!$C$19,0)+IF(Input!$D$20=2,K5396*Input!$C$20,0)+IF(Input!$D$21=2,L5396*Input!$C$21,0)+IF(Input!$D$22=2,M5396*Input!$C$22,0)</f>
        <v>1.1590976742367121</v>
      </c>
      <c r="P5396" s="59">
        <f>IF(Input!$D$19=3,J5396*Input!$C$19,0)+IF(Input!$D$20=3,K5396*Input!$C$20,0)+IF(Input!$D$21=3,L5396*Input!$C$21,0)+IF(Input!$D$22=3,M5396*Input!$C$22,0)</f>
        <v>0</v>
      </c>
      <c r="Q5396" s="75">
        <f>IF(Input!$D$19=4,J5396*Input!$C$19,0)+IF(Input!$D$20=4,K5396*Input!$C$20,0)+IF(Input!$D$21=4,L5396*Input!$C$21,0)+IF(Input!$D$22=4,M5396*Input!$C$22,0)</f>
        <v>0</v>
      </c>
      <c r="R5396" s="58">
        <v>66.600815858236231</v>
      </c>
      <c r="S5396" s="124">
        <f t="shared" si="84"/>
        <v>2.0091026353436341</v>
      </c>
    </row>
    <row r="5397" spans="8:19" x14ac:dyDescent="0.3">
      <c r="H5397" s="44">
        <v>5390</v>
      </c>
      <c r="I5397" s="56">
        <f>Bühler!I5423</f>
        <v>0.30716088367272865</v>
      </c>
      <c r="J5397" s="59">
        <f>Bühler!J5423</f>
        <v>1.0238696122424289</v>
      </c>
      <c r="K5397" s="59">
        <f>Bühler!K5423</f>
        <v>1.5358044183636432</v>
      </c>
      <c r="L5397" s="59">
        <f>Bühler!L5423</f>
        <v>7.3718612081454875</v>
      </c>
      <c r="M5397" s="58">
        <f>Bühler!M5423</f>
        <v>0</v>
      </c>
      <c r="N5397" s="56">
        <f>IF(Input!$D$19=1,J5397*Input!$C$19,0)+IF(Input!$D$20=1,K5397*Input!$C$20,0)+IF(Input!$D$21=1,L5397*Input!$C$21,0)+IF(Input!$D$22=1,M5397*Input!$C$22,0)</f>
        <v>0.30716088367272865</v>
      </c>
      <c r="O5397" s="59">
        <f>IF(Input!$D$19=2,J5397*Input!$C$19,0)+IF(Input!$D$20=2,K5397*Input!$C$20,0)+IF(Input!$D$21=2,L5397*Input!$C$21,0)+IF(Input!$D$22=2,M5397*Input!$C$22,0)</f>
        <v>0.76790220918182162</v>
      </c>
      <c r="P5397" s="59">
        <f>IF(Input!$D$19=3,J5397*Input!$C$19,0)+IF(Input!$D$20=3,K5397*Input!$C$20,0)+IF(Input!$D$21=3,L5397*Input!$C$21,0)+IF(Input!$D$22=3,M5397*Input!$C$22,0)</f>
        <v>0</v>
      </c>
      <c r="Q5397" s="75">
        <f>IF(Input!$D$19=4,J5397*Input!$C$19,0)+IF(Input!$D$20=4,K5397*Input!$C$20,0)+IF(Input!$D$21=4,L5397*Input!$C$21,0)+IF(Input!$D$22=4,M5397*Input!$C$22,0)</f>
        <v>0</v>
      </c>
      <c r="R5397" s="58">
        <v>66.927431351663472</v>
      </c>
      <c r="S5397" s="124">
        <f t="shared" si="84"/>
        <v>1.3310304959151575</v>
      </c>
    </row>
    <row r="5398" spans="8:19" x14ac:dyDescent="0.3">
      <c r="H5398" s="44">
        <v>5391</v>
      </c>
      <c r="I5398" s="56">
        <f>Bühler!I5424</f>
        <v>0.46363906969468477</v>
      </c>
      <c r="J5398" s="59">
        <f>Bühler!J5424</f>
        <v>1.5454635656489495</v>
      </c>
      <c r="K5398" s="59">
        <f>Bühler!K5424</f>
        <v>2.3181953484734241</v>
      </c>
      <c r="L5398" s="59">
        <f>Bühler!L5424</f>
        <v>11.127337672672436</v>
      </c>
      <c r="M5398" s="58">
        <f>Bühler!M5424</f>
        <v>0</v>
      </c>
      <c r="N5398" s="56">
        <f>IF(Input!$D$19=1,J5398*Input!$C$19,0)+IF(Input!$D$20=1,K5398*Input!$C$20,0)+IF(Input!$D$21=1,L5398*Input!$C$21,0)+IF(Input!$D$22=1,M5398*Input!$C$22,0)</f>
        <v>0.46363906969468482</v>
      </c>
      <c r="O5398" s="59">
        <f>IF(Input!$D$19=2,J5398*Input!$C$19,0)+IF(Input!$D$20=2,K5398*Input!$C$20,0)+IF(Input!$D$21=2,L5398*Input!$C$21,0)+IF(Input!$D$22=2,M5398*Input!$C$22,0)</f>
        <v>1.1590976742367121</v>
      </c>
      <c r="P5398" s="59">
        <f>IF(Input!$D$19=3,J5398*Input!$C$19,0)+IF(Input!$D$20=3,K5398*Input!$C$20,0)+IF(Input!$D$21=3,L5398*Input!$C$21,0)+IF(Input!$D$22=3,M5398*Input!$C$22,0)</f>
        <v>0</v>
      </c>
      <c r="Q5398" s="75">
        <f>IF(Input!$D$19=4,J5398*Input!$C$19,0)+IF(Input!$D$20=4,K5398*Input!$C$20,0)+IF(Input!$D$21=4,L5398*Input!$C$21,0)+IF(Input!$D$22=4,M5398*Input!$C$22,0)</f>
        <v>0</v>
      </c>
      <c r="R5398" s="58">
        <v>67.250593845929913</v>
      </c>
      <c r="S5398" s="124">
        <f t="shared" si="84"/>
        <v>2.0091026353436341</v>
      </c>
    </row>
    <row r="5399" spans="8:19" x14ac:dyDescent="0.3">
      <c r="H5399" s="44">
        <v>5392</v>
      </c>
      <c r="I5399" s="56">
        <f>Bühler!I5425</f>
        <v>0.46363906969468477</v>
      </c>
      <c r="J5399" s="59">
        <f>Bühler!J5425</f>
        <v>1.5454635656489495</v>
      </c>
      <c r="K5399" s="59">
        <f>Bühler!K5425</f>
        <v>2.3181953484734241</v>
      </c>
      <c r="L5399" s="59">
        <f>Bühler!L5425</f>
        <v>11.127337672672436</v>
      </c>
      <c r="M5399" s="58">
        <f>Bühler!M5425</f>
        <v>0</v>
      </c>
      <c r="N5399" s="56">
        <f>IF(Input!$D$19=1,J5399*Input!$C$19,0)+IF(Input!$D$20=1,K5399*Input!$C$20,0)+IF(Input!$D$21=1,L5399*Input!$C$21,0)+IF(Input!$D$22=1,M5399*Input!$C$22,0)</f>
        <v>0.46363906969468482</v>
      </c>
      <c r="O5399" s="59">
        <f>IF(Input!$D$19=2,J5399*Input!$C$19,0)+IF(Input!$D$20=2,K5399*Input!$C$20,0)+IF(Input!$D$21=2,L5399*Input!$C$21,0)+IF(Input!$D$22=2,M5399*Input!$C$22,0)</f>
        <v>1.1590976742367121</v>
      </c>
      <c r="P5399" s="59">
        <f>IF(Input!$D$19=3,J5399*Input!$C$19,0)+IF(Input!$D$20=3,K5399*Input!$C$20,0)+IF(Input!$D$21=3,L5399*Input!$C$21,0)+IF(Input!$D$22=3,M5399*Input!$C$22,0)</f>
        <v>0</v>
      </c>
      <c r="Q5399" s="75">
        <f>IF(Input!$D$19=4,J5399*Input!$C$19,0)+IF(Input!$D$20=4,K5399*Input!$C$20,0)+IF(Input!$D$21=4,L5399*Input!$C$21,0)+IF(Input!$D$22=4,M5399*Input!$C$22,0)</f>
        <v>0</v>
      </c>
      <c r="R5399" s="58">
        <v>67.397535779004002</v>
      </c>
      <c r="S5399" s="124">
        <f t="shared" si="84"/>
        <v>2.0091026353436341</v>
      </c>
    </row>
    <row r="5400" spans="8:19" x14ac:dyDescent="0.3">
      <c r="H5400" s="44">
        <v>5393</v>
      </c>
      <c r="I5400" s="56">
        <f>Bühler!I5426</f>
        <v>0.46363906969468477</v>
      </c>
      <c r="J5400" s="59">
        <f>Bühler!J5426</f>
        <v>1.5454635656489495</v>
      </c>
      <c r="K5400" s="59">
        <f>Bühler!K5426</f>
        <v>2.3181953484734241</v>
      </c>
      <c r="L5400" s="59">
        <f>Bühler!L5426</f>
        <v>11.127337672672436</v>
      </c>
      <c r="M5400" s="58">
        <f>Bühler!M5426</f>
        <v>0</v>
      </c>
      <c r="N5400" s="56">
        <f>IF(Input!$D$19=1,J5400*Input!$C$19,0)+IF(Input!$D$20=1,K5400*Input!$C$20,0)+IF(Input!$D$21=1,L5400*Input!$C$21,0)+IF(Input!$D$22=1,M5400*Input!$C$22,0)</f>
        <v>0.46363906969468482</v>
      </c>
      <c r="O5400" s="59">
        <f>IF(Input!$D$19=2,J5400*Input!$C$19,0)+IF(Input!$D$20=2,K5400*Input!$C$20,0)+IF(Input!$D$21=2,L5400*Input!$C$21,0)+IF(Input!$D$22=2,M5400*Input!$C$22,0)</f>
        <v>1.1590976742367121</v>
      </c>
      <c r="P5400" s="59">
        <f>IF(Input!$D$19=3,J5400*Input!$C$19,0)+IF(Input!$D$20=3,K5400*Input!$C$20,0)+IF(Input!$D$21=3,L5400*Input!$C$21,0)+IF(Input!$D$22=3,M5400*Input!$C$22,0)</f>
        <v>0</v>
      </c>
      <c r="Q5400" s="75">
        <f>IF(Input!$D$19=4,J5400*Input!$C$19,0)+IF(Input!$D$20=4,K5400*Input!$C$20,0)+IF(Input!$D$21=4,L5400*Input!$C$21,0)+IF(Input!$D$22=4,M5400*Input!$C$22,0)</f>
        <v>0</v>
      </c>
      <c r="R5400" s="58">
        <v>66.386049999925191</v>
      </c>
      <c r="S5400" s="124">
        <f t="shared" si="84"/>
        <v>2.0091026353436341</v>
      </c>
    </row>
    <row r="5401" spans="8:19" x14ac:dyDescent="0.3">
      <c r="H5401" s="44">
        <v>5394</v>
      </c>
      <c r="I5401" s="56">
        <f>Bühler!I5427</f>
        <v>0.46363906969468477</v>
      </c>
      <c r="J5401" s="59">
        <f>Bühler!J5427</f>
        <v>1.5454635656489495</v>
      </c>
      <c r="K5401" s="59">
        <f>Bühler!K5427</f>
        <v>2.3181953484734241</v>
      </c>
      <c r="L5401" s="59">
        <f>Bühler!L5427</f>
        <v>11.127337672672436</v>
      </c>
      <c r="M5401" s="58">
        <f>Bühler!M5427</f>
        <v>0</v>
      </c>
      <c r="N5401" s="56">
        <f>IF(Input!$D$19=1,J5401*Input!$C$19,0)+IF(Input!$D$20=1,K5401*Input!$C$20,0)+IF(Input!$D$21=1,L5401*Input!$C$21,0)+IF(Input!$D$22=1,M5401*Input!$C$22,0)</f>
        <v>0.46363906969468482</v>
      </c>
      <c r="O5401" s="59">
        <f>IF(Input!$D$19=2,J5401*Input!$C$19,0)+IF(Input!$D$20=2,K5401*Input!$C$20,0)+IF(Input!$D$21=2,L5401*Input!$C$21,0)+IF(Input!$D$22=2,M5401*Input!$C$22,0)</f>
        <v>1.1590976742367121</v>
      </c>
      <c r="P5401" s="59">
        <f>IF(Input!$D$19=3,J5401*Input!$C$19,0)+IF(Input!$D$20=3,K5401*Input!$C$20,0)+IF(Input!$D$21=3,L5401*Input!$C$21,0)+IF(Input!$D$22=3,M5401*Input!$C$22,0)</f>
        <v>0</v>
      </c>
      <c r="Q5401" s="75">
        <f>IF(Input!$D$19=4,J5401*Input!$C$19,0)+IF(Input!$D$20=4,K5401*Input!$C$20,0)+IF(Input!$D$21=4,L5401*Input!$C$21,0)+IF(Input!$D$22=4,M5401*Input!$C$22,0)</f>
        <v>0</v>
      </c>
      <c r="R5401" s="58">
        <v>65.172389972579296</v>
      </c>
      <c r="S5401" s="124">
        <f t="shared" si="84"/>
        <v>2.0091026353436341</v>
      </c>
    </row>
    <row r="5402" spans="8:19" x14ac:dyDescent="0.3">
      <c r="H5402" s="44">
        <v>5395</v>
      </c>
      <c r="I5402" s="56">
        <f>Bühler!I5428</f>
        <v>0.46363906969468477</v>
      </c>
      <c r="J5402" s="59">
        <f>Bühler!J5428</f>
        <v>1.5454635656489495</v>
      </c>
      <c r="K5402" s="59">
        <f>Bühler!K5428</f>
        <v>2.3181953484734241</v>
      </c>
      <c r="L5402" s="59">
        <f>Bühler!L5428</f>
        <v>11.127337672672436</v>
      </c>
      <c r="M5402" s="58">
        <f>Bühler!M5428</f>
        <v>0</v>
      </c>
      <c r="N5402" s="56">
        <f>IF(Input!$D$19=1,J5402*Input!$C$19,0)+IF(Input!$D$20=1,K5402*Input!$C$20,0)+IF(Input!$D$21=1,L5402*Input!$C$21,0)+IF(Input!$D$22=1,M5402*Input!$C$22,0)</f>
        <v>0.46363906969468482</v>
      </c>
      <c r="O5402" s="59">
        <f>IF(Input!$D$19=2,J5402*Input!$C$19,0)+IF(Input!$D$20=2,K5402*Input!$C$20,0)+IF(Input!$D$21=2,L5402*Input!$C$21,0)+IF(Input!$D$22=2,M5402*Input!$C$22,0)</f>
        <v>1.1590976742367121</v>
      </c>
      <c r="P5402" s="59">
        <f>IF(Input!$D$19=3,J5402*Input!$C$19,0)+IF(Input!$D$20=3,K5402*Input!$C$20,0)+IF(Input!$D$21=3,L5402*Input!$C$21,0)+IF(Input!$D$22=3,M5402*Input!$C$22,0)</f>
        <v>0</v>
      </c>
      <c r="Q5402" s="75">
        <f>IF(Input!$D$19=4,J5402*Input!$C$19,0)+IF(Input!$D$20=4,K5402*Input!$C$20,0)+IF(Input!$D$21=4,L5402*Input!$C$21,0)+IF(Input!$D$22=4,M5402*Input!$C$22,0)</f>
        <v>0</v>
      </c>
      <c r="R5402" s="58">
        <v>64.039735834514516</v>
      </c>
      <c r="S5402" s="124">
        <f t="shared" si="84"/>
        <v>2.0091026353436341</v>
      </c>
    </row>
    <row r="5403" spans="8:19" x14ac:dyDescent="0.3">
      <c r="H5403" s="44">
        <v>5396</v>
      </c>
      <c r="I5403" s="56">
        <f>Bühler!I5429</f>
        <v>0.38829772086929848</v>
      </c>
      <c r="J5403" s="59">
        <f>Bühler!J5429</f>
        <v>1.294325736230995</v>
      </c>
      <c r="K5403" s="59">
        <f>Bühler!K5429</f>
        <v>1.9414886043464925</v>
      </c>
      <c r="L5403" s="59">
        <f>Bühler!L5429</f>
        <v>9.3191453008631644</v>
      </c>
      <c r="M5403" s="58">
        <f>Bühler!M5429</f>
        <v>0</v>
      </c>
      <c r="N5403" s="56">
        <f>IF(Input!$D$19=1,J5403*Input!$C$19,0)+IF(Input!$D$20=1,K5403*Input!$C$20,0)+IF(Input!$D$21=1,L5403*Input!$C$21,0)+IF(Input!$D$22=1,M5403*Input!$C$22,0)</f>
        <v>0.38829772086929848</v>
      </c>
      <c r="O5403" s="59">
        <f>IF(Input!$D$19=2,J5403*Input!$C$19,0)+IF(Input!$D$20=2,K5403*Input!$C$20,0)+IF(Input!$D$21=2,L5403*Input!$C$21,0)+IF(Input!$D$22=2,M5403*Input!$C$22,0)</f>
        <v>0.97074430217324625</v>
      </c>
      <c r="P5403" s="59">
        <f>IF(Input!$D$19=3,J5403*Input!$C$19,0)+IF(Input!$D$20=3,K5403*Input!$C$20,0)+IF(Input!$D$21=3,L5403*Input!$C$21,0)+IF(Input!$D$22=3,M5403*Input!$C$22,0)</f>
        <v>0</v>
      </c>
      <c r="Q5403" s="75">
        <f>IF(Input!$D$19=4,J5403*Input!$C$19,0)+IF(Input!$D$20=4,K5403*Input!$C$20,0)+IF(Input!$D$21=4,L5403*Input!$C$21,0)+IF(Input!$D$22=4,M5403*Input!$C$22,0)</f>
        <v>0</v>
      </c>
      <c r="R5403" s="58">
        <v>63.491696578668758</v>
      </c>
      <c r="S5403" s="124">
        <f t="shared" si="84"/>
        <v>1.6826234571002936</v>
      </c>
    </row>
    <row r="5404" spans="8:19" x14ac:dyDescent="0.3">
      <c r="H5404" s="44">
        <v>5397</v>
      </c>
      <c r="I5404" s="56">
        <f>Bühler!I5430</f>
        <v>0.31875186041509579</v>
      </c>
      <c r="J5404" s="59">
        <f>Bühler!J5430</f>
        <v>1.0625062013836526</v>
      </c>
      <c r="K5404" s="59">
        <f>Bühler!K5430</f>
        <v>1.593759302075479</v>
      </c>
      <c r="L5404" s="59">
        <f>Bühler!L5430</f>
        <v>7.6500446499622985</v>
      </c>
      <c r="M5404" s="58">
        <f>Bühler!M5430</f>
        <v>0</v>
      </c>
      <c r="N5404" s="56">
        <f>IF(Input!$D$19=1,J5404*Input!$C$19,0)+IF(Input!$D$20=1,K5404*Input!$C$20,0)+IF(Input!$D$21=1,L5404*Input!$C$21,0)+IF(Input!$D$22=1,M5404*Input!$C$22,0)</f>
        <v>0.31875186041509579</v>
      </c>
      <c r="O5404" s="59">
        <f>IF(Input!$D$19=2,J5404*Input!$C$19,0)+IF(Input!$D$20=2,K5404*Input!$C$20,0)+IF(Input!$D$21=2,L5404*Input!$C$21,0)+IF(Input!$D$22=2,M5404*Input!$C$22,0)</f>
        <v>0.7968796510377395</v>
      </c>
      <c r="P5404" s="59">
        <f>IF(Input!$D$19=3,J5404*Input!$C$19,0)+IF(Input!$D$20=3,K5404*Input!$C$20,0)+IF(Input!$D$21=3,L5404*Input!$C$21,0)+IF(Input!$D$22=3,M5404*Input!$C$22,0)</f>
        <v>0</v>
      </c>
      <c r="Q5404" s="75">
        <f>IF(Input!$D$19=4,J5404*Input!$C$19,0)+IF(Input!$D$20=4,K5404*Input!$C$20,0)+IF(Input!$D$21=4,L5404*Input!$C$21,0)+IF(Input!$D$22=4,M5404*Input!$C$22,0)</f>
        <v>0</v>
      </c>
      <c r="R5404" s="58">
        <v>61.830916192551271</v>
      </c>
      <c r="S5404" s="124">
        <f t="shared" si="84"/>
        <v>1.3812580617987484</v>
      </c>
    </row>
    <row r="5405" spans="8:19" x14ac:dyDescent="0.3">
      <c r="H5405" s="44">
        <v>5398</v>
      </c>
      <c r="I5405" s="56">
        <f>Bühler!I5431</f>
        <v>0.23181953484734238</v>
      </c>
      <c r="J5405" s="59">
        <f>Bühler!J5431</f>
        <v>0.77273178282447474</v>
      </c>
      <c r="K5405" s="59">
        <f>Bühler!K5431</f>
        <v>1.1590976742367121</v>
      </c>
      <c r="L5405" s="59">
        <f>Bühler!L5431</f>
        <v>5.5636688363362179</v>
      </c>
      <c r="M5405" s="58">
        <f>Bühler!M5431</f>
        <v>0</v>
      </c>
      <c r="N5405" s="56">
        <f>IF(Input!$D$19=1,J5405*Input!$C$19,0)+IF(Input!$D$20=1,K5405*Input!$C$20,0)+IF(Input!$D$21=1,L5405*Input!$C$21,0)+IF(Input!$D$22=1,M5405*Input!$C$22,0)</f>
        <v>0.23181953484734241</v>
      </c>
      <c r="O5405" s="59">
        <f>IF(Input!$D$19=2,J5405*Input!$C$19,0)+IF(Input!$D$20=2,K5405*Input!$C$20,0)+IF(Input!$D$21=2,L5405*Input!$C$21,0)+IF(Input!$D$22=2,M5405*Input!$C$22,0)</f>
        <v>0.57954883711835603</v>
      </c>
      <c r="P5405" s="59">
        <f>IF(Input!$D$19=3,J5405*Input!$C$19,0)+IF(Input!$D$20=3,K5405*Input!$C$20,0)+IF(Input!$D$21=3,L5405*Input!$C$21,0)+IF(Input!$D$22=3,M5405*Input!$C$22,0)</f>
        <v>0</v>
      </c>
      <c r="Q5405" s="75">
        <f>IF(Input!$D$19=4,J5405*Input!$C$19,0)+IF(Input!$D$20=4,K5405*Input!$C$20,0)+IF(Input!$D$21=4,L5405*Input!$C$21,0)+IF(Input!$D$22=4,M5405*Input!$C$22,0)</f>
        <v>0</v>
      </c>
      <c r="R5405" s="58">
        <v>59.919592502952838</v>
      </c>
      <c r="S5405" s="124">
        <f t="shared" si="84"/>
        <v>1.004551317671817</v>
      </c>
    </row>
    <row r="5406" spans="8:19" x14ac:dyDescent="0.3">
      <c r="H5406" s="44">
        <v>5399</v>
      </c>
      <c r="I5406" s="56">
        <f>Bühler!I5432</f>
        <v>0.22022855810497527</v>
      </c>
      <c r="J5406" s="59">
        <f>Bühler!J5432</f>
        <v>0.73409519368325094</v>
      </c>
      <c r="K5406" s="59">
        <f>Bühler!K5432</f>
        <v>1.1011427905248763</v>
      </c>
      <c r="L5406" s="59">
        <f>Bühler!L5432</f>
        <v>5.285485394519406</v>
      </c>
      <c r="M5406" s="58">
        <f>Bühler!M5432</f>
        <v>0</v>
      </c>
      <c r="N5406" s="56">
        <f>IF(Input!$D$19=1,J5406*Input!$C$19,0)+IF(Input!$D$20=1,K5406*Input!$C$20,0)+IF(Input!$D$21=1,L5406*Input!$C$21,0)+IF(Input!$D$22=1,M5406*Input!$C$22,0)</f>
        <v>0.22022855810497527</v>
      </c>
      <c r="O5406" s="59">
        <f>IF(Input!$D$19=2,J5406*Input!$C$19,0)+IF(Input!$D$20=2,K5406*Input!$C$20,0)+IF(Input!$D$21=2,L5406*Input!$C$21,0)+IF(Input!$D$22=2,M5406*Input!$C$22,0)</f>
        <v>0.55057139526243815</v>
      </c>
      <c r="P5406" s="59">
        <f>IF(Input!$D$19=3,J5406*Input!$C$19,0)+IF(Input!$D$20=3,K5406*Input!$C$20,0)+IF(Input!$D$21=3,L5406*Input!$C$21,0)+IF(Input!$D$22=3,M5406*Input!$C$22,0)</f>
        <v>0</v>
      </c>
      <c r="Q5406" s="75">
        <f>IF(Input!$D$19=4,J5406*Input!$C$19,0)+IF(Input!$D$20=4,K5406*Input!$C$20,0)+IF(Input!$D$21=4,L5406*Input!$C$21,0)+IF(Input!$D$22=4,M5406*Input!$C$22,0)</f>
        <v>0</v>
      </c>
      <c r="R5406" s="58">
        <v>59.386333123043478</v>
      </c>
      <c r="S5406" s="124">
        <f t="shared" si="84"/>
        <v>0.95432375178822615</v>
      </c>
    </row>
    <row r="5407" spans="8:19" x14ac:dyDescent="0.3">
      <c r="H5407" s="44">
        <v>5400</v>
      </c>
      <c r="I5407" s="56">
        <f>Bühler!I5433</f>
        <v>0.22022855810497527</v>
      </c>
      <c r="J5407" s="59">
        <f>Bühler!J5433</f>
        <v>0.73409519368325094</v>
      </c>
      <c r="K5407" s="59">
        <f>Bühler!K5433</f>
        <v>1.1011427905248763</v>
      </c>
      <c r="L5407" s="59">
        <f>Bühler!L5433</f>
        <v>5.285485394519406</v>
      </c>
      <c r="M5407" s="58">
        <f>Bühler!M5433</f>
        <v>0</v>
      </c>
      <c r="N5407" s="56">
        <f>IF(Input!$D$19=1,J5407*Input!$C$19,0)+IF(Input!$D$20=1,K5407*Input!$C$20,0)+IF(Input!$D$21=1,L5407*Input!$C$21,0)+IF(Input!$D$22=1,M5407*Input!$C$22,0)</f>
        <v>0.22022855810497527</v>
      </c>
      <c r="O5407" s="59">
        <f>IF(Input!$D$19=2,J5407*Input!$C$19,0)+IF(Input!$D$20=2,K5407*Input!$C$20,0)+IF(Input!$D$21=2,L5407*Input!$C$21,0)+IF(Input!$D$22=2,M5407*Input!$C$22,0)</f>
        <v>0.55057139526243815</v>
      </c>
      <c r="P5407" s="59">
        <f>IF(Input!$D$19=3,J5407*Input!$C$19,0)+IF(Input!$D$20=3,K5407*Input!$C$20,0)+IF(Input!$D$21=3,L5407*Input!$C$21,0)+IF(Input!$D$22=3,M5407*Input!$C$22,0)</f>
        <v>0</v>
      </c>
      <c r="Q5407" s="75">
        <f>IF(Input!$D$19=4,J5407*Input!$C$19,0)+IF(Input!$D$20=4,K5407*Input!$C$20,0)+IF(Input!$D$21=4,L5407*Input!$C$21,0)+IF(Input!$D$22=4,M5407*Input!$C$22,0)</f>
        <v>0</v>
      </c>
      <c r="R5407" s="58">
        <v>59.039818665261976</v>
      </c>
      <c r="S5407" s="124">
        <f t="shared" si="84"/>
        <v>0.95432375178822615</v>
      </c>
    </row>
    <row r="5408" spans="8:19" x14ac:dyDescent="0.3">
      <c r="H5408" s="44">
        <v>5401</v>
      </c>
      <c r="I5408" s="56">
        <f>Bühler!I5434</f>
        <v>0.20418449630358906</v>
      </c>
      <c r="J5408" s="59">
        <f>Bühler!J5434</f>
        <v>0.68061498767863027</v>
      </c>
      <c r="K5408" s="59">
        <f>Bühler!K5434</f>
        <v>1.0209224815179454</v>
      </c>
      <c r="L5408" s="59">
        <f>Bühler!L5434</f>
        <v>4.9004279112861377</v>
      </c>
      <c r="M5408" s="58">
        <f>Bühler!M5434</f>
        <v>0</v>
      </c>
      <c r="N5408" s="56">
        <f>IF(Input!$D$19=1,J5408*Input!$C$19,0)+IF(Input!$D$20=1,K5408*Input!$C$20,0)+IF(Input!$D$21=1,L5408*Input!$C$21,0)+IF(Input!$D$22=1,M5408*Input!$C$22,0)</f>
        <v>0.20418449630358906</v>
      </c>
      <c r="O5408" s="59">
        <f>IF(Input!$D$19=2,J5408*Input!$C$19,0)+IF(Input!$D$20=2,K5408*Input!$C$20,0)+IF(Input!$D$21=2,L5408*Input!$C$21,0)+IF(Input!$D$22=2,M5408*Input!$C$22,0)</f>
        <v>0.5104612407589727</v>
      </c>
      <c r="P5408" s="59">
        <f>IF(Input!$D$19=3,J5408*Input!$C$19,0)+IF(Input!$D$20=3,K5408*Input!$C$20,0)+IF(Input!$D$21=3,L5408*Input!$C$21,0)+IF(Input!$D$22=3,M5408*Input!$C$22,0)</f>
        <v>0</v>
      </c>
      <c r="Q5408" s="75">
        <f>IF(Input!$D$19=4,J5408*Input!$C$19,0)+IF(Input!$D$20=4,K5408*Input!$C$20,0)+IF(Input!$D$21=4,L5408*Input!$C$21,0)+IF(Input!$D$22=4,M5408*Input!$C$22,0)</f>
        <v>0</v>
      </c>
      <c r="R5408" s="58">
        <v>58.337186705034902</v>
      </c>
      <c r="S5408" s="124">
        <f t="shared" si="84"/>
        <v>0.8847994839822193</v>
      </c>
    </row>
    <row r="5409" spans="8:19" x14ac:dyDescent="0.3">
      <c r="H5409" s="44">
        <v>5402</v>
      </c>
      <c r="I5409" s="56">
        <f>Bühler!I5435</f>
        <v>0.20418449630358906</v>
      </c>
      <c r="J5409" s="59">
        <f>Bühler!J5435</f>
        <v>0.68061498767863027</v>
      </c>
      <c r="K5409" s="59">
        <f>Bühler!K5435</f>
        <v>1.0209224815179454</v>
      </c>
      <c r="L5409" s="59">
        <f>Bühler!L5435</f>
        <v>4.9004279112861377</v>
      </c>
      <c r="M5409" s="58">
        <f>Bühler!M5435</f>
        <v>0</v>
      </c>
      <c r="N5409" s="56">
        <f>IF(Input!$D$19=1,J5409*Input!$C$19,0)+IF(Input!$D$20=1,K5409*Input!$C$20,0)+IF(Input!$D$21=1,L5409*Input!$C$21,0)+IF(Input!$D$22=1,M5409*Input!$C$22,0)</f>
        <v>0.20418449630358906</v>
      </c>
      <c r="O5409" s="59">
        <f>IF(Input!$D$19=2,J5409*Input!$C$19,0)+IF(Input!$D$20=2,K5409*Input!$C$20,0)+IF(Input!$D$21=2,L5409*Input!$C$21,0)+IF(Input!$D$22=2,M5409*Input!$C$22,0)</f>
        <v>0.5104612407589727</v>
      </c>
      <c r="P5409" s="59">
        <f>IF(Input!$D$19=3,J5409*Input!$C$19,0)+IF(Input!$D$20=3,K5409*Input!$C$20,0)+IF(Input!$D$21=3,L5409*Input!$C$21,0)+IF(Input!$D$22=3,M5409*Input!$C$22,0)</f>
        <v>0</v>
      </c>
      <c r="Q5409" s="75">
        <f>IF(Input!$D$19=4,J5409*Input!$C$19,0)+IF(Input!$D$20=4,K5409*Input!$C$20,0)+IF(Input!$D$21=4,L5409*Input!$C$21,0)+IF(Input!$D$22=4,M5409*Input!$C$22,0)</f>
        <v>0</v>
      </c>
      <c r="R5409" s="58">
        <v>57.425865145105213</v>
      </c>
      <c r="S5409" s="124">
        <f t="shared" si="84"/>
        <v>0.8847994839822193</v>
      </c>
    </row>
    <row r="5410" spans="8:19" x14ac:dyDescent="0.3">
      <c r="H5410" s="44">
        <v>5403</v>
      </c>
      <c r="I5410" s="56">
        <f>Bühler!I5436</f>
        <v>0.20418449630358906</v>
      </c>
      <c r="J5410" s="59">
        <f>Bühler!J5436</f>
        <v>0.68061498767863027</v>
      </c>
      <c r="K5410" s="59">
        <f>Bühler!K5436</f>
        <v>1.0209224815179454</v>
      </c>
      <c r="L5410" s="59">
        <f>Bühler!L5436</f>
        <v>4.9004279112861377</v>
      </c>
      <c r="M5410" s="58">
        <f>Bühler!M5436</f>
        <v>0</v>
      </c>
      <c r="N5410" s="56">
        <f>IF(Input!$D$19=1,J5410*Input!$C$19,0)+IF(Input!$D$20=1,K5410*Input!$C$20,0)+IF(Input!$D$21=1,L5410*Input!$C$21,0)+IF(Input!$D$22=1,M5410*Input!$C$22,0)</f>
        <v>0.20418449630358906</v>
      </c>
      <c r="O5410" s="59">
        <f>IF(Input!$D$19=2,J5410*Input!$C$19,0)+IF(Input!$D$20=2,K5410*Input!$C$20,0)+IF(Input!$D$21=2,L5410*Input!$C$21,0)+IF(Input!$D$22=2,M5410*Input!$C$22,0)</f>
        <v>0.5104612407589727</v>
      </c>
      <c r="P5410" s="59">
        <f>IF(Input!$D$19=3,J5410*Input!$C$19,0)+IF(Input!$D$20=3,K5410*Input!$C$20,0)+IF(Input!$D$21=3,L5410*Input!$C$21,0)+IF(Input!$D$22=3,M5410*Input!$C$22,0)</f>
        <v>0</v>
      </c>
      <c r="Q5410" s="75">
        <f>IF(Input!$D$19=4,J5410*Input!$C$19,0)+IF(Input!$D$20=4,K5410*Input!$C$20,0)+IF(Input!$D$21=4,L5410*Input!$C$21,0)+IF(Input!$D$22=4,M5410*Input!$C$22,0)</f>
        <v>0</v>
      </c>
      <c r="R5410" s="58">
        <v>57.305805786281404</v>
      </c>
      <c r="S5410" s="124">
        <f t="shared" si="84"/>
        <v>0.8847994839822193</v>
      </c>
    </row>
    <row r="5411" spans="8:19" x14ac:dyDescent="0.3">
      <c r="H5411" s="44">
        <v>5404</v>
      </c>
      <c r="I5411" s="56">
        <f>Bühler!I5437</f>
        <v>0.20418449630358906</v>
      </c>
      <c r="J5411" s="59">
        <f>Bühler!J5437</f>
        <v>0.68061498767863027</v>
      </c>
      <c r="K5411" s="59">
        <f>Bühler!K5437</f>
        <v>1.0209224815179454</v>
      </c>
      <c r="L5411" s="59">
        <f>Bühler!L5437</f>
        <v>4.9004279112861377</v>
      </c>
      <c r="M5411" s="58">
        <f>Bühler!M5437</f>
        <v>0</v>
      </c>
      <c r="N5411" s="56">
        <f>IF(Input!$D$19=1,J5411*Input!$C$19,0)+IF(Input!$D$20=1,K5411*Input!$C$20,0)+IF(Input!$D$21=1,L5411*Input!$C$21,0)+IF(Input!$D$22=1,M5411*Input!$C$22,0)</f>
        <v>0.20418449630358906</v>
      </c>
      <c r="O5411" s="59">
        <f>IF(Input!$D$19=2,J5411*Input!$C$19,0)+IF(Input!$D$20=2,K5411*Input!$C$20,0)+IF(Input!$D$21=2,L5411*Input!$C$21,0)+IF(Input!$D$22=2,M5411*Input!$C$22,0)</f>
        <v>0.5104612407589727</v>
      </c>
      <c r="P5411" s="59">
        <f>IF(Input!$D$19=3,J5411*Input!$C$19,0)+IF(Input!$D$20=3,K5411*Input!$C$20,0)+IF(Input!$D$21=3,L5411*Input!$C$21,0)+IF(Input!$D$22=3,M5411*Input!$C$22,0)</f>
        <v>0</v>
      </c>
      <c r="Q5411" s="75">
        <f>IF(Input!$D$19=4,J5411*Input!$C$19,0)+IF(Input!$D$20=4,K5411*Input!$C$20,0)+IF(Input!$D$21=4,L5411*Input!$C$21,0)+IF(Input!$D$22=4,M5411*Input!$C$22,0)</f>
        <v>0</v>
      </c>
      <c r="R5411" s="58">
        <v>58.540446201223411</v>
      </c>
      <c r="S5411" s="124">
        <f t="shared" si="84"/>
        <v>0.8847994839822193</v>
      </c>
    </row>
    <row r="5412" spans="8:19" x14ac:dyDescent="0.3">
      <c r="H5412" s="44">
        <v>5405</v>
      </c>
      <c r="I5412" s="56">
        <f>Bühler!I5438</f>
        <v>0.20418449630358906</v>
      </c>
      <c r="J5412" s="59">
        <f>Bühler!J5438</f>
        <v>0.68061498767863027</v>
      </c>
      <c r="K5412" s="59">
        <f>Bühler!K5438</f>
        <v>1.0209224815179454</v>
      </c>
      <c r="L5412" s="59">
        <f>Bühler!L5438</f>
        <v>4.9004279112861377</v>
      </c>
      <c r="M5412" s="58">
        <f>Bühler!M5438</f>
        <v>0</v>
      </c>
      <c r="N5412" s="56">
        <f>IF(Input!$D$19=1,J5412*Input!$C$19,0)+IF(Input!$D$20=1,K5412*Input!$C$20,0)+IF(Input!$D$21=1,L5412*Input!$C$21,0)+IF(Input!$D$22=1,M5412*Input!$C$22,0)</f>
        <v>0.20418449630358906</v>
      </c>
      <c r="O5412" s="59">
        <f>IF(Input!$D$19=2,J5412*Input!$C$19,0)+IF(Input!$D$20=2,K5412*Input!$C$20,0)+IF(Input!$D$21=2,L5412*Input!$C$21,0)+IF(Input!$D$22=2,M5412*Input!$C$22,0)</f>
        <v>0.5104612407589727</v>
      </c>
      <c r="P5412" s="59">
        <f>IF(Input!$D$19=3,J5412*Input!$C$19,0)+IF(Input!$D$20=3,K5412*Input!$C$20,0)+IF(Input!$D$21=3,L5412*Input!$C$21,0)+IF(Input!$D$22=3,M5412*Input!$C$22,0)</f>
        <v>0</v>
      </c>
      <c r="Q5412" s="75">
        <f>IF(Input!$D$19=4,J5412*Input!$C$19,0)+IF(Input!$D$20=4,K5412*Input!$C$20,0)+IF(Input!$D$21=4,L5412*Input!$C$21,0)+IF(Input!$D$22=4,M5412*Input!$C$22,0)</f>
        <v>0</v>
      </c>
      <c r="R5412" s="58">
        <v>60.401807611399938</v>
      </c>
      <c r="S5412" s="124">
        <f t="shared" si="84"/>
        <v>0.8847994839822193</v>
      </c>
    </row>
    <row r="5413" spans="8:19" x14ac:dyDescent="0.3">
      <c r="H5413" s="44">
        <v>5406</v>
      </c>
      <c r="I5413" s="56">
        <f>Bühler!I5439</f>
        <v>0.26543984519466579</v>
      </c>
      <c r="J5413" s="59">
        <f>Bühler!J5439</f>
        <v>0.88479948398221941</v>
      </c>
      <c r="K5413" s="59">
        <f>Bühler!K5439</f>
        <v>1.327199225973329</v>
      </c>
      <c r="L5413" s="59">
        <f>Bühler!L5439</f>
        <v>6.370556284671979</v>
      </c>
      <c r="M5413" s="58">
        <f>Bühler!M5439</f>
        <v>0</v>
      </c>
      <c r="N5413" s="56">
        <f>IF(Input!$D$19=1,J5413*Input!$C$19,0)+IF(Input!$D$20=1,K5413*Input!$C$20,0)+IF(Input!$D$21=1,L5413*Input!$C$21,0)+IF(Input!$D$22=1,M5413*Input!$C$22,0)</f>
        <v>0.26543984519466579</v>
      </c>
      <c r="O5413" s="59">
        <f>IF(Input!$D$19=2,J5413*Input!$C$19,0)+IF(Input!$D$20=2,K5413*Input!$C$20,0)+IF(Input!$D$21=2,L5413*Input!$C$21,0)+IF(Input!$D$22=2,M5413*Input!$C$22,0)</f>
        <v>0.66359961298666448</v>
      </c>
      <c r="P5413" s="59">
        <f>IF(Input!$D$19=3,J5413*Input!$C$19,0)+IF(Input!$D$20=3,K5413*Input!$C$20,0)+IF(Input!$D$21=3,L5413*Input!$C$21,0)+IF(Input!$D$22=3,M5413*Input!$C$22,0)</f>
        <v>0</v>
      </c>
      <c r="Q5413" s="75">
        <f>IF(Input!$D$19=4,J5413*Input!$C$19,0)+IF(Input!$D$20=4,K5413*Input!$C$20,0)+IF(Input!$D$21=4,L5413*Input!$C$21,0)+IF(Input!$D$22=4,M5413*Input!$C$22,0)</f>
        <v>0</v>
      </c>
      <c r="R5413" s="58">
        <v>64.019864231329407</v>
      </c>
      <c r="S5413" s="124">
        <f t="shared" si="84"/>
        <v>1.1502393291768853</v>
      </c>
    </row>
    <row r="5414" spans="8:19" x14ac:dyDescent="0.3">
      <c r="H5414" s="44">
        <v>5407</v>
      </c>
      <c r="I5414" s="56">
        <f>Bühler!I5440</f>
        <v>0.29606751964020411</v>
      </c>
      <c r="J5414" s="59">
        <f>Bühler!J5440</f>
        <v>0.98689173213401382</v>
      </c>
      <c r="K5414" s="59">
        <f>Bühler!K5440</f>
        <v>1.4803375982010207</v>
      </c>
      <c r="L5414" s="59">
        <f>Bühler!L5440</f>
        <v>7.1056204713648992</v>
      </c>
      <c r="M5414" s="58">
        <f>Bühler!M5440</f>
        <v>0</v>
      </c>
      <c r="N5414" s="56">
        <f>IF(Input!$D$19=1,J5414*Input!$C$19,0)+IF(Input!$D$20=1,K5414*Input!$C$20,0)+IF(Input!$D$21=1,L5414*Input!$C$21,0)+IF(Input!$D$22=1,M5414*Input!$C$22,0)</f>
        <v>0.29606751964020411</v>
      </c>
      <c r="O5414" s="59">
        <f>IF(Input!$D$19=2,J5414*Input!$C$19,0)+IF(Input!$D$20=2,K5414*Input!$C$20,0)+IF(Input!$D$21=2,L5414*Input!$C$21,0)+IF(Input!$D$22=2,M5414*Input!$C$22,0)</f>
        <v>0.74016879910051037</v>
      </c>
      <c r="P5414" s="59">
        <f>IF(Input!$D$19=3,J5414*Input!$C$19,0)+IF(Input!$D$20=3,K5414*Input!$C$20,0)+IF(Input!$D$21=3,L5414*Input!$C$21,0)+IF(Input!$D$22=3,M5414*Input!$C$22,0)</f>
        <v>0</v>
      </c>
      <c r="Q5414" s="75">
        <f>IF(Input!$D$19=4,J5414*Input!$C$19,0)+IF(Input!$D$20=4,K5414*Input!$C$20,0)+IF(Input!$D$21=4,L5414*Input!$C$21,0)+IF(Input!$D$22=4,M5414*Input!$C$22,0)</f>
        <v>0</v>
      </c>
      <c r="R5414" s="58">
        <v>67.057659180086347</v>
      </c>
      <c r="S5414" s="124">
        <f t="shared" si="84"/>
        <v>1.2829592517742179</v>
      </c>
    </row>
    <row r="5415" spans="8:19" x14ac:dyDescent="0.3">
      <c r="H5415" s="44">
        <v>5408</v>
      </c>
      <c r="I5415" s="56">
        <f>Bühler!I5441</f>
        <v>0.30627674445538361</v>
      </c>
      <c r="J5415" s="59">
        <f>Bühler!J5441</f>
        <v>1.0209224815179454</v>
      </c>
      <c r="K5415" s="59">
        <f>Bühler!K5441</f>
        <v>1.531383722276918</v>
      </c>
      <c r="L5415" s="59">
        <f>Bühler!L5441</f>
        <v>7.3506418669292062</v>
      </c>
      <c r="M5415" s="58">
        <f>Bühler!M5441</f>
        <v>0</v>
      </c>
      <c r="N5415" s="56">
        <f>IF(Input!$D$19=1,J5415*Input!$C$19,0)+IF(Input!$D$20=1,K5415*Input!$C$20,0)+IF(Input!$D$21=1,L5415*Input!$C$21,0)+IF(Input!$D$22=1,M5415*Input!$C$22,0)</f>
        <v>0.30627674445538361</v>
      </c>
      <c r="O5415" s="59">
        <f>IF(Input!$D$19=2,J5415*Input!$C$19,0)+IF(Input!$D$20=2,K5415*Input!$C$20,0)+IF(Input!$D$21=2,L5415*Input!$C$21,0)+IF(Input!$D$22=2,M5415*Input!$C$22,0)</f>
        <v>0.765691861138459</v>
      </c>
      <c r="P5415" s="59">
        <f>IF(Input!$D$19=3,J5415*Input!$C$19,0)+IF(Input!$D$20=3,K5415*Input!$C$20,0)+IF(Input!$D$21=3,L5415*Input!$C$21,0)+IF(Input!$D$22=3,M5415*Input!$C$22,0)</f>
        <v>0</v>
      </c>
      <c r="Q5415" s="75">
        <f>IF(Input!$D$19=4,J5415*Input!$C$19,0)+IF(Input!$D$20=4,K5415*Input!$C$20,0)+IF(Input!$D$21=4,L5415*Input!$C$21,0)+IF(Input!$D$22=4,M5415*Input!$C$22,0)</f>
        <v>0</v>
      </c>
      <c r="R5415" s="58">
        <v>68.985011925192609</v>
      </c>
      <c r="S5415" s="124">
        <f t="shared" si="84"/>
        <v>1.327199225973329</v>
      </c>
    </row>
    <row r="5416" spans="8:19" x14ac:dyDescent="0.3">
      <c r="H5416" s="44">
        <v>5409</v>
      </c>
      <c r="I5416" s="56">
        <f>Bühler!I5442</f>
        <v>0.30627674445538361</v>
      </c>
      <c r="J5416" s="59">
        <f>Bühler!J5442</f>
        <v>1.0209224815179454</v>
      </c>
      <c r="K5416" s="59">
        <f>Bühler!K5442</f>
        <v>1.531383722276918</v>
      </c>
      <c r="L5416" s="59">
        <f>Bühler!L5442</f>
        <v>7.3506418669292062</v>
      </c>
      <c r="M5416" s="58">
        <f>Bühler!M5442</f>
        <v>0</v>
      </c>
      <c r="N5416" s="56">
        <f>IF(Input!$D$19=1,J5416*Input!$C$19,0)+IF(Input!$D$20=1,K5416*Input!$C$20,0)+IF(Input!$D$21=1,L5416*Input!$C$21,0)+IF(Input!$D$22=1,M5416*Input!$C$22,0)</f>
        <v>0.30627674445538361</v>
      </c>
      <c r="O5416" s="59">
        <f>IF(Input!$D$19=2,J5416*Input!$C$19,0)+IF(Input!$D$20=2,K5416*Input!$C$20,0)+IF(Input!$D$21=2,L5416*Input!$C$21,0)+IF(Input!$D$22=2,M5416*Input!$C$22,0)</f>
        <v>0.765691861138459</v>
      </c>
      <c r="P5416" s="59">
        <f>IF(Input!$D$19=3,J5416*Input!$C$19,0)+IF(Input!$D$20=3,K5416*Input!$C$20,0)+IF(Input!$D$21=3,L5416*Input!$C$21,0)+IF(Input!$D$22=3,M5416*Input!$C$22,0)</f>
        <v>0</v>
      </c>
      <c r="Q5416" s="75">
        <f>IF(Input!$D$19=4,J5416*Input!$C$19,0)+IF(Input!$D$20=4,K5416*Input!$C$20,0)+IF(Input!$D$21=4,L5416*Input!$C$21,0)+IF(Input!$D$22=4,M5416*Input!$C$22,0)</f>
        <v>0</v>
      </c>
      <c r="R5416" s="58">
        <v>70.237229939747778</v>
      </c>
      <c r="S5416" s="124">
        <f t="shared" si="84"/>
        <v>1.327199225973329</v>
      </c>
    </row>
    <row r="5417" spans="8:19" x14ac:dyDescent="0.3">
      <c r="H5417" s="44">
        <v>5410</v>
      </c>
      <c r="I5417" s="56">
        <f>Bühler!I5443</f>
        <v>0.33179980649333224</v>
      </c>
      <c r="J5417" s="59">
        <f>Bühler!J5443</f>
        <v>1.1059993549777742</v>
      </c>
      <c r="K5417" s="59">
        <f>Bühler!K5443</f>
        <v>1.6589990324666612</v>
      </c>
      <c r="L5417" s="59">
        <f>Bühler!L5443</f>
        <v>7.9631953558399742</v>
      </c>
      <c r="M5417" s="58">
        <f>Bühler!M5443</f>
        <v>0</v>
      </c>
      <c r="N5417" s="56">
        <f>IF(Input!$D$19=1,J5417*Input!$C$19,0)+IF(Input!$D$20=1,K5417*Input!$C$20,0)+IF(Input!$D$21=1,L5417*Input!$C$21,0)+IF(Input!$D$22=1,M5417*Input!$C$22,0)</f>
        <v>0.33179980649333224</v>
      </c>
      <c r="O5417" s="59">
        <f>IF(Input!$D$19=2,J5417*Input!$C$19,0)+IF(Input!$D$20=2,K5417*Input!$C$20,0)+IF(Input!$D$21=2,L5417*Input!$C$21,0)+IF(Input!$D$22=2,M5417*Input!$C$22,0)</f>
        <v>0.82949951623333062</v>
      </c>
      <c r="P5417" s="59">
        <f>IF(Input!$D$19=3,J5417*Input!$C$19,0)+IF(Input!$D$20=3,K5417*Input!$C$20,0)+IF(Input!$D$21=3,L5417*Input!$C$21,0)+IF(Input!$D$22=3,M5417*Input!$C$22,0)</f>
        <v>0</v>
      </c>
      <c r="Q5417" s="75">
        <f>IF(Input!$D$19=4,J5417*Input!$C$19,0)+IF(Input!$D$20=4,K5417*Input!$C$20,0)+IF(Input!$D$21=4,L5417*Input!$C$21,0)+IF(Input!$D$22=4,M5417*Input!$C$22,0)</f>
        <v>0</v>
      </c>
      <c r="R5417" s="58">
        <v>70.397229564200941</v>
      </c>
      <c r="S5417" s="124">
        <f t="shared" si="84"/>
        <v>1.4377991614711065</v>
      </c>
    </row>
    <row r="5418" spans="8:19" x14ac:dyDescent="0.3">
      <c r="H5418" s="44">
        <v>5411</v>
      </c>
      <c r="I5418" s="56">
        <f>Bühler!I5444</f>
        <v>0.34711364371610143</v>
      </c>
      <c r="J5418" s="59">
        <f>Bühler!J5444</f>
        <v>1.1570454790536715</v>
      </c>
      <c r="K5418" s="59">
        <f>Bühler!K5444</f>
        <v>1.7355682185805072</v>
      </c>
      <c r="L5418" s="59">
        <f>Bühler!L5444</f>
        <v>8.3307274491864352</v>
      </c>
      <c r="M5418" s="58">
        <f>Bühler!M5444</f>
        <v>0</v>
      </c>
      <c r="N5418" s="56">
        <f>IF(Input!$D$19=1,J5418*Input!$C$19,0)+IF(Input!$D$20=1,K5418*Input!$C$20,0)+IF(Input!$D$21=1,L5418*Input!$C$21,0)+IF(Input!$D$22=1,M5418*Input!$C$22,0)</f>
        <v>0.34711364371610143</v>
      </c>
      <c r="O5418" s="59">
        <f>IF(Input!$D$19=2,J5418*Input!$C$19,0)+IF(Input!$D$20=2,K5418*Input!$C$20,0)+IF(Input!$D$21=2,L5418*Input!$C$21,0)+IF(Input!$D$22=2,M5418*Input!$C$22,0)</f>
        <v>0.86778410929025362</v>
      </c>
      <c r="P5418" s="59">
        <f>IF(Input!$D$19=3,J5418*Input!$C$19,0)+IF(Input!$D$20=3,K5418*Input!$C$20,0)+IF(Input!$D$21=3,L5418*Input!$C$21,0)+IF(Input!$D$22=3,M5418*Input!$C$22,0)</f>
        <v>0</v>
      </c>
      <c r="Q5418" s="75">
        <f>IF(Input!$D$19=4,J5418*Input!$C$19,0)+IF(Input!$D$20=4,K5418*Input!$C$20,0)+IF(Input!$D$21=4,L5418*Input!$C$21,0)+IF(Input!$D$22=4,M5418*Input!$C$22,0)</f>
        <v>0</v>
      </c>
      <c r="R5418" s="58">
        <v>71.993256870106194</v>
      </c>
      <c r="S5418" s="124">
        <f t="shared" si="84"/>
        <v>1.504159122769773</v>
      </c>
    </row>
    <row r="5419" spans="8:19" x14ac:dyDescent="0.3">
      <c r="H5419" s="44">
        <v>5412</v>
      </c>
      <c r="I5419" s="56">
        <f>Bühler!I5445</f>
        <v>0.40836899260717813</v>
      </c>
      <c r="J5419" s="59">
        <f>Bühler!J5445</f>
        <v>1.3612299753572605</v>
      </c>
      <c r="K5419" s="59">
        <f>Bühler!K5445</f>
        <v>2.0418449630358908</v>
      </c>
      <c r="L5419" s="59">
        <f>Bühler!L5445</f>
        <v>9.8008558225722755</v>
      </c>
      <c r="M5419" s="58">
        <f>Bühler!M5445</f>
        <v>0</v>
      </c>
      <c r="N5419" s="56">
        <f>IF(Input!$D$19=1,J5419*Input!$C$19,0)+IF(Input!$D$20=1,K5419*Input!$C$20,0)+IF(Input!$D$21=1,L5419*Input!$C$21,0)+IF(Input!$D$22=1,M5419*Input!$C$22,0)</f>
        <v>0.40836899260717813</v>
      </c>
      <c r="O5419" s="59">
        <f>IF(Input!$D$19=2,J5419*Input!$C$19,0)+IF(Input!$D$20=2,K5419*Input!$C$20,0)+IF(Input!$D$21=2,L5419*Input!$C$21,0)+IF(Input!$D$22=2,M5419*Input!$C$22,0)</f>
        <v>1.0209224815179454</v>
      </c>
      <c r="P5419" s="59">
        <f>IF(Input!$D$19=3,J5419*Input!$C$19,0)+IF(Input!$D$20=3,K5419*Input!$C$20,0)+IF(Input!$D$21=3,L5419*Input!$C$21,0)+IF(Input!$D$22=3,M5419*Input!$C$22,0)</f>
        <v>0</v>
      </c>
      <c r="Q5419" s="75">
        <f>IF(Input!$D$19=4,J5419*Input!$C$19,0)+IF(Input!$D$20=4,K5419*Input!$C$20,0)+IF(Input!$D$21=4,L5419*Input!$C$21,0)+IF(Input!$D$22=4,M5419*Input!$C$22,0)</f>
        <v>0</v>
      </c>
      <c r="R5419" s="58">
        <v>72.966984274982195</v>
      </c>
      <c r="S5419" s="124">
        <f t="shared" si="84"/>
        <v>1.7695989679644386</v>
      </c>
    </row>
    <row r="5420" spans="8:19" x14ac:dyDescent="0.3">
      <c r="H5420" s="44">
        <v>5413</v>
      </c>
      <c r="I5420" s="56">
        <f>Bühler!I5446</f>
        <v>0.40836899260717813</v>
      </c>
      <c r="J5420" s="59">
        <f>Bühler!J5446</f>
        <v>1.3612299753572605</v>
      </c>
      <c r="K5420" s="59">
        <f>Bühler!K5446</f>
        <v>2.0418449630358908</v>
      </c>
      <c r="L5420" s="59">
        <f>Bühler!L5446</f>
        <v>9.8008558225722755</v>
      </c>
      <c r="M5420" s="58">
        <f>Bühler!M5446</f>
        <v>0</v>
      </c>
      <c r="N5420" s="56">
        <f>IF(Input!$D$19=1,J5420*Input!$C$19,0)+IF(Input!$D$20=1,K5420*Input!$C$20,0)+IF(Input!$D$21=1,L5420*Input!$C$21,0)+IF(Input!$D$22=1,M5420*Input!$C$22,0)</f>
        <v>0.40836899260717813</v>
      </c>
      <c r="O5420" s="59">
        <f>IF(Input!$D$19=2,J5420*Input!$C$19,0)+IF(Input!$D$20=2,K5420*Input!$C$20,0)+IF(Input!$D$21=2,L5420*Input!$C$21,0)+IF(Input!$D$22=2,M5420*Input!$C$22,0)</f>
        <v>1.0209224815179454</v>
      </c>
      <c r="P5420" s="59">
        <f>IF(Input!$D$19=3,J5420*Input!$C$19,0)+IF(Input!$D$20=3,K5420*Input!$C$20,0)+IF(Input!$D$21=3,L5420*Input!$C$21,0)+IF(Input!$D$22=3,M5420*Input!$C$22,0)</f>
        <v>0</v>
      </c>
      <c r="Q5420" s="75">
        <f>IF(Input!$D$19=4,J5420*Input!$C$19,0)+IF(Input!$D$20=4,K5420*Input!$C$20,0)+IF(Input!$D$21=4,L5420*Input!$C$21,0)+IF(Input!$D$22=4,M5420*Input!$C$22,0)</f>
        <v>0</v>
      </c>
      <c r="R5420" s="58">
        <v>72.732379450751594</v>
      </c>
      <c r="S5420" s="124">
        <f t="shared" si="84"/>
        <v>1.7695989679644386</v>
      </c>
    </row>
    <row r="5421" spans="8:19" x14ac:dyDescent="0.3">
      <c r="H5421" s="44">
        <v>5414</v>
      </c>
      <c r="I5421" s="56">
        <f>Bühler!I5447</f>
        <v>0.40836899260717813</v>
      </c>
      <c r="J5421" s="59">
        <f>Bühler!J5447</f>
        <v>1.3612299753572605</v>
      </c>
      <c r="K5421" s="59">
        <f>Bühler!K5447</f>
        <v>2.0418449630358908</v>
      </c>
      <c r="L5421" s="59">
        <f>Bühler!L5447</f>
        <v>9.8008558225722755</v>
      </c>
      <c r="M5421" s="58">
        <f>Bühler!M5447</f>
        <v>0</v>
      </c>
      <c r="N5421" s="56">
        <f>IF(Input!$D$19=1,J5421*Input!$C$19,0)+IF(Input!$D$20=1,K5421*Input!$C$20,0)+IF(Input!$D$21=1,L5421*Input!$C$21,0)+IF(Input!$D$22=1,M5421*Input!$C$22,0)</f>
        <v>0.40836899260717813</v>
      </c>
      <c r="O5421" s="59">
        <f>IF(Input!$D$19=2,J5421*Input!$C$19,0)+IF(Input!$D$20=2,K5421*Input!$C$20,0)+IF(Input!$D$21=2,L5421*Input!$C$21,0)+IF(Input!$D$22=2,M5421*Input!$C$22,0)</f>
        <v>1.0209224815179454</v>
      </c>
      <c r="P5421" s="59">
        <f>IF(Input!$D$19=3,J5421*Input!$C$19,0)+IF(Input!$D$20=3,K5421*Input!$C$20,0)+IF(Input!$D$21=3,L5421*Input!$C$21,0)+IF(Input!$D$22=3,M5421*Input!$C$22,0)</f>
        <v>0</v>
      </c>
      <c r="Q5421" s="75">
        <f>IF(Input!$D$19=4,J5421*Input!$C$19,0)+IF(Input!$D$20=4,K5421*Input!$C$20,0)+IF(Input!$D$21=4,L5421*Input!$C$21,0)+IF(Input!$D$22=4,M5421*Input!$C$22,0)</f>
        <v>0</v>
      </c>
      <c r="R5421" s="58">
        <v>71.861308975410083</v>
      </c>
      <c r="S5421" s="124">
        <f t="shared" si="84"/>
        <v>1.7695989679644386</v>
      </c>
    </row>
    <row r="5422" spans="8:19" x14ac:dyDescent="0.3">
      <c r="H5422" s="44">
        <v>5415</v>
      </c>
      <c r="I5422" s="56">
        <f>Bühler!I5448</f>
        <v>0.40836899260717813</v>
      </c>
      <c r="J5422" s="59">
        <f>Bühler!J5448</f>
        <v>1.3612299753572605</v>
      </c>
      <c r="K5422" s="59">
        <f>Bühler!K5448</f>
        <v>2.0418449630358908</v>
      </c>
      <c r="L5422" s="59">
        <f>Bühler!L5448</f>
        <v>9.8008558225722755</v>
      </c>
      <c r="M5422" s="58">
        <f>Bühler!M5448</f>
        <v>0</v>
      </c>
      <c r="N5422" s="56">
        <f>IF(Input!$D$19=1,J5422*Input!$C$19,0)+IF(Input!$D$20=1,K5422*Input!$C$20,0)+IF(Input!$D$21=1,L5422*Input!$C$21,0)+IF(Input!$D$22=1,M5422*Input!$C$22,0)</f>
        <v>0.40836899260717813</v>
      </c>
      <c r="O5422" s="59">
        <f>IF(Input!$D$19=2,J5422*Input!$C$19,0)+IF(Input!$D$20=2,K5422*Input!$C$20,0)+IF(Input!$D$21=2,L5422*Input!$C$21,0)+IF(Input!$D$22=2,M5422*Input!$C$22,0)</f>
        <v>1.0209224815179454</v>
      </c>
      <c r="P5422" s="59">
        <f>IF(Input!$D$19=3,J5422*Input!$C$19,0)+IF(Input!$D$20=3,K5422*Input!$C$20,0)+IF(Input!$D$21=3,L5422*Input!$C$21,0)+IF(Input!$D$22=3,M5422*Input!$C$22,0)</f>
        <v>0</v>
      </c>
      <c r="Q5422" s="75">
        <f>IF(Input!$D$19=4,J5422*Input!$C$19,0)+IF(Input!$D$20=4,K5422*Input!$C$20,0)+IF(Input!$D$21=4,L5422*Input!$C$21,0)+IF(Input!$D$22=4,M5422*Input!$C$22,0)</f>
        <v>0</v>
      </c>
      <c r="R5422" s="58">
        <v>71.904538700825015</v>
      </c>
      <c r="S5422" s="124">
        <f t="shared" si="84"/>
        <v>1.7695989679644386</v>
      </c>
    </row>
    <row r="5423" spans="8:19" x14ac:dyDescent="0.3">
      <c r="H5423" s="44">
        <v>5416</v>
      </c>
      <c r="I5423" s="56">
        <f>Bühler!I5449</f>
        <v>0.40836899260717813</v>
      </c>
      <c r="J5423" s="59">
        <f>Bühler!J5449</f>
        <v>1.3612299753572605</v>
      </c>
      <c r="K5423" s="59">
        <f>Bühler!K5449</f>
        <v>2.0418449630358908</v>
      </c>
      <c r="L5423" s="59">
        <f>Bühler!L5449</f>
        <v>9.8008558225722755</v>
      </c>
      <c r="M5423" s="58">
        <f>Bühler!M5449</f>
        <v>0</v>
      </c>
      <c r="N5423" s="56">
        <f>IF(Input!$D$19=1,J5423*Input!$C$19,0)+IF(Input!$D$20=1,K5423*Input!$C$20,0)+IF(Input!$D$21=1,L5423*Input!$C$21,0)+IF(Input!$D$22=1,M5423*Input!$C$22,0)</f>
        <v>0.40836899260717813</v>
      </c>
      <c r="O5423" s="59">
        <f>IF(Input!$D$19=2,J5423*Input!$C$19,0)+IF(Input!$D$20=2,K5423*Input!$C$20,0)+IF(Input!$D$21=2,L5423*Input!$C$21,0)+IF(Input!$D$22=2,M5423*Input!$C$22,0)</f>
        <v>1.0209224815179454</v>
      </c>
      <c r="P5423" s="59">
        <f>IF(Input!$D$19=3,J5423*Input!$C$19,0)+IF(Input!$D$20=3,K5423*Input!$C$20,0)+IF(Input!$D$21=3,L5423*Input!$C$21,0)+IF(Input!$D$22=3,M5423*Input!$C$22,0)</f>
        <v>0</v>
      </c>
      <c r="Q5423" s="75">
        <f>IF(Input!$D$19=4,J5423*Input!$C$19,0)+IF(Input!$D$20=4,K5423*Input!$C$20,0)+IF(Input!$D$21=4,L5423*Input!$C$21,0)+IF(Input!$D$22=4,M5423*Input!$C$22,0)</f>
        <v>0</v>
      </c>
      <c r="R5423" s="58">
        <v>70.760921187452638</v>
      </c>
      <c r="S5423" s="124">
        <f t="shared" si="84"/>
        <v>1.7695989679644386</v>
      </c>
    </row>
    <row r="5424" spans="8:19" x14ac:dyDescent="0.3">
      <c r="H5424" s="44">
        <v>5417</v>
      </c>
      <c r="I5424" s="56">
        <f>Bühler!I5450</f>
        <v>0.40836899260717813</v>
      </c>
      <c r="J5424" s="59">
        <f>Bühler!J5450</f>
        <v>1.3612299753572605</v>
      </c>
      <c r="K5424" s="59">
        <f>Bühler!K5450</f>
        <v>2.0418449630358908</v>
      </c>
      <c r="L5424" s="59">
        <f>Bühler!L5450</f>
        <v>9.8008558225722755</v>
      </c>
      <c r="M5424" s="58">
        <f>Bühler!M5450</f>
        <v>0</v>
      </c>
      <c r="N5424" s="56">
        <f>IF(Input!$D$19=1,J5424*Input!$C$19,0)+IF(Input!$D$20=1,K5424*Input!$C$20,0)+IF(Input!$D$21=1,L5424*Input!$C$21,0)+IF(Input!$D$22=1,M5424*Input!$C$22,0)</f>
        <v>0.40836899260717813</v>
      </c>
      <c r="O5424" s="59">
        <f>IF(Input!$D$19=2,J5424*Input!$C$19,0)+IF(Input!$D$20=2,K5424*Input!$C$20,0)+IF(Input!$D$21=2,L5424*Input!$C$21,0)+IF(Input!$D$22=2,M5424*Input!$C$22,0)</f>
        <v>1.0209224815179454</v>
      </c>
      <c r="P5424" s="59">
        <f>IF(Input!$D$19=3,J5424*Input!$C$19,0)+IF(Input!$D$20=3,K5424*Input!$C$20,0)+IF(Input!$D$21=3,L5424*Input!$C$21,0)+IF(Input!$D$22=3,M5424*Input!$C$22,0)</f>
        <v>0</v>
      </c>
      <c r="Q5424" s="75">
        <f>IF(Input!$D$19=4,J5424*Input!$C$19,0)+IF(Input!$D$20=4,K5424*Input!$C$20,0)+IF(Input!$D$21=4,L5424*Input!$C$21,0)+IF(Input!$D$22=4,M5424*Input!$C$22,0)</f>
        <v>0</v>
      </c>
      <c r="R5424" s="58">
        <v>69.533854756020574</v>
      </c>
      <c r="S5424" s="124">
        <f t="shared" si="84"/>
        <v>1.7695989679644386</v>
      </c>
    </row>
    <row r="5425" spans="8:19" x14ac:dyDescent="0.3">
      <c r="H5425" s="44">
        <v>5418</v>
      </c>
      <c r="I5425" s="56">
        <f>Bühler!I5451</f>
        <v>0.40836899260717813</v>
      </c>
      <c r="J5425" s="59">
        <f>Bühler!J5451</f>
        <v>1.3612299753572605</v>
      </c>
      <c r="K5425" s="59">
        <f>Bühler!K5451</f>
        <v>2.0418449630358908</v>
      </c>
      <c r="L5425" s="59">
        <f>Bühler!L5451</f>
        <v>9.8008558225722755</v>
      </c>
      <c r="M5425" s="58">
        <f>Bühler!M5451</f>
        <v>0</v>
      </c>
      <c r="N5425" s="56">
        <f>IF(Input!$D$19=1,J5425*Input!$C$19,0)+IF(Input!$D$20=1,K5425*Input!$C$20,0)+IF(Input!$D$21=1,L5425*Input!$C$21,0)+IF(Input!$D$22=1,M5425*Input!$C$22,0)</f>
        <v>0.40836899260717813</v>
      </c>
      <c r="O5425" s="59">
        <f>IF(Input!$D$19=2,J5425*Input!$C$19,0)+IF(Input!$D$20=2,K5425*Input!$C$20,0)+IF(Input!$D$21=2,L5425*Input!$C$21,0)+IF(Input!$D$22=2,M5425*Input!$C$22,0)</f>
        <v>1.0209224815179454</v>
      </c>
      <c r="P5425" s="59">
        <f>IF(Input!$D$19=3,J5425*Input!$C$19,0)+IF(Input!$D$20=3,K5425*Input!$C$20,0)+IF(Input!$D$21=3,L5425*Input!$C$21,0)+IF(Input!$D$22=3,M5425*Input!$C$22,0)</f>
        <v>0</v>
      </c>
      <c r="Q5425" s="75">
        <f>IF(Input!$D$19=4,J5425*Input!$C$19,0)+IF(Input!$D$20=4,K5425*Input!$C$20,0)+IF(Input!$D$21=4,L5425*Input!$C$21,0)+IF(Input!$D$22=4,M5425*Input!$C$22,0)</f>
        <v>0</v>
      </c>
      <c r="R5425" s="58">
        <v>68.106766292157303</v>
      </c>
      <c r="S5425" s="124">
        <f t="shared" si="84"/>
        <v>1.7695989679644386</v>
      </c>
    </row>
    <row r="5426" spans="8:19" x14ac:dyDescent="0.3">
      <c r="H5426" s="44">
        <v>5419</v>
      </c>
      <c r="I5426" s="56">
        <f>Bühler!I5452</f>
        <v>0.40836899260717813</v>
      </c>
      <c r="J5426" s="59">
        <f>Bühler!J5452</f>
        <v>1.3612299753572605</v>
      </c>
      <c r="K5426" s="59">
        <f>Bühler!K5452</f>
        <v>2.0418449630358908</v>
      </c>
      <c r="L5426" s="59">
        <f>Bühler!L5452</f>
        <v>9.8008558225722755</v>
      </c>
      <c r="M5426" s="58">
        <f>Bühler!M5452</f>
        <v>0</v>
      </c>
      <c r="N5426" s="56">
        <f>IF(Input!$D$19=1,J5426*Input!$C$19,0)+IF(Input!$D$20=1,K5426*Input!$C$20,0)+IF(Input!$D$21=1,L5426*Input!$C$21,0)+IF(Input!$D$22=1,M5426*Input!$C$22,0)</f>
        <v>0.40836899260717813</v>
      </c>
      <c r="O5426" s="59">
        <f>IF(Input!$D$19=2,J5426*Input!$C$19,0)+IF(Input!$D$20=2,K5426*Input!$C$20,0)+IF(Input!$D$21=2,L5426*Input!$C$21,0)+IF(Input!$D$22=2,M5426*Input!$C$22,0)</f>
        <v>1.0209224815179454</v>
      </c>
      <c r="P5426" s="59">
        <f>IF(Input!$D$19=3,J5426*Input!$C$19,0)+IF(Input!$D$20=3,K5426*Input!$C$20,0)+IF(Input!$D$21=3,L5426*Input!$C$21,0)+IF(Input!$D$22=3,M5426*Input!$C$22,0)</f>
        <v>0</v>
      </c>
      <c r="Q5426" s="75">
        <f>IF(Input!$D$19=4,J5426*Input!$C$19,0)+IF(Input!$D$20=4,K5426*Input!$C$20,0)+IF(Input!$D$21=4,L5426*Input!$C$21,0)+IF(Input!$D$22=4,M5426*Input!$C$22,0)</f>
        <v>0</v>
      </c>
      <c r="R5426" s="58">
        <v>66.451951680443329</v>
      </c>
      <c r="S5426" s="124">
        <f t="shared" si="84"/>
        <v>1.7695989679644386</v>
      </c>
    </row>
    <row r="5427" spans="8:19" x14ac:dyDescent="0.3">
      <c r="H5427" s="44">
        <v>5420</v>
      </c>
      <c r="I5427" s="56">
        <f>Bühler!I5453</f>
        <v>0.34200903130851174</v>
      </c>
      <c r="J5427" s="59">
        <f>Bühler!J5453</f>
        <v>1.140030104361706</v>
      </c>
      <c r="K5427" s="59">
        <f>Bühler!K5453</f>
        <v>1.7100451565425587</v>
      </c>
      <c r="L5427" s="59">
        <f>Bühler!L5453</f>
        <v>8.208216751404283</v>
      </c>
      <c r="M5427" s="58">
        <f>Bühler!M5453</f>
        <v>0</v>
      </c>
      <c r="N5427" s="56">
        <f>IF(Input!$D$19=1,J5427*Input!$C$19,0)+IF(Input!$D$20=1,K5427*Input!$C$20,0)+IF(Input!$D$21=1,L5427*Input!$C$21,0)+IF(Input!$D$22=1,M5427*Input!$C$22,0)</f>
        <v>0.34200903130851179</v>
      </c>
      <c r="O5427" s="59">
        <f>IF(Input!$D$19=2,J5427*Input!$C$19,0)+IF(Input!$D$20=2,K5427*Input!$C$20,0)+IF(Input!$D$21=2,L5427*Input!$C$21,0)+IF(Input!$D$22=2,M5427*Input!$C$22,0)</f>
        <v>0.85502257827127937</v>
      </c>
      <c r="P5427" s="59">
        <f>IF(Input!$D$19=3,J5427*Input!$C$19,0)+IF(Input!$D$20=3,K5427*Input!$C$20,0)+IF(Input!$D$21=3,L5427*Input!$C$21,0)+IF(Input!$D$22=3,M5427*Input!$C$22,0)</f>
        <v>0</v>
      </c>
      <c r="Q5427" s="75">
        <f>IF(Input!$D$19=4,J5427*Input!$C$19,0)+IF(Input!$D$20=4,K5427*Input!$C$20,0)+IF(Input!$D$21=4,L5427*Input!$C$21,0)+IF(Input!$D$22=4,M5427*Input!$C$22,0)</f>
        <v>0</v>
      </c>
      <c r="R5427" s="58">
        <v>65.720398591761096</v>
      </c>
      <c r="S5427" s="124">
        <f t="shared" si="84"/>
        <v>1.4820391356702178</v>
      </c>
    </row>
    <row r="5428" spans="8:19" x14ac:dyDescent="0.3">
      <c r="H5428" s="44">
        <v>5421</v>
      </c>
      <c r="I5428" s="56">
        <f>Bühler!I5454</f>
        <v>0.28075368241743492</v>
      </c>
      <c r="J5428" s="59">
        <f>Bühler!J5454</f>
        <v>0.93584560805811656</v>
      </c>
      <c r="K5428" s="59">
        <f>Bühler!K5454</f>
        <v>1.4037684120871747</v>
      </c>
      <c r="L5428" s="59">
        <f>Bühler!L5454</f>
        <v>6.7380883780184391</v>
      </c>
      <c r="M5428" s="58">
        <f>Bühler!M5454</f>
        <v>0</v>
      </c>
      <c r="N5428" s="56">
        <f>IF(Input!$D$19=1,J5428*Input!$C$19,0)+IF(Input!$D$20=1,K5428*Input!$C$20,0)+IF(Input!$D$21=1,L5428*Input!$C$21,0)+IF(Input!$D$22=1,M5428*Input!$C$22,0)</f>
        <v>0.28075368241743498</v>
      </c>
      <c r="O5428" s="59">
        <f>IF(Input!$D$19=2,J5428*Input!$C$19,0)+IF(Input!$D$20=2,K5428*Input!$C$20,0)+IF(Input!$D$21=2,L5428*Input!$C$21,0)+IF(Input!$D$22=2,M5428*Input!$C$22,0)</f>
        <v>0.70188420604358737</v>
      </c>
      <c r="P5428" s="59">
        <f>IF(Input!$D$19=3,J5428*Input!$C$19,0)+IF(Input!$D$20=3,K5428*Input!$C$20,0)+IF(Input!$D$21=3,L5428*Input!$C$21,0)+IF(Input!$D$22=3,M5428*Input!$C$22,0)</f>
        <v>0</v>
      </c>
      <c r="Q5428" s="75">
        <f>IF(Input!$D$19=4,J5428*Input!$C$19,0)+IF(Input!$D$20=4,K5428*Input!$C$20,0)+IF(Input!$D$21=4,L5428*Input!$C$21,0)+IF(Input!$D$22=4,M5428*Input!$C$22,0)</f>
        <v>0</v>
      </c>
      <c r="R5428" s="58">
        <v>63.522463320955389</v>
      </c>
      <c r="S5428" s="124">
        <f t="shared" si="84"/>
        <v>1.2165992904755516</v>
      </c>
    </row>
    <row r="5429" spans="8:19" x14ac:dyDescent="0.3">
      <c r="H5429" s="44">
        <v>5422</v>
      </c>
      <c r="I5429" s="56">
        <f>Bühler!I5455</f>
        <v>0.20418449630358906</v>
      </c>
      <c r="J5429" s="59">
        <f>Bühler!J5455</f>
        <v>0.68061498767863027</v>
      </c>
      <c r="K5429" s="59">
        <f>Bühler!K5455</f>
        <v>1.0209224815179454</v>
      </c>
      <c r="L5429" s="59">
        <f>Bühler!L5455</f>
        <v>4.9004279112861377</v>
      </c>
      <c r="M5429" s="58">
        <f>Bühler!M5455</f>
        <v>0</v>
      </c>
      <c r="N5429" s="56">
        <f>IF(Input!$D$19=1,J5429*Input!$C$19,0)+IF(Input!$D$20=1,K5429*Input!$C$20,0)+IF(Input!$D$21=1,L5429*Input!$C$21,0)+IF(Input!$D$22=1,M5429*Input!$C$22,0)</f>
        <v>0.20418449630358906</v>
      </c>
      <c r="O5429" s="59">
        <f>IF(Input!$D$19=2,J5429*Input!$C$19,0)+IF(Input!$D$20=2,K5429*Input!$C$20,0)+IF(Input!$D$21=2,L5429*Input!$C$21,0)+IF(Input!$D$22=2,M5429*Input!$C$22,0)</f>
        <v>0.5104612407589727</v>
      </c>
      <c r="P5429" s="59">
        <f>IF(Input!$D$19=3,J5429*Input!$C$19,0)+IF(Input!$D$20=3,K5429*Input!$C$20,0)+IF(Input!$D$21=3,L5429*Input!$C$21,0)+IF(Input!$D$22=3,M5429*Input!$C$22,0)</f>
        <v>0</v>
      </c>
      <c r="Q5429" s="75">
        <f>IF(Input!$D$19=4,J5429*Input!$C$19,0)+IF(Input!$D$20=4,K5429*Input!$C$20,0)+IF(Input!$D$21=4,L5429*Input!$C$21,0)+IF(Input!$D$22=4,M5429*Input!$C$22,0)</f>
        <v>0</v>
      </c>
      <c r="R5429" s="58">
        <v>61.59990401731973</v>
      </c>
      <c r="S5429" s="124">
        <f t="shared" si="84"/>
        <v>0.8847994839822193</v>
      </c>
    </row>
    <row r="5430" spans="8:19" x14ac:dyDescent="0.3">
      <c r="H5430" s="44">
        <v>5423</v>
      </c>
      <c r="I5430" s="56">
        <f>Bühler!I5456</f>
        <v>0.20418449630358906</v>
      </c>
      <c r="J5430" s="59">
        <f>Bühler!J5456</f>
        <v>0.68061498767863027</v>
      </c>
      <c r="K5430" s="59">
        <f>Bühler!K5456</f>
        <v>1.0209224815179454</v>
      </c>
      <c r="L5430" s="59">
        <f>Bühler!L5456</f>
        <v>4.9004279112861377</v>
      </c>
      <c r="M5430" s="58">
        <f>Bühler!M5456</f>
        <v>0</v>
      </c>
      <c r="N5430" s="56">
        <f>IF(Input!$D$19=1,J5430*Input!$C$19,0)+IF(Input!$D$20=1,K5430*Input!$C$20,0)+IF(Input!$D$21=1,L5430*Input!$C$21,0)+IF(Input!$D$22=1,M5430*Input!$C$22,0)</f>
        <v>0.20418449630358906</v>
      </c>
      <c r="O5430" s="59">
        <f>IF(Input!$D$19=2,J5430*Input!$C$19,0)+IF(Input!$D$20=2,K5430*Input!$C$20,0)+IF(Input!$D$21=2,L5430*Input!$C$21,0)+IF(Input!$D$22=2,M5430*Input!$C$22,0)</f>
        <v>0.5104612407589727</v>
      </c>
      <c r="P5430" s="59">
        <f>IF(Input!$D$19=3,J5430*Input!$C$19,0)+IF(Input!$D$20=3,K5430*Input!$C$20,0)+IF(Input!$D$21=3,L5430*Input!$C$21,0)+IF(Input!$D$22=3,M5430*Input!$C$22,0)</f>
        <v>0</v>
      </c>
      <c r="Q5430" s="75">
        <f>IF(Input!$D$19=4,J5430*Input!$C$19,0)+IF(Input!$D$20=4,K5430*Input!$C$20,0)+IF(Input!$D$21=4,L5430*Input!$C$21,0)+IF(Input!$D$22=4,M5430*Input!$C$22,0)</f>
        <v>0</v>
      </c>
      <c r="R5430" s="58">
        <v>60.958702255704075</v>
      </c>
      <c r="S5430" s="124">
        <f t="shared" si="84"/>
        <v>0.8847994839822193</v>
      </c>
    </row>
    <row r="5431" spans="8:19" x14ac:dyDescent="0.3">
      <c r="H5431" s="44">
        <v>5424</v>
      </c>
      <c r="I5431" s="56">
        <f>Bühler!I5457</f>
        <v>0.20418449630358906</v>
      </c>
      <c r="J5431" s="59">
        <f>Bühler!J5457</f>
        <v>0.68061498767863027</v>
      </c>
      <c r="K5431" s="59">
        <f>Bühler!K5457</f>
        <v>1.0209224815179454</v>
      </c>
      <c r="L5431" s="59">
        <f>Bühler!L5457</f>
        <v>4.9004279112861377</v>
      </c>
      <c r="M5431" s="58">
        <f>Bühler!M5457</f>
        <v>0</v>
      </c>
      <c r="N5431" s="56">
        <f>IF(Input!$D$19=1,J5431*Input!$C$19,0)+IF(Input!$D$20=1,K5431*Input!$C$20,0)+IF(Input!$D$21=1,L5431*Input!$C$21,0)+IF(Input!$D$22=1,M5431*Input!$C$22,0)</f>
        <v>0.20418449630358906</v>
      </c>
      <c r="O5431" s="59">
        <f>IF(Input!$D$19=2,J5431*Input!$C$19,0)+IF(Input!$D$20=2,K5431*Input!$C$20,0)+IF(Input!$D$21=2,L5431*Input!$C$21,0)+IF(Input!$D$22=2,M5431*Input!$C$22,0)</f>
        <v>0.5104612407589727</v>
      </c>
      <c r="P5431" s="59">
        <f>IF(Input!$D$19=3,J5431*Input!$C$19,0)+IF(Input!$D$20=3,K5431*Input!$C$20,0)+IF(Input!$D$21=3,L5431*Input!$C$21,0)+IF(Input!$D$22=3,M5431*Input!$C$22,0)</f>
        <v>0</v>
      </c>
      <c r="Q5431" s="75">
        <f>IF(Input!$D$19=4,J5431*Input!$C$19,0)+IF(Input!$D$20=4,K5431*Input!$C$20,0)+IF(Input!$D$21=4,L5431*Input!$C$21,0)+IF(Input!$D$22=4,M5431*Input!$C$22,0)</f>
        <v>0</v>
      </c>
      <c r="R5431" s="58">
        <v>60.422431480019945</v>
      </c>
      <c r="S5431" s="124">
        <f t="shared" si="84"/>
        <v>0.8847994839822193</v>
      </c>
    </row>
    <row r="5432" spans="8:19" x14ac:dyDescent="0.3">
      <c r="H5432" s="44">
        <v>5425</v>
      </c>
      <c r="I5432" s="56">
        <f>Bühler!I5458</f>
        <v>0.18251586624854024</v>
      </c>
      <c r="J5432" s="59">
        <f>Bühler!J5458</f>
        <v>0.60838622082846749</v>
      </c>
      <c r="K5432" s="59">
        <f>Bühler!K5458</f>
        <v>0.91257933124270119</v>
      </c>
      <c r="L5432" s="59">
        <f>Bühler!L5458</f>
        <v>4.380380789964966</v>
      </c>
      <c r="M5432" s="58">
        <f>Bühler!M5458</f>
        <v>0</v>
      </c>
      <c r="N5432" s="56">
        <f>IF(Input!$D$19=1,J5432*Input!$C$19,0)+IF(Input!$D$20=1,K5432*Input!$C$20,0)+IF(Input!$D$21=1,L5432*Input!$C$21,0)+IF(Input!$D$22=1,M5432*Input!$C$22,0)</f>
        <v>0.18251586624854024</v>
      </c>
      <c r="O5432" s="59">
        <f>IF(Input!$D$19=2,J5432*Input!$C$19,0)+IF(Input!$D$20=2,K5432*Input!$C$20,0)+IF(Input!$D$21=2,L5432*Input!$C$21,0)+IF(Input!$D$22=2,M5432*Input!$C$22,0)</f>
        <v>0.45628966562135059</v>
      </c>
      <c r="P5432" s="59">
        <f>IF(Input!$D$19=3,J5432*Input!$C$19,0)+IF(Input!$D$20=3,K5432*Input!$C$20,0)+IF(Input!$D$21=3,L5432*Input!$C$21,0)+IF(Input!$D$22=3,M5432*Input!$C$22,0)</f>
        <v>0</v>
      </c>
      <c r="Q5432" s="75">
        <f>IF(Input!$D$19=4,J5432*Input!$C$19,0)+IF(Input!$D$20=4,K5432*Input!$C$20,0)+IF(Input!$D$21=4,L5432*Input!$C$21,0)+IF(Input!$D$22=4,M5432*Input!$C$22,0)</f>
        <v>0</v>
      </c>
      <c r="R5432" s="58">
        <v>59.520243039125837</v>
      </c>
      <c r="S5432" s="124">
        <f t="shared" si="84"/>
        <v>0.79090208707700771</v>
      </c>
    </row>
    <row r="5433" spans="8:19" x14ac:dyDescent="0.3">
      <c r="H5433" s="44">
        <v>5426</v>
      </c>
      <c r="I5433" s="56">
        <f>Bühler!I5459</f>
        <v>0.20533034952960774</v>
      </c>
      <c r="J5433" s="59">
        <f>Bühler!J5459</f>
        <v>0.68443449843202586</v>
      </c>
      <c r="K5433" s="59">
        <f>Bühler!K5459</f>
        <v>1.0266517476480388</v>
      </c>
      <c r="L5433" s="59">
        <f>Bühler!L5459</f>
        <v>4.927928388710586</v>
      </c>
      <c r="M5433" s="58">
        <f>Bühler!M5459</f>
        <v>0</v>
      </c>
      <c r="N5433" s="56">
        <f>IF(Input!$D$19=1,J5433*Input!$C$19,0)+IF(Input!$D$20=1,K5433*Input!$C$20,0)+IF(Input!$D$21=1,L5433*Input!$C$21,0)+IF(Input!$D$22=1,M5433*Input!$C$22,0)</f>
        <v>0.20533034952960774</v>
      </c>
      <c r="O5433" s="59">
        <f>IF(Input!$D$19=2,J5433*Input!$C$19,0)+IF(Input!$D$20=2,K5433*Input!$C$20,0)+IF(Input!$D$21=2,L5433*Input!$C$21,0)+IF(Input!$D$22=2,M5433*Input!$C$22,0)</f>
        <v>0.5133258738240194</v>
      </c>
      <c r="P5433" s="59">
        <f>IF(Input!$D$19=3,J5433*Input!$C$19,0)+IF(Input!$D$20=3,K5433*Input!$C$20,0)+IF(Input!$D$21=3,L5433*Input!$C$21,0)+IF(Input!$D$22=3,M5433*Input!$C$22,0)</f>
        <v>0</v>
      </c>
      <c r="Q5433" s="75">
        <f>IF(Input!$D$19=4,J5433*Input!$C$19,0)+IF(Input!$D$20=4,K5433*Input!$C$20,0)+IF(Input!$D$21=4,L5433*Input!$C$21,0)+IF(Input!$D$22=4,M5433*Input!$C$22,0)</f>
        <v>0</v>
      </c>
      <c r="R5433" s="58">
        <v>58.465317746054865</v>
      </c>
      <c r="S5433" s="124">
        <f t="shared" si="84"/>
        <v>0.88976484796163358</v>
      </c>
    </row>
    <row r="5434" spans="8:19" x14ac:dyDescent="0.3">
      <c r="H5434" s="44">
        <v>5427</v>
      </c>
      <c r="I5434" s="56">
        <f>Bühler!I5460</f>
        <v>0.20533034952960774</v>
      </c>
      <c r="J5434" s="59">
        <f>Bühler!J5460</f>
        <v>0.68443449843202586</v>
      </c>
      <c r="K5434" s="59">
        <f>Bühler!K5460</f>
        <v>1.0266517476480388</v>
      </c>
      <c r="L5434" s="59">
        <f>Bühler!L5460</f>
        <v>4.927928388710586</v>
      </c>
      <c r="M5434" s="58">
        <f>Bühler!M5460</f>
        <v>0</v>
      </c>
      <c r="N5434" s="56">
        <f>IF(Input!$D$19=1,J5434*Input!$C$19,0)+IF(Input!$D$20=1,K5434*Input!$C$20,0)+IF(Input!$D$21=1,L5434*Input!$C$21,0)+IF(Input!$D$22=1,M5434*Input!$C$22,0)</f>
        <v>0.20533034952960774</v>
      </c>
      <c r="O5434" s="59">
        <f>IF(Input!$D$19=2,J5434*Input!$C$19,0)+IF(Input!$D$20=2,K5434*Input!$C$20,0)+IF(Input!$D$21=2,L5434*Input!$C$21,0)+IF(Input!$D$22=2,M5434*Input!$C$22,0)</f>
        <v>0.5133258738240194</v>
      </c>
      <c r="P5434" s="59">
        <f>IF(Input!$D$19=3,J5434*Input!$C$19,0)+IF(Input!$D$20=3,K5434*Input!$C$20,0)+IF(Input!$D$21=3,L5434*Input!$C$21,0)+IF(Input!$D$22=3,M5434*Input!$C$22,0)</f>
        <v>0</v>
      </c>
      <c r="Q5434" s="75">
        <f>IF(Input!$D$19=4,J5434*Input!$C$19,0)+IF(Input!$D$20=4,K5434*Input!$C$20,0)+IF(Input!$D$21=4,L5434*Input!$C$21,0)+IF(Input!$D$22=4,M5434*Input!$C$22,0)</f>
        <v>0</v>
      </c>
      <c r="R5434" s="58">
        <v>58.605781829166823</v>
      </c>
      <c r="S5434" s="124">
        <f t="shared" si="84"/>
        <v>0.88976484796163358</v>
      </c>
    </row>
    <row r="5435" spans="8:19" x14ac:dyDescent="0.3">
      <c r="H5435" s="44">
        <v>5428</v>
      </c>
      <c r="I5435" s="56">
        <f>Bühler!I5461</f>
        <v>0.20533034952960774</v>
      </c>
      <c r="J5435" s="59">
        <f>Bühler!J5461</f>
        <v>0.68443449843202586</v>
      </c>
      <c r="K5435" s="59">
        <f>Bühler!K5461</f>
        <v>1.0266517476480388</v>
      </c>
      <c r="L5435" s="59">
        <f>Bühler!L5461</f>
        <v>4.927928388710586</v>
      </c>
      <c r="M5435" s="58">
        <f>Bühler!M5461</f>
        <v>0</v>
      </c>
      <c r="N5435" s="56">
        <f>IF(Input!$D$19=1,J5435*Input!$C$19,0)+IF(Input!$D$20=1,K5435*Input!$C$20,0)+IF(Input!$D$21=1,L5435*Input!$C$21,0)+IF(Input!$D$22=1,M5435*Input!$C$22,0)</f>
        <v>0.20533034952960774</v>
      </c>
      <c r="O5435" s="59">
        <f>IF(Input!$D$19=2,J5435*Input!$C$19,0)+IF(Input!$D$20=2,K5435*Input!$C$20,0)+IF(Input!$D$21=2,L5435*Input!$C$21,0)+IF(Input!$D$22=2,M5435*Input!$C$22,0)</f>
        <v>0.5133258738240194</v>
      </c>
      <c r="P5435" s="59">
        <f>IF(Input!$D$19=3,J5435*Input!$C$19,0)+IF(Input!$D$20=3,K5435*Input!$C$20,0)+IF(Input!$D$21=3,L5435*Input!$C$21,0)+IF(Input!$D$22=3,M5435*Input!$C$22,0)</f>
        <v>0</v>
      </c>
      <c r="Q5435" s="75">
        <f>IF(Input!$D$19=4,J5435*Input!$C$19,0)+IF(Input!$D$20=4,K5435*Input!$C$20,0)+IF(Input!$D$21=4,L5435*Input!$C$21,0)+IF(Input!$D$22=4,M5435*Input!$C$22,0)</f>
        <v>0</v>
      </c>
      <c r="R5435" s="58">
        <v>59.268270658837992</v>
      </c>
      <c r="S5435" s="124">
        <f t="shared" si="84"/>
        <v>0.88976484796163358</v>
      </c>
    </row>
    <row r="5436" spans="8:19" x14ac:dyDescent="0.3">
      <c r="H5436" s="44">
        <v>5429</v>
      </c>
      <c r="I5436" s="56">
        <f>Bühler!I5462</f>
        <v>0.20533034952960774</v>
      </c>
      <c r="J5436" s="59">
        <f>Bühler!J5462</f>
        <v>0.68443449843202586</v>
      </c>
      <c r="K5436" s="59">
        <f>Bühler!K5462</f>
        <v>1.0266517476480388</v>
      </c>
      <c r="L5436" s="59">
        <f>Bühler!L5462</f>
        <v>4.927928388710586</v>
      </c>
      <c r="M5436" s="58">
        <f>Bühler!M5462</f>
        <v>0</v>
      </c>
      <c r="N5436" s="56">
        <f>IF(Input!$D$19=1,J5436*Input!$C$19,0)+IF(Input!$D$20=1,K5436*Input!$C$20,0)+IF(Input!$D$21=1,L5436*Input!$C$21,0)+IF(Input!$D$22=1,M5436*Input!$C$22,0)</f>
        <v>0.20533034952960774</v>
      </c>
      <c r="O5436" s="59">
        <f>IF(Input!$D$19=2,J5436*Input!$C$19,0)+IF(Input!$D$20=2,K5436*Input!$C$20,0)+IF(Input!$D$21=2,L5436*Input!$C$21,0)+IF(Input!$D$22=2,M5436*Input!$C$22,0)</f>
        <v>0.5133258738240194</v>
      </c>
      <c r="P5436" s="59">
        <f>IF(Input!$D$19=3,J5436*Input!$C$19,0)+IF(Input!$D$20=3,K5436*Input!$C$20,0)+IF(Input!$D$21=3,L5436*Input!$C$21,0)+IF(Input!$D$22=3,M5436*Input!$C$22,0)</f>
        <v>0</v>
      </c>
      <c r="Q5436" s="75">
        <f>IF(Input!$D$19=4,J5436*Input!$C$19,0)+IF(Input!$D$20=4,K5436*Input!$C$20,0)+IF(Input!$D$21=4,L5436*Input!$C$21,0)+IF(Input!$D$22=4,M5436*Input!$C$22,0)</f>
        <v>0</v>
      </c>
      <c r="R5436" s="58">
        <v>60.107208471333067</v>
      </c>
      <c r="S5436" s="124">
        <f t="shared" si="84"/>
        <v>0.88976484796163358</v>
      </c>
    </row>
    <row r="5437" spans="8:19" x14ac:dyDescent="0.3">
      <c r="H5437" s="44">
        <v>5430</v>
      </c>
      <c r="I5437" s="56">
        <f>Bühler!I5463</f>
        <v>0.2646480060603833</v>
      </c>
      <c r="J5437" s="59">
        <f>Bühler!J5463</f>
        <v>0.88216002020127771</v>
      </c>
      <c r="K5437" s="59">
        <f>Bühler!K5463</f>
        <v>1.3232400303019165</v>
      </c>
      <c r="L5437" s="59">
        <f>Bühler!L5463</f>
        <v>6.3515521454491983</v>
      </c>
      <c r="M5437" s="58">
        <f>Bühler!M5463</f>
        <v>0</v>
      </c>
      <c r="N5437" s="56">
        <f>IF(Input!$D$19=1,J5437*Input!$C$19,0)+IF(Input!$D$20=1,K5437*Input!$C$20,0)+IF(Input!$D$21=1,L5437*Input!$C$21,0)+IF(Input!$D$22=1,M5437*Input!$C$22,0)</f>
        <v>0.2646480060603833</v>
      </c>
      <c r="O5437" s="59">
        <f>IF(Input!$D$19=2,J5437*Input!$C$19,0)+IF(Input!$D$20=2,K5437*Input!$C$20,0)+IF(Input!$D$21=2,L5437*Input!$C$21,0)+IF(Input!$D$22=2,M5437*Input!$C$22,0)</f>
        <v>0.66162001515095825</v>
      </c>
      <c r="P5437" s="59">
        <f>IF(Input!$D$19=3,J5437*Input!$C$19,0)+IF(Input!$D$20=3,K5437*Input!$C$20,0)+IF(Input!$D$21=3,L5437*Input!$C$21,0)+IF(Input!$D$22=3,M5437*Input!$C$22,0)</f>
        <v>0</v>
      </c>
      <c r="Q5437" s="75">
        <f>IF(Input!$D$19=4,J5437*Input!$C$19,0)+IF(Input!$D$20=4,K5437*Input!$C$20,0)+IF(Input!$D$21=4,L5437*Input!$C$21,0)+IF(Input!$D$22=4,M5437*Input!$C$22,0)</f>
        <v>0</v>
      </c>
      <c r="R5437" s="58">
        <v>63.112205125704129</v>
      </c>
      <c r="S5437" s="124">
        <f t="shared" si="84"/>
        <v>1.1468080262616609</v>
      </c>
    </row>
    <row r="5438" spans="8:19" x14ac:dyDescent="0.3">
      <c r="H5438" s="44">
        <v>5431</v>
      </c>
      <c r="I5438" s="56">
        <f>Bühler!I5464</f>
        <v>0.3057140759663049</v>
      </c>
      <c r="J5438" s="59">
        <f>Bühler!J5464</f>
        <v>1.019046919887683</v>
      </c>
      <c r="K5438" s="59">
        <f>Bühler!K5464</f>
        <v>1.5285703798315244</v>
      </c>
      <c r="L5438" s="59">
        <f>Bühler!L5464</f>
        <v>7.3371378231913171</v>
      </c>
      <c r="M5438" s="58">
        <f>Bühler!M5464</f>
        <v>0</v>
      </c>
      <c r="N5438" s="56">
        <f>IF(Input!$D$19=1,J5438*Input!$C$19,0)+IF(Input!$D$20=1,K5438*Input!$C$20,0)+IF(Input!$D$21=1,L5438*Input!$C$21,0)+IF(Input!$D$22=1,M5438*Input!$C$22,0)</f>
        <v>0.3057140759663049</v>
      </c>
      <c r="O5438" s="59">
        <f>IF(Input!$D$19=2,J5438*Input!$C$19,0)+IF(Input!$D$20=2,K5438*Input!$C$20,0)+IF(Input!$D$21=2,L5438*Input!$C$21,0)+IF(Input!$D$22=2,M5438*Input!$C$22,0)</f>
        <v>0.76428518991576222</v>
      </c>
      <c r="P5438" s="59">
        <f>IF(Input!$D$19=3,J5438*Input!$C$19,0)+IF(Input!$D$20=3,K5438*Input!$C$20,0)+IF(Input!$D$21=3,L5438*Input!$C$21,0)+IF(Input!$D$22=3,M5438*Input!$C$22,0)</f>
        <v>0</v>
      </c>
      <c r="Q5438" s="75">
        <f>IF(Input!$D$19=4,J5438*Input!$C$19,0)+IF(Input!$D$20=4,K5438*Input!$C$20,0)+IF(Input!$D$21=4,L5438*Input!$C$21,0)+IF(Input!$D$22=4,M5438*Input!$C$22,0)</f>
        <v>0</v>
      </c>
      <c r="R5438" s="58">
        <v>66.243810716313135</v>
      </c>
      <c r="S5438" s="124">
        <f t="shared" si="84"/>
        <v>1.3247609958539879</v>
      </c>
    </row>
    <row r="5439" spans="8:19" x14ac:dyDescent="0.3">
      <c r="H5439" s="44">
        <v>5432</v>
      </c>
      <c r="I5439" s="56">
        <f>Bühler!I5465</f>
        <v>0.3057140759663049</v>
      </c>
      <c r="J5439" s="59">
        <f>Bühler!J5465</f>
        <v>1.019046919887683</v>
      </c>
      <c r="K5439" s="59">
        <f>Bühler!K5465</f>
        <v>1.5285703798315244</v>
      </c>
      <c r="L5439" s="59">
        <f>Bühler!L5465</f>
        <v>7.3371378231913171</v>
      </c>
      <c r="M5439" s="58">
        <f>Bühler!M5465</f>
        <v>0</v>
      </c>
      <c r="N5439" s="56">
        <f>IF(Input!$D$19=1,J5439*Input!$C$19,0)+IF(Input!$D$20=1,K5439*Input!$C$20,0)+IF(Input!$D$21=1,L5439*Input!$C$21,0)+IF(Input!$D$22=1,M5439*Input!$C$22,0)</f>
        <v>0.3057140759663049</v>
      </c>
      <c r="O5439" s="59">
        <f>IF(Input!$D$19=2,J5439*Input!$C$19,0)+IF(Input!$D$20=2,K5439*Input!$C$20,0)+IF(Input!$D$21=2,L5439*Input!$C$21,0)+IF(Input!$D$22=2,M5439*Input!$C$22,0)</f>
        <v>0.76428518991576222</v>
      </c>
      <c r="P5439" s="59">
        <f>IF(Input!$D$19=3,J5439*Input!$C$19,0)+IF(Input!$D$20=3,K5439*Input!$C$20,0)+IF(Input!$D$21=3,L5439*Input!$C$21,0)+IF(Input!$D$22=3,M5439*Input!$C$22,0)</f>
        <v>0</v>
      </c>
      <c r="Q5439" s="75">
        <f>IF(Input!$D$19=4,J5439*Input!$C$19,0)+IF(Input!$D$20=4,K5439*Input!$C$20,0)+IF(Input!$D$21=4,L5439*Input!$C$21,0)+IF(Input!$D$22=4,M5439*Input!$C$22,0)</f>
        <v>0</v>
      </c>
      <c r="R5439" s="58">
        <v>67.96048997100894</v>
      </c>
      <c r="S5439" s="124">
        <f t="shared" si="84"/>
        <v>1.3247609958539879</v>
      </c>
    </row>
    <row r="5440" spans="8:19" x14ac:dyDescent="0.3">
      <c r="H5440" s="44">
        <v>5433</v>
      </c>
      <c r="I5440" s="56">
        <f>Bühler!I5466</f>
        <v>0.3057140759663049</v>
      </c>
      <c r="J5440" s="59">
        <f>Bühler!J5466</f>
        <v>1.019046919887683</v>
      </c>
      <c r="K5440" s="59">
        <f>Bühler!K5466</f>
        <v>1.5285703798315244</v>
      </c>
      <c r="L5440" s="59">
        <f>Bühler!L5466</f>
        <v>7.3371378231913171</v>
      </c>
      <c r="M5440" s="58">
        <f>Bühler!M5466</f>
        <v>0</v>
      </c>
      <c r="N5440" s="56">
        <f>IF(Input!$D$19=1,J5440*Input!$C$19,0)+IF(Input!$D$20=1,K5440*Input!$C$20,0)+IF(Input!$D$21=1,L5440*Input!$C$21,0)+IF(Input!$D$22=1,M5440*Input!$C$22,0)</f>
        <v>0.3057140759663049</v>
      </c>
      <c r="O5440" s="59">
        <f>IF(Input!$D$19=2,J5440*Input!$C$19,0)+IF(Input!$D$20=2,K5440*Input!$C$20,0)+IF(Input!$D$21=2,L5440*Input!$C$21,0)+IF(Input!$D$22=2,M5440*Input!$C$22,0)</f>
        <v>0.76428518991576222</v>
      </c>
      <c r="P5440" s="59">
        <f>IF(Input!$D$19=3,J5440*Input!$C$19,0)+IF(Input!$D$20=3,K5440*Input!$C$20,0)+IF(Input!$D$21=3,L5440*Input!$C$21,0)+IF(Input!$D$22=3,M5440*Input!$C$22,0)</f>
        <v>0</v>
      </c>
      <c r="Q5440" s="75">
        <f>IF(Input!$D$19=4,J5440*Input!$C$19,0)+IF(Input!$D$20=4,K5440*Input!$C$20,0)+IF(Input!$D$21=4,L5440*Input!$C$21,0)+IF(Input!$D$22=4,M5440*Input!$C$22,0)</f>
        <v>0</v>
      </c>
      <c r="R5440" s="58">
        <v>69.94784075856235</v>
      </c>
      <c r="S5440" s="124">
        <f t="shared" si="84"/>
        <v>1.3247609958539879</v>
      </c>
    </row>
    <row r="5441" spans="8:19" x14ac:dyDescent="0.3">
      <c r="H5441" s="44">
        <v>5434</v>
      </c>
      <c r="I5441" s="56">
        <f>Bühler!I5467</f>
        <v>0.3285285592473724</v>
      </c>
      <c r="J5441" s="59">
        <f>Bühler!J5467</f>
        <v>1.0950951974912415</v>
      </c>
      <c r="K5441" s="59">
        <f>Bühler!K5467</f>
        <v>1.6426427962368619</v>
      </c>
      <c r="L5441" s="59">
        <f>Bühler!L5467</f>
        <v>7.884685421936938</v>
      </c>
      <c r="M5441" s="58">
        <f>Bühler!M5467</f>
        <v>0</v>
      </c>
      <c r="N5441" s="56">
        <f>IF(Input!$D$19=1,J5441*Input!$C$19,0)+IF(Input!$D$20=1,K5441*Input!$C$20,0)+IF(Input!$D$21=1,L5441*Input!$C$21,0)+IF(Input!$D$22=1,M5441*Input!$C$22,0)</f>
        <v>0.32852855924737245</v>
      </c>
      <c r="O5441" s="59">
        <f>IF(Input!$D$19=2,J5441*Input!$C$19,0)+IF(Input!$D$20=2,K5441*Input!$C$20,0)+IF(Input!$D$21=2,L5441*Input!$C$21,0)+IF(Input!$D$22=2,M5441*Input!$C$22,0)</f>
        <v>0.82132139811843097</v>
      </c>
      <c r="P5441" s="59">
        <f>IF(Input!$D$19=3,J5441*Input!$C$19,0)+IF(Input!$D$20=3,K5441*Input!$C$20,0)+IF(Input!$D$21=3,L5441*Input!$C$21,0)+IF(Input!$D$22=3,M5441*Input!$C$22,0)</f>
        <v>0</v>
      </c>
      <c r="Q5441" s="75">
        <f>IF(Input!$D$19=4,J5441*Input!$C$19,0)+IF(Input!$D$20=4,K5441*Input!$C$20,0)+IF(Input!$D$21=4,L5441*Input!$C$21,0)+IF(Input!$D$22=4,M5441*Input!$C$22,0)</f>
        <v>0</v>
      </c>
      <c r="R5441" s="58">
        <v>70.45551065895971</v>
      </c>
      <c r="S5441" s="124">
        <f t="shared" si="84"/>
        <v>1.4236237567386139</v>
      </c>
    </row>
    <row r="5442" spans="8:19" x14ac:dyDescent="0.3">
      <c r="H5442" s="44">
        <v>5435</v>
      </c>
      <c r="I5442" s="56">
        <f>Bühler!I5468</f>
        <v>0.35590593918465346</v>
      </c>
      <c r="J5442" s="59">
        <f>Bühler!J5468</f>
        <v>1.1863531306155115</v>
      </c>
      <c r="K5442" s="59">
        <f>Bühler!K5468</f>
        <v>1.7795296959232674</v>
      </c>
      <c r="L5442" s="59">
        <f>Bühler!L5468</f>
        <v>8.5417425404316827</v>
      </c>
      <c r="M5442" s="58">
        <f>Bühler!M5468</f>
        <v>0</v>
      </c>
      <c r="N5442" s="56">
        <f>IF(Input!$D$19=1,J5442*Input!$C$19,0)+IF(Input!$D$20=1,K5442*Input!$C$20,0)+IF(Input!$D$21=1,L5442*Input!$C$21,0)+IF(Input!$D$22=1,M5442*Input!$C$22,0)</f>
        <v>0.35590593918465346</v>
      </c>
      <c r="O5442" s="59">
        <f>IF(Input!$D$19=2,J5442*Input!$C$19,0)+IF(Input!$D$20=2,K5442*Input!$C$20,0)+IF(Input!$D$21=2,L5442*Input!$C$21,0)+IF(Input!$D$22=2,M5442*Input!$C$22,0)</f>
        <v>0.88976484796163369</v>
      </c>
      <c r="P5442" s="59">
        <f>IF(Input!$D$19=3,J5442*Input!$C$19,0)+IF(Input!$D$20=3,K5442*Input!$C$20,0)+IF(Input!$D$21=3,L5442*Input!$C$21,0)+IF(Input!$D$22=3,M5442*Input!$C$22,0)</f>
        <v>0</v>
      </c>
      <c r="Q5442" s="75">
        <f>IF(Input!$D$19=4,J5442*Input!$C$19,0)+IF(Input!$D$20=4,K5442*Input!$C$20,0)+IF(Input!$D$21=4,L5442*Input!$C$21,0)+IF(Input!$D$22=4,M5442*Input!$C$22,0)</f>
        <v>0</v>
      </c>
      <c r="R5442" s="58">
        <v>71.889188712269444</v>
      </c>
      <c r="S5442" s="124">
        <f t="shared" si="84"/>
        <v>1.542259069800165</v>
      </c>
    </row>
    <row r="5443" spans="8:19" x14ac:dyDescent="0.3">
      <c r="H5443" s="44">
        <v>5436</v>
      </c>
      <c r="I5443" s="56">
        <f>Bühler!I5469</f>
        <v>0.41066069905921548</v>
      </c>
      <c r="J5443" s="59">
        <f>Bühler!J5469</f>
        <v>1.3688689968640517</v>
      </c>
      <c r="K5443" s="59">
        <f>Bühler!K5469</f>
        <v>2.0533034952960776</v>
      </c>
      <c r="L5443" s="59">
        <f>Bühler!L5469</f>
        <v>9.8558567774211721</v>
      </c>
      <c r="M5443" s="58">
        <f>Bühler!M5469</f>
        <v>0</v>
      </c>
      <c r="N5443" s="56">
        <f>IF(Input!$D$19=1,J5443*Input!$C$19,0)+IF(Input!$D$20=1,K5443*Input!$C$20,0)+IF(Input!$D$21=1,L5443*Input!$C$21,0)+IF(Input!$D$22=1,M5443*Input!$C$22,0)</f>
        <v>0.41066069905921548</v>
      </c>
      <c r="O5443" s="59">
        <f>IF(Input!$D$19=2,J5443*Input!$C$19,0)+IF(Input!$D$20=2,K5443*Input!$C$20,0)+IF(Input!$D$21=2,L5443*Input!$C$21,0)+IF(Input!$D$22=2,M5443*Input!$C$22,0)</f>
        <v>1.0266517476480388</v>
      </c>
      <c r="P5443" s="59">
        <f>IF(Input!$D$19=3,J5443*Input!$C$19,0)+IF(Input!$D$20=3,K5443*Input!$C$20,0)+IF(Input!$D$21=3,L5443*Input!$C$21,0)+IF(Input!$D$22=3,M5443*Input!$C$22,0)</f>
        <v>0</v>
      </c>
      <c r="Q5443" s="75">
        <f>IF(Input!$D$19=4,J5443*Input!$C$19,0)+IF(Input!$D$20=4,K5443*Input!$C$20,0)+IF(Input!$D$21=4,L5443*Input!$C$21,0)+IF(Input!$D$22=4,M5443*Input!$C$22,0)</f>
        <v>0</v>
      </c>
      <c r="R5443" s="58">
        <v>72.747808266933575</v>
      </c>
      <c r="S5443" s="124">
        <f t="shared" si="84"/>
        <v>1.7795296959232672</v>
      </c>
    </row>
    <row r="5444" spans="8:19" x14ac:dyDescent="0.3">
      <c r="H5444" s="44">
        <v>5437</v>
      </c>
      <c r="I5444" s="56">
        <f>Bühler!I5470</f>
        <v>0.41066069905921548</v>
      </c>
      <c r="J5444" s="59">
        <f>Bühler!J5470</f>
        <v>1.3688689968640517</v>
      </c>
      <c r="K5444" s="59">
        <f>Bühler!K5470</f>
        <v>2.0533034952960776</v>
      </c>
      <c r="L5444" s="59">
        <f>Bühler!L5470</f>
        <v>9.8558567774211721</v>
      </c>
      <c r="M5444" s="58">
        <f>Bühler!M5470</f>
        <v>0</v>
      </c>
      <c r="N5444" s="56">
        <f>IF(Input!$D$19=1,J5444*Input!$C$19,0)+IF(Input!$D$20=1,K5444*Input!$C$20,0)+IF(Input!$D$21=1,L5444*Input!$C$21,0)+IF(Input!$D$22=1,M5444*Input!$C$22,0)</f>
        <v>0.41066069905921548</v>
      </c>
      <c r="O5444" s="59">
        <f>IF(Input!$D$19=2,J5444*Input!$C$19,0)+IF(Input!$D$20=2,K5444*Input!$C$20,0)+IF(Input!$D$21=2,L5444*Input!$C$21,0)+IF(Input!$D$22=2,M5444*Input!$C$22,0)</f>
        <v>1.0266517476480388</v>
      </c>
      <c r="P5444" s="59">
        <f>IF(Input!$D$19=3,J5444*Input!$C$19,0)+IF(Input!$D$20=3,K5444*Input!$C$20,0)+IF(Input!$D$21=3,L5444*Input!$C$21,0)+IF(Input!$D$22=3,M5444*Input!$C$22,0)</f>
        <v>0</v>
      </c>
      <c r="Q5444" s="75">
        <f>IF(Input!$D$19=4,J5444*Input!$C$19,0)+IF(Input!$D$20=4,K5444*Input!$C$20,0)+IF(Input!$D$21=4,L5444*Input!$C$21,0)+IF(Input!$D$22=4,M5444*Input!$C$22,0)</f>
        <v>0</v>
      </c>
      <c r="R5444" s="58">
        <v>72.205692086376459</v>
      </c>
      <c r="S5444" s="124">
        <f t="shared" si="84"/>
        <v>1.7795296959232672</v>
      </c>
    </row>
    <row r="5445" spans="8:19" x14ac:dyDescent="0.3">
      <c r="H5445" s="44">
        <v>5438</v>
      </c>
      <c r="I5445" s="56">
        <f>Bühler!I5471</f>
        <v>0.41066069905921548</v>
      </c>
      <c r="J5445" s="59">
        <f>Bühler!J5471</f>
        <v>1.3688689968640517</v>
      </c>
      <c r="K5445" s="59">
        <f>Bühler!K5471</f>
        <v>2.0533034952960776</v>
      </c>
      <c r="L5445" s="59">
        <f>Bühler!L5471</f>
        <v>9.8558567774211721</v>
      </c>
      <c r="M5445" s="58">
        <f>Bühler!M5471</f>
        <v>0</v>
      </c>
      <c r="N5445" s="56">
        <f>IF(Input!$D$19=1,J5445*Input!$C$19,0)+IF(Input!$D$20=1,K5445*Input!$C$20,0)+IF(Input!$D$21=1,L5445*Input!$C$21,0)+IF(Input!$D$22=1,M5445*Input!$C$22,0)</f>
        <v>0.41066069905921548</v>
      </c>
      <c r="O5445" s="59">
        <f>IF(Input!$D$19=2,J5445*Input!$C$19,0)+IF(Input!$D$20=2,K5445*Input!$C$20,0)+IF(Input!$D$21=2,L5445*Input!$C$21,0)+IF(Input!$D$22=2,M5445*Input!$C$22,0)</f>
        <v>1.0266517476480388</v>
      </c>
      <c r="P5445" s="59">
        <f>IF(Input!$D$19=3,J5445*Input!$C$19,0)+IF(Input!$D$20=3,K5445*Input!$C$20,0)+IF(Input!$D$21=3,L5445*Input!$C$21,0)+IF(Input!$D$22=3,M5445*Input!$C$22,0)</f>
        <v>0</v>
      </c>
      <c r="Q5445" s="75">
        <f>IF(Input!$D$19=4,J5445*Input!$C$19,0)+IF(Input!$D$20=4,K5445*Input!$C$20,0)+IF(Input!$D$21=4,L5445*Input!$C$21,0)+IF(Input!$D$22=4,M5445*Input!$C$22,0)</f>
        <v>0</v>
      </c>
      <c r="R5445" s="58">
        <v>72.218640411533926</v>
      </c>
      <c r="S5445" s="124">
        <f t="shared" si="84"/>
        <v>1.7795296959232672</v>
      </c>
    </row>
    <row r="5446" spans="8:19" x14ac:dyDescent="0.3">
      <c r="H5446" s="44">
        <v>5439</v>
      </c>
      <c r="I5446" s="56">
        <f>Bühler!I5472</f>
        <v>0.41066069905921548</v>
      </c>
      <c r="J5446" s="59">
        <f>Bühler!J5472</f>
        <v>1.3688689968640517</v>
      </c>
      <c r="K5446" s="59">
        <f>Bühler!K5472</f>
        <v>2.0533034952960776</v>
      </c>
      <c r="L5446" s="59">
        <f>Bühler!L5472</f>
        <v>9.8558567774211721</v>
      </c>
      <c r="M5446" s="58">
        <f>Bühler!M5472</f>
        <v>0</v>
      </c>
      <c r="N5446" s="56">
        <f>IF(Input!$D$19=1,J5446*Input!$C$19,0)+IF(Input!$D$20=1,K5446*Input!$C$20,0)+IF(Input!$D$21=1,L5446*Input!$C$21,0)+IF(Input!$D$22=1,M5446*Input!$C$22,0)</f>
        <v>0.41066069905921548</v>
      </c>
      <c r="O5446" s="59">
        <f>IF(Input!$D$19=2,J5446*Input!$C$19,0)+IF(Input!$D$20=2,K5446*Input!$C$20,0)+IF(Input!$D$21=2,L5446*Input!$C$21,0)+IF(Input!$D$22=2,M5446*Input!$C$22,0)</f>
        <v>1.0266517476480388</v>
      </c>
      <c r="P5446" s="59">
        <f>IF(Input!$D$19=3,J5446*Input!$C$19,0)+IF(Input!$D$20=3,K5446*Input!$C$20,0)+IF(Input!$D$21=3,L5446*Input!$C$21,0)+IF(Input!$D$22=3,M5446*Input!$C$22,0)</f>
        <v>0</v>
      </c>
      <c r="Q5446" s="75">
        <f>IF(Input!$D$19=4,J5446*Input!$C$19,0)+IF(Input!$D$20=4,K5446*Input!$C$20,0)+IF(Input!$D$21=4,L5446*Input!$C$21,0)+IF(Input!$D$22=4,M5446*Input!$C$22,0)</f>
        <v>0</v>
      </c>
      <c r="R5446" s="58">
        <v>71.413307155489491</v>
      </c>
      <c r="S5446" s="124">
        <f t="shared" si="84"/>
        <v>1.7795296959232672</v>
      </c>
    </row>
    <row r="5447" spans="8:19" x14ac:dyDescent="0.3">
      <c r="H5447" s="44">
        <v>5440</v>
      </c>
      <c r="I5447" s="56">
        <f>Bühler!I5473</f>
        <v>0.41066069905921548</v>
      </c>
      <c r="J5447" s="59">
        <f>Bühler!J5473</f>
        <v>1.3688689968640517</v>
      </c>
      <c r="K5447" s="59">
        <f>Bühler!K5473</f>
        <v>2.0533034952960776</v>
      </c>
      <c r="L5447" s="59">
        <f>Bühler!L5473</f>
        <v>9.8558567774211721</v>
      </c>
      <c r="M5447" s="58">
        <f>Bühler!M5473</f>
        <v>0</v>
      </c>
      <c r="N5447" s="56">
        <f>IF(Input!$D$19=1,J5447*Input!$C$19,0)+IF(Input!$D$20=1,K5447*Input!$C$20,0)+IF(Input!$D$21=1,L5447*Input!$C$21,0)+IF(Input!$D$22=1,M5447*Input!$C$22,0)</f>
        <v>0.41066069905921548</v>
      </c>
      <c r="O5447" s="59">
        <f>IF(Input!$D$19=2,J5447*Input!$C$19,0)+IF(Input!$D$20=2,K5447*Input!$C$20,0)+IF(Input!$D$21=2,L5447*Input!$C$21,0)+IF(Input!$D$22=2,M5447*Input!$C$22,0)</f>
        <v>1.0266517476480388</v>
      </c>
      <c r="P5447" s="59">
        <f>IF(Input!$D$19=3,J5447*Input!$C$19,0)+IF(Input!$D$20=3,K5447*Input!$C$20,0)+IF(Input!$D$21=3,L5447*Input!$C$21,0)+IF(Input!$D$22=3,M5447*Input!$C$22,0)</f>
        <v>0</v>
      </c>
      <c r="Q5447" s="75">
        <f>IF(Input!$D$19=4,J5447*Input!$C$19,0)+IF(Input!$D$20=4,K5447*Input!$C$20,0)+IF(Input!$D$21=4,L5447*Input!$C$21,0)+IF(Input!$D$22=4,M5447*Input!$C$22,0)</f>
        <v>0</v>
      </c>
      <c r="R5447" s="58">
        <v>70.415925460889639</v>
      </c>
      <c r="S5447" s="124">
        <f t="shared" si="84"/>
        <v>1.7795296959232672</v>
      </c>
    </row>
    <row r="5448" spans="8:19" x14ac:dyDescent="0.3">
      <c r="H5448" s="44">
        <v>5441</v>
      </c>
      <c r="I5448" s="56">
        <f>Bühler!I5474</f>
        <v>0.41066069905921548</v>
      </c>
      <c r="J5448" s="59">
        <f>Bühler!J5474</f>
        <v>1.3688689968640517</v>
      </c>
      <c r="K5448" s="59">
        <f>Bühler!K5474</f>
        <v>2.0533034952960776</v>
      </c>
      <c r="L5448" s="59">
        <f>Bühler!L5474</f>
        <v>9.8558567774211721</v>
      </c>
      <c r="M5448" s="58">
        <f>Bühler!M5474</f>
        <v>0</v>
      </c>
      <c r="N5448" s="56">
        <f>IF(Input!$D$19=1,J5448*Input!$C$19,0)+IF(Input!$D$20=1,K5448*Input!$C$20,0)+IF(Input!$D$21=1,L5448*Input!$C$21,0)+IF(Input!$D$22=1,M5448*Input!$C$22,0)</f>
        <v>0.41066069905921548</v>
      </c>
      <c r="O5448" s="59">
        <f>IF(Input!$D$19=2,J5448*Input!$C$19,0)+IF(Input!$D$20=2,K5448*Input!$C$20,0)+IF(Input!$D$21=2,L5448*Input!$C$21,0)+IF(Input!$D$22=2,M5448*Input!$C$22,0)</f>
        <v>1.0266517476480388</v>
      </c>
      <c r="P5448" s="59">
        <f>IF(Input!$D$19=3,J5448*Input!$C$19,0)+IF(Input!$D$20=3,K5448*Input!$C$20,0)+IF(Input!$D$21=3,L5448*Input!$C$21,0)+IF(Input!$D$22=3,M5448*Input!$C$22,0)</f>
        <v>0</v>
      </c>
      <c r="Q5448" s="75">
        <f>IF(Input!$D$19=4,J5448*Input!$C$19,0)+IF(Input!$D$20=4,K5448*Input!$C$20,0)+IF(Input!$D$21=4,L5448*Input!$C$21,0)+IF(Input!$D$22=4,M5448*Input!$C$22,0)</f>
        <v>0</v>
      </c>
      <c r="R5448" s="58">
        <v>69.338451838127057</v>
      </c>
      <c r="S5448" s="124">
        <f t="shared" si="84"/>
        <v>1.7795296959232672</v>
      </c>
    </row>
    <row r="5449" spans="8:19" x14ac:dyDescent="0.3">
      <c r="H5449" s="44">
        <v>5442</v>
      </c>
      <c r="I5449" s="56">
        <f>Bühler!I5475</f>
        <v>0.41066069905921548</v>
      </c>
      <c r="J5449" s="59">
        <f>Bühler!J5475</f>
        <v>1.3688689968640517</v>
      </c>
      <c r="K5449" s="59">
        <f>Bühler!K5475</f>
        <v>2.0533034952960776</v>
      </c>
      <c r="L5449" s="59">
        <f>Bühler!L5475</f>
        <v>9.8558567774211721</v>
      </c>
      <c r="M5449" s="58">
        <f>Bühler!M5475</f>
        <v>0</v>
      </c>
      <c r="N5449" s="56">
        <f>IF(Input!$D$19=1,J5449*Input!$C$19,0)+IF(Input!$D$20=1,K5449*Input!$C$20,0)+IF(Input!$D$21=1,L5449*Input!$C$21,0)+IF(Input!$D$22=1,M5449*Input!$C$22,0)</f>
        <v>0.41066069905921548</v>
      </c>
      <c r="O5449" s="59">
        <f>IF(Input!$D$19=2,J5449*Input!$C$19,0)+IF(Input!$D$20=2,K5449*Input!$C$20,0)+IF(Input!$D$21=2,L5449*Input!$C$21,0)+IF(Input!$D$22=2,M5449*Input!$C$22,0)</f>
        <v>1.0266517476480388</v>
      </c>
      <c r="P5449" s="59">
        <f>IF(Input!$D$19=3,J5449*Input!$C$19,0)+IF(Input!$D$20=3,K5449*Input!$C$20,0)+IF(Input!$D$21=3,L5449*Input!$C$21,0)+IF(Input!$D$22=3,M5449*Input!$C$22,0)</f>
        <v>0</v>
      </c>
      <c r="Q5449" s="75">
        <f>IF(Input!$D$19=4,J5449*Input!$C$19,0)+IF(Input!$D$20=4,K5449*Input!$C$20,0)+IF(Input!$D$21=4,L5449*Input!$C$21,0)+IF(Input!$D$22=4,M5449*Input!$C$22,0)</f>
        <v>0</v>
      </c>
      <c r="R5449" s="58">
        <v>67.953436614648808</v>
      </c>
      <c r="S5449" s="124">
        <f t="shared" ref="S5449:S5512" si="85">I5449+J5449</f>
        <v>1.7795296959232672</v>
      </c>
    </row>
    <row r="5450" spans="8:19" x14ac:dyDescent="0.3">
      <c r="H5450" s="44">
        <v>5443</v>
      </c>
      <c r="I5450" s="56">
        <f>Bühler!I5476</f>
        <v>0.41066069905921548</v>
      </c>
      <c r="J5450" s="59">
        <f>Bühler!J5476</f>
        <v>1.3688689968640517</v>
      </c>
      <c r="K5450" s="59">
        <f>Bühler!K5476</f>
        <v>2.0533034952960776</v>
      </c>
      <c r="L5450" s="59">
        <f>Bühler!L5476</f>
        <v>9.8558567774211721</v>
      </c>
      <c r="M5450" s="58">
        <f>Bühler!M5476</f>
        <v>0</v>
      </c>
      <c r="N5450" s="56">
        <f>IF(Input!$D$19=1,J5450*Input!$C$19,0)+IF(Input!$D$20=1,K5450*Input!$C$20,0)+IF(Input!$D$21=1,L5450*Input!$C$21,0)+IF(Input!$D$22=1,M5450*Input!$C$22,0)</f>
        <v>0.41066069905921548</v>
      </c>
      <c r="O5450" s="59">
        <f>IF(Input!$D$19=2,J5450*Input!$C$19,0)+IF(Input!$D$20=2,K5450*Input!$C$20,0)+IF(Input!$D$21=2,L5450*Input!$C$21,0)+IF(Input!$D$22=2,M5450*Input!$C$22,0)</f>
        <v>1.0266517476480388</v>
      </c>
      <c r="P5450" s="59">
        <f>IF(Input!$D$19=3,J5450*Input!$C$19,0)+IF(Input!$D$20=3,K5450*Input!$C$20,0)+IF(Input!$D$21=3,L5450*Input!$C$21,0)+IF(Input!$D$22=3,M5450*Input!$C$22,0)</f>
        <v>0</v>
      </c>
      <c r="Q5450" s="75">
        <f>IF(Input!$D$19=4,J5450*Input!$C$19,0)+IF(Input!$D$20=4,K5450*Input!$C$20,0)+IF(Input!$D$21=4,L5450*Input!$C$21,0)+IF(Input!$D$22=4,M5450*Input!$C$22,0)</f>
        <v>0</v>
      </c>
      <c r="R5450" s="58">
        <v>66.572977035641287</v>
      </c>
      <c r="S5450" s="124">
        <f t="shared" si="85"/>
        <v>1.7795296959232672</v>
      </c>
    </row>
    <row r="5451" spans="8:19" x14ac:dyDescent="0.3">
      <c r="H5451" s="44">
        <v>5444</v>
      </c>
      <c r="I5451" s="56">
        <f>Bühler!I5477</f>
        <v>0.34221724921601288</v>
      </c>
      <c r="J5451" s="59">
        <f>Bühler!J5477</f>
        <v>1.1407241640533765</v>
      </c>
      <c r="K5451" s="59">
        <f>Bühler!K5477</f>
        <v>1.7110862460800644</v>
      </c>
      <c r="L5451" s="59">
        <f>Bühler!L5477</f>
        <v>8.2132139811843103</v>
      </c>
      <c r="M5451" s="58">
        <f>Bühler!M5477</f>
        <v>0</v>
      </c>
      <c r="N5451" s="56">
        <f>IF(Input!$D$19=1,J5451*Input!$C$19,0)+IF(Input!$D$20=1,K5451*Input!$C$20,0)+IF(Input!$D$21=1,L5451*Input!$C$21,0)+IF(Input!$D$22=1,M5451*Input!$C$22,0)</f>
        <v>0.34221724921601293</v>
      </c>
      <c r="O5451" s="59">
        <f>IF(Input!$D$19=2,J5451*Input!$C$19,0)+IF(Input!$D$20=2,K5451*Input!$C$20,0)+IF(Input!$D$21=2,L5451*Input!$C$21,0)+IF(Input!$D$22=2,M5451*Input!$C$22,0)</f>
        <v>0.85554312304003222</v>
      </c>
      <c r="P5451" s="59">
        <f>IF(Input!$D$19=3,J5451*Input!$C$19,0)+IF(Input!$D$20=3,K5451*Input!$C$20,0)+IF(Input!$D$21=3,L5451*Input!$C$21,0)+IF(Input!$D$22=3,M5451*Input!$C$22,0)</f>
        <v>0</v>
      </c>
      <c r="Q5451" s="75">
        <f>IF(Input!$D$19=4,J5451*Input!$C$19,0)+IF(Input!$D$20=4,K5451*Input!$C$20,0)+IF(Input!$D$21=4,L5451*Input!$C$21,0)+IF(Input!$D$22=4,M5451*Input!$C$22,0)</f>
        <v>0</v>
      </c>
      <c r="R5451" s="58">
        <v>65.687382624073962</v>
      </c>
      <c r="S5451" s="124">
        <f t="shared" si="85"/>
        <v>1.4829414132693894</v>
      </c>
    </row>
    <row r="5452" spans="8:19" x14ac:dyDescent="0.3">
      <c r="H5452" s="44">
        <v>5445</v>
      </c>
      <c r="I5452" s="56">
        <f>Bühler!I5478</f>
        <v>0.27377379937281038</v>
      </c>
      <c r="J5452" s="59">
        <f>Bühler!J5478</f>
        <v>0.9125793312427013</v>
      </c>
      <c r="K5452" s="59">
        <f>Bühler!K5478</f>
        <v>1.3688689968640517</v>
      </c>
      <c r="L5452" s="59">
        <f>Bühler!L5478</f>
        <v>6.5705711849474486</v>
      </c>
      <c r="M5452" s="58">
        <f>Bühler!M5478</f>
        <v>0</v>
      </c>
      <c r="N5452" s="56">
        <f>IF(Input!$D$19=1,J5452*Input!$C$19,0)+IF(Input!$D$20=1,K5452*Input!$C$20,0)+IF(Input!$D$21=1,L5452*Input!$C$21,0)+IF(Input!$D$22=1,M5452*Input!$C$22,0)</f>
        <v>0.27377379937281038</v>
      </c>
      <c r="O5452" s="59">
        <f>IF(Input!$D$19=2,J5452*Input!$C$19,0)+IF(Input!$D$20=2,K5452*Input!$C$20,0)+IF(Input!$D$21=2,L5452*Input!$C$21,0)+IF(Input!$D$22=2,M5452*Input!$C$22,0)</f>
        <v>0.68443449843202586</v>
      </c>
      <c r="P5452" s="59">
        <f>IF(Input!$D$19=3,J5452*Input!$C$19,0)+IF(Input!$D$20=3,K5452*Input!$C$20,0)+IF(Input!$D$21=3,L5452*Input!$C$21,0)+IF(Input!$D$22=3,M5452*Input!$C$22,0)</f>
        <v>0</v>
      </c>
      <c r="Q5452" s="75">
        <f>IF(Input!$D$19=4,J5452*Input!$C$19,0)+IF(Input!$D$20=4,K5452*Input!$C$20,0)+IF(Input!$D$21=4,L5452*Input!$C$21,0)+IF(Input!$D$22=4,M5452*Input!$C$22,0)</f>
        <v>0</v>
      </c>
      <c r="R5452" s="58">
        <v>63.304718998341265</v>
      </c>
      <c r="S5452" s="124">
        <f t="shared" si="85"/>
        <v>1.1863531306155117</v>
      </c>
    </row>
    <row r="5453" spans="8:19" x14ac:dyDescent="0.3">
      <c r="H5453" s="44">
        <v>5446</v>
      </c>
      <c r="I5453" s="56">
        <f>Bühler!I5479</f>
        <v>0.20533034952960774</v>
      </c>
      <c r="J5453" s="59">
        <f>Bühler!J5479</f>
        <v>0.68443449843202586</v>
      </c>
      <c r="K5453" s="59">
        <f>Bühler!K5479</f>
        <v>1.0266517476480388</v>
      </c>
      <c r="L5453" s="59">
        <f>Bühler!L5479</f>
        <v>4.927928388710586</v>
      </c>
      <c r="M5453" s="58">
        <f>Bühler!M5479</f>
        <v>0</v>
      </c>
      <c r="N5453" s="56">
        <f>IF(Input!$D$19=1,J5453*Input!$C$19,0)+IF(Input!$D$20=1,K5453*Input!$C$20,0)+IF(Input!$D$21=1,L5453*Input!$C$21,0)+IF(Input!$D$22=1,M5453*Input!$C$22,0)</f>
        <v>0.20533034952960774</v>
      </c>
      <c r="O5453" s="59">
        <f>IF(Input!$D$19=2,J5453*Input!$C$19,0)+IF(Input!$D$20=2,K5453*Input!$C$20,0)+IF(Input!$D$21=2,L5453*Input!$C$21,0)+IF(Input!$D$22=2,M5453*Input!$C$22,0)</f>
        <v>0.5133258738240194</v>
      </c>
      <c r="P5453" s="59">
        <f>IF(Input!$D$19=3,J5453*Input!$C$19,0)+IF(Input!$D$20=3,K5453*Input!$C$20,0)+IF(Input!$D$21=3,L5453*Input!$C$21,0)+IF(Input!$D$22=3,M5453*Input!$C$22,0)</f>
        <v>0</v>
      </c>
      <c r="Q5453" s="75">
        <f>IF(Input!$D$19=4,J5453*Input!$C$19,0)+IF(Input!$D$20=4,K5453*Input!$C$20,0)+IF(Input!$D$21=4,L5453*Input!$C$21,0)+IF(Input!$D$22=4,M5453*Input!$C$22,0)</f>
        <v>0</v>
      </c>
      <c r="R5453" s="58">
        <v>61.220150191337353</v>
      </c>
      <c r="S5453" s="124">
        <f t="shared" si="85"/>
        <v>0.88976484796163358</v>
      </c>
    </row>
    <row r="5454" spans="8:19" x14ac:dyDescent="0.3">
      <c r="H5454" s="44">
        <v>5447</v>
      </c>
      <c r="I5454" s="56">
        <f>Bühler!I5480</f>
        <v>0.20533034952960774</v>
      </c>
      <c r="J5454" s="59">
        <f>Bühler!J5480</f>
        <v>0.68443449843202586</v>
      </c>
      <c r="K5454" s="59">
        <f>Bühler!K5480</f>
        <v>1.0266517476480388</v>
      </c>
      <c r="L5454" s="59">
        <f>Bühler!L5480</f>
        <v>4.927928388710586</v>
      </c>
      <c r="M5454" s="58">
        <f>Bühler!M5480</f>
        <v>0</v>
      </c>
      <c r="N5454" s="56">
        <f>IF(Input!$D$19=1,J5454*Input!$C$19,0)+IF(Input!$D$20=1,K5454*Input!$C$20,0)+IF(Input!$D$21=1,L5454*Input!$C$21,0)+IF(Input!$D$22=1,M5454*Input!$C$22,0)</f>
        <v>0.20533034952960774</v>
      </c>
      <c r="O5454" s="59">
        <f>IF(Input!$D$19=2,J5454*Input!$C$19,0)+IF(Input!$D$20=2,K5454*Input!$C$20,0)+IF(Input!$D$21=2,L5454*Input!$C$21,0)+IF(Input!$D$22=2,M5454*Input!$C$22,0)</f>
        <v>0.5133258738240194</v>
      </c>
      <c r="P5454" s="59">
        <f>IF(Input!$D$19=3,J5454*Input!$C$19,0)+IF(Input!$D$20=3,K5454*Input!$C$20,0)+IF(Input!$D$21=3,L5454*Input!$C$21,0)+IF(Input!$D$22=3,M5454*Input!$C$22,0)</f>
        <v>0</v>
      </c>
      <c r="Q5454" s="75">
        <f>IF(Input!$D$19=4,J5454*Input!$C$19,0)+IF(Input!$D$20=4,K5454*Input!$C$20,0)+IF(Input!$D$21=4,L5454*Input!$C$21,0)+IF(Input!$D$22=4,M5454*Input!$C$22,0)</f>
        <v>0</v>
      </c>
      <c r="R5454" s="58">
        <v>58.506736809325368</v>
      </c>
      <c r="S5454" s="124">
        <f t="shared" si="85"/>
        <v>0.88976484796163358</v>
      </c>
    </row>
    <row r="5455" spans="8:19" x14ac:dyDescent="0.3">
      <c r="H5455" s="44">
        <v>5448</v>
      </c>
      <c r="I5455" s="56">
        <f>Bühler!I5481</f>
        <v>0.20533034952960774</v>
      </c>
      <c r="J5455" s="59">
        <f>Bühler!J5481</f>
        <v>0.68443449843202586</v>
      </c>
      <c r="K5455" s="59">
        <f>Bühler!K5481</f>
        <v>1.0266517476480388</v>
      </c>
      <c r="L5455" s="59">
        <f>Bühler!L5481</f>
        <v>4.927928388710586</v>
      </c>
      <c r="M5455" s="58">
        <f>Bühler!M5481</f>
        <v>0</v>
      </c>
      <c r="N5455" s="56">
        <f>IF(Input!$D$19=1,J5455*Input!$C$19,0)+IF(Input!$D$20=1,K5455*Input!$C$20,0)+IF(Input!$D$21=1,L5455*Input!$C$21,0)+IF(Input!$D$22=1,M5455*Input!$C$22,0)</f>
        <v>0.20533034952960774</v>
      </c>
      <c r="O5455" s="59">
        <f>IF(Input!$D$19=2,J5455*Input!$C$19,0)+IF(Input!$D$20=2,K5455*Input!$C$20,0)+IF(Input!$D$21=2,L5455*Input!$C$21,0)+IF(Input!$D$22=2,M5455*Input!$C$22,0)</f>
        <v>0.5133258738240194</v>
      </c>
      <c r="P5455" s="59">
        <f>IF(Input!$D$19=3,J5455*Input!$C$19,0)+IF(Input!$D$20=3,K5455*Input!$C$20,0)+IF(Input!$D$21=3,L5455*Input!$C$21,0)+IF(Input!$D$22=3,M5455*Input!$C$22,0)</f>
        <v>0</v>
      </c>
      <c r="Q5455" s="75">
        <f>IF(Input!$D$19=4,J5455*Input!$C$19,0)+IF(Input!$D$20=4,K5455*Input!$C$20,0)+IF(Input!$D$21=4,L5455*Input!$C$21,0)+IF(Input!$D$22=4,M5455*Input!$C$22,0)</f>
        <v>0</v>
      </c>
      <c r="R5455" s="58">
        <v>57.816624810145157</v>
      </c>
      <c r="S5455" s="124">
        <f t="shared" si="85"/>
        <v>0.88976484796163358</v>
      </c>
    </row>
    <row r="5456" spans="8:19" x14ac:dyDescent="0.3">
      <c r="H5456" s="44">
        <v>5449</v>
      </c>
      <c r="I5456" s="56">
        <f>Bühler!I5482</f>
        <v>0.20856527829423918</v>
      </c>
      <c r="J5456" s="59">
        <f>Bühler!J5482</f>
        <v>0.69521759431413066</v>
      </c>
      <c r="K5456" s="59">
        <f>Bühler!K5482</f>
        <v>1.0428263914711959</v>
      </c>
      <c r="L5456" s="59">
        <f>Bühler!L5482</f>
        <v>5.0055666790617401</v>
      </c>
      <c r="M5456" s="58">
        <f>Bühler!M5482</f>
        <v>0</v>
      </c>
      <c r="N5456" s="56">
        <f>IF(Input!$D$19=1,J5456*Input!$C$19,0)+IF(Input!$D$20=1,K5456*Input!$C$20,0)+IF(Input!$D$21=1,L5456*Input!$C$21,0)+IF(Input!$D$22=1,M5456*Input!$C$22,0)</f>
        <v>0.20856527829423918</v>
      </c>
      <c r="O5456" s="59">
        <f>IF(Input!$D$19=2,J5456*Input!$C$19,0)+IF(Input!$D$20=2,K5456*Input!$C$20,0)+IF(Input!$D$21=2,L5456*Input!$C$21,0)+IF(Input!$D$22=2,M5456*Input!$C$22,0)</f>
        <v>0.52141319573559797</v>
      </c>
      <c r="P5456" s="59">
        <f>IF(Input!$D$19=3,J5456*Input!$C$19,0)+IF(Input!$D$20=3,K5456*Input!$C$20,0)+IF(Input!$D$21=3,L5456*Input!$C$21,0)+IF(Input!$D$22=3,M5456*Input!$C$22,0)</f>
        <v>0</v>
      </c>
      <c r="Q5456" s="75">
        <f>IF(Input!$D$19=4,J5456*Input!$C$19,0)+IF(Input!$D$20=4,K5456*Input!$C$20,0)+IF(Input!$D$21=4,L5456*Input!$C$21,0)+IF(Input!$D$22=4,M5456*Input!$C$22,0)</f>
        <v>0</v>
      </c>
      <c r="R5456" s="58">
        <v>57.284373753063726</v>
      </c>
      <c r="S5456" s="124">
        <f t="shared" si="85"/>
        <v>0.90378287260836987</v>
      </c>
    </row>
    <row r="5457" spans="8:19" x14ac:dyDescent="0.3">
      <c r="H5457" s="44">
        <v>5450</v>
      </c>
      <c r="I5457" s="56">
        <f>Bühler!I5483</f>
        <v>0.20856527829423918</v>
      </c>
      <c r="J5457" s="59">
        <f>Bühler!J5483</f>
        <v>0.69521759431413066</v>
      </c>
      <c r="K5457" s="59">
        <f>Bühler!K5483</f>
        <v>1.0428263914711959</v>
      </c>
      <c r="L5457" s="59">
        <f>Bühler!L5483</f>
        <v>5.0055666790617401</v>
      </c>
      <c r="M5457" s="58">
        <f>Bühler!M5483</f>
        <v>0</v>
      </c>
      <c r="N5457" s="56">
        <f>IF(Input!$D$19=1,J5457*Input!$C$19,0)+IF(Input!$D$20=1,K5457*Input!$C$20,0)+IF(Input!$D$21=1,L5457*Input!$C$21,0)+IF(Input!$D$22=1,M5457*Input!$C$22,0)</f>
        <v>0.20856527829423918</v>
      </c>
      <c r="O5457" s="59">
        <f>IF(Input!$D$19=2,J5457*Input!$C$19,0)+IF(Input!$D$20=2,K5457*Input!$C$20,0)+IF(Input!$D$21=2,L5457*Input!$C$21,0)+IF(Input!$D$22=2,M5457*Input!$C$22,0)</f>
        <v>0.52141319573559797</v>
      </c>
      <c r="P5457" s="59">
        <f>IF(Input!$D$19=3,J5457*Input!$C$19,0)+IF(Input!$D$20=3,K5457*Input!$C$20,0)+IF(Input!$D$21=3,L5457*Input!$C$21,0)+IF(Input!$D$22=3,M5457*Input!$C$22,0)</f>
        <v>0</v>
      </c>
      <c r="Q5457" s="75">
        <f>IF(Input!$D$19=4,J5457*Input!$C$19,0)+IF(Input!$D$20=4,K5457*Input!$C$20,0)+IF(Input!$D$21=4,L5457*Input!$C$21,0)+IF(Input!$D$22=4,M5457*Input!$C$22,0)</f>
        <v>0</v>
      </c>
      <c r="R5457" s="58">
        <v>56.850337995724345</v>
      </c>
      <c r="S5457" s="124">
        <f t="shared" si="85"/>
        <v>0.90378287260836987</v>
      </c>
    </row>
    <row r="5458" spans="8:19" x14ac:dyDescent="0.3">
      <c r="H5458" s="44">
        <v>5451</v>
      </c>
      <c r="I5458" s="56">
        <f>Bühler!I5484</f>
        <v>0.20856527829423918</v>
      </c>
      <c r="J5458" s="59">
        <f>Bühler!J5484</f>
        <v>0.69521759431413066</v>
      </c>
      <c r="K5458" s="59">
        <f>Bühler!K5484</f>
        <v>1.0428263914711959</v>
      </c>
      <c r="L5458" s="59">
        <f>Bühler!L5484</f>
        <v>5.0055666790617401</v>
      </c>
      <c r="M5458" s="58">
        <f>Bühler!M5484</f>
        <v>0</v>
      </c>
      <c r="N5458" s="56">
        <f>IF(Input!$D$19=1,J5458*Input!$C$19,0)+IF(Input!$D$20=1,K5458*Input!$C$20,0)+IF(Input!$D$21=1,L5458*Input!$C$21,0)+IF(Input!$D$22=1,M5458*Input!$C$22,0)</f>
        <v>0.20856527829423918</v>
      </c>
      <c r="O5458" s="59">
        <f>IF(Input!$D$19=2,J5458*Input!$C$19,0)+IF(Input!$D$20=2,K5458*Input!$C$20,0)+IF(Input!$D$21=2,L5458*Input!$C$21,0)+IF(Input!$D$22=2,M5458*Input!$C$22,0)</f>
        <v>0.52141319573559797</v>
      </c>
      <c r="P5458" s="59">
        <f>IF(Input!$D$19=3,J5458*Input!$C$19,0)+IF(Input!$D$20=3,K5458*Input!$C$20,0)+IF(Input!$D$21=3,L5458*Input!$C$21,0)+IF(Input!$D$22=3,M5458*Input!$C$22,0)</f>
        <v>0</v>
      </c>
      <c r="Q5458" s="75">
        <f>IF(Input!$D$19=4,J5458*Input!$C$19,0)+IF(Input!$D$20=4,K5458*Input!$C$20,0)+IF(Input!$D$21=4,L5458*Input!$C$21,0)+IF(Input!$D$22=4,M5458*Input!$C$22,0)</f>
        <v>0</v>
      </c>
      <c r="R5458" s="58">
        <v>56.9586720442312</v>
      </c>
      <c r="S5458" s="124">
        <f t="shared" si="85"/>
        <v>0.90378287260836987</v>
      </c>
    </row>
    <row r="5459" spans="8:19" x14ac:dyDescent="0.3">
      <c r="H5459" s="44">
        <v>5452</v>
      </c>
      <c r="I5459" s="56">
        <f>Bühler!I5485</f>
        <v>0.20856527829423918</v>
      </c>
      <c r="J5459" s="59">
        <f>Bühler!J5485</f>
        <v>0.69521759431413066</v>
      </c>
      <c r="K5459" s="59">
        <f>Bühler!K5485</f>
        <v>1.0428263914711959</v>
      </c>
      <c r="L5459" s="59">
        <f>Bühler!L5485</f>
        <v>5.0055666790617401</v>
      </c>
      <c r="M5459" s="58">
        <f>Bühler!M5485</f>
        <v>0</v>
      </c>
      <c r="N5459" s="56">
        <f>IF(Input!$D$19=1,J5459*Input!$C$19,0)+IF(Input!$D$20=1,K5459*Input!$C$20,0)+IF(Input!$D$21=1,L5459*Input!$C$21,0)+IF(Input!$D$22=1,M5459*Input!$C$22,0)</f>
        <v>0.20856527829423918</v>
      </c>
      <c r="O5459" s="59">
        <f>IF(Input!$D$19=2,J5459*Input!$C$19,0)+IF(Input!$D$20=2,K5459*Input!$C$20,0)+IF(Input!$D$21=2,L5459*Input!$C$21,0)+IF(Input!$D$22=2,M5459*Input!$C$22,0)</f>
        <v>0.52141319573559797</v>
      </c>
      <c r="P5459" s="59">
        <f>IF(Input!$D$19=3,J5459*Input!$C$19,0)+IF(Input!$D$20=3,K5459*Input!$C$20,0)+IF(Input!$D$21=3,L5459*Input!$C$21,0)+IF(Input!$D$22=3,M5459*Input!$C$22,0)</f>
        <v>0</v>
      </c>
      <c r="Q5459" s="75">
        <f>IF(Input!$D$19=4,J5459*Input!$C$19,0)+IF(Input!$D$20=4,K5459*Input!$C$20,0)+IF(Input!$D$21=4,L5459*Input!$C$21,0)+IF(Input!$D$22=4,M5459*Input!$C$22,0)</f>
        <v>0</v>
      </c>
      <c r="R5459" s="58">
        <v>57.298216641349399</v>
      </c>
      <c r="S5459" s="124">
        <f t="shared" si="85"/>
        <v>0.90378287260836987</v>
      </c>
    </row>
    <row r="5460" spans="8:19" x14ac:dyDescent="0.3">
      <c r="H5460" s="44">
        <v>5453</v>
      </c>
      <c r="I5460" s="56">
        <f>Bühler!I5486</f>
        <v>0.20856527829423918</v>
      </c>
      <c r="J5460" s="59">
        <f>Bühler!J5486</f>
        <v>0.69521759431413066</v>
      </c>
      <c r="K5460" s="59">
        <f>Bühler!K5486</f>
        <v>1.0428263914711959</v>
      </c>
      <c r="L5460" s="59">
        <f>Bühler!L5486</f>
        <v>5.0055666790617401</v>
      </c>
      <c r="M5460" s="58">
        <f>Bühler!M5486</f>
        <v>0</v>
      </c>
      <c r="N5460" s="56">
        <f>IF(Input!$D$19=1,J5460*Input!$C$19,0)+IF(Input!$D$20=1,K5460*Input!$C$20,0)+IF(Input!$D$21=1,L5460*Input!$C$21,0)+IF(Input!$D$22=1,M5460*Input!$C$22,0)</f>
        <v>0.20856527829423918</v>
      </c>
      <c r="O5460" s="59">
        <f>IF(Input!$D$19=2,J5460*Input!$C$19,0)+IF(Input!$D$20=2,K5460*Input!$C$20,0)+IF(Input!$D$21=2,L5460*Input!$C$21,0)+IF(Input!$D$22=2,M5460*Input!$C$22,0)</f>
        <v>0.52141319573559797</v>
      </c>
      <c r="P5460" s="59">
        <f>IF(Input!$D$19=3,J5460*Input!$C$19,0)+IF(Input!$D$20=3,K5460*Input!$C$20,0)+IF(Input!$D$21=3,L5460*Input!$C$21,0)+IF(Input!$D$22=3,M5460*Input!$C$22,0)</f>
        <v>0</v>
      </c>
      <c r="Q5460" s="75">
        <f>IF(Input!$D$19=4,J5460*Input!$C$19,0)+IF(Input!$D$20=4,K5460*Input!$C$20,0)+IF(Input!$D$21=4,L5460*Input!$C$21,0)+IF(Input!$D$22=4,M5460*Input!$C$22,0)</f>
        <v>0</v>
      </c>
      <c r="R5460" s="58">
        <v>58.063949518287949</v>
      </c>
      <c r="S5460" s="124">
        <f t="shared" si="85"/>
        <v>0.90378287260836987</v>
      </c>
    </row>
    <row r="5461" spans="8:19" x14ac:dyDescent="0.3">
      <c r="H5461" s="44">
        <v>5454</v>
      </c>
      <c r="I5461" s="56">
        <f>Bühler!I5487</f>
        <v>0.26881746980146382</v>
      </c>
      <c r="J5461" s="59">
        <f>Bühler!J5487</f>
        <v>0.89605823267154605</v>
      </c>
      <c r="K5461" s="59">
        <f>Bühler!K5487</f>
        <v>1.3440873490073191</v>
      </c>
      <c r="L5461" s="59">
        <f>Bühler!L5487</f>
        <v>6.4516192752351316</v>
      </c>
      <c r="M5461" s="58">
        <f>Bühler!M5487</f>
        <v>0</v>
      </c>
      <c r="N5461" s="56">
        <f>IF(Input!$D$19=1,J5461*Input!$C$19,0)+IF(Input!$D$20=1,K5461*Input!$C$20,0)+IF(Input!$D$21=1,L5461*Input!$C$21,0)+IF(Input!$D$22=1,M5461*Input!$C$22,0)</f>
        <v>0.26881746980146382</v>
      </c>
      <c r="O5461" s="59">
        <f>IF(Input!$D$19=2,J5461*Input!$C$19,0)+IF(Input!$D$20=2,K5461*Input!$C$20,0)+IF(Input!$D$21=2,L5461*Input!$C$21,0)+IF(Input!$D$22=2,M5461*Input!$C$22,0)</f>
        <v>0.67204367450365954</v>
      </c>
      <c r="P5461" s="59">
        <f>IF(Input!$D$19=3,J5461*Input!$C$19,0)+IF(Input!$D$20=3,K5461*Input!$C$20,0)+IF(Input!$D$21=3,L5461*Input!$C$21,0)+IF(Input!$D$22=3,M5461*Input!$C$22,0)</f>
        <v>0</v>
      </c>
      <c r="Q5461" s="75">
        <f>IF(Input!$D$19=4,J5461*Input!$C$19,0)+IF(Input!$D$20=4,K5461*Input!$C$20,0)+IF(Input!$D$21=4,L5461*Input!$C$21,0)+IF(Input!$D$22=4,M5461*Input!$C$22,0)</f>
        <v>0</v>
      </c>
      <c r="R5461" s="58">
        <v>60.472805353803622</v>
      </c>
      <c r="S5461" s="124">
        <f t="shared" si="85"/>
        <v>1.1648757024730099</v>
      </c>
    </row>
    <row r="5462" spans="8:19" x14ac:dyDescent="0.3">
      <c r="H5462" s="44">
        <v>5455</v>
      </c>
      <c r="I5462" s="56">
        <f>Bühler!I5488</f>
        <v>0.31053052546031162</v>
      </c>
      <c r="J5462" s="59">
        <f>Bühler!J5488</f>
        <v>1.0351017515343723</v>
      </c>
      <c r="K5462" s="59">
        <f>Bühler!K5488</f>
        <v>1.5526526273015582</v>
      </c>
      <c r="L5462" s="59">
        <f>Bühler!L5488</f>
        <v>7.4527326110474794</v>
      </c>
      <c r="M5462" s="58">
        <f>Bühler!M5488</f>
        <v>0</v>
      </c>
      <c r="N5462" s="56">
        <f>IF(Input!$D$19=1,J5462*Input!$C$19,0)+IF(Input!$D$20=1,K5462*Input!$C$20,0)+IF(Input!$D$21=1,L5462*Input!$C$21,0)+IF(Input!$D$22=1,M5462*Input!$C$22,0)</f>
        <v>0.31053052546031168</v>
      </c>
      <c r="O5462" s="59">
        <f>IF(Input!$D$19=2,J5462*Input!$C$19,0)+IF(Input!$D$20=2,K5462*Input!$C$20,0)+IF(Input!$D$21=2,L5462*Input!$C$21,0)+IF(Input!$D$22=2,M5462*Input!$C$22,0)</f>
        <v>0.77632631365077909</v>
      </c>
      <c r="P5462" s="59">
        <f>IF(Input!$D$19=3,J5462*Input!$C$19,0)+IF(Input!$D$20=3,K5462*Input!$C$20,0)+IF(Input!$D$21=3,L5462*Input!$C$21,0)+IF(Input!$D$22=3,M5462*Input!$C$22,0)</f>
        <v>0</v>
      </c>
      <c r="Q5462" s="75">
        <f>IF(Input!$D$19=4,J5462*Input!$C$19,0)+IF(Input!$D$20=4,K5462*Input!$C$20,0)+IF(Input!$D$21=4,L5462*Input!$C$21,0)+IF(Input!$D$22=4,M5462*Input!$C$22,0)</f>
        <v>0</v>
      </c>
      <c r="R5462" s="58">
        <v>64.075712535682584</v>
      </c>
      <c r="S5462" s="124">
        <f t="shared" si="85"/>
        <v>1.345632276994684</v>
      </c>
    </row>
    <row r="5463" spans="8:19" x14ac:dyDescent="0.3">
      <c r="H5463" s="44">
        <v>5456</v>
      </c>
      <c r="I5463" s="56">
        <f>Bühler!I5489</f>
        <v>0.31053052546031162</v>
      </c>
      <c r="J5463" s="59">
        <f>Bühler!J5489</f>
        <v>1.0351017515343723</v>
      </c>
      <c r="K5463" s="59">
        <f>Bühler!K5489</f>
        <v>1.5526526273015582</v>
      </c>
      <c r="L5463" s="59">
        <f>Bühler!L5489</f>
        <v>7.4527326110474794</v>
      </c>
      <c r="M5463" s="58">
        <f>Bühler!M5489</f>
        <v>0</v>
      </c>
      <c r="N5463" s="56">
        <f>IF(Input!$D$19=1,J5463*Input!$C$19,0)+IF(Input!$D$20=1,K5463*Input!$C$20,0)+IF(Input!$D$21=1,L5463*Input!$C$21,0)+IF(Input!$D$22=1,M5463*Input!$C$22,0)</f>
        <v>0.31053052546031168</v>
      </c>
      <c r="O5463" s="59">
        <f>IF(Input!$D$19=2,J5463*Input!$C$19,0)+IF(Input!$D$20=2,K5463*Input!$C$20,0)+IF(Input!$D$21=2,L5463*Input!$C$21,0)+IF(Input!$D$22=2,M5463*Input!$C$22,0)</f>
        <v>0.77632631365077909</v>
      </c>
      <c r="P5463" s="59">
        <f>IF(Input!$D$19=3,J5463*Input!$C$19,0)+IF(Input!$D$20=3,K5463*Input!$C$20,0)+IF(Input!$D$21=3,L5463*Input!$C$21,0)+IF(Input!$D$22=3,M5463*Input!$C$22,0)</f>
        <v>0</v>
      </c>
      <c r="Q5463" s="75">
        <f>IF(Input!$D$19=4,J5463*Input!$C$19,0)+IF(Input!$D$20=4,K5463*Input!$C$20,0)+IF(Input!$D$21=4,L5463*Input!$C$21,0)+IF(Input!$D$22=4,M5463*Input!$C$22,0)</f>
        <v>0</v>
      </c>
      <c r="R5463" s="58">
        <v>66.58435253488166</v>
      </c>
      <c r="S5463" s="124">
        <f t="shared" si="85"/>
        <v>1.345632276994684</v>
      </c>
    </row>
    <row r="5464" spans="8:19" x14ac:dyDescent="0.3">
      <c r="H5464" s="44">
        <v>5457</v>
      </c>
      <c r="I5464" s="56">
        <f>Bühler!I5490</f>
        <v>0.31053052546031162</v>
      </c>
      <c r="J5464" s="59">
        <f>Bühler!J5490</f>
        <v>1.0351017515343723</v>
      </c>
      <c r="K5464" s="59">
        <f>Bühler!K5490</f>
        <v>1.5526526273015582</v>
      </c>
      <c r="L5464" s="59">
        <f>Bühler!L5490</f>
        <v>7.4527326110474794</v>
      </c>
      <c r="M5464" s="58">
        <f>Bühler!M5490</f>
        <v>0</v>
      </c>
      <c r="N5464" s="56">
        <f>IF(Input!$D$19=1,J5464*Input!$C$19,0)+IF(Input!$D$20=1,K5464*Input!$C$20,0)+IF(Input!$D$21=1,L5464*Input!$C$21,0)+IF(Input!$D$22=1,M5464*Input!$C$22,0)</f>
        <v>0.31053052546031168</v>
      </c>
      <c r="O5464" s="59">
        <f>IF(Input!$D$19=2,J5464*Input!$C$19,0)+IF(Input!$D$20=2,K5464*Input!$C$20,0)+IF(Input!$D$21=2,L5464*Input!$C$21,0)+IF(Input!$D$22=2,M5464*Input!$C$22,0)</f>
        <v>0.77632631365077909</v>
      </c>
      <c r="P5464" s="59">
        <f>IF(Input!$D$19=3,J5464*Input!$C$19,0)+IF(Input!$D$20=3,K5464*Input!$C$20,0)+IF(Input!$D$21=3,L5464*Input!$C$21,0)+IF(Input!$D$22=3,M5464*Input!$C$22,0)</f>
        <v>0</v>
      </c>
      <c r="Q5464" s="75">
        <f>IF(Input!$D$19=4,J5464*Input!$C$19,0)+IF(Input!$D$20=4,K5464*Input!$C$20,0)+IF(Input!$D$21=4,L5464*Input!$C$21,0)+IF(Input!$D$22=4,M5464*Input!$C$22,0)</f>
        <v>0</v>
      </c>
      <c r="R5464" s="58">
        <v>68.988936929038431</v>
      </c>
      <c r="S5464" s="124">
        <f t="shared" si="85"/>
        <v>1.345632276994684</v>
      </c>
    </row>
    <row r="5465" spans="8:19" x14ac:dyDescent="0.3">
      <c r="H5465" s="44">
        <v>5458</v>
      </c>
      <c r="I5465" s="56">
        <f>Bühler!I5491</f>
        <v>0.33370444527078263</v>
      </c>
      <c r="J5465" s="59">
        <f>Bühler!J5491</f>
        <v>1.112348150902609</v>
      </c>
      <c r="K5465" s="59">
        <f>Bühler!K5491</f>
        <v>1.6685222263539132</v>
      </c>
      <c r="L5465" s="59">
        <f>Bühler!L5491</f>
        <v>8.0089066864987828</v>
      </c>
      <c r="M5465" s="58">
        <f>Bühler!M5491</f>
        <v>0</v>
      </c>
      <c r="N5465" s="56">
        <f>IF(Input!$D$19=1,J5465*Input!$C$19,0)+IF(Input!$D$20=1,K5465*Input!$C$20,0)+IF(Input!$D$21=1,L5465*Input!$C$21,0)+IF(Input!$D$22=1,M5465*Input!$C$22,0)</f>
        <v>0.33370444527078269</v>
      </c>
      <c r="O5465" s="59">
        <f>IF(Input!$D$19=2,J5465*Input!$C$19,0)+IF(Input!$D$20=2,K5465*Input!$C$20,0)+IF(Input!$D$21=2,L5465*Input!$C$21,0)+IF(Input!$D$22=2,M5465*Input!$C$22,0)</f>
        <v>0.83426111317695661</v>
      </c>
      <c r="P5465" s="59">
        <f>IF(Input!$D$19=3,J5465*Input!$C$19,0)+IF(Input!$D$20=3,K5465*Input!$C$20,0)+IF(Input!$D$21=3,L5465*Input!$C$21,0)+IF(Input!$D$22=3,M5465*Input!$C$22,0)</f>
        <v>0</v>
      </c>
      <c r="Q5465" s="75">
        <f>IF(Input!$D$19=4,J5465*Input!$C$19,0)+IF(Input!$D$20=4,K5465*Input!$C$20,0)+IF(Input!$D$21=4,L5465*Input!$C$21,0)+IF(Input!$D$22=4,M5465*Input!$C$22,0)</f>
        <v>0</v>
      </c>
      <c r="R5465" s="58">
        <v>69.546581014398726</v>
      </c>
      <c r="S5465" s="124">
        <f t="shared" si="85"/>
        <v>1.4460525961733917</v>
      </c>
    </row>
    <row r="5466" spans="8:19" x14ac:dyDescent="0.3">
      <c r="H5466" s="44">
        <v>5459</v>
      </c>
      <c r="I5466" s="56">
        <f>Bühler!I5492</f>
        <v>0.36151314904334786</v>
      </c>
      <c r="J5466" s="59">
        <f>Bühler!J5492</f>
        <v>1.205043830144493</v>
      </c>
      <c r="K5466" s="59">
        <f>Bühler!K5492</f>
        <v>1.8075657452167393</v>
      </c>
      <c r="L5466" s="59">
        <f>Bühler!L5492</f>
        <v>8.6763155770403486</v>
      </c>
      <c r="M5466" s="58">
        <f>Bühler!M5492</f>
        <v>0</v>
      </c>
      <c r="N5466" s="56">
        <f>IF(Input!$D$19=1,J5466*Input!$C$19,0)+IF(Input!$D$20=1,K5466*Input!$C$20,0)+IF(Input!$D$21=1,L5466*Input!$C$21,0)+IF(Input!$D$22=1,M5466*Input!$C$22,0)</f>
        <v>0.36151314904334791</v>
      </c>
      <c r="O5466" s="59">
        <f>IF(Input!$D$19=2,J5466*Input!$C$19,0)+IF(Input!$D$20=2,K5466*Input!$C$20,0)+IF(Input!$D$21=2,L5466*Input!$C$21,0)+IF(Input!$D$22=2,M5466*Input!$C$22,0)</f>
        <v>0.90378287260836965</v>
      </c>
      <c r="P5466" s="59">
        <f>IF(Input!$D$19=3,J5466*Input!$C$19,0)+IF(Input!$D$20=3,K5466*Input!$C$20,0)+IF(Input!$D$21=3,L5466*Input!$C$21,0)+IF(Input!$D$22=3,M5466*Input!$C$22,0)</f>
        <v>0</v>
      </c>
      <c r="Q5466" s="75">
        <f>IF(Input!$D$19=4,J5466*Input!$C$19,0)+IF(Input!$D$20=4,K5466*Input!$C$20,0)+IF(Input!$D$21=4,L5466*Input!$C$21,0)+IF(Input!$D$22=4,M5466*Input!$C$22,0)</f>
        <v>0</v>
      </c>
      <c r="R5466" s="58">
        <v>70.867071991184815</v>
      </c>
      <c r="S5466" s="124">
        <f t="shared" si="85"/>
        <v>1.5665569791878409</v>
      </c>
    </row>
    <row r="5467" spans="8:19" x14ac:dyDescent="0.3">
      <c r="H5467" s="44">
        <v>5460</v>
      </c>
      <c r="I5467" s="56">
        <f>Bühler!I5493</f>
        <v>0.41713055658847836</v>
      </c>
      <c r="J5467" s="59">
        <f>Bühler!J5493</f>
        <v>1.3904351886282613</v>
      </c>
      <c r="K5467" s="59">
        <f>Bühler!K5493</f>
        <v>2.0856527829423919</v>
      </c>
      <c r="L5467" s="59">
        <f>Bühler!L5493</f>
        <v>10.01113335812348</v>
      </c>
      <c r="M5467" s="58">
        <f>Bühler!M5493</f>
        <v>0</v>
      </c>
      <c r="N5467" s="56">
        <f>IF(Input!$D$19=1,J5467*Input!$C$19,0)+IF(Input!$D$20=1,K5467*Input!$C$20,0)+IF(Input!$D$21=1,L5467*Input!$C$21,0)+IF(Input!$D$22=1,M5467*Input!$C$22,0)</f>
        <v>0.41713055658847836</v>
      </c>
      <c r="O5467" s="59">
        <f>IF(Input!$D$19=2,J5467*Input!$C$19,0)+IF(Input!$D$20=2,K5467*Input!$C$20,0)+IF(Input!$D$21=2,L5467*Input!$C$21,0)+IF(Input!$D$22=2,M5467*Input!$C$22,0)</f>
        <v>1.0428263914711959</v>
      </c>
      <c r="P5467" s="59">
        <f>IF(Input!$D$19=3,J5467*Input!$C$19,0)+IF(Input!$D$20=3,K5467*Input!$C$20,0)+IF(Input!$D$21=3,L5467*Input!$C$21,0)+IF(Input!$D$22=3,M5467*Input!$C$22,0)</f>
        <v>0</v>
      </c>
      <c r="Q5467" s="75">
        <f>IF(Input!$D$19=4,J5467*Input!$C$19,0)+IF(Input!$D$20=4,K5467*Input!$C$20,0)+IF(Input!$D$21=4,L5467*Input!$C$21,0)+IF(Input!$D$22=4,M5467*Input!$C$22,0)</f>
        <v>0</v>
      </c>
      <c r="R5467" s="58">
        <v>71.657744858205007</v>
      </c>
      <c r="S5467" s="124">
        <f t="shared" si="85"/>
        <v>1.8075657452167397</v>
      </c>
    </row>
    <row r="5468" spans="8:19" x14ac:dyDescent="0.3">
      <c r="H5468" s="44">
        <v>5461</v>
      </c>
      <c r="I5468" s="56">
        <f>Bühler!I5494</f>
        <v>0.41713055658847836</v>
      </c>
      <c r="J5468" s="59">
        <f>Bühler!J5494</f>
        <v>1.3904351886282613</v>
      </c>
      <c r="K5468" s="59">
        <f>Bühler!K5494</f>
        <v>2.0856527829423919</v>
      </c>
      <c r="L5468" s="59">
        <f>Bühler!L5494</f>
        <v>10.01113335812348</v>
      </c>
      <c r="M5468" s="58">
        <f>Bühler!M5494</f>
        <v>0</v>
      </c>
      <c r="N5468" s="56">
        <f>IF(Input!$D$19=1,J5468*Input!$C$19,0)+IF(Input!$D$20=1,K5468*Input!$C$20,0)+IF(Input!$D$21=1,L5468*Input!$C$21,0)+IF(Input!$D$22=1,M5468*Input!$C$22,0)</f>
        <v>0.41713055658847836</v>
      </c>
      <c r="O5468" s="59">
        <f>IF(Input!$D$19=2,J5468*Input!$C$19,0)+IF(Input!$D$20=2,K5468*Input!$C$20,0)+IF(Input!$D$21=2,L5468*Input!$C$21,0)+IF(Input!$D$22=2,M5468*Input!$C$22,0)</f>
        <v>1.0428263914711959</v>
      </c>
      <c r="P5468" s="59">
        <f>IF(Input!$D$19=3,J5468*Input!$C$19,0)+IF(Input!$D$20=3,K5468*Input!$C$20,0)+IF(Input!$D$21=3,L5468*Input!$C$21,0)+IF(Input!$D$22=3,M5468*Input!$C$22,0)</f>
        <v>0</v>
      </c>
      <c r="Q5468" s="75">
        <f>IF(Input!$D$19=4,J5468*Input!$C$19,0)+IF(Input!$D$20=4,K5468*Input!$C$20,0)+IF(Input!$D$21=4,L5468*Input!$C$21,0)+IF(Input!$D$22=4,M5468*Input!$C$22,0)</f>
        <v>0</v>
      </c>
      <c r="R5468" s="58">
        <v>71.246201982510499</v>
      </c>
      <c r="S5468" s="124">
        <f t="shared" si="85"/>
        <v>1.8075657452167397</v>
      </c>
    </row>
    <row r="5469" spans="8:19" x14ac:dyDescent="0.3">
      <c r="H5469" s="44">
        <v>5462</v>
      </c>
      <c r="I5469" s="56">
        <f>Bühler!I5495</f>
        <v>0.41713055658847836</v>
      </c>
      <c r="J5469" s="59">
        <f>Bühler!J5495</f>
        <v>1.3904351886282613</v>
      </c>
      <c r="K5469" s="59">
        <f>Bühler!K5495</f>
        <v>2.0856527829423919</v>
      </c>
      <c r="L5469" s="59">
        <f>Bühler!L5495</f>
        <v>10.01113335812348</v>
      </c>
      <c r="M5469" s="58">
        <f>Bühler!M5495</f>
        <v>0</v>
      </c>
      <c r="N5469" s="56">
        <f>IF(Input!$D$19=1,J5469*Input!$C$19,0)+IF(Input!$D$20=1,K5469*Input!$C$20,0)+IF(Input!$D$21=1,L5469*Input!$C$21,0)+IF(Input!$D$22=1,M5469*Input!$C$22,0)</f>
        <v>0.41713055658847836</v>
      </c>
      <c r="O5469" s="59">
        <f>IF(Input!$D$19=2,J5469*Input!$C$19,0)+IF(Input!$D$20=2,K5469*Input!$C$20,0)+IF(Input!$D$21=2,L5469*Input!$C$21,0)+IF(Input!$D$22=2,M5469*Input!$C$22,0)</f>
        <v>1.0428263914711959</v>
      </c>
      <c r="P5469" s="59">
        <f>IF(Input!$D$19=3,J5469*Input!$C$19,0)+IF(Input!$D$20=3,K5469*Input!$C$20,0)+IF(Input!$D$21=3,L5469*Input!$C$21,0)+IF(Input!$D$22=3,M5469*Input!$C$22,0)</f>
        <v>0</v>
      </c>
      <c r="Q5469" s="75">
        <f>IF(Input!$D$19=4,J5469*Input!$C$19,0)+IF(Input!$D$20=4,K5469*Input!$C$20,0)+IF(Input!$D$21=4,L5469*Input!$C$21,0)+IF(Input!$D$22=4,M5469*Input!$C$22,0)</f>
        <v>0</v>
      </c>
      <c r="R5469" s="58">
        <v>71.453081998824487</v>
      </c>
      <c r="S5469" s="124">
        <f t="shared" si="85"/>
        <v>1.8075657452167397</v>
      </c>
    </row>
    <row r="5470" spans="8:19" x14ac:dyDescent="0.3">
      <c r="H5470" s="44">
        <v>5463</v>
      </c>
      <c r="I5470" s="56">
        <f>Bühler!I5496</f>
        <v>0.41713055658847836</v>
      </c>
      <c r="J5470" s="59">
        <f>Bühler!J5496</f>
        <v>1.3904351886282613</v>
      </c>
      <c r="K5470" s="59">
        <f>Bühler!K5496</f>
        <v>2.0856527829423919</v>
      </c>
      <c r="L5470" s="59">
        <f>Bühler!L5496</f>
        <v>10.01113335812348</v>
      </c>
      <c r="M5470" s="58">
        <f>Bühler!M5496</f>
        <v>0</v>
      </c>
      <c r="N5470" s="56">
        <f>IF(Input!$D$19=1,J5470*Input!$C$19,0)+IF(Input!$D$20=1,K5470*Input!$C$20,0)+IF(Input!$D$21=1,L5470*Input!$C$21,0)+IF(Input!$D$22=1,M5470*Input!$C$22,0)</f>
        <v>0.41713055658847836</v>
      </c>
      <c r="O5470" s="59">
        <f>IF(Input!$D$19=2,J5470*Input!$C$19,0)+IF(Input!$D$20=2,K5470*Input!$C$20,0)+IF(Input!$D$21=2,L5470*Input!$C$21,0)+IF(Input!$D$22=2,M5470*Input!$C$22,0)</f>
        <v>1.0428263914711959</v>
      </c>
      <c r="P5470" s="59">
        <f>IF(Input!$D$19=3,J5470*Input!$C$19,0)+IF(Input!$D$20=3,K5470*Input!$C$20,0)+IF(Input!$D$21=3,L5470*Input!$C$21,0)+IF(Input!$D$22=3,M5470*Input!$C$22,0)</f>
        <v>0</v>
      </c>
      <c r="Q5470" s="75">
        <f>IF(Input!$D$19=4,J5470*Input!$C$19,0)+IF(Input!$D$20=4,K5470*Input!$C$20,0)+IF(Input!$D$21=4,L5470*Input!$C$21,0)+IF(Input!$D$22=4,M5470*Input!$C$22,0)</f>
        <v>0</v>
      </c>
      <c r="R5470" s="58">
        <v>71.623821578457765</v>
      </c>
      <c r="S5470" s="124">
        <f t="shared" si="85"/>
        <v>1.8075657452167397</v>
      </c>
    </row>
    <row r="5471" spans="8:19" x14ac:dyDescent="0.3">
      <c r="H5471" s="44">
        <v>5464</v>
      </c>
      <c r="I5471" s="56">
        <f>Bühler!I5497</f>
        <v>0.41713055658847836</v>
      </c>
      <c r="J5471" s="59">
        <f>Bühler!J5497</f>
        <v>1.3904351886282613</v>
      </c>
      <c r="K5471" s="59">
        <f>Bühler!K5497</f>
        <v>2.0856527829423919</v>
      </c>
      <c r="L5471" s="59">
        <f>Bühler!L5497</f>
        <v>10.01113335812348</v>
      </c>
      <c r="M5471" s="58">
        <f>Bühler!M5497</f>
        <v>0</v>
      </c>
      <c r="N5471" s="56">
        <f>IF(Input!$D$19=1,J5471*Input!$C$19,0)+IF(Input!$D$20=1,K5471*Input!$C$20,0)+IF(Input!$D$21=1,L5471*Input!$C$21,0)+IF(Input!$D$22=1,M5471*Input!$C$22,0)</f>
        <v>0.41713055658847836</v>
      </c>
      <c r="O5471" s="59">
        <f>IF(Input!$D$19=2,J5471*Input!$C$19,0)+IF(Input!$D$20=2,K5471*Input!$C$20,0)+IF(Input!$D$21=2,L5471*Input!$C$21,0)+IF(Input!$D$22=2,M5471*Input!$C$22,0)</f>
        <v>1.0428263914711959</v>
      </c>
      <c r="P5471" s="59">
        <f>IF(Input!$D$19=3,J5471*Input!$C$19,0)+IF(Input!$D$20=3,K5471*Input!$C$20,0)+IF(Input!$D$21=3,L5471*Input!$C$21,0)+IF(Input!$D$22=3,M5471*Input!$C$22,0)</f>
        <v>0</v>
      </c>
      <c r="Q5471" s="75">
        <f>IF(Input!$D$19=4,J5471*Input!$C$19,0)+IF(Input!$D$20=4,K5471*Input!$C$20,0)+IF(Input!$D$21=4,L5471*Input!$C$21,0)+IF(Input!$D$22=4,M5471*Input!$C$22,0)</f>
        <v>0</v>
      </c>
      <c r="R5471" s="58">
        <v>70.53865817265644</v>
      </c>
      <c r="S5471" s="124">
        <f t="shared" si="85"/>
        <v>1.8075657452167397</v>
      </c>
    </row>
    <row r="5472" spans="8:19" x14ac:dyDescent="0.3">
      <c r="H5472" s="44">
        <v>5465</v>
      </c>
      <c r="I5472" s="56">
        <f>Bühler!I5498</f>
        <v>0.41713055658847836</v>
      </c>
      <c r="J5472" s="59">
        <f>Bühler!J5498</f>
        <v>1.3904351886282613</v>
      </c>
      <c r="K5472" s="59">
        <f>Bühler!K5498</f>
        <v>2.0856527829423919</v>
      </c>
      <c r="L5472" s="59">
        <f>Bühler!L5498</f>
        <v>10.01113335812348</v>
      </c>
      <c r="M5472" s="58">
        <f>Bühler!M5498</f>
        <v>0</v>
      </c>
      <c r="N5472" s="56">
        <f>IF(Input!$D$19=1,J5472*Input!$C$19,0)+IF(Input!$D$20=1,K5472*Input!$C$20,0)+IF(Input!$D$21=1,L5472*Input!$C$21,0)+IF(Input!$D$22=1,M5472*Input!$C$22,0)</f>
        <v>0.41713055658847836</v>
      </c>
      <c r="O5472" s="59">
        <f>IF(Input!$D$19=2,J5472*Input!$C$19,0)+IF(Input!$D$20=2,K5472*Input!$C$20,0)+IF(Input!$D$21=2,L5472*Input!$C$21,0)+IF(Input!$D$22=2,M5472*Input!$C$22,0)</f>
        <v>1.0428263914711959</v>
      </c>
      <c r="P5472" s="59">
        <f>IF(Input!$D$19=3,J5472*Input!$C$19,0)+IF(Input!$D$20=3,K5472*Input!$C$20,0)+IF(Input!$D$21=3,L5472*Input!$C$21,0)+IF(Input!$D$22=3,M5472*Input!$C$22,0)</f>
        <v>0</v>
      </c>
      <c r="Q5472" s="75">
        <f>IF(Input!$D$19=4,J5472*Input!$C$19,0)+IF(Input!$D$20=4,K5472*Input!$C$20,0)+IF(Input!$D$21=4,L5472*Input!$C$21,0)+IF(Input!$D$22=4,M5472*Input!$C$22,0)</f>
        <v>0</v>
      </c>
      <c r="R5472" s="58">
        <v>68.586487297643401</v>
      </c>
      <c r="S5472" s="124">
        <f t="shared" si="85"/>
        <v>1.8075657452167397</v>
      </c>
    </row>
    <row r="5473" spans="8:19" x14ac:dyDescent="0.3">
      <c r="H5473" s="44">
        <v>5466</v>
      </c>
      <c r="I5473" s="56">
        <f>Bühler!I5499</f>
        <v>0.41713055658847836</v>
      </c>
      <c r="J5473" s="59">
        <f>Bühler!J5499</f>
        <v>1.3904351886282613</v>
      </c>
      <c r="K5473" s="59">
        <f>Bühler!K5499</f>
        <v>2.0856527829423919</v>
      </c>
      <c r="L5473" s="59">
        <f>Bühler!L5499</f>
        <v>10.01113335812348</v>
      </c>
      <c r="M5473" s="58">
        <f>Bühler!M5499</f>
        <v>0</v>
      </c>
      <c r="N5473" s="56">
        <f>IF(Input!$D$19=1,J5473*Input!$C$19,0)+IF(Input!$D$20=1,K5473*Input!$C$20,0)+IF(Input!$D$21=1,L5473*Input!$C$21,0)+IF(Input!$D$22=1,M5473*Input!$C$22,0)</f>
        <v>0.41713055658847836</v>
      </c>
      <c r="O5473" s="59">
        <f>IF(Input!$D$19=2,J5473*Input!$C$19,0)+IF(Input!$D$20=2,K5473*Input!$C$20,0)+IF(Input!$D$21=2,L5473*Input!$C$21,0)+IF(Input!$D$22=2,M5473*Input!$C$22,0)</f>
        <v>1.0428263914711959</v>
      </c>
      <c r="P5473" s="59">
        <f>IF(Input!$D$19=3,J5473*Input!$C$19,0)+IF(Input!$D$20=3,K5473*Input!$C$20,0)+IF(Input!$D$21=3,L5473*Input!$C$21,0)+IF(Input!$D$22=3,M5473*Input!$C$22,0)</f>
        <v>0</v>
      </c>
      <c r="Q5473" s="75">
        <f>IF(Input!$D$19=4,J5473*Input!$C$19,0)+IF(Input!$D$20=4,K5473*Input!$C$20,0)+IF(Input!$D$21=4,L5473*Input!$C$21,0)+IF(Input!$D$22=4,M5473*Input!$C$22,0)</f>
        <v>0</v>
      </c>
      <c r="R5473" s="58">
        <v>65.883473788150667</v>
      </c>
      <c r="S5473" s="124">
        <f t="shared" si="85"/>
        <v>1.8075657452167397</v>
      </c>
    </row>
    <row r="5474" spans="8:19" x14ac:dyDescent="0.3">
      <c r="H5474" s="44">
        <v>5467</v>
      </c>
      <c r="I5474" s="56">
        <f>Bühler!I5500</f>
        <v>0.41713055658847836</v>
      </c>
      <c r="J5474" s="59">
        <f>Bühler!J5500</f>
        <v>1.3904351886282613</v>
      </c>
      <c r="K5474" s="59">
        <f>Bühler!K5500</f>
        <v>2.0856527829423919</v>
      </c>
      <c r="L5474" s="59">
        <f>Bühler!L5500</f>
        <v>10.01113335812348</v>
      </c>
      <c r="M5474" s="58">
        <f>Bühler!M5500</f>
        <v>0</v>
      </c>
      <c r="N5474" s="56">
        <f>IF(Input!$D$19=1,J5474*Input!$C$19,0)+IF(Input!$D$20=1,K5474*Input!$C$20,0)+IF(Input!$D$21=1,L5474*Input!$C$21,0)+IF(Input!$D$22=1,M5474*Input!$C$22,0)</f>
        <v>0.41713055658847836</v>
      </c>
      <c r="O5474" s="59">
        <f>IF(Input!$D$19=2,J5474*Input!$C$19,0)+IF(Input!$D$20=2,K5474*Input!$C$20,0)+IF(Input!$D$21=2,L5474*Input!$C$21,0)+IF(Input!$D$22=2,M5474*Input!$C$22,0)</f>
        <v>1.0428263914711959</v>
      </c>
      <c r="P5474" s="59">
        <f>IF(Input!$D$19=3,J5474*Input!$C$19,0)+IF(Input!$D$20=3,K5474*Input!$C$20,0)+IF(Input!$D$21=3,L5474*Input!$C$21,0)+IF(Input!$D$22=3,M5474*Input!$C$22,0)</f>
        <v>0</v>
      </c>
      <c r="Q5474" s="75">
        <f>IF(Input!$D$19=4,J5474*Input!$C$19,0)+IF(Input!$D$20=4,K5474*Input!$C$20,0)+IF(Input!$D$21=4,L5474*Input!$C$21,0)+IF(Input!$D$22=4,M5474*Input!$C$22,0)</f>
        <v>0</v>
      </c>
      <c r="R5474" s="58">
        <v>64.890298142696125</v>
      </c>
      <c r="S5474" s="124">
        <f t="shared" si="85"/>
        <v>1.8075657452167397</v>
      </c>
    </row>
    <row r="5475" spans="8:19" x14ac:dyDescent="0.3">
      <c r="H5475" s="44">
        <v>5468</v>
      </c>
      <c r="I5475" s="56">
        <f>Bühler!I5501</f>
        <v>0.34760879715706527</v>
      </c>
      <c r="J5475" s="59">
        <f>Bühler!J5501</f>
        <v>1.158695990523551</v>
      </c>
      <c r="K5475" s="59">
        <f>Bühler!K5501</f>
        <v>1.7380439857853265</v>
      </c>
      <c r="L5475" s="59">
        <f>Bühler!L5501</f>
        <v>8.3426111317695675</v>
      </c>
      <c r="M5475" s="58">
        <f>Bühler!M5501</f>
        <v>0</v>
      </c>
      <c r="N5475" s="56">
        <f>IF(Input!$D$19=1,J5475*Input!$C$19,0)+IF(Input!$D$20=1,K5475*Input!$C$20,0)+IF(Input!$D$21=1,L5475*Input!$C$21,0)+IF(Input!$D$22=1,M5475*Input!$C$22,0)</f>
        <v>0.34760879715706527</v>
      </c>
      <c r="O5475" s="59">
        <f>IF(Input!$D$19=2,J5475*Input!$C$19,0)+IF(Input!$D$20=2,K5475*Input!$C$20,0)+IF(Input!$D$21=2,L5475*Input!$C$21,0)+IF(Input!$D$22=2,M5475*Input!$C$22,0)</f>
        <v>0.86902199289266324</v>
      </c>
      <c r="P5475" s="59">
        <f>IF(Input!$D$19=3,J5475*Input!$C$19,0)+IF(Input!$D$20=3,K5475*Input!$C$20,0)+IF(Input!$D$21=3,L5475*Input!$C$21,0)+IF(Input!$D$22=3,M5475*Input!$C$22,0)</f>
        <v>0</v>
      </c>
      <c r="Q5475" s="75">
        <f>IF(Input!$D$19=4,J5475*Input!$C$19,0)+IF(Input!$D$20=4,K5475*Input!$C$20,0)+IF(Input!$D$21=4,L5475*Input!$C$21,0)+IF(Input!$D$22=4,M5475*Input!$C$22,0)</f>
        <v>0</v>
      </c>
      <c r="R5475" s="58">
        <v>63.748071322038868</v>
      </c>
      <c r="S5475" s="124">
        <f t="shared" si="85"/>
        <v>1.5063047876806164</v>
      </c>
    </row>
    <row r="5476" spans="8:19" x14ac:dyDescent="0.3">
      <c r="H5476" s="44">
        <v>5469</v>
      </c>
      <c r="I5476" s="56">
        <f>Bühler!I5502</f>
        <v>0.27808703772565224</v>
      </c>
      <c r="J5476" s="59">
        <f>Bühler!J5502</f>
        <v>0.92695679241884088</v>
      </c>
      <c r="K5476" s="59">
        <f>Bühler!K5502</f>
        <v>1.3904351886282611</v>
      </c>
      <c r="L5476" s="59">
        <f>Bühler!L5502</f>
        <v>6.6740889054156538</v>
      </c>
      <c r="M5476" s="58">
        <f>Bühler!M5502</f>
        <v>0</v>
      </c>
      <c r="N5476" s="56">
        <f>IF(Input!$D$19=1,J5476*Input!$C$19,0)+IF(Input!$D$20=1,K5476*Input!$C$20,0)+IF(Input!$D$21=1,L5476*Input!$C$21,0)+IF(Input!$D$22=1,M5476*Input!$C$22,0)</f>
        <v>0.27808703772565224</v>
      </c>
      <c r="O5476" s="59">
        <f>IF(Input!$D$19=2,J5476*Input!$C$19,0)+IF(Input!$D$20=2,K5476*Input!$C$20,0)+IF(Input!$D$21=2,L5476*Input!$C$21,0)+IF(Input!$D$22=2,M5476*Input!$C$22,0)</f>
        <v>0.69521759431413055</v>
      </c>
      <c r="P5476" s="59">
        <f>IF(Input!$D$19=3,J5476*Input!$C$19,0)+IF(Input!$D$20=3,K5476*Input!$C$20,0)+IF(Input!$D$21=3,L5476*Input!$C$21,0)+IF(Input!$D$22=3,M5476*Input!$C$22,0)</f>
        <v>0</v>
      </c>
      <c r="Q5476" s="75">
        <f>IF(Input!$D$19=4,J5476*Input!$C$19,0)+IF(Input!$D$20=4,K5476*Input!$C$20,0)+IF(Input!$D$21=4,L5476*Input!$C$21,0)+IF(Input!$D$22=4,M5476*Input!$C$22,0)</f>
        <v>0</v>
      </c>
      <c r="R5476" s="58">
        <v>61.13476425941159</v>
      </c>
      <c r="S5476" s="124">
        <f t="shared" si="85"/>
        <v>1.205043830144493</v>
      </c>
    </row>
    <row r="5477" spans="8:19" x14ac:dyDescent="0.3">
      <c r="H5477" s="44">
        <v>5470</v>
      </c>
      <c r="I5477" s="56">
        <f>Bühler!I5503</f>
        <v>0.20856527829423918</v>
      </c>
      <c r="J5477" s="59">
        <f>Bühler!J5503</f>
        <v>0.69521759431413066</v>
      </c>
      <c r="K5477" s="59">
        <f>Bühler!K5503</f>
        <v>1.0428263914711959</v>
      </c>
      <c r="L5477" s="59">
        <f>Bühler!L5503</f>
        <v>5.0055666790617401</v>
      </c>
      <c r="M5477" s="58">
        <f>Bühler!M5503</f>
        <v>0</v>
      </c>
      <c r="N5477" s="56">
        <f>IF(Input!$D$19=1,J5477*Input!$C$19,0)+IF(Input!$D$20=1,K5477*Input!$C$20,0)+IF(Input!$D$21=1,L5477*Input!$C$21,0)+IF(Input!$D$22=1,M5477*Input!$C$22,0)</f>
        <v>0.20856527829423918</v>
      </c>
      <c r="O5477" s="59">
        <f>IF(Input!$D$19=2,J5477*Input!$C$19,0)+IF(Input!$D$20=2,K5477*Input!$C$20,0)+IF(Input!$D$21=2,L5477*Input!$C$21,0)+IF(Input!$D$22=2,M5477*Input!$C$22,0)</f>
        <v>0.52141319573559797</v>
      </c>
      <c r="P5477" s="59">
        <f>IF(Input!$D$19=3,J5477*Input!$C$19,0)+IF(Input!$D$20=3,K5477*Input!$C$20,0)+IF(Input!$D$21=3,L5477*Input!$C$21,0)+IF(Input!$D$22=3,M5477*Input!$C$22,0)</f>
        <v>0</v>
      </c>
      <c r="Q5477" s="75">
        <f>IF(Input!$D$19=4,J5477*Input!$C$19,0)+IF(Input!$D$20=4,K5477*Input!$C$20,0)+IF(Input!$D$21=4,L5477*Input!$C$21,0)+IF(Input!$D$22=4,M5477*Input!$C$22,0)</f>
        <v>0</v>
      </c>
      <c r="R5477" s="58">
        <v>59.307561454650759</v>
      </c>
      <c r="S5477" s="124">
        <f t="shared" si="85"/>
        <v>0.90378287260836987</v>
      </c>
    </row>
    <row r="5478" spans="8:19" x14ac:dyDescent="0.3">
      <c r="H5478" s="44">
        <v>5471</v>
      </c>
      <c r="I5478" s="56">
        <f>Bühler!I5504</f>
        <v>0.20856527829423918</v>
      </c>
      <c r="J5478" s="59">
        <f>Bühler!J5504</f>
        <v>0.69521759431413066</v>
      </c>
      <c r="K5478" s="59">
        <f>Bühler!K5504</f>
        <v>1.0428263914711959</v>
      </c>
      <c r="L5478" s="59">
        <f>Bühler!L5504</f>
        <v>5.0055666790617401</v>
      </c>
      <c r="M5478" s="58">
        <f>Bühler!M5504</f>
        <v>0</v>
      </c>
      <c r="N5478" s="56">
        <f>IF(Input!$D$19=1,J5478*Input!$C$19,0)+IF(Input!$D$20=1,K5478*Input!$C$20,0)+IF(Input!$D$21=1,L5478*Input!$C$21,0)+IF(Input!$D$22=1,M5478*Input!$C$22,0)</f>
        <v>0.20856527829423918</v>
      </c>
      <c r="O5478" s="59">
        <f>IF(Input!$D$19=2,J5478*Input!$C$19,0)+IF(Input!$D$20=2,K5478*Input!$C$20,0)+IF(Input!$D$21=2,L5478*Input!$C$21,0)+IF(Input!$D$22=2,M5478*Input!$C$22,0)</f>
        <v>0.52141319573559797</v>
      </c>
      <c r="P5478" s="59">
        <f>IF(Input!$D$19=3,J5478*Input!$C$19,0)+IF(Input!$D$20=3,K5478*Input!$C$20,0)+IF(Input!$D$21=3,L5478*Input!$C$21,0)+IF(Input!$D$22=3,M5478*Input!$C$22,0)</f>
        <v>0</v>
      </c>
      <c r="Q5478" s="75">
        <f>IF(Input!$D$19=4,J5478*Input!$C$19,0)+IF(Input!$D$20=4,K5478*Input!$C$20,0)+IF(Input!$D$21=4,L5478*Input!$C$21,0)+IF(Input!$D$22=4,M5478*Input!$C$22,0)</f>
        <v>0</v>
      </c>
      <c r="R5478" s="58">
        <v>58.19040631073441</v>
      </c>
      <c r="S5478" s="124">
        <f t="shared" si="85"/>
        <v>0.90378287260836987</v>
      </c>
    </row>
    <row r="5479" spans="8:19" x14ac:dyDescent="0.3">
      <c r="H5479" s="44">
        <v>5472</v>
      </c>
      <c r="I5479" s="56">
        <f>Bühler!I5505</f>
        <v>0.20856527829423918</v>
      </c>
      <c r="J5479" s="59">
        <f>Bühler!J5505</f>
        <v>0.69521759431413066</v>
      </c>
      <c r="K5479" s="59">
        <f>Bühler!K5505</f>
        <v>1.0428263914711959</v>
      </c>
      <c r="L5479" s="59">
        <f>Bühler!L5505</f>
        <v>5.0055666790617401</v>
      </c>
      <c r="M5479" s="58">
        <f>Bühler!M5505</f>
        <v>0</v>
      </c>
      <c r="N5479" s="56">
        <f>IF(Input!$D$19=1,J5479*Input!$C$19,0)+IF(Input!$D$20=1,K5479*Input!$C$20,0)+IF(Input!$D$21=1,L5479*Input!$C$21,0)+IF(Input!$D$22=1,M5479*Input!$C$22,0)</f>
        <v>0.20856527829423918</v>
      </c>
      <c r="O5479" s="59">
        <f>IF(Input!$D$19=2,J5479*Input!$C$19,0)+IF(Input!$D$20=2,K5479*Input!$C$20,0)+IF(Input!$D$21=2,L5479*Input!$C$21,0)+IF(Input!$D$22=2,M5479*Input!$C$22,0)</f>
        <v>0.52141319573559797</v>
      </c>
      <c r="P5479" s="59">
        <f>IF(Input!$D$19=3,J5479*Input!$C$19,0)+IF(Input!$D$20=3,K5479*Input!$C$20,0)+IF(Input!$D$21=3,L5479*Input!$C$21,0)+IF(Input!$D$22=3,M5479*Input!$C$22,0)</f>
        <v>0</v>
      </c>
      <c r="Q5479" s="75">
        <f>IF(Input!$D$19=4,J5479*Input!$C$19,0)+IF(Input!$D$20=4,K5479*Input!$C$20,0)+IF(Input!$D$21=4,L5479*Input!$C$21,0)+IF(Input!$D$22=4,M5479*Input!$C$22,0)</f>
        <v>0</v>
      </c>
      <c r="R5479" s="58">
        <v>57.207357671429762</v>
      </c>
      <c r="S5479" s="124">
        <f t="shared" si="85"/>
        <v>0.90378287260836987</v>
      </c>
    </row>
    <row r="5480" spans="8:19" x14ac:dyDescent="0.3">
      <c r="H5480" s="44">
        <v>5473</v>
      </c>
      <c r="I5480" s="56">
        <f>Bühler!I5506</f>
        <v>0.22670124175676387</v>
      </c>
      <c r="J5480" s="59">
        <f>Bühler!J5506</f>
        <v>0.75567080585587965</v>
      </c>
      <c r="K5480" s="59">
        <f>Bühler!K5506</f>
        <v>1.1335062087838192</v>
      </c>
      <c r="L5480" s="59">
        <f>Bühler!L5506</f>
        <v>5.4408298021623329</v>
      </c>
      <c r="M5480" s="58">
        <f>Bühler!M5506</f>
        <v>0</v>
      </c>
      <c r="N5480" s="56">
        <f>IF(Input!$D$19=1,J5480*Input!$C$19,0)+IF(Input!$D$20=1,K5480*Input!$C$20,0)+IF(Input!$D$21=1,L5480*Input!$C$21,0)+IF(Input!$D$22=1,M5480*Input!$C$22,0)</f>
        <v>0.22670124175676387</v>
      </c>
      <c r="O5480" s="59">
        <f>IF(Input!$D$19=2,J5480*Input!$C$19,0)+IF(Input!$D$20=2,K5480*Input!$C$20,0)+IF(Input!$D$21=2,L5480*Input!$C$21,0)+IF(Input!$D$22=2,M5480*Input!$C$22,0)</f>
        <v>0.56675310439190962</v>
      </c>
      <c r="P5480" s="59">
        <f>IF(Input!$D$19=3,J5480*Input!$C$19,0)+IF(Input!$D$20=3,K5480*Input!$C$20,0)+IF(Input!$D$21=3,L5480*Input!$C$21,0)+IF(Input!$D$22=3,M5480*Input!$C$22,0)</f>
        <v>0</v>
      </c>
      <c r="Q5480" s="75">
        <f>IF(Input!$D$19=4,J5480*Input!$C$19,0)+IF(Input!$D$20=4,K5480*Input!$C$20,0)+IF(Input!$D$21=4,L5480*Input!$C$21,0)+IF(Input!$D$22=4,M5480*Input!$C$22,0)</f>
        <v>0</v>
      </c>
      <c r="R5480" s="58">
        <v>56.659523143815989</v>
      </c>
      <c r="S5480" s="124">
        <f t="shared" si="85"/>
        <v>0.98237204761264352</v>
      </c>
    </row>
    <row r="5481" spans="8:19" x14ac:dyDescent="0.3">
      <c r="H5481" s="44">
        <v>5474</v>
      </c>
      <c r="I5481" s="56">
        <f>Bühler!I5507</f>
        <v>0.22670124175676387</v>
      </c>
      <c r="J5481" s="59">
        <f>Bühler!J5507</f>
        <v>0.75567080585587965</v>
      </c>
      <c r="K5481" s="59">
        <f>Bühler!K5507</f>
        <v>1.1335062087838192</v>
      </c>
      <c r="L5481" s="59">
        <f>Bühler!L5507</f>
        <v>5.4408298021623329</v>
      </c>
      <c r="M5481" s="58">
        <f>Bühler!M5507</f>
        <v>0</v>
      </c>
      <c r="N5481" s="56">
        <f>IF(Input!$D$19=1,J5481*Input!$C$19,0)+IF(Input!$D$20=1,K5481*Input!$C$20,0)+IF(Input!$D$21=1,L5481*Input!$C$21,0)+IF(Input!$D$22=1,M5481*Input!$C$22,0)</f>
        <v>0.22670124175676387</v>
      </c>
      <c r="O5481" s="59">
        <f>IF(Input!$D$19=2,J5481*Input!$C$19,0)+IF(Input!$D$20=2,K5481*Input!$C$20,0)+IF(Input!$D$21=2,L5481*Input!$C$21,0)+IF(Input!$D$22=2,M5481*Input!$C$22,0)</f>
        <v>0.56675310439190962</v>
      </c>
      <c r="P5481" s="59">
        <f>IF(Input!$D$19=3,J5481*Input!$C$19,0)+IF(Input!$D$20=3,K5481*Input!$C$20,0)+IF(Input!$D$21=3,L5481*Input!$C$21,0)+IF(Input!$D$22=3,M5481*Input!$C$22,0)</f>
        <v>0</v>
      </c>
      <c r="Q5481" s="75">
        <f>IF(Input!$D$19=4,J5481*Input!$C$19,0)+IF(Input!$D$20=4,K5481*Input!$C$20,0)+IF(Input!$D$21=4,L5481*Input!$C$21,0)+IF(Input!$D$22=4,M5481*Input!$C$22,0)</f>
        <v>0</v>
      </c>
      <c r="R5481" s="58">
        <v>56.588440434684877</v>
      </c>
      <c r="S5481" s="124">
        <f t="shared" si="85"/>
        <v>0.98237204761264352</v>
      </c>
    </row>
    <row r="5482" spans="8:19" x14ac:dyDescent="0.3">
      <c r="H5482" s="44">
        <v>5475</v>
      </c>
      <c r="I5482" s="56">
        <f>Bühler!I5508</f>
        <v>0.22670124175676387</v>
      </c>
      <c r="J5482" s="59">
        <f>Bühler!J5508</f>
        <v>0.75567080585587965</v>
      </c>
      <c r="K5482" s="59">
        <f>Bühler!K5508</f>
        <v>1.1335062087838192</v>
      </c>
      <c r="L5482" s="59">
        <f>Bühler!L5508</f>
        <v>5.4408298021623329</v>
      </c>
      <c r="M5482" s="58">
        <f>Bühler!M5508</f>
        <v>0</v>
      </c>
      <c r="N5482" s="56">
        <f>IF(Input!$D$19=1,J5482*Input!$C$19,0)+IF(Input!$D$20=1,K5482*Input!$C$20,0)+IF(Input!$D$21=1,L5482*Input!$C$21,0)+IF(Input!$D$22=1,M5482*Input!$C$22,0)</f>
        <v>0.22670124175676387</v>
      </c>
      <c r="O5482" s="59">
        <f>IF(Input!$D$19=2,J5482*Input!$C$19,0)+IF(Input!$D$20=2,K5482*Input!$C$20,0)+IF(Input!$D$21=2,L5482*Input!$C$21,0)+IF(Input!$D$22=2,M5482*Input!$C$22,0)</f>
        <v>0.56675310439190962</v>
      </c>
      <c r="P5482" s="59">
        <f>IF(Input!$D$19=3,J5482*Input!$C$19,0)+IF(Input!$D$20=3,K5482*Input!$C$20,0)+IF(Input!$D$21=3,L5482*Input!$C$21,0)+IF(Input!$D$22=3,M5482*Input!$C$22,0)</f>
        <v>0</v>
      </c>
      <c r="Q5482" s="75">
        <f>IF(Input!$D$19=4,J5482*Input!$C$19,0)+IF(Input!$D$20=4,K5482*Input!$C$20,0)+IF(Input!$D$21=4,L5482*Input!$C$21,0)+IF(Input!$D$22=4,M5482*Input!$C$22,0)</f>
        <v>0</v>
      </c>
      <c r="R5482" s="58">
        <v>56.56611993821253</v>
      </c>
      <c r="S5482" s="124">
        <f t="shared" si="85"/>
        <v>0.98237204761264352</v>
      </c>
    </row>
    <row r="5483" spans="8:19" x14ac:dyDescent="0.3">
      <c r="H5483" s="44">
        <v>5476</v>
      </c>
      <c r="I5483" s="56">
        <f>Bühler!I5509</f>
        <v>0.22670124175676387</v>
      </c>
      <c r="J5483" s="59">
        <f>Bühler!J5509</f>
        <v>0.75567080585587965</v>
      </c>
      <c r="K5483" s="59">
        <f>Bühler!K5509</f>
        <v>1.1335062087838192</v>
      </c>
      <c r="L5483" s="59">
        <f>Bühler!L5509</f>
        <v>5.4408298021623329</v>
      </c>
      <c r="M5483" s="58">
        <f>Bühler!M5509</f>
        <v>0</v>
      </c>
      <c r="N5483" s="56">
        <f>IF(Input!$D$19=1,J5483*Input!$C$19,0)+IF(Input!$D$20=1,K5483*Input!$C$20,0)+IF(Input!$D$21=1,L5483*Input!$C$21,0)+IF(Input!$D$22=1,M5483*Input!$C$22,0)</f>
        <v>0.22670124175676387</v>
      </c>
      <c r="O5483" s="59">
        <f>IF(Input!$D$19=2,J5483*Input!$C$19,0)+IF(Input!$D$20=2,K5483*Input!$C$20,0)+IF(Input!$D$21=2,L5483*Input!$C$21,0)+IF(Input!$D$22=2,M5483*Input!$C$22,0)</f>
        <v>0.56675310439190962</v>
      </c>
      <c r="P5483" s="59">
        <f>IF(Input!$D$19=3,J5483*Input!$C$19,0)+IF(Input!$D$20=3,K5483*Input!$C$20,0)+IF(Input!$D$21=3,L5483*Input!$C$21,0)+IF(Input!$D$22=3,M5483*Input!$C$22,0)</f>
        <v>0</v>
      </c>
      <c r="Q5483" s="75">
        <f>IF(Input!$D$19=4,J5483*Input!$C$19,0)+IF(Input!$D$20=4,K5483*Input!$C$20,0)+IF(Input!$D$21=4,L5483*Input!$C$21,0)+IF(Input!$D$22=4,M5483*Input!$C$22,0)</f>
        <v>0</v>
      </c>
      <c r="R5483" s="58">
        <v>57.263172750105142</v>
      </c>
      <c r="S5483" s="124">
        <f t="shared" si="85"/>
        <v>0.98237204761264352</v>
      </c>
    </row>
    <row r="5484" spans="8:19" x14ac:dyDescent="0.3">
      <c r="H5484" s="44">
        <v>5477</v>
      </c>
      <c r="I5484" s="56">
        <f>Bühler!I5510</f>
        <v>0.22670124175676387</v>
      </c>
      <c r="J5484" s="59">
        <f>Bühler!J5510</f>
        <v>0.75567080585587965</v>
      </c>
      <c r="K5484" s="59">
        <f>Bühler!K5510</f>
        <v>1.1335062087838192</v>
      </c>
      <c r="L5484" s="59">
        <f>Bühler!L5510</f>
        <v>5.4408298021623329</v>
      </c>
      <c r="M5484" s="58">
        <f>Bühler!M5510</f>
        <v>0</v>
      </c>
      <c r="N5484" s="56">
        <f>IF(Input!$D$19=1,J5484*Input!$C$19,0)+IF(Input!$D$20=1,K5484*Input!$C$20,0)+IF(Input!$D$21=1,L5484*Input!$C$21,0)+IF(Input!$D$22=1,M5484*Input!$C$22,0)</f>
        <v>0.22670124175676387</v>
      </c>
      <c r="O5484" s="59">
        <f>IF(Input!$D$19=2,J5484*Input!$C$19,0)+IF(Input!$D$20=2,K5484*Input!$C$20,0)+IF(Input!$D$21=2,L5484*Input!$C$21,0)+IF(Input!$D$22=2,M5484*Input!$C$22,0)</f>
        <v>0.56675310439190962</v>
      </c>
      <c r="P5484" s="59">
        <f>IF(Input!$D$19=3,J5484*Input!$C$19,0)+IF(Input!$D$20=3,K5484*Input!$C$20,0)+IF(Input!$D$21=3,L5484*Input!$C$21,0)+IF(Input!$D$22=3,M5484*Input!$C$22,0)</f>
        <v>0</v>
      </c>
      <c r="Q5484" s="75">
        <f>IF(Input!$D$19=4,J5484*Input!$C$19,0)+IF(Input!$D$20=4,K5484*Input!$C$20,0)+IF(Input!$D$21=4,L5484*Input!$C$21,0)+IF(Input!$D$22=4,M5484*Input!$C$22,0)</f>
        <v>0</v>
      </c>
      <c r="R5484" s="58">
        <v>58.475557335079976</v>
      </c>
      <c r="S5484" s="124">
        <f t="shared" si="85"/>
        <v>0.98237204761264352</v>
      </c>
    </row>
    <row r="5485" spans="8:19" x14ac:dyDescent="0.3">
      <c r="H5485" s="44">
        <v>5478</v>
      </c>
      <c r="I5485" s="56">
        <f>Bühler!I5511</f>
        <v>0.29219271159760668</v>
      </c>
      <c r="J5485" s="59">
        <f>Bühler!J5511</f>
        <v>0.97397570532535571</v>
      </c>
      <c r="K5485" s="59">
        <f>Bühler!K5511</f>
        <v>1.4609635579880336</v>
      </c>
      <c r="L5485" s="59">
        <f>Bühler!L5511</f>
        <v>7.0126250783425608</v>
      </c>
      <c r="M5485" s="58">
        <f>Bühler!M5511</f>
        <v>0</v>
      </c>
      <c r="N5485" s="56">
        <f>IF(Input!$D$19=1,J5485*Input!$C$19,0)+IF(Input!$D$20=1,K5485*Input!$C$20,0)+IF(Input!$D$21=1,L5485*Input!$C$21,0)+IF(Input!$D$22=1,M5485*Input!$C$22,0)</f>
        <v>0.29219271159760668</v>
      </c>
      <c r="O5485" s="59">
        <f>IF(Input!$D$19=2,J5485*Input!$C$19,0)+IF(Input!$D$20=2,K5485*Input!$C$20,0)+IF(Input!$D$21=2,L5485*Input!$C$21,0)+IF(Input!$D$22=2,M5485*Input!$C$22,0)</f>
        <v>0.73048177899401678</v>
      </c>
      <c r="P5485" s="59">
        <f>IF(Input!$D$19=3,J5485*Input!$C$19,0)+IF(Input!$D$20=3,K5485*Input!$C$20,0)+IF(Input!$D$21=3,L5485*Input!$C$21,0)+IF(Input!$D$22=3,M5485*Input!$C$22,0)</f>
        <v>0</v>
      </c>
      <c r="Q5485" s="75">
        <f>IF(Input!$D$19=4,J5485*Input!$C$19,0)+IF(Input!$D$20=4,K5485*Input!$C$20,0)+IF(Input!$D$21=4,L5485*Input!$C$21,0)+IF(Input!$D$22=4,M5485*Input!$C$22,0)</f>
        <v>0</v>
      </c>
      <c r="R5485" s="58">
        <v>61.057251008662462</v>
      </c>
      <c r="S5485" s="124">
        <f t="shared" si="85"/>
        <v>1.2661684169229623</v>
      </c>
    </row>
    <row r="5486" spans="8:19" x14ac:dyDescent="0.3">
      <c r="H5486" s="44">
        <v>5479</v>
      </c>
      <c r="I5486" s="56">
        <f>Bühler!I5512</f>
        <v>0.35264637606607707</v>
      </c>
      <c r="J5486" s="59">
        <f>Bühler!J5512</f>
        <v>1.1754879202202571</v>
      </c>
      <c r="K5486" s="59">
        <f>Bühler!K5512</f>
        <v>1.7632318803303855</v>
      </c>
      <c r="L5486" s="59">
        <f>Bühler!L5512</f>
        <v>8.4635130255858506</v>
      </c>
      <c r="M5486" s="58">
        <f>Bühler!M5512</f>
        <v>0</v>
      </c>
      <c r="N5486" s="56">
        <f>IF(Input!$D$19=1,J5486*Input!$C$19,0)+IF(Input!$D$20=1,K5486*Input!$C$20,0)+IF(Input!$D$21=1,L5486*Input!$C$21,0)+IF(Input!$D$22=1,M5486*Input!$C$22,0)</f>
        <v>0.35264637606607713</v>
      </c>
      <c r="O5486" s="59">
        <f>IF(Input!$D$19=2,J5486*Input!$C$19,0)+IF(Input!$D$20=2,K5486*Input!$C$20,0)+IF(Input!$D$21=2,L5486*Input!$C$21,0)+IF(Input!$D$22=2,M5486*Input!$C$22,0)</f>
        <v>0.88161594016519274</v>
      </c>
      <c r="P5486" s="59">
        <f>IF(Input!$D$19=3,J5486*Input!$C$19,0)+IF(Input!$D$20=3,K5486*Input!$C$20,0)+IF(Input!$D$21=3,L5486*Input!$C$21,0)+IF(Input!$D$22=3,M5486*Input!$C$22,0)</f>
        <v>0</v>
      </c>
      <c r="Q5486" s="75">
        <f>IF(Input!$D$19=4,J5486*Input!$C$19,0)+IF(Input!$D$20=4,K5486*Input!$C$20,0)+IF(Input!$D$21=4,L5486*Input!$C$21,0)+IF(Input!$D$22=4,M5486*Input!$C$22,0)</f>
        <v>0</v>
      </c>
      <c r="R5486" s="58">
        <v>64.360072635909106</v>
      </c>
      <c r="S5486" s="124">
        <f t="shared" si="85"/>
        <v>1.5281342962863342</v>
      </c>
    </row>
    <row r="5487" spans="8:19" x14ac:dyDescent="0.3">
      <c r="H5487" s="44">
        <v>5480</v>
      </c>
      <c r="I5487" s="56">
        <f>Bühler!I5513</f>
        <v>0.35264637606607707</v>
      </c>
      <c r="J5487" s="59">
        <f>Bühler!J5513</f>
        <v>1.1754879202202571</v>
      </c>
      <c r="K5487" s="59">
        <f>Bühler!K5513</f>
        <v>1.7632318803303855</v>
      </c>
      <c r="L5487" s="59">
        <f>Bühler!L5513</f>
        <v>8.4635130255858506</v>
      </c>
      <c r="M5487" s="58">
        <f>Bühler!M5513</f>
        <v>0</v>
      </c>
      <c r="N5487" s="56">
        <f>IF(Input!$D$19=1,J5487*Input!$C$19,0)+IF(Input!$D$20=1,K5487*Input!$C$20,0)+IF(Input!$D$21=1,L5487*Input!$C$21,0)+IF(Input!$D$22=1,M5487*Input!$C$22,0)</f>
        <v>0.35264637606607713</v>
      </c>
      <c r="O5487" s="59">
        <f>IF(Input!$D$19=2,J5487*Input!$C$19,0)+IF(Input!$D$20=2,K5487*Input!$C$20,0)+IF(Input!$D$21=2,L5487*Input!$C$21,0)+IF(Input!$D$22=2,M5487*Input!$C$22,0)</f>
        <v>0.88161594016519274</v>
      </c>
      <c r="P5487" s="59">
        <f>IF(Input!$D$19=3,J5487*Input!$C$19,0)+IF(Input!$D$20=3,K5487*Input!$C$20,0)+IF(Input!$D$21=3,L5487*Input!$C$21,0)+IF(Input!$D$22=3,M5487*Input!$C$22,0)</f>
        <v>0</v>
      </c>
      <c r="Q5487" s="75">
        <f>IF(Input!$D$19=4,J5487*Input!$C$19,0)+IF(Input!$D$20=4,K5487*Input!$C$20,0)+IF(Input!$D$21=4,L5487*Input!$C$21,0)+IF(Input!$D$22=4,M5487*Input!$C$22,0)</f>
        <v>0</v>
      </c>
      <c r="R5487" s="58">
        <v>65.688814897920679</v>
      </c>
      <c r="S5487" s="124">
        <f t="shared" si="85"/>
        <v>1.5281342962863342</v>
      </c>
    </row>
    <row r="5488" spans="8:19" x14ac:dyDescent="0.3">
      <c r="H5488" s="44">
        <v>5481</v>
      </c>
      <c r="I5488" s="56">
        <f>Bühler!I5514</f>
        <v>0.35264637606607707</v>
      </c>
      <c r="J5488" s="59">
        <f>Bühler!J5514</f>
        <v>1.1754879202202571</v>
      </c>
      <c r="K5488" s="59">
        <f>Bühler!K5514</f>
        <v>1.7632318803303855</v>
      </c>
      <c r="L5488" s="59">
        <f>Bühler!L5514</f>
        <v>8.4635130255858506</v>
      </c>
      <c r="M5488" s="58">
        <f>Bühler!M5514</f>
        <v>0</v>
      </c>
      <c r="N5488" s="56">
        <f>IF(Input!$D$19=1,J5488*Input!$C$19,0)+IF(Input!$D$20=1,K5488*Input!$C$20,0)+IF(Input!$D$21=1,L5488*Input!$C$21,0)+IF(Input!$D$22=1,M5488*Input!$C$22,0)</f>
        <v>0.35264637606607713</v>
      </c>
      <c r="O5488" s="59">
        <f>IF(Input!$D$19=2,J5488*Input!$C$19,0)+IF(Input!$D$20=2,K5488*Input!$C$20,0)+IF(Input!$D$21=2,L5488*Input!$C$21,0)+IF(Input!$D$22=2,M5488*Input!$C$22,0)</f>
        <v>0.88161594016519274</v>
      </c>
      <c r="P5488" s="59">
        <f>IF(Input!$D$19=3,J5488*Input!$C$19,0)+IF(Input!$D$20=3,K5488*Input!$C$20,0)+IF(Input!$D$21=3,L5488*Input!$C$21,0)+IF(Input!$D$22=3,M5488*Input!$C$22,0)</f>
        <v>0</v>
      </c>
      <c r="Q5488" s="75">
        <f>IF(Input!$D$19=4,J5488*Input!$C$19,0)+IF(Input!$D$20=4,K5488*Input!$C$20,0)+IF(Input!$D$21=4,L5488*Input!$C$21,0)+IF(Input!$D$22=4,M5488*Input!$C$22,0)</f>
        <v>0</v>
      </c>
      <c r="R5488" s="58">
        <v>66.741301712601071</v>
      </c>
      <c r="S5488" s="124">
        <f t="shared" si="85"/>
        <v>1.5281342962863342</v>
      </c>
    </row>
    <row r="5489" spans="8:19" x14ac:dyDescent="0.3">
      <c r="H5489" s="44">
        <v>5482</v>
      </c>
      <c r="I5489" s="56">
        <f>Bühler!I5515</f>
        <v>0.37783540292793977</v>
      </c>
      <c r="J5489" s="59">
        <f>Bühler!J5515</f>
        <v>1.2594513430931327</v>
      </c>
      <c r="K5489" s="59">
        <f>Bühler!K5515</f>
        <v>1.8891770146396987</v>
      </c>
      <c r="L5489" s="59">
        <f>Bühler!L5515</f>
        <v>9.068049670270554</v>
      </c>
      <c r="M5489" s="58">
        <f>Bühler!M5515</f>
        <v>0</v>
      </c>
      <c r="N5489" s="56">
        <f>IF(Input!$D$19=1,J5489*Input!$C$19,0)+IF(Input!$D$20=1,K5489*Input!$C$20,0)+IF(Input!$D$21=1,L5489*Input!$C$21,0)+IF(Input!$D$22=1,M5489*Input!$C$22,0)</f>
        <v>0.37783540292793977</v>
      </c>
      <c r="O5489" s="59">
        <f>IF(Input!$D$19=2,J5489*Input!$C$19,0)+IF(Input!$D$20=2,K5489*Input!$C$20,0)+IF(Input!$D$21=2,L5489*Input!$C$21,0)+IF(Input!$D$22=2,M5489*Input!$C$22,0)</f>
        <v>0.94458850731984934</v>
      </c>
      <c r="P5489" s="59">
        <f>IF(Input!$D$19=3,J5489*Input!$C$19,0)+IF(Input!$D$20=3,K5489*Input!$C$20,0)+IF(Input!$D$21=3,L5489*Input!$C$21,0)+IF(Input!$D$22=3,M5489*Input!$C$22,0)</f>
        <v>0</v>
      </c>
      <c r="Q5489" s="75">
        <f>IF(Input!$D$19=4,J5489*Input!$C$19,0)+IF(Input!$D$20=4,K5489*Input!$C$20,0)+IF(Input!$D$21=4,L5489*Input!$C$21,0)+IF(Input!$D$22=4,M5489*Input!$C$22,0)</f>
        <v>0</v>
      </c>
      <c r="R5489" s="58">
        <v>66.980405222997575</v>
      </c>
      <c r="S5489" s="124">
        <f t="shared" si="85"/>
        <v>1.6372867460210725</v>
      </c>
    </row>
    <row r="5490" spans="8:19" x14ac:dyDescent="0.3">
      <c r="H5490" s="44">
        <v>5483</v>
      </c>
      <c r="I5490" s="56">
        <f>Bühler!I5516</f>
        <v>0.39294881904505735</v>
      </c>
      <c r="J5490" s="59">
        <f>Bühler!J5516</f>
        <v>1.3098293968168579</v>
      </c>
      <c r="K5490" s="59">
        <f>Bühler!K5516</f>
        <v>1.9647440952252866</v>
      </c>
      <c r="L5490" s="59">
        <f>Bühler!L5516</f>
        <v>9.430771657081376</v>
      </c>
      <c r="M5490" s="58">
        <f>Bühler!M5516</f>
        <v>0</v>
      </c>
      <c r="N5490" s="56">
        <f>IF(Input!$D$19=1,J5490*Input!$C$19,0)+IF(Input!$D$20=1,K5490*Input!$C$20,0)+IF(Input!$D$21=1,L5490*Input!$C$21,0)+IF(Input!$D$22=1,M5490*Input!$C$22,0)</f>
        <v>0.39294881904505735</v>
      </c>
      <c r="O5490" s="59">
        <f>IF(Input!$D$19=2,J5490*Input!$C$19,0)+IF(Input!$D$20=2,K5490*Input!$C$20,0)+IF(Input!$D$21=2,L5490*Input!$C$21,0)+IF(Input!$D$22=2,M5490*Input!$C$22,0)</f>
        <v>0.9823720476126433</v>
      </c>
      <c r="P5490" s="59">
        <f>IF(Input!$D$19=3,J5490*Input!$C$19,0)+IF(Input!$D$20=3,K5490*Input!$C$20,0)+IF(Input!$D$21=3,L5490*Input!$C$21,0)+IF(Input!$D$22=3,M5490*Input!$C$22,0)</f>
        <v>0</v>
      </c>
      <c r="Q5490" s="75">
        <f>IF(Input!$D$19=4,J5490*Input!$C$19,0)+IF(Input!$D$20=4,K5490*Input!$C$20,0)+IF(Input!$D$21=4,L5490*Input!$C$21,0)+IF(Input!$D$22=4,M5490*Input!$C$22,0)</f>
        <v>0</v>
      </c>
      <c r="R5490" s="58">
        <v>67.351740831202008</v>
      </c>
      <c r="S5490" s="124">
        <f t="shared" si="85"/>
        <v>1.7027782158619154</v>
      </c>
    </row>
    <row r="5491" spans="8:19" x14ac:dyDescent="0.3">
      <c r="H5491" s="44">
        <v>5484</v>
      </c>
      <c r="I5491" s="56">
        <f>Bühler!I5517</f>
        <v>0.45340248351352774</v>
      </c>
      <c r="J5491" s="59">
        <f>Bühler!J5517</f>
        <v>1.5113416117117593</v>
      </c>
      <c r="K5491" s="59">
        <f>Bühler!K5517</f>
        <v>2.2670124175676385</v>
      </c>
      <c r="L5491" s="59">
        <f>Bühler!L5517</f>
        <v>10.881659604324666</v>
      </c>
      <c r="M5491" s="58">
        <f>Bühler!M5517</f>
        <v>0</v>
      </c>
      <c r="N5491" s="56">
        <f>IF(Input!$D$19=1,J5491*Input!$C$19,0)+IF(Input!$D$20=1,K5491*Input!$C$20,0)+IF(Input!$D$21=1,L5491*Input!$C$21,0)+IF(Input!$D$22=1,M5491*Input!$C$22,0)</f>
        <v>0.45340248351352774</v>
      </c>
      <c r="O5491" s="59">
        <f>IF(Input!$D$19=2,J5491*Input!$C$19,0)+IF(Input!$D$20=2,K5491*Input!$C$20,0)+IF(Input!$D$21=2,L5491*Input!$C$21,0)+IF(Input!$D$22=2,M5491*Input!$C$22,0)</f>
        <v>1.1335062087838192</v>
      </c>
      <c r="P5491" s="59">
        <f>IF(Input!$D$19=3,J5491*Input!$C$19,0)+IF(Input!$D$20=3,K5491*Input!$C$20,0)+IF(Input!$D$21=3,L5491*Input!$C$21,0)+IF(Input!$D$22=3,M5491*Input!$C$22,0)</f>
        <v>0</v>
      </c>
      <c r="Q5491" s="75">
        <f>IF(Input!$D$19=4,J5491*Input!$C$19,0)+IF(Input!$D$20=4,K5491*Input!$C$20,0)+IF(Input!$D$21=4,L5491*Input!$C$21,0)+IF(Input!$D$22=4,M5491*Input!$C$22,0)</f>
        <v>0</v>
      </c>
      <c r="R5491" s="58">
        <v>67.585108773676978</v>
      </c>
      <c r="S5491" s="124">
        <f t="shared" si="85"/>
        <v>1.964744095225287</v>
      </c>
    </row>
    <row r="5492" spans="8:19" x14ac:dyDescent="0.3">
      <c r="H5492" s="44">
        <v>5485</v>
      </c>
      <c r="I5492" s="56">
        <f>Bühler!I5518</f>
        <v>0.45340248351352774</v>
      </c>
      <c r="J5492" s="59">
        <f>Bühler!J5518</f>
        <v>1.5113416117117593</v>
      </c>
      <c r="K5492" s="59">
        <f>Bühler!K5518</f>
        <v>2.2670124175676385</v>
      </c>
      <c r="L5492" s="59">
        <f>Bühler!L5518</f>
        <v>10.881659604324666</v>
      </c>
      <c r="M5492" s="58">
        <f>Bühler!M5518</f>
        <v>0</v>
      </c>
      <c r="N5492" s="56">
        <f>IF(Input!$D$19=1,J5492*Input!$C$19,0)+IF(Input!$D$20=1,K5492*Input!$C$20,0)+IF(Input!$D$21=1,L5492*Input!$C$21,0)+IF(Input!$D$22=1,M5492*Input!$C$22,0)</f>
        <v>0.45340248351352774</v>
      </c>
      <c r="O5492" s="59">
        <f>IF(Input!$D$19=2,J5492*Input!$C$19,0)+IF(Input!$D$20=2,K5492*Input!$C$20,0)+IF(Input!$D$21=2,L5492*Input!$C$21,0)+IF(Input!$D$22=2,M5492*Input!$C$22,0)</f>
        <v>1.1335062087838192</v>
      </c>
      <c r="P5492" s="59">
        <f>IF(Input!$D$19=3,J5492*Input!$C$19,0)+IF(Input!$D$20=3,K5492*Input!$C$20,0)+IF(Input!$D$21=3,L5492*Input!$C$21,0)+IF(Input!$D$22=3,M5492*Input!$C$22,0)</f>
        <v>0</v>
      </c>
      <c r="Q5492" s="75">
        <f>IF(Input!$D$19=4,J5492*Input!$C$19,0)+IF(Input!$D$20=4,K5492*Input!$C$20,0)+IF(Input!$D$21=4,L5492*Input!$C$21,0)+IF(Input!$D$22=4,M5492*Input!$C$22,0)</f>
        <v>0</v>
      </c>
      <c r="R5492" s="58">
        <v>65.9740864487067</v>
      </c>
      <c r="S5492" s="124">
        <f t="shared" si="85"/>
        <v>1.964744095225287</v>
      </c>
    </row>
    <row r="5493" spans="8:19" x14ac:dyDescent="0.3">
      <c r="H5493" s="44">
        <v>5486</v>
      </c>
      <c r="I5493" s="56">
        <f>Bühler!I5519</f>
        <v>0.45340248351352774</v>
      </c>
      <c r="J5493" s="59">
        <f>Bühler!J5519</f>
        <v>1.5113416117117593</v>
      </c>
      <c r="K5493" s="59">
        <f>Bühler!K5519</f>
        <v>2.2670124175676385</v>
      </c>
      <c r="L5493" s="59">
        <f>Bühler!L5519</f>
        <v>10.881659604324666</v>
      </c>
      <c r="M5493" s="58">
        <f>Bühler!M5519</f>
        <v>0</v>
      </c>
      <c r="N5493" s="56">
        <f>IF(Input!$D$19=1,J5493*Input!$C$19,0)+IF(Input!$D$20=1,K5493*Input!$C$20,0)+IF(Input!$D$21=1,L5493*Input!$C$21,0)+IF(Input!$D$22=1,M5493*Input!$C$22,0)</f>
        <v>0.45340248351352774</v>
      </c>
      <c r="O5493" s="59">
        <f>IF(Input!$D$19=2,J5493*Input!$C$19,0)+IF(Input!$D$20=2,K5493*Input!$C$20,0)+IF(Input!$D$21=2,L5493*Input!$C$21,0)+IF(Input!$D$22=2,M5493*Input!$C$22,0)</f>
        <v>1.1335062087838192</v>
      </c>
      <c r="P5493" s="59">
        <f>IF(Input!$D$19=3,J5493*Input!$C$19,0)+IF(Input!$D$20=3,K5493*Input!$C$20,0)+IF(Input!$D$21=3,L5493*Input!$C$21,0)+IF(Input!$D$22=3,M5493*Input!$C$22,0)</f>
        <v>0</v>
      </c>
      <c r="Q5493" s="75">
        <f>IF(Input!$D$19=4,J5493*Input!$C$19,0)+IF(Input!$D$20=4,K5493*Input!$C$20,0)+IF(Input!$D$21=4,L5493*Input!$C$21,0)+IF(Input!$D$22=4,M5493*Input!$C$22,0)</f>
        <v>0</v>
      </c>
      <c r="R5493" s="58">
        <v>64.451410396868283</v>
      </c>
      <c r="S5493" s="124">
        <f t="shared" si="85"/>
        <v>1.964744095225287</v>
      </c>
    </row>
    <row r="5494" spans="8:19" x14ac:dyDescent="0.3">
      <c r="H5494" s="44">
        <v>5487</v>
      </c>
      <c r="I5494" s="56">
        <f>Bühler!I5520</f>
        <v>0.45340248351352774</v>
      </c>
      <c r="J5494" s="59">
        <f>Bühler!J5520</f>
        <v>1.5113416117117593</v>
      </c>
      <c r="K5494" s="59">
        <f>Bühler!K5520</f>
        <v>2.2670124175676385</v>
      </c>
      <c r="L5494" s="59">
        <f>Bühler!L5520</f>
        <v>10.881659604324666</v>
      </c>
      <c r="M5494" s="58">
        <f>Bühler!M5520</f>
        <v>0</v>
      </c>
      <c r="N5494" s="56">
        <f>IF(Input!$D$19=1,J5494*Input!$C$19,0)+IF(Input!$D$20=1,K5494*Input!$C$20,0)+IF(Input!$D$21=1,L5494*Input!$C$21,0)+IF(Input!$D$22=1,M5494*Input!$C$22,0)</f>
        <v>0.45340248351352774</v>
      </c>
      <c r="O5494" s="59">
        <f>IF(Input!$D$19=2,J5494*Input!$C$19,0)+IF(Input!$D$20=2,K5494*Input!$C$20,0)+IF(Input!$D$21=2,L5494*Input!$C$21,0)+IF(Input!$D$22=2,M5494*Input!$C$22,0)</f>
        <v>1.1335062087838192</v>
      </c>
      <c r="P5494" s="59">
        <f>IF(Input!$D$19=3,J5494*Input!$C$19,0)+IF(Input!$D$20=3,K5494*Input!$C$20,0)+IF(Input!$D$21=3,L5494*Input!$C$21,0)+IF(Input!$D$22=3,M5494*Input!$C$22,0)</f>
        <v>0</v>
      </c>
      <c r="Q5494" s="75">
        <f>IF(Input!$D$19=4,J5494*Input!$C$19,0)+IF(Input!$D$20=4,K5494*Input!$C$20,0)+IF(Input!$D$21=4,L5494*Input!$C$21,0)+IF(Input!$D$22=4,M5494*Input!$C$22,0)</f>
        <v>0</v>
      </c>
      <c r="R5494" s="58">
        <v>64.0478827550224</v>
      </c>
      <c r="S5494" s="124">
        <f t="shared" si="85"/>
        <v>1.964744095225287</v>
      </c>
    </row>
    <row r="5495" spans="8:19" x14ac:dyDescent="0.3">
      <c r="H5495" s="44">
        <v>5488</v>
      </c>
      <c r="I5495" s="56">
        <f>Bühler!I5521</f>
        <v>0.37783540292793977</v>
      </c>
      <c r="J5495" s="59">
        <f>Bühler!J5521</f>
        <v>1.2594513430931327</v>
      </c>
      <c r="K5495" s="59">
        <f>Bühler!K5521</f>
        <v>1.8891770146396987</v>
      </c>
      <c r="L5495" s="59">
        <f>Bühler!L5521</f>
        <v>9.068049670270554</v>
      </c>
      <c r="M5495" s="58">
        <f>Bühler!M5521</f>
        <v>0</v>
      </c>
      <c r="N5495" s="56">
        <f>IF(Input!$D$19=1,J5495*Input!$C$19,0)+IF(Input!$D$20=1,K5495*Input!$C$20,0)+IF(Input!$D$21=1,L5495*Input!$C$21,0)+IF(Input!$D$22=1,M5495*Input!$C$22,0)</f>
        <v>0.37783540292793977</v>
      </c>
      <c r="O5495" s="59">
        <f>IF(Input!$D$19=2,J5495*Input!$C$19,0)+IF(Input!$D$20=2,K5495*Input!$C$20,0)+IF(Input!$D$21=2,L5495*Input!$C$21,0)+IF(Input!$D$22=2,M5495*Input!$C$22,0)</f>
        <v>0.94458850731984934</v>
      </c>
      <c r="P5495" s="59">
        <f>IF(Input!$D$19=3,J5495*Input!$C$19,0)+IF(Input!$D$20=3,K5495*Input!$C$20,0)+IF(Input!$D$21=3,L5495*Input!$C$21,0)+IF(Input!$D$22=3,M5495*Input!$C$22,0)</f>
        <v>0</v>
      </c>
      <c r="Q5495" s="75">
        <f>IF(Input!$D$19=4,J5495*Input!$C$19,0)+IF(Input!$D$20=4,K5495*Input!$C$20,0)+IF(Input!$D$21=4,L5495*Input!$C$21,0)+IF(Input!$D$22=4,M5495*Input!$C$22,0)</f>
        <v>0</v>
      </c>
      <c r="R5495" s="58">
        <v>63.154862149486021</v>
      </c>
      <c r="S5495" s="124">
        <f t="shared" si="85"/>
        <v>1.6372867460210725</v>
      </c>
    </row>
    <row r="5496" spans="8:19" x14ac:dyDescent="0.3">
      <c r="H5496" s="44">
        <v>5489</v>
      </c>
      <c r="I5496" s="56">
        <f>Bühler!I5522</f>
        <v>0.35768418143844966</v>
      </c>
      <c r="J5496" s="59">
        <f>Bühler!J5522</f>
        <v>1.1922806047948322</v>
      </c>
      <c r="K5496" s="59">
        <f>Bühler!K5522</f>
        <v>1.7884209071922483</v>
      </c>
      <c r="L5496" s="59">
        <f>Bühler!L5522</f>
        <v>8.5844203545227913</v>
      </c>
      <c r="M5496" s="58">
        <f>Bühler!M5522</f>
        <v>0</v>
      </c>
      <c r="N5496" s="56">
        <f>IF(Input!$D$19=1,J5496*Input!$C$19,0)+IF(Input!$D$20=1,K5496*Input!$C$20,0)+IF(Input!$D$21=1,L5496*Input!$C$21,0)+IF(Input!$D$22=1,M5496*Input!$C$22,0)</f>
        <v>0.35768418143844966</v>
      </c>
      <c r="O5496" s="59">
        <f>IF(Input!$D$19=2,J5496*Input!$C$19,0)+IF(Input!$D$20=2,K5496*Input!$C$20,0)+IF(Input!$D$21=2,L5496*Input!$C$21,0)+IF(Input!$D$22=2,M5496*Input!$C$22,0)</f>
        <v>0.89421045359612417</v>
      </c>
      <c r="P5496" s="59">
        <f>IF(Input!$D$19=3,J5496*Input!$C$19,0)+IF(Input!$D$20=3,K5496*Input!$C$20,0)+IF(Input!$D$21=3,L5496*Input!$C$21,0)+IF(Input!$D$22=3,M5496*Input!$C$22,0)</f>
        <v>0</v>
      </c>
      <c r="Q5496" s="75">
        <f>IF(Input!$D$19=4,J5496*Input!$C$19,0)+IF(Input!$D$20=4,K5496*Input!$C$20,0)+IF(Input!$D$21=4,L5496*Input!$C$21,0)+IF(Input!$D$22=4,M5496*Input!$C$22,0)</f>
        <v>0</v>
      </c>
      <c r="R5496" s="58">
        <v>61.725186711596571</v>
      </c>
      <c r="S5496" s="124">
        <f t="shared" si="85"/>
        <v>1.5499647862332819</v>
      </c>
    </row>
    <row r="5497" spans="8:19" x14ac:dyDescent="0.3">
      <c r="H5497" s="44">
        <v>5490</v>
      </c>
      <c r="I5497" s="56">
        <f>Bühler!I5523</f>
        <v>0.35768418143844966</v>
      </c>
      <c r="J5497" s="59">
        <f>Bühler!J5523</f>
        <v>1.1922806047948322</v>
      </c>
      <c r="K5497" s="59">
        <f>Bühler!K5523</f>
        <v>1.7884209071922483</v>
      </c>
      <c r="L5497" s="59">
        <f>Bühler!L5523</f>
        <v>8.5844203545227913</v>
      </c>
      <c r="M5497" s="58">
        <f>Bühler!M5523</f>
        <v>0</v>
      </c>
      <c r="N5497" s="56">
        <f>IF(Input!$D$19=1,J5497*Input!$C$19,0)+IF(Input!$D$20=1,K5497*Input!$C$20,0)+IF(Input!$D$21=1,L5497*Input!$C$21,0)+IF(Input!$D$22=1,M5497*Input!$C$22,0)</f>
        <v>0.35768418143844966</v>
      </c>
      <c r="O5497" s="59">
        <f>IF(Input!$D$19=2,J5497*Input!$C$19,0)+IF(Input!$D$20=2,K5497*Input!$C$20,0)+IF(Input!$D$21=2,L5497*Input!$C$21,0)+IF(Input!$D$22=2,M5497*Input!$C$22,0)</f>
        <v>0.89421045359612417</v>
      </c>
      <c r="P5497" s="59">
        <f>IF(Input!$D$19=3,J5497*Input!$C$19,0)+IF(Input!$D$20=3,K5497*Input!$C$20,0)+IF(Input!$D$21=3,L5497*Input!$C$21,0)+IF(Input!$D$22=3,M5497*Input!$C$22,0)</f>
        <v>0</v>
      </c>
      <c r="Q5497" s="75">
        <f>IF(Input!$D$19=4,J5497*Input!$C$19,0)+IF(Input!$D$20=4,K5497*Input!$C$20,0)+IF(Input!$D$21=4,L5497*Input!$C$21,0)+IF(Input!$D$22=4,M5497*Input!$C$22,0)</f>
        <v>0</v>
      </c>
      <c r="R5497" s="58">
        <v>60.047948493972086</v>
      </c>
      <c r="S5497" s="124">
        <f t="shared" si="85"/>
        <v>1.5499647862332819</v>
      </c>
    </row>
    <row r="5498" spans="8:19" x14ac:dyDescent="0.3">
      <c r="H5498" s="44">
        <v>5491</v>
      </c>
      <c r="I5498" s="56">
        <f>Bühler!I5524</f>
        <v>0.35768418143844966</v>
      </c>
      <c r="J5498" s="59">
        <f>Bühler!J5524</f>
        <v>1.1922806047948322</v>
      </c>
      <c r="K5498" s="59">
        <f>Bühler!K5524</f>
        <v>1.7884209071922483</v>
      </c>
      <c r="L5498" s="59">
        <f>Bühler!L5524</f>
        <v>8.5844203545227913</v>
      </c>
      <c r="M5498" s="58">
        <f>Bühler!M5524</f>
        <v>0</v>
      </c>
      <c r="N5498" s="56">
        <f>IF(Input!$D$19=1,J5498*Input!$C$19,0)+IF(Input!$D$20=1,K5498*Input!$C$20,0)+IF(Input!$D$21=1,L5498*Input!$C$21,0)+IF(Input!$D$22=1,M5498*Input!$C$22,0)</f>
        <v>0.35768418143844966</v>
      </c>
      <c r="O5498" s="59">
        <f>IF(Input!$D$19=2,J5498*Input!$C$19,0)+IF(Input!$D$20=2,K5498*Input!$C$20,0)+IF(Input!$D$21=2,L5498*Input!$C$21,0)+IF(Input!$D$22=2,M5498*Input!$C$22,0)</f>
        <v>0.89421045359612417</v>
      </c>
      <c r="P5498" s="59">
        <f>IF(Input!$D$19=3,J5498*Input!$C$19,0)+IF(Input!$D$20=3,K5498*Input!$C$20,0)+IF(Input!$D$21=3,L5498*Input!$C$21,0)+IF(Input!$D$22=3,M5498*Input!$C$22,0)</f>
        <v>0</v>
      </c>
      <c r="Q5498" s="75">
        <f>IF(Input!$D$19=4,J5498*Input!$C$19,0)+IF(Input!$D$20=4,K5498*Input!$C$20,0)+IF(Input!$D$21=4,L5498*Input!$C$21,0)+IF(Input!$D$22=4,M5498*Input!$C$22,0)</f>
        <v>0</v>
      </c>
      <c r="R5498" s="58">
        <v>58.784488490913759</v>
      </c>
      <c r="S5498" s="124">
        <f t="shared" si="85"/>
        <v>1.5499647862332819</v>
      </c>
    </row>
    <row r="5499" spans="8:19" x14ac:dyDescent="0.3">
      <c r="H5499" s="44">
        <v>5492</v>
      </c>
      <c r="I5499" s="56">
        <f>Bühler!I5525</f>
        <v>0.35768418143844966</v>
      </c>
      <c r="J5499" s="59">
        <f>Bühler!J5525</f>
        <v>1.1922806047948322</v>
      </c>
      <c r="K5499" s="59">
        <f>Bühler!K5525</f>
        <v>1.7884209071922483</v>
      </c>
      <c r="L5499" s="59">
        <f>Bühler!L5525</f>
        <v>8.5844203545227913</v>
      </c>
      <c r="M5499" s="58">
        <f>Bühler!M5525</f>
        <v>0</v>
      </c>
      <c r="N5499" s="56">
        <f>IF(Input!$D$19=1,J5499*Input!$C$19,0)+IF(Input!$D$20=1,K5499*Input!$C$20,0)+IF(Input!$D$21=1,L5499*Input!$C$21,0)+IF(Input!$D$22=1,M5499*Input!$C$22,0)</f>
        <v>0.35768418143844966</v>
      </c>
      <c r="O5499" s="59">
        <f>IF(Input!$D$19=2,J5499*Input!$C$19,0)+IF(Input!$D$20=2,K5499*Input!$C$20,0)+IF(Input!$D$21=2,L5499*Input!$C$21,0)+IF(Input!$D$22=2,M5499*Input!$C$22,0)</f>
        <v>0.89421045359612417</v>
      </c>
      <c r="P5499" s="59">
        <f>IF(Input!$D$19=3,J5499*Input!$C$19,0)+IF(Input!$D$20=3,K5499*Input!$C$20,0)+IF(Input!$D$21=3,L5499*Input!$C$21,0)+IF(Input!$D$22=3,M5499*Input!$C$22,0)</f>
        <v>0</v>
      </c>
      <c r="Q5499" s="75">
        <f>IF(Input!$D$19=4,J5499*Input!$C$19,0)+IF(Input!$D$20=4,K5499*Input!$C$20,0)+IF(Input!$D$21=4,L5499*Input!$C$21,0)+IF(Input!$D$22=4,M5499*Input!$C$22,0)</f>
        <v>0</v>
      </c>
      <c r="R5499" s="58">
        <v>57.097315932920452</v>
      </c>
      <c r="S5499" s="124">
        <f t="shared" si="85"/>
        <v>1.5499647862332819</v>
      </c>
    </row>
    <row r="5500" spans="8:19" x14ac:dyDescent="0.3">
      <c r="H5500" s="44">
        <v>5493</v>
      </c>
      <c r="I5500" s="56">
        <f>Bühler!I5526</f>
        <v>0.2770792954804891</v>
      </c>
      <c r="J5500" s="59">
        <f>Bühler!J5526</f>
        <v>0.92359765160163043</v>
      </c>
      <c r="K5500" s="59">
        <f>Bühler!K5526</f>
        <v>1.3853964774024456</v>
      </c>
      <c r="L5500" s="59">
        <f>Bühler!L5526</f>
        <v>6.6499030915317388</v>
      </c>
      <c r="M5500" s="58">
        <f>Bühler!M5526</f>
        <v>0</v>
      </c>
      <c r="N5500" s="56">
        <f>IF(Input!$D$19=1,J5500*Input!$C$19,0)+IF(Input!$D$20=1,K5500*Input!$C$20,0)+IF(Input!$D$21=1,L5500*Input!$C$21,0)+IF(Input!$D$22=1,M5500*Input!$C$22,0)</f>
        <v>0.2770792954804891</v>
      </c>
      <c r="O5500" s="59">
        <f>IF(Input!$D$19=2,J5500*Input!$C$19,0)+IF(Input!$D$20=2,K5500*Input!$C$20,0)+IF(Input!$D$21=2,L5500*Input!$C$21,0)+IF(Input!$D$22=2,M5500*Input!$C$22,0)</f>
        <v>0.69269823870122282</v>
      </c>
      <c r="P5500" s="59">
        <f>IF(Input!$D$19=3,J5500*Input!$C$19,0)+IF(Input!$D$20=3,K5500*Input!$C$20,0)+IF(Input!$D$21=3,L5500*Input!$C$21,0)+IF(Input!$D$22=3,M5500*Input!$C$22,0)</f>
        <v>0</v>
      </c>
      <c r="Q5500" s="75">
        <f>IF(Input!$D$19=4,J5500*Input!$C$19,0)+IF(Input!$D$20=4,K5500*Input!$C$20,0)+IF(Input!$D$21=4,L5500*Input!$C$21,0)+IF(Input!$D$22=4,M5500*Input!$C$22,0)</f>
        <v>0</v>
      </c>
      <c r="R5500" s="58">
        <v>54.570759624409249</v>
      </c>
      <c r="S5500" s="124">
        <f t="shared" si="85"/>
        <v>1.2006769470821195</v>
      </c>
    </row>
    <row r="5501" spans="8:19" x14ac:dyDescent="0.3">
      <c r="H5501" s="44">
        <v>5494</v>
      </c>
      <c r="I5501" s="56">
        <f>Bühler!I5527</f>
        <v>0.10579391281982314</v>
      </c>
      <c r="J5501" s="59">
        <f>Bühler!J5527</f>
        <v>0.35264637606607718</v>
      </c>
      <c r="K5501" s="59">
        <f>Bühler!K5527</f>
        <v>0.52896956409911566</v>
      </c>
      <c r="L5501" s="59">
        <f>Bühler!L5527</f>
        <v>2.5390539076757555</v>
      </c>
      <c r="M5501" s="58">
        <f>Bühler!M5527</f>
        <v>0</v>
      </c>
      <c r="N5501" s="56">
        <f>IF(Input!$D$19=1,J5501*Input!$C$19,0)+IF(Input!$D$20=1,K5501*Input!$C$20,0)+IF(Input!$D$21=1,L5501*Input!$C$21,0)+IF(Input!$D$22=1,M5501*Input!$C$22,0)</f>
        <v>0.10579391281982316</v>
      </c>
      <c r="O5501" s="59">
        <f>IF(Input!$D$19=2,J5501*Input!$C$19,0)+IF(Input!$D$20=2,K5501*Input!$C$20,0)+IF(Input!$D$21=2,L5501*Input!$C$21,0)+IF(Input!$D$22=2,M5501*Input!$C$22,0)</f>
        <v>0.26448478204955783</v>
      </c>
      <c r="P5501" s="59">
        <f>IF(Input!$D$19=3,J5501*Input!$C$19,0)+IF(Input!$D$20=3,K5501*Input!$C$20,0)+IF(Input!$D$21=3,L5501*Input!$C$21,0)+IF(Input!$D$22=3,M5501*Input!$C$22,0)</f>
        <v>0</v>
      </c>
      <c r="Q5501" s="75">
        <f>IF(Input!$D$19=4,J5501*Input!$C$19,0)+IF(Input!$D$20=4,K5501*Input!$C$20,0)+IF(Input!$D$21=4,L5501*Input!$C$21,0)+IF(Input!$D$22=4,M5501*Input!$C$22,0)</f>
        <v>0</v>
      </c>
      <c r="R5501" s="58">
        <v>53.284208049865747</v>
      </c>
      <c r="S5501" s="124">
        <f t="shared" si="85"/>
        <v>0.45844028888590033</v>
      </c>
    </row>
    <row r="5502" spans="8:19" x14ac:dyDescent="0.3">
      <c r="H5502" s="44">
        <v>5495</v>
      </c>
      <c r="I5502" s="56">
        <f>Bühler!I5528</f>
        <v>0.10579391281982314</v>
      </c>
      <c r="J5502" s="59">
        <f>Bühler!J5528</f>
        <v>0.35264637606607718</v>
      </c>
      <c r="K5502" s="59">
        <f>Bühler!K5528</f>
        <v>0.52896956409911566</v>
      </c>
      <c r="L5502" s="59">
        <f>Bühler!L5528</f>
        <v>2.5390539076757555</v>
      </c>
      <c r="M5502" s="58">
        <f>Bühler!M5528</f>
        <v>0</v>
      </c>
      <c r="N5502" s="56">
        <f>IF(Input!$D$19=1,J5502*Input!$C$19,0)+IF(Input!$D$20=1,K5502*Input!$C$20,0)+IF(Input!$D$21=1,L5502*Input!$C$21,0)+IF(Input!$D$22=1,M5502*Input!$C$22,0)</f>
        <v>0.10579391281982316</v>
      </c>
      <c r="O5502" s="59">
        <f>IF(Input!$D$19=2,J5502*Input!$C$19,0)+IF(Input!$D$20=2,K5502*Input!$C$20,0)+IF(Input!$D$21=2,L5502*Input!$C$21,0)+IF(Input!$D$22=2,M5502*Input!$C$22,0)</f>
        <v>0.26448478204955783</v>
      </c>
      <c r="P5502" s="59">
        <f>IF(Input!$D$19=3,J5502*Input!$C$19,0)+IF(Input!$D$20=3,K5502*Input!$C$20,0)+IF(Input!$D$21=3,L5502*Input!$C$21,0)+IF(Input!$D$22=3,M5502*Input!$C$22,0)</f>
        <v>0</v>
      </c>
      <c r="Q5502" s="75">
        <f>IF(Input!$D$19=4,J5502*Input!$C$19,0)+IF(Input!$D$20=4,K5502*Input!$C$20,0)+IF(Input!$D$21=4,L5502*Input!$C$21,0)+IF(Input!$D$22=4,M5502*Input!$C$22,0)</f>
        <v>0</v>
      </c>
      <c r="R5502" s="58">
        <v>52.950544789994645</v>
      </c>
      <c r="S5502" s="124">
        <f t="shared" si="85"/>
        <v>0.45844028888590033</v>
      </c>
    </row>
    <row r="5503" spans="8:19" x14ac:dyDescent="0.3">
      <c r="H5503" s="44">
        <v>5496</v>
      </c>
      <c r="I5503" s="56">
        <f>Bühler!I5529</f>
        <v>0.10579391281982314</v>
      </c>
      <c r="J5503" s="59">
        <f>Bühler!J5529</f>
        <v>0.35264637606607718</v>
      </c>
      <c r="K5503" s="59">
        <f>Bühler!K5529</f>
        <v>0.52896956409911566</v>
      </c>
      <c r="L5503" s="59">
        <f>Bühler!L5529</f>
        <v>2.5390539076757555</v>
      </c>
      <c r="M5503" s="58">
        <f>Bühler!M5529</f>
        <v>0</v>
      </c>
      <c r="N5503" s="56">
        <f>IF(Input!$D$19=1,J5503*Input!$C$19,0)+IF(Input!$D$20=1,K5503*Input!$C$20,0)+IF(Input!$D$21=1,L5503*Input!$C$21,0)+IF(Input!$D$22=1,M5503*Input!$C$22,0)</f>
        <v>0.10579391281982316</v>
      </c>
      <c r="O5503" s="59">
        <f>IF(Input!$D$19=2,J5503*Input!$C$19,0)+IF(Input!$D$20=2,K5503*Input!$C$20,0)+IF(Input!$D$21=2,L5503*Input!$C$21,0)+IF(Input!$D$22=2,M5503*Input!$C$22,0)</f>
        <v>0.26448478204955783</v>
      </c>
      <c r="P5503" s="59">
        <f>IF(Input!$D$19=3,J5503*Input!$C$19,0)+IF(Input!$D$20=3,K5503*Input!$C$20,0)+IF(Input!$D$21=3,L5503*Input!$C$21,0)+IF(Input!$D$22=3,M5503*Input!$C$22,0)</f>
        <v>0</v>
      </c>
      <c r="Q5503" s="75">
        <f>IF(Input!$D$19=4,J5503*Input!$C$19,0)+IF(Input!$D$20=4,K5503*Input!$C$20,0)+IF(Input!$D$21=4,L5503*Input!$C$21,0)+IF(Input!$D$22=4,M5503*Input!$C$22,0)</f>
        <v>0</v>
      </c>
      <c r="R5503" s="58">
        <v>52.366481799229113</v>
      </c>
      <c r="S5503" s="124">
        <f t="shared" si="85"/>
        <v>0.45844028888590033</v>
      </c>
    </row>
    <row r="5504" spans="8:19" x14ac:dyDescent="0.3">
      <c r="H5504" s="44">
        <v>5497</v>
      </c>
      <c r="I5504" s="56">
        <f>Bühler!I5530</f>
        <v>4.0556447561361036E-2</v>
      </c>
      <c r="J5504" s="59">
        <f>Bühler!J5530</f>
        <v>0.13518815853787014</v>
      </c>
      <c r="K5504" s="59">
        <f>Bühler!K5530</f>
        <v>0.20278223780680521</v>
      </c>
      <c r="L5504" s="59">
        <f>Bühler!L5530</f>
        <v>3.3046304537231466</v>
      </c>
      <c r="M5504" s="58">
        <f>Bühler!M5530</f>
        <v>0</v>
      </c>
      <c r="N5504" s="56">
        <f>IF(Input!$D$19=1,J5504*Input!$C$19,0)+IF(Input!$D$20=1,K5504*Input!$C$20,0)+IF(Input!$D$21=1,L5504*Input!$C$21,0)+IF(Input!$D$22=1,M5504*Input!$C$22,0)</f>
        <v>4.0556447561361043E-2</v>
      </c>
      <c r="O5504" s="59">
        <f>IF(Input!$D$19=2,J5504*Input!$C$19,0)+IF(Input!$D$20=2,K5504*Input!$C$20,0)+IF(Input!$D$21=2,L5504*Input!$C$21,0)+IF(Input!$D$22=2,M5504*Input!$C$22,0)</f>
        <v>0.10139111890340261</v>
      </c>
      <c r="P5504" s="59">
        <f>IF(Input!$D$19=3,J5504*Input!$C$19,0)+IF(Input!$D$20=3,K5504*Input!$C$20,0)+IF(Input!$D$21=3,L5504*Input!$C$21,0)+IF(Input!$D$22=3,M5504*Input!$C$22,0)</f>
        <v>0</v>
      </c>
      <c r="Q5504" s="75">
        <f>IF(Input!$D$19=4,J5504*Input!$C$19,0)+IF(Input!$D$20=4,K5504*Input!$C$20,0)+IF(Input!$D$21=4,L5504*Input!$C$21,0)+IF(Input!$D$22=4,M5504*Input!$C$22,0)</f>
        <v>0</v>
      </c>
      <c r="R5504" s="58">
        <v>51.18653345858899</v>
      </c>
      <c r="S5504" s="124">
        <f t="shared" si="85"/>
        <v>0.17574460609923118</v>
      </c>
    </row>
    <row r="5505" spans="8:19" x14ac:dyDescent="0.3">
      <c r="H5505" s="44">
        <v>5498</v>
      </c>
      <c r="I5505" s="56">
        <f>Bühler!I5531</f>
        <v>7.9181635715038223E-2</v>
      </c>
      <c r="J5505" s="59">
        <f>Bühler!J5531</f>
        <v>0.26393878571679408</v>
      </c>
      <c r="K5505" s="59">
        <f>Bühler!K5531</f>
        <v>0.39590817857519112</v>
      </c>
      <c r="L5505" s="59">
        <f>Bühler!L5531</f>
        <v>6.4518975525070967</v>
      </c>
      <c r="M5505" s="58">
        <f>Bühler!M5531</f>
        <v>0</v>
      </c>
      <c r="N5505" s="56">
        <f>IF(Input!$D$19=1,J5505*Input!$C$19,0)+IF(Input!$D$20=1,K5505*Input!$C$20,0)+IF(Input!$D$21=1,L5505*Input!$C$21,0)+IF(Input!$D$22=1,M5505*Input!$C$22,0)</f>
        <v>7.9181635715038223E-2</v>
      </c>
      <c r="O5505" s="59">
        <f>IF(Input!$D$19=2,J5505*Input!$C$19,0)+IF(Input!$D$20=2,K5505*Input!$C$20,0)+IF(Input!$D$21=2,L5505*Input!$C$21,0)+IF(Input!$D$22=2,M5505*Input!$C$22,0)</f>
        <v>0.19795408928759556</v>
      </c>
      <c r="P5505" s="59">
        <f>IF(Input!$D$19=3,J5505*Input!$C$19,0)+IF(Input!$D$20=3,K5505*Input!$C$20,0)+IF(Input!$D$21=3,L5505*Input!$C$21,0)+IF(Input!$D$22=3,M5505*Input!$C$22,0)</f>
        <v>0</v>
      </c>
      <c r="Q5505" s="75">
        <f>IF(Input!$D$19=4,J5505*Input!$C$19,0)+IF(Input!$D$20=4,K5505*Input!$C$20,0)+IF(Input!$D$21=4,L5505*Input!$C$21,0)+IF(Input!$D$22=4,M5505*Input!$C$22,0)</f>
        <v>0</v>
      </c>
      <c r="R5505" s="58">
        <v>39.304758580231351</v>
      </c>
      <c r="S5505" s="124">
        <f t="shared" si="85"/>
        <v>0.3431204214318323</v>
      </c>
    </row>
    <row r="5506" spans="8:19" x14ac:dyDescent="0.3">
      <c r="H5506" s="44">
        <v>5499</v>
      </c>
      <c r="I5506" s="56">
        <f>Bühler!I5532</f>
        <v>7.9181635715038223E-2</v>
      </c>
      <c r="J5506" s="59">
        <f>Bühler!J5532</f>
        <v>0.26393878571679408</v>
      </c>
      <c r="K5506" s="59">
        <f>Bühler!K5532</f>
        <v>0.39590817857519112</v>
      </c>
      <c r="L5506" s="59">
        <f>Bühler!L5532</f>
        <v>6.4518975525070967</v>
      </c>
      <c r="M5506" s="58">
        <f>Bühler!M5532</f>
        <v>0</v>
      </c>
      <c r="N5506" s="56">
        <f>IF(Input!$D$19=1,J5506*Input!$C$19,0)+IF(Input!$D$20=1,K5506*Input!$C$20,0)+IF(Input!$D$21=1,L5506*Input!$C$21,0)+IF(Input!$D$22=1,M5506*Input!$C$22,0)</f>
        <v>7.9181635715038223E-2</v>
      </c>
      <c r="O5506" s="59">
        <f>IF(Input!$D$19=2,J5506*Input!$C$19,0)+IF(Input!$D$20=2,K5506*Input!$C$20,0)+IF(Input!$D$21=2,L5506*Input!$C$21,0)+IF(Input!$D$22=2,M5506*Input!$C$22,0)</f>
        <v>0.19795408928759556</v>
      </c>
      <c r="P5506" s="59">
        <f>IF(Input!$D$19=3,J5506*Input!$C$19,0)+IF(Input!$D$20=3,K5506*Input!$C$20,0)+IF(Input!$D$21=3,L5506*Input!$C$21,0)+IF(Input!$D$22=3,M5506*Input!$C$22,0)</f>
        <v>0</v>
      </c>
      <c r="Q5506" s="75">
        <f>IF(Input!$D$19=4,J5506*Input!$C$19,0)+IF(Input!$D$20=4,K5506*Input!$C$20,0)+IF(Input!$D$21=4,L5506*Input!$C$21,0)+IF(Input!$D$22=4,M5506*Input!$C$22,0)</f>
        <v>0</v>
      </c>
      <c r="R5506" s="58">
        <v>49.780310994982415</v>
      </c>
      <c r="S5506" s="124">
        <f t="shared" si="85"/>
        <v>0.3431204214318323</v>
      </c>
    </row>
    <row r="5507" spans="8:19" x14ac:dyDescent="0.3">
      <c r="H5507" s="44">
        <v>5500</v>
      </c>
      <c r="I5507" s="56">
        <f>Bühler!I5533</f>
        <v>7.9181635715038223E-2</v>
      </c>
      <c r="J5507" s="59">
        <f>Bühler!J5533</f>
        <v>0.26393878571679408</v>
      </c>
      <c r="K5507" s="59">
        <f>Bühler!K5533</f>
        <v>0.39590817857519112</v>
      </c>
      <c r="L5507" s="59">
        <f>Bühler!L5533</f>
        <v>6.4518975525070967</v>
      </c>
      <c r="M5507" s="58">
        <f>Bühler!M5533</f>
        <v>0</v>
      </c>
      <c r="N5507" s="56">
        <f>IF(Input!$D$19=1,J5507*Input!$C$19,0)+IF(Input!$D$20=1,K5507*Input!$C$20,0)+IF(Input!$D$21=1,L5507*Input!$C$21,0)+IF(Input!$D$22=1,M5507*Input!$C$22,0)</f>
        <v>7.9181635715038223E-2</v>
      </c>
      <c r="O5507" s="59">
        <f>IF(Input!$D$19=2,J5507*Input!$C$19,0)+IF(Input!$D$20=2,K5507*Input!$C$20,0)+IF(Input!$D$21=2,L5507*Input!$C$21,0)+IF(Input!$D$22=2,M5507*Input!$C$22,0)</f>
        <v>0.19795408928759556</v>
      </c>
      <c r="P5507" s="59">
        <f>IF(Input!$D$19=3,J5507*Input!$C$19,0)+IF(Input!$D$20=3,K5507*Input!$C$20,0)+IF(Input!$D$21=3,L5507*Input!$C$21,0)+IF(Input!$D$22=3,M5507*Input!$C$22,0)</f>
        <v>0</v>
      </c>
      <c r="Q5507" s="75">
        <f>IF(Input!$D$19=4,J5507*Input!$C$19,0)+IF(Input!$D$20=4,K5507*Input!$C$20,0)+IF(Input!$D$21=4,L5507*Input!$C$21,0)+IF(Input!$D$22=4,M5507*Input!$C$22,0)</f>
        <v>0</v>
      </c>
      <c r="R5507" s="58">
        <v>39.467657684451275</v>
      </c>
      <c r="S5507" s="124">
        <f t="shared" si="85"/>
        <v>0.3431204214318323</v>
      </c>
    </row>
    <row r="5508" spans="8:19" x14ac:dyDescent="0.3">
      <c r="H5508" s="44">
        <v>5501</v>
      </c>
      <c r="I5508" s="56">
        <f>Bühler!I5534</f>
        <v>7.9181635715038223E-2</v>
      </c>
      <c r="J5508" s="59">
        <f>Bühler!J5534</f>
        <v>0.26393878571679408</v>
      </c>
      <c r="K5508" s="59">
        <f>Bühler!K5534</f>
        <v>0.39590817857519112</v>
      </c>
      <c r="L5508" s="59">
        <f>Bühler!L5534</f>
        <v>6.4518975525070967</v>
      </c>
      <c r="M5508" s="58">
        <f>Bühler!M5534</f>
        <v>0</v>
      </c>
      <c r="N5508" s="56">
        <f>IF(Input!$D$19=1,J5508*Input!$C$19,0)+IF(Input!$D$20=1,K5508*Input!$C$20,0)+IF(Input!$D$21=1,L5508*Input!$C$21,0)+IF(Input!$D$22=1,M5508*Input!$C$22,0)</f>
        <v>7.9181635715038223E-2</v>
      </c>
      <c r="O5508" s="59">
        <f>IF(Input!$D$19=2,J5508*Input!$C$19,0)+IF(Input!$D$20=2,K5508*Input!$C$20,0)+IF(Input!$D$21=2,L5508*Input!$C$21,0)+IF(Input!$D$22=2,M5508*Input!$C$22,0)</f>
        <v>0.19795408928759556</v>
      </c>
      <c r="P5508" s="59">
        <f>IF(Input!$D$19=3,J5508*Input!$C$19,0)+IF(Input!$D$20=3,K5508*Input!$C$20,0)+IF(Input!$D$21=3,L5508*Input!$C$21,0)+IF(Input!$D$22=3,M5508*Input!$C$22,0)</f>
        <v>0</v>
      </c>
      <c r="Q5508" s="75">
        <f>IF(Input!$D$19=4,J5508*Input!$C$19,0)+IF(Input!$D$20=4,K5508*Input!$C$20,0)+IF(Input!$D$21=4,L5508*Input!$C$21,0)+IF(Input!$D$22=4,M5508*Input!$C$22,0)</f>
        <v>0</v>
      </c>
      <c r="R5508" s="58">
        <v>38.943440572727667</v>
      </c>
      <c r="S5508" s="124">
        <f t="shared" si="85"/>
        <v>0.3431204214318323</v>
      </c>
    </row>
    <row r="5509" spans="8:19" x14ac:dyDescent="0.3">
      <c r="H5509" s="44">
        <v>5502</v>
      </c>
      <c r="I5509" s="56">
        <f>Bühler!I5535</f>
        <v>9.8494229791876831E-2</v>
      </c>
      <c r="J5509" s="59">
        <f>Bühler!J5535</f>
        <v>0.3283140993062561</v>
      </c>
      <c r="K5509" s="59">
        <f>Bühler!K5535</f>
        <v>0.49247114895938421</v>
      </c>
      <c r="L5509" s="59">
        <f>Bühler!L5535</f>
        <v>8.0255311018990714</v>
      </c>
      <c r="M5509" s="58">
        <f>Bühler!M5535</f>
        <v>0</v>
      </c>
      <c r="N5509" s="56">
        <f>IF(Input!$D$19=1,J5509*Input!$C$19,0)+IF(Input!$D$20=1,K5509*Input!$C$20,0)+IF(Input!$D$21=1,L5509*Input!$C$21,0)+IF(Input!$D$22=1,M5509*Input!$C$22,0)</f>
        <v>9.8494229791876831E-2</v>
      </c>
      <c r="O5509" s="59">
        <f>IF(Input!$D$19=2,J5509*Input!$C$19,0)+IF(Input!$D$20=2,K5509*Input!$C$20,0)+IF(Input!$D$21=2,L5509*Input!$C$21,0)+IF(Input!$D$22=2,M5509*Input!$C$22,0)</f>
        <v>0.2462355744796921</v>
      </c>
      <c r="P5509" s="59">
        <f>IF(Input!$D$19=3,J5509*Input!$C$19,0)+IF(Input!$D$20=3,K5509*Input!$C$20,0)+IF(Input!$D$21=3,L5509*Input!$C$21,0)+IF(Input!$D$22=3,M5509*Input!$C$22,0)</f>
        <v>0</v>
      </c>
      <c r="Q5509" s="75">
        <f>IF(Input!$D$19=4,J5509*Input!$C$19,0)+IF(Input!$D$20=4,K5509*Input!$C$20,0)+IF(Input!$D$21=4,L5509*Input!$C$21,0)+IF(Input!$D$22=4,M5509*Input!$C$22,0)</f>
        <v>0</v>
      </c>
      <c r="R5509" s="58">
        <v>48.570538332712736</v>
      </c>
      <c r="S5509" s="124">
        <f t="shared" si="85"/>
        <v>0.42680832909813293</v>
      </c>
    </row>
    <row r="5510" spans="8:19" x14ac:dyDescent="0.3">
      <c r="H5510" s="44">
        <v>5503</v>
      </c>
      <c r="I5510" s="56">
        <f>Bühler!I5536</f>
        <v>0.12360060209176699</v>
      </c>
      <c r="J5510" s="59">
        <f>Bühler!J5536</f>
        <v>0.41200200697255668</v>
      </c>
      <c r="K5510" s="59">
        <f>Bühler!K5536</f>
        <v>0.61800301045883499</v>
      </c>
      <c r="L5510" s="59">
        <f>Bühler!L5536</f>
        <v>10.071254716108637</v>
      </c>
      <c r="M5510" s="58">
        <f>Bühler!M5536</f>
        <v>0</v>
      </c>
      <c r="N5510" s="56">
        <f>IF(Input!$D$19=1,J5510*Input!$C$19,0)+IF(Input!$D$20=1,K5510*Input!$C$20,0)+IF(Input!$D$21=1,L5510*Input!$C$21,0)+IF(Input!$D$22=1,M5510*Input!$C$22,0)</f>
        <v>0.123600602091767</v>
      </c>
      <c r="O5510" s="59">
        <f>IF(Input!$D$19=2,J5510*Input!$C$19,0)+IF(Input!$D$20=2,K5510*Input!$C$20,0)+IF(Input!$D$21=2,L5510*Input!$C$21,0)+IF(Input!$D$22=2,M5510*Input!$C$22,0)</f>
        <v>0.30900150522941749</v>
      </c>
      <c r="P5510" s="59">
        <f>IF(Input!$D$19=3,J5510*Input!$C$19,0)+IF(Input!$D$20=3,K5510*Input!$C$20,0)+IF(Input!$D$21=3,L5510*Input!$C$21,0)+IF(Input!$D$22=3,M5510*Input!$C$22,0)</f>
        <v>0</v>
      </c>
      <c r="Q5510" s="75">
        <f>IF(Input!$D$19=4,J5510*Input!$C$19,0)+IF(Input!$D$20=4,K5510*Input!$C$20,0)+IF(Input!$D$21=4,L5510*Input!$C$21,0)+IF(Input!$D$22=4,M5510*Input!$C$22,0)</f>
        <v>0</v>
      </c>
      <c r="R5510" s="58">
        <v>38.503208736434111</v>
      </c>
      <c r="S5510" s="124">
        <f t="shared" si="85"/>
        <v>0.53560260906432366</v>
      </c>
    </row>
    <row r="5511" spans="8:19" x14ac:dyDescent="0.3">
      <c r="H5511" s="44">
        <v>5504</v>
      </c>
      <c r="I5511" s="56">
        <f>Bühler!I5537</f>
        <v>0.14098193676092172</v>
      </c>
      <c r="J5511" s="59">
        <f>Bühler!J5537</f>
        <v>0.4699397892030725</v>
      </c>
      <c r="K5511" s="59">
        <f>Bühler!K5537</f>
        <v>0.70490968380460872</v>
      </c>
      <c r="L5511" s="59">
        <f>Bühler!L5537</f>
        <v>11.487524910561415</v>
      </c>
      <c r="M5511" s="58">
        <f>Bühler!M5537</f>
        <v>0</v>
      </c>
      <c r="N5511" s="56">
        <f>IF(Input!$D$19=1,J5511*Input!$C$19,0)+IF(Input!$D$20=1,K5511*Input!$C$20,0)+IF(Input!$D$21=1,L5511*Input!$C$21,0)+IF(Input!$D$22=1,M5511*Input!$C$22,0)</f>
        <v>0.14098193676092174</v>
      </c>
      <c r="O5511" s="59">
        <f>IF(Input!$D$19=2,J5511*Input!$C$19,0)+IF(Input!$D$20=2,K5511*Input!$C$20,0)+IF(Input!$D$21=2,L5511*Input!$C$21,0)+IF(Input!$D$22=2,M5511*Input!$C$22,0)</f>
        <v>0.35245484190230436</v>
      </c>
      <c r="P5511" s="59">
        <f>IF(Input!$D$19=3,J5511*Input!$C$19,0)+IF(Input!$D$20=3,K5511*Input!$C$20,0)+IF(Input!$D$21=3,L5511*Input!$C$21,0)+IF(Input!$D$22=3,M5511*Input!$C$22,0)</f>
        <v>0</v>
      </c>
      <c r="Q5511" s="75">
        <f>IF(Input!$D$19=4,J5511*Input!$C$19,0)+IF(Input!$D$20=4,K5511*Input!$C$20,0)+IF(Input!$D$21=4,L5511*Input!$C$21,0)+IF(Input!$D$22=4,M5511*Input!$C$22,0)</f>
        <v>0</v>
      </c>
      <c r="R5511" s="58">
        <v>47.680890486521356</v>
      </c>
      <c r="S5511" s="124">
        <f t="shared" si="85"/>
        <v>0.61092172596399419</v>
      </c>
    </row>
    <row r="5512" spans="8:19" x14ac:dyDescent="0.3">
      <c r="H5512" s="44">
        <v>5505</v>
      </c>
      <c r="I5512" s="56">
        <f>Bühler!I5538</f>
        <v>0.14098193676092172</v>
      </c>
      <c r="J5512" s="59">
        <f>Bühler!J5538</f>
        <v>0.4699397892030725</v>
      </c>
      <c r="K5512" s="59">
        <f>Bühler!K5538</f>
        <v>0.70490968380460872</v>
      </c>
      <c r="L5512" s="59">
        <f>Bühler!L5538</f>
        <v>11.487524910561415</v>
      </c>
      <c r="M5512" s="58">
        <f>Bühler!M5538</f>
        <v>0</v>
      </c>
      <c r="N5512" s="56">
        <f>IF(Input!$D$19=1,J5512*Input!$C$19,0)+IF(Input!$D$20=1,K5512*Input!$C$20,0)+IF(Input!$D$21=1,L5512*Input!$C$21,0)+IF(Input!$D$22=1,M5512*Input!$C$22,0)</f>
        <v>0.14098193676092174</v>
      </c>
      <c r="O5512" s="59">
        <f>IF(Input!$D$19=2,J5512*Input!$C$19,0)+IF(Input!$D$20=2,K5512*Input!$C$20,0)+IF(Input!$D$21=2,L5512*Input!$C$21,0)+IF(Input!$D$22=2,M5512*Input!$C$22,0)</f>
        <v>0.35245484190230436</v>
      </c>
      <c r="P5512" s="59">
        <f>IF(Input!$D$19=3,J5512*Input!$C$19,0)+IF(Input!$D$20=3,K5512*Input!$C$20,0)+IF(Input!$D$21=3,L5512*Input!$C$21,0)+IF(Input!$D$22=3,M5512*Input!$C$22,0)</f>
        <v>0</v>
      </c>
      <c r="Q5512" s="75">
        <f>IF(Input!$D$19=4,J5512*Input!$C$19,0)+IF(Input!$D$20=4,K5512*Input!$C$20,0)+IF(Input!$D$21=4,L5512*Input!$C$21,0)+IF(Input!$D$22=4,M5512*Input!$C$22,0)</f>
        <v>0</v>
      </c>
      <c r="R5512" s="58">
        <v>38.756172395208665</v>
      </c>
      <c r="S5512" s="124">
        <f t="shared" si="85"/>
        <v>0.61092172596399419</v>
      </c>
    </row>
    <row r="5513" spans="8:19" x14ac:dyDescent="0.3">
      <c r="H5513" s="44">
        <v>5506</v>
      </c>
      <c r="I5513" s="56">
        <f>Bühler!I5539</f>
        <v>0.14098193676092172</v>
      </c>
      <c r="J5513" s="59">
        <f>Bühler!J5539</f>
        <v>0.4699397892030725</v>
      </c>
      <c r="K5513" s="59">
        <f>Bühler!K5539</f>
        <v>0.70490968380460872</v>
      </c>
      <c r="L5513" s="59">
        <f>Bühler!L5539</f>
        <v>11.487524910561415</v>
      </c>
      <c r="M5513" s="58">
        <f>Bühler!M5539</f>
        <v>0</v>
      </c>
      <c r="N5513" s="56">
        <f>IF(Input!$D$19=1,J5513*Input!$C$19,0)+IF(Input!$D$20=1,K5513*Input!$C$20,0)+IF(Input!$D$21=1,L5513*Input!$C$21,0)+IF(Input!$D$22=1,M5513*Input!$C$22,0)</f>
        <v>0.14098193676092174</v>
      </c>
      <c r="O5513" s="59">
        <f>IF(Input!$D$19=2,J5513*Input!$C$19,0)+IF(Input!$D$20=2,K5513*Input!$C$20,0)+IF(Input!$D$21=2,L5513*Input!$C$21,0)+IF(Input!$D$22=2,M5513*Input!$C$22,0)</f>
        <v>0.35245484190230436</v>
      </c>
      <c r="P5513" s="59">
        <f>IF(Input!$D$19=3,J5513*Input!$C$19,0)+IF(Input!$D$20=3,K5513*Input!$C$20,0)+IF(Input!$D$21=3,L5513*Input!$C$21,0)+IF(Input!$D$22=3,M5513*Input!$C$22,0)</f>
        <v>0</v>
      </c>
      <c r="Q5513" s="75">
        <f>IF(Input!$D$19=4,J5513*Input!$C$19,0)+IF(Input!$D$20=4,K5513*Input!$C$20,0)+IF(Input!$D$21=4,L5513*Input!$C$21,0)+IF(Input!$D$22=4,M5513*Input!$C$22,0)</f>
        <v>0</v>
      </c>
      <c r="R5513" s="58">
        <v>45.870659726723915</v>
      </c>
      <c r="S5513" s="124">
        <f t="shared" ref="S5513:S5576" si="86">I5513+J5513</f>
        <v>0.61092172596399419</v>
      </c>
    </row>
    <row r="5514" spans="8:19" x14ac:dyDescent="0.3">
      <c r="H5514" s="44">
        <v>5507</v>
      </c>
      <c r="I5514" s="56">
        <f>Bühler!I5540</f>
        <v>0.14098193676092172</v>
      </c>
      <c r="J5514" s="59">
        <f>Bühler!J5540</f>
        <v>0.4699397892030725</v>
      </c>
      <c r="K5514" s="59">
        <f>Bühler!K5540</f>
        <v>0.70490968380460872</v>
      </c>
      <c r="L5514" s="59">
        <f>Bühler!L5540</f>
        <v>11.487524910561415</v>
      </c>
      <c r="M5514" s="58">
        <f>Bühler!M5540</f>
        <v>0</v>
      </c>
      <c r="N5514" s="56">
        <f>IF(Input!$D$19=1,J5514*Input!$C$19,0)+IF(Input!$D$20=1,K5514*Input!$C$20,0)+IF(Input!$D$21=1,L5514*Input!$C$21,0)+IF(Input!$D$22=1,M5514*Input!$C$22,0)</f>
        <v>0.14098193676092174</v>
      </c>
      <c r="O5514" s="59">
        <f>IF(Input!$D$19=2,J5514*Input!$C$19,0)+IF(Input!$D$20=2,K5514*Input!$C$20,0)+IF(Input!$D$21=2,L5514*Input!$C$21,0)+IF(Input!$D$22=2,M5514*Input!$C$22,0)</f>
        <v>0.35245484190230436</v>
      </c>
      <c r="P5514" s="59">
        <f>IF(Input!$D$19=3,J5514*Input!$C$19,0)+IF(Input!$D$20=3,K5514*Input!$C$20,0)+IF(Input!$D$21=3,L5514*Input!$C$21,0)+IF(Input!$D$22=3,M5514*Input!$C$22,0)</f>
        <v>0</v>
      </c>
      <c r="Q5514" s="75">
        <f>IF(Input!$D$19=4,J5514*Input!$C$19,0)+IF(Input!$D$20=4,K5514*Input!$C$20,0)+IF(Input!$D$21=4,L5514*Input!$C$21,0)+IF(Input!$D$22=4,M5514*Input!$C$22,0)</f>
        <v>0</v>
      </c>
      <c r="R5514" s="58">
        <v>44.900945607143463</v>
      </c>
      <c r="S5514" s="124">
        <f t="shared" si="86"/>
        <v>0.61092172596399419</v>
      </c>
    </row>
    <row r="5515" spans="8:19" x14ac:dyDescent="0.3">
      <c r="H5515" s="44">
        <v>5508</v>
      </c>
      <c r="I5515" s="56">
        <f>Bühler!I5541</f>
        <v>0.14098193676092172</v>
      </c>
      <c r="J5515" s="59">
        <f>Bühler!J5541</f>
        <v>0.4699397892030725</v>
      </c>
      <c r="K5515" s="59">
        <f>Bühler!K5541</f>
        <v>0.70490968380460872</v>
      </c>
      <c r="L5515" s="59">
        <f>Bühler!L5541</f>
        <v>11.487524910561415</v>
      </c>
      <c r="M5515" s="58">
        <f>Bühler!M5541</f>
        <v>0</v>
      </c>
      <c r="N5515" s="56">
        <f>IF(Input!$D$19=1,J5515*Input!$C$19,0)+IF(Input!$D$20=1,K5515*Input!$C$20,0)+IF(Input!$D$21=1,L5515*Input!$C$21,0)+IF(Input!$D$22=1,M5515*Input!$C$22,0)</f>
        <v>0.14098193676092174</v>
      </c>
      <c r="O5515" s="59">
        <f>IF(Input!$D$19=2,J5515*Input!$C$19,0)+IF(Input!$D$20=2,K5515*Input!$C$20,0)+IF(Input!$D$21=2,L5515*Input!$C$21,0)+IF(Input!$D$22=2,M5515*Input!$C$22,0)</f>
        <v>0.35245484190230436</v>
      </c>
      <c r="P5515" s="59">
        <f>IF(Input!$D$19=3,J5515*Input!$C$19,0)+IF(Input!$D$20=3,K5515*Input!$C$20,0)+IF(Input!$D$21=3,L5515*Input!$C$21,0)+IF(Input!$D$22=3,M5515*Input!$C$22,0)</f>
        <v>0</v>
      </c>
      <c r="Q5515" s="75">
        <f>IF(Input!$D$19=4,J5515*Input!$C$19,0)+IF(Input!$D$20=4,K5515*Input!$C$20,0)+IF(Input!$D$21=4,L5515*Input!$C$21,0)+IF(Input!$D$22=4,M5515*Input!$C$22,0)</f>
        <v>0</v>
      </c>
      <c r="R5515" s="58">
        <v>39.381347435351699</v>
      </c>
      <c r="S5515" s="124">
        <f t="shared" si="86"/>
        <v>0.61092172596399419</v>
      </c>
    </row>
    <row r="5516" spans="8:19" x14ac:dyDescent="0.3">
      <c r="H5516" s="44">
        <v>5509</v>
      </c>
      <c r="I5516" s="56">
        <f>Bühler!I5542</f>
        <v>0.14098193676092172</v>
      </c>
      <c r="J5516" s="59">
        <f>Bühler!J5542</f>
        <v>0.4699397892030725</v>
      </c>
      <c r="K5516" s="59">
        <f>Bühler!K5542</f>
        <v>0.70490968380460872</v>
      </c>
      <c r="L5516" s="59">
        <f>Bühler!L5542</f>
        <v>11.487524910561415</v>
      </c>
      <c r="M5516" s="58">
        <f>Bühler!M5542</f>
        <v>0</v>
      </c>
      <c r="N5516" s="56">
        <f>IF(Input!$D$19=1,J5516*Input!$C$19,0)+IF(Input!$D$20=1,K5516*Input!$C$20,0)+IF(Input!$D$21=1,L5516*Input!$C$21,0)+IF(Input!$D$22=1,M5516*Input!$C$22,0)</f>
        <v>0.14098193676092174</v>
      </c>
      <c r="O5516" s="59">
        <f>IF(Input!$D$19=2,J5516*Input!$C$19,0)+IF(Input!$D$20=2,K5516*Input!$C$20,0)+IF(Input!$D$21=2,L5516*Input!$C$21,0)+IF(Input!$D$22=2,M5516*Input!$C$22,0)</f>
        <v>0.35245484190230436</v>
      </c>
      <c r="P5516" s="59">
        <f>IF(Input!$D$19=3,J5516*Input!$C$19,0)+IF(Input!$D$20=3,K5516*Input!$C$20,0)+IF(Input!$D$21=3,L5516*Input!$C$21,0)+IF(Input!$D$22=3,M5516*Input!$C$22,0)</f>
        <v>0</v>
      </c>
      <c r="Q5516" s="75">
        <f>IF(Input!$D$19=4,J5516*Input!$C$19,0)+IF(Input!$D$20=4,K5516*Input!$C$20,0)+IF(Input!$D$21=4,L5516*Input!$C$21,0)+IF(Input!$D$22=4,M5516*Input!$C$22,0)</f>
        <v>0</v>
      </c>
      <c r="R5516" s="58">
        <v>45.048401498695291</v>
      </c>
      <c r="S5516" s="124">
        <f t="shared" si="86"/>
        <v>0.61092172596399419</v>
      </c>
    </row>
    <row r="5517" spans="8:19" x14ac:dyDescent="0.3">
      <c r="H5517" s="44">
        <v>5510</v>
      </c>
      <c r="I5517" s="56">
        <f>Bühler!I5543</f>
        <v>0.14098193676092172</v>
      </c>
      <c r="J5517" s="59">
        <f>Bühler!J5543</f>
        <v>0.4699397892030725</v>
      </c>
      <c r="K5517" s="59">
        <f>Bühler!K5543</f>
        <v>0.70490968380460872</v>
      </c>
      <c r="L5517" s="59">
        <f>Bühler!L5543</f>
        <v>11.487524910561415</v>
      </c>
      <c r="M5517" s="58">
        <f>Bühler!M5543</f>
        <v>0</v>
      </c>
      <c r="N5517" s="56">
        <f>IF(Input!$D$19=1,J5517*Input!$C$19,0)+IF(Input!$D$20=1,K5517*Input!$C$20,0)+IF(Input!$D$21=1,L5517*Input!$C$21,0)+IF(Input!$D$22=1,M5517*Input!$C$22,0)</f>
        <v>0.14098193676092174</v>
      </c>
      <c r="O5517" s="59">
        <f>IF(Input!$D$19=2,J5517*Input!$C$19,0)+IF(Input!$D$20=2,K5517*Input!$C$20,0)+IF(Input!$D$21=2,L5517*Input!$C$21,0)+IF(Input!$D$22=2,M5517*Input!$C$22,0)</f>
        <v>0.35245484190230436</v>
      </c>
      <c r="P5517" s="59">
        <f>IF(Input!$D$19=3,J5517*Input!$C$19,0)+IF(Input!$D$20=3,K5517*Input!$C$20,0)+IF(Input!$D$21=3,L5517*Input!$C$21,0)+IF(Input!$D$22=3,M5517*Input!$C$22,0)</f>
        <v>0</v>
      </c>
      <c r="Q5517" s="75">
        <f>IF(Input!$D$19=4,J5517*Input!$C$19,0)+IF(Input!$D$20=4,K5517*Input!$C$20,0)+IF(Input!$D$21=4,L5517*Input!$C$21,0)+IF(Input!$D$22=4,M5517*Input!$C$22,0)</f>
        <v>0</v>
      </c>
      <c r="R5517" s="58">
        <v>39.368077366381492</v>
      </c>
      <c r="S5517" s="124">
        <f t="shared" si="86"/>
        <v>0.61092172596399419</v>
      </c>
    </row>
    <row r="5518" spans="8:19" x14ac:dyDescent="0.3">
      <c r="H5518" s="44">
        <v>5511</v>
      </c>
      <c r="I5518" s="56">
        <f>Bühler!I5544</f>
        <v>0.14098193676092172</v>
      </c>
      <c r="J5518" s="59">
        <f>Bühler!J5544</f>
        <v>0.4699397892030725</v>
      </c>
      <c r="K5518" s="59">
        <f>Bühler!K5544</f>
        <v>0.70490968380460872</v>
      </c>
      <c r="L5518" s="59">
        <f>Bühler!L5544</f>
        <v>11.487524910561415</v>
      </c>
      <c r="M5518" s="58">
        <f>Bühler!M5544</f>
        <v>0</v>
      </c>
      <c r="N5518" s="56">
        <f>IF(Input!$D$19=1,J5518*Input!$C$19,0)+IF(Input!$D$20=1,K5518*Input!$C$20,0)+IF(Input!$D$21=1,L5518*Input!$C$21,0)+IF(Input!$D$22=1,M5518*Input!$C$22,0)</f>
        <v>0.14098193676092174</v>
      </c>
      <c r="O5518" s="59">
        <f>IF(Input!$D$19=2,J5518*Input!$C$19,0)+IF(Input!$D$20=2,K5518*Input!$C$20,0)+IF(Input!$D$21=2,L5518*Input!$C$21,0)+IF(Input!$D$22=2,M5518*Input!$C$22,0)</f>
        <v>0.35245484190230436</v>
      </c>
      <c r="P5518" s="59">
        <f>IF(Input!$D$19=3,J5518*Input!$C$19,0)+IF(Input!$D$20=3,K5518*Input!$C$20,0)+IF(Input!$D$21=3,L5518*Input!$C$21,0)+IF(Input!$D$22=3,M5518*Input!$C$22,0)</f>
        <v>0</v>
      </c>
      <c r="Q5518" s="75">
        <f>IF(Input!$D$19=4,J5518*Input!$C$19,0)+IF(Input!$D$20=4,K5518*Input!$C$20,0)+IF(Input!$D$21=4,L5518*Input!$C$21,0)+IF(Input!$D$22=4,M5518*Input!$C$22,0)</f>
        <v>0</v>
      </c>
      <c r="R5518" s="58">
        <v>39.167544376374963</v>
      </c>
      <c r="S5518" s="124">
        <f t="shared" si="86"/>
        <v>0.61092172596399419</v>
      </c>
    </row>
    <row r="5519" spans="8:19" x14ac:dyDescent="0.3">
      <c r="H5519" s="44">
        <v>5512</v>
      </c>
      <c r="I5519" s="56">
        <f>Bühler!I5545</f>
        <v>0.12746312090713469</v>
      </c>
      <c r="J5519" s="59">
        <f>Bühler!J5545</f>
        <v>0.42487706969044897</v>
      </c>
      <c r="K5519" s="59">
        <f>Bühler!K5545</f>
        <v>0.63731560453567349</v>
      </c>
      <c r="L5519" s="59">
        <f>Bühler!L5545</f>
        <v>10.385981425987032</v>
      </c>
      <c r="M5519" s="58">
        <f>Bühler!M5545</f>
        <v>0</v>
      </c>
      <c r="N5519" s="56">
        <f>IF(Input!$D$19=1,J5519*Input!$C$19,0)+IF(Input!$D$20=1,K5519*Input!$C$20,0)+IF(Input!$D$21=1,L5519*Input!$C$21,0)+IF(Input!$D$22=1,M5519*Input!$C$22,0)</f>
        <v>0.12746312090713469</v>
      </c>
      <c r="O5519" s="59">
        <f>IF(Input!$D$19=2,J5519*Input!$C$19,0)+IF(Input!$D$20=2,K5519*Input!$C$20,0)+IF(Input!$D$21=2,L5519*Input!$C$21,0)+IF(Input!$D$22=2,M5519*Input!$C$22,0)</f>
        <v>0.31865780226783674</v>
      </c>
      <c r="P5519" s="59">
        <f>IF(Input!$D$19=3,J5519*Input!$C$19,0)+IF(Input!$D$20=3,K5519*Input!$C$20,0)+IF(Input!$D$21=3,L5519*Input!$C$21,0)+IF(Input!$D$22=3,M5519*Input!$C$22,0)</f>
        <v>0</v>
      </c>
      <c r="Q5519" s="75">
        <f>IF(Input!$D$19=4,J5519*Input!$C$19,0)+IF(Input!$D$20=4,K5519*Input!$C$20,0)+IF(Input!$D$21=4,L5519*Input!$C$21,0)+IF(Input!$D$22=4,M5519*Input!$C$22,0)</f>
        <v>0</v>
      </c>
      <c r="R5519" s="58">
        <v>44.442933620130077</v>
      </c>
      <c r="S5519" s="124">
        <f t="shared" si="86"/>
        <v>0.55234019059758366</v>
      </c>
    </row>
    <row r="5520" spans="8:19" x14ac:dyDescent="0.3">
      <c r="H5520" s="44">
        <v>5513</v>
      </c>
      <c r="I5520" s="56">
        <f>Bühler!I5546</f>
        <v>0.11587556446103156</v>
      </c>
      <c r="J5520" s="59">
        <f>Bühler!J5546</f>
        <v>0.38625188153677192</v>
      </c>
      <c r="K5520" s="59">
        <f>Bühler!K5546</f>
        <v>0.57937782230515789</v>
      </c>
      <c r="L5520" s="59">
        <f>Bühler!L5546</f>
        <v>9.4418012963518478</v>
      </c>
      <c r="M5520" s="58">
        <f>Bühler!M5546</f>
        <v>0</v>
      </c>
      <c r="N5520" s="56">
        <f>IF(Input!$D$19=1,J5520*Input!$C$19,0)+IF(Input!$D$20=1,K5520*Input!$C$20,0)+IF(Input!$D$21=1,L5520*Input!$C$21,0)+IF(Input!$D$22=1,M5520*Input!$C$22,0)</f>
        <v>0.11587556446103157</v>
      </c>
      <c r="O5520" s="59">
        <f>IF(Input!$D$19=2,J5520*Input!$C$19,0)+IF(Input!$D$20=2,K5520*Input!$C$20,0)+IF(Input!$D$21=2,L5520*Input!$C$21,0)+IF(Input!$D$22=2,M5520*Input!$C$22,0)</f>
        <v>0.28968891115257894</v>
      </c>
      <c r="P5520" s="59">
        <f>IF(Input!$D$19=3,J5520*Input!$C$19,0)+IF(Input!$D$20=3,K5520*Input!$C$20,0)+IF(Input!$D$21=3,L5520*Input!$C$21,0)+IF(Input!$D$22=3,M5520*Input!$C$22,0)</f>
        <v>0</v>
      </c>
      <c r="Q5520" s="75">
        <f>IF(Input!$D$19=4,J5520*Input!$C$19,0)+IF(Input!$D$20=4,K5520*Input!$C$20,0)+IF(Input!$D$21=4,L5520*Input!$C$21,0)+IF(Input!$D$22=4,M5520*Input!$C$22,0)</f>
        <v>0</v>
      </c>
      <c r="R5520" s="58">
        <v>38.982916384962373</v>
      </c>
      <c r="S5520" s="124">
        <f t="shared" si="86"/>
        <v>0.50212744599780346</v>
      </c>
    </row>
    <row r="5521" spans="8:19" x14ac:dyDescent="0.3">
      <c r="H5521" s="44">
        <v>5514</v>
      </c>
      <c r="I5521" s="56">
        <f>Bühler!I5547</f>
        <v>0.10428800801492839</v>
      </c>
      <c r="J5521" s="59">
        <f>Bühler!J5547</f>
        <v>0.34762669338309471</v>
      </c>
      <c r="K5521" s="59">
        <f>Bühler!K5547</f>
        <v>0.52144004007464206</v>
      </c>
      <c r="L5521" s="59">
        <f>Bühler!L5547</f>
        <v>8.4976211667166641</v>
      </c>
      <c r="M5521" s="58">
        <f>Bühler!M5547</f>
        <v>0</v>
      </c>
      <c r="N5521" s="56">
        <f>IF(Input!$D$19=1,J5521*Input!$C$19,0)+IF(Input!$D$20=1,K5521*Input!$C$20,0)+IF(Input!$D$21=1,L5521*Input!$C$21,0)+IF(Input!$D$22=1,M5521*Input!$C$22,0)</f>
        <v>0.10428800801492841</v>
      </c>
      <c r="O5521" s="59">
        <f>IF(Input!$D$19=2,J5521*Input!$C$19,0)+IF(Input!$D$20=2,K5521*Input!$C$20,0)+IF(Input!$D$21=2,L5521*Input!$C$21,0)+IF(Input!$D$22=2,M5521*Input!$C$22,0)</f>
        <v>0.26072002003732103</v>
      </c>
      <c r="P5521" s="59">
        <f>IF(Input!$D$19=3,J5521*Input!$C$19,0)+IF(Input!$D$20=3,K5521*Input!$C$20,0)+IF(Input!$D$21=3,L5521*Input!$C$21,0)+IF(Input!$D$22=3,M5521*Input!$C$22,0)</f>
        <v>0</v>
      </c>
      <c r="Q5521" s="75">
        <f>IF(Input!$D$19=4,J5521*Input!$C$19,0)+IF(Input!$D$20=4,K5521*Input!$C$20,0)+IF(Input!$D$21=4,L5521*Input!$C$21,0)+IF(Input!$D$22=4,M5521*Input!$C$22,0)</f>
        <v>0</v>
      </c>
      <c r="R5521" s="58">
        <v>43.963911785681084</v>
      </c>
      <c r="S5521" s="124">
        <f t="shared" si="86"/>
        <v>0.45191470139802309</v>
      </c>
    </row>
    <row r="5522" spans="8:19" x14ac:dyDescent="0.3">
      <c r="H5522" s="44">
        <v>5515</v>
      </c>
      <c r="I5522" s="56">
        <f>Bühler!I5548</f>
        <v>0.10042548919956067</v>
      </c>
      <c r="J5522" s="59">
        <f>Bühler!J5548</f>
        <v>0.33475163066520225</v>
      </c>
      <c r="K5522" s="59">
        <f>Bühler!K5548</f>
        <v>0.50212744599780346</v>
      </c>
      <c r="L5522" s="59">
        <f>Bühler!L5548</f>
        <v>8.1828944568382678</v>
      </c>
      <c r="M5522" s="58">
        <f>Bühler!M5548</f>
        <v>0</v>
      </c>
      <c r="N5522" s="56">
        <f>IF(Input!$D$19=1,J5522*Input!$C$19,0)+IF(Input!$D$20=1,K5522*Input!$C$20,0)+IF(Input!$D$21=1,L5522*Input!$C$21,0)+IF(Input!$D$22=1,M5522*Input!$C$22,0)</f>
        <v>0.10042548919956067</v>
      </c>
      <c r="O5522" s="59">
        <f>IF(Input!$D$19=2,J5522*Input!$C$19,0)+IF(Input!$D$20=2,K5522*Input!$C$20,0)+IF(Input!$D$21=2,L5522*Input!$C$21,0)+IF(Input!$D$22=2,M5522*Input!$C$22,0)</f>
        <v>0.25106372299890173</v>
      </c>
      <c r="P5522" s="59">
        <f>IF(Input!$D$19=3,J5522*Input!$C$19,0)+IF(Input!$D$20=3,K5522*Input!$C$20,0)+IF(Input!$D$21=3,L5522*Input!$C$21,0)+IF(Input!$D$22=3,M5522*Input!$C$22,0)</f>
        <v>0</v>
      </c>
      <c r="Q5522" s="75">
        <f>IF(Input!$D$19=4,J5522*Input!$C$19,0)+IF(Input!$D$20=4,K5522*Input!$C$20,0)+IF(Input!$D$21=4,L5522*Input!$C$21,0)+IF(Input!$D$22=4,M5522*Input!$C$22,0)</f>
        <v>0</v>
      </c>
      <c r="R5522" s="58">
        <v>43.772057052435009</v>
      </c>
      <c r="S5522" s="124">
        <f t="shared" si="86"/>
        <v>0.43517711986476293</v>
      </c>
    </row>
    <row r="5523" spans="8:19" x14ac:dyDescent="0.3">
      <c r="H5523" s="44">
        <v>5516</v>
      </c>
      <c r="I5523" s="56">
        <f>Bühler!I5549</f>
        <v>8.1112895122722073E-2</v>
      </c>
      <c r="J5523" s="59">
        <f>Bühler!J5549</f>
        <v>0.27037631707574028</v>
      </c>
      <c r="K5523" s="59">
        <f>Bühler!K5549</f>
        <v>0.40556447561361042</v>
      </c>
      <c r="L5523" s="59">
        <f>Bühler!L5549</f>
        <v>6.6092609074462931</v>
      </c>
      <c r="M5523" s="58">
        <f>Bühler!M5549</f>
        <v>0</v>
      </c>
      <c r="N5523" s="56">
        <f>IF(Input!$D$19=1,J5523*Input!$C$19,0)+IF(Input!$D$20=1,K5523*Input!$C$20,0)+IF(Input!$D$21=1,L5523*Input!$C$21,0)+IF(Input!$D$22=1,M5523*Input!$C$22,0)</f>
        <v>8.1112895122722087E-2</v>
      </c>
      <c r="O5523" s="59">
        <f>IF(Input!$D$19=2,J5523*Input!$C$19,0)+IF(Input!$D$20=2,K5523*Input!$C$20,0)+IF(Input!$D$21=2,L5523*Input!$C$21,0)+IF(Input!$D$22=2,M5523*Input!$C$22,0)</f>
        <v>0.20278223780680521</v>
      </c>
      <c r="P5523" s="59">
        <f>IF(Input!$D$19=3,J5523*Input!$C$19,0)+IF(Input!$D$20=3,K5523*Input!$C$20,0)+IF(Input!$D$21=3,L5523*Input!$C$21,0)+IF(Input!$D$22=3,M5523*Input!$C$22,0)</f>
        <v>0</v>
      </c>
      <c r="Q5523" s="75">
        <f>IF(Input!$D$19=4,J5523*Input!$C$19,0)+IF(Input!$D$20=4,K5523*Input!$C$20,0)+IF(Input!$D$21=4,L5523*Input!$C$21,0)+IF(Input!$D$22=4,M5523*Input!$C$22,0)</f>
        <v>0</v>
      </c>
      <c r="R5523" s="58">
        <v>38.812134714240187</v>
      </c>
      <c r="S5523" s="124">
        <f t="shared" si="86"/>
        <v>0.35148921219846235</v>
      </c>
    </row>
    <row r="5524" spans="8:19" x14ac:dyDescent="0.3">
      <c r="H5524" s="44">
        <v>5517</v>
      </c>
      <c r="I5524" s="56">
        <f>Bühler!I5550</f>
        <v>5.9869041638199623E-2</v>
      </c>
      <c r="J5524" s="59">
        <f>Bühler!J5550</f>
        <v>0.19956347212733211</v>
      </c>
      <c r="K5524" s="59">
        <f>Bühler!K5550</f>
        <v>0.29934520819099814</v>
      </c>
      <c r="L5524" s="59">
        <f>Bühler!L5550</f>
        <v>4.8782640031151212</v>
      </c>
      <c r="M5524" s="58">
        <f>Bühler!M5550</f>
        <v>0</v>
      </c>
      <c r="N5524" s="56">
        <f>IF(Input!$D$19=1,J5524*Input!$C$19,0)+IF(Input!$D$20=1,K5524*Input!$C$20,0)+IF(Input!$D$21=1,L5524*Input!$C$21,0)+IF(Input!$D$22=1,M5524*Input!$C$22,0)</f>
        <v>5.986904163819963E-2</v>
      </c>
      <c r="O5524" s="59">
        <f>IF(Input!$D$19=2,J5524*Input!$C$19,0)+IF(Input!$D$20=2,K5524*Input!$C$20,0)+IF(Input!$D$21=2,L5524*Input!$C$21,0)+IF(Input!$D$22=2,M5524*Input!$C$22,0)</f>
        <v>0.14967260409549907</v>
      </c>
      <c r="P5524" s="59">
        <f>IF(Input!$D$19=3,J5524*Input!$C$19,0)+IF(Input!$D$20=3,K5524*Input!$C$20,0)+IF(Input!$D$21=3,L5524*Input!$C$21,0)+IF(Input!$D$22=3,M5524*Input!$C$22,0)</f>
        <v>0</v>
      </c>
      <c r="Q5524" s="75">
        <f>IF(Input!$D$19=4,J5524*Input!$C$19,0)+IF(Input!$D$20=4,K5524*Input!$C$20,0)+IF(Input!$D$21=4,L5524*Input!$C$21,0)+IF(Input!$D$22=4,M5524*Input!$C$22,0)</f>
        <v>0</v>
      </c>
      <c r="R5524" s="58">
        <v>39.219746172395439</v>
      </c>
      <c r="S5524" s="124">
        <f t="shared" si="86"/>
        <v>0.25943251376553172</v>
      </c>
    </row>
    <row r="5525" spans="8:19" x14ac:dyDescent="0.3">
      <c r="H5525" s="44">
        <v>5518</v>
      </c>
      <c r="I5525" s="56">
        <f>Bühler!I5551</f>
        <v>5.9869041638199623E-2</v>
      </c>
      <c r="J5525" s="59">
        <f>Bühler!J5551</f>
        <v>0.19956347212733211</v>
      </c>
      <c r="K5525" s="59">
        <f>Bühler!K5551</f>
        <v>0.29934520819099814</v>
      </c>
      <c r="L5525" s="59">
        <f>Bühler!L5551</f>
        <v>4.8782640031151212</v>
      </c>
      <c r="M5525" s="58">
        <f>Bühler!M5551</f>
        <v>0</v>
      </c>
      <c r="N5525" s="56">
        <f>IF(Input!$D$19=1,J5525*Input!$C$19,0)+IF(Input!$D$20=1,K5525*Input!$C$20,0)+IF(Input!$D$21=1,L5525*Input!$C$21,0)+IF(Input!$D$22=1,M5525*Input!$C$22,0)</f>
        <v>5.986904163819963E-2</v>
      </c>
      <c r="O5525" s="59">
        <f>IF(Input!$D$19=2,J5525*Input!$C$19,0)+IF(Input!$D$20=2,K5525*Input!$C$20,0)+IF(Input!$D$21=2,L5525*Input!$C$21,0)+IF(Input!$D$22=2,M5525*Input!$C$22,0)</f>
        <v>0.14967260409549907</v>
      </c>
      <c r="P5525" s="59">
        <f>IF(Input!$D$19=3,J5525*Input!$C$19,0)+IF(Input!$D$20=3,K5525*Input!$C$20,0)+IF(Input!$D$21=3,L5525*Input!$C$21,0)+IF(Input!$D$22=3,M5525*Input!$C$22,0)</f>
        <v>0</v>
      </c>
      <c r="Q5525" s="75">
        <f>IF(Input!$D$19=4,J5525*Input!$C$19,0)+IF(Input!$D$20=4,K5525*Input!$C$20,0)+IF(Input!$D$21=4,L5525*Input!$C$21,0)+IF(Input!$D$22=4,M5525*Input!$C$22,0)</f>
        <v>0</v>
      </c>
      <c r="R5525" s="58">
        <v>43.598257297652246</v>
      </c>
      <c r="S5525" s="124">
        <f t="shared" si="86"/>
        <v>0.25943251376553172</v>
      </c>
    </row>
    <row r="5526" spans="8:19" x14ac:dyDescent="0.3">
      <c r="H5526" s="44">
        <v>5519</v>
      </c>
      <c r="I5526" s="56">
        <f>Bühler!I5552</f>
        <v>5.9869041638199623E-2</v>
      </c>
      <c r="J5526" s="59">
        <f>Bühler!J5552</f>
        <v>0.19956347212733211</v>
      </c>
      <c r="K5526" s="59">
        <f>Bühler!K5552</f>
        <v>0.29934520819099814</v>
      </c>
      <c r="L5526" s="59">
        <f>Bühler!L5552</f>
        <v>4.8782640031151212</v>
      </c>
      <c r="M5526" s="58">
        <f>Bühler!M5552</f>
        <v>0</v>
      </c>
      <c r="N5526" s="56">
        <f>IF(Input!$D$19=1,J5526*Input!$C$19,0)+IF(Input!$D$20=1,K5526*Input!$C$20,0)+IF(Input!$D$21=1,L5526*Input!$C$21,0)+IF(Input!$D$22=1,M5526*Input!$C$22,0)</f>
        <v>5.986904163819963E-2</v>
      </c>
      <c r="O5526" s="59">
        <f>IF(Input!$D$19=2,J5526*Input!$C$19,0)+IF(Input!$D$20=2,K5526*Input!$C$20,0)+IF(Input!$D$21=2,L5526*Input!$C$21,0)+IF(Input!$D$22=2,M5526*Input!$C$22,0)</f>
        <v>0.14967260409549907</v>
      </c>
      <c r="P5526" s="59">
        <f>IF(Input!$D$19=3,J5526*Input!$C$19,0)+IF(Input!$D$20=3,K5526*Input!$C$20,0)+IF(Input!$D$21=3,L5526*Input!$C$21,0)+IF(Input!$D$22=3,M5526*Input!$C$22,0)</f>
        <v>0</v>
      </c>
      <c r="Q5526" s="75">
        <f>IF(Input!$D$19=4,J5526*Input!$C$19,0)+IF(Input!$D$20=4,K5526*Input!$C$20,0)+IF(Input!$D$21=4,L5526*Input!$C$21,0)+IF(Input!$D$22=4,M5526*Input!$C$22,0)</f>
        <v>0</v>
      </c>
      <c r="R5526" s="58">
        <v>39.165560054164828</v>
      </c>
      <c r="S5526" s="124">
        <f t="shared" si="86"/>
        <v>0.25943251376553172</v>
      </c>
    </row>
    <row r="5527" spans="8:19" x14ac:dyDescent="0.3">
      <c r="H5527" s="44">
        <v>5520</v>
      </c>
      <c r="I5527" s="56">
        <f>Bühler!I5553</f>
        <v>5.9869041638199623E-2</v>
      </c>
      <c r="J5527" s="59">
        <f>Bühler!J5553</f>
        <v>0.19956347212733211</v>
      </c>
      <c r="K5527" s="59">
        <f>Bühler!K5553</f>
        <v>0.29934520819099814</v>
      </c>
      <c r="L5527" s="59">
        <f>Bühler!L5553</f>
        <v>4.8782640031151212</v>
      </c>
      <c r="M5527" s="58">
        <f>Bühler!M5553</f>
        <v>0</v>
      </c>
      <c r="N5527" s="56">
        <f>IF(Input!$D$19=1,J5527*Input!$C$19,0)+IF(Input!$D$20=1,K5527*Input!$C$20,0)+IF(Input!$D$21=1,L5527*Input!$C$21,0)+IF(Input!$D$22=1,M5527*Input!$C$22,0)</f>
        <v>5.986904163819963E-2</v>
      </c>
      <c r="O5527" s="59">
        <f>IF(Input!$D$19=2,J5527*Input!$C$19,0)+IF(Input!$D$20=2,K5527*Input!$C$20,0)+IF(Input!$D$21=2,L5527*Input!$C$21,0)+IF(Input!$D$22=2,M5527*Input!$C$22,0)</f>
        <v>0.14967260409549907</v>
      </c>
      <c r="P5527" s="59">
        <f>IF(Input!$D$19=3,J5527*Input!$C$19,0)+IF(Input!$D$20=3,K5527*Input!$C$20,0)+IF(Input!$D$21=3,L5527*Input!$C$21,0)+IF(Input!$D$22=3,M5527*Input!$C$22,0)</f>
        <v>0</v>
      </c>
      <c r="Q5527" s="75">
        <f>IF(Input!$D$19=4,J5527*Input!$C$19,0)+IF(Input!$D$20=4,K5527*Input!$C$20,0)+IF(Input!$D$21=4,L5527*Input!$C$21,0)+IF(Input!$D$22=4,M5527*Input!$C$22,0)</f>
        <v>0</v>
      </c>
      <c r="R5527" s="58">
        <v>43.385830593745723</v>
      </c>
      <c r="S5527" s="124">
        <f t="shared" si="86"/>
        <v>0.25943251376553172</v>
      </c>
    </row>
    <row r="5528" spans="8:19" x14ac:dyDescent="0.3">
      <c r="H5528" s="44">
        <v>5521</v>
      </c>
      <c r="I5528" s="56">
        <f>Bühler!I5554</f>
        <v>6.7401662090768283E-2</v>
      </c>
      <c r="J5528" s="59">
        <f>Bühler!J5554</f>
        <v>0.22467220696922763</v>
      </c>
      <c r="K5528" s="59">
        <f>Bühler!K5554</f>
        <v>0.33700831045384144</v>
      </c>
      <c r="L5528" s="59">
        <f>Bühler!L5554</f>
        <v>5.5058475845696337</v>
      </c>
      <c r="M5528" s="58">
        <f>Bühler!M5554</f>
        <v>0</v>
      </c>
      <c r="N5528" s="56">
        <f>IF(Input!$D$19=1,J5528*Input!$C$19,0)+IF(Input!$D$20=1,K5528*Input!$C$20,0)+IF(Input!$D$21=1,L5528*Input!$C$21,0)+IF(Input!$D$22=1,M5528*Input!$C$22,0)</f>
        <v>6.7401662090768283E-2</v>
      </c>
      <c r="O5528" s="59">
        <f>IF(Input!$D$19=2,J5528*Input!$C$19,0)+IF(Input!$D$20=2,K5528*Input!$C$20,0)+IF(Input!$D$21=2,L5528*Input!$C$21,0)+IF(Input!$D$22=2,M5528*Input!$C$22,0)</f>
        <v>0.16850415522692072</v>
      </c>
      <c r="P5528" s="59">
        <f>IF(Input!$D$19=3,J5528*Input!$C$19,0)+IF(Input!$D$20=3,K5528*Input!$C$20,0)+IF(Input!$D$21=3,L5528*Input!$C$21,0)+IF(Input!$D$22=3,M5528*Input!$C$22,0)</f>
        <v>0</v>
      </c>
      <c r="Q5528" s="75">
        <f>IF(Input!$D$19=4,J5528*Input!$C$19,0)+IF(Input!$D$20=4,K5528*Input!$C$20,0)+IF(Input!$D$21=4,L5528*Input!$C$21,0)+IF(Input!$D$22=4,M5528*Input!$C$22,0)</f>
        <v>0</v>
      </c>
      <c r="R5528" s="58">
        <v>45.264400492537341</v>
      </c>
      <c r="S5528" s="124">
        <f t="shared" si="86"/>
        <v>0.29207386905999588</v>
      </c>
    </row>
    <row r="5529" spans="8:19" x14ac:dyDescent="0.3">
      <c r="H5529" s="44">
        <v>5522</v>
      </c>
      <c r="I5529" s="56">
        <f>Bühler!I5555</f>
        <v>7.8272897911859929E-2</v>
      </c>
      <c r="J5529" s="59">
        <f>Bühler!J5555</f>
        <v>0.26090965970619978</v>
      </c>
      <c r="K5529" s="59">
        <f>Bühler!K5555</f>
        <v>0.3913644895592997</v>
      </c>
      <c r="L5529" s="59">
        <f>Bühler!L5555</f>
        <v>6.3938875175647363</v>
      </c>
      <c r="M5529" s="58">
        <f>Bühler!M5555</f>
        <v>0</v>
      </c>
      <c r="N5529" s="56">
        <f>IF(Input!$D$19=1,J5529*Input!$C$19,0)+IF(Input!$D$20=1,K5529*Input!$C$20,0)+IF(Input!$D$21=1,L5529*Input!$C$21,0)+IF(Input!$D$22=1,M5529*Input!$C$22,0)</f>
        <v>7.8272897911859929E-2</v>
      </c>
      <c r="O5529" s="59">
        <f>IF(Input!$D$19=2,J5529*Input!$C$19,0)+IF(Input!$D$20=2,K5529*Input!$C$20,0)+IF(Input!$D$21=2,L5529*Input!$C$21,0)+IF(Input!$D$22=2,M5529*Input!$C$22,0)</f>
        <v>0.19568224477964985</v>
      </c>
      <c r="P5529" s="59">
        <f>IF(Input!$D$19=3,J5529*Input!$C$19,0)+IF(Input!$D$20=3,K5529*Input!$C$20,0)+IF(Input!$D$21=3,L5529*Input!$C$21,0)+IF(Input!$D$22=3,M5529*Input!$C$22,0)</f>
        <v>0</v>
      </c>
      <c r="Q5529" s="75">
        <f>IF(Input!$D$19=4,J5529*Input!$C$19,0)+IF(Input!$D$20=4,K5529*Input!$C$20,0)+IF(Input!$D$21=4,L5529*Input!$C$21,0)+IF(Input!$D$22=4,M5529*Input!$C$22,0)</f>
        <v>0</v>
      </c>
      <c r="R5529" s="58">
        <v>44.409148617259198</v>
      </c>
      <c r="S5529" s="124">
        <f t="shared" si="86"/>
        <v>0.33918255761805971</v>
      </c>
    </row>
    <row r="5530" spans="8:19" x14ac:dyDescent="0.3">
      <c r="H5530" s="44">
        <v>5523</v>
      </c>
      <c r="I5530" s="56">
        <f>Bühler!I5556</f>
        <v>7.8272897911859929E-2</v>
      </c>
      <c r="J5530" s="59">
        <f>Bühler!J5556</f>
        <v>0.26090965970619978</v>
      </c>
      <c r="K5530" s="59">
        <f>Bühler!K5556</f>
        <v>0.3913644895592997</v>
      </c>
      <c r="L5530" s="59">
        <f>Bühler!L5556</f>
        <v>6.3938875175647363</v>
      </c>
      <c r="M5530" s="58">
        <f>Bühler!M5556</f>
        <v>0</v>
      </c>
      <c r="N5530" s="56">
        <f>IF(Input!$D$19=1,J5530*Input!$C$19,0)+IF(Input!$D$20=1,K5530*Input!$C$20,0)+IF(Input!$D$21=1,L5530*Input!$C$21,0)+IF(Input!$D$22=1,M5530*Input!$C$22,0)</f>
        <v>7.8272897911859929E-2</v>
      </c>
      <c r="O5530" s="59">
        <f>IF(Input!$D$19=2,J5530*Input!$C$19,0)+IF(Input!$D$20=2,K5530*Input!$C$20,0)+IF(Input!$D$21=2,L5530*Input!$C$21,0)+IF(Input!$D$22=2,M5530*Input!$C$22,0)</f>
        <v>0.19568224477964985</v>
      </c>
      <c r="P5530" s="59">
        <f>IF(Input!$D$19=3,J5530*Input!$C$19,0)+IF(Input!$D$20=3,K5530*Input!$C$20,0)+IF(Input!$D$21=3,L5530*Input!$C$21,0)+IF(Input!$D$22=3,M5530*Input!$C$22,0)</f>
        <v>0</v>
      </c>
      <c r="Q5530" s="75">
        <f>IF(Input!$D$19=4,J5530*Input!$C$19,0)+IF(Input!$D$20=4,K5530*Input!$C$20,0)+IF(Input!$D$21=4,L5530*Input!$C$21,0)+IF(Input!$D$22=4,M5530*Input!$C$22,0)</f>
        <v>0</v>
      </c>
      <c r="R5530" s="58">
        <v>43.669467554943225</v>
      </c>
      <c r="S5530" s="124">
        <f t="shared" si="86"/>
        <v>0.33918255761805971</v>
      </c>
    </row>
    <row r="5531" spans="8:19" x14ac:dyDescent="0.3">
      <c r="H5531" s="44">
        <v>5524</v>
      </c>
      <c r="I5531" s="56">
        <f>Bühler!I5557</f>
        <v>7.8272897911859929E-2</v>
      </c>
      <c r="J5531" s="59">
        <f>Bühler!J5557</f>
        <v>0.26090965970619978</v>
      </c>
      <c r="K5531" s="59">
        <f>Bühler!K5557</f>
        <v>0.3913644895592997</v>
      </c>
      <c r="L5531" s="59">
        <f>Bühler!L5557</f>
        <v>6.3938875175647363</v>
      </c>
      <c r="M5531" s="58">
        <f>Bühler!M5557</f>
        <v>0</v>
      </c>
      <c r="N5531" s="56">
        <f>IF(Input!$D$19=1,J5531*Input!$C$19,0)+IF(Input!$D$20=1,K5531*Input!$C$20,0)+IF(Input!$D$21=1,L5531*Input!$C$21,0)+IF(Input!$D$22=1,M5531*Input!$C$22,0)</f>
        <v>7.8272897911859929E-2</v>
      </c>
      <c r="O5531" s="59">
        <f>IF(Input!$D$19=2,J5531*Input!$C$19,0)+IF(Input!$D$20=2,K5531*Input!$C$20,0)+IF(Input!$D$21=2,L5531*Input!$C$21,0)+IF(Input!$D$22=2,M5531*Input!$C$22,0)</f>
        <v>0.19568224477964985</v>
      </c>
      <c r="P5531" s="59">
        <f>IF(Input!$D$19=3,J5531*Input!$C$19,0)+IF(Input!$D$20=3,K5531*Input!$C$20,0)+IF(Input!$D$21=3,L5531*Input!$C$21,0)+IF(Input!$D$22=3,M5531*Input!$C$22,0)</f>
        <v>0</v>
      </c>
      <c r="Q5531" s="75">
        <f>IF(Input!$D$19=4,J5531*Input!$C$19,0)+IF(Input!$D$20=4,K5531*Input!$C$20,0)+IF(Input!$D$21=4,L5531*Input!$C$21,0)+IF(Input!$D$22=4,M5531*Input!$C$22,0)</f>
        <v>0</v>
      </c>
      <c r="R5531" s="58">
        <v>43.235429345886182</v>
      </c>
      <c r="S5531" s="124">
        <f t="shared" si="86"/>
        <v>0.33918255761805971</v>
      </c>
    </row>
    <row r="5532" spans="8:19" x14ac:dyDescent="0.3">
      <c r="H5532" s="44">
        <v>5525</v>
      </c>
      <c r="I5532" s="56">
        <f>Bühler!I5558</f>
        <v>7.8272897911859929E-2</v>
      </c>
      <c r="J5532" s="59">
        <f>Bühler!J5558</f>
        <v>0.26090965970619978</v>
      </c>
      <c r="K5532" s="59">
        <f>Bühler!K5558</f>
        <v>0.3913644895592997</v>
      </c>
      <c r="L5532" s="59">
        <f>Bühler!L5558</f>
        <v>6.3938875175647363</v>
      </c>
      <c r="M5532" s="58">
        <f>Bühler!M5558</f>
        <v>0</v>
      </c>
      <c r="N5532" s="56">
        <f>IF(Input!$D$19=1,J5532*Input!$C$19,0)+IF(Input!$D$20=1,K5532*Input!$C$20,0)+IF(Input!$D$21=1,L5532*Input!$C$21,0)+IF(Input!$D$22=1,M5532*Input!$C$22,0)</f>
        <v>7.8272897911859929E-2</v>
      </c>
      <c r="O5532" s="59">
        <f>IF(Input!$D$19=2,J5532*Input!$C$19,0)+IF(Input!$D$20=2,K5532*Input!$C$20,0)+IF(Input!$D$21=2,L5532*Input!$C$21,0)+IF(Input!$D$22=2,M5532*Input!$C$22,0)</f>
        <v>0.19568224477964985</v>
      </c>
      <c r="P5532" s="59">
        <f>IF(Input!$D$19=3,J5532*Input!$C$19,0)+IF(Input!$D$20=3,K5532*Input!$C$20,0)+IF(Input!$D$21=3,L5532*Input!$C$21,0)+IF(Input!$D$22=3,M5532*Input!$C$22,0)</f>
        <v>0</v>
      </c>
      <c r="Q5532" s="75">
        <f>IF(Input!$D$19=4,J5532*Input!$C$19,0)+IF(Input!$D$20=4,K5532*Input!$C$20,0)+IF(Input!$D$21=4,L5532*Input!$C$21,0)+IF(Input!$D$22=4,M5532*Input!$C$22,0)</f>
        <v>0</v>
      </c>
      <c r="R5532" s="58">
        <v>42.376555577520698</v>
      </c>
      <c r="S5532" s="124">
        <f t="shared" si="86"/>
        <v>0.33918255761805971</v>
      </c>
    </row>
    <row r="5533" spans="8:19" x14ac:dyDescent="0.3">
      <c r="H5533" s="44">
        <v>5526</v>
      </c>
      <c r="I5533" s="56">
        <f>Bühler!I5559</f>
        <v>9.7841122389824925E-2</v>
      </c>
      <c r="J5533" s="59">
        <f>Bühler!J5559</f>
        <v>0.32613707463274977</v>
      </c>
      <c r="K5533" s="59">
        <f>Bühler!K5559</f>
        <v>0.48920561194912465</v>
      </c>
      <c r="L5533" s="59">
        <f>Bühler!L5559</f>
        <v>7.9923593969559192</v>
      </c>
      <c r="M5533" s="58">
        <f>Bühler!M5559</f>
        <v>0</v>
      </c>
      <c r="N5533" s="56">
        <f>IF(Input!$D$19=1,J5533*Input!$C$19,0)+IF(Input!$D$20=1,K5533*Input!$C$20,0)+IF(Input!$D$21=1,L5533*Input!$C$21,0)+IF(Input!$D$22=1,M5533*Input!$C$22,0)</f>
        <v>9.7841122389824925E-2</v>
      </c>
      <c r="O5533" s="59">
        <f>IF(Input!$D$19=2,J5533*Input!$C$19,0)+IF(Input!$D$20=2,K5533*Input!$C$20,0)+IF(Input!$D$21=2,L5533*Input!$C$21,0)+IF(Input!$D$22=2,M5533*Input!$C$22,0)</f>
        <v>0.24460280597456233</v>
      </c>
      <c r="P5533" s="59">
        <f>IF(Input!$D$19=3,J5533*Input!$C$19,0)+IF(Input!$D$20=3,K5533*Input!$C$20,0)+IF(Input!$D$21=3,L5533*Input!$C$21,0)+IF(Input!$D$22=3,M5533*Input!$C$22,0)</f>
        <v>0</v>
      </c>
      <c r="Q5533" s="75">
        <f>IF(Input!$D$19=4,J5533*Input!$C$19,0)+IF(Input!$D$20=4,K5533*Input!$C$20,0)+IF(Input!$D$21=4,L5533*Input!$C$21,0)+IF(Input!$D$22=4,M5533*Input!$C$22,0)</f>
        <v>0</v>
      </c>
      <c r="R5533" s="58">
        <v>41.618479885582808</v>
      </c>
      <c r="S5533" s="124">
        <f t="shared" si="86"/>
        <v>0.42397819702257467</v>
      </c>
    </row>
    <row r="5534" spans="8:19" x14ac:dyDescent="0.3">
      <c r="H5534" s="44">
        <v>5527</v>
      </c>
      <c r="I5534" s="56">
        <f>Bühler!I5560</f>
        <v>0.11523509970357157</v>
      </c>
      <c r="J5534" s="59">
        <f>Bühler!J5560</f>
        <v>0.38411699901190527</v>
      </c>
      <c r="K5534" s="59">
        <f>Bühler!K5560</f>
        <v>0.57617549851785799</v>
      </c>
      <c r="L5534" s="59">
        <f>Bühler!L5560</f>
        <v>9.4132232897480854</v>
      </c>
      <c r="M5534" s="58">
        <f>Bühler!M5560</f>
        <v>0</v>
      </c>
      <c r="N5534" s="56">
        <f>IF(Input!$D$19=1,J5534*Input!$C$19,0)+IF(Input!$D$20=1,K5534*Input!$C$20,0)+IF(Input!$D$21=1,L5534*Input!$C$21,0)+IF(Input!$D$22=1,M5534*Input!$C$22,0)</f>
        <v>0.11523509970357157</v>
      </c>
      <c r="O5534" s="59">
        <f>IF(Input!$D$19=2,J5534*Input!$C$19,0)+IF(Input!$D$20=2,K5534*Input!$C$20,0)+IF(Input!$D$21=2,L5534*Input!$C$21,0)+IF(Input!$D$22=2,M5534*Input!$C$22,0)</f>
        <v>0.28808774925892899</v>
      </c>
      <c r="P5534" s="59">
        <f>IF(Input!$D$19=3,J5534*Input!$C$19,0)+IF(Input!$D$20=3,K5534*Input!$C$20,0)+IF(Input!$D$21=3,L5534*Input!$C$21,0)+IF(Input!$D$22=3,M5534*Input!$C$22,0)</f>
        <v>0</v>
      </c>
      <c r="Q5534" s="75">
        <f>IF(Input!$D$19=4,J5534*Input!$C$19,0)+IF(Input!$D$20=4,K5534*Input!$C$20,0)+IF(Input!$D$21=4,L5534*Input!$C$21,0)+IF(Input!$D$22=4,M5534*Input!$C$22,0)</f>
        <v>0</v>
      </c>
      <c r="R5534" s="58">
        <v>41.480922657004349</v>
      </c>
      <c r="S5534" s="124">
        <f t="shared" si="86"/>
        <v>0.49935209871547681</v>
      </c>
    </row>
    <row r="5535" spans="8:19" x14ac:dyDescent="0.3">
      <c r="H5535" s="44">
        <v>5528</v>
      </c>
      <c r="I5535" s="56">
        <f>Bühler!I5561</f>
        <v>0.13697757134575489</v>
      </c>
      <c r="J5535" s="59">
        <f>Bühler!J5561</f>
        <v>0.45659190448584969</v>
      </c>
      <c r="K5535" s="59">
        <f>Bühler!K5561</f>
        <v>0.68488785672877461</v>
      </c>
      <c r="L5535" s="59">
        <f>Bühler!L5561</f>
        <v>11.189303155738289</v>
      </c>
      <c r="M5535" s="58">
        <f>Bühler!M5561</f>
        <v>0</v>
      </c>
      <c r="N5535" s="56">
        <f>IF(Input!$D$19=1,J5535*Input!$C$19,0)+IF(Input!$D$20=1,K5535*Input!$C$20,0)+IF(Input!$D$21=1,L5535*Input!$C$21,0)+IF(Input!$D$22=1,M5535*Input!$C$22,0)</f>
        <v>0.13697757134575489</v>
      </c>
      <c r="O5535" s="59">
        <f>IF(Input!$D$19=2,J5535*Input!$C$19,0)+IF(Input!$D$20=2,K5535*Input!$C$20,0)+IF(Input!$D$21=2,L5535*Input!$C$21,0)+IF(Input!$D$22=2,M5535*Input!$C$22,0)</f>
        <v>0.34244392836438731</v>
      </c>
      <c r="P5535" s="59">
        <f>IF(Input!$D$19=3,J5535*Input!$C$19,0)+IF(Input!$D$20=3,K5535*Input!$C$20,0)+IF(Input!$D$21=3,L5535*Input!$C$21,0)+IF(Input!$D$22=3,M5535*Input!$C$22,0)</f>
        <v>0</v>
      </c>
      <c r="Q5535" s="75">
        <f>IF(Input!$D$19=4,J5535*Input!$C$19,0)+IF(Input!$D$20=4,K5535*Input!$C$20,0)+IF(Input!$D$21=4,L5535*Input!$C$21,0)+IF(Input!$D$22=4,M5535*Input!$C$22,0)</f>
        <v>0</v>
      </c>
      <c r="R5535" s="58">
        <v>41.28751708484522</v>
      </c>
      <c r="S5535" s="124">
        <f t="shared" si="86"/>
        <v>0.59356947583160458</v>
      </c>
    </row>
    <row r="5536" spans="8:19" x14ac:dyDescent="0.3">
      <c r="H5536" s="44">
        <v>5529</v>
      </c>
      <c r="I5536" s="56">
        <f>Bühler!I5562</f>
        <v>0.13697757134575489</v>
      </c>
      <c r="J5536" s="59">
        <f>Bühler!J5562</f>
        <v>0.45659190448584969</v>
      </c>
      <c r="K5536" s="59">
        <f>Bühler!K5562</f>
        <v>0.68488785672877461</v>
      </c>
      <c r="L5536" s="59">
        <f>Bühler!L5562</f>
        <v>11.189303155738289</v>
      </c>
      <c r="M5536" s="58">
        <f>Bühler!M5562</f>
        <v>0</v>
      </c>
      <c r="N5536" s="56">
        <f>IF(Input!$D$19=1,J5536*Input!$C$19,0)+IF(Input!$D$20=1,K5536*Input!$C$20,0)+IF(Input!$D$21=1,L5536*Input!$C$21,0)+IF(Input!$D$22=1,M5536*Input!$C$22,0)</f>
        <v>0.13697757134575489</v>
      </c>
      <c r="O5536" s="59">
        <f>IF(Input!$D$19=2,J5536*Input!$C$19,0)+IF(Input!$D$20=2,K5536*Input!$C$20,0)+IF(Input!$D$21=2,L5536*Input!$C$21,0)+IF(Input!$D$22=2,M5536*Input!$C$22,0)</f>
        <v>0.34244392836438731</v>
      </c>
      <c r="P5536" s="59">
        <f>IF(Input!$D$19=3,J5536*Input!$C$19,0)+IF(Input!$D$20=3,K5536*Input!$C$20,0)+IF(Input!$D$21=3,L5536*Input!$C$21,0)+IF(Input!$D$22=3,M5536*Input!$C$22,0)</f>
        <v>0</v>
      </c>
      <c r="Q5536" s="75">
        <f>IF(Input!$D$19=4,J5536*Input!$C$19,0)+IF(Input!$D$20=4,K5536*Input!$C$20,0)+IF(Input!$D$21=4,L5536*Input!$C$21,0)+IF(Input!$D$22=4,M5536*Input!$C$22,0)</f>
        <v>0</v>
      </c>
      <c r="R5536" s="58">
        <v>41.037578021893353</v>
      </c>
      <c r="S5536" s="124">
        <f t="shared" si="86"/>
        <v>0.59356947583160458</v>
      </c>
    </row>
    <row r="5537" spans="8:19" x14ac:dyDescent="0.3">
      <c r="H5537" s="44">
        <v>5530</v>
      </c>
      <c r="I5537" s="56">
        <f>Bühler!I5563</f>
        <v>0.13697757134575489</v>
      </c>
      <c r="J5537" s="59">
        <f>Bühler!J5563</f>
        <v>0.45659190448584969</v>
      </c>
      <c r="K5537" s="59">
        <f>Bühler!K5563</f>
        <v>0.68488785672877461</v>
      </c>
      <c r="L5537" s="59">
        <f>Bühler!L5563</f>
        <v>11.189303155738289</v>
      </c>
      <c r="M5537" s="58">
        <f>Bühler!M5563</f>
        <v>0</v>
      </c>
      <c r="N5537" s="56">
        <f>IF(Input!$D$19=1,J5537*Input!$C$19,0)+IF(Input!$D$20=1,K5537*Input!$C$20,0)+IF(Input!$D$21=1,L5537*Input!$C$21,0)+IF(Input!$D$22=1,M5537*Input!$C$22,0)</f>
        <v>0.13697757134575489</v>
      </c>
      <c r="O5537" s="59">
        <f>IF(Input!$D$19=2,J5537*Input!$C$19,0)+IF(Input!$D$20=2,K5537*Input!$C$20,0)+IF(Input!$D$21=2,L5537*Input!$C$21,0)+IF(Input!$D$22=2,M5537*Input!$C$22,0)</f>
        <v>0.34244392836438731</v>
      </c>
      <c r="P5537" s="59">
        <f>IF(Input!$D$19=3,J5537*Input!$C$19,0)+IF(Input!$D$20=3,K5537*Input!$C$20,0)+IF(Input!$D$21=3,L5537*Input!$C$21,0)+IF(Input!$D$22=3,M5537*Input!$C$22,0)</f>
        <v>0</v>
      </c>
      <c r="Q5537" s="75">
        <f>IF(Input!$D$19=4,J5537*Input!$C$19,0)+IF(Input!$D$20=4,K5537*Input!$C$20,0)+IF(Input!$D$21=4,L5537*Input!$C$21,0)+IF(Input!$D$22=4,M5537*Input!$C$22,0)</f>
        <v>0</v>
      </c>
      <c r="R5537" s="58">
        <v>40.816588233115446</v>
      </c>
      <c r="S5537" s="124">
        <f t="shared" si="86"/>
        <v>0.59356947583160458</v>
      </c>
    </row>
    <row r="5538" spans="8:19" x14ac:dyDescent="0.3">
      <c r="H5538" s="44">
        <v>5531</v>
      </c>
      <c r="I5538" s="56">
        <f>Bühler!I5564</f>
        <v>0.13697757134575489</v>
      </c>
      <c r="J5538" s="59">
        <f>Bühler!J5564</f>
        <v>0.45659190448584969</v>
      </c>
      <c r="K5538" s="59">
        <f>Bühler!K5564</f>
        <v>0.68488785672877461</v>
      </c>
      <c r="L5538" s="59">
        <f>Bühler!L5564</f>
        <v>11.189303155738289</v>
      </c>
      <c r="M5538" s="58">
        <f>Bühler!M5564</f>
        <v>0</v>
      </c>
      <c r="N5538" s="56">
        <f>IF(Input!$D$19=1,J5538*Input!$C$19,0)+IF(Input!$D$20=1,K5538*Input!$C$20,0)+IF(Input!$D$21=1,L5538*Input!$C$21,0)+IF(Input!$D$22=1,M5538*Input!$C$22,0)</f>
        <v>0.13697757134575489</v>
      </c>
      <c r="O5538" s="59">
        <f>IF(Input!$D$19=2,J5538*Input!$C$19,0)+IF(Input!$D$20=2,K5538*Input!$C$20,0)+IF(Input!$D$21=2,L5538*Input!$C$21,0)+IF(Input!$D$22=2,M5538*Input!$C$22,0)</f>
        <v>0.34244392836438731</v>
      </c>
      <c r="P5538" s="59">
        <f>IF(Input!$D$19=3,J5538*Input!$C$19,0)+IF(Input!$D$20=3,K5538*Input!$C$20,0)+IF(Input!$D$21=3,L5538*Input!$C$21,0)+IF(Input!$D$22=3,M5538*Input!$C$22,0)</f>
        <v>0</v>
      </c>
      <c r="Q5538" s="75">
        <f>IF(Input!$D$19=4,J5538*Input!$C$19,0)+IF(Input!$D$20=4,K5538*Input!$C$20,0)+IF(Input!$D$21=4,L5538*Input!$C$21,0)+IF(Input!$D$22=4,M5538*Input!$C$22,0)</f>
        <v>0</v>
      </c>
      <c r="R5538" s="58">
        <v>41.295698192104226</v>
      </c>
      <c r="S5538" s="124">
        <f t="shared" si="86"/>
        <v>0.59356947583160458</v>
      </c>
    </row>
    <row r="5539" spans="8:19" x14ac:dyDescent="0.3">
      <c r="H5539" s="44">
        <v>5532</v>
      </c>
      <c r="I5539" s="56">
        <f>Bühler!I5565</f>
        <v>0.13697757134575489</v>
      </c>
      <c r="J5539" s="59">
        <f>Bühler!J5565</f>
        <v>0.45659190448584969</v>
      </c>
      <c r="K5539" s="59">
        <f>Bühler!K5565</f>
        <v>0.68488785672877461</v>
      </c>
      <c r="L5539" s="59">
        <f>Bühler!L5565</f>
        <v>11.189303155738289</v>
      </c>
      <c r="M5539" s="58">
        <f>Bühler!M5565</f>
        <v>0</v>
      </c>
      <c r="N5539" s="56">
        <f>IF(Input!$D$19=1,J5539*Input!$C$19,0)+IF(Input!$D$20=1,K5539*Input!$C$20,0)+IF(Input!$D$21=1,L5539*Input!$C$21,0)+IF(Input!$D$22=1,M5539*Input!$C$22,0)</f>
        <v>0.13697757134575489</v>
      </c>
      <c r="O5539" s="59">
        <f>IF(Input!$D$19=2,J5539*Input!$C$19,0)+IF(Input!$D$20=2,K5539*Input!$C$20,0)+IF(Input!$D$21=2,L5539*Input!$C$21,0)+IF(Input!$D$22=2,M5539*Input!$C$22,0)</f>
        <v>0.34244392836438731</v>
      </c>
      <c r="P5539" s="59">
        <f>IF(Input!$D$19=3,J5539*Input!$C$19,0)+IF(Input!$D$20=3,K5539*Input!$C$20,0)+IF(Input!$D$21=3,L5539*Input!$C$21,0)+IF(Input!$D$22=3,M5539*Input!$C$22,0)</f>
        <v>0</v>
      </c>
      <c r="Q5539" s="75">
        <f>IF(Input!$D$19=4,J5539*Input!$C$19,0)+IF(Input!$D$20=4,K5539*Input!$C$20,0)+IF(Input!$D$21=4,L5539*Input!$C$21,0)+IF(Input!$D$22=4,M5539*Input!$C$22,0)</f>
        <v>0</v>
      </c>
      <c r="R5539" s="58">
        <v>41.478094257436162</v>
      </c>
      <c r="S5539" s="124">
        <f t="shared" si="86"/>
        <v>0.59356947583160458</v>
      </c>
    </row>
    <row r="5540" spans="8:19" x14ac:dyDescent="0.3">
      <c r="H5540" s="44">
        <v>5533</v>
      </c>
      <c r="I5540" s="56">
        <f>Bühler!I5566</f>
        <v>0.13697757134575489</v>
      </c>
      <c r="J5540" s="59">
        <f>Bühler!J5566</f>
        <v>0.45659190448584969</v>
      </c>
      <c r="K5540" s="59">
        <f>Bühler!K5566</f>
        <v>0.68488785672877461</v>
      </c>
      <c r="L5540" s="59">
        <f>Bühler!L5566</f>
        <v>11.189303155738289</v>
      </c>
      <c r="M5540" s="58">
        <f>Bühler!M5566</f>
        <v>0</v>
      </c>
      <c r="N5540" s="56">
        <f>IF(Input!$D$19=1,J5540*Input!$C$19,0)+IF(Input!$D$20=1,K5540*Input!$C$20,0)+IF(Input!$D$21=1,L5540*Input!$C$21,0)+IF(Input!$D$22=1,M5540*Input!$C$22,0)</f>
        <v>0.13697757134575489</v>
      </c>
      <c r="O5540" s="59">
        <f>IF(Input!$D$19=2,J5540*Input!$C$19,0)+IF(Input!$D$20=2,K5540*Input!$C$20,0)+IF(Input!$D$21=2,L5540*Input!$C$21,0)+IF(Input!$D$22=2,M5540*Input!$C$22,0)</f>
        <v>0.34244392836438731</v>
      </c>
      <c r="P5540" s="59">
        <f>IF(Input!$D$19=3,J5540*Input!$C$19,0)+IF(Input!$D$20=3,K5540*Input!$C$20,0)+IF(Input!$D$21=3,L5540*Input!$C$21,0)+IF(Input!$D$22=3,M5540*Input!$C$22,0)</f>
        <v>0</v>
      </c>
      <c r="Q5540" s="75">
        <f>IF(Input!$D$19=4,J5540*Input!$C$19,0)+IF(Input!$D$20=4,K5540*Input!$C$20,0)+IF(Input!$D$21=4,L5540*Input!$C$21,0)+IF(Input!$D$22=4,M5540*Input!$C$22,0)</f>
        <v>0</v>
      </c>
      <c r="R5540" s="58">
        <v>41.237564573066486</v>
      </c>
      <c r="S5540" s="124">
        <f t="shared" si="86"/>
        <v>0.59356947583160458</v>
      </c>
    </row>
    <row r="5541" spans="8:19" x14ac:dyDescent="0.3">
      <c r="H5541" s="44">
        <v>5534</v>
      </c>
      <c r="I5541" s="56">
        <f>Bühler!I5567</f>
        <v>0.13697757134575489</v>
      </c>
      <c r="J5541" s="59">
        <f>Bühler!J5567</f>
        <v>0.45659190448584969</v>
      </c>
      <c r="K5541" s="59">
        <f>Bühler!K5567</f>
        <v>0.68488785672877461</v>
      </c>
      <c r="L5541" s="59">
        <f>Bühler!L5567</f>
        <v>11.189303155738289</v>
      </c>
      <c r="M5541" s="58">
        <f>Bühler!M5567</f>
        <v>0</v>
      </c>
      <c r="N5541" s="56">
        <f>IF(Input!$D$19=1,J5541*Input!$C$19,0)+IF(Input!$D$20=1,K5541*Input!$C$20,0)+IF(Input!$D$21=1,L5541*Input!$C$21,0)+IF(Input!$D$22=1,M5541*Input!$C$22,0)</f>
        <v>0.13697757134575489</v>
      </c>
      <c r="O5541" s="59">
        <f>IF(Input!$D$19=2,J5541*Input!$C$19,0)+IF(Input!$D$20=2,K5541*Input!$C$20,0)+IF(Input!$D$21=2,L5541*Input!$C$21,0)+IF(Input!$D$22=2,M5541*Input!$C$22,0)</f>
        <v>0.34244392836438731</v>
      </c>
      <c r="P5541" s="59">
        <f>IF(Input!$D$19=3,J5541*Input!$C$19,0)+IF(Input!$D$20=3,K5541*Input!$C$20,0)+IF(Input!$D$21=3,L5541*Input!$C$21,0)+IF(Input!$D$22=3,M5541*Input!$C$22,0)</f>
        <v>0</v>
      </c>
      <c r="Q5541" s="75">
        <f>IF(Input!$D$19=4,J5541*Input!$C$19,0)+IF(Input!$D$20=4,K5541*Input!$C$20,0)+IF(Input!$D$21=4,L5541*Input!$C$21,0)+IF(Input!$D$22=4,M5541*Input!$C$22,0)</f>
        <v>0</v>
      </c>
      <c r="R5541" s="58">
        <v>41.210642104466373</v>
      </c>
      <c r="S5541" s="124">
        <f t="shared" si="86"/>
        <v>0.59356947583160458</v>
      </c>
    </row>
    <row r="5542" spans="8:19" x14ac:dyDescent="0.3">
      <c r="H5542" s="44">
        <v>5535</v>
      </c>
      <c r="I5542" s="56">
        <f>Bühler!I5568</f>
        <v>0.13697757134575489</v>
      </c>
      <c r="J5542" s="59">
        <f>Bühler!J5568</f>
        <v>0.45659190448584969</v>
      </c>
      <c r="K5542" s="59">
        <f>Bühler!K5568</f>
        <v>0.68488785672877461</v>
      </c>
      <c r="L5542" s="59">
        <f>Bühler!L5568</f>
        <v>11.189303155738289</v>
      </c>
      <c r="M5542" s="58">
        <f>Bühler!M5568</f>
        <v>0</v>
      </c>
      <c r="N5542" s="56">
        <f>IF(Input!$D$19=1,J5542*Input!$C$19,0)+IF(Input!$D$20=1,K5542*Input!$C$20,0)+IF(Input!$D$21=1,L5542*Input!$C$21,0)+IF(Input!$D$22=1,M5542*Input!$C$22,0)</f>
        <v>0.13697757134575489</v>
      </c>
      <c r="O5542" s="59">
        <f>IF(Input!$D$19=2,J5542*Input!$C$19,0)+IF(Input!$D$20=2,K5542*Input!$C$20,0)+IF(Input!$D$21=2,L5542*Input!$C$21,0)+IF(Input!$D$22=2,M5542*Input!$C$22,0)</f>
        <v>0.34244392836438731</v>
      </c>
      <c r="P5542" s="59">
        <f>IF(Input!$D$19=3,J5542*Input!$C$19,0)+IF(Input!$D$20=3,K5542*Input!$C$20,0)+IF(Input!$D$21=3,L5542*Input!$C$21,0)+IF(Input!$D$22=3,M5542*Input!$C$22,0)</f>
        <v>0</v>
      </c>
      <c r="Q5542" s="75">
        <f>IF(Input!$D$19=4,J5542*Input!$C$19,0)+IF(Input!$D$20=4,K5542*Input!$C$20,0)+IF(Input!$D$21=4,L5542*Input!$C$21,0)+IF(Input!$D$22=4,M5542*Input!$C$22,0)</f>
        <v>0</v>
      </c>
      <c r="R5542" s="58">
        <v>41.208762362724997</v>
      </c>
      <c r="S5542" s="124">
        <f t="shared" si="86"/>
        <v>0.59356947583160458</v>
      </c>
    </row>
    <row r="5543" spans="8:19" x14ac:dyDescent="0.3">
      <c r="H5543" s="44">
        <v>5536</v>
      </c>
      <c r="I5543" s="56">
        <f>Bühler!I5569</f>
        <v>0.12175784119622658</v>
      </c>
      <c r="J5543" s="59">
        <f>Bühler!J5569</f>
        <v>0.40585947065408862</v>
      </c>
      <c r="K5543" s="59">
        <f>Bühler!K5569</f>
        <v>0.60878920598113295</v>
      </c>
      <c r="L5543" s="59">
        <f>Bühler!L5569</f>
        <v>9.9460472495451455</v>
      </c>
      <c r="M5543" s="58">
        <f>Bühler!M5569</f>
        <v>0</v>
      </c>
      <c r="N5543" s="56">
        <f>IF(Input!$D$19=1,J5543*Input!$C$19,0)+IF(Input!$D$20=1,K5543*Input!$C$20,0)+IF(Input!$D$21=1,L5543*Input!$C$21,0)+IF(Input!$D$22=1,M5543*Input!$C$22,0)</f>
        <v>0.12175784119622658</v>
      </c>
      <c r="O5543" s="59">
        <f>IF(Input!$D$19=2,J5543*Input!$C$19,0)+IF(Input!$D$20=2,K5543*Input!$C$20,0)+IF(Input!$D$21=2,L5543*Input!$C$21,0)+IF(Input!$D$22=2,M5543*Input!$C$22,0)</f>
        <v>0.30439460299056648</v>
      </c>
      <c r="P5543" s="59">
        <f>IF(Input!$D$19=3,J5543*Input!$C$19,0)+IF(Input!$D$20=3,K5543*Input!$C$20,0)+IF(Input!$D$21=3,L5543*Input!$C$21,0)+IF(Input!$D$22=3,M5543*Input!$C$22,0)</f>
        <v>0</v>
      </c>
      <c r="Q5543" s="75">
        <f>IF(Input!$D$19=4,J5543*Input!$C$19,0)+IF(Input!$D$20=4,K5543*Input!$C$20,0)+IF(Input!$D$21=4,L5543*Input!$C$21,0)+IF(Input!$D$22=4,M5543*Input!$C$22,0)</f>
        <v>0</v>
      </c>
      <c r="R5543" s="58">
        <v>41.052607227709508</v>
      </c>
      <c r="S5543" s="124">
        <f t="shared" si="86"/>
        <v>0.52761731185031524</v>
      </c>
    </row>
    <row r="5544" spans="8:19" x14ac:dyDescent="0.3">
      <c r="H5544" s="44">
        <v>5537</v>
      </c>
      <c r="I5544" s="56">
        <f>Bühler!I5570</f>
        <v>0.11958359403200824</v>
      </c>
      <c r="J5544" s="59">
        <f>Bühler!J5570</f>
        <v>0.39861198010669419</v>
      </c>
      <c r="K5544" s="59">
        <f>Bühler!K5570</f>
        <v>0.59791797016004133</v>
      </c>
      <c r="L5544" s="59">
        <f>Bühler!L5570</f>
        <v>9.7684392629461225</v>
      </c>
      <c r="M5544" s="58">
        <f>Bühler!M5570</f>
        <v>0</v>
      </c>
      <c r="N5544" s="56">
        <f>IF(Input!$D$19=1,J5544*Input!$C$19,0)+IF(Input!$D$20=1,K5544*Input!$C$20,0)+IF(Input!$D$21=1,L5544*Input!$C$21,0)+IF(Input!$D$22=1,M5544*Input!$C$22,0)</f>
        <v>0.11958359403200824</v>
      </c>
      <c r="O5544" s="59">
        <f>IF(Input!$D$19=2,J5544*Input!$C$19,0)+IF(Input!$D$20=2,K5544*Input!$C$20,0)+IF(Input!$D$21=2,L5544*Input!$C$21,0)+IF(Input!$D$22=2,M5544*Input!$C$22,0)</f>
        <v>0.29895898508002067</v>
      </c>
      <c r="P5544" s="59">
        <f>IF(Input!$D$19=3,J5544*Input!$C$19,0)+IF(Input!$D$20=3,K5544*Input!$C$20,0)+IF(Input!$D$21=3,L5544*Input!$C$21,0)+IF(Input!$D$22=3,M5544*Input!$C$22,0)</f>
        <v>0</v>
      </c>
      <c r="Q5544" s="75">
        <f>IF(Input!$D$19=4,J5544*Input!$C$19,0)+IF(Input!$D$20=4,K5544*Input!$C$20,0)+IF(Input!$D$21=4,L5544*Input!$C$21,0)+IF(Input!$D$22=4,M5544*Input!$C$22,0)</f>
        <v>0</v>
      </c>
      <c r="R5544" s="58">
        <v>40.859626469573797</v>
      </c>
      <c r="S5544" s="124">
        <f t="shared" si="86"/>
        <v>0.51819557413870243</v>
      </c>
    </row>
    <row r="5545" spans="8:19" x14ac:dyDescent="0.3">
      <c r="H5545" s="44">
        <v>5538</v>
      </c>
      <c r="I5545" s="56">
        <f>Bühler!I5571</f>
        <v>0.10218961671826161</v>
      </c>
      <c r="J5545" s="59">
        <f>Bühler!J5571</f>
        <v>0.34063205572753874</v>
      </c>
      <c r="K5545" s="59">
        <f>Bühler!K5571</f>
        <v>0.51094808359130806</v>
      </c>
      <c r="L5545" s="59">
        <f>Bühler!L5571</f>
        <v>8.3475753701539617</v>
      </c>
      <c r="M5545" s="58">
        <f>Bühler!M5571</f>
        <v>0</v>
      </c>
      <c r="N5545" s="56">
        <f>IF(Input!$D$19=1,J5545*Input!$C$19,0)+IF(Input!$D$20=1,K5545*Input!$C$20,0)+IF(Input!$D$21=1,L5545*Input!$C$21,0)+IF(Input!$D$22=1,M5545*Input!$C$22,0)</f>
        <v>0.10218961671826161</v>
      </c>
      <c r="O5545" s="59">
        <f>IF(Input!$D$19=2,J5545*Input!$C$19,0)+IF(Input!$D$20=2,K5545*Input!$C$20,0)+IF(Input!$D$21=2,L5545*Input!$C$21,0)+IF(Input!$D$22=2,M5545*Input!$C$22,0)</f>
        <v>0.25547404179565403</v>
      </c>
      <c r="P5545" s="59">
        <f>IF(Input!$D$19=3,J5545*Input!$C$19,0)+IF(Input!$D$20=3,K5545*Input!$C$20,0)+IF(Input!$D$21=3,L5545*Input!$C$21,0)+IF(Input!$D$22=3,M5545*Input!$C$22,0)</f>
        <v>0</v>
      </c>
      <c r="Q5545" s="75">
        <f>IF(Input!$D$19=4,J5545*Input!$C$19,0)+IF(Input!$D$20=4,K5545*Input!$C$20,0)+IF(Input!$D$21=4,L5545*Input!$C$21,0)+IF(Input!$D$22=4,M5545*Input!$C$22,0)</f>
        <v>0</v>
      </c>
      <c r="R5545" s="58">
        <v>40.365917983300946</v>
      </c>
      <c r="S5545" s="124">
        <f t="shared" si="86"/>
        <v>0.44282167244580034</v>
      </c>
    </row>
    <row r="5546" spans="8:19" x14ac:dyDescent="0.3">
      <c r="H5546" s="44">
        <v>5539</v>
      </c>
      <c r="I5546" s="56">
        <f>Bühler!I5572</f>
        <v>9.5666875225606601E-2</v>
      </c>
      <c r="J5546" s="59">
        <f>Bühler!J5572</f>
        <v>0.31888958408535539</v>
      </c>
      <c r="K5546" s="59">
        <f>Bühler!K5572</f>
        <v>0.47833437612803309</v>
      </c>
      <c r="L5546" s="59">
        <f>Bühler!L5572</f>
        <v>7.8147514103568998</v>
      </c>
      <c r="M5546" s="58">
        <f>Bühler!M5572</f>
        <v>0</v>
      </c>
      <c r="N5546" s="56">
        <f>IF(Input!$D$19=1,J5546*Input!$C$19,0)+IF(Input!$D$20=1,K5546*Input!$C$20,0)+IF(Input!$D$21=1,L5546*Input!$C$21,0)+IF(Input!$D$22=1,M5546*Input!$C$22,0)</f>
        <v>9.5666875225606615E-2</v>
      </c>
      <c r="O5546" s="59">
        <f>IF(Input!$D$19=2,J5546*Input!$C$19,0)+IF(Input!$D$20=2,K5546*Input!$C$20,0)+IF(Input!$D$21=2,L5546*Input!$C$21,0)+IF(Input!$D$22=2,M5546*Input!$C$22,0)</f>
        <v>0.23916718806401654</v>
      </c>
      <c r="P5546" s="59">
        <f>IF(Input!$D$19=3,J5546*Input!$C$19,0)+IF(Input!$D$20=3,K5546*Input!$C$20,0)+IF(Input!$D$21=3,L5546*Input!$C$21,0)+IF(Input!$D$22=3,M5546*Input!$C$22,0)</f>
        <v>0</v>
      </c>
      <c r="Q5546" s="75">
        <f>IF(Input!$D$19=4,J5546*Input!$C$19,0)+IF(Input!$D$20=4,K5546*Input!$C$20,0)+IF(Input!$D$21=4,L5546*Input!$C$21,0)+IF(Input!$D$22=4,M5546*Input!$C$22,0)</f>
        <v>0</v>
      </c>
      <c r="R5546" s="58">
        <v>40.199805167564449</v>
      </c>
      <c r="S5546" s="124">
        <f t="shared" si="86"/>
        <v>0.41455645931096197</v>
      </c>
    </row>
    <row r="5547" spans="8:19" x14ac:dyDescent="0.3">
      <c r="H5547" s="44">
        <v>5540</v>
      </c>
      <c r="I5547" s="56">
        <f>Bühler!I5573</f>
        <v>8.044714507607828E-2</v>
      </c>
      <c r="J5547" s="59">
        <f>Bühler!J5573</f>
        <v>0.26815715025359427</v>
      </c>
      <c r="K5547" s="59">
        <f>Bühler!K5573</f>
        <v>0.40223572538039143</v>
      </c>
      <c r="L5547" s="59">
        <f>Bühler!L5573</f>
        <v>6.5714955041637575</v>
      </c>
      <c r="M5547" s="58">
        <f>Bühler!M5573</f>
        <v>0</v>
      </c>
      <c r="N5547" s="56">
        <f>IF(Input!$D$19=1,J5547*Input!$C$19,0)+IF(Input!$D$20=1,K5547*Input!$C$20,0)+IF(Input!$D$21=1,L5547*Input!$C$21,0)+IF(Input!$D$22=1,M5547*Input!$C$22,0)</f>
        <v>8.044714507607828E-2</v>
      </c>
      <c r="O5547" s="59">
        <f>IF(Input!$D$19=2,J5547*Input!$C$19,0)+IF(Input!$D$20=2,K5547*Input!$C$20,0)+IF(Input!$D$21=2,L5547*Input!$C$21,0)+IF(Input!$D$22=2,M5547*Input!$C$22,0)</f>
        <v>0.20111786269019571</v>
      </c>
      <c r="P5547" s="59">
        <f>IF(Input!$D$19=3,J5547*Input!$C$19,0)+IF(Input!$D$20=3,K5547*Input!$C$20,0)+IF(Input!$D$21=3,L5547*Input!$C$21,0)+IF(Input!$D$22=3,M5547*Input!$C$22,0)</f>
        <v>0</v>
      </c>
      <c r="Q5547" s="75">
        <f>IF(Input!$D$19=4,J5547*Input!$C$19,0)+IF(Input!$D$20=4,K5547*Input!$C$20,0)+IF(Input!$D$21=4,L5547*Input!$C$21,0)+IF(Input!$D$22=4,M5547*Input!$C$22,0)</f>
        <v>0</v>
      </c>
      <c r="R5547" s="58">
        <v>40.383616854676724</v>
      </c>
      <c r="S5547" s="124">
        <f t="shared" si="86"/>
        <v>0.34860429532967252</v>
      </c>
    </row>
    <row r="5548" spans="8:19" x14ac:dyDescent="0.3">
      <c r="H5548" s="44">
        <v>5541</v>
      </c>
      <c r="I5548" s="56">
        <f>Bühler!I5574</f>
        <v>6.7401662090768283E-2</v>
      </c>
      <c r="J5548" s="59">
        <f>Bühler!J5574</f>
        <v>0.22467220696922763</v>
      </c>
      <c r="K5548" s="59">
        <f>Bühler!K5574</f>
        <v>0.33700831045384144</v>
      </c>
      <c r="L5548" s="59">
        <f>Bühler!L5574</f>
        <v>5.5058475845696337</v>
      </c>
      <c r="M5548" s="58">
        <f>Bühler!M5574</f>
        <v>0</v>
      </c>
      <c r="N5548" s="56">
        <f>IF(Input!$D$19=1,J5548*Input!$C$19,0)+IF(Input!$D$20=1,K5548*Input!$C$20,0)+IF(Input!$D$21=1,L5548*Input!$C$21,0)+IF(Input!$D$22=1,M5548*Input!$C$22,0)</f>
        <v>6.7401662090768283E-2</v>
      </c>
      <c r="O5548" s="59">
        <f>IF(Input!$D$19=2,J5548*Input!$C$19,0)+IF(Input!$D$20=2,K5548*Input!$C$20,0)+IF(Input!$D$21=2,L5548*Input!$C$21,0)+IF(Input!$D$22=2,M5548*Input!$C$22,0)</f>
        <v>0.16850415522692072</v>
      </c>
      <c r="P5548" s="59">
        <f>IF(Input!$D$19=3,J5548*Input!$C$19,0)+IF(Input!$D$20=3,K5548*Input!$C$20,0)+IF(Input!$D$21=3,L5548*Input!$C$21,0)+IF(Input!$D$22=3,M5548*Input!$C$22,0)</f>
        <v>0</v>
      </c>
      <c r="Q5548" s="75">
        <f>IF(Input!$D$19=4,J5548*Input!$C$19,0)+IF(Input!$D$20=4,K5548*Input!$C$20,0)+IF(Input!$D$21=4,L5548*Input!$C$21,0)+IF(Input!$D$22=4,M5548*Input!$C$22,0)</f>
        <v>0</v>
      </c>
      <c r="R5548" s="58">
        <v>39.918992643959378</v>
      </c>
      <c r="S5548" s="124">
        <f t="shared" si="86"/>
        <v>0.29207386905999588</v>
      </c>
    </row>
    <row r="5549" spans="8:19" x14ac:dyDescent="0.3">
      <c r="H5549" s="44">
        <v>5542</v>
      </c>
      <c r="I5549" s="56">
        <f>Bühler!I5575</f>
        <v>5.8704673433894961E-2</v>
      </c>
      <c r="J5549" s="59">
        <f>Bühler!J5575</f>
        <v>0.19568224477964991</v>
      </c>
      <c r="K5549" s="59">
        <f>Bühler!K5575</f>
        <v>0.29352336716947486</v>
      </c>
      <c r="L5549" s="59">
        <f>Bühler!L5575</f>
        <v>4.7954156381735515</v>
      </c>
      <c r="M5549" s="58">
        <f>Bühler!M5575</f>
        <v>0</v>
      </c>
      <c r="N5549" s="56">
        <f>IF(Input!$D$19=1,J5549*Input!$C$19,0)+IF(Input!$D$20=1,K5549*Input!$C$20,0)+IF(Input!$D$21=1,L5549*Input!$C$21,0)+IF(Input!$D$22=1,M5549*Input!$C$22,0)</f>
        <v>5.8704673433894967E-2</v>
      </c>
      <c r="O5549" s="59">
        <f>IF(Input!$D$19=2,J5549*Input!$C$19,0)+IF(Input!$D$20=2,K5549*Input!$C$20,0)+IF(Input!$D$21=2,L5549*Input!$C$21,0)+IF(Input!$D$22=2,M5549*Input!$C$22,0)</f>
        <v>0.14676168358473743</v>
      </c>
      <c r="P5549" s="59">
        <f>IF(Input!$D$19=3,J5549*Input!$C$19,0)+IF(Input!$D$20=3,K5549*Input!$C$20,0)+IF(Input!$D$21=3,L5549*Input!$C$21,0)+IF(Input!$D$22=3,M5549*Input!$C$22,0)</f>
        <v>0</v>
      </c>
      <c r="Q5549" s="75">
        <f>IF(Input!$D$19=4,J5549*Input!$C$19,0)+IF(Input!$D$20=4,K5549*Input!$C$20,0)+IF(Input!$D$21=4,L5549*Input!$C$21,0)+IF(Input!$D$22=4,M5549*Input!$C$22,0)</f>
        <v>0</v>
      </c>
      <c r="R5549" s="58">
        <v>39.830423009541285</v>
      </c>
      <c r="S5549" s="124">
        <f t="shared" si="86"/>
        <v>0.25438691821354487</v>
      </c>
    </row>
    <row r="5550" spans="8:19" x14ac:dyDescent="0.3">
      <c r="H5550" s="44">
        <v>5543</v>
      </c>
      <c r="I5550" s="56">
        <f>Bühler!I5576</f>
        <v>5.8704673433894961E-2</v>
      </c>
      <c r="J5550" s="59">
        <f>Bühler!J5576</f>
        <v>0.19568224477964991</v>
      </c>
      <c r="K5550" s="59">
        <f>Bühler!K5576</f>
        <v>0.29352336716947486</v>
      </c>
      <c r="L5550" s="59">
        <f>Bühler!L5576</f>
        <v>4.7954156381735515</v>
      </c>
      <c r="M5550" s="58">
        <f>Bühler!M5576</f>
        <v>0</v>
      </c>
      <c r="N5550" s="56">
        <f>IF(Input!$D$19=1,J5550*Input!$C$19,0)+IF(Input!$D$20=1,K5550*Input!$C$20,0)+IF(Input!$D$21=1,L5550*Input!$C$21,0)+IF(Input!$D$22=1,M5550*Input!$C$22,0)</f>
        <v>5.8704673433894967E-2</v>
      </c>
      <c r="O5550" s="59">
        <f>IF(Input!$D$19=2,J5550*Input!$C$19,0)+IF(Input!$D$20=2,K5550*Input!$C$20,0)+IF(Input!$D$21=2,L5550*Input!$C$21,0)+IF(Input!$D$22=2,M5550*Input!$C$22,0)</f>
        <v>0.14676168358473743</v>
      </c>
      <c r="P5550" s="59">
        <f>IF(Input!$D$19=3,J5550*Input!$C$19,0)+IF(Input!$D$20=3,K5550*Input!$C$20,0)+IF(Input!$D$21=3,L5550*Input!$C$21,0)+IF(Input!$D$22=3,M5550*Input!$C$22,0)</f>
        <v>0</v>
      </c>
      <c r="Q5550" s="75">
        <f>IF(Input!$D$19=4,J5550*Input!$C$19,0)+IF(Input!$D$20=4,K5550*Input!$C$20,0)+IF(Input!$D$21=4,L5550*Input!$C$21,0)+IF(Input!$D$22=4,M5550*Input!$C$22,0)</f>
        <v>0</v>
      </c>
      <c r="R5550" s="58">
        <v>40.007703144267708</v>
      </c>
      <c r="S5550" s="124">
        <f t="shared" si="86"/>
        <v>0.25438691821354487</v>
      </c>
    </row>
    <row r="5551" spans="8:19" x14ac:dyDescent="0.3">
      <c r="H5551" s="44">
        <v>5544</v>
      </c>
      <c r="I5551" s="56">
        <f>Bühler!I5577</f>
        <v>5.8704673433894961E-2</v>
      </c>
      <c r="J5551" s="59">
        <f>Bühler!J5577</f>
        <v>0.19568224477964991</v>
      </c>
      <c r="K5551" s="59">
        <f>Bühler!K5577</f>
        <v>0.29352336716947486</v>
      </c>
      <c r="L5551" s="59">
        <f>Bühler!L5577</f>
        <v>4.7954156381735515</v>
      </c>
      <c r="M5551" s="58">
        <f>Bühler!M5577</f>
        <v>0</v>
      </c>
      <c r="N5551" s="56">
        <f>IF(Input!$D$19=1,J5551*Input!$C$19,0)+IF(Input!$D$20=1,K5551*Input!$C$20,0)+IF(Input!$D$21=1,L5551*Input!$C$21,0)+IF(Input!$D$22=1,M5551*Input!$C$22,0)</f>
        <v>5.8704673433894967E-2</v>
      </c>
      <c r="O5551" s="59">
        <f>IF(Input!$D$19=2,J5551*Input!$C$19,0)+IF(Input!$D$20=2,K5551*Input!$C$20,0)+IF(Input!$D$21=2,L5551*Input!$C$21,0)+IF(Input!$D$22=2,M5551*Input!$C$22,0)</f>
        <v>0.14676168358473743</v>
      </c>
      <c r="P5551" s="59">
        <f>IF(Input!$D$19=3,J5551*Input!$C$19,0)+IF(Input!$D$20=3,K5551*Input!$C$20,0)+IF(Input!$D$21=3,L5551*Input!$C$21,0)+IF(Input!$D$22=3,M5551*Input!$C$22,0)</f>
        <v>0</v>
      </c>
      <c r="Q5551" s="75">
        <f>IF(Input!$D$19=4,J5551*Input!$C$19,0)+IF(Input!$D$20=4,K5551*Input!$C$20,0)+IF(Input!$D$21=4,L5551*Input!$C$21,0)+IF(Input!$D$22=4,M5551*Input!$C$22,0)</f>
        <v>0</v>
      </c>
      <c r="R5551" s="58">
        <v>40.3068787585986</v>
      </c>
      <c r="S5551" s="124">
        <f t="shared" si="86"/>
        <v>0.25438691821354487</v>
      </c>
    </row>
    <row r="5552" spans="8:19" x14ac:dyDescent="0.3">
      <c r="H5552" s="44">
        <v>5545</v>
      </c>
      <c r="I5552" s="56">
        <f>Bühler!I5578</f>
        <v>6.9757514623728895E-2</v>
      </c>
      <c r="J5552" s="59">
        <f>Bühler!J5578</f>
        <v>0.23252504874576299</v>
      </c>
      <c r="K5552" s="59">
        <f>Bühler!K5578</f>
        <v>0.34878757311864445</v>
      </c>
      <c r="L5552" s="59">
        <f>Bühler!L5578</f>
        <v>1.6741803509694935</v>
      </c>
      <c r="M5552" s="58">
        <f>Bühler!M5578</f>
        <v>0</v>
      </c>
      <c r="N5552" s="56">
        <f>IF(Input!$D$19=1,J5552*Input!$C$19,0)+IF(Input!$D$20=1,K5552*Input!$C$20,0)+IF(Input!$D$21=1,L5552*Input!$C$21,0)+IF(Input!$D$22=1,M5552*Input!$C$22,0)</f>
        <v>6.9757514623728895E-2</v>
      </c>
      <c r="O5552" s="59">
        <f>IF(Input!$D$19=2,J5552*Input!$C$19,0)+IF(Input!$D$20=2,K5552*Input!$C$20,0)+IF(Input!$D$21=2,L5552*Input!$C$21,0)+IF(Input!$D$22=2,M5552*Input!$C$22,0)</f>
        <v>0.17439378655932222</v>
      </c>
      <c r="P5552" s="59">
        <f>IF(Input!$D$19=3,J5552*Input!$C$19,0)+IF(Input!$D$20=3,K5552*Input!$C$20,0)+IF(Input!$D$21=3,L5552*Input!$C$21,0)+IF(Input!$D$22=3,M5552*Input!$C$22,0)</f>
        <v>0</v>
      </c>
      <c r="Q5552" s="75">
        <f>IF(Input!$D$19=4,J5552*Input!$C$19,0)+IF(Input!$D$20=4,K5552*Input!$C$20,0)+IF(Input!$D$21=4,L5552*Input!$C$21,0)+IF(Input!$D$22=4,M5552*Input!$C$22,0)</f>
        <v>0</v>
      </c>
      <c r="R5552" s="58">
        <v>40.916671879015183</v>
      </c>
      <c r="S5552" s="124">
        <f t="shared" si="86"/>
        <v>0.30228256336949189</v>
      </c>
    </row>
    <row r="5553" spans="8:19" x14ac:dyDescent="0.3">
      <c r="H5553" s="44">
        <v>5546</v>
      </c>
      <c r="I5553" s="56">
        <f>Bühler!I5579</f>
        <v>6.9757514623728895E-2</v>
      </c>
      <c r="J5553" s="59">
        <f>Bühler!J5579</f>
        <v>0.23252504874576299</v>
      </c>
      <c r="K5553" s="59">
        <f>Bühler!K5579</f>
        <v>0.34878757311864445</v>
      </c>
      <c r="L5553" s="59">
        <f>Bühler!L5579</f>
        <v>1.6741803509694935</v>
      </c>
      <c r="M5553" s="58">
        <f>Bühler!M5579</f>
        <v>0</v>
      </c>
      <c r="N5553" s="56">
        <f>IF(Input!$D$19=1,J5553*Input!$C$19,0)+IF(Input!$D$20=1,K5553*Input!$C$20,0)+IF(Input!$D$21=1,L5553*Input!$C$21,0)+IF(Input!$D$22=1,M5553*Input!$C$22,0)</f>
        <v>6.9757514623728895E-2</v>
      </c>
      <c r="O5553" s="59">
        <f>IF(Input!$D$19=2,J5553*Input!$C$19,0)+IF(Input!$D$20=2,K5553*Input!$C$20,0)+IF(Input!$D$21=2,L5553*Input!$C$21,0)+IF(Input!$D$22=2,M5553*Input!$C$22,0)</f>
        <v>0.17439378655932222</v>
      </c>
      <c r="P5553" s="59">
        <f>IF(Input!$D$19=3,J5553*Input!$C$19,0)+IF(Input!$D$20=3,K5553*Input!$C$20,0)+IF(Input!$D$21=3,L5553*Input!$C$21,0)+IF(Input!$D$22=3,M5553*Input!$C$22,0)</f>
        <v>0</v>
      </c>
      <c r="Q5553" s="75">
        <f>IF(Input!$D$19=4,J5553*Input!$C$19,0)+IF(Input!$D$20=4,K5553*Input!$C$20,0)+IF(Input!$D$21=4,L5553*Input!$C$21,0)+IF(Input!$D$22=4,M5553*Input!$C$22,0)</f>
        <v>0</v>
      </c>
      <c r="R5553" s="58">
        <v>41.157375968772747</v>
      </c>
      <c r="S5553" s="124">
        <f t="shared" si="86"/>
        <v>0.30228256336949189</v>
      </c>
    </row>
    <row r="5554" spans="8:19" x14ac:dyDescent="0.3">
      <c r="H5554" s="44">
        <v>5547</v>
      </c>
      <c r="I5554" s="56">
        <f>Bühler!I5580</f>
        <v>6.9757514623728895E-2</v>
      </c>
      <c r="J5554" s="59">
        <f>Bühler!J5580</f>
        <v>0.23252504874576299</v>
      </c>
      <c r="K5554" s="59">
        <f>Bühler!K5580</f>
        <v>0.34878757311864445</v>
      </c>
      <c r="L5554" s="59">
        <f>Bühler!L5580</f>
        <v>1.6741803509694935</v>
      </c>
      <c r="M5554" s="58">
        <f>Bühler!M5580</f>
        <v>0</v>
      </c>
      <c r="N5554" s="56">
        <f>IF(Input!$D$19=1,J5554*Input!$C$19,0)+IF(Input!$D$20=1,K5554*Input!$C$20,0)+IF(Input!$D$21=1,L5554*Input!$C$21,0)+IF(Input!$D$22=1,M5554*Input!$C$22,0)</f>
        <v>6.9757514623728895E-2</v>
      </c>
      <c r="O5554" s="59">
        <f>IF(Input!$D$19=2,J5554*Input!$C$19,0)+IF(Input!$D$20=2,K5554*Input!$C$20,0)+IF(Input!$D$21=2,L5554*Input!$C$21,0)+IF(Input!$D$22=2,M5554*Input!$C$22,0)</f>
        <v>0.17439378655932222</v>
      </c>
      <c r="P5554" s="59">
        <f>IF(Input!$D$19=3,J5554*Input!$C$19,0)+IF(Input!$D$20=3,K5554*Input!$C$20,0)+IF(Input!$D$21=3,L5554*Input!$C$21,0)+IF(Input!$D$22=3,M5554*Input!$C$22,0)</f>
        <v>0</v>
      </c>
      <c r="Q5554" s="75">
        <f>IF(Input!$D$19=4,J5554*Input!$C$19,0)+IF(Input!$D$20=4,K5554*Input!$C$20,0)+IF(Input!$D$21=4,L5554*Input!$C$21,0)+IF(Input!$D$22=4,M5554*Input!$C$22,0)</f>
        <v>0</v>
      </c>
      <c r="R5554" s="58">
        <v>41.616001199022506</v>
      </c>
      <c r="S5554" s="124">
        <f t="shared" si="86"/>
        <v>0.30228256336949189</v>
      </c>
    </row>
    <row r="5555" spans="8:19" x14ac:dyDescent="0.3">
      <c r="H5555" s="44">
        <v>5548</v>
      </c>
      <c r="I5555" s="56">
        <f>Bühler!I5581</f>
        <v>6.9757514623728895E-2</v>
      </c>
      <c r="J5555" s="59">
        <f>Bühler!J5581</f>
        <v>0.23252504874576299</v>
      </c>
      <c r="K5555" s="59">
        <f>Bühler!K5581</f>
        <v>0.34878757311864445</v>
      </c>
      <c r="L5555" s="59">
        <f>Bühler!L5581</f>
        <v>1.6741803509694935</v>
      </c>
      <c r="M5555" s="58">
        <f>Bühler!M5581</f>
        <v>0</v>
      </c>
      <c r="N5555" s="56">
        <f>IF(Input!$D$19=1,J5555*Input!$C$19,0)+IF(Input!$D$20=1,K5555*Input!$C$20,0)+IF(Input!$D$21=1,L5555*Input!$C$21,0)+IF(Input!$D$22=1,M5555*Input!$C$22,0)</f>
        <v>6.9757514623728895E-2</v>
      </c>
      <c r="O5555" s="59">
        <f>IF(Input!$D$19=2,J5555*Input!$C$19,0)+IF(Input!$D$20=2,K5555*Input!$C$20,0)+IF(Input!$D$21=2,L5555*Input!$C$21,0)+IF(Input!$D$22=2,M5555*Input!$C$22,0)</f>
        <v>0.17439378655932222</v>
      </c>
      <c r="P5555" s="59">
        <f>IF(Input!$D$19=3,J5555*Input!$C$19,0)+IF(Input!$D$20=3,K5555*Input!$C$20,0)+IF(Input!$D$21=3,L5555*Input!$C$21,0)+IF(Input!$D$22=3,M5555*Input!$C$22,0)</f>
        <v>0</v>
      </c>
      <c r="Q5555" s="75">
        <f>IF(Input!$D$19=4,J5555*Input!$C$19,0)+IF(Input!$D$20=4,K5555*Input!$C$20,0)+IF(Input!$D$21=4,L5555*Input!$C$21,0)+IF(Input!$D$22=4,M5555*Input!$C$22,0)</f>
        <v>0</v>
      </c>
      <c r="R5555" s="58">
        <v>42.985073961660888</v>
      </c>
      <c r="S5555" s="124">
        <f t="shared" si="86"/>
        <v>0.30228256336949189</v>
      </c>
    </row>
    <row r="5556" spans="8:19" x14ac:dyDescent="0.3">
      <c r="H5556" s="44">
        <v>5549</v>
      </c>
      <c r="I5556" s="56">
        <f>Bühler!I5582</f>
        <v>6.9757514623728895E-2</v>
      </c>
      <c r="J5556" s="59">
        <f>Bühler!J5582</f>
        <v>0.23252504874576299</v>
      </c>
      <c r="K5556" s="59">
        <f>Bühler!K5582</f>
        <v>0.34878757311864445</v>
      </c>
      <c r="L5556" s="59">
        <f>Bühler!L5582</f>
        <v>1.6741803509694935</v>
      </c>
      <c r="M5556" s="58">
        <f>Bühler!M5582</f>
        <v>0</v>
      </c>
      <c r="N5556" s="56">
        <f>IF(Input!$D$19=1,J5556*Input!$C$19,0)+IF(Input!$D$20=1,K5556*Input!$C$20,0)+IF(Input!$D$21=1,L5556*Input!$C$21,0)+IF(Input!$D$22=1,M5556*Input!$C$22,0)</f>
        <v>6.9757514623728895E-2</v>
      </c>
      <c r="O5556" s="59">
        <f>IF(Input!$D$19=2,J5556*Input!$C$19,0)+IF(Input!$D$20=2,K5556*Input!$C$20,0)+IF(Input!$D$21=2,L5556*Input!$C$21,0)+IF(Input!$D$22=2,M5556*Input!$C$22,0)</f>
        <v>0.17439378655932222</v>
      </c>
      <c r="P5556" s="59">
        <f>IF(Input!$D$19=3,J5556*Input!$C$19,0)+IF(Input!$D$20=3,K5556*Input!$C$20,0)+IF(Input!$D$21=3,L5556*Input!$C$21,0)+IF(Input!$D$22=3,M5556*Input!$C$22,0)</f>
        <v>0</v>
      </c>
      <c r="Q5556" s="75">
        <f>IF(Input!$D$19=4,J5556*Input!$C$19,0)+IF(Input!$D$20=4,K5556*Input!$C$20,0)+IF(Input!$D$21=4,L5556*Input!$C$21,0)+IF(Input!$D$22=4,M5556*Input!$C$22,0)</f>
        <v>0</v>
      </c>
      <c r="R5556" s="58">
        <v>46.619807557429205</v>
      </c>
      <c r="S5556" s="124">
        <f t="shared" si="86"/>
        <v>0.30228256336949189</v>
      </c>
    </row>
    <row r="5557" spans="8:19" x14ac:dyDescent="0.3">
      <c r="H5557" s="44">
        <v>5550</v>
      </c>
      <c r="I5557" s="56">
        <f>Bühler!I5583</f>
        <v>0.30228256336949189</v>
      </c>
      <c r="J5557" s="59">
        <f>Bühler!J5583</f>
        <v>1.007608544564973</v>
      </c>
      <c r="K5557" s="59">
        <f>Bühler!K5583</f>
        <v>1.5114128168474594</v>
      </c>
      <c r="L5557" s="59">
        <f>Bühler!L5583</f>
        <v>7.2547815208678053</v>
      </c>
      <c r="M5557" s="58">
        <f>Bühler!M5583</f>
        <v>0</v>
      </c>
      <c r="N5557" s="56">
        <f>IF(Input!$D$19=1,J5557*Input!$C$19,0)+IF(Input!$D$20=1,K5557*Input!$C$20,0)+IF(Input!$D$21=1,L5557*Input!$C$21,0)+IF(Input!$D$22=1,M5557*Input!$C$22,0)</f>
        <v>0.30228256336949189</v>
      </c>
      <c r="O5557" s="59">
        <f>IF(Input!$D$19=2,J5557*Input!$C$19,0)+IF(Input!$D$20=2,K5557*Input!$C$20,0)+IF(Input!$D$21=2,L5557*Input!$C$21,0)+IF(Input!$D$22=2,M5557*Input!$C$22,0)</f>
        <v>0.75570640842372971</v>
      </c>
      <c r="P5557" s="59">
        <f>IF(Input!$D$19=3,J5557*Input!$C$19,0)+IF(Input!$D$20=3,K5557*Input!$C$20,0)+IF(Input!$D$21=3,L5557*Input!$C$21,0)+IF(Input!$D$22=3,M5557*Input!$C$22,0)</f>
        <v>0</v>
      </c>
      <c r="Q5557" s="75">
        <f>IF(Input!$D$19=4,J5557*Input!$C$19,0)+IF(Input!$D$20=4,K5557*Input!$C$20,0)+IF(Input!$D$21=4,L5557*Input!$C$21,0)+IF(Input!$D$22=4,M5557*Input!$C$22,0)</f>
        <v>0</v>
      </c>
      <c r="R5557" s="58">
        <v>52.588747658017802</v>
      </c>
      <c r="S5557" s="124">
        <f t="shared" si="86"/>
        <v>1.3098911079344648</v>
      </c>
    </row>
    <row r="5558" spans="8:19" x14ac:dyDescent="0.3">
      <c r="H5558" s="44">
        <v>5551</v>
      </c>
      <c r="I5558" s="56">
        <f>Bühler!I5584</f>
        <v>0.3429744469000004</v>
      </c>
      <c r="J5558" s="59">
        <f>Bühler!J5584</f>
        <v>1.1432481563333348</v>
      </c>
      <c r="K5558" s="59">
        <f>Bühler!K5584</f>
        <v>1.714872234500002</v>
      </c>
      <c r="L5558" s="59">
        <f>Bühler!L5584</f>
        <v>8.2313867256000091</v>
      </c>
      <c r="M5558" s="58">
        <f>Bühler!M5584</f>
        <v>0</v>
      </c>
      <c r="N5558" s="56">
        <f>IF(Input!$D$19=1,J5558*Input!$C$19,0)+IF(Input!$D$20=1,K5558*Input!$C$20,0)+IF(Input!$D$21=1,L5558*Input!$C$21,0)+IF(Input!$D$22=1,M5558*Input!$C$22,0)</f>
        <v>0.3429744469000004</v>
      </c>
      <c r="O5558" s="59">
        <f>IF(Input!$D$19=2,J5558*Input!$C$19,0)+IF(Input!$D$20=2,K5558*Input!$C$20,0)+IF(Input!$D$21=2,L5558*Input!$C$21,0)+IF(Input!$D$22=2,M5558*Input!$C$22,0)</f>
        <v>0.85743611725000102</v>
      </c>
      <c r="P5558" s="59">
        <f>IF(Input!$D$19=3,J5558*Input!$C$19,0)+IF(Input!$D$20=3,K5558*Input!$C$20,0)+IF(Input!$D$21=3,L5558*Input!$C$21,0)+IF(Input!$D$22=3,M5558*Input!$C$22,0)</f>
        <v>0</v>
      </c>
      <c r="Q5558" s="75">
        <f>IF(Input!$D$19=4,J5558*Input!$C$19,0)+IF(Input!$D$20=4,K5558*Input!$C$20,0)+IF(Input!$D$21=4,L5558*Input!$C$21,0)+IF(Input!$D$22=4,M5558*Input!$C$22,0)</f>
        <v>0</v>
      </c>
      <c r="R5558" s="58">
        <v>57.730453308651732</v>
      </c>
      <c r="S5558" s="124">
        <f t="shared" si="86"/>
        <v>1.4862226032333352</v>
      </c>
    </row>
    <row r="5559" spans="8:19" x14ac:dyDescent="0.3">
      <c r="H5559" s="44">
        <v>5552</v>
      </c>
      <c r="I5559" s="56">
        <f>Bühler!I5585</f>
        <v>0.3429744469000004</v>
      </c>
      <c r="J5559" s="59">
        <f>Bühler!J5585</f>
        <v>1.1432481563333348</v>
      </c>
      <c r="K5559" s="59">
        <f>Bühler!K5585</f>
        <v>1.714872234500002</v>
      </c>
      <c r="L5559" s="59">
        <f>Bühler!L5585</f>
        <v>8.2313867256000091</v>
      </c>
      <c r="M5559" s="58">
        <f>Bühler!M5585</f>
        <v>0</v>
      </c>
      <c r="N5559" s="56">
        <f>IF(Input!$D$19=1,J5559*Input!$C$19,0)+IF(Input!$D$20=1,K5559*Input!$C$20,0)+IF(Input!$D$21=1,L5559*Input!$C$21,0)+IF(Input!$D$22=1,M5559*Input!$C$22,0)</f>
        <v>0.3429744469000004</v>
      </c>
      <c r="O5559" s="59">
        <f>IF(Input!$D$19=2,J5559*Input!$C$19,0)+IF(Input!$D$20=2,K5559*Input!$C$20,0)+IF(Input!$D$21=2,L5559*Input!$C$21,0)+IF(Input!$D$22=2,M5559*Input!$C$22,0)</f>
        <v>0.85743611725000102</v>
      </c>
      <c r="P5559" s="59">
        <f>IF(Input!$D$19=3,J5559*Input!$C$19,0)+IF(Input!$D$20=3,K5559*Input!$C$20,0)+IF(Input!$D$21=3,L5559*Input!$C$21,0)+IF(Input!$D$22=3,M5559*Input!$C$22,0)</f>
        <v>0</v>
      </c>
      <c r="Q5559" s="75">
        <f>IF(Input!$D$19=4,J5559*Input!$C$19,0)+IF(Input!$D$20=4,K5559*Input!$C$20,0)+IF(Input!$D$21=4,L5559*Input!$C$21,0)+IF(Input!$D$22=4,M5559*Input!$C$22,0)</f>
        <v>0</v>
      </c>
      <c r="R5559" s="58">
        <v>61.021187928577582</v>
      </c>
      <c r="S5559" s="124">
        <f t="shared" si="86"/>
        <v>1.4862226032333352</v>
      </c>
    </row>
    <row r="5560" spans="8:19" x14ac:dyDescent="0.3">
      <c r="H5560" s="44">
        <v>5553</v>
      </c>
      <c r="I5560" s="56">
        <f>Bühler!I5586</f>
        <v>0.3429744469000004</v>
      </c>
      <c r="J5560" s="59">
        <f>Bühler!J5586</f>
        <v>1.1432481563333348</v>
      </c>
      <c r="K5560" s="59">
        <f>Bühler!K5586</f>
        <v>1.714872234500002</v>
      </c>
      <c r="L5560" s="59">
        <f>Bühler!L5586</f>
        <v>8.2313867256000091</v>
      </c>
      <c r="M5560" s="58">
        <f>Bühler!M5586</f>
        <v>0</v>
      </c>
      <c r="N5560" s="56">
        <f>IF(Input!$D$19=1,J5560*Input!$C$19,0)+IF(Input!$D$20=1,K5560*Input!$C$20,0)+IF(Input!$D$21=1,L5560*Input!$C$21,0)+IF(Input!$D$22=1,M5560*Input!$C$22,0)</f>
        <v>0.3429744469000004</v>
      </c>
      <c r="O5560" s="59">
        <f>IF(Input!$D$19=2,J5560*Input!$C$19,0)+IF(Input!$D$20=2,K5560*Input!$C$20,0)+IF(Input!$D$21=2,L5560*Input!$C$21,0)+IF(Input!$D$22=2,M5560*Input!$C$22,0)</f>
        <v>0.85743611725000102</v>
      </c>
      <c r="P5560" s="59">
        <f>IF(Input!$D$19=3,J5560*Input!$C$19,0)+IF(Input!$D$20=3,K5560*Input!$C$20,0)+IF(Input!$D$21=3,L5560*Input!$C$21,0)+IF(Input!$D$22=3,M5560*Input!$C$22,0)</f>
        <v>0</v>
      </c>
      <c r="Q5560" s="75">
        <f>IF(Input!$D$19=4,J5560*Input!$C$19,0)+IF(Input!$D$20=4,K5560*Input!$C$20,0)+IF(Input!$D$21=4,L5560*Input!$C$21,0)+IF(Input!$D$22=4,M5560*Input!$C$22,0)</f>
        <v>0</v>
      </c>
      <c r="R5560" s="58">
        <v>63.433935973763575</v>
      </c>
      <c r="S5560" s="124">
        <f t="shared" si="86"/>
        <v>1.4862226032333352</v>
      </c>
    </row>
    <row r="5561" spans="8:19" x14ac:dyDescent="0.3">
      <c r="H5561" s="44">
        <v>5554</v>
      </c>
      <c r="I5561" s="56">
        <f>Bühler!I5587</f>
        <v>0.3662269517745767</v>
      </c>
      <c r="J5561" s="59">
        <f>Bühler!J5587</f>
        <v>1.2207565059152559</v>
      </c>
      <c r="K5561" s="59">
        <f>Bühler!K5587</f>
        <v>1.8311347588728835</v>
      </c>
      <c r="L5561" s="59">
        <f>Bühler!L5587</f>
        <v>8.7894468425898413</v>
      </c>
      <c r="M5561" s="58">
        <f>Bühler!M5587</f>
        <v>0</v>
      </c>
      <c r="N5561" s="56">
        <f>IF(Input!$D$19=1,J5561*Input!$C$19,0)+IF(Input!$D$20=1,K5561*Input!$C$20,0)+IF(Input!$D$21=1,L5561*Input!$C$21,0)+IF(Input!$D$22=1,M5561*Input!$C$22,0)</f>
        <v>0.36622695177457676</v>
      </c>
      <c r="O5561" s="59">
        <f>IF(Input!$D$19=2,J5561*Input!$C$19,0)+IF(Input!$D$20=2,K5561*Input!$C$20,0)+IF(Input!$D$21=2,L5561*Input!$C$21,0)+IF(Input!$D$22=2,M5561*Input!$C$22,0)</f>
        <v>0.91556737943644173</v>
      </c>
      <c r="P5561" s="59">
        <f>IF(Input!$D$19=3,J5561*Input!$C$19,0)+IF(Input!$D$20=3,K5561*Input!$C$20,0)+IF(Input!$D$21=3,L5561*Input!$C$21,0)+IF(Input!$D$22=3,M5561*Input!$C$22,0)</f>
        <v>0</v>
      </c>
      <c r="Q5561" s="75">
        <f>IF(Input!$D$19=4,J5561*Input!$C$19,0)+IF(Input!$D$20=4,K5561*Input!$C$20,0)+IF(Input!$D$21=4,L5561*Input!$C$21,0)+IF(Input!$D$22=4,M5561*Input!$C$22,0)</f>
        <v>0</v>
      </c>
      <c r="R5561" s="58">
        <v>64.7207350541089</v>
      </c>
      <c r="S5561" s="124">
        <f t="shared" si="86"/>
        <v>1.5869834576898325</v>
      </c>
    </row>
    <row r="5562" spans="8:19" x14ac:dyDescent="0.3">
      <c r="H5562" s="44">
        <v>5555</v>
      </c>
      <c r="I5562" s="56">
        <f>Bühler!I5588</f>
        <v>0.3662269517745767</v>
      </c>
      <c r="J5562" s="59">
        <f>Bühler!J5588</f>
        <v>1.2207565059152559</v>
      </c>
      <c r="K5562" s="59">
        <f>Bühler!K5588</f>
        <v>1.8311347588728835</v>
      </c>
      <c r="L5562" s="59">
        <f>Bühler!L5588</f>
        <v>8.7894468425898413</v>
      </c>
      <c r="M5562" s="58">
        <f>Bühler!M5588</f>
        <v>0</v>
      </c>
      <c r="N5562" s="56">
        <f>IF(Input!$D$19=1,J5562*Input!$C$19,0)+IF(Input!$D$20=1,K5562*Input!$C$20,0)+IF(Input!$D$21=1,L5562*Input!$C$21,0)+IF(Input!$D$22=1,M5562*Input!$C$22,0)</f>
        <v>0.36622695177457676</v>
      </c>
      <c r="O5562" s="59">
        <f>IF(Input!$D$19=2,J5562*Input!$C$19,0)+IF(Input!$D$20=2,K5562*Input!$C$20,0)+IF(Input!$D$21=2,L5562*Input!$C$21,0)+IF(Input!$D$22=2,M5562*Input!$C$22,0)</f>
        <v>0.91556737943644173</v>
      </c>
      <c r="P5562" s="59">
        <f>IF(Input!$D$19=3,J5562*Input!$C$19,0)+IF(Input!$D$20=3,K5562*Input!$C$20,0)+IF(Input!$D$21=3,L5562*Input!$C$21,0)+IF(Input!$D$22=3,M5562*Input!$C$22,0)</f>
        <v>0</v>
      </c>
      <c r="Q5562" s="75">
        <f>IF(Input!$D$19=4,J5562*Input!$C$19,0)+IF(Input!$D$20=4,K5562*Input!$C$20,0)+IF(Input!$D$21=4,L5562*Input!$C$21,0)+IF(Input!$D$22=4,M5562*Input!$C$22,0)</f>
        <v>0</v>
      </c>
      <c r="R5562" s="58">
        <v>66.869577130370942</v>
      </c>
      <c r="S5562" s="124">
        <f t="shared" si="86"/>
        <v>1.5869834576898325</v>
      </c>
    </row>
    <row r="5563" spans="8:19" x14ac:dyDescent="0.3">
      <c r="H5563" s="44">
        <v>5556</v>
      </c>
      <c r="I5563" s="56">
        <f>Bühler!I5589</f>
        <v>0.46505009749152598</v>
      </c>
      <c r="J5563" s="59">
        <f>Bühler!J5589</f>
        <v>1.5501669916384202</v>
      </c>
      <c r="K5563" s="59">
        <f>Bühler!K5589</f>
        <v>2.3252504874576299</v>
      </c>
      <c r="L5563" s="59">
        <f>Bühler!L5589</f>
        <v>11.161202339796624</v>
      </c>
      <c r="M5563" s="58">
        <f>Bühler!M5589</f>
        <v>0</v>
      </c>
      <c r="N5563" s="56">
        <f>IF(Input!$D$19=1,J5563*Input!$C$19,0)+IF(Input!$D$20=1,K5563*Input!$C$20,0)+IF(Input!$D$21=1,L5563*Input!$C$21,0)+IF(Input!$D$22=1,M5563*Input!$C$22,0)</f>
        <v>0.46505009749152604</v>
      </c>
      <c r="O5563" s="59">
        <f>IF(Input!$D$19=2,J5563*Input!$C$19,0)+IF(Input!$D$20=2,K5563*Input!$C$20,0)+IF(Input!$D$21=2,L5563*Input!$C$21,0)+IF(Input!$D$22=2,M5563*Input!$C$22,0)</f>
        <v>1.1626252437288149</v>
      </c>
      <c r="P5563" s="59">
        <f>IF(Input!$D$19=3,J5563*Input!$C$19,0)+IF(Input!$D$20=3,K5563*Input!$C$20,0)+IF(Input!$D$21=3,L5563*Input!$C$21,0)+IF(Input!$D$22=3,M5563*Input!$C$22,0)</f>
        <v>0</v>
      </c>
      <c r="Q5563" s="75">
        <f>IF(Input!$D$19=4,J5563*Input!$C$19,0)+IF(Input!$D$20=4,K5563*Input!$C$20,0)+IF(Input!$D$21=4,L5563*Input!$C$21,0)+IF(Input!$D$22=4,M5563*Input!$C$22,0)</f>
        <v>0</v>
      </c>
      <c r="R5563" s="58">
        <v>67.820813654203647</v>
      </c>
      <c r="S5563" s="124">
        <f t="shared" si="86"/>
        <v>2.0152170891299463</v>
      </c>
    </row>
    <row r="5564" spans="8:19" x14ac:dyDescent="0.3">
      <c r="H5564" s="44">
        <v>5557</v>
      </c>
      <c r="I5564" s="56">
        <f>Bühler!I5590</f>
        <v>0.46505009749152598</v>
      </c>
      <c r="J5564" s="59">
        <f>Bühler!J5590</f>
        <v>1.5501669916384202</v>
      </c>
      <c r="K5564" s="59">
        <f>Bühler!K5590</f>
        <v>2.3252504874576299</v>
      </c>
      <c r="L5564" s="59">
        <f>Bühler!L5590</f>
        <v>11.161202339796624</v>
      </c>
      <c r="M5564" s="58">
        <f>Bühler!M5590</f>
        <v>0</v>
      </c>
      <c r="N5564" s="56">
        <f>IF(Input!$D$19=1,J5564*Input!$C$19,0)+IF(Input!$D$20=1,K5564*Input!$C$20,0)+IF(Input!$D$21=1,L5564*Input!$C$21,0)+IF(Input!$D$22=1,M5564*Input!$C$22,0)</f>
        <v>0.46505009749152604</v>
      </c>
      <c r="O5564" s="59">
        <f>IF(Input!$D$19=2,J5564*Input!$C$19,0)+IF(Input!$D$20=2,K5564*Input!$C$20,0)+IF(Input!$D$21=2,L5564*Input!$C$21,0)+IF(Input!$D$22=2,M5564*Input!$C$22,0)</f>
        <v>1.1626252437288149</v>
      </c>
      <c r="P5564" s="59">
        <f>IF(Input!$D$19=3,J5564*Input!$C$19,0)+IF(Input!$D$20=3,K5564*Input!$C$20,0)+IF(Input!$D$21=3,L5564*Input!$C$21,0)+IF(Input!$D$22=3,M5564*Input!$C$22,0)</f>
        <v>0</v>
      </c>
      <c r="Q5564" s="75">
        <f>IF(Input!$D$19=4,J5564*Input!$C$19,0)+IF(Input!$D$20=4,K5564*Input!$C$20,0)+IF(Input!$D$21=4,L5564*Input!$C$21,0)+IF(Input!$D$22=4,M5564*Input!$C$22,0)</f>
        <v>0</v>
      </c>
      <c r="R5564" s="58">
        <v>67.793088336329788</v>
      </c>
      <c r="S5564" s="124">
        <f t="shared" si="86"/>
        <v>2.0152170891299463</v>
      </c>
    </row>
    <row r="5565" spans="8:19" x14ac:dyDescent="0.3">
      <c r="H5565" s="44">
        <v>5558</v>
      </c>
      <c r="I5565" s="56">
        <f>Bühler!I5591</f>
        <v>0.30809568958813593</v>
      </c>
      <c r="J5565" s="59">
        <f>Bühler!J5591</f>
        <v>1.0269856319604533</v>
      </c>
      <c r="K5565" s="59">
        <f>Bühler!K5591</f>
        <v>1.5404784479406797</v>
      </c>
      <c r="L5565" s="59">
        <f>Bühler!L5591</f>
        <v>7.3942965501152624</v>
      </c>
      <c r="M5565" s="58">
        <f>Bühler!M5591</f>
        <v>0</v>
      </c>
      <c r="N5565" s="56">
        <f>IF(Input!$D$19=1,J5565*Input!$C$19,0)+IF(Input!$D$20=1,K5565*Input!$C$20,0)+IF(Input!$D$21=1,L5565*Input!$C$21,0)+IF(Input!$D$22=1,M5565*Input!$C$22,0)</f>
        <v>0.30809568958813599</v>
      </c>
      <c r="O5565" s="59">
        <f>IF(Input!$D$19=2,J5565*Input!$C$19,0)+IF(Input!$D$20=2,K5565*Input!$C$20,0)+IF(Input!$D$21=2,L5565*Input!$C$21,0)+IF(Input!$D$22=2,M5565*Input!$C$22,0)</f>
        <v>0.77023922397033984</v>
      </c>
      <c r="P5565" s="59">
        <f>IF(Input!$D$19=3,J5565*Input!$C$19,0)+IF(Input!$D$20=3,K5565*Input!$C$20,0)+IF(Input!$D$21=3,L5565*Input!$C$21,0)+IF(Input!$D$22=3,M5565*Input!$C$22,0)</f>
        <v>0</v>
      </c>
      <c r="Q5565" s="75">
        <f>IF(Input!$D$19=4,J5565*Input!$C$19,0)+IF(Input!$D$20=4,K5565*Input!$C$20,0)+IF(Input!$D$21=4,L5565*Input!$C$21,0)+IF(Input!$D$22=4,M5565*Input!$C$22,0)</f>
        <v>0</v>
      </c>
      <c r="R5565" s="58">
        <v>68.275923572436454</v>
      </c>
      <c r="S5565" s="124">
        <f t="shared" si="86"/>
        <v>1.3350813215485893</v>
      </c>
    </row>
    <row r="5566" spans="8:19" x14ac:dyDescent="0.3">
      <c r="H5566" s="44">
        <v>5559</v>
      </c>
      <c r="I5566" s="56">
        <f>Bühler!I5592</f>
        <v>0.46505009749152598</v>
      </c>
      <c r="J5566" s="59">
        <f>Bühler!J5592</f>
        <v>1.5501669916384202</v>
      </c>
      <c r="K5566" s="59">
        <f>Bühler!K5592</f>
        <v>2.3252504874576299</v>
      </c>
      <c r="L5566" s="59">
        <f>Bühler!L5592</f>
        <v>11.161202339796624</v>
      </c>
      <c r="M5566" s="58">
        <f>Bühler!M5592</f>
        <v>0</v>
      </c>
      <c r="N5566" s="56">
        <f>IF(Input!$D$19=1,J5566*Input!$C$19,0)+IF(Input!$D$20=1,K5566*Input!$C$20,0)+IF(Input!$D$21=1,L5566*Input!$C$21,0)+IF(Input!$D$22=1,M5566*Input!$C$22,0)</f>
        <v>0.46505009749152604</v>
      </c>
      <c r="O5566" s="59">
        <f>IF(Input!$D$19=2,J5566*Input!$C$19,0)+IF(Input!$D$20=2,K5566*Input!$C$20,0)+IF(Input!$D$21=2,L5566*Input!$C$21,0)+IF(Input!$D$22=2,M5566*Input!$C$22,0)</f>
        <v>1.1626252437288149</v>
      </c>
      <c r="P5566" s="59">
        <f>IF(Input!$D$19=3,J5566*Input!$C$19,0)+IF(Input!$D$20=3,K5566*Input!$C$20,0)+IF(Input!$D$21=3,L5566*Input!$C$21,0)+IF(Input!$D$22=3,M5566*Input!$C$22,0)</f>
        <v>0</v>
      </c>
      <c r="Q5566" s="75">
        <f>IF(Input!$D$19=4,J5566*Input!$C$19,0)+IF(Input!$D$20=4,K5566*Input!$C$20,0)+IF(Input!$D$21=4,L5566*Input!$C$21,0)+IF(Input!$D$22=4,M5566*Input!$C$22,0)</f>
        <v>0</v>
      </c>
      <c r="R5566" s="58">
        <v>68.813985886867229</v>
      </c>
      <c r="S5566" s="124">
        <f t="shared" si="86"/>
        <v>2.0152170891299463</v>
      </c>
    </row>
    <row r="5567" spans="8:19" x14ac:dyDescent="0.3">
      <c r="H5567" s="44">
        <v>5560</v>
      </c>
      <c r="I5567" s="56">
        <f>Bühler!I5593</f>
        <v>0.46505009749152598</v>
      </c>
      <c r="J5567" s="59">
        <f>Bühler!J5593</f>
        <v>1.5501669916384202</v>
      </c>
      <c r="K5567" s="59">
        <f>Bühler!K5593</f>
        <v>2.3252504874576299</v>
      </c>
      <c r="L5567" s="59">
        <f>Bühler!L5593</f>
        <v>11.161202339796624</v>
      </c>
      <c r="M5567" s="58">
        <f>Bühler!M5593</f>
        <v>0</v>
      </c>
      <c r="N5567" s="56">
        <f>IF(Input!$D$19=1,J5567*Input!$C$19,0)+IF(Input!$D$20=1,K5567*Input!$C$20,0)+IF(Input!$D$21=1,L5567*Input!$C$21,0)+IF(Input!$D$22=1,M5567*Input!$C$22,0)</f>
        <v>0.46505009749152604</v>
      </c>
      <c r="O5567" s="59">
        <f>IF(Input!$D$19=2,J5567*Input!$C$19,0)+IF(Input!$D$20=2,K5567*Input!$C$20,0)+IF(Input!$D$21=2,L5567*Input!$C$21,0)+IF(Input!$D$22=2,M5567*Input!$C$22,0)</f>
        <v>1.1626252437288149</v>
      </c>
      <c r="P5567" s="59">
        <f>IF(Input!$D$19=3,J5567*Input!$C$19,0)+IF(Input!$D$20=3,K5567*Input!$C$20,0)+IF(Input!$D$21=3,L5567*Input!$C$21,0)+IF(Input!$D$22=3,M5567*Input!$C$22,0)</f>
        <v>0</v>
      </c>
      <c r="Q5567" s="75">
        <f>IF(Input!$D$19=4,J5567*Input!$C$19,0)+IF(Input!$D$20=4,K5567*Input!$C$20,0)+IF(Input!$D$21=4,L5567*Input!$C$21,0)+IF(Input!$D$22=4,M5567*Input!$C$22,0)</f>
        <v>0</v>
      </c>
      <c r="R5567" s="58">
        <v>68.362151698801085</v>
      </c>
      <c r="S5567" s="124">
        <f t="shared" si="86"/>
        <v>2.0152170891299463</v>
      </c>
    </row>
    <row r="5568" spans="8:19" x14ac:dyDescent="0.3">
      <c r="H5568" s="44">
        <v>5561</v>
      </c>
      <c r="I5568" s="56">
        <f>Bühler!I5594</f>
        <v>0.46505009749152598</v>
      </c>
      <c r="J5568" s="59">
        <f>Bühler!J5594</f>
        <v>1.5501669916384202</v>
      </c>
      <c r="K5568" s="59">
        <f>Bühler!K5594</f>
        <v>2.3252504874576299</v>
      </c>
      <c r="L5568" s="59">
        <f>Bühler!L5594</f>
        <v>11.161202339796624</v>
      </c>
      <c r="M5568" s="58">
        <f>Bühler!M5594</f>
        <v>0</v>
      </c>
      <c r="N5568" s="56">
        <f>IF(Input!$D$19=1,J5568*Input!$C$19,0)+IF(Input!$D$20=1,K5568*Input!$C$20,0)+IF(Input!$D$21=1,L5568*Input!$C$21,0)+IF(Input!$D$22=1,M5568*Input!$C$22,0)</f>
        <v>0.46505009749152604</v>
      </c>
      <c r="O5568" s="59">
        <f>IF(Input!$D$19=2,J5568*Input!$C$19,0)+IF(Input!$D$20=2,K5568*Input!$C$20,0)+IF(Input!$D$21=2,L5568*Input!$C$21,0)+IF(Input!$D$22=2,M5568*Input!$C$22,0)</f>
        <v>1.1626252437288149</v>
      </c>
      <c r="P5568" s="59">
        <f>IF(Input!$D$19=3,J5568*Input!$C$19,0)+IF(Input!$D$20=3,K5568*Input!$C$20,0)+IF(Input!$D$21=3,L5568*Input!$C$21,0)+IF(Input!$D$22=3,M5568*Input!$C$22,0)</f>
        <v>0</v>
      </c>
      <c r="Q5568" s="75">
        <f>IF(Input!$D$19=4,J5568*Input!$C$19,0)+IF(Input!$D$20=4,K5568*Input!$C$20,0)+IF(Input!$D$21=4,L5568*Input!$C$21,0)+IF(Input!$D$22=4,M5568*Input!$C$22,0)</f>
        <v>0</v>
      </c>
      <c r="R5568" s="58">
        <v>67.453152248934686</v>
      </c>
      <c r="S5568" s="124">
        <f t="shared" si="86"/>
        <v>2.0152170891299463</v>
      </c>
    </row>
    <row r="5569" spans="8:19" x14ac:dyDescent="0.3">
      <c r="H5569" s="44">
        <v>5562</v>
      </c>
      <c r="I5569" s="56">
        <f>Bühler!I5595</f>
        <v>0.46505009749152598</v>
      </c>
      <c r="J5569" s="59">
        <f>Bühler!J5595</f>
        <v>1.5501669916384202</v>
      </c>
      <c r="K5569" s="59">
        <f>Bühler!K5595</f>
        <v>2.3252504874576299</v>
      </c>
      <c r="L5569" s="59">
        <f>Bühler!L5595</f>
        <v>11.161202339796624</v>
      </c>
      <c r="M5569" s="58">
        <f>Bühler!M5595</f>
        <v>0</v>
      </c>
      <c r="N5569" s="56">
        <f>IF(Input!$D$19=1,J5569*Input!$C$19,0)+IF(Input!$D$20=1,K5569*Input!$C$20,0)+IF(Input!$D$21=1,L5569*Input!$C$21,0)+IF(Input!$D$22=1,M5569*Input!$C$22,0)</f>
        <v>0.46505009749152604</v>
      </c>
      <c r="O5569" s="59">
        <f>IF(Input!$D$19=2,J5569*Input!$C$19,0)+IF(Input!$D$20=2,K5569*Input!$C$20,0)+IF(Input!$D$21=2,L5569*Input!$C$21,0)+IF(Input!$D$22=2,M5569*Input!$C$22,0)</f>
        <v>1.1626252437288149</v>
      </c>
      <c r="P5569" s="59">
        <f>IF(Input!$D$19=3,J5569*Input!$C$19,0)+IF(Input!$D$20=3,K5569*Input!$C$20,0)+IF(Input!$D$21=3,L5569*Input!$C$21,0)+IF(Input!$D$22=3,M5569*Input!$C$22,0)</f>
        <v>0</v>
      </c>
      <c r="Q5569" s="75">
        <f>IF(Input!$D$19=4,J5569*Input!$C$19,0)+IF(Input!$D$20=4,K5569*Input!$C$20,0)+IF(Input!$D$21=4,L5569*Input!$C$21,0)+IF(Input!$D$22=4,M5569*Input!$C$22,0)</f>
        <v>0</v>
      </c>
      <c r="R5569" s="58">
        <v>66.082243443970597</v>
      </c>
      <c r="S5569" s="124">
        <f t="shared" si="86"/>
        <v>2.0152170891299463</v>
      </c>
    </row>
    <row r="5570" spans="8:19" x14ac:dyDescent="0.3">
      <c r="H5570" s="44">
        <v>5563</v>
      </c>
      <c r="I5570" s="56">
        <f>Bühler!I5596</f>
        <v>0.46505009749152598</v>
      </c>
      <c r="J5570" s="59">
        <f>Bühler!J5596</f>
        <v>1.5501669916384202</v>
      </c>
      <c r="K5570" s="59">
        <f>Bühler!K5596</f>
        <v>2.3252504874576299</v>
      </c>
      <c r="L5570" s="59">
        <f>Bühler!L5596</f>
        <v>11.161202339796624</v>
      </c>
      <c r="M5570" s="58">
        <f>Bühler!M5596</f>
        <v>0</v>
      </c>
      <c r="N5570" s="56">
        <f>IF(Input!$D$19=1,J5570*Input!$C$19,0)+IF(Input!$D$20=1,K5570*Input!$C$20,0)+IF(Input!$D$21=1,L5570*Input!$C$21,0)+IF(Input!$D$22=1,M5570*Input!$C$22,0)</f>
        <v>0.46505009749152604</v>
      </c>
      <c r="O5570" s="59">
        <f>IF(Input!$D$19=2,J5570*Input!$C$19,0)+IF(Input!$D$20=2,K5570*Input!$C$20,0)+IF(Input!$D$21=2,L5570*Input!$C$21,0)+IF(Input!$D$22=2,M5570*Input!$C$22,0)</f>
        <v>1.1626252437288149</v>
      </c>
      <c r="P5570" s="59">
        <f>IF(Input!$D$19=3,J5570*Input!$C$19,0)+IF(Input!$D$20=3,K5570*Input!$C$20,0)+IF(Input!$D$21=3,L5570*Input!$C$21,0)+IF(Input!$D$22=3,M5570*Input!$C$22,0)</f>
        <v>0</v>
      </c>
      <c r="Q5570" s="75">
        <f>IF(Input!$D$19=4,J5570*Input!$C$19,0)+IF(Input!$D$20=4,K5570*Input!$C$20,0)+IF(Input!$D$21=4,L5570*Input!$C$21,0)+IF(Input!$D$22=4,M5570*Input!$C$22,0)</f>
        <v>0</v>
      </c>
      <c r="R5570" s="58">
        <v>64.631960966051196</v>
      </c>
      <c r="S5570" s="124">
        <f t="shared" si="86"/>
        <v>2.0152170891299463</v>
      </c>
    </row>
    <row r="5571" spans="8:19" x14ac:dyDescent="0.3">
      <c r="H5571" s="44">
        <v>5564</v>
      </c>
      <c r="I5571" s="56">
        <f>Bühler!I5597</f>
        <v>0.38947945664915301</v>
      </c>
      <c r="J5571" s="59">
        <f>Bühler!J5597</f>
        <v>1.2982648554971767</v>
      </c>
      <c r="K5571" s="59">
        <f>Bühler!K5597</f>
        <v>1.9473972832457651</v>
      </c>
      <c r="L5571" s="59">
        <f>Bühler!L5597</f>
        <v>9.3475069595796718</v>
      </c>
      <c r="M5571" s="58">
        <f>Bühler!M5597</f>
        <v>0</v>
      </c>
      <c r="N5571" s="56">
        <f>IF(Input!$D$19=1,J5571*Input!$C$19,0)+IF(Input!$D$20=1,K5571*Input!$C$20,0)+IF(Input!$D$21=1,L5571*Input!$C$21,0)+IF(Input!$D$22=1,M5571*Input!$C$22,0)</f>
        <v>0.38947945664915301</v>
      </c>
      <c r="O5571" s="59">
        <f>IF(Input!$D$19=2,J5571*Input!$C$19,0)+IF(Input!$D$20=2,K5571*Input!$C$20,0)+IF(Input!$D$21=2,L5571*Input!$C$21,0)+IF(Input!$D$22=2,M5571*Input!$C$22,0)</f>
        <v>0.97369864162288255</v>
      </c>
      <c r="P5571" s="59">
        <f>IF(Input!$D$19=3,J5571*Input!$C$19,0)+IF(Input!$D$20=3,K5571*Input!$C$20,0)+IF(Input!$D$21=3,L5571*Input!$C$21,0)+IF(Input!$D$22=3,M5571*Input!$C$22,0)</f>
        <v>0</v>
      </c>
      <c r="Q5571" s="75">
        <f>IF(Input!$D$19=4,J5571*Input!$C$19,0)+IF(Input!$D$20=4,K5571*Input!$C$20,0)+IF(Input!$D$21=4,L5571*Input!$C$21,0)+IF(Input!$D$22=4,M5571*Input!$C$22,0)</f>
        <v>0</v>
      </c>
      <c r="R5571" s="58">
        <v>63.62566280580247</v>
      </c>
      <c r="S5571" s="124">
        <f t="shared" si="86"/>
        <v>1.6877443121463298</v>
      </c>
    </row>
    <row r="5572" spans="8:19" x14ac:dyDescent="0.3">
      <c r="H5572" s="44">
        <v>5565</v>
      </c>
      <c r="I5572" s="56">
        <f>Bühler!I5598</f>
        <v>0.31972194202542409</v>
      </c>
      <c r="J5572" s="59">
        <f>Bühler!J5598</f>
        <v>1.0657398067514137</v>
      </c>
      <c r="K5572" s="59">
        <f>Bühler!K5598</f>
        <v>1.5986097101271206</v>
      </c>
      <c r="L5572" s="59">
        <f>Bühler!L5598</f>
        <v>7.6733266086101786</v>
      </c>
      <c r="M5572" s="58">
        <f>Bühler!M5598</f>
        <v>0</v>
      </c>
      <c r="N5572" s="56">
        <f>IF(Input!$D$19=1,J5572*Input!$C$19,0)+IF(Input!$D$20=1,K5572*Input!$C$20,0)+IF(Input!$D$21=1,L5572*Input!$C$21,0)+IF(Input!$D$22=1,M5572*Input!$C$22,0)</f>
        <v>0.31972194202542409</v>
      </c>
      <c r="O5572" s="59">
        <f>IF(Input!$D$19=2,J5572*Input!$C$19,0)+IF(Input!$D$20=2,K5572*Input!$C$20,0)+IF(Input!$D$21=2,L5572*Input!$C$21,0)+IF(Input!$D$22=2,M5572*Input!$C$22,0)</f>
        <v>0.7993048550635603</v>
      </c>
      <c r="P5572" s="59">
        <f>IF(Input!$D$19=3,J5572*Input!$C$19,0)+IF(Input!$D$20=3,K5572*Input!$C$20,0)+IF(Input!$D$21=3,L5572*Input!$C$21,0)+IF(Input!$D$22=3,M5572*Input!$C$22,0)</f>
        <v>0</v>
      </c>
      <c r="Q5572" s="75">
        <f>IF(Input!$D$19=4,J5572*Input!$C$19,0)+IF(Input!$D$20=4,K5572*Input!$C$20,0)+IF(Input!$D$21=4,L5572*Input!$C$21,0)+IF(Input!$D$22=4,M5572*Input!$C$22,0)</f>
        <v>0</v>
      </c>
      <c r="R5572" s="58">
        <v>61.14478319384677</v>
      </c>
      <c r="S5572" s="124">
        <f t="shared" si="86"/>
        <v>1.3854617487768377</v>
      </c>
    </row>
    <row r="5573" spans="8:19" x14ac:dyDescent="0.3">
      <c r="H5573" s="44">
        <v>5566</v>
      </c>
      <c r="I5573" s="56">
        <f>Bühler!I5599</f>
        <v>0.23252504874576299</v>
      </c>
      <c r="J5573" s="59">
        <f>Bühler!J5599</f>
        <v>0.7750834958192101</v>
      </c>
      <c r="K5573" s="59">
        <f>Bühler!K5599</f>
        <v>1.1626252437288149</v>
      </c>
      <c r="L5573" s="59">
        <f>Bühler!L5599</f>
        <v>5.580601169898312</v>
      </c>
      <c r="M5573" s="58">
        <f>Bühler!M5599</f>
        <v>0</v>
      </c>
      <c r="N5573" s="56">
        <f>IF(Input!$D$19=1,J5573*Input!$C$19,0)+IF(Input!$D$20=1,K5573*Input!$C$20,0)+IF(Input!$D$21=1,L5573*Input!$C$21,0)+IF(Input!$D$22=1,M5573*Input!$C$22,0)</f>
        <v>0.23252504874576302</v>
      </c>
      <c r="O5573" s="59">
        <f>IF(Input!$D$19=2,J5573*Input!$C$19,0)+IF(Input!$D$20=2,K5573*Input!$C$20,0)+IF(Input!$D$21=2,L5573*Input!$C$21,0)+IF(Input!$D$22=2,M5573*Input!$C$22,0)</f>
        <v>0.58131262186440746</v>
      </c>
      <c r="P5573" s="59">
        <f>IF(Input!$D$19=3,J5573*Input!$C$19,0)+IF(Input!$D$20=3,K5573*Input!$C$20,0)+IF(Input!$D$21=3,L5573*Input!$C$21,0)+IF(Input!$D$22=3,M5573*Input!$C$22,0)</f>
        <v>0</v>
      </c>
      <c r="Q5573" s="75">
        <f>IF(Input!$D$19=4,J5573*Input!$C$19,0)+IF(Input!$D$20=4,K5573*Input!$C$20,0)+IF(Input!$D$21=4,L5573*Input!$C$21,0)+IF(Input!$D$22=4,M5573*Input!$C$22,0)</f>
        <v>0</v>
      </c>
      <c r="R5573" s="58">
        <v>58.981971681440001</v>
      </c>
      <c r="S5573" s="124">
        <f t="shared" si="86"/>
        <v>1.0076085445649732</v>
      </c>
    </row>
    <row r="5574" spans="8:19" x14ac:dyDescent="0.3">
      <c r="H5574" s="44">
        <v>5567</v>
      </c>
      <c r="I5574" s="56">
        <f>Bühler!I5600</f>
        <v>0.22089879630847484</v>
      </c>
      <c r="J5574" s="59">
        <f>Bühler!J5600</f>
        <v>0.73632932102824955</v>
      </c>
      <c r="K5574" s="59">
        <f>Bühler!K5600</f>
        <v>1.1044939815423742</v>
      </c>
      <c r="L5574" s="59">
        <f>Bühler!L5600</f>
        <v>5.3015711114033959</v>
      </c>
      <c r="M5574" s="58">
        <f>Bühler!M5600</f>
        <v>0</v>
      </c>
      <c r="N5574" s="56">
        <f>IF(Input!$D$19=1,J5574*Input!$C$19,0)+IF(Input!$D$20=1,K5574*Input!$C$20,0)+IF(Input!$D$21=1,L5574*Input!$C$21,0)+IF(Input!$D$22=1,M5574*Input!$C$22,0)</f>
        <v>0.22089879630847487</v>
      </c>
      <c r="O5574" s="59">
        <f>IF(Input!$D$19=2,J5574*Input!$C$19,0)+IF(Input!$D$20=2,K5574*Input!$C$20,0)+IF(Input!$D$21=2,L5574*Input!$C$21,0)+IF(Input!$D$22=2,M5574*Input!$C$22,0)</f>
        <v>0.55224699077118711</v>
      </c>
      <c r="P5574" s="59">
        <f>IF(Input!$D$19=3,J5574*Input!$C$19,0)+IF(Input!$D$20=3,K5574*Input!$C$20,0)+IF(Input!$D$21=3,L5574*Input!$C$21,0)+IF(Input!$D$22=3,M5574*Input!$C$22,0)</f>
        <v>0</v>
      </c>
      <c r="Q5574" s="75">
        <f>IF(Input!$D$19=4,J5574*Input!$C$19,0)+IF(Input!$D$20=4,K5574*Input!$C$20,0)+IF(Input!$D$21=4,L5574*Input!$C$21,0)+IF(Input!$D$22=4,M5574*Input!$C$22,0)</f>
        <v>0</v>
      </c>
      <c r="R5574" s="58">
        <v>58.887967746167149</v>
      </c>
      <c r="S5574" s="124">
        <f t="shared" si="86"/>
        <v>0.95722811733672442</v>
      </c>
    </row>
    <row r="5575" spans="8:19" x14ac:dyDescent="0.3">
      <c r="H5575" s="44">
        <v>5568</v>
      </c>
      <c r="I5575" s="56">
        <f>Bühler!I5601</f>
        <v>0.22089879630847484</v>
      </c>
      <c r="J5575" s="59">
        <f>Bühler!J5601</f>
        <v>0.73632932102824955</v>
      </c>
      <c r="K5575" s="59">
        <f>Bühler!K5601</f>
        <v>1.1044939815423742</v>
      </c>
      <c r="L5575" s="59">
        <f>Bühler!L5601</f>
        <v>5.3015711114033959</v>
      </c>
      <c r="M5575" s="58">
        <f>Bühler!M5601</f>
        <v>0</v>
      </c>
      <c r="N5575" s="56">
        <f>IF(Input!$D$19=1,J5575*Input!$C$19,0)+IF(Input!$D$20=1,K5575*Input!$C$20,0)+IF(Input!$D$21=1,L5575*Input!$C$21,0)+IF(Input!$D$22=1,M5575*Input!$C$22,0)</f>
        <v>0.22089879630847487</v>
      </c>
      <c r="O5575" s="59">
        <f>IF(Input!$D$19=2,J5575*Input!$C$19,0)+IF(Input!$D$20=2,K5575*Input!$C$20,0)+IF(Input!$D$21=2,L5575*Input!$C$21,0)+IF(Input!$D$22=2,M5575*Input!$C$22,0)</f>
        <v>0.55224699077118711</v>
      </c>
      <c r="P5575" s="59">
        <f>IF(Input!$D$19=3,J5575*Input!$C$19,0)+IF(Input!$D$20=3,K5575*Input!$C$20,0)+IF(Input!$D$21=3,L5575*Input!$C$21,0)+IF(Input!$D$22=3,M5575*Input!$C$22,0)</f>
        <v>0</v>
      </c>
      <c r="Q5575" s="75">
        <f>IF(Input!$D$19=4,J5575*Input!$C$19,0)+IF(Input!$D$20=4,K5575*Input!$C$20,0)+IF(Input!$D$21=4,L5575*Input!$C$21,0)+IF(Input!$D$22=4,M5575*Input!$C$22,0)</f>
        <v>0</v>
      </c>
      <c r="R5575" s="58">
        <v>58.455140116838599</v>
      </c>
      <c r="S5575" s="124">
        <f t="shared" si="86"/>
        <v>0.95722811733672442</v>
      </c>
    </row>
    <row r="5576" spans="8:19" x14ac:dyDescent="0.3">
      <c r="H5576" s="44">
        <v>5569</v>
      </c>
      <c r="I5576" s="56">
        <f>Bühler!I5602</f>
        <v>0.20696602756954208</v>
      </c>
      <c r="J5576" s="59">
        <f>Bühler!J5602</f>
        <v>0.68988675856514037</v>
      </c>
      <c r="K5576" s="59">
        <f>Bühler!K5602</f>
        <v>1.0348301378477105</v>
      </c>
      <c r="L5576" s="59">
        <f>Bühler!L5602</f>
        <v>4.9671846616690098</v>
      </c>
      <c r="M5576" s="58">
        <f>Bühler!M5602</f>
        <v>0</v>
      </c>
      <c r="N5576" s="56">
        <f>IF(Input!$D$19=1,J5576*Input!$C$19,0)+IF(Input!$D$20=1,K5576*Input!$C$20,0)+IF(Input!$D$21=1,L5576*Input!$C$21,0)+IF(Input!$D$22=1,M5576*Input!$C$22,0)</f>
        <v>0.2069660275695421</v>
      </c>
      <c r="O5576" s="59">
        <f>IF(Input!$D$19=2,J5576*Input!$C$19,0)+IF(Input!$D$20=2,K5576*Input!$C$20,0)+IF(Input!$D$21=2,L5576*Input!$C$21,0)+IF(Input!$D$22=2,M5576*Input!$C$22,0)</f>
        <v>0.51741506892385525</v>
      </c>
      <c r="P5576" s="59">
        <f>IF(Input!$D$19=3,J5576*Input!$C$19,0)+IF(Input!$D$20=3,K5576*Input!$C$20,0)+IF(Input!$D$21=3,L5576*Input!$C$21,0)+IF(Input!$D$22=3,M5576*Input!$C$22,0)</f>
        <v>0</v>
      </c>
      <c r="Q5576" s="75">
        <f>IF(Input!$D$19=4,J5576*Input!$C$19,0)+IF(Input!$D$20=4,K5576*Input!$C$20,0)+IF(Input!$D$21=4,L5576*Input!$C$21,0)+IF(Input!$D$22=4,M5576*Input!$C$22,0)</f>
        <v>0</v>
      </c>
      <c r="R5576" s="58">
        <v>57.245693925293331</v>
      </c>
      <c r="S5576" s="124">
        <f t="shared" si="86"/>
        <v>0.89685278613468244</v>
      </c>
    </row>
    <row r="5577" spans="8:19" x14ac:dyDescent="0.3">
      <c r="H5577" s="44">
        <v>5570</v>
      </c>
      <c r="I5577" s="56">
        <f>Bühler!I5603</f>
        <v>0.20696602756954208</v>
      </c>
      <c r="J5577" s="59">
        <f>Bühler!J5603</f>
        <v>0.68988675856514037</v>
      </c>
      <c r="K5577" s="59">
        <f>Bühler!K5603</f>
        <v>1.0348301378477105</v>
      </c>
      <c r="L5577" s="59">
        <f>Bühler!L5603</f>
        <v>4.9671846616690098</v>
      </c>
      <c r="M5577" s="58">
        <f>Bühler!M5603</f>
        <v>0</v>
      </c>
      <c r="N5577" s="56">
        <f>IF(Input!$D$19=1,J5577*Input!$C$19,0)+IF(Input!$D$20=1,K5577*Input!$C$20,0)+IF(Input!$D$21=1,L5577*Input!$C$21,0)+IF(Input!$D$22=1,M5577*Input!$C$22,0)</f>
        <v>0.2069660275695421</v>
      </c>
      <c r="O5577" s="59">
        <f>IF(Input!$D$19=2,J5577*Input!$C$19,0)+IF(Input!$D$20=2,K5577*Input!$C$20,0)+IF(Input!$D$21=2,L5577*Input!$C$21,0)+IF(Input!$D$22=2,M5577*Input!$C$22,0)</f>
        <v>0.51741506892385525</v>
      </c>
      <c r="P5577" s="59">
        <f>IF(Input!$D$19=3,J5577*Input!$C$19,0)+IF(Input!$D$20=3,K5577*Input!$C$20,0)+IF(Input!$D$21=3,L5577*Input!$C$21,0)+IF(Input!$D$22=3,M5577*Input!$C$22,0)</f>
        <v>0</v>
      </c>
      <c r="Q5577" s="75">
        <f>IF(Input!$D$19=4,J5577*Input!$C$19,0)+IF(Input!$D$20=4,K5577*Input!$C$20,0)+IF(Input!$D$21=4,L5577*Input!$C$21,0)+IF(Input!$D$22=4,M5577*Input!$C$22,0)</f>
        <v>0</v>
      </c>
      <c r="R5577" s="58">
        <v>56.720117698978136</v>
      </c>
      <c r="S5577" s="124">
        <f t="shared" ref="S5577:S5640" si="87">I5577+J5577</f>
        <v>0.89685278613468244</v>
      </c>
    </row>
    <row r="5578" spans="8:19" x14ac:dyDescent="0.3">
      <c r="H5578" s="44">
        <v>5571</v>
      </c>
      <c r="I5578" s="56">
        <f>Bühler!I5604</f>
        <v>0.20696602756954208</v>
      </c>
      <c r="J5578" s="59">
        <f>Bühler!J5604</f>
        <v>0.68988675856514037</v>
      </c>
      <c r="K5578" s="59">
        <f>Bühler!K5604</f>
        <v>1.0348301378477105</v>
      </c>
      <c r="L5578" s="59">
        <f>Bühler!L5604</f>
        <v>4.9671846616690098</v>
      </c>
      <c r="M5578" s="58">
        <f>Bühler!M5604</f>
        <v>0</v>
      </c>
      <c r="N5578" s="56">
        <f>IF(Input!$D$19=1,J5578*Input!$C$19,0)+IF(Input!$D$20=1,K5578*Input!$C$20,0)+IF(Input!$D$21=1,L5578*Input!$C$21,0)+IF(Input!$D$22=1,M5578*Input!$C$22,0)</f>
        <v>0.2069660275695421</v>
      </c>
      <c r="O5578" s="59">
        <f>IF(Input!$D$19=2,J5578*Input!$C$19,0)+IF(Input!$D$20=2,K5578*Input!$C$20,0)+IF(Input!$D$21=2,L5578*Input!$C$21,0)+IF(Input!$D$22=2,M5578*Input!$C$22,0)</f>
        <v>0.51741506892385525</v>
      </c>
      <c r="P5578" s="59">
        <f>IF(Input!$D$19=3,J5578*Input!$C$19,0)+IF(Input!$D$20=3,K5578*Input!$C$20,0)+IF(Input!$D$21=3,L5578*Input!$C$21,0)+IF(Input!$D$22=3,M5578*Input!$C$22,0)</f>
        <v>0</v>
      </c>
      <c r="Q5578" s="75">
        <f>IF(Input!$D$19=4,J5578*Input!$C$19,0)+IF(Input!$D$20=4,K5578*Input!$C$20,0)+IF(Input!$D$21=4,L5578*Input!$C$21,0)+IF(Input!$D$22=4,M5578*Input!$C$22,0)</f>
        <v>0</v>
      </c>
      <c r="R5578" s="58">
        <v>56.777237915228945</v>
      </c>
      <c r="S5578" s="124">
        <f t="shared" si="87"/>
        <v>0.89685278613468244</v>
      </c>
    </row>
    <row r="5579" spans="8:19" x14ac:dyDescent="0.3">
      <c r="H5579" s="44">
        <v>5572</v>
      </c>
      <c r="I5579" s="56">
        <f>Bühler!I5605</f>
        <v>0.20696602756954208</v>
      </c>
      <c r="J5579" s="59">
        <f>Bühler!J5605</f>
        <v>0.68988675856514037</v>
      </c>
      <c r="K5579" s="59">
        <f>Bühler!K5605</f>
        <v>1.0348301378477105</v>
      </c>
      <c r="L5579" s="59">
        <f>Bühler!L5605</f>
        <v>4.9671846616690098</v>
      </c>
      <c r="M5579" s="58">
        <f>Bühler!M5605</f>
        <v>0</v>
      </c>
      <c r="N5579" s="56">
        <f>IF(Input!$D$19=1,J5579*Input!$C$19,0)+IF(Input!$D$20=1,K5579*Input!$C$20,0)+IF(Input!$D$21=1,L5579*Input!$C$21,0)+IF(Input!$D$22=1,M5579*Input!$C$22,0)</f>
        <v>0.2069660275695421</v>
      </c>
      <c r="O5579" s="59">
        <f>IF(Input!$D$19=2,J5579*Input!$C$19,0)+IF(Input!$D$20=2,K5579*Input!$C$20,0)+IF(Input!$D$21=2,L5579*Input!$C$21,0)+IF(Input!$D$22=2,M5579*Input!$C$22,0)</f>
        <v>0.51741506892385525</v>
      </c>
      <c r="P5579" s="59">
        <f>IF(Input!$D$19=3,J5579*Input!$C$19,0)+IF(Input!$D$20=3,K5579*Input!$C$20,0)+IF(Input!$D$21=3,L5579*Input!$C$21,0)+IF(Input!$D$22=3,M5579*Input!$C$22,0)</f>
        <v>0</v>
      </c>
      <c r="Q5579" s="75">
        <f>IF(Input!$D$19=4,J5579*Input!$C$19,0)+IF(Input!$D$20=4,K5579*Input!$C$20,0)+IF(Input!$D$21=4,L5579*Input!$C$21,0)+IF(Input!$D$22=4,M5579*Input!$C$22,0)</f>
        <v>0</v>
      </c>
      <c r="R5579" s="58">
        <v>57.206018268648229</v>
      </c>
      <c r="S5579" s="124">
        <f t="shared" si="87"/>
        <v>0.89685278613468244</v>
      </c>
    </row>
    <row r="5580" spans="8:19" x14ac:dyDescent="0.3">
      <c r="H5580" s="44">
        <v>5573</v>
      </c>
      <c r="I5580" s="56">
        <f>Bühler!I5606</f>
        <v>0.20696602756954208</v>
      </c>
      <c r="J5580" s="59">
        <f>Bühler!J5606</f>
        <v>0.68988675856514037</v>
      </c>
      <c r="K5580" s="59">
        <f>Bühler!K5606</f>
        <v>1.0348301378477105</v>
      </c>
      <c r="L5580" s="59">
        <f>Bühler!L5606</f>
        <v>4.9671846616690098</v>
      </c>
      <c r="M5580" s="58">
        <f>Bühler!M5606</f>
        <v>0</v>
      </c>
      <c r="N5580" s="56">
        <f>IF(Input!$D$19=1,J5580*Input!$C$19,0)+IF(Input!$D$20=1,K5580*Input!$C$20,0)+IF(Input!$D$21=1,L5580*Input!$C$21,0)+IF(Input!$D$22=1,M5580*Input!$C$22,0)</f>
        <v>0.2069660275695421</v>
      </c>
      <c r="O5580" s="59">
        <f>IF(Input!$D$19=2,J5580*Input!$C$19,0)+IF(Input!$D$20=2,K5580*Input!$C$20,0)+IF(Input!$D$21=2,L5580*Input!$C$21,0)+IF(Input!$D$22=2,M5580*Input!$C$22,0)</f>
        <v>0.51741506892385525</v>
      </c>
      <c r="P5580" s="59">
        <f>IF(Input!$D$19=3,J5580*Input!$C$19,0)+IF(Input!$D$20=3,K5580*Input!$C$20,0)+IF(Input!$D$21=3,L5580*Input!$C$21,0)+IF(Input!$D$22=3,M5580*Input!$C$22,0)</f>
        <v>0</v>
      </c>
      <c r="Q5580" s="75">
        <f>IF(Input!$D$19=4,J5580*Input!$C$19,0)+IF(Input!$D$20=4,K5580*Input!$C$20,0)+IF(Input!$D$21=4,L5580*Input!$C$21,0)+IF(Input!$D$22=4,M5580*Input!$C$22,0)</f>
        <v>0</v>
      </c>
      <c r="R5580" s="58">
        <v>58.566580903516829</v>
      </c>
      <c r="S5580" s="124">
        <f t="shared" si="87"/>
        <v>0.89685278613468244</v>
      </c>
    </row>
    <row r="5581" spans="8:19" x14ac:dyDescent="0.3">
      <c r="H5581" s="44">
        <v>5574</v>
      </c>
      <c r="I5581" s="56">
        <f>Bühler!I5607</f>
        <v>0.26905583584040471</v>
      </c>
      <c r="J5581" s="59">
        <f>Bühler!J5607</f>
        <v>0.89685278613468233</v>
      </c>
      <c r="K5581" s="59">
        <f>Bühler!K5607</f>
        <v>1.3452791792020233</v>
      </c>
      <c r="L5581" s="59">
        <f>Bühler!L5607</f>
        <v>6.4573400601697122</v>
      </c>
      <c r="M5581" s="58">
        <f>Bühler!M5607</f>
        <v>0</v>
      </c>
      <c r="N5581" s="56">
        <f>IF(Input!$D$19=1,J5581*Input!$C$19,0)+IF(Input!$D$20=1,K5581*Input!$C$20,0)+IF(Input!$D$21=1,L5581*Input!$C$21,0)+IF(Input!$D$22=1,M5581*Input!$C$22,0)</f>
        <v>0.26905583584040471</v>
      </c>
      <c r="O5581" s="59">
        <f>IF(Input!$D$19=2,J5581*Input!$C$19,0)+IF(Input!$D$20=2,K5581*Input!$C$20,0)+IF(Input!$D$21=2,L5581*Input!$C$21,0)+IF(Input!$D$22=2,M5581*Input!$C$22,0)</f>
        <v>0.67263958960101167</v>
      </c>
      <c r="P5581" s="59">
        <f>IF(Input!$D$19=3,J5581*Input!$C$19,0)+IF(Input!$D$20=3,K5581*Input!$C$20,0)+IF(Input!$D$21=3,L5581*Input!$C$21,0)+IF(Input!$D$22=3,M5581*Input!$C$22,0)</f>
        <v>0</v>
      </c>
      <c r="Q5581" s="75">
        <f>IF(Input!$D$19=4,J5581*Input!$C$19,0)+IF(Input!$D$20=4,K5581*Input!$C$20,0)+IF(Input!$D$21=4,L5581*Input!$C$21,0)+IF(Input!$D$22=4,M5581*Input!$C$22,0)</f>
        <v>0</v>
      </c>
      <c r="R5581" s="58">
        <v>61.586969441394942</v>
      </c>
      <c r="S5581" s="124">
        <f t="shared" si="87"/>
        <v>1.1659086219750869</v>
      </c>
    </row>
    <row r="5582" spans="8:19" x14ac:dyDescent="0.3">
      <c r="H5582" s="44">
        <v>5575</v>
      </c>
      <c r="I5582" s="56">
        <f>Bühler!I5608</f>
        <v>0.30010073997583597</v>
      </c>
      <c r="J5582" s="59">
        <f>Bühler!J5608</f>
        <v>1.0003357999194533</v>
      </c>
      <c r="K5582" s="59">
        <f>Bühler!K5608</f>
        <v>1.5005036998791799</v>
      </c>
      <c r="L5582" s="59">
        <f>Bühler!L5608</f>
        <v>7.2024177594200633</v>
      </c>
      <c r="M5582" s="58">
        <f>Bühler!M5608</f>
        <v>0</v>
      </c>
      <c r="N5582" s="56">
        <f>IF(Input!$D$19=1,J5582*Input!$C$19,0)+IF(Input!$D$20=1,K5582*Input!$C$20,0)+IF(Input!$D$21=1,L5582*Input!$C$21,0)+IF(Input!$D$22=1,M5582*Input!$C$22,0)</f>
        <v>0.30010073997583597</v>
      </c>
      <c r="O5582" s="59">
        <f>IF(Input!$D$19=2,J5582*Input!$C$19,0)+IF(Input!$D$20=2,K5582*Input!$C$20,0)+IF(Input!$D$21=2,L5582*Input!$C$21,0)+IF(Input!$D$22=2,M5582*Input!$C$22,0)</f>
        <v>0.75025184993958993</v>
      </c>
      <c r="P5582" s="59">
        <f>IF(Input!$D$19=3,J5582*Input!$C$19,0)+IF(Input!$D$20=3,K5582*Input!$C$20,0)+IF(Input!$D$21=3,L5582*Input!$C$21,0)+IF(Input!$D$22=3,M5582*Input!$C$22,0)</f>
        <v>0</v>
      </c>
      <c r="Q5582" s="75">
        <f>IF(Input!$D$19=4,J5582*Input!$C$19,0)+IF(Input!$D$20=4,K5582*Input!$C$20,0)+IF(Input!$D$21=4,L5582*Input!$C$21,0)+IF(Input!$D$22=4,M5582*Input!$C$22,0)</f>
        <v>0</v>
      </c>
      <c r="R5582" s="58">
        <v>64.812190615198503</v>
      </c>
      <c r="S5582" s="124">
        <f t="shared" si="87"/>
        <v>1.3004365398952893</v>
      </c>
    </row>
    <row r="5583" spans="8:19" x14ac:dyDescent="0.3">
      <c r="H5583" s="44">
        <v>5576</v>
      </c>
      <c r="I5583" s="56">
        <f>Bühler!I5609</f>
        <v>0.31044904135431306</v>
      </c>
      <c r="J5583" s="59">
        <f>Bühler!J5609</f>
        <v>1.0348301378477103</v>
      </c>
      <c r="K5583" s="59">
        <f>Bühler!K5609</f>
        <v>1.5522452067715655</v>
      </c>
      <c r="L5583" s="59">
        <f>Bühler!L5609</f>
        <v>7.4507769925035143</v>
      </c>
      <c r="M5583" s="58">
        <f>Bühler!M5609</f>
        <v>0</v>
      </c>
      <c r="N5583" s="56">
        <f>IF(Input!$D$19=1,J5583*Input!$C$19,0)+IF(Input!$D$20=1,K5583*Input!$C$20,0)+IF(Input!$D$21=1,L5583*Input!$C$21,0)+IF(Input!$D$22=1,M5583*Input!$C$22,0)</f>
        <v>0.31044904135431306</v>
      </c>
      <c r="O5583" s="59">
        <f>IF(Input!$D$19=2,J5583*Input!$C$19,0)+IF(Input!$D$20=2,K5583*Input!$C$20,0)+IF(Input!$D$21=2,L5583*Input!$C$21,0)+IF(Input!$D$22=2,M5583*Input!$C$22,0)</f>
        <v>0.77612260338578276</v>
      </c>
      <c r="P5583" s="59">
        <f>IF(Input!$D$19=3,J5583*Input!$C$19,0)+IF(Input!$D$20=3,K5583*Input!$C$20,0)+IF(Input!$D$21=3,L5583*Input!$C$21,0)+IF(Input!$D$22=3,M5583*Input!$C$22,0)</f>
        <v>0</v>
      </c>
      <c r="Q5583" s="75">
        <f>IF(Input!$D$19=4,J5583*Input!$C$19,0)+IF(Input!$D$20=4,K5583*Input!$C$20,0)+IF(Input!$D$21=4,L5583*Input!$C$21,0)+IF(Input!$D$22=4,M5583*Input!$C$22,0)</f>
        <v>0</v>
      </c>
      <c r="R5583" s="58">
        <v>66.659931301937362</v>
      </c>
      <c r="S5583" s="124">
        <f t="shared" si="87"/>
        <v>1.3452791792020233</v>
      </c>
    </row>
    <row r="5584" spans="8:19" x14ac:dyDescent="0.3">
      <c r="H5584" s="44">
        <v>5577</v>
      </c>
      <c r="I5584" s="56">
        <f>Bühler!I5610</f>
        <v>0.31044904135431306</v>
      </c>
      <c r="J5584" s="59">
        <f>Bühler!J5610</f>
        <v>1.0348301378477103</v>
      </c>
      <c r="K5584" s="59">
        <f>Bühler!K5610</f>
        <v>1.5522452067715655</v>
      </c>
      <c r="L5584" s="59">
        <f>Bühler!L5610</f>
        <v>7.4507769925035143</v>
      </c>
      <c r="M5584" s="58">
        <f>Bühler!M5610</f>
        <v>0</v>
      </c>
      <c r="N5584" s="56">
        <f>IF(Input!$D$19=1,J5584*Input!$C$19,0)+IF(Input!$D$20=1,K5584*Input!$C$20,0)+IF(Input!$D$21=1,L5584*Input!$C$21,0)+IF(Input!$D$22=1,M5584*Input!$C$22,0)</f>
        <v>0.31044904135431306</v>
      </c>
      <c r="O5584" s="59">
        <f>IF(Input!$D$19=2,J5584*Input!$C$19,0)+IF(Input!$D$20=2,K5584*Input!$C$20,0)+IF(Input!$D$21=2,L5584*Input!$C$21,0)+IF(Input!$D$22=2,M5584*Input!$C$22,0)</f>
        <v>0.77612260338578276</v>
      </c>
      <c r="P5584" s="59">
        <f>IF(Input!$D$19=3,J5584*Input!$C$19,0)+IF(Input!$D$20=3,K5584*Input!$C$20,0)+IF(Input!$D$21=3,L5584*Input!$C$21,0)+IF(Input!$D$22=3,M5584*Input!$C$22,0)</f>
        <v>0</v>
      </c>
      <c r="Q5584" s="75">
        <f>IF(Input!$D$19=4,J5584*Input!$C$19,0)+IF(Input!$D$20=4,K5584*Input!$C$20,0)+IF(Input!$D$21=4,L5584*Input!$C$21,0)+IF(Input!$D$22=4,M5584*Input!$C$22,0)</f>
        <v>0</v>
      </c>
      <c r="R5584" s="58">
        <v>67.930670474359729</v>
      </c>
      <c r="S5584" s="124">
        <f t="shared" si="87"/>
        <v>1.3452791792020233</v>
      </c>
    </row>
    <row r="5585" spans="8:19" x14ac:dyDescent="0.3">
      <c r="H5585" s="44">
        <v>5578</v>
      </c>
      <c r="I5585" s="56">
        <f>Bühler!I5611</f>
        <v>0.33631979480050583</v>
      </c>
      <c r="J5585" s="59">
        <f>Bühler!J5611</f>
        <v>1.1210659826683529</v>
      </c>
      <c r="K5585" s="59">
        <f>Bühler!K5611</f>
        <v>1.6815989740025292</v>
      </c>
      <c r="L5585" s="59">
        <f>Bühler!L5611</f>
        <v>8.0716750752121396</v>
      </c>
      <c r="M5585" s="58">
        <f>Bühler!M5611</f>
        <v>0</v>
      </c>
      <c r="N5585" s="56">
        <f>IF(Input!$D$19=1,J5585*Input!$C$19,0)+IF(Input!$D$20=1,K5585*Input!$C$20,0)+IF(Input!$D$21=1,L5585*Input!$C$21,0)+IF(Input!$D$22=1,M5585*Input!$C$22,0)</f>
        <v>0.33631979480050583</v>
      </c>
      <c r="O5585" s="59">
        <f>IF(Input!$D$19=2,J5585*Input!$C$19,0)+IF(Input!$D$20=2,K5585*Input!$C$20,0)+IF(Input!$D$21=2,L5585*Input!$C$21,0)+IF(Input!$D$22=2,M5585*Input!$C$22,0)</f>
        <v>0.84079948700126461</v>
      </c>
      <c r="P5585" s="59">
        <f>IF(Input!$D$19=3,J5585*Input!$C$19,0)+IF(Input!$D$20=3,K5585*Input!$C$20,0)+IF(Input!$D$21=3,L5585*Input!$C$21,0)+IF(Input!$D$22=3,M5585*Input!$C$22,0)</f>
        <v>0</v>
      </c>
      <c r="Q5585" s="75">
        <f>IF(Input!$D$19=4,J5585*Input!$C$19,0)+IF(Input!$D$20=4,K5585*Input!$C$20,0)+IF(Input!$D$21=4,L5585*Input!$C$21,0)+IF(Input!$D$22=4,M5585*Input!$C$22,0)</f>
        <v>0</v>
      </c>
      <c r="R5585" s="58">
        <v>68.525151146921644</v>
      </c>
      <c r="S5585" s="124">
        <f t="shared" si="87"/>
        <v>1.4573857774688588</v>
      </c>
    </row>
    <row r="5586" spans="8:19" x14ac:dyDescent="0.3">
      <c r="H5586" s="44">
        <v>5579</v>
      </c>
      <c r="I5586" s="56">
        <f>Bühler!I5612</f>
        <v>0.35184224686822146</v>
      </c>
      <c r="J5586" s="59">
        <f>Bühler!J5612</f>
        <v>1.1728074895607383</v>
      </c>
      <c r="K5586" s="59">
        <f>Bühler!K5612</f>
        <v>1.7592112343411075</v>
      </c>
      <c r="L5586" s="59">
        <f>Bühler!L5612</f>
        <v>8.4442139248373156</v>
      </c>
      <c r="M5586" s="58">
        <f>Bühler!M5612</f>
        <v>0</v>
      </c>
      <c r="N5586" s="56">
        <f>IF(Input!$D$19=1,J5586*Input!$C$19,0)+IF(Input!$D$20=1,K5586*Input!$C$20,0)+IF(Input!$D$21=1,L5586*Input!$C$21,0)+IF(Input!$D$22=1,M5586*Input!$C$22,0)</f>
        <v>0.35184224686822146</v>
      </c>
      <c r="O5586" s="59">
        <f>IF(Input!$D$19=2,J5586*Input!$C$19,0)+IF(Input!$D$20=2,K5586*Input!$C$20,0)+IF(Input!$D$21=2,L5586*Input!$C$21,0)+IF(Input!$D$22=2,M5586*Input!$C$22,0)</f>
        <v>0.87960561717055374</v>
      </c>
      <c r="P5586" s="59">
        <f>IF(Input!$D$19=3,J5586*Input!$C$19,0)+IF(Input!$D$20=3,K5586*Input!$C$20,0)+IF(Input!$D$21=3,L5586*Input!$C$21,0)+IF(Input!$D$22=3,M5586*Input!$C$22,0)</f>
        <v>0</v>
      </c>
      <c r="Q5586" s="75">
        <f>IF(Input!$D$19=4,J5586*Input!$C$19,0)+IF(Input!$D$20=4,K5586*Input!$C$20,0)+IF(Input!$D$21=4,L5586*Input!$C$21,0)+IF(Input!$D$22=4,M5586*Input!$C$22,0)</f>
        <v>0</v>
      </c>
      <c r="R5586" s="58">
        <v>70.226684258675505</v>
      </c>
      <c r="S5586" s="124">
        <f t="shared" si="87"/>
        <v>1.5246497364289597</v>
      </c>
    </row>
    <row r="5587" spans="8:19" x14ac:dyDescent="0.3">
      <c r="H5587" s="44">
        <v>5580</v>
      </c>
      <c r="I5587" s="56">
        <f>Bühler!I5613</f>
        <v>0.41393205513908415</v>
      </c>
      <c r="J5587" s="59">
        <f>Bühler!J5613</f>
        <v>1.3797735171302807</v>
      </c>
      <c r="K5587" s="59">
        <f>Bühler!K5613</f>
        <v>2.069660275695421</v>
      </c>
      <c r="L5587" s="59">
        <f>Bühler!L5613</f>
        <v>9.9343693233380197</v>
      </c>
      <c r="M5587" s="58">
        <f>Bühler!M5613</f>
        <v>0</v>
      </c>
      <c r="N5587" s="56">
        <f>IF(Input!$D$19=1,J5587*Input!$C$19,0)+IF(Input!$D$20=1,K5587*Input!$C$20,0)+IF(Input!$D$21=1,L5587*Input!$C$21,0)+IF(Input!$D$22=1,M5587*Input!$C$22,0)</f>
        <v>0.41393205513908421</v>
      </c>
      <c r="O5587" s="59">
        <f>IF(Input!$D$19=2,J5587*Input!$C$19,0)+IF(Input!$D$20=2,K5587*Input!$C$20,0)+IF(Input!$D$21=2,L5587*Input!$C$21,0)+IF(Input!$D$22=2,M5587*Input!$C$22,0)</f>
        <v>1.0348301378477105</v>
      </c>
      <c r="P5587" s="59">
        <f>IF(Input!$D$19=3,J5587*Input!$C$19,0)+IF(Input!$D$20=3,K5587*Input!$C$20,0)+IF(Input!$D$21=3,L5587*Input!$C$21,0)+IF(Input!$D$22=3,M5587*Input!$C$22,0)</f>
        <v>0</v>
      </c>
      <c r="Q5587" s="75">
        <f>IF(Input!$D$19=4,J5587*Input!$C$19,0)+IF(Input!$D$20=4,K5587*Input!$C$20,0)+IF(Input!$D$21=4,L5587*Input!$C$21,0)+IF(Input!$D$22=4,M5587*Input!$C$22,0)</f>
        <v>0</v>
      </c>
      <c r="R5587" s="58">
        <v>70.684284082528634</v>
      </c>
      <c r="S5587" s="124">
        <f t="shared" si="87"/>
        <v>1.7937055722693649</v>
      </c>
    </row>
    <row r="5588" spans="8:19" x14ac:dyDescent="0.3">
      <c r="H5588" s="44">
        <v>5581</v>
      </c>
      <c r="I5588" s="56">
        <f>Bühler!I5614</f>
        <v>0.41393205513908415</v>
      </c>
      <c r="J5588" s="59">
        <f>Bühler!J5614</f>
        <v>1.3797735171302807</v>
      </c>
      <c r="K5588" s="59">
        <f>Bühler!K5614</f>
        <v>2.069660275695421</v>
      </c>
      <c r="L5588" s="59">
        <f>Bühler!L5614</f>
        <v>9.9343693233380197</v>
      </c>
      <c r="M5588" s="58">
        <f>Bühler!M5614</f>
        <v>0</v>
      </c>
      <c r="N5588" s="56">
        <f>IF(Input!$D$19=1,J5588*Input!$C$19,0)+IF(Input!$D$20=1,K5588*Input!$C$20,0)+IF(Input!$D$21=1,L5588*Input!$C$21,0)+IF(Input!$D$22=1,M5588*Input!$C$22,0)</f>
        <v>0.41393205513908421</v>
      </c>
      <c r="O5588" s="59">
        <f>IF(Input!$D$19=2,J5588*Input!$C$19,0)+IF(Input!$D$20=2,K5588*Input!$C$20,0)+IF(Input!$D$21=2,L5588*Input!$C$21,0)+IF(Input!$D$22=2,M5588*Input!$C$22,0)</f>
        <v>1.0348301378477105</v>
      </c>
      <c r="P5588" s="59">
        <f>IF(Input!$D$19=3,J5588*Input!$C$19,0)+IF(Input!$D$20=3,K5588*Input!$C$20,0)+IF(Input!$D$21=3,L5588*Input!$C$21,0)+IF(Input!$D$22=3,M5588*Input!$C$22,0)</f>
        <v>0</v>
      </c>
      <c r="Q5588" s="75">
        <f>IF(Input!$D$19=4,J5588*Input!$C$19,0)+IF(Input!$D$20=4,K5588*Input!$C$20,0)+IF(Input!$D$21=4,L5588*Input!$C$21,0)+IF(Input!$D$22=4,M5588*Input!$C$22,0)</f>
        <v>0</v>
      </c>
      <c r="R5588" s="58">
        <v>69.770357052814688</v>
      </c>
      <c r="S5588" s="124">
        <f t="shared" si="87"/>
        <v>1.7937055722693649</v>
      </c>
    </row>
    <row r="5589" spans="8:19" x14ac:dyDescent="0.3">
      <c r="H5589" s="44">
        <v>5582</v>
      </c>
      <c r="I5589" s="56">
        <f>Bühler!I5615</f>
        <v>0.41393205513908415</v>
      </c>
      <c r="J5589" s="59">
        <f>Bühler!J5615</f>
        <v>1.3797735171302807</v>
      </c>
      <c r="K5589" s="59">
        <f>Bühler!K5615</f>
        <v>2.069660275695421</v>
      </c>
      <c r="L5589" s="59">
        <f>Bühler!L5615</f>
        <v>9.9343693233380197</v>
      </c>
      <c r="M5589" s="58">
        <f>Bühler!M5615</f>
        <v>0</v>
      </c>
      <c r="N5589" s="56">
        <f>IF(Input!$D$19=1,J5589*Input!$C$19,0)+IF(Input!$D$20=1,K5589*Input!$C$20,0)+IF(Input!$D$21=1,L5589*Input!$C$21,0)+IF(Input!$D$22=1,M5589*Input!$C$22,0)</f>
        <v>0.41393205513908421</v>
      </c>
      <c r="O5589" s="59">
        <f>IF(Input!$D$19=2,J5589*Input!$C$19,0)+IF(Input!$D$20=2,K5589*Input!$C$20,0)+IF(Input!$D$21=2,L5589*Input!$C$21,0)+IF(Input!$D$22=2,M5589*Input!$C$22,0)</f>
        <v>1.0348301378477105</v>
      </c>
      <c r="P5589" s="59">
        <f>IF(Input!$D$19=3,J5589*Input!$C$19,0)+IF(Input!$D$20=3,K5589*Input!$C$20,0)+IF(Input!$D$21=3,L5589*Input!$C$21,0)+IF(Input!$D$22=3,M5589*Input!$C$22,0)</f>
        <v>0</v>
      </c>
      <c r="Q5589" s="75">
        <f>IF(Input!$D$19=4,J5589*Input!$C$19,0)+IF(Input!$D$20=4,K5589*Input!$C$20,0)+IF(Input!$D$21=4,L5589*Input!$C$21,0)+IF(Input!$D$22=4,M5589*Input!$C$22,0)</f>
        <v>0</v>
      </c>
      <c r="R5589" s="58">
        <v>70.10737949932178</v>
      </c>
      <c r="S5589" s="124">
        <f t="shared" si="87"/>
        <v>1.7937055722693649</v>
      </c>
    </row>
    <row r="5590" spans="8:19" x14ac:dyDescent="0.3">
      <c r="H5590" s="44">
        <v>5583</v>
      </c>
      <c r="I5590" s="56">
        <f>Bühler!I5616</f>
        <v>0.41393205513908415</v>
      </c>
      <c r="J5590" s="59">
        <f>Bühler!J5616</f>
        <v>1.3797735171302807</v>
      </c>
      <c r="K5590" s="59">
        <f>Bühler!K5616</f>
        <v>2.069660275695421</v>
      </c>
      <c r="L5590" s="59">
        <f>Bühler!L5616</f>
        <v>9.9343693233380197</v>
      </c>
      <c r="M5590" s="58">
        <f>Bühler!M5616</f>
        <v>0</v>
      </c>
      <c r="N5590" s="56">
        <f>IF(Input!$D$19=1,J5590*Input!$C$19,0)+IF(Input!$D$20=1,K5590*Input!$C$20,0)+IF(Input!$D$21=1,L5590*Input!$C$21,0)+IF(Input!$D$22=1,M5590*Input!$C$22,0)</f>
        <v>0.41393205513908421</v>
      </c>
      <c r="O5590" s="59">
        <f>IF(Input!$D$19=2,J5590*Input!$C$19,0)+IF(Input!$D$20=2,K5590*Input!$C$20,0)+IF(Input!$D$21=2,L5590*Input!$C$21,0)+IF(Input!$D$22=2,M5590*Input!$C$22,0)</f>
        <v>1.0348301378477105</v>
      </c>
      <c r="P5590" s="59">
        <f>IF(Input!$D$19=3,J5590*Input!$C$19,0)+IF(Input!$D$20=3,K5590*Input!$C$20,0)+IF(Input!$D$21=3,L5590*Input!$C$21,0)+IF(Input!$D$22=3,M5590*Input!$C$22,0)</f>
        <v>0</v>
      </c>
      <c r="Q5590" s="75">
        <f>IF(Input!$D$19=4,J5590*Input!$C$19,0)+IF(Input!$D$20=4,K5590*Input!$C$20,0)+IF(Input!$D$21=4,L5590*Input!$C$21,0)+IF(Input!$D$22=4,M5590*Input!$C$22,0)</f>
        <v>0</v>
      </c>
      <c r="R5590" s="58">
        <v>70.212455450415462</v>
      </c>
      <c r="S5590" s="124">
        <f t="shared" si="87"/>
        <v>1.7937055722693649</v>
      </c>
    </row>
    <row r="5591" spans="8:19" x14ac:dyDescent="0.3">
      <c r="H5591" s="44">
        <v>5584</v>
      </c>
      <c r="I5591" s="56">
        <f>Bühler!I5617</f>
        <v>0.41393205513908415</v>
      </c>
      <c r="J5591" s="59">
        <f>Bühler!J5617</f>
        <v>1.3797735171302807</v>
      </c>
      <c r="K5591" s="59">
        <f>Bühler!K5617</f>
        <v>2.069660275695421</v>
      </c>
      <c r="L5591" s="59">
        <f>Bühler!L5617</f>
        <v>9.9343693233380197</v>
      </c>
      <c r="M5591" s="58">
        <f>Bühler!M5617</f>
        <v>0</v>
      </c>
      <c r="N5591" s="56">
        <f>IF(Input!$D$19=1,J5591*Input!$C$19,0)+IF(Input!$D$20=1,K5591*Input!$C$20,0)+IF(Input!$D$21=1,L5591*Input!$C$21,0)+IF(Input!$D$22=1,M5591*Input!$C$22,0)</f>
        <v>0.41393205513908421</v>
      </c>
      <c r="O5591" s="59">
        <f>IF(Input!$D$19=2,J5591*Input!$C$19,0)+IF(Input!$D$20=2,K5591*Input!$C$20,0)+IF(Input!$D$21=2,L5591*Input!$C$21,0)+IF(Input!$D$22=2,M5591*Input!$C$22,0)</f>
        <v>1.0348301378477105</v>
      </c>
      <c r="P5591" s="59">
        <f>IF(Input!$D$19=3,J5591*Input!$C$19,0)+IF(Input!$D$20=3,K5591*Input!$C$20,0)+IF(Input!$D$21=3,L5591*Input!$C$21,0)+IF(Input!$D$22=3,M5591*Input!$C$22,0)</f>
        <v>0</v>
      </c>
      <c r="Q5591" s="75">
        <f>IF(Input!$D$19=4,J5591*Input!$C$19,0)+IF(Input!$D$20=4,K5591*Input!$C$20,0)+IF(Input!$D$21=4,L5591*Input!$C$21,0)+IF(Input!$D$22=4,M5591*Input!$C$22,0)</f>
        <v>0</v>
      </c>
      <c r="R5591" s="58">
        <v>68.821206705350832</v>
      </c>
      <c r="S5591" s="124">
        <f t="shared" si="87"/>
        <v>1.7937055722693649</v>
      </c>
    </row>
    <row r="5592" spans="8:19" x14ac:dyDescent="0.3">
      <c r="H5592" s="44">
        <v>5585</v>
      </c>
      <c r="I5592" s="56">
        <f>Bühler!I5618</f>
        <v>0.41393205513908415</v>
      </c>
      <c r="J5592" s="59">
        <f>Bühler!J5618</f>
        <v>1.3797735171302807</v>
      </c>
      <c r="K5592" s="59">
        <f>Bühler!K5618</f>
        <v>2.069660275695421</v>
      </c>
      <c r="L5592" s="59">
        <f>Bühler!L5618</f>
        <v>9.9343693233380197</v>
      </c>
      <c r="M5592" s="58">
        <f>Bühler!M5618</f>
        <v>0</v>
      </c>
      <c r="N5592" s="56">
        <f>IF(Input!$D$19=1,J5592*Input!$C$19,0)+IF(Input!$D$20=1,K5592*Input!$C$20,0)+IF(Input!$D$21=1,L5592*Input!$C$21,0)+IF(Input!$D$22=1,M5592*Input!$C$22,0)</f>
        <v>0.41393205513908421</v>
      </c>
      <c r="O5592" s="59">
        <f>IF(Input!$D$19=2,J5592*Input!$C$19,0)+IF(Input!$D$20=2,K5592*Input!$C$20,0)+IF(Input!$D$21=2,L5592*Input!$C$21,0)+IF(Input!$D$22=2,M5592*Input!$C$22,0)</f>
        <v>1.0348301378477105</v>
      </c>
      <c r="P5592" s="59">
        <f>IF(Input!$D$19=3,J5592*Input!$C$19,0)+IF(Input!$D$20=3,K5592*Input!$C$20,0)+IF(Input!$D$21=3,L5592*Input!$C$21,0)+IF(Input!$D$22=3,M5592*Input!$C$22,0)</f>
        <v>0</v>
      </c>
      <c r="Q5592" s="75">
        <f>IF(Input!$D$19=4,J5592*Input!$C$19,0)+IF(Input!$D$20=4,K5592*Input!$C$20,0)+IF(Input!$D$21=4,L5592*Input!$C$21,0)+IF(Input!$D$22=4,M5592*Input!$C$22,0)</f>
        <v>0</v>
      </c>
      <c r="R5592" s="58">
        <v>67.895430504543427</v>
      </c>
      <c r="S5592" s="124">
        <f t="shared" si="87"/>
        <v>1.7937055722693649</v>
      </c>
    </row>
    <row r="5593" spans="8:19" x14ac:dyDescent="0.3">
      <c r="H5593" s="44">
        <v>5586</v>
      </c>
      <c r="I5593" s="56">
        <f>Bühler!I5619</f>
        <v>0.41393205513908415</v>
      </c>
      <c r="J5593" s="59">
        <f>Bühler!J5619</f>
        <v>1.3797735171302807</v>
      </c>
      <c r="K5593" s="59">
        <f>Bühler!K5619</f>
        <v>2.069660275695421</v>
      </c>
      <c r="L5593" s="59">
        <f>Bühler!L5619</f>
        <v>9.9343693233380197</v>
      </c>
      <c r="M5593" s="58">
        <f>Bühler!M5619</f>
        <v>0</v>
      </c>
      <c r="N5593" s="56">
        <f>IF(Input!$D$19=1,J5593*Input!$C$19,0)+IF(Input!$D$20=1,K5593*Input!$C$20,0)+IF(Input!$D$21=1,L5593*Input!$C$21,0)+IF(Input!$D$22=1,M5593*Input!$C$22,0)</f>
        <v>0.41393205513908421</v>
      </c>
      <c r="O5593" s="59">
        <f>IF(Input!$D$19=2,J5593*Input!$C$19,0)+IF(Input!$D$20=2,K5593*Input!$C$20,0)+IF(Input!$D$21=2,L5593*Input!$C$21,0)+IF(Input!$D$22=2,M5593*Input!$C$22,0)</f>
        <v>1.0348301378477105</v>
      </c>
      <c r="P5593" s="59">
        <f>IF(Input!$D$19=3,J5593*Input!$C$19,0)+IF(Input!$D$20=3,K5593*Input!$C$20,0)+IF(Input!$D$21=3,L5593*Input!$C$21,0)+IF(Input!$D$22=3,M5593*Input!$C$22,0)</f>
        <v>0</v>
      </c>
      <c r="Q5593" s="75">
        <f>IF(Input!$D$19=4,J5593*Input!$C$19,0)+IF(Input!$D$20=4,K5593*Input!$C$20,0)+IF(Input!$D$21=4,L5593*Input!$C$21,0)+IF(Input!$D$22=4,M5593*Input!$C$22,0)</f>
        <v>0</v>
      </c>
      <c r="R5593" s="58">
        <v>66.866304950291465</v>
      </c>
      <c r="S5593" s="124">
        <f t="shared" si="87"/>
        <v>1.7937055722693649</v>
      </c>
    </row>
    <row r="5594" spans="8:19" x14ac:dyDescent="0.3">
      <c r="H5594" s="44">
        <v>5587</v>
      </c>
      <c r="I5594" s="56">
        <f>Bühler!I5620</f>
        <v>0.41393205513908415</v>
      </c>
      <c r="J5594" s="59">
        <f>Bühler!J5620</f>
        <v>1.3797735171302807</v>
      </c>
      <c r="K5594" s="59">
        <f>Bühler!K5620</f>
        <v>2.069660275695421</v>
      </c>
      <c r="L5594" s="59">
        <f>Bühler!L5620</f>
        <v>9.9343693233380197</v>
      </c>
      <c r="M5594" s="58">
        <f>Bühler!M5620</f>
        <v>0</v>
      </c>
      <c r="N5594" s="56">
        <f>IF(Input!$D$19=1,J5594*Input!$C$19,0)+IF(Input!$D$20=1,K5594*Input!$C$20,0)+IF(Input!$D$21=1,L5594*Input!$C$21,0)+IF(Input!$D$22=1,M5594*Input!$C$22,0)</f>
        <v>0.41393205513908421</v>
      </c>
      <c r="O5594" s="59">
        <f>IF(Input!$D$19=2,J5594*Input!$C$19,0)+IF(Input!$D$20=2,K5594*Input!$C$20,0)+IF(Input!$D$21=2,L5594*Input!$C$21,0)+IF(Input!$D$22=2,M5594*Input!$C$22,0)</f>
        <v>1.0348301378477105</v>
      </c>
      <c r="P5594" s="59">
        <f>IF(Input!$D$19=3,J5594*Input!$C$19,0)+IF(Input!$D$20=3,K5594*Input!$C$20,0)+IF(Input!$D$21=3,L5594*Input!$C$21,0)+IF(Input!$D$22=3,M5594*Input!$C$22,0)</f>
        <v>0</v>
      </c>
      <c r="Q5594" s="75">
        <f>IF(Input!$D$19=4,J5594*Input!$C$19,0)+IF(Input!$D$20=4,K5594*Input!$C$20,0)+IF(Input!$D$21=4,L5594*Input!$C$21,0)+IF(Input!$D$22=4,M5594*Input!$C$22,0)</f>
        <v>0</v>
      </c>
      <c r="R5594" s="58">
        <v>65.362976383242412</v>
      </c>
      <c r="S5594" s="124">
        <f t="shared" si="87"/>
        <v>1.7937055722693649</v>
      </c>
    </row>
    <row r="5595" spans="8:19" x14ac:dyDescent="0.3">
      <c r="H5595" s="44">
        <v>5588</v>
      </c>
      <c r="I5595" s="56">
        <f>Bühler!I5621</f>
        <v>0.34666809617898298</v>
      </c>
      <c r="J5595" s="59">
        <f>Bühler!J5621</f>
        <v>1.1555603205966098</v>
      </c>
      <c r="K5595" s="59">
        <f>Bühler!K5621</f>
        <v>1.7333404808949149</v>
      </c>
      <c r="L5595" s="59">
        <f>Bühler!L5621</f>
        <v>8.3200343082955914</v>
      </c>
      <c r="M5595" s="58">
        <f>Bühler!M5621</f>
        <v>0</v>
      </c>
      <c r="N5595" s="56">
        <f>IF(Input!$D$19=1,J5595*Input!$C$19,0)+IF(Input!$D$20=1,K5595*Input!$C$20,0)+IF(Input!$D$21=1,L5595*Input!$C$21,0)+IF(Input!$D$22=1,M5595*Input!$C$22,0)</f>
        <v>0.34666809617898292</v>
      </c>
      <c r="O5595" s="59">
        <f>IF(Input!$D$19=2,J5595*Input!$C$19,0)+IF(Input!$D$20=2,K5595*Input!$C$20,0)+IF(Input!$D$21=2,L5595*Input!$C$21,0)+IF(Input!$D$22=2,M5595*Input!$C$22,0)</f>
        <v>0.86667024044745744</v>
      </c>
      <c r="P5595" s="59">
        <f>IF(Input!$D$19=3,J5595*Input!$C$19,0)+IF(Input!$D$20=3,K5595*Input!$C$20,0)+IF(Input!$D$21=3,L5595*Input!$C$21,0)+IF(Input!$D$22=3,M5595*Input!$C$22,0)</f>
        <v>0</v>
      </c>
      <c r="Q5595" s="75">
        <f>IF(Input!$D$19=4,J5595*Input!$C$19,0)+IF(Input!$D$20=4,K5595*Input!$C$20,0)+IF(Input!$D$21=4,L5595*Input!$C$21,0)+IF(Input!$D$22=4,M5595*Input!$C$22,0)</f>
        <v>0</v>
      </c>
      <c r="R5595" s="58">
        <v>64.141107652103443</v>
      </c>
      <c r="S5595" s="124">
        <f t="shared" si="87"/>
        <v>1.5022284167755928</v>
      </c>
    </row>
    <row r="5596" spans="8:19" x14ac:dyDescent="0.3">
      <c r="H5596" s="44">
        <v>5589</v>
      </c>
      <c r="I5596" s="56">
        <f>Bühler!I5622</f>
        <v>0.28457828790812034</v>
      </c>
      <c r="J5596" s="59">
        <f>Bühler!J5622</f>
        <v>0.94859429302706788</v>
      </c>
      <c r="K5596" s="59">
        <f>Bühler!K5622</f>
        <v>1.4228914395406016</v>
      </c>
      <c r="L5596" s="59">
        <f>Bühler!L5622</f>
        <v>6.8298789097948882</v>
      </c>
      <c r="M5596" s="58">
        <f>Bühler!M5622</f>
        <v>0</v>
      </c>
      <c r="N5596" s="56">
        <f>IF(Input!$D$19=1,J5596*Input!$C$19,0)+IF(Input!$D$20=1,K5596*Input!$C$20,0)+IF(Input!$D$21=1,L5596*Input!$C$21,0)+IF(Input!$D$22=1,M5596*Input!$C$22,0)</f>
        <v>0.28457828790812034</v>
      </c>
      <c r="O5596" s="59">
        <f>IF(Input!$D$19=2,J5596*Input!$C$19,0)+IF(Input!$D$20=2,K5596*Input!$C$20,0)+IF(Input!$D$21=2,L5596*Input!$C$21,0)+IF(Input!$D$22=2,M5596*Input!$C$22,0)</f>
        <v>0.7114457197703008</v>
      </c>
      <c r="P5596" s="59">
        <f>IF(Input!$D$19=3,J5596*Input!$C$19,0)+IF(Input!$D$20=3,K5596*Input!$C$20,0)+IF(Input!$D$21=3,L5596*Input!$C$21,0)+IF(Input!$D$22=3,M5596*Input!$C$22,0)</f>
        <v>0</v>
      </c>
      <c r="Q5596" s="75">
        <f>IF(Input!$D$19=4,J5596*Input!$C$19,0)+IF(Input!$D$20=4,K5596*Input!$C$20,0)+IF(Input!$D$21=4,L5596*Input!$C$21,0)+IF(Input!$D$22=4,M5596*Input!$C$22,0)</f>
        <v>0</v>
      </c>
      <c r="R5596" s="58">
        <v>61.529979872275106</v>
      </c>
      <c r="S5596" s="124">
        <f t="shared" si="87"/>
        <v>1.2331725809351881</v>
      </c>
    </row>
    <row r="5597" spans="8:19" x14ac:dyDescent="0.3">
      <c r="H5597" s="44">
        <v>5590</v>
      </c>
      <c r="I5597" s="56">
        <f>Bühler!I5623</f>
        <v>0.20696602756954208</v>
      </c>
      <c r="J5597" s="59">
        <f>Bühler!J5623</f>
        <v>0.68988675856514037</v>
      </c>
      <c r="K5597" s="59">
        <f>Bühler!K5623</f>
        <v>1.0348301378477105</v>
      </c>
      <c r="L5597" s="59">
        <f>Bühler!L5623</f>
        <v>4.9671846616690098</v>
      </c>
      <c r="M5597" s="58">
        <f>Bühler!M5623</f>
        <v>0</v>
      </c>
      <c r="N5597" s="56">
        <f>IF(Input!$D$19=1,J5597*Input!$C$19,0)+IF(Input!$D$20=1,K5597*Input!$C$20,0)+IF(Input!$D$21=1,L5597*Input!$C$21,0)+IF(Input!$D$22=1,M5597*Input!$C$22,0)</f>
        <v>0.2069660275695421</v>
      </c>
      <c r="O5597" s="59">
        <f>IF(Input!$D$19=2,J5597*Input!$C$19,0)+IF(Input!$D$20=2,K5597*Input!$C$20,0)+IF(Input!$D$21=2,L5597*Input!$C$21,0)+IF(Input!$D$22=2,M5597*Input!$C$22,0)</f>
        <v>0.51741506892385525</v>
      </c>
      <c r="P5597" s="59">
        <f>IF(Input!$D$19=3,J5597*Input!$C$19,0)+IF(Input!$D$20=3,K5597*Input!$C$20,0)+IF(Input!$D$21=3,L5597*Input!$C$21,0)+IF(Input!$D$22=3,M5597*Input!$C$22,0)</f>
        <v>0</v>
      </c>
      <c r="Q5597" s="75">
        <f>IF(Input!$D$19=4,J5597*Input!$C$19,0)+IF(Input!$D$20=4,K5597*Input!$C$20,0)+IF(Input!$D$21=4,L5597*Input!$C$21,0)+IF(Input!$D$22=4,M5597*Input!$C$22,0)</f>
        <v>0</v>
      </c>
      <c r="R5597" s="58">
        <v>59.747981955522143</v>
      </c>
      <c r="S5597" s="124">
        <f t="shared" si="87"/>
        <v>0.89685278613468244</v>
      </c>
    </row>
    <row r="5598" spans="8:19" x14ac:dyDescent="0.3">
      <c r="H5598" s="44">
        <v>5591</v>
      </c>
      <c r="I5598" s="56">
        <f>Bühler!I5624</f>
        <v>0.20696602756954208</v>
      </c>
      <c r="J5598" s="59">
        <f>Bühler!J5624</f>
        <v>0.68988675856514037</v>
      </c>
      <c r="K5598" s="59">
        <f>Bühler!K5624</f>
        <v>1.0348301378477105</v>
      </c>
      <c r="L5598" s="59">
        <f>Bühler!L5624</f>
        <v>4.9671846616690098</v>
      </c>
      <c r="M5598" s="58">
        <f>Bühler!M5624</f>
        <v>0</v>
      </c>
      <c r="N5598" s="56">
        <f>IF(Input!$D$19=1,J5598*Input!$C$19,0)+IF(Input!$D$20=1,K5598*Input!$C$20,0)+IF(Input!$D$21=1,L5598*Input!$C$21,0)+IF(Input!$D$22=1,M5598*Input!$C$22,0)</f>
        <v>0.2069660275695421</v>
      </c>
      <c r="O5598" s="59">
        <f>IF(Input!$D$19=2,J5598*Input!$C$19,0)+IF(Input!$D$20=2,K5598*Input!$C$20,0)+IF(Input!$D$21=2,L5598*Input!$C$21,0)+IF(Input!$D$22=2,M5598*Input!$C$22,0)</f>
        <v>0.51741506892385525</v>
      </c>
      <c r="P5598" s="59">
        <f>IF(Input!$D$19=3,J5598*Input!$C$19,0)+IF(Input!$D$20=3,K5598*Input!$C$20,0)+IF(Input!$D$21=3,L5598*Input!$C$21,0)+IF(Input!$D$22=3,M5598*Input!$C$22,0)</f>
        <v>0</v>
      </c>
      <c r="Q5598" s="75">
        <f>IF(Input!$D$19=4,J5598*Input!$C$19,0)+IF(Input!$D$20=4,K5598*Input!$C$20,0)+IF(Input!$D$21=4,L5598*Input!$C$21,0)+IF(Input!$D$22=4,M5598*Input!$C$22,0)</f>
        <v>0</v>
      </c>
      <c r="R5598" s="58">
        <v>59.366186280226309</v>
      </c>
      <c r="S5598" s="124">
        <f t="shared" si="87"/>
        <v>0.89685278613468244</v>
      </c>
    </row>
    <row r="5599" spans="8:19" x14ac:dyDescent="0.3">
      <c r="H5599" s="44">
        <v>5592</v>
      </c>
      <c r="I5599" s="56">
        <f>Bühler!I5625</f>
        <v>0.20696602756954208</v>
      </c>
      <c r="J5599" s="59">
        <f>Bühler!J5625</f>
        <v>0.68988675856514037</v>
      </c>
      <c r="K5599" s="59">
        <f>Bühler!K5625</f>
        <v>1.0348301378477105</v>
      </c>
      <c r="L5599" s="59">
        <f>Bühler!L5625</f>
        <v>4.9671846616690098</v>
      </c>
      <c r="M5599" s="58">
        <f>Bühler!M5625</f>
        <v>0</v>
      </c>
      <c r="N5599" s="56">
        <f>IF(Input!$D$19=1,J5599*Input!$C$19,0)+IF(Input!$D$20=1,K5599*Input!$C$20,0)+IF(Input!$D$21=1,L5599*Input!$C$21,0)+IF(Input!$D$22=1,M5599*Input!$C$22,0)</f>
        <v>0.2069660275695421</v>
      </c>
      <c r="O5599" s="59">
        <f>IF(Input!$D$19=2,J5599*Input!$C$19,0)+IF(Input!$D$20=2,K5599*Input!$C$20,0)+IF(Input!$D$21=2,L5599*Input!$C$21,0)+IF(Input!$D$22=2,M5599*Input!$C$22,0)</f>
        <v>0.51741506892385525</v>
      </c>
      <c r="P5599" s="59">
        <f>IF(Input!$D$19=3,J5599*Input!$C$19,0)+IF(Input!$D$20=3,K5599*Input!$C$20,0)+IF(Input!$D$21=3,L5599*Input!$C$21,0)+IF(Input!$D$22=3,M5599*Input!$C$22,0)</f>
        <v>0</v>
      </c>
      <c r="Q5599" s="75">
        <f>IF(Input!$D$19=4,J5599*Input!$C$19,0)+IF(Input!$D$20=4,K5599*Input!$C$20,0)+IF(Input!$D$21=4,L5599*Input!$C$21,0)+IF(Input!$D$22=4,M5599*Input!$C$22,0)</f>
        <v>0</v>
      </c>
      <c r="R5599" s="58">
        <v>58.009511618459904</v>
      </c>
      <c r="S5599" s="124">
        <f t="shared" si="87"/>
        <v>0.89685278613468244</v>
      </c>
    </row>
    <row r="5600" spans="8:19" x14ac:dyDescent="0.3">
      <c r="H5600" s="44">
        <v>5593</v>
      </c>
      <c r="I5600" s="56">
        <f>Bühler!I5626</f>
        <v>0.18486053427229066</v>
      </c>
      <c r="J5600" s="59">
        <f>Bühler!J5626</f>
        <v>0.61620178090763567</v>
      </c>
      <c r="K5600" s="59">
        <f>Bühler!K5626</f>
        <v>0.92430267136145328</v>
      </c>
      <c r="L5600" s="59">
        <f>Bühler!L5626</f>
        <v>4.4366528225349757</v>
      </c>
      <c r="M5600" s="58">
        <f>Bühler!M5626</f>
        <v>0</v>
      </c>
      <c r="N5600" s="56">
        <f>IF(Input!$D$19=1,J5600*Input!$C$19,0)+IF(Input!$D$20=1,K5600*Input!$C$20,0)+IF(Input!$D$21=1,L5600*Input!$C$21,0)+IF(Input!$D$22=1,M5600*Input!$C$22,0)</f>
        <v>0.18486053427229068</v>
      </c>
      <c r="O5600" s="59">
        <f>IF(Input!$D$19=2,J5600*Input!$C$19,0)+IF(Input!$D$20=2,K5600*Input!$C$20,0)+IF(Input!$D$21=2,L5600*Input!$C$21,0)+IF(Input!$D$22=2,M5600*Input!$C$22,0)</f>
        <v>0.46215133568072664</v>
      </c>
      <c r="P5600" s="59">
        <f>IF(Input!$D$19=3,J5600*Input!$C$19,0)+IF(Input!$D$20=3,K5600*Input!$C$20,0)+IF(Input!$D$21=3,L5600*Input!$C$21,0)+IF(Input!$D$22=3,M5600*Input!$C$22,0)</f>
        <v>0</v>
      </c>
      <c r="Q5600" s="75">
        <f>IF(Input!$D$19=4,J5600*Input!$C$19,0)+IF(Input!$D$20=4,K5600*Input!$C$20,0)+IF(Input!$D$21=4,L5600*Input!$C$21,0)+IF(Input!$D$22=4,M5600*Input!$C$22,0)</f>
        <v>0</v>
      </c>
      <c r="R5600" s="58">
        <v>56.487311003711277</v>
      </c>
      <c r="S5600" s="124">
        <f t="shared" si="87"/>
        <v>0.80106231517992632</v>
      </c>
    </row>
    <row r="5601" spans="8:19" x14ac:dyDescent="0.3">
      <c r="H5601" s="44">
        <v>5594</v>
      </c>
      <c r="I5601" s="56">
        <f>Bühler!I5627</f>
        <v>0.20796810105632699</v>
      </c>
      <c r="J5601" s="59">
        <f>Bühler!J5627</f>
        <v>0.69322700352109001</v>
      </c>
      <c r="K5601" s="59">
        <f>Bühler!K5627</f>
        <v>1.0398405052816349</v>
      </c>
      <c r="L5601" s="59">
        <f>Bühler!L5627</f>
        <v>4.9912344253518475</v>
      </c>
      <c r="M5601" s="58">
        <f>Bühler!M5627</f>
        <v>0</v>
      </c>
      <c r="N5601" s="56">
        <f>IF(Input!$D$19=1,J5601*Input!$C$19,0)+IF(Input!$D$20=1,K5601*Input!$C$20,0)+IF(Input!$D$21=1,L5601*Input!$C$21,0)+IF(Input!$D$22=1,M5601*Input!$C$22,0)</f>
        <v>0.20796810105632699</v>
      </c>
      <c r="O5601" s="59">
        <f>IF(Input!$D$19=2,J5601*Input!$C$19,0)+IF(Input!$D$20=2,K5601*Input!$C$20,0)+IF(Input!$D$21=2,L5601*Input!$C$21,0)+IF(Input!$D$22=2,M5601*Input!$C$22,0)</f>
        <v>0.51992025264081743</v>
      </c>
      <c r="P5601" s="59">
        <f>IF(Input!$D$19=3,J5601*Input!$C$19,0)+IF(Input!$D$20=3,K5601*Input!$C$20,0)+IF(Input!$D$21=3,L5601*Input!$C$21,0)+IF(Input!$D$22=3,M5601*Input!$C$22,0)</f>
        <v>0</v>
      </c>
      <c r="Q5601" s="75">
        <f>IF(Input!$D$19=4,J5601*Input!$C$19,0)+IF(Input!$D$20=4,K5601*Input!$C$20,0)+IF(Input!$D$21=4,L5601*Input!$C$21,0)+IF(Input!$D$22=4,M5601*Input!$C$22,0)</f>
        <v>0</v>
      </c>
      <c r="R5601" s="58">
        <v>55.866666561291318</v>
      </c>
      <c r="S5601" s="124">
        <f t="shared" si="87"/>
        <v>0.90119510457741703</v>
      </c>
    </row>
    <row r="5602" spans="8:19" x14ac:dyDescent="0.3">
      <c r="H5602" s="44">
        <v>5595</v>
      </c>
      <c r="I5602" s="56">
        <f>Bühler!I5628</f>
        <v>0.20796810105632699</v>
      </c>
      <c r="J5602" s="59">
        <f>Bühler!J5628</f>
        <v>0.69322700352109001</v>
      </c>
      <c r="K5602" s="59">
        <f>Bühler!K5628</f>
        <v>1.0398405052816349</v>
      </c>
      <c r="L5602" s="59">
        <f>Bühler!L5628</f>
        <v>4.9912344253518475</v>
      </c>
      <c r="M5602" s="58">
        <f>Bühler!M5628</f>
        <v>0</v>
      </c>
      <c r="N5602" s="56">
        <f>IF(Input!$D$19=1,J5602*Input!$C$19,0)+IF(Input!$D$20=1,K5602*Input!$C$20,0)+IF(Input!$D$21=1,L5602*Input!$C$21,0)+IF(Input!$D$22=1,M5602*Input!$C$22,0)</f>
        <v>0.20796810105632699</v>
      </c>
      <c r="O5602" s="59">
        <f>IF(Input!$D$19=2,J5602*Input!$C$19,0)+IF(Input!$D$20=2,K5602*Input!$C$20,0)+IF(Input!$D$21=2,L5602*Input!$C$21,0)+IF(Input!$D$22=2,M5602*Input!$C$22,0)</f>
        <v>0.51992025264081743</v>
      </c>
      <c r="P5602" s="59">
        <f>IF(Input!$D$19=3,J5602*Input!$C$19,0)+IF(Input!$D$20=3,K5602*Input!$C$20,0)+IF(Input!$D$21=3,L5602*Input!$C$21,0)+IF(Input!$D$22=3,M5602*Input!$C$22,0)</f>
        <v>0</v>
      </c>
      <c r="Q5602" s="75">
        <f>IF(Input!$D$19=4,J5602*Input!$C$19,0)+IF(Input!$D$20=4,K5602*Input!$C$20,0)+IF(Input!$D$21=4,L5602*Input!$C$21,0)+IF(Input!$D$22=4,M5602*Input!$C$22,0)</f>
        <v>0</v>
      </c>
      <c r="R5602" s="58">
        <v>55.589219363423297</v>
      </c>
      <c r="S5602" s="124">
        <f t="shared" si="87"/>
        <v>0.90119510457741703</v>
      </c>
    </row>
    <row r="5603" spans="8:19" x14ac:dyDescent="0.3">
      <c r="H5603" s="44">
        <v>5596</v>
      </c>
      <c r="I5603" s="56">
        <f>Bühler!I5629</f>
        <v>0.20796810105632699</v>
      </c>
      <c r="J5603" s="59">
        <f>Bühler!J5629</f>
        <v>0.69322700352109001</v>
      </c>
      <c r="K5603" s="59">
        <f>Bühler!K5629</f>
        <v>1.0398405052816349</v>
      </c>
      <c r="L5603" s="59">
        <f>Bühler!L5629</f>
        <v>4.9912344253518475</v>
      </c>
      <c r="M5603" s="58">
        <f>Bühler!M5629</f>
        <v>0</v>
      </c>
      <c r="N5603" s="56">
        <f>IF(Input!$D$19=1,J5603*Input!$C$19,0)+IF(Input!$D$20=1,K5603*Input!$C$20,0)+IF(Input!$D$21=1,L5603*Input!$C$21,0)+IF(Input!$D$22=1,M5603*Input!$C$22,0)</f>
        <v>0.20796810105632699</v>
      </c>
      <c r="O5603" s="59">
        <f>IF(Input!$D$19=2,J5603*Input!$C$19,0)+IF(Input!$D$20=2,K5603*Input!$C$20,0)+IF(Input!$D$21=2,L5603*Input!$C$21,0)+IF(Input!$D$22=2,M5603*Input!$C$22,0)</f>
        <v>0.51992025264081743</v>
      </c>
      <c r="P5603" s="59">
        <f>IF(Input!$D$19=3,J5603*Input!$C$19,0)+IF(Input!$D$20=3,K5603*Input!$C$20,0)+IF(Input!$D$21=3,L5603*Input!$C$21,0)+IF(Input!$D$22=3,M5603*Input!$C$22,0)</f>
        <v>0</v>
      </c>
      <c r="Q5603" s="75">
        <f>IF(Input!$D$19=4,J5603*Input!$C$19,0)+IF(Input!$D$20=4,K5603*Input!$C$20,0)+IF(Input!$D$21=4,L5603*Input!$C$21,0)+IF(Input!$D$22=4,M5603*Input!$C$22,0)</f>
        <v>0</v>
      </c>
      <c r="R5603" s="58">
        <v>56.298890361979332</v>
      </c>
      <c r="S5603" s="124">
        <f t="shared" si="87"/>
        <v>0.90119510457741703</v>
      </c>
    </row>
    <row r="5604" spans="8:19" x14ac:dyDescent="0.3">
      <c r="H5604" s="44">
        <v>5597</v>
      </c>
      <c r="I5604" s="56">
        <f>Bühler!I5630</f>
        <v>0.20796810105632699</v>
      </c>
      <c r="J5604" s="59">
        <f>Bühler!J5630</f>
        <v>0.69322700352109001</v>
      </c>
      <c r="K5604" s="59">
        <f>Bühler!K5630</f>
        <v>1.0398405052816349</v>
      </c>
      <c r="L5604" s="59">
        <f>Bühler!L5630</f>
        <v>4.9912344253518475</v>
      </c>
      <c r="M5604" s="58">
        <f>Bühler!M5630</f>
        <v>0</v>
      </c>
      <c r="N5604" s="56">
        <f>IF(Input!$D$19=1,J5604*Input!$C$19,0)+IF(Input!$D$20=1,K5604*Input!$C$20,0)+IF(Input!$D$21=1,L5604*Input!$C$21,0)+IF(Input!$D$22=1,M5604*Input!$C$22,0)</f>
        <v>0.20796810105632699</v>
      </c>
      <c r="O5604" s="59">
        <f>IF(Input!$D$19=2,J5604*Input!$C$19,0)+IF(Input!$D$20=2,K5604*Input!$C$20,0)+IF(Input!$D$21=2,L5604*Input!$C$21,0)+IF(Input!$D$22=2,M5604*Input!$C$22,0)</f>
        <v>0.51992025264081743</v>
      </c>
      <c r="P5604" s="59">
        <f>IF(Input!$D$19=3,J5604*Input!$C$19,0)+IF(Input!$D$20=3,K5604*Input!$C$20,0)+IF(Input!$D$21=3,L5604*Input!$C$21,0)+IF(Input!$D$22=3,M5604*Input!$C$22,0)</f>
        <v>0</v>
      </c>
      <c r="Q5604" s="75">
        <f>IF(Input!$D$19=4,J5604*Input!$C$19,0)+IF(Input!$D$20=4,K5604*Input!$C$20,0)+IF(Input!$D$21=4,L5604*Input!$C$21,0)+IF(Input!$D$22=4,M5604*Input!$C$22,0)</f>
        <v>0</v>
      </c>
      <c r="R5604" s="58">
        <v>58.21677979071476</v>
      </c>
      <c r="S5604" s="124">
        <f t="shared" si="87"/>
        <v>0.90119510457741703</v>
      </c>
    </row>
    <row r="5605" spans="8:19" x14ac:dyDescent="0.3">
      <c r="H5605" s="44">
        <v>5598</v>
      </c>
      <c r="I5605" s="56">
        <f>Bühler!I5631</f>
        <v>0.26804777469482144</v>
      </c>
      <c r="J5605" s="59">
        <f>Bühler!J5631</f>
        <v>0.89349258231607154</v>
      </c>
      <c r="K5605" s="59">
        <f>Bühler!K5631</f>
        <v>1.3402388734741071</v>
      </c>
      <c r="L5605" s="59">
        <f>Bühler!L5631</f>
        <v>6.4331465926757145</v>
      </c>
      <c r="M5605" s="58">
        <f>Bühler!M5631</f>
        <v>0</v>
      </c>
      <c r="N5605" s="56">
        <f>IF(Input!$D$19=1,J5605*Input!$C$19,0)+IF(Input!$D$20=1,K5605*Input!$C$20,0)+IF(Input!$D$21=1,L5605*Input!$C$21,0)+IF(Input!$D$22=1,M5605*Input!$C$22,0)</f>
        <v>0.26804777469482144</v>
      </c>
      <c r="O5605" s="59">
        <f>IF(Input!$D$19=2,J5605*Input!$C$19,0)+IF(Input!$D$20=2,K5605*Input!$C$20,0)+IF(Input!$D$21=2,L5605*Input!$C$21,0)+IF(Input!$D$22=2,M5605*Input!$C$22,0)</f>
        <v>0.67011943673705354</v>
      </c>
      <c r="P5605" s="59">
        <f>IF(Input!$D$19=3,J5605*Input!$C$19,0)+IF(Input!$D$20=3,K5605*Input!$C$20,0)+IF(Input!$D$21=3,L5605*Input!$C$21,0)+IF(Input!$D$22=3,M5605*Input!$C$22,0)</f>
        <v>0</v>
      </c>
      <c r="Q5605" s="75">
        <f>IF(Input!$D$19=4,J5605*Input!$C$19,0)+IF(Input!$D$20=4,K5605*Input!$C$20,0)+IF(Input!$D$21=4,L5605*Input!$C$21,0)+IF(Input!$D$22=4,M5605*Input!$C$22,0)</f>
        <v>0</v>
      </c>
      <c r="R5605" s="58">
        <v>61.240984005444538</v>
      </c>
      <c r="S5605" s="124">
        <f t="shared" si="87"/>
        <v>1.1615403570108929</v>
      </c>
    </row>
    <row r="5606" spans="8:19" x14ac:dyDescent="0.3">
      <c r="H5606" s="44">
        <v>5599</v>
      </c>
      <c r="I5606" s="56">
        <f>Bühler!I5632</f>
        <v>0.30964139490608683</v>
      </c>
      <c r="J5606" s="59">
        <f>Bühler!J5632</f>
        <v>1.0321379830202895</v>
      </c>
      <c r="K5606" s="59">
        <f>Bühler!K5632</f>
        <v>1.5482069745304343</v>
      </c>
      <c r="L5606" s="59">
        <f>Bühler!L5632</f>
        <v>7.4313934777460844</v>
      </c>
      <c r="M5606" s="58">
        <f>Bühler!M5632</f>
        <v>0</v>
      </c>
      <c r="N5606" s="56">
        <f>IF(Input!$D$19=1,J5606*Input!$C$19,0)+IF(Input!$D$20=1,K5606*Input!$C$20,0)+IF(Input!$D$21=1,L5606*Input!$C$21,0)+IF(Input!$D$22=1,M5606*Input!$C$22,0)</f>
        <v>0.30964139490608683</v>
      </c>
      <c r="O5606" s="59">
        <f>IF(Input!$D$19=2,J5606*Input!$C$19,0)+IF(Input!$D$20=2,K5606*Input!$C$20,0)+IF(Input!$D$21=2,L5606*Input!$C$21,0)+IF(Input!$D$22=2,M5606*Input!$C$22,0)</f>
        <v>0.77410348726521716</v>
      </c>
      <c r="P5606" s="59">
        <f>IF(Input!$D$19=3,J5606*Input!$C$19,0)+IF(Input!$D$20=3,K5606*Input!$C$20,0)+IF(Input!$D$21=3,L5606*Input!$C$21,0)+IF(Input!$D$22=3,M5606*Input!$C$22,0)</f>
        <v>0</v>
      </c>
      <c r="Q5606" s="75">
        <f>IF(Input!$D$19=4,J5606*Input!$C$19,0)+IF(Input!$D$20=4,K5606*Input!$C$20,0)+IF(Input!$D$21=4,L5606*Input!$C$21,0)+IF(Input!$D$22=4,M5606*Input!$C$22,0)</f>
        <v>0</v>
      </c>
      <c r="R5606" s="58">
        <v>64.300093658018525</v>
      </c>
      <c r="S5606" s="124">
        <f t="shared" si="87"/>
        <v>1.3417793779263762</v>
      </c>
    </row>
    <row r="5607" spans="8:19" x14ac:dyDescent="0.3">
      <c r="H5607" s="44">
        <v>5600</v>
      </c>
      <c r="I5607" s="56">
        <f>Bühler!I5633</f>
        <v>0.30964139490608683</v>
      </c>
      <c r="J5607" s="59">
        <f>Bühler!J5633</f>
        <v>1.0321379830202895</v>
      </c>
      <c r="K5607" s="59">
        <f>Bühler!K5633</f>
        <v>1.5482069745304343</v>
      </c>
      <c r="L5607" s="59">
        <f>Bühler!L5633</f>
        <v>7.4313934777460844</v>
      </c>
      <c r="M5607" s="58">
        <f>Bühler!M5633</f>
        <v>0</v>
      </c>
      <c r="N5607" s="56">
        <f>IF(Input!$D$19=1,J5607*Input!$C$19,0)+IF(Input!$D$20=1,K5607*Input!$C$20,0)+IF(Input!$D$21=1,L5607*Input!$C$21,0)+IF(Input!$D$22=1,M5607*Input!$C$22,0)</f>
        <v>0.30964139490608683</v>
      </c>
      <c r="O5607" s="59">
        <f>IF(Input!$D$19=2,J5607*Input!$C$19,0)+IF(Input!$D$20=2,K5607*Input!$C$20,0)+IF(Input!$D$21=2,L5607*Input!$C$21,0)+IF(Input!$D$22=2,M5607*Input!$C$22,0)</f>
        <v>0.77410348726521716</v>
      </c>
      <c r="P5607" s="59">
        <f>IF(Input!$D$19=3,J5607*Input!$C$19,0)+IF(Input!$D$20=3,K5607*Input!$C$20,0)+IF(Input!$D$21=3,L5607*Input!$C$21,0)+IF(Input!$D$22=3,M5607*Input!$C$22,0)</f>
        <v>0</v>
      </c>
      <c r="Q5607" s="75">
        <f>IF(Input!$D$19=4,J5607*Input!$C$19,0)+IF(Input!$D$20=4,K5607*Input!$C$20,0)+IF(Input!$D$21=4,L5607*Input!$C$21,0)+IF(Input!$D$22=4,M5607*Input!$C$22,0)</f>
        <v>0</v>
      </c>
      <c r="R5607" s="58">
        <v>66.142811187148354</v>
      </c>
      <c r="S5607" s="124">
        <f t="shared" si="87"/>
        <v>1.3417793779263762</v>
      </c>
    </row>
    <row r="5608" spans="8:19" x14ac:dyDescent="0.3">
      <c r="H5608" s="44">
        <v>5601</v>
      </c>
      <c r="I5608" s="56">
        <f>Bühler!I5634</f>
        <v>0.30964139490608683</v>
      </c>
      <c r="J5608" s="59">
        <f>Bühler!J5634</f>
        <v>1.0321379830202895</v>
      </c>
      <c r="K5608" s="59">
        <f>Bühler!K5634</f>
        <v>1.5482069745304343</v>
      </c>
      <c r="L5608" s="59">
        <f>Bühler!L5634</f>
        <v>7.4313934777460844</v>
      </c>
      <c r="M5608" s="58">
        <f>Bühler!M5634</f>
        <v>0</v>
      </c>
      <c r="N5608" s="56">
        <f>IF(Input!$D$19=1,J5608*Input!$C$19,0)+IF(Input!$D$20=1,K5608*Input!$C$20,0)+IF(Input!$D$21=1,L5608*Input!$C$21,0)+IF(Input!$D$22=1,M5608*Input!$C$22,0)</f>
        <v>0.30964139490608683</v>
      </c>
      <c r="O5608" s="59">
        <f>IF(Input!$D$19=2,J5608*Input!$C$19,0)+IF(Input!$D$20=2,K5608*Input!$C$20,0)+IF(Input!$D$21=2,L5608*Input!$C$21,0)+IF(Input!$D$22=2,M5608*Input!$C$22,0)</f>
        <v>0.77410348726521716</v>
      </c>
      <c r="P5608" s="59">
        <f>IF(Input!$D$19=3,J5608*Input!$C$19,0)+IF(Input!$D$20=3,K5608*Input!$C$20,0)+IF(Input!$D$21=3,L5608*Input!$C$21,0)+IF(Input!$D$22=3,M5608*Input!$C$22,0)</f>
        <v>0</v>
      </c>
      <c r="Q5608" s="75">
        <f>IF(Input!$D$19=4,J5608*Input!$C$19,0)+IF(Input!$D$20=4,K5608*Input!$C$20,0)+IF(Input!$D$21=4,L5608*Input!$C$21,0)+IF(Input!$D$22=4,M5608*Input!$C$22,0)</f>
        <v>0</v>
      </c>
      <c r="R5608" s="58">
        <v>66.929920963077691</v>
      </c>
      <c r="S5608" s="124">
        <f t="shared" si="87"/>
        <v>1.3417793779263762</v>
      </c>
    </row>
    <row r="5609" spans="8:19" x14ac:dyDescent="0.3">
      <c r="H5609" s="44">
        <v>5602</v>
      </c>
      <c r="I5609" s="56">
        <f>Bühler!I5635</f>
        <v>0.33274896169012319</v>
      </c>
      <c r="J5609" s="59">
        <f>Bühler!J5635</f>
        <v>1.1091632056337442</v>
      </c>
      <c r="K5609" s="59">
        <f>Bühler!K5635</f>
        <v>1.6637448084506159</v>
      </c>
      <c r="L5609" s="59">
        <f>Bühler!L5635</f>
        <v>7.985975080562957</v>
      </c>
      <c r="M5609" s="58">
        <f>Bühler!M5635</f>
        <v>0</v>
      </c>
      <c r="N5609" s="56">
        <f>IF(Input!$D$19=1,J5609*Input!$C$19,0)+IF(Input!$D$20=1,K5609*Input!$C$20,0)+IF(Input!$D$21=1,L5609*Input!$C$21,0)+IF(Input!$D$22=1,M5609*Input!$C$22,0)</f>
        <v>0.33274896169012325</v>
      </c>
      <c r="O5609" s="59">
        <f>IF(Input!$D$19=2,J5609*Input!$C$19,0)+IF(Input!$D$20=2,K5609*Input!$C$20,0)+IF(Input!$D$21=2,L5609*Input!$C$21,0)+IF(Input!$D$22=2,M5609*Input!$C$22,0)</f>
        <v>0.83187240422530795</v>
      </c>
      <c r="P5609" s="59">
        <f>IF(Input!$D$19=3,J5609*Input!$C$19,0)+IF(Input!$D$20=3,K5609*Input!$C$20,0)+IF(Input!$D$21=3,L5609*Input!$C$21,0)+IF(Input!$D$22=3,M5609*Input!$C$22,0)</f>
        <v>0</v>
      </c>
      <c r="Q5609" s="75">
        <f>IF(Input!$D$19=4,J5609*Input!$C$19,0)+IF(Input!$D$20=4,K5609*Input!$C$20,0)+IF(Input!$D$21=4,L5609*Input!$C$21,0)+IF(Input!$D$22=4,M5609*Input!$C$22,0)</f>
        <v>0</v>
      </c>
      <c r="R5609" s="58">
        <v>67.611013269488424</v>
      </c>
      <c r="S5609" s="124">
        <f t="shared" si="87"/>
        <v>1.4419121673238673</v>
      </c>
    </row>
    <row r="5610" spans="8:19" x14ac:dyDescent="0.3">
      <c r="H5610" s="44">
        <v>5603</v>
      </c>
      <c r="I5610" s="56">
        <f>Bühler!I5636</f>
        <v>0.36047804183096677</v>
      </c>
      <c r="J5610" s="59">
        <f>Bühler!J5636</f>
        <v>1.2015934727698894</v>
      </c>
      <c r="K5610" s="59">
        <f>Bühler!K5636</f>
        <v>1.8023902091548338</v>
      </c>
      <c r="L5610" s="59">
        <f>Bühler!L5636</f>
        <v>8.6514730039432024</v>
      </c>
      <c r="M5610" s="58">
        <f>Bühler!M5636</f>
        <v>0</v>
      </c>
      <c r="N5610" s="56">
        <f>IF(Input!$D$19=1,J5610*Input!$C$19,0)+IF(Input!$D$20=1,K5610*Input!$C$20,0)+IF(Input!$D$21=1,L5610*Input!$C$21,0)+IF(Input!$D$22=1,M5610*Input!$C$22,0)</f>
        <v>0.36047804183096682</v>
      </c>
      <c r="O5610" s="59">
        <f>IF(Input!$D$19=2,J5610*Input!$C$19,0)+IF(Input!$D$20=2,K5610*Input!$C$20,0)+IF(Input!$D$21=2,L5610*Input!$C$21,0)+IF(Input!$D$22=2,M5610*Input!$C$22,0)</f>
        <v>0.90119510457741692</v>
      </c>
      <c r="P5610" s="59">
        <f>IF(Input!$D$19=3,J5610*Input!$C$19,0)+IF(Input!$D$20=3,K5610*Input!$C$20,0)+IF(Input!$D$21=3,L5610*Input!$C$21,0)+IF(Input!$D$22=3,M5610*Input!$C$22,0)</f>
        <v>0</v>
      </c>
      <c r="Q5610" s="75">
        <f>IF(Input!$D$19=4,J5610*Input!$C$19,0)+IF(Input!$D$20=4,K5610*Input!$C$20,0)+IF(Input!$D$21=4,L5610*Input!$C$21,0)+IF(Input!$D$22=4,M5610*Input!$C$22,0)</f>
        <v>0</v>
      </c>
      <c r="R5610" s="58">
        <v>68.438529961180791</v>
      </c>
      <c r="S5610" s="124">
        <f t="shared" si="87"/>
        <v>1.5620715146008561</v>
      </c>
    </row>
    <row r="5611" spans="8:19" x14ac:dyDescent="0.3">
      <c r="H5611" s="44">
        <v>5604</v>
      </c>
      <c r="I5611" s="56">
        <f>Bühler!I5637</f>
        <v>0.41593620211265397</v>
      </c>
      <c r="J5611" s="59">
        <f>Bühler!J5637</f>
        <v>1.38645400704218</v>
      </c>
      <c r="K5611" s="59">
        <f>Bühler!K5637</f>
        <v>2.0796810105632697</v>
      </c>
      <c r="L5611" s="59">
        <f>Bühler!L5637</f>
        <v>9.9824688507036949</v>
      </c>
      <c r="M5611" s="58">
        <f>Bühler!M5637</f>
        <v>0</v>
      </c>
      <c r="N5611" s="56">
        <f>IF(Input!$D$19=1,J5611*Input!$C$19,0)+IF(Input!$D$20=1,K5611*Input!$C$20,0)+IF(Input!$D$21=1,L5611*Input!$C$21,0)+IF(Input!$D$22=1,M5611*Input!$C$22,0)</f>
        <v>0.41593620211265397</v>
      </c>
      <c r="O5611" s="59">
        <f>IF(Input!$D$19=2,J5611*Input!$C$19,0)+IF(Input!$D$20=2,K5611*Input!$C$20,0)+IF(Input!$D$21=2,L5611*Input!$C$21,0)+IF(Input!$D$22=2,M5611*Input!$C$22,0)</f>
        <v>1.0398405052816349</v>
      </c>
      <c r="P5611" s="59">
        <f>IF(Input!$D$19=3,J5611*Input!$C$19,0)+IF(Input!$D$20=3,K5611*Input!$C$20,0)+IF(Input!$D$21=3,L5611*Input!$C$21,0)+IF(Input!$D$22=3,M5611*Input!$C$22,0)</f>
        <v>0</v>
      </c>
      <c r="Q5611" s="75">
        <f>IF(Input!$D$19=4,J5611*Input!$C$19,0)+IF(Input!$D$20=4,K5611*Input!$C$20,0)+IF(Input!$D$21=4,L5611*Input!$C$21,0)+IF(Input!$D$22=4,M5611*Input!$C$22,0)</f>
        <v>0</v>
      </c>
      <c r="R5611" s="58">
        <v>69.454587938728025</v>
      </c>
      <c r="S5611" s="124">
        <f t="shared" si="87"/>
        <v>1.8023902091548341</v>
      </c>
    </row>
    <row r="5612" spans="8:19" x14ac:dyDescent="0.3">
      <c r="H5612" s="44">
        <v>5605</v>
      </c>
      <c r="I5612" s="56">
        <f>Bühler!I5638</f>
        <v>0.41593620211265397</v>
      </c>
      <c r="J5612" s="59">
        <f>Bühler!J5638</f>
        <v>1.38645400704218</v>
      </c>
      <c r="K5612" s="59">
        <f>Bühler!K5638</f>
        <v>2.0796810105632697</v>
      </c>
      <c r="L5612" s="59">
        <f>Bühler!L5638</f>
        <v>9.9824688507036949</v>
      </c>
      <c r="M5612" s="58">
        <f>Bühler!M5638</f>
        <v>0</v>
      </c>
      <c r="N5612" s="56">
        <f>IF(Input!$D$19=1,J5612*Input!$C$19,0)+IF(Input!$D$20=1,K5612*Input!$C$20,0)+IF(Input!$D$21=1,L5612*Input!$C$21,0)+IF(Input!$D$22=1,M5612*Input!$C$22,0)</f>
        <v>0.41593620211265397</v>
      </c>
      <c r="O5612" s="59">
        <f>IF(Input!$D$19=2,J5612*Input!$C$19,0)+IF(Input!$D$20=2,K5612*Input!$C$20,0)+IF(Input!$D$21=2,L5612*Input!$C$21,0)+IF(Input!$D$22=2,M5612*Input!$C$22,0)</f>
        <v>1.0398405052816349</v>
      </c>
      <c r="P5612" s="59">
        <f>IF(Input!$D$19=3,J5612*Input!$C$19,0)+IF(Input!$D$20=3,K5612*Input!$C$20,0)+IF(Input!$D$21=3,L5612*Input!$C$21,0)+IF(Input!$D$22=3,M5612*Input!$C$22,0)</f>
        <v>0</v>
      </c>
      <c r="Q5612" s="75">
        <f>IF(Input!$D$19=4,J5612*Input!$C$19,0)+IF(Input!$D$20=4,K5612*Input!$C$20,0)+IF(Input!$D$21=4,L5612*Input!$C$21,0)+IF(Input!$D$22=4,M5612*Input!$C$22,0)</f>
        <v>0</v>
      </c>
      <c r="R5612" s="58">
        <v>69.312687855158487</v>
      </c>
      <c r="S5612" s="124">
        <f t="shared" si="87"/>
        <v>1.8023902091548341</v>
      </c>
    </row>
    <row r="5613" spans="8:19" x14ac:dyDescent="0.3">
      <c r="H5613" s="44">
        <v>5606</v>
      </c>
      <c r="I5613" s="56">
        <f>Bühler!I5639</f>
        <v>0.41593620211265397</v>
      </c>
      <c r="J5613" s="59">
        <f>Bühler!J5639</f>
        <v>1.38645400704218</v>
      </c>
      <c r="K5613" s="59">
        <f>Bühler!K5639</f>
        <v>2.0796810105632697</v>
      </c>
      <c r="L5613" s="59">
        <f>Bühler!L5639</f>
        <v>9.9824688507036949</v>
      </c>
      <c r="M5613" s="58">
        <f>Bühler!M5639</f>
        <v>0</v>
      </c>
      <c r="N5613" s="56">
        <f>IF(Input!$D$19=1,J5613*Input!$C$19,0)+IF(Input!$D$20=1,K5613*Input!$C$20,0)+IF(Input!$D$21=1,L5613*Input!$C$21,0)+IF(Input!$D$22=1,M5613*Input!$C$22,0)</f>
        <v>0.41593620211265397</v>
      </c>
      <c r="O5613" s="59">
        <f>IF(Input!$D$19=2,J5613*Input!$C$19,0)+IF(Input!$D$20=2,K5613*Input!$C$20,0)+IF(Input!$D$21=2,L5613*Input!$C$21,0)+IF(Input!$D$22=2,M5613*Input!$C$22,0)</f>
        <v>1.0398405052816349</v>
      </c>
      <c r="P5613" s="59">
        <f>IF(Input!$D$19=3,J5613*Input!$C$19,0)+IF(Input!$D$20=3,K5613*Input!$C$20,0)+IF(Input!$D$21=3,L5613*Input!$C$21,0)+IF(Input!$D$22=3,M5613*Input!$C$22,0)</f>
        <v>0</v>
      </c>
      <c r="Q5613" s="75">
        <f>IF(Input!$D$19=4,J5613*Input!$C$19,0)+IF(Input!$D$20=4,K5613*Input!$C$20,0)+IF(Input!$D$21=4,L5613*Input!$C$21,0)+IF(Input!$D$22=4,M5613*Input!$C$22,0)</f>
        <v>0</v>
      </c>
      <c r="R5613" s="58">
        <v>69.234459408945554</v>
      </c>
      <c r="S5613" s="124">
        <f t="shared" si="87"/>
        <v>1.8023902091548341</v>
      </c>
    </row>
    <row r="5614" spans="8:19" x14ac:dyDescent="0.3">
      <c r="H5614" s="44">
        <v>5607</v>
      </c>
      <c r="I5614" s="56">
        <f>Bühler!I5640</f>
        <v>0.41593620211265397</v>
      </c>
      <c r="J5614" s="59">
        <f>Bühler!J5640</f>
        <v>1.38645400704218</v>
      </c>
      <c r="K5614" s="59">
        <f>Bühler!K5640</f>
        <v>2.0796810105632697</v>
      </c>
      <c r="L5614" s="59">
        <f>Bühler!L5640</f>
        <v>9.9824688507036949</v>
      </c>
      <c r="M5614" s="58">
        <f>Bühler!M5640</f>
        <v>0</v>
      </c>
      <c r="N5614" s="56">
        <f>IF(Input!$D$19=1,J5614*Input!$C$19,0)+IF(Input!$D$20=1,K5614*Input!$C$20,0)+IF(Input!$D$21=1,L5614*Input!$C$21,0)+IF(Input!$D$22=1,M5614*Input!$C$22,0)</f>
        <v>0.41593620211265397</v>
      </c>
      <c r="O5614" s="59">
        <f>IF(Input!$D$19=2,J5614*Input!$C$19,0)+IF(Input!$D$20=2,K5614*Input!$C$20,0)+IF(Input!$D$21=2,L5614*Input!$C$21,0)+IF(Input!$D$22=2,M5614*Input!$C$22,0)</f>
        <v>1.0398405052816349</v>
      </c>
      <c r="P5614" s="59">
        <f>IF(Input!$D$19=3,J5614*Input!$C$19,0)+IF(Input!$D$20=3,K5614*Input!$C$20,0)+IF(Input!$D$21=3,L5614*Input!$C$21,0)+IF(Input!$D$22=3,M5614*Input!$C$22,0)</f>
        <v>0</v>
      </c>
      <c r="Q5614" s="75">
        <f>IF(Input!$D$19=4,J5614*Input!$C$19,0)+IF(Input!$D$20=4,K5614*Input!$C$20,0)+IF(Input!$D$21=4,L5614*Input!$C$21,0)+IF(Input!$D$22=4,M5614*Input!$C$22,0)</f>
        <v>0</v>
      </c>
      <c r="R5614" s="58">
        <v>69.280815819706802</v>
      </c>
      <c r="S5614" s="124">
        <f t="shared" si="87"/>
        <v>1.8023902091548341</v>
      </c>
    </row>
    <row r="5615" spans="8:19" x14ac:dyDescent="0.3">
      <c r="H5615" s="44">
        <v>5608</v>
      </c>
      <c r="I5615" s="56">
        <f>Bühler!I5641</f>
        <v>0.41593620211265397</v>
      </c>
      <c r="J5615" s="59">
        <f>Bühler!J5641</f>
        <v>1.38645400704218</v>
      </c>
      <c r="K5615" s="59">
        <f>Bühler!K5641</f>
        <v>2.0796810105632697</v>
      </c>
      <c r="L5615" s="59">
        <f>Bühler!L5641</f>
        <v>9.9824688507036949</v>
      </c>
      <c r="M5615" s="58">
        <f>Bühler!M5641</f>
        <v>0</v>
      </c>
      <c r="N5615" s="56">
        <f>IF(Input!$D$19=1,J5615*Input!$C$19,0)+IF(Input!$D$20=1,K5615*Input!$C$20,0)+IF(Input!$D$21=1,L5615*Input!$C$21,0)+IF(Input!$D$22=1,M5615*Input!$C$22,0)</f>
        <v>0.41593620211265397</v>
      </c>
      <c r="O5615" s="59">
        <f>IF(Input!$D$19=2,J5615*Input!$C$19,0)+IF(Input!$D$20=2,K5615*Input!$C$20,0)+IF(Input!$D$21=2,L5615*Input!$C$21,0)+IF(Input!$D$22=2,M5615*Input!$C$22,0)</f>
        <v>1.0398405052816349</v>
      </c>
      <c r="P5615" s="59">
        <f>IF(Input!$D$19=3,J5615*Input!$C$19,0)+IF(Input!$D$20=3,K5615*Input!$C$20,0)+IF(Input!$D$21=3,L5615*Input!$C$21,0)+IF(Input!$D$22=3,M5615*Input!$C$22,0)</f>
        <v>0</v>
      </c>
      <c r="Q5615" s="75">
        <f>IF(Input!$D$19=4,J5615*Input!$C$19,0)+IF(Input!$D$20=4,K5615*Input!$C$20,0)+IF(Input!$D$21=4,L5615*Input!$C$21,0)+IF(Input!$D$22=4,M5615*Input!$C$22,0)</f>
        <v>0</v>
      </c>
      <c r="R5615" s="58">
        <v>68.898279176491087</v>
      </c>
      <c r="S5615" s="124">
        <f t="shared" si="87"/>
        <v>1.8023902091548341</v>
      </c>
    </row>
    <row r="5616" spans="8:19" x14ac:dyDescent="0.3">
      <c r="H5616" s="44">
        <v>5609</v>
      </c>
      <c r="I5616" s="56">
        <f>Bühler!I5642</f>
        <v>0.41593620211265397</v>
      </c>
      <c r="J5616" s="59">
        <f>Bühler!J5642</f>
        <v>1.38645400704218</v>
      </c>
      <c r="K5616" s="59">
        <f>Bühler!K5642</f>
        <v>2.0796810105632697</v>
      </c>
      <c r="L5616" s="59">
        <f>Bühler!L5642</f>
        <v>9.9824688507036949</v>
      </c>
      <c r="M5616" s="58">
        <f>Bühler!M5642</f>
        <v>0</v>
      </c>
      <c r="N5616" s="56">
        <f>IF(Input!$D$19=1,J5616*Input!$C$19,0)+IF(Input!$D$20=1,K5616*Input!$C$20,0)+IF(Input!$D$21=1,L5616*Input!$C$21,0)+IF(Input!$D$22=1,M5616*Input!$C$22,0)</f>
        <v>0.41593620211265397</v>
      </c>
      <c r="O5616" s="59">
        <f>IF(Input!$D$19=2,J5616*Input!$C$19,0)+IF(Input!$D$20=2,K5616*Input!$C$20,0)+IF(Input!$D$21=2,L5616*Input!$C$21,0)+IF(Input!$D$22=2,M5616*Input!$C$22,0)</f>
        <v>1.0398405052816349</v>
      </c>
      <c r="P5616" s="59">
        <f>IF(Input!$D$19=3,J5616*Input!$C$19,0)+IF(Input!$D$20=3,K5616*Input!$C$20,0)+IF(Input!$D$21=3,L5616*Input!$C$21,0)+IF(Input!$D$22=3,M5616*Input!$C$22,0)</f>
        <v>0</v>
      </c>
      <c r="Q5616" s="75">
        <f>IF(Input!$D$19=4,J5616*Input!$C$19,0)+IF(Input!$D$20=4,K5616*Input!$C$20,0)+IF(Input!$D$21=4,L5616*Input!$C$21,0)+IF(Input!$D$22=4,M5616*Input!$C$22,0)</f>
        <v>0</v>
      </c>
      <c r="R5616" s="58">
        <v>67.722072627739053</v>
      </c>
      <c r="S5616" s="124">
        <f t="shared" si="87"/>
        <v>1.8023902091548341</v>
      </c>
    </row>
    <row r="5617" spans="8:19" x14ac:dyDescent="0.3">
      <c r="H5617" s="44">
        <v>5610</v>
      </c>
      <c r="I5617" s="56">
        <f>Bühler!I5643</f>
        <v>0.41593620211265397</v>
      </c>
      <c r="J5617" s="59">
        <f>Bühler!J5643</f>
        <v>1.38645400704218</v>
      </c>
      <c r="K5617" s="59">
        <f>Bühler!K5643</f>
        <v>2.0796810105632697</v>
      </c>
      <c r="L5617" s="59">
        <f>Bühler!L5643</f>
        <v>9.9824688507036949</v>
      </c>
      <c r="M5617" s="58">
        <f>Bühler!M5643</f>
        <v>0</v>
      </c>
      <c r="N5617" s="56">
        <f>IF(Input!$D$19=1,J5617*Input!$C$19,0)+IF(Input!$D$20=1,K5617*Input!$C$20,0)+IF(Input!$D$21=1,L5617*Input!$C$21,0)+IF(Input!$D$22=1,M5617*Input!$C$22,0)</f>
        <v>0.41593620211265397</v>
      </c>
      <c r="O5617" s="59">
        <f>IF(Input!$D$19=2,J5617*Input!$C$19,0)+IF(Input!$D$20=2,K5617*Input!$C$20,0)+IF(Input!$D$21=2,L5617*Input!$C$21,0)+IF(Input!$D$22=2,M5617*Input!$C$22,0)</f>
        <v>1.0398405052816349</v>
      </c>
      <c r="P5617" s="59">
        <f>IF(Input!$D$19=3,J5617*Input!$C$19,0)+IF(Input!$D$20=3,K5617*Input!$C$20,0)+IF(Input!$D$21=3,L5617*Input!$C$21,0)+IF(Input!$D$22=3,M5617*Input!$C$22,0)</f>
        <v>0</v>
      </c>
      <c r="Q5617" s="75">
        <f>IF(Input!$D$19=4,J5617*Input!$C$19,0)+IF(Input!$D$20=4,K5617*Input!$C$20,0)+IF(Input!$D$21=4,L5617*Input!$C$21,0)+IF(Input!$D$22=4,M5617*Input!$C$22,0)</f>
        <v>0</v>
      </c>
      <c r="R5617" s="58">
        <v>66.228508957947483</v>
      </c>
      <c r="S5617" s="124">
        <f t="shared" si="87"/>
        <v>1.8023902091548341</v>
      </c>
    </row>
    <row r="5618" spans="8:19" x14ac:dyDescent="0.3">
      <c r="H5618" s="44">
        <v>5611</v>
      </c>
      <c r="I5618" s="56">
        <f>Bühler!I5644</f>
        <v>0.41593620211265397</v>
      </c>
      <c r="J5618" s="59">
        <f>Bühler!J5644</f>
        <v>1.38645400704218</v>
      </c>
      <c r="K5618" s="59">
        <f>Bühler!K5644</f>
        <v>2.0796810105632697</v>
      </c>
      <c r="L5618" s="59">
        <f>Bühler!L5644</f>
        <v>9.9824688507036949</v>
      </c>
      <c r="M5618" s="58">
        <f>Bühler!M5644</f>
        <v>0</v>
      </c>
      <c r="N5618" s="56">
        <f>IF(Input!$D$19=1,J5618*Input!$C$19,0)+IF(Input!$D$20=1,K5618*Input!$C$20,0)+IF(Input!$D$21=1,L5618*Input!$C$21,0)+IF(Input!$D$22=1,M5618*Input!$C$22,0)</f>
        <v>0.41593620211265397</v>
      </c>
      <c r="O5618" s="59">
        <f>IF(Input!$D$19=2,J5618*Input!$C$19,0)+IF(Input!$D$20=2,K5618*Input!$C$20,0)+IF(Input!$D$21=2,L5618*Input!$C$21,0)+IF(Input!$D$22=2,M5618*Input!$C$22,0)</f>
        <v>1.0398405052816349</v>
      </c>
      <c r="P5618" s="59">
        <f>IF(Input!$D$19=3,J5618*Input!$C$19,0)+IF(Input!$D$20=3,K5618*Input!$C$20,0)+IF(Input!$D$21=3,L5618*Input!$C$21,0)+IF(Input!$D$22=3,M5618*Input!$C$22,0)</f>
        <v>0</v>
      </c>
      <c r="Q5618" s="75">
        <f>IF(Input!$D$19=4,J5618*Input!$C$19,0)+IF(Input!$D$20=4,K5618*Input!$C$20,0)+IF(Input!$D$21=4,L5618*Input!$C$21,0)+IF(Input!$D$22=4,M5618*Input!$C$22,0)</f>
        <v>0</v>
      </c>
      <c r="R5618" s="58">
        <v>63.562414178005049</v>
      </c>
      <c r="S5618" s="124">
        <f t="shared" si="87"/>
        <v>1.8023902091548341</v>
      </c>
    </row>
    <row r="5619" spans="8:19" x14ac:dyDescent="0.3">
      <c r="H5619" s="44">
        <v>5612</v>
      </c>
      <c r="I5619" s="56">
        <f>Bühler!I5645</f>
        <v>0.34661350176054501</v>
      </c>
      <c r="J5619" s="59">
        <f>Bühler!J5645</f>
        <v>1.1553783392018167</v>
      </c>
      <c r="K5619" s="59">
        <f>Bühler!K5645</f>
        <v>1.733067508802725</v>
      </c>
      <c r="L5619" s="59">
        <f>Bühler!L5645</f>
        <v>8.3187240422530788</v>
      </c>
      <c r="M5619" s="58">
        <f>Bühler!M5645</f>
        <v>0</v>
      </c>
      <c r="N5619" s="56">
        <f>IF(Input!$D$19=1,J5619*Input!$C$19,0)+IF(Input!$D$20=1,K5619*Input!$C$20,0)+IF(Input!$D$21=1,L5619*Input!$C$21,0)+IF(Input!$D$22=1,M5619*Input!$C$22,0)</f>
        <v>0.34661350176054501</v>
      </c>
      <c r="O5619" s="59">
        <f>IF(Input!$D$19=2,J5619*Input!$C$19,0)+IF(Input!$D$20=2,K5619*Input!$C$20,0)+IF(Input!$D$21=2,L5619*Input!$C$21,0)+IF(Input!$D$22=2,M5619*Input!$C$22,0)</f>
        <v>0.86653375440136249</v>
      </c>
      <c r="P5619" s="59">
        <f>IF(Input!$D$19=3,J5619*Input!$C$19,0)+IF(Input!$D$20=3,K5619*Input!$C$20,0)+IF(Input!$D$21=3,L5619*Input!$C$21,0)+IF(Input!$D$22=3,M5619*Input!$C$22,0)</f>
        <v>0</v>
      </c>
      <c r="Q5619" s="75">
        <f>IF(Input!$D$19=4,J5619*Input!$C$19,0)+IF(Input!$D$20=4,K5619*Input!$C$20,0)+IF(Input!$D$21=4,L5619*Input!$C$21,0)+IF(Input!$D$22=4,M5619*Input!$C$22,0)</f>
        <v>0</v>
      </c>
      <c r="R5619" s="58">
        <v>62.260936860130904</v>
      </c>
      <c r="S5619" s="124">
        <f t="shared" si="87"/>
        <v>1.5019918409623616</v>
      </c>
    </row>
    <row r="5620" spans="8:19" x14ac:dyDescent="0.3">
      <c r="H5620" s="44">
        <v>5613</v>
      </c>
      <c r="I5620" s="56">
        <f>Bühler!I5646</f>
        <v>0.27729080140843598</v>
      </c>
      <c r="J5620" s="59">
        <f>Bühler!J5646</f>
        <v>0.92430267136145339</v>
      </c>
      <c r="K5620" s="59">
        <f>Bühler!K5646</f>
        <v>1.38645400704218</v>
      </c>
      <c r="L5620" s="59">
        <f>Bühler!L5646</f>
        <v>6.6549792338024636</v>
      </c>
      <c r="M5620" s="58">
        <f>Bühler!M5646</f>
        <v>0</v>
      </c>
      <c r="N5620" s="56">
        <f>IF(Input!$D$19=1,J5620*Input!$C$19,0)+IF(Input!$D$20=1,K5620*Input!$C$20,0)+IF(Input!$D$21=1,L5620*Input!$C$21,0)+IF(Input!$D$22=1,M5620*Input!$C$22,0)</f>
        <v>0.27729080140843598</v>
      </c>
      <c r="O5620" s="59">
        <f>IF(Input!$D$19=2,J5620*Input!$C$19,0)+IF(Input!$D$20=2,K5620*Input!$C$20,0)+IF(Input!$D$21=2,L5620*Input!$C$21,0)+IF(Input!$D$22=2,M5620*Input!$C$22,0)</f>
        <v>0.69322700352109001</v>
      </c>
      <c r="P5620" s="59">
        <f>IF(Input!$D$19=3,J5620*Input!$C$19,0)+IF(Input!$D$20=3,K5620*Input!$C$20,0)+IF(Input!$D$21=3,L5620*Input!$C$21,0)+IF(Input!$D$22=3,M5620*Input!$C$22,0)</f>
        <v>0</v>
      </c>
      <c r="Q5620" s="75">
        <f>IF(Input!$D$19=4,J5620*Input!$C$19,0)+IF(Input!$D$20=4,K5620*Input!$C$20,0)+IF(Input!$D$21=4,L5620*Input!$C$21,0)+IF(Input!$D$22=4,M5620*Input!$C$22,0)</f>
        <v>0</v>
      </c>
      <c r="R5620" s="58">
        <v>60.527994361855804</v>
      </c>
      <c r="S5620" s="124">
        <f t="shared" si="87"/>
        <v>1.2015934727698894</v>
      </c>
    </row>
    <row r="5621" spans="8:19" x14ac:dyDescent="0.3">
      <c r="H5621" s="44">
        <v>5614</v>
      </c>
      <c r="I5621" s="56">
        <f>Bühler!I5647</f>
        <v>0.20796810105632699</v>
      </c>
      <c r="J5621" s="59">
        <f>Bühler!J5647</f>
        <v>0.69322700352109001</v>
      </c>
      <c r="K5621" s="59">
        <f>Bühler!K5647</f>
        <v>1.0398405052816349</v>
      </c>
      <c r="L5621" s="59">
        <f>Bühler!L5647</f>
        <v>4.9912344253518475</v>
      </c>
      <c r="M5621" s="58">
        <f>Bühler!M5647</f>
        <v>0</v>
      </c>
      <c r="N5621" s="56">
        <f>IF(Input!$D$19=1,J5621*Input!$C$19,0)+IF(Input!$D$20=1,K5621*Input!$C$20,0)+IF(Input!$D$21=1,L5621*Input!$C$21,0)+IF(Input!$D$22=1,M5621*Input!$C$22,0)</f>
        <v>0.20796810105632699</v>
      </c>
      <c r="O5621" s="59">
        <f>IF(Input!$D$19=2,J5621*Input!$C$19,0)+IF(Input!$D$20=2,K5621*Input!$C$20,0)+IF(Input!$D$21=2,L5621*Input!$C$21,0)+IF(Input!$D$22=2,M5621*Input!$C$22,0)</f>
        <v>0.51992025264081743</v>
      </c>
      <c r="P5621" s="59">
        <f>IF(Input!$D$19=3,J5621*Input!$C$19,0)+IF(Input!$D$20=3,K5621*Input!$C$20,0)+IF(Input!$D$21=3,L5621*Input!$C$21,0)+IF(Input!$D$22=3,M5621*Input!$C$22,0)</f>
        <v>0</v>
      </c>
      <c r="Q5621" s="75">
        <f>IF(Input!$D$19=4,J5621*Input!$C$19,0)+IF(Input!$D$20=4,K5621*Input!$C$20,0)+IF(Input!$D$21=4,L5621*Input!$C$21,0)+IF(Input!$D$22=4,M5621*Input!$C$22,0)</f>
        <v>0</v>
      </c>
      <c r="R5621" s="58">
        <v>58.560795124417496</v>
      </c>
      <c r="S5621" s="124">
        <f t="shared" si="87"/>
        <v>0.90119510457741703</v>
      </c>
    </row>
    <row r="5622" spans="8:19" x14ac:dyDescent="0.3">
      <c r="H5622" s="44">
        <v>5615</v>
      </c>
      <c r="I5622" s="56">
        <f>Bühler!I5648</f>
        <v>0.20796810105632699</v>
      </c>
      <c r="J5622" s="59">
        <f>Bühler!J5648</f>
        <v>0.69322700352109001</v>
      </c>
      <c r="K5622" s="59">
        <f>Bühler!K5648</f>
        <v>1.0398405052816349</v>
      </c>
      <c r="L5622" s="59">
        <f>Bühler!L5648</f>
        <v>4.9912344253518475</v>
      </c>
      <c r="M5622" s="58">
        <f>Bühler!M5648</f>
        <v>0</v>
      </c>
      <c r="N5622" s="56">
        <f>IF(Input!$D$19=1,J5622*Input!$C$19,0)+IF(Input!$D$20=1,K5622*Input!$C$20,0)+IF(Input!$D$21=1,L5622*Input!$C$21,0)+IF(Input!$D$22=1,M5622*Input!$C$22,0)</f>
        <v>0.20796810105632699</v>
      </c>
      <c r="O5622" s="59">
        <f>IF(Input!$D$19=2,J5622*Input!$C$19,0)+IF(Input!$D$20=2,K5622*Input!$C$20,0)+IF(Input!$D$21=2,L5622*Input!$C$21,0)+IF(Input!$D$22=2,M5622*Input!$C$22,0)</f>
        <v>0.51992025264081743</v>
      </c>
      <c r="P5622" s="59">
        <f>IF(Input!$D$19=3,J5622*Input!$C$19,0)+IF(Input!$D$20=3,K5622*Input!$C$20,0)+IF(Input!$D$21=3,L5622*Input!$C$21,0)+IF(Input!$D$22=3,M5622*Input!$C$22,0)</f>
        <v>0</v>
      </c>
      <c r="Q5622" s="75">
        <f>IF(Input!$D$19=4,J5622*Input!$C$19,0)+IF(Input!$D$20=4,K5622*Input!$C$20,0)+IF(Input!$D$21=4,L5622*Input!$C$21,0)+IF(Input!$D$22=4,M5622*Input!$C$22,0)</f>
        <v>0</v>
      </c>
      <c r="R5622" s="58">
        <v>57.787622265049741</v>
      </c>
      <c r="S5622" s="124">
        <f t="shared" si="87"/>
        <v>0.90119510457741703</v>
      </c>
    </row>
    <row r="5623" spans="8:19" x14ac:dyDescent="0.3">
      <c r="H5623" s="44">
        <v>5616</v>
      </c>
      <c r="I5623" s="56">
        <f>Bühler!I5649</f>
        <v>0.20796810105632699</v>
      </c>
      <c r="J5623" s="59">
        <f>Bühler!J5649</f>
        <v>0.69322700352109001</v>
      </c>
      <c r="K5623" s="59">
        <f>Bühler!K5649</f>
        <v>1.0398405052816349</v>
      </c>
      <c r="L5623" s="59">
        <f>Bühler!L5649</f>
        <v>4.9912344253518475</v>
      </c>
      <c r="M5623" s="58">
        <f>Bühler!M5649</f>
        <v>0</v>
      </c>
      <c r="N5623" s="56">
        <f>IF(Input!$D$19=1,J5623*Input!$C$19,0)+IF(Input!$D$20=1,K5623*Input!$C$20,0)+IF(Input!$D$21=1,L5623*Input!$C$21,0)+IF(Input!$D$22=1,M5623*Input!$C$22,0)</f>
        <v>0.20796810105632699</v>
      </c>
      <c r="O5623" s="59">
        <f>IF(Input!$D$19=2,J5623*Input!$C$19,0)+IF(Input!$D$20=2,K5623*Input!$C$20,0)+IF(Input!$D$21=2,L5623*Input!$C$21,0)+IF(Input!$D$22=2,M5623*Input!$C$22,0)</f>
        <v>0.51992025264081743</v>
      </c>
      <c r="P5623" s="59">
        <f>IF(Input!$D$19=3,J5623*Input!$C$19,0)+IF(Input!$D$20=3,K5623*Input!$C$20,0)+IF(Input!$D$21=3,L5623*Input!$C$21,0)+IF(Input!$D$22=3,M5623*Input!$C$22,0)</f>
        <v>0</v>
      </c>
      <c r="Q5623" s="75">
        <f>IF(Input!$D$19=4,J5623*Input!$C$19,0)+IF(Input!$D$20=4,K5623*Input!$C$20,0)+IF(Input!$D$21=4,L5623*Input!$C$21,0)+IF(Input!$D$22=4,M5623*Input!$C$22,0)</f>
        <v>0</v>
      </c>
      <c r="R5623" s="58">
        <v>58.037017458568322</v>
      </c>
      <c r="S5623" s="124">
        <f t="shared" si="87"/>
        <v>0.90119510457741703</v>
      </c>
    </row>
    <row r="5624" spans="8:19" x14ac:dyDescent="0.3">
      <c r="H5624" s="44">
        <v>5617</v>
      </c>
      <c r="I5624" s="56">
        <f>Bühler!I5650</f>
        <v>0.20763717345757765</v>
      </c>
      <c r="J5624" s="59">
        <f>Bühler!J5650</f>
        <v>0.69212391152525887</v>
      </c>
      <c r="K5624" s="59">
        <f>Bühler!K5650</f>
        <v>1.0381858672878883</v>
      </c>
      <c r="L5624" s="59">
        <f>Bühler!L5650</f>
        <v>4.9832921629818641</v>
      </c>
      <c r="M5624" s="58">
        <f>Bühler!M5650</f>
        <v>0</v>
      </c>
      <c r="N5624" s="56">
        <f>IF(Input!$D$19=1,J5624*Input!$C$19,0)+IF(Input!$D$20=1,K5624*Input!$C$20,0)+IF(Input!$D$21=1,L5624*Input!$C$21,0)+IF(Input!$D$22=1,M5624*Input!$C$22,0)</f>
        <v>0.20763717345757765</v>
      </c>
      <c r="O5624" s="59">
        <f>IF(Input!$D$19=2,J5624*Input!$C$19,0)+IF(Input!$D$20=2,K5624*Input!$C$20,0)+IF(Input!$D$21=2,L5624*Input!$C$21,0)+IF(Input!$D$22=2,M5624*Input!$C$22,0)</f>
        <v>0.51909293364394415</v>
      </c>
      <c r="P5624" s="59">
        <f>IF(Input!$D$19=3,J5624*Input!$C$19,0)+IF(Input!$D$20=3,K5624*Input!$C$20,0)+IF(Input!$D$21=3,L5624*Input!$C$21,0)+IF(Input!$D$22=3,M5624*Input!$C$22,0)</f>
        <v>0</v>
      </c>
      <c r="Q5624" s="75">
        <f>IF(Input!$D$19=4,J5624*Input!$C$19,0)+IF(Input!$D$20=4,K5624*Input!$C$20,0)+IF(Input!$D$21=4,L5624*Input!$C$21,0)+IF(Input!$D$22=4,M5624*Input!$C$22,0)</f>
        <v>0</v>
      </c>
      <c r="R5624" s="58">
        <v>57.152473833578895</v>
      </c>
      <c r="S5624" s="124">
        <f t="shared" si="87"/>
        <v>0.89976108498283658</v>
      </c>
    </row>
    <row r="5625" spans="8:19" x14ac:dyDescent="0.3">
      <c r="H5625" s="44">
        <v>5618</v>
      </c>
      <c r="I5625" s="56">
        <f>Bühler!I5651</f>
        <v>0.20763717345757765</v>
      </c>
      <c r="J5625" s="59">
        <f>Bühler!J5651</f>
        <v>0.69212391152525887</v>
      </c>
      <c r="K5625" s="59">
        <f>Bühler!K5651</f>
        <v>1.0381858672878883</v>
      </c>
      <c r="L5625" s="59">
        <f>Bühler!L5651</f>
        <v>4.9832921629818641</v>
      </c>
      <c r="M5625" s="58">
        <f>Bühler!M5651</f>
        <v>0</v>
      </c>
      <c r="N5625" s="56">
        <f>IF(Input!$D$19=1,J5625*Input!$C$19,0)+IF(Input!$D$20=1,K5625*Input!$C$20,0)+IF(Input!$D$21=1,L5625*Input!$C$21,0)+IF(Input!$D$22=1,M5625*Input!$C$22,0)</f>
        <v>0.20763717345757765</v>
      </c>
      <c r="O5625" s="59">
        <f>IF(Input!$D$19=2,J5625*Input!$C$19,0)+IF(Input!$D$20=2,K5625*Input!$C$20,0)+IF(Input!$D$21=2,L5625*Input!$C$21,0)+IF(Input!$D$22=2,M5625*Input!$C$22,0)</f>
        <v>0.51909293364394415</v>
      </c>
      <c r="P5625" s="59">
        <f>IF(Input!$D$19=3,J5625*Input!$C$19,0)+IF(Input!$D$20=3,K5625*Input!$C$20,0)+IF(Input!$D$21=3,L5625*Input!$C$21,0)+IF(Input!$D$22=3,M5625*Input!$C$22,0)</f>
        <v>0</v>
      </c>
      <c r="Q5625" s="75">
        <f>IF(Input!$D$19=4,J5625*Input!$C$19,0)+IF(Input!$D$20=4,K5625*Input!$C$20,0)+IF(Input!$D$21=4,L5625*Input!$C$21,0)+IF(Input!$D$22=4,M5625*Input!$C$22,0)</f>
        <v>0</v>
      </c>
      <c r="R5625" s="58">
        <v>56.720450622623432</v>
      </c>
      <c r="S5625" s="124">
        <f t="shared" si="87"/>
        <v>0.89976108498283658</v>
      </c>
    </row>
    <row r="5626" spans="8:19" x14ac:dyDescent="0.3">
      <c r="H5626" s="44">
        <v>5619</v>
      </c>
      <c r="I5626" s="56">
        <f>Bühler!I5652</f>
        <v>0.20763717345757765</v>
      </c>
      <c r="J5626" s="59">
        <f>Bühler!J5652</f>
        <v>0.69212391152525887</v>
      </c>
      <c r="K5626" s="59">
        <f>Bühler!K5652</f>
        <v>1.0381858672878883</v>
      </c>
      <c r="L5626" s="59">
        <f>Bühler!L5652</f>
        <v>4.9832921629818641</v>
      </c>
      <c r="M5626" s="58">
        <f>Bühler!M5652</f>
        <v>0</v>
      </c>
      <c r="N5626" s="56">
        <f>IF(Input!$D$19=1,J5626*Input!$C$19,0)+IF(Input!$D$20=1,K5626*Input!$C$20,0)+IF(Input!$D$21=1,L5626*Input!$C$21,0)+IF(Input!$D$22=1,M5626*Input!$C$22,0)</f>
        <v>0.20763717345757765</v>
      </c>
      <c r="O5626" s="59">
        <f>IF(Input!$D$19=2,J5626*Input!$C$19,0)+IF(Input!$D$20=2,K5626*Input!$C$20,0)+IF(Input!$D$21=2,L5626*Input!$C$21,0)+IF(Input!$D$22=2,M5626*Input!$C$22,0)</f>
        <v>0.51909293364394415</v>
      </c>
      <c r="P5626" s="59">
        <f>IF(Input!$D$19=3,J5626*Input!$C$19,0)+IF(Input!$D$20=3,K5626*Input!$C$20,0)+IF(Input!$D$21=3,L5626*Input!$C$21,0)+IF(Input!$D$22=3,M5626*Input!$C$22,0)</f>
        <v>0</v>
      </c>
      <c r="Q5626" s="75">
        <f>IF(Input!$D$19=4,J5626*Input!$C$19,0)+IF(Input!$D$20=4,K5626*Input!$C$20,0)+IF(Input!$D$21=4,L5626*Input!$C$21,0)+IF(Input!$D$22=4,M5626*Input!$C$22,0)</f>
        <v>0</v>
      </c>
      <c r="R5626" s="58">
        <v>56.659048000932323</v>
      </c>
      <c r="S5626" s="124">
        <f t="shared" si="87"/>
        <v>0.89976108498283658</v>
      </c>
    </row>
    <row r="5627" spans="8:19" x14ac:dyDescent="0.3">
      <c r="H5627" s="44">
        <v>5620</v>
      </c>
      <c r="I5627" s="56">
        <f>Bühler!I5653</f>
        <v>0.20763717345757765</v>
      </c>
      <c r="J5627" s="59">
        <f>Bühler!J5653</f>
        <v>0.69212391152525887</v>
      </c>
      <c r="K5627" s="59">
        <f>Bühler!K5653</f>
        <v>1.0381858672878883</v>
      </c>
      <c r="L5627" s="59">
        <f>Bühler!L5653</f>
        <v>4.9832921629818641</v>
      </c>
      <c r="M5627" s="58">
        <f>Bühler!M5653</f>
        <v>0</v>
      </c>
      <c r="N5627" s="56">
        <f>IF(Input!$D$19=1,J5627*Input!$C$19,0)+IF(Input!$D$20=1,K5627*Input!$C$20,0)+IF(Input!$D$21=1,L5627*Input!$C$21,0)+IF(Input!$D$22=1,M5627*Input!$C$22,0)</f>
        <v>0.20763717345757765</v>
      </c>
      <c r="O5627" s="59">
        <f>IF(Input!$D$19=2,J5627*Input!$C$19,0)+IF(Input!$D$20=2,K5627*Input!$C$20,0)+IF(Input!$D$21=2,L5627*Input!$C$21,0)+IF(Input!$D$22=2,M5627*Input!$C$22,0)</f>
        <v>0.51909293364394415</v>
      </c>
      <c r="P5627" s="59">
        <f>IF(Input!$D$19=3,J5627*Input!$C$19,0)+IF(Input!$D$20=3,K5627*Input!$C$20,0)+IF(Input!$D$21=3,L5627*Input!$C$21,0)+IF(Input!$D$22=3,M5627*Input!$C$22,0)</f>
        <v>0</v>
      </c>
      <c r="Q5627" s="75">
        <f>IF(Input!$D$19=4,J5627*Input!$C$19,0)+IF(Input!$D$20=4,K5627*Input!$C$20,0)+IF(Input!$D$21=4,L5627*Input!$C$21,0)+IF(Input!$D$22=4,M5627*Input!$C$22,0)</f>
        <v>0</v>
      </c>
      <c r="R5627" s="58">
        <v>57.329898325441484</v>
      </c>
      <c r="S5627" s="124">
        <f t="shared" si="87"/>
        <v>0.89976108498283658</v>
      </c>
    </row>
    <row r="5628" spans="8:19" x14ac:dyDescent="0.3">
      <c r="H5628" s="44">
        <v>5621</v>
      </c>
      <c r="I5628" s="56">
        <f>Bühler!I5654</f>
        <v>0.20763717345757765</v>
      </c>
      <c r="J5628" s="59">
        <f>Bühler!J5654</f>
        <v>0.69212391152525887</v>
      </c>
      <c r="K5628" s="59">
        <f>Bühler!K5654</f>
        <v>1.0381858672878883</v>
      </c>
      <c r="L5628" s="59">
        <f>Bühler!L5654</f>
        <v>4.9832921629818641</v>
      </c>
      <c r="M5628" s="58">
        <f>Bühler!M5654</f>
        <v>0</v>
      </c>
      <c r="N5628" s="56">
        <f>IF(Input!$D$19=1,J5628*Input!$C$19,0)+IF(Input!$D$20=1,K5628*Input!$C$20,0)+IF(Input!$D$21=1,L5628*Input!$C$21,0)+IF(Input!$D$22=1,M5628*Input!$C$22,0)</f>
        <v>0.20763717345757765</v>
      </c>
      <c r="O5628" s="59">
        <f>IF(Input!$D$19=2,J5628*Input!$C$19,0)+IF(Input!$D$20=2,K5628*Input!$C$20,0)+IF(Input!$D$21=2,L5628*Input!$C$21,0)+IF(Input!$D$22=2,M5628*Input!$C$22,0)</f>
        <v>0.51909293364394415</v>
      </c>
      <c r="P5628" s="59">
        <f>IF(Input!$D$19=3,J5628*Input!$C$19,0)+IF(Input!$D$20=3,K5628*Input!$C$20,0)+IF(Input!$D$21=3,L5628*Input!$C$21,0)+IF(Input!$D$22=3,M5628*Input!$C$22,0)</f>
        <v>0</v>
      </c>
      <c r="Q5628" s="75">
        <f>IF(Input!$D$19=4,J5628*Input!$C$19,0)+IF(Input!$D$20=4,K5628*Input!$C$20,0)+IF(Input!$D$21=4,L5628*Input!$C$21,0)+IF(Input!$D$22=4,M5628*Input!$C$22,0)</f>
        <v>0</v>
      </c>
      <c r="R5628" s="58">
        <v>58.774636979374563</v>
      </c>
      <c r="S5628" s="124">
        <f t="shared" si="87"/>
        <v>0.89976108498283658</v>
      </c>
    </row>
    <row r="5629" spans="8:19" x14ac:dyDescent="0.3">
      <c r="H5629" s="44">
        <v>5622</v>
      </c>
      <c r="I5629" s="56">
        <f>Bühler!I5655</f>
        <v>0.26762124578976676</v>
      </c>
      <c r="J5629" s="59">
        <f>Bühler!J5655</f>
        <v>0.89207081929922261</v>
      </c>
      <c r="K5629" s="59">
        <f>Bühler!K5655</f>
        <v>1.3381062289488339</v>
      </c>
      <c r="L5629" s="59">
        <f>Bühler!L5655</f>
        <v>6.4229098989544022</v>
      </c>
      <c r="M5629" s="58">
        <f>Bühler!M5655</f>
        <v>0</v>
      </c>
      <c r="N5629" s="56">
        <f>IF(Input!$D$19=1,J5629*Input!$C$19,0)+IF(Input!$D$20=1,K5629*Input!$C$20,0)+IF(Input!$D$21=1,L5629*Input!$C$21,0)+IF(Input!$D$22=1,M5629*Input!$C$22,0)</f>
        <v>0.26762124578976676</v>
      </c>
      <c r="O5629" s="59">
        <f>IF(Input!$D$19=2,J5629*Input!$C$19,0)+IF(Input!$D$20=2,K5629*Input!$C$20,0)+IF(Input!$D$21=2,L5629*Input!$C$21,0)+IF(Input!$D$22=2,M5629*Input!$C$22,0)</f>
        <v>0.66905311447441695</v>
      </c>
      <c r="P5629" s="59">
        <f>IF(Input!$D$19=3,J5629*Input!$C$19,0)+IF(Input!$D$20=3,K5629*Input!$C$20,0)+IF(Input!$D$21=3,L5629*Input!$C$21,0)+IF(Input!$D$22=3,M5629*Input!$C$22,0)</f>
        <v>0</v>
      </c>
      <c r="Q5629" s="75">
        <f>IF(Input!$D$19=4,J5629*Input!$C$19,0)+IF(Input!$D$20=4,K5629*Input!$C$20,0)+IF(Input!$D$21=4,L5629*Input!$C$21,0)+IF(Input!$D$22=4,M5629*Input!$C$22,0)</f>
        <v>0</v>
      </c>
      <c r="R5629" s="58">
        <v>62.000890797045301</v>
      </c>
      <c r="S5629" s="124">
        <f t="shared" si="87"/>
        <v>1.1596920650889895</v>
      </c>
    </row>
    <row r="5630" spans="8:19" x14ac:dyDescent="0.3">
      <c r="H5630" s="44">
        <v>5623</v>
      </c>
      <c r="I5630" s="56">
        <f>Bühler!I5656</f>
        <v>0.30914868048128236</v>
      </c>
      <c r="J5630" s="59">
        <f>Bühler!J5656</f>
        <v>1.0304956016042746</v>
      </c>
      <c r="K5630" s="59">
        <f>Bühler!K5656</f>
        <v>1.5457434024064116</v>
      </c>
      <c r="L5630" s="59">
        <f>Bühler!L5656</f>
        <v>7.4195683315507761</v>
      </c>
      <c r="M5630" s="58">
        <f>Bühler!M5656</f>
        <v>0</v>
      </c>
      <c r="N5630" s="56">
        <f>IF(Input!$D$19=1,J5630*Input!$C$19,0)+IF(Input!$D$20=1,K5630*Input!$C$20,0)+IF(Input!$D$21=1,L5630*Input!$C$21,0)+IF(Input!$D$22=1,M5630*Input!$C$22,0)</f>
        <v>0.30914868048128236</v>
      </c>
      <c r="O5630" s="59">
        <f>IF(Input!$D$19=2,J5630*Input!$C$19,0)+IF(Input!$D$20=2,K5630*Input!$C$20,0)+IF(Input!$D$21=2,L5630*Input!$C$21,0)+IF(Input!$D$22=2,M5630*Input!$C$22,0)</f>
        <v>0.77287170120320581</v>
      </c>
      <c r="P5630" s="59">
        <f>IF(Input!$D$19=3,J5630*Input!$C$19,0)+IF(Input!$D$20=3,K5630*Input!$C$20,0)+IF(Input!$D$21=3,L5630*Input!$C$21,0)+IF(Input!$D$22=3,M5630*Input!$C$22,0)</f>
        <v>0</v>
      </c>
      <c r="Q5630" s="75">
        <f>IF(Input!$D$19=4,J5630*Input!$C$19,0)+IF(Input!$D$20=4,K5630*Input!$C$20,0)+IF(Input!$D$21=4,L5630*Input!$C$21,0)+IF(Input!$D$22=4,M5630*Input!$C$22,0)</f>
        <v>0</v>
      </c>
      <c r="R5630" s="58">
        <v>65.097237451350139</v>
      </c>
      <c r="S5630" s="124">
        <f t="shared" si="87"/>
        <v>1.339644282085557</v>
      </c>
    </row>
    <row r="5631" spans="8:19" x14ac:dyDescent="0.3">
      <c r="H5631" s="44">
        <v>5624</v>
      </c>
      <c r="I5631" s="56">
        <f>Bühler!I5657</f>
        <v>0.30914868048128236</v>
      </c>
      <c r="J5631" s="59">
        <f>Bühler!J5657</f>
        <v>1.0304956016042746</v>
      </c>
      <c r="K5631" s="59">
        <f>Bühler!K5657</f>
        <v>1.5457434024064116</v>
      </c>
      <c r="L5631" s="59">
        <f>Bühler!L5657</f>
        <v>7.4195683315507761</v>
      </c>
      <c r="M5631" s="58">
        <f>Bühler!M5657</f>
        <v>0</v>
      </c>
      <c r="N5631" s="56">
        <f>IF(Input!$D$19=1,J5631*Input!$C$19,0)+IF(Input!$D$20=1,K5631*Input!$C$20,0)+IF(Input!$D$21=1,L5631*Input!$C$21,0)+IF(Input!$D$22=1,M5631*Input!$C$22,0)</f>
        <v>0.30914868048128236</v>
      </c>
      <c r="O5631" s="59">
        <f>IF(Input!$D$19=2,J5631*Input!$C$19,0)+IF(Input!$D$20=2,K5631*Input!$C$20,0)+IF(Input!$D$21=2,L5631*Input!$C$21,0)+IF(Input!$D$22=2,M5631*Input!$C$22,0)</f>
        <v>0.77287170120320581</v>
      </c>
      <c r="P5631" s="59">
        <f>IF(Input!$D$19=3,J5631*Input!$C$19,0)+IF(Input!$D$20=3,K5631*Input!$C$20,0)+IF(Input!$D$21=3,L5631*Input!$C$21,0)+IF(Input!$D$22=3,M5631*Input!$C$22,0)</f>
        <v>0</v>
      </c>
      <c r="Q5631" s="75">
        <f>IF(Input!$D$19=4,J5631*Input!$C$19,0)+IF(Input!$D$20=4,K5631*Input!$C$20,0)+IF(Input!$D$21=4,L5631*Input!$C$21,0)+IF(Input!$D$22=4,M5631*Input!$C$22,0)</f>
        <v>0</v>
      </c>
      <c r="R5631" s="58">
        <v>66.51923995440464</v>
      </c>
      <c r="S5631" s="124">
        <f t="shared" si="87"/>
        <v>1.339644282085557</v>
      </c>
    </row>
    <row r="5632" spans="8:19" x14ac:dyDescent="0.3">
      <c r="H5632" s="44">
        <v>5625</v>
      </c>
      <c r="I5632" s="56">
        <f>Bühler!I5658</f>
        <v>0.30914868048128236</v>
      </c>
      <c r="J5632" s="59">
        <f>Bühler!J5658</f>
        <v>1.0304956016042746</v>
      </c>
      <c r="K5632" s="59">
        <f>Bühler!K5658</f>
        <v>1.5457434024064116</v>
      </c>
      <c r="L5632" s="59">
        <f>Bühler!L5658</f>
        <v>7.4195683315507761</v>
      </c>
      <c r="M5632" s="58">
        <f>Bühler!M5658</f>
        <v>0</v>
      </c>
      <c r="N5632" s="56">
        <f>IF(Input!$D$19=1,J5632*Input!$C$19,0)+IF(Input!$D$20=1,K5632*Input!$C$20,0)+IF(Input!$D$21=1,L5632*Input!$C$21,0)+IF(Input!$D$22=1,M5632*Input!$C$22,0)</f>
        <v>0.30914868048128236</v>
      </c>
      <c r="O5632" s="59">
        <f>IF(Input!$D$19=2,J5632*Input!$C$19,0)+IF(Input!$D$20=2,K5632*Input!$C$20,0)+IF(Input!$D$21=2,L5632*Input!$C$21,0)+IF(Input!$D$22=2,M5632*Input!$C$22,0)</f>
        <v>0.77287170120320581</v>
      </c>
      <c r="P5632" s="59">
        <f>IF(Input!$D$19=3,J5632*Input!$C$19,0)+IF(Input!$D$20=3,K5632*Input!$C$20,0)+IF(Input!$D$21=3,L5632*Input!$C$21,0)+IF(Input!$D$22=3,M5632*Input!$C$22,0)</f>
        <v>0</v>
      </c>
      <c r="Q5632" s="75">
        <f>IF(Input!$D$19=4,J5632*Input!$C$19,0)+IF(Input!$D$20=4,K5632*Input!$C$20,0)+IF(Input!$D$21=4,L5632*Input!$C$21,0)+IF(Input!$D$22=4,M5632*Input!$C$22,0)</f>
        <v>0</v>
      </c>
      <c r="R5632" s="58">
        <v>67.433063521633073</v>
      </c>
      <c r="S5632" s="124">
        <f t="shared" si="87"/>
        <v>1.339644282085557</v>
      </c>
    </row>
    <row r="5633" spans="8:19" x14ac:dyDescent="0.3">
      <c r="H5633" s="44">
        <v>5626</v>
      </c>
      <c r="I5633" s="56">
        <f>Bühler!I5659</f>
        <v>0.33221947753212422</v>
      </c>
      <c r="J5633" s="59">
        <f>Bühler!J5659</f>
        <v>1.1073982584404143</v>
      </c>
      <c r="K5633" s="59">
        <f>Bühler!K5659</f>
        <v>1.6610973876606212</v>
      </c>
      <c r="L5633" s="59">
        <f>Bühler!L5659</f>
        <v>7.9732674607709821</v>
      </c>
      <c r="M5633" s="58">
        <f>Bühler!M5659</f>
        <v>0</v>
      </c>
      <c r="N5633" s="56">
        <f>IF(Input!$D$19=1,J5633*Input!$C$19,0)+IF(Input!$D$20=1,K5633*Input!$C$20,0)+IF(Input!$D$21=1,L5633*Input!$C$21,0)+IF(Input!$D$22=1,M5633*Input!$C$22,0)</f>
        <v>0.33221947753212427</v>
      </c>
      <c r="O5633" s="59">
        <f>IF(Input!$D$19=2,J5633*Input!$C$19,0)+IF(Input!$D$20=2,K5633*Input!$C$20,0)+IF(Input!$D$21=2,L5633*Input!$C$21,0)+IF(Input!$D$22=2,M5633*Input!$C$22,0)</f>
        <v>0.8305486938303106</v>
      </c>
      <c r="P5633" s="59">
        <f>IF(Input!$D$19=3,J5633*Input!$C$19,0)+IF(Input!$D$20=3,K5633*Input!$C$20,0)+IF(Input!$D$21=3,L5633*Input!$C$21,0)+IF(Input!$D$22=3,M5633*Input!$C$22,0)</f>
        <v>0</v>
      </c>
      <c r="Q5633" s="75">
        <f>IF(Input!$D$19=4,J5633*Input!$C$19,0)+IF(Input!$D$20=4,K5633*Input!$C$20,0)+IF(Input!$D$21=4,L5633*Input!$C$21,0)+IF(Input!$D$22=4,M5633*Input!$C$22,0)</f>
        <v>0</v>
      </c>
      <c r="R5633" s="58">
        <v>66.619952338396374</v>
      </c>
      <c r="S5633" s="124">
        <f t="shared" si="87"/>
        <v>1.4396177359725386</v>
      </c>
    </row>
    <row r="5634" spans="8:19" x14ac:dyDescent="0.3">
      <c r="H5634" s="44">
        <v>5627</v>
      </c>
      <c r="I5634" s="56">
        <f>Bühler!I5660</f>
        <v>0.3599044339931346</v>
      </c>
      <c r="J5634" s="59">
        <f>Bühler!J5660</f>
        <v>1.1996814466437822</v>
      </c>
      <c r="K5634" s="59">
        <f>Bühler!K5660</f>
        <v>1.7995221699656729</v>
      </c>
      <c r="L5634" s="59">
        <f>Bühler!L5660</f>
        <v>8.6377064158352308</v>
      </c>
      <c r="M5634" s="58">
        <f>Bühler!M5660</f>
        <v>0</v>
      </c>
      <c r="N5634" s="56">
        <f>IF(Input!$D$19=1,J5634*Input!$C$19,0)+IF(Input!$D$20=1,K5634*Input!$C$20,0)+IF(Input!$D$21=1,L5634*Input!$C$21,0)+IF(Input!$D$22=1,M5634*Input!$C$22,0)</f>
        <v>0.35990443399313465</v>
      </c>
      <c r="O5634" s="59">
        <f>IF(Input!$D$19=2,J5634*Input!$C$19,0)+IF(Input!$D$20=2,K5634*Input!$C$20,0)+IF(Input!$D$21=2,L5634*Input!$C$21,0)+IF(Input!$D$22=2,M5634*Input!$C$22,0)</f>
        <v>0.89976108498283647</v>
      </c>
      <c r="P5634" s="59">
        <f>IF(Input!$D$19=3,J5634*Input!$C$19,0)+IF(Input!$D$20=3,K5634*Input!$C$20,0)+IF(Input!$D$21=3,L5634*Input!$C$21,0)+IF(Input!$D$22=3,M5634*Input!$C$22,0)</f>
        <v>0</v>
      </c>
      <c r="Q5634" s="75">
        <f>IF(Input!$D$19=4,J5634*Input!$C$19,0)+IF(Input!$D$20=4,K5634*Input!$C$20,0)+IF(Input!$D$21=4,L5634*Input!$C$21,0)+IF(Input!$D$22=4,M5634*Input!$C$22,0)</f>
        <v>0</v>
      </c>
      <c r="R5634" s="58">
        <v>67.204340524993114</v>
      </c>
      <c r="S5634" s="124">
        <f t="shared" si="87"/>
        <v>1.5595858806369167</v>
      </c>
    </row>
    <row r="5635" spans="8:19" x14ac:dyDescent="0.3">
      <c r="H5635" s="44">
        <v>5628</v>
      </c>
      <c r="I5635" s="56">
        <f>Bühler!I5661</f>
        <v>0.4152743469151553</v>
      </c>
      <c r="J5635" s="59">
        <f>Bühler!J5661</f>
        <v>1.3842478230505177</v>
      </c>
      <c r="K5635" s="59">
        <f>Bühler!K5661</f>
        <v>2.0763717345757766</v>
      </c>
      <c r="L5635" s="59">
        <f>Bühler!L5661</f>
        <v>9.9665843259637281</v>
      </c>
      <c r="M5635" s="58">
        <f>Bühler!M5661</f>
        <v>0</v>
      </c>
      <c r="N5635" s="56">
        <f>IF(Input!$D$19=1,J5635*Input!$C$19,0)+IF(Input!$D$20=1,K5635*Input!$C$20,0)+IF(Input!$D$21=1,L5635*Input!$C$21,0)+IF(Input!$D$22=1,M5635*Input!$C$22,0)</f>
        <v>0.4152743469151553</v>
      </c>
      <c r="O5635" s="59">
        <f>IF(Input!$D$19=2,J5635*Input!$C$19,0)+IF(Input!$D$20=2,K5635*Input!$C$20,0)+IF(Input!$D$21=2,L5635*Input!$C$21,0)+IF(Input!$D$22=2,M5635*Input!$C$22,0)</f>
        <v>1.0381858672878883</v>
      </c>
      <c r="P5635" s="59">
        <f>IF(Input!$D$19=3,J5635*Input!$C$19,0)+IF(Input!$D$20=3,K5635*Input!$C$20,0)+IF(Input!$D$21=3,L5635*Input!$C$21,0)+IF(Input!$D$22=3,M5635*Input!$C$22,0)</f>
        <v>0</v>
      </c>
      <c r="Q5635" s="75">
        <f>IF(Input!$D$19=4,J5635*Input!$C$19,0)+IF(Input!$D$20=4,K5635*Input!$C$20,0)+IF(Input!$D$21=4,L5635*Input!$C$21,0)+IF(Input!$D$22=4,M5635*Input!$C$22,0)</f>
        <v>0</v>
      </c>
      <c r="R5635" s="58">
        <v>67.773280438576506</v>
      </c>
      <c r="S5635" s="124">
        <f t="shared" si="87"/>
        <v>1.7995221699656732</v>
      </c>
    </row>
    <row r="5636" spans="8:19" x14ac:dyDescent="0.3">
      <c r="H5636" s="44">
        <v>5629</v>
      </c>
      <c r="I5636" s="56">
        <f>Bühler!I5662</f>
        <v>0.4152743469151553</v>
      </c>
      <c r="J5636" s="59">
        <f>Bühler!J5662</f>
        <v>1.3842478230505177</v>
      </c>
      <c r="K5636" s="59">
        <f>Bühler!K5662</f>
        <v>2.0763717345757766</v>
      </c>
      <c r="L5636" s="59">
        <f>Bühler!L5662</f>
        <v>9.9665843259637281</v>
      </c>
      <c r="M5636" s="58">
        <f>Bühler!M5662</f>
        <v>0</v>
      </c>
      <c r="N5636" s="56">
        <f>IF(Input!$D$19=1,J5636*Input!$C$19,0)+IF(Input!$D$20=1,K5636*Input!$C$20,0)+IF(Input!$D$21=1,L5636*Input!$C$21,0)+IF(Input!$D$22=1,M5636*Input!$C$22,0)</f>
        <v>0.4152743469151553</v>
      </c>
      <c r="O5636" s="59">
        <f>IF(Input!$D$19=2,J5636*Input!$C$19,0)+IF(Input!$D$20=2,K5636*Input!$C$20,0)+IF(Input!$D$21=2,L5636*Input!$C$21,0)+IF(Input!$D$22=2,M5636*Input!$C$22,0)</f>
        <v>1.0381858672878883</v>
      </c>
      <c r="P5636" s="59">
        <f>IF(Input!$D$19=3,J5636*Input!$C$19,0)+IF(Input!$D$20=3,K5636*Input!$C$20,0)+IF(Input!$D$21=3,L5636*Input!$C$21,0)+IF(Input!$D$22=3,M5636*Input!$C$22,0)</f>
        <v>0</v>
      </c>
      <c r="Q5636" s="75">
        <f>IF(Input!$D$19=4,J5636*Input!$C$19,0)+IF(Input!$D$20=4,K5636*Input!$C$20,0)+IF(Input!$D$21=4,L5636*Input!$C$21,0)+IF(Input!$D$22=4,M5636*Input!$C$22,0)</f>
        <v>0</v>
      </c>
      <c r="R5636" s="58">
        <v>68.172721204369395</v>
      </c>
      <c r="S5636" s="124">
        <f t="shared" si="87"/>
        <v>1.7995221699656732</v>
      </c>
    </row>
    <row r="5637" spans="8:19" x14ac:dyDescent="0.3">
      <c r="H5637" s="44">
        <v>5630</v>
      </c>
      <c r="I5637" s="56">
        <f>Bühler!I5663</f>
        <v>0.4152743469151553</v>
      </c>
      <c r="J5637" s="59">
        <f>Bühler!J5663</f>
        <v>1.3842478230505177</v>
      </c>
      <c r="K5637" s="59">
        <f>Bühler!K5663</f>
        <v>2.0763717345757766</v>
      </c>
      <c r="L5637" s="59">
        <f>Bühler!L5663</f>
        <v>9.9665843259637281</v>
      </c>
      <c r="M5637" s="58">
        <f>Bühler!M5663</f>
        <v>0</v>
      </c>
      <c r="N5637" s="56">
        <f>IF(Input!$D$19=1,J5637*Input!$C$19,0)+IF(Input!$D$20=1,K5637*Input!$C$20,0)+IF(Input!$D$21=1,L5637*Input!$C$21,0)+IF(Input!$D$22=1,M5637*Input!$C$22,0)</f>
        <v>0.4152743469151553</v>
      </c>
      <c r="O5637" s="59">
        <f>IF(Input!$D$19=2,J5637*Input!$C$19,0)+IF(Input!$D$20=2,K5637*Input!$C$20,0)+IF(Input!$D$21=2,L5637*Input!$C$21,0)+IF(Input!$D$22=2,M5637*Input!$C$22,0)</f>
        <v>1.0381858672878883</v>
      </c>
      <c r="P5637" s="59">
        <f>IF(Input!$D$19=3,J5637*Input!$C$19,0)+IF(Input!$D$20=3,K5637*Input!$C$20,0)+IF(Input!$D$21=3,L5637*Input!$C$21,0)+IF(Input!$D$22=3,M5637*Input!$C$22,0)</f>
        <v>0</v>
      </c>
      <c r="Q5637" s="75">
        <f>IF(Input!$D$19=4,J5637*Input!$C$19,0)+IF(Input!$D$20=4,K5637*Input!$C$20,0)+IF(Input!$D$21=4,L5637*Input!$C$21,0)+IF(Input!$D$22=4,M5637*Input!$C$22,0)</f>
        <v>0</v>
      </c>
      <c r="R5637" s="58">
        <v>68.275004217539191</v>
      </c>
      <c r="S5637" s="124">
        <f t="shared" si="87"/>
        <v>1.7995221699656732</v>
      </c>
    </row>
    <row r="5638" spans="8:19" x14ac:dyDescent="0.3">
      <c r="H5638" s="44">
        <v>5631</v>
      </c>
      <c r="I5638" s="56">
        <f>Bühler!I5664</f>
        <v>0.4152743469151553</v>
      </c>
      <c r="J5638" s="59">
        <f>Bühler!J5664</f>
        <v>1.3842478230505177</v>
      </c>
      <c r="K5638" s="59">
        <f>Bühler!K5664</f>
        <v>2.0763717345757766</v>
      </c>
      <c r="L5638" s="59">
        <f>Bühler!L5664</f>
        <v>9.9665843259637281</v>
      </c>
      <c r="M5638" s="58">
        <f>Bühler!M5664</f>
        <v>0</v>
      </c>
      <c r="N5638" s="56">
        <f>IF(Input!$D$19=1,J5638*Input!$C$19,0)+IF(Input!$D$20=1,K5638*Input!$C$20,0)+IF(Input!$D$21=1,L5638*Input!$C$21,0)+IF(Input!$D$22=1,M5638*Input!$C$22,0)</f>
        <v>0.4152743469151553</v>
      </c>
      <c r="O5638" s="59">
        <f>IF(Input!$D$19=2,J5638*Input!$C$19,0)+IF(Input!$D$20=2,K5638*Input!$C$20,0)+IF(Input!$D$21=2,L5638*Input!$C$21,0)+IF(Input!$D$22=2,M5638*Input!$C$22,0)</f>
        <v>1.0381858672878883</v>
      </c>
      <c r="P5638" s="59">
        <f>IF(Input!$D$19=3,J5638*Input!$C$19,0)+IF(Input!$D$20=3,K5638*Input!$C$20,0)+IF(Input!$D$21=3,L5638*Input!$C$21,0)+IF(Input!$D$22=3,M5638*Input!$C$22,0)</f>
        <v>0</v>
      </c>
      <c r="Q5638" s="75">
        <f>IF(Input!$D$19=4,J5638*Input!$C$19,0)+IF(Input!$D$20=4,K5638*Input!$C$20,0)+IF(Input!$D$21=4,L5638*Input!$C$21,0)+IF(Input!$D$22=4,M5638*Input!$C$22,0)</f>
        <v>0</v>
      </c>
      <c r="R5638" s="58">
        <v>68.36268160325055</v>
      </c>
      <c r="S5638" s="124">
        <f t="shared" si="87"/>
        <v>1.7995221699656732</v>
      </c>
    </row>
    <row r="5639" spans="8:19" x14ac:dyDescent="0.3">
      <c r="H5639" s="44">
        <v>5632</v>
      </c>
      <c r="I5639" s="56">
        <f>Bühler!I5665</f>
        <v>0.4152743469151553</v>
      </c>
      <c r="J5639" s="59">
        <f>Bühler!J5665</f>
        <v>1.3842478230505177</v>
      </c>
      <c r="K5639" s="59">
        <f>Bühler!K5665</f>
        <v>2.0763717345757766</v>
      </c>
      <c r="L5639" s="59">
        <f>Bühler!L5665</f>
        <v>9.9665843259637281</v>
      </c>
      <c r="M5639" s="58">
        <f>Bühler!M5665</f>
        <v>0</v>
      </c>
      <c r="N5639" s="56">
        <f>IF(Input!$D$19=1,J5639*Input!$C$19,0)+IF(Input!$D$20=1,K5639*Input!$C$20,0)+IF(Input!$D$21=1,L5639*Input!$C$21,0)+IF(Input!$D$22=1,M5639*Input!$C$22,0)</f>
        <v>0.4152743469151553</v>
      </c>
      <c r="O5639" s="59">
        <f>IF(Input!$D$19=2,J5639*Input!$C$19,0)+IF(Input!$D$20=2,K5639*Input!$C$20,0)+IF(Input!$D$21=2,L5639*Input!$C$21,0)+IF(Input!$D$22=2,M5639*Input!$C$22,0)</f>
        <v>1.0381858672878883</v>
      </c>
      <c r="P5639" s="59">
        <f>IF(Input!$D$19=3,J5639*Input!$C$19,0)+IF(Input!$D$20=3,K5639*Input!$C$20,0)+IF(Input!$D$21=3,L5639*Input!$C$21,0)+IF(Input!$D$22=3,M5639*Input!$C$22,0)</f>
        <v>0</v>
      </c>
      <c r="Q5639" s="75">
        <f>IF(Input!$D$19=4,J5639*Input!$C$19,0)+IF(Input!$D$20=4,K5639*Input!$C$20,0)+IF(Input!$D$21=4,L5639*Input!$C$21,0)+IF(Input!$D$22=4,M5639*Input!$C$22,0)</f>
        <v>0</v>
      </c>
      <c r="R5639" s="58">
        <v>67.468266951049287</v>
      </c>
      <c r="S5639" s="124">
        <f t="shared" si="87"/>
        <v>1.7995221699656732</v>
      </c>
    </row>
    <row r="5640" spans="8:19" x14ac:dyDescent="0.3">
      <c r="H5640" s="44">
        <v>5633</v>
      </c>
      <c r="I5640" s="56">
        <f>Bühler!I5666</f>
        <v>0.4152743469151553</v>
      </c>
      <c r="J5640" s="59">
        <f>Bühler!J5666</f>
        <v>1.3842478230505177</v>
      </c>
      <c r="K5640" s="59">
        <f>Bühler!K5666</f>
        <v>2.0763717345757766</v>
      </c>
      <c r="L5640" s="59">
        <f>Bühler!L5666</f>
        <v>9.9665843259637281</v>
      </c>
      <c r="M5640" s="58">
        <f>Bühler!M5666</f>
        <v>0</v>
      </c>
      <c r="N5640" s="56">
        <f>IF(Input!$D$19=1,J5640*Input!$C$19,0)+IF(Input!$D$20=1,K5640*Input!$C$20,0)+IF(Input!$D$21=1,L5640*Input!$C$21,0)+IF(Input!$D$22=1,M5640*Input!$C$22,0)</f>
        <v>0.4152743469151553</v>
      </c>
      <c r="O5640" s="59">
        <f>IF(Input!$D$19=2,J5640*Input!$C$19,0)+IF(Input!$D$20=2,K5640*Input!$C$20,0)+IF(Input!$D$21=2,L5640*Input!$C$21,0)+IF(Input!$D$22=2,M5640*Input!$C$22,0)</f>
        <v>1.0381858672878883</v>
      </c>
      <c r="P5640" s="59">
        <f>IF(Input!$D$19=3,J5640*Input!$C$19,0)+IF(Input!$D$20=3,K5640*Input!$C$20,0)+IF(Input!$D$21=3,L5640*Input!$C$21,0)+IF(Input!$D$22=3,M5640*Input!$C$22,0)</f>
        <v>0</v>
      </c>
      <c r="Q5640" s="75">
        <f>IF(Input!$D$19=4,J5640*Input!$C$19,0)+IF(Input!$D$20=4,K5640*Input!$C$20,0)+IF(Input!$D$21=4,L5640*Input!$C$21,0)+IF(Input!$D$22=4,M5640*Input!$C$22,0)</f>
        <v>0</v>
      </c>
      <c r="R5640" s="58">
        <v>65.865450780085709</v>
      </c>
      <c r="S5640" s="124">
        <f t="shared" si="87"/>
        <v>1.7995221699656732</v>
      </c>
    </row>
    <row r="5641" spans="8:19" x14ac:dyDescent="0.3">
      <c r="H5641" s="44">
        <v>5634</v>
      </c>
      <c r="I5641" s="56">
        <f>Bühler!I5667</f>
        <v>0.4152743469151553</v>
      </c>
      <c r="J5641" s="59">
        <f>Bühler!J5667</f>
        <v>1.3842478230505177</v>
      </c>
      <c r="K5641" s="59">
        <f>Bühler!K5667</f>
        <v>2.0763717345757766</v>
      </c>
      <c r="L5641" s="59">
        <f>Bühler!L5667</f>
        <v>9.9665843259637281</v>
      </c>
      <c r="M5641" s="58">
        <f>Bühler!M5667</f>
        <v>0</v>
      </c>
      <c r="N5641" s="56">
        <f>IF(Input!$D$19=1,J5641*Input!$C$19,0)+IF(Input!$D$20=1,K5641*Input!$C$20,0)+IF(Input!$D$21=1,L5641*Input!$C$21,0)+IF(Input!$D$22=1,M5641*Input!$C$22,0)</f>
        <v>0.4152743469151553</v>
      </c>
      <c r="O5641" s="59">
        <f>IF(Input!$D$19=2,J5641*Input!$C$19,0)+IF(Input!$D$20=2,K5641*Input!$C$20,0)+IF(Input!$D$21=2,L5641*Input!$C$21,0)+IF(Input!$D$22=2,M5641*Input!$C$22,0)</f>
        <v>1.0381858672878883</v>
      </c>
      <c r="P5641" s="59">
        <f>IF(Input!$D$19=3,J5641*Input!$C$19,0)+IF(Input!$D$20=3,K5641*Input!$C$20,0)+IF(Input!$D$21=3,L5641*Input!$C$21,0)+IF(Input!$D$22=3,M5641*Input!$C$22,0)</f>
        <v>0</v>
      </c>
      <c r="Q5641" s="75">
        <f>IF(Input!$D$19=4,J5641*Input!$C$19,0)+IF(Input!$D$20=4,K5641*Input!$C$20,0)+IF(Input!$D$21=4,L5641*Input!$C$21,0)+IF(Input!$D$22=4,M5641*Input!$C$22,0)</f>
        <v>0</v>
      </c>
      <c r="R5641" s="58">
        <v>65.060244169969025</v>
      </c>
      <c r="S5641" s="124">
        <f t="shared" ref="S5641:S5704" si="88">I5641+J5641</f>
        <v>1.7995221699656732</v>
      </c>
    </row>
    <row r="5642" spans="8:19" x14ac:dyDescent="0.3">
      <c r="H5642" s="44">
        <v>5635</v>
      </c>
      <c r="I5642" s="56">
        <f>Bühler!I5668</f>
        <v>0.4152743469151553</v>
      </c>
      <c r="J5642" s="59">
        <f>Bühler!J5668</f>
        <v>1.3842478230505177</v>
      </c>
      <c r="K5642" s="59">
        <f>Bühler!K5668</f>
        <v>2.0763717345757766</v>
      </c>
      <c r="L5642" s="59">
        <f>Bühler!L5668</f>
        <v>9.9665843259637281</v>
      </c>
      <c r="M5642" s="58">
        <f>Bühler!M5668</f>
        <v>0</v>
      </c>
      <c r="N5642" s="56">
        <f>IF(Input!$D$19=1,J5642*Input!$C$19,0)+IF(Input!$D$20=1,K5642*Input!$C$20,0)+IF(Input!$D$21=1,L5642*Input!$C$21,0)+IF(Input!$D$22=1,M5642*Input!$C$22,0)</f>
        <v>0.4152743469151553</v>
      </c>
      <c r="O5642" s="59">
        <f>IF(Input!$D$19=2,J5642*Input!$C$19,0)+IF(Input!$D$20=2,K5642*Input!$C$20,0)+IF(Input!$D$21=2,L5642*Input!$C$21,0)+IF(Input!$D$22=2,M5642*Input!$C$22,0)</f>
        <v>1.0381858672878883</v>
      </c>
      <c r="P5642" s="59">
        <f>IF(Input!$D$19=3,J5642*Input!$C$19,0)+IF(Input!$D$20=3,K5642*Input!$C$20,0)+IF(Input!$D$21=3,L5642*Input!$C$21,0)+IF(Input!$D$22=3,M5642*Input!$C$22,0)</f>
        <v>0</v>
      </c>
      <c r="Q5642" s="75">
        <f>IF(Input!$D$19=4,J5642*Input!$C$19,0)+IF(Input!$D$20=4,K5642*Input!$C$20,0)+IF(Input!$D$21=4,L5642*Input!$C$21,0)+IF(Input!$D$22=4,M5642*Input!$C$22,0)</f>
        <v>0</v>
      </c>
      <c r="R5642" s="58">
        <v>64.397841699600946</v>
      </c>
      <c r="S5642" s="124">
        <f t="shared" si="88"/>
        <v>1.7995221699656732</v>
      </c>
    </row>
    <row r="5643" spans="8:19" x14ac:dyDescent="0.3">
      <c r="H5643" s="44">
        <v>5636</v>
      </c>
      <c r="I5643" s="56">
        <f>Bühler!I5669</f>
        <v>0.34606195576262938</v>
      </c>
      <c r="J5643" s="59">
        <f>Bühler!J5669</f>
        <v>1.1535398525420981</v>
      </c>
      <c r="K5643" s="59">
        <f>Bühler!K5669</f>
        <v>1.730309778813147</v>
      </c>
      <c r="L5643" s="59">
        <f>Bühler!L5669</f>
        <v>8.3054869383031047</v>
      </c>
      <c r="M5643" s="58">
        <f>Bühler!M5669</f>
        <v>0</v>
      </c>
      <c r="N5643" s="56">
        <f>IF(Input!$D$19=1,J5643*Input!$C$19,0)+IF(Input!$D$20=1,K5643*Input!$C$20,0)+IF(Input!$D$21=1,L5643*Input!$C$21,0)+IF(Input!$D$22=1,M5643*Input!$C$22,0)</f>
        <v>0.34606195576262944</v>
      </c>
      <c r="O5643" s="59">
        <f>IF(Input!$D$19=2,J5643*Input!$C$19,0)+IF(Input!$D$20=2,K5643*Input!$C$20,0)+IF(Input!$D$21=2,L5643*Input!$C$21,0)+IF(Input!$D$22=2,M5643*Input!$C$22,0)</f>
        <v>0.86515488940657348</v>
      </c>
      <c r="P5643" s="59">
        <f>IF(Input!$D$19=3,J5643*Input!$C$19,0)+IF(Input!$D$20=3,K5643*Input!$C$20,0)+IF(Input!$D$21=3,L5643*Input!$C$21,0)+IF(Input!$D$22=3,M5643*Input!$C$22,0)</f>
        <v>0</v>
      </c>
      <c r="Q5643" s="75">
        <f>IF(Input!$D$19=4,J5643*Input!$C$19,0)+IF(Input!$D$20=4,K5643*Input!$C$20,0)+IF(Input!$D$21=4,L5643*Input!$C$21,0)+IF(Input!$D$22=4,M5643*Input!$C$22,0)</f>
        <v>0</v>
      </c>
      <c r="R5643" s="58">
        <v>64.109162653534028</v>
      </c>
      <c r="S5643" s="124">
        <f t="shared" si="88"/>
        <v>1.4996018083047276</v>
      </c>
    </row>
    <row r="5644" spans="8:19" x14ac:dyDescent="0.3">
      <c r="H5644" s="44">
        <v>5637</v>
      </c>
      <c r="I5644" s="56">
        <f>Bühler!I5670</f>
        <v>0.27684956461010357</v>
      </c>
      <c r="J5644" s="59">
        <f>Bühler!J5670</f>
        <v>0.92283188203367872</v>
      </c>
      <c r="K5644" s="59">
        <f>Bühler!K5670</f>
        <v>1.384247823050518</v>
      </c>
      <c r="L5644" s="59">
        <f>Bühler!L5670</f>
        <v>6.6443895506424866</v>
      </c>
      <c r="M5644" s="58">
        <f>Bühler!M5670</f>
        <v>0</v>
      </c>
      <c r="N5644" s="56">
        <f>IF(Input!$D$19=1,J5644*Input!$C$19,0)+IF(Input!$D$20=1,K5644*Input!$C$20,0)+IF(Input!$D$21=1,L5644*Input!$C$21,0)+IF(Input!$D$22=1,M5644*Input!$C$22,0)</f>
        <v>0.27684956461010363</v>
      </c>
      <c r="O5644" s="59">
        <f>IF(Input!$D$19=2,J5644*Input!$C$19,0)+IF(Input!$D$20=2,K5644*Input!$C$20,0)+IF(Input!$D$21=2,L5644*Input!$C$21,0)+IF(Input!$D$22=2,M5644*Input!$C$22,0)</f>
        <v>0.69212391152525898</v>
      </c>
      <c r="P5644" s="59">
        <f>IF(Input!$D$19=3,J5644*Input!$C$19,0)+IF(Input!$D$20=3,K5644*Input!$C$20,0)+IF(Input!$D$21=3,L5644*Input!$C$21,0)+IF(Input!$D$22=3,M5644*Input!$C$22,0)</f>
        <v>0</v>
      </c>
      <c r="Q5644" s="75">
        <f>IF(Input!$D$19=4,J5644*Input!$C$19,0)+IF(Input!$D$20=4,K5644*Input!$C$20,0)+IF(Input!$D$21=4,L5644*Input!$C$21,0)+IF(Input!$D$22=4,M5644*Input!$C$22,0)</f>
        <v>0</v>
      </c>
      <c r="R5644" s="58">
        <v>61.956251588951062</v>
      </c>
      <c r="S5644" s="124">
        <f t="shared" si="88"/>
        <v>1.1996814466437824</v>
      </c>
    </row>
    <row r="5645" spans="8:19" x14ac:dyDescent="0.3">
      <c r="H5645" s="44">
        <v>5638</v>
      </c>
      <c r="I5645" s="56">
        <f>Bühler!I5671</f>
        <v>0.20763717345757765</v>
      </c>
      <c r="J5645" s="59">
        <f>Bühler!J5671</f>
        <v>0.69212391152525887</v>
      </c>
      <c r="K5645" s="59">
        <f>Bühler!K5671</f>
        <v>1.0381858672878883</v>
      </c>
      <c r="L5645" s="59">
        <f>Bühler!L5671</f>
        <v>4.9832921629818641</v>
      </c>
      <c r="M5645" s="58">
        <f>Bühler!M5671</f>
        <v>0</v>
      </c>
      <c r="N5645" s="56">
        <f>IF(Input!$D$19=1,J5645*Input!$C$19,0)+IF(Input!$D$20=1,K5645*Input!$C$20,0)+IF(Input!$D$21=1,L5645*Input!$C$21,0)+IF(Input!$D$22=1,M5645*Input!$C$22,0)</f>
        <v>0.20763717345757765</v>
      </c>
      <c r="O5645" s="59">
        <f>IF(Input!$D$19=2,J5645*Input!$C$19,0)+IF(Input!$D$20=2,K5645*Input!$C$20,0)+IF(Input!$D$21=2,L5645*Input!$C$21,0)+IF(Input!$D$22=2,M5645*Input!$C$22,0)</f>
        <v>0.51909293364394415</v>
      </c>
      <c r="P5645" s="59">
        <f>IF(Input!$D$19=3,J5645*Input!$C$19,0)+IF(Input!$D$20=3,K5645*Input!$C$20,0)+IF(Input!$D$21=3,L5645*Input!$C$21,0)+IF(Input!$D$22=3,M5645*Input!$C$22,0)</f>
        <v>0</v>
      </c>
      <c r="Q5645" s="75">
        <f>IF(Input!$D$19=4,J5645*Input!$C$19,0)+IF(Input!$D$20=4,K5645*Input!$C$20,0)+IF(Input!$D$21=4,L5645*Input!$C$21,0)+IF(Input!$D$22=4,M5645*Input!$C$22,0)</f>
        <v>0</v>
      </c>
      <c r="R5645" s="58">
        <v>60.308998800227421</v>
      </c>
      <c r="S5645" s="124">
        <f t="shared" si="88"/>
        <v>0.89976108498283658</v>
      </c>
    </row>
    <row r="5646" spans="8:19" x14ac:dyDescent="0.3">
      <c r="H5646" s="44">
        <v>5639</v>
      </c>
      <c r="I5646" s="56">
        <f>Bühler!I5672</f>
        <v>0.20763717345757765</v>
      </c>
      <c r="J5646" s="59">
        <f>Bühler!J5672</f>
        <v>0.69212391152525887</v>
      </c>
      <c r="K5646" s="59">
        <f>Bühler!K5672</f>
        <v>1.0381858672878883</v>
      </c>
      <c r="L5646" s="59">
        <f>Bühler!L5672</f>
        <v>4.9832921629818641</v>
      </c>
      <c r="M5646" s="58">
        <f>Bühler!M5672</f>
        <v>0</v>
      </c>
      <c r="N5646" s="56">
        <f>IF(Input!$D$19=1,J5646*Input!$C$19,0)+IF(Input!$D$20=1,K5646*Input!$C$20,0)+IF(Input!$D$21=1,L5646*Input!$C$21,0)+IF(Input!$D$22=1,M5646*Input!$C$22,0)</f>
        <v>0.20763717345757765</v>
      </c>
      <c r="O5646" s="59">
        <f>IF(Input!$D$19=2,J5646*Input!$C$19,0)+IF(Input!$D$20=2,K5646*Input!$C$20,0)+IF(Input!$D$21=2,L5646*Input!$C$21,0)+IF(Input!$D$22=2,M5646*Input!$C$22,0)</f>
        <v>0.51909293364394415</v>
      </c>
      <c r="P5646" s="59">
        <f>IF(Input!$D$19=3,J5646*Input!$C$19,0)+IF(Input!$D$20=3,K5646*Input!$C$20,0)+IF(Input!$D$21=3,L5646*Input!$C$21,0)+IF(Input!$D$22=3,M5646*Input!$C$22,0)</f>
        <v>0</v>
      </c>
      <c r="Q5646" s="75">
        <f>IF(Input!$D$19=4,J5646*Input!$C$19,0)+IF(Input!$D$20=4,K5646*Input!$C$20,0)+IF(Input!$D$21=4,L5646*Input!$C$21,0)+IF(Input!$D$22=4,M5646*Input!$C$22,0)</f>
        <v>0</v>
      </c>
      <c r="R5646" s="58">
        <v>59.492805180244858</v>
      </c>
      <c r="S5646" s="124">
        <f t="shared" si="88"/>
        <v>0.89976108498283658</v>
      </c>
    </row>
    <row r="5647" spans="8:19" x14ac:dyDescent="0.3">
      <c r="H5647" s="44">
        <v>5640</v>
      </c>
      <c r="I5647" s="56">
        <f>Bühler!I5673</f>
        <v>0.20763717345757765</v>
      </c>
      <c r="J5647" s="59">
        <f>Bühler!J5673</f>
        <v>0.69212391152525887</v>
      </c>
      <c r="K5647" s="59">
        <f>Bühler!K5673</f>
        <v>1.0381858672878883</v>
      </c>
      <c r="L5647" s="59">
        <f>Bühler!L5673</f>
        <v>4.9832921629818641</v>
      </c>
      <c r="M5647" s="58">
        <f>Bühler!M5673</f>
        <v>0</v>
      </c>
      <c r="N5647" s="56">
        <f>IF(Input!$D$19=1,J5647*Input!$C$19,0)+IF(Input!$D$20=1,K5647*Input!$C$20,0)+IF(Input!$D$21=1,L5647*Input!$C$21,0)+IF(Input!$D$22=1,M5647*Input!$C$22,0)</f>
        <v>0.20763717345757765</v>
      </c>
      <c r="O5647" s="59">
        <f>IF(Input!$D$19=2,J5647*Input!$C$19,0)+IF(Input!$D$20=2,K5647*Input!$C$20,0)+IF(Input!$D$21=2,L5647*Input!$C$21,0)+IF(Input!$D$22=2,M5647*Input!$C$22,0)</f>
        <v>0.51909293364394415</v>
      </c>
      <c r="P5647" s="59">
        <f>IF(Input!$D$19=3,J5647*Input!$C$19,0)+IF(Input!$D$20=3,K5647*Input!$C$20,0)+IF(Input!$D$21=3,L5647*Input!$C$21,0)+IF(Input!$D$22=3,M5647*Input!$C$22,0)</f>
        <v>0</v>
      </c>
      <c r="Q5647" s="75">
        <f>IF(Input!$D$19=4,J5647*Input!$C$19,0)+IF(Input!$D$20=4,K5647*Input!$C$20,0)+IF(Input!$D$21=4,L5647*Input!$C$21,0)+IF(Input!$D$22=4,M5647*Input!$C$22,0)</f>
        <v>0</v>
      </c>
      <c r="R5647" s="58">
        <v>59.00561841987345</v>
      </c>
      <c r="S5647" s="124">
        <f t="shared" si="88"/>
        <v>0.89976108498283658</v>
      </c>
    </row>
    <row r="5648" spans="8:19" x14ac:dyDescent="0.3">
      <c r="H5648" s="44">
        <v>5641</v>
      </c>
      <c r="I5648" s="56">
        <f>Bühler!I5674</f>
        <v>0.22941149980079753</v>
      </c>
      <c r="J5648" s="59">
        <f>Bühler!J5674</f>
        <v>0.76470499933599179</v>
      </c>
      <c r="K5648" s="59">
        <f>Bühler!K5674</f>
        <v>1.1470574990039877</v>
      </c>
      <c r="L5648" s="59">
        <f>Bühler!L5674</f>
        <v>5.5058759952191405</v>
      </c>
      <c r="M5648" s="58">
        <f>Bühler!M5674</f>
        <v>0</v>
      </c>
      <c r="N5648" s="56">
        <f>IF(Input!$D$19=1,J5648*Input!$C$19,0)+IF(Input!$D$20=1,K5648*Input!$C$20,0)+IF(Input!$D$21=1,L5648*Input!$C$21,0)+IF(Input!$D$22=1,M5648*Input!$C$22,0)</f>
        <v>0.22941149980079753</v>
      </c>
      <c r="O5648" s="59">
        <f>IF(Input!$D$19=2,J5648*Input!$C$19,0)+IF(Input!$D$20=2,K5648*Input!$C$20,0)+IF(Input!$D$21=2,L5648*Input!$C$21,0)+IF(Input!$D$22=2,M5648*Input!$C$22,0)</f>
        <v>0.57352874950199384</v>
      </c>
      <c r="P5648" s="59">
        <f>IF(Input!$D$19=3,J5648*Input!$C$19,0)+IF(Input!$D$20=3,K5648*Input!$C$20,0)+IF(Input!$D$21=3,L5648*Input!$C$21,0)+IF(Input!$D$22=3,M5648*Input!$C$22,0)</f>
        <v>0</v>
      </c>
      <c r="Q5648" s="75">
        <f>IF(Input!$D$19=4,J5648*Input!$C$19,0)+IF(Input!$D$20=4,K5648*Input!$C$20,0)+IF(Input!$D$21=4,L5648*Input!$C$21,0)+IF(Input!$D$22=4,M5648*Input!$C$22,0)</f>
        <v>0</v>
      </c>
      <c r="R5648" s="58">
        <v>57.813222453664501</v>
      </c>
      <c r="S5648" s="124">
        <f t="shared" si="88"/>
        <v>0.99411649913678934</v>
      </c>
    </row>
    <row r="5649" spans="8:19" x14ac:dyDescent="0.3">
      <c r="H5649" s="44">
        <v>5642</v>
      </c>
      <c r="I5649" s="56">
        <f>Bühler!I5675</f>
        <v>0.22941149980079753</v>
      </c>
      <c r="J5649" s="59">
        <f>Bühler!J5675</f>
        <v>0.76470499933599179</v>
      </c>
      <c r="K5649" s="59">
        <f>Bühler!K5675</f>
        <v>1.1470574990039877</v>
      </c>
      <c r="L5649" s="59">
        <f>Bühler!L5675</f>
        <v>5.5058759952191405</v>
      </c>
      <c r="M5649" s="58">
        <f>Bühler!M5675</f>
        <v>0</v>
      </c>
      <c r="N5649" s="56">
        <f>IF(Input!$D$19=1,J5649*Input!$C$19,0)+IF(Input!$D$20=1,K5649*Input!$C$20,0)+IF(Input!$D$21=1,L5649*Input!$C$21,0)+IF(Input!$D$22=1,M5649*Input!$C$22,0)</f>
        <v>0.22941149980079753</v>
      </c>
      <c r="O5649" s="59">
        <f>IF(Input!$D$19=2,J5649*Input!$C$19,0)+IF(Input!$D$20=2,K5649*Input!$C$20,0)+IF(Input!$D$21=2,L5649*Input!$C$21,0)+IF(Input!$D$22=2,M5649*Input!$C$22,0)</f>
        <v>0.57352874950199384</v>
      </c>
      <c r="P5649" s="59">
        <f>IF(Input!$D$19=3,J5649*Input!$C$19,0)+IF(Input!$D$20=3,K5649*Input!$C$20,0)+IF(Input!$D$21=3,L5649*Input!$C$21,0)+IF(Input!$D$22=3,M5649*Input!$C$22,0)</f>
        <v>0</v>
      </c>
      <c r="Q5649" s="75">
        <f>IF(Input!$D$19=4,J5649*Input!$C$19,0)+IF(Input!$D$20=4,K5649*Input!$C$20,0)+IF(Input!$D$21=4,L5649*Input!$C$21,0)+IF(Input!$D$22=4,M5649*Input!$C$22,0)</f>
        <v>0</v>
      </c>
      <c r="R5649" s="58">
        <v>57.095389941977025</v>
      </c>
      <c r="S5649" s="124">
        <f t="shared" si="88"/>
        <v>0.99411649913678934</v>
      </c>
    </row>
    <row r="5650" spans="8:19" x14ac:dyDescent="0.3">
      <c r="H5650" s="44">
        <v>5643</v>
      </c>
      <c r="I5650" s="56">
        <f>Bühler!I5676</f>
        <v>0.22941149980079753</v>
      </c>
      <c r="J5650" s="59">
        <f>Bühler!J5676</f>
        <v>0.76470499933599179</v>
      </c>
      <c r="K5650" s="59">
        <f>Bühler!K5676</f>
        <v>1.1470574990039877</v>
      </c>
      <c r="L5650" s="59">
        <f>Bühler!L5676</f>
        <v>5.5058759952191405</v>
      </c>
      <c r="M5650" s="58">
        <f>Bühler!M5676</f>
        <v>0</v>
      </c>
      <c r="N5650" s="56">
        <f>IF(Input!$D$19=1,J5650*Input!$C$19,0)+IF(Input!$D$20=1,K5650*Input!$C$20,0)+IF(Input!$D$21=1,L5650*Input!$C$21,0)+IF(Input!$D$22=1,M5650*Input!$C$22,0)</f>
        <v>0.22941149980079753</v>
      </c>
      <c r="O5650" s="59">
        <f>IF(Input!$D$19=2,J5650*Input!$C$19,0)+IF(Input!$D$20=2,K5650*Input!$C$20,0)+IF(Input!$D$21=2,L5650*Input!$C$21,0)+IF(Input!$D$22=2,M5650*Input!$C$22,0)</f>
        <v>0.57352874950199384</v>
      </c>
      <c r="P5650" s="59">
        <f>IF(Input!$D$19=3,J5650*Input!$C$19,0)+IF(Input!$D$20=3,K5650*Input!$C$20,0)+IF(Input!$D$21=3,L5650*Input!$C$21,0)+IF(Input!$D$22=3,M5650*Input!$C$22,0)</f>
        <v>0</v>
      </c>
      <c r="Q5650" s="75">
        <f>IF(Input!$D$19=4,J5650*Input!$C$19,0)+IF(Input!$D$20=4,K5650*Input!$C$20,0)+IF(Input!$D$21=4,L5650*Input!$C$21,0)+IF(Input!$D$22=4,M5650*Input!$C$22,0)</f>
        <v>0</v>
      </c>
      <c r="R5650" s="58">
        <v>56.881992946287006</v>
      </c>
      <c r="S5650" s="124">
        <f t="shared" si="88"/>
        <v>0.99411649913678934</v>
      </c>
    </row>
    <row r="5651" spans="8:19" x14ac:dyDescent="0.3">
      <c r="H5651" s="44">
        <v>5644</v>
      </c>
      <c r="I5651" s="56">
        <f>Bühler!I5677</f>
        <v>0.22941149980079753</v>
      </c>
      <c r="J5651" s="59">
        <f>Bühler!J5677</f>
        <v>0.76470499933599179</v>
      </c>
      <c r="K5651" s="59">
        <f>Bühler!K5677</f>
        <v>1.1470574990039877</v>
      </c>
      <c r="L5651" s="59">
        <f>Bühler!L5677</f>
        <v>5.5058759952191405</v>
      </c>
      <c r="M5651" s="58">
        <f>Bühler!M5677</f>
        <v>0</v>
      </c>
      <c r="N5651" s="56">
        <f>IF(Input!$D$19=1,J5651*Input!$C$19,0)+IF(Input!$D$20=1,K5651*Input!$C$20,0)+IF(Input!$D$21=1,L5651*Input!$C$21,0)+IF(Input!$D$22=1,M5651*Input!$C$22,0)</f>
        <v>0.22941149980079753</v>
      </c>
      <c r="O5651" s="59">
        <f>IF(Input!$D$19=2,J5651*Input!$C$19,0)+IF(Input!$D$20=2,K5651*Input!$C$20,0)+IF(Input!$D$21=2,L5651*Input!$C$21,0)+IF(Input!$D$22=2,M5651*Input!$C$22,0)</f>
        <v>0.57352874950199384</v>
      </c>
      <c r="P5651" s="59">
        <f>IF(Input!$D$19=3,J5651*Input!$C$19,0)+IF(Input!$D$20=3,K5651*Input!$C$20,0)+IF(Input!$D$21=3,L5651*Input!$C$21,0)+IF(Input!$D$22=3,M5651*Input!$C$22,0)</f>
        <v>0</v>
      </c>
      <c r="Q5651" s="75">
        <f>IF(Input!$D$19=4,J5651*Input!$C$19,0)+IF(Input!$D$20=4,K5651*Input!$C$20,0)+IF(Input!$D$21=4,L5651*Input!$C$21,0)+IF(Input!$D$22=4,M5651*Input!$C$22,0)</f>
        <v>0</v>
      </c>
      <c r="R5651" s="58">
        <v>57.576603003993426</v>
      </c>
      <c r="S5651" s="124">
        <f t="shared" si="88"/>
        <v>0.99411649913678934</v>
      </c>
    </row>
    <row r="5652" spans="8:19" x14ac:dyDescent="0.3">
      <c r="H5652" s="44">
        <v>5645</v>
      </c>
      <c r="I5652" s="56">
        <f>Bühler!I5678</f>
        <v>0.22941149980079753</v>
      </c>
      <c r="J5652" s="59">
        <f>Bühler!J5678</f>
        <v>0.76470499933599179</v>
      </c>
      <c r="K5652" s="59">
        <f>Bühler!K5678</f>
        <v>1.1470574990039877</v>
      </c>
      <c r="L5652" s="59">
        <f>Bühler!L5678</f>
        <v>5.5058759952191405</v>
      </c>
      <c r="M5652" s="58">
        <f>Bühler!M5678</f>
        <v>0</v>
      </c>
      <c r="N5652" s="56">
        <f>IF(Input!$D$19=1,J5652*Input!$C$19,0)+IF(Input!$D$20=1,K5652*Input!$C$20,0)+IF(Input!$D$21=1,L5652*Input!$C$21,0)+IF(Input!$D$22=1,M5652*Input!$C$22,0)</f>
        <v>0.22941149980079753</v>
      </c>
      <c r="O5652" s="59">
        <f>IF(Input!$D$19=2,J5652*Input!$C$19,0)+IF(Input!$D$20=2,K5652*Input!$C$20,0)+IF(Input!$D$21=2,L5652*Input!$C$21,0)+IF(Input!$D$22=2,M5652*Input!$C$22,0)</f>
        <v>0.57352874950199384</v>
      </c>
      <c r="P5652" s="59">
        <f>IF(Input!$D$19=3,J5652*Input!$C$19,0)+IF(Input!$D$20=3,K5652*Input!$C$20,0)+IF(Input!$D$21=3,L5652*Input!$C$21,0)+IF(Input!$D$22=3,M5652*Input!$C$22,0)</f>
        <v>0</v>
      </c>
      <c r="Q5652" s="75">
        <f>IF(Input!$D$19=4,J5652*Input!$C$19,0)+IF(Input!$D$20=4,K5652*Input!$C$20,0)+IF(Input!$D$21=4,L5652*Input!$C$21,0)+IF(Input!$D$22=4,M5652*Input!$C$22,0)</f>
        <v>0</v>
      </c>
      <c r="R5652" s="58">
        <v>58.490639968727514</v>
      </c>
      <c r="S5652" s="124">
        <f t="shared" si="88"/>
        <v>0.99411649913678934</v>
      </c>
    </row>
    <row r="5653" spans="8:19" x14ac:dyDescent="0.3">
      <c r="H5653" s="44">
        <v>5646</v>
      </c>
      <c r="I5653" s="56">
        <f>Bühler!I5679</f>
        <v>0.29568593307658353</v>
      </c>
      <c r="J5653" s="59">
        <f>Bühler!J5679</f>
        <v>0.98561977692194513</v>
      </c>
      <c r="K5653" s="59">
        <f>Bühler!K5679</f>
        <v>1.4784296653829176</v>
      </c>
      <c r="L5653" s="59">
        <f>Bühler!L5679</f>
        <v>7.0964623938380038</v>
      </c>
      <c r="M5653" s="58">
        <f>Bühler!M5679</f>
        <v>0</v>
      </c>
      <c r="N5653" s="56">
        <f>IF(Input!$D$19=1,J5653*Input!$C$19,0)+IF(Input!$D$20=1,K5653*Input!$C$20,0)+IF(Input!$D$21=1,L5653*Input!$C$21,0)+IF(Input!$D$22=1,M5653*Input!$C$22,0)</f>
        <v>0.29568593307658353</v>
      </c>
      <c r="O5653" s="59">
        <f>IF(Input!$D$19=2,J5653*Input!$C$19,0)+IF(Input!$D$20=2,K5653*Input!$C$20,0)+IF(Input!$D$21=2,L5653*Input!$C$21,0)+IF(Input!$D$22=2,M5653*Input!$C$22,0)</f>
        <v>0.73921483269145882</v>
      </c>
      <c r="P5653" s="59">
        <f>IF(Input!$D$19=3,J5653*Input!$C$19,0)+IF(Input!$D$20=3,K5653*Input!$C$20,0)+IF(Input!$D$21=3,L5653*Input!$C$21,0)+IF(Input!$D$22=3,M5653*Input!$C$22,0)</f>
        <v>0</v>
      </c>
      <c r="Q5653" s="75">
        <f>IF(Input!$D$19=4,J5653*Input!$C$19,0)+IF(Input!$D$20=4,K5653*Input!$C$20,0)+IF(Input!$D$21=4,L5653*Input!$C$21,0)+IF(Input!$D$22=4,M5653*Input!$C$22,0)</f>
        <v>0</v>
      </c>
      <c r="R5653" s="58">
        <v>60.994619566463413</v>
      </c>
      <c r="S5653" s="124">
        <f t="shared" si="88"/>
        <v>1.2813057099985286</v>
      </c>
    </row>
    <row r="5654" spans="8:19" x14ac:dyDescent="0.3">
      <c r="H5654" s="44">
        <v>5647</v>
      </c>
      <c r="I5654" s="56">
        <f>Bühler!I5680</f>
        <v>0.35686233302346287</v>
      </c>
      <c r="J5654" s="59">
        <f>Bühler!J5680</f>
        <v>1.1895411100782096</v>
      </c>
      <c r="K5654" s="59">
        <f>Bühler!K5680</f>
        <v>1.7843116651173145</v>
      </c>
      <c r="L5654" s="59">
        <f>Bühler!L5680</f>
        <v>8.5646959925631094</v>
      </c>
      <c r="M5654" s="58">
        <f>Bühler!M5680</f>
        <v>0</v>
      </c>
      <c r="N5654" s="56">
        <f>IF(Input!$D$19=1,J5654*Input!$C$19,0)+IF(Input!$D$20=1,K5654*Input!$C$20,0)+IF(Input!$D$21=1,L5654*Input!$C$21,0)+IF(Input!$D$22=1,M5654*Input!$C$22,0)</f>
        <v>0.35686233302346287</v>
      </c>
      <c r="O5654" s="59">
        <f>IF(Input!$D$19=2,J5654*Input!$C$19,0)+IF(Input!$D$20=2,K5654*Input!$C$20,0)+IF(Input!$D$21=2,L5654*Input!$C$21,0)+IF(Input!$D$22=2,M5654*Input!$C$22,0)</f>
        <v>0.89215583255865727</v>
      </c>
      <c r="P5654" s="59">
        <f>IF(Input!$D$19=3,J5654*Input!$C$19,0)+IF(Input!$D$20=3,K5654*Input!$C$20,0)+IF(Input!$D$21=3,L5654*Input!$C$21,0)+IF(Input!$D$22=3,M5654*Input!$C$22,0)</f>
        <v>0</v>
      </c>
      <c r="Q5654" s="75">
        <f>IF(Input!$D$19=4,J5654*Input!$C$19,0)+IF(Input!$D$20=4,K5654*Input!$C$20,0)+IF(Input!$D$21=4,L5654*Input!$C$21,0)+IF(Input!$D$22=4,M5654*Input!$C$22,0)</f>
        <v>0</v>
      </c>
      <c r="R5654" s="58">
        <v>64.076673040209158</v>
      </c>
      <c r="S5654" s="124">
        <f t="shared" si="88"/>
        <v>1.5464034431016724</v>
      </c>
    </row>
    <row r="5655" spans="8:19" x14ac:dyDescent="0.3">
      <c r="H5655" s="44">
        <v>5648</v>
      </c>
      <c r="I5655" s="56">
        <f>Bühler!I5681</f>
        <v>0.35686233302346287</v>
      </c>
      <c r="J5655" s="59">
        <f>Bühler!J5681</f>
        <v>1.1895411100782096</v>
      </c>
      <c r="K5655" s="59">
        <f>Bühler!K5681</f>
        <v>1.7843116651173145</v>
      </c>
      <c r="L5655" s="59">
        <f>Bühler!L5681</f>
        <v>8.5646959925631094</v>
      </c>
      <c r="M5655" s="58">
        <f>Bühler!M5681</f>
        <v>0</v>
      </c>
      <c r="N5655" s="56">
        <f>IF(Input!$D$19=1,J5655*Input!$C$19,0)+IF(Input!$D$20=1,K5655*Input!$C$20,0)+IF(Input!$D$21=1,L5655*Input!$C$21,0)+IF(Input!$D$22=1,M5655*Input!$C$22,0)</f>
        <v>0.35686233302346287</v>
      </c>
      <c r="O5655" s="59">
        <f>IF(Input!$D$19=2,J5655*Input!$C$19,0)+IF(Input!$D$20=2,K5655*Input!$C$20,0)+IF(Input!$D$21=2,L5655*Input!$C$21,0)+IF(Input!$D$22=2,M5655*Input!$C$22,0)</f>
        <v>0.89215583255865727</v>
      </c>
      <c r="P5655" s="59">
        <f>IF(Input!$D$19=3,J5655*Input!$C$19,0)+IF(Input!$D$20=3,K5655*Input!$C$20,0)+IF(Input!$D$21=3,L5655*Input!$C$21,0)+IF(Input!$D$22=3,M5655*Input!$C$22,0)</f>
        <v>0</v>
      </c>
      <c r="Q5655" s="75">
        <f>IF(Input!$D$19=4,J5655*Input!$C$19,0)+IF(Input!$D$20=4,K5655*Input!$C$20,0)+IF(Input!$D$21=4,L5655*Input!$C$21,0)+IF(Input!$D$22=4,M5655*Input!$C$22,0)</f>
        <v>0</v>
      </c>
      <c r="R5655" s="58">
        <v>65.797807085517803</v>
      </c>
      <c r="S5655" s="124">
        <f t="shared" si="88"/>
        <v>1.5464034431016724</v>
      </c>
    </row>
    <row r="5656" spans="8:19" x14ac:dyDescent="0.3">
      <c r="H5656" s="44">
        <v>5649</v>
      </c>
      <c r="I5656" s="56">
        <f>Bühler!I5682</f>
        <v>0.35686233302346287</v>
      </c>
      <c r="J5656" s="59">
        <f>Bühler!J5682</f>
        <v>1.1895411100782096</v>
      </c>
      <c r="K5656" s="59">
        <f>Bühler!K5682</f>
        <v>1.7843116651173145</v>
      </c>
      <c r="L5656" s="59">
        <f>Bühler!L5682</f>
        <v>8.5646959925631094</v>
      </c>
      <c r="M5656" s="58">
        <f>Bühler!M5682</f>
        <v>0</v>
      </c>
      <c r="N5656" s="56">
        <f>IF(Input!$D$19=1,J5656*Input!$C$19,0)+IF(Input!$D$20=1,K5656*Input!$C$20,0)+IF(Input!$D$21=1,L5656*Input!$C$21,0)+IF(Input!$D$22=1,M5656*Input!$C$22,0)</f>
        <v>0.35686233302346287</v>
      </c>
      <c r="O5656" s="59">
        <f>IF(Input!$D$19=2,J5656*Input!$C$19,0)+IF(Input!$D$20=2,K5656*Input!$C$20,0)+IF(Input!$D$21=2,L5656*Input!$C$21,0)+IF(Input!$D$22=2,M5656*Input!$C$22,0)</f>
        <v>0.89215583255865727</v>
      </c>
      <c r="P5656" s="59">
        <f>IF(Input!$D$19=3,J5656*Input!$C$19,0)+IF(Input!$D$20=3,K5656*Input!$C$20,0)+IF(Input!$D$21=3,L5656*Input!$C$21,0)+IF(Input!$D$22=3,M5656*Input!$C$22,0)</f>
        <v>0</v>
      </c>
      <c r="Q5656" s="75">
        <f>IF(Input!$D$19=4,J5656*Input!$C$19,0)+IF(Input!$D$20=4,K5656*Input!$C$20,0)+IF(Input!$D$21=4,L5656*Input!$C$21,0)+IF(Input!$D$22=4,M5656*Input!$C$22,0)</f>
        <v>0</v>
      </c>
      <c r="R5656" s="58">
        <v>66.987375809369311</v>
      </c>
      <c r="S5656" s="124">
        <f t="shared" si="88"/>
        <v>1.5464034431016724</v>
      </c>
    </row>
    <row r="5657" spans="8:19" x14ac:dyDescent="0.3">
      <c r="H5657" s="44">
        <v>5650</v>
      </c>
      <c r="I5657" s="56">
        <f>Bühler!I5683</f>
        <v>0.38235249966799589</v>
      </c>
      <c r="J5657" s="59">
        <f>Bühler!J5683</f>
        <v>1.2745083322266533</v>
      </c>
      <c r="K5657" s="59">
        <f>Bühler!K5683</f>
        <v>1.9117624983399795</v>
      </c>
      <c r="L5657" s="59">
        <f>Bühler!L5683</f>
        <v>9.1764599920319014</v>
      </c>
      <c r="M5657" s="58">
        <f>Bühler!M5683</f>
        <v>0</v>
      </c>
      <c r="N5657" s="56">
        <f>IF(Input!$D$19=1,J5657*Input!$C$19,0)+IF(Input!$D$20=1,K5657*Input!$C$20,0)+IF(Input!$D$21=1,L5657*Input!$C$21,0)+IF(Input!$D$22=1,M5657*Input!$C$22,0)</f>
        <v>0.38235249966799595</v>
      </c>
      <c r="O5657" s="59">
        <f>IF(Input!$D$19=2,J5657*Input!$C$19,0)+IF(Input!$D$20=2,K5657*Input!$C$20,0)+IF(Input!$D$21=2,L5657*Input!$C$21,0)+IF(Input!$D$22=2,M5657*Input!$C$22,0)</f>
        <v>0.95588124916998973</v>
      </c>
      <c r="P5657" s="59">
        <f>IF(Input!$D$19=3,J5657*Input!$C$19,0)+IF(Input!$D$20=3,K5657*Input!$C$20,0)+IF(Input!$D$21=3,L5657*Input!$C$21,0)+IF(Input!$D$22=3,M5657*Input!$C$22,0)</f>
        <v>0</v>
      </c>
      <c r="Q5657" s="75">
        <f>IF(Input!$D$19=4,J5657*Input!$C$19,0)+IF(Input!$D$20=4,K5657*Input!$C$20,0)+IF(Input!$D$21=4,L5657*Input!$C$21,0)+IF(Input!$D$22=4,M5657*Input!$C$22,0)</f>
        <v>0</v>
      </c>
      <c r="R5657" s="58">
        <v>68.086967299042584</v>
      </c>
      <c r="S5657" s="124">
        <f t="shared" si="88"/>
        <v>1.6568608318946492</v>
      </c>
    </row>
    <row r="5658" spans="8:19" x14ac:dyDescent="0.3">
      <c r="H5658" s="44">
        <v>5651</v>
      </c>
      <c r="I5658" s="56">
        <f>Bühler!I5684</f>
        <v>0.39764659965471577</v>
      </c>
      <c r="J5658" s="59">
        <f>Bühler!J5684</f>
        <v>1.3254886655157194</v>
      </c>
      <c r="K5658" s="59">
        <f>Bühler!K5684</f>
        <v>1.9882329982735789</v>
      </c>
      <c r="L5658" s="59">
        <f>Bühler!L5684</f>
        <v>9.5435183917131781</v>
      </c>
      <c r="M5658" s="58">
        <f>Bühler!M5684</f>
        <v>0</v>
      </c>
      <c r="N5658" s="56">
        <f>IF(Input!$D$19=1,J5658*Input!$C$19,0)+IF(Input!$D$20=1,K5658*Input!$C$20,0)+IF(Input!$D$21=1,L5658*Input!$C$21,0)+IF(Input!$D$22=1,M5658*Input!$C$22,0)</f>
        <v>0.39764659965471583</v>
      </c>
      <c r="O5658" s="59">
        <f>IF(Input!$D$19=2,J5658*Input!$C$19,0)+IF(Input!$D$20=2,K5658*Input!$C$20,0)+IF(Input!$D$21=2,L5658*Input!$C$21,0)+IF(Input!$D$22=2,M5658*Input!$C$22,0)</f>
        <v>0.99411649913678946</v>
      </c>
      <c r="P5658" s="59">
        <f>IF(Input!$D$19=3,J5658*Input!$C$19,0)+IF(Input!$D$20=3,K5658*Input!$C$20,0)+IF(Input!$D$21=3,L5658*Input!$C$21,0)+IF(Input!$D$22=3,M5658*Input!$C$22,0)</f>
        <v>0</v>
      </c>
      <c r="Q5658" s="75">
        <f>IF(Input!$D$19=4,J5658*Input!$C$19,0)+IF(Input!$D$20=4,K5658*Input!$C$20,0)+IF(Input!$D$21=4,L5658*Input!$C$21,0)+IF(Input!$D$22=4,M5658*Input!$C$22,0)</f>
        <v>0</v>
      </c>
      <c r="R5658" s="58">
        <v>68.994039012342583</v>
      </c>
      <c r="S5658" s="124">
        <f t="shared" si="88"/>
        <v>1.7231352651704352</v>
      </c>
    </row>
    <row r="5659" spans="8:19" x14ac:dyDescent="0.3">
      <c r="H5659" s="44">
        <v>5652</v>
      </c>
      <c r="I5659" s="56">
        <f>Bühler!I5685</f>
        <v>0.45882299960159506</v>
      </c>
      <c r="J5659" s="59">
        <f>Bühler!J5685</f>
        <v>1.5294099986719836</v>
      </c>
      <c r="K5659" s="59">
        <f>Bühler!K5685</f>
        <v>2.2941149980079754</v>
      </c>
      <c r="L5659" s="59">
        <f>Bühler!L5685</f>
        <v>11.011751990438281</v>
      </c>
      <c r="M5659" s="58">
        <f>Bühler!M5685</f>
        <v>0</v>
      </c>
      <c r="N5659" s="56">
        <f>IF(Input!$D$19=1,J5659*Input!$C$19,0)+IF(Input!$D$20=1,K5659*Input!$C$20,0)+IF(Input!$D$21=1,L5659*Input!$C$21,0)+IF(Input!$D$22=1,M5659*Input!$C$22,0)</f>
        <v>0.45882299960159506</v>
      </c>
      <c r="O5659" s="59">
        <f>IF(Input!$D$19=2,J5659*Input!$C$19,0)+IF(Input!$D$20=2,K5659*Input!$C$20,0)+IF(Input!$D$21=2,L5659*Input!$C$21,0)+IF(Input!$D$22=2,M5659*Input!$C$22,0)</f>
        <v>1.1470574990039877</v>
      </c>
      <c r="P5659" s="59">
        <f>IF(Input!$D$19=3,J5659*Input!$C$19,0)+IF(Input!$D$20=3,K5659*Input!$C$20,0)+IF(Input!$D$21=3,L5659*Input!$C$21,0)+IF(Input!$D$22=3,M5659*Input!$C$22,0)</f>
        <v>0</v>
      </c>
      <c r="Q5659" s="75">
        <f>IF(Input!$D$19=4,J5659*Input!$C$19,0)+IF(Input!$D$20=4,K5659*Input!$C$20,0)+IF(Input!$D$21=4,L5659*Input!$C$21,0)+IF(Input!$D$22=4,M5659*Input!$C$22,0)</f>
        <v>0</v>
      </c>
      <c r="R5659" s="58">
        <v>69.459529483559393</v>
      </c>
      <c r="S5659" s="124">
        <f t="shared" si="88"/>
        <v>1.9882329982735787</v>
      </c>
    </row>
    <row r="5660" spans="8:19" x14ac:dyDescent="0.3">
      <c r="H5660" s="44">
        <v>5653</v>
      </c>
      <c r="I5660" s="56">
        <f>Bühler!I5686</f>
        <v>0.45882299960159506</v>
      </c>
      <c r="J5660" s="59">
        <f>Bühler!J5686</f>
        <v>1.5294099986719836</v>
      </c>
      <c r="K5660" s="59">
        <f>Bühler!K5686</f>
        <v>2.2941149980079754</v>
      </c>
      <c r="L5660" s="59">
        <f>Bühler!L5686</f>
        <v>11.011751990438281</v>
      </c>
      <c r="M5660" s="58">
        <f>Bühler!M5686</f>
        <v>0</v>
      </c>
      <c r="N5660" s="56">
        <f>IF(Input!$D$19=1,J5660*Input!$C$19,0)+IF(Input!$D$20=1,K5660*Input!$C$20,0)+IF(Input!$D$21=1,L5660*Input!$C$21,0)+IF(Input!$D$22=1,M5660*Input!$C$22,0)</f>
        <v>0.45882299960159506</v>
      </c>
      <c r="O5660" s="59">
        <f>IF(Input!$D$19=2,J5660*Input!$C$19,0)+IF(Input!$D$20=2,K5660*Input!$C$20,0)+IF(Input!$D$21=2,L5660*Input!$C$21,0)+IF(Input!$D$22=2,M5660*Input!$C$22,0)</f>
        <v>1.1470574990039877</v>
      </c>
      <c r="P5660" s="59">
        <f>IF(Input!$D$19=3,J5660*Input!$C$19,0)+IF(Input!$D$20=3,K5660*Input!$C$20,0)+IF(Input!$D$21=3,L5660*Input!$C$21,0)+IF(Input!$D$22=3,M5660*Input!$C$22,0)</f>
        <v>0</v>
      </c>
      <c r="Q5660" s="75">
        <f>IF(Input!$D$19=4,J5660*Input!$C$19,0)+IF(Input!$D$20=4,K5660*Input!$C$20,0)+IF(Input!$D$21=4,L5660*Input!$C$21,0)+IF(Input!$D$22=4,M5660*Input!$C$22,0)</f>
        <v>0</v>
      </c>
      <c r="R5660" s="58">
        <v>67.995140018327319</v>
      </c>
      <c r="S5660" s="124">
        <f t="shared" si="88"/>
        <v>1.9882329982735787</v>
      </c>
    </row>
    <row r="5661" spans="8:19" x14ac:dyDescent="0.3">
      <c r="H5661" s="44">
        <v>5654</v>
      </c>
      <c r="I5661" s="56">
        <f>Bühler!I5687</f>
        <v>0.45882299960159506</v>
      </c>
      <c r="J5661" s="59">
        <f>Bühler!J5687</f>
        <v>1.5294099986719836</v>
      </c>
      <c r="K5661" s="59">
        <f>Bühler!K5687</f>
        <v>2.2941149980079754</v>
      </c>
      <c r="L5661" s="59">
        <f>Bühler!L5687</f>
        <v>11.011751990438281</v>
      </c>
      <c r="M5661" s="58">
        <f>Bühler!M5687</f>
        <v>0</v>
      </c>
      <c r="N5661" s="56">
        <f>IF(Input!$D$19=1,J5661*Input!$C$19,0)+IF(Input!$D$20=1,K5661*Input!$C$20,0)+IF(Input!$D$21=1,L5661*Input!$C$21,0)+IF(Input!$D$22=1,M5661*Input!$C$22,0)</f>
        <v>0.45882299960159506</v>
      </c>
      <c r="O5661" s="59">
        <f>IF(Input!$D$19=2,J5661*Input!$C$19,0)+IF(Input!$D$20=2,K5661*Input!$C$20,0)+IF(Input!$D$21=2,L5661*Input!$C$21,0)+IF(Input!$D$22=2,M5661*Input!$C$22,0)</f>
        <v>1.1470574990039877</v>
      </c>
      <c r="P5661" s="59">
        <f>IF(Input!$D$19=3,J5661*Input!$C$19,0)+IF(Input!$D$20=3,K5661*Input!$C$20,0)+IF(Input!$D$21=3,L5661*Input!$C$21,0)+IF(Input!$D$22=3,M5661*Input!$C$22,0)</f>
        <v>0</v>
      </c>
      <c r="Q5661" s="75">
        <f>IF(Input!$D$19=4,J5661*Input!$C$19,0)+IF(Input!$D$20=4,K5661*Input!$C$20,0)+IF(Input!$D$21=4,L5661*Input!$C$21,0)+IF(Input!$D$22=4,M5661*Input!$C$22,0)</f>
        <v>0</v>
      </c>
      <c r="R5661" s="58">
        <v>67.417453768687352</v>
      </c>
      <c r="S5661" s="124">
        <f t="shared" si="88"/>
        <v>1.9882329982735787</v>
      </c>
    </row>
    <row r="5662" spans="8:19" x14ac:dyDescent="0.3">
      <c r="H5662" s="44">
        <v>5655</v>
      </c>
      <c r="I5662" s="56">
        <f>Bühler!I5688</f>
        <v>0.45882299960159506</v>
      </c>
      <c r="J5662" s="59">
        <f>Bühler!J5688</f>
        <v>1.5294099986719836</v>
      </c>
      <c r="K5662" s="59">
        <f>Bühler!K5688</f>
        <v>2.2941149980079754</v>
      </c>
      <c r="L5662" s="59">
        <f>Bühler!L5688</f>
        <v>11.011751990438281</v>
      </c>
      <c r="M5662" s="58">
        <f>Bühler!M5688</f>
        <v>0</v>
      </c>
      <c r="N5662" s="56">
        <f>IF(Input!$D$19=1,J5662*Input!$C$19,0)+IF(Input!$D$20=1,K5662*Input!$C$20,0)+IF(Input!$D$21=1,L5662*Input!$C$21,0)+IF(Input!$D$22=1,M5662*Input!$C$22,0)</f>
        <v>0.45882299960159506</v>
      </c>
      <c r="O5662" s="59">
        <f>IF(Input!$D$19=2,J5662*Input!$C$19,0)+IF(Input!$D$20=2,K5662*Input!$C$20,0)+IF(Input!$D$21=2,L5662*Input!$C$21,0)+IF(Input!$D$22=2,M5662*Input!$C$22,0)</f>
        <v>1.1470574990039877</v>
      </c>
      <c r="P5662" s="59">
        <f>IF(Input!$D$19=3,J5662*Input!$C$19,0)+IF(Input!$D$20=3,K5662*Input!$C$20,0)+IF(Input!$D$21=3,L5662*Input!$C$21,0)+IF(Input!$D$22=3,M5662*Input!$C$22,0)</f>
        <v>0</v>
      </c>
      <c r="Q5662" s="75">
        <f>IF(Input!$D$19=4,J5662*Input!$C$19,0)+IF(Input!$D$20=4,K5662*Input!$C$20,0)+IF(Input!$D$21=4,L5662*Input!$C$21,0)+IF(Input!$D$22=4,M5662*Input!$C$22,0)</f>
        <v>0</v>
      </c>
      <c r="R5662" s="58">
        <v>67.340983753225714</v>
      </c>
      <c r="S5662" s="124">
        <f t="shared" si="88"/>
        <v>1.9882329982735787</v>
      </c>
    </row>
    <row r="5663" spans="8:19" x14ac:dyDescent="0.3">
      <c r="H5663" s="44">
        <v>5656</v>
      </c>
      <c r="I5663" s="56">
        <f>Bühler!I5689</f>
        <v>0.38235249966799589</v>
      </c>
      <c r="J5663" s="59">
        <f>Bühler!J5689</f>
        <v>1.2745083322266533</v>
      </c>
      <c r="K5663" s="59">
        <f>Bühler!K5689</f>
        <v>1.9117624983399795</v>
      </c>
      <c r="L5663" s="59">
        <f>Bühler!L5689</f>
        <v>9.1764599920319014</v>
      </c>
      <c r="M5663" s="58">
        <f>Bühler!M5689</f>
        <v>0</v>
      </c>
      <c r="N5663" s="56">
        <f>IF(Input!$D$19=1,J5663*Input!$C$19,0)+IF(Input!$D$20=1,K5663*Input!$C$20,0)+IF(Input!$D$21=1,L5663*Input!$C$21,0)+IF(Input!$D$22=1,M5663*Input!$C$22,0)</f>
        <v>0.38235249966799595</v>
      </c>
      <c r="O5663" s="59">
        <f>IF(Input!$D$19=2,J5663*Input!$C$19,0)+IF(Input!$D$20=2,K5663*Input!$C$20,0)+IF(Input!$D$21=2,L5663*Input!$C$21,0)+IF(Input!$D$22=2,M5663*Input!$C$22,0)</f>
        <v>0.95588124916998973</v>
      </c>
      <c r="P5663" s="59">
        <f>IF(Input!$D$19=3,J5663*Input!$C$19,0)+IF(Input!$D$20=3,K5663*Input!$C$20,0)+IF(Input!$D$21=3,L5663*Input!$C$21,0)+IF(Input!$D$22=3,M5663*Input!$C$22,0)</f>
        <v>0</v>
      </c>
      <c r="Q5663" s="75">
        <f>IF(Input!$D$19=4,J5663*Input!$C$19,0)+IF(Input!$D$20=4,K5663*Input!$C$20,0)+IF(Input!$D$21=4,L5663*Input!$C$21,0)+IF(Input!$D$22=4,M5663*Input!$C$22,0)</f>
        <v>0</v>
      </c>
      <c r="R5663" s="58">
        <v>65.98039583624454</v>
      </c>
      <c r="S5663" s="124">
        <f t="shared" si="88"/>
        <v>1.6568608318946492</v>
      </c>
    </row>
    <row r="5664" spans="8:19" x14ac:dyDescent="0.3">
      <c r="H5664" s="44">
        <v>5657</v>
      </c>
      <c r="I5664" s="56">
        <f>Bühler!I5690</f>
        <v>0.36196036635236956</v>
      </c>
      <c r="J5664" s="59">
        <f>Bühler!J5690</f>
        <v>1.2065345545078987</v>
      </c>
      <c r="K5664" s="59">
        <f>Bühler!K5690</f>
        <v>1.8098018317618476</v>
      </c>
      <c r="L5664" s="59">
        <f>Bühler!L5690</f>
        <v>8.6870487924568689</v>
      </c>
      <c r="M5664" s="58">
        <f>Bühler!M5690</f>
        <v>0</v>
      </c>
      <c r="N5664" s="56">
        <f>IF(Input!$D$19=1,J5664*Input!$C$19,0)+IF(Input!$D$20=1,K5664*Input!$C$20,0)+IF(Input!$D$21=1,L5664*Input!$C$21,0)+IF(Input!$D$22=1,M5664*Input!$C$22,0)</f>
        <v>0.36196036635236961</v>
      </c>
      <c r="O5664" s="59">
        <f>IF(Input!$D$19=2,J5664*Input!$C$19,0)+IF(Input!$D$20=2,K5664*Input!$C$20,0)+IF(Input!$D$21=2,L5664*Input!$C$21,0)+IF(Input!$D$22=2,M5664*Input!$C$22,0)</f>
        <v>0.90490091588092381</v>
      </c>
      <c r="P5664" s="59">
        <f>IF(Input!$D$19=3,J5664*Input!$C$19,0)+IF(Input!$D$20=3,K5664*Input!$C$20,0)+IF(Input!$D$21=3,L5664*Input!$C$21,0)+IF(Input!$D$22=3,M5664*Input!$C$22,0)</f>
        <v>0</v>
      </c>
      <c r="Q5664" s="75">
        <f>IF(Input!$D$19=4,J5664*Input!$C$19,0)+IF(Input!$D$20=4,K5664*Input!$C$20,0)+IF(Input!$D$21=4,L5664*Input!$C$21,0)+IF(Input!$D$22=4,M5664*Input!$C$22,0)</f>
        <v>0</v>
      </c>
      <c r="R5664" s="58">
        <v>64.415905935750175</v>
      </c>
      <c r="S5664" s="124">
        <f t="shared" si="88"/>
        <v>1.5684949208602683</v>
      </c>
    </row>
    <row r="5665" spans="8:19" x14ac:dyDescent="0.3">
      <c r="H5665" s="44">
        <v>5658</v>
      </c>
      <c r="I5665" s="56">
        <f>Bühler!I5691</f>
        <v>0.36196036635236956</v>
      </c>
      <c r="J5665" s="59">
        <f>Bühler!J5691</f>
        <v>1.2065345545078987</v>
      </c>
      <c r="K5665" s="59">
        <f>Bühler!K5691</f>
        <v>1.8098018317618476</v>
      </c>
      <c r="L5665" s="59">
        <f>Bühler!L5691</f>
        <v>8.6870487924568689</v>
      </c>
      <c r="M5665" s="58">
        <f>Bühler!M5691</f>
        <v>0</v>
      </c>
      <c r="N5665" s="56">
        <f>IF(Input!$D$19=1,J5665*Input!$C$19,0)+IF(Input!$D$20=1,K5665*Input!$C$20,0)+IF(Input!$D$21=1,L5665*Input!$C$21,0)+IF(Input!$D$22=1,M5665*Input!$C$22,0)</f>
        <v>0.36196036635236961</v>
      </c>
      <c r="O5665" s="59">
        <f>IF(Input!$D$19=2,J5665*Input!$C$19,0)+IF(Input!$D$20=2,K5665*Input!$C$20,0)+IF(Input!$D$21=2,L5665*Input!$C$21,0)+IF(Input!$D$22=2,M5665*Input!$C$22,0)</f>
        <v>0.90490091588092381</v>
      </c>
      <c r="P5665" s="59">
        <f>IF(Input!$D$19=3,J5665*Input!$C$19,0)+IF(Input!$D$20=3,K5665*Input!$C$20,0)+IF(Input!$D$21=3,L5665*Input!$C$21,0)+IF(Input!$D$22=3,M5665*Input!$C$22,0)</f>
        <v>0</v>
      </c>
      <c r="Q5665" s="75">
        <f>IF(Input!$D$19=4,J5665*Input!$C$19,0)+IF(Input!$D$20=4,K5665*Input!$C$20,0)+IF(Input!$D$21=4,L5665*Input!$C$21,0)+IF(Input!$D$22=4,M5665*Input!$C$22,0)</f>
        <v>0</v>
      </c>
      <c r="R5665" s="58">
        <v>62.78708531734933</v>
      </c>
      <c r="S5665" s="124">
        <f t="shared" si="88"/>
        <v>1.5684949208602683</v>
      </c>
    </row>
    <row r="5666" spans="8:19" x14ac:dyDescent="0.3">
      <c r="H5666" s="44">
        <v>5659</v>
      </c>
      <c r="I5666" s="56">
        <f>Bühler!I5692</f>
        <v>0.36196036635236956</v>
      </c>
      <c r="J5666" s="59">
        <f>Bühler!J5692</f>
        <v>1.2065345545078987</v>
      </c>
      <c r="K5666" s="59">
        <f>Bühler!K5692</f>
        <v>1.8098018317618476</v>
      </c>
      <c r="L5666" s="59">
        <f>Bühler!L5692</f>
        <v>8.6870487924568689</v>
      </c>
      <c r="M5666" s="58">
        <f>Bühler!M5692</f>
        <v>0</v>
      </c>
      <c r="N5666" s="56">
        <f>IF(Input!$D$19=1,J5666*Input!$C$19,0)+IF(Input!$D$20=1,K5666*Input!$C$20,0)+IF(Input!$D$21=1,L5666*Input!$C$21,0)+IF(Input!$D$22=1,M5666*Input!$C$22,0)</f>
        <v>0.36196036635236961</v>
      </c>
      <c r="O5666" s="59">
        <f>IF(Input!$D$19=2,J5666*Input!$C$19,0)+IF(Input!$D$20=2,K5666*Input!$C$20,0)+IF(Input!$D$21=2,L5666*Input!$C$21,0)+IF(Input!$D$22=2,M5666*Input!$C$22,0)</f>
        <v>0.90490091588092381</v>
      </c>
      <c r="P5666" s="59">
        <f>IF(Input!$D$19=3,J5666*Input!$C$19,0)+IF(Input!$D$20=3,K5666*Input!$C$20,0)+IF(Input!$D$21=3,L5666*Input!$C$21,0)+IF(Input!$D$22=3,M5666*Input!$C$22,0)</f>
        <v>0</v>
      </c>
      <c r="Q5666" s="75">
        <f>IF(Input!$D$19=4,J5666*Input!$C$19,0)+IF(Input!$D$20=4,K5666*Input!$C$20,0)+IF(Input!$D$21=4,L5666*Input!$C$21,0)+IF(Input!$D$22=4,M5666*Input!$C$22,0)</f>
        <v>0</v>
      </c>
      <c r="R5666" s="58">
        <v>60.956202719736744</v>
      </c>
      <c r="S5666" s="124">
        <f t="shared" si="88"/>
        <v>1.5684949208602683</v>
      </c>
    </row>
    <row r="5667" spans="8:19" x14ac:dyDescent="0.3">
      <c r="H5667" s="44">
        <v>5660</v>
      </c>
      <c r="I5667" s="56">
        <f>Bühler!I5693</f>
        <v>0.36196036635236956</v>
      </c>
      <c r="J5667" s="59">
        <f>Bühler!J5693</f>
        <v>1.2065345545078987</v>
      </c>
      <c r="K5667" s="59">
        <f>Bühler!K5693</f>
        <v>1.8098018317618476</v>
      </c>
      <c r="L5667" s="59">
        <f>Bühler!L5693</f>
        <v>8.6870487924568689</v>
      </c>
      <c r="M5667" s="58">
        <f>Bühler!M5693</f>
        <v>0</v>
      </c>
      <c r="N5667" s="56">
        <f>IF(Input!$D$19=1,J5667*Input!$C$19,0)+IF(Input!$D$20=1,K5667*Input!$C$20,0)+IF(Input!$D$21=1,L5667*Input!$C$21,0)+IF(Input!$D$22=1,M5667*Input!$C$22,0)</f>
        <v>0.36196036635236961</v>
      </c>
      <c r="O5667" s="59">
        <f>IF(Input!$D$19=2,J5667*Input!$C$19,0)+IF(Input!$D$20=2,K5667*Input!$C$20,0)+IF(Input!$D$21=2,L5667*Input!$C$21,0)+IF(Input!$D$22=2,M5667*Input!$C$22,0)</f>
        <v>0.90490091588092381</v>
      </c>
      <c r="P5667" s="59">
        <f>IF(Input!$D$19=3,J5667*Input!$C$19,0)+IF(Input!$D$20=3,K5667*Input!$C$20,0)+IF(Input!$D$21=3,L5667*Input!$C$21,0)+IF(Input!$D$22=3,M5667*Input!$C$22,0)</f>
        <v>0</v>
      </c>
      <c r="Q5667" s="75">
        <f>IF(Input!$D$19=4,J5667*Input!$C$19,0)+IF(Input!$D$20=4,K5667*Input!$C$20,0)+IF(Input!$D$21=4,L5667*Input!$C$21,0)+IF(Input!$D$22=4,M5667*Input!$C$22,0)</f>
        <v>0</v>
      </c>
      <c r="R5667" s="58">
        <v>59.615694546963653</v>
      </c>
      <c r="S5667" s="124">
        <f t="shared" si="88"/>
        <v>1.5684949208602683</v>
      </c>
    </row>
    <row r="5668" spans="8:19" x14ac:dyDescent="0.3">
      <c r="H5668" s="44">
        <v>5661</v>
      </c>
      <c r="I5668" s="56">
        <f>Bühler!I5694</f>
        <v>0.28039183308986371</v>
      </c>
      <c r="J5668" s="59">
        <f>Bühler!J5694</f>
        <v>0.9346394436328791</v>
      </c>
      <c r="K5668" s="59">
        <f>Bühler!K5694</f>
        <v>1.4019591654493184</v>
      </c>
      <c r="L5668" s="59">
        <f>Bühler!L5694</f>
        <v>6.729403994156729</v>
      </c>
      <c r="M5668" s="58">
        <f>Bühler!M5694</f>
        <v>0</v>
      </c>
      <c r="N5668" s="56">
        <f>IF(Input!$D$19=1,J5668*Input!$C$19,0)+IF(Input!$D$20=1,K5668*Input!$C$20,0)+IF(Input!$D$21=1,L5668*Input!$C$21,0)+IF(Input!$D$22=1,M5668*Input!$C$22,0)</f>
        <v>0.28039183308986371</v>
      </c>
      <c r="O5668" s="59">
        <f>IF(Input!$D$19=2,J5668*Input!$C$19,0)+IF(Input!$D$20=2,K5668*Input!$C$20,0)+IF(Input!$D$21=2,L5668*Input!$C$21,0)+IF(Input!$D$22=2,M5668*Input!$C$22,0)</f>
        <v>0.70097958272465921</v>
      </c>
      <c r="P5668" s="59">
        <f>IF(Input!$D$19=3,J5668*Input!$C$19,0)+IF(Input!$D$20=3,K5668*Input!$C$20,0)+IF(Input!$D$21=3,L5668*Input!$C$21,0)+IF(Input!$D$22=3,M5668*Input!$C$22,0)</f>
        <v>0</v>
      </c>
      <c r="Q5668" s="75">
        <f>IF(Input!$D$19=4,J5668*Input!$C$19,0)+IF(Input!$D$20=4,K5668*Input!$C$20,0)+IF(Input!$D$21=4,L5668*Input!$C$21,0)+IF(Input!$D$22=4,M5668*Input!$C$22,0)</f>
        <v>0</v>
      </c>
      <c r="R5668" s="58">
        <v>57.128131964539044</v>
      </c>
      <c r="S5668" s="124">
        <f t="shared" si="88"/>
        <v>1.2150312767227427</v>
      </c>
    </row>
    <row r="5669" spans="8:19" x14ac:dyDescent="0.3">
      <c r="H5669" s="44">
        <v>5662</v>
      </c>
      <c r="I5669" s="56">
        <f>Bühler!I5695</f>
        <v>0.10705869990703885</v>
      </c>
      <c r="J5669" s="59">
        <f>Bühler!J5695</f>
        <v>0.35686233302346287</v>
      </c>
      <c r="K5669" s="59">
        <f>Bühler!K5695</f>
        <v>0.53529349953519423</v>
      </c>
      <c r="L5669" s="59">
        <f>Bühler!L5695</f>
        <v>2.5694087977689324</v>
      </c>
      <c r="M5669" s="58">
        <f>Bühler!M5695</f>
        <v>0</v>
      </c>
      <c r="N5669" s="56">
        <f>IF(Input!$D$19=1,J5669*Input!$C$19,0)+IF(Input!$D$20=1,K5669*Input!$C$20,0)+IF(Input!$D$21=1,L5669*Input!$C$21,0)+IF(Input!$D$22=1,M5669*Input!$C$22,0)</f>
        <v>0.10705869990703885</v>
      </c>
      <c r="O5669" s="59">
        <f>IF(Input!$D$19=2,J5669*Input!$C$19,0)+IF(Input!$D$20=2,K5669*Input!$C$20,0)+IF(Input!$D$21=2,L5669*Input!$C$21,0)+IF(Input!$D$22=2,M5669*Input!$C$22,0)</f>
        <v>0.26764674976759711</v>
      </c>
      <c r="P5669" s="59">
        <f>IF(Input!$D$19=3,J5669*Input!$C$19,0)+IF(Input!$D$20=3,K5669*Input!$C$20,0)+IF(Input!$D$21=3,L5669*Input!$C$21,0)+IF(Input!$D$22=3,M5669*Input!$C$22,0)</f>
        <v>0</v>
      </c>
      <c r="Q5669" s="75">
        <f>IF(Input!$D$19=4,J5669*Input!$C$19,0)+IF(Input!$D$20=4,K5669*Input!$C$20,0)+IF(Input!$D$21=4,L5669*Input!$C$21,0)+IF(Input!$D$22=4,M5669*Input!$C$22,0)</f>
        <v>0</v>
      </c>
      <c r="R5669" s="58">
        <v>55.72368405417911</v>
      </c>
      <c r="S5669" s="124">
        <f t="shared" si="88"/>
        <v>0.46392103293050174</v>
      </c>
    </row>
    <row r="5670" spans="8:19" x14ac:dyDescent="0.3">
      <c r="H5670" s="44">
        <v>5663</v>
      </c>
      <c r="I5670" s="56">
        <f>Bühler!I5696</f>
        <v>0.10705869990703885</v>
      </c>
      <c r="J5670" s="59">
        <f>Bühler!J5696</f>
        <v>0.35686233302346287</v>
      </c>
      <c r="K5670" s="59">
        <f>Bühler!K5696</f>
        <v>0.53529349953519423</v>
      </c>
      <c r="L5670" s="59">
        <f>Bühler!L5696</f>
        <v>2.5694087977689324</v>
      </c>
      <c r="M5670" s="58">
        <f>Bühler!M5696</f>
        <v>0</v>
      </c>
      <c r="N5670" s="56">
        <f>IF(Input!$D$19=1,J5670*Input!$C$19,0)+IF(Input!$D$20=1,K5670*Input!$C$20,0)+IF(Input!$D$21=1,L5670*Input!$C$21,0)+IF(Input!$D$22=1,M5670*Input!$C$22,0)</f>
        <v>0.10705869990703885</v>
      </c>
      <c r="O5670" s="59">
        <f>IF(Input!$D$19=2,J5670*Input!$C$19,0)+IF(Input!$D$20=2,K5670*Input!$C$20,0)+IF(Input!$D$21=2,L5670*Input!$C$21,0)+IF(Input!$D$22=2,M5670*Input!$C$22,0)</f>
        <v>0.26764674976759711</v>
      </c>
      <c r="P5670" s="59">
        <f>IF(Input!$D$19=3,J5670*Input!$C$19,0)+IF(Input!$D$20=3,K5670*Input!$C$20,0)+IF(Input!$D$21=3,L5670*Input!$C$21,0)+IF(Input!$D$22=3,M5670*Input!$C$22,0)</f>
        <v>0</v>
      </c>
      <c r="Q5670" s="75">
        <f>IF(Input!$D$19=4,J5670*Input!$C$19,0)+IF(Input!$D$20=4,K5670*Input!$C$20,0)+IF(Input!$D$21=4,L5670*Input!$C$21,0)+IF(Input!$D$22=4,M5670*Input!$C$22,0)</f>
        <v>0</v>
      </c>
      <c r="R5670" s="58">
        <v>54.692006320678097</v>
      </c>
      <c r="S5670" s="124">
        <f t="shared" si="88"/>
        <v>0.46392103293050174</v>
      </c>
    </row>
    <row r="5671" spans="8:19" x14ac:dyDescent="0.3">
      <c r="H5671" s="44">
        <v>5664</v>
      </c>
      <c r="I5671" s="56">
        <f>Bühler!I5697</f>
        <v>0.10705869990703885</v>
      </c>
      <c r="J5671" s="59">
        <f>Bühler!J5697</f>
        <v>0.35686233302346287</v>
      </c>
      <c r="K5671" s="59">
        <f>Bühler!K5697</f>
        <v>0.53529349953519423</v>
      </c>
      <c r="L5671" s="59">
        <f>Bühler!L5697</f>
        <v>2.5694087977689324</v>
      </c>
      <c r="M5671" s="58">
        <f>Bühler!M5697</f>
        <v>0</v>
      </c>
      <c r="N5671" s="56">
        <f>IF(Input!$D$19=1,J5671*Input!$C$19,0)+IF(Input!$D$20=1,K5671*Input!$C$20,0)+IF(Input!$D$21=1,L5671*Input!$C$21,0)+IF(Input!$D$22=1,M5671*Input!$C$22,0)</f>
        <v>0.10705869990703885</v>
      </c>
      <c r="O5671" s="59">
        <f>IF(Input!$D$19=2,J5671*Input!$C$19,0)+IF(Input!$D$20=2,K5671*Input!$C$20,0)+IF(Input!$D$21=2,L5671*Input!$C$21,0)+IF(Input!$D$22=2,M5671*Input!$C$22,0)</f>
        <v>0.26764674976759711</v>
      </c>
      <c r="P5671" s="59">
        <f>IF(Input!$D$19=3,J5671*Input!$C$19,0)+IF(Input!$D$20=3,K5671*Input!$C$20,0)+IF(Input!$D$21=3,L5671*Input!$C$21,0)+IF(Input!$D$22=3,M5671*Input!$C$22,0)</f>
        <v>0</v>
      </c>
      <c r="Q5671" s="75">
        <f>IF(Input!$D$19=4,J5671*Input!$C$19,0)+IF(Input!$D$20=4,K5671*Input!$C$20,0)+IF(Input!$D$21=4,L5671*Input!$C$21,0)+IF(Input!$D$22=4,M5671*Input!$C$22,0)</f>
        <v>0</v>
      </c>
      <c r="R5671" s="58">
        <v>53.713194053362848</v>
      </c>
      <c r="S5671" s="124">
        <f t="shared" si="88"/>
        <v>0.46392103293050174</v>
      </c>
    </row>
    <row r="5672" spans="8:19" x14ac:dyDescent="0.3">
      <c r="H5672" s="44">
        <v>5665</v>
      </c>
      <c r="I5672" s="56">
        <f>Bühler!I5698</f>
        <v>4.0651962176739553E-2</v>
      </c>
      <c r="J5672" s="59">
        <f>Bühler!J5698</f>
        <v>0.13550654058913186</v>
      </c>
      <c r="K5672" s="59">
        <f>Bühler!K5698</f>
        <v>0.20325981088369779</v>
      </c>
      <c r="L5672" s="59">
        <f>Bühler!L5698</f>
        <v>3.3469697411772161</v>
      </c>
      <c r="M5672" s="58">
        <f>Bühler!M5698</f>
        <v>0</v>
      </c>
      <c r="N5672" s="56">
        <f>IF(Input!$D$19=1,J5672*Input!$C$19,0)+IF(Input!$D$20=1,K5672*Input!$C$20,0)+IF(Input!$D$21=1,L5672*Input!$C$21,0)+IF(Input!$D$22=1,M5672*Input!$C$22,0)</f>
        <v>4.065196217673956E-2</v>
      </c>
      <c r="O5672" s="59">
        <f>IF(Input!$D$19=2,J5672*Input!$C$19,0)+IF(Input!$D$20=2,K5672*Input!$C$20,0)+IF(Input!$D$21=2,L5672*Input!$C$21,0)+IF(Input!$D$22=2,M5672*Input!$C$22,0)</f>
        <v>0.1016299054418489</v>
      </c>
      <c r="P5672" s="59">
        <f>IF(Input!$D$19=3,J5672*Input!$C$19,0)+IF(Input!$D$20=3,K5672*Input!$C$20,0)+IF(Input!$D$21=3,L5672*Input!$C$21,0)+IF(Input!$D$22=3,M5672*Input!$C$22,0)</f>
        <v>0</v>
      </c>
      <c r="Q5672" s="75">
        <f>IF(Input!$D$19=4,J5672*Input!$C$19,0)+IF(Input!$D$20=4,K5672*Input!$C$20,0)+IF(Input!$D$21=4,L5672*Input!$C$21,0)+IF(Input!$D$22=4,M5672*Input!$C$22,0)</f>
        <v>0</v>
      </c>
      <c r="R5672" s="58">
        <v>52.244962295432138</v>
      </c>
      <c r="S5672" s="124">
        <f t="shared" si="88"/>
        <v>0.17615850276587142</v>
      </c>
    </row>
    <row r="5673" spans="8:19" x14ac:dyDescent="0.3">
      <c r="H5673" s="44">
        <v>5666</v>
      </c>
      <c r="I5673" s="56">
        <f>Bühler!I5699</f>
        <v>7.9368116630777238E-2</v>
      </c>
      <c r="J5673" s="59">
        <f>Bühler!J5699</f>
        <v>0.26456038876925753</v>
      </c>
      <c r="K5673" s="59">
        <f>Bühler!K5699</f>
        <v>0.39684058315388626</v>
      </c>
      <c r="L5673" s="59">
        <f>Bühler!L5699</f>
        <v>6.534559970869803</v>
      </c>
      <c r="M5673" s="58">
        <f>Bühler!M5699</f>
        <v>0</v>
      </c>
      <c r="N5673" s="56">
        <f>IF(Input!$D$19=1,J5673*Input!$C$19,0)+IF(Input!$D$20=1,K5673*Input!$C$20,0)+IF(Input!$D$21=1,L5673*Input!$C$21,0)+IF(Input!$D$22=1,M5673*Input!$C$22,0)</f>
        <v>7.9368116630777252E-2</v>
      </c>
      <c r="O5673" s="59">
        <f>IF(Input!$D$19=2,J5673*Input!$C$19,0)+IF(Input!$D$20=2,K5673*Input!$C$20,0)+IF(Input!$D$21=2,L5673*Input!$C$21,0)+IF(Input!$D$22=2,M5673*Input!$C$22,0)</f>
        <v>0.19842029157694313</v>
      </c>
      <c r="P5673" s="59">
        <f>IF(Input!$D$19=3,J5673*Input!$C$19,0)+IF(Input!$D$20=3,K5673*Input!$C$20,0)+IF(Input!$D$21=3,L5673*Input!$C$21,0)+IF(Input!$D$22=3,M5673*Input!$C$22,0)</f>
        <v>0</v>
      </c>
      <c r="Q5673" s="75">
        <f>IF(Input!$D$19=4,J5673*Input!$C$19,0)+IF(Input!$D$20=4,K5673*Input!$C$20,0)+IF(Input!$D$21=4,L5673*Input!$C$21,0)+IF(Input!$D$22=4,M5673*Input!$C$22,0)</f>
        <v>0</v>
      </c>
      <c r="R5673" s="58">
        <v>51.095943118470586</v>
      </c>
      <c r="S5673" s="124">
        <f t="shared" si="88"/>
        <v>0.34392850540003478</v>
      </c>
    </row>
    <row r="5674" spans="8:19" x14ac:dyDescent="0.3">
      <c r="H5674" s="44">
        <v>5667</v>
      </c>
      <c r="I5674" s="56">
        <f>Bühler!I5700</f>
        <v>7.9368116630777238E-2</v>
      </c>
      <c r="J5674" s="59">
        <f>Bühler!J5700</f>
        <v>0.26456038876925753</v>
      </c>
      <c r="K5674" s="59">
        <f>Bühler!K5700</f>
        <v>0.39684058315388626</v>
      </c>
      <c r="L5674" s="59">
        <f>Bühler!L5700</f>
        <v>6.534559970869803</v>
      </c>
      <c r="M5674" s="58">
        <f>Bühler!M5700</f>
        <v>0</v>
      </c>
      <c r="N5674" s="56">
        <f>IF(Input!$D$19=1,J5674*Input!$C$19,0)+IF(Input!$D$20=1,K5674*Input!$C$20,0)+IF(Input!$D$21=1,L5674*Input!$C$21,0)+IF(Input!$D$22=1,M5674*Input!$C$22,0)</f>
        <v>7.9368116630777252E-2</v>
      </c>
      <c r="O5674" s="59">
        <f>IF(Input!$D$19=2,J5674*Input!$C$19,0)+IF(Input!$D$20=2,K5674*Input!$C$20,0)+IF(Input!$D$21=2,L5674*Input!$C$21,0)+IF(Input!$D$22=2,M5674*Input!$C$22,0)</f>
        <v>0.19842029157694313</v>
      </c>
      <c r="P5674" s="59">
        <f>IF(Input!$D$19=3,J5674*Input!$C$19,0)+IF(Input!$D$20=3,K5674*Input!$C$20,0)+IF(Input!$D$21=3,L5674*Input!$C$21,0)+IF(Input!$D$22=3,M5674*Input!$C$22,0)</f>
        <v>0</v>
      </c>
      <c r="Q5674" s="75">
        <f>IF(Input!$D$19=4,J5674*Input!$C$19,0)+IF(Input!$D$20=4,K5674*Input!$C$20,0)+IF(Input!$D$21=4,L5674*Input!$C$21,0)+IF(Input!$D$22=4,M5674*Input!$C$22,0)</f>
        <v>0</v>
      </c>
      <c r="R5674" s="58">
        <v>50.299514755967657</v>
      </c>
      <c r="S5674" s="124">
        <f t="shared" si="88"/>
        <v>0.34392850540003478</v>
      </c>
    </row>
    <row r="5675" spans="8:19" x14ac:dyDescent="0.3">
      <c r="H5675" s="44">
        <v>5668</v>
      </c>
      <c r="I5675" s="56">
        <f>Bühler!I5701</f>
        <v>7.9368116630777238E-2</v>
      </c>
      <c r="J5675" s="59">
        <f>Bühler!J5701</f>
        <v>0.26456038876925753</v>
      </c>
      <c r="K5675" s="59">
        <f>Bühler!K5701</f>
        <v>0.39684058315388626</v>
      </c>
      <c r="L5675" s="59">
        <f>Bühler!L5701</f>
        <v>6.534559970869803</v>
      </c>
      <c r="M5675" s="58">
        <f>Bühler!M5701</f>
        <v>0</v>
      </c>
      <c r="N5675" s="56">
        <f>IF(Input!$D$19=1,J5675*Input!$C$19,0)+IF(Input!$D$20=1,K5675*Input!$C$20,0)+IF(Input!$D$21=1,L5675*Input!$C$21,0)+IF(Input!$D$22=1,M5675*Input!$C$22,0)</f>
        <v>7.9368116630777252E-2</v>
      </c>
      <c r="O5675" s="59">
        <f>IF(Input!$D$19=2,J5675*Input!$C$19,0)+IF(Input!$D$20=2,K5675*Input!$C$20,0)+IF(Input!$D$21=2,L5675*Input!$C$21,0)+IF(Input!$D$22=2,M5675*Input!$C$22,0)</f>
        <v>0.19842029157694313</v>
      </c>
      <c r="P5675" s="59">
        <f>IF(Input!$D$19=3,J5675*Input!$C$19,0)+IF(Input!$D$20=3,K5675*Input!$C$20,0)+IF(Input!$D$21=3,L5675*Input!$C$21,0)+IF(Input!$D$22=3,M5675*Input!$C$22,0)</f>
        <v>0</v>
      </c>
      <c r="Q5675" s="75">
        <f>IF(Input!$D$19=4,J5675*Input!$C$19,0)+IF(Input!$D$20=4,K5675*Input!$C$20,0)+IF(Input!$D$21=4,L5675*Input!$C$21,0)+IF(Input!$D$22=4,M5675*Input!$C$22,0)</f>
        <v>0</v>
      </c>
      <c r="R5675" s="58">
        <v>49.329495838846981</v>
      </c>
      <c r="S5675" s="124">
        <f t="shared" si="88"/>
        <v>0.34392850540003478</v>
      </c>
    </row>
    <row r="5676" spans="8:19" x14ac:dyDescent="0.3">
      <c r="H5676" s="44">
        <v>5669</v>
      </c>
      <c r="I5676" s="56">
        <f>Bühler!I5702</f>
        <v>7.9368116630777238E-2</v>
      </c>
      <c r="J5676" s="59">
        <f>Bühler!J5702</f>
        <v>0.26456038876925753</v>
      </c>
      <c r="K5676" s="59">
        <f>Bühler!K5702</f>
        <v>0.39684058315388626</v>
      </c>
      <c r="L5676" s="59">
        <f>Bühler!L5702</f>
        <v>6.534559970869803</v>
      </c>
      <c r="M5676" s="58">
        <f>Bühler!M5702</f>
        <v>0</v>
      </c>
      <c r="N5676" s="56">
        <f>IF(Input!$D$19=1,J5676*Input!$C$19,0)+IF(Input!$D$20=1,K5676*Input!$C$20,0)+IF(Input!$D$21=1,L5676*Input!$C$21,0)+IF(Input!$D$22=1,M5676*Input!$C$22,0)</f>
        <v>7.9368116630777252E-2</v>
      </c>
      <c r="O5676" s="59">
        <f>IF(Input!$D$19=2,J5676*Input!$C$19,0)+IF(Input!$D$20=2,K5676*Input!$C$20,0)+IF(Input!$D$21=2,L5676*Input!$C$21,0)+IF(Input!$D$22=2,M5676*Input!$C$22,0)</f>
        <v>0.19842029157694313</v>
      </c>
      <c r="P5676" s="59">
        <f>IF(Input!$D$19=3,J5676*Input!$C$19,0)+IF(Input!$D$20=3,K5676*Input!$C$20,0)+IF(Input!$D$21=3,L5676*Input!$C$21,0)+IF(Input!$D$22=3,M5676*Input!$C$22,0)</f>
        <v>0</v>
      </c>
      <c r="Q5676" s="75">
        <f>IF(Input!$D$19=4,J5676*Input!$C$19,0)+IF(Input!$D$20=4,K5676*Input!$C$20,0)+IF(Input!$D$21=4,L5676*Input!$C$21,0)+IF(Input!$D$22=4,M5676*Input!$C$22,0)</f>
        <v>0</v>
      </c>
      <c r="R5676" s="58">
        <v>47.843252331138835</v>
      </c>
      <c r="S5676" s="124">
        <f t="shared" si="88"/>
        <v>0.34392850540003478</v>
      </c>
    </row>
    <row r="5677" spans="8:19" x14ac:dyDescent="0.3">
      <c r="H5677" s="44">
        <v>5670</v>
      </c>
      <c r="I5677" s="56">
        <f>Bühler!I5703</f>
        <v>9.872619385779606E-2</v>
      </c>
      <c r="J5677" s="59">
        <f>Bühler!J5703</f>
        <v>0.32908731285932025</v>
      </c>
      <c r="K5677" s="59">
        <f>Bühler!K5703</f>
        <v>0.49363096928898037</v>
      </c>
      <c r="L5677" s="59">
        <f>Bühler!L5703</f>
        <v>8.1283550857160964</v>
      </c>
      <c r="M5677" s="58">
        <f>Bühler!M5703</f>
        <v>0</v>
      </c>
      <c r="N5677" s="56">
        <f>IF(Input!$D$19=1,J5677*Input!$C$19,0)+IF(Input!$D$20=1,K5677*Input!$C$20,0)+IF(Input!$D$21=1,L5677*Input!$C$21,0)+IF(Input!$D$22=1,M5677*Input!$C$22,0)</f>
        <v>9.8726193857796074E-2</v>
      </c>
      <c r="O5677" s="59">
        <f>IF(Input!$D$19=2,J5677*Input!$C$19,0)+IF(Input!$D$20=2,K5677*Input!$C$20,0)+IF(Input!$D$21=2,L5677*Input!$C$21,0)+IF(Input!$D$22=2,M5677*Input!$C$22,0)</f>
        <v>0.24681548464449019</v>
      </c>
      <c r="P5677" s="59">
        <f>IF(Input!$D$19=3,J5677*Input!$C$19,0)+IF(Input!$D$20=3,K5677*Input!$C$20,0)+IF(Input!$D$21=3,L5677*Input!$C$21,0)+IF(Input!$D$22=3,M5677*Input!$C$22,0)</f>
        <v>0</v>
      </c>
      <c r="Q5677" s="75">
        <f>IF(Input!$D$19=4,J5677*Input!$C$19,0)+IF(Input!$D$20=4,K5677*Input!$C$20,0)+IF(Input!$D$21=4,L5677*Input!$C$21,0)+IF(Input!$D$22=4,M5677*Input!$C$22,0)</f>
        <v>0</v>
      </c>
      <c r="R5677" s="58">
        <v>47.114033473812043</v>
      </c>
      <c r="S5677" s="124">
        <f t="shared" si="88"/>
        <v>0.42781350671711632</v>
      </c>
    </row>
    <row r="5678" spans="8:19" x14ac:dyDescent="0.3">
      <c r="H5678" s="44">
        <v>5671</v>
      </c>
      <c r="I5678" s="56">
        <f>Bühler!I5704</f>
        <v>0.12389169425292054</v>
      </c>
      <c r="J5678" s="59">
        <f>Bühler!J5704</f>
        <v>0.4129723141764019</v>
      </c>
      <c r="K5678" s="59">
        <f>Bühler!K5704</f>
        <v>0.61945847126460285</v>
      </c>
      <c r="L5678" s="59">
        <f>Bühler!L5704</f>
        <v>10.200288735016278</v>
      </c>
      <c r="M5678" s="58">
        <f>Bühler!M5704</f>
        <v>0</v>
      </c>
      <c r="N5678" s="56">
        <f>IF(Input!$D$19=1,J5678*Input!$C$19,0)+IF(Input!$D$20=1,K5678*Input!$C$20,0)+IF(Input!$D$21=1,L5678*Input!$C$21,0)+IF(Input!$D$22=1,M5678*Input!$C$22,0)</f>
        <v>0.12389169425292057</v>
      </c>
      <c r="O5678" s="59">
        <f>IF(Input!$D$19=2,J5678*Input!$C$19,0)+IF(Input!$D$20=2,K5678*Input!$C$20,0)+IF(Input!$D$21=2,L5678*Input!$C$21,0)+IF(Input!$D$22=2,M5678*Input!$C$22,0)</f>
        <v>0.30972923563230143</v>
      </c>
      <c r="P5678" s="59">
        <f>IF(Input!$D$19=3,J5678*Input!$C$19,0)+IF(Input!$D$20=3,K5678*Input!$C$20,0)+IF(Input!$D$21=3,L5678*Input!$C$21,0)+IF(Input!$D$22=3,M5678*Input!$C$22,0)</f>
        <v>0</v>
      </c>
      <c r="Q5678" s="75">
        <f>IF(Input!$D$19=4,J5678*Input!$C$19,0)+IF(Input!$D$20=4,K5678*Input!$C$20,0)+IF(Input!$D$21=4,L5678*Input!$C$21,0)+IF(Input!$D$22=4,M5678*Input!$C$22,0)</f>
        <v>0</v>
      </c>
      <c r="R5678" s="58">
        <v>46.598561717457955</v>
      </c>
      <c r="S5678" s="124">
        <f t="shared" si="88"/>
        <v>0.53686400842932247</v>
      </c>
    </row>
    <row r="5679" spans="8:19" x14ac:dyDescent="0.3">
      <c r="H5679" s="44">
        <v>5672</v>
      </c>
      <c r="I5679" s="56">
        <f>Bühler!I5705</f>
        <v>0.14131396375723751</v>
      </c>
      <c r="J5679" s="59">
        <f>Bühler!J5705</f>
        <v>0.47104654585745842</v>
      </c>
      <c r="K5679" s="59">
        <f>Bühler!K5705</f>
        <v>0.70656981878618763</v>
      </c>
      <c r="L5679" s="59">
        <f>Bühler!L5705</f>
        <v>11.634704338377944</v>
      </c>
      <c r="M5679" s="58">
        <f>Bühler!M5705</f>
        <v>0</v>
      </c>
      <c r="N5679" s="56">
        <f>IF(Input!$D$19=1,J5679*Input!$C$19,0)+IF(Input!$D$20=1,K5679*Input!$C$20,0)+IF(Input!$D$21=1,L5679*Input!$C$21,0)+IF(Input!$D$22=1,M5679*Input!$C$22,0)</f>
        <v>0.14131396375723751</v>
      </c>
      <c r="O5679" s="59">
        <f>IF(Input!$D$19=2,J5679*Input!$C$19,0)+IF(Input!$D$20=2,K5679*Input!$C$20,0)+IF(Input!$D$21=2,L5679*Input!$C$21,0)+IF(Input!$D$22=2,M5679*Input!$C$22,0)</f>
        <v>0.35328490939309382</v>
      </c>
      <c r="P5679" s="59">
        <f>IF(Input!$D$19=3,J5679*Input!$C$19,0)+IF(Input!$D$20=3,K5679*Input!$C$20,0)+IF(Input!$D$21=3,L5679*Input!$C$21,0)+IF(Input!$D$22=3,M5679*Input!$C$22,0)</f>
        <v>0</v>
      </c>
      <c r="Q5679" s="75">
        <f>IF(Input!$D$19=4,J5679*Input!$C$19,0)+IF(Input!$D$20=4,K5679*Input!$C$20,0)+IF(Input!$D$21=4,L5679*Input!$C$21,0)+IF(Input!$D$22=4,M5679*Input!$C$22,0)</f>
        <v>0</v>
      </c>
      <c r="R5679" s="58">
        <v>46.178969126957604</v>
      </c>
      <c r="S5679" s="124">
        <f t="shared" si="88"/>
        <v>0.6123605096146959</v>
      </c>
    </row>
    <row r="5680" spans="8:19" x14ac:dyDescent="0.3">
      <c r="H5680" s="44">
        <v>5673</v>
      </c>
      <c r="I5680" s="56">
        <f>Bühler!I5706</f>
        <v>0.14131396375723751</v>
      </c>
      <c r="J5680" s="59">
        <f>Bühler!J5706</f>
        <v>0.47104654585745842</v>
      </c>
      <c r="K5680" s="59">
        <f>Bühler!K5706</f>
        <v>0.70656981878618763</v>
      </c>
      <c r="L5680" s="59">
        <f>Bühler!L5706</f>
        <v>11.634704338377944</v>
      </c>
      <c r="M5680" s="58">
        <f>Bühler!M5706</f>
        <v>0</v>
      </c>
      <c r="N5680" s="56">
        <f>IF(Input!$D$19=1,J5680*Input!$C$19,0)+IF(Input!$D$20=1,K5680*Input!$C$20,0)+IF(Input!$D$21=1,L5680*Input!$C$21,0)+IF(Input!$D$22=1,M5680*Input!$C$22,0)</f>
        <v>0.14131396375723751</v>
      </c>
      <c r="O5680" s="59">
        <f>IF(Input!$D$19=2,J5680*Input!$C$19,0)+IF(Input!$D$20=2,K5680*Input!$C$20,0)+IF(Input!$D$21=2,L5680*Input!$C$21,0)+IF(Input!$D$22=2,M5680*Input!$C$22,0)</f>
        <v>0.35328490939309382</v>
      </c>
      <c r="P5680" s="59">
        <f>IF(Input!$D$19=3,J5680*Input!$C$19,0)+IF(Input!$D$20=3,K5680*Input!$C$20,0)+IF(Input!$D$21=3,L5680*Input!$C$21,0)+IF(Input!$D$22=3,M5680*Input!$C$22,0)</f>
        <v>0</v>
      </c>
      <c r="Q5680" s="75">
        <f>IF(Input!$D$19=4,J5680*Input!$C$19,0)+IF(Input!$D$20=4,K5680*Input!$C$20,0)+IF(Input!$D$21=4,L5680*Input!$C$21,0)+IF(Input!$D$22=4,M5680*Input!$C$22,0)</f>
        <v>0</v>
      </c>
      <c r="R5680" s="58">
        <v>46.135518648884023</v>
      </c>
      <c r="S5680" s="124">
        <f t="shared" si="88"/>
        <v>0.6123605096146959</v>
      </c>
    </row>
    <row r="5681" spans="8:19" x14ac:dyDescent="0.3">
      <c r="H5681" s="44">
        <v>5674</v>
      </c>
      <c r="I5681" s="56">
        <f>Bühler!I5707</f>
        <v>0.14131396375723751</v>
      </c>
      <c r="J5681" s="59">
        <f>Bühler!J5707</f>
        <v>0.47104654585745842</v>
      </c>
      <c r="K5681" s="59">
        <f>Bühler!K5707</f>
        <v>0.70656981878618763</v>
      </c>
      <c r="L5681" s="59">
        <f>Bühler!L5707</f>
        <v>11.634704338377944</v>
      </c>
      <c r="M5681" s="58">
        <f>Bühler!M5707</f>
        <v>0</v>
      </c>
      <c r="N5681" s="56">
        <f>IF(Input!$D$19=1,J5681*Input!$C$19,0)+IF(Input!$D$20=1,K5681*Input!$C$20,0)+IF(Input!$D$21=1,L5681*Input!$C$21,0)+IF(Input!$D$22=1,M5681*Input!$C$22,0)</f>
        <v>0.14131396375723751</v>
      </c>
      <c r="O5681" s="59">
        <f>IF(Input!$D$19=2,J5681*Input!$C$19,0)+IF(Input!$D$20=2,K5681*Input!$C$20,0)+IF(Input!$D$21=2,L5681*Input!$C$21,0)+IF(Input!$D$22=2,M5681*Input!$C$22,0)</f>
        <v>0.35328490939309382</v>
      </c>
      <c r="P5681" s="59">
        <f>IF(Input!$D$19=3,J5681*Input!$C$19,0)+IF(Input!$D$20=3,K5681*Input!$C$20,0)+IF(Input!$D$21=3,L5681*Input!$C$21,0)+IF(Input!$D$22=3,M5681*Input!$C$22,0)</f>
        <v>0</v>
      </c>
      <c r="Q5681" s="75">
        <f>IF(Input!$D$19=4,J5681*Input!$C$19,0)+IF(Input!$D$20=4,K5681*Input!$C$20,0)+IF(Input!$D$21=4,L5681*Input!$C$21,0)+IF(Input!$D$22=4,M5681*Input!$C$22,0)</f>
        <v>0</v>
      </c>
      <c r="R5681" s="58">
        <v>46.404546491377126</v>
      </c>
      <c r="S5681" s="124">
        <f t="shared" si="88"/>
        <v>0.6123605096146959</v>
      </c>
    </row>
    <row r="5682" spans="8:19" x14ac:dyDescent="0.3">
      <c r="H5682" s="44">
        <v>5675</v>
      </c>
      <c r="I5682" s="56">
        <f>Bühler!I5708</f>
        <v>0.14131396375723751</v>
      </c>
      <c r="J5682" s="59">
        <f>Bühler!J5708</f>
        <v>0.47104654585745842</v>
      </c>
      <c r="K5682" s="59">
        <f>Bühler!K5708</f>
        <v>0.70656981878618763</v>
      </c>
      <c r="L5682" s="59">
        <f>Bühler!L5708</f>
        <v>11.634704338377944</v>
      </c>
      <c r="M5682" s="58">
        <f>Bühler!M5708</f>
        <v>0</v>
      </c>
      <c r="N5682" s="56">
        <f>IF(Input!$D$19=1,J5682*Input!$C$19,0)+IF(Input!$D$20=1,K5682*Input!$C$20,0)+IF(Input!$D$21=1,L5682*Input!$C$21,0)+IF(Input!$D$22=1,M5682*Input!$C$22,0)</f>
        <v>0.14131396375723751</v>
      </c>
      <c r="O5682" s="59">
        <f>IF(Input!$D$19=2,J5682*Input!$C$19,0)+IF(Input!$D$20=2,K5682*Input!$C$20,0)+IF(Input!$D$21=2,L5682*Input!$C$21,0)+IF(Input!$D$22=2,M5682*Input!$C$22,0)</f>
        <v>0.35328490939309382</v>
      </c>
      <c r="P5682" s="59">
        <f>IF(Input!$D$19=3,J5682*Input!$C$19,0)+IF(Input!$D$20=3,K5682*Input!$C$20,0)+IF(Input!$D$21=3,L5682*Input!$C$21,0)+IF(Input!$D$22=3,M5682*Input!$C$22,0)</f>
        <v>0</v>
      </c>
      <c r="Q5682" s="75">
        <f>IF(Input!$D$19=4,J5682*Input!$C$19,0)+IF(Input!$D$20=4,K5682*Input!$C$20,0)+IF(Input!$D$21=4,L5682*Input!$C$21,0)+IF(Input!$D$22=4,M5682*Input!$C$22,0)</f>
        <v>0</v>
      </c>
      <c r="R5682" s="58">
        <v>46.821418440204155</v>
      </c>
      <c r="S5682" s="124">
        <f t="shared" si="88"/>
        <v>0.6123605096146959</v>
      </c>
    </row>
    <row r="5683" spans="8:19" x14ac:dyDescent="0.3">
      <c r="H5683" s="44">
        <v>5676</v>
      </c>
      <c r="I5683" s="56">
        <f>Bühler!I5709</f>
        <v>0.14131396375723751</v>
      </c>
      <c r="J5683" s="59">
        <f>Bühler!J5709</f>
        <v>0.47104654585745842</v>
      </c>
      <c r="K5683" s="59">
        <f>Bühler!K5709</f>
        <v>0.70656981878618763</v>
      </c>
      <c r="L5683" s="59">
        <f>Bühler!L5709</f>
        <v>11.634704338377944</v>
      </c>
      <c r="M5683" s="58">
        <f>Bühler!M5709</f>
        <v>0</v>
      </c>
      <c r="N5683" s="56">
        <f>IF(Input!$D$19=1,J5683*Input!$C$19,0)+IF(Input!$D$20=1,K5683*Input!$C$20,0)+IF(Input!$D$21=1,L5683*Input!$C$21,0)+IF(Input!$D$22=1,M5683*Input!$C$22,0)</f>
        <v>0.14131396375723751</v>
      </c>
      <c r="O5683" s="59">
        <f>IF(Input!$D$19=2,J5683*Input!$C$19,0)+IF(Input!$D$20=2,K5683*Input!$C$20,0)+IF(Input!$D$21=2,L5683*Input!$C$21,0)+IF(Input!$D$22=2,M5683*Input!$C$22,0)</f>
        <v>0.35328490939309382</v>
      </c>
      <c r="P5683" s="59">
        <f>IF(Input!$D$19=3,J5683*Input!$C$19,0)+IF(Input!$D$20=3,K5683*Input!$C$20,0)+IF(Input!$D$21=3,L5683*Input!$C$21,0)+IF(Input!$D$22=3,M5683*Input!$C$22,0)</f>
        <v>0</v>
      </c>
      <c r="Q5683" s="75">
        <f>IF(Input!$D$19=4,J5683*Input!$C$19,0)+IF(Input!$D$20=4,K5683*Input!$C$20,0)+IF(Input!$D$21=4,L5683*Input!$C$21,0)+IF(Input!$D$22=4,M5683*Input!$C$22,0)</f>
        <v>0</v>
      </c>
      <c r="R5683" s="58">
        <v>47.101528223071178</v>
      </c>
      <c r="S5683" s="124">
        <f t="shared" si="88"/>
        <v>0.6123605096146959</v>
      </c>
    </row>
    <row r="5684" spans="8:19" x14ac:dyDescent="0.3">
      <c r="H5684" s="44">
        <v>5677</v>
      </c>
      <c r="I5684" s="56">
        <f>Bühler!I5710</f>
        <v>0.14131396375723751</v>
      </c>
      <c r="J5684" s="59">
        <f>Bühler!J5710</f>
        <v>0.47104654585745842</v>
      </c>
      <c r="K5684" s="59">
        <f>Bühler!K5710</f>
        <v>0.70656981878618763</v>
      </c>
      <c r="L5684" s="59">
        <f>Bühler!L5710</f>
        <v>11.634704338377944</v>
      </c>
      <c r="M5684" s="58">
        <f>Bühler!M5710</f>
        <v>0</v>
      </c>
      <c r="N5684" s="56">
        <f>IF(Input!$D$19=1,J5684*Input!$C$19,0)+IF(Input!$D$20=1,K5684*Input!$C$20,0)+IF(Input!$D$21=1,L5684*Input!$C$21,0)+IF(Input!$D$22=1,M5684*Input!$C$22,0)</f>
        <v>0.14131396375723751</v>
      </c>
      <c r="O5684" s="59">
        <f>IF(Input!$D$19=2,J5684*Input!$C$19,0)+IF(Input!$D$20=2,K5684*Input!$C$20,0)+IF(Input!$D$21=2,L5684*Input!$C$21,0)+IF(Input!$D$22=2,M5684*Input!$C$22,0)</f>
        <v>0.35328490939309382</v>
      </c>
      <c r="P5684" s="59">
        <f>IF(Input!$D$19=3,J5684*Input!$C$19,0)+IF(Input!$D$20=3,K5684*Input!$C$20,0)+IF(Input!$D$21=3,L5684*Input!$C$21,0)+IF(Input!$D$22=3,M5684*Input!$C$22,0)</f>
        <v>0</v>
      </c>
      <c r="Q5684" s="75">
        <f>IF(Input!$D$19=4,J5684*Input!$C$19,0)+IF(Input!$D$20=4,K5684*Input!$C$20,0)+IF(Input!$D$21=4,L5684*Input!$C$21,0)+IF(Input!$D$22=4,M5684*Input!$C$22,0)</f>
        <v>0</v>
      </c>
      <c r="R5684" s="58">
        <v>46.394886645318195</v>
      </c>
      <c r="S5684" s="124">
        <f t="shared" si="88"/>
        <v>0.6123605096146959</v>
      </c>
    </row>
    <row r="5685" spans="8:19" x14ac:dyDescent="0.3">
      <c r="H5685" s="44">
        <v>5678</v>
      </c>
      <c r="I5685" s="56">
        <f>Bühler!I5711</f>
        <v>0.14131396375723751</v>
      </c>
      <c r="J5685" s="59">
        <f>Bühler!J5711</f>
        <v>0.47104654585745842</v>
      </c>
      <c r="K5685" s="59">
        <f>Bühler!K5711</f>
        <v>0.70656981878618763</v>
      </c>
      <c r="L5685" s="59">
        <f>Bühler!L5711</f>
        <v>11.634704338377944</v>
      </c>
      <c r="M5685" s="58">
        <f>Bühler!M5711</f>
        <v>0</v>
      </c>
      <c r="N5685" s="56">
        <f>IF(Input!$D$19=1,J5685*Input!$C$19,0)+IF(Input!$D$20=1,K5685*Input!$C$20,0)+IF(Input!$D$21=1,L5685*Input!$C$21,0)+IF(Input!$D$22=1,M5685*Input!$C$22,0)</f>
        <v>0.14131396375723751</v>
      </c>
      <c r="O5685" s="59">
        <f>IF(Input!$D$19=2,J5685*Input!$C$19,0)+IF(Input!$D$20=2,K5685*Input!$C$20,0)+IF(Input!$D$21=2,L5685*Input!$C$21,0)+IF(Input!$D$22=2,M5685*Input!$C$22,0)</f>
        <v>0.35328490939309382</v>
      </c>
      <c r="P5685" s="59">
        <f>IF(Input!$D$19=3,J5685*Input!$C$19,0)+IF(Input!$D$20=3,K5685*Input!$C$20,0)+IF(Input!$D$21=3,L5685*Input!$C$21,0)+IF(Input!$D$22=3,M5685*Input!$C$22,0)</f>
        <v>0</v>
      </c>
      <c r="Q5685" s="75">
        <f>IF(Input!$D$19=4,J5685*Input!$C$19,0)+IF(Input!$D$20=4,K5685*Input!$C$20,0)+IF(Input!$D$21=4,L5685*Input!$C$21,0)+IF(Input!$D$22=4,M5685*Input!$C$22,0)</f>
        <v>0</v>
      </c>
      <c r="R5685" s="58">
        <v>46.308403618771251</v>
      </c>
      <c r="S5685" s="124">
        <f t="shared" si="88"/>
        <v>0.6123605096146959</v>
      </c>
    </row>
    <row r="5686" spans="8:19" x14ac:dyDescent="0.3">
      <c r="H5686" s="44">
        <v>5679</v>
      </c>
      <c r="I5686" s="56">
        <f>Bühler!I5712</f>
        <v>0.14131396375723751</v>
      </c>
      <c r="J5686" s="59">
        <f>Bühler!J5712</f>
        <v>0.47104654585745842</v>
      </c>
      <c r="K5686" s="59">
        <f>Bühler!K5712</f>
        <v>0.70656981878618763</v>
      </c>
      <c r="L5686" s="59">
        <f>Bühler!L5712</f>
        <v>11.634704338377944</v>
      </c>
      <c r="M5686" s="58">
        <f>Bühler!M5712</f>
        <v>0</v>
      </c>
      <c r="N5686" s="56">
        <f>IF(Input!$D$19=1,J5686*Input!$C$19,0)+IF(Input!$D$20=1,K5686*Input!$C$20,0)+IF(Input!$D$21=1,L5686*Input!$C$21,0)+IF(Input!$D$22=1,M5686*Input!$C$22,0)</f>
        <v>0.14131396375723751</v>
      </c>
      <c r="O5686" s="59">
        <f>IF(Input!$D$19=2,J5686*Input!$C$19,0)+IF(Input!$D$20=2,K5686*Input!$C$20,0)+IF(Input!$D$21=2,L5686*Input!$C$21,0)+IF(Input!$D$22=2,M5686*Input!$C$22,0)</f>
        <v>0.35328490939309382</v>
      </c>
      <c r="P5686" s="59">
        <f>IF(Input!$D$19=3,J5686*Input!$C$19,0)+IF(Input!$D$20=3,K5686*Input!$C$20,0)+IF(Input!$D$21=3,L5686*Input!$C$21,0)+IF(Input!$D$22=3,M5686*Input!$C$22,0)</f>
        <v>0</v>
      </c>
      <c r="Q5686" s="75">
        <f>IF(Input!$D$19=4,J5686*Input!$C$19,0)+IF(Input!$D$20=4,K5686*Input!$C$20,0)+IF(Input!$D$21=4,L5686*Input!$C$21,0)+IF(Input!$D$22=4,M5686*Input!$C$22,0)</f>
        <v>0</v>
      </c>
      <c r="R5686" s="58">
        <v>45.81716497326137</v>
      </c>
      <c r="S5686" s="124">
        <f t="shared" si="88"/>
        <v>0.6123605096146959</v>
      </c>
    </row>
    <row r="5687" spans="8:19" x14ac:dyDescent="0.3">
      <c r="H5687" s="44">
        <v>5680</v>
      </c>
      <c r="I5687" s="56">
        <f>Bühler!I5713</f>
        <v>0.12776330969832431</v>
      </c>
      <c r="J5687" s="59">
        <f>Bühler!J5713</f>
        <v>0.42587769899441441</v>
      </c>
      <c r="K5687" s="59">
        <f>Bühler!K5713</f>
        <v>0.63881654849162162</v>
      </c>
      <c r="L5687" s="59">
        <f>Bühler!L5713</f>
        <v>10.519047757985536</v>
      </c>
      <c r="M5687" s="58">
        <f>Bühler!M5713</f>
        <v>0</v>
      </c>
      <c r="N5687" s="56">
        <f>IF(Input!$D$19=1,J5687*Input!$C$19,0)+IF(Input!$D$20=1,K5687*Input!$C$20,0)+IF(Input!$D$21=1,L5687*Input!$C$21,0)+IF(Input!$D$22=1,M5687*Input!$C$22,0)</f>
        <v>0.12776330969832431</v>
      </c>
      <c r="O5687" s="59">
        <f>IF(Input!$D$19=2,J5687*Input!$C$19,0)+IF(Input!$D$20=2,K5687*Input!$C$20,0)+IF(Input!$D$21=2,L5687*Input!$C$21,0)+IF(Input!$D$22=2,M5687*Input!$C$22,0)</f>
        <v>0.31940827424581081</v>
      </c>
      <c r="P5687" s="59">
        <f>IF(Input!$D$19=3,J5687*Input!$C$19,0)+IF(Input!$D$20=3,K5687*Input!$C$20,0)+IF(Input!$D$21=3,L5687*Input!$C$21,0)+IF(Input!$D$22=3,M5687*Input!$C$22,0)</f>
        <v>0</v>
      </c>
      <c r="Q5687" s="75">
        <f>IF(Input!$D$19=4,J5687*Input!$C$19,0)+IF(Input!$D$20=4,K5687*Input!$C$20,0)+IF(Input!$D$21=4,L5687*Input!$C$21,0)+IF(Input!$D$22=4,M5687*Input!$C$22,0)</f>
        <v>0</v>
      </c>
      <c r="R5687" s="58">
        <v>45.767207087317516</v>
      </c>
      <c r="S5687" s="124">
        <f t="shared" si="88"/>
        <v>0.55364100869273869</v>
      </c>
    </row>
    <row r="5688" spans="8:19" x14ac:dyDescent="0.3">
      <c r="H5688" s="44">
        <v>5681</v>
      </c>
      <c r="I5688" s="56">
        <f>Bühler!I5714</f>
        <v>0.11614846336211301</v>
      </c>
      <c r="J5688" s="59">
        <f>Bühler!J5714</f>
        <v>0.38716154454037677</v>
      </c>
      <c r="K5688" s="59">
        <f>Bühler!K5714</f>
        <v>0.5807423168105651</v>
      </c>
      <c r="L5688" s="59">
        <f>Bühler!L5714</f>
        <v>9.5627706890777624</v>
      </c>
      <c r="M5688" s="58">
        <f>Bühler!M5714</f>
        <v>0</v>
      </c>
      <c r="N5688" s="56">
        <f>IF(Input!$D$19=1,J5688*Input!$C$19,0)+IF(Input!$D$20=1,K5688*Input!$C$20,0)+IF(Input!$D$21=1,L5688*Input!$C$21,0)+IF(Input!$D$22=1,M5688*Input!$C$22,0)</f>
        <v>0.11614846336211303</v>
      </c>
      <c r="O5688" s="59">
        <f>IF(Input!$D$19=2,J5688*Input!$C$19,0)+IF(Input!$D$20=2,K5688*Input!$C$20,0)+IF(Input!$D$21=2,L5688*Input!$C$21,0)+IF(Input!$D$22=2,M5688*Input!$C$22,0)</f>
        <v>0.29037115840528255</v>
      </c>
      <c r="P5688" s="59">
        <f>IF(Input!$D$19=3,J5688*Input!$C$19,0)+IF(Input!$D$20=3,K5688*Input!$C$20,0)+IF(Input!$D$21=3,L5688*Input!$C$21,0)+IF(Input!$D$22=3,M5688*Input!$C$22,0)</f>
        <v>0</v>
      </c>
      <c r="Q5688" s="75">
        <f>IF(Input!$D$19=4,J5688*Input!$C$19,0)+IF(Input!$D$20=4,K5688*Input!$C$20,0)+IF(Input!$D$21=4,L5688*Input!$C$21,0)+IF(Input!$D$22=4,M5688*Input!$C$22,0)</f>
        <v>0</v>
      </c>
      <c r="R5688" s="58">
        <v>45.408097312494967</v>
      </c>
      <c r="S5688" s="124">
        <f t="shared" si="88"/>
        <v>0.50331000790248981</v>
      </c>
    </row>
    <row r="5689" spans="8:19" x14ac:dyDescent="0.3">
      <c r="H5689" s="44">
        <v>5682</v>
      </c>
      <c r="I5689" s="56">
        <f>Bühler!I5715</f>
        <v>0.10453361702590172</v>
      </c>
      <c r="J5689" s="59">
        <f>Bühler!J5715</f>
        <v>0.34844539008633912</v>
      </c>
      <c r="K5689" s="59">
        <f>Bühler!K5715</f>
        <v>0.52266808512950869</v>
      </c>
      <c r="L5689" s="59">
        <f>Bühler!L5715</f>
        <v>8.6064936201699851</v>
      </c>
      <c r="M5689" s="58">
        <f>Bühler!M5715</f>
        <v>0</v>
      </c>
      <c r="N5689" s="56">
        <f>IF(Input!$D$19=1,J5689*Input!$C$19,0)+IF(Input!$D$20=1,K5689*Input!$C$20,0)+IF(Input!$D$21=1,L5689*Input!$C$21,0)+IF(Input!$D$22=1,M5689*Input!$C$22,0)</f>
        <v>0.10453361702590173</v>
      </c>
      <c r="O5689" s="59">
        <f>IF(Input!$D$19=2,J5689*Input!$C$19,0)+IF(Input!$D$20=2,K5689*Input!$C$20,0)+IF(Input!$D$21=2,L5689*Input!$C$21,0)+IF(Input!$D$22=2,M5689*Input!$C$22,0)</f>
        <v>0.26133404256475434</v>
      </c>
      <c r="P5689" s="59">
        <f>IF(Input!$D$19=3,J5689*Input!$C$19,0)+IF(Input!$D$20=3,K5689*Input!$C$20,0)+IF(Input!$D$21=3,L5689*Input!$C$21,0)+IF(Input!$D$22=3,M5689*Input!$C$22,0)</f>
        <v>0</v>
      </c>
      <c r="Q5689" s="75">
        <f>IF(Input!$D$19=4,J5689*Input!$C$19,0)+IF(Input!$D$20=4,K5689*Input!$C$20,0)+IF(Input!$D$21=4,L5689*Input!$C$21,0)+IF(Input!$D$22=4,M5689*Input!$C$22,0)</f>
        <v>0</v>
      </c>
      <c r="R5689" s="58">
        <v>44.190916873559345</v>
      </c>
      <c r="S5689" s="124">
        <f t="shared" si="88"/>
        <v>0.45297900711224082</v>
      </c>
    </row>
    <row r="5690" spans="8:19" x14ac:dyDescent="0.3">
      <c r="H5690" s="44">
        <v>5683</v>
      </c>
      <c r="I5690" s="56">
        <f>Bühler!I5716</f>
        <v>0.10066200158049796</v>
      </c>
      <c r="J5690" s="59">
        <f>Bühler!J5716</f>
        <v>0.33554000526832656</v>
      </c>
      <c r="K5690" s="59">
        <f>Bühler!K5716</f>
        <v>0.50331000790248981</v>
      </c>
      <c r="L5690" s="59">
        <f>Bühler!L5716</f>
        <v>8.2877345972007248</v>
      </c>
      <c r="M5690" s="58">
        <f>Bühler!M5716</f>
        <v>0</v>
      </c>
      <c r="N5690" s="56">
        <f>IF(Input!$D$19=1,J5690*Input!$C$19,0)+IF(Input!$D$20=1,K5690*Input!$C$20,0)+IF(Input!$D$21=1,L5690*Input!$C$21,0)+IF(Input!$D$22=1,M5690*Input!$C$22,0)</f>
        <v>0.10066200158049797</v>
      </c>
      <c r="O5690" s="59">
        <f>IF(Input!$D$19=2,J5690*Input!$C$19,0)+IF(Input!$D$20=2,K5690*Input!$C$20,0)+IF(Input!$D$21=2,L5690*Input!$C$21,0)+IF(Input!$D$22=2,M5690*Input!$C$22,0)</f>
        <v>0.2516550039512449</v>
      </c>
      <c r="P5690" s="59">
        <f>IF(Input!$D$19=3,J5690*Input!$C$19,0)+IF(Input!$D$20=3,K5690*Input!$C$20,0)+IF(Input!$D$21=3,L5690*Input!$C$21,0)+IF(Input!$D$22=3,M5690*Input!$C$22,0)</f>
        <v>0</v>
      </c>
      <c r="Q5690" s="75">
        <f>IF(Input!$D$19=4,J5690*Input!$C$19,0)+IF(Input!$D$20=4,K5690*Input!$C$20,0)+IF(Input!$D$21=4,L5690*Input!$C$21,0)+IF(Input!$D$22=4,M5690*Input!$C$22,0)</f>
        <v>0</v>
      </c>
      <c r="R5690" s="58">
        <v>42.917009768092662</v>
      </c>
      <c r="S5690" s="124">
        <f t="shared" si="88"/>
        <v>0.43620200684882449</v>
      </c>
    </row>
    <row r="5691" spans="8:19" x14ac:dyDescent="0.3">
      <c r="H5691" s="44">
        <v>5684</v>
      </c>
      <c r="I5691" s="56">
        <f>Bühler!I5717</f>
        <v>8.1303924353479107E-2</v>
      </c>
      <c r="J5691" s="59">
        <f>Bühler!J5717</f>
        <v>0.27101308117826373</v>
      </c>
      <c r="K5691" s="59">
        <f>Bühler!K5717</f>
        <v>0.40651962176739559</v>
      </c>
      <c r="L5691" s="59">
        <f>Bühler!L5717</f>
        <v>6.6939394823544323</v>
      </c>
      <c r="M5691" s="58">
        <f>Bühler!M5717</f>
        <v>0</v>
      </c>
      <c r="N5691" s="56">
        <f>IF(Input!$D$19=1,J5691*Input!$C$19,0)+IF(Input!$D$20=1,K5691*Input!$C$20,0)+IF(Input!$D$21=1,L5691*Input!$C$21,0)+IF(Input!$D$22=1,M5691*Input!$C$22,0)</f>
        <v>8.1303924353479121E-2</v>
      </c>
      <c r="O5691" s="59">
        <f>IF(Input!$D$19=2,J5691*Input!$C$19,0)+IF(Input!$D$20=2,K5691*Input!$C$20,0)+IF(Input!$D$21=2,L5691*Input!$C$21,0)+IF(Input!$D$22=2,M5691*Input!$C$22,0)</f>
        <v>0.20325981088369779</v>
      </c>
      <c r="P5691" s="59">
        <f>IF(Input!$D$19=3,J5691*Input!$C$19,0)+IF(Input!$D$20=3,K5691*Input!$C$20,0)+IF(Input!$D$21=3,L5691*Input!$C$21,0)+IF(Input!$D$22=3,M5691*Input!$C$22,0)</f>
        <v>0</v>
      </c>
      <c r="Q5691" s="75">
        <f>IF(Input!$D$19=4,J5691*Input!$C$19,0)+IF(Input!$D$20=4,K5691*Input!$C$20,0)+IF(Input!$D$21=4,L5691*Input!$C$21,0)+IF(Input!$D$22=4,M5691*Input!$C$22,0)</f>
        <v>0</v>
      </c>
      <c r="R5691" s="58">
        <v>42.494986348560836</v>
      </c>
      <c r="S5691" s="124">
        <f t="shared" si="88"/>
        <v>0.35231700553174283</v>
      </c>
    </row>
    <row r="5692" spans="8:19" x14ac:dyDescent="0.3">
      <c r="H5692" s="44">
        <v>5685</v>
      </c>
      <c r="I5692" s="56">
        <f>Bühler!I5718</f>
        <v>6.0010039403758389E-2</v>
      </c>
      <c r="J5692" s="59">
        <f>Bühler!J5718</f>
        <v>0.20003346467919467</v>
      </c>
      <c r="K5692" s="59">
        <f>Bühler!K5718</f>
        <v>0.30005019701879199</v>
      </c>
      <c r="L5692" s="59">
        <f>Bühler!L5718</f>
        <v>4.9407648560235087</v>
      </c>
      <c r="M5692" s="58">
        <f>Bühler!M5718</f>
        <v>0</v>
      </c>
      <c r="N5692" s="56">
        <f>IF(Input!$D$19=1,J5692*Input!$C$19,0)+IF(Input!$D$20=1,K5692*Input!$C$20,0)+IF(Input!$D$21=1,L5692*Input!$C$21,0)+IF(Input!$D$22=1,M5692*Input!$C$22,0)</f>
        <v>6.0010039403758396E-2</v>
      </c>
      <c r="O5692" s="59">
        <f>IF(Input!$D$19=2,J5692*Input!$C$19,0)+IF(Input!$D$20=2,K5692*Input!$C$20,0)+IF(Input!$D$21=2,L5692*Input!$C$21,0)+IF(Input!$D$22=2,M5692*Input!$C$22,0)</f>
        <v>0.15002509850939599</v>
      </c>
      <c r="P5692" s="59">
        <f>IF(Input!$D$19=3,J5692*Input!$C$19,0)+IF(Input!$D$20=3,K5692*Input!$C$20,0)+IF(Input!$D$21=3,L5692*Input!$C$21,0)+IF(Input!$D$22=3,M5692*Input!$C$22,0)</f>
        <v>0</v>
      </c>
      <c r="Q5692" s="75">
        <f>IF(Input!$D$19=4,J5692*Input!$C$19,0)+IF(Input!$D$20=4,K5692*Input!$C$20,0)+IF(Input!$D$21=4,L5692*Input!$C$21,0)+IF(Input!$D$22=4,M5692*Input!$C$22,0)</f>
        <v>0</v>
      </c>
      <c r="R5692" s="58">
        <v>41.55931697662767</v>
      </c>
      <c r="S5692" s="124">
        <f t="shared" si="88"/>
        <v>0.26004350408295307</v>
      </c>
    </row>
    <row r="5693" spans="8:19" x14ac:dyDescent="0.3">
      <c r="H5693" s="44">
        <v>5686</v>
      </c>
      <c r="I5693" s="56">
        <f>Bühler!I5719</f>
        <v>6.0010039403758389E-2</v>
      </c>
      <c r="J5693" s="59">
        <f>Bühler!J5719</f>
        <v>0.20003346467919467</v>
      </c>
      <c r="K5693" s="59">
        <f>Bühler!K5719</f>
        <v>0.30005019701879199</v>
      </c>
      <c r="L5693" s="59">
        <f>Bühler!L5719</f>
        <v>4.9407648560235087</v>
      </c>
      <c r="M5693" s="58">
        <f>Bühler!M5719</f>
        <v>0</v>
      </c>
      <c r="N5693" s="56">
        <f>IF(Input!$D$19=1,J5693*Input!$C$19,0)+IF(Input!$D$20=1,K5693*Input!$C$20,0)+IF(Input!$D$21=1,L5693*Input!$C$21,0)+IF(Input!$D$22=1,M5693*Input!$C$22,0)</f>
        <v>6.0010039403758396E-2</v>
      </c>
      <c r="O5693" s="59">
        <f>IF(Input!$D$19=2,J5693*Input!$C$19,0)+IF(Input!$D$20=2,K5693*Input!$C$20,0)+IF(Input!$D$21=2,L5693*Input!$C$21,0)+IF(Input!$D$22=2,M5693*Input!$C$22,0)</f>
        <v>0.15002509850939599</v>
      </c>
      <c r="P5693" s="59">
        <f>IF(Input!$D$19=3,J5693*Input!$C$19,0)+IF(Input!$D$20=3,K5693*Input!$C$20,0)+IF(Input!$D$21=3,L5693*Input!$C$21,0)+IF(Input!$D$22=3,M5693*Input!$C$22,0)</f>
        <v>0</v>
      </c>
      <c r="Q5693" s="75">
        <f>IF(Input!$D$19=4,J5693*Input!$C$19,0)+IF(Input!$D$20=4,K5693*Input!$C$20,0)+IF(Input!$D$21=4,L5693*Input!$C$21,0)+IF(Input!$D$22=4,M5693*Input!$C$22,0)</f>
        <v>0</v>
      </c>
      <c r="R5693" s="58">
        <v>41.199297398799878</v>
      </c>
      <c r="S5693" s="124">
        <f t="shared" si="88"/>
        <v>0.26004350408295307</v>
      </c>
    </row>
    <row r="5694" spans="8:19" x14ac:dyDescent="0.3">
      <c r="H5694" s="44">
        <v>5687</v>
      </c>
      <c r="I5694" s="56">
        <f>Bühler!I5720</f>
        <v>6.0010039403758389E-2</v>
      </c>
      <c r="J5694" s="59">
        <f>Bühler!J5720</f>
        <v>0.20003346467919467</v>
      </c>
      <c r="K5694" s="59">
        <f>Bühler!K5720</f>
        <v>0.30005019701879199</v>
      </c>
      <c r="L5694" s="59">
        <f>Bühler!L5720</f>
        <v>4.9407648560235087</v>
      </c>
      <c r="M5694" s="58">
        <f>Bühler!M5720</f>
        <v>0</v>
      </c>
      <c r="N5694" s="56">
        <f>IF(Input!$D$19=1,J5694*Input!$C$19,0)+IF(Input!$D$20=1,K5694*Input!$C$20,0)+IF(Input!$D$21=1,L5694*Input!$C$21,0)+IF(Input!$D$22=1,M5694*Input!$C$22,0)</f>
        <v>6.0010039403758396E-2</v>
      </c>
      <c r="O5694" s="59">
        <f>IF(Input!$D$19=2,J5694*Input!$C$19,0)+IF(Input!$D$20=2,K5694*Input!$C$20,0)+IF(Input!$D$21=2,L5694*Input!$C$21,0)+IF(Input!$D$22=2,M5694*Input!$C$22,0)</f>
        <v>0.15002509850939599</v>
      </c>
      <c r="P5694" s="59">
        <f>IF(Input!$D$19=3,J5694*Input!$C$19,0)+IF(Input!$D$20=3,K5694*Input!$C$20,0)+IF(Input!$D$21=3,L5694*Input!$C$21,0)+IF(Input!$D$22=3,M5694*Input!$C$22,0)</f>
        <v>0</v>
      </c>
      <c r="Q5694" s="75">
        <f>IF(Input!$D$19=4,J5694*Input!$C$19,0)+IF(Input!$D$20=4,K5694*Input!$C$20,0)+IF(Input!$D$21=4,L5694*Input!$C$21,0)+IF(Input!$D$22=4,M5694*Input!$C$22,0)</f>
        <v>0</v>
      </c>
      <c r="R5694" s="58">
        <v>40.57436174436976</v>
      </c>
      <c r="S5694" s="124">
        <f t="shared" si="88"/>
        <v>0.26004350408295307</v>
      </c>
    </row>
    <row r="5695" spans="8:19" x14ac:dyDescent="0.3">
      <c r="H5695" s="44">
        <v>5688</v>
      </c>
      <c r="I5695" s="56">
        <f>Bühler!I5721</f>
        <v>6.0010039403758389E-2</v>
      </c>
      <c r="J5695" s="59">
        <f>Bühler!J5721</f>
        <v>0.20003346467919467</v>
      </c>
      <c r="K5695" s="59">
        <f>Bühler!K5721</f>
        <v>0.30005019701879199</v>
      </c>
      <c r="L5695" s="59">
        <f>Bühler!L5721</f>
        <v>4.9407648560235087</v>
      </c>
      <c r="M5695" s="58">
        <f>Bühler!M5721</f>
        <v>0</v>
      </c>
      <c r="N5695" s="56">
        <f>IF(Input!$D$19=1,J5695*Input!$C$19,0)+IF(Input!$D$20=1,K5695*Input!$C$20,0)+IF(Input!$D$21=1,L5695*Input!$C$21,0)+IF(Input!$D$22=1,M5695*Input!$C$22,0)</f>
        <v>6.0010039403758396E-2</v>
      </c>
      <c r="O5695" s="59">
        <f>IF(Input!$D$19=2,J5695*Input!$C$19,0)+IF(Input!$D$20=2,K5695*Input!$C$20,0)+IF(Input!$D$21=2,L5695*Input!$C$21,0)+IF(Input!$D$22=2,M5695*Input!$C$22,0)</f>
        <v>0.15002509850939599</v>
      </c>
      <c r="P5695" s="59">
        <f>IF(Input!$D$19=3,J5695*Input!$C$19,0)+IF(Input!$D$20=3,K5695*Input!$C$20,0)+IF(Input!$D$21=3,L5695*Input!$C$21,0)+IF(Input!$D$22=3,M5695*Input!$C$22,0)</f>
        <v>0</v>
      </c>
      <c r="Q5695" s="75">
        <f>IF(Input!$D$19=4,J5695*Input!$C$19,0)+IF(Input!$D$20=4,K5695*Input!$C$20,0)+IF(Input!$D$21=4,L5695*Input!$C$21,0)+IF(Input!$D$22=4,M5695*Input!$C$22,0)</f>
        <v>0</v>
      </c>
      <c r="R5695" s="58">
        <v>40.269666411340623</v>
      </c>
      <c r="S5695" s="124">
        <f t="shared" si="88"/>
        <v>0.26004350408295307</v>
      </c>
    </row>
    <row r="5696" spans="8:19" x14ac:dyDescent="0.3">
      <c r="H5696" s="44">
        <v>5689</v>
      </c>
      <c r="I5696" s="56">
        <f>Bühler!I5722</f>
        <v>6.9730083923544434E-2</v>
      </c>
      <c r="J5696" s="59">
        <f>Bühler!J5722</f>
        <v>0.23243361307848148</v>
      </c>
      <c r="K5696" s="59">
        <f>Bühler!K5722</f>
        <v>0.34865041961772225</v>
      </c>
      <c r="L5696" s="59">
        <f>Bühler!L5722</f>
        <v>5.6786433567646855</v>
      </c>
      <c r="M5696" s="58">
        <f>Bühler!M5722</f>
        <v>0</v>
      </c>
      <c r="N5696" s="56">
        <f>IF(Input!$D$19=1,J5696*Input!$C$19,0)+IF(Input!$D$20=1,K5696*Input!$C$20,0)+IF(Input!$D$21=1,L5696*Input!$C$21,0)+IF(Input!$D$22=1,M5696*Input!$C$22,0)</f>
        <v>6.9730083923544448E-2</v>
      </c>
      <c r="O5696" s="59">
        <f>IF(Input!$D$19=2,J5696*Input!$C$19,0)+IF(Input!$D$20=2,K5696*Input!$C$20,0)+IF(Input!$D$21=2,L5696*Input!$C$21,0)+IF(Input!$D$22=2,M5696*Input!$C$22,0)</f>
        <v>0.17432520980886113</v>
      </c>
      <c r="P5696" s="59">
        <f>IF(Input!$D$19=3,J5696*Input!$C$19,0)+IF(Input!$D$20=3,K5696*Input!$C$20,0)+IF(Input!$D$21=3,L5696*Input!$C$21,0)+IF(Input!$D$22=3,M5696*Input!$C$22,0)</f>
        <v>0</v>
      </c>
      <c r="Q5696" s="75">
        <f>IF(Input!$D$19=4,J5696*Input!$C$19,0)+IF(Input!$D$20=4,K5696*Input!$C$20,0)+IF(Input!$D$21=4,L5696*Input!$C$21,0)+IF(Input!$D$22=4,M5696*Input!$C$22,0)</f>
        <v>0</v>
      </c>
      <c r="R5696" s="58">
        <v>40.02043893492413</v>
      </c>
      <c r="S5696" s="124">
        <f t="shared" si="88"/>
        <v>0.30216369700202594</v>
      </c>
    </row>
    <row r="5697" spans="8:19" x14ac:dyDescent="0.3">
      <c r="H5697" s="44">
        <v>5690</v>
      </c>
      <c r="I5697" s="56">
        <f>Bühler!I5723</f>
        <v>8.0976871653148375E-2</v>
      </c>
      <c r="J5697" s="59">
        <f>Bühler!J5723</f>
        <v>0.26992290551049464</v>
      </c>
      <c r="K5697" s="59">
        <f>Bühler!K5723</f>
        <v>0.40488435826574193</v>
      </c>
      <c r="L5697" s="59">
        <f>Bühler!L5723</f>
        <v>6.5945535755976987</v>
      </c>
      <c r="M5697" s="58">
        <f>Bühler!M5723</f>
        <v>0</v>
      </c>
      <c r="N5697" s="56">
        <f>IF(Input!$D$19=1,J5697*Input!$C$19,0)+IF(Input!$D$20=1,K5697*Input!$C$20,0)+IF(Input!$D$21=1,L5697*Input!$C$21,0)+IF(Input!$D$22=1,M5697*Input!$C$22,0)</f>
        <v>8.0976871653148388E-2</v>
      </c>
      <c r="O5697" s="59">
        <f>IF(Input!$D$19=2,J5697*Input!$C$19,0)+IF(Input!$D$20=2,K5697*Input!$C$20,0)+IF(Input!$D$21=2,L5697*Input!$C$21,0)+IF(Input!$D$22=2,M5697*Input!$C$22,0)</f>
        <v>0.20244217913287096</v>
      </c>
      <c r="P5697" s="59">
        <f>IF(Input!$D$19=3,J5697*Input!$C$19,0)+IF(Input!$D$20=3,K5697*Input!$C$20,0)+IF(Input!$D$21=3,L5697*Input!$C$21,0)+IF(Input!$D$22=3,M5697*Input!$C$22,0)</f>
        <v>0</v>
      </c>
      <c r="Q5697" s="75">
        <f>IF(Input!$D$19=4,J5697*Input!$C$19,0)+IF(Input!$D$20=4,K5697*Input!$C$20,0)+IF(Input!$D$21=4,L5697*Input!$C$21,0)+IF(Input!$D$22=4,M5697*Input!$C$22,0)</f>
        <v>0</v>
      </c>
      <c r="R5697" s="58">
        <v>39.772028606198845</v>
      </c>
      <c r="S5697" s="124">
        <f t="shared" si="88"/>
        <v>0.35089977716364301</v>
      </c>
    </row>
    <row r="5698" spans="8:19" x14ac:dyDescent="0.3">
      <c r="H5698" s="44">
        <v>5691</v>
      </c>
      <c r="I5698" s="56">
        <f>Bühler!I5724</f>
        <v>8.0976871653148375E-2</v>
      </c>
      <c r="J5698" s="59">
        <f>Bühler!J5724</f>
        <v>0.26992290551049464</v>
      </c>
      <c r="K5698" s="59">
        <f>Bühler!K5724</f>
        <v>0.40488435826574193</v>
      </c>
      <c r="L5698" s="59">
        <f>Bühler!L5724</f>
        <v>6.5945535755976987</v>
      </c>
      <c r="M5698" s="58">
        <f>Bühler!M5724</f>
        <v>0</v>
      </c>
      <c r="N5698" s="56">
        <f>IF(Input!$D$19=1,J5698*Input!$C$19,0)+IF(Input!$D$20=1,K5698*Input!$C$20,0)+IF(Input!$D$21=1,L5698*Input!$C$21,0)+IF(Input!$D$22=1,M5698*Input!$C$22,0)</f>
        <v>8.0976871653148388E-2</v>
      </c>
      <c r="O5698" s="59">
        <f>IF(Input!$D$19=2,J5698*Input!$C$19,0)+IF(Input!$D$20=2,K5698*Input!$C$20,0)+IF(Input!$D$21=2,L5698*Input!$C$21,0)+IF(Input!$D$22=2,M5698*Input!$C$22,0)</f>
        <v>0.20244217913287096</v>
      </c>
      <c r="P5698" s="59">
        <f>IF(Input!$D$19=3,J5698*Input!$C$19,0)+IF(Input!$D$20=3,K5698*Input!$C$20,0)+IF(Input!$D$21=3,L5698*Input!$C$21,0)+IF(Input!$D$22=3,M5698*Input!$C$22,0)</f>
        <v>0</v>
      </c>
      <c r="Q5698" s="75">
        <f>IF(Input!$D$19=4,J5698*Input!$C$19,0)+IF(Input!$D$20=4,K5698*Input!$C$20,0)+IF(Input!$D$21=4,L5698*Input!$C$21,0)+IF(Input!$D$22=4,M5698*Input!$C$22,0)</f>
        <v>0</v>
      </c>
      <c r="R5698" s="58">
        <v>39.181700751088293</v>
      </c>
      <c r="S5698" s="124">
        <f t="shared" si="88"/>
        <v>0.35089977716364301</v>
      </c>
    </row>
    <row r="5699" spans="8:19" x14ac:dyDescent="0.3">
      <c r="H5699" s="44">
        <v>5692</v>
      </c>
      <c r="I5699" s="56">
        <f>Bühler!I5725</f>
        <v>8.0976871653148375E-2</v>
      </c>
      <c r="J5699" s="59">
        <f>Bühler!J5725</f>
        <v>0.26992290551049464</v>
      </c>
      <c r="K5699" s="59">
        <f>Bühler!K5725</f>
        <v>0.40488435826574193</v>
      </c>
      <c r="L5699" s="59">
        <f>Bühler!L5725</f>
        <v>6.5945535755976987</v>
      </c>
      <c r="M5699" s="58">
        <f>Bühler!M5725</f>
        <v>0</v>
      </c>
      <c r="N5699" s="56">
        <f>IF(Input!$D$19=1,J5699*Input!$C$19,0)+IF(Input!$D$20=1,K5699*Input!$C$20,0)+IF(Input!$D$21=1,L5699*Input!$C$21,0)+IF(Input!$D$22=1,M5699*Input!$C$22,0)</f>
        <v>8.0976871653148388E-2</v>
      </c>
      <c r="O5699" s="59">
        <f>IF(Input!$D$19=2,J5699*Input!$C$19,0)+IF(Input!$D$20=2,K5699*Input!$C$20,0)+IF(Input!$D$21=2,L5699*Input!$C$21,0)+IF(Input!$D$22=2,M5699*Input!$C$22,0)</f>
        <v>0.20244217913287096</v>
      </c>
      <c r="P5699" s="59">
        <f>IF(Input!$D$19=3,J5699*Input!$C$19,0)+IF(Input!$D$20=3,K5699*Input!$C$20,0)+IF(Input!$D$21=3,L5699*Input!$C$21,0)+IF(Input!$D$22=3,M5699*Input!$C$22,0)</f>
        <v>0</v>
      </c>
      <c r="Q5699" s="75">
        <f>IF(Input!$D$19=4,J5699*Input!$C$19,0)+IF(Input!$D$20=4,K5699*Input!$C$20,0)+IF(Input!$D$21=4,L5699*Input!$C$21,0)+IF(Input!$D$22=4,M5699*Input!$C$22,0)</f>
        <v>0</v>
      </c>
      <c r="R5699" s="58">
        <v>39.233373662573861</v>
      </c>
      <c r="S5699" s="124">
        <f t="shared" si="88"/>
        <v>0.35089977716364301</v>
      </c>
    </row>
    <row r="5700" spans="8:19" x14ac:dyDescent="0.3">
      <c r="H5700" s="44">
        <v>5693</v>
      </c>
      <c r="I5700" s="56">
        <f>Bühler!I5726</f>
        <v>8.0976871653148375E-2</v>
      </c>
      <c r="J5700" s="59">
        <f>Bühler!J5726</f>
        <v>0.26992290551049464</v>
      </c>
      <c r="K5700" s="59">
        <f>Bühler!K5726</f>
        <v>0.40488435826574193</v>
      </c>
      <c r="L5700" s="59">
        <f>Bühler!L5726</f>
        <v>6.5945535755976987</v>
      </c>
      <c r="M5700" s="58">
        <f>Bühler!M5726</f>
        <v>0</v>
      </c>
      <c r="N5700" s="56">
        <f>IF(Input!$D$19=1,J5700*Input!$C$19,0)+IF(Input!$D$20=1,K5700*Input!$C$20,0)+IF(Input!$D$21=1,L5700*Input!$C$21,0)+IF(Input!$D$22=1,M5700*Input!$C$22,0)</f>
        <v>8.0976871653148388E-2</v>
      </c>
      <c r="O5700" s="59">
        <f>IF(Input!$D$19=2,J5700*Input!$C$19,0)+IF(Input!$D$20=2,K5700*Input!$C$20,0)+IF(Input!$D$21=2,L5700*Input!$C$21,0)+IF(Input!$D$22=2,M5700*Input!$C$22,0)</f>
        <v>0.20244217913287096</v>
      </c>
      <c r="P5700" s="59">
        <f>IF(Input!$D$19=3,J5700*Input!$C$19,0)+IF(Input!$D$20=3,K5700*Input!$C$20,0)+IF(Input!$D$21=3,L5700*Input!$C$21,0)+IF(Input!$D$22=3,M5700*Input!$C$22,0)</f>
        <v>0</v>
      </c>
      <c r="Q5700" s="75">
        <f>IF(Input!$D$19=4,J5700*Input!$C$19,0)+IF(Input!$D$20=4,K5700*Input!$C$20,0)+IF(Input!$D$21=4,L5700*Input!$C$21,0)+IF(Input!$D$22=4,M5700*Input!$C$22,0)</f>
        <v>0</v>
      </c>
      <c r="R5700" s="58">
        <v>38.616349720665603</v>
      </c>
      <c r="S5700" s="124">
        <f t="shared" si="88"/>
        <v>0.35089977716364301</v>
      </c>
    </row>
    <row r="5701" spans="8:19" x14ac:dyDescent="0.3">
      <c r="H5701" s="44">
        <v>5694</v>
      </c>
      <c r="I5701" s="56">
        <f>Bühler!I5727</f>
        <v>0.10122108956643547</v>
      </c>
      <c r="J5701" s="59">
        <f>Bühler!J5727</f>
        <v>0.33740363188811823</v>
      </c>
      <c r="K5701" s="59">
        <f>Bühler!K5727</f>
        <v>0.50610544783217737</v>
      </c>
      <c r="L5701" s="59">
        <f>Bühler!L5727</f>
        <v>8.2431919694971221</v>
      </c>
      <c r="M5701" s="58">
        <f>Bühler!M5727</f>
        <v>0</v>
      </c>
      <c r="N5701" s="56">
        <f>IF(Input!$D$19=1,J5701*Input!$C$19,0)+IF(Input!$D$20=1,K5701*Input!$C$20,0)+IF(Input!$D$21=1,L5701*Input!$C$21,0)+IF(Input!$D$22=1,M5701*Input!$C$22,0)</f>
        <v>0.10122108956643547</v>
      </c>
      <c r="O5701" s="59">
        <f>IF(Input!$D$19=2,J5701*Input!$C$19,0)+IF(Input!$D$20=2,K5701*Input!$C$20,0)+IF(Input!$D$21=2,L5701*Input!$C$21,0)+IF(Input!$D$22=2,M5701*Input!$C$22,0)</f>
        <v>0.25305272391608868</v>
      </c>
      <c r="P5701" s="59">
        <f>IF(Input!$D$19=3,J5701*Input!$C$19,0)+IF(Input!$D$20=3,K5701*Input!$C$20,0)+IF(Input!$D$21=3,L5701*Input!$C$21,0)+IF(Input!$D$22=3,M5701*Input!$C$22,0)</f>
        <v>0</v>
      </c>
      <c r="Q5701" s="75">
        <f>IF(Input!$D$19=4,J5701*Input!$C$19,0)+IF(Input!$D$20=4,K5701*Input!$C$20,0)+IF(Input!$D$21=4,L5701*Input!$C$21,0)+IF(Input!$D$22=4,M5701*Input!$C$22,0)</f>
        <v>0</v>
      </c>
      <c r="R5701" s="58">
        <v>38.670757591855669</v>
      </c>
      <c r="S5701" s="124">
        <f t="shared" si="88"/>
        <v>0.43862472145455367</v>
      </c>
    </row>
    <row r="5702" spans="8:19" x14ac:dyDescent="0.3">
      <c r="H5702" s="44">
        <v>5695</v>
      </c>
      <c r="I5702" s="56">
        <f>Bühler!I5728</f>
        <v>0.11921594993380179</v>
      </c>
      <c r="J5702" s="59">
        <f>Bühler!J5728</f>
        <v>0.39738649977933932</v>
      </c>
      <c r="K5702" s="59">
        <f>Bühler!K5728</f>
        <v>0.59607974966900901</v>
      </c>
      <c r="L5702" s="59">
        <f>Bühler!L5728</f>
        <v>9.7086483196299458</v>
      </c>
      <c r="M5702" s="58">
        <f>Bühler!M5728</f>
        <v>0</v>
      </c>
      <c r="N5702" s="56">
        <f>IF(Input!$D$19=1,J5702*Input!$C$19,0)+IF(Input!$D$20=1,K5702*Input!$C$20,0)+IF(Input!$D$21=1,L5702*Input!$C$21,0)+IF(Input!$D$22=1,M5702*Input!$C$22,0)</f>
        <v>0.11921594993380179</v>
      </c>
      <c r="O5702" s="59">
        <f>IF(Input!$D$19=2,J5702*Input!$C$19,0)+IF(Input!$D$20=2,K5702*Input!$C$20,0)+IF(Input!$D$21=2,L5702*Input!$C$21,0)+IF(Input!$D$22=2,M5702*Input!$C$22,0)</f>
        <v>0.2980398748345045</v>
      </c>
      <c r="P5702" s="59">
        <f>IF(Input!$D$19=3,J5702*Input!$C$19,0)+IF(Input!$D$20=3,K5702*Input!$C$20,0)+IF(Input!$D$21=3,L5702*Input!$C$21,0)+IF(Input!$D$22=3,M5702*Input!$C$22,0)</f>
        <v>0</v>
      </c>
      <c r="Q5702" s="75">
        <f>IF(Input!$D$19=4,J5702*Input!$C$19,0)+IF(Input!$D$20=4,K5702*Input!$C$20,0)+IF(Input!$D$21=4,L5702*Input!$C$21,0)+IF(Input!$D$22=4,M5702*Input!$C$22,0)</f>
        <v>0</v>
      </c>
      <c r="R5702" s="58">
        <v>38.958075875776736</v>
      </c>
      <c r="S5702" s="124">
        <f t="shared" si="88"/>
        <v>0.51660244971314107</v>
      </c>
    </row>
    <row r="5703" spans="8:19" x14ac:dyDescent="0.3">
      <c r="H5703" s="44">
        <v>5696</v>
      </c>
      <c r="I5703" s="56">
        <f>Bühler!I5729</f>
        <v>0.14170952539300966</v>
      </c>
      <c r="J5703" s="59">
        <f>Bühler!J5729</f>
        <v>0.47236508464336557</v>
      </c>
      <c r="K5703" s="59">
        <f>Bühler!K5729</f>
        <v>0.70854762696504836</v>
      </c>
      <c r="L5703" s="59">
        <f>Bühler!L5729</f>
        <v>11.540468757295972</v>
      </c>
      <c r="M5703" s="58">
        <f>Bühler!M5729</f>
        <v>0</v>
      </c>
      <c r="N5703" s="56">
        <f>IF(Input!$D$19=1,J5703*Input!$C$19,0)+IF(Input!$D$20=1,K5703*Input!$C$20,0)+IF(Input!$D$21=1,L5703*Input!$C$21,0)+IF(Input!$D$22=1,M5703*Input!$C$22,0)</f>
        <v>0.14170952539300966</v>
      </c>
      <c r="O5703" s="59">
        <f>IF(Input!$D$19=2,J5703*Input!$C$19,0)+IF(Input!$D$20=2,K5703*Input!$C$20,0)+IF(Input!$D$21=2,L5703*Input!$C$21,0)+IF(Input!$D$22=2,M5703*Input!$C$22,0)</f>
        <v>0.35427381348252418</v>
      </c>
      <c r="P5703" s="59">
        <f>IF(Input!$D$19=3,J5703*Input!$C$19,0)+IF(Input!$D$20=3,K5703*Input!$C$20,0)+IF(Input!$D$21=3,L5703*Input!$C$21,0)+IF(Input!$D$22=3,M5703*Input!$C$22,0)</f>
        <v>0</v>
      </c>
      <c r="Q5703" s="75">
        <f>IF(Input!$D$19=4,J5703*Input!$C$19,0)+IF(Input!$D$20=4,K5703*Input!$C$20,0)+IF(Input!$D$21=4,L5703*Input!$C$21,0)+IF(Input!$D$22=4,M5703*Input!$C$22,0)</f>
        <v>0</v>
      </c>
      <c r="R5703" s="58">
        <v>38.626139880421924</v>
      </c>
      <c r="S5703" s="124">
        <f t="shared" si="88"/>
        <v>0.6140746100363752</v>
      </c>
    </row>
    <row r="5704" spans="8:19" x14ac:dyDescent="0.3">
      <c r="H5704" s="44">
        <v>5697</v>
      </c>
      <c r="I5704" s="56">
        <f>Bühler!I5730</f>
        <v>0.14170952539300966</v>
      </c>
      <c r="J5704" s="59">
        <f>Bühler!J5730</f>
        <v>0.47236508464336557</v>
      </c>
      <c r="K5704" s="59">
        <f>Bühler!K5730</f>
        <v>0.70854762696504836</v>
      </c>
      <c r="L5704" s="59">
        <f>Bühler!L5730</f>
        <v>11.540468757295972</v>
      </c>
      <c r="M5704" s="58">
        <f>Bühler!M5730</f>
        <v>0</v>
      </c>
      <c r="N5704" s="56">
        <f>IF(Input!$D$19=1,J5704*Input!$C$19,0)+IF(Input!$D$20=1,K5704*Input!$C$20,0)+IF(Input!$D$21=1,L5704*Input!$C$21,0)+IF(Input!$D$22=1,M5704*Input!$C$22,0)</f>
        <v>0.14170952539300966</v>
      </c>
      <c r="O5704" s="59">
        <f>IF(Input!$D$19=2,J5704*Input!$C$19,0)+IF(Input!$D$20=2,K5704*Input!$C$20,0)+IF(Input!$D$21=2,L5704*Input!$C$21,0)+IF(Input!$D$22=2,M5704*Input!$C$22,0)</f>
        <v>0.35427381348252418</v>
      </c>
      <c r="P5704" s="59">
        <f>IF(Input!$D$19=3,J5704*Input!$C$19,0)+IF(Input!$D$20=3,K5704*Input!$C$20,0)+IF(Input!$D$21=3,L5704*Input!$C$21,0)+IF(Input!$D$22=3,M5704*Input!$C$22,0)</f>
        <v>0</v>
      </c>
      <c r="Q5704" s="75">
        <f>IF(Input!$D$19=4,J5704*Input!$C$19,0)+IF(Input!$D$20=4,K5704*Input!$C$20,0)+IF(Input!$D$21=4,L5704*Input!$C$21,0)+IF(Input!$D$22=4,M5704*Input!$C$22,0)</f>
        <v>0</v>
      </c>
      <c r="R5704" s="58">
        <v>38.612299679218808</v>
      </c>
      <c r="S5704" s="124">
        <f t="shared" si="88"/>
        <v>0.6140746100363752</v>
      </c>
    </row>
    <row r="5705" spans="8:19" x14ac:dyDescent="0.3">
      <c r="H5705" s="44">
        <v>5698</v>
      </c>
      <c r="I5705" s="56">
        <f>Bühler!I5731</f>
        <v>0.14170952539300966</v>
      </c>
      <c r="J5705" s="59">
        <f>Bühler!J5731</f>
        <v>0.47236508464336557</v>
      </c>
      <c r="K5705" s="59">
        <f>Bühler!K5731</f>
        <v>0.70854762696504836</v>
      </c>
      <c r="L5705" s="59">
        <f>Bühler!L5731</f>
        <v>11.540468757295972</v>
      </c>
      <c r="M5705" s="58">
        <f>Bühler!M5731</f>
        <v>0</v>
      </c>
      <c r="N5705" s="56">
        <f>IF(Input!$D$19=1,J5705*Input!$C$19,0)+IF(Input!$D$20=1,K5705*Input!$C$20,0)+IF(Input!$D$21=1,L5705*Input!$C$21,0)+IF(Input!$D$22=1,M5705*Input!$C$22,0)</f>
        <v>0.14170952539300966</v>
      </c>
      <c r="O5705" s="59">
        <f>IF(Input!$D$19=2,J5705*Input!$C$19,0)+IF(Input!$D$20=2,K5705*Input!$C$20,0)+IF(Input!$D$21=2,L5705*Input!$C$21,0)+IF(Input!$D$22=2,M5705*Input!$C$22,0)</f>
        <v>0.35427381348252418</v>
      </c>
      <c r="P5705" s="59">
        <f>IF(Input!$D$19=3,J5705*Input!$C$19,0)+IF(Input!$D$20=3,K5705*Input!$C$20,0)+IF(Input!$D$21=3,L5705*Input!$C$21,0)+IF(Input!$D$22=3,M5705*Input!$C$22,0)</f>
        <v>0</v>
      </c>
      <c r="Q5705" s="75">
        <f>IF(Input!$D$19=4,J5705*Input!$C$19,0)+IF(Input!$D$20=4,K5705*Input!$C$20,0)+IF(Input!$D$21=4,L5705*Input!$C$21,0)+IF(Input!$D$22=4,M5705*Input!$C$22,0)</f>
        <v>0</v>
      </c>
      <c r="R5705" s="58">
        <v>39.298739221086528</v>
      </c>
      <c r="S5705" s="124">
        <f t="shared" ref="S5705:S5768" si="89">I5705+J5705</f>
        <v>0.6140746100363752</v>
      </c>
    </row>
    <row r="5706" spans="8:19" x14ac:dyDescent="0.3">
      <c r="H5706" s="44">
        <v>5699</v>
      </c>
      <c r="I5706" s="56">
        <f>Bühler!I5732</f>
        <v>0.14170952539300966</v>
      </c>
      <c r="J5706" s="59">
        <f>Bühler!J5732</f>
        <v>0.47236508464336557</v>
      </c>
      <c r="K5706" s="59">
        <f>Bühler!K5732</f>
        <v>0.70854762696504836</v>
      </c>
      <c r="L5706" s="59">
        <f>Bühler!L5732</f>
        <v>11.540468757295972</v>
      </c>
      <c r="M5706" s="58">
        <f>Bühler!M5732</f>
        <v>0</v>
      </c>
      <c r="N5706" s="56">
        <f>IF(Input!$D$19=1,J5706*Input!$C$19,0)+IF(Input!$D$20=1,K5706*Input!$C$20,0)+IF(Input!$D$21=1,L5706*Input!$C$21,0)+IF(Input!$D$22=1,M5706*Input!$C$22,0)</f>
        <v>0.14170952539300966</v>
      </c>
      <c r="O5706" s="59">
        <f>IF(Input!$D$19=2,J5706*Input!$C$19,0)+IF(Input!$D$20=2,K5706*Input!$C$20,0)+IF(Input!$D$21=2,L5706*Input!$C$21,0)+IF(Input!$D$22=2,M5706*Input!$C$22,0)</f>
        <v>0.35427381348252418</v>
      </c>
      <c r="P5706" s="59">
        <f>IF(Input!$D$19=3,J5706*Input!$C$19,0)+IF(Input!$D$20=3,K5706*Input!$C$20,0)+IF(Input!$D$21=3,L5706*Input!$C$21,0)+IF(Input!$D$22=3,M5706*Input!$C$22,0)</f>
        <v>0</v>
      </c>
      <c r="Q5706" s="75">
        <f>IF(Input!$D$19=4,J5706*Input!$C$19,0)+IF(Input!$D$20=4,K5706*Input!$C$20,0)+IF(Input!$D$21=4,L5706*Input!$C$21,0)+IF(Input!$D$22=4,M5706*Input!$C$22,0)</f>
        <v>0</v>
      </c>
      <c r="R5706" s="58">
        <v>40.078549586270775</v>
      </c>
      <c r="S5706" s="124">
        <f t="shared" si="89"/>
        <v>0.6140746100363752</v>
      </c>
    </row>
    <row r="5707" spans="8:19" x14ac:dyDescent="0.3">
      <c r="H5707" s="44">
        <v>5700</v>
      </c>
      <c r="I5707" s="56">
        <f>Bühler!I5733</f>
        <v>0.14170952539300966</v>
      </c>
      <c r="J5707" s="59">
        <f>Bühler!J5733</f>
        <v>0.47236508464336557</v>
      </c>
      <c r="K5707" s="59">
        <f>Bühler!K5733</f>
        <v>0.70854762696504836</v>
      </c>
      <c r="L5707" s="59">
        <f>Bühler!L5733</f>
        <v>11.540468757295972</v>
      </c>
      <c r="M5707" s="58">
        <f>Bühler!M5733</f>
        <v>0</v>
      </c>
      <c r="N5707" s="56">
        <f>IF(Input!$D$19=1,J5707*Input!$C$19,0)+IF(Input!$D$20=1,K5707*Input!$C$20,0)+IF(Input!$D$21=1,L5707*Input!$C$21,0)+IF(Input!$D$22=1,M5707*Input!$C$22,0)</f>
        <v>0.14170952539300966</v>
      </c>
      <c r="O5707" s="59">
        <f>IF(Input!$D$19=2,J5707*Input!$C$19,0)+IF(Input!$D$20=2,K5707*Input!$C$20,0)+IF(Input!$D$21=2,L5707*Input!$C$21,0)+IF(Input!$D$22=2,M5707*Input!$C$22,0)</f>
        <v>0.35427381348252418</v>
      </c>
      <c r="P5707" s="59">
        <f>IF(Input!$D$19=3,J5707*Input!$C$19,0)+IF(Input!$D$20=3,K5707*Input!$C$20,0)+IF(Input!$D$21=3,L5707*Input!$C$21,0)+IF(Input!$D$22=3,M5707*Input!$C$22,0)</f>
        <v>0</v>
      </c>
      <c r="Q5707" s="75">
        <f>IF(Input!$D$19=4,J5707*Input!$C$19,0)+IF(Input!$D$20=4,K5707*Input!$C$20,0)+IF(Input!$D$21=4,L5707*Input!$C$21,0)+IF(Input!$D$22=4,M5707*Input!$C$22,0)</f>
        <v>0</v>
      </c>
      <c r="R5707" s="58">
        <v>40.193812110446743</v>
      </c>
      <c r="S5707" s="124">
        <f t="shared" si="89"/>
        <v>0.6140746100363752</v>
      </c>
    </row>
    <row r="5708" spans="8:19" x14ac:dyDescent="0.3">
      <c r="H5708" s="44">
        <v>5701</v>
      </c>
      <c r="I5708" s="56">
        <f>Bühler!I5734</f>
        <v>0.14170952539300966</v>
      </c>
      <c r="J5708" s="59">
        <f>Bühler!J5734</f>
        <v>0.47236508464336557</v>
      </c>
      <c r="K5708" s="59">
        <f>Bühler!K5734</f>
        <v>0.70854762696504836</v>
      </c>
      <c r="L5708" s="59">
        <f>Bühler!L5734</f>
        <v>11.540468757295972</v>
      </c>
      <c r="M5708" s="58">
        <f>Bühler!M5734</f>
        <v>0</v>
      </c>
      <c r="N5708" s="56">
        <f>IF(Input!$D$19=1,J5708*Input!$C$19,0)+IF(Input!$D$20=1,K5708*Input!$C$20,0)+IF(Input!$D$21=1,L5708*Input!$C$21,0)+IF(Input!$D$22=1,M5708*Input!$C$22,0)</f>
        <v>0.14170952539300966</v>
      </c>
      <c r="O5708" s="59">
        <f>IF(Input!$D$19=2,J5708*Input!$C$19,0)+IF(Input!$D$20=2,K5708*Input!$C$20,0)+IF(Input!$D$21=2,L5708*Input!$C$21,0)+IF(Input!$D$22=2,M5708*Input!$C$22,0)</f>
        <v>0.35427381348252418</v>
      </c>
      <c r="P5708" s="59">
        <f>IF(Input!$D$19=3,J5708*Input!$C$19,0)+IF(Input!$D$20=3,K5708*Input!$C$20,0)+IF(Input!$D$21=3,L5708*Input!$C$21,0)+IF(Input!$D$22=3,M5708*Input!$C$22,0)</f>
        <v>0</v>
      </c>
      <c r="Q5708" s="75">
        <f>IF(Input!$D$19=4,J5708*Input!$C$19,0)+IF(Input!$D$20=4,K5708*Input!$C$20,0)+IF(Input!$D$21=4,L5708*Input!$C$21,0)+IF(Input!$D$22=4,M5708*Input!$C$22,0)</f>
        <v>0</v>
      </c>
      <c r="R5708" s="58">
        <v>39.894331561279415</v>
      </c>
      <c r="S5708" s="124">
        <f t="shared" si="89"/>
        <v>0.6140746100363752</v>
      </c>
    </row>
    <row r="5709" spans="8:19" x14ac:dyDescent="0.3">
      <c r="H5709" s="44">
        <v>5702</v>
      </c>
      <c r="I5709" s="56">
        <f>Bühler!I5735</f>
        <v>0.14170952539300966</v>
      </c>
      <c r="J5709" s="59">
        <f>Bühler!J5735</f>
        <v>0.47236508464336557</v>
      </c>
      <c r="K5709" s="59">
        <f>Bühler!K5735</f>
        <v>0.70854762696504836</v>
      </c>
      <c r="L5709" s="59">
        <f>Bühler!L5735</f>
        <v>11.540468757295972</v>
      </c>
      <c r="M5709" s="58">
        <f>Bühler!M5735</f>
        <v>0</v>
      </c>
      <c r="N5709" s="56">
        <f>IF(Input!$D$19=1,J5709*Input!$C$19,0)+IF(Input!$D$20=1,K5709*Input!$C$20,0)+IF(Input!$D$21=1,L5709*Input!$C$21,0)+IF(Input!$D$22=1,M5709*Input!$C$22,0)</f>
        <v>0.14170952539300966</v>
      </c>
      <c r="O5709" s="59">
        <f>IF(Input!$D$19=2,J5709*Input!$C$19,0)+IF(Input!$D$20=2,K5709*Input!$C$20,0)+IF(Input!$D$21=2,L5709*Input!$C$21,0)+IF(Input!$D$22=2,M5709*Input!$C$22,0)</f>
        <v>0.35427381348252418</v>
      </c>
      <c r="P5709" s="59">
        <f>IF(Input!$D$19=3,J5709*Input!$C$19,0)+IF(Input!$D$20=3,K5709*Input!$C$20,0)+IF(Input!$D$21=3,L5709*Input!$C$21,0)+IF(Input!$D$22=3,M5709*Input!$C$22,0)</f>
        <v>0</v>
      </c>
      <c r="Q5709" s="75">
        <f>IF(Input!$D$19=4,J5709*Input!$C$19,0)+IF(Input!$D$20=4,K5709*Input!$C$20,0)+IF(Input!$D$21=4,L5709*Input!$C$21,0)+IF(Input!$D$22=4,M5709*Input!$C$22,0)</f>
        <v>0</v>
      </c>
      <c r="R5709" s="58">
        <v>39.986490510360525</v>
      </c>
      <c r="S5709" s="124">
        <f t="shared" si="89"/>
        <v>0.6140746100363752</v>
      </c>
    </row>
    <row r="5710" spans="8:19" x14ac:dyDescent="0.3">
      <c r="H5710" s="44">
        <v>5703</v>
      </c>
      <c r="I5710" s="56">
        <f>Bühler!I5736</f>
        <v>0.14170952539300966</v>
      </c>
      <c r="J5710" s="59">
        <f>Bühler!J5736</f>
        <v>0.47236508464336557</v>
      </c>
      <c r="K5710" s="59">
        <f>Bühler!K5736</f>
        <v>0.70854762696504836</v>
      </c>
      <c r="L5710" s="59">
        <f>Bühler!L5736</f>
        <v>11.540468757295972</v>
      </c>
      <c r="M5710" s="58">
        <f>Bühler!M5736</f>
        <v>0</v>
      </c>
      <c r="N5710" s="56">
        <f>IF(Input!$D$19=1,J5710*Input!$C$19,0)+IF(Input!$D$20=1,K5710*Input!$C$20,0)+IF(Input!$D$21=1,L5710*Input!$C$21,0)+IF(Input!$D$22=1,M5710*Input!$C$22,0)</f>
        <v>0.14170952539300966</v>
      </c>
      <c r="O5710" s="59">
        <f>IF(Input!$D$19=2,J5710*Input!$C$19,0)+IF(Input!$D$20=2,K5710*Input!$C$20,0)+IF(Input!$D$21=2,L5710*Input!$C$21,0)+IF(Input!$D$22=2,M5710*Input!$C$22,0)</f>
        <v>0.35427381348252418</v>
      </c>
      <c r="P5710" s="59">
        <f>IF(Input!$D$19=3,J5710*Input!$C$19,0)+IF(Input!$D$20=3,K5710*Input!$C$20,0)+IF(Input!$D$21=3,L5710*Input!$C$21,0)+IF(Input!$D$22=3,M5710*Input!$C$22,0)</f>
        <v>0</v>
      </c>
      <c r="Q5710" s="75">
        <f>IF(Input!$D$19=4,J5710*Input!$C$19,0)+IF(Input!$D$20=4,K5710*Input!$C$20,0)+IF(Input!$D$21=4,L5710*Input!$C$21,0)+IF(Input!$D$22=4,M5710*Input!$C$22,0)</f>
        <v>0</v>
      </c>
      <c r="R5710" s="58">
        <v>39.988838824382228</v>
      </c>
      <c r="S5710" s="124">
        <f t="shared" si="89"/>
        <v>0.6140746100363752</v>
      </c>
    </row>
    <row r="5711" spans="8:19" x14ac:dyDescent="0.3">
      <c r="H5711" s="44">
        <v>5704</v>
      </c>
      <c r="I5711" s="56">
        <f>Bühler!I5737</f>
        <v>0.12596402257156414</v>
      </c>
      <c r="J5711" s="59">
        <f>Bühler!J5737</f>
        <v>0.4198800752385472</v>
      </c>
      <c r="K5711" s="59">
        <f>Bühler!K5737</f>
        <v>0.6298201128578208</v>
      </c>
      <c r="L5711" s="59">
        <f>Bühler!L5737</f>
        <v>10.258194450929754</v>
      </c>
      <c r="M5711" s="58">
        <f>Bühler!M5737</f>
        <v>0</v>
      </c>
      <c r="N5711" s="56">
        <f>IF(Input!$D$19=1,J5711*Input!$C$19,0)+IF(Input!$D$20=1,K5711*Input!$C$20,0)+IF(Input!$D$21=1,L5711*Input!$C$21,0)+IF(Input!$D$22=1,M5711*Input!$C$22,0)</f>
        <v>0.12596402257156417</v>
      </c>
      <c r="O5711" s="59">
        <f>IF(Input!$D$19=2,J5711*Input!$C$19,0)+IF(Input!$D$20=2,K5711*Input!$C$20,0)+IF(Input!$D$21=2,L5711*Input!$C$21,0)+IF(Input!$D$22=2,M5711*Input!$C$22,0)</f>
        <v>0.3149100564289104</v>
      </c>
      <c r="P5711" s="59">
        <f>IF(Input!$D$19=3,J5711*Input!$C$19,0)+IF(Input!$D$20=3,K5711*Input!$C$20,0)+IF(Input!$D$21=3,L5711*Input!$C$21,0)+IF(Input!$D$22=3,M5711*Input!$C$22,0)</f>
        <v>0</v>
      </c>
      <c r="Q5711" s="75">
        <f>IF(Input!$D$19=4,J5711*Input!$C$19,0)+IF(Input!$D$20=4,K5711*Input!$C$20,0)+IF(Input!$D$21=4,L5711*Input!$C$21,0)+IF(Input!$D$22=4,M5711*Input!$C$22,0)</f>
        <v>0</v>
      </c>
      <c r="R5711" s="58">
        <v>40.33744495038016</v>
      </c>
      <c r="S5711" s="124">
        <f t="shared" si="89"/>
        <v>0.54584409781011134</v>
      </c>
    </row>
    <row r="5712" spans="8:19" x14ac:dyDescent="0.3">
      <c r="H5712" s="44">
        <v>5705</v>
      </c>
      <c r="I5712" s="56">
        <f>Bühler!I5738</f>
        <v>0.12371466502564336</v>
      </c>
      <c r="J5712" s="59">
        <f>Bühler!J5738</f>
        <v>0.41238221675214459</v>
      </c>
      <c r="K5712" s="59">
        <f>Bühler!K5738</f>
        <v>0.61857332512821694</v>
      </c>
      <c r="L5712" s="59">
        <f>Bühler!L5738</f>
        <v>10.075012407163149</v>
      </c>
      <c r="M5712" s="58">
        <f>Bühler!M5738</f>
        <v>0</v>
      </c>
      <c r="N5712" s="56">
        <f>IF(Input!$D$19=1,J5712*Input!$C$19,0)+IF(Input!$D$20=1,K5712*Input!$C$20,0)+IF(Input!$D$21=1,L5712*Input!$C$21,0)+IF(Input!$D$22=1,M5712*Input!$C$22,0)</f>
        <v>0.12371466502564338</v>
      </c>
      <c r="O5712" s="59">
        <f>IF(Input!$D$19=2,J5712*Input!$C$19,0)+IF(Input!$D$20=2,K5712*Input!$C$20,0)+IF(Input!$D$21=2,L5712*Input!$C$21,0)+IF(Input!$D$22=2,M5712*Input!$C$22,0)</f>
        <v>0.30928666256410847</v>
      </c>
      <c r="P5712" s="59">
        <f>IF(Input!$D$19=3,J5712*Input!$C$19,0)+IF(Input!$D$20=3,K5712*Input!$C$20,0)+IF(Input!$D$21=3,L5712*Input!$C$21,0)+IF(Input!$D$22=3,M5712*Input!$C$22,0)</f>
        <v>0</v>
      </c>
      <c r="Q5712" s="75">
        <f>IF(Input!$D$19=4,J5712*Input!$C$19,0)+IF(Input!$D$20=4,K5712*Input!$C$20,0)+IF(Input!$D$21=4,L5712*Input!$C$21,0)+IF(Input!$D$22=4,M5712*Input!$C$22,0)</f>
        <v>0</v>
      </c>
      <c r="R5712" s="58">
        <v>40.121189820690091</v>
      </c>
      <c r="S5712" s="124">
        <f t="shared" si="89"/>
        <v>0.53609688177778791</v>
      </c>
    </row>
    <row r="5713" spans="8:19" x14ac:dyDescent="0.3">
      <c r="H5713" s="44">
        <v>5706</v>
      </c>
      <c r="I5713" s="56">
        <f>Bühler!I5739</f>
        <v>0.10571980465827707</v>
      </c>
      <c r="J5713" s="59">
        <f>Bühler!J5739</f>
        <v>0.35239934886092361</v>
      </c>
      <c r="K5713" s="59">
        <f>Bühler!K5739</f>
        <v>0.52859902329138542</v>
      </c>
      <c r="L5713" s="59">
        <f>Bühler!L5739</f>
        <v>8.6095560570303284</v>
      </c>
      <c r="M5713" s="58">
        <f>Bühler!M5739</f>
        <v>0</v>
      </c>
      <c r="N5713" s="56">
        <f>IF(Input!$D$19=1,J5713*Input!$C$19,0)+IF(Input!$D$20=1,K5713*Input!$C$20,0)+IF(Input!$D$21=1,L5713*Input!$C$21,0)+IF(Input!$D$22=1,M5713*Input!$C$22,0)</f>
        <v>0.10571980465827709</v>
      </c>
      <c r="O5713" s="59">
        <f>IF(Input!$D$19=2,J5713*Input!$C$19,0)+IF(Input!$D$20=2,K5713*Input!$C$20,0)+IF(Input!$D$21=2,L5713*Input!$C$21,0)+IF(Input!$D$22=2,M5713*Input!$C$22,0)</f>
        <v>0.26429951164569271</v>
      </c>
      <c r="P5713" s="59">
        <f>IF(Input!$D$19=3,J5713*Input!$C$19,0)+IF(Input!$D$20=3,K5713*Input!$C$20,0)+IF(Input!$D$21=3,L5713*Input!$C$21,0)+IF(Input!$D$22=3,M5713*Input!$C$22,0)</f>
        <v>0</v>
      </c>
      <c r="Q5713" s="75">
        <f>IF(Input!$D$19=4,J5713*Input!$C$19,0)+IF(Input!$D$20=4,K5713*Input!$C$20,0)+IF(Input!$D$21=4,L5713*Input!$C$21,0)+IF(Input!$D$22=4,M5713*Input!$C$22,0)</f>
        <v>0</v>
      </c>
      <c r="R5713" s="58">
        <v>39.803319800314839</v>
      </c>
      <c r="S5713" s="124">
        <f t="shared" si="89"/>
        <v>0.45811915351920068</v>
      </c>
    </row>
    <row r="5714" spans="8:19" x14ac:dyDescent="0.3">
      <c r="H5714" s="44">
        <v>5707</v>
      </c>
      <c r="I5714" s="56">
        <f>Bühler!I5740</f>
        <v>9.8971732020514694E-2</v>
      </c>
      <c r="J5714" s="59">
        <f>Bühler!J5740</f>
        <v>0.32990577340171567</v>
      </c>
      <c r="K5714" s="59">
        <f>Bühler!K5740</f>
        <v>0.49485866010257351</v>
      </c>
      <c r="L5714" s="59">
        <f>Bühler!L5740</f>
        <v>8.0600099257305207</v>
      </c>
      <c r="M5714" s="58">
        <f>Bühler!M5740</f>
        <v>0</v>
      </c>
      <c r="N5714" s="56">
        <f>IF(Input!$D$19=1,J5714*Input!$C$19,0)+IF(Input!$D$20=1,K5714*Input!$C$20,0)+IF(Input!$D$21=1,L5714*Input!$C$21,0)+IF(Input!$D$22=1,M5714*Input!$C$22,0)</f>
        <v>9.8971732020514694E-2</v>
      </c>
      <c r="O5714" s="59">
        <f>IF(Input!$D$19=2,J5714*Input!$C$19,0)+IF(Input!$D$20=2,K5714*Input!$C$20,0)+IF(Input!$D$21=2,L5714*Input!$C$21,0)+IF(Input!$D$22=2,M5714*Input!$C$22,0)</f>
        <v>0.24742933005128676</v>
      </c>
      <c r="P5714" s="59">
        <f>IF(Input!$D$19=3,J5714*Input!$C$19,0)+IF(Input!$D$20=3,K5714*Input!$C$20,0)+IF(Input!$D$21=3,L5714*Input!$C$21,0)+IF(Input!$D$22=3,M5714*Input!$C$22,0)</f>
        <v>0</v>
      </c>
      <c r="Q5714" s="75">
        <f>IF(Input!$D$19=4,J5714*Input!$C$19,0)+IF(Input!$D$20=4,K5714*Input!$C$20,0)+IF(Input!$D$21=4,L5714*Input!$C$21,0)+IF(Input!$D$22=4,M5714*Input!$C$22,0)</f>
        <v>0</v>
      </c>
      <c r="R5714" s="58">
        <v>39.634943715739041</v>
      </c>
      <c r="S5714" s="124">
        <f t="shared" si="89"/>
        <v>0.42887750542223035</v>
      </c>
    </row>
    <row r="5715" spans="8:19" x14ac:dyDescent="0.3">
      <c r="H5715" s="44">
        <v>5708</v>
      </c>
      <c r="I5715" s="56">
        <f>Bühler!I5741</f>
        <v>8.3226229199069177E-2</v>
      </c>
      <c r="J5715" s="59">
        <f>Bühler!J5741</f>
        <v>0.2774207639968973</v>
      </c>
      <c r="K5715" s="59">
        <f>Bühler!K5741</f>
        <v>0.4161311459953459</v>
      </c>
      <c r="L5715" s="59">
        <f>Bühler!L5741</f>
        <v>6.777735619364301</v>
      </c>
      <c r="M5715" s="58">
        <f>Bühler!M5741</f>
        <v>0</v>
      </c>
      <c r="N5715" s="56">
        <f>IF(Input!$D$19=1,J5715*Input!$C$19,0)+IF(Input!$D$20=1,K5715*Input!$C$20,0)+IF(Input!$D$21=1,L5715*Input!$C$21,0)+IF(Input!$D$22=1,M5715*Input!$C$22,0)</f>
        <v>8.322622919906919E-2</v>
      </c>
      <c r="O5715" s="59">
        <f>IF(Input!$D$19=2,J5715*Input!$C$19,0)+IF(Input!$D$20=2,K5715*Input!$C$20,0)+IF(Input!$D$21=2,L5715*Input!$C$21,0)+IF(Input!$D$22=2,M5715*Input!$C$22,0)</f>
        <v>0.20806557299767295</v>
      </c>
      <c r="P5715" s="59">
        <f>IF(Input!$D$19=3,J5715*Input!$C$19,0)+IF(Input!$D$20=3,K5715*Input!$C$20,0)+IF(Input!$D$21=3,L5715*Input!$C$21,0)+IF(Input!$D$22=3,M5715*Input!$C$22,0)</f>
        <v>0</v>
      </c>
      <c r="Q5715" s="75">
        <f>IF(Input!$D$19=4,J5715*Input!$C$19,0)+IF(Input!$D$20=4,K5715*Input!$C$20,0)+IF(Input!$D$21=4,L5715*Input!$C$21,0)+IF(Input!$D$22=4,M5715*Input!$C$22,0)</f>
        <v>0</v>
      </c>
      <c r="R5715" s="58">
        <v>39.859942651313055</v>
      </c>
      <c r="S5715" s="124">
        <f t="shared" si="89"/>
        <v>0.36064699319596649</v>
      </c>
    </row>
    <row r="5716" spans="8:19" x14ac:dyDescent="0.3">
      <c r="H5716" s="44">
        <v>5709</v>
      </c>
      <c r="I5716" s="56">
        <f>Bühler!I5742</f>
        <v>6.9730083923544434E-2</v>
      </c>
      <c r="J5716" s="59">
        <f>Bühler!J5742</f>
        <v>0.23243361307848148</v>
      </c>
      <c r="K5716" s="59">
        <f>Bühler!K5742</f>
        <v>0.34865041961772225</v>
      </c>
      <c r="L5716" s="59">
        <f>Bühler!L5742</f>
        <v>5.6786433567646855</v>
      </c>
      <c r="M5716" s="58">
        <f>Bühler!M5742</f>
        <v>0</v>
      </c>
      <c r="N5716" s="56">
        <f>IF(Input!$D$19=1,J5716*Input!$C$19,0)+IF(Input!$D$20=1,K5716*Input!$C$20,0)+IF(Input!$D$21=1,L5716*Input!$C$21,0)+IF(Input!$D$22=1,M5716*Input!$C$22,0)</f>
        <v>6.9730083923544448E-2</v>
      </c>
      <c r="O5716" s="59">
        <f>IF(Input!$D$19=2,J5716*Input!$C$19,0)+IF(Input!$D$20=2,K5716*Input!$C$20,0)+IF(Input!$D$21=2,L5716*Input!$C$21,0)+IF(Input!$D$22=2,M5716*Input!$C$22,0)</f>
        <v>0.17432520980886113</v>
      </c>
      <c r="P5716" s="59">
        <f>IF(Input!$D$19=3,J5716*Input!$C$19,0)+IF(Input!$D$20=3,K5716*Input!$C$20,0)+IF(Input!$D$21=3,L5716*Input!$C$21,0)+IF(Input!$D$22=3,M5716*Input!$C$22,0)</f>
        <v>0</v>
      </c>
      <c r="Q5716" s="75">
        <f>IF(Input!$D$19=4,J5716*Input!$C$19,0)+IF(Input!$D$20=4,K5716*Input!$C$20,0)+IF(Input!$D$21=4,L5716*Input!$C$21,0)+IF(Input!$D$22=4,M5716*Input!$C$22,0)</f>
        <v>0</v>
      </c>
      <c r="R5716" s="58">
        <v>39.53593733496799</v>
      </c>
      <c r="S5716" s="124">
        <f t="shared" si="89"/>
        <v>0.30216369700202594</v>
      </c>
    </row>
    <row r="5717" spans="8:19" x14ac:dyDescent="0.3">
      <c r="H5717" s="44">
        <v>5710</v>
      </c>
      <c r="I5717" s="56">
        <f>Bühler!I5743</f>
        <v>6.0732653739861288E-2</v>
      </c>
      <c r="J5717" s="59">
        <f>Bühler!J5743</f>
        <v>0.20244217913287099</v>
      </c>
      <c r="K5717" s="59">
        <f>Bühler!K5743</f>
        <v>0.30366326869930649</v>
      </c>
      <c r="L5717" s="59">
        <f>Bühler!L5743</f>
        <v>4.9459151816982745</v>
      </c>
      <c r="M5717" s="58">
        <f>Bühler!M5743</f>
        <v>0</v>
      </c>
      <c r="N5717" s="56">
        <f>IF(Input!$D$19=1,J5717*Input!$C$19,0)+IF(Input!$D$20=1,K5717*Input!$C$20,0)+IF(Input!$D$21=1,L5717*Input!$C$21,0)+IF(Input!$D$22=1,M5717*Input!$C$22,0)</f>
        <v>6.0732653739861295E-2</v>
      </c>
      <c r="O5717" s="59">
        <f>IF(Input!$D$19=2,J5717*Input!$C$19,0)+IF(Input!$D$20=2,K5717*Input!$C$20,0)+IF(Input!$D$21=2,L5717*Input!$C$21,0)+IF(Input!$D$22=2,M5717*Input!$C$22,0)</f>
        <v>0.15183163434965324</v>
      </c>
      <c r="P5717" s="59">
        <f>IF(Input!$D$19=3,J5717*Input!$C$19,0)+IF(Input!$D$20=3,K5717*Input!$C$20,0)+IF(Input!$D$21=3,L5717*Input!$C$21,0)+IF(Input!$D$22=3,M5717*Input!$C$22,0)</f>
        <v>0</v>
      </c>
      <c r="Q5717" s="75">
        <f>IF(Input!$D$19=4,J5717*Input!$C$19,0)+IF(Input!$D$20=4,K5717*Input!$C$20,0)+IF(Input!$D$21=4,L5717*Input!$C$21,0)+IF(Input!$D$22=4,M5717*Input!$C$22,0)</f>
        <v>0</v>
      </c>
      <c r="R5717" s="58">
        <v>39.934240131102783</v>
      </c>
      <c r="S5717" s="124">
        <f t="shared" si="89"/>
        <v>0.2631748328727323</v>
      </c>
    </row>
    <row r="5718" spans="8:19" x14ac:dyDescent="0.3">
      <c r="H5718" s="44">
        <v>5711</v>
      </c>
      <c r="I5718" s="56">
        <f>Bühler!I5744</f>
        <v>6.0732653739861288E-2</v>
      </c>
      <c r="J5718" s="59">
        <f>Bühler!J5744</f>
        <v>0.20244217913287099</v>
      </c>
      <c r="K5718" s="59">
        <f>Bühler!K5744</f>
        <v>0.30366326869930649</v>
      </c>
      <c r="L5718" s="59">
        <f>Bühler!L5744</f>
        <v>4.9459151816982745</v>
      </c>
      <c r="M5718" s="58">
        <f>Bühler!M5744</f>
        <v>0</v>
      </c>
      <c r="N5718" s="56">
        <f>IF(Input!$D$19=1,J5718*Input!$C$19,0)+IF(Input!$D$20=1,K5718*Input!$C$20,0)+IF(Input!$D$21=1,L5718*Input!$C$21,0)+IF(Input!$D$22=1,M5718*Input!$C$22,0)</f>
        <v>6.0732653739861295E-2</v>
      </c>
      <c r="O5718" s="59">
        <f>IF(Input!$D$19=2,J5718*Input!$C$19,0)+IF(Input!$D$20=2,K5718*Input!$C$20,0)+IF(Input!$D$21=2,L5718*Input!$C$21,0)+IF(Input!$D$22=2,M5718*Input!$C$22,0)</f>
        <v>0.15183163434965324</v>
      </c>
      <c r="P5718" s="59">
        <f>IF(Input!$D$19=3,J5718*Input!$C$19,0)+IF(Input!$D$20=3,K5718*Input!$C$20,0)+IF(Input!$D$21=3,L5718*Input!$C$21,0)+IF(Input!$D$22=3,M5718*Input!$C$22,0)</f>
        <v>0</v>
      </c>
      <c r="Q5718" s="75">
        <f>IF(Input!$D$19=4,J5718*Input!$C$19,0)+IF(Input!$D$20=4,K5718*Input!$C$20,0)+IF(Input!$D$21=4,L5718*Input!$C$21,0)+IF(Input!$D$22=4,M5718*Input!$C$22,0)</f>
        <v>0</v>
      </c>
      <c r="R5718" s="58">
        <v>39.745796502066</v>
      </c>
      <c r="S5718" s="124">
        <f t="shared" si="89"/>
        <v>0.2631748328727323</v>
      </c>
    </row>
    <row r="5719" spans="8:19" x14ac:dyDescent="0.3">
      <c r="H5719" s="44">
        <v>5712</v>
      </c>
      <c r="I5719" s="56">
        <f>Bühler!I5745</f>
        <v>6.0732653739861288E-2</v>
      </c>
      <c r="J5719" s="59">
        <f>Bühler!J5745</f>
        <v>0.20244217913287099</v>
      </c>
      <c r="K5719" s="59">
        <f>Bühler!K5745</f>
        <v>0.30366326869930649</v>
      </c>
      <c r="L5719" s="59">
        <f>Bühler!L5745</f>
        <v>4.9459151816982745</v>
      </c>
      <c r="M5719" s="58">
        <f>Bühler!M5745</f>
        <v>0</v>
      </c>
      <c r="N5719" s="56">
        <f>IF(Input!$D$19=1,J5719*Input!$C$19,0)+IF(Input!$D$20=1,K5719*Input!$C$20,0)+IF(Input!$D$21=1,L5719*Input!$C$21,0)+IF(Input!$D$22=1,M5719*Input!$C$22,0)</f>
        <v>6.0732653739861295E-2</v>
      </c>
      <c r="O5719" s="59">
        <f>IF(Input!$D$19=2,J5719*Input!$C$19,0)+IF(Input!$D$20=2,K5719*Input!$C$20,0)+IF(Input!$D$21=2,L5719*Input!$C$21,0)+IF(Input!$D$22=2,M5719*Input!$C$22,0)</f>
        <v>0.15183163434965324</v>
      </c>
      <c r="P5719" s="59">
        <f>IF(Input!$D$19=3,J5719*Input!$C$19,0)+IF(Input!$D$20=3,K5719*Input!$C$20,0)+IF(Input!$D$21=3,L5719*Input!$C$21,0)+IF(Input!$D$22=3,M5719*Input!$C$22,0)</f>
        <v>0</v>
      </c>
      <c r="Q5719" s="75">
        <f>IF(Input!$D$19=4,J5719*Input!$C$19,0)+IF(Input!$D$20=4,K5719*Input!$C$20,0)+IF(Input!$D$21=4,L5719*Input!$C$21,0)+IF(Input!$D$22=4,M5719*Input!$C$22,0)</f>
        <v>0</v>
      </c>
      <c r="R5719" s="58">
        <v>40.095340557174232</v>
      </c>
      <c r="S5719" s="124">
        <f t="shared" si="89"/>
        <v>0.2631748328727323</v>
      </c>
    </row>
    <row r="5720" spans="8:19" x14ac:dyDescent="0.3">
      <c r="H5720" s="44">
        <v>5713</v>
      </c>
      <c r="I5720" s="56">
        <f>Bühler!I5746</f>
        <v>7.0657044844215131E-2</v>
      </c>
      <c r="J5720" s="59">
        <f>Bühler!J5746</f>
        <v>0.23552348281405044</v>
      </c>
      <c r="K5720" s="59">
        <f>Bühler!K5746</f>
        <v>0.35328522422107567</v>
      </c>
      <c r="L5720" s="59">
        <f>Bühler!L5746</f>
        <v>1.6957690762611632</v>
      </c>
      <c r="M5720" s="58">
        <f>Bühler!M5746</f>
        <v>0</v>
      </c>
      <c r="N5720" s="56">
        <f>IF(Input!$D$19=1,J5720*Input!$C$19,0)+IF(Input!$D$20=1,K5720*Input!$C$20,0)+IF(Input!$D$21=1,L5720*Input!$C$21,0)+IF(Input!$D$22=1,M5720*Input!$C$22,0)</f>
        <v>7.0657044844215131E-2</v>
      </c>
      <c r="O5720" s="59">
        <f>IF(Input!$D$19=2,J5720*Input!$C$19,0)+IF(Input!$D$20=2,K5720*Input!$C$20,0)+IF(Input!$D$21=2,L5720*Input!$C$21,0)+IF(Input!$D$22=2,M5720*Input!$C$22,0)</f>
        <v>0.17664261211053783</v>
      </c>
      <c r="P5720" s="59">
        <f>IF(Input!$D$19=3,J5720*Input!$C$19,0)+IF(Input!$D$20=3,K5720*Input!$C$20,0)+IF(Input!$D$21=3,L5720*Input!$C$21,0)+IF(Input!$D$22=3,M5720*Input!$C$22,0)</f>
        <v>0</v>
      </c>
      <c r="Q5720" s="75">
        <f>IF(Input!$D$19=4,J5720*Input!$C$19,0)+IF(Input!$D$20=4,K5720*Input!$C$20,0)+IF(Input!$D$21=4,L5720*Input!$C$21,0)+IF(Input!$D$22=4,M5720*Input!$C$22,0)</f>
        <v>0</v>
      </c>
      <c r="R5720" s="58">
        <v>39.900795858146253</v>
      </c>
      <c r="S5720" s="124">
        <f t="shared" si="89"/>
        <v>0.30618052765826559</v>
      </c>
    </row>
    <row r="5721" spans="8:19" x14ac:dyDescent="0.3">
      <c r="H5721" s="44">
        <v>5714</v>
      </c>
      <c r="I5721" s="56">
        <f>Bühler!I5747</f>
        <v>7.0657044844215131E-2</v>
      </c>
      <c r="J5721" s="59">
        <f>Bühler!J5747</f>
        <v>0.23552348281405044</v>
      </c>
      <c r="K5721" s="59">
        <f>Bühler!K5747</f>
        <v>0.35328522422107567</v>
      </c>
      <c r="L5721" s="59">
        <f>Bühler!L5747</f>
        <v>1.6957690762611632</v>
      </c>
      <c r="M5721" s="58">
        <f>Bühler!M5747</f>
        <v>0</v>
      </c>
      <c r="N5721" s="56">
        <f>IF(Input!$D$19=1,J5721*Input!$C$19,0)+IF(Input!$D$20=1,K5721*Input!$C$20,0)+IF(Input!$D$21=1,L5721*Input!$C$21,0)+IF(Input!$D$22=1,M5721*Input!$C$22,0)</f>
        <v>7.0657044844215131E-2</v>
      </c>
      <c r="O5721" s="59">
        <f>IF(Input!$D$19=2,J5721*Input!$C$19,0)+IF(Input!$D$20=2,K5721*Input!$C$20,0)+IF(Input!$D$21=2,L5721*Input!$C$21,0)+IF(Input!$D$22=2,M5721*Input!$C$22,0)</f>
        <v>0.17664261211053783</v>
      </c>
      <c r="P5721" s="59">
        <f>IF(Input!$D$19=3,J5721*Input!$C$19,0)+IF(Input!$D$20=3,K5721*Input!$C$20,0)+IF(Input!$D$21=3,L5721*Input!$C$21,0)+IF(Input!$D$22=3,M5721*Input!$C$22,0)</f>
        <v>0</v>
      </c>
      <c r="Q5721" s="75">
        <f>IF(Input!$D$19=4,J5721*Input!$C$19,0)+IF(Input!$D$20=4,K5721*Input!$C$20,0)+IF(Input!$D$21=4,L5721*Input!$C$21,0)+IF(Input!$D$22=4,M5721*Input!$C$22,0)</f>
        <v>0</v>
      </c>
      <c r="R5721" s="58">
        <v>40.258975627810003</v>
      </c>
      <c r="S5721" s="124">
        <f t="shared" si="89"/>
        <v>0.30618052765826559</v>
      </c>
    </row>
    <row r="5722" spans="8:19" x14ac:dyDescent="0.3">
      <c r="H5722" s="44">
        <v>5715</v>
      </c>
      <c r="I5722" s="56">
        <f>Bühler!I5748</f>
        <v>7.0657044844215131E-2</v>
      </c>
      <c r="J5722" s="59">
        <f>Bühler!J5748</f>
        <v>0.23552348281405044</v>
      </c>
      <c r="K5722" s="59">
        <f>Bühler!K5748</f>
        <v>0.35328522422107567</v>
      </c>
      <c r="L5722" s="59">
        <f>Bühler!L5748</f>
        <v>1.6957690762611632</v>
      </c>
      <c r="M5722" s="58">
        <f>Bühler!M5748</f>
        <v>0</v>
      </c>
      <c r="N5722" s="56">
        <f>IF(Input!$D$19=1,J5722*Input!$C$19,0)+IF(Input!$D$20=1,K5722*Input!$C$20,0)+IF(Input!$D$21=1,L5722*Input!$C$21,0)+IF(Input!$D$22=1,M5722*Input!$C$22,0)</f>
        <v>7.0657044844215131E-2</v>
      </c>
      <c r="O5722" s="59">
        <f>IF(Input!$D$19=2,J5722*Input!$C$19,0)+IF(Input!$D$20=2,K5722*Input!$C$20,0)+IF(Input!$D$21=2,L5722*Input!$C$21,0)+IF(Input!$D$22=2,M5722*Input!$C$22,0)</f>
        <v>0.17664261211053783</v>
      </c>
      <c r="P5722" s="59">
        <f>IF(Input!$D$19=3,J5722*Input!$C$19,0)+IF(Input!$D$20=3,K5722*Input!$C$20,0)+IF(Input!$D$21=3,L5722*Input!$C$21,0)+IF(Input!$D$22=3,M5722*Input!$C$22,0)</f>
        <v>0</v>
      </c>
      <c r="Q5722" s="75">
        <f>IF(Input!$D$19=4,J5722*Input!$C$19,0)+IF(Input!$D$20=4,K5722*Input!$C$20,0)+IF(Input!$D$21=4,L5722*Input!$C$21,0)+IF(Input!$D$22=4,M5722*Input!$C$22,0)</f>
        <v>0</v>
      </c>
      <c r="R5722" s="58">
        <v>40.906922339317148</v>
      </c>
      <c r="S5722" s="124">
        <f t="shared" si="89"/>
        <v>0.30618052765826559</v>
      </c>
    </row>
    <row r="5723" spans="8:19" x14ac:dyDescent="0.3">
      <c r="H5723" s="44">
        <v>5716</v>
      </c>
      <c r="I5723" s="56">
        <f>Bühler!I5749</f>
        <v>7.0657044844215131E-2</v>
      </c>
      <c r="J5723" s="59">
        <f>Bühler!J5749</f>
        <v>0.23552348281405044</v>
      </c>
      <c r="K5723" s="59">
        <f>Bühler!K5749</f>
        <v>0.35328522422107567</v>
      </c>
      <c r="L5723" s="59">
        <f>Bühler!L5749</f>
        <v>1.6957690762611632</v>
      </c>
      <c r="M5723" s="58">
        <f>Bühler!M5749</f>
        <v>0</v>
      </c>
      <c r="N5723" s="56">
        <f>IF(Input!$D$19=1,J5723*Input!$C$19,0)+IF(Input!$D$20=1,K5723*Input!$C$20,0)+IF(Input!$D$21=1,L5723*Input!$C$21,0)+IF(Input!$D$22=1,M5723*Input!$C$22,0)</f>
        <v>7.0657044844215131E-2</v>
      </c>
      <c r="O5723" s="59">
        <f>IF(Input!$D$19=2,J5723*Input!$C$19,0)+IF(Input!$D$20=2,K5723*Input!$C$20,0)+IF(Input!$D$21=2,L5723*Input!$C$21,0)+IF(Input!$D$22=2,M5723*Input!$C$22,0)</f>
        <v>0.17664261211053783</v>
      </c>
      <c r="P5723" s="59">
        <f>IF(Input!$D$19=3,J5723*Input!$C$19,0)+IF(Input!$D$20=3,K5723*Input!$C$20,0)+IF(Input!$D$21=3,L5723*Input!$C$21,0)+IF(Input!$D$22=3,M5723*Input!$C$22,0)</f>
        <v>0</v>
      </c>
      <c r="Q5723" s="75">
        <f>IF(Input!$D$19=4,J5723*Input!$C$19,0)+IF(Input!$D$20=4,K5723*Input!$C$20,0)+IF(Input!$D$21=4,L5723*Input!$C$21,0)+IF(Input!$D$22=4,M5723*Input!$C$22,0)</f>
        <v>0</v>
      </c>
      <c r="R5723" s="58">
        <v>42.001084568867199</v>
      </c>
      <c r="S5723" s="124">
        <f t="shared" si="89"/>
        <v>0.30618052765826559</v>
      </c>
    </row>
    <row r="5724" spans="8:19" x14ac:dyDescent="0.3">
      <c r="H5724" s="44">
        <v>5717</v>
      </c>
      <c r="I5724" s="56">
        <f>Bühler!I5750</f>
        <v>7.0657044844215131E-2</v>
      </c>
      <c r="J5724" s="59">
        <f>Bühler!J5750</f>
        <v>0.23552348281405044</v>
      </c>
      <c r="K5724" s="59">
        <f>Bühler!K5750</f>
        <v>0.35328522422107567</v>
      </c>
      <c r="L5724" s="59">
        <f>Bühler!L5750</f>
        <v>1.6957690762611632</v>
      </c>
      <c r="M5724" s="58">
        <f>Bühler!M5750</f>
        <v>0</v>
      </c>
      <c r="N5724" s="56">
        <f>IF(Input!$D$19=1,J5724*Input!$C$19,0)+IF(Input!$D$20=1,K5724*Input!$C$20,0)+IF(Input!$D$21=1,L5724*Input!$C$21,0)+IF(Input!$D$22=1,M5724*Input!$C$22,0)</f>
        <v>7.0657044844215131E-2</v>
      </c>
      <c r="O5724" s="59">
        <f>IF(Input!$D$19=2,J5724*Input!$C$19,0)+IF(Input!$D$20=2,K5724*Input!$C$20,0)+IF(Input!$D$21=2,L5724*Input!$C$21,0)+IF(Input!$D$22=2,M5724*Input!$C$22,0)</f>
        <v>0.17664261211053783</v>
      </c>
      <c r="P5724" s="59">
        <f>IF(Input!$D$19=3,J5724*Input!$C$19,0)+IF(Input!$D$20=3,K5724*Input!$C$20,0)+IF(Input!$D$21=3,L5724*Input!$C$21,0)+IF(Input!$D$22=3,M5724*Input!$C$22,0)</f>
        <v>0</v>
      </c>
      <c r="Q5724" s="75">
        <f>IF(Input!$D$19=4,J5724*Input!$C$19,0)+IF(Input!$D$20=4,K5724*Input!$C$20,0)+IF(Input!$D$21=4,L5724*Input!$C$21,0)+IF(Input!$D$22=4,M5724*Input!$C$22,0)</f>
        <v>0</v>
      </c>
      <c r="R5724" s="58">
        <v>45.227516655832858</v>
      </c>
      <c r="S5724" s="124">
        <f t="shared" si="89"/>
        <v>0.30618052765826559</v>
      </c>
    </row>
    <row r="5725" spans="8:19" x14ac:dyDescent="0.3">
      <c r="H5725" s="44">
        <v>5718</v>
      </c>
      <c r="I5725" s="56">
        <f>Bühler!I5751</f>
        <v>0.30618052765826553</v>
      </c>
      <c r="J5725" s="59">
        <f>Bühler!J5751</f>
        <v>1.0206017588608851</v>
      </c>
      <c r="K5725" s="59">
        <f>Bühler!K5751</f>
        <v>1.5309026382913278</v>
      </c>
      <c r="L5725" s="59">
        <f>Bühler!L5751</f>
        <v>7.3483326637983728</v>
      </c>
      <c r="M5725" s="58">
        <f>Bühler!M5751</f>
        <v>0</v>
      </c>
      <c r="N5725" s="56">
        <f>IF(Input!$D$19=1,J5725*Input!$C$19,0)+IF(Input!$D$20=1,K5725*Input!$C$20,0)+IF(Input!$D$21=1,L5725*Input!$C$21,0)+IF(Input!$D$22=1,M5725*Input!$C$22,0)</f>
        <v>0.30618052765826553</v>
      </c>
      <c r="O5725" s="59">
        <f>IF(Input!$D$19=2,J5725*Input!$C$19,0)+IF(Input!$D$20=2,K5725*Input!$C$20,0)+IF(Input!$D$21=2,L5725*Input!$C$21,0)+IF(Input!$D$22=2,M5725*Input!$C$22,0)</f>
        <v>0.76545131914566389</v>
      </c>
      <c r="P5725" s="59">
        <f>IF(Input!$D$19=3,J5725*Input!$C$19,0)+IF(Input!$D$20=3,K5725*Input!$C$20,0)+IF(Input!$D$21=3,L5725*Input!$C$21,0)+IF(Input!$D$22=3,M5725*Input!$C$22,0)</f>
        <v>0</v>
      </c>
      <c r="Q5725" s="75">
        <f>IF(Input!$D$19=4,J5725*Input!$C$19,0)+IF(Input!$D$20=4,K5725*Input!$C$20,0)+IF(Input!$D$21=4,L5725*Input!$C$21,0)+IF(Input!$D$22=4,M5725*Input!$C$22,0)</f>
        <v>0</v>
      </c>
      <c r="R5725" s="58">
        <v>51.394093699065948</v>
      </c>
      <c r="S5725" s="124">
        <f t="shared" si="89"/>
        <v>1.3267822865191508</v>
      </c>
    </row>
    <row r="5726" spans="8:19" x14ac:dyDescent="0.3">
      <c r="H5726" s="44">
        <v>5719</v>
      </c>
      <c r="I5726" s="56">
        <f>Bühler!I5752</f>
        <v>0.3473971371507244</v>
      </c>
      <c r="J5726" s="59">
        <f>Bühler!J5752</f>
        <v>1.1579904571690813</v>
      </c>
      <c r="K5726" s="59">
        <f>Bühler!K5752</f>
        <v>1.7369856857536219</v>
      </c>
      <c r="L5726" s="59">
        <f>Bühler!L5752</f>
        <v>8.3375312916173847</v>
      </c>
      <c r="M5726" s="58">
        <f>Bühler!M5752</f>
        <v>0</v>
      </c>
      <c r="N5726" s="56">
        <f>IF(Input!$D$19=1,J5726*Input!$C$19,0)+IF(Input!$D$20=1,K5726*Input!$C$20,0)+IF(Input!$D$21=1,L5726*Input!$C$21,0)+IF(Input!$D$22=1,M5726*Input!$C$22,0)</f>
        <v>0.3473971371507244</v>
      </c>
      <c r="O5726" s="59">
        <f>IF(Input!$D$19=2,J5726*Input!$C$19,0)+IF(Input!$D$20=2,K5726*Input!$C$20,0)+IF(Input!$D$21=2,L5726*Input!$C$21,0)+IF(Input!$D$22=2,M5726*Input!$C$22,0)</f>
        <v>0.86849284287681094</v>
      </c>
      <c r="P5726" s="59">
        <f>IF(Input!$D$19=3,J5726*Input!$C$19,0)+IF(Input!$D$20=3,K5726*Input!$C$20,0)+IF(Input!$D$21=3,L5726*Input!$C$21,0)+IF(Input!$D$22=3,M5726*Input!$C$22,0)</f>
        <v>0</v>
      </c>
      <c r="Q5726" s="75">
        <f>IF(Input!$D$19=4,J5726*Input!$C$19,0)+IF(Input!$D$20=4,K5726*Input!$C$20,0)+IF(Input!$D$21=4,L5726*Input!$C$21,0)+IF(Input!$D$22=4,M5726*Input!$C$22,0)</f>
        <v>0</v>
      </c>
      <c r="R5726" s="58">
        <v>56.910868394338614</v>
      </c>
      <c r="S5726" s="124">
        <f t="shared" si="89"/>
        <v>1.5053875943198056</v>
      </c>
    </row>
    <row r="5727" spans="8:19" x14ac:dyDescent="0.3">
      <c r="H5727" s="44">
        <v>5720</v>
      </c>
      <c r="I5727" s="56">
        <f>Bühler!I5753</f>
        <v>0.3473971371507244</v>
      </c>
      <c r="J5727" s="59">
        <f>Bühler!J5753</f>
        <v>1.1579904571690813</v>
      </c>
      <c r="K5727" s="59">
        <f>Bühler!K5753</f>
        <v>1.7369856857536219</v>
      </c>
      <c r="L5727" s="59">
        <f>Bühler!L5753</f>
        <v>8.3375312916173847</v>
      </c>
      <c r="M5727" s="58">
        <f>Bühler!M5753</f>
        <v>0</v>
      </c>
      <c r="N5727" s="56">
        <f>IF(Input!$D$19=1,J5727*Input!$C$19,0)+IF(Input!$D$20=1,K5727*Input!$C$20,0)+IF(Input!$D$21=1,L5727*Input!$C$21,0)+IF(Input!$D$22=1,M5727*Input!$C$22,0)</f>
        <v>0.3473971371507244</v>
      </c>
      <c r="O5727" s="59">
        <f>IF(Input!$D$19=2,J5727*Input!$C$19,0)+IF(Input!$D$20=2,K5727*Input!$C$20,0)+IF(Input!$D$21=2,L5727*Input!$C$21,0)+IF(Input!$D$22=2,M5727*Input!$C$22,0)</f>
        <v>0.86849284287681094</v>
      </c>
      <c r="P5727" s="59">
        <f>IF(Input!$D$19=3,J5727*Input!$C$19,0)+IF(Input!$D$20=3,K5727*Input!$C$20,0)+IF(Input!$D$21=3,L5727*Input!$C$21,0)+IF(Input!$D$22=3,M5727*Input!$C$22,0)</f>
        <v>0</v>
      </c>
      <c r="Q5727" s="75">
        <f>IF(Input!$D$19=4,J5727*Input!$C$19,0)+IF(Input!$D$20=4,K5727*Input!$C$20,0)+IF(Input!$D$21=4,L5727*Input!$C$21,0)+IF(Input!$D$22=4,M5727*Input!$C$22,0)</f>
        <v>0</v>
      </c>
      <c r="R5727" s="58">
        <v>60.346924087368933</v>
      </c>
      <c r="S5727" s="124">
        <f t="shared" si="89"/>
        <v>1.5053875943198056</v>
      </c>
    </row>
    <row r="5728" spans="8:19" x14ac:dyDescent="0.3">
      <c r="H5728" s="44">
        <v>5721</v>
      </c>
      <c r="I5728" s="56">
        <f>Bühler!I5754</f>
        <v>0.3473971371507244</v>
      </c>
      <c r="J5728" s="59">
        <f>Bühler!J5754</f>
        <v>1.1579904571690813</v>
      </c>
      <c r="K5728" s="59">
        <f>Bühler!K5754</f>
        <v>1.7369856857536219</v>
      </c>
      <c r="L5728" s="59">
        <f>Bühler!L5754</f>
        <v>8.3375312916173847</v>
      </c>
      <c r="M5728" s="58">
        <f>Bühler!M5754</f>
        <v>0</v>
      </c>
      <c r="N5728" s="56">
        <f>IF(Input!$D$19=1,J5728*Input!$C$19,0)+IF(Input!$D$20=1,K5728*Input!$C$20,0)+IF(Input!$D$21=1,L5728*Input!$C$21,0)+IF(Input!$D$22=1,M5728*Input!$C$22,0)</f>
        <v>0.3473971371507244</v>
      </c>
      <c r="O5728" s="59">
        <f>IF(Input!$D$19=2,J5728*Input!$C$19,0)+IF(Input!$D$20=2,K5728*Input!$C$20,0)+IF(Input!$D$21=2,L5728*Input!$C$21,0)+IF(Input!$D$22=2,M5728*Input!$C$22,0)</f>
        <v>0.86849284287681094</v>
      </c>
      <c r="P5728" s="59">
        <f>IF(Input!$D$19=3,J5728*Input!$C$19,0)+IF(Input!$D$20=3,K5728*Input!$C$20,0)+IF(Input!$D$21=3,L5728*Input!$C$21,0)+IF(Input!$D$22=3,M5728*Input!$C$22,0)</f>
        <v>0</v>
      </c>
      <c r="Q5728" s="75">
        <f>IF(Input!$D$19=4,J5728*Input!$C$19,0)+IF(Input!$D$20=4,K5728*Input!$C$20,0)+IF(Input!$D$21=4,L5728*Input!$C$21,0)+IF(Input!$D$22=4,M5728*Input!$C$22,0)</f>
        <v>0</v>
      </c>
      <c r="R5728" s="58">
        <v>62.450942488299553</v>
      </c>
      <c r="S5728" s="124">
        <f t="shared" si="89"/>
        <v>1.5053875943198056</v>
      </c>
    </row>
    <row r="5729" spans="8:19" x14ac:dyDescent="0.3">
      <c r="H5729" s="44">
        <v>5722</v>
      </c>
      <c r="I5729" s="56">
        <f>Bühler!I5755</f>
        <v>0.37094948543212947</v>
      </c>
      <c r="J5729" s="59">
        <f>Bühler!J5755</f>
        <v>1.2364982847737649</v>
      </c>
      <c r="K5729" s="59">
        <f>Bühler!K5755</f>
        <v>1.8547474271606472</v>
      </c>
      <c r="L5729" s="59">
        <f>Bühler!L5755</f>
        <v>8.9027876503711063</v>
      </c>
      <c r="M5729" s="58">
        <f>Bühler!M5755</f>
        <v>0</v>
      </c>
      <c r="N5729" s="56">
        <f>IF(Input!$D$19=1,J5729*Input!$C$19,0)+IF(Input!$D$20=1,K5729*Input!$C$20,0)+IF(Input!$D$21=1,L5729*Input!$C$21,0)+IF(Input!$D$22=1,M5729*Input!$C$22,0)</f>
        <v>0.37094948543212947</v>
      </c>
      <c r="O5729" s="59">
        <f>IF(Input!$D$19=2,J5729*Input!$C$19,0)+IF(Input!$D$20=2,K5729*Input!$C$20,0)+IF(Input!$D$21=2,L5729*Input!$C$21,0)+IF(Input!$D$22=2,M5729*Input!$C$22,0)</f>
        <v>0.92737371358032361</v>
      </c>
      <c r="P5729" s="59">
        <f>IF(Input!$D$19=3,J5729*Input!$C$19,0)+IF(Input!$D$20=3,K5729*Input!$C$20,0)+IF(Input!$D$21=3,L5729*Input!$C$21,0)+IF(Input!$D$22=3,M5729*Input!$C$22,0)</f>
        <v>0</v>
      </c>
      <c r="Q5729" s="75">
        <f>IF(Input!$D$19=4,J5729*Input!$C$19,0)+IF(Input!$D$20=4,K5729*Input!$C$20,0)+IF(Input!$D$21=4,L5729*Input!$C$21,0)+IF(Input!$D$22=4,M5729*Input!$C$22,0)</f>
        <v>0</v>
      </c>
      <c r="R5729" s="58">
        <v>63.756908371649111</v>
      </c>
      <c r="S5729" s="124">
        <f t="shared" si="89"/>
        <v>1.6074477702058942</v>
      </c>
    </row>
    <row r="5730" spans="8:19" x14ac:dyDescent="0.3">
      <c r="H5730" s="44">
        <v>5723</v>
      </c>
      <c r="I5730" s="56">
        <f>Bühler!I5756</f>
        <v>0.37094948543212947</v>
      </c>
      <c r="J5730" s="59">
        <f>Bühler!J5756</f>
        <v>1.2364982847737649</v>
      </c>
      <c r="K5730" s="59">
        <f>Bühler!K5756</f>
        <v>1.8547474271606472</v>
      </c>
      <c r="L5730" s="59">
        <f>Bühler!L5756</f>
        <v>8.9027876503711063</v>
      </c>
      <c r="M5730" s="58">
        <f>Bühler!M5756</f>
        <v>0</v>
      </c>
      <c r="N5730" s="56">
        <f>IF(Input!$D$19=1,J5730*Input!$C$19,0)+IF(Input!$D$20=1,K5730*Input!$C$20,0)+IF(Input!$D$21=1,L5730*Input!$C$21,0)+IF(Input!$D$22=1,M5730*Input!$C$22,0)</f>
        <v>0.37094948543212947</v>
      </c>
      <c r="O5730" s="59">
        <f>IF(Input!$D$19=2,J5730*Input!$C$19,0)+IF(Input!$D$20=2,K5730*Input!$C$20,0)+IF(Input!$D$21=2,L5730*Input!$C$21,0)+IF(Input!$D$22=2,M5730*Input!$C$22,0)</f>
        <v>0.92737371358032361</v>
      </c>
      <c r="P5730" s="59">
        <f>IF(Input!$D$19=3,J5730*Input!$C$19,0)+IF(Input!$D$20=3,K5730*Input!$C$20,0)+IF(Input!$D$21=3,L5730*Input!$C$21,0)+IF(Input!$D$22=3,M5730*Input!$C$22,0)</f>
        <v>0</v>
      </c>
      <c r="Q5730" s="75">
        <f>IF(Input!$D$19=4,J5730*Input!$C$19,0)+IF(Input!$D$20=4,K5730*Input!$C$20,0)+IF(Input!$D$21=4,L5730*Input!$C$21,0)+IF(Input!$D$22=4,M5730*Input!$C$22,0)</f>
        <v>0</v>
      </c>
      <c r="R5730" s="58">
        <v>65.194446605389558</v>
      </c>
      <c r="S5730" s="124">
        <f t="shared" si="89"/>
        <v>1.6074477702058942</v>
      </c>
    </row>
    <row r="5731" spans="8:19" x14ac:dyDescent="0.3">
      <c r="H5731" s="44">
        <v>5724</v>
      </c>
      <c r="I5731" s="56">
        <f>Bühler!I5757</f>
        <v>0.47104696562810089</v>
      </c>
      <c r="J5731" s="59">
        <f>Bühler!J5757</f>
        <v>1.5701565520936698</v>
      </c>
      <c r="K5731" s="59">
        <f>Bühler!K5757</f>
        <v>2.3552348281405044</v>
      </c>
      <c r="L5731" s="59">
        <f>Bühler!L5757</f>
        <v>11.305127175074421</v>
      </c>
      <c r="M5731" s="58">
        <f>Bühler!M5757</f>
        <v>0</v>
      </c>
      <c r="N5731" s="56">
        <f>IF(Input!$D$19=1,J5731*Input!$C$19,0)+IF(Input!$D$20=1,K5731*Input!$C$20,0)+IF(Input!$D$21=1,L5731*Input!$C$21,0)+IF(Input!$D$22=1,M5731*Input!$C$22,0)</f>
        <v>0.47104696562810089</v>
      </c>
      <c r="O5731" s="59">
        <f>IF(Input!$D$19=2,J5731*Input!$C$19,0)+IF(Input!$D$20=2,K5731*Input!$C$20,0)+IF(Input!$D$21=2,L5731*Input!$C$21,0)+IF(Input!$D$22=2,M5731*Input!$C$22,0)</f>
        <v>1.1776174140702522</v>
      </c>
      <c r="P5731" s="59">
        <f>IF(Input!$D$19=3,J5731*Input!$C$19,0)+IF(Input!$D$20=3,K5731*Input!$C$20,0)+IF(Input!$D$21=3,L5731*Input!$C$21,0)+IF(Input!$D$22=3,M5731*Input!$C$22,0)</f>
        <v>0</v>
      </c>
      <c r="Q5731" s="75">
        <f>IF(Input!$D$19=4,J5731*Input!$C$19,0)+IF(Input!$D$20=4,K5731*Input!$C$20,0)+IF(Input!$D$21=4,L5731*Input!$C$21,0)+IF(Input!$D$22=4,M5731*Input!$C$22,0)</f>
        <v>0</v>
      </c>
      <c r="R5731" s="58">
        <v>66.431229233159414</v>
      </c>
      <c r="S5731" s="124">
        <f t="shared" si="89"/>
        <v>2.0412035177217707</v>
      </c>
    </row>
    <row r="5732" spans="8:19" x14ac:dyDescent="0.3">
      <c r="H5732" s="44">
        <v>5725</v>
      </c>
      <c r="I5732" s="56">
        <f>Bühler!I5758</f>
        <v>0.47104696562810089</v>
      </c>
      <c r="J5732" s="59">
        <f>Bühler!J5758</f>
        <v>1.5701565520936698</v>
      </c>
      <c r="K5732" s="59">
        <f>Bühler!K5758</f>
        <v>2.3552348281405044</v>
      </c>
      <c r="L5732" s="59">
        <f>Bühler!L5758</f>
        <v>11.305127175074421</v>
      </c>
      <c r="M5732" s="58">
        <f>Bühler!M5758</f>
        <v>0</v>
      </c>
      <c r="N5732" s="56">
        <f>IF(Input!$D$19=1,J5732*Input!$C$19,0)+IF(Input!$D$20=1,K5732*Input!$C$20,0)+IF(Input!$D$21=1,L5732*Input!$C$21,0)+IF(Input!$D$22=1,M5732*Input!$C$22,0)</f>
        <v>0.47104696562810089</v>
      </c>
      <c r="O5732" s="59">
        <f>IF(Input!$D$19=2,J5732*Input!$C$19,0)+IF(Input!$D$20=2,K5732*Input!$C$20,0)+IF(Input!$D$21=2,L5732*Input!$C$21,0)+IF(Input!$D$22=2,M5732*Input!$C$22,0)</f>
        <v>1.1776174140702522</v>
      </c>
      <c r="P5732" s="59">
        <f>IF(Input!$D$19=3,J5732*Input!$C$19,0)+IF(Input!$D$20=3,K5732*Input!$C$20,0)+IF(Input!$D$21=3,L5732*Input!$C$21,0)+IF(Input!$D$22=3,M5732*Input!$C$22,0)</f>
        <v>0</v>
      </c>
      <c r="Q5732" s="75">
        <f>IF(Input!$D$19=4,J5732*Input!$C$19,0)+IF(Input!$D$20=4,K5732*Input!$C$20,0)+IF(Input!$D$21=4,L5732*Input!$C$21,0)+IF(Input!$D$22=4,M5732*Input!$C$22,0)</f>
        <v>0</v>
      </c>
      <c r="R5732" s="58">
        <v>65.519463716194764</v>
      </c>
      <c r="S5732" s="124">
        <f t="shared" si="89"/>
        <v>2.0412035177217707</v>
      </c>
    </row>
    <row r="5733" spans="8:19" x14ac:dyDescent="0.3">
      <c r="H5733" s="44">
        <v>5726</v>
      </c>
      <c r="I5733" s="56">
        <f>Bühler!I5759</f>
        <v>0.31206861472861686</v>
      </c>
      <c r="J5733" s="59">
        <f>Bühler!J5759</f>
        <v>1.0402287157620562</v>
      </c>
      <c r="K5733" s="59">
        <f>Bühler!K5759</f>
        <v>1.5603430736430841</v>
      </c>
      <c r="L5733" s="59">
        <f>Bühler!L5759</f>
        <v>7.4896467534868041</v>
      </c>
      <c r="M5733" s="58">
        <f>Bühler!M5759</f>
        <v>0</v>
      </c>
      <c r="N5733" s="56">
        <f>IF(Input!$D$19=1,J5733*Input!$C$19,0)+IF(Input!$D$20=1,K5733*Input!$C$20,0)+IF(Input!$D$21=1,L5733*Input!$C$21,0)+IF(Input!$D$22=1,M5733*Input!$C$22,0)</f>
        <v>0.31206861472861686</v>
      </c>
      <c r="O5733" s="59">
        <f>IF(Input!$D$19=2,J5733*Input!$C$19,0)+IF(Input!$D$20=2,K5733*Input!$C$20,0)+IF(Input!$D$21=2,L5733*Input!$C$21,0)+IF(Input!$D$22=2,M5733*Input!$C$22,0)</f>
        <v>0.78017153682154206</v>
      </c>
      <c r="P5733" s="59">
        <f>IF(Input!$D$19=3,J5733*Input!$C$19,0)+IF(Input!$D$20=3,K5733*Input!$C$20,0)+IF(Input!$D$21=3,L5733*Input!$C$21,0)+IF(Input!$D$22=3,M5733*Input!$C$22,0)</f>
        <v>0</v>
      </c>
      <c r="Q5733" s="75">
        <f>IF(Input!$D$19=4,J5733*Input!$C$19,0)+IF(Input!$D$20=4,K5733*Input!$C$20,0)+IF(Input!$D$21=4,L5733*Input!$C$21,0)+IF(Input!$D$22=4,M5733*Input!$C$22,0)</f>
        <v>0</v>
      </c>
      <c r="R5733" s="58">
        <v>64.806639985243933</v>
      </c>
      <c r="S5733" s="124">
        <f t="shared" si="89"/>
        <v>1.3522973304906731</v>
      </c>
    </row>
    <row r="5734" spans="8:19" x14ac:dyDescent="0.3">
      <c r="H5734" s="44">
        <v>5727</v>
      </c>
      <c r="I5734" s="56">
        <f>Bühler!I5760</f>
        <v>0.47104696562810089</v>
      </c>
      <c r="J5734" s="59">
        <f>Bühler!J5760</f>
        <v>1.5701565520936698</v>
      </c>
      <c r="K5734" s="59">
        <f>Bühler!K5760</f>
        <v>2.3552348281405044</v>
      </c>
      <c r="L5734" s="59">
        <f>Bühler!L5760</f>
        <v>11.305127175074421</v>
      </c>
      <c r="M5734" s="58">
        <f>Bühler!M5760</f>
        <v>0</v>
      </c>
      <c r="N5734" s="56">
        <f>IF(Input!$D$19=1,J5734*Input!$C$19,0)+IF(Input!$D$20=1,K5734*Input!$C$20,0)+IF(Input!$D$21=1,L5734*Input!$C$21,0)+IF(Input!$D$22=1,M5734*Input!$C$22,0)</f>
        <v>0.47104696562810089</v>
      </c>
      <c r="O5734" s="59">
        <f>IF(Input!$D$19=2,J5734*Input!$C$19,0)+IF(Input!$D$20=2,K5734*Input!$C$20,0)+IF(Input!$D$21=2,L5734*Input!$C$21,0)+IF(Input!$D$22=2,M5734*Input!$C$22,0)</f>
        <v>1.1776174140702522</v>
      </c>
      <c r="P5734" s="59">
        <f>IF(Input!$D$19=3,J5734*Input!$C$19,0)+IF(Input!$D$20=3,K5734*Input!$C$20,0)+IF(Input!$D$21=3,L5734*Input!$C$21,0)+IF(Input!$D$22=3,M5734*Input!$C$22,0)</f>
        <v>0</v>
      </c>
      <c r="Q5734" s="75">
        <f>IF(Input!$D$19=4,J5734*Input!$C$19,0)+IF(Input!$D$20=4,K5734*Input!$C$20,0)+IF(Input!$D$21=4,L5734*Input!$C$21,0)+IF(Input!$D$22=4,M5734*Input!$C$22,0)</f>
        <v>0</v>
      </c>
      <c r="R5734" s="58">
        <v>65.889242581750025</v>
      </c>
      <c r="S5734" s="124">
        <f t="shared" si="89"/>
        <v>2.0412035177217707</v>
      </c>
    </row>
    <row r="5735" spans="8:19" x14ac:dyDescent="0.3">
      <c r="H5735" s="44">
        <v>5728</v>
      </c>
      <c r="I5735" s="56">
        <f>Bühler!I5761</f>
        <v>0.47104696562810089</v>
      </c>
      <c r="J5735" s="59">
        <f>Bühler!J5761</f>
        <v>1.5701565520936698</v>
      </c>
      <c r="K5735" s="59">
        <f>Bühler!K5761</f>
        <v>2.3552348281405044</v>
      </c>
      <c r="L5735" s="59">
        <f>Bühler!L5761</f>
        <v>11.305127175074421</v>
      </c>
      <c r="M5735" s="58">
        <f>Bühler!M5761</f>
        <v>0</v>
      </c>
      <c r="N5735" s="56">
        <f>IF(Input!$D$19=1,J5735*Input!$C$19,0)+IF(Input!$D$20=1,K5735*Input!$C$20,0)+IF(Input!$D$21=1,L5735*Input!$C$21,0)+IF(Input!$D$22=1,M5735*Input!$C$22,0)</f>
        <v>0.47104696562810089</v>
      </c>
      <c r="O5735" s="59">
        <f>IF(Input!$D$19=2,J5735*Input!$C$19,0)+IF(Input!$D$20=2,K5735*Input!$C$20,0)+IF(Input!$D$21=2,L5735*Input!$C$21,0)+IF(Input!$D$22=2,M5735*Input!$C$22,0)</f>
        <v>1.1776174140702522</v>
      </c>
      <c r="P5735" s="59">
        <f>IF(Input!$D$19=3,J5735*Input!$C$19,0)+IF(Input!$D$20=3,K5735*Input!$C$20,0)+IF(Input!$D$21=3,L5735*Input!$C$21,0)+IF(Input!$D$22=3,M5735*Input!$C$22,0)</f>
        <v>0</v>
      </c>
      <c r="Q5735" s="75">
        <f>IF(Input!$D$19=4,J5735*Input!$C$19,0)+IF(Input!$D$20=4,K5735*Input!$C$20,0)+IF(Input!$D$21=4,L5735*Input!$C$21,0)+IF(Input!$D$22=4,M5735*Input!$C$22,0)</f>
        <v>0</v>
      </c>
      <c r="R5735" s="58">
        <v>66.247934034697536</v>
      </c>
      <c r="S5735" s="124">
        <f t="shared" si="89"/>
        <v>2.0412035177217707</v>
      </c>
    </row>
    <row r="5736" spans="8:19" x14ac:dyDescent="0.3">
      <c r="H5736" s="44">
        <v>5729</v>
      </c>
      <c r="I5736" s="56">
        <f>Bühler!I5762</f>
        <v>0.47104696562810089</v>
      </c>
      <c r="J5736" s="59">
        <f>Bühler!J5762</f>
        <v>1.5701565520936698</v>
      </c>
      <c r="K5736" s="59">
        <f>Bühler!K5762</f>
        <v>2.3552348281405044</v>
      </c>
      <c r="L5736" s="59">
        <f>Bühler!L5762</f>
        <v>11.305127175074421</v>
      </c>
      <c r="M5736" s="58">
        <f>Bühler!M5762</f>
        <v>0</v>
      </c>
      <c r="N5736" s="56">
        <f>IF(Input!$D$19=1,J5736*Input!$C$19,0)+IF(Input!$D$20=1,K5736*Input!$C$20,0)+IF(Input!$D$21=1,L5736*Input!$C$21,0)+IF(Input!$D$22=1,M5736*Input!$C$22,0)</f>
        <v>0.47104696562810089</v>
      </c>
      <c r="O5736" s="59">
        <f>IF(Input!$D$19=2,J5736*Input!$C$19,0)+IF(Input!$D$20=2,K5736*Input!$C$20,0)+IF(Input!$D$21=2,L5736*Input!$C$21,0)+IF(Input!$D$22=2,M5736*Input!$C$22,0)</f>
        <v>1.1776174140702522</v>
      </c>
      <c r="P5736" s="59">
        <f>IF(Input!$D$19=3,J5736*Input!$C$19,0)+IF(Input!$D$20=3,K5736*Input!$C$20,0)+IF(Input!$D$21=3,L5736*Input!$C$21,0)+IF(Input!$D$22=3,M5736*Input!$C$22,0)</f>
        <v>0</v>
      </c>
      <c r="Q5736" s="75">
        <f>IF(Input!$D$19=4,J5736*Input!$C$19,0)+IF(Input!$D$20=4,K5736*Input!$C$20,0)+IF(Input!$D$21=4,L5736*Input!$C$21,0)+IF(Input!$D$22=4,M5736*Input!$C$22,0)</f>
        <v>0</v>
      </c>
      <c r="R5736" s="58">
        <v>65.577570444793153</v>
      </c>
      <c r="S5736" s="124">
        <f t="shared" si="89"/>
        <v>2.0412035177217707</v>
      </c>
    </row>
    <row r="5737" spans="8:19" x14ac:dyDescent="0.3">
      <c r="H5737" s="44">
        <v>5730</v>
      </c>
      <c r="I5737" s="56">
        <f>Bühler!I5763</f>
        <v>0.47104696562810089</v>
      </c>
      <c r="J5737" s="59">
        <f>Bühler!J5763</f>
        <v>1.5701565520936698</v>
      </c>
      <c r="K5737" s="59">
        <f>Bühler!K5763</f>
        <v>2.3552348281405044</v>
      </c>
      <c r="L5737" s="59">
        <f>Bühler!L5763</f>
        <v>11.305127175074421</v>
      </c>
      <c r="M5737" s="58">
        <f>Bühler!M5763</f>
        <v>0</v>
      </c>
      <c r="N5737" s="56">
        <f>IF(Input!$D$19=1,J5737*Input!$C$19,0)+IF(Input!$D$20=1,K5737*Input!$C$20,0)+IF(Input!$D$21=1,L5737*Input!$C$21,0)+IF(Input!$D$22=1,M5737*Input!$C$22,0)</f>
        <v>0.47104696562810089</v>
      </c>
      <c r="O5737" s="59">
        <f>IF(Input!$D$19=2,J5737*Input!$C$19,0)+IF(Input!$D$20=2,K5737*Input!$C$20,0)+IF(Input!$D$21=2,L5737*Input!$C$21,0)+IF(Input!$D$22=2,M5737*Input!$C$22,0)</f>
        <v>1.1776174140702522</v>
      </c>
      <c r="P5737" s="59">
        <f>IF(Input!$D$19=3,J5737*Input!$C$19,0)+IF(Input!$D$20=3,K5737*Input!$C$20,0)+IF(Input!$D$21=3,L5737*Input!$C$21,0)+IF(Input!$D$22=3,M5737*Input!$C$22,0)</f>
        <v>0</v>
      </c>
      <c r="Q5737" s="75">
        <f>IF(Input!$D$19=4,J5737*Input!$C$19,0)+IF(Input!$D$20=4,K5737*Input!$C$20,0)+IF(Input!$D$21=4,L5737*Input!$C$21,0)+IF(Input!$D$22=4,M5737*Input!$C$22,0)</f>
        <v>0</v>
      </c>
      <c r="R5737" s="58">
        <v>64.464061711140815</v>
      </c>
      <c r="S5737" s="124">
        <f t="shared" si="89"/>
        <v>2.0412035177217707</v>
      </c>
    </row>
    <row r="5738" spans="8:19" x14ac:dyDescent="0.3">
      <c r="H5738" s="44">
        <v>5731</v>
      </c>
      <c r="I5738" s="56">
        <f>Bühler!I5764</f>
        <v>0.47104696562810089</v>
      </c>
      <c r="J5738" s="59">
        <f>Bühler!J5764</f>
        <v>1.5701565520936698</v>
      </c>
      <c r="K5738" s="59">
        <f>Bühler!K5764</f>
        <v>2.3552348281405044</v>
      </c>
      <c r="L5738" s="59">
        <f>Bühler!L5764</f>
        <v>11.305127175074421</v>
      </c>
      <c r="M5738" s="58">
        <f>Bühler!M5764</f>
        <v>0</v>
      </c>
      <c r="N5738" s="56">
        <f>IF(Input!$D$19=1,J5738*Input!$C$19,0)+IF(Input!$D$20=1,K5738*Input!$C$20,0)+IF(Input!$D$21=1,L5738*Input!$C$21,0)+IF(Input!$D$22=1,M5738*Input!$C$22,0)</f>
        <v>0.47104696562810089</v>
      </c>
      <c r="O5738" s="59">
        <f>IF(Input!$D$19=2,J5738*Input!$C$19,0)+IF(Input!$D$20=2,K5738*Input!$C$20,0)+IF(Input!$D$21=2,L5738*Input!$C$21,0)+IF(Input!$D$22=2,M5738*Input!$C$22,0)</f>
        <v>1.1776174140702522</v>
      </c>
      <c r="P5738" s="59">
        <f>IF(Input!$D$19=3,J5738*Input!$C$19,0)+IF(Input!$D$20=3,K5738*Input!$C$20,0)+IF(Input!$D$21=3,L5738*Input!$C$21,0)+IF(Input!$D$22=3,M5738*Input!$C$22,0)</f>
        <v>0</v>
      </c>
      <c r="Q5738" s="75">
        <f>IF(Input!$D$19=4,J5738*Input!$C$19,0)+IF(Input!$D$20=4,K5738*Input!$C$20,0)+IF(Input!$D$21=4,L5738*Input!$C$21,0)+IF(Input!$D$22=4,M5738*Input!$C$22,0)</f>
        <v>0</v>
      </c>
      <c r="R5738" s="58">
        <v>63.819262240180883</v>
      </c>
      <c r="S5738" s="124">
        <f t="shared" si="89"/>
        <v>2.0412035177217707</v>
      </c>
    </row>
    <row r="5739" spans="8:19" x14ac:dyDescent="0.3">
      <c r="H5739" s="44">
        <v>5732</v>
      </c>
      <c r="I5739" s="56">
        <f>Bühler!I5765</f>
        <v>0.39450183371353448</v>
      </c>
      <c r="J5739" s="59">
        <f>Bühler!J5765</f>
        <v>1.3150061123784484</v>
      </c>
      <c r="K5739" s="59">
        <f>Bühler!K5765</f>
        <v>1.9725091685676726</v>
      </c>
      <c r="L5739" s="59">
        <f>Bühler!L5765</f>
        <v>9.4680440091248279</v>
      </c>
      <c r="M5739" s="58">
        <f>Bühler!M5765</f>
        <v>0</v>
      </c>
      <c r="N5739" s="56">
        <f>IF(Input!$D$19=1,J5739*Input!$C$19,0)+IF(Input!$D$20=1,K5739*Input!$C$20,0)+IF(Input!$D$21=1,L5739*Input!$C$21,0)+IF(Input!$D$22=1,M5739*Input!$C$22,0)</f>
        <v>0.39450183371353453</v>
      </c>
      <c r="O5739" s="59">
        <f>IF(Input!$D$19=2,J5739*Input!$C$19,0)+IF(Input!$D$20=2,K5739*Input!$C$20,0)+IF(Input!$D$21=2,L5739*Input!$C$21,0)+IF(Input!$D$22=2,M5739*Input!$C$22,0)</f>
        <v>0.98625458428383628</v>
      </c>
      <c r="P5739" s="59">
        <f>IF(Input!$D$19=3,J5739*Input!$C$19,0)+IF(Input!$D$20=3,K5739*Input!$C$20,0)+IF(Input!$D$21=3,L5739*Input!$C$21,0)+IF(Input!$D$22=3,M5739*Input!$C$22,0)</f>
        <v>0</v>
      </c>
      <c r="Q5739" s="75">
        <f>IF(Input!$D$19=4,J5739*Input!$C$19,0)+IF(Input!$D$20=4,K5739*Input!$C$20,0)+IF(Input!$D$21=4,L5739*Input!$C$21,0)+IF(Input!$D$22=4,M5739*Input!$C$22,0)</f>
        <v>0</v>
      </c>
      <c r="R5739" s="58">
        <v>62.969877305663701</v>
      </c>
      <c r="S5739" s="124">
        <f t="shared" si="89"/>
        <v>1.7095079460919829</v>
      </c>
    </row>
    <row r="5740" spans="8:19" x14ac:dyDescent="0.3">
      <c r="H5740" s="44">
        <v>5733</v>
      </c>
      <c r="I5740" s="56">
        <f>Bühler!I5766</f>
        <v>0.32384478886931933</v>
      </c>
      <c r="J5740" s="59">
        <f>Bühler!J5766</f>
        <v>1.0794826295643978</v>
      </c>
      <c r="K5740" s="59">
        <f>Bühler!K5766</f>
        <v>1.6192239443465966</v>
      </c>
      <c r="L5740" s="59">
        <f>Bühler!L5766</f>
        <v>7.7722749328636631</v>
      </c>
      <c r="M5740" s="58">
        <f>Bühler!M5766</f>
        <v>0</v>
      </c>
      <c r="N5740" s="56">
        <f>IF(Input!$D$19=1,J5740*Input!$C$19,0)+IF(Input!$D$20=1,K5740*Input!$C$20,0)+IF(Input!$D$21=1,L5740*Input!$C$21,0)+IF(Input!$D$22=1,M5740*Input!$C$22,0)</f>
        <v>0.32384478886931933</v>
      </c>
      <c r="O5740" s="59">
        <f>IF(Input!$D$19=2,J5740*Input!$C$19,0)+IF(Input!$D$20=2,K5740*Input!$C$20,0)+IF(Input!$D$21=2,L5740*Input!$C$21,0)+IF(Input!$D$22=2,M5740*Input!$C$22,0)</f>
        <v>0.80961197217329828</v>
      </c>
      <c r="P5740" s="59">
        <f>IF(Input!$D$19=3,J5740*Input!$C$19,0)+IF(Input!$D$20=3,K5740*Input!$C$20,0)+IF(Input!$D$21=3,L5740*Input!$C$21,0)+IF(Input!$D$22=3,M5740*Input!$C$22,0)</f>
        <v>0</v>
      </c>
      <c r="Q5740" s="75">
        <f>IF(Input!$D$19=4,J5740*Input!$C$19,0)+IF(Input!$D$20=4,K5740*Input!$C$20,0)+IF(Input!$D$21=4,L5740*Input!$C$21,0)+IF(Input!$D$22=4,M5740*Input!$C$22,0)</f>
        <v>0</v>
      </c>
      <c r="R5740" s="58">
        <v>60.70983873187167</v>
      </c>
      <c r="S5740" s="124">
        <f t="shared" si="89"/>
        <v>1.403327418433717</v>
      </c>
    </row>
    <row r="5741" spans="8:19" x14ac:dyDescent="0.3">
      <c r="H5741" s="44">
        <v>5734</v>
      </c>
      <c r="I5741" s="56">
        <f>Bühler!I5767</f>
        <v>0.23552348281405044</v>
      </c>
      <c r="J5741" s="59">
        <f>Bühler!J5767</f>
        <v>0.78507827604683489</v>
      </c>
      <c r="K5741" s="59">
        <f>Bühler!K5767</f>
        <v>1.1776174140702522</v>
      </c>
      <c r="L5741" s="59">
        <f>Bühler!L5767</f>
        <v>5.6525635875372107</v>
      </c>
      <c r="M5741" s="58">
        <f>Bühler!M5767</f>
        <v>0</v>
      </c>
      <c r="N5741" s="56">
        <f>IF(Input!$D$19=1,J5741*Input!$C$19,0)+IF(Input!$D$20=1,K5741*Input!$C$20,0)+IF(Input!$D$21=1,L5741*Input!$C$21,0)+IF(Input!$D$22=1,M5741*Input!$C$22,0)</f>
        <v>0.23552348281405044</v>
      </c>
      <c r="O5741" s="59">
        <f>IF(Input!$D$19=2,J5741*Input!$C$19,0)+IF(Input!$D$20=2,K5741*Input!$C$20,0)+IF(Input!$D$21=2,L5741*Input!$C$21,0)+IF(Input!$D$22=2,M5741*Input!$C$22,0)</f>
        <v>0.58880870703512611</v>
      </c>
      <c r="P5741" s="59">
        <f>IF(Input!$D$19=3,J5741*Input!$C$19,0)+IF(Input!$D$20=3,K5741*Input!$C$20,0)+IF(Input!$D$21=3,L5741*Input!$C$21,0)+IF(Input!$D$22=3,M5741*Input!$C$22,0)</f>
        <v>0</v>
      </c>
      <c r="Q5741" s="75">
        <f>IF(Input!$D$19=4,J5741*Input!$C$19,0)+IF(Input!$D$20=4,K5741*Input!$C$20,0)+IF(Input!$D$21=4,L5741*Input!$C$21,0)+IF(Input!$D$22=4,M5741*Input!$C$22,0)</f>
        <v>0</v>
      </c>
      <c r="R5741" s="58">
        <v>59.13296871630611</v>
      </c>
      <c r="S5741" s="124">
        <f t="shared" si="89"/>
        <v>1.0206017588608853</v>
      </c>
    </row>
    <row r="5742" spans="8:19" x14ac:dyDescent="0.3">
      <c r="H5742" s="44">
        <v>5735</v>
      </c>
      <c r="I5742" s="56">
        <f>Bühler!I5768</f>
        <v>0.22374730867334794</v>
      </c>
      <c r="J5742" s="59">
        <f>Bühler!J5768</f>
        <v>0.74582436224449322</v>
      </c>
      <c r="K5742" s="59">
        <f>Bühler!K5768</f>
        <v>1.1187365433667398</v>
      </c>
      <c r="L5742" s="59">
        <f>Bühler!L5768</f>
        <v>5.3699354081603508</v>
      </c>
      <c r="M5742" s="58">
        <f>Bühler!M5768</f>
        <v>0</v>
      </c>
      <c r="N5742" s="56">
        <f>IF(Input!$D$19=1,J5742*Input!$C$19,0)+IF(Input!$D$20=1,K5742*Input!$C$20,0)+IF(Input!$D$21=1,L5742*Input!$C$21,0)+IF(Input!$D$22=1,M5742*Input!$C$22,0)</f>
        <v>0.22374730867334797</v>
      </c>
      <c r="O5742" s="59">
        <f>IF(Input!$D$19=2,J5742*Input!$C$19,0)+IF(Input!$D$20=2,K5742*Input!$C$20,0)+IF(Input!$D$21=2,L5742*Input!$C$21,0)+IF(Input!$D$22=2,M5742*Input!$C$22,0)</f>
        <v>0.55936827168336989</v>
      </c>
      <c r="P5742" s="59">
        <f>IF(Input!$D$19=3,J5742*Input!$C$19,0)+IF(Input!$D$20=3,K5742*Input!$C$20,0)+IF(Input!$D$21=3,L5742*Input!$C$21,0)+IF(Input!$D$22=3,M5742*Input!$C$22,0)</f>
        <v>0</v>
      </c>
      <c r="Q5742" s="75">
        <f>IF(Input!$D$19=4,J5742*Input!$C$19,0)+IF(Input!$D$20=4,K5742*Input!$C$20,0)+IF(Input!$D$21=4,L5742*Input!$C$21,0)+IF(Input!$D$22=4,M5742*Input!$C$22,0)</f>
        <v>0</v>
      </c>
      <c r="R5742" s="58">
        <v>58.769304513064789</v>
      </c>
      <c r="S5742" s="124">
        <f t="shared" si="89"/>
        <v>0.96957167091784113</v>
      </c>
    </row>
    <row r="5743" spans="8:19" x14ac:dyDescent="0.3">
      <c r="H5743" s="44">
        <v>5736</v>
      </c>
      <c r="I5743" s="56">
        <f>Bühler!I5769</f>
        <v>0.22374730867334794</v>
      </c>
      <c r="J5743" s="59">
        <f>Bühler!J5769</f>
        <v>0.74582436224449322</v>
      </c>
      <c r="K5743" s="59">
        <f>Bühler!K5769</f>
        <v>1.1187365433667398</v>
      </c>
      <c r="L5743" s="59">
        <f>Bühler!L5769</f>
        <v>5.3699354081603508</v>
      </c>
      <c r="M5743" s="58">
        <f>Bühler!M5769</f>
        <v>0</v>
      </c>
      <c r="N5743" s="56">
        <f>IF(Input!$D$19=1,J5743*Input!$C$19,0)+IF(Input!$D$20=1,K5743*Input!$C$20,0)+IF(Input!$D$21=1,L5743*Input!$C$21,0)+IF(Input!$D$22=1,M5743*Input!$C$22,0)</f>
        <v>0.22374730867334797</v>
      </c>
      <c r="O5743" s="59">
        <f>IF(Input!$D$19=2,J5743*Input!$C$19,0)+IF(Input!$D$20=2,K5743*Input!$C$20,0)+IF(Input!$D$21=2,L5743*Input!$C$21,0)+IF(Input!$D$22=2,M5743*Input!$C$22,0)</f>
        <v>0.55936827168336989</v>
      </c>
      <c r="P5743" s="59">
        <f>IF(Input!$D$19=3,J5743*Input!$C$19,0)+IF(Input!$D$20=3,K5743*Input!$C$20,0)+IF(Input!$D$21=3,L5743*Input!$C$21,0)+IF(Input!$D$22=3,M5743*Input!$C$22,0)</f>
        <v>0</v>
      </c>
      <c r="Q5743" s="75">
        <f>IF(Input!$D$19=4,J5743*Input!$C$19,0)+IF(Input!$D$20=4,K5743*Input!$C$20,0)+IF(Input!$D$21=4,L5743*Input!$C$21,0)+IF(Input!$D$22=4,M5743*Input!$C$22,0)</f>
        <v>0</v>
      </c>
      <c r="R5743" s="58">
        <v>58.619795866959336</v>
      </c>
      <c r="S5743" s="124">
        <f t="shared" si="89"/>
        <v>0.96957167091784113</v>
      </c>
    </row>
    <row r="5744" spans="8:19" x14ac:dyDescent="0.3">
      <c r="H5744" s="44">
        <v>5737</v>
      </c>
      <c r="I5744" s="56">
        <f>Bühler!I5770</f>
        <v>0.20820226368774342</v>
      </c>
      <c r="J5744" s="59">
        <f>Bühler!J5770</f>
        <v>0.69400754562581146</v>
      </c>
      <c r="K5744" s="59">
        <f>Bühler!K5770</f>
        <v>1.0410113184387171</v>
      </c>
      <c r="L5744" s="59">
        <f>Bühler!L5770</f>
        <v>4.996854328505842</v>
      </c>
      <c r="M5744" s="58">
        <f>Bühler!M5770</f>
        <v>0</v>
      </c>
      <c r="N5744" s="56">
        <f>IF(Input!$D$19=1,J5744*Input!$C$19,0)+IF(Input!$D$20=1,K5744*Input!$C$20,0)+IF(Input!$D$21=1,L5744*Input!$C$21,0)+IF(Input!$D$22=1,M5744*Input!$C$22,0)</f>
        <v>0.20820226368774344</v>
      </c>
      <c r="O5744" s="59">
        <f>IF(Input!$D$19=2,J5744*Input!$C$19,0)+IF(Input!$D$20=2,K5744*Input!$C$20,0)+IF(Input!$D$21=2,L5744*Input!$C$21,0)+IF(Input!$D$22=2,M5744*Input!$C$22,0)</f>
        <v>0.52050565921935854</v>
      </c>
      <c r="P5744" s="59">
        <f>IF(Input!$D$19=3,J5744*Input!$C$19,0)+IF(Input!$D$20=3,K5744*Input!$C$20,0)+IF(Input!$D$21=3,L5744*Input!$C$21,0)+IF(Input!$D$22=3,M5744*Input!$C$22,0)</f>
        <v>0</v>
      </c>
      <c r="Q5744" s="75">
        <f>IF(Input!$D$19=4,J5744*Input!$C$19,0)+IF(Input!$D$20=4,K5744*Input!$C$20,0)+IF(Input!$D$21=4,L5744*Input!$C$21,0)+IF(Input!$D$22=4,M5744*Input!$C$22,0)</f>
        <v>0</v>
      </c>
      <c r="R5744" s="58">
        <v>57.632646621982758</v>
      </c>
      <c r="S5744" s="124">
        <f t="shared" si="89"/>
        <v>0.90220980931355488</v>
      </c>
    </row>
    <row r="5745" spans="8:19" x14ac:dyDescent="0.3">
      <c r="H5745" s="44">
        <v>5738</v>
      </c>
      <c r="I5745" s="56">
        <f>Bühler!I5771</f>
        <v>0.20820226368774342</v>
      </c>
      <c r="J5745" s="59">
        <f>Bühler!J5771</f>
        <v>0.69400754562581146</v>
      </c>
      <c r="K5745" s="59">
        <f>Bühler!K5771</f>
        <v>1.0410113184387171</v>
      </c>
      <c r="L5745" s="59">
        <f>Bühler!L5771</f>
        <v>4.996854328505842</v>
      </c>
      <c r="M5745" s="58">
        <f>Bühler!M5771</f>
        <v>0</v>
      </c>
      <c r="N5745" s="56">
        <f>IF(Input!$D$19=1,J5745*Input!$C$19,0)+IF(Input!$D$20=1,K5745*Input!$C$20,0)+IF(Input!$D$21=1,L5745*Input!$C$21,0)+IF(Input!$D$22=1,M5745*Input!$C$22,0)</f>
        <v>0.20820226368774344</v>
      </c>
      <c r="O5745" s="59">
        <f>IF(Input!$D$19=2,J5745*Input!$C$19,0)+IF(Input!$D$20=2,K5745*Input!$C$20,0)+IF(Input!$D$21=2,L5745*Input!$C$21,0)+IF(Input!$D$22=2,M5745*Input!$C$22,0)</f>
        <v>0.52050565921935854</v>
      </c>
      <c r="P5745" s="59">
        <f>IF(Input!$D$19=3,J5745*Input!$C$19,0)+IF(Input!$D$20=3,K5745*Input!$C$20,0)+IF(Input!$D$21=3,L5745*Input!$C$21,0)+IF(Input!$D$22=3,M5745*Input!$C$22,0)</f>
        <v>0</v>
      </c>
      <c r="Q5745" s="75">
        <f>IF(Input!$D$19=4,J5745*Input!$C$19,0)+IF(Input!$D$20=4,K5745*Input!$C$20,0)+IF(Input!$D$21=4,L5745*Input!$C$21,0)+IF(Input!$D$22=4,M5745*Input!$C$22,0)</f>
        <v>0</v>
      </c>
      <c r="R5745" s="58">
        <v>56.268306615899292</v>
      </c>
      <c r="S5745" s="124">
        <f t="shared" si="89"/>
        <v>0.90220980931355488</v>
      </c>
    </row>
    <row r="5746" spans="8:19" x14ac:dyDescent="0.3">
      <c r="H5746" s="44">
        <v>5739</v>
      </c>
      <c r="I5746" s="56">
        <f>Bühler!I5772</f>
        <v>0.20820226368774342</v>
      </c>
      <c r="J5746" s="59">
        <f>Bühler!J5772</f>
        <v>0.69400754562581146</v>
      </c>
      <c r="K5746" s="59">
        <f>Bühler!K5772</f>
        <v>1.0410113184387171</v>
      </c>
      <c r="L5746" s="59">
        <f>Bühler!L5772</f>
        <v>4.996854328505842</v>
      </c>
      <c r="M5746" s="58">
        <f>Bühler!M5772</f>
        <v>0</v>
      </c>
      <c r="N5746" s="56">
        <f>IF(Input!$D$19=1,J5746*Input!$C$19,0)+IF(Input!$D$20=1,K5746*Input!$C$20,0)+IF(Input!$D$21=1,L5746*Input!$C$21,0)+IF(Input!$D$22=1,M5746*Input!$C$22,0)</f>
        <v>0.20820226368774344</v>
      </c>
      <c r="O5746" s="59">
        <f>IF(Input!$D$19=2,J5746*Input!$C$19,0)+IF(Input!$D$20=2,K5746*Input!$C$20,0)+IF(Input!$D$21=2,L5746*Input!$C$21,0)+IF(Input!$D$22=2,M5746*Input!$C$22,0)</f>
        <v>0.52050565921935854</v>
      </c>
      <c r="P5746" s="59">
        <f>IF(Input!$D$19=3,J5746*Input!$C$19,0)+IF(Input!$D$20=3,K5746*Input!$C$20,0)+IF(Input!$D$21=3,L5746*Input!$C$21,0)+IF(Input!$D$22=3,M5746*Input!$C$22,0)</f>
        <v>0</v>
      </c>
      <c r="Q5746" s="75">
        <f>IF(Input!$D$19=4,J5746*Input!$C$19,0)+IF(Input!$D$20=4,K5746*Input!$C$20,0)+IF(Input!$D$21=4,L5746*Input!$C$21,0)+IF(Input!$D$22=4,M5746*Input!$C$22,0)</f>
        <v>0</v>
      </c>
      <c r="R5746" s="58">
        <v>54.890873162586288</v>
      </c>
      <c r="S5746" s="124">
        <f t="shared" si="89"/>
        <v>0.90220980931355488</v>
      </c>
    </row>
    <row r="5747" spans="8:19" x14ac:dyDescent="0.3">
      <c r="H5747" s="44">
        <v>5740</v>
      </c>
      <c r="I5747" s="56">
        <f>Bühler!I5773</f>
        <v>0.20820226368774342</v>
      </c>
      <c r="J5747" s="59">
        <f>Bühler!J5773</f>
        <v>0.69400754562581146</v>
      </c>
      <c r="K5747" s="59">
        <f>Bühler!K5773</f>
        <v>1.0410113184387171</v>
      </c>
      <c r="L5747" s="59">
        <f>Bühler!L5773</f>
        <v>4.996854328505842</v>
      </c>
      <c r="M5747" s="58">
        <f>Bühler!M5773</f>
        <v>0</v>
      </c>
      <c r="N5747" s="56">
        <f>IF(Input!$D$19=1,J5747*Input!$C$19,0)+IF(Input!$D$20=1,K5747*Input!$C$20,0)+IF(Input!$D$21=1,L5747*Input!$C$21,0)+IF(Input!$D$22=1,M5747*Input!$C$22,0)</f>
        <v>0.20820226368774344</v>
      </c>
      <c r="O5747" s="59">
        <f>IF(Input!$D$19=2,J5747*Input!$C$19,0)+IF(Input!$D$20=2,K5747*Input!$C$20,0)+IF(Input!$D$21=2,L5747*Input!$C$21,0)+IF(Input!$D$22=2,M5747*Input!$C$22,0)</f>
        <v>0.52050565921935854</v>
      </c>
      <c r="P5747" s="59">
        <f>IF(Input!$D$19=3,J5747*Input!$C$19,0)+IF(Input!$D$20=3,K5747*Input!$C$20,0)+IF(Input!$D$21=3,L5747*Input!$C$21,0)+IF(Input!$D$22=3,M5747*Input!$C$22,0)</f>
        <v>0</v>
      </c>
      <c r="Q5747" s="75">
        <f>IF(Input!$D$19=4,J5747*Input!$C$19,0)+IF(Input!$D$20=4,K5747*Input!$C$20,0)+IF(Input!$D$21=4,L5747*Input!$C$21,0)+IF(Input!$D$22=4,M5747*Input!$C$22,0)</f>
        <v>0</v>
      </c>
      <c r="R5747" s="58">
        <v>56.070897643770245</v>
      </c>
      <c r="S5747" s="124">
        <f t="shared" si="89"/>
        <v>0.90220980931355488</v>
      </c>
    </row>
    <row r="5748" spans="8:19" x14ac:dyDescent="0.3">
      <c r="H5748" s="44">
        <v>5741</v>
      </c>
      <c r="I5748" s="56">
        <f>Bühler!I5774</f>
        <v>0.20820226368774342</v>
      </c>
      <c r="J5748" s="59">
        <f>Bühler!J5774</f>
        <v>0.69400754562581146</v>
      </c>
      <c r="K5748" s="59">
        <f>Bühler!K5774</f>
        <v>1.0410113184387171</v>
      </c>
      <c r="L5748" s="59">
        <f>Bühler!L5774</f>
        <v>4.996854328505842</v>
      </c>
      <c r="M5748" s="58">
        <f>Bühler!M5774</f>
        <v>0</v>
      </c>
      <c r="N5748" s="56">
        <f>IF(Input!$D$19=1,J5748*Input!$C$19,0)+IF(Input!$D$20=1,K5748*Input!$C$20,0)+IF(Input!$D$21=1,L5748*Input!$C$21,0)+IF(Input!$D$22=1,M5748*Input!$C$22,0)</f>
        <v>0.20820226368774344</v>
      </c>
      <c r="O5748" s="59">
        <f>IF(Input!$D$19=2,J5748*Input!$C$19,0)+IF(Input!$D$20=2,K5748*Input!$C$20,0)+IF(Input!$D$21=2,L5748*Input!$C$21,0)+IF(Input!$D$22=2,M5748*Input!$C$22,0)</f>
        <v>0.52050565921935854</v>
      </c>
      <c r="P5748" s="59">
        <f>IF(Input!$D$19=3,J5748*Input!$C$19,0)+IF(Input!$D$20=3,K5748*Input!$C$20,0)+IF(Input!$D$21=3,L5748*Input!$C$21,0)+IF(Input!$D$22=3,M5748*Input!$C$22,0)</f>
        <v>0</v>
      </c>
      <c r="Q5748" s="75">
        <f>IF(Input!$D$19=4,J5748*Input!$C$19,0)+IF(Input!$D$20=4,K5748*Input!$C$20,0)+IF(Input!$D$21=4,L5748*Input!$C$21,0)+IF(Input!$D$22=4,M5748*Input!$C$22,0)</f>
        <v>0</v>
      </c>
      <c r="R5748" s="58">
        <v>57.864721469719449</v>
      </c>
      <c r="S5748" s="124">
        <f t="shared" si="89"/>
        <v>0.90220980931355488</v>
      </c>
    </row>
    <row r="5749" spans="8:19" x14ac:dyDescent="0.3">
      <c r="H5749" s="44">
        <v>5742</v>
      </c>
      <c r="I5749" s="56">
        <f>Bühler!I5775</f>
        <v>0.27066294279406639</v>
      </c>
      <c r="J5749" s="59">
        <f>Bühler!J5775</f>
        <v>0.90220980931355477</v>
      </c>
      <c r="K5749" s="59">
        <f>Bühler!K5775</f>
        <v>1.3533147139703321</v>
      </c>
      <c r="L5749" s="59">
        <f>Bühler!L5775</f>
        <v>6.4959106270575937</v>
      </c>
      <c r="M5749" s="58">
        <f>Bühler!M5775</f>
        <v>0</v>
      </c>
      <c r="N5749" s="56">
        <f>IF(Input!$D$19=1,J5749*Input!$C$19,0)+IF(Input!$D$20=1,K5749*Input!$C$20,0)+IF(Input!$D$21=1,L5749*Input!$C$21,0)+IF(Input!$D$22=1,M5749*Input!$C$22,0)</f>
        <v>0.27066294279406644</v>
      </c>
      <c r="O5749" s="59">
        <f>IF(Input!$D$19=2,J5749*Input!$C$19,0)+IF(Input!$D$20=2,K5749*Input!$C$20,0)+IF(Input!$D$21=2,L5749*Input!$C$21,0)+IF(Input!$D$22=2,M5749*Input!$C$22,0)</f>
        <v>0.67665735698516605</v>
      </c>
      <c r="P5749" s="59">
        <f>IF(Input!$D$19=3,J5749*Input!$C$19,0)+IF(Input!$D$20=3,K5749*Input!$C$20,0)+IF(Input!$D$21=3,L5749*Input!$C$21,0)+IF(Input!$D$22=3,M5749*Input!$C$22,0)</f>
        <v>0</v>
      </c>
      <c r="Q5749" s="75">
        <f>IF(Input!$D$19=4,J5749*Input!$C$19,0)+IF(Input!$D$20=4,K5749*Input!$C$20,0)+IF(Input!$D$21=4,L5749*Input!$C$21,0)+IF(Input!$D$22=4,M5749*Input!$C$22,0)</f>
        <v>0</v>
      </c>
      <c r="R5749" s="58">
        <v>62.111070243632476</v>
      </c>
      <c r="S5749" s="124">
        <f t="shared" si="89"/>
        <v>1.1728727521076212</v>
      </c>
    </row>
    <row r="5750" spans="8:19" x14ac:dyDescent="0.3">
      <c r="H5750" s="44">
        <v>5743</v>
      </c>
      <c r="I5750" s="56">
        <f>Bühler!I5776</f>
        <v>0.3018932823472279</v>
      </c>
      <c r="J5750" s="59">
        <f>Bühler!J5776</f>
        <v>1.0063109411574265</v>
      </c>
      <c r="K5750" s="59">
        <f>Bühler!K5776</f>
        <v>1.5094664117361394</v>
      </c>
      <c r="L5750" s="59">
        <f>Bühler!L5776</f>
        <v>7.2454387763334696</v>
      </c>
      <c r="M5750" s="58">
        <f>Bühler!M5776</f>
        <v>0</v>
      </c>
      <c r="N5750" s="56">
        <f>IF(Input!$D$19=1,J5750*Input!$C$19,0)+IF(Input!$D$20=1,K5750*Input!$C$20,0)+IF(Input!$D$21=1,L5750*Input!$C$21,0)+IF(Input!$D$22=1,M5750*Input!$C$22,0)</f>
        <v>0.30189328234722795</v>
      </c>
      <c r="O5750" s="59">
        <f>IF(Input!$D$19=2,J5750*Input!$C$19,0)+IF(Input!$D$20=2,K5750*Input!$C$20,0)+IF(Input!$D$21=2,L5750*Input!$C$21,0)+IF(Input!$D$22=2,M5750*Input!$C$22,0)</f>
        <v>0.75473320586806969</v>
      </c>
      <c r="P5750" s="59">
        <f>IF(Input!$D$19=3,J5750*Input!$C$19,0)+IF(Input!$D$20=3,K5750*Input!$C$20,0)+IF(Input!$D$21=3,L5750*Input!$C$21,0)+IF(Input!$D$22=3,M5750*Input!$C$22,0)</f>
        <v>0</v>
      </c>
      <c r="Q5750" s="75">
        <f>IF(Input!$D$19=4,J5750*Input!$C$19,0)+IF(Input!$D$20=4,K5750*Input!$C$20,0)+IF(Input!$D$21=4,L5750*Input!$C$21,0)+IF(Input!$D$22=4,M5750*Input!$C$22,0)</f>
        <v>0</v>
      </c>
      <c r="R5750" s="58">
        <v>64.747812883154069</v>
      </c>
      <c r="S5750" s="124">
        <f t="shared" si="89"/>
        <v>1.3082042235046543</v>
      </c>
    </row>
    <row r="5751" spans="8:19" x14ac:dyDescent="0.3">
      <c r="H5751" s="44">
        <v>5744</v>
      </c>
      <c r="I5751" s="56">
        <f>Bühler!I5777</f>
        <v>0.31230339553161507</v>
      </c>
      <c r="J5751" s="59">
        <f>Bühler!J5777</f>
        <v>1.0410113184387171</v>
      </c>
      <c r="K5751" s="59">
        <f>Bühler!K5777</f>
        <v>1.5615169776580753</v>
      </c>
      <c r="L5751" s="59">
        <f>Bühler!L5777</f>
        <v>7.4952814927587621</v>
      </c>
      <c r="M5751" s="58">
        <f>Bühler!M5777</f>
        <v>0</v>
      </c>
      <c r="N5751" s="56">
        <f>IF(Input!$D$19=1,J5751*Input!$C$19,0)+IF(Input!$D$20=1,K5751*Input!$C$20,0)+IF(Input!$D$21=1,L5751*Input!$C$21,0)+IF(Input!$D$22=1,M5751*Input!$C$22,0)</f>
        <v>0.31230339553161512</v>
      </c>
      <c r="O5751" s="59">
        <f>IF(Input!$D$19=2,J5751*Input!$C$19,0)+IF(Input!$D$20=2,K5751*Input!$C$20,0)+IF(Input!$D$21=2,L5751*Input!$C$21,0)+IF(Input!$D$22=2,M5751*Input!$C$22,0)</f>
        <v>0.78075848882903764</v>
      </c>
      <c r="P5751" s="59">
        <f>IF(Input!$D$19=3,J5751*Input!$C$19,0)+IF(Input!$D$20=3,K5751*Input!$C$20,0)+IF(Input!$D$21=3,L5751*Input!$C$21,0)+IF(Input!$D$22=3,M5751*Input!$C$22,0)</f>
        <v>0</v>
      </c>
      <c r="Q5751" s="75">
        <f>IF(Input!$D$19=4,J5751*Input!$C$19,0)+IF(Input!$D$20=4,K5751*Input!$C$20,0)+IF(Input!$D$21=4,L5751*Input!$C$21,0)+IF(Input!$D$22=4,M5751*Input!$C$22,0)</f>
        <v>0</v>
      </c>
      <c r="R5751" s="58">
        <v>66.408340506987059</v>
      </c>
      <c r="S5751" s="124">
        <f t="shared" si="89"/>
        <v>1.3533147139703321</v>
      </c>
    </row>
    <row r="5752" spans="8:19" x14ac:dyDescent="0.3">
      <c r="H5752" s="44">
        <v>5745</v>
      </c>
      <c r="I5752" s="56">
        <f>Bühler!I5778</f>
        <v>0.31230339553161507</v>
      </c>
      <c r="J5752" s="59">
        <f>Bühler!J5778</f>
        <v>1.0410113184387171</v>
      </c>
      <c r="K5752" s="59">
        <f>Bühler!K5778</f>
        <v>1.5615169776580753</v>
      </c>
      <c r="L5752" s="59">
        <f>Bühler!L5778</f>
        <v>7.4952814927587621</v>
      </c>
      <c r="M5752" s="58">
        <f>Bühler!M5778</f>
        <v>0</v>
      </c>
      <c r="N5752" s="56">
        <f>IF(Input!$D$19=1,J5752*Input!$C$19,0)+IF(Input!$D$20=1,K5752*Input!$C$20,0)+IF(Input!$D$21=1,L5752*Input!$C$21,0)+IF(Input!$D$22=1,M5752*Input!$C$22,0)</f>
        <v>0.31230339553161512</v>
      </c>
      <c r="O5752" s="59">
        <f>IF(Input!$D$19=2,J5752*Input!$C$19,0)+IF(Input!$D$20=2,K5752*Input!$C$20,0)+IF(Input!$D$21=2,L5752*Input!$C$21,0)+IF(Input!$D$22=2,M5752*Input!$C$22,0)</f>
        <v>0.78075848882903764</v>
      </c>
      <c r="P5752" s="59">
        <f>IF(Input!$D$19=3,J5752*Input!$C$19,0)+IF(Input!$D$20=3,K5752*Input!$C$20,0)+IF(Input!$D$21=3,L5752*Input!$C$21,0)+IF(Input!$D$22=3,M5752*Input!$C$22,0)</f>
        <v>0</v>
      </c>
      <c r="Q5752" s="75">
        <f>IF(Input!$D$19=4,J5752*Input!$C$19,0)+IF(Input!$D$20=4,K5752*Input!$C$20,0)+IF(Input!$D$21=4,L5752*Input!$C$21,0)+IF(Input!$D$22=4,M5752*Input!$C$22,0)</f>
        <v>0</v>
      </c>
      <c r="R5752" s="58">
        <v>67.539491526371421</v>
      </c>
      <c r="S5752" s="124">
        <f t="shared" si="89"/>
        <v>1.3533147139703321</v>
      </c>
    </row>
    <row r="5753" spans="8:19" x14ac:dyDescent="0.3">
      <c r="H5753" s="44">
        <v>5746</v>
      </c>
      <c r="I5753" s="56">
        <f>Bühler!I5779</f>
        <v>0.33832867849258302</v>
      </c>
      <c r="J5753" s="59">
        <f>Bühler!J5779</f>
        <v>1.1277622616419434</v>
      </c>
      <c r="K5753" s="59">
        <f>Bühler!K5779</f>
        <v>1.6916433924629151</v>
      </c>
      <c r="L5753" s="59">
        <f>Bühler!L5779</f>
        <v>8.1198882838219912</v>
      </c>
      <c r="M5753" s="58">
        <f>Bühler!M5779</f>
        <v>0</v>
      </c>
      <c r="N5753" s="56">
        <f>IF(Input!$D$19=1,J5753*Input!$C$19,0)+IF(Input!$D$20=1,K5753*Input!$C$20,0)+IF(Input!$D$21=1,L5753*Input!$C$21,0)+IF(Input!$D$22=1,M5753*Input!$C$22,0)</f>
        <v>0.33832867849258302</v>
      </c>
      <c r="O5753" s="59">
        <f>IF(Input!$D$19=2,J5753*Input!$C$19,0)+IF(Input!$D$20=2,K5753*Input!$C$20,0)+IF(Input!$D$21=2,L5753*Input!$C$21,0)+IF(Input!$D$22=2,M5753*Input!$C$22,0)</f>
        <v>0.84582169623145753</v>
      </c>
      <c r="P5753" s="59">
        <f>IF(Input!$D$19=3,J5753*Input!$C$19,0)+IF(Input!$D$20=3,K5753*Input!$C$20,0)+IF(Input!$D$21=3,L5753*Input!$C$21,0)+IF(Input!$D$22=3,M5753*Input!$C$22,0)</f>
        <v>0</v>
      </c>
      <c r="Q5753" s="75">
        <f>IF(Input!$D$19=4,J5753*Input!$C$19,0)+IF(Input!$D$20=4,K5753*Input!$C$20,0)+IF(Input!$D$21=4,L5753*Input!$C$21,0)+IF(Input!$D$22=4,M5753*Input!$C$22,0)</f>
        <v>0</v>
      </c>
      <c r="R5753" s="58">
        <v>68.288516594669758</v>
      </c>
      <c r="S5753" s="124">
        <f t="shared" si="89"/>
        <v>1.4660909401345263</v>
      </c>
    </row>
    <row r="5754" spans="8:19" x14ac:dyDescent="0.3">
      <c r="H5754" s="44">
        <v>5747</v>
      </c>
      <c r="I5754" s="56">
        <f>Bühler!I5780</f>
        <v>0.35394384826916375</v>
      </c>
      <c r="J5754" s="59">
        <f>Bühler!J5780</f>
        <v>1.1798128275638793</v>
      </c>
      <c r="K5754" s="59">
        <f>Bühler!K5780</f>
        <v>1.7697192413458187</v>
      </c>
      <c r="L5754" s="59">
        <f>Bühler!L5780</f>
        <v>8.4946523584599305</v>
      </c>
      <c r="M5754" s="58">
        <f>Bühler!M5780</f>
        <v>0</v>
      </c>
      <c r="N5754" s="56">
        <f>IF(Input!$D$19=1,J5754*Input!$C$19,0)+IF(Input!$D$20=1,K5754*Input!$C$20,0)+IF(Input!$D$21=1,L5754*Input!$C$21,0)+IF(Input!$D$22=1,M5754*Input!$C$22,0)</f>
        <v>0.35394384826916375</v>
      </c>
      <c r="O5754" s="59">
        <f>IF(Input!$D$19=2,J5754*Input!$C$19,0)+IF(Input!$D$20=2,K5754*Input!$C$20,0)+IF(Input!$D$21=2,L5754*Input!$C$21,0)+IF(Input!$D$22=2,M5754*Input!$C$22,0)</f>
        <v>0.88485962067290935</v>
      </c>
      <c r="P5754" s="59">
        <f>IF(Input!$D$19=3,J5754*Input!$C$19,0)+IF(Input!$D$20=3,K5754*Input!$C$20,0)+IF(Input!$D$21=3,L5754*Input!$C$21,0)+IF(Input!$D$22=3,M5754*Input!$C$22,0)</f>
        <v>0</v>
      </c>
      <c r="Q5754" s="75">
        <f>IF(Input!$D$19=4,J5754*Input!$C$19,0)+IF(Input!$D$20=4,K5754*Input!$C$20,0)+IF(Input!$D$21=4,L5754*Input!$C$21,0)+IF(Input!$D$22=4,M5754*Input!$C$22,0)</f>
        <v>0</v>
      </c>
      <c r="R5754" s="58">
        <v>69.635076999218114</v>
      </c>
      <c r="S5754" s="124">
        <f t="shared" si="89"/>
        <v>1.533756675833043</v>
      </c>
    </row>
    <row r="5755" spans="8:19" x14ac:dyDescent="0.3">
      <c r="H5755" s="44">
        <v>5748</v>
      </c>
      <c r="I5755" s="56">
        <f>Bühler!I5781</f>
        <v>0.41640452737548683</v>
      </c>
      <c r="J5755" s="59">
        <f>Bühler!J5781</f>
        <v>1.3880150912516229</v>
      </c>
      <c r="K5755" s="59">
        <f>Bühler!K5781</f>
        <v>2.0820226368774342</v>
      </c>
      <c r="L5755" s="59">
        <f>Bühler!L5781</f>
        <v>9.993708657011684</v>
      </c>
      <c r="M5755" s="58">
        <f>Bühler!M5781</f>
        <v>0</v>
      </c>
      <c r="N5755" s="56">
        <f>IF(Input!$D$19=1,J5755*Input!$C$19,0)+IF(Input!$D$20=1,K5755*Input!$C$20,0)+IF(Input!$D$21=1,L5755*Input!$C$21,0)+IF(Input!$D$22=1,M5755*Input!$C$22,0)</f>
        <v>0.41640452737548689</v>
      </c>
      <c r="O5755" s="59">
        <f>IF(Input!$D$19=2,J5755*Input!$C$19,0)+IF(Input!$D$20=2,K5755*Input!$C$20,0)+IF(Input!$D$21=2,L5755*Input!$C$21,0)+IF(Input!$D$22=2,M5755*Input!$C$22,0)</f>
        <v>1.0410113184387171</v>
      </c>
      <c r="P5755" s="59">
        <f>IF(Input!$D$19=3,J5755*Input!$C$19,0)+IF(Input!$D$20=3,K5755*Input!$C$20,0)+IF(Input!$D$21=3,L5755*Input!$C$21,0)+IF(Input!$D$22=3,M5755*Input!$C$22,0)</f>
        <v>0</v>
      </c>
      <c r="Q5755" s="75">
        <f>IF(Input!$D$19=4,J5755*Input!$C$19,0)+IF(Input!$D$20=4,K5755*Input!$C$20,0)+IF(Input!$D$21=4,L5755*Input!$C$21,0)+IF(Input!$D$22=4,M5755*Input!$C$22,0)</f>
        <v>0</v>
      </c>
      <c r="R5755" s="58">
        <v>70.839898309785781</v>
      </c>
      <c r="S5755" s="124">
        <f t="shared" si="89"/>
        <v>1.8044196186271098</v>
      </c>
    </row>
    <row r="5756" spans="8:19" x14ac:dyDescent="0.3">
      <c r="H5756" s="44">
        <v>5749</v>
      </c>
      <c r="I5756" s="56">
        <f>Bühler!I5782</f>
        <v>0.41640452737548683</v>
      </c>
      <c r="J5756" s="59">
        <f>Bühler!J5782</f>
        <v>1.3880150912516229</v>
      </c>
      <c r="K5756" s="59">
        <f>Bühler!K5782</f>
        <v>2.0820226368774342</v>
      </c>
      <c r="L5756" s="59">
        <f>Bühler!L5782</f>
        <v>9.993708657011684</v>
      </c>
      <c r="M5756" s="58">
        <f>Bühler!M5782</f>
        <v>0</v>
      </c>
      <c r="N5756" s="56">
        <f>IF(Input!$D$19=1,J5756*Input!$C$19,0)+IF(Input!$D$20=1,K5756*Input!$C$20,0)+IF(Input!$D$21=1,L5756*Input!$C$21,0)+IF(Input!$D$22=1,M5756*Input!$C$22,0)</f>
        <v>0.41640452737548689</v>
      </c>
      <c r="O5756" s="59">
        <f>IF(Input!$D$19=2,J5756*Input!$C$19,0)+IF(Input!$D$20=2,K5756*Input!$C$20,0)+IF(Input!$D$21=2,L5756*Input!$C$21,0)+IF(Input!$D$22=2,M5756*Input!$C$22,0)</f>
        <v>1.0410113184387171</v>
      </c>
      <c r="P5756" s="59">
        <f>IF(Input!$D$19=3,J5756*Input!$C$19,0)+IF(Input!$D$20=3,K5756*Input!$C$20,0)+IF(Input!$D$21=3,L5756*Input!$C$21,0)+IF(Input!$D$22=3,M5756*Input!$C$22,0)</f>
        <v>0</v>
      </c>
      <c r="Q5756" s="75">
        <f>IF(Input!$D$19=4,J5756*Input!$C$19,0)+IF(Input!$D$20=4,K5756*Input!$C$20,0)+IF(Input!$D$21=4,L5756*Input!$C$21,0)+IF(Input!$D$22=4,M5756*Input!$C$22,0)</f>
        <v>0</v>
      </c>
      <c r="R5756" s="58">
        <v>70.021751867261642</v>
      </c>
      <c r="S5756" s="124">
        <f t="shared" si="89"/>
        <v>1.8044196186271098</v>
      </c>
    </row>
    <row r="5757" spans="8:19" x14ac:dyDescent="0.3">
      <c r="H5757" s="44">
        <v>5750</v>
      </c>
      <c r="I5757" s="56">
        <f>Bühler!I5783</f>
        <v>0.41640452737548683</v>
      </c>
      <c r="J5757" s="59">
        <f>Bühler!J5783</f>
        <v>1.3880150912516229</v>
      </c>
      <c r="K5757" s="59">
        <f>Bühler!K5783</f>
        <v>2.0820226368774342</v>
      </c>
      <c r="L5757" s="59">
        <f>Bühler!L5783</f>
        <v>9.993708657011684</v>
      </c>
      <c r="M5757" s="58">
        <f>Bühler!M5783</f>
        <v>0</v>
      </c>
      <c r="N5757" s="56">
        <f>IF(Input!$D$19=1,J5757*Input!$C$19,0)+IF(Input!$D$20=1,K5757*Input!$C$20,0)+IF(Input!$D$21=1,L5757*Input!$C$21,0)+IF(Input!$D$22=1,M5757*Input!$C$22,0)</f>
        <v>0.41640452737548689</v>
      </c>
      <c r="O5757" s="59">
        <f>IF(Input!$D$19=2,J5757*Input!$C$19,0)+IF(Input!$D$20=2,K5757*Input!$C$20,0)+IF(Input!$D$21=2,L5757*Input!$C$21,0)+IF(Input!$D$22=2,M5757*Input!$C$22,0)</f>
        <v>1.0410113184387171</v>
      </c>
      <c r="P5757" s="59">
        <f>IF(Input!$D$19=3,J5757*Input!$C$19,0)+IF(Input!$D$20=3,K5757*Input!$C$20,0)+IF(Input!$D$21=3,L5757*Input!$C$21,0)+IF(Input!$D$22=3,M5757*Input!$C$22,0)</f>
        <v>0</v>
      </c>
      <c r="Q5757" s="75">
        <f>IF(Input!$D$19=4,J5757*Input!$C$19,0)+IF(Input!$D$20=4,K5757*Input!$C$20,0)+IF(Input!$D$21=4,L5757*Input!$C$21,0)+IF(Input!$D$22=4,M5757*Input!$C$22,0)</f>
        <v>0</v>
      </c>
      <c r="R5757" s="58">
        <v>69.450169335467947</v>
      </c>
      <c r="S5757" s="124">
        <f t="shared" si="89"/>
        <v>1.8044196186271098</v>
      </c>
    </row>
    <row r="5758" spans="8:19" x14ac:dyDescent="0.3">
      <c r="H5758" s="44">
        <v>5751</v>
      </c>
      <c r="I5758" s="56">
        <f>Bühler!I5784</f>
        <v>0.41640452737548683</v>
      </c>
      <c r="J5758" s="59">
        <f>Bühler!J5784</f>
        <v>1.3880150912516229</v>
      </c>
      <c r="K5758" s="59">
        <f>Bühler!K5784</f>
        <v>2.0820226368774342</v>
      </c>
      <c r="L5758" s="59">
        <f>Bühler!L5784</f>
        <v>9.993708657011684</v>
      </c>
      <c r="M5758" s="58">
        <f>Bühler!M5784</f>
        <v>0</v>
      </c>
      <c r="N5758" s="56">
        <f>IF(Input!$D$19=1,J5758*Input!$C$19,0)+IF(Input!$D$20=1,K5758*Input!$C$20,0)+IF(Input!$D$21=1,L5758*Input!$C$21,0)+IF(Input!$D$22=1,M5758*Input!$C$22,0)</f>
        <v>0.41640452737548689</v>
      </c>
      <c r="O5758" s="59">
        <f>IF(Input!$D$19=2,J5758*Input!$C$19,0)+IF(Input!$D$20=2,K5758*Input!$C$20,0)+IF(Input!$D$21=2,L5758*Input!$C$21,0)+IF(Input!$D$22=2,M5758*Input!$C$22,0)</f>
        <v>1.0410113184387171</v>
      </c>
      <c r="P5758" s="59">
        <f>IF(Input!$D$19=3,J5758*Input!$C$19,0)+IF(Input!$D$20=3,K5758*Input!$C$20,0)+IF(Input!$D$21=3,L5758*Input!$C$21,0)+IF(Input!$D$22=3,M5758*Input!$C$22,0)</f>
        <v>0</v>
      </c>
      <c r="Q5758" s="75">
        <f>IF(Input!$D$19=4,J5758*Input!$C$19,0)+IF(Input!$D$20=4,K5758*Input!$C$20,0)+IF(Input!$D$21=4,L5758*Input!$C$21,0)+IF(Input!$D$22=4,M5758*Input!$C$22,0)</f>
        <v>0</v>
      </c>
      <c r="R5758" s="58">
        <v>69.565567370982748</v>
      </c>
      <c r="S5758" s="124">
        <f t="shared" si="89"/>
        <v>1.8044196186271098</v>
      </c>
    </row>
    <row r="5759" spans="8:19" x14ac:dyDescent="0.3">
      <c r="H5759" s="44">
        <v>5752</v>
      </c>
      <c r="I5759" s="56">
        <f>Bühler!I5785</f>
        <v>0.41640452737548683</v>
      </c>
      <c r="J5759" s="59">
        <f>Bühler!J5785</f>
        <v>1.3880150912516229</v>
      </c>
      <c r="K5759" s="59">
        <f>Bühler!K5785</f>
        <v>2.0820226368774342</v>
      </c>
      <c r="L5759" s="59">
        <f>Bühler!L5785</f>
        <v>9.993708657011684</v>
      </c>
      <c r="M5759" s="58">
        <f>Bühler!M5785</f>
        <v>0</v>
      </c>
      <c r="N5759" s="56">
        <f>IF(Input!$D$19=1,J5759*Input!$C$19,0)+IF(Input!$D$20=1,K5759*Input!$C$20,0)+IF(Input!$D$21=1,L5759*Input!$C$21,0)+IF(Input!$D$22=1,M5759*Input!$C$22,0)</f>
        <v>0.41640452737548689</v>
      </c>
      <c r="O5759" s="59">
        <f>IF(Input!$D$19=2,J5759*Input!$C$19,0)+IF(Input!$D$20=2,K5759*Input!$C$20,0)+IF(Input!$D$21=2,L5759*Input!$C$21,0)+IF(Input!$D$22=2,M5759*Input!$C$22,0)</f>
        <v>1.0410113184387171</v>
      </c>
      <c r="P5759" s="59">
        <f>IF(Input!$D$19=3,J5759*Input!$C$19,0)+IF(Input!$D$20=3,K5759*Input!$C$20,0)+IF(Input!$D$21=3,L5759*Input!$C$21,0)+IF(Input!$D$22=3,M5759*Input!$C$22,0)</f>
        <v>0</v>
      </c>
      <c r="Q5759" s="75">
        <f>IF(Input!$D$19=4,J5759*Input!$C$19,0)+IF(Input!$D$20=4,K5759*Input!$C$20,0)+IF(Input!$D$21=4,L5759*Input!$C$21,0)+IF(Input!$D$22=4,M5759*Input!$C$22,0)</f>
        <v>0</v>
      </c>
      <c r="R5759" s="58">
        <v>69.906264589223795</v>
      </c>
      <c r="S5759" s="124">
        <f t="shared" si="89"/>
        <v>1.8044196186271098</v>
      </c>
    </row>
    <row r="5760" spans="8:19" x14ac:dyDescent="0.3">
      <c r="H5760" s="44">
        <v>5753</v>
      </c>
      <c r="I5760" s="56">
        <f>Bühler!I5786</f>
        <v>0.41640452737548683</v>
      </c>
      <c r="J5760" s="59">
        <f>Bühler!J5786</f>
        <v>1.3880150912516229</v>
      </c>
      <c r="K5760" s="59">
        <f>Bühler!K5786</f>
        <v>2.0820226368774342</v>
      </c>
      <c r="L5760" s="59">
        <f>Bühler!L5786</f>
        <v>9.993708657011684</v>
      </c>
      <c r="M5760" s="58">
        <f>Bühler!M5786</f>
        <v>0</v>
      </c>
      <c r="N5760" s="56">
        <f>IF(Input!$D$19=1,J5760*Input!$C$19,0)+IF(Input!$D$20=1,K5760*Input!$C$20,0)+IF(Input!$D$21=1,L5760*Input!$C$21,0)+IF(Input!$D$22=1,M5760*Input!$C$22,0)</f>
        <v>0.41640452737548689</v>
      </c>
      <c r="O5760" s="59">
        <f>IF(Input!$D$19=2,J5760*Input!$C$19,0)+IF(Input!$D$20=2,K5760*Input!$C$20,0)+IF(Input!$D$21=2,L5760*Input!$C$21,0)+IF(Input!$D$22=2,M5760*Input!$C$22,0)</f>
        <v>1.0410113184387171</v>
      </c>
      <c r="P5760" s="59">
        <f>IF(Input!$D$19=3,J5760*Input!$C$19,0)+IF(Input!$D$20=3,K5760*Input!$C$20,0)+IF(Input!$D$21=3,L5760*Input!$C$21,0)+IF(Input!$D$22=3,M5760*Input!$C$22,0)</f>
        <v>0</v>
      </c>
      <c r="Q5760" s="75">
        <f>IF(Input!$D$19=4,J5760*Input!$C$19,0)+IF(Input!$D$20=4,K5760*Input!$C$20,0)+IF(Input!$D$21=4,L5760*Input!$C$21,0)+IF(Input!$D$22=4,M5760*Input!$C$22,0)</f>
        <v>0</v>
      </c>
      <c r="R5760" s="58">
        <v>68.324031725663161</v>
      </c>
      <c r="S5760" s="124">
        <f t="shared" si="89"/>
        <v>1.8044196186271098</v>
      </c>
    </row>
    <row r="5761" spans="8:19" x14ac:dyDescent="0.3">
      <c r="H5761" s="44">
        <v>5754</v>
      </c>
      <c r="I5761" s="56">
        <f>Bühler!I5787</f>
        <v>0.41640452737548683</v>
      </c>
      <c r="J5761" s="59">
        <f>Bühler!J5787</f>
        <v>1.3880150912516229</v>
      </c>
      <c r="K5761" s="59">
        <f>Bühler!K5787</f>
        <v>2.0820226368774342</v>
      </c>
      <c r="L5761" s="59">
        <f>Bühler!L5787</f>
        <v>9.993708657011684</v>
      </c>
      <c r="M5761" s="58">
        <f>Bühler!M5787</f>
        <v>0</v>
      </c>
      <c r="N5761" s="56">
        <f>IF(Input!$D$19=1,J5761*Input!$C$19,0)+IF(Input!$D$20=1,K5761*Input!$C$20,0)+IF(Input!$D$21=1,L5761*Input!$C$21,0)+IF(Input!$D$22=1,M5761*Input!$C$22,0)</f>
        <v>0.41640452737548689</v>
      </c>
      <c r="O5761" s="59">
        <f>IF(Input!$D$19=2,J5761*Input!$C$19,0)+IF(Input!$D$20=2,K5761*Input!$C$20,0)+IF(Input!$D$21=2,L5761*Input!$C$21,0)+IF(Input!$D$22=2,M5761*Input!$C$22,0)</f>
        <v>1.0410113184387171</v>
      </c>
      <c r="P5761" s="59">
        <f>IF(Input!$D$19=3,J5761*Input!$C$19,0)+IF(Input!$D$20=3,K5761*Input!$C$20,0)+IF(Input!$D$21=3,L5761*Input!$C$21,0)+IF(Input!$D$22=3,M5761*Input!$C$22,0)</f>
        <v>0</v>
      </c>
      <c r="Q5761" s="75">
        <f>IF(Input!$D$19=4,J5761*Input!$C$19,0)+IF(Input!$D$20=4,K5761*Input!$C$20,0)+IF(Input!$D$21=4,L5761*Input!$C$21,0)+IF(Input!$D$22=4,M5761*Input!$C$22,0)</f>
        <v>0</v>
      </c>
      <c r="R5761" s="58">
        <v>66.870582903412497</v>
      </c>
      <c r="S5761" s="124">
        <f t="shared" si="89"/>
        <v>1.8044196186271098</v>
      </c>
    </row>
    <row r="5762" spans="8:19" x14ac:dyDescent="0.3">
      <c r="H5762" s="44">
        <v>5755</v>
      </c>
      <c r="I5762" s="56">
        <f>Bühler!I5788</f>
        <v>0.41640452737548683</v>
      </c>
      <c r="J5762" s="59">
        <f>Bühler!J5788</f>
        <v>1.3880150912516229</v>
      </c>
      <c r="K5762" s="59">
        <f>Bühler!K5788</f>
        <v>2.0820226368774342</v>
      </c>
      <c r="L5762" s="59">
        <f>Bühler!L5788</f>
        <v>9.993708657011684</v>
      </c>
      <c r="M5762" s="58">
        <f>Bühler!M5788</f>
        <v>0</v>
      </c>
      <c r="N5762" s="56">
        <f>IF(Input!$D$19=1,J5762*Input!$C$19,0)+IF(Input!$D$20=1,K5762*Input!$C$20,0)+IF(Input!$D$21=1,L5762*Input!$C$21,0)+IF(Input!$D$22=1,M5762*Input!$C$22,0)</f>
        <v>0.41640452737548689</v>
      </c>
      <c r="O5762" s="59">
        <f>IF(Input!$D$19=2,J5762*Input!$C$19,0)+IF(Input!$D$20=2,K5762*Input!$C$20,0)+IF(Input!$D$21=2,L5762*Input!$C$21,0)+IF(Input!$D$22=2,M5762*Input!$C$22,0)</f>
        <v>1.0410113184387171</v>
      </c>
      <c r="P5762" s="59">
        <f>IF(Input!$D$19=3,J5762*Input!$C$19,0)+IF(Input!$D$20=3,K5762*Input!$C$20,0)+IF(Input!$D$21=3,L5762*Input!$C$21,0)+IF(Input!$D$22=3,M5762*Input!$C$22,0)</f>
        <v>0</v>
      </c>
      <c r="Q5762" s="75">
        <f>IF(Input!$D$19=4,J5762*Input!$C$19,0)+IF(Input!$D$20=4,K5762*Input!$C$20,0)+IF(Input!$D$21=4,L5762*Input!$C$21,0)+IF(Input!$D$22=4,M5762*Input!$C$22,0)</f>
        <v>0</v>
      </c>
      <c r="R5762" s="58">
        <v>65.087443466914252</v>
      </c>
      <c r="S5762" s="124">
        <f t="shared" si="89"/>
        <v>1.8044196186271098</v>
      </c>
    </row>
    <row r="5763" spans="8:19" x14ac:dyDescent="0.3">
      <c r="H5763" s="44">
        <v>5756</v>
      </c>
      <c r="I5763" s="56">
        <f>Bühler!I5789</f>
        <v>0.34873879167697019</v>
      </c>
      <c r="J5763" s="59">
        <f>Bühler!J5789</f>
        <v>1.162462638923234</v>
      </c>
      <c r="K5763" s="59">
        <f>Bühler!K5789</f>
        <v>1.743693958384851</v>
      </c>
      <c r="L5763" s="59">
        <f>Bühler!L5789</f>
        <v>8.3697310002472847</v>
      </c>
      <c r="M5763" s="58">
        <f>Bühler!M5789</f>
        <v>0</v>
      </c>
      <c r="N5763" s="56">
        <f>IF(Input!$D$19=1,J5763*Input!$C$19,0)+IF(Input!$D$20=1,K5763*Input!$C$20,0)+IF(Input!$D$21=1,L5763*Input!$C$21,0)+IF(Input!$D$22=1,M5763*Input!$C$22,0)</f>
        <v>0.34873879167697019</v>
      </c>
      <c r="O5763" s="59">
        <f>IF(Input!$D$19=2,J5763*Input!$C$19,0)+IF(Input!$D$20=2,K5763*Input!$C$20,0)+IF(Input!$D$21=2,L5763*Input!$C$21,0)+IF(Input!$D$22=2,M5763*Input!$C$22,0)</f>
        <v>0.87184697919242549</v>
      </c>
      <c r="P5763" s="59">
        <f>IF(Input!$D$19=3,J5763*Input!$C$19,0)+IF(Input!$D$20=3,K5763*Input!$C$20,0)+IF(Input!$D$21=3,L5763*Input!$C$21,0)+IF(Input!$D$22=3,M5763*Input!$C$22,0)</f>
        <v>0</v>
      </c>
      <c r="Q5763" s="75">
        <f>IF(Input!$D$19=4,J5763*Input!$C$19,0)+IF(Input!$D$20=4,K5763*Input!$C$20,0)+IF(Input!$D$21=4,L5763*Input!$C$21,0)+IF(Input!$D$22=4,M5763*Input!$C$22,0)</f>
        <v>0</v>
      </c>
      <c r="R5763" s="58">
        <v>64.651354582360156</v>
      </c>
      <c r="S5763" s="124">
        <f t="shared" si="89"/>
        <v>1.5112014306002042</v>
      </c>
    </row>
    <row r="5764" spans="8:19" x14ac:dyDescent="0.3">
      <c r="H5764" s="44">
        <v>5757</v>
      </c>
      <c r="I5764" s="56">
        <f>Bühler!I5790</f>
        <v>0.28627811257064717</v>
      </c>
      <c r="J5764" s="59">
        <f>Bühler!J5790</f>
        <v>0.95426037523549057</v>
      </c>
      <c r="K5764" s="59">
        <f>Bühler!K5790</f>
        <v>1.4313905628532357</v>
      </c>
      <c r="L5764" s="59">
        <f>Bühler!L5790</f>
        <v>6.8706747016955312</v>
      </c>
      <c r="M5764" s="58">
        <f>Bühler!M5790</f>
        <v>0</v>
      </c>
      <c r="N5764" s="56">
        <f>IF(Input!$D$19=1,J5764*Input!$C$19,0)+IF(Input!$D$20=1,K5764*Input!$C$20,0)+IF(Input!$D$21=1,L5764*Input!$C$21,0)+IF(Input!$D$22=1,M5764*Input!$C$22,0)</f>
        <v>0.28627811257064717</v>
      </c>
      <c r="O5764" s="59">
        <f>IF(Input!$D$19=2,J5764*Input!$C$19,0)+IF(Input!$D$20=2,K5764*Input!$C$20,0)+IF(Input!$D$21=2,L5764*Input!$C$21,0)+IF(Input!$D$22=2,M5764*Input!$C$22,0)</f>
        <v>0.71569528142661787</v>
      </c>
      <c r="P5764" s="59">
        <f>IF(Input!$D$19=3,J5764*Input!$C$19,0)+IF(Input!$D$20=3,K5764*Input!$C$20,0)+IF(Input!$D$21=3,L5764*Input!$C$21,0)+IF(Input!$D$22=3,M5764*Input!$C$22,0)</f>
        <v>0</v>
      </c>
      <c r="Q5764" s="75">
        <f>IF(Input!$D$19=4,J5764*Input!$C$19,0)+IF(Input!$D$20=4,K5764*Input!$C$20,0)+IF(Input!$D$21=4,L5764*Input!$C$21,0)+IF(Input!$D$22=4,M5764*Input!$C$22,0)</f>
        <v>0</v>
      </c>
      <c r="R5764" s="58">
        <v>62.912848999404751</v>
      </c>
      <c r="S5764" s="124">
        <f t="shared" si="89"/>
        <v>1.2405384878061376</v>
      </c>
    </row>
    <row r="5765" spans="8:19" x14ac:dyDescent="0.3">
      <c r="H5765" s="44">
        <v>5758</v>
      </c>
      <c r="I5765" s="56">
        <f>Bühler!I5791</f>
        <v>0.20820226368774342</v>
      </c>
      <c r="J5765" s="59">
        <f>Bühler!J5791</f>
        <v>0.69400754562581146</v>
      </c>
      <c r="K5765" s="59">
        <f>Bühler!K5791</f>
        <v>1.0410113184387171</v>
      </c>
      <c r="L5765" s="59">
        <f>Bühler!L5791</f>
        <v>4.996854328505842</v>
      </c>
      <c r="M5765" s="58">
        <f>Bühler!M5791</f>
        <v>0</v>
      </c>
      <c r="N5765" s="56">
        <f>IF(Input!$D$19=1,J5765*Input!$C$19,0)+IF(Input!$D$20=1,K5765*Input!$C$20,0)+IF(Input!$D$21=1,L5765*Input!$C$21,0)+IF(Input!$D$22=1,M5765*Input!$C$22,0)</f>
        <v>0.20820226368774344</v>
      </c>
      <c r="O5765" s="59">
        <f>IF(Input!$D$19=2,J5765*Input!$C$19,0)+IF(Input!$D$20=2,K5765*Input!$C$20,0)+IF(Input!$D$21=2,L5765*Input!$C$21,0)+IF(Input!$D$22=2,M5765*Input!$C$22,0)</f>
        <v>0.52050565921935854</v>
      </c>
      <c r="P5765" s="59">
        <f>IF(Input!$D$19=3,J5765*Input!$C$19,0)+IF(Input!$D$20=3,K5765*Input!$C$20,0)+IF(Input!$D$21=3,L5765*Input!$C$21,0)+IF(Input!$D$22=3,M5765*Input!$C$22,0)</f>
        <v>0</v>
      </c>
      <c r="Q5765" s="75">
        <f>IF(Input!$D$19=4,J5765*Input!$C$19,0)+IF(Input!$D$20=4,K5765*Input!$C$20,0)+IF(Input!$D$21=4,L5765*Input!$C$21,0)+IF(Input!$D$22=4,M5765*Input!$C$22,0)</f>
        <v>0</v>
      </c>
      <c r="R5765" s="58">
        <v>60.679425017315204</v>
      </c>
      <c r="S5765" s="124">
        <f t="shared" si="89"/>
        <v>0.90220980931355488</v>
      </c>
    </row>
    <row r="5766" spans="8:19" x14ac:dyDescent="0.3">
      <c r="H5766" s="44">
        <v>5759</v>
      </c>
      <c r="I5766" s="56">
        <f>Bühler!I5792</f>
        <v>0.20820226368774342</v>
      </c>
      <c r="J5766" s="59">
        <f>Bühler!J5792</f>
        <v>0.69400754562581146</v>
      </c>
      <c r="K5766" s="59">
        <f>Bühler!K5792</f>
        <v>1.0410113184387171</v>
      </c>
      <c r="L5766" s="59">
        <f>Bühler!L5792</f>
        <v>4.996854328505842</v>
      </c>
      <c r="M5766" s="58">
        <f>Bühler!M5792</f>
        <v>0</v>
      </c>
      <c r="N5766" s="56">
        <f>IF(Input!$D$19=1,J5766*Input!$C$19,0)+IF(Input!$D$20=1,K5766*Input!$C$20,0)+IF(Input!$D$21=1,L5766*Input!$C$21,0)+IF(Input!$D$22=1,M5766*Input!$C$22,0)</f>
        <v>0.20820226368774344</v>
      </c>
      <c r="O5766" s="59">
        <f>IF(Input!$D$19=2,J5766*Input!$C$19,0)+IF(Input!$D$20=2,K5766*Input!$C$20,0)+IF(Input!$D$21=2,L5766*Input!$C$21,0)+IF(Input!$D$22=2,M5766*Input!$C$22,0)</f>
        <v>0.52050565921935854</v>
      </c>
      <c r="P5766" s="59">
        <f>IF(Input!$D$19=3,J5766*Input!$C$19,0)+IF(Input!$D$20=3,K5766*Input!$C$20,0)+IF(Input!$D$21=3,L5766*Input!$C$21,0)+IF(Input!$D$22=3,M5766*Input!$C$22,0)</f>
        <v>0</v>
      </c>
      <c r="Q5766" s="75">
        <f>IF(Input!$D$19=4,J5766*Input!$C$19,0)+IF(Input!$D$20=4,K5766*Input!$C$20,0)+IF(Input!$D$21=4,L5766*Input!$C$21,0)+IF(Input!$D$22=4,M5766*Input!$C$22,0)</f>
        <v>0</v>
      </c>
      <c r="R5766" s="58">
        <v>60.059282667059485</v>
      </c>
      <c r="S5766" s="124">
        <f t="shared" si="89"/>
        <v>0.90220980931355488</v>
      </c>
    </row>
    <row r="5767" spans="8:19" x14ac:dyDescent="0.3">
      <c r="H5767" s="44">
        <v>5760</v>
      </c>
      <c r="I5767" s="56">
        <f>Bühler!I5793</f>
        <v>0.20820226368774342</v>
      </c>
      <c r="J5767" s="59">
        <f>Bühler!J5793</f>
        <v>0.69400754562581146</v>
      </c>
      <c r="K5767" s="59">
        <f>Bühler!K5793</f>
        <v>1.0410113184387171</v>
      </c>
      <c r="L5767" s="59">
        <f>Bühler!L5793</f>
        <v>4.996854328505842</v>
      </c>
      <c r="M5767" s="58">
        <f>Bühler!M5793</f>
        <v>0</v>
      </c>
      <c r="N5767" s="56">
        <f>IF(Input!$D$19=1,J5767*Input!$C$19,0)+IF(Input!$D$20=1,K5767*Input!$C$20,0)+IF(Input!$D$21=1,L5767*Input!$C$21,0)+IF(Input!$D$22=1,M5767*Input!$C$22,0)</f>
        <v>0.20820226368774344</v>
      </c>
      <c r="O5767" s="59">
        <f>IF(Input!$D$19=2,J5767*Input!$C$19,0)+IF(Input!$D$20=2,K5767*Input!$C$20,0)+IF(Input!$D$21=2,L5767*Input!$C$21,0)+IF(Input!$D$22=2,M5767*Input!$C$22,0)</f>
        <v>0.52050565921935854</v>
      </c>
      <c r="P5767" s="59">
        <f>IF(Input!$D$19=3,J5767*Input!$C$19,0)+IF(Input!$D$20=3,K5767*Input!$C$20,0)+IF(Input!$D$21=3,L5767*Input!$C$21,0)+IF(Input!$D$22=3,M5767*Input!$C$22,0)</f>
        <v>0</v>
      </c>
      <c r="Q5767" s="75">
        <f>IF(Input!$D$19=4,J5767*Input!$C$19,0)+IF(Input!$D$20=4,K5767*Input!$C$20,0)+IF(Input!$D$21=4,L5767*Input!$C$21,0)+IF(Input!$D$22=4,M5767*Input!$C$22,0)</f>
        <v>0</v>
      </c>
      <c r="R5767" s="58">
        <v>59.636746544329355</v>
      </c>
      <c r="S5767" s="124">
        <f t="shared" si="89"/>
        <v>0.90220980931355488</v>
      </c>
    </row>
    <row r="5768" spans="8:19" x14ac:dyDescent="0.3">
      <c r="H5768" s="44">
        <v>5761</v>
      </c>
      <c r="I5768" s="56">
        <f>Bühler!I5794</f>
        <v>0.18568806416302611</v>
      </c>
      <c r="J5768" s="59">
        <f>Bühler!J5794</f>
        <v>0.61896021387675371</v>
      </c>
      <c r="K5768" s="59">
        <f>Bühler!K5794</f>
        <v>0.9284403208151305</v>
      </c>
      <c r="L5768" s="59">
        <f>Bühler!L5794</f>
        <v>4.4565135399126268</v>
      </c>
      <c r="M5768" s="58">
        <f>Bühler!M5794</f>
        <v>0</v>
      </c>
      <c r="N5768" s="56">
        <f>IF(Input!$D$19=1,J5768*Input!$C$19,0)+IF(Input!$D$20=1,K5768*Input!$C$20,0)+IF(Input!$D$21=1,L5768*Input!$C$21,0)+IF(Input!$D$22=1,M5768*Input!$C$22,0)</f>
        <v>0.18568806416302611</v>
      </c>
      <c r="O5768" s="59">
        <f>IF(Input!$D$19=2,J5768*Input!$C$19,0)+IF(Input!$D$20=2,K5768*Input!$C$20,0)+IF(Input!$D$21=2,L5768*Input!$C$21,0)+IF(Input!$D$22=2,M5768*Input!$C$22,0)</f>
        <v>0.46422016040756525</v>
      </c>
      <c r="P5768" s="59">
        <f>IF(Input!$D$19=3,J5768*Input!$C$19,0)+IF(Input!$D$20=3,K5768*Input!$C$20,0)+IF(Input!$D$21=3,L5768*Input!$C$21,0)+IF(Input!$D$22=3,M5768*Input!$C$22,0)</f>
        <v>0</v>
      </c>
      <c r="Q5768" s="75">
        <f>IF(Input!$D$19=4,J5768*Input!$C$19,0)+IF(Input!$D$20=4,K5768*Input!$C$20,0)+IF(Input!$D$21=4,L5768*Input!$C$21,0)+IF(Input!$D$22=4,M5768*Input!$C$22,0)</f>
        <v>0</v>
      </c>
      <c r="R5768" s="58">
        <v>58.744239465768423</v>
      </c>
      <c r="S5768" s="124">
        <f t="shared" si="89"/>
        <v>0.80464827803977979</v>
      </c>
    </row>
    <row r="5769" spans="8:19" x14ac:dyDescent="0.3">
      <c r="H5769" s="44">
        <v>5762</v>
      </c>
      <c r="I5769" s="56">
        <f>Bühler!I5795</f>
        <v>0.20889907218340437</v>
      </c>
      <c r="J5769" s="59">
        <f>Bühler!J5795</f>
        <v>0.69633024061134796</v>
      </c>
      <c r="K5769" s="59">
        <f>Bühler!K5795</f>
        <v>1.0444953609170218</v>
      </c>
      <c r="L5769" s="59">
        <f>Bühler!L5795</f>
        <v>5.0135777324017052</v>
      </c>
      <c r="M5769" s="58">
        <f>Bühler!M5795</f>
        <v>0</v>
      </c>
      <c r="N5769" s="56">
        <f>IF(Input!$D$19=1,J5769*Input!$C$19,0)+IF(Input!$D$20=1,K5769*Input!$C$20,0)+IF(Input!$D$21=1,L5769*Input!$C$21,0)+IF(Input!$D$22=1,M5769*Input!$C$22,0)</f>
        <v>0.20889907218340439</v>
      </c>
      <c r="O5769" s="59">
        <f>IF(Input!$D$19=2,J5769*Input!$C$19,0)+IF(Input!$D$20=2,K5769*Input!$C$20,0)+IF(Input!$D$21=2,L5769*Input!$C$21,0)+IF(Input!$D$22=2,M5769*Input!$C$22,0)</f>
        <v>0.52224768045851089</v>
      </c>
      <c r="P5769" s="59">
        <f>IF(Input!$D$19=3,J5769*Input!$C$19,0)+IF(Input!$D$20=3,K5769*Input!$C$20,0)+IF(Input!$D$21=3,L5769*Input!$C$21,0)+IF(Input!$D$22=3,M5769*Input!$C$22,0)</f>
        <v>0</v>
      </c>
      <c r="Q5769" s="75">
        <f>IF(Input!$D$19=4,J5769*Input!$C$19,0)+IF(Input!$D$20=4,K5769*Input!$C$20,0)+IF(Input!$D$21=4,L5769*Input!$C$21,0)+IF(Input!$D$22=4,M5769*Input!$C$22,0)</f>
        <v>0</v>
      </c>
      <c r="R5769" s="58">
        <v>58.298961543402228</v>
      </c>
      <c r="S5769" s="124">
        <f t="shared" ref="S5769:S5832" si="90">I5769+J5769</f>
        <v>0.90522931279475238</v>
      </c>
    </row>
    <row r="5770" spans="8:19" x14ac:dyDescent="0.3">
      <c r="H5770" s="44">
        <v>5763</v>
      </c>
      <c r="I5770" s="56">
        <f>Bühler!I5796</f>
        <v>0.20889907218340437</v>
      </c>
      <c r="J5770" s="59">
        <f>Bühler!J5796</f>
        <v>0.69633024061134796</v>
      </c>
      <c r="K5770" s="59">
        <f>Bühler!K5796</f>
        <v>1.0444953609170218</v>
      </c>
      <c r="L5770" s="59">
        <f>Bühler!L5796</f>
        <v>5.0135777324017052</v>
      </c>
      <c r="M5770" s="58">
        <f>Bühler!M5796</f>
        <v>0</v>
      </c>
      <c r="N5770" s="56">
        <f>IF(Input!$D$19=1,J5770*Input!$C$19,0)+IF(Input!$D$20=1,K5770*Input!$C$20,0)+IF(Input!$D$21=1,L5770*Input!$C$21,0)+IF(Input!$D$22=1,M5770*Input!$C$22,0)</f>
        <v>0.20889907218340439</v>
      </c>
      <c r="O5770" s="59">
        <f>IF(Input!$D$19=2,J5770*Input!$C$19,0)+IF(Input!$D$20=2,K5770*Input!$C$20,0)+IF(Input!$D$21=2,L5770*Input!$C$21,0)+IF(Input!$D$22=2,M5770*Input!$C$22,0)</f>
        <v>0.52224768045851089</v>
      </c>
      <c r="P5770" s="59">
        <f>IF(Input!$D$19=3,J5770*Input!$C$19,0)+IF(Input!$D$20=3,K5770*Input!$C$20,0)+IF(Input!$D$21=3,L5770*Input!$C$21,0)+IF(Input!$D$22=3,M5770*Input!$C$22,0)</f>
        <v>0</v>
      </c>
      <c r="Q5770" s="75">
        <f>IF(Input!$D$19=4,J5770*Input!$C$19,0)+IF(Input!$D$20=4,K5770*Input!$C$20,0)+IF(Input!$D$21=4,L5770*Input!$C$21,0)+IF(Input!$D$22=4,M5770*Input!$C$22,0)</f>
        <v>0</v>
      </c>
      <c r="R5770" s="58">
        <v>58.263382785431965</v>
      </c>
      <c r="S5770" s="124">
        <f t="shared" si="90"/>
        <v>0.90522931279475238</v>
      </c>
    </row>
    <row r="5771" spans="8:19" x14ac:dyDescent="0.3">
      <c r="H5771" s="44">
        <v>5764</v>
      </c>
      <c r="I5771" s="56">
        <f>Bühler!I5797</f>
        <v>0.20889907218340437</v>
      </c>
      <c r="J5771" s="59">
        <f>Bühler!J5797</f>
        <v>0.69633024061134796</v>
      </c>
      <c r="K5771" s="59">
        <f>Bühler!K5797</f>
        <v>1.0444953609170218</v>
      </c>
      <c r="L5771" s="59">
        <f>Bühler!L5797</f>
        <v>5.0135777324017052</v>
      </c>
      <c r="M5771" s="58">
        <f>Bühler!M5797</f>
        <v>0</v>
      </c>
      <c r="N5771" s="56">
        <f>IF(Input!$D$19=1,J5771*Input!$C$19,0)+IF(Input!$D$20=1,K5771*Input!$C$20,0)+IF(Input!$D$21=1,L5771*Input!$C$21,0)+IF(Input!$D$22=1,M5771*Input!$C$22,0)</f>
        <v>0.20889907218340439</v>
      </c>
      <c r="O5771" s="59">
        <f>IF(Input!$D$19=2,J5771*Input!$C$19,0)+IF(Input!$D$20=2,K5771*Input!$C$20,0)+IF(Input!$D$21=2,L5771*Input!$C$21,0)+IF(Input!$D$22=2,M5771*Input!$C$22,0)</f>
        <v>0.52224768045851089</v>
      </c>
      <c r="P5771" s="59">
        <f>IF(Input!$D$19=3,J5771*Input!$C$19,0)+IF(Input!$D$20=3,K5771*Input!$C$20,0)+IF(Input!$D$21=3,L5771*Input!$C$21,0)+IF(Input!$D$22=3,M5771*Input!$C$22,0)</f>
        <v>0</v>
      </c>
      <c r="Q5771" s="75">
        <f>IF(Input!$D$19=4,J5771*Input!$C$19,0)+IF(Input!$D$20=4,K5771*Input!$C$20,0)+IF(Input!$D$21=4,L5771*Input!$C$21,0)+IF(Input!$D$22=4,M5771*Input!$C$22,0)</f>
        <v>0</v>
      </c>
      <c r="R5771" s="58">
        <v>59.27738259503294</v>
      </c>
      <c r="S5771" s="124">
        <f t="shared" si="90"/>
        <v>0.90522931279475238</v>
      </c>
    </row>
    <row r="5772" spans="8:19" x14ac:dyDescent="0.3">
      <c r="H5772" s="44">
        <v>5765</v>
      </c>
      <c r="I5772" s="56">
        <f>Bühler!I5798</f>
        <v>0.20889907218340437</v>
      </c>
      <c r="J5772" s="59">
        <f>Bühler!J5798</f>
        <v>0.69633024061134796</v>
      </c>
      <c r="K5772" s="59">
        <f>Bühler!K5798</f>
        <v>1.0444953609170218</v>
      </c>
      <c r="L5772" s="59">
        <f>Bühler!L5798</f>
        <v>5.0135777324017052</v>
      </c>
      <c r="M5772" s="58">
        <f>Bühler!M5798</f>
        <v>0</v>
      </c>
      <c r="N5772" s="56">
        <f>IF(Input!$D$19=1,J5772*Input!$C$19,0)+IF(Input!$D$20=1,K5772*Input!$C$20,0)+IF(Input!$D$21=1,L5772*Input!$C$21,0)+IF(Input!$D$22=1,M5772*Input!$C$22,0)</f>
        <v>0.20889907218340439</v>
      </c>
      <c r="O5772" s="59">
        <f>IF(Input!$D$19=2,J5772*Input!$C$19,0)+IF(Input!$D$20=2,K5772*Input!$C$20,0)+IF(Input!$D$21=2,L5772*Input!$C$21,0)+IF(Input!$D$22=2,M5772*Input!$C$22,0)</f>
        <v>0.52224768045851089</v>
      </c>
      <c r="P5772" s="59">
        <f>IF(Input!$D$19=3,J5772*Input!$C$19,0)+IF(Input!$D$20=3,K5772*Input!$C$20,0)+IF(Input!$D$21=3,L5772*Input!$C$21,0)+IF(Input!$D$22=3,M5772*Input!$C$22,0)</f>
        <v>0</v>
      </c>
      <c r="Q5772" s="75">
        <f>IF(Input!$D$19=4,J5772*Input!$C$19,0)+IF(Input!$D$20=4,K5772*Input!$C$20,0)+IF(Input!$D$21=4,L5772*Input!$C$21,0)+IF(Input!$D$22=4,M5772*Input!$C$22,0)</f>
        <v>0</v>
      </c>
      <c r="R5772" s="58">
        <v>60.4243759863352</v>
      </c>
      <c r="S5772" s="124">
        <f t="shared" si="90"/>
        <v>0.90522931279475238</v>
      </c>
    </row>
    <row r="5773" spans="8:19" x14ac:dyDescent="0.3">
      <c r="H5773" s="44">
        <v>5766</v>
      </c>
      <c r="I5773" s="56">
        <f>Bühler!I5799</f>
        <v>0.26924769303638785</v>
      </c>
      <c r="J5773" s="59">
        <f>Bühler!J5799</f>
        <v>0.89749231012129282</v>
      </c>
      <c r="K5773" s="59">
        <f>Bühler!K5799</f>
        <v>1.3462384651819392</v>
      </c>
      <c r="L5773" s="59">
        <f>Bühler!L5799</f>
        <v>6.4619446328733083</v>
      </c>
      <c r="M5773" s="58">
        <f>Bühler!M5799</f>
        <v>0</v>
      </c>
      <c r="N5773" s="56">
        <f>IF(Input!$D$19=1,J5773*Input!$C$19,0)+IF(Input!$D$20=1,K5773*Input!$C$20,0)+IF(Input!$D$21=1,L5773*Input!$C$21,0)+IF(Input!$D$22=1,M5773*Input!$C$22,0)</f>
        <v>0.26924769303638785</v>
      </c>
      <c r="O5773" s="59">
        <f>IF(Input!$D$19=2,J5773*Input!$C$19,0)+IF(Input!$D$20=2,K5773*Input!$C$20,0)+IF(Input!$D$21=2,L5773*Input!$C$21,0)+IF(Input!$D$22=2,M5773*Input!$C$22,0)</f>
        <v>0.67311923259096962</v>
      </c>
      <c r="P5773" s="59">
        <f>IF(Input!$D$19=3,J5773*Input!$C$19,0)+IF(Input!$D$20=3,K5773*Input!$C$20,0)+IF(Input!$D$21=3,L5773*Input!$C$21,0)+IF(Input!$D$22=3,M5773*Input!$C$22,0)</f>
        <v>0</v>
      </c>
      <c r="Q5773" s="75">
        <f>IF(Input!$D$19=4,J5773*Input!$C$19,0)+IF(Input!$D$20=4,K5773*Input!$C$20,0)+IF(Input!$D$21=4,L5773*Input!$C$21,0)+IF(Input!$D$22=4,M5773*Input!$C$22,0)</f>
        <v>0</v>
      </c>
      <c r="R5773" s="58">
        <v>63.610876575013883</v>
      </c>
      <c r="S5773" s="124">
        <f t="shared" si="90"/>
        <v>1.1667400031576807</v>
      </c>
    </row>
    <row r="5774" spans="8:19" x14ac:dyDescent="0.3">
      <c r="H5774" s="44">
        <v>5767</v>
      </c>
      <c r="I5774" s="56">
        <f>Bühler!I5800</f>
        <v>0.31102750747306873</v>
      </c>
      <c r="J5774" s="59">
        <f>Bühler!J5800</f>
        <v>1.0367583582435624</v>
      </c>
      <c r="K5774" s="59">
        <f>Bühler!K5800</f>
        <v>1.5551375373653438</v>
      </c>
      <c r="L5774" s="59">
        <f>Bühler!L5800</f>
        <v>7.4646601793536496</v>
      </c>
      <c r="M5774" s="58">
        <f>Bühler!M5800</f>
        <v>0</v>
      </c>
      <c r="N5774" s="56">
        <f>IF(Input!$D$19=1,J5774*Input!$C$19,0)+IF(Input!$D$20=1,K5774*Input!$C$20,0)+IF(Input!$D$21=1,L5774*Input!$C$21,0)+IF(Input!$D$22=1,M5774*Input!$C$22,0)</f>
        <v>0.31102750747306873</v>
      </c>
      <c r="O5774" s="59">
        <f>IF(Input!$D$19=2,J5774*Input!$C$19,0)+IF(Input!$D$20=2,K5774*Input!$C$20,0)+IF(Input!$D$21=2,L5774*Input!$C$21,0)+IF(Input!$D$22=2,M5774*Input!$C$22,0)</f>
        <v>0.77756876868267188</v>
      </c>
      <c r="P5774" s="59">
        <f>IF(Input!$D$19=3,J5774*Input!$C$19,0)+IF(Input!$D$20=3,K5774*Input!$C$20,0)+IF(Input!$D$21=3,L5774*Input!$C$21,0)+IF(Input!$D$22=3,M5774*Input!$C$22,0)</f>
        <v>0</v>
      </c>
      <c r="Q5774" s="75">
        <f>IF(Input!$D$19=4,J5774*Input!$C$19,0)+IF(Input!$D$20=4,K5774*Input!$C$20,0)+IF(Input!$D$21=4,L5774*Input!$C$21,0)+IF(Input!$D$22=4,M5774*Input!$C$22,0)</f>
        <v>0</v>
      </c>
      <c r="R5774" s="58">
        <v>66.775948464810924</v>
      </c>
      <c r="S5774" s="124">
        <f t="shared" si="90"/>
        <v>1.3477858657166313</v>
      </c>
    </row>
    <row r="5775" spans="8:19" x14ac:dyDescent="0.3">
      <c r="H5775" s="44">
        <v>5768</v>
      </c>
      <c r="I5775" s="56">
        <f>Bühler!I5801</f>
        <v>0.31102750747306873</v>
      </c>
      <c r="J5775" s="59">
        <f>Bühler!J5801</f>
        <v>1.0367583582435624</v>
      </c>
      <c r="K5775" s="59">
        <f>Bühler!K5801</f>
        <v>1.5551375373653438</v>
      </c>
      <c r="L5775" s="59">
        <f>Bühler!L5801</f>
        <v>7.4646601793536496</v>
      </c>
      <c r="M5775" s="58">
        <f>Bühler!M5801</f>
        <v>0</v>
      </c>
      <c r="N5775" s="56">
        <f>IF(Input!$D$19=1,J5775*Input!$C$19,0)+IF(Input!$D$20=1,K5775*Input!$C$20,0)+IF(Input!$D$21=1,L5775*Input!$C$21,0)+IF(Input!$D$22=1,M5775*Input!$C$22,0)</f>
        <v>0.31102750747306873</v>
      </c>
      <c r="O5775" s="59">
        <f>IF(Input!$D$19=2,J5775*Input!$C$19,0)+IF(Input!$D$20=2,K5775*Input!$C$20,0)+IF(Input!$D$21=2,L5775*Input!$C$21,0)+IF(Input!$D$22=2,M5775*Input!$C$22,0)</f>
        <v>0.77756876868267188</v>
      </c>
      <c r="P5775" s="59">
        <f>IF(Input!$D$19=3,J5775*Input!$C$19,0)+IF(Input!$D$20=3,K5775*Input!$C$20,0)+IF(Input!$D$21=3,L5775*Input!$C$21,0)+IF(Input!$D$22=3,M5775*Input!$C$22,0)</f>
        <v>0</v>
      </c>
      <c r="Q5775" s="75">
        <f>IF(Input!$D$19=4,J5775*Input!$C$19,0)+IF(Input!$D$20=4,K5775*Input!$C$20,0)+IF(Input!$D$21=4,L5775*Input!$C$21,0)+IF(Input!$D$22=4,M5775*Input!$C$22,0)</f>
        <v>0</v>
      </c>
      <c r="R5775" s="58">
        <v>68.457357917189853</v>
      </c>
      <c r="S5775" s="124">
        <f t="shared" si="90"/>
        <v>1.3477858657166313</v>
      </c>
    </row>
    <row r="5776" spans="8:19" x14ac:dyDescent="0.3">
      <c r="H5776" s="44">
        <v>5769</v>
      </c>
      <c r="I5776" s="56">
        <f>Bühler!I5802</f>
        <v>0.31102750747306873</v>
      </c>
      <c r="J5776" s="59">
        <f>Bühler!J5802</f>
        <v>1.0367583582435624</v>
      </c>
      <c r="K5776" s="59">
        <f>Bühler!K5802</f>
        <v>1.5551375373653438</v>
      </c>
      <c r="L5776" s="59">
        <f>Bühler!L5802</f>
        <v>7.4646601793536496</v>
      </c>
      <c r="M5776" s="58">
        <f>Bühler!M5802</f>
        <v>0</v>
      </c>
      <c r="N5776" s="56">
        <f>IF(Input!$D$19=1,J5776*Input!$C$19,0)+IF(Input!$D$20=1,K5776*Input!$C$20,0)+IF(Input!$D$21=1,L5776*Input!$C$21,0)+IF(Input!$D$22=1,M5776*Input!$C$22,0)</f>
        <v>0.31102750747306873</v>
      </c>
      <c r="O5776" s="59">
        <f>IF(Input!$D$19=2,J5776*Input!$C$19,0)+IF(Input!$D$20=2,K5776*Input!$C$20,0)+IF(Input!$D$21=2,L5776*Input!$C$21,0)+IF(Input!$D$22=2,M5776*Input!$C$22,0)</f>
        <v>0.77756876868267188</v>
      </c>
      <c r="P5776" s="59">
        <f>IF(Input!$D$19=3,J5776*Input!$C$19,0)+IF(Input!$D$20=3,K5776*Input!$C$20,0)+IF(Input!$D$21=3,L5776*Input!$C$21,0)+IF(Input!$D$22=3,M5776*Input!$C$22,0)</f>
        <v>0</v>
      </c>
      <c r="Q5776" s="75">
        <f>IF(Input!$D$19=4,J5776*Input!$C$19,0)+IF(Input!$D$20=4,K5776*Input!$C$20,0)+IF(Input!$D$21=4,L5776*Input!$C$21,0)+IF(Input!$D$22=4,M5776*Input!$C$22,0)</f>
        <v>0</v>
      </c>
      <c r="R5776" s="58">
        <v>69.746884543245443</v>
      </c>
      <c r="S5776" s="124">
        <f t="shared" si="90"/>
        <v>1.3477858657166313</v>
      </c>
    </row>
    <row r="5777" spans="8:19" x14ac:dyDescent="0.3">
      <c r="H5777" s="44">
        <v>5770</v>
      </c>
      <c r="I5777" s="56">
        <f>Bühler!I5803</f>
        <v>0.33423851549344702</v>
      </c>
      <c r="J5777" s="59">
        <f>Bühler!J5803</f>
        <v>1.1141283849781567</v>
      </c>
      <c r="K5777" s="59">
        <f>Bühler!K5803</f>
        <v>1.6711925774672352</v>
      </c>
      <c r="L5777" s="59">
        <f>Bühler!L5803</f>
        <v>8.021724371842728</v>
      </c>
      <c r="M5777" s="58">
        <f>Bühler!M5803</f>
        <v>0</v>
      </c>
      <c r="N5777" s="56">
        <f>IF(Input!$D$19=1,J5777*Input!$C$19,0)+IF(Input!$D$20=1,K5777*Input!$C$20,0)+IF(Input!$D$21=1,L5777*Input!$C$21,0)+IF(Input!$D$22=1,M5777*Input!$C$22,0)</f>
        <v>0.33423851549344702</v>
      </c>
      <c r="O5777" s="59">
        <f>IF(Input!$D$19=2,J5777*Input!$C$19,0)+IF(Input!$D$20=2,K5777*Input!$C$20,0)+IF(Input!$D$21=2,L5777*Input!$C$21,0)+IF(Input!$D$22=2,M5777*Input!$C$22,0)</f>
        <v>0.83559628873361758</v>
      </c>
      <c r="P5777" s="59">
        <f>IF(Input!$D$19=3,J5777*Input!$C$19,0)+IF(Input!$D$20=3,K5777*Input!$C$20,0)+IF(Input!$D$21=3,L5777*Input!$C$21,0)+IF(Input!$D$22=3,M5777*Input!$C$22,0)</f>
        <v>0</v>
      </c>
      <c r="Q5777" s="75">
        <f>IF(Input!$D$19=4,J5777*Input!$C$19,0)+IF(Input!$D$20=4,K5777*Input!$C$20,0)+IF(Input!$D$21=4,L5777*Input!$C$21,0)+IF(Input!$D$22=4,M5777*Input!$C$22,0)</f>
        <v>0</v>
      </c>
      <c r="R5777" s="58">
        <v>70.685843982990193</v>
      </c>
      <c r="S5777" s="124">
        <f t="shared" si="90"/>
        <v>1.4483669004716038</v>
      </c>
    </row>
    <row r="5778" spans="8:19" x14ac:dyDescent="0.3">
      <c r="H5778" s="44">
        <v>5771</v>
      </c>
      <c r="I5778" s="56">
        <f>Bühler!I5804</f>
        <v>0.36209172511790094</v>
      </c>
      <c r="J5778" s="59">
        <f>Bühler!J5804</f>
        <v>1.2069724170596698</v>
      </c>
      <c r="K5778" s="59">
        <f>Bühler!K5804</f>
        <v>1.8104586255895048</v>
      </c>
      <c r="L5778" s="59">
        <f>Bühler!L5804</f>
        <v>8.6902014028296222</v>
      </c>
      <c r="M5778" s="58">
        <f>Bühler!M5804</f>
        <v>0</v>
      </c>
      <c r="N5778" s="56">
        <f>IF(Input!$D$19=1,J5778*Input!$C$19,0)+IF(Input!$D$20=1,K5778*Input!$C$20,0)+IF(Input!$D$21=1,L5778*Input!$C$21,0)+IF(Input!$D$22=1,M5778*Input!$C$22,0)</f>
        <v>0.36209172511790094</v>
      </c>
      <c r="O5778" s="59">
        <f>IF(Input!$D$19=2,J5778*Input!$C$19,0)+IF(Input!$D$20=2,K5778*Input!$C$20,0)+IF(Input!$D$21=2,L5778*Input!$C$21,0)+IF(Input!$D$22=2,M5778*Input!$C$22,0)</f>
        <v>0.90522931279475238</v>
      </c>
      <c r="P5778" s="59">
        <f>IF(Input!$D$19=3,J5778*Input!$C$19,0)+IF(Input!$D$20=3,K5778*Input!$C$20,0)+IF(Input!$D$21=3,L5778*Input!$C$21,0)+IF(Input!$D$22=3,M5778*Input!$C$22,0)</f>
        <v>0</v>
      </c>
      <c r="Q5778" s="75">
        <f>IF(Input!$D$19=4,J5778*Input!$C$19,0)+IF(Input!$D$20=4,K5778*Input!$C$20,0)+IF(Input!$D$21=4,L5778*Input!$C$21,0)+IF(Input!$D$22=4,M5778*Input!$C$22,0)</f>
        <v>0</v>
      </c>
      <c r="R5778" s="58">
        <v>71.875580776991129</v>
      </c>
      <c r="S5778" s="124">
        <f t="shared" si="90"/>
        <v>1.5690641421775708</v>
      </c>
    </row>
    <row r="5779" spans="8:19" x14ac:dyDescent="0.3">
      <c r="H5779" s="44">
        <v>5772</v>
      </c>
      <c r="I5779" s="56">
        <f>Bühler!I5805</f>
        <v>0.41779814436680873</v>
      </c>
      <c r="J5779" s="59">
        <f>Bühler!J5805</f>
        <v>1.3926604812226959</v>
      </c>
      <c r="K5779" s="59">
        <f>Bühler!K5805</f>
        <v>2.0889907218340436</v>
      </c>
      <c r="L5779" s="59">
        <f>Bühler!L5805</f>
        <v>10.02715546480341</v>
      </c>
      <c r="M5779" s="58">
        <f>Bühler!M5805</f>
        <v>0</v>
      </c>
      <c r="N5779" s="56">
        <f>IF(Input!$D$19=1,J5779*Input!$C$19,0)+IF(Input!$D$20=1,K5779*Input!$C$20,0)+IF(Input!$D$21=1,L5779*Input!$C$21,0)+IF(Input!$D$22=1,M5779*Input!$C$22,0)</f>
        <v>0.41779814436680879</v>
      </c>
      <c r="O5779" s="59">
        <f>IF(Input!$D$19=2,J5779*Input!$C$19,0)+IF(Input!$D$20=2,K5779*Input!$C$20,0)+IF(Input!$D$21=2,L5779*Input!$C$21,0)+IF(Input!$D$22=2,M5779*Input!$C$22,0)</f>
        <v>1.0444953609170218</v>
      </c>
      <c r="P5779" s="59">
        <f>IF(Input!$D$19=3,J5779*Input!$C$19,0)+IF(Input!$D$20=3,K5779*Input!$C$20,0)+IF(Input!$D$21=3,L5779*Input!$C$21,0)+IF(Input!$D$22=3,M5779*Input!$C$22,0)</f>
        <v>0</v>
      </c>
      <c r="Q5779" s="75">
        <f>IF(Input!$D$19=4,J5779*Input!$C$19,0)+IF(Input!$D$20=4,K5779*Input!$C$20,0)+IF(Input!$D$21=4,L5779*Input!$C$21,0)+IF(Input!$D$22=4,M5779*Input!$C$22,0)</f>
        <v>0</v>
      </c>
      <c r="R5779" s="58">
        <v>72.481681747898932</v>
      </c>
      <c r="S5779" s="124">
        <f t="shared" si="90"/>
        <v>1.8104586255895048</v>
      </c>
    </row>
    <row r="5780" spans="8:19" x14ac:dyDescent="0.3">
      <c r="H5780" s="44">
        <v>5773</v>
      </c>
      <c r="I5780" s="56">
        <f>Bühler!I5806</f>
        <v>0.41779814436680873</v>
      </c>
      <c r="J5780" s="59">
        <f>Bühler!J5806</f>
        <v>1.3926604812226959</v>
      </c>
      <c r="K5780" s="59">
        <f>Bühler!K5806</f>
        <v>2.0889907218340436</v>
      </c>
      <c r="L5780" s="59">
        <f>Bühler!L5806</f>
        <v>10.02715546480341</v>
      </c>
      <c r="M5780" s="58">
        <f>Bühler!M5806</f>
        <v>0</v>
      </c>
      <c r="N5780" s="56">
        <f>IF(Input!$D$19=1,J5780*Input!$C$19,0)+IF(Input!$D$20=1,K5780*Input!$C$20,0)+IF(Input!$D$21=1,L5780*Input!$C$21,0)+IF(Input!$D$22=1,M5780*Input!$C$22,0)</f>
        <v>0.41779814436680879</v>
      </c>
      <c r="O5780" s="59">
        <f>IF(Input!$D$19=2,J5780*Input!$C$19,0)+IF(Input!$D$20=2,K5780*Input!$C$20,0)+IF(Input!$D$21=2,L5780*Input!$C$21,0)+IF(Input!$D$22=2,M5780*Input!$C$22,0)</f>
        <v>1.0444953609170218</v>
      </c>
      <c r="P5780" s="59">
        <f>IF(Input!$D$19=3,J5780*Input!$C$19,0)+IF(Input!$D$20=3,K5780*Input!$C$20,0)+IF(Input!$D$21=3,L5780*Input!$C$21,0)+IF(Input!$D$22=3,M5780*Input!$C$22,0)</f>
        <v>0</v>
      </c>
      <c r="Q5780" s="75">
        <f>IF(Input!$D$19=4,J5780*Input!$C$19,0)+IF(Input!$D$20=4,K5780*Input!$C$20,0)+IF(Input!$D$21=4,L5780*Input!$C$21,0)+IF(Input!$D$22=4,M5780*Input!$C$22,0)</f>
        <v>0</v>
      </c>
      <c r="R5780" s="58">
        <v>71.350818285576167</v>
      </c>
      <c r="S5780" s="124">
        <f t="shared" si="90"/>
        <v>1.8104586255895048</v>
      </c>
    </row>
    <row r="5781" spans="8:19" x14ac:dyDescent="0.3">
      <c r="H5781" s="44">
        <v>5774</v>
      </c>
      <c r="I5781" s="56">
        <f>Bühler!I5807</f>
        <v>0.41779814436680873</v>
      </c>
      <c r="J5781" s="59">
        <f>Bühler!J5807</f>
        <v>1.3926604812226959</v>
      </c>
      <c r="K5781" s="59">
        <f>Bühler!K5807</f>
        <v>2.0889907218340436</v>
      </c>
      <c r="L5781" s="59">
        <f>Bühler!L5807</f>
        <v>10.02715546480341</v>
      </c>
      <c r="M5781" s="58">
        <f>Bühler!M5807</f>
        <v>0</v>
      </c>
      <c r="N5781" s="56">
        <f>IF(Input!$D$19=1,J5781*Input!$C$19,0)+IF(Input!$D$20=1,K5781*Input!$C$20,0)+IF(Input!$D$21=1,L5781*Input!$C$21,0)+IF(Input!$D$22=1,M5781*Input!$C$22,0)</f>
        <v>0.41779814436680879</v>
      </c>
      <c r="O5781" s="59">
        <f>IF(Input!$D$19=2,J5781*Input!$C$19,0)+IF(Input!$D$20=2,K5781*Input!$C$20,0)+IF(Input!$D$21=2,L5781*Input!$C$21,0)+IF(Input!$D$22=2,M5781*Input!$C$22,0)</f>
        <v>1.0444953609170218</v>
      </c>
      <c r="P5781" s="59">
        <f>IF(Input!$D$19=3,J5781*Input!$C$19,0)+IF(Input!$D$20=3,K5781*Input!$C$20,0)+IF(Input!$D$21=3,L5781*Input!$C$21,0)+IF(Input!$D$22=3,M5781*Input!$C$22,0)</f>
        <v>0</v>
      </c>
      <c r="Q5781" s="75">
        <f>IF(Input!$D$19=4,J5781*Input!$C$19,0)+IF(Input!$D$20=4,K5781*Input!$C$20,0)+IF(Input!$D$21=4,L5781*Input!$C$21,0)+IF(Input!$D$22=4,M5781*Input!$C$22,0)</f>
        <v>0</v>
      </c>
      <c r="R5781" s="58">
        <v>71.157063686890098</v>
      </c>
      <c r="S5781" s="124">
        <f t="shared" si="90"/>
        <v>1.8104586255895048</v>
      </c>
    </row>
    <row r="5782" spans="8:19" x14ac:dyDescent="0.3">
      <c r="H5782" s="44">
        <v>5775</v>
      </c>
      <c r="I5782" s="56">
        <f>Bühler!I5808</f>
        <v>0.41779814436680873</v>
      </c>
      <c r="J5782" s="59">
        <f>Bühler!J5808</f>
        <v>1.3926604812226959</v>
      </c>
      <c r="K5782" s="59">
        <f>Bühler!K5808</f>
        <v>2.0889907218340436</v>
      </c>
      <c r="L5782" s="59">
        <f>Bühler!L5808</f>
        <v>10.02715546480341</v>
      </c>
      <c r="M5782" s="58">
        <f>Bühler!M5808</f>
        <v>0</v>
      </c>
      <c r="N5782" s="56">
        <f>IF(Input!$D$19=1,J5782*Input!$C$19,0)+IF(Input!$D$20=1,K5782*Input!$C$20,0)+IF(Input!$D$21=1,L5782*Input!$C$21,0)+IF(Input!$D$22=1,M5782*Input!$C$22,0)</f>
        <v>0.41779814436680879</v>
      </c>
      <c r="O5782" s="59">
        <f>IF(Input!$D$19=2,J5782*Input!$C$19,0)+IF(Input!$D$20=2,K5782*Input!$C$20,0)+IF(Input!$D$21=2,L5782*Input!$C$21,0)+IF(Input!$D$22=2,M5782*Input!$C$22,0)</f>
        <v>1.0444953609170218</v>
      </c>
      <c r="P5782" s="59">
        <f>IF(Input!$D$19=3,J5782*Input!$C$19,0)+IF(Input!$D$20=3,K5782*Input!$C$20,0)+IF(Input!$D$21=3,L5782*Input!$C$21,0)+IF(Input!$D$22=3,M5782*Input!$C$22,0)</f>
        <v>0</v>
      </c>
      <c r="Q5782" s="75">
        <f>IF(Input!$D$19=4,J5782*Input!$C$19,0)+IF(Input!$D$20=4,K5782*Input!$C$20,0)+IF(Input!$D$21=4,L5782*Input!$C$21,0)+IF(Input!$D$22=4,M5782*Input!$C$22,0)</f>
        <v>0</v>
      </c>
      <c r="R5782" s="58">
        <v>71.149508630640526</v>
      </c>
      <c r="S5782" s="124">
        <f t="shared" si="90"/>
        <v>1.8104586255895048</v>
      </c>
    </row>
    <row r="5783" spans="8:19" x14ac:dyDescent="0.3">
      <c r="H5783" s="44">
        <v>5776</v>
      </c>
      <c r="I5783" s="56">
        <f>Bühler!I5809</f>
        <v>0.41779814436680873</v>
      </c>
      <c r="J5783" s="59">
        <f>Bühler!J5809</f>
        <v>1.3926604812226959</v>
      </c>
      <c r="K5783" s="59">
        <f>Bühler!K5809</f>
        <v>2.0889907218340436</v>
      </c>
      <c r="L5783" s="59">
        <f>Bühler!L5809</f>
        <v>10.02715546480341</v>
      </c>
      <c r="M5783" s="58">
        <f>Bühler!M5809</f>
        <v>0</v>
      </c>
      <c r="N5783" s="56">
        <f>IF(Input!$D$19=1,J5783*Input!$C$19,0)+IF(Input!$D$20=1,K5783*Input!$C$20,0)+IF(Input!$D$21=1,L5783*Input!$C$21,0)+IF(Input!$D$22=1,M5783*Input!$C$22,0)</f>
        <v>0.41779814436680879</v>
      </c>
      <c r="O5783" s="59">
        <f>IF(Input!$D$19=2,J5783*Input!$C$19,0)+IF(Input!$D$20=2,K5783*Input!$C$20,0)+IF(Input!$D$21=2,L5783*Input!$C$21,0)+IF(Input!$D$22=2,M5783*Input!$C$22,0)</f>
        <v>1.0444953609170218</v>
      </c>
      <c r="P5783" s="59">
        <f>IF(Input!$D$19=3,J5783*Input!$C$19,0)+IF(Input!$D$20=3,K5783*Input!$C$20,0)+IF(Input!$D$21=3,L5783*Input!$C$21,0)+IF(Input!$D$22=3,M5783*Input!$C$22,0)</f>
        <v>0</v>
      </c>
      <c r="Q5783" s="75">
        <f>IF(Input!$D$19=4,J5783*Input!$C$19,0)+IF(Input!$D$20=4,K5783*Input!$C$20,0)+IF(Input!$D$21=4,L5783*Input!$C$21,0)+IF(Input!$D$22=4,M5783*Input!$C$22,0)</f>
        <v>0</v>
      </c>
      <c r="R5783" s="58">
        <v>70.159975786521599</v>
      </c>
      <c r="S5783" s="124">
        <f t="shared" si="90"/>
        <v>1.8104586255895048</v>
      </c>
    </row>
    <row r="5784" spans="8:19" x14ac:dyDescent="0.3">
      <c r="H5784" s="44">
        <v>5777</v>
      </c>
      <c r="I5784" s="56">
        <f>Bühler!I5810</f>
        <v>0.41779814436680873</v>
      </c>
      <c r="J5784" s="59">
        <f>Bühler!J5810</f>
        <v>1.3926604812226959</v>
      </c>
      <c r="K5784" s="59">
        <f>Bühler!K5810</f>
        <v>2.0889907218340436</v>
      </c>
      <c r="L5784" s="59">
        <f>Bühler!L5810</f>
        <v>10.02715546480341</v>
      </c>
      <c r="M5784" s="58">
        <f>Bühler!M5810</f>
        <v>0</v>
      </c>
      <c r="N5784" s="56">
        <f>IF(Input!$D$19=1,J5784*Input!$C$19,0)+IF(Input!$D$20=1,K5784*Input!$C$20,0)+IF(Input!$D$21=1,L5784*Input!$C$21,0)+IF(Input!$D$22=1,M5784*Input!$C$22,0)</f>
        <v>0.41779814436680879</v>
      </c>
      <c r="O5784" s="59">
        <f>IF(Input!$D$19=2,J5784*Input!$C$19,0)+IF(Input!$D$20=2,K5784*Input!$C$20,0)+IF(Input!$D$21=2,L5784*Input!$C$21,0)+IF(Input!$D$22=2,M5784*Input!$C$22,0)</f>
        <v>1.0444953609170218</v>
      </c>
      <c r="P5784" s="59">
        <f>IF(Input!$D$19=3,J5784*Input!$C$19,0)+IF(Input!$D$20=3,K5784*Input!$C$20,0)+IF(Input!$D$21=3,L5784*Input!$C$21,0)+IF(Input!$D$22=3,M5784*Input!$C$22,0)</f>
        <v>0</v>
      </c>
      <c r="Q5784" s="75">
        <f>IF(Input!$D$19=4,J5784*Input!$C$19,0)+IF(Input!$D$20=4,K5784*Input!$C$20,0)+IF(Input!$D$21=4,L5784*Input!$C$21,0)+IF(Input!$D$22=4,M5784*Input!$C$22,0)</f>
        <v>0</v>
      </c>
      <c r="R5784" s="58">
        <v>69.011415492652148</v>
      </c>
      <c r="S5784" s="124">
        <f t="shared" si="90"/>
        <v>1.8104586255895048</v>
      </c>
    </row>
    <row r="5785" spans="8:19" x14ac:dyDescent="0.3">
      <c r="H5785" s="44">
        <v>5778</v>
      </c>
      <c r="I5785" s="56">
        <f>Bühler!I5811</f>
        <v>0.41779814436680873</v>
      </c>
      <c r="J5785" s="59">
        <f>Bühler!J5811</f>
        <v>1.3926604812226959</v>
      </c>
      <c r="K5785" s="59">
        <f>Bühler!K5811</f>
        <v>2.0889907218340436</v>
      </c>
      <c r="L5785" s="59">
        <f>Bühler!L5811</f>
        <v>10.02715546480341</v>
      </c>
      <c r="M5785" s="58">
        <f>Bühler!M5811</f>
        <v>0</v>
      </c>
      <c r="N5785" s="56">
        <f>IF(Input!$D$19=1,J5785*Input!$C$19,0)+IF(Input!$D$20=1,K5785*Input!$C$20,0)+IF(Input!$D$21=1,L5785*Input!$C$21,0)+IF(Input!$D$22=1,M5785*Input!$C$22,0)</f>
        <v>0.41779814436680879</v>
      </c>
      <c r="O5785" s="59">
        <f>IF(Input!$D$19=2,J5785*Input!$C$19,0)+IF(Input!$D$20=2,K5785*Input!$C$20,0)+IF(Input!$D$21=2,L5785*Input!$C$21,0)+IF(Input!$D$22=2,M5785*Input!$C$22,0)</f>
        <v>1.0444953609170218</v>
      </c>
      <c r="P5785" s="59">
        <f>IF(Input!$D$19=3,J5785*Input!$C$19,0)+IF(Input!$D$20=3,K5785*Input!$C$20,0)+IF(Input!$D$21=3,L5785*Input!$C$21,0)+IF(Input!$D$22=3,M5785*Input!$C$22,0)</f>
        <v>0</v>
      </c>
      <c r="Q5785" s="75">
        <f>IF(Input!$D$19=4,J5785*Input!$C$19,0)+IF(Input!$D$20=4,K5785*Input!$C$20,0)+IF(Input!$D$21=4,L5785*Input!$C$21,0)+IF(Input!$D$22=4,M5785*Input!$C$22,0)</f>
        <v>0</v>
      </c>
      <c r="R5785" s="58">
        <v>67.636473337535122</v>
      </c>
      <c r="S5785" s="124">
        <f t="shared" si="90"/>
        <v>1.8104586255895048</v>
      </c>
    </row>
    <row r="5786" spans="8:19" x14ac:dyDescent="0.3">
      <c r="H5786" s="44">
        <v>5779</v>
      </c>
      <c r="I5786" s="56">
        <f>Bühler!I5812</f>
        <v>0.41779814436680873</v>
      </c>
      <c r="J5786" s="59">
        <f>Bühler!J5812</f>
        <v>1.3926604812226959</v>
      </c>
      <c r="K5786" s="59">
        <f>Bühler!K5812</f>
        <v>2.0889907218340436</v>
      </c>
      <c r="L5786" s="59">
        <f>Bühler!L5812</f>
        <v>10.02715546480341</v>
      </c>
      <c r="M5786" s="58">
        <f>Bühler!M5812</f>
        <v>0</v>
      </c>
      <c r="N5786" s="56">
        <f>IF(Input!$D$19=1,J5786*Input!$C$19,0)+IF(Input!$D$20=1,K5786*Input!$C$20,0)+IF(Input!$D$21=1,L5786*Input!$C$21,0)+IF(Input!$D$22=1,M5786*Input!$C$22,0)</f>
        <v>0.41779814436680879</v>
      </c>
      <c r="O5786" s="59">
        <f>IF(Input!$D$19=2,J5786*Input!$C$19,0)+IF(Input!$D$20=2,K5786*Input!$C$20,0)+IF(Input!$D$21=2,L5786*Input!$C$21,0)+IF(Input!$D$22=2,M5786*Input!$C$22,0)</f>
        <v>1.0444953609170218</v>
      </c>
      <c r="P5786" s="59">
        <f>IF(Input!$D$19=3,J5786*Input!$C$19,0)+IF(Input!$D$20=3,K5786*Input!$C$20,0)+IF(Input!$D$21=3,L5786*Input!$C$21,0)+IF(Input!$D$22=3,M5786*Input!$C$22,0)</f>
        <v>0</v>
      </c>
      <c r="Q5786" s="75">
        <f>IF(Input!$D$19=4,J5786*Input!$C$19,0)+IF(Input!$D$20=4,K5786*Input!$C$20,0)+IF(Input!$D$21=4,L5786*Input!$C$21,0)+IF(Input!$D$22=4,M5786*Input!$C$22,0)</f>
        <v>0</v>
      </c>
      <c r="R5786" s="58">
        <v>66.438914250059014</v>
      </c>
      <c r="S5786" s="124">
        <f t="shared" si="90"/>
        <v>1.8104586255895048</v>
      </c>
    </row>
    <row r="5787" spans="8:19" x14ac:dyDescent="0.3">
      <c r="H5787" s="44">
        <v>5780</v>
      </c>
      <c r="I5787" s="56">
        <f>Bühler!I5813</f>
        <v>0.34816512030567398</v>
      </c>
      <c r="J5787" s="59">
        <f>Bühler!J5813</f>
        <v>1.1605504010189134</v>
      </c>
      <c r="K5787" s="59">
        <f>Bühler!K5813</f>
        <v>1.7408256015283698</v>
      </c>
      <c r="L5787" s="59">
        <f>Bühler!L5813</f>
        <v>8.355962887336176</v>
      </c>
      <c r="M5787" s="58">
        <f>Bühler!M5813</f>
        <v>0</v>
      </c>
      <c r="N5787" s="56">
        <f>IF(Input!$D$19=1,J5787*Input!$C$19,0)+IF(Input!$D$20=1,K5787*Input!$C$20,0)+IF(Input!$D$21=1,L5787*Input!$C$21,0)+IF(Input!$D$22=1,M5787*Input!$C$22,0)</f>
        <v>0.34816512030567398</v>
      </c>
      <c r="O5787" s="59">
        <f>IF(Input!$D$19=2,J5787*Input!$C$19,0)+IF(Input!$D$20=2,K5787*Input!$C$20,0)+IF(Input!$D$21=2,L5787*Input!$C$21,0)+IF(Input!$D$22=2,M5787*Input!$C$22,0)</f>
        <v>0.87041280076418492</v>
      </c>
      <c r="P5787" s="59">
        <f>IF(Input!$D$19=3,J5787*Input!$C$19,0)+IF(Input!$D$20=3,K5787*Input!$C$20,0)+IF(Input!$D$21=3,L5787*Input!$C$21,0)+IF(Input!$D$22=3,M5787*Input!$C$22,0)</f>
        <v>0</v>
      </c>
      <c r="Q5787" s="75">
        <f>IF(Input!$D$19=4,J5787*Input!$C$19,0)+IF(Input!$D$20=4,K5787*Input!$C$20,0)+IF(Input!$D$21=4,L5787*Input!$C$21,0)+IF(Input!$D$22=4,M5787*Input!$C$22,0)</f>
        <v>0</v>
      </c>
      <c r="R5787" s="58">
        <v>66.030514731390952</v>
      </c>
      <c r="S5787" s="124">
        <f t="shared" si="90"/>
        <v>1.5087155213245873</v>
      </c>
    </row>
    <row r="5788" spans="8:19" x14ac:dyDescent="0.3">
      <c r="H5788" s="44">
        <v>5781</v>
      </c>
      <c r="I5788" s="56">
        <f>Bühler!I5814</f>
        <v>0.27853209624453917</v>
      </c>
      <c r="J5788" s="59">
        <f>Bühler!J5814</f>
        <v>0.92844032081513073</v>
      </c>
      <c r="K5788" s="59">
        <f>Bühler!K5814</f>
        <v>1.3926604812226959</v>
      </c>
      <c r="L5788" s="59">
        <f>Bühler!L5814</f>
        <v>6.6847703098689406</v>
      </c>
      <c r="M5788" s="58">
        <f>Bühler!M5814</f>
        <v>0</v>
      </c>
      <c r="N5788" s="56">
        <f>IF(Input!$D$19=1,J5788*Input!$C$19,0)+IF(Input!$D$20=1,K5788*Input!$C$20,0)+IF(Input!$D$21=1,L5788*Input!$C$21,0)+IF(Input!$D$22=1,M5788*Input!$C$22,0)</f>
        <v>0.27853209624453923</v>
      </c>
      <c r="O5788" s="59">
        <f>IF(Input!$D$19=2,J5788*Input!$C$19,0)+IF(Input!$D$20=2,K5788*Input!$C$20,0)+IF(Input!$D$21=2,L5788*Input!$C$21,0)+IF(Input!$D$22=2,M5788*Input!$C$22,0)</f>
        <v>0.69633024061134796</v>
      </c>
      <c r="P5788" s="59">
        <f>IF(Input!$D$19=3,J5788*Input!$C$19,0)+IF(Input!$D$20=3,K5788*Input!$C$20,0)+IF(Input!$D$21=3,L5788*Input!$C$21,0)+IF(Input!$D$22=3,M5788*Input!$C$22,0)</f>
        <v>0</v>
      </c>
      <c r="Q5788" s="75">
        <f>IF(Input!$D$19=4,J5788*Input!$C$19,0)+IF(Input!$D$20=4,K5788*Input!$C$20,0)+IF(Input!$D$21=4,L5788*Input!$C$21,0)+IF(Input!$D$22=4,M5788*Input!$C$22,0)</f>
        <v>0</v>
      </c>
      <c r="R5788" s="58">
        <v>63.548360128180235</v>
      </c>
      <c r="S5788" s="124">
        <f t="shared" si="90"/>
        <v>1.2069724170596698</v>
      </c>
    </row>
    <row r="5789" spans="8:19" x14ac:dyDescent="0.3">
      <c r="H5789" s="44">
        <v>5782</v>
      </c>
      <c r="I5789" s="56">
        <f>Bühler!I5815</f>
        <v>0.20889907218340437</v>
      </c>
      <c r="J5789" s="59">
        <f>Bühler!J5815</f>
        <v>0.69633024061134796</v>
      </c>
      <c r="K5789" s="59">
        <f>Bühler!K5815</f>
        <v>1.0444953609170218</v>
      </c>
      <c r="L5789" s="59">
        <f>Bühler!L5815</f>
        <v>5.0135777324017052</v>
      </c>
      <c r="M5789" s="58">
        <f>Bühler!M5815</f>
        <v>0</v>
      </c>
      <c r="N5789" s="56">
        <f>IF(Input!$D$19=1,J5789*Input!$C$19,0)+IF(Input!$D$20=1,K5789*Input!$C$20,0)+IF(Input!$D$21=1,L5789*Input!$C$21,0)+IF(Input!$D$22=1,M5789*Input!$C$22,0)</f>
        <v>0.20889907218340439</v>
      </c>
      <c r="O5789" s="59">
        <f>IF(Input!$D$19=2,J5789*Input!$C$19,0)+IF(Input!$D$20=2,K5789*Input!$C$20,0)+IF(Input!$D$21=2,L5789*Input!$C$21,0)+IF(Input!$D$22=2,M5789*Input!$C$22,0)</f>
        <v>0.52224768045851089</v>
      </c>
      <c r="P5789" s="59">
        <f>IF(Input!$D$19=3,J5789*Input!$C$19,0)+IF(Input!$D$20=3,K5789*Input!$C$20,0)+IF(Input!$D$21=3,L5789*Input!$C$21,0)+IF(Input!$D$22=3,M5789*Input!$C$22,0)</f>
        <v>0</v>
      </c>
      <c r="Q5789" s="75">
        <f>IF(Input!$D$19=4,J5789*Input!$C$19,0)+IF(Input!$D$20=4,K5789*Input!$C$20,0)+IF(Input!$D$21=4,L5789*Input!$C$21,0)+IF(Input!$D$22=4,M5789*Input!$C$22,0)</f>
        <v>0</v>
      </c>
      <c r="R5789" s="58">
        <v>61.437183241235957</v>
      </c>
      <c r="S5789" s="124">
        <f t="shared" si="90"/>
        <v>0.90522931279475238</v>
      </c>
    </row>
    <row r="5790" spans="8:19" x14ac:dyDescent="0.3">
      <c r="H5790" s="44">
        <v>5783</v>
      </c>
      <c r="I5790" s="56">
        <f>Bühler!I5816</f>
        <v>0.20889907218340437</v>
      </c>
      <c r="J5790" s="59">
        <f>Bühler!J5816</f>
        <v>0.69633024061134796</v>
      </c>
      <c r="K5790" s="59">
        <f>Bühler!K5816</f>
        <v>1.0444953609170218</v>
      </c>
      <c r="L5790" s="59">
        <f>Bühler!L5816</f>
        <v>5.0135777324017052</v>
      </c>
      <c r="M5790" s="58">
        <f>Bühler!M5816</f>
        <v>0</v>
      </c>
      <c r="N5790" s="56">
        <f>IF(Input!$D$19=1,J5790*Input!$C$19,0)+IF(Input!$D$20=1,K5790*Input!$C$20,0)+IF(Input!$D$21=1,L5790*Input!$C$21,0)+IF(Input!$D$22=1,M5790*Input!$C$22,0)</f>
        <v>0.20889907218340439</v>
      </c>
      <c r="O5790" s="59">
        <f>IF(Input!$D$19=2,J5790*Input!$C$19,0)+IF(Input!$D$20=2,K5790*Input!$C$20,0)+IF(Input!$D$21=2,L5790*Input!$C$21,0)+IF(Input!$D$22=2,M5790*Input!$C$22,0)</f>
        <v>0.52224768045851089</v>
      </c>
      <c r="P5790" s="59">
        <f>IF(Input!$D$19=3,J5790*Input!$C$19,0)+IF(Input!$D$20=3,K5790*Input!$C$20,0)+IF(Input!$D$21=3,L5790*Input!$C$21,0)+IF(Input!$D$22=3,M5790*Input!$C$22,0)</f>
        <v>0</v>
      </c>
      <c r="Q5790" s="75">
        <f>IF(Input!$D$19=4,J5790*Input!$C$19,0)+IF(Input!$D$20=4,K5790*Input!$C$20,0)+IF(Input!$D$21=4,L5790*Input!$C$21,0)+IF(Input!$D$22=4,M5790*Input!$C$22,0)</f>
        <v>0</v>
      </c>
      <c r="R5790" s="58">
        <v>60.566559390398211</v>
      </c>
      <c r="S5790" s="124">
        <f t="shared" si="90"/>
        <v>0.90522931279475238</v>
      </c>
    </row>
    <row r="5791" spans="8:19" x14ac:dyDescent="0.3">
      <c r="H5791" s="44">
        <v>5784</v>
      </c>
      <c r="I5791" s="56">
        <f>Bühler!I5817</f>
        <v>0.20889907218340437</v>
      </c>
      <c r="J5791" s="59">
        <f>Bühler!J5817</f>
        <v>0.69633024061134796</v>
      </c>
      <c r="K5791" s="59">
        <f>Bühler!K5817</f>
        <v>1.0444953609170218</v>
      </c>
      <c r="L5791" s="59">
        <f>Bühler!L5817</f>
        <v>5.0135777324017052</v>
      </c>
      <c r="M5791" s="58">
        <f>Bühler!M5817</f>
        <v>0</v>
      </c>
      <c r="N5791" s="56">
        <f>IF(Input!$D$19=1,J5791*Input!$C$19,0)+IF(Input!$D$20=1,K5791*Input!$C$20,0)+IF(Input!$D$21=1,L5791*Input!$C$21,0)+IF(Input!$D$22=1,M5791*Input!$C$22,0)</f>
        <v>0.20889907218340439</v>
      </c>
      <c r="O5791" s="59">
        <f>IF(Input!$D$19=2,J5791*Input!$C$19,0)+IF(Input!$D$20=2,K5791*Input!$C$20,0)+IF(Input!$D$21=2,L5791*Input!$C$21,0)+IF(Input!$D$22=2,M5791*Input!$C$22,0)</f>
        <v>0.52224768045851089</v>
      </c>
      <c r="P5791" s="59">
        <f>IF(Input!$D$19=3,J5791*Input!$C$19,0)+IF(Input!$D$20=3,K5791*Input!$C$20,0)+IF(Input!$D$21=3,L5791*Input!$C$21,0)+IF(Input!$D$22=3,M5791*Input!$C$22,0)</f>
        <v>0</v>
      </c>
      <c r="Q5791" s="75">
        <f>IF(Input!$D$19=4,J5791*Input!$C$19,0)+IF(Input!$D$20=4,K5791*Input!$C$20,0)+IF(Input!$D$21=4,L5791*Input!$C$21,0)+IF(Input!$D$22=4,M5791*Input!$C$22,0)</f>
        <v>0</v>
      </c>
      <c r="R5791" s="58">
        <v>60.203390591035344</v>
      </c>
      <c r="S5791" s="124">
        <f t="shared" si="90"/>
        <v>0.90522931279475238</v>
      </c>
    </row>
    <row r="5792" spans="8:19" x14ac:dyDescent="0.3">
      <c r="H5792" s="44">
        <v>5785</v>
      </c>
      <c r="I5792" s="56">
        <f>Bühler!I5818</f>
        <v>0.20887464657312629</v>
      </c>
      <c r="J5792" s="59">
        <f>Bühler!J5818</f>
        <v>0.69624882191042103</v>
      </c>
      <c r="K5792" s="59">
        <f>Bühler!K5818</f>
        <v>1.0443732328656314</v>
      </c>
      <c r="L5792" s="59">
        <f>Bühler!L5818</f>
        <v>5.0129915177550313</v>
      </c>
      <c r="M5792" s="58">
        <f>Bühler!M5818</f>
        <v>0</v>
      </c>
      <c r="N5792" s="56">
        <f>IF(Input!$D$19=1,J5792*Input!$C$19,0)+IF(Input!$D$20=1,K5792*Input!$C$20,0)+IF(Input!$D$21=1,L5792*Input!$C$21,0)+IF(Input!$D$22=1,M5792*Input!$C$22,0)</f>
        <v>0.20887464657312629</v>
      </c>
      <c r="O5792" s="59">
        <f>IF(Input!$D$19=2,J5792*Input!$C$19,0)+IF(Input!$D$20=2,K5792*Input!$C$20,0)+IF(Input!$D$21=2,L5792*Input!$C$21,0)+IF(Input!$D$22=2,M5792*Input!$C$22,0)</f>
        <v>0.52218661643281572</v>
      </c>
      <c r="P5792" s="59">
        <f>IF(Input!$D$19=3,J5792*Input!$C$19,0)+IF(Input!$D$20=3,K5792*Input!$C$20,0)+IF(Input!$D$21=3,L5792*Input!$C$21,0)+IF(Input!$D$22=3,M5792*Input!$C$22,0)</f>
        <v>0</v>
      </c>
      <c r="Q5792" s="75">
        <f>IF(Input!$D$19=4,J5792*Input!$C$19,0)+IF(Input!$D$20=4,K5792*Input!$C$20,0)+IF(Input!$D$21=4,L5792*Input!$C$21,0)+IF(Input!$D$22=4,M5792*Input!$C$22,0)</f>
        <v>0</v>
      </c>
      <c r="R5792" s="58">
        <v>59.123774245487652</v>
      </c>
      <c r="S5792" s="124">
        <f t="shared" si="90"/>
        <v>0.9051234684835473</v>
      </c>
    </row>
    <row r="5793" spans="8:19" x14ac:dyDescent="0.3">
      <c r="H5793" s="44">
        <v>5786</v>
      </c>
      <c r="I5793" s="56">
        <f>Bühler!I5819</f>
        <v>0.20887464657312629</v>
      </c>
      <c r="J5793" s="59">
        <f>Bühler!J5819</f>
        <v>0.69624882191042103</v>
      </c>
      <c r="K5793" s="59">
        <f>Bühler!K5819</f>
        <v>1.0443732328656314</v>
      </c>
      <c r="L5793" s="59">
        <f>Bühler!L5819</f>
        <v>5.0129915177550313</v>
      </c>
      <c r="M5793" s="58">
        <f>Bühler!M5819</f>
        <v>0</v>
      </c>
      <c r="N5793" s="56">
        <f>IF(Input!$D$19=1,J5793*Input!$C$19,0)+IF(Input!$D$20=1,K5793*Input!$C$20,0)+IF(Input!$D$21=1,L5793*Input!$C$21,0)+IF(Input!$D$22=1,M5793*Input!$C$22,0)</f>
        <v>0.20887464657312629</v>
      </c>
      <c r="O5793" s="59">
        <f>IF(Input!$D$19=2,J5793*Input!$C$19,0)+IF(Input!$D$20=2,K5793*Input!$C$20,0)+IF(Input!$D$21=2,L5793*Input!$C$21,0)+IF(Input!$D$22=2,M5793*Input!$C$22,0)</f>
        <v>0.52218661643281572</v>
      </c>
      <c r="P5793" s="59">
        <f>IF(Input!$D$19=3,J5793*Input!$C$19,0)+IF(Input!$D$20=3,K5793*Input!$C$20,0)+IF(Input!$D$21=3,L5793*Input!$C$21,0)+IF(Input!$D$22=3,M5793*Input!$C$22,0)</f>
        <v>0</v>
      </c>
      <c r="Q5793" s="75">
        <f>IF(Input!$D$19=4,J5793*Input!$C$19,0)+IF(Input!$D$20=4,K5793*Input!$C$20,0)+IF(Input!$D$21=4,L5793*Input!$C$21,0)+IF(Input!$D$22=4,M5793*Input!$C$22,0)</f>
        <v>0</v>
      </c>
      <c r="R5793" s="58">
        <v>58.497399962358621</v>
      </c>
      <c r="S5793" s="124">
        <f t="shared" si="90"/>
        <v>0.9051234684835473</v>
      </c>
    </row>
    <row r="5794" spans="8:19" x14ac:dyDescent="0.3">
      <c r="H5794" s="44">
        <v>5787</v>
      </c>
      <c r="I5794" s="56">
        <f>Bühler!I5820</f>
        <v>0.20887464657312629</v>
      </c>
      <c r="J5794" s="59">
        <f>Bühler!J5820</f>
        <v>0.69624882191042103</v>
      </c>
      <c r="K5794" s="59">
        <f>Bühler!K5820</f>
        <v>1.0443732328656314</v>
      </c>
      <c r="L5794" s="59">
        <f>Bühler!L5820</f>
        <v>5.0129915177550313</v>
      </c>
      <c r="M5794" s="58">
        <f>Bühler!M5820</f>
        <v>0</v>
      </c>
      <c r="N5794" s="56">
        <f>IF(Input!$D$19=1,J5794*Input!$C$19,0)+IF(Input!$D$20=1,K5794*Input!$C$20,0)+IF(Input!$D$21=1,L5794*Input!$C$21,0)+IF(Input!$D$22=1,M5794*Input!$C$22,0)</f>
        <v>0.20887464657312629</v>
      </c>
      <c r="O5794" s="59">
        <f>IF(Input!$D$19=2,J5794*Input!$C$19,0)+IF(Input!$D$20=2,K5794*Input!$C$20,0)+IF(Input!$D$21=2,L5794*Input!$C$21,0)+IF(Input!$D$22=2,M5794*Input!$C$22,0)</f>
        <v>0.52218661643281572</v>
      </c>
      <c r="P5794" s="59">
        <f>IF(Input!$D$19=3,J5794*Input!$C$19,0)+IF(Input!$D$20=3,K5794*Input!$C$20,0)+IF(Input!$D$21=3,L5794*Input!$C$21,0)+IF(Input!$D$22=3,M5794*Input!$C$22,0)</f>
        <v>0</v>
      </c>
      <c r="Q5794" s="75">
        <f>IF(Input!$D$19=4,J5794*Input!$C$19,0)+IF(Input!$D$20=4,K5794*Input!$C$20,0)+IF(Input!$D$21=4,L5794*Input!$C$21,0)+IF(Input!$D$22=4,M5794*Input!$C$22,0)</f>
        <v>0</v>
      </c>
      <c r="R5794" s="58">
        <v>58.579032177241558</v>
      </c>
      <c r="S5794" s="124">
        <f t="shared" si="90"/>
        <v>0.9051234684835473</v>
      </c>
    </row>
    <row r="5795" spans="8:19" x14ac:dyDescent="0.3">
      <c r="H5795" s="44">
        <v>5788</v>
      </c>
      <c r="I5795" s="56">
        <f>Bühler!I5821</f>
        <v>0.20887464657312629</v>
      </c>
      <c r="J5795" s="59">
        <f>Bühler!J5821</f>
        <v>0.69624882191042103</v>
      </c>
      <c r="K5795" s="59">
        <f>Bühler!K5821</f>
        <v>1.0443732328656314</v>
      </c>
      <c r="L5795" s="59">
        <f>Bühler!L5821</f>
        <v>5.0129915177550313</v>
      </c>
      <c r="M5795" s="58">
        <f>Bühler!M5821</f>
        <v>0</v>
      </c>
      <c r="N5795" s="56">
        <f>IF(Input!$D$19=1,J5795*Input!$C$19,0)+IF(Input!$D$20=1,K5795*Input!$C$20,0)+IF(Input!$D$21=1,L5795*Input!$C$21,0)+IF(Input!$D$22=1,M5795*Input!$C$22,0)</f>
        <v>0.20887464657312629</v>
      </c>
      <c r="O5795" s="59">
        <f>IF(Input!$D$19=2,J5795*Input!$C$19,0)+IF(Input!$D$20=2,K5795*Input!$C$20,0)+IF(Input!$D$21=2,L5795*Input!$C$21,0)+IF(Input!$D$22=2,M5795*Input!$C$22,0)</f>
        <v>0.52218661643281572</v>
      </c>
      <c r="P5795" s="59">
        <f>IF(Input!$D$19=3,J5795*Input!$C$19,0)+IF(Input!$D$20=3,K5795*Input!$C$20,0)+IF(Input!$D$21=3,L5795*Input!$C$21,0)+IF(Input!$D$22=3,M5795*Input!$C$22,0)</f>
        <v>0</v>
      </c>
      <c r="Q5795" s="75">
        <f>IF(Input!$D$19=4,J5795*Input!$C$19,0)+IF(Input!$D$20=4,K5795*Input!$C$20,0)+IF(Input!$D$21=4,L5795*Input!$C$21,0)+IF(Input!$D$22=4,M5795*Input!$C$22,0)</f>
        <v>0</v>
      </c>
      <c r="R5795" s="58">
        <v>59.0885490644323</v>
      </c>
      <c r="S5795" s="124">
        <f t="shared" si="90"/>
        <v>0.9051234684835473</v>
      </c>
    </row>
    <row r="5796" spans="8:19" x14ac:dyDescent="0.3">
      <c r="H5796" s="44">
        <v>5789</v>
      </c>
      <c r="I5796" s="56">
        <f>Bühler!I5822</f>
        <v>0.20887464657312629</v>
      </c>
      <c r="J5796" s="59">
        <f>Bühler!J5822</f>
        <v>0.69624882191042103</v>
      </c>
      <c r="K5796" s="59">
        <f>Bühler!K5822</f>
        <v>1.0443732328656314</v>
      </c>
      <c r="L5796" s="59">
        <f>Bühler!L5822</f>
        <v>5.0129915177550313</v>
      </c>
      <c r="M5796" s="58">
        <f>Bühler!M5822</f>
        <v>0</v>
      </c>
      <c r="N5796" s="56">
        <f>IF(Input!$D$19=1,J5796*Input!$C$19,0)+IF(Input!$D$20=1,K5796*Input!$C$20,0)+IF(Input!$D$21=1,L5796*Input!$C$21,0)+IF(Input!$D$22=1,M5796*Input!$C$22,0)</f>
        <v>0.20887464657312629</v>
      </c>
      <c r="O5796" s="59">
        <f>IF(Input!$D$19=2,J5796*Input!$C$19,0)+IF(Input!$D$20=2,K5796*Input!$C$20,0)+IF(Input!$D$21=2,L5796*Input!$C$21,0)+IF(Input!$D$22=2,M5796*Input!$C$22,0)</f>
        <v>0.52218661643281572</v>
      </c>
      <c r="P5796" s="59">
        <f>IF(Input!$D$19=3,J5796*Input!$C$19,0)+IF(Input!$D$20=3,K5796*Input!$C$20,0)+IF(Input!$D$21=3,L5796*Input!$C$21,0)+IF(Input!$D$22=3,M5796*Input!$C$22,0)</f>
        <v>0</v>
      </c>
      <c r="Q5796" s="75">
        <f>IF(Input!$D$19=4,J5796*Input!$C$19,0)+IF(Input!$D$20=4,K5796*Input!$C$20,0)+IF(Input!$D$21=4,L5796*Input!$C$21,0)+IF(Input!$D$22=4,M5796*Input!$C$22,0)</f>
        <v>0</v>
      </c>
      <c r="R5796" s="58">
        <v>60.288217060603465</v>
      </c>
      <c r="S5796" s="124">
        <f t="shared" si="90"/>
        <v>0.9051234684835473</v>
      </c>
    </row>
    <row r="5797" spans="8:19" x14ac:dyDescent="0.3">
      <c r="H5797" s="44">
        <v>5790</v>
      </c>
      <c r="I5797" s="56">
        <f>Bühler!I5823</f>
        <v>0.26921621113869615</v>
      </c>
      <c r="J5797" s="59">
        <f>Bühler!J5823</f>
        <v>0.89738737046232053</v>
      </c>
      <c r="K5797" s="59">
        <f>Bühler!K5823</f>
        <v>1.3460810556934808</v>
      </c>
      <c r="L5797" s="59">
        <f>Bühler!L5823</f>
        <v>6.461189067328708</v>
      </c>
      <c r="M5797" s="58">
        <f>Bühler!M5823</f>
        <v>0</v>
      </c>
      <c r="N5797" s="56">
        <f>IF(Input!$D$19=1,J5797*Input!$C$19,0)+IF(Input!$D$20=1,K5797*Input!$C$20,0)+IF(Input!$D$21=1,L5797*Input!$C$21,0)+IF(Input!$D$22=1,M5797*Input!$C$22,0)</f>
        <v>0.26921621113869615</v>
      </c>
      <c r="O5797" s="59">
        <f>IF(Input!$D$19=2,J5797*Input!$C$19,0)+IF(Input!$D$20=2,K5797*Input!$C$20,0)+IF(Input!$D$21=2,L5797*Input!$C$21,0)+IF(Input!$D$22=2,M5797*Input!$C$22,0)</f>
        <v>0.6730405278467404</v>
      </c>
      <c r="P5797" s="59">
        <f>IF(Input!$D$19=3,J5797*Input!$C$19,0)+IF(Input!$D$20=3,K5797*Input!$C$20,0)+IF(Input!$D$21=3,L5797*Input!$C$21,0)+IF(Input!$D$22=3,M5797*Input!$C$22,0)</f>
        <v>0</v>
      </c>
      <c r="Q5797" s="75">
        <f>IF(Input!$D$19=4,J5797*Input!$C$19,0)+IF(Input!$D$20=4,K5797*Input!$C$20,0)+IF(Input!$D$21=4,L5797*Input!$C$21,0)+IF(Input!$D$22=4,M5797*Input!$C$22,0)</f>
        <v>0</v>
      </c>
      <c r="R5797" s="58">
        <v>63.518228341541615</v>
      </c>
      <c r="S5797" s="124">
        <f t="shared" si="90"/>
        <v>1.1666035816010167</v>
      </c>
    </row>
    <row r="5798" spans="8:19" x14ac:dyDescent="0.3">
      <c r="H5798" s="44">
        <v>5791</v>
      </c>
      <c r="I5798" s="56">
        <f>Bühler!I5824</f>
        <v>0.31099114045332144</v>
      </c>
      <c r="J5798" s="59">
        <f>Bühler!J5824</f>
        <v>1.0366371348444048</v>
      </c>
      <c r="K5798" s="59">
        <f>Bühler!K5824</f>
        <v>1.5549557022666072</v>
      </c>
      <c r="L5798" s="59">
        <f>Bühler!L5824</f>
        <v>7.4637873708797144</v>
      </c>
      <c r="M5798" s="58">
        <f>Bühler!M5824</f>
        <v>0</v>
      </c>
      <c r="N5798" s="56">
        <f>IF(Input!$D$19=1,J5798*Input!$C$19,0)+IF(Input!$D$20=1,K5798*Input!$C$20,0)+IF(Input!$D$21=1,L5798*Input!$C$21,0)+IF(Input!$D$22=1,M5798*Input!$C$22,0)</f>
        <v>0.31099114045332144</v>
      </c>
      <c r="O5798" s="59">
        <f>IF(Input!$D$19=2,J5798*Input!$C$19,0)+IF(Input!$D$20=2,K5798*Input!$C$20,0)+IF(Input!$D$21=2,L5798*Input!$C$21,0)+IF(Input!$D$22=2,M5798*Input!$C$22,0)</f>
        <v>0.77747785113330359</v>
      </c>
      <c r="P5798" s="59">
        <f>IF(Input!$D$19=3,J5798*Input!$C$19,0)+IF(Input!$D$20=3,K5798*Input!$C$20,0)+IF(Input!$D$21=3,L5798*Input!$C$21,0)+IF(Input!$D$22=3,M5798*Input!$C$22,0)</f>
        <v>0</v>
      </c>
      <c r="Q5798" s="75">
        <f>IF(Input!$D$19=4,J5798*Input!$C$19,0)+IF(Input!$D$20=4,K5798*Input!$C$20,0)+IF(Input!$D$21=4,L5798*Input!$C$21,0)+IF(Input!$D$22=4,M5798*Input!$C$22,0)</f>
        <v>0</v>
      </c>
      <c r="R5798" s="58">
        <v>67.052990364328139</v>
      </c>
      <c r="S5798" s="124">
        <f t="shared" si="90"/>
        <v>1.3476282752977262</v>
      </c>
    </row>
    <row r="5799" spans="8:19" x14ac:dyDescent="0.3">
      <c r="H5799" s="44">
        <v>5792</v>
      </c>
      <c r="I5799" s="56">
        <f>Bühler!I5825</f>
        <v>0.31099114045332144</v>
      </c>
      <c r="J5799" s="59">
        <f>Bühler!J5825</f>
        <v>1.0366371348444048</v>
      </c>
      <c r="K5799" s="59">
        <f>Bühler!K5825</f>
        <v>1.5549557022666072</v>
      </c>
      <c r="L5799" s="59">
        <f>Bühler!L5825</f>
        <v>7.4637873708797144</v>
      </c>
      <c r="M5799" s="58">
        <f>Bühler!M5825</f>
        <v>0</v>
      </c>
      <c r="N5799" s="56">
        <f>IF(Input!$D$19=1,J5799*Input!$C$19,0)+IF(Input!$D$20=1,K5799*Input!$C$20,0)+IF(Input!$D$21=1,L5799*Input!$C$21,0)+IF(Input!$D$22=1,M5799*Input!$C$22,0)</f>
        <v>0.31099114045332144</v>
      </c>
      <c r="O5799" s="59">
        <f>IF(Input!$D$19=2,J5799*Input!$C$19,0)+IF(Input!$D$20=2,K5799*Input!$C$20,0)+IF(Input!$D$21=2,L5799*Input!$C$21,0)+IF(Input!$D$22=2,M5799*Input!$C$22,0)</f>
        <v>0.77747785113330359</v>
      </c>
      <c r="P5799" s="59">
        <f>IF(Input!$D$19=3,J5799*Input!$C$19,0)+IF(Input!$D$20=3,K5799*Input!$C$20,0)+IF(Input!$D$21=3,L5799*Input!$C$21,0)+IF(Input!$D$22=3,M5799*Input!$C$22,0)</f>
        <v>0</v>
      </c>
      <c r="Q5799" s="75">
        <f>IF(Input!$D$19=4,J5799*Input!$C$19,0)+IF(Input!$D$20=4,K5799*Input!$C$20,0)+IF(Input!$D$21=4,L5799*Input!$C$21,0)+IF(Input!$D$22=4,M5799*Input!$C$22,0)</f>
        <v>0</v>
      </c>
      <c r="R5799" s="58">
        <v>68.685677635694347</v>
      </c>
      <c r="S5799" s="124">
        <f t="shared" si="90"/>
        <v>1.3476282752977262</v>
      </c>
    </row>
    <row r="5800" spans="8:19" x14ac:dyDescent="0.3">
      <c r="H5800" s="44">
        <v>5793</v>
      </c>
      <c r="I5800" s="56">
        <f>Bühler!I5826</f>
        <v>0.31099114045332144</v>
      </c>
      <c r="J5800" s="59">
        <f>Bühler!J5826</f>
        <v>1.0366371348444048</v>
      </c>
      <c r="K5800" s="59">
        <f>Bühler!K5826</f>
        <v>1.5549557022666072</v>
      </c>
      <c r="L5800" s="59">
        <f>Bühler!L5826</f>
        <v>7.4637873708797144</v>
      </c>
      <c r="M5800" s="58">
        <f>Bühler!M5826</f>
        <v>0</v>
      </c>
      <c r="N5800" s="56">
        <f>IF(Input!$D$19=1,J5800*Input!$C$19,0)+IF(Input!$D$20=1,K5800*Input!$C$20,0)+IF(Input!$D$21=1,L5800*Input!$C$21,0)+IF(Input!$D$22=1,M5800*Input!$C$22,0)</f>
        <v>0.31099114045332144</v>
      </c>
      <c r="O5800" s="59">
        <f>IF(Input!$D$19=2,J5800*Input!$C$19,0)+IF(Input!$D$20=2,K5800*Input!$C$20,0)+IF(Input!$D$21=2,L5800*Input!$C$21,0)+IF(Input!$D$22=2,M5800*Input!$C$22,0)</f>
        <v>0.77747785113330359</v>
      </c>
      <c r="P5800" s="59">
        <f>IF(Input!$D$19=3,J5800*Input!$C$19,0)+IF(Input!$D$20=3,K5800*Input!$C$20,0)+IF(Input!$D$21=3,L5800*Input!$C$21,0)+IF(Input!$D$22=3,M5800*Input!$C$22,0)</f>
        <v>0</v>
      </c>
      <c r="Q5800" s="75">
        <f>IF(Input!$D$19=4,J5800*Input!$C$19,0)+IF(Input!$D$20=4,K5800*Input!$C$20,0)+IF(Input!$D$21=4,L5800*Input!$C$21,0)+IF(Input!$D$22=4,M5800*Input!$C$22,0)</f>
        <v>0</v>
      </c>
      <c r="R5800" s="58">
        <v>70.129264649191612</v>
      </c>
      <c r="S5800" s="124">
        <f t="shared" si="90"/>
        <v>1.3476282752977262</v>
      </c>
    </row>
    <row r="5801" spans="8:19" x14ac:dyDescent="0.3">
      <c r="H5801" s="44">
        <v>5794</v>
      </c>
      <c r="I5801" s="56">
        <f>Bühler!I5827</f>
        <v>0.33419943451700213</v>
      </c>
      <c r="J5801" s="59">
        <f>Bühler!J5827</f>
        <v>1.1139981150566738</v>
      </c>
      <c r="K5801" s="59">
        <f>Bühler!K5827</f>
        <v>1.6709971725850108</v>
      </c>
      <c r="L5801" s="59">
        <f>Bühler!L5827</f>
        <v>8.0207864284080514</v>
      </c>
      <c r="M5801" s="58">
        <f>Bühler!M5827</f>
        <v>0</v>
      </c>
      <c r="N5801" s="56">
        <f>IF(Input!$D$19=1,J5801*Input!$C$19,0)+IF(Input!$D$20=1,K5801*Input!$C$20,0)+IF(Input!$D$21=1,L5801*Input!$C$21,0)+IF(Input!$D$22=1,M5801*Input!$C$22,0)</f>
        <v>0.33419943451700213</v>
      </c>
      <c r="O5801" s="59">
        <f>IF(Input!$D$19=2,J5801*Input!$C$19,0)+IF(Input!$D$20=2,K5801*Input!$C$20,0)+IF(Input!$D$21=2,L5801*Input!$C$21,0)+IF(Input!$D$22=2,M5801*Input!$C$22,0)</f>
        <v>0.8354985862925054</v>
      </c>
      <c r="P5801" s="59">
        <f>IF(Input!$D$19=3,J5801*Input!$C$19,0)+IF(Input!$D$20=3,K5801*Input!$C$20,0)+IF(Input!$D$21=3,L5801*Input!$C$21,0)+IF(Input!$D$22=3,M5801*Input!$C$22,0)</f>
        <v>0</v>
      </c>
      <c r="Q5801" s="75">
        <f>IF(Input!$D$19=4,J5801*Input!$C$19,0)+IF(Input!$D$20=4,K5801*Input!$C$20,0)+IF(Input!$D$21=4,L5801*Input!$C$21,0)+IF(Input!$D$22=4,M5801*Input!$C$22,0)</f>
        <v>0</v>
      </c>
      <c r="R5801" s="58">
        <v>70.745803249070718</v>
      </c>
      <c r="S5801" s="124">
        <f t="shared" si="90"/>
        <v>1.4481975495736759</v>
      </c>
    </row>
    <row r="5802" spans="8:19" x14ac:dyDescent="0.3">
      <c r="H5802" s="44">
        <v>5795</v>
      </c>
      <c r="I5802" s="56">
        <f>Bühler!I5828</f>
        <v>0.36204938739341896</v>
      </c>
      <c r="J5802" s="59">
        <f>Bühler!J5828</f>
        <v>1.2068312913113965</v>
      </c>
      <c r="K5802" s="59">
        <f>Bühler!K5828</f>
        <v>1.8102469369670948</v>
      </c>
      <c r="L5802" s="59">
        <f>Bühler!L5828</f>
        <v>8.6891852974420551</v>
      </c>
      <c r="M5802" s="58">
        <f>Bühler!M5828</f>
        <v>0</v>
      </c>
      <c r="N5802" s="56">
        <f>IF(Input!$D$19=1,J5802*Input!$C$19,0)+IF(Input!$D$20=1,K5802*Input!$C$20,0)+IF(Input!$D$21=1,L5802*Input!$C$21,0)+IF(Input!$D$22=1,M5802*Input!$C$22,0)</f>
        <v>0.36204938739341896</v>
      </c>
      <c r="O5802" s="59">
        <f>IF(Input!$D$19=2,J5802*Input!$C$19,0)+IF(Input!$D$20=2,K5802*Input!$C$20,0)+IF(Input!$D$21=2,L5802*Input!$C$21,0)+IF(Input!$D$22=2,M5802*Input!$C$22,0)</f>
        <v>0.90512346848354741</v>
      </c>
      <c r="P5802" s="59">
        <f>IF(Input!$D$19=3,J5802*Input!$C$19,0)+IF(Input!$D$20=3,K5802*Input!$C$20,0)+IF(Input!$D$21=3,L5802*Input!$C$21,0)+IF(Input!$D$22=3,M5802*Input!$C$22,0)</f>
        <v>0</v>
      </c>
      <c r="Q5802" s="75">
        <f>IF(Input!$D$19=4,J5802*Input!$C$19,0)+IF(Input!$D$20=4,K5802*Input!$C$20,0)+IF(Input!$D$21=4,L5802*Input!$C$21,0)+IF(Input!$D$22=4,M5802*Input!$C$22,0)</f>
        <v>0</v>
      </c>
      <c r="R5802" s="58">
        <v>71.907905752571295</v>
      </c>
      <c r="S5802" s="124">
        <f t="shared" si="90"/>
        <v>1.5688806787048155</v>
      </c>
    </row>
    <row r="5803" spans="8:19" x14ac:dyDescent="0.3">
      <c r="H5803" s="44">
        <v>5796</v>
      </c>
      <c r="I5803" s="56">
        <f>Bühler!I5829</f>
        <v>0.41774929314625259</v>
      </c>
      <c r="J5803" s="59">
        <f>Bühler!J5829</f>
        <v>1.3924976438208421</v>
      </c>
      <c r="K5803" s="59">
        <f>Bühler!K5829</f>
        <v>2.0887464657312629</v>
      </c>
      <c r="L5803" s="59">
        <f>Bühler!L5829</f>
        <v>10.025983035510063</v>
      </c>
      <c r="M5803" s="58">
        <f>Bühler!M5829</f>
        <v>0</v>
      </c>
      <c r="N5803" s="56">
        <f>IF(Input!$D$19=1,J5803*Input!$C$19,0)+IF(Input!$D$20=1,K5803*Input!$C$20,0)+IF(Input!$D$21=1,L5803*Input!$C$21,0)+IF(Input!$D$22=1,M5803*Input!$C$22,0)</f>
        <v>0.41774929314625259</v>
      </c>
      <c r="O5803" s="59">
        <f>IF(Input!$D$19=2,J5803*Input!$C$19,0)+IF(Input!$D$20=2,K5803*Input!$C$20,0)+IF(Input!$D$21=2,L5803*Input!$C$21,0)+IF(Input!$D$22=2,M5803*Input!$C$22,0)</f>
        <v>1.0443732328656314</v>
      </c>
      <c r="P5803" s="59">
        <f>IF(Input!$D$19=3,J5803*Input!$C$19,0)+IF(Input!$D$20=3,K5803*Input!$C$20,0)+IF(Input!$D$21=3,L5803*Input!$C$21,0)+IF(Input!$D$22=3,M5803*Input!$C$22,0)</f>
        <v>0</v>
      </c>
      <c r="Q5803" s="75">
        <f>IF(Input!$D$19=4,J5803*Input!$C$19,0)+IF(Input!$D$20=4,K5803*Input!$C$20,0)+IF(Input!$D$21=4,L5803*Input!$C$21,0)+IF(Input!$D$22=4,M5803*Input!$C$22,0)</f>
        <v>0</v>
      </c>
      <c r="R5803" s="58">
        <v>72.01809057332359</v>
      </c>
      <c r="S5803" s="124">
        <f t="shared" si="90"/>
        <v>1.8102469369670946</v>
      </c>
    </row>
    <row r="5804" spans="8:19" x14ac:dyDescent="0.3">
      <c r="H5804" s="44">
        <v>5797</v>
      </c>
      <c r="I5804" s="56">
        <f>Bühler!I5830</f>
        <v>0.41774929314625259</v>
      </c>
      <c r="J5804" s="59">
        <f>Bühler!J5830</f>
        <v>1.3924976438208421</v>
      </c>
      <c r="K5804" s="59">
        <f>Bühler!K5830</f>
        <v>2.0887464657312629</v>
      </c>
      <c r="L5804" s="59">
        <f>Bühler!L5830</f>
        <v>10.025983035510063</v>
      </c>
      <c r="M5804" s="58">
        <f>Bühler!M5830</f>
        <v>0</v>
      </c>
      <c r="N5804" s="56">
        <f>IF(Input!$D$19=1,J5804*Input!$C$19,0)+IF(Input!$D$20=1,K5804*Input!$C$20,0)+IF(Input!$D$21=1,L5804*Input!$C$21,0)+IF(Input!$D$22=1,M5804*Input!$C$22,0)</f>
        <v>0.41774929314625259</v>
      </c>
      <c r="O5804" s="59">
        <f>IF(Input!$D$19=2,J5804*Input!$C$19,0)+IF(Input!$D$20=2,K5804*Input!$C$20,0)+IF(Input!$D$21=2,L5804*Input!$C$21,0)+IF(Input!$D$22=2,M5804*Input!$C$22,0)</f>
        <v>1.0443732328656314</v>
      </c>
      <c r="P5804" s="59">
        <f>IF(Input!$D$19=3,J5804*Input!$C$19,0)+IF(Input!$D$20=3,K5804*Input!$C$20,0)+IF(Input!$D$21=3,L5804*Input!$C$21,0)+IF(Input!$D$22=3,M5804*Input!$C$22,0)</f>
        <v>0</v>
      </c>
      <c r="Q5804" s="75">
        <f>IF(Input!$D$19=4,J5804*Input!$C$19,0)+IF(Input!$D$20=4,K5804*Input!$C$20,0)+IF(Input!$D$21=4,L5804*Input!$C$21,0)+IF(Input!$D$22=4,M5804*Input!$C$22,0)</f>
        <v>0</v>
      </c>
      <c r="R5804" s="58">
        <v>71.404503429625777</v>
      </c>
      <c r="S5804" s="124">
        <f t="shared" si="90"/>
        <v>1.8102469369670946</v>
      </c>
    </row>
    <row r="5805" spans="8:19" x14ac:dyDescent="0.3">
      <c r="H5805" s="44">
        <v>5798</v>
      </c>
      <c r="I5805" s="56">
        <f>Bühler!I5831</f>
        <v>0.41774929314625259</v>
      </c>
      <c r="J5805" s="59">
        <f>Bühler!J5831</f>
        <v>1.3924976438208421</v>
      </c>
      <c r="K5805" s="59">
        <f>Bühler!K5831</f>
        <v>2.0887464657312629</v>
      </c>
      <c r="L5805" s="59">
        <f>Bühler!L5831</f>
        <v>10.025983035510063</v>
      </c>
      <c r="M5805" s="58">
        <f>Bühler!M5831</f>
        <v>0</v>
      </c>
      <c r="N5805" s="56">
        <f>IF(Input!$D$19=1,J5805*Input!$C$19,0)+IF(Input!$D$20=1,K5805*Input!$C$20,0)+IF(Input!$D$21=1,L5805*Input!$C$21,0)+IF(Input!$D$22=1,M5805*Input!$C$22,0)</f>
        <v>0.41774929314625259</v>
      </c>
      <c r="O5805" s="59">
        <f>IF(Input!$D$19=2,J5805*Input!$C$19,0)+IF(Input!$D$20=2,K5805*Input!$C$20,0)+IF(Input!$D$21=2,L5805*Input!$C$21,0)+IF(Input!$D$22=2,M5805*Input!$C$22,0)</f>
        <v>1.0443732328656314</v>
      </c>
      <c r="P5805" s="59">
        <f>IF(Input!$D$19=3,J5805*Input!$C$19,0)+IF(Input!$D$20=3,K5805*Input!$C$20,0)+IF(Input!$D$21=3,L5805*Input!$C$21,0)+IF(Input!$D$22=3,M5805*Input!$C$22,0)</f>
        <v>0</v>
      </c>
      <c r="Q5805" s="75">
        <f>IF(Input!$D$19=4,J5805*Input!$C$19,0)+IF(Input!$D$20=4,K5805*Input!$C$20,0)+IF(Input!$D$21=4,L5805*Input!$C$21,0)+IF(Input!$D$22=4,M5805*Input!$C$22,0)</f>
        <v>0</v>
      </c>
      <c r="R5805" s="58">
        <v>71.011489988797337</v>
      </c>
      <c r="S5805" s="124">
        <f t="shared" si="90"/>
        <v>1.8102469369670946</v>
      </c>
    </row>
    <row r="5806" spans="8:19" x14ac:dyDescent="0.3">
      <c r="H5806" s="44">
        <v>5799</v>
      </c>
      <c r="I5806" s="56">
        <f>Bühler!I5832</f>
        <v>0.41774929314625259</v>
      </c>
      <c r="J5806" s="59">
        <f>Bühler!J5832</f>
        <v>1.3924976438208421</v>
      </c>
      <c r="K5806" s="59">
        <f>Bühler!K5832</f>
        <v>2.0887464657312629</v>
      </c>
      <c r="L5806" s="59">
        <f>Bühler!L5832</f>
        <v>10.025983035510063</v>
      </c>
      <c r="M5806" s="58">
        <f>Bühler!M5832</f>
        <v>0</v>
      </c>
      <c r="N5806" s="56">
        <f>IF(Input!$D$19=1,J5806*Input!$C$19,0)+IF(Input!$D$20=1,K5806*Input!$C$20,0)+IF(Input!$D$21=1,L5806*Input!$C$21,0)+IF(Input!$D$22=1,M5806*Input!$C$22,0)</f>
        <v>0.41774929314625259</v>
      </c>
      <c r="O5806" s="59">
        <f>IF(Input!$D$19=2,J5806*Input!$C$19,0)+IF(Input!$D$20=2,K5806*Input!$C$20,0)+IF(Input!$D$21=2,L5806*Input!$C$21,0)+IF(Input!$D$22=2,M5806*Input!$C$22,0)</f>
        <v>1.0443732328656314</v>
      </c>
      <c r="P5806" s="59">
        <f>IF(Input!$D$19=3,J5806*Input!$C$19,0)+IF(Input!$D$20=3,K5806*Input!$C$20,0)+IF(Input!$D$21=3,L5806*Input!$C$21,0)+IF(Input!$D$22=3,M5806*Input!$C$22,0)</f>
        <v>0</v>
      </c>
      <c r="Q5806" s="75">
        <f>IF(Input!$D$19=4,J5806*Input!$C$19,0)+IF(Input!$D$20=4,K5806*Input!$C$20,0)+IF(Input!$D$21=4,L5806*Input!$C$21,0)+IF(Input!$D$22=4,M5806*Input!$C$22,0)</f>
        <v>0</v>
      </c>
      <c r="R5806" s="58">
        <v>71.156763694716489</v>
      </c>
      <c r="S5806" s="124">
        <f t="shared" si="90"/>
        <v>1.8102469369670946</v>
      </c>
    </row>
    <row r="5807" spans="8:19" x14ac:dyDescent="0.3">
      <c r="H5807" s="44">
        <v>5800</v>
      </c>
      <c r="I5807" s="56">
        <f>Bühler!I5833</f>
        <v>0.41774929314625259</v>
      </c>
      <c r="J5807" s="59">
        <f>Bühler!J5833</f>
        <v>1.3924976438208421</v>
      </c>
      <c r="K5807" s="59">
        <f>Bühler!K5833</f>
        <v>2.0887464657312629</v>
      </c>
      <c r="L5807" s="59">
        <f>Bühler!L5833</f>
        <v>10.025983035510063</v>
      </c>
      <c r="M5807" s="58">
        <f>Bühler!M5833</f>
        <v>0</v>
      </c>
      <c r="N5807" s="56">
        <f>IF(Input!$D$19=1,J5807*Input!$C$19,0)+IF(Input!$D$20=1,K5807*Input!$C$20,0)+IF(Input!$D$21=1,L5807*Input!$C$21,0)+IF(Input!$D$22=1,M5807*Input!$C$22,0)</f>
        <v>0.41774929314625259</v>
      </c>
      <c r="O5807" s="59">
        <f>IF(Input!$D$19=2,J5807*Input!$C$19,0)+IF(Input!$D$20=2,K5807*Input!$C$20,0)+IF(Input!$D$21=2,L5807*Input!$C$21,0)+IF(Input!$D$22=2,M5807*Input!$C$22,0)</f>
        <v>1.0443732328656314</v>
      </c>
      <c r="P5807" s="59">
        <f>IF(Input!$D$19=3,J5807*Input!$C$19,0)+IF(Input!$D$20=3,K5807*Input!$C$20,0)+IF(Input!$D$21=3,L5807*Input!$C$21,0)+IF(Input!$D$22=3,M5807*Input!$C$22,0)</f>
        <v>0</v>
      </c>
      <c r="Q5807" s="75">
        <f>IF(Input!$D$19=4,J5807*Input!$C$19,0)+IF(Input!$D$20=4,K5807*Input!$C$20,0)+IF(Input!$D$21=4,L5807*Input!$C$21,0)+IF(Input!$D$22=4,M5807*Input!$C$22,0)</f>
        <v>0</v>
      </c>
      <c r="R5807" s="58">
        <v>69.950629636441761</v>
      </c>
      <c r="S5807" s="124">
        <f t="shared" si="90"/>
        <v>1.8102469369670946</v>
      </c>
    </row>
    <row r="5808" spans="8:19" x14ac:dyDescent="0.3">
      <c r="H5808" s="44">
        <v>5801</v>
      </c>
      <c r="I5808" s="56">
        <f>Bühler!I5834</f>
        <v>0.41774929314625259</v>
      </c>
      <c r="J5808" s="59">
        <f>Bühler!J5834</f>
        <v>1.3924976438208421</v>
      </c>
      <c r="K5808" s="59">
        <f>Bühler!K5834</f>
        <v>2.0887464657312629</v>
      </c>
      <c r="L5808" s="59">
        <f>Bühler!L5834</f>
        <v>10.025983035510063</v>
      </c>
      <c r="M5808" s="58">
        <f>Bühler!M5834</f>
        <v>0</v>
      </c>
      <c r="N5808" s="56">
        <f>IF(Input!$D$19=1,J5808*Input!$C$19,0)+IF(Input!$D$20=1,K5808*Input!$C$20,0)+IF(Input!$D$21=1,L5808*Input!$C$21,0)+IF(Input!$D$22=1,M5808*Input!$C$22,0)</f>
        <v>0.41774929314625259</v>
      </c>
      <c r="O5808" s="59">
        <f>IF(Input!$D$19=2,J5808*Input!$C$19,0)+IF(Input!$D$20=2,K5808*Input!$C$20,0)+IF(Input!$D$21=2,L5808*Input!$C$21,0)+IF(Input!$D$22=2,M5808*Input!$C$22,0)</f>
        <v>1.0443732328656314</v>
      </c>
      <c r="P5808" s="59">
        <f>IF(Input!$D$19=3,J5808*Input!$C$19,0)+IF(Input!$D$20=3,K5808*Input!$C$20,0)+IF(Input!$D$21=3,L5808*Input!$C$21,0)+IF(Input!$D$22=3,M5808*Input!$C$22,0)</f>
        <v>0</v>
      </c>
      <c r="Q5808" s="75">
        <f>IF(Input!$D$19=4,J5808*Input!$C$19,0)+IF(Input!$D$20=4,K5808*Input!$C$20,0)+IF(Input!$D$21=4,L5808*Input!$C$21,0)+IF(Input!$D$22=4,M5808*Input!$C$22,0)</f>
        <v>0</v>
      </c>
      <c r="R5808" s="58">
        <v>68.576144442270206</v>
      </c>
      <c r="S5808" s="124">
        <f t="shared" si="90"/>
        <v>1.8102469369670946</v>
      </c>
    </row>
    <row r="5809" spans="8:19" x14ac:dyDescent="0.3">
      <c r="H5809" s="44">
        <v>5802</v>
      </c>
      <c r="I5809" s="56">
        <f>Bühler!I5835</f>
        <v>0.41774929314625259</v>
      </c>
      <c r="J5809" s="59">
        <f>Bühler!J5835</f>
        <v>1.3924976438208421</v>
      </c>
      <c r="K5809" s="59">
        <f>Bühler!K5835</f>
        <v>2.0887464657312629</v>
      </c>
      <c r="L5809" s="59">
        <f>Bühler!L5835</f>
        <v>10.025983035510063</v>
      </c>
      <c r="M5809" s="58">
        <f>Bühler!M5835</f>
        <v>0</v>
      </c>
      <c r="N5809" s="56">
        <f>IF(Input!$D$19=1,J5809*Input!$C$19,0)+IF(Input!$D$20=1,K5809*Input!$C$20,0)+IF(Input!$D$21=1,L5809*Input!$C$21,0)+IF(Input!$D$22=1,M5809*Input!$C$22,0)</f>
        <v>0.41774929314625259</v>
      </c>
      <c r="O5809" s="59">
        <f>IF(Input!$D$19=2,J5809*Input!$C$19,0)+IF(Input!$D$20=2,K5809*Input!$C$20,0)+IF(Input!$D$21=2,L5809*Input!$C$21,0)+IF(Input!$D$22=2,M5809*Input!$C$22,0)</f>
        <v>1.0443732328656314</v>
      </c>
      <c r="P5809" s="59">
        <f>IF(Input!$D$19=3,J5809*Input!$C$19,0)+IF(Input!$D$20=3,K5809*Input!$C$20,0)+IF(Input!$D$21=3,L5809*Input!$C$21,0)+IF(Input!$D$22=3,M5809*Input!$C$22,0)</f>
        <v>0</v>
      </c>
      <c r="Q5809" s="75">
        <f>IF(Input!$D$19=4,J5809*Input!$C$19,0)+IF(Input!$D$20=4,K5809*Input!$C$20,0)+IF(Input!$D$21=4,L5809*Input!$C$21,0)+IF(Input!$D$22=4,M5809*Input!$C$22,0)</f>
        <v>0</v>
      </c>
      <c r="R5809" s="58">
        <v>66.978849284511782</v>
      </c>
      <c r="S5809" s="124">
        <f t="shared" si="90"/>
        <v>1.8102469369670946</v>
      </c>
    </row>
    <row r="5810" spans="8:19" x14ac:dyDescent="0.3">
      <c r="H5810" s="44">
        <v>5803</v>
      </c>
      <c r="I5810" s="56">
        <f>Bühler!I5836</f>
        <v>0.41774929314625259</v>
      </c>
      <c r="J5810" s="59">
        <f>Bühler!J5836</f>
        <v>1.3924976438208421</v>
      </c>
      <c r="K5810" s="59">
        <f>Bühler!K5836</f>
        <v>2.0887464657312629</v>
      </c>
      <c r="L5810" s="59">
        <f>Bühler!L5836</f>
        <v>10.025983035510063</v>
      </c>
      <c r="M5810" s="58">
        <f>Bühler!M5836</f>
        <v>0</v>
      </c>
      <c r="N5810" s="56">
        <f>IF(Input!$D$19=1,J5810*Input!$C$19,0)+IF(Input!$D$20=1,K5810*Input!$C$20,0)+IF(Input!$D$21=1,L5810*Input!$C$21,0)+IF(Input!$D$22=1,M5810*Input!$C$22,0)</f>
        <v>0.41774929314625259</v>
      </c>
      <c r="O5810" s="59">
        <f>IF(Input!$D$19=2,J5810*Input!$C$19,0)+IF(Input!$D$20=2,K5810*Input!$C$20,0)+IF(Input!$D$21=2,L5810*Input!$C$21,0)+IF(Input!$D$22=2,M5810*Input!$C$22,0)</f>
        <v>1.0443732328656314</v>
      </c>
      <c r="P5810" s="59">
        <f>IF(Input!$D$19=3,J5810*Input!$C$19,0)+IF(Input!$D$20=3,K5810*Input!$C$20,0)+IF(Input!$D$21=3,L5810*Input!$C$21,0)+IF(Input!$D$22=3,M5810*Input!$C$22,0)</f>
        <v>0</v>
      </c>
      <c r="Q5810" s="75">
        <f>IF(Input!$D$19=4,J5810*Input!$C$19,0)+IF(Input!$D$20=4,K5810*Input!$C$20,0)+IF(Input!$D$21=4,L5810*Input!$C$21,0)+IF(Input!$D$22=4,M5810*Input!$C$22,0)</f>
        <v>0</v>
      </c>
      <c r="R5810" s="58">
        <v>65.670097916460051</v>
      </c>
      <c r="S5810" s="124">
        <f t="shared" si="90"/>
        <v>1.8102469369670946</v>
      </c>
    </row>
    <row r="5811" spans="8:19" x14ac:dyDescent="0.3">
      <c r="H5811" s="44">
        <v>5804</v>
      </c>
      <c r="I5811" s="56">
        <f>Bühler!I5837</f>
        <v>0.34812441095521052</v>
      </c>
      <c r="J5811" s="59">
        <f>Bühler!J5837</f>
        <v>1.1604147031840353</v>
      </c>
      <c r="K5811" s="59">
        <f>Bühler!K5837</f>
        <v>1.7406220547760527</v>
      </c>
      <c r="L5811" s="59">
        <f>Bühler!L5837</f>
        <v>8.3549858629250533</v>
      </c>
      <c r="M5811" s="58">
        <f>Bühler!M5837</f>
        <v>0</v>
      </c>
      <c r="N5811" s="56">
        <f>IF(Input!$D$19=1,J5811*Input!$C$19,0)+IF(Input!$D$20=1,K5811*Input!$C$20,0)+IF(Input!$D$21=1,L5811*Input!$C$21,0)+IF(Input!$D$22=1,M5811*Input!$C$22,0)</f>
        <v>0.34812441095521057</v>
      </c>
      <c r="O5811" s="59">
        <f>IF(Input!$D$19=2,J5811*Input!$C$19,0)+IF(Input!$D$20=2,K5811*Input!$C$20,0)+IF(Input!$D$21=2,L5811*Input!$C$21,0)+IF(Input!$D$22=2,M5811*Input!$C$22,0)</f>
        <v>0.87031102738802635</v>
      </c>
      <c r="P5811" s="59">
        <f>IF(Input!$D$19=3,J5811*Input!$C$19,0)+IF(Input!$D$20=3,K5811*Input!$C$20,0)+IF(Input!$D$21=3,L5811*Input!$C$21,0)+IF(Input!$D$22=3,M5811*Input!$C$22,0)</f>
        <v>0</v>
      </c>
      <c r="Q5811" s="75">
        <f>IF(Input!$D$19=4,J5811*Input!$C$19,0)+IF(Input!$D$20=4,K5811*Input!$C$20,0)+IF(Input!$D$21=4,L5811*Input!$C$21,0)+IF(Input!$D$22=4,M5811*Input!$C$22,0)</f>
        <v>0</v>
      </c>
      <c r="R5811" s="58">
        <v>64.34051479374402</v>
      </c>
      <c r="S5811" s="124">
        <f t="shared" si="90"/>
        <v>1.5085391141392459</v>
      </c>
    </row>
    <row r="5812" spans="8:19" x14ac:dyDescent="0.3">
      <c r="H5812" s="44">
        <v>5805</v>
      </c>
      <c r="I5812" s="56">
        <f>Bühler!I5838</f>
        <v>0.27849952876416845</v>
      </c>
      <c r="J5812" s="59">
        <f>Bühler!J5838</f>
        <v>0.92833176254722827</v>
      </c>
      <c r="K5812" s="59">
        <f>Bühler!K5838</f>
        <v>1.3924976438208423</v>
      </c>
      <c r="L5812" s="59">
        <f>Bühler!L5838</f>
        <v>6.6839886903400432</v>
      </c>
      <c r="M5812" s="58">
        <f>Bühler!M5838</f>
        <v>0</v>
      </c>
      <c r="N5812" s="56">
        <f>IF(Input!$D$19=1,J5812*Input!$C$19,0)+IF(Input!$D$20=1,K5812*Input!$C$20,0)+IF(Input!$D$21=1,L5812*Input!$C$21,0)+IF(Input!$D$22=1,M5812*Input!$C$22,0)</f>
        <v>0.27849952876416845</v>
      </c>
      <c r="O5812" s="59">
        <f>IF(Input!$D$19=2,J5812*Input!$C$19,0)+IF(Input!$D$20=2,K5812*Input!$C$20,0)+IF(Input!$D$21=2,L5812*Input!$C$21,0)+IF(Input!$D$22=2,M5812*Input!$C$22,0)</f>
        <v>0.69624882191042115</v>
      </c>
      <c r="P5812" s="59">
        <f>IF(Input!$D$19=3,J5812*Input!$C$19,0)+IF(Input!$D$20=3,K5812*Input!$C$20,0)+IF(Input!$D$21=3,L5812*Input!$C$21,0)+IF(Input!$D$22=3,M5812*Input!$C$22,0)</f>
        <v>0</v>
      </c>
      <c r="Q5812" s="75">
        <f>IF(Input!$D$19=4,J5812*Input!$C$19,0)+IF(Input!$D$20=4,K5812*Input!$C$20,0)+IF(Input!$D$21=4,L5812*Input!$C$21,0)+IF(Input!$D$22=4,M5812*Input!$C$22,0)</f>
        <v>0</v>
      </c>
      <c r="R5812" s="58">
        <v>62.333031952134398</v>
      </c>
      <c r="S5812" s="124">
        <f t="shared" si="90"/>
        <v>1.2068312913113968</v>
      </c>
    </row>
    <row r="5813" spans="8:19" x14ac:dyDescent="0.3">
      <c r="H5813" s="44">
        <v>5806</v>
      </c>
      <c r="I5813" s="56">
        <f>Bühler!I5839</f>
        <v>0.20887464657312629</v>
      </c>
      <c r="J5813" s="59">
        <f>Bühler!J5839</f>
        <v>0.69624882191042103</v>
      </c>
      <c r="K5813" s="59">
        <f>Bühler!K5839</f>
        <v>1.0443732328656314</v>
      </c>
      <c r="L5813" s="59">
        <f>Bühler!L5839</f>
        <v>5.0129915177550313</v>
      </c>
      <c r="M5813" s="58">
        <f>Bühler!M5839</f>
        <v>0</v>
      </c>
      <c r="N5813" s="56">
        <f>IF(Input!$D$19=1,J5813*Input!$C$19,0)+IF(Input!$D$20=1,K5813*Input!$C$20,0)+IF(Input!$D$21=1,L5813*Input!$C$21,0)+IF(Input!$D$22=1,M5813*Input!$C$22,0)</f>
        <v>0.20887464657312629</v>
      </c>
      <c r="O5813" s="59">
        <f>IF(Input!$D$19=2,J5813*Input!$C$19,0)+IF(Input!$D$20=2,K5813*Input!$C$20,0)+IF(Input!$D$21=2,L5813*Input!$C$21,0)+IF(Input!$D$22=2,M5813*Input!$C$22,0)</f>
        <v>0.52218661643281572</v>
      </c>
      <c r="P5813" s="59">
        <f>IF(Input!$D$19=3,J5813*Input!$C$19,0)+IF(Input!$D$20=3,K5813*Input!$C$20,0)+IF(Input!$D$21=3,L5813*Input!$C$21,0)+IF(Input!$D$22=3,M5813*Input!$C$22,0)</f>
        <v>0</v>
      </c>
      <c r="Q5813" s="75">
        <f>IF(Input!$D$19=4,J5813*Input!$C$19,0)+IF(Input!$D$20=4,K5813*Input!$C$20,0)+IF(Input!$D$21=4,L5813*Input!$C$21,0)+IF(Input!$D$22=4,M5813*Input!$C$22,0)</f>
        <v>0</v>
      </c>
      <c r="R5813" s="58">
        <v>60.778749572198066</v>
      </c>
      <c r="S5813" s="124">
        <f t="shared" si="90"/>
        <v>0.9051234684835473</v>
      </c>
    </row>
    <row r="5814" spans="8:19" x14ac:dyDescent="0.3">
      <c r="H5814" s="44">
        <v>5807</v>
      </c>
      <c r="I5814" s="56">
        <f>Bühler!I5840</f>
        <v>0.20887464657312629</v>
      </c>
      <c r="J5814" s="59">
        <f>Bühler!J5840</f>
        <v>0.69624882191042103</v>
      </c>
      <c r="K5814" s="59">
        <f>Bühler!K5840</f>
        <v>1.0443732328656314</v>
      </c>
      <c r="L5814" s="59">
        <f>Bühler!L5840</f>
        <v>5.0129915177550313</v>
      </c>
      <c r="M5814" s="58">
        <f>Bühler!M5840</f>
        <v>0</v>
      </c>
      <c r="N5814" s="56">
        <f>IF(Input!$D$19=1,J5814*Input!$C$19,0)+IF(Input!$D$20=1,K5814*Input!$C$20,0)+IF(Input!$D$21=1,L5814*Input!$C$21,0)+IF(Input!$D$22=1,M5814*Input!$C$22,0)</f>
        <v>0.20887464657312629</v>
      </c>
      <c r="O5814" s="59">
        <f>IF(Input!$D$19=2,J5814*Input!$C$19,0)+IF(Input!$D$20=2,K5814*Input!$C$20,0)+IF(Input!$D$21=2,L5814*Input!$C$21,0)+IF(Input!$D$22=2,M5814*Input!$C$22,0)</f>
        <v>0.52218661643281572</v>
      </c>
      <c r="P5814" s="59">
        <f>IF(Input!$D$19=3,J5814*Input!$C$19,0)+IF(Input!$D$20=3,K5814*Input!$C$20,0)+IF(Input!$D$21=3,L5814*Input!$C$21,0)+IF(Input!$D$22=3,M5814*Input!$C$22,0)</f>
        <v>0</v>
      </c>
      <c r="Q5814" s="75">
        <f>IF(Input!$D$19=4,J5814*Input!$C$19,0)+IF(Input!$D$20=4,K5814*Input!$C$20,0)+IF(Input!$D$21=4,L5814*Input!$C$21,0)+IF(Input!$D$22=4,M5814*Input!$C$22,0)</f>
        <v>0</v>
      </c>
      <c r="R5814" s="58">
        <v>59.369665561800467</v>
      </c>
      <c r="S5814" s="124">
        <f t="shared" si="90"/>
        <v>0.9051234684835473</v>
      </c>
    </row>
    <row r="5815" spans="8:19" x14ac:dyDescent="0.3">
      <c r="H5815" s="44">
        <v>5808</v>
      </c>
      <c r="I5815" s="56">
        <f>Bühler!I5841</f>
        <v>0.20887464657312629</v>
      </c>
      <c r="J5815" s="59">
        <f>Bühler!J5841</f>
        <v>0.69624882191042103</v>
      </c>
      <c r="K5815" s="59">
        <f>Bühler!K5841</f>
        <v>1.0443732328656314</v>
      </c>
      <c r="L5815" s="59">
        <f>Bühler!L5841</f>
        <v>5.0129915177550313</v>
      </c>
      <c r="M5815" s="58">
        <f>Bühler!M5841</f>
        <v>0</v>
      </c>
      <c r="N5815" s="56">
        <f>IF(Input!$D$19=1,J5815*Input!$C$19,0)+IF(Input!$D$20=1,K5815*Input!$C$20,0)+IF(Input!$D$21=1,L5815*Input!$C$21,0)+IF(Input!$D$22=1,M5815*Input!$C$22,0)</f>
        <v>0.20887464657312629</v>
      </c>
      <c r="O5815" s="59">
        <f>IF(Input!$D$19=2,J5815*Input!$C$19,0)+IF(Input!$D$20=2,K5815*Input!$C$20,0)+IF(Input!$D$21=2,L5815*Input!$C$21,0)+IF(Input!$D$22=2,M5815*Input!$C$22,0)</f>
        <v>0.52218661643281572</v>
      </c>
      <c r="P5815" s="59">
        <f>IF(Input!$D$19=3,J5815*Input!$C$19,0)+IF(Input!$D$20=3,K5815*Input!$C$20,0)+IF(Input!$D$21=3,L5815*Input!$C$21,0)+IF(Input!$D$22=3,M5815*Input!$C$22,0)</f>
        <v>0</v>
      </c>
      <c r="Q5815" s="75">
        <f>IF(Input!$D$19=4,J5815*Input!$C$19,0)+IF(Input!$D$20=4,K5815*Input!$C$20,0)+IF(Input!$D$21=4,L5815*Input!$C$21,0)+IF(Input!$D$22=4,M5815*Input!$C$22,0)</f>
        <v>0</v>
      </c>
      <c r="R5815" s="58">
        <v>58.425926194452906</v>
      </c>
      <c r="S5815" s="124">
        <f t="shared" si="90"/>
        <v>0.9051234684835473</v>
      </c>
    </row>
    <row r="5816" spans="8:19" x14ac:dyDescent="0.3">
      <c r="H5816" s="44">
        <v>5809</v>
      </c>
      <c r="I5816" s="56">
        <f>Bühler!I5842</f>
        <v>0.23110541107831864</v>
      </c>
      <c r="J5816" s="59">
        <f>Bühler!J5842</f>
        <v>0.77035137026106215</v>
      </c>
      <c r="K5816" s="59">
        <f>Bühler!K5842</f>
        <v>1.1555270553915931</v>
      </c>
      <c r="L5816" s="59">
        <f>Bühler!L5842</f>
        <v>5.5465298658796467</v>
      </c>
      <c r="M5816" s="58">
        <f>Bühler!M5842</f>
        <v>0</v>
      </c>
      <c r="N5816" s="56">
        <f>IF(Input!$D$19=1,J5816*Input!$C$19,0)+IF(Input!$D$20=1,K5816*Input!$C$20,0)+IF(Input!$D$21=1,L5816*Input!$C$21,0)+IF(Input!$D$22=1,M5816*Input!$C$22,0)</f>
        <v>0.23110541107831864</v>
      </c>
      <c r="O5816" s="59">
        <f>IF(Input!$D$19=2,J5816*Input!$C$19,0)+IF(Input!$D$20=2,K5816*Input!$C$20,0)+IF(Input!$D$21=2,L5816*Input!$C$21,0)+IF(Input!$D$22=2,M5816*Input!$C$22,0)</f>
        <v>0.57776352769579653</v>
      </c>
      <c r="P5816" s="59">
        <f>IF(Input!$D$19=3,J5816*Input!$C$19,0)+IF(Input!$D$20=3,K5816*Input!$C$20,0)+IF(Input!$D$21=3,L5816*Input!$C$21,0)+IF(Input!$D$22=3,M5816*Input!$C$22,0)</f>
        <v>0</v>
      </c>
      <c r="Q5816" s="75">
        <f>IF(Input!$D$19=4,J5816*Input!$C$19,0)+IF(Input!$D$20=4,K5816*Input!$C$20,0)+IF(Input!$D$21=4,L5816*Input!$C$21,0)+IF(Input!$D$22=4,M5816*Input!$C$22,0)</f>
        <v>0</v>
      </c>
      <c r="R5816" s="58">
        <v>57.111702749480642</v>
      </c>
      <c r="S5816" s="124">
        <f t="shared" si="90"/>
        <v>1.0014567813393809</v>
      </c>
    </row>
    <row r="5817" spans="8:19" x14ac:dyDescent="0.3">
      <c r="H5817" s="44">
        <v>5810</v>
      </c>
      <c r="I5817" s="56">
        <f>Bühler!I5843</f>
        <v>0.23110541107831864</v>
      </c>
      <c r="J5817" s="59">
        <f>Bühler!J5843</f>
        <v>0.77035137026106215</v>
      </c>
      <c r="K5817" s="59">
        <f>Bühler!K5843</f>
        <v>1.1555270553915931</v>
      </c>
      <c r="L5817" s="59">
        <f>Bühler!L5843</f>
        <v>5.5465298658796467</v>
      </c>
      <c r="M5817" s="58">
        <f>Bühler!M5843</f>
        <v>0</v>
      </c>
      <c r="N5817" s="56">
        <f>IF(Input!$D$19=1,J5817*Input!$C$19,0)+IF(Input!$D$20=1,K5817*Input!$C$20,0)+IF(Input!$D$21=1,L5817*Input!$C$21,0)+IF(Input!$D$22=1,M5817*Input!$C$22,0)</f>
        <v>0.23110541107831864</v>
      </c>
      <c r="O5817" s="59">
        <f>IF(Input!$D$19=2,J5817*Input!$C$19,0)+IF(Input!$D$20=2,K5817*Input!$C$20,0)+IF(Input!$D$21=2,L5817*Input!$C$21,0)+IF(Input!$D$22=2,M5817*Input!$C$22,0)</f>
        <v>0.57776352769579653</v>
      </c>
      <c r="P5817" s="59">
        <f>IF(Input!$D$19=3,J5817*Input!$C$19,0)+IF(Input!$D$20=3,K5817*Input!$C$20,0)+IF(Input!$D$21=3,L5817*Input!$C$21,0)+IF(Input!$D$22=3,M5817*Input!$C$22,0)</f>
        <v>0</v>
      </c>
      <c r="Q5817" s="75">
        <f>IF(Input!$D$19=4,J5817*Input!$C$19,0)+IF(Input!$D$20=4,K5817*Input!$C$20,0)+IF(Input!$D$21=4,L5817*Input!$C$21,0)+IF(Input!$D$22=4,M5817*Input!$C$22,0)</f>
        <v>0</v>
      </c>
      <c r="R5817" s="58">
        <v>56.582158565226131</v>
      </c>
      <c r="S5817" s="124">
        <f t="shared" si="90"/>
        <v>1.0014567813393809</v>
      </c>
    </row>
    <row r="5818" spans="8:19" x14ac:dyDescent="0.3">
      <c r="H5818" s="44">
        <v>5811</v>
      </c>
      <c r="I5818" s="56">
        <f>Bühler!I5844</f>
        <v>0.23110541107831864</v>
      </c>
      <c r="J5818" s="59">
        <f>Bühler!J5844</f>
        <v>0.77035137026106215</v>
      </c>
      <c r="K5818" s="59">
        <f>Bühler!K5844</f>
        <v>1.1555270553915931</v>
      </c>
      <c r="L5818" s="59">
        <f>Bühler!L5844</f>
        <v>5.5465298658796467</v>
      </c>
      <c r="M5818" s="58">
        <f>Bühler!M5844</f>
        <v>0</v>
      </c>
      <c r="N5818" s="56">
        <f>IF(Input!$D$19=1,J5818*Input!$C$19,0)+IF(Input!$D$20=1,K5818*Input!$C$20,0)+IF(Input!$D$21=1,L5818*Input!$C$21,0)+IF(Input!$D$22=1,M5818*Input!$C$22,0)</f>
        <v>0.23110541107831864</v>
      </c>
      <c r="O5818" s="59">
        <f>IF(Input!$D$19=2,J5818*Input!$C$19,0)+IF(Input!$D$20=2,K5818*Input!$C$20,0)+IF(Input!$D$21=2,L5818*Input!$C$21,0)+IF(Input!$D$22=2,M5818*Input!$C$22,0)</f>
        <v>0.57776352769579653</v>
      </c>
      <c r="P5818" s="59">
        <f>IF(Input!$D$19=3,J5818*Input!$C$19,0)+IF(Input!$D$20=3,K5818*Input!$C$20,0)+IF(Input!$D$21=3,L5818*Input!$C$21,0)+IF(Input!$D$22=3,M5818*Input!$C$22,0)</f>
        <v>0</v>
      </c>
      <c r="Q5818" s="75">
        <f>IF(Input!$D$19=4,J5818*Input!$C$19,0)+IF(Input!$D$20=4,K5818*Input!$C$20,0)+IF(Input!$D$21=4,L5818*Input!$C$21,0)+IF(Input!$D$22=4,M5818*Input!$C$22,0)</f>
        <v>0</v>
      </c>
      <c r="R5818" s="58">
        <v>56.46382205782681</v>
      </c>
      <c r="S5818" s="124">
        <f t="shared" si="90"/>
        <v>1.0014567813393809</v>
      </c>
    </row>
    <row r="5819" spans="8:19" x14ac:dyDescent="0.3">
      <c r="H5819" s="44">
        <v>5812</v>
      </c>
      <c r="I5819" s="56">
        <f>Bühler!I5845</f>
        <v>0.23110541107831864</v>
      </c>
      <c r="J5819" s="59">
        <f>Bühler!J5845</f>
        <v>0.77035137026106215</v>
      </c>
      <c r="K5819" s="59">
        <f>Bühler!K5845</f>
        <v>1.1555270553915931</v>
      </c>
      <c r="L5819" s="59">
        <f>Bühler!L5845</f>
        <v>5.5465298658796467</v>
      </c>
      <c r="M5819" s="58">
        <f>Bühler!M5845</f>
        <v>0</v>
      </c>
      <c r="N5819" s="56">
        <f>IF(Input!$D$19=1,J5819*Input!$C$19,0)+IF(Input!$D$20=1,K5819*Input!$C$20,0)+IF(Input!$D$21=1,L5819*Input!$C$21,0)+IF(Input!$D$22=1,M5819*Input!$C$22,0)</f>
        <v>0.23110541107831864</v>
      </c>
      <c r="O5819" s="59">
        <f>IF(Input!$D$19=2,J5819*Input!$C$19,0)+IF(Input!$D$20=2,K5819*Input!$C$20,0)+IF(Input!$D$21=2,L5819*Input!$C$21,0)+IF(Input!$D$22=2,M5819*Input!$C$22,0)</f>
        <v>0.57776352769579653</v>
      </c>
      <c r="P5819" s="59">
        <f>IF(Input!$D$19=3,J5819*Input!$C$19,0)+IF(Input!$D$20=3,K5819*Input!$C$20,0)+IF(Input!$D$21=3,L5819*Input!$C$21,0)+IF(Input!$D$22=3,M5819*Input!$C$22,0)</f>
        <v>0</v>
      </c>
      <c r="Q5819" s="75">
        <f>IF(Input!$D$19=4,J5819*Input!$C$19,0)+IF(Input!$D$20=4,K5819*Input!$C$20,0)+IF(Input!$D$21=4,L5819*Input!$C$21,0)+IF(Input!$D$22=4,M5819*Input!$C$22,0)</f>
        <v>0</v>
      </c>
      <c r="R5819" s="58">
        <v>57.034059577308959</v>
      </c>
      <c r="S5819" s="124">
        <f t="shared" si="90"/>
        <v>1.0014567813393809</v>
      </c>
    </row>
    <row r="5820" spans="8:19" x14ac:dyDescent="0.3">
      <c r="H5820" s="44">
        <v>5813</v>
      </c>
      <c r="I5820" s="56">
        <f>Bühler!I5846</f>
        <v>0.23110541107831864</v>
      </c>
      <c r="J5820" s="59">
        <f>Bühler!J5846</f>
        <v>0.77035137026106215</v>
      </c>
      <c r="K5820" s="59">
        <f>Bühler!K5846</f>
        <v>1.1555270553915931</v>
      </c>
      <c r="L5820" s="59">
        <f>Bühler!L5846</f>
        <v>5.5465298658796467</v>
      </c>
      <c r="M5820" s="58">
        <f>Bühler!M5846</f>
        <v>0</v>
      </c>
      <c r="N5820" s="56">
        <f>IF(Input!$D$19=1,J5820*Input!$C$19,0)+IF(Input!$D$20=1,K5820*Input!$C$20,0)+IF(Input!$D$21=1,L5820*Input!$C$21,0)+IF(Input!$D$22=1,M5820*Input!$C$22,0)</f>
        <v>0.23110541107831864</v>
      </c>
      <c r="O5820" s="59">
        <f>IF(Input!$D$19=2,J5820*Input!$C$19,0)+IF(Input!$D$20=2,K5820*Input!$C$20,0)+IF(Input!$D$21=2,L5820*Input!$C$21,0)+IF(Input!$D$22=2,M5820*Input!$C$22,0)</f>
        <v>0.57776352769579653</v>
      </c>
      <c r="P5820" s="59">
        <f>IF(Input!$D$19=3,J5820*Input!$C$19,0)+IF(Input!$D$20=3,K5820*Input!$C$20,0)+IF(Input!$D$21=3,L5820*Input!$C$21,0)+IF(Input!$D$22=3,M5820*Input!$C$22,0)</f>
        <v>0</v>
      </c>
      <c r="Q5820" s="75">
        <f>IF(Input!$D$19=4,J5820*Input!$C$19,0)+IF(Input!$D$20=4,K5820*Input!$C$20,0)+IF(Input!$D$21=4,L5820*Input!$C$21,0)+IF(Input!$D$22=4,M5820*Input!$C$22,0)</f>
        <v>0</v>
      </c>
      <c r="R5820" s="58">
        <v>57.949678468736103</v>
      </c>
      <c r="S5820" s="124">
        <f t="shared" si="90"/>
        <v>1.0014567813393809</v>
      </c>
    </row>
    <row r="5821" spans="8:19" x14ac:dyDescent="0.3">
      <c r="H5821" s="44">
        <v>5814</v>
      </c>
      <c r="I5821" s="56">
        <f>Bühler!I5847</f>
        <v>0.29786919650094407</v>
      </c>
      <c r="J5821" s="59">
        <f>Bühler!J5847</f>
        <v>0.99289732166981359</v>
      </c>
      <c r="K5821" s="59">
        <f>Bühler!K5847</f>
        <v>1.4893459825047204</v>
      </c>
      <c r="L5821" s="59">
        <f>Bühler!L5847</f>
        <v>7.148860716022658</v>
      </c>
      <c r="M5821" s="58">
        <f>Bühler!M5847</f>
        <v>0</v>
      </c>
      <c r="N5821" s="56">
        <f>IF(Input!$D$19=1,J5821*Input!$C$19,0)+IF(Input!$D$20=1,K5821*Input!$C$20,0)+IF(Input!$D$21=1,L5821*Input!$C$21,0)+IF(Input!$D$22=1,M5821*Input!$C$22,0)</f>
        <v>0.29786919650094407</v>
      </c>
      <c r="O5821" s="59">
        <f>IF(Input!$D$19=2,J5821*Input!$C$19,0)+IF(Input!$D$20=2,K5821*Input!$C$20,0)+IF(Input!$D$21=2,L5821*Input!$C$21,0)+IF(Input!$D$22=2,M5821*Input!$C$22,0)</f>
        <v>0.74467299125236019</v>
      </c>
      <c r="P5821" s="59">
        <f>IF(Input!$D$19=3,J5821*Input!$C$19,0)+IF(Input!$D$20=3,K5821*Input!$C$20,0)+IF(Input!$D$21=3,L5821*Input!$C$21,0)+IF(Input!$D$22=3,M5821*Input!$C$22,0)</f>
        <v>0</v>
      </c>
      <c r="Q5821" s="75">
        <f>IF(Input!$D$19=4,J5821*Input!$C$19,0)+IF(Input!$D$20=4,K5821*Input!$C$20,0)+IF(Input!$D$21=4,L5821*Input!$C$21,0)+IF(Input!$D$22=4,M5821*Input!$C$22,0)</f>
        <v>0</v>
      </c>
      <c r="R5821" s="58">
        <v>60.256225361715948</v>
      </c>
      <c r="S5821" s="124">
        <f t="shared" si="90"/>
        <v>1.2907665181707577</v>
      </c>
    </row>
    <row r="5822" spans="8:19" x14ac:dyDescent="0.3">
      <c r="H5822" s="44">
        <v>5815</v>
      </c>
      <c r="I5822" s="56">
        <f>Bühler!I5848</f>
        <v>0.35949730612182906</v>
      </c>
      <c r="J5822" s="59">
        <f>Bühler!J5848</f>
        <v>1.1983243537394304</v>
      </c>
      <c r="K5822" s="59">
        <f>Bühler!K5848</f>
        <v>1.7974865306091454</v>
      </c>
      <c r="L5822" s="59">
        <f>Bühler!L5848</f>
        <v>8.6279353469238984</v>
      </c>
      <c r="M5822" s="58">
        <f>Bühler!M5848</f>
        <v>0</v>
      </c>
      <c r="N5822" s="56">
        <f>IF(Input!$D$19=1,J5822*Input!$C$19,0)+IF(Input!$D$20=1,K5822*Input!$C$20,0)+IF(Input!$D$21=1,L5822*Input!$C$21,0)+IF(Input!$D$22=1,M5822*Input!$C$22,0)</f>
        <v>0.35949730612182912</v>
      </c>
      <c r="O5822" s="59">
        <f>IF(Input!$D$19=2,J5822*Input!$C$19,0)+IF(Input!$D$20=2,K5822*Input!$C$20,0)+IF(Input!$D$21=2,L5822*Input!$C$21,0)+IF(Input!$D$22=2,M5822*Input!$C$22,0)</f>
        <v>0.89874326530457271</v>
      </c>
      <c r="P5822" s="59">
        <f>IF(Input!$D$19=3,J5822*Input!$C$19,0)+IF(Input!$D$20=3,K5822*Input!$C$20,0)+IF(Input!$D$21=3,L5822*Input!$C$21,0)+IF(Input!$D$22=3,M5822*Input!$C$22,0)</f>
        <v>0</v>
      </c>
      <c r="Q5822" s="75">
        <f>IF(Input!$D$19=4,J5822*Input!$C$19,0)+IF(Input!$D$20=4,K5822*Input!$C$20,0)+IF(Input!$D$21=4,L5822*Input!$C$21,0)+IF(Input!$D$22=4,M5822*Input!$C$22,0)</f>
        <v>0</v>
      </c>
      <c r="R5822" s="58">
        <v>63.155126326967967</v>
      </c>
      <c r="S5822" s="124">
        <f t="shared" si="90"/>
        <v>1.5578216598612595</v>
      </c>
    </row>
    <row r="5823" spans="8:19" x14ac:dyDescent="0.3">
      <c r="H5823" s="44">
        <v>5816</v>
      </c>
      <c r="I5823" s="56">
        <f>Bühler!I5849</f>
        <v>0.35949730612182906</v>
      </c>
      <c r="J5823" s="59">
        <f>Bühler!J5849</f>
        <v>1.1983243537394304</v>
      </c>
      <c r="K5823" s="59">
        <f>Bühler!K5849</f>
        <v>1.7974865306091454</v>
      </c>
      <c r="L5823" s="59">
        <f>Bühler!L5849</f>
        <v>8.6279353469238984</v>
      </c>
      <c r="M5823" s="58">
        <f>Bühler!M5849</f>
        <v>0</v>
      </c>
      <c r="N5823" s="56">
        <f>IF(Input!$D$19=1,J5823*Input!$C$19,0)+IF(Input!$D$20=1,K5823*Input!$C$20,0)+IF(Input!$D$21=1,L5823*Input!$C$21,0)+IF(Input!$D$22=1,M5823*Input!$C$22,0)</f>
        <v>0.35949730612182912</v>
      </c>
      <c r="O5823" s="59">
        <f>IF(Input!$D$19=2,J5823*Input!$C$19,0)+IF(Input!$D$20=2,K5823*Input!$C$20,0)+IF(Input!$D$21=2,L5823*Input!$C$21,0)+IF(Input!$D$22=2,M5823*Input!$C$22,0)</f>
        <v>0.89874326530457271</v>
      </c>
      <c r="P5823" s="59">
        <f>IF(Input!$D$19=3,J5823*Input!$C$19,0)+IF(Input!$D$20=3,K5823*Input!$C$20,0)+IF(Input!$D$21=3,L5823*Input!$C$21,0)+IF(Input!$D$22=3,M5823*Input!$C$22,0)</f>
        <v>0</v>
      </c>
      <c r="Q5823" s="75">
        <f>IF(Input!$D$19=4,J5823*Input!$C$19,0)+IF(Input!$D$20=4,K5823*Input!$C$20,0)+IF(Input!$D$21=4,L5823*Input!$C$21,0)+IF(Input!$D$22=4,M5823*Input!$C$22,0)</f>
        <v>0</v>
      </c>
      <c r="R5823" s="58">
        <v>64.920477571112428</v>
      </c>
      <c r="S5823" s="124">
        <f t="shared" si="90"/>
        <v>1.5578216598612595</v>
      </c>
    </row>
    <row r="5824" spans="8:19" x14ac:dyDescent="0.3">
      <c r="H5824" s="44">
        <v>5817</v>
      </c>
      <c r="I5824" s="56">
        <f>Bühler!I5850</f>
        <v>0.35949730612182906</v>
      </c>
      <c r="J5824" s="59">
        <f>Bühler!J5850</f>
        <v>1.1983243537394304</v>
      </c>
      <c r="K5824" s="59">
        <f>Bühler!K5850</f>
        <v>1.7974865306091454</v>
      </c>
      <c r="L5824" s="59">
        <f>Bühler!L5850</f>
        <v>8.6279353469238984</v>
      </c>
      <c r="M5824" s="58">
        <f>Bühler!M5850</f>
        <v>0</v>
      </c>
      <c r="N5824" s="56">
        <f>IF(Input!$D$19=1,J5824*Input!$C$19,0)+IF(Input!$D$20=1,K5824*Input!$C$20,0)+IF(Input!$D$21=1,L5824*Input!$C$21,0)+IF(Input!$D$22=1,M5824*Input!$C$22,0)</f>
        <v>0.35949730612182912</v>
      </c>
      <c r="O5824" s="59">
        <f>IF(Input!$D$19=2,J5824*Input!$C$19,0)+IF(Input!$D$20=2,K5824*Input!$C$20,0)+IF(Input!$D$21=2,L5824*Input!$C$21,0)+IF(Input!$D$22=2,M5824*Input!$C$22,0)</f>
        <v>0.89874326530457271</v>
      </c>
      <c r="P5824" s="59">
        <f>IF(Input!$D$19=3,J5824*Input!$C$19,0)+IF(Input!$D$20=3,K5824*Input!$C$20,0)+IF(Input!$D$21=3,L5824*Input!$C$21,0)+IF(Input!$D$22=3,M5824*Input!$C$22,0)</f>
        <v>0</v>
      </c>
      <c r="Q5824" s="75">
        <f>IF(Input!$D$19=4,J5824*Input!$C$19,0)+IF(Input!$D$20=4,K5824*Input!$C$20,0)+IF(Input!$D$21=4,L5824*Input!$C$21,0)+IF(Input!$D$22=4,M5824*Input!$C$22,0)</f>
        <v>0</v>
      </c>
      <c r="R5824" s="58">
        <v>65.991865285305877</v>
      </c>
      <c r="S5824" s="124">
        <f t="shared" si="90"/>
        <v>1.5578216598612595</v>
      </c>
    </row>
    <row r="5825" spans="8:19" x14ac:dyDescent="0.3">
      <c r="H5825" s="44">
        <v>5818</v>
      </c>
      <c r="I5825" s="56">
        <f>Bühler!I5851</f>
        <v>0.38517568513053108</v>
      </c>
      <c r="J5825" s="59">
        <f>Bühler!J5851</f>
        <v>1.2839189504351038</v>
      </c>
      <c r="K5825" s="59">
        <f>Bühler!K5851</f>
        <v>1.9258784256526553</v>
      </c>
      <c r="L5825" s="59">
        <f>Bühler!L5851</f>
        <v>9.2442164431327463</v>
      </c>
      <c r="M5825" s="58">
        <f>Bühler!M5851</f>
        <v>0</v>
      </c>
      <c r="N5825" s="56">
        <f>IF(Input!$D$19=1,J5825*Input!$C$19,0)+IF(Input!$D$20=1,K5825*Input!$C$20,0)+IF(Input!$D$21=1,L5825*Input!$C$21,0)+IF(Input!$D$22=1,M5825*Input!$C$22,0)</f>
        <v>0.38517568513053113</v>
      </c>
      <c r="O5825" s="59">
        <f>IF(Input!$D$19=2,J5825*Input!$C$19,0)+IF(Input!$D$20=2,K5825*Input!$C$20,0)+IF(Input!$D$21=2,L5825*Input!$C$21,0)+IF(Input!$D$22=2,M5825*Input!$C$22,0)</f>
        <v>0.96293921282632766</v>
      </c>
      <c r="P5825" s="59">
        <f>IF(Input!$D$19=3,J5825*Input!$C$19,0)+IF(Input!$D$20=3,K5825*Input!$C$20,0)+IF(Input!$D$21=3,L5825*Input!$C$21,0)+IF(Input!$D$22=3,M5825*Input!$C$22,0)</f>
        <v>0</v>
      </c>
      <c r="Q5825" s="75">
        <f>IF(Input!$D$19=4,J5825*Input!$C$19,0)+IF(Input!$D$20=4,K5825*Input!$C$20,0)+IF(Input!$D$21=4,L5825*Input!$C$21,0)+IF(Input!$D$22=4,M5825*Input!$C$22,0)</f>
        <v>0</v>
      </c>
      <c r="R5825" s="58">
        <v>66.71754062605568</v>
      </c>
      <c r="S5825" s="124">
        <f t="shared" si="90"/>
        <v>1.6690946355656349</v>
      </c>
    </row>
    <row r="5826" spans="8:19" x14ac:dyDescent="0.3">
      <c r="H5826" s="44">
        <v>5819</v>
      </c>
      <c r="I5826" s="56">
        <f>Bühler!I5852</f>
        <v>0.40058271253575234</v>
      </c>
      <c r="J5826" s="59">
        <f>Bühler!J5852</f>
        <v>1.335275708452508</v>
      </c>
      <c r="K5826" s="59">
        <f>Bühler!K5852</f>
        <v>2.0029135626787617</v>
      </c>
      <c r="L5826" s="59">
        <f>Bühler!L5852</f>
        <v>9.6139851008580557</v>
      </c>
      <c r="M5826" s="58">
        <f>Bühler!M5852</f>
        <v>0</v>
      </c>
      <c r="N5826" s="56">
        <f>IF(Input!$D$19=1,J5826*Input!$C$19,0)+IF(Input!$D$20=1,K5826*Input!$C$20,0)+IF(Input!$D$21=1,L5826*Input!$C$21,0)+IF(Input!$D$22=1,M5826*Input!$C$22,0)</f>
        <v>0.40058271253575239</v>
      </c>
      <c r="O5826" s="59">
        <f>IF(Input!$D$19=2,J5826*Input!$C$19,0)+IF(Input!$D$20=2,K5826*Input!$C$20,0)+IF(Input!$D$21=2,L5826*Input!$C$21,0)+IF(Input!$D$22=2,M5826*Input!$C$22,0)</f>
        <v>1.0014567813393809</v>
      </c>
      <c r="P5826" s="59">
        <f>IF(Input!$D$19=3,J5826*Input!$C$19,0)+IF(Input!$D$20=3,K5826*Input!$C$20,0)+IF(Input!$D$21=3,L5826*Input!$C$21,0)+IF(Input!$D$22=3,M5826*Input!$C$22,0)</f>
        <v>0</v>
      </c>
      <c r="Q5826" s="75">
        <f>IF(Input!$D$19=4,J5826*Input!$C$19,0)+IF(Input!$D$20=4,K5826*Input!$C$20,0)+IF(Input!$D$21=4,L5826*Input!$C$21,0)+IF(Input!$D$22=4,M5826*Input!$C$22,0)</f>
        <v>0</v>
      </c>
      <c r="R5826" s="58">
        <v>66.533862959637901</v>
      </c>
      <c r="S5826" s="124">
        <f t="shared" si="90"/>
        <v>1.7358584209882604</v>
      </c>
    </row>
    <row r="5827" spans="8:19" x14ac:dyDescent="0.3">
      <c r="H5827" s="44">
        <v>5820</v>
      </c>
      <c r="I5827" s="56">
        <f>Bühler!I5853</f>
        <v>0.46221082215663728</v>
      </c>
      <c r="J5827" s="59">
        <f>Bühler!J5853</f>
        <v>1.5407027405221243</v>
      </c>
      <c r="K5827" s="59">
        <f>Bühler!K5853</f>
        <v>2.3110541107831861</v>
      </c>
      <c r="L5827" s="59">
        <f>Bühler!L5853</f>
        <v>11.093059731759293</v>
      </c>
      <c r="M5827" s="58">
        <f>Bühler!M5853</f>
        <v>0</v>
      </c>
      <c r="N5827" s="56">
        <f>IF(Input!$D$19=1,J5827*Input!$C$19,0)+IF(Input!$D$20=1,K5827*Input!$C$20,0)+IF(Input!$D$21=1,L5827*Input!$C$21,0)+IF(Input!$D$22=1,M5827*Input!$C$22,0)</f>
        <v>0.46221082215663728</v>
      </c>
      <c r="O5827" s="59">
        <f>IF(Input!$D$19=2,J5827*Input!$C$19,0)+IF(Input!$D$20=2,K5827*Input!$C$20,0)+IF(Input!$D$21=2,L5827*Input!$C$21,0)+IF(Input!$D$22=2,M5827*Input!$C$22,0)</f>
        <v>1.1555270553915931</v>
      </c>
      <c r="P5827" s="59">
        <f>IF(Input!$D$19=3,J5827*Input!$C$19,0)+IF(Input!$D$20=3,K5827*Input!$C$20,0)+IF(Input!$D$21=3,L5827*Input!$C$21,0)+IF(Input!$D$22=3,M5827*Input!$C$22,0)</f>
        <v>0</v>
      </c>
      <c r="Q5827" s="75">
        <f>IF(Input!$D$19=4,J5827*Input!$C$19,0)+IF(Input!$D$20=4,K5827*Input!$C$20,0)+IF(Input!$D$21=4,L5827*Input!$C$21,0)+IF(Input!$D$22=4,M5827*Input!$C$22,0)</f>
        <v>0</v>
      </c>
      <c r="R5827" s="58">
        <v>66.799882897602174</v>
      </c>
      <c r="S5827" s="124">
        <f t="shared" si="90"/>
        <v>2.0029135626787617</v>
      </c>
    </row>
    <row r="5828" spans="8:19" x14ac:dyDescent="0.3">
      <c r="H5828" s="44">
        <v>5821</v>
      </c>
      <c r="I5828" s="56">
        <f>Bühler!I5854</f>
        <v>0.46221082215663728</v>
      </c>
      <c r="J5828" s="59">
        <f>Bühler!J5854</f>
        <v>1.5407027405221243</v>
      </c>
      <c r="K5828" s="59">
        <f>Bühler!K5854</f>
        <v>2.3110541107831861</v>
      </c>
      <c r="L5828" s="59">
        <f>Bühler!L5854</f>
        <v>11.093059731759293</v>
      </c>
      <c r="M5828" s="58">
        <f>Bühler!M5854</f>
        <v>0</v>
      </c>
      <c r="N5828" s="56">
        <f>IF(Input!$D$19=1,J5828*Input!$C$19,0)+IF(Input!$D$20=1,K5828*Input!$C$20,0)+IF(Input!$D$21=1,L5828*Input!$C$21,0)+IF(Input!$D$22=1,M5828*Input!$C$22,0)</f>
        <v>0.46221082215663728</v>
      </c>
      <c r="O5828" s="59">
        <f>IF(Input!$D$19=2,J5828*Input!$C$19,0)+IF(Input!$D$20=2,K5828*Input!$C$20,0)+IF(Input!$D$21=2,L5828*Input!$C$21,0)+IF(Input!$D$22=2,M5828*Input!$C$22,0)</f>
        <v>1.1555270553915931</v>
      </c>
      <c r="P5828" s="59">
        <f>IF(Input!$D$19=3,J5828*Input!$C$19,0)+IF(Input!$D$20=3,K5828*Input!$C$20,0)+IF(Input!$D$21=3,L5828*Input!$C$21,0)+IF(Input!$D$22=3,M5828*Input!$C$22,0)</f>
        <v>0</v>
      </c>
      <c r="Q5828" s="75">
        <f>IF(Input!$D$19=4,J5828*Input!$C$19,0)+IF(Input!$D$20=4,K5828*Input!$C$20,0)+IF(Input!$D$21=4,L5828*Input!$C$21,0)+IF(Input!$D$22=4,M5828*Input!$C$22,0)</f>
        <v>0</v>
      </c>
      <c r="R5828" s="58">
        <v>65.913475869117889</v>
      </c>
      <c r="S5828" s="124">
        <f t="shared" si="90"/>
        <v>2.0029135626787617</v>
      </c>
    </row>
    <row r="5829" spans="8:19" x14ac:dyDescent="0.3">
      <c r="H5829" s="44">
        <v>5822</v>
      </c>
      <c r="I5829" s="56">
        <f>Bühler!I5855</f>
        <v>0.46221082215663728</v>
      </c>
      <c r="J5829" s="59">
        <f>Bühler!J5855</f>
        <v>1.5407027405221243</v>
      </c>
      <c r="K5829" s="59">
        <f>Bühler!K5855</f>
        <v>2.3110541107831861</v>
      </c>
      <c r="L5829" s="59">
        <f>Bühler!L5855</f>
        <v>11.093059731759293</v>
      </c>
      <c r="M5829" s="58">
        <f>Bühler!M5855</f>
        <v>0</v>
      </c>
      <c r="N5829" s="56">
        <f>IF(Input!$D$19=1,J5829*Input!$C$19,0)+IF(Input!$D$20=1,K5829*Input!$C$20,0)+IF(Input!$D$21=1,L5829*Input!$C$21,0)+IF(Input!$D$22=1,M5829*Input!$C$22,0)</f>
        <v>0.46221082215663728</v>
      </c>
      <c r="O5829" s="59">
        <f>IF(Input!$D$19=2,J5829*Input!$C$19,0)+IF(Input!$D$20=2,K5829*Input!$C$20,0)+IF(Input!$D$21=2,L5829*Input!$C$21,0)+IF(Input!$D$22=2,M5829*Input!$C$22,0)</f>
        <v>1.1555270553915931</v>
      </c>
      <c r="P5829" s="59">
        <f>IF(Input!$D$19=3,J5829*Input!$C$19,0)+IF(Input!$D$20=3,K5829*Input!$C$20,0)+IF(Input!$D$21=3,L5829*Input!$C$21,0)+IF(Input!$D$22=3,M5829*Input!$C$22,0)</f>
        <v>0</v>
      </c>
      <c r="Q5829" s="75">
        <f>IF(Input!$D$19=4,J5829*Input!$C$19,0)+IF(Input!$D$20=4,K5829*Input!$C$20,0)+IF(Input!$D$21=4,L5829*Input!$C$21,0)+IF(Input!$D$22=4,M5829*Input!$C$22,0)</f>
        <v>0</v>
      </c>
      <c r="R5829" s="58">
        <v>65.113799118003712</v>
      </c>
      <c r="S5829" s="124">
        <f t="shared" si="90"/>
        <v>2.0029135626787617</v>
      </c>
    </row>
    <row r="5830" spans="8:19" x14ac:dyDescent="0.3">
      <c r="H5830" s="44">
        <v>5823</v>
      </c>
      <c r="I5830" s="56">
        <f>Bühler!I5856</f>
        <v>0.46221082215663728</v>
      </c>
      <c r="J5830" s="59">
        <f>Bühler!J5856</f>
        <v>1.5407027405221243</v>
      </c>
      <c r="K5830" s="59">
        <f>Bühler!K5856</f>
        <v>2.3110541107831861</v>
      </c>
      <c r="L5830" s="59">
        <f>Bühler!L5856</f>
        <v>11.093059731759293</v>
      </c>
      <c r="M5830" s="58">
        <f>Bühler!M5856</f>
        <v>0</v>
      </c>
      <c r="N5830" s="56">
        <f>IF(Input!$D$19=1,J5830*Input!$C$19,0)+IF(Input!$D$20=1,K5830*Input!$C$20,0)+IF(Input!$D$21=1,L5830*Input!$C$21,0)+IF(Input!$D$22=1,M5830*Input!$C$22,0)</f>
        <v>0.46221082215663728</v>
      </c>
      <c r="O5830" s="59">
        <f>IF(Input!$D$19=2,J5830*Input!$C$19,0)+IF(Input!$D$20=2,K5830*Input!$C$20,0)+IF(Input!$D$21=2,L5830*Input!$C$21,0)+IF(Input!$D$22=2,M5830*Input!$C$22,0)</f>
        <v>1.1555270553915931</v>
      </c>
      <c r="P5830" s="59">
        <f>IF(Input!$D$19=3,J5830*Input!$C$19,0)+IF(Input!$D$20=3,K5830*Input!$C$20,0)+IF(Input!$D$21=3,L5830*Input!$C$21,0)+IF(Input!$D$22=3,M5830*Input!$C$22,0)</f>
        <v>0</v>
      </c>
      <c r="Q5830" s="75">
        <f>IF(Input!$D$19=4,J5830*Input!$C$19,0)+IF(Input!$D$20=4,K5830*Input!$C$20,0)+IF(Input!$D$21=4,L5830*Input!$C$21,0)+IF(Input!$D$22=4,M5830*Input!$C$22,0)</f>
        <v>0</v>
      </c>
      <c r="R5830" s="58">
        <v>65.538183227828014</v>
      </c>
      <c r="S5830" s="124">
        <f t="shared" si="90"/>
        <v>2.0029135626787617</v>
      </c>
    </row>
    <row r="5831" spans="8:19" x14ac:dyDescent="0.3">
      <c r="H5831" s="44">
        <v>5824</v>
      </c>
      <c r="I5831" s="56">
        <f>Bühler!I5857</f>
        <v>0.38517568513053108</v>
      </c>
      <c r="J5831" s="59">
        <f>Bühler!J5857</f>
        <v>1.2839189504351038</v>
      </c>
      <c r="K5831" s="59">
        <f>Bühler!K5857</f>
        <v>1.9258784256526553</v>
      </c>
      <c r="L5831" s="59">
        <f>Bühler!L5857</f>
        <v>9.2442164431327463</v>
      </c>
      <c r="M5831" s="58">
        <f>Bühler!M5857</f>
        <v>0</v>
      </c>
      <c r="N5831" s="56">
        <f>IF(Input!$D$19=1,J5831*Input!$C$19,0)+IF(Input!$D$20=1,K5831*Input!$C$20,0)+IF(Input!$D$21=1,L5831*Input!$C$21,0)+IF(Input!$D$22=1,M5831*Input!$C$22,0)</f>
        <v>0.38517568513053113</v>
      </c>
      <c r="O5831" s="59">
        <f>IF(Input!$D$19=2,J5831*Input!$C$19,0)+IF(Input!$D$20=2,K5831*Input!$C$20,0)+IF(Input!$D$21=2,L5831*Input!$C$21,0)+IF(Input!$D$22=2,M5831*Input!$C$22,0)</f>
        <v>0.96293921282632766</v>
      </c>
      <c r="P5831" s="59">
        <f>IF(Input!$D$19=3,J5831*Input!$C$19,0)+IF(Input!$D$20=3,K5831*Input!$C$20,0)+IF(Input!$D$21=3,L5831*Input!$C$21,0)+IF(Input!$D$22=3,M5831*Input!$C$22,0)</f>
        <v>0</v>
      </c>
      <c r="Q5831" s="75">
        <f>IF(Input!$D$19=4,J5831*Input!$C$19,0)+IF(Input!$D$20=4,K5831*Input!$C$20,0)+IF(Input!$D$21=4,L5831*Input!$C$21,0)+IF(Input!$D$22=4,M5831*Input!$C$22,0)</f>
        <v>0</v>
      </c>
      <c r="R5831" s="58">
        <v>65.468933403210258</v>
      </c>
      <c r="S5831" s="124">
        <f t="shared" si="90"/>
        <v>1.6690946355656349</v>
      </c>
    </row>
    <row r="5832" spans="8:19" x14ac:dyDescent="0.3">
      <c r="H5832" s="44">
        <v>5825</v>
      </c>
      <c r="I5832" s="56">
        <f>Bühler!I5858</f>
        <v>0.36463298192356952</v>
      </c>
      <c r="J5832" s="59">
        <f>Bühler!J5858</f>
        <v>1.2154432730785651</v>
      </c>
      <c r="K5832" s="59">
        <f>Bühler!K5858</f>
        <v>1.8231649096178475</v>
      </c>
      <c r="L5832" s="59">
        <f>Bühler!L5858</f>
        <v>8.7511915661656676</v>
      </c>
      <c r="M5832" s="58">
        <f>Bühler!M5858</f>
        <v>0</v>
      </c>
      <c r="N5832" s="56">
        <f>IF(Input!$D$19=1,J5832*Input!$C$19,0)+IF(Input!$D$20=1,K5832*Input!$C$20,0)+IF(Input!$D$21=1,L5832*Input!$C$21,0)+IF(Input!$D$22=1,M5832*Input!$C$22,0)</f>
        <v>0.36463298192356952</v>
      </c>
      <c r="O5832" s="59">
        <f>IF(Input!$D$19=2,J5832*Input!$C$19,0)+IF(Input!$D$20=2,K5832*Input!$C$20,0)+IF(Input!$D$21=2,L5832*Input!$C$21,0)+IF(Input!$D$22=2,M5832*Input!$C$22,0)</f>
        <v>0.91158245480892375</v>
      </c>
      <c r="P5832" s="59">
        <f>IF(Input!$D$19=3,J5832*Input!$C$19,0)+IF(Input!$D$20=3,K5832*Input!$C$20,0)+IF(Input!$D$21=3,L5832*Input!$C$21,0)+IF(Input!$D$22=3,M5832*Input!$C$22,0)</f>
        <v>0</v>
      </c>
      <c r="Q5832" s="75">
        <f>IF(Input!$D$19=4,J5832*Input!$C$19,0)+IF(Input!$D$20=4,K5832*Input!$C$20,0)+IF(Input!$D$21=4,L5832*Input!$C$21,0)+IF(Input!$D$22=4,M5832*Input!$C$22,0)</f>
        <v>0</v>
      </c>
      <c r="R5832" s="58">
        <v>64.148210788139068</v>
      </c>
      <c r="S5832" s="124">
        <f t="shared" si="90"/>
        <v>1.5800762550021346</v>
      </c>
    </row>
    <row r="5833" spans="8:19" x14ac:dyDescent="0.3">
      <c r="H5833" s="44">
        <v>5826</v>
      </c>
      <c r="I5833" s="56">
        <f>Bühler!I5859</f>
        <v>0.36463298192356952</v>
      </c>
      <c r="J5833" s="59">
        <f>Bühler!J5859</f>
        <v>1.2154432730785651</v>
      </c>
      <c r="K5833" s="59">
        <f>Bühler!K5859</f>
        <v>1.8231649096178475</v>
      </c>
      <c r="L5833" s="59">
        <f>Bühler!L5859</f>
        <v>8.7511915661656676</v>
      </c>
      <c r="M5833" s="58">
        <f>Bühler!M5859</f>
        <v>0</v>
      </c>
      <c r="N5833" s="56">
        <f>IF(Input!$D$19=1,J5833*Input!$C$19,0)+IF(Input!$D$20=1,K5833*Input!$C$20,0)+IF(Input!$D$21=1,L5833*Input!$C$21,0)+IF(Input!$D$22=1,M5833*Input!$C$22,0)</f>
        <v>0.36463298192356952</v>
      </c>
      <c r="O5833" s="59">
        <f>IF(Input!$D$19=2,J5833*Input!$C$19,0)+IF(Input!$D$20=2,K5833*Input!$C$20,0)+IF(Input!$D$21=2,L5833*Input!$C$21,0)+IF(Input!$D$22=2,M5833*Input!$C$22,0)</f>
        <v>0.91158245480892375</v>
      </c>
      <c r="P5833" s="59">
        <f>IF(Input!$D$19=3,J5833*Input!$C$19,0)+IF(Input!$D$20=3,K5833*Input!$C$20,0)+IF(Input!$D$21=3,L5833*Input!$C$21,0)+IF(Input!$D$22=3,M5833*Input!$C$22,0)</f>
        <v>0</v>
      </c>
      <c r="Q5833" s="75">
        <f>IF(Input!$D$19=4,J5833*Input!$C$19,0)+IF(Input!$D$20=4,K5833*Input!$C$20,0)+IF(Input!$D$21=4,L5833*Input!$C$21,0)+IF(Input!$D$22=4,M5833*Input!$C$22,0)</f>
        <v>0</v>
      </c>
      <c r="R5833" s="58">
        <v>62.639324628257278</v>
      </c>
      <c r="S5833" s="124">
        <f t="shared" ref="S5833:S5896" si="91">I5833+J5833</f>
        <v>1.5800762550021346</v>
      </c>
    </row>
    <row r="5834" spans="8:19" x14ac:dyDescent="0.3">
      <c r="H5834" s="44">
        <v>5827</v>
      </c>
      <c r="I5834" s="56">
        <f>Bühler!I5860</f>
        <v>0.36463298192356952</v>
      </c>
      <c r="J5834" s="59">
        <f>Bühler!J5860</f>
        <v>1.2154432730785651</v>
      </c>
      <c r="K5834" s="59">
        <f>Bühler!K5860</f>
        <v>1.8231649096178475</v>
      </c>
      <c r="L5834" s="59">
        <f>Bühler!L5860</f>
        <v>8.7511915661656676</v>
      </c>
      <c r="M5834" s="58">
        <f>Bühler!M5860</f>
        <v>0</v>
      </c>
      <c r="N5834" s="56">
        <f>IF(Input!$D$19=1,J5834*Input!$C$19,0)+IF(Input!$D$20=1,K5834*Input!$C$20,0)+IF(Input!$D$21=1,L5834*Input!$C$21,0)+IF(Input!$D$22=1,M5834*Input!$C$22,0)</f>
        <v>0.36463298192356952</v>
      </c>
      <c r="O5834" s="59">
        <f>IF(Input!$D$19=2,J5834*Input!$C$19,0)+IF(Input!$D$20=2,K5834*Input!$C$20,0)+IF(Input!$D$21=2,L5834*Input!$C$21,0)+IF(Input!$D$22=2,M5834*Input!$C$22,0)</f>
        <v>0.91158245480892375</v>
      </c>
      <c r="P5834" s="59">
        <f>IF(Input!$D$19=3,J5834*Input!$C$19,0)+IF(Input!$D$20=3,K5834*Input!$C$20,0)+IF(Input!$D$21=3,L5834*Input!$C$21,0)+IF(Input!$D$22=3,M5834*Input!$C$22,0)</f>
        <v>0</v>
      </c>
      <c r="Q5834" s="75">
        <f>IF(Input!$D$19=4,J5834*Input!$C$19,0)+IF(Input!$D$20=4,K5834*Input!$C$20,0)+IF(Input!$D$21=4,L5834*Input!$C$21,0)+IF(Input!$D$22=4,M5834*Input!$C$22,0)</f>
        <v>0</v>
      </c>
      <c r="R5834" s="58">
        <v>61.136278087194761</v>
      </c>
      <c r="S5834" s="124">
        <f t="shared" si="91"/>
        <v>1.5800762550021346</v>
      </c>
    </row>
    <row r="5835" spans="8:19" x14ac:dyDescent="0.3">
      <c r="H5835" s="44">
        <v>5828</v>
      </c>
      <c r="I5835" s="56">
        <f>Bühler!I5861</f>
        <v>0.36463298192356952</v>
      </c>
      <c r="J5835" s="59">
        <f>Bühler!J5861</f>
        <v>1.2154432730785651</v>
      </c>
      <c r="K5835" s="59">
        <f>Bühler!K5861</f>
        <v>1.8231649096178475</v>
      </c>
      <c r="L5835" s="59">
        <f>Bühler!L5861</f>
        <v>8.7511915661656676</v>
      </c>
      <c r="M5835" s="58">
        <f>Bühler!M5861</f>
        <v>0</v>
      </c>
      <c r="N5835" s="56">
        <f>IF(Input!$D$19=1,J5835*Input!$C$19,0)+IF(Input!$D$20=1,K5835*Input!$C$20,0)+IF(Input!$D$21=1,L5835*Input!$C$21,0)+IF(Input!$D$22=1,M5835*Input!$C$22,0)</f>
        <v>0.36463298192356952</v>
      </c>
      <c r="O5835" s="59">
        <f>IF(Input!$D$19=2,J5835*Input!$C$19,0)+IF(Input!$D$20=2,K5835*Input!$C$20,0)+IF(Input!$D$21=2,L5835*Input!$C$21,0)+IF(Input!$D$22=2,M5835*Input!$C$22,0)</f>
        <v>0.91158245480892375</v>
      </c>
      <c r="P5835" s="59">
        <f>IF(Input!$D$19=3,J5835*Input!$C$19,0)+IF(Input!$D$20=3,K5835*Input!$C$20,0)+IF(Input!$D$21=3,L5835*Input!$C$21,0)+IF(Input!$D$22=3,M5835*Input!$C$22,0)</f>
        <v>0</v>
      </c>
      <c r="Q5835" s="75">
        <f>IF(Input!$D$19=4,J5835*Input!$C$19,0)+IF(Input!$D$20=4,K5835*Input!$C$20,0)+IF(Input!$D$21=4,L5835*Input!$C$21,0)+IF(Input!$D$22=4,M5835*Input!$C$22,0)</f>
        <v>0</v>
      </c>
      <c r="R5835" s="58">
        <v>59.534728650101094</v>
      </c>
      <c r="S5835" s="124">
        <f t="shared" si="91"/>
        <v>1.5800762550021346</v>
      </c>
    </row>
    <row r="5836" spans="8:19" x14ac:dyDescent="0.3">
      <c r="H5836" s="44">
        <v>5829</v>
      </c>
      <c r="I5836" s="56">
        <f>Bühler!I5862</f>
        <v>0.2824621690957228</v>
      </c>
      <c r="J5836" s="59">
        <f>Bühler!J5862</f>
        <v>0.94154056365240946</v>
      </c>
      <c r="K5836" s="59">
        <f>Bühler!K5862</f>
        <v>1.412310845478614</v>
      </c>
      <c r="L5836" s="59">
        <f>Bühler!L5862</f>
        <v>6.7790920582973468</v>
      </c>
      <c r="M5836" s="58">
        <f>Bühler!M5862</f>
        <v>0</v>
      </c>
      <c r="N5836" s="56">
        <f>IF(Input!$D$19=1,J5836*Input!$C$19,0)+IF(Input!$D$20=1,K5836*Input!$C$20,0)+IF(Input!$D$21=1,L5836*Input!$C$21,0)+IF(Input!$D$22=1,M5836*Input!$C$22,0)</f>
        <v>0.2824621690957228</v>
      </c>
      <c r="O5836" s="59">
        <f>IF(Input!$D$19=2,J5836*Input!$C$19,0)+IF(Input!$D$20=2,K5836*Input!$C$20,0)+IF(Input!$D$21=2,L5836*Input!$C$21,0)+IF(Input!$D$22=2,M5836*Input!$C$22,0)</f>
        <v>0.70615542273930698</v>
      </c>
      <c r="P5836" s="59">
        <f>IF(Input!$D$19=3,J5836*Input!$C$19,0)+IF(Input!$D$20=3,K5836*Input!$C$20,0)+IF(Input!$D$21=3,L5836*Input!$C$21,0)+IF(Input!$D$22=3,M5836*Input!$C$22,0)</f>
        <v>0</v>
      </c>
      <c r="Q5836" s="75">
        <f>IF(Input!$D$19=4,J5836*Input!$C$19,0)+IF(Input!$D$20=4,K5836*Input!$C$20,0)+IF(Input!$D$21=4,L5836*Input!$C$21,0)+IF(Input!$D$22=4,M5836*Input!$C$22,0)</f>
        <v>0</v>
      </c>
      <c r="R5836" s="58">
        <v>57.519922920098011</v>
      </c>
      <c r="S5836" s="124">
        <f t="shared" si="91"/>
        <v>1.2240027327481322</v>
      </c>
    </row>
    <row r="5837" spans="8:19" x14ac:dyDescent="0.3">
      <c r="H5837" s="44">
        <v>5830</v>
      </c>
      <c r="I5837" s="56">
        <f>Bühler!I5863</f>
        <v>0.1078491918365487</v>
      </c>
      <c r="J5837" s="59">
        <f>Bühler!J5863</f>
        <v>0.35949730612182906</v>
      </c>
      <c r="K5837" s="59">
        <f>Bühler!K5863</f>
        <v>0.53924595918274354</v>
      </c>
      <c r="L5837" s="59">
        <f>Bühler!L5863</f>
        <v>2.5883806040771691</v>
      </c>
      <c r="M5837" s="58">
        <f>Bühler!M5863</f>
        <v>0</v>
      </c>
      <c r="N5837" s="56">
        <f>IF(Input!$D$19=1,J5837*Input!$C$19,0)+IF(Input!$D$20=1,K5837*Input!$C$20,0)+IF(Input!$D$21=1,L5837*Input!$C$21,0)+IF(Input!$D$22=1,M5837*Input!$C$22,0)</f>
        <v>0.10784919183654872</v>
      </c>
      <c r="O5837" s="59">
        <f>IF(Input!$D$19=2,J5837*Input!$C$19,0)+IF(Input!$D$20=2,K5837*Input!$C$20,0)+IF(Input!$D$21=2,L5837*Input!$C$21,0)+IF(Input!$D$22=2,M5837*Input!$C$22,0)</f>
        <v>0.26962297959137177</v>
      </c>
      <c r="P5837" s="59">
        <f>IF(Input!$D$19=3,J5837*Input!$C$19,0)+IF(Input!$D$20=3,K5837*Input!$C$20,0)+IF(Input!$D$21=3,L5837*Input!$C$21,0)+IF(Input!$D$22=3,M5837*Input!$C$22,0)</f>
        <v>0</v>
      </c>
      <c r="Q5837" s="75">
        <f>IF(Input!$D$19=4,J5837*Input!$C$19,0)+IF(Input!$D$20=4,K5837*Input!$C$20,0)+IF(Input!$D$21=4,L5837*Input!$C$21,0)+IF(Input!$D$22=4,M5837*Input!$C$22,0)</f>
        <v>0</v>
      </c>
      <c r="R5837" s="58">
        <v>55.638183401480319</v>
      </c>
      <c r="S5837" s="124">
        <f t="shared" si="91"/>
        <v>0.46734649795837779</v>
      </c>
    </row>
    <row r="5838" spans="8:19" x14ac:dyDescent="0.3">
      <c r="H5838" s="44">
        <v>5831</v>
      </c>
      <c r="I5838" s="56">
        <f>Bühler!I5864</f>
        <v>0.1078491918365487</v>
      </c>
      <c r="J5838" s="59">
        <f>Bühler!J5864</f>
        <v>0.35949730612182906</v>
      </c>
      <c r="K5838" s="59">
        <f>Bühler!K5864</f>
        <v>0.53924595918274354</v>
      </c>
      <c r="L5838" s="59">
        <f>Bühler!L5864</f>
        <v>2.5883806040771691</v>
      </c>
      <c r="M5838" s="58">
        <f>Bühler!M5864</f>
        <v>0</v>
      </c>
      <c r="N5838" s="56">
        <f>IF(Input!$D$19=1,J5838*Input!$C$19,0)+IF(Input!$D$20=1,K5838*Input!$C$20,0)+IF(Input!$D$21=1,L5838*Input!$C$21,0)+IF(Input!$D$22=1,M5838*Input!$C$22,0)</f>
        <v>0.10784919183654872</v>
      </c>
      <c r="O5838" s="59">
        <f>IF(Input!$D$19=2,J5838*Input!$C$19,0)+IF(Input!$D$20=2,K5838*Input!$C$20,0)+IF(Input!$D$21=2,L5838*Input!$C$21,0)+IF(Input!$D$22=2,M5838*Input!$C$22,0)</f>
        <v>0.26962297959137177</v>
      </c>
      <c r="P5838" s="59">
        <f>IF(Input!$D$19=3,J5838*Input!$C$19,0)+IF(Input!$D$20=3,K5838*Input!$C$20,0)+IF(Input!$D$21=3,L5838*Input!$C$21,0)+IF(Input!$D$22=3,M5838*Input!$C$22,0)</f>
        <v>0</v>
      </c>
      <c r="Q5838" s="75">
        <f>IF(Input!$D$19=4,J5838*Input!$C$19,0)+IF(Input!$D$20=4,K5838*Input!$C$20,0)+IF(Input!$D$21=4,L5838*Input!$C$21,0)+IF(Input!$D$22=4,M5838*Input!$C$22,0)</f>
        <v>0</v>
      </c>
      <c r="R5838" s="58">
        <v>55.027800123200926</v>
      </c>
      <c r="S5838" s="124">
        <f t="shared" si="91"/>
        <v>0.46734649795837779</v>
      </c>
    </row>
    <row r="5839" spans="8:19" x14ac:dyDescent="0.3">
      <c r="H5839" s="44">
        <v>5832</v>
      </c>
      <c r="I5839" s="56">
        <f>Bühler!I5865</f>
        <v>0.1078491918365487</v>
      </c>
      <c r="J5839" s="59">
        <f>Bühler!J5865</f>
        <v>0.35949730612182906</v>
      </c>
      <c r="K5839" s="59">
        <f>Bühler!K5865</f>
        <v>0.53924595918274354</v>
      </c>
      <c r="L5839" s="59">
        <f>Bühler!L5865</f>
        <v>2.5883806040771691</v>
      </c>
      <c r="M5839" s="58">
        <f>Bühler!M5865</f>
        <v>0</v>
      </c>
      <c r="N5839" s="56">
        <f>IF(Input!$D$19=1,J5839*Input!$C$19,0)+IF(Input!$D$20=1,K5839*Input!$C$20,0)+IF(Input!$D$21=1,L5839*Input!$C$21,0)+IF(Input!$D$22=1,M5839*Input!$C$22,0)</f>
        <v>0.10784919183654872</v>
      </c>
      <c r="O5839" s="59">
        <f>IF(Input!$D$19=2,J5839*Input!$C$19,0)+IF(Input!$D$20=2,K5839*Input!$C$20,0)+IF(Input!$D$21=2,L5839*Input!$C$21,0)+IF(Input!$D$22=2,M5839*Input!$C$22,0)</f>
        <v>0.26962297959137177</v>
      </c>
      <c r="P5839" s="59">
        <f>IF(Input!$D$19=3,J5839*Input!$C$19,0)+IF(Input!$D$20=3,K5839*Input!$C$20,0)+IF(Input!$D$21=3,L5839*Input!$C$21,0)+IF(Input!$D$22=3,M5839*Input!$C$22,0)</f>
        <v>0</v>
      </c>
      <c r="Q5839" s="75">
        <f>IF(Input!$D$19=4,J5839*Input!$C$19,0)+IF(Input!$D$20=4,K5839*Input!$C$20,0)+IF(Input!$D$21=4,L5839*Input!$C$21,0)+IF(Input!$D$22=4,M5839*Input!$C$22,0)</f>
        <v>0</v>
      </c>
      <c r="R5839" s="58">
        <v>53.97716519874924</v>
      </c>
      <c r="S5839" s="124">
        <f t="shared" si="91"/>
        <v>0.46734649795837779</v>
      </c>
    </row>
    <row r="5840" spans="8:19" x14ac:dyDescent="0.3">
      <c r="H5840" s="44">
        <v>5833</v>
      </c>
      <c r="I5840" s="56">
        <f>Bühler!I5866</f>
        <v>4.8516912773697476E-2</v>
      </c>
      <c r="J5840" s="59">
        <f>Bühler!J5866</f>
        <v>0.16172304257899162</v>
      </c>
      <c r="K5840" s="59">
        <f>Bühler!K5866</f>
        <v>0.24258456386848742</v>
      </c>
      <c r="L5840" s="59">
        <f>Bühler!L5866</f>
        <v>3.5415953942328389</v>
      </c>
      <c r="M5840" s="58">
        <f>Bühler!M5866</f>
        <v>0</v>
      </c>
      <c r="N5840" s="56">
        <f>IF(Input!$D$19=1,J5840*Input!$C$19,0)+IF(Input!$D$20=1,K5840*Input!$C$20,0)+IF(Input!$D$21=1,L5840*Input!$C$21,0)+IF(Input!$D$22=1,M5840*Input!$C$22,0)</f>
        <v>4.8516912773697483E-2</v>
      </c>
      <c r="O5840" s="59">
        <f>IF(Input!$D$19=2,J5840*Input!$C$19,0)+IF(Input!$D$20=2,K5840*Input!$C$20,0)+IF(Input!$D$21=2,L5840*Input!$C$21,0)+IF(Input!$D$22=2,M5840*Input!$C$22,0)</f>
        <v>0.12129228193424371</v>
      </c>
      <c r="P5840" s="59">
        <f>IF(Input!$D$19=3,J5840*Input!$C$19,0)+IF(Input!$D$20=3,K5840*Input!$C$20,0)+IF(Input!$D$21=3,L5840*Input!$C$21,0)+IF(Input!$D$22=3,M5840*Input!$C$22,0)</f>
        <v>0</v>
      </c>
      <c r="Q5840" s="75">
        <f>IF(Input!$D$19=4,J5840*Input!$C$19,0)+IF(Input!$D$20=4,K5840*Input!$C$20,0)+IF(Input!$D$21=4,L5840*Input!$C$21,0)+IF(Input!$D$22=4,M5840*Input!$C$22,0)</f>
        <v>0</v>
      </c>
      <c r="R5840" s="58">
        <v>53.154501025116353</v>
      </c>
      <c r="S5840" s="124">
        <f t="shared" si="91"/>
        <v>0.21023995535268908</v>
      </c>
    </row>
    <row r="5841" spans="8:19" x14ac:dyDescent="0.3">
      <c r="H5841" s="44">
        <v>5834</v>
      </c>
      <c r="I5841" s="56">
        <f>Bühler!I5867</f>
        <v>9.4723496367695073E-2</v>
      </c>
      <c r="J5841" s="59">
        <f>Bühler!J5867</f>
        <v>0.31574498789231698</v>
      </c>
      <c r="K5841" s="59">
        <f>Bühler!K5867</f>
        <v>0.47361748183847546</v>
      </c>
      <c r="L5841" s="59">
        <f>Bühler!L5867</f>
        <v>6.9145433887403049</v>
      </c>
      <c r="M5841" s="58">
        <f>Bühler!M5867</f>
        <v>0</v>
      </c>
      <c r="N5841" s="56">
        <f>IF(Input!$D$19=1,J5841*Input!$C$19,0)+IF(Input!$D$20=1,K5841*Input!$C$20,0)+IF(Input!$D$21=1,L5841*Input!$C$21,0)+IF(Input!$D$22=1,M5841*Input!$C$22,0)</f>
        <v>9.4723496367695087E-2</v>
      </c>
      <c r="O5841" s="59">
        <f>IF(Input!$D$19=2,J5841*Input!$C$19,0)+IF(Input!$D$20=2,K5841*Input!$C$20,0)+IF(Input!$D$21=2,L5841*Input!$C$21,0)+IF(Input!$D$22=2,M5841*Input!$C$22,0)</f>
        <v>0.23680874091923773</v>
      </c>
      <c r="P5841" s="59">
        <f>IF(Input!$D$19=3,J5841*Input!$C$19,0)+IF(Input!$D$20=3,K5841*Input!$C$20,0)+IF(Input!$D$21=3,L5841*Input!$C$21,0)+IF(Input!$D$22=3,M5841*Input!$C$22,0)</f>
        <v>0</v>
      </c>
      <c r="Q5841" s="75">
        <f>IF(Input!$D$19=4,J5841*Input!$C$19,0)+IF(Input!$D$20=4,K5841*Input!$C$20,0)+IF(Input!$D$21=4,L5841*Input!$C$21,0)+IF(Input!$D$22=4,M5841*Input!$C$22,0)</f>
        <v>0</v>
      </c>
      <c r="R5841" s="58">
        <v>52.036966767193896</v>
      </c>
      <c r="S5841" s="124">
        <f t="shared" si="91"/>
        <v>0.41046848426001203</v>
      </c>
    </row>
    <row r="5842" spans="8:19" x14ac:dyDescent="0.3">
      <c r="H5842" s="44">
        <v>5835</v>
      </c>
      <c r="I5842" s="56">
        <f>Bühler!I5868</f>
        <v>9.4723496367695073E-2</v>
      </c>
      <c r="J5842" s="59">
        <f>Bühler!J5868</f>
        <v>0.31574498789231698</v>
      </c>
      <c r="K5842" s="59">
        <f>Bühler!K5868</f>
        <v>0.47361748183847546</v>
      </c>
      <c r="L5842" s="59">
        <f>Bühler!L5868</f>
        <v>6.9145433887403049</v>
      </c>
      <c r="M5842" s="58">
        <f>Bühler!M5868</f>
        <v>0</v>
      </c>
      <c r="N5842" s="56">
        <f>IF(Input!$D$19=1,J5842*Input!$C$19,0)+IF(Input!$D$20=1,K5842*Input!$C$20,0)+IF(Input!$D$21=1,L5842*Input!$C$21,0)+IF(Input!$D$22=1,M5842*Input!$C$22,0)</f>
        <v>9.4723496367695087E-2</v>
      </c>
      <c r="O5842" s="59">
        <f>IF(Input!$D$19=2,J5842*Input!$C$19,0)+IF(Input!$D$20=2,K5842*Input!$C$20,0)+IF(Input!$D$21=2,L5842*Input!$C$21,0)+IF(Input!$D$22=2,M5842*Input!$C$22,0)</f>
        <v>0.23680874091923773</v>
      </c>
      <c r="P5842" s="59">
        <f>IF(Input!$D$19=3,J5842*Input!$C$19,0)+IF(Input!$D$20=3,K5842*Input!$C$20,0)+IF(Input!$D$21=3,L5842*Input!$C$21,0)+IF(Input!$D$22=3,M5842*Input!$C$22,0)</f>
        <v>0</v>
      </c>
      <c r="Q5842" s="75">
        <f>IF(Input!$D$19=4,J5842*Input!$C$19,0)+IF(Input!$D$20=4,K5842*Input!$C$20,0)+IF(Input!$D$21=4,L5842*Input!$C$21,0)+IF(Input!$D$22=4,M5842*Input!$C$22,0)</f>
        <v>0</v>
      </c>
      <c r="R5842" s="58">
        <v>50.911128541536733</v>
      </c>
      <c r="S5842" s="124">
        <f t="shared" si="91"/>
        <v>0.41046848426001203</v>
      </c>
    </row>
    <row r="5843" spans="8:19" x14ac:dyDescent="0.3">
      <c r="H5843" s="44">
        <v>5836</v>
      </c>
      <c r="I5843" s="56">
        <f>Bühler!I5869</f>
        <v>9.4723496367695073E-2</v>
      </c>
      <c r="J5843" s="59">
        <f>Bühler!J5869</f>
        <v>0.31574498789231698</v>
      </c>
      <c r="K5843" s="59">
        <f>Bühler!K5869</f>
        <v>0.47361748183847546</v>
      </c>
      <c r="L5843" s="59">
        <f>Bühler!L5869</f>
        <v>6.9145433887403049</v>
      </c>
      <c r="M5843" s="58">
        <f>Bühler!M5869</f>
        <v>0</v>
      </c>
      <c r="N5843" s="56">
        <f>IF(Input!$D$19=1,J5843*Input!$C$19,0)+IF(Input!$D$20=1,K5843*Input!$C$20,0)+IF(Input!$D$21=1,L5843*Input!$C$21,0)+IF(Input!$D$22=1,M5843*Input!$C$22,0)</f>
        <v>9.4723496367695087E-2</v>
      </c>
      <c r="O5843" s="59">
        <f>IF(Input!$D$19=2,J5843*Input!$C$19,0)+IF(Input!$D$20=2,K5843*Input!$C$20,0)+IF(Input!$D$21=2,L5843*Input!$C$21,0)+IF(Input!$D$22=2,M5843*Input!$C$22,0)</f>
        <v>0.23680874091923773</v>
      </c>
      <c r="P5843" s="59">
        <f>IF(Input!$D$19=3,J5843*Input!$C$19,0)+IF(Input!$D$20=3,K5843*Input!$C$20,0)+IF(Input!$D$21=3,L5843*Input!$C$21,0)+IF(Input!$D$22=3,M5843*Input!$C$22,0)</f>
        <v>0</v>
      </c>
      <c r="Q5843" s="75">
        <f>IF(Input!$D$19=4,J5843*Input!$C$19,0)+IF(Input!$D$20=4,K5843*Input!$C$20,0)+IF(Input!$D$21=4,L5843*Input!$C$21,0)+IF(Input!$D$22=4,M5843*Input!$C$22,0)</f>
        <v>0</v>
      </c>
      <c r="R5843" s="58">
        <v>50.27731258919674</v>
      </c>
      <c r="S5843" s="124">
        <f t="shared" si="91"/>
        <v>0.41046848426001203</v>
      </c>
    </row>
    <row r="5844" spans="8:19" x14ac:dyDescent="0.3">
      <c r="H5844" s="44">
        <v>5837</v>
      </c>
      <c r="I5844" s="56">
        <f>Bühler!I5870</f>
        <v>9.4723496367695073E-2</v>
      </c>
      <c r="J5844" s="59">
        <f>Bühler!J5870</f>
        <v>0.31574498789231698</v>
      </c>
      <c r="K5844" s="59">
        <f>Bühler!K5870</f>
        <v>0.47361748183847546</v>
      </c>
      <c r="L5844" s="59">
        <f>Bühler!L5870</f>
        <v>6.9145433887403049</v>
      </c>
      <c r="M5844" s="58">
        <f>Bühler!M5870</f>
        <v>0</v>
      </c>
      <c r="N5844" s="56">
        <f>IF(Input!$D$19=1,J5844*Input!$C$19,0)+IF(Input!$D$20=1,K5844*Input!$C$20,0)+IF(Input!$D$21=1,L5844*Input!$C$21,0)+IF(Input!$D$22=1,M5844*Input!$C$22,0)</f>
        <v>9.4723496367695087E-2</v>
      </c>
      <c r="O5844" s="59">
        <f>IF(Input!$D$19=2,J5844*Input!$C$19,0)+IF(Input!$D$20=2,K5844*Input!$C$20,0)+IF(Input!$D$21=2,L5844*Input!$C$21,0)+IF(Input!$D$22=2,M5844*Input!$C$22,0)</f>
        <v>0.23680874091923773</v>
      </c>
      <c r="P5844" s="59">
        <f>IF(Input!$D$19=3,J5844*Input!$C$19,0)+IF(Input!$D$20=3,K5844*Input!$C$20,0)+IF(Input!$D$21=3,L5844*Input!$C$21,0)+IF(Input!$D$22=3,M5844*Input!$C$22,0)</f>
        <v>0</v>
      </c>
      <c r="Q5844" s="75">
        <f>IF(Input!$D$19=4,J5844*Input!$C$19,0)+IF(Input!$D$20=4,K5844*Input!$C$20,0)+IF(Input!$D$21=4,L5844*Input!$C$21,0)+IF(Input!$D$22=4,M5844*Input!$C$22,0)</f>
        <v>0</v>
      </c>
      <c r="R5844" s="58">
        <v>49.125067579426471</v>
      </c>
      <c r="S5844" s="124">
        <f t="shared" si="91"/>
        <v>0.41046848426001203</v>
      </c>
    </row>
    <row r="5845" spans="8:19" x14ac:dyDescent="0.3">
      <c r="H5845" s="44">
        <v>5838</v>
      </c>
      <c r="I5845" s="56">
        <f>Bühler!I5871</f>
        <v>0.1178267881646939</v>
      </c>
      <c r="J5845" s="59">
        <f>Bühler!J5871</f>
        <v>0.39275596054897971</v>
      </c>
      <c r="K5845" s="59">
        <f>Bühler!K5871</f>
        <v>0.58913394082346959</v>
      </c>
      <c r="L5845" s="59">
        <f>Bühler!L5871</f>
        <v>8.6010173859940391</v>
      </c>
      <c r="M5845" s="58">
        <f>Bühler!M5871</f>
        <v>0</v>
      </c>
      <c r="N5845" s="56">
        <f>IF(Input!$D$19=1,J5845*Input!$C$19,0)+IF(Input!$D$20=1,K5845*Input!$C$20,0)+IF(Input!$D$21=1,L5845*Input!$C$21,0)+IF(Input!$D$22=1,M5845*Input!$C$22,0)</f>
        <v>0.11782678816469391</v>
      </c>
      <c r="O5845" s="59">
        <f>IF(Input!$D$19=2,J5845*Input!$C$19,0)+IF(Input!$D$20=2,K5845*Input!$C$20,0)+IF(Input!$D$21=2,L5845*Input!$C$21,0)+IF(Input!$D$22=2,M5845*Input!$C$22,0)</f>
        <v>0.2945669704117348</v>
      </c>
      <c r="P5845" s="59">
        <f>IF(Input!$D$19=3,J5845*Input!$C$19,0)+IF(Input!$D$20=3,K5845*Input!$C$20,0)+IF(Input!$D$21=3,L5845*Input!$C$21,0)+IF(Input!$D$22=3,M5845*Input!$C$22,0)</f>
        <v>0</v>
      </c>
      <c r="Q5845" s="75">
        <f>IF(Input!$D$19=4,J5845*Input!$C$19,0)+IF(Input!$D$20=4,K5845*Input!$C$20,0)+IF(Input!$D$21=4,L5845*Input!$C$21,0)+IF(Input!$D$22=4,M5845*Input!$C$22,0)</f>
        <v>0</v>
      </c>
      <c r="R5845" s="58">
        <v>47.890555830627555</v>
      </c>
      <c r="S5845" s="124">
        <f t="shared" si="91"/>
        <v>0.5105827487136736</v>
      </c>
    </row>
    <row r="5846" spans="8:19" x14ac:dyDescent="0.3">
      <c r="H5846" s="44">
        <v>5839</v>
      </c>
      <c r="I5846" s="56">
        <f>Bühler!I5872</f>
        <v>0.14786106750079234</v>
      </c>
      <c r="J5846" s="59">
        <f>Bühler!J5872</f>
        <v>0.49287022500264122</v>
      </c>
      <c r="K5846" s="59">
        <f>Bühler!K5872</f>
        <v>0.73930533750396177</v>
      </c>
      <c r="L5846" s="59">
        <f>Bühler!L5872</f>
        <v>10.793433582423893</v>
      </c>
      <c r="M5846" s="58">
        <f>Bühler!M5872</f>
        <v>0</v>
      </c>
      <c r="N5846" s="56">
        <f>IF(Input!$D$19=1,J5846*Input!$C$19,0)+IF(Input!$D$20=1,K5846*Input!$C$20,0)+IF(Input!$D$21=1,L5846*Input!$C$21,0)+IF(Input!$D$22=1,M5846*Input!$C$22,0)</f>
        <v>0.14786106750079236</v>
      </c>
      <c r="O5846" s="59">
        <f>IF(Input!$D$19=2,J5846*Input!$C$19,0)+IF(Input!$D$20=2,K5846*Input!$C$20,0)+IF(Input!$D$21=2,L5846*Input!$C$21,0)+IF(Input!$D$22=2,M5846*Input!$C$22,0)</f>
        <v>0.36965266875198088</v>
      </c>
      <c r="P5846" s="59">
        <f>IF(Input!$D$19=3,J5846*Input!$C$19,0)+IF(Input!$D$20=3,K5846*Input!$C$20,0)+IF(Input!$D$21=3,L5846*Input!$C$21,0)+IF(Input!$D$22=3,M5846*Input!$C$22,0)</f>
        <v>0</v>
      </c>
      <c r="Q5846" s="75">
        <f>IF(Input!$D$19=4,J5846*Input!$C$19,0)+IF(Input!$D$20=4,K5846*Input!$C$20,0)+IF(Input!$D$21=4,L5846*Input!$C$21,0)+IF(Input!$D$22=4,M5846*Input!$C$22,0)</f>
        <v>0</v>
      </c>
      <c r="R5846" s="58">
        <v>47.820726361112328</v>
      </c>
      <c r="S5846" s="124">
        <f t="shared" si="91"/>
        <v>0.64073129250343352</v>
      </c>
    </row>
    <row r="5847" spans="8:19" x14ac:dyDescent="0.3">
      <c r="H5847" s="44">
        <v>5840</v>
      </c>
      <c r="I5847" s="56">
        <f>Bühler!I5873</f>
        <v>0.16865403011809124</v>
      </c>
      <c r="J5847" s="59">
        <f>Bühler!J5873</f>
        <v>0.56218010039363753</v>
      </c>
      <c r="K5847" s="59">
        <f>Bühler!K5873</f>
        <v>0.84327015059045629</v>
      </c>
      <c r="L5847" s="59">
        <f>Bühler!L5873</f>
        <v>12.311260179952251</v>
      </c>
      <c r="M5847" s="58">
        <f>Bühler!M5873</f>
        <v>0</v>
      </c>
      <c r="N5847" s="56">
        <f>IF(Input!$D$19=1,J5847*Input!$C$19,0)+IF(Input!$D$20=1,K5847*Input!$C$20,0)+IF(Input!$D$21=1,L5847*Input!$C$21,0)+IF(Input!$D$22=1,M5847*Input!$C$22,0)</f>
        <v>0.16865403011809124</v>
      </c>
      <c r="O5847" s="59">
        <f>IF(Input!$D$19=2,J5847*Input!$C$19,0)+IF(Input!$D$20=2,K5847*Input!$C$20,0)+IF(Input!$D$21=2,L5847*Input!$C$21,0)+IF(Input!$D$22=2,M5847*Input!$C$22,0)</f>
        <v>0.42163507529522815</v>
      </c>
      <c r="P5847" s="59">
        <f>IF(Input!$D$19=3,J5847*Input!$C$19,0)+IF(Input!$D$20=3,K5847*Input!$C$20,0)+IF(Input!$D$21=3,L5847*Input!$C$21,0)+IF(Input!$D$22=3,M5847*Input!$C$22,0)</f>
        <v>0</v>
      </c>
      <c r="Q5847" s="75">
        <f>IF(Input!$D$19=4,J5847*Input!$C$19,0)+IF(Input!$D$20=4,K5847*Input!$C$20,0)+IF(Input!$D$21=4,L5847*Input!$C$21,0)+IF(Input!$D$22=4,M5847*Input!$C$22,0)</f>
        <v>0</v>
      </c>
      <c r="R5847" s="58">
        <v>47.723071779007341</v>
      </c>
      <c r="S5847" s="124">
        <f t="shared" si="91"/>
        <v>0.73083413051172874</v>
      </c>
    </row>
    <row r="5848" spans="8:19" x14ac:dyDescent="0.3">
      <c r="H5848" s="44">
        <v>5841</v>
      </c>
      <c r="I5848" s="56">
        <f>Bühler!I5874</f>
        <v>0.16865403011809124</v>
      </c>
      <c r="J5848" s="59">
        <f>Bühler!J5874</f>
        <v>0.56218010039363753</v>
      </c>
      <c r="K5848" s="59">
        <f>Bühler!K5874</f>
        <v>0.84327015059045629</v>
      </c>
      <c r="L5848" s="59">
        <f>Bühler!L5874</f>
        <v>12.311260179952251</v>
      </c>
      <c r="M5848" s="58">
        <f>Bühler!M5874</f>
        <v>0</v>
      </c>
      <c r="N5848" s="56">
        <f>IF(Input!$D$19=1,J5848*Input!$C$19,0)+IF(Input!$D$20=1,K5848*Input!$C$20,0)+IF(Input!$D$21=1,L5848*Input!$C$21,0)+IF(Input!$D$22=1,M5848*Input!$C$22,0)</f>
        <v>0.16865403011809124</v>
      </c>
      <c r="O5848" s="59">
        <f>IF(Input!$D$19=2,J5848*Input!$C$19,0)+IF(Input!$D$20=2,K5848*Input!$C$20,0)+IF(Input!$D$21=2,L5848*Input!$C$21,0)+IF(Input!$D$22=2,M5848*Input!$C$22,0)</f>
        <v>0.42163507529522815</v>
      </c>
      <c r="P5848" s="59">
        <f>IF(Input!$D$19=3,J5848*Input!$C$19,0)+IF(Input!$D$20=3,K5848*Input!$C$20,0)+IF(Input!$D$21=3,L5848*Input!$C$21,0)+IF(Input!$D$22=3,M5848*Input!$C$22,0)</f>
        <v>0</v>
      </c>
      <c r="Q5848" s="75">
        <f>IF(Input!$D$19=4,J5848*Input!$C$19,0)+IF(Input!$D$20=4,K5848*Input!$C$20,0)+IF(Input!$D$21=4,L5848*Input!$C$21,0)+IF(Input!$D$22=4,M5848*Input!$C$22,0)</f>
        <v>0</v>
      </c>
      <c r="R5848" s="58">
        <v>47.546304347479243</v>
      </c>
      <c r="S5848" s="124">
        <f t="shared" si="91"/>
        <v>0.73083413051172874</v>
      </c>
    </row>
    <row r="5849" spans="8:19" x14ac:dyDescent="0.3">
      <c r="H5849" s="44">
        <v>5842</v>
      </c>
      <c r="I5849" s="56">
        <f>Bühler!I5875</f>
        <v>0.16865403011809124</v>
      </c>
      <c r="J5849" s="59">
        <f>Bühler!J5875</f>
        <v>0.56218010039363753</v>
      </c>
      <c r="K5849" s="59">
        <f>Bühler!K5875</f>
        <v>0.84327015059045629</v>
      </c>
      <c r="L5849" s="59">
        <f>Bühler!L5875</f>
        <v>12.311260179952251</v>
      </c>
      <c r="M5849" s="58">
        <f>Bühler!M5875</f>
        <v>0</v>
      </c>
      <c r="N5849" s="56">
        <f>IF(Input!$D$19=1,J5849*Input!$C$19,0)+IF(Input!$D$20=1,K5849*Input!$C$20,0)+IF(Input!$D$21=1,L5849*Input!$C$21,0)+IF(Input!$D$22=1,M5849*Input!$C$22,0)</f>
        <v>0.16865403011809124</v>
      </c>
      <c r="O5849" s="59">
        <f>IF(Input!$D$19=2,J5849*Input!$C$19,0)+IF(Input!$D$20=2,K5849*Input!$C$20,0)+IF(Input!$D$21=2,L5849*Input!$C$21,0)+IF(Input!$D$22=2,M5849*Input!$C$22,0)</f>
        <v>0.42163507529522815</v>
      </c>
      <c r="P5849" s="59">
        <f>IF(Input!$D$19=3,J5849*Input!$C$19,0)+IF(Input!$D$20=3,K5849*Input!$C$20,0)+IF(Input!$D$21=3,L5849*Input!$C$21,0)+IF(Input!$D$22=3,M5849*Input!$C$22,0)</f>
        <v>0</v>
      </c>
      <c r="Q5849" s="75">
        <f>IF(Input!$D$19=4,J5849*Input!$C$19,0)+IF(Input!$D$20=4,K5849*Input!$C$20,0)+IF(Input!$D$21=4,L5849*Input!$C$21,0)+IF(Input!$D$22=4,M5849*Input!$C$22,0)</f>
        <v>0</v>
      </c>
      <c r="R5849" s="58">
        <v>47.247831042384071</v>
      </c>
      <c r="S5849" s="124">
        <f t="shared" si="91"/>
        <v>0.73083413051172874</v>
      </c>
    </row>
    <row r="5850" spans="8:19" x14ac:dyDescent="0.3">
      <c r="H5850" s="44">
        <v>5843</v>
      </c>
      <c r="I5850" s="56">
        <f>Bühler!I5876</f>
        <v>0.16865403011809124</v>
      </c>
      <c r="J5850" s="59">
        <f>Bühler!J5876</f>
        <v>0.56218010039363753</v>
      </c>
      <c r="K5850" s="59">
        <f>Bühler!K5876</f>
        <v>0.84327015059045629</v>
      </c>
      <c r="L5850" s="59">
        <f>Bühler!L5876</f>
        <v>12.311260179952251</v>
      </c>
      <c r="M5850" s="58">
        <f>Bühler!M5876</f>
        <v>0</v>
      </c>
      <c r="N5850" s="56">
        <f>IF(Input!$D$19=1,J5850*Input!$C$19,0)+IF(Input!$D$20=1,K5850*Input!$C$20,0)+IF(Input!$D$21=1,L5850*Input!$C$21,0)+IF(Input!$D$22=1,M5850*Input!$C$22,0)</f>
        <v>0.16865403011809124</v>
      </c>
      <c r="O5850" s="59">
        <f>IF(Input!$D$19=2,J5850*Input!$C$19,0)+IF(Input!$D$20=2,K5850*Input!$C$20,0)+IF(Input!$D$21=2,L5850*Input!$C$21,0)+IF(Input!$D$22=2,M5850*Input!$C$22,0)</f>
        <v>0.42163507529522815</v>
      </c>
      <c r="P5850" s="59">
        <f>IF(Input!$D$19=3,J5850*Input!$C$19,0)+IF(Input!$D$20=3,K5850*Input!$C$20,0)+IF(Input!$D$21=3,L5850*Input!$C$21,0)+IF(Input!$D$22=3,M5850*Input!$C$22,0)</f>
        <v>0</v>
      </c>
      <c r="Q5850" s="75">
        <f>IF(Input!$D$19=4,J5850*Input!$C$19,0)+IF(Input!$D$20=4,K5850*Input!$C$20,0)+IF(Input!$D$21=4,L5850*Input!$C$21,0)+IF(Input!$D$22=4,M5850*Input!$C$22,0)</f>
        <v>0</v>
      </c>
      <c r="R5850" s="58">
        <v>47.769760936890201</v>
      </c>
      <c r="S5850" s="124">
        <f t="shared" si="91"/>
        <v>0.73083413051172874</v>
      </c>
    </row>
    <row r="5851" spans="8:19" x14ac:dyDescent="0.3">
      <c r="H5851" s="44">
        <v>5844</v>
      </c>
      <c r="I5851" s="56">
        <f>Bühler!I5877</f>
        <v>0.16865403011809124</v>
      </c>
      <c r="J5851" s="59">
        <f>Bühler!J5877</f>
        <v>0.56218010039363753</v>
      </c>
      <c r="K5851" s="59">
        <f>Bühler!K5877</f>
        <v>0.84327015059045629</v>
      </c>
      <c r="L5851" s="59">
        <f>Bühler!L5877</f>
        <v>12.311260179952251</v>
      </c>
      <c r="M5851" s="58">
        <f>Bühler!M5877</f>
        <v>0</v>
      </c>
      <c r="N5851" s="56">
        <f>IF(Input!$D$19=1,J5851*Input!$C$19,0)+IF(Input!$D$20=1,K5851*Input!$C$20,0)+IF(Input!$D$21=1,L5851*Input!$C$21,0)+IF(Input!$D$22=1,M5851*Input!$C$22,0)</f>
        <v>0.16865403011809124</v>
      </c>
      <c r="O5851" s="59">
        <f>IF(Input!$D$19=2,J5851*Input!$C$19,0)+IF(Input!$D$20=2,K5851*Input!$C$20,0)+IF(Input!$D$21=2,L5851*Input!$C$21,0)+IF(Input!$D$22=2,M5851*Input!$C$22,0)</f>
        <v>0.42163507529522815</v>
      </c>
      <c r="P5851" s="59">
        <f>IF(Input!$D$19=3,J5851*Input!$C$19,0)+IF(Input!$D$20=3,K5851*Input!$C$20,0)+IF(Input!$D$21=3,L5851*Input!$C$21,0)+IF(Input!$D$22=3,M5851*Input!$C$22,0)</f>
        <v>0</v>
      </c>
      <c r="Q5851" s="75">
        <f>IF(Input!$D$19=4,J5851*Input!$C$19,0)+IF(Input!$D$20=4,K5851*Input!$C$20,0)+IF(Input!$D$21=4,L5851*Input!$C$21,0)+IF(Input!$D$22=4,M5851*Input!$C$22,0)</f>
        <v>0</v>
      </c>
      <c r="R5851" s="58">
        <v>48.164416361687657</v>
      </c>
      <c r="S5851" s="124">
        <f t="shared" si="91"/>
        <v>0.73083413051172874</v>
      </c>
    </row>
    <row r="5852" spans="8:19" x14ac:dyDescent="0.3">
      <c r="H5852" s="44">
        <v>5845</v>
      </c>
      <c r="I5852" s="56">
        <f>Bühler!I5878</f>
        <v>0.16865403011809124</v>
      </c>
      <c r="J5852" s="59">
        <f>Bühler!J5878</f>
        <v>0.56218010039363753</v>
      </c>
      <c r="K5852" s="59">
        <f>Bühler!K5878</f>
        <v>0.84327015059045629</v>
      </c>
      <c r="L5852" s="59">
        <f>Bühler!L5878</f>
        <v>12.311260179952251</v>
      </c>
      <c r="M5852" s="58">
        <f>Bühler!M5878</f>
        <v>0</v>
      </c>
      <c r="N5852" s="56">
        <f>IF(Input!$D$19=1,J5852*Input!$C$19,0)+IF(Input!$D$20=1,K5852*Input!$C$20,0)+IF(Input!$D$21=1,L5852*Input!$C$21,0)+IF(Input!$D$22=1,M5852*Input!$C$22,0)</f>
        <v>0.16865403011809124</v>
      </c>
      <c r="O5852" s="59">
        <f>IF(Input!$D$19=2,J5852*Input!$C$19,0)+IF(Input!$D$20=2,K5852*Input!$C$20,0)+IF(Input!$D$21=2,L5852*Input!$C$21,0)+IF(Input!$D$22=2,M5852*Input!$C$22,0)</f>
        <v>0.42163507529522815</v>
      </c>
      <c r="P5852" s="59">
        <f>IF(Input!$D$19=3,J5852*Input!$C$19,0)+IF(Input!$D$20=3,K5852*Input!$C$20,0)+IF(Input!$D$21=3,L5852*Input!$C$21,0)+IF(Input!$D$22=3,M5852*Input!$C$22,0)</f>
        <v>0</v>
      </c>
      <c r="Q5852" s="75">
        <f>IF(Input!$D$19=4,J5852*Input!$C$19,0)+IF(Input!$D$20=4,K5852*Input!$C$20,0)+IF(Input!$D$21=4,L5852*Input!$C$21,0)+IF(Input!$D$22=4,M5852*Input!$C$22,0)</f>
        <v>0</v>
      </c>
      <c r="R5852" s="58">
        <v>47.486512504294673</v>
      </c>
      <c r="S5852" s="124">
        <f t="shared" si="91"/>
        <v>0.73083413051172874</v>
      </c>
    </row>
    <row r="5853" spans="8:19" x14ac:dyDescent="0.3">
      <c r="H5853" s="44">
        <v>5846</v>
      </c>
      <c r="I5853" s="56">
        <f>Bühler!I5879</f>
        <v>0.16865403011809124</v>
      </c>
      <c r="J5853" s="59">
        <f>Bühler!J5879</f>
        <v>0.56218010039363753</v>
      </c>
      <c r="K5853" s="59">
        <f>Bühler!K5879</f>
        <v>0.84327015059045629</v>
      </c>
      <c r="L5853" s="59">
        <f>Bühler!L5879</f>
        <v>12.311260179952251</v>
      </c>
      <c r="M5853" s="58">
        <f>Bühler!M5879</f>
        <v>0</v>
      </c>
      <c r="N5853" s="56">
        <f>IF(Input!$D$19=1,J5853*Input!$C$19,0)+IF(Input!$D$20=1,K5853*Input!$C$20,0)+IF(Input!$D$21=1,L5853*Input!$C$21,0)+IF(Input!$D$22=1,M5853*Input!$C$22,0)</f>
        <v>0.16865403011809124</v>
      </c>
      <c r="O5853" s="59">
        <f>IF(Input!$D$19=2,J5853*Input!$C$19,0)+IF(Input!$D$20=2,K5853*Input!$C$20,0)+IF(Input!$D$21=2,L5853*Input!$C$21,0)+IF(Input!$D$22=2,M5853*Input!$C$22,0)</f>
        <v>0.42163507529522815</v>
      </c>
      <c r="P5853" s="59">
        <f>IF(Input!$D$19=3,J5853*Input!$C$19,0)+IF(Input!$D$20=3,K5853*Input!$C$20,0)+IF(Input!$D$21=3,L5853*Input!$C$21,0)+IF(Input!$D$22=3,M5853*Input!$C$22,0)</f>
        <v>0</v>
      </c>
      <c r="Q5853" s="75">
        <f>IF(Input!$D$19=4,J5853*Input!$C$19,0)+IF(Input!$D$20=4,K5853*Input!$C$20,0)+IF(Input!$D$21=4,L5853*Input!$C$21,0)+IF(Input!$D$22=4,M5853*Input!$C$22,0)</f>
        <v>0</v>
      </c>
      <c r="R5853" s="58">
        <v>47.020100481441567</v>
      </c>
      <c r="S5853" s="124">
        <f t="shared" si="91"/>
        <v>0.73083413051172874</v>
      </c>
    </row>
    <row r="5854" spans="8:19" x14ac:dyDescent="0.3">
      <c r="H5854" s="44">
        <v>5847</v>
      </c>
      <c r="I5854" s="56">
        <f>Bühler!I5880</f>
        <v>0.16865403011809124</v>
      </c>
      <c r="J5854" s="59">
        <f>Bühler!J5880</f>
        <v>0.56218010039363753</v>
      </c>
      <c r="K5854" s="59">
        <f>Bühler!K5880</f>
        <v>0.84327015059045629</v>
      </c>
      <c r="L5854" s="59">
        <f>Bühler!L5880</f>
        <v>12.311260179952251</v>
      </c>
      <c r="M5854" s="58">
        <f>Bühler!M5880</f>
        <v>0</v>
      </c>
      <c r="N5854" s="56">
        <f>IF(Input!$D$19=1,J5854*Input!$C$19,0)+IF(Input!$D$20=1,K5854*Input!$C$20,0)+IF(Input!$D$21=1,L5854*Input!$C$21,0)+IF(Input!$D$22=1,M5854*Input!$C$22,0)</f>
        <v>0.16865403011809124</v>
      </c>
      <c r="O5854" s="59">
        <f>IF(Input!$D$19=2,J5854*Input!$C$19,0)+IF(Input!$D$20=2,K5854*Input!$C$20,0)+IF(Input!$D$21=2,L5854*Input!$C$21,0)+IF(Input!$D$22=2,M5854*Input!$C$22,0)</f>
        <v>0.42163507529522815</v>
      </c>
      <c r="P5854" s="59">
        <f>IF(Input!$D$19=3,J5854*Input!$C$19,0)+IF(Input!$D$20=3,K5854*Input!$C$20,0)+IF(Input!$D$21=3,L5854*Input!$C$21,0)+IF(Input!$D$22=3,M5854*Input!$C$22,0)</f>
        <v>0</v>
      </c>
      <c r="Q5854" s="75">
        <f>IF(Input!$D$19=4,J5854*Input!$C$19,0)+IF(Input!$D$20=4,K5854*Input!$C$20,0)+IF(Input!$D$21=4,L5854*Input!$C$21,0)+IF(Input!$D$22=4,M5854*Input!$C$22,0)</f>
        <v>0</v>
      </c>
      <c r="R5854" s="58">
        <v>46.780971728159983</v>
      </c>
      <c r="S5854" s="124">
        <f t="shared" si="91"/>
        <v>0.73083413051172874</v>
      </c>
    </row>
    <row r="5855" spans="8:19" x14ac:dyDescent="0.3">
      <c r="H5855" s="44">
        <v>5848</v>
      </c>
      <c r="I5855" s="56">
        <f>Bühler!I5881</f>
        <v>0.15248172586019207</v>
      </c>
      <c r="J5855" s="59">
        <f>Bühler!J5881</f>
        <v>0.50827241953397362</v>
      </c>
      <c r="K5855" s="59">
        <f>Bühler!K5881</f>
        <v>0.76240862930096054</v>
      </c>
      <c r="L5855" s="59">
        <f>Bühler!L5881</f>
        <v>11.130728381874636</v>
      </c>
      <c r="M5855" s="58">
        <f>Bühler!M5881</f>
        <v>0</v>
      </c>
      <c r="N5855" s="56">
        <f>IF(Input!$D$19=1,J5855*Input!$C$19,0)+IF(Input!$D$20=1,K5855*Input!$C$20,0)+IF(Input!$D$21=1,L5855*Input!$C$21,0)+IF(Input!$D$22=1,M5855*Input!$C$22,0)</f>
        <v>0.15248172586019207</v>
      </c>
      <c r="O5855" s="59">
        <f>IF(Input!$D$19=2,J5855*Input!$C$19,0)+IF(Input!$D$20=2,K5855*Input!$C$20,0)+IF(Input!$D$21=2,L5855*Input!$C$21,0)+IF(Input!$D$22=2,M5855*Input!$C$22,0)</f>
        <v>0.38120431465048027</v>
      </c>
      <c r="P5855" s="59">
        <f>IF(Input!$D$19=3,J5855*Input!$C$19,0)+IF(Input!$D$20=3,K5855*Input!$C$20,0)+IF(Input!$D$21=3,L5855*Input!$C$21,0)+IF(Input!$D$22=3,M5855*Input!$C$22,0)</f>
        <v>0</v>
      </c>
      <c r="Q5855" s="75">
        <f>IF(Input!$D$19=4,J5855*Input!$C$19,0)+IF(Input!$D$20=4,K5855*Input!$C$20,0)+IF(Input!$D$21=4,L5855*Input!$C$21,0)+IF(Input!$D$22=4,M5855*Input!$C$22,0)</f>
        <v>0</v>
      </c>
      <c r="R5855" s="58">
        <v>46.617178963043933</v>
      </c>
      <c r="S5855" s="124">
        <f t="shared" si="91"/>
        <v>0.66075414539416566</v>
      </c>
    </row>
    <row r="5856" spans="8:19" x14ac:dyDescent="0.3">
      <c r="H5856" s="44">
        <v>5849</v>
      </c>
      <c r="I5856" s="56">
        <f>Bühler!I5882</f>
        <v>0.13861975078199282</v>
      </c>
      <c r="J5856" s="59">
        <f>Bühler!J5882</f>
        <v>0.46206583593997608</v>
      </c>
      <c r="K5856" s="59">
        <f>Bühler!K5882</f>
        <v>0.69309875390996412</v>
      </c>
      <c r="L5856" s="59">
        <f>Bühler!L5882</f>
        <v>10.118843983522398</v>
      </c>
      <c r="M5856" s="58">
        <f>Bühler!M5882</f>
        <v>0</v>
      </c>
      <c r="N5856" s="56">
        <f>IF(Input!$D$19=1,J5856*Input!$C$19,0)+IF(Input!$D$20=1,K5856*Input!$C$20,0)+IF(Input!$D$21=1,L5856*Input!$C$21,0)+IF(Input!$D$22=1,M5856*Input!$C$22,0)</f>
        <v>0.13861975078199282</v>
      </c>
      <c r="O5856" s="59">
        <f>IF(Input!$D$19=2,J5856*Input!$C$19,0)+IF(Input!$D$20=2,K5856*Input!$C$20,0)+IF(Input!$D$21=2,L5856*Input!$C$21,0)+IF(Input!$D$22=2,M5856*Input!$C$22,0)</f>
        <v>0.34654937695498206</v>
      </c>
      <c r="P5856" s="59">
        <f>IF(Input!$D$19=3,J5856*Input!$C$19,0)+IF(Input!$D$20=3,K5856*Input!$C$20,0)+IF(Input!$D$21=3,L5856*Input!$C$21,0)+IF(Input!$D$22=3,M5856*Input!$C$22,0)</f>
        <v>0</v>
      </c>
      <c r="Q5856" s="75">
        <f>IF(Input!$D$19=4,J5856*Input!$C$19,0)+IF(Input!$D$20=4,K5856*Input!$C$20,0)+IF(Input!$D$21=4,L5856*Input!$C$21,0)+IF(Input!$D$22=4,M5856*Input!$C$22,0)</f>
        <v>0</v>
      </c>
      <c r="R5856" s="58">
        <v>46.069678888947273</v>
      </c>
      <c r="S5856" s="124">
        <f t="shared" si="91"/>
        <v>0.60068558672196892</v>
      </c>
    </row>
    <row r="5857" spans="8:19" x14ac:dyDescent="0.3">
      <c r="H5857" s="44">
        <v>5850</v>
      </c>
      <c r="I5857" s="56">
        <f>Bühler!I5883</f>
        <v>0.12475777570379352</v>
      </c>
      <c r="J5857" s="59">
        <f>Bühler!J5883</f>
        <v>0.41585925234597848</v>
      </c>
      <c r="K5857" s="59">
        <f>Bühler!K5883</f>
        <v>0.62378887851896769</v>
      </c>
      <c r="L5857" s="59">
        <f>Bühler!L5883</f>
        <v>9.1069595851701592</v>
      </c>
      <c r="M5857" s="58">
        <f>Bühler!M5883</f>
        <v>0</v>
      </c>
      <c r="N5857" s="56">
        <f>IF(Input!$D$19=1,J5857*Input!$C$19,0)+IF(Input!$D$20=1,K5857*Input!$C$20,0)+IF(Input!$D$21=1,L5857*Input!$C$21,0)+IF(Input!$D$22=1,M5857*Input!$C$22,0)</f>
        <v>0.12475777570379354</v>
      </c>
      <c r="O5857" s="59">
        <f>IF(Input!$D$19=2,J5857*Input!$C$19,0)+IF(Input!$D$20=2,K5857*Input!$C$20,0)+IF(Input!$D$21=2,L5857*Input!$C$21,0)+IF(Input!$D$22=2,M5857*Input!$C$22,0)</f>
        <v>0.31189443925948385</v>
      </c>
      <c r="P5857" s="59">
        <f>IF(Input!$D$19=3,J5857*Input!$C$19,0)+IF(Input!$D$20=3,K5857*Input!$C$20,0)+IF(Input!$D$21=3,L5857*Input!$C$21,0)+IF(Input!$D$22=3,M5857*Input!$C$22,0)</f>
        <v>0</v>
      </c>
      <c r="Q5857" s="75">
        <f>IF(Input!$D$19=4,J5857*Input!$C$19,0)+IF(Input!$D$20=4,K5857*Input!$C$20,0)+IF(Input!$D$21=4,L5857*Input!$C$21,0)+IF(Input!$D$22=4,M5857*Input!$C$22,0)</f>
        <v>0</v>
      </c>
      <c r="R5857" s="58">
        <v>45.266312871544294</v>
      </c>
      <c r="S5857" s="124">
        <f t="shared" si="91"/>
        <v>0.54061702804977196</v>
      </c>
    </row>
    <row r="5858" spans="8:19" x14ac:dyDescent="0.3">
      <c r="H5858" s="44">
        <v>5851</v>
      </c>
      <c r="I5858" s="56">
        <f>Bühler!I5884</f>
        <v>0.12013711734439375</v>
      </c>
      <c r="J5858" s="59">
        <f>Bühler!J5884</f>
        <v>0.40045705781464591</v>
      </c>
      <c r="K5858" s="59">
        <f>Bühler!K5884</f>
        <v>0.60068558672196881</v>
      </c>
      <c r="L5858" s="59">
        <f>Bühler!L5884</f>
        <v>8.7696647857194101</v>
      </c>
      <c r="M5858" s="58">
        <f>Bühler!M5884</f>
        <v>0</v>
      </c>
      <c r="N5858" s="56">
        <f>IF(Input!$D$19=1,J5858*Input!$C$19,0)+IF(Input!$D$20=1,K5858*Input!$C$20,0)+IF(Input!$D$21=1,L5858*Input!$C$21,0)+IF(Input!$D$22=1,M5858*Input!$C$22,0)</f>
        <v>0.12013711734439377</v>
      </c>
      <c r="O5858" s="59">
        <f>IF(Input!$D$19=2,J5858*Input!$C$19,0)+IF(Input!$D$20=2,K5858*Input!$C$20,0)+IF(Input!$D$21=2,L5858*Input!$C$21,0)+IF(Input!$D$22=2,M5858*Input!$C$22,0)</f>
        <v>0.30034279336098441</v>
      </c>
      <c r="P5858" s="59">
        <f>IF(Input!$D$19=3,J5858*Input!$C$19,0)+IF(Input!$D$20=3,K5858*Input!$C$20,0)+IF(Input!$D$21=3,L5858*Input!$C$21,0)+IF(Input!$D$22=3,M5858*Input!$C$22,0)</f>
        <v>0</v>
      </c>
      <c r="Q5858" s="75">
        <f>IF(Input!$D$19=4,J5858*Input!$C$19,0)+IF(Input!$D$20=4,K5858*Input!$C$20,0)+IF(Input!$D$21=4,L5858*Input!$C$21,0)+IF(Input!$D$22=4,M5858*Input!$C$22,0)</f>
        <v>0</v>
      </c>
      <c r="R5858" s="58">
        <v>44.873291389081899</v>
      </c>
      <c r="S5858" s="124">
        <f t="shared" si="91"/>
        <v>0.52059417515903972</v>
      </c>
    </row>
    <row r="5859" spans="8:19" x14ac:dyDescent="0.3">
      <c r="H5859" s="44">
        <v>5852</v>
      </c>
      <c r="I5859" s="56">
        <f>Bühler!I5885</f>
        <v>9.7033825547394953E-2</v>
      </c>
      <c r="J5859" s="59">
        <f>Bühler!J5885</f>
        <v>0.32344608515798323</v>
      </c>
      <c r="K5859" s="59">
        <f>Bühler!K5885</f>
        <v>0.48516912773697485</v>
      </c>
      <c r="L5859" s="59">
        <f>Bühler!L5885</f>
        <v>7.0831907884656777</v>
      </c>
      <c r="M5859" s="58">
        <f>Bühler!M5885</f>
        <v>0</v>
      </c>
      <c r="N5859" s="56">
        <f>IF(Input!$D$19=1,J5859*Input!$C$19,0)+IF(Input!$D$20=1,K5859*Input!$C$20,0)+IF(Input!$D$21=1,L5859*Input!$C$21,0)+IF(Input!$D$22=1,M5859*Input!$C$22,0)</f>
        <v>9.7033825547394967E-2</v>
      </c>
      <c r="O5859" s="59">
        <f>IF(Input!$D$19=2,J5859*Input!$C$19,0)+IF(Input!$D$20=2,K5859*Input!$C$20,0)+IF(Input!$D$21=2,L5859*Input!$C$21,0)+IF(Input!$D$22=2,M5859*Input!$C$22,0)</f>
        <v>0.24258456386848742</v>
      </c>
      <c r="P5859" s="59">
        <f>IF(Input!$D$19=3,J5859*Input!$C$19,0)+IF(Input!$D$20=3,K5859*Input!$C$20,0)+IF(Input!$D$21=3,L5859*Input!$C$21,0)+IF(Input!$D$22=3,M5859*Input!$C$22,0)</f>
        <v>0</v>
      </c>
      <c r="Q5859" s="75">
        <f>IF(Input!$D$19=4,J5859*Input!$C$19,0)+IF(Input!$D$20=4,K5859*Input!$C$20,0)+IF(Input!$D$21=4,L5859*Input!$C$21,0)+IF(Input!$D$22=4,M5859*Input!$C$22,0)</f>
        <v>0</v>
      </c>
      <c r="R5859" s="58">
        <v>44.450322175329511</v>
      </c>
      <c r="S5859" s="124">
        <f t="shared" si="91"/>
        <v>0.42047991070537816</v>
      </c>
    </row>
    <row r="5860" spans="8:19" x14ac:dyDescent="0.3">
      <c r="H5860" s="44">
        <v>5853</v>
      </c>
      <c r="I5860" s="56">
        <f>Bühler!I5886</f>
        <v>7.1620204570696275E-2</v>
      </c>
      <c r="J5860" s="59">
        <f>Bühler!J5886</f>
        <v>0.23873401523565427</v>
      </c>
      <c r="K5860" s="59">
        <f>Bühler!K5886</f>
        <v>0.35810102285348144</v>
      </c>
      <c r="L5860" s="59">
        <f>Bühler!L5886</f>
        <v>5.2280693914865717</v>
      </c>
      <c r="M5860" s="58">
        <f>Bühler!M5886</f>
        <v>0</v>
      </c>
      <c r="N5860" s="56">
        <f>IF(Input!$D$19=1,J5860*Input!$C$19,0)+IF(Input!$D$20=1,K5860*Input!$C$20,0)+IF(Input!$D$21=1,L5860*Input!$C$21,0)+IF(Input!$D$22=1,M5860*Input!$C$22,0)</f>
        <v>7.1620204570696275E-2</v>
      </c>
      <c r="O5860" s="59">
        <f>IF(Input!$D$19=2,J5860*Input!$C$19,0)+IF(Input!$D$20=2,K5860*Input!$C$20,0)+IF(Input!$D$21=2,L5860*Input!$C$21,0)+IF(Input!$D$22=2,M5860*Input!$C$22,0)</f>
        <v>0.17905051142674072</v>
      </c>
      <c r="P5860" s="59">
        <f>IF(Input!$D$19=3,J5860*Input!$C$19,0)+IF(Input!$D$20=3,K5860*Input!$C$20,0)+IF(Input!$D$21=3,L5860*Input!$C$21,0)+IF(Input!$D$22=3,M5860*Input!$C$22,0)</f>
        <v>0</v>
      </c>
      <c r="Q5860" s="75">
        <f>IF(Input!$D$19=4,J5860*Input!$C$19,0)+IF(Input!$D$20=4,K5860*Input!$C$20,0)+IF(Input!$D$21=4,L5860*Input!$C$21,0)+IF(Input!$D$22=4,M5860*Input!$C$22,0)</f>
        <v>0</v>
      </c>
      <c r="R5860" s="58">
        <v>43.310377393861998</v>
      </c>
      <c r="S5860" s="124">
        <f t="shared" si="91"/>
        <v>0.31035421980635053</v>
      </c>
    </row>
    <row r="5861" spans="8:19" x14ac:dyDescent="0.3">
      <c r="H5861" s="44">
        <v>5854</v>
      </c>
      <c r="I5861" s="56">
        <f>Bühler!I5887</f>
        <v>7.1620204570696275E-2</v>
      </c>
      <c r="J5861" s="59">
        <f>Bühler!J5887</f>
        <v>0.23873401523565427</v>
      </c>
      <c r="K5861" s="59">
        <f>Bühler!K5887</f>
        <v>0.35810102285348144</v>
      </c>
      <c r="L5861" s="59">
        <f>Bühler!L5887</f>
        <v>5.2280693914865717</v>
      </c>
      <c r="M5861" s="58">
        <f>Bühler!M5887</f>
        <v>0</v>
      </c>
      <c r="N5861" s="56">
        <f>IF(Input!$D$19=1,J5861*Input!$C$19,0)+IF(Input!$D$20=1,K5861*Input!$C$20,0)+IF(Input!$D$21=1,L5861*Input!$C$21,0)+IF(Input!$D$22=1,M5861*Input!$C$22,0)</f>
        <v>7.1620204570696275E-2</v>
      </c>
      <c r="O5861" s="59">
        <f>IF(Input!$D$19=2,J5861*Input!$C$19,0)+IF(Input!$D$20=2,K5861*Input!$C$20,0)+IF(Input!$D$21=2,L5861*Input!$C$21,0)+IF(Input!$D$22=2,M5861*Input!$C$22,0)</f>
        <v>0.17905051142674072</v>
      </c>
      <c r="P5861" s="59">
        <f>IF(Input!$D$19=3,J5861*Input!$C$19,0)+IF(Input!$D$20=3,K5861*Input!$C$20,0)+IF(Input!$D$21=3,L5861*Input!$C$21,0)+IF(Input!$D$22=3,M5861*Input!$C$22,0)</f>
        <v>0</v>
      </c>
      <c r="Q5861" s="75">
        <f>IF(Input!$D$19=4,J5861*Input!$C$19,0)+IF(Input!$D$20=4,K5861*Input!$C$20,0)+IF(Input!$D$21=4,L5861*Input!$C$21,0)+IF(Input!$D$22=4,M5861*Input!$C$22,0)</f>
        <v>0</v>
      </c>
      <c r="R5861" s="58">
        <v>42.881716252762516</v>
      </c>
      <c r="S5861" s="124">
        <f t="shared" si="91"/>
        <v>0.31035421980635053</v>
      </c>
    </row>
    <row r="5862" spans="8:19" x14ac:dyDescent="0.3">
      <c r="H5862" s="44">
        <v>5855</v>
      </c>
      <c r="I5862" s="56">
        <f>Bühler!I5888</f>
        <v>7.1620204570696275E-2</v>
      </c>
      <c r="J5862" s="59">
        <f>Bühler!J5888</f>
        <v>0.23873401523565427</v>
      </c>
      <c r="K5862" s="59">
        <f>Bühler!K5888</f>
        <v>0.35810102285348144</v>
      </c>
      <c r="L5862" s="59">
        <f>Bühler!L5888</f>
        <v>5.2280693914865717</v>
      </c>
      <c r="M5862" s="58">
        <f>Bühler!M5888</f>
        <v>0</v>
      </c>
      <c r="N5862" s="56">
        <f>IF(Input!$D$19=1,J5862*Input!$C$19,0)+IF(Input!$D$20=1,K5862*Input!$C$20,0)+IF(Input!$D$21=1,L5862*Input!$C$21,0)+IF(Input!$D$22=1,M5862*Input!$C$22,0)</f>
        <v>7.1620204570696275E-2</v>
      </c>
      <c r="O5862" s="59">
        <f>IF(Input!$D$19=2,J5862*Input!$C$19,0)+IF(Input!$D$20=2,K5862*Input!$C$20,0)+IF(Input!$D$21=2,L5862*Input!$C$21,0)+IF(Input!$D$22=2,M5862*Input!$C$22,0)</f>
        <v>0.17905051142674072</v>
      </c>
      <c r="P5862" s="59">
        <f>IF(Input!$D$19=3,J5862*Input!$C$19,0)+IF(Input!$D$20=3,K5862*Input!$C$20,0)+IF(Input!$D$21=3,L5862*Input!$C$21,0)+IF(Input!$D$22=3,M5862*Input!$C$22,0)</f>
        <v>0</v>
      </c>
      <c r="Q5862" s="75">
        <f>IF(Input!$D$19=4,J5862*Input!$C$19,0)+IF(Input!$D$20=4,K5862*Input!$C$20,0)+IF(Input!$D$21=4,L5862*Input!$C$21,0)+IF(Input!$D$22=4,M5862*Input!$C$22,0)</f>
        <v>0</v>
      </c>
      <c r="R5862" s="58">
        <v>42.930481564392416</v>
      </c>
      <c r="S5862" s="124">
        <f t="shared" si="91"/>
        <v>0.31035421980635053</v>
      </c>
    </row>
    <row r="5863" spans="8:19" x14ac:dyDescent="0.3">
      <c r="H5863" s="44">
        <v>5856</v>
      </c>
      <c r="I5863" s="56">
        <f>Bühler!I5889</f>
        <v>7.1620204570696275E-2</v>
      </c>
      <c r="J5863" s="59">
        <f>Bühler!J5889</f>
        <v>0.23873401523565427</v>
      </c>
      <c r="K5863" s="59">
        <f>Bühler!K5889</f>
        <v>0.35810102285348144</v>
      </c>
      <c r="L5863" s="59">
        <f>Bühler!L5889</f>
        <v>5.2280693914865717</v>
      </c>
      <c r="M5863" s="58">
        <f>Bühler!M5889</f>
        <v>0</v>
      </c>
      <c r="N5863" s="56">
        <f>IF(Input!$D$19=1,J5863*Input!$C$19,0)+IF(Input!$D$20=1,K5863*Input!$C$20,0)+IF(Input!$D$21=1,L5863*Input!$C$21,0)+IF(Input!$D$22=1,M5863*Input!$C$22,0)</f>
        <v>7.1620204570696275E-2</v>
      </c>
      <c r="O5863" s="59">
        <f>IF(Input!$D$19=2,J5863*Input!$C$19,0)+IF(Input!$D$20=2,K5863*Input!$C$20,0)+IF(Input!$D$21=2,L5863*Input!$C$21,0)+IF(Input!$D$22=2,M5863*Input!$C$22,0)</f>
        <v>0.17905051142674072</v>
      </c>
      <c r="P5863" s="59">
        <f>IF(Input!$D$19=3,J5863*Input!$C$19,0)+IF(Input!$D$20=3,K5863*Input!$C$20,0)+IF(Input!$D$21=3,L5863*Input!$C$21,0)+IF(Input!$D$22=3,M5863*Input!$C$22,0)</f>
        <v>0</v>
      </c>
      <c r="Q5863" s="75">
        <f>IF(Input!$D$19=4,J5863*Input!$C$19,0)+IF(Input!$D$20=4,K5863*Input!$C$20,0)+IF(Input!$D$21=4,L5863*Input!$C$21,0)+IF(Input!$D$22=4,M5863*Input!$C$22,0)</f>
        <v>0</v>
      </c>
      <c r="R5863" s="58">
        <v>42.667483966670574</v>
      </c>
      <c r="S5863" s="124">
        <f t="shared" si="91"/>
        <v>0.31035421980635053</v>
      </c>
    </row>
    <row r="5864" spans="8:19" x14ac:dyDescent="0.3">
      <c r="H5864" s="44">
        <v>5857</v>
      </c>
      <c r="I5864" s="56">
        <f>Bühler!I5890</f>
        <v>8.6259830458404615E-2</v>
      </c>
      <c r="J5864" s="59">
        <f>Bühler!J5890</f>
        <v>0.28753276819468204</v>
      </c>
      <c r="K5864" s="59">
        <f>Bühler!K5890</f>
        <v>0.43129915229202309</v>
      </c>
      <c r="L5864" s="59">
        <f>Bühler!L5890</f>
        <v>6.0514920054599264</v>
      </c>
      <c r="M5864" s="58">
        <f>Bühler!M5890</f>
        <v>0</v>
      </c>
      <c r="N5864" s="56">
        <f>IF(Input!$D$19=1,J5864*Input!$C$19,0)+IF(Input!$D$20=1,K5864*Input!$C$20,0)+IF(Input!$D$21=1,L5864*Input!$C$21,0)+IF(Input!$D$22=1,M5864*Input!$C$22,0)</f>
        <v>8.6259830458404615E-2</v>
      </c>
      <c r="O5864" s="59">
        <f>IF(Input!$D$19=2,J5864*Input!$C$19,0)+IF(Input!$D$20=2,K5864*Input!$C$20,0)+IF(Input!$D$21=2,L5864*Input!$C$21,0)+IF(Input!$D$22=2,M5864*Input!$C$22,0)</f>
        <v>0.21564957614601155</v>
      </c>
      <c r="P5864" s="59">
        <f>IF(Input!$D$19=3,J5864*Input!$C$19,0)+IF(Input!$D$20=3,K5864*Input!$C$20,0)+IF(Input!$D$21=3,L5864*Input!$C$21,0)+IF(Input!$D$22=3,M5864*Input!$C$22,0)</f>
        <v>0</v>
      </c>
      <c r="Q5864" s="75">
        <f>IF(Input!$D$19=4,J5864*Input!$C$19,0)+IF(Input!$D$20=4,K5864*Input!$C$20,0)+IF(Input!$D$21=4,L5864*Input!$C$21,0)+IF(Input!$D$22=4,M5864*Input!$C$22,0)</f>
        <v>0</v>
      </c>
      <c r="R5864" s="58">
        <v>42.075491473719772</v>
      </c>
      <c r="S5864" s="124">
        <f t="shared" si="91"/>
        <v>0.37379259865308667</v>
      </c>
    </row>
    <row r="5865" spans="8:19" x14ac:dyDescent="0.3">
      <c r="H5865" s="44">
        <v>5858</v>
      </c>
      <c r="I5865" s="56">
        <f>Bühler!I5891</f>
        <v>0.10017270633879247</v>
      </c>
      <c r="J5865" s="59">
        <f>Bühler!J5891</f>
        <v>0.33390902112930826</v>
      </c>
      <c r="K5865" s="59">
        <f>Bühler!K5891</f>
        <v>0.50086353169396236</v>
      </c>
      <c r="L5865" s="59">
        <f>Bühler!L5891</f>
        <v>7.0275391031147532</v>
      </c>
      <c r="M5865" s="58">
        <f>Bühler!M5891</f>
        <v>0</v>
      </c>
      <c r="N5865" s="56">
        <f>IF(Input!$D$19=1,J5865*Input!$C$19,0)+IF(Input!$D$20=1,K5865*Input!$C$20,0)+IF(Input!$D$21=1,L5865*Input!$C$21,0)+IF(Input!$D$22=1,M5865*Input!$C$22,0)</f>
        <v>0.10017270633879248</v>
      </c>
      <c r="O5865" s="59">
        <f>IF(Input!$D$19=2,J5865*Input!$C$19,0)+IF(Input!$D$20=2,K5865*Input!$C$20,0)+IF(Input!$D$21=2,L5865*Input!$C$21,0)+IF(Input!$D$22=2,M5865*Input!$C$22,0)</f>
        <v>0.25043176584698118</v>
      </c>
      <c r="P5865" s="59">
        <f>IF(Input!$D$19=3,J5865*Input!$C$19,0)+IF(Input!$D$20=3,K5865*Input!$C$20,0)+IF(Input!$D$21=3,L5865*Input!$C$21,0)+IF(Input!$D$22=3,M5865*Input!$C$22,0)</f>
        <v>0</v>
      </c>
      <c r="Q5865" s="75">
        <f>IF(Input!$D$19=4,J5865*Input!$C$19,0)+IF(Input!$D$20=4,K5865*Input!$C$20,0)+IF(Input!$D$21=4,L5865*Input!$C$21,0)+IF(Input!$D$22=4,M5865*Input!$C$22,0)</f>
        <v>0</v>
      </c>
      <c r="R5865" s="58">
        <v>41.375629150291871</v>
      </c>
      <c r="S5865" s="124">
        <f t="shared" si="91"/>
        <v>0.4340817274681007</v>
      </c>
    </row>
    <row r="5866" spans="8:19" x14ac:dyDescent="0.3">
      <c r="H5866" s="44">
        <v>5859</v>
      </c>
      <c r="I5866" s="56">
        <f>Bühler!I5892</f>
        <v>0.10017270633879247</v>
      </c>
      <c r="J5866" s="59">
        <f>Bühler!J5892</f>
        <v>0.33390902112930826</v>
      </c>
      <c r="K5866" s="59">
        <f>Bühler!K5892</f>
        <v>0.50086353169396236</v>
      </c>
      <c r="L5866" s="59">
        <f>Bühler!L5892</f>
        <v>7.0275391031147532</v>
      </c>
      <c r="M5866" s="58">
        <f>Bühler!M5892</f>
        <v>0</v>
      </c>
      <c r="N5866" s="56">
        <f>IF(Input!$D$19=1,J5866*Input!$C$19,0)+IF(Input!$D$20=1,K5866*Input!$C$20,0)+IF(Input!$D$21=1,L5866*Input!$C$21,0)+IF(Input!$D$22=1,M5866*Input!$C$22,0)</f>
        <v>0.10017270633879248</v>
      </c>
      <c r="O5866" s="59">
        <f>IF(Input!$D$19=2,J5866*Input!$C$19,0)+IF(Input!$D$20=2,K5866*Input!$C$20,0)+IF(Input!$D$21=2,L5866*Input!$C$21,0)+IF(Input!$D$22=2,M5866*Input!$C$22,0)</f>
        <v>0.25043176584698118</v>
      </c>
      <c r="P5866" s="59">
        <f>IF(Input!$D$19=3,J5866*Input!$C$19,0)+IF(Input!$D$20=3,K5866*Input!$C$20,0)+IF(Input!$D$21=3,L5866*Input!$C$21,0)+IF(Input!$D$22=3,M5866*Input!$C$22,0)</f>
        <v>0</v>
      </c>
      <c r="Q5866" s="75">
        <f>IF(Input!$D$19=4,J5866*Input!$C$19,0)+IF(Input!$D$20=4,K5866*Input!$C$20,0)+IF(Input!$D$21=4,L5866*Input!$C$21,0)+IF(Input!$D$22=4,M5866*Input!$C$22,0)</f>
        <v>0</v>
      </c>
      <c r="R5866" s="58">
        <v>40.77012824218626</v>
      </c>
      <c r="S5866" s="124">
        <f t="shared" si="91"/>
        <v>0.4340817274681007</v>
      </c>
    </row>
    <row r="5867" spans="8:19" x14ac:dyDescent="0.3">
      <c r="H5867" s="44">
        <v>5860</v>
      </c>
      <c r="I5867" s="56">
        <f>Bühler!I5893</f>
        <v>0.10017270633879247</v>
      </c>
      <c r="J5867" s="59">
        <f>Bühler!J5893</f>
        <v>0.33390902112930826</v>
      </c>
      <c r="K5867" s="59">
        <f>Bühler!K5893</f>
        <v>0.50086353169396236</v>
      </c>
      <c r="L5867" s="59">
        <f>Bühler!L5893</f>
        <v>7.0275391031147532</v>
      </c>
      <c r="M5867" s="58">
        <f>Bühler!M5893</f>
        <v>0</v>
      </c>
      <c r="N5867" s="56">
        <f>IF(Input!$D$19=1,J5867*Input!$C$19,0)+IF(Input!$D$20=1,K5867*Input!$C$20,0)+IF(Input!$D$21=1,L5867*Input!$C$21,0)+IF(Input!$D$22=1,M5867*Input!$C$22,0)</f>
        <v>0.10017270633879248</v>
      </c>
      <c r="O5867" s="59">
        <f>IF(Input!$D$19=2,J5867*Input!$C$19,0)+IF(Input!$D$20=2,K5867*Input!$C$20,0)+IF(Input!$D$21=2,L5867*Input!$C$21,0)+IF(Input!$D$22=2,M5867*Input!$C$22,0)</f>
        <v>0.25043176584698118</v>
      </c>
      <c r="P5867" s="59">
        <f>IF(Input!$D$19=3,J5867*Input!$C$19,0)+IF(Input!$D$20=3,K5867*Input!$C$20,0)+IF(Input!$D$21=3,L5867*Input!$C$21,0)+IF(Input!$D$22=3,M5867*Input!$C$22,0)</f>
        <v>0</v>
      </c>
      <c r="Q5867" s="75">
        <f>IF(Input!$D$19=4,J5867*Input!$C$19,0)+IF(Input!$D$20=4,K5867*Input!$C$20,0)+IF(Input!$D$21=4,L5867*Input!$C$21,0)+IF(Input!$D$22=4,M5867*Input!$C$22,0)</f>
        <v>0</v>
      </c>
      <c r="R5867" s="58">
        <v>40.516296891109114</v>
      </c>
      <c r="S5867" s="124">
        <f t="shared" si="91"/>
        <v>0.4340817274681007</v>
      </c>
    </row>
    <row r="5868" spans="8:19" x14ac:dyDescent="0.3">
      <c r="H5868" s="44">
        <v>5861</v>
      </c>
      <c r="I5868" s="56">
        <f>Bühler!I5894</f>
        <v>0.10017270633879247</v>
      </c>
      <c r="J5868" s="59">
        <f>Bühler!J5894</f>
        <v>0.33390902112930826</v>
      </c>
      <c r="K5868" s="59">
        <f>Bühler!K5894</f>
        <v>0.50086353169396236</v>
      </c>
      <c r="L5868" s="59">
        <f>Bühler!L5894</f>
        <v>7.0275391031147532</v>
      </c>
      <c r="M5868" s="58">
        <f>Bühler!M5894</f>
        <v>0</v>
      </c>
      <c r="N5868" s="56">
        <f>IF(Input!$D$19=1,J5868*Input!$C$19,0)+IF(Input!$D$20=1,K5868*Input!$C$20,0)+IF(Input!$D$21=1,L5868*Input!$C$21,0)+IF(Input!$D$22=1,M5868*Input!$C$22,0)</f>
        <v>0.10017270633879248</v>
      </c>
      <c r="O5868" s="59">
        <f>IF(Input!$D$19=2,J5868*Input!$C$19,0)+IF(Input!$D$20=2,K5868*Input!$C$20,0)+IF(Input!$D$21=2,L5868*Input!$C$21,0)+IF(Input!$D$22=2,M5868*Input!$C$22,0)</f>
        <v>0.25043176584698118</v>
      </c>
      <c r="P5868" s="59">
        <f>IF(Input!$D$19=3,J5868*Input!$C$19,0)+IF(Input!$D$20=3,K5868*Input!$C$20,0)+IF(Input!$D$21=3,L5868*Input!$C$21,0)+IF(Input!$D$22=3,M5868*Input!$C$22,0)</f>
        <v>0</v>
      </c>
      <c r="Q5868" s="75">
        <f>IF(Input!$D$19=4,J5868*Input!$C$19,0)+IF(Input!$D$20=4,K5868*Input!$C$20,0)+IF(Input!$D$21=4,L5868*Input!$C$21,0)+IF(Input!$D$22=4,M5868*Input!$C$22,0)</f>
        <v>0</v>
      </c>
      <c r="R5868" s="58">
        <v>40.293306892990586</v>
      </c>
      <c r="S5868" s="124">
        <f t="shared" si="91"/>
        <v>0.4340817274681007</v>
      </c>
    </row>
    <row r="5869" spans="8:19" x14ac:dyDescent="0.3">
      <c r="H5869" s="44">
        <v>5862</v>
      </c>
      <c r="I5869" s="56">
        <f>Bühler!I5895</f>
        <v>0.12521588292349056</v>
      </c>
      <c r="J5869" s="59">
        <f>Bühler!J5895</f>
        <v>0.41738627641163523</v>
      </c>
      <c r="K5869" s="59">
        <f>Bühler!K5895</f>
        <v>0.62607941461745287</v>
      </c>
      <c r="L5869" s="59">
        <f>Bühler!L5895</f>
        <v>8.7844238788934419</v>
      </c>
      <c r="M5869" s="58">
        <f>Bühler!M5895</f>
        <v>0</v>
      </c>
      <c r="N5869" s="56">
        <f>IF(Input!$D$19=1,J5869*Input!$C$19,0)+IF(Input!$D$20=1,K5869*Input!$C$20,0)+IF(Input!$D$21=1,L5869*Input!$C$21,0)+IF(Input!$D$22=1,M5869*Input!$C$22,0)</f>
        <v>0.12521588292349056</v>
      </c>
      <c r="O5869" s="59">
        <f>IF(Input!$D$19=2,J5869*Input!$C$19,0)+IF(Input!$D$20=2,K5869*Input!$C$20,0)+IF(Input!$D$21=2,L5869*Input!$C$21,0)+IF(Input!$D$22=2,M5869*Input!$C$22,0)</f>
        <v>0.31303970730872643</v>
      </c>
      <c r="P5869" s="59">
        <f>IF(Input!$D$19=3,J5869*Input!$C$19,0)+IF(Input!$D$20=3,K5869*Input!$C$20,0)+IF(Input!$D$21=3,L5869*Input!$C$21,0)+IF(Input!$D$22=3,M5869*Input!$C$22,0)</f>
        <v>0</v>
      </c>
      <c r="Q5869" s="75">
        <f>IF(Input!$D$19=4,J5869*Input!$C$19,0)+IF(Input!$D$20=4,K5869*Input!$C$20,0)+IF(Input!$D$21=4,L5869*Input!$C$21,0)+IF(Input!$D$22=4,M5869*Input!$C$22,0)</f>
        <v>0</v>
      </c>
      <c r="R5869" s="58">
        <v>40.056854375871964</v>
      </c>
      <c r="S5869" s="124">
        <f t="shared" si="91"/>
        <v>0.54260215933512579</v>
      </c>
    </row>
    <row r="5870" spans="8:19" x14ac:dyDescent="0.3">
      <c r="H5870" s="44">
        <v>5863</v>
      </c>
      <c r="I5870" s="56">
        <f>Bühler!I5896</f>
        <v>0.14747648433211111</v>
      </c>
      <c r="J5870" s="59">
        <f>Bühler!J5896</f>
        <v>0.49158828110703712</v>
      </c>
      <c r="K5870" s="59">
        <f>Bühler!K5896</f>
        <v>0.73738242166055568</v>
      </c>
      <c r="L5870" s="59">
        <f>Bühler!L5896</f>
        <v>10.346099235141164</v>
      </c>
      <c r="M5870" s="58">
        <f>Bühler!M5896</f>
        <v>0</v>
      </c>
      <c r="N5870" s="56">
        <f>IF(Input!$D$19=1,J5870*Input!$C$19,0)+IF(Input!$D$20=1,K5870*Input!$C$20,0)+IF(Input!$D$21=1,L5870*Input!$C$21,0)+IF(Input!$D$22=1,M5870*Input!$C$22,0)</f>
        <v>0.14747648433211114</v>
      </c>
      <c r="O5870" s="59">
        <f>IF(Input!$D$19=2,J5870*Input!$C$19,0)+IF(Input!$D$20=2,K5870*Input!$C$20,0)+IF(Input!$D$21=2,L5870*Input!$C$21,0)+IF(Input!$D$22=2,M5870*Input!$C$22,0)</f>
        <v>0.36869121083027784</v>
      </c>
      <c r="P5870" s="59">
        <f>IF(Input!$D$19=3,J5870*Input!$C$19,0)+IF(Input!$D$20=3,K5870*Input!$C$20,0)+IF(Input!$D$21=3,L5870*Input!$C$21,0)+IF(Input!$D$22=3,M5870*Input!$C$22,0)</f>
        <v>0</v>
      </c>
      <c r="Q5870" s="75">
        <f>IF(Input!$D$19=4,J5870*Input!$C$19,0)+IF(Input!$D$20=4,K5870*Input!$C$20,0)+IF(Input!$D$21=4,L5870*Input!$C$21,0)+IF(Input!$D$22=4,M5870*Input!$C$22,0)</f>
        <v>0</v>
      </c>
      <c r="R5870" s="58">
        <v>40.482486704194379</v>
      </c>
      <c r="S5870" s="124">
        <f t="shared" si="91"/>
        <v>0.63906476543914825</v>
      </c>
    </row>
    <row r="5871" spans="8:19" x14ac:dyDescent="0.3">
      <c r="H5871" s="44">
        <v>5864</v>
      </c>
      <c r="I5871" s="56">
        <f>Bühler!I5897</f>
        <v>0.17530223609288678</v>
      </c>
      <c r="J5871" s="59">
        <f>Bühler!J5897</f>
        <v>0.58434078697628933</v>
      </c>
      <c r="K5871" s="59">
        <f>Bühler!K5897</f>
        <v>0.8765111804644341</v>
      </c>
      <c r="L5871" s="59">
        <f>Bühler!L5897</f>
        <v>12.298193430450818</v>
      </c>
      <c r="M5871" s="58">
        <f>Bühler!M5897</f>
        <v>0</v>
      </c>
      <c r="N5871" s="56">
        <f>IF(Input!$D$19=1,J5871*Input!$C$19,0)+IF(Input!$D$20=1,K5871*Input!$C$20,0)+IF(Input!$D$21=1,L5871*Input!$C$21,0)+IF(Input!$D$22=1,M5871*Input!$C$22,0)</f>
        <v>0.17530223609288678</v>
      </c>
      <c r="O5871" s="59">
        <f>IF(Input!$D$19=2,J5871*Input!$C$19,0)+IF(Input!$D$20=2,K5871*Input!$C$20,0)+IF(Input!$D$21=2,L5871*Input!$C$21,0)+IF(Input!$D$22=2,M5871*Input!$C$22,0)</f>
        <v>0.43825559023221705</v>
      </c>
      <c r="P5871" s="59">
        <f>IF(Input!$D$19=3,J5871*Input!$C$19,0)+IF(Input!$D$20=3,K5871*Input!$C$20,0)+IF(Input!$D$21=3,L5871*Input!$C$21,0)+IF(Input!$D$22=3,M5871*Input!$C$22,0)</f>
        <v>0</v>
      </c>
      <c r="Q5871" s="75">
        <f>IF(Input!$D$19=4,J5871*Input!$C$19,0)+IF(Input!$D$20=4,K5871*Input!$C$20,0)+IF(Input!$D$21=4,L5871*Input!$C$21,0)+IF(Input!$D$22=4,M5871*Input!$C$22,0)</f>
        <v>0</v>
      </c>
      <c r="R5871" s="58">
        <v>40.377735183996023</v>
      </c>
      <c r="S5871" s="124">
        <f t="shared" si="91"/>
        <v>0.75964302306917608</v>
      </c>
    </row>
    <row r="5872" spans="8:19" x14ac:dyDescent="0.3">
      <c r="H5872" s="44">
        <v>5865</v>
      </c>
      <c r="I5872" s="56">
        <f>Bühler!I5898</f>
        <v>0.17530223609288678</v>
      </c>
      <c r="J5872" s="59">
        <f>Bühler!J5898</f>
        <v>0.58434078697628933</v>
      </c>
      <c r="K5872" s="59">
        <f>Bühler!K5898</f>
        <v>0.8765111804644341</v>
      </c>
      <c r="L5872" s="59">
        <f>Bühler!L5898</f>
        <v>12.298193430450818</v>
      </c>
      <c r="M5872" s="58">
        <f>Bühler!M5898</f>
        <v>0</v>
      </c>
      <c r="N5872" s="56">
        <f>IF(Input!$D$19=1,J5872*Input!$C$19,0)+IF(Input!$D$20=1,K5872*Input!$C$20,0)+IF(Input!$D$21=1,L5872*Input!$C$21,0)+IF(Input!$D$22=1,M5872*Input!$C$22,0)</f>
        <v>0.17530223609288678</v>
      </c>
      <c r="O5872" s="59">
        <f>IF(Input!$D$19=2,J5872*Input!$C$19,0)+IF(Input!$D$20=2,K5872*Input!$C$20,0)+IF(Input!$D$21=2,L5872*Input!$C$21,0)+IF(Input!$D$22=2,M5872*Input!$C$22,0)</f>
        <v>0.43825559023221705</v>
      </c>
      <c r="P5872" s="59">
        <f>IF(Input!$D$19=3,J5872*Input!$C$19,0)+IF(Input!$D$20=3,K5872*Input!$C$20,0)+IF(Input!$D$21=3,L5872*Input!$C$21,0)+IF(Input!$D$22=3,M5872*Input!$C$22,0)</f>
        <v>0</v>
      </c>
      <c r="Q5872" s="75">
        <f>IF(Input!$D$19=4,J5872*Input!$C$19,0)+IF(Input!$D$20=4,K5872*Input!$C$20,0)+IF(Input!$D$21=4,L5872*Input!$C$21,0)+IF(Input!$D$22=4,M5872*Input!$C$22,0)</f>
        <v>0</v>
      </c>
      <c r="R5872" s="58">
        <v>40.101748935264538</v>
      </c>
      <c r="S5872" s="124">
        <f t="shared" si="91"/>
        <v>0.75964302306917608</v>
      </c>
    </row>
    <row r="5873" spans="8:19" x14ac:dyDescent="0.3">
      <c r="H5873" s="44">
        <v>5866</v>
      </c>
      <c r="I5873" s="56">
        <f>Bühler!I5899</f>
        <v>0.17530223609288678</v>
      </c>
      <c r="J5873" s="59">
        <f>Bühler!J5899</f>
        <v>0.58434078697628933</v>
      </c>
      <c r="K5873" s="59">
        <f>Bühler!K5899</f>
        <v>0.8765111804644341</v>
      </c>
      <c r="L5873" s="59">
        <f>Bühler!L5899</f>
        <v>12.298193430450818</v>
      </c>
      <c r="M5873" s="58">
        <f>Bühler!M5899</f>
        <v>0</v>
      </c>
      <c r="N5873" s="56">
        <f>IF(Input!$D$19=1,J5873*Input!$C$19,0)+IF(Input!$D$20=1,K5873*Input!$C$20,0)+IF(Input!$D$21=1,L5873*Input!$C$21,0)+IF(Input!$D$22=1,M5873*Input!$C$22,0)</f>
        <v>0.17530223609288678</v>
      </c>
      <c r="O5873" s="59">
        <f>IF(Input!$D$19=2,J5873*Input!$C$19,0)+IF(Input!$D$20=2,K5873*Input!$C$20,0)+IF(Input!$D$21=2,L5873*Input!$C$21,0)+IF(Input!$D$22=2,M5873*Input!$C$22,0)</f>
        <v>0.43825559023221705</v>
      </c>
      <c r="P5873" s="59">
        <f>IF(Input!$D$19=3,J5873*Input!$C$19,0)+IF(Input!$D$20=3,K5873*Input!$C$20,0)+IF(Input!$D$21=3,L5873*Input!$C$21,0)+IF(Input!$D$22=3,M5873*Input!$C$22,0)</f>
        <v>0</v>
      </c>
      <c r="Q5873" s="75">
        <f>IF(Input!$D$19=4,J5873*Input!$C$19,0)+IF(Input!$D$20=4,K5873*Input!$C$20,0)+IF(Input!$D$21=4,L5873*Input!$C$21,0)+IF(Input!$D$22=4,M5873*Input!$C$22,0)</f>
        <v>0</v>
      </c>
      <c r="R5873" s="58">
        <v>40.318655633441516</v>
      </c>
      <c r="S5873" s="124">
        <f t="shared" si="91"/>
        <v>0.75964302306917608</v>
      </c>
    </row>
    <row r="5874" spans="8:19" x14ac:dyDescent="0.3">
      <c r="H5874" s="44">
        <v>5867</v>
      </c>
      <c r="I5874" s="56">
        <f>Bühler!I5900</f>
        <v>0.17530223609288678</v>
      </c>
      <c r="J5874" s="59">
        <f>Bühler!J5900</f>
        <v>0.58434078697628933</v>
      </c>
      <c r="K5874" s="59">
        <f>Bühler!K5900</f>
        <v>0.8765111804644341</v>
      </c>
      <c r="L5874" s="59">
        <f>Bühler!L5900</f>
        <v>12.298193430450818</v>
      </c>
      <c r="M5874" s="58">
        <f>Bühler!M5900</f>
        <v>0</v>
      </c>
      <c r="N5874" s="56">
        <f>IF(Input!$D$19=1,J5874*Input!$C$19,0)+IF(Input!$D$20=1,K5874*Input!$C$20,0)+IF(Input!$D$21=1,L5874*Input!$C$21,0)+IF(Input!$D$22=1,M5874*Input!$C$22,0)</f>
        <v>0.17530223609288678</v>
      </c>
      <c r="O5874" s="59">
        <f>IF(Input!$D$19=2,J5874*Input!$C$19,0)+IF(Input!$D$20=2,K5874*Input!$C$20,0)+IF(Input!$D$21=2,L5874*Input!$C$21,0)+IF(Input!$D$22=2,M5874*Input!$C$22,0)</f>
        <v>0.43825559023221705</v>
      </c>
      <c r="P5874" s="59">
        <f>IF(Input!$D$19=3,J5874*Input!$C$19,0)+IF(Input!$D$20=3,K5874*Input!$C$20,0)+IF(Input!$D$21=3,L5874*Input!$C$21,0)+IF(Input!$D$22=3,M5874*Input!$C$22,0)</f>
        <v>0</v>
      </c>
      <c r="Q5874" s="75">
        <f>IF(Input!$D$19=4,J5874*Input!$C$19,0)+IF(Input!$D$20=4,K5874*Input!$C$20,0)+IF(Input!$D$21=4,L5874*Input!$C$21,0)+IF(Input!$D$22=4,M5874*Input!$C$22,0)</f>
        <v>0</v>
      </c>
      <c r="R5874" s="58">
        <v>41.076959413577299</v>
      </c>
      <c r="S5874" s="124">
        <f t="shared" si="91"/>
        <v>0.75964302306917608</v>
      </c>
    </row>
    <row r="5875" spans="8:19" x14ac:dyDescent="0.3">
      <c r="H5875" s="44">
        <v>5868</v>
      </c>
      <c r="I5875" s="56">
        <f>Bühler!I5901</f>
        <v>0.17530223609288678</v>
      </c>
      <c r="J5875" s="59">
        <f>Bühler!J5901</f>
        <v>0.58434078697628933</v>
      </c>
      <c r="K5875" s="59">
        <f>Bühler!K5901</f>
        <v>0.8765111804644341</v>
      </c>
      <c r="L5875" s="59">
        <f>Bühler!L5901</f>
        <v>12.298193430450818</v>
      </c>
      <c r="M5875" s="58">
        <f>Bühler!M5901</f>
        <v>0</v>
      </c>
      <c r="N5875" s="56">
        <f>IF(Input!$D$19=1,J5875*Input!$C$19,0)+IF(Input!$D$20=1,K5875*Input!$C$20,0)+IF(Input!$D$21=1,L5875*Input!$C$21,0)+IF(Input!$D$22=1,M5875*Input!$C$22,0)</f>
        <v>0.17530223609288678</v>
      </c>
      <c r="O5875" s="59">
        <f>IF(Input!$D$19=2,J5875*Input!$C$19,0)+IF(Input!$D$20=2,K5875*Input!$C$20,0)+IF(Input!$D$21=2,L5875*Input!$C$21,0)+IF(Input!$D$22=2,M5875*Input!$C$22,0)</f>
        <v>0.43825559023221705</v>
      </c>
      <c r="P5875" s="59">
        <f>IF(Input!$D$19=3,J5875*Input!$C$19,0)+IF(Input!$D$20=3,K5875*Input!$C$20,0)+IF(Input!$D$21=3,L5875*Input!$C$21,0)+IF(Input!$D$22=3,M5875*Input!$C$22,0)</f>
        <v>0</v>
      </c>
      <c r="Q5875" s="75">
        <f>IF(Input!$D$19=4,J5875*Input!$C$19,0)+IF(Input!$D$20=4,K5875*Input!$C$20,0)+IF(Input!$D$21=4,L5875*Input!$C$21,0)+IF(Input!$D$22=4,M5875*Input!$C$22,0)</f>
        <v>0</v>
      </c>
      <c r="R5875" s="58">
        <v>41.585996175994083</v>
      </c>
      <c r="S5875" s="124">
        <f t="shared" si="91"/>
        <v>0.75964302306917608</v>
      </c>
    </row>
    <row r="5876" spans="8:19" x14ac:dyDescent="0.3">
      <c r="H5876" s="44">
        <v>5869</v>
      </c>
      <c r="I5876" s="56">
        <f>Bühler!I5902</f>
        <v>0.17530223609288678</v>
      </c>
      <c r="J5876" s="59">
        <f>Bühler!J5902</f>
        <v>0.58434078697628933</v>
      </c>
      <c r="K5876" s="59">
        <f>Bühler!K5902</f>
        <v>0.8765111804644341</v>
      </c>
      <c r="L5876" s="59">
        <f>Bühler!L5902</f>
        <v>12.298193430450818</v>
      </c>
      <c r="M5876" s="58">
        <f>Bühler!M5902</f>
        <v>0</v>
      </c>
      <c r="N5876" s="56">
        <f>IF(Input!$D$19=1,J5876*Input!$C$19,0)+IF(Input!$D$20=1,K5876*Input!$C$20,0)+IF(Input!$D$21=1,L5876*Input!$C$21,0)+IF(Input!$D$22=1,M5876*Input!$C$22,0)</f>
        <v>0.17530223609288678</v>
      </c>
      <c r="O5876" s="59">
        <f>IF(Input!$D$19=2,J5876*Input!$C$19,0)+IF(Input!$D$20=2,K5876*Input!$C$20,0)+IF(Input!$D$21=2,L5876*Input!$C$21,0)+IF(Input!$D$22=2,M5876*Input!$C$22,0)</f>
        <v>0.43825559023221705</v>
      </c>
      <c r="P5876" s="59">
        <f>IF(Input!$D$19=3,J5876*Input!$C$19,0)+IF(Input!$D$20=3,K5876*Input!$C$20,0)+IF(Input!$D$21=3,L5876*Input!$C$21,0)+IF(Input!$D$22=3,M5876*Input!$C$22,0)</f>
        <v>0</v>
      </c>
      <c r="Q5876" s="75">
        <f>IF(Input!$D$19=4,J5876*Input!$C$19,0)+IF(Input!$D$20=4,K5876*Input!$C$20,0)+IF(Input!$D$21=4,L5876*Input!$C$21,0)+IF(Input!$D$22=4,M5876*Input!$C$22,0)</f>
        <v>0</v>
      </c>
      <c r="R5876" s="58">
        <v>41.54328621472434</v>
      </c>
      <c r="S5876" s="124">
        <f t="shared" si="91"/>
        <v>0.75964302306917608</v>
      </c>
    </row>
    <row r="5877" spans="8:19" x14ac:dyDescent="0.3">
      <c r="H5877" s="44">
        <v>5870</v>
      </c>
      <c r="I5877" s="56">
        <f>Bühler!I5903</f>
        <v>0.17530223609288678</v>
      </c>
      <c r="J5877" s="59">
        <f>Bühler!J5903</f>
        <v>0.58434078697628933</v>
      </c>
      <c r="K5877" s="59">
        <f>Bühler!K5903</f>
        <v>0.8765111804644341</v>
      </c>
      <c r="L5877" s="59">
        <f>Bühler!L5903</f>
        <v>12.298193430450818</v>
      </c>
      <c r="M5877" s="58">
        <f>Bühler!M5903</f>
        <v>0</v>
      </c>
      <c r="N5877" s="56">
        <f>IF(Input!$D$19=1,J5877*Input!$C$19,0)+IF(Input!$D$20=1,K5877*Input!$C$20,0)+IF(Input!$D$21=1,L5877*Input!$C$21,0)+IF(Input!$D$22=1,M5877*Input!$C$22,0)</f>
        <v>0.17530223609288678</v>
      </c>
      <c r="O5877" s="59">
        <f>IF(Input!$D$19=2,J5877*Input!$C$19,0)+IF(Input!$D$20=2,K5877*Input!$C$20,0)+IF(Input!$D$21=2,L5877*Input!$C$21,0)+IF(Input!$D$22=2,M5877*Input!$C$22,0)</f>
        <v>0.43825559023221705</v>
      </c>
      <c r="P5877" s="59">
        <f>IF(Input!$D$19=3,J5877*Input!$C$19,0)+IF(Input!$D$20=3,K5877*Input!$C$20,0)+IF(Input!$D$21=3,L5877*Input!$C$21,0)+IF(Input!$D$22=3,M5877*Input!$C$22,0)</f>
        <v>0</v>
      </c>
      <c r="Q5877" s="75">
        <f>IF(Input!$D$19=4,J5877*Input!$C$19,0)+IF(Input!$D$20=4,K5877*Input!$C$20,0)+IF(Input!$D$21=4,L5877*Input!$C$21,0)+IF(Input!$D$22=4,M5877*Input!$C$22,0)</f>
        <v>0</v>
      </c>
      <c r="R5877" s="58">
        <v>41.681683441002654</v>
      </c>
      <c r="S5877" s="124">
        <f t="shared" si="91"/>
        <v>0.75964302306917608</v>
      </c>
    </row>
    <row r="5878" spans="8:19" x14ac:dyDescent="0.3">
      <c r="H5878" s="44">
        <v>5871</v>
      </c>
      <c r="I5878" s="56">
        <f>Bühler!I5904</f>
        <v>0.17530223609288678</v>
      </c>
      <c r="J5878" s="59">
        <f>Bühler!J5904</f>
        <v>0.58434078697628933</v>
      </c>
      <c r="K5878" s="59">
        <f>Bühler!K5904</f>
        <v>0.8765111804644341</v>
      </c>
      <c r="L5878" s="59">
        <f>Bühler!L5904</f>
        <v>12.298193430450818</v>
      </c>
      <c r="M5878" s="58">
        <f>Bühler!M5904</f>
        <v>0</v>
      </c>
      <c r="N5878" s="56">
        <f>IF(Input!$D$19=1,J5878*Input!$C$19,0)+IF(Input!$D$20=1,K5878*Input!$C$20,0)+IF(Input!$D$21=1,L5878*Input!$C$21,0)+IF(Input!$D$22=1,M5878*Input!$C$22,0)</f>
        <v>0.17530223609288678</v>
      </c>
      <c r="O5878" s="59">
        <f>IF(Input!$D$19=2,J5878*Input!$C$19,0)+IF(Input!$D$20=2,K5878*Input!$C$20,0)+IF(Input!$D$21=2,L5878*Input!$C$21,0)+IF(Input!$D$22=2,M5878*Input!$C$22,0)</f>
        <v>0.43825559023221705</v>
      </c>
      <c r="P5878" s="59">
        <f>IF(Input!$D$19=3,J5878*Input!$C$19,0)+IF(Input!$D$20=3,K5878*Input!$C$20,0)+IF(Input!$D$21=3,L5878*Input!$C$21,0)+IF(Input!$D$22=3,M5878*Input!$C$22,0)</f>
        <v>0</v>
      </c>
      <c r="Q5878" s="75">
        <f>IF(Input!$D$19=4,J5878*Input!$C$19,0)+IF(Input!$D$20=4,K5878*Input!$C$20,0)+IF(Input!$D$21=4,L5878*Input!$C$21,0)+IF(Input!$D$22=4,M5878*Input!$C$22,0)</f>
        <v>0</v>
      </c>
      <c r="R5878" s="58">
        <v>41.658606344458583</v>
      </c>
      <c r="S5878" s="124">
        <f t="shared" si="91"/>
        <v>0.75964302306917608</v>
      </c>
    </row>
    <row r="5879" spans="8:19" x14ac:dyDescent="0.3">
      <c r="H5879" s="44">
        <v>5872</v>
      </c>
      <c r="I5879" s="56">
        <f>Bühler!I5905</f>
        <v>0.15582420986034382</v>
      </c>
      <c r="J5879" s="59">
        <f>Bühler!J5905</f>
        <v>0.51941403286781285</v>
      </c>
      <c r="K5879" s="59">
        <f>Bühler!K5905</f>
        <v>0.77912104930171922</v>
      </c>
      <c r="L5879" s="59">
        <f>Bühler!L5905</f>
        <v>10.931727493734062</v>
      </c>
      <c r="M5879" s="58">
        <f>Bühler!M5905</f>
        <v>0</v>
      </c>
      <c r="N5879" s="56">
        <f>IF(Input!$D$19=1,J5879*Input!$C$19,0)+IF(Input!$D$20=1,K5879*Input!$C$20,0)+IF(Input!$D$21=1,L5879*Input!$C$21,0)+IF(Input!$D$22=1,M5879*Input!$C$22,0)</f>
        <v>0.15582420986034384</v>
      </c>
      <c r="O5879" s="59">
        <f>IF(Input!$D$19=2,J5879*Input!$C$19,0)+IF(Input!$D$20=2,K5879*Input!$C$20,0)+IF(Input!$D$21=2,L5879*Input!$C$21,0)+IF(Input!$D$22=2,M5879*Input!$C$22,0)</f>
        <v>0.38956052465085961</v>
      </c>
      <c r="P5879" s="59">
        <f>IF(Input!$D$19=3,J5879*Input!$C$19,0)+IF(Input!$D$20=3,K5879*Input!$C$20,0)+IF(Input!$D$21=3,L5879*Input!$C$21,0)+IF(Input!$D$22=3,M5879*Input!$C$22,0)</f>
        <v>0</v>
      </c>
      <c r="Q5879" s="75">
        <f>IF(Input!$D$19=4,J5879*Input!$C$19,0)+IF(Input!$D$20=4,K5879*Input!$C$20,0)+IF(Input!$D$21=4,L5879*Input!$C$21,0)+IF(Input!$D$22=4,M5879*Input!$C$22,0)</f>
        <v>0</v>
      </c>
      <c r="R5879" s="58">
        <v>41.672213514800994</v>
      </c>
      <c r="S5879" s="124">
        <f t="shared" si="91"/>
        <v>0.67523824272815669</v>
      </c>
    </row>
    <row r="5880" spans="8:19" x14ac:dyDescent="0.3">
      <c r="H5880" s="44">
        <v>5873</v>
      </c>
      <c r="I5880" s="56">
        <f>Bühler!I5906</f>
        <v>0.15304163468426626</v>
      </c>
      <c r="J5880" s="59">
        <f>Bühler!J5906</f>
        <v>0.5101387822808876</v>
      </c>
      <c r="K5880" s="59">
        <f>Bühler!K5906</f>
        <v>0.76520817342133129</v>
      </c>
      <c r="L5880" s="59">
        <f>Bühler!L5906</f>
        <v>10.736518074203094</v>
      </c>
      <c r="M5880" s="58">
        <f>Bühler!M5906</f>
        <v>0</v>
      </c>
      <c r="N5880" s="56">
        <f>IF(Input!$D$19=1,J5880*Input!$C$19,0)+IF(Input!$D$20=1,K5880*Input!$C$20,0)+IF(Input!$D$21=1,L5880*Input!$C$21,0)+IF(Input!$D$22=1,M5880*Input!$C$22,0)</f>
        <v>0.15304163468426626</v>
      </c>
      <c r="O5880" s="59">
        <f>IF(Input!$D$19=2,J5880*Input!$C$19,0)+IF(Input!$D$20=2,K5880*Input!$C$20,0)+IF(Input!$D$21=2,L5880*Input!$C$21,0)+IF(Input!$D$22=2,M5880*Input!$C$22,0)</f>
        <v>0.38260408671066565</v>
      </c>
      <c r="P5880" s="59">
        <f>IF(Input!$D$19=3,J5880*Input!$C$19,0)+IF(Input!$D$20=3,K5880*Input!$C$20,0)+IF(Input!$D$21=3,L5880*Input!$C$21,0)+IF(Input!$D$22=3,M5880*Input!$C$22,0)</f>
        <v>0</v>
      </c>
      <c r="Q5880" s="75">
        <f>IF(Input!$D$19=4,J5880*Input!$C$19,0)+IF(Input!$D$20=4,K5880*Input!$C$20,0)+IF(Input!$D$21=4,L5880*Input!$C$21,0)+IF(Input!$D$22=4,M5880*Input!$C$22,0)</f>
        <v>0</v>
      </c>
      <c r="R5880" s="58">
        <v>41.922741480336221</v>
      </c>
      <c r="S5880" s="124">
        <f t="shared" si="91"/>
        <v>0.66318041696515384</v>
      </c>
    </row>
    <row r="5881" spans="8:19" x14ac:dyDescent="0.3">
      <c r="H5881" s="44">
        <v>5874</v>
      </c>
      <c r="I5881" s="56">
        <f>Bühler!I5907</f>
        <v>0.13078103327564572</v>
      </c>
      <c r="J5881" s="59">
        <f>Bühler!J5907</f>
        <v>0.43593677758548577</v>
      </c>
      <c r="K5881" s="59">
        <f>Bühler!K5907</f>
        <v>0.6539051663782286</v>
      </c>
      <c r="L5881" s="59">
        <f>Bühler!L5907</f>
        <v>9.1748427179553715</v>
      </c>
      <c r="M5881" s="58">
        <f>Bühler!M5907</f>
        <v>0</v>
      </c>
      <c r="N5881" s="56">
        <f>IF(Input!$D$19=1,J5881*Input!$C$19,0)+IF(Input!$D$20=1,K5881*Input!$C$20,0)+IF(Input!$D$21=1,L5881*Input!$C$21,0)+IF(Input!$D$22=1,M5881*Input!$C$22,0)</f>
        <v>0.13078103327564572</v>
      </c>
      <c r="O5881" s="59">
        <f>IF(Input!$D$19=2,J5881*Input!$C$19,0)+IF(Input!$D$20=2,K5881*Input!$C$20,0)+IF(Input!$D$21=2,L5881*Input!$C$21,0)+IF(Input!$D$22=2,M5881*Input!$C$22,0)</f>
        <v>0.3269525831891143</v>
      </c>
      <c r="P5881" s="59">
        <f>IF(Input!$D$19=3,J5881*Input!$C$19,0)+IF(Input!$D$20=3,K5881*Input!$C$20,0)+IF(Input!$D$21=3,L5881*Input!$C$21,0)+IF(Input!$D$22=3,M5881*Input!$C$22,0)</f>
        <v>0</v>
      </c>
      <c r="Q5881" s="75">
        <f>IF(Input!$D$19=4,J5881*Input!$C$19,0)+IF(Input!$D$20=4,K5881*Input!$C$20,0)+IF(Input!$D$21=4,L5881*Input!$C$21,0)+IF(Input!$D$22=4,M5881*Input!$C$22,0)</f>
        <v>0</v>
      </c>
      <c r="R5881" s="58">
        <v>41.403926091043019</v>
      </c>
      <c r="S5881" s="124">
        <f t="shared" si="91"/>
        <v>0.56671781086113149</v>
      </c>
    </row>
    <row r="5882" spans="8:19" x14ac:dyDescent="0.3">
      <c r="H5882" s="44">
        <v>5875</v>
      </c>
      <c r="I5882" s="56">
        <f>Bühler!I5908</f>
        <v>0.122433307747413</v>
      </c>
      <c r="J5882" s="59">
        <f>Bühler!J5908</f>
        <v>0.40811102582471004</v>
      </c>
      <c r="K5882" s="59">
        <f>Bühler!K5908</f>
        <v>0.61216653873706506</v>
      </c>
      <c r="L5882" s="59">
        <f>Bühler!L5908</f>
        <v>8.5892144593624753</v>
      </c>
      <c r="M5882" s="58">
        <f>Bühler!M5908</f>
        <v>0</v>
      </c>
      <c r="N5882" s="56">
        <f>IF(Input!$D$19=1,J5882*Input!$C$19,0)+IF(Input!$D$20=1,K5882*Input!$C$20,0)+IF(Input!$D$21=1,L5882*Input!$C$21,0)+IF(Input!$D$22=1,M5882*Input!$C$22,0)</f>
        <v>0.12243330774741301</v>
      </c>
      <c r="O5882" s="59">
        <f>IF(Input!$D$19=2,J5882*Input!$C$19,0)+IF(Input!$D$20=2,K5882*Input!$C$20,0)+IF(Input!$D$21=2,L5882*Input!$C$21,0)+IF(Input!$D$22=2,M5882*Input!$C$22,0)</f>
        <v>0.30608326936853253</v>
      </c>
      <c r="P5882" s="59">
        <f>IF(Input!$D$19=3,J5882*Input!$C$19,0)+IF(Input!$D$20=3,K5882*Input!$C$20,0)+IF(Input!$D$21=3,L5882*Input!$C$21,0)+IF(Input!$D$22=3,M5882*Input!$C$22,0)</f>
        <v>0</v>
      </c>
      <c r="Q5882" s="75">
        <f>IF(Input!$D$19=4,J5882*Input!$C$19,0)+IF(Input!$D$20=4,K5882*Input!$C$20,0)+IF(Input!$D$21=4,L5882*Input!$C$21,0)+IF(Input!$D$22=4,M5882*Input!$C$22,0)</f>
        <v>0</v>
      </c>
      <c r="R5882" s="58">
        <v>41.179951247744945</v>
      </c>
      <c r="S5882" s="124">
        <f t="shared" si="91"/>
        <v>0.53054433357212305</v>
      </c>
    </row>
    <row r="5883" spans="8:19" x14ac:dyDescent="0.3">
      <c r="H5883" s="44">
        <v>5876</v>
      </c>
      <c r="I5883" s="56">
        <f>Bühler!I5909</f>
        <v>0.10295528151487003</v>
      </c>
      <c r="J5883" s="59">
        <f>Bühler!J5909</f>
        <v>0.3431842717162335</v>
      </c>
      <c r="K5883" s="59">
        <f>Bühler!K5909</f>
        <v>0.51477640757435017</v>
      </c>
      <c r="L5883" s="59">
        <f>Bühler!L5909</f>
        <v>7.2227485226457189</v>
      </c>
      <c r="M5883" s="58">
        <f>Bühler!M5909</f>
        <v>0</v>
      </c>
      <c r="N5883" s="56">
        <f>IF(Input!$D$19=1,J5883*Input!$C$19,0)+IF(Input!$D$20=1,K5883*Input!$C$20,0)+IF(Input!$D$21=1,L5883*Input!$C$21,0)+IF(Input!$D$22=1,M5883*Input!$C$22,0)</f>
        <v>0.10295528151487005</v>
      </c>
      <c r="O5883" s="59">
        <f>IF(Input!$D$19=2,J5883*Input!$C$19,0)+IF(Input!$D$20=2,K5883*Input!$C$20,0)+IF(Input!$D$21=2,L5883*Input!$C$21,0)+IF(Input!$D$22=2,M5883*Input!$C$22,0)</f>
        <v>0.25738820378717508</v>
      </c>
      <c r="P5883" s="59">
        <f>IF(Input!$D$19=3,J5883*Input!$C$19,0)+IF(Input!$D$20=3,K5883*Input!$C$20,0)+IF(Input!$D$21=3,L5883*Input!$C$21,0)+IF(Input!$D$22=3,M5883*Input!$C$22,0)</f>
        <v>0</v>
      </c>
      <c r="Q5883" s="75">
        <f>IF(Input!$D$19=4,J5883*Input!$C$19,0)+IF(Input!$D$20=4,K5883*Input!$C$20,0)+IF(Input!$D$21=4,L5883*Input!$C$21,0)+IF(Input!$D$22=4,M5883*Input!$C$22,0)</f>
        <v>0</v>
      </c>
      <c r="R5883" s="58">
        <v>41.345931494203811</v>
      </c>
      <c r="S5883" s="124">
        <f t="shared" si="91"/>
        <v>0.44613955323110355</v>
      </c>
    </row>
    <row r="5884" spans="8:19" x14ac:dyDescent="0.3">
      <c r="H5884" s="44">
        <v>5877</v>
      </c>
      <c r="I5884" s="56">
        <f>Bühler!I5910</f>
        <v>8.6259830458404615E-2</v>
      </c>
      <c r="J5884" s="59">
        <f>Bühler!J5910</f>
        <v>0.28753276819468204</v>
      </c>
      <c r="K5884" s="59">
        <f>Bühler!K5910</f>
        <v>0.43129915229202309</v>
      </c>
      <c r="L5884" s="59">
        <f>Bühler!L5910</f>
        <v>6.0514920054599264</v>
      </c>
      <c r="M5884" s="58">
        <f>Bühler!M5910</f>
        <v>0</v>
      </c>
      <c r="N5884" s="56">
        <f>IF(Input!$D$19=1,J5884*Input!$C$19,0)+IF(Input!$D$20=1,K5884*Input!$C$20,0)+IF(Input!$D$21=1,L5884*Input!$C$21,0)+IF(Input!$D$22=1,M5884*Input!$C$22,0)</f>
        <v>8.6259830458404615E-2</v>
      </c>
      <c r="O5884" s="59">
        <f>IF(Input!$D$19=2,J5884*Input!$C$19,0)+IF(Input!$D$20=2,K5884*Input!$C$20,0)+IF(Input!$D$21=2,L5884*Input!$C$21,0)+IF(Input!$D$22=2,M5884*Input!$C$22,0)</f>
        <v>0.21564957614601155</v>
      </c>
      <c r="P5884" s="59">
        <f>IF(Input!$D$19=3,J5884*Input!$C$19,0)+IF(Input!$D$20=3,K5884*Input!$C$20,0)+IF(Input!$D$21=3,L5884*Input!$C$21,0)+IF(Input!$D$22=3,M5884*Input!$C$22,0)</f>
        <v>0</v>
      </c>
      <c r="Q5884" s="75">
        <f>IF(Input!$D$19=4,J5884*Input!$C$19,0)+IF(Input!$D$20=4,K5884*Input!$C$20,0)+IF(Input!$D$21=4,L5884*Input!$C$21,0)+IF(Input!$D$22=4,M5884*Input!$C$22,0)</f>
        <v>0</v>
      </c>
      <c r="R5884" s="58">
        <v>41.353559611639817</v>
      </c>
      <c r="S5884" s="124">
        <f t="shared" si="91"/>
        <v>0.37379259865308667</v>
      </c>
    </row>
    <row r="5885" spans="8:19" x14ac:dyDescent="0.3">
      <c r="H5885" s="44">
        <v>5878</v>
      </c>
      <c r="I5885" s="56">
        <f>Bühler!I5911</f>
        <v>7.5129529754094357E-2</v>
      </c>
      <c r="J5885" s="59">
        <f>Bühler!J5911</f>
        <v>0.25043176584698118</v>
      </c>
      <c r="K5885" s="59">
        <f>Bühler!K5911</f>
        <v>0.3756476487704718</v>
      </c>
      <c r="L5885" s="59">
        <f>Bühler!L5911</f>
        <v>5.2706543273360653</v>
      </c>
      <c r="M5885" s="58">
        <f>Bühler!M5911</f>
        <v>0</v>
      </c>
      <c r="N5885" s="56">
        <f>IF(Input!$D$19=1,J5885*Input!$C$19,0)+IF(Input!$D$20=1,K5885*Input!$C$20,0)+IF(Input!$D$21=1,L5885*Input!$C$21,0)+IF(Input!$D$22=1,M5885*Input!$C$22,0)</f>
        <v>7.5129529754094357E-2</v>
      </c>
      <c r="O5885" s="59">
        <f>IF(Input!$D$19=2,J5885*Input!$C$19,0)+IF(Input!$D$20=2,K5885*Input!$C$20,0)+IF(Input!$D$21=2,L5885*Input!$C$21,0)+IF(Input!$D$22=2,M5885*Input!$C$22,0)</f>
        <v>0.1878238243852359</v>
      </c>
      <c r="P5885" s="59">
        <f>IF(Input!$D$19=3,J5885*Input!$C$19,0)+IF(Input!$D$20=3,K5885*Input!$C$20,0)+IF(Input!$D$21=3,L5885*Input!$C$21,0)+IF(Input!$D$22=3,M5885*Input!$C$22,0)</f>
        <v>0</v>
      </c>
      <c r="Q5885" s="75">
        <f>IF(Input!$D$19=4,J5885*Input!$C$19,0)+IF(Input!$D$20=4,K5885*Input!$C$20,0)+IF(Input!$D$21=4,L5885*Input!$C$21,0)+IF(Input!$D$22=4,M5885*Input!$C$22,0)</f>
        <v>0</v>
      </c>
      <c r="R5885" s="58">
        <v>42.015642260341835</v>
      </c>
      <c r="S5885" s="124">
        <f t="shared" si="91"/>
        <v>0.32556129560107555</v>
      </c>
    </row>
    <row r="5886" spans="8:19" x14ac:dyDescent="0.3">
      <c r="H5886" s="44">
        <v>5879</v>
      </c>
      <c r="I5886" s="56">
        <f>Bühler!I5912</f>
        <v>7.5129529754094357E-2</v>
      </c>
      <c r="J5886" s="59">
        <f>Bühler!J5912</f>
        <v>0.25043176584698118</v>
      </c>
      <c r="K5886" s="59">
        <f>Bühler!K5912</f>
        <v>0.3756476487704718</v>
      </c>
      <c r="L5886" s="59">
        <f>Bühler!L5912</f>
        <v>5.2706543273360653</v>
      </c>
      <c r="M5886" s="58">
        <f>Bühler!M5912</f>
        <v>0</v>
      </c>
      <c r="N5886" s="56">
        <f>IF(Input!$D$19=1,J5886*Input!$C$19,0)+IF(Input!$D$20=1,K5886*Input!$C$20,0)+IF(Input!$D$21=1,L5886*Input!$C$21,0)+IF(Input!$D$22=1,M5886*Input!$C$22,0)</f>
        <v>7.5129529754094357E-2</v>
      </c>
      <c r="O5886" s="59">
        <f>IF(Input!$D$19=2,J5886*Input!$C$19,0)+IF(Input!$D$20=2,K5886*Input!$C$20,0)+IF(Input!$D$21=2,L5886*Input!$C$21,0)+IF(Input!$D$22=2,M5886*Input!$C$22,0)</f>
        <v>0.1878238243852359</v>
      </c>
      <c r="P5886" s="59">
        <f>IF(Input!$D$19=3,J5886*Input!$C$19,0)+IF(Input!$D$20=3,K5886*Input!$C$20,0)+IF(Input!$D$21=3,L5886*Input!$C$21,0)+IF(Input!$D$22=3,M5886*Input!$C$22,0)</f>
        <v>0</v>
      </c>
      <c r="Q5886" s="75">
        <f>IF(Input!$D$19=4,J5886*Input!$C$19,0)+IF(Input!$D$20=4,K5886*Input!$C$20,0)+IF(Input!$D$21=4,L5886*Input!$C$21,0)+IF(Input!$D$22=4,M5886*Input!$C$22,0)</f>
        <v>0</v>
      </c>
      <c r="R5886" s="58">
        <v>42.64134489051284</v>
      </c>
      <c r="S5886" s="124">
        <f t="shared" si="91"/>
        <v>0.32556129560107555</v>
      </c>
    </row>
    <row r="5887" spans="8:19" x14ac:dyDescent="0.3">
      <c r="H5887" s="44">
        <v>5880</v>
      </c>
      <c r="I5887" s="56">
        <f>Bühler!I5913</f>
        <v>7.5129529754094357E-2</v>
      </c>
      <c r="J5887" s="59">
        <f>Bühler!J5913</f>
        <v>0.25043176584698118</v>
      </c>
      <c r="K5887" s="59">
        <f>Bühler!K5913</f>
        <v>0.3756476487704718</v>
      </c>
      <c r="L5887" s="59">
        <f>Bühler!L5913</f>
        <v>5.2706543273360653</v>
      </c>
      <c r="M5887" s="58">
        <f>Bühler!M5913</f>
        <v>0</v>
      </c>
      <c r="N5887" s="56">
        <f>IF(Input!$D$19=1,J5887*Input!$C$19,0)+IF(Input!$D$20=1,K5887*Input!$C$20,0)+IF(Input!$D$21=1,L5887*Input!$C$21,0)+IF(Input!$D$22=1,M5887*Input!$C$22,0)</f>
        <v>7.5129529754094357E-2</v>
      </c>
      <c r="O5887" s="59">
        <f>IF(Input!$D$19=2,J5887*Input!$C$19,0)+IF(Input!$D$20=2,K5887*Input!$C$20,0)+IF(Input!$D$21=2,L5887*Input!$C$21,0)+IF(Input!$D$22=2,M5887*Input!$C$22,0)</f>
        <v>0.1878238243852359</v>
      </c>
      <c r="P5887" s="59">
        <f>IF(Input!$D$19=3,J5887*Input!$C$19,0)+IF(Input!$D$20=3,K5887*Input!$C$20,0)+IF(Input!$D$21=3,L5887*Input!$C$21,0)+IF(Input!$D$22=3,M5887*Input!$C$22,0)</f>
        <v>0</v>
      </c>
      <c r="Q5887" s="75">
        <f>IF(Input!$D$19=4,J5887*Input!$C$19,0)+IF(Input!$D$20=4,K5887*Input!$C$20,0)+IF(Input!$D$21=4,L5887*Input!$C$21,0)+IF(Input!$D$22=4,M5887*Input!$C$22,0)</f>
        <v>0</v>
      </c>
      <c r="R5887" s="58">
        <v>43.056075842563999</v>
      </c>
      <c r="S5887" s="124">
        <f t="shared" si="91"/>
        <v>0.32556129560107555</v>
      </c>
    </row>
    <row r="5888" spans="8:19" x14ac:dyDescent="0.3">
      <c r="H5888" s="44">
        <v>5881</v>
      </c>
      <c r="I5888" s="56">
        <f>Bühler!I5914</f>
        <v>7.2667759454713793E-2</v>
      </c>
      <c r="J5888" s="59">
        <f>Bühler!J5914</f>
        <v>0.24222586484904599</v>
      </c>
      <c r="K5888" s="59">
        <f>Bühler!K5914</f>
        <v>0.36333879727356894</v>
      </c>
      <c r="L5888" s="59">
        <f>Bühler!L5914</f>
        <v>1.744026226913131</v>
      </c>
      <c r="M5888" s="58">
        <f>Bühler!M5914</f>
        <v>0</v>
      </c>
      <c r="N5888" s="56">
        <f>IF(Input!$D$19=1,J5888*Input!$C$19,0)+IF(Input!$D$20=1,K5888*Input!$C$20,0)+IF(Input!$D$21=1,L5888*Input!$C$21,0)+IF(Input!$D$22=1,M5888*Input!$C$22,0)</f>
        <v>7.2667759454713793E-2</v>
      </c>
      <c r="O5888" s="59">
        <f>IF(Input!$D$19=2,J5888*Input!$C$19,0)+IF(Input!$D$20=2,K5888*Input!$C$20,0)+IF(Input!$D$21=2,L5888*Input!$C$21,0)+IF(Input!$D$22=2,M5888*Input!$C$22,0)</f>
        <v>0.18166939863678447</v>
      </c>
      <c r="P5888" s="59">
        <f>IF(Input!$D$19=3,J5888*Input!$C$19,0)+IF(Input!$D$20=3,K5888*Input!$C$20,0)+IF(Input!$D$21=3,L5888*Input!$C$21,0)+IF(Input!$D$22=3,M5888*Input!$C$22,0)</f>
        <v>0</v>
      </c>
      <c r="Q5888" s="75">
        <f>IF(Input!$D$19=4,J5888*Input!$C$19,0)+IF(Input!$D$20=4,K5888*Input!$C$20,0)+IF(Input!$D$21=4,L5888*Input!$C$21,0)+IF(Input!$D$22=4,M5888*Input!$C$22,0)</f>
        <v>0</v>
      </c>
      <c r="R5888" s="58">
        <v>42.990533015057196</v>
      </c>
      <c r="S5888" s="124">
        <f t="shared" si="91"/>
        <v>0.31489362430375978</v>
      </c>
    </row>
    <row r="5889" spans="8:19" x14ac:dyDescent="0.3">
      <c r="H5889" s="44">
        <v>5882</v>
      </c>
      <c r="I5889" s="56">
        <f>Bühler!I5915</f>
        <v>7.2667759454713793E-2</v>
      </c>
      <c r="J5889" s="59">
        <f>Bühler!J5915</f>
        <v>0.24222586484904599</v>
      </c>
      <c r="K5889" s="59">
        <f>Bühler!K5915</f>
        <v>0.36333879727356894</v>
      </c>
      <c r="L5889" s="59">
        <f>Bühler!L5915</f>
        <v>1.744026226913131</v>
      </c>
      <c r="M5889" s="58">
        <f>Bühler!M5915</f>
        <v>0</v>
      </c>
      <c r="N5889" s="56">
        <f>IF(Input!$D$19=1,J5889*Input!$C$19,0)+IF(Input!$D$20=1,K5889*Input!$C$20,0)+IF(Input!$D$21=1,L5889*Input!$C$21,0)+IF(Input!$D$22=1,M5889*Input!$C$22,0)</f>
        <v>7.2667759454713793E-2</v>
      </c>
      <c r="O5889" s="59">
        <f>IF(Input!$D$19=2,J5889*Input!$C$19,0)+IF(Input!$D$20=2,K5889*Input!$C$20,0)+IF(Input!$D$21=2,L5889*Input!$C$21,0)+IF(Input!$D$22=2,M5889*Input!$C$22,0)</f>
        <v>0.18166939863678447</v>
      </c>
      <c r="P5889" s="59">
        <f>IF(Input!$D$19=3,J5889*Input!$C$19,0)+IF(Input!$D$20=3,K5889*Input!$C$20,0)+IF(Input!$D$21=3,L5889*Input!$C$21,0)+IF(Input!$D$22=3,M5889*Input!$C$22,0)</f>
        <v>0</v>
      </c>
      <c r="Q5889" s="75">
        <f>IF(Input!$D$19=4,J5889*Input!$C$19,0)+IF(Input!$D$20=4,K5889*Input!$C$20,0)+IF(Input!$D$21=4,L5889*Input!$C$21,0)+IF(Input!$D$22=4,M5889*Input!$C$22,0)</f>
        <v>0</v>
      </c>
      <c r="R5889" s="58">
        <v>43.383937475432766</v>
      </c>
      <c r="S5889" s="124">
        <f t="shared" si="91"/>
        <v>0.31489362430375978</v>
      </c>
    </row>
    <row r="5890" spans="8:19" x14ac:dyDescent="0.3">
      <c r="H5890" s="44">
        <v>5883</v>
      </c>
      <c r="I5890" s="56">
        <f>Bühler!I5916</f>
        <v>7.2667759454713793E-2</v>
      </c>
      <c r="J5890" s="59">
        <f>Bühler!J5916</f>
        <v>0.24222586484904599</v>
      </c>
      <c r="K5890" s="59">
        <f>Bühler!K5916</f>
        <v>0.36333879727356894</v>
      </c>
      <c r="L5890" s="59">
        <f>Bühler!L5916</f>
        <v>1.744026226913131</v>
      </c>
      <c r="M5890" s="58">
        <f>Bühler!M5916</f>
        <v>0</v>
      </c>
      <c r="N5890" s="56">
        <f>IF(Input!$D$19=1,J5890*Input!$C$19,0)+IF(Input!$D$20=1,K5890*Input!$C$20,0)+IF(Input!$D$21=1,L5890*Input!$C$21,0)+IF(Input!$D$22=1,M5890*Input!$C$22,0)</f>
        <v>7.2667759454713793E-2</v>
      </c>
      <c r="O5890" s="59">
        <f>IF(Input!$D$19=2,J5890*Input!$C$19,0)+IF(Input!$D$20=2,K5890*Input!$C$20,0)+IF(Input!$D$21=2,L5890*Input!$C$21,0)+IF(Input!$D$22=2,M5890*Input!$C$22,0)</f>
        <v>0.18166939863678447</v>
      </c>
      <c r="P5890" s="59">
        <f>IF(Input!$D$19=3,J5890*Input!$C$19,0)+IF(Input!$D$20=3,K5890*Input!$C$20,0)+IF(Input!$D$21=3,L5890*Input!$C$21,0)+IF(Input!$D$22=3,M5890*Input!$C$22,0)</f>
        <v>0</v>
      </c>
      <c r="Q5890" s="75">
        <f>IF(Input!$D$19=4,J5890*Input!$C$19,0)+IF(Input!$D$20=4,K5890*Input!$C$20,0)+IF(Input!$D$21=4,L5890*Input!$C$21,0)+IF(Input!$D$22=4,M5890*Input!$C$22,0)</f>
        <v>0</v>
      </c>
      <c r="R5890" s="58">
        <v>44.195828134774111</v>
      </c>
      <c r="S5890" s="124">
        <f t="shared" si="91"/>
        <v>0.31489362430375978</v>
      </c>
    </row>
    <row r="5891" spans="8:19" x14ac:dyDescent="0.3">
      <c r="H5891" s="44">
        <v>5884</v>
      </c>
      <c r="I5891" s="56">
        <f>Bühler!I5917</f>
        <v>7.2667759454713793E-2</v>
      </c>
      <c r="J5891" s="59">
        <f>Bühler!J5917</f>
        <v>0.24222586484904599</v>
      </c>
      <c r="K5891" s="59">
        <f>Bühler!K5917</f>
        <v>0.36333879727356894</v>
      </c>
      <c r="L5891" s="59">
        <f>Bühler!L5917</f>
        <v>1.744026226913131</v>
      </c>
      <c r="M5891" s="58">
        <f>Bühler!M5917</f>
        <v>0</v>
      </c>
      <c r="N5891" s="56">
        <f>IF(Input!$D$19=1,J5891*Input!$C$19,0)+IF(Input!$D$20=1,K5891*Input!$C$20,0)+IF(Input!$D$21=1,L5891*Input!$C$21,0)+IF(Input!$D$22=1,M5891*Input!$C$22,0)</f>
        <v>7.2667759454713793E-2</v>
      </c>
      <c r="O5891" s="59">
        <f>IF(Input!$D$19=2,J5891*Input!$C$19,0)+IF(Input!$D$20=2,K5891*Input!$C$20,0)+IF(Input!$D$21=2,L5891*Input!$C$21,0)+IF(Input!$D$22=2,M5891*Input!$C$22,0)</f>
        <v>0.18166939863678447</v>
      </c>
      <c r="P5891" s="59">
        <f>IF(Input!$D$19=3,J5891*Input!$C$19,0)+IF(Input!$D$20=3,K5891*Input!$C$20,0)+IF(Input!$D$21=3,L5891*Input!$C$21,0)+IF(Input!$D$22=3,M5891*Input!$C$22,0)</f>
        <v>0</v>
      </c>
      <c r="Q5891" s="75">
        <f>IF(Input!$D$19=4,J5891*Input!$C$19,0)+IF(Input!$D$20=4,K5891*Input!$C$20,0)+IF(Input!$D$21=4,L5891*Input!$C$21,0)+IF(Input!$D$22=4,M5891*Input!$C$22,0)</f>
        <v>0</v>
      </c>
      <c r="R5891" s="58">
        <v>45.330172428156587</v>
      </c>
      <c r="S5891" s="124">
        <f t="shared" si="91"/>
        <v>0.31489362430375978</v>
      </c>
    </row>
    <row r="5892" spans="8:19" x14ac:dyDescent="0.3">
      <c r="H5892" s="44">
        <v>5885</v>
      </c>
      <c r="I5892" s="56">
        <f>Bühler!I5918</f>
        <v>7.2667759454713793E-2</v>
      </c>
      <c r="J5892" s="59">
        <f>Bühler!J5918</f>
        <v>0.24222586484904599</v>
      </c>
      <c r="K5892" s="59">
        <f>Bühler!K5918</f>
        <v>0.36333879727356894</v>
      </c>
      <c r="L5892" s="59">
        <f>Bühler!L5918</f>
        <v>1.744026226913131</v>
      </c>
      <c r="M5892" s="58">
        <f>Bühler!M5918</f>
        <v>0</v>
      </c>
      <c r="N5892" s="56">
        <f>IF(Input!$D$19=1,J5892*Input!$C$19,0)+IF(Input!$D$20=1,K5892*Input!$C$20,0)+IF(Input!$D$21=1,L5892*Input!$C$21,0)+IF(Input!$D$22=1,M5892*Input!$C$22,0)</f>
        <v>7.2667759454713793E-2</v>
      </c>
      <c r="O5892" s="59">
        <f>IF(Input!$D$19=2,J5892*Input!$C$19,0)+IF(Input!$D$20=2,K5892*Input!$C$20,0)+IF(Input!$D$21=2,L5892*Input!$C$21,0)+IF(Input!$D$22=2,M5892*Input!$C$22,0)</f>
        <v>0.18166939863678447</v>
      </c>
      <c r="P5892" s="59">
        <f>IF(Input!$D$19=3,J5892*Input!$C$19,0)+IF(Input!$D$20=3,K5892*Input!$C$20,0)+IF(Input!$D$21=3,L5892*Input!$C$21,0)+IF(Input!$D$22=3,M5892*Input!$C$22,0)</f>
        <v>0</v>
      </c>
      <c r="Q5892" s="75">
        <f>IF(Input!$D$19=4,J5892*Input!$C$19,0)+IF(Input!$D$20=4,K5892*Input!$C$20,0)+IF(Input!$D$21=4,L5892*Input!$C$21,0)+IF(Input!$D$22=4,M5892*Input!$C$22,0)</f>
        <v>0</v>
      </c>
      <c r="R5892" s="58">
        <v>48.75534645672569</v>
      </c>
      <c r="S5892" s="124">
        <f t="shared" si="91"/>
        <v>0.31489362430375978</v>
      </c>
    </row>
    <row r="5893" spans="8:19" x14ac:dyDescent="0.3">
      <c r="H5893" s="44">
        <v>5886</v>
      </c>
      <c r="I5893" s="56">
        <f>Bühler!I5919</f>
        <v>0.31489362430375972</v>
      </c>
      <c r="J5893" s="59">
        <f>Bühler!J5919</f>
        <v>1.0496454143458658</v>
      </c>
      <c r="K5893" s="59">
        <f>Bühler!K5919</f>
        <v>1.5744681215187988</v>
      </c>
      <c r="L5893" s="59">
        <f>Bühler!L5919</f>
        <v>7.5574469832902338</v>
      </c>
      <c r="M5893" s="58">
        <f>Bühler!M5919</f>
        <v>0</v>
      </c>
      <c r="N5893" s="56">
        <f>IF(Input!$D$19=1,J5893*Input!$C$19,0)+IF(Input!$D$20=1,K5893*Input!$C$20,0)+IF(Input!$D$21=1,L5893*Input!$C$21,0)+IF(Input!$D$22=1,M5893*Input!$C$22,0)</f>
        <v>0.31489362430375972</v>
      </c>
      <c r="O5893" s="59">
        <f>IF(Input!$D$19=2,J5893*Input!$C$19,0)+IF(Input!$D$20=2,K5893*Input!$C$20,0)+IF(Input!$D$21=2,L5893*Input!$C$21,0)+IF(Input!$D$22=2,M5893*Input!$C$22,0)</f>
        <v>0.78723406075939939</v>
      </c>
      <c r="P5893" s="59">
        <f>IF(Input!$D$19=3,J5893*Input!$C$19,0)+IF(Input!$D$20=3,K5893*Input!$C$20,0)+IF(Input!$D$21=3,L5893*Input!$C$21,0)+IF(Input!$D$22=3,M5893*Input!$C$22,0)</f>
        <v>0</v>
      </c>
      <c r="Q5893" s="75">
        <f>IF(Input!$D$19=4,J5893*Input!$C$19,0)+IF(Input!$D$20=4,K5893*Input!$C$20,0)+IF(Input!$D$21=4,L5893*Input!$C$21,0)+IF(Input!$D$22=4,M5893*Input!$C$22,0)</f>
        <v>0</v>
      </c>
      <c r="R5893" s="58">
        <v>53.967221659535724</v>
      </c>
      <c r="S5893" s="124">
        <f t="shared" si="91"/>
        <v>1.3645390386496254</v>
      </c>
    </row>
    <row r="5894" spans="8:19" x14ac:dyDescent="0.3">
      <c r="H5894" s="44">
        <v>5887</v>
      </c>
      <c r="I5894" s="56">
        <f>Bühler!I5920</f>
        <v>0.35728315065234278</v>
      </c>
      <c r="J5894" s="59">
        <f>Bühler!J5920</f>
        <v>1.1909438355078092</v>
      </c>
      <c r="K5894" s="59">
        <f>Bühler!K5920</f>
        <v>1.786415753261714</v>
      </c>
      <c r="L5894" s="59">
        <f>Bühler!L5920</f>
        <v>8.5747956156562264</v>
      </c>
      <c r="M5894" s="58">
        <f>Bühler!M5920</f>
        <v>0</v>
      </c>
      <c r="N5894" s="56">
        <f>IF(Input!$D$19=1,J5894*Input!$C$19,0)+IF(Input!$D$20=1,K5894*Input!$C$20,0)+IF(Input!$D$21=1,L5894*Input!$C$21,0)+IF(Input!$D$22=1,M5894*Input!$C$22,0)</f>
        <v>0.35728315065234278</v>
      </c>
      <c r="O5894" s="59">
        <f>IF(Input!$D$19=2,J5894*Input!$C$19,0)+IF(Input!$D$20=2,K5894*Input!$C$20,0)+IF(Input!$D$21=2,L5894*Input!$C$21,0)+IF(Input!$D$22=2,M5894*Input!$C$22,0)</f>
        <v>0.89320787663085699</v>
      </c>
      <c r="P5894" s="59">
        <f>IF(Input!$D$19=3,J5894*Input!$C$19,0)+IF(Input!$D$20=3,K5894*Input!$C$20,0)+IF(Input!$D$21=3,L5894*Input!$C$21,0)+IF(Input!$D$22=3,M5894*Input!$C$22,0)</f>
        <v>0</v>
      </c>
      <c r="Q5894" s="75">
        <f>IF(Input!$D$19=4,J5894*Input!$C$19,0)+IF(Input!$D$20=4,K5894*Input!$C$20,0)+IF(Input!$D$21=4,L5894*Input!$C$21,0)+IF(Input!$D$22=4,M5894*Input!$C$22,0)</f>
        <v>0</v>
      </c>
      <c r="R5894" s="58">
        <v>58.925149084100084</v>
      </c>
      <c r="S5894" s="124">
        <f t="shared" si="91"/>
        <v>1.5482269861601521</v>
      </c>
    </row>
    <row r="5895" spans="8:19" x14ac:dyDescent="0.3">
      <c r="H5895" s="44">
        <v>5888</v>
      </c>
      <c r="I5895" s="56">
        <f>Bühler!I5921</f>
        <v>0.35728315065234278</v>
      </c>
      <c r="J5895" s="59">
        <f>Bühler!J5921</f>
        <v>1.1909438355078092</v>
      </c>
      <c r="K5895" s="59">
        <f>Bühler!K5921</f>
        <v>1.786415753261714</v>
      </c>
      <c r="L5895" s="59">
        <f>Bühler!L5921</f>
        <v>8.5747956156562264</v>
      </c>
      <c r="M5895" s="58">
        <f>Bühler!M5921</f>
        <v>0</v>
      </c>
      <c r="N5895" s="56">
        <f>IF(Input!$D$19=1,J5895*Input!$C$19,0)+IF(Input!$D$20=1,K5895*Input!$C$20,0)+IF(Input!$D$21=1,L5895*Input!$C$21,0)+IF(Input!$D$22=1,M5895*Input!$C$22,0)</f>
        <v>0.35728315065234278</v>
      </c>
      <c r="O5895" s="59">
        <f>IF(Input!$D$19=2,J5895*Input!$C$19,0)+IF(Input!$D$20=2,K5895*Input!$C$20,0)+IF(Input!$D$21=2,L5895*Input!$C$21,0)+IF(Input!$D$22=2,M5895*Input!$C$22,0)</f>
        <v>0.89320787663085699</v>
      </c>
      <c r="P5895" s="59">
        <f>IF(Input!$D$19=3,J5895*Input!$C$19,0)+IF(Input!$D$20=3,K5895*Input!$C$20,0)+IF(Input!$D$21=3,L5895*Input!$C$21,0)+IF(Input!$D$22=3,M5895*Input!$C$22,0)</f>
        <v>0</v>
      </c>
      <c r="Q5895" s="75">
        <f>IF(Input!$D$19=4,J5895*Input!$C$19,0)+IF(Input!$D$20=4,K5895*Input!$C$20,0)+IF(Input!$D$21=4,L5895*Input!$C$21,0)+IF(Input!$D$22=4,M5895*Input!$C$22,0)</f>
        <v>0</v>
      </c>
      <c r="R5895" s="58">
        <v>61.804506976334238</v>
      </c>
      <c r="S5895" s="124">
        <f t="shared" si="91"/>
        <v>1.5482269861601521</v>
      </c>
    </row>
    <row r="5896" spans="8:19" x14ac:dyDescent="0.3">
      <c r="H5896" s="44">
        <v>5889</v>
      </c>
      <c r="I5896" s="56">
        <f>Bühler!I5922</f>
        <v>0.35728315065234278</v>
      </c>
      <c r="J5896" s="59">
        <f>Bühler!J5922</f>
        <v>1.1909438355078092</v>
      </c>
      <c r="K5896" s="59">
        <f>Bühler!K5922</f>
        <v>1.786415753261714</v>
      </c>
      <c r="L5896" s="59">
        <f>Bühler!L5922</f>
        <v>8.5747956156562264</v>
      </c>
      <c r="M5896" s="58">
        <f>Bühler!M5922</f>
        <v>0</v>
      </c>
      <c r="N5896" s="56">
        <f>IF(Input!$D$19=1,J5896*Input!$C$19,0)+IF(Input!$D$20=1,K5896*Input!$C$20,0)+IF(Input!$D$21=1,L5896*Input!$C$21,0)+IF(Input!$D$22=1,M5896*Input!$C$22,0)</f>
        <v>0.35728315065234278</v>
      </c>
      <c r="O5896" s="59">
        <f>IF(Input!$D$19=2,J5896*Input!$C$19,0)+IF(Input!$D$20=2,K5896*Input!$C$20,0)+IF(Input!$D$21=2,L5896*Input!$C$21,0)+IF(Input!$D$22=2,M5896*Input!$C$22,0)</f>
        <v>0.89320787663085699</v>
      </c>
      <c r="P5896" s="59">
        <f>IF(Input!$D$19=3,J5896*Input!$C$19,0)+IF(Input!$D$20=3,K5896*Input!$C$20,0)+IF(Input!$D$21=3,L5896*Input!$C$21,0)+IF(Input!$D$22=3,M5896*Input!$C$22,0)</f>
        <v>0</v>
      </c>
      <c r="Q5896" s="75">
        <f>IF(Input!$D$19=4,J5896*Input!$C$19,0)+IF(Input!$D$20=4,K5896*Input!$C$20,0)+IF(Input!$D$21=4,L5896*Input!$C$21,0)+IF(Input!$D$22=4,M5896*Input!$C$22,0)</f>
        <v>0</v>
      </c>
      <c r="R5896" s="58">
        <v>64.231274413864142</v>
      </c>
      <c r="S5896" s="124">
        <f t="shared" si="91"/>
        <v>1.5482269861601521</v>
      </c>
    </row>
    <row r="5897" spans="8:19" x14ac:dyDescent="0.3">
      <c r="H5897" s="44">
        <v>5890</v>
      </c>
      <c r="I5897" s="56">
        <f>Bühler!I5923</f>
        <v>0.38150573713724739</v>
      </c>
      <c r="J5897" s="59">
        <f>Bühler!J5923</f>
        <v>1.2716857904574914</v>
      </c>
      <c r="K5897" s="59">
        <f>Bühler!K5923</f>
        <v>1.907528685686237</v>
      </c>
      <c r="L5897" s="59">
        <f>Bühler!L5923</f>
        <v>9.156137691293937</v>
      </c>
      <c r="M5897" s="58">
        <f>Bühler!M5923</f>
        <v>0</v>
      </c>
      <c r="N5897" s="56">
        <f>IF(Input!$D$19=1,J5897*Input!$C$19,0)+IF(Input!$D$20=1,K5897*Input!$C$20,0)+IF(Input!$D$21=1,L5897*Input!$C$21,0)+IF(Input!$D$22=1,M5897*Input!$C$22,0)</f>
        <v>0.38150573713724739</v>
      </c>
      <c r="O5897" s="59">
        <f>IF(Input!$D$19=2,J5897*Input!$C$19,0)+IF(Input!$D$20=2,K5897*Input!$C$20,0)+IF(Input!$D$21=2,L5897*Input!$C$21,0)+IF(Input!$D$22=2,M5897*Input!$C$22,0)</f>
        <v>0.95376434284311851</v>
      </c>
      <c r="P5897" s="59">
        <f>IF(Input!$D$19=3,J5897*Input!$C$19,0)+IF(Input!$D$20=3,K5897*Input!$C$20,0)+IF(Input!$D$21=3,L5897*Input!$C$21,0)+IF(Input!$D$22=3,M5897*Input!$C$22,0)</f>
        <v>0</v>
      </c>
      <c r="Q5897" s="75">
        <f>IF(Input!$D$19=4,J5897*Input!$C$19,0)+IF(Input!$D$20=4,K5897*Input!$C$20,0)+IF(Input!$D$21=4,L5897*Input!$C$21,0)+IF(Input!$D$22=4,M5897*Input!$C$22,0)</f>
        <v>0</v>
      </c>
      <c r="R5897" s="58">
        <v>66.325614806411338</v>
      </c>
      <c r="S5897" s="124">
        <f t="shared" ref="S5897:S5960" si="92">I5897+J5897</f>
        <v>1.6531915275947389</v>
      </c>
    </row>
    <row r="5898" spans="8:19" x14ac:dyDescent="0.3">
      <c r="H5898" s="44">
        <v>5891</v>
      </c>
      <c r="I5898" s="56">
        <f>Bühler!I5924</f>
        <v>0.38150573713724739</v>
      </c>
      <c r="J5898" s="59">
        <f>Bühler!J5924</f>
        <v>1.2716857904574914</v>
      </c>
      <c r="K5898" s="59">
        <f>Bühler!K5924</f>
        <v>1.907528685686237</v>
      </c>
      <c r="L5898" s="59">
        <f>Bühler!L5924</f>
        <v>9.156137691293937</v>
      </c>
      <c r="M5898" s="58">
        <f>Bühler!M5924</f>
        <v>0</v>
      </c>
      <c r="N5898" s="56">
        <f>IF(Input!$D$19=1,J5898*Input!$C$19,0)+IF(Input!$D$20=1,K5898*Input!$C$20,0)+IF(Input!$D$21=1,L5898*Input!$C$21,0)+IF(Input!$D$22=1,M5898*Input!$C$22,0)</f>
        <v>0.38150573713724739</v>
      </c>
      <c r="O5898" s="59">
        <f>IF(Input!$D$19=2,J5898*Input!$C$19,0)+IF(Input!$D$20=2,K5898*Input!$C$20,0)+IF(Input!$D$21=2,L5898*Input!$C$21,0)+IF(Input!$D$22=2,M5898*Input!$C$22,0)</f>
        <v>0.95376434284311851</v>
      </c>
      <c r="P5898" s="59">
        <f>IF(Input!$D$19=3,J5898*Input!$C$19,0)+IF(Input!$D$20=3,K5898*Input!$C$20,0)+IF(Input!$D$21=3,L5898*Input!$C$21,0)+IF(Input!$D$22=3,M5898*Input!$C$22,0)</f>
        <v>0</v>
      </c>
      <c r="Q5898" s="75">
        <f>IF(Input!$D$19=4,J5898*Input!$C$19,0)+IF(Input!$D$20=4,K5898*Input!$C$20,0)+IF(Input!$D$21=4,L5898*Input!$C$21,0)+IF(Input!$D$22=4,M5898*Input!$C$22,0)</f>
        <v>0</v>
      </c>
      <c r="R5898" s="58">
        <v>68.274805255747168</v>
      </c>
      <c r="S5898" s="124">
        <f t="shared" si="92"/>
        <v>1.6531915275947389</v>
      </c>
    </row>
    <row r="5899" spans="8:19" x14ac:dyDescent="0.3">
      <c r="H5899" s="44">
        <v>5892</v>
      </c>
      <c r="I5899" s="56">
        <f>Bühler!I5925</f>
        <v>0.48445172969809192</v>
      </c>
      <c r="J5899" s="59">
        <f>Bühler!J5925</f>
        <v>1.6148390989936399</v>
      </c>
      <c r="K5899" s="59">
        <f>Bühler!K5925</f>
        <v>2.4222586484904598</v>
      </c>
      <c r="L5899" s="59">
        <f>Bühler!L5925</f>
        <v>11.626841512754206</v>
      </c>
      <c r="M5899" s="58">
        <f>Bühler!M5925</f>
        <v>0</v>
      </c>
      <c r="N5899" s="56">
        <f>IF(Input!$D$19=1,J5899*Input!$C$19,0)+IF(Input!$D$20=1,K5899*Input!$C$20,0)+IF(Input!$D$21=1,L5899*Input!$C$21,0)+IF(Input!$D$22=1,M5899*Input!$C$22,0)</f>
        <v>0.48445172969809192</v>
      </c>
      <c r="O5899" s="59">
        <f>IF(Input!$D$19=2,J5899*Input!$C$19,0)+IF(Input!$D$20=2,K5899*Input!$C$20,0)+IF(Input!$D$21=2,L5899*Input!$C$21,0)+IF(Input!$D$22=2,M5899*Input!$C$22,0)</f>
        <v>1.2111293242452299</v>
      </c>
      <c r="P5899" s="59">
        <f>IF(Input!$D$19=3,J5899*Input!$C$19,0)+IF(Input!$D$20=3,K5899*Input!$C$20,0)+IF(Input!$D$21=3,L5899*Input!$C$21,0)+IF(Input!$D$22=3,M5899*Input!$C$22,0)</f>
        <v>0</v>
      </c>
      <c r="Q5899" s="75">
        <f>IF(Input!$D$19=4,J5899*Input!$C$19,0)+IF(Input!$D$20=4,K5899*Input!$C$20,0)+IF(Input!$D$21=4,L5899*Input!$C$21,0)+IF(Input!$D$22=4,M5899*Input!$C$22,0)</f>
        <v>0</v>
      </c>
      <c r="R5899" s="58">
        <v>69.835492483300357</v>
      </c>
      <c r="S5899" s="124">
        <f t="shared" si="92"/>
        <v>2.099290828691732</v>
      </c>
    </row>
    <row r="5900" spans="8:19" x14ac:dyDescent="0.3">
      <c r="H5900" s="44">
        <v>5893</v>
      </c>
      <c r="I5900" s="56">
        <f>Bühler!I5926</f>
        <v>0.48445172969809192</v>
      </c>
      <c r="J5900" s="59">
        <f>Bühler!J5926</f>
        <v>1.6148390989936399</v>
      </c>
      <c r="K5900" s="59">
        <f>Bühler!K5926</f>
        <v>2.4222586484904598</v>
      </c>
      <c r="L5900" s="59">
        <f>Bühler!L5926</f>
        <v>11.626841512754206</v>
      </c>
      <c r="M5900" s="58">
        <f>Bühler!M5926</f>
        <v>0</v>
      </c>
      <c r="N5900" s="56">
        <f>IF(Input!$D$19=1,J5900*Input!$C$19,0)+IF(Input!$D$20=1,K5900*Input!$C$20,0)+IF(Input!$D$21=1,L5900*Input!$C$21,0)+IF(Input!$D$22=1,M5900*Input!$C$22,0)</f>
        <v>0.48445172969809192</v>
      </c>
      <c r="O5900" s="59">
        <f>IF(Input!$D$19=2,J5900*Input!$C$19,0)+IF(Input!$D$20=2,K5900*Input!$C$20,0)+IF(Input!$D$21=2,L5900*Input!$C$21,0)+IF(Input!$D$22=2,M5900*Input!$C$22,0)</f>
        <v>1.2111293242452299</v>
      </c>
      <c r="P5900" s="59">
        <f>IF(Input!$D$19=3,J5900*Input!$C$19,0)+IF(Input!$D$20=3,K5900*Input!$C$20,0)+IF(Input!$D$21=3,L5900*Input!$C$21,0)+IF(Input!$D$22=3,M5900*Input!$C$22,0)</f>
        <v>0</v>
      </c>
      <c r="Q5900" s="75">
        <f>IF(Input!$D$19=4,J5900*Input!$C$19,0)+IF(Input!$D$20=4,K5900*Input!$C$20,0)+IF(Input!$D$21=4,L5900*Input!$C$21,0)+IF(Input!$D$22=4,M5900*Input!$C$22,0)</f>
        <v>0</v>
      </c>
      <c r="R5900" s="58">
        <v>69.731599319263736</v>
      </c>
      <c r="S5900" s="124">
        <f t="shared" si="92"/>
        <v>2.099290828691732</v>
      </c>
    </row>
    <row r="5901" spans="8:19" x14ac:dyDescent="0.3">
      <c r="H5901" s="44">
        <v>5894</v>
      </c>
      <c r="I5901" s="56">
        <f>Bühler!I5927</f>
        <v>0.32094927092498593</v>
      </c>
      <c r="J5901" s="59">
        <f>Bühler!J5927</f>
        <v>1.0698309030832867</v>
      </c>
      <c r="K5901" s="59">
        <f>Bühler!K5927</f>
        <v>1.6047463546249296</v>
      </c>
      <c r="L5901" s="59">
        <f>Bühler!L5927</f>
        <v>7.7027825021996623</v>
      </c>
      <c r="M5901" s="58">
        <f>Bühler!M5927</f>
        <v>0</v>
      </c>
      <c r="N5901" s="56">
        <f>IF(Input!$D$19=1,J5901*Input!$C$19,0)+IF(Input!$D$20=1,K5901*Input!$C$20,0)+IF(Input!$D$21=1,L5901*Input!$C$21,0)+IF(Input!$D$22=1,M5901*Input!$C$22,0)</f>
        <v>0.32094927092498599</v>
      </c>
      <c r="O5901" s="59">
        <f>IF(Input!$D$19=2,J5901*Input!$C$19,0)+IF(Input!$D$20=2,K5901*Input!$C$20,0)+IF(Input!$D$21=2,L5901*Input!$C$21,0)+IF(Input!$D$22=2,M5901*Input!$C$22,0)</f>
        <v>0.80237317731246482</v>
      </c>
      <c r="P5901" s="59">
        <f>IF(Input!$D$19=3,J5901*Input!$C$19,0)+IF(Input!$D$20=3,K5901*Input!$C$20,0)+IF(Input!$D$21=3,L5901*Input!$C$21,0)+IF(Input!$D$22=3,M5901*Input!$C$22,0)</f>
        <v>0</v>
      </c>
      <c r="Q5901" s="75">
        <f>IF(Input!$D$19=4,J5901*Input!$C$19,0)+IF(Input!$D$20=4,K5901*Input!$C$20,0)+IF(Input!$D$21=4,L5901*Input!$C$21,0)+IF(Input!$D$22=4,M5901*Input!$C$22,0)</f>
        <v>0</v>
      </c>
      <c r="R5901" s="58">
        <v>69.952801152199129</v>
      </c>
      <c r="S5901" s="124">
        <f t="shared" si="92"/>
        <v>1.3907801740082726</v>
      </c>
    </row>
    <row r="5902" spans="8:19" x14ac:dyDescent="0.3">
      <c r="H5902" s="44">
        <v>5895</v>
      </c>
      <c r="I5902" s="56">
        <f>Bühler!I5928</f>
        <v>0.48445172969809192</v>
      </c>
      <c r="J5902" s="59">
        <f>Bühler!J5928</f>
        <v>1.6148390989936399</v>
      </c>
      <c r="K5902" s="59">
        <f>Bühler!K5928</f>
        <v>2.4222586484904598</v>
      </c>
      <c r="L5902" s="59">
        <f>Bühler!L5928</f>
        <v>11.626841512754206</v>
      </c>
      <c r="M5902" s="58">
        <f>Bühler!M5928</f>
        <v>0</v>
      </c>
      <c r="N5902" s="56">
        <f>IF(Input!$D$19=1,J5902*Input!$C$19,0)+IF(Input!$D$20=1,K5902*Input!$C$20,0)+IF(Input!$D$21=1,L5902*Input!$C$21,0)+IF(Input!$D$22=1,M5902*Input!$C$22,0)</f>
        <v>0.48445172969809192</v>
      </c>
      <c r="O5902" s="59">
        <f>IF(Input!$D$19=2,J5902*Input!$C$19,0)+IF(Input!$D$20=2,K5902*Input!$C$20,0)+IF(Input!$D$21=2,L5902*Input!$C$21,0)+IF(Input!$D$22=2,M5902*Input!$C$22,0)</f>
        <v>1.2111293242452299</v>
      </c>
      <c r="P5902" s="59">
        <f>IF(Input!$D$19=3,J5902*Input!$C$19,0)+IF(Input!$D$20=3,K5902*Input!$C$20,0)+IF(Input!$D$21=3,L5902*Input!$C$21,0)+IF(Input!$D$22=3,M5902*Input!$C$22,0)</f>
        <v>0</v>
      </c>
      <c r="Q5902" s="75">
        <f>IF(Input!$D$19=4,J5902*Input!$C$19,0)+IF(Input!$D$20=4,K5902*Input!$C$20,0)+IF(Input!$D$21=4,L5902*Input!$C$21,0)+IF(Input!$D$22=4,M5902*Input!$C$22,0)</f>
        <v>0</v>
      </c>
      <c r="R5902" s="58">
        <v>71.278028945584623</v>
      </c>
      <c r="S5902" s="124">
        <f t="shared" si="92"/>
        <v>2.099290828691732</v>
      </c>
    </row>
    <row r="5903" spans="8:19" x14ac:dyDescent="0.3">
      <c r="H5903" s="44">
        <v>5896</v>
      </c>
      <c r="I5903" s="56">
        <f>Bühler!I5929</f>
        <v>0.48445172969809192</v>
      </c>
      <c r="J5903" s="59">
        <f>Bühler!J5929</f>
        <v>1.6148390989936399</v>
      </c>
      <c r="K5903" s="59">
        <f>Bühler!K5929</f>
        <v>2.4222586484904598</v>
      </c>
      <c r="L5903" s="59">
        <f>Bühler!L5929</f>
        <v>11.626841512754206</v>
      </c>
      <c r="M5903" s="58">
        <f>Bühler!M5929</f>
        <v>0</v>
      </c>
      <c r="N5903" s="56">
        <f>IF(Input!$D$19=1,J5903*Input!$C$19,0)+IF(Input!$D$20=1,K5903*Input!$C$20,0)+IF(Input!$D$21=1,L5903*Input!$C$21,0)+IF(Input!$D$22=1,M5903*Input!$C$22,0)</f>
        <v>0.48445172969809192</v>
      </c>
      <c r="O5903" s="59">
        <f>IF(Input!$D$19=2,J5903*Input!$C$19,0)+IF(Input!$D$20=2,K5903*Input!$C$20,0)+IF(Input!$D$21=2,L5903*Input!$C$21,0)+IF(Input!$D$22=2,M5903*Input!$C$22,0)</f>
        <v>1.2111293242452299</v>
      </c>
      <c r="P5903" s="59">
        <f>IF(Input!$D$19=3,J5903*Input!$C$19,0)+IF(Input!$D$20=3,K5903*Input!$C$20,0)+IF(Input!$D$21=3,L5903*Input!$C$21,0)+IF(Input!$D$22=3,M5903*Input!$C$22,0)</f>
        <v>0</v>
      </c>
      <c r="Q5903" s="75">
        <f>IF(Input!$D$19=4,J5903*Input!$C$19,0)+IF(Input!$D$20=4,K5903*Input!$C$20,0)+IF(Input!$D$21=4,L5903*Input!$C$21,0)+IF(Input!$D$22=4,M5903*Input!$C$22,0)</f>
        <v>0</v>
      </c>
      <c r="R5903" s="58">
        <v>70.890487287470606</v>
      </c>
      <c r="S5903" s="124">
        <f t="shared" si="92"/>
        <v>2.099290828691732</v>
      </c>
    </row>
    <row r="5904" spans="8:19" x14ac:dyDescent="0.3">
      <c r="H5904" s="44">
        <v>5897</v>
      </c>
      <c r="I5904" s="56">
        <f>Bühler!I5930</f>
        <v>0.48445172969809192</v>
      </c>
      <c r="J5904" s="59">
        <f>Bühler!J5930</f>
        <v>1.6148390989936399</v>
      </c>
      <c r="K5904" s="59">
        <f>Bühler!K5930</f>
        <v>2.4222586484904598</v>
      </c>
      <c r="L5904" s="59">
        <f>Bühler!L5930</f>
        <v>11.626841512754206</v>
      </c>
      <c r="M5904" s="58">
        <f>Bühler!M5930</f>
        <v>0</v>
      </c>
      <c r="N5904" s="56">
        <f>IF(Input!$D$19=1,J5904*Input!$C$19,0)+IF(Input!$D$20=1,K5904*Input!$C$20,0)+IF(Input!$D$21=1,L5904*Input!$C$21,0)+IF(Input!$D$22=1,M5904*Input!$C$22,0)</f>
        <v>0.48445172969809192</v>
      </c>
      <c r="O5904" s="59">
        <f>IF(Input!$D$19=2,J5904*Input!$C$19,0)+IF(Input!$D$20=2,K5904*Input!$C$20,0)+IF(Input!$D$21=2,L5904*Input!$C$21,0)+IF(Input!$D$22=2,M5904*Input!$C$22,0)</f>
        <v>1.2111293242452299</v>
      </c>
      <c r="P5904" s="59">
        <f>IF(Input!$D$19=3,J5904*Input!$C$19,0)+IF(Input!$D$20=3,K5904*Input!$C$20,0)+IF(Input!$D$21=3,L5904*Input!$C$21,0)+IF(Input!$D$22=3,M5904*Input!$C$22,0)</f>
        <v>0</v>
      </c>
      <c r="Q5904" s="75">
        <f>IF(Input!$D$19=4,J5904*Input!$C$19,0)+IF(Input!$D$20=4,K5904*Input!$C$20,0)+IF(Input!$D$21=4,L5904*Input!$C$21,0)+IF(Input!$D$22=4,M5904*Input!$C$22,0)</f>
        <v>0</v>
      </c>
      <c r="R5904" s="58">
        <v>69.323055306163312</v>
      </c>
      <c r="S5904" s="124">
        <f t="shared" si="92"/>
        <v>2.099290828691732</v>
      </c>
    </row>
    <row r="5905" spans="8:19" x14ac:dyDescent="0.3">
      <c r="H5905" s="44">
        <v>5898</v>
      </c>
      <c r="I5905" s="56">
        <f>Bühler!I5931</f>
        <v>0.48445172969809192</v>
      </c>
      <c r="J5905" s="59">
        <f>Bühler!J5931</f>
        <v>1.6148390989936399</v>
      </c>
      <c r="K5905" s="59">
        <f>Bühler!K5931</f>
        <v>2.4222586484904598</v>
      </c>
      <c r="L5905" s="59">
        <f>Bühler!L5931</f>
        <v>11.626841512754206</v>
      </c>
      <c r="M5905" s="58">
        <f>Bühler!M5931</f>
        <v>0</v>
      </c>
      <c r="N5905" s="56">
        <f>IF(Input!$D$19=1,J5905*Input!$C$19,0)+IF(Input!$D$20=1,K5905*Input!$C$20,0)+IF(Input!$D$21=1,L5905*Input!$C$21,0)+IF(Input!$D$22=1,M5905*Input!$C$22,0)</f>
        <v>0.48445172969809192</v>
      </c>
      <c r="O5905" s="59">
        <f>IF(Input!$D$19=2,J5905*Input!$C$19,0)+IF(Input!$D$20=2,K5905*Input!$C$20,0)+IF(Input!$D$21=2,L5905*Input!$C$21,0)+IF(Input!$D$22=2,M5905*Input!$C$22,0)</f>
        <v>1.2111293242452299</v>
      </c>
      <c r="P5905" s="59">
        <f>IF(Input!$D$19=3,J5905*Input!$C$19,0)+IF(Input!$D$20=3,K5905*Input!$C$20,0)+IF(Input!$D$21=3,L5905*Input!$C$21,0)+IF(Input!$D$22=3,M5905*Input!$C$22,0)</f>
        <v>0</v>
      </c>
      <c r="Q5905" s="75">
        <f>IF(Input!$D$19=4,J5905*Input!$C$19,0)+IF(Input!$D$20=4,K5905*Input!$C$20,0)+IF(Input!$D$21=4,L5905*Input!$C$21,0)+IF(Input!$D$22=4,M5905*Input!$C$22,0)</f>
        <v>0</v>
      </c>
      <c r="R5905" s="58">
        <v>67.659910071640184</v>
      </c>
      <c r="S5905" s="124">
        <f t="shared" si="92"/>
        <v>2.099290828691732</v>
      </c>
    </row>
    <row r="5906" spans="8:19" x14ac:dyDescent="0.3">
      <c r="H5906" s="44">
        <v>5899</v>
      </c>
      <c r="I5906" s="56">
        <f>Bühler!I5932</f>
        <v>0.48445172969809192</v>
      </c>
      <c r="J5906" s="59">
        <f>Bühler!J5932</f>
        <v>1.6148390989936399</v>
      </c>
      <c r="K5906" s="59">
        <f>Bühler!K5932</f>
        <v>2.4222586484904598</v>
      </c>
      <c r="L5906" s="59">
        <f>Bühler!L5932</f>
        <v>11.626841512754206</v>
      </c>
      <c r="M5906" s="58">
        <f>Bühler!M5932</f>
        <v>0</v>
      </c>
      <c r="N5906" s="56">
        <f>IF(Input!$D$19=1,J5906*Input!$C$19,0)+IF(Input!$D$20=1,K5906*Input!$C$20,0)+IF(Input!$D$21=1,L5906*Input!$C$21,0)+IF(Input!$D$22=1,M5906*Input!$C$22,0)</f>
        <v>0.48445172969809192</v>
      </c>
      <c r="O5906" s="59">
        <f>IF(Input!$D$19=2,J5906*Input!$C$19,0)+IF(Input!$D$20=2,K5906*Input!$C$20,0)+IF(Input!$D$21=2,L5906*Input!$C$21,0)+IF(Input!$D$22=2,M5906*Input!$C$22,0)</f>
        <v>1.2111293242452299</v>
      </c>
      <c r="P5906" s="59">
        <f>IF(Input!$D$19=3,J5906*Input!$C$19,0)+IF(Input!$D$20=3,K5906*Input!$C$20,0)+IF(Input!$D$21=3,L5906*Input!$C$21,0)+IF(Input!$D$22=3,M5906*Input!$C$22,0)</f>
        <v>0</v>
      </c>
      <c r="Q5906" s="75">
        <f>IF(Input!$D$19=4,J5906*Input!$C$19,0)+IF(Input!$D$20=4,K5906*Input!$C$20,0)+IF(Input!$D$21=4,L5906*Input!$C$21,0)+IF(Input!$D$22=4,M5906*Input!$C$22,0)</f>
        <v>0</v>
      </c>
      <c r="R5906" s="58">
        <v>66.410653908549193</v>
      </c>
      <c r="S5906" s="124">
        <f t="shared" si="92"/>
        <v>2.099290828691732</v>
      </c>
    </row>
    <row r="5907" spans="8:19" x14ac:dyDescent="0.3">
      <c r="H5907" s="44">
        <v>5900</v>
      </c>
      <c r="I5907" s="56">
        <f>Bühler!I5933</f>
        <v>0.405728323622152</v>
      </c>
      <c r="J5907" s="59">
        <f>Bühler!J5933</f>
        <v>1.3524277454071736</v>
      </c>
      <c r="K5907" s="59">
        <f>Bühler!K5933</f>
        <v>2.0286416181107603</v>
      </c>
      <c r="L5907" s="59">
        <f>Bühler!L5933</f>
        <v>9.7374797669316493</v>
      </c>
      <c r="M5907" s="58">
        <f>Bühler!M5933</f>
        <v>0</v>
      </c>
      <c r="N5907" s="56">
        <f>IF(Input!$D$19=1,J5907*Input!$C$19,0)+IF(Input!$D$20=1,K5907*Input!$C$20,0)+IF(Input!$D$21=1,L5907*Input!$C$21,0)+IF(Input!$D$22=1,M5907*Input!$C$22,0)</f>
        <v>0.40572832362215205</v>
      </c>
      <c r="O5907" s="59">
        <f>IF(Input!$D$19=2,J5907*Input!$C$19,0)+IF(Input!$D$20=2,K5907*Input!$C$20,0)+IF(Input!$D$21=2,L5907*Input!$C$21,0)+IF(Input!$D$22=2,M5907*Input!$C$22,0)</f>
        <v>1.0143208090553801</v>
      </c>
      <c r="P5907" s="59">
        <f>IF(Input!$D$19=3,J5907*Input!$C$19,0)+IF(Input!$D$20=3,K5907*Input!$C$20,0)+IF(Input!$D$21=3,L5907*Input!$C$21,0)+IF(Input!$D$22=3,M5907*Input!$C$22,0)</f>
        <v>0</v>
      </c>
      <c r="Q5907" s="75">
        <f>IF(Input!$D$19=4,J5907*Input!$C$19,0)+IF(Input!$D$20=4,K5907*Input!$C$20,0)+IF(Input!$D$21=4,L5907*Input!$C$21,0)+IF(Input!$D$22=4,M5907*Input!$C$22,0)</f>
        <v>0</v>
      </c>
      <c r="R5907" s="58">
        <v>65.010156990242351</v>
      </c>
      <c r="S5907" s="124">
        <f t="shared" si="92"/>
        <v>1.7581560690293256</v>
      </c>
    </row>
    <row r="5908" spans="8:19" x14ac:dyDescent="0.3">
      <c r="H5908" s="44">
        <v>5901</v>
      </c>
      <c r="I5908" s="56">
        <f>Bühler!I5934</f>
        <v>0.33306056416743818</v>
      </c>
      <c r="J5908" s="59">
        <f>Bühler!J5934</f>
        <v>1.1102018805581275</v>
      </c>
      <c r="K5908" s="59">
        <f>Bühler!K5934</f>
        <v>1.6653028208371909</v>
      </c>
      <c r="L5908" s="59">
        <f>Bühler!L5934</f>
        <v>7.9934535400185167</v>
      </c>
      <c r="M5908" s="58">
        <f>Bühler!M5934</f>
        <v>0</v>
      </c>
      <c r="N5908" s="56">
        <f>IF(Input!$D$19=1,J5908*Input!$C$19,0)+IF(Input!$D$20=1,K5908*Input!$C$20,0)+IF(Input!$D$21=1,L5908*Input!$C$21,0)+IF(Input!$D$22=1,M5908*Input!$C$22,0)</f>
        <v>0.33306056416743823</v>
      </c>
      <c r="O5908" s="59">
        <f>IF(Input!$D$19=2,J5908*Input!$C$19,0)+IF(Input!$D$20=2,K5908*Input!$C$20,0)+IF(Input!$D$21=2,L5908*Input!$C$21,0)+IF(Input!$D$22=2,M5908*Input!$C$22,0)</f>
        <v>0.83265141041859547</v>
      </c>
      <c r="P5908" s="59">
        <f>IF(Input!$D$19=3,J5908*Input!$C$19,0)+IF(Input!$D$20=3,K5908*Input!$C$20,0)+IF(Input!$D$21=3,L5908*Input!$C$21,0)+IF(Input!$D$22=3,M5908*Input!$C$22,0)</f>
        <v>0</v>
      </c>
      <c r="Q5908" s="75">
        <f>IF(Input!$D$19=4,J5908*Input!$C$19,0)+IF(Input!$D$20=4,K5908*Input!$C$20,0)+IF(Input!$D$21=4,L5908*Input!$C$21,0)+IF(Input!$D$22=4,M5908*Input!$C$22,0)</f>
        <v>0</v>
      </c>
      <c r="R5908" s="58">
        <v>63.216741875434948</v>
      </c>
      <c r="S5908" s="124">
        <f t="shared" si="92"/>
        <v>1.4432624447255658</v>
      </c>
    </row>
    <row r="5909" spans="8:19" x14ac:dyDescent="0.3">
      <c r="H5909" s="44">
        <v>5902</v>
      </c>
      <c r="I5909" s="56">
        <f>Bühler!I5935</f>
        <v>0.24222586484904596</v>
      </c>
      <c r="J5909" s="59">
        <f>Bühler!J5935</f>
        <v>0.80741954949681993</v>
      </c>
      <c r="K5909" s="59">
        <f>Bühler!K5935</f>
        <v>1.2111293242452299</v>
      </c>
      <c r="L5909" s="59">
        <f>Bühler!L5935</f>
        <v>5.813420756377103</v>
      </c>
      <c r="M5909" s="58">
        <f>Bühler!M5935</f>
        <v>0</v>
      </c>
      <c r="N5909" s="56">
        <f>IF(Input!$D$19=1,J5909*Input!$C$19,0)+IF(Input!$D$20=1,K5909*Input!$C$20,0)+IF(Input!$D$21=1,L5909*Input!$C$21,0)+IF(Input!$D$22=1,M5909*Input!$C$22,0)</f>
        <v>0.24222586484904596</v>
      </c>
      <c r="O5909" s="59">
        <f>IF(Input!$D$19=2,J5909*Input!$C$19,0)+IF(Input!$D$20=2,K5909*Input!$C$20,0)+IF(Input!$D$21=2,L5909*Input!$C$21,0)+IF(Input!$D$22=2,M5909*Input!$C$22,0)</f>
        <v>0.60556466212261495</v>
      </c>
      <c r="P5909" s="59">
        <f>IF(Input!$D$19=3,J5909*Input!$C$19,0)+IF(Input!$D$20=3,K5909*Input!$C$20,0)+IF(Input!$D$21=3,L5909*Input!$C$21,0)+IF(Input!$D$22=3,M5909*Input!$C$22,0)</f>
        <v>0</v>
      </c>
      <c r="Q5909" s="75">
        <f>IF(Input!$D$19=4,J5909*Input!$C$19,0)+IF(Input!$D$20=4,K5909*Input!$C$20,0)+IF(Input!$D$21=4,L5909*Input!$C$21,0)+IF(Input!$D$22=4,M5909*Input!$C$22,0)</f>
        <v>0</v>
      </c>
      <c r="R5909" s="58">
        <v>61.165893836299041</v>
      </c>
      <c r="S5909" s="124">
        <f t="shared" si="92"/>
        <v>1.049645414345866</v>
      </c>
    </row>
    <row r="5910" spans="8:19" x14ac:dyDescent="0.3">
      <c r="H5910" s="44">
        <v>5903</v>
      </c>
      <c r="I5910" s="56">
        <f>Bühler!I5936</f>
        <v>0.23011457160659368</v>
      </c>
      <c r="J5910" s="59">
        <f>Bühler!J5936</f>
        <v>0.76704857202197907</v>
      </c>
      <c r="K5910" s="59">
        <f>Bühler!K5936</f>
        <v>1.1505728580329684</v>
      </c>
      <c r="L5910" s="59">
        <f>Bühler!L5936</f>
        <v>5.5227497185582486</v>
      </c>
      <c r="M5910" s="58">
        <f>Bühler!M5936</f>
        <v>0</v>
      </c>
      <c r="N5910" s="56">
        <f>IF(Input!$D$19=1,J5910*Input!$C$19,0)+IF(Input!$D$20=1,K5910*Input!$C$20,0)+IF(Input!$D$21=1,L5910*Input!$C$21,0)+IF(Input!$D$22=1,M5910*Input!$C$22,0)</f>
        <v>0.23011457160659371</v>
      </c>
      <c r="O5910" s="59">
        <f>IF(Input!$D$19=2,J5910*Input!$C$19,0)+IF(Input!$D$20=2,K5910*Input!$C$20,0)+IF(Input!$D$21=2,L5910*Input!$C$21,0)+IF(Input!$D$22=2,M5910*Input!$C$22,0)</f>
        <v>0.57528642901648419</v>
      </c>
      <c r="P5910" s="59">
        <f>IF(Input!$D$19=3,J5910*Input!$C$19,0)+IF(Input!$D$20=3,K5910*Input!$C$20,0)+IF(Input!$D$21=3,L5910*Input!$C$21,0)+IF(Input!$D$22=3,M5910*Input!$C$22,0)</f>
        <v>0</v>
      </c>
      <c r="Q5910" s="75">
        <f>IF(Input!$D$19=4,J5910*Input!$C$19,0)+IF(Input!$D$20=4,K5910*Input!$C$20,0)+IF(Input!$D$21=4,L5910*Input!$C$21,0)+IF(Input!$D$22=4,M5910*Input!$C$22,0)</f>
        <v>0</v>
      </c>
      <c r="R5910" s="58">
        <v>60.661647024106912</v>
      </c>
      <c r="S5910" s="124">
        <f t="shared" si="92"/>
        <v>0.99716314362857272</v>
      </c>
    </row>
    <row r="5911" spans="8:19" x14ac:dyDescent="0.3">
      <c r="H5911" s="44">
        <v>5904</v>
      </c>
      <c r="I5911" s="56">
        <f>Bühler!I5937</f>
        <v>0.23011457160659368</v>
      </c>
      <c r="J5911" s="59">
        <f>Bühler!J5937</f>
        <v>0.76704857202197907</v>
      </c>
      <c r="K5911" s="59">
        <f>Bühler!K5937</f>
        <v>1.1505728580329684</v>
      </c>
      <c r="L5911" s="59">
        <f>Bühler!L5937</f>
        <v>5.5227497185582486</v>
      </c>
      <c r="M5911" s="58">
        <f>Bühler!M5937</f>
        <v>0</v>
      </c>
      <c r="N5911" s="56">
        <f>IF(Input!$D$19=1,J5911*Input!$C$19,0)+IF(Input!$D$20=1,K5911*Input!$C$20,0)+IF(Input!$D$21=1,L5911*Input!$C$21,0)+IF(Input!$D$22=1,M5911*Input!$C$22,0)</f>
        <v>0.23011457160659371</v>
      </c>
      <c r="O5911" s="59">
        <f>IF(Input!$D$19=2,J5911*Input!$C$19,0)+IF(Input!$D$20=2,K5911*Input!$C$20,0)+IF(Input!$D$21=2,L5911*Input!$C$21,0)+IF(Input!$D$22=2,M5911*Input!$C$22,0)</f>
        <v>0.57528642901648419</v>
      </c>
      <c r="P5911" s="59">
        <f>IF(Input!$D$19=3,J5911*Input!$C$19,0)+IF(Input!$D$20=3,K5911*Input!$C$20,0)+IF(Input!$D$21=3,L5911*Input!$C$21,0)+IF(Input!$D$22=3,M5911*Input!$C$22,0)</f>
        <v>0</v>
      </c>
      <c r="Q5911" s="75">
        <f>IF(Input!$D$19=4,J5911*Input!$C$19,0)+IF(Input!$D$20=4,K5911*Input!$C$20,0)+IF(Input!$D$21=4,L5911*Input!$C$21,0)+IF(Input!$D$22=4,M5911*Input!$C$22,0)</f>
        <v>0</v>
      </c>
      <c r="R5911" s="58">
        <v>60.207069893543562</v>
      </c>
      <c r="S5911" s="124">
        <f t="shared" si="92"/>
        <v>0.99716314362857272</v>
      </c>
    </row>
    <row r="5912" spans="8:19" x14ac:dyDescent="0.3">
      <c r="H5912" s="44">
        <v>5905</v>
      </c>
      <c r="I5912" s="56">
        <f>Bühler!I5938</f>
        <v>0.21067473592414607</v>
      </c>
      <c r="J5912" s="59">
        <f>Bühler!J5938</f>
        <v>0.70224911974715365</v>
      </c>
      <c r="K5912" s="59">
        <f>Bühler!K5938</f>
        <v>1.0533736796207303</v>
      </c>
      <c r="L5912" s="59">
        <f>Bühler!L5938</f>
        <v>5.0561936621795054</v>
      </c>
      <c r="M5912" s="58">
        <f>Bühler!M5938</f>
        <v>0</v>
      </c>
      <c r="N5912" s="56">
        <f>IF(Input!$D$19=1,J5912*Input!$C$19,0)+IF(Input!$D$20=1,K5912*Input!$C$20,0)+IF(Input!$D$21=1,L5912*Input!$C$21,0)+IF(Input!$D$22=1,M5912*Input!$C$22,0)</f>
        <v>0.21067473592414609</v>
      </c>
      <c r="O5912" s="59">
        <f>IF(Input!$D$19=2,J5912*Input!$C$19,0)+IF(Input!$D$20=2,K5912*Input!$C$20,0)+IF(Input!$D$21=2,L5912*Input!$C$21,0)+IF(Input!$D$22=2,M5912*Input!$C$22,0)</f>
        <v>0.52668683981036513</v>
      </c>
      <c r="P5912" s="59">
        <f>IF(Input!$D$19=3,J5912*Input!$C$19,0)+IF(Input!$D$20=3,K5912*Input!$C$20,0)+IF(Input!$D$21=3,L5912*Input!$C$21,0)+IF(Input!$D$22=3,M5912*Input!$C$22,0)</f>
        <v>0</v>
      </c>
      <c r="Q5912" s="75">
        <f>IF(Input!$D$19=4,J5912*Input!$C$19,0)+IF(Input!$D$20=4,K5912*Input!$C$20,0)+IF(Input!$D$21=4,L5912*Input!$C$21,0)+IF(Input!$D$22=4,M5912*Input!$C$22,0)</f>
        <v>0</v>
      </c>
      <c r="R5912" s="58">
        <v>59.52972183073858</v>
      </c>
      <c r="S5912" s="124">
        <f t="shared" si="92"/>
        <v>0.91292385567129974</v>
      </c>
    </row>
    <row r="5913" spans="8:19" x14ac:dyDescent="0.3">
      <c r="H5913" s="44">
        <v>5906</v>
      </c>
      <c r="I5913" s="56">
        <f>Bühler!I5939</f>
        <v>0.21067473592414607</v>
      </c>
      <c r="J5913" s="59">
        <f>Bühler!J5939</f>
        <v>0.70224911974715365</v>
      </c>
      <c r="K5913" s="59">
        <f>Bühler!K5939</f>
        <v>1.0533736796207303</v>
      </c>
      <c r="L5913" s="59">
        <f>Bühler!L5939</f>
        <v>5.0561936621795054</v>
      </c>
      <c r="M5913" s="58">
        <f>Bühler!M5939</f>
        <v>0</v>
      </c>
      <c r="N5913" s="56">
        <f>IF(Input!$D$19=1,J5913*Input!$C$19,0)+IF(Input!$D$20=1,K5913*Input!$C$20,0)+IF(Input!$D$21=1,L5913*Input!$C$21,0)+IF(Input!$D$22=1,M5913*Input!$C$22,0)</f>
        <v>0.21067473592414609</v>
      </c>
      <c r="O5913" s="59">
        <f>IF(Input!$D$19=2,J5913*Input!$C$19,0)+IF(Input!$D$20=2,K5913*Input!$C$20,0)+IF(Input!$D$21=2,L5913*Input!$C$21,0)+IF(Input!$D$22=2,M5913*Input!$C$22,0)</f>
        <v>0.52668683981036513</v>
      </c>
      <c r="P5913" s="59">
        <f>IF(Input!$D$19=3,J5913*Input!$C$19,0)+IF(Input!$D$20=3,K5913*Input!$C$20,0)+IF(Input!$D$21=3,L5913*Input!$C$21,0)+IF(Input!$D$22=3,M5913*Input!$C$22,0)</f>
        <v>0</v>
      </c>
      <c r="Q5913" s="75">
        <f>IF(Input!$D$19=4,J5913*Input!$C$19,0)+IF(Input!$D$20=4,K5913*Input!$C$20,0)+IF(Input!$D$21=4,L5913*Input!$C$21,0)+IF(Input!$D$22=4,M5913*Input!$C$22,0)</f>
        <v>0</v>
      </c>
      <c r="R5913" s="58">
        <v>59.447959204089543</v>
      </c>
      <c r="S5913" s="124">
        <f t="shared" si="92"/>
        <v>0.91292385567129974</v>
      </c>
    </row>
    <row r="5914" spans="8:19" x14ac:dyDescent="0.3">
      <c r="H5914" s="44">
        <v>5907</v>
      </c>
      <c r="I5914" s="56">
        <f>Bühler!I5940</f>
        <v>0.21067473592414607</v>
      </c>
      <c r="J5914" s="59">
        <f>Bühler!J5940</f>
        <v>0.70224911974715365</v>
      </c>
      <c r="K5914" s="59">
        <f>Bühler!K5940</f>
        <v>1.0533736796207303</v>
      </c>
      <c r="L5914" s="59">
        <f>Bühler!L5940</f>
        <v>5.0561936621795054</v>
      </c>
      <c r="M5914" s="58">
        <f>Bühler!M5940</f>
        <v>0</v>
      </c>
      <c r="N5914" s="56">
        <f>IF(Input!$D$19=1,J5914*Input!$C$19,0)+IF(Input!$D$20=1,K5914*Input!$C$20,0)+IF(Input!$D$21=1,L5914*Input!$C$21,0)+IF(Input!$D$22=1,M5914*Input!$C$22,0)</f>
        <v>0.21067473592414609</v>
      </c>
      <c r="O5914" s="59">
        <f>IF(Input!$D$19=2,J5914*Input!$C$19,0)+IF(Input!$D$20=2,K5914*Input!$C$20,0)+IF(Input!$D$21=2,L5914*Input!$C$21,0)+IF(Input!$D$22=2,M5914*Input!$C$22,0)</f>
        <v>0.52668683981036513</v>
      </c>
      <c r="P5914" s="59">
        <f>IF(Input!$D$19=3,J5914*Input!$C$19,0)+IF(Input!$D$20=3,K5914*Input!$C$20,0)+IF(Input!$D$21=3,L5914*Input!$C$21,0)+IF(Input!$D$22=3,M5914*Input!$C$22,0)</f>
        <v>0</v>
      </c>
      <c r="Q5914" s="75">
        <f>IF(Input!$D$19=4,J5914*Input!$C$19,0)+IF(Input!$D$20=4,K5914*Input!$C$20,0)+IF(Input!$D$21=4,L5914*Input!$C$21,0)+IF(Input!$D$22=4,M5914*Input!$C$22,0)</f>
        <v>0</v>
      </c>
      <c r="R5914" s="58">
        <v>59.139937419758681</v>
      </c>
      <c r="S5914" s="124">
        <f t="shared" si="92"/>
        <v>0.91292385567129974</v>
      </c>
    </row>
    <row r="5915" spans="8:19" x14ac:dyDescent="0.3">
      <c r="H5915" s="44">
        <v>5908</v>
      </c>
      <c r="I5915" s="56">
        <f>Bühler!I5941</f>
        <v>0.21067473592414607</v>
      </c>
      <c r="J5915" s="59">
        <f>Bühler!J5941</f>
        <v>0.70224911974715365</v>
      </c>
      <c r="K5915" s="59">
        <f>Bühler!K5941</f>
        <v>1.0533736796207303</v>
      </c>
      <c r="L5915" s="59">
        <f>Bühler!L5941</f>
        <v>5.0561936621795054</v>
      </c>
      <c r="M5915" s="58">
        <f>Bühler!M5941</f>
        <v>0</v>
      </c>
      <c r="N5915" s="56">
        <f>IF(Input!$D$19=1,J5915*Input!$C$19,0)+IF(Input!$D$20=1,K5915*Input!$C$20,0)+IF(Input!$D$21=1,L5915*Input!$C$21,0)+IF(Input!$D$22=1,M5915*Input!$C$22,0)</f>
        <v>0.21067473592414609</v>
      </c>
      <c r="O5915" s="59">
        <f>IF(Input!$D$19=2,J5915*Input!$C$19,0)+IF(Input!$D$20=2,K5915*Input!$C$20,0)+IF(Input!$D$21=2,L5915*Input!$C$21,0)+IF(Input!$D$22=2,M5915*Input!$C$22,0)</f>
        <v>0.52668683981036513</v>
      </c>
      <c r="P5915" s="59">
        <f>IF(Input!$D$19=3,J5915*Input!$C$19,0)+IF(Input!$D$20=3,K5915*Input!$C$20,0)+IF(Input!$D$21=3,L5915*Input!$C$21,0)+IF(Input!$D$22=3,M5915*Input!$C$22,0)</f>
        <v>0</v>
      </c>
      <c r="Q5915" s="75">
        <f>IF(Input!$D$19=4,J5915*Input!$C$19,0)+IF(Input!$D$20=4,K5915*Input!$C$20,0)+IF(Input!$D$21=4,L5915*Input!$C$21,0)+IF(Input!$D$22=4,M5915*Input!$C$22,0)</f>
        <v>0</v>
      </c>
      <c r="R5915" s="58">
        <v>59.357681938510218</v>
      </c>
      <c r="S5915" s="124">
        <f t="shared" si="92"/>
        <v>0.91292385567129974</v>
      </c>
    </row>
    <row r="5916" spans="8:19" x14ac:dyDescent="0.3">
      <c r="H5916" s="44">
        <v>5909</v>
      </c>
      <c r="I5916" s="56">
        <f>Bühler!I5942</f>
        <v>0.21067473592414607</v>
      </c>
      <c r="J5916" s="59">
        <f>Bühler!J5942</f>
        <v>0.70224911974715365</v>
      </c>
      <c r="K5916" s="59">
        <f>Bühler!K5942</f>
        <v>1.0533736796207303</v>
      </c>
      <c r="L5916" s="59">
        <f>Bühler!L5942</f>
        <v>5.0561936621795054</v>
      </c>
      <c r="M5916" s="58">
        <f>Bühler!M5942</f>
        <v>0</v>
      </c>
      <c r="N5916" s="56">
        <f>IF(Input!$D$19=1,J5916*Input!$C$19,0)+IF(Input!$D$20=1,K5916*Input!$C$20,0)+IF(Input!$D$21=1,L5916*Input!$C$21,0)+IF(Input!$D$22=1,M5916*Input!$C$22,0)</f>
        <v>0.21067473592414609</v>
      </c>
      <c r="O5916" s="59">
        <f>IF(Input!$D$19=2,J5916*Input!$C$19,0)+IF(Input!$D$20=2,K5916*Input!$C$20,0)+IF(Input!$D$21=2,L5916*Input!$C$21,0)+IF(Input!$D$22=2,M5916*Input!$C$22,0)</f>
        <v>0.52668683981036513</v>
      </c>
      <c r="P5916" s="59">
        <f>IF(Input!$D$19=3,J5916*Input!$C$19,0)+IF(Input!$D$20=3,K5916*Input!$C$20,0)+IF(Input!$D$21=3,L5916*Input!$C$21,0)+IF(Input!$D$22=3,M5916*Input!$C$22,0)</f>
        <v>0</v>
      </c>
      <c r="Q5916" s="75">
        <f>IF(Input!$D$19=4,J5916*Input!$C$19,0)+IF(Input!$D$20=4,K5916*Input!$C$20,0)+IF(Input!$D$21=4,L5916*Input!$C$21,0)+IF(Input!$D$22=4,M5916*Input!$C$22,0)</f>
        <v>0</v>
      </c>
      <c r="R5916" s="58">
        <v>61.094103404539595</v>
      </c>
      <c r="S5916" s="124">
        <f t="shared" si="92"/>
        <v>0.91292385567129974</v>
      </c>
    </row>
    <row r="5917" spans="8:19" x14ac:dyDescent="0.3">
      <c r="H5917" s="44">
        <v>5910</v>
      </c>
      <c r="I5917" s="56">
        <f>Bühler!I5943</f>
        <v>0.27387715670138985</v>
      </c>
      <c r="J5917" s="59">
        <f>Bühler!J5943</f>
        <v>0.91292385567129952</v>
      </c>
      <c r="K5917" s="59">
        <f>Bühler!K5943</f>
        <v>1.3693857835069492</v>
      </c>
      <c r="L5917" s="59">
        <f>Bühler!L5943</f>
        <v>6.5730517608333558</v>
      </c>
      <c r="M5917" s="58">
        <f>Bühler!M5943</f>
        <v>0</v>
      </c>
      <c r="N5917" s="56">
        <f>IF(Input!$D$19=1,J5917*Input!$C$19,0)+IF(Input!$D$20=1,K5917*Input!$C$20,0)+IF(Input!$D$21=1,L5917*Input!$C$21,0)+IF(Input!$D$22=1,M5917*Input!$C$22,0)</f>
        <v>0.27387715670138985</v>
      </c>
      <c r="O5917" s="59">
        <f>IF(Input!$D$19=2,J5917*Input!$C$19,0)+IF(Input!$D$20=2,K5917*Input!$C$20,0)+IF(Input!$D$21=2,L5917*Input!$C$21,0)+IF(Input!$D$22=2,M5917*Input!$C$22,0)</f>
        <v>0.68469289175347459</v>
      </c>
      <c r="P5917" s="59">
        <f>IF(Input!$D$19=3,J5917*Input!$C$19,0)+IF(Input!$D$20=3,K5917*Input!$C$20,0)+IF(Input!$D$21=3,L5917*Input!$C$21,0)+IF(Input!$D$22=3,M5917*Input!$C$22,0)</f>
        <v>0</v>
      </c>
      <c r="Q5917" s="75">
        <f>IF(Input!$D$19=4,J5917*Input!$C$19,0)+IF(Input!$D$20=4,K5917*Input!$C$20,0)+IF(Input!$D$21=4,L5917*Input!$C$21,0)+IF(Input!$D$22=4,M5917*Input!$C$22,0)</f>
        <v>0</v>
      </c>
      <c r="R5917" s="58">
        <v>64.683679283347942</v>
      </c>
      <c r="S5917" s="124">
        <f t="shared" si="92"/>
        <v>1.1868010123726893</v>
      </c>
    </row>
    <row r="5918" spans="8:19" x14ac:dyDescent="0.3">
      <c r="H5918" s="44">
        <v>5911</v>
      </c>
      <c r="I5918" s="56">
        <f>Bühler!I5944</f>
        <v>0.3054783670900118</v>
      </c>
      <c r="J5918" s="59">
        <f>Bühler!J5944</f>
        <v>1.0182612236333728</v>
      </c>
      <c r="K5918" s="59">
        <f>Bühler!K5944</f>
        <v>1.5273918354500589</v>
      </c>
      <c r="L5918" s="59">
        <f>Bühler!L5944</f>
        <v>7.3314808101602829</v>
      </c>
      <c r="M5918" s="58">
        <f>Bühler!M5944</f>
        <v>0</v>
      </c>
      <c r="N5918" s="56">
        <f>IF(Input!$D$19=1,J5918*Input!$C$19,0)+IF(Input!$D$20=1,K5918*Input!$C$20,0)+IF(Input!$D$21=1,L5918*Input!$C$21,0)+IF(Input!$D$22=1,M5918*Input!$C$22,0)</f>
        <v>0.3054783670900118</v>
      </c>
      <c r="O5918" s="59">
        <f>IF(Input!$D$19=2,J5918*Input!$C$19,0)+IF(Input!$D$20=2,K5918*Input!$C$20,0)+IF(Input!$D$21=2,L5918*Input!$C$21,0)+IF(Input!$D$22=2,M5918*Input!$C$22,0)</f>
        <v>0.76369591772502943</v>
      </c>
      <c r="P5918" s="59">
        <f>IF(Input!$D$19=3,J5918*Input!$C$19,0)+IF(Input!$D$20=3,K5918*Input!$C$20,0)+IF(Input!$D$21=3,L5918*Input!$C$21,0)+IF(Input!$D$22=3,M5918*Input!$C$22,0)</f>
        <v>0</v>
      </c>
      <c r="Q5918" s="75">
        <f>IF(Input!$D$19=4,J5918*Input!$C$19,0)+IF(Input!$D$20=4,K5918*Input!$C$20,0)+IF(Input!$D$21=4,L5918*Input!$C$21,0)+IF(Input!$D$22=4,M5918*Input!$C$22,0)</f>
        <v>0</v>
      </c>
      <c r="R5918" s="58">
        <v>68.157121748637849</v>
      </c>
      <c r="S5918" s="124">
        <f t="shared" si="92"/>
        <v>1.3237395907233847</v>
      </c>
    </row>
    <row r="5919" spans="8:19" x14ac:dyDescent="0.3">
      <c r="H5919" s="44">
        <v>5912</v>
      </c>
      <c r="I5919" s="56">
        <f>Bühler!I5945</f>
        <v>0.31601210388621909</v>
      </c>
      <c r="J5919" s="59">
        <f>Bühler!J5945</f>
        <v>1.0533736796207305</v>
      </c>
      <c r="K5919" s="59">
        <f>Bühler!K5945</f>
        <v>1.5800605194310955</v>
      </c>
      <c r="L5919" s="59">
        <f>Bühler!L5945</f>
        <v>7.5842904932692585</v>
      </c>
      <c r="M5919" s="58">
        <f>Bühler!M5945</f>
        <v>0</v>
      </c>
      <c r="N5919" s="56">
        <f>IF(Input!$D$19=1,J5919*Input!$C$19,0)+IF(Input!$D$20=1,K5919*Input!$C$20,0)+IF(Input!$D$21=1,L5919*Input!$C$21,0)+IF(Input!$D$22=1,M5919*Input!$C$22,0)</f>
        <v>0.31601210388621914</v>
      </c>
      <c r="O5919" s="59">
        <f>IF(Input!$D$19=2,J5919*Input!$C$19,0)+IF(Input!$D$20=2,K5919*Input!$C$20,0)+IF(Input!$D$21=2,L5919*Input!$C$21,0)+IF(Input!$D$22=2,M5919*Input!$C$22,0)</f>
        <v>0.79003025971554774</v>
      </c>
      <c r="P5919" s="59">
        <f>IF(Input!$D$19=3,J5919*Input!$C$19,0)+IF(Input!$D$20=3,K5919*Input!$C$20,0)+IF(Input!$D$21=3,L5919*Input!$C$21,0)+IF(Input!$D$22=3,M5919*Input!$C$22,0)</f>
        <v>0</v>
      </c>
      <c r="Q5919" s="75">
        <f>IF(Input!$D$19=4,J5919*Input!$C$19,0)+IF(Input!$D$20=4,K5919*Input!$C$20,0)+IF(Input!$D$21=4,L5919*Input!$C$21,0)+IF(Input!$D$22=4,M5919*Input!$C$22,0)</f>
        <v>0</v>
      </c>
      <c r="R5919" s="58">
        <v>70.111655883343502</v>
      </c>
      <c r="S5919" s="124">
        <f t="shared" si="92"/>
        <v>1.3693857835069496</v>
      </c>
    </row>
    <row r="5920" spans="8:19" x14ac:dyDescent="0.3">
      <c r="H5920" s="44">
        <v>5913</v>
      </c>
      <c r="I5920" s="56">
        <f>Bühler!I5946</f>
        <v>0.31601210388621909</v>
      </c>
      <c r="J5920" s="59">
        <f>Bühler!J5946</f>
        <v>1.0533736796207305</v>
      </c>
      <c r="K5920" s="59">
        <f>Bühler!K5946</f>
        <v>1.5800605194310955</v>
      </c>
      <c r="L5920" s="59">
        <f>Bühler!L5946</f>
        <v>7.5842904932692585</v>
      </c>
      <c r="M5920" s="58">
        <f>Bühler!M5946</f>
        <v>0</v>
      </c>
      <c r="N5920" s="56">
        <f>IF(Input!$D$19=1,J5920*Input!$C$19,0)+IF(Input!$D$20=1,K5920*Input!$C$20,0)+IF(Input!$D$21=1,L5920*Input!$C$21,0)+IF(Input!$D$22=1,M5920*Input!$C$22,0)</f>
        <v>0.31601210388621914</v>
      </c>
      <c r="O5920" s="59">
        <f>IF(Input!$D$19=2,J5920*Input!$C$19,0)+IF(Input!$D$20=2,K5920*Input!$C$20,0)+IF(Input!$D$21=2,L5920*Input!$C$21,0)+IF(Input!$D$22=2,M5920*Input!$C$22,0)</f>
        <v>0.79003025971554774</v>
      </c>
      <c r="P5920" s="59">
        <f>IF(Input!$D$19=3,J5920*Input!$C$19,0)+IF(Input!$D$20=3,K5920*Input!$C$20,0)+IF(Input!$D$21=3,L5920*Input!$C$21,0)+IF(Input!$D$22=3,M5920*Input!$C$22,0)</f>
        <v>0</v>
      </c>
      <c r="Q5920" s="75">
        <f>IF(Input!$D$19=4,J5920*Input!$C$19,0)+IF(Input!$D$20=4,K5920*Input!$C$20,0)+IF(Input!$D$21=4,L5920*Input!$C$21,0)+IF(Input!$D$22=4,M5920*Input!$C$22,0)</f>
        <v>0</v>
      </c>
      <c r="R5920" s="58">
        <v>71.093613017943241</v>
      </c>
      <c r="S5920" s="124">
        <f t="shared" si="92"/>
        <v>1.3693857835069496</v>
      </c>
    </row>
    <row r="5921" spans="8:19" x14ac:dyDescent="0.3">
      <c r="H5921" s="44">
        <v>5914</v>
      </c>
      <c r="I5921" s="56">
        <f>Bühler!I5947</f>
        <v>0.34234644587673729</v>
      </c>
      <c r="J5921" s="59">
        <f>Bühler!J5947</f>
        <v>1.1411548195891246</v>
      </c>
      <c r="K5921" s="59">
        <f>Bühler!K5947</f>
        <v>1.7117322293836865</v>
      </c>
      <c r="L5921" s="59">
        <f>Bühler!L5947</f>
        <v>8.2163147010416964</v>
      </c>
      <c r="M5921" s="58">
        <f>Bühler!M5947</f>
        <v>0</v>
      </c>
      <c r="N5921" s="56">
        <f>IF(Input!$D$19=1,J5921*Input!$C$19,0)+IF(Input!$D$20=1,K5921*Input!$C$20,0)+IF(Input!$D$21=1,L5921*Input!$C$21,0)+IF(Input!$D$22=1,M5921*Input!$C$22,0)</f>
        <v>0.34234644587673735</v>
      </c>
      <c r="O5921" s="59">
        <f>IF(Input!$D$19=2,J5921*Input!$C$19,0)+IF(Input!$D$20=2,K5921*Input!$C$20,0)+IF(Input!$D$21=2,L5921*Input!$C$21,0)+IF(Input!$D$22=2,M5921*Input!$C$22,0)</f>
        <v>0.85586611469184326</v>
      </c>
      <c r="P5921" s="59">
        <f>IF(Input!$D$19=3,J5921*Input!$C$19,0)+IF(Input!$D$20=3,K5921*Input!$C$20,0)+IF(Input!$D$21=3,L5921*Input!$C$21,0)+IF(Input!$D$22=3,M5921*Input!$C$22,0)</f>
        <v>0</v>
      </c>
      <c r="Q5921" s="75">
        <f>IF(Input!$D$19=4,J5921*Input!$C$19,0)+IF(Input!$D$20=4,K5921*Input!$C$20,0)+IF(Input!$D$21=4,L5921*Input!$C$21,0)+IF(Input!$D$22=4,M5921*Input!$C$22,0)</f>
        <v>0</v>
      </c>
      <c r="R5921" s="58">
        <v>71.46660169188057</v>
      </c>
      <c r="S5921" s="124">
        <f t="shared" si="92"/>
        <v>1.4835012654658619</v>
      </c>
    </row>
    <row r="5922" spans="8:19" x14ac:dyDescent="0.3">
      <c r="H5922" s="44">
        <v>5915</v>
      </c>
      <c r="I5922" s="56">
        <f>Bühler!I5948</f>
        <v>0.35814705107104827</v>
      </c>
      <c r="J5922" s="59">
        <f>Bühler!J5948</f>
        <v>1.193823503570161</v>
      </c>
      <c r="K5922" s="59">
        <f>Bühler!K5948</f>
        <v>1.7907352553552414</v>
      </c>
      <c r="L5922" s="59">
        <f>Bühler!L5948</f>
        <v>8.5955292257051585</v>
      </c>
      <c r="M5922" s="58">
        <f>Bühler!M5948</f>
        <v>0</v>
      </c>
      <c r="N5922" s="56">
        <f>IF(Input!$D$19=1,J5922*Input!$C$19,0)+IF(Input!$D$20=1,K5922*Input!$C$20,0)+IF(Input!$D$21=1,L5922*Input!$C$21,0)+IF(Input!$D$22=1,M5922*Input!$C$22,0)</f>
        <v>0.35814705107104827</v>
      </c>
      <c r="O5922" s="59">
        <f>IF(Input!$D$19=2,J5922*Input!$C$19,0)+IF(Input!$D$20=2,K5922*Input!$C$20,0)+IF(Input!$D$21=2,L5922*Input!$C$21,0)+IF(Input!$D$22=2,M5922*Input!$C$22,0)</f>
        <v>0.89536762767762068</v>
      </c>
      <c r="P5922" s="59">
        <f>IF(Input!$D$19=3,J5922*Input!$C$19,0)+IF(Input!$D$20=3,K5922*Input!$C$20,0)+IF(Input!$D$21=3,L5922*Input!$C$21,0)+IF(Input!$D$22=3,M5922*Input!$C$22,0)</f>
        <v>0</v>
      </c>
      <c r="Q5922" s="75">
        <f>IF(Input!$D$19=4,J5922*Input!$C$19,0)+IF(Input!$D$20=4,K5922*Input!$C$20,0)+IF(Input!$D$21=4,L5922*Input!$C$21,0)+IF(Input!$D$22=4,M5922*Input!$C$22,0)</f>
        <v>0</v>
      </c>
      <c r="R5922" s="58">
        <v>72.287935798872795</v>
      </c>
      <c r="S5922" s="124">
        <f t="shared" si="92"/>
        <v>1.5519705546412093</v>
      </c>
    </row>
    <row r="5923" spans="8:19" x14ac:dyDescent="0.3">
      <c r="H5923" s="44">
        <v>5916</v>
      </c>
      <c r="I5923" s="56">
        <f>Bühler!I5949</f>
        <v>0.42134947184829213</v>
      </c>
      <c r="J5923" s="59">
        <f>Bühler!J5949</f>
        <v>1.4044982394943073</v>
      </c>
      <c r="K5923" s="59">
        <f>Bühler!K5949</f>
        <v>2.1067473592414605</v>
      </c>
      <c r="L5923" s="59">
        <f>Bühler!L5949</f>
        <v>10.112387324359011</v>
      </c>
      <c r="M5923" s="58">
        <f>Bühler!M5949</f>
        <v>0</v>
      </c>
      <c r="N5923" s="56">
        <f>IF(Input!$D$19=1,J5923*Input!$C$19,0)+IF(Input!$D$20=1,K5923*Input!$C$20,0)+IF(Input!$D$21=1,L5923*Input!$C$21,0)+IF(Input!$D$22=1,M5923*Input!$C$22,0)</f>
        <v>0.42134947184829219</v>
      </c>
      <c r="O5923" s="59">
        <f>IF(Input!$D$19=2,J5923*Input!$C$19,0)+IF(Input!$D$20=2,K5923*Input!$C$20,0)+IF(Input!$D$21=2,L5923*Input!$C$21,0)+IF(Input!$D$22=2,M5923*Input!$C$22,0)</f>
        <v>1.0533736796207303</v>
      </c>
      <c r="P5923" s="59">
        <f>IF(Input!$D$19=3,J5923*Input!$C$19,0)+IF(Input!$D$20=3,K5923*Input!$C$20,0)+IF(Input!$D$21=3,L5923*Input!$C$21,0)+IF(Input!$D$22=3,M5923*Input!$C$22,0)</f>
        <v>0</v>
      </c>
      <c r="Q5923" s="75">
        <f>IF(Input!$D$19=4,J5923*Input!$C$19,0)+IF(Input!$D$20=4,K5923*Input!$C$20,0)+IF(Input!$D$21=4,L5923*Input!$C$21,0)+IF(Input!$D$22=4,M5923*Input!$C$22,0)</f>
        <v>0</v>
      </c>
      <c r="R5923" s="58">
        <v>73.179973912878552</v>
      </c>
      <c r="S5923" s="124">
        <f t="shared" si="92"/>
        <v>1.8258477113425995</v>
      </c>
    </row>
    <row r="5924" spans="8:19" x14ac:dyDescent="0.3">
      <c r="H5924" s="44">
        <v>5917</v>
      </c>
      <c r="I5924" s="56">
        <f>Bühler!I5950</f>
        <v>0.42134947184829213</v>
      </c>
      <c r="J5924" s="59">
        <f>Bühler!J5950</f>
        <v>1.4044982394943073</v>
      </c>
      <c r="K5924" s="59">
        <f>Bühler!K5950</f>
        <v>2.1067473592414605</v>
      </c>
      <c r="L5924" s="59">
        <f>Bühler!L5950</f>
        <v>10.112387324359011</v>
      </c>
      <c r="M5924" s="58">
        <f>Bühler!M5950</f>
        <v>0</v>
      </c>
      <c r="N5924" s="56">
        <f>IF(Input!$D$19=1,J5924*Input!$C$19,0)+IF(Input!$D$20=1,K5924*Input!$C$20,0)+IF(Input!$D$21=1,L5924*Input!$C$21,0)+IF(Input!$D$22=1,M5924*Input!$C$22,0)</f>
        <v>0.42134947184829219</v>
      </c>
      <c r="O5924" s="59">
        <f>IF(Input!$D$19=2,J5924*Input!$C$19,0)+IF(Input!$D$20=2,K5924*Input!$C$20,0)+IF(Input!$D$21=2,L5924*Input!$C$21,0)+IF(Input!$D$22=2,M5924*Input!$C$22,0)</f>
        <v>1.0533736796207303</v>
      </c>
      <c r="P5924" s="59">
        <f>IF(Input!$D$19=3,J5924*Input!$C$19,0)+IF(Input!$D$20=3,K5924*Input!$C$20,0)+IF(Input!$D$21=3,L5924*Input!$C$21,0)+IF(Input!$D$22=3,M5924*Input!$C$22,0)</f>
        <v>0</v>
      </c>
      <c r="Q5924" s="75">
        <f>IF(Input!$D$19=4,J5924*Input!$C$19,0)+IF(Input!$D$20=4,K5924*Input!$C$20,0)+IF(Input!$D$21=4,L5924*Input!$C$21,0)+IF(Input!$D$22=4,M5924*Input!$C$22,0)</f>
        <v>0</v>
      </c>
      <c r="R5924" s="58">
        <v>73.18205804941833</v>
      </c>
      <c r="S5924" s="124">
        <f t="shared" si="92"/>
        <v>1.8258477113425995</v>
      </c>
    </row>
    <row r="5925" spans="8:19" x14ac:dyDescent="0.3">
      <c r="H5925" s="44">
        <v>5918</v>
      </c>
      <c r="I5925" s="56">
        <f>Bühler!I5951</f>
        <v>0.42134947184829213</v>
      </c>
      <c r="J5925" s="59">
        <f>Bühler!J5951</f>
        <v>1.4044982394943073</v>
      </c>
      <c r="K5925" s="59">
        <f>Bühler!K5951</f>
        <v>2.1067473592414605</v>
      </c>
      <c r="L5925" s="59">
        <f>Bühler!L5951</f>
        <v>10.112387324359011</v>
      </c>
      <c r="M5925" s="58">
        <f>Bühler!M5951</f>
        <v>0</v>
      </c>
      <c r="N5925" s="56">
        <f>IF(Input!$D$19=1,J5925*Input!$C$19,0)+IF(Input!$D$20=1,K5925*Input!$C$20,0)+IF(Input!$D$21=1,L5925*Input!$C$21,0)+IF(Input!$D$22=1,M5925*Input!$C$22,0)</f>
        <v>0.42134947184829219</v>
      </c>
      <c r="O5925" s="59">
        <f>IF(Input!$D$19=2,J5925*Input!$C$19,0)+IF(Input!$D$20=2,K5925*Input!$C$20,0)+IF(Input!$D$21=2,L5925*Input!$C$21,0)+IF(Input!$D$22=2,M5925*Input!$C$22,0)</f>
        <v>1.0533736796207303</v>
      </c>
      <c r="P5925" s="59">
        <f>IF(Input!$D$19=3,J5925*Input!$C$19,0)+IF(Input!$D$20=3,K5925*Input!$C$20,0)+IF(Input!$D$21=3,L5925*Input!$C$21,0)+IF(Input!$D$22=3,M5925*Input!$C$22,0)</f>
        <v>0</v>
      </c>
      <c r="Q5925" s="75">
        <f>IF(Input!$D$19=4,J5925*Input!$C$19,0)+IF(Input!$D$20=4,K5925*Input!$C$20,0)+IF(Input!$D$21=4,L5925*Input!$C$21,0)+IF(Input!$D$22=4,M5925*Input!$C$22,0)</f>
        <v>0</v>
      </c>
      <c r="R5925" s="58">
        <v>72.953624512372897</v>
      </c>
      <c r="S5925" s="124">
        <f t="shared" si="92"/>
        <v>1.8258477113425995</v>
      </c>
    </row>
    <row r="5926" spans="8:19" x14ac:dyDescent="0.3">
      <c r="H5926" s="44">
        <v>5919</v>
      </c>
      <c r="I5926" s="56">
        <f>Bühler!I5952</f>
        <v>0.42134947184829213</v>
      </c>
      <c r="J5926" s="59">
        <f>Bühler!J5952</f>
        <v>1.4044982394943073</v>
      </c>
      <c r="K5926" s="59">
        <f>Bühler!K5952</f>
        <v>2.1067473592414605</v>
      </c>
      <c r="L5926" s="59">
        <f>Bühler!L5952</f>
        <v>10.112387324359011</v>
      </c>
      <c r="M5926" s="58">
        <f>Bühler!M5952</f>
        <v>0</v>
      </c>
      <c r="N5926" s="56">
        <f>IF(Input!$D$19=1,J5926*Input!$C$19,0)+IF(Input!$D$20=1,K5926*Input!$C$20,0)+IF(Input!$D$21=1,L5926*Input!$C$21,0)+IF(Input!$D$22=1,M5926*Input!$C$22,0)</f>
        <v>0.42134947184829219</v>
      </c>
      <c r="O5926" s="59">
        <f>IF(Input!$D$19=2,J5926*Input!$C$19,0)+IF(Input!$D$20=2,K5926*Input!$C$20,0)+IF(Input!$D$21=2,L5926*Input!$C$21,0)+IF(Input!$D$22=2,M5926*Input!$C$22,0)</f>
        <v>1.0533736796207303</v>
      </c>
      <c r="P5926" s="59">
        <f>IF(Input!$D$19=3,J5926*Input!$C$19,0)+IF(Input!$D$20=3,K5926*Input!$C$20,0)+IF(Input!$D$21=3,L5926*Input!$C$21,0)+IF(Input!$D$22=3,M5926*Input!$C$22,0)</f>
        <v>0</v>
      </c>
      <c r="Q5926" s="75">
        <f>IF(Input!$D$19=4,J5926*Input!$C$19,0)+IF(Input!$D$20=4,K5926*Input!$C$20,0)+IF(Input!$D$21=4,L5926*Input!$C$21,0)+IF(Input!$D$22=4,M5926*Input!$C$22,0)</f>
        <v>0</v>
      </c>
      <c r="R5926" s="58">
        <v>72.830738970333655</v>
      </c>
      <c r="S5926" s="124">
        <f t="shared" si="92"/>
        <v>1.8258477113425995</v>
      </c>
    </row>
    <row r="5927" spans="8:19" x14ac:dyDescent="0.3">
      <c r="H5927" s="44">
        <v>5920</v>
      </c>
      <c r="I5927" s="56">
        <f>Bühler!I5953</f>
        <v>0.42134947184829213</v>
      </c>
      <c r="J5927" s="59">
        <f>Bühler!J5953</f>
        <v>1.4044982394943073</v>
      </c>
      <c r="K5927" s="59">
        <f>Bühler!K5953</f>
        <v>2.1067473592414605</v>
      </c>
      <c r="L5927" s="59">
        <f>Bühler!L5953</f>
        <v>10.112387324359011</v>
      </c>
      <c r="M5927" s="58">
        <f>Bühler!M5953</f>
        <v>0</v>
      </c>
      <c r="N5927" s="56">
        <f>IF(Input!$D$19=1,J5927*Input!$C$19,0)+IF(Input!$D$20=1,K5927*Input!$C$20,0)+IF(Input!$D$21=1,L5927*Input!$C$21,0)+IF(Input!$D$22=1,M5927*Input!$C$22,0)</f>
        <v>0.42134947184829219</v>
      </c>
      <c r="O5927" s="59">
        <f>IF(Input!$D$19=2,J5927*Input!$C$19,0)+IF(Input!$D$20=2,K5927*Input!$C$20,0)+IF(Input!$D$21=2,L5927*Input!$C$21,0)+IF(Input!$D$22=2,M5927*Input!$C$22,0)</f>
        <v>1.0533736796207303</v>
      </c>
      <c r="P5927" s="59">
        <f>IF(Input!$D$19=3,J5927*Input!$C$19,0)+IF(Input!$D$20=3,K5927*Input!$C$20,0)+IF(Input!$D$21=3,L5927*Input!$C$21,0)+IF(Input!$D$22=3,M5927*Input!$C$22,0)</f>
        <v>0</v>
      </c>
      <c r="Q5927" s="75">
        <f>IF(Input!$D$19=4,J5927*Input!$C$19,0)+IF(Input!$D$20=4,K5927*Input!$C$20,0)+IF(Input!$D$21=4,L5927*Input!$C$21,0)+IF(Input!$D$22=4,M5927*Input!$C$22,0)</f>
        <v>0</v>
      </c>
      <c r="R5927" s="58">
        <v>71.861963760550566</v>
      </c>
      <c r="S5927" s="124">
        <f t="shared" si="92"/>
        <v>1.8258477113425995</v>
      </c>
    </row>
    <row r="5928" spans="8:19" x14ac:dyDescent="0.3">
      <c r="H5928" s="44">
        <v>5921</v>
      </c>
      <c r="I5928" s="56">
        <f>Bühler!I5954</f>
        <v>0.42134947184829213</v>
      </c>
      <c r="J5928" s="59">
        <f>Bühler!J5954</f>
        <v>1.4044982394943073</v>
      </c>
      <c r="K5928" s="59">
        <f>Bühler!K5954</f>
        <v>2.1067473592414605</v>
      </c>
      <c r="L5928" s="59">
        <f>Bühler!L5954</f>
        <v>10.112387324359011</v>
      </c>
      <c r="M5928" s="58">
        <f>Bühler!M5954</f>
        <v>0</v>
      </c>
      <c r="N5928" s="56">
        <f>IF(Input!$D$19=1,J5928*Input!$C$19,0)+IF(Input!$D$20=1,K5928*Input!$C$20,0)+IF(Input!$D$21=1,L5928*Input!$C$21,0)+IF(Input!$D$22=1,M5928*Input!$C$22,0)</f>
        <v>0.42134947184829219</v>
      </c>
      <c r="O5928" s="59">
        <f>IF(Input!$D$19=2,J5928*Input!$C$19,0)+IF(Input!$D$20=2,K5928*Input!$C$20,0)+IF(Input!$D$21=2,L5928*Input!$C$21,0)+IF(Input!$D$22=2,M5928*Input!$C$22,0)</f>
        <v>1.0533736796207303</v>
      </c>
      <c r="P5928" s="59">
        <f>IF(Input!$D$19=3,J5928*Input!$C$19,0)+IF(Input!$D$20=3,K5928*Input!$C$20,0)+IF(Input!$D$21=3,L5928*Input!$C$21,0)+IF(Input!$D$22=3,M5928*Input!$C$22,0)</f>
        <v>0</v>
      </c>
      <c r="Q5928" s="75">
        <f>IF(Input!$D$19=4,J5928*Input!$C$19,0)+IF(Input!$D$20=4,K5928*Input!$C$20,0)+IF(Input!$D$21=4,L5928*Input!$C$21,0)+IF(Input!$D$22=4,M5928*Input!$C$22,0)</f>
        <v>0</v>
      </c>
      <c r="R5928" s="58">
        <v>69.687455142386881</v>
      </c>
      <c r="S5928" s="124">
        <f t="shared" si="92"/>
        <v>1.8258477113425995</v>
      </c>
    </row>
    <row r="5929" spans="8:19" x14ac:dyDescent="0.3">
      <c r="H5929" s="44">
        <v>5922</v>
      </c>
      <c r="I5929" s="56">
        <f>Bühler!I5955</f>
        <v>0.42134947184829213</v>
      </c>
      <c r="J5929" s="59">
        <f>Bühler!J5955</f>
        <v>1.4044982394943073</v>
      </c>
      <c r="K5929" s="59">
        <f>Bühler!K5955</f>
        <v>2.1067473592414605</v>
      </c>
      <c r="L5929" s="59">
        <f>Bühler!L5955</f>
        <v>10.112387324359011</v>
      </c>
      <c r="M5929" s="58">
        <f>Bühler!M5955</f>
        <v>0</v>
      </c>
      <c r="N5929" s="56">
        <f>IF(Input!$D$19=1,J5929*Input!$C$19,0)+IF(Input!$D$20=1,K5929*Input!$C$20,0)+IF(Input!$D$21=1,L5929*Input!$C$21,0)+IF(Input!$D$22=1,M5929*Input!$C$22,0)</f>
        <v>0.42134947184829219</v>
      </c>
      <c r="O5929" s="59">
        <f>IF(Input!$D$19=2,J5929*Input!$C$19,0)+IF(Input!$D$20=2,K5929*Input!$C$20,0)+IF(Input!$D$21=2,L5929*Input!$C$21,0)+IF(Input!$D$22=2,M5929*Input!$C$22,0)</f>
        <v>1.0533736796207303</v>
      </c>
      <c r="P5929" s="59">
        <f>IF(Input!$D$19=3,J5929*Input!$C$19,0)+IF(Input!$D$20=3,K5929*Input!$C$20,0)+IF(Input!$D$21=3,L5929*Input!$C$21,0)+IF(Input!$D$22=3,M5929*Input!$C$22,0)</f>
        <v>0</v>
      </c>
      <c r="Q5929" s="75">
        <f>IF(Input!$D$19=4,J5929*Input!$C$19,0)+IF(Input!$D$20=4,K5929*Input!$C$20,0)+IF(Input!$D$21=4,L5929*Input!$C$21,0)+IF(Input!$D$22=4,M5929*Input!$C$22,0)</f>
        <v>0</v>
      </c>
      <c r="R5929" s="58">
        <v>68.078061052152933</v>
      </c>
      <c r="S5929" s="124">
        <f t="shared" si="92"/>
        <v>1.8258477113425995</v>
      </c>
    </row>
    <row r="5930" spans="8:19" x14ac:dyDescent="0.3">
      <c r="H5930" s="44">
        <v>5923</v>
      </c>
      <c r="I5930" s="56">
        <f>Bühler!I5956</f>
        <v>0.42134947184829213</v>
      </c>
      <c r="J5930" s="59">
        <f>Bühler!J5956</f>
        <v>1.4044982394943073</v>
      </c>
      <c r="K5930" s="59">
        <f>Bühler!K5956</f>
        <v>2.1067473592414605</v>
      </c>
      <c r="L5930" s="59">
        <f>Bühler!L5956</f>
        <v>10.112387324359011</v>
      </c>
      <c r="M5930" s="58">
        <f>Bühler!M5956</f>
        <v>0</v>
      </c>
      <c r="N5930" s="56">
        <f>IF(Input!$D$19=1,J5930*Input!$C$19,0)+IF(Input!$D$20=1,K5930*Input!$C$20,0)+IF(Input!$D$21=1,L5930*Input!$C$21,0)+IF(Input!$D$22=1,M5930*Input!$C$22,0)</f>
        <v>0.42134947184829219</v>
      </c>
      <c r="O5930" s="59">
        <f>IF(Input!$D$19=2,J5930*Input!$C$19,0)+IF(Input!$D$20=2,K5930*Input!$C$20,0)+IF(Input!$D$21=2,L5930*Input!$C$21,0)+IF(Input!$D$22=2,M5930*Input!$C$22,0)</f>
        <v>1.0533736796207303</v>
      </c>
      <c r="P5930" s="59">
        <f>IF(Input!$D$19=3,J5930*Input!$C$19,0)+IF(Input!$D$20=3,K5930*Input!$C$20,0)+IF(Input!$D$21=3,L5930*Input!$C$21,0)+IF(Input!$D$22=3,M5930*Input!$C$22,0)</f>
        <v>0</v>
      </c>
      <c r="Q5930" s="75">
        <f>IF(Input!$D$19=4,J5930*Input!$C$19,0)+IF(Input!$D$20=4,K5930*Input!$C$20,0)+IF(Input!$D$21=4,L5930*Input!$C$21,0)+IF(Input!$D$22=4,M5930*Input!$C$22,0)</f>
        <v>0</v>
      </c>
      <c r="R5930" s="58">
        <v>66.40342216521168</v>
      </c>
      <c r="S5930" s="124">
        <f t="shared" si="92"/>
        <v>1.8258477113425995</v>
      </c>
    </row>
    <row r="5931" spans="8:19" x14ac:dyDescent="0.3">
      <c r="H5931" s="44">
        <v>5924</v>
      </c>
      <c r="I5931" s="56">
        <f>Bühler!I5957</f>
        <v>0.35288018267294463</v>
      </c>
      <c r="J5931" s="59">
        <f>Bühler!J5957</f>
        <v>1.1762672755764823</v>
      </c>
      <c r="K5931" s="59">
        <f>Bühler!K5957</f>
        <v>1.7644009133647232</v>
      </c>
      <c r="L5931" s="59">
        <f>Bühler!L5957</f>
        <v>8.4691243841506711</v>
      </c>
      <c r="M5931" s="58">
        <f>Bühler!M5957</f>
        <v>0</v>
      </c>
      <c r="N5931" s="56">
        <f>IF(Input!$D$19=1,J5931*Input!$C$19,0)+IF(Input!$D$20=1,K5931*Input!$C$20,0)+IF(Input!$D$21=1,L5931*Input!$C$21,0)+IF(Input!$D$22=1,M5931*Input!$C$22,0)</f>
        <v>0.35288018267294469</v>
      </c>
      <c r="O5931" s="59">
        <f>IF(Input!$D$19=2,J5931*Input!$C$19,0)+IF(Input!$D$20=2,K5931*Input!$C$20,0)+IF(Input!$D$21=2,L5931*Input!$C$21,0)+IF(Input!$D$22=2,M5931*Input!$C$22,0)</f>
        <v>0.88220045668236158</v>
      </c>
      <c r="P5931" s="59">
        <f>IF(Input!$D$19=3,J5931*Input!$C$19,0)+IF(Input!$D$20=3,K5931*Input!$C$20,0)+IF(Input!$D$21=3,L5931*Input!$C$21,0)+IF(Input!$D$22=3,M5931*Input!$C$22,0)</f>
        <v>0</v>
      </c>
      <c r="Q5931" s="75">
        <f>IF(Input!$D$19=4,J5931*Input!$C$19,0)+IF(Input!$D$20=4,K5931*Input!$C$20,0)+IF(Input!$D$21=4,L5931*Input!$C$21,0)+IF(Input!$D$22=4,M5931*Input!$C$22,0)</f>
        <v>0</v>
      </c>
      <c r="R5931" s="58">
        <v>65.356761808530152</v>
      </c>
      <c r="S5931" s="124">
        <f t="shared" si="92"/>
        <v>1.5291474582494269</v>
      </c>
    </row>
    <row r="5932" spans="8:19" x14ac:dyDescent="0.3">
      <c r="H5932" s="44">
        <v>5925</v>
      </c>
      <c r="I5932" s="56">
        <f>Bühler!I5958</f>
        <v>0.28967776189570077</v>
      </c>
      <c r="J5932" s="59">
        <f>Bühler!J5958</f>
        <v>0.96559253965233605</v>
      </c>
      <c r="K5932" s="59">
        <f>Bühler!K5958</f>
        <v>1.448388809478504</v>
      </c>
      <c r="L5932" s="59">
        <f>Bühler!L5958</f>
        <v>6.9522662854968189</v>
      </c>
      <c r="M5932" s="58">
        <f>Bühler!M5958</f>
        <v>0</v>
      </c>
      <c r="N5932" s="56">
        <f>IF(Input!$D$19=1,J5932*Input!$C$19,0)+IF(Input!$D$20=1,K5932*Input!$C$20,0)+IF(Input!$D$21=1,L5932*Input!$C$21,0)+IF(Input!$D$22=1,M5932*Input!$C$22,0)</f>
        <v>0.28967776189570082</v>
      </c>
      <c r="O5932" s="59">
        <f>IF(Input!$D$19=2,J5932*Input!$C$19,0)+IF(Input!$D$20=2,K5932*Input!$C$20,0)+IF(Input!$D$21=2,L5932*Input!$C$21,0)+IF(Input!$D$22=2,M5932*Input!$C$22,0)</f>
        <v>0.72419440473925201</v>
      </c>
      <c r="P5932" s="59">
        <f>IF(Input!$D$19=3,J5932*Input!$C$19,0)+IF(Input!$D$20=3,K5932*Input!$C$20,0)+IF(Input!$D$21=3,L5932*Input!$C$21,0)+IF(Input!$D$22=3,M5932*Input!$C$22,0)</f>
        <v>0</v>
      </c>
      <c r="Q5932" s="75">
        <f>IF(Input!$D$19=4,J5932*Input!$C$19,0)+IF(Input!$D$20=4,K5932*Input!$C$20,0)+IF(Input!$D$21=4,L5932*Input!$C$21,0)+IF(Input!$D$22=4,M5932*Input!$C$22,0)</f>
        <v>0</v>
      </c>
      <c r="R5932" s="58">
        <v>63.108336413295909</v>
      </c>
      <c r="S5932" s="124">
        <f t="shared" si="92"/>
        <v>1.2552703015480369</v>
      </c>
    </row>
    <row r="5933" spans="8:19" x14ac:dyDescent="0.3">
      <c r="H5933" s="44">
        <v>5926</v>
      </c>
      <c r="I5933" s="56">
        <f>Bühler!I5959</f>
        <v>0.21067473592414607</v>
      </c>
      <c r="J5933" s="59">
        <f>Bühler!J5959</f>
        <v>0.70224911974715365</v>
      </c>
      <c r="K5933" s="59">
        <f>Bühler!K5959</f>
        <v>1.0533736796207303</v>
      </c>
      <c r="L5933" s="59">
        <f>Bühler!L5959</f>
        <v>5.0561936621795054</v>
      </c>
      <c r="M5933" s="58">
        <f>Bühler!M5959</f>
        <v>0</v>
      </c>
      <c r="N5933" s="56">
        <f>IF(Input!$D$19=1,J5933*Input!$C$19,0)+IF(Input!$D$20=1,K5933*Input!$C$20,0)+IF(Input!$D$21=1,L5933*Input!$C$21,0)+IF(Input!$D$22=1,M5933*Input!$C$22,0)</f>
        <v>0.21067473592414609</v>
      </c>
      <c r="O5933" s="59">
        <f>IF(Input!$D$19=2,J5933*Input!$C$19,0)+IF(Input!$D$20=2,K5933*Input!$C$20,0)+IF(Input!$D$21=2,L5933*Input!$C$21,0)+IF(Input!$D$22=2,M5933*Input!$C$22,0)</f>
        <v>0.52668683981036513</v>
      </c>
      <c r="P5933" s="59">
        <f>IF(Input!$D$19=3,J5933*Input!$C$19,0)+IF(Input!$D$20=3,K5933*Input!$C$20,0)+IF(Input!$D$21=3,L5933*Input!$C$21,0)+IF(Input!$D$22=3,M5933*Input!$C$22,0)</f>
        <v>0</v>
      </c>
      <c r="Q5933" s="75">
        <f>IF(Input!$D$19=4,J5933*Input!$C$19,0)+IF(Input!$D$20=4,K5933*Input!$C$20,0)+IF(Input!$D$21=4,L5933*Input!$C$21,0)+IF(Input!$D$22=4,M5933*Input!$C$22,0)</f>
        <v>0</v>
      </c>
      <c r="R5933" s="58">
        <v>60.740579642860965</v>
      </c>
      <c r="S5933" s="124">
        <f t="shared" si="92"/>
        <v>0.91292385567129974</v>
      </c>
    </row>
    <row r="5934" spans="8:19" x14ac:dyDescent="0.3">
      <c r="H5934" s="44">
        <v>5927</v>
      </c>
      <c r="I5934" s="56">
        <f>Bühler!I5960</f>
        <v>0.21067473592414607</v>
      </c>
      <c r="J5934" s="59">
        <f>Bühler!J5960</f>
        <v>0.70224911974715365</v>
      </c>
      <c r="K5934" s="59">
        <f>Bühler!K5960</f>
        <v>1.0533736796207303</v>
      </c>
      <c r="L5934" s="59">
        <f>Bühler!L5960</f>
        <v>5.0561936621795054</v>
      </c>
      <c r="M5934" s="58">
        <f>Bühler!M5960</f>
        <v>0</v>
      </c>
      <c r="N5934" s="56">
        <f>IF(Input!$D$19=1,J5934*Input!$C$19,0)+IF(Input!$D$20=1,K5934*Input!$C$20,0)+IF(Input!$D$21=1,L5934*Input!$C$21,0)+IF(Input!$D$22=1,M5934*Input!$C$22,0)</f>
        <v>0.21067473592414609</v>
      </c>
      <c r="O5934" s="59">
        <f>IF(Input!$D$19=2,J5934*Input!$C$19,0)+IF(Input!$D$20=2,K5934*Input!$C$20,0)+IF(Input!$D$21=2,L5934*Input!$C$21,0)+IF(Input!$D$22=2,M5934*Input!$C$22,0)</f>
        <v>0.52668683981036513</v>
      </c>
      <c r="P5934" s="59">
        <f>IF(Input!$D$19=3,J5934*Input!$C$19,0)+IF(Input!$D$20=3,K5934*Input!$C$20,0)+IF(Input!$D$21=3,L5934*Input!$C$21,0)+IF(Input!$D$22=3,M5934*Input!$C$22,0)</f>
        <v>0</v>
      </c>
      <c r="Q5934" s="75">
        <f>IF(Input!$D$19=4,J5934*Input!$C$19,0)+IF(Input!$D$20=4,K5934*Input!$C$20,0)+IF(Input!$D$21=4,L5934*Input!$C$21,0)+IF(Input!$D$22=4,M5934*Input!$C$22,0)</f>
        <v>0</v>
      </c>
      <c r="R5934" s="58">
        <v>59.87860219606776</v>
      </c>
      <c r="S5934" s="124">
        <f t="shared" si="92"/>
        <v>0.91292385567129974</v>
      </c>
    </row>
    <row r="5935" spans="8:19" x14ac:dyDescent="0.3">
      <c r="H5935" s="44">
        <v>5928</v>
      </c>
      <c r="I5935" s="56">
        <f>Bühler!I5961</f>
        <v>0.21067473592414607</v>
      </c>
      <c r="J5935" s="59">
        <f>Bühler!J5961</f>
        <v>0.70224911974715365</v>
      </c>
      <c r="K5935" s="59">
        <f>Bühler!K5961</f>
        <v>1.0533736796207303</v>
      </c>
      <c r="L5935" s="59">
        <f>Bühler!L5961</f>
        <v>5.0561936621795054</v>
      </c>
      <c r="M5935" s="58">
        <f>Bühler!M5961</f>
        <v>0</v>
      </c>
      <c r="N5935" s="56">
        <f>IF(Input!$D$19=1,J5935*Input!$C$19,0)+IF(Input!$D$20=1,K5935*Input!$C$20,0)+IF(Input!$D$21=1,L5935*Input!$C$21,0)+IF(Input!$D$22=1,M5935*Input!$C$22,0)</f>
        <v>0.21067473592414609</v>
      </c>
      <c r="O5935" s="59">
        <f>IF(Input!$D$19=2,J5935*Input!$C$19,0)+IF(Input!$D$20=2,K5935*Input!$C$20,0)+IF(Input!$D$21=2,L5935*Input!$C$21,0)+IF(Input!$D$22=2,M5935*Input!$C$22,0)</f>
        <v>0.52668683981036513</v>
      </c>
      <c r="P5935" s="59">
        <f>IF(Input!$D$19=3,J5935*Input!$C$19,0)+IF(Input!$D$20=3,K5935*Input!$C$20,0)+IF(Input!$D$21=3,L5935*Input!$C$21,0)+IF(Input!$D$22=3,M5935*Input!$C$22,0)</f>
        <v>0</v>
      </c>
      <c r="Q5935" s="75">
        <f>IF(Input!$D$19=4,J5935*Input!$C$19,0)+IF(Input!$D$20=4,K5935*Input!$C$20,0)+IF(Input!$D$21=4,L5935*Input!$C$21,0)+IF(Input!$D$22=4,M5935*Input!$C$22,0)</f>
        <v>0</v>
      </c>
      <c r="R5935" s="58">
        <v>58.983487960940835</v>
      </c>
      <c r="S5935" s="124">
        <f t="shared" si="92"/>
        <v>0.91292385567129974</v>
      </c>
    </row>
    <row r="5936" spans="8:19" x14ac:dyDescent="0.3">
      <c r="H5936" s="44">
        <v>5929</v>
      </c>
      <c r="I5936" s="56">
        <f>Bühler!I5962</f>
        <v>0.19120493010126238</v>
      </c>
      <c r="J5936" s="59">
        <f>Bühler!J5962</f>
        <v>0.63734976700420809</v>
      </c>
      <c r="K5936" s="59">
        <f>Bühler!K5962</f>
        <v>0.95602465050631191</v>
      </c>
      <c r="L5936" s="59">
        <f>Bühler!L5962</f>
        <v>4.5889183224302972</v>
      </c>
      <c r="M5936" s="58">
        <f>Bühler!M5962</f>
        <v>0</v>
      </c>
      <c r="N5936" s="56">
        <f>IF(Input!$D$19=1,J5936*Input!$C$19,0)+IF(Input!$D$20=1,K5936*Input!$C$20,0)+IF(Input!$D$21=1,L5936*Input!$C$21,0)+IF(Input!$D$22=1,M5936*Input!$C$22,0)</f>
        <v>0.19120493010126241</v>
      </c>
      <c r="O5936" s="59">
        <f>IF(Input!$D$19=2,J5936*Input!$C$19,0)+IF(Input!$D$20=2,K5936*Input!$C$20,0)+IF(Input!$D$21=2,L5936*Input!$C$21,0)+IF(Input!$D$22=2,M5936*Input!$C$22,0)</f>
        <v>0.47801232525315596</v>
      </c>
      <c r="P5936" s="59">
        <f>IF(Input!$D$19=3,J5936*Input!$C$19,0)+IF(Input!$D$20=3,K5936*Input!$C$20,0)+IF(Input!$D$21=3,L5936*Input!$C$21,0)+IF(Input!$D$22=3,M5936*Input!$C$22,0)</f>
        <v>0</v>
      </c>
      <c r="Q5936" s="75">
        <f>IF(Input!$D$19=4,J5936*Input!$C$19,0)+IF(Input!$D$20=4,K5936*Input!$C$20,0)+IF(Input!$D$21=4,L5936*Input!$C$21,0)+IF(Input!$D$22=4,M5936*Input!$C$22,0)</f>
        <v>0</v>
      </c>
      <c r="R5936" s="58">
        <v>57.932983840530063</v>
      </c>
      <c r="S5936" s="124">
        <f t="shared" si="92"/>
        <v>0.82855469710547047</v>
      </c>
    </row>
    <row r="5937" spans="8:19" x14ac:dyDescent="0.3">
      <c r="H5937" s="44">
        <v>5930</v>
      </c>
      <c r="I5937" s="56">
        <f>Bühler!I5963</f>
        <v>0.21510554636392021</v>
      </c>
      <c r="J5937" s="59">
        <f>Bühler!J5963</f>
        <v>0.7170184878797341</v>
      </c>
      <c r="K5937" s="59">
        <f>Bühler!K5963</f>
        <v>1.075527731819601</v>
      </c>
      <c r="L5937" s="59">
        <f>Bühler!L5963</f>
        <v>5.162533112734085</v>
      </c>
      <c r="M5937" s="58">
        <f>Bühler!M5963</f>
        <v>0</v>
      </c>
      <c r="N5937" s="56">
        <f>IF(Input!$D$19=1,J5937*Input!$C$19,0)+IF(Input!$D$20=1,K5937*Input!$C$20,0)+IF(Input!$D$21=1,L5937*Input!$C$21,0)+IF(Input!$D$22=1,M5937*Input!$C$22,0)</f>
        <v>0.21510554636392024</v>
      </c>
      <c r="O5937" s="59">
        <f>IF(Input!$D$19=2,J5937*Input!$C$19,0)+IF(Input!$D$20=2,K5937*Input!$C$20,0)+IF(Input!$D$21=2,L5937*Input!$C$21,0)+IF(Input!$D$22=2,M5937*Input!$C$22,0)</f>
        <v>0.53776386590980052</v>
      </c>
      <c r="P5937" s="59">
        <f>IF(Input!$D$19=3,J5937*Input!$C$19,0)+IF(Input!$D$20=3,K5937*Input!$C$20,0)+IF(Input!$D$21=3,L5937*Input!$C$21,0)+IF(Input!$D$22=3,M5937*Input!$C$22,0)</f>
        <v>0</v>
      </c>
      <c r="Q5937" s="75">
        <f>IF(Input!$D$19=4,J5937*Input!$C$19,0)+IF(Input!$D$20=4,K5937*Input!$C$20,0)+IF(Input!$D$21=4,L5937*Input!$C$21,0)+IF(Input!$D$22=4,M5937*Input!$C$22,0)</f>
        <v>0</v>
      </c>
      <c r="R5937" s="58">
        <v>57.302100005222393</v>
      </c>
      <c r="S5937" s="124">
        <f t="shared" si="92"/>
        <v>0.93212403424365431</v>
      </c>
    </row>
    <row r="5938" spans="8:19" x14ac:dyDescent="0.3">
      <c r="H5938" s="44">
        <v>5931</v>
      </c>
      <c r="I5938" s="56">
        <f>Bühler!I5964</f>
        <v>0.21510554636392021</v>
      </c>
      <c r="J5938" s="59">
        <f>Bühler!J5964</f>
        <v>0.7170184878797341</v>
      </c>
      <c r="K5938" s="59">
        <f>Bühler!K5964</f>
        <v>1.075527731819601</v>
      </c>
      <c r="L5938" s="59">
        <f>Bühler!L5964</f>
        <v>5.162533112734085</v>
      </c>
      <c r="M5938" s="58">
        <f>Bühler!M5964</f>
        <v>0</v>
      </c>
      <c r="N5938" s="56">
        <f>IF(Input!$D$19=1,J5938*Input!$C$19,0)+IF(Input!$D$20=1,K5938*Input!$C$20,0)+IF(Input!$D$21=1,L5938*Input!$C$21,0)+IF(Input!$D$22=1,M5938*Input!$C$22,0)</f>
        <v>0.21510554636392024</v>
      </c>
      <c r="O5938" s="59">
        <f>IF(Input!$D$19=2,J5938*Input!$C$19,0)+IF(Input!$D$20=2,K5938*Input!$C$20,0)+IF(Input!$D$21=2,L5938*Input!$C$21,0)+IF(Input!$D$22=2,M5938*Input!$C$22,0)</f>
        <v>0.53776386590980052</v>
      </c>
      <c r="P5938" s="59">
        <f>IF(Input!$D$19=3,J5938*Input!$C$19,0)+IF(Input!$D$20=3,K5938*Input!$C$20,0)+IF(Input!$D$21=3,L5938*Input!$C$21,0)+IF(Input!$D$22=3,M5938*Input!$C$22,0)</f>
        <v>0</v>
      </c>
      <c r="Q5938" s="75">
        <f>IF(Input!$D$19=4,J5938*Input!$C$19,0)+IF(Input!$D$20=4,K5938*Input!$C$20,0)+IF(Input!$D$21=4,L5938*Input!$C$21,0)+IF(Input!$D$22=4,M5938*Input!$C$22,0)</f>
        <v>0</v>
      </c>
      <c r="R5938" s="58">
        <v>57.240802356274862</v>
      </c>
      <c r="S5938" s="124">
        <f t="shared" si="92"/>
        <v>0.93212403424365431</v>
      </c>
    </row>
    <row r="5939" spans="8:19" x14ac:dyDescent="0.3">
      <c r="H5939" s="44">
        <v>5932</v>
      </c>
      <c r="I5939" s="56">
        <f>Bühler!I5965</f>
        <v>0.21510554636392021</v>
      </c>
      <c r="J5939" s="59">
        <f>Bühler!J5965</f>
        <v>0.7170184878797341</v>
      </c>
      <c r="K5939" s="59">
        <f>Bühler!K5965</f>
        <v>1.075527731819601</v>
      </c>
      <c r="L5939" s="59">
        <f>Bühler!L5965</f>
        <v>5.162533112734085</v>
      </c>
      <c r="M5939" s="58">
        <f>Bühler!M5965</f>
        <v>0</v>
      </c>
      <c r="N5939" s="56">
        <f>IF(Input!$D$19=1,J5939*Input!$C$19,0)+IF(Input!$D$20=1,K5939*Input!$C$20,0)+IF(Input!$D$21=1,L5939*Input!$C$21,0)+IF(Input!$D$22=1,M5939*Input!$C$22,0)</f>
        <v>0.21510554636392024</v>
      </c>
      <c r="O5939" s="59">
        <f>IF(Input!$D$19=2,J5939*Input!$C$19,0)+IF(Input!$D$20=2,K5939*Input!$C$20,0)+IF(Input!$D$21=2,L5939*Input!$C$21,0)+IF(Input!$D$22=2,M5939*Input!$C$22,0)</f>
        <v>0.53776386590980052</v>
      </c>
      <c r="P5939" s="59">
        <f>IF(Input!$D$19=3,J5939*Input!$C$19,0)+IF(Input!$D$20=3,K5939*Input!$C$20,0)+IF(Input!$D$21=3,L5939*Input!$C$21,0)+IF(Input!$D$22=3,M5939*Input!$C$22,0)</f>
        <v>0</v>
      </c>
      <c r="Q5939" s="75">
        <f>IF(Input!$D$19=4,J5939*Input!$C$19,0)+IF(Input!$D$20=4,K5939*Input!$C$20,0)+IF(Input!$D$21=4,L5939*Input!$C$21,0)+IF(Input!$D$22=4,M5939*Input!$C$22,0)</f>
        <v>0</v>
      </c>
      <c r="R5939" s="58">
        <v>57.514135513058136</v>
      </c>
      <c r="S5939" s="124">
        <f t="shared" si="92"/>
        <v>0.93212403424365431</v>
      </c>
    </row>
    <row r="5940" spans="8:19" x14ac:dyDescent="0.3">
      <c r="H5940" s="44">
        <v>5933</v>
      </c>
      <c r="I5940" s="56">
        <f>Bühler!I5966</f>
        <v>0.21510554636392021</v>
      </c>
      <c r="J5940" s="59">
        <f>Bühler!J5966</f>
        <v>0.7170184878797341</v>
      </c>
      <c r="K5940" s="59">
        <f>Bühler!K5966</f>
        <v>1.075527731819601</v>
      </c>
      <c r="L5940" s="59">
        <f>Bühler!L5966</f>
        <v>5.162533112734085</v>
      </c>
      <c r="M5940" s="58">
        <f>Bühler!M5966</f>
        <v>0</v>
      </c>
      <c r="N5940" s="56">
        <f>IF(Input!$D$19=1,J5940*Input!$C$19,0)+IF(Input!$D$20=1,K5940*Input!$C$20,0)+IF(Input!$D$21=1,L5940*Input!$C$21,0)+IF(Input!$D$22=1,M5940*Input!$C$22,0)</f>
        <v>0.21510554636392024</v>
      </c>
      <c r="O5940" s="59">
        <f>IF(Input!$D$19=2,J5940*Input!$C$19,0)+IF(Input!$D$20=2,K5940*Input!$C$20,0)+IF(Input!$D$21=2,L5940*Input!$C$21,0)+IF(Input!$D$22=2,M5940*Input!$C$22,0)</f>
        <v>0.53776386590980052</v>
      </c>
      <c r="P5940" s="59">
        <f>IF(Input!$D$19=3,J5940*Input!$C$19,0)+IF(Input!$D$20=3,K5940*Input!$C$20,0)+IF(Input!$D$21=3,L5940*Input!$C$21,0)+IF(Input!$D$22=3,M5940*Input!$C$22,0)</f>
        <v>0</v>
      </c>
      <c r="Q5940" s="75">
        <f>IF(Input!$D$19=4,J5940*Input!$C$19,0)+IF(Input!$D$20=4,K5940*Input!$C$20,0)+IF(Input!$D$21=4,L5940*Input!$C$21,0)+IF(Input!$D$22=4,M5940*Input!$C$22,0)</f>
        <v>0</v>
      </c>
      <c r="R5940" s="58">
        <v>58.968829886338078</v>
      </c>
      <c r="S5940" s="124">
        <f t="shared" si="92"/>
        <v>0.93212403424365431</v>
      </c>
    </row>
    <row r="5941" spans="8:19" x14ac:dyDescent="0.3">
      <c r="H5941" s="44">
        <v>5934</v>
      </c>
      <c r="I5941" s="56">
        <f>Bühler!I5967</f>
        <v>0.27724714864683048</v>
      </c>
      <c r="J5941" s="59">
        <f>Bühler!J5967</f>
        <v>0.92415716215610166</v>
      </c>
      <c r="K5941" s="59">
        <f>Bühler!K5967</f>
        <v>1.3862357432341523</v>
      </c>
      <c r="L5941" s="59">
        <f>Bühler!L5967</f>
        <v>6.6539315675239319</v>
      </c>
      <c r="M5941" s="58">
        <f>Bühler!M5967</f>
        <v>0</v>
      </c>
      <c r="N5941" s="56">
        <f>IF(Input!$D$19=1,J5941*Input!$C$19,0)+IF(Input!$D$20=1,K5941*Input!$C$20,0)+IF(Input!$D$21=1,L5941*Input!$C$21,0)+IF(Input!$D$22=1,M5941*Input!$C$22,0)</f>
        <v>0.27724714864683048</v>
      </c>
      <c r="O5941" s="59">
        <f>IF(Input!$D$19=2,J5941*Input!$C$19,0)+IF(Input!$D$20=2,K5941*Input!$C$20,0)+IF(Input!$D$21=2,L5941*Input!$C$21,0)+IF(Input!$D$22=2,M5941*Input!$C$22,0)</f>
        <v>0.69311787161707616</v>
      </c>
      <c r="P5941" s="59">
        <f>IF(Input!$D$19=3,J5941*Input!$C$19,0)+IF(Input!$D$20=3,K5941*Input!$C$20,0)+IF(Input!$D$21=3,L5941*Input!$C$21,0)+IF(Input!$D$22=3,M5941*Input!$C$22,0)</f>
        <v>0</v>
      </c>
      <c r="Q5941" s="75">
        <f>IF(Input!$D$19=4,J5941*Input!$C$19,0)+IF(Input!$D$20=4,K5941*Input!$C$20,0)+IF(Input!$D$21=4,L5941*Input!$C$21,0)+IF(Input!$D$22=4,M5941*Input!$C$22,0)</f>
        <v>0</v>
      </c>
      <c r="R5941" s="58">
        <v>61.49830581792839</v>
      </c>
      <c r="S5941" s="124">
        <f t="shared" si="92"/>
        <v>1.2014043108029322</v>
      </c>
    </row>
    <row r="5942" spans="8:19" x14ac:dyDescent="0.3">
      <c r="H5942" s="44">
        <v>5935</v>
      </c>
      <c r="I5942" s="56">
        <f>Bühler!I5968</f>
        <v>0.32026825791961455</v>
      </c>
      <c r="J5942" s="59">
        <f>Bühler!J5968</f>
        <v>1.0675608597320485</v>
      </c>
      <c r="K5942" s="59">
        <f>Bühler!K5968</f>
        <v>1.6013412895980728</v>
      </c>
      <c r="L5942" s="59">
        <f>Bühler!L5968</f>
        <v>7.6864381900707492</v>
      </c>
      <c r="M5942" s="58">
        <f>Bühler!M5968</f>
        <v>0</v>
      </c>
      <c r="N5942" s="56">
        <f>IF(Input!$D$19=1,J5942*Input!$C$19,0)+IF(Input!$D$20=1,K5942*Input!$C$20,0)+IF(Input!$D$21=1,L5942*Input!$C$21,0)+IF(Input!$D$22=1,M5942*Input!$C$22,0)</f>
        <v>0.32026825791961455</v>
      </c>
      <c r="O5942" s="59">
        <f>IF(Input!$D$19=2,J5942*Input!$C$19,0)+IF(Input!$D$20=2,K5942*Input!$C$20,0)+IF(Input!$D$21=2,L5942*Input!$C$21,0)+IF(Input!$D$22=2,M5942*Input!$C$22,0)</f>
        <v>0.80067064479903638</v>
      </c>
      <c r="P5942" s="59">
        <f>IF(Input!$D$19=3,J5942*Input!$C$19,0)+IF(Input!$D$20=3,K5942*Input!$C$20,0)+IF(Input!$D$21=3,L5942*Input!$C$21,0)+IF(Input!$D$22=3,M5942*Input!$C$22,0)</f>
        <v>0</v>
      </c>
      <c r="Q5942" s="75">
        <f>IF(Input!$D$19=4,J5942*Input!$C$19,0)+IF(Input!$D$20=4,K5942*Input!$C$20,0)+IF(Input!$D$21=4,L5942*Input!$C$21,0)+IF(Input!$D$22=4,M5942*Input!$C$22,0)</f>
        <v>0</v>
      </c>
      <c r="R5942" s="58">
        <v>64.464018384386236</v>
      </c>
      <c r="S5942" s="124">
        <f t="shared" si="92"/>
        <v>1.3878291176516631</v>
      </c>
    </row>
    <row r="5943" spans="8:19" x14ac:dyDescent="0.3">
      <c r="H5943" s="44">
        <v>5936</v>
      </c>
      <c r="I5943" s="56">
        <f>Bühler!I5969</f>
        <v>0.32026825791961455</v>
      </c>
      <c r="J5943" s="59">
        <f>Bühler!J5969</f>
        <v>1.0675608597320485</v>
      </c>
      <c r="K5943" s="59">
        <f>Bühler!K5969</f>
        <v>1.6013412895980728</v>
      </c>
      <c r="L5943" s="59">
        <f>Bühler!L5969</f>
        <v>7.6864381900707492</v>
      </c>
      <c r="M5943" s="58">
        <f>Bühler!M5969</f>
        <v>0</v>
      </c>
      <c r="N5943" s="56">
        <f>IF(Input!$D$19=1,J5943*Input!$C$19,0)+IF(Input!$D$20=1,K5943*Input!$C$20,0)+IF(Input!$D$21=1,L5943*Input!$C$21,0)+IF(Input!$D$22=1,M5943*Input!$C$22,0)</f>
        <v>0.32026825791961455</v>
      </c>
      <c r="O5943" s="59">
        <f>IF(Input!$D$19=2,J5943*Input!$C$19,0)+IF(Input!$D$20=2,K5943*Input!$C$20,0)+IF(Input!$D$21=2,L5943*Input!$C$21,0)+IF(Input!$D$22=2,M5943*Input!$C$22,0)</f>
        <v>0.80067064479903638</v>
      </c>
      <c r="P5943" s="59">
        <f>IF(Input!$D$19=3,J5943*Input!$C$19,0)+IF(Input!$D$20=3,K5943*Input!$C$20,0)+IF(Input!$D$21=3,L5943*Input!$C$21,0)+IF(Input!$D$22=3,M5943*Input!$C$22,0)</f>
        <v>0</v>
      </c>
      <c r="Q5943" s="75">
        <f>IF(Input!$D$19=4,J5943*Input!$C$19,0)+IF(Input!$D$20=4,K5943*Input!$C$20,0)+IF(Input!$D$21=4,L5943*Input!$C$21,0)+IF(Input!$D$22=4,M5943*Input!$C$22,0)</f>
        <v>0</v>
      </c>
      <c r="R5943" s="58">
        <v>65.813795677877266</v>
      </c>
      <c r="S5943" s="124">
        <f t="shared" si="92"/>
        <v>1.3878291176516631</v>
      </c>
    </row>
    <row r="5944" spans="8:19" x14ac:dyDescent="0.3">
      <c r="H5944" s="44">
        <v>5937</v>
      </c>
      <c r="I5944" s="56">
        <f>Bühler!I5970</f>
        <v>0.32026825791961455</v>
      </c>
      <c r="J5944" s="59">
        <f>Bühler!J5970</f>
        <v>1.0675608597320485</v>
      </c>
      <c r="K5944" s="59">
        <f>Bühler!K5970</f>
        <v>1.6013412895980728</v>
      </c>
      <c r="L5944" s="59">
        <f>Bühler!L5970</f>
        <v>7.6864381900707492</v>
      </c>
      <c r="M5944" s="58">
        <f>Bühler!M5970</f>
        <v>0</v>
      </c>
      <c r="N5944" s="56">
        <f>IF(Input!$D$19=1,J5944*Input!$C$19,0)+IF(Input!$D$20=1,K5944*Input!$C$20,0)+IF(Input!$D$21=1,L5944*Input!$C$21,0)+IF(Input!$D$22=1,M5944*Input!$C$22,0)</f>
        <v>0.32026825791961455</v>
      </c>
      <c r="O5944" s="59">
        <f>IF(Input!$D$19=2,J5944*Input!$C$19,0)+IF(Input!$D$20=2,K5944*Input!$C$20,0)+IF(Input!$D$21=2,L5944*Input!$C$21,0)+IF(Input!$D$22=2,M5944*Input!$C$22,0)</f>
        <v>0.80067064479903638</v>
      </c>
      <c r="P5944" s="59">
        <f>IF(Input!$D$19=3,J5944*Input!$C$19,0)+IF(Input!$D$20=3,K5944*Input!$C$20,0)+IF(Input!$D$21=3,L5944*Input!$C$21,0)+IF(Input!$D$22=3,M5944*Input!$C$22,0)</f>
        <v>0</v>
      </c>
      <c r="Q5944" s="75">
        <f>IF(Input!$D$19=4,J5944*Input!$C$19,0)+IF(Input!$D$20=4,K5944*Input!$C$20,0)+IF(Input!$D$21=4,L5944*Input!$C$21,0)+IF(Input!$D$22=4,M5944*Input!$C$22,0)</f>
        <v>0</v>
      </c>
      <c r="R5944" s="58">
        <v>67.109762711262761</v>
      </c>
      <c r="S5944" s="124">
        <f t="shared" si="92"/>
        <v>1.3878291176516631</v>
      </c>
    </row>
    <row r="5945" spans="8:19" x14ac:dyDescent="0.3">
      <c r="H5945" s="44">
        <v>5938</v>
      </c>
      <c r="I5945" s="56">
        <f>Bühler!I5971</f>
        <v>0.34416887418227232</v>
      </c>
      <c r="J5945" s="59">
        <f>Bühler!J5971</f>
        <v>1.1472295806075745</v>
      </c>
      <c r="K5945" s="59">
        <f>Bühler!K5971</f>
        <v>1.7208443709113614</v>
      </c>
      <c r="L5945" s="59">
        <f>Bühler!L5971</f>
        <v>8.2600529803745353</v>
      </c>
      <c r="M5945" s="58">
        <f>Bühler!M5971</f>
        <v>0</v>
      </c>
      <c r="N5945" s="56">
        <f>IF(Input!$D$19=1,J5945*Input!$C$19,0)+IF(Input!$D$20=1,K5945*Input!$C$20,0)+IF(Input!$D$21=1,L5945*Input!$C$21,0)+IF(Input!$D$22=1,M5945*Input!$C$22,0)</f>
        <v>0.34416887418227232</v>
      </c>
      <c r="O5945" s="59">
        <f>IF(Input!$D$19=2,J5945*Input!$C$19,0)+IF(Input!$D$20=2,K5945*Input!$C$20,0)+IF(Input!$D$21=2,L5945*Input!$C$21,0)+IF(Input!$D$22=2,M5945*Input!$C$22,0)</f>
        <v>0.86042218545568072</v>
      </c>
      <c r="P5945" s="59">
        <f>IF(Input!$D$19=3,J5945*Input!$C$19,0)+IF(Input!$D$20=3,K5945*Input!$C$20,0)+IF(Input!$D$21=3,L5945*Input!$C$21,0)+IF(Input!$D$22=3,M5945*Input!$C$22,0)</f>
        <v>0</v>
      </c>
      <c r="Q5945" s="75">
        <f>IF(Input!$D$19=4,J5945*Input!$C$19,0)+IF(Input!$D$20=4,K5945*Input!$C$20,0)+IF(Input!$D$21=4,L5945*Input!$C$21,0)+IF(Input!$D$22=4,M5945*Input!$C$22,0)</f>
        <v>0</v>
      </c>
      <c r="R5945" s="58">
        <v>67.649657361022108</v>
      </c>
      <c r="S5945" s="124">
        <f t="shared" si="92"/>
        <v>1.4913984547898469</v>
      </c>
    </row>
    <row r="5946" spans="8:19" x14ac:dyDescent="0.3">
      <c r="H5946" s="44">
        <v>5939</v>
      </c>
      <c r="I5946" s="56">
        <f>Bühler!I5972</f>
        <v>0.37284961369746161</v>
      </c>
      <c r="J5946" s="59">
        <f>Bühler!J5972</f>
        <v>1.2428320456582056</v>
      </c>
      <c r="K5946" s="59">
        <f>Bühler!K5972</f>
        <v>1.8642480684873082</v>
      </c>
      <c r="L5946" s="59">
        <f>Bühler!L5972</f>
        <v>8.9483907287390796</v>
      </c>
      <c r="M5946" s="58">
        <f>Bühler!M5972</f>
        <v>0</v>
      </c>
      <c r="N5946" s="56">
        <f>IF(Input!$D$19=1,J5946*Input!$C$19,0)+IF(Input!$D$20=1,K5946*Input!$C$20,0)+IF(Input!$D$21=1,L5946*Input!$C$21,0)+IF(Input!$D$22=1,M5946*Input!$C$22,0)</f>
        <v>0.37284961369746167</v>
      </c>
      <c r="O5946" s="59">
        <f>IF(Input!$D$19=2,J5946*Input!$C$19,0)+IF(Input!$D$20=2,K5946*Input!$C$20,0)+IF(Input!$D$21=2,L5946*Input!$C$21,0)+IF(Input!$D$22=2,M5946*Input!$C$22,0)</f>
        <v>0.93212403424365409</v>
      </c>
      <c r="P5946" s="59">
        <f>IF(Input!$D$19=3,J5946*Input!$C$19,0)+IF(Input!$D$20=3,K5946*Input!$C$20,0)+IF(Input!$D$21=3,L5946*Input!$C$21,0)+IF(Input!$D$22=3,M5946*Input!$C$22,0)</f>
        <v>0</v>
      </c>
      <c r="Q5946" s="75">
        <f>IF(Input!$D$19=4,J5946*Input!$C$19,0)+IF(Input!$D$20=4,K5946*Input!$C$20,0)+IF(Input!$D$21=4,L5946*Input!$C$21,0)+IF(Input!$D$22=4,M5946*Input!$C$22,0)</f>
        <v>0</v>
      </c>
      <c r="R5946" s="58">
        <v>67.735399380421683</v>
      </c>
      <c r="S5946" s="124">
        <f t="shared" si="92"/>
        <v>1.6156816593556673</v>
      </c>
    </row>
    <row r="5947" spans="8:19" x14ac:dyDescent="0.3">
      <c r="H5947" s="44">
        <v>5940</v>
      </c>
      <c r="I5947" s="56">
        <f>Bühler!I5973</f>
        <v>0.43021109272784042</v>
      </c>
      <c r="J5947" s="59">
        <f>Bühler!J5973</f>
        <v>1.4340369757594682</v>
      </c>
      <c r="K5947" s="59">
        <f>Bühler!K5973</f>
        <v>2.1510554636392021</v>
      </c>
      <c r="L5947" s="59">
        <f>Bühler!L5973</f>
        <v>10.32506622546817</v>
      </c>
      <c r="M5947" s="58">
        <f>Bühler!M5973</f>
        <v>0</v>
      </c>
      <c r="N5947" s="56">
        <f>IF(Input!$D$19=1,J5947*Input!$C$19,0)+IF(Input!$D$20=1,K5947*Input!$C$20,0)+IF(Input!$D$21=1,L5947*Input!$C$21,0)+IF(Input!$D$22=1,M5947*Input!$C$22,0)</f>
        <v>0.43021109272784047</v>
      </c>
      <c r="O5947" s="59">
        <f>IF(Input!$D$19=2,J5947*Input!$C$19,0)+IF(Input!$D$20=2,K5947*Input!$C$20,0)+IF(Input!$D$21=2,L5947*Input!$C$21,0)+IF(Input!$D$22=2,M5947*Input!$C$22,0)</f>
        <v>1.075527731819601</v>
      </c>
      <c r="P5947" s="59">
        <f>IF(Input!$D$19=3,J5947*Input!$C$19,0)+IF(Input!$D$20=3,K5947*Input!$C$20,0)+IF(Input!$D$21=3,L5947*Input!$C$21,0)+IF(Input!$D$22=3,M5947*Input!$C$22,0)</f>
        <v>0</v>
      </c>
      <c r="Q5947" s="75">
        <f>IF(Input!$D$19=4,J5947*Input!$C$19,0)+IF(Input!$D$20=4,K5947*Input!$C$20,0)+IF(Input!$D$21=4,L5947*Input!$C$21,0)+IF(Input!$D$22=4,M5947*Input!$C$22,0)</f>
        <v>0</v>
      </c>
      <c r="R5947" s="58">
        <v>69.795483255756494</v>
      </c>
      <c r="S5947" s="124">
        <f t="shared" si="92"/>
        <v>1.8642480684873086</v>
      </c>
    </row>
    <row r="5948" spans="8:19" x14ac:dyDescent="0.3">
      <c r="H5948" s="44">
        <v>5941</v>
      </c>
      <c r="I5948" s="56">
        <f>Bühler!I5974</f>
        <v>0.43021109272784042</v>
      </c>
      <c r="J5948" s="59">
        <f>Bühler!J5974</f>
        <v>1.4340369757594682</v>
      </c>
      <c r="K5948" s="59">
        <f>Bühler!K5974</f>
        <v>2.1510554636392021</v>
      </c>
      <c r="L5948" s="59">
        <f>Bühler!L5974</f>
        <v>10.32506622546817</v>
      </c>
      <c r="M5948" s="58">
        <f>Bühler!M5974</f>
        <v>0</v>
      </c>
      <c r="N5948" s="56">
        <f>IF(Input!$D$19=1,J5948*Input!$C$19,0)+IF(Input!$D$20=1,K5948*Input!$C$20,0)+IF(Input!$D$21=1,L5948*Input!$C$21,0)+IF(Input!$D$22=1,M5948*Input!$C$22,0)</f>
        <v>0.43021109272784047</v>
      </c>
      <c r="O5948" s="59">
        <f>IF(Input!$D$19=2,J5948*Input!$C$19,0)+IF(Input!$D$20=2,K5948*Input!$C$20,0)+IF(Input!$D$21=2,L5948*Input!$C$21,0)+IF(Input!$D$22=2,M5948*Input!$C$22,0)</f>
        <v>1.075527731819601</v>
      </c>
      <c r="P5948" s="59">
        <f>IF(Input!$D$19=3,J5948*Input!$C$19,0)+IF(Input!$D$20=3,K5948*Input!$C$20,0)+IF(Input!$D$21=3,L5948*Input!$C$21,0)+IF(Input!$D$22=3,M5948*Input!$C$22,0)</f>
        <v>0</v>
      </c>
      <c r="Q5948" s="75">
        <f>IF(Input!$D$19=4,J5948*Input!$C$19,0)+IF(Input!$D$20=4,K5948*Input!$C$20,0)+IF(Input!$D$21=4,L5948*Input!$C$21,0)+IF(Input!$D$22=4,M5948*Input!$C$22,0)</f>
        <v>0</v>
      </c>
      <c r="R5948" s="58">
        <v>68.344159131262671</v>
      </c>
      <c r="S5948" s="124">
        <f t="shared" si="92"/>
        <v>1.8642480684873086</v>
      </c>
    </row>
    <row r="5949" spans="8:19" x14ac:dyDescent="0.3">
      <c r="H5949" s="44">
        <v>5942</v>
      </c>
      <c r="I5949" s="56">
        <f>Bühler!I5975</f>
        <v>0.43021109272784042</v>
      </c>
      <c r="J5949" s="59">
        <f>Bühler!J5975</f>
        <v>1.4340369757594682</v>
      </c>
      <c r="K5949" s="59">
        <f>Bühler!K5975</f>
        <v>2.1510554636392021</v>
      </c>
      <c r="L5949" s="59">
        <f>Bühler!L5975</f>
        <v>10.32506622546817</v>
      </c>
      <c r="M5949" s="58">
        <f>Bühler!M5975</f>
        <v>0</v>
      </c>
      <c r="N5949" s="56">
        <f>IF(Input!$D$19=1,J5949*Input!$C$19,0)+IF(Input!$D$20=1,K5949*Input!$C$20,0)+IF(Input!$D$21=1,L5949*Input!$C$21,0)+IF(Input!$D$22=1,M5949*Input!$C$22,0)</f>
        <v>0.43021109272784047</v>
      </c>
      <c r="O5949" s="59">
        <f>IF(Input!$D$19=2,J5949*Input!$C$19,0)+IF(Input!$D$20=2,K5949*Input!$C$20,0)+IF(Input!$D$21=2,L5949*Input!$C$21,0)+IF(Input!$D$22=2,M5949*Input!$C$22,0)</f>
        <v>1.075527731819601</v>
      </c>
      <c r="P5949" s="59">
        <f>IF(Input!$D$19=3,J5949*Input!$C$19,0)+IF(Input!$D$20=3,K5949*Input!$C$20,0)+IF(Input!$D$21=3,L5949*Input!$C$21,0)+IF(Input!$D$22=3,M5949*Input!$C$22,0)</f>
        <v>0</v>
      </c>
      <c r="Q5949" s="75">
        <f>IF(Input!$D$19=4,J5949*Input!$C$19,0)+IF(Input!$D$20=4,K5949*Input!$C$20,0)+IF(Input!$D$21=4,L5949*Input!$C$21,0)+IF(Input!$D$22=4,M5949*Input!$C$22,0)</f>
        <v>0</v>
      </c>
      <c r="R5949" s="58">
        <v>67.213246026560583</v>
      </c>
      <c r="S5949" s="124">
        <f t="shared" si="92"/>
        <v>1.8642480684873086</v>
      </c>
    </row>
    <row r="5950" spans="8:19" x14ac:dyDescent="0.3">
      <c r="H5950" s="44">
        <v>5943</v>
      </c>
      <c r="I5950" s="56">
        <f>Bühler!I5976</f>
        <v>0.43021109272784042</v>
      </c>
      <c r="J5950" s="59">
        <f>Bühler!J5976</f>
        <v>1.4340369757594682</v>
      </c>
      <c r="K5950" s="59">
        <f>Bühler!K5976</f>
        <v>2.1510554636392021</v>
      </c>
      <c r="L5950" s="59">
        <f>Bühler!L5976</f>
        <v>10.32506622546817</v>
      </c>
      <c r="M5950" s="58">
        <f>Bühler!M5976</f>
        <v>0</v>
      </c>
      <c r="N5950" s="56">
        <f>IF(Input!$D$19=1,J5950*Input!$C$19,0)+IF(Input!$D$20=1,K5950*Input!$C$20,0)+IF(Input!$D$21=1,L5950*Input!$C$21,0)+IF(Input!$D$22=1,M5950*Input!$C$22,0)</f>
        <v>0.43021109272784047</v>
      </c>
      <c r="O5950" s="59">
        <f>IF(Input!$D$19=2,J5950*Input!$C$19,0)+IF(Input!$D$20=2,K5950*Input!$C$20,0)+IF(Input!$D$21=2,L5950*Input!$C$21,0)+IF(Input!$D$22=2,M5950*Input!$C$22,0)</f>
        <v>1.075527731819601</v>
      </c>
      <c r="P5950" s="59">
        <f>IF(Input!$D$19=3,J5950*Input!$C$19,0)+IF(Input!$D$20=3,K5950*Input!$C$20,0)+IF(Input!$D$21=3,L5950*Input!$C$21,0)+IF(Input!$D$22=3,M5950*Input!$C$22,0)</f>
        <v>0</v>
      </c>
      <c r="Q5950" s="75">
        <f>IF(Input!$D$19=4,J5950*Input!$C$19,0)+IF(Input!$D$20=4,K5950*Input!$C$20,0)+IF(Input!$D$21=4,L5950*Input!$C$21,0)+IF(Input!$D$22=4,M5950*Input!$C$22,0)</f>
        <v>0</v>
      </c>
      <c r="R5950" s="58">
        <v>66.46629660205204</v>
      </c>
      <c r="S5950" s="124">
        <f t="shared" si="92"/>
        <v>1.8642480684873086</v>
      </c>
    </row>
    <row r="5951" spans="8:19" x14ac:dyDescent="0.3">
      <c r="H5951" s="44">
        <v>5944</v>
      </c>
      <c r="I5951" s="56">
        <f>Bühler!I5977</f>
        <v>0.43021109272784042</v>
      </c>
      <c r="J5951" s="59">
        <f>Bühler!J5977</f>
        <v>1.4340369757594682</v>
      </c>
      <c r="K5951" s="59">
        <f>Bühler!K5977</f>
        <v>2.1510554636392021</v>
      </c>
      <c r="L5951" s="59">
        <f>Bühler!L5977</f>
        <v>10.32506622546817</v>
      </c>
      <c r="M5951" s="58">
        <f>Bühler!M5977</f>
        <v>0</v>
      </c>
      <c r="N5951" s="56">
        <f>IF(Input!$D$19=1,J5951*Input!$C$19,0)+IF(Input!$D$20=1,K5951*Input!$C$20,0)+IF(Input!$D$21=1,L5951*Input!$C$21,0)+IF(Input!$D$22=1,M5951*Input!$C$22,0)</f>
        <v>0.43021109272784047</v>
      </c>
      <c r="O5951" s="59">
        <f>IF(Input!$D$19=2,J5951*Input!$C$19,0)+IF(Input!$D$20=2,K5951*Input!$C$20,0)+IF(Input!$D$21=2,L5951*Input!$C$21,0)+IF(Input!$D$22=2,M5951*Input!$C$22,0)</f>
        <v>1.075527731819601</v>
      </c>
      <c r="P5951" s="59">
        <f>IF(Input!$D$19=3,J5951*Input!$C$19,0)+IF(Input!$D$20=3,K5951*Input!$C$20,0)+IF(Input!$D$21=3,L5951*Input!$C$21,0)+IF(Input!$D$22=3,M5951*Input!$C$22,0)</f>
        <v>0</v>
      </c>
      <c r="Q5951" s="75">
        <f>IF(Input!$D$19=4,J5951*Input!$C$19,0)+IF(Input!$D$20=4,K5951*Input!$C$20,0)+IF(Input!$D$21=4,L5951*Input!$C$21,0)+IF(Input!$D$22=4,M5951*Input!$C$22,0)</f>
        <v>0</v>
      </c>
      <c r="R5951" s="58">
        <v>67.104273256567396</v>
      </c>
      <c r="S5951" s="124">
        <f t="shared" si="92"/>
        <v>1.8642480684873086</v>
      </c>
    </row>
    <row r="5952" spans="8:19" x14ac:dyDescent="0.3">
      <c r="H5952" s="44">
        <v>5945</v>
      </c>
      <c r="I5952" s="56">
        <f>Bühler!I5978</f>
        <v>0.43021109272784042</v>
      </c>
      <c r="J5952" s="59">
        <f>Bühler!J5978</f>
        <v>1.4340369757594682</v>
      </c>
      <c r="K5952" s="59">
        <f>Bühler!K5978</f>
        <v>2.1510554636392021</v>
      </c>
      <c r="L5952" s="59">
        <f>Bühler!L5978</f>
        <v>10.32506622546817</v>
      </c>
      <c r="M5952" s="58">
        <f>Bühler!M5978</f>
        <v>0</v>
      </c>
      <c r="N5952" s="56">
        <f>IF(Input!$D$19=1,J5952*Input!$C$19,0)+IF(Input!$D$20=1,K5952*Input!$C$20,0)+IF(Input!$D$21=1,L5952*Input!$C$21,0)+IF(Input!$D$22=1,M5952*Input!$C$22,0)</f>
        <v>0.43021109272784047</v>
      </c>
      <c r="O5952" s="59">
        <f>IF(Input!$D$19=2,J5952*Input!$C$19,0)+IF(Input!$D$20=2,K5952*Input!$C$20,0)+IF(Input!$D$21=2,L5952*Input!$C$21,0)+IF(Input!$D$22=2,M5952*Input!$C$22,0)</f>
        <v>1.075527731819601</v>
      </c>
      <c r="P5952" s="59">
        <f>IF(Input!$D$19=3,J5952*Input!$C$19,0)+IF(Input!$D$20=3,K5952*Input!$C$20,0)+IF(Input!$D$21=3,L5952*Input!$C$21,0)+IF(Input!$D$22=3,M5952*Input!$C$22,0)</f>
        <v>0</v>
      </c>
      <c r="Q5952" s="75">
        <f>IF(Input!$D$19=4,J5952*Input!$C$19,0)+IF(Input!$D$20=4,K5952*Input!$C$20,0)+IF(Input!$D$21=4,L5952*Input!$C$21,0)+IF(Input!$D$22=4,M5952*Input!$C$22,0)</f>
        <v>0</v>
      </c>
      <c r="R5952" s="58">
        <v>66.771697833631563</v>
      </c>
      <c r="S5952" s="124">
        <f t="shared" si="92"/>
        <v>1.8642480684873086</v>
      </c>
    </row>
    <row r="5953" spans="8:19" x14ac:dyDescent="0.3">
      <c r="H5953" s="44">
        <v>5946</v>
      </c>
      <c r="I5953" s="56">
        <f>Bühler!I5979</f>
        <v>0.43021109272784042</v>
      </c>
      <c r="J5953" s="59">
        <f>Bühler!J5979</f>
        <v>1.4340369757594682</v>
      </c>
      <c r="K5953" s="59">
        <f>Bühler!K5979</f>
        <v>2.1510554636392021</v>
      </c>
      <c r="L5953" s="59">
        <f>Bühler!L5979</f>
        <v>10.32506622546817</v>
      </c>
      <c r="M5953" s="58">
        <f>Bühler!M5979</f>
        <v>0</v>
      </c>
      <c r="N5953" s="56">
        <f>IF(Input!$D$19=1,J5953*Input!$C$19,0)+IF(Input!$D$20=1,K5953*Input!$C$20,0)+IF(Input!$D$21=1,L5953*Input!$C$21,0)+IF(Input!$D$22=1,M5953*Input!$C$22,0)</f>
        <v>0.43021109272784047</v>
      </c>
      <c r="O5953" s="59">
        <f>IF(Input!$D$19=2,J5953*Input!$C$19,0)+IF(Input!$D$20=2,K5953*Input!$C$20,0)+IF(Input!$D$21=2,L5953*Input!$C$21,0)+IF(Input!$D$22=2,M5953*Input!$C$22,0)</f>
        <v>1.075527731819601</v>
      </c>
      <c r="P5953" s="59">
        <f>IF(Input!$D$19=3,J5953*Input!$C$19,0)+IF(Input!$D$20=3,K5953*Input!$C$20,0)+IF(Input!$D$21=3,L5953*Input!$C$21,0)+IF(Input!$D$22=3,M5953*Input!$C$22,0)</f>
        <v>0</v>
      </c>
      <c r="Q5953" s="75">
        <f>IF(Input!$D$19=4,J5953*Input!$C$19,0)+IF(Input!$D$20=4,K5953*Input!$C$20,0)+IF(Input!$D$21=4,L5953*Input!$C$21,0)+IF(Input!$D$22=4,M5953*Input!$C$22,0)</f>
        <v>0</v>
      </c>
      <c r="R5953" s="58">
        <v>65.643742991079023</v>
      </c>
      <c r="S5953" s="124">
        <f t="shared" si="92"/>
        <v>1.8642480684873086</v>
      </c>
    </row>
    <row r="5954" spans="8:19" x14ac:dyDescent="0.3">
      <c r="H5954" s="44">
        <v>5947</v>
      </c>
      <c r="I5954" s="56">
        <f>Bühler!I5980</f>
        <v>0.43021109272784042</v>
      </c>
      <c r="J5954" s="59">
        <f>Bühler!J5980</f>
        <v>1.4340369757594682</v>
      </c>
      <c r="K5954" s="59">
        <f>Bühler!K5980</f>
        <v>2.1510554636392021</v>
      </c>
      <c r="L5954" s="59">
        <f>Bühler!L5980</f>
        <v>10.32506622546817</v>
      </c>
      <c r="M5954" s="58">
        <f>Bühler!M5980</f>
        <v>0</v>
      </c>
      <c r="N5954" s="56">
        <f>IF(Input!$D$19=1,J5954*Input!$C$19,0)+IF(Input!$D$20=1,K5954*Input!$C$20,0)+IF(Input!$D$21=1,L5954*Input!$C$21,0)+IF(Input!$D$22=1,M5954*Input!$C$22,0)</f>
        <v>0.43021109272784047</v>
      </c>
      <c r="O5954" s="59">
        <f>IF(Input!$D$19=2,J5954*Input!$C$19,0)+IF(Input!$D$20=2,K5954*Input!$C$20,0)+IF(Input!$D$21=2,L5954*Input!$C$21,0)+IF(Input!$D$22=2,M5954*Input!$C$22,0)</f>
        <v>1.075527731819601</v>
      </c>
      <c r="P5954" s="59">
        <f>IF(Input!$D$19=3,J5954*Input!$C$19,0)+IF(Input!$D$20=3,K5954*Input!$C$20,0)+IF(Input!$D$21=3,L5954*Input!$C$21,0)+IF(Input!$D$22=3,M5954*Input!$C$22,0)</f>
        <v>0</v>
      </c>
      <c r="Q5954" s="75">
        <f>IF(Input!$D$19=4,J5954*Input!$C$19,0)+IF(Input!$D$20=4,K5954*Input!$C$20,0)+IF(Input!$D$21=4,L5954*Input!$C$21,0)+IF(Input!$D$22=4,M5954*Input!$C$22,0)</f>
        <v>0</v>
      </c>
      <c r="R5954" s="58">
        <v>64.962470924729018</v>
      </c>
      <c r="S5954" s="124">
        <f t="shared" si="92"/>
        <v>1.8642480684873086</v>
      </c>
    </row>
    <row r="5955" spans="8:19" x14ac:dyDescent="0.3">
      <c r="H5955" s="44">
        <v>5948</v>
      </c>
      <c r="I5955" s="56">
        <f>Bühler!I5981</f>
        <v>0.35850924393986705</v>
      </c>
      <c r="J5955" s="59">
        <f>Bühler!J5981</f>
        <v>1.1950308131328902</v>
      </c>
      <c r="K5955" s="59">
        <f>Bühler!K5981</f>
        <v>1.7925462196993351</v>
      </c>
      <c r="L5955" s="59">
        <f>Bühler!L5981</f>
        <v>8.6042218545568083</v>
      </c>
      <c r="M5955" s="58">
        <f>Bühler!M5981</f>
        <v>0</v>
      </c>
      <c r="N5955" s="56">
        <f>IF(Input!$D$19=1,J5955*Input!$C$19,0)+IF(Input!$D$20=1,K5955*Input!$C$20,0)+IF(Input!$D$21=1,L5955*Input!$C$21,0)+IF(Input!$D$22=1,M5955*Input!$C$22,0)</f>
        <v>0.35850924393986705</v>
      </c>
      <c r="O5955" s="59">
        <f>IF(Input!$D$19=2,J5955*Input!$C$19,0)+IF(Input!$D$20=2,K5955*Input!$C$20,0)+IF(Input!$D$21=2,L5955*Input!$C$21,0)+IF(Input!$D$22=2,M5955*Input!$C$22,0)</f>
        <v>0.89627310984966757</v>
      </c>
      <c r="P5955" s="59">
        <f>IF(Input!$D$19=3,J5955*Input!$C$19,0)+IF(Input!$D$20=3,K5955*Input!$C$20,0)+IF(Input!$D$21=3,L5955*Input!$C$21,0)+IF(Input!$D$22=3,M5955*Input!$C$22,0)</f>
        <v>0</v>
      </c>
      <c r="Q5955" s="75">
        <f>IF(Input!$D$19=4,J5955*Input!$C$19,0)+IF(Input!$D$20=4,K5955*Input!$C$20,0)+IF(Input!$D$21=4,L5955*Input!$C$21,0)+IF(Input!$D$22=4,M5955*Input!$C$22,0)</f>
        <v>0</v>
      </c>
      <c r="R5955" s="58">
        <v>64.008539139404235</v>
      </c>
      <c r="S5955" s="124">
        <f t="shared" si="92"/>
        <v>1.5535400570727571</v>
      </c>
    </row>
    <row r="5956" spans="8:19" x14ac:dyDescent="0.3">
      <c r="H5956" s="44">
        <v>5949</v>
      </c>
      <c r="I5956" s="56">
        <f>Bühler!I5982</f>
        <v>0.28680739515189363</v>
      </c>
      <c r="J5956" s="59">
        <f>Bühler!J5982</f>
        <v>0.95602465050631213</v>
      </c>
      <c r="K5956" s="59">
        <f>Bühler!K5982</f>
        <v>1.4340369757594682</v>
      </c>
      <c r="L5956" s="59">
        <f>Bühler!L5982</f>
        <v>6.8833774836454475</v>
      </c>
      <c r="M5956" s="58">
        <f>Bühler!M5982</f>
        <v>0</v>
      </c>
      <c r="N5956" s="56">
        <f>IF(Input!$D$19=1,J5956*Input!$C$19,0)+IF(Input!$D$20=1,K5956*Input!$C$20,0)+IF(Input!$D$21=1,L5956*Input!$C$21,0)+IF(Input!$D$22=1,M5956*Input!$C$22,0)</f>
        <v>0.28680739515189363</v>
      </c>
      <c r="O5956" s="59">
        <f>IF(Input!$D$19=2,J5956*Input!$C$19,0)+IF(Input!$D$20=2,K5956*Input!$C$20,0)+IF(Input!$D$21=2,L5956*Input!$C$21,0)+IF(Input!$D$22=2,M5956*Input!$C$22,0)</f>
        <v>0.7170184878797341</v>
      </c>
      <c r="P5956" s="59">
        <f>IF(Input!$D$19=3,J5956*Input!$C$19,0)+IF(Input!$D$20=3,K5956*Input!$C$20,0)+IF(Input!$D$21=3,L5956*Input!$C$21,0)+IF(Input!$D$22=3,M5956*Input!$C$22,0)</f>
        <v>0</v>
      </c>
      <c r="Q5956" s="75">
        <f>IF(Input!$D$19=4,J5956*Input!$C$19,0)+IF(Input!$D$20=4,K5956*Input!$C$20,0)+IF(Input!$D$21=4,L5956*Input!$C$21,0)+IF(Input!$D$22=4,M5956*Input!$C$22,0)</f>
        <v>0</v>
      </c>
      <c r="R5956" s="58">
        <v>62.039915100954637</v>
      </c>
      <c r="S5956" s="124">
        <f t="shared" si="92"/>
        <v>1.2428320456582058</v>
      </c>
    </row>
    <row r="5957" spans="8:19" x14ac:dyDescent="0.3">
      <c r="H5957" s="44">
        <v>5950</v>
      </c>
      <c r="I5957" s="56">
        <f>Bühler!I5983</f>
        <v>0.21510554636392021</v>
      </c>
      <c r="J5957" s="59">
        <f>Bühler!J5983</f>
        <v>0.7170184878797341</v>
      </c>
      <c r="K5957" s="59">
        <f>Bühler!K5983</f>
        <v>1.075527731819601</v>
      </c>
      <c r="L5957" s="59">
        <f>Bühler!L5983</f>
        <v>5.162533112734085</v>
      </c>
      <c r="M5957" s="58">
        <f>Bühler!M5983</f>
        <v>0</v>
      </c>
      <c r="N5957" s="56">
        <f>IF(Input!$D$19=1,J5957*Input!$C$19,0)+IF(Input!$D$20=1,K5957*Input!$C$20,0)+IF(Input!$D$21=1,L5957*Input!$C$21,0)+IF(Input!$D$22=1,M5957*Input!$C$22,0)</f>
        <v>0.21510554636392024</v>
      </c>
      <c r="O5957" s="59">
        <f>IF(Input!$D$19=2,J5957*Input!$C$19,0)+IF(Input!$D$20=2,K5957*Input!$C$20,0)+IF(Input!$D$21=2,L5957*Input!$C$21,0)+IF(Input!$D$22=2,M5957*Input!$C$22,0)</f>
        <v>0.53776386590980052</v>
      </c>
      <c r="P5957" s="59">
        <f>IF(Input!$D$19=3,J5957*Input!$C$19,0)+IF(Input!$D$20=3,K5957*Input!$C$20,0)+IF(Input!$D$21=3,L5957*Input!$C$21,0)+IF(Input!$D$22=3,M5957*Input!$C$22,0)</f>
        <v>0</v>
      </c>
      <c r="Q5957" s="75">
        <f>IF(Input!$D$19=4,J5957*Input!$C$19,0)+IF(Input!$D$20=4,K5957*Input!$C$20,0)+IF(Input!$D$21=4,L5957*Input!$C$21,0)+IF(Input!$D$22=4,M5957*Input!$C$22,0)</f>
        <v>0</v>
      </c>
      <c r="R5957" s="58">
        <v>59.774105105321908</v>
      </c>
      <c r="S5957" s="124">
        <f t="shared" si="92"/>
        <v>0.93212403424365431</v>
      </c>
    </row>
    <row r="5958" spans="8:19" x14ac:dyDescent="0.3">
      <c r="H5958" s="44">
        <v>5951</v>
      </c>
      <c r="I5958" s="56">
        <f>Bühler!I5984</f>
        <v>0.21510554636392021</v>
      </c>
      <c r="J5958" s="59">
        <f>Bühler!J5984</f>
        <v>0.7170184878797341</v>
      </c>
      <c r="K5958" s="59">
        <f>Bühler!K5984</f>
        <v>1.075527731819601</v>
      </c>
      <c r="L5958" s="59">
        <f>Bühler!L5984</f>
        <v>5.162533112734085</v>
      </c>
      <c r="M5958" s="58">
        <f>Bühler!M5984</f>
        <v>0</v>
      </c>
      <c r="N5958" s="56">
        <f>IF(Input!$D$19=1,J5958*Input!$C$19,0)+IF(Input!$D$20=1,K5958*Input!$C$20,0)+IF(Input!$D$21=1,L5958*Input!$C$21,0)+IF(Input!$D$22=1,M5958*Input!$C$22,0)</f>
        <v>0.21510554636392024</v>
      </c>
      <c r="O5958" s="59">
        <f>IF(Input!$D$19=2,J5958*Input!$C$19,0)+IF(Input!$D$20=2,K5958*Input!$C$20,0)+IF(Input!$D$21=2,L5958*Input!$C$21,0)+IF(Input!$D$22=2,M5958*Input!$C$22,0)</f>
        <v>0.53776386590980052</v>
      </c>
      <c r="P5958" s="59">
        <f>IF(Input!$D$19=3,J5958*Input!$C$19,0)+IF(Input!$D$20=3,K5958*Input!$C$20,0)+IF(Input!$D$21=3,L5958*Input!$C$21,0)+IF(Input!$D$22=3,M5958*Input!$C$22,0)</f>
        <v>0</v>
      </c>
      <c r="Q5958" s="75">
        <f>IF(Input!$D$19=4,J5958*Input!$C$19,0)+IF(Input!$D$20=4,K5958*Input!$C$20,0)+IF(Input!$D$21=4,L5958*Input!$C$21,0)+IF(Input!$D$22=4,M5958*Input!$C$22,0)</f>
        <v>0</v>
      </c>
      <c r="R5958" s="58">
        <v>59.019831046796902</v>
      </c>
      <c r="S5958" s="124">
        <f t="shared" si="92"/>
        <v>0.93212403424365431</v>
      </c>
    </row>
    <row r="5959" spans="8:19" x14ac:dyDescent="0.3">
      <c r="H5959" s="44">
        <v>5952</v>
      </c>
      <c r="I5959" s="56">
        <f>Bühler!I5985</f>
        <v>0.21510554636392021</v>
      </c>
      <c r="J5959" s="59">
        <f>Bühler!J5985</f>
        <v>0.7170184878797341</v>
      </c>
      <c r="K5959" s="59">
        <f>Bühler!K5985</f>
        <v>1.075527731819601</v>
      </c>
      <c r="L5959" s="59">
        <f>Bühler!L5985</f>
        <v>5.162533112734085</v>
      </c>
      <c r="M5959" s="58">
        <f>Bühler!M5985</f>
        <v>0</v>
      </c>
      <c r="N5959" s="56">
        <f>IF(Input!$D$19=1,J5959*Input!$C$19,0)+IF(Input!$D$20=1,K5959*Input!$C$20,0)+IF(Input!$D$21=1,L5959*Input!$C$21,0)+IF(Input!$D$22=1,M5959*Input!$C$22,0)</f>
        <v>0.21510554636392024</v>
      </c>
      <c r="O5959" s="59">
        <f>IF(Input!$D$19=2,J5959*Input!$C$19,0)+IF(Input!$D$20=2,K5959*Input!$C$20,0)+IF(Input!$D$21=2,L5959*Input!$C$21,0)+IF(Input!$D$22=2,M5959*Input!$C$22,0)</f>
        <v>0.53776386590980052</v>
      </c>
      <c r="P5959" s="59">
        <f>IF(Input!$D$19=3,J5959*Input!$C$19,0)+IF(Input!$D$20=3,K5959*Input!$C$20,0)+IF(Input!$D$21=3,L5959*Input!$C$21,0)+IF(Input!$D$22=3,M5959*Input!$C$22,0)</f>
        <v>0</v>
      </c>
      <c r="Q5959" s="75">
        <f>IF(Input!$D$19=4,J5959*Input!$C$19,0)+IF(Input!$D$20=4,K5959*Input!$C$20,0)+IF(Input!$D$21=4,L5959*Input!$C$21,0)+IF(Input!$D$22=4,M5959*Input!$C$22,0)</f>
        <v>0</v>
      </c>
      <c r="R5959" s="58">
        <v>58.948279530020578</v>
      </c>
      <c r="S5959" s="124">
        <f t="shared" si="92"/>
        <v>0.93212403424365431</v>
      </c>
    </row>
    <row r="5960" spans="8:19" x14ac:dyDescent="0.3">
      <c r="H5960" s="44">
        <v>5953</v>
      </c>
      <c r="I5960" s="56">
        <f>Bühler!I5986</f>
        <v>0.21165896108311086</v>
      </c>
      <c r="J5960" s="59">
        <f>Bühler!J5986</f>
        <v>0.70552987027703629</v>
      </c>
      <c r="K5960" s="59">
        <f>Bühler!K5986</f>
        <v>1.0582948054155543</v>
      </c>
      <c r="L5960" s="59">
        <f>Bühler!L5986</f>
        <v>5.0798150659946604</v>
      </c>
      <c r="M5960" s="58">
        <f>Bühler!M5986</f>
        <v>0</v>
      </c>
      <c r="N5960" s="56">
        <f>IF(Input!$D$19=1,J5960*Input!$C$19,0)+IF(Input!$D$20=1,K5960*Input!$C$20,0)+IF(Input!$D$21=1,L5960*Input!$C$21,0)+IF(Input!$D$22=1,M5960*Input!$C$22,0)</f>
        <v>0.21165896108311089</v>
      </c>
      <c r="O5960" s="59">
        <f>IF(Input!$D$19=2,J5960*Input!$C$19,0)+IF(Input!$D$20=2,K5960*Input!$C$20,0)+IF(Input!$D$21=2,L5960*Input!$C$21,0)+IF(Input!$D$22=2,M5960*Input!$C$22,0)</f>
        <v>0.52914740270777716</v>
      </c>
      <c r="P5960" s="59">
        <f>IF(Input!$D$19=3,J5960*Input!$C$19,0)+IF(Input!$D$20=3,K5960*Input!$C$20,0)+IF(Input!$D$21=3,L5960*Input!$C$21,0)+IF(Input!$D$22=3,M5960*Input!$C$22,0)</f>
        <v>0</v>
      </c>
      <c r="Q5960" s="75">
        <f>IF(Input!$D$19=4,J5960*Input!$C$19,0)+IF(Input!$D$20=4,K5960*Input!$C$20,0)+IF(Input!$D$21=4,L5960*Input!$C$21,0)+IF(Input!$D$22=4,M5960*Input!$C$22,0)</f>
        <v>0</v>
      </c>
      <c r="R5960" s="58">
        <v>58.200783450927467</v>
      </c>
      <c r="S5960" s="124">
        <f t="shared" si="92"/>
        <v>0.91718883136014717</v>
      </c>
    </row>
    <row r="5961" spans="8:19" x14ac:dyDescent="0.3">
      <c r="H5961" s="44">
        <v>5954</v>
      </c>
      <c r="I5961" s="56">
        <f>Bühler!I5987</f>
        <v>0.21165896108311086</v>
      </c>
      <c r="J5961" s="59">
        <f>Bühler!J5987</f>
        <v>0.70552987027703629</v>
      </c>
      <c r="K5961" s="59">
        <f>Bühler!K5987</f>
        <v>1.0582948054155543</v>
      </c>
      <c r="L5961" s="59">
        <f>Bühler!L5987</f>
        <v>5.0798150659946604</v>
      </c>
      <c r="M5961" s="58">
        <f>Bühler!M5987</f>
        <v>0</v>
      </c>
      <c r="N5961" s="56">
        <f>IF(Input!$D$19=1,J5961*Input!$C$19,0)+IF(Input!$D$20=1,K5961*Input!$C$20,0)+IF(Input!$D$21=1,L5961*Input!$C$21,0)+IF(Input!$D$22=1,M5961*Input!$C$22,0)</f>
        <v>0.21165896108311089</v>
      </c>
      <c r="O5961" s="59">
        <f>IF(Input!$D$19=2,J5961*Input!$C$19,0)+IF(Input!$D$20=2,K5961*Input!$C$20,0)+IF(Input!$D$21=2,L5961*Input!$C$21,0)+IF(Input!$D$22=2,M5961*Input!$C$22,0)</f>
        <v>0.52914740270777716</v>
      </c>
      <c r="P5961" s="59">
        <f>IF(Input!$D$19=3,J5961*Input!$C$19,0)+IF(Input!$D$20=3,K5961*Input!$C$20,0)+IF(Input!$D$21=3,L5961*Input!$C$21,0)+IF(Input!$D$22=3,M5961*Input!$C$22,0)</f>
        <v>0</v>
      </c>
      <c r="Q5961" s="75">
        <f>IF(Input!$D$19=4,J5961*Input!$C$19,0)+IF(Input!$D$20=4,K5961*Input!$C$20,0)+IF(Input!$D$21=4,L5961*Input!$C$21,0)+IF(Input!$D$22=4,M5961*Input!$C$22,0)</f>
        <v>0</v>
      </c>
      <c r="R5961" s="58">
        <v>57.529415049054855</v>
      </c>
      <c r="S5961" s="124">
        <f t="shared" ref="S5961:S6024" si="93">I5961+J5961</f>
        <v>0.91718883136014717</v>
      </c>
    </row>
    <row r="5962" spans="8:19" x14ac:dyDescent="0.3">
      <c r="H5962" s="44">
        <v>5955</v>
      </c>
      <c r="I5962" s="56">
        <f>Bühler!I5988</f>
        <v>0.21165896108311086</v>
      </c>
      <c r="J5962" s="59">
        <f>Bühler!J5988</f>
        <v>0.70552987027703629</v>
      </c>
      <c r="K5962" s="59">
        <f>Bühler!K5988</f>
        <v>1.0582948054155543</v>
      </c>
      <c r="L5962" s="59">
        <f>Bühler!L5988</f>
        <v>5.0798150659946604</v>
      </c>
      <c r="M5962" s="58">
        <f>Bühler!M5988</f>
        <v>0</v>
      </c>
      <c r="N5962" s="56">
        <f>IF(Input!$D$19=1,J5962*Input!$C$19,0)+IF(Input!$D$20=1,K5962*Input!$C$20,0)+IF(Input!$D$21=1,L5962*Input!$C$21,0)+IF(Input!$D$22=1,M5962*Input!$C$22,0)</f>
        <v>0.21165896108311089</v>
      </c>
      <c r="O5962" s="59">
        <f>IF(Input!$D$19=2,J5962*Input!$C$19,0)+IF(Input!$D$20=2,K5962*Input!$C$20,0)+IF(Input!$D$21=2,L5962*Input!$C$21,0)+IF(Input!$D$22=2,M5962*Input!$C$22,0)</f>
        <v>0.52914740270777716</v>
      </c>
      <c r="P5962" s="59">
        <f>IF(Input!$D$19=3,J5962*Input!$C$19,0)+IF(Input!$D$20=3,K5962*Input!$C$20,0)+IF(Input!$D$21=3,L5962*Input!$C$21,0)+IF(Input!$D$22=3,M5962*Input!$C$22,0)</f>
        <v>0</v>
      </c>
      <c r="Q5962" s="75">
        <f>IF(Input!$D$19=4,J5962*Input!$C$19,0)+IF(Input!$D$20=4,K5962*Input!$C$20,0)+IF(Input!$D$21=4,L5962*Input!$C$21,0)+IF(Input!$D$22=4,M5962*Input!$C$22,0)</f>
        <v>0</v>
      </c>
      <c r="R5962" s="58">
        <v>57.518809232251662</v>
      </c>
      <c r="S5962" s="124">
        <f t="shared" si="93"/>
        <v>0.91718883136014717</v>
      </c>
    </row>
    <row r="5963" spans="8:19" x14ac:dyDescent="0.3">
      <c r="H5963" s="44">
        <v>5956</v>
      </c>
      <c r="I5963" s="56">
        <f>Bühler!I5989</f>
        <v>0.21165896108311086</v>
      </c>
      <c r="J5963" s="59">
        <f>Bühler!J5989</f>
        <v>0.70552987027703629</v>
      </c>
      <c r="K5963" s="59">
        <f>Bühler!K5989</f>
        <v>1.0582948054155543</v>
      </c>
      <c r="L5963" s="59">
        <f>Bühler!L5989</f>
        <v>5.0798150659946604</v>
      </c>
      <c r="M5963" s="58">
        <f>Bühler!M5989</f>
        <v>0</v>
      </c>
      <c r="N5963" s="56">
        <f>IF(Input!$D$19=1,J5963*Input!$C$19,0)+IF(Input!$D$20=1,K5963*Input!$C$20,0)+IF(Input!$D$21=1,L5963*Input!$C$21,0)+IF(Input!$D$22=1,M5963*Input!$C$22,0)</f>
        <v>0.21165896108311089</v>
      </c>
      <c r="O5963" s="59">
        <f>IF(Input!$D$19=2,J5963*Input!$C$19,0)+IF(Input!$D$20=2,K5963*Input!$C$20,0)+IF(Input!$D$21=2,L5963*Input!$C$21,0)+IF(Input!$D$22=2,M5963*Input!$C$22,0)</f>
        <v>0.52914740270777716</v>
      </c>
      <c r="P5963" s="59">
        <f>IF(Input!$D$19=3,J5963*Input!$C$19,0)+IF(Input!$D$20=3,K5963*Input!$C$20,0)+IF(Input!$D$21=3,L5963*Input!$C$21,0)+IF(Input!$D$22=3,M5963*Input!$C$22,0)</f>
        <v>0</v>
      </c>
      <c r="Q5963" s="75">
        <f>IF(Input!$D$19=4,J5963*Input!$C$19,0)+IF(Input!$D$20=4,K5963*Input!$C$20,0)+IF(Input!$D$21=4,L5963*Input!$C$21,0)+IF(Input!$D$22=4,M5963*Input!$C$22,0)</f>
        <v>0</v>
      </c>
      <c r="R5963" s="58">
        <v>58.15717378772927</v>
      </c>
      <c r="S5963" s="124">
        <f t="shared" si="93"/>
        <v>0.91718883136014717</v>
      </c>
    </row>
    <row r="5964" spans="8:19" x14ac:dyDescent="0.3">
      <c r="H5964" s="44">
        <v>5957</v>
      </c>
      <c r="I5964" s="56">
        <f>Bühler!I5990</f>
        <v>0.21165896108311086</v>
      </c>
      <c r="J5964" s="59">
        <f>Bühler!J5990</f>
        <v>0.70552987027703629</v>
      </c>
      <c r="K5964" s="59">
        <f>Bühler!K5990</f>
        <v>1.0582948054155543</v>
      </c>
      <c r="L5964" s="59">
        <f>Bühler!L5990</f>
        <v>5.0798150659946604</v>
      </c>
      <c r="M5964" s="58">
        <f>Bühler!M5990</f>
        <v>0</v>
      </c>
      <c r="N5964" s="56">
        <f>IF(Input!$D$19=1,J5964*Input!$C$19,0)+IF(Input!$D$20=1,K5964*Input!$C$20,0)+IF(Input!$D$21=1,L5964*Input!$C$21,0)+IF(Input!$D$22=1,M5964*Input!$C$22,0)</f>
        <v>0.21165896108311089</v>
      </c>
      <c r="O5964" s="59">
        <f>IF(Input!$D$19=2,J5964*Input!$C$19,0)+IF(Input!$D$20=2,K5964*Input!$C$20,0)+IF(Input!$D$21=2,L5964*Input!$C$21,0)+IF(Input!$D$22=2,M5964*Input!$C$22,0)</f>
        <v>0.52914740270777716</v>
      </c>
      <c r="P5964" s="59">
        <f>IF(Input!$D$19=3,J5964*Input!$C$19,0)+IF(Input!$D$20=3,K5964*Input!$C$20,0)+IF(Input!$D$21=3,L5964*Input!$C$21,0)+IF(Input!$D$22=3,M5964*Input!$C$22,0)</f>
        <v>0</v>
      </c>
      <c r="Q5964" s="75">
        <f>IF(Input!$D$19=4,J5964*Input!$C$19,0)+IF(Input!$D$20=4,K5964*Input!$C$20,0)+IF(Input!$D$21=4,L5964*Input!$C$21,0)+IF(Input!$D$22=4,M5964*Input!$C$22,0)</f>
        <v>0</v>
      </c>
      <c r="R5964" s="58">
        <v>59.119250649870239</v>
      </c>
      <c r="S5964" s="124">
        <f t="shared" si="93"/>
        <v>0.91718883136014717</v>
      </c>
    </row>
    <row r="5965" spans="8:19" x14ac:dyDescent="0.3">
      <c r="H5965" s="44">
        <v>5958</v>
      </c>
      <c r="I5965" s="56">
        <f>Bühler!I5991</f>
        <v>0.27280488317378732</v>
      </c>
      <c r="J5965" s="59">
        <f>Bühler!J5991</f>
        <v>0.90934961057929109</v>
      </c>
      <c r="K5965" s="59">
        <f>Bühler!K5991</f>
        <v>1.3640244158689365</v>
      </c>
      <c r="L5965" s="59">
        <f>Bühler!L5991</f>
        <v>6.5473171961708951</v>
      </c>
      <c r="M5965" s="58">
        <f>Bühler!M5991</f>
        <v>0</v>
      </c>
      <c r="N5965" s="56">
        <f>IF(Input!$D$19=1,J5965*Input!$C$19,0)+IF(Input!$D$20=1,K5965*Input!$C$20,0)+IF(Input!$D$21=1,L5965*Input!$C$21,0)+IF(Input!$D$22=1,M5965*Input!$C$22,0)</f>
        <v>0.27280488317378732</v>
      </c>
      <c r="O5965" s="59">
        <f>IF(Input!$D$19=2,J5965*Input!$C$19,0)+IF(Input!$D$20=2,K5965*Input!$C$20,0)+IF(Input!$D$21=2,L5965*Input!$C$21,0)+IF(Input!$D$22=2,M5965*Input!$C$22,0)</f>
        <v>0.68201220793446826</v>
      </c>
      <c r="P5965" s="59">
        <f>IF(Input!$D$19=3,J5965*Input!$C$19,0)+IF(Input!$D$20=3,K5965*Input!$C$20,0)+IF(Input!$D$21=3,L5965*Input!$C$21,0)+IF(Input!$D$22=3,M5965*Input!$C$22,0)</f>
        <v>0</v>
      </c>
      <c r="Q5965" s="75">
        <f>IF(Input!$D$19=4,J5965*Input!$C$19,0)+IF(Input!$D$20=4,K5965*Input!$C$20,0)+IF(Input!$D$21=4,L5965*Input!$C$21,0)+IF(Input!$D$22=4,M5965*Input!$C$22,0)</f>
        <v>0</v>
      </c>
      <c r="R5965" s="58">
        <v>61.982191212973234</v>
      </c>
      <c r="S5965" s="124">
        <f t="shared" si="93"/>
        <v>1.1821544937530784</v>
      </c>
    </row>
    <row r="5966" spans="8:19" x14ac:dyDescent="0.3">
      <c r="H5966" s="44">
        <v>5959</v>
      </c>
      <c r="I5966" s="56">
        <f>Bühler!I5992</f>
        <v>0.31513667539040952</v>
      </c>
      <c r="J5966" s="59">
        <f>Bühler!J5992</f>
        <v>1.0504555846346983</v>
      </c>
      <c r="K5966" s="59">
        <f>Bühler!K5992</f>
        <v>1.5756833769520475</v>
      </c>
      <c r="L5966" s="59">
        <f>Bühler!L5992</f>
        <v>7.5632802093698279</v>
      </c>
      <c r="M5966" s="58">
        <f>Bühler!M5992</f>
        <v>0</v>
      </c>
      <c r="N5966" s="56">
        <f>IF(Input!$D$19=1,J5966*Input!$C$19,0)+IF(Input!$D$20=1,K5966*Input!$C$20,0)+IF(Input!$D$21=1,L5966*Input!$C$21,0)+IF(Input!$D$22=1,M5966*Input!$C$22,0)</f>
        <v>0.31513667539040952</v>
      </c>
      <c r="O5966" s="59">
        <f>IF(Input!$D$19=2,J5966*Input!$C$19,0)+IF(Input!$D$20=2,K5966*Input!$C$20,0)+IF(Input!$D$21=2,L5966*Input!$C$21,0)+IF(Input!$D$22=2,M5966*Input!$C$22,0)</f>
        <v>0.78784168847602376</v>
      </c>
      <c r="P5966" s="59">
        <f>IF(Input!$D$19=3,J5966*Input!$C$19,0)+IF(Input!$D$20=3,K5966*Input!$C$20,0)+IF(Input!$D$21=3,L5966*Input!$C$21,0)+IF(Input!$D$22=3,M5966*Input!$C$22,0)</f>
        <v>0</v>
      </c>
      <c r="Q5966" s="75">
        <f>IF(Input!$D$19=4,J5966*Input!$C$19,0)+IF(Input!$D$20=4,K5966*Input!$C$20,0)+IF(Input!$D$21=4,L5966*Input!$C$21,0)+IF(Input!$D$22=4,M5966*Input!$C$22,0)</f>
        <v>0</v>
      </c>
      <c r="R5966" s="58">
        <v>65.390143023308298</v>
      </c>
      <c r="S5966" s="124">
        <f t="shared" si="93"/>
        <v>1.3655922600251078</v>
      </c>
    </row>
    <row r="5967" spans="8:19" x14ac:dyDescent="0.3">
      <c r="H5967" s="44">
        <v>5960</v>
      </c>
      <c r="I5967" s="56">
        <f>Bühler!I5993</f>
        <v>0.31513667539040952</v>
      </c>
      <c r="J5967" s="59">
        <f>Bühler!J5993</f>
        <v>1.0504555846346983</v>
      </c>
      <c r="K5967" s="59">
        <f>Bühler!K5993</f>
        <v>1.5756833769520475</v>
      </c>
      <c r="L5967" s="59">
        <f>Bühler!L5993</f>
        <v>7.5632802093698279</v>
      </c>
      <c r="M5967" s="58">
        <f>Bühler!M5993</f>
        <v>0</v>
      </c>
      <c r="N5967" s="56">
        <f>IF(Input!$D$19=1,J5967*Input!$C$19,0)+IF(Input!$D$20=1,K5967*Input!$C$20,0)+IF(Input!$D$21=1,L5967*Input!$C$21,0)+IF(Input!$D$22=1,M5967*Input!$C$22,0)</f>
        <v>0.31513667539040952</v>
      </c>
      <c r="O5967" s="59">
        <f>IF(Input!$D$19=2,J5967*Input!$C$19,0)+IF(Input!$D$20=2,K5967*Input!$C$20,0)+IF(Input!$D$21=2,L5967*Input!$C$21,0)+IF(Input!$D$22=2,M5967*Input!$C$22,0)</f>
        <v>0.78784168847602376</v>
      </c>
      <c r="P5967" s="59">
        <f>IF(Input!$D$19=3,J5967*Input!$C$19,0)+IF(Input!$D$20=3,K5967*Input!$C$20,0)+IF(Input!$D$21=3,L5967*Input!$C$21,0)+IF(Input!$D$22=3,M5967*Input!$C$22,0)</f>
        <v>0</v>
      </c>
      <c r="Q5967" s="75">
        <f>IF(Input!$D$19=4,J5967*Input!$C$19,0)+IF(Input!$D$20=4,K5967*Input!$C$20,0)+IF(Input!$D$21=4,L5967*Input!$C$21,0)+IF(Input!$D$22=4,M5967*Input!$C$22,0)</f>
        <v>0</v>
      </c>
      <c r="R5967" s="58">
        <v>67.147931189182998</v>
      </c>
      <c r="S5967" s="124">
        <f t="shared" si="93"/>
        <v>1.3655922600251078</v>
      </c>
    </row>
    <row r="5968" spans="8:19" x14ac:dyDescent="0.3">
      <c r="H5968" s="44">
        <v>5961</v>
      </c>
      <c r="I5968" s="56">
        <f>Bühler!I5994</f>
        <v>0.31513667539040952</v>
      </c>
      <c r="J5968" s="59">
        <f>Bühler!J5994</f>
        <v>1.0504555846346983</v>
      </c>
      <c r="K5968" s="59">
        <f>Bühler!K5994</f>
        <v>1.5756833769520475</v>
      </c>
      <c r="L5968" s="59">
        <f>Bühler!L5994</f>
        <v>7.5632802093698279</v>
      </c>
      <c r="M5968" s="58">
        <f>Bühler!M5994</f>
        <v>0</v>
      </c>
      <c r="N5968" s="56">
        <f>IF(Input!$D$19=1,J5968*Input!$C$19,0)+IF(Input!$D$20=1,K5968*Input!$C$20,0)+IF(Input!$D$21=1,L5968*Input!$C$21,0)+IF(Input!$D$22=1,M5968*Input!$C$22,0)</f>
        <v>0.31513667539040952</v>
      </c>
      <c r="O5968" s="59">
        <f>IF(Input!$D$19=2,J5968*Input!$C$19,0)+IF(Input!$D$20=2,K5968*Input!$C$20,0)+IF(Input!$D$21=2,L5968*Input!$C$21,0)+IF(Input!$D$22=2,M5968*Input!$C$22,0)</f>
        <v>0.78784168847602376</v>
      </c>
      <c r="P5968" s="59">
        <f>IF(Input!$D$19=3,J5968*Input!$C$19,0)+IF(Input!$D$20=3,K5968*Input!$C$20,0)+IF(Input!$D$21=3,L5968*Input!$C$21,0)+IF(Input!$D$22=3,M5968*Input!$C$22,0)</f>
        <v>0</v>
      </c>
      <c r="Q5968" s="75">
        <f>IF(Input!$D$19=4,J5968*Input!$C$19,0)+IF(Input!$D$20=4,K5968*Input!$C$20,0)+IF(Input!$D$21=4,L5968*Input!$C$21,0)+IF(Input!$D$22=4,M5968*Input!$C$22,0)</f>
        <v>0</v>
      </c>
      <c r="R5968" s="58">
        <v>68.35728609837615</v>
      </c>
      <c r="S5968" s="124">
        <f t="shared" si="93"/>
        <v>1.3655922600251078</v>
      </c>
    </row>
    <row r="5969" spans="8:19" x14ac:dyDescent="0.3">
      <c r="H5969" s="44">
        <v>5962</v>
      </c>
      <c r="I5969" s="56">
        <f>Bühler!I5995</f>
        <v>0.33865433773297737</v>
      </c>
      <c r="J5969" s="59">
        <f>Bühler!J5995</f>
        <v>1.1288477924432578</v>
      </c>
      <c r="K5969" s="59">
        <f>Bühler!K5995</f>
        <v>1.6932716886648869</v>
      </c>
      <c r="L5969" s="59">
        <f>Bühler!L5995</f>
        <v>8.127704105591457</v>
      </c>
      <c r="M5969" s="58">
        <f>Bühler!M5995</f>
        <v>0</v>
      </c>
      <c r="N5969" s="56">
        <f>IF(Input!$D$19=1,J5969*Input!$C$19,0)+IF(Input!$D$20=1,K5969*Input!$C$20,0)+IF(Input!$D$21=1,L5969*Input!$C$21,0)+IF(Input!$D$22=1,M5969*Input!$C$22,0)</f>
        <v>0.33865433773297732</v>
      </c>
      <c r="O5969" s="59">
        <f>IF(Input!$D$19=2,J5969*Input!$C$19,0)+IF(Input!$D$20=2,K5969*Input!$C$20,0)+IF(Input!$D$21=2,L5969*Input!$C$21,0)+IF(Input!$D$22=2,M5969*Input!$C$22,0)</f>
        <v>0.84663584433244343</v>
      </c>
      <c r="P5969" s="59">
        <f>IF(Input!$D$19=3,J5969*Input!$C$19,0)+IF(Input!$D$20=3,K5969*Input!$C$20,0)+IF(Input!$D$21=3,L5969*Input!$C$21,0)+IF(Input!$D$22=3,M5969*Input!$C$22,0)</f>
        <v>0</v>
      </c>
      <c r="Q5969" s="75">
        <f>IF(Input!$D$19=4,J5969*Input!$C$19,0)+IF(Input!$D$20=4,K5969*Input!$C$20,0)+IF(Input!$D$21=4,L5969*Input!$C$21,0)+IF(Input!$D$22=4,M5969*Input!$C$22,0)</f>
        <v>0</v>
      </c>
      <c r="R5969" s="58">
        <v>68.971162799737186</v>
      </c>
      <c r="S5969" s="124">
        <f t="shared" si="93"/>
        <v>1.4675021301762352</v>
      </c>
    </row>
    <row r="5970" spans="8:19" x14ac:dyDescent="0.3">
      <c r="H5970" s="44">
        <v>5963</v>
      </c>
      <c r="I5970" s="56">
        <f>Bühler!I5996</f>
        <v>0.3668755325440588</v>
      </c>
      <c r="J5970" s="59">
        <f>Bühler!J5996</f>
        <v>1.2229184418135295</v>
      </c>
      <c r="K5970" s="59">
        <f>Bühler!K5996</f>
        <v>1.8343776627202939</v>
      </c>
      <c r="L5970" s="59">
        <f>Bühler!L5996</f>
        <v>8.8050127810574104</v>
      </c>
      <c r="M5970" s="58">
        <f>Bühler!M5996</f>
        <v>0</v>
      </c>
      <c r="N5970" s="56">
        <f>IF(Input!$D$19=1,J5970*Input!$C$19,0)+IF(Input!$D$20=1,K5970*Input!$C$20,0)+IF(Input!$D$21=1,L5970*Input!$C$21,0)+IF(Input!$D$22=1,M5970*Input!$C$22,0)</f>
        <v>0.36687553254405886</v>
      </c>
      <c r="O5970" s="59">
        <f>IF(Input!$D$19=2,J5970*Input!$C$19,0)+IF(Input!$D$20=2,K5970*Input!$C$20,0)+IF(Input!$D$21=2,L5970*Input!$C$21,0)+IF(Input!$D$22=2,M5970*Input!$C$22,0)</f>
        <v>0.91718883136014695</v>
      </c>
      <c r="P5970" s="59">
        <f>IF(Input!$D$19=3,J5970*Input!$C$19,0)+IF(Input!$D$20=3,K5970*Input!$C$20,0)+IF(Input!$D$21=3,L5970*Input!$C$21,0)+IF(Input!$D$22=3,M5970*Input!$C$22,0)</f>
        <v>0</v>
      </c>
      <c r="Q5970" s="75">
        <f>IF(Input!$D$19=4,J5970*Input!$C$19,0)+IF(Input!$D$20=4,K5970*Input!$C$20,0)+IF(Input!$D$21=4,L5970*Input!$C$21,0)+IF(Input!$D$22=4,M5970*Input!$C$22,0)</f>
        <v>0</v>
      </c>
      <c r="R5970" s="58">
        <v>69.890990839280761</v>
      </c>
      <c r="S5970" s="124">
        <f t="shared" si="93"/>
        <v>1.5897939743575882</v>
      </c>
    </row>
    <row r="5971" spans="8:19" x14ac:dyDescent="0.3">
      <c r="H5971" s="44">
        <v>5964</v>
      </c>
      <c r="I5971" s="56">
        <f>Bühler!I5997</f>
        <v>0.42331792216622172</v>
      </c>
      <c r="J5971" s="59">
        <f>Bühler!J5997</f>
        <v>1.4110597405540726</v>
      </c>
      <c r="K5971" s="59">
        <f>Bühler!K5997</f>
        <v>2.1165896108311086</v>
      </c>
      <c r="L5971" s="59">
        <f>Bühler!L5997</f>
        <v>10.159630131989321</v>
      </c>
      <c r="M5971" s="58">
        <f>Bühler!M5997</f>
        <v>0</v>
      </c>
      <c r="N5971" s="56">
        <f>IF(Input!$D$19=1,J5971*Input!$C$19,0)+IF(Input!$D$20=1,K5971*Input!$C$20,0)+IF(Input!$D$21=1,L5971*Input!$C$21,0)+IF(Input!$D$22=1,M5971*Input!$C$22,0)</f>
        <v>0.42331792216622177</v>
      </c>
      <c r="O5971" s="59">
        <f>IF(Input!$D$19=2,J5971*Input!$C$19,0)+IF(Input!$D$20=2,K5971*Input!$C$20,0)+IF(Input!$D$21=2,L5971*Input!$C$21,0)+IF(Input!$D$22=2,M5971*Input!$C$22,0)</f>
        <v>1.0582948054155543</v>
      </c>
      <c r="P5971" s="59">
        <f>IF(Input!$D$19=3,J5971*Input!$C$19,0)+IF(Input!$D$20=3,K5971*Input!$C$20,0)+IF(Input!$D$21=3,L5971*Input!$C$21,0)+IF(Input!$D$22=3,M5971*Input!$C$22,0)</f>
        <v>0</v>
      </c>
      <c r="Q5971" s="75">
        <f>IF(Input!$D$19=4,J5971*Input!$C$19,0)+IF(Input!$D$20=4,K5971*Input!$C$20,0)+IF(Input!$D$21=4,L5971*Input!$C$21,0)+IF(Input!$D$22=4,M5971*Input!$C$22,0)</f>
        <v>0</v>
      </c>
      <c r="R5971" s="58">
        <v>70.139911321417998</v>
      </c>
      <c r="S5971" s="124">
        <f t="shared" si="93"/>
        <v>1.8343776627202943</v>
      </c>
    </row>
    <row r="5972" spans="8:19" x14ac:dyDescent="0.3">
      <c r="H5972" s="44">
        <v>5965</v>
      </c>
      <c r="I5972" s="56">
        <f>Bühler!I5998</f>
        <v>0.42331792216622172</v>
      </c>
      <c r="J5972" s="59">
        <f>Bühler!J5998</f>
        <v>1.4110597405540726</v>
      </c>
      <c r="K5972" s="59">
        <f>Bühler!K5998</f>
        <v>2.1165896108311086</v>
      </c>
      <c r="L5972" s="59">
        <f>Bühler!L5998</f>
        <v>10.159630131989321</v>
      </c>
      <c r="M5972" s="58">
        <f>Bühler!M5998</f>
        <v>0</v>
      </c>
      <c r="N5972" s="56">
        <f>IF(Input!$D$19=1,J5972*Input!$C$19,0)+IF(Input!$D$20=1,K5972*Input!$C$20,0)+IF(Input!$D$21=1,L5972*Input!$C$21,0)+IF(Input!$D$22=1,M5972*Input!$C$22,0)</f>
        <v>0.42331792216622177</v>
      </c>
      <c r="O5972" s="59">
        <f>IF(Input!$D$19=2,J5972*Input!$C$19,0)+IF(Input!$D$20=2,K5972*Input!$C$20,0)+IF(Input!$D$21=2,L5972*Input!$C$21,0)+IF(Input!$D$22=2,M5972*Input!$C$22,0)</f>
        <v>1.0582948054155543</v>
      </c>
      <c r="P5972" s="59">
        <f>IF(Input!$D$19=3,J5972*Input!$C$19,0)+IF(Input!$D$20=3,K5972*Input!$C$20,0)+IF(Input!$D$21=3,L5972*Input!$C$21,0)+IF(Input!$D$22=3,M5972*Input!$C$22,0)</f>
        <v>0</v>
      </c>
      <c r="Q5972" s="75">
        <f>IF(Input!$D$19=4,J5972*Input!$C$19,0)+IF(Input!$D$20=4,K5972*Input!$C$20,0)+IF(Input!$D$21=4,L5972*Input!$C$21,0)+IF(Input!$D$22=4,M5972*Input!$C$22,0)</f>
        <v>0</v>
      </c>
      <c r="R5972" s="58">
        <v>69.218959747929915</v>
      </c>
      <c r="S5972" s="124">
        <f t="shared" si="93"/>
        <v>1.8343776627202943</v>
      </c>
    </row>
    <row r="5973" spans="8:19" x14ac:dyDescent="0.3">
      <c r="H5973" s="44">
        <v>5966</v>
      </c>
      <c r="I5973" s="56">
        <f>Bühler!I5999</f>
        <v>0.42331792216622172</v>
      </c>
      <c r="J5973" s="59">
        <f>Bühler!J5999</f>
        <v>1.4110597405540726</v>
      </c>
      <c r="K5973" s="59">
        <f>Bühler!K5999</f>
        <v>2.1165896108311086</v>
      </c>
      <c r="L5973" s="59">
        <f>Bühler!L5999</f>
        <v>10.159630131989321</v>
      </c>
      <c r="M5973" s="58">
        <f>Bühler!M5999</f>
        <v>0</v>
      </c>
      <c r="N5973" s="56">
        <f>IF(Input!$D$19=1,J5973*Input!$C$19,0)+IF(Input!$D$20=1,K5973*Input!$C$20,0)+IF(Input!$D$21=1,L5973*Input!$C$21,0)+IF(Input!$D$22=1,M5973*Input!$C$22,0)</f>
        <v>0.42331792216622177</v>
      </c>
      <c r="O5973" s="59">
        <f>IF(Input!$D$19=2,J5973*Input!$C$19,0)+IF(Input!$D$20=2,K5973*Input!$C$20,0)+IF(Input!$D$21=2,L5973*Input!$C$21,0)+IF(Input!$D$22=2,M5973*Input!$C$22,0)</f>
        <v>1.0582948054155543</v>
      </c>
      <c r="P5973" s="59">
        <f>IF(Input!$D$19=3,J5973*Input!$C$19,0)+IF(Input!$D$20=3,K5973*Input!$C$20,0)+IF(Input!$D$21=3,L5973*Input!$C$21,0)+IF(Input!$D$22=3,M5973*Input!$C$22,0)</f>
        <v>0</v>
      </c>
      <c r="Q5973" s="75">
        <f>IF(Input!$D$19=4,J5973*Input!$C$19,0)+IF(Input!$D$20=4,K5973*Input!$C$20,0)+IF(Input!$D$21=4,L5973*Input!$C$21,0)+IF(Input!$D$22=4,M5973*Input!$C$22,0)</f>
        <v>0</v>
      </c>
      <c r="R5973" s="58">
        <v>68.960366611960666</v>
      </c>
      <c r="S5973" s="124">
        <f t="shared" si="93"/>
        <v>1.8343776627202943</v>
      </c>
    </row>
    <row r="5974" spans="8:19" x14ac:dyDescent="0.3">
      <c r="H5974" s="44">
        <v>5967</v>
      </c>
      <c r="I5974" s="56">
        <f>Bühler!I6000</f>
        <v>0.42331792216622172</v>
      </c>
      <c r="J5974" s="59">
        <f>Bühler!J6000</f>
        <v>1.4110597405540726</v>
      </c>
      <c r="K5974" s="59">
        <f>Bühler!K6000</f>
        <v>2.1165896108311086</v>
      </c>
      <c r="L5974" s="59">
        <f>Bühler!L6000</f>
        <v>10.159630131989321</v>
      </c>
      <c r="M5974" s="58">
        <f>Bühler!M6000</f>
        <v>0</v>
      </c>
      <c r="N5974" s="56">
        <f>IF(Input!$D$19=1,J5974*Input!$C$19,0)+IF(Input!$D$20=1,K5974*Input!$C$20,0)+IF(Input!$D$21=1,L5974*Input!$C$21,0)+IF(Input!$D$22=1,M5974*Input!$C$22,0)</f>
        <v>0.42331792216622177</v>
      </c>
      <c r="O5974" s="59">
        <f>IF(Input!$D$19=2,J5974*Input!$C$19,0)+IF(Input!$D$20=2,K5974*Input!$C$20,0)+IF(Input!$D$21=2,L5974*Input!$C$21,0)+IF(Input!$D$22=2,M5974*Input!$C$22,0)</f>
        <v>1.0582948054155543</v>
      </c>
      <c r="P5974" s="59">
        <f>IF(Input!$D$19=3,J5974*Input!$C$19,0)+IF(Input!$D$20=3,K5974*Input!$C$20,0)+IF(Input!$D$21=3,L5974*Input!$C$21,0)+IF(Input!$D$22=3,M5974*Input!$C$22,0)</f>
        <v>0</v>
      </c>
      <c r="Q5974" s="75">
        <f>IF(Input!$D$19=4,J5974*Input!$C$19,0)+IF(Input!$D$20=4,K5974*Input!$C$20,0)+IF(Input!$D$21=4,L5974*Input!$C$21,0)+IF(Input!$D$22=4,M5974*Input!$C$22,0)</f>
        <v>0</v>
      </c>
      <c r="R5974" s="58">
        <v>68.883126168739665</v>
      </c>
      <c r="S5974" s="124">
        <f t="shared" si="93"/>
        <v>1.8343776627202943</v>
      </c>
    </row>
    <row r="5975" spans="8:19" x14ac:dyDescent="0.3">
      <c r="H5975" s="44">
        <v>5968</v>
      </c>
      <c r="I5975" s="56">
        <f>Bühler!I6001</f>
        <v>0.42331792216622172</v>
      </c>
      <c r="J5975" s="59">
        <f>Bühler!J6001</f>
        <v>1.4110597405540726</v>
      </c>
      <c r="K5975" s="59">
        <f>Bühler!K6001</f>
        <v>2.1165896108311086</v>
      </c>
      <c r="L5975" s="59">
        <f>Bühler!L6001</f>
        <v>10.159630131989321</v>
      </c>
      <c r="M5975" s="58">
        <f>Bühler!M6001</f>
        <v>0</v>
      </c>
      <c r="N5975" s="56">
        <f>IF(Input!$D$19=1,J5975*Input!$C$19,0)+IF(Input!$D$20=1,K5975*Input!$C$20,0)+IF(Input!$D$21=1,L5975*Input!$C$21,0)+IF(Input!$D$22=1,M5975*Input!$C$22,0)</f>
        <v>0.42331792216622177</v>
      </c>
      <c r="O5975" s="59">
        <f>IF(Input!$D$19=2,J5975*Input!$C$19,0)+IF(Input!$D$20=2,K5975*Input!$C$20,0)+IF(Input!$D$21=2,L5975*Input!$C$21,0)+IF(Input!$D$22=2,M5975*Input!$C$22,0)</f>
        <v>1.0582948054155543</v>
      </c>
      <c r="P5975" s="59">
        <f>IF(Input!$D$19=3,J5975*Input!$C$19,0)+IF(Input!$D$20=3,K5975*Input!$C$20,0)+IF(Input!$D$21=3,L5975*Input!$C$21,0)+IF(Input!$D$22=3,M5975*Input!$C$22,0)</f>
        <v>0</v>
      </c>
      <c r="Q5975" s="75">
        <f>IF(Input!$D$19=4,J5975*Input!$C$19,0)+IF(Input!$D$20=4,K5975*Input!$C$20,0)+IF(Input!$D$21=4,L5975*Input!$C$21,0)+IF(Input!$D$22=4,M5975*Input!$C$22,0)</f>
        <v>0</v>
      </c>
      <c r="R5975" s="58">
        <v>68.069848739431464</v>
      </c>
      <c r="S5975" s="124">
        <f t="shared" si="93"/>
        <v>1.8343776627202943</v>
      </c>
    </row>
    <row r="5976" spans="8:19" x14ac:dyDescent="0.3">
      <c r="H5976" s="44">
        <v>5969</v>
      </c>
      <c r="I5976" s="56">
        <f>Bühler!I6002</f>
        <v>0.42331792216622172</v>
      </c>
      <c r="J5976" s="59">
        <f>Bühler!J6002</f>
        <v>1.4110597405540726</v>
      </c>
      <c r="K5976" s="59">
        <f>Bühler!K6002</f>
        <v>2.1165896108311086</v>
      </c>
      <c r="L5976" s="59">
        <f>Bühler!L6002</f>
        <v>10.159630131989321</v>
      </c>
      <c r="M5976" s="58">
        <f>Bühler!M6002</f>
        <v>0</v>
      </c>
      <c r="N5976" s="56">
        <f>IF(Input!$D$19=1,J5976*Input!$C$19,0)+IF(Input!$D$20=1,K5976*Input!$C$20,0)+IF(Input!$D$21=1,L5976*Input!$C$21,0)+IF(Input!$D$22=1,M5976*Input!$C$22,0)</f>
        <v>0.42331792216622177</v>
      </c>
      <c r="O5976" s="59">
        <f>IF(Input!$D$19=2,J5976*Input!$C$19,0)+IF(Input!$D$20=2,K5976*Input!$C$20,0)+IF(Input!$D$21=2,L5976*Input!$C$21,0)+IF(Input!$D$22=2,M5976*Input!$C$22,0)</f>
        <v>1.0582948054155543</v>
      </c>
      <c r="P5976" s="59">
        <f>IF(Input!$D$19=3,J5976*Input!$C$19,0)+IF(Input!$D$20=3,K5976*Input!$C$20,0)+IF(Input!$D$21=3,L5976*Input!$C$21,0)+IF(Input!$D$22=3,M5976*Input!$C$22,0)</f>
        <v>0</v>
      </c>
      <c r="Q5976" s="75">
        <f>IF(Input!$D$19=4,J5976*Input!$C$19,0)+IF(Input!$D$20=4,K5976*Input!$C$20,0)+IF(Input!$D$21=4,L5976*Input!$C$21,0)+IF(Input!$D$22=4,M5976*Input!$C$22,0)</f>
        <v>0</v>
      </c>
      <c r="R5976" s="58">
        <v>66.653420540117324</v>
      </c>
      <c r="S5976" s="124">
        <f t="shared" si="93"/>
        <v>1.8343776627202943</v>
      </c>
    </row>
    <row r="5977" spans="8:19" x14ac:dyDescent="0.3">
      <c r="H5977" s="44">
        <v>5970</v>
      </c>
      <c r="I5977" s="56">
        <f>Bühler!I6003</f>
        <v>0.42331792216622172</v>
      </c>
      <c r="J5977" s="59">
        <f>Bühler!J6003</f>
        <v>1.4110597405540726</v>
      </c>
      <c r="K5977" s="59">
        <f>Bühler!K6003</f>
        <v>2.1165896108311086</v>
      </c>
      <c r="L5977" s="59">
        <f>Bühler!L6003</f>
        <v>10.159630131989321</v>
      </c>
      <c r="M5977" s="58">
        <f>Bühler!M6003</f>
        <v>0</v>
      </c>
      <c r="N5977" s="56">
        <f>IF(Input!$D$19=1,J5977*Input!$C$19,0)+IF(Input!$D$20=1,K5977*Input!$C$20,0)+IF(Input!$D$21=1,L5977*Input!$C$21,0)+IF(Input!$D$22=1,M5977*Input!$C$22,0)</f>
        <v>0.42331792216622177</v>
      </c>
      <c r="O5977" s="59">
        <f>IF(Input!$D$19=2,J5977*Input!$C$19,0)+IF(Input!$D$20=2,K5977*Input!$C$20,0)+IF(Input!$D$21=2,L5977*Input!$C$21,0)+IF(Input!$D$22=2,M5977*Input!$C$22,0)</f>
        <v>1.0582948054155543</v>
      </c>
      <c r="P5977" s="59">
        <f>IF(Input!$D$19=3,J5977*Input!$C$19,0)+IF(Input!$D$20=3,K5977*Input!$C$20,0)+IF(Input!$D$21=3,L5977*Input!$C$21,0)+IF(Input!$D$22=3,M5977*Input!$C$22,0)</f>
        <v>0</v>
      </c>
      <c r="Q5977" s="75">
        <f>IF(Input!$D$19=4,J5977*Input!$C$19,0)+IF(Input!$D$20=4,K5977*Input!$C$20,0)+IF(Input!$D$21=4,L5977*Input!$C$21,0)+IF(Input!$D$22=4,M5977*Input!$C$22,0)</f>
        <v>0</v>
      </c>
      <c r="R5977" s="58">
        <v>65.276607645966195</v>
      </c>
      <c r="S5977" s="124">
        <f t="shared" si="93"/>
        <v>1.8343776627202943</v>
      </c>
    </row>
    <row r="5978" spans="8:19" x14ac:dyDescent="0.3">
      <c r="H5978" s="44">
        <v>5971</v>
      </c>
      <c r="I5978" s="56">
        <f>Bühler!I6004</f>
        <v>0.42331792216622172</v>
      </c>
      <c r="J5978" s="59">
        <f>Bühler!J6004</f>
        <v>1.4110597405540726</v>
      </c>
      <c r="K5978" s="59">
        <f>Bühler!K6004</f>
        <v>2.1165896108311086</v>
      </c>
      <c r="L5978" s="59">
        <f>Bühler!L6004</f>
        <v>10.159630131989321</v>
      </c>
      <c r="M5978" s="58">
        <f>Bühler!M6004</f>
        <v>0</v>
      </c>
      <c r="N5978" s="56">
        <f>IF(Input!$D$19=1,J5978*Input!$C$19,0)+IF(Input!$D$20=1,K5978*Input!$C$20,0)+IF(Input!$D$21=1,L5978*Input!$C$21,0)+IF(Input!$D$22=1,M5978*Input!$C$22,0)</f>
        <v>0.42331792216622177</v>
      </c>
      <c r="O5978" s="59">
        <f>IF(Input!$D$19=2,J5978*Input!$C$19,0)+IF(Input!$D$20=2,K5978*Input!$C$20,0)+IF(Input!$D$21=2,L5978*Input!$C$21,0)+IF(Input!$D$22=2,M5978*Input!$C$22,0)</f>
        <v>1.0582948054155543</v>
      </c>
      <c r="P5978" s="59">
        <f>IF(Input!$D$19=3,J5978*Input!$C$19,0)+IF(Input!$D$20=3,K5978*Input!$C$20,0)+IF(Input!$D$21=3,L5978*Input!$C$21,0)+IF(Input!$D$22=3,M5978*Input!$C$22,0)</f>
        <v>0</v>
      </c>
      <c r="Q5978" s="75">
        <f>IF(Input!$D$19=4,J5978*Input!$C$19,0)+IF(Input!$D$20=4,K5978*Input!$C$20,0)+IF(Input!$D$21=4,L5978*Input!$C$21,0)+IF(Input!$D$22=4,M5978*Input!$C$22,0)</f>
        <v>0</v>
      </c>
      <c r="R5978" s="58">
        <v>64.570143454889774</v>
      </c>
      <c r="S5978" s="124">
        <f t="shared" si="93"/>
        <v>1.8343776627202943</v>
      </c>
    </row>
    <row r="5979" spans="8:19" x14ac:dyDescent="0.3">
      <c r="H5979" s="44">
        <v>5972</v>
      </c>
      <c r="I5979" s="56">
        <f>Bühler!I6005</f>
        <v>0.35276493513851809</v>
      </c>
      <c r="J5979" s="59">
        <f>Bühler!J6005</f>
        <v>1.1758831171283937</v>
      </c>
      <c r="K5979" s="59">
        <f>Bühler!K6005</f>
        <v>1.7638246756925906</v>
      </c>
      <c r="L5979" s="59">
        <f>Bühler!L6005</f>
        <v>8.4663584433244345</v>
      </c>
      <c r="M5979" s="58">
        <f>Bühler!M6005</f>
        <v>0</v>
      </c>
      <c r="N5979" s="56">
        <f>IF(Input!$D$19=1,J5979*Input!$C$19,0)+IF(Input!$D$20=1,K5979*Input!$C$20,0)+IF(Input!$D$21=1,L5979*Input!$C$21,0)+IF(Input!$D$22=1,M5979*Input!$C$22,0)</f>
        <v>0.35276493513851809</v>
      </c>
      <c r="O5979" s="59">
        <f>IF(Input!$D$19=2,J5979*Input!$C$19,0)+IF(Input!$D$20=2,K5979*Input!$C$20,0)+IF(Input!$D$21=2,L5979*Input!$C$21,0)+IF(Input!$D$22=2,M5979*Input!$C$22,0)</f>
        <v>0.8819123378462953</v>
      </c>
      <c r="P5979" s="59">
        <f>IF(Input!$D$19=3,J5979*Input!$C$19,0)+IF(Input!$D$20=3,K5979*Input!$C$20,0)+IF(Input!$D$21=3,L5979*Input!$C$21,0)+IF(Input!$D$22=3,M5979*Input!$C$22,0)</f>
        <v>0</v>
      </c>
      <c r="Q5979" s="75">
        <f>IF(Input!$D$19=4,J5979*Input!$C$19,0)+IF(Input!$D$20=4,K5979*Input!$C$20,0)+IF(Input!$D$21=4,L5979*Input!$C$21,0)+IF(Input!$D$22=4,M5979*Input!$C$22,0)</f>
        <v>0</v>
      </c>
      <c r="R5979" s="58">
        <v>63.180220206464064</v>
      </c>
      <c r="S5979" s="124">
        <f t="shared" si="93"/>
        <v>1.5286480522669117</v>
      </c>
    </row>
    <row r="5980" spans="8:19" x14ac:dyDescent="0.3">
      <c r="H5980" s="44">
        <v>5973</v>
      </c>
      <c r="I5980" s="56">
        <f>Bühler!I6006</f>
        <v>0.28221194811081451</v>
      </c>
      <c r="J5980" s="59">
        <f>Bühler!J6006</f>
        <v>0.9407064937027152</v>
      </c>
      <c r="K5980" s="59">
        <f>Bühler!K6006</f>
        <v>1.4110597405540726</v>
      </c>
      <c r="L5980" s="59">
        <f>Bühler!L6006</f>
        <v>6.7730867546595483</v>
      </c>
      <c r="M5980" s="58">
        <f>Bühler!M6006</f>
        <v>0</v>
      </c>
      <c r="N5980" s="56">
        <f>IF(Input!$D$19=1,J5980*Input!$C$19,0)+IF(Input!$D$20=1,K5980*Input!$C$20,0)+IF(Input!$D$21=1,L5980*Input!$C$21,0)+IF(Input!$D$22=1,M5980*Input!$C$22,0)</f>
        <v>0.28221194811081457</v>
      </c>
      <c r="O5980" s="59">
        <f>IF(Input!$D$19=2,J5980*Input!$C$19,0)+IF(Input!$D$20=2,K5980*Input!$C$20,0)+IF(Input!$D$21=2,L5980*Input!$C$21,0)+IF(Input!$D$22=2,M5980*Input!$C$22,0)</f>
        <v>0.70552987027703629</v>
      </c>
      <c r="P5980" s="59">
        <f>IF(Input!$D$19=3,J5980*Input!$C$19,0)+IF(Input!$D$20=3,K5980*Input!$C$20,0)+IF(Input!$D$21=3,L5980*Input!$C$21,0)+IF(Input!$D$22=3,M5980*Input!$C$22,0)</f>
        <v>0</v>
      </c>
      <c r="Q5980" s="75">
        <f>IF(Input!$D$19=4,J5980*Input!$C$19,0)+IF(Input!$D$20=4,K5980*Input!$C$20,0)+IF(Input!$D$21=4,L5980*Input!$C$21,0)+IF(Input!$D$22=4,M5980*Input!$C$22,0)</f>
        <v>0</v>
      </c>
      <c r="R5980" s="58">
        <v>60.841761756343779</v>
      </c>
      <c r="S5980" s="124">
        <f t="shared" si="93"/>
        <v>1.2229184418135297</v>
      </c>
    </row>
    <row r="5981" spans="8:19" x14ac:dyDescent="0.3">
      <c r="H5981" s="44">
        <v>5974</v>
      </c>
      <c r="I5981" s="56">
        <f>Bühler!I6007</f>
        <v>0.21165896108311086</v>
      </c>
      <c r="J5981" s="59">
        <f>Bühler!J6007</f>
        <v>0.70552987027703629</v>
      </c>
      <c r="K5981" s="59">
        <f>Bühler!K6007</f>
        <v>1.0582948054155543</v>
      </c>
      <c r="L5981" s="59">
        <f>Bühler!L6007</f>
        <v>5.0798150659946604</v>
      </c>
      <c r="M5981" s="58">
        <f>Bühler!M6007</f>
        <v>0</v>
      </c>
      <c r="N5981" s="56">
        <f>IF(Input!$D$19=1,J5981*Input!$C$19,0)+IF(Input!$D$20=1,K5981*Input!$C$20,0)+IF(Input!$D$21=1,L5981*Input!$C$21,0)+IF(Input!$D$22=1,M5981*Input!$C$22,0)</f>
        <v>0.21165896108311089</v>
      </c>
      <c r="O5981" s="59">
        <f>IF(Input!$D$19=2,J5981*Input!$C$19,0)+IF(Input!$D$20=2,K5981*Input!$C$20,0)+IF(Input!$D$21=2,L5981*Input!$C$21,0)+IF(Input!$D$22=2,M5981*Input!$C$22,0)</f>
        <v>0.52914740270777716</v>
      </c>
      <c r="P5981" s="59">
        <f>IF(Input!$D$19=3,J5981*Input!$C$19,0)+IF(Input!$D$20=3,K5981*Input!$C$20,0)+IF(Input!$D$21=3,L5981*Input!$C$21,0)+IF(Input!$D$22=3,M5981*Input!$C$22,0)</f>
        <v>0</v>
      </c>
      <c r="Q5981" s="75">
        <f>IF(Input!$D$19=4,J5981*Input!$C$19,0)+IF(Input!$D$20=4,K5981*Input!$C$20,0)+IF(Input!$D$21=4,L5981*Input!$C$21,0)+IF(Input!$D$22=4,M5981*Input!$C$22,0)</f>
        <v>0</v>
      </c>
      <c r="R5981" s="58">
        <v>59.328191835032875</v>
      </c>
      <c r="S5981" s="124">
        <f t="shared" si="93"/>
        <v>0.91718883136014717</v>
      </c>
    </row>
    <row r="5982" spans="8:19" x14ac:dyDescent="0.3">
      <c r="H5982" s="44">
        <v>5975</v>
      </c>
      <c r="I5982" s="56">
        <f>Bühler!I6008</f>
        <v>0.21165896108311086</v>
      </c>
      <c r="J5982" s="59">
        <f>Bühler!J6008</f>
        <v>0.70552987027703629</v>
      </c>
      <c r="K5982" s="59">
        <f>Bühler!K6008</f>
        <v>1.0582948054155543</v>
      </c>
      <c r="L5982" s="59">
        <f>Bühler!L6008</f>
        <v>5.0798150659946604</v>
      </c>
      <c r="M5982" s="58">
        <f>Bühler!M6008</f>
        <v>0</v>
      </c>
      <c r="N5982" s="56">
        <f>IF(Input!$D$19=1,J5982*Input!$C$19,0)+IF(Input!$D$20=1,K5982*Input!$C$20,0)+IF(Input!$D$21=1,L5982*Input!$C$21,0)+IF(Input!$D$22=1,M5982*Input!$C$22,0)</f>
        <v>0.21165896108311089</v>
      </c>
      <c r="O5982" s="59">
        <f>IF(Input!$D$19=2,J5982*Input!$C$19,0)+IF(Input!$D$20=2,K5982*Input!$C$20,0)+IF(Input!$D$21=2,L5982*Input!$C$21,0)+IF(Input!$D$22=2,M5982*Input!$C$22,0)</f>
        <v>0.52914740270777716</v>
      </c>
      <c r="P5982" s="59">
        <f>IF(Input!$D$19=3,J5982*Input!$C$19,0)+IF(Input!$D$20=3,K5982*Input!$C$20,0)+IF(Input!$D$21=3,L5982*Input!$C$21,0)+IF(Input!$D$22=3,M5982*Input!$C$22,0)</f>
        <v>0</v>
      </c>
      <c r="Q5982" s="75">
        <f>IF(Input!$D$19=4,J5982*Input!$C$19,0)+IF(Input!$D$20=4,K5982*Input!$C$20,0)+IF(Input!$D$21=4,L5982*Input!$C$21,0)+IF(Input!$D$22=4,M5982*Input!$C$22,0)</f>
        <v>0</v>
      </c>
      <c r="R5982" s="58">
        <v>58.951204213444939</v>
      </c>
      <c r="S5982" s="124">
        <f t="shared" si="93"/>
        <v>0.91718883136014717</v>
      </c>
    </row>
    <row r="5983" spans="8:19" x14ac:dyDescent="0.3">
      <c r="H5983" s="44">
        <v>5976</v>
      </c>
      <c r="I5983" s="56">
        <f>Bühler!I6009</f>
        <v>0.21165896108311086</v>
      </c>
      <c r="J5983" s="59">
        <f>Bühler!J6009</f>
        <v>0.70552987027703629</v>
      </c>
      <c r="K5983" s="59">
        <f>Bühler!K6009</f>
        <v>1.0582948054155543</v>
      </c>
      <c r="L5983" s="59">
        <f>Bühler!L6009</f>
        <v>5.0798150659946604</v>
      </c>
      <c r="M5983" s="58">
        <f>Bühler!M6009</f>
        <v>0</v>
      </c>
      <c r="N5983" s="56">
        <f>IF(Input!$D$19=1,J5983*Input!$C$19,0)+IF(Input!$D$20=1,K5983*Input!$C$20,0)+IF(Input!$D$21=1,L5983*Input!$C$21,0)+IF(Input!$D$22=1,M5983*Input!$C$22,0)</f>
        <v>0.21165896108311089</v>
      </c>
      <c r="O5983" s="59">
        <f>IF(Input!$D$19=2,J5983*Input!$C$19,0)+IF(Input!$D$20=2,K5983*Input!$C$20,0)+IF(Input!$D$21=2,L5983*Input!$C$21,0)+IF(Input!$D$22=2,M5983*Input!$C$22,0)</f>
        <v>0.52914740270777716</v>
      </c>
      <c r="P5983" s="59">
        <f>IF(Input!$D$19=3,J5983*Input!$C$19,0)+IF(Input!$D$20=3,K5983*Input!$C$20,0)+IF(Input!$D$21=3,L5983*Input!$C$21,0)+IF(Input!$D$22=3,M5983*Input!$C$22,0)</f>
        <v>0</v>
      </c>
      <c r="Q5983" s="75">
        <f>IF(Input!$D$19=4,J5983*Input!$C$19,0)+IF(Input!$D$20=4,K5983*Input!$C$20,0)+IF(Input!$D$21=4,L5983*Input!$C$21,0)+IF(Input!$D$22=4,M5983*Input!$C$22,0)</f>
        <v>0</v>
      </c>
      <c r="R5983" s="58">
        <v>58.636607667656072</v>
      </c>
      <c r="S5983" s="124">
        <f t="shared" si="93"/>
        <v>0.91718883136014717</v>
      </c>
    </row>
    <row r="5984" spans="8:19" x14ac:dyDescent="0.3">
      <c r="H5984" s="44">
        <v>5977</v>
      </c>
      <c r="I5984" s="56">
        <f>Bühler!I6010</f>
        <v>0.23042784656731019</v>
      </c>
      <c r="J5984" s="59">
        <f>Bühler!J6010</f>
        <v>0.76809282189103412</v>
      </c>
      <c r="K5984" s="59">
        <f>Bühler!K6010</f>
        <v>1.152139232836551</v>
      </c>
      <c r="L5984" s="59">
        <f>Bühler!L6010</f>
        <v>5.5302683176154446</v>
      </c>
      <c r="M5984" s="58">
        <f>Bühler!M6010</f>
        <v>0</v>
      </c>
      <c r="N5984" s="56">
        <f>IF(Input!$D$19=1,J5984*Input!$C$19,0)+IF(Input!$D$20=1,K5984*Input!$C$20,0)+IF(Input!$D$21=1,L5984*Input!$C$21,0)+IF(Input!$D$22=1,M5984*Input!$C$22,0)</f>
        <v>0.23042784656731022</v>
      </c>
      <c r="O5984" s="59">
        <f>IF(Input!$D$19=2,J5984*Input!$C$19,0)+IF(Input!$D$20=2,K5984*Input!$C$20,0)+IF(Input!$D$21=2,L5984*Input!$C$21,0)+IF(Input!$D$22=2,M5984*Input!$C$22,0)</f>
        <v>0.57606961641827548</v>
      </c>
      <c r="P5984" s="59">
        <f>IF(Input!$D$19=3,J5984*Input!$C$19,0)+IF(Input!$D$20=3,K5984*Input!$C$20,0)+IF(Input!$D$21=3,L5984*Input!$C$21,0)+IF(Input!$D$22=3,M5984*Input!$C$22,0)</f>
        <v>0</v>
      </c>
      <c r="Q5984" s="75">
        <f>IF(Input!$D$19=4,J5984*Input!$C$19,0)+IF(Input!$D$20=4,K5984*Input!$C$20,0)+IF(Input!$D$21=4,L5984*Input!$C$21,0)+IF(Input!$D$22=4,M5984*Input!$C$22,0)</f>
        <v>0</v>
      </c>
      <c r="R5984" s="58">
        <v>57.808093950650793</v>
      </c>
      <c r="S5984" s="124">
        <f t="shared" si="93"/>
        <v>0.99852066845834431</v>
      </c>
    </row>
    <row r="5985" spans="8:19" x14ac:dyDescent="0.3">
      <c r="H5985" s="44">
        <v>5978</v>
      </c>
      <c r="I5985" s="56">
        <f>Bühler!I6011</f>
        <v>0.23042784656731019</v>
      </c>
      <c r="J5985" s="59">
        <f>Bühler!J6011</f>
        <v>0.76809282189103412</v>
      </c>
      <c r="K5985" s="59">
        <f>Bühler!K6011</f>
        <v>1.152139232836551</v>
      </c>
      <c r="L5985" s="59">
        <f>Bühler!L6011</f>
        <v>5.5302683176154446</v>
      </c>
      <c r="M5985" s="58">
        <f>Bühler!M6011</f>
        <v>0</v>
      </c>
      <c r="N5985" s="56">
        <f>IF(Input!$D$19=1,J5985*Input!$C$19,0)+IF(Input!$D$20=1,K5985*Input!$C$20,0)+IF(Input!$D$21=1,L5985*Input!$C$21,0)+IF(Input!$D$22=1,M5985*Input!$C$22,0)</f>
        <v>0.23042784656731022</v>
      </c>
      <c r="O5985" s="59">
        <f>IF(Input!$D$19=2,J5985*Input!$C$19,0)+IF(Input!$D$20=2,K5985*Input!$C$20,0)+IF(Input!$D$21=2,L5985*Input!$C$21,0)+IF(Input!$D$22=2,M5985*Input!$C$22,0)</f>
        <v>0.57606961641827548</v>
      </c>
      <c r="P5985" s="59">
        <f>IF(Input!$D$19=3,J5985*Input!$C$19,0)+IF(Input!$D$20=3,K5985*Input!$C$20,0)+IF(Input!$D$21=3,L5985*Input!$C$21,0)+IF(Input!$D$22=3,M5985*Input!$C$22,0)</f>
        <v>0</v>
      </c>
      <c r="Q5985" s="75">
        <f>IF(Input!$D$19=4,J5985*Input!$C$19,0)+IF(Input!$D$20=4,K5985*Input!$C$20,0)+IF(Input!$D$21=4,L5985*Input!$C$21,0)+IF(Input!$D$22=4,M5985*Input!$C$22,0)</f>
        <v>0</v>
      </c>
      <c r="R5985" s="58">
        <v>57.330512098248867</v>
      </c>
      <c r="S5985" s="124">
        <f t="shared" si="93"/>
        <v>0.99852066845834431</v>
      </c>
    </row>
    <row r="5986" spans="8:19" x14ac:dyDescent="0.3">
      <c r="H5986" s="44">
        <v>5979</v>
      </c>
      <c r="I5986" s="56">
        <f>Bühler!I6012</f>
        <v>0.23042784656731019</v>
      </c>
      <c r="J5986" s="59">
        <f>Bühler!J6012</f>
        <v>0.76809282189103412</v>
      </c>
      <c r="K5986" s="59">
        <f>Bühler!K6012</f>
        <v>1.152139232836551</v>
      </c>
      <c r="L5986" s="59">
        <f>Bühler!L6012</f>
        <v>5.5302683176154446</v>
      </c>
      <c r="M5986" s="58">
        <f>Bühler!M6012</f>
        <v>0</v>
      </c>
      <c r="N5986" s="56">
        <f>IF(Input!$D$19=1,J5986*Input!$C$19,0)+IF(Input!$D$20=1,K5986*Input!$C$20,0)+IF(Input!$D$21=1,L5986*Input!$C$21,0)+IF(Input!$D$22=1,M5986*Input!$C$22,0)</f>
        <v>0.23042784656731022</v>
      </c>
      <c r="O5986" s="59">
        <f>IF(Input!$D$19=2,J5986*Input!$C$19,0)+IF(Input!$D$20=2,K5986*Input!$C$20,0)+IF(Input!$D$21=2,L5986*Input!$C$21,0)+IF(Input!$D$22=2,M5986*Input!$C$22,0)</f>
        <v>0.57606961641827548</v>
      </c>
      <c r="P5986" s="59">
        <f>IF(Input!$D$19=3,J5986*Input!$C$19,0)+IF(Input!$D$20=3,K5986*Input!$C$20,0)+IF(Input!$D$21=3,L5986*Input!$C$21,0)+IF(Input!$D$22=3,M5986*Input!$C$22,0)</f>
        <v>0</v>
      </c>
      <c r="Q5986" s="75">
        <f>IF(Input!$D$19=4,J5986*Input!$C$19,0)+IF(Input!$D$20=4,K5986*Input!$C$20,0)+IF(Input!$D$21=4,L5986*Input!$C$21,0)+IF(Input!$D$22=4,M5986*Input!$C$22,0)</f>
        <v>0</v>
      </c>
      <c r="R5986" s="58">
        <v>56.719614116169552</v>
      </c>
      <c r="S5986" s="124">
        <f t="shared" si="93"/>
        <v>0.99852066845834431</v>
      </c>
    </row>
    <row r="5987" spans="8:19" x14ac:dyDescent="0.3">
      <c r="H5987" s="44">
        <v>5980</v>
      </c>
      <c r="I5987" s="56">
        <f>Bühler!I6013</f>
        <v>0.23042784656731019</v>
      </c>
      <c r="J5987" s="59">
        <f>Bühler!J6013</f>
        <v>0.76809282189103412</v>
      </c>
      <c r="K5987" s="59">
        <f>Bühler!K6013</f>
        <v>1.152139232836551</v>
      </c>
      <c r="L5987" s="59">
        <f>Bühler!L6013</f>
        <v>5.5302683176154446</v>
      </c>
      <c r="M5987" s="58">
        <f>Bühler!M6013</f>
        <v>0</v>
      </c>
      <c r="N5987" s="56">
        <f>IF(Input!$D$19=1,J5987*Input!$C$19,0)+IF(Input!$D$20=1,K5987*Input!$C$20,0)+IF(Input!$D$21=1,L5987*Input!$C$21,0)+IF(Input!$D$22=1,M5987*Input!$C$22,0)</f>
        <v>0.23042784656731022</v>
      </c>
      <c r="O5987" s="59">
        <f>IF(Input!$D$19=2,J5987*Input!$C$19,0)+IF(Input!$D$20=2,K5987*Input!$C$20,0)+IF(Input!$D$21=2,L5987*Input!$C$21,0)+IF(Input!$D$22=2,M5987*Input!$C$22,0)</f>
        <v>0.57606961641827548</v>
      </c>
      <c r="P5987" s="59">
        <f>IF(Input!$D$19=3,J5987*Input!$C$19,0)+IF(Input!$D$20=3,K5987*Input!$C$20,0)+IF(Input!$D$21=3,L5987*Input!$C$21,0)+IF(Input!$D$22=3,M5987*Input!$C$22,0)</f>
        <v>0</v>
      </c>
      <c r="Q5987" s="75">
        <f>IF(Input!$D$19=4,J5987*Input!$C$19,0)+IF(Input!$D$20=4,K5987*Input!$C$20,0)+IF(Input!$D$21=4,L5987*Input!$C$21,0)+IF(Input!$D$22=4,M5987*Input!$C$22,0)</f>
        <v>0</v>
      </c>
      <c r="R5987" s="58">
        <v>57.292465676640909</v>
      </c>
      <c r="S5987" s="124">
        <f t="shared" si="93"/>
        <v>0.99852066845834431</v>
      </c>
    </row>
    <row r="5988" spans="8:19" x14ac:dyDescent="0.3">
      <c r="H5988" s="44">
        <v>5981</v>
      </c>
      <c r="I5988" s="56">
        <f>Bühler!I6014</f>
        <v>0.23042784656731019</v>
      </c>
      <c r="J5988" s="59">
        <f>Bühler!J6014</f>
        <v>0.76809282189103412</v>
      </c>
      <c r="K5988" s="59">
        <f>Bühler!K6014</f>
        <v>1.152139232836551</v>
      </c>
      <c r="L5988" s="59">
        <f>Bühler!L6014</f>
        <v>5.5302683176154446</v>
      </c>
      <c r="M5988" s="58">
        <f>Bühler!M6014</f>
        <v>0</v>
      </c>
      <c r="N5988" s="56">
        <f>IF(Input!$D$19=1,J5988*Input!$C$19,0)+IF(Input!$D$20=1,K5988*Input!$C$20,0)+IF(Input!$D$21=1,L5988*Input!$C$21,0)+IF(Input!$D$22=1,M5988*Input!$C$22,0)</f>
        <v>0.23042784656731022</v>
      </c>
      <c r="O5988" s="59">
        <f>IF(Input!$D$19=2,J5988*Input!$C$19,0)+IF(Input!$D$20=2,K5988*Input!$C$20,0)+IF(Input!$D$21=2,L5988*Input!$C$21,0)+IF(Input!$D$22=2,M5988*Input!$C$22,0)</f>
        <v>0.57606961641827548</v>
      </c>
      <c r="P5988" s="59">
        <f>IF(Input!$D$19=3,J5988*Input!$C$19,0)+IF(Input!$D$20=3,K5988*Input!$C$20,0)+IF(Input!$D$21=3,L5988*Input!$C$21,0)+IF(Input!$D$22=3,M5988*Input!$C$22,0)</f>
        <v>0</v>
      </c>
      <c r="Q5988" s="75">
        <f>IF(Input!$D$19=4,J5988*Input!$C$19,0)+IF(Input!$D$20=4,K5988*Input!$C$20,0)+IF(Input!$D$21=4,L5988*Input!$C$21,0)+IF(Input!$D$22=4,M5988*Input!$C$22,0)</f>
        <v>0</v>
      </c>
      <c r="R5988" s="58">
        <v>58.486452552636457</v>
      </c>
      <c r="S5988" s="124">
        <f t="shared" si="93"/>
        <v>0.99852066845834431</v>
      </c>
    </row>
    <row r="5989" spans="8:19" x14ac:dyDescent="0.3">
      <c r="H5989" s="44">
        <v>5982</v>
      </c>
      <c r="I5989" s="56">
        <f>Bühler!I6015</f>
        <v>0.29699589113119979</v>
      </c>
      <c r="J5989" s="59">
        <f>Bühler!J6015</f>
        <v>0.9899863037706661</v>
      </c>
      <c r="K5989" s="59">
        <f>Bühler!K6015</f>
        <v>1.484979455655999</v>
      </c>
      <c r="L5989" s="59">
        <f>Bühler!L6015</f>
        <v>7.1279013871487953</v>
      </c>
      <c r="M5989" s="58">
        <f>Bühler!M6015</f>
        <v>0</v>
      </c>
      <c r="N5989" s="56">
        <f>IF(Input!$D$19=1,J5989*Input!$C$19,0)+IF(Input!$D$20=1,K5989*Input!$C$20,0)+IF(Input!$D$21=1,L5989*Input!$C$21,0)+IF(Input!$D$22=1,M5989*Input!$C$22,0)</f>
        <v>0.29699589113119984</v>
      </c>
      <c r="O5989" s="59">
        <f>IF(Input!$D$19=2,J5989*Input!$C$19,0)+IF(Input!$D$20=2,K5989*Input!$C$20,0)+IF(Input!$D$21=2,L5989*Input!$C$21,0)+IF(Input!$D$22=2,M5989*Input!$C$22,0)</f>
        <v>0.74248972782799949</v>
      </c>
      <c r="P5989" s="59">
        <f>IF(Input!$D$19=3,J5989*Input!$C$19,0)+IF(Input!$D$20=3,K5989*Input!$C$20,0)+IF(Input!$D$21=3,L5989*Input!$C$21,0)+IF(Input!$D$22=3,M5989*Input!$C$22,0)</f>
        <v>0</v>
      </c>
      <c r="Q5989" s="75">
        <f>IF(Input!$D$19=4,J5989*Input!$C$19,0)+IF(Input!$D$20=4,K5989*Input!$C$20,0)+IF(Input!$D$21=4,L5989*Input!$C$21,0)+IF(Input!$D$22=4,M5989*Input!$C$22,0)</f>
        <v>0</v>
      </c>
      <c r="R5989" s="58">
        <v>61.04318491600047</v>
      </c>
      <c r="S5989" s="124">
        <f t="shared" si="93"/>
        <v>1.2869821949018658</v>
      </c>
    </row>
    <row r="5990" spans="8:19" x14ac:dyDescent="0.3">
      <c r="H5990" s="44">
        <v>5983</v>
      </c>
      <c r="I5990" s="56">
        <f>Bühler!I6016</f>
        <v>0.3584433168824826</v>
      </c>
      <c r="J5990" s="59">
        <f>Bühler!J6016</f>
        <v>1.1948110562749421</v>
      </c>
      <c r="K5990" s="59">
        <f>Bühler!K6016</f>
        <v>1.7922165844124129</v>
      </c>
      <c r="L5990" s="59">
        <f>Bühler!L6016</f>
        <v>8.6026396051795828</v>
      </c>
      <c r="M5990" s="58">
        <f>Bühler!M6016</f>
        <v>0</v>
      </c>
      <c r="N5990" s="56">
        <f>IF(Input!$D$19=1,J5990*Input!$C$19,0)+IF(Input!$D$20=1,K5990*Input!$C$20,0)+IF(Input!$D$21=1,L5990*Input!$C$21,0)+IF(Input!$D$22=1,M5990*Input!$C$22,0)</f>
        <v>0.3584433168824826</v>
      </c>
      <c r="O5990" s="59">
        <f>IF(Input!$D$19=2,J5990*Input!$C$19,0)+IF(Input!$D$20=2,K5990*Input!$C$20,0)+IF(Input!$D$21=2,L5990*Input!$C$21,0)+IF(Input!$D$22=2,M5990*Input!$C$22,0)</f>
        <v>0.89610829220620647</v>
      </c>
      <c r="P5990" s="59">
        <f>IF(Input!$D$19=3,J5990*Input!$C$19,0)+IF(Input!$D$20=3,K5990*Input!$C$20,0)+IF(Input!$D$21=3,L5990*Input!$C$21,0)+IF(Input!$D$22=3,M5990*Input!$C$22,0)</f>
        <v>0</v>
      </c>
      <c r="Q5990" s="75">
        <f>IF(Input!$D$19=4,J5990*Input!$C$19,0)+IF(Input!$D$20=4,K5990*Input!$C$20,0)+IF(Input!$D$21=4,L5990*Input!$C$21,0)+IF(Input!$D$22=4,M5990*Input!$C$22,0)</f>
        <v>0</v>
      </c>
      <c r="R5990" s="58">
        <v>63.90308328975479</v>
      </c>
      <c r="S5990" s="124">
        <f t="shared" si="93"/>
        <v>1.5532543731574247</v>
      </c>
    </row>
    <row r="5991" spans="8:19" x14ac:dyDescent="0.3">
      <c r="H5991" s="44">
        <v>5984</v>
      </c>
      <c r="I5991" s="56">
        <f>Bühler!I6017</f>
        <v>0.3584433168824826</v>
      </c>
      <c r="J5991" s="59">
        <f>Bühler!J6017</f>
        <v>1.1948110562749421</v>
      </c>
      <c r="K5991" s="59">
        <f>Bühler!K6017</f>
        <v>1.7922165844124129</v>
      </c>
      <c r="L5991" s="59">
        <f>Bühler!L6017</f>
        <v>8.6026396051795828</v>
      </c>
      <c r="M5991" s="58">
        <f>Bühler!M6017</f>
        <v>0</v>
      </c>
      <c r="N5991" s="56">
        <f>IF(Input!$D$19=1,J5991*Input!$C$19,0)+IF(Input!$D$20=1,K5991*Input!$C$20,0)+IF(Input!$D$21=1,L5991*Input!$C$21,0)+IF(Input!$D$22=1,M5991*Input!$C$22,0)</f>
        <v>0.3584433168824826</v>
      </c>
      <c r="O5991" s="59">
        <f>IF(Input!$D$19=2,J5991*Input!$C$19,0)+IF(Input!$D$20=2,K5991*Input!$C$20,0)+IF(Input!$D$21=2,L5991*Input!$C$21,0)+IF(Input!$D$22=2,M5991*Input!$C$22,0)</f>
        <v>0.89610829220620647</v>
      </c>
      <c r="P5991" s="59">
        <f>IF(Input!$D$19=3,J5991*Input!$C$19,0)+IF(Input!$D$20=3,K5991*Input!$C$20,0)+IF(Input!$D$21=3,L5991*Input!$C$21,0)+IF(Input!$D$22=3,M5991*Input!$C$22,0)</f>
        <v>0</v>
      </c>
      <c r="Q5991" s="75">
        <f>IF(Input!$D$19=4,J5991*Input!$C$19,0)+IF(Input!$D$20=4,K5991*Input!$C$20,0)+IF(Input!$D$21=4,L5991*Input!$C$21,0)+IF(Input!$D$22=4,M5991*Input!$C$22,0)</f>
        <v>0</v>
      </c>
      <c r="R5991" s="58">
        <v>65.463003306202225</v>
      </c>
      <c r="S5991" s="124">
        <f t="shared" si="93"/>
        <v>1.5532543731574247</v>
      </c>
    </row>
    <row r="5992" spans="8:19" x14ac:dyDescent="0.3">
      <c r="H5992" s="44">
        <v>5985</v>
      </c>
      <c r="I5992" s="56">
        <f>Bühler!I6018</f>
        <v>0.3584433168824826</v>
      </c>
      <c r="J5992" s="59">
        <f>Bühler!J6018</f>
        <v>1.1948110562749421</v>
      </c>
      <c r="K5992" s="59">
        <f>Bühler!K6018</f>
        <v>1.7922165844124129</v>
      </c>
      <c r="L5992" s="59">
        <f>Bühler!L6018</f>
        <v>8.6026396051795828</v>
      </c>
      <c r="M5992" s="58">
        <f>Bühler!M6018</f>
        <v>0</v>
      </c>
      <c r="N5992" s="56">
        <f>IF(Input!$D$19=1,J5992*Input!$C$19,0)+IF(Input!$D$20=1,K5992*Input!$C$20,0)+IF(Input!$D$21=1,L5992*Input!$C$21,0)+IF(Input!$D$22=1,M5992*Input!$C$22,0)</f>
        <v>0.3584433168824826</v>
      </c>
      <c r="O5992" s="59">
        <f>IF(Input!$D$19=2,J5992*Input!$C$19,0)+IF(Input!$D$20=2,K5992*Input!$C$20,0)+IF(Input!$D$21=2,L5992*Input!$C$21,0)+IF(Input!$D$22=2,M5992*Input!$C$22,0)</f>
        <v>0.89610829220620647</v>
      </c>
      <c r="P5992" s="59">
        <f>IF(Input!$D$19=3,J5992*Input!$C$19,0)+IF(Input!$D$20=3,K5992*Input!$C$20,0)+IF(Input!$D$21=3,L5992*Input!$C$21,0)+IF(Input!$D$22=3,M5992*Input!$C$22,0)</f>
        <v>0</v>
      </c>
      <c r="Q5992" s="75">
        <f>IF(Input!$D$19=4,J5992*Input!$C$19,0)+IF(Input!$D$20=4,K5992*Input!$C$20,0)+IF(Input!$D$21=4,L5992*Input!$C$21,0)+IF(Input!$D$22=4,M5992*Input!$C$22,0)</f>
        <v>0</v>
      </c>
      <c r="R5992" s="58">
        <v>65.941870564755803</v>
      </c>
      <c r="S5992" s="124">
        <f t="shared" si="93"/>
        <v>1.5532543731574247</v>
      </c>
    </row>
    <row r="5993" spans="8:19" x14ac:dyDescent="0.3">
      <c r="H5993" s="44">
        <v>5986</v>
      </c>
      <c r="I5993" s="56">
        <f>Bühler!I6019</f>
        <v>0.384046410945517</v>
      </c>
      <c r="J5993" s="59">
        <f>Bühler!J6019</f>
        <v>1.2801547031517235</v>
      </c>
      <c r="K5993" s="59">
        <f>Bühler!K6019</f>
        <v>1.9202320547275851</v>
      </c>
      <c r="L5993" s="59">
        <f>Bühler!L6019</f>
        <v>9.2171138626924076</v>
      </c>
      <c r="M5993" s="58">
        <f>Bühler!M6019</f>
        <v>0</v>
      </c>
      <c r="N5993" s="56">
        <f>IF(Input!$D$19=1,J5993*Input!$C$19,0)+IF(Input!$D$20=1,K5993*Input!$C$20,0)+IF(Input!$D$21=1,L5993*Input!$C$21,0)+IF(Input!$D$22=1,M5993*Input!$C$22,0)</f>
        <v>0.38404641094551706</v>
      </c>
      <c r="O5993" s="59">
        <f>IF(Input!$D$19=2,J5993*Input!$C$19,0)+IF(Input!$D$20=2,K5993*Input!$C$20,0)+IF(Input!$D$21=2,L5993*Input!$C$21,0)+IF(Input!$D$22=2,M5993*Input!$C$22,0)</f>
        <v>0.96011602736379253</v>
      </c>
      <c r="P5993" s="59">
        <f>IF(Input!$D$19=3,J5993*Input!$C$19,0)+IF(Input!$D$20=3,K5993*Input!$C$20,0)+IF(Input!$D$21=3,L5993*Input!$C$21,0)+IF(Input!$D$22=3,M5993*Input!$C$22,0)</f>
        <v>0</v>
      </c>
      <c r="Q5993" s="75">
        <f>IF(Input!$D$19=4,J5993*Input!$C$19,0)+IF(Input!$D$20=4,K5993*Input!$C$20,0)+IF(Input!$D$21=4,L5993*Input!$C$21,0)+IF(Input!$D$22=4,M5993*Input!$C$22,0)</f>
        <v>0</v>
      </c>
      <c r="R5993" s="58">
        <v>66.463757936670746</v>
      </c>
      <c r="S5993" s="124">
        <f t="shared" si="93"/>
        <v>1.6642011140972406</v>
      </c>
    </row>
    <row r="5994" spans="8:19" x14ac:dyDescent="0.3">
      <c r="H5994" s="44">
        <v>5987</v>
      </c>
      <c r="I5994" s="56">
        <f>Bühler!I6020</f>
        <v>0.39940826738333773</v>
      </c>
      <c r="J5994" s="59">
        <f>Bühler!J6020</f>
        <v>1.3313608912777926</v>
      </c>
      <c r="K5994" s="59">
        <f>Bühler!K6020</f>
        <v>1.9970413369166886</v>
      </c>
      <c r="L5994" s="59">
        <f>Bühler!L6020</f>
        <v>9.5857984172001061</v>
      </c>
      <c r="M5994" s="58">
        <f>Bühler!M6020</f>
        <v>0</v>
      </c>
      <c r="N5994" s="56">
        <f>IF(Input!$D$19=1,J5994*Input!$C$19,0)+IF(Input!$D$20=1,K5994*Input!$C$20,0)+IF(Input!$D$21=1,L5994*Input!$C$21,0)+IF(Input!$D$22=1,M5994*Input!$C$22,0)</f>
        <v>0.39940826738333773</v>
      </c>
      <c r="O5994" s="59">
        <f>IF(Input!$D$19=2,J5994*Input!$C$19,0)+IF(Input!$D$20=2,K5994*Input!$C$20,0)+IF(Input!$D$21=2,L5994*Input!$C$21,0)+IF(Input!$D$22=2,M5994*Input!$C$22,0)</f>
        <v>0.99852066845834431</v>
      </c>
      <c r="P5994" s="59">
        <f>IF(Input!$D$19=3,J5994*Input!$C$19,0)+IF(Input!$D$20=3,K5994*Input!$C$20,0)+IF(Input!$D$21=3,L5994*Input!$C$21,0)+IF(Input!$D$22=3,M5994*Input!$C$22,0)</f>
        <v>0</v>
      </c>
      <c r="Q5994" s="75">
        <f>IF(Input!$D$19=4,J5994*Input!$C$19,0)+IF(Input!$D$20=4,K5994*Input!$C$20,0)+IF(Input!$D$21=4,L5994*Input!$C$21,0)+IF(Input!$D$22=4,M5994*Input!$C$22,0)</f>
        <v>0</v>
      </c>
      <c r="R5994" s="58">
        <v>67.450256495778774</v>
      </c>
      <c r="S5994" s="124">
        <f t="shared" si="93"/>
        <v>1.7307691586611302</v>
      </c>
    </row>
    <row r="5995" spans="8:19" x14ac:dyDescent="0.3">
      <c r="H5995" s="44">
        <v>5988</v>
      </c>
      <c r="I5995" s="56">
        <f>Bühler!I6021</f>
        <v>0.46085569313462038</v>
      </c>
      <c r="J5995" s="59">
        <f>Bühler!J6021</f>
        <v>1.5361856437820682</v>
      </c>
      <c r="K5995" s="59">
        <f>Bühler!K6021</f>
        <v>2.3042784656731019</v>
      </c>
      <c r="L5995" s="59">
        <f>Bühler!L6021</f>
        <v>11.060536635230889</v>
      </c>
      <c r="M5995" s="58">
        <f>Bühler!M6021</f>
        <v>0</v>
      </c>
      <c r="N5995" s="56">
        <f>IF(Input!$D$19=1,J5995*Input!$C$19,0)+IF(Input!$D$20=1,K5995*Input!$C$20,0)+IF(Input!$D$21=1,L5995*Input!$C$21,0)+IF(Input!$D$22=1,M5995*Input!$C$22,0)</f>
        <v>0.46085569313462044</v>
      </c>
      <c r="O5995" s="59">
        <f>IF(Input!$D$19=2,J5995*Input!$C$19,0)+IF(Input!$D$20=2,K5995*Input!$C$20,0)+IF(Input!$D$21=2,L5995*Input!$C$21,0)+IF(Input!$D$22=2,M5995*Input!$C$22,0)</f>
        <v>1.152139232836551</v>
      </c>
      <c r="P5995" s="59">
        <f>IF(Input!$D$19=3,J5995*Input!$C$19,0)+IF(Input!$D$20=3,K5995*Input!$C$20,0)+IF(Input!$D$21=3,L5995*Input!$C$21,0)+IF(Input!$D$22=3,M5995*Input!$C$22,0)</f>
        <v>0</v>
      </c>
      <c r="Q5995" s="75">
        <f>IF(Input!$D$19=4,J5995*Input!$C$19,0)+IF(Input!$D$20=4,K5995*Input!$C$20,0)+IF(Input!$D$21=4,L5995*Input!$C$21,0)+IF(Input!$D$22=4,M5995*Input!$C$22,0)</f>
        <v>0</v>
      </c>
      <c r="R5995" s="58">
        <v>68.375848817761224</v>
      </c>
      <c r="S5995" s="124">
        <f t="shared" si="93"/>
        <v>1.9970413369166886</v>
      </c>
    </row>
    <row r="5996" spans="8:19" x14ac:dyDescent="0.3">
      <c r="H5996" s="44">
        <v>5989</v>
      </c>
      <c r="I5996" s="56">
        <f>Bühler!I6022</f>
        <v>0.46085569313462038</v>
      </c>
      <c r="J5996" s="59">
        <f>Bühler!J6022</f>
        <v>1.5361856437820682</v>
      </c>
      <c r="K5996" s="59">
        <f>Bühler!K6022</f>
        <v>2.3042784656731019</v>
      </c>
      <c r="L5996" s="59">
        <f>Bühler!L6022</f>
        <v>11.060536635230889</v>
      </c>
      <c r="M5996" s="58">
        <f>Bühler!M6022</f>
        <v>0</v>
      </c>
      <c r="N5996" s="56">
        <f>IF(Input!$D$19=1,J5996*Input!$C$19,0)+IF(Input!$D$20=1,K5996*Input!$C$20,0)+IF(Input!$D$21=1,L5996*Input!$C$21,0)+IF(Input!$D$22=1,M5996*Input!$C$22,0)</f>
        <v>0.46085569313462044</v>
      </c>
      <c r="O5996" s="59">
        <f>IF(Input!$D$19=2,J5996*Input!$C$19,0)+IF(Input!$D$20=2,K5996*Input!$C$20,0)+IF(Input!$D$21=2,L5996*Input!$C$21,0)+IF(Input!$D$22=2,M5996*Input!$C$22,0)</f>
        <v>1.152139232836551</v>
      </c>
      <c r="P5996" s="59">
        <f>IF(Input!$D$19=3,J5996*Input!$C$19,0)+IF(Input!$D$20=3,K5996*Input!$C$20,0)+IF(Input!$D$21=3,L5996*Input!$C$21,0)+IF(Input!$D$22=3,M5996*Input!$C$22,0)</f>
        <v>0</v>
      </c>
      <c r="Q5996" s="75">
        <f>IF(Input!$D$19=4,J5996*Input!$C$19,0)+IF(Input!$D$20=4,K5996*Input!$C$20,0)+IF(Input!$D$21=4,L5996*Input!$C$21,0)+IF(Input!$D$22=4,M5996*Input!$C$22,0)</f>
        <v>0</v>
      </c>
      <c r="R5996" s="58">
        <v>66.992690270264546</v>
      </c>
      <c r="S5996" s="124">
        <f t="shared" si="93"/>
        <v>1.9970413369166886</v>
      </c>
    </row>
    <row r="5997" spans="8:19" x14ac:dyDescent="0.3">
      <c r="H5997" s="44">
        <v>5990</v>
      </c>
      <c r="I5997" s="56">
        <f>Bühler!I6023</f>
        <v>0.46085569313462038</v>
      </c>
      <c r="J5997" s="59">
        <f>Bühler!J6023</f>
        <v>1.5361856437820682</v>
      </c>
      <c r="K5997" s="59">
        <f>Bühler!K6023</f>
        <v>2.3042784656731019</v>
      </c>
      <c r="L5997" s="59">
        <f>Bühler!L6023</f>
        <v>11.060536635230889</v>
      </c>
      <c r="M5997" s="58">
        <f>Bühler!M6023</f>
        <v>0</v>
      </c>
      <c r="N5997" s="56">
        <f>IF(Input!$D$19=1,J5997*Input!$C$19,0)+IF(Input!$D$20=1,K5997*Input!$C$20,0)+IF(Input!$D$21=1,L5997*Input!$C$21,0)+IF(Input!$D$22=1,M5997*Input!$C$22,0)</f>
        <v>0.46085569313462044</v>
      </c>
      <c r="O5997" s="59">
        <f>IF(Input!$D$19=2,J5997*Input!$C$19,0)+IF(Input!$D$20=2,K5997*Input!$C$20,0)+IF(Input!$D$21=2,L5997*Input!$C$21,0)+IF(Input!$D$22=2,M5997*Input!$C$22,0)</f>
        <v>1.152139232836551</v>
      </c>
      <c r="P5997" s="59">
        <f>IF(Input!$D$19=3,J5997*Input!$C$19,0)+IF(Input!$D$20=3,K5997*Input!$C$20,0)+IF(Input!$D$21=3,L5997*Input!$C$21,0)+IF(Input!$D$22=3,M5997*Input!$C$22,0)</f>
        <v>0</v>
      </c>
      <c r="Q5997" s="75">
        <f>IF(Input!$D$19=4,J5997*Input!$C$19,0)+IF(Input!$D$20=4,K5997*Input!$C$20,0)+IF(Input!$D$21=4,L5997*Input!$C$21,0)+IF(Input!$D$22=4,M5997*Input!$C$22,0)</f>
        <v>0</v>
      </c>
      <c r="R5997" s="58">
        <v>66.129559064751462</v>
      </c>
      <c r="S5997" s="124">
        <f t="shared" si="93"/>
        <v>1.9970413369166886</v>
      </c>
    </row>
    <row r="5998" spans="8:19" x14ac:dyDescent="0.3">
      <c r="H5998" s="44">
        <v>5991</v>
      </c>
      <c r="I5998" s="56">
        <f>Bühler!I6024</f>
        <v>0.46085569313462038</v>
      </c>
      <c r="J5998" s="59">
        <f>Bühler!J6024</f>
        <v>1.5361856437820682</v>
      </c>
      <c r="K5998" s="59">
        <f>Bühler!K6024</f>
        <v>2.3042784656731019</v>
      </c>
      <c r="L5998" s="59">
        <f>Bühler!L6024</f>
        <v>11.060536635230889</v>
      </c>
      <c r="M5998" s="58">
        <f>Bühler!M6024</f>
        <v>0</v>
      </c>
      <c r="N5998" s="56">
        <f>IF(Input!$D$19=1,J5998*Input!$C$19,0)+IF(Input!$D$20=1,K5998*Input!$C$20,0)+IF(Input!$D$21=1,L5998*Input!$C$21,0)+IF(Input!$D$22=1,M5998*Input!$C$22,0)</f>
        <v>0.46085569313462044</v>
      </c>
      <c r="O5998" s="59">
        <f>IF(Input!$D$19=2,J5998*Input!$C$19,0)+IF(Input!$D$20=2,K5998*Input!$C$20,0)+IF(Input!$D$21=2,L5998*Input!$C$21,0)+IF(Input!$D$22=2,M5998*Input!$C$22,0)</f>
        <v>1.152139232836551</v>
      </c>
      <c r="P5998" s="59">
        <f>IF(Input!$D$19=3,J5998*Input!$C$19,0)+IF(Input!$D$20=3,K5998*Input!$C$20,0)+IF(Input!$D$21=3,L5998*Input!$C$21,0)+IF(Input!$D$22=3,M5998*Input!$C$22,0)</f>
        <v>0</v>
      </c>
      <c r="Q5998" s="75">
        <f>IF(Input!$D$19=4,J5998*Input!$C$19,0)+IF(Input!$D$20=4,K5998*Input!$C$20,0)+IF(Input!$D$21=4,L5998*Input!$C$21,0)+IF(Input!$D$22=4,M5998*Input!$C$22,0)</f>
        <v>0</v>
      </c>
      <c r="R5998" s="58">
        <v>65.070897510867468</v>
      </c>
      <c r="S5998" s="124">
        <f t="shared" si="93"/>
        <v>1.9970413369166886</v>
      </c>
    </row>
    <row r="5999" spans="8:19" x14ac:dyDescent="0.3">
      <c r="H5999" s="44">
        <v>5992</v>
      </c>
      <c r="I5999" s="56">
        <f>Bühler!I6025</f>
        <v>0.384046410945517</v>
      </c>
      <c r="J5999" s="59">
        <f>Bühler!J6025</f>
        <v>1.2801547031517235</v>
      </c>
      <c r="K5999" s="59">
        <f>Bühler!K6025</f>
        <v>1.9202320547275851</v>
      </c>
      <c r="L5999" s="59">
        <f>Bühler!L6025</f>
        <v>9.2171138626924076</v>
      </c>
      <c r="M5999" s="58">
        <f>Bühler!M6025</f>
        <v>0</v>
      </c>
      <c r="N5999" s="56">
        <f>IF(Input!$D$19=1,J5999*Input!$C$19,0)+IF(Input!$D$20=1,K5999*Input!$C$20,0)+IF(Input!$D$21=1,L5999*Input!$C$21,0)+IF(Input!$D$22=1,M5999*Input!$C$22,0)</f>
        <v>0.38404641094551706</v>
      </c>
      <c r="O5999" s="59">
        <f>IF(Input!$D$19=2,J5999*Input!$C$19,0)+IF(Input!$D$20=2,K5999*Input!$C$20,0)+IF(Input!$D$21=2,L5999*Input!$C$21,0)+IF(Input!$D$22=2,M5999*Input!$C$22,0)</f>
        <v>0.96011602736379253</v>
      </c>
      <c r="P5999" s="59">
        <f>IF(Input!$D$19=3,J5999*Input!$C$19,0)+IF(Input!$D$20=3,K5999*Input!$C$20,0)+IF(Input!$D$21=3,L5999*Input!$C$21,0)+IF(Input!$D$22=3,M5999*Input!$C$22,0)</f>
        <v>0</v>
      </c>
      <c r="Q5999" s="75">
        <f>IF(Input!$D$19=4,J5999*Input!$C$19,0)+IF(Input!$D$20=4,K5999*Input!$C$20,0)+IF(Input!$D$21=4,L5999*Input!$C$21,0)+IF(Input!$D$22=4,M5999*Input!$C$22,0)</f>
        <v>0</v>
      </c>
      <c r="R5999" s="58">
        <v>64.244446826016258</v>
      </c>
      <c r="S5999" s="124">
        <f t="shared" si="93"/>
        <v>1.6642011140972406</v>
      </c>
    </row>
    <row r="6000" spans="8:19" x14ac:dyDescent="0.3">
      <c r="H6000" s="44">
        <v>5993</v>
      </c>
      <c r="I6000" s="56">
        <f>Bühler!I6026</f>
        <v>0.36356393569508949</v>
      </c>
      <c r="J6000" s="59">
        <f>Bühler!J6026</f>
        <v>1.2118797856502983</v>
      </c>
      <c r="K6000" s="59">
        <f>Bühler!K6026</f>
        <v>1.8178196784754475</v>
      </c>
      <c r="L6000" s="59">
        <f>Bühler!L6026</f>
        <v>8.7255344566821478</v>
      </c>
      <c r="M6000" s="58">
        <f>Bühler!M6026</f>
        <v>0</v>
      </c>
      <c r="N6000" s="56">
        <f>IF(Input!$D$19=1,J6000*Input!$C$19,0)+IF(Input!$D$20=1,K6000*Input!$C$20,0)+IF(Input!$D$21=1,L6000*Input!$C$21,0)+IF(Input!$D$22=1,M6000*Input!$C$22,0)</f>
        <v>0.36356393569508949</v>
      </c>
      <c r="O6000" s="59">
        <f>IF(Input!$D$19=2,J6000*Input!$C$19,0)+IF(Input!$D$20=2,K6000*Input!$C$20,0)+IF(Input!$D$21=2,L6000*Input!$C$21,0)+IF(Input!$D$22=2,M6000*Input!$C$22,0)</f>
        <v>0.90890983923772373</v>
      </c>
      <c r="P6000" s="59">
        <f>IF(Input!$D$19=3,J6000*Input!$C$19,0)+IF(Input!$D$20=3,K6000*Input!$C$20,0)+IF(Input!$D$21=3,L6000*Input!$C$21,0)+IF(Input!$D$22=3,M6000*Input!$C$22,0)</f>
        <v>0</v>
      </c>
      <c r="Q6000" s="75">
        <f>IF(Input!$D$19=4,J6000*Input!$C$19,0)+IF(Input!$D$20=4,K6000*Input!$C$20,0)+IF(Input!$D$21=4,L6000*Input!$C$21,0)+IF(Input!$D$22=4,M6000*Input!$C$22,0)</f>
        <v>0</v>
      </c>
      <c r="R6000" s="58">
        <v>62.610317807366251</v>
      </c>
      <c r="S6000" s="124">
        <f t="shared" si="93"/>
        <v>1.5754437213453878</v>
      </c>
    </row>
    <row r="6001" spans="8:19" x14ac:dyDescent="0.3">
      <c r="H6001" s="44">
        <v>5994</v>
      </c>
      <c r="I6001" s="56">
        <f>Bühler!I6027</f>
        <v>0.36356393569508949</v>
      </c>
      <c r="J6001" s="59">
        <f>Bühler!J6027</f>
        <v>1.2118797856502983</v>
      </c>
      <c r="K6001" s="59">
        <f>Bühler!K6027</f>
        <v>1.8178196784754475</v>
      </c>
      <c r="L6001" s="59">
        <f>Bühler!L6027</f>
        <v>8.7255344566821478</v>
      </c>
      <c r="M6001" s="58">
        <f>Bühler!M6027</f>
        <v>0</v>
      </c>
      <c r="N6001" s="56">
        <f>IF(Input!$D$19=1,J6001*Input!$C$19,0)+IF(Input!$D$20=1,K6001*Input!$C$20,0)+IF(Input!$D$21=1,L6001*Input!$C$21,0)+IF(Input!$D$22=1,M6001*Input!$C$22,0)</f>
        <v>0.36356393569508949</v>
      </c>
      <c r="O6001" s="59">
        <f>IF(Input!$D$19=2,J6001*Input!$C$19,0)+IF(Input!$D$20=2,K6001*Input!$C$20,0)+IF(Input!$D$21=2,L6001*Input!$C$21,0)+IF(Input!$D$22=2,M6001*Input!$C$22,0)</f>
        <v>0.90890983923772373</v>
      </c>
      <c r="P6001" s="59">
        <f>IF(Input!$D$19=3,J6001*Input!$C$19,0)+IF(Input!$D$20=3,K6001*Input!$C$20,0)+IF(Input!$D$21=3,L6001*Input!$C$21,0)+IF(Input!$D$22=3,M6001*Input!$C$22,0)</f>
        <v>0</v>
      </c>
      <c r="Q6001" s="75">
        <f>IF(Input!$D$19=4,J6001*Input!$C$19,0)+IF(Input!$D$20=4,K6001*Input!$C$20,0)+IF(Input!$D$21=4,L6001*Input!$C$21,0)+IF(Input!$D$22=4,M6001*Input!$C$22,0)</f>
        <v>0</v>
      </c>
      <c r="R6001" s="58">
        <v>60.86447109523796</v>
      </c>
      <c r="S6001" s="124">
        <f t="shared" si="93"/>
        <v>1.5754437213453878</v>
      </c>
    </row>
    <row r="6002" spans="8:19" x14ac:dyDescent="0.3">
      <c r="H6002" s="44">
        <v>5995</v>
      </c>
      <c r="I6002" s="56">
        <f>Bühler!I6028</f>
        <v>0.36356393569508949</v>
      </c>
      <c r="J6002" s="59">
        <f>Bühler!J6028</f>
        <v>1.2118797856502983</v>
      </c>
      <c r="K6002" s="59">
        <f>Bühler!K6028</f>
        <v>1.8178196784754475</v>
      </c>
      <c r="L6002" s="59">
        <f>Bühler!L6028</f>
        <v>8.7255344566821478</v>
      </c>
      <c r="M6002" s="58">
        <f>Bühler!M6028</f>
        <v>0</v>
      </c>
      <c r="N6002" s="56">
        <f>IF(Input!$D$19=1,J6002*Input!$C$19,0)+IF(Input!$D$20=1,K6002*Input!$C$20,0)+IF(Input!$D$21=1,L6002*Input!$C$21,0)+IF(Input!$D$22=1,M6002*Input!$C$22,0)</f>
        <v>0.36356393569508949</v>
      </c>
      <c r="O6002" s="59">
        <f>IF(Input!$D$19=2,J6002*Input!$C$19,0)+IF(Input!$D$20=2,K6002*Input!$C$20,0)+IF(Input!$D$21=2,L6002*Input!$C$21,0)+IF(Input!$D$22=2,M6002*Input!$C$22,0)</f>
        <v>0.90890983923772373</v>
      </c>
      <c r="P6002" s="59">
        <f>IF(Input!$D$19=3,J6002*Input!$C$19,0)+IF(Input!$D$20=3,K6002*Input!$C$20,0)+IF(Input!$D$21=3,L6002*Input!$C$21,0)+IF(Input!$D$22=3,M6002*Input!$C$22,0)</f>
        <v>0</v>
      </c>
      <c r="Q6002" s="75">
        <f>IF(Input!$D$19=4,J6002*Input!$C$19,0)+IF(Input!$D$20=4,K6002*Input!$C$20,0)+IF(Input!$D$21=4,L6002*Input!$C$21,0)+IF(Input!$D$22=4,M6002*Input!$C$22,0)</f>
        <v>0</v>
      </c>
      <c r="R6002" s="58">
        <v>59.77726844875076</v>
      </c>
      <c r="S6002" s="124">
        <f t="shared" si="93"/>
        <v>1.5754437213453878</v>
      </c>
    </row>
    <row r="6003" spans="8:19" x14ac:dyDescent="0.3">
      <c r="H6003" s="44">
        <v>5996</v>
      </c>
      <c r="I6003" s="56">
        <f>Bühler!I6029</f>
        <v>0.36356393569508949</v>
      </c>
      <c r="J6003" s="59">
        <f>Bühler!J6029</f>
        <v>1.2118797856502983</v>
      </c>
      <c r="K6003" s="59">
        <f>Bühler!K6029</f>
        <v>1.8178196784754475</v>
      </c>
      <c r="L6003" s="59">
        <f>Bühler!L6029</f>
        <v>8.7255344566821478</v>
      </c>
      <c r="M6003" s="58">
        <f>Bühler!M6029</f>
        <v>0</v>
      </c>
      <c r="N6003" s="56">
        <f>IF(Input!$D$19=1,J6003*Input!$C$19,0)+IF(Input!$D$20=1,K6003*Input!$C$20,0)+IF(Input!$D$21=1,L6003*Input!$C$21,0)+IF(Input!$D$22=1,M6003*Input!$C$22,0)</f>
        <v>0.36356393569508949</v>
      </c>
      <c r="O6003" s="59">
        <f>IF(Input!$D$19=2,J6003*Input!$C$19,0)+IF(Input!$D$20=2,K6003*Input!$C$20,0)+IF(Input!$D$21=2,L6003*Input!$C$21,0)+IF(Input!$D$22=2,M6003*Input!$C$22,0)</f>
        <v>0.90890983923772373</v>
      </c>
      <c r="P6003" s="59">
        <f>IF(Input!$D$19=3,J6003*Input!$C$19,0)+IF(Input!$D$20=3,K6003*Input!$C$20,0)+IF(Input!$D$21=3,L6003*Input!$C$21,0)+IF(Input!$D$22=3,M6003*Input!$C$22,0)</f>
        <v>0</v>
      </c>
      <c r="Q6003" s="75">
        <f>IF(Input!$D$19=4,J6003*Input!$C$19,0)+IF(Input!$D$20=4,K6003*Input!$C$20,0)+IF(Input!$D$21=4,L6003*Input!$C$21,0)+IF(Input!$D$22=4,M6003*Input!$C$22,0)</f>
        <v>0</v>
      </c>
      <c r="R6003" s="58">
        <v>58.362642889560817</v>
      </c>
      <c r="S6003" s="124">
        <f t="shared" si="93"/>
        <v>1.5754437213453878</v>
      </c>
    </row>
    <row r="6004" spans="8:19" x14ac:dyDescent="0.3">
      <c r="H6004" s="44">
        <v>5997</v>
      </c>
      <c r="I6004" s="56">
        <f>Bühler!I6030</f>
        <v>0.28163403469337916</v>
      </c>
      <c r="J6004" s="59">
        <f>Bühler!J6030</f>
        <v>0.93878011564459729</v>
      </c>
      <c r="K6004" s="59">
        <f>Bühler!K6030</f>
        <v>1.4081701734668959</v>
      </c>
      <c r="L6004" s="59">
        <f>Bühler!L6030</f>
        <v>6.7592168326410995</v>
      </c>
      <c r="M6004" s="58">
        <f>Bühler!M6030</f>
        <v>0</v>
      </c>
      <c r="N6004" s="56">
        <f>IF(Input!$D$19=1,J6004*Input!$C$19,0)+IF(Input!$D$20=1,K6004*Input!$C$20,0)+IF(Input!$D$21=1,L6004*Input!$C$21,0)+IF(Input!$D$22=1,M6004*Input!$C$22,0)</f>
        <v>0.28163403469337916</v>
      </c>
      <c r="O6004" s="59">
        <f>IF(Input!$D$19=2,J6004*Input!$C$19,0)+IF(Input!$D$20=2,K6004*Input!$C$20,0)+IF(Input!$D$21=2,L6004*Input!$C$21,0)+IF(Input!$D$22=2,M6004*Input!$C$22,0)</f>
        <v>0.70408508673344794</v>
      </c>
      <c r="P6004" s="59">
        <f>IF(Input!$D$19=3,J6004*Input!$C$19,0)+IF(Input!$D$20=3,K6004*Input!$C$20,0)+IF(Input!$D$21=3,L6004*Input!$C$21,0)+IF(Input!$D$22=3,M6004*Input!$C$22,0)</f>
        <v>0</v>
      </c>
      <c r="Q6004" s="75">
        <f>IF(Input!$D$19=4,J6004*Input!$C$19,0)+IF(Input!$D$20=4,K6004*Input!$C$20,0)+IF(Input!$D$21=4,L6004*Input!$C$21,0)+IF(Input!$D$22=4,M6004*Input!$C$22,0)</f>
        <v>0</v>
      </c>
      <c r="R6004" s="58">
        <v>56.291791462511831</v>
      </c>
      <c r="S6004" s="124">
        <f t="shared" si="93"/>
        <v>1.2204141503379764</v>
      </c>
    </row>
    <row r="6005" spans="8:19" x14ac:dyDescent="0.3">
      <c r="H6005" s="44">
        <v>5998</v>
      </c>
      <c r="I6005" s="56">
        <f>Bühler!I6031</f>
        <v>0.10753299506474477</v>
      </c>
      <c r="J6005" s="59">
        <f>Bühler!J6031</f>
        <v>0.3584433168824826</v>
      </c>
      <c r="K6005" s="59">
        <f>Bühler!K6031</f>
        <v>0.53766497532372381</v>
      </c>
      <c r="L6005" s="59">
        <f>Bühler!L6031</f>
        <v>2.5807918815538744</v>
      </c>
      <c r="M6005" s="58">
        <f>Bühler!M6031</f>
        <v>0</v>
      </c>
      <c r="N6005" s="56">
        <f>IF(Input!$D$19=1,J6005*Input!$C$19,0)+IF(Input!$D$20=1,K6005*Input!$C$20,0)+IF(Input!$D$21=1,L6005*Input!$C$21,0)+IF(Input!$D$22=1,M6005*Input!$C$22,0)</f>
        <v>0.10753299506474477</v>
      </c>
      <c r="O6005" s="59">
        <f>IF(Input!$D$19=2,J6005*Input!$C$19,0)+IF(Input!$D$20=2,K6005*Input!$C$20,0)+IF(Input!$D$21=2,L6005*Input!$C$21,0)+IF(Input!$D$22=2,M6005*Input!$C$22,0)</f>
        <v>0.26883248766186191</v>
      </c>
      <c r="P6005" s="59">
        <f>IF(Input!$D$19=3,J6005*Input!$C$19,0)+IF(Input!$D$20=3,K6005*Input!$C$20,0)+IF(Input!$D$21=3,L6005*Input!$C$21,0)+IF(Input!$D$22=3,M6005*Input!$C$22,0)</f>
        <v>0</v>
      </c>
      <c r="Q6005" s="75">
        <f>IF(Input!$D$19=4,J6005*Input!$C$19,0)+IF(Input!$D$20=4,K6005*Input!$C$20,0)+IF(Input!$D$21=4,L6005*Input!$C$21,0)+IF(Input!$D$22=4,M6005*Input!$C$22,0)</f>
        <v>0</v>
      </c>
      <c r="R6005" s="58">
        <v>54.433137395892018</v>
      </c>
      <c r="S6005" s="124">
        <f t="shared" si="93"/>
        <v>0.46597631194722738</v>
      </c>
    </row>
    <row r="6006" spans="8:19" x14ac:dyDescent="0.3">
      <c r="H6006" s="44">
        <v>5999</v>
      </c>
      <c r="I6006" s="56">
        <f>Bühler!I6032</f>
        <v>0.10753299506474477</v>
      </c>
      <c r="J6006" s="59">
        <f>Bühler!J6032</f>
        <v>0.3584433168824826</v>
      </c>
      <c r="K6006" s="59">
        <f>Bühler!K6032</f>
        <v>0.53766497532372381</v>
      </c>
      <c r="L6006" s="59">
        <f>Bühler!L6032</f>
        <v>2.5807918815538744</v>
      </c>
      <c r="M6006" s="58">
        <f>Bühler!M6032</f>
        <v>0</v>
      </c>
      <c r="N6006" s="56">
        <f>IF(Input!$D$19=1,J6006*Input!$C$19,0)+IF(Input!$D$20=1,K6006*Input!$C$20,0)+IF(Input!$D$21=1,L6006*Input!$C$21,0)+IF(Input!$D$22=1,M6006*Input!$C$22,0)</f>
        <v>0.10753299506474477</v>
      </c>
      <c r="O6006" s="59">
        <f>IF(Input!$D$19=2,J6006*Input!$C$19,0)+IF(Input!$D$20=2,K6006*Input!$C$20,0)+IF(Input!$D$21=2,L6006*Input!$C$21,0)+IF(Input!$D$22=2,M6006*Input!$C$22,0)</f>
        <v>0.26883248766186191</v>
      </c>
      <c r="P6006" s="59">
        <f>IF(Input!$D$19=3,J6006*Input!$C$19,0)+IF(Input!$D$20=3,K6006*Input!$C$20,0)+IF(Input!$D$21=3,L6006*Input!$C$21,0)+IF(Input!$D$22=3,M6006*Input!$C$22,0)</f>
        <v>0</v>
      </c>
      <c r="Q6006" s="75">
        <f>IF(Input!$D$19=4,J6006*Input!$C$19,0)+IF(Input!$D$20=4,K6006*Input!$C$20,0)+IF(Input!$D$21=4,L6006*Input!$C$21,0)+IF(Input!$D$22=4,M6006*Input!$C$22,0)</f>
        <v>0</v>
      </c>
      <c r="R6006" s="58">
        <v>53.445316184137539</v>
      </c>
      <c r="S6006" s="124">
        <f t="shared" si="93"/>
        <v>0.46597631194722738</v>
      </c>
    </row>
    <row r="6007" spans="8:19" x14ac:dyDescent="0.3">
      <c r="H6007" s="44">
        <v>6000</v>
      </c>
      <c r="I6007" s="56">
        <f>Bühler!I6033</f>
        <v>0.10753299506474477</v>
      </c>
      <c r="J6007" s="59">
        <f>Bühler!J6033</f>
        <v>0.3584433168824826</v>
      </c>
      <c r="K6007" s="59">
        <f>Bühler!K6033</f>
        <v>0.53766497532372381</v>
      </c>
      <c r="L6007" s="59">
        <f>Bühler!L6033</f>
        <v>2.5807918815538744</v>
      </c>
      <c r="M6007" s="58">
        <f>Bühler!M6033</f>
        <v>0</v>
      </c>
      <c r="N6007" s="56">
        <f>IF(Input!$D$19=1,J6007*Input!$C$19,0)+IF(Input!$D$20=1,K6007*Input!$C$20,0)+IF(Input!$D$21=1,L6007*Input!$C$21,0)+IF(Input!$D$22=1,M6007*Input!$C$22,0)</f>
        <v>0.10753299506474477</v>
      </c>
      <c r="O6007" s="59">
        <f>IF(Input!$D$19=2,J6007*Input!$C$19,0)+IF(Input!$D$20=2,K6007*Input!$C$20,0)+IF(Input!$D$21=2,L6007*Input!$C$21,0)+IF(Input!$D$22=2,M6007*Input!$C$22,0)</f>
        <v>0.26883248766186191</v>
      </c>
      <c r="P6007" s="59">
        <f>IF(Input!$D$19=3,J6007*Input!$C$19,0)+IF(Input!$D$20=3,K6007*Input!$C$20,0)+IF(Input!$D$21=3,L6007*Input!$C$21,0)+IF(Input!$D$22=3,M6007*Input!$C$22,0)</f>
        <v>0</v>
      </c>
      <c r="Q6007" s="75">
        <f>IF(Input!$D$19=4,J6007*Input!$C$19,0)+IF(Input!$D$20=4,K6007*Input!$C$20,0)+IF(Input!$D$21=4,L6007*Input!$C$21,0)+IF(Input!$D$22=4,M6007*Input!$C$22,0)</f>
        <v>0</v>
      </c>
      <c r="R6007" s="58">
        <v>52.892276777601325</v>
      </c>
      <c r="S6007" s="124">
        <f t="shared" si="93"/>
        <v>0.46597631194722738</v>
      </c>
    </row>
    <row r="6008" spans="8:19" x14ac:dyDescent="0.3">
      <c r="H6008" s="44">
        <v>6001</v>
      </c>
      <c r="I6008" s="56">
        <f>Bühler!I6034</f>
        <v>4.4460015712025618E-2</v>
      </c>
      <c r="J6008" s="59">
        <f>Bühler!J6034</f>
        <v>0.14820005237341874</v>
      </c>
      <c r="K6008" s="59">
        <f>Bühler!K6034</f>
        <v>0.22230007856012809</v>
      </c>
      <c r="L6008" s="59">
        <f>Bühler!L6034</f>
        <v>3.4500871194900857</v>
      </c>
      <c r="M6008" s="58">
        <f>Bühler!M6034</f>
        <v>0</v>
      </c>
      <c r="N6008" s="56">
        <f>IF(Input!$D$19=1,J6008*Input!$C$19,0)+IF(Input!$D$20=1,K6008*Input!$C$20,0)+IF(Input!$D$21=1,L6008*Input!$C$21,0)+IF(Input!$D$22=1,M6008*Input!$C$22,0)</f>
        <v>4.4460015712025618E-2</v>
      </c>
      <c r="O6008" s="59">
        <f>IF(Input!$D$19=2,J6008*Input!$C$19,0)+IF(Input!$D$20=2,K6008*Input!$C$20,0)+IF(Input!$D$21=2,L6008*Input!$C$21,0)+IF(Input!$D$22=2,M6008*Input!$C$22,0)</f>
        <v>0.11115003928006405</v>
      </c>
      <c r="P6008" s="59">
        <f>IF(Input!$D$19=3,J6008*Input!$C$19,0)+IF(Input!$D$20=3,K6008*Input!$C$20,0)+IF(Input!$D$21=3,L6008*Input!$C$21,0)+IF(Input!$D$22=3,M6008*Input!$C$22,0)</f>
        <v>0</v>
      </c>
      <c r="Q6008" s="75">
        <f>IF(Input!$D$19=4,J6008*Input!$C$19,0)+IF(Input!$D$20=4,K6008*Input!$C$20,0)+IF(Input!$D$21=4,L6008*Input!$C$21,0)+IF(Input!$D$22=4,M6008*Input!$C$22,0)</f>
        <v>0</v>
      </c>
      <c r="R6008" s="58">
        <v>51.9459648719412</v>
      </c>
      <c r="S6008" s="124">
        <f t="shared" si="93"/>
        <v>0.19266006808544436</v>
      </c>
    </row>
    <row r="6009" spans="8:19" x14ac:dyDescent="0.3">
      <c r="H6009" s="44">
        <v>6002</v>
      </c>
      <c r="I6009" s="56">
        <f>Bühler!I6035</f>
        <v>8.6802887818716687E-2</v>
      </c>
      <c r="J6009" s="59">
        <f>Bühler!J6035</f>
        <v>0.28934295939572235</v>
      </c>
      <c r="K6009" s="59">
        <f>Bühler!K6035</f>
        <v>0.4340144390935835</v>
      </c>
      <c r="L6009" s="59">
        <f>Bühler!L6035</f>
        <v>6.7358843761473119</v>
      </c>
      <c r="M6009" s="58">
        <f>Bühler!M6035</f>
        <v>0</v>
      </c>
      <c r="N6009" s="56">
        <f>IF(Input!$D$19=1,J6009*Input!$C$19,0)+IF(Input!$D$20=1,K6009*Input!$C$20,0)+IF(Input!$D$21=1,L6009*Input!$C$21,0)+IF(Input!$D$22=1,M6009*Input!$C$22,0)</f>
        <v>8.6802887818716701E-2</v>
      </c>
      <c r="O6009" s="59">
        <f>IF(Input!$D$19=2,J6009*Input!$C$19,0)+IF(Input!$D$20=2,K6009*Input!$C$20,0)+IF(Input!$D$21=2,L6009*Input!$C$21,0)+IF(Input!$D$22=2,M6009*Input!$C$22,0)</f>
        <v>0.21700721954679175</v>
      </c>
      <c r="P6009" s="59">
        <f>IF(Input!$D$19=3,J6009*Input!$C$19,0)+IF(Input!$D$20=3,K6009*Input!$C$20,0)+IF(Input!$D$21=3,L6009*Input!$C$21,0)+IF(Input!$D$22=3,M6009*Input!$C$22,0)</f>
        <v>0</v>
      </c>
      <c r="Q6009" s="75">
        <f>IF(Input!$D$19=4,J6009*Input!$C$19,0)+IF(Input!$D$20=4,K6009*Input!$C$20,0)+IF(Input!$D$21=4,L6009*Input!$C$21,0)+IF(Input!$D$22=4,M6009*Input!$C$22,0)</f>
        <v>0</v>
      </c>
      <c r="R6009" s="58">
        <v>50.974863903938946</v>
      </c>
      <c r="S6009" s="124">
        <f t="shared" si="93"/>
        <v>0.37614584721443906</v>
      </c>
    </row>
    <row r="6010" spans="8:19" x14ac:dyDescent="0.3">
      <c r="H6010" s="44">
        <v>6003</v>
      </c>
      <c r="I6010" s="56">
        <f>Bühler!I6036</f>
        <v>8.6802887818716687E-2</v>
      </c>
      <c r="J6010" s="59">
        <f>Bühler!J6036</f>
        <v>0.28934295939572235</v>
      </c>
      <c r="K6010" s="59">
        <f>Bühler!K6036</f>
        <v>0.4340144390935835</v>
      </c>
      <c r="L6010" s="59">
        <f>Bühler!L6036</f>
        <v>6.7358843761473119</v>
      </c>
      <c r="M6010" s="58">
        <f>Bühler!M6036</f>
        <v>0</v>
      </c>
      <c r="N6010" s="56">
        <f>IF(Input!$D$19=1,J6010*Input!$C$19,0)+IF(Input!$D$20=1,K6010*Input!$C$20,0)+IF(Input!$D$21=1,L6010*Input!$C$21,0)+IF(Input!$D$22=1,M6010*Input!$C$22,0)</f>
        <v>8.6802887818716701E-2</v>
      </c>
      <c r="O6010" s="59">
        <f>IF(Input!$D$19=2,J6010*Input!$C$19,0)+IF(Input!$D$20=2,K6010*Input!$C$20,0)+IF(Input!$D$21=2,L6010*Input!$C$21,0)+IF(Input!$D$22=2,M6010*Input!$C$22,0)</f>
        <v>0.21700721954679175</v>
      </c>
      <c r="P6010" s="59">
        <f>IF(Input!$D$19=3,J6010*Input!$C$19,0)+IF(Input!$D$20=3,K6010*Input!$C$20,0)+IF(Input!$D$21=3,L6010*Input!$C$21,0)+IF(Input!$D$22=3,M6010*Input!$C$22,0)</f>
        <v>0</v>
      </c>
      <c r="Q6010" s="75">
        <f>IF(Input!$D$19=4,J6010*Input!$C$19,0)+IF(Input!$D$20=4,K6010*Input!$C$20,0)+IF(Input!$D$21=4,L6010*Input!$C$21,0)+IF(Input!$D$22=4,M6010*Input!$C$22,0)</f>
        <v>0</v>
      </c>
      <c r="R6010" s="58">
        <v>49.998772690185611</v>
      </c>
      <c r="S6010" s="124">
        <f t="shared" si="93"/>
        <v>0.37614584721443906</v>
      </c>
    </row>
    <row r="6011" spans="8:19" x14ac:dyDescent="0.3">
      <c r="H6011" s="44">
        <v>6004</v>
      </c>
      <c r="I6011" s="56">
        <f>Bühler!I6037</f>
        <v>8.6802887818716687E-2</v>
      </c>
      <c r="J6011" s="59">
        <f>Bühler!J6037</f>
        <v>0.28934295939572235</v>
      </c>
      <c r="K6011" s="59">
        <f>Bühler!K6037</f>
        <v>0.4340144390935835</v>
      </c>
      <c r="L6011" s="59">
        <f>Bühler!L6037</f>
        <v>6.7358843761473119</v>
      </c>
      <c r="M6011" s="58">
        <f>Bühler!M6037</f>
        <v>0</v>
      </c>
      <c r="N6011" s="56">
        <f>IF(Input!$D$19=1,J6011*Input!$C$19,0)+IF(Input!$D$20=1,K6011*Input!$C$20,0)+IF(Input!$D$21=1,L6011*Input!$C$21,0)+IF(Input!$D$22=1,M6011*Input!$C$22,0)</f>
        <v>8.6802887818716701E-2</v>
      </c>
      <c r="O6011" s="59">
        <f>IF(Input!$D$19=2,J6011*Input!$C$19,0)+IF(Input!$D$20=2,K6011*Input!$C$20,0)+IF(Input!$D$21=2,L6011*Input!$C$21,0)+IF(Input!$D$22=2,M6011*Input!$C$22,0)</f>
        <v>0.21700721954679175</v>
      </c>
      <c r="P6011" s="59">
        <f>IF(Input!$D$19=3,J6011*Input!$C$19,0)+IF(Input!$D$20=3,K6011*Input!$C$20,0)+IF(Input!$D$21=3,L6011*Input!$C$21,0)+IF(Input!$D$22=3,M6011*Input!$C$22,0)</f>
        <v>0</v>
      </c>
      <c r="Q6011" s="75">
        <f>IF(Input!$D$19=4,J6011*Input!$C$19,0)+IF(Input!$D$20=4,K6011*Input!$C$20,0)+IF(Input!$D$21=4,L6011*Input!$C$21,0)+IF(Input!$D$22=4,M6011*Input!$C$22,0)</f>
        <v>0</v>
      </c>
      <c r="R6011" s="58">
        <v>49.133743443310479</v>
      </c>
      <c r="S6011" s="124">
        <f t="shared" si="93"/>
        <v>0.37614584721443906</v>
      </c>
    </row>
    <row r="6012" spans="8:19" x14ac:dyDescent="0.3">
      <c r="H6012" s="44">
        <v>6005</v>
      </c>
      <c r="I6012" s="56">
        <f>Bühler!I6038</f>
        <v>8.6802887818716687E-2</v>
      </c>
      <c r="J6012" s="59">
        <f>Bühler!J6038</f>
        <v>0.28934295939572235</v>
      </c>
      <c r="K6012" s="59">
        <f>Bühler!K6038</f>
        <v>0.4340144390935835</v>
      </c>
      <c r="L6012" s="59">
        <f>Bühler!L6038</f>
        <v>6.7358843761473119</v>
      </c>
      <c r="M6012" s="58">
        <f>Bühler!M6038</f>
        <v>0</v>
      </c>
      <c r="N6012" s="56">
        <f>IF(Input!$D$19=1,J6012*Input!$C$19,0)+IF(Input!$D$20=1,K6012*Input!$C$20,0)+IF(Input!$D$21=1,L6012*Input!$C$21,0)+IF(Input!$D$22=1,M6012*Input!$C$22,0)</f>
        <v>8.6802887818716701E-2</v>
      </c>
      <c r="O6012" s="59">
        <f>IF(Input!$D$19=2,J6012*Input!$C$19,0)+IF(Input!$D$20=2,K6012*Input!$C$20,0)+IF(Input!$D$21=2,L6012*Input!$C$21,0)+IF(Input!$D$22=2,M6012*Input!$C$22,0)</f>
        <v>0.21700721954679175</v>
      </c>
      <c r="P6012" s="59">
        <f>IF(Input!$D$19=3,J6012*Input!$C$19,0)+IF(Input!$D$20=3,K6012*Input!$C$20,0)+IF(Input!$D$21=3,L6012*Input!$C$21,0)+IF(Input!$D$22=3,M6012*Input!$C$22,0)</f>
        <v>0</v>
      </c>
      <c r="Q6012" s="75">
        <f>IF(Input!$D$19=4,J6012*Input!$C$19,0)+IF(Input!$D$20=4,K6012*Input!$C$20,0)+IF(Input!$D$21=4,L6012*Input!$C$21,0)+IF(Input!$D$22=4,M6012*Input!$C$22,0)</f>
        <v>0</v>
      </c>
      <c r="R6012" s="58">
        <v>47.849103620134208</v>
      </c>
      <c r="S6012" s="124">
        <f t="shared" si="93"/>
        <v>0.37614584721443906</v>
      </c>
    </row>
    <row r="6013" spans="8:19" x14ac:dyDescent="0.3">
      <c r="H6013" s="44">
        <v>6006</v>
      </c>
      <c r="I6013" s="56">
        <f>Bühler!I6039</f>
        <v>0.10797432387206223</v>
      </c>
      <c r="J6013" s="59">
        <f>Bühler!J6039</f>
        <v>0.35991441290687409</v>
      </c>
      <c r="K6013" s="59">
        <f>Bühler!K6039</f>
        <v>0.53987161936031114</v>
      </c>
      <c r="L6013" s="59">
        <f>Bühler!L6039</f>
        <v>8.3787830044759239</v>
      </c>
      <c r="M6013" s="58">
        <f>Bühler!M6039</f>
        <v>0</v>
      </c>
      <c r="N6013" s="56">
        <f>IF(Input!$D$19=1,J6013*Input!$C$19,0)+IF(Input!$D$20=1,K6013*Input!$C$20,0)+IF(Input!$D$21=1,L6013*Input!$C$21,0)+IF(Input!$D$22=1,M6013*Input!$C$22,0)</f>
        <v>0.10797432387206223</v>
      </c>
      <c r="O6013" s="59">
        <f>IF(Input!$D$19=2,J6013*Input!$C$19,0)+IF(Input!$D$20=2,K6013*Input!$C$20,0)+IF(Input!$D$21=2,L6013*Input!$C$21,0)+IF(Input!$D$22=2,M6013*Input!$C$22,0)</f>
        <v>0.26993580968015557</v>
      </c>
      <c r="P6013" s="59">
        <f>IF(Input!$D$19=3,J6013*Input!$C$19,0)+IF(Input!$D$20=3,K6013*Input!$C$20,0)+IF(Input!$D$21=3,L6013*Input!$C$21,0)+IF(Input!$D$22=3,M6013*Input!$C$22,0)</f>
        <v>0</v>
      </c>
      <c r="Q6013" s="75">
        <f>IF(Input!$D$19=4,J6013*Input!$C$19,0)+IF(Input!$D$20=4,K6013*Input!$C$20,0)+IF(Input!$D$21=4,L6013*Input!$C$21,0)+IF(Input!$D$22=4,M6013*Input!$C$22,0)</f>
        <v>0</v>
      </c>
      <c r="R6013" s="58">
        <v>46.799281626419337</v>
      </c>
      <c r="S6013" s="124">
        <f t="shared" si="93"/>
        <v>0.46788873677893633</v>
      </c>
    </row>
    <row r="6014" spans="8:19" x14ac:dyDescent="0.3">
      <c r="H6014" s="44">
        <v>6007</v>
      </c>
      <c r="I6014" s="56">
        <f>Bühler!I6040</f>
        <v>0.13549719074141142</v>
      </c>
      <c r="J6014" s="59">
        <f>Bühler!J6040</f>
        <v>0.45165730247137148</v>
      </c>
      <c r="K6014" s="59">
        <f>Bühler!K6040</f>
        <v>0.67748595370705722</v>
      </c>
      <c r="L6014" s="59">
        <f>Bühler!L6040</f>
        <v>10.514551221303119</v>
      </c>
      <c r="M6014" s="58">
        <f>Bühler!M6040</f>
        <v>0</v>
      </c>
      <c r="N6014" s="56">
        <f>IF(Input!$D$19=1,J6014*Input!$C$19,0)+IF(Input!$D$20=1,K6014*Input!$C$20,0)+IF(Input!$D$21=1,L6014*Input!$C$21,0)+IF(Input!$D$22=1,M6014*Input!$C$22,0)</f>
        <v>0.13549719074141145</v>
      </c>
      <c r="O6014" s="59">
        <f>IF(Input!$D$19=2,J6014*Input!$C$19,0)+IF(Input!$D$20=2,K6014*Input!$C$20,0)+IF(Input!$D$21=2,L6014*Input!$C$21,0)+IF(Input!$D$22=2,M6014*Input!$C$22,0)</f>
        <v>0.33874297685352861</v>
      </c>
      <c r="P6014" s="59">
        <f>IF(Input!$D$19=3,J6014*Input!$C$19,0)+IF(Input!$D$20=3,K6014*Input!$C$20,0)+IF(Input!$D$21=3,L6014*Input!$C$21,0)+IF(Input!$D$22=3,M6014*Input!$C$22,0)</f>
        <v>0</v>
      </c>
      <c r="Q6014" s="75">
        <f>IF(Input!$D$19=4,J6014*Input!$C$19,0)+IF(Input!$D$20=4,K6014*Input!$C$20,0)+IF(Input!$D$21=4,L6014*Input!$C$21,0)+IF(Input!$D$22=4,M6014*Input!$C$22,0)</f>
        <v>0</v>
      </c>
      <c r="R6014" s="58">
        <v>46.360050287070919</v>
      </c>
      <c r="S6014" s="124">
        <f t="shared" si="93"/>
        <v>0.5871544932127829</v>
      </c>
    </row>
    <row r="6015" spans="8:19" x14ac:dyDescent="0.3">
      <c r="H6015" s="44">
        <v>6008</v>
      </c>
      <c r="I6015" s="56">
        <f>Bühler!I6041</f>
        <v>0.15455148318942238</v>
      </c>
      <c r="J6015" s="59">
        <f>Bühler!J6041</f>
        <v>0.51517161063140804</v>
      </c>
      <c r="K6015" s="59">
        <f>Bühler!K6041</f>
        <v>0.77275741594711211</v>
      </c>
      <c r="L6015" s="59">
        <f>Bühler!L6041</f>
        <v>11.993159986798871</v>
      </c>
      <c r="M6015" s="58">
        <f>Bühler!M6041</f>
        <v>0</v>
      </c>
      <c r="N6015" s="56">
        <f>IF(Input!$D$19=1,J6015*Input!$C$19,0)+IF(Input!$D$20=1,K6015*Input!$C$20,0)+IF(Input!$D$21=1,L6015*Input!$C$21,0)+IF(Input!$D$22=1,M6015*Input!$C$22,0)</f>
        <v>0.15455148318942241</v>
      </c>
      <c r="O6015" s="59">
        <f>IF(Input!$D$19=2,J6015*Input!$C$19,0)+IF(Input!$D$20=2,K6015*Input!$C$20,0)+IF(Input!$D$21=2,L6015*Input!$C$21,0)+IF(Input!$D$22=2,M6015*Input!$C$22,0)</f>
        <v>0.38637870797355606</v>
      </c>
      <c r="P6015" s="59">
        <f>IF(Input!$D$19=3,J6015*Input!$C$19,0)+IF(Input!$D$20=3,K6015*Input!$C$20,0)+IF(Input!$D$21=3,L6015*Input!$C$21,0)+IF(Input!$D$22=3,M6015*Input!$C$22,0)</f>
        <v>0</v>
      </c>
      <c r="Q6015" s="75">
        <f>IF(Input!$D$19=4,J6015*Input!$C$19,0)+IF(Input!$D$20=4,K6015*Input!$C$20,0)+IF(Input!$D$21=4,L6015*Input!$C$21,0)+IF(Input!$D$22=4,M6015*Input!$C$22,0)</f>
        <v>0</v>
      </c>
      <c r="R6015" s="58">
        <v>46.41977254070126</v>
      </c>
      <c r="S6015" s="124">
        <f t="shared" si="93"/>
        <v>0.6697230938208304</v>
      </c>
    </row>
    <row r="6016" spans="8:19" x14ac:dyDescent="0.3">
      <c r="H6016" s="44">
        <v>6009</v>
      </c>
      <c r="I6016" s="56">
        <f>Bühler!I6042</f>
        <v>0.15455148318942238</v>
      </c>
      <c r="J6016" s="59">
        <f>Bühler!J6042</f>
        <v>0.51517161063140804</v>
      </c>
      <c r="K6016" s="59">
        <f>Bühler!K6042</f>
        <v>0.77275741594711211</v>
      </c>
      <c r="L6016" s="59">
        <f>Bühler!L6042</f>
        <v>11.993159986798871</v>
      </c>
      <c r="M6016" s="58">
        <f>Bühler!M6042</f>
        <v>0</v>
      </c>
      <c r="N6016" s="56">
        <f>IF(Input!$D$19=1,J6016*Input!$C$19,0)+IF(Input!$D$20=1,K6016*Input!$C$20,0)+IF(Input!$D$21=1,L6016*Input!$C$21,0)+IF(Input!$D$22=1,M6016*Input!$C$22,0)</f>
        <v>0.15455148318942241</v>
      </c>
      <c r="O6016" s="59">
        <f>IF(Input!$D$19=2,J6016*Input!$C$19,0)+IF(Input!$D$20=2,K6016*Input!$C$20,0)+IF(Input!$D$21=2,L6016*Input!$C$21,0)+IF(Input!$D$22=2,M6016*Input!$C$22,0)</f>
        <v>0.38637870797355606</v>
      </c>
      <c r="P6016" s="59">
        <f>IF(Input!$D$19=3,J6016*Input!$C$19,0)+IF(Input!$D$20=3,K6016*Input!$C$20,0)+IF(Input!$D$21=3,L6016*Input!$C$21,0)+IF(Input!$D$22=3,M6016*Input!$C$22,0)</f>
        <v>0</v>
      </c>
      <c r="Q6016" s="75">
        <f>IF(Input!$D$19=4,J6016*Input!$C$19,0)+IF(Input!$D$20=4,K6016*Input!$C$20,0)+IF(Input!$D$21=4,L6016*Input!$C$21,0)+IF(Input!$D$22=4,M6016*Input!$C$22,0)</f>
        <v>0</v>
      </c>
      <c r="R6016" s="58">
        <v>45.936968588512016</v>
      </c>
      <c r="S6016" s="124">
        <f t="shared" si="93"/>
        <v>0.6697230938208304</v>
      </c>
    </row>
    <row r="6017" spans="8:19" x14ac:dyDescent="0.3">
      <c r="H6017" s="44">
        <v>6010</v>
      </c>
      <c r="I6017" s="56">
        <f>Bühler!I6043</f>
        <v>0.15455148318942238</v>
      </c>
      <c r="J6017" s="59">
        <f>Bühler!J6043</f>
        <v>0.51517161063140804</v>
      </c>
      <c r="K6017" s="59">
        <f>Bühler!K6043</f>
        <v>0.77275741594711211</v>
      </c>
      <c r="L6017" s="59">
        <f>Bühler!L6043</f>
        <v>11.993159986798871</v>
      </c>
      <c r="M6017" s="58">
        <f>Bühler!M6043</f>
        <v>0</v>
      </c>
      <c r="N6017" s="56">
        <f>IF(Input!$D$19=1,J6017*Input!$C$19,0)+IF(Input!$D$20=1,K6017*Input!$C$20,0)+IF(Input!$D$21=1,L6017*Input!$C$21,0)+IF(Input!$D$22=1,M6017*Input!$C$22,0)</f>
        <v>0.15455148318942241</v>
      </c>
      <c r="O6017" s="59">
        <f>IF(Input!$D$19=2,J6017*Input!$C$19,0)+IF(Input!$D$20=2,K6017*Input!$C$20,0)+IF(Input!$D$21=2,L6017*Input!$C$21,0)+IF(Input!$D$22=2,M6017*Input!$C$22,0)</f>
        <v>0.38637870797355606</v>
      </c>
      <c r="P6017" s="59">
        <f>IF(Input!$D$19=3,J6017*Input!$C$19,0)+IF(Input!$D$20=3,K6017*Input!$C$20,0)+IF(Input!$D$21=3,L6017*Input!$C$21,0)+IF(Input!$D$22=3,M6017*Input!$C$22,0)</f>
        <v>0</v>
      </c>
      <c r="Q6017" s="75">
        <f>IF(Input!$D$19=4,J6017*Input!$C$19,0)+IF(Input!$D$20=4,K6017*Input!$C$20,0)+IF(Input!$D$21=4,L6017*Input!$C$21,0)+IF(Input!$D$22=4,M6017*Input!$C$22,0)</f>
        <v>0</v>
      </c>
      <c r="R6017" s="58">
        <v>45.625733367256949</v>
      </c>
      <c r="S6017" s="124">
        <f t="shared" si="93"/>
        <v>0.6697230938208304</v>
      </c>
    </row>
    <row r="6018" spans="8:19" x14ac:dyDescent="0.3">
      <c r="H6018" s="44">
        <v>6011</v>
      </c>
      <c r="I6018" s="56">
        <f>Bühler!I6044</f>
        <v>0.15455148318942238</v>
      </c>
      <c r="J6018" s="59">
        <f>Bühler!J6044</f>
        <v>0.51517161063140804</v>
      </c>
      <c r="K6018" s="59">
        <f>Bühler!K6044</f>
        <v>0.77275741594711211</v>
      </c>
      <c r="L6018" s="59">
        <f>Bühler!L6044</f>
        <v>11.993159986798871</v>
      </c>
      <c r="M6018" s="58">
        <f>Bühler!M6044</f>
        <v>0</v>
      </c>
      <c r="N6018" s="56">
        <f>IF(Input!$D$19=1,J6018*Input!$C$19,0)+IF(Input!$D$20=1,K6018*Input!$C$20,0)+IF(Input!$D$21=1,L6018*Input!$C$21,0)+IF(Input!$D$22=1,M6018*Input!$C$22,0)</f>
        <v>0.15455148318942241</v>
      </c>
      <c r="O6018" s="59">
        <f>IF(Input!$D$19=2,J6018*Input!$C$19,0)+IF(Input!$D$20=2,K6018*Input!$C$20,0)+IF(Input!$D$21=2,L6018*Input!$C$21,0)+IF(Input!$D$22=2,M6018*Input!$C$22,0)</f>
        <v>0.38637870797355606</v>
      </c>
      <c r="P6018" s="59">
        <f>IF(Input!$D$19=3,J6018*Input!$C$19,0)+IF(Input!$D$20=3,K6018*Input!$C$20,0)+IF(Input!$D$21=3,L6018*Input!$C$21,0)+IF(Input!$D$22=3,M6018*Input!$C$22,0)</f>
        <v>0</v>
      </c>
      <c r="Q6018" s="75">
        <f>IF(Input!$D$19=4,J6018*Input!$C$19,0)+IF(Input!$D$20=4,K6018*Input!$C$20,0)+IF(Input!$D$21=4,L6018*Input!$C$21,0)+IF(Input!$D$22=4,M6018*Input!$C$22,0)</f>
        <v>0</v>
      </c>
      <c r="R6018" s="58">
        <v>45.630432956975298</v>
      </c>
      <c r="S6018" s="124">
        <f t="shared" si="93"/>
        <v>0.6697230938208304</v>
      </c>
    </row>
    <row r="6019" spans="8:19" x14ac:dyDescent="0.3">
      <c r="H6019" s="44">
        <v>6012</v>
      </c>
      <c r="I6019" s="56">
        <f>Bühler!I6045</f>
        <v>0.15455148318942238</v>
      </c>
      <c r="J6019" s="59">
        <f>Bühler!J6045</f>
        <v>0.51517161063140804</v>
      </c>
      <c r="K6019" s="59">
        <f>Bühler!K6045</f>
        <v>0.77275741594711211</v>
      </c>
      <c r="L6019" s="59">
        <f>Bühler!L6045</f>
        <v>11.993159986798871</v>
      </c>
      <c r="M6019" s="58">
        <f>Bühler!M6045</f>
        <v>0</v>
      </c>
      <c r="N6019" s="56">
        <f>IF(Input!$D$19=1,J6019*Input!$C$19,0)+IF(Input!$D$20=1,K6019*Input!$C$20,0)+IF(Input!$D$21=1,L6019*Input!$C$21,0)+IF(Input!$D$22=1,M6019*Input!$C$22,0)</f>
        <v>0.15455148318942241</v>
      </c>
      <c r="O6019" s="59">
        <f>IF(Input!$D$19=2,J6019*Input!$C$19,0)+IF(Input!$D$20=2,K6019*Input!$C$20,0)+IF(Input!$D$21=2,L6019*Input!$C$21,0)+IF(Input!$D$22=2,M6019*Input!$C$22,0)</f>
        <v>0.38637870797355606</v>
      </c>
      <c r="P6019" s="59">
        <f>IF(Input!$D$19=3,J6019*Input!$C$19,0)+IF(Input!$D$20=3,K6019*Input!$C$20,0)+IF(Input!$D$21=3,L6019*Input!$C$21,0)+IF(Input!$D$22=3,M6019*Input!$C$22,0)</f>
        <v>0</v>
      </c>
      <c r="Q6019" s="75">
        <f>IF(Input!$D$19=4,J6019*Input!$C$19,0)+IF(Input!$D$20=4,K6019*Input!$C$20,0)+IF(Input!$D$21=4,L6019*Input!$C$21,0)+IF(Input!$D$22=4,M6019*Input!$C$22,0)</f>
        <v>0</v>
      </c>
      <c r="R6019" s="58">
        <v>45.607185358177865</v>
      </c>
      <c r="S6019" s="124">
        <f t="shared" si="93"/>
        <v>0.6697230938208304</v>
      </c>
    </row>
    <row r="6020" spans="8:19" x14ac:dyDescent="0.3">
      <c r="H6020" s="44">
        <v>6013</v>
      </c>
      <c r="I6020" s="56">
        <f>Bühler!I6046</f>
        <v>0.15455148318942238</v>
      </c>
      <c r="J6020" s="59">
        <f>Bühler!J6046</f>
        <v>0.51517161063140804</v>
      </c>
      <c r="K6020" s="59">
        <f>Bühler!K6046</f>
        <v>0.77275741594711211</v>
      </c>
      <c r="L6020" s="59">
        <f>Bühler!L6046</f>
        <v>11.993159986798871</v>
      </c>
      <c r="M6020" s="58">
        <f>Bühler!M6046</f>
        <v>0</v>
      </c>
      <c r="N6020" s="56">
        <f>IF(Input!$D$19=1,J6020*Input!$C$19,0)+IF(Input!$D$20=1,K6020*Input!$C$20,0)+IF(Input!$D$21=1,L6020*Input!$C$21,0)+IF(Input!$D$22=1,M6020*Input!$C$22,0)</f>
        <v>0.15455148318942241</v>
      </c>
      <c r="O6020" s="59">
        <f>IF(Input!$D$19=2,J6020*Input!$C$19,0)+IF(Input!$D$20=2,K6020*Input!$C$20,0)+IF(Input!$D$21=2,L6020*Input!$C$21,0)+IF(Input!$D$22=2,M6020*Input!$C$22,0)</f>
        <v>0.38637870797355606</v>
      </c>
      <c r="P6020" s="59">
        <f>IF(Input!$D$19=3,J6020*Input!$C$19,0)+IF(Input!$D$20=3,K6020*Input!$C$20,0)+IF(Input!$D$21=3,L6020*Input!$C$21,0)+IF(Input!$D$22=3,M6020*Input!$C$22,0)</f>
        <v>0</v>
      </c>
      <c r="Q6020" s="75">
        <f>IF(Input!$D$19=4,J6020*Input!$C$19,0)+IF(Input!$D$20=4,K6020*Input!$C$20,0)+IF(Input!$D$21=4,L6020*Input!$C$21,0)+IF(Input!$D$22=4,M6020*Input!$C$22,0)</f>
        <v>0</v>
      </c>
      <c r="R6020" s="58">
        <v>44.776413177699901</v>
      </c>
      <c r="S6020" s="124">
        <f t="shared" si="93"/>
        <v>0.6697230938208304</v>
      </c>
    </row>
    <row r="6021" spans="8:19" x14ac:dyDescent="0.3">
      <c r="H6021" s="44">
        <v>6014</v>
      </c>
      <c r="I6021" s="56">
        <f>Bühler!I6047</f>
        <v>0.15455148318942238</v>
      </c>
      <c r="J6021" s="59">
        <f>Bühler!J6047</f>
        <v>0.51517161063140804</v>
      </c>
      <c r="K6021" s="59">
        <f>Bühler!K6047</f>
        <v>0.77275741594711211</v>
      </c>
      <c r="L6021" s="59">
        <f>Bühler!L6047</f>
        <v>11.993159986798871</v>
      </c>
      <c r="M6021" s="58">
        <f>Bühler!M6047</f>
        <v>0</v>
      </c>
      <c r="N6021" s="56">
        <f>IF(Input!$D$19=1,J6021*Input!$C$19,0)+IF(Input!$D$20=1,K6021*Input!$C$20,0)+IF(Input!$D$21=1,L6021*Input!$C$21,0)+IF(Input!$D$22=1,M6021*Input!$C$22,0)</f>
        <v>0.15455148318942241</v>
      </c>
      <c r="O6021" s="59">
        <f>IF(Input!$D$19=2,J6021*Input!$C$19,0)+IF(Input!$D$20=2,K6021*Input!$C$20,0)+IF(Input!$D$21=2,L6021*Input!$C$21,0)+IF(Input!$D$22=2,M6021*Input!$C$22,0)</f>
        <v>0.38637870797355606</v>
      </c>
      <c r="P6021" s="59">
        <f>IF(Input!$D$19=3,J6021*Input!$C$19,0)+IF(Input!$D$20=3,K6021*Input!$C$20,0)+IF(Input!$D$21=3,L6021*Input!$C$21,0)+IF(Input!$D$22=3,M6021*Input!$C$22,0)</f>
        <v>0</v>
      </c>
      <c r="Q6021" s="75">
        <f>IF(Input!$D$19=4,J6021*Input!$C$19,0)+IF(Input!$D$20=4,K6021*Input!$C$20,0)+IF(Input!$D$21=4,L6021*Input!$C$21,0)+IF(Input!$D$22=4,M6021*Input!$C$22,0)</f>
        <v>0</v>
      </c>
      <c r="R6021" s="58">
        <v>44.300836849962501</v>
      </c>
      <c r="S6021" s="124">
        <f t="shared" si="93"/>
        <v>0.6697230938208304</v>
      </c>
    </row>
    <row r="6022" spans="8:19" x14ac:dyDescent="0.3">
      <c r="H6022" s="44">
        <v>6015</v>
      </c>
      <c r="I6022" s="56">
        <f>Bühler!I6048</f>
        <v>0.15455148318942238</v>
      </c>
      <c r="J6022" s="59">
        <f>Bühler!J6048</f>
        <v>0.51517161063140804</v>
      </c>
      <c r="K6022" s="59">
        <f>Bühler!K6048</f>
        <v>0.77275741594711211</v>
      </c>
      <c r="L6022" s="59">
        <f>Bühler!L6048</f>
        <v>11.993159986798871</v>
      </c>
      <c r="M6022" s="58">
        <f>Bühler!M6048</f>
        <v>0</v>
      </c>
      <c r="N6022" s="56">
        <f>IF(Input!$D$19=1,J6022*Input!$C$19,0)+IF(Input!$D$20=1,K6022*Input!$C$20,0)+IF(Input!$D$21=1,L6022*Input!$C$21,0)+IF(Input!$D$22=1,M6022*Input!$C$22,0)</f>
        <v>0.15455148318942241</v>
      </c>
      <c r="O6022" s="59">
        <f>IF(Input!$D$19=2,J6022*Input!$C$19,0)+IF(Input!$D$20=2,K6022*Input!$C$20,0)+IF(Input!$D$21=2,L6022*Input!$C$21,0)+IF(Input!$D$22=2,M6022*Input!$C$22,0)</f>
        <v>0.38637870797355606</v>
      </c>
      <c r="P6022" s="59">
        <f>IF(Input!$D$19=3,J6022*Input!$C$19,0)+IF(Input!$D$20=3,K6022*Input!$C$20,0)+IF(Input!$D$21=3,L6022*Input!$C$21,0)+IF(Input!$D$22=3,M6022*Input!$C$22,0)</f>
        <v>0</v>
      </c>
      <c r="Q6022" s="75">
        <f>IF(Input!$D$19=4,J6022*Input!$C$19,0)+IF(Input!$D$20=4,K6022*Input!$C$20,0)+IF(Input!$D$21=4,L6022*Input!$C$21,0)+IF(Input!$D$22=4,M6022*Input!$C$22,0)</f>
        <v>0</v>
      </c>
      <c r="R6022" s="58">
        <v>44.055603535443758</v>
      </c>
      <c r="S6022" s="124">
        <f t="shared" si="93"/>
        <v>0.6697230938208304</v>
      </c>
    </row>
    <row r="6023" spans="8:19" x14ac:dyDescent="0.3">
      <c r="H6023" s="44">
        <v>6016</v>
      </c>
      <c r="I6023" s="56">
        <f>Bühler!I6049</f>
        <v>0.13973147795208052</v>
      </c>
      <c r="J6023" s="59">
        <f>Bühler!J6049</f>
        <v>0.46577159317360184</v>
      </c>
      <c r="K6023" s="59">
        <f>Bühler!K6049</f>
        <v>0.6986573897604027</v>
      </c>
      <c r="L6023" s="59">
        <f>Bühler!L6049</f>
        <v>10.843130946968843</v>
      </c>
      <c r="M6023" s="58">
        <f>Bühler!M6049</f>
        <v>0</v>
      </c>
      <c r="N6023" s="56">
        <f>IF(Input!$D$19=1,J6023*Input!$C$19,0)+IF(Input!$D$20=1,K6023*Input!$C$20,0)+IF(Input!$D$21=1,L6023*Input!$C$21,0)+IF(Input!$D$22=1,M6023*Input!$C$22,0)</f>
        <v>0.13973147795208055</v>
      </c>
      <c r="O6023" s="59">
        <f>IF(Input!$D$19=2,J6023*Input!$C$19,0)+IF(Input!$D$20=2,K6023*Input!$C$20,0)+IF(Input!$D$21=2,L6023*Input!$C$21,0)+IF(Input!$D$22=2,M6023*Input!$C$22,0)</f>
        <v>0.34932869488020135</v>
      </c>
      <c r="P6023" s="59">
        <f>IF(Input!$D$19=3,J6023*Input!$C$19,0)+IF(Input!$D$20=3,K6023*Input!$C$20,0)+IF(Input!$D$21=3,L6023*Input!$C$21,0)+IF(Input!$D$22=3,M6023*Input!$C$22,0)</f>
        <v>0</v>
      </c>
      <c r="Q6023" s="75">
        <f>IF(Input!$D$19=4,J6023*Input!$C$19,0)+IF(Input!$D$20=4,K6023*Input!$C$20,0)+IF(Input!$D$21=4,L6023*Input!$C$21,0)+IF(Input!$D$22=4,M6023*Input!$C$22,0)</f>
        <v>0</v>
      </c>
      <c r="R6023" s="58">
        <v>44.032558311229337</v>
      </c>
      <c r="S6023" s="124">
        <f t="shared" si="93"/>
        <v>0.60550307112568236</v>
      </c>
    </row>
    <row r="6024" spans="8:19" x14ac:dyDescent="0.3">
      <c r="H6024" s="44">
        <v>6017</v>
      </c>
      <c r="I6024" s="56">
        <f>Bühler!I6050</f>
        <v>0.1270286163200732</v>
      </c>
      <c r="J6024" s="59">
        <f>Bühler!J6050</f>
        <v>0.42342872106691076</v>
      </c>
      <c r="K6024" s="59">
        <f>Bühler!K6050</f>
        <v>0.63514308160036614</v>
      </c>
      <c r="L6024" s="59">
        <f>Bühler!L6050</f>
        <v>9.8573917699716738</v>
      </c>
      <c r="M6024" s="58">
        <f>Bühler!M6050</f>
        <v>0</v>
      </c>
      <c r="N6024" s="56">
        <f>IF(Input!$D$19=1,J6024*Input!$C$19,0)+IF(Input!$D$20=1,K6024*Input!$C$20,0)+IF(Input!$D$21=1,L6024*Input!$C$21,0)+IF(Input!$D$22=1,M6024*Input!$C$22,0)</f>
        <v>0.12702861632007323</v>
      </c>
      <c r="O6024" s="59">
        <f>IF(Input!$D$19=2,J6024*Input!$C$19,0)+IF(Input!$D$20=2,K6024*Input!$C$20,0)+IF(Input!$D$21=2,L6024*Input!$C$21,0)+IF(Input!$D$22=2,M6024*Input!$C$22,0)</f>
        <v>0.31757154080018307</v>
      </c>
      <c r="P6024" s="59">
        <f>IF(Input!$D$19=3,J6024*Input!$C$19,0)+IF(Input!$D$20=3,K6024*Input!$C$20,0)+IF(Input!$D$21=3,L6024*Input!$C$21,0)+IF(Input!$D$22=3,M6024*Input!$C$22,0)</f>
        <v>0</v>
      </c>
      <c r="Q6024" s="75">
        <f>IF(Input!$D$19=4,J6024*Input!$C$19,0)+IF(Input!$D$20=4,K6024*Input!$C$20,0)+IF(Input!$D$21=4,L6024*Input!$C$21,0)+IF(Input!$D$22=4,M6024*Input!$C$22,0)</f>
        <v>0</v>
      </c>
      <c r="R6024" s="58">
        <v>43.369720180438868</v>
      </c>
      <c r="S6024" s="124">
        <f t="shared" si="93"/>
        <v>0.55045733738698399</v>
      </c>
    </row>
    <row r="6025" spans="8:19" x14ac:dyDescent="0.3">
      <c r="H6025" s="44">
        <v>6018</v>
      </c>
      <c r="I6025" s="56">
        <f>Bühler!I6051</f>
        <v>0.11432575468806588</v>
      </c>
      <c r="J6025" s="59">
        <f>Bühler!J6051</f>
        <v>0.38108584896021969</v>
      </c>
      <c r="K6025" s="59">
        <f>Bühler!K6051</f>
        <v>0.57162877344032947</v>
      </c>
      <c r="L6025" s="59">
        <f>Bühler!L6051</f>
        <v>8.871652592974506</v>
      </c>
      <c r="M6025" s="58">
        <f>Bühler!M6051</f>
        <v>0</v>
      </c>
      <c r="N6025" s="56">
        <f>IF(Input!$D$19=1,J6025*Input!$C$19,0)+IF(Input!$D$20=1,K6025*Input!$C$20,0)+IF(Input!$D$21=1,L6025*Input!$C$21,0)+IF(Input!$D$22=1,M6025*Input!$C$22,0)</f>
        <v>0.1143257546880659</v>
      </c>
      <c r="O6025" s="59">
        <f>IF(Input!$D$19=2,J6025*Input!$C$19,0)+IF(Input!$D$20=2,K6025*Input!$C$20,0)+IF(Input!$D$21=2,L6025*Input!$C$21,0)+IF(Input!$D$22=2,M6025*Input!$C$22,0)</f>
        <v>0.28581438672016474</v>
      </c>
      <c r="P6025" s="59">
        <f>IF(Input!$D$19=3,J6025*Input!$C$19,0)+IF(Input!$D$20=3,K6025*Input!$C$20,0)+IF(Input!$D$21=3,L6025*Input!$C$21,0)+IF(Input!$D$22=3,M6025*Input!$C$22,0)</f>
        <v>0</v>
      </c>
      <c r="Q6025" s="75">
        <f>IF(Input!$D$19=4,J6025*Input!$C$19,0)+IF(Input!$D$20=4,K6025*Input!$C$20,0)+IF(Input!$D$21=4,L6025*Input!$C$21,0)+IF(Input!$D$22=4,M6025*Input!$C$22,0)</f>
        <v>0</v>
      </c>
      <c r="R6025" s="58">
        <v>42.587941890132228</v>
      </c>
      <c r="S6025" s="124">
        <f t="shared" ref="S6025:S6088" si="94">I6025+J6025</f>
        <v>0.49541160364828557</v>
      </c>
    </row>
    <row r="6026" spans="8:19" x14ac:dyDescent="0.3">
      <c r="H6026" s="44">
        <v>6019</v>
      </c>
      <c r="I6026" s="56">
        <f>Bühler!I6052</f>
        <v>0.11009146747739677</v>
      </c>
      <c r="J6026" s="59">
        <f>Bühler!J6052</f>
        <v>0.36697155825798927</v>
      </c>
      <c r="K6026" s="59">
        <f>Bühler!K6052</f>
        <v>0.55045733738698388</v>
      </c>
      <c r="L6026" s="59">
        <f>Bühler!L6052</f>
        <v>8.5430728673087852</v>
      </c>
      <c r="M6026" s="58">
        <f>Bühler!M6052</f>
        <v>0</v>
      </c>
      <c r="N6026" s="56">
        <f>IF(Input!$D$19=1,J6026*Input!$C$19,0)+IF(Input!$D$20=1,K6026*Input!$C$20,0)+IF(Input!$D$21=1,L6026*Input!$C$21,0)+IF(Input!$D$22=1,M6026*Input!$C$22,0)</f>
        <v>0.11009146747739677</v>
      </c>
      <c r="O6026" s="59">
        <f>IF(Input!$D$19=2,J6026*Input!$C$19,0)+IF(Input!$D$20=2,K6026*Input!$C$20,0)+IF(Input!$D$21=2,L6026*Input!$C$21,0)+IF(Input!$D$22=2,M6026*Input!$C$22,0)</f>
        <v>0.27522866869349194</v>
      </c>
      <c r="P6026" s="59">
        <f>IF(Input!$D$19=3,J6026*Input!$C$19,0)+IF(Input!$D$20=3,K6026*Input!$C$20,0)+IF(Input!$D$21=3,L6026*Input!$C$21,0)+IF(Input!$D$22=3,M6026*Input!$C$22,0)</f>
        <v>0</v>
      </c>
      <c r="Q6026" s="75">
        <f>IF(Input!$D$19=4,J6026*Input!$C$19,0)+IF(Input!$D$20=4,K6026*Input!$C$20,0)+IF(Input!$D$21=4,L6026*Input!$C$21,0)+IF(Input!$D$22=4,M6026*Input!$C$22,0)</f>
        <v>0</v>
      </c>
      <c r="R6026" s="58">
        <v>41.92939202929071</v>
      </c>
      <c r="S6026" s="124">
        <f t="shared" si="94"/>
        <v>0.47706302573538606</v>
      </c>
    </row>
    <row r="6027" spans="8:19" x14ac:dyDescent="0.3">
      <c r="H6027" s="44">
        <v>6020</v>
      </c>
      <c r="I6027" s="56">
        <f>Bühler!I6053</f>
        <v>8.8920031424051235E-2</v>
      </c>
      <c r="J6027" s="59">
        <f>Bühler!J6053</f>
        <v>0.29640010474683748</v>
      </c>
      <c r="K6027" s="59">
        <f>Bühler!K6053</f>
        <v>0.44460015712025619</v>
      </c>
      <c r="L6027" s="59">
        <f>Bühler!L6053</f>
        <v>6.9001742389801715</v>
      </c>
      <c r="M6027" s="58">
        <f>Bühler!M6053</f>
        <v>0</v>
      </c>
      <c r="N6027" s="56">
        <f>IF(Input!$D$19=1,J6027*Input!$C$19,0)+IF(Input!$D$20=1,K6027*Input!$C$20,0)+IF(Input!$D$21=1,L6027*Input!$C$21,0)+IF(Input!$D$22=1,M6027*Input!$C$22,0)</f>
        <v>8.8920031424051235E-2</v>
      </c>
      <c r="O6027" s="59">
        <f>IF(Input!$D$19=2,J6027*Input!$C$19,0)+IF(Input!$D$20=2,K6027*Input!$C$20,0)+IF(Input!$D$21=2,L6027*Input!$C$21,0)+IF(Input!$D$22=2,M6027*Input!$C$22,0)</f>
        <v>0.22230007856012809</v>
      </c>
      <c r="P6027" s="59">
        <f>IF(Input!$D$19=3,J6027*Input!$C$19,0)+IF(Input!$D$20=3,K6027*Input!$C$20,0)+IF(Input!$D$21=3,L6027*Input!$C$21,0)+IF(Input!$D$22=3,M6027*Input!$C$22,0)</f>
        <v>0</v>
      </c>
      <c r="Q6027" s="75">
        <f>IF(Input!$D$19=4,J6027*Input!$C$19,0)+IF(Input!$D$20=4,K6027*Input!$C$20,0)+IF(Input!$D$21=4,L6027*Input!$C$21,0)+IF(Input!$D$22=4,M6027*Input!$C$22,0)</f>
        <v>0</v>
      </c>
      <c r="R6027" s="58">
        <v>41.677038789373768</v>
      </c>
      <c r="S6027" s="124">
        <f t="shared" si="94"/>
        <v>0.38532013617088873</v>
      </c>
    </row>
    <row r="6028" spans="8:19" x14ac:dyDescent="0.3">
      <c r="H6028" s="44">
        <v>6021</v>
      </c>
      <c r="I6028" s="56">
        <f>Bühler!I6054</f>
        <v>6.5631451765371149E-2</v>
      </c>
      <c r="J6028" s="59">
        <f>Bühler!J6054</f>
        <v>0.21877150588457053</v>
      </c>
      <c r="K6028" s="59">
        <f>Bühler!K6054</f>
        <v>0.32815725882685581</v>
      </c>
      <c r="L6028" s="59">
        <f>Bühler!L6054</f>
        <v>5.0929857478186982</v>
      </c>
      <c r="M6028" s="58">
        <f>Bühler!M6054</f>
        <v>0</v>
      </c>
      <c r="N6028" s="56">
        <f>IF(Input!$D$19=1,J6028*Input!$C$19,0)+IF(Input!$D$20=1,K6028*Input!$C$20,0)+IF(Input!$D$21=1,L6028*Input!$C$21,0)+IF(Input!$D$22=1,M6028*Input!$C$22,0)</f>
        <v>6.5631451765371163E-2</v>
      </c>
      <c r="O6028" s="59">
        <f>IF(Input!$D$19=2,J6028*Input!$C$19,0)+IF(Input!$D$20=2,K6028*Input!$C$20,0)+IF(Input!$D$21=2,L6028*Input!$C$21,0)+IF(Input!$D$22=2,M6028*Input!$C$22,0)</f>
        <v>0.16407862941342791</v>
      </c>
      <c r="P6028" s="59">
        <f>IF(Input!$D$19=3,J6028*Input!$C$19,0)+IF(Input!$D$20=3,K6028*Input!$C$20,0)+IF(Input!$D$21=3,L6028*Input!$C$21,0)+IF(Input!$D$22=3,M6028*Input!$C$22,0)</f>
        <v>0</v>
      </c>
      <c r="Q6028" s="75">
        <f>IF(Input!$D$19=4,J6028*Input!$C$19,0)+IF(Input!$D$20=4,K6028*Input!$C$20,0)+IF(Input!$D$21=4,L6028*Input!$C$21,0)+IF(Input!$D$22=4,M6028*Input!$C$22,0)</f>
        <v>0</v>
      </c>
      <c r="R6028" s="58">
        <v>40.972643651870023</v>
      </c>
      <c r="S6028" s="124">
        <f t="shared" si="94"/>
        <v>0.28440295764994167</v>
      </c>
    </row>
    <row r="6029" spans="8:19" x14ac:dyDescent="0.3">
      <c r="H6029" s="44">
        <v>6022</v>
      </c>
      <c r="I6029" s="56">
        <f>Bühler!I6055</f>
        <v>6.5631451765371149E-2</v>
      </c>
      <c r="J6029" s="59">
        <f>Bühler!J6055</f>
        <v>0.21877150588457053</v>
      </c>
      <c r="K6029" s="59">
        <f>Bühler!K6055</f>
        <v>0.32815725882685581</v>
      </c>
      <c r="L6029" s="59">
        <f>Bühler!L6055</f>
        <v>5.0929857478186982</v>
      </c>
      <c r="M6029" s="58">
        <f>Bühler!M6055</f>
        <v>0</v>
      </c>
      <c r="N6029" s="56">
        <f>IF(Input!$D$19=1,J6029*Input!$C$19,0)+IF(Input!$D$20=1,K6029*Input!$C$20,0)+IF(Input!$D$21=1,L6029*Input!$C$21,0)+IF(Input!$D$22=1,M6029*Input!$C$22,0)</f>
        <v>6.5631451765371163E-2</v>
      </c>
      <c r="O6029" s="59">
        <f>IF(Input!$D$19=2,J6029*Input!$C$19,0)+IF(Input!$D$20=2,K6029*Input!$C$20,0)+IF(Input!$D$21=2,L6029*Input!$C$21,0)+IF(Input!$D$22=2,M6029*Input!$C$22,0)</f>
        <v>0.16407862941342791</v>
      </c>
      <c r="P6029" s="59">
        <f>IF(Input!$D$19=3,J6029*Input!$C$19,0)+IF(Input!$D$20=3,K6029*Input!$C$20,0)+IF(Input!$D$21=3,L6029*Input!$C$21,0)+IF(Input!$D$22=3,M6029*Input!$C$22,0)</f>
        <v>0</v>
      </c>
      <c r="Q6029" s="75">
        <f>IF(Input!$D$19=4,J6029*Input!$C$19,0)+IF(Input!$D$20=4,K6029*Input!$C$20,0)+IF(Input!$D$21=4,L6029*Input!$C$21,0)+IF(Input!$D$22=4,M6029*Input!$C$22,0)</f>
        <v>0</v>
      </c>
      <c r="R6029" s="58">
        <v>40.210735219125525</v>
      </c>
      <c r="S6029" s="124">
        <f t="shared" si="94"/>
        <v>0.28440295764994167</v>
      </c>
    </row>
    <row r="6030" spans="8:19" x14ac:dyDescent="0.3">
      <c r="H6030" s="44">
        <v>6023</v>
      </c>
      <c r="I6030" s="56">
        <f>Bühler!I6056</f>
        <v>6.5631451765371149E-2</v>
      </c>
      <c r="J6030" s="59">
        <f>Bühler!J6056</f>
        <v>0.21877150588457053</v>
      </c>
      <c r="K6030" s="59">
        <f>Bühler!K6056</f>
        <v>0.32815725882685581</v>
      </c>
      <c r="L6030" s="59">
        <f>Bühler!L6056</f>
        <v>5.0929857478186982</v>
      </c>
      <c r="M6030" s="58">
        <f>Bühler!M6056</f>
        <v>0</v>
      </c>
      <c r="N6030" s="56">
        <f>IF(Input!$D$19=1,J6030*Input!$C$19,0)+IF(Input!$D$20=1,K6030*Input!$C$20,0)+IF(Input!$D$21=1,L6030*Input!$C$21,0)+IF(Input!$D$22=1,M6030*Input!$C$22,0)</f>
        <v>6.5631451765371163E-2</v>
      </c>
      <c r="O6030" s="59">
        <f>IF(Input!$D$19=2,J6030*Input!$C$19,0)+IF(Input!$D$20=2,K6030*Input!$C$20,0)+IF(Input!$D$21=2,L6030*Input!$C$21,0)+IF(Input!$D$22=2,M6030*Input!$C$22,0)</f>
        <v>0.16407862941342791</v>
      </c>
      <c r="P6030" s="59">
        <f>IF(Input!$D$19=3,J6030*Input!$C$19,0)+IF(Input!$D$20=3,K6030*Input!$C$20,0)+IF(Input!$D$21=3,L6030*Input!$C$21,0)+IF(Input!$D$22=3,M6030*Input!$C$22,0)</f>
        <v>0</v>
      </c>
      <c r="Q6030" s="75">
        <f>IF(Input!$D$19=4,J6030*Input!$C$19,0)+IF(Input!$D$20=4,K6030*Input!$C$20,0)+IF(Input!$D$21=4,L6030*Input!$C$21,0)+IF(Input!$D$22=4,M6030*Input!$C$22,0)</f>
        <v>0</v>
      </c>
      <c r="R6030" s="58">
        <v>40.22404555510667</v>
      </c>
      <c r="S6030" s="124">
        <f t="shared" si="94"/>
        <v>0.28440295764994167</v>
      </c>
    </row>
    <row r="6031" spans="8:19" x14ac:dyDescent="0.3">
      <c r="H6031" s="44">
        <v>6024</v>
      </c>
      <c r="I6031" s="56">
        <f>Bühler!I6057</f>
        <v>6.5631451765371149E-2</v>
      </c>
      <c r="J6031" s="59">
        <f>Bühler!J6057</f>
        <v>0.21877150588457053</v>
      </c>
      <c r="K6031" s="59">
        <f>Bühler!K6057</f>
        <v>0.32815725882685581</v>
      </c>
      <c r="L6031" s="59">
        <f>Bühler!L6057</f>
        <v>5.0929857478186982</v>
      </c>
      <c r="M6031" s="58">
        <f>Bühler!M6057</f>
        <v>0</v>
      </c>
      <c r="N6031" s="56">
        <f>IF(Input!$D$19=1,J6031*Input!$C$19,0)+IF(Input!$D$20=1,K6031*Input!$C$20,0)+IF(Input!$D$21=1,L6031*Input!$C$21,0)+IF(Input!$D$22=1,M6031*Input!$C$22,0)</f>
        <v>6.5631451765371163E-2</v>
      </c>
      <c r="O6031" s="59">
        <f>IF(Input!$D$19=2,J6031*Input!$C$19,0)+IF(Input!$D$20=2,K6031*Input!$C$20,0)+IF(Input!$D$21=2,L6031*Input!$C$21,0)+IF(Input!$D$22=2,M6031*Input!$C$22,0)</f>
        <v>0.16407862941342791</v>
      </c>
      <c r="P6031" s="59">
        <f>IF(Input!$D$19=3,J6031*Input!$C$19,0)+IF(Input!$D$20=3,K6031*Input!$C$20,0)+IF(Input!$D$21=3,L6031*Input!$C$21,0)+IF(Input!$D$22=3,M6031*Input!$C$22,0)</f>
        <v>0</v>
      </c>
      <c r="Q6031" s="75">
        <f>IF(Input!$D$19=4,J6031*Input!$C$19,0)+IF(Input!$D$20=4,K6031*Input!$C$20,0)+IF(Input!$D$21=4,L6031*Input!$C$21,0)+IF(Input!$D$22=4,M6031*Input!$C$22,0)</f>
        <v>0</v>
      </c>
      <c r="R6031" s="58">
        <v>40.329814812728792</v>
      </c>
      <c r="S6031" s="124">
        <f t="shared" si="94"/>
        <v>0.28440295764994167</v>
      </c>
    </row>
    <row r="6032" spans="8:19" x14ac:dyDescent="0.3">
      <c r="H6032" s="44">
        <v>6025</v>
      </c>
      <c r="I6032" s="56">
        <f>Bühler!I6058</f>
        <v>6.8180006898921175E-2</v>
      </c>
      <c r="J6032" s="59">
        <f>Bühler!J6058</f>
        <v>0.22726668966307062</v>
      </c>
      <c r="K6032" s="59">
        <f>Bühler!K6058</f>
        <v>0.34090003449460593</v>
      </c>
      <c r="L6032" s="59">
        <f>Bühler!L6058</f>
        <v>5.6051542204314115</v>
      </c>
      <c r="M6032" s="58">
        <f>Bühler!M6058</f>
        <v>0</v>
      </c>
      <c r="N6032" s="56">
        <f>IF(Input!$D$19=1,J6032*Input!$C$19,0)+IF(Input!$D$20=1,K6032*Input!$C$20,0)+IF(Input!$D$21=1,L6032*Input!$C$21,0)+IF(Input!$D$22=1,M6032*Input!$C$22,0)</f>
        <v>6.8180006898921189E-2</v>
      </c>
      <c r="O6032" s="59">
        <f>IF(Input!$D$19=2,J6032*Input!$C$19,0)+IF(Input!$D$20=2,K6032*Input!$C$20,0)+IF(Input!$D$21=2,L6032*Input!$C$21,0)+IF(Input!$D$22=2,M6032*Input!$C$22,0)</f>
        <v>0.17045001724730297</v>
      </c>
      <c r="P6032" s="59">
        <f>IF(Input!$D$19=3,J6032*Input!$C$19,0)+IF(Input!$D$20=3,K6032*Input!$C$20,0)+IF(Input!$D$21=3,L6032*Input!$C$21,0)+IF(Input!$D$22=3,M6032*Input!$C$22,0)</f>
        <v>0</v>
      </c>
      <c r="Q6032" s="75">
        <f>IF(Input!$D$19=4,J6032*Input!$C$19,0)+IF(Input!$D$20=4,K6032*Input!$C$20,0)+IF(Input!$D$21=4,L6032*Input!$C$21,0)+IF(Input!$D$22=4,M6032*Input!$C$22,0)</f>
        <v>0</v>
      </c>
      <c r="R6032" s="58">
        <v>39.827530551493922</v>
      </c>
      <c r="S6032" s="124">
        <f t="shared" si="94"/>
        <v>0.2954466965619918</v>
      </c>
    </row>
    <row r="6033" spans="8:19" x14ac:dyDescent="0.3">
      <c r="H6033" s="44">
        <v>6026</v>
      </c>
      <c r="I6033" s="56">
        <f>Bühler!I6059</f>
        <v>7.9176782205198776E-2</v>
      </c>
      <c r="J6033" s="59">
        <f>Bühler!J6059</f>
        <v>0.26392260735066264</v>
      </c>
      <c r="K6033" s="59">
        <f>Bühler!K6059</f>
        <v>0.39588391102599396</v>
      </c>
      <c r="L6033" s="59">
        <f>Bühler!L6059</f>
        <v>6.5092113527590589</v>
      </c>
      <c r="M6033" s="58">
        <f>Bühler!M6059</f>
        <v>0</v>
      </c>
      <c r="N6033" s="56">
        <f>IF(Input!$D$19=1,J6033*Input!$C$19,0)+IF(Input!$D$20=1,K6033*Input!$C$20,0)+IF(Input!$D$21=1,L6033*Input!$C$21,0)+IF(Input!$D$22=1,M6033*Input!$C$22,0)</f>
        <v>7.917678220519879E-2</v>
      </c>
      <c r="O6033" s="59">
        <f>IF(Input!$D$19=2,J6033*Input!$C$19,0)+IF(Input!$D$20=2,K6033*Input!$C$20,0)+IF(Input!$D$21=2,L6033*Input!$C$21,0)+IF(Input!$D$22=2,M6033*Input!$C$22,0)</f>
        <v>0.19794195551299698</v>
      </c>
      <c r="P6033" s="59">
        <f>IF(Input!$D$19=3,J6033*Input!$C$19,0)+IF(Input!$D$20=3,K6033*Input!$C$20,0)+IF(Input!$D$21=3,L6033*Input!$C$21,0)+IF(Input!$D$22=3,M6033*Input!$C$22,0)</f>
        <v>0</v>
      </c>
      <c r="Q6033" s="75">
        <f>IF(Input!$D$19=4,J6033*Input!$C$19,0)+IF(Input!$D$20=4,K6033*Input!$C$20,0)+IF(Input!$D$21=4,L6033*Input!$C$21,0)+IF(Input!$D$22=4,M6033*Input!$C$22,0)</f>
        <v>0</v>
      </c>
      <c r="R6033" s="58">
        <v>39.337101855432174</v>
      </c>
      <c r="S6033" s="124">
        <f t="shared" si="94"/>
        <v>0.34309938955586139</v>
      </c>
    </row>
    <row r="6034" spans="8:19" x14ac:dyDescent="0.3">
      <c r="H6034" s="44">
        <v>6027</v>
      </c>
      <c r="I6034" s="56">
        <f>Bühler!I6060</f>
        <v>7.9176782205198776E-2</v>
      </c>
      <c r="J6034" s="59">
        <f>Bühler!J6060</f>
        <v>0.26392260735066264</v>
      </c>
      <c r="K6034" s="59">
        <f>Bühler!K6060</f>
        <v>0.39588391102599396</v>
      </c>
      <c r="L6034" s="59">
        <f>Bühler!L6060</f>
        <v>6.5092113527590589</v>
      </c>
      <c r="M6034" s="58">
        <f>Bühler!M6060</f>
        <v>0</v>
      </c>
      <c r="N6034" s="56">
        <f>IF(Input!$D$19=1,J6034*Input!$C$19,0)+IF(Input!$D$20=1,K6034*Input!$C$20,0)+IF(Input!$D$21=1,L6034*Input!$C$21,0)+IF(Input!$D$22=1,M6034*Input!$C$22,0)</f>
        <v>7.917678220519879E-2</v>
      </c>
      <c r="O6034" s="59">
        <f>IF(Input!$D$19=2,J6034*Input!$C$19,0)+IF(Input!$D$20=2,K6034*Input!$C$20,0)+IF(Input!$D$21=2,L6034*Input!$C$21,0)+IF(Input!$D$22=2,M6034*Input!$C$22,0)</f>
        <v>0.19794195551299698</v>
      </c>
      <c r="P6034" s="59">
        <f>IF(Input!$D$19=3,J6034*Input!$C$19,0)+IF(Input!$D$20=3,K6034*Input!$C$20,0)+IF(Input!$D$21=3,L6034*Input!$C$21,0)+IF(Input!$D$22=3,M6034*Input!$C$22,0)</f>
        <v>0</v>
      </c>
      <c r="Q6034" s="75">
        <f>IF(Input!$D$19=4,J6034*Input!$C$19,0)+IF(Input!$D$20=4,K6034*Input!$C$20,0)+IF(Input!$D$21=4,L6034*Input!$C$21,0)+IF(Input!$D$22=4,M6034*Input!$C$22,0)</f>
        <v>0</v>
      </c>
      <c r="R6034" s="58">
        <v>39.272549325725024</v>
      </c>
      <c r="S6034" s="124">
        <f t="shared" si="94"/>
        <v>0.34309938955586139</v>
      </c>
    </row>
    <row r="6035" spans="8:19" x14ac:dyDescent="0.3">
      <c r="H6035" s="44">
        <v>6028</v>
      </c>
      <c r="I6035" s="56">
        <f>Bühler!I6061</f>
        <v>7.9176782205198776E-2</v>
      </c>
      <c r="J6035" s="59">
        <f>Bühler!J6061</f>
        <v>0.26392260735066264</v>
      </c>
      <c r="K6035" s="59">
        <f>Bühler!K6061</f>
        <v>0.39588391102599396</v>
      </c>
      <c r="L6035" s="59">
        <f>Bühler!L6061</f>
        <v>6.5092113527590589</v>
      </c>
      <c r="M6035" s="58">
        <f>Bühler!M6061</f>
        <v>0</v>
      </c>
      <c r="N6035" s="56">
        <f>IF(Input!$D$19=1,J6035*Input!$C$19,0)+IF(Input!$D$20=1,K6035*Input!$C$20,0)+IF(Input!$D$21=1,L6035*Input!$C$21,0)+IF(Input!$D$22=1,M6035*Input!$C$22,0)</f>
        <v>7.917678220519879E-2</v>
      </c>
      <c r="O6035" s="59">
        <f>IF(Input!$D$19=2,J6035*Input!$C$19,0)+IF(Input!$D$20=2,K6035*Input!$C$20,0)+IF(Input!$D$21=2,L6035*Input!$C$21,0)+IF(Input!$D$22=2,M6035*Input!$C$22,0)</f>
        <v>0.19794195551299698</v>
      </c>
      <c r="P6035" s="59">
        <f>IF(Input!$D$19=3,J6035*Input!$C$19,0)+IF(Input!$D$20=3,K6035*Input!$C$20,0)+IF(Input!$D$21=3,L6035*Input!$C$21,0)+IF(Input!$D$22=3,M6035*Input!$C$22,0)</f>
        <v>0</v>
      </c>
      <c r="Q6035" s="75">
        <f>IF(Input!$D$19=4,J6035*Input!$C$19,0)+IF(Input!$D$20=4,K6035*Input!$C$20,0)+IF(Input!$D$21=4,L6035*Input!$C$21,0)+IF(Input!$D$22=4,M6035*Input!$C$22,0)</f>
        <v>0</v>
      </c>
      <c r="R6035" s="58">
        <v>39.242726024010011</v>
      </c>
      <c r="S6035" s="124">
        <f t="shared" si="94"/>
        <v>0.34309938955586139</v>
      </c>
    </row>
    <row r="6036" spans="8:19" x14ac:dyDescent="0.3">
      <c r="H6036" s="44">
        <v>6029</v>
      </c>
      <c r="I6036" s="56">
        <f>Bühler!I6062</f>
        <v>7.9176782205198776E-2</v>
      </c>
      <c r="J6036" s="59">
        <f>Bühler!J6062</f>
        <v>0.26392260735066264</v>
      </c>
      <c r="K6036" s="59">
        <f>Bühler!K6062</f>
        <v>0.39588391102599396</v>
      </c>
      <c r="L6036" s="59">
        <f>Bühler!L6062</f>
        <v>6.5092113527590589</v>
      </c>
      <c r="M6036" s="58">
        <f>Bühler!M6062</f>
        <v>0</v>
      </c>
      <c r="N6036" s="56">
        <f>IF(Input!$D$19=1,J6036*Input!$C$19,0)+IF(Input!$D$20=1,K6036*Input!$C$20,0)+IF(Input!$D$21=1,L6036*Input!$C$21,0)+IF(Input!$D$22=1,M6036*Input!$C$22,0)</f>
        <v>7.917678220519879E-2</v>
      </c>
      <c r="O6036" s="59">
        <f>IF(Input!$D$19=2,J6036*Input!$C$19,0)+IF(Input!$D$20=2,K6036*Input!$C$20,0)+IF(Input!$D$21=2,L6036*Input!$C$21,0)+IF(Input!$D$22=2,M6036*Input!$C$22,0)</f>
        <v>0.19794195551299698</v>
      </c>
      <c r="P6036" s="59">
        <f>IF(Input!$D$19=3,J6036*Input!$C$19,0)+IF(Input!$D$20=3,K6036*Input!$C$20,0)+IF(Input!$D$21=3,L6036*Input!$C$21,0)+IF(Input!$D$22=3,M6036*Input!$C$22,0)</f>
        <v>0</v>
      </c>
      <c r="Q6036" s="75">
        <f>IF(Input!$D$19=4,J6036*Input!$C$19,0)+IF(Input!$D$20=4,K6036*Input!$C$20,0)+IF(Input!$D$21=4,L6036*Input!$C$21,0)+IF(Input!$D$22=4,M6036*Input!$C$22,0)</f>
        <v>0</v>
      </c>
      <c r="R6036" s="58">
        <v>39.142413466135231</v>
      </c>
      <c r="S6036" s="124">
        <f t="shared" si="94"/>
        <v>0.34309938955586139</v>
      </c>
    </row>
    <row r="6037" spans="8:19" x14ac:dyDescent="0.3">
      <c r="H6037" s="44">
        <v>6030</v>
      </c>
      <c r="I6037" s="56">
        <f>Bühler!I6063</f>
        <v>9.8970977756498477E-2</v>
      </c>
      <c r="J6037" s="59">
        <f>Bühler!J6063</f>
        <v>0.3299032591883283</v>
      </c>
      <c r="K6037" s="59">
        <f>Bühler!K6063</f>
        <v>0.49485488878249245</v>
      </c>
      <c r="L6037" s="59">
        <f>Bühler!L6063</f>
        <v>8.136514190948823</v>
      </c>
      <c r="M6037" s="58">
        <f>Bühler!M6063</f>
        <v>0</v>
      </c>
      <c r="N6037" s="56">
        <f>IF(Input!$D$19=1,J6037*Input!$C$19,0)+IF(Input!$D$20=1,K6037*Input!$C$20,0)+IF(Input!$D$21=1,L6037*Input!$C$21,0)+IF(Input!$D$22=1,M6037*Input!$C$22,0)</f>
        <v>9.897097775649849E-2</v>
      </c>
      <c r="O6037" s="59">
        <f>IF(Input!$D$19=2,J6037*Input!$C$19,0)+IF(Input!$D$20=2,K6037*Input!$C$20,0)+IF(Input!$D$21=2,L6037*Input!$C$21,0)+IF(Input!$D$22=2,M6037*Input!$C$22,0)</f>
        <v>0.24742744439124623</v>
      </c>
      <c r="P6037" s="59">
        <f>IF(Input!$D$19=3,J6037*Input!$C$19,0)+IF(Input!$D$20=3,K6037*Input!$C$20,0)+IF(Input!$D$21=3,L6037*Input!$C$21,0)+IF(Input!$D$22=3,M6037*Input!$C$22,0)</f>
        <v>0</v>
      </c>
      <c r="Q6037" s="75">
        <f>IF(Input!$D$19=4,J6037*Input!$C$19,0)+IF(Input!$D$20=4,K6037*Input!$C$20,0)+IF(Input!$D$21=4,L6037*Input!$C$21,0)+IF(Input!$D$22=4,M6037*Input!$C$22,0)</f>
        <v>0</v>
      </c>
      <c r="R6037" s="58">
        <v>38.835634839957216</v>
      </c>
      <c r="S6037" s="124">
        <f t="shared" si="94"/>
        <v>0.42887423694482679</v>
      </c>
    </row>
    <row r="6038" spans="8:19" x14ac:dyDescent="0.3">
      <c r="H6038" s="44">
        <v>6031</v>
      </c>
      <c r="I6038" s="56">
        <f>Bühler!I6064</f>
        <v>0.11656581824654268</v>
      </c>
      <c r="J6038" s="59">
        <f>Bühler!J6064</f>
        <v>0.38855272748847564</v>
      </c>
      <c r="K6038" s="59">
        <f>Bühler!K6064</f>
        <v>0.58282909123271343</v>
      </c>
      <c r="L6038" s="59">
        <f>Bühler!L6064</f>
        <v>9.5830056026730581</v>
      </c>
      <c r="M6038" s="58">
        <f>Bühler!M6064</f>
        <v>0</v>
      </c>
      <c r="N6038" s="56">
        <f>IF(Input!$D$19=1,J6038*Input!$C$19,0)+IF(Input!$D$20=1,K6038*Input!$C$20,0)+IF(Input!$D$21=1,L6038*Input!$C$21,0)+IF(Input!$D$22=1,M6038*Input!$C$22,0)</f>
        <v>0.11656581824654269</v>
      </c>
      <c r="O6038" s="59">
        <f>IF(Input!$D$19=2,J6038*Input!$C$19,0)+IF(Input!$D$20=2,K6038*Input!$C$20,0)+IF(Input!$D$21=2,L6038*Input!$C$21,0)+IF(Input!$D$22=2,M6038*Input!$C$22,0)</f>
        <v>0.29141454561635671</v>
      </c>
      <c r="P6038" s="59">
        <f>IF(Input!$D$19=3,J6038*Input!$C$19,0)+IF(Input!$D$20=3,K6038*Input!$C$20,0)+IF(Input!$D$21=3,L6038*Input!$C$21,0)+IF(Input!$D$22=3,M6038*Input!$C$22,0)</f>
        <v>0</v>
      </c>
      <c r="Q6038" s="75">
        <f>IF(Input!$D$19=4,J6038*Input!$C$19,0)+IF(Input!$D$20=4,K6038*Input!$C$20,0)+IF(Input!$D$21=4,L6038*Input!$C$21,0)+IF(Input!$D$22=4,M6038*Input!$C$22,0)</f>
        <v>0</v>
      </c>
      <c r="R6038" s="58">
        <v>38.931787499820018</v>
      </c>
      <c r="S6038" s="124">
        <f t="shared" si="94"/>
        <v>0.50511854573501835</v>
      </c>
    </row>
    <row r="6039" spans="8:19" x14ac:dyDescent="0.3">
      <c r="H6039" s="44">
        <v>6032</v>
      </c>
      <c r="I6039" s="56">
        <f>Bühler!I6065</f>
        <v>0.13855936885909786</v>
      </c>
      <c r="J6039" s="59">
        <f>Bühler!J6065</f>
        <v>0.46186456286365962</v>
      </c>
      <c r="K6039" s="59">
        <f>Bühler!K6065</f>
        <v>0.69279684429548949</v>
      </c>
      <c r="L6039" s="59">
        <f>Bühler!L6065</f>
        <v>11.391119867328353</v>
      </c>
      <c r="M6039" s="58">
        <f>Bühler!M6065</f>
        <v>0</v>
      </c>
      <c r="N6039" s="56">
        <f>IF(Input!$D$19=1,J6039*Input!$C$19,0)+IF(Input!$D$20=1,K6039*Input!$C$20,0)+IF(Input!$D$21=1,L6039*Input!$C$21,0)+IF(Input!$D$22=1,M6039*Input!$C$22,0)</f>
        <v>0.13855936885909789</v>
      </c>
      <c r="O6039" s="59">
        <f>IF(Input!$D$19=2,J6039*Input!$C$19,0)+IF(Input!$D$20=2,K6039*Input!$C$20,0)+IF(Input!$D$21=2,L6039*Input!$C$21,0)+IF(Input!$D$22=2,M6039*Input!$C$22,0)</f>
        <v>0.34639842214774474</v>
      </c>
      <c r="P6039" s="59">
        <f>IF(Input!$D$19=3,J6039*Input!$C$19,0)+IF(Input!$D$20=3,K6039*Input!$C$20,0)+IF(Input!$D$21=3,L6039*Input!$C$21,0)+IF(Input!$D$22=3,M6039*Input!$C$22,0)</f>
        <v>0</v>
      </c>
      <c r="Q6039" s="75">
        <f>IF(Input!$D$19=4,J6039*Input!$C$19,0)+IF(Input!$D$20=4,K6039*Input!$C$20,0)+IF(Input!$D$21=4,L6039*Input!$C$21,0)+IF(Input!$D$22=4,M6039*Input!$C$22,0)</f>
        <v>0</v>
      </c>
      <c r="R6039" s="58">
        <v>38.690642473543654</v>
      </c>
      <c r="S6039" s="124">
        <f t="shared" si="94"/>
        <v>0.60042393172275754</v>
      </c>
    </row>
    <row r="6040" spans="8:19" x14ac:dyDescent="0.3">
      <c r="H6040" s="44">
        <v>6033</v>
      </c>
      <c r="I6040" s="56">
        <f>Bühler!I6066</f>
        <v>0.13855936885909786</v>
      </c>
      <c r="J6040" s="59">
        <f>Bühler!J6066</f>
        <v>0.46186456286365962</v>
      </c>
      <c r="K6040" s="59">
        <f>Bühler!K6066</f>
        <v>0.69279684429548949</v>
      </c>
      <c r="L6040" s="59">
        <f>Bühler!L6066</f>
        <v>11.391119867328353</v>
      </c>
      <c r="M6040" s="58">
        <f>Bühler!M6066</f>
        <v>0</v>
      </c>
      <c r="N6040" s="56">
        <f>IF(Input!$D$19=1,J6040*Input!$C$19,0)+IF(Input!$D$20=1,K6040*Input!$C$20,0)+IF(Input!$D$21=1,L6040*Input!$C$21,0)+IF(Input!$D$22=1,M6040*Input!$C$22,0)</f>
        <v>0.13855936885909789</v>
      </c>
      <c r="O6040" s="59">
        <f>IF(Input!$D$19=2,J6040*Input!$C$19,0)+IF(Input!$D$20=2,K6040*Input!$C$20,0)+IF(Input!$D$21=2,L6040*Input!$C$21,0)+IF(Input!$D$22=2,M6040*Input!$C$22,0)</f>
        <v>0.34639842214774474</v>
      </c>
      <c r="P6040" s="59">
        <f>IF(Input!$D$19=3,J6040*Input!$C$19,0)+IF(Input!$D$20=3,K6040*Input!$C$20,0)+IF(Input!$D$21=3,L6040*Input!$C$21,0)+IF(Input!$D$22=3,M6040*Input!$C$22,0)</f>
        <v>0</v>
      </c>
      <c r="Q6040" s="75">
        <f>IF(Input!$D$19=4,J6040*Input!$C$19,0)+IF(Input!$D$20=4,K6040*Input!$C$20,0)+IF(Input!$D$21=4,L6040*Input!$C$21,0)+IF(Input!$D$22=4,M6040*Input!$C$22,0)</f>
        <v>0</v>
      </c>
      <c r="R6040" s="58">
        <v>38.334003382874954</v>
      </c>
      <c r="S6040" s="124">
        <f t="shared" si="94"/>
        <v>0.60042393172275754</v>
      </c>
    </row>
    <row r="6041" spans="8:19" x14ac:dyDescent="0.3">
      <c r="H6041" s="44">
        <v>6034</v>
      </c>
      <c r="I6041" s="56">
        <f>Bühler!I6067</f>
        <v>0.13855936885909786</v>
      </c>
      <c r="J6041" s="59">
        <f>Bühler!J6067</f>
        <v>0.46186456286365962</v>
      </c>
      <c r="K6041" s="59">
        <f>Bühler!K6067</f>
        <v>0.69279684429548949</v>
      </c>
      <c r="L6041" s="59">
        <f>Bühler!L6067</f>
        <v>11.391119867328353</v>
      </c>
      <c r="M6041" s="58">
        <f>Bühler!M6067</f>
        <v>0</v>
      </c>
      <c r="N6041" s="56">
        <f>IF(Input!$D$19=1,J6041*Input!$C$19,0)+IF(Input!$D$20=1,K6041*Input!$C$20,0)+IF(Input!$D$21=1,L6041*Input!$C$21,0)+IF(Input!$D$22=1,M6041*Input!$C$22,0)</f>
        <v>0.13855936885909789</v>
      </c>
      <c r="O6041" s="59">
        <f>IF(Input!$D$19=2,J6041*Input!$C$19,0)+IF(Input!$D$20=2,K6041*Input!$C$20,0)+IF(Input!$D$21=2,L6041*Input!$C$21,0)+IF(Input!$D$22=2,M6041*Input!$C$22,0)</f>
        <v>0.34639842214774474</v>
      </c>
      <c r="P6041" s="59">
        <f>IF(Input!$D$19=3,J6041*Input!$C$19,0)+IF(Input!$D$20=3,K6041*Input!$C$20,0)+IF(Input!$D$21=3,L6041*Input!$C$21,0)+IF(Input!$D$22=3,M6041*Input!$C$22,0)</f>
        <v>0</v>
      </c>
      <c r="Q6041" s="75">
        <f>IF(Input!$D$19=4,J6041*Input!$C$19,0)+IF(Input!$D$20=4,K6041*Input!$C$20,0)+IF(Input!$D$21=4,L6041*Input!$C$21,0)+IF(Input!$D$22=4,M6041*Input!$C$22,0)</f>
        <v>0</v>
      </c>
      <c r="R6041" s="58">
        <v>38.33350788092779</v>
      </c>
      <c r="S6041" s="124">
        <f t="shared" si="94"/>
        <v>0.60042393172275754</v>
      </c>
    </row>
    <row r="6042" spans="8:19" x14ac:dyDescent="0.3">
      <c r="H6042" s="44">
        <v>6035</v>
      </c>
      <c r="I6042" s="56">
        <f>Bühler!I6068</f>
        <v>0.13855936885909786</v>
      </c>
      <c r="J6042" s="59">
        <f>Bühler!J6068</f>
        <v>0.46186456286365962</v>
      </c>
      <c r="K6042" s="59">
        <f>Bühler!K6068</f>
        <v>0.69279684429548949</v>
      </c>
      <c r="L6042" s="59">
        <f>Bühler!L6068</f>
        <v>11.391119867328353</v>
      </c>
      <c r="M6042" s="58">
        <f>Bühler!M6068</f>
        <v>0</v>
      </c>
      <c r="N6042" s="56">
        <f>IF(Input!$D$19=1,J6042*Input!$C$19,0)+IF(Input!$D$20=1,K6042*Input!$C$20,0)+IF(Input!$D$21=1,L6042*Input!$C$21,0)+IF(Input!$D$22=1,M6042*Input!$C$22,0)</f>
        <v>0.13855936885909789</v>
      </c>
      <c r="O6042" s="59">
        <f>IF(Input!$D$19=2,J6042*Input!$C$19,0)+IF(Input!$D$20=2,K6042*Input!$C$20,0)+IF(Input!$D$21=2,L6042*Input!$C$21,0)+IF(Input!$D$22=2,M6042*Input!$C$22,0)</f>
        <v>0.34639842214774474</v>
      </c>
      <c r="P6042" s="59">
        <f>IF(Input!$D$19=3,J6042*Input!$C$19,0)+IF(Input!$D$20=3,K6042*Input!$C$20,0)+IF(Input!$D$21=3,L6042*Input!$C$21,0)+IF(Input!$D$22=3,M6042*Input!$C$22,0)</f>
        <v>0</v>
      </c>
      <c r="Q6042" s="75">
        <f>IF(Input!$D$19=4,J6042*Input!$C$19,0)+IF(Input!$D$20=4,K6042*Input!$C$20,0)+IF(Input!$D$21=4,L6042*Input!$C$21,0)+IF(Input!$D$22=4,M6042*Input!$C$22,0)</f>
        <v>0</v>
      </c>
      <c r="R6042" s="58">
        <v>38.59628019521675</v>
      </c>
      <c r="S6042" s="124">
        <f t="shared" si="94"/>
        <v>0.60042393172275754</v>
      </c>
    </row>
    <row r="6043" spans="8:19" x14ac:dyDescent="0.3">
      <c r="H6043" s="44">
        <v>6036</v>
      </c>
      <c r="I6043" s="56">
        <f>Bühler!I6069</f>
        <v>0.13855936885909786</v>
      </c>
      <c r="J6043" s="59">
        <f>Bühler!J6069</f>
        <v>0.46186456286365962</v>
      </c>
      <c r="K6043" s="59">
        <f>Bühler!K6069</f>
        <v>0.69279684429548949</v>
      </c>
      <c r="L6043" s="59">
        <f>Bühler!L6069</f>
        <v>11.391119867328353</v>
      </c>
      <c r="M6043" s="58">
        <f>Bühler!M6069</f>
        <v>0</v>
      </c>
      <c r="N6043" s="56">
        <f>IF(Input!$D$19=1,J6043*Input!$C$19,0)+IF(Input!$D$20=1,K6043*Input!$C$20,0)+IF(Input!$D$21=1,L6043*Input!$C$21,0)+IF(Input!$D$22=1,M6043*Input!$C$22,0)</f>
        <v>0.13855936885909789</v>
      </c>
      <c r="O6043" s="59">
        <f>IF(Input!$D$19=2,J6043*Input!$C$19,0)+IF(Input!$D$20=2,K6043*Input!$C$20,0)+IF(Input!$D$21=2,L6043*Input!$C$21,0)+IF(Input!$D$22=2,M6043*Input!$C$22,0)</f>
        <v>0.34639842214774474</v>
      </c>
      <c r="P6043" s="59">
        <f>IF(Input!$D$19=3,J6043*Input!$C$19,0)+IF(Input!$D$20=3,K6043*Input!$C$20,0)+IF(Input!$D$21=3,L6043*Input!$C$21,0)+IF(Input!$D$22=3,M6043*Input!$C$22,0)</f>
        <v>0</v>
      </c>
      <c r="Q6043" s="75">
        <f>IF(Input!$D$19=4,J6043*Input!$C$19,0)+IF(Input!$D$20=4,K6043*Input!$C$20,0)+IF(Input!$D$21=4,L6043*Input!$C$21,0)+IF(Input!$D$22=4,M6043*Input!$C$22,0)</f>
        <v>0</v>
      </c>
      <c r="R6043" s="58">
        <v>39.23337601622282</v>
      </c>
      <c r="S6043" s="124">
        <f t="shared" si="94"/>
        <v>0.60042393172275754</v>
      </c>
    </row>
    <row r="6044" spans="8:19" x14ac:dyDescent="0.3">
      <c r="H6044" s="44">
        <v>6037</v>
      </c>
      <c r="I6044" s="56">
        <f>Bühler!I6070</f>
        <v>0.13855936885909786</v>
      </c>
      <c r="J6044" s="59">
        <f>Bühler!J6070</f>
        <v>0.46186456286365962</v>
      </c>
      <c r="K6044" s="59">
        <f>Bühler!K6070</f>
        <v>0.69279684429548949</v>
      </c>
      <c r="L6044" s="59">
        <f>Bühler!L6070</f>
        <v>11.391119867328353</v>
      </c>
      <c r="M6044" s="58">
        <f>Bühler!M6070</f>
        <v>0</v>
      </c>
      <c r="N6044" s="56">
        <f>IF(Input!$D$19=1,J6044*Input!$C$19,0)+IF(Input!$D$20=1,K6044*Input!$C$20,0)+IF(Input!$D$21=1,L6044*Input!$C$21,0)+IF(Input!$D$22=1,M6044*Input!$C$22,0)</f>
        <v>0.13855936885909789</v>
      </c>
      <c r="O6044" s="59">
        <f>IF(Input!$D$19=2,J6044*Input!$C$19,0)+IF(Input!$D$20=2,K6044*Input!$C$20,0)+IF(Input!$D$21=2,L6044*Input!$C$21,0)+IF(Input!$D$22=2,M6044*Input!$C$22,0)</f>
        <v>0.34639842214774474</v>
      </c>
      <c r="P6044" s="59">
        <f>IF(Input!$D$19=3,J6044*Input!$C$19,0)+IF(Input!$D$20=3,K6044*Input!$C$20,0)+IF(Input!$D$21=3,L6044*Input!$C$21,0)+IF(Input!$D$22=3,M6044*Input!$C$22,0)</f>
        <v>0</v>
      </c>
      <c r="Q6044" s="75">
        <f>IF(Input!$D$19=4,J6044*Input!$C$19,0)+IF(Input!$D$20=4,K6044*Input!$C$20,0)+IF(Input!$D$21=4,L6044*Input!$C$21,0)+IF(Input!$D$22=4,M6044*Input!$C$22,0)</f>
        <v>0</v>
      </c>
      <c r="R6044" s="58">
        <v>39.119674059375605</v>
      </c>
      <c r="S6044" s="124">
        <f t="shared" si="94"/>
        <v>0.60042393172275754</v>
      </c>
    </row>
    <row r="6045" spans="8:19" x14ac:dyDescent="0.3">
      <c r="H6045" s="44">
        <v>6038</v>
      </c>
      <c r="I6045" s="56">
        <f>Bühler!I6071</f>
        <v>0.13855936885909786</v>
      </c>
      <c r="J6045" s="59">
        <f>Bühler!J6071</f>
        <v>0.46186456286365962</v>
      </c>
      <c r="K6045" s="59">
        <f>Bühler!K6071</f>
        <v>0.69279684429548949</v>
      </c>
      <c r="L6045" s="59">
        <f>Bühler!L6071</f>
        <v>11.391119867328353</v>
      </c>
      <c r="M6045" s="58">
        <f>Bühler!M6071</f>
        <v>0</v>
      </c>
      <c r="N6045" s="56">
        <f>IF(Input!$D$19=1,J6045*Input!$C$19,0)+IF(Input!$D$20=1,K6045*Input!$C$20,0)+IF(Input!$D$21=1,L6045*Input!$C$21,0)+IF(Input!$D$22=1,M6045*Input!$C$22,0)</f>
        <v>0.13855936885909789</v>
      </c>
      <c r="O6045" s="59">
        <f>IF(Input!$D$19=2,J6045*Input!$C$19,0)+IF(Input!$D$20=2,K6045*Input!$C$20,0)+IF(Input!$D$21=2,L6045*Input!$C$21,0)+IF(Input!$D$22=2,M6045*Input!$C$22,0)</f>
        <v>0.34639842214774474</v>
      </c>
      <c r="P6045" s="59">
        <f>IF(Input!$D$19=3,J6045*Input!$C$19,0)+IF(Input!$D$20=3,K6045*Input!$C$20,0)+IF(Input!$D$21=3,L6045*Input!$C$21,0)+IF(Input!$D$22=3,M6045*Input!$C$22,0)</f>
        <v>0</v>
      </c>
      <c r="Q6045" s="75">
        <f>IF(Input!$D$19=4,J6045*Input!$C$19,0)+IF(Input!$D$20=4,K6045*Input!$C$20,0)+IF(Input!$D$21=4,L6045*Input!$C$21,0)+IF(Input!$D$22=4,M6045*Input!$C$22,0)</f>
        <v>0</v>
      </c>
      <c r="R6045" s="58">
        <v>38.98302620230006</v>
      </c>
      <c r="S6045" s="124">
        <f t="shared" si="94"/>
        <v>0.60042393172275754</v>
      </c>
    </row>
    <row r="6046" spans="8:19" x14ac:dyDescent="0.3">
      <c r="H6046" s="44">
        <v>6039</v>
      </c>
      <c r="I6046" s="56">
        <f>Bühler!I6072</f>
        <v>0.13855936885909786</v>
      </c>
      <c r="J6046" s="59">
        <f>Bühler!J6072</f>
        <v>0.46186456286365962</v>
      </c>
      <c r="K6046" s="59">
        <f>Bühler!K6072</f>
        <v>0.69279684429548949</v>
      </c>
      <c r="L6046" s="59">
        <f>Bühler!L6072</f>
        <v>11.391119867328353</v>
      </c>
      <c r="M6046" s="58">
        <f>Bühler!M6072</f>
        <v>0</v>
      </c>
      <c r="N6046" s="56">
        <f>IF(Input!$D$19=1,J6046*Input!$C$19,0)+IF(Input!$D$20=1,K6046*Input!$C$20,0)+IF(Input!$D$21=1,L6046*Input!$C$21,0)+IF(Input!$D$22=1,M6046*Input!$C$22,0)</f>
        <v>0.13855936885909789</v>
      </c>
      <c r="O6046" s="59">
        <f>IF(Input!$D$19=2,J6046*Input!$C$19,0)+IF(Input!$D$20=2,K6046*Input!$C$20,0)+IF(Input!$D$21=2,L6046*Input!$C$21,0)+IF(Input!$D$22=2,M6046*Input!$C$22,0)</f>
        <v>0.34639842214774474</v>
      </c>
      <c r="P6046" s="59">
        <f>IF(Input!$D$19=3,J6046*Input!$C$19,0)+IF(Input!$D$20=3,K6046*Input!$C$20,0)+IF(Input!$D$21=3,L6046*Input!$C$21,0)+IF(Input!$D$22=3,M6046*Input!$C$22,0)</f>
        <v>0</v>
      </c>
      <c r="Q6046" s="75">
        <f>IF(Input!$D$19=4,J6046*Input!$C$19,0)+IF(Input!$D$20=4,K6046*Input!$C$20,0)+IF(Input!$D$21=4,L6046*Input!$C$21,0)+IF(Input!$D$22=4,M6046*Input!$C$22,0)</f>
        <v>0</v>
      </c>
      <c r="R6046" s="58">
        <v>38.907955195779849</v>
      </c>
      <c r="S6046" s="124">
        <f t="shared" si="94"/>
        <v>0.60042393172275754</v>
      </c>
    </row>
    <row r="6047" spans="8:19" x14ac:dyDescent="0.3">
      <c r="H6047" s="44">
        <v>6040</v>
      </c>
      <c r="I6047" s="56">
        <f>Bühler!I6073</f>
        <v>0.12316388343030921</v>
      </c>
      <c r="J6047" s="59">
        <f>Bühler!J6073</f>
        <v>0.41054627810103073</v>
      </c>
      <c r="K6047" s="59">
        <f>Bühler!K6073</f>
        <v>0.61581941715154609</v>
      </c>
      <c r="L6047" s="59">
        <f>Bühler!L6073</f>
        <v>10.125439882069648</v>
      </c>
      <c r="M6047" s="58">
        <f>Bühler!M6073</f>
        <v>0</v>
      </c>
      <c r="N6047" s="56">
        <f>IF(Input!$D$19=1,J6047*Input!$C$19,0)+IF(Input!$D$20=1,K6047*Input!$C$20,0)+IF(Input!$D$21=1,L6047*Input!$C$21,0)+IF(Input!$D$22=1,M6047*Input!$C$22,0)</f>
        <v>0.12316388343030921</v>
      </c>
      <c r="O6047" s="59">
        <f>IF(Input!$D$19=2,J6047*Input!$C$19,0)+IF(Input!$D$20=2,K6047*Input!$C$20,0)+IF(Input!$D$21=2,L6047*Input!$C$21,0)+IF(Input!$D$22=2,M6047*Input!$C$22,0)</f>
        <v>0.30790970857577304</v>
      </c>
      <c r="P6047" s="59">
        <f>IF(Input!$D$19=3,J6047*Input!$C$19,0)+IF(Input!$D$20=3,K6047*Input!$C$20,0)+IF(Input!$D$21=3,L6047*Input!$C$21,0)+IF(Input!$D$22=3,M6047*Input!$C$22,0)</f>
        <v>0</v>
      </c>
      <c r="Q6047" s="75">
        <f>IF(Input!$D$19=4,J6047*Input!$C$19,0)+IF(Input!$D$20=4,K6047*Input!$C$20,0)+IF(Input!$D$21=4,L6047*Input!$C$21,0)+IF(Input!$D$22=4,M6047*Input!$C$22,0)</f>
        <v>0</v>
      </c>
      <c r="R6047" s="58">
        <v>38.633450510227071</v>
      </c>
      <c r="S6047" s="124">
        <f t="shared" si="94"/>
        <v>0.53371016153133999</v>
      </c>
    </row>
    <row r="6048" spans="8:19" x14ac:dyDescent="0.3">
      <c r="H6048" s="44">
        <v>6041</v>
      </c>
      <c r="I6048" s="56">
        <f>Bühler!I6074</f>
        <v>0.12096452836905369</v>
      </c>
      <c r="J6048" s="59">
        <f>Bühler!J6074</f>
        <v>0.40321509456351234</v>
      </c>
      <c r="K6048" s="59">
        <f>Bühler!K6074</f>
        <v>0.60482264184526846</v>
      </c>
      <c r="L6048" s="59">
        <f>Bühler!L6074</f>
        <v>9.944628455604116</v>
      </c>
      <c r="M6048" s="58">
        <f>Bühler!M6074</f>
        <v>0</v>
      </c>
      <c r="N6048" s="56">
        <f>IF(Input!$D$19=1,J6048*Input!$C$19,0)+IF(Input!$D$20=1,K6048*Input!$C$20,0)+IF(Input!$D$21=1,L6048*Input!$C$21,0)+IF(Input!$D$22=1,M6048*Input!$C$22,0)</f>
        <v>0.12096452836905369</v>
      </c>
      <c r="O6048" s="59">
        <f>IF(Input!$D$19=2,J6048*Input!$C$19,0)+IF(Input!$D$20=2,K6048*Input!$C$20,0)+IF(Input!$D$21=2,L6048*Input!$C$21,0)+IF(Input!$D$22=2,M6048*Input!$C$22,0)</f>
        <v>0.30241132092263423</v>
      </c>
      <c r="P6048" s="59">
        <f>IF(Input!$D$19=3,J6048*Input!$C$19,0)+IF(Input!$D$20=3,K6048*Input!$C$20,0)+IF(Input!$D$21=3,L6048*Input!$C$21,0)+IF(Input!$D$22=3,M6048*Input!$C$22,0)</f>
        <v>0</v>
      </c>
      <c r="Q6048" s="75">
        <f>IF(Input!$D$19=4,J6048*Input!$C$19,0)+IF(Input!$D$20=4,K6048*Input!$C$20,0)+IF(Input!$D$21=4,L6048*Input!$C$21,0)+IF(Input!$D$22=4,M6048*Input!$C$22,0)</f>
        <v>0</v>
      </c>
      <c r="R6048" s="58">
        <v>38.478801553635634</v>
      </c>
      <c r="S6048" s="124">
        <f t="shared" si="94"/>
        <v>0.52417962293256604</v>
      </c>
    </row>
    <row r="6049" spans="8:19" x14ac:dyDescent="0.3">
      <c r="H6049" s="44">
        <v>6042</v>
      </c>
      <c r="I6049" s="56">
        <f>Bühler!I6075</f>
        <v>0.10336968787900953</v>
      </c>
      <c r="J6049" s="59">
        <f>Bühler!J6075</f>
        <v>0.34456562626336518</v>
      </c>
      <c r="K6049" s="59">
        <f>Bühler!K6075</f>
        <v>0.51684843939504777</v>
      </c>
      <c r="L6049" s="59">
        <f>Bühler!L6075</f>
        <v>8.4981370438798844</v>
      </c>
      <c r="M6049" s="58">
        <f>Bühler!M6075</f>
        <v>0</v>
      </c>
      <c r="N6049" s="56">
        <f>IF(Input!$D$19=1,J6049*Input!$C$19,0)+IF(Input!$D$20=1,K6049*Input!$C$20,0)+IF(Input!$D$21=1,L6049*Input!$C$21,0)+IF(Input!$D$22=1,M6049*Input!$C$22,0)</f>
        <v>0.10336968787900955</v>
      </c>
      <c r="O6049" s="59">
        <f>IF(Input!$D$19=2,J6049*Input!$C$19,0)+IF(Input!$D$20=2,K6049*Input!$C$20,0)+IF(Input!$D$21=2,L6049*Input!$C$21,0)+IF(Input!$D$22=2,M6049*Input!$C$22,0)</f>
        <v>0.25842421969752388</v>
      </c>
      <c r="P6049" s="59">
        <f>IF(Input!$D$19=3,J6049*Input!$C$19,0)+IF(Input!$D$20=3,K6049*Input!$C$20,0)+IF(Input!$D$21=3,L6049*Input!$C$21,0)+IF(Input!$D$22=3,M6049*Input!$C$22,0)</f>
        <v>0</v>
      </c>
      <c r="Q6049" s="75">
        <f>IF(Input!$D$19=4,J6049*Input!$C$19,0)+IF(Input!$D$20=4,K6049*Input!$C$20,0)+IF(Input!$D$21=4,L6049*Input!$C$21,0)+IF(Input!$D$22=4,M6049*Input!$C$22,0)</f>
        <v>0</v>
      </c>
      <c r="R6049" s="58">
        <v>37.748591751255717</v>
      </c>
      <c r="S6049" s="124">
        <f t="shared" si="94"/>
        <v>0.4479353141423747</v>
      </c>
    </row>
    <row r="6050" spans="8:19" x14ac:dyDescent="0.3">
      <c r="H6050" s="44">
        <v>6043</v>
      </c>
      <c r="I6050" s="56">
        <f>Bühler!I6076</f>
        <v>9.6771622695242962E-2</v>
      </c>
      <c r="J6050" s="59">
        <f>Bühler!J6076</f>
        <v>0.32257207565080992</v>
      </c>
      <c r="K6050" s="59">
        <f>Bühler!K6076</f>
        <v>0.48385811347621488</v>
      </c>
      <c r="L6050" s="59">
        <f>Bühler!L6076</f>
        <v>7.9557027644832949</v>
      </c>
      <c r="M6050" s="58">
        <f>Bühler!M6076</f>
        <v>0</v>
      </c>
      <c r="N6050" s="56">
        <f>IF(Input!$D$19=1,J6050*Input!$C$19,0)+IF(Input!$D$20=1,K6050*Input!$C$20,0)+IF(Input!$D$21=1,L6050*Input!$C$21,0)+IF(Input!$D$22=1,M6050*Input!$C$22,0)</f>
        <v>9.6771622695242976E-2</v>
      </c>
      <c r="O6050" s="59">
        <f>IF(Input!$D$19=2,J6050*Input!$C$19,0)+IF(Input!$D$20=2,K6050*Input!$C$20,0)+IF(Input!$D$21=2,L6050*Input!$C$21,0)+IF(Input!$D$22=2,M6050*Input!$C$22,0)</f>
        <v>0.24192905673810744</v>
      </c>
      <c r="P6050" s="59">
        <f>IF(Input!$D$19=3,J6050*Input!$C$19,0)+IF(Input!$D$20=3,K6050*Input!$C$20,0)+IF(Input!$D$21=3,L6050*Input!$C$21,0)+IF(Input!$D$22=3,M6050*Input!$C$22,0)</f>
        <v>0</v>
      </c>
      <c r="Q6050" s="75">
        <f>IF(Input!$D$19=4,J6050*Input!$C$19,0)+IF(Input!$D$20=4,K6050*Input!$C$20,0)+IF(Input!$D$21=4,L6050*Input!$C$21,0)+IF(Input!$D$22=4,M6050*Input!$C$22,0)</f>
        <v>0</v>
      </c>
      <c r="R6050" s="58">
        <v>37.558188611391579</v>
      </c>
      <c r="S6050" s="124">
        <f t="shared" si="94"/>
        <v>0.4193436983460529</v>
      </c>
    </row>
    <row r="6051" spans="8:19" x14ac:dyDescent="0.3">
      <c r="H6051" s="44">
        <v>6044</v>
      </c>
      <c r="I6051" s="56">
        <f>Bühler!I6077</f>
        <v>8.1376137266454318E-2</v>
      </c>
      <c r="J6051" s="59">
        <f>Bühler!J6077</f>
        <v>0.27125379088818108</v>
      </c>
      <c r="K6051" s="59">
        <f>Bühler!K6077</f>
        <v>0.40688068633227159</v>
      </c>
      <c r="L6051" s="59">
        <f>Bühler!L6077</f>
        <v>6.6900227792245888</v>
      </c>
      <c r="M6051" s="58">
        <f>Bühler!M6077</f>
        <v>0</v>
      </c>
      <c r="N6051" s="56">
        <f>IF(Input!$D$19=1,J6051*Input!$C$19,0)+IF(Input!$D$20=1,K6051*Input!$C$20,0)+IF(Input!$D$21=1,L6051*Input!$C$21,0)+IF(Input!$D$22=1,M6051*Input!$C$22,0)</f>
        <v>8.1376137266454318E-2</v>
      </c>
      <c r="O6051" s="59">
        <f>IF(Input!$D$19=2,J6051*Input!$C$19,0)+IF(Input!$D$20=2,K6051*Input!$C$20,0)+IF(Input!$D$21=2,L6051*Input!$C$21,0)+IF(Input!$D$22=2,M6051*Input!$C$22,0)</f>
        <v>0.2034403431661358</v>
      </c>
      <c r="P6051" s="59">
        <f>IF(Input!$D$19=3,J6051*Input!$C$19,0)+IF(Input!$D$20=3,K6051*Input!$C$20,0)+IF(Input!$D$21=3,L6051*Input!$C$21,0)+IF(Input!$D$22=3,M6051*Input!$C$22,0)</f>
        <v>0</v>
      </c>
      <c r="Q6051" s="75">
        <f>IF(Input!$D$19=4,J6051*Input!$C$19,0)+IF(Input!$D$20=4,K6051*Input!$C$20,0)+IF(Input!$D$21=4,L6051*Input!$C$21,0)+IF(Input!$D$22=4,M6051*Input!$C$22,0)</f>
        <v>0</v>
      </c>
      <c r="R6051" s="58">
        <v>37.77565051574431</v>
      </c>
      <c r="S6051" s="124">
        <f t="shared" si="94"/>
        <v>0.3526299281546354</v>
      </c>
    </row>
    <row r="6052" spans="8:19" x14ac:dyDescent="0.3">
      <c r="H6052" s="44">
        <v>6045</v>
      </c>
      <c r="I6052" s="56">
        <f>Bühler!I6078</f>
        <v>6.8180006898921175E-2</v>
      </c>
      <c r="J6052" s="59">
        <f>Bühler!J6078</f>
        <v>0.22726668966307062</v>
      </c>
      <c r="K6052" s="59">
        <f>Bühler!K6078</f>
        <v>0.34090003449460593</v>
      </c>
      <c r="L6052" s="59">
        <f>Bühler!L6078</f>
        <v>5.6051542204314115</v>
      </c>
      <c r="M6052" s="58">
        <f>Bühler!M6078</f>
        <v>0</v>
      </c>
      <c r="N6052" s="56">
        <f>IF(Input!$D$19=1,J6052*Input!$C$19,0)+IF(Input!$D$20=1,K6052*Input!$C$20,0)+IF(Input!$D$21=1,L6052*Input!$C$21,0)+IF(Input!$D$22=1,M6052*Input!$C$22,0)</f>
        <v>6.8180006898921189E-2</v>
      </c>
      <c r="O6052" s="59">
        <f>IF(Input!$D$19=2,J6052*Input!$C$19,0)+IF(Input!$D$20=2,K6052*Input!$C$20,0)+IF(Input!$D$21=2,L6052*Input!$C$21,0)+IF(Input!$D$22=2,M6052*Input!$C$22,0)</f>
        <v>0.17045001724730297</v>
      </c>
      <c r="P6052" s="59">
        <f>IF(Input!$D$19=3,J6052*Input!$C$19,0)+IF(Input!$D$20=3,K6052*Input!$C$20,0)+IF(Input!$D$21=3,L6052*Input!$C$21,0)+IF(Input!$D$22=3,M6052*Input!$C$22,0)</f>
        <v>0</v>
      </c>
      <c r="Q6052" s="75">
        <f>IF(Input!$D$19=4,J6052*Input!$C$19,0)+IF(Input!$D$20=4,K6052*Input!$C$20,0)+IF(Input!$D$21=4,L6052*Input!$C$21,0)+IF(Input!$D$22=4,M6052*Input!$C$22,0)</f>
        <v>0</v>
      </c>
      <c r="R6052" s="58">
        <v>37.870471912528231</v>
      </c>
      <c r="S6052" s="124">
        <f t="shared" si="94"/>
        <v>0.2954466965619918</v>
      </c>
    </row>
    <row r="6053" spans="8:19" x14ac:dyDescent="0.3">
      <c r="H6053" s="44">
        <v>6046</v>
      </c>
      <c r="I6053" s="56">
        <f>Bühler!I6079</f>
        <v>5.9382586653899096E-2</v>
      </c>
      <c r="J6053" s="59">
        <f>Bühler!J6079</f>
        <v>0.19794195551299701</v>
      </c>
      <c r="K6053" s="59">
        <f>Bühler!K6079</f>
        <v>0.29691293326949553</v>
      </c>
      <c r="L6053" s="59">
        <f>Bühler!L6079</f>
        <v>4.8819085145692949</v>
      </c>
      <c r="M6053" s="58">
        <f>Bühler!M6079</f>
        <v>0</v>
      </c>
      <c r="N6053" s="56">
        <f>IF(Input!$D$19=1,J6053*Input!$C$19,0)+IF(Input!$D$20=1,K6053*Input!$C$20,0)+IF(Input!$D$21=1,L6053*Input!$C$21,0)+IF(Input!$D$22=1,M6053*Input!$C$22,0)</f>
        <v>5.9382586653899103E-2</v>
      </c>
      <c r="O6053" s="59">
        <f>IF(Input!$D$19=2,J6053*Input!$C$19,0)+IF(Input!$D$20=2,K6053*Input!$C$20,0)+IF(Input!$D$21=2,L6053*Input!$C$21,0)+IF(Input!$D$22=2,M6053*Input!$C$22,0)</f>
        <v>0.14845646663474776</v>
      </c>
      <c r="P6053" s="59">
        <f>IF(Input!$D$19=3,J6053*Input!$C$19,0)+IF(Input!$D$20=3,K6053*Input!$C$20,0)+IF(Input!$D$21=3,L6053*Input!$C$21,0)+IF(Input!$D$22=3,M6053*Input!$C$22,0)</f>
        <v>0</v>
      </c>
      <c r="Q6053" s="75">
        <f>IF(Input!$D$19=4,J6053*Input!$C$19,0)+IF(Input!$D$20=4,K6053*Input!$C$20,0)+IF(Input!$D$21=4,L6053*Input!$C$21,0)+IF(Input!$D$22=4,M6053*Input!$C$22,0)</f>
        <v>0</v>
      </c>
      <c r="R6053" s="58">
        <v>38.166842820690476</v>
      </c>
      <c r="S6053" s="124">
        <f t="shared" si="94"/>
        <v>0.2573245421668961</v>
      </c>
    </row>
    <row r="6054" spans="8:19" x14ac:dyDescent="0.3">
      <c r="H6054" s="44">
        <v>6047</v>
      </c>
      <c r="I6054" s="56">
        <f>Bühler!I6080</f>
        <v>5.9382586653899096E-2</v>
      </c>
      <c r="J6054" s="59">
        <f>Bühler!J6080</f>
        <v>0.19794195551299701</v>
      </c>
      <c r="K6054" s="59">
        <f>Bühler!K6080</f>
        <v>0.29691293326949553</v>
      </c>
      <c r="L6054" s="59">
        <f>Bühler!L6080</f>
        <v>4.8819085145692949</v>
      </c>
      <c r="M6054" s="58">
        <f>Bühler!M6080</f>
        <v>0</v>
      </c>
      <c r="N6054" s="56">
        <f>IF(Input!$D$19=1,J6054*Input!$C$19,0)+IF(Input!$D$20=1,K6054*Input!$C$20,0)+IF(Input!$D$21=1,L6054*Input!$C$21,0)+IF(Input!$D$22=1,M6054*Input!$C$22,0)</f>
        <v>5.9382586653899103E-2</v>
      </c>
      <c r="O6054" s="59">
        <f>IF(Input!$D$19=2,J6054*Input!$C$19,0)+IF(Input!$D$20=2,K6054*Input!$C$20,0)+IF(Input!$D$21=2,L6054*Input!$C$21,0)+IF(Input!$D$22=2,M6054*Input!$C$22,0)</f>
        <v>0.14845646663474776</v>
      </c>
      <c r="P6054" s="59">
        <f>IF(Input!$D$19=3,J6054*Input!$C$19,0)+IF(Input!$D$20=3,K6054*Input!$C$20,0)+IF(Input!$D$21=3,L6054*Input!$C$21,0)+IF(Input!$D$22=3,M6054*Input!$C$22,0)</f>
        <v>0</v>
      </c>
      <c r="Q6054" s="75">
        <f>IF(Input!$D$19=4,J6054*Input!$C$19,0)+IF(Input!$D$20=4,K6054*Input!$C$20,0)+IF(Input!$D$21=4,L6054*Input!$C$21,0)+IF(Input!$D$22=4,M6054*Input!$C$22,0)</f>
        <v>0</v>
      </c>
      <c r="R6054" s="58">
        <v>38.905230513675811</v>
      </c>
      <c r="S6054" s="124">
        <f t="shared" si="94"/>
        <v>0.2573245421668961</v>
      </c>
    </row>
    <row r="6055" spans="8:19" x14ac:dyDescent="0.3">
      <c r="H6055" s="44">
        <v>6048</v>
      </c>
      <c r="I6055" s="56">
        <f>Bühler!I6081</f>
        <v>5.9382586653899096E-2</v>
      </c>
      <c r="J6055" s="59">
        <f>Bühler!J6081</f>
        <v>0.19794195551299701</v>
      </c>
      <c r="K6055" s="59">
        <f>Bühler!K6081</f>
        <v>0.29691293326949553</v>
      </c>
      <c r="L6055" s="59">
        <f>Bühler!L6081</f>
        <v>4.8819085145692949</v>
      </c>
      <c r="M6055" s="58">
        <f>Bühler!M6081</f>
        <v>0</v>
      </c>
      <c r="N6055" s="56">
        <f>IF(Input!$D$19=1,J6055*Input!$C$19,0)+IF(Input!$D$20=1,K6055*Input!$C$20,0)+IF(Input!$D$21=1,L6055*Input!$C$21,0)+IF(Input!$D$22=1,M6055*Input!$C$22,0)</f>
        <v>5.9382586653899103E-2</v>
      </c>
      <c r="O6055" s="59">
        <f>IF(Input!$D$19=2,J6055*Input!$C$19,0)+IF(Input!$D$20=2,K6055*Input!$C$20,0)+IF(Input!$D$21=2,L6055*Input!$C$21,0)+IF(Input!$D$22=2,M6055*Input!$C$22,0)</f>
        <v>0.14845646663474776</v>
      </c>
      <c r="P6055" s="59">
        <f>IF(Input!$D$19=3,J6055*Input!$C$19,0)+IF(Input!$D$20=3,K6055*Input!$C$20,0)+IF(Input!$D$21=3,L6055*Input!$C$21,0)+IF(Input!$D$22=3,M6055*Input!$C$22,0)</f>
        <v>0</v>
      </c>
      <c r="Q6055" s="75">
        <f>IF(Input!$D$19=4,J6055*Input!$C$19,0)+IF(Input!$D$20=4,K6055*Input!$C$20,0)+IF(Input!$D$21=4,L6055*Input!$C$21,0)+IF(Input!$D$22=4,M6055*Input!$C$22,0)</f>
        <v>0</v>
      </c>
      <c r="R6055" s="58">
        <v>39.712070477715301</v>
      </c>
      <c r="S6055" s="124">
        <f t="shared" si="94"/>
        <v>0.2573245421668961</v>
      </c>
    </row>
    <row r="6056" spans="8:19" x14ac:dyDescent="0.3">
      <c r="H6056" s="44">
        <v>6049</v>
      </c>
      <c r="I6056" s="56">
        <f>Bühler!I6082</f>
        <v>7.1609488607082925E-2</v>
      </c>
      <c r="J6056" s="59">
        <f>Bühler!J6082</f>
        <v>0.23869829535694309</v>
      </c>
      <c r="K6056" s="59">
        <f>Bühler!K6082</f>
        <v>0.35804744303541458</v>
      </c>
      <c r="L6056" s="59">
        <f>Bühler!L6082</f>
        <v>1.7186277265699901</v>
      </c>
      <c r="M6056" s="58">
        <f>Bühler!M6082</f>
        <v>0</v>
      </c>
      <c r="N6056" s="56">
        <f>IF(Input!$D$19=1,J6056*Input!$C$19,0)+IF(Input!$D$20=1,K6056*Input!$C$20,0)+IF(Input!$D$21=1,L6056*Input!$C$21,0)+IF(Input!$D$22=1,M6056*Input!$C$22,0)</f>
        <v>7.1609488607082925E-2</v>
      </c>
      <c r="O6056" s="59">
        <f>IF(Input!$D$19=2,J6056*Input!$C$19,0)+IF(Input!$D$20=2,K6056*Input!$C$20,0)+IF(Input!$D$21=2,L6056*Input!$C$21,0)+IF(Input!$D$22=2,M6056*Input!$C$22,0)</f>
        <v>0.17902372151770729</v>
      </c>
      <c r="P6056" s="59">
        <f>IF(Input!$D$19=3,J6056*Input!$C$19,0)+IF(Input!$D$20=3,K6056*Input!$C$20,0)+IF(Input!$D$21=3,L6056*Input!$C$21,0)+IF(Input!$D$22=3,M6056*Input!$C$22,0)</f>
        <v>0</v>
      </c>
      <c r="Q6056" s="75">
        <f>IF(Input!$D$19=4,J6056*Input!$C$19,0)+IF(Input!$D$20=4,K6056*Input!$C$20,0)+IF(Input!$D$21=4,L6056*Input!$C$21,0)+IF(Input!$D$22=4,M6056*Input!$C$22,0)</f>
        <v>0</v>
      </c>
      <c r="R6056" s="58">
        <v>39.852689803589875</v>
      </c>
      <c r="S6056" s="124">
        <f t="shared" si="94"/>
        <v>0.31030778396402603</v>
      </c>
    </row>
    <row r="6057" spans="8:19" x14ac:dyDescent="0.3">
      <c r="H6057" s="44">
        <v>6050</v>
      </c>
      <c r="I6057" s="56">
        <f>Bühler!I6083</f>
        <v>7.1609488607082925E-2</v>
      </c>
      <c r="J6057" s="59">
        <f>Bühler!J6083</f>
        <v>0.23869829535694309</v>
      </c>
      <c r="K6057" s="59">
        <f>Bühler!K6083</f>
        <v>0.35804744303541458</v>
      </c>
      <c r="L6057" s="59">
        <f>Bühler!L6083</f>
        <v>1.7186277265699901</v>
      </c>
      <c r="M6057" s="58">
        <f>Bühler!M6083</f>
        <v>0</v>
      </c>
      <c r="N6057" s="56">
        <f>IF(Input!$D$19=1,J6057*Input!$C$19,0)+IF(Input!$D$20=1,K6057*Input!$C$20,0)+IF(Input!$D$21=1,L6057*Input!$C$21,0)+IF(Input!$D$22=1,M6057*Input!$C$22,0)</f>
        <v>7.1609488607082925E-2</v>
      </c>
      <c r="O6057" s="59">
        <f>IF(Input!$D$19=2,J6057*Input!$C$19,0)+IF(Input!$D$20=2,K6057*Input!$C$20,0)+IF(Input!$D$21=2,L6057*Input!$C$21,0)+IF(Input!$D$22=2,M6057*Input!$C$22,0)</f>
        <v>0.17902372151770729</v>
      </c>
      <c r="P6057" s="59">
        <f>IF(Input!$D$19=3,J6057*Input!$C$19,0)+IF(Input!$D$20=3,K6057*Input!$C$20,0)+IF(Input!$D$21=3,L6057*Input!$C$21,0)+IF(Input!$D$22=3,M6057*Input!$C$22,0)</f>
        <v>0</v>
      </c>
      <c r="Q6057" s="75">
        <f>IF(Input!$D$19=4,J6057*Input!$C$19,0)+IF(Input!$D$20=4,K6057*Input!$C$20,0)+IF(Input!$D$21=4,L6057*Input!$C$21,0)+IF(Input!$D$22=4,M6057*Input!$C$22,0)</f>
        <v>0</v>
      </c>
      <c r="R6057" s="58">
        <v>39.898309169179491</v>
      </c>
      <c r="S6057" s="124">
        <f t="shared" si="94"/>
        <v>0.31030778396402603</v>
      </c>
    </row>
    <row r="6058" spans="8:19" x14ac:dyDescent="0.3">
      <c r="H6058" s="44">
        <v>6051</v>
      </c>
      <c r="I6058" s="56">
        <f>Bühler!I6084</f>
        <v>7.1609488607082925E-2</v>
      </c>
      <c r="J6058" s="59">
        <f>Bühler!J6084</f>
        <v>0.23869829535694309</v>
      </c>
      <c r="K6058" s="59">
        <f>Bühler!K6084</f>
        <v>0.35804744303541458</v>
      </c>
      <c r="L6058" s="59">
        <f>Bühler!L6084</f>
        <v>1.7186277265699901</v>
      </c>
      <c r="M6058" s="58">
        <f>Bühler!M6084</f>
        <v>0</v>
      </c>
      <c r="N6058" s="56">
        <f>IF(Input!$D$19=1,J6058*Input!$C$19,0)+IF(Input!$D$20=1,K6058*Input!$C$20,0)+IF(Input!$D$21=1,L6058*Input!$C$21,0)+IF(Input!$D$22=1,M6058*Input!$C$22,0)</f>
        <v>7.1609488607082925E-2</v>
      </c>
      <c r="O6058" s="59">
        <f>IF(Input!$D$19=2,J6058*Input!$C$19,0)+IF(Input!$D$20=2,K6058*Input!$C$20,0)+IF(Input!$D$21=2,L6058*Input!$C$21,0)+IF(Input!$D$22=2,M6058*Input!$C$22,0)</f>
        <v>0.17902372151770729</v>
      </c>
      <c r="P6058" s="59">
        <f>IF(Input!$D$19=3,J6058*Input!$C$19,0)+IF(Input!$D$20=3,K6058*Input!$C$20,0)+IF(Input!$D$21=3,L6058*Input!$C$21,0)+IF(Input!$D$22=3,M6058*Input!$C$22,0)</f>
        <v>0</v>
      </c>
      <c r="Q6058" s="75">
        <f>IF(Input!$D$19=4,J6058*Input!$C$19,0)+IF(Input!$D$20=4,K6058*Input!$C$20,0)+IF(Input!$D$21=4,L6058*Input!$C$21,0)+IF(Input!$D$22=4,M6058*Input!$C$22,0)</f>
        <v>0</v>
      </c>
      <c r="R6058" s="58">
        <v>40.534652234407133</v>
      </c>
      <c r="S6058" s="124">
        <f t="shared" si="94"/>
        <v>0.31030778396402603</v>
      </c>
    </row>
    <row r="6059" spans="8:19" x14ac:dyDescent="0.3">
      <c r="H6059" s="44">
        <v>6052</v>
      </c>
      <c r="I6059" s="56">
        <f>Bühler!I6085</f>
        <v>7.1609488607082925E-2</v>
      </c>
      <c r="J6059" s="59">
        <f>Bühler!J6085</f>
        <v>0.23869829535694309</v>
      </c>
      <c r="K6059" s="59">
        <f>Bühler!K6085</f>
        <v>0.35804744303541458</v>
      </c>
      <c r="L6059" s="59">
        <f>Bühler!L6085</f>
        <v>1.7186277265699901</v>
      </c>
      <c r="M6059" s="58">
        <f>Bühler!M6085</f>
        <v>0</v>
      </c>
      <c r="N6059" s="56">
        <f>IF(Input!$D$19=1,J6059*Input!$C$19,0)+IF(Input!$D$20=1,K6059*Input!$C$20,0)+IF(Input!$D$21=1,L6059*Input!$C$21,0)+IF(Input!$D$22=1,M6059*Input!$C$22,0)</f>
        <v>7.1609488607082925E-2</v>
      </c>
      <c r="O6059" s="59">
        <f>IF(Input!$D$19=2,J6059*Input!$C$19,0)+IF(Input!$D$20=2,K6059*Input!$C$20,0)+IF(Input!$D$21=2,L6059*Input!$C$21,0)+IF(Input!$D$22=2,M6059*Input!$C$22,0)</f>
        <v>0.17902372151770729</v>
      </c>
      <c r="P6059" s="59">
        <f>IF(Input!$D$19=3,J6059*Input!$C$19,0)+IF(Input!$D$20=3,K6059*Input!$C$20,0)+IF(Input!$D$21=3,L6059*Input!$C$21,0)+IF(Input!$D$22=3,M6059*Input!$C$22,0)</f>
        <v>0</v>
      </c>
      <c r="Q6059" s="75">
        <f>IF(Input!$D$19=4,J6059*Input!$C$19,0)+IF(Input!$D$20=4,K6059*Input!$C$20,0)+IF(Input!$D$21=4,L6059*Input!$C$21,0)+IF(Input!$D$22=4,M6059*Input!$C$22,0)</f>
        <v>0</v>
      </c>
      <c r="R6059" s="58">
        <v>41.714143202213222</v>
      </c>
      <c r="S6059" s="124">
        <f t="shared" si="94"/>
        <v>0.31030778396402603</v>
      </c>
    </row>
    <row r="6060" spans="8:19" x14ac:dyDescent="0.3">
      <c r="H6060" s="44">
        <v>6053</v>
      </c>
      <c r="I6060" s="56">
        <f>Bühler!I6086</f>
        <v>7.1609488607082925E-2</v>
      </c>
      <c r="J6060" s="59">
        <f>Bühler!J6086</f>
        <v>0.23869829535694309</v>
      </c>
      <c r="K6060" s="59">
        <f>Bühler!K6086</f>
        <v>0.35804744303541458</v>
      </c>
      <c r="L6060" s="59">
        <f>Bühler!L6086</f>
        <v>1.7186277265699901</v>
      </c>
      <c r="M6060" s="58">
        <f>Bühler!M6086</f>
        <v>0</v>
      </c>
      <c r="N6060" s="56">
        <f>IF(Input!$D$19=1,J6060*Input!$C$19,0)+IF(Input!$D$20=1,K6060*Input!$C$20,0)+IF(Input!$D$21=1,L6060*Input!$C$21,0)+IF(Input!$D$22=1,M6060*Input!$C$22,0)</f>
        <v>7.1609488607082925E-2</v>
      </c>
      <c r="O6060" s="59">
        <f>IF(Input!$D$19=2,J6060*Input!$C$19,0)+IF(Input!$D$20=2,K6060*Input!$C$20,0)+IF(Input!$D$21=2,L6060*Input!$C$21,0)+IF(Input!$D$22=2,M6060*Input!$C$22,0)</f>
        <v>0.17902372151770729</v>
      </c>
      <c r="P6060" s="59">
        <f>IF(Input!$D$19=3,J6060*Input!$C$19,0)+IF(Input!$D$20=3,K6060*Input!$C$20,0)+IF(Input!$D$21=3,L6060*Input!$C$21,0)+IF(Input!$D$22=3,M6060*Input!$C$22,0)</f>
        <v>0</v>
      </c>
      <c r="Q6060" s="75">
        <f>IF(Input!$D$19=4,J6060*Input!$C$19,0)+IF(Input!$D$20=4,K6060*Input!$C$20,0)+IF(Input!$D$21=4,L6060*Input!$C$21,0)+IF(Input!$D$22=4,M6060*Input!$C$22,0)</f>
        <v>0</v>
      </c>
      <c r="R6060" s="58">
        <v>44.883428947424626</v>
      </c>
      <c r="S6060" s="124">
        <f t="shared" si="94"/>
        <v>0.31030778396402603</v>
      </c>
    </row>
    <row r="6061" spans="8:19" x14ac:dyDescent="0.3">
      <c r="H6061" s="44">
        <v>6054</v>
      </c>
      <c r="I6061" s="56">
        <f>Bühler!I6087</f>
        <v>0.31030778396402597</v>
      </c>
      <c r="J6061" s="59">
        <f>Bühler!J6087</f>
        <v>1.0343592798800867</v>
      </c>
      <c r="K6061" s="59">
        <f>Bühler!K6087</f>
        <v>1.5515389198201299</v>
      </c>
      <c r="L6061" s="59">
        <f>Bühler!L6087</f>
        <v>7.4473868151366238</v>
      </c>
      <c r="M6061" s="58">
        <f>Bühler!M6087</f>
        <v>0</v>
      </c>
      <c r="N6061" s="56">
        <f>IF(Input!$D$19=1,J6061*Input!$C$19,0)+IF(Input!$D$20=1,K6061*Input!$C$20,0)+IF(Input!$D$21=1,L6061*Input!$C$21,0)+IF(Input!$D$22=1,M6061*Input!$C$22,0)</f>
        <v>0.31030778396402597</v>
      </c>
      <c r="O6061" s="59">
        <f>IF(Input!$D$19=2,J6061*Input!$C$19,0)+IF(Input!$D$20=2,K6061*Input!$C$20,0)+IF(Input!$D$21=2,L6061*Input!$C$21,0)+IF(Input!$D$22=2,M6061*Input!$C$22,0)</f>
        <v>0.77576945991006496</v>
      </c>
      <c r="P6061" s="59">
        <f>IF(Input!$D$19=3,J6061*Input!$C$19,0)+IF(Input!$D$20=3,K6061*Input!$C$20,0)+IF(Input!$D$21=3,L6061*Input!$C$21,0)+IF(Input!$D$22=3,M6061*Input!$C$22,0)</f>
        <v>0</v>
      </c>
      <c r="Q6061" s="75">
        <f>IF(Input!$D$19=4,J6061*Input!$C$19,0)+IF(Input!$D$20=4,K6061*Input!$C$20,0)+IF(Input!$D$21=4,L6061*Input!$C$21,0)+IF(Input!$D$22=4,M6061*Input!$C$22,0)</f>
        <v>0</v>
      </c>
      <c r="R6061" s="58">
        <v>50.778041264993149</v>
      </c>
      <c r="S6061" s="124">
        <f t="shared" si="94"/>
        <v>1.3446670638441127</v>
      </c>
    </row>
    <row r="6062" spans="8:19" x14ac:dyDescent="0.3">
      <c r="H6062" s="44">
        <v>6055</v>
      </c>
      <c r="I6062" s="56">
        <f>Bühler!I6088</f>
        <v>0.35207998565149101</v>
      </c>
      <c r="J6062" s="59">
        <f>Bühler!J6088</f>
        <v>1.1735999521716367</v>
      </c>
      <c r="K6062" s="59">
        <f>Bühler!K6088</f>
        <v>1.7603999282574552</v>
      </c>
      <c r="L6062" s="59">
        <f>Bühler!L6088</f>
        <v>8.4499196556357852</v>
      </c>
      <c r="M6062" s="58">
        <f>Bühler!M6088</f>
        <v>0</v>
      </c>
      <c r="N6062" s="56">
        <f>IF(Input!$D$19=1,J6062*Input!$C$19,0)+IF(Input!$D$20=1,K6062*Input!$C$20,0)+IF(Input!$D$21=1,L6062*Input!$C$21,0)+IF(Input!$D$22=1,M6062*Input!$C$22,0)</f>
        <v>0.35207998565149101</v>
      </c>
      <c r="O6062" s="59">
        <f>IF(Input!$D$19=2,J6062*Input!$C$19,0)+IF(Input!$D$20=2,K6062*Input!$C$20,0)+IF(Input!$D$21=2,L6062*Input!$C$21,0)+IF(Input!$D$22=2,M6062*Input!$C$22,0)</f>
        <v>0.88019996412872759</v>
      </c>
      <c r="P6062" s="59">
        <f>IF(Input!$D$19=3,J6062*Input!$C$19,0)+IF(Input!$D$20=3,K6062*Input!$C$20,0)+IF(Input!$D$21=3,L6062*Input!$C$21,0)+IF(Input!$D$22=3,M6062*Input!$C$22,0)</f>
        <v>0</v>
      </c>
      <c r="Q6062" s="75">
        <f>IF(Input!$D$19=4,J6062*Input!$C$19,0)+IF(Input!$D$20=4,K6062*Input!$C$20,0)+IF(Input!$D$21=4,L6062*Input!$C$21,0)+IF(Input!$D$22=4,M6062*Input!$C$22,0)</f>
        <v>0</v>
      </c>
      <c r="R6062" s="58">
        <v>56.518530333079049</v>
      </c>
      <c r="S6062" s="124">
        <f t="shared" si="94"/>
        <v>1.5256799378231278</v>
      </c>
    </row>
    <row r="6063" spans="8:19" x14ac:dyDescent="0.3">
      <c r="H6063" s="44">
        <v>6056</v>
      </c>
      <c r="I6063" s="56">
        <f>Bühler!I6089</f>
        <v>0.35207998565149101</v>
      </c>
      <c r="J6063" s="59">
        <f>Bühler!J6089</f>
        <v>1.1735999521716367</v>
      </c>
      <c r="K6063" s="59">
        <f>Bühler!K6089</f>
        <v>1.7603999282574552</v>
      </c>
      <c r="L6063" s="59">
        <f>Bühler!L6089</f>
        <v>8.4499196556357852</v>
      </c>
      <c r="M6063" s="58">
        <f>Bühler!M6089</f>
        <v>0</v>
      </c>
      <c r="N6063" s="56">
        <f>IF(Input!$D$19=1,J6063*Input!$C$19,0)+IF(Input!$D$20=1,K6063*Input!$C$20,0)+IF(Input!$D$21=1,L6063*Input!$C$21,0)+IF(Input!$D$22=1,M6063*Input!$C$22,0)</f>
        <v>0.35207998565149101</v>
      </c>
      <c r="O6063" s="59">
        <f>IF(Input!$D$19=2,J6063*Input!$C$19,0)+IF(Input!$D$20=2,K6063*Input!$C$20,0)+IF(Input!$D$21=2,L6063*Input!$C$21,0)+IF(Input!$D$22=2,M6063*Input!$C$22,0)</f>
        <v>0.88019996412872759</v>
      </c>
      <c r="P6063" s="59">
        <f>IF(Input!$D$19=3,J6063*Input!$C$19,0)+IF(Input!$D$20=3,K6063*Input!$C$20,0)+IF(Input!$D$21=3,L6063*Input!$C$21,0)+IF(Input!$D$22=3,M6063*Input!$C$22,0)</f>
        <v>0</v>
      </c>
      <c r="Q6063" s="75">
        <f>IF(Input!$D$19=4,J6063*Input!$C$19,0)+IF(Input!$D$20=4,K6063*Input!$C$20,0)+IF(Input!$D$21=4,L6063*Input!$C$21,0)+IF(Input!$D$22=4,M6063*Input!$C$22,0)</f>
        <v>0</v>
      </c>
      <c r="R6063" s="58">
        <v>59.46150341432228</v>
      </c>
      <c r="S6063" s="124">
        <f t="shared" si="94"/>
        <v>1.5256799378231278</v>
      </c>
    </row>
    <row r="6064" spans="8:19" x14ac:dyDescent="0.3">
      <c r="H6064" s="44">
        <v>6057</v>
      </c>
      <c r="I6064" s="56">
        <f>Bühler!I6090</f>
        <v>0.35207998565149101</v>
      </c>
      <c r="J6064" s="59">
        <f>Bühler!J6090</f>
        <v>1.1735999521716367</v>
      </c>
      <c r="K6064" s="59">
        <f>Bühler!K6090</f>
        <v>1.7603999282574552</v>
      </c>
      <c r="L6064" s="59">
        <f>Bühler!L6090</f>
        <v>8.4499196556357852</v>
      </c>
      <c r="M6064" s="58">
        <f>Bühler!M6090</f>
        <v>0</v>
      </c>
      <c r="N6064" s="56">
        <f>IF(Input!$D$19=1,J6064*Input!$C$19,0)+IF(Input!$D$20=1,K6064*Input!$C$20,0)+IF(Input!$D$21=1,L6064*Input!$C$21,0)+IF(Input!$D$22=1,M6064*Input!$C$22,0)</f>
        <v>0.35207998565149101</v>
      </c>
      <c r="O6064" s="59">
        <f>IF(Input!$D$19=2,J6064*Input!$C$19,0)+IF(Input!$D$20=2,K6064*Input!$C$20,0)+IF(Input!$D$21=2,L6064*Input!$C$21,0)+IF(Input!$D$22=2,M6064*Input!$C$22,0)</f>
        <v>0.88019996412872759</v>
      </c>
      <c r="P6064" s="59">
        <f>IF(Input!$D$19=3,J6064*Input!$C$19,0)+IF(Input!$D$20=3,K6064*Input!$C$20,0)+IF(Input!$D$21=3,L6064*Input!$C$21,0)+IF(Input!$D$22=3,M6064*Input!$C$22,0)</f>
        <v>0</v>
      </c>
      <c r="Q6064" s="75">
        <f>IF(Input!$D$19=4,J6064*Input!$C$19,0)+IF(Input!$D$20=4,K6064*Input!$C$20,0)+IF(Input!$D$21=4,L6064*Input!$C$21,0)+IF(Input!$D$22=4,M6064*Input!$C$22,0)</f>
        <v>0</v>
      </c>
      <c r="R6064" s="58">
        <v>61.551536550818923</v>
      </c>
      <c r="S6064" s="124">
        <f t="shared" si="94"/>
        <v>1.5256799378231278</v>
      </c>
    </row>
    <row r="6065" spans="8:19" x14ac:dyDescent="0.3">
      <c r="H6065" s="44">
        <v>6058</v>
      </c>
      <c r="I6065" s="56">
        <f>Bühler!I6091</f>
        <v>0.37594981518718534</v>
      </c>
      <c r="J6065" s="59">
        <f>Bühler!J6091</f>
        <v>1.2531660506239513</v>
      </c>
      <c r="K6065" s="59">
        <f>Bühler!K6091</f>
        <v>1.8797490759359265</v>
      </c>
      <c r="L6065" s="59">
        <f>Bühler!L6091</f>
        <v>9.0227955644924478</v>
      </c>
      <c r="M6065" s="58">
        <f>Bühler!M6091</f>
        <v>0</v>
      </c>
      <c r="N6065" s="56">
        <f>IF(Input!$D$19=1,J6065*Input!$C$19,0)+IF(Input!$D$20=1,K6065*Input!$C$20,0)+IF(Input!$D$21=1,L6065*Input!$C$21,0)+IF(Input!$D$22=1,M6065*Input!$C$22,0)</f>
        <v>0.37594981518718534</v>
      </c>
      <c r="O6065" s="59">
        <f>IF(Input!$D$19=2,J6065*Input!$C$19,0)+IF(Input!$D$20=2,K6065*Input!$C$20,0)+IF(Input!$D$21=2,L6065*Input!$C$21,0)+IF(Input!$D$22=2,M6065*Input!$C$22,0)</f>
        <v>0.93987453796796327</v>
      </c>
      <c r="P6065" s="59">
        <f>IF(Input!$D$19=3,J6065*Input!$C$19,0)+IF(Input!$D$20=3,K6065*Input!$C$20,0)+IF(Input!$D$21=3,L6065*Input!$C$21,0)+IF(Input!$D$22=3,M6065*Input!$C$22,0)</f>
        <v>0</v>
      </c>
      <c r="Q6065" s="75">
        <f>IF(Input!$D$19=4,J6065*Input!$C$19,0)+IF(Input!$D$20=4,K6065*Input!$C$20,0)+IF(Input!$D$21=4,L6065*Input!$C$21,0)+IF(Input!$D$22=4,M6065*Input!$C$22,0)</f>
        <v>0</v>
      </c>
      <c r="R6065" s="58">
        <v>63.033056088928248</v>
      </c>
      <c r="S6065" s="124">
        <f t="shared" si="94"/>
        <v>1.6291158658111367</v>
      </c>
    </row>
    <row r="6066" spans="8:19" x14ac:dyDescent="0.3">
      <c r="H6066" s="44">
        <v>6059</v>
      </c>
      <c r="I6066" s="56">
        <f>Bühler!I6092</f>
        <v>0.37594981518718534</v>
      </c>
      <c r="J6066" s="59">
        <f>Bühler!J6092</f>
        <v>1.2531660506239513</v>
      </c>
      <c r="K6066" s="59">
        <f>Bühler!K6092</f>
        <v>1.8797490759359265</v>
      </c>
      <c r="L6066" s="59">
        <f>Bühler!L6092</f>
        <v>9.0227955644924478</v>
      </c>
      <c r="M6066" s="58">
        <f>Bühler!M6092</f>
        <v>0</v>
      </c>
      <c r="N6066" s="56">
        <f>IF(Input!$D$19=1,J6066*Input!$C$19,0)+IF(Input!$D$20=1,K6066*Input!$C$20,0)+IF(Input!$D$21=1,L6066*Input!$C$21,0)+IF(Input!$D$22=1,M6066*Input!$C$22,0)</f>
        <v>0.37594981518718534</v>
      </c>
      <c r="O6066" s="59">
        <f>IF(Input!$D$19=2,J6066*Input!$C$19,0)+IF(Input!$D$20=2,K6066*Input!$C$20,0)+IF(Input!$D$21=2,L6066*Input!$C$21,0)+IF(Input!$D$22=2,M6066*Input!$C$22,0)</f>
        <v>0.93987453796796327</v>
      </c>
      <c r="P6066" s="59">
        <f>IF(Input!$D$19=3,J6066*Input!$C$19,0)+IF(Input!$D$20=3,K6066*Input!$C$20,0)+IF(Input!$D$21=3,L6066*Input!$C$21,0)+IF(Input!$D$22=3,M6066*Input!$C$22,0)</f>
        <v>0</v>
      </c>
      <c r="Q6066" s="75">
        <f>IF(Input!$D$19=4,J6066*Input!$C$19,0)+IF(Input!$D$20=4,K6066*Input!$C$20,0)+IF(Input!$D$21=4,L6066*Input!$C$21,0)+IF(Input!$D$22=4,M6066*Input!$C$22,0)</f>
        <v>0</v>
      </c>
      <c r="R6066" s="58">
        <v>64.983357440959139</v>
      </c>
      <c r="S6066" s="124">
        <f t="shared" si="94"/>
        <v>1.6291158658111367</v>
      </c>
    </row>
    <row r="6067" spans="8:19" x14ac:dyDescent="0.3">
      <c r="H6067" s="44">
        <v>6060</v>
      </c>
      <c r="I6067" s="56">
        <f>Bühler!I6093</f>
        <v>0.47739659071388618</v>
      </c>
      <c r="J6067" s="59">
        <f>Bühler!J6093</f>
        <v>1.5913219690462874</v>
      </c>
      <c r="K6067" s="59">
        <f>Bühler!K6093</f>
        <v>2.3869829535694307</v>
      </c>
      <c r="L6067" s="59">
        <f>Bühler!L6093</f>
        <v>11.457518177133268</v>
      </c>
      <c r="M6067" s="58">
        <f>Bühler!M6093</f>
        <v>0</v>
      </c>
      <c r="N6067" s="56">
        <f>IF(Input!$D$19=1,J6067*Input!$C$19,0)+IF(Input!$D$20=1,K6067*Input!$C$20,0)+IF(Input!$D$21=1,L6067*Input!$C$21,0)+IF(Input!$D$22=1,M6067*Input!$C$22,0)</f>
        <v>0.47739659071388618</v>
      </c>
      <c r="O6067" s="59">
        <f>IF(Input!$D$19=2,J6067*Input!$C$19,0)+IF(Input!$D$20=2,K6067*Input!$C$20,0)+IF(Input!$D$21=2,L6067*Input!$C$21,0)+IF(Input!$D$22=2,M6067*Input!$C$22,0)</f>
        <v>1.1934914767847153</v>
      </c>
      <c r="P6067" s="59">
        <f>IF(Input!$D$19=3,J6067*Input!$C$19,0)+IF(Input!$D$20=3,K6067*Input!$C$20,0)+IF(Input!$D$21=3,L6067*Input!$C$21,0)+IF(Input!$D$22=3,M6067*Input!$C$22,0)</f>
        <v>0</v>
      </c>
      <c r="Q6067" s="75">
        <f>IF(Input!$D$19=4,J6067*Input!$C$19,0)+IF(Input!$D$20=4,K6067*Input!$C$20,0)+IF(Input!$D$21=4,L6067*Input!$C$21,0)+IF(Input!$D$22=4,M6067*Input!$C$22,0)</f>
        <v>0</v>
      </c>
      <c r="R6067" s="58">
        <v>66.124184546580281</v>
      </c>
      <c r="S6067" s="124">
        <f t="shared" si="94"/>
        <v>2.0687185597601738</v>
      </c>
    </row>
    <row r="6068" spans="8:19" x14ac:dyDescent="0.3">
      <c r="H6068" s="44">
        <v>6061</v>
      </c>
      <c r="I6068" s="56">
        <f>Bühler!I6094</f>
        <v>0.47739659071388618</v>
      </c>
      <c r="J6068" s="59">
        <f>Bühler!J6094</f>
        <v>1.5913219690462874</v>
      </c>
      <c r="K6068" s="59">
        <f>Bühler!K6094</f>
        <v>2.3869829535694307</v>
      </c>
      <c r="L6068" s="59">
        <f>Bühler!L6094</f>
        <v>11.457518177133268</v>
      </c>
      <c r="M6068" s="58">
        <f>Bühler!M6094</f>
        <v>0</v>
      </c>
      <c r="N6068" s="56">
        <f>IF(Input!$D$19=1,J6068*Input!$C$19,0)+IF(Input!$D$20=1,K6068*Input!$C$20,0)+IF(Input!$D$21=1,L6068*Input!$C$21,0)+IF(Input!$D$22=1,M6068*Input!$C$22,0)</f>
        <v>0.47739659071388618</v>
      </c>
      <c r="O6068" s="59">
        <f>IF(Input!$D$19=2,J6068*Input!$C$19,0)+IF(Input!$D$20=2,K6068*Input!$C$20,0)+IF(Input!$D$21=2,L6068*Input!$C$21,0)+IF(Input!$D$22=2,M6068*Input!$C$22,0)</f>
        <v>1.1934914767847153</v>
      </c>
      <c r="P6068" s="59">
        <f>IF(Input!$D$19=3,J6068*Input!$C$19,0)+IF(Input!$D$20=3,K6068*Input!$C$20,0)+IF(Input!$D$21=3,L6068*Input!$C$21,0)+IF(Input!$D$22=3,M6068*Input!$C$22,0)</f>
        <v>0</v>
      </c>
      <c r="Q6068" s="75">
        <f>IF(Input!$D$19=4,J6068*Input!$C$19,0)+IF(Input!$D$20=4,K6068*Input!$C$20,0)+IF(Input!$D$21=4,L6068*Input!$C$21,0)+IF(Input!$D$22=4,M6068*Input!$C$22,0)</f>
        <v>0</v>
      </c>
      <c r="R6068" s="58">
        <v>65.449611455512112</v>
      </c>
      <c r="S6068" s="124">
        <f t="shared" si="94"/>
        <v>2.0687185597601738</v>
      </c>
    </row>
    <row r="6069" spans="8:19" x14ac:dyDescent="0.3">
      <c r="H6069" s="44">
        <v>6062</v>
      </c>
      <c r="I6069" s="56">
        <f>Bühler!I6095</f>
        <v>0.3162752413479496</v>
      </c>
      <c r="J6069" s="59">
        <f>Bühler!J6095</f>
        <v>1.0542508044931653</v>
      </c>
      <c r="K6069" s="59">
        <f>Bühler!K6095</f>
        <v>1.5813762067397479</v>
      </c>
      <c r="L6069" s="59">
        <f>Bühler!L6095</f>
        <v>7.5906057923507895</v>
      </c>
      <c r="M6069" s="58">
        <f>Bühler!M6095</f>
        <v>0</v>
      </c>
      <c r="N6069" s="56">
        <f>IF(Input!$D$19=1,J6069*Input!$C$19,0)+IF(Input!$D$20=1,K6069*Input!$C$20,0)+IF(Input!$D$21=1,L6069*Input!$C$21,0)+IF(Input!$D$22=1,M6069*Input!$C$22,0)</f>
        <v>0.3162752413479496</v>
      </c>
      <c r="O6069" s="59">
        <f>IF(Input!$D$19=2,J6069*Input!$C$19,0)+IF(Input!$D$20=2,K6069*Input!$C$20,0)+IF(Input!$D$21=2,L6069*Input!$C$21,0)+IF(Input!$D$22=2,M6069*Input!$C$22,0)</f>
        <v>0.79068810336987394</v>
      </c>
      <c r="P6069" s="59">
        <f>IF(Input!$D$19=3,J6069*Input!$C$19,0)+IF(Input!$D$20=3,K6069*Input!$C$20,0)+IF(Input!$D$21=3,L6069*Input!$C$21,0)+IF(Input!$D$22=3,M6069*Input!$C$22,0)</f>
        <v>0</v>
      </c>
      <c r="Q6069" s="75">
        <f>IF(Input!$D$19=4,J6069*Input!$C$19,0)+IF(Input!$D$20=4,K6069*Input!$C$20,0)+IF(Input!$D$21=4,L6069*Input!$C$21,0)+IF(Input!$D$22=4,M6069*Input!$C$22,0)</f>
        <v>0</v>
      </c>
      <c r="R6069" s="58">
        <v>65.657351299018416</v>
      </c>
      <c r="S6069" s="124">
        <f t="shared" si="94"/>
        <v>1.3705260458411148</v>
      </c>
    </row>
    <row r="6070" spans="8:19" x14ac:dyDescent="0.3">
      <c r="H6070" s="44">
        <v>6063</v>
      </c>
      <c r="I6070" s="56">
        <f>Bühler!I6096</f>
        <v>0.47739659071388618</v>
      </c>
      <c r="J6070" s="59">
        <f>Bühler!J6096</f>
        <v>1.5913219690462874</v>
      </c>
      <c r="K6070" s="59">
        <f>Bühler!K6096</f>
        <v>2.3869829535694307</v>
      </c>
      <c r="L6070" s="59">
        <f>Bühler!L6096</f>
        <v>11.457518177133268</v>
      </c>
      <c r="M6070" s="58">
        <f>Bühler!M6096</f>
        <v>0</v>
      </c>
      <c r="N6070" s="56">
        <f>IF(Input!$D$19=1,J6070*Input!$C$19,0)+IF(Input!$D$20=1,K6070*Input!$C$20,0)+IF(Input!$D$21=1,L6070*Input!$C$21,0)+IF(Input!$D$22=1,M6070*Input!$C$22,0)</f>
        <v>0.47739659071388618</v>
      </c>
      <c r="O6070" s="59">
        <f>IF(Input!$D$19=2,J6070*Input!$C$19,0)+IF(Input!$D$20=2,K6070*Input!$C$20,0)+IF(Input!$D$21=2,L6070*Input!$C$21,0)+IF(Input!$D$22=2,M6070*Input!$C$22,0)</f>
        <v>1.1934914767847153</v>
      </c>
      <c r="P6070" s="59">
        <f>IF(Input!$D$19=3,J6070*Input!$C$19,0)+IF(Input!$D$20=3,K6070*Input!$C$20,0)+IF(Input!$D$21=3,L6070*Input!$C$21,0)+IF(Input!$D$22=3,M6070*Input!$C$22,0)</f>
        <v>0</v>
      </c>
      <c r="Q6070" s="75">
        <f>IF(Input!$D$19=4,J6070*Input!$C$19,0)+IF(Input!$D$20=4,K6070*Input!$C$20,0)+IF(Input!$D$21=4,L6070*Input!$C$21,0)+IF(Input!$D$22=4,M6070*Input!$C$22,0)</f>
        <v>0</v>
      </c>
      <c r="R6070" s="58">
        <v>66.232725912332981</v>
      </c>
      <c r="S6070" s="124">
        <f t="shared" si="94"/>
        <v>2.0687185597601738</v>
      </c>
    </row>
    <row r="6071" spans="8:19" x14ac:dyDescent="0.3">
      <c r="H6071" s="44">
        <v>6064</v>
      </c>
      <c r="I6071" s="56">
        <f>Bühler!I6097</f>
        <v>0.47739659071388618</v>
      </c>
      <c r="J6071" s="59">
        <f>Bühler!J6097</f>
        <v>1.5913219690462874</v>
      </c>
      <c r="K6071" s="59">
        <f>Bühler!K6097</f>
        <v>2.3869829535694307</v>
      </c>
      <c r="L6071" s="59">
        <f>Bühler!L6097</f>
        <v>11.457518177133268</v>
      </c>
      <c r="M6071" s="58">
        <f>Bühler!M6097</f>
        <v>0</v>
      </c>
      <c r="N6071" s="56">
        <f>IF(Input!$D$19=1,J6071*Input!$C$19,0)+IF(Input!$D$20=1,K6071*Input!$C$20,0)+IF(Input!$D$21=1,L6071*Input!$C$21,0)+IF(Input!$D$22=1,M6071*Input!$C$22,0)</f>
        <v>0.47739659071388618</v>
      </c>
      <c r="O6071" s="59">
        <f>IF(Input!$D$19=2,J6071*Input!$C$19,0)+IF(Input!$D$20=2,K6071*Input!$C$20,0)+IF(Input!$D$21=2,L6071*Input!$C$21,0)+IF(Input!$D$22=2,M6071*Input!$C$22,0)</f>
        <v>1.1934914767847153</v>
      </c>
      <c r="P6071" s="59">
        <f>IF(Input!$D$19=3,J6071*Input!$C$19,0)+IF(Input!$D$20=3,K6071*Input!$C$20,0)+IF(Input!$D$21=3,L6071*Input!$C$21,0)+IF(Input!$D$22=3,M6071*Input!$C$22,0)</f>
        <v>0</v>
      </c>
      <c r="Q6071" s="75">
        <f>IF(Input!$D$19=4,J6071*Input!$C$19,0)+IF(Input!$D$20=4,K6071*Input!$C$20,0)+IF(Input!$D$21=4,L6071*Input!$C$21,0)+IF(Input!$D$22=4,M6071*Input!$C$22,0)</f>
        <v>0</v>
      </c>
      <c r="R6071" s="58">
        <v>65.696299835044996</v>
      </c>
      <c r="S6071" s="124">
        <f t="shared" si="94"/>
        <v>2.0687185597601738</v>
      </c>
    </row>
    <row r="6072" spans="8:19" x14ac:dyDescent="0.3">
      <c r="H6072" s="44">
        <v>6065</v>
      </c>
      <c r="I6072" s="56">
        <f>Bühler!I6098</f>
        <v>0.47739659071388618</v>
      </c>
      <c r="J6072" s="59">
        <f>Bühler!J6098</f>
        <v>1.5913219690462874</v>
      </c>
      <c r="K6072" s="59">
        <f>Bühler!K6098</f>
        <v>2.3869829535694307</v>
      </c>
      <c r="L6072" s="59">
        <f>Bühler!L6098</f>
        <v>11.457518177133268</v>
      </c>
      <c r="M6072" s="58">
        <f>Bühler!M6098</f>
        <v>0</v>
      </c>
      <c r="N6072" s="56">
        <f>IF(Input!$D$19=1,J6072*Input!$C$19,0)+IF(Input!$D$20=1,K6072*Input!$C$20,0)+IF(Input!$D$21=1,L6072*Input!$C$21,0)+IF(Input!$D$22=1,M6072*Input!$C$22,0)</f>
        <v>0.47739659071388618</v>
      </c>
      <c r="O6072" s="59">
        <f>IF(Input!$D$19=2,J6072*Input!$C$19,0)+IF(Input!$D$20=2,K6072*Input!$C$20,0)+IF(Input!$D$21=2,L6072*Input!$C$21,0)+IF(Input!$D$22=2,M6072*Input!$C$22,0)</f>
        <v>1.1934914767847153</v>
      </c>
      <c r="P6072" s="59">
        <f>IF(Input!$D$19=3,J6072*Input!$C$19,0)+IF(Input!$D$20=3,K6072*Input!$C$20,0)+IF(Input!$D$21=3,L6072*Input!$C$21,0)+IF(Input!$D$22=3,M6072*Input!$C$22,0)</f>
        <v>0</v>
      </c>
      <c r="Q6072" s="75">
        <f>IF(Input!$D$19=4,J6072*Input!$C$19,0)+IF(Input!$D$20=4,K6072*Input!$C$20,0)+IF(Input!$D$21=4,L6072*Input!$C$21,0)+IF(Input!$D$22=4,M6072*Input!$C$22,0)</f>
        <v>0</v>
      </c>
      <c r="R6072" s="58">
        <v>64.633401261918138</v>
      </c>
      <c r="S6072" s="124">
        <f t="shared" si="94"/>
        <v>2.0687185597601738</v>
      </c>
    </row>
    <row r="6073" spans="8:19" x14ac:dyDescent="0.3">
      <c r="H6073" s="44">
        <v>6066</v>
      </c>
      <c r="I6073" s="56">
        <f>Bühler!I6099</f>
        <v>0.47739659071388618</v>
      </c>
      <c r="J6073" s="59">
        <f>Bühler!J6099</f>
        <v>1.5913219690462874</v>
      </c>
      <c r="K6073" s="59">
        <f>Bühler!K6099</f>
        <v>2.3869829535694307</v>
      </c>
      <c r="L6073" s="59">
        <f>Bühler!L6099</f>
        <v>11.457518177133268</v>
      </c>
      <c r="M6073" s="58">
        <f>Bühler!M6099</f>
        <v>0</v>
      </c>
      <c r="N6073" s="56">
        <f>IF(Input!$D$19=1,J6073*Input!$C$19,0)+IF(Input!$D$20=1,K6073*Input!$C$20,0)+IF(Input!$D$21=1,L6073*Input!$C$21,0)+IF(Input!$D$22=1,M6073*Input!$C$22,0)</f>
        <v>0.47739659071388618</v>
      </c>
      <c r="O6073" s="59">
        <f>IF(Input!$D$19=2,J6073*Input!$C$19,0)+IF(Input!$D$20=2,K6073*Input!$C$20,0)+IF(Input!$D$21=2,L6073*Input!$C$21,0)+IF(Input!$D$22=2,M6073*Input!$C$22,0)</f>
        <v>1.1934914767847153</v>
      </c>
      <c r="P6073" s="59">
        <f>IF(Input!$D$19=3,J6073*Input!$C$19,0)+IF(Input!$D$20=3,K6073*Input!$C$20,0)+IF(Input!$D$21=3,L6073*Input!$C$21,0)+IF(Input!$D$22=3,M6073*Input!$C$22,0)</f>
        <v>0</v>
      </c>
      <c r="Q6073" s="75">
        <f>IF(Input!$D$19=4,J6073*Input!$C$19,0)+IF(Input!$D$20=4,K6073*Input!$C$20,0)+IF(Input!$D$21=4,L6073*Input!$C$21,0)+IF(Input!$D$22=4,M6073*Input!$C$22,0)</f>
        <v>0</v>
      </c>
      <c r="R6073" s="58">
        <v>63.331026752674425</v>
      </c>
      <c r="S6073" s="124">
        <f t="shared" si="94"/>
        <v>2.0687185597601738</v>
      </c>
    </row>
    <row r="6074" spans="8:19" x14ac:dyDescent="0.3">
      <c r="H6074" s="44">
        <v>6067</v>
      </c>
      <c r="I6074" s="56">
        <f>Bühler!I6100</f>
        <v>0.47739659071388618</v>
      </c>
      <c r="J6074" s="59">
        <f>Bühler!J6100</f>
        <v>1.5913219690462874</v>
      </c>
      <c r="K6074" s="59">
        <f>Bühler!K6100</f>
        <v>2.3869829535694307</v>
      </c>
      <c r="L6074" s="59">
        <f>Bühler!L6100</f>
        <v>11.457518177133268</v>
      </c>
      <c r="M6074" s="58">
        <f>Bühler!M6100</f>
        <v>0</v>
      </c>
      <c r="N6074" s="56">
        <f>IF(Input!$D$19=1,J6074*Input!$C$19,0)+IF(Input!$D$20=1,K6074*Input!$C$20,0)+IF(Input!$D$21=1,L6074*Input!$C$21,0)+IF(Input!$D$22=1,M6074*Input!$C$22,0)</f>
        <v>0.47739659071388618</v>
      </c>
      <c r="O6074" s="59">
        <f>IF(Input!$D$19=2,J6074*Input!$C$19,0)+IF(Input!$D$20=2,K6074*Input!$C$20,0)+IF(Input!$D$21=2,L6074*Input!$C$21,0)+IF(Input!$D$22=2,M6074*Input!$C$22,0)</f>
        <v>1.1934914767847153</v>
      </c>
      <c r="P6074" s="59">
        <f>IF(Input!$D$19=3,J6074*Input!$C$19,0)+IF(Input!$D$20=3,K6074*Input!$C$20,0)+IF(Input!$D$21=3,L6074*Input!$C$21,0)+IF(Input!$D$22=3,M6074*Input!$C$22,0)</f>
        <v>0</v>
      </c>
      <c r="Q6074" s="75">
        <f>IF(Input!$D$19=4,J6074*Input!$C$19,0)+IF(Input!$D$20=4,K6074*Input!$C$20,0)+IF(Input!$D$21=4,L6074*Input!$C$21,0)+IF(Input!$D$22=4,M6074*Input!$C$22,0)</f>
        <v>0</v>
      </c>
      <c r="R6074" s="58">
        <v>62.04416180938572</v>
      </c>
      <c r="S6074" s="124">
        <f t="shared" si="94"/>
        <v>2.0687185597601738</v>
      </c>
    </row>
    <row r="6075" spans="8:19" x14ac:dyDescent="0.3">
      <c r="H6075" s="44">
        <v>6068</v>
      </c>
      <c r="I6075" s="56">
        <f>Bühler!I6101</f>
        <v>0.39981964472287962</v>
      </c>
      <c r="J6075" s="59">
        <f>Bühler!J6101</f>
        <v>1.3327321490762656</v>
      </c>
      <c r="K6075" s="59">
        <f>Bühler!K6101</f>
        <v>1.9990982236143982</v>
      </c>
      <c r="L6075" s="59">
        <f>Bühler!L6101</f>
        <v>9.5956714733491104</v>
      </c>
      <c r="M6075" s="58">
        <f>Bühler!M6101</f>
        <v>0</v>
      </c>
      <c r="N6075" s="56">
        <f>IF(Input!$D$19=1,J6075*Input!$C$19,0)+IF(Input!$D$20=1,K6075*Input!$C$20,0)+IF(Input!$D$21=1,L6075*Input!$C$21,0)+IF(Input!$D$22=1,M6075*Input!$C$22,0)</f>
        <v>0.39981964472287967</v>
      </c>
      <c r="O6075" s="59">
        <f>IF(Input!$D$19=2,J6075*Input!$C$19,0)+IF(Input!$D$20=2,K6075*Input!$C$20,0)+IF(Input!$D$21=2,L6075*Input!$C$21,0)+IF(Input!$D$22=2,M6075*Input!$C$22,0)</f>
        <v>0.99954911180719908</v>
      </c>
      <c r="P6075" s="59">
        <f>IF(Input!$D$19=3,J6075*Input!$C$19,0)+IF(Input!$D$20=3,K6075*Input!$C$20,0)+IF(Input!$D$21=3,L6075*Input!$C$21,0)+IF(Input!$D$22=3,M6075*Input!$C$22,0)</f>
        <v>0</v>
      </c>
      <c r="Q6075" s="75">
        <f>IF(Input!$D$19=4,J6075*Input!$C$19,0)+IF(Input!$D$20=4,K6075*Input!$C$20,0)+IF(Input!$D$21=4,L6075*Input!$C$21,0)+IF(Input!$D$22=4,M6075*Input!$C$22,0)</f>
        <v>0</v>
      </c>
      <c r="R6075" s="58">
        <v>61.132225986305123</v>
      </c>
      <c r="S6075" s="124">
        <f t="shared" si="94"/>
        <v>1.7325517937991453</v>
      </c>
    </row>
    <row r="6076" spans="8:19" x14ac:dyDescent="0.3">
      <c r="H6076" s="44">
        <v>6069</v>
      </c>
      <c r="I6076" s="56">
        <f>Bühler!I6102</f>
        <v>0.32821015611579668</v>
      </c>
      <c r="J6076" s="59">
        <f>Bühler!J6102</f>
        <v>1.0940338537193224</v>
      </c>
      <c r="K6076" s="59">
        <f>Bühler!K6102</f>
        <v>1.6410507805789836</v>
      </c>
      <c r="L6076" s="59">
        <f>Bühler!L6102</f>
        <v>7.8770437467791208</v>
      </c>
      <c r="M6076" s="58">
        <f>Bühler!M6102</f>
        <v>0</v>
      </c>
      <c r="N6076" s="56">
        <f>IF(Input!$D$19=1,J6076*Input!$C$19,0)+IF(Input!$D$20=1,K6076*Input!$C$20,0)+IF(Input!$D$21=1,L6076*Input!$C$21,0)+IF(Input!$D$22=1,M6076*Input!$C$22,0)</f>
        <v>0.32821015611579668</v>
      </c>
      <c r="O6076" s="59">
        <f>IF(Input!$D$19=2,J6076*Input!$C$19,0)+IF(Input!$D$20=2,K6076*Input!$C$20,0)+IF(Input!$D$21=2,L6076*Input!$C$21,0)+IF(Input!$D$22=2,M6076*Input!$C$22,0)</f>
        <v>0.82052539028949179</v>
      </c>
      <c r="P6076" s="59">
        <f>IF(Input!$D$19=3,J6076*Input!$C$19,0)+IF(Input!$D$20=3,K6076*Input!$C$20,0)+IF(Input!$D$21=3,L6076*Input!$C$21,0)+IF(Input!$D$22=3,M6076*Input!$C$22,0)</f>
        <v>0</v>
      </c>
      <c r="Q6076" s="75">
        <f>IF(Input!$D$19=4,J6076*Input!$C$19,0)+IF(Input!$D$20=4,K6076*Input!$C$20,0)+IF(Input!$D$21=4,L6076*Input!$C$21,0)+IF(Input!$D$22=4,M6076*Input!$C$22,0)</f>
        <v>0</v>
      </c>
      <c r="R6076" s="58">
        <v>58.958220087945406</v>
      </c>
      <c r="S6076" s="124">
        <f t="shared" si="94"/>
        <v>1.422244009835119</v>
      </c>
    </row>
    <row r="6077" spans="8:19" x14ac:dyDescent="0.3">
      <c r="H6077" s="44">
        <v>6070</v>
      </c>
      <c r="I6077" s="56">
        <f>Bühler!I6103</f>
        <v>0.23869829535694309</v>
      </c>
      <c r="J6077" s="59">
        <f>Bühler!J6103</f>
        <v>0.79566098452314371</v>
      </c>
      <c r="K6077" s="59">
        <f>Bühler!K6103</f>
        <v>1.1934914767847153</v>
      </c>
      <c r="L6077" s="59">
        <f>Bühler!L6103</f>
        <v>5.7287590885666342</v>
      </c>
      <c r="M6077" s="58">
        <f>Bühler!M6103</f>
        <v>0</v>
      </c>
      <c r="N6077" s="56">
        <f>IF(Input!$D$19=1,J6077*Input!$C$19,0)+IF(Input!$D$20=1,K6077*Input!$C$20,0)+IF(Input!$D$21=1,L6077*Input!$C$21,0)+IF(Input!$D$22=1,M6077*Input!$C$22,0)</f>
        <v>0.23869829535694309</v>
      </c>
      <c r="O6077" s="59">
        <f>IF(Input!$D$19=2,J6077*Input!$C$19,0)+IF(Input!$D$20=2,K6077*Input!$C$20,0)+IF(Input!$D$21=2,L6077*Input!$C$21,0)+IF(Input!$D$22=2,M6077*Input!$C$22,0)</f>
        <v>0.59674573839235767</v>
      </c>
      <c r="P6077" s="59">
        <f>IF(Input!$D$19=3,J6077*Input!$C$19,0)+IF(Input!$D$20=3,K6077*Input!$C$20,0)+IF(Input!$D$21=3,L6077*Input!$C$21,0)+IF(Input!$D$22=3,M6077*Input!$C$22,0)</f>
        <v>0</v>
      </c>
      <c r="Q6077" s="75">
        <f>IF(Input!$D$19=4,J6077*Input!$C$19,0)+IF(Input!$D$20=4,K6077*Input!$C$20,0)+IF(Input!$D$21=4,L6077*Input!$C$21,0)+IF(Input!$D$22=4,M6077*Input!$C$22,0)</f>
        <v>0</v>
      </c>
      <c r="R6077" s="58">
        <v>57.008971032750495</v>
      </c>
      <c r="S6077" s="124">
        <f t="shared" si="94"/>
        <v>1.0343592798800869</v>
      </c>
    </row>
    <row r="6078" spans="8:19" x14ac:dyDescent="0.3">
      <c r="H6078" s="44">
        <v>6071</v>
      </c>
      <c r="I6078" s="56">
        <f>Bühler!I6104</f>
        <v>0.22676338058909593</v>
      </c>
      <c r="J6078" s="59">
        <f>Bühler!J6104</f>
        <v>0.75587793529698644</v>
      </c>
      <c r="K6078" s="59">
        <f>Bühler!K6104</f>
        <v>1.1338169029454797</v>
      </c>
      <c r="L6078" s="59">
        <f>Bühler!L6104</f>
        <v>5.442321134138302</v>
      </c>
      <c r="M6078" s="58">
        <f>Bühler!M6104</f>
        <v>0</v>
      </c>
      <c r="N6078" s="56">
        <f>IF(Input!$D$19=1,J6078*Input!$C$19,0)+IF(Input!$D$20=1,K6078*Input!$C$20,0)+IF(Input!$D$21=1,L6078*Input!$C$21,0)+IF(Input!$D$22=1,M6078*Input!$C$22,0)</f>
        <v>0.22676338058909593</v>
      </c>
      <c r="O6078" s="59">
        <f>IF(Input!$D$19=2,J6078*Input!$C$19,0)+IF(Input!$D$20=2,K6078*Input!$C$20,0)+IF(Input!$D$21=2,L6078*Input!$C$21,0)+IF(Input!$D$22=2,M6078*Input!$C$22,0)</f>
        <v>0.56690845147273983</v>
      </c>
      <c r="P6078" s="59">
        <f>IF(Input!$D$19=3,J6078*Input!$C$19,0)+IF(Input!$D$20=3,K6078*Input!$C$20,0)+IF(Input!$D$21=3,L6078*Input!$C$21,0)+IF(Input!$D$22=3,M6078*Input!$C$22,0)</f>
        <v>0</v>
      </c>
      <c r="Q6078" s="75">
        <f>IF(Input!$D$19=4,J6078*Input!$C$19,0)+IF(Input!$D$20=4,K6078*Input!$C$20,0)+IF(Input!$D$21=4,L6078*Input!$C$21,0)+IF(Input!$D$22=4,M6078*Input!$C$22,0)</f>
        <v>0</v>
      </c>
      <c r="R6078" s="58">
        <v>56.295963089541104</v>
      </c>
      <c r="S6078" s="124">
        <f t="shared" si="94"/>
        <v>0.98264131588608239</v>
      </c>
    </row>
    <row r="6079" spans="8:19" x14ac:dyDescent="0.3">
      <c r="H6079" s="44">
        <v>6072</v>
      </c>
      <c r="I6079" s="56">
        <f>Bühler!I6105</f>
        <v>0.22676338058909593</v>
      </c>
      <c r="J6079" s="59">
        <f>Bühler!J6105</f>
        <v>0.75587793529698644</v>
      </c>
      <c r="K6079" s="59">
        <f>Bühler!K6105</f>
        <v>1.1338169029454797</v>
      </c>
      <c r="L6079" s="59">
        <f>Bühler!L6105</f>
        <v>5.442321134138302</v>
      </c>
      <c r="M6079" s="58">
        <f>Bühler!M6105</f>
        <v>0</v>
      </c>
      <c r="N6079" s="56">
        <f>IF(Input!$D$19=1,J6079*Input!$C$19,0)+IF(Input!$D$20=1,K6079*Input!$C$20,0)+IF(Input!$D$21=1,L6079*Input!$C$21,0)+IF(Input!$D$22=1,M6079*Input!$C$22,0)</f>
        <v>0.22676338058909593</v>
      </c>
      <c r="O6079" s="59">
        <f>IF(Input!$D$19=2,J6079*Input!$C$19,0)+IF(Input!$D$20=2,K6079*Input!$C$20,0)+IF(Input!$D$21=2,L6079*Input!$C$21,0)+IF(Input!$D$22=2,M6079*Input!$C$22,0)</f>
        <v>0.56690845147273983</v>
      </c>
      <c r="P6079" s="59">
        <f>IF(Input!$D$19=3,J6079*Input!$C$19,0)+IF(Input!$D$20=3,K6079*Input!$C$20,0)+IF(Input!$D$21=3,L6079*Input!$C$21,0)+IF(Input!$D$22=3,M6079*Input!$C$22,0)</f>
        <v>0</v>
      </c>
      <c r="Q6079" s="75">
        <f>IF(Input!$D$19=4,J6079*Input!$C$19,0)+IF(Input!$D$20=4,K6079*Input!$C$20,0)+IF(Input!$D$21=4,L6079*Input!$C$21,0)+IF(Input!$D$22=4,M6079*Input!$C$22,0)</f>
        <v>0</v>
      </c>
      <c r="R6079" s="58">
        <v>55.555636499770543</v>
      </c>
      <c r="S6079" s="124">
        <f t="shared" si="94"/>
        <v>0.98264131588608239</v>
      </c>
    </row>
    <row r="6080" spans="8:19" x14ac:dyDescent="0.3">
      <c r="H6080" s="44">
        <v>6073</v>
      </c>
      <c r="I6080" s="56">
        <f>Bühler!I6106</f>
        <v>0.20912944077639439</v>
      </c>
      <c r="J6080" s="59">
        <f>Bühler!J6106</f>
        <v>0.69709813592131464</v>
      </c>
      <c r="K6080" s="59">
        <f>Bühler!K6106</f>
        <v>1.045647203881972</v>
      </c>
      <c r="L6080" s="59">
        <f>Bühler!L6106</f>
        <v>5.0191065786334654</v>
      </c>
      <c r="M6080" s="58">
        <f>Bühler!M6106</f>
        <v>0</v>
      </c>
      <c r="N6080" s="56">
        <f>IF(Input!$D$19=1,J6080*Input!$C$19,0)+IF(Input!$D$20=1,K6080*Input!$C$20,0)+IF(Input!$D$21=1,L6080*Input!$C$21,0)+IF(Input!$D$22=1,M6080*Input!$C$22,0)</f>
        <v>0.20912944077639439</v>
      </c>
      <c r="O6080" s="59">
        <f>IF(Input!$D$19=2,J6080*Input!$C$19,0)+IF(Input!$D$20=2,K6080*Input!$C$20,0)+IF(Input!$D$21=2,L6080*Input!$C$21,0)+IF(Input!$D$22=2,M6080*Input!$C$22,0)</f>
        <v>0.52282360194098598</v>
      </c>
      <c r="P6080" s="59">
        <f>IF(Input!$D$19=3,J6080*Input!$C$19,0)+IF(Input!$D$20=3,K6080*Input!$C$20,0)+IF(Input!$D$21=3,L6080*Input!$C$21,0)+IF(Input!$D$22=3,M6080*Input!$C$22,0)</f>
        <v>0</v>
      </c>
      <c r="Q6080" s="75">
        <f>IF(Input!$D$19=4,J6080*Input!$C$19,0)+IF(Input!$D$20=4,K6080*Input!$C$20,0)+IF(Input!$D$21=4,L6080*Input!$C$21,0)+IF(Input!$D$22=4,M6080*Input!$C$22,0)</f>
        <v>0</v>
      </c>
      <c r="R6080" s="58">
        <v>54.9505970637709</v>
      </c>
      <c r="S6080" s="124">
        <f t="shared" si="94"/>
        <v>0.90622757669770904</v>
      </c>
    </row>
    <row r="6081" spans="8:19" x14ac:dyDescent="0.3">
      <c r="H6081" s="44">
        <v>6074</v>
      </c>
      <c r="I6081" s="56">
        <f>Bühler!I6107</f>
        <v>0.20912944077639439</v>
      </c>
      <c r="J6081" s="59">
        <f>Bühler!J6107</f>
        <v>0.69709813592131464</v>
      </c>
      <c r="K6081" s="59">
        <f>Bühler!K6107</f>
        <v>1.045647203881972</v>
      </c>
      <c r="L6081" s="59">
        <f>Bühler!L6107</f>
        <v>5.0191065786334654</v>
      </c>
      <c r="M6081" s="58">
        <f>Bühler!M6107</f>
        <v>0</v>
      </c>
      <c r="N6081" s="56">
        <f>IF(Input!$D$19=1,J6081*Input!$C$19,0)+IF(Input!$D$20=1,K6081*Input!$C$20,0)+IF(Input!$D$21=1,L6081*Input!$C$21,0)+IF(Input!$D$22=1,M6081*Input!$C$22,0)</f>
        <v>0.20912944077639439</v>
      </c>
      <c r="O6081" s="59">
        <f>IF(Input!$D$19=2,J6081*Input!$C$19,0)+IF(Input!$D$20=2,K6081*Input!$C$20,0)+IF(Input!$D$21=2,L6081*Input!$C$21,0)+IF(Input!$D$22=2,M6081*Input!$C$22,0)</f>
        <v>0.52282360194098598</v>
      </c>
      <c r="P6081" s="59">
        <f>IF(Input!$D$19=3,J6081*Input!$C$19,0)+IF(Input!$D$20=3,K6081*Input!$C$20,0)+IF(Input!$D$21=3,L6081*Input!$C$21,0)+IF(Input!$D$22=3,M6081*Input!$C$22,0)</f>
        <v>0</v>
      </c>
      <c r="Q6081" s="75">
        <f>IF(Input!$D$19=4,J6081*Input!$C$19,0)+IF(Input!$D$20=4,K6081*Input!$C$20,0)+IF(Input!$D$21=4,L6081*Input!$C$21,0)+IF(Input!$D$22=4,M6081*Input!$C$22,0)</f>
        <v>0</v>
      </c>
      <c r="R6081" s="58">
        <v>54.545637501125626</v>
      </c>
      <c r="S6081" s="124">
        <f t="shared" si="94"/>
        <v>0.90622757669770904</v>
      </c>
    </row>
    <row r="6082" spans="8:19" x14ac:dyDescent="0.3">
      <c r="H6082" s="44">
        <v>6075</v>
      </c>
      <c r="I6082" s="56">
        <f>Bühler!I6108</f>
        <v>0.20912944077639439</v>
      </c>
      <c r="J6082" s="59">
        <f>Bühler!J6108</f>
        <v>0.69709813592131464</v>
      </c>
      <c r="K6082" s="59">
        <f>Bühler!K6108</f>
        <v>1.045647203881972</v>
      </c>
      <c r="L6082" s="59">
        <f>Bühler!L6108</f>
        <v>5.0191065786334654</v>
      </c>
      <c r="M6082" s="58">
        <f>Bühler!M6108</f>
        <v>0</v>
      </c>
      <c r="N6082" s="56">
        <f>IF(Input!$D$19=1,J6082*Input!$C$19,0)+IF(Input!$D$20=1,K6082*Input!$C$20,0)+IF(Input!$D$21=1,L6082*Input!$C$21,0)+IF(Input!$D$22=1,M6082*Input!$C$22,0)</f>
        <v>0.20912944077639439</v>
      </c>
      <c r="O6082" s="59">
        <f>IF(Input!$D$19=2,J6082*Input!$C$19,0)+IF(Input!$D$20=2,K6082*Input!$C$20,0)+IF(Input!$D$21=2,L6082*Input!$C$21,0)+IF(Input!$D$22=2,M6082*Input!$C$22,0)</f>
        <v>0.52282360194098598</v>
      </c>
      <c r="P6082" s="59">
        <f>IF(Input!$D$19=3,J6082*Input!$C$19,0)+IF(Input!$D$20=3,K6082*Input!$C$20,0)+IF(Input!$D$21=3,L6082*Input!$C$21,0)+IF(Input!$D$22=3,M6082*Input!$C$22,0)</f>
        <v>0</v>
      </c>
      <c r="Q6082" s="75">
        <f>IF(Input!$D$19=4,J6082*Input!$C$19,0)+IF(Input!$D$20=4,K6082*Input!$C$20,0)+IF(Input!$D$21=4,L6082*Input!$C$21,0)+IF(Input!$D$22=4,M6082*Input!$C$22,0)</f>
        <v>0</v>
      </c>
      <c r="R6082" s="58">
        <v>54.687559826677841</v>
      </c>
      <c r="S6082" s="124">
        <f t="shared" si="94"/>
        <v>0.90622757669770904</v>
      </c>
    </row>
    <row r="6083" spans="8:19" x14ac:dyDescent="0.3">
      <c r="H6083" s="44">
        <v>6076</v>
      </c>
      <c r="I6083" s="56">
        <f>Bühler!I6109</f>
        <v>0.20912944077639439</v>
      </c>
      <c r="J6083" s="59">
        <f>Bühler!J6109</f>
        <v>0.69709813592131464</v>
      </c>
      <c r="K6083" s="59">
        <f>Bühler!K6109</f>
        <v>1.045647203881972</v>
      </c>
      <c r="L6083" s="59">
        <f>Bühler!L6109</f>
        <v>5.0191065786334654</v>
      </c>
      <c r="M6083" s="58">
        <f>Bühler!M6109</f>
        <v>0</v>
      </c>
      <c r="N6083" s="56">
        <f>IF(Input!$D$19=1,J6083*Input!$C$19,0)+IF(Input!$D$20=1,K6083*Input!$C$20,0)+IF(Input!$D$21=1,L6083*Input!$C$21,0)+IF(Input!$D$22=1,M6083*Input!$C$22,0)</f>
        <v>0.20912944077639439</v>
      </c>
      <c r="O6083" s="59">
        <f>IF(Input!$D$19=2,J6083*Input!$C$19,0)+IF(Input!$D$20=2,K6083*Input!$C$20,0)+IF(Input!$D$21=2,L6083*Input!$C$21,0)+IF(Input!$D$22=2,M6083*Input!$C$22,0)</f>
        <v>0.52282360194098598</v>
      </c>
      <c r="P6083" s="59">
        <f>IF(Input!$D$19=3,J6083*Input!$C$19,0)+IF(Input!$D$20=3,K6083*Input!$C$20,0)+IF(Input!$D$21=3,L6083*Input!$C$21,0)+IF(Input!$D$22=3,M6083*Input!$C$22,0)</f>
        <v>0</v>
      </c>
      <c r="Q6083" s="75">
        <f>IF(Input!$D$19=4,J6083*Input!$C$19,0)+IF(Input!$D$20=4,K6083*Input!$C$20,0)+IF(Input!$D$21=4,L6083*Input!$C$21,0)+IF(Input!$D$22=4,M6083*Input!$C$22,0)</f>
        <v>0</v>
      </c>
      <c r="R6083" s="58">
        <v>55.353620671692141</v>
      </c>
      <c r="S6083" s="124">
        <f t="shared" si="94"/>
        <v>0.90622757669770904</v>
      </c>
    </row>
    <row r="6084" spans="8:19" x14ac:dyDescent="0.3">
      <c r="H6084" s="44">
        <v>6077</v>
      </c>
      <c r="I6084" s="56">
        <f>Bühler!I6110</f>
        <v>0.20912944077639439</v>
      </c>
      <c r="J6084" s="59">
        <f>Bühler!J6110</f>
        <v>0.69709813592131464</v>
      </c>
      <c r="K6084" s="59">
        <f>Bühler!K6110</f>
        <v>1.045647203881972</v>
      </c>
      <c r="L6084" s="59">
        <f>Bühler!L6110</f>
        <v>5.0191065786334654</v>
      </c>
      <c r="M6084" s="58">
        <f>Bühler!M6110</f>
        <v>0</v>
      </c>
      <c r="N6084" s="56">
        <f>IF(Input!$D$19=1,J6084*Input!$C$19,0)+IF(Input!$D$20=1,K6084*Input!$C$20,0)+IF(Input!$D$21=1,L6084*Input!$C$21,0)+IF(Input!$D$22=1,M6084*Input!$C$22,0)</f>
        <v>0.20912944077639439</v>
      </c>
      <c r="O6084" s="59">
        <f>IF(Input!$D$19=2,J6084*Input!$C$19,0)+IF(Input!$D$20=2,K6084*Input!$C$20,0)+IF(Input!$D$21=2,L6084*Input!$C$21,0)+IF(Input!$D$22=2,M6084*Input!$C$22,0)</f>
        <v>0.52282360194098598</v>
      </c>
      <c r="P6084" s="59">
        <f>IF(Input!$D$19=3,J6084*Input!$C$19,0)+IF(Input!$D$20=3,K6084*Input!$C$20,0)+IF(Input!$D$21=3,L6084*Input!$C$21,0)+IF(Input!$D$22=3,M6084*Input!$C$22,0)</f>
        <v>0</v>
      </c>
      <c r="Q6084" s="75">
        <f>IF(Input!$D$19=4,J6084*Input!$C$19,0)+IF(Input!$D$20=4,K6084*Input!$C$20,0)+IF(Input!$D$21=4,L6084*Input!$C$21,0)+IF(Input!$D$22=4,M6084*Input!$C$22,0)</f>
        <v>0</v>
      </c>
      <c r="R6084" s="58">
        <v>56.981288767038826</v>
      </c>
      <c r="S6084" s="124">
        <f t="shared" si="94"/>
        <v>0.90622757669770904</v>
      </c>
    </row>
    <row r="6085" spans="8:19" x14ac:dyDescent="0.3">
      <c r="H6085" s="44">
        <v>6078</v>
      </c>
      <c r="I6085" s="56">
        <f>Bühler!I6111</f>
        <v>0.27186827300931266</v>
      </c>
      <c r="J6085" s="59">
        <f>Bühler!J6111</f>
        <v>0.90622757669770904</v>
      </c>
      <c r="K6085" s="59">
        <f>Bühler!K6111</f>
        <v>1.3593413650465633</v>
      </c>
      <c r="L6085" s="59">
        <f>Bühler!L6111</f>
        <v>6.5248385522235042</v>
      </c>
      <c r="M6085" s="58">
        <f>Bühler!M6111</f>
        <v>0</v>
      </c>
      <c r="N6085" s="56">
        <f>IF(Input!$D$19=1,J6085*Input!$C$19,0)+IF(Input!$D$20=1,K6085*Input!$C$20,0)+IF(Input!$D$21=1,L6085*Input!$C$21,0)+IF(Input!$D$22=1,M6085*Input!$C$22,0)</f>
        <v>0.27186827300931271</v>
      </c>
      <c r="O6085" s="59">
        <f>IF(Input!$D$19=2,J6085*Input!$C$19,0)+IF(Input!$D$20=2,K6085*Input!$C$20,0)+IF(Input!$D$21=2,L6085*Input!$C$21,0)+IF(Input!$D$22=2,M6085*Input!$C$22,0)</f>
        <v>0.67967068252328167</v>
      </c>
      <c r="P6085" s="59">
        <f>IF(Input!$D$19=3,J6085*Input!$C$19,0)+IF(Input!$D$20=3,K6085*Input!$C$20,0)+IF(Input!$D$21=3,L6085*Input!$C$21,0)+IF(Input!$D$22=3,M6085*Input!$C$22,0)</f>
        <v>0</v>
      </c>
      <c r="Q6085" s="75">
        <f>IF(Input!$D$19=4,J6085*Input!$C$19,0)+IF(Input!$D$20=4,K6085*Input!$C$20,0)+IF(Input!$D$21=4,L6085*Input!$C$21,0)+IF(Input!$D$22=4,M6085*Input!$C$22,0)</f>
        <v>0</v>
      </c>
      <c r="R6085" s="58">
        <v>60.289197551532446</v>
      </c>
      <c r="S6085" s="124">
        <f t="shared" si="94"/>
        <v>1.1780958497070217</v>
      </c>
    </row>
    <row r="6086" spans="8:19" x14ac:dyDescent="0.3">
      <c r="H6086" s="44">
        <v>6079</v>
      </c>
      <c r="I6086" s="56">
        <f>Bühler!I6112</f>
        <v>0.30323768912577187</v>
      </c>
      <c r="J6086" s="59">
        <f>Bühler!J6112</f>
        <v>1.0107922970859062</v>
      </c>
      <c r="K6086" s="59">
        <f>Bühler!K6112</f>
        <v>1.5161884456288595</v>
      </c>
      <c r="L6086" s="59">
        <f>Bühler!L6112</f>
        <v>7.2777045390185249</v>
      </c>
      <c r="M6086" s="58">
        <f>Bühler!M6112</f>
        <v>0</v>
      </c>
      <c r="N6086" s="56">
        <f>IF(Input!$D$19=1,J6086*Input!$C$19,0)+IF(Input!$D$20=1,K6086*Input!$C$20,0)+IF(Input!$D$21=1,L6086*Input!$C$21,0)+IF(Input!$D$22=1,M6086*Input!$C$22,0)</f>
        <v>0.30323768912577187</v>
      </c>
      <c r="O6086" s="59">
        <f>IF(Input!$D$19=2,J6086*Input!$C$19,0)+IF(Input!$D$20=2,K6086*Input!$C$20,0)+IF(Input!$D$21=2,L6086*Input!$C$21,0)+IF(Input!$D$22=2,M6086*Input!$C$22,0)</f>
        <v>0.75809422281442973</v>
      </c>
      <c r="P6086" s="59">
        <f>IF(Input!$D$19=3,J6086*Input!$C$19,0)+IF(Input!$D$20=3,K6086*Input!$C$20,0)+IF(Input!$D$21=3,L6086*Input!$C$21,0)+IF(Input!$D$22=3,M6086*Input!$C$22,0)</f>
        <v>0</v>
      </c>
      <c r="Q6086" s="75">
        <f>IF(Input!$D$19=4,J6086*Input!$C$19,0)+IF(Input!$D$20=4,K6086*Input!$C$20,0)+IF(Input!$D$21=4,L6086*Input!$C$21,0)+IF(Input!$D$22=4,M6086*Input!$C$22,0)</f>
        <v>0</v>
      </c>
      <c r="R6086" s="58">
        <v>63.389230451609926</v>
      </c>
      <c r="S6086" s="124">
        <f t="shared" si="94"/>
        <v>1.3140299862116782</v>
      </c>
    </row>
    <row r="6087" spans="8:19" x14ac:dyDescent="0.3">
      <c r="H6087" s="44">
        <v>6080</v>
      </c>
      <c r="I6087" s="56">
        <f>Bühler!I6113</f>
        <v>0.31369416116459159</v>
      </c>
      <c r="J6087" s="59">
        <f>Bühler!J6113</f>
        <v>1.0456472038819722</v>
      </c>
      <c r="K6087" s="59">
        <f>Bühler!K6113</f>
        <v>1.5684708058229579</v>
      </c>
      <c r="L6087" s="59">
        <f>Bühler!L6113</f>
        <v>7.5286598679501981</v>
      </c>
      <c r="M6087" s="58">
        <f>Bühler!M6113</f>
        <v>0</v>
      </c>
      <c r="N6087" s="56">
        <f>IF(Input!$D$19=1,J6087*Input!$C$19,0)+IF(Input!$D$20=1,K6087*Input!$C$20,0)+IF(Input!$D$21=1,L6087*Input!$C$21,0)+IF(Input!$D$22=1,M6087*Input!$C$22,0)</f>
        <v>0.31369416116459165</v>
      </c>
      <c r="O6087" s="59">
        <f>IF(Input!$D$19=2,J6087*Input!$C$19,0)+IF(Input!$D$20=2,K6087*Input!$C$20,0)+IF(Input!$D$21=2,L6087*Input!$C$21,0)+IF(Input!$D$22=2,M6087*Input!$C$22,0)</f>
        <v>0.78423540291147897</v>
      </c>
      <c r="P6087" s="59">
        <f>IF(Input!$D$19=3,J6087*Input!$C$19,0)+IF(Input!$D$20=3,K6087*Input!$C$20,0)+IF(Input!$D$21=3,L6087*Input!$C$21,0)+IF(Input!$D$22=3,M6087*Input!$C$22,0)</f>
        <v>0</v>
      </c>
      <c r="Q6087" s="75">
        <f>IF(Input!$D$19=4,J6087*Input!$C$19,0)+IF(Input!$D$20=4,K6087*Input!$C$20,0)+IF(Input!$D$21=4,L6087*Input!$C$21,0)+IF(Input!$D$22=4,M6087*Input!$C$22,0)</f>
        <v>0</v>
      </c>
      <c r="R6087" s="58">
        <v>65.828256477469751</v>
      </c>
      <c r="S6087" s="124">
        <f t="shared" si="94"/>
        <v>1.3593413650465638</v>
      </c>
    </row>
    <row r="6088" spans="8:19" x14ac:dyDescent="0.3">
      <c r="H6088" s="44">
        <v>6081</v>
      </c>
      <c r="I6088" s="56">
        <f>Bühler!I6114</f>
        <v>0.31369416116459159</v>
      </c>
      <c r="J6088" s="59">
        <f>Bühler!J6114</f>
        <v>1.0456472038819722</v>
      </c>
      <c r="K6088" s="59">
        <f>Bühler!K6114</f>
        <v>1.5684708058229579</v>
      </c>
      <c r="L6088" s="59">
        <f>Bühler!L6114</f>
        <v>7.5286598679501981</v>
      </c>
      <c r="M6088" s="58">
        <f>Bühler!M6114</f>
        <v>0</v>
      </c>
      <c r="N6088" s="56">
        <f>IF(Input!$D$19=1,J6088*Input!$C$19,0)+IF(Input!$D$20=1,K6088*Input!$C$20,0)+IF(Input!$D$21=1,L6088*Input!$C$21,0)+IF(Input!$D$22=1,M6088*Input!$C$22,0)</f>
        <v>0.31369416116459165</v>
      </c>
      <c r="O6088" s="59">
        <f>IF(Input!$D$19=2,J6088*Input!$C$19,0)+IF(Input!$D$20=2,K6088*Input!$C$20,0)+IF(Input!$D$21=2,L6088*Input!$C$21,0)+IF(Input!$D$22=2,M6088*Input!$C$22,0)</f>
        <v>0.78423540291147897</v>
      </c>
      <c r="P6088" s="59">
        <f>IF(Input!$D$19=3,J6088*Input!$C$19,0)+IF(Input!$D$20=3,K6088*Input!$C$20,0)+IF(Input!$D$21=3,L6088*Input!$C$21,0)+IF(Input!$D$22=3,M6088*Input!$C$22,0)</f>
        <v>0</v>
      </c>
      <c r="Q6088" s="75">
        <f>IF(Input!$D$19=4,J6088*Input!$C$19,0)+IF(Input!$D$20=4,K6088*Input!$C$20,0)+IF(Input!$D$21=4,L6088*Input!$C$21,0)+IF(Input!$D$22=4,M6088*Input!$C$22,0)</f>
        <v>0</v>
      </c>
      <c r="R6088" s="58">
        <v>66.829900826472382</v>
      </c>
      <c r="S6088" s="124">
        <f t="shared" si="94"/>
        <v>1.3593413650465638</v>
      </c>
    </row>
    <row r="6089" spans="8:19" x14ac:dyDescent="0.3">
      <c r="H6089" s="44">
        <v>6082</v>
      </c>
      <c r="I6089" s="56">
        <f>Bühler!I6115</f>
        <v>0.33983534126164089</v>
      </c>
      <c r="J6089" s="59">
        <f>Bühler!J6115</f>
        <v>1.1327844708721364</v>
      </c>
      <c r="K6089" s="59">
        <f>Bühler!K6115</f>
        <v>1.6991767063082044</v>
      </c>
      <c r="L6089" s="59">
        <f>Bühler!L6115</f>
        <v>8.1560481902793818</v>
      </c>
      <c r="M6089" s="58">
        <f>Bühler!M6115</f>
        <v>0</v>
      </c>
      <c r="N6089" s="56">
        <f>IF(Input!$D$19=1,J6089*Input!$C$19,0)+IF(Input!$D$20=1,K6089*Input!$C$20,0)+IF(Input!$D$21=1,L6089*Input!$C$21,0)+IF(Input!$D$22=1,M6089*Input!$C$22,0)</f>
        <v>0.33983534126164089</v>
      </c>
      <c r="O6089" s="59">
        <f>IF(Input!$D$19=2,J6089*Input!$C$19,0)+IF(Input!$D$20=2,K6089*Input!$C$20,0)+IF(Input!$D$21=2,L6089*Input!$C$21,0)+IF(Input!$D$22=2,M6089*Input!$C$22,0)</f>
        <v>0.84958835315410219</v>
      </c>
      <c r="P6089" s="59">
        <f>IF(Input!$D$19=3,J6089*Input!$C$19,0)+IF(Input!$D$20=3,K6089*Input!$C$20,0)+IF(Input!$D$21=3,L6089*Input!$C$21,0)+IF(Input!$D$22=3,M6089*Input!$C$22,0)</f>
        <v>0</v>
      </c>
      <c r="Q6089" s="75">
        <f>IF(Input!$D$19=4,J6089*Input!$C$19,0)+IF(Input!$D$20=4,K6089*Input!$C$20,0)+IF(Input!$D$21=4,L6089*Input!$C$21,0)+IF(Input!$D$22=4,M6089*Input!$C$22,0)</f>
        <v>0</v>
      </c>
      <c r="R6089" s="58">
        <v>66.882423719052127</v>
      </c>
      <c r="S6089" s="124">
        <f t="shared" ref="S6089:S6152" si="95">I6089+J6089</f>
        <v>1.4726198121337772</v>
      </c>
    </row>
    <row r="6090" spans="8:19" x14ac:dyDescent="0.3">
      <c r="H6090" s="44">
        <v>6083</v>
      </c>
      <c r="I6090" s="56">
        <f>Bühler!I6116</f>
        <v>0.35552004931987041</v>
      </c>
      <c r="J6090" s="59">
        <f>Bühler!J6116</f>
        <v>1.1850668310662349</v>
      </c>
      <c r="K6090" s="59">
        <f>Bühler!K6116</f>
        <v>1.7776002465993521</v>
      </c>
      <c r="L6090" s="59">
        <f>Bühler!L6116</f>
        <v>8.5324811836768895</v>
      </c>
      <c r="M6090" s="58">
        <f>Bühler!M6116</f>
        <v>0</v>
      </c>
      <c r="N6090" s="56">
        <f>IF(Input!$D$19=1,J6090*Input!$C$19,0)+IF(Input!$D$20=1,K6090*Input!$C$20,0)+IF(Input!$D$21=1,L6090*Input!$C$21,0)+IF(Input!$D$22=1,M6090*Input!$C$22,0)</f>
        <v>0.35552004931987047</v>
      </c>
      <c r="O6090" s="59">
        <f>IF(Input!$D$19=2,J6090*Input!$C$19,0)+IF(Input!$D$20=2,K6090*Input!$C$20,0)+IF(Input!$D$21=2,L6090*Input!$C$21,0)+IF(Input!$D$22=2,M6090*Input!$C$22,0)</f>
        <v>0.88880012329967606</v>
      </c>
      <c r="P6090" s="59">
        <f>IF(Input!$D$19=3,J6090*Input!$C$19,0)+IF(Input!$D$20=3,K6090*Input!$C$20,0)+IF(Input!$D$21=3,L6090*Input!$C$21,0)+IF(Input!$D$22=3,M6090*Input!$C$22,0)</f>
        <v>0</v>
      </c>
      <c r="Q6090" s="75">
        <f>IF(Input!$D$19=4,J6090*Input!$C$19,0)+IF(Input!$D$20=4,K6090*Input!$C$20,0)+IF(Input!$D$21=4,L6090*Input!$C$21,0)+IF(Input!$D$22=4,M6090*Input!$C$22,0)</f>
        <v>0</v>
      </c>
      <c r="R6090" s="58">
        <v>67.946616093011954</v>
      </c>
      <c r="S6090" s="124">
        <f t="shared" si="95"/>
        <v>1.5405868803861054</v>
      </c>
    </row>
    <row r="6091" spans="8:19" x14ac:dyDescent="0.3">
      <c r="H6091" s="44">
        <v>6084</v>
      </c>
      <c r="I6091" s="56">
        <f>Bühler!I6117</f>
        <v>0.41825888155278879</v>
      </c>
      <c r="J6091" s="59">
        <f>Bühler!J6117</f>
        <v>1.3941962718426293</v>
      </c>
      <c r="K6091" s="59">
        <f>Bühler!K6117</f>
        <v>2.0912944077639439</v>
      </c>
      <c r="L6091" s="59">
        <f>Bühler!L6117</f>
        <v>10.038213157266931</v>
      </c>
      <c r="M6091" s="58">
        <f>Bühler!M6117</f>
        <v>0</v>
      </c>
      <c r="N6091" s="56">
        <f>IF(Input!$D$19=1,J6091*Input!$C$19,0)+IF(Input!$D$20=1,K6091*Input!$C$20,0)+IF(Input!$D$21=1,L6091*Input!$C$21,0)+IF(Input!$D$22=1,M6091*Input!$C$22,0)</f>
        <v>0.41825888155278879</v>
      </c>
      <c r="O6091" s="59">
        <f>IF(Input!$D$19=2,J6091*Input!$C$19,0)+IF(Input!$D$20=2,K6091*Input!$C$20,0)+IF(Input!$D$21=2,L6091*Input!$C$21,0)+IF(Input!$D$22=2,M6091*Input!$C$22,0)</f>
        <v>1.045647203881972</v>
      </c>
      <c r="P6091" s="59">
        <f>IF(Input!$D$19=3,J6091*Input!$C$19,0)+IF(Input!$D$20=3,K6091*Input!$C$20,0)+IF(Input!$D$21=3,L6091*Input!$C$21,0)+IF(Input!$D$22=3,M6091*Input!$C$22,0)</f>
        <v>0</v>
      </c>
      <c r="Q6091" s="75">
        <f>IF(Input!$D$19=4,J6091*Input!$C$19,0)+IF(Input!$D$20=4,K6091*Input!$C$20,0)+IF(Input!$D$21=4,L6091*Input!$C$21,0)+IF(Input!$D$22=4,M6091*Input!$C$22,0)</f>
        <v>0</v>
      </c>
      <c r="R6091" s="58">
        <v>69.083057703368382</v>
      </c>
      <c r="S6091" s="124">
        <f t="shared" si="95"/>
        <v>1.8124551533954181</v>
      </c>
    </row>
    <row r="6092" spans="8:19" x14ac:dyDescent="0.3">
      <c r="H6092" s="44">
        <v>6085</v>
      </c>
      <c r="I6092" s="56">
        <f>Bühler!I6118</f>
        <v>0.41825888155278879</v>
      </c>
      <c r="J6092" s="59">
        <f>Bühler!J6118</f>
        <v>1.3941962718426293</v>
      </c>
      <c r="K6092" s="59">
        <f>Bühler!K6118</f>
        <v>2.0912944077639439</v>
      </c>
      <c r="L6092" s="59">
        <f>Bühler!L6118</f>
        <v>10.038213157266931</v>
      </c>
      <c r="M6092" s="58">
        <f>Bühler!M6118</f>
        <v>0</v>
      </c>
      <c r="N6092" s="56">
        <f>IF(Input!$D$19=1,J6092*Input!$C$19,0)+IF(Input!$D$20=1,K6092*Input!$C$20,0)+IF(Input!$D$21=1,L6092*Input!$C$21,0)+IF(Input!$D$22=1,M6092*Input!$C$22,0)</f>
        <v>0.41825888155278879</v>
      </c>
      <c r="O6092" s="59">
        <f>IF(Input!$D$19=2,J6092*Input!$C$19,0)+IF(Input!$D$20=2,K6092*Input!$C$20,0)+IF(Input!$D$21=2,L6092*Input!$C$21,0)+IF(Input!$D$22=2,M6092*Input!$C$22,0)</f>
        <v>1.045647203881972</v>
      </c>
      <c r="P6092" s="59">
        <f>IF(Input!$D$19=3,J6092*Input!$C$19,0)+IF(Input!$D$20=3,K6092*Input!$C$20,0)+IF(Input!$D$21=3,L6092*Input!$C$21,0)+IF(Input!$D$22=3,M6092*Input!$C$22,0)</f>
        <v>0</v>
      </c>
      <c r="Q6092" s="75">
        <f>IF(Input!$D$19=4,J6092*Input!$C$19,0)+IF(Input!$D$20=4,K6092*Input!$C$20,0)+IF(Input!$D$21=4,L6092*Input!$C$21,0)+IF(Input!$D$22=4,M6092*Input!$C$22,0)</f>
        <v>0</v>
      </c>
      <c r="R6092" s="58">
        <v>68.735371579521157</v>
      </c>
      <c r="S6092" s="124">
        <f t="shared" si="95"/>
        <v>1.8124551533954181</v>
      </c>
    </row>
    <row r="6093" spans="8:19" x14ac:dyDescent="0.3">
      <c r="H6093" s="44">
        <v>6086</v>
      </c>
      <c r="I6093" s="56">
        <f>Bühler!I6119</f>
        <v>0.41825888155278879</v>
      </c>
      <c r="J6093" s="59">
        <f>Bühler!J6119</f>
        <v>1.3941962718426293</v>
      </c>
      <c r="K6093" s="59">
        <f>Bühler!K6119</f>
        <v>2.0912944077639439</v>
      </c>
      <c r="L6093" s="59">
        <f>Bühler!L6119</f>
        <v>10.038213157266931</v>
      </c>
      <c r="M6093" s="58">
        <f>Bühler!M6119</f>
        <v>0</v>
      </c>
      <c r="N6093" s="56">
        <f>IF(Input!$D$19=1,J6093*Input!$C$19,0)+IF(Input!$D$20=1,K6093*Input!$C$20,0)+IF(Input!$D$21=1,L6093*Input!$C$21,0)+IF(Input!$D$22=1,M6093*Input!$C$22,0)</f>
        <v>0.41825888155278879</v>
      </c>
      <c r="O6093" s="59">
        <f>IF(Input!$D$19=2,J6093*Input!$C$19,0)+IF(Input!$D$20=2,K6093*Input!$C$20,0)+IF(Input!$D$21=2,L6093*Input!$C$21,0)+IF(Input!$D$22=2,M6093*Input!$C$22,0)</f>
        <v>1.045647203881972</v>
      </c>
      <c r="P6093" s="59">
        <f>IF(Input!$D$19=3,J6093*Input!$C$19,0)+IF(Input!$D$20=3,K6093*Input!$C$20,0)+IF(Input!$D$21=3,L6093*Input!$C$21,0)+IF(Input!$D$22=3,M6093*Input!$C$22,0)</f>
        <v>0</v>
      </c>
      <c r="Q6093" s="75">
        <f>IF(Input!$D$19=4,J6093*Input!$C$19,0)+IF(Input!$D$20=4,K6093*Input!$C$20,0)+IF(Input!$D$21=4,L6093*Input!$C$21,0)+IF(Input!$D$22=4,M6093*Input!$C$22,0)</f>
        <v>0</v>
      </c>
      <c r="R6093" s="58">
        <v>68.005556229093116</v>
      </c>
      <c r="S6093" s="124">
        <f t="shared" si="95"/>
        <v>1.8124551533954181</v>
      </c>
    </row>
    <row r="6094" spans="8:19" x14ac:dyDescent="0.3">
      <c r="H6094" s="44">
        <v>6087</v>
      </c>
      <c r="I6094" s="56">
        <f>Bühler!I6120</f>
        <v>0.41825888155278879</v>
      </c>
      <c r="J6094" s="59">
        <f>Bühler!J6120</f>
        <v>1.3941962718426293</v>
      </c>
      <c r="K6094" s="59">
        <f>Bühler!K6120</f>
        <v>2.0912944077639439</v>
      </c>
      <c r="L6094" s="59">
        <f>Bühler!L6120</f>
        <v>10.038213157266931</v>
      </c>
      <c r="M6094" s="58">
        <f>Bühler!M6120</f>
        <v>0</v>
      </c>
      <c r="N6094" s="56">
        <f>IF(Input!$D$19=1,J6094*Input!$C$19,0)+IF(Input!$D$20=1,K6094*Input!$C$20,0)+IF(Input!$D$21=1,L6094*Input!$C$21,0)+IF(Input!$D$22=1,M6094*Input!$C$22,0)</f>
        <v>0.41825888155278879</v>
      </c>
      <c r="O6094" s="59">
        <f>IF(Input!$D$19=2,J6094*Input!$C$19,0)+IF(Input!$D$20=2,K6094*Input!$C$20,0)+IF(Input!$D$21=2,L6094*Input!$C$21,0)+IF(Input!$D$22=2,M6094*Input!$C$22,0)</f>
        <v>1.045647203881972</v>
      </c>
      <c r="P6094" s="59">
        <f>IF(Input!$D$19=3,J6094*Input!$C$19,0)+IF(Input!$D$20=3,K6094*Input!$C$20,0)+IF(Input!$D$21=3,L6094*Input!$C$21,0)+IF(Input!$D$22=3,M6094*Input!$C$22,0)</f>
        <v>0</v>
      </c>
      <c r="Q6094" s="75">
        <f>IF(Input!$D$19=4,J6094*Input!$C$19,0)+IF(Input!$D$20=4,K6094*Input!$C$20,0)+IF(Input!$D$21=4,L6094*Input!$C$21,0)+IF(Input!$D$22=4,M6094*Input!$C$22,0)</f>
        <v>0</v>
      </c>
      <c r="R6094" s="58">
        <v>67.647363730111238</v>
      </c>
      <c r="S6094" s="124">
        <f t="shared" si="95"/>
        <v>1.8124551533954181</v>
      </c>
    </row>
    <row r="6095" spans="8:19" x14ac:dyDescent="0.3">
      <c r="H6095" s="44">
        <v>6088</v>
      </c>
      <c r="I6095" s="56">
        <f>Bühler!I6121</f>
        <v>0.41825888155278879</v>
      </c>
      <c r="J6095" s="59">
        <f>Bühler!J6121</f>
        <v>1.3941962718426293</v>
      </c>
      <c r="K6095" s="59">
        <f>Bühler!K6121</f>
        <v>2.0912944077639439</v>
      </c>
      <c r="L6095" s="59">
        <f>Bühler!L6121</f>
        <v>10.038213157266931</v>
      </c>
      <c r="M6095" s="58">
        <f>Bühler!M6121</f>
        <v>0</v>
      </c>
      <c r="N6095" s="56">
        <f>IF(Input!$D$19=1,J6095*Input!$C$19,0)+IF(Input!$D$20=1,K6095*Input!$C$20,0)+IF(Input!$D$21=1,L6095*Input!$C$21,0)+IF(Input!$D$22=1,M6095*Input!$C$22,0)</f>
        <v>0.41825888155278879</v>
      </c>
      <c r="O6095" s="59">
        <f>IF(Input!$D$19=2,J6095*Input!$C$19,0)+IF(Input!$D$20=2,K6095*Input!$C$20,0)+IF(Input!$D$21=2,L6095*Input!$C$21,0)+IF(Input!$D$22=2,M6095*Input!$C$22,0)</f>
        <v>1.045647203881972</v>
      </c>
      <c r="P6095" s="59">
        <f>IF(Input!$D$19=3,J6095*Input!$C$19,0)+IF(Input!$D$20=3,K6095*Input!$C$20,0)+IF(Input!$D$21=3,L6095*Input!$C$21,0)+IF(Input!$D$22=3,M6095*Input!$C$22,0)</f>
        <v>0</v>
      </c>
      <c r="Q6095" s="75">
        <f>IF(Input!$D$19=4,J6095*Input!$C$19,0)+IF(Input!$D$20=4,K6095*Input!$C$20,0)+IF(Input!$D$21=4,L6095*Input!$C$21,0)+IF(Input!$D$22=4,M6095*Input!$C$22,0)</f>
        <v>0</v>
      </c>
      <c r="R6095" s="58">
        <v>67.520217357747171</v>
      </c>
      <c r="S6095" s="124">
        <f t="shared" si="95"/>
        <v>1.8124551533954181</v>
      </c>
    </row>
    <row r="6096" spans="8:19" x14ac:dyDescent="0.3">
      <c r="H6096" s="44">
        <v>6089</v>
      </c>
      <c r="I6096" s="56">
        <f>Bühler!I6122</f>
        <v>0.41825888155278879</v>
      </c>
      <c r="J6096" s="59">
        <f>Bühler!J6122</f>
        <v>1.3941962718426293</v>
      </c>
      <c r="K6096" s="59">
        <f>Bühler!K6122</f>
        <v>2.0912944077639439</v>
      </c>
      <c r="L6096" s="59">
        <f>Bühler!L6122</f>
        <v>10.038213157266931</v>
      </c>
      <c r="M6096" s="58">
        <f>Bühler!M6122</f>
        <v>0</v>
      </c>
      <c r="N6096" s="56">
        <f>IF(Input!$D$19=1,J6096*Input!$C$19,0)+IF(Input!$D$20=1,K6096*Input!$C$20,0)+IF(Input!$D$21=1,L6096*Input!$C$21,0)+IF(Input!$D$22=1,M6096*Input!$C$22,0)</f>
        <v>0.41825888155278879</v>
      </c>
      <c r="O6096" s="59">
        <f>IF(Input!$D$19=2,J6096*Input!$C$19,0)+IF(Input!$D$20=2,K6096*Input!$C$20,0)+IF(Input!$D$21=2,L6096*Input!$C$21,0)+IF(Input!$D$22=2,M6096*Input!$C$22,0)</f>
        <v>1.045647203881972</v>
      </c>
      <c r="P6096" s="59">
        <f>IF(Input!$D$19=3,J6096*Input!$C$19,0)+IF(Input!$D$20=3,K6096*Input!$C$20,0)+IF(Input!$D$21=3,L6096*Input!$C$21,0)+IF(Input!$D$22=3,M6096*Input!$C$22,0)</f>
        <v>0</v>
      </c>
      <c r="Q6096" s="75">
        <f>IF(Input!$D$19=4,J6096*Input!$C$19,0)+IF(Input!$D$20=4,K6096*Input!$C$20,0)+IF(Input!$D$21=4,L6096*Input!$C$21,0)+IF(Input!$D$22=4,M6096*Input!$C$22,0)</f>
        <v>0</v>
      </c>
      <c r="R6096" s="58">
        <v>66.100387625729482</v>
      </c>
      <c r="S6096" s="124">
        <f t="shared" si="95"/>
        <v>1.8124551533954181</v>
      </c>
    </row>
    <row r="6097" spans="8:19" x14ac:dyDescent="0.3">
      <c r="H6097" s="44">
        <v>6090</v>
      </c>
      <c r="I6097" s="56">
        <f>Bühler!I6123</f>
        <v>0.41825888155278879</v>
      </c>
      <c r="J6097" s="59">
        <f>Bühler!J6123</f>
        <v>1.3941962718426293</v>
      </c>
      <c r="K6097" s="59">
        <f>Bühler!K6123</f>
        <v>2.0912944077639439</v>
      </c>
      <c r="L6097" s="59">
        <f>Bühler!L6123</f>
        <v>10.038213157266931</v>
      </c>
      <c r="M6097" s="58">
        <f>Bühler!M6123</f>
        <v>0</v>
      </c>
      <c r="N6097" s="56">
        <f>IF(Input!$D$19=1,J6097*Input!$C$19,0)+IF(Input!$D$20=1,K6097*Input!$C$20,0)+IF(Input!$D$21=1,L6097*Input!$C$21,0)+IF(Input!$D$22=1,M6097*Input!$C$22,0)</f>
        <v>0.41825888155278879</v>
      </c>
      <c r="O6097" s="59">
        <f>IF(Input!$D$19=2,J6097*Input!$C$19,0)+IF(Input!$D$20=2,K6097*Input!$C$20,0)+IF(Input!$D$21=2,L6097*Input!$C$21,0)+IF(Input!$D$22=2,M6097*Input!$C$22,0)</f>
        <v>1.045647203881972</v>
      </c>
      <c r="P6097" s="59">
        <f>IF(Input!$D$19=3,J6097*Input!$C$19,0)+IF(Input!$D$20=3,K6097*Input!$C$20,0)+IF(Input!$D$21=3,L6097*Input!$C$21,0)+IF(Input!$D$22=3,M6097*Input!$C$22,0)</f>
        <v>0</v>
      </c>
      <c r="Q6097" s="75">
        <f>IF(Input!$D$19=4,J6097*Input!$C$19,0)+IF(Input!$D$20=4,K6097*Input!$C$20,0)+IF(Input!$D$21=4,L6097*Input!$C$21,0)+IF(Input!$D$22=4,M6097*Input!$C$22,0)</f>
        <v>0</v>
      </c>
      <c r="R6097" s="58">
        <v>64.719393258450921</v>
      </c>
      <c r="S6097" s="124">
        <f t="shared" si="95"/>
        <v>1.8124551533954181</v>
      </c>
    </row>
    <row r="6098" spans="8:19" x14ac:dyDescent="0.3">
      <c r="H6098" s="44">
        <v>6091</v>
      </c>
      <c r="I6098" s="56">
        <f>Bühler!I6124</f>
        <v>0.41825888155278879</v>
      </c>
      <c r="J6098" s="59">
        <f>Bühler!J6124</f>
        <v>1.3941962718426293</v>
      </c>
      <c r="K6098" s="59">
        <f>Bühler!K6124</f>
        <v>2.0912944077639439</v>
      </c>
      <c r="L6098" s="59">
        <f>Bühler!L6124</f>
        <v>10.038213157266931</v>
      </c>
      <c r="M6098" s="58">
        <f>Bühler!M6124</f>
        <v>0</v>
      </c>
      <c r="N6098" s="56">
        <f>IF(Input!$D$19=1,J6098*Input!$C$19,0)+IF(Input!$D$20=1,K6098*Input!$C$20,0)+IF(Input!$D$21=1,L6098*Input!$C$21,0)+IF(Input!$D$22=1,M6098*Input!$C$22,0)</f>
        <v>0.41825888155278879</v>
      </c>
      <c r="O6098" s="59">
        <f>IF(Input!$D$19=2,J6098*Input!$C$19,0)+IF(Input!$D$20=2,K6098*Input!$C$20,0)+IF(Input!$D$21=2,L6098*Input!$C$21,0)+IF(Input!$D$22=2,M6098*Input!$C$22,0)</f>
        <v>1.045647203881972</v>
      </c>
      <c r="P6098" s="59">
        <f>IF(Input!$D$19=3,J6098*Input!$C$19,0)+IF(Input!$D$20=3,K6098*Input!$C$20,0)+IF(Input!$D$21=3,L6098*Input!$C$21,0)+IF(Input!$D$22=3,M6098*Input!$C$22,0)</f>
        <v>0</v>
      </c>
      <c r="Q6098" s="75">
        <f>IF(Input!$D$19=4,J6098*Input!$C$19,0)+IF(Input!$D$20=4,K6098*Input!$C$20,0)+IF(Input!$D$21=4,L6098*Input!$C$21,0)+IF(Input!$D$22=4,M6098*Input!$C$22,0)</f>
        <v>0</v>
      </c>
      <c r="R6098" s="58">
        <v>63.460726186905923</v>
      </c>
      <c r="S6098" s="124">
        <f t="shared" si="95"/>
        <v>1.8124551533954181</v>
      </c>
    </row>
    <row r="6099" spans="8:19" x14ac:dyDescent="0.3">
      <c r="H6099" s="44">
        <v>6092</v>
      </c>
      <c r="I6099" s="56">
        <f>Bühler!I6125</f>
        <v>0.35029181330046061</v>
      </c>
      <c r="J6099" s="59">
        <f>Bühler!J6125</f>
        <v>1.1676393776682021</v>
      </c>
      <c r="K6099" s="59">
        <f>Bühler!K6125</f>
        <v>1.7514590665023031</v>
      </c>
      <c r="L6099" s="59">
        <f>Bühler!L6125</f>
        <v>8.4070035192110542</v>
      </c>
      <c r="M6099" s="58">
        <f>Bühler!M6125</f>
        <v>0</v>
      </c>
      <c r="N6099" s="56">
        <f>IF(Input!$D$19=1,J6099*Input!$C$19,0)+IF(Input!$D$20=1,K6099*Input!$C$20,0)+IF(Input!$D$21=1,L6099*Input!$C$21,0)+IF(Input!$D$22=1,M6099*Input!$C$22,0)</f>
        <v>0.35029181330046061</v>
      </c>
      <c r="O6099" s="59">
        <f>IF(Input!$D$19=2,J6099*Input!$C$19,0)+IF(Input!$D$20=2,K6099*Input!$C$20,0)+IF(Input!$D$21=2,L6099*Input!$C$21,0)+IF(Input!$D$22=2,M6099*Input!$C$22,0)</f>
        <v>0.87572953325115155</v>
      </c>
      <c r="P6099" s="59">
        <f>IF(Input!$D$19=3,J6099*Input!$C$19,0)+IF(Input!$D$20=3,K6099*Input!$C$20,0)+IF(Input!$D$21=3,L6099*Input!$C$21,0)+IF(Input!$D$22=3,M6099*Input!$C$22,0)</f>
        <v>0</v>
      </c>
      <c r="Q6099" s="75">
        <f>IF(Input!$D$19=4,J6099*Input!$C$19,0)+IF(Input!$D$20=4,K6099*Input!$C$20,0)+IF(Input!$D$21=4,L6099*Input!$C$21,0)+IF(Input!$D$22=4,M6099*Input!$C$22,0)</f>
        <v>0</v>
      </c>
      <c r="R6099" s="58">
        <v>62.343367099307251</v>
      </c>
      <c r="S6099" s="124">
        <f t="shared" si="95"/>
        <v>1.5179311909686628</v>
      </c>
    </row>
    <row r="6100" spans="8:19" x14ac:dyDescent="0.3">
      <c r="H6100" s="44">
        <v>6093</v>
      </c>
      <c r="I6100" s="56">
        <f>Bühler!I6126</f>
        <v>0.28755298106754229</v>
      </c>
      <c r="J6100" s="59">
        <f>Bühler!J6126</f>
        <v>0.95850993689180763</v>
      </c>
      <c r="K6100" s="59">
        <f>Bühler!K6126</f>
        <v>1.4377649053377113</v>
      </c>
      <c r="L6100" s="59">
        <f>Bühler!L6126</f>
        <v>6.9012715456210145</v>
      </c>
      <c r="M6100" s="58">
        <f>Bühler!M6126</f>
        <v>0</v>
      </c>
      <c r="N6100" s="56">
        <f>IF(Input!$D$19=1,J6100*Input!$C$19,0)+IF(Input!$D$20=1,K6100*Input!$C$20,0)+IF(Input!$D$21=1,L6100*Input!$C$21,0)+IF(Input!$D$22=1,M6100*Input!$C$22,0)</f>
        <v>0.28755298106754229</v>
      </c>
      <c r="O6100" s="59">
        <f>IF(Input!$D$19=2,J6100*Input!$C$19,0)+IF(Input!$D$20=2,K6100*Input!$C$20,0)+IF(Input!$D$21=2,L6100*Input!$C$21,0)+IF(Input!$D$22=2,M6100*Input!$C$22,0)</f>
        <v>0.71888245266885564</v>
      </c>
      <c r="P6100" s="59">
        <f>IF(Input!$D$19=3,J6100*Input!$C$19,0)+IF(Input!$D$20=3,K6100*Input!$C$20,0)+IF(Input!$D$21=3,L6100*Input!$C$21,0)+IF(Input!$D$22=3,M6100*Input!$C$22,0)</f>
        <v>0</v>
      </c>
      <c r="Q6100" s="75">
        <f>IF(Input!$D$19=4,J6100*Input!$C$19,0)+IF(Input!$D$20=4,K6100*Input!$C$20,0)+IF(Input!$D$21=4,L6100*Input!$C$21,0)+IF(Input!$D$22=4,M6100*Input!$C$22,0)</f>
        <v>0</v>
      </c>
      <c r="R6100" s="58">
        <v>60.16638126561385</v>
      </c>
      <c r="S6100" s="124">
        <f t="shared" si="95"/>
        <v>1.2460629179593499</v>
      </c>
    </row>
    <row r="6101" spans="8:19" x14ac:dyDescent="0.3">
      <c r="H6101" s="44">
        <v>6094</v>
      </c>
      <c r="I6101" s="56">
        <f>Bühler!I6127</f>
        <v>0.20912944077639439</v>
      </c>
      <c r="J6101" s="59">
        <f>Bühler!J6127</f>
        <v>0.69709813592131464</v>
      </c>
      <c r="K6101" s="59">
        <f>Bühler!K6127</f>
        <v>1.045647203881972</v>
      </c>
      <c r="L6101" s="59">
        <f>Bühler!L6127</f>
        <v>5.0191065786334654</v>
      </c>
      <c r="M6101" s="58">
        <f>Bühler!M6127</f>
        <v>0</v>
      </c>
      <c r="N6101" s="56">
        <f>IF(Input!$D$19=1,J6101*Input!$C$19,0)+IF(Input!$D$20=1,K6101*Input!$C$20,0)+IF(Input!$D$21=1,L6101*Input!$C$21,0)+IF(Input!$D$22=1,M6101*Input!$C$22,0)</f>
        <v>0.20912944077639439</v>
      </c>
      <c r="O6101" s="59">
        <f>IF(Input!$D$19=2,J6101*Input!$C$19,0)+IF(Input!$D$20=2,K6101*Input!$C$20,0)+IF(Input!$D$21=2,L6101*Input!$C$21,0)+IF(Input!$D$22=2,M6101*Input!$C$22,0)</f>
        <v>0.52282360194098598</v>
      </c>
      <c r="P6101" s="59">
        <f>IF(Input!$D$19=3,J6101*Input!$C$19,0)+IF(Input!$D$20=3,K6101*Input!$C$20,0)+IF(Input!$D$21=3,L6101*Input!$C$21,0)+IF(Input!$D$22=3,M6101*Input!$C$22,0)</f>
        <v>0</v>
      </c>
      <c r="Q6101" s="75">
        <f>IF(Input!$D$19=4,J6101*Input!$C$19,0)+IF(Input!$D$20=4,K6101*Input!$C$20,0)+IF(Input!$D$21=4,L6101*Input!$C$21,0)+IF(Input!$D$22=4,M6101*Input!$C$22,0)</f>
        <v>0</v>
      </c>
      <c r="R6101" s="58">
        <v>58.129848570564739</v>
      </c>
      <c r="S6101" s="124">
        <f t="shared" si="95"/>
        <v>0.90622757669770904</v>
      </c>
    </row>
    <row r="6102" spans="8:19" x14ac:dyDescent="0.3">
      <c r="H6102" s="44">
        <v>6095</v>
      </c>
      <c r="I6102" s="56">
        <f>Bühler!I6128</f>
        <v>0.20912944077639439</v>
      </c>
      <c r="J6102" s="59">
        <f>Bühler!J6128</f>
        <v>0.69709813592131464</v>
      </c>
      <c r="K6102" s="59">
        <f>Bühler!K6128</f>
        <v>1.045647203881972</v>
      </c>
      <c r="L6102" s="59">
        <f>Bühler!L6128</f>
        <v>5.0191065786334654</v>
      </c>
      <c r="M6102" s="58">
        <f>Bühler!M6128</f>
        <v>0</v>
      </c>
      <c r="N6102" s="56">
        <f>IF(Input!$D$19=1,J6102*Input!$C$19,0)+IF(Input!$D$20=1,K6102*Input!$C$20,0)+IF(Input!$D$21=1,L6102*Input!$C$21,0)+IF(Input!$D$22=1,M6102*Input!$C$22,0)</f>
        <v>0.20912944077639439</v>
      </c>
      <c r="O6102" s="59">
        <f>IF(Input!$D$19=2,J6102*Input!$C$19,0)+IF(Input!$D$20=2,K6102*Input!$C$20,0)+IF(Input!$D$21=2,L6102*Input!$C$21,0)+IF(Input!$D$22=2,M6102*Input!$C$22,0)</f>
        <v>0.52282360194098598</v>
      </c>
      <c r="P6102" s="59">
        <f>IF(Input!$D$19=3,J6102*Input!$C$19,0)+IF(Input!$D$20=3,K6102*Input!$C$20,0)+IF(Input!$D$21=3,L6102*Input!$C$21,0)+IF(Input!$D$22=3,M6102*Input!$C$22,0)</f>
        <v>0</v>
      </c>
      <c r="Q6102" s="75">
        <f>IF(Input!$D$19=4,J6102*Input!$C$19,0)+IF(Input!$D$20=4,K6102*Input!$C$20,0)+IF(Input!$D$21=4,L6102*Input!$C$21,0)+IF(Input!$D$22=4,M6102*Input!$C$22,0)</f>
        <v>0</v>
      </c>
      <c r="R6102" s="58">
        <v>58.086568810495685</v>
      </c>
      <c r="S6102" s="124">
        <f t="shared" si="95"/>
        <v>0.90622757669770904</v>
      </c>
    </row>
    <row r="6103" spans="8:19" x14ac:dyDescent="0.3">
      <c r="H6103" s="44">
        <v>6096</v>
      </c>
      <c r="I6103" s="56">
        <f>Bühler!I6129</f>
        <v>0.20912944077639439</v>
      </c>
      <c r="J6103" s="59">
        <f>Bühler!J6129</f>
        <v>0.69709813592131464</v>
      </c>
      <c r="K6103" s="59">
        <f>Bühler!K6129</f>
        <v>1.045647203881972</v>
      </c>
      <c r="L6103" s="59">
        <f>Bühler!L6129</f>
        <v>5.0191065786334654</v>
      </c>
      <c r="M6103" s="58">
        <f>Bühler!M6129</f>
        <v>0</v>
      </c>
      <c r="N6103" s="56">
        <f>IF(Input!$D$19=1,J6103*Input!$C$19,0)+IF(Input!$D$20=1,K6103*Input!$C$20,0)+IF(Input!$D$21=1,L6103*Input!$C$21,0)+IF(Input!$D$22=1,M6103*Input!$C$22,0)</f>
        <v>0.20912944077639439</v>
      </c>
      <c r="O6103" s="59">
        <f>IF(Input!$D$19=2,J6103*Input!$C$19,0)+IF(Input!$D$20=2,K6103*Input!$C$20,0)+IF(Input!$D$21=2,L6103*Input!$C$21,0)+IF(Input!$D$22=2,M6103*Input!$C$22,0)</f>
        <v>0.52282360194098598</v>
      </c>
      <c r="P6103" s="59">
        <f>IF(Input!$D$19=3,J6103*Input!$C$19,0)+IF(Input!$D$20=3,K6103*Input!$C$20,0)+IF(Input!$D$21=3,L6103*Input!$C$21,0)+IF(Input!$D$22=3,M6103*Input!$C$22,0)</f>
        <v>0</v>
      </c>
      <c r="Q6103" s="75">
        <f>IF(Input!$D$19=4,J6103*Input!$C$19,0)+IF(Input!$D$20=4,K6103*Input!$C$20,0)+IF(Input!$D$21=4,L6103*Input!$C$21,0)+IF(Input!$D$22=4,M6103*Input!$C$22,0)</f>
        <v>0</v>
      </c>
      <c r="R6103" s="58">
        <v>57.404375015985714</v>
      </c>
      <c r="S6103" s="124">
        <f t="shared" si="95"/>
        <v>0.90622757669770904</v>
      </c>
    </row>
    <row r="6104" spans="8:19" x14ac:dyDescent="0.3">
      <c r="H6104" s="44">
        <v>6097</v>
      </c>
      <c r="I6104" s="56">
        <f>Bühler!I6130</f>
        <v>0.18927402702287968</v>
      </c>
      <c r="J6104" s="59">
        <f>Bühler!J6130</f>
        <v>0.63091342340959899</v>
      </c>
      <c r="K6104" s="59">
        <f>Bühler!K6130</f>
        <v>0.94637013511439849</v>
      </c>
      <c r="L6104" s="59">
        <f>Bühler!L6130</f>
        <v>4.5425766485491126</v>
      </c>
      <c r="M6104" s="58">
        <f>Bühler!M6130</f>
        <v>0</v>
      </c>
      <c r="N6104" s="56">
        <f>IF(Input!$D$19=1,J6104*Input!$C$19,0)+IF(Input!$D$20=1,K6104*Input!$C$20,0)+IF(Input!$D$21=1,L6104*Input!$C$21,0)+IF(Input!$D$22=1,M6104*Input!$C$22,0)</f>
        <v>0.18927402702287968</v>
      </c>
      <c r="O6104" s="59">
        <f>IF(Input!$D$19=2,J6104*Input!$C$19,0)+IF(Input!$D$20=2,K6104*Input!$C$20,0)+IF(Input!$D$21=2,L6104*Input!$C$21,0)+IF(Input!$D$22=2,M6104*Input!$C$22,0)</f>
        <v>0.47318506755719925</v>
      </c>
      <c r="P6104" s="59">
        <f>IF(Input!$D$19=3,J6104*Input!$C$19,0)+IF(Input!$D$20=3,K6104*Input!$C$20,0)+IF(Input!$D$21=3,L6104*Input!$C$21,0)+IF(Input!$D$22=3,M6104*Input!$C$22,0)</f>
        <v>0</v>
      </c>
      <c r="Q6104" s="75">
        <f>IF(Input!$D$19=4,J6104*Input!$C$19,0)+IF(Input!$D$20=4,K6104*Input!$C$20,0)+IF(Input!$D$21=4,L6104*Input!$C$21,0)+IF(Input!$D$22=4,M6104*Input!$C$22,0)</f>
        <v>0</v>
      </c>
      <c r="R6104" s="58">
        <v>56.660652856088994</v>
      </c>
      <c r="S6104" s="124">
        <f t="shared" si="95"/>
        <v>0.82018745043247865</v>
      </c>
    </row>
    <row r="6105" spans="8:19" x14ac:dyDescent="0.3">
      <c r="H6105" s="44">
        <v>6098</v>
      </c>
      <c r="I6105" s="56">
        <f>Bühler!I6131</f>
        <v>0.21293328040073964</v>
      </c>
      <c r="J6105" s="59">
        <f>Bühler!J6131</f>
        <v>0.70977760133579881</v>
      </c>
      <c r="K6105" s="59">
        <f>Bühler!K6131</f>
        <v>1.0646664020036982</v>
      </c>
      <c r="L6105" s="59">
        <f>Bühler!L6131</f>
        <v>5.1103987296177511</v>
      </c>
      <c r="M6105" s="58">
        <f>Bühler!M6131</f>
        <v>0</v>
      </c>
      <c r="N6105" s="56">
        <f>IF(Input!$D$19=1,J6105*Input!$C$19,0)+IF(Input!$D$20=1,K6105*Input!$C$20,0)+IF(Input!$D$21=1,L6105*Input!$C$21,0)+IF(Input!$D$22=1,M6105*Input!$C$22,0)</f>
        <v>0.21293328040073964</v>
      </c>
      <c r="O6105" s="59">
        <f>IF(Input!$D$19=2,J6105*Input!$C$19,0)+IF(Input!$D$20=2,K6105*Input!$C$20,0)+IF(Input!$D$21=2,L6105*Input!$C$21,0)+IF(Input!$D$22=2,M6105*Input!$C$22,0)</f>
        <v>0.53233320100184911</v>
      </c>
      <c r="P6105" s="59">
        <f>IF(Input!$D$19=3,J6105*Input!$C$19,0)+IF(Input!$D$20=3,K6105*Input!$C$20,0)+IF(Input!$D$21=3,L6105*Input!$C$21,0)+IF(Input!$D$22=3,M6105*Input!$C$22,0)</f>
        <v>0</v>
      </c>
      <c r="Q6105" s="75">
        <f>IF(Input!$D$19=4,J6105*Input!$C$19,0)+IF(Input!$D$20=4,K6105*Input!$C$20,0)+IF(Input!$D$21=4,L6105*Input!$C$21,0)+IF(Input!$D$22=4,M6105*Input!$C$22,0)</f>
        <v>0</v>
      </c>
      <c r="R6105" s="58">
        <v>55.975498406553072</v>
      </c>
      <c r="S6105" s="124">
        <f t="shared" si="95"/>
        <v>0.92271088173653848</v>
      </c>
    </row>
    <row r="6106" spans="8:19" x14ac:dyDescent="0.3">
      <c r="H6106" s="44">
        <v>6099</v>
      </c>
      <c r="I6106" s="56">
        <f>Bühler!I6132</f>
        <v>0.21293328040073964</v>
      </c>
      <c r="J6106" s="59">
        <f>Bühler!J6132</f>
        <v>0.70977760133579881</v>
      </c>
      <c r="K6106" s="59">
        <f>Bühler!K6132</f>
        <v>1.0646664020036982</v>
      </c>
      <c r="L6106" s="59">
        <f>Bühler!L6132</f>
        <v>5.1103987296177511</v>
      </c>
      <c r="M6106" s="58">
        <f>Bühler!M6132</f>
        <v>0</v>
      </c>
      <c r="N6106" s="56">
        <f>IF(Input!$D$19=1,J6106*Input!$C$19,0)+IF(Input!$D$20=1,K6106*Input!$C$20,0)+IF(Input!$D$21=1,L6106*Input!$C$21,0)+IF(Input!$D$22=1,M6106*Input!$C$22,0)</f>
        <v>0.21293328040073964</v>
      </c>
      <c r="O6106" s="59">
        <f>IF(Input!$D$19=2,J6106*Input!$C$19,0)+IF(Input!$D$20=2,K6106*Input!$C$20,0)+IF(Input!$D$21=2,L6106*Input!$C$21,0)+IF(Input!$D$22=2,M6106*Input!$C$22,0)</f>
        <v>0.53233320100184911</v>
      </c>
      <c r="P6106" s="59">
        <f>IF(Input!$D$19=3,J6106*Input!$C$19,0)+IF(Input!$D$20=3,K6106*Input!$C$20,0)+IF(Input!$D$21=3,L6106*Input!$C$21,0)+IF(Input!$D$22=3,M6106*Input!$C$22,0)</f>
        <v>0</v>
      </c>
      <c r="Q6106" s="75">
        <f>IF(Input!$D$19=4,J6106*Input!$C$19,0)+IF(Input!$D$20=4,K6106*Input!$C$20,0)+IF(Input!$D$21=4,L6106*Input!$C$21,0)+IF(Input!$D$22=4,M6106*Input!$C$22,0)</f>
        <v>0</v>
      </c>
      <c r="R6106" s="58">
        <v>55.696409185488569</v>
      </c>
      <c r="S6106" s="124">
        <f t="shared" si="95"/>
        <v>0.92271088173653848</v>
      </c>
    </row>
    <row r="6107" spans="8:19" x14ac:dyDescent="0.3">
      <c r="H6107" s="44">
        <v>6100</v>
      </c>
      <c r="I6107" s="56">
        <f>Bühler!I6133</f>
        <v>0.21293328040073964</v>
      </c>
      <c r="J6107" s="59">
        <f>Bühler!J6133</f>
        <v>0.70977760133579881</v>
      </c>
      <c r="K6107" s="59">
        <f>Bühler!K6133</f>
        <v>1.0646664020036982</v>
      </c>
      <c r="L6107" s="59">
        <f>Bühler!L6133</f>
        <v>5.1103987296177511</v>
      </c>
      <c r="M6107" s="58">
        <f>Bühler!M6133</f>
        <v>0</v>
      </c>
      <c r="N6107" s="56">
        <f>IF(Input!$D$19=1,J6107*Input!$C$19,0)+IF(Input!$D$20=1,K6107*Input!$C$20,0)+IF(Input!$D$21=1,L6107*Input!$C$21,0)+IF(Input!$D$22=1,M6107*Input!$C$22,0)</f>
        <v>0.21293328040073964</v>
      </c>
      <c r="O6107" s="59">
        <f>IF(Input!$D$19=2,J6107*Input!$C$19,0)+IF(Input!$D$20=2,K6107*Input!$C$20,0)+IF(Input!$D$21=2,L6107*Input!$C$21,0)+IF(Input!$D$22=2,M6107*Input!$C$22,0)</f>
        <v>0.53233320100184911</v>
      </c>
      <c r="P6107" s="59">
        <f>IF(Input!$D$19=3,J6107*Input!$C$19,0)+IF(Input!$D$20=3,K6107*Input!$C$20,0)+IF(Input!$D$21=3,L6107*Input!$C$21,0)+IF(Input!$D$22=3,M6107*Input!$C$22,0)</f>
        <v>0</v>
      </c>
      <c r="Q6107" s="75">
        <f>IF(Input!$D$19=4,J6107*Input!$C$19,0)+IF(Input!$D$20=4,K6107*Input!$C$20,0)+IF(Input!$D$21=4,L6107*Input!$C$21,0)+IF(Input!$D$22=4,M6107*Input!$C$22,0)</f>
        <v>0</v>
      </c>
      <c r="R6107" s="58">
        <v>56.346420321725439</v>
      </c>
      <c r="S6107" s="124">
        <f t="shared" si="95"/>
        <v>0.92271088173653848</v>
      </c>
    </row>
    <row r="6108" spans="8:19" x14ac:dyDescent="0.3">
      <c r="H6108" s="44">
        <v>6101</v>
      </c>
      <c r="I6108" s="56">
        <f>Bühler!I6134</f>
        <v>0.21293328040073964</v>
      </c>
      <c r="J6108" s="59">
        <f>Bühler!J6134</f>
        <v>0.70977760133579881</v>
      </c>
      <c r="K6108" s="59">
        <f>Bühler!K6134</f>
        <v>1.0646664020036982</v>
      </c>
      <c r="L6108" s="59">
        <f>Bühler!L6134</f>
        <v>5.1103987296177511</v>
      </c>
      <c r="M6108" s="58">
        <f>Bühler!M6134</f>
        <v>0</v>
      </c>
      <c r="N6108" s="56">
        <f>IF(Input!$D$19=1,J6108*Input!$C$19,0)+IF(Input!$D$20=1,K6108*Input!$C$20,0)+IF(Input!$D$21=1,L6108*Input!$C$21,0)+IF(Input!$D$22=1,M6108*Input!$C$22,0)</f>
        <v>0.21293328040073964</v>
      </c>
      <c r="O6108" s="59">
        <f>IF(Input!$D$19=2,J6108*Input!$C$19,0)+IF(Input!$D$20=2,K6108*Input!$C$20,0)+IF(Input!$D$21=2,L6108*Input!$C$21,0)+IF(Input!$D$22=2,M6108*Input!$C$22,0)</f>
        <v>0.53233320100184911</v>
      </c>
      <c r="P6108" s="59">
        <f>IF(Input!$D$19=3,J6108*Input!$C$19,0)+IF(Input!$D$20=3,K6108*Input!$C$20,0)+IF(Input!$D$21=3,L6108*Input!$C$21,0)+IF(Input!$D$22=3,M6108*Input!$C$22,0)</f>
        <v>0</v>
      </c>
      <c r="Q6108" s="75">
        <f>IF(Input!$D$19=4,J6108*Input!$C$19,0)+IF(Input!$D$20=4,K6108*Input!$C$20,0)+IF(Input!$D$21=4,L6108*Input!$C$21,0)+IF(Input!$D$22=4,M6108*Input!$C$22,0)</f>
        <v>0</v>
      </c>
      <c r="R6108" s="58">
        <v>57.547656613039436</v>
      </c>
      <c r="S6108" s="124">
        <f t="shared" si="95"/>
        <v>0.92271088173653848</v>
      </c>
    </row>
    <row r="6109" spans="8:19" x14ac:dyDescent="0.3">
      <c r="H6109" s="44">
        <v>6102</v>
      </c>
      <c r="I6109" s="56">
        <f>Bühler!I6135</f>
        <v>0.27444733918317554</v>
      </c>
      <c r="J6109" s="59">
        <f>Bühler!J6135</f>
        <v>0.91482446394391848</v>
      </c>
      <c r="K6109" s="59">
        <f>Bühler!K6135</f>
        <v>1.3722366959158776</v>
      </c>
      <c r="L6109" s="59">
        <f>Bühler!L6135</f>
        <v>6.5867361403962121</v>
      </c>
      <c r="M6109" s="58">
        <f>Bühler!M6135</f>
        <v>0</v>
      </c>
      <c r="N6109" s="56">
        <f>IF(Input!$D$19=1,J6109*Input!$C$19,0)+IF(Input!$D$20=1,K6109*Input!$C$20,0)+IF(Input!$D$21=1,L6109*Input!$C$21,0)+IF(Input!$D$22=1,M6109*Input!$C$22,0)</f>
        <v>0.27444733918317554</v>
      </c>
      <c r="O6109" s="59">
        <f>IF(Input!$D$19=2,J6109*Input!$C$19,0)+IF(Input!$D$20=2,K6109*Input!$C$20,0)+IF(Input!$D$21=2,L6109*Input!$C$21,0)+IF(Input!$D$22=2,M6109*Input!$C$22,0)</f>
        <v>0.6861183479579388</v>
      </c>
      <c r="P6109" s="59">
        <f>IF(Input!$D$19=3,J6109*Input!$C$19,0)+IF(Input!$D$20=3,K6109*Input!$C$20,0)+IF(Input!$D$21=3,L6109*Input!$C$21,0)+IF(Input!$D$22=3,M6109*Input!$C$22,0)</f>
        <v>0</v>
      </c>
      <c r="Q6109" s="75">
        <f>IF(Input!$D$19=4,J6109*Input!$C$19,0)+IF(Input!$D$20=4,K6109*Input!$C$20,0)+IF(Input!$D$21=4,L6109*Input!$C$21,0)+IF(Input!$D$22=4,M6109*Input!$C$22,0)</f>
        <v>0</v>
      </c>
      <c r="R6109" s="58">
        <v>60.096020616755979</v>
      </c>
      <c r="S6109" s="124">
        <f t="shared" si="95"/>
        <v>1.1892718031270939</v>
      </c>
    </row>
    <row r="6110" spans="8:19" x14ac:dyDescent="0.3">
      <c r="H6110" s="44">
        <v>6103</v>
      </c>
      <c r="I6110" s="56">
        <f>Bühler!I6136</f>
        <v>0.31703399526332349</v>
      </c>
      <c r="J6110" s="59">
        <f>Bühler!J6136</f>
        <v>1.0567799842110783</v>
      </c>
      <c r="K6110" s="59">
        <f>Bühler!K6136</f>
        <v>1.5851699763166176</v>
      </c>
      <c r="L6110" s="59">
        <f>Bühler!L6136</f>
        <v>7.6088158863197641</v>
      </c>
      <c r="M6110" s="58">
        <f>Bühler!M6136</f>
        <v>0</v>
      </c>
      <c r="N6110" s="56">
        <f>IF(Input!$D$19=1,J6110*Input!$C$19,0)+IF(Input!$D$20=1,K6110*Input!$C$20,0)+IF(Input!$D$21=1,L6110*Input!$C$21,0)+IF(Input!$D$22=1,M6110*Input!$C$22,0)</f>
        <v>0.31703399526332349</v>
      </c>
      <c r="O6110" s="59">
        <f>IF(Input!$D$19=2,J6110*Input!$C$19,0)+IF(Input!$D$20=2,K6110*Input!$C$20,0)+IF(Input!$D$21=2,L6110*Input!$C$21,0)+IF(Input!$D$22=2,M6110*Input!$C$22,0)</f>
        <v>0.7925849881583088</v>
      </c>
      <c r="P6110" s="59">
        <f>IF(Input!$D$19=3,J6110*Input!$C$19,0)+IF(Input!$D$20=3,K6110*Input!$C$20,0)+IF(Input!$D$21=3,L6110*Input!$C$21,0)+IF(Input!$D$22=3,M6110*Input!$C$22,0)</f>
        <v>0</v>
      </c>
      <c r="Q6110" s="75">
        <f>IF(Input!$D$19=4,J6110*Input!$C$19,0)+IF(Input!$D$20=4,K6110*Input!$C$20,0)+IF(Input!$D$21=4,L6110*Input!$C$21,0)+IF(Input!$D$22=4,M6110*Input!$C$22,0)</f>
        <v>0</v>
      </c>
      <c r="R6110" s="58">
        <v>63.157737308213534</v>
      </c>
      <c r="S6110" s="124">
        <f t="shared" si="95"/>
        <v>1.3738139794744018</v>
      </c>
    </row>
    <row r="6111" spans="8:19" x14ac:dyDescent="0.3">
      <c r="H6111" s="44">
        <v>6104</v>
      </c>
      <c r="I6111" s="56">
        <f>Bühler!I6137</f>
        <v>0.31703399526332349</v>
      </c>
      <c r="J6111" s="59">
        <f>Bühler!J6137</f>
        <v>1.0567799842110783</v>
      </c>
      <c r="K6111" s="59">
        <f>Bühler!K6137</f>
        <v>1.5851699763166176</v>
      </c>
      <c r="L6111" s="59">
        <f>Bühler!L6137</f>
        <v>7.6088158863197641</v>
      </c>
      <c r="M6111" s="58">
        <f>Bühler!M6137</f>
        <v>0</v>
      </c>
      <c r="N6111" s="56">
        <f>IF(Input!$D$19=1,J6111*Input!$C$19,0)+IF(Input!$D$20=1,K6111*Input!$C$20,0)+IF(Input!$D$21=1,L6111*Input!$C$21,0)+IF(Input!$D$22=1,M6111*Input!$C$22,0)</f>
        <v>0.31703399526332349</v>
      </c>
      <c r="O6111" s="59">
        <f>IF(Input!$D$19=2,J6111*Input!$C$19,0)+IF(Input!$D$20=2,K6111*Input!$C$20,0)+IF(Input!$D$21=2,L6111*Input!$C$21,0)+IF(Input!$D$22=2,M6111*Input!$C$22,0)</f>
        <v>0.7925849881583088</v>
      </c>
      <c r="P6111" s="59">
        <f>IF(Input!$D$19=3,J6111*Input!$C$19,0)+IF(Input!$D$20=3,K6111*Input!$C$20,0)+IF(Input!$D$21=3,L6111*Input!$C$21,0)+IF(Input!$D$22=3,M6111*Input!$C$22,0)</f>
        <v>0</v>
      </c>
      <c r="Q6111" s="75">
        <f>IF(Input!$D$19=4,J6111*Input!$C$19,0)+IF(Input!$D$20=4,K6111*Input!$C$20,0)+IF(Input!$D$21=4,L6111*Input!$C$21,0)+IF(Input!$D$22=4,M6111*Input!$C$22,0)</f>
        <v>0</v>
      </c>
      <c r="R6111" s="58">
        <v>64.71284081743056</v>
      </c>
      <c r="S6111" s="124">
        <f t="shared" si="95"/>
        <v>1.3738139794744018</v>
      </c>
    </row>
    <row r="6112" spans="8:19" x14ac:dyDescent="0.3">
      <c r="H6112" s="44">
        <v>6105</v>
      </c>
      <c r="I6112" s="56">
        <f>Bühler!I6138</f>
        <v>0.31703399526332349</v>
      </c>
      <c r="J6112" s="59">
        <f>Bühler!J6138</f>
        <v>1.0567799842110783</v>
      </c>
      <c r="K6112" s="59">
        <f>Bühler!K6138</f>
        <v>1.5851699763166176</v>
      </c>
      <c r="L6112" s="59">
        <f>Bühler!L6138</f>
        <v>7.6088158863197641</v>
      </c>
      <c r="M6112" s="58">
        <f>Bühler!M6138</f>
        <v>0</v>
      </c>
      <c r="N6112" s="56">
        <f>IF(Input!$D$19=1,J6112*Input!$C$19,0)+IF(Input!$D$20=1,K6112*Input!$C$20,0)+IF(Input!$D$21=1,L6112*Input!$C$21,0)+IF(Input!$D$22=1,M6112*Input!$C$22,0)</f>
        <v>0.31703399526332349</v>
      </c>
      <c r="O6112" s="59">
        <f>IF(Input!$D$19=2,J6112*Input!$C$19,0)+IF(Input!$D$20=2,K6112*Input!$C$20,0)+IF(Input!$D$21=2,L6112*Input!$C$21,0)+IF(Input!$D$22=2,M6112*Input!$C$22,0)</f>
        <v>0.7925849881583088</v>
      </c>
      <c r="P6112" s="59">
        <f>IF(Input!$D$19=3,J6112*Input!$C$19,0)+IF(Input!$D$20=3,K6112*Input!$C$20,0)+IF(Input!$D$21=3,L6112*Input!$C$21,0)+IF(Input!$D$22=3,M6112*Input!$C$22,0)</f>
        <v>0</v>
      </c>
      <c r="Q6112" s="75">
        <f>IF(Input!$D$19=4,J6112*Input!$C$19,0)+IF(Input!$D$20=4,K6112*Input!$C$20,0)+IF(Input!$D$21=4,L6112*Input!$C$21,0)+IF(Input!$D$22=4,M6112*Input!$C$22,0)</f>
        <v>0</v>
      </c>
      <c r="R6112" s="58">
        <v>66.234295894257571</v>
      </c>
      <c r="S6112" s="124">
        <f t="shared" si="95"/>
        <v>1.3738139794744018</v>
      </c>
    </row>
    <row r="6113" spans="8:19" x14ac:dyDescent="0.3">
      <c r="H6113" s="44">
        <v>6106</v>
      </c>
      <c r="I6113" s="56">
        <f>Bühler!I6139</f>
        <v>0.34069324864118344</v>
      </c>
      <c r="J6113" s="59">
        <f>Bühler!J6139</f>
        <v>1.1356441621372781</v>
      </c>
      <c r="K6113" s="59">
        <f>Bühler!K6139</f>
        <v>1.7034662432059171</v>
      </c>
      <c r="L6113" s="59">
        <f>Bühler!L6139</f>
        <v>8.1766379673884018</v>
      </c>
      <c r="M6113" s="58">
        <f>Bühler!M6139</f>
        <v>0</v>
      </c>
      <c r="N6113" s="56">
        <f>IF(Input!$D$19=1,J6113*Input!$C$19,0)+IF(Input!$D$20=1,K6113*Input!$C$20,0)+IF(Input!$D$21=1,L6113*Input!$C$21,0)+IF(Input!$D$22=1,M6113*Input!$C$22,0)</f>
        <v>0.34069324864118344</v>
      </c>
      <c r="O6113" s="59">
        <f>IF(Input!$D$19=2,J6113*Input!$C$19,0)+IF(Input!$D$20=2,K6113*Input!$C$20,0)+IF(Input!$D$21=2,L6113*Input!$C$21,0)+IF(Input!$D$22=2,M6113*Input!$C$22,0)</f>
        <v>0.85173312160295855</v>
      </c>
      <c r="P6113" s="59">
        <f>IF(Input!$D$19=3,J6113*Input!$C$19,0)+IF(Input!$D$20=3,K6113*Input!$C$20,0)+IF(Input!$D$21=3,L6113*Input!$C$21,0)+IF(Input!$D$22=3,M6113*Input!$C$22,0)</f>
        <v>0</v>
      </c>
      <c r="Q6113" s="75">
        <f>IF(Input!$D$19=4,J6113*Input!$C$19,0)+IF(Input!$D$20=4,K6113*Input!$C$20,0)+IF(Input!$D$21=4,L6113*Input!$C$21,0)+IF(Input!$D$22=4,M6113*Input!$C$22,0)</f>
        <v>0</v>
      </c>
      <c r="R6113" s="58">
        <v>66.906558525824792</v>
      </c>
      <c r="S6113" s="124">
        <f t="shared" si="95"/>
        <v>1.4763374107784615</v>
      </c>
    </row>
    <row r="6114" spans="8:19" x14ac:dyDescent="0.3">
      <c r="H6114" s="44">
        <v>6107</v>
      </c>
      <c r="I6114" s="56">
        <f>Bühler!I6140</f>
        <v>0.36908435269461537</v>
      </c>
      <c r="J6114" s="59">
        <f>Bühler!J6140</f>
        <v>1.230281175648718</v>
      </c>
      <c r="K6114" s="59">
        <f>Bühler!K6140</f>
        <v>1.8454217634730767</v>
      </c>
      <c r="L6114" s="59">
        <f>Bühler!L6140</f>
        <v>8.858024464670768</v>
      </c>
      <c r="M6114" s="58">
        <f>Bühler!M6140</f>
        <v>0</v>
      </c>
      <c r="N6114" s="56">
        <f>IF(Input!$D$19=1,J6114*Input!$C$19,0)+IF(Input!$D$20=1,K6114*Input!$C$20,0)+IF(Input!$D$21=1,L6114*Input!$C$21,0)+IF(Input!$D$22=1,M6114*Input!$C$22,0)</f>
        <v>0.36908435269461537</v>
      </c>
      <c r="O6114" s="59">
        <f>IF(Input!$D$19=2,J6114*Input!$C$19,0)+IF(Input!$D$20=2,K6114*Input!$C$20,0)+IF(Input!$D$21=2,L6114*Input!$C$21,0)+IF(Input!$D$22=2,M6114*Input!$C$22,0)</f>
        <v>0.92271088173653837</v>
      </c>
      <c r="P6114" s="59">
        <f>IF(Input!$D$19=3,J6114*Input!$C$19,0)+IF(Input!$D$20=3,K6114*Input!$C$20,0)+IF(Input!$D$21=3,L6114*Input!$C$21,0)+IF(Input!$D$22=3,M6114*Input!$C$22,0)</f>
        <v>0</v>
      </c>
      <c r="Q6114" s="75">
        <f>IF(Input!$D$19=4,J6114*Input!$C$19,0)+IF(Input!$D$20=4,K6114*Input!$C$20,0)+IF(Input!$D$21=4,L6114*Input!$C$21,0)+IF(Input!$D$22=4,M6114*Input!$C$22,0)</f>
        <v>0</v>
      </c>
      <c r="R6114" s="58">
        <v>67.814312326593196</v>
      </c>
      <c r="S6114" s="124">
        <f t="shared" si="95"/>
        <v>1.5993655283433332</v>
      </c>
    </row>
    <row r="6115" spans="8:19" x14ac:dyDescent="0.3">
      <c r="H6115" s="44">
        <v>6108</v>
      </c>
      <c r="I6115" s="56">
        <f>Bühler!I6141</f>
        <v>0.42586656080147928</v>
      </c>
      <c r="J6115" s="59">
        <f>Bühler!J6141</f>
        <v>1.4195552026715976</v>
      </c>
      <c r="K6115" s="59">
        <f>Bühler!K6141</f>
        <v>2.1293328040073964</v>
      </c>
      <c r="L6115" s="59">
        <f>Bühler!L6141</f>
        <v>10.220797459235502</v>
      </c>
      <c r="M6115" s="58">
        <f>Bühler!M6141</f>
        <v>0</v>
      </c>
      <c r="N6115" s="56">
        <f>IF(Input!$D$19=1,J6115*Input!$C$19,0)+IF(Input!$D$20=1,K6115*Input!$C$20,0)+IF(Input!$D$21=1,L6115*Input!$C$21,0)+IF(Input!$D$22=1,M6115*Input!$C$22,0)</f>
        <v>0.42586656080147928</v>
      </c>
      <c r="O6115" s="59">
        <f>IF(Input!$D$19=2,J6115*Input!$C$19,0)+IF(Input!$D$20=2,K6115*Input!$C$20,0)+IF(Input!$D$21=2,L6115*Input!$C$21,0)+IF(Input!$D$22=2,M6115*Input!$C$22,0)</f>
        <v>1.0646664020036982</v>
      </c>
      <c r="P6115" s="59">
        <f>IF(Input!$D$19=3,J6115*Input!$C$19,0)+IF(Input!$D$20=3,K6115*Input!$C$20,0)+IF(Input!$D$21=3,L6115*Input!$C$21,0)+IF(Input!$D$22=3,M6115*Input!$C$22,0)</f>
        <v>0</v>
      </c>
      <c r="Q6115" s="75">
        <f>IF(Input!$D$19=4,J6115*Input!$C$19,0)+IF(Input!$D$20=4,K6115*Input!$C$20,0)+IF(Input!$D$21=4,L6115*Input!$C$21,0)+IF(Input!$D$22=4,M6115*Input!$C$22,0)</f>
        <v>0</v>
      </c>
      <c r="R6115" s="58">
        <v>68.884276671578476</v>
      </c>
      <c r="S6115" s="124">
        <f t="shared" si="95"/>
        <v>1.845421763473077</v>
      </c>
    </row>
    <row r="6116" spans="8:19" x14ac:dyDescent="0.3">
      <c r="H6116" s="44">
        <v>6109</v>
      </c>
      <c r="I6116" s="56">
        <f>Bühler!I6142</f>
        <v>0.42586656080147928</v>
      </c>
      <c r="J6116" s="59">
        <f>Bühler!J6142</f>
        <v>1.4195552026715976</v>
      </c>
      <c r="K6116" s="59">
        <f>Bühler!K6142</f>
        <v>2.1293328040073964</v>
      </c>
      <c r="L6116" s="59">
        <f>Bühler!L6142</f>
        <v>10.220797459235502</v>
      </c>
      <c r="M6116" s="58">
        <f>Bühler!M6142</f>
        <v>0</v>
      </c>
      <c r="N6116" s="56">
        <f>IF(Input!$D$19=1,J6116*Input!$C$19,0)+IF(Input!$D$20=1,K6116*Input!$C$20,0)+IF(Input!$D$21=1,L6116*Input!$C$21,0)+IF(Input!$D$22=1,M6116*Input!$C$22,0)</f>
        <v>0.42586656080147928</v>
      </c>
      <c r="O6116" s="59">
        <f>IF(Input!$D$19=2,J6116*Input!$C$19,0)+IF(Input!$D$20=2,K6116*Input!$C$20,0)+IF(Input!$D$21=2,L6116*Input!$C$21,0)+IF(Input!$D$22=2,M6116*Input!$C$22,0)</f>
        <v>1.0646664020036982</v>
      </c>
      <c r="P6116" s="59">
        <f>IF(Input!$D$19=3,J6116*Input!$C$19,0)+IF(Input!$D$20=3,K6116*Input!$C$20,0)+IF(Input!$D$21=3,L6116*Input!$C$21,0)+IF(Input!$D$22=3,M6116*Input!$C$22,0)</f>
        <v>0</v>
      </c>
      <c r="Q6116" s="75">
        <f>IF(Input!$D$19=4,J6116*Input!$C$19,0)+IF(Input!$D$20=4,K6116*Input!$C$20,0)+IF(Input!$D$21=4,L6116*Input!$C$21,0)+IF(Input!$D$22=4,M6116*Input!$C$22,0)</f>
        <v>0</v>
      </c>
      <c r="R6116" s="58">
        <v>67.676912615971347</v>
      </c>
      <c r="S6116" s="124">
        <f t="shared" si="95"/>
        <v>1.845421763473077</v>
      </c>
    </row>
    <row r="6117" spans="8:19" x14ac:dyDescent="0.3">
      <c r="H6117" s="44">
        <v>6110</v>
      </c>
      <c r="I6117" s="56">
        <f>Bühler!I6143</f>
        <v>0.42586656080147928</v>
      </c>
      <c r="J6117" s="59">
        <f>Bühler!J6143</f>
        <v>1.4195552026715976</v>
      </c>
      <c r="K6117" s="59">
        <f>Bühler!K6143</f>
        <v>2.1293328040073964</v>
      </c>
      <c r="L6117" s="59">
        <f>Bühler!L6143</f>
        <v>10.220797459235502</v>
      </c>
      <c r="M6117" s="58">
        <f>Bühler!M6143</f>
        <v>0</v>
      </c>
      <c r="N6117" s="56">
        <f>IF(Input!$D$19=1,J6117*Input!$C$19,0)+IF(Input!$D$20=1,K6117*Input!$C$20,0)+IF(Input!$D$21=1,L6117*Input!$C$21,0)+IF(Input!$D$22=1,M6117*Input!$C$22,0)</f>
        <v>0.42586656080147928</v>
      </c>
      <c r="O6117" s="59">
        <f>IF(Input!$D$19=2,J6117*Input!$C$19,0)+IF(Input!$D$20=2,K6117*Input!$C$20,0)+IF(Input!$D$21=2,L6117*Input!$C$21,0)+IF(Input!$D$22=2,M6117*Input!$C$22,0)</f>
        <v>1.0646664020036982</v>
      </c>
      <c r="P6117" s="59">
        <f>IF(Input!$D$19=3,J6117*Input!$C$19,0)+IF(Input!$D$20=3,K6117*Input!$C$20,0)+IF(Input!$D$21=3,L6117*Input!$C$21,0)+IF(Input!$D$22=3,M6117*Input!$C$22,0)</f>
        <v>0</v>
      </c>
      <c r="Q6117" s="75">
        <f>IF(Input!$D$19=4,J6117*Input!$C$19,0)+IF(Input!$D$20=4,K6117*Input!$C$20,0)+IF(Input!$D$21=4,L6117*Input!$C$21,0)+IF(Input!$D$22=4,M6117*Input!$C$22,0)</f>
        <v>0</v>
      </c>
      <c r="R6117" s="58">
        <v>66.905784234158403</v>
      </c>
      <c r="S6117" s="124">
        <f t="shared" si="95"/>
        <v>1.845421763473077</v>
      </c>
    </row>
    <row r="6118" spans="8:19" x14ac:dyDescent="0.3">
      <c r="H6118" s="44">
        <v>6111</v>
      </c>
      <c r="I6118" s="56">
        <f>Bühler!I6144</f>
        <v>0.42586656080147928</v>
      </c>
      <c r="J6118" s="59">
        <f>Bühler!J6144</f>
        <v>1.4195552026715976</v>
      </c>
      <c r="K6118" s="59">
        <f>Bühler!K6144</f>
        <v>2.1293328040073964</v>
      </c>
      <c r="L6118" s="59">
        <f>Bühler!L6144</f>
        <v>10.220797459235502</v>
      </c>
      <c r="M6118" s="58">
        <f>Bühler!M6144</f>
        <v>0</v>
      </c>
      <c r="N6118" s="56">
        <f>IF(Input!$D$19=1,J6118*Input!$C$19,0)+IF(Input!$D$20=1,K6118*Input!$C$20,0)+IF(Input!$D$21=1,L6118*Input!$C$21,0)+IF(Input!$D$22=1,M6118*Input!$C$22,0)</f>
        <v>0.42586656080147928</v>
      </c>
      <c r="O6118" s="59">
        <f>IF(Input!$D$19=2,J6118*Input!$C$19,0)+IF(Input!$D$20=2,K6118*Input!$C$20,0)+IF(Input!$D$21=2,L6118*Input!$C$21,0)+IF(Input!$D$22=2,M6118*Input!$C$22,0)</f>
        <v>1.0646664020036982</v>
      </c>
      <c r="P6118" s="59">
        <f>IF(Input!$D$19=3,J6118*Input!$C$19,0)+IF(Input!$D$20=3,K6118*Input!$C$20,0)+IF(Input!$D$21=3,L6118*Input!$C$21,0)+IF(Input!$D$22=3,M6118*Input!$C$22,0)</f>
        <v>0</v>
      </c>
      <c r="Q6118" s="75">
        <f>IF(Input!$D$19=4,J6118*Input!$C$19,0)+IF(Input!$D$20=4,K6118*Input!$C$20,0)+IF(Input!$D$21=4,L6118*Input!$C$21,0)+IF(Input!$D$22=4,M6118*Input!$C$22,0)</f>
        <v>0</v>
      </c>
      <c r="R6118" s="58">
        <v>66.772380078009917</v>
      </c>
      <c r="S6118" s="124">
        <f t="shared" si="95"/>
        <v>1.845421763473077</v>
      </c>
    </row>
    <row r="6119" spans="8:19" x14ac:dyDescent="0.3">
      <c r="H6119" s="44">
        <v>6112</v>
      </c>
      <c r="I6119" s="56">
        <f>Bühler!I6145</f>
        <v>0.42586656080147928</v>
      </c>
      <c r="J6119" s="59">
        <f>Bühler!J6145</f>
        <v>1.4195552026715976</v>
      </c>
      <c r="K6119" s="59">
        <f>Bühler!K6145</f>
        <v>2.1293328040073964</v>
      </c>
      <c r="L6119" s="59">
        <f>Bühler!L6145</f>
        <v>10.220797459235502</v>
      </c>
      <c r="M6119" s="58">
        <f>Bühler!M6145</f>
        <v>0</v>
      </c>
      <c r="N6119" s="56">
        <f>IF(Input!$D$19=1,J6119*Input!$C$19,0)+IF(Input!$D$20=1,K6119*Input!$C$20,0)+IF(Input!$D$21=1,L6119*Input!$C$21,0)+IF(Input!$D$22=1,M6119*Input!$C$22,0)</f>
        <v>0.42586656080147928</v>
      </c>
      <c r="O6119" s="59">
        <f>IF(Input!$D$19=2,J6119*Input!$C$19,0)+IF(Input!$D$20=2,K6119*Input!$C$20,0)+IF(Input!$D$21=2,L6119*Input!$C$21,0)+IF(Input!$D$22=2,M6119*Input!$C$22,0)</f>
        <v>1.0646664020036982</v>
      </c>
      <c r="P6119" s="59">
        <f>IF(Input!$D$19=3,J6119*Input!$C$19,0)+IF(Input!$D$20=3,K6119*Input!$C$20,0)+IF(Input!$D$21=3,L6119*Input!$C$21,0)+IF(Input!$D$22=3,M6119*Input!$C$22,0)</f>
        <v>0</v>
      </c>
      <c r="Q6119" s="75">
        <f>IF(Input!$D$19=4,J6119*Input!$C$19,0)+IF(Input!$D$20=4,K6119*Input!$C$20,0)+IF(Input!$D$21=4,L6119*Input!$C$21,0)+IF(Input!$D$22=4,M6119*Input!$C$22,0)</f>
        <v>0</v>
      </c>
      <c r="R6119" s="58">
        <v>66.985657665242726</v>
      </c>
      <c r="S6119" s="124">
        <f t="shared" si="95"/>
        <v>1.845421763473077</v>
      </c>
    </row>
    <row r="6120" spans="8:19" x14ac:dyDescent="0.3">
      <c r="H6120" s="44">
        <v>6113</v>
      </c>
      <c r="I6120" s="56">
        <f>Bühler!I6146</f>
        <v>0.42586656080147928</v>
      </c>
      <c r="J6120" s="59">
        <f>Bühler!J6146</f>
        <v>1.4195552026715976</v>
      </c>
      <c r="K6120" s="59">
        <f>Bühler!K6146</f>
        <v>2.1293328040073964</v>
      </c>
      <c r="L6120" s="59">
        <f>Bühler!L6146</f>
        <v>10.220797459235502</v>
      </c>
      <c r="M6120" s="58">
        <f>Bühler!M6146</f>
        <v>0</v>
      </c>
      <c r="N6120" s="56">
        <f>IF(Input!$D$19=1,J6120*Input!$C$19,0)+IF(Input!$D$20=1,K6120*Input!$C$20,0)+IF(Input!$D$21=1,L6120*Input!$C$21,0)+IF(Input!$D$22=1,M6120*Input!$C$22,0)</f>
        <v>0.42586656080147928</v>
      </c>
      <c r="O6120" s="59">
        <f>IF(Input!$D$19=2,J6120*Input!$C$19,0)+IF(Input!$D$20=2,K6120*Input!$C$20,0)+IF(Input!$D$21=2,L6120*Input!$C$21,0)+IF(Input!$D$22=2,M6120*Input!$C$22,0)</f>
        <v>1.0646664020036982</v>
      </c>
      <c r="P6120" s="59">
        <f>IF(Input!$D$19=3,J6120*Input!$C$19,0)+IF(Input!$D$20=3,K6120*Input!$C$20,0)+IF(Input!$D$21=3,L6120*Input!$C$21,0)+IF(Input!$D$22=3,M6120*Input!$C$22,0)</f>
        <v>0</v>
      </c>
      <c r="Q6120" s="75">
        <f>IF(Input!$D$19=4,J6120*Input!$C$19,0)+IF(Input!$D$20=4,K6120*Input!$C$20,0)+IF(Input!$D$21=4,L6120*Input!$C$21,0)+IF(Input!$D$22=4,M6120*Input!$C$22,0)</f>
        <v>0</v>
      </c>
      <c r="R6120" s="58">
        <v>65.552866584543352</v>
      </c>
      <c r="S6120" s="124">
        <f t="shared" si="95"/>
        <v>1.845421763473077</v>
      </c>
    </row>
    <row r="6121" spans="8:19" x14ac:dyDescent="0.3">
      <c r="H6121" s="44">
        <v>6114</v>
      </c>
      <c r="I6121" s="56">
        <f>Bühler!I6147</f>
        <v>0.42586656080147928</v>
      </c>
      <c r="J6121" s="59">
        <f>Bühler!J6147</f>
        <v>1.4195552026715976</v>
      </c>
      <c r="K6121" s="59">
        <f>Bühler!K6147</f>
        <v>2.1293328040073964</v>
      </c>
      <c r="L6121" s="59">
        <f>Bühler!L6147</f>
        <v>10.220797459235502</v>
      </c>
      <c r="M6121" s="58">
        <f>Bühler!M6147</f>
        <v>0</v>
      </c>
      <c r="N6121" s="56">
        <f>IF(Input!$D$19=1,J6121*Input!$C$19,0)+IF(Input!$D$20=1,K6121*Input!$C$20,0)+IF(Input!$D$21=1,L6121*Input!$C$21,0)+IF(Input!$D$22=1,M6121*Input!$C$22,0)</f>
        <v>0.42586656080147928</v>
      </c>
      <c r="O6121" s="59">
        <f>IF(Input!$D$19=2,J6121*Input!$C$19,0)+IF(Input!$D$20=2,K6121*Input!$C$20,0)+IF(Input!$D$21=2,L6121*Input!$C$21,0)+IF(Input!$D$22=2,M6121*Input!$C$22,0)</f>
        <v>1.0646664020036982</v>
      </c>
      <c r="P6121" s="59">
        <f>IF(Input!$D$19=3,J6121*Input!$C$19,0)+IF(Input!$D$20=3,K6121*Input!$C$20,0)+IF(Input!$D$21=3,L6121*Input!$C$21,0)+IF(Input!$D$22=3,M6121*Input!$C$22,0)</f>
        <v>0</v>
      </c>
      <c r="Q6121" s="75">
        <f>IF(Input!$D$19=4,J6121*Input!$C$19,0)+IF(Input!$D$20=4,K6121*Input!$C$20,0)+IF(Input!$D$21=4,L6121*Input!$C$21,0)+IF(Input!$D$22=4,M6121*Input!$C$22,0)</f>
        <v>0</v>
      </c>
      <c r="R6121" s="58">
        <v>64.151196431071483</v>
      </c>
      <c r="S6121" s="124">
        <f t="shared" si="95"/>
        <v>1.845421763473077</v>
      </c>
    </row>
    <row r="6122" spans="8:19" x14ac:dyDescent="0.3">
      <c r="H6122" s="44">
        <v>6115</v>
      </c>
      <c r="I6122" s="56">
        <f>Bühler!I6148</f>
        <v>0.42586656080147928</v>
      </c>
      <c r="J6122" s="59">
        <f>Bühler!J6148</f>
        <v>1.4195552026715976</v>
      </c>
      <c r="K6122" s="59">
        <f>Bühler!K6148</f>
        <v>2.1293328040073964</v>
      </c>
      <c r="L6122" s="59">
        <f>Bühler!L6148</f>
        <v>10.220797459235502</v>
      </c>
      <c r="M6122" s="58">
        <f>Bühler!M6148</f>
        <v>0</v>
      </c>
      <c r="N6122" s="56">
        <f>IF(Input!$D$19=1,J6122*Input!$C$19,0)+IF(Input!$D$20=1,K6122*Input!$C$20,0)+IF(Input!$D$21=1,L6122*Input!$C$21,0)+IF(Input!$D$22=1,M6122*Input!$C$22,0)</f>
        <v>0.42586656080147928</v>
      </c>
      <c r="O6122" s="59">
        <f>IF(Input!$D$19=2,J6122*Input!$C$19,0)+IF(Input!$D$20=2,K6122*Input!$C$20,0)+IF(Input!$D$21=2,L6122*Input!$C$21,0)+IF(Input!$D$22=2,M6122*Input!$C$22,0)</f>
        <v>1.0646664020036982</v>
      </c>
      <c r="P6122" s="59">
        <f>IF(Input!$D$19=3,J6122*Input!$C$19,0)+IF(Input!$D$20=3,K6122*Input!$C$20,0)+IF(Input!$D$21=3,L6122*Input!$C$21,0)+IF(Input!$D$22=3,M6122*Input!$C$22,0)</f>
        <v>0</v>
      </c>
      <c r="Q6122" s="75">
        <f>IF(Input!$D$19=4,J6122*Input!$C$19,0)+IF(Input!$D$20=4,K6122*Input!$C$20,0)+IF(Input!$D$21=4,L6122*Input!$C$21,0)+IF(Input!$D$22=4,M6122*Input!$C$22,0)</f>
        <v>0</v>
      </c>
      <c r="R6122" s="58">
        <v>62.567095495945544</v>
      </c>
      <c r="S6122" s="124">
        <f t="shared" si="95"/>
        <v>1.845421763473077</v>
      </c>
    </row>
    <row r="6123" spans="8:19" x14ac:dyDescent="0.3">
      <c r="H6123" s="44">
        <v>6116</v>
      </c>
      <c r="I6123" s="56">
        <f>Bühler!I6149</f>
        <v>0.35488880066789941</v>
      </c>
      <c r="J6123" s="59">
        <f>Bühler!J6149</f>
        <v>1.1829626688929982</v>
      </c>
      <c r="K6123" s="59">
        <f>Bühler!K6149</f>
        <v>1.774444003339497</v>
      </c>
      <c r="L6123" s="59">
        <f>Bühler!L6149</f>
        <v>8.5173312160295858</v>
      </c>
      <c r="M6123" s="58">
        <f>Bühler!M6149</f>
        <v>0</v>
      </c>
      <c r="N6123" s="56">
        <f>IF(Input!$D$19=1,J6123*Input!$C$19,0)+IF(Input!$D$20=1,K6123*Input!$C$20,0)+IF(Input!$D$21=1,L6123*Input!$C$21,0)+IF(Input!$D$22=1,M6123*Input!$C$22,0)</f>
        <v>0.35488880066789946</v>
      </c>
      <c r="O6123" s="59">
        <f>IF(Input!$D$19=2,J6123*Input!$C$19,0)+IF(Input!$D$20=2,K6123*Input!$C$20,0)+IF(Input!$D$21=2,L6123*Input!$C$21,0)+IF(Input!$D$22=2,M6123*Input!$C$22,0)</f>
        <v>0.88722200166974852</v>
      </c>
      <c r="P6123" s="59">
        <f>IF(Input!$D$19=3,J6123*Input!$C$19,0)+IF(Input!$D$20=3,K6123*Input!$C$20,0)+IF(Input!$D$21=3,L6123*Input!$C$21,0)+IF(Input!$D$22=3,M6123*Input!$C$22,0)</f>
        <v>0</v>
      </c>
      <c r="Q6123" s="75">
        <f>IF(Input!$D$19=4,J6123*Input!$C$19,0)+IF(Input!$D$20=4,K6123*Input!$C$20,0)+IF(Input!$D$21=4,L6123*Input!$C$21,0)+IF(Input!$D$22=4,M6123*Input!$C$22,0)</f>
        <v>0</v>
      </c>
      <c r="R6123" s="58">
        <v>60.96664438913875</v>
      </c>
      <c r="S6123" s="124">
        <f t="shared" si="95"/>
        <v>1.5378514695608976</v>
      </c>
    </row>
    <row r="6124" spans="8:19" x14ac:dyDescent="0.3">
      <c r="H6124" s="44">
        <v>6117</v>
      </c>
      <c r="I6124" s="56">
        <f>Bühler!I6150</f>
        <v>0.28391104053431954</v>
      </c>
      <c r="J6124" s="59">
        <f>Bühler!J6150</f>
        <v>0.9463701351143986</v>
      </c>
      <c r="K6124" s="59">
        <f>Bühler!K6150</f>
        <v>1.4195552026715978</v>
      </c>
      <c r="L6124" s="59">
        <f>Bühler!L6150</f>
        <v>6.8138649728236693</v>
      </c>
      <c r="M6124" s="58">
        <f>Bühler!M6150</f>
        <v>0</v>
      </c>
      <c r="N6124" s="56">
        <f>IF(Input!$D$19=1,J6124*Input!$C$19,0)+IF(Input!$D$20=1,K6124*Input!$C$20,0)+IF(Input!$D$21=1,L6124*Input!$C$21,0)+IF(Input!$D$22=1,M6124*Input!$C$22,0)</f>
        <v>0.28391104053431959</v>
      </c>
      <c r="O6124" s="59">
        <f>IF(Input!$D$19=2,J6124*Input!$C$19,0)+IF(Input!$D$20=2,K6124*Input!$C$20,0)+IF(Input!$D$21=2,L6124*Input!$C$21,0)+IF(Input!$D$22=2,M6124*Input!$C$22,0)</f>
        <v>0.70977760133579892</v>
      </c>
      <c r="P6124" s="59">
        <f>IF(Input!$D$19=3,J6124*Input!$C$19,0)+IF(Input!$D$20=3,K6124*Input!$C$20,0)+IF(Input!$D$21=3,L6124*Input!$C$21,0)+IF(Input!$D$22=3,M6124*Input!$C$22,0)</f>
        <v>0</v>
      </c>
      <c r="Q6124" s="75">
        <f>IF(Input!$D$19=4,J6124*Input!$C$19,0)+IF(Input!$D$20=4,K6124*Input!$C$20,0)+IF(Input!$D$21=4,L6124*Input!$C$21,0)+IF(Input!$D$22=4,M6124*Input!$C$22,0)</f>
        <v>0</v>
      </c>
      <c r="R6124" s="58">
        <v>59.092739461812037</v>
      </c>
      <c r="S6124" s="124">
        <f t="shared" si="95"/>
        <v>1.2302811756487182</v>
      </c>
    </row>
    <row r="6125" spans="8:19" x14ac:dyDescent="0.3">
      <c r="H6125" s="44">
        <v>6118</v>
      </c>
      <c r="I6125" s="56">
        <f>Bühler!I6151</f>
        <v>0.21293328040073964</v>
      </c>
      <c r="J6125" s="59">
        <f>Bühler!J6151</f>
        <v>0.70977760133579881</v>
      </c>
      <c r="K6125" s="59">
        <f>Bühler!K6151</f>
        <v>1.0646664020036982</v>
      </c>
      <c r="L6125" s="59">
        <f>Bühler!L6151</f>
        <v>5.1103987296177511</v>
      </c>
      <c r="M6125" s="58">
        <f>Bühler!M6151</f>
        <v>0</v>
      </c>
      <c r="N6125" s="56">
        <f>IF(Input!$D$19=1,J6125*Input!$C$19,0)+IF(Input!$D$20=1,K6125*Input!$C$20,0)+IF(Input!$D$21=1,L6125*Input!$C$21,0)+IF(Input!$D$22=1,M6125*Input!$C$22,0)</f>
        <v>0.21293328040073964</v>
      </c>
      <c r="O6125" s="59">
        <f>IF(Input!$D$19=2,J6125*Input!$C$19,0)+IF(Input!$D$20=2,K6125*Input!$C$20,0)+IF(Input!$D$21=2,L6125*Input!$C$21,0)+IF(Input!$D$22=2,M6125*Input!$C$22,0)</f>
        <v>0.53233320100184911</v>
      </c>
      <c r="P6125" s="59">
        <f>IF(Input!$D$19=3,J6125*Input!$C$19,0)+IF(Input!$D$20=3,K6125*Input!$C$20,0)+IF(Input!$D$21=3,L6125*Input!$C$21,0)+IF(Input!$D$22=3,M6125*Input!$C$22,0)</f>
        <v>0</v>
      </c>
      <c r="Q6125" s="75">
        <f>IF(Input!$D$19=4,J6125*Input!$C$19,0)+IF(Input!$D$20=4,K6125*Input!$C$20,0)+IF(Input!$D$21=4,L6125*Input!$C$21,0)+IF(Input!$D$22=4,M6125*Input!$C$22,0)</f>
        <v>0</v>
      </c>
      <c r="R6125" s="58">
        <v>57.466531236846137</v>
      </c>
      <c r="S6125" s="124">
        <f t="shared" si="95"/>
        <v>0.92271088173653848</v>
      </c>
    </row>
    <row r="6126" spans="8:19" x14ac:dyDescent="0.3">
      <c r="H6126" s="44">
        <v>6119</v>
      </c>
      <c r="I6126" s="56">
        <f>Bühler!I6152</f>
        <v>0.21293328040073964</v>
      </c>
      <c r="J6126" s="59">
        <f>Bühler!J6152</f>
        <v>0.70977760133579881</v>
      </c>
      <c r="K6126" s="59">
        <f>Bühler!K6152</f>
        <v>1.0646664020036982</v>
      </c>
      <c r="L6126" s="59">
        <f>Bühler!L6152</f>
        <v>5.1103987296177511</v>
      </c>
      <c r="M6126" s="58">
        <f>Bühler!M6152</f>
        <v>0</v>
      </c>
      <c r="N6126" s="56">
        <f>IF(Input!$D$19=1,J6126*Input!$C$19,0)+IF(Input!$D$20=1,K6126*Input!$C$20,0)+IF(Input!$D$21=1,L6126*Input!$C$21,0)+IF(Input!$D$22=1,M6126*Input!$C$22,0)</f>
        <v>0.21293328040073964</v>
      </c>
      <c r="O6126" s="59">
        <f>IF(Input!$D$19=2,J6126*Input!$C$19,0)+IF(Input!$D$20=2,K6126*Input!$C$20,0)+IF(Input!$D$21=2,L6126*Input!$C$21,0)+IF(Input!$D$22=2,M6126*Input!$C$22,0)</f>
        <v>0.53233320100184911</v>
      </c>
      <c r="P6126" s="59">
        <f>IF(Input!$D$19=3,J6126*Input!$C$19,0)+IF(Input!$D$20=3,K6126*Input!$C$20,0)+IF(Input!$D$21=3,L6126*Input!$C$21,0)+IF(Input!$D$22=3,M6126*Input!$C$22,0)</f>
        <v>0</v>
      </c>
      <c r="Q6126" s="75">
        <f>IF(Input!$D$19=4,J6126*Input!$C$19,0)+IF(Input!$D$20=4,K6126*Input!$C$20,0)+IF(Input!$D$21=4,L6126*Input!$C$21,0)+IF(Input!$D$22=4,M6126*Input!$C$22,0)</f>
        <v>0</v>
      </c>
      <c r="R6126" s="58">
        <v>57.251733623887908</v>
      </c>
      <c r="S6126" s="124">
        <f t="shared" si="95"/>
        <v>0.92271088173653848</v>
      </c>
    </row>
    <row r="6127" spans="8:19" x14ac:dyDescent="0.3">
      <c r="H6127" s="44">
        <v>6120</v>
      </c>
      <c r="I6127" s="56">
        <f>Bühler!I6153</f>
        <v>0.21293328040073964</v>
      </c>
      <c r="J6127" s="59">
        <f>Bühler!J6153</f>
        <v>0.70977760133579881</v>
      </c>
      <c r="K6127" s="59">
        <f>Bühler!K6153</f>
        <v>1.0646664020036982</v>
      </c>
      <c r="L6127" s="59">
        <f>Bühler!L6153</f>
        <v>5.1103987296177511</v>
      </c>
      <c r="M6127" s="58">
        <f>Bühler!M6153</f>
        <v>0</v>
      </c>
      <c r="N6127" s="56">
        <f>IF(Input!$D$19=1,J6127*Input!$C$19,0)+IF(Input!$D$20=1,K6127*Input!$C$20,0)+IF(Input!$D$21=1,L6127*Input!$C$21,0)+IF(Input!$D$22=1,M6127*Input!$C$22,0)</f>
        <v>0.21293328040073964</v>
      </c>
      <c r="O6127" s="59">
        <f>IF(Input!$D$19=2,J6127*Input!$C$19,0)+IF(Input!$D$20=2,K6127*Input!$C$20,0)+IF(Input!$D$21=2,L6127*Input!$C$21,0)+IF(Input!$D$22=2,M6127*Input!$C$22,0)</f>
        <v>0.53233320100184911</v>
      </c>
      <c r="P6127" s="59">
        <f>IF(Input!$D$19=3,J6127*Input!$C$19,0)+IF(Input!$D$20=3,K6127*Input!$C$20,0)+IF(Input!$D$21=3,L6127*Input!$C$21,0)+IF(Input!$D$22=3,M6127*Input!$C$22,0)</f>
        <v>0</v>
      </c>
      <c r="Q6127" s="75">
        <f>IF(Input!$D$19=4,J6127*Input!$C$19,0)+IF(Input!$D$20=4,K6127*Input!$C$20,0)+IF(Input!$D$21=4,L6127*Input!$C$21,0)+IF(Input!$D$22=4,M6127*Input!$C$22,0)</f>
        <v>0</v>
      </c>
      <c r="R6127" s="58">
        <v>56.894022563800682</v>
      </c>
      <c r="S6127" s="124">
        <f t="shared" si="95"/>
        <v>0.92271088173653848</v>
      </c>
    </row>
    <row r="6128" spans="8:19" x14ac:dyDescent="0.3">
      <c r="H6128" s="44">
        <v>6121</v>
      </c>
      <c r="I6128" s="56">
        <f>Bühler!I6154</f>
        <v>0.21707290596363618</v>
      </c>
      <c r="J6128" s="59">
        <f>Bühler!J6154</f>
        <v>0.72357635321212066</v>
      </c>
      <c r="K6128" s="59">
        <f>Bühler!K6154</f>
        <v>1.0853645298181809</v>
      </c>
      <c r="L6128" s="59">
        <f>Bühler!L6154</f>
        <v>5.2097497431272686</v>
      </c>
      <c r="M6128" s="58">
        <f>Bühler!M6154</f>
        <v>0</v>
      </c>
      <c r="N6128" s="56">
        <f>IF(Input!$D$19=1,J6128*Input!$C$19,0)+IF(Input!$D$20=1,K6128*Input!$C$20,0)+IF(Input!$D$21=1,L6128*Input!$C$21,0)+IF(Input!$D$22=1,M6128*Input!$C$22,0)</f>
        <v>0.21707290596363618</v>
      </c>
      <c r="O6128" s="59">
        <f>IF(Input!$D$19=2,J6128*Input!$C$19,0)+IF(Input!$D$20=2,K6128*Input!$C$20,0)+IF(Input!$D$21=2,L6128*Input!$C$21,0)+IF(Input!$D$22=2,M6128*Input!$C$22,0)</f>
        <v>0.54268226490909044</v>
      </c>
      <c r="P6128" s="59">
        <f>IF(Input!$D$19=3,J6128*Input!$C$19,0)+IF(Input!$D$20=3,K6128*Input!$C$20,0)+IF(Input!$D$21=3,L6128*Input!$C$21,0)+IF(Input!$D$22=3,M6128*Input!$C$22,0)</f>
        <v>0</v>
      </c>
      <c r="Q6128" s="75">
        <f>IF(Input!$D$19=4,J6128*Input!$C$19,0)+IF(Input!$D$20=4,K6128*Input!$C$20,0)+IF(Input!$D$21=4,L6128*Input!$C$21,0)+IF(Input!$D$22=4,M6128*Input!$C$22,0)</f>
        <v>0</v>
      </c>
      <c r="R6128" s="58">
        <v>56.097259787008092</v>
      </c>
      <c r="S6128" s="124">
        <f t="shared" si="95"/>
        <v>0.94064925917575681</v>
      </c>
    </row>
    <row r="6129" spans="8:19" x14ac:dyDescent="0.3">
      <c r="H6129" s="44">
        <v>6122</v>
      </c>
      <c r="I6129" s="56">
        <f>Bühler!I6155</f>
        <v>0.21707290596363618</v>
      </c>
      <c r="J6129" s="59">
        <f>Bühler!J6155</f>
        <v>0.72357635321212066</v>
      </c>
      <c r="K6129" s="59">
        <f>Bühler!K6155</f>
        <v>1.0853645298181809</v>
      </c>
      <c r="L6129" s="59">
        <f>Bühler!L6155</f>
        <v>5.2097497431272686</v>
      </c>
      <c r="M6129" s="58">
        <f>Bühler!M6155</f>
        <v>0</v>
      </c>
      <c r="N6129" s="56">
        <f>IF(Input!$D$19=1,J6129*Input!$C$19,0)+IF(Input!$D$20=1,K6129*Input!$C$20,0)+IF(Input!$D$21=1,L6129*Input!$C$21,0)+IF(Input!$D$22=1,M6129*Input!$C$22,0)</f>
        <v>0.21707290596363618</v>
      </c>
      <c r="O6129" s="59">
        <f>IF(Input!$D$19=2,J6129*Input!$C$19,0)+IF(Input!$D$20=2,K6129*Input!$C$20,0)+IF(Input!$D$21=2,L6129*Input!$C$21,0)+IF(Input!$D$22=2,M6129*Input!$C$22,0)</f>
        <v>0.54268226490909044</v>
      </c>
      <c r="P6129" s="59">
        <f>IF(Input!$D$19=3,J6129*Input!$C$19,0)+IF(Input!$D$20=3,K6129*Input!$C$20,0)+IF(Input!$D$21=3,L6129*Input!$C$21,0)+IF(Input!$D$22=3,M6129*Input!$C$22,0)</f>
        <v>0</v>
      </c>
      <c r="Q6129" s="75">
        <f>IF(Input!$D$19=4,J6129*Input!$C$19,0)+IF(Input!$D$20=4,K6129*Input!$C$20,0)+IF(Input!$D$21=4,L6129*Input!$C$21,0)+IF(Input!$D$22=4,M6129*Input!$C$22,0)</f>
        <v>0</v>
      </c>
      <c r="R6129" s="58">
        <v>55.854939387668935</v>
      </c>
      <c r="S6129" s="124">
        <f t="shared" si="95"/>
        <v>0.94064925917575681</v>
      </c>
    </row>
    <row r="6130" spans="8:19" x14ac:dyDescent="0.3">
      <c r="H6130" s="44">
        <v>6123</v>
      </c>
      <c r="I6130" s="56">
        <f>Bühler!I6156</f>
        <v>0.21707290596363618</v>
      </c>
      <c r="J6130" s="59">
        <f>Bühler!J6156</f>
        <v>0.72357635321212066</v>
      </c>
      <c r="K6130" s="59">
        <f>Bühler!K6156</f>
        <v>1.0853645298181809</v>
      </c>
      <c r="L6130" s="59">
        <f>Bühler!L6156</f>
        <v>5.2097497431272686</v>
      </c>
      <c r="M6130" s="58">
        <f>Bühler!M6156</f>
        <v>0</v>
      </c>
      <c r="N6130" s="56">
        <f>IF(Input!$D$19=1,J6130*Input!$C$19,0)+IF(Input!$D$20=1,K6130*Input!$C$20,0)+IF(Input!$D$21=1,L6130*Input!$C$21,0)+IF(Input!$D$22=1,M6130*Input!$C$22,0)</f>
        <v>0.21707290596363618</v>
      </c>
      <c r="O6130" s="59">
        <f>IF(Input!$D$19=2,J6130*Input!$C$19,0)+IF(Input!$D$20=2,K6130*Input!$C$20,0)+IF(Input!$D$21=2,L6130*Input!$C$21,0)+IF(Input!$D$22=2,M6130*Input!$C$22,0)</f>
        <v>0.54268226490909044</v>
      </c>
      <c r="P6130" s="59">
        <f>IF(Input!$D$19=3,J6130*Input!$C$19,0)+IF(Input!$D$20=3,K6130*Input!$C$20,0)+IF(Input!$D$21=3,L6130*Input!$C$21,0)+IF(Input!$D$22=3,M6130*Input!$C$22,0)</f>
        <v>0</v>
      </c>
      <c r="Q6130" s="75">
        <f>IF(Input!$D$19=4,J6130*Input!$C$19,0)+IF(Input!$D$20=4,K6130*Input!$C$20,0)+IF(Input!$D$21=4,L6130*Input!$C$21,0)+IF(Input!$D$22=4,M6130*Input!$C$22,0)</f>
        <v>0</v>
      </c>
      <c r="R6130" s="58">
        <v>55.51234383385971</v>
      </c>
      <c r="S6130" s="124">
        <f t="shared" si="95"/>
        <v>0.94064925917575681</v>
      </c>
    </row>
    <row r="6131" spans="8:19" x14ac:dyDescent="0.3">
      <c r="H6131" s="44">
        <v>6124</v>
      </c>
      <c r="I6131" s="56">
        <f>Bühler!I6157</f>
        <v>0.21707290596363618</v>
      </c>
      <c r="J6131" s="59">
        <f>Bühler!J6157</f>
        <v>0.72357635321212066</v>
      </c>
      <c r="K6131" s="59">
        <f>Bühler!K6157</f>
        <v>1.0853645298181809</v>
      </c>
      <c r="L6131" s="59">
        <f>Bühler!L6157</f>
        <v>5.2097497431272686</v>
      </c>
      <c r="M6131" s="58">
        <f>Bühler!M6157</f>
        <v>0</v>
      </c>
      <c r="N6131" s="56">
        <f>IF(Input!$D$19=1,J6131*Input!$C$19,0)+IF(Input!$D$20=1,K6131*Input!$C$20,0)+IF(Input!$D$21=1,L6131*Input!$C$21,0)+IF(Input!$D$22=1,M6131*Input!$C$22,0)</f>
        <v>0.21707290596363618</v>
      </c>
      <c r="O6131" s="59">
        <f>IF(Input!$D$19=2,J6131*Input!$C$19,0)+IF(Input!$D$20=2,K6131*Input!$C$20,0)+IF(Input!$D$21=2,L6131*Input!$C$21,0)+IF(Input!$D$22=2,M6131*Input!$C$22,0)</f>
        <v>0.54268226490909044</v>
      </c>
      <c r="P6131" s="59">
        <f>IF(Input!$D$19=3,J6131*Input!$C$19,0)+IF(Input!$D$20=3,K6131*Input!$C$20,0)+IF(Input!$D$21=3,L6131*Input!$C$21,0)+IF(Input!$D$22=3,M6131*Input!$C$22,0)</f>
        <v>0</v>
      </c>
      <c r="Q6131" s="75">
        <f>IF(Input!$D$19=4,J6131*Input!$C$19,0)+IF(Input!$D$20=4,K6131*Input!$C$20,0)+IF(Input!$D$21=4,L6131*Input!$C$21,0)+IF(Input!$D$22=4,M6131*Input!$C$22,0)</f>
        <v>0</v>
      </c>
      <c r="R6131" s="58">
        <v>56.280246402477665</v>
      </c>
      <c r="S6131" s="124">
        <f t="shared" si="95"/>
        <v>0.94064925917575681</v>
      </c>
    </row>
    <row r="6132" spans="8:19" x14ac:dyDescent="0.3">
      <c r="H6132" s="44">
        <v>6125</v>
      </c>
      <c r="I6132" s="56">
        <f>Bühler!I6158</f>
        <v>0.21707290596363618</v>
      </c>
      <c r="J6132" s="59">
        <f>Bühler!J6158</f>
        <v>0.72357635321212066</v>
      </c>
      <c r="K6132" s="59">
        <f>Bühler!K6158</f>
        <v>1.0853645298181809</v>
      </c>
      <c r="L6132" s="59">
        <f>Bühler!L6158</f>
        <v>5.2097497431272686</v>
      </c>
      <c r="M6132" s="58">
        <f>Bühler!M6158</f>
        <v>0</v>
      </c>
      <c r="N6132" s="56">
        <f>IF(Input!$D$19=1,J6132*Input!$C$19,0)+IF(Input!$D$20=1,K6132*Input!$C$20,0)+IF(Input!$D$21=1,L6132*Input!$C$21,0)+IF(Input!$D$22=1,M6132*Input!$C$22,0)</f>
        <v>0.21707290596363618</v>
      </c>
      <c r="O6132" s="59">
        <f>IF(Input!$D$19=2,J6132*Input!$C$19,0)+IF(Input!$D$20=2,K6132*Input!$C$20,0)+IF(Input!$D$21=2,L6132*Input!$C$21,0)+IF(Input!$D$22=2,M6132*Input!$C$22,0)</f>
        <v>0.54268226490909044</v>
      </c>
      <c r="P6132" s="59">
        <f>IF(Input!$D$19=3,J6132*Input!$C$19,0)+IF(Input!$D$20=3,K6132*Input!$C$20,0)+IF(Input!$D$21=3,L6132*Input!$C$21,0)+IF(Input!$D$22=3,M6132*Input!$C$22,0)</f>
        <v>0</v>
      </c>
      <c r="Q6132" s="75">
        <f>IF(Input!$D$19=4,J6132*Input!$C$19,0)+IF(Input!$D$20=4,K6132*Input!$C$20,0)+IF(Input!$D$21=4,L6132*Input!$C$21,0)+IF(Input!$D$22=4,M6132*Input!$C$22,0)</f>
        <v>0</v>
      </c>
      <c r="R6132" s="58">
        <v>57.665551968168799</v>
      </c>
      <c r="S6132" s="124">
        <f t="shared" si="95"/>
        <v>0.94064925917575681</v>
      </c>
    </row>
    <row r="6133" spans="8:19" x14ac:dyDescent="0.3">
      <c r="H6133" s="44">
        <v>6126</v>
      </c>
      <c r="I6133" s="56">
        <f>Bühler!I6159</f>
        <v>0.27978285657535329</v>
      </c>
      <c r="J6133" s="59">
        <f>Bühler!J6159</f>
        <v>0.9326095219178443</v>
      </c>
      <c r="K6133" s="59">
        <f>Bühler!K6159</f>
        <v>1.3989142828767664</v>
      </c>
      <c r="L6133" s="59">
        <f>Bühler!L6159</f>
        <v>6.7147885578084789</v>
      </c>
      <c r="M6133" s="58">
        <f>Bühler!M6159</f>
        <v>0</v>
      </c>
      <c r="N6133" s="56">
        <f>IF(Input!$D$19=1,J6133*Input!$C$19,0)+IF(Input!$D$20=1,K6133*Input!$C$20,0)+IF(Input!$D$21=1,L6133*Input!$C$21,0)+IF(Input!$D$22=1,M6133*Input!$C$22,0)</f>
        <v>0.27978285657535329</v>
      </c>
      <c r="O6133" s="59">
        <f>IF(Input!$D$19=2,J6133*Input!$C$19,0)+IF(Input!$D$20=2,K6133*Input!$C$20,0)+IF(Input!$D$21=2,L6133*Input!$C$21,0)+IF(Input!$D$22=2,M6133*Input!$C$22,0)</f>
        <v>0.69945714143838322</v>
      </c>
      <c r="P6133" s="59">
        <f>IF(Input!$D$19=3,J6133*Input!$C$19,0)+IF(Input!$D$20=3,K6133*Input!$C$20,0)+IF(Input!$D$21=3,L6133*Input!$C$21,0)+IF(Input!$D$22=3,M6133*Input!$C$22,0)</f>
        <v>0</v>
      </c>
      <c r="Q6133" s="75">
        <f>IF(Input!$D$19=4,J6133*Input!$C$19,0)+IF(Input!$D$20=4,K6133*Input!$C$20,0)+IF(Input!$D$21=4,L6133*Input!$C$21,0)+IF(Input!$D$22=4,M6133*Input!$C$22,0)</f>
        <v>0</v>
      </c>
      <c r="R6133" s="58">
        <v>60.640088031141623</v>
      </c>
      <c r="S6133" s="124">
        <f t="shared" si="95"/>
        <v>1.2123923784931976</v>
      </c>
    </row>
    <row r="6134" spans="8:19" x14ac:dyDescent="0.3">
      <c r="H6134" s="44">
        <v>6127</v>
      </c>
      <c r="I6134" s="56">
        <f>Bühler!I6160</f>
        <v>0.32319743776808058</v>
      </c>
      <c r="J6134" s="59">
        <f>Bühler!J6160</f>
        <v>1.0773247925602687</v>
      </c>
      <c r="K6134" s="59">
        <f>Bühler!K6160</f>
        <v>1.6159871888404027</v>
      </c>
      <c r="L6134" s="59">
        <f>Bühler!L6160</f>
        <v>7.7567385064339334</v>
      </c>
      <c r="M6134" s="58">
        <f>Bühler!M6160</f>
        <v>0</v>
      </c>
      <c r="N6134" s="56">
        <f>IF(Input!$D$19=1,J6134*Input!$C$19,0)+IF(Input!$D$20=1,K6134*Input!$C$20,0)+IF(Input!$D$21=1,L6134*Input!$C$21,0)+IF(Input!$D$22=1,M6134*Input!$C$22,0)</f>
        <v>0.32319743776808058</v>
      </c>
      <c r="O6134" s="59">
        <f>IF(Input!$D$19=2,J6134*Input!$C$19,0)+IF(Input!$D$20=2,K6134*Input!$C$20,0)+IF(Input!$D$21=2,L6134*Input!$C$21,0)+IF(Input!$D$22=2,M6134*Input!$C$22,0)</f>
        <v>0.80799359442020136</v>
      </c>
      <c r="P6134" s="59">
        <f>IF(Input!$D$19=3,J6134*Input!$C$19,0)+IF(Input!$D$20=3,K6134*Input!$C$20,0)+IF(Input!$D$21=3,L6134*Input!$C$21,0)+IF(Input!$D$22=3,M6134*Input!$C$22,0)</f>
        <v>0</v>
      </c>
      <c r="Q6134" s="75">
        <f>IF(Input!$D$19=4,J6134*Input!$C$19,0)+IF(Input!$D$20=4,K6134*Input!$C$20,0)+IF(Input!$D$21=4,L6134*Input!$C$21,0)+IF(Input!$D$22=4,M6134*Input!$C$22,0)</f>
        <v>0</v>
      </c>
      <c r="R6134" s="58">
        <v>63.821644721339986</v>
      </c>
      <c r="S6134" s="124">
        <f t="shared" si="95"/>
        <v>1.4005222303283493</v>
      </c>
    </row>
    <row r="6135" spans="8:19" x14ac:dyDescent="0.3">
      <c r="H6135" s="44">
        <v>6128</v>
      </c>
      <c r="I6135" s="56">
        <f>Bühler!I6161</f>
        <v>0.32319743776808058</v>
      </c>
      <c r="J6135" s="59">
        <f>Bühler!J6161</f>
        <v>1.0773247925602687</v>
      </c>
      <c r="K6135" s="59">
        <f>Bühler!K6161</f>
        <v>1.6159871888404027</v>
      </c>
      <c r="L6135" s="59">
        <f>Bühler!L6161</f>
        <v>7.7567385064339334</v>
      </c>
      <c r="M6135" s="58">
        <f>Bühler!M6161</f>
        <v>0</v>
      </c>
      <c r="N6135" s="56">
        <f>IF(Input!$D$19=1,J6135*Input!$C$19,0)+IF(Input!$D$20=1,K6135*Input!$C$20,0)+IF(Input!$D$21=1,L6135*Input!$C$21,0)+IF(Input!$D$22=1,M6135*Input!$C$22,0)</f>
        <v>0.32319743776808058</v>
      </c>
      <c r="O6135" s="59">
        <f>IF(Input!$D$19=2,J6135*Input!$C$19,0)+IF(Input!$D$20=2,K6135*Input!$C$20,0)+IF(Input!$D$21=2,L6135*Input!$C$21,0)+IF(Input!$D$22=2,M6135*Input!$C$22,0)</f>
        <v>0.80799359442020136</v>
      </c>
      <c r="P6135" s="59">
        <f>IF(Input!$D$19=3,J6135*Input!$C$19,0)+IF(Input!$D$20=3,K6135*Input!$C$20,0)+IF(Input!$D$21=3,L6135*Input!$C$21,0)+IF(Input!$D$22=3,M6135*Input!$C$22,0)</f>
        <v>0</v>
      </c>
      <c r="Q6135" s="75">
        <f>IF(Input!$D$19=4,J6135*Input!$C$19,0)+IF(Input!$D$20=4,K6135*Input!$C$20,0)+IF(Input!$D$21=4,L6135*Input!$C$21,0)+IF(Input!$D$22=4,M6135*Input!$C$22,0)</f>
        <v>0</v>
      </c>
      <c r="R6135" s="58">
        <v>66.004721504334057</v>
      </c>
      <c r="S6135" s="124">
        <f t="shared" si="95"/>
        <v>1.4005222303283493</v>
      </c>
    </row>
    <row r="6136" spans="8:19" x14ac:dyDescent="0.3">
      <c r="H6136" s="44">
        <v>6129</v>
      </c>
      <c r="I6136" s="56">
        <f>Bühler!I6162</f>
        <v>0.32319743776808058</v>
      </c>
      <c r="J6136" s="59">
        <f>Bühler!J6162</f>
        <v>1.0773247925602687</v>
      </c>
      <c r="K6136" s="59">
        <f>Bühler!K6162</f>
        <v>1.6159871888404027</v>
      </c>
      <c r="L6136" s="59">
        <f>Bühler!L6162</f>
        <v>7.7567385064339334</v>
      </c>
      <c r="M6136" s="58">
        <f>Bühler!M6162</f>
        <v>0</v>
      </c>
      <c r="N6136" s="56">
        <f>IF(Input!$D$19=1,J6136*Input!$C$19,0)+IF(Input!$D$20=1,K6136*Input!$C$20,0)+IF(Input!$D$21=1,L6136*Input!$C$21,0)+IF(Input!$D$22=1,M6136*Input!$C$22,0)</f>
        <v>0.32319743776808058</v>
      </c>
      <c r="O6136" s="59">
        <f>IF(Input!$D$19=2,J6136*Input!$C$19,0)+IF(Input!$D$20=2,K6136*Input!$C$20,0)+IF(Input!$D$21=2,L6136*Input!$C$21,0)+IF(Input!$D$22=2,M6136*Input!$C$22,0)</f>
        <v>0.80799359442020136</v>
      </c>
      <c r="P6136" s="59">
        <f>IF(Input!$D$19=3,J6136*Input!$C$19,0)+IF(Input!$D$20=3,K6136*Input!$C$20,0)+IF(Input!$D$21=3,L6136*Input!$C$21,0)+IF(Input!$D$22=3,M6136*Input!$C$22,0)</f>
        <v>0</v>
      </c>
      <c r="Q6136" s="75">
        <f>IF(Input!$D$19=4,J6136*Input!$C$19,0)+IF(Input!$D$20=4,K6136*Input!$C$20,0)+IF(Input!$D$21=4,L6136*Input!$C$21,0)+IF(Input!$D$22=4,M6136*Input!$C$22,0)</f>
        <v>0</v>
      </c>
      <c r="R6136" s="58">
        <v>67.270341392201161</v>
      </c>
      <c r="S6136" s="124">
        <f t="shared" si="95"/>
        <v>1.4005222303283493</v>
      </c>
    </row>
    <row r="6137" spans="8:19" x14ac:dyDescent="0.3">
      <c r="H6137" s="44">
        <v>6130</v>
      </c>
      <c r="I6137" s="56">
        <f>Bühler!I6163</f>
        <v>0.3473166495418179</v>
      </c>
      <c r="J6137" s="59">
        <f>Bühler!J6163</f>
        <v>1.1577221651393932</v>
      </c>
      <c r="K6137" s="59">
        <f>Bühler!K6163</f>
        <v>1.7365832477090895</v>
      </c>
      <c r="L6137" s="59">
        <f>Bühler!L6163</f>
        <v>8.3355995890036301</v>
      </c>
      <c r="M6137" s="58">
        <f>Bühler!M6163</f>
        <v>0</v>
      </c>
      <c r="N6137" s="56">
        <f>IF(Input!$D$19=1,J6137*Input!$C$19,0)+IF(Input!$D$20=1,K6137*Input!$C$20,0)+IF(Input!$D$21=1,L6137*Input!$C$21,0)+IF(Input!$D$22=1,M6137*Input!$C$22,0)</f>
        <v>0.34731664954181796</v>
      </c>
      <c r="O6137" s="59">
        <f>IF(Input!$D$19=2,J6137*Input!$C$19,0)+IF(Input!$D$20=2,K6137*Input!$C$20,0)+IF(Input!$D$21=2,L6137*Input!$C$21,0)+IF(Input!$D$22=2,M6137*Input!$C$22,0)</f>
        <v>0.86829162385454473</v>
      </c>
      <c r="P6137" s="59">
        <f>IF(Input!$D$19=3,J6137*Input!$C$19,0)+IF(Input!$D$20=3,K6137*Input!$C$20,0)+IF(Input!$D$21=3,L6137*Input!$C$21,0)+IF(Input!$D$22=3,M6137*Input!$C$22,0)</f>
        <v>0</v>
      </c>
      <c r="Q6137" s="75">
        <f>IF(Input!$D$19=4,J6137*Input!$C$19,0)+IF(Input!$D$20=4,K6137*Input!$C$20,0)+IF(Input!$D$21=4,L6137*Input!$C$21,0)+IF(Input!$D$22=4,M6137*Input!$C$22,0)</f>
        <v>0</v>
      </c>
      <c r="R6137" s="58">
        <v>67.488057941757546</v>
      </c>
      <c r="S6137" s="124">
        <f t="shared" si="95"/>
        <v>1.505038814681211</v>
      </c>
    </row>
    <row r="6138" spans="8:19" x14ac:dyDescent="0.3">
      <c r="H6138" s="44">
        <v>6131</v>
      </c>
      <c r="I6138" s="56">
        <f>Bühler!I6164</f>
        <v>0.3762597036703027</v>
      </c>
      <c r="J6138" s="59">
        <f>Bühler!J6164</f>
        <v>1.2541990122343425</v>
      </c>
      <c r="K6138" s="59">
        <f>Bühler!K6164</f>
        <v>1.8812985183515136</v>
      </c>
      <c r="L6138" s="59">
        <f>Bühler!L6164</f>
        <v>9.0302328880872658</v>
      </c>
      <c r="M6138" s="58">
        <f>Bühler!M6164</f>
        <v>0</v>
      </c>
      <c r="N6138" s="56">
        <f>IF(Input!$D$19=1,J6138*Input!$C$19,0)+IF(Input!$D$20=1,K6138*Input!$C$20,0)+IF(Input!$D$21=1,L6138*Input!$C$21,0)+IF(Input!$D$22=1,M6138*Input!$C$22,0)</f>
        <v>0.37625970367030276</v>
      </c>
      <c r="O6138" s="59">
        <f>IF(Input!$D$19=2,J6138*Input!$C$19,0)+IF(Input!$D$20=2,K6138*Input!$C$20,0)+IF(Input!$D$21=2,L6138*Input!$C$21,0)+IF(Input!$D$22=2,M6138*Input!$C$22,0)</f>
        <v>0.94064925917575681</v>
      </c>
      <c r="P6138" s="59">
        <f>IF(Input!$D$19=3,J6138*Input!$C$19,0)+IF(Input!$D$20=3,K6138*Input!$C$20,0)+IF(Input!$D$21=3,L6138*Input!$C$21,0)+IF(Input!$D$22=3,M6138*Input!$C$22,0)</f>
        <v>0</v>
      </c>
      <c r="Q6138" s="75">
        <f>IF(Input!$D$19=4,J6138*Input!$C$19,0)+IF(Input!$D$20=4,K6138*Input!$C$20,0)+IF(Input!$D$21=4,L6138*Input!$C$21,0)+IF(Input!$D$22=4,M6138*Input!$C$22,0)</f>
        <v>0</v>
      </c>
      <c r="R6138" s="58">
        <v>68.741526548073523</v>
      </c>
      <c r="S6138" s="124">
        <f t="shared" si="95"/>
        <v>1.6304587159046453</v>
      </c>
    </row>
    <row r="6139" spans="8:19" x14ac:dyDescent="0.3">
      <c r="H6139" s="44">
        <v>6132</v>
      </c>
      <c r="I6139" s="56">
        <f>Bühler!I6165</f>
        <v>0.43414581192727236</v>
      </c>
      <c r="J6139" s="59">
        <f>Bühler!J6165</f>
        <v>1.4471527064242413</v>
      </c>
      <c r="K6139" s="59">
        <f>Bühler!K6165</f>
        <v>2.1707290596363618</v>
      </c>
      <c r="L6139" s="59">
        <f>Bühler!L6165</f>
        <v>10.419499486254537</v>
      </c>
      <c r="M6139" s="58">
        <f>Bühler!M6165</f>
        <v>0</v>
      </c>
      <c r="N6139" s="56">
        <f>IF(Input!$D$19=1,J6139*Input!$C$19,0)+IF(Input!$D$20=1,K6139*Input!$C$20,0)+IF(Input!$D$21=1,L6139*Input!$C$21,0)+IF(Input!$D$22=1,M6139*Input!$C$22,0)</f>
        <v>0.43414581192727236</v>
      </c>
      <c r="O6139" s="59">
        <f>IF(Input!$D$19=2,J6139*Input!$C$19,0)+IF(Input!$D$20=2,K6139*Input!$C$20,0)+IF(Input!$D$21=2,L6139*Input!$C$21,0)+IF(Input!$D$22=2,M6139*Input!$C$22,0)</f>
        <v>1.0853645298181809</v>
      </c>
      <c r="P6139" s="59">
        <f>IF(Input!$D$19=3,J6139*Input!$C$19,0)+IF(Input!$D$20=3,K6139*Input!$C$20,0)+IF(Input!$D$21=3,L6139*Input!$C$21,0)+IF(Input!$D$22=3,M6139*Input!$C$22,0)</f>
        <v>0</v>
      </c>
      <c r="Q6139" s="75">
        <f>IF(Input!$D$19=4,J6139*Input!$C$19,0)+IF(Input!$D$20=4,K6139*Input!$C$20,0)+IF(Input!$D$21=4,L6139*Input!$C$21,0)+IF(Input!$D$22=4,M6139*Input!$C$22,0)</f>
        <v>0</v>
      </c>
      <c r="R6139" s="58">
        <v>69.493965427277459</v>
      </c>
      <c r="S6139" s="124">
        <f t="shared" si="95"/>
        <v>1.8812985183515136</v>
      </c>
    </row>
    <row r="6140" spans="8:19" x14ac:dyDescent="0.3">
      <c r="H6140" s="44">
        <v>6133</v>
      </c>
      <c r="I6140" s="56">
        <f>Bühler!I6166</f>
        <v>0.43414581192727236</v>
      </c>
      <c r="J6140" s="59">
        <f>Bühler!J6166</f>
        <v>1.4471527064242413</v>
      </c>
      <c r="K6140" s="59">
        <f>Bühler!K6166</f>
        <v>2.1707290596363618</v>
      </c>
      <c r="L6140" s="59">
        <f>Bühler!L6166</f>
        <v>10.419499486254537</v>
      </c>
      <c r="M6140" s="58">
        <f>Bühler!M6166</f>
        <v>0</v>
      </c>
      <c r="N6140" s="56">
        <f>IF(Input!$D$19=1,J6140*Input!$C$19,0)+IF(Input!$D$20=1,K6140*Input!$C$20,0)+IF(Input!$D$21=1,L6140*Input!$C$21,0)+IF(Input!$D$22=1,M6140*Input!$C$22,0)</f>
        <v>0.43414581192727236</v>
      </c>
      <c r="O6140" s="59">
        <f>IF(Input!$D$19=2,J6140*Input!$C$19,0)+IF(Input!$D$20=2,K6140*Input!$C$20,0)+IF(Input!$D$21=2,L6140*Input!$C$21,0)+IF(Input!$D$22=2,M6140*Input!$C$22,0)</f>
        <v>1.0853645298181809</v>
      </c>
      <c r="P6140" s="59">
        <f>IF(Input!$D$19=3,J6140*Input!$C$19,0)+IF(Input!$D$20=3,K6140*Input!$C$20,0)+IF(Input!$D$21=3,L6140*Input!$C$21,0)+IF(Input!$D$22=3,M6140*Input!$C$22,0)</f>
        <v>0</v>
      </c>
      <c r="Q6140" s="75">
        <f>IF(Input!$D$19=4,J6140*Input!$C$19,0)+IF(Input!$D$20=4,K6140*Input!$C$20,0)+IF(Input!$D$21=4,L6140*Input!$C$21,0)+IF(Input!$D$22=4,M6140*Input!$C$22,0)</f>
        <v>0</v>
      </c>
      <c r="R6140" s="58">
        <v>69.087636256688995</v>
      </c>
      <c r="S6140" s="124">
        <f t="shared" si="95"/>
        <v>1.8812985183515136</v>
      </c>
    </row>
    <row r="6141" spans="8:19" x14ac:dyDescent="0.3">
      <c r="H6141" s="44">
        <v>6134</v>
      </c>
      <c r="I6141" s="56">
        <f>Bühler!I6167</f>
        <v>0.43414581192727236</v>
      </c>
      <c r="J6141" s="59">
        <f>Bühler!J6167</f>
        <v>1.4471527064242413</v>
      </c>
      <c r="K6141" s="59">
        <f>Bühler!K6167</f>
        <v>2.1707290596363618</v>
      </c>
      <c r="L6141" s="59">
        <f>Bühler!L6167</f>
        <v>10.419499486254537</v>
      </c>
      <c r="M6141" s="58">
        <f>Bühler!M6167</f>
        <v>0</v>
      </c>
      <c r="N6141" s="56">
        <f>IF(Input!$D$19=1,J6141*Input!$C$19,0)+IF(Input!$D$20=1,K6141*Input!$C$20,0)+IF(Input!$D$21=1,L6141*Input!$C$21,0)+IF(Input!$D$22=1,M6141*Input!$C$22,0)</f>
        <v>0.43414581192727236</v>
      </c>
      <c r="O6141" s="59">
        <f>IF(Input!$D$19=2,J6141*Input!$C$19,0)+IF(Input!$D$20=2,K6141*Input!$C$20,0)+IF(Input!$D$21=2,L6141*Input!$C$21,0)+IF(Input!$D$22=2,M6141*Input!$C$22,0)</f>
        <v>1.0853645298181809</v>
      </c>
      <c r="P6141" s="59">
        <f>IF(Input!$D$19=3,J6141*Input!$C$19,0)+IF(Input!$D$20=3,K6141*Input!$C$20,0)+IF(Input!$D$21=3,L6141*Input!$C$21,0)+IF(Input!$D$22=3,M6141*Input!$C$22,0)</f>
        <v>0</v>
      </c>
      <c r="Q6141" s="75">
        <f>IF(Input!$D$19=4,J6141*Input!$C$19,0)+IF(Input!$D$20=4,K6141*Input!$C$20,0)+IF(Input!$D$21=4,L6141*Input!$C$21,0)+IF(Input!$D$22=4,M6141*Input!$C$22,0)</f>
        <v>0</v>
      </c>
      <c r="R6141" s="58">
        <v>68.508860110670895</v>
      </c>
      <c r="S6141" s="124">
        <f t="shared" si="95"/>
        <v>1.8812985183515136</v>
      </c>
    </row>
    <row r="6142" spans="8:19" x14ac:dyDescent="0.3">
      <c r="H6142" s="44">
        <v>6135</v>
      </c>
      <c r="I6142" s="56">
        <f>Bühler!I6168</f>
        <v>0.43414581192727236</v>
      </c>
      <c r="J6142" s="59">
        <f>Bühler!J6168</f>
        <v>1.4471527064242413</v>
      </c>
      <c r="K6142" s="59">
        <f>Bühler!K6168</f>
        <v>2.1707290596363618</v>
      </c>
      <c r="L6142" s="59">
        <f>Bühler!L6168</f>
        <v>10.419499486254537</v>
      </c>
      <c r="M6142" s="58">
        <f>Bühler!M6168</f>
        <v>0</v>
      </c>
      <c r="N6142" s="56">
        <f>IF(Input!$D$19=1,J6142*Input!$C$19,0)+IF(Input!$D$20=1,K6142*Input!$C$20,0)+IF(Input!$D$21=1,L6142*Input!$C$21,0)+IF(Input!$D$22=1,M6142*Input!$C$22,0)</f>
        <v>0.43414581192727236</v>
      </c>
      <c r="O6142" s="59">
        <f>IF(Input!$D$19=2,J6142*Input!$C$19,0)+IF(Input!$D$20=2,K6142*Input!$C$20,0)+IF(Input!$D$21=2,L6142*Input!$C$21,0)+IF(Input!$D$22=2,M6142*Input!$C$22,0)</f>
        <v>1.0853645298181809</v>
      </c>
      <c r="P6142" s="59">
        <f>IF(Input!$D$19=3,J6142*Input!$C$19,0)+IF(Input!$D$20=3,K6142*Input!$C$20,0)+IF(Input!$D$21=3,L6142*Input!$C$21,0)+IF(Input!$D$22=3,M6142*Input!$C$22,0)</f>
        <v>0</v>
      </c>
      <c r="Q6142" s="75">
        <f>IF(Input!$D$19=4,J6142*Input!$C$19,0)+IF(Input!$D$20=4,K6142*Input!$C$20,0)+IF(Input!$D$21=4,L6142*Input!$C$21,0)+IF(Input!$D$22=4,M6142*Input!$C$22,0)</f>
        <v>0</v>
      </c>
      <c r="R6142" s="58">
        <v>68.172101939714452</v>
      </c>
      <c r="S6142" s="124">
        <f t="shared" si="95"/>
        <v>1.8812985183515136</v>
      </c>
    </row>
    <row r="6143" spans="8:19" x14ac:dyDescent="0.3">
      <c r="H6143" s="44">
        <v>6136</v>
      </c>
      <c r="I6143" s="56">
        <f>Bühler!I6169</f>
        <v>0.43414581192727236</v>
      </c>
      <c r="J6143" s="59">
        <f>Bühler!J6169</f>
        <v>1.4471527064242413</v>
      </c>
      <c r="K6143" s="59">
        <f>Bühler!K6169</f>
        <v>2.1707290596363618</v>
      </c>
      <c r="L6143" s="59">
        <f>Bühler!L6169</f>
        <v>10.419499486254537</v>
      </c>
      <c r="M6143" s="58">
        <f>Bühler!M6169</f>
        <v>0</v>
      </c>
      <c r="N6143" s="56">
        <f>IF(Input!$D$19=1,J6143*Input!$C$19,0)+IF(Input!$D$20=1,K6143*Input!$C$20,0)+IF(Input!$D$21=1,L6143*Input!$C$21,0)+IF(Input!$D$22=1,M6143*Input!$C$22,0)</f>
        <v>0.43414581192727236</v>
      </c>
      <c r="O6143" s="59">
        <f>IF(Input!$D$19=2,J6143*Input!$C$19,0)+IF(Input!$D$20=2,K6143*Input!$C$20,0)+IF(Input!$D$21=2,L6143*Input!$C$21,0)+IF(Input!$D$22=2,M6143*Input!$C$22,0)</f>
        <v>1.0853645298181809</v>
      </c>
      <c r="P6143" s="59">
        <f>IF(Input!$D$19=3,J6143*Input!$C$19,0)+IF(Input!$D$20=3,K6143*Input!$C$20,0)+IF(Input!$D$21=3,L6143*Input!$C$21,0)+IF(Input!$D$22=3,M6143*Input!$C$22,0)</f>
        <v>0</v>
      </c>
      <c r="Q6143" s="75">
        <f>IF(Input!$D$19=4,J6143*Input!$C$19,0)+IF(Input!$D$20=4,K6143*Input!$C$20,0)+IF(Input!$D$21=4,L6143*Input!$C$21,0)+IF(Input!$D$22=4,M6143*Input!$C$22,0)</f>
        <v>0</v>
      </c>
      <c r="R6143" s="58">
        <v>67.590342994756455</v>
      </c>
      <c r="S6143" s="124">
        <f t="shared" si="95"/>
        <v>1.8812985183515136</v>
      </c>
    </row>
    <row r="6144" spans="8:19" x14ac:dyDescent="0.3">
      <c r="H6144" s="44">
        <v>6137</v>
      </c>
      <c r="I6144" s="56">
        <f>Bühler!I6170</f>
        <v>0.43414581192727236</v>
      </c>
      <c r="J6144" s="59">
        <f>Bühler!J6170</f>
        <v>1.4471527064242413</v>
      </c>
      <c r="K6144" s="59">
        <f>Bühler!K6170</f>
        <v>2.1707290596363618</v>
      </c>
      <c r="L6144" s="59">
        <f>Bühler!L6170</f>
        <v>10.419499486254537</v>
      </c>
      <c r="M6144" s="58">
        <f>Bühler!M6170</f>
        <v>0</v>
      </c>
      <c r="N6144" s="56">
        <f>IF(Input!$D$19=1,J6144*Input!$C$19,0)+IF(Input!$D$20=1,K6144*Input!$C$20,0)+IF(Input!$D$21=1,L6144*Input!$C$21,0)+IF(Input!$D$22=1,M6144*Input!$C$22,0)</f>
        <v>0.43414581192727236</v>
      </c>
      <c r="O6144" s="59">
        <f>IF(Input!$D$19=2,J6144*Input!$C$19,0)+IF(Input!$D$20=2,K6144*Input!$C$20,0)+IF(Input!$D$21=2,L6144*Input!$C$21,0)+IF(Input!$D$22=2,M6144*Input!$C$22,0)</f>
        <v>1.0853645298181809</v>
      </c>
      <c r="P6144" s="59">
        <f>IF(Input!$D$19=3,J6144*Input!$C$19,0)+IF(Input!$D$20=3,K6144*Input!$C$20,0)+IF(Input!$D$21=3,L6144*Input!$C$21,0)+IF(Input!$D$22=3,M6144*Input!$C$22,0)</f>
        <v>0</v>
      </c>
      <c r="Q6144" s="75">
        <f>IF(Input!$D$19=4,J6144*Input!$C$19,0)+IF(Input!$D$20=4,K6144*Input!$C$20,0)+IF(Input!$D$21=4,L6144*Input!$C$21,0)+IF(Input!$D$22=4,M6144*Input!$C$22,0)</f>
        <v>0</v>
      </c>
      <c r="R6144" s="58">
        <v>66.071684778601565</v>
      </c>
      <c r="S6144" s="124">
        <f t="shared" si="95"/>
        <v>1.8812985183515136</v>
      </c>
    </row>
    <row r="6145" spans="8:19" x14ac:dyDescent="0.3">
      <c r="H6145" s="44">
        <v>6138</v>
      </c>
      <c r="I6145" s="56">
        <f>Bühler!I6171</f>
        <v>0.43414581192727236</v>
      </c>
      <c r="J6145" s="59">
        <f>Bühler!J6171</f>
        <v>1.4471527064242413</v>
      </c>
      <c r="K6145" s="59">
        <f>Bühler!K6171</f>
        <v>2.1707290596363618</v>
      </c>
      <c r="L6145" s="59">
        <f>Bühler!L6171</f>
        <v>10.419499486254537</v>
      </c>
      <c r="M6145" s="58">
        <f>Bühler!M6171</f>
        <v>0</v>
      </c>
      <c r="N6145" s="56">
        <f>IF(Input!$D$19=1,J6145*Input!$C$19,0)+IF(Input!$D$20=1,K6145*Input!$C$20,0)+IF(Input!$D$21=1,L6145*Input!$C$21,0)+IF(Input!$D$22=1,M6145*Input!$C$22,0)</f>
        <v>0.43414581192727236</v>
      </c>
      <c r="O6145" s="59">
        <f>IF(Input!$D$19=2,J6145*Input!$C$19,0)+IF(Input!$D$20=2,K6145*Input!$C$20,0)+IF(Input!$D$21=2,L6145*Input!$C$21,0)+IF(Input!$D$22=2,M6145*Input!$C$22,0)</f>
        <v>1.0853645298181809</v>
      </c>
      <c r="P6145" s="59">
        <f>IF(Input!$D$19=3,J6145*Input!$C$19,0)+IF(Input!$D$20=3,K6145*Input!$C$20,0)+IF(Input!$D$21=3,L6145*Input!$C$21,0)+IF(Input!$D$22=3,M6145*Input!$C$22,0)</f>
        <v>0</v>
      </c>
      <c r="Q6145" s="75">
        <f>IF(Input!$D$19=4,J6145*Input!$C$19,0)+IF(Input!$D$20=4,K6145*Input!$C$20,0)+IF(Input!$D$21=4,L6145*Input!$C$21,0)+IF(Input!$D$22=4,M6145*Input!$C$22,0)</f>
        <v>0</v>
      </c>
      <c r="R6145" s="58">
        <v>64.628161960879666</v>
      </c>
      <c r="S6145" s="124">
        <f t="shared" si="95"/>
        <v>1.8812985183515136</v>
      </c>
    </row>
    <row r="6146" spans="8:19" x14ac:dyDescent="0.3">
      <c r="H6146" s="44">
        <v>6139</v>
      </c>
      <c r="I6146" s="56">
        <f>Bühler!I6172</f>
        <v>0.43414581192727236</v>
      </c>
      <c r="J6146" s="59">
        <f>Bühler!J6172</f>
        <v>1.4471527064242413</v>
      </c>
      <c r="K6146" s="59">
        <f>Bühler!K6172</f>
        <v>2.1707290596363618</v>
      </c>
      <c r="L6146" s="59">
        <f>Bühler!L6172</f>
        <v>10.419499486254537</v>
      </c>
      <c r="M6146" s="58">
        <f>Bühler!M6172</f>
        <v>0</v>
      </c>
      <c r="N6146" s="56">
        <f>IF(Input!$D$19=1,J6146*Input!$C$19,0)+IF(Input!$D$20=1,K6146*Input!$C$20,0)+IF(Input!$D$21=1,L6146*Input!$C$21,0)+IF(Input!$D$22=1,M6146*Input!$C$22,0)</f>
        <v>0.43414581192727236</v>
      </c>
      <c r="O6146" s="59">
        <f>IF(Input!$D$19=2,J6146*Input!$C$19,0)+IF(Input!$D$20=2,K6146*Input!$C$20,0)+IF(Input!$D$21=2,L6146*Input!$C$21,0)+IF(Input!$D$22=2,M6146*Input!$C$22,0)</f>
        <v>1.0853645298181809</v>
      </c>
      <c r="P6146" s="59">
        <f>IF(Input!$D$19=3,J6146*Input!$C$19,0)+IF(Input!$D$20=3,K6146*Input!$C$20,0)+IF(Input!$D$21=3,L6146*Input!$C$21,0)+IF(Input!$D$22=3,M6146*Input!$C$22,0)</f>
        <v>0</v>
      </c>
      <c r="Q6146" s="75">
        <f>IF(Input!$D$19=4,J6146*Input!$C$19,0)+IF(Input!$D$20=4,K6146*Input!$C$20,0)+IF(Input!$D$21=4,L6146*Input!$C$21,0)+IF(Input!$D$22=4,M6146*Input!$C$22,0)</f>
        <v>0</v>
      </c>
      <c r="R6146" s="58">
        <v>63.472249691438357</v>
      </c>
      <c r="S6146" s="124">
        <f t="shared" si="95"/>
        <v>1.8812985183515136</v>
      </c>
    </row>
    <row r="6147" spans="8:19" x14ac:dyDescent="0.3">
      <c r="H6147" s="44">
        <v>6140</v>
      </c>
      <c r="I6147" s="56">
        <f>Bühler!I6173</f>
        <v>0.36178817660606033</v>
      </c>
      <c r="J6147" s="59">
        <f>Bühler!J6173</f>
        <v>1.2059605886868678</v>
      </c>
      <c r="K6147" s="59">
        <f>Bühler!K6173</f>
        <v>1.8089408830303015</v>
      </c>
      <c r="L6147" s="59">
        <f>Bühler!L6173</f>
        <v>8.682916238545447</v>
      </c>
      <c r="M6147" s="58">
        <f>Bühler!M6173</f>
        <v>0</v>
      </c>
      <c r="N6147" s="56">
        <f>IF(Input!$D$19=1,J6147*Input!$C$19,0)+IF(Input!$D$20=1,K6147*Input!$C$20,0)+IF(Input!$D$21=1,L6147*Input!$C$21,0)+IF(Input!$D$22=1,M6147*Input!$C$22,0)</f>
        <v>0.36178817660606033</v>
      </c>
      <c r="O6147" s="59">
        <f>IF(Input!$D$19=2,J6147*Input!$C$19,0)+IF(Input!$D$20=2,K6147*Input!$C$20,0)+IF(Input!$D$21=2,L6147*Input!$C$21,0)+IF(Input!$D$22=2,M6147*Input!$C$22,0)</f>
        <v>0.90447044151515077</v>
      </c>
      <c r="P6147" s="59">
        <f>IF(Input!$D$19=3,J6147*Input!$C$19,0)+IF(Input!$D$20=3,K6147*Input!$C$20,0)+IF(Input!$D$21=3,L6147*Input!$C$21,0)+IF(Input!$D$22=3,M6147*Input!$C$22,0)</f>
        <v>0</v>
      </c>
      <c r="Q6147" s="75">
        <f>IF(Input!$D$19=4,J6147*Input!$C$19,0)+IF(Input!$D$20=4,K6147*Input!$C$20,0)+IF(Input!$D$21=4,L6147*Input!$C$21,0)+IF(Input!$D$22=4,M6147*Input!$C$22,0)</f>
        <v>0</v>
      </c>
      <c r="R6147" s="58">
        <v>62.137873421457819</v>
      </c>
      <c r="S6147" s="124">
        <f t="shared" si="95"/>
        <v>1.5677487652929281</v>
      </c>
    </row>
    <row r="6148" spans="8:19" x14ac:dyDescent="0.3">
      <c r="H6148" s="44">
        <v>6141</v>
      </c>
      <c r="I6148" s="56">
        <f>Bühler!I6174</f>
        <v>0.2894305412848483</v>
      </c>
      <c r="J6148" s="59">
        <f>Bühler!J6174</f>
        <v>0.96476847094949436</v>
      </c>
      <c r="K6148" s="59">
        <f>Bühler!K6174</f>
        <v>1.4471527064242413</v>
      </c>
      <c r="L6148" s="59">
        <f>Bühler!L6174</f>
        <v>6.9463329908363587</v>
      </c>
      <c r="M6148" s="58">
        <f>Bühler!M6174</f>
        <v>0</v>
      </c>
      <c r="N6148" s="56">
        <f>IF(Input!$D$19=1,J6148*Input!$C$19,0)+IF(Input!$D$20=1,K6148*Input!$C$20,0)+IF(Input!$D$21=1,L6148*Input!$C$21,0)+IF(Input!$D$22=1,M6148*Input!$C$22,0)</f>
        <v>0.2894305412848483</v>
      </c>
      <c r="O6148" s="59">
        <f>IF(Input!$D$19=2,J6148*Input!$C$19,0)+IF(Input!$D$20=2,K6148*Input!$C$20,0)+IF(Input!$D$21=2,L6148*Input!$C$21,0)+IF(Input!$D$22=2,M6148*Input!$C$22,0)</f>
        <v>0.72357635321212066</v>
      </c>
      <c r="P6148" s="59">
        <f>IF(Input!$D$19=3,J6148*Input!$C$19,0)+IF(Input!$D$20=3,K6148*Input!$C$20,0)+IF(Input!$D$21=3,L6148*Input!$C$21,0)+IF(Input!$D$22=3,M6148*Input!$C$22,0)</f>
        <v>0</v>
      </c>
      <c r="Q6148" s="75">
        <f>IF(Input!$D$19=4,J6148*Input!$C$19,0)+IF(Input!$D$20=4,K6148*Input!$C$20,0)+IF(Input!$D$21=4,L6148*Input!$C$21,0)+IF(Input!$D$22=4,M6148*Input!$C$22,0)</f>
        <v>0</v>
      </c>
      <c r="R6148" s="58">
        <v>60.213705771419534</v>
      </c>
      <c r="S6148" s="124">
        <f t="shared" si="95"/>
        <v>1.2541990122343427</v>
      </c>
    </row>
    <row r="6149" spans="8:19" x14ac:dyDescent="0.3">
      <c r="H6149" s="44">
        <v>6142</v>
      </c>
      <c r="I6149" s="56">
        <f>Bühler!I6175</f>
        <v>0.21707290596363618</v>
      </c>
      <c r="J6149" s="59">
        <f>Bühler!J6175</f>
        <v>0.72357635321212066</v>
      </c>
      <c r="K6149" s="59">
        <f>Bühler!K6175</f>
        <v>1.0853645298181809</v>
      </c>
      <c r="L6149" s="59">
        <f>Bühler!L6175</f>
        <v>5.2097497431272686</v>
      </c>
      <c r="M6149" s="58">
        <f>Bühler!M6175</f>
        <v>0</v>
      </c>
      <c r="N6149" s="56">
        <f>IF(Input!$D$19=1,J6149*Input!$C$19,0)+IF(Input!$D$20=1,K6149*Input!$C$20,0)+IF(Input!$D$21=1,L6149*Input!$C$21,0)+IF(Input!$D$22=1,M6149*Input!$C$22,0)</f>
        <v>0.21707290596363618</v>
      </c>
      <c r="O6149" s="59">
        <f>IF(Input!$D$19=2,J6149*Input!$C$19,0)+IF(Input!$D$20=2,K6149*Input!$C$20,0)+IF(Input!$D$21=2,L6149*Input!$C$21,0)+IF(Input!$D$22=2,M6149*Input!$C$22,0)</f>
        <v>0.54268226490909044</v>
      </c>
      <c r="P6149" s="59">
        <f>IF(Input!$D$19=3,J6149*Input!$C$19,0)+IF(Input!$D$20=3,K6149*Input!$C$20,0)+IF(Input!$D$21=3,L6149*Input!$C$21,0)+IF(Input!$D$22=3,M6149*Input!$C$22,0)</f>
        <v>0</v>
      </c>
      <c r="Q6149" s="75">
        <f>IF(Input!$D$19=4,J6149*Input!$C$19,0)+IF(Input!$D$20=4,K6149*Input!$C$20,0)+IF(Input!$D$21=4,L6149*Input!$C$21,0)+IF(Input!$D$22=4,M6149*Input!$C$22,0)</f>
        <v>0</v>
      </c>
      <c r="R6149" s="58">
        <v>58.114825660759543</v>
      </c>
      <c r="S6149" s="124">
        <f t="shared" si="95"/>
        <v>0.94064925917575681</v>
      </c>
    </row>
    <row r="6150" spans="8:19" x14ac:dyDescent="0.3">
      <c r="H6150" s="44">
        <v>6143</v>
      </c>
      <c r="I6150" s="56">
        <f>Bühler!I6176</f>
        <v>0.21707290596363618</v>
      </c>
      <c r="J6150" s="59">
        <f>Bühler!J6176</f>
        <v>0.72357635321212066</v>
      </c>
      <c r="K6150" s="59">
        <f>Bühler!K6176</f>
        <v>1.0853645298181809</v>
      </c>
      <c r="L6150" s="59">
        <f>Bühler!L6176</f>
        <v>5.2097497431272686</v>
      </c>
      <c r="M6150" s="58">
        <f>Bühler!M6176</f>
        <v>0</v>
      </c>
      <c r="N6150" s="56">
        <f>IF(Input!$D$19=1,J6150*Input!$C$19,0)+IF(Input!$D$20=1,K6150*Input!$C$20,0)+IF(Input!$D$21=1,L6150*Input!$C$21,0)+IF(Input!$D$22=1,M6150*Input!$C$22,0)</f>
        <v>0.21707290596363618</v>
      </c>
      <c r="O6150" s="59">
        <f>IF(Input!$D$19=2,J6150*Input!$C$19,0)+IF(Input!$D$20=2,K6150*Input!$C$20,0)+IF(Input!$D$21=2,L6150*Input!$C$21,0)+IF(Input!$D$22=2,M6150*Input!$C$22,0)</f>
        <v>0.54268226490909044</v>
      </c>
      <c r="P6150" s="59">
        <f>IF(Input!$D$19=3,J6150*Input!$C$19,0)+IF(Input!$D$20=3,K6150*Input!$C$20,0)+IF(Input!$D$21=3,L6150*Input!$C$21,0)+IF(Input!$D$22=3,M6150*Input!$C$22,0)</f>
        <v>0</v>
      </c>
      <c r="Q6150" s="75">
        <f>IF(Input!$D$19=4,J6150*Input!$C$19,0)+IF(Input!$D$20=4,K6150*Input!$C$20,0)+IF(Input!$D$21=4,L6150*Input!$C$21,0)+IF(Input!$D$22=4,M6150*Input!$C$22,0)</f>
        <v>0</v>
      </c>
      <c r="R6150" s="58">
        <v>57.74346673181666</v>
      </c>
      <c r="S6150" s="124">
        <f t="shared" si="95"/>
        <v>0.94064925917575681</v>
      </c>
    </row>
    <row r="6151" spans="8:19" x14ac:dyDescent="0.3">
      <c r="H6151" s="44">
        <v>6144</v>
      </c>
      <c r="I6151" s="56">
        <f>Bühler!I6177</f>
        <v>0.21707290596363618</v>
      </c>
      <c r="J6151" s="59">
        <f>Bühler!J6177</f>
        <v>0.72357635321212066</v>
      </c>
      <c r="K6151" s="59">
        <f>Bühler!K6177</f>
        <v>1.0853645298181809</v>
      </c>
      <c r="L6151" s="59">
        <f>Bühler!L6177</f>
        <v>5.2097497431272686</v>
      </c>
      <c r="M6151" s="58">
        <f>Bühler!M6177</f>
        <v>0</v>
      </c>
      <c r="N6151" s="56">
        <f>IF(Input!$D$19=1,J6151*Input!$C$19,0)+IF(Input!$D$20=1,K6151*Input!$C$20,0)+IF(Input!$D$21=1,L6151*Input!$C$21,0)+IF(Input!$D$22=1,M6151*Input!$C$22,0)</f>
        <v>0.21707290596363618</v>
      </c>
      <c r="O6151" s="59">
        <f>IF(Input!$D$19=2,J6151*Input!$C$19,0)+IF(Input!$D$20=2,K6151*Input!$C$20,0)+IF(Input!$D$21=2,L6151*Input!$C$21,0)+IF(Input!$D$22=2,M6151*Input!$C$22,0)</f>
        <v>0.54268226490909044</v>
      </c>
      <c r="P6151" s="59">
        <f>IF(Input!$D$19=3,J6151*Input!$C$19,0)+IF(Input!$D$20=3,K6151*Input!$C$20,0)+IF(Input!$D$21=3,L6151*Input!$C$21,0)+IF(Input!$D$22=3,M6151*Input!$C$22,0)</f>
        <v>0</v>
      </c>
      <c r="Q6151" s="75">
        <f>IF(Input!$D$19=4,J6151*Input!$C$19,0)+IF(Input!$D$20=4,K6151*Input!$C$20,0)+IF(Input!$D$21=4,L6151*Input!$C$21,0)+IF(Input!$D$22=4,M6151*Input!$C$22,0)</f>
        <v>0</v>
      </c>
      <c r="R6151" s="58">
        <v>57.129642457986186</v>
      </c>
      <c r="S6151" s="124">
        <f t="shared" si="95"/>
        <v>0.94064925917575681</v>
      </c>
    </row>
    <row r="6152" spans="8:19" x14ac:dyDescent="0.3">
      <c r="H6152" s="44">
        <v>6145</v>
      </c>
      <c r="I6152" s="56">
        <f>Bühler!I6178</f>
        <v>0.23686470942189039</v>
      </c>
      <c r="J6152" s="59">
        <f>Bühler!J6178</f>
        <v>0.78954903140630139</v>
      </c>
      <c r="K6152" s="59">
        <f>Bühler!K6178</f>
        <v>1.184323547109452</v>
      </c>
      <c r="L6152" s="59">
        <f>Bühler!L6178</f>
        <v>5.6847530261253691</v>
      </c>
      <c r="M6152" s="58">
        <f>Bühler!M6178</f>
        <v>0</v>
      </c>
      <c r="N6152" s="56">
        <f>IF(Input!$D$19=1,J6152*Input!$C$19,0)+IF(Input!$D$20=1,K6152*Input!$C$20,0)+IF(Input!$D$21=1,L6152*Input!$C$21,0)+IF(Input!$D$22=1,M6152*Input!$C$22,0)</f>
        <v>0.23686470942189042</v>
      </c>
      <c r="O6152" s="59">
        <f>IF(Input!$D$19=2,J6152*Input!$C$19,0)+IF(Input!$D$20=2,K6152*Input!$C$20,0)+IF(Input!$D$21=2,L6152*Input!$C$21,0)+IF(Input!$D$22=2,M6152*Input!$C$22,0)</f>
        <v>0.59216177355472599</v>
      </c>
      <c r="P6152" s="59">
        <f>IF(Input!$D$19=3,J6152*Input!$C$19,0)+IF(Input!$D$20=3,K6152*Input!$C$20,0)+IF(Input!$D$21=3,L6152*Input!$C$21,0)+IF(Input!$D$22=3,M6152*Input!$C$22,0)</f>
        <v>0</v>
      </c>
      <c r="Q6152" s="75">
        <f>IF(Input!$D$19=4,J6152*Input!$C$19,0)+IF(Input!$D$20=4,K6152*Input!$C$20,0)+IF(Input!$D$21=4,L6152*Input!$C$21,0)+IF(Input!$D$22=4,M6152*Input!$C$22,0)</f>
        <v>0</v>
      </c>
      <c r="R6152" s="58">
        <v>56.225925145569313</v>
      </c>
      <c r="S6152" s="124">
        <f t="shared" si="95"/>
        <v>1.0264137408281917</v>
      </c>
    </row>
    <row r="6153" spans="8:19" x14ac:dyDescent="0.3">
      <c r="H6153" s="44">
        <v>6146</v>
      </c>
      <c r="I6153" s="56">
        <f>Bühler!I6179</f>
        <v>0.23686470942189039</v>
      </c>
      <c r="J6153" s="59">
        <f>Bühler!J6179</f>
        <v>0.78954903140630139</v>
      </c>
      <c r="K6153" s="59">
        <f>Bühler!K6179</f>
        <v>1.184323547109452</v>
      </c>
      <c r="L6153" s="59">
        <f>Bühler!L6179</f>
        <v>5.6847530261253691</v>
      </c>
      <c r="M6153" s="58">
        <f>Bühler!M6179</f>
        <v>0</v>
      </c>
      <c r="N6153" s="56">
        <f>IF(Input!$D$19=1,J6153*Input!$C$19,0)+IF(Input!$D$20=1,K6153*Input!$C$20,0)+IF(Input!$D$21=1,L6153*Input!$C$21,0)+IF(Input!$D$22=1,M6153*Input!$C$22,0)</f>
        <v>0.23686470942189042</v>
      </c>
      <c r="O6153" s="59">
        <f>IF(Input!$D$19=2,J6153*Input!$C$19,0)+IF(Input!$D$20=2,K6153*Input!$C$20,0)+IF(Input!$D$21=2,L6153*Input!$C$21,0)+IF(Input!$D$22=2,M6153*Input!$C$22,0)</f>
        <v>0.59216177355472599</v>
      </c>
      <c r="P6153" s="59">
        <f>IF(Input!$D$19=3,J6153*Input!$C$19,0)+IF(Input!$D$20=3,K6153*Input!$C$20,0)+IF(Input!$D$21=3,L6153*Input!$C$21,0)+IF(Input!$D$22=3,M6153*Input!$C$22,0)</f>
        <v>0</v>
      </c>
      <c r="Q6153" s="75">
        <f>IF(Input!$D$19=4,J6153*Input!$C$19,0)+IF(Input!$D$20=4,K6153*Input!$C$20,0)+IF(Input!$D$21=4,L6153*Input!$C$21,0)+IF(Input!$D$22=4,M6153*Input!$C$22,0)</f>
        <v>0</v>
      </c>
      <c r="R6153" s="58">
        <v>55.248694922629575</v>
      </c>
      <c r="S6153" s="124">
        <f t="shared" ref="S6153:S6216" si="96">I6153+J6153</f>
        <v>1.0264137408281917</v>
      </c>
    </row>
    <row r="6154" spans="8:19" x14ac:dyDescent="0.3">
      <c r="H6154" s="44">
        <v>6147</v>
      </c>
      <c r="I6154" s="56">
        <f>Bühler!I6180</f>
        <v>0.23686470942189039</v>
      </c>
      <c r="J6154" s="59">
        <f>Bühler!J6180</f>
        <v>0.78954903140630139</v>
      </c>
      <c r="K6154" s="59">
        <f>Bühler!K6180</f>
        <v>1.184323547109452</v>
      </c>
      <c r="L6154" s="59">
        <f>Bühler!L6180</f>
        <v>5.6847530261253691</v>
      </c>
      <c r="M6154" s="58">
        <f>Bühler!M6180</f>
        <v>0</v>
      </c>
      <c r="N6154" s="56">
        <f>IF(Input!$D$19=1,J6154*Input!$C$19,0)+IF(Input!$D$20=1,K6154*Input!$C$20,0)+IF(Input!$D$21=1,L6154*Input!$C$21,0)+IF(Input!$D$22=1,M6154*Input!$C$22,0)</f>
        <v>0.23686470942189042</v>
      </c>
      <c r="O6154" s="59">
        <f>IF(Input!$D$19=2,J6154*Input!$C$19,0)+IF(Input!$D$20=2,K6154*Input!$C$20,0)+IF(Input!$D$21=2,L6154*Input!$C$21,0)+IF(Input!$D$22=2,M6154*Input!$C$22,0)</f>
        <v>0.59216177355472599</v>
      </c>
      <c r="P6154" s="59">
        <f>IF(Input!$D$19=3,J6154*Input!$C$19,0)+IF(Input!$D$20=3,K6154*Input!$C$20,0)+IF(Input!$D$21=3,L6154*Input!$C$21,0)+IF(Input!$D$22=3,M6154*Input!$C$22,0)</f>
        <v>0</v>
      </c>
      <c r="Q6154" s="75">
        <f>IF(Input!$D$19=4,J6154*Input!$C$19,0)+IF(Input!$D$20=4,K6154*Input!$C$20,0)+IF(Input!$D$21=4,L6154*Input!$C$21,0)+IF(Input!$D$22=4,M6154*Input!$C$22,0)</f>
        <v>0</v>
      </c>
      <c r="R6154" s="58">
        <v>55.186867506528792</v>
      </c>
      <c r="S6154" s="124">
        <f t="shared" si="96"/>
        <v>1.0264137408281917</v>
      </c>
    </row>
    <row r="6155" spans="8:19" x14ac:dyDescent="0.3">
      <c r="H6155" s="44">
        <v>6148</v>
      </c>
      <c r="I6155" s="56">
        <f>Bühler!I6181</f>
        <v>0.23686470942189039</v>
      </c>
      <c r="J6155" s="59">
        <f>Bühler!J6181</f>
        <v>0.78954903140630139</v>
      </c>
      <c r="K6155" s="59">
        <f>Bühler!K6181</f>
        <v>1.184323547109452</v>
      </c>
      <c r="L6155" s="59">
        <f>Bühler!L6181</f>
        <v>5.6847530261253691</v>
      </c>
      <c r="M6155" s="58">
        <f>Bühler!M6181</f>
        <v>0</v>
      </c>
      <c r="N6155" s="56">
        <f>IF(Input!$D$19=1,J6155*Input!$C$19,0)+IF(Input!$D$20=1,K6155*Input!$C$20,0)+IF(Input!$D$21=1,L6155*Input!$C$21,0)+IF(Input!$D$22=1,M6155*Input!$C$22,0)</f>
        <v>0.23686470942189042</v>
      </c>
      <c r="O6155" s="59">
        <f>IF(Input!$D$19=2,J6155*Input!$C$19,0)+IF(Input!$D$20=2,K6155*Input!$C$20,0)+IF(Input!$D$21=2,L6155*Input!$C$21,0)+IF(Input!$D$22=2,M6155*Input!$C$22,0)</f>
        <v>0.59216177355472599</v>
      </c>
      <c r="P6155" s="59">
        <f>IF(Input!$D$19=3,J6155*Input!$C$19,0)+IF(Input!$D$20=3,K6155*Input!$C$20,0)+IF(Input!$D$21=3,L6155*Input!$C$21,0)+IF(Input!$D$22=3,M6155*Input!$C$22,0)</f>
        <v>0</v>
      </c>
      <c r="Q6155" s="75">
        <f>IF(Input!$D$19=4,J6155*Input!$C$19,0)+IF(Input!$D$20=4,K6155*Input!$C$20,0)+IF(Input!$D$21=4,L6155*Input!$C$21,0)+IF(Input!$D$22=4,M6155*Input!$C$22,0)</f>
        <v>0</v>
      </c>
      <c r="R6155" s="58">
        <v>55.539572198369548</v>
      </c>
      <c r="S6155" s="124">
        <f t="shared" si="96"/>
        <v>1.0264137408281917</v>
      </c>
    </row>
    <row r="6156" spans="8:19" x14ac:dyDescent="0.3">
      <c r="H6156" s="44">
        <v>6149</v>
      </c>
      <c r="I6156" s="56">
        <f>Bühler!I6182</f>
        <v>0.23686470942189039</v>
      </c>
      <c r="J6156" s="59">
        <f>Bühler!J6182</f>
        <v>0.78954903140630139</v>
      </c>
      <c r="K6156" s="59">
        <f>Bühler!K6182</f>
        <v>1.184323547109452</v>
      </c>
      <c r="L6156" s="59">
        <f>Bühler!L6182</f>
        <v>5.6847530261253691</v>
      </c>
      <c r="M6156" s="58">
        <f>Bühler!M6182</f>
        <v>0</v>
      </c>
      <c r="N6156" s="56">
        <f>IF(Input!$D$19=1,J6156*Input!$C$19,0)+IF(Input!$D$20=1,K6156*Input!$C$20,0)+IF(Input!$D$21=1,L6156*Input!$C$21,0)+IF(Input!$D$22=1,M6156*Input!$C$22,0)</f>
        <v>0.23686470942189042</v>
      </c>
      <c r="O6156" s="59">
        <f>IF(Input!$D$19=2,J6156*Input!$C$19,0)+IF(Input!$D$20=2,K6156*Input!$C$20,0)+IF(Input!$D$21=2,L6156*Input!$C$21,0)+IF(Input!$D$22=2,M6156*Input!$C$22,0)</f>
        <v>0.59216177355472599</v>
      </c>
      <c r="P6156" s="59">
        <f>IF(Input!$D$19=3,J6156*Input!$C$19,0)+IF(Input!$D$20=3,K6156*Input!$C$20,0)+IF(Input!$D$21=3,L6156*Input!$C$21,0)+IF(Input!$D$22=3,M6156*Input!$C$22,0)</f>
        <v>0</v>
      </c>
      <c r="Q6156" s="75">
        <f>IF(Input!$D$19=4,J6156*Input!$C$19,0)+IF(Input!$D$20=4,K6156*Input!$C$20,0)+IF(Input!$D$21=4,L6156*Input!$C$21,0)+IF(Input!$D$22=4,M6156*Input!$C$22,0)</f>
        <v>0</v>
      </c>
      <c r="R6156" s="58">
        <v>56.381886771412859</v>
      </c>
      <c r="S6156" s="124">
        <f t="shared" si="96"/>
        <v>1.0264137408281917</v>
      </c>
    </row>
    <row r="6157" spans="8:19" x14ac:dyDescent="0.3">
      <c r="H6157" s="44">
        <v>6150</v>
      </c>
      <c r="I6157" s="56">
        <f>Bühler!I6183</f>
        <v>0.30529229214376985</v>
      </c>
      <c r="J6157" s="59">
        <f>Bühler!J6183</f>
        <v>1.0176409738125662</v>
      </c>
      <c r="K6157" s="59">
        <f>Bühler!K6183</f>
        <v>1.5264614607188491</v>
      </c>
      <c r="L6157" s="59">
        <f>Bühler!L6183</f>
        <v>7.3270150114504764</v>
      </c>
      <c r="M6157" s="58">
        <f>Bühler!M6183</f>
        <v>0</v>
      </c>
      <c r="N6157" s="56">
        <f>IF(Input!$D$19=1,J6157*Input!$C$19,0)+IF(Input!$D$20=1,K6157*Input!$C$20,0)+IF(Input!$D$21=1,L6157*Input!$C$21,0)+IF(Input!$D$22=1,M6157*Input!$C$22,0)</f>
        <v>0.30529229214376985</v>
      </c>
      <c r="O6157" s="59">
        <f>IF(Input!$D$19=2,J6157*Input!$C$19,0)+IF(Input!$D$20=2,K6157*Input!$C$20,0)+IF(Input!$D$21=2,L6157*Input!$C$21,0)+IF(Input!$D$22=2,M6157*Input!$C$22,0)</f>
        <v>0.76323073035942457</v>
      </c>
      <c r="P6157" s="59">
        <f>IF(Input!$D$19=3,J6157*Input!$C$19,0)+IF(Input!$D$20=3,K6157*Input!$C$20,0)+IF(Input!$D$21=3,L6157*Input!$C$21,0)+IF(Input!$D$22=3,M6157*Input!$C$22,0)</f>
        <v>0</v>
      </c>
      <c r="Q6157" s="75">
        <f>IF(Input!$D$19=4,J6157*Input!$C$19,0)+IF(Input!$D$20=4,K6157*Input!$C$20,0)+IF(Input!$D$21=4,L6157*Input!$C$21,0)+IF(Input!$D$22=4,M6157*Input!$C$22,0)</f>
        <v>0</v>
      </c>
      <c r="R6157" s="58">
        <v>59.021762902248994</v>
      </c>
      <c r="S6157" s="124">
        <f t="shared" si="96"/>
        <v>1.322933265956336</v>
      </c>
    </row>
    <row r="6158" spans="8:19" x14ac:dyDescent="0.3">
      <c r="H6158" s="44">
        <v>6151</v>
      </c>
      <c r="I6158" s="56">
        <f>Bühler!I6184</f>
        <v>0.36845621465627398</v>
      </c>
      <c r="J6158" s="59">
        <f>Bühler!J6184</f>
        <v>1.2281873821875802</v>
      </c>
      <c r="K6158" s="59">
        <f>Bühler!K6184</f>
        <v>1.8422810732813699</v>
      </c>
      <c r="L6158" s="59">
        <f>Bühler!L6184</f>
        <v>8.8429491517505756</v>
      </c>
      <c r="M6158" s="58">
        <f>Bühler!M6184</f>
        <v>0</v>
      </c>
      <c r="N6158" s="56">
        <f>IF(Input!$D$19=1,J6158*Input!$C$19,0)+IF(Input!$D$20=1,K6158*Input!$C$20,0)+IF(Input!$D$21=1,L6158*Input!$C$21,0)+IF(Input!$D$22=1,M6158*Input!$C$22,0)</f>
        <v>0.36845621465627404</v>
      </c>
      <c r="O6158" s="59">
        <f>IF(Input!$D$19=2,J6158*Input!$C$19,0)+IF(Input!$D$20=2,K6158*Input!$C$20,0)+IF(Input!$D$21=2,L6158*Input!$C$21,0)+IF(Input!$D$22=2,M6158*Input!$C$22,0)</f>
        <v>0.92114053664068496</v>
      </c>
      <c r="P6158" s="59">
        <f>IF(Input!$D$19=3,J6158*Input!$C$19,0)+IF(Input!$D$20=3,K6158*Input!$C$20,0)+IF(Input!$D$21=3,L6158*Input!$C$21,0)+IF(Input!$D$22=3,M6158*Input!$C$22,0)</f>
        <v>0</v>
      </c>
      <c r="Q6158" s="75">
        <f>IF(Input!$D$19=4,J6158*Input!$C$19,0)+IF(Input!$D$20=4,K6158*Input!$C$20,0)+IF(Input!$D$21=4,L6158*Input!$C$21,0)+IF(Input!$D$22=4,M6158*Input!$C$22,0)</f>
        <v>0</v>
      </c>
      <c r="R6158" s="58">
        <v>62.002213096644404</v>
      </c>
      <c r="S6158" s="124">
        <f t="shared" si="96"/>
        <v>1.5966435968438542</v>
      </c>
    </row>
    <row r="6159" spans="8:19" x14ac:dyDescent="0.3">
      <c r="H6159" s="44">
        <v>6152</v>
      </c>
      <c r="I6159" s="56">
        <f>Bühler!I6185</f>
        <v>0.36845621465627398</v>
      </c>
      <c r="J6159" s="59">
        <f>Bühler!J6185</f>
        <v>1.2281873821875802</v>
      </c>
      <c r="K6159" s="59">
        <f>Bühler!K6185</f>
        <v>1.8422810732813699</v>
      </c>
      <c r="L6159" s="59">
        <f>Bühler!L6185</f>
        <v>8.8429491517505756</v>
      </c>
      <c r="M6159" s="58">
        <f>Bühler!M6185</f>
        <v>0</v>
      </c>
      <c r="N6159" s="56">
        <f>IF(Input!$D$19=1,J6159*Input!$C$19,0)+IF(Input!$D$20=1,K6159*Input!$C$20,0)+IF(Input!$D$21=1,L6159*Input!$C$21,0)+IF(Input!$D$22=1,M6159*Input!$C$22,0)</f>
        <v>0.36845621465627404</v>
      </c>
      <c r="O6159" s="59">
        <f>IF(Input!$D$19=2,J6159*Input!$C$19,0)+IF(Input!$D$20=2,K6159*Input!$C$20,0)+IF(Input!$D$21=2,L6159*Input!$C$21,0)+IF(Input!$D$22=2,M6159*Input!$C$22,0)</f>
        <v>0.92114053664068496</v>
      </c>
      <c r="P6159" s="59">
        <f>IF(Input!$D$19=3,J6159*Input!$C$19,0)+IF(Input!$D$20=3,K6159*Input!$C$20,0)+IF(Input!$D$21=3,L6159*Input!$C$21,0)+IF(Input!$D$22=3,M6159*Input!$C$22,0)</f>
        <v>0</v>
      </c>
      <c r="Q6159" s="75">
        <f>IF(Input!$D$19=4,J6159*Input!$C$19,0)+IF(Input!$D$20=4,K6159*Input!$C$20,0)+IF(Input!$D$21=4,L6159*Input!$C$21,0)+IF(Input!$D$22=4,M6159*Input!$C$22,0)</f>
        <v>0</v>
      </c>
      <c r="R6159" s="58">
        <v>63.940712232878596</v>
      </c>
      <c r="S6159" s="124">
        <f t="shared" si="96"/>
        <v>1.5966435968438542</v>
      </c>
    </row>
    <row r="6160" spans="8:19" x14ac:dyDescent="0.3">
      <c r="H6160" s="44">
        <v>6153</v>
      </c>
      <c r="I6160" s="56">
        <f>Bühler!I6186</f>
        <v>0.36845621465627398</v>
      </c>
      <c r="J6160" s="59">
        <f>Bühler!J6186</f>
        <v>1.2281873821875802</v>
      </c>
      <c r="K6160" s="59">
        <f>Bühler!K6186</f>
        <v>1.8422810732813699</v>
      </c>
      <c r="L6160" s="59">
        <f>Bühler!L6186</f>
        <v>8.8429491517505756</v>
      </c>
      <c r="M6160" s="58">
        <f>Bühler!M6186</f>
        <v>0</v>
      </c>
      <c r="N6160" s="56">
        <f>IF(Input!$D$19=1,J6160*Input!$C$19,0)+IF(Input!$D$20=1,K6160*Input!$C$20,0)+IF(Input!$D$21=1,L6160*Input!$C$21,0)+IF(Input!$D$22=1,M6160*Input!$C$22,0)</f>
        <v>0.36845621465627404</v>
      </c>
      <c r="O6160" s="59">
        <f>IF(Input!$D$19=2,J6160*Input!$C$19,0)+IF(Input!$D$20=2,K6160*Input!$C$20,0)+IF(Input!$D$21=2,L6160*Input!$C$21,0)+IF(Input!$D$22=2,M6160*Input!$C$22,0)</f>
        <v>0.92114053664068496</v>
      </c>
      <c r="P6160" s="59">
        <f>IF(Input!$D$19=3,J6160*Input!$C$19,0)+IF(Input!$D$20=3,K6160*Input!$C$20,0)+IF(Input!$D$21=3,L6160*Input!$C$21,0)+IF(Input!$D$22=3,M6160*Input!$C$22,0)</f>
        <v>0</v>
      </c>
      <c r="Q6160" s="75">
        <f>IF(Input!$D$19=4,J6160*Input!$C$19,0)+IF(Input!$D$20=4,K6160*Input!$C$20,0)+IF(Input!$D$21=4,L6160*Input!$C$21,0)+IF(Input!$D$22=4,M6160*Input!$C$22,0)</f>
        <v>0</v>
      </c>
      <c r="R6160" s="58">
        <v>64.596700558716421</v>
      </c>
      <c r="S6160" s="124">
        <f t="shared" si="96"/>
        <v>1.5966435968438542</v>
      </c>
    </row>
    <row r="6161" spans="8:19" x14ac:dyDescent="0.3">
      <c r="H6161" s="44">
        <v>6154</v>
      </c>
      <c r="I6161" s="56">
        <f>Bühler!I6187</f>
        <v>0.39477451570315064</v>
      </c>
      <c r="J6161" s="59">
        <f>Bühler!J6187</f>
        <v>1.3159150523438357</v>
      </c>
      <c r="K6161" s="59">
        <f>Bühler!K6187</f>
        <v>1.9738725785157534</v>
      </c>
      <c r="L6161" s="59">
        <f>Bühler!L6187</f>
        <v>9.4745883768756158</v>
      </c>
      <c r="M6161" s="58">
        <f>Bühler!M6187</f>
        <v>0</v>
      </c>
      <c r="N6161" s="56">
        <f>IF(Input!$D$19=1,J6161*Input!$C$19,0)+IF(Input!$D$20=1,K6161*Input!$C$20,0)+IF(Input!$D$21=1,L6161*Input!$C$21,0)+IF(Input!$D$22=1,M6161*Input!$C$22,0)</f>
        <v>0.3947745157031507</v>
      </c>
      <c r="O6161" s="59">
        <f>IF(Input!$D$19=2,J6161*Input!$C$19,0)+IF(Input!$D$20=2,K6161*Input!$C$20,0)+IF(Input!$D$21=2,L6161*Input!$C$21,0)+IF(Input!$D$22=2,M6161*Input!$C$22,0)</f>
        <v>0.98693628925787669</v>
      </c>
      <c r="P6161" s="59">
        <f>IF(Input!$D$19=3,J6161*Input!$C$19,0)+IF(Input!$D$20=3,K6161*Input!$C$20,0)+IF(Input!$D$21=3,L6161*Input!$C$21,0)+IF(Input!$D$22=3,M6161*Input!$C$22,0)</f>
        <v>0</v>
      </c>
      <c r="Q6161" s="75">
        <f>IF(Input!$D$19=4,J6161*Input!$C$19,0)+IF(Input!$D$20=4,K6161*Input!$C$20,0)+IF(Input!$D$21=4,L6161*Input!$C$21,0)+IF(Input!$D$22=4,M6161*Input!$C$22,0)</f>
        <v>0</v>
      </c>
      <c r="R6161" s="58">
        <v>65.295049897752037</v>
      </c>
      <c r="S6161" s="124">
        <f t="shared" si="96"/>
        <v>1.7106895680469862</v>
      </c>
    </row>
    <row r="6162" spans="8:19" x14ac:dyDescent="0.3">
      <c r="H6162" s="44">
        <v>6155</v>
      </c>
      <c r="I6162" s="56">
        <f>Bühler!I6188</f>
        <v>0.41056549633127676</v>
      </c>
      <c r="J6162" s="59">
        <f>Bühler!J6188</f>
        <v>1.3685516544375893</v>
      </c>
      <c r="K6162" s="59">
        <f>Bühler!K6188</f>
        <v>2.0528274816563838</v>
      </c>
      <c r="L6162" s="59">
        <f>Bühler!L6188</f>
        <v>9.8535719119506417</v>
      </c>
      <c r="M6162" s="58">
        <f>Bühler!M6188</f>
        <v>0</v>
      </c>
      <c r="N6162" s="56">
        <f>IF(Input!$D$19=1,J6162*Input!$C$19,0)+IF(Input!$D$20=1,K6162*Input!$C$20,0)+IF(Input!$D$21=1,L6162*Input!$C$21,0)+IF(Input!$D$22=1,M6162*Input!$C$22,0)</f>
        <v>0.41056549633127676</v>
      </c>
      <c r="O6162" s="59">
        <f>IF(Input!$D$19=2,J6162*Input!$C$19,0)+IF(Input!$D$20=2,K6162*Input!$C$20,0)+IF(Input!$D$21=2,L6162*Input!$C$21,0)+IF(Input!$D$22=2,M6162*Input!$C$22,0)</f>
        <v>1.0264137408281919</v>
      </c>
      <c r="P6162" s="59">
        <f>IF(Input!$D$19=3,J6162*Input!$C$19,0)+IF(Input!$D$20=3,K6162*Input!$C$20,0)+IF(Input!$D$21=3,L6162*Input!$C$21,0)+IF(Input!$D$22=3,M6162*Input!$C$22,0)</f>
        <v>0</v>
      </c>
      <c r="Q6162" s="75">
        <f>IF(Input!$D$19=4,J6162*Input!$C$19,0)+IF(Input!$D$20=4,K6162*Input!$C$20,0)+IF(Input!$D$21=4,L6162*Input!$C$21,0)+IF(Input!$D$22=4,M6162*Input!$C$22,0)</f>
        <v>0</v>
      </c>
      <c r="R6162" s="58">
        <v>66.023398179556253</v>
      </c>
      <c r="S6162" s="124">
        <f t="shared" si="96"/>
        <v>1.7791171507688661</v>
      </c>
    </row>
    <row r="6163" spans="8:19" x14ac:dyDescent="0.3">
      <c r="H6163" s="44">
        <v>6156</v>
      </c>
      <c r="I6163" s="56">
        <f>Bühler!I6189</f>
        <v>0.47372941884378078</v>
      </c>
      <c r="J6163" s="59">
        <f>Bühler!J6189</f>
        <v>1.5790980628126028</v>
      </c>
      <c r="K6163" s="59">
        <f>Bühler!K6189</f>
        <v>2.368647094218904</v>
      </c>
      <c r="L6163" s="59">
        <f>Bühler!L6189</f>
        <v>11.369506052250738</v>
      </c>
      <c r="M6163" s="58">
        <f>Bühler!M6189</f>
        <v>0</v>
      </c>
      <c r="N6163" s="56">
        <f>IF(Input!$D$19=1,J6163*Input!$C$19,0)+IF(Input!$D$20=1,K6163*Input!$C$20,0)+IF(Input!$D$21=1,L6163*Input!$C$21,0)+IF(Input!$D$22=1,M6163*Input!$C$22,0)</f>
        <v>0.47372941884378084</v>
      </c>
      <c r="O6163" s="59">
        <f>IF(Input!$D$19=2,J6163*Input!$C$19,0)+IF(Input!$D$20=2,K6163*Input!$C$20,0)+IF(Input!$D$21=2,L6163*Input!$C$21,0)+IF(Input!$D$22=2,M6163*Input!$C$22,0)</f>
        <v>1.184323547109452</v>
      </c>
      <c r="P6163" s="59">
        <f>IF(Input!$D$19=3,J6163*Input!$C$19,0)+IF(Input!$D$20=3,K6163*Input!$C$20,0)+IF(Input!$D$21=3,L6163*Input!$C$21,0)+IF(Input!$D$22=3,M6163*Input!$C$22,0)</f>
        <v>0</v>
      </c>
      <c r="Q6163" s="75">
        <f>IF(Input!$D$19=4,J6163*Input!$C$19,0)+IF(Input!$D$20=4,K6163*Input!$C$20,0)+IF(Input!$D$21=4,L6163*Input!$C$21,0)+IF(Input!$D$22=4,M6163*Input!$C$22,0)</f>
        <v>0</v>
      </c>
      <c r="R6163" s="58">
        <v>66.20122114418767</v>
      </c>
      <c r="S6163" s="124">
        <f t="shared" si="96"/>
        <v>2.0528274816563834</v>
      </c>
    </row>
    <row r="6164" spans="8:19" x14ac:dyDescent="0.3">
      <c r="H6164" s="44">
        <v>6157</v>
      </c>
      <c r="I6164" s="56">
        <f>Bühler!I6190</f>
        <v>0.47372941884378078</v>
      </c>
      <c r="J6164" s="59">
        <f>Bühler!J6190</f>
        <v>1.5790980628126028</v>
      </c>
      <c r="K6164" s="59">
        <f>Bühler!K6190</f>
        <v>2.368647094218904</v>
      </c>
      <c r="L6164" s="59">
        <f>Bühler!L6190</f>
        <v>11.369506052250738</v>
      </c>
      <c r="M6164" s="58">
        <f>Bühler!M6190</f>
        <v>0</v>
      </c>
      <c r="N6164" s="56">
        <f>IF(Input!$D$19=1,J6164*Input!$C$19,0)+IF(Input!$D$20=1,K6164*Input!$C$20,0)+IF(Input!$D$21=1,L6164*Input!$C$21,0)+IF(Input!$D$22=1,M6164*Input!$C$22,0)</f>
        <v>0.47372941884378084</v>
      </c>
      <c r="O6164" s="59">
        <f>IF(Input!$D$19=2,J6164*Input!$C$19,0)+IF(Input!$D$20=2,K6164*Input!$C$20,0)+IF(Input!$D$21=2,L6164*Input!$C$21,0)+IF(Input!$D$22=2,M6164*Input!$C$22,0)</f>
        <v>1.184323547109452</v>
      </c>
      <c r="P6164" s="59">
        <f>IF(Input!$D$19=3,J6164*Input!$C$19,0)+IF(Input!$D$20=3,K6164*Input!$C$20,0)+IF(Input!$D$21=3,L6164*Input!$C$21,0)+IF(Input!$D$22=3,M6164*Input!$C$22,0)</f>
        <v>0</v>
      </c>
      <c r="Q6164" s="75">
        <f>IF(Input!$D$19=4,J6164*Input!$C$19,0)+IF(Input!$D$20=4,K6164*Input!$C$20,0)+IF(Input!$D$21=4,L6164*Input!$C$21,0)+IF(Input!$D$22=4,M6164*Input!$C$22,0)</f>
        <v>0</v>
      </c>
      <c r="R6164" s="58">
        <v>64.827474976175594</v>
      </c>
      <c r="S6164" s="124">
        <f t="shared" si="96"/>
        <v>2.0528274816563834</v>
      </c>
    </row>
    <row r="6165" spans="8:19" x14ac:dyDescent="0.3">
      <c r="H6165" s="44">
        <v>6158</v>
      </c>
      <c r="I6165" s="56">
        <f>Bühler!I6191</f>
        <v>0.47372941884378078</v>
      </c>
      <c r="J6165" s="59">
        <f>Bühler!J6191</f>
        <v>1.5790980628126028</v>
      </c>
      <c r="K6165" s="59">
        <f>Bühler!K6191</f>
        <v>2.368647094218904</v>
      </c>
      <c r="L6165" s="59">
        <f>Bühler!L6191</f>
        <v>11.369506052250738</v>
      </c>
      <c r="M6165" s="58">
        <f>Bühler!M6191</f>
        <v>0</v>
      </c>
      <c r="N6165" s="56">
        <f>IF(Input!$D$19=1,J6165*Input!$C$19,0)+IF(Input!$D$20=1,K6165*Input!$C$20,0)+IF(Input!$D$21=1,L6165*Input!$C$21,0)+IF(Input!$D$22=1,M6165*Input!$C$22,0)</f>
        <v>0.47372941884378084</v>
      </c>
      <c r="O6165" s="59">
        <f>IF(Input!$D$19=2,J6165*Input!$C$19,0)+IF(Input!$D$20=2,K6165*Input!$C$20,0)+IF(Input!$D$21=2,L6165*Input!$C$21,0)+IF(Input!$D$22=2,M6165*Input!$C$22,0)</f>
        <v>1.184323547109452</v>
      </c>
      <c r="P6165" s="59">
        <f>IF(Input!$D$19=3,J6165*Input!$C$19,0)+IF(Input!$D$20=3,K6165*Input!$C$20,0)+IF(Input!$D$21=3,L6165*Input!$C$21,0)+IF(Input!$D$22=3,M6165*Input!$C$22,0)</f>
        <v>0</v>
      </c>
      <c r="Q6165" s="75">
        <f>IF(Input!$D$19=4,J6165*Input!$C$19,0)+IF(Input!$D$20=4,K6165*Input!$C$20,0)+IF(Input!$D$21=4,L6165*Input!$C$21,0)+IF(Input!$D$22=4,M6165*Input!$C$22,0)</f>
        <v>0</v>
      </c>
      <c r="R6165" s="58">
        <v>64.143840807343736</v>
      </c>
      <c r="S6165" s="124">
        <f t="shared" si="96"/>
        <v>2.0528274816563834</v>
      </c>
    </row>
    <row r="6166" spans="8:19" x14ac:dyDescent="0.3">
      <c r="H6166" s="44">
        <v>6159</v>
      </c>
      <c r="I6166" s="56">
        <f>Bühler!I6192</f>
        <v>0.47372941884378078</v>
      </c>
      <c r="J6166" s="59">
        <f>Bühler!J6192</f>
        <v>1.5790980628126028</v>
      </c>
      <c r="K6166" s="59">
        <f>Bühler!K6192</f>
        <v>2.368647094218904</v>
      </c>
      <c r="L6166" s="59">
        <f>Bühler!L6192</f>
        <v>11.369506052250738</v>
      </c>
      <c r="M6166" s="58">
        <f>Bühler!M6192</f>
        <v>0</v>
      </c>
      <c r="N6166" s="56">
        <f>IF(Input!$D$19=1,J6166*Input!$C$19,0)+IF(Input!$D$20=1,K6166*Input!$C$20,0)+IF(Input!$D$21=1,L6166*Input!$C$21,0)+IF(Input!$D$22=1,M6166*Input!$C$22,0)</f>
        <v>0.47372941884378084</v>
      </c>
      <c r="O6166" s="59">
        <f>IF(Input!$D$19=2,J6166*Input!$C$19,0)+IF(Input!$D$20=2,K6166*Input!$C$20,0)+IF(Input!$D$21=2,L6166*Input!$C$21,0)+IF(Input!$D$22=2,M6166*Input!$C$22,0)</f>
        <v>1.184323547109452</v>
      </c>
      <c r="P6166" s="59">
        <f>IF(Input!$D$19=3,J6166*Input!$C$19,0)+IF(Input!$D$20=3,K6166*Input!$C$20,0)+IF(Input!$D$21=3,L6166*Input!$C$21,0)+IF(Input!$D$22=3,M6166*Input!$C$22,0)</f>
        <v>0</v>
      </c>
      <c r="Q6166" s="75">
        <f>IF(Input!$D$19=4,J6166*Input!$C$19,0)+IF(Input!$D$20=4,K6166*Input!$C$20,0)+IF(Input!$D$21=4,L6166*Input!$C$21,0)+IF(Input!$D$22=4,M6166*Input!$C$22,0)</f>
        <v>0</v>
      </c>
      <c r="R6166" s="58">
        <v>64.131662753035712</v>
      </c>
      <c r="S6166" s="124">
        <f t="shared" si="96"/>
        <v>2.0528274816563834</v>
      </c>
    </row>
    <row r="6167" spans="8:19" x14ac:dyDescent="0.3">
      <c r="H6167" s="44">
        <v>6160</v>
      </c>
      <c r="I6167" s="56">
        <f>Bühler!I6193</f>
        <v>0.39477451570315064</v>
      </c>
      <c r="J6167" s="59">
        <f>Bühler!J6193</f>
        <v>1.3159150523438357</v>
      </c>
      <c r="K6167" s="59">
        <f>Bühler!K6193</f>
        <v>1.9738725785157534</v>
      </c>
      <c r="L6167" s="59">
        <f>Bühler!L6193</f>
        <v>9.4745883768756158</v>
      </c>
      <c r="M6167" s="58">
        <f>Bühler!M6193</f>
        <v>0</v>
      </c>
      <c r="N6167" s="56">
        <f>IF(Input!$D$19=1,J6167*Input!$C$19,0)+IF(Input!$D$20=1,K6167*Input!$C$20,0)+IF(Input!$D$21=1,L6167*Input!$C$21,0)+IF(Input!$D$22=1,M6167*Input!$C$22,0)</f>
        <v>0.3947745157031507</v>
      </c>
      <c r="O6167" s="59">
        <f>IF(Input!$D$19=2,J6167*Input!$C$19,0)+IF(Input!$D$20=2,K6167*Input!$C$20,0)+IF(Input!$D$21=2,L6167*Input!$C$21,0)+IF(Input!$D$22=2,M6167*Input!$C$22,0)</f>
        <v>0.98693628925787669</v>
      </c>
      <c r="P6167" s="59">
        <f>IF(Input!$D$19=3,J6167*Input!$C$19,0)+IF(Input!$D$20=3,K6167*Input!$C$20,0)+IF(Input!$D$21=3,L6167*Input!$C$21,0)+IF(Input!$D$22=3,M6167*Input!$C$22,0)</f>
        <v>0</v>
      </c>
      <c r="Q6167" s="75">
        <f>IF(Input!$D$19=4,J6167*Input!$C$19,0)+IF(Input!$D$20=4,K6167*Input!$C$20,0)+IF(Input!$D$21=4,L6167*Input!$C$21,0)+IF(Input!$D$22=4,M6167*Input!$C$22,0)</f>
        <v>0</v>
      </c>
      <c r="R6167" s="58">
        <v>63.468850473156309</v>
      </c>
      <c r="S6167" s="124">
        <f t="shared" si="96"/>
        <v>1.7106895680469862</v>
      </c>
    </row>
    <row r="6168" spans="8:19" x14ac:dyDescent="0.3">
      <c r="H6168" s="44">
        <v>6161</v>
      </c>
      <c r="I6168" s="56">
        <f>Bühler!I6194</f>
        <v>0.37371987486564934</v>
      </c>
      <c r="J6168" s="59">
        <f>Bühler!J6194</f>
        <v>1.2457329162188313</v>
      </c>
      <c r="K6168" s="59">
        <f>Bühler!K6194</f>
        <v>1.8685993743282467</v>
      </c>
      <c r="L6168" s="59">
        <f>Bühler!L6194</f>
        <v>8.9692769967755837</v>
      </c>
      <c r="M6168" s="58">
        <f>Bühler!M6194</f>
        <v>0</v>
      </c>
      <c r="N6168" s="56">
        <f>IF(Input!$D$19=1,J6168*Input!$C$19,0)+IF(Input!$D$20=1,K6168*Input!$C$20,0)+IF(Input!$D$21=1,L6168*Input!$C$21,0)+IF(Input!$D$22=1,M6168*Input!$C$22,0)</f>
        <v>0.37371987486564939</v>
      </c>
      <c r="O6168" s="59">
        <f>IF(Input!$D$19=2,J6168*Input!$C$19,0)+IF(Input!$D$20=2,K6168*Input!$C$20,0)+IF(Input!$D$21=2,L6168*Input!$C$21,0)+IF(Input!$D$22=2,M6168*Input!$C$22,0)</f>
        <v>0.93429968716412337</v>
      </c>
      <c r="P6168" s="59">
        <f>IF(Input!$D$19=3,J6168*Input!$C$19,0)+IF(Input!$D$20=3,K6168*Input!$C$20,0)+IF(Input!$D$21=3,L6168*Input!$C$21,0)+IF(Input!$D$22=3,M6168*Input!$C$22,0)</f>
        <v>0</v>
      </c>
      <c r="Q6168" s="75">
        <f>IF(Input!$D$19=4,J6168*Input!$C$19,0)+IF(Input!$D$20=4,K6168*Input!$C$20,0)+IF(Input!$D$21=4,L6168*Input!$C$21,0)+IF(Input!$D$22=4,M6168*Input!$C$22,0)</f>
        <v>0</v>
      </c>
      <c r="R6168" s="58">
        <v>62.190186309709169</v>
      </c>
      <c r="S6168" s="124">
        <f t="shared" si="96"/>
        <v>1.6194527910844807</v>
      </c>
    </row>
    <row r="6169" spans="8:19" x14ac:dyDescent="0.3">
      <c r="H6169" s="44">
        <v>6162</v>
      </c>
      <c r="I6169" s="56">
        <f>Bühler!I6195</f>
        <v>0.37371987486564934</v>
      </c>
      <c r="J6169" s="59">
        <f>Bühler!J6195</f>
        <v>1.2457329162188313</v>
      </c>
      <c r="K6169" s="59">
        <f>Bühler!K6195</f>
        <v>1.8685993743282467</v>
      </c>
      <c r="L6169" s="59">
        <f>Bühler!L6195</f>
        <v>8.9692769967755837</v>
      </c>
      <c r="M6169" s="58">
        <f>Bühler!M6195</f>
        <v>0</v>
      </c>
      <c r="N6169" s="56">
        <f>IF(Input!$D$19=1,J6169*Input!$C$19,0)+IF(Input!$D$20=1,K6169*Input!$C$20,0)+IF(Input!$D$21=1,L6169*Input!$C$21,0)+IF(Input!$D$22=1,M6169*Input!$C$22,0)</f>
        <v>0.37371987486564939</v>
      </c>
      <c r="O6169" s="59">
        <f>IF(Input!$D$19=2,J6169*Input!$C$19,0)+IF(Input!$D$20=2,K6169*Input!$C$20,0)+IF(Input!$D$21=2,L6169*Input!$C$21,0)+IF(Input!$D$22=2,M6169*Input!$C$22,0)</f>
        <v>0.93429968716412337</v>
      </c>
      <c r="P6169" s="59">
        <f>IF(Input!$D$19=3,J6169*Input!$C$19,0)+IF(Input!$D$20=3,K6169*Input!$C$20,0)+IF(Input!$D$21=3,L6169*Input!$C$21,0)+IF(Input!$D$22=3,M6169*Input!$C$22,0)</f>
        <v>0</v>
      </c>
      <c r="Q6169" s="75">
        <f>IF(Input!$D$19=4,J6169*Input!$C$19,0)+IF(Input!$D$20=4,K6169*Input!$C$20,0)+IF(Input!$D$21=4,L6169*Input!$C$21,0)+IF(Input!$D$22=4,M6169*Input!$C$22,0)</f>
        <v>0</v>
      </c>
      <c r="R6169" s="58">
        <v>60.919568291366978</v>
      </c>
      <c r="S6169" s="124">
        <f t="shared" si="96"/>
        <v>1.6194527910844807</v>
      </c>
    </row>
    <row r="6170" spans="8:19" x14ac:dyDescent="0.3">
      <c r="H6170" s="44">
        <v>6163</v>
      </c>
      <c r="I6170" s="56">
        <f>Bühler!I6196</f>
        <v>0.37371987486564934</v>
      </c>
      <c r="J6170" s="59">
        <f>Bühler!J6196</f>
        <v>1.2457329162188313</v>
      </c>
      <c r="K6170" s="59">
        <f>Bühler!K6196</f>
        <v>1.8685993743282467</v>
      </c>
      <c r="L6170" s="59">
        <f>Bühler!L6196</f>
        <v>8.9692769967755837</v>
      </c>
      <c r="M6170" s="58">
        <f>Bühler!M6196</f>
        <v>0</v>
      </c>
      <c r="N6170" s="56">
        <f>IF(Input!$D$19=1,J6170*Input!$C$19,0)+IF(Input!$D$20=1,K6170*Input!$C$20,0)+IF(Input!$D$21=1,L6170*Input!$C$21,0)+IF(Input!$D$22=1,M6170*Input!$C$22,0)</f>
        <v>0.37371987486564939</v>
      </c>
      <c r="O6170" s="59">
        <f>IF(Input!$D$19=2,J6170*Input!$C$19,0)+IF(Input!$D$20=2,K6170*Input!$C$20,0)+IF(Input!$D$21=2,L6170*Input!$C$21,0)+IF(Input!$D$22=2,M6170*Input!$C$22,0)</f>
        <v>0.93429968716412337</v>
      </c>
      <c r="P6170" s="59">
        <f>IF(Input!$D$19=3,J6170*Input!$C$19,0)+IF(Input!$D$20=3,K6170*Input!$C$20,0)+IF(Input!$D$21=3,L6170*Input!$C$21,0)+IF(Input!$D$22=3,M6170*Input!$C$22,0)</f>
        <v>0</v>
      </c>
      <c r="Q6170" s="75">
        <f>IF(Input!$D$19=4,J6170*Input!$C$19,0)+IF(Input!$D$20=4,K6170*Input!$C$20,0)+IF(Input!$D$21=4,L6170*Input!$C$21,0)+IF(Input!$D$22=4,M6170*Input!$C$22,0)</f>
        <v>0</v>
      </c>
      <c r="R6170" s="58">
        <v>59.216002176097007</v>
      </c>
      <c r="S6170" s="124">
        <f t="shared" si="96"/>
        <v>1.6194527910844807</v>
      </c>
    </row>
    <row r="6171" spans="8:19" x14ac:dyDescent="0.3">
      <c r="H6171" s="44">
        <v>6164</v>
      </c>
      <c r="I6171" s="56">
        <f>Bühler!I6197</f>
        <v>0.37371987486564934</v>
      </c>
      <c r="J6171" s="59">
        <f>Bühler!J6197</f>
        <v>1.2457329162188313</v>
      </c>
      <c r="K6171" s="59">
        <f>Bühler!K6197</f>
        <v>1.8685993743282467</v>
      </c>
      <c r="L6171" s="59">
        <f>Bühler!L6197</f>
        <v>8.9692769967755837</v>
      </c>
      <c r="M6171" s="58">
        <f>Bühler!M6197</f>
        <v>0</v>
      </c>
      <c r="N6171" s="56">
        <f>IF(Input!$D$19=1,J6171*Input!$C$19,0)+IF(Input!$D$20=1,K6171*Input!$C$20,0)+IF(Input!$D$21=1,L6171*Input!$C$21,0)+IF(Input!$D$22=1,M6171*Input!$C$22,0)</f>
        <v>0.37371987486564939</v>
      </c>
      <c r="O6171" s="59">
        <f>IF(Input!$D$19=2,J6171*Input!$C$19,0)+IF(Input!$D$20=2,K6171*Input!$C$20,0)+IF(Input!$D$21=2,L6171*Input!$C$21,0)+IF(Input!$D$22=2,M6171*Input!$C$22,0)</f>
        <v>0.93429968716412337</v>
      </c>
      <c r="P6171" s="59">
        <f>IF(Input!$D$19=3,J6171*Input!$C$19,0)+IF(Input!$D$20=3,K6171*Input!$C$20,0)+IF(Input!$D$21=3,L6171*Input!$C$21,0)+IF(Input!$D$22=3,M6171*Input!$C$22,0)</f>
        <v>0</v>
      </c>
      <c r="Q6171" s="75">
        <f>IF(Input!$D$19=4,J6171*Input!$C$19,0)+IF(Input!$D$20=4,K6171*Input!$C$20,0)+IF(Input!$D$21=4,L6171*Input!$C$21,0)+IF(Input!$D$22=4,M6171*Input!$C$22,0)</f>
        <v>0</v>
      </c>
      <c r="R6171" s="58">
        <v>57.360980652826086</v>
      </c>
      <c r="S6171" s="124">
        <f t="shared" si="96"/>
        <v>1.6194527910844807</v>
      </c>
    </row>
    <row r="6172" spans="8:19" x14ac:dyDescent="0.3">
      <c r="H6172" s="44">
        <v>6165</v>
      </c>
      <c r="I6172" s="56">
        <f>Bühler!I6198</f>
        <v>0.28950131151564384</v>
      </c>
      <c r="J6172" s="59">
        <f>Bühler!J6198</f>
        <v>0.96500437171881281</v>
      </c>
      <c r="K6172" s="59">
        <f>Bühler!K6198</f>
        <v>1.4475065575782191</v>
      </c>
      <c r="L6172" s="59">
        <f>Bühler!L6198</f>
        <v>6.9480314763754514</v>
      </c>
      <c r="M6172" s="58">
        <f>Bühler!M6198</f>
        <v>0</v>
      </c>
      <c r="N6172" s="56">
        <f>IF(Input!$D$19=1,J6172*Input!$C$19,0)+IF(Input!$D$20=1,K6172*Input!$C$20,0)+IF(Input!$D$21=1,L6172*Input!$C$21,0)+IF(Input!$D$22=1,M6172*Input!$C$22,0)</f>
        <v>0.28950131151564384</v>
      </c>
      <c r="O6172" s="59">
        <f>IF(Input!$D$19=2,J6172*Input!$C$19,0)+IF(Input!$D$20=2,K6172*Input!$C$20,0)+IF(Input!$D$21=2,L6172*Input!$C$21,0)+IF(Input!$D$22=2,M6172*Input!$C$22,0)</f>
        <v>0.72375327878910956</v>
      </c>
      <c r="P6172" s="59">
        <f>IF(Input!$D$19=3,J6172*Input!$C$19,0)+IF(Input!$D$20=3,K6172*Input!$C$20,0)+IF(Input!$D$21=3,L6172*Input!$C$21,0)+IF(Input!$D$22=3,M6172*Input!$C$22,0)</f>
        <v>0</v>
      </c>
      <c r="Q6172" s="75">
        <f>IF(Input!$D$19=4,J6172*Input!$C$19,0)+IF(Input!$D$20=4,K6172*Input!$C$20,0)+IF(Input!$D$21=4,L6172*Input!$C$21,0)+IF(Input!$D$22=4,M6172*Input!$C$22,0)</f>
        <v>0</v>
      </c>
      <c r="R6172" s="58">
        <v>55.37918490831904</v>
      </c>
      <c r="S6172" s="124">
        <f t="shared" si="96"/>
        <v>1.2545056832344565</v>
      </c>
    </row>
    <row r="6173" spans="8:19" x14ac:dyDescent="0.3">
      <c r="H6173" s="44">
        <v>6166</v>
      </c>
      <c r="I6173" s="56">
        <f>Bühler!I6199</f>
        <v>0.11053686439688219</v>
      </c>
      <c r="J6173" s="59">
        <f>Bühler!J6199</f>
        <v>0.36845621465627398</v>
      </c>
      <c r="K6173" s="59">
        <f>Bühler!K6199</f>
        <v>0.55268432198441098</v>
      </c>
      <c r="L6173" s="59">
        <f>Bühler!L6199</f>
        <v>2.6528847455251725</v>
      </c>
      <c r="M6173" s="58">
        <f>Bühler!M6199</f>
        <v>0</v>
      </c>
      <c r="N6173" s="56">
        <f>IF(Input!$D$19=1,J6173*Input!$C$19,0)+IF(Input!$D$20=1,K6173*Input!$C$20,0)+IF(Input!$D$21=1,L6173*Input!$C$21,0)+IF(Input!$D$22=1,M6173*Input!$C$22,0)</f>
        <v>0.11053686439688219</v>
      </c>
      <c r="O6173" s="59">
        <f>IF(Input!$D$19=2,J6173*Input!$C$19,0)+IF(Input!$D$20=2,K6173*Input!$C$20,0)+IF(Input!$D$21=2,L6173*Input!$C$21,0)+IF(Input!$D$22=2,M6173*Input!$C$22,0)</f>
        <v>0.27634216099220549</v>
      </c>
      <c r="P6173" s="59">
        <f>IF(Input!$D$19=3,J6173*Input!$C$19,0)+IF(Input!$D$20=3,K6173*Input!$C$20,0)+IF(Input!$D$21=3,L6173*Input!$C$21,0)+IF(Input!$D$22=3,M6173*Input!$C$22,0)</f>
        <v>0</v>
      </c>
      <c r="Q6173" s="75">
        <f>IF(Input!$D$19=4,J6173*Input!$C$19,0)+IF(Input!$D$20=4,K6173*Input!$C$20,0)+IF(Input!$D$21=4,L6173*Input!$C$21,0)+IF(Input!$D$22=4,M6173*Input!$C$22,0)</f>
        <v>0</v>
      </c>
      <c r="R6173" s="58">
        <v>53.776602278173435</v>
      </c>
      <c r="S6173" s="124">
        <f t="shared" si="96"/>
        <v>0.47899307905315619</v>
      </c>
    </row>
    <row r="6174" spans="8:19" x14ac:dyDescent="0.3">
      <c r="H6174" s="44">
        <v>6167</v>
      </c>
      <c r="I6174" s="56">
        <f>Bühler!I6200</f>
        <v>0.11053686439688219</v>
      </c>
      <c r="J6174" s="59">
        <f>Bühler!J6200</f>
        <v>0.36845621465627398</v>
      </c>
      <c r="K6174" s="59">
        <f>Bühler!K6200</f>
        <v>0.55268432198441098</v>
      </c>
      <c r="L6174" s="59">
        <f>Bühler!L6200</f>
        <v>2.6528847455251725</v>
      </c>
      <c r="M6174" s="58">
        <f>Bühler!M6200</f>
        <v>0</v>
      </c>
      <c r="N6174" s="56">
        <f>IF(Input!$D$19=1,J6174*Input!$C$19,0)+IF(Input!$D$20=1,K6174*Input!$C$20,0)+IF(Input!$D$21=1,L6174*Input!$C$21,0)+IF(Input!$D$22=1,M6174*Input!$C$22,0)</f>
        <v>0.11053686439688219</v>
      </c>
      <c r="O6174" s="59">
        <f>IF(Input!$D$19=2,J6174*Input!$C$19,0)+IF(Input!$D$20=2,K6174*Input!$C$20,0)+IF(Input!$D$21=2,L6174*Input!$C$21,0)+IF(Input!$D$22=2,M6174*Input!$C$22,0)</f>
        <v>0.27634216099220549</v>
      </c>
      <c r="P6174" s="59">
        <f>IF(Input!$D$19=3,J6174*Input!$C$19,0)+IF(Input!$D$20=3,K6174*Input!$C$20,0)+IF(Input!$D$21=3,L6174*Input!$C$21,0)+IF(Input!$D$22=3,M6174*Input!$C$22,0)</f>
        <v>0</v>
      </c>
      <c r="Q6174" s="75">
        <f>IF(Input!$D$19=4,J6174*Input!$C$19,0)+IF(Input!$D$20=4,K6174*Input!$C$20,0)+IF(Input!$D$21=4,L6174*Input!$C$21,0)+IF(Input!$D$22=4,M6174*Input!$C$22,0)</f>
        <v>0</v>
      </c>
      <c r="R6174" s="58">
        <v>53.101944808790087</v>
      </c>
      <c r="S6174" s="124">
        <f t="shared" si="96"/>
        <v>0.47899307905315619</v>
      </c>
    </row>
    <row r="6175" spans="8:19" x14ac:dyDescent="0.3">
      <c r="H6175" s="44">
        <v>6168</v>
      </c>
      <c r="I6175" s="56">
        <f>Bühler!I6201</f>
        <v>0.11053686439688219</v>
      </c>
      <c r="J6175" s="59">
        <f>Bühler!J6201</f>
        <v>0.36845621465627398</v>
      </c>
      <c r="K6175" s="59">
        <f>Bühler!K6201</f>
        <v>0.55268432198441098</v>
      </c>
      <c r="L6175" s="59">
        <f>Bühler!L6201</f>
        <v>2.6528847455251725</v>
      </c>
      <c r="M6175" s="58">
        <f>Bühler!M6201</f>
        <v>0</v>
      </c>
      <c r="N6175" s="56">
        <f>IF(Input!$D$19=1,J6175*Input!$C$19,0)+IF(Input!$D$20=1,K6175*Input!$C$20,0)+IF(Input!$D$21=1,L6175*Input!$C$21,0)+IF(Input!$D$22=1,M6175*Input!$C$22,0)</f>
        <v>0.11053686439688219</v>
      </c>
      <c r="O6175" s="59">
        <f>IF(Input!$D$19=2,J6175*Input!$C$19,0)+IF(Input!$D$20=2,K6175*Input!$C$20,0)+IF(Input!$D$21=2,L6175*Input!$C$21,0)+IF(Input!$D$22=2,M6175*Input!$C$22,0)</f>
        <v>0.27634216099220549</v>
      </c>
      <c r="P6175" s="59">
        <f>IF(Input!$D$19=3,J6175*Input!$C$19,0)+IF(Input!$D$20=3,K6175*Input!$C$20,0)+IF(Input!$D$21=3,L6175*Input!$C$21,0)+IF(Input!$D$22=3,M6175*Input!$C$22,0)</f>
        <v>0</v>
      </c>
      <c r="Q6175" s="75">
        <f>IF(Input!$D$19=4,J6175*Input!$C$19,0)+IF(Input!$D$20=4,K6175*Input!$C$20,0)+IF(Input!$D$21=4,L6175*Input!$C$21,0)+IF(Input!$D$22=4,M6175*Input!$C$22,0)</f>
        <v>0</v>
      </c>
      <c r="R6175" s="58">
        <v>52.821607290772498</v>
      </c>
      <c r="S6175" s="124">
        <f t="shared" si="96"/>
        <v>0.47899307905315619</v>
      </c>
    </row>
    <row r="6176" spans="8:19" x14ac:dyDescent="0.3">
      <c r="H6176" s="44">
        <v>6169</v>
      </c>
      <c r="I6176" s="56">
        <f>Bühler!I6202</f>
        <v>5.1704474750725364E-2</v>
      </c>
      <c r="J6176" s="59">
        <f>Bühler!J6202</f>
        <v>0.17234824916908459</v>
      </c>
      <c r="K6176" s="59">
        <f>Bühler!K6202</f>
        <v>0.25852237375362686</v>
      </c>
      <c r="L6176" s="59">
        <f>Bühler!L6202</f>
        <v>3.6134947529592876</v>
      </c>
      <c r="M6176" s="58">
        <f>Bühler!M6202</f>
        <v>0</v>
      </c>
      <c r="N6176" s="56">
        <f>IF(Input!$D$19=1,J6176*Input!$C$19,0)+IF(Input!$D$20=1,K6176*Input!$C$20,0)+IF(Input!$D$21=1,L6176*Input!$C$21,0)+IF(Input!$D$22=1,M6176*Input!$C$22,0)</f>
        <v>5.1704474750725378E-2</v>
      </c>
      <c r="O6176" s="59">
        <f>IF(Input!$D$19=2,J6176*Input!$C$19,0)+IF(Input!$D$20=2,K6176*Input!$C$20,0)+IF(Input!$D$21=2,L6176*Input!$C$21,0)+IF(Input!$D$22=2,M6176*Input!$C$22,0)</f>
        <v>0.12926118687681343</v>
      </c>
      <c r="P6176" s="59">
        <f>IF(Input!$D$19=3,J6176*Input!$C$19,0)+IF(Input!$D$20=3,K6176*Input!$C$20,0)+IF(Input!$D$21=3,L6176*Input!$C$21,0)+IF(Input!$D$22=3,M6176*Input!$C$22,0)</f>
        <v>0</v>
      </c>
      <c r="Q6176" s="75">
        <f>IF(Input!$D$19=4,J6176*Input!$C$19,0)+IF(Input!$D$20=4,K6176*Input!$C$20,0)+IF(Input!$D$21=4,L6176*Input!$C$21,0)+IF(Input!$D$22=4,M6176*Input!$C$22,0)</f>
        <v>0</v>
      </c>
      <c r="R6176" s="58">
        <v>51.641859088748895</v>
      </c>
      <c r="S6176" s="124">
        <f t="shared" si="96"/>
        <v>0.22405272391980996</v>
      </c>
    </row>
    <row r="6177" spans="8:19" x14ac:dyDescent="0.3">
      <c r="H6177" s="44">
        <v>6170</v>
      </c>
      <c r="I6177" s="56">
        <f>Bühler!I6203</f>
        <v>0.10094683165617813</v>
      </c>
      <c r="J6177" s="59">
        <f>Bühler!J6203</f>
        <v>0.33648943885392713</v>
      </c>
      <c r="K6177" s="59">
        <f>Bühler!K6203</f>
        <v>0.50473415828089063</v>
      </c>
      <c r="L6177" s="59">
        <f>Bühler!L6203</f>
        <v>7.054918327206229</v>
      </c>
      <c r="M6177" s="58">
        <f>Bühler!M6203</f>
        <v>0</v>
      </c>
      <c r="N6177" s="56">
        <f>IF(Input!$D$19=1,J6177*Input!$C$19,0)+IF(Input!$D$20=1,K6177*Input!$C$20,0)+IF(Input!$D$21=1,L6177*Input!$C$21,0)+IF(Input!$D$22=1,M6177*Input!$C$22,0)</f>
        <v>0.10094683165617814</v>
      </c>
      <c r="O6177" s="59">
        <f>IF(Input!$D$19=2,J6177*Input!$C$19,0)+IF(Input!$D$20=2,K6177*Input!$C$20,0)+IF(Input!$D$21=2,L6177*Input!$C$21,0)+IF(Input!$D$22=2,M6177*Input!$C$22,0)</f>
        <v>0.25236707914044532</v>
      </c>
      <c r="P6177" s="59">
        <f>IF(Input!$D$19=3,J6177*Input!$C$19,0)+IF(Input!$D$20=3,K6177*Input!$C$20,0)+IF(Input!$D$21=3,L6177*Input!$C$21,0)+IF(Input!$D$22=3,M6177*Input!$C$22,0)</f>
        <v>0</v>
      </c>
      <c r="Q6177" s="75">
        <f>IF(Input!$D$19=4,J6177*Input!$C$19,0)+IF(Input!$D$20=4,K6177*Input!$C$20,0)+IF(Input!$D$21=4,L6177*Input!$C$21,0)+IF(Input!$D$22=4,M6177*Input!$C$22,0)</f>
        <v>0</v>
      </c>
      <c r="R6177" s="58">
        <v>50.368696109014451</v>
      </c>
      <c r="S6177" s="124">
        <f t="shared" si="96"/>
        <v>0.43743627051010525</v>
      </c>
    </row>
    <row r="6178" spans="8:19" x14ac:dyDescent="0.3">
      <c r="H6178" s="44">
        <v>6171</v>
      </c>
      <c r="I6178" s="56">
        <f>Bühler!I6204</f>
        <v>0.10094683165617813</v>
      </c>
      <c r="J6178" s="59">
        <f>Bühler!J6204</f>
        <v>0.33648943885392713</v>
      </c>
      <c r="K6178" s="59">
        <f>Bühler!K6204</f>
        <v>0.50473415828089063</v>
      </c>
      <c r="L6178" s="59">
        <f>Bühler!L6204</f>
        <v>7.054918327206229</v>
      </c>
      <c r="M6178" s="58">
        <f>Bühler!M6204</f>
        <v>0</v>
      </c>
      <c r="N6178" s="56">
        <f>IF(Input!$D$19=1,J6178*Input!$C$19,0)+IF(Input!$D$20=1,K6178*Input!$C$20,0)+IF(Input!$D$21=1,L6178*Input!$C$21,0)+IF(Input!$D$22=1,M6178*Input!$C$22,0)</f>
        <v>0.10094683165617814</v>
      </c>
      <c r="O6178" s="59">
        <f>IF(Input!$D$19=2,J6178*Input!$C$19,0)+IF(Input!$D$20=2,K6178*Input!$C$20,0)+IF(Input!$D$21=2,L6178*Input!$C$21,0)+IF(Input!$D$22=2,M6178*Input!$C$22,0)</f>
        <v>0.25236707914044532</v>
      </c>
      <c r="P6178" s="59">
        <f>IF(Input!$D$19=3,J6178*Input!$C$19,0)+IF(Input!$D$20=3,K6178*Input!$C$20,0)+IF(Input!$D$21=3,L6178*Input!$C$21,0)+IF(Input!$D$22=3,M6178*Input!$C$22,0)</f>
        <v>0</v>
      </c>
      <c r="Q6178" s="75">
        <f>IF(Input!$D$19=4,J6178*Input!$C$19,0)+IF(Input!$D$20=4,K6178*Input!$C$20,0)+IF(Input!$D$21=4,L6178*Input!$C$21,0)+IF(Input!$D$22=4,M6178*Input!$C$22,0)</f>
        <v>0</v>
      </c>
      <c r="R6178" s="58">
        <v>49.32449547240536</v>
      </c>
      <c r="S6178" s="124">
        <f t="shared" si="96"/>
        <v>0.43743627051010525</v>
      </c>
    </row>
    <row r="6179" spans="8:19" x14ac:dyDescent="0.3">
      <c r="H6179" s="44">
        <v>6172</v>
      </c>
      <c r="I6179" s="56">
        <f>Bühler!I6205</f>
        <v>0.10094683165617813</v>
      </c>
      <c r="J6179" s="59">
        <f>Bühler!J6205</f>
        <v>0.33648943885392713</v>
      </c>
      <c r="K6179" s="59">
        <f>Bühler!K6205</f>
        <v>0.50473415828089063</v>
      </c>
      <c r="L6179" s="59">
        <f>Bühler!L6205</f>
        <v>7.054918327206229</v>
      </c>
      <c r="M6179" s="58">
        <f>Bühler!M6205</f>
        <v>0</v>
      </c>
      <c r="N6179" s="56">
        <f>IF(Input!$D$19=1,J6179*Input!$C$19,0)+IF(Input!$D$20=1,K6179*Input!$C$20,0)+IF(Input!$D$21=1,L6179*Input!$C$21,0)+IF(Input!$D$22=1,M6179*Input!$C$22,0)</f>
        <v>0.10094683165617814</v>
      </c>
      <c r="O6179" s="59">
        <f>IF(Input!$D$19=2,J6179*Input!$C$19,0)+IF(Input!$D$20=2,K6179*Input!$C$20,0)+IF(Input!$D$21=2,L6179*Input!$C$21,0)+IF(Input!$D$22=2,M6179*Input!$C$22,0)</f>
        <v>0.25236707914044532</v>
      </c>
      <c r="P6179" s="59">
        <f>IF(Input!$D$19=3,J6179*Input!$C$19,0)+IF(Input!$D$20=3,K6179*Input!$C$20,0)+IF(Input!$D$21=3,L6179*Input!$C$21,0)+IF(Input!$D$22=3,M6179*Input!$C$22,0)</f>
        <v>0</v>
      </c>
      <c r="Q6179" s="75">
        <f>IF(Input!$D$19=4,J6179*Input!$C$19,0)+IF(Input!$D$20=4,K6179*Input!$C$20,0)+IF(Input!$D$21=4,L6179*Input!$C$21,0)+IF(Input!$D$22=4,M6179*Input!$C$22,0)</f>
        <v>0</v>
      </c>
      <c r="R6179" s="58">
        <v>48.971590288900735</v>
      </c>
      <c r="S6179" s="124">
        <f t="shared" si="96"/>
        <v>0.43743627051010525</v>
      </c>
    </row>
    <row r="6180" spans="8:19" x14ac:dyDescent="0.3">
      <c r="H6180" s="44">
        <v>6173</v>
      </c>
      <c r="I6180" s="56">
        <f>Bühler!I6206</f>
        <v>0.10094683165617813</v>
      </c>
      <c r="J6180" s="59">
        <f>Bühler!J6206</f>
        <v>0.33648943885392713</v>
      </c>
      <c r="K6180" s="59">
        <f>Bühler!K6206</f>
        <v>0.50473415828089063</v>
      </c>
      <c r="L6180" s="59">
        <f>Bühler!L6206</f>
        <v>7.054918327206229</v>
      </c>
      <c r="M6180" s="58">
        <f>Bühler!M6206</f>
        <v>0</v>
      </c>
      <c r="N6180" s="56">
        <f>IF(Input!$D$19=1,J6180*Input!$C$19,0)+IF(Input!$D$20=1,K6180*Input!$C$20,0)+IF(Input!$D$21=1,L6180*Input!$C$21,0)+IF(Input!$D$22=1,M6180*Input!$C$22,0)</f>
        <v>0.10094683165617814</v>
      </c>
      <c r="O6180" s="59">
        <f>IF(Input!$D$19=2,J6180*Input!$C$19,0)+IF(Input!$D$20=2,K6180*Input!$C$20,0)+IF(Input!$D$21=2,L6180*Input!$C$21,0)+IF(Input!$D$22=2,M6180*Input!$C$22,0)</f>
        <v>0.25236707914044532</v>
      </c>
      <c r="P6180" s="59">
        <f>IF(Input!$D$19=3,J6180*Input!$C$19,0)+IF(Input!$D$20=3,K6180*Input!$C$20,0)+IF(Input!$D$21=3,L6180*Input!$C$21,0)+IF(Input!$D$22=3,M6180*Input!$C$22,0)</f>
        <v>0</v>
      </c>
      <c r="Q6180" s="75">
        <f>IF(Input!$D$19=4,J6180*Input!$C$19,0)+IF(Input!$D$20=4,K6180*Input!$C$20,0)+IF(Input!$D$21=4,L6180*Input!$C$21,0)+IF(Input!$D$22=4,M6180*Input!$C$22,0)</f>
        <v>0</v>
      </c>
      <c r="R6180" s="58">
        <v>47.556390203999825</v>
      </c>
      <c r="S6180" s="124">
        <f t="shared" si="96"/>
        <v>0.43743627051010525</v>
      </c>
    </row>
    <row r="6181" spans="8:19" x14ac:dyDescent="0.3">
      <c r="H6181" s="44">
        <v>6174</v>
      </c>
      <c r="I6181" s="56">
        <f>Bühler!I6207</f>
        <v>0.12556801010890448</v>
      </c>
      <c r="J6181" s="59">
        <f>Bühler!J6207</f>
        <v>0.41856003369634831</v>
      </c>
      <c r="K6181" s="59">
        <f>Bühler!K6207</f>
        <v>0.62784005054452252</v>
      </c>
      <c r="L6181" s="59">
        <f>Bühler!L6207</f>
        <v>8.7756301143296991</v>
      </c>
      <c r="M6181" s="58">
        <f>Bühler!M6207</f>
        <v>0</v>
      </c>
      <c r="N6181" s="56">
        <f>IF(Input!$D$19=1,J6181*Input!$C$19,0)+IF(Input!$D$20=1,K6181*Input!$C$20,0)+IF(Input!$D$21=1,L6181*Input!$C$21,0)+IF(Input!$D$22=1,M6181*Input!$C$22,0)</f>
        <v>0.12556801010890448</v>
      </c>
      <c r="O6181" s="59">
        <f>IF(Input!$D$19=2,J6181*Input!$C$19,0)+IF(Input!$D$20=2,K6181*Input!$C$20,0)+IF(Input!$D$21=2,L6181*Input!$C$21,0)+IF(Input!$D$22=2,M6181*Input!$C$22,0)</f>
        <v>0.31392002527226126</v>
      </c>
      <c r="P6181" s="59">
        <f>IF(Input!$D$19=3,J6181*Input!$C$19,0)+IF(Input!$D$20=3,K6181*Input!$C$20,0)+IF(Input!$D$21=3,L6181*Input!$C$21,0)+IF(Input!$D$22=3,M6181*Input!$C$22,0)</f>
        <v>0</v>
      </c>
      <c r="Q6181" s="75">
        <f>IF(Input!$D$19=4,J6181*Input!$C$19,0)+IF(Input!$D$20=4,K6181*Input!$C$20,0)+IF(Input!$D$21=4,L6181*Input!$C$21,0)+IF(Input!$D$22=4,M6181*Input!$C$22,0)</f>
        <v>0</v>
      </c>
      <c r="R6181" s="58">
        <v>46.83025115517755</v>
      </c>
      <c r="S6181" s="124">
        <f t="shared" si="96"/>
        <v>0.54412804380525281</v>
      </c>
    </row>
    <row r="6182" spans="8:19" x14ac:dyDescent="0.3">
      <c r="H6182" s="44">
        <v>6175</v>
      </c>
      <c r="I6182" s="56">
        <f>Bühler!I6208</f>
        <v>0.15757554209744876</v>
      </c>
      <c r="J6182" s="59">
        <f>Bühler!J6208</f>
        <v>0.52525180699149598</v>
      </c>
      <c r="K6182" s="59">
        <f>Bühler!K6208</f>
        <v>0.78787771048724387</v>
      </c>
      <c r="L6182" s="59">
        <f>Bühler!L6208</f>
        <v>11.012555437590212</v>
      </c>
      <c r="M6182" s="58">
        <f>Bühler!M6208</f>
        <v>0</v>
      </c>
      <c r="N6182" s="56">
        <f>IF(Input!$D$19=1,J6182*Input!$C$19,0)+IF(Input!$D$20=1,K6182*Input!$C$20,0)+IF(Input!$D$21=1,L6182*Input!$C$21,0)+IF(Input!$D$22=1,M6182*Input!$C$22,0)</f>
        <v>0.15757554209744878</v>
      </c>
      <c r="O6182" s="59">
        <f>IF(Input!$D$19=2,J6182*Input!$C$19,0)+IF(Input!$D$20=2,K6182*Input!$C$20,0)+IF(Input!$D$21=2,L6182*Input!$C$21,0)+IF(Input!$D$22=2,M6182*Input!$C$22,0)</f>
        <v>0.39393885524362193</v>
      </c>
      <c r="P6182" s="59">
        <f>IF(Input!$D$19=3,J6182*Input!$C$19,0)+IF(Input!$D$20=3,K6182*Input!$C$20,0)+IF(Input!$D$21=3,L6182*Input!$C$21,0)+IF(Input!$D$22=3,M6182*Input!$C$22,0)</f>
        <v>0</v>
      </c>
      <c r="Q6182" s="75">
        <f>IF(Input!$D$19=4,J6182*Input!$C$19,0)+IF(Input!$D$20=4,K6182*Input!$C$20,0)+IF(Input!$D$21=4,L6182*Input!$C$21,0)+IF(Input!$D$22=4,M6182*Input!$C$22,0)</f>
        <v>0</v>
      </c>
      <c r="R6182" s="58">
        <v>46.719184265250263</v>
      </c>
      <c r="S6182" s="124">
        <f t="shared" si="96"/>
        <v>0.68282734908894471</v>
      </c>
    </row>
    <row r="6183" spans="8:19" x14ac:dyDescent="0.3">
      <c r="H6183" s="44">
        <v>6176</v>
      </c>
      <c r="I6183" s="56">
        <f>Bühler!I6209</f>
        <v>0.17973460270490246</v>
      </c>
      <c r="J6183" s="59">
        <f>Bühler!J6209</f>
        <v>0.59911534234967501</v>
      </c>
      <c r="K6183" s="59">
        <f>Bühler!K6209</f>
        <v>0.89867301352451245</v>
      </c>
      <c r="L6183" s="59">
        <f>Bühler!L6209</f>
        <v>12.561196046001333</v>
      </c>
      <c r="M6183" s="58">
        <f>Bühler!M6209</f>
        <v>0</v>
      </c>
      <c r="N6183" s="56">
        <f>IF(Input!$D$19=1,J6183*Input!$C$19,0)+IF(Input!$D$20=1,K6183*Input!$C$20,0)+IF(Input!$D$21=1,L6183*Input!$C$21,0)+IF(Input!$D$22=1,M6183*Input!$C$22,0)</f>
        <v>0.17973460270490249</v>
      </c>
      <c r="O6183" s="59">
        <f>IF(Input!$D$19=2,J6183*Input!$C$19,0)+IF(Input!$D$20=2,K6183*Input!$C$20,0)+IF(Input!$D$21=2,L6183*Input!$C$21,0)+IF(Input!$D$22=2,M6183*Input!$C$22,0)</f>
        <v>0.44933650676225623</v>
      </c>
      <c r="P6183" s="59">
        <f>IF(Input!$D$19=3,J6183*Input!$C$19,0)+IF(Input!$D$20=3,K6183*Input!$C$20,0)+IF(Input!$D$21=3,L6183*Input!$C$21,0)+IF(Input!$D$22=3,M6183*Input!$C$22,0)</f>
        <v>0</v>
      </c>
      <c r="Q6183" s="75">
        <f>IF(Input!$D$19=4,J6183*Input!$C$19,0)+IF(Input!$D$20=4,K6183*Input!$C$20,0)+IF(Input!$D$21=4,L6183*Input!$C$21,0)+IF(Input!$D$22=4,M6183*Input!$C$22,0)</f>
        <v>0</v>
      </c>
      <c r="R6183" s="58">
        <v>46.849202873894399</v>
      </c>
      <c r="S6183" s="124">
        <f t="shared" si="96"/>
        <v>0.7788499450545775</v>
      </c>
    </row>
    <row r="6184" spans="8:19" x14ac:dyDescent="0.3">
      <c r="H6184" s="44">
        <v>6177</v>
      </c>
      <c r="I6184" s="56">
        <f>Bühler!I6210</f>
        <v>0.17973460270490246</v>
      </c>
      <c r="J6184" s="59">
        <f>Bühler!J6210</f>
        <v>0.59911534234967501</v>
      </c>
      <c r="K6184" s="59">
        <f>Bühler!K6210</f>
        <v>0.89867301352451245</v>
      </c>
      <c r="L6184" s="59">
        <f>Bühler!L6210</f>
        <v>12.561196046001333</v>
      </c>
      <c r="M6184" s="58">
        <f>Bühler!M6210</f>
        <v>0</v>
      </c>
      <c r="N6184" s="56">
        <f>IF(Input!$D$19=1,J6184*Input!$C$19,0)+IF(Input!$D$20=1,K6184*Input!$C$20,0)+IF(Input!$D$21=1,L6184*Input!$C$21,0)+IF(Input!$D$22=1,M6184*Input!$C$22,0)</f>
        <v>0.17973460270490249</v>
      </c>
      <c r="O6184" s="59">
        <f>IF(Input!$D$19=2,J6184*Input!$C$19,0)+IF(Input!$D$20=2,K6184*Input!$C$20,0)+IF(Input!$D$21=2,L6184*Input!$C$21,0)+IF(Input!$D$22=2,M6184*Input!$C$22,0)</f>
        <v>0.44933650676225623</v>
      </c>
      <c r="P6184" s="59">
        <f>IF(Input!$D$19=3,J6184*Input!$C$19,0)+IF(Input!$D$20=3,K6184*Input!$C$20,0)+IF(Input!$D$21=3,L6184*Input!$C$21,0)+IF(Input!$D$22=3,M6184*Input!$C$22,0)</f>
        <v>0</v>
      </c>
      <c r="Q6184" s="75">
        <f>IF(Input!$D$19=4,J6184*Input!$C$19,0)+IF(Input!$D$20=4,K6184*Input!$C$20,0)+IF(Input!$D$21=4,L6184*Input!$C$21,0)+IF(Input!$D$22=4,M6184*Input!$C$22,0)</f>
        <v>0</v>
      </c>
      <c r="R6184" s="58">
        <v>46.40220857263833</v>
      </c>
      <c r="S6184" s="124">
        <f t="shared" si="96"/>
        <v>0.7788499450545775</v>
      </c>
    </row>
    <row r="6185" spans="8:19" x14ac:dyDescent="0.3">
      <c r="H6185" s="44">
        <v>6178</v>
      </c>
      <c r="I6185" s="56">
        <f>Bühler!I6211</f>
        <v>0.17973460270490246</v>
      </c>
      <c r="J6185" s="59">
        <f>Bühler!J6211</f>
        <v>0.59911534234967501</v>
      </c>
      <c r="K6185" s="59">
        <f>Bühler!K6211</f>
        <v>0.89867301352451245</v>
      </c>
      <c r="L6185" s="59">
        <f>Bühler!L6211</f>
        <v>12.561196046001333</v>
      </c>
      <c r="M6185" s="58">
        <f>Bühler!M6211</f>
        <v>0</v>
      </c>
      <c r="N6185" s="56">
        <f>IF(Input!$D$19=1,J6185*Input!$C$19,0)+IF(Input!$D$20=1,K6185*Input!$C$20,0)+IF(Input!$D$21=1,L6185*Input!$C$21,0)+IF(Input!$D$22=1,M6185*Input!$C$22,0)</f>
        <v>0.17973460270490249</v>
      </c>
      <c r="O6185" s="59">
        <f>IF(Input!$D$19=2,J6185*Input!$C$19,0)+IF(Input!$D$20=2,K6185*Input!$C$20,0)+IF(Input!$D$21=2,L6185*Input!$C$21,0)+IF(Input!$D$22=2,M6185*Input!$C$22,0)</f>
        <v>0.44933650676225623</v>
      </c>
      <c r="P6185" s="59">
        <f>IF(Input!$D$19=3,J6185*Input!$C$19,0)+IF(Input!$D$20=3,K6185*Input!$C$20,0)+IF(Input!$D$21=3,L6185*Input!$C$21,0)+IF(Input!$D$22=3,M6185*Input!$C$22,0)</f>
        <v>0</v>
      </c>
      <c r="Q6185" s="75">
        <f>IF(Input!$D$19=4,J6185*Input!$C$19,0)+IF(Input!$D$20=4,K6185*Input!$C$20,0)+IF(Input!$D$21=4,L6185*Input!$C$21,0)+IF(Input!$D$22=4,M6185*Input!$C$22,0)</f>
        <v>0</v>
      </c>
      <c r="R6185" s="58">
        <v>45.994885887596652</v>
      </c>
      <c r="S6185" s="124">
        <f t="shared" si="96"/>
        <v>0.7788499450545775</v>
      </c>
    </row>
    <row r="6186" spans="8:19" x14ac:dyDescent="0.3">
      <c r="H6186" s="44">
        <v>6179</v>
      </c>
      <c r="I6186" s="56">
        <f>Bühler!I6212</f>
        <v>0.17973460270490246</v>
      </c>
      <c r="J6186" s="59">
        <f>Bühler!J6212</f>
        <v>0.59911534234967501</v>
      </c>
      <c r="K6186" s="59">
        <f>Bühler!K6212</f>
        <v>0.89867301352451245</v>
      </c>
      <c r="L6186" s="59">
        <f>Bühler!L6212</f>
        <v>12.561196046001333</v>
      </c>
      <c r="M6186" s="58">
        <f>Bühler!M6212</f>
        <v>0</v>
      </c>
      <c r="N6186" s="56">
        <f>IF(Input!$D$19=1,J6186*Input!$C$19,0)+IF(Input!$D$20=1,K6186*Input!$C$20,0)+IF(Input!$D$21=1,L6186*Input!$C$21,0)+IF(Input!$D$22=1,M6186*Input!$C$22,0)</f>
        <v>0.17973460270490249</v>
      </c>
      <c r="O6186" s="59">
        <f>IF(Input!$D$19=2,J6186*Input!$C$19,0)+IF(Input!$D$20=2,K6186*Input!$C$20,0)+IF(Input!$D$21=2,L6186*Input!$C$21,0)+IF(Input!$D$22=2,M6186*Input!$C$22,0)</f>
        <v>0.44933650676225623</v>
      </c>
      <c r="P6186" s="59">
        <f>IF(Input!$D$19=3,J6186*Input!$C$19,0)+IF(Input!$D$20=3,K6186*Input!$C$20,0)+IF(Input!$D$21=3,L6186*Input!$C$21,0)+IF(Input!$D$22=3,M6186*Input!$C$22,0)</f>
        <v>0</v>
      </c>
      <c r="Q6186" s="75">
        <f>IF(Input!$D$19=4,J6186*Input!$C$19,0)+IF(Input!$D$20=4,K6186*Input!$C$20,0)+IF(Input!$D$21=4,L6186*Input!$C$21,0)+IF(Input!$D$22=4,M6186*Input!$C$22,0)</f>
        <v>0</v>
      </c>
      <c r="R6186" s="58">
        <v>45.72301824995165</v>
      </c>
      <c r="S6186" s="124">
        <f t="shared" si="96"/>
        <v>0.7788499450545775</v>
      </c>
    </row>
    <row r="6187" spans="8:19" x14ac:dyDescent="0.3">
      <c r="H6187" s="44">
        <v>6180</v>
      </c>
      <c r="I6187" s="56">
        <f>Bühler!I6213</f>
        <v>0.17973460270490246</v>
      </c>
      <c r="J6187" s="59">
        <f>Bühler!J6213</f>
        <v>0.59911534234967501</v>
      </c>
      <c r="K6187" s="59">
        <f>Bühler!K6213</f>
        <v>0.89867301352451245</v>
      </c>
      <c r="L6187" s="59">
        <f>Bühler!L6213</f>
        <v>12.561196046001333</v>
      </c>
      <c r="M6187" s="58">
        <f>Bühler!M6213</f>
        <v>0</v>
      </c>
      <c r="N6187" s="56">
        <f>IF(Input!$D$19=1,J6187*Input!$C$19,0)+IF(Input!$D$20=1,K6187*Input!$C$20,0)+IF(Input!$D$21=1,L6187*Input!$C$21,0)+IF(Input!$D$22=1,M6187*Input!$C$22,0)</f>
        <v>0.17973460270490249</v>
      </c>
      <c r="O6187" s="59">
        <f>IF(Input!$D$19=2,J6187*Input!$C$19,0)+IF(Input!$D$20=2,K6187*Input!$C$20,0)+IF(Input!$D$21=2,L6187*Input!$C$21,0)+IF(Input!$D$22=2,M6187*Input!$C$22,0)</f>
        <v>0.44933650676225623</v>
      </c>
      <c r="P6187" s="59">
        <f>IF(Input!$D$19=3,J6187*Input!$C$19,0)+IF(Input!$D$20=3,K6187*Input!$C$20,0)+IF(Input!$D$21=3,L6187*Input!$C$21,0)+IF(Input!$D$22=3,M6187*Input!$C$22,0)</f>
        <v>0</v>
      </c>
      <c r="Q6187" s="75">
        <f>IF(Input!$D$19=4,J6187*Input!$C$19,0)+IF(Input!$D$20=4,K6187*Input!$C$20,0)+IF(Input!$D$21=4,L6187*Input!$C$21,0)+IF(Input!$D$22=4,M6187*Input!$C$22,0)</f>
        <v>0</v>
      </c>
      <c r="R6187" s="58">
        <v>45.862527987251831</v>
      </c>
      <c r="S6187" s="124">
        <f t="shared" si="96"/>
        <v>0.7788499450545775</v>
      </c>
    </row>
    <row r="6188" spans="8:19" x14ac:dyDescent="0.3">
      <c r="H6188" s="44">
        <v>6181</v>
      </c>
      <c r="I6188" s="56">
        <f>Bühler!I6214</f>
        <v>0.17973460270490246</v>
      </c>
      <c r="J6188" s="59">
        <f>Bühler!J6214</f>
        <v>0.59911534234967501</v>
      </c>
      <c r="K6188" s="59">
        <f>Bühler!K6214</f>
        <v>0.89867301352451245</v>
      </c>
      <c r="L6188" s="59">
        <f>Bühler!L6214</f>
        <v>12.561196046001333</v>
      </c>
      <c r="M6188" s="58">
        <f>Bühler!M6214</f>
        <v>0</v>
      </c>
      <c r="N6188" s="56">
        <f>IF(Input!$D$19=1,J6188*Input!$C$19,0)+IF(Input!$D$20=1,K6188*Input!$C$20,0)+IF(Input!$D$21=1,L6188*Input!$C$21,0)+IF(Input!$D$22=1,M6188*Input!$C$22,0)</f>
        <v>0.17973460270490249</v>
      </c>
      <c r="O6188" s="59">
        <f>IF(Input!$D$19=2,J6188*Input!$C$19,0)+IF(Input!$D$20=2,K6188*Input!$C$20,0)+IF(Input!$D$21=2,L6188*Input!$C$21,0)+IF(Input!$D$22=2,M6188*Input!$C$22,0)</f>
        <v>0.44933650676225623</v>
      </c>
      <c r="P6188" s="59">
        <f>IF(Input!$D$19=3,J6188*Input!$C$19,0)+IF(Input!$D$20=3,K6188*Input!$C$20,0)+IF(Input!$D$21=3,L6188*Input!$C$21,0)+IF(Input!$D$22=3,M6188*Input!$C$22,0)</f>
        <v>0</v>
      </c>
      <c r="Q6188" s="75">
        <f>IF(Input!$D$19=4,J6188*Input!$C$19,0)+IF(Input!$D$20=4,K6188*Input!$C$20,0)+IF(Input!$D$21=4,L6188*Input!$C$21,0)+IF(Input!$D$22=4,M6188*Input!$C$22,0)</f>
        <v>0</v>
      </c>
      <c r="R6188" s="58">
        <v>44.976021183665402</v>
      </c>
      <c r="S6188" s="124">
        <f t="shared" si="96"/>
        <v>0.7788499450545775</v>
      </c>
    </row>
    <row r="6189" spans="8:19" x14ac:dyDescent="0.3">
      <c r="H6189" s="44">
        <v>6182</v>
      </c>
      <c r="I6189" s="56">
        <f>Bühler!I6215</f>
        <v>0.17973460270490246</v>
      </c>
      <c r="J6189" s="59">
        <f>Bühler!J6215</f>
        <v>0.59911534234967501</v>
      </c>
      <c r="K6189" s="59">
        <f>Bühler!K6215</f>
        <v>0.89867301352451245</v>
      </c>
      <c r="L6189" s="59">
        <f>Bühler!L6215</f>
        <v>12.561196046001333</v>
      </c>
      <c r="M6189" s="58">
        <f>Bühler!M6215</f>
        <v>0</v>
      </c>
      <c r="N6189" s="56">
        <f>IF(Input!$D$19=1,J6189*Input!$C$19,0)+IF(Input!$D$20=1,K6189*Input!$C$20,0)+IF(Input!$D$21=1,L6189*Input!$C$21,0)+IF(Input!$D$22=1,M6189*Input!$C$22,0)</f>
        <v>0.17973460270490249</v>
      </c>
      <c r="O6189" s="59">
        <f>IF(Input!$D$19=2,J6189*Input!$C$19,0)+IF(Input!$D$20=2,K6189*Input!$C$20,0)+IF(Input!$D$21=2,L6189*Input!$C$21,0)+IF(Input!$D$22=2,M6189*Input!$C$22,0)</f>
        <v>0.44933650676225623</v>
      </c>
      <c r="P6189" s="59">
        <f>IF(Input!$D$19=3,J6189*Input!$C$19,0)+IF(Input!$D$20=3,K6189*Input!$C$20,0)+IF(Input!$D$21=3,L6189*Input!$C$21,0)+IF(Input!$D$22=3,M6189*Input!$C$22,0)</f>
        <v>0</v>
      </c>
      <c r="Q6189" s="75">
        <f>IF(Input!$D$19=4,J6189*Input!$C$19,0)+IF(Input!$D$20=4,K6189*Input!$C$20,0)+IF(Input!$D$21=4,L6189*Input!$C$21,0)+IF(Input!$D$22=4,M6189*Input!$C$22,0)</f>
        <v>0</v>
      </c>
      <c r="R6189" s="58">
        <v>44.579833729532837</v>
      </c>
      <c r="S6189" s="124">
        <f t="shared" si="96"/>
        <v>0.7788499450545775</v>
      </c>
    </row>
    <row r="6190" spans="8:19" x14ac:dyDescent="0.3">
      <c r="H6190" s="44">
        <v>6183</v>
      </c>
      <c r="I6190" s="56">
        <f>Bühler!I6216</f>
        <v>0.17973460270490246</v>
      </c>
      <c r="J6190" s="59">
        <f>Bühler!J6216</f>
        <v>0.59911534234967501</v>
      </c>
      <c r="K6190" s="59">
        <f>Bühler!K6216</f>
        <v>0.89867301352451245</v>
      </c>
      <c r="L6190" s="59">
        <f>Bühler!L6216</f>
        <v>12.561196046001333</v>
      </c>
      <c r="M6190" s="58">
        <f>Bühler!M6216</f>
        <v>0</v>
      </c>
      <c r="N6190" s="56">
        <f>IF(Input!$D$19=1,J6190*Input!$C$19,0)+IF(Input!$D$20=1,K6190*Input!$C$20,0)+IF(Input!$D$21=1,L6190*Input!$C$21,0)+IF(Input!$D$22=1,M6190*Input!$C$22,0)</f>
        <v>0.17973460270490249</v>
      </c>
      <c r="O6190" s="59">
        <f>IF(Input!$D$19=2,J6190*Input!$C$19,0)+IF(Input!$D$20=2,K6190*Input!$C$20,0)+IF(Input!$D$21=2,L6190*Input!$C$21,0)+IF(Input!$D$22=2,M6190*Input!$C$22,0)</f>
        <v>0.44933650676225623</v>
      </c>
      <c r="P6190" s="59">
        <f>IF(Input!$D$19=3,J6190*Input!$C$19,0)+IF(Input!$D$20=3,K6190*Input!$C$20,0)+IF(Input!$D$21=3,L6190*Input!$C$21,0)+IF(Input!$D$22=3,M6190*Input!$C$22,0)</f>
        <v>0</v>
      </c>
      <c r="Q6190" s="75">
        <f>IF(Input!$D$19=4,J6190*Input!$C$19,0)+IF(Input!$D$20=4,K6190*Input!$C$20,0)+IF(Input!$D$21=4,L6190*Input!$C$21,0)+IF(Input!$D$22=4,M6190*Input!$C$22,0)</f>
        <v>0</v>
      </c>
      <c r="R6190" s="58">
        <v>44.240460948788659</v>
      </c>
      <c r="S6190" s="124">
        <f t="shared" si="96"/>
        <v>0.7788499450545775</v>
      </c>
    </row>
    <row r="6191" spans="8:19" x14ac:dyDescent="0.3">
      <c r="H6191" s="44">
        <v>6184</v>
      </c>
      <c r="I6191" s="56">
        <f>Bühler!I6217</f>
        <v>0.16249977778799402</v>
      </c>
      <c r="J6191" s="59">
        <f>Bühler!J6217</f>
        <v>0.5416659259599802</v>
      </c>
      <c r="K6191" s="59">
        <f>Bühler!K6217</f>
        <v>0.81249888893997024</v>
      </c>
      <c r="L6191" s="59">
        <f>Bühler!L6217</f>
        <v>11.356697795014906</v>
      </c>
      <c r="M6191" s="58">
        <f>Bühler!M6217</f>
        <v>0</v>
      </c>
      <c r="N6191" s="56">
        <f>IF(Input!$D$19=1,J6191*Input!$C$19,0)+IF(Input!$D$20=1,K6191*Input!$C$20,0)+IF(Input!$D$21=1,L6191*Input!$C$21,0)+IF(Input!$D$22=1,M6191*Input!$C$22,0)</f>
        <v>0.16249977778799404</v>
      </c>
      <c r="O6191" s="59">
        <f>IF(Input!$D$19=2,J6191*Input!$C$19,0)+IF(Input!$D$20=2,K6191*Input!$C$20,0)+IF(Input!$D$21=2,L6191*Input!$C$21,0)+IF(Input!$D$22=2,M6191*Input!$C$22,0)</f>
        <v>0.40624944446998512</v>
      </c>
      <c r="P6191" s="59">
        <f>IF(Input!$D$19=3,J6191*Input!$C$19,0)+IF(Input!$D$20=3,K6191*Input!$C$20,0)+IF(Input!$D$21=3,L6191*Input!$C$21,0)+IF(Input!$D$22=3,M6191*Input!$C$22,0)</f>
        <v>0</v>
      </c>
      <c r="Q6191" s="75">
        <f>IF(Input!$D$19=4,J6191*Input!$C$19,0)+IF(Input!$D$20=4,K6191*Input!$C$20,0)+IF(Input!$D$21=4,L6191*Input!$C$21,0)+IF(Input!$D$22=4,M6191*Input!$C$22,0)</f>
        <v>0</v>
      </c>
      <c r="R6191" s="58">
        <v>44.0916846797844</v>
      </c>
      <c r="S6191" s="124">
        <f t="shared" si="96"/>
        <v>0.70416570374797427</v>
      </c>
    </row>
    <row r="6192" spans="8:19" x14ac:dyDescent="0.3">
      <c r="H6192" s="44">
        <v>6185</v>
      </c>
      <c r="I6192" s="56">
        <f>Bühler!I6218</f>
        <v>0.14772707071635821</v>
      </c>
      <c r="J6192" s="59">
        <f>Bühler!J6218</f>
        <v>0.49242356905452744</v>
      </c>
      <c r="K6192" s="59">
        <f>Bühler!K6218</f>
        <v>0.73863535358179111</v>
      </c>
      <c r="L6192" s="59">
        <f>Bühler!L6218</f>
        <v>10.324270722740822</v>
      </c>
      <c r="M6192" s="58">
        <f>Bühler!M6218</f>
        <v>0</v>
      </c>
      <c r="N6192" s="56">
        <f>IF(Input!$D$19=1,J6192*Input!$C$19,0)+IF(Input!$D$20=1,K6192*Input!$C$20,0)+IF(Input!$D$21=1,L6192*Input!$C$21,0)+IF(Input!$D$22=1,M6192*Input!$C$22,0)</f>
        <v>0.14772707071635824</v>
      </c>
      <c r="O6192" s="59">
        <f>IF(Input!$D$19=2,J6192*Input!$C$19,0)+IF(Input!$D$20=2,K6192*Input!$C$20,0)+IF(Input!$D$21=2,L6192*Input!$C$21,0)+IF(Input!$D$22=2,M6192*Input!$C$22,0)</f>
        <v>0.36931767679089555</v>
      </c>
      <c r="P6192" s="59">
        <f>IF(Input!$D$19=3,J6192*Input!$C$19,0)+IF(Input!$D$20=3,K6192*Input!$C$20,0)+IF(Input!$D$21=3,L6192*Input!$C$21,0)+IF(Input!$D$22=3,M6192*Input!$C$22,0)</f>
        <v>0</v>
      </c>
      <c r="Q6192" s="75">
        <f>IF(Input!$D$19=4,J6192*Input!$C$19,0)+IF(Input!$D$20=4,K6192*Input!$C$20,0)+IF(Input!$D$21=4,L6192*Input!$C$21,0)+IF(Input!$D$22=4,M6192*Input!$C$22,0)</f>
        <v>0</v>
      </c>
      <c r="R6192" s="58">
        <v>43.587672977509563</v>
      </c>
      <c r="S6192" s="124">
        <f t="shared" si="96"/>
        <v>0.6401506397708856</v>
      </c>
    </row>
    <row r="6193" spans="8:19" x14ac:dyDescent="0.3">
      <c r="H6193" s="44">
        <v>6186</v>
      </c>
      <c r="I6193" s="56">
        <f>Bühler!I6219</f>
        <v>0.13295436364472238</v>
      </c>
      <c r="J6193" s="59">
        <f>Bühler!J6219</f>
        <v>0.44318121214907463</v>
      </c>
      <c r="K6193" s="59">
        <f>Bühler!K6219</f>
        <v>0.66477181822361198</v>
      </c>
      <c r="L6193" s="59">
        <f>Bühler!L6219</f>
        <v>9.2918436504667419</v>
      </c>
      <c r="M6193" s="58">
        <f>Bühler!M6219</f>
        <v>0</v>
      </c>
      <c r="N6193" s="56">
        <f>IF(Input!$D$19=1,J6193*Input!$C$19,0)+IF(Input!$D$20=1,K6193*Input!$C$20,0)+IF(Input!$D$21=1,L6193*Input!$C$21,0)+IF(Input!$D$22=1,M6193*Input!$C$22,0)</f>
        <v>0.13295436364472238</v>
      </c>
      <c r="O6193" s="59">
        <f>IF(Input!$D$19=2,J6193*Input!$C$19,0)+IF(Input!$D$20=2,K6193*Input!$C$20,0)+IF(Input!$D$21=2,L6193*Input!$C$21,0)+IF(Input!$D$22=2,M6193*Input!$C$22,0)</f>
        <v>0.33238590911180599</v>
      </c>
      <c r="P6193" s="59">
        <f>IF(Input!$D$19=3,J6193*Input!$C$19,0)+IF(Input!$D$20=3,K6193*Input!$C$20,0)+IF(Input!$D$21=3,L6193*Input!$C$21,0)+IF(Input!$D$22=3,M6193*Input!$C$22,0)</f>
        <v>0</v>
      </c>
      <c r="Q6193" s="75">
        <f>IF(Input!$D$19=4,J6193*Input!$C$19,0)+IF(Input!$D$20=4,K6193*Input!$C$20,0)+IF(Input!$D$21=4,L6193*Input!$C$21,0)+IF(Input!$D$22=4,M6193*Input!$C$22,0)</f>
        <v>0</v>
      </c>
      <c r="R6193" s="58">
        <v>43.194865304441379</v>
      </c>
      <c r="S6193" s="124">
        <f t="shared" si="96"/>
        <v>0.57613557579379704</v>
      </c>
    </row>
    <row r="6194" spans="8:19" x14ac:dyDescent="0.3">
      <c r="H6194" s="44">
        <v>6187</v>
      </c>
      <c r="I6194" s="56">
        <f>Bühler!I6220</f>
        <v>0.12803012795417712</v>
      </c>
      <c r="J6194" s="59">
        <f>Bühler!J6220</f>
        <v>0.42676709318059042</v>
      </c>
      <c r="K6194" s="59">
        <f>Bühler!K6220</f>
        <v>0.64015063977088571</v>
      </c>
      <c r="L6194" s="59">
        <f>Bühler!L6220</f>
        <v>8.9477012930420461</v>
      </c>
      <c r="M6194" s="58">
        <f>Bühler!M6220</f>
        <v>0</v>
      </c>
      <c r="N6194" s="56">
        <f>IF(Input!$D$19=1,J6194*Input!$C$19,0)+IF(Input!$D$20=1,K6194*Input!$C$20,0)+IF(Input!$D$21=1,L6194*Input!$C$21,0)+IF(Input!$D$22=1,M6194*Input!$C$22,0)</f>
        <v>0.12803012795417712</v>
      </c>
      <c r="O6194" s="59">
        <f>IF(Input!$D$19=2,J6194*Input!$C$19,0)+IF(Input!$D$20=2,K6194*Input!$C$20,0)+IF(Input!$D$21=2,L6194*Input!$C$21,0)+IF(Input!$D$22=2,M6194*Input!$C$22,0)</f>
        <v>0.32007531988544285</v>
      </c>
      <c r="P6194" s="59">
        <f>IF(Input!$D$19=3,J6194*Input!$C$19,0)+IF(Input!$D$20=3,K6194*Input!$C$20,0)+IF(Input!$D$21=3,L6194*Input!$C$21,0)+IF(Input!$D$22=3,M6194*Input!$C$22,0)</f>
        <v>0</v>
      </c>
      <c r="Q6194" s="75">
        <f>IF(Input!$D$19=4,J6194*Input!$C$19,0)+IF(Input!$D$20=4,K6194*Input!$C$20,0)+IF(Input!$D$21=4,L6194*Input!$C$21,0)+IF(Input!$D$22=4,M6194*Input!$C$22,0)</f>
        <v>0</v>
      </c>
      <c r="R6194" s="58">
        <v>42.685897994282648</v>
      </c>
      <c r="S6194" s="124">
        <f t="shared" si="96"/>
        <v>0.55479722113476759</v>
      </c>
    </row>
    <row r="6195" spans="8:19" x14ac:dyDescent="0.3">
      <c r="H6195" s="44">
        <v>6188</v>
      </c>
      <c r="I6195" s="56">
        <f>Bühler!I6221</f>
        <v>0.10340894950145073</v>
      </c>
      <c r="J6195" s="59">
        <f>Bühler!J6221</f>
        <v>0.34469649833816918</v>
      </c>
      <c r="K6195" s="59">
        <f>Bühler!K6221</f>
        <v>0.51704474750725371</v>
      </c>
      <c r="L6195" s="59">
        <f>Bühler!L6221</f>
        <v>7.2269895059185751</v>
      </c>
      <c r="M6195" s="58">
        <f>Bühler!M6221</f>
        <v>0</v>
      </c>
      <c r="N6195" s="56">
        <f>IF(Input!$D$19=1,J6195*Input!$C$19,0)+IF(Input!$D$20=1,K6195*Input!$C$20,0)+IF(Input!$D$21=1,L6195*Input!$C$21,0)+IF(Input!$D$22=1,M6195*Input!$C$22,0)</f>
        <v>0.10340894950145076</v>
      </c>
      <c r="O6195" s="59">
        <f>IF(Input!$D$19=2,J6195*Input!$C$19,0)+IF(Input!$D$20=2,K6195*Input!$C$20,0)+IF(Input!$D$21=2,L6195*Input!$C$21,0)+IF(Input!$D$22=2,M6195*Input!$C$22,0)</f>
        <v>0.25852237375362686</v>
      </c>
      <c r="P6195" s="59">
        <f>IF(Input!$D$19=3,J6195*Input!$C$19,0)+IF(Input!$D$20=3,K6195*Input!$C$20,0)+IF(Input!$D$21=3,L6195*Input!$C$21,0)+IF(Input!$D$22=3,M6195*Input!$C$22,0)</f>
        <v>0</v>
      </c>
      <c r="Q6195" s="75">
        <f>IF(Input!$D$19=4,J6195*Input!$C$19,0)+IF(Input!$D$20=4,K6195*Input!$C$20,0)+IF(Input!$D$21=4,L6195*Input!$C$21,0)+IF(Input!$D$22=4,M6195*Input!$C$22,0)</f>
        <v>0</v>
      </c>
      <c r="R6195" s="58">
        <v>42.052204686667174</v>
      </c>
      <c r="S6195" s="124">
        <f t="shared" si="96"/>
        <v>0.44810544783961992</v>
      </c>
    </row>
    <row r="6196" spans="8:19" x14ac:dyDescent="0.3">
      <c r="H6196" s="44">
        <v>6189</v>
      </c>
      <c r="I6196" s="56">
        <f>Bühler!I6222</f>
        <v>7.6325653203451735E-2</v>
      </c>
      <c r="J6196" s="59">
        <f>Bühler!J6222</f>
        <v>0.25441884401150577</v>
      </c>
      <c r="K6196" s="59">
        <f>Bühler!K6222</f>
        <v>0.38162826601725869</v>
      </c>
      <c r="L6196" s="59">
        <f>Bühler!L6222</f>
        <v>5.3342065400827581</v>
      </c>
      <c r="M6196" s="58">
        <f>Bühler!M6222</f>
        <v>0</v>
      </c>
      <c r="N6196" s="56">
        <f>IF(Input!$D$19=1,J6196*Input!$C$19,0)+IF(Input!$D$20=1,K6196*Input!$C$20,0)+IF(Input!$D$21=1,L6196*Input!$C$21,0)+IF(Input!$D$22=1,M6196*Input!$C$22,0)</f>
        <v>7.6325653203451735E-2</v>
      </c>
      <c r="O6196" s="59">
        <f>IF(Input!$D$19=2,J6196*Input!$C$19,0)+IF(Input!$D$20=2,K6196*Input!$C$20,0)+IF(Input!$D$21=2,L6196*Input!$C$21,0)+IF(Input!$D$22=2,M6196*Input!$C$22,0)</f>
        <v>0.19081413300862934</v>
      </c>
      <c r="P6196" s="59">
        <f>IF(Input!$D$19=3,J6196*Input!$C$19,0)+IF(Input!$D$20=3,K6196*Input!$C$20,0)+IF(Input!$D$21=3,L6196*Input!$C$21,0)+IF(Input!$D$22=3,M6196*Input!$C$22,0)</f>
        <v>0</v>
      </c>
      <c r="Q6196" s="75">
        <f>IF(Input!$D$19=4,J6196*Input!$C$19,0)+IF(Input!$D$20=4,K6196*Input!$C$20,0)+IF(Input!$D$21=4,L6196*Input!$C$21,0)+IF(Input!$D$22=4,M6196*Input!$C$22,0)</f>
        <v>0</v>
      </c>
      <c r="R6196" s="58">
        <v>41.5888416787447</v>
      </c>
      <c r="S6196" s="124">
        <f t="shared" si="96"/>
        <v>0.33074449721495752</v>
      </c>
    </row>
    <row r="6197" spans="8:19" x14ac:dyDescent="0.3">
      <c r="H6197" s="44">
        <v>6190</v>
      </c>
      <c r="I6197" s="56">
        <f>Bühler!I6223</f>
        <v>7.6325653203451735E-2</v>
      </c>
      <c r="J6197" s="59">
        <f>Bühler!J6223</f>
        <v>0.25441884401150577</v>
      </c>
      <c r="K6197" s="59">
        <f>Bühler!K6223</f>
        <v>0.38162826601725869</v>
      </c>
      <c r="L6197" s="59">
        <f>Bühler!L6223</f>
        <v>5.3342065400827581</v>
      </c>
      <c r="M6197" s="58">
        <f>Bühler!M6223</f>
        <v>0</v>
      </c>
      <c r="N6197" s="56">
        <f>IF(Input!$D$19=1,J6197*Input!$C$19,0)+IF(Input!$D$20=1,K6197*Input!$C$20,0)+IF(Input!$D$21=1,L6197*Input!$C$21,0)+IF(Input!$D$22=1,M6197*Input!$C$22,0)</f>
        <v>7.6325653203451735E-2</v>
      </c>
      <c r="O6197" s="59">
        <f>IF(Input!$D$19=2,J6197*Input!$C$19,0)+IF(Input!$D$20=2,K6197*Input!$C$20,0)+IF(Input!$D$21=2,L6197*Input!$C$21,0)+IF(Input!$D$22=2,M6197*Input!$C$22,0)</f>
        <v>0.19081413300862934</v>
      </c>
      <c r="P6197" s="59">
        <f>IF(Input!$D$19=3,J6197*Input!$C$19,0)+IF(Input!$D$20=3,K6197*Input!$C$20,0)+IF(Input!$D$21=3,L6197*Input!$C$21,0)+IF(Input!$D$22=3,M6197*Input!$C$22,0)</f>
        <v>0</v>
      </c>
      <c r="Q6197" s="75">
        <f>IF(Input!$D$19=4,J6197*Input!$C$19,0)+IF(Input!$D$20=4,K6197*Input!$C$20,0)+IF(Input!$D$21=4,L6197*Input!$C$21,0)+IF(Input!$D$22=4,M6197*Input!$C$22,0)</f>
        <v>0</v>
      </c>
      <c r="R6197" s="58">
        <v>40.836290353961751</v>
      </c>
      <c r="S6197" s="124">
        <f t="shared" si="96"/>
        <v>0.33074449721495752</v>
      </c>
    </row>
    <row r="6198" spans="8:19" x14ac:dyDescent="0.3">
      <c r="H6198" s="44">
        <v>6191</v>
      </c>
      <c r="I6198" s="56">
        <f>Bühler!I6224</f>
        <v>7.6325653203451735E-2</v>
      </c>
      <c r="J6198" s="59">
        <f>Bühler!J6224</f>
        <v>0.25441884401150577</v>
      </c>
      <c r="K6198" s="59">
        <f>Bühler!K6224</f>
        <v>0.38162826601725869</v>
      </c>
      <c r="L6198" s="59">
        <f>Bühler!L6224</f>
        <v>5.3342065400827581</v>
      </c>
      <c r="M6198" s="58">
        <f>Bühler!M6224</f>
        <v>0</v>
      </c>
      <c r="N6198" s="56">
        <f>IF(Input!$D$19=1,J6198*Input!$C$19,0)+IF(Input!$D$20=1,K6198*Input!$C$20,0)+IF(Input!$D$21=1,L6198*Input!$C$21,0)+IF(Input!$D$22=1,M6198*Input!$C$22,0)</f>
        <v>7.6325653203451735E-2</v>
      </c>
      <c r="O6198" s="59">
        <f>IF(Input!$D$19=2,J6198*Input!$C$19,0)+IF(Input!$D$20=2,K6198*Input!$C$20,0)+IF(Input!$D$21=2,L6198*Input!$C$21,0)+IF(Input!$D$22=2,M6198*Input!$C$22,0)</f>
        <v>0.19081413300862934</v>
      </c>
      <c r="P6198" s="59">
        <f>IF(Input!$D$19=3,J6198*Input!$C$19,0)+IF(Input!$D$20=3,K6198*Input!$C$20,0)+IF(Input!$D$21=3,L6198*Input!$C$21,0)+IF(Input!$D$22=3,M6198*Input!$C$22,0)</f>
        <v>0</v>
      </c>
      <c r="Q6198" s="75">
        <f>IF(Input!$D$19=4,J6198*Input!$C$19,0)+IF(Input!$D$20=4,K6198*Input!$C$20,0)+IF(Input!$D$21=4,L6198*Input!$C$21,0)+IF(Input!$D$22=4,M6198*Input!$C$22,0)</f>
        <v>0</v>
      </c>
      <c r="R6198" s="58">
        <v>40.760682460500178</v>
      </c>
      <c r="S6198" s="124">
        <f t="shared" si="96"/>
        <v>0.33074449721495752</v>
      </c>
    </row>
    <row r="6199" spans="8:19" x14ac:dyDescent="0.3">
      <c r="H6199" s="44">
        <v>6192</v>
      </c>
      <c r="I6199" s="56">
        <f>Bühler!I6225</f>
        <v>7.6325653203451735E-2</v>
      </c>
      <c r="J6199" s="59">
        <f>Bühler!J6225</f>
        <v>0.25441884401150577</v>
      </c>
      <c r="K6199" s="59">
        <f>Bühler!K6225</f>
        <v>0.38162826601725869</v>
      </c>
      <c r="L6199" s="59">
        <f>Bühler!L6225</f>
        <v>5.3342065400827581</v>
      </c>
      <c r="M6199" s="58">
        <f>Bühler!M6225</f>
        <v>0</v>
      </c>
      <c r="N6199" s="56">
        <f>IF(Input!$D$19=1,J6199*Input!$C$19,0)+IF(Input!$D$20=1,K6199*Input!$C$20,0)+IF(Input!$D$21=1,L6199*Input!$C$21,0)+IF(Input!$D$22=1,M6199*Input!$C$22,0)</f>
        <v>7.6325653203451735E-2</v>
      </c>
      <c r="O6199" s="59">
        <f>IF(Input!$D$19=2,J6199*Input!$C$19,0)+IF(Input!$D$20=2,K6199*Input!$C$20,0)+IF(Input!$D$21=2,L6199*Input!$C$21,0)+IF(Input!$D$22=2,M6199*Input!$C$22,0)</f>
        <v>0.19081413300862934</v>
      </c>
      <c r="P6199" s="59">
        <f>IF(Input!$D$19=3,J6199*Input!$C$19,0)+IF(Input!$D$20=3,K6199*Input!$C$20,0)+IF(Input!$D$21=3,L6199*Input!$C$21,0)+IF(Input!$D$22=3,M6199*Input!$C$22,0)</f>
        <v>0</v>
      </c>
      <c r="Q6199" s="75">
        <f>IF(Input!$D$19=4,J6199*Input!$C$19,0)+IF(Input!$D$20=4,K6199*Input!$C$20,0)+IF(Input!$D$21=4,L6199*Input!$C$21,0)+IF(Input!$D$22=4,M6199*Input!$C$22,0)</f>
        <v>0</v>
      </c>
      <c r="R6199" s="58">
        <v>40.773748821152942</v>
      </c>
      <c r="S6199" s="124">
        <f t="shared" si="96"/>
        <v>0.33074449721495752</v>
      </c>
    </row>
    <row r="6200" spans="8:19" x14ac:dyDescent="0.3">
      <c r="H6200" s="44">
        <v>6193</v>
      </c>
      <c r="I6200" s="56">
        <f>Bühler!I6226</f>
        <v>9.5497041757297063E-2</v>
      </c>
      <c r="J6200" s="59">
        <f>Bühler!J6226</f>
        <v>0.31832347252432358</v>
      </c>
      <c r="K6200" s="59">
        <f>Bühler!K6226</f>
        <v>0.47748520878648537</v>
      </c>
      <c r="L6200" s="59">
        <f>Bühler!L6226</f>
        <v>6.259848603260207</v>
      </c>
      <c r="M6200" s="58">
        <f>Bühler!M6226</f>
        <v>0</v>
      </c>
      <c r="N6200" s="56">
        <f>IF(Input!$D$19=1,J6200*Input!$C$19,0)+IF(Input!$D$20=1,K6200*Input!$C$20,0)+IF(Input!$D$21=1,L6200*Input!$C$21,0)+IF(Input!$D$22=1,M6200*Input!$C$22,0)</f>
        <v>9.5497041757297077E-2</v>
      </c>
      <c r="O6200" s="59">
        <f>IF(Input!$D$19=2,J6200*Input!$C$19,0)+IF(Input!$D$20=2,K6200*Input!$C$20,0)+IF(Input!$D$21=2,L6200*Input!$C$21,0)+IF(Input!$D$22=2,M6200*Input!$C$22,0)</f>
        <v>0.23874260439324269</v>
      </c>
      <c r="P6200" s="59">
        <f>IF(Input!$D$19=3,J6200*Input!$C$19,0)+IF(Input!$D$20=3,K6200*Input!$C$20,0)+IF(Input!$D$21=3,L6200*Input!$C$21,0)+IF(Input!$D$22=3,M6200*Input!$C$22,0)</f>
        <v>0</v>
      </c>
      <c r="Q6200" s="75">
        <f>IF(Input!$D$19=4,J6200*Input!$C$19,0)+IF(Input!$D$20=4,K6200*Input!$C$20,0)+IF(Input!$D$21=4,L6200*Input!$C$21,0)+IF(Input!$D$22=4,M6200*Input!$C$22,0)</f>
        <v>0</v>
      </c>
      <c r="R6200" s="58">
        <v>40.257858350648995</v>
      </c>
      <c r="S6200" s="124">
        <f t="shared" si="96"/>
        <v>0.41382051428162064</v>
      </c>
    </row>
    <row r="6201" spans="8:19" x14ac:dyDescent="0.3">
      <c r="H6201" s="44">
        <v>6194</v>
      </c>
      <c r="I6201" s="56">
        <f>Bühler!I6227</f>
        <v>0.11089979042782887</v>
      </c>
      <c r="J6201" s="59">
        <f>Bühler!J6227</f>
        <v>0.36966596809276292</v>
      </c>
      <c r="K6201" s="59">
        <f>Bühler!K6227</f>
        <v>0.55449895213914435</v>
      </c>
      <c r="L6201" s="59">
        <f>Bühler!L6227</f>
        <v>7.2695016037860469</v>
      </c>
      <c r="M6201" s="58">
        <f>Bühler!M6227</f>
        <v>0</v>
      </c>
      <c r="N6201" s="56">
        <f>IF(Input!$D$19=1,J6201*Input!$C$19,0)+IF(Input!$D$20=1,K6201*Input!$C$20,0)+IF(Input!$D$21=1,L6201*Input!$C$21,0)+IF(Input!$D$22=1,M6201*Input!$C$22,0)</f>
        <v>0.11089979042782887</v>
      </c>
      <c r="O6201" s="59">
        <f>IF(Input!$D$19=2,J6201*Input!$C$19,0)+IF(Input!$D$20=2,K6201*Input!$C$20,0)+IF(Input!$D$21=2,L6201*Input!$C$21,0)+IF(Input!$D$22=2,M6201*Input!$C$22,0)</f>
        <v>0.27724947606957218</v>
      </c>
      <c r="P6201" s="59">
        <f>IF(Input!$D$19=3,J6201*Input!$C$19,0)+IF(Input!$D$20=3,K6201*Input!$C$20,0)+IF(Input!$D$21=3,L6201*Input!$C$21,0)+IF(Input!$D$22=3,M6201*Input!$C$22,0)</f>
        <v>0</v>
      </c>
      <c r="Q6201" s="75">
        <f>IF(Input!$D$19=4,J6201*Input!$C$19,0)+IF(Input!$D$20=4,K6201*Input!$C$20,0)+IF(Input!$D$21=4,L6201*Input!$C$21,0)+IF(Input!$D$22=4,M6201*Input!$C$22,0)</f>
        <v>0</v>
      </c>
      <c r="R6201" s="58">
        <v>40.081695708834737</v>
      </c>
      <c r="S6201" s="124">
        <f t="shared" si="96"/>
        <v>0.4805657585205918</v>
      </c>
    </row>
    <row r="6202" spans="8:19" x14ac:dyDescent="0.3">
      <c r="H6202" s="44">
        <v>6195</v>
      </c>
      <c r="I6202" s="56">
        <f>Bühler!I6228</f>
        <v>0.11089979042782887</v>
      </c>
      <c r="J6202" s="59">
        <f>Bühler!J6228</f>
        <v>0.36966596809276292</v>
      </c>
      <c r="K6202" s="59">
        <f>Bühler!K6228</f>
        <v>0.55449895213914435</v>
      </c>
      <c r="L6202" s="59">
        <f>Bühler!L6228</f>
        <v>7.2695016037860469</v>
      </c>
      <c r="M6202" s="58">
        <f>Bühler!M6228</f>
        <v>0</v>
      </c>
      <c r="N6202" s="56">
        <f>IF(Input!$D$19=1,J6202*Input!$C$19,0)+IF(Input!$D$20=1,K6202*Input!$C$20,0)+IF(Input!$D$21=1,L6202*Input!$C$21,0)+IF(Input!$D$22=1,M6202*Input!$C$22,0)</f>
        <v>0.11089979042782887</v>
      </c>
      <c r="O6202" s="59">
        <f>IF(Input!$D$19=2,J6202*Input!$C$19,0)+IF(Input!$D$20=2,K6202*Input!$C$20,0)+IF(Input!$D$21=2,L6202*Input!$C$21,0)+IF(Input!$D$22=2,M6202*Input!$C$22,0)</f>
        <v>0.27724947606957218</v>
      </c>
      <c r="P6202" s="59">
        <f>IF(Input!$D$19=3,J6202*Input!$C$19,0)+IF(Input!$D$20=3,K6202*Input!$C$20,0)+IF(Input!$D$21=3,L6202*Input!$C$21,0)+IF(Input!$D$22=3,M6202*Input!$C$22,0)</f>
        <v>0</v>
      </c>
      <c r="Q6202" s="75">
        <f>IF(Input!$D$19=4,J6202*Input!$C$19,0)+IF(Input!$D$20=4,K6202*Input!$C$20,0)+IF(Input!$D$21=4,L6202*Input!$C$21,0)+IF(Input!$D$22=4,M6202*Input!$C$22,0)</f>
        <v>0</v>
      </c>
      <c r="R6202" s="58">
        <v>39.725128561369232</v>
      </c>
      <c r="S6202" s="124">
        <f t="shared" si="96"/>
        <v>0.4805657585205918</v>
      </c>
    </row>
    <row r="6203" spans="8:19" x14ac:dyDescent="0.3">
      <c r="H6203" s="44">
        <v>6196</v>
      </c>
      <c r="I6203" s="56">
        <f>Bühler!I6229</f>
        <v>0.11089979042782887</v>
      </c>
      <c r="J6203" s="59">
        <f>Bühler!J6229</f>
        <v>0.36966596809276292</v>
      </c>
      <c r="K6203" s="59">
        <f>Bühler!K6229</f>
        <v>0.55449895213914435</v>
      </c>
      <c r="L6203" s="59">
        <f>Bühler!L6229</f>
        <v>7.2695016037860469</v>
      </c>
      <c r="M6203" s="58">
        <f>Bühler!M6229</f>
        <v>0</v>
      </c>
      <c r="N6203" s="56">
        <f>IF(Input!$D$19=1,J6203*Input!$C$19,0)+IF(Input!$D$20=1,K6203*Input!$C$20,0)+IF(Input!$D$21=1,L6203*Input!$C$21,0)+IF(Input!$D$22=1,M6203*Input!$C$22,0)</f>
        <v>0.11089979042782887</v>
      </c>
      <c r="O6203" s="59">
        <f>IF(Input!$D$19=2,J6203*Input!$C$19,0)+IF(Input!$D$20=2,K6203*Input!$C$20,0)+IF(Input!$D$21=2,L6203*Input!$C$21,0)+IF(Input!$D$22=2,M6203*Input!$C$22,0)</f>
        <v>0.27724947606957218</v>
      </c>
      <c r="P6203" s="59">
        <f>IF(Input!$D$19=3,J6203*Input!$C$19,0)+IF(Input!$D$20=3,K6203*Input!$C$20,0)+IF(Input!$D$21=3,L6203*Input!$C$21,0)+IF(Input!$D$22=3,M6203*Input!$C$22,0)</f>
        <v>0</v>
      </c>
      <c r="Q6203" s="75">
        <f>IF(Input!$D$19=4,J6203*Input!$C$19,0)+IF(Input!$D$20=4,K6203*Input!$C$20,0)+IF(Input!$D$21=4,L6203*Input!$C$21,0)+IF(Input!$D$22=4,M6203*Input!$C$22,0)</f>
        <v>0</v>
      </c>
      <c r="R6203" s="58">
        <v>39.196039670892162</v>
      </c>
      <c r="S6203" s="124">
        <f t="shared" si="96"/>
        <v>0.4805657585205918</v>
      </c>
    </row>
    <row r="6204" spans="8:19" x14ac:dyDescent="0.3">
      <c r="H6204" s="44">
        <v>6197</v>
      </c>
      <c r="I6204" s="56">
        <f>Bühler!I6230</f>
        <v>0.11089979042782887</v>
      </c>
      <c r="J6204" s="59">
        <f>Bühler!J6230</f>
        <v>0.36966596809276292</v>
      </c>
      <c r="K6204" s="59">
        <f>Bühler!K6230</f>
        <v>0.55449895213914435</v>
      </c>
      <c r="L6204" s="59">
        <f>Bühler!L6230</f>
        <v>7.2695016037860469</v>
      </c>
      <c r="M6204" s="58">
        <f>Bühler!M6230</f>
        <v>0</v>
      </c>
      <c r="N6204" s="56">
        <f>IF(Input!$D$19=1,J6204*Input!$C$19,0)+IF(Input!$D$20=1,K6204*Input!$C$20,0)+IF(Input!$D$21=1,L6204*Input!$C$21,0)+IF(Input!$D$22=1,M6204*Input!$C$22,0)</f>
        <v>0.11089979042782887</v>
      </c>
      <c r="O6204" s="59">
        <f>IF(Input!$D$19=2,J6204*Input!$C$19,0)+IF(Input!$D$20=2,K6204*Input!$C$20,0)+IF(Input!$D$21=2,L6204*Input!$C$21,0)+IF(Input!$D$22=2,M6204*Input!$C$22,0)</f>
        <v>0.27724947606957218</v>
      </c>
      <c r="P6204" s="59">
        <f>IF(Input!$D$19=3,J6204*Input!$C$19,0)+IF(Input!$D$20=3,K6204*Input!$C$20,0)+IF(Input!$D$21=3,L6204*Input!$C$21,0)+IF(Input!$D$22=3,M6204*Input!$C$22,0)</f>
        <v>0</v>
      </c>
      <c r="Q6204" s="75">
        <f>IF(Input!$D$19=4,J6204*Input!$C$19,0)+IF(Input!$D$20=4,K6204*Input!$C$20,0)+IF(Input!$D$21=4,L6204*Input!$C$21,0)+IF(Input!$D$22=4,M6204*Input!$C$22,0)</f>
        <v>0</v>
      </c>
      <c r="R6204" s="58">
        <v>39.294908206289143</v>
      </c>
      <c r="S6204" s="124">
        <f t="shared" si="96"/>
        <v>0.4805657585205918</v>
      </c>
    </row>
    <row r="6205" spans="8:19" x14ac:dyDescent="0.3">
      <c r="H6205" s="44">
        <v>6198</v>
      </c>
      <c r="I6205" s="56">
        <f>Bühler!I6231</f>
        <v>0.13862473803478603</v>
      </c>
      <c r="J6205" s="59">
        <f>Bühler!J6231</f>
        <v>0.4620824601159535</v>
      </c>
      <c r="K6205" s="59">
        <f>Bühler!K6231</f>
        <v>0.69312369017393027</v>
      </c>
      <c r="L6205" s="59">
        <f>Bühler!L6231</f>
        <v>9.0868770047325587</v>
      </c>
      <c r="M6205" s="58">
        <f>Bühler!M6231</f>
        <v>0</v>
      </c>
      <c r="N6205" s="56">
        <f>IF(Input!$D$19=1,J6205*Input!$C$19,0)+IF(Input!$D$20=1,K6205*Input!$C$20,0)+IF(Input!$D$21=1,L6205*Input!$C$21,0)+IF(Input!$D$22=1,M6205*Input!$C$22,0)</f>
        <v>0.13862473803478603</v>
      </c>
      <c r="O6205" s="59">
        <f>IF(Input!$D$19=2,J6205*Input!$C$19,0)+IF(Input!$D$20=2,K6205*Input!$C$20,0)+IF(Input!$D$21=2,L6205*Input!$C$21,0)+IF(Input!$D$22=2,M6205*Input!$C$22,0)</f>
        <v>0.34656184508696514</v>
      </c>
      <c r="P6205" s="59">
        <f>IF(Input!$D$19=3,J6205*Input!$C$19,0)+IF(Input!$D$20=3,K6205*Input!$C$20,0)+IF(Input!$D$21=3,L6205*Input!$C$21,0)+IF(Input!$D$22=3,M6205*Input!$C$22,0)</f>
        <v>0</v>
      </c>
      <c r="Q6205" s="75">
        <f>IF(Input!$D$19=4,J6205*Input!$C$19,0)+IF(Input!$D$20=4,K6205*Input!$C$20,0)+IF(Input!$D$21=4,L6205*Input!$C$21,0)+IF(Input!$D$22=4,M6205*Input!$C$22,0)</f>
        <v>0</v>
      </c>
      <c r="R6205" s="58">
        <v>39.134082902167293</v>
      </c>
      <c r="S6205" s="124">
        <f t="shared" si="96"/>
        <v>0.60070719815073947</v>
      </c>
    </row>
    <row r="6206" spans="8:19" x14ac:dyDescent="0.3">
      <c r="H6206" s="44">
        <v>6199</v>
      </c>
      <c r="I6206" s="56">
        <f>Bühler!I6232</f>
        <v>0.16326913590763692</v>
      </c>
      <c r="J6206" s="59">
        <f>Bühler!J6232</f>
        <v>0.54423045302545647</v>
      </c>
      <c r="K6206" s="59">
        <f>Bühler!K6232</f>
        <v>0.81634567953818471</v>
      </c>
      <c r="L6206" s="59">
        <f>Bühler!L6232</f>
        <v>10.702321805573902</v>
      </c>
      <c r="M6206" s="58">
        <f>Bühler!M6232</f>
        <v>0</v>
      </c>
      <c r="N6206" s="56">
        <f>IF(Input!$D$19=1,J6206*Input!$C$19,0)+IF(Input!$D$20=1,K6206*Input!$C$20,0)+IF(Input!$D$21=1,L6206*Input!$C$21,0)+IF(Input!$D$22=1,M6206*Input!$C$22,0)</f>
        <v>0.16326913590763695</v>
      </c>
      <c r="O6206" s="59">
        <f>IF(Input!$D$19=2,J6206*Input!$C$19,0)+IF(Input!$D$20=2,K6206*Input!$C$20,0)+IF(Input!$D$21=2,L6206*Input!$C$21,0)+IF(Input!$D$22=2,M6206*Input!$C$22,0)</f>
        <v>0.40817283976909235</v>
      </c>
      <c r="P6206" s="59">
        <f>IF(Input!$D$19=3,J6206*Input!$C$19,0)+IF(Input!$D$20=3,K6206*Input!$C$20,0)+IF(Input!$D$21=3,L6206*Input!$C$21,0)+IF(Input!$D$22=3,M6206*Input!$C$22,0)</f>
        <v>0</v>
      </c>
      <c r="Q6206" s="75">
        <f>IF(Input!$D$19=4,J6206*Input!$C$19,0)+IF(Input!$D$20=4,K6206*Input!$C$20,0)+IF(Input!$D$21=4,L6206*Input!$C$21,0)+IF(Input!$D$22=4,M6206*Input!$C$22,0)</f>
        <v>0</v>
      </c>
      <c r="R6206" s="58">
        <v>39.389372829118308</v>
      </c>
      <c r="S6206" s="124">
        <f t="shared" si="96"/>
        <v>0.70749958893309339</v>
      </c>
    </row>
    <row r="6207" spans="8:19" x14ac:dyDescent="0.3">
      <c r="H6207" s="44">
        <v>6200</v>
      </c>
      <c r="I6207" s="56">
        <f>Bühler!I6233</f>
        <v>0.1940746332487005</v>
      </c>
      <c r="J6207" s="59">
        <f>Bühler!J6233</f>
        <v>0.64691544416233504</v>
      </c>
      <c r="K6207" s="59">
        <f>Bühler!K6233</f>
        <v>0.97037316624350256</v>
      </c>
      <c r="L6207" s="59">
        <f>Bühler!L6233</f>
        <v>12.721627806625582</v>
      </c>
      <c r="M6207" s="58">
        <f>Bühler!M6233</f>
        <v>0</v>
      </c>
      <c r="N6207" s="56">
        <f>IF(Input!$D$19=1,J6207*Input!$C$19,0)+IF(Input!$D$20=1,K6207*Input!$C$20,0)+IF(Input!$D$21=1,L6207*Input!$C$21,0)+IF(Input!$D$22=1,M6207*Input!$C$22,0)</f>
        <v>0.1940746332487005</v>
      </c>
      <c r="O6207" s="59">
        <f>IF(Input!$D$19=2,J6207*Input!$C$19,0)+IF(Input!$D$20=2,K6207*Input!$C$20,0)+IF(Input!$D$21=2,L6207*Input!$C$21,0)+IF(Input!$D$22=2,M6207*Input!$C$22,0)</f>
        <v>0.48518658312175128</v>
      </c>
      <c r="P6207" s="59">
        <f>IF(Input!$D$19=3,J6207*Input!$C$19,0)+IF(Input!$D$20=3,K6207*Input!$C$20,0)+IF(Input!$D$21=3,L6207*Input!$C$21,0)+IF(Input!$D$22=3,M6207*Input!$C$22,0)</f>
        <v>0</v>
      </c>
      <c r="Q6207" s="75">
        <f>IF(Input!$D$19=4,J6207*Input!$C$19,0)+IF(Input!$D$20=4,K6207*Input!$C$20,0)+IF(Input!$D$21=4,L6207*Input!$C$21,0)+IF(Input!$D$22=4,M6207*Input!$C$22,0)</f>
        <v>0</v>
      </c>
      <c r="R6207" s="58">
        <v>39.548330218584788</v>
      </c>
      <c r="S6207" s="124">
        <f t="shared" si="96"/>
        <v>0.84099007741103549</v>
      </c>
    </row>
    <row r="6208" spans="8:19" x14ac:dyDescent="0.3">
      <c r="H6208" s="44">
        <v>6201</v>
      </c>
      <c r="I6208" s="56">
        <f>Bühler!I6234</f>
        <v>0.1940746332487005</v>
      </c>
      <c r="J6208" s="59">
        <f>Bühler!J6234</f>
        <v>0.64691544416233504</v>
      </c>
      <c r="K6208" s="59">
        <f>Bühler!K6234</f>
        <v>0.97037316624350256</v>
      </c>
      <c r="L6208" s="59">
        <f>Bühler!L6234</f>
        <v>12.721627806625582</v>
      </c>
      <c r="M6208" s="58">
        <f>Bühler!M6234</f>
        <v>0</v>
      </c>
      <c r="N6208" s="56">
        <f>IF(Input!$D$19=1,J6208*Input!$C$19,0)+IF(Input!$D$20=1,K6208*Input!$C$20,0)+IF(Input!$D$21=1,L6208*Input!$C$21,0)+IF(Input!$D$22=1,M6208*Input!$C$22,0)</f>
        <v>0.1940746332487005</v>
      </c>
      <c r="O6208" s="59">
        <f>IF(Input!$D$19=2,J6208*Input!$C$19,0)+IF(Input!$D$20=2,K6208*Input!$C$20,0)+IF(Input!$D$21=2,L6208*Input!$C$21,0)+IF(Input!$D$22=2,M6208*Input!$C$22,0)</f>
        <v>0.48518658312175128</v>
      </c>
      <c r="P6208" s="59">
        <f>IF(Input!$D$19=3,J6208*Input!$C$19,0)+IF(Input!$D$20=3,K6208*Input!$C$20,0)+IF(Input!$D$21=3,L6208*Input!$C$21,0)+IF(Input!$D$22=3,M6208*Input!$C$22,0)</f>
        <v>0</v>
      </c>
      <c r="Q6208" s="75">
        <f>IF(Input!$D$19=4,J6208*Input!$C$19,0)+IF(Input!$D$20=4,K6208*Input!$C$20,0)+IF(Input!$D$21=4,L6208*Input!$C$21,0)+IF(Input!$D$22=4,M6208*Input!$C$22,0)</f>
        <v>0</v>
      </c>
      <c r="R6208" s="58">
        <v>39.029210424026175</v>
      </c>
      <c r="S6208" s="124">
        <f t="shared" si="96"/>
        <v>0.84099007741103549</v>
      </c>
    </row>
    <row r="6209" spans="8:19" x14ac:dyDescent="0.3">
      <c r="H6209" s="44">
        <v>6202</v>
      </c>
      <c r="I6209" s="56">
        <f>Bühler!I6235</f>
        <v>0.1940746332487005</v>
      </c>
      <c r="J6209" s="59">
        <f>Bühler!J6235</f>
        <v>0.64691544416233504</v>
      </c>
      <c r="K6209" s="59">
        <f>Bühler!K6235</f>
        <v>0.97037316624350256</v>
      </c>
      <c r="L6209" s="59">
        <f>Bühler!L6235</f>
        <v>12.721627806625582</v>
      </c>
      <c r="M6209" s="58">
        <f>Bühler!M6235</f>
        <v>0</v>
      </c>
      <c r="N6209" s="56">
        <f>IF(Input!$D$19=1,J6209*Input!$C$19,0)+IF(Input!$D$20=1,K6209*Input!$C$20,0)+IF(Input!$D$21=1,L6209*Input!$C$21,0)+IF(Input!$D$22=1,M6209*Input!$C$22,0)</f>
        <v>0.1940746332487005</v>
      </c>
      <c r="O6209" s="59">
        <f>IF(Input!$D$19=2,J6209*Input!$C$19,0)+IF(Input!$D$20=2,K6209*Input!$C$20,0)+IF(Input!$D$21=2,L6209*Input!$C$21,0)+IF(Input!$D$22=2,M6209*Input!$C$22,0)</f>
        <v>0.48518658312175128</v>
      </c>
      <c r="P6209" s="59">
        <f>IF(Input!$D$19=3,J6209*Input!$C$19,0)+IF(Input!$D$20=3,K6209*Input!$C$20,0)+IF(Input!$D$21=3,L6209*Input!$C$21,0)+IF(Input!$D$22=3,M6209*Input!$C$22,0)</f>
        <v>0</v>
      </c>
      <c r="Q6209" s="75">
        <f>IF(Input!$D$19=4,J6209*Input!$C$19,0)+IF(Input!$D$20=4,K6209*Input!$C$20,0)+IF(Input!$D$21=4,L6209*Input!$C$21,0)+IF(Input!$D$22=4,M6209*Input!$C$22,0)</f>
        <v>0</v>
      </c>
      <c r="R6209" s="58">
        <v>39.261335502554417</v>
      </c>
      <c r="S6209" s="124">
        <f t="shared" si="96"/>
        <v>0.84099007741103549</v>
      </c>
    </row>
    <row r="6210" spans="8:19" x14ac:dyDescent="0.3">
      <c r="H6210" s="44">
        <v>6203</v>
      </c>
      <c r="I6210" s="56">
        <f>Bühler!I6236</f>
        <v>0.1940746332487005</v>
      </c>
      <c r="J6210" s="59">
        <f>Bühler!J6236</f>
        <v>0.64691544416233504</v>
      </c>
      <c r="K6210" s="59">
        <f>Bühler!K6236</f>
        <v>0.97037316624350256</v>
      </c>
      <c r="L6210" s="59">
        <f>Bühler!L6236</f>
        <v>12.721627806625582</v>
      </c>
      <c r="M6210" s="58">
        <f>Bühler!M6236</f>
        <v>0</v>
      </c>
      <c r="N6210" s="56">
        <f>IF(Input!$D$19=1,J6210*Input!$C$19,0)+IF(Input!$D$20=1,K6210*Input!$C$20,0)+IF(Input!$D$21=1,L6210*Input!$C$21,0)+IF(Input!$D$22=1,M6210*Input!$C$22,0)</f>
        <v>0.1940746332487005</v>
      </c>
      <c r="O6210" s="59">
        <f>IF(Input!$D$19=2,J6210*Input!$C$19,0)+IF(Input!$D$20=2,K6210*Input!$C$20,0)+IF(Input!$D$21=2,L6210*Input!$C$21,0)+IF(Input!$D$22=2,M6210*Input!$C$22,0)</f>
        <v>0.48518658312175128</v>
      </c>
      <c r="P6210" s="59">
        <f>IF(Input!$D$19=3,J6210*Input!$C$19,0)+IF(Input!$D$20=3,K6210*Input!$C$20,0)+IF(Input!$D$21=3,L6210*Input!$C$21,0)+IF(Input!$D$22=3,M6210*Input!$C$22,0)</f>
        <v>0</v>
      </c>
      <c r="Q6210" s="75">
        <f>IF(Input!$D$19=4,J6210*Input!$C$19,0)+IF(Input!$D$20=4,K6210*Input!$C$20,0)+IF(Input!$D$21=4,L6210*Input!$C$21,0)+IF(Input!$D$22=4,M6210*Input!$C$22,0)</f>
        <v>0</v>
      </c>
      <c r="R6210" s="58">
        <v>39.379528300071016</v>
      </c>
      <c r="S6210" s="124">
        <f t="shared" si="96"/>
        <v>0.84099007741103549</v>
      </c>
    </row>
    <row r="6211" spans="8:19" x14ac:dyDescent="0.3">
      <c r="H6211" s="44">
        <v>6204</v>
      </c>
      <c r="I6211" s="56">
        <f>Bühler!I6237</f>
        <v>0.1940746332487005</v>
      </c>
      <c r="J6211" s="59">
        <f>Bühler!J6237</f>
        <v>0.64691544416233504</v>
      </c>
      <c r="K6211" s="59">
        <f>Bühler!K6237</f>
        <v>0.97037316624350256</v>
      </c>
      <c r="L6211" s="59">
        <f>Bühler!L6237</f>
        <v>12.721627806625582</v>
      </c>
      <c r="M6211" s="58">
        <f>Bühler!M6237</f>
        <v>0</v>
      </c>
      <c r="N6211" s="56">
        <f>IF(Input!$D$19=1,J6211*Input!$C$19,0)+IF(Input!$D$20=1,K6211*Input!$C$20,0)+IF(Input!$D$21=1,L6211*Input!$C$21,0)+IF(Input!$D$22=1,M6211*Input!$C$22,0)</f>
        <v>0.1940746332487005</v>
      </c>
      <c r="O6211" s="59">
        <f>IF(Input!$D$19=2,J6211*Input!$C$19,0)+IF(Input!$D$20=2,K6211*Input!$C$20,0)+IF(Input!$D$21=2,L6211*Input!$C$21,0)+IF(Input!$D$22=2,M6211*Input!$C$22,0)</f>
        <v>0.48518658312175128</v>
      </c>
      <c r="P6211" s="59">
        <f>IF(Input!$D$19=3,J6211*Input!$C$19,0)+IF(Input!$D$20=3,K6211*Input!$C$20,0)+IF(Input!$D$21=3,L6211*Input!$C$21,0)+IF(Input!$D$22=3,M6211*Input!$C$22,0)</f>
        <v>0</v>
      </c>
      <c r="Q6211" s="75">
        <f>IF(Input!$D$19=4,J6211*Input!$C$19,0)+IF(Input!$D$20=4,K6211*Input!$C$20,0)+IF(Input!$D$21=4,L6211*Input!$C$21,0)+IF(Input!$D$22=4,M6211*Input!$C$22,0)</f>
        <v>0</v>
      </c>
      <c r="R6211" s="58">
        <v>39.848548675928349</v>
      </c>
      <c r="S6211" s="124">
        <f t="shared" si="96"/>
        <v>0.84099007741103549</v>
      </c>
    </row>
    <row r="6212" spans="8:19" x14ac:dyDescent="0.3">
      <c r="H6212" s="44">
        <v>6205</v>
      </c>
      <c r="I6212" s="56">
        <f>Bühler!I6238</f>
        <v>0.1940746332487005</v>
      </c>
      <c r="J6212" s="59">
        <f>Bühler!J6238</f>
        <v>0.64691544416233504</v>
      </c>
      <c r="K6212" s="59">
        <f>Bühler!K6238</f>
        <v>0.97037316624350256</v>
      </c>
      <c r="L6212" s="59">
        <f>Bühler!L6238</f>
        <v>12.721627806625582</v>
      </c>
      <c r="M6212" s="58">
        <f>Bühler!M6238</f>
        <v>0</v>
      </c>
      <c r="N6212" s="56">
        <f>IF(Input!$D$19=1,J6212*Input!$C$19,0)+IF(Input!$D$20=1,K6212*Input!$C$20,0)+IF(Input!$D$21=1,L6212*Input!$C$21,0)+IF(Input!$D$22=1,M6212*Input!$C$22,0)</f>
        <v>0.1940746332487005</v>
      </c>
      <c r="O6212" s="59">
        <f>IF(Input!$D$19=2,J6212*Input!$C$19,0)+IF(Input!$D$20=2,K6212*Input!$C$20,0)+IF(Input!$D$21=2,L6212*Input!$C$21,0)+IF(Input!$D$22=2,M6212*Input!$C$22,0)</f>
        <v>0.48518658312175128</v>
      </c>
      <c r="P6212" s="59">
        <f>IF(Input!$D$19=3,J6212*Input!$C$19,0)+IF(Input!$D$20=3,K6212*Input!$C$20,0)+IF(Input!$D$21=3,L6212*Input!$C$21,0)+IF(Input!$D$22=3,M6212*Input!$C$22,0)</f>
        <v>0</v>
      </c>
      <c r="Q6212" s="75">
        <f>IF(Input!$D$19=4,J6212*Input!$C$19,0)+IF(Input!$D$20=4,K6212*Input!$C$20,0)+IF(Input!$D$21=4,L6212*Input!$C$21,0)+IF(Input!$D$22=4,M6212*Input!$C$22,0)</f>
        <v>0</v>
      </c>
      <c r="R6212" s="58">
        <v>39.456522924271951</v>
      </c>
      <c r="S6212" s="124">
        <f t="shared" si="96"/>
        <v>0.84099007741103549</v>
      </c>
    </row>
    <row r="6213" spans="8:19" x14ac:dyDescent="0.3">
      <c r="H6213" s="44">
        <v>6206</v>
      </c>
      <c r="I6213" s="56">
        <f>Bühler!I6239</f>
        <v>0.1940746332487005</v>
      </c>
      <c r="J6213" s="59">
        <f>Bühler!J6239</f>
        <v>0.64691544416233504</v>
      </c>
      <c r="K6213" s="59">
        <f>Bühler!K6239</f>
        <v>0.97037316624350256</v>
      </c>
      <c r="L6213" s="59">
        <f>Bühler!L6239</f>
        <v>12.721627806625582</v>
      </c>
      <c r="M6213" s="58">
        <f>Bühler!M6239</f>
        <v>0</v>
      </c>
      <c r="N6213" s="56">
        <f>IF(Input!$D$19=1,J6213*Input!$C$19,0)+IF(Input!$D$20=1,K6213*Input!$C$20,0)+IF(Input!$D$21=1,L6213*Input!$C$21,0)+IF(Input!$D$22=1,M6213*Input!$C$22,0)</f>
        <v>0.1940746332487005</v>
      </c>
      <c r="O6213" s="59">
        <f>IF(Input!$D$19=2,J6213*Input!$C$19,0)+IF(Input!$D$20=2,K6213*Input!$C$20,0)+IF(Input!$D$21=2,L6213*Input!$C$21,0)+IF(Input!$D$22=2,M6213*Input!$C$22,0)</f>
        <v>0.48518658312175128</v>
      </c>
      <c r="P6213" s="59">
        <f>IF(Input!$D$19=3,J6213*Input!$C$19,0)+IF(Input!$D$20=3,K6213*Input!$C$20,0)+IF(Input!$D$21=3,L6213*Input!$C$21,0)+IF(Input!$D$22=3,M6213*Input!$C$22,0)</f>
        <v>0</v>
      </c>
      <c r="Q6213" s="75">
        <f>IF(Input!$D$19=4,J6213*Input!$C$19,0)+IF(Input!$D$20=4,K6213*Input!$C$20,0)+IF(Input!$D$21=4,L6213*Input!$C$21,0)+IF(Input!$D$22=4,M6213*Input!$C$22,0)</f>
        <v>0</v>
      </c>
      <c r="R6213" s="58">
        <v>39.530274141751953</v>
      </c>
      <c r="S6213" s="124">
        <f t="shared" si="96"/>
        <v>0.84099007741103549</v>
      </c>
    </row>
    <row r="6214" spans="8:19" x14ac:dyDescent="0.3">
      <c r="H6214" s="44">
        <v>6207</v>
      </c>
      <c r="I6214" s="56">
        <f>Bühler!I6240</f>
        <v>0.1940746332487005</v>
      </c>
      <c r="J6214" s="59">
        <f>Bühler!J6240</f>
        <v>0.64691544416233504</v>
      </c>
      <c r="K6214" s="59">
        <f>Bühler!K6240</f>
        <v>0.97037316624350256</v>
      </c>
      <c r="L6214" s="59">
        <f>Bühler!L6240</f>
        <v>12.721627806625582</v>
      </c>
      <c r="M6214" s="58">
        <f>Bühler!M6240</f>
        <v>0</v>
      </c>
      <c r="N6214" s="56">
        <f>IF(Input!$D$19=1,J6214*Input!$C$19,0)+IF(Input!$D$20=1,K6214*Input!$C$20,0)+IF(Input!$D$21=1,L6214*Input!$C$21,0)+IF(Input!$D$22=1,M6214*Input!$C$22,0)</f>
        <v>0.1940746332487005</v>
      </c>
      <c r="O6214" s="59">
        <f>IF(Input!$D$19=2,J6214*Input!$C$19,0)+IF(Input!$D$20=2,K6214*Input!$C$20,0)+IF(Input!$D$21=2,L6214*Input!$C$21,0)+IF(Input!$D$22=2,M6214*Input!$C$22,0)</f>
        <v>0.48518658312175128</v>
      </c>
      <c r="P6214" s="59">
        <f>IF(Input!$D$19=3,J6214*Input!$C$19,0)+IF(Input!$D$20=3,K6214*Input!$C$20,0)+IF(Input!$D$21=3,L6214*Input!$C$21,0)+IF(Input!$D$22=3,M6214*Input!$C$22,0)</f>
        <v>0</v>
      </c>
      <c r="Q6214" s="75">
        <f>IF(Input!$D$19=4,J6214*Input!$C$19,0)+IF(Input!$D$20=4,K6214*Input!$C$20,0)+IF(Input!$D$21=4,L6214*Input!$C$21,0)+IF(Input!$D$22=4,M6214*Input!$C$22,0)</f>
        <v>0</v>
      </c>
      <c r="R6214" s="58">
        <v>39.422358022845302</v>
      </c>
      <c r="S6214" s="124">
        <f t="shared" si="96"/>
        <v>0.84099007741103549</v>
      </c>
    </row>
    <row r="6215" spans="8:19" x14ac:dyDescent="0.3">
      <c r="H6215" s="44">
        <v>6208</v>
      </c>
      <c r="I6215" s="56">
        <f>Bühler!I6241</f>
        <v>0.17251078510995599</v>
      </c>
      <c r="J6215" s="59">
        <f>Bühler!J6241</f>
        <v>0.57503595036652</v>
      </c>
      <c r="K6215" s="59">
        <f>Bühler!K6241</f>
        <v>0.86255392554978005</v>
      </c>
      <c r="L6215" s="59">
        <f>Bühler!L6241</f>
        <v>11.308113605889407</v>
      </c>
      <c r="M6215" s="58">
        <f>Bühler!M6241</f>
        <v>0</v>
      </c>
      <c r="N6215" s="56">
        <f>IF(Input!$D$19=1,J6215*Input!$C$19,0)+IF(Input!$D$20=1,K6215*Input!$C$20,0)+IF(Input!$D$21=1,L6215*Input!$C$21,0)+IF(Input!$D$22=1,M6215*Input!$C$22,0)</f>
        <v>0.17251078510995599</v>
      </c>
      <c r="O6215" s="59">
        <f>IF(Input!$D$19=2,J6215*Input!$C$19,0)+IF(Input!$D$20=2,K6215*Input!$C$20,0)+IF(Input!$D$21=2,L6215*Input!$C$21,0)+IF(Input!$D$22=2,M6215*Input!$C$22,0)</f>
        <v>0.43127696277489003</v>
      </c>
      <c r="P6215" s="59">
        <f>IF(Input!$D$19=3,J6215*Input!$C$19,0)+IF(Input!$D$20=3,K6215*Input!$C$20,0)+IF(Input!$D$21=3,L6215*Input!$C$21,0)+IF(Input!$D$22=3,M6215*Input!$C$22,0)</f>
        <v>0</v>
      </c>
      <c r="Q6215" s="75">
        <f>IF(Input!$D$19=4,J6215*Input!$C$19,0)+IF(Input!$D$20=4,K6215*Input!$C$20,0)+IF(Input!$D$21=4,L6215*Input!$C$21,0)+IF(Input!$D$22=4,M6215*Input!$C$22,0)</f>
        <v>0</v>
      </c>
      <c r="R6215" s="58">
        <v>39.255767239846399</v>
      </c>
      <c r="S6215" s="124">
        <f t="shared" si="96"/>
        <v>0.74754673547647599</v>
      </c>
    </row>
    <row r="6216" spans="8:19" x14ac:dyDescent="0.3">
      <c r="H6216" s="44">
        <v>6209</v>
      </c>
      <c r="I6216" s="56">
        <f>Bühler!I6242</f>
        <v>0.16943023537584964</v>
      </c>
      <c r="J6216" s="59">
        <f>Bühler!J6242</f>
        <v>0.56476745125283212</v>
      </c>
      <c r="K6216" s="59">
        <f>Bühler!K6242</f>
        <v>0.84715117687924824</v>
      </c>
      <c r="L6216" s="59">
        <f>Bühler!L6242</f>
        <v>11.106183005784239</v>
      </c>
      <c r="M6216" s="58">
        <f>Bühler!M6242</f>
        <v>0</v>
      </c>
      <c r="N6216" s="56">
        <f>IF(Input!$D$19=1,J6216*Input!$C$19,0)+IF(Input!$D$20=1,K6216*Input!$C$20,0)+IF(Input!$D$21=1,L6216*Input!$C$21,0)+IF(Input!$D$22=1,M6216*Input!$C$22,0)</f>
        <v>0.16943023537584964</v>
      </c>
      <c r="O6216" s="59">
        <f>IF(Input!$D$19=2,J6216*Input!$C$19,0)+IF(Input!$D$20=2,K6216*Input!$C$20,0)+IF(Input!$D$21=2,L6216*Input!$C$21,0)+IF(Input!$D$22=2,M6216*Input!$C$22,0)</f>
        <v>0.42357558843962412</v>
      </c>
      <c r="P6216" s="59">
        <f>IF(Input!$D$19=3,J6216*Input!$C$19,0)+IF(Input!$D$20=3,K6216*Input!$C$20,0)+IF(Input!$D$21=3,L6216*Input!$C$21,0)+IF(Input!$D$22=3,M6216*Input!$C$22,0)</f>
        <v>0</v>
      </c>
      <c r="Q6216" s="75">
        <f>IF(Input!$D$19=4,J6216*Input!$C$19,0)+IF(Input!$D$20=4,K6216*Input!$C$20,0)+IF(Input!$D$21=4,L6216*Input!$C$21,0)+IF(Input!$D$22=4,M6216*Input!$C$22,0)</f>
        <v>0</v>
      </c>
      <c r="R6216" s="58">
        <v>39.449432301803292</v>
      </c>
      <c r="S6216" s="124">
        <f t="shared" si="96"/>
        <v>0.73419768662868179</v>
      </c>
    </row>
    <row r="6217" spans="8:19" x14ac:dyDescent="0.3">
      <c r="H6217" s="44">
        <v>6210</v>
      </c>
      <c r="I6217" s="56">
        <f>Bühler!I6243</f>
        <v>0.14478583750299878</v>
      </c>
      <c r="J6217" s="59">
        <f>Bühler!J6243</f>
        <v>0.48261945834332937</v>
      </c>
      <c r="K6217" s="59">
        <f>Bühler!K6243</f>
        <v>0.72392918751499402</v>
      </c>
      <c r="L6217" s="59">
        <f>Bühler!L6243</f>
        <v>9.490738204942895</v>
      </c>
      <c r="M6217" s="58">
        <f>Bühler!M6243</f>
        <v>0</v>
      </c>
      <c r="N6217" s="56">
        <f>IF(Input!$D$19=1,J6217*Input!$C$19,0)+IF(Input!$D$20=1,K6217*Input!$C$20,0)+IF(Input!$D$21=1,L6217*Input!$C$21,0)+IF(Input!$D$22=1,M6217*Input!$C$22,0)</f>
        <v>0.14478583750299881</v>
      </c>
      <c r="O6217" s="59">
        <f>IF(Input!$D$19=2,J6217*Input!$C$19,0)+IF(Input!$D$20=2,K6217*Input!$C$20,0)+IF(Input!$D$21=2,L6217*Input!$C$21,0)+IF(Input!$D$22=2,M6217*Input!$C$22,0)</f>
        <v>0.36196459375749701</v>
      </c>
      <c r="P6217" s="59">
        <f>IF(Input!$D$19=3,J6217*Input!$C$19,0)+IF(Input!$D$20=3,K6217*Input!$C$20,0)+IF(Input!$D$21=3,L6217*Input!$C$21,0)+IF(Input!$D$22=3,M6217*Input!$C$22,0)</f>
        <v>0</v>
      </c>
      <c r="Q6217" s="75">
        <f>IF(Input!$D$19=4,J6217*Input!$C$19,0)+IF(Input!$D$20=4,K6217*Input!$C$20,0)+IF(Input!$D$21=4,L6217*Input!$C$21,0)+IF(Input!$D$22=4,M6217*Input!$C$22,0)</f>
        <v>0</v>
      </c>
      <c r="R6217" s="58">
        <v>39.22595880534729</v>
      </c>
      <c r="S6217" s="124">
        <f t="shared" ref="S6217:S6280" si="97">I6217+J6217</f>
        <v>0.62740529584632809</v>
      </c>
    </row>
    <row r="6218" spans="8:19" x14ac:dyDescent="0.3">
      <c r="H6218" s="44">
        <v>6211</v>
      </c>
      <c r="I6218" s="56">
        <f>Bühler!I6244</f>
        <v>0.13554418830067971</v>
      </c>
      <c r="J6218" s="59">
        <f>Bühler!J6244</f>
        <v>0.45181396100226578</v>
      </c>
      <c r="K6218" s="59">
        <f>Bühler!K6244</f>
        <v>0.67772094150339868</v>
      </c>
      <c r="L6218" s="59">
        <f>Bühler!L6244</f>
        <v>8.8849464046273905</v>
      </c>
      <c r="M6218" s="58">
        <f>Bühler!M6244</f>
        <v>0</v>
      </c>
      <c r="N6218" s="56">
        <f>IF(Input!$D$19=1,J6218*Input!$C$19,0)+IF(Input!$D$20=1,K6218*Input!$C$20,0)+IF(Input!$D$21=1,L6218*Input!$C$21,0)+IF(Input!$D$22=1,M6218*Input!$C$22,0)</f>
        <v>0.13554418830067974</v>
      </c>
      <c r="O6218" s="59">
        <f>IF(Input!$D$19=2,J6218*Input!$C$19,0)+IF(Input!$D$20=2,K6218*Input!$C$20,0)+IF(Input!$D$21=2,L6218*Input!$C$21,0)+IF(Input!$D$22=2,M6218*Input!$C$22,0)</f>
        <v>0.33886047075169934</v>
      </c>
      <c r="P6218" s="59">
        <f>IF(Input!$D$19=3,J6218*Input!$C$19,0)+IF(Input!$D$20=3,K6218*Input!$C$20,0)+IF(Input!$D$21=3,L6218*Input!$C$21,0)+IF(Input!$D$22=3,M6218*Input!$C$22,0)</f>
        <v>0</v>
      </c>
      <c r="Q6218" s="75">
        <f>IF(Input!$D$19=4,J6218*Input!$C$19,0)+IF(Input!$D$20=4,K6218*Input!$C$20,0)+IF(Input!$D$21=4,L6218*Input!$C$21,0)+IF(Input!$D$22=4,M6218*Input!$C$22,0)</f>
        <v>0</v>
      </c>
      <c r="R6218" s="58">
        <v>38.989935986073689</v>
      </c>
      <c r="S6218" s="124">
        <f t="shared" si="97"/>
        <v>0.5873581493029455</v>
      </c>
    </row>
    <row r="6219" spans="8:19" x14ac:dyDescent="0.3">
      <c r="H6219" s="44">
        <v>6212</v>
      </c>
      <c r="I6219" s="56">
        <f>Bühler!I6245</f>
        <v>0.11398034016193521</v>
      </c>
      <c r="J6219" s="59">
        <f>Bühler!J6245</f>
        <v>0.3799344672064508</v>
      </c>
      <c r="K6219" s="59">
        <f>Bühler!K6245</f>
        <v>0.56990170080967617</v>
      </c>
      <c r="L6219" s="59">
        <f>Bühler!L6245</f>
        <v>7.4714322038912151</v>
      </c>
      <c r="M6219" s="58">
        <f>Bühler!M6245</f>
        <v>0</v>
      </c>
      <c r="N6219" s="56">
        <f>IF(Input!$D$19=1,J6219*Input!$C$19,0)+IF(Input!$D$20=1,K6219*Input!$C$20,0)+IF(Input!$D$21=1,L6219*Input!$C$21,0)+IF(Input!$D$22=1,M6219*Input!$C$22,0)</f>
        <v>0.11398034016193523</v>
      </c>
      <c r="O6219" s="59">
        <f>IF(Input!$D$19=2,J6219*Input!$C$19,0)+IF(Input!$D$20=2,K6219*Input!$C$20,0)+IF(Input!$D$21=2,L6219*Input!$C$21,0)+IF(Input!$D$22=2,M6219*Input!$C$22,0)</f>
        <v>0.28495085040483809</v>
      </c>
      <c r="P6219" s="59">
        <f>IF(Input!$D$19=3,J6219*Input!$C$19,0)+IF(Input!$D$20=3,K6219*Input!$C$20,0)+IF(Input!$D$21=3,L6219*Input!$C$21,0)+IF(Input!$D$22=3,M6219*Input!$C$22,0)</f>
        <v>0</v>
      </c>
      <c r="Q6219" s="75">
        <f>IF(Input!$D$19=4,J6219*Input!$C$19,0)+IF(Input!$D$20=4,K6219*Input!$C$20,0)+IF(Input!$D$21=4,L6219*Input!$C$21,0)+IF(Input!$D$22=4,M6219*Input!$C$22,0)</f>
        <v>0</v>
      </c>
      <c r="R6219" s="58">
        <v>39.357034555421528</v>
      </c>
      <c r="S6219" s="124">
        <f t="shared" si="97"/>
        <v>0.493914807368386</v>
      </c>
    </row>
    <row r="6220" spans="8:19" x14ac:dyDescent="0.3">
      <c r="H6220" s="44">
        <v>6213</v>
      </c>
      <c r="I6220" s="56">
        <f>Bühler!I6246</f>
        <v>9.5497041757297063E-2</v>
      </c>
      <c r="J6220" s="59">
        <f>Bühler!J6246</f>
        <v>0.31832347252432358</v>
      </c>
      <c r="K6220" s="59">
        <f>Bühler!K6246</f>
        <v>0.47748520878648537</v>
      </c>
      <c r="L6220" s="59">
        <f>Bühler!L6246</f>
        <v>6.259848603260207</v>
      </c>
      <c r="M6220" s="58">
        <f>Bühler!M6246</f>
        <v>0</v>
      </c>
      <c r="N6220" s="56">
        <f>IF(Input!$D$19=1,J6220*Input!$C$19,0)+IF(Input!$D$20=1,K6220*Input!$C$20,0)+IF(Input!$D$21=1,L6220*Input!$C$21,0)+IF(Input!$D$22=1,M6220*Input!$C$22,0)</f>
        <v>9.5497041757297077E-2</v>
      </c>
      <c r="O6220" s="59">
        <f>IF(Input!$D$19=2,J6220*Input!$C$19,0)+IF(Input!$D$20=2,K6220*Input!$C$20,0)+IF(Input!$D$21=2,L6220*Input!$C$21,0)+IF(Input!$D$22=2,M6220*Input!$C$22,0)</f>
        <v>0.23874260439324269</v>
      </c>
      <c r="P6220" s="59">
        <f>IF(Input!$D$19=3,J6220*Input!$C$19,0)+IF(Input!$D$20=3,K6220*Input!$C$20,0)+IF(Input!$D$21=3,L6220*Input!$C$21,0)+IF(Input!$D$22=3,M6220*Input!$C$22,0)</f>
        <v>0</v>
      </c>
      <c r="Q6220" s="75">
        <f>IF(Input!$D$19=4,J6220*Input!$C$19,0)+IF(Input!$D$20=4,K6220*Input!$C$20,0)+IF(Input!$D$21=4,L6220*Input!$C$21,0)+IF(Input!$D$22=4,M6220*Input!$C$22,0)</f>
        <v>0</v>
      </c>
      <c r="R6220" s="58">
        <v>39.473199880497063</v>
      </c>
      <c r="S6220" s="124">
        <f t="shared" si="97"/>
        <v>0.41382051428162064</v>
      </c>
    </row>
    <row r="6221" spans="8:19" x14ac:dyDescent="0.3">
      <c r="H6221" s="44">
        <v>6214</v>
      </c>
      <c r="I6221" s="56">
        <f>Bühler!I6247</f>
        <v>8.3174842820871633E-2</v>
      </c>
      <c r="J6221" s="59">
        <f>Bühler!J6247</f>
        <v>0.27724947606957218</v>
      </c>
      <c r="K6221" s="59">
        <f>Bühler!K6247</f>
        <v>0.41587421410435826</v>
      </c>
      <c r="L6221" s="59">
        <f>Bühler!L6247</f>
        <v>5.4521262028395352</v>
      </c>
      <c r="M6221" s="58">
        <f>Bühler!M6247</f>
        <v>0</v>
      </c>
      <c r="N6221" s="56">
        <f>IF(Input!$D$19=1,J6221*Input!$C$19,0)+IF(Input!$D$20=1,K6221*Input!$C$20,0)+IF(Input!$D$21=1,L6221*Input!$C$21,0)+IF(Input!$D$22=1,M6221*Input!$C$22,0)</f>
        <v>8.3174842820871647E-2</v>
      </c>
      <c r="O6221" s="59">
        <f>IF(Input!$D$19=2,J6221*Input!$C$19,0)+IF(Input!$D$20=2,K6221*Input!$C$20,0)+IF(Input!$D$21=2,L6221*Input!$C$21,0)+IF(Input!$D$22=2,M6221*Input!$C$22,0)</f>
        <v>0.20793710705217913</v>
      </c>
      <c r="P6221" s="59">
        <f>IF(Input!$D$19=3,J6221*Input!$C$19,0)+IF(Input!$D$20=3,K6221*Input!$C$20,0)+IF(Input!$D$21=3,L6221*Input!$C$21,0)+IF(Input!$D$22=3,M6221*Input!$C$22,0)</f>
        <v>0</v>
      </c>
      <c r="Q6221" s="75">
        <f>IF(Input!$D$19=4,J6221*Input!$C$19,0)+IF(Input!$D$20=4,K6221*Input!$C$20,0)+IF(Input!$D$21=4,L6221*Input!$C$21,0)+IF(Input!$D$22=4,M6221*Input!$C$22,0)</f>
        <v>0</v>
      </c>
      <c r="R6221" s="58">
        <v>40.114858642285654</v>
      </c>
      <c r="S6221" s="124">
        <f t="shared" si="97"/>
        <v>0.3604243188904438</v>
      </c>
    </row>
    <row r="6222" spans="8:19" x14ac:dyDescent="0.3">
      <c r="H6222" s="44">
        <v>6215</v>
      </c>
      <c r="I6222" s="56">
        <f>Bühler!I6248</f>
        <v>8.3174842820871633E-2</v>
      </c>
      <c r="J6222" s="59">
        <f>Bühler!J6248</f>
        <v>0.27724947606957218</v>
      </c>
      <c r="K6222" s="59">
        <f>Bühler!K6248</f>
        <v>0.41587421410435826</v>
      </c>
      <c r="L6222" s="59">
        <f>Bühler!L6248</f>
        <v>5.4521262028395352</v>
      </c>
      <c r="M6222" s="58">
        <f>Bühler!M6248</f>
        <v>0</v>
      </c>
      <c r="N6222" s="56">
        <f>IF(Input!$D$19=1,J6222*Input!$C$19,0)+IF(Input!$D$20=1,K6222*Input!$C$20,0)+IF(Input!$D$21=1,L6222*Input!$C$21,0)+IF(Input!$D$22=1,M6222*Input!$C$22,0)</f>
        <v>8.3174842820871647E-2</v>
      </c>
      <c r="O6222" s="59">
        <f>IF(Input!$D$19=2,J6222*Input!$C$19,0)+IF(Input!$D$20=2,K6222*Input!$C$20,0)+IF(Input!$D$21=2,L6222*Input!$C$21,0)+IF(Input!$D$22=2,M6222*Input!$C$22,0)</f>
        <v>0.20793710705217913</v>
      </c>
      <c r="P6222" s="59">
        <f>IF(Input!$D$19=3,J6222*Input!$C$19,0)+IF(Input!$D$20=3,K6222*Input!$C$20,0)+IF(Input!$D$21=3,L6222*Input!$C$21,0)+IF(Input!$D$22=3,M6222*Input!$C$22,0)</f>
        <v>0</v>
      </c>
      <c r="Q6222" s="75">
        <f>IF(Input!$D$19=4,J6222*Input!$C$19,0)+IF(Input!$D$20=4,K6222*Input!$C$20,0)+IF(Input!$D$21=4,L6222*Input!$C$21,0)+IF(Input!$D$22=4,M6222*Input!$C$22,0)</f>
        <v>0</v>
      </c>
      <c r="R6222" s="58">
        <v>40.14571758877026</v>
      </c>
      <c r="S6222" s="124">
        <f t="shared" si="97"/>
        <v>0.3604243188904438</v>
      </c>
    </row>
    <row r="6223" spans="8:19" x14ac:dyDescent="0.3">
      <c r="H6223" s="44">
        <v>6216</v>
      </c>
      <c r="I6223" s="56">
        <f>Bühler!I6249</f>
        <v>8.3174842820871633E-2</v>
      </c>
      <c r="J6223" s="59">
        <f>Bühler!J6249</f>
        <v>0.27724947606957218</v>
      </c>
      <c r="K6223" s="59">
        <f>Bühler!K6249</f>
        <v>0.41587421410435826</v>
      </c>
      <c r="L6223" s="59">
        <f>Bühler!L6249</f>
        <v>5.4521262028395352</v>
      </c>
      <c r="M6223" s="58">
        <f>Bühler!M6249</f>
        <v>0</v>
      </c>
      <c r="N6223" s="56">
        <f>IF(Input!$D$19=1,J6223*Input!$C$19,0)+IF(Input!$D$20=1,K6223*Input!$C$20,0)+IF(Input!$D$21=1,L6223*Input!$C$21,0)+IF(Input!$D$22=1,M6223*Input!$C$22,0)</f>
        <v>8.3174842820871647E-2</v>
      </c>
      <c r="O6223" s="59">
        <f>IF(Input!$D$19=2,J6223*Input!$C$19,0)+IF(Input!$D$20=2,K6223*Input!$C$20,0)+IF(Input!$D$21=2,L6223*Input!$C$21,0)+IF(Input!$D$22=2,M6223*Input!$C$22,0)</f>
        <v>0.20793710705217913</v>
      </c>
      <c r="P6223" s="59">
        <f>IF(Input!$D$19=3,J6223*Input!$C$19,0)+IF(Input!$D$20=3,K6223*Input!$C$20,0)+IF(Input!$D$21=3,L6223*Input!$C$21,0)+IF(Input!$D$22=3,M6223*Input!$C$22,0)</f>
        <v>0</v>
      </c>
      <c r="Q6223" s="75">
        <f>IF(Input!$D$19=4,J6223*Input!$C$19,0)+IF(Input!$D$20=4,K6223*Input!$C$20,0)+IF(Input!$D$21=4,L6223*Input!$C$21,0)+IF(Input!$D$22=4,M6223*Input!$C$22,0)</f>
        <v>0</v>
      </c>
      <c r="R6223" s="58">
        <v>40.279143810377732</v>
      </c>
      <c r="S6223" s="124">
        <f t="shared" si="97"/>
        <v>0.3604243188904438</v>
      </c>
    </row>
    <row r="6224" spans="8:19" x14ac:dyDescent="0.3">
      <c r="H6224" s="44">
        <v>6217</v>
      </c>
      <c r="I6224" s="56">
        <f>Bühler!I6250</f>
        <v>7.3567289675200015E-2</v>
      </c>
      <c r="J6224" s="59">
        <f>Bühler!J6250</f>
        <v>0.24522429891733341</v>
      </c>
      <c r="K6224" s="59">
        <f>Bühler!K6250</f>
        <v>0.3678364483760001</v>
      </c>
      <c r="L6224" s="59">
        <f>Bühler!L6250</f>
        <v>1.7656149522048004</v>
      </c>
      <c r="M6224" s="58">
        <f>Bühler!M6250</f>
        <v>0</v>
      </c>
      <c r="N6224" s="56">
        <f>IF(Input!$D$19=1,J6224*Input!$C$19,0)+IF(Input!$D$20=1,K6224*Input!$C$20,0)+IF(Input!$D$21=1,L6224*Input!$C$21,0)+IF(Input!$D$22=1,M6224*Input!$C$22,0)</f>
        <v>7.3567289675200015E-2</v>
      </c>
      <c r="O6224" s="59">
        <f>IF(Input!$D$19=2,J6224*Input!$C$19,0)+IF(Input!$D$20=2,K6224*Input!$C$20,0)+IF(Input!$D$21=2,L6224*Input!$C$21,0)+IF(Input!$D$22=2,M6224*Input!$C$22,0)</f>
        <v>0.18391822418800005</v>
      </c>
      <c r="P6224" s="59">
        <f>IF(Input!$D$19=3,J6224*Input!$C$19,0)+IF(Input!$D$20=3,K6224*Input!$C$20,0)+IF(Input!$D$21=3,L6224*Input!$C$21,0)+IF(Input!$D$22=3,M6224*Input!$C$22,0)</f>
        <v>0</v>
      </c>
      <c r="Q6224" s="75">
        <f>IF(Input!$D$19=4,J6224*Input!$C$19,0)+IF(Input!$D$20=4,K6224*Input!$C$20,0)+IF(Input!$D$21=4,L6224*Input!$C$21,0)+IF(Input!$D$22=4,M6224*Input!$C$22,0)</f>
        <v>0</v>
      </c>
      <c r="R6224" s="58">
        <v>40.061880357859742</v>
      </c>
      <c r="S6224" s="124">
        <f t="shared" si="97"/>
        <v>0.31879158859253343</v>
      </c>
    </row>
    <row r="6225" spans="8:19" x14ac:dyDescent="0.3">
      <c r="H6225" s="44">
        <v>6218</v>
      </c>
      <c r="I6225" s="56">
        <f>Bühler!I6251</f>
        <v>7.3567289675200015E-2</v>
      </c>
      <c r="J6225" s="59">
        <f>Bühler!J6251</f>
        <v>0.24522429891733341</v>
      </c>
      <c r="K6225" s="59">
        <f>Bühler!K6251</f>
        <v>0.3678364483760001</v>
      </c>
      <c r="L6225" s="59">
        <f>Bühler!L6251</f>
        <v>1.7656149522048004</v>
      </c>
      <c r="M6225" s="58">
        <f>Bühler!M6251</f>
        <v>0</v>
      </c>
      <c r="N6225" s="56">
        <f>IF(Input!$D$19=1,J6225*Input!$C$19,0)+IF(Input!$D$20=1,K6225*Input!$C$20,0)+IF(Input!$D$21=1,L6225*Input!$C$21,0)+IF(Input!$D$22=1,M6225*Input!$C$22,0)</f>
        <v>7.3567289675200015E-2</v>
      </c>
      <c r="O6225" s="59">
        <f>IF(Input!$D$19=2,J6225*Input!$C$19,0)+IF(Input!$D$20=2,K6225*Input!$C$20,0)+IF(Input!$D$21=2,L6225*Input!$C$21,0)+IF(Input!$D$22=2,M6225*Input!$C$22,0)</f>
        <v>0.18391822418800005</v>
      </c>
      <c r="P6225" s="59">
        <f>IF(Input!$D$19=3,J6225*Input!$C$19,0)+IF(Input!$D$20=3,K6225*Input!$C$20,0)+IF(Input!$D$21=3,L6225*Input!$C$21,0)+IF(Input!$D$22=3,M6225*Input!$C$22,0)</f>
        <v>0</v>
      </c>
      <c r="Q6225" s="75">
        <f>IF(Input!$D$19=4,J6225*Input!$C$19,0)+IF(Input!$D$20=4,K6225*Input!$C$20,0)+IF(Input!$D$21=4,L6225*Input!$C$21,0)+IF(Input!$D$22=4,M6225*Input!$C$22,0)</f>
        <v>0</v>
      </c>
      <c r="R6225" s="58">
        <v>40.397612102505036</v>
      </c>
      <c r="S6225" s="124">
        <f t="shared" si="97"/>
        <v>0.31879158859253343</v>
      </c>
    </row>
    <row r="6226" spans="8:19" x14ac:dyDescent="0.3">
      <c r="H6226" s="44">
        <v>6219</v>
      </c>
      <c r="I6226" s="56">
        <f>Bühler!I6252</f>
        <v>7.3567289675200015E-2</v>
      </c>
      <c r="J6226" s="59">
        <f>Bühler!J6252</f>
        <v>0.24522429891733341</v>
      </c>
      <c r="K6226" s="59">
        <f>Bühler!K6252</f>
        <v>0.3678364483760001</v>
      </c>
      <c r="L6226" s="59">
        <f>Bühler!L6252</f>
        <v>1.7656149522048004</v>
      </c>
      <c r="M6226" s="58">
        <f>Bühler!M6252</f>
        <v>0</v>
      </c>
      <c r="N6226" s="56">
        <f>IF(Input!$D$19=1,J6226*Input!$C$19,0)+IF(Input!$D$20=1,K6226*Input!$C$20,0)+IF(Input!$D$21=1,L6226*Input!$C$21,0)+IF(Input!$D$22=1,M6226*Input!$C$22,0)</f>
        <v>7.3567289675200015E-2</v>
      </c>
      <c r="O6226" s="59">
        <f>IF(Input!$D$19=2,J6226*Input!$C$19,0)+IF(Input!$D$20=2,K6226*Input!$C$20,0)+IF(Input!$D$21=2,L6226*Input!$C$21,0)+IF(Input!$D$22=2,M6226*Input!$C$22,0)</f>
        <v>0.18391822418800005</v>
      </c>
      <c r="P6226" s="59">
        <f>IF(Input!$D$19=3,J6226*Input!$C$19,0)+IF(Input!$D$20=3,K6226*Input!$C$20,0)+IF(Input!$D$21=3,L6226*Input!$C$21,0)+IF(Input!$D$22=3,M6226*Input!$C$22,0)</f>
        <v>0</v>
      </c>
      <c r="Q6226" s="75">
        <f>IF(Input!$D$19=4,J6226*Input!$C$19,0)+IF(Input!$D$20=4,K6226*Input!$C$20,0)+IF(Input!$D$21=4,L6226*Input!$C$21,0)+IF(Input!$D$22=4,M6226*Input!$C$22,0)</f>
        <v>0</v>
      </c>
      <c r="R6226" s="58">
        <v>41.372230853855669</v>
      </c>
      <c r="S6226" s="124">
        <f t="shared" si="97"/>
        <v>0.31879158859253343</v>
      </c>
    </row>
    <row r="6227" spans="8:19" x14ac:dyDescent="0.3">
      <c r="H6227" s="44">
        <v>6220</v>
      </c>
      <c r="I6227" s="56">
        <f>Bühler!I6253</f>
        <v>7.3567289675200015E-2</v>
      </c>
      <c r="J6227" s="59">
        <f>Bühler!J6253</f>
        <v>0.24522429891733341</v>
      </c>
      <c r="K6227" s="59">
        <f>Bühler!K6253</f>
        <v>0.3678364483760001</v>
      </c>
      <c r="L6227" s="59">
        <f>Bühler!L6253</f>
        <v>1.7656149522048004</v>
      </c>
      <c r="M6227" s="58">
        <f>Bühler!M6253</f>
        <v>0</v>
      </c>
      <c r="N6227" s="56">
        <f>IF(Input!$D$19=1,J6227*Input!$C$19,0)+IF(Input!$D$20=1,K6227*Input!$C$20,0)+IF(Input!$D$21=1,L6227*Input!$C$21,0)+IF(Input!$D$22=1,M6227*Input!$C$22,0)</f>
        <v>7.3567289675200015E-2</v>
      </c>
      <c r="O6227" s="59">
        <f>IF(Input!$D$19=2,J6227*Input!$C$19,0)+IF(Input!$D$20=2,K6227*Input!$C$20,0)+IF(Input!$D$21=2,L6227*Input!$C$21,0)+IF(Input!$D$22=2,M6227*Input!$C$22,0)</f>
        <v>0.18391822418800005</v>
      </c>
      <c r="P6227" s="59">
        <f>IF(Input!$D$19=3,J6227*Input!$C$19,0)+IF(Input!$D$20=3,K6227*Input!$C$20,0)+IF(Input!$D$21=3,L6227*Input!$C$21,0)+IF(Input!$D$22=3,M6227*Input!$C$22,0)</f>
        <v>0</v>
      </c>
      <c r="Q6227" s="75">
        <f>IF(Input!$D$19=4,J6227*Input!$C$19,0)+IF(Input!$D$20=4,K6227*Input!$C$20,0)+IF(Input!$D$21=4,L6227*Input!$C$21,0)+IF(Input!$D$22=4,M6227*Input!$C$22,0)</f>
        <v>0</v>
      </c>
      <c r="R6227" s="58">
        <v>42.922625143007352</v>
      </c>
      <c r="S6227" s="124">
        <f t="shared" si="97"/>
        <v>0.31879158859253343</v>
      </c>
    </row>
    <row r="6228" spans="8:19" x14ac:dyDescent="0.3">
      <c r="H6228" s="44">
        <v>6221</v>
      </c>
      <c r="I6228" s="56">
        <f>Bühler!I6254</f>
        <v>7.3567289675200015E-2</v>
      </c>
      <c r="J6228" s="59">
        <f>Bühler!J6254</f>
        <v>0.24522429891733341</v>
      </c>
      <c r="K6228" s="59">
        <f>Bühler!K6254</f>
        <v>0.3678364483760001</v>
      </c>
      <c r="L6228" s="59">
        <f>Bühler!L6254</f>
        <v>1.7656149522048004</v>
      </c>
      <c r="M6228" s="58">
        <f>Bühler!M6254</f>
        <v>0</v>
      </c>
      <c r="N6228" s="56">
        <f>IF(Input!$D$19=1,J6228*Input!$C$19,0)+IF(Input!$D$20=1,K6228*Input!$C$20,0)+IF(Input!$D$21=1,L6228*Input!$C$21,0)+IF(Input!$D$22=1,M6228*Input!$C$22,0)</f>
        <v>7.3567289675200015E-2</v>
      </c>
      <c r="O6228" s="59">
        <f>IF(Input!$D$19=2,J6228*Input!$C$19,0)+IF(Input!$D$20=2,K6228*Input!$C$20,0)+IF(Input!$D$21=2,L6228*Input!$C$21,0)+IF(Input!$D$22=2,M6228*Input!$C$22,0)</f>
        <v>0.18391822418800005</v>
      </c>
      <c r="P6228" s="59">
        <f>IF(Input!$D$19=3,J6228*Input!$C$19,0)+IF(Input!$D$20=3,K6228*Input!$C$20,0)+IF(Input!$D$21=3,L6228*Input!$C$21,0)+IF(Input!$D$22=3,M6228*Input!$C$22,0)</f>
        <v>0</v>
      </c>
      <c r="Q6228" s="75">
        <f>IF(Input!$D$19=4,J6228*Input!$C$19,0)+IF(Input!$D$20=4,K6228*Input!$C$20,0)+IF(Input!$D$21=4,L6228*Input!$C$21,0)+IF(Input!$D$22=4,M6228*Input!$C$22,0)</f>
        <v>0</v>
      </c>
      <c r="R6228" s="58">
        <v>45.626251719212775</v>
      </c>
      <c r="S6228" s="124">
        <f t="shared" si="97"/>
        <v>0.31879158859253343</v>
      </c>
    </row>
    <row r="6229" spans="8:19" x14ac:dyDescent="0.3">
      <c r="H6229" s="44">
        <v>6222</v>
      </c>
      <c r="I6229" s="56">
        <f>Bühler!I6255</f>
        <v>0.31879158859253343</v>
      </c>
      <c r="J6229" s="59">
        <f>Bühler!J6255</f>
        <v>1.0626386286417782</v>
      </c>
      <c r="K6229" s="59">
        <f>Bühler!K6255</f>
        <v>1.5939579429626674</v>
      </c>
      <c r="L6229" s="59">
        <f>Bühler!L6255</f>
        <v>7.6509981262208031</v>
      </c>
      <c r="M6229" s="58">
        <f>Bühler!M6255</f>
        <v>0</v>
      </c>
      <c r="N6229" s="56">
        <f>IF(Input!$D$19=1,J6229*Input!$C$19,0)+IF(Input!$D$20=1,K6229*Input!$C$20,0)+IF(Input!$D$21=1,L6229*Input!$C$21,0)+IF(Input!$D$22=1,M6229*Input!$C$22,0)</f>
        <v>0.31879158859253343</v>
      </c>
      <c r="O6229" s="59">
        <f>IF(Input!$D$19=2,J6229*Input!$C$19,0)+IF(Input!$D$20=2,K6229*Input!$C$20,0)+IF(Input!$D$21=2,L6229*Input!$C$21,0)+IF(Input!$D$22=2,M6229*Input!$C$22,0)</f>
        <v>0.79697897148133368</v>
      </c>
      <c r="P6229" s="59">
        <f>IF(Input!$D$19=3,J6229*Input!$C$19,0)+IF(Input!$D$20=3,K6229*Input!$C$20,0)+IF(Input!$D$21=3,L6229*Input!$C$21,0)+IF(Input!$D$22=3,M6229*Input!$C$22,0)</f>
        <v>0</v>
      </c>
      <c r="Q6229" s="75">
        <f>IF(Input!$D$19=4,J6229*Input!$C$19,0)+IF(Input!$D$20=4,K6229*Input!$C$20,0)+IF(Input!$D$21=4,L6229*Input!$C$21,0)+IF(Input!$D$22=4,M6229*Input!$C$22,0)</f>
        <v>0</v>
      </c>
      <c r="R6229" s="58">
        <v>51.783401927633896</v>
      </c>
      <c r="S6229" s="124">
        <f t="shared" si="97"/>
        <v>1.3814302172343116</v>
      </c>
    </row>
    <row r="6230" spans="8:19" x14ac:dyDescent="0.3">
      <c r="H6230" s="44">
        <v>6223</v>
      </c>
      <c r="I6230" s="56">
        <f>Bühler!I6256</f>
        <v>0.36170584090306679</v>
      </c>
      <c r="J6230" s="59">
        <f>Bühler!J6256</f>
        <v>1.205686136343556</v>
      </c>
      <c r="K6230" s="59">
        <f>Bühler!K6256</f>
        <v>1.8085292045153341</v>
      </c>
      <c r="L6230" s="59">
        <f>Bühler!L6256</f>
        <v>8.6809401816736038</v>
      </c>
      <c r="M6230" s="58">
        <f>Bühler!M6256</f>
        <v>0</v>
      </c>
      <c r="N6230" s="56">
        <f>IF(Input!$D$19=1,J6230*Input!$C$19,0)+IF(Input!$D$20=1,K6230*Input!$C$20,0)+IF(Input!$D$21=1,L6230*Input!$C$21,0)+IF(Input!$D$22=1,M6230*Input!$C$22,0)</f>
        <v>0.36170584090306679</v>
      </c>
      <c r="O6230" s="59">
        <f>IF(Input!$D$19=2,J6230*Input!$C$19,0)+IF(Input!$D$20=2,K6230*Input!$C$20,0)+IF(Input!$D$21=2,L6230*Input!$C$21,0)+IF(Input!$D$22=2,M6230*Input!$C$22,0)</f>
        <v>0.90426460225766703</v>
      </c>
      <c r="P6230" s="59">
        <f>IF(Input!$D$19=3,J6230*Input!$C$19,0)+IF(Input!$D$20=3,K6230*Input!$C$20,0)+IF(Input!$D$21=3,L6230*Input!$C$21,0)+IF(Input!$D$22=3,M6230*Input!$C$22,0)</f>
        <v>0</v>
      </c>
      <c r="Q6230" s="75">
        <f>IF(Input!$D$19=4,J6230*Input!$C$19,0)+IF(Input!$D$20=4,K6230*Input!$C$20,0)+IF(Input!$D$21=4,L6230*Input!$C$21,0)+IF(Input!$D$22=4,M6230*Input!$C$22,0)</f>
        <v>0</v>
      </c>
      <c r="R6230" s="58">
        <v>57.539044964544537</v>
      </c>
      <c r="S6230" s="124">
        <f t="shared" si="97"/>
        <v>1.5673919772466229</v>
      </c>
    </row>
    <row r="6231" spans="8:19" x14ac:dyDescent="0.3">
      <c r="H6231" s="44">
        <v>6224</v>
      </c>
      <c r="I6231" s="56">
        <f>Bühler!I6257</f>
        <v>0.36170584090306679</v>
      </c>
      <c r="J6231" s="59">
        <f>Bühler!J6257</f>
        <v>1.205686136343556</v>
      </c>
      <c r="K6231" s="59">
        <f>Bühler!K6257</f>
        <v>1.8085292045153341</v>
      </c>
      <c r="L6231" s="59">
        <f>Bühler!L6257</f>
        <v>8.6809401816736038</v>
      </c>
      <c r="M6231" s="58">
        <f>Bühler!M6257</f>
        <v>0</v>
      </c>
      <c r="N6231" s="56">
        <f>IF(Input!$D$19=1,J6231*Input!$C$19,0)+IF(Input!$D$20=1,K6231*Input!$C$20,0)+IF(Input!$D$21=1,L6231*Input!$C$21,0)+IF(Input!$D$22=1,M6231*Input!$C$22,0)</f>
        <v>0.36170584090306679</v>
      </c>
      <c r="O6231" s="59">
        <f>IF(Input!$D$19=2,J6231*Input!$C$19,0)+IF(Input!$D$20=2,K6231*Input!$C$20,0)+IF(Input!$D$21=2,L6231*Input!$C$21,0)+IF(Input!$D$22=2,M6231*Input!$C$22,0)</f>
        <v>0.90426460225766703</v>
      </c>
      <c r="P6231" s="59">
        <f>IF(Input!$D$19=3,J6231*Input!$C$19,0)+IF(Input!$D$20=3,K6231*Input!$C$20,0)+IF(Input!$D$21=3,L6231*Input!$C$21,0)+IF(Input!$D$22=3,M6231*Input!$C$22,0)</f>
        <v>0</v>
      </c>
      <c r="Q6231" s="75">
        <f>IF(Input!$D$19=4,J6231*Input!$C$19,0)+IF(Input!$D$20=4,K6231*Input!$C$20,0)+IF(Input!$D$21=4,L6231*Input!$C$21,0)+IF(Input!$D$22=4,M6231*Input!$C$22,0)</f>
        <v>0</v>
      </c>
      <c r="R6231" s="58">
        <v>60.644227589703839</v>
      </c>
      <c r="S6231" s="124">
        <f t="shared" si="97"/>
        <v>1.5673919772466229</v>
      </c>
    </row>
    <row r="6232" spans="8:19" x14ac:dyDescent="0.3">
      <c r="H6232" s="44">
        <v>6225</v>
      </c>
      <c r="I6232" s="56">
        <f>Bühler!I6258</f>
        <v>0.36170584090306679</v>
      </c>
      <c r="J6232" s="59">
        <f>Bühler!J6258</f>
        <v>1.205686136343556</v>
      </c>
      <c r="K6232" s="59">
        <f>Bühler!K6258</f>
        <v>1.8085292045153341</v>
      </c>
      <c r="L6232" s="59">
        <f>Bühler!L6258</f>
        <v>8.6809401816736038</v>
      </c>
      <c r="M6232" s="58">
        <f>Bühler!M6258</f>
        <v>0</v>
      </c>
      <c r="N6232" s="56">
        <f>IF(Input!$D$19=1,J6232*Input!$C$19,0)+IF(Input!$D$20=1,K6232*Input!$C$20,0)+IF(Input!$D$21=1,L6232*Input!$C$21,0)+IF(Input!$D$22=1,M6232*Input!$C$22,0)</f>
        <v>0.36170584090306679</v>
      </c>
      <c r="O6232" s="59">
        <f>IF(Input!$D$19=2,J6232*Input!$C$19,0)+IF(Input!$D$20=2,K6232*Input!$C$20,0)+IF(Input!$D$21=2,L6232*Input!$C$21,0)+IF(Input!$D$22=2,M6232*Input!$C$22,0)</f>
        <v>0.90426460225766703</v>
      </c>
      <c r="P6232" s="59">
        <f>IF(Input!$D$19=3,J6232*Input!$C$19,0)+IF(Input!$D$20=3,K6232*Input!$C$20,0)+IF(Input!$D$21=3,L6232*Input!$C$21,0)+IF(Input!$D$22=3,M6232*Input!$C$22,0)</f>
        <v>0</v>
      </c>
      <c r="Q6232" s="75">
        <f>IF(Input!$D$19=4,J6232*Input!$C$19,0)+IF(Input!$D$20=4,K6232*Input!$C$20,0)+IF(Input!$D$21=4,L6232*Input!$C$21,0)+IF(Input!$D$22=4,M6232*Input!$C$22,0)</f>
        <v>0</v>
      </c>
      <c r="R6232" s="58">
        <v>62.705309686789789</v>
      </c>
      <c r="S6232" s="124">
        <f t="shared" si="97"/>
        <v>1.5673919772466229</v>
      </c>
    </row>
    <row r="6233" spans="8:19" x14ac:dyDescent="0.3">
      <c r="H6233" s="44">
        <v>6226</v>
      </c>
      <c r="I6233" s="56">
        <f>Bühler!I6259</f>
        <v>0.38622827079480015</v>
      </c>
      <c r="J6233" s="59">
        <f>Bühler!J6259</f>
        <v>1.2874275693160007</v>
      </c>
      <c r="K6233" s="59">
        <f>Bühler!K6259</f>
        <v>1.9311413539740006</v>
      </c>
      <c r="L6233" s="59">
        <f>Bühler!L6259</f>
        <v>9.2694784990752037</v>
      </c>
      <c r="M6233" s="58">
        <f>Bühler!M6259</f>
        <v>0</v>
      </c>
      <c r="N6233" s="56">
        <f>IF(Input!$D$19=1,J6233*Input!$C$19,0)+IF(Input!$D$20=1,K6233*Input!$C$20,0)+IF(Input!$D$21=1,L6233*Input!$C$21,0)+IF(Input!$D$22=1,M6233*Input!$C$22,0)</f>
        <v>0.38622827079480021</v>
      </c>
      <c r="O6233" s="59">
        <f>IF(Input!$D$19=2,J6233*Input!$C$19,0)+IF(Input!$D$20=2,K6233*Input!$C$20,0)+IF(Input!$D$21=2,L6233*Input!$C$21,0)+IF(Input!$D$22=2,M6233*Input!$C$22,0)</f>
        <v>0.96557067698700028</v>
      </c>
      <c r="P6233" s="59">
        <f>IF(Input!$D$19=3,J6233*Input!$C$19,0)+IF(Input!$D$20=3,K6233*Input!$C$20,0)+IF(Input!$D$21=3,L6233*Input!$C$21,0)+IF(Input!$D$22=3,M6233*Input!$C$22,0)</f>
        <v>0</v>
      </c>
      <c r="Q6233" s="75">
        <f>IF(Input!$D$19=4,J6233*Input!$C$19,0)+IF(Input!$D$20=4,K6233*Input!$C$20,0)+IF(Input!$D$21=4,L6233*Input!$C$21,0)+IF(Input!$D$22=4,M6233*Input!$C$22,0)</f>
        <v>0</v>
      </c>
      <c r="R6233" s="58">
        <v>64.156561495419339</v>
      </c>
      <c r="S6233" s="124">
        <f t="shared" si="97"/>
        <v>1.6736558401108008</v>
      </c>
    </row>
    <row r="6234" spans="8:19" x14ac:dyDescent="0.3">
      <c r="H6234" s="44">
        <v>6227</v>
      </c>
      <c r="I6234" s="56">
        <f>Bühler!I6260</f>
        <v>0.38622827079480015</v>
      </c>
      <c r="J6234" s="59">
        <f>Bühler!J6260</f>
        <v>1.2874275693160007</v>
      </c>
      <c r="K6234" s="59">
        <f>Bühler!K6260</f>
        <v>1.9311413539740006</v>
      </c>
      <c r="L6234" s="59">
        <f>Bühler!L6260</f>
        <v>9.2694784990752037</v>
      </c>
      <c r="M6234" s="58">
        <f>Bühler!M6260</f>
        <v>0</v>
      </c>
      <c r="N6234" s="56">
        <f>IF(Input!$D$19=1,J6234*Input!$C$19,0)+IF(Input!$D$20=1,K6234*Input!$C$20,0)+IF(Input!$D$21=1,L6234*Input!$C$21,0)+IF(Input!$D$22=1,M6234*Input!$C$22,0)</f>
        <v>0.38622827079480021</v>
      </c>
      <c r="O6234" s="59">
        <f>IF(Input!$D$19=2,J6234*Input!$C$19,0)+IF(Input!$D$20=2,K6234*Input!$C$20,0)+IF(Input!$D$21=2,L6234*Input!$C$21,0)+IF(Input!$D$22=2,M6234*Input!$C$22,0)</f>
        <v>0.96557067698700028</v>
      </c>
      <c r="P6234" s="59">
        <f>IF(Input!$D$19=3,J6234*Input!$C$19,0)+IF(Input!$D$20=3,K6234*Input!$C$20,0)+IF(Input!$D$21=3,L6234*Input!$C$21,0)+IF(Input!$D$22=3,M6234*Input!$C$22,0)</f>
        <v>0</v>
      </c>
      <c r="Q6234" s="75">
        <f>IF(Input!$D$19=4,J6234*Input!$C$19,0)+IF(Input!$D$20=4,K6234*Input!$C$20,0)+IF(Input!$D$21=4,L6234*Input!$C$21,0)+IF(Input!$D$22=4,M6234*Input!$C$22,0)</f>
        <v>0</v>
      </c>
      <c r="R6234" s="58">
        <v>65.583432050616466</v>
      </c>
      <c r="S6234" s="124">
        <f t="shared" si="97"/>
        <v>1.6736558401108008</v>
      </c>
    </row>
    <row r="6235" spans="8:19" x14ac:dyDescent="0.3">
      <c r="H6235" s="44">
        <v>6228</v>
      </c>
      <c r="I6235" s="56">
        <f>Bühler!I6261</f>
        <v>0.49044859783466677</v>
      </c>
      <c r="J6235" s="59">
        <f>Bühler!J6261</f>
        <v>1.6348286594488894</v>
      </c>
      <c r="K6235" s="59">
        <f>Bühler!K6261</f>
        <v>2.4522429891733339</v>
      </c>
      <c r="L6235" s="59">
        <f>Bühler!L6261</f>
        <v>11.770766348032003</v>
      </c>
      <c r="M6235" s="58">
        <f>Bühler!M6261</f>
        <v>0</v>
      </c>
      <c r="N6235" s="56">
        <f>IF(Input!$D$19=1,J6235*Input!$C$19,0)+IF(Input!$D$20=1,K6235*Input!$C$20,0)+IF(Input!$D$21=1,L6235*Input!$C$21,0)+IF(Input!$D$22=1,M6235*Input!$C$22,0)</f>
        <v>0.49044859783466682</v>
      </c>
      <c r="O6235" s="59">
        <f>IF(Input!$D$19=2,J6235*Input!$C$19,0)+IF(Input!$D$20=2,K6235*Input!$C$20,0)+IF(Input!$D$21=2,L6235*Input!$C$21,0)+IF(Input!$D$22=2,M6235*Input!$C$22,0)</f>
        <v>1.226121494586667</v>
      </c>
      <c r="P6235" s="59">
        <f>IF(Input!$D$19=3,J6235*Input!$C$19,0)+IF(Input!$D$20=3,K6235*Input!$C$20,0)+IF(Input!$D$21=3,L6235*Input!$C$21,0)+IF(Input!$D$22=3,M6235*Input!$C$22,0)</f>
        <v>0</v>
      </c>
      <c r="Q6235" s="75">
        <f>IF(Input!$D$19=4,J6235*Input!$C$19,0)+IF(Input!$D$20=4,K6235*Input!$C$20,0)+IF(Input!$D$21=4,L6235*Input!$C$21,0)+IF(Input!$D$22=4,M6235*Input!$C$22,0)</f>
        <v>0</v>
      </c>
      <c r="R6235" s="58">
        <v>66.759903992902409</v>
      </c>
      <c r="S6235" s="124">
        <f t="shared" si="97"/>
        <v>2.1252772572835563</v>
      </c>
    </row>
    <row r="6236" spans="8:19" x14ac:dyDescent="0.3">
      <c r="H6236" s="44">
        <v>6229</v>
      </c>
      <c r="I6236" s="56">
        <f>Bühler!I6262</f>
        <v>0.49044859783466677</v>
      </c>
      <c r="J6236" s="59">
        <f>Bühler!J6262</f>
        <v>1.6348286594488894</v>
      </c>
      <c r="K6236" s="59">
        <f>Bühler!K6262</f>
        <v>2.4522429891733339</v>
      </c>
      <c r="L6236" s="59">
        <f>Bühler!L6262</f>
        <v>11.770766348032003</v>
      </c>
      <c r="M6236" s="58">
        <f>Bühler!M6262</f>
        <v>0</v>
      </c>
      <c r="N6236" s="56">
        <f>IF(Input!$D$19=1,J6236*Input!$C$19,0)+IF(Input!$D$20=1,K6236*Input!$C$20,0)+IF(Input!$D$21=1,L6236*Input!$C$21,0)+IF(Input!$D$22=1,M6236*Input!$C$22,0)</f>
        <v>0.49044859783466682</v>
      </c>
      <c r="O6236" s="59">
        <f>IF(Input!$D$19=2,J6236*Input!$C$19,0)+IF(Input!$D$20=2,K6236*Input!$C$20,0)+IF(Input!$D$21=2,L6236*Input!$C$21,0)+IF(Input!$D$22=2,M6236*Input!$C$22,0)</f>
        <v>1.226121494586667</v>
      </c>
      <c r="P6236" s="59">
        <f>IF(Input!$D$19=3,J6236*Input!$C$19,0)+IF(Input!$D$20=3,K6236*Input!$C$20,0)+IF(Input!$D$21=3,L6236*Input!$C$21,0)+IF(Input!$D$22=3,M6236*Input!$C$22,0)</f>
        <v>0</v>
      </c>
      <c r="Q6236" s="75">
        <f>IF(Input!$D$19=4,J6236*Input!$C$19,0)+IF(Input!$D$20=4,K6236*Input!$C$20,0)+IF(Input!$D$21=4,L6236*Input!$C$21,0)+IF(Input!$D$22=4,M6236*Input!$C$22,0)</f>
        <v>0</v>
      </c>
      <c r="R6236" s="58">
        <v>66.498458528600537</v>
      </c>
      <c r="S6236" s="124">
        <f t="shared" si="97"/>
        <v>2.1252772572835563</v>
      </c>
    </row>
    <row r="6237" spans="8:19" x14ac:dyDescent="0.3">
      <c r="H6237" s="44">
        <v>6230</v>
      </c>
      <c r="I6237" s="56">
        <f>Bühler!I6263</f>
        <v>0.3249221960654668</v>
      </c>
      <c r="J6237" s="59">
        <f>Bühler!J6263</f>
        <v>1.0830739868848893</v>
      </c>
      <c r="K6237" s="59">
        <f>Bühler!K6263</f>
        <v>1.6246109803273339</v>
      </c>
      <c r="L6237" s="59">
        <f>Bühler!L6263</f>
        <v>7.7981327055712022</v>
      </c>
      <c r="M6237" s="58">
        <f>Bühler!M6263</f>
        <v>0</v>
      </c>
      <c r="N6237" s="56">
        <f>IF(Input!$D$19=1,J6237*Input!$C$19,0)+IF(Input!$D$20=1,K6237*Input!$C$20,0)+IF(Input!$D$21=1,L6237*Input!$C$21,0)+IF(Input!$D$22=1,M6237*Input!$C$22,0)</f>
        <v>0.3249221960654668</v>
      </c>
      <c r="O6237" s="59">
        <f>IF(Input!$D$19=2,J6237*Input!$C$19,0)+IF(Input!$D$20=2,K6237*Input!$C$20,0)+IF(Input!$D$21=2,L6237*Input!$C$21,0)+IF(Input!$D$22=2,M6237*Input!$C$22,0)</f>
        <v>0.81230549016366693</v>
      </c>
      <c r="P6237" s="59">
        <f>IF(Input!$D$19=3,J6237*Input!$C$19,0)+IF(Input!$D$20=3,K6237*Input!$C$20,0)+IF(Input!$D$21=3,L6237*Input!$C$21,0)+IF(Input!$D$22=3,M6237*Input!$C$22,0)</f>
        <v>0</v>
      </c>
      <c r="Q6237" s="75">
        <f>IF(Input!$D$19=4,J6237*Input!$C$19,0)+IF(Input!$D$20=4,K6237*Input!$C$20,0)+IF(Input!$D$21=4,L6237*Input!$C$21,0)+IF(Input!$D$22=4,M6237*Input!$C$22,0)</f>
        <v>0</v>
      </c>
      <c r="R6237" s="58">
        <v>66.718759796602868</v>
      </c>
      <c r="S6237" s="124">
        <f t="shared" si="97"/>
        <v>1.407996182950356</v>
      </c>
    </row>
    <row r="6238" spans="8:19" x14ac:dyDescent="0.3">
      <c r="H6238" s="44">
        <v>6231</v>
      </c>
      <c r="I6238" s="56">
        <f>Bühler!I6264</f>
        <v>0.49044859783466677</v>
      </c>
      <c r="J6238" s="59">
        <f>Bühler!J6264</f>
        <v>1.6348286594488894</v>
      </c>
      <c r="K6238" s="59">
        <f>Bühler!K6264</f>
        <v>2.4522429891733339</v>
      </c>
      <c r="L6238" s="59">
        <f>Bühler!L6264</f>
        <v>11.770766348032003</v>
      </c>
      <c r="M6238" s="58">
        <f>Bühler!M6264</f>
        <v>0</v>
      </c>
      <c r="N6238" s="56">
        <f>IF(Input!$D$19=1,J6238*Input!$C$19,0)+IF(Input!$D$20=1,K6238*Input!$C$20,0)+IF(Input!$D$21=1,L6238*Input!$C$21,0)+IF(Input!$D$22=1,M6238*Input!$C$22,0)</f>
        <v>0.49044859783466682</v>
      </c>
      <c r="O6238" s="59">
        <f>IF(Input!$D$19=2,J6238*Input!$C$19,0)+IF(Input!$D$20=2,K6238*Input!$C$20,0)+IF(Input!$D$21=2,L6238*Input!$C$21,0)+IF(Input!$D$22=2,M6238*Input!$C$22,0)</f>
        <v>1.226121494586667</v>
      </c>
      <c r="P6238" s="59">
        <f>IF(Input!$D$19=3,J6238*Input!$C$19,0)+IF(Input!$D$20=3,K6238*Input!$C$20,0)+IF(Input!$D$21=3,L6238*Input!$C$21,0)+IF(Input!$D$22=3,M6238*Input!$C$22,0)</f>
        <v>0</v>
      </c>
      <c r="Q6238" s="75">
        <f>IF(Input!$D$19=4,J6238*Input!$C$19,0)+IF(Input!$D$20=4,K6238*Input!$C$20,0)+IF(Input!$D$21=4,L6238*Input!$C$21,0)+IF(Input!$D$22=4,M6238*Input!$C$22,0)</f>
        <v>0</v>
      </c>
      <c r="R6238" s="58">
        <v>66.553282583767839</v>
      </c>
      <c r="S6238" s="124">
        <f t="shared" si="97"/>
        <v>2.1252772572835563</v>
      </c>
    </row>
    <row r="6239" spans="8:19" x14ac:dyDescent="0.3">
      <c r="H6239" s="44">
        <v>6232</v>
      </c>
      <c r="I6239" s="56">
        <f>Bühler!I6265</f>
        <v>0.49044859783466677</v>
      </c>
      <c r="J6239" s="59">
        <f>Bühler!J6265</f>
        <v>1.6348286594488894</v>
      </c>
      <c r="K6239" s="59">
        <f>Bühler!K6265</f>
        <v>2.4522429891733339</v>
      </c>
      <c r="L6239" s="59">
        <f>Bühler!L6265</f>
        <v>11.770766348032003</v>
      </c>
      <c r="M6239" s="58">
        <f>Bühler!M6265</f>
        <v>0</v>
      </c>
      <c r="N6239" s="56">
        <f>IF(Input!$D$19=1,J6239*Input!$C$19,0)+IF(Input!$D$20=1,K6239*Input!$C$20,0)+IF(Input!$D$21=1,L6239*Input!$C$21,0)+IF(Input!$D$22=1,M6239*Input!$C$22,0)</f>
        <v>0.49044859783466682</v>
      </c>
      <c r="O6239" s="59">
        <f>IF(Input!$D$19=2,J6239*Input!$C$19,0)+IF(Input!$D$20=2,K6239*Input!$C$20,0)+IF(Input!$D$21=2,L6239*Input!$C$21,0)+IF(Input!$D$22=2,M6239*Input!$C$22,0)</f>
        <v>1.226121494586667</v>
      </c>
      <c r="P6239" s="59">
        <f>IF(Input!$D$19=3,J6239*Input!$C$19,0)+IF(Input!$D$20=3,K6239*Input!$C$20,0)+IF(Input!$D$21=3,L6239*Input!$C$21,0)+IF(Input!$D$22=3,M6239*Input!$C$22,0)</f>
        <v>0</v>
      </c>
      <c r="Q6239" s="75">
        <f>IF(Input!$D$19=4,J6239*Input!$C$19,0)+IF(Input!$D$20=4,K6239*Input!$C$20,0)+IF(Input!$D$21=4,L6239*Input!$C$21,0)+IF(Input!$D$22=4,M6239*Input!$C$22,0)</f>
        <v>0</v>
      </c>
      <c r="R6239" s="58">
        <v>66.017460747008968</v>
      </c>
      <c r="S6239" s="124">
        <f t="shared" si="97"/>
        <v>2.1252772572835563</v>
      </c>
    </row>
    <row r="6240" spans="8:19" x14ac:dyDescent="0.3">
      <c r="H6240" s="44">
        <v>6233</v>
      </c>
      <c r="I6240" s="56">
        <f>Bühler!I6266</f>
        <v>0.49044859783466677</v>
      </c>
      <c r="J6240" s="59">
        <f>Bühler!J6266</f>
        <v>1.6348286594488894</v>
      </c>
      <c r="K6240" s="59">
        <f>Bühler!K6266</f>
        <v>2.4522429891733339</v>
      </c>
      <c r="L6240" s="59">
        <f>Bühler!L6266</f>
        <v>11.770766348032003</v>
      </c>
      <c r="M6240" s="58">
        <f>Bühler!M6266</f>
        <v>0</v>
      </c>
      <c r="N6240" s="56">
        <f>IF(Input!$D$19=1,J6240*Input!$C$19,0)+IF(Input!$D$20=1,K6240*Input!$C$20,0)+IF(Input!$D$21=1,L6240*Input!$C$21,0)+IF(Input!$D$22=1,M6240*Input!$C$22,0)</f>
        <v>0.49044859783466682</v>
      </c>
      <c r="O6240" s="59">
        <f>IF(Input!$D$19=2,J6240*Input!$C$19,0)+IF(Input!$D$20=2,K6240*Input!$C$20,0)+IF(Input!$D$21=2,L6240*Input!$C$21,0)+IF(Input!$D$22=2,M6240*Input!$C$22,0)</f>
        <v>1.226121494586667</v>
      </c>
      <c r="P6240" s="59">
        <f>IF(Input!$D$19=3,J6240*Input!$C$19,0)+IF(Input!$D$20=3,K6240*Input!$C$20,0)+IF(Input!$D$21=3,L6240*Input!$C$21,0)+IF(Input!$D$22=3,M6240*Input!$C$22,0)</f>
        <v>0</v>
      </c>
      <c r="Q6240" s="75">
        <f>IF(Input!$D$19=4,J6240*Input!$C$19,0)+IF(Input!$D$20=4,K6240*Input!$C$20,0)+IF(Input!$D$21=4,L6240*Input!$C$21,0)+IF(Input!$D$22=4,M6240*Input!$C$22,0)</f>
        <v>0</v>
      </c>
      <c r="R6240" s="58">
        <v>64.792996392183881</v>
      </c>
      <c r="S6240" s="124">
        <f t="shared" si="97"/>
        <v>2.1252772572835563</v>
      </c>
    </row>
    <row r="6241" spans="8:19" x14ac:dyDescent="0.3">
      <c r="H6241" s="44">
        <v>6234</v>
      </c>
      <c r="I6241" s="56">
        <f>Bühler!I6267</f>
        <v>0.49044859783466677</v>
      </c>
      <c r="J6241" s="59">
        <f>Bühler!J6267</f>
        <v>1.6348286594488894</v>
      </c>
      <c r="K6241" s="59">
        <f>Bühler!K6267</f>
        <v>2.4522429891733339</v>
      </c>
      <c r="L6241" s="59">
        <f>Bühler!L6267</f>
        <v>11.770766348032003</v>
      </c>
      <c r="M6241" s="58">
        <f>Bühler!M6267</f>
        <v>0</v>
      </c>
      <c r="N6241" s="56">
        <f>IF(Input!$D$19=1,J6241*Input!$C$19,0)+IF(Input!$D$20=1,K6241*Input!$C$20,0)+IF(Input!$D$21=1,L6241*Input!$C$21,0)+IF(Input!$D$22=1,M6241*Input!$C$22,0)</f>
        <v>0.49044859783466682</v>
      </c>
      <c r="O6241" s="59">
        <f>IF(Input!$D$19=2,J6241*Input!$C$19,0)+IF(Input!$D$20=2,K6241*Input!$C$20,0)+IF(Input!$D$21=2,L6241*Input!$C$21,0)+IF(Input!$D$22=2,M6241*Input!$C$22,0)</f>
        <v>1.226121494586667</v>
      </c>
      <c r="P6241" s="59">
        <f>IF(Input!$D$19=3,J6241*Input!$C$19,0)+IF(Input!$D$20=3,K6241*Input!$C$20,0)+IF(Input!$D$21=3,L6241*Input!$C$21,0)+IF(Input!$D$22=3,M6241*Input!$C$22,0)</f>
        <v>0</v>
      </c>
      <c r="Q6241" s="75">
        <f>IF(Input!$D$19=4,J6241*Input!$C$19,0)+IF(Input!$D$20=4,K6241*Input!$C$20,0)+IF(Input!$D$21=4,L6241*Input!$C$21,0)+IF(Input!$D$22=4,M6241*Input!$C$22,0)</f>
        <v>0</v>
      </c>
      <c r="R6241" s="58">
        <v>63.539888109909853</v>
      </c>
      <c r="S6241" s="124">
        <f t="shared" si="97"/>
        <v>2.1252772572835563</v>
      </c>
    </row>
    <row r="6242" spans="8:19" x14ac:dyDescent="0.3">
      <c r="H6242" s="44">
        <v>6235</v>
      </c>
      <c r="I6242" s="56">
        <f>Bühler!I6268</f>
        <v>0.49044859783466677</v>
      </c>
      <c r="J6242" s="59">
        <f>Bühler!J6268</f>
        <v>1.6348286594488894</v>
      </c>
      <c r="K6242" s="59">
        <f>Bühler!K6268</f>
        <v>2.4522429891733339</v>
      </c>
      <c r="L6242" s="59">
        <f>Bühler!L6268</f>
        <v>11.770766348032003</v>
      </c>
      <c r="M6242" s="58">
        <f>Bühler!M6268</f>
        <v>0</v>
      </c>
      <c r="N6242" s="56">
        <f>IF(Input!$D$19=1,J6242*Input!$C$19,0)+IF(Input!$D$20=1,K6242*Input!$C$20,0)+IF(Input!$D$21=1,L6242*Input!$C$21,0)+IF(Input!$D$22=1,M6242*Input!$C$22,0)</f>
        <v>0.49044859783466682</v>
      </c>
      <c r="O6242" s="59">
        <f>IF(Input!$D$19=2,J6242*Input!$C$19,0)+IF(Input!$D$20=2,K6242*Input!$C$20,0)+IF(Input!$D$21=2,L6242*Input!$C$21,0)+IF(Input!$D$22=2,M6242*Input!$C$22,0)</f>
        <v>1.226121494586667</v>
      </c>
      <c r="P6242" s="59">
        <f>IF(Input!$D$19=3,J6242*Input!$C$19,0)+IF(Input!$D$20=3,K6242*Input!$C$20,0)+IF(Input!$D$21=3,L6242*Input!$C$21,0)+IF(Input!$D$22=3,M6242*Input!$C$22,0)</f>
        <v>0</v>
      </c>
      <c r="Q6242" s="75">
        <f>IF(Input!$D$19=4,J6242*Input!$C$19,0)+IF(Input!$D$20=4,K6242*Input!$C$20,0)+IF(Input!$D$21=4,L6242*Input!$C$21,0)+IF(Input!$D$22=4,M6242*Input!$C$22,0)</f>
        <v>0</v>
      </c>
      <c r="R6242" s="58">
        <v>62.518215640066295</v>
      </c>
      <c r="S6242" s="124">
        <f t="shared" si="97"/>
        <v>2.1252772572835563</v>
      </c>
    </row>
    <row r="6243" spans="8:19" x14ac:dyDescent="0.3">
      <c r="H6243" s="44">
        <v>6236</v>
      </c>
      <c r="I6243" s="56">
        <f>Bühler!I6269</f>
        <v>0.41075070068653352</v>
      </c>
      <c r="J6243" s="59">
        <f>Bühler!J6269</f>
        <v>1.3691690022884453</v>
      </c>
      <c r="K6243" s="59">
        <f>Bühler!K6269</f>
        <v>2.0537535034326675</v>
      </c>
      <c r="L6243" s="59">
        <f>Bühler!L6269</f>
        <v>9.8580168164768036</v>
      </c>
      <c r="M6243" s="58">
        <f>Bühler!M6269</f>
        <v>0</v>
      </c>
      <c r="N6243" s="56">
        <f>IF(Input!$D$19=1,J6243*Input!$C$19,0)+IF(Input!$D$20=1,K6243*Input!$C$20,0)+IF(Input!$D$21=1,L6243*Input!$C$21,0)+IF(Input!$D$22=1,M6243*Input!$C$22,0)</f>
        <v>0.41075070068653358</v>
      </c>
      <c r="O6243" s="59">
        <f>IF(Input!$D$19=2,J6243*Input!$C$19,0)+IF(Input!$D$20=2,K6243*Input!$C$20,0)+IF(Input!$D$21=2,L6243*Input!$C$21,0)+IF(Input!$D$22=2,M6243*Input!$C$22,0)</f>
        <v>1.0268767517163337</v>
      </c>
      <c r="P6243" s="59">
        <f>IF(Input!$D$19=3,J6243*Input!$C$19,0)+IF(Input!$D$20=3,K6243*Input!$C$20,0)+IF(Input!$D$21=3,L6243*Input!$C$21,0)+IF(Input!$D$22=3,M6243*Input!$C$22,0)</f>
        <v>0</v>
      </c>
      <c r="Q6243" s="75">
        <f>IF(Input!$D$19=4,J6243*Input!$C$19,0)+IF(Input!$D$20=4,K6243*Input!$C$20,0)+IF(Input!$D$21=4,L6243*Input!$C$21,0)+IF(Input!$D$22=4,M6243*Input!$C$22,0)</f>
        <v>0</v>
      </c>
      <c r="R6243" s="58">
        <v>61.719597246434176</v>
      </c>
      <c r="S6243" s="124">
        <f t="shared" si="97"/>
        <v>1.7799197029749787</v>
      </c>
    </row>
    <row r="6244" spans="8:19" x14ac:dyDescent="0.3">
      <c r="H6244" s="44">
        <v>6237</v>
      </c>
      <c r="I6244" s="56">
        <f>Bühler!I6270</f>
        <v>0.33718341101133348</v>
      </c>
      <c r="J6244" s="59">
        <f>Bühler!J6270</f>
        <v>1.1239447033711116</v>
      </c>
      <c r="K6244" s="59">
        <f>Bühler!K6270</f>
        <v>1.6859170550566673</v>
      </c>
      <c r="L6244" s="59">
        <f>Bühler!L6270</f>
        <v>8.0924018642720039</v>
      </c>
      <c r="M6244" s="58">
        <f>Bühler!M6270</f>
        <v>0</v>
      </c>
      <c r="N6244" s="56">
        <f>IF(Input!$D$19=1,J6244*Input!$C$19,0)+IF(Input!$D$20=1,K6244*Input!$C$20,0)+IF(Input!$D$21=1,L6244*Input!$C$21,0)+IF(Input!$D$22=1,M6244*Input!$C$22,0)</f>
        <v>0.33718341101133348</v>
      </c>
      <c r="O6244" s="59">
        <f>IF(Input!$D$19=2,J6244*Input!$C$19,0)+IF(Input!$D$20=2,K6244*Input!$C$20,0)+IF(Input!$D$21=2,L6244*Input!$C$21,0)+IF(Input!$D$22=2,M6244*Input!$C$22,0)</f>
        <v>0.84295852752833367</v>
      </c>
      <c r="P6244" s="59">
        <f>IF(Input!$D$19=3,J6244*Input!$C$19,0)+IF(Input!$D$20=3,K6244*Input!$C$20,0)+IF(Input!$D$21=3,L6244*Input!$C$21,0)+IF(Input!$D$22=3,M6244*Input!$C$22,0)</f>
        <v>0</v>
      </c>
      <c r="Q6244" s="75">
        <f>IF(Input!$D$19=4,J6244*Input!$C$19,0)+IF(Input!$D$20=4,K6244*Input!$C$20,0)+IF(Input!$D$21=4,L6244*Input!$C$21,0)+IF(Input!$D$22=4,M6244*Input!$C$22,0)</f>
        <v>0</v>
      </c>
      <c r="R6244" s="58">
        <v>60.520867297055752</v>
      </c>
      <c r="S6244" s="124">
        <f t="shared" si="97"/>
        <v>1.4611281143824451</v>
      </c>
    </row>
    <row r="6245" spans="8:19" x14ac:dyDescent="0.3">
      <c r="H6245" s="44">
        <v>6238</v>
      </c>
      <c r="I6245" s="56">
        <f>Bühler!I6271</f>
        <v>0.24522429891733338</v>
      </c>
      <c r="J6245" s="59">
        <f>Bühler!J6271</f>
        <v>0.81741432972444472</v>
      </c>
      <c r="K6245" s="59">
        <f>Bühler!K6271</f>
        <v>1.226121494586667</v>
      </c>
      <c r="L6245" s="59">
        <f>Bühler!L6271</f>
        <v>5.8853831740160016</v>
      </c>
      <c r="M6245" s="58">
        <f>Bühler!M6271</f>
        <v>0</v>
      </c>
      <c r="N6245" s="56">
        <f>IF(Input!$D$19=1,J6245*Input!$C$19,0)+IF(Input!$D$20=1,K6245*Input!$C$20,0)+IF(Input!$D$21=1,L6245*Input!$C$21,0)+IF(Input!$D$22=1,M6245*Input!$C$22,0)</f>
        <v>0.24522429891733341</v>
      </c>
      <c r="O6245" s="59">
        <f>IF(Input!$D$19=2,J6245*Input!$C$19,0)+IF(Input!$D$20=2,K6245*Input!$C$20,0)+IF(Input!$D$21=2,L6245*Input!$C$21,0)+IF(Input!$D$22=2,M6245*Input!$C$22,0)</f>
        <v>0.61306074729333349</v>
      </c>
      <c r="P6245" s="59">
        <f>IF(Input!$D$19=3,J6245*Input!$C$19,0)+IF(Input!$D$20=3,K6245*Input!$C$20,0)+IF(Input!$D$21=3,L6245*Input!$C$21,0)+IF(Input!$D$22=3,M6245*Input!$C$22,0)</f>
        <v>0</v>
      </c>
      <c r="Q6245" s="75">
        <f>IF(Input!$D$19=4,J6245*Input!$C$19,0)+IF(Input!$D$20=4,K6245*Input!$C$20,0)+IF(Input!$D$21=4,L6245*Input!$C$21,0)+IF(Input!$D$22=4,M6245*Input!$C$22,0)</f>
        <v>0</v>
      </c>
      <c r="R6245" s="58">
        <v>58.166854875470079</v>
      </c>
      <c r="S6245" s="124">
        <f t="shared" si="97"/>
        <v>1.0626386286417782</v>
      </c>
    </row>
    <row r="6246" spans="8:19" x14ac:dyDescent="0.3">
      <c r="H6246" s="44">
        <v>6239</v>
      </c>
      <c r="I6246" s="56">
        <f>Bühler!I6272</f>
        <v>0.23296308397146676</v>
      </c>
      <c r="J6246" s="59">
        <f>Bühler!J6272</f>
        <v>0.77654361323822263</v>
      </c>
      <c r="K6246" s="59">
        <f>Bühler!K6272</f>
        <v>1.1648154198573337</v>
      </c>
      <c r="L6246" s="59">
        <f>Bühler!L6272</f>
        <v>5.5911140153152017</v>
      </c>
      <c r="M6246" s="58">
        <f>Bühler!M6272</f>
        <v>0</v>
      </c>
      <c r="N6246" s="56">
        <f>IF(Input!$D$19=1,J6246*Input!$C$19,0)+IF(Input!$D$20=1,K6246*Input!$C$20,0)+IF(Input!$D$21=1,L6246*Input!$C$21,0)+IF(Input!$D$22=1,M6246*Input!$C$22,0)</f>
        <v>0.23296308397146678</v>
      </c>
      <c r="O6246" s="59">
        <f>IF(Input!$D$19=2,J6246*Input!$C$19,0)+IF(Input!$D$20=2,K6246*Input!$C$20,0)+IF(Input!$D$21=2,L6246*Input!$C$21,0)+IF(Input!$D$22=2,M6246*Input!$C$22,0)</f>
        <v>0.58240770992866686</v>
      </c>
      <c r="P6246" s="59">
        <f>IF(Input!$D$19=3,J6246*Input!$C$19,0)+IF(Input!$D$20=3,K6246*Input!$C$20,0)+IF(Input!$D$21=3,L6246*Input!$C$21,0)+IF(Input!$D$22=3,M6246*Input!$C$22,0)</f>
        <v>0</v>
      </c>
      <c r="Q6246" s="75">
        <f>IF(Input!$D$19=4,J6246*Input!$C$19,0)+IF(Input!$D$20=4,K6246*Input!$C$20,0)+IF(Input!$D$21=4,L6246*Input!$C$21,0)+IF(Input!$D$22=4,M6246*Input!$C$22,0)</f>
        <v>0</v>
      </c>
      <c r="R6246" s="58">
        <v>58.012103005577885</v>
      </c>
      <c r="S6246" s="124">
        <f t="shared" si="97"/>
        <v>1.0095066972096893</v>
      </c>
    </row>
    <row r="6247" spans="8:19" x14ac:dyDescent="0.3">
      <c r="H6247" s="44">
        <v>6240</v>
      </c>
      <c r="I6247" s="56">
        <f>Bühler!I6273</f>
        <v>0.23296308397146676</v>
      </c>
      <c r="J6247" s="59">
        <f>Bühler!J6273</f>
        <v>0.77654361323822263</v>
      </c>
      <c r="K6247" s="59">
        <f>Bühler!K6273</f>
        <v>1.1648154198573337</v>
      </c>
      <c r="L6247" s="59">
        <f>Bühler!L6273</f>
        <v>5.5911140153152017</v>
      </c>
      <c r="M6247" s="58">
        <f>Bühler!M6273</f>
        <v>0</v>
      </c>
      <c r="N6247" s="56">
        <f>IF(Input!$D$19=1,J6247*Input!$C$19,0)+IF(Input!$D$20=1,K6247*Input!$C$20,0)+IF(Input!$D$21=1,L6247*Input!$C$21,0)+IF(Input!$D$22=1,M6247*Input!$C$22,0)</f>
        <v>0.23296308397146678</v>
      </c>
      <c r="O6247" s="59">
        <f>IF(Input!$D$19=2,J6247*Input!$C$19,0)+IF(Input!$D$20=2,K6247*Input!$C$20,0)+IF(Input!$D$21=2,L6247*Input!$C$21,0)+IF(Input!$D$22=2,M6247*Input!$C$22,0)</f>
        <v>0.58240770992866686</v>
      </c>
      <c r="P6247" s="59">
        <f>IF(Input!$D$19=3,J6247*Input!$C$19,0)+IF(Input!$D$20=3,K6247*Input!$C$20,0)+IF(Input!$D$21=3,L6247*Input!$C$21,0)+IF(Input!$D$22=3,M6247*Input!$C$22,0)</f>
        <v>0</v>
      </c>
      <c r="Q6247" s="75">
        <f>IF(Input!$D$19=4,J6247*Input!$C$19,0)+IF(Input!$D$20=4,K6247*Input!$C$20,0)+IF(Input!$D$21=4,L6247*Input!$C$21,0)+IF(Input!$D$22=4,M6247*Input!$C$22,0)</f>
        <v>0</v>
      </c>
      <c r="R6247" s="58">
        <v>57.678811367263727</v>
      </c>
      <c r="S6247" s="124">
        <f t="shared" si="97"/>
        <v>1.0095066972096893</v>
      </c>
    </row>
    <row r="6248" spans="8:19" x14ac:dyDescent="0.3">
      <c r="H6248" s="44">
        <v>6241</v>
      </c>
      <c r="I6248" s="56">
        <f>Bühler!I6274</f>
        <v>0.21191097204234738</v>
      </c>
      <c r="J6248" s="59">
        <f>Bühler!J6274</f>
        <v>0.70636990680782463</v>
      </c>
      <c r="K6248" s="59">
        <f>Bühler!K6274</f>
        <v>1.0595548602117368</v>
      </c>
      <c r="L6248" s="59">
        <f>Bühler!L6274</f>
        <v>5.0858633290163366</v>
      </c>
      <c r="M6248" s="58">
        <f>Bühler!M6274</f>
        <v>0</v>
      </c>
      <c r="N6248" s="56">
        <f>IF(Input!$D$19=1,J6248*Input!$C$19,0)+IF(Input!$D$20=1,K6248*Input!$C$20,0)+IF(Input!$D$21=1,L6248*Input!$C$21,0)+IF(Input!$D$22=1,M6248*Input!$C$22,0)</f>
        <v>0.21191097204234738</v>
      </c>
      <c r="O6248" s="59">
        <f>IF(Input!$D$19=2,J6248*Input!$C$19,0)+IF(Input!$D$20=2,K6248*Input!$C$20,0)+IF(Input!$D$21=2,L6248*Input!$C$21,0)+IF(Input!$D$22=2,M6248*Input!$C$22,0)</f>
        <v>0.52977743010586842</v>
      </c>
      <c r="P6248" s="59">
        <f>IF(Input!$D$19=3,J6248*Input!$C$19,0)+IF(Input!$D$20=3,K6248*Input!$C$20,0)+IF(Input!$D$21=3,L6248*Input!$C$21,0)+IF(Input!$D$22=3,M6248*Input!$C$22,0)</f>
        <v>0</v>
      </c>
      <c r="Q6248" s="75">
        <f>IF(Input!$D$19=4,J6248*Input!$C$19,0)+IF(Input!$D$20=4,K6248*Input!$C$20,0)+IF(Input!$D$21=4,L6248*Input!$C$21,0)+IF(Input!$D$22=4,M6248*Input!$C$22,0)</f>
        <v>0</v>
      </c>
      <c r="R6248" s="58">
        <v>57.220203279423892</v>
      </c>
      <c r="S6248" s="124">
        <f t="shared" si="97"/>
        <v>0.91828087885017196</v>
      </c>
    </row>
    <row r="6249" spans="8:19" x14ac:dyDescent="0.3">
      <c r="H6249" s="44">
        <v>6242</v>
      </c>
      <c r="I6249" s="56">
        <f>Bühler!I6275</f>
        <v>0.21191097204234738</v>
      </c>
      <c r="J6249" s="59">
        <f>Bühler!J6275</f>
        <v>0.70636990680782463</v>
      </c>
      <c r="K6249" s="59">
        <f>Bühler!K6275</f>
        <v>1.0595548602117368</v>
      </c>
      <c r="L6249" s="59">
        <f>Bühler!L6275</f>
        <v>5.0858633290163366</v>
      </c>
      <c r="M6249" s="58">
        <f>Bühler!M6275</f>
        <v>0</v>
      </c>
      <c r="N6249" s="56">
        <f>IF(Input!$D$19=1,J6249*Input!$C$19,0)+IF(Input!$D$20=1,K6249*Input!$C$20,0)+IF(Input!$D$21=1,L6249*Input!$C$21,0)+IF(Input!$D$22=1,M6249*Input!$C$22,0)</f>
        <v>0.21191097204234738</v>
      </c>
      <c r="O6249" s="59">
        <f>IF(Input!$D$19=2,J6249*Input!$C$19,0)+IF(Input!$D$20=2,K6249*Input!$C$20,0)+IF(Input!$D$21=2,L6249*Input!$C$21,0)+IF(Input!$D$22=2,M6249*Input!$C$22,0)</f>
        <v>0.52977743010586842</v>
      </c>
      <c r="P6249" s="59">
        <f>IF(Input!$D$19=3,J6249*Input!$C$19,0)+IF(Input!$D$20=3,K6249*Input!$C$20,0)+IF(Input!$D$21=3,L6249*Input!$C$21,0)+IF(Input!$D$22=3,M6249*Input!$C$22,0)</f>
        <v>0</v>
      </c>
      <c r="Q6249" s="75">
        <f>IF(Input!$D$19=4,J6249*Input!$C$19,0)+IF(Input!$D$20=4,K6249*Input!$C$20,0)+IF(Input!$D$21=4,L6249*Input!$C$21,0)+IF(Input!$D$22=4,M6249*Input!$C$22,0)</f>
        <v>0</v>
      </c>
      <c r="R6249" s="58">
        <v>56.9352042027324</v>
      </c>
      <c r="S6249" s="124">
        <f t="shared" si="97"/>
        <v>0.91828087885017196</v>
      </c>
    </row>
    <row r="6250" spans="8:19" x14ac:dyDescent="0.3">
      <c r="H6250" s="44">
        <v>6243</v>
      </c>
      <c r="I6250" s="56">
        <f>Bühler!I6276</f>
        <v>0.21191097204234738</v>
      </c>
      <c r="J6250" s="59">
        <f>Bühler!J6276</f>
        <v>0.70636990680782463</v>
      </c>
      <c r="K6250" s="59">
        <f>Bühler!K6276</f>
        <v>1.0595548602117368</v>
      </c>
      <c r="L6250" s="59">
        <f>Bühler!L6276</f>
        <v>5.0858633290163366</v>
      </c>
      <c r="M6250" s="58">
        <f>Bühler!M6276</f>
        <v>0</v>
      </c>
      <c r="N6250" s="56">
        <f>IF(Input!$D$19=1,J6250*Input!$C$19,0)+IF(Input!$D$20=1,K6250*Input!$C$20,0)+IF(Input!$D$21=1,L6250*Input!$C$21,0)+IF(Input!$D$22=1,M6250*Input!$C$22,0)</f>
        <v>0.21191097204234738</v>
      </c>
      <c r="O6250" s="59">
        <f>IF(Input!$D$19=2,J6250*Input!$C$19,0)+IF(Input!$D$20=2,K6250*Input!$C$20,0)+IF(Input!$D$21=2,L6250*Input!$C$21,0)+IF(Input!$D$22=2,M6250*Input!$C$22,0)</f>
        <v>0.52977743010586842</v>
      </c>
      <c r="P6250" s="59">
        <f>IF(Input!$D$19=3,J6250*Input!$C$19,0)+IF(Input!$D$20=3,K6250*Input!$C$20,0)+IF(Input!$D$21=3,L6250*Input!$C$21,0)+IF(Input!$D$22=3,M6250*Input!$C$22,0)</f>
        <v>0</v>
      </c>
      <c r="Q6250" s="75">
        <f>IF(Input!$D$19=4,J6250*Input!$C$19,0)+IF(Input!$D$20=4,K6250*Input!$C$20,0)+IF(Input!$D$21=4,L6250*Input!$C$21,0)+IF(Input!$D$22=4,M6250*Input!$C$22,0)</f>
        <v>0</v>
      </c>
      <c r="R6250" s="58">
        <v>57.259732048760185</v>
      </c>
      <c r="S6250" s="124">
        <f t="shared" si="97"/>
        <v>0.91828087885017196</v>
      </c>
    </row>
    <row r="6251" spans="8:19" x14ac:dyDescent="0.3">
      <c r="H6251" s="44">
        <v>6244</v>
      </c>
      <c r="I6251" s="56">
        <f>Bühler!I6277</f>
        <v>0.21191097204234738</v>
      </c>
      <c r="J6251" s="59">
        <f>Bühler!J6277</f>
        <v>0.70636990680782463</v>
      </c>
      <c r="K6251" s="59">
        <f>Bühler!K6277</f>
        <v>1.0595548602117368</v>
      </c>
      <c r="L6251" s="59">
        <f>Bühler!L6277</f>
        <v>5.0858633290163366</v>
      </c>
      <c r="M6251" s="58">
        <f>Bühler!M6277</f>
        <v>0</v>
      </c>
      <c r="N6251" s="56">
        <f>IF(Input!$D$19=1,J6251*Input!$C$19,0)+IF(Input!$D$20=1,K6251*Input!$C$20,0)+IF(Input!$D$21=1,L6251*Input!$C$21,0)+IF(Input!$D$22=1,M6251*Input!$C$22,0)</f>
        <v>0.21191097204234738</v>
      </c>
      <c r="O6251" s="59">
        <f>IF(Input!$D$19=2,J6251*Input!$C$19,0)+IF(Input!$D$20=2,K6251*Input!$C$20,0)+IF(Input!$D$21=2,L6251*Input!$C$21,0)+IF(Input!$D$22=2,M6251*Input!$C$22,0)</f>
        <v>0.52977743010586842</v>
      </c>
      <c r="P6251" s="59">
        <f>IF(Input!$D$19=3,J6251*Input!$C$19,0)+IF(Input!$D$20=3,K6251*Input!$C$20,0)+IF(Input!$D$21=3,L6251*Input!$C$21,0)+IF(Input!$D$22=3,M6251*Input!$C$22,0)</f>
        <v>0</v>
      </c>
      <c r="Q6251" s="75">
        <f>IF(Input!$D$19=4,J6251*Input!$C$19,0)+IF(Input!$D$20=4,K6251*Input!$C$20,0)+IF(Input!$D$21=4,L6251*Input!$C$21,0)+IF(Input!$D$22=4,M6251*Input!$C$22,0)</f>
        <v>0</v>
      </c>
      <c r="R6251" s="58">
        <v>58.003844267130695</v>
      </c>
      <c r="S6251" s="124">
        <f t="shared" si="97"/>
        <v>0.91828087885017196</v>
      </c>
    </row>
    <row r="6252" spans="8:19" x14ac:dyDescent="0.3">
      <c r="H6252" s="44">
        <v>6245</v>
      </c>
      <c r="I6252" s="56">
        <f>Bühler!I6278</f>
        <v>0.21191097204234738</v>
      </c>
      <c r="J6252" s="59">
        <f>Bühler!J6278</f>
        <v>0.70636990680782463</v>
      </c>
      <c r="K6252" s="59">
        <f>Bühler!K6278</f>
        <v>1.0595548602117368</v>
      </c>
      <c r="L6252" s="59">
        <f>Bühler!L6278</f>
        <v>5.0858633290163366</v>
      </c>
      <c r="M6252" s="58">
        <f>Bühler!M6278</f>
        <v>0</v>
      </c>
      <c r="N6252" s="56">
        <f>IF(Input!$D$19=1,J6252*Input!$C$19,0)+IF(Input!$D$20=1,K6252*Input!$C$20,0)+IF(Input!$D$21=1,L6252*Input!$C$21,0)+IF(Input!$D$22=1,M6252*Input!$C$22,0)</f>
        <v>0.21191097204234738</v>
      </c>
      <c r="O6252" s="59">
        <f>IF(Input!$D$19=2,J6252*Input!$C$19,0)+IF(Input!$D$20=2,K6252*Input!$C$20,0)+IF(Input!$D$21=2,L6252*Input!$C$21,0)+IF(Input!$D$22=2,M6252*Input!$C$22,0)</f>
        <v>0.52977743010586842</v>
      </c>
      <c r="P6252" s="59">
        <f>IF(Input!$D$19=3,J6252*Input!$C$19,0)+IF(Input!$D$20=3,K6252*Input!$C$20,0)+IF(Input!$D$21=3,L6252*Input!$C$21,0)+IF(Input!$D$22=3,M6252*Input!$C$22,0)</f>
        <v>0</v>
      </c>
      <c r="Q6252" s="75">
        <f>IF(Input!$D$19=4,J6252*Input!$C$19,0)+IF(Input!$D$20=4,K6252*Input!$C$20,0)+IF(Input!$D$21=4,L6252*Input!$C$21,0)+IF(Input!$D$22=4,M6252*Input!$C$22,0)</f>
        <v>0</v>
      </c>
      <c r="R6252" s="58">
        <v>59.416507608796977</v>
      </c>
      <c r="S6252" s="124">
        <f t="shared" si="97"/>
        <v>0.91828087885017196</v>
      </c>
    </row>
    <row r="6253" spans="8:19" x14ac:dyDescent="0.3">
      <c r="H6253" s="44">
        <v>6246</v>
      </c>
      <c r="I6253" s="56">
        <f>Bühler!I6279</f>
        <v>0.27548426365505158</v>
      </c>
      <c r="J6253" s="59">
        <f>Bühler!J6279</f>
        <v>0.91828087885017196</v>
      </c>
      <c r="K6253" s="59">
        <f>Bühler!K6279</f>
        <v>1.3774213182752577</v>
      </c>
      <c r="L6253" s="59">
        <f>Bühler!L6279</f>
        <v>6.6116223277212374</v>
      </c>
      <c r="M6253" s="58">
        <f>Bühler!M6279</f>
        <v>0</v>
      </c>
      <c r="N6253" s="56">
        <f>IF(Input!$D$19=1,J6253*Input!$C$19,0)+IF(Input!$D$20=1,K6253*Input!$C$20,0)+IF(Input!$D$21=1,L6253*Input!$C$21,0)+IF(Input!$D$22=1,M6253*Input!$C$22,0)</f>
        <v>0.27548426365505158</v>
      </c>
      <c r="O6253" s="59">
        <f>IF(Input!$D$19=2,J6253*Input!$C$19,0)+IF(Input!$D$20=2,K6253*Input!$C$20,0)+IF(Input!$D$21=2,L6253*Input!$C$21,0)+IF(Input!$D$22=2,M6253*Input!$C$22,0)</f>
        <v>0.68871065913762886</v>
      </c>
      <c r="P6253" s="59">
        <f>IF(Input!$D$19=3,J6253*Input!$C$19,0)+IF(Input!$D$20=3,K6253*Input!$C$20,0)+IF(Input!$D$21=3,L6253*Input!$C$21,0)+IF(Input!$D$22=3,M6253*Input!$C$22,0)</f>
        <v>0</v>
      </c>
      <c r="Q6253" s="75">
        <f>IF(Input!$D$19=4,J6253*Input!$C$19,0)+IF(Input!$D$20=4,K6253*Input!$C$20,0)+IF(Input!$D$21=4,L6253*Input!$C$21,0)+IF(Input!$D$22=4,M6253*Input!$C$22,0)</f>
        <v>0</v>
      </c>
      <c r="R6253" s="58">
        <v>62.842939800031026</v>
      </c>
      <c r="S6253" s="124">
        <f t="shared" si="97"/>
        <v>1.1937651425052236</v>
      </c>
    </row>
    <row r="6254" spans="8:19" x14ac:dyDescent="0.3">
      <c r="H6254" s="44">
        <v>6247</v>
      </c>
      <c r="I6254" s="56">
        <f>Bühler!I6280</f>
        <v>0.30727090946140367</v>
      </c>
      <c r="J6254" s="59">
        <f>Bühler!J6280</f>
        <v>1.0242363648713455</v>
      </c>
      <c r="K6254" s="59">
        <f>Bühler!K6280</f>
        <v>1.5363545473070184</v>
      </c>
      <c r="L6254" s="59">
        <f>Bühler!L6280</f>
        <v>7.3745018270736873</v>
      </c>
      <c r="M6254" s="58">
        <f>Bühler!M6280</f>
        <v>0</v>
      </c>
      <c r="N6254" s="56">
        <f>IF(Input!$D$19=1,J6254*Input!$C$19,0)+IF(Input!$D$20=1,K6254*Input!$C$20,0)+IF(Input!$D$21=1,L6254*Input!$C$21,0)+IF(Input!$D$22=1,M6254*Input!$C$22,0)</f>
        <v>0.30727090946140362</v>
      </c>
      <c r="O6254" s="59">
        <f>IF(Input!$D$19=2,J6254*Input!$C$19,0)+IF(Input!$D$20=2,K6254*Input!$C$20,0)+IF(Input!$D$21=2,L6254*Input!$C$21,0)+IF(Input!$D$22=2,M6254*Input!$C$22,0)</f>
        <v>0.76817727365350919</v>
      </c>
      <c r="P6254" s="59">
        <f>IF(Input!$D$19=3,J6254*Input!$C$19,0)+IF(Input!$D$20=3,K6254*Input!$C$20,0)+IF(Input!$D$21=3,L6254*Input!$C$21,0)+IF(Input!$D$22=3,M6254*Input!$C$22,0)</f>
        <v>0</v>
      </c>
      <c r="Q6254" s="75">
        <f>IF(Input!$D$19=4,J6254*Input!$C$19,0)+IF(Input!$D$20=4,K6254*Input!$C$20,0)+IF(Input!$D$21=4,L6254*Input!$C$21,0)+IF(Input!$D$22=4,M6254*Input!$C$22,0)</f>
        <v>0</v>
      </c>
      <c r="R6254" s="58">
        <v>66.078401935821603</v>
      </c>
      <c r="S6254" s="124">
        <f t="shared" si="97"/>
        <v>1.3315072743327492</v>
      </c>
    </row>
    <row r="6255" spans="8:19" x14ac:dyDescent="0.3">
      <c r="H6255" s="44">
        <v>6248</v>
      </c>
      <c r="I6255" s="56">
        <f>Bühler!I6281</f>
        <v>0.31786645806352104</v>
      </c>
      <c r="J6255" s="59">
        <f>Bühler!J6281</f>
        <v>1.0595548602117368</v>
      </c>
      <c r="K6255" s="59">
        <f>Bühler!K6281</f>
        <v>1.5893322903176053</v>
      </c>
      <c r="L6255" s="59">
        <f>Bühler!L6281</f>
        <v>7.6287949935245045</v>
      </c>
      <c r="M6255" s="58">
        <f>Bühler!M6281</f>
        <v>0</v>
      </c>
      <c r="N6255" s="56">
        <f>IF(Input!$D$19=1,J6255*Input!$C$19,0)+IF(Input!$D$20=1,K6255*Input!$C$20,0)+IF(Input!$D$21=1,L6255*Input!$C$21,0)+IF(Input!$D$22=1,M6255*Input!$C$22,0)</f>
        <v>0.31786645806352104</v>
      </c>
      <c r="O6255" s="59">
        <f>IF(Input!$D$19=2,J6255*Input!$C$19,0)+IF(Input!$D$20=2,K6255*Input!$C$20,0)+IF(Input!$D$21=2,L6255*Input!$C$21,0)+IF(Input!$D$22=2,M6255*Input!$C$22,0)</f>
        <v>0.79466614515880263</v>
      </c>
      <c r="P6255" s="59">
        <f>IF(Input!$D$19=3,J6255*Input!$C$19,0)+IF(Input!$D$20=3,K6255*Input!$C$20,0)+IF(Input!$D$21=3,L6255*Input!$C$21,0)+IF(Input!$D$22=3,M6255*Input!$C$22,0)</f>
        <v>0</v>
      </c>
      <c r="Q6255" s="75">
        <f>IF(Input!$D$19=4,J6255*Input!$C$19,0)+IF(Input!$D$20=4,K6255*Input!$C$20,0)+IF(Input!$D$21=4,L6255*Input!$C$21,0)+IF(Input!$D$22=4,M6255*Input!$C$22,0)</f>
        <v>0</v>
      </c>
      <c r="R6255" s="58">
        <v>68.187040333908257</v>
      </c>
      <c r="S6255" s="124">
        <f t="shared" si="97"/>
        <v>1.3774213182752579</v>
      </c>
    </row>
    <row r="6256" spans="8:19" x14ac:dyDescent="0.3">
      <c r="H6256" s="44">
        <v>6249</v>
      </c>
      <c r="I6256" s="56">
        <f>Bühler!I6282</f>
        <v>0.31786645806352104</v>
      </c>
      <c r="J6256" s="59">
        <f>Bühler!J6282</f>
        <v>1.0595548602117368</v>
      </c>
      <c r="K6256" s="59">
        <f>Bühler!K6282</f>
        <v>1.5893322903176053</v>
      </c>
      <c r="L6256" s="59">
        <f>Bühler!L6282</f>
        <v>7.6287949935245045</v>
      </c>
      <c r="M6256" s="58">
        <f>Bühler!M6282</f>
        <v>0</v>
      </c>
      <c r="N6256" s="56">
        <f>IF(Input!$D$19=1,J6256*Input!$C$19,0)+IF(Input!$D$20=1,K6256*Input!$C$20,0)+IF(Input!$D$21=1,L6256*Input!$C$21,0)+IF(Input!$D$22=1,M6256*Input!$C$22,0)</f>
        <v>0.31786645806352104</v>
      </c>
      <c r="O6256" s="59">
        <f>IF(Input!$D$19=2,J6256*Input!$C$19,0)+IF(Input!$D$20=2,K6256*Input!$C$20,0)+IF(Input!$D$21=2,L6256*Input!$C$21,0)+IF(Input!$D$22=2,M6256*Input!$C$22,0)</f>
        <v>0.79466614515880263</v>
      </c>
      <c r="P6256" s="59">
        <f>IF(Input!$D$19=3,J6256*Input!$C$19,0)+IF(Input!$D$20=3,K6256*Input!$C$20,0)+IF(Input!$D$21=3,L6256*Input!$C$21,0)+IF(Input!$D$22=3,M6256*Input!$C$22,0)</f>
        <v>0</v>
      </c>
      <c r="Q6256" s="75">
        <f>IF(Input!$D$19=4,J6256*Input!$C$19,0)+IF(Input!$D$20=4,K6256*Input!$C$20,0)+IF(Input!$D$21=4,L6256*Input!$C$21,0)+IF(Input!$D$22=4,M6256*Input!$C$22,0)</f>
        <v>0</v>
      </c>
      <c r="R6256" s="58">
        <v>69.051253315710539</v>
      </c>
      <c r="S6256" s="124">
        <f t="shared" si="97"/>
        <v>1.3774213182752579</v>
      </c>
    </row>
    <row r="6257" spans="8:19" x14ac:dyDescent="0.3">
      <c r="H6257" s="44">
        <v>6250</v>
      </c>
      <c r="I6257" s="56">
        <f>Bühler!I6283</f>
        <v>0.34435532956881448</v>
      </c>
      <c r="J6257" s="59">
        <f>Bühler!J6283</f>
        <v>1.1478510985627151</v>
      </c>
      <c r="K6257" s="59">
        <f>Bühler!K6283</f>
        <v>1.7217766478440724</v>
      </c>
      <c r="L6257" s="59">
        <f>Bühler!L6283</f>
        <v>8.264527909651548</v>
      </c>
      <c r="M6257" s="58">
        <f>Bühler!M6283</f>
        <v>0</v>
      </c>
      <c r="N6257" s="56">
        <f>IF(Input!$D$19=1,J6257*Input!$C$19,0)+IF(Input!$D$20=1,K6257*Input!$C$20,0)+IF(Input!$D$21=1,L6257*Input!$C$21,0)+IF(Input!$D$22=1,M6257*Input!$C$22,0)</f>
        <v>0.34435532956881448</v>
      </c>
      <c r="O6257" s="59">
        <f>IF(Input!$D$19=2,J6257*Input!$C$19,0)+IF(Input!$D$20=2,K6257*Input!$C$20,0)+IF(Input!$D$21=2,L6257*Input!$C$21,0)+IF(Input!$D$22=2,M6257*Input!$C$22,0)</f>
        <v>0.86088832392203618</v>
      </c>
      <c r="P6257" s="59">
        <f>IF(Input!$D$19=3,J6257*Input!$C$19,0)+IF(Input!$D$20=3,K6257*Input!$C$20,0)+IF(Input!$D$21=3,L6257*Input!$C$21,0)+IF(Input!$D$22=3,M6257*Input!$C$22,0)</f>
        <v>0</v>
      </c>
      <c r="Q6257" s="75">
        <f>IF(Input!$D$19=4,J6257*Input!$C$19,0)+IF(Input!$D$20=4,K6257*Input!$C$20,0)+IF(Input!$D$21=4,L6257*Input!$C$21,0)+IF(Input!$D$22=4,M6257*Input!$C$22,0)</f>
        <v>0</v>
      </c>
      <c r="R6257" s="58">
        <v>69.294695483757465</v>
      </c>
      <c r="S6257" s="124">
        <f t="shared" si="97"/>
        <v>1.4922064281315295</v>
      </c>
    </row>
    <row r="6258" spans="8:19" x14ac:dyDescent="0.3">
      <c r="H6258" s="44">
        <v>6251</v>
      </c>
      <c r="I6258" s="56">
        <f>Bühler!I6284</f>
        <v>0.36024865247199045</v>
      </c>
      <c r="J6258" s="59">
        <f>Bühler!J6284</f>
        <v>1.2008288415733017</v>
      </c>
      <c r="K6258" s="59">
        <f>Bühler!K6284</f>
        <v>1.8012432623599524</v>
      </c>
      <c r="L6258" s="59">
        <f>Bühler!L6284</f>
        <v>8.6459676593277717</v>
      </c>
      <c r="M6258" s="58">
        <f>Bühler!M6284</f>
        <v>0</v>
      </c>
      <c r="N6258" s="56">
        <f>IF(Input!$D$19=1,J6258*Input!$C$19,0)+IF(Input!$D$20=1,K6258*Input!$C$20,0)+IF(Input!$D$21=1,L6258*Input!$C$21,0)+IF(Input!$D$22=1,M6258*Input!$C$22,0)</f>
        <v>0.3602486524719905</v>
      </c>
      <c r="O6258" s="59">
        <f>IF(Input!$D$19=2,J6258*Input!$C$19,0)+IF(Input!$D$20=2,K6258*Input!$C$20,0)+IF(Input!$D$21=2,L6258*Input!$C$21,0)+IF(Input!$D$22=2,M6258*Input!$C$22,0)</f>
        <v>0.90062163117997618</v>
      </c>
      <c r="P6258" s="59">
        <f>IF(Input!$D$19=3,J6258*Input!$C$19,0)+IF(Input!$D$20=3,K6258*Input!$C$20,0)+IF(Input!$D$21=3,L6258*Input!$C$21,0)+IF(Input!$D$22=3,M6258*Input!$C$22,0)</f>
        <v>0</v>
      </c>
      <c r="Q6258" s="75">
        <f>IF(Input!$D$19=4,J6258*Input!$C$19,0)+IF(Input!$D$20=4,K6258*Input!$C$20,0)+IF(Input!$D$21=4,L6258*Input!$C$21,0)+IF(Input!$D$22=4,M6258*Input!$C$22,0)</f>
        <v>0</v>
      </c>
      <c r="R6258" s="58">
        <v>70.736918773433956</v>
      </c>
      <c r="S6258" s="124">
        <f t="shared" si="97"/>
        <v>1.5610774940452923</v>
      </c>
    </row>
    <row r="6259" spans="8:19" x14ac:dyDescent="0.3">
      <c r="H6259" s="44">
        <v>6252</v>
      </c>
      <c r="I6259" s="56">
        <f>Bühler!I6285</f>
        <v>0.42382194408469476</v>
      </c>
      <c r="J6259" s="59">
        <f>Bühler!J6285</f>
        <v>1.4127398136156493</v>
      </c>
      <c r="K6259" s="59">
        <f>Bühler!K6285</f>
        <v>2.1191097204234737</v>
      </c>
      <c r="L6259" s="59">
        <f>Bühler!L6285</f>
        <v>10.171726658032673</v>
      </c>
      <c r="M6259" s="58">
        <f>Bühler!M6285</f>
        <v>0</v>
      </c>
      <c r="N6259" s="56">
        <f>IF(Input!$D$19=1,J6259*Input!$C$19,0)+IF(Input!$D$20=1,K6259*Input!$C$20,0)+IF(Input!$D$21=1,L6259*Input!$C$21,0)+IF(Input!$D$22=1,M6259*Input!$C$22,0)</f>
        <v>0.42382194408469476</v>
      </c>
      <c r="O6259" s="59">
        <f>IF(Input!$D$19=2,J6259*Input!$C$19,0)+IF(Input!$D$20=2,K6259*Input!$C$20,0)+IF(Input!$D$21=2,L6259*Input!$C$21,0)+IF(Input!$D$22=2,M6259*Input!$C$22,0)</f>
        <v>1.0595548602117368</v>
      </c>
      <c r="P6259" s="59">
        <f>IF(Input!$D$19=3,J6259*Input!$C$19,0)+IF(Input!$D$20=3,K6259*Input!$C$20,0)+IF(Input!$D$21=3,L6259*Input!$C$21,0)+IF(Input!$D$22=3,M6259*Input!$C$22,0)</f>
        <v>0</v>
      </c>
      <c r="Q6259" s="75">
        <f>IF(Input!$D$19=4,J6259*Input!$C$19,0)+IF(Input!$D$20=4,K6259*Input!$C$20,0)+IF(Input!$D$21=4,L6259*Input!$C$21,0)+IF(Input!$D$22=4,M6259*Input!$C$22,0)</f>
        <v>0</v>
      </c>
      <c r="R6259" s="58">
        <v>71.546268472586277</v>
      </c>
      <c r="S6259" s="124">
        <f t="shared" si="97"/>
        <v>1.8365617577003439</v>
      </c>
    </row>
    <row r="6260" spans="8:19" x14ac:dyDescent="0.3">
      <c r="H6260" s="44">
        <v>6253</v>
      </c>
      <c r="I6260" s="56">
        <f>Bühler!I6286</f>
        <v>0.42382194408469476</v>
      </c>
      <c r="J6260" s="59">
        <f>Bühler!J6286</f>
        <v>1.4127398136156493</v>
      </c>
      <c r="K6260" s="59">
        <f>Bühler!K6286</f>
        <v>2.1191097204234737</v>
      </c>
      <c r="L6260" s="59">
        <f>Bühler!L6286</f>
        <v>10.171726658032673</v>
      </c>
      <c r="M6260" s="58">
        <f>Bühler!M6286</f>
        <v>0</v>
      </c>
      <c r="N6260" s="56">
        <f>IF(Input!$D$19=1,J6260*Input!$C$19,0)+IF(Input!$D$20=1,K6260*Input!$C$20,0)+IF(Input!$D$21=1,L6260*Input!$C$21,0)+IF(Input!$D$22=1,M6260*Input!$C$22,0)</f>
        <v>0.42382194408469476</v>
      </c>
      <c r="O6260" s="59">
        <f>IF(Input!$D$19=2,J6260*Input!$C$19,0)+IF(Input!$D$20=2,K6260*Input!$C$20,0)+IF(Input!$D$21=2,L6260*Input!$C$21,0)+IF(Input!$D$22=2,M6260*Input!$C$22,0)</f>
        <v>1.0595548602117368</v>
      </c>
      <c r="P6260" s="59">
        <f>IF(Input!$D$19=3,J6260*Input!$C$19,0)+IF(Input!$D$20=3,K6260*Input!$C$20,0)+IF(Input!$D$21=3,L6260*Input!$C$21,0)+IF(Input!$D$22=3,M6260*Input!$C$22,0)</f>
        <v>0</v>
      </c>
      <c r="Q6260" s="75">
        <f>IF(Input!$D$19=4,J6260*Input!$C$19,0)+IF(Input!$D$20=4,K6260*Input!$C$20,0)+IF(Input!$D$21=4,L6260*Input!$C$21,0)+IF(Input!$D$22=4,M6260*Input!$C$22,0)</f>
        <v>0</v>
      </c>
      <c r="R6260" s="58">
        <v>70.861828551646923</v>
      </c>
      <c r="S6260" s="124">
        <f t="shared" si="97"/>
        <v>1.8365617577003439</v>
      </c>
    </row>
    <row r="6261" spans="8:19" x14ac:dyDescent="0.3">
      <c r="H6261" s="44">
        <v>6254</v>
      </c>
      <c r="I6261" s="56">
        <f>Bühler!I6287</f>
        <v>0.42382194408469476</v>
      </c>
      <c r="J6261" s="59">
        <f>Bühler!J6287</f>
        <v>1.4127398136156493</v>
      </c>
      <c r="K6261" s="59">
        <f>Bühler!K6287</f>
        <v>2.1191097204234737</v>
      </c>
      <c r="L6261" s="59">
        <f>Bühler!L6287</f>
        <v>10.171726658032673</v>
      </c>
      <c r="M6261" s="58">
        <f>Bühler!M6287</f>
        <v>0</v>
      </c>
      <c r="N6261" s="56">
        <f>IF(Input!$D$19=1,J6261*Input!$C$19,0)+IF(Input!$D$20=1,K6261*Input!$C$20,0)+IF(Input!$D$21=1,L6261*Input!$C$21,0)+IF(Input!$D$22=1,M6261*Input!$C$22,0)</f>
        <v>0.42382194408469476</v>
      </c>
      <c r="O6261" s="59">
        <f>IF(Input!$D$19=2,J6261*Input!$C$19,0)+IF(Input!$D$20=2,K6261*Input!$C$20,0)+IF(Input!$D$21=2,L6261*Input!$C$21,0)+IF(Input!$D$22=2,M6261*Input!$C$22,0)</f>
        <v>1.0595548602117368</v>
      </c>
      <c r="P6261" s="59">
        <f>IF(Input!$D$19=3,J6261*Input!$C$19,0)+IF(Input!$D$20=3,K6261*Input!$C$20,0)+IF(Input!$D$21=3,L6261*Input!$C$21,0)+IF(Input!$D$22=3,M6261*Input!$C$22,0)</f>
        <v>0</v>
      </c>
      <c r="Q6261" s="75">
        <f>IF(Input!$D$19=4,J6261*Input!$C$19,0)+IF(Input!$D$20=4,K6261*Input!$C$20,0)+IF(Input!$D$21=4,L6261*Input!$C$21,0)+IF(Input!$D$22=4,M6261*Input!$C$22,0)</f>
        <v>0</v>
      </c>
      <c r="R6261" s="58">
        <v>69.835191843873289</v>
      </c>
      <c r="S6261" s="124">
        <f t="shared" si="97"/>
        <v>1.8365617577003439</v>
      </c>
    </row>
    <row r="6262" spans="8:19" x14ac:dyDescent="0.3">
      <c r="H6262" s="44">
        <v>6255</v>
      </c>
      <c r="I6262" s="56">
        <f>Bühler!I6288</f>
        <v>0.42382194408469476</v>
      </c>
      <c r="J6262" s="59">
        <f>Bühler!J6288</f>
        <v>1.4127398136156493</v>
      </c>
      <c r="K6262" s="59">
        <f>Bühler!K6288</f>
        <v>2.1191097204234737</v>
      </c>
      <c r="L6262" s="59">
        <f>Bühler!L6288</f>
        <v>10.171726658032673</v>
      </c>
      <c r="M6262" s="58">
        <f>Bühler!M6288</f>
        <v>0</v>
      </c>
      <c r="N6262" s="56">
        <f>IF(Input!$D$19=1,J6262*Input!$C$19,0)+IF(Input!$D$20=1,K6262*Input!$C$20,0)+IF(Input!$D$21=1,L6262*Input!$C$21,0)+IF(Input!$D$22=1,M6262*Input!$C$22,0)</f>
        <v>0.42382194408469476</v>
      </c>
      <c r="O6262" s="59">
        <f>IF(Input!$D$19=2,J6262*Input!$C$19,0)+IF(Input!$D$20=2,K6262*Input!$C$20,0)+IF(Input!$D$21=2,L6262*Input!$C$21,0)+IF(Input!$D$22=2,M6262*Input!$C$22,0)</f>
        <v>1.0595548602117368</v>
      </c>
      <c r="P6262" s="59">
        <f>IF(Input!$D$19=3,J6262*Input!$C$19,0)+IF(Input!$D$20=3,K6262*Input!$C$20,0)+IF(Input!$D$21=3,L6262*Input!$C$21,0)+IF(Input!$D$22=3,M6262*Input!$C$22,0)</f>
        <v>0</v>
      </c>
      <c r="Q6262" s="75">
        <f>IF(Input!$D$19=4,J6262*Input!$C$19,0)+IF(Input!$D$20=4,K6262*Input!$C$20,0)+IF(Input!$D$21=4,L6262*Input!$C$21,0)+IF(Input!$D$22=4,M6262*Input!$C$22,0)</f>
        <v>0</v>
      </c>
      <c r="R6262" s="58">
        <v>69.678974042954252</v>
      </c>
      <c r="S6262" s="124">
        <f t="shared" si="97"/>
        <v>1.8365617577003439</v>
      </c>
    </row>
    <row r="6263" spans="8:19" x14ac:dyDescent="0.3">
      <c r="H6263" s="44">
        <v>6256</v>
      </c>
      <c r="I6263" s="56">
        <f>Bühler!I6289</f>
        <v>0.42382194408469476</v>
      </c>
      <c r="J6263" s="59">
        <f>Bühler!J6289</f>
        <v>1.4127398136156493</v>
      </c>
      <c r="K6263" s="59">
        <f>Bühler!K6289</f>
        <v>2.1191097204234737</v>
      </c>
      <c r="L6263" s="59">
        <f>Bühler!L6289</f>
        <v>10.171726658032673</v>
      </c>
      <c r="M6263" s="58">
        <f>Bühler!M6289</f>
        <v>0</v>
      </c>
      <c r="N6263" s="56">
        <f>IF(Input!$D$19=1,J6263*Input!$C$19,0)+IF(Input!$D$20=1,K6263*Input!$C$20,0)+IF(Input!$D$21=1,L6263*Input!$C$21,0)+IF(Input!$D$22=1,M6263*Input!$C$22,0)</f>
        <v>0.42382194408469476</v>
      </c>
      <c r="O6263" s="59">
        <f>IF(Input!$D$19=2,J6263*Input!$C$19,0)+IF(Input!$D$20=2,K6263*Input!$C$20,0)+IF(Input!$D$21=2,L6263*Input!$C$21,0)+IF(Input!$D$22=2,M6263*Input!$C$22,0)</f>
        <v>1.0595548602117368</v>
      </c>
      <c r="P6263" s="59">
        <f>IF(Input!$D$19=3,J6263*Input!$C$19,0)+IF(Input!$D$20=3,K6263*Input!$C$20,0)+IF(Input!$D$21=3,L6263*Input!$C$21,0)+IF(Input!$D$22=3,M6263*Input!$C$22,0)</f>
        <v>0</v>
      </c>
      <c r="Q6263" s="75">
        <f>IF(Input!$D$19=4,J6263*Input!$C$19,0)+IF(Input!$D$20=4,K6263*Input!$C$20,0)+IF(Input!$D$21=4,L6263*Input!$C$21,0)+IF(Input!$D$22=4,M6263*Input!$C$22,0)</f>
        <v>0</v>
      </c>
      <c r="R6263" s="58">
        <v>69.607452986318194</v>
      </c>
      <c r="S6263" s="124">
        <f t="shared" si="97"/>
        <v>1.8365617577003439</v>
      </c>
    </row>
    <row r="6264" spans="8:19" x14ac:dyDescent="0.3">
      <c r="H6264" s="44">
        <v>6257</v>
      </c>
      <c r="I6264" s="56">
        <f>Bühler!I6290</f>
        <v>0.42382194408469476</v>
      </c>
      <c r="J6264" s="59">
        <f>Bühler!J6290</f>
        <v>1.4127398136156493</v>
      </c>
      <c r="K6264" s="59">
        <f>Bühler!K6290</f>
        <v>2.1191097204234737</v>
      </c>
      <c r="L6264" s="59">
        <f>Bühler!L6290</f>
        <v>10.171726658032673</v>
      </c>
      <c r="M6264" s="58">
        <f>Bühler!M6290</f>
        <v>0</v>
      </c>
      <c r="N6264" s="56">
        <f>IF(Input!$D$19=1,J6264*Input!$C$19,0)+IF(Input!$D$20=1,K6264*Input!$C$20,0)+IF(Input!$D$21=1,L6264*Input!$C$21,0)+IF(Input!$D$22=1,M6264*Input!$C$22,0)</f>
        <v>0.42382194408469476</v>
      </c>
      <c r="O6264" s="59">
        <f>IF(Input!$D$19=2,J6264*Input!$C$19,0)+IF(Input!$D$20=2,K6264*Input!$C$20,0)+IF(Input!$D$21=2,L6264*Input!$C$21,0)+IF(Input!$D$22=2,M6264*Input!$C$22,0)</f>
        <v>1.0595548602117368</v>
      </c>
      <c r="P6264" s="59">
        <f>IF(Input!$D$19=3,J6264*Input!$C$19,0)+IF(Input!$D$20=3,K6264*Input!$C$20,0)+IF(Input!$D$21=3,L6264*Input!$C$21,0)+IF(Input!$D$22=3,M6264*Input!$C$22,0)</f>
        <v>0</v>
      </c>
      <c r="Q6264" s="75">
        <f>IF(Input!$D$19=4,J6264*Input!$C$19,0)+IF(Input!$D$20=4,K6264*Input!$C$20,0)+IF(Input!$D$21=4,L6264*Input!$C$21,0)+IF(Input!$D$22=4,M6264*Input!$C$22,0)</f>
        <v>0</v>
      </c>
      <c r="R6264" s="58">
        <v>68.458498044359501</v>
      </c>
      <c r="S6264" s="124">
        <f t="shared" si="97"/>
        <v>1.8365617577003439</v>
      </c>
    </row>
    <row r="6265" spans="8:19" x14ac:dyDescent="0.3">
      <c r="H6265" s="44">
        <v>6258</v>
      </c>
      <c r="I6265" s="56">
        <f>Bühler!I6291</f>
        <v>0.42382194408469476</v>
      </c>
      <c r="J6265" s="59">
        <f>Bühler!J6291</f>
        <v>1.4127398136156493</v>
      </c>
      <c r="K6265" s="59">
        <f>Bühler!K6291</f>
        <v>2.1191097204234737</v>
      </c>
      <c r="L6265" s="59">
        <f>Bühler!L6291</f>
        <v>10.171726658032673</v>
      </c>
      <c r="M6265" s="58">
        <f>Bühler!M6291</f>
        <v>0</v>
      </c>
      <c r="N6265" s="56">
        <f>IF(Input!$D$19=1,J6265*Input!$C$19,0)+IF(Input!$D$20=1,K6265*Input!$C$20,0)+IF(Input!$D$21=1,L6265*Input!$C$21,0)+IF(Input!$D$22=1,M6265*Input!$C$22,0)</f>
        <v>0.42382194408469476</v>
      </c>
      <c r="O6265" s="59">
        <f>IF(Input!$D$19=2,J6265*Input!$C$19,0)+IF(Input!$D$20=2,K6265*Input!$C$20,0)+IF(Input!$D$21=2,L6265*Input!$C$21,0)+IF(Input!$D$22=2,M6265*Input!$C$22,0)</f>
        <v>1.0595548602117368</v>
      </c>
      <c r="P6265" s="59">
        <f>IF(Input!$D$19=3,J6265*Input!$C$19,0)+IF(Input!$D$20=3,K6265*Input!$C$20,0)+IF(Input!$D$21=3,L6265*Input!$C$21,0)+IF(Input!$D$22=3,M6265*Input!$C$22,0)</f>
        <v>0</v>
      </c>
      <c r="Q6265" s="75">
        <f>IF(Input!$D$19=4,J6265*Input!$C$19,0)+IF(Input!$D$20=4,K6265*Input!$C$20,0)+IF(Input!$D$21=4,L6265*Input!$C$21,0)+IF(Input!$D$22=4,M6265*Input!$C$22,0)</f>
        <v>0</v>
      </c>
      <c r="R6265" s="58">
        <v>66.716081167563459</v>
      </c>
      <c r="S6265" s="124">
        <f t="shared" si="97"/>
        <v>1.8365617577003439</v>
      </c>
    </row>
    <row r="6266" spans="8:19" x14ac:dyDescent="0.3">
      <c r="H6266" s="44">
        <v>6259</v>
      </c>
      <c r="I6266" s="56">
        <f>Bühler!I6292</f>
        <v>0.42382194408469476</v>
      </c>
      <c r="J6266" s="59">
        <f>Bühler!J6292</f>
        <v>1.4127398136156493</v>
      </c>
      <c r="K6266" s="59">
        <f>Bühler!K6292</f>
        <v>2.1191097204234737</v>
      </c>
      <c r="L6266" s="59">
        <f>Bühler!L6292</f>
        <v>10.171726658032673</v>
      </c>
      <c r="M6266" s="58">
        <f>Bühler!M6292</f>
        <v>0</v>
      </c>
      <c r="N6266" s="56">
        <f>IF(Input!$D$19=1,J6266*Input!$C$19,0)+IF(Input!$D$20=1,K6266*Input!$C$20,0)+IF(Input!$D$21=1,L6266*Input!$C$21,0)+IF(Input!$D$22=1,M6266*Input!$C$22,0)</f>
        <v>0.42382194408469476</v>
      </c>
      <c r="O6266" s="59">
        <f>IF(Input!$D$19=2,J6266*Input!$C$19,0)+IF(Input!$D$20=2,K6266*Input!$C$20,0)+IF(Input!$D$21=2,L6266*Input!$C$21,0)+IF(Input!$D$22=2,M6266*Input!$C$22,0)</f>
        <v>1.0595548602117368</v>
      </c>
      <c r="P6266" s="59">
        <f>IF(Input!$D$19=3,J6266*Input!$C$19,0)+IF(Input!$D$20=3,K6266*Input!$C$20,0)+IF(Input!$D$21=3,L6266*Input!$C$21,0)+IF(Input!$D$22=3,M6266*Input!$C$22,0)</f>
        <v>0</v>
      </c>
      <c r="Q6266" s="75">
        <f>IF(Input!$D$19=4,J6266*Input!$C$19,0)+IF(Input!$D$20=4,K6266*Input!$C$20,0)+IF(Input!$D$21=4,L6266*Input!$C$21,0)+IF(Input!$D$22=4,M6266*Input!$C$22,0)</f>
        <v>0</v>
      </c>
      <c r="R6266" s="58">
        <v>64.764919851044056</v>
      </c>
      <c r="S6266" s="124">
        <f t="shared" si="97"/>
        <v>1.8365617577003439</v>
      </c>
    </row>
    <row r="6267" spans="8:19" x14ac:dyDescent="0.3">
      <c r="H6267" s="44">
        <v>6260</v>
      </c>
      <c r="I6267" s="56">
        <f>Bühler!I6293</f>
        <v>0.35495087817093185</v>
      </c>
      <c r="J6267" s="59">
        <f>Bühler!J6293</f>
        <v>1.1831695939031064</v>
      </c>
      <c r="K6267" s="59">
        <f>Bühler!K6293</f>
        <v>1.7747543908546592</v>
      </c>
      <c r="L6267" s="59">
        <f>Bühler!L6293</f>
        <v>8.5188210761023644</v>
      </c>
      <c r="M6267" s="58">
        <f>Bühler!M6293</f>
        <v>0</v>
      </c>
      <c r="N6267" s="56">
        <f>IF(Input!$D$19=1,J6267*Input!$C$19,0)+IF(Input!$D$20=1,K6267*Input!$C$20,0)+IF(Input!$D$21=1,L6267*Input!$C$21,0)+IF(Input!$D$22=1,M6267*Input!$C$22,0)</f>
        <v>0.3549508781709319</v>
      </c>
      <c r="O6267" s="59">
        <f>IF(Input!$D$19=2,J6267*Input!$C$19,0)+IF(Input!$D$20=2,K6267*Input!$C$20,0)+IF(Input!$D$21=2,L6267*Input!$C$21,0)+IF(Input!$D$22=2,M6267*Input!$C$22,0)</f>
        <v>0.88737719542732962</v>
      </c>
      <c r="P6267" s="59">
        <f>IF(Input!$D$19=3,J6267*Input!$C$19,0)+IF(Input!$D$20=3,K6267*Input!$C$20,0)+IF(Input!$D$21=3,L6267*Input!$C$21,0)+IF(Input!$D$22=3,M6267*Input!$C$22,0)</f>
        <v>0</v>
      </c>
      <c r="Q6267" s="75">
        <f>IF(Input!$D$19=4,J6267*Input!$C$19,0)+IF(Input!$D$20=4,K6267*Input!$C$20,0)+IF(Input!$D$21=4,L6267*Input!$C$21,0)+IF(Input!$D$22=4,M6267*Input!$C$22,0)</f>
        <v>0</v>
      </c>
      <c r="R6267" s="58">
        <v>63.399200881262793</v>
      </c>
      <c r="S6267" s="124">
        <f t="shared" si="97"/>
        <v>1.5381204720740382</v>
      </c>
    </row>
    <row r="6268" spans="8:19" x14ac:dyDescent="0.3">
      <c r="H6268" s="44">
        <v>6261</v>
      </c>
      <c r="I6268" s="56">
        <f>Bühler!I6294</f>
        <v>0.2913775865582276</v>
      </c>
      <c r="J6268" s="59">
        <f>Bühler!J6294</f>
        <v>0.97125862186075873</v>
      </c>
      <c r="K6268" s="59">
        <f>Bühler!K6294</f>
        <v>1.4568879327911379</v>
      </c>
      <c r="L6268" s="59">
        <f>Bühler!L6294</f>
        <v>6.9930620773974628</v>
      </c>
      <c r="M6268" s="58">
        <f>Bühler!M6294</f>
        <v>0</v>
      </c>
      <c r="N6268" s="56">
        <f>IF(Input!$D$19=1,J6268*Input!$C$19,0)+IF(Input!$D$20=1,K6268*Input!$C$20,0)+IF(Input!$D$21=1,L6268*Input!$C$21,0)+IF(Input!$D$22=1,M6268*Input!$C$22,0)</f>
        <v>0.2913775865582276</v>
      </c>
      <c r="O6268" s="59">
        <f>IF(Input!$D$19=2,J6268*Input!$C$19,0)+IF(Input!$D$20=2,K6268*Input!$C$20,0)+IF(Input!$D$21=2,L6268*Input!$C$21,0)+IF(Input!$D$22=2,M6268*Input!$C$22,0)</f>
        <v>0.72844396639556896</v>
      </c>
      <c r="P6268" s="59">
        <f>IF(Input!$D$19=3,J6268*Input!$C$19,0)+IF(Input!$D$20=3,K6268*Input!$C$20,0)+IF(Input!$D$21=3,L6268*Input!$C$21,0)+IF(Input!$D$22=3,M6268*Input!$C$22,0)</f>
        <v>0</v>
      </c>
      <c r="Q6268" s="75">
        <f>IF(Input!$D$19=4,J6268*Input!$C$19,0)+IF(Input!$D$20=4,K6268*Input!$C$20,0)+IF(Input!$D$21=4,L6268*Input!$C$21,0)+IF(Input!$D$22=4,M6268*Input!$C$22,0)</f>
        <v>0</v>
      </c>
      <c r="R6268" s="58">
        <v>61.223900985932701</v>
      </c>
      <c r="S6268" s="124">
        <f t="shared" si="97"/>
        <v>1.2626362084189864</v>
      </c>
    </row>
    <row r="6269" spans="8:19" x14ac:dyDescent="0.3">
      <c r="H6269" s="44">
        <v>6262</v>
      </c>
      <c r="I6269" s="56">
        <f>Bühler!I6295</f>
        <v>0.21191097204234738</v>
      </c>
      <c r="J6269" s="59">
        <f>Bühler!J6295</f>
        <v>0.70636990680782463</v>
      </c>
      <c r="K6269" s="59">
        <f>Bühler!K6295</f>
        <v>1.0595548602117368</v>
      </c>
      <c r="L6269" s="59">
        <f>Bühler!L6295</f>
        <v>5.0858633290163366</v>
      </c>
      <c r="M6269" s="58">
        <f>Bühler!M6295</f>
        <v>0</v>
      </c>
      <c r="N6269" s="56">
        <f>IF(Input!$D$19=1,J6269*Input!$C$19,0)+IF(Input!$D$20=1,K6269*Input!$C$20,0)+IF(Input!$D$21=1,L6269*Input!$C$21,0)+IF(Input!$D$22=1,M6269*Input!$C$22,0)</f>
        <v>0.21191097204234738</v>
      </c>
      <c r="O6269" s="59">
        <f>IF(Input!$D$19=2,J6269*Input!$C$19,0)+IF(Input!$D$20=2,K6269*Input!$C$20,0)+IF(Input!$D$21=2,L6269*Input!$C$21,0)+IF(Input!$D$22=2,M6269*Input!$C$22,0)</f>
        <v>0.52977743010586842</v>
      </c>
      <c r="P6269" s="59">
        <f>IF(Input!$D$19=3,J6269*Input!$C$19,0)+IF(Input!$D$20=3,K6269*Input!$C$20,0)+IF(Input!$D$21=3,L6269*Input!$C$21,0)+IF(Input!$D$22=3,M6269*Input!$C$22,0)</f>
        <v>0</v>
      </c>
      <c r="Q6269" s="75">
        <f>IF(Input!$D$19=4,J6269*Input!$C$19,0)+IF(Input!$D$20=4,K6269*Input!$C$20,0)+IF(Input!$D$21=4,L6269*Input!$C$21,0)+IF(Input!$D$22=4,M6269*Input!$C$22,0)</f>
        <v>0</v>
      </c>
      <c r="R6269" s="58">
        <v>59.238155838085618</v>
      </c>
      <c r="S6269" s="124">
        <f t="shared" si="97"/>
        <v>0.91828087885017196</v>
      </c>
    </row>
    <row r="6270" spans="8:19" x14ac:dyDescent="0.3">
      <c r="H6270" s="44">
        <v>6263</v>
      </c>
      <c r="I6270" s="56">
        <f>Bühler!I6296</f>
        <v>0.21191097204234738</v>
      </c>
      <c r="J6270" s="59">
        <f>Bühler!J6296</f>
        <v>0.70636990680782463</v>
      </c>
      <c r="K6270" s="59">
        <f>Bühler!K6296</f>
        <v>1.0595548602117368</v>
      </c>
      <c r="L6270" s="59">
        <f>Bühler!L6296</f>
        <v>5.0858633290163366</v>
      </c>
      <c r="M6270" s="58">
        <f>Bühler!M6296</f>
        <v>0</v>
      </c>
      <c r="N6270" s="56">
        <f>IF(Input!$D$19=1,J6270*Input!$C$19,0)+IF(Input!$D$20=1,K6270*Input!$C$20,0)+IF(Input!$D$21=1,L6270*Input!$C$21,0)+IF(Input!$D$22=1,M6270*Input!$C$22,0)</f>
        <v>0.21191097204234738</v>
      </c>
      <c r="O6270" s="59">
        <f>IF(Input!$D$19=2,J6270*Input!$C$19,0)+IF(Input!$D$20=2,K6270*Input!$C$20,0)+IF(Input!$D$21=2,L6270*Input!$C$21,0)+IF(Input!$D$22=2,M6270*Input!$C$22,0)</f>
        <v>0.52977743010586842</v>
      </c>
      <c r="P6270" s="59">
        <f>IF(Input!$D$19=3,J6270*Input!$C$19,0)+IF(Input!$D$20=3,K6270*Input!$C$20,0)+IF(Input!$D$21=3,L6270*Input!$C$21,0)+IF(Input!$D$22=3,M6270*Input!$C$22,0)</f>
        <v>0</v>
      </c>
      <c r="Q6270" s="75">
        <f>IF(Input!$D$19=4,J6270*Input!$C$19,0)+IF(Input!$D$20=4,K6270*Input!$C$20,0)+IF(Input!$D$21=4,L6270*Input!$C$21,0)+IF(Input!$D$22=4,M6270*Input!$C$22,0)</f>
        <v>0</v>
      </c>
      <c r="R6270" s="58">
        <v>59.078979049308643</v>
      </c>
      <c r="S6270" s="124">
        <f t="shared" si="97"/>
        <v>0.91828087885017196</v>
      </c>
    </row>
    <row r="6271" spans="8:19" x14ac:dyDescent="0.3">
      <c r="H6271" s="44">
        <v>6264</v>
      </c>
      <c r="I6271" s="56">
        <f>Bühler!I6297</f>
        <v>0.21191097204234738</v>
      </c>
      <c r="J6271" s="59">
        <f>Bühler!J6297</f>
        <v>0.70636990680782463</v>
      </c>
      <c r="K6271" s="59">
        <f>Bühler!K6297</f>
        <v>1.0595548602117368</v>
      </c>
      <c r="L6271" s="59">
        <f>Bühler!L6297</f>
        <v>5.0858633290163366</v>
      </c>
      <c r="M6271" s="58">
        <f>Bühler!M6297</f>
        <v>0</v>
      </c>
      <c r="N6271" s="56">
        <f>IF(Input!$D$19=1,J6271*Input!$C$19,0)+IF(Input!$D$20=1,K6271*Input!$C$20,0)+IF(Input!$D$21=1,L6271*Input!$C$21,0)+IF(Input!$D$22=1,M6271*Input!$C$22,0)</f>
        <v>0.21191097204234738</v>
      </c>
      <c r="O6271" s="59">
        <f>IF(Input!$D$19=2,J6271*Input!$C$19,0)+IF(Input!$D$20=2,K6271*Input!$C$20,0)+IF(Input!$D$21=2,L6271*Input!$C$21,0)+IF(Input!$D$22=2,M6271*Input!$C$22,0)</f>
        <v>0.52977743010586842</v>
      </c>
      <c r="P6271" s="59">
        <f>IF(Input!$D$19=3,J6271*Input!$C$19,0)+IF(Input!$D$20=3,K6271*Input!$C$20,0)+IF(Input!$D$21=3,L6271*Input!$C$21,0)+IF(Input!$D$22=3,M6271*Input!$C$22,0)</f>
        <v>0</v>
      </c>
      <c r="Q6271" s="75">
        <f>IF(Input!$D$19=4,J6271*Input!$C$19,0)+IF(Input!$D$20=4,K6271*Input!$C$20,0)+IF(Input!$D$21=4,L6271*Input!$C$21,0)+IF(Input!$D$22=4,M6271*Input!$C$22,0)</f>
        <v>0</v>
      </c>
      <c r="R6271" s="58">
        <v>58.996392606296347</v>
      </c>
      <c r="S6271" s="124">
        <f t="shared" si="97"/>
        <v>0.91828087885017196</v>
      </c>
    </row>
    <row r="6272" spans="8:19" x14ac:dyDescent="0.3">
      <c r="H6272" s="44">
        <v>6265</v>
      </c>
      <c r="I6272" s="56">
        <f>Bühler!I6298</f>
        <v>0.18872234042905608</v>
      </c>
      <c r="J6272" s="59">
        <f>Bühler!J6298</f>
        <v>0.62907446809685375</v>
      </c>
      <c r="K6272" s="59">
        <f>Bühler!K6298</f>
        <v>0.94361170214528045</v>
      </c>
      <c r="L6272" s="59">
        <f>Bühler!L6298</f>
        <v>4.5293361702973467</v>
      </c>
      <c r="M6272" s="58">
        <f>Bühler!M6298</f>
        <v>0</v>
      </c>
      <c r="N6272" s="56">
        <f>IF(Input!$D$19=1,J6272*Input!$C$19,0)+IF(Input!$D$20=1,K6272*Input!$C$20,0)+IF(Input!$D$21=1,L6272*Input!$C$21,0)+IF(Input!$D$22=1,M6272*Input!$C$22,0)</f>
        <v>0.18872234042905611</v>
      </c>
      <c r="O6272" s="59">
        <f>IF(Input!$D$19=2,J6272*Input!$C$19,0)+IF(Input!$D$20=2,K6272*Input!$C$20,0)+IF(Input!$D$21=2,L6272*Input!$C$21,0)+IF(Input!$D$22=2,M6272*Input!$C$22,0)</f>
        <v>0.47180585107264023</v>
      </c>
      <c r="P6272" s="59">
        <f>IF(Input!$D$19=3,J6272*Input!$C$19,0)+IF(Input!$D$20=3,K6272*Input!$C$20,0)+IF(Input!$D$21=3,L6272*Input!$C$21,0)+IF(Input!$D$22=3,M6272*Input!$C$22,0)</f>
        <v>0</v>
      </c>
      <c r="Q6272" s="75">
        <f>IF(Input!$D$19=4,J6272*Input!$C$19,0)+IF(Input!$D$20=4,K6272*Input!$C$20,0)+IF(Input!$D$21=4,L6272*Input!$C$21,0)+IF(Input!$D$22=4,M6272*Input!$C$22,0)</f>
        <v>0</v>
      </c>
      <c r="R6272" s="58">
        <v>58.421922519890607</v>
      </c>
      <c r="S6272" s="124">
        <f t="shared" si="97"/>
        <v>0.81779680852590986</v>
      </c>
    </row>
    <row r="6273" spans="8:19" x14ac:dyDescent="0.3">
      <c r="H6273" s="44">
        <v>6266</v>
      </c>
      <c r="I6273" s="56">
        <f>Bühler!I6299</f>
        <v>0.2123126329826881</v>
      </c>
      <c r="J6273" s="59">
        <f>Bühler!J6299</f>
        <v>0.70770877660896048</v>
      </c>
      <c r="K6273" s="59">
        <f>Bühler!K6299</f>
        <v>1.0615631649134405</v>
      </c>
      <c r="L6273" s="59">
        <f>Bühler!L6299</f>
        <v>5.0955031915845144</v>
      </c>
      <c r="M6273" s="58">
        <f>Bühler!M6299</f>
        <v>0</v>
      </c>
      <c r="N6273" s="56">
        <f>IF(Input!$D$19=1,J6273*Input!$C$19,0)+IF(Input!$D$20=1,K6273*Input!$C$20,0)+IF(Input!$D$21=1,L6273*Input!$C$21,0)+IF(Input!$D$22=1,M6273*Input!$C$22,0)</f>
        <v>0.21231263298268813</v>
      </c>
      <c r="O6273" s="59">
        <f>IF(Input!$D$19=2,J6273*Input!$C$19,0)+IF(Input!$D$20=2,K6273*Input!$C$20,0)+IF(Input!$D$21=2,L6273*Input!$C$21,0)+IF(Input!$D$22=2,M6273*Input!$C$22,0)</f>
        <v>0.53078158245672025</v>
      </c>
      <c r="P6273" s="59">
        <f>IF(Input!$D$19=3,J6273*Input!$C$19,0)+IF(Input!$D$20=3,K6273*Input!$C$20,0)+IF(Input!$D$21=3,L6273*Input!$C$21,0)+IF(Input!$D$22=3,M6273*Input!$C$22,0)</f>
        <v>0</v>
      </c>
      <c r="Q6273" s="75">
        <f>IF(Input!$D$19=4,J6273*Input!$C$19,0)+IF(Input!$D$20=4,K6273*Input!$C$20,0)+IF(Input!$D$21=4,L6273*Input!$C$21,0)+IF(Input!$D$22=4,M6273*Input!$C$22,0)</f>
        <v>0</v>
      </c>
      <c r="R6273" s="58">
        <v>57.733036575680806</v>
      </c>
      <c r="S6273" s="124">
        <f t="shared" si="97"/>
        <v>0.92002140959164858</v>
      </c>
    </row>
    <row r="6274" spans="8:19" x14ac:dyDescent="0.3">
      <c r="H6274" s="44">
        <v>6267</v>
      </c>
      <c r="I6274" s="56">
        <f>Bühler!I6300</f>
        <v>0.2123126329826881</v>
      </c>
      <c r="J6274" s="59">
        <f>Bühler!J6300</f>
        <v>0.70770877660896048</v>
      </c>
      <c r="K6274" s="59">
        <f>Bühler!K6300</f>
        <v>1.0615631649134405</v>
      </c>
      <c r="L6274" s="59">
        <f>Bühler!L6300</f>
        <v>5.0955031915845144</v>
      </c>
      <c r="M6274" s="58">
        <f>Bühler!M6300</f>
        <v>0</v>
      </c>
      <c r="N6274" s="56">
        <f>IF(Input!$D$19=1,J6274*Input!$C$19,0)+IF(Input!$D$20=1,K6274*Input!$C$20,0)+IF(Input!$D$21=1,L6274*Input!$C$21,0)+IF(Input!$D$22=1,M6274*Input!$C$22,0)</f>
        <v>0.21231263298268813</v>
      </c>
      <c r="O6274" s="59">
        <f>IF(Input!$D$19=2,J6274*Input!$C$19,0)+IF(Input!$D$20=2,K6274*Input!$C$20,0)+IF(Input!$D$21=2,L6274*Input!$C$21,0)+IF(Input!$D$22=2,M6274*Input!$C$22,0)</f>
        <v>0.53078158245672025</v>
      </c>
      <c r="P6274" s="59">
        <f>IF(Input!$D$19=3,J6274*Input!$C$19,0)+IF(Input!$D$20=3,K6274*Input!$C$20,0)+IF(Input!$D$21=3,L6274*Input!$C$21,0)+IF(Input!$D$22=3,M6274*Input!$C$22,0)</f>
        <v>0</v>
      </c>
      <c r="Q6274" s="75">
        <f>IF(Input!$D$19=4,J6274*Input!$C$19,0)+IF(Input!$D$20=4,K6274*Input!$C$20,0)+IF(Input!$D$21=4,L6274*Input!$C$21,0)+IF(Input!$D$22=4,M6274*Input!$C$22,0)</f>
        <v>0</v>
      </c>
      <c r="R6274" s="58">
        <v>58.218728396301941</v>
      </c>
      <c r="S6274" s="124">
        <f t="shared" si="97"/>
        <v>0.92002140959164858</v>
      </c>
    </row>
    <row r="6275" spans="8:19" x14ac:dyDescent="0.3">
      <c r="H6275" s="44">
        <v>6268</v>
      </c>
      <c r="I6275" s="56">
        <f>Bühler!I6301</f>
        <v>0.2123126329826881</v>
      </c>
      <c r="J6275" s="59">
        <f>Bühler!J6301</f>
        <v>0.70770877660896048</v>
      </c>
      <c r="K6275" s="59">
        <f>Bühler!K6301</f>
        <v>1.0615631649134405</v>
      </c>
      <c r="L6275" s="59">
        <f>Bühler!L6301</f>
        <v>5.0955031915845144</v>
      </c>
      <c r="M6275" s="58">
        <f>Bühler!M6301</f>
        <v>0</v>
      </c>
      <c r="N6275" s="56">
        <f>IF(Input!$D$19=1,J6275*Input!$C$19,0)+IF(Input!$D$20=1,K6275*Input!$C$20,0)+IF(Input!$D$21=1,L6275*Input!$C$21,0)+IF(Input!$D$22=1,M6275*Input!$C$22,0)</f>
        <v>0.21231263298268813</v>
      </c>
      <c r="O6275" s="59">
        <f>IF(Input!$D$19=2,J6275*Input!$C$19,0)+IF(Input!$D$20=2,K6275*Input!$C$20,0)+IF(Input!$D$21=2,L6275*Input!$C$21,0)+IF(Input!$D$22=2,M6275*Input!$C$22,0)</f>
        <v>0.53078158245672025</v>
      </c>
      <c r="P6275" s="59">
        <f>IF(Input!$D$19=3,J6275*Input!$C$19,0)+IF(Input!$D$20=3,K6275*Input!$C$20,0)+IF(Input!$D$21=3,L6275*Input!$C$21,0)+IF(Input!$D$22=3,M6275*Input!$C$22,0)</f>
        <v>0</v>
      </c>
      <c r="Q6275" s="75">
        <f>IF(Input!$D$19=4,J6275*Input!$C$19,0)+IF(Input!$D$20=4,K6275*Input!$C$20,0)+IF(Input!$D$21=4,L6275*Input!$C$21,0)+IF(Input!$D$22=4,M6275*Input!$C$22,0)</f>
        <v>0</v>
      </c>
      <c r="R6275" s="58">
        <v>58.869802695387492</v>
      </c>
      <c r="S6275" s="124">
        <f t="shared" si="97"/>
        <v>0.92002140959164858</v>
      </c>
    </row>
    <row r="6276" spans="8:19" x14ac:dyDescent="0.3">
      <c r="H6276" s="44">
        <v>6269</v>
      </c>
      <c r="I6276" s="56">
        <f>Bühler!I6302</f>
        <v>0.2123126329826881</v>
      </c>
      <c r="J6276" s="59">
        <f>Bühler!J6302</f>
        <v>0.70770877660896048</v>
      </c>
      <c r="K6276" s="59">
        <f>Bühler!K6302</f>
        <v>1.0615631649134405</v>
      </c>
      <c r="L6276" s="59">
        <f>Bühler!L6302</f>
        <v>5.0955031915845144</v>
      </c>
      <c r="M6276" s="58">
        <f>Bühler!M6302</f>
        <v>0</v>
      </c>
      <c r="N6276" s="56">
        <f>IF(Input!$D$19=1,J6276*Input!$C$19,0)+IF(Input!$D$20=1,K6276*Input!$C$20,0)+IF(Input!$D$21=1,L6276*Input!$C$21,0)+IF(Input!$D$22=1,M6276*Input!$C$22,0)</f>
        <v>0.21231263298268813</v>
      </c>
      <c r="O6276" s="59">
        <f>IF(Input!$D$19=2,J6276*Input!$C$19,0)+IF(Input!$D$20=2,K6276*Input!$C$20,0)+IF(Input!$D$21=2,L6276*Input!$C$21,0)+IF(Input!$D$22=2,M6276*Input!$C$22,0)</f>
        <v>0.53078158245672025</v>
      </c>
      <c r="P6276" s="59">
        <f>IF(Input!$D$19=3,J6276*Input!$C$19,0)+IF(Input!$D$20=3,K6276*Input!$C$20,0)+IF(Input!$D$21=3,L6276*Input!$C$21,0)+IF(Input!$D$22=3,M6276*Input!$C$22,0)</f>
        <v>0</v>
      </c>
      <c r="Q6276" s="75">
        <f>IF(Input!$D$19=4,J6276*Input!$C$19,0)+IF(Input!$D$20=4,K6276*Input!$C$20,0)+IF(Input!$D$21=4,L6276*Input!$C$21,0)+IF(Input!$D$22=4,M6276*Input!$C$22,0)</f>
        <v>0</v>
      </c>
      <c r="R6276" s="58">
        <v>60.22255859047781</v>
      </c>
      <c r="S6276" s="124">
        <f t="shared" si="97"/>
        <v>0.92002140959164858</v>
      </c>
    </row>
    <row r="6277" spans="8:19" x14ac:dyDescent="0.3">
      <c r="H6277" s="44">
        <v>6270</v>
      </c>
      <c r="I6277" s="56">
        <f>Bühler!I6303</f>
        <v>0.27364739362213136</v>
      </c>
      <c r="J6277" s="59">
        <f>Bühler!J6303</f>
        <v>0.91215797874043791</v>
      </c>
      <c r="K6277" s="59">
        <f>Bühler!K6303</f>
        <v>1.3682369681106568</v>
      </c>
      <c r="L6277" s="59">
        <f>Bühler!L6303</f>
        <v>6.5675374469311523</v>
      </c>
      <c r="M6277" s="58">
        <f>Bühler!M6303</f>
        <v>0</v>
      </c>
      <c r="N6277" s="56">
        <f>IF(Input!$D$19=1,J6277*Input!$C$19,0)+IF(Input!$D$20=1,K6277*Input!$C$20,0)+IF(Input!$D$21=1,L6277*Input!$C$21,0)+IF(Input!$D$22=1,M6277*Input!$C$22,0)</f>
        <v>0.27364739362213136</v>
      </c>
      <c r="O6277" s="59">
        <f>IF(Input!$D$19=2,J6277*Input!$C$19,0)+IF(Input!$D$20=2,K6277*Input!$C$20,0)+IF(Input!$D$21=2,L6277*Input!$C$21,0)+IF(Input!$D$22=2,M6277*Input!$C$22,0)</f>
        <v>0.68411848405532838</v>
      </c>
      <c r="P6277" s="59">
        <f>IF(Input!$D$19=3,J6277*Input!$C$19,0)+IF(Input!$D$20=3,K6277*Input!$C$20,0)+IF(Input!$D$21=3,L6277*Input!$C$21,0)+IF(Input!$D$22=3,M6277*Input!$C$22,0)</f>
        <v>0</v>
      </c>
      <c r="Q6277" s="75">
        <f>IF(Input!$D$19=4,J6277*Input!$C$19,0)+IF(Input!$D$20=4,K6277*Input!$C$20,0)+IF(Input!$D$21=4,L6277*Input!$C$21,0)+IF(Input!$D$22=4,M6277*Input!$C$22,0)</f>
        <v>0</v>
      </c>
      <c r="R6277" s="58">
        <v>62.908187381889618</v>
      </c>
      <c r="S6277" s="124">
        <f t="shared" si="97"/>
        <v>1.1858053723625692</v>
      </c>
    </row>
    <row r="6278" spans="8:19" x14ac:dyDescent="0.3">
      <c r="H6278" s="44">
        <v>6271</v>
      </c>
      <c r="I6278" s="56">
        <f>Bühler!I6304</f>
        <v>0.31610992021866891</v>
      </c>
      <c r="J6278" s="59">
        <f>Bühler!J6304</f>
        <v>1.0536997340622298</v>
      </c>
      <c r="K6278" s="59">
        <f>Bühler!K6304</f>
        <v>1.5805496010933446</v>
      </c>
      <c r="L6278" s="59">
        <f>Bühler!L6304</f>
        <v>7.5866380852480546</v>
      </c>
      <c r="M6278" s="58">
        <f>Bühler!M6304</f>
        <v>0</v>
      </c>
      <c r="N6278" s="56">
        <f>IF(Input!$D$19=1,J6278*Input!$C$19,0)+IF(Input!$D$20=1,K6278*Input!$C$20,0)+IF(Input!$D$21=1,L6278*Input!$C$21,0)+IF(Input!$D$22=1,M6278*Input!$C$22,0)</f>
        <v>0.31610992021866896</v>
      </c>
      <c r="O6278" s="59">
        <f>IF(Input!$D$19=2,J6278*Input!$C$19,0)+IF(Input!$D$20=2,K6278*Input!$C$20,0)+IF(Input!$D$21=2,L6278*Input!$C$21,0)+IF(Input!$D$22=2,M6278*Input!$C$22,0)</f>
        <v>0.79027480054667232</v>
      </c>
      <c r="P6278" s="59">
        <f>IF(Input!$D$19=3,J6278*Input!$C$19,0)+IF(Input!$D$20=3,K6278*Input!$C$20,0)+IF(Input!$D$21=3,L6278*Input!$C$21,0)+IF(Input!$D$22=3,M6278*Input!$C$22,0)</f>
        <v>0</v>
      </c>
      <c r="Q6278" s="75">
        <f>IF(Input!$D$19=4,J6278*Input!$C$19,0)+IF(Input!$D$20=4,K6278*Input!$C$20,0)+IF(Input!$D$21=4,L6278*Input!$C$21,0)+IF(Input!$D$22=4,M6278*Input!$C$22,0)</f>
        <v>0</v>
      </c>
      <c r="R6278" s="58">
        <v>66.43656368045707</v>
      </c>
      <c r="S6278" s="124">
        <f t="shared" si="97"/>
        <v>1.3698096542808988</v>
      </c>
    </row>
    <row r="6279" spans="8:19" x14ac:dyDescent="0.3">
      <c r="H6279" s="44">
        <v>6272</v>
      </c>
      <c r="I6279" s="56">
        <f>Bühler!I6305</f>
        <v>0.31610992021866891</v>
      </c>
      <c r="J6279" s="59">
        <f>Bühler!J6305</f>
        <v>1.0536997340622298</v>
      </c>
      <c r="K6279" s="59">
        <f>Bühler!K6305</f>
        <v>1.5805496010933446</v>
      </c>
      <c r="L6279" s="59">
        <f>Bühler!L6305</f>
        <v>7.5866380852480546</v>
      </c>
      <c r="M6279" s="58">
        <f>Bühler!M6305</f>
        <v>0</v>
      </c>
      <c r="N6279" s="56">
        <f>IF(Input!$D$19=1,J6279*Input!$C$19,0)+IF(Input!$D$20=1,K6279*Input!$C$20,0)+IF(Input!$D$21=1,L6279*Input!$C$21,0)+IF(Input!$D$22=1,M6279*Input!$C$22,0)</f>
        <v>0.31610992021866896</v>
      </c>
      <c r="O6279" s="59">
        <f>IF(Input!$D$19=2,J6279*Input!$C$19,0)+IF(Input!$D$20=2,K6279*Input!$C$20,0)+IF(Input!$D$21=2,L6279*Input!$C$21,0)+IF(Input!$D$22=2,M6279*Input!$C$22,0)</f>
        <v>0.79027480054667232</v>
      </c>
      <c r="P6279" s="59">
        <f>IF(Input!$D$19=3,J6279*Input!$C$19,0)+IF(Input!$D$20=3,K6279*Input!$C$20,0)+IF(Input!$D$21=3,L6279*Input!$C$21,0)+IF(Input!$D$22=3,M6279*Input!$C$22,0)</f>
        <v>0</v>
      </c>
      <c r="Q6279" s="75">
        <f>IF(Input!$D$19=4,J6279*Input!$C$19,0)+IF(Input!$D$20=4,K6279*Input!$C$20,0)+IF(Input!$D$21=4,L6279*Input!$C$21,0)+IF(Input!$D$22=4,M6279*Input!$C$22,0)</f>
        <v>0</v>
      </c>
      <c r="R6279" s="58">
        <v>68.971457711951786</v>
      </c>
      <c r="S6279" s="124">
        <f t="shared" si="97"/>
        <v>1.3698096542808988</v>
      </c>
    </row>
    <row r="6280" spans="8:19" x14ac:dyDescent="0.3">
      <c r="H6280" s="44">
        <v>6273</v>
      </c>
      <c r="I6280" s="56">
        <f>Bühler!I6306</f>
        <v>0.31610992021866891</v>
      </c>
      <c r="J6280" s="59">
        <f>Bühler!J6306</f>
        <v>1.0536997340622298</v>
      </c>
      <c r="K6280" s="59">
        <f>Bühler!K6306</f>
        <v>1.5805496010933446</v>
      </c>
      <c r="L6280" s="59">
        <f>Bühler!L6306</f>
        <v>7.5866380852480546</v>
      </c>
      <c r="M6280" s="58">
        <f>Bühler!M6306</f>
        <v>0</v>
      </c>
      <c r="N6280" s="56">
        <f>IF(Input!$D$19=1,J6280*Input!$C$19,0)+IF(Input!$D$20=1,K6280*Input!$C$20,0)+IF(Input!$D$21=1,L6280*Input!$C$21,0)+IF(Input!$D$22=1,M6280*Input!$C$22,0)</f>
        <v>0.31610992021866896</v>
      </c>
      <c r="O6280" s="59">
        <f>IF(Input!$D$19=2,J6280*Input!$C$19,0)+IF(Input!$D$20=2,K6280*Input!$C$20,0)+IF(Input!$D$21=2,L6280*Input!$C$21,0)+IF(Input!$D$22=2,M6280*Input!$C$22,0)</f>
        <v>0.79027480054667232</v>
      </c>
      <c r="P6280" s="59">
        <f>IF(Input!$D$19=3,J6280*Input!$C$19,0)+IF(Input!$D$20=3,K6280*Input!$C$20,0)+IF(Input!$D$21=3,L6280*Input!$C$21,0)+IF(Input!$D$22=3,M6280*Input!$C$22,0)</f>
        <v>0</v>
      </c>
      <c r="Q6280" s="75">
        <f>IF(Input!$D$19=4,J6280*Input!$C$19,0)+IF(Input!$D$20=4,K6280*Input!$C$20,0)+IF(Input!$D$21=4,L6280*Input!$C$21,0)+IF(Input!$D$22=4,M6280*Input!$C$22,0)</f>
        <v>0</v>
      </c>
      <c r="R6280" s="58">
        <v>69.797394379484018</v>
      </c>
      <c r="S6280" s="124">
        <f t="shared" si="97"/>
        <v>1.3698096542808988</v>
      </c>
    </row>
    <row r="6281" spans="8:19" x14ac:dyDescent="0.3">
      <c r="H6281" s="44">
        <v>6274</v>
      </c>
      <c r="I6281" s="56">
        <f>Bühler!I6307</f>
        <v>0.33970021277230095</v>
      </c>
      <c r="J6281" s="59">
        <f>Bühler!J6307</f>
        <v>1.1323340425743367</v>
      </c>
      <c r="K6281" s="59">
        <f>Bühler!K6307</f>
        <v>1.6985010638615048</v>
      </c>
      <c r="L6281" s="59">
        <f>Bühler!L6307</f>
        <v>8.1528051065352223</v>
      </c>
      <c r="M6281" s="58">
        <f>Bühler!M6307</f>
        <v>0</v>
      </c>
      <c r="N6281" s="56">
        <f>IF(Input!$D$19=1,J6281*Input!$C$19,0)+IF(Input!$D$20=1,K6281*Input!$C$20,0)+IF(Input!$D$21=1,L6281*Input!$C$21,0)+IF(Input!$D$22=1,M6281*Input!$C$22,0)</f>
        <v>0.339700212772301</v>
      </c>
      <c r="O6281" s="59">
        <f>IF(Input!$D$19=2,J6281*Input!$C$19,0)+IF(Input!$D$20=2,K6281*Input!$C$20,0)+IF(Input!$D$21=2,L6281*Input!$C$21,0)+IF(Input!$D$22=2,M6281*Input!$C$22,0)</f>
        <v>0.84925053193075239</v>
      </c>
      <c r="P6281" s="59">
        <f>IF(Input!$D$19=3,J6281*Input!$C$19,0)+IF(Input!$D$20=3,K6281*Input!$C$20,0)+IF(Input!$D$21=3,L6281*Input!$C$21,0)+IF(Input!$D$22=3,M6281*Input!$C$22,0)</f>
        <v>0</v>
      </c>
      <c r="Q6281" s="75">
        <f>IF(Input!$D$19=4,J6281*Input!$C$19,0)+IF(Input!$D$20=4,K6281*Input!$C$20,0)+IF(Input!$D$21=4,L6281*Input!$C$21,0)+IF(Input!$D$22=4,M6281*Input!$C$22,0)</f>
        <v>0</v>
      </c>
      <c r="R6281" s="58">
        <v>70.078984195657895</v>
      </c>
      <c r="S6281" s="124">
        <f t="shared" ref="S6281:S6344" si="98">I6281+J6281</f>
        <v>1.4720342553466377</v>
      </c>
    </row>
    <row r="6282" spans="8:19" x14ac:dyDescent="0.3">
      <c r="H6282" s="44">
        <v>6275</v>
      </c>
      <c r="I6282" s="56">
        <f>Bühler!I6308</f>
        <v>0.36800856383665936</v>
      </c>
      <c r="J6282" s="59">
        <f>Bühler!J6308</f>
        <v>1.2266952127888646</v>
      </c>
      <c r="K6282" s="59">
        <f>Bühler!K6308</f>
        <v>1.8400428191832967</v>
      </c>
      <c r="L6282" s="59">
        <f>Bühler!L6308</f>
        <v>8.8322055320798238</v>
      </c>
      <c r="M6282" s="58">
        <f>Bühler!M6308</f>
        <v>0</v>
      </c>
      <c r="N6282" s="56">
        <f>IF(Input!$D$19=1,J6282*Input!$C$19,0)+IF(Input!$D$20=1,K6282*Input!$C$20,0)+IF(Input!$D$21=1,L6282*Input!$C$21,0)+IF(Input!$D$22=1,M6282*Input!$C$22,0)</f>
        <v>0.36800856383665936</v>
      </c>
      <c r="O6282" s="59">
        <f>IF(Input!$D$19=2,J6282*Input!$C$19,0)+IF(Input!$D$20=2,K6282*Input!$C$20,0)+IF(Input!$D$21=2,L6282*Input!$C$21,0)+IF(Input!$D$22=2,M6282*Input!$C$22,0)</f>
        <v>0.92002140959164835</v>
      </c>
      <c r="P6282" s="59">
        <f>IF(Input!$D$19=3,J6282*Input!$C$19,0)+IF(Input!$D$20=3,K6282*Input!$C$20,0)+IF(Input!$D$21=3,L6282*Input!$C$21,0)+IF(Input!$D$22=3,M6282*Input!$C$22,0)</f>
        <v>0</v>
      </c>
      <c r="Q6282" s="75">
        <f>IF(Input!$D$19=4,J6282*Input!$C$19,0)+IF(Input!$D$20=4,K6282*Input!$C$20,0)+IF(Input!$D$21=4,L6282*Input!$C$21,0)+IF(Input!$D$22=4,M6282*Input!$C$22,0)</f>
        <v>0</v>
      </c>
      <c r="R6282" s="58">
        <v>70.465903803965702</v>
      </c>
      <c r="S6282" s="124">
        <f t="shared" si="98"/>
        <v>1.5947037766255239</v>
      </c>
    </row>
    <row r="6283" spans="8:19" x14ac:dyDescent="0.3">
      <c r="H6283" s="44">
        <v>6276</v>
      </c>
      <c r="I6283" s="56">
        <f>Bühler!I6309</f>
        <v>0.4246252659653762</v>
      </c>
      <c r="J6283" s="59">
        <f>Bühler!J6309</f>
        <v>1.415417553217921</v>
      </c>
      <c r="K6283" s="59">
        <f>Bühler!K6309</f>
        <v>2.123126329826881</v>
      </c>
      <c r="L6283" s="59">
        <f>Bühler!L6309</f>
        <v>10.191006383169029</v>
      </c>
      <c r="M6283" s="58">
        <f>Bühler!M6309</f>
        <v>0</v>
      </c>
      <c r="N6283" s="56">
        <f>IF(Input!$D$19=1,J6283*Input!$C$19,0)+IF(Input!$D$20=1,K6283*Input!$C$20,0)+IF(Input!$D$21=1,L6283*Input!$C$21,0)+IF(Input!$D$22=1,M6283*Input!$C$22,0)</f>
        <v>0.42462526596537625</v>
      </c>
      <c r="O6283" s="59">
        <f>IF(Input!$D$19=2,J6283*Input!$C$19,0)+IF(Input!$D$20=2,K6283*Input!$C$20,0)+IF(Input!$D$21=2,L6283*Input!$C$21,0)+IF(Input!$D$22=2,M6283*Input!$C$22,0)</f>
        <v>1.0615631649134405</v>
      </c>
      <c r="P6283" s="59">
        <f>IF(Input!$D$19=3,J6283*Input!$C$19,0)+IF(Input!$D$20=3,K6283*Input!$C$20,0)+IF(Input!$D$21=3,L6283*Input!$C$21,0)+IF(Input!$D$22=3,M6283*Input!$C$22,0)</f>
        <v>0</v>
      </c>
      <c r="Q6283" s="75">
        <f>IF(Input!$D$19=4,J6283*Input!$C$19,0)+IF(Input!$D$20=4,K6283*Input!$C$20,0)+IF(Input!$D$21=4,L6283*Input!$C$21,0)+IF(Input!$D$22=4,M6283*Input!$C$22,0)</f>
        <v>0</v>
      </c>
      <c r="R6283" s="58">
        <v>70.699771190749829</v>
      </c>
      <c r="S6283" s="124">
        <f t="shared" si="98"/>
        <v>1.8400428191832972</v>
      </c>
    </row>
    <row r="6284" spans="8:19" x14ac:dyDescent="0.3">
      <c r="H6284" s="44">
        <v>6277</v>
      </c>
      <c r="I6284" s="56">
        <f>Bühler!I6310</f>
        <v>0.4246252659653762</v>
      </c>
      <c r="J6284" s="59">
        <f>Bühler!J6310</f>
        <v>1.415417553217921</v>
      </c>
      <c r="K6284" s="59">
        <f>Bühler!K6310</f>
        <v>2.123126329826881</v>
      </c>
      <c r="L6284" s="59">
        <f>Bühler!L6310</f>
        <v>10.191006383169029</v>
      </c>
      <c r="M6284" s="58">
        <f>Bühler!M6310</f>
        <v>0</v>
      </c>
      <c r="N6284" s="56">
        <f>IF(Input!$D$19=1,J6284*Input!$C$19,0)+IF(Input!$D$20=1,K6284*Input!$C$20,0)+IF(Input!$D$21=1,L6284*Input!$C$21,0)+IF(Input!$D$22=1,M6284*Input!$C$22,0)</f>
        <v>0.42462526596537625</v>
      </c>
      <c r="O6284" s="59">
        <f>IF(Input!$D$19=2,J6284*Input!$C$19,0)+IF(Input!$D$20=2,K6284*Input!$C$20,0)+IF(Input!$D$21=2,L6284*Input!$C$21,0)+IF(Input!$D$22=2,M6284*Input!$C$22,0)</f>
        <v>1.0615631649134405</v>
      </c>
      <c r="P6284" s="59">
        <f>IF(Input!$D$19=3,J6284*Input!$C$19,0)+IF(Input!$D$20=3,K6284*Input!$C$20,0)+IF(Input!$D$21=3,L6284*Input!$C$21,0)+IF(Input!$D$22=3,M6284*Input!$C$22,0)</f>
        <v>0</v>
      </c>
      <c r="Q6284" s="75">
        <f>IF(Input!$D$19=4,J6284*Input!$C$19,0)+IF(Input!$D$20=4,K6284*Input!$C$20,0)+IF(Input!$D$21=4,L6284*Input!$C$21,0)+IF(Input!$D$22=4,M6284*Input!$C$22,0)</f>
        <v>0</v>
      </c>
      <c r="R6284" s="58">
        <v>69.441080935762585</v>
      </c>
      <c r="S6284" s="124">
        <f t="shared" si="98"/>
        <v>1.8400428191832972</v>
      </c>
    </row>
    <row r="6285" spans="8:19" x14ac:dyDescent="0.3">
      <c r="H6285" s="44">
        <v>6278</v>
      </c>
      <c r="I6285" s="56">
        <f>Bühler!I6311</f>
        <v>0.4246252659653762</v>
      </c>
      <c r="J6285" s="59">
        <f>Bühler!J6311</f>
        <v>1.415417553217921</v>
      </c>
      <c r="K6285" s="59">
        <f>Bühler!K6311</f>
        <v>2.123126329826881</v>
      </c>
      <c r="L6285" s="59">
        <f>Bühler!L6311</f>
        <v>10.191006383169029</v>
      </c>
      <c r="M6285" s="58">
        <f>Bühler!M6311</f>
        <v>0</v>
      </c>
      <c r="N6285" s="56">
        <f>IF(Input!$D$19=1,J6285*Input!$C$19,0)+IF(Input!$D$20=1,K6285*Input!$C$20,0)+IF(Input!$D$21=1,L6285*Input!$C$21,0)+IF(Input!$D$22=1,M6285*Input!$C$22,0)</f>
        <v>0.42462526596537625</v>
      </c>
      <c r="O6285" s="59">
        <f>IF(Input!$D$19=2,J6285*Input!$C$19,0)+IF(Input!$D$20=2,K6285*Input!$C$20,0)+IF(Input!$D$21=2,L6285*Input!$C$21,0)+IF(Input!$D$22=2,M6285*Input!$C$22,0)</f>
        <v>1.0615631649134405</v>
      </c>
      <c r="P6285" s="59">
        <f>IF(Input!$D$19=3,J6285*Input!$C$19,0)+IF(Input!$D$20=3,K6285*Input!$C$20,0)+IF(Input!$D$21=3,L6285*Input!$C$21,0)+IF(Input!$D$22=3,M6285*Input!$C$22,0)</f>
        <v>0</v>
      </c>
      <c r="Q6285" s="75">
        <f>IF(Input!$D$19=4,J6285*Input!$C$19,0)+IF(Input!$D$20=4,K6285*Input!$C$20,0)+IF(Input!$D$21=4,L6285*Input!$C$21,0)+IF(Input!$D$22=4,M6285*Input!$C$22,0)</f>
        <v>0</v>
      </c>
      <c r="R6285" s="58">
        <v>68.309626079911297</v>
      </c>
      <c r="S6285" s="124">
        <f t="shared" si="98"/>
        <v>1.8400428191832972</v>
      </c>
    </row>
    <row r="6286" spans="8:19" x14ac:dyDescent="0.3">
      <c r="H6286" s="44">
        <v>6279</v>
      </c>
      <c r="I6286" s="56">
        <f>Bühler!I6312</f>
        <v>0.4246252659653762</v>
      </c>
      <c r="J6286" s="59">
        <f>Bühler!J6312</f>
        <v>1.415417553217921</v>
      </c>
      <c r="K6286" s="59">
        <f>Bühler!K6312</f>
        <v>2.123126329826881</v>
      </c>
      <c r="L6286" s="59">
        <f>Bühler!L6312</f>
        <v>10.191006383169029</v>
      </c>
      <c r="M6286" s="58">
        <f>Bühler!M6312</f>
        <v>0</v>
      </c>
      <c r="N6286" s="56">
        <f>IF(Input!$D$19=1,J6286*Input!$C$19,0)+IF(Input!$D$20=1,K6286*Input!$C$20,0)+IF(Input!$D$21=1,L6286*Input!$C$21,0)+IF(Input!$D$22=1,M6286*Input!$C$22,0)</f>
        <v>0.42462526596537625</v>
      </c>
      <c r="O6286" s="59">
        <f>IF(Input!$D$19=2,J6286*Input!$C$19,0)+IF(Input!$D$20=2,K6286*Input!$C$20,0)+IF(Input!$D$21=2,L6286*Input!$C$21,0)+IF(Input!$D$22=2,M6286*Input!$C$22,0)</f>
        <v>1.0615631649134405</v>
      </c>
      <c r="P6286" s="59">
        <f>IF(Input!$D$19=3,J6286*Input!$C$19,0)+IF(Input!$D$20=3,K6286*Input!$C$20,0)+IF(Input!$D$21=3,L6286*Input!$C$21,0)+IF(Input!$D$22=3,M6286*Input!$C$22,0)</f>
        <v>0</v>
      </c>
      <c r="Q6286" s="75">
        <f>IF(Input!$D$19=4,J6286*Input!$C$19,0)+IF(Input!$D$20=4,K6286*Input!$C$20,0)+IF(Input!$D$21=4,L6286*Input!$C$21,0)+IF(Input!$D$22=4,M6286*Input!$C$22,0)</f>
        <v>0</v>
      </c>
      <c r="R6286" s="58">
        <v>67.87738315582547</v>
      </c>
      <c r="S6286" s="124">
        <f t="shared" si="98"/>
        <v>1.8400428191832972</v>
      </c>
    </row>
    <row r="6287" spans="8:19" x14ac:dyDescent="0.3">
      <c r="H6287" s="44">
        <v>6280</v>
      </c>
      <c r="I6287" s="56">
        <f>Bühler!I6313</f>
        <v>0.4246252659653762</v>
      </c>
      <c r="J6287" s="59">
        <f>Bühler!J6313</f>
        <v>1.415417553217921</v>
      </c>
      <c r="K6287" s="59">
        <f>Bühler!K6313</f>
        <v>2.123126329826881</v>
      </c>
      <c r="L6287" s="59">
        <f>Bühler!L6313</f>
        <v>10.191006383169029</v>
      </c>
      <c r="M6287" s="58">
        <f>Bühler!M6313</f>
        <v>0</v>
      </c>
      <c r="N6287" s="56">
        <f>IF(Input!$D$19=1,J6287*Input!$C$19,0)+IF(Input!$D$20=1,K6287*Input!$C$20,0)+IF(Input!$D$21=1,L6287*Input!$C$21,0)+IF(Input!$D$22=1,M6287*Input!$C$22,0)</f>
        <v>0.42462526596537625</v>
      </c>
      <c r="O6287" s="59">
        <f>IF(Input!$D$19=2,J6287*Input!$C$19,0)+IF(Input!$D$20=2,K6287*Input!$C$20,0)+IF(Input!$D$21=2,L6287*Input!$C$21,0)+IF(Input!$D$22=2,M6287*Input!$C$22,0)</f>
        <v>1.0615631649134405</v>
      </c>
      <c r="P6287" s="59">
        <f>IF(Input!$D$19=3,J6287*Input!$C$19,0)+IF(Input!$D$20=3,K6287*Input!$C$20,0)+IF(Input!$D$21=3,L6287*Input!$C$21,0)+IF(Input!$D$22=3,M6287*Input!$C$22,0)</f>
        <v>0</v>
      </c>
      <c r="Q6287" s="75">
        <f>IF(Input!$D$19=4,J6287*Input!$C$19,0)+IF(Input!$D$20=4,K6287*Input!$C$20,0)+IF(Input!$D$21=4,L6287*Input!$C$21,0)+IF(Input!$D$22=4,M6287*Input!$C$22,0)</f>
        <v>0</v>
      </c>
      <c r="R6287" s="58">
        <v>67.139625515052813</v>
      </c>
      <c r="S6287" s="124">
        <f t="shared" si="98"/>
        <v>1.8400428191832972</v>
      </c>
    </row>
    <row r="6288" spans="8:19" x14ac:dyDescent="0.3">
      <c r="H6288" s="44">
        <v>6281</v>
      </c>
      <c r="I6288" s="56">
        <f>Bühler!I6314</f>
        <v>0.4246252659653762</v>
      </c>
      <c r="J6288" s="59">
        <f>Bühler!J6314</f>
        <v>1.415417553217921</v>
      </c>
      <c r="K6288" s="59">
        <f>Bühler!K6314</f>
        <v>2.123126329826881</v>
      </c>
      <c r="L6288" s="59">
        <f>Bühler!L6314</f>
        <v>10.191006383169029</v>
      </c>
      <c r="M6288" s="58">
        <f>Bühler!M6314</f>
        <v>0</v>
      </c>
      <c r="N6288" s="56">
        <f>IF(Input!$D$19=1,J6288*Input!$C$19,0)+IF(Input!$D$20=1,K6288*Input!$C$20,0)+IF(Input!$D$21=1,L6288*Input!$C$21,0)+IF(Input!$D$22=1,M6288*Input!$C$22,0)</f>
        <v>0.42462526596537625</v>
      </c>
      <c r="O6288" s="59">
        <f>IF(Input!$D$19=2,J6288*Input!$C$19,0)+IF(Input!$D$20=2,K6288*Input!$C$20,0)+IF(Input!$D$21=2,L6288*Input!$C$21,0)+IF(Input!$D$22=2,M6288*Input!$C$22,0)</f>
        <v>1.0615631649134405</v>
      </c>
      <c r="P6288" s="59">
        <f>IF(Input!$D$19=3,J6288*Input!$C$19,0)+IF(Input!$D$20=3,K6288*Input!$C$20,0)+IF(Input!$D$21=3,L6288*Input!$C$21,0)+IF(Input!$D$22=3,M6288*Input!$C$22,0)</f>
        <v>0</v>
      </c>
      <c r="Q6288" s="75">
        <f>IF(Input!$D$19=4,J6288*Input!$C$19,0)+IF(Input!$D$20=4,K6288*Input!$C$20,0)+IF(Input!$D$21=4,L6288*Input!$C$21,0)+IF(Input!$D$22=4,M6288*Input!$C$22,0)</f>
        <v>0</v>
      </c>
      <c r="R6288" s="58">
        <v>64.879024870275558</v>
      </c>
      <c r="S6288" s="124">
        <f t="shared" si="98"/>
        <v>1.8400428191832972</v>
      </c>
    </row>
    <row r="6289" spans="8:19" x14ac:dyDescent="0.3">
      <c r="H6289" s="44">
        <v>6282</v>
      </c>
      <c r="I6289" s="56">
        <f>Bühler!I6315</f>
        <v>0.4246252659653762</v>
      </c>
      <c r="J6289" s="59">
        <f>Bühler!J6315</f>
        <v>1.415417553217921</v>
      </c>
      <c r="K6289" s="59">
        <f>Bühler!K6315</f>
        <v>2.123126329826881</v>
      </c>
      <c r="L6289" s="59">
        <f>Bühler!L6315</f>
        <v>10.191006383169029</v>
      </c>
      <c r="M6289" s="58">
        <f>Bühler!M6315</f>
        <v>0</v>
      </c>
      <c r="N6289" s="56">
        <f>IF(Input!$D$19=1,J6289*Input!$C$19,0)+IF(Input!$D$20=1,K6289*Input!$C$20,0)+IF(Input!$D$21=1,L6289*Input!$C$21,0)+IF(Input!$D$22=1,M6289*Input!$C$22,0)</f>
        <v>0.42462526596537625</v>
      </c>
      <c r="O6289" s="59">
        <f>IF(Input!$D$19=2,J6289*Input!$C$19,0)+IF(Input!$D$20=2,K6289*Input!$C$20,0)+IF(Input!$D$21=2,L6289*Input!$C$21,0)+IF(Input!$D$22=2,M6289*Input!$C$22,0)</f>
        <v>1.0615631649134405</v>
      </c>
      <c r="P6289" s="59">
        <f>IF(Input!$D$19=3,J6289*Input!$C$19,0)+IF(Input!$D$20=3,K6289*Input!$C$20,0)+IF(Input!$D$21=3,L6289*Input!$C$21,0)+IF(Input!$D$22=3,M6289*Input!$C$22,0)</f>
        <v>0</v>
      </c>
      <c r="Q6289" s="75">
        <f>IF(Input!$D$19=4,J6289*Input!$C$19,0)+IF(Input!$D$20=4,K6289*Input!$C$20,0)+IF(Input!$D$21=4,L6289*Input!$C$21,0)+IF(Input!$D$22=4,M6289*Input!$C$22,0)</f>
        <v>0</v>
      </c>
      <c r="R6289" s="58">
        <v>63.674463265256826</v>
      </c>
      <c r="S6289" s="124">
        <f t="shared" si="98"/>
        <v>1.8400428191832972</v>
      </c>
    </row>
    <row r="6290" spans="8:19" x14ac:dyDescent="0.3">
      <c r="H6290" s="44">
        <v>6283</v>
      </c>
      <c r="I6290" s="56">
        <f>Bühler!I6316</f>
        <v>0.4246252659653762</v>
      </c>
      <c r="J6290" s="59">
        <f>Bühler!J6316</f>
        <v>1.415417553217921</v>
      </c>
      <c r="K6290" s="59">
        <f>Bühler!K6316</f>
        <v>2.123126329826881</v>
      </c>
      <c r="L6290" s="59">
        <f>Bühler!L6316</f>
        <v>10.191006383169029</v>
      </c>
      <c r="M6290" s="58">
        <f>Bühler!M6316</f>
        <v>0</v>
      </c>
      <c r="N6290" s="56">
        <f>IF(Input!$D$19=1,J6290*Input!$C$19,0)+IF(Input!$D$20=1,K6290*Input!$C$20,0)+IF(Input!$D$21=1,L6290*Input!$C$21,0)+IF(Input!$D$22=1,M6290*Input!$C$22,0)</f>
        <v>0.42462526596537625</v>
      </c>
      <c r="O6290" s="59">
        <f>IF(Input!$D$19=2,J6290*Input!$C$19,0)+IF(Input!$D$20=2,K6290*Input!$C$20,0)+IF(Input!$D$21=2,L6290*Input!$C$21,0)+IF(Input!$D$22=2,M6290*Input!$C$22,0)</f>
        <v>1.0615631649134405</v>
      </c>
      <c r="P6290" s="59">
        <f>IF(Input!$D$19=3,J6290*Input!$C$19,0)+IF(Input!$D$20=3,K6290*Input!$C$20,0)+IF(Input!$D$21=3,L6290*Input!$C$21,0)+IF(Input!$D$22=3,M6290*Input!$C$22,0)</f>
        <v>0</v>
      </c>
      <c r="Q6290" s="75">
        <f>IF(Input!$D$19=4,J6290*Input!$C$19,0)+IF(Input!$D$20=4,K6290*Input!$C$20,0)+IF(Input!$D$21=4,L6290*Input!$C$21,0)+IF(Input!$D$22=4,M6290*Input!$C$22,0)</f>
        <v>0</v>
      </c>
      <c r="R6290" s="58">
        <v>62.347204508184312</v>
      </c>
      <c r="S6290" s="124">
        <f t="shared" si="98"/>
        <v>1.8400428191832972</v>
      </c>
    </row>
    <row r="6291" spans="8:19" x14ac:dyDescent="0.3">
      <c r="H6291" s="44">
        <v>6284</v>
      </c>
      <c r="I6291" s="56">
        <f>Bühler!I6317</f>
        <v>0.35385438830448013</v>
      </c>
      <c r="J6291" s="59">
        <f>Bühler!J6317</f>
        <v>1.1795146276816006</v>
      </c>
      <c r="K6291" s="59">
        <f>Bühler!K6317</f>
        <v>1.7692719415224007</v>
      </c>
      <c r="L6291" s="59">
        <f>Bühler!L6317</f>
        <v>8.4925053193075239</v>
      </c>
      <c r="M6291" s="58">
        <f>Bühler!M6317</f>
        <v>0</v>
      </c>
      <c r="N6291" s="56">
        <f>IF(Input!$D$19=1,J6291*Input!$C$19,0)+IF(Input!$D$20=1,K6291*Input!$C$20,0)+IF(Input!$D$21=1,L6291*Input!$C$21,0)+IF(Input!$D$22=1,M6291*Input!$C$22,0)</f>
        <v>0.35385438830448018</v>
      </c>
      <c r="O6291" s="59">
        <f>IF(Input!$D$19=2,J6291*Input!$C$19,0)+IF(Input!$D$20=2,K6291*Input!$C$20,0)+IF(Input!$D$21=2,L6291*Input!$C$21,0)+IF(Input!$D$22=2,M6291*Input!$C$22,0)</f>
        <v>0.88463597076120037</v>
      </c>
      <c r="P6291" s="59">
        <f>IF(Input!$D$19=3,J6291*Input!$C$19,0)+IF(Input!$D$20=3,K6291*Input!$C$20,0)+IF(Input!$D$21=3,L6291*Input!$C$21,0)+IF(Input!$D$22=3,M6291*Input!$C$22,0)</f>
        <v>0</v>
      </c>
      <c r="Q6291" s="75">
        <f>IF(Input!$D$19=4,J6291*Input!$C$19,0)+IF(Input!$D$20=4,K6291*Input!$C$20,0)+IF(Input!$D$21=4,L6291*Input!$C$21,0)+IF(Input!$D$22=4,M6291*Input!$C$22,0)</f>
        <v>0</v>
      </c>
      <c r="R6291" s="58">
        <v>62.075749994772899</v>
      </c>
      <c r="S6291" s="124">
        <f t="shared" si="98"/>
        <v>1.5333690159860809</v>
      </c>
    </row>
    <row r="6292" spans="8:19" x14ac:dyDescent="0.3">
      <c r="H6292" s="44">
        <v>6285</v>
      </c>
      <c r="I6292" s="56">
        <f>Bühler!I6318</f>
        <v>0.28308351064358417</v>
      </c>
      <c r="J6292" s="59">
        <f>Bühler!J6318</f>
        <v>0.94361170214528056</v>
      </c>
      <c r="K6292" s="59">
        <f>Bühler!K6318</f>
        <v>1.4154175532179207</v>
      </c>
      <c r="L6292" s="59">
        <f>Bühler!L6318</f>
        <v>6.7940042554460192</v>
      </c>
      <c r="M6292" s="58">
        <f>Bühler!M6318</f>
        <v>0</v>
      </c>
      <c r="N6292" s="56">
        <f>IF(Input!$D$19=1,J6292*Input!$C$19,0)+IF(Input!$D$20=1,K6292*Input!$C$20,0)+IF(Input!$D$21=1,L6292*Input!$C$21,0)+IF(Input!$D$22=1,M6292*Input!$C$22,0)</f>
        <v>0.28308351064358417</v>
      </c>
      <c r="O6292" s="59">
        <f>IF(Input!$D$19=2,J6292*Input!$C$19,0)+IF(Input!$D$20=2,K6292*Input!$C$20,0)+IF(Input!$D$21=2,L6292*Input!$C$21,0)+IF(Input!$D$22=2,M6292*Input!$C$22,0)</f>
        <v>0.70770877660896037</v>
      </c>
      <c r="P6292" s="59">
        <f>IF(Input!$D$19=3,J6292*Input!$C$19,0)+IF(Input!$D$20=3,K6292*Input!$C$20,0)+IF(Input!$D$21=3,L6292*Input!$C$21,0)+IF(Input!$D$22=3,M6292*Input!$C$22,0)</f>
        <v>0</v>
      </c>
      <c r="Q6292" s="75">
        <f>IF(Input!$D$19=4,J6292*Input!$C$19,0)+IF(Input!$D$20=4,K6292*Input!$C$20,0)+IF(Input!$D$21=4,L6292*Input!$C$21,0)+IF(Input!$D$22=4,M6292*Input!$C$22,0)</f>
        <v>0</v>
      </c>
      <c r="R6292" s="58">
        <v>60.519995172047615</v>
      </c>
      <c r="S6292" s="124">
        <f t="shared" si="98"/>
        <v>1.2266952127888646</v>
      </c>
    </row>
    <row r="6293" spans="8:19" x14ac:dyDescent="0.3">
      <c r="H6293" s="44">
        <v>6286</v>
      </c>
      <c r="I6293" s="56">
        <f>Bühler!I6319</f>
        <v>0.2123126329826881</v>
      </c>
      <c r="J6293" s="59">
        <f>Bühler!J6319</f>
        <v>0.70770877660896048</v>
      </c>
      <c r="K6293" s="59">
        <f>Bühler!K6319</f>
        <v>1.0615631649134405</v>
      </c>
      <c r="L6293" s="59">
        <f>Bühler!L6319</f>
        <v>5.0955031915845144</v>
      </c>
      <c r="M6293" s="58">
        <f>Bühler!M6319</f>
        <v>0</v>
      </c>
      <c r="N6293" s="56">
        <f>IF(Input!$D$19=1,J6293*Input!$C$19,0)+IF(Input!$D$20=1,K6293*Input!$C$20,0)+IF(Input!$D$21=1,L6293*Input!$C$21,0)+IF(Input!$D$22=1,M6293*Input!$C$22,0)</f>
        <v>0.21231263298268813</v>
      </c>
      <c r="O6293" s="59">
        <f>IF(Input!$D$19=2,J6293*Input!$C$19,0)+IF(Input!$D$20=2,K6293*Input!$C$20,0)+IF(Input!$D$21=2,L6293*Input!$C$21,0)+IF(Input!$D$22=2,M6293*Input!$C$22,0)</f>
        <v>0.53078158245672025</v>
      </c>
      <c r="P6293" s="59">
        <f>IF(Input!$D$19=3,J6293*Input!$C$19,0)+IF(Input!$D$20=3,K6293*Input!$C$20,0)+IF(Input!$D$21=3,L6293*Input!$C$21,0)+IF(Input!$D$22=3,M6293*Input!$C$22,0)</f>
        <v>0</v>
      </c>
      <c r="Q6293" s="75">
        <f>IF(Input!$D$19=4,J6293*Input!$C$19,0)+IF(Input!$D$20=4,K6293*Input!$C$20,0)+IF(Input!$D$21=4,L6293*Input!$C$21,0)+IF(Input!$D$22=4,M6293*Input!$C$22,0)</f>
        <v>0</v>
      </c>
      <c r="R6293" s="58">
        <v>58.964807186446698</v>
      </c>
      <c r="S6293" s="124">
        <f t="shared" si="98"/>
        <v>0.92002140959164858</v>
      </c>
    </row>
    <row r="6294" spans="8:19" x14ac:dyDescent="0.3">
      <c r="H6294" s="44">
        <v>6287</v>
      </c>
      <c r="I6294" s="56">
        <f>Bühler!I6320</f>
        <v>0.2123126329826881</v>
      </c>
      <c r="J6294" s="59">
        <f>Bühler!J6320</f>
        <v>0.70770877660896048</v>
      </c>
      <c r="K6294" s="59">
        <f>Bühler!K6320</f>
        <v>1.0615631649134405</v>
      </c>
      <c r="L6294" s="59">
        <f>Bühler!L6320</f>
        <v>5.0955031915845144</v>
      </c>
      <c r="M6294" s="58">
        <f>Bühler!M6320</f>
        <v>0</v>
      </c>
      <c r="N6294" s="56">
        <f>IF(Input!$D$19=1,J6294*Input!$C$19,0)+IF(Input!$D$20=1,K6294*Input!$C$20,0)+IF(Input!$D$21=1,L6294*Input!$C$21,0)+IF(Input!$D$22=1,M6294*Input!$C$22,0)</f>
        <v>0.21231263298268813</v>
      </c>
      <c r="O6294" s="59">
        <f>IF(Input!$D$19=2,J6294*Input!$C$19,0)+IF(Input!$D$20=2,K6294*Input!$C$20,0)+IF(Input!$D$21=2,L6294*Input!$C$21,0)+IF(Input!$D$22=2,M6294*Input!$C$22,0)</f>
        <v>0.53078158245672025</v>
      </c>
      <c r="P6294" s="59">
        <f>IF(Input!$D$19=3,J6294*Input!$C$19,0)+IF(Input!$D$20=3,K6294*Input!$C$20,0)+IF(Input!$D$21=3,L6294*Input!$C$21,0)+IF(Input!$D$22=3,M6294*Input!$C$22,0)</f>
        <v>0</v>
      </c>
      <c r="Q6294" s="75">
        <f>IF(Input!$D$19=4,J6294*Input!$C$19,0)+IF(Input!$D$20=4,K6294*Input!$C$20,0)+IF(Input!$D$21=4,L6294*Input!$C$21,0)+IF(Input!$D$22=4,M6294*Input!$C$22,0)</f>
        <v>0</v>
      </c>
      <c r="R6294" s="58">
        <v>58.766557961639165</v>
      </c>
      <c r="S6294" s="124">
        <f t="shared" si="98"/>
        <v>0.92002140959164858</v>
      </c>
    </row>
    <row r="6295" spans="8:19" x14ac:dyDescent="0.3">
      <c r="H6295" s="44">
        <v>6288</v>
      </c>
      <c r="I6295" s="56">
        <f>Bühler!I6321</f>
        <v>0.2123126329826881</v>
      </c>
      <c r="J6295" s="59">
        <f>Bühler!J6321</f>
        <v>0.70770877660896048</v>
      </c>
      <c r="K6295" s="59">
        <f>Bühler!K6321</f>
        <v>1.0615631649134405</v>
      </c>
      <c r="L6295" s="59">
        <f>Bühler!L6321</f>
        <v>5.0955031915845144</v>
      </c>
      <c r="M6295" s="58">
        <f>Bühler!M6321</f>
        <v>0</v>
      </c>
      <c r="N6295" s="56">
        <f>IF(Input!$D$19=1,J6295*Input!$C$19,0)+IF(Input!$D$20=1,K6295*Input!$C$20,0)+IF(Input!$D$21=1,L6295*Input!$C$21,0)+IF(Input!$D$22=1,M6295*Input!$C$22,0)</f>
        <v>0.21231263298268813</v>
      </c>
      <c r="O6295" s="59">
        <f>IF(Input!$D$19=2,J6295*Input!$C$19,0)+IF(Input!$D$20=2,K6295*Input!$C$20,0)+IF(Input!$D$21=2,L6295*Input!$C$21,0)+IF(Input!$D$22=2,M6295*Input!$C$22,0)</f>
        <v>0.53078158245672025</v>
      </c>
      <c r="P6295" s="59">
        <f>IF(Input!$D$19=3,J6295*Input!$C$19,0)+IF(Input!$D$20=3,K6295*Input!$C$20,0)+IF(Input!$D$21=3,L6295*Input!$C$21,0)+IF(Input!$D$22=3,M6295*Input!$C$22,0)</f>
        <v>0</v>
      </c>
      <c r="Q6295" s="75">
        <f>IF(Input!$D$19=4,J6295*Input!$C$19,0)+IF(Input!$D$20=4,K6295*Input!$C$20,0)+IF(Input!$D$21=4,L6295*Input!$C$21,0)+IF(Input!$D$22=4,M6295*Input!$C$22,0)</f>
        <v>0</v>
      </c>
      <c r="R6295" s="58">
        <v>58.353492608501583</v>
      </c>
      <c r="S6295" s="124">
        <f t="shared" si="98"/>
        <v>0.92002140959164858</v>
      </c>
    </row>
    <row r="6296" spans="8:19" x14ac:dyDescent="0.3">
      <c r="H6296" s="44">
        <v>6289</v>
      </c>
      <c r="I6296" s="56">
        <f>Bühler!I6322</f>
        <v>0.21397922317476456</v>
      </c>
      <c r="J6296" s="59">
        <f>Bühler!J6322</f>
        <v>0.71326407724921526</v>
      </c>
      <c r="K6296" s="59">
        <f>Bühler!K6322</f>
        <v>1.0698961158738227</v>
      </c>
      <c r="L6296" s="59">
        <f>Bühler!L6322</f>
        <v>5.1355013561943492</v>
      </c>
      <c r="M6296" s="58">
        <f>Bühler!M6322</f>
        <v>0</v>
      </c>
      <c r="N6296" s="56">
        <f>IF(Input!$D$19=1,J6296*Input!$C$19,0)+IF(Input!$D$20=1,K6296*Input!$C$20,0)+IF(Input!$D$21=1,L6296*Input!$C$21,0)+IF(Input!$D$22=1,M6296*Input!$C$22,0)</f>
        <v>0.21397922317476456</v>
      </c>
      <c r="O6296" s="59">
        <f>IF(Input!$D$19=2,J6296*Input!$C$19,0)+IF(Input!$D$20=2,K6296*Input!$C$20,0)+IF(Input!$D$21=2,L6296*Input!$C$21,0)+IF(Input!$D$22=2,M6296*Input!$C$22,0)</f>
        <v>0.53494805793691136</v>
      </c>
      <c r="P6296" s="59">
        <f>IF(Input!$D$19=3,J6296*Input!$C$19,0)+IF(Input!$D$20=3,K6296*Input!$C$20,0)+IF(Input!$D$21=3,L6296*Input!$C$21,0)+IF(Input!$D$22=3,M6296*Input!$C$22,0)</f>
        <v>0</v>
      </c>
      <c r="Q6296" s="75">
        <f>IF(Input!$D$19=4,J6296*Input!$C$19,0)+IF(Input!$D$20=4,K6296*Input!$C$20,0)+IF(Input!$D$21=4,L6296*Input!$C$21,0)+IF(Input!$D$22=4,M6296*Input!$C$22,0)</f>
        <v>0</v>
      </c>
      <c r="R6296" s="58">
        <v>57.595243256497973</v>
      </c>
      <c r="S6296" s="124">
        <f t="shared" si="98"/>
        <v>0.92724330042397984</v>
      </c>
    </row>
    <row r="6297" spans="8:19" x14ac:dyDescent="0.3">
      <c r="H6297" s="44">
        <v>6290</v>
      </c>
      <c r="I6297" s="56">
        <f>Bühler!I6323</f>
        <v>0.21397922317476456</v>
      </c>
      <c r="J6297" s="59">
        <f>Bühler!J6323</f>
        <v>0.71326407724921526</v>
      </c>
      <c r="K6297" s="59">
        <f>Bühler!K6323</f>
        <v>1.0698961158738227</v>
      </c>
      <c r="L6297" s="59">
        <f>Bühler!L6323</f>
        <v>5.1355013561943492</v>
      </c>
      <c r="M6297" s="58">
        <f>Bühler!M6323</f>
        <v>0</v>
      </c>
      <c r="N6297" s="56">
        <f>IF(Input!$D$19=1,J6297*Input!$C$19,0)+IF(Input!$D$20=1,K6297*Input!$C$20,0)+IF(Input!$D$21=1,L6297*Input!$C$21,0)+IF(Input!$D$22=1,M6297*Input!$C$22,0)</f>
        <v>0.21397922317476456</v>
      </c>
      <c r="O6297" s="59">
        <f>IF(Input!$D$19=2,J6297*Input!$C$19,0)+IF(Input!$D$20=2,K6297*Input!$C$20,0)+IF(Input!$D$21=2,L6297*Input!$C$21,0)+IF(Input!$D$22=2,M6297*Input!$C$22,0)</f>
        <v>0.53494805793691136</v>
      </c>
      <c r="P6297" s="59">
        <f>IF(Input!$D$19=3,J6297*Input!$C$19,0)+IF(Input!$D$20=3,K6297*Input!$C$20,0)+IF(Input!$D$21=3,L6297*Input!$C$21,0)+IF(Input!$D$22=3,M6297*Input!$C$22,0)</f>
        <v>0</v>
      </c>
      <c r="Q6297" s="75">
        <f>IF(Input!$D$19=4,J6297*Input!$C$19,0)+IF(Input!$D$20=4,K6297*Input!$C$20,0)+IF(Input!$D$21=4,L6297*Input!$C$21,0)+IF(Input!$D$22=4,M6297*Input!$C$22,0)</f>
        <v>0</v>
      </c>
      <c r="R6297" s="58">
        <v>57.007665620582671</v>
      </c>
      <c r="S6297" s="124">
        <f t="shared" si="98"/>
        <v>0.92724330042397984</v>
      </c>
    </row>
    <row r="6298" spans="8:19" x14ac:dyDescent="0.3">
      <c r="H6298" s="44">
        <v>6291</v>
      </c>
      <c r="I6298" s="56">
        <f>Bühler!I6324</f>
        <v>0.21397922317476456</v>
      </c>
      <c r="J6298" s="59">
        <f>Bühler!J6324</f>
        <v>0.71326407724921526</v>
      </c>
      <c r="K6298" s="59">
        <f>Bühler!K6324</f>
        <v>1.0698961158738227</v>
      </c>
      <c r="L6298" s="59">
        <f>Bühler!L6324</f>
        <v>5.1355013561943492</v>
      </c>
      <c r="M6298" s="58">
        <f>Bühler!M6324</f>
        <v>0</v>
      </c>
      <c r="N6298" s="56">
        <f>IF(Input!$D$19=1,J6298*Input!$C$19,0)+IF(Input!$D$20=1,K6298*Input!$C$20,0)+IF(Input!$D$21=1,L6298*Input!$C$21,0)+IF(Input!$D$22=1,M6298*Input!$C$22,0)</f>
        <v>0.21397922317476456</v>
      </c>
      <c r="O6298" s="59">
        <f>IF(Input!$D$19=2,J6298*Input!$C$19,0)+IF(Input!$D$20=2,K6298*Input!$C$20,0)+IF(Input!$D$21=2,L6298*Input!$C$21,0)+IF(Input!$D$22=2,M6298*Input!$C$22,0)</f>
        <v>0.53494805793691136</v>
      </c>
      <c r="P6298" s="59">
        <f>IF(Input!$D$19=3,J6298*Input!$C$19,0)+IF(Input!$D$20=3,K6298*Input!$C$20,0)+IF(Input!$D$21=3,L6298*Input!$C$21,0)+IF(Input!$D$22=3,M6298*Input!$C$22,0)</f>
        <v>0</v>
      </c>
      <c r="Q6298" s="75">
        <f>IF(Input!$D$19=4,J6298*Input!$C$19,0)+IF(Input!$D$20=4,K6298*Input!$C$20,0)+IF(Input!$D$21=4,L6298*Input!$C$21,0)+IF(Input!$D$22=4,M6298*Input!$C$22,0)</f>
        <v>0</v>
      </c>
      <c r="R6298" s="58">
        <v>57.097690300401183</v>
      </c>
      <c r="S6298" s="124">
        <f t="shared" si="98"/>
        <v>0.92724330042397984</v>
      </c>
    </row>
    <row r="6299" spans="8:19" x14ac:dyDescent="0.3">
      <c r="H6299" s="44">
        <v>6292</v>
      </c>
      <c r="I6299" s="56">
        <f>Bühler!I6325</f>
        <v>0.21397922317476456</v>
      </c>
      <c r="J6299" s="59">
        <f>Bühler!J6325</f>
        <v>0.71326407724921526</v>
      </c>
      <c r="K6299" s="59">
        <f>Bühler!K6325</f>
        <v>1.0698961158738227</v>
      </c>
      <c r="L6299" s="59">
        <f>Bühler!L6325</f>
        <v>5.1355013561943492</v>
      </c>
      <c r="M6299" s="58">
        <f>Bühler!M6325</f>
        <v>0</v>
      </c>
      <c r="N6299" s="56">
        <f>IF(Input!$D$19=1,J6299*Input!$C$19,0)+IF(Input!$D$20=1,K6299*Input!$C$20,0)+IF(Input!$D$21=1,L6299*Input!$C$21,0)+IF(Input!$D$22=1,M6299*Input!$C$22,0)</f>
        <v>0.21397922317476456</v>
      </c>
      <c r="O6299" s="59">
        <f>IF(Input!$D$19=2,J6299*Input!$C$19,0)+IF(Input!$D$20=2,K6299*Input!$C$20,0)+IF(Input!$D$21=2,L6299*Input!$C$21,0)+IF(Input!$D$22=2,M6299*Input!$C$22,0)</f>
        <v>0.53494805793691136</v>
      </c>
      <c r="P6299" s="59">
        <f>IF(Input!$D$19=3,J6299*Input!$C$19,0)+IF(Input!$D$20=3,K6299*Input!$C$20,0)+IF(Input!$D$21=3,L6299*Input!$C$21,0)+IF(Input!$D$22=3,M6299*Input!$C$22,0)</f>
        <v>0</v>
      </c>
      <c r="Q6299" s="75">
        <f>IF(Input!$D$19=4,J6299*Input!$C$19,0)+IF(Input!$D$20=4,K6299*Input!$C$20,0)+IF(Input!$D$21=4,L6299*Input!$C$21,0)+IF(Input!$D$22=4,M6299*Input!$C$22,0)</f>
        <v>0</v>
      </c>
      <c r="R6299" s="58">
        <v>57.809618546377941</v>
      </c>
      <c r="S6299" s="124">
        <f t="shared" si="98"/>
        <v>0.92724330042397984</v>
      </c>
    </row>
    <row r="6300" spans="8:19" x14ac:dyDescent="0.3">
      <c r="H6300" s="44">
        <v>6293</v>
      </c>
      <c r="I6300" s="56">
        <f>Bühler!I6326</f>
        <v>0.21397922317476456</v>
      </c>
      <c r="J6300" s="59">
        <f>Bühler!J6326</f>
        <v>0.71326407724921526</v>
      </c>
      <c r="K6300" s="59">
        <f>Bühler!K6326</f>
        <v>1.0698961158738227</v>
      </c>
      <c r="L6300" s="59">
        <f>Bühler!L6326</f>
        <v>5.1355013561943492</v>
      </c>
      <c r="M6300" s="58">
        <f>Bühler!M6326</f>
        <v>0</v>
      </c>
      <c r="N6300" s="56">
        <f>IF(Input!$D$19=1,J6300*Input!$C$19,0)+IF(Input!$D$20=1,K6300*Input!$C$20,0)+IF(Input!$D$21=1,L6300*Input!$C$21,0)+IF(Input!$D$22=1,M6300*Input!$C$22,0)</f>
        <v>0.21397922317476456</v>
      </c>
      <c r="O6300" s="59">
        <f>IF(Input!$D$19=2,J6300*Input!$C$19,0)+IF(Input!$D$20=2,K6300*Input!$C$20,0)+IF(Input!$D$21=2,L6300*Input!$C$21,0)+IF(Input!$D$22=2,M6300*Input!$C$22,0)</f>
        <v>0.53494805793691136</v>
      </c>
      <c r="P6300" s="59">
        <f>IF(Input!$D$19=3,J6300*Input!$C$19,0)+IF(Input!$D$20=3,K6300*Input!$C$20,0)+IF(Input!$D$21=3,L6300*Input!$C$21,0)+IF(Input!$D$22=3,M6300*Input!$C$22,0)</f>
        <v>0</v>
      </c>
      <c r="Q6300" s="75">
        <f>IF(Input!$D$19=4,J6300*Input!$C$19,0)+IF(Input!$D$20=4,K6300*Input!$C$20,0)+IF(Input!$D$21=4,L6300*Input!$C$21,0)+IF(Input!$D$22=4,M6300*Input!$C$22,0)</f>
        <v>0</v>
      </c>
      <c r="R6300" s="58">
        <v>59.095852162560774</v>
      </c>
      <c r="S6300" s="124">
        <f t="shared" si="98"/>
        <v>0.92724330042397984</v>
      </c>
    </row>
    <row r="6301" spans="8:19" x14ac:dyDescent="0.3">
      <c r="H6301" s="44">
        <v>6294</v>
      </c>
      <c r="I6301" s="56">
        <f>Bühler!I6327</f>
        <v>0.2757954432030299</v>
      </c>
      <c r="J6301" s="59">
        <f>Bühler!J6327</f>
        <v>0.9193181440100997</v>
      </c>
      <c r="K6301" s="59">
        <f>Bühler!K6327</f>
        <v>1.3789772160151494</v>
      </c>
      <c r="L6301" s="59">
        <f>Bühler!L6327</f>
        <v>6.6190906368727171</v>
      </c>
      <c r="M6301" s="58">
        <f>Bühler!M6327</f>
        <v>0</v>
      </c>
      <c r="N6301" s="56">
        <f>IF(Input!$D$19=1,J6301*Input!$C$19,0)+IF(Input!$D$20=1,K6301*Input!$C$20,0)+IF(Input!$D$21=1,L6301*Input!$C$21,0)+IF(Input!$D$22=1,M6301*Input!$C$22,0)</f>
        <v>0.2757954432030299</v>
      </c>
      <c r="O6301" s="59">
        <f>IF(Input!$D$19=2,J6301*Input!$C$19,0)+IF(Input!$D$20=2,K6301*Input!$C$20,0)+IF(Input!$D$21=2,L6301*Input!$C$21,0)+IF(Input!$D$22=2,M6301*Input!$C$22,0)</f>
        <v>0.68948860800757472</v>
      </c>
      <c r="P6301" s="59">
        <f>IF(Input!$D$19=3,J6301*Input!$C$19,0)+IF(Input!$D$20=3,K6301*Input!$C$20,0)+IF(Input!$D$21=3,L6301*Input!$C$21,0)+IF(Input!$D$22=3,M6301*Input!$C$22,0)</f>
        <v>0</v>
      </c>
      <c r="Q6301" s="75">
        <f>IF(Input!$D$19=4,J6301*Input!$C$19,0)+IF(Input!$D$20=4,K6301*Input!$C$20,0)+IF(Input!$D$21=4,L6301*Input!$C$21,0)+IF(Input!$D$22=4,M6301*Input!$C$22,0)</f>
        <v>0</v>
      </c>
      <c r="R6301" s="58">
        <v>62.375759663840043</v>
      </c>
      <c r="S6301" s="124">
        <f t="shared" si="98"/>
        <v>1.1951135872131295</v>
      </c>
    </row>
    <row r="6302" spans="8:19" x14ac:dyDescent="0.3">
      <c r="H6302" s="44">
        <v>6295</v>
      </c>
      <c r="I6302" s="56">
        <f>Bühler!I6328</f>
        <v>0.3185912878379828</v>
      </c>
      <c r="J6302" s="59">
        <f>Bühler!J6328</f>
        <v>1.0619709594599429</v>
      </c>
      <c r="K6302" s="59">
        <f>Bühler!K6328</f>
        <v>1.592956439189914</v>
      </c>
      <c r="L6302" s="59">
        <f>Bühler!L6328</f>
        <v>7.6461909081115875</v>
      </c>
      <c r="M6302" s="58">
        <f>Bühler!M6328</f>
        <v>0</v>
      </c>
      <c r="N6302" s="56">
        <f>IF(Input!$D$19=1,J6302*Input!$C$19,0)+IF(Input!$D$20=1,K6302*Input!$C$20,0)+IF(Input!$D$21=1,L6302*Input!$C$21,0)+IF(Input!$D$22=1,M6302*Input!$C$22,0)</f>
        <v>0.31859128783798285</v>
      </c>
      <c r="O6302" s="59">
        <f>IF(Input!$D$19=2,J6302*Input!$C$19,0)+IF(Input!$D$20=2,K6302*Input!$C$20,0)+IF(Input!$D$21=2,L6302*Input!$C$21,0)+IF(Input!$D$22=2,M6302*Input!$C$22,0)</f>
        <v>0.79647821959495702</v>
      </c>
      <c r="P6302" s="59">
        <f>IF(Input!$D$19=3,J6302*Input!$C$19,0)+IF(Input!$D$20=3,K6302*Input!$C$20,0)+IF(Input!$D$21=3,L6302*Input!$C$21,0)+IF(Input!$D$22=3,M6302*Input!$C$22,0)</f>
        <v>0</v>
      </c>
      <c r="Q6302" s="75">
        <f>IF(Input!$D$19=4,J6302*Input!$C$19,0)+IF(Input!$D$20=4,K6302*Input!$C$20,0)+IF(Input!$D$21=4,L6302*Input!$C$21,0)+IF(Input!$D$22=4,M6302*Input!$C$22,0)</f>
        <v>0</v>
      </c>
      <c r="R6302" s="58">
        <v>65.52660319649307</v>
      </c>
      <c r="S6302" s="124">
        <f t="shared" si="98"/>
        <v>1.3805622472979258</v>
      </c>
    </row>
    <row r="6303" spans="8:19" x14ac:dyDescent="0.3">
      <c r="H6303" s="44">
        <v>6296</v>
      </c>
      <c r="I6303" s="56">
        <f>Bühler!I6329</f>
        <v>0.3185912878379828</v>
      </c>
      <c r="J6303" s="59">
        <f>Bühler!J6329</f>
        <v>1.0619709594599429</v>
      </c>
      <c r="K6303" s="59">
        <f>Bühler!K6329</f>
        <v>1.592956439189914</v>
      </c>
      <c r="L6303" s="59">
        <f>Bühler!L6329</f>
        <v>7.6461909081115875</v>
      </c>
      <c r="M6303" s="58">
        <f>Bühler!M6329</f>
        <v>0</v>
      </c>
      <c r="N6303" s="56">
        <f>IF(Input!$D$19=1,J6303*Input!$C$19,0)+IF(Input!$D$20=1,K6303*Input!$C$20,0)+IF(Input!$D$21=1,L6303*Input!$C$21,0)+IF(Input!$D$22=1,M6303*Input!$C$22,0)</f>
        <v>0.31859128783798285</v>
      </c>
      <c r="O6303" s="59">
        <f>IF(Input!$D$19=2,J6303*Input!$C$19,0)+IF(Input!$D$20=2,K6303*Input!$C$20,0)+IF(Input!$D$21=2,L6303*Input!$C$21,0)+IF(Input!$D$22=2,M6303*Input!$C$22,0)</f>
        <v>0.79647821959495702</v>
      </c>
      <c r="P6303" s="59">
        <f>IF(Input!$D$19=3,J6303*Input!$C$19,0)+IF(Input!$D$20=3,K6303*Input!$C$20,0)+IF(Input!$D$21=3,L6303*Input!$C$21,0)+IF(Input!$D$22=3,M6303*Input!$C$22,0)</f>
        <v>0</v>
      </c>
      <c r="Q6303" s="75">
        <f>IF(Input!$D$19=4,J6303*Input!$C$19,0)+IF(Input!$D$20=4,K6303*Input!$C$20,0)+IF(Input!$D$21=4,L6303*Input!$C$21,0)+IF(Input!$D$22=4,M6303*Input!$C$22,0)</f>
        <v>0</v>
      </c>
      <c r="R6303" s="58">
        <v>67.475517033234965</v>
      </c>
      <c r="S6303" s="124">
        <f t="shared" si="98"/>
        <v>1.3805622472979258</v>
      </c>
    </row>
    <row r="6304" spans="8:19" x14ac:dyDescent="0.3">
      <c r="H6304" s="44">
        <v>6297</v>
      </c>
      <c r="I6304" s="56">
        <f>Bühler!I6330</f>
        <v>0.3185912878379828</v>
      </c>
      <c r="J6304" s="59">
        <f>Bühler!J6330</f>
        <v>1.0619709594599429</v>
      </c>
      <c r="K6304" s="59">
        <f>Bühler!K6330</f>
        <v>1.592956439189914</v>
      </c>
      <c r="L6304" s="59">
        <f>Bühler!L6330</f>
        <v>7.6461909081115875</v>
      </c>
      <c r="M6304" s="58">
        <f>Bühler!M6330</f>
        <v>0</v>
      </c>
      <c r="N6304" s="56">
        <f>IF(Input!$D$19=1,J6304*Input!$C$19,0)+IF(Input!$D$20=1,K6304*Input!$C$20,0)+IF(Input!$D$21=1,L6304*Input!$C$21,0)+IF(Input!$D$22=1,M6304*Input!$C$22,0)</f>
        <v>0.31859128783798285</v>
      </c>
      <c r="O6304" s="59">
        <f>IF(Input!$D$19=2,J6304*Input!$C$19,0)+IF(Input!$D$20=2,K6304*Input!$C$20,0)+IF(Input!$D$21=2,L6304*Input!$C$21,0)+IF(Input!$D$22=2,M6304*Input!$C$22,0)</f>
        <v>0.79647821959495702</v>
      </c>
      <c r="P6304" s="59">
        <f>IF(Input!$D$19=3,J6304*Input!$C$19,0)+IF(Input!$D$20=3,K6304*Input!$C$20,0)+IF(Input!$D$21=3,L6304*Input!$C$21,0)+IF(Input!$D$22=3,M6304*Input!$C$22,0)</f>
        <v>0</v>
      </c>
      <c r="Q6304" s="75">
        <f>IF(Input!$D$19=4,J6304*Input!$C$19,0)+IF(Input!$D$20=4,K6304*Input!$C$20,0)+IF(Input!$D$21=4,L6304*Input!$C$21,0)+IF(Input!$D$22=4,M6304*Input!$C$22,0)</f>
        <v>0</v>
      </c>
      <c r="R6304" s="58">
        <v>68.451165976735098</v>
      </c>
      <c r="S6304" s="124">
        <f t="shared" si="98"/>
        <v>1.3805622472979258</v>
      </c>
    </row>
    <row r="6305" spans="8:19" x14ac:dyDescent="0.3">
      <c r="H6305" s="44">
        <v>6298</v>
      </c>
      <c r="I6305" s="56">
        <f>Bühler!I6331</f>
        <v>0.34236675707962333</v>
      </c>
      <c r="J6305" s="59">
        <f>Bühler!J6331</f>
        <v>1.1412225235987445</v>
      </c>
      <c r="K6305" s="59">
        <f>Bühler!K6331</f>
        <v>1.7118337853981165</v>
      </c>
      <c r="L6305" s="59">
        <f>Bühler!L6331</f>
        <v>8.2168021699109595</v>
      </c>
      <c r="M6305" s="58">
        <f>Bühler!M6331</f>
        <v>0</v>
      </c>
      <c r="N6305" s="56">
        <f>IF(Input!$D$19=1,J6305*Input!$C$19,0)+IF(Input!$D$20=1,K6305*Input!$C$20,0)+IF(Input!$D$21=1,L6305*Input!$C$21,0)+IF(Input!$D$22=1,M6305*Input!$C$22,0)</f>
        <v>0.34236675707962333</v>
      </c>
      <c r="O6305" s="59">
        <f>IF(Input!$D$19=2,J6305*Input!$C$19,0)+IF(Input!$D$20=2,K6305*Input!$C$20,0)+IF(Input!$D$21=2,L6305*Input!$C$21,0)+IF(Input!$D$22=2,M6305*Input!$C$22,0)</f>
        <v>0.85591689269905824</v>
      </c>
      <c r="P6305" s="59">
        <f>IF(Input!$D$19=3,J6305*Input!$C$19,0)+IF(Input!$D$20=3,K6305*Input!$C$20,0)+IF(Input!$D$21=3,L6305*Input!$C$21,0)+IF(Input!$D$22=3,M6305*Input!$C$22,0)</f>
        <v>0</v>
      </c>
      <c r="Q6305" s="75">
        <f>IF(Input!$D$19=4,J6305*Input!$C$19,0)+IF(Input!$D$20=4,K6305*Input!$C$20,0)+IF(Input!$D$21=4,L6305*Input!$C$21,0)+IF(Input!$D$22=4,M6305*Input!$C$22,0)</f>
        <v>0</v>
      </c>
      <c r="R6305" s="58">
        <v>68.331916783110572</v>
      </c>
      <c r="S6305" s="124">
        <f t="shared" si="98"/>
        <v>1.4835892806783679</v>
      </c>
    </row>
    <row r="6306" spans="8:19" x14ac:dyDescent="0.3">
      <c r="H6306" s="44">
        <v>6299</v>
      </c>
      <c r="I6306" s="56">
        <f>Bühler!I6332</f>
        <v>0.37089732016959187</v>
      </c>
      <c r="J6306" s="59">
        <f>Bühler!J6332</f>
        <v>1.2363244005653065</v>
      </c>
      <c r="K6306" s="59">
        <f>Bühler!K6332</f>
        <v>1.8544866008479595</v>
      </c>
      <c r="L6306" s="59">
        <f>Bühler!L6332</f>
        <v>8.9015356840702058</v>
      </c>
      <c r="M6306" s="58">
        <f>Bühler!M6332</f>
        <v>0</v>
      </c>
      <c r="N6306" s="56">
        <f>IF(Input!$D$19=1,J6306*Input!$C$19,0)+IF(Input!$D$20=1,K6306*Input!$C$20,0)+IF(Input!$D$21=1,L6306*Input!$C$21,0)+IF(Input!$D$22=1,M6306*Input!$C$22,0)</f>
        <v>0.37089732016959193</v>
      </c>
      <c r="O6306" s="59">
        <f>IF(Input!$D$19=2,J6306*Input!$C$19,0)+IF(Input!$D$20=2,K6306*Input!$C$20,0)+IF(Input!$D$21=2,L6306*Input!$C$21,0)+IF(Input!$D$22=2,M6306*Input!$C$22,0)</f>
        <v>0.92724330042397973</v>
      </c>
      <c r="P6306" s="59">
        <f>IF(Input!$D$19=3,J6306*Input!$C$19,0)+IF(Input!$D$20=3,K6306*Input!$C$20,0)+IF(Input!$D$21=3,L6306*Input!$C$21,0)+IF(Input!$D$22=3,M6306*Input!$C$22,0)</f>
        <v>0</v>
      </c>
      <c r="Q6306" s="75">
        <f>IF(Input!$D$19=4,J6306*Input!$C$19,0)+IF(Input!$D$20=4,K6306*Input!$C$20,0)+IF(Input!$D$21=4,L6306*Input!$C$21,0)+IF(Input!$D$22=4,M6306*Input!$C$22,0)</f>
        <v>0</v>
      </c>
      <c r="R6306" s="58">
        <v>68.987940805957621</v>
      </c>
      <c r="S6306" s="124">
        <f t="shared" si="98"/>
        <v>1.6072217207348984</v>
      </c>
    </row>
    <row r="6307" spans="8:19" x14ac:dyDescent="0.3">
      <c r="H6307" s="44">
        <v>6300</v>
      </c>
      <c r="I6307" s="56">
        <f>Bühler!I6333</f>
        <v>0.42795844634952912</v>
      </c>
      <c r="J6307" s="59">
        <f>Bühler!J6333</f>
        <v>1.4265281544984305</v>
      </c>
      <c r="K6307" s="59">
        <f>Bühler!K6333</f>
        <v>2.1397922317476454</v>
      </c>
      <c r="L6307" s="59">
        <f>Bühler!L6333</f>
        <v>10.271002712388698</v>
      </c>
      <c r="M6307" s="58">
        <f>Bühler!M6333</f>
        <v>0</v>
      </c>
      <c r="N6307" s="56">
        <f>IF(Input!$D$19=1,J6307*Input!$C$19,0)+IF(Input!$D$20=1,K6307*Input!$C$20,0)+IF(Input!$D$21=1,L6307*Input!$C$21,0)+IF(Input!$D$22=1,M6307*Input!$C$22,0)</f>
        <v>0.42795844634952912</v>
      </c>
      <c r="O6307" s="59">
        <f>IF(Input!$D$19=2,J6307*Input!$C$19,0)+IF(Input!$D$20=2,K6307*Input!$C$20,0)+IF(Input!$D$21=2,L6307*Input!$C$21,0)+IF(Input!$D$22=2,M6307*Input!$C$22,0)</f>
        <v>1.0698961158738227</v>
      </c>
      <c r="P6307" s="59">
        <f>IF(Input!$D$19=3,J6307*Input!$C$19,0)+IF(Input!$D$20=3,K6307*Input!$C$20,0)+IF(Input!$D$21=3,L6307*Input!$C$21,0)+IF(Input!$D$22=3,M6307*Input!$C$22,0)</f>
        <v>0</v>
      </c>
      <c r="Q6307" s="75">
        <f>IF(Input!$D$19=4,J6307*Input!$C$19,0)+IF(Input!$D$20=4,K6307*Input!$C$20,0)+IF(Input!$D$21=4,L6307*Input!$C$21,0)+IF(Input!$D$22=4,M6307*Input!$C$22,0)</f>
        <v>0</v>
      </c>
      <c r="R6307" s="58">
        <v>69.065437286957916</v>
      </c>
      <c r="S6307" s="124">
        <f t="shared" si="98"/>
        <v>1.8544866008479597</v>
      </c>
    </row>
    <row r="6308" spans="8:19" x14ac:dyDescent="0.3">
      <c r="H6308" s="44">
        <v>6301</v>
      </c>
      <c r="I6308" s="56">
        <f>Bühler!I6334</f>
        <v>0.42795844634952912</v>
      </c>
      <c r="J6308" s="59">
        <f>Bühler!J6334</f>
        <v>1.4265281544984305</v>
      </c>
      <c r="K6308" s="59">
        <f>Bühler!K6334</f>
        <v>2.1397922317476454</v>
      </c>
      <c r="L6308" s="59">
        <f>Bühler!L6334</f>
        <v>10.271002712388698</v>
      </c>
      <c r="M6308" s="58">
        <f>Bühler!M6334</f>
        <v>0</v>
      </c>
      <c r="N6308" s="56">
        <f>IF(Input!$D$19=1,J6308*Input!$C$19,0)+IF(Input!$D$20=1,K6308*Input!$C$20,0)+IF(Input!$D$21=1,L6308*Input!$C$21,0)+IF(Input!$D$22=1,M6308*Input!$C$22,0)</f>
        <v>0.42795844634952912</v>
      </c>
      <c r="O6308" s="59">
        <f>IF(Input!$D$19=2,J6308*Input!$C$19,0)+IF(Input!$D$20=2,K6308*Input!$C$20,0)+IF(Input!$D$21=2,L6308*Input!$C$21,0)+IF(Input!$D$22=2,M6308*Input!$C$22,0)</f>
        <v>1.0698961158738227</v>
      </c>
      <c r="P6308" s="59">
        <f>IF(Input!$D$19=3,J6308*Input!$C$19,0)+IF(Input!$D$20=3,K6308*Input!$C$20,0)+IF(Input!$D$21=3,L6308*Input!$C$21,0)+IF(Input!$D$22=3,M6308*Input!$C$22,0)</f>
        <v>0</v>
      </c>
      <c r="Q6308" s="75">
        <f>IF(Input!$D$19=4,J6308*Input!$C$19,0)+IF(Input!$D$20=4,K6308*Input!$C$20,0)+IF(Input!$D$21=4,L6308*Input!$C$21,0)+IF(Input!$D$22=4,M6308*Input!$C$22,0)</f>
        <v>0</v>
      </c>
      <c r="R6308" s="58">
        <v>68.197987606334223</v>
      </c>
      <c r="S6308" s="124">
        <f t="shared" si="98"/>
        <v>1.8544866008479597</v>
      </c>
    </row>
    <row r="6309" spans="8:19" x14ac:dyDescent="0.3">
      <c r="H6309" s="44">
        <v>6302</v>
      </c>
      <c r="I6309" s="56">
        <f>Bühler!I6335</f>
        <v>0.42795844634952912</v>
      </c>
      <c r="J6309" s="59">
        <f>Bühler!J6335</f>
        <v>1.4265281544984305</v>
      </c>
      <c r="K6309" s="59">
        <f>Bühler!K6335</f>
        <v>2.1397922317476454</v>
      </c>
      <c r="L6309" s="59">
        <f>Bühler!L6335</f>
        <v>10.271002712388698</v>
      </c>
      <c r="M6309" s="58">
        <f>Bühler!M6335</f>
        <v>0</v>
      </c>
      <c r="N6309" s="56">
        <f>IF(Input!$D$19=1,J6309*Input!$C$19,0)+IF(Input!$D$20=1,K6309*Input!$C$20,0)+IF(Input!$D$21=1,L6309*Input!$C$21,0)+IF(Input!$D$22=1,M6309*Input!$C$22,0)</f>
        <v>0.42795844634952912</v>
      </c>
      <c r="O6309" s="59">
        <f>IF(Input!$D$19=2,J6309*Input!$C$19,0)+IF(Input!$D$20=2,K6309*Input!$C$20,0)+IF(Input!$D$21=2,L6309*Input!$C$21,0)+IF(Input!$D$22=2,M6309*Input!$C$22,0)</f>
        <v>1.0698961158738227</v>
      </c>
      <c r="P6309" s="59">
        <f>IF(Input!$D$19=3,J6309*Input!$C$19,0)+IF(Input!$D$20=3,K6309*Input!$C$20,0)+IF(Input!$D$21=3,L6309*Input!$C$21,0)+IF(Input!$D$22=3,M6309*Input!$C$22,0)</f>
        <v>0</v>
      </c>
      <c r="Q6309" s="75">
        <f>IF(Input!$D$19=4,J6309*Input!$C$19,0)+IF(Input!$D$20=4,K6309*Input!$C$20,0)+IF(Input!$D$21=4,L6309*Input!$C$21,0)+IF(Input!$D$22=4,M6309*Input!$C$22,0)</f>
        <v>0</v>
      </c>
      <c r="R6309" s="58">
        <v>67.624278493864523</v>
      </c>
      <c r="S6309" s="124">
        <f t="shared" si="98"/>
        <v>1.8544866008479597</v>
      </c>
    </row>
    <row r="6310" spans="8:19" x14ac:dyDescent="0.3">
      <c r="H6310" s="44">
        <v>6303</v>
      </c>
      <c r="I6310" s="56">
        <f>Bühler!I6336</f>
        <v>0.42795844634952912</v>
      </c>
      <c r="J6310" s="59">
        <f>Bühler!J6336</f>
        <v>1.4265281544984305</v>
      </c>
      <c r="K6310" s="59">
        <f>Bühler!K6336</f>
        <v>2.1397922317476454</v>
      </c>
      <c r="L6310" s="59">
        <f>Bühler!L6336</f>
        <v>10.271002712388698</v>
      </c>
      <c r="M6310" s="58">
        <f>Bühler!M6336</f>
        <v>0</v>
      </c>
      <c r="N6310" s="56">
        <f>IF(Input!$D$19=1,J6310*Input!$C$19,0)+IF(Input!$D$20=1,K6310*Input!$C$20,0)+IF(Input!$D$21=1,L6310*Input!$C$21,0)+IF(Input!$D$22=1,M6310*Input!$C$22,0)</f>
        <v>0.42795844634952912</v>
      </c>
      <c r="O6310" s="59">
        <f>IF(Input!$D$19=2,J6310*Input!$C$19,0)+IF(Input!$D$20=2,K6310*Input!$C$20,0)+IF(Input!$D$21=2,L6310*Input!$C$21,0)+IF(Input!$D$22=2,M6310*Input!$C$22,0)</f>
        <v>1.0698961158738227</v>
      </c>
      <c r="P6310" s="59">
        <f>IF(Input!$D$19=3,J6310*Input!$C$19,0)+IF(Input!$D$20=3,K6310*Input!$C$20,0)+IF(Input!$D$21=3,L6310*Input!$C$21,0)+IF(Input!$D$22=3,M6310*Input!$C$22,0)</f>
        <v>0</v>
      </c>
      <c r="Q6310" s="75">
        <f>IF(Input!$D$19=4,J6310*Input!$C$19,0)+IF(Input!$D$20=4,K6310*Input!$C$20,0)+IF(Input!$D$21=4,L6310*Input!$C$21,0)+IF(Input!$D$22=4,M6310*Input!$C$22,0)</f>
        <v>0</v>
      </c>
      <c r="R6310" s="58">
        <v>67.674923233415925</v>
      </c>
      <c r="S6310" s="124">
        <f t="shared" si="98"/>
        <v>1.8544866008479597</v>
      </c>
    </row>
    <row r="6311" spans="8:19" x14ac:dyDescent="0.3">
      <c r="H6311" s="44">
        <v>6304</v>
      </c>
      <c r="I6311" s="56">
        <f>Bühler!I6337</f>
        <v>0.42795844634952912</v>
      </c>
      <c r="J6311" s="59">
        <f>Bühler!J6337</f>
        <v>1.4265281544984305</v>
      </c>
      <c r="K6311" s="59">
        <f>Bühler!K6337</f>
        <v>2.1397922317476454</v>
      </c>
      <c r="L6311" s="59">
        <f>Bühler!L6337</f>
        <v>10.271002712388698</v>
      </c>
      <c r="M6311" s="58">
        <f>Bühler!M6337</f>
        <v>0</v>
      </c>
      <c r="N6311" s="56">
        <f>IF(Input!$D$19=1,J6311*Input!$C$19,0)+IF(Input!$D$20=1,K6311*Input!$C$20,0)+IF(Input!$D$21=1,L6311*Input!$C$21,0)+IF(Input!$D$22=1,M6311*Input!$C$22,0)</f>
        <v>0.42795844634952912</v>
      </c>
      <c r="O6311" s="59">
        <f>IF(Input!$D$19=2,J6311*Input!$C$19,0)+IF(Input!$D$20=2,K6311*Input!$C$20,0)+IF(Input!$D$21=2,L6311*Input!$C$21,0)+IF(Input!$D$22=2,M6311*Input!$C$22,0)</f>
        <v>1.0698961158738227</v>
      </c>
      <c r="P6311" s="59">
        <f>IF(Input!$D$19=3,J6311*Input!$C$19,0)+IF(Input!$D$20=3,K6311*Input!$C$20,0)+IF(Input!$D$21=3,L6311*Input!$C$21,0)+IF(Input!$D$22=3,M6311*Input!$C$22,0)</f>
        <v>0</v>
      </c>
      <c r="Q6311" s="75">
        <f>IF(Input!$D$19=4,J6311*Input!$C$19,0)+IF(Input!$D$20=4,K6311*Input!$C$20,0)+IF(Input!$D$21=4,L6311*Input!$C$21,0)+IF(Input!$D$22=4,M6311*Input!$C$22,0)</f>
        <v>0</v>
      </c>
      <c r="R6311" s="58">
        <v>66.527340135366927</v>
      </c>
      <c r="S6311" s="124">
        <f t="shared" si="98"/>
        <v>1.8544866008479597</v>
      </c>
    </row>
    <row r="6312" spans="8:19" x14ac:dyDescent="0.3">
      <c r="H6312" s="44">
        <v>6305</v>
      </c>
      <c r="I6312" s="56">
        <f>Bühler!I6338</f>
        <v>0.42795844634952912</v>
      </c>
      <c r="J6312" s="59">
        <f>Bühler!J6338</f>
        <v>1.4265281544984305</v>
      </c>
      <c r="K6312" s="59">
        <f>Bühler!K6338</f>
        <v>2.1397922317476454</v>
      </c>
      <c r="L6312" s="59">
        <f>Bühler!L6338</f>
        <v>10.271002712388698</v>
      </c>
      <c r="M6312" s="58">
        <f>Bühler!M6338</f>
        <v>0</v>
      </c>
      <c r="N6312" s="56">
        <f>IF(Input!$D$19=1,J6312*Input!$C$19,0)+IF(Input!$D$20=1,K6312*Input!$C$20,0)+IF(Input!$D$21=1,L6312*Input!$C$21,0)+IF(Input!$D$22=1,M6312*Input!$C$22,0)</f>
        <v>0.42795844634952912</v>
      </c>
      <c r="O6312" s="59">
        <f>IF(Input!$D$19=2,J6312*Input!$C$19,0)+IF(Input!$D$20=2,K6312*Input!$C$20,0)+IF(Input!$D$21=2,L6312*Input!$C$21,0)+IF(Input!$D$22=2,M6312*Input!$C$22,0)</f>
        <v>1.0698961158738227</v>
      </c>
      <c r="P6312" s="59">
        <f>IF(Input!$D$19=3,J6312*Input!$C$19,0)+IF(Input!$D$20=3,K6312*Input!$C$20,0)+IF(Input!$D$21=3,L6312*Input!$C$21,0)+IF(Input!$D$22=3,M6312*Input!$C$22,0)</f>
        <v>0</v>
      </c>
      <c r="Q6312" s="75">
        <f>IF(Input!$D$19=4,J6312*Input!$C$19,0)+IF(Input!$D$20=4,K6312*Input!$C$20,0)+IF(Input!$D$21=4,L6312*Input!$C$21,0)+IF(Input!$D$22=4,M6312*Input!$C$22,0)</f>
        <v>0</v>
      </c>
      <c r="R6312" s="58">
        <v>64.821501160138141</v>
      </c>
      <c r="S6312" s="124">
        <f t="shared" si="98"/>
        <v>1.8544866008479597</v>
      </c>
    </row>
    <row r="6313" spans="8:19" x14ac:dyDescent="0.3">
      <c r="H6313" s="44">
        <v>6306</v>
      </c>
      <c r="I6313" s="56">
        <f>Bühler!I6339</f>
        <v>0.42795844634952912</v>
      </c>
      <c r="J6313" s="59">
        <f>Bühler!J6339</f>
        <v>1.4265281544984305</v>
      </c>
      <c r="K6313" s="59">
        <f>Bühler!K6339</f>
        <v>2.1397922317476454</v>
      </c>
      <c r="L6313" s="59">
        <f>Bühler!L6339</f>
        <v>10.271002712388698</v>
      </c>
      <c r="M6313" s="58">
        <f>Bühler!M6339</f>
        <v>0</v>
      </c>
      <c r="N6313" s="56">
        <f>IF(Input!$D$19=1,J6313*Input!$C$19,0)+IF(Input!$D$20=1,K6313*Input!$C$20,0)+IF(Input!$D$21=1,L6313*Input!$C$21,0)+IF(Input!$D$22=1,M6313*Input!$C$22,0)</f>
        <v>0.42795844634952912</v>
      </c>
      <c r="O6313" s="59">
        <f>IF(Input!$D$19=2,J6313*Input!$C$19,0)+IF(Input!$D$20=2,K6313*Input!$C$20,0)+IF(Input!$D$21=2,L6313*Input!$C$21,0)+IF(Input!$D$22=2,M6313*Input!$C$22,0)</f>
        <v>1.0698961158738227</v>
      </c>
      <c r="P6313" s="59">
        <f>IF(Input!$D$19=3,J6313*Input!$C$19,0)+IF(Input!$D$20=3,K6313*Input!$C$20,0)+IF(Input!$D$21=3,L6313*Input!$C$21,0)+IF(Input!$D$22=3,M6313*Input!$C$22,0)</f>
        <v>0</v>
      </c>
      <c r="Q6313" s="75">
        <f>IF(Input!$D$19=4,J6313*Input!$C$19,0)+IF(Input!$D$20=4,K6313*Input!$C$20,0)+IF(Input!$D$21=4,L6313*Input!$C$21,0)+IF(Input!$D$22=4,M6313*Input!$C$22,0)</f>
        <v>0</v>
      </c>
      <c r="R6313" s="58">
        <v>63.715190649939402</v>
      </c>
      <c r="S6313" s="124">
        <f t="shared" si="98"/>
        <v>1.8544866008479597</v>
      </c>
    </row>
    <row r="6314" spans="8:19" x14ac:dyDescent="0.3">
      <c r="H6314" s="44">
        <v>6307</v>
      </c>
      <c r="I6314" s="56">
        <f>Bühler!I6340</f>
        <v>0.42795844634952912</v>
      </c>
      <c r="J6314" s="59">
        <f>Bühler!J6340</f>
        <v>1.4265281544984305</v>
      </c>
      <c r="K6314" s="59">
        <f>Bühler!K6340</f>
        <v>2.1397922317476454</v>
      </c>
      <c r="L6314" s="59">
        <f>Bühler!L6340</f>
        <v>10.271002712388698</v>
      </c>
      <c r="M6314" s="58">
        <f>Bühler!M6340</f>
        <v>0</v>
      </c>
      <c r="N6314" s="56">
        <f>IF(Input!$D$19=1,J6314*Input!$C$19,0)+IF(Input!$D$20=1,K6314*Input!$C$20,0)+IF(Input!$D$21=1,L6314*Input!$C$21,0)+IF(Input!$D$22=1,M6314*Input!$C$22,0)</f>
        <v>0.42795844634952912</v>
      </c>
      <c r="O6314" s="59">
        <f>IF(Input!$D$19=2,J6314*Input!$C$19,0)+IF(Input!$D$20=2,K6314*Input!$C$20,0)+IF(Input!$D$21=2,L6314*Input!$C$21,0)+IF(Input!$D$22=2,M6314*Input!$C$22,0)</f>
        <v>1.0698961158738227</v>
      </c>
      <c r="P6314" s="59">
        <f>IF(Input!$D$19=3,J6314*Input!$C$19,0)+IF(Input!$D$20=3,K6314*Input!$C$20,0)+IF(Input!$D$21=3,L6314*Input!$C$21,0)+IF(Input!$D$22=3,M6314*Input!$C$22,0)</f>
        <v>0</v>
      </c>
      <c r="Q6314" s="75">
        <f>IF(Input!$D$19=4,J6314*Input!$C$19,0)+IF(Input!$D$20=4,K6314*Input!$C$20,0)+IF(Input!$D$21=4,L6314*Input!$C$21,0)+IF(Input!$D$22=4,M6314*Input!$C$22,0)</f>
        <v>0</v>
      </c>
      <c r="R6314" s="58">
        <v>62.679427040686186</v>
      </c>
      <c r="S6314" s="124">
        <f t="shared" si="98"/>
        <v>1.8544866008479597</v>
      </c>
    </row>
    <row r="6315" spans="8:19" x14ac:dyDescent="0.3">
      <c r="H6315" s="44">
        <v>6308</v>
      </c>
      <c r="I6315" s="56">
        <f>Bühler!I6341</f>
        <v>0.35663203862460763</v>
      </c>
      <c r="J6315" s="59">
        <f>Bühler!J6341</f>
        <v>1.1887734620820254</v>
      </c>
      <c r="K6315" s="59">
        <f>Bühler!K6341</f>
        <v>1.7831601931230381</v>
      </c>
      <c r="L6315" s="59">
        <f>Bühler!L6341</f>
        <v>8.5591689269905817</v>
      </c>
      <c r="M6315" s="58">
        <f>Bühler!M6341</f>
        <v>0</v>
      </c>
      <c r="N6315" s="56">
        <f>IF(Input!$D$19=1,J6315*Input!$C$19,0)+IF(Input!$D$20=1,K6315*Input!$C$20,0)+IF(Input!$D$21=1,L6315*Input!$C$21,0)+IF(Input!$D$22=1,M6315*Input!$C$22,0)</f>
        <v>0.35663203862460763</v>
      </c>
      <c r="O6315" s="59">
        <f>IF(Input!$D$19=2,J6315*Input!$C$19,0)+IF(Input!$D$20=2,K6315*Input!$C$20,0)+IF(Input!$D$21=2,L6315*Input!$C$21,0)+IF(Input!$D$22=2,M6315*Input!$C$22,0)</f>
        <v>0.89158009656151904</v>
      </c>
      <c r="P6315" s="59">
        <f>IF(Input!$D$19=3,J6315*Input!$C$19,0)+IF(Input!$D$20=3,K6315*Input!$C$20,0)+IF(Input!$D$21=3,L6315*Input!$C$21,0)+IF(Input!$D$22=3,M6315*Input!$C$22,0)</f>
        <v>0</v>
      </c>
      <c r="Q6315" s="75">
        <f>IF(Input!$D$19=4,J6315*Input!$C$19,0)+IF(Input!$D$20=4,K6315*Input!$C$20,0)+IF(Input!$D$21=4,L6315*Input!$C$21,0)+IF(Input!$D$22=4,M6315*Input!$C$22,0)</f>
        <v>0</v>
      </c>
      <c r="R6315" s="58">
        <v>61.955087925291828</v>
      </c>
      <c r="S6315" s="124">
        <f t="shared" si="98"/>
        <v>1.545405500706633</v>
      </c>
    </row>
    <row r="6316" spans="8:19" x14ac:dyDescent="0.3">
      <c r="H6316" s="44">
        <v>6309</v>
      </c>
      <c r="I6316" s="56">
        <f>Bühler!I6342</f>
        <v>0.28530563089968614</v>
      </c>
      <c r="J6316" s="59">
        <f>Bühler!J6342</f>
        <v>0.95101876966562049</v>
      </c>
      <c r="K6316" s="59">
        <f>Bühler!K6342</f>
        <v>1.4265281544984307</v>
      </c>
      <c r="L6316" s="59">
        <f>Bühler!L6342</f>
        <v>6.8473351415924677</v>
      </c>
      <c r="M6316" s="58">
        <f>Bühler!M6342</f>
        <v>0</v>
      </c>
      <c r="N6316" s="56">
        <f>IF(Input!$D$19=1,J6316*Input!$C$19,0)+IF(Input!$D$20=1,K6316*Input!$C$20,0)+IF(Input!$D$21=1,L6316*Input!$C$21,0)+IF(Input!$D$22=1,M6316*Input!$C$22,0)</f>
        <v>0.28530563089968614</v>
      </c>
      <c r="O6316" s="59">
        <f>IF(Input!$D$19=2,J6316*Input!$C$19,0)+IF(Input!$D$20=2,K6316*Input!$C$20,0)+IF(Input!$D$21=2,L6316*Input!$C$21,0)+IF(Input!$D$22=2,M6316*Input!$C$22,0)</f>
        <v>0.71326407724921537</v>
      </c>
      <c r="P6316" s="59">
        <f>IF(Input!$D$19=3,J6316*Input!$C$19,0)+IF(Input!$D$20=3,K6316*Input!$C$20,0)+IF(Input!$D$21=3,L6316*Input!$C$21,0)+IF(Input!$D$22=3,M6316*Input!$C$22,0)</f>
        <v>0</v>
      </c>
      <c r="Q6316" s="75">
        <f>IF(Input!$D$19=4,J6316*Input!$C$19,0)+IF(Input!$D$20=4,K6316*Input!$C$20,0)+IF(Input!$D$21=4,L6316*Input!$C$21,0)+IF(Input!$D$22=4,M6316*Input!$C$22,0)</f>
        <v>0</v>
      </c>
      <c r="R6316" s="58">
        <v>60.346230525861834</v>
      </c>
      <c r="S6316" s="124">
        <f t="shared" si="98"/>
        <v>1.2363244005653067</v>
      </c>
    </row>
    <row r="6317" spans="8:19" x14ac:dyDescent="0.3">
      <c r="H6317" s="44">
        <v>6310</v>
      </c>
      <c r="I6317" s="56">
        <f>Bühler!I6343</f>
        <v>0.21397922317476456</v>
      </c>
      <c r="J6317" s="59">
        <f>Bühler!J6343</f>
        <v>0.71326407724921526</v>
      </c>
      <c r="K6317" s="59">
        <f>Bühler!K6343</f>
        <v>1.0698961158738227</v>
      </c>
      <c r="L6317" s="59">
        <f>Bühler!L6343</f>
        <v>5.1355013561943492</v>
      </c>
      <c r="M6317" s="58">
        <f>Bühler!M6343</f>
        <v>0</v>
      </c>
      <c r="N6317" s="56">
        <f>IF(Input!$D$19=1,J6317*Input!$C$19,0)+IF(Input!$D$20=1,K6317*Input!$C$20,0)+IF(Input!$D$21=1,L6317*Input!$C$21,0)+IF(Input!$D$22=1,M6317*Input!$C$22,0)</f>
        <v>0.21397922317476456</v>
      </c>
      <c r="O6317" s="59">
        <f>IF(Input!$D$19=2,J6317*Input!$C$19,0)+IF(Input!$D$20=2,K6317*Input!$C$20,0)+IF(Input!$D$21=2,L6317*Input!$C$21,0)+IF(Input!$D$22=2,M6317*Input!$C$22,0)</f>
        <v>0.53494805793691136</v>
      </c>
      <c r="P6317" s="59">
        <f>IF(Input!$D$19=3,J6317*Input!$C$19,0)+IF(Input!$D$20=3,K6317*Input!$C$20,0)+IF(Input!$D$21=3,L6317*Input!$C$21,0)+IF(Input!$D$22=3,M6317*Input!$C$22,0)</f>
        <v>0</v>
      </c>
      <c r="Q6317" s="75">
        <f>IF(Input!$D$19=4,J6317*Input!$C$19,0)+IF(Input!$D$20=4,K6317*Input!$C$20,0)+IF(Input!$D$21=4,L6317*Input!$C$21,0)+IF(Input!$D$22=4,M6317*Input!$C$22,0)</f>
        <v>0</v>
      </c>
      <c r="R6317" s="58">
        <v>58.412391575339669</v>
      </c>
      <c r="S6317" s="124">
        <f t="shared" si="98"/>
        <v>0.92724330042397984</v>
      </c>
    </row>
    <row r="6318" spans="8:19" x14ac:dyDescent="0.3">
      <c r="H6318" s="44">
        <v>6311</v>
      </c>
      <c r="I6318" s="56">
        <f>Bühler!I6344</f>
        <v>0.21397922317476456</v>
      </c>
      <c r="J6318" s="59">
        <f>Bühler!J6344</f>
        <v>0.71326407724921526</v>
      </c>
      <c r="K6318" s="59">
        <f>Bühler!K6344</f>
        <v>1.0698961158738227</v>
      </c>
      <c r="L6318" s="59">
        <f>Bühler!L6344</f>
        <v>5.1355013561943492</v>
      </c>
      <c r="M6318" s="58">
        <f>Bühler!M6344</f>
        <v>0</v>
      </c>
      <c r="N6318" s="56">
        <f>IF(Input!$D$19=1,J6318*Input!$C$19,0)+IF(Input!$D$20=1,K6318*Input!$C$20,0)+IF(Input!$D$21=1,L6318*Input!$C$21,0)+IF(Input!$D$22=1,M6318*Input!$C$22,0)</f>
        <v>0.21397922317476456</v>
      </c>
      <c r="O6318" s="59">
        <f>IF(Input!$D$19=2,J6318*Input!$C$19,0)+IF(Input!$D$20=2,K6318*Input!$C$20,0)+IF(Input!$D$21=2,L6318*Input!$C$21,0)+IF(Input!$D$22=2,M6318*Input!$C$22,0)</f>
        <v>0.53494805793691136</v>
      </c>
      <c r="P6318" s="59">
        <f>IF(Input!$D$19=3,J6318*Input!$C$19,0)+IF(Input!$D$20=3,K6318*Input!$C$20,0)+IF(Input!$D$21=3,L6318*Input!$C$21,0)+IF(Input!$D$22=3,M6318*Input!$C$22,0)</f>
        <v>0</v>
      </c>
      <c r="Q6318" s="75">
        <f>IF(Input!$D$19=4,J6318*Input!$C$19,0)+IF(Input!$D$20=4,K6318*Input!$C$20,0)+IF(Input!$D$21=4,L6318*Input!$C$21,0)+IF(Input!$D$22=4,M6318*Input!$C$22,0)</f>
        <v>0</v>
      </c>
      <c r="R6318" s="58">
        <v>57.237063682971645</v>
      </c>
      <c r="S6318" s="124">
        <f t="shared" si="98"/>
        <v>0.92724330042397984</v>
      </c>
    </row>
    <row r="6319" spans="8:19" x14ac:dyDescent="0.3">
      <c r="H6319" s="44">
        <v>6312</v>
      </c>
      <c r="I6319" s="56">
        <f>Bühler!I6345</f>
        <v>0.21397922317476456</v>
      </c>
      <c r="J6319" s="59">
        <f>Bühler!J6345</f>
        <v>0.71326407724921526</v>
      </c>
      <c r="K6319" s="59">
        <f>Bühler!K6345</f>
        <v>1.0698961158738227</v>
      </c>
      <c r="L6319" s="59">
        <f>Bühler!L6345</f>
        <v>5.1355013561943492</v>
      </c>
      <c r="M6319" s="58">
        <f>Bühler!M6345</f>
        <v>0</v>
      </c>
      <c r="N6319" s="56">
        <f>IF(Input!$D$19=1,J6319*Input!$C$19,0)+IF(Input!$D$20=1,K6319*Input!$C$20,0)+IF(Input!$D$21=1,L6319*Input!$C$21,0)+IF(Input!$D$22=1,M6319*Input!$C$22,0)</f>
        <v>0.21397922317476456</v>
      </c>
      <c r="O6319" s="59">
        <f>IF(Input!$D$19=2,J6319*Input!$C$19,0)+IF(Input!$D$20=2,K6319*Input!$C$20,0)+IF(Input!$D$21=2,L6319*Input!$C$21,0)+IF(Input!$D$22=2,M6319*Input!$C$22,0)</f>
        <v>0.53494805793691136</v>
      </c>
      <c r="P6319" s="59">
        <f>IF(Input!$D$19=3,J6319*Input!$C$19,0)+IF(Input!$D$20=3,K6319*Input!$C$20,0)+IF(Input!$D$21=3,L6319*Input!$C$21,0)+IF(Input!$D$22=3,M6319*Input!$C$22,0)</f>
        <v>0</v>
      </c>
      <c r="Q6319" s="75">
        <f>IF(Input!$D$19=4,J6319*Input!$C$19,0)+IF(Input!$D$20=4,K6319*Input!$C$20,0)+IF(Input!$D$21=4,L6319*Input!$C$21,0)+IF(Input!$D$22=4,M6319*Input!$C$22,0)</f>
        <v>0</v>
      </c>
      <c r="R6319" s="58">
        <v>56.440411821886279</v>
      </c>
      <c r="S6319" s="124">
        <f t="shared" si="98"/>
        <v>0.92724330042397984</v>
      </c>
    </row>
    <row r="6320" spans="8:19" x14ac:dyDescent="0.3">
      <c r="H6320" s="44">
        <v>6313</v>
      </c>
      <c r="I6320" s="56">
        <f>Bühler!I6346</f>
        <v>0.23195236671707919</v>
      </c>
      <c r="J6320" s="59">
        <f>Bühler!J6346</f>
        <v>0.77317455572359739</v>
      </c>
      <c r="K6320" s="59">
        <f>Bühler!K6346</f>
        <v>1.1597618335853961</v>
      </c>
      <c r="L6320" s="59">
        <f>Bühler!L6346</f>
        <v>5.5668568012099007</v>
      </c>
      <c r="M6320" s="58">
        <f>Bühler!M6346</f>
        <v>0</v>
      </c>
      <c r="N6320" s="56">
        <f>IF(Input!$D$19=1,J6320*Input!$C$19,0)+IF(Input!$D$20=1,K6320*Input!$C$20,0)+IF(Input!$D$21=1,L6320*Input!$C$21,0)+IF(Input!$D$22=1,M6320*Input!$C$22,0)</f>
        <v>0.23195236671707919</v>
      </c>
      <c r="O6320" s="59">
        <f>IF(Input!$D$19=2,J6320*Input!$C$19,0)+IF(Input!$D$20=2,K6320*Input!$C$20,0)+IF(Input!$D$21=2,L6320*Input!$C$21,0)+IF(Input!$D$22=2,M6320*Input!$C$22,0)</f>
        <v>0.57988091679269804</v>
      </c>
      <c r="P6320" s="59">
        <f>IF(Input!$D$19=3,J6320*Input!$C$19,0)+IF(Input!$D$20=3,K6320*Input!$C$20,0)+IF(Input!$D$21=3,L6320*Input!$C$21,0)+IF(Input!$D$22=3,M6320*Input!$C$22,0)</f>
        <v>0</v>
      </c>
      <c r="Q6320" s="75">
        <f>IF(Input!$D$19=4,J6320*Input!$C$19,0)+IF(Input!$D$20=4,K6320*Input!$C$20,0)+IF(Input!$D$21=4,L6320*Input!$C$21,0)+IF(Input!$D$22=4,M6320*Input!$C$22,0)</f>
        <v>0</v>
      </c>
      <c r="R6320" s="58">
        <v>55.387748169714087</v>
      </c>
      <c r="S6320" s="124">
        <f t="shared" si="98"/>
        <v>1.0051269224406765</v>
      </c>
    </row>
    <row r="6321" spans="8:19" x14ac:dyDescent="0.3">
      <c r="H6321" s="44">
        <v>6314</v>
      </c>
      <c r="I6321" s="56">
        <f>Bühler!I6347</f>
        <v>0.23195236671707919</v>
      </c>
      <c r="J6321" s="59">
        <f>Bühler!J6347</f>
        <v>0.77317455572359739</v>
      </c>
      <c r="K6321" s="59">
        <f>Bühler!K6347</f>
        <v>1.1597618335853961</v>
      </c>
      <c r="L6321" s="59">
        <f>Bühler!L6347</f>
        <v>5.5668568012099007</v>
      </c>
      <c r="M6321" s="58">
        <f>Bühler!M6347</f>
        <v>0</v>
      </c>
      <c r="N6321" s="56">
        <f>IF(Input!$D$19=1,J6321*Input!$C$19,0)+IF(Input!$D$20=1,K6321*Input!$C$20,0)+IF(Input!$D$21=1,L6321*Input!$C$21,0)+IF(Input!$D$22=1,M6321*Input!$C$22,0)</f>
        <v>0.23195236671707919</v>
      </c>
      <c r="O6321" s="59">
        <f>IF(Input!$D$19=2,J6321*Input!$C$19,0)+IF(Input!$D$20=2,K6321*Input!$C$20,0)+IF(Input!$D$21=2,L6321*Input!$C$21,0)+IF(Input!$D$22=2,M6321*Input!$C$22,0)</f>
        <v>0.57988091679269804</v>
      </c>
      <c r="P6321" s="59">
        <f>IF(Input!$D$19=3,J6321*Input!$C$19,0)+IF(Input!$D$20=3,K6321*Input!$C$20,0)+IF(Input!$D$21=3,L6321*Input!$C$21,0)+IF(Input!$D$22=3,M6321*Input!$C$22,0)</f>
        <v>0</v>
      </c>
      <c r="Q6321" s="75">
        <f>IF(Input!$D$19=4,J6321*Input!$C$19,0)+IF(Input!$D$20=4,K6321*Input!$C$20,0)+IF(Input!$D$21=4,L6321*Input!$C$21,0)+IF(Input!$D$22=4,M6321*Input!$C$22,0)</f>
        <v>0</v>
      </c>
      <c r="R6321" s="58">
        <v>55.146265610563219</v>
      </c>
      <c r="S6321" s="124">
        <f t="shared" si="98"/>
        <v>1.0051269224406765</v>
      </c>
    </row>
    <row r="6322" spans="8:19" x14ac:dyDescent="0.3">
      <c r="H6322" s="44">
        <v>6315</v>
      </c>
      <c r="I6322" s="56">
        <f>Bühler!I6348</f>
        <v>0.23195236671707919</v>
      </c>
      <c r="J6322" s="59">
        <f>Bühler!J6348</f>
        <v>0.77317455572359739</v>
      </c>
      <c r="K6322" s="59">
        <f>Bühler!K6348</f>
        <v>1.1597618335853961</v>
      </c>
      <c r="L6322" s="59">
        <f>Bühler!L6348</f>
        <v>5.5668568012099007</v>
      </c>
      <c r="M6322" s="58">
        <f>Bühler!M6348</f>
        <v>0</v>
      </c>
      <c r="N6322" s="56">
        <f>IF(Input!$D$19=1,J6322*Input!$C$19,0)+IF(Input!$D$20=1,K6322*Input!$C$20,0)+IF(Input!$D$21=1,L6322*Input!$C$21,0)+IF(Input!$D$22=1,M6322*Input!$C$22,0)</f>
        <v>0.23195236671707919</v>
      </c>
      <c r="O6322" s="59">
        <f>IF(Input!$D$19=2,J6322*Input!$C$19,0)+IF(Input!$D$20=2,K6322*Input!$C$20,0)+IF(Input!$D$21=2,L6322*Input!$C$21,0)+IF(Input!$D$22=2,M6322*Input!$C$22,0)</f>
        <v>0.57988091679269804</v>
      </c>
      <c r="P6322" s="59">
        <f>IF(Input!$D$19=3,J6322*Input!$C$19,0)+IF(Input!$D$20=3,K6322*Input!$C$20,0)+IF(Input!$D$21=3,L6322*Input!$C$21,0)+IF(Input!$D$22=3,M6322*Input!$C$22,0)</f>
        <v>0</v>
      </c>
      <c r="Q6322" s="75">
        <f>IF(Input!$D$19=4,J6322*Input!$C$19,0)+IF(Input!$D$20=4,K6322*Input!$C$20,0)+IF(Input!$D$21=4,L6322*Input!$C$21,0)+IF(Input!$D$22=4,M6322*Input!$C$22,0)</f>
        <v>0</v>
      </c>
      <c r="R6322" s="58">
        <v>55.433656367258493</v>
      </c>
      <c r="S6322" s="124">
        <f t="shared" si="98"/>
        <v>1.0051269224406765</v>
      </c>
    </row>
    <row r="6323" spans="8:19" x14ac:dyDescent="0.3">
      <c r="H6323" s="44">
        <v>6316</v>
      </c>
      <c r="I6323" s="56">
        <f>Bühler!I6349</f>
        <v>0.23195236671707919</v>
      </c>
      <c r="J6323" s="59">
        <f>Bühler!J6349</f>
        <v>0.77317455572359739</v>
      </c>
      <c r="K6323" s="59">
        <f>Bühler!K6349</f>
        <v>1.1597618335853961</v>
      </c>
      <c r="L6323" s="59">
        <f>Bühler!L6349</f>
        <v>5.5668568012099007</v>
      </c>
      <c r="M6323" s="58">
        <f>Bühler!M6349</f>
        <v>0</v>
      </c>
      <c r="N6323" s="56">
        <f>IF(Input!$D$19=1,J6323*Input!$C$19,0)+IF(Input!$D$20=1,K6323*Input!$C$20,0)+IF(Input!$D$21=1,L6323*Input!$C$21,0)+IF(Input!$D$22=1,M6323*Input!$C$22,0)</f>
        <v>0.23195236671707919</v>
      </c>
      <c r="O6323" s="59">
        <f>IF(Input!$D$19=2,J6323*Input!$C$19,0)+IF(Input!$D$20=2,K6323*Input!$C$20,0)+IF(Input!$D$21=2,L6323*Input!$C$21,0)+IF(Input!$D$22=2,M6323*Input!$C$22,0)</f>
        <v>0.57988091679269804</v>
      </c>
      <c r="P6323" s="59">
        <f>IF(Input!$D$19=3,J6323*Input!$C$19,0)+IF(Input!$D$20=3,K6323*Input!$C$20,0)+IF(Input!$D$21=3,L6323*Input!$C$21,0)+IF(Input!$D$22=3,M6323*Input!$C$22,0)</f>
        <v>0</v>
      </c>
      <c r="Q6323" s="75">
        <f>IF(Input!$D$19=4,J6323*Input!$C$19,0)+IF(Input!$D$20=4,K6323*Input!$C$20,0)+IF(Input!$D$21=4,L6323*Input!$C$21,0)+IF(Input!$D$22=4,M6323*Input!$C$22,0)</f>
        <v>0</v>
      </c>
      <c r="R6323" s="58">
        <v>56.121877209499864</v>
      </c>
      <c r="S6323" s="124">
        <f t="shared" si="98"/>
        <v>1.0051269224406765</v>
      </c>
    </row>
    <row r="6324" spans="8:19" x14ac:dyDescent="0.3">
      <c r="H6324" s="44">
        <v>6317</v>
      </c>
      <c r="I6324" s="56">
        <f>Bühler!I6350</f>
        <v>0.23195236671707919</v>
      </c>
      <c r="J6324" s="59">
        <f>Bühler!J6350</f>
        <v>0.77317455572359739</v>
      </c>
      <c r="K6324" s="59">
        <f>Bühler!K6350</f>
        <v>1.1597618335853961</v>
      </c>
      <c r="L6324" s="59">
        <f>Bühler!L6350</f>
        <v>5.5668568012099007</v>
      </c>
      <c r="M6324" s="58">
        <f>Bühler!M6350</f>
        <v>0</v>
      </c>
      <c r="N6324" s="56">
        <f>IF(Input!$D$19=1,J6324*Input!$C$19,0)+IF(Input!$D$20=1,K6324*Input!$C$20,0)+IF(Input!$D$21=1,L6324*Input!$C$21,0)+IF(Input!$D$22=1,M6324*Input!$C$22,0)</f>
        <v>0.23195236671707919</v>
      </c>
      <c r="O6324" s="59">
        <f>IF(Input!$D$19=2,J6324*Input!$C$19,0)+IF(Input!$D$20=2,K6324*Input!$C$20,0)+IF(Input!$D$21=2,L6324*Input!$C$21,0)+IF(Input!$D$22=2,M6324*Input!$C$22,0)</f>
        <v>0.57988091679269804</v>
      </c>
      <c r="P6324" s="59">
        <f>IF(Input!$D$19=3,J6324*Input!$C$19,0)+IF(Input!$D$20=3,K6324*Input!$C$20,0)+IF(Input!$D$21=3,L6324*Input!$C$21,0)+IF(Input!$D$22=3,M6324*Input!$C$22,0)</f>
        <v>0</v>
      </c>
      <c r="Q6324" s="75">
        <f>IF(Input!$D$19=4,J6324*Input!$C$19,0)+IF(Input!$D$20=4,K6324*Input!$C$20,0)+IF(Input!$D$21=4,L6324*Input!$C$21,0)+IF(Input!$D$22=4,M6324*Input!$C$22,0)</f>
        <v>0</v>
      </c>
      <c r="R6324" s="58">
        <v>57.048289032822467</v>
      </c>
      <c r="S6324" s="124">
        <f t="shared" si="98"/>
        <v>1.0051269224406765</v>
      </c>
    </row>
    <row r="6325" spans="8:19" x14ac:dyDescent="0.3">
      <c r="H6325" s="44">
        <v>6318</v>
      </c>
      <c r="I6325" s="56">
        <f>Bühler!I6351</f>
        <v>0.29896082821312431</v>
      </c>
      <c r="J6325" s="59">
        <f>Bühler!J6351</f>
        <v>0.99653609404374777</v>
      </c>
      <c r="K6325" s="59">
        <f>Bühler!K6351</f>
        <v>1.4948041410656216</v>
      </c>
      <c r="L6325" s="59">
        <f>Bühler!L6351</f>
        <v>7.1750598771149834</v>
      </c>
      <c r="M6325" s="58">
        <f>Bühler!M6351</f>
        <v>0</v>
      </c>
      <c r="N6325" s="56">
        <f>IF(Input!$D$19=1,J6325*Input!$C$19,0)+IF(Input!$D$20=1,K6325*Input!$C$20,0)+IF(Input!$D$21=1,L6325*Input!$C$21,0)+IF(Input!$D$22=1,M6325*Input!$C$22,0)</f>
        <v>0.29896082821312431</v>
      </c>
      <c r="O6325" s="59">
        <f>IF(Input!$D$19=2,J6325*Input!$C$19,0)+IF(Input!$D$20=2,K6325*Input!$C$20,0)+IF(Input!$D$21=2,L6325*Input!$C$21,0)+IF(Input!$D$22=2,M6325*Input!$C$22,0)</f>
        <v>0.74740207053281082</v>
      </c>
      <c r="P6325" s="59">
        <f>IF(Input!$D$19=3,J6325*Input!$C$19,0)+IF(Input!$D$20=3,K6325*Input!$C$20,0)+IF(Input!$D$21=3,L6325*Input!$C$21,0)+IF(Input!$D$22=3,M6325*Input!$C$22,0)</f>
        <v>0</v>
      </c>
      <c r="Q6325" s="75">
        <f>IF(Input!$D$19=4,J6325*Input!$C$19,0)+IF(Input!$D$20=4,K6325*Input!$C$20,0)+IF(Input!$D$21=4,L6325*Input!$C$21,0)+IF(Input!$D$22=4,M6325*Input!$C$22,0)</f>
        <v>0</v>
      </c>
      <c r="R6325" s="58">
        <v>59.790163012643234</v>
      </c>
      <c r="S6325" s="124">
        <f t="shared" si="98"/>
        <v>1.2954969222568722</v>
      </c>
    </row>
    <row r="6326" spans="8:19" x14ac:dyDescent="0.3">
      <c r="H6326" s="44">
        <v>6319</v>
      </c>
      <c r="I6326" s="56">
        <f>Bühler!I6352</f>
        <v>0.36081479267101219</v>
      </c>
      <c r="J6326" s="59">
        <f>Bühler!J6352</f>
        <v>1.2027159755700407</v>
      </c>
      <c r="K6326" s="59">
        <f>Bühler!K6352</f>
        <v>1.8040739633550609</v>
      </c>
      <c r="L6326" s="59">
        <f>Bühler!L6352</f>
        <v>8.6595550241042929</v>
      </c>
      <c r="M6326" s="58">
        <f>Bühler!M6352</f>
        <v>0</v>
      </c>
      <c r="N6326" s="56">
        <f>IF(Input!$D$19=1,J6326*Input!$C$19,0)+IF(Input!$D$20=1,K6326*Input!$C$20,0)+IF(Input!$D$21=1,L6326*Input!$C$21,0)+IF(Input!$D$22=1,M6326*Input!$C$22,0)</f>
        <v>0.36081479267101219</v>
      </c>
      <c r="O6326" s="59">
        <f>IF(Input!$D$19=2,J6326*Input!$C$19,0)+IF(Input!$D$20=2,K6326*Input!$C$20,0)+IF(Input!$D$21=2,L6326*Input!$C$21,0)+IF(Input!$D$22=2,M6326*Input!$C$22,0)</f>
        <v>0.90203698167753044</v>
      </c>
      <c r="P6326" s="59">
        <f>IF(Input!$D$19=3,J6326*Input!$C$19,0)+IF(Input!$D$20=3,K6326*Input!$C$20,0)+IF(Input!$D$21=3,L6326*Input!$C$21,0)+IF(Input!$D$22=3,M6326*Input!$C$22,0)</f>
        <v>0</v>
      </c>
      <c r="Q6326" s="75">
        <f>IF(Input!$D$19=4,J6326*Input!$C$19,0)+IF(Input!$D$20=4,K6326*Input!$C$20,0)+IF(Input!$D$21=4,L6326*Input!$C$21,0)+IF(Input!$D$22=4,M6326*Input!$C$22,0)</f>
        <v>0</v>
      </c>
      <c r="R6326" s="58">
        <v>62.817273689631676</v>
      </c>
      <c r="S6326" s="124">
        <f t="shared" si="98"/>
        <v>1.5635307682410529</v>
      </c>
    </row>
    <row r="6327" spans="8:19" x14ac:dyDescent="0.3">
      <c r="H6327" s="44">
        <v>6320</v>
      </c>
      <c r="I6327" s="56">
        <f>Bühler!I6353</f>
        <v>0.36081479267101219</v>
      </c>
      <c r="J6327" s="59">
        <f>Bühler!J6353</f>
        <v>1.2027159755700407</v>
      </c>
      <c r="K6327" s="59">
        <f>Bühler!K6353</f>
        <v>1.8040739633550609</v>
      </c>
      <c r="L6327" s="59">
        <f>Bühler!L6353</f>
        <v>8.6595550241042929</v>
      </c>
      <c r="M6327" s="58">
        <f>Bühler!M6353</f>
        <v>0</v>
      </c>
      <c r="N6327" s="56">
        <f>IF(Input!$D$19=1,J6327*Input!$C$19,0)+IF(Input!$D$20=1,K6327*Input!$C$20,0)+IF(Input!$D$21=1,L6327*Input!$C$21,0)+IF(Input!$D$22=1,M6327*Input!$C$22,0)</f>
        <v>0.36081479267101219</v>
      </c>
      <c r="O6327" s="59">
        <f>IF(Input!$D$19=2,J6327*Input!$C$19,0)+IF(Input!$D$20=2,K6327*Input!$C$20,0)+IF(Input!$D$21=2,L6327*Input!$C$21,0)+IF(Input!$D$22=2,M6327*Input!$C$22,0)</f>
        <v>0.90203698167753044</v>
      </c>
      <c r="P6327" s="59">
        <f>IF(Input!$D$19=3,J6327*Input!$C$19,0)+IF(Input!$D$20=3,K6327*Input!$C$20,0)+IF(Input!$D$21=3,L6327*Input!$C$21,0)+IF(Input!$D$22=3,M6327*Input!$C$22,0)</f>
        <v>0</v>
      </c>
      <c r="Q6327" s="75">
        <f>IF(Input!$D$19=4,J6327*Input!$C$19,0)+IF(Input!$D$20=4,K6327*Input!$C$20,0)+IF(Input!$D$21=4,L6327*Input!$C$21,0)+IF(Input!$D$22=4,M6327*Input!$C$22,0)</f>
        <v>0</v>
      </c>
      <c r="R6327" s="58">
        <v>64.328448223941692</v>
      </c>
      <c r="S6327" s="124">
        <f t="shared" si="98"/>
        <v>1.5635307682410529</v>
      </c>
    </row>
    <row r="6328" spans="8:19" x14ac:dyDescent="0.3">
      <c r="H6328" s="44">
        <v>6321</v>
      </c>
      <c r="I6328" s="56">
        <f>Bühler!I6354</f>
        <v>0.36081479267101219</v>
      </c>
      <c r="J6328" s="59">
        <f>Bühler!J6354</f>
        <v>1.2027159755700407</v>
      </c>
      <c r="K6328" s="59">
        <f>Bühler!K6354</f>
        <v>1.8040739633550609</v>
      </c>
      <c r="L6328" s="59">
        <f>Bühler!L6354</f>
        <v>8.6595550241042929</v>
      </c>
      <c r="M6328" s="58">
        <f>Bühler!M6354</f>
        <v>0</v>
      </c>
      <c r="N6328" s="56">
        <f>IF(Input!$D$19=1,J6328*Input!$C$19,0)+IF(Input!$D$20=1,K6328*Input!$C$20,0)+IF(Input!$D$21=1,L6328*Input!$C$21,0)+IF(Input!$D$22=1,M6328*Input!$C$22,0)</f>
        <v>0.36081479267101219</v>
      </c>
      <c r="O6328" s="59">
        <f>IF(Input!$D$19=2,J6328*Input!$C$19,0)+IF(Input!$D$20=2,K6328*Input!$C$20,0)+IF(Input!$D$21=2,L6328*Input!$C$21,0)+IF(Input!$D$22=2,M6328*Input!$C$22,0)</f>
        <v>0.90203698167753044</v>
      </c>
      <c r="P6328" s="59">
        <f>IF(Input!$D$19=3,J6328*Input!$C$19,0)+IF(Input!$D$20=3,K6328*Input!$C$20,0)+IF(Input!$D$21=3,L6328*Input!$C$21,0)+IF(Input!$D$22=3,M6328*Input!$C$22,0)</f>
        <v>0</v>
      </c>
      <c r="Q6328" s="75">
        <f>IF(Input!$D$19=4,J6328*Input!$C$19,0)+IF(Input!$D$20=4,K6328*Input!$C$20,0)+IF(Input!$D$21=4,L6328*Input!$C$21,0)+IF(Input!$D$22=4,M6328*Input!$C$22,0)</f>
        <v>0</v>
      </c>
      <c r="R6328" s="58">
        <v>64.491703160656783</v>
      </c>
      <c r="S6328" s="124">
        <f t="shared" si="98"/>
        <v>1.5635307682410529</v>
      </c>
    </row>
    <row r="6329" spans="8:19" x14ac:dyDescent="0.3">
      <c r="H6329" s="44">
        <v>6322</v>
      </c>
      <c r="I6329" s="56">
        <f>Bühler!I6355</f>
        <v>0.38658727786179869</v>
      </c>
      <c r="J6329" s="59">
        <f>Bühler!J6355</f>
        <v>1.2886242595393291</v>
      </c>
      <c r="K6329" s="59">
        <f>Bühler!K6355</f>
        <v>1.9329363893089933</v>
      </c>
      <c r="L6329" s="59">
        <f>Bühler!L6355</f>
        <v>9.2780946686831687</v>
      </c>
      <c r="M6329" s="58">
        <f>Bühler!M6355</f>
        <v>0</v>
      </c>
      <c r="N6329" s="56">
        <f>IF(Input!$D$19=1,J6329*Input!$C$19,0)+IF(Input!$D$20=1,K6329*Input!$C$20,0)+IF(Input!$D$21=1,L6329*Input!$C$21,0)+IF(Input!$D$22=1,M6329*Input!$C$22,0)</f>
        <v>0.38658727786179875</v>
      </c>
      <c r="O6329" s="59">
        <f>IF(Input!$D$19=2,J6329*Input!$C$19,0)+IF(Input!$D$20=2,K6329*Input!$C$20,0)+IF(Input!$D$21=2,L6329*Input!$C$21,0)+IF(Input!$D$22=2,M6329*Input!$C$22,0)</f>
        <v>0.96646819465449663</v>
      </c>
      <c r="P6329" s="59">
        <f>IF(Input!$D$19=3,J6329*Input!$C$19,0)+IF(Input!$D$20=3,K6329*Input!$C$20,0)+IF(Input!$D$21=3,L6329*Input!$C$21,0)+IF(Input!$D$22=3,M6329*Input!$C$22,0)</f>
        <v>0</v>
      </c>
      <c r="Q6329" s="75">
        <f>IF(Input!$D$19=4,J6329*Input!$C$19,0)+IF(Input!$D$20=4,K6329*Input!$C$20,0)+IF(Input!$D$21=4,L6329*Input!$C$21,0)+IF(Input!$D$22=4,M6329*Input!$C$22,0)</f>
        <v>0</v>
      </c>
      <c r="R6329" s="58">
        <v>64.600467711172044</v>
      </c>
      <c r="S6329" s="124">
        <f t="shared" si="98"/>
        <v>1.6752115374011278</v>
      </c>
    </row>
    <row r="6330" spans="8:19" x14ac:dyDescent="0.3">
      <c r="H6330" s="44">
        <v>6323</v>
      </c>
      <c r="I6330" s="56">
        <f>Bühler!I6356</f>
        <v>0.40205076897627062</v>
      </c>
      <c r="J6330" s="59">
        <f>Bühler!J6356</f>
        <v>1.3401692299209023</v>
      </c>
      <c r="K6330" s="59">
        <f>Bühler!K6356</f>
        <v>2.0102538448813529</v>
      </c>
      <c r="L6330" s="59">
        <f>Bühler!L6356</f>
        <v>9.6492184554304945</v>
      </c>
      <c r="M6330" s="58">
        <f>Bühler!M6356</f>
        <v>0</v>
      </c>
      <c r="N6330" s="56">
        <f>IF(Input!$D$19=1,J6330*Input!$C$19,0)+IF(Input!$D$20=1,K6330*Input!$C$20,0)+IF(Input!$D$21=1,L6330*Input!$C$21,0)+IF(Input!$D$22=1,M6330*Input!$C$22,0)</f>
        <v>0.40205076897627068</v>
      </c>
      <c r="O6330" s="59">
        <f>IF(Input!$D$19=2,J6330*Input!$C$19,0)+IF(Input!$D$20=2,K6330*Input!$C$20,0)+IF(Input!$D$21=2,L6330*Input!$C$21,0)+IF(Input!$D$22=2,M6330*Input!$C$22,0)</f>
        <v>1.0051269224406765</v>
      </c>
      <c r="P6330" s="59">
        <f>IF(Input!$D$19=3,J6330*Input!$C$19,0)+IF(Input!$D$20=3,K6330*Input!$C$20,0)+IF(Input!$D$21=3,L6330*Input!$C$21,0)+IF(Input!$D$22=3,M6330*Input!$C$22,0)</f>
        <v>0</v>
      </c>
      <c r="Q6330" s="75">
        <f>IF(Input!$D$19=4,J6330*Input!$C$19,0)+IF(Input!$D$20=4,K6330*Input!$C$20,0)+IF(Input!$D$21=4,L6330*Input!$C$21,0)+IF(Input!$D$22=4,M6330*Input!$C$22,0)</f>
        <v>0</v>
      </c>
      <c r="R6330" s="58">
        <v>65.022533025655349</v>
      </c>
      <c r="S6330" s="124">
        <f t="shared" si="98"/>
        <v>1.7422199988971729</v>
      </c>
    </row>
    <row r="6331" spans="8:19" x14ac:dyDescent="0.3">
      <c r="H6331" s="44">
        <v>6324</v>
      </c>
      <c r="I6331" s="56">
        <f>Bühler!I6357</f>
        <v>0.46390473343415839</v>
      </c>
      <c r="J6331" s="59">
        <f>Bühler!J6357</f>
        <v>1.5463491114471948</v>
      </c>
      <c r="K6331" s="59">
        <f>Bühler!K6357</f>
        <v>2.3195236671707922</v>
      </c>
      <c r="L6331" s="59">
        <f>Bühler!L6357</f>
        <v>11.133713602419801</v>
      </c>
      <c r="M6331" s="58">
        <f>Bühler!M6357</f>
        <v>0</v>
      </c>
      <c r="N6331" s="56">
        <f>IF(Input!$D$19=1,J6331*Input!$C$19,0)+IF(Input!$D$20=1,K6331*Input!$C$20,0)+IF(Input!$D$21=1,L6331*Input!$C$21,0)+IF(Input!$D$22=1,M6331*Input!$C$22,0)</f>
        <v>0.46390473343415839</v>
      </c>
      <c r="O6331" s="59">
        <f>IF(Input!$D$19=2,J6331*Input!$C$19,0)+IF(Input!$D$20=2,K6331*Input!$C$20,0)+IF(Input!$D$21=2,L6331*Input!$C$21,0)+IF(Input!$D$22=2,M6331*Input!$C$22,0)</f>
        <v>1.1597618335853961</v>
      </c>
      <c r="P6331" s="59">
        <f>IF(Input!$D$19=3,J6331*Input!$C$19,0)+IF(Input!$D$20=3,K6331*Input!$C$20,0)+IF(Input!$D$21=3,L6331*Input!$C$21,0)+IF(Input!$D$22=3,M6331*Input!$C$22,0)</f>
        <v>0</v>
      </c>
      <c r="Q6331" s="75">
        <f>IF(Input!$D$19=4,J6331*Input!$C$19,0)+IF(Input!$D$20=4,K6331*Input!$C$20,0)+IF(Input!$D$21=4,L6331*Input!$C$21,0)+IF(Input!$D$22=4,M6331*Input!$C$22,0)</f>
        <v>0</v>
      </c>
      <c r="R6331" s="58">
        <v>65.318900756391486</v>
      </c>
      <c r="S6331" s="124">
        <f t="shared" si="98"/>
        <v>2.0102538448813529</v>
      </c>
    </row>
    <row r="6332" spans="8:19" x14ac:dyDescent="0.3">
      <c r="H6332" s="44">
        <v>6325</v>
      </c>
      <c r="I6332" s="56">
        <f>Bühler!I6358</f>
        <v>0.46390473343415839</v>
      </c>
      <c r="J6332" s="59">
        <f>Bühler!J6358</f>
        <v>1.5463491114471948</v>
      </c>
      <c r="K6332" s="59">
        <f>Bühler!K6358</f>
        <v>2.3195236671707922</v>
      </c>
      <c r="L6332" s="59">
        <f>Bühler!L6358</f>
        <v>11.133713602419801</v>
      </c>
      <c r="M6332" s="58">
        <f>Bühler!M6358</f>
        <v>0</v>
      </c>
      <c r="N6332" s="56">
        <f>IF(Input!$D$19=1,J6332*Input!$C$19,0)+IF(Input!$D$20=1,K6332*Input!$C$20,0)+IF(Input!$D$21=1,L6332*Input!$C$21,0)+IF(Input!$D$22=1,M6332*Input!$C$22,0)</f>
        <v>0.46390473343415839</v>
      </c>
      <c r="O6332" s="59">
        <f>IF(Input!$D$19=2,J6332*Input!$C$19,0)+IF(Input!$D$20=2,K6332*Input!$C$20,0)+IF(Input!$D$21=2,L6332*Input!$C$21,0)+IF(Input!$D$22=2,M6332*Input!$C$22,0)</f>
        <v>1.1597618335853961</v>
      </c>
      <c r="P6332" s="59">
        <f>IF(Input!$D$19=3,J6332*Input!$C$19,0)+IF(Input!$D$20=3,K6332*Input!$C$20,0)+IF(Input!$D$21=3,L6332*Input!$C$21,0)+IF(Input!$D$22=3,M6332*Input!$C$22,0)</f>
        <v>0</v>
      </c>
      <c r="Q6332" s="75">
        <f>IF(Input!$D$19=4,J6332*Input!$C$19,0)+IF(Input!$D$20=4,K6332*Input!$C$20,0)+IF(Input!$D$21=4,L6332*Input!$C$21,0)+IF(Input!$D$22=4,M6332*Input!$C$22,0)</f>
        <v>0</v>
      </c>
      <c r="R6332" s="58">
        <v>64.156076663347463</v>
      </c>
      <c r="S6332" s="124">
        <f t="shared" si="98"/>
        <v>2.0102538448813529</v>
      </c>
    </row>
    <row r="6333" spans="8:19" x14ac:dyDescent="0.3">
      <c r="H6333" s="44">
        <v>6326</v>
      </c>
      <c r="I6333" s="56">
        <f>Bühler!I6359</f>
        <v>0.46390473343415839</v>
      </c>
      <c r="J6333" s="59">
        <f>Bühler!J6359</f>
        <v>1.5463491114471948</v>
      </c>
      <c r="K6333" s="59">
        <f>Bühler!K6359</f>
        <v>2.3195236671707922</v>
      </c>
      <c r="L6333" s="59">
        <f>Bühler!L6359</f>
        <v>11.133713602419801</v>
      </c>
      <c r="M6333" s="58">
        <f>Bühler!M6359</f>
        <v>0</v>
      </c>
      <c r="N6333" s="56">
        <f>IF(Input!$D$19=1,J6333*Input!$C$19,0)+IF(Input!$D$20=1,K6333*Input!$C$20,0)+IF(Input!$D$21=1,L6333*Input!$C$21,0)+IF(Input!$D$22=1,M6333*Input!$C$22,0)</f>
        <v>0.46390473343415839</v>
      </c>
      <c r="O6333" s="59">
        <f>IF(Input!$D$19=2,J6333*Input!$C$19,0)+IF(Input!$D$20=2,K6333*Input!$C$20,0)+IF(Input!$D$21=2,L6333*Input!$C$21,0)+IF(Input!$D$22=2,M6333*Input!$C$22,0)</f>
        <v>1.1597618335853961</v>
      </c>
      <c r="P6333" s="59">
        <f>IF(Input!$D$19=3,J6333*Input!$C$19,0)+IF(Input!$D$20=3,K6333*Input!$C$20,0)+IF(Input!$D$21=3,L6333*Input!$C$21,0)+IF(Input!$D$22=3,M6333*Input!$C$22,0)</f>
        <v>0</v>
      </c>
      <c r="Q6333" s="75">
        <f>IF(Input!$D$19=4,J6333*Input!$C$19,0)+IF(Input!$D$20=4,K6333*Input!$C$20,0)+IF(Input!$D$21=4,L6333*Input!$C$21,0)+IF(Input!$D$22=4,M6333*Input!$C$22,0)</f>
        <v>0</v>
      </c>
      <c r="R6333" s="58">
        <v>63.507165308814329</v>
      </c>
      <c r="S6333" s="124">
        <f t="shared" si="98"/>
        <v>2.0102538448813529</v>
      </c>
    </row>
    <row r="6334" spans="8:19" x14ac:dyDescent="0.3">
      <c r="H6334" s="44">
        <v>6327</v>
      </c>
      <c r="I6334" s="56">
        <f>Bühler!I6360</f>
        <v>0.46390473343415839</v>
      </c>
      <c r="J6334" s="59">
        <f>Bühler!J6360</f>
        <v>1.5463491114471948</v>
      </c>
      <c r="K6334" s="59">
        <f>Bühler!K6360</f>
        <v>2.3195236671707922</v>
      </c>
      <c r="L6334" s="59">
        <f>Bühler!L6360</f>
        <v>11.133713602419801</v>
      </c>
      <c r="M6334" s="58">
        <f>Bühler!M6360</f>
        <v>0</v>
      </c>
      <c r="N6334" s="56">
        <f>IF(Input!$D$19=1,J6334*Input!$C$19,0)+IF(Input!$D$20=1,K6334*Input!$C$20,0)+IF(Input!$D$21=1,L6334*Input!$C$21,0)+IF(Input!$D$22=1,M6334*Input!$C$22,0)</f>
        <v>0.46390473343415839</v>
      </c>
      <c r="O6334" s="59">
        <f>IF(Input!$D$19=2,J6334*Input!$C$19,0)+IF(Input!$D$20=2,K6334*Input!$C$20,0)+IF(Input!$D$21=2,L6334*Input!$C$21,0)+IF(Input!$D$22=2,M6334*Input!$C$22,0)</f>
        <v>1.1597618335853961</v>
      </c>
      <c r="P6334" s="59">
        <f>IF(Input!$D$19=3,J6334*Input!$C$19,0)+IF(Input!$D$20=3,K6334*Input!$C$20,0)+IF(Input!$D$21=3,L6334*Input!$C$21,0)+IF(Input!$D$22=3,M6334*Input!$C$22,0)</f>
        <v>0</v>
      </c>
      <c r="Q6334" s="75">
        <f>IF(Input!$D$19=4,J6334*Input!$C$19,0)+IF(Input!$D$20=4,K6334*Input!$C$20,0)+IF(Input!$D$21=4,L6334*Input!$C$21,0)+IF(Input!$D$22=4,M6334*Input!$C$22,0)</f>
        <v>0</v>
      </c>
      <c r="R6334" s="58">
        <v>63.328912234449348</v>
      </c>
      <c r="S6334" s="124">
        <f t="shared" si="98"/>
        <v>2.0102538448813529</v>
      </c>
    </row>
    <row r="6335" spans="8:19" x14ac:dyDescent="0.3">
      <c r="H6335" s="44">
        <v>6328</v>
      </c>
      <c r="I6335" s="56">
        <f>Bühler!I6361</f>
        <v>0.38658727786179869</v>
      </c>
      <c r="J6335" s="59">
        <f>Bühler!J6361</f>
        <v>1.2886242595393291</v>
      </c>
      <c r="K6335" s="59">
        <f>Bühler!K6361</f>
        <v>1.9329363893089933</v>
      </c>
      <c r="L6335" s="59">
        <f>Bühler!L6361</f>
        <v>9.2780946686831687</v>
      </c>
      <c r="M6335" s="58">
        <f>Bühler!M6361</f>
        <v>0</v>
      </c>
      <c r="N6335" s="56">
        <f>IF(Input!$D$19=1,J6335*Input!$C$19,0)+IF(Input!$D$20=1,K6335*Input!$C$20,0)+IF(Input!$D$21=1,L6335*Input!$C$21,0)+IF(Input!$D$22=1,M6335*Input!$C$22,0)</f>
        <v>0.38658727786179875</v>
      </c>
      <c r="O6335" s="59">
        <f>IF(Input!$D$19=2,J6335*Input!$C$19,0)+IF(Input!$D$20=2,K6335*Input!$C$20,0)+IF(Input!$D$21=2,L6335*Input!$C$21,0)+IF(Input!$D$22=2,M6335*Input!$C$22,0)</f>
        <v>0.96646819465449663</v>
      </c>
      <c r="P6335" s="59">
        <f>IF(Input!$D$19=3,J6335*Input!$C$19,0)+IF(Input!$D$20=3,K6335*Input!$C$20,0)+IF(Input!$D$21=3,L6335*Input!$C$21,0)+IF(Input!$D$22=3,M6335*Input!$C$22,0)</f>
        <v>0</v>
      </c>
      <c r="Q6335" s="75">
        <f>IF(Input!$D$19=4,J6335*Input!$C$19,0)+IF(Input!$D$20=4,K6335*Input!$C$20,0)+IF(Input!$D$21=4,L6335*Input!$C$21,0)+IF(Input!$D$22=4,M6335*Input!$C$22,0)</f>
        <v>0</v>
      </c>
      <c r="R6335" s="58">
        <v>62.21845155465433</v>
      </c>
      <c r="S6335" s="124">
        <f t="shared" si="98"/>
        <v>1.6752115374011278</v>
      </c>
    </row>
    <row r="6336" spans="8:19" x14ac:dyDescent="0.3">
      <c r="H6336" s="44">
        <v>6329</v>
      </c>
      <c r="I6336" s="56">
        <f>Bühler!I6362</f>
        <v>0.36596928970916948</v>
      </c>
      <c r="J6336" s="59">
        <f>Bühler!J6362</f>
        <v>1.2198976323638984</v>
      </c>
      <c r="K6336" s="59">
        <f>Bühler!K6362</f>
        <v>1.8298464485458472</v>
      </c>
      <c r="L6336" s="59">
        <f>Bühler!L6362</f>
        <v>8.783262953020067</v>
      </c>
      <c r="M6336" s="58">
        <f>Bühler!M6362</f>
        <v>0</v>
      </c>
      <c r="N6336" s="56">
        <f>IF(Input!$D$19=1,J6336*Input!$C$19,0)+IF(Input!$D$20=1,K6336*Input!$C$20,0)+IF(Input!$D$21=1,L6336*Input!$C$21,0)+IF(Input!$D$22=1,M6336*Input!$C$22,0)</f>
        <v>0.36596928970916948</v>
      </c>
      <c r="O6336" s="59">
        <f>IF(Input!$D$19=2,J6336*Input!$C$19,0)+IF(Input!$D$20=2,K6336*Input!$C$20,0)+IF(Input!$D$21=2,L6336*Input!$C$21,0)+IF(Input!$D$22=2,M6336*Input!$C$22,0)</f>
        <v>0.91492322427292361</v>
      </c>
      <c r="P6336" s="59">
        <f>IF(Input!$D$19=3,J6336*Input!$C$19,0)+IF(Input!$D$20=3,K6336*Input!$C$20,0)+IF(Input!$D$21=3,L6336*Input!$C$21,0)+IF(Input!$D$22=3,M6336*Input!$C$22,0)</f>
        <v>0</v>
      </c>
      <c r="Q6336" s="75">
        <f>IF(Input!$D$19=4,J6336*Input!$C$19,0)+IF(Input!$D$20=4,K6336*Input!$C$20,0)+IF(Input!$D$21=4,L6336*Input!$C$21,0)+IF(Input!$D$22=4,M6336*Input!$C$22,0)</f>
        <v>0</v>
      </c>
      <c r="R6336" s="58">
        <v>61.540422679274123</v>
      </c>
      <c r="S6336" s="124">
        <f t="shared" si="98"/>
        <v>1.5858669220730679</v>
      </c>
    </row>
    <row r="6337" spans="8:19" x14ac:dyDescent="0.3">
      <c r="H6337" s="44">
        <v>6330</v>
      </c>
      <c r="I6337" s="56">
        <f>Bühler!I6363</f>
        <v>0.36596928970916948</v>
      </c>
      <c r="J6337" s="59">
        <f>Bühler!J6363</f>
        <v>1.2198976323638984</v>
      </c>
      <c r="K6337" s="59">
        <f>Bühler!K6363</f>
        <v>1.8298464485458472</v>
      </c>
      <c r="L6337" s="59">
        <f>Bühler!L6363</f>
        <v>8.783262953020067</v>
      </c>
      <c r="M6337" s="58">
        <f>Bühler!M6363</f>
        <v>0</v>
      </c>
      <c r="N6337" s="56">
        <f>IF(Input!$D$19=1,J6337*Input!$C$19,0)+IF(Input!$D$20=1,K6337*Input!$C$20,0)+IF(Input!$D$21=1,L6337*Input!$C$21,0)+IF(Input!$D$22=1,M6337*Input!$C$22,0)</f>
        <v>0.36596928970916948</v>
      </c>
      <c r="O6337" s="59">
        <f>IF(Input!$D$19=2,J6337*Input!$C$19,0)+IF(Input!$D$20=2,K6337*Input!$C$20,0)+IF(Input!$D$21=2,L6337*Input!$C$21,0)+IF(Input!$D$22=2,M6337*Input!$C$22,0)</f>
        <v>0.91492322427292361</v>
      </c>
      <c r="P6337" s="59">
        <f>IF(Input!$D$19=3,J6337*Input!$C$19,0)+IF(Input!$D$20=3,K6337*Input!$C$20,0)+IF(Input!$D$21=3,L6337*Input!$C$21,0)+IF(Input!$D$22=3,M6337*Input!$C$22,0)</f>
        <v>0</v>
      </c>
      <c r="Q6337" s="75">
        <f>IF(Input!$D$19=4,J6337*Input!$C$19,0)+IF(Input!$D$20=4,K6337*Input!$C$20,0)+IF(Input!$D$21=4,L6337*Input!$C$21,0)+IF(Input!$D$22=4,M6337*Input!$C$22,0)</f>
        <v>0</v>
      </c>
      <c r="R6337" s="58">
        <v>59.873224088581921</v>
      </c>
      <c r="S6337" s="124">
        <f t="shared" si="98"/>
        <v>1.5858669220730679</v>
      </c>
    </row>
    <row r="6338" spans="8:19" x14ac:dyDescent="0.3">
      <c r="H6338" s="44">
        <v>6331</v>
      </c>
      <c r="I6338" s="56">
        <f>Bühler!I6364</f>
        <v>0.36596928970916948</v>
      </c>
      <c r="J6338" s="59">
        <f>Bühler!J6364</f>
        <v>1.2198976323638984</v>
      </c>
      <c r="K6338" s="59">
        <f>Bühler!K6364</f>
        <v>1.8298464485458472</v>
      </c>
      <c r="L6338" s="59">
        <f>Bühler!L6364</f>
        <v>8.783262953020067</v>
      </c>
      <c r="M6338" s="58">
        <f>Bühler!M6364</f>
        <v>0</v>
      </c>
      <c r="N6338" s="56">
        <f>IF(Input!$D$19=1,J6338*Input!$C$19,0)+IF(Input!$D$20=1,K6338*Input!$C$20,0)+IF(Input!$D$21=1,L6338*Input!$C$21,0)+IF(Input!$D$22=1,M6338*Input!$C$22,0)</f>
        <v>0.36596928970916948</v>
      </c>
      <c r="O6338" s="59">
        <f>IF(Input!$D$19=2,J6338*Input!$C$19,0)+IF(Input!$D$20=2,K6338*Input!$C$20,0)+IF(Input!$D$21=2,L6338*Input!$C$21,0)+IF(Input!$D$22=2,M6338*Input!$C$22,0)</f>
        <v>0.91492322427292361</v>
      </c>
      <c r="P6338" s="59">
        <f>IF(Input!$D$19=3,J6338*Input!$C$19,0)+IF(Input!$D$20=3,K6338*Input!$C$20,0)+IF(Input!$D$21=3,L6338*Input!$C$21,0)+IF(Input!$D$22=3,M6338*Input!$C$22,0)</f>
        <v>0</v>
      </c>
      <c r="Q6338" s="75">
        <f>IF(Input!$D$19=4,J6338*Input!$C$19,0)+IF(Input!$D$20=4,K6338*Input!$C$20,0)+IF(Input!$D$21=4,L6338*Input!$C$21,0)+IF(Input!$D$22=4,M6338*Input!$C$22,0)</f>
        <v>0</v>
      </c>
      <c r="R6338" s="58">
        <v>58.127280837618798</v>
      </c>
      <c r="S6338" s="124">
        <f t="shared" si="98"/>
        <v>1.5858669220730679</v>
      </c>
    </row>
    <row r="6339" spans="8:19" x14ac:dyDescent="0.3">
      <c r="H6339" s="44">
        <v>6332</v>
      </c>
      <c r="I6339" s="56">
        <f>Bühler!I6365</f>
        <v>0.36596928970916948</v>
      </c>
      <c r="J6339" s="59">
        <f>Bühler!J6365</f>
        <v>1.2198976323638984</v>
      </c>
      <c r="K6339" s="59">
        <f>Bühler!K6365</f>
        <v>1.8298464485458472</v>
      </c>
      <c r="L6339" s="59">
        <f>Bühler!L6365</f>
        <v>8.783262953020067</v>
      </c>
      <c r="M6339" s="58">
        <f>Bühler!M6365</f>
        <v>0</v>
      </c>
      <c r="N6339" s="56">
        <f>IF(Input!$D$19=1,J6339*Input!$C$19,0)+IF(Input!$D$20=1,K6339*Input!$C$20,0)+IF(Input!$D$21=1,L6339*Input!$C$21,0)+IF(Input!$D$22=1,M6339*Input!$C$22,0)</f>
        <v>0.36596928970916948</v>
      </c>
      <c r="O6339" s="59">
        <f>IF(Input!$D$19=2,J6339*Input!$C$19,0)+IF(Input!$D$20=2,K6339*Input!$C$20,0)+IF(Input!$D$21=2,L6339*Input!$C$21,0)+IF(Input!$D$22=2,M6339*Input!$C$22,0)</f>
        <v>0.91492322427292361</v>
      </c>
      <c r="P6339" s="59">
        <f>IF(Input!$D$19=3,J6339*Input!$C$19,0)+IF(Input!$D$20=3,K6339*Input!$C$20,0)+IF(Input!$D$21=3,L6339*Input!$C$21,0)+IF(Input!$D$22=3,M6339*Input!$C$22,0)</f>
        <v>0</v>
      </c>
      <c r="Q6339" s="75">
        <f>IF(Input!$D$19=4,J6339*Input!$C$19,0)+IF(Input!$D$20=4,K6339*Input!$C$20,0)+IF(Input!$D$21=4,L6339*Input!$C$21,0)+IF(Input!$D$22=4,M6339*Input!$C$22,0)</f>
        <v>0</v>
      </c>
      <c r="R6339" s="58">
        <v>57.001043060437055</v>
      </c>
      <c r="S6339" s="124">
        <f t="shared" si="98"/>
        <v>1.5858669220730679</v>
      </c>
    </row>
    <row r="6340" spans="8:19" x14ac:dyDescent="0.3">
      <c r="H6340" s="44">
        <v>6333</v>
      </c>
      <c r="I6340" s="56">
        <f>Bühler!I6366</f>
        <v>0.28349733709865238</v>
      </c>
      <c r="J6340" s="59">
        <f>Bühler!J6366</f>
        <v>0.94499112366217464</v>
      </c>
      <c r="K6340" s="59">
        <f>Bühler!K6366</f>
        <v>1.417486685493262</v>
      </c>
      <c r="L6340" s="59">
        <f>Bühler!L6366</f>
        <v>6.8039360903676576</v>
      </c>
      <c r="M6340" s="58">
        <f>Bühler!M6366</f>
        <v>0</v>
      </c>
      <c r="N6340" s="56">
        <f>IF(Input!$D$19=1,J6340*Input!$C$19,0)+IF(Input!$D$20=1,K6340*Input!$C$20,0)+IF(Input!$D$21=1,L6340*Input!$C$21,0)+IF(Input!$D$22=1,M6340*Input!$C$22,0)</f>
        <v>0.28349733709865238</v>
      </c>
      <c r="O6340" s="59">
        <f>IF(Input!$D$19=2,J6340*Input!$C$19,0)+IF(Input!$D$20=2,K6340*Input!$C$20,0)+IF(Input!$D$21=2,L6340*Input!$C$21,0)+IF(Input!$D$22=2,M6340*Input!$C$22,0)</f>
        <v>0.70874334274663098</v>
      </c>
      <c r="P6340" s="59">
        <f>IF(Input!$D$19=3,J6340*Input!$C$19,0)+IF(Input!$D$20=3,K6340*Input!$C$20,0)+IF(Input!$D$21=3,L6340*Input!$C$21,0)+IF(Input!$D$22=3,M6340*Input!$C$22,0)</f>
        <v>0</v>
      </c>
      <c r="Q6340" s="75">
        <f>IF(Input!$D$19=4,J6340*Input!$C$19,0)+IF(Input!$D$20=4,K6340*Input!$C$20,0)+IF(Input!$D$21=4,L6340*Input!$C$21,0)+IF(Input!$D$22=4,M6340*Input!$C$22,0)</f>
        <v>0</v>
      </c>
      <c r="R6340" s="58">
        <v>55.650960341766059</v>
      </c>
      <c r="S6340" s="124">
        <f t="shared" si="98"/>
        <v>1.2284884607608271</v>
      </c>
    </row>
    <row r="6341" spans="8:19" x14ac:dyDescent="0.3">
      <c r="H6341" s="44">
        <v>6334</v>
      </c>
      <c r="I6341" s="56">
        <f>Bühler!I6367</f>
        <v>0.10824443780130363</v>
      </c>
      <c r="J6341" s="59">
        <f>Bühler!J6367</f>
        <v>0.36081479267101213</v>
      </c>
      <c r="K6341" s="59">
        <f>Bühler!K6367</f>
        <v>0.5412221890065182</v>
      </c>
      <c r="L6341" s="59">
        <f>Bühler!L6367</f>
        <v>2.5978665072312874</v>
      </c>
      <c r="M6341" s="58">
        <f>Bühler!M6367</f>
        <v>0</v>
      </c>
      <c r="N6341" s="56">
        <f>IF(Input!$D$19=1,J6341*Input!$C$19,0)+IF(Input!$D$20=1,K6341*Input!$C$20,0)+IF(Input!$D$21=1,L6341*Input!$C$21,0)+IF(Input!$D$22=1,M6341*Input!$C$22,0)</f>
        <v>0.10824443780130363</v>
      </c>
      <c r="O6341" s="59">
        <f>IF(Input!$D$19=2,J6341*Input!$C$19,0)+IF(Input!$D$20=2,K6341*Input!$C$20,0)+IF(Input!$D$21=2,L6341*Input!$C$21,0)+IF(Input!$D$22=2,M6341*Input!$C$22,0)</f>
        <v>0.2706110945032591</v>
      </c>
      <c r="P6341" s="59">
        <f>IF(Input!$D$19=3,J6341*Input!$C$19,0)+IF(Input!$D$20=3,K6341*Input!$C$20,0)+IF(Input!$D$21=3,L6341*Input!$C$21,0)+IF(Input!$D$22=3,M6341*Input!$C$22,0)</f>
        <v>0</v>
      </c>
      <c r="Q6341" s="75">
        <f>IF(Input!$D$19=4,J6341*Input!$C$19,0)+IF(Input!$D$20=4,K6341*Input!$C$20,0)+IF(Input!$D$21=4,L6341*Input!$C$21,0)+IF(Input!$D$22=4,M6341*Input!$C$22,0)</f>
        <v>0</v>
      </c>
      <c r="R6341" s="58">
        <v>54.120721329340313</v>
      </c>
      <c r="S6341" s="124">
        <f t="shared" si="98"/>
        <v>0.46905923047231579</v>
      </c>
    </row>
    <row r="6342" spans="8:19" x14ac:dyDescent="0.3">
      <c r="H6342" s="44">
        <v>6335</v>
      </c>
      <c r="I6342" s="56">
        <f>Bühler!I6368</f>
        <v>0.10824443780130363</v>
      </c>
      <c r="J6342" s="59">
        <f>Bühler!J6368</f>
        <v>0.36081479267101213</v>
      </c>
      <c r="K6342" s="59">
        <f>Bühler!K6368</f>
        <v>0.5412221890065182</v>
      </c>
      <c r="L6342" s="59">
        <f>Bühler!L6368</f>
        <v>2.5978665072312874</v>
      </c>
      <c r="M6342" s="58">
        <f>Bühler!M6368</f>
        <v>0</v>
      </c>
      <c r="N6342" s="56">
        <f>IF(Input!$D$19=1,J6342*Input!$C$19,0)+IF(Input!$D$20=1,K6342*Input!$C$20,0)+IF(Input!$D$21=1,L6342*Input!$C$21,0)+IF(Input!$D$22=1,M6342*Input!$C$22,0)</f>
        <v>0.10824443780130363</v>
      </c>
      <c r="O6342" s="59">
        <f>IF(Input!$D$19=2,J6342*Input!$C$19,0)+IF(Input!$D$20=2,K6342*Input!$C$20,0)+IF(Input!$D$21=2,L6342*Input!$C$21,0)+IF(Input!$D$22=2,M6342*Input!$C$22,0)</f>
        <v>0.2706110945032591</v>
      </c>
      <c r="P6342" s="59">
        <f>IF(Input!$D$19=3,J6342*Input!$C$19,0)+IF(Input!$D$20=3,K6342*Input!$C$20,0)+IF(Input!$D$21=3,L6342*Input!$C$21,0)+IF(Input!$D$22=3,M6342*Input!$C$22,0)</f>
        <v>0</v>
      </c>
      <c r="Q6342" s="75">
        <f>IF(Input!$D$19=4,J6342*Input!$C$19,0)+IF(Input!$D$20=4,K6342*Input!$C$20,0)+IF(Input!$D$21=4,L6342*Input!$C$21,0)+IF(Input!$D$22=4,M6342*Input!$C$22,0)</f>
        <v>0</v>
      </c>
      <c r="R6342" s="58">
        <v>53.560522671854528</v>
      </c>
      <c r="S6342" s="124">
        <f t="shared" si="98"/>
        <v>0.46905923047231579</v>
      </c>
    </row>
    <row r="6343" spans="8:19" x14ac:dyDescent="0.3">
      <c r="H6343" s="44">
        <v>6336</v>
      </c>
      <c r="I6343" s="56">
        <f>Bühler!I6369</f>
        <v>0.10824443780130363</v>
      </c>
      <c r="J6343" s="59">
        <f>Bühler!J6369</f>
        <v>0.36081479267101213</v>
      </c>
      <c r="K6343" s="59">
        <f>Bühler!K6369</f>
        <v>0.5412221890065182</v>
      </c>
      <c r="L6343" s="59">
        <f>Bühler!L6369</f>
        <v>2.5978665072312874</v>
      </c>
      <c r="M6343" s="58">
        <f>Bühler!M6369</f>
        <v>0</v>
      </c>
      <c r="N6343" s="56">
        <f>IF(Input!$D$19=1,J6343*Input!$C$19,0)+IF(Input!$D$20=1,K6343*Input!$C$20,0)+IF(Input!$D$21=1,L6343*Input!$C$21,0)+IF(Input!$D$22=1,M6343*Input!$C$22,0)</f>
        <v>0.10824443780130363</v>
      </c>
      <c r="O6343" s="59">
        <f>IF(Input!$D$19=2,J6343*Input!$C$19,0)+IF(Input!$D$20=2,K6343*Input!$C$20,0)+IF(Input!$D$21=2,L6343*Input!$C$21,0)+IF(Input!$D$22=2,M6343*Input!$C$22,0)</f>
        <v>0.2706110945032591</v>
      </c>
      <c r="P6343" s="59">
        <f>IF(Input!$D$19=3,J6343*Input!$C$19,0)+IF(Input!$D$20=3,K6343*Input!$C$20,0)+IF(Input!$D$21=3,L6343*Input!$C$21,0)+IF(Input!$D$22=3,M6343*Input!$C$22,0)</f>
        <v>0</v>
      </c>
      <c r="Q6343" s="75">
        <f>IF(Input!$D$19=4,J6343*Input!$C$19,0)+IF(Input!$D$20=4,K6343*Input!$C$20,0)+IF(Input!$D$21=4,L6343*Input!$C$21,0)+IF(Input!$D$22=4,M6343*Input!$C$22,0)</f>
        <v>0</v>
      </c>
      <c r="R6343" s="58">
        <v>53.39185650004449</v>
      </c>
      <c r="S6343" s="124">
        <f t="shared" si="98"/>
        <v>0.46905923047231579</v>
      </c>
    </row>
    <row r="6344" spans="8:19" x14ac:dyDescent="0.3">
      <c r="H6344" s="44">
        <v>6337</v>
      </c>
      <c r="I6344" s="56">
        <f>Bühler!I6370</f>
        <v>5.2284031473821352E-2</v>
      </c>
      <c r="J6344" s="59">
        <f>Bühler!J6370</f>
        <v>0.17428010491273785</v>
      </c>
      <c r="K6344" s="59">
        <f>Bühler!K6370</f>
        <v>0.26142015736910679</v>
      </c>
      <c r="L6344" s="59">
        <f>Bühler!L6370</f>
        <v>3.626567363636823</v>
      </c>
      <c r="M6344" s="58">
        <f>Bühler!M6370</f>
        <v>0</v>
      </c>
      <c r="N6344" s="56">
        <f>IF(Input!$D$19=1,J6344*Input!$C$19,0)+IF(Input!$D$20=1,K6344*Input!$C$20,0)+IF(Input!$D$21=1,L6344*Input!$C$21,0)+IF(Input!$D$22=1,M6344*Input!$C$22,0)</f>
        <v>5.2284031473821352E-2</v>
      </c>
      <c r="O6344" s="59">
        <f>IF(Input!$D$19=2,J6344*Input!$C$19,0)+IF(Input!$D$20=2,K6344*Input!$C$20,0)+IF(Input!$D$21=2,L6344*Input!$C$21,0)+IF(Input!$D$22=2,M6344*Input!$C$22,0)</f>
        <v>0.13071007868455339</v>
      </c>
      <c r="P6344" s="59">
        <f>IF(Input!$D$19=3,J6344*Input!$C$19,0)+IF(Input!$D$20=3,K6344*Input!$C$20,0)+IF(Input!$D$21=3,L6344*Input!$C$21,0)+IF(Input!$D$22=3,M6344*Input!$C$22,0)</f>
        <v>0</v>
      </c>
      <c r="Q6344" s="75">
        <f>IF(Input!$D$19=4,J6344*Input!$C$19,0)+IF(Input!$D$20=4,K6344*Input!$C$20,0)+IF(Input!$D$21=4,L6344*Input!$C$21,0)+IF(Input!$D$22=4,M6344*Input!$C$22,0)</f>
        <v>0</v>
      </c>
      <c r="R6344" s="58">
        <v>51.658081574973707</v>
      </c>
      <c r="S6344" s="124">
        <f t="shared" si="98"/>
        <v>0.2265641363865592</v>
      </c>
    </row>
    <row r="6345" spans="8:19" x14ac:dyDescent="0.3">
      <c r="H6345" s="44">
        <v>6338</v>
      </c>
      <c r="I6345" s="56">
        <f>Bühler!I6371</f>
        <v>0.10207834716317503</v>
      </c>
      <c r="J6345" s="59">
        <f>Bühler!J6371</f>
        <v>0.34026115721058348</v>
      </c>
      <c r="K6345" s="59">
        <f>Bühler!K6371</f>
        <v>0.51039173581587527</v>
      </c>
      <c r="L6345" s="59">
        <f>Bühler!L6371</f>
        <v>7.0804410432909419</v>
      </c>
      <c r="M6345" s="58">
        <f>Bühler!M6371</f>
        <v>0</v>
      </c>
      <c r="N6345" s="56">
        <f>IF(Input!$D$19=1,J6345*Input!$C$19,0)+IF(Input!$D$20=1,K6345*Input!$C$20,0)+IF(Input!$D$21=1,L6345*Input!$C$21,0)+IF(Input!$D$22=1,M6345*Input!$C$22,0)</f>
        <v>0.10207834716317504</v>
      </c>
      <c r="O6345" s="59">
        <f>IF(Input!$D$19=2,J6345*Input!$C$19,0)+IF(Input!$D$20=2,K6345*Input!$C$20,0)+IF(Input!$D$21=2,L6345*Input!$C$21,0)+IF(Input!$D$22=2,M6345*Input!$C$22,0)</f>
        <v>0.25519586790793763</v>
      </c>
      <c r="P6345" s="59">
        <f>IF(Input!$D$19=3,J6345*Input!$C$19,0)+IF(Input!$D$20=3,K6345*Input!$C$20,0)+IF(Input!$D$21=3,L6345*Input!$C$21,0)+IF(Input!$D$22=3,M6345*Input!$C$22,0)</f>
        <v>0</v>
      </c>
      <c r="Q6345" s="75">
        <f>IF(Input!$D$19=4,J6345*Input!$C$19,0)+IF(Input!$D$20=4,K6345*Input!$C$20,0)+IF(Input!$D$21=4,L6345*Input!$C$21,0)+IF(Input!$D$22=4,M6345*Input!$C$22,0)</f>
        <v>0</v>
      </c>
      <c r="R6345" s="58">
        <v>50.291534826853443</v>
      </c>
      <c r="S6345" s="124">
        <f t="shared" ref="S6345:S6408" si="99">I6345+J6345</f>
        <v>0.44233950437375852</v>
      </c>
    </row>
    <row r="6346" spans="8:19" x14ac:dyDescent="0.3">
      <c r="H6346" s="44">
        <v>6339</v>
      </c>
      <c r="I6346" s="56">
        <f>Bühler!I6372</f>
        <v>0.10207834716317503</v>
      </c>
      <c r="J6346" s="59">
        <f>Bühler!J6372</f>
        <v>0.34026115721058348</v>
      </c>
      <c r="K6346" s="59">
        <f>Bühler!K6372</f>
        <v>0.51039173581587527</v>
      </c>
      <c r="L6346" s="59">
        <f>Bühler!L6372</f>
        <v>7.0804410432909419</v>
      </c>
      <c r="M6346" s="58">
        <f>Bühler!M6372</f>
        <v>0</v>
      </c>
      <c r="N6346" s="56">
        <f>IF(Input!$D$19=1,J6346*Input!$C$19,0)+IF(Input!$D$20=1,K6346*Input!$C$20,0)+IF(Input!$D$21=1,L6346*Input!$C$21,0)+IF(Input!$D$22=1,M6346*Input!$C$22,0)</f>
        <v>0.10207834716317504</v>
      </c>
      <c r="O6346" s="59">
        <f>IF(Input!$D$19=2,J6346*Input!$C$19,0)+IF(Input!$D$20=2,K6346*Input!$C$20,0)+IF(Input!$D$21=2,L6346*Input!$C$21,0)+IF(Input!$D$22=2,M6346*Input!$C$22,0)</f>
        <v>0.25519586790793763</v>
      </c>
      <c r="P6346" s="59">
        <f>IF(Input!$D$19=3,J6346*Input!$C$19,0)+IF(Input!$D$20=3,K6346*Input!$C$20,0)+IF(Input!$D$21=3,L6346*Input!$C$21,0)+IF(Input!$D$22=3,M6346*Input!$C$22,0)</f>
        <v>0</v>
      </c>
      <c r="Q6346" s="75">
        <f>IF(Input!$D$19=4,J6346*Input!$C$19,0)+IF(Input!$D$20=4,K6346*Input!$C$20,0)+IF(Input!$D$21=4,L6346*Input!$C$21,0)+IF(Input!$D$22=4,M6346*Input!$C$22,0)</f>
        <v>0</v>
      </c>
      <c r="R6346" s="58">
        <v>49.513654767635714</v>
      </c>
      <c r="S6346" s="124">
        <f t="shared" si="99"/>
        <v>0.44233950437375852</v>
      </c>
    </row>
    <row r="6347" spans="8:19" x14ac:dyDescent="0.3">
      <c r="H6347" s="44">
        <v>6340</v>
      </c>
      <c r="I6347" s="56">
        <f>Bühler!I6373</f>
        <v>0.10207834716317503</v>
      </c>
      <c r="J6347" s="59">
        <f>Bühler!J6373</f>
        <v>0.34026115721058348</v>
      </c>
      <c r="K6347" s="59">
        <f>Bühler!K6373</f>
        <v>0.51039173581587527</v>
      </c>
      <c r="L6347" s="59">
        <f>Bühler!L6373</f>
        <v>7.0804410432909419</v>
      </c>
      <c r="M6347" s="58">
        <f>Bühler!M6373</f>
        <v>0</v>
      </c>
      <c r="N6347" s="56">
        <f>IF(Input!$D$19=1,J6347*Input!$C$19,0)+IF(Input!$D$20=1,K6347*Input!$C$20,0)+IF(Input!$D$21=1,L6347*Input!$C$21,0)+IF(Input!$D$22=1,M6347*Input!$C$22,0)</f>
        <v>0.10207834716317504</v>
      </c>
      <c r="O6347" s="59">
        <f>IF(Input!$D$19=2,J6347*Input!$C$19,0)+IF(Input!$D$20=2,K6347*Input!$C$20,0)+IF(Input!$D$21=2,L6347*Input!$C$21,0)+IF(Input!$D$22=2,M6347*Input!$C$22,0)</f>
        <v>0.25519586790793763</v>
      </c>
      <c r="P6347" s="59">
        <f>IF(Input!$D$19=3,J6347*Input!$C$19,0)+IF(Input!$D$20=3,K6347*Input!$C$20,0)+IF(Input!$D$21=3,L6347*Input!$C$21,0)+IF(Input!$D$22=3,M6347*Input!$C$22,0)</f>
        <v>0</v>
      </c>
      <c r="Q6347" s="75">
        <f>IF(Input!$D$19=4,J6347*Input!$C$19,0)+IF(Input!$D$20=4,K6347*Input!$C$20,0)+IF(Input!$D$21=4,L6347*Input!$C$21,0)+IF(Input!$D$22=4,M6347*Input!$C$22,0)</f>
        <v>0</v>
      </c>
      <c r="R6347" s="58">
        <v>48.287941174397986</v>
      </c>
      <c r="S6347" s="124">
        <f t="shared" si="99"/>
        <v>0.44233950437375852</v>
      </c>
    </row>
    <row r="6348" spans="8:19" x14ac:dyDescent="0.3">
      <c r="H6348" s="44">
        <v>6341</v>
      </c>
      <c r="I6348" s="56">
        <f>Bühler!I6374</f>
        <v>0.10207834716317503</v>
      </c>
      <c r="J6348" s="59">
        <f>Bühler!J6374</f>
        <v>0.34026115721058348</v>
      </c>
      <c r="K6348" s="59">
        <f>Bühler!K6374</f>
        <v>0.51039173581587527</v>
      </c>
      <c r="L6348" s="59">
        <f>Bühler!L6374</f>
        <v>7.0804410432909419</v>
      </c>
      <c r="M6348" s="58">
        <f>Bühler!M6374</f>
        <v>0</v>
      </c>
      <c r="N6348" s="56">
        <f>IF(Input!$D$19=1,J6348*Input!$C$19,0)+IF(Input!$D$20=1,K6348*Input!$C$20,0)+IF(Input!$D$21=1,L6348*Input!$C$21,0)+IF(Input!$D$22=1,M6348*Input!$C$22,0)</f>
        <v>0.10207834716317504</v>
      </c>
      <c r="O6348" s="59">
        <f>IF(Input!$D$19=2,J6348*Input!$C$19,0)+IF(Input!$D$20=2,K6348*Input!$C$20,0)+IF(Input!$D$21=2,L6348*Input!$C$21,0)+IF(Input!$D$22=2,M6348*Input!$C$22,0)</f>
        <v>0.25519586790793763</v>
      </c>
      <c r="P6348" s="59">
        <f>IF(Input!$D$19=3,J6348*Input!$C$19,0)+IF(Input!$D$20=3,K6348*Input!$C$20,0)+IF(Input!$D$21=3,L6348*Input!$C$21,0)+IF(Input!$D$22=3,M6348*Input!$C$22,0)</f>
        <v>0</v>
      </c>
      <c r="Q6348" s="75">
        <f>IF(Input!$D$19=4,J6348*Input!$C$19,0)+IF(Input!$D$20=4,K6348*Input!$C$20,0)+IF(Input!$D$21=4,L6348*Input!$C$21,0)+IF(Input!$D$22=4,M6348*Input!$C$22,0)</f>
        <v>0</v>
      </c>
      <c r="R6348" s="58">
        <v>47.146722343135053</v>
      </c>
      <c r="S6348" s="124">
        <f t="shared" si="99"/>
        <v>0.44233950437375852</v>
      </c>
    </row>
    <row r="6349" spans="8:19" x14ac:dyDescent="0.3">
      <c r="H6349" s="44">
        <v>6342</v>
      </c>
      <c r="I6349" s="56">
        <f>Bühler!I6375</f>
        <v>0.12697550500785185</v>
      </c>
      <c r="J6349" s="59">
        <f>Bühler!J6375</f>
        <v>0.42325168335950619</v>
      </c>
      <c r="K6349" s="59">
        <f>Bühler!K6375</f>
        <v>0.63487752503925932</v>
      </c>
      <c r="L6349" s="59">
        <f>Bühler!L6375</f>
        <v>8.8073778831180007</v>
      </c>
      <c r="M6349" s="58">
        <f>Bühler!M6375</f>
        <v>0</v>
      </c>
      <c r="N6349" s="56">
        <f>IF(Input!$D$19=1,J6349*Input!$C$19,0)+IF(Input!$D$20=1,K6349*Input!$C$20,0)+IF(Input!$D$21=1,L6349*Input!$C$21,0)+IF(Input!$D$22=1,M6349*Input!$C$22,0)</f>
        <v>0.12697550500785185</v>
      </c>
      <c r="O6349" s="59">
        <f>IF(Input!$D$19=2,J6349*Input!$C$19,0)+IF(Input!$D$20=2,K6349*Input!$C$20,0)+IF(Input!$D$21=2,L6349*Input!$C$21,0)+IF(Input!$D$22=2,M6349*Input!$C$22,0)</f>
        <v>0.31743876251962966</v>
      </c>
      <c r="P6349" s="59">
        <f>IF(Input!$D$19=3,J6349*Input!$C$19,0)+IF(Input!$D$20=3,K6349*Input!$C$20,0)+IF(Input!$D$21=3,L6349*Input!$C$21,0)+IF(Input!$D$22=3,M6349*Input!$C$22,0)</f>
        <v>0</v>
      </c>
      <c r="Q6349" s="75">
        <f>IF(Input!$D$19=4,J6349*Input!$C$19,0)+IF(Input!$D$20=4,K6349*Input!$C$20,0)+IF(Input!$D$21=4,L6349*Input!$C$21,0)+IF(Input!$D$22=4,M6349*Input!$C$22,0)</f>
        <v>0</v>
      </c>
      <c r="R6349" s="58">
        <v>46.464331665889645</v>
      </c>
      <c r="S6349" s="124">
        <f t="shared" si="99"/>
        <v>0.55022718836735807</v>
      </c>
    </row>
    <row r="6350" spans="8:19" x14ac:dyDescent="0.3">
      <c r="H6350" s="44">
        <v>6343</v>
      </c>
      <c r="I6350" s="56">
        <f>Bühler!I6376</f>
        <v>0.15934181020593174</v>
      </c>
      <c r="J6350" s="59">
        <f>Bühler!J6376</f>
        <v>0.53113936735310585</v>
      </c>
      <c r="K6350" s="59">
        <f>Bühler!K6376</f>
        <v>0.79670905102965883</v>
      </c>
      <c r="L6350" s="59">
        <f>Bühler!L6376</f>
        <v>11.052395774893176</v>
      </c>
      <c r="M6350" s="58">
        <f>Bühler!M6376</f>
        <v>0</v>
      </c>
      <c r="N6350" s="56">
        <f>IF(Input!$D$19=1,J6350*Input!$C$19,0)+IF(Input!$D$20=1,K6350*Input!$C$20,0)+IF(Input!$D$21=1,L6350*Input!$C$21,0)+IF(Input!$D$22=1,M6350*Input!$C$22,0)</f>
        <v>0.15934181020593174</v>
      </c>
      <c r="O6350" s="59">
        <f>IF(Input!$D$19=2,J6350*Input!$C$19,0)+IF(Input!$D$20=2,K6350*Input!$C$20,0)+IF(Input!$D$21=2,L6350*Input!$C$21,0)+IF(Input!$D$22=2,M6350*Input!$C$22,0)</f>
        <v>0.39835452551482942</v>
      </c>
      <c r="P6350" s="59">
        <f>IF(Input!$D$19=3,J6350*Input!$C$19,0)+IF(Input!$D$20=3,K6350*Input!$C$20,0)+IF(Input!$D$21=3,L6350*Input!$C$21,0)+IF(Input!$D$22=3,M6350*Input!$C$22,0)</f>
        <v>0</v>
      </c>
      <c r="Q6350" s="75">
        <f>IF(Input!$D$19=4,J6350*Input!$C$19,0)+IF(Input!$D$20=4,K6350*Input!$C$20,0)+IF(Input!$D$21=4,L6350*Input!$C$21,0)+IF(Input!$D$22=4,M6350*Input!$C$22,0)</f>
        <v>0</v>
      </c>
      <c r="R6350" s="58">
        <v>46.517363731194273</v>
      </c>
      <c r="S6350" s="124">
        <f t="shared" si="99"/>
        <v>0.6904811775590376</v>
      </c>
    </row>
    <row r="6351" spans="8:19" x14ac:dyDescent="0.3">
      <c r="H6351" s="44">
        <v>6344</v>
      </c>
      <c r="I6351" s="56">
        <f>Bühler!I6377</f>
        <v>0.18174925226614089</v>
      </c>
      <c r="J6351" s="59">
        <f>Bühler!J6377</f>
        <v>0.60583084088713635</v>
      </c>
      <c r="K6351" s="59">
        <f>Bühler!K6377</f>
        <v>0.90874626133070457</v>
      </c>
      <c r="L6351" s="59">
        <f>Bühler!L6377</f>
        <v>12.60663893073753</v>
      </c>
      <c r="M6351" s="58">
        <f>Bühler!M6377</f>
        <v>0</v>
      </c>
      <c r="N6351" s="56">
        <f>IF(Input!$D$19=1,J6351*Input!$C$19,0)+IF(Input!$D$20=1,K6351*Input!$C$20,0)+IF(Input!$D$21=1,L6351*Input!$C$21,0)+IF(Input!$D$22=1,M6351*Input!$C$22,0)</f>
        <v>0.18174925226614089</v>
      </c>
      <c r="O6351" s="59">
        <f>IF(Input!$D$19=2,J6351*Input!$C$19,0)+IF(Input!$D$20=2,K6351*Input!$C$20,0)+IF(Input!$D$21=2,L6351*Input!$C$21,0)+IF(Input!$D$22=2,M6351*Input!$C$22,0)</f>
        <v>0.45437313066535229</v>
      </c>
      <c r="P6351" s="59">
        <f>IF(Input!$D$19=3,J6351*Input!$C$19,0)+IF(Input!$D$20=3,K6351*Input!$C$20,0)+IF(Input!$D$21=3,L6351*Input!$C$21,0)+IF(Input!$D$22=3,M6351*Input!$C$22,0)</f>
        <v>0</v>
      </c>
      <c r="Q6351" s="75">
        <f>IF(Input!$D$19=4,J6351*Input!$C$19,0)+IF(Input!$D$20=4,K6351*Input!$C$20,0)+IF(Input!$D$21=4,L6351*Input!$C$21,0)+IF(Input!$D$22=4,M6351*Input!$C$22,0)</f>
        <v>0</v>
      </c>
      <c r="R6351" s="58">
        <v>46.395721719968954</v>
      </c>
      <c r="S6351" s="124">
        <f t="shared" si="99"/>
        <v>0.78758009315327726</v>
      </c>
    </row>
    <row r="6352" spans="8:19" x14ac:dyDescent="0.3">
      <c r="H6352" s="44">
        <v>6345</v>
      </c>
      <c r="I6352" s="56">
        <f>Bühler!I6378</f>
        <v>0.18174925226614089</v>
      </c>
      <c r="J6352" s="59">
        <f>Bühler!J6378</f>
        <v>0.60583084088713635</v>
      </c>
      <c r="K6352" s="59">
        <f>Bühler!K6378</f>
        <v>0.90874626133070457</v>
      </c>
      <c r="L6352" s="59">
        <f>Bühler!L6378</f>
        <v>12.60663893073753</v>
      </c>
      <c r="M6352" s="58">
        <f>Bühler!M6378</f>
        <v>0</v>
      </c>
      <c r="N6352" s="56">
        <f>IF(Input!$D$19=1,J6352*Input!$C$19,0)+IF(Input!$D$20=1,K6352*Input!$C$20,0)+IF(Input!$D$21=1,L6352*Input!$C$21,0)+IF(Input!$D$22=1,M6352*Input!$C$22,0)</f>
        <v>0.18174925226614089</v>
      </c>
      <c r="O6352" s="59">
        <f>IF(Input!$D$19=2,J6352*Input!$C$19,0)+IF(Input!$D$20=2,K6352*Input!$C$20,0)+IF(Input!$D$21=2,L6352*Input!$C$21,0)+IF(Input!$D$22=2,M6352*Input!$C$22,0)</f>
        <v>0.45437313066535229</v>
      </c>
      <c r="P6352" s="59">
        <f>IF(Input!$D$19=3,J6352*Input!$C$19,0)+IF(Input!$D$20=3,K6352*Input!$C$20,0)+IF(Input!$D$21=3,L6352*Input!$C$21,0)+IF(Input!$D$22=3,M6352*Input!$C$22,0)</f>
        <v>0</v>
      </c>
      <c r="Q6352" s="75">
        <f>IF(Input!$D$19=4,J6352*Input!$C$19,0)+IF(Input!$D$20=4,K6352*Input!$C$20,0)+IF(Input!$D$21=4,L6352*Input!$C$21,0)+IF(Input!$D$22=4,M6352*Input!$C$22,0)</f>
        <v>0</v>
      </c>
      <c r="R6352" s="58">
        <v>45.835237976752978</v>
      </c>
      <c r="S6352" s="124">
        <f t="shared" si="99"/>
        <v>0.78758009315327726</v>
      </c>
    </row>
    <row r="6353" spans="8:19" x14ac:dyDescent="0.3">
      <c r="H6353" s="44">
        <v>6346</v>
      </c>
      <c r="I6353" s="56">
        <f>Bühler!I6379</f>
        <v>0.18174925226614089</v>
      </c>
      <c r="J6353" s="59">
        <f>Bühler!J6379</f>
        <v>0.60583084088713635</v>
      </c>
      <c r="K6353" s="59">
        <f>Bühler!K6379</f>
        <v>0.90874626133070457</v>
      </c>
      <c r="L6353" s="59">
        <f>Bühler!L6379</f>
        <v>12.60663893073753</v>
      </c>
      <c r="M6353" s="58">
        <f>Bühler!M6379</f>
        <v>0</v>
      </c>
      <c r="N6353" s="56">
        <f>IF(Input!$D$19=1,J6353*Input!$C$19,0)+IF(Input!$D$20=1,K6353*Input!$C$20,0)+IF(Input!$D$21=1,L6353*Input!$C$21,0)+IF(Input!$D$22=1,M6353*Input!$C$22,0)</f>
        <v>0.18174925226614089</v>
      </c>
      <c r="O6353" s="59">
        <f>IF(Input!$D$19=2,J6353*Input!$C$19,0)+IF(Input!$D$20=2,K6353*Input!$C$20,0)+IF(Input!$D$21=2,L6353*Input!$C$21,0)+IF(Input!$D$22=2,M6353*Input!$C$22,0)</f>
        <v>0.45437313066535229</v>
      </c>
      <c r="P6353" s="59">
        <f>IF(Input!$D$19=3,J6353*Input!$C$19,0)+IF(Input!$D$20=3,K6353*Input!$C$20,0)+IF(Input!$D$21=3,L6353*Input!$C$21,0)+IF(Input!$D$22=3,M6353*Input!$C$22,0)</f>
        <v>0</v>
      </c>
      <c r="Q6353" s="75">
        <f>IF(Input!$D$19=4,J6353*Input!$C$19,0)+IF(Input!$D$20=4,K6353*Input!$C$20,0)+IF(Input!$D$21=4,L6353*Input!$C$21,0)+IF(Input!$D$22=4,M6353*Input!$C$22,0)</f>
        <v>0</v>
      </c>
      <c r="R6353" s="58">
        <v>45.526002435267522</v>
      </c>
      <c r="S6353" s="124">
        <f t="shared" si="99"/>
        <v>0.78758009315327726</v>
      </c>
    </row>
    <row r="6354" spans="8:19" x14ac:dyDescent="0.3">
      <c r="H6354" s="44">
        <v>6347</v>
      </c>
      <c r="I6354" s="56">
        <f>Bühler!I6380</f>
        <v>0.18174925226614089</v>
      </c>
      <c r="J6354" s="59">
        <f>Bühler!J6380</f>
        <v>0.60583084088713635</v>
      </c>
      <c r="K6354" s="59">
        <f>Bühler!K6380</f>
        <v>0.90874626133070457</v>
      </c>
      <c r="L6354" s="59">
        <f>Bühler!L6380</f>
        <v>12.60663893073753</v>
      </c>
      <c r="M6354" s="58">
        <f>Bühler!M6380</f>
        <v>0</v>
      </c>
      <c r="N6354" s="56">
        <f>IF(Input!$D$19=1,J6354*Input!$C$19,0)+IF(Input!$D$20=1,K6354*Input!$C$20,0)+IF(Input!$D$21=1,L6354*Input!$C$21,0)+IF(Input!$D$22=1,M6354*Input!$C$22,0)</f>
        <v>0.18174925226614089</v>
      </c>
      <c r="O6354" s="59">
        <f>IF(Input!$D$19=2,J6354*Input!$C$19,0)+IF(Input!$D$20=2,K6354*Input!$C$20,0)+IF(Input!$D$21=2,L6354*Input!$C$21,0)+IF(Input!$D$22=2,M6354*Input!$C$22,0)</f>
        <v>0.45437313066535229</v>
      </c>
      <c r="P6354" s="59">
        <f>IF(Input!$D$19=3,J6354*Input!$C$19,0)+IF(Input!$D$20=3,K6354*Input!$C$20,0)+IF(Input!$D$21=3,L6354*Input!$C$21,0)+IF(Input!$D$22=3,M6354*Input!$C$22,0)</f>
        <v>0</v>
      </c>
      <c r="Q6354" s="75">
        <f>IF(Input!$D$19=4,J6354*Input!$C$19,0)+IF(Input!$D$20=4,K6354*Input!$C$20,0)+IF(Input!$D$21=4,L6354*Input!$C$21,0)+IF(Input!$D$22=4,M6354*Input!$C$22,0)</f>
        <v>0</v>
      </c>
      <c r="R6354" s="58">
        <v>45.273775507844725</v>
      </c>
      <c r="S6354" s="124">
        <f t="shared" si="99"/>
        <v>0.78758009315327726</v>
      </c>
    </row>
    <row r="6355" spans="8:19" x14ac:dyDescent="0.3">
      <c r="H6355" s="44">
        <v>6348</v>
      </c>
      <c r="I6355" s="56">
        <f>Bühler!I6381</f>
        <v>0.18174925226614089</v>
      </c>
      <c r="J6355" s="59">
        <f>Bühler!J6381</f>
        <v>0.60583084088713635</v>
      </c>
      <c r="K6355" s="59">
        <f>Bühler!K6381</f>
        <v>0.90874626133070457</v>
      </c>
      <c r="L6355" s="59">
        <f>Bühler!L6381</f>
        <v>12.60663893073753</v>
      </c>
      <c r="M6355" s="58">
        <f>Bühler!M6381</f>
        <v>0</v>
      </c>
      <c r="N6355" s="56">
        <f>IF(Input!$D$19=1,J6355*Input!$C$19,0)+IF(Input!$D$20=1,K6355*Input!$C$20,0)+IF(Input!$D$21=1,L6355*Input!$C$21,0)+IF(Input!$D$22=1,M6355*Input!$C$22,0)</f>
        <v>0.18174925226614089</v>
      </c>
      <c r="O6355" s="59">
        <f>IF(Input!$D$19=2,J6355*Input!$C$19,0)+IF(Input!$D$20=2,K6355*Input!$C$20,0)+IF(Input!$D$21=2,L6355*Input!$C$21,0)+IF(Input!$D$22=2,M6355*Input!$C$22,0)</f>
        <v>0.45437313066535229</v>
      </c>
      <c r="P6355" s="59">
        <f>IF(Input!$D$19=3,J6355*Input!$C$19,0)+IF(Input!$D$20=3,K6355*Input!$C$20,0)+IF(Input!$D$21=3,L6355*Input!$C$21,0)+IF(Input!$D$22=3,M6355*Input!$C$22,0)</f>
        <v>0</v>
      </c>
      <c r="Q6355" s="75">
        <f>IF(Input!$D$19=4,J6355*Input!$C$19,0)+IF(Input!$D$20=4,K6355*Input!$C$20,0)+IF(Input!$D$21=4,L6355*Input!$C$21,0)+IF(Input!$D$22=4,M6355*Input!$C$22,0)</f>
        <v>0</v>
      </c>
      <c r="R6355" s="58">
        <v>45.247321729207385</v>
      </c>
      <c r="S6355" s="124">
        <f t="shared" si="99"/>
        <v>0.78758009315327726</v>
      </c>
    </row>
    <row r="6356" spans="8:19" x14ac:dyDescent="0.3">
      <c r="H6356" s="44">
        <v>6349</v>
      </c>
      <c r="I6356" s="56">
        <f>Bühler!I6382</f>
        <v>0.18174925226614089</v>
      </c>
      <c r="J6356" s="59">
        <f>Bühler!J6382</f>
        <v>0.60583084088713635</v>
      </c>
      <c r="K6356" s="59">
        <f>Bühler!K6382</f>
        <v>0.90874626133070457</v>
      </c>
      <c r="L6356" s="59">
        <f>Bühler!L6382</f>
        <v>12.60663893073753</v>
      </c>
      <c r="M6356" s="58">
        <f>Bühler!M6382</f>
        <v>0</v>
      </c>
      <c r="N6356" s="56">
        <f>IF(Input!$D$19=1,J6356*Input!$C$19,0)+IF(Input!$D$20=1,K6356*Input!$C$20,0)+IF(Input!$D$21=1,L6356*Input!$C$21,0)+IF(Input!$D$22=1,M6356*Input!$C$22,0)</f>
        <v>0.18174925226614089</v>
      </c>
      <c r="O6356" s="59">
        <f>IF(Input!$D$19=2,J6356*Input!$C$19,0)+IF(Input!$D$20=2,K6356*Input!$C$20,0)+IF(Input!$D$21=2,L6356*Input!$C$21,0)+IF(Input!$D$22=2,M6356*Input!$C$22,0)</f>
        <v>0.45437313066535229</v>
      </c>
      <c r="P6356" s="59">
        <f>IF(Input!$D$19=3,J6356*Input!$C$19,0)+IF(Input!$D$20=3,K6356*Input!$C$20,0)+IF(Input!$D$21=3,L6356*Input!$C$21,0)+IF(Input!$D$22=3,M6356*Input!$C$22,0)</f>
        <v>0</v>
      </c>
      <c r="Q6356" s="75">
        <f>IF(Input!$D$19=4,J6356*Input!$C$19,0)+IF(Input!$D$20=4,K6356*Input!$C$20,0)+IF(Input!$D$21=4,L6356*Input!$C$21,0)+IF(Input!$D$22=4,M6356*Input!$C$22,0)</f>
        <v>0</v>
      </c>
      <c r="R6356" s="58">
        <v>44.390365027533036</v>
      </c>
      <c r="S6356" s="124">
        <f t="shared" si="99"/>
        <v>0.78758009315327726</v>
      </c>
    </row>
    <row r="6357" spans="8:19" x14ac:dyDescent="0.3">
      <c r="H6357" s="44">
        <v>6350</v>
      </c>
      <c r="I6357" s="56">
        <f>Bühler!I6383</f>
        <v>0.18174925226614089</v>
      </c>
      <c r="J6357" s="59">
        <f>Bühler!J6383</f>
        <v>0.60583084088713635</v>
      </c>
      <c r="K6357" s="59">
        <f>Bühler!K6383</f>
        <v>0.90874626133070457</v>
      </c>
      <c r="L6357" s="59">
        <f>Bühler!L6383</f>
        <v>12.60663893073753</v>
      </c>
      <c r="M6357" s="58">
        <f>Bühler!M6383</f>
        <v>0</v>
      </c>
      <c r="N6357" s="56">
        <f>IF(Input!$D$19=1,J6357*Input!$C$19,0)+IF(Input!$D$20=1,K6357*Input!$C$20,0)+IF(Input!$D$21=1,L6357*Input!$C$21,0)+IF(Input!$D$22=1,M6357*Input!$C$22,0)</f>
        <v>0.18174925226614089</v>
      </c>
      <c r="O6357" s="59">
        <f>IF(Input!$D$19=2,J6357*Input!$C$19,0)+IF(Input!$D$20=2,K6357*Input!$C$20,0)+IF(Input!$D$21=2,L6357*Input!$C$21,0)+IF(Input!$D$22=2,M6357*Input!$C$22,0)</f>
        <v>0.45437313066535229</v>
      </c>
      <c r="P6357" s="59">
        <f>IF(Input!$D$19=3,J6357*Input!$C$19,0)+IF(Input!$D$20=3,K6357*Input!$C$20,0)+IF(Input!$D$21=3,L6357*Input!$C$21,0)+IF(Input!$D$22=3,M6357*Input!$C$22,0)</f>
        <v>0</v>
      </c>
      <c r="Q6357" s="75">
        <f>IF(Input!$D$19=4,J6357*Input!$C$19,0)+IF(Input!$D$20=4,K6357*Input!$C$20,0)+IF(Input!$D$21=4,L6357*Input!$C$21,0)+IF(Input!$D$22=4,M6357*Input!$C$22,0)</f>
        <v>0</v>
      </c>
      <c r="R6357" s="58">
        <v>43.780265403180721</v>
      </c>
      <c r="S6357" s="124">
        <f t="shared" si="99"/>
        <v>0.78758009315327726</v>
      </c>
    </row>
    <row r="6358" spans="8:19" x14ac:dyDescent="0.3">
      <c r="H6358" s="44">
        <v>6351</v>
      </c>
      <c r="I6358" s="56">
        <f>Bühler!I6384</f>
        <v>0.18174925226614089</v>
      </c>
      <c r="J6358" s="59">
        <f>Bühler!J6384</f>
        <v>0.60583084088713635</v>
      </c>
      <c r="K6358" s="59">
        <f>Bühler!K6384</f>
        <v>0.90874626133070457</v>
      </c>
      <c r="L6358" s="59">
        <f>Bühler!L6384</f>
        <v>12.60663893073753</v>
      </c>
      <c r="M6358" s="58">
        <f>Bühler!M6384</f>
        <v>0</v>
      </c>
      <c r="N6358" s="56">
        <f>IF(Input!$D$19=1,J6358*Input!$C$19,0)+IF(Input!$D$20=1,K6358*Input!$C$20,0)+IF(Input!$D$21=1,L6358*Input!$C$21,0)+IF(Input!$D$22=1,M6358*Input!$C$22,0)</f>
        <v>0.18174925226614089</v>
      </c>
      <c r="O6358" s="59">
        <f>IF(Input!$D$19=2,J6358*Input!$C$19,0)+IF(Input!$D$20=2,K6358*Input!$C$20,0)+IF(Input!$D$21=2,L6358*Input!$C$21,0)+IF(Input!$D$22=2,M6358*Input!$C$22,0)</f>
        <v>0.45437313066535229</v>
      </c>
      <c r="P6358" s="59">
        <f>IF(Input!$D$19=3,J6358*Input!$C$19,0)+IF(Input!$D$20=3,K6358*Input!$C$20,0)+IF(Input!$D$21=3,L6358*Input!$C$21,0)+IF(Input!$D$22=3,M6358*Input!$C$22,0)</f>
        <v>0</v>
      </c>
      <c r="Q6358" s="75">
        <f>IF(Input!$D$19=4,J6358*Input!$C$19,0)+IF(Input!$D$20=4,K6358*Input!$C$20,0)+IF(Input!$D$21=4,L6358*Input!$C$21,0)+IF(Input!$D$22=4,M6358*Input!$C$22,0)</f>
        <v>0</v>
      </c>
      <c r="R6358" s="58">
        <v>43.548152602854557</v>
      </c>
      <c r="S6358" s="124">
        <f t="shared" si="99"/>
        <v>0.78758009315327726</v>
      </c>
    </row>
    <row r="6359" spans="8:19" x14ac:dyDescent="0.3">
      <c r="H6359" s="44">
        <v>6352</v>
      </c>
      <c r="I6359" s="56">
        <f>Bühler!I6385</f>
        <v>0.16432124177486709</v>
      </c>
      <c r="J6359" s="59">
        <f>Bühler!J6385</f>
        <v>0.54773747258289041</v>
      </c>
      <c r="K6359" s="59">
        <f>Bühler!K6385</f>
        <v>0.82160620887433566</v>
      </c>
      <c r="L6359" s="59">
        <f>Bühler!L6385</f>
        <v>11.397783142858588</v>
      </c>
      <c r="M6359" s="58">
        <f>Bühler!M6385</f>
        <v>0</v>
      </c>
      <c r="N6359" s="56">
        <f>IF(Input!$D$19=1,J6359*Input!$C$19,0)+IF(Input!$D$20=1,K6359*Input!$C$20,0)+IF(Input!$D$21=1,L6359*Input!$C$21,0)+IF(Input!$D$22=1,M6359*Input!$C$22,0)</f>
        <v>0.16432124177486712</v>
      </c>
      <c r="O6359" s="59">
        <f>IF(Input!$D$19=2,J6359*Input!$C$19,0)+IF(Input!$D$20=2,K6359*Input!$C$20,0)+IF(Input!$D$21=2,L6359*Input!$C$21,0)+IF(Input!$D$22=2,M6359*Input!$C$22,0)</f>
        <v>0.41080310443716783</v>
      </c>
      <c r="P6359" s="59">
        <f>IF(Input!$D$19=3,J6359*Input!$C$19,0)+IF(Input!$D$20=3,K6359*Input!$C$20,0)+IF(Input!$D$21=3,L6359*Input!$C$21,0)+IF(Input!$D$22=3,M6359*Input!$C$22,0)</f>
        <v>0</v>
      </c>
      <c r="Q6359" s="75">
        <f>IF(Input!$D$19=4,J6359*Input!$C$19,0)+IF(Input!$D$20=4,K6359*Input!$C$20,0)+IF(Input!$D$21=4,L6359*Input!$C$21,0)+IF(Input!$D$22=4,M6359*Input!$C$22,0)</f>
        <v>0</v>
      </c>
      <c r="R6359" s="58">
        <v>43.316187984344133</v>
      </c>
      <c r="S6359" s="124">
        <f t="shared" si="99"/>
        <v>0.71205871435775747</v>
      </c>
    </row>
    <row r="6360" spans="8:19" x14ac:dyDescent="0.3">
      <c r="H6360" s="44">
        <v>6353</v>
      </c>
      <c r="I6360" s="56">
        <f>Bühler!I6386</f>
        <v>0.14938294706806099</v>
      </c>
      <c r="J6360" s="59">
        <f>Bühler!J6386</f>
        <v>0.49794315689353674</v>
      </c>
      <c r="K6360" s="59">
        <f>Bühler!K6386</f>
        <v>0.74691473534030506</v>
      </c>
      <c r="L6360" s="59">
        <f>Bühler!L6386</f>
        <v>10.361621038962353</v>
      </c>
      <c r="M6360" s="58">
        <f>Bühler!M6386</f>
        <v>0</v>
      </c>
      <c r="N6360" s="56">
        <f>IF(Input!$D$19=1,J6360*Input!$C$19,0)+IF(Input!$D$20=1,K6360*Input!$C$20,0)+IF(Input!$D$21=1,L6360*Input!$C$21,0)+IF(Input!$D$22=1,M6360*Input!$C$22,0)</f>
        <v>0.14938294706806102</v>
      </c>
      <c r="O6360" s="59">
        <f>IF(Input!$D$19=2,J6360*Input!$C$19,0)+IF(Input!$D$20=2,K6360*Input!$C$20,0)+IF(Input!$D$21=2,L6360*Input!$C$21,0)+IF(Input!$D$22=2,M6360*Input!$C$22,0)</f>
        <v>0.37345736767015253</v>
      </c>
      <c r="P6360" s="59">
        <f>IF(Input!$D$19=3,J6360*Input!$C$19,0)+IF(Input!$D$20=3,K6360*Input!$C$20,0)+IF(Input!$D$21=3,L6360*Input!$C$21,0)+IF(Input!$D$22=3,M6360*Input!$C$22,0)</f>
        <v>0</v>
      </c>
      <c r="Q6360" s="75">
        <f>IF(Input!$D$19=4,J6360*Input!$C$19,0)+IF(Input!$D$20=4,K6360*Input!$C$20,0)+IF(Input!$D$21=4,L6360*Input!$C$21,0)+IF(Input!$D$22=4,M6360*Input!$C$22,0)</f>
        <v>0</v>
      </c>
      <c r="R6360" s="58">
        <v>43.155780354843863</v>
      </c>
      <c r="S6360" s="124">
        <f t="shared" si="99"/>
        <v>0.64732610396159773</v>
      </c>
    </row>
    <row r="6361" spans="8:19" x14ac:dyDescent="0.3">
      <c r="H6361" s="44">
        <v>6354</v>
      </c>
      <c r="I6361" s="56">
        <f>Bühler!I6387</f>
        <v>0.13444465236125491</v>
      </c>
      <c r="J6361" s="59">
        <f>Bühler!J6387</f>
        <v>0.44814884120418308</v>
      </c>
      <c r="K6361" s="59">
        <f>Bühler!K6387</f>
        <v>0.67222326180627467</v>
      </c>
      <c r="L6361" s="59">
        <f>Bühler!L6387</f>
        <v>9.3254589350661181</v>
      </c>
      <c r="M6361" s="58">
        <f>Bühler!M6387</f>
        <v>0</v>
      </c>
      <c r="N6361" s="56">
        <f>IF(Input!$D$19=1,J6361*Input!$C$19,0)+IF(Input!$D$20=1,K6361*Input!$C$20,0)+IF(Input!$D$21=1,L6361*Input!$C$21,0)+IF(Input!$D$22=1,M6361*Input!$C$22,0)</f>
        <v>0.13444465236125491</v>
      </c>
      <c r="O6361" s="59">
        <f>IF(Input!$D$19=2,J6361*Input!$C$19,0)+IF(Input!$D$20=2,K6361*Input!$C$20,0)+IF(Input!$D$21=2,L6361*Input!$C$21,0)+IF(Input!$D$22=2,M6361*Input!$C$22,0)</f>
        <v>0.33611163090313734</v>
      </c>
      <c r="P6361" s="59">
        <f>IF(Input!$D$19=3,J6361*Input!$C$19,0)+IF(Input!$D$20=3,K6361*Input!$C$20,0)+IF(Input!$D$21=3,L6361*Input!$C$21,0)+IF(Input!$D$22=3,M6361*Input!$C$22,0)</f>
        <v>0</v>
      </c>
      <c r="Q6361" s="75">
        <f>IF(Input!$D$19=4,J6361*Input!$C$19,0)+IF(Input!$D$20=4,K6361*Input!$C$20,0)+IF(Input!$D$21=4,L6361*Input!$C$21,0)+IF(Input!$D$22=4,M6361*Input!$C$22,0)</f>
        <v>0</v>
      </c>
      <c r="R6361" s="58">
        <v>42.34602280755437</v>
      </c>
      <c r="S6361" s="124">
        <f t="shared" si="99"/>
        <v>0.58259349356543799</v>
      </c>
    </row>
    <row r="6362" spans="8:19" x14ac:dyDescent="0.3">
      <c r="H6362" s="44">
        <v>6355</v>
      </c>
      <c r="I6362" s="56">
        <f>Bühler!I6388</f>
        <v>0.12946522079231954</v>
      </c>
      <c r="J6362" s="59">
        <f>Bühler!J6388</f>
        <v>0.43155073597439852</v>
      </c>
      <c r="K6362" s="59">
        <f>Bühler!K6388</f>
        <v>0.64732610396159773</v>
      </c>
      <c r="L6362" s="59">
        <f>Bühler!L6388</f>
        <v>8.9800715671007065</v>
      </c>
      <c r="M6362" s="58">
        <f>Bühler!M6388</f>
        <v>0</v>
      </c>
      <c r="N6362" s="56">
        <f>IF(Input!$D$19=1,J6362*Input!$C$19,0)+IF(Input!$D$20=1,K6362*Input!$C$20,0)+IF(Input!$D$21=1,L6362*Input!$C$21,0)+IF(Input!$D$22=1,M6362*Input!$C$22,0)</f>
        <v>0.12946522079231956</v>
      </c>
      <c r="O6362" s="59">
        <f>IF(Input!$D$19=2,J6362*Input!$C$19,0)+IF(Input!$D$20=2,K6362*Input!$C$20,0)+IF(Input!$D$21=2,L6362*Input!$C$21,0)+IF(Input!$D$22=2,M6362*Input!$C$22,0)</f>
        <v>0.32366305198079887</v>
      </c>
      <c r="P6362" s="59">
        <f>IF(Input!$D$19=3,J6362*Input!$C$19,0)+IF(Input!$D$20=3,K6362*Input!$C$20,0)+IF(Input!$D$21=3,L6362*Input!$C$21,0)+IF(Input!$D$22=3,M6362*Input!$C$22,0)</f>
        <v>0</v>
      </c>
      <c r="Q6362" s="75">
        <f>IF(Input!$D$19=4,J6362*Input!$C$19,0)+IF(Input!$D$20=4,K6362*Input!$C$20,0)+IF(Input!$D$21=4,L6362*Input!$C$21,0)+IF(Input!$D$22=4,M6362*Input!$C$22,0)</f>
        <v>0</v>
      </c>
      <c r="R6362" s="58">
        <v>41.50178516601509</v>
      </c>
      <c r="S6362" s="124">
        <f t="shared" si="99"/>
        <v>0.56101595676671812</v>
      </c>
    </row>
    <row r="6363" spans="8:19" x14ac:dyDescent="0.3">
      <c r="H6363" s="44">
        <v>6356</v>
      </c>
      <c r="I6363" s="56">
        <f>Bühler!I6389</f>
        <v>0.1045680629476427</v>
      </c>
      <c r="J6363" s="59">
        <f>Bühler!J6389</f>
        <v>0.3485602098254757</v>
      </c>
      <c r="K6363" s="59">
        <f>Bühler!K6389</f>
        <v>0.52284031473821357</v>
      </c>
      <c r="L6363" s="59">
        <f>Bühler!L6389</f>
        <v>7.2531347272736459</v>
      </c>
      <c r="M6363" s="58">
        <f>Bühler!M6389</f>
        <v>0</v>
      </c>
      <c r="N6363" s="56">
        <f>IF(Input!$D$19=1,J6363*Input!$C$19,0)+IF(Input!$D$20=1,K6363*Input!$C$20,0)+IF(Input!$D$21=1,L6363*Input!$C$21,0)+IF(Input!$D$22=1,M6363*Input!$C$22,0)</f>
        <v>0.1045680629476427</v>
      </c>
      <c r="O6363" s="59">
        <f>IF(Input!$D$19=2,J6363*Input!$C$19,0)+IF(Input!$D$20=2,K6363*Input!$C$20,0)+IF(Input!$D$21=2,L6363*Input!$C$21,0)+IF(Input!$D$22=2,M6363*Input!$C$22,0)</f>
        <v>0.26142015736910679</v>
      </c>
      <c r="P6363" s="59">
        <f>IF(Input!$D$19=3,J6363*Input!$C$19,0)+IF(Input!$D$20=3,K6363*Input!$C$20,0)+IF(Input!$D$21=3,L6363*Input!$C$21,0)+IF(Input!$D$22=3,M6363*Input!$C$22,0)</f>
        <v>0</v>
      </c>
      <c r="Q6363" s="75">
        <f>IF(Input!$D$19=4,J6363*Input!$C$19,0)+IF(Input!$D$20=4,K6363*Input!$C$20,0)+IF(Input!$D$21=4,L6363*Input!$C$21,0)+IF(Input!$D$22=4,M6363*Input!$C$22,0)</f>
        <v>0</v>
      </c>
      <c r="R6363" s="58">
        <v>41.021852724397462</v>
      </c>
      <c r="S6363" s="124">
        <f t="shared" si="99"/>
        <v>0.4531282727731184</v>
      </c>
    </row>
    <row r="6364" spans="8:19" x14ac:dyDescent="0.3">
      <c r="H6364" s="44">
        <v>6357</v>
      </c>
      <c r="I6364" s="56">
        <f>Bühler!I6390</f>
        <v>7.7181189318498183E-2</v>
      </c>
      <c r="J6364" s="59">
        <f>Bühler!J6390</f>
        <v>0.25727063106166065</v>
      </c>
      <c r="K6364" s="59">
        <f>Bühler!K6390</f>
        <v>0.385905946592491</v>
      </c>
      <c r="L6364" s="59">
        <f>Bühler!L6390</f>
        <v>5.3535042034638822</v>
      </c>
      <c r="M6364" s="58">
        <f>Bühler!M6390</f>
        <v>0</v>
      </c>
      <c r="N6364" s="56">
        <f>IF(Input!$D$19=1,J6364*Input!$C$19,0)+IF(Input!$D$20=1,K6364*Input!$C$20,0)+IF(Input!$D$21=1,L6364*Input!$C$21,0)+IF(Input!$D$22=1,M6364*Input!$C$22,0)</f>
        <v>7.7181189318498197E-2</v>
      </c>
      <c r="O6364" s="59">
        <f>IF(Input!$D$19=2,J6364*Input!$C$19,0)+IF(Input!$D$20=2,K6364*Input!$C$20,0)+IF(Input!$D$21=2,L6364*Input!$C$21,0)+IF(Input!$D$22=2,M6364*Input!$C$22,0)</f>
        <v>0.1929529732962455</v>
      </c>
      <c r="P6364" s="59">
        <f>IF(Input!$D$19=3,J6364*Input!$C$19,0)+IF(Input!$D$20=3,K6364*Input!$C$20,0)+IF(Input!$D$21=3,L6364*Input!$C$21,0)+IF(Input!$D$22=3,M6364*Input!$C$22,0)</f>
        <v>0</v>
      </c>
      <c r="Q6364" s="75">
        <f>IF(Input!$D$19=4,J6364*Input!$C$19,0)+IF(Input!$D$20=4,K6364*Input!$C$20,0)+IF(Input!$D$21=4,L6364*Input!$C$21,0)+IF(Input!$D$22=4,M6364*Input!$C$22,0)</f>
        <v>0</v>
      </c>
      <c r="R6364" s="58">
        <v>40.71184285201813</v>
      </c>
      <c r="S6364" s="124">
        <f t="shared" si="99"/>
        <v>0.33445182038015886</v>
      </c>
    </row>
    <row r="6365" spans="8:19" x14ac:dyDescent="0.3">
      <c r="H6365" s="44">
        <v>6358</v>
      </c>
      <c r="I6365" s="56">
        <f>Bühler!I6391</f>
        <v>7.7181189318498183E-2</v>
      </c>
      <c r="J6365" s="59">
        <f>Bühler!J6391</f>
        <v>0.25727063106166065</v>
      </c>
      <c r="K6365" s="59">
        <f>Bühler!K6391</f>
        <v>0.385905946592491</v>
      </c>
      <c r="L6365" s="59">
        <f>Bühler!L6391</f>
        <v>5.3535042034638822</v>
      </c>
      <c r="M6365" s="58">
        <f>Bühler!M6391</f>
        <v>0</v>
      </c>
      <c r="N6365" s="56">
        <f>IF(Input!$D$19=1,J6365*Input!$C$19,0)+IF(Input!$D$20=1,K6365*Input!$C$20,0)+IF(Input!$D$21=1,L6365*Input!$C$21,0)+IF(Input!$D$22=1,M6365*Input!$C$22,0)</f>
        <v>7.7181189318498197E-2</v>
      </c>
      <c r="O6365" s="59">
        <f>IF(Input!$D$19=2,J6365*Input!$C$19,0)+IF(Input!$D$20=2,K6365*Input!$C$20,0)+IF(Input!$D$21=2,L6365*Input!$C$21,0)+IF(Input!$D$22=2,M6365*Input!$C$22,0)</f>
        <v>0.1929529732962455</v>
      </c>
      <c r="P6365" s="59">
        <f>IF(Input!$D$19=3,J6365*Input!$C$19,0)+IF(Input!$D$20=3,K6365*Input!$C$20,0)+IF(Input!$D$21=3,L6365*Input!$C$21,0)+IF(Input!$D$22=3,M6365*Input!$C$22,0)</f>
        <v>0</v>
      </c>
      <c r="Q6365" s="75">
        <f>IF(Input!$D$19=4,J6365*Input!$C$19,0)+IF(Input!$D$20=4,K6365*Input!$C$20,0)+IF(Input!$D$21=4,L6365*Input!$C$21,0)+IF(Input!$D$22=4,M6365*Input!$C$22,0)</f>
        <v>0</v>
      </c>
      <c r="R6365" s="58">
        <v>39.808168964424553</v>
      </c>
      <c r="S6365" s="124">
        <f t="shared" si="99"/>
        <v>0.33445182038015886</v>
      </c>
    </row>
    <row r="6366" spans="8:19" x14ac:dyDescent="0.3">
      <c r="H6366" s="44">
        <v>6359</v>
      </c>
      <c r="I6366" s="56">
        <f>Bühler!I6392</f>
        <v>7.7181189318498183E-2</v>
      </c>
      <c r="J6366" s="59">
        <f>Bühler!J6392</f>
        <v>0.25727063106166065</v>
      </c>
      <c r="K6366" s="59">
        <f>Bühler!K6392</f>
        <v>0.385905946592491</v>
      </c>
      <c r="L6366" s="59">
        <f>Bühler!L6392</f>
        <v>5.3535042034638822</v>
      </c>
      <c r="M6366" s="58">
        <f>Bühler!M6392</f>
        <v>0</v>
      </c>
      <c r="N6366" s="56">
        <f>IF(Input!$D$19=1,J6366*Input!$C$19,0)+IF(Input!$D$20=1,K6366*Input!$C$20,0)+IF(Input!$D$21=1,L6366*Input!$C$21,0)+IF(Input!$D$22=1,M6366*Input!$C$22,0)</f>
        <v>7.7181189318498197E-2</v>
      </c>
      <c r="O6366" s="59">
        <f>IF(Input!$D$19=2,J6366*Input!$C$19,0)+IF(Input!$D$20=2,K6366*Input!$C$20,0)+IF(Input!$D$21=2,L6366*Input!$C$21,0)+IF(Input!$D$22=2,M6366*Input!$C$22,0)</f>
        <v>0.1929529732962455</v>
      </c>
      <c r="P6366" s="59">
        <f>IF(Input!$D$19=3,J6366*Input!$C$19,0)+IF(Input!$D$20=3,K6366*Input!$C$20,0)+IF(Input!$D$21=3,L6366*Input!$C$21,0)+IF(Input!$D$22=3,M6366*Input!$C$22,0)</f>
        <v>0</v>
      </c>
      <c r="Q6366" s="75">
        <f>IF(Input!$D$19=4,J6366*Input!$C$19,0)+IF(Input!$D$20=4,K6366*Input!$C$20,0)+IF(Input!$D$21=4,L6366*Input!$C$21,0)+IF(Input!$D$22=4,M6366*Input!$C$22,0)</f>
        <v>0</v>
      </c>
      <c r="R6366" s="58">
        <v>39.869513431372631</v>
      </c>
      <c r="S6366" s="124">
        <f t="shared" si="99"/>
        <v>0.33445182038015886</v>
      </c>
    </row>
    <row r="6367" spans="8:19" x14ac:dyDescent="0.3">
      <c r="H6367" s="44">
        <v>6360</v>
      </c>
      <c r="I6367" s="56">
        <f>Bühler!I6393</f>
        <v>7.7181189318498183E-2</v>
      </c>
      <c r="J6367" s="59">
        <f>Bühler!J6393</f>
        <v>0.25727063106166065</v>
      </c>
      <c r="K6367" s="59">
        <f>Bühler!K6393</f>
        <v>0.385905946592491</v>
      </c>
      <c r="L6367" s="59">
        <f>Bühler!L6393</f>
        <v>5.3535042034638822</v>
      </c>
      <c r="M6367" s="58">
        <f>Bühler!M6393</f>
        <v>0</v>
      </c>
      <c r="N6367" s="56">
        <f>IF(Input!$D$19=1,J6367*Input!$C$19,0)+IF(Input!$D$20=1,K6367*Input!$C$20,0)+IF(Input!$D$21=1,L6367*Input!$C$21,0)+IF(Input!$D$22=1,M6367*Input!$C$22,0)</f>
        <v>7.7181189318498197E-2</v>
      </c>
      <c r="O6367" s="59">
        <f>IF(Input!$D$19=2,J6367*Input!$C$19,0)+IF(Input!$D$20=2,K6367*Input!$C$20,0)+IF(Input!$D$21=2,L6367*Input!$C$21,0)+IF(Input!$D$22=2,M6367*Input!$C$22,0)</f>
        <v>0.1929529732962455</v>
      </c>
      <c r="P6367" s="59">
        <f>IF(Input!$D$19=3,J6367*Input!$C$19,0)+IF(Input!$D$20=3,K6367*Input!$C$20,0)+IF(Input!$D$21=3,L6367*Input!$C$21,0)+IF(Input!$D$22=3,M6367*Input!$C$22,0)</f>
        <v>0</v>
      </c>
      <c r="Q6367" s="75">
        <f>IF(Input!$D$19=4,J6367*Input!$C$19,0)+IF(Input!$D$20=4,K6367*Input!$C$20,0)+IF(Input!$D$21=4,L6367*Input!$C$21,0)+IF(Input!$D$22=4,M6367*Input!$C$22,0)</f>
        <v>0</v>
      </c>
      <c r="R6367" s="58">
        <v>40.01851331664178</v>
      </c>
      <c r="S6367" s="124">
        <f t="shared" si="99"/>
        <v>0.33445182038015886</v>
      </c>
    </row>
    <row r="6368" spans="8:19" x14ac:dyDescent="0.3">
      <c r="H6368" s="44">
        <v>6361</v>
      </c>
      <c r="I6368" s="56">
        <f>Bühler!I6394</f>
        <v>9.4038534710103525E-2</v>
      </c>
      <c r="J6368" s="59">
        <f>Bühler!J6394</f>
        <v>0.31346178236701178</v>
      </c>
      <c r="K6368" s="59">
        <f>Bühler!K6394</f>
        <v>0.47019267355051764</v>
      </c>
      <c r="L6368" s="59">
        <f>Bühler!L6394</f>
        <v>6.2269501930812154</v>
      </c>
      <c r="M6368" s="58">
        <f>Bühler!M6394</f>
        <v>0</v>
      </c>
      <c r="N6368" s="56">
        <f>IF(Input!$D$19=1,J6368*Input!$C$19,0)+IF(Input!$D$20=1,K6368*Input!$C$20,0)+IF(Input!$D$21=1,L6368*Input!$C$21,0)+IF(Input!$D$22=1,M6368*Input!$C$22,0)</f>
        <v>9.4038534710103525E-2</v>
      </c>
      <c r="O6368" s="59">
        <f>IF(Input!$D$19=2,J6368*Input!$C$19,0)+IF(Input!$D$20=2,K6368*Input!$C$20,0)+IF(Input!$D$21=2,L6368*Input!$C$21,0)+IF(Input!$D$22=2,M6368*Input!$C$22,0)</f>
        <v>0.23509633677525882</v>
      </c>
      <c r="P6368" s="59">
        <f>IF(Input!$D$19=3,J6368*Input!$C$19,0)+IF(Input!$D$20=3,K6368*Input!$C$20,0)+IF(Input!$D$21=3,L6368*Input!$C$21,0)+IF(Input!$D$22=3,M6368*Input!$C$22,0)</f>
        <v>0</v>
      </c>
      <c r="Q6368" s="75">
        <f>IF(Input!$D$19=4,J6368*Input!$C$19,0)+IF(Input!$D$20=4,K6368*Input!$C$20,0)+IF(Input!$D$21=4,L6368*Input!$C$21,0)+IF(Input!$D$22=4,M6368*Input!$C$22,0)</f>
        <v>0</v>
      </c>
      <c r="R6368" s="58">
        <v>39.54053159889542</v>
      </c>
      <c r="S6368" s="124">
        <f t="shared" si="99"/>
        <v>0.40750031707711531</v>
      </c>
    </row>
    <row r="6369" spans="8:19" x14ac:dyDescent="0.3">
      <c r="H6369" s="44">
        <v>6362</v>
      </c>
      <c r="I6369" s="56">
        <f>Bühler!I6395</f>
        <v>0.10920604030850732</v>
      </c>
      <c r="J6369" s="59">
        <f>Bühler!J6395</f>
        <v>0.36402013436169112</v>
      </c>
      <c r="K6369" s="59">
        <f>Bühler!K6395</f>
        <v>0.54603020154253668</v>
      </c>
      <c r="L6369" s="59">
        <f>Bühler!L6395</f>
        <v>7.2312969984168936</v>
      </c>
      <c r="M6369" s="58">
        <f>Bühler!M6395</f>
        <v>0</v>
      </c>
      <c r="N6369" s="56">
        <f>IF(Input!$D$19=1,J6369*Input!$C$19,0)+IF(Input!$D$20=1,K6369*Input!$C$20,0)+IF(Input!$D$21=1,L6369*Input!$C$21,0)+IF(Input!$D$22=1,M6369*Input!$C$22,0)</f>
        <v>0.10920604030850734</v>
      </c>
      <c r="O6369" s="59">
        <f>IF(Input!$D$19=2,J6369*Input!$C$19,0)+IF(Input!$D$20=2,K6369*Input!$C$20,0)+IF(Input!$D$21=2,L6369*Input!$C$21,0)+IF(Input!$D$22=2,M6369*Input!$C$22,0)</f>
        <v>0.27301510077126834</v>
      </c>
      <c r="P6369" s="59">
        <f>IF(Input!$D$19=3,J6369*Input!$C$19,0)+IF(Input!$D$20=3,K6369*Input!$C$20,0)+IF(Input!$D$21=3,L6369*Input!$C$21,0)+IF(Input!$D$22=3,M6369*Input!$C$22,0)</f>
        <v>0</v>
      </c>
      <c r="Q6369" s="75">
        <f>IF(Input!$D$19=4,J6369*Input!$C$19,0)+IF(Input!$D$20=4,K6369*Input!$C$20,0)+IF(Input!$D$21=4,L6369*Input!$C$21,0)+IF(Input!$D$22=4,M6369*Input!$C$22,0)</f>
        <v>0</v>
      </c>
      <c r="R6369" s="58">
        <v>39.275202849175528</v>
      </c>
      <c r="S6369" s="124">
        <f t="shared" si="99"/>
        <v>0.47322617467019845</v>
      </c>
    </row>
    <row r="6370" spans="8:19" x14ac:dyDescent="0.3">
      <c r="H6370" s="44">
        <v>6363</v>
      </c>
      <c r="I6370" s="56">
        <f>Bühler!I6396</f>
        <v>0.10920604030850732</v>
      </c>
      <c r="J6370" s="59">
        <f>Bühler!J6396</f>
        <v>0.36402013436169112</v>
      </c>
      <c r="K6370" s="59">
        <f>Bühler!K6396</f>
        <v>0.54603020154253668</v>
      </c>
      <c r="L6370" s="59">
        <f>Bühler!L6396</f>
        <v>7.2312969984168936</v>
      </c>
      <c r="M6370" s="58">
        <f>Bühler!M6396</f>
        <v>0</v>
      </c>
      <c r="N6370" s="56">
        <f>IF(Input!$D$19=1,J6370*Input!$C$19,0)+IF(Input!$D$20=1,K6370*Input!$C$20,0)+IF(Input!$D$21=1,L6370*Input!$C$21,0)+IF(Input!$D$22=1,M6370*Input!$C$22,0)</f>
        <v>0.10920604030850734</v>
      </c>
      <c r="O6370" s="59">
        <f>IF(Input!$D$19=2,J6370*Input!$C$19,0)+IF(Input!$D$20=2,K6370*Input!$C$20,0)+IF(Input!$D$21=2,L6370*Input!$C$21,0)+IF(Input!$D$22=2,M6370*Input!$C$22,0)</f>
        <v>0.27301510077126834</v>
      </c>
      <c r="P6370" s="59">
        <f>IF(Input!$D$19=3,J6370*Input!$C$19,0)+IF(Input!$D$20=3,K6370*Input!$C$20,0)+IF(Input!$D$21=3,L6370*Input!$C$21,0)+IF(Input!$D$22=3,M6370*Input!$C$22,0)</f>
        <v>0</v>
      </c>
      <c r="Q6370" s="75">
        <f>IF(Input!$D$19=4,J6370*Input!$C$19,0)+IF(Input!$D$20=4,K6370*Input!$C$20,0)+IF(Input!$D$21=4,L6370*Input!$C$21,0)+IF(Input!$D$22=4,M6370*Input!$C$22,0)</f>
        <v>0</v>
      </c>
      <c r="R6370" s="58">
        <v>38.55382079949247</v>
      </c>
      <c r="S6370" s="124">
        <f t="shared" si="99"/>
        <v>0.47322617467019845</v>
      </c>
    </row>
    <row r="6371" spans="8:19" x14ac:dyDescent="0.3">
      <c r="H6371" s="44">
        <v>6364</v>
      </c>
      <c r="I6371" s="56">
        <f>Bühler!I6397</f>
        <v>0.10920604030850732</v>
      </c>
      <c r="J6371" s="59">
        <f>Bühler!J6397</f>
        <v>0.36402013436169112</v>
      </c>
      <c r="K6371" s="59">
        <f>Bühler!K6397</f>
        <v>0.54603020154253668</v>
      </c>
      <c r="L6371" s="59">
        <f>Bühler!L6397</f>
        <v>7.2312969984168936</v>
      </c>
      <c r="M6371" s="58">
        <f>Bühler!M6397</f>
        <v>0</v>
      </c>
      <c r="N6371" s="56">
        <f>IF(Input!$D$19=1,J6371*Input!$C$19,0)+IF(Input!$D$20=1,K6371*Input!$C$20,0)+IF(Input!$D$21=1,L6371*Input!$C$21,0)+IF(Input!$D$22=1,M6371*Input!$C$22,0)</f>
        <v>0.10920604030850734</v>
      </c>
      <c r="O6371" s="59">
        <f>IF(Input!$D$19=2,J6371*Input!$C$19,0)+IF(Input!$D$20=2,K6371*Input!$C$20,0)+IF(Input!$D$21=2,L6371*Input!$C$21,0)+IF(Input!$D$22=2,M6371*Input!$C$22,0)</f>
        <v>0.27301510077126834</v>
      </c>
      <c r="P6371" s="59">
        <f>IF(Input!$D$19=3,J6371*Input!$C$19,0)+IF(Input!$D$20=3,K6371*Input!$C$20,0)+IF(Input!$D$21=3,L6371*Input!$C$21,0)+IF(Input!$D$22=3,M6371*Input!$C$22,0)</f>
        <v>0</v>
      </c>
      <c r="Q6371" s="75">
        <f>IF(Input!$D$19=4,J6371*Input!$C$19,0)+IF(Input!$D$20=4,K6371*Input!$C$20,0)+IF(Input!$D$21=4,L6371*Input!$C$21,0)+IF(Input!$D$22=4,M6371*Input!$C$22,0)</f>
        <v>0</v>
      </c>
      <c r="R6371" s="58">
        <v>38.335073175168205</v>
      </c>
      <c r="S6371" s="124">
        <f t="shared" si="99"/>
        <v>0.47322617467019845</v>
      </c>
    </row>
    <row r="6372" spans="8:19" x14ac:dyDescent="0.3">
      <c r="H6372" s="44">
        <v>6365</v>
      </c>
      <c r="I6372" s="56">
        <f>Bühler!I6398</f>
        <v>0.10920604030850732</v>
      </c>
      <c r="J6372" s="59">
        <f>Bühler!J6398</f>
        <v>0.36402013436169112</v>
      </c>
      <c r="K6372" s="59">
        <f>Bühler!K6398</f>
        <v>0.54603020154253668</v>
      </c>
      <c r="L6372" s="59">
        <f>Bühler!L6398</f>
        <v>7.2312969984168936</v>
      </c>
      <c r="M6372" s="58">
        <f>Bühler!M6398</f>
        <v>0</v>
      </c>
      <c r="N6372" s="56">
        <f>IF(Input!$D$19=1,J6372*Input!$C$19,0)+IF(Input!$D$20=1,K6372*Input!$C$20,0)+IF(Input!$D$21=1,L6372*Input!$C$21,0)+IF(Input!$D$22=1,M6372*Input!$C$22,0)</f>
        <v>0.10920604030850734</v>
      </c>
      <c r="O6372" s="59">
        <f>IF(Input!$D$19=2,J6372*Input!$C$19,0)+IF(Input!$D$20=2,K6372*Input!$C$20,0)+IF(Input!$D$21=2,L6372*Input!$C$21,0)+IF(Input!$D$22=2,M6372*Input!$C$22,0)</f>
        <v>0.27301510077126834</v>
      </c>
      <c r="P6372" s="59">
        <f>IF(Input!$D$19=3,J6372*Input!$C$19,0)+IF(Input!$D$20=3,K6372*Input!$C$20,0)+IF(Input!$D$21=3,L6372*Input!$C$21,0)+IF(Input!$D$22=3,M6372*Input!$C$22,0)</f>
        <v>0</v>
      </c>
      <c r="Q6372" s="75">
        <f>IF(Input!$D$19=4,J6372*Input!$C$19,0)+IF(Input!$D$20=4,K6372*Input!$C$20,0)+IF(Input!$D$21=4,L6372*Input!$C$21,0)+IF(Input!$D$22=4,M6372*Input!$C$22,0)</f>
        <v>0</v>
      </c>
      <c r="R6372" s="58">
        <v>38.180372575595861</v>
      </c>
      <c r="S6372" s="124">
        <f t="shared" si="99"/>
        <v>0.47322617467019845</v>
      </c>
    </row>
    <row r="6373" spans="8:19" x14ac:dyDescent="0.3">
      <c r="H6373" s="44">
        <v>6366</v>
      </c>
      <c r="I6373" s="56">
        <f>Bühler!I6399</f>
        <v>0.13650755038563414</v>
      </c>
      <c r="J6373" s="59">
        <f>Bühler!J6399</f>
        <v>0.4550251679521139</v>
      </c>
      <c r="K6373" s="59">
        <f>Bühler!K6399</f>
        <v>0.68253775192817079</v>
      </c>
      <c r="L6373" s="59">
        <f>Bühler!L6399</f>
        <v>9.0391212480211163</v>
      </c>
      <c r="M6373" s="58">
        <f>Bühler!M6399</f>
        <v>0</v>
      </c>
      <c r="N6373" s="56">
        <f>IF(Input!$D$19=1,J6373*Input!$C$19,0)+IF(Input!$D$20=1,K6373*Input!$C$20,0)+IF(Input!$D$21=1,L6373*Input!$C$21,0)+IF(Input!$D$22=1,M6373*Input!$C$22,0)</f>
        <v>0.13650755038563417</v>
      </c>
      <c r="O6373" s="59">
        <f>IF(Input!$D$19=2,J6373*Input!$C$19,0)+IF(Input!$D$20=2,K6373*Input!$C$20,0)+IF(Input!$D$21=2,L6373*Input!$C$21,0)+IF(Input!$D$22=2,M6373*Input!$C$22,0)</f>
        <v>0.34126887596408539</v>
      </c>
      <c r="P6373" s="59">
        <f>IF(Input!$D$19=3,J6373*Input!$C$19,0)+IF(Input!$D$20=3,K6373*Input!$C$20,0)+IF(Input!$D$21=3,L6373*Input!$C$21,0)+IF(Input!$D$22=3,M6373*Input!$C$22,0)</f>
        <v>0</v>
      </c>
      <c r="Q6373" s="75">
        <f>IF(Input!$D$19=4,J6373*Input!$C$19,0)+IF(Input!$D$20=4,K6373*Input!$C$20,0)+IF(Input!$D$21=4,L6373*Input!$C$21,0)+IF(Input!$D$22=4,M6373*Input!$C$22,0)</f>
        <v>0</v>
      </c>
      <c r="R6373" s="58">
        <v>38.184223557181916</v>
      </c>
      <c r="S6373" s="124">
        <f t="shared" si="99"/>
        <v>0.59153271833774801</v>
      </c>
    </row>
    <row r="6374" spans="8:19" x14ac:dyDescent="0.3">
      <c r="H6374" s="44">
        <v>6367</v>
      </c>
      <c r="I6374" s="56">
        <f>Bühler!I6400</f>
        <v>0.16077555934308022</v>
      </c>
      <c r="J6374" s="59">
        <f>Bühler!J6400</f>
        <v>0.53591853114360077</v>
      </c>
      <c r="K6374" s="59">
        <f>Bühler!K6400</f>
        <v>0.80387779671540116</v>
      </c>
      <c r="L6374" s="59">
        <f>Bühler!L6400</f>
        <v>10.646076136558207</v>
      </c>
      <c r="M6374" s="58">
        <f>Bühler!M6400</f>
        <v>0</v>
      </c>
      <c r="N6374" s="56">
        <f>IF(Input!$D$19=1,J6374*Input!$C$19,0)+IF(Input!$D$20=1,K6374*Input!$C$20,0)+IF(Input!$D$21=1,L6374*Input!$C$21,0)+IF(Input!$D$22=1,M6374*Input!$C$22,0)</f>
        <v>0.16077555934308022</v>
      </c>
      <c r="O6374" s="59">
        <f>IF(Input!$D$19=2,J6374*Input!$C$19,0)+IF(Input!$D$20=2,K6374*Input!$C$20,0)+IF(Input!$D$21=2,L6374*Input!$C$21,0)+IF(Input!$D$22=2,M6374*Input!$C$22,0)</f>
        <v>0.40193889835770058</v>
      </c>
      <c r="P6374" s="59">
        <f>IF(Input!$D$19=3,J6374*Input!$C$19,0)+IF(Input!$D$20=3,K6374*Input!$C$20,0)+IF(Input!$D$21=3,L6374*Input!$C$21,0)+IF(Input!$D$22=3,M6374*Input!$C$22,0)</f>
        <v>0</v>
      </c>
      <c r="Q6374" s="75">
        <f>IF(Input!$D$19=4,J6374*Input!$C$19,0)+IF(Input!$D$20=4,K6374*Input!$C$20,0)+IF(Input!$D$21=4,L6374*Input!$C$21,0)+IF(Input!$D$22=4,M6374*Input!$C$22,0)</f>
        <v>0</v>
      </c>
      <c r="R6374" s="58">
        <v>38.641769678611283</v>
      </c>
      <c r="S6374" s="124">
        <f t="shared" si="99"/>
        <v>0.69669409048668096</v>
      </c>
    </row>
    <row r="6375" spans="8:19" x14ac:dyDescent="0.3">
      <c r="H6375" s="44">
        <v>6368</v>
      </c>
      <c r="I6375" s="56">
        <f>Bühler!I6401</f>
        <v>0.19111057053988778</v>
      </c>
      <c r="J6375" s="59">
        <f>Bühler!J6401</f>
        <v>0.63703523513295934</v>
      </c>
      <c r="K6375" s="59">
        <f>Bühler!K6401</f>
        <v>0.95555285269943901</v>
      </c>
      <c r="L6375" s="59">
        <f>Bühler!L6401</f>
        <v>12.654769747229565</v>
      </c>
      <c r="M6375" s="58">
        <f>Bühler!M6401</f>
        <v>0</v>
      </c>
      <c r="N6375" s="56">
        <f>IF(Input!$D$19=1,J6375*Input!$C$19,0)+IF(Input!$D$20=1,K6375*Input!$C$20,0)+IF(Input!$D$21=1,L6375*Input!$C$21,0)+IF(Input!$D$22=1,M6375*Input!$C$22,0)</f>
        <v>0.19111057053988781</v>
      </c>
      <c r="O6375" s="59">
        <f>IF(Input!$D$19=2,J6375*Input!$C$19,0)+IF(Input!$D$20=2,K6375*Input!$C$20,0)+IF(Input!$D$21=2,L6375*Input!$C$21,0)+IF(Input!$D$22=2,M6375*Input!$C$22,0)</f>
        <v>0.47777642634971951</v>
      </c>
      <c r="P6375" s="59">
        <f>IF(Input!$D$19=3,J6375*Input!$C$19,0)+IF(Input!$D$20=3,K6375*Input!$C$20,0)+IF(Input!$D$21=3,L6375*Input!$C$21,0)+IF(Input!$D$22=3,M6375*Input!$C$22,0)</f>
        <v>0</v>
      </c>
      <c r="Q6375" s="75">
        <f>IF(Input!$D$19=4,J6375*Input!$C$19,0)+IF(Input!$D$20=4,K6375*Input!$C$20,0)+IF(Input!$D$21=4,L6375*Input!$C$21,0)+IF(Input!$D$22=4,M6375*Input!$C$22,0)</f>
        <v>0</v>
      </c>
      <c r="R6375" s="58">
        <v>38.821562922014039</v>
      </c>
      <c r="S6375" s="124">
        <f t="shared" si="99"/>
        <v>0.82814580567284712</v>
      </c>
    </row>
    <row r="6376" spans="8:19" x14ac:dyDescent="0.3">
      <c r="H6376" s="44">
        <v>6369</v>
      </c>
      <c r="I6376" s="56">
        <f>Bühler!I6402</f>
        <v>0.19111057053988778</v>
      </c>
      <c r="J6376" s="59">
        <f>Bühler!J6402</f>
        <v>0.63703523513295934</v>
      </c>
      <c r="K6376" s="59">
        <f>Bühler!K6402</f>
        <v>0.95555285269943901</v>
      </c>
      <c r="L6376" s="59">
        <f>Bühler!L6402</f>
        <v>12.654769747229565</v>
      </c>
      <c r="M6376" s="58">
        <f>Bühler!M6402</f>
        <v>0</v>
      </c>
      <c r="N6376" s="56">
        <f>IF(Input!$D$19=1,J6376*Input!$C$19,0)+IF(Input!$D$20=1,K6376*Input!$C$20,0)+IF(Input!$D$21=1,L6376*Input!$C$21,0)+IF(Input!$D$22=1,M6376*Input!$C$22,0)</f>
        <v>0.19111057053988781</v>
      </c>
      <c r="O6376" s="59">
        <f>IF(Input!$D$19=2,J6376*Input!$C$19,0)+IF(Input!$D$20=2,K6376*Input!$C$20,0)+IF(Input!$D$21=2,L6376*Input!$C$21,0)+IF(Input!$D$22=2,M6376*Input!$C$22,0)</f>
        <v>0.47777642634971951</v>
      </c>
      <c r="P6376" s="59">
        <f>IF(Input!$D$19=3,J6376*Input!$C$19,0)+IF(Input!$D$20=3,K6376*Input!$C$20,0)+IF(Input!$D$21=3,L6376*Input!$C$21,0)+IF(Input!$D$22=3,M6376*Input!$C$22,0)</f>
        <v>0</v>
      </c>
      <c r="Q6376" s="75">
        <f>IF(Input!$D$19=4,J6376*Input!$C$19,0)+IF(Input!$D$20=4,K6376*Input!$C$20,0)+IF(Input!$D$21=4,L6376*Input!$C$21,0)+IF(Input!$D$22=4,M6376*Input!$C$22,0)</f>
        <v>0</v>
      </c>
      <c r="R6376" s="58">
        <v>38.336757877865828</v>
      </c>
      <c r="S6376" s="124">
        <f t="shared" si="99"/>
        <v>0.82814580567284712</v>
      </c>
    </row>
    <row r="6377" spans="8:19" x14ac:dyDescent="0.3">
      <c r="H6377" s="44">
        <v>6370</v>
      </c>
      <c r="I6377" s="56">
        <f>Bühler!I6403</f>
        <v>0.19111057053988778</v>
      </c>
      <c r="J6377" s="59">
        <f>Bühler!J6403</f>
        <v>0.63703523513295934</v>
      </c>
      <c r="K6377" s="59">
        <f>Bühler!K6403</f>
        <v>0.95555285269943901</v>
      </c>
      <c r="L6377" s="59">
        <f>Bühler!L6403</f>
        <v>12.654769747229565</v>
      </c>
      <c r="M6377" s="58">
        <f>Bühler!M6403</f>
        <v>0</v>
      </c>
      <c r="N6377" s="56">
        <f>IF(Input!$D$19=1,J6377*Input!$C$19,0)+IF(Input!$D$20=1,K6377*Input!$C$20,0)+IF(Input!$D$21=1,L6377*Input!$C$21,0)+IF(Input!$D$22=1,M6377*Input!$C$22,0)</f>
        <v>0.19111057053988781</v>
      </c>
      <c r="O6377" s="59">
        <f>IF(Input!$D$19=2,J6377*Input!$C$19,0)+IF(Input!$D$20=2,K6377*Input!$C$20,0)+IF(Input!$D$21=2,L6377*Input!$C$21,0)+IF(Input!$D$22=2,M6377*Input!$C$22,0)</f>
        <v>0.47777642634971951</v>
      </c>
      <c r="P6377" s="59">
        <f>IF(Input!$D$19=3,J6377*Input!$C$19,0)+IF(Input!$D$20=3,K6377*Input!$C$20,0)+IF(Input!$D$21=3,L6377*Input!$C$21,0)+IF(Input!$D$22=3,M6377*Input!$C$22,0)</f>
        <v>0</v>
      </c>
      <c r="Q6377" s="75">
        <f>IF(Input!$D$19=4,J6377*Input!$C$19,0)+IF(Input!$D$20=4,K6377*Input!$C$20,0)+IF(Input!$D$21=4,L6377*Input!$C$21,0)+IF(Input!$D$22=4,M6377*Input!$C$22,0)</f>
        <v>0</v>
      </c>
      <c r="R6377" s="58">
        <v>38.051743482842355</v>
      </c>
      <c r="S6377" s="124">
        <f t="shared" si="99"/>
        <v>0.82814580567284712</v>
      </c>
    </row>
    <row r="6378" spans="8:19" x14ac:dyDescent="0.3">
      <c r="H6378" s="44">
        <v>6371</v>
      </c>
      <c r="I6378" s="56">
        <f>Bühler!I6404</f>
        <v>0.19111057053988778</v>
      </c>
      <c r="J6378" s="59">
        <f>Bühler!J6404</f>
        <v>0.63703523513295934</v>
      </c>
      <c r="K6378" s="59">
        <f>Bühler!K6404</f>
        <v>0.95555285269943901</v>
      </c>
      <c r="L6378" s="59">
        <f>Bühler!L6404</f>
        <v>12.654769747229565</v>
      </c>
      <c r="M6378" s="58">
        <f>Bühler!M6404</f>
        <v>0</v>
      </c>
      <c r="N6378" s="56">
        <f>IF(Input!$D$19=1,J6378*Input!$C$19,0)+IF(Input!$D$20=1,K6378*Input!$C$20,0)+IF(Input!$D$21=1,L6378*Input!$C$21,0)+IF(Input!$D$22=1,M6378*Input!$C$22,0)</f>
        <v>0.19111057053988781</v>
      </c>
      <c r="O6378" s="59">
        <f>IF(Input!$D$19=2,J6378*Input!$C$19,0)+IF(Input!$D$20=2,K6378*Input!$C$20,0)+IF(Input!$D$21=2,L6378*Input!$C$21,0)+IF(Input!$D$22=2,M6378*Input!$C$22,0)</f>
        <v>0.47777642634971951</v>
      </c>
      <c r="P6378" s="59">
        <f>IF(Input!$D$19=3,J6378*Input!$C$19,0)+IF(Input!$D$20=3,K6378*Input!$C$20,0)+IF(Input!$D$21=3,L6378*Input!$C$21,0)+IF(Input!$D$22=3,M6378*Input!$C$22,0)</f>
        <v>0</v>
      </c>
      <c r="Q6378" s="75">
        <f>IF(Input!$D$19=4,J6378*Input!$C$19,0)+IF(Input!$D$20=4,K6378*Input!$C$20,0)+IF(Input!$D$21=4,L6378*Input!$C$21,0)+IF(Input!$D$22=4,M6378*Input!$C$22,0)</f>
        <v>0</v>
      </c>
      <c r="R6378" s="58">
        <v>38.096542817520792</v>
      </c>
      <c r="S6378" s="124">
        <f t="shared" si="99"/>
        <v>0.82814580567284712</v>
      </c>
    </row>
    <row r="6379" spans="8:19" x14ac:dyDescent="0.3">
      <c r="H6379" s="44">
        <v>6372</v>
      </c>
      <c r="I6379" s="56">
        <f>Bühler!I6405</f>
        <v>0.19111057053988778</v>
      </c>
      <c r="J6379" s="59">
        <f>Bühler!J6405</f>
        <v>0.63703523513295934</v>
      </c>
      <c r="K6379" s="59">
        <f>Bühler!K6405</f>
        <v>0.95555285269943901</v>
      </c>
      <c r="L6379" s="59">
        <f>Bühler!L6405</f>
        <v>12.654769747229565</v>
      </c>
      <c r="M6379" s="58">
        <f>Bühler!M6405</f>
        <v>0</v>
      </c>
      <c r="N6379" s="56">
        <f>IF(Input!$D$19=1,J6379*Input!$C$19,0)+IF(Input!$D$20=1,K6379*Input!$C$20,0)+IF(Input!$D$21=1,L6379*Input!$C$21,0)+IF(Input!$D$22=1,M6379*Input!$C$22,0)</f>
        <v>0.19111057053988781</v>
      </c>
      <c r="O6379" s="59">
        <f>IF(Input!$D$19=2,J6379*Input!$C$19,0)+IF(Input!$D$20=2,K6379*Input!$C$20,0)+IF(Input!$D$21=2,L6379*Input!$C$21,0)+IF(Input!$D$22=2,M6379*Input!$C$22,0)</f>
        <v>0.47777642634971951</v>
      </c>
      <c r="P6379" s="59">
        <f>IF(Input!$D$19=3,J6379*Input!$C$19,0)+IF(Input!$D$20=3,K6379*Input!$C$20,0)+IF(Input!$D$21=3,L6379*Input!$C$21,0)+IF(Input!$D$22=3,M6379*Input!$C$22,0)</f>
        <v>0</v>
      </c>
      <c r="Q6379" s="75">
        <f>IF(Input!$D$19=4,J6379*Input!$C$19,0)+IF(Input!$D$20=4,K6379*Input!$C$20,0)+IF(Input!$D$21=4,L6379*Input!$C$21,0)+IF(Input!$D$22=4,M6379*Input!$C$22,0)</f>
        <v>0</v>
      </c>
      <c r="R6379" s="58">
        <v>38.576841486916479</v>
      </c>
      <c r="S6379" s="124">
        <f t="shared" si="99"/>
        <v>0.82814580567284712</v>
      </c>
    </row>
    <row r="6380" spans="8:19" x14ac:dyDescent="0.3">
      <c r="H6380" s="44">
        <v>6373</v>
      </c>
      <c r="I6380" s="56">
        <f>Bühler!I6406</f>
        <v>0.19111057053988778</v>
      </c>
      <c r="J6380" s="59">
        <f>Bühler!J6406</f>
        <v>0.63703523513295934</v>
      </c>
      <c r="K6380" s="59">
        <f>Bühler!K6406</f>
        <v>0.95555285269943901</v>
      </c>
      <c r="L6380" s="59">
        <f>Bühler!L6406</f>
        <v>12.654769747229565</v>
      </c>
      <c r="M6380" s="58">
        <f>Bühler!M6406</f>
        <v>0</v>
      </c>
      <c r="N6380" s="56">
        <f>IF(Input!$D$19=1,J6380*Input!$C$19,0)+IF(Input!$D$20=1,K6380*Input!$C$20,0)+IF(Input!$D$21=1,L6380*Input!$C$21,0)+IF(Input!$D$22=1,M6380*Input!$C$22,0)</f>
        <v>0.19111057053988781</v>
      </c>
      <c r="O6380" s="59">
        <f>IF(Input!$D$19=2,J6380*Input!$C$19,0)+IF(Input!$D$20=2,K6380*Input!$C$20,0)+IF(Input!$D$21=2,L6380*Input!$C$21,0)+IF(Input!$D$22=2,M6380*Input!$C$22,0)</f>
        <v>0.47777642634971951</v>
      </c>
      <c r="P6380" s="59">
        <f>IF(Input!$D$19=3,J6380*Input!$C$19,0)+IF(Input!$D$20=3,K6380*Input!$C$20,0)+IF(Input!$D$21=3,L6380*Input!$C$21,0)+IF(Input!$D$22=3,M6380*Input!$C$22,0)</f>
        <v>0</v>
      </c>
      <c r="Q6380" s="75">
        <f>IF(Input!$D$19=4,J6380*Input!$C$19,0)+IF(Input!$D$20=4,K6380*Input!$C$20,0)+IF(Input!$D$21=4,L6380*Input!$C$21,0)+IF(Input!$D$22=4,M6380*Input!$C$22,0)</f>
        <v>0</v>
      </c>
      <c r="R6380" s="58">
        <v>38.657185039766702</v>
      </c>
      <c r="S6380" s="124">
        <f t="shared" si="99"/>
        <v>0.82814580567284712</v>
      </c>
    </row>
    <row r="6381" spans="8:19" x14ac:dyDescent="0.3">
      <c r="H6381" s="44">
        <v>6374</v>
      </c>
      <c r="I6381" s="56">
        <f>Bühler!I6407</f>
        <v>0.19111057053988778</v>
      </c>
      <c r="J6381" s="59">
        <f>Bühler!J6407</f>
        <v>0.63703523513295934</v>
      </c>
      <c r="K6381" s="59">
        <f>Bühler!K6407</f>
        <v>0.95555285269943901</v>
      </c>
      <c r="L6381" s="59">
        <f>Bühler!L6407</f>
        <v>12.654769747229565</v>
      </c>
      <c r="M6381" s="58">
        <f>Bühler!M6407</f>
        <v>0</v>
      </c>
      <c r="N6381" s="56">
        <f>IF(Input!$D$19=1,J6381*Input!$C$19,0)+IF(Input!$D$20=1,K6381*Input!$C$20,0)+IF(Input!$D$21=1,L6381*Input!$C$21,0)+IF(Input!$D$22=1,M6381*Input!$C$22,0)</f>
        <v>0.19111057053988781</v>
      </c>
      <c r="O6381" s="59">
        <f>IF(Input!$D$19=2,J6381*Input!$C$19,0)+IF(Input!$D$20=2,K6381*Input!$C$20,0)+IF(Input!$D$21=2,L6381*Input!$C$21,0)+IF(Input!$D$22=2,M6381*Input!$C$22,0)</f>
        <v>0.47777642634971951</v>
      </c>
      <c r="P6381" s="59">
        <f>IF(Input!$D$19=3,J6381*Input!$C$19,0)+IF(Input!$D$20=3,K6381*Input!$C$20,0)+IF(Input!$D$21=3,L6381*Input!$C$21,0)+IF(Input!$D$22=3,M6381*Input!$C$22,0)</f>
        <v>0</v>
      </c>
      <c r="Q6381" s="75">
        <f>IF(Input!$D$19=4,J6381*Input!$C$19,0)+IF(Input!$D$20=4,K6381*Input!$C$20,0)+IF(Input!$D$21=4,L6381*Input!$C$21,0)+IF(Input!$D$22=4,M6381*Input!$C$22,0)</f>
        <v>0</v>
      </c>
      <c r="R6381" s="58">
        <v>38.619062909117218</v>
      </c>
      <c r="S6381" s="124">
        <f t="shared" si="99"/>
        <v>0.82814580567284712</v>
      </c>
    </row>
    <row r="6382" spans="8:19" x14ac:dyDescent="0.3">
      <c r="H6382" s="44">
        <v>6375</v>
      </c>
      <c r="I6382" s="56">
        <f>Bühler!I6408</f>
        <v>0.19111057053988778</v>
      </c>
      <c r="J6382" s="59">
        <f>Bühler!J6408</f>
        <v>0.63703523513295934</v>
      </c>
      <c r="K6382" s="59">
        <f>Bühler!K6408</f>
        <v>0.95555285269943901</v>
      </c>
      <c r="L6382" s="59">
        <f>Bühler!L6408</f>
        <v>12.654769747229565</v>
      </c>
      <c r="M6382" s="58">
        <f>Bühler!M6408</f>
        <v>0</v>
      </c>
      <c r="N6382" s="56">
        <f>IF(Input!$D$19=1,J6382*Input!$C$19,0)+IF(Input!$D$20=1,K6382*Input!$C$20,0)+IF(Input!$D$21=1,L6382*Input!$C$21,0)+IF(Input!$D$22=1,M6382*Input!$C$22,0)</f>
        <v>0.19111057053988781</v>
      </c>
      <c r="O6382" s="59">
        <f>IF(Input!$D$19=2,J6382*Input!$C$19,0)+IF(Input!$D$20=2,K6382*Input!$C$20,0)+IF(Input!$D$21=2,L6382*Input!$C$21,0)+IF(Input!$D$22=2,M6382*Input!$C$22,0)</f>
        <v>0.47777642634971951</v>
      </c>
      <c r="P6382" s="59">
        <f>IF(Input!$D$19=3,J6382*Input!$C$19,0)+IF(Input!$D$20=3,K6382*Input!$C$20,0)+IF(Input!$D$21=3,L6382*Input!$C$21,0)+IF(Input!$D$22=3,M6382*Input!$C$22,0)</f>
        <v>0</v>
      </c>
      <c r="Q6382" s="75">
        <f>IF(Input!$D$19=4,J6382*Input!$C$19,0)+IF(Input!$D$20=4,K6382*Input!$C$20,0)+IF(Input!$D$21=4,L6382*Input!$C$21,0)+IF(Input!$D$22=4,M6382*Input!$C$22,0)</f>
        <v>0</v>
      </c>
      <c r="R6382" s="58">
        <v>38.148346023089999</v>
      </c>
      <c r="S6382" s="124">
        <f t="shared" si="99"/>
        <v>0.82814580567284712</v>
      </c>
    </row>
    <row r="6383" spans="8:19" x14ac:dyDescent="0.3">
      <c r="H6383" s="44">
        <v>6376</v>
      </c>
      <c r="I6383" s="56">
        <f>Bühler!I6409</f>
        <v>0.16987606270212249</v>
      </c>
      <c r="J6383" s="59">
        <f>Bühler!J6409</f>
        <v>0.56625354234040837</v>
      </c>
      <c r="K6383" s="59">
        <f>Bühler!K6409</f>
        <v>0.84938031351061261</v>
      </c>
      <c r="L6383" s="59">
        <f>Bühler!L6409</f>
        <v>11.248684219759612</v>
      </c>
      <c r="M6383" s="58">
        <f>Bühler!M6409</f>
        <v>0</v>
      </c>
      <c r="N6383" s="56">
        <f>IF(Input!$D$19=1,J6383*Input!$C$19,0)+IF(Input!$D$20=1,K6383*Input!$C$20,0)+IF(Input!$D$21=1,L6383*Input!$C$21,0)+IF(Input!$D$22=1,M6383*Input!$C$22,0)</f>
        <v>0.16987606270212249</v>
      </c>
      <c r="O6383" s="59">
        <f>IF(Input!$D$19=2,J6383*Input!$C$19,0)+IF(Input!$D$20=2,K6383*Input!$C$20,0)+IF(Input!$D$21=2,L6383*Input!$C$21,0)+IF(Input!$D$22=2,M6383*Input!$C$22,0)</f>
        <v>0.4246901567553063</v>
      </c>
      <c r="P6383" s="59">
        <f>IF(Input!$D$19=3,J6383*Input!$C$19,0)+IF(Input!$D$20=3,K6383*Input!$C$20,0)+IF(Input!$D$21=3,L6383*Input!$C$21,0)+IF(Input!$D$22=3,M6383*Input!$C$22,0)</f>
        <v>0</v>
      </c>
      <c r="Q6383" s="75">
        <f>IF(Input!$D$19=4,J6383*Input!$C$19,0)+IF(Input!$D$20=4,K6383*Input!$C$20,0)+IF(Input!$D$21=4,L6383*Input!$C$21,0)+IF(Input!$D$22=4,M6383*Input!$C$22,0)</f>
        <v>0</v>
      </c>
      <c r="R6383" s="58">
        <v>38.658014034157667</v>
      </c>
      <c r="S6383" s="124">
        <f t="shared" si="99"/>
        <v>0.73612960504253089</v>
      </c>
    </row>
    <row r="6384" spans="8:19" x14ac:dyDescent="0.3">
      <c r="H6384" s="44">
        <v>6377</v>
      </c>
      <c r="I6384" s="56">
        <f>Bühler!I6410</f>
        <v>0.16684256158244171</v>
      </c>
      <c r="J6384" s="59">
        <f>Bühler!J6410</f>
        <v>0.55614187194147247</v>
      </c>
      <c r="K6384" s="59">
        <f>Bühler!K6410</f>
        <v>0.83421280791220864</v>
      </c>
      <c r="L6384" s="59">
        <f>Bühler!L6410</f>
        <v>11.047814858692478</v>
      </c>
      <c r="M6384" s="58">
        <f>Bühler!M6410</f>
        <v>0</v>
      </c>
      <c r="N6384" s="56">
        <f>IF(Input!$D$19=1,J6384*Input!$C$19,0)+IF(Input!$D$20=1,K6384*Input!$C$20,0)+IF(Input!$D$21=1,L6384*Input!$C$21,0)+IF(Input!$D$22=1,M6384*Input!$C$22,0)</f>
        <v>0.16684256158244173</v>
      </c>
      <c r="O6384" s="59">
        <f>IF(Input!$D$19=2,J6384*Input!$C$19,0)+IF(Input!$D$20=2,K6384*Input!$C$20,0)+IF(Input!$D$21=2,L6384*Input!$C$21,0)+IF(Input!$D$22=2,M6384*Input!$C$22,0)</f>
        <v>0.41710640395610432</v>
      </c>
      <c r="P6384" s="59">
        <f>IF(Input!$D$19=3,J6384*Input!$C$19,0)+IF(Input!$D$20=3,K6384*Input!$C$20,0)+IF(Input!$D$21=3,L6384*Input!$C$21,0)+IF(Input!$D$22=3,M6384*Input!$C$22,0)</f>
        <v>0</v>
      </c>
      <c r="Q6384" s="75">
        <f>IF(Input!$D$19=4,J6384*Input!$C$19,0)+IF(Input!$D$20=4,K6384*Input!$C$20,0)+IF(Input!$D$21=4,L6384*Input!$C$21,0)+IF(Input!$D$22=4,M6384*Input!$C$22,0)</f>
        <v>0</v>
      </c>
      <c r="R6384" s="58">
        <v>38.517487853940665</v>
      </c>
      <c r="S6384" s="124">
        <f t="shared" si="99"/>
        <v>0.72298443352391417</v>
      </c>
    </row>
    <row r="6385" spans="8:19" x14ac:dyDescent="0.3">
      <c r="H6385" s="44">
        <v>6378</v>
      </c>
      <c r="I6385" s="56">
        <f>Bühler!I6411</f>
        <v>0.14257455262499566</v>
      </c>
      <c r="J6385" s="59">
        <f>Bühler!J6411</f>
        <v>0.47524850874998564</v>
      </c>
      <c r="K6385" s="59">
        <f>Bühler!K6411</f>
        <v>0.71287276312497838</v>
      </c>
      <c r="L6385" s="59">
        <f>Bühler!L6411</f>
        <v>9.4408599701553904</v>
      </c>
      <c r="M6385" s="58">
        <f>Bühler!M6411</f>
        <v>0</v>
      </c>
      <c r="N6385" s="56">
        <f>IF(Input!$D$19=1,J6385*Input!$C$19,0)+IF(Input!$D$20=1,K6385*Input!$C$20,0)+IF(Input!$D$21=1,L6385*Input!$C$21,0)+IF(Input!$D$22=1,M6385*Input!$C$22,0)</f>
        <v>0.14257455262499569</v>
      </c>
      <c r="O6385" s="59">
        <f>IF(Input!$D$19=2,J6385*Input!$C$19,0)+IF(Input!$D$20=2,K6385*Input!$C$20,0)+IF(Input!$D$21=2,L6385*Input!$C$21,0)+IF(Input!$D$22=2,M6385*Input!$C$22,0)</f>
        <v>0.35643638156248919</v>
      </c>
      <c r="P6385" s="59">
        <f>IF(Input!$D$19=3,J6385*Input!$C$19,0)+IF(Input!$D$20=3,K6385*Input!$C$20,0)+IF(Input!$D$21=3,L6385*Input!$C$21,0)+IF(Input!$D$22=3,M6385*Input!$C$22,0)</f>
        <v>0</v>
      </c>
      <c r="Q6385" s="75">
        <f>IF(Input!$D$19=4,J6385*Input!$C$19,0)+IF(Input!$D$20=4,K6385*Input!$C$20,0)+IF(Input!$D$21=4,L6385*Input!$C$21,0)+IF(Input!$D$22=4,M6385*Input!$C$22,0)</f>
        <v>0</v>
      </c>
      <c r="R6385" s="58">
        <v>38.14332765123384</v>
      </c>
      <c r="S6385" s="124">
        <f t="shared" si="99"/>
        <v>0.61782306137498133</v>
      </c>
    </row>
    <row r="6386" spans="8:19" x14ac:dyDescent="0.3">
      <c r="H6386" s="44">
        <v>6379</v>
      </c>
      <c r="I6386" s="56">
        <f>Bühler!I6412</f>
        <v>0.13347404926595341</v>
      </c>
      <c r="J6386" s="59">
        <f>Bühler!J6412</f>
        <v>0.44491349755317805</v>
      </c>
      <c r="K6386" s="59">
        <f>Bühler!K6412</f>
        <v>0.66737024632976716</v>
      </c>
      <c r="L6386" s="59">
        <f>Bühler!L6412</f>
        <v>8.8382518869539819</v>
      </c>
      <c r="M6386" s="58">
        <f>Bühler!M6412</f>
        <v>0</v>
      </c>
      <c r="N6386" s="56">
        <f>IF(Input!$D$19=1,J6386*Input!$C$19,0)+IF(Input!$D$20=1,K6386*Input!$C$20,0)+IF(Input!$D$21=1,L6386*Input!$C$21,0)+IF(Input!$D$22=1,M6386*Input!$C$22,0)</f>
        <v>0.13347404926595341</v>
      </c>
      <c r="O6386" s="59">
        <f>IF(Input!$D$19=2,J6386*Input!$C$19,0)+IF(Input!$D$20=2,K6386*Input!$C$20,0)+IF(Input!$D$21=2,L6386*Input!$C$21,0)+IF(Input!$D$22=2,M6386*Input!$C$22,0)</f>
        <v>0.33368512316488358</v>
      </c>
      <c r="P6386" s="59">
        <f>IF(Input!$D$19=3,J6386*Input!$C$19,0)+IF(Input!$D$20=3,K6386*Input!$C$20,0)+IF(Input!$D$21=3,L6386*Input!$C$21,0)+IF(Input!$D$22=3,M6386*Input!$C$22,0)</f>
        <v>0</v>
      </c>
      <c r="Q6386" s="75">
        <f>IF(Input!$D$19=4,J6386*Input!$C$19,0)+IF(Input!$D$20=4,K6386*Input!$C$20,0)+IF(Input!$D$21=4,L6386*Input!$C$21,0)+IF(Input!$D$22=4,M6386*Input!$C$22,0)</f>
        <v>0</v>
      </c>
      <c r="R6386" s="58">
        <v>38.174636007373493</v>
      </c>
      <c r="S6386" s="124">
        <f t="shared" si="99"/>
        <v>0.57838754681913152</v>
      </c>
    </row>
    <row r="6387" spans="8:19" x14ac:dyDescent="0.3">
      <c r="H6387" s="44">
        <v>6380</v>
      </c>
      <c r="I6387" s="56">
        <f>Bühler!I6413</f>
        <v>0.11223954142818808</v>
      </c>
      <c r="J6387" s="59">
        <f>Bühler!J6413</f>
        <v>0.37413180476062696</v>
      </c>
      <c r="K6387" s="59">
        <f>Bühler!K6413</f>
        <v>0.56119770714094053</v>
      </c>
      <c r="L6387" s="59">
        <f>Bühler!L6413</f>
        <v>7.4321663594840315</v>
      </c>
      <c r="M6387" s="58">
        <f>Bühler!M6413</f>
        <v>0</v>
      </c>
      <c r="N6387" s="56">
        <f>IF(Input!$D$19=1,J6387*Input!$C$19,0)+IF(Input!$D$20=1,K6387*Input!$C$20,0)+IF(Input!$D$21=1,L6387*Input!$C$21,0)+IF(Input!$D$22=1,M6387*Input!$C$22,0)</f>
        <v>0.11223954142818808</v>
      </c>
      <c r="O6387" s="59">
        <f>IF(Input!$D$19=2,J6387*Input!$C$19,0)+IF(Input!$D$20=2,K6387*Input!$C$20,0)+IF(Input!$D$21=2,L6387*Input!$C$21,0)+IF(Input!$D$22=2,M6387*Input!$C$22,0)</f>
        <v>0.28059885357047026</v>
      </c>
      <c r="P6387" s="59">
        <f>IF(Input!$D$19=3,J6387*Input!$C$19,0)+IF(Input!$D$20=3,K6387*Input!$C$20,0)+IF(Input!$D$21=3,L6387*Input!$C$21,0)+IF(Input!$D$22=3,M6387*Input!$C$22,0)</f>
        <v>0</v>
      </c>
      <c r="Q6387" s="75">
        <f>IF(Input!$D$19=4,J6387*Input!$C$19,0)+IF(Input!$D$20=4,K6387*Input!$C$20,0)+IF(Input!$D$21=4,L6387*Input!$C$21,0)+IF(Input!$D$22=4,M6387*Input!$C$22,0)</f>
        <v>0</v>
      </c>
      <c r="R6387" s="58">
        <v>38.749808481469934</v>
      </c>
      <c r="S6387" s="124">
        <f t="shared" si="99"/>
        <v>0.48637134618881506</v>
      </c>
    </row>
    <row r="6388" spans="8:19" x14ac:dyDescent="0.3">
      <c r="H6388" s="44">
        <v>6381</v>
      </c>
      <c r="I6388" s="56">
        <f>Bühler!I6414</f>
        <v>9.4038534710103525E-2</v>
      </c>
      <c r="J6388" s="59">
        <f>Bühler!J6414</f>
        <v>0.31346178236701178</v>
      </c>
      <c r="K6388" s="59">
        <f>Bühler!K6414</f>
        <v>0.47019267355051764</v>
      </c>
      <c r="L6388" s="59">
        <f>Bühler!L6414</f>
        <v>6.2269501930812154</v>
      </c>
      <c r="M6388" s="58">
        <f>Bühler!M6414</f>
        <v>0</v>
      </c>
      <c r="N6388" s="56">
        <f>IF(Input!$D$19=1,J6388*Input!$C$19,0)+IF(Input!$D$20=1,K6388*Input!$C$20,0)+IF(Input!$D$21=1,L6388*Input!$C$21,0)+IF(Input!$D$22=1,M6388*Input!$C$22,0)</f>
        <v>9.4038534710103525E-2</v>
      </c>
      <c r="O6388" s="59">
        <f>IF(Input!$D$19=2,J6388*Input!$C$19,0)+IF(Input!$D$20=2,K6388*Input!$C$20,0)+IF(Input!$D$21=2,L6388*Input!$C$21,0)+IF(Input!$D$22=2,M6388*Input!$C$22,0)</f>
        <v>0.23509633677525882</v>
      </c>
      <c r="P6388" s="59">
        <f>IF(Input!$D$19=3,J6388*Input!$C$19,0)+IF(Input!$D$20=3,K6388*Input!$C$20,0)+IF(Input!$D$21=3,L6388*Input!$C$21,0)+IF(Input!$D$22=3,M6388*Input!$C$22,0)</f>
        <v>0</v>
      </c>
      <c r="Q6388" s="75">
        <f>IF(Input!$D$19=4,J6388*Input!$C$19,0)+IF(Input!$D$20=4,K6388*Input!$C$20,0)+IF(Input!$D$21=4,L6388*Input!$C$21,0)+IF(Input!$D$22=4,M6388*Input!$C$22,0)</f>
        <v>0</v>
      </c>
      <c r="R6388" s="58">
        <v>39.05203756305076</v>
      </c>
      <c r="S6388" s="124">
        <f t="shared" si="99"/>
        <v>0.40750031707711531</v>
      </c>
    </row>
    <row r="6389" spans="8:19" x14ac:dyDescent="0.3">
      <c r="H6389" s="44">
        <v>6382</v>
      </c>
      <c r="I6389" s="56">
        <f>Bühler!I6415</f>
        <v>8.1904530231380487E-2</v>
      </c>
      <c r="J6389" s="59">
        <f>Bühler!J6415</f>
        <v>0.27301510077126834</v>
      </c>
      <c r="K6389" s="59">
        <f>Bühler!K6415</f>
        <v>0.40952265115690251</v>
      </c>
      <c r="L6389" s="59">
        <f>Bühler!L6415</f>
        <v>5.4234727488126717</v>
      </c>
      <c r="M6389" s="58">
        <f>Bühler!M6415</f>
        <v>0</v>
      </c>
      <c r="N6389" s="56">
        <f>IF(Input!$D$19=1,J6389*Input!$C$19,0)+IF(Input!$D$20=1,K6389*Input!$C$20,0)+IF(Input!$D$21=1,L6389*Input!$C$21,0)+IF(Input!$D$22=1,M6389*Input!$C$22,0)</f>
        <v>8.1904530231380501E-2</v>
      </c>
      <c r="O6389" s="59">
        <f>IF(Input!$D$19=2,J6389*Input!$C$19,0)+IF(Input!$D$20=2,K6389*Input!$C$20,0)+IF(Input!$D$21=2,L6389*Input!$C$21,0)+IF(Input!$D$22=2,M6389*Input!$C$22,0)</f>
        <v>0.20476132557845125</v>
      </c>
      <c r="P6389" s="59">
        <f>IF(Input!$D$19=3,J6389*Input!$C$19,0)+IF(Input!$D$20=3,K6389*Input!$C$20,0)+IF(Input!$D$21=3,L6389*Input!$C$21,0)+IF(Input!$D$22=3,M6389*Input!$C$22,0)</f>
        <v>0</v>
      </c>
      <c r="Q6389" s="75">
        <f>IF(Input!$D$19=4,J6389*Input!$C$19,0)+IF(Input!$D$20=4,K6389*Input!$C$20,0)+IF(Input!$D$21=4,L6389*Input!$C$21,0)+IF(Input!$D$22=4,M6389*Input!$C$22,0)</f>
        <v>0</v>
      </c>
      <c r="R6389" s="58">
        <v>39.232201349254687</v>
      </c>
      <c r="S6389" s="124">
        <f t="shared" si="99"/>
        <v>0.35491963100264884</v>
      </c>
    </row>
    <row r="6390" spans="8:19" x14ac:dyDescent="0.3">
      <c r="H6390" s="44">
        <v>6383</v>
      </c>
      <c r="I6390" s="56">
        <f>Bühler!I6416</f>
        <v>8.1904530231380487E-2</v>
      </c>
      <c r="J6390" s="59">
        <f>Bühler!J6416</f>
        <v>0.27301510077126834</v>
      </c>
      <c r="K6390" s="59">
        <f>Bühler!K6416</f>
        <v>0.40952265115690251</v>
      </c>
      <c r="L6390" s="59">
        <f>Bühler!L6416</f>
        <v>5.4234727488126717</v>
      </c>
      <c r="M6390" s="58">
        <f>Bühler!M6416</f>
        <v>0</v>
      </c>
      <c r="N6390" s="56">
        <f>IF(Input!$D$19=1,J6390*Input!$C$19,0)+IF(Input!$D$20=1,K6390*Input!$C$20,0)+IF(Input!$D$21=1,L6390*Input!$C$21,0)+IF(Input!$D$22=1,M6390*Input!$C$22,0)</f>
        <v>8.1904530231380501E-2</v>
      </c>
      <c r="O6390" s="59">
        <f>IF(Input!$D$19=2,J6390*Input!$C$19,0)+IF(Input!$D$20=2,K6390*Input!$C$20,0)+IF(Input!$D$21=2,L6390*Input!$C$21,0)+IF(Input!$D$22=2,M6390*Input!$C$22,0)</f>
        <v>0.20476132557845125</v>
      </c>
      <c r="P6390" s="59">
        <f>IF(Input!$D$19=3,J6390*Input!$C$19,0)+IF(Input!$D$20=3,K6390*Input!$C$20,0)+IF(Input!$D$21=3,L6390*Input!$C$21,0)+IF(Input!$D$22=3,M6390*Input!$C$22,0)</f>
        <v>0</v>
      </c>
      <c r="Q6390" s="75">
        <f>IF(Input!$D$19=4,J6390*Input!$C$19,0)+IF(Input!$D$20=4,K6390*Input!$C$20,0)+IF(Input!$D$21=4,L6390*Input!$C$21,0)+IF(Input!$D$22=4,M6390*Input!$C$22,0)</f>
        <v>0</v>
      </c>
      <c r="R6390" s="58">
        <v>39.775878803235244</v>
      </c>
      <c r="S6390" s="124">
        <f t="shared" si="99"/>
        <v>0.35491963100264884</v>
      </c>
    </row>
    <row r="6391" spans="8:19" x14ac:dyDescent="0.3">
      <c r="H6391" s="44">
        <v>6384</v>
      </c>
      <c r="I6391" s="56">
        <f>Bühler!I6417</f>
        <v>8.1904530231380487E-2</v>
      </c>
      <c r="J6391" s="59">
        <f>Bühler!J6417</f>
        <v>0.27301510077126834</v>
      </c>
      <c r="K6391" s="59">
        <f>Bühler!K6417</f>
        <v>0.40952265115690251</v>
      </c>
      <c r="L6391" s="59">
        <f>Bühler!L6417</f>
        <v>5.4234727488126717</v>
      </c>
      <c r="M6391" s="58">
        <f>Bühler!M6417</f>
        <v>0</v>
      </c>
      <c r="N6391" s="56">
        <f>IF(Input!$D$19=1,J6391*Input!$C$19,0)+IF(Input!$D$20=1,K6391*Input!$C$20,0)+IF(Input!$D$21=1,L6391*Input!$C$21,0)+IF(Input!$D$22=1,M6391*Input!$C$22,0)</f>
        <v>8.1904530231380501E-2</v>
      </c>
      <c r="O6391" s="59">
        <f>IF(Input!$D$19=2,J6391*Input!$C$19,0)+IF(Input!$D$20=2,K6391*Input!$C$20,0)+IF(Input!$D$21=2,L6391*Input!$C$21,0)+IF(Input!$D$22=2,M6391*Input!$C$22,0)</f>
        <v>0.20476132557845125</v>
      </c>
      <c r="P6391" s="59">
        <f>IF(Input!$D$19=3,J6391*Input!$C$19,0)+IF(Input!$D$20=3,K6391*Input!$C$20,0)+IF(Input!$D$21=3,L6391*Input!$C$21,0)+IF(Input!$D$22=3,M6391*Input!$C$22,0)</f>
        <v>0</v>
      </c>
      <c r="Q6391" s="75">
        <f>IF(Input!$D$19=4,J6391*Input!$C$19,0)+IF(Input!$D$20=4,K6391*Input!$C$20,0)+IF(Input!$D$21=4,L6391*Input!$C$21,0)+IF(Input!$D$22=4,M6391*Input!$C$22,0)</f>
        <v>0</v>
      </c>
      <c r="R6391" s="58">
        <v>40.187717003032922</v>
      </c>
      <c r="S6391" s="124">
        <f t="shared" si="99"/>
        <v>0.35491963100264884</v>
      </c>
    </row>
    <row r="6392" spans="8:19" x14ac:dyDescent="0.3">
      <c r="H6392" s="44">
        <v>6385</v>
      </c>
      <c r="I6392" s="56">
        <f>Bühler!I6418</f>
        <v>7.3567289675200015E-2</v>
      </c>
      <c r="J6392" s="59">
        <f>Bühler!J6418</f>
        <v>0.24522429891733341</v>
      </c>
      <c r="K6392" s="59">
        <f>Bühler!K6418</f>
        <v>0.3678364483760001</v>
      </c>
      <c r="L6392" s="59">
        <f>Bühler!L6418</f>
        <v>1.7656149522048004</v>
      </c>
      <c r="M6392" s="58">
        <f>Bühler!M6418</f>
        <v>0</v>
      </c>
      <c r="N6392" s="56">
        <f>IF(Input!$D$19=1,J6392*Input!$C$19,0)+IF(Input!$D$20=1,K6392*Input!$C$20,0)+IF(Input!$D$21=1,L6392*Input!$C$21,0)+IF(Input!$D$22=1,M6392*Input!$C$22,0)</f>
        <v>7.3567289675200015E-2</v>
      </c>
      <c r="O6392" s="59">
        <f>IF(Input!$D$19=2,J6392*Input!$C$19,0)+IF(Input!$D$20=2,K6392*Input!$C$20,0)+IF(Input!$D$21=2,L6392*Input!$C$21,0)+IF(Input!$D$22=2,M6392*Input!$C$22,0)</f>
        <v>0.18391822418800005</v>
      </c>
      <c r="P6392" s="59">
        <f>IF(Input!$D$19=3,J6392*Input!$C$19,0)+IF(Input!$D$20=3,K6392*Input!$C$20,0)+IF(Input!$D$21=3,L6392*Input!$C$21,0)+IF(Input!$D$22=3,M6392*Input!$C$22,0)</f>
        <v>0</v>
      </c>
      <c r="Q6392" s="75">
        <f>IF(Input!$D$19=4,J6392*Input!$C$19,0)+IF(Input!$D$20=4,K6392*Input!$C$20,0)+IF(Input!$D$21=4,L6392*Input!$C$21,0)+IF(Input!$D$22=4,M6392*Input!$C$22,0)</f>
        <v>0</v>
      </c>
      <c r="R6392" s="58">
        <v>40.317300520053173</v>
      </c>
      <c r="S6392" s="124">
        <f t="shared" si="99"/>
        <v>0.31879158859253343</v>
      </c>
    </row>
    <row r="6393" spans="8:19" x14ac:dyDescent="0.3">
      <c r="H6393" s="44">
        <v>6386</v>
      </c>
      <c r="I6393" s="56">
        <f>Bühler!I6419</f>
        <v>7.3567289675200015E-2</v>
      </c>
      <c r="J6393" s="59">
        <f>Bühler!J6419</f>
        <v>0.24522429891733341</v>
      </c>
      <c r="K6393" s="59">
        <f>Bühler!K6419</f>
        <v>0.3678364483760001</v>
      </c>
      <c r="L6393" s="59">
        <f>Bühler!L6419</f>
        <v>1.7656149522048004</v>
      </c>
      <c r="M6393" s="58">
        <f>Bühler!M6419</f>
        <v>0</v>
      </c>
      <c r="N6393" s="56">
        <f>IF(Input!$D$19=1,J6393*Input!$C$19,0)+IF(Input!$D$20=1,K6393*Input!$C$20,0)+IF(Input!$D$21=1,L6393*Input!$C$21,0)+IF(Input!$D$22=1,M6393*Input!$C$22,0)</f>
        <v>7.3567289675200015E-2</v>
      </c>
      <c r="O6393" s="59">
        <f>IF(Input!$D$19=2,J6393*Input!$C$19,0)+IF(Input!$D$20=2,K6393*Input!$C$20,0)+IF(Input!$D$21=2,L6393*Input!$C$21,0)+IF(Input!$D$22=2,M6393*Input!$C$22,0)</f>
        <v>0.18391822418800005</v>
      </c>
      <c r="P6393" s="59">
        <f>IF(Input!$D$19=3,J6393*Input!$C$19,0)+IF(Input!$D$20=3,K6393*Input!$C$20,0)+IF(Input!$D$21=3,L6393*Input!$C$21,0)+IF(Input!$D$22=3,M6393*Input!$C$22,0)</f>
        <v>0</v>
      </c>
      <c r="Q6393" s="75">
        <f>IF(Input!$D$19=4,J6393*Input!$C$19,0)+IF(Input!$D$20=4,K6393*Input!$C$20,0)+IF(Input!$D$21=4,L6393*Input!$C$21,0)+IF(Input!$D$22=4,M6393*Input!$C$22,0)</f>
        <v>0</v>
      </c>
      <c r="R6393" s="58">
        <v>40.60113720797861</v>
      </c>
      <c r="S6393" s="124">
        <f t="shared" si="99"/>
        <v>0.31879158859253343</v>
      </c>
    </row>
    <row r="6394" spans="8:19" x14ac:dyDescent="0.3">
      <c r="H6394" s="44">
        <v>6387</v>
      </c>
      <c r="I6394" s="56">
        <f>Bühler!I6420</f>
        <v>7.3567289675200015E-2</v>
      </c>
      <c r="J6394" s="59">
        <f>Bühler!J6420</f>
        <v>0.24522429891733341</v>
      </c>
      <c r="K6394" s="59">
        <f>Bühler!K6420</f>
        <v>0.3678364483760001</v>
      </c>
      <c r="L6394" s="59">
        <f>Bühler!L6420</f>
        <v>1.7656149522048004</v>
      </c>
      <c r="M6394" s="58">
        <f>Bühler!M6420</f>
        <v>0</v>
      </c>
      <c r="N6394" s="56">
        <f>IF(Input!$D$19=1,J6394*Input!$C$19,0)+IF(Input!$D$20=1,K6394*Input!$C$20,0)+IF(Input!$D$21=1,L6394*Input!$C$21,0)+IF(Input!$D$22=1,M6394*Input!$C$22,0)</f>
        <v>7.3567289675200015E-2</v>
      </c>
      <c r="O6394" s="59">
        <f>IF(Input!$D$19=2,J6394*Input!$C$19,0)+IF(Input!$D$20=2,K6394*Input!$C$20,0)+IF(Input!$D$21=2,L6394*Input!$C$21,0)+IF(Input!$D$22=2,M6394*Input!$C$22,0)</f>
        <v>0.18391822418800005</v>
      </c>
      <c r="P6394" s="59">
        <f>IF(Input!$D$19=3,J6394*Input!$C$19,0)+IF(Input!$D$20=3,K6394*Input!$C$20,0)+IF(Input!$D$21=3,L6394*Input!$C$21,0)+IF(Input!$D$22=3,M6394*Input!$C$22,0)</f>
        <v>0</v>
      </c>
      <c r="Q6394" s="75">
        <f>IF(Input!$D$19=4,J6394*Input!$C$19,0)+IF(Input!$D$20=4,K6394*Input!$C$20,0)+IF(Input!$D$21=4,L6394*Input!$C$21,0)+IF(Input!$D$22=4,M6394*Input!$C$22,0)</f>
        <v>0</v>
      </c>
      <c r="R6394" s="58">
        <v>40.68079173009599</v>
      </c>
      <c r="S6394" s="124">
        <f t="shared" si="99"/>
        <v>0.31879158859253343</v>
      </c>
    </row>
    <row r="6395" spans="8:19" x14ac:dyDescent="0.3">
      <c r="H6395" s="44">
        <v>6388</v>
      </c>
      <c r="I6395" s="56">
        <f>Bühler!I6421</f>
        <v>7.3567289675200015E-2</v>
      </c>
      <c r="J6395" s="59">
        <f>Bühler!J6421</f>
        <v>0.24522429891733341</v>
      </c>
      <c r="K6395" s="59">
        <f>Bühler!K6421</f>
        <v>0.3678364483760001</v>
      </c>
      <c r="L6395" s="59">
        <f>Bühler!L6421</f>
        <v>1.7656149522048004</v>
      </c>
      <c r="M6395" s="58">
        <f>Bühler!M6421</f>
        <v>0</v>
      </c>
      <c r="N6395" s="56">
        <f>IF(Input!$D$19=1,J6395*Input!$C$19,0)+IF(Input!$D$20=1,K6395*Input!$C$20,0)+IF(Input!$D$21=1,L6395*Input!$C$21,0)+IF(Input!$D$22=1,M6395*Input!$C$22,0)</f>
        <v>7.3567289675200015E-2</v>
      </c>
      <c r="O6395" s="59">
        <f>IF(Input!$D$19=2,J6395*Input!$C$19,0)+IF(Input!$D$20=2,K6395*Input!$C$20,0)+IF(Input!$D$21=2,L6395*Input!$C$21,0)+IF(Input!$D$22=2,M6395*Input!$C$22,0)</f>
        <v>0.18391822418800005</v>
      </c>
      <c r="P6395" s="59">
        <f>IF(Input!$D$19=3,J6395*Input!$C$19,0)+IF(Input!$D$20=3,K6395*Input!$C$20,0)+IF(Input!$D$21=3,L6395*Input!$C$21,0)+IF(Input!$D$22=3,M6395*Input!$C$22,0)</f>
        <v>0</v>
      </c>
      <c r="Q6395" s="75">
        <f>IF(Input!$D$19=4,J6395*Input!$C$19,0)+IF(Input!$D$20=4,K6395*Input!$C$20,0)+IF(Input!$D$21=4,L6395*Input!$C$21,0)+IF(Input!$D$22=4,M6395*Input!$C$22,0)</f>
        <v>0</v>
      </c>
      <c r="R6395" s="58">
        <v>42.169357073275044</v>
      </c>
      <c r="S6395" s="124">
        <f t="shared" si="99"/>
        <v>0.31879158859253343</v>
      </c>
    </row>
    <row r="6396" spans="8:19" x14ac:dyDescent="0.3">
      <c r="H6396" s="44">
        <v>6389</v>
      </c>
      <c r="I6396" s="56">
        <f>Bühler!I6422</f>
        <v>7.3567289675200015E-2</v>
      </c>
      <c r="J6396" s="59">
        <f>Bühler!J6422</f>
        <v>0.24522429891733341</v>
      </c>
      <c r="K6396" s="59">
        <f>Bühler!K6422</f>
        <v>0.3678364483760001</v>
      </c>
      <c r="L6396" s="59">
        <f>Bühler!L6422</f>
        <v>1.7656149522048004</v>
      </c>
      <c r="M6396" s="58">
        <f>Bühler!M6422</f>
        <v>0</v>
      </c>
      <c r="N6396" s="56">
        <f>IF(Input!$D$19=1,J6396*Input!$C$19,0)+IF(Input!$D$20=1,K6396*Input!$C$20,0)+IF(Input!$D$21=1,L6396*Input!$C$21,0)+IF(Input!$D$22=1,M6396*Input!$C$22,0)</f>
        <v>7.3567289675200015E-2</v>
      </c>
      <c r="O6396" s="59">
        <f>IF(Input!$D$19=2,J6396*Input!$C$19,0)+IF(Input!$D$20=2,K6396*Input!$C$20,0)+IF(Input!$D$21=2,L6396*Input!$C$21,0)+IF(Input!$D$22=2,M6396*Input!$C$22,0)</f>
        <v>0.18391822418800005</v>
      </c>
      <c r="P6396" s="59">
        <f>IF(Input!$D$19=3,J6396*Input!$C$19,0)+IF(Input!$D$20=3,K6396*Input!$C$20,0)+IF(Input!$D$21=3,L6396*Input!$C$21,0)+IF(Input!$D$22=3,M6396*Input!$C$22,0)</f>
        <v>0</v>
      </c>
      <c r="Q6396" s="75">
        <f>IF(Input!$D$19=4,J6396*Input!$C$19,0)+IF(Input!$D$20=4,K6396*Input!$C$20,0)+IF(Input!$D$21=4,L6396*Input!$C$21,0)+IF(Input!$D$22=4,M6396*Input!$C$22,0)</f>
        <v>0</v>
      </c>
      <c r="R6396" s="58">
        <v>45.42651226195288</v>
      </c>
      <c r="S6396" s="124">
        <f t="shared" si="99"/>
        <v>0.31879158859253343</v>
      </c>
    </row>
    <row r="6397" spans="8:19" x14ac:dyDescent="0.3">
      <c r="H6397" s="44">
        <v>6390</v>
      </c>
      <c r="I6397" s="56">
        <f>Bühler!I6423</f>
        <v>0.31879158859253343</v>
      </c>
      <c r="J6397" s="59">
        <f>Bühler!J6423</f>
        <v>1.0626386286417782</v>
      </c>
      <c r="K6397" s="59">
        <f>Bühler!K6423</f>
        <v>1.5939579429626674</v>
      </c>
      <c r="L6397" s="59">
        <f>Bühler!L6423</f>
        <v>7.6509981262208031</v>
      </c>
      <c r="M6397" s="58">
        <f>Bühler!M6423</f>
        <v>0</v>
      </c>
      <c r="N6397" s="56">
        <f>IF(Input!$D$19=1,J6397*Input!$C$19,0)+IF(Input!$D$20=1,K6397*Input!$C$20,0)+IF(Input!$D$21=1,L6397*Input!$C$21,0)+IF(Input!$D$22=1,M6397*Input!$C$22,0)</f>
        <v>0.31879158859253343</v>
      </c>
      <c r="O6397" s="59">
        <f>IF(Input!$D$19=2,J6397*Input!$C$19,0)+IF(Input!$D$20=2,K6397*Input!$C$20,0)+IF(Input!$D$21=2,L6397*Input!$C$21,0)+IF(Input!$D$22=2,M6397*Input!$C$22,0)</f>
        <v>0.79697897148133368</v>
      </c>
      <c r="P6397" s="59">
        <f>IF(Input!$D$19=3,J6397*Input!$C$19,0)+IF(Input!$D$20=3,K6397*Input!$C$20,0)+IF(Input!$D$21=3,L6397*Input!$C$21,0)+IF(Input!$D$22=3,M6397*Input!$C$22,0)</f>
        <v>0</v>
      </c>
      <c r="Q6397" s="75">
        <f>IF(Input!$D$19=4,J6397*Input!$C$19,0)+IF(Input!$D$20=4,K6397*Input!$C$20,0)+IF(Input!$D$21=4,L6397*Input!$C$21,0)+IF(Input!$D$22=4,M6397*Input!$C$22,0)</f>
        <v>0</v>
      </c>
      <c r="R6397" s="58">
        <v>51.516454906958273</v>
      </c>
      <c r="S6397" s="124">
        <f t="shared" si="99"/>
        <v>1.3814302172343116</v>
      </c>
    </row>
    <row r="6398" spans="8:19" x14ac:dyDescent="0.3">
      <c r="H6398" s="44">
        <v>6391</v>
      </c>
      <c r="I6398" s="56">
        <f>Bühler!I6424</f>
        <v>0.36170584090306679</v>
      </c>
      <c r="J6398" s="59">
        <f>Bühler!J6424</f>
        <v>1.205686136343556</v>
      </c>
      <c r="K6398" s="59">
        <f>Bühler!K6424</f>
        <v>1.8085292045153341</v>
      </c>
      <c r="L6398" s="59">
        <f>Bühler!L6424</f>
        <v>8.6809401816736038</v>
      </c>
      <c r="M6398" s="58">
        <f>Bühler!M6424</f>
        <v>0</v>
      </c>
      <c r="N6398" s="56">
        <f>IF(Input!$D$19=1,J6398*Input!$C$19,0)+IF(Input!$D$20=1,K6398*Input!$C$20,0)+IF(Input!$D$21=1,L6398*Input!$C$21,0)+IF(Input!$D$22=1,M6398*Input!$C$22,0)</f>
        <v>0.36170584090306679</v>
      </c>
      <c r="O6398" s="59">
        <f>IF(Input!$D$19=2,J6398*Input!$C$19,0)+IF(Input!$D$20=2,K6398*Input!$C$20,0)+IF(Input!$D$21=2,L6398*Input!$C$21,0)+IF(Input!$D$22=2,M6398*Input!$C$22,0)</f>
        <v>0.90426460225766703</v>
      </c>
      <c r="P6398" s="59">
        <f>IF(Input!$D$19=3,J6398*Input!$C$19,0)+IF(Input!$D$20=3,K6398*Input!$C$20,0)+IF(Input!$D$21=3,L6398*Input!$C$21,0)+IF(Input!$D$22=3,M6398*Input!$C$22,0)</f>
        <v>0</v>
      </c>
      <c r="Q6398" s="75">
        <f>IF(Input!$D$19=4,J6398*Input!$C$19,0)+IF(Input!$D$20=4,K6398*Input!$C$20,0)+IF(Input!$D$21=4,L6398*Input!$C$21,0)+IF(Input!$D$22=4,M6398*Input!$C$22,0)</f>
        <v>0</v>
      </c>
      <c r="R6398" s="58">
        <v>57.416826564302831</v>
      </c>
      <c r="S6398" s="124">
        <f t="shared" si="99"/>
        <v>1.5673919772466229</v>
      </c>
    </row>
    <row r="6399" spans="8:19" x14ac:dyDescent="0.3">
      <c r="H6399" s="44">
        <v>6392</v>
      </c>
      <c r="I6399" s="56">
        <f>Bühler!I6425</f>
        <v>0.36170584090306679</v>
      </c>
      <c r="J6399" s="59">
        <f>Bühler!J6425</f>
        <v>1.205686136343556</v>
      </c>
      <c r="K6399" s="59">
        <f>Bühler!K6425</f>
        <v>1.8085292045153341</v>
      </c>
      <c r="L6399" s="59">
        <f>Bühler!L6425</f>
        <v>8.6809401816736038</v>
      </c>
      <c r="M6399" s="58">
        <f>Bühler!M6425</f>
        <v>0</v>
      </c>
      <c r="N6399" s="56">
        <f>IF(Input!$D$19=1,J6399*Input!$C$19,0)+IF(Input!$D$20=1,K6399*Input!$C$20,0)+IF(Input!$D$21=1,L6399*Input!$C$21,0)+IF(Input!$D$22=1,M6399*Input!$C$22,0)</f>
        <v>0.36170584090306679</v>
      </c>
      <c r="O6399" s="59">
        <f>IF(Input!$D$19=2,J6399*Input!$C$19,0)+IF(Input!$D$20=2,K6399*Input!$C$20,0)+IF(Input!$D$21=2,L6399*Input!$C$21,0)+IF(Input!$D$22=2,M6399*Input!$C$22,0)</f>
        <v>0.90426460225766703</v>
      </c>
      <c r="P6399" s="59">
        <f>IF(Input!$D$19=3,J6399*Input!$C$19,0)+IF(Input!$D$20=3,K6399*Input!$C$20,0)+IF(Input!$D$21=3,L6399*Input!$C$21,0)+IF(Input!$D$22=3,M6399*Input!$C$22,0)</f>
        <v>0</v>
      </c>
      <c r="Q6399" s="75">
        <f>IF(Input!$D$19=4,J6399*Input!$C$19,0)+IF(Input!$D$20=4,K6399*Input!$C$20,0)+IF(Input!$D$21=4,L6399*Input!$C$21,0)+IF(Input!$D$22=4,M6399*Input!$C$22,0)</f>
        <v>0</v>
      </c>
      <c r="R6399" s="58">
        <v>60.318985489671853</v>
      </c>
      <c r="S6399" s="124">
        <f t="shared" si="99"/>
        <v>1.5673919772466229</v>
      </c>
    </row>
    <row r="6400" spans="8:19" x14ac:dyDescent="0.3">
      <c r="H6400" s="44">
        <v>6393</v>
      </c>
      <c r="I6400" s="56">
        <f>Bühler!I6426</f>
        <v>0.36170584090306679</v>
      </c>
      <c r="J6400" s="59">
        <f>Bühler!J6426</f>
        <v>1.205686136343556</v>
      </c>
      <c r="K6400" s="59">
        <f>Bühler!K6426</f>
        <v>1.8085292045153341</v>
      </c>
      <c r="L6400" s="59">
        <f>Bühler!L6426</f>
        <v>8.6809401816736038</v>
      </c>
      <c r="M6400" s="58">
        <f>Bühler!M6426</f>
        <v>0</v>
      </c>
      <c r="N6400" s="56">
        <f>IF(Input!$D$19=1,J6400*Input!$C$19,0)+IF(Input!$D$20=1,K6400*Input!$C$20,0)+IF(Input!$D$21=1,L6400*Input!$C$21,0)+IF(Input!$D$22=1,M6400*Input!$C$22,0)</f>
        <v>0.36170584090306679</v>
      </c>
      <c r="O6400" s="59">
        <f>IF(Input!$D$19=2,J6400*Input!$C$19,0)+IF(Input!$D$20=2,K6400*Input!$C$20,0)+IF(Input!$D$21=2,L6400*Input!$C$21,0)+IF(Input!$D$22=2,M6400*Input!$C$22,0)</f>
        <v>0.90426460225766703</v>
      </c>
      <c r="P6400" s="59">
        <f>IF(Input!$D$19=3,J6400*Input!$C$19,0)+IF(Input!$D$20=3,K6400*Input!$C$20,0)+IF(Input!$D$21=3,L6400*Input!$C$21,0)+IF(Input!$D$22=3,M6400*Input!$C$22,0)</f>
        <v>0</v>
      </c>
      <c r="Q6400" s="75">
        <f>IF(Input!$D$19=4,J6400*Input!$C$19,0)+IF(Input!$D$20=4,K6400*Input!$C$20,0)+IF(Input!$D$21=4,L6400*Input!$C$21,0)+IF(Input!$D$22=4,M6400*Input!$C$22,0)</f>
        <v>0</v>
      </c>
      <c r="R6400" s="58">
        <v>62.69430045455497</v>
      </c>
      <c r="S6400" s="124">
        <f t="shared" si="99"/>
        <v>1.5673919772466229</v>
      </c>
    </row>
    <row r="6401" spans="8:19" x14ac:dyDescent="0.3">
      <c r="H6401" s="44">
        <v>6394</v>
      </c>
      <c r="I6401" s="56">
        <f>Bühler!I6427</f>
        <v>0.38622827079480015</v>
      </c>
      <c r="J6401" s="59">
        <f>Bühler!J6427</f>
        <v>1.2874275693160007</v>
      </c>
      <c r="K6401" s="59">
        <f>Bühler!K6427</f>
        <v>1.9311413539740006</v>
      </c>
      <c r="L6401" s="59">
        <f>Bühler!L6427</f>
        <v>9.2694784990752037</v>
      </c>
      <c r="M6401" s="58">
        <f>Bühler!M6427</f>
        <v>0</v>
      </c>
      <c r="N6401" s="56">
        <f>IF(Input!$D$19=1,J6401*Input!$C$19,0)+IF(Input!$D$20=1,K6401*Input!$C$20,0)+IF(Input!$D$21=1,L6401*Input!$C$21,0)+IF(Input!$D$22=1,M6401*Input!$C$22,0)</f>
        <v>0.38622827079480021</v>
      </c>
      <c r="O6401" s="59">
        <f>IF(Input!$D$19=2,J6401*Input!$C$19,0)+IF(Input!$D$20=2,K6401*Input!$C$20,0)+IF(Input!$D$21=2,L6401*Input!$C$21,0)+IF(Input!$D$22=2,M6401*Input!$C$22,0)</f>
        <v>0.96557067698700028</v>
      </c>
      <c r="P6401" s="59">
        <f>IF(Input!$D$19=3,J6401*Input!$C$19,0)+IF(Input!$D$20=3,K6401*Input!$C$20,0)+IF(Input!$D$21=3,L6401*Input!$C$21,0)+IF(Input!$D$22=3,M6401*Input!$C$22,0)</f>
        <v>0</v>
      </c>
      <c r="Q6401" s="75">
        <f>IF(Input!$D$19=4,J6401*Input!$C$19,0)+IF(Input!$D$20=4,K6401*Input!$C$20,0)+IF(Input!$D$21=4,L6401*Input!$C$21,0)+IF(Input!$D$22=4,M6401*Input!$C$22,0)</f>
        <v>0</v>
      </c>
      <c r="R6401" s="58">
        <v>64.245097963000873</v>
      </c>
      <c r="S6401" s="124">
        <f t="shared" si="99"/>
        <v>1.6736558401108008</v>
      </c>
    </row>
    <row r="6402" spans="8:19" x14ac:dyDescent="0.3">
      <c r="H6402" s="44">
        <v>6395</v>
      </c>
      <c r="I6402" s="56">
        <f>Bühler!I6428</f>
        <v>0.38622827079480015</v>
      </c>
      <c r="J6402" s="59">
        <f>Bühler!J6428</f>
        <v>1.2874275693160007</v>
      </c>
      <c r="K6402" s="59">
        <f>Bühler!K6428</f>
        <v>1.9311413539740006</v>
      </c>
      <c r="L6402" s="59">
        <f>Bühler!L6428</f>
        <v>9.2694784990752037</v>
      </c>
      <c r="M6402" s="58">
        <f>Bühler!M6428</f>
        <v>0</v>
      </c>
      <c r="N6402" s="56">
        <f>IF(Input!$D$19=1,J6402*Input!$C$19,0)+IF(Input!$D$20=1,K6402*Input!$C$20,0)+IF(Input!$D$21=1,L6402*Input!$C$21,0)+IF(Input!$D$22=1,M6402*Input!$C$22,0)</f>
        <v>0.38622827079480021</v>
      </c>
      <c r="O6402" s="59">
        <f>IF(Input!$D$19=2,J6402*Input!$C$19,0)+IF(Input!$D$20=2,K6402*Input!$C$20,0)+IF(Input!$D$21=2,L6402*Input!$C$21,0)+IF(Input!$D$22=2,M6402*Input!$C$22,0)</f>
        <v>0.96557067698700028</v>
      </c>
      <c r="P6402" s="59">
        <f>IF(Input!$D$19=3,J6402*Input!$C$19,0)+IF(Input!$D$20=3,K6402*Input!$C$20,0)+IF(Input!$D$21=3,L6402*Input!$C$21,0)+IF(Input!$D$22=3,M6402*Input!$C$22,0)</f>
        <v>0</v>
      </c>
      <c r="Q6402" s="75">
        <f>IF(Input!$D$19=4,J6402*Input!$C$19,0)+IF(Input!$D$20=4,K6402*Input!$C$20,0)+IF(Input!$D$21=4,L6402*Input!$C$21,0)+IF(Input!$D$22=4,M6402*Input!$C$22,0)</f>
        <v>0</v>
      </c>
      <c r="R6402" s="58">
        <v>65.311902181210868</v>
      </c>
      <c r="S6402" s="124">
        <f t="shared" si="99"/>
        <v>1.6736558401108008</v>
      </c>
    </row>
    <row r="6403" spans="8:19" x14ac:dyDescent="0.3">
      <c r="H6403" s="44">
        <v>6396</v>
      </c>
      <c r="I6403" s="56">
        <f>Bühler!I6429</f>
        <v>0.49044859783466677</v>
      </c>
      <c r="J6403" s="59">
        <f>Bühler!J6429</f>
        <v>1.6348286594488894</v>
      </c>
      <c r="K6403" s="59">
        <f>Bühler!K6429</f>
        <v>2.4522429891733339</v>
      </c>
      <c r="L6403" s="59">
        <f>Bühler!L6429</f>
        <v>11.770766348032003</v>
      </c>
      <c r="M6403" s="58">
        <f>Bühler!M6429</f>
        <v>0</v>
      </c>
      <c r="N6403" s="56">
        <f>IF(Input!$D$19=1,J6403*Input!$C$19,0)+IF(Input!$D$20=1,K6403*Input!$C$20,0)+IF(Input!$D$21=1,L6403*Input!$C$21,0)+IF(Input!$D$22=1,M6403*Input!$C$22,0)</f>
        <v>0.49044859783466682</v>
      </c>
      <c r="O6403" s="59">
        <f>IF(Input!$D$19=2,J6403*Input!$C$19,0)+IF(Input!$D$20=2,K6403*Input!$C$20,0)+IF(Input!$D$21=2,L6403*Input!$C$21,0)+IF(Input!$D$22=2,M6403*Input!$C$22,0)</f>
        <v>1.226121494586667</v>
      </c>
      <c r="P6403" s="59">
        <f>IF(Input!$D$19=3,J6403*Input!$C$19,0)+IF(Input!$D$20=3,K6403*Input!$C$20,0)+IF(Input!$D$21=3,L6403*Input!$C$21,0)+IF(Input!$D$22=3,M6403*Input!$C$22,0)</f>
        <v>0</v>
      </c>
      <c r="Q6403" s="75">
        <f>IF(Input!$D$19=4,J6403*Input!$C$19,0)+IF(Input!$D$20=4,K6403*Input!$C$20,0)+IF(Input!$D$21=4,L6403*Input!$C$21,0)+IF(Input!$D$22=4,M6403*Input!$C$22,0)</f>
        <v>0</v>
      </c>
      <c r="R6403" s="58">
        <v>66.706591568779245</v>
      </c>
      <c r="S6403" s="124">
        <f t="shared" si="99"/>
        <v>2.1252772572835563</v>
      </c>
    </row>
    <row r="6404" spans="8:19" x14ac:dyDescent="0.3">
      <c r="H6404" s="44">
        <v>6397</v>
      </c>
      <c r="I6404" s="56">
        <f>Bühler!I6430</f>
        <v>0.49044859783466677</v>
      </c>
      <c r="J6404" s="59">
        <f>Bühler!J6430</f>
        <v>1.6348286594488894</v>
      </c>
      <c r="K6404" s="59">
        <f>Bühler!K6430</f>
        <v>2.4522429891733339</v>
      </c>
      <c r="L6404" s="59">
        <f>Bühler!L6430</f>
        <v>11.770766348032003</v>
      </c>
      <c r="M6404" s="58">
        <f>Bühler!M6430</f>
        <v>0</v>
      </c>
      <c r="N6404" s="56">
        <f>IF(Input!$D$19=1,J6404*Input!$C$19,0)+IF(Input!$D$20=1,K6404*Input!$C$20,0)+IF(Input!$D$21=1,L6404*Input!$C$21,0)+IF(Input!$D$22=1,M6404*Input!$C$22,0)</f>
        <v>0.49044859783466682</v>
      </c>
      <c r="O6404" s="59">
        <f>IF(Input!$D$19=2,J6404*Input!$C$19,0)+IF(Input!$D$20=2,K6404*Input!$C$20,0)+IF(Input!$D$21=2,L6404*Input!$C$21,0)+IF(Input!$D$22=2,M6404*Input!$C$22,0)</f>
        <v>1.226121494586667</v>
      </c>
      <c r="P6404" s="59">
        <f>IF(Input!$D$19=3,J6404*Input!$C$19,0)+IF(Input!$D$20=3,K6404*Input!$C$20,0)+IF(Input!$D$21=3,L6404*Input!$C$21,0)+IF(Input!$D$22=3,M6404*Input!$C$22,0)</f>
        <v>0</v>
      </c>
      <c r="Q6404" s="75">
        <f>IF(Input!$D$19=4,J6404*Input!$C$19,0)+IF(Input!$D$20=4,K6404*Input!$C$20,0)+IF(Input!$D$21=4,L6404*Input!$C$21,0)+IF(Input!$D$22=4,M6404*Input!$C$22,0)</f>
        <v>0</v>
      </c>
      <c r="R6404" s="58">
        <v>66.360268678409284</v>
      </c>
      <c r="S6404" s="124">
        <f t="shared" si="99"/>
        <v>2.1252772572835563</v>
      </c>
    </row>
    <row r="6405" spans="8:19" x14ac:dyDescent="0.3">
      <c r="H6405" s="44">
        <v>6398</v>
      </c>
      <c r="I6405" s="56">
        <f>Bühler!I6431</f>
        <v>0.3249221960654668</v>
      </c>
      <c r="J6405" s="59">
        <f>Bühler!J6431</f>
        <v>1.0830739868848893</v>
      </c>
      <c r="K6405" s="59">
        <f>Bühler!K6431</f>
        <v>1.6246109803273339</v>
      </c>
      <c r="L6405" s="59">
        <f>Bühler!L6431</f>
        <v>7.7981327055712022</v>
      </c>
      <c r="M6405" s="58">
        <f>Bühler!M6431</f>
        <v>0</v>
      </c>
      <c r="N6405" s="56">
        <f>IF(Input!$D$19=1,J6405*Input!$C$19,0)+IF(Input!$D$20=1,K6405*Input!$C$20,0)+IF(Input!$D$21=1,L6405*Input!$C$21,0)+IF(Input!$D$22=1,M6405*Input!$C$22,0)</f>
        <v>0.3249221960654668</v>
      </c>
      <c r="O6405" s="59">
        <f>IF(Input!$D$19=2,J6405*Input!$C$19,0)+IF(Input!$D$20=2,K6405*Input!$C$20,0)+IF(Input!$D$21=2,L6405*Input!$C$21,0)+IF(Input!$D$22=2,M6405*Input!$C$22,0)</f>
        <v>0.81230549016366693</v>
      </c>
      <c r="P6405" s="59">
        <f>IF(Input!$D$19=3,J6405*Input!$C$19,0)+IF(Input!$D$20=3,K6405*Input!$C$20,0)+IF(Input!$D$21=3,L6405*Input!$C$21,0)+IF(Input!$D$22=3,M6405*Input!$C$22,0)</f>
        <v>0</v>
      </c>
      <c r="Q6405" s="75">
        <f>IF(Input!$D$19=4,J6405*Input!$C$19,0)+IF(Input!$D$20=4,K6405*Input!$C$20,0)+IF(Input!$D$21=4,L6405*Input!$C$21,0)+IF(Input!$D$22=4,M6405*Input!$C$22,0)</f>
        <v>0</v>
      </c>
      <c r="R6405" s="58">
        <v>65.893763392216172</v>
      </c>
      <c r="S6405" s="124">
        <f t="shared" si="99"/>
        <v>1.407996182950356</v>
      </c>
    </row>
    <row r="6406" spans="8:19" x14ac:dyDescent="0.3">
      <c r="H6406" s="44">
        <v>6399</v>
      </c>
      <c r="I6406" s="56">
        <f>Bühler!I6432</f>
        <v>0.49044859783466677</v>
      </c>
      <c r="J6406" s="59">
        <f>Bühler!J6432</f>
        <v>1.6348286594488894</v>
      </c>
      <c r="K6406" s="59">
        <f>Bühler!K6432</f>
        <v>2.4522429891733339</v>
      </c>
      <c r="L6406" s="59">
        <f>Bühler!L6432</f>
        <v>11.770766348032003</v>
      </c>
      <c r="M6406" s="58">
        <f>Bühler!M6432</f>
        <v>0</v>
      </c>
      <c r="N6406" s="56">
        <f>IF(Input!$D$19=1,J6406*Input!$C$19,0)+IF(Input!$D$20=1,K6406*Input!$C$20,0)+IF(Input!$D$21=1,L6406*Input!$C$21,0)+IF(Input!$D$22=1,M6406*Input!$C$22,0)</f>
        <v>0.49044859783466682</v>
      </c>
      <c r="O6406" s="59">
        <f>IF(Input!$D$19=2,J6406*Input!$C$19,0)+IF(Input!$D$20=2,K6406*Input!$C$20,0)+IF(Input!$D$21=2,L6406*Input!$C$21,0)+IF(Input!$D$22=2,M6406*Input!$C$22,0)</f>
        <v>1.226121494586667</v>
      </c>
      <c r="P6406" s="59">
        <f>IF(Input!$D$19=3,J6406*Input!$C$19,0)+IF(Input!$D$20=3,K6406*Input!$C$20,0)+IF(Input!$D$21=3,L6406*Input!$C$21,0)+IF(Input!$D$22=3,M6406*Input!$C$22,0)</f>
        <v>0</v>
      </c>
      <c r="Q6406" s="75">
        <f>IF(Input!$D$19=4,J6406*Input!$C$19,0)+IF(Input!$D$20=4,K6406*Input!$C$20,0)+IF(Input!$D$21=4,L6406*Input!$C$21,0)+IF(Input!$D$22=4,M6406*Input!$C$22,0)</f>
        <v>0</v>
      </c>
      <c r="R6406" s="58">
        <v>66.160503958650565</v>
      </c>
      <c r="S6406" s="124">
        <f t="shared" si="99"/>
        <v>2.1252772572835563</v>
      </c>
    </row>
    <row r="6407" spans="8:19" x14ac:dyDescent="0.3">
      <c r="H6407" s="44">
        <v>6400</v>
      </c>
      <c r="I6407" s="56">
        <f>Bühler!I6433</f>
        <v>0.49044859783466677</v>
      </c>
      <c r="J6407" s="59">
        <f>Bühler!J6433</f>
        <v>1.6348286594488894</v>
      </c>
      <c r="K6407" s="59">
        <f>Bühler!K6433</f>
        <v>2.4522429891733339</v>
      </c>
      <c r="L6407" s="59">
        <f>Bühler!L6433</f>
        <v>11.770766348032003</v>
      </c>
      <c r="M6407" s="58">
        <f>Bühler!M6433</f>
        <v>0</v>
      </c>
      <c r="N6407" s="56">
        <f>IF(Input!$D$19=1,J6407*Input!$C$19,0)+IF(Input!$D$20=1,K6407*Input!$C$20,0)+IF(Input!$D$21=1,L6407*Input!$C$21,0)+IF(Input!$D$22=1,M6407*Input!$C$22,0)</f>
        <v>0.49044859783466682</v>
      </c>
      <c r="O6407" s="59">
        <f>IF(Input!$D$19=2,J6407*Input!$C$19,0)+IF(Input!$D$20=2,K6407*Input!$C$20,0)+IF(Input!$D$21=2,L6407*Input!$C$21,0)+IF(Input!$D$22=2,M6407*Input!$C$22,0)</f>
        <v>1.226121494586667</v>
      </c>
      <c r="P6407" s="59">
        <f>IF(Input!$D$19=3,J6407*Input!$C$19,0)+IF(Input!$D$20=3,K6407*Input!$C$20,0)+IF(Input!$D$21=3,L6407*Input!$C$21,0)+IF(Input!$D$22=3,M6407*Input!$C$22,0)</f>
        <v>0</v>
      </c>
      <c r="Q6407" s="75">
        <f>IF(Input!$D$19=4,J6407*Input!$C$19,0)+IF(Input!$D$20=4,K6407*Input!$C$20,0)+IF(Input!$D$21=4,L6407*Input!$C$21,0)+IF(Input!$D$22=4,M6407*Input!$C$22,0)</f>
        <v>0</v>
      </c>
      <c r="R6407" s="58">
        <v>66.001093217167039</v>
      </c>
      <c r="S6407" s="124">
        <f t="shared" si="99"/>
        <v>2.1252772572835563</v>
      </c>
    </row>
    <row r="6408" spans="8:19" x14ac:dyDescent="0.3">
      <c r="H6408" s="44">
        <v>6401</v>
      </c>
      <c r="I6408" s="56">
        <f>Bühler!I6434</f>
        <v>0.49044859783466677</v>
      </c>
      <c r="J6408" s="59">
        <f>Bühler!J6434</f>
        <v>1.6348286594488894</v>
      </c>
      <c r="K6408" s="59">
        <f>Bühler!K6434</f>
        <v>2.4522429891733339</v>
      </c>
      <c r="L6408" s="59">
        <f>Bühler!L6434</f>
        <v>11.770766348032003</v>
      </c>
      <c r="M6408" s="58">
        <f>Bühler!M6434</f>
        <v>0</v>
      </c>
      <c r="N6408" s="56">
        <f>IF(Input!$D$19=1,J6408*Input!$C$19,0)+IF(Input!$D$20=1,K6408*Input!$C$20,0)+IF(Input!$D$21=1,L6408*Input!$C$21,0)+IF(Input!$D$22=1,M6408*Input!$C$22,0)</f>
        <v>0.49044859783466682</v>
      </c>
      <c r="O6408" s="59">
        <f>IF(Input!$D$19=2,J6408*Input!$C$19,0)+IF(Input!$D$20=2,K6408*Input!$C$20,0)+IF(Input!$D$21=2,L6408*Input!$C$21,0)+IF(Input!$D$22=2,M6408*Input!$C$22,0)</f>
        <v>1.226121494586667</v>
      </c>
      <c r="P6408" s="59">
        <f>IF(Input!$D$19=3,J6408*Input!$C$19,0)+IF(Input!$D$20=3,K6408*Input!$C$20,0)+IF(Input!$D$21=3,L6408*Input!$C$21,0)+IF(Input!$D$22=3,M6408*Input!$C$22,0)</f>
        <v>0</v>
      </c>
      <c r="Q6408" s="75">
        <f>IF(Input!$D$19=4,J6408*Input!$C$19,0)+IF(Input!$D$20=4,K6408*Input!$C$20,0)+IF(Input!$D$21=4,L6408*Input!$C$21,0)+IF(Input!$D$22=4,M6408*Input!$C$22,0)</f>
        <v>0</v>
      </c>
      <c r="R6408" s="58">
        <v>64.795976033311462</v>
      </c>
      <c r="S6408" s="124">
        <f t="shared" si="99"/>
        <v>2.1252772572835563</v>
      </c>
    </row>
    <row r="6409" spans="8:19" x14ac:dyDescent="0.3">
      <c r="H6409" s="44">
        <v>6402</v>
      </c>
      <c r="I6409" s="56">
        <f>Bühler!I6435</f>
        <v>0.49044859783466677</v>
      </c>
      <c r="J6409" s="59">
        <f>Bühler!J6435</f>
        <v>1.6348286594488894</v>
      </c>
      <c r="K6409" s="59">
        <f>Bühler!K6435</f>
        <v>2.4522429891733339</v>
      </c>
      <c r="L6409" s="59">
        <f>Bühler!L6435</f>
        <v>11.770766348032003</v>
      </c>
      <c r="M6409" s="58">
        <f>Bühler!M6435</f>
        <v>0</v>
      </c>
      <c r="N6409" s="56">
        <f>IF(Input!$D$19=1,J6409*Input!$C$19,0)+IF(Input!$D$20=1,K6409*Input!$C$20,0)+IF(Input!$D$21=1,L6409*Input!$C$21,0)+IF(Input!$D$22=1,M6409*Input!$C$22,0)</f>
        <v>0.49044859783466682</v>
      </c>
      <c r="O6409" s="59">
        <f>IF(Input!$D$19=2,J6409*Input!$C$19,0)+IF(Input!$D$20=2,K6409*Input!$C$20,0)+IF(Input!$D$21=2,L6409*Input!$C$21,0)+IF(Input!$D$22=2,M6409*Input!$C$22,0)</f>
        <v>1.226121494586667</v>
      </c>
      <c r="P6409" s="59">
        <f>IF(Input!$D$19=3,J6409*Input!$C$19,0)+IF(Input!$D$20=3,K6409*Input!$C$20,0)+IF(Input!$D$21=3,L6409*Input!$C$21,0)+IF(Input!$D$22=3,M6409*Input!$C$22,0)</f>
        <v>0</v>
      </c>
      <c r="Q6409" s="75">
        <f>IF(Input!$D$19=4,J6409*Input!$C$19,0)+IF(Input!$D$20=4,K6409*Input!$C$20,0)+IF(Input!$D$21=4,L6409*Input!$C$21,0)+IF(Input!$D$22=4,M6409*Input!$C$22,0)</f>
        <v>0</v>
      </c>
      <c r="R6409" s="58">
        <v>63.527215632410432</v>
      </c>
      <c r="S6409" s="124">
        <f t="shared" ref="S6409:S6472" si="100">I6409+J6409</f>
        <v>2.1252772572835563</v>
      </c>
    </row>
    <row r="6410" spans="8:19" x14ac:dyDescent="0.3">
      <c r="H6410" s="44">
        <v>6403</v>
      </c>
      <c r="I6410" s="56">
        <f>Bühler!I6436</f>
        <v>0.49044859783466677</v>
      </c>
      <c r="J6410" s="59">
        <f>Bühler!J6436</f>
        <v>1.6348286594488894</v>
      </c>
      <c r="K6410" s="59">
        <f>Bühler!K6436</f>
        <v>2.4522429891733339</v>
      </c>
      <c r="L6410" s="59">
        <f>Bühler!L6436</f>
        <v>11.770766348032003</v>
      </c>
      <c r="M6410" s="58">
        <f>Bühler!M6436</f>
        <v>0</v>
      </c>
      <c r="N6410" s="56">
        <f>IF(Input!$D$19=1,J6410*Input!$C$19,0)+IF(Input!$D$20=1,K6410*Input!$C$20,0)+IF(Input!$D$21=1,L6410*Input!$C$21,0)+IF(Input!$D$22=1,M6410*Input!$C$22,0)</f>
        <v>0.49044859783466682</v>
      </c>
      <c r="O6410" s="59">
        <f>IF(Input!$D$19=2,J6410*Input!$C$19,0)+IF(Input!$D$20=2,K6410*Input!$C$20,0)+IF(Input!$D$21=2,L6410*Input!$C$21,0)+IF(Input!$D$22=2,M6410*Input!$C$22,0)</f>
        <v>1.226121494586667</v>
      </c>
      <c r="P6410" s="59">
        <f>IF(Input!$D$19=3,J6410*Input!$C$19,0)+IF(Input!$D$20=3,K6410*Input!$C$20,0)+IF(Input!$D$21=3,L6410*Input!$C$21,0)+IF(Input!$D$22=3,M6410*Input!$C$22,0)</f>
        <v>0</v>
      </c>
      <c r="Q6410" s="75">
        <f>IF(Input!$D$19=4,J6410*Input!$C$19,0)+IF(Input!$D$20=4,K6410*Input!$C$20,0)+IF(Input!$D$21=4,L6410*Input!$C$21,0)+IF(Input!$D$22=4,M6410*Input!$C$22,0)</f>
        <v>0</v>
      </c>
      <c r="R6410" s="58">
        <v>62.11324285775936</v>
      </c>
      <c r="S6410" s="124">
        <f t="shared" si="100"/>
        <v>2.1252772572835563</v>
      </c>
    </row>
    <row r="6411" spans="8:19" x14ac:dyDescent="0.3">
      <c r="H6411" s="44">
        <v>6404</v>
      </c>
      <c r="I6411" s="56">
        <f>Bühler!I6437</f>
        <v>0.41075070068653352</v>
      </c>
      <c r="J6411" s="59">
        <f>Bühler!J6437</f>
        <v>1.3691690022884453</v>
      </c>
      <c r="K6411" s="59">
        <f>Bühler!K6437</f>
        <v>2.0537535034326675</v>
      </c>
      <c r="L6411" s="59">
        <f>Bühler!L6437</f>
        <v>9.8580168164768036</v>
      </c>
      <c r="M6411" s="58">
        <f>Bühler!M6437</f>
        <v>0</v>
      </c>
      <c r="N6411" s="56">
        <f>IF(Input!$D$19=1,J6411*Input!$C$19,0)+IF(Input!$D$20=1,K6411*Input!$C$20,0)+IF(Input!$D$21=1,L6411*Input!$C$21,0)+IF(Input!$D$22=1,M6411*Input!$C$22,0)</f>
        <v>0.41075070068653358</v>
      </c>
      <c r="O6411" s="59">
        <f>IF(Input!$D$19=2,J6411*Input!$C$19,0)+IF(Input!$D$20=2,K6411*Input!$C$20,0)+IF(Input!$D$21=2,L6411*Input!$C$21,0)+IF(Input!$D$22=2,M6411*Input!$C$22,0)</f>
        <v>1.0268767517163337</v>
      </c>
      <c r="P6411" s="59">
        <f>IF(Input!$D$19=3,J6411*Input!$C$19,0)+IF(Input!$D$20=3,K6411*Input!$C$20,0)+IF(Input!$D$21=3,L6411*Input!$C$21,0)+IF(Input!$D$22=3,M6411*Input!$C$22,0)</f>
        <v>0</v>
      </c>
      <c r="Q6411" s="75">
        <f>IF(Input!$D$19=4,J6411*Input!$C$19,0)+IF(Input!$D$20=4,K6411*Input!$C$20,0)+IF(Input!$D$21=4,L6411*Input!$C$21,0)+IF(Input!$D$22=4,M6411*Input!$C$22,0)</f>
        <v>0</v>
      </c>
      <c r="R6411" s="58">
        <v>61.502163389731543</v>
      </c>
      <c r="S6411" s="124">
        <f t="shared" si="100"/>
        <v>1.7799197029749787</v>
      </c>
    </row>
    <row r="6412" spans="8:19" x14ac:dyDescent="0.3">
      <c r="H6412" s="44">
        <v>6405</v>
      </c>
      <c r="I6412" s="56">
        <f>Bühler!I6438</f>
        <v>0.33718341101133348</v>
      </c>
      <c r="J6412" s="59">
        <f>Bühler!J6438</f>
        <v>1.1239447033711116</v>
      </c>
      <c r="K6412" s="59">
        <f>Bühler!K6438</f>
        <v>1.6859170550566673</v>
      </c>
      <c r="L6412" s="59">
        <f>Bühler!L6438</f>
        <v>8.0924018642720039</v>
      </c>
      <c r="M6412" s="58">
        <f>Bühler!M6438</f>
        <v>0</v>
      </c>
      <c r="N6412" s="56">
        <f>IF(Input!$D$19=1,J6412*Input!$C$19,0)+IF(Input!$D$20=1,K6412*Input!$C$20,0)+IF(Input!$D$21=1,L6412*Input!$C$21,0)+IF(Input!$D$22=1,M6412*Input!$C$22,0)</f>
        <v>0.33718341101133348</v>
      </c>
      <c r="O6412" s="59">
        <f>IF(Input!$D$19=2,J6412*Input!$C$19,0)+IF(Input!$D$20=2,K6412*Input!$C$20,0)+IF(Input!$D$21=2,L6412*Input!$C$21,0)+IF(Input!$D$22=2,M6412*Input!$C$22,0)</f>
        <v>0.84295852752833367</v>
      </c>
      <c r="P6412" s="59">
        <f>IF(Input!$D$19=3,J6412*Input!$C$19,0)+IF(Input!$D$20=3,K6412*Input!$C$20,0)+IF(Input!$D$21=3,L6412*Input!$C$21,0)+IF(Input!$D$22=3,M6412*Input!$C$22,0)</f>
        <v>0</v>
      </c>
      <c r="Q6412" s="75">
        <f>IF(Input!$D$19=4,J6412*Input!$C$19,0)+IF(Input!$D$20=4,K6412*Input!$C$20,0)+IF(Input!$D$21=4,L6412*Input!$C$21,0)+IF(Input!$D$22=4,M6412*Input!$C$22,0)</f>
        <v>0</v>
      </c>
      <c r="R6412" s="58">
        <v>60.177317554344668</v>
      </c>
      <c r="S6412" s="124">
        <f t="shared" si="100"/>
        <v>1.4611281143824451</v>
      </c>
    </row>
    <row r="6413" spans="8:19" x14ac:dyDescent="0.3">
      <c r="H6413" s="44">
        <v>6406</v>
      </c>
      <c r="I6413" s="56">
        <f>Bühler!I6439</f>
        <v>0.24522429891733338</v>
      </c>
      <c r="J6413" s="59">
        <f>Bühler!J6439</f>
        <v>0.81741432972444472</v>
      </c>
      <c r="K6413" s="59">
        <f>Bühler!K6439</f>
        <v>1.226121494586667</v>
      </c>
      <c r="L6413" s="59">
        <f>Bühler!L6439</f>
        <v>5.8853831740160016</v>
      </c>
      <c r="M6413" s="58">
        <f>Bühler!M6439</f>
        <v>0</v>
      </c>
      <c r="N6413" s="56">
        <f>IF(Input!$D$19=1,J6413*Input!$C$19,0)+IF(Input!$D$20=1,K6413*Input!$C$20,0)+IF(Input!$D$21=1,L6413*Input!$C$21,0)+IF(Input!$D$22=1,M6413*Input!$C$22,0)</f>
        <v>0.24522429891733341</v>
      </c>
      <c r="O6413" s="59">
        <f>IF(Input!$D$19=2,J6413*Input!$C$19,0)+IF(Input!$D$20=2,K6413*Input!$C$20,0)+IF(Input!$D$21=2,L6413*Input!$C$21,0)+IF(Input!$D$22=2,M6413*Input!$C$22,0)</f>
        <v>0.61306074729333349</v>
      </c>
      <c r="P6413" s="59">
        <f>IF(Input!$D$19=3,J6413*Input!$C$19,0)+IF(Input!$D$20=3,K6413*Input!$C$20,0)+IF(Input!$D$21=3,L6413*Input!$C$21,0)+IF(Input!$D$22=3,M6413*Input!$C$22,0)</f>
        <v>0</v>
      </c>
      <c r="Q6413" s="75">
        <f>IF(Input!$D$19=4,J6413*Input!$C$19,0)+IF(Input!$D$20=4,K6413*Input!$C$20,0)+IF(Input!$D$21=4,L6413*Input!$C$21,0)+IF(Input!$D$22=4,M6413*Input!$C$22,0)</f>
        <v>0</v>
      </c>
      <c r="R6413" s="58">
        <v>57.858918018639159</v>
      </c>
      <c r="S6413" s="124">
        <f t="shared" si="100"/>
        <v>1.0626386286417782</v>
      </c>
    </row>
    <row r="6414" spans="8:19" x14ac:dyDescent="0.3">
      <c r="H6414" s="44">
        <v>6407</v>
      </c>
      <c r="I6414" s="56">
        <f>Bühler!I6440</f>
        <v>0.23296308397146676</v>
      </c>
      <c r="J6414" s="59">
        <f>Bühler!J6440</f>
        <v>0.77654361323822263</v>
      </c>
      <c r="K6414" s="59">
        <f>Bühler!K6440</f>
        <v>1.1648154198573337</v>
      </c>
      <c r="L6414" s="59">
        <f>Bühler!L6440</f>
        <v>5.5911140153152017</v>
      </c>
      <c r="M6414" s="58">
        <f>Bühler!M6440</f>
        <v>0</v>
      </c>
      <c r="N6414" s="56">
        <f>IF(Input!$D$19=1,J6414*Input!$C$19,0)+IF(Input!$D$20=1,K6414*Input!$C$20,0)+IF(Input!$D$21=1,L6414*Input!$C$21,0)+IF(Input!$D$22=1,M6414*Input!$C$22,0)</f>
        <v>0.23296308397146678</v>
      </c>
      <c r="O6414" s="59">
        <f>IF(Input!$D$19=2,J6414*Input!$C$19,0)+IF(Input!$D$20=2,K6414*Input!$C$20,0)+IF(Input!$D$21=2,L6414*Input!$C$21,0)+IF(Input!$D$22=2,M6414*Input!$C$22,0)</f>
        <v>0.58240770992866686</v>
      </c>
      <c r="P6414" s="59">
        <f>IF(Input!$D$19=3,J6414*Input!$C$19,0)+IF(Input!$D$20=3,K6414*Input!$C$20,0)+IF(Input!$D$21=3,L6414*Input!$C$21,0)+IF(Input!$D$22=3,M6414*Input!$C$22,0)</f>
        <v>0</v>
      </c>
      <c r="Q6414" s="75">
        <f>IF(Input!$D$19=4,J6414*Input!$C$19,0)+IF(Input!$D$20=4,K6414*Input!$C$20,0)+IF(Input!$D$21=4,L6414*Input!$C$21,0)+IF(Input!$D$22=4,M6414*Input!$C$22,0)</f>
        <v>0</v>
      </c>
      <c r="R6414" s="58">
        <v>57.515538013245525</v>
      </c>
      <c r="S6414" s="124">
        <f t="shared" si="100"/>
        <v>1.0095066972096893</v>
      </c>
    </row>
    <row r="6415" spans="8:19" x14ac:dyDescent="0.3">
      <c r="H6415" s="44">
        <v>6408</v>
      </c>
      <c r="I6415" s="56">
        <f>Bühler!I6441</f>
        <v>0.23296308397146676</v>
      </c>
      <c r="J6415" s="59">
        <f>Bühler!J6441</f>
        <v>0.77654361323822263</v>
      </c>
      <c r="K6415" s="59">
        <f>Bühler!K6441</f>
        <v>1.1648154198573337</v>
      </c>
      <c r="L6415" s="59">
        <f>Bühler!L6441</f>
        <v>5.5911140153152017</v>
      </c>
      <c r="M6415" s="58">
        <f>Bühler!M6441</f>
        <v>0</v>
      </c>
      <c r="N6415" s="56">
        <f>IF(Input!$D$19=1,J6415*Input!$C$19,0)+IF(Input!$D$20=1,K6415*Input!$C$20,0)+IF(Input!$D$21=1,L6415*Input!$C$21,0)+IF(Input!$D$22=1,M6415*Input!$C$22,0)</f>
        <v>0.23296308397146678</v>
      </c>
      <c r="O6415" s="59">
        <f>IF(Input!$D$19=2,J6415*Input!$C$19,0)+IF(Input!$D$20=2,K6415*Input!$C$20,0)+IF(Input!$D$21=2,L6415*Input!$C$21,0)+IF(Input!$D$22=2,M6415*Input!$C$22,0)</f>
        <v>0.58240770992866686</v>
      </c>
      <c r="P6415" s="59">
        <f>IF(Input!$D$19=3,J6415*Input!$C$19,0)+IF(Input!$D$20=3,K6415*Input!$C$20,0)+IF(Input!$D$21=3,L6415*Input!$C$21,0)+IF(Input!$D$22=3,M6415*Input!$C$22,0)</f>
        <v>0</v>
      </c>
      <c r="Q6415" s="75">
        <f>IF(Input!$D$19=4,J6415*Input!$C$19,0)+IF(Input!$D$20=4,K6415*Input!$C$20,0)+IF(Input!$D$21=4,L6415*Input!$C$21,0)+IF(Input!$D$22=4,M6415*Input!$C$22,0)</f>
        <v>0</v>
      </c>
      <c r="R6415" s="58">
        <v>57.380823698403823</v>
      </c>
      <c r="S6415" s="124">
        <f t="shared" si="100"/>
        <v>1.0095066972096893</v>
      </c>
    </row>
    <row r="6416" spans="8:19" x14ac:dyDescent="0.3">
      <c r="H6416" s="44">
        <v>6409</v>
      </c>
      <c r="I6416" s="56">
        <f>Bühler!I6442</f>
        <v>0.20882038174684406</v>
      </c>
      <c r="J6416" s="59">
        <f>Bühler!J6442</f>
        <v>0.69606793915614684</v>
      </c>
      <c r="K6416" s="59">
        <f>Bühler!K6442</f>
        <v>1.0441019087342203</v>
      </c>
      <c r="L6416" s="59">
        <f>Bühler!L6442</f>
        <v>5.0116891619242567</v>
      </c>
      <c r="M6416" s="58">
        <f>Bühler!M6442</f>
        <v>0</v>
      </c>
      <c r="N6416" s="56">
        <f>IF(Input!$D$19=1,J6416*Input!$C$19,0)+IF(Input!$D$20=1,K6416*Input!$C$20,0)+IF(Input!$D$21=1,L6416*Input!$C$21,0)+IF(Input!$D$22=1,M6416*Input!$C$22,0)</f>
        <v>0.20882038174684406</v>
      </c>
      <c r="O6416" s="59">
        <f>IF(Input!$D$19=2,J6416*Input!$C$19,0)+IF(Input!$D$20=2,K6416*Input!$C$20,0)+IF(Input!$D$21=2,L6416*Input!$C$21,0)+IF(Input!$D$22=2,M6416*Input!$C$22,0)</f>
        <v>0.52205095436711013</v>
      </c>
      <c r="P6416" s="59">
        <f>IF(Input!$D$19=3,J6416*Input!$C$19,0)+IF(Input!$D$20=3,K6416*Input!$C$20,0)+IF(Input!$D$21=3,L6416*Input!$C$21,0)+IF(Input!$D$22=3,M6416*Input!$C$22,0)</f>
        <v>0</v>
      </c>
      <c r="Q6416" s="75">
        <f>IF(Input!$D$19=4,J6416*Input!$C$19,0)+IF(Input!$D$20=4,K6416*Input!$C$20,0)+IF(Input!$D$21=4,L6416*Input!$C$21,0)+IF(Input!$D$22=4,M6416*Input!$C$22,0)</f>
        <v>0</v>
      </c>
      <c r="R6416" s="58">
        <v>56.689961787437689</v>
      </c>
      <c r="S6416" s="124">
        <f t="shared" si="100"/>
        <v>0.90488832090299087</v>
      </c>
    </row>
    <row r="6417" spans="8:19" x14ac:dyDescent="0.3">
      <c r="H6417" s="44">
        <v>6410</v>
      </c>
      <c r="I6417" s="56">
        <f>Bühler!I6443</f>
        <v>0.20882038174684406</v>
      </c>
      <c r="J6417" s="59">
        <f>Bühler!J6443</f>
        <v>0.69606793915614684</v>
      </c>
      <c r="K6417" s="59">
        <f>Bühler!K6443</f>
        <v>1.0441019087342203</v>
      </c>
      <c r="L6417" s="59">
        <f>Bühler!L6443</f>
        <v>5.0116891619242567</v>
      </c>
      <c r="M6417" s="58">
        <f>Bühler!M6443</f>
        <v>0</v>
      </c>
      <c r="N6417" s="56">
        <f>IF(Input!$D$19=1,J6417*Input!$C$19,0)+IF(Input!$D$20=1,K6417*Input!$C$20,0)+IF(Input!$D$21=1,L6417*Input!$C$21,0)+IF(Input!$D$22=1,M6417*Input!$C$22,0)</f>
        <v>0.20882038174684406</v>
      </c>
      <c r="O6417" s="59">
        <f>IF(Input!$D$19=2,J6417*Input!$C$19,0)+IF(Input!$D$20=2,K6417*Input!$C$20,0)+IF(Input!$D$21=2,L6417*Input!$C$21,0)+IF(Input!$D$22=2,M6417*Input!$C$22,0)</f>
        <v>0.52205095436711013</v>
      </c>
      <c r="P6417" s="59">
        <f>IF(Input!$D$19=3,J6417*Input!$C$19,0)+IF(Input!$D$20=3,K6417*Input!$C$20,0)+IF(Input!$D$21=3,L6417*Input!$C$21,0)+IF(Input!$D$22=3,M6417*Input!$C$22,0)</f>
        <v>0</v>
      </c>
      <c r="Q6417" s="75">
        <f>IF(Input!$D$19=4,J6417*Input!$C$19,0)+IF(Input!$D$20=4,K6417*Input!$C$20,0)+IF(Input!$D$21=4,L6417*Input!$C$21,0)+IF(Input!$D$22=4,M6417*Input!$C$22,0)</f>
        <v>0</v>
      </c>
      <c r="R6417" s="58">
        <v>56.425374966711011</v>
      </c>
      <c r="S6417" s="124">
        <f t="shared" si="100"/>
        <v>0.90488832090299087</v>
      </c>
    </row>
    <row r="6418" spans="8:19" x14ac:dyDescent="0.3">
      <c r="H6418" s="44">
        <v>6411</v>
      </c>
      <c r="I6418" s="56">
        <f>Bühler!I6444</f>
        <v>0.20882038174684406</v>
      </c>
      <c r="J6418" s="59">
        <f>Bühler!J6444</f>
        <v>0.69606793915614684</v>
      </c>
      <c r="K6418" s="59">
        <f>Bühler!K6444</f>
        <v>1.0441019087342203</v>
      </c>
      <c r="L6418" s="59">
        <f>Bühler!L6444</f>
        <v>5.0116891619242567</v>
      </c>
      <c r="M6418" s="58">
        <f>Bühler!M6444</f>
        <v>0</v>
      </c>
      <c r="N6418" s="56">
        <f>IF(Input!$D$19=1,J6418*Input!$C$19,0)+IF(Input!$D$20=1,K6418*Input!$C$20,0)+IF(Input!$D$21=1,L6418*Input!$C$21,0)+IF(Input!$D$22=1,M6418*Input!$C$22,0)</f>
        <v>0.20882038174684406</v>
      </c>
      <c r="O6418" s="59">
        <f>IF(Input!$D$19=2,J6418*Input!$C$19,0)+IF(Input!$D$20=2,K6418*Input!$C$20,0)+IF(Input!$D$21=2,L6418*Input!$C$21,0)+IF(Input!$D$22=2,M6418*Input!$C$22,0)</f>
        <v>0.52205095436711013</v>
      </c>
      <c r="P6418" s="59">
        <f>IF(Input!$D$19=3,J6418*Input!$C$19,0)+IF(Input!$D$20=3,K6418*Input!$C$20,0)+IF(Input!$D$21=3,L6418*Input!$C$21,0)+IF(Input!$D$22=3,M6418*Input!$C$22,0)</f>
        <v>0</v>
      </c>
      <c r="Q6418" s="75">
        <f>IF(Input!$D$19=4,J6418*Input!$C$19,0)+IF(Input!$D$20=4,K6418*Input!$C$20,0)+IF(Input!$D$21=4,L6418*Input!$C$21,0)+IF(Input!$D$22=4,M6418*Input!$C$22,0)</f>
        <v>0</v>
      </c>
      <c r="R6418" s="58">
        <v>56.779134818994002</v>
      </c>
      <c r="S6418" s="124">
        <f t="shared" si="100"/>
        <v>0.90488832090299087</v>
      </c>
    </row>
    <row r="6419" spans="8:19" x14ac:dyDescent="0.3">
      <c r="H6419" s="44">
        <v>6412</v>
      </c>
      <c r="I6419" s="56">
        <f>Bühler!I6445</f>
        <v>0.20882038174684406</v>
      </c>
      <c r="J6419" s="59">
        <f>Bühler!J6445</f>
        <v>0.69606793915614684</v>
      </c>
      <c r="K6419" s="59">
        <f>Bühler!K6445</f>
        <v>1.0441019087342203</v>
      </c>
      <c r="L6419" s="59">
        <f>Bühler!L6445</f>
        <v>5.0116891619242567</v>
      </c>
      <c r="M6419" s="58">
        <f>Bühler!M6445</f>
        <v>0</v>
      </c>
      <c r="N6419" s="56">
        <f>IF(Input!$D$19=1,J6419*Input!$C$19,0)+IF(Input!$D$20=1,K6419*Input!$C$20,0)+IF(Input!$D$21=1,L6419*Input!$C$21,0)+IF(Input!$D$22=1,M6419*Input!$C$22,0)</f>
        <v>0.20882038174684406</v>
      </c>
      <c r="O6419" s="59">
        <f>IF(Input!$D$19=2,J6419*Input!$C$19,0)+IF(Input!$D$20=2,K6419*Input!$C$20,0)+IF(Input!$D$21=2,L6419*Input!$C$21,0)+IF(Input!$D$22=2,M6419*Input!$C$22,0)</f>
        <v>0.52205095436711013</v>
      </c>
      <c r="P6419" s="59">
        <f>IF(Input!$D$19=3,J6419*Input!$C$19,0)+IF(Input!$D$20=3,K6419*Input!$C$20,0)+IF(Input!$D$21=3,L6419*Input!$C$21,0)+IF(Input!$D$22=3,M6419*Input!$C$22,0)</f>
        <v>0</v>
      </c>
      <c r="Q6419" s="75">
        <f>IF(Input!$D$19=4,J6419*Input!$C$19,0)+IF(Input!$D$20=4,K6419*Input!$C$20,0)+IF(Input!$D$21=4,L6419*Input!$C$21,0)+IF(Input!$D$22=4,M6419*Input!$C$22,0)</f>
        <v>0</v>
      </c>
      <c r="R6419" s="58">
        <v>57.617274999470489</v>
      </c>
      <c r="S6419" s="124">
        <f t="shared" si="100"/>
        <v>0.90488832090299087</v>
      </c>
    </row>
    <row r="6420" spans="8:19" x14ac:dyDescent="0.3">
      <c r="H6420" s="44">
        <v>6413</v>
      </c>
      <c r="I6420" s="56">
        <f>Bühler!I6446</f>
        <v>0.20882038174684406</v>
      </c>
      <c r="J6420" s="59">
        <f>Bühler!J6446</f>
        <v>0.69606793915614684</v>
      </c>
      <c r="K6420" s="59">
        <f>Bühler!K6446</f>
        <v>1.0441019087342203</v>
      </c>
      <c r="L6420" s="59">
        <f>Bühler!L6446</f>
        <v>5.0116891619242567</v>
      </c>
      <c r="M6420" s="58">
        <f>Bühler!M6446</f>
        <v>0</v>
      </c>
      <c r="N6420" s="56">
        <f>IF(Input!$D$19=1,J6420*Input!$C$19,0)+IF(Input!$D$20=1,K6420*Input!$C$20,0)+IF(Input!$D$21=1,L6420*Input!$C$21,0)+IF(Input!$D$22=1,M6420*Input!$C$22,0)</f>
        <v>0.20882038174684406</v>
      </c>
      <c r="O6420" s="59">
        <f>IF(Input!$D$19=2,J6420*Input!$C$19,0)+IF(Input!$D$20=2,K6420*Input!$C$20,0)+IF(Input!$D$21=2,L6420*Input!$C$21,0)+IF(Input!$D$22=2,M6420*Input!$C$22,0)</f>
        <v>0.52205095436711013</v>
      </c>
      <c r="P6420" s="59">
        <f>IF(Input!$D$19=3,J6420*Input!$C$19,0)+IF(Input!$D$20=3,K6420*Input!$C$20,0)+IF(Input!$D$21=3,L6420*Input!$C$21,0)+IF(Input!$D$22=3,M6420*Input!$C$22,0)</f>
        <v>0</v>
      </c>
      <c r="Q6420" s="75">
        <f>IF(Input!$D$19=4,J6420*Input!$C$19,0)+IF(Input!$D$20=4,K6420*Input!$C$20,0)+IF(Input!$D$21=4,L6420*Input!$C$21,0)+IF(Input!$D$22=4,M6420*Input!$C$22,0)</f>
        <v>0</v>
      </c>
      <c r="R6420" s="58">
        <v>59.117967636595019</v>
      </c>
      <c r="S6420" s="124">
        <f t="shared" si="100"/>
        <v>0.90488832090299087</v>
      </c>
    </row>
    <row r="6421" spans="8:19" x14ac:dyDescent="0.3">
      <c r="H6421" s="44">
        <v>6414</v>
      </c>
      <c r="I6421" s="56">
        <f>Bühler!I6447</f>
        <v>0.27146649627089725</v>
      </c>
      <c r="J6421" s="59">
        <f>Bühler!J6447</f>
        <v>0.90488832090299087</v>
      </c>
      <c r="K6421" s="59">
        <f>Bühler!K6447</f>
        <v>1.3573324813544863</v>
      </c>
      <c r="L6421" s="59">
        <f>Bühler!L6447</f>
        <v>6.5151959105015331</v>
      </c>
      <c r="M6421" s="58">
        <f>Bühler!M6447</f>
        <v>0</v>
      </c>
      <c r="N6421" s="56">
        <f>IF(Input!$D$19=1,J6421*Input!$C$19,0)+IF(Input!$D$20=1,K6421*Input!$C$20,0)+IF(Input!$D$21=1,L6421*Input!$C$21,0)+IF(Input!$D$22=1,M6421*Input!$C$22,0)</f>
        <v>0.27146649627089725</v>
      </c>
      <c r="O6421" s="59">
        <f>IF(Input!$D$19=2,J6421*Input!$C$19,0)+IF(Input!$D$20=2,K6421*Input!$C$20,0)+IF(Input!$D$21=2,L6421*Input!$C$21,0)+IF(Input!$D$22=2,M6421*Input!$C$22,0)</f>
        <v>0.67866624067724313</v>
      </c>
      <c r="P6421" s="59">
        <f>IF(Input!$D$19=3,J6421*Input!$C$19,0)+IF(Input!$D$20=3,K6421*Input!$C$20,0)+IF(Input!$D$21=3,L6421*Input!$C$21,0)+IF(Input!$D$22=3,M6421*Input!$C$22,0)</f>
        <v>0</v>
      </c>
      <c r="Q6421" s="75">
        <f>IF(Input!$D$19=4,J6421*Input!$C$19,0)+IF(Input!$D$20=4,K6421*Input!$C$20,0)+IF(Input!$D$21=4,L6421*Input!$C$21,0)+IF(Input!$D$22=4,M6421*Input!$C$22,0)</f>
        <v>0</v>
      </c>
      <c r="R6421" s="58">
        <v>62.426889608124419</v>
      </c>
      <c r="S6421" s="124">
        <f t="shared" si="100"/>
        <v>1.176354817173888</v>
      </c>
    </row>
    <row r="6422" spans="8:19" x14ac:dyDescent="0.3">
      <c r="H6422" s="44">
        <v>6415</v>
      </c>
      <c r="I6422" s="56">
        <f>Bühler!I6448</f>
        <v>0.30278955353292386</v>
      </c>
      <c r="J6422" s="59">
        <f>Bühler!J6448</f>
        <v>1.0092985117764131</v>
      </c>
      <c r="K6422" s="59">
        <f>Bühler!K6448</f>
        <v>1.5139477676646194</v>
      </c>
      <c r="L6422" s="59">
        <f>Bühler!L6448</f>
        <v>7.2669492847901731</v>
      </c>
      <c r="M6422" s="58">
        <f>Bühler!M6448</f>
        <v>0</v>
      </c>
      <c r="N6422" s="56">
        <f>IF(Input!$D$19=1,J6422*Input!$C$19,0)+IF(Input!$D$20=1,K6422*Input!$C$20,0)+IF(Input!$D$21=1,L6422*Input!$C$21,0)+IF(Input!$D$22=1,M6422*Input!$C$22,0)</f>
        <v>0.30278955353292392</v>
      </c>
      <c r="O6422" s="59">
        <f>IF(Input!$D$19=2,J6422*Input!$C$19,0)+IF(Input!$D$20=2,K6422*Input!$C$20,0)+IF(Input!$D$21=2,L6422*Input!$C$21,0)+IF(Input!$D$22=2,M6422*Input!$C$22,0)</f>
        <v>0.75697388383230968</v>
      </c>
      <c r="P6422" s="59">
        <f>IF(Input!$D$19=3,J6422*Input!$C$19,0)+IF(Input!$D$20=3,K6422*Input!$C$20,0)+IF(Input!$D$21=3,L6422*Input!$C$21,0)+IF(Input!$D$22=3,M6422*Input!$C$22,0)</f>
        <v>0</v>
      </c>
      <c r="Q6422" s="75">
        <f>IF(Input!$D$19=4,J6422*Input!$C$19,0)+IF(Input!$D$20=4,K6422*Input!$C$20,0)+IF(Input!$D$21=4,L6422*Input!$C$21,0)+IF(Input!$D$22=4,M6422*Input!$C$22,0)</f>
        <v>0</v>
      </c>
      <c r="R6422" s="58">
        <v>64.961250891177201</v>
      </c>
      <c r="S6422" s="124">
        <f t="shared" si="100"/>
        <v>1.312088065309337</v>
      </c>
    </row>
    <row r="6423" spans="8:19" x14ac:dyDescent="0.3">
      <c r="H6423" s="44">
        <v>6416</v>
      </c>
      <c r="I6423" s="56">
        <f>Bühler!I6449</f>
        <v>0.3132305726202661</v>
      </c>
      <c r="J6423" s="59">
        <f>Bühler!J6449</f>
        <v>1.0441019087342205</v>
      </c>
      <c r="K6423" s="59">
        <f>Bühler!K6449</f>
        <v>1.5661528631013304</v>
      </c>
      <c r="L6423" s="59">
        <f>Bühler!L6449</f>
        <v>7.5175337428863864</v>
      </c>
      <c r="M6423" s="58">
        <f>Bühler!M6449</f>
        <v>0</v>
      </c>
      <c r="N6423" s="56">
        <f>IF(Input!$D$19=1,J6423*Input!$C$19,0)+IF(Input!$D$20=1,K6423*Input!$C$20,0)+IF(Input!$D$21=1,L6423*Input!$C$21,0)+IF(Input!$D$22=1,M6423*Input!$C$22,0)</f>
        <v>0.31323057262026616</v>
      </c>
      <c r="O6423" s="59">
        <f>IF(Input!$D$19=2,J6423*Input!$C$19,0)+IF(Input!$D$20=2,K6423*Input!$C$20,0)+IF(Input!$D$21=2,L6423*Input!$C$21,0)+IF(Input!$D$22=2,M6423*Input!$C$22,0)</f>
        <v>0.7830764315506652</v>
      </c>
      <c r="P6423" s="59">
        <f>IF(Input!$D$19=3,J6423*Input!$C$19,0)+IF(Input!$D$20=3,K6423*Input!$C$20,0)+IF(Input!$D$21=3,L6423*Input!$C$21,0)+IF(Input!$D$22=3,M6423*Input!$C$22,0)</f>
        <v>0</v>
      </c>
      <c r="Q6423" s="75">
        <f>IF(Input!$D$19=4,J6423*Input!$C$19,0)+IF(Input!$D$20=4,K6423*Input!$C$20,0)+IF(Input!$D$21=4,L6423*Input!$C$21,0)+IF(Input!$D$22=4,M6423*Input!$C$22,0)</f>
        <v>0</v>
      </c>
      <c r="R6423" s="58">
        <v>67.245971220532553</v>
      </c>
      <c r="S6423" s="124">
        <f t="shared" si="100"/>
        <v>1.3573324813544865</v>
      </c>
    </row>
    <row r="6424" spans="8:19" x14ac:dyDescent="0.3">
      <c r="H6424" s="44">
        <v>6417</v>
      </c>
      <c r="I6424" s="56">
        <f>Bühler!I6450</f>
        <v>0.3132305726202661</v>
      </c>
      <c r="J6424" s="59">
        <f>Bühler!J6450</f>
        <v>1.0441019087342205</v>
      </c>
      <c r="K6424" s="59">
        <f>Bühler!K6450</f>
        <v>1.5661528631013304</v>
      </c>
      <c r="L6424" s="59">
        <f>Bühler!L6450</f>
        <v>7.5175337428863864</v>
      </c>
      <c r="M6424" s="58">
        <f>Bühler!M6450</f>
        <v>0</v>
      </c>
      <c r="N6424" s="56">
        <f>IF(Input!$D$19=1,J6424*Input!$C$19,0)+IF(Input!$D$20=1,K6424*Input!$C$20,0)+IF(Input!$D$21=1,L6424*Input!$C$21,0)+IF(Input!$D$22=1,M6424*Input!$C$22,0)</f>
        <v>0.31323057262026616</v>
      </c>
      <c r="O6424" s="59">
        <f>IF(Input!$D$19=2,J6424*Input!$C$19,0)+IF(Input!$D$20=2,K6424*Input!$C$20,0)+IF(Input!$D$21=2,L6424*Input!$C$21,0)+IF(Input!$D$22=2,M6424*Input!$C$22,0)</f>
        <v>0.7830764315506652</v>
      </c>
      <c r="P6424" s="59">
        <f>IF(Input!$D$19=3,J6424*Input!$C$19,0)+IF(Input!$D$20=3,K6424*Input!$C$20,0)+IF(Input!$D$21=3,L6424*Input!$C$21,0)+IF(Input!$D$22=3,M6424*Input!$C$22,0)</f>
        <v>0</v>
      </c>
      <c r="Q6424" s="75">
        <f>IF(Input!$D$19=4,J6424*Input!$C$19,0)+IF(Input!$D$20=4,K6424*Input!$C$20,0)+IF(Input!$D$21=4,L6424*Input!$C$21,0)+IF(Input!$D$22=4,M6424*Input!$C$22,0)</f>
        <v>0</v>
      </c>
      <c r="R6424" s="58">
        <v>67.478452484603309</v>
      </c>
      <c r="S6424" s="124">
        <f t="shared" si="100"/>
        <v>1.3573324813544865</v>
      </c>
    </row>
    <row r="6425" spans="8:19" x14ac:dyDescent="0.3">
      <c r="H6425" s="44">
        <v>6418</v>
      </c>
      <c r="I6425" s="56">
        <f>Bühler!I6451</f>
        <v>0.33933312033862162</v>
      </c>
      <c r="J6425" s="59">
        <f>Bühler!J6451</f>
        <v>1.1311104011287387</v>
      </c>
      <c r="K6425" s="59">
        <f>Bühler!K6451</f>
        <v>1.6966656016931081</v>
      </c>
      <c r="L6425" s="59">
        <f>Bühler!L6451</f>
        <v>8.1439948881269189</v>
      </c>
      <c r="M6425" s="58">
        <f>Bühler!M6451</f>
        <v>0</v>
      </c>
      <c r="N6425" s="56">
        <f>IF(Input!$D$19=1,J6425*Input!$C$19,0)+IF(Input!$D$20=1,K6425*Input!$C$20,0)+IF(Input!$D$21=1,L6425*Input!$C$21,0)+IF(Input!$D$22=1,M6425*Input!$C$22,0)</f>
        <v>0.33933312033862162</v>
      </c>
      <c r="O6425" s="59">
        <f>IF(Input!$D$19=2,J6425*Input!$C$19,0)+IF(Input!$D$20=2,K6425*Input!$C$20,0)+IF(Input!$D$21=2,L6425*Input!$C$21,0)+IF(Input!$D$22=2,M6425*Input!$C$22,0)</f>
        <v>0.84833280084655405</v>
      </c>
      <c r="P6425" s="59">
        <f>IF(Input!$D$19=3,J6425*Input!$C$19,0)+IF(Input!$D$20=3,K6425*Input!$C$20,0)+IF(Input!$D$21=3,L6425*Input!$C$21,0)+IF(Input!$D$22=3,M6425*Input!$C$22,0)</f>
        <v>0</v>
      </c>
      <c r="Q6425" s="75">
        <f>IF(Input!$D$19=4,J6425*Input!$C$19,0)+IF(Input!$D$20=4,K6425*Input!$C$20,0)+IF(Input!$D$21=4,L6425*Input!$C$21,0)+IF(Input!$D$22=4,M6425*Input!$C$22,0)</f>
        <v>0</v>
      </c>
      <c r="R6425" s="58">
        <v>68.222637489567887</v>
      </c>
      <c r="S6425" s="124">
        <f t="shared" si="100"/>
        <v>1.4704435214673603</v>
      </c>
    </row>
    <row r="6426" spans="8:19" x14ac:dyDescent="0.3">
      <c r="H6426" s="44">
        <v>6419</v>
      </c>
      <c r="I6426" s="56">
        <f>Bühler!I6452</f>
        <v>0.35499464896963484</v>
      </c>
      <c r="J6426" s="59">
        <f>Bühler!J6452</f>
        <v>1.1833154965654495</v>
      </c>
      <c r="K6426" s="59">
        <f>Bühler!K6452</f>
        <v>1.7749732448481743</v>
      </c>
      <c r="L6426" s="59">
        <f>Bühler!L6452</f>
        <v>8.5198715752712371</v>
      </c>
      <c r="M6426" s="58">
        <f>Bühler!M6452</f>
        <v>0</v>
      </c>
      <c r="N6426" s="56">
        <f>IF(Input!$D$19=1,J6426*Input!$C$19,0)+IF(Input!$D$20=1,K6426*Input!$C$20,0)+IF(Input!$D$21=1,L6426*Input!$C$21,0)+IF(Input!$D$22=1,M6426*Input!$C$22,0)</f>
        <v>0.35499464896963484</v>
      </c>
      <c r="O6426" s="59">
        <f>IF(Input!$D$19=2,J6426*Input!$C$19,0)+IF(Input!$D$20=2,K6426*Input!$C$20,0)+IF(Input!$D$21=2,L6426*Input!$C$21,0)+IF(Input!$D$22=2,M6426*Input!$C$22,0)</f>
        <v>0.88748662242408716</v>
      </c>
      <c r="P6426" s="59">
        <f>IF(Input!$D$19=3,J6426*Input!$C$19,0)+IF(Input!$D$20=3,K6426*Input!$C$20,0)+IF(Input!$D$21=3,L6426*Input!$C$21,0)+IF(Input!$D$22=3,M6426*Input!$C$22,0)</f>
        <v>0</v>
      </c>
      <c r="Q6426" s="75">
        <f>IF(Input!$D$19=4,J6426*Input!$C$19,0)+IF(Input!$D$20=4,K6426*Input!$C$20,0)+IF(Input!$D$21=4,L6426*Input!$C$21,0)+IF(Input!$D$22=4,M6426*Input!$C$22,0)</f>
        <v>0</v>
      </c>
      <c r="R6426" s="58">
        <v>69.133603923097098</v>
      </c>
      <c r="S6426" s="124">
        <f t="shared" si="100"/>
        <v>1.5383101455350845</v>
      </c>
    </row>
    <row r="6427" spans="8:19" x14ac:dyDescent="0.3">
      <c r="H6427" s="44">
        <v>6420</v>
      </c>
      <c r="I6427" s="56">
        <f>Bühler!I6453</f>
        <v>0.41764076349368812</v>
      </c>
      <c r="J6427" s="59">
        <f>Bühler!J6453</f>
        <v>1.3921358783122937</v>
      </c>
      <c r="K6427" s="59">
        <f>Bühler!K6453</f>
        <v>2.0882038174684405</v>
      </c>
      <c r="L6427" s="59">
        <f>Bühler!L6453</f>
        <v>10.023378323848513</v>
      </c>
      <c r="M6427" s="58">
        <f>Bühler!M6453</f>
        <v>0</v>
      </c>
      <c r="N6427" s="56">
        <f>IF(Input!$D$19=1,J6427*Input!$C$19,0)+IF(Input!$D$20=1,K6427*Input!$C$20,0)+IF(Input!$D$21=1,L6427*Input!$C$21,0)+IF(Input!$D$22=1,M6427*Input!$C$22,0)</f>
        <v>0.41764076349368812</v>
      </c>
      <c r="O6427" s="59">
        <f>IF(Input!$D$19=2,J6427*Input!$C$19,0)+IF(Input!$D$20=2,K6427*Input!$C$20,0)+IF(Input!$D$21=2,L6427*Input!$C$21,0)+IF(Input!$D$22=2,M6427*Input!$C$22,0)</f>
        <v>1.0441019087342203</v>
      </c>
      <c r="P6427" s="59">
        <f>IF(Input!$D$19=3,J6427*Input!$C$19,0)+IF(Input!$D$20=3,K6427*Input!$C$20,0)+IF(Input!$D$21=3,L6427*Input!$C$21,0)+IF(Input!$D$22=3,M6427*Input!$C$22,0)</f>
        <v>0</v>
      </c>
      <c r="Q6427" s="75">
        <f>IF(Input!$D$19=4,J6427*Input!$C$19,0)+IF(Input!$D$20=4,K6427*Input!$C$20,0)+IF(Input!$D$21=4,L6427*Input!$C$21,0)+IF(Input!$D$22=4,M6427*Input!$C$22,0)</f>
        <v>0</v>
      </c>
      <c r="R6427" s="58">
        <v>69.528596939610281</v>
      </c>
      <c r="S6427" s="124">
        <f t="shared" si="100"/>
        <v>1.8097766418059817</v>
      </c>
    </row>
    <row r="6428" spans="8:19" x14ac:dyDescent="0.3">
      <c r="H6428" s="44">
        <v>6421</v>
      </c>
      <c r="I6428" s="56">
        <f>Bühler!I6454</f>
        <v>0.41764076349368812</v>
      </c>
      <c r="J6428" s="59">
        <f>Bühler!J6454</f>
        <v>1.3921358783122937</v>
      </c>
      <c r="K6428" s="59">
        <f>Bühler!K6454</f>
        <v>2.0882038174684405</v>
      </c>
      <c r="L6428" s="59">
        <f>Bühler!L6454</f>
        <v>10.023378323848513</v>
      </c>
      <c r="M6428" s="58">
        <f>Bühler!M6454</f>
        <v>0</v>
      </c>
      <c r="N6428" s="56">
        <f>IF(Input!$D$19=1,J6428*Input!$C$19,0)+IF(Input!$D$20=1,K6428*Input!$C$20,0)+IF(Input!$D$21=1,L6428*Input!$C$21,0)+IF(Input!$D$22=1,M6428*Input!$C$22,0)</f>
        <v>0.41764076349368812</v>
      </c>
      <c r="O6428" s="59">
        <f>IF(Input!$D$19=2,J6428*Input!$C$19,0)+IF(Input!$D$20=2,K6428*Input!$C$20,0)+IF(Input!$D$21=2,L6428*Input!$C$21,0)+IF(Input!$D$22=2,M6428*Input!$C$22,0)</f>
        <v>1.0441019087342203</v>
      </c>
      <c r="P6428" s="59">
        <f>IF(Input!$D$19=3,J6428*Input!$C$19,0)+IF(Input!$D$20=3,K6428*Input!$C$20,0)+IF(Input!$D$21=3,L6428*Input!$C$21,0)+IF(Input!$D$22=3,M6428*Input!$C$22,0)</f>
        <v>0</v>
      </c>
      <c r="Q6428" s="75">
        <f>IF(Input!$D$19=4,J6428*Input!$C$19,0)+IF(Input!$D$20=4,K6428*Input!$C$20,0)+IF(Input!$D$21=4,L6428*Input!$C$21,0)+IF(Input!$D$22=4,M6428*Input!$C$22,0)</f>
        <v>0</v>
      </c>
      <c r="R6428" s="58">
        <v>68.494317129502264</v>
      </c>
      <c r="S6428" s="124">
        <f t="shared" si="100"/>
        <v>1.8097766418059817</v>
      </c>
    </row>
    <row r="6429" spans="8:19" x14ac:dyDescent="0.3">
      <c r="H6429" s="44">
        <v>6422</v>
      </c>
      <c r="I6429" s="56">
        <f>Bühler!I6455</f>
        <v>0.41764076349368812</v>
      </c>
      <c r="J6429" s="59">
        <f>Bühler!J6455</f>
        <v>1.3921358783122937</v>
      </c>
      <c r="K6429" s="59">
        <f>Bühler!K6455</f>
        <v>2.0882038174684405</v>
      </c>
      <c r="L6429" s="59">
        <f>Bühler!L6455</f>
        <v>10.023378323848513</v>
      </c>
      <c r="M6429" s="58">
        <f>Bühler!M6455</f>
        <v>0</v>
      </c>
      <c r="N6429" s="56">
        <f>IF(Input!$D$19=1,J6429*Input!$C$19,0)+IF(Input!$D$20=1,K6429*Input!$C$20,0)+IF(Input!$D$21=1,L6429*Input!$C$21,0)+IF(Input!$D$22=1,M6429*Input!$C$22,0)</f>
        <v>0.41764076349368812</v>
      </c>
      <c r="O6429" s="59">
        <f>IF(Input!$D$19=2,J6429*Input!$C$19,0)+IF(Input!$D$20=2,K6429*Input!$C$20,0)+IF(Input!$D$21=2,L6429*Input!$C$21,0)+IF(Input!$D$22=2,M6429*Input!$C$22,0)</f>
        <v>1.0441019087342203</v>
      </c>
      <c r="P6429" s="59">
        <f>IF(Input!$D$19=3,J6429*Input!$C$19,0)+IF(Input!$D$20=3,K6429*Input!$C$20,0)+IF(Input!$D$21=3,L6429*Input!$C$21,0)+IF(Input!$D$22=3,M6429*Input!$C$22,0)</f>
        <v>0</v>
      </c>
      <c r="Q6429" s="75">
        <f>IF(Input!$D$19=4,J6429*Input!$C$19,0)+IF(Input!$D$20=4,K6429*Input!$C$20,0)+IF(Input!$D$21=4,L6429*Input!$C$21,0)+IF(Input!$D$22=4,M6429*Input!$C$22,0)</f>
        <v>0</v>
      </c>
      <c r="R6429" s="58">
        <v>68.355940634948539</v>
      </c>
      <c r="S6429" s="124">
        <f t="shared" si="100"/>
        <v>1.8097766418059817</v>
      </c>
    </row>
    <row r="6430" spans="8:19" x14ac:dyDescent="0.3">
      <c r="H6430" s="44">
        <v>6423</v>
      </c>
      <c r="I6430" s="56">
        <f>Bühler!I6456</f>
        <v>0.41764076349368812</v>
      </c>
      <c r="J6430" s="59">
        <f>Bühler!J6456</f>
        <v>1.3921358783122937</v>
      </c>
      <c r="K6430" s="59">
        <f>Bühler!K6456</f>
        <v>2.0882038174684405</v>
      </c>
      <c r="L6430" s="59">
        <f>Bühler!L6456</f>
        <v>10.023378323848513</v>
      </c>
      <c r="M6430" s="58">
        <f>Bühler!M6456</f>
        <v>0</v>
      </c>
      <c r="N6430" s="56">
        <f>IF(Input!$D$19=1,J6430*Input!$C$19,0)+IF(Input!$D$20=1,K6430*Input!$C$20,0)+IF(Input!$D$21=1,L6430*Input!$C$21,0)+IF(Input!$D$22=1,M6430*Input!$C$22,0)</f>
        <v>0.41764076349368812</v>
      </c>
      <c r="O6430" s="59">
        <f>IF(Input!$D$19=2,J6430*Input!$C$19,0)+IF(Input!$D$20=2,K6430*Input!$C$20,0)+IF(Input!$D$21=2,L6430*Input!$C$21,0)+IF(Input!$D$22=2,M6430*Input!$C$22,0)</f>
        <v>1.0441019087342203</v>
      </c>
      <c r="P6430" s="59">
        <f>IF(Input!$D$19=3,J6430*Input!$C$19,0)+IF(Input!$D$20=3,K6430*Input!$C$20,0)+IF(Input!$D$21=3,L6430*Input!$C$21,0)+IF(Input!$D$22=3,M6430*Input!$C$22,0)</f>
        <v>0</v>
      </c>
      <c r="Q6430" s="75">
        <f>IF(Input!$D$19=4,J6430*Input!$C$19,0)+IF(Input!$D$20=4,K6430*Input!$C$20,0)+IF(Input!$D$21=4,L6430*Input!$C$21,0)+IF(Input!$D$22=4,M6430*Input!$C$22,0)</f>
        <v>0</v>
      </c>
      <c r="R6430" s="58">
        <v>68.442434900169232</v>
      </c>
      <c r="S6430" s="124">
        <f t="shared" si="100"/>
        <v>1.8097766418059817</v>
      </c>
    </row>
    <row r="6431" spans="8:19" x14ac:dyDescent="0.3">
      <c r="H6431" s="44">
        <v>6424</v>
      </c>
      <c r="I6431" s="56">
        <f>Bühler!I6457</f>
        <v>0.41764076349368812</v>
      </c>
      <c r="J6431" s="59">
        <f>Bühler!J6457</f>
        <v>1.3921358783122937</v>
      </c>
      <c r="K6431" s="59">
        <f>Bühler!K6457</f>
        <v>2.0882038174684405</v>
      </c>
      <c r="L6431" s="59">
        <f>Bühler!L6457</f>
        <v>10.023378323848513</v>
      </c>
      <c r="M6431" s="58">
        <f>Bühler!M6457</f>
        <v>0</v>
      </c>
      <c r="N6431" s="56">
        <f>IF(Input!$D$19=1,J6431*Input!$C$19,0)+IF(Input!$D$20=1,K6431*Input!$C$20,0)+IF(Input!$D$21=1,L6431*Input!$C$21,0)+IF(Input!$D$22=1,M6431*Input!$C$22,0)</f>
        <v>0.41764076349368812</v>
      </c>
      <c r="O6431" s="59">
        <f>IF(Input!$D$19=2,J6431*Input!$C$19,0)+IF(Input!$D$20=2,K6431*Input!$C$20,0)+IF(Input!$D$21=2,L6431*Input!$C$21,0)+IF(Input!$D$22=2,M6431*Input!$C$22,0)</f>
        <v>1.0441019087342203</v>
      </c>
      <c r="P6431" s="59">
        <f>IF(Input!$D$19=3,J6431*Input!$C$19,0)+IF(Input!$D$20=3,K6431*Input!$C$20,0)+IF(Input!$D$21=3,L6431*Input!$C$21,0)+IF(Input!$D$22=3,M6431*Input!$C$22,0)</f>
        <v>0</v>
      </c>
      <c r="Q6431" s="75">
        <f>IF(Input!$D$19=4,J6431*Input!$C$19,0)+IF(Input!$D$20=4,K6431*Input!$C$20,0)+IF(Input!$D$21=4,L6431*Input!$C$21,0)+IF(Input!$D$22=4,M6431*Input!$C$22,0)</f>
        <v>0</v>
      </c>
      <c r="R6431" s="58">
        <v>67.828447341942223</v>
      </c>
      <c r="S6431" s="124">
        <f t="shared" si="100"/>
        <v>1.8097766418059817</v>
      </c>
    </row>
    <row r="6432" spans="8:19" x14ac:dyDescent="0.3">
      <c r="H6432" s="44">
        <v>6425</v>
      </c>
      <c r="I6432" s="56">
        <f>Bühler!I6458</f>
        <v>0.41764076349368812</v>
      </c>
      <c r="J6432" s="59">
        <f>Bühler!J6458</f>
        <v>1.3921358783122937</v>
      </c>
      <c r="K6432" s="59">
        <f>Bühler!K6458</f>
        <v>2.0882038174684405</v>
      </c>
      <c r="L6432" s="59">
        <f>Bühler!L6458</f>
        <v>10.023378323848513</v>
      </c>
      <c r="M6432" s="58">
        <f>Bühler!M6458</f>
        <v>0</v>
      </c>
      <c r="N6432" s="56">
        <f>IF(Input!$D$19=1,J6432*Input!$C$19,0)+IF(Input!$D$20=1,K6432*Input!$C$20,0)+IF(Input!$D$21=1,L6432*Input!$C$21,0)+IF(Input!$D$22=1,M6432*Input!$C$22,0)</f>
        <v>0.41764076349368812</v>
      </c>
      <c r="O6432" s="59">
        <f>IF(Input!$D$19=2,J6432*Input!$C$19,0)+IF(Input!$D$20=2,K6432*Input!$C$20,0)+IF(Input!$D$21=2,L6432*Input!$C$21,0)+IF(Input!$D$22=2,M6432*Input!$C$22,0)</f>
        <v>1.0441019087342203</v>
      </c>
      <c r="P6432" s="59">
        <f>IF(Input!$D$19=3,J6432*Input!$C$19,0)+IF(Input!$D$20=3,K6432*Input!$C$20,0)+IF(Input!$D$21=3,L6432*Input!$C$21,0)+IF(Input!$D$22=3,M6432*Input!$C$22,0)</f>
        <v>0</v>
      </c>
      <c r="Q6432" s="75">
        <f>IF(Input!$D$19=4,J6432*Input!$C$19,0)+IF(Input!$D$20=4,K6432*Input!$C$20,0)+IF(Input!$D$21=4,L6432*Input!$C$21,0)+IF(Input!$D$22=4,M6432*Input!$C$22,0)</f>
        <v>0</v>
      </c>
      <c r="R6432" s="58">
        <v>66.632028362022012</v>
      </c>
      <c r="S6432" s="124">
        <f t="shared" si="100"/>
        <v>1.8097766418059817</v>
      </c>
    </row>
    <row r="6433" spans="8:19" x14ac:dyDescent="0.3">
      <c r="H6433" s="44">
        <v>6426</v>
      </c>
      <c r="I6433" s="56">
        <f>Bühler!I6459</f>
        <v>0.41764076349368812</v>
      </c>
      <c r="J6433" s="59">
        <f>Bühler!J6459</f>
        <v>1.3921358783122937</v>
      </c>
      <c r="K6433" s="59">
        <f>Bühler!K6459</f>
        <v>2.0882038174684405</v>
      </c>
      <c r="L6433" s="59">
        <f>Bühler!L6459</f>
        <v>10.023378323848513</v>
      </c>
      <c r="M6433" s="58">
        <f>Bühler!M6459</f>
        <v>0</v>
      </c>
      <c r="N6433" s="56">
        <f>IF(Input!$D$19=1,J6433*Input!$C$19,0)+IF(Input!$D$20=1,K6433*Input!$C$20,0)+IF(Input!$D$21=1,L6433*Input!$C$21,0)+IF(Input!$D$22=1,M6433*Input!$C$22,0)</f>
        <v>0.41764076349368812</v>
      </c>
      <c r="O6433" s="59">
        <f>IF(Input!$D$19=2,J6433*Input!$C$19,0)+IF(Input!$D$20=2,K6433*Input!$C$20,0)+IF(Input!$D$21=2,L6433*Input!$C$21,0)+IF(Input!$D$22=2,M6433*Input!$C$22,0)</f>
        <v>1.0441019087342203</v>
      </c>
      <c r="P6433" s="59">
        <f>IF(Input!$D$19=3,J6433*Input!$C$19,0)+IF(Input!$D$20=3,K6433*Input!$C$20,0)+IF(Input!$D$21=3,L6433*Input!$C$21,0)+IF(Input!$D$22=3,M6433*Input!$C$22,0)</f>
        <v>0</v>
      </c>
      <c r="Q6433" s="75">
        <f>IF(Input!$D$19=4,J6433*Input!$C$19,0)+IF(Input!$D$20=4,K6433*Input!$C$20,0)+IF(Input!$D$21=4,L6433*Input!$C$21,0)+IF(Input!$D$22=4,M6433*Input!$C$22,0)</f>
        <v>0</v>
      </c>
      <c r="R6433" s="58">
        <v>65.586801573694146</v>
      </c>
      <c r="S6433" s="124">
        <f t="shared" si="100"/>
        <v>1.8097766418059817</v>
      </c>
    </row>
    <row r="6434" spans="8:19" x14ac:dyDescent="0.3">
      <c r="H6434" s="44">
        <v>6427</v>
      </c>
      <c r="I6434" s="56">
        <f>Bühler!I6460</f>
        <v>0.41764076349368812</v>
      </c>
      <c r="J6434" s="59">
        <f>Bühler!J6460</f>
        <v>1.3921358783122937</v>
      </c>
      <c r="K6434" s="59">
        <f>Bühler!K6460</f>
        <v>2.0882038174684405</v>
      </c>
      <c r="L6434" s="59">
        <f>Bühler!L6460</f>
        <v>10.023378323848513</v>
      </c>
      <c r="M6434" s="58">
        <f>Bühler!M6460</f>
        <v>0</v>
      </c>
      <c r="N6434" s="56">
        <f>IF(Input!$D$19=1,J6434*Input!$C$19,0)+IF(Input!$D$20=1,K6434*Input!$C$20,0)+IF(Input!$D$21=1,L6434*Input!$C$21,0)+IF(Input!$D$22=1,M6434*Input!$C$22,0)</f>
        <v>0.41764076349368812</v>
      </c>
      <c r="O6434" s="59">
        <f>IF(Input!$D$19=2,J6434*Input!$C$19,0)+IF(Input!$D$20=2,K6434*Input!$C$20,0)+IF(Input!$D$21=2,L6434*Input!$C$21,0)+IF(Input!$D$22=2,M6434*Input!$C$22,0)</f>
        <v>1.0441019087342203</v>
      </c>
      <c r="P6434" s="59">
        <f>IF(Input!$D$19=3,J6434*Input!$C$19,0)+IF(Input!$D$20=3,K6434*Input!$C$20,0)+IF(Input!$D$21=3,L6434*Input!$C$21,0)+IF(Input!$D$22=3,M6434*Input!$C$22,0)</f>
        <v>0</v>
      </c>
      <c r="Q6434" s="75">
        <f>IF(Input!$D$19=4,J6434*Input!$C$19,0)+IF(Input!$D$20=4,K6434*Input!$C$20,0)+IF(Input!$D$21=4,L6434*Input!$C$21,0)+IF(Input!$D$22=4,M6434*Input!$C$22,0)</f>
        <v>0</v>
      </c>
      <c r="R6434" s="58">
        <v>64.708462481181414</v>
      </c>
      <c r="S6434" s="124">
        <f t="shared" si="100"/>
        <v>1.8097766418059817</v>
      </c>
    </row>
    <row r="6435" spans="8:19" x14ac:dyDescent="0.3">
      <c r="H6435" s="44">
        <v>6428</v>
      </c>
      <c r="I6435" s="56">
        <f>Bühler!I6461</f>
        <v>0.3497741394259638</v>
      </c>
      <c r="J6435" s="59">
        <f>Bühler!J6461</f>
        <v>1.1659137980865462</v>
      </c>
      <c r="K6435" s="59">
        <f>Bühler!K6461</f>
        <v>1.7488706971298191</v>
      </c>
      <c r="L6435" s="59">
        <f>Bühler!L6461</f>
        <v>8.3945793462231322</v>
      </c>
      <c r="M6435" s="58">
        <f>Bühler!M6461</f>
        <v>0</v>
      </c>
      <c r="N6435" s="56">
        <f>IF(Input!$D$19=1,J6435*Input!$C$19,0)+IF(Input!$D$20=1,K6435*Input!$C$20,0)+IF(Input!$D$21=1,L6435*Input!$C$21,0)+IF(Input!$D$22=1,M6435*Input!$C$22,0)</f>
        <v>0.34977413942596386</v>
      </c>
      <c r="O6435" s="59">
        <f>IF(Input!$D$19=2,J6435*Input!$C$19,0)+IF(Input!$D$20=2,K6435*Input!$C$20,0)+IF(Input!$D$21=2,L6435*Input!$C$21,0)+IF(Input!$D$22=2,M6435*Input!$C$22,0)</f>
        <v>0.87443534856490956</v>
      </c>
      <c r="P6435" s="59">
        <f>IF(Input!$D$19=3,J6435*Input!$C$19,0)+IF(Input!$D$20=3,K6435*Input!$C$20,0)+IF(Input!$D$21=3,L6435*Input!$C$21,0)+IF(Input!$D$22=3,M6435*Input!$C$22,0)</f>
        <v>0</v>
      </c>
      <c r="Q6435" s="75">
        <f>IF(Input!$D$19=4,J6435*Input!$C$19,0)+IF(Input!$D$20=4,K6435*Input!$C$20,0)+IF(Input!$D$21=4,L6435*Input!$C$21,0)+IF(Input!$D$22=4,M6435*Input!$C$22,0)</f>
        <v>0</v>
      </c>
      <c r="R6435" s="58">
        <v>63.40748507834622</v>
      </c>
      <c r="S6435" s="124">
        <f t="shared" si="100"/>
        <v>1.5156879375125101</v>
      </c>
    </row>
    <row r="6436" spans="8:19" x14ac:dyDescent="0.3">
      <c r="H6436" s="44">
        <v>6429</v>
      </c>
      <c r="I6436" s="56">
        <f>Bühler!I6462</f>
        <v>0.28712802490191058</v>
      </c>
      <c r="J6436" s="59">
        <f>Bühler!J6462</f>
        <v>0.95709341633970202</v>
      </c>
      <c r="K6436" s="59">
        <f>Bühler!K6462</f>
        <v>1.4356401245095529</v>
      </c>
      <c r="L6436" s="59">
        <f>Bühler!L6462</f>
        <v>6.891072597645854</v>
      </c>
      <c r="M6436" s="58">
        <f>Bühler!M6462</f>
        <v>0</v>
      </c>
      <c r="N6436" s="56">
        <f>IF(Input!$D$19=1,J6436*Input!$C$19,0)+IF(Input!$D$20=1,K6436*Input!$C$20,0)+IF(Input!$D$21=1,L6436*Input!$C$21,0)+IF(Input!$D$22=1,M6436*Input!$C$22,0)</f>
        <v>0.28712802490191058</v>
      </c>
      <c r="O6436" s="59">
        <f>IF(Input!$D$19=2,J6436*Input!$C$19,0)+IF(Input!$D$20=2,K6436*Input!$C$20,0)+IF(Input!$D$21=2,L6436*Input!$C$21,0)+IF(Input!$D$22=2,M6436*Input!$C$22,0)</f>
        <v>0.71782006225477646</v>
      </c>
      <c r="P6436" s="59">
        <f>IF(Input!$D$19=3,J6436*Input!$C$19,0)+IF(Input!$D$20=3,K6436*Input!$C$20,0)+IF(Input!$D$21=3,L6436*Input!$C$21,0)+IF(Input!$D$22=3,M6436*Input!$C$22,0)</f>
        <v>0</v>
      </c>
      <c r="Q6436" s="75">
        <f>IF(Input!$D$19=4,J6436*Input!$C$19,0)+IF(Input!$D$20=4,K6436*Input!$C$20,0)+IF(Input!$D$21=4,L6436*Input!$C$21,0)+IF(Input!$D$22=4,M6436*Input!$C$22,0)</f>
        <v>0</v>
      </c>
      <c r="R6436" s="58">
        <v>61.722135617609354</v>
      </c>
      <c r="S6436" s="124">
        <f t="shared" si="100"/>
        <v>1.2442214412416126</v>
      </c>
    </row>
    <row r="6437" spans="8:19" x14ac:dyDescent="0.3">
      <c r="H6437" s="44">
        <v>6430</v>
      </c>
      <c r="I6437" s="56">
        <f>Bühler!I6463</f>
        <v>0.20882038174684406</v>
      </c>
      <c r="J6437" s="59">
        <f>Bühler!J6463</f>
        <v>0.69606793915614684</v>
      </c>
      <c r="K6437" s="59">
        <f>Bühler!K6463</f>
        <v>1.0441019087342203</v>
      </c>
      <c r="L6437" s="59">
        <f>Bühler!L6463</f>
        <v>5.0116891619242567</v>
      </c>
      <c r="M6437" s="58">
        <f>Bühler!M6463</f>
        <v>0</v>
      </c>
      <c r="N6437" s="56">
        <f>IF(Input!$D$19=1,J6437*Input!$C$19,0)+IF(Input!$D$20=1,K6437*Input!$C$20,0)+IF(Input!$D$21=1,L6437*Input!$C$21,0)+IF(Input!$D$22=1,M6437*Input!$C$22,0)</f>
        <v>0.20882038174684406</v>
      </c>
      <c r="O6437" s="59">
        <f>IF(Input!$D$19=2,J6437*Input!$C$19,0)+IF(Input!$D$20=2,K6437*Input!$C$20,0)+IF(Input!$D$21=2,L6437*Input!$C$21,0)+IF(Input!$D$22=2,M6437*Input!$C$22,0)</f>
        <v>0.52205095436711013</v>
      </c>
      <c r="P6437" s="59">
        <f>IF(Input!$D$19=3,J6437*Input!$C$19,0)+IF(Input!$D$20=3,K6437*Input!$C$20,0)+IF(Input!$D$21=3,L6437*Input!$C$21,0)+IF(Input!$D$22=3,M6437*Input!$C$22,0)</f>
        <v>0</v>
      </c>
      <c r="Q6437" s="75">
        <f>IF(Input!$D$19=4,J6437*Input!$C$19,0)+IF(Input!$D$20=4,K6437*Input!$C$20,0)+IF(Input!$D$21=4,L6437*Input!$C$21,0)+IF(Input!$D$22=4,M6437*Input!$C$22,0)</f>
        <v>0</v>
      </c>
      <c r="R6437" s="58">
        <v>59.492528077307377</v>
      </c>
      <c r="S6437" s="124">
        <f t="shared" si="100"/>
        <v>0.90488832090299087</v>
      </c>
    </row>
    <row r="6438" spans="8:19" x14ac:dyDescent="0.3">
      <c r="H6438" s="44">
        <v>6431</v>
      </c>
      <c r="I6438" s="56">
        <f>Bühler!I6464</f>
        <v>0.20882038174684406</v>
      </c>
      <c r="J6438" s="59">
        <f>Bühler!J6464</f>
        <v>0.69606793915614684</v>
      </c>
      <c r="K6438" s="59">
        <f>Bühler!K6464</f>
        <v>1.0441019087342203</v>
      </c>
      <c r="L6438" s="59">
        <f>Bühler!L6464</f>
        <v>5.0116891619242567</v>
      </c>
      <c r="M6438" s="58">
        <f>Bühler!M6464</f>
        <v>0</v>
      </c>
      <c r="N6438" s="56">
        <f>IF(Input!$D$19=1,J6438*Input!$C$19,0)+IF(Input!$D$20=1,K6438*Input!$C$20,0)+IF(Input!$D$21=1,L6438*Input!$C$21,0)+IF(Input!$D$22=1,M6438*Input!$C$22,0)</f>
        <v>0.20882038174684406</v>
      </c>
      <c r="O6438" s="59">
        <f>IF(Input!$D$19=2,J6438*Input!$C$19,0)+IF(Input!$D$20=2,K6438*Input!$C$20,0)+IF(Input!$D$21=2,L6438*Input!$C$21,0)+IF(Input!$D$22=2,M6438*Input!$C$22,0)</f>
        <v>0.52205095436711013</v>
      </c>
      <c r="P6438" s="59">
        <f>IF(Input!$D$19=3,J6438*Input!$C$19,0)+IF(Input!$D$20=3,K6438*Input!$C$20,0)+IF(Input!$D$21=3,L6438*Input!$C$21,0)+IF(Input!$D$22=3,M6438*Input!$C$22,0)</f>
        <v>0</v>
      </c>
      <c r="Q6438" s="75">
        <f>IF(Input!$D$19=4,J6438*Input!$C$19,0)+IF(Input!$D$20=4,K6438*Input!$C$20,0)+IF(Input!$D$21=4,L6438*Input!$C$21,0)+IF(Input!$D$22=4,M6438*Input!$C$22,0)</f>
        <v>0</v>
      </c>
      <c r="R6438" s="58">
        <v>58.346901449955823</v>
      </c>
      <c r="S6438" s="124">
        <f t="shared" si="100"/>
        <v>0.90488832090299087</v>
      </c>
    </row>
    <row r="6439" spans="8:19" x14ac:dyDescent="0.3">
      <c r="H6439" s="44">
        <v>6432</v>
      </c>
      <c r="I6439" s="56">
        <f>Bühler!I6465</f>
        <v>0.20882038174684406</v>
      </c>
      <c r="J6439" s="59">
        <f>Bühler!J6465</f>
        <v>0.69606793915614684</v>
      </c>
      <c r="K6439" s="59">
        <f>Bühler!K6465</f>
        <v>1.0441019087342203</v>
      </c>
      <c r="L6439" s="59">
        <f>Bühler!L6465</f>
        <v>5.0116891619242567</v>
      </c>
      <c r="M6439" s="58">
        <f>Bühler!M6465</f>
        <v>0</v>
      </c>
      <c r="N6439" s="56">
        <f>IF(Input!$D$19=1,J6439*Input!$C$19,0)+IF(Input!$D$20=1,K6439*Input!$C$20,0)+IF(Input!$D$21=1,L6439*Input!$C$21,0)+IF(Input!$D$22=1,M6439*Input!$C$22,0)</f>
        <v>0.20882038174684406</v>
      </c>
      <c r="O6439" s="59">
        <f>IF(Input!$D$19=2,J6439*Input!$C$19,0)+IF(Input!$D$20=2,K6439*Input!$C$20,0)+IF(Input!$D$21=2,L6439*Input!$C$21,0)+IF(Input!$D$22=2,M6439*Input!$C$22,0)</f>
        <v>0.52205095436711013</v>
      </c>
      <c r="P6439" s="59">
        <f>IF(Input!$D$19=3,J6439*Input!$C$19,0)+IF(Input!$D$20=3,K6439*Input!$C$20,0)+IF(Input!$D$21=3,L6439*Input!$C$21,0)+IF(Input!$D$22=3,M6439*Input!$C$22,0)</f>
        <v>0</v>
      </c>
      <c r="Q6439" s="75">
        <f>IF(Input!$D$19=4,J6439*Input!$C$19,0)+IF(Input!$D$20=4,K6439*Input!$C$20,0)+IF(Input!$D$21=4,L6439*Input!$C$21,0)+IF(Input!$D$22=4,M6439*Input!$C$22,0)</f>
        <v>0</v>
      </c>
      <c r="R6439" s="58">
        <v>58.195882408471938</v>
      </c>
      <c r="S6439" s="124">
        <f t="shared" si="100"/>
        <v>0.90488832090299087</v>
      </c>
    </row>
    <row r="6440" spans="8:19" x14ac:dyDescent="0.3">
      <c r="H6440" s="44">
        <v>6433</v>
      </c>
      <c r="I6440" s="56">
        <f>Bühler!I6466</f>
        <v>0.18706728064758518</v>
      </c>
      <c r="J6440" s="59">
        <f>Bühler!J6466</f>
        <v>0.62355760215861733</v>
      </c>
      <c r="K6440" s="59">
        <f>Bühler!K6466</f>
        <v>0.93533640323792588</v>
      </c>
      <c r="L6440" s="59">
        <f>Bühler!L6466</f>
        <v>4.4896147355420446</v>
      </c>
      <c r="M6440" s="58">
        <f>Bühler!M6466</f>
        <v>0</v>
      </c>
      <c r="N6440" s="56">
        <f>IF(Input!$D$19=1,J6440*Input!$C$19,0)+IF(Input!$D$20=1,K6440*Input!$C$20,0)+IF(Input!$D$21=1,L6440*Input!$C$21,0)+IF(Input!$D$22=1,M6440*Input!$C$22,0)</f>
        <v>0.18706728064758518</v>
      </c>
      <c r="O6440" s="59">
        <f>IF(Input!$D$19=2,J6440*Input!$C$19,0)+IF(Input!$D$20=2,K6440*Input!$C$20,0)+IF(Input!$D$21=2,L6440*Input!$C$21,0)+IF(Input!$D$22=2,M6440*Input!$C$22,0)</f>
        <v>0.46766820161896294</v>
      </c>
      <c r="P6440" s="59">
        <f>IF(Input!$D$19=3,J6440*Input!$C$19,0)+IF(Input!$D$20=3,K6440*Input!$C$20,0)+IF(Input!$D$21=3,L6440*Input!$C$21,0)+IF(Input!$D$22=3,M6440*Input!$C$22,0)</f>
        <v>0</v>
      </c>
      <c r="Q6440" s="75">
        <f>IF(Input!$D$19=4,J6440*Input!$C$19,0)+IF(Input!$D$20=4,K6440*Input!$C$20,0)+IF(Input!$D$21=4,L6440*Input!$C$21,0)+IF(Input!$D$22=4,M6440*Input!$C$22,0)</f>
        <v>0</v>
      </c>
      <c r="R6440" s="58">
        <v>57.37460880987171</v>
      </c>
      <c r="S6440" s="124">
        <f t="shared" si="100"/>
        <v>0.81062488280620248</v>
      </c>
    </row>
    <row r="6441" spans="8:19" x14ac:dyDescent="0.3">
      <c r="H6441" s="44">
        <v>6434</v>
      </c>
      <c r="I6441" s="56">
        <f>Bühler!I6467</f>
        <v>0.21045069072853334</v>
      </c>
      <c r="J6441" s="59">
        <f>Bühler!J6467</f>
        <v>0.70150230242844458</v>
      </c>
      <c r="K6441" s="59">
        <f>Bühler!K6467</f>
        <v>1.0522534536426666</v>
      </c>
      <c r="L6441" s="59">
        <f>Bühler!L6467</f>
        <v>5.0508165774847997</v>
      </c>
      <c r="M6441" s="58">
        <f>Bühler!M6467</f>
        <v>0</v>
      </c>
      <c r="N6441" s="56">
        <f>IF(Input!$D$19=1,J6441*Input!$C$19,0)+IF(Input!$D$20=1,K6441*Input!$C$20,0)+IF(Input!$D$21=1,L6441*Input!$C$21,0)+IF(Input!$D$22=1,M6441*Input!$C$22,0)</f>
        <v>0.21045069072853337</v>
      </c>
      <c r="O6441" s="59">
        <f>IF(Input!$D$19=2,J6441*Input!$C$19,0)+IF(Input!$D$20=2,K6441*Input!$C$20,0)+IF(Input!$D$21=2,L6441*Input!$C$21,0)+IF(Input!$D$22=2,M6441*Input!$C$22,0)</f>
        <v>0.52612672682133332</v>
      </c>
      <c r="P6441" s="59">
        <f>IF(Input!$D$19=3,J6441*Input!$C$19,0)+IF(Input!$D$20=3,K6441*Input!$C$20,0)+IF(Input!$D$21=3,L6441*Input!$C$21,0)+IF(Input!$D$22=3,M6441*Input!$C$22,0)</f>
        <v>0</v>
      </c>
      <c r="Q6441" s="75">
        <f>IF(Input!$D$19=4,J6441*Input!$C$19,0)+IF(Input!$D$20=4,K6441*Input!$C$20,0)+IF(Input!$D$21=4,L6441*Input!$C$21,0)+IF(Input!$D$22=4,M6441*Input!$C$22,0)</f>
        <v>0</v>
      </c>
      <c r="R6441" s="58">
        <v>57.231700599611649</v>
      </c>
      <c r="S6441" s="124">
        <f t="shared" si="100"/>
        <v>0.91195299315697786</v>
      </c>
    </row>
    <row r="6442" spans="8:19" x14ac:dyDescent="0.3">
      <c r="H6442" s="44">
        <v>6435</v>
      </c>
      <c r="I6442" s="56">
        <f>Bühler!I6468</f>
        <v>0.21045069072853334</v>
      </c>
      <c r="J6442" s="59">
        <f>Bühler!J6468</f>
        <v>0.70150230242844458</v>
      </c>
      <c r="K6442" s="59">
        <f>Bühler!K6468</f>
        <v>1.0522534536426666</v>
      </c>
      <c r="L6442" s="59">
        <f>Bühler!L6468</f>
        <v>5.0508165774847997</v>
      </c>
      <c r="M6442" s="58">
        <f>Bühler!M6468</f>
        <v>0</v>
      </c>
      <c r="N6442" s="56">
        <f>IF(Input!$D$19=1,J6442*Input!$C$19,0)+IF(Input!$D$20=1,K6442*Input!$C$20,0)+IF(Input!$D$21=1,L6442*Input!$C$21,0)+IF(Input!$D$22=1,M6442*Input!$C$22,0)</f>
        <v>0.21045069072853337</v>
      </c>
      <c r="O6442" s="59">
        <f>IF(Input!$D$19=2,J6442*Input!$C$19,0)+IF(Input!$D$20=2,K6442*Input!$C$20,0)+IF(Input!$D$21=2,L6442*Input!$C$21,0)+IF(Input!$D$22=2,M6442*Input!$C$22,0)</f>
        <v>0.52612672682133332</v>
      </c>
      <c r="P6442" s="59">
        <f>IF(Input!$D$19=3,J6442*Input!$C$19,0)+IF(Input!$D$20=3,K6442*Input!$C$20,0)+IF(Input!$D$21=3,L6442*Input!$C$21,0)+IF(Input!$D$22=3,M6442*Input!$C$22,0)</f>
        <v>0</v>
      </c>
      <c r="Q6442" s="75">
        <f>IF(Input!$D$19=4,J6442*Input!$C$19,0)+IF(Input!$D$20=4,K6442*Input!$C$20,0)+IF(Input!$D$21=4,L6442*Input!$C$21,0)+IF(Input!$D$22=4,M6442*Input!$C$22,0)</f>
        <v>0</v>
      </c>
      <c r="R6442" s="58">
        <v>57.392605339385874</v>
      </c>
      <c r="S6442" s="124">
        <f t="shared" si="100"/>
        <v>0.91195299315697786</v>
      </c>
    </row>
    <row r="6443" spans="8:19" x14ac:dyDescent="0.3">
      <c r="H6443" s="44">
        <v>6436</v>
      </c>
      <c r="I6443" s="56">
        <f>Bühler!I6469</f>
        <v>0.21045069072853334</v>
      </c>
      <c r="J6443" s="59">
        <f>Bühler!J6469</f>
        <v>0.70150230242844458</v>
      </c>
      <c r="K6443" s="59">
        <f>Bühler!K6469</f>
        <v>1.0522534536426666</v>
      </c>
      <c r="L6443" s="59">
        <f>Bühler!L6469</f>
        <v>5.0508165774847997</v>
      </c>
      <c r="M6443" s="58">
        <f>Bühler!M6469</f>
        <v>0</v>
      </c>
      <c r="N6443" s="56">
        <f>IF(Input!$D$19=1,J6443*Input!$C$19,0)+IF(Input!$D$20=1,K6443*Input!$C$20,0)+IF(Input!$D$21=1,L6443*Input!$C$21,0)+IF(Input!$D$22=1,M6443*Input!$C$22,0)</f>
        <v>0.21045069072853337</v>
      </c>
      <c r="O6443" s="59">
        <f>IF(Input!$D$19=2,J6443*Input!$C$19,0)+IF(Input!$D$20=2,K6443*Input!$C$20,0)+IF(Input!$D$21=2,L6443*Input!$C$21,0)+IF(Input!$D$22=2,M6443*Input!$C$22,0)</f>
        <v>0.52612672682133332</v>
      </c>
      <c r="P6443" s="59">
        <f>IF(Input!$D$19=3,J6443*Input!$C$19,0)+IF(Input!$D$20=3,K6443*Input!$C$20,0)+IF(Input!$D$21=3,L6443*Input!$C$21,0)+IF(Input!$D$22=3,M6443*Input!$C$22,0)</f>
        <v>0</v>
      </c>
      <c r="Q6443" s="75">
        <f>IF(Input!$D$19=4,J6443*Input!$C$19,0)+IF(Input!$D$20=4,K6443*Input!$C$20,0)+IF(Input!$D$21=4,L6443*Input!$C$21,0)+IF(Input!$D$22=4,M6443*Input!$C$22,0)</f>
        <v>0</v>
      </c>
      <c r="R6443" s="58">
        <v>57.785332046929852</v>
      </c>
      <c r="S6443" s="124">
        <f t="shared" si="100"/>
        <v>0.91195299315697786</v>
      </c>
    </row>
    <row r="6444" spans="8:19" x14ac:dyDescent="0.3">
      <c r="H6444" s="44">
        <v>6437</v>
      </c>
      <c r="I6444" s="56">
        <f>Bühler!I6470</f>
        <v>0.21045069072853334</v>
      </c>
      <c r="J6444" s="59">
        <f>Bühler!J6470</f>
        <v>0.70150230242844458</v>
      </c>
      <c r="K6444" s="59">
        <f>Bühler!K6470</f>
        <v>1.0522534536426666</v>
      </c>
      <c r="L6444" s="59">
        <f>Bühler!L6470</f>
        <v>5.0508165774847997</v>
      </c>
      <c r="M6444" s="58">
        <f>Bühler!M6470</f>
        <v>0</v>
      </c>
      <c r="N6444" s="56">
        <f>IF(Input!$D$19=1,J6444*Input!$C$19,0)+IF(Input!$D$20=1,K6444*Input!$C$20,0)+IF(Input!$D$21=1,L6444*Input!$C$21,0)+IF(Input!$D$22=1,M6444*Input!$C$22,0)</f>
        <v>0.21045069072853337</v>
      </c>
      <c r="O6444" s="59">
        <f>IF(Input!$D$19=2,J6444*Input!$C$19,0)+IF(Input!$D$20=2,K6444*Input!$C$20,0)+IF(Input!$D$21=2,L6444*Input!$C$21,0)+IF(Input!$D$22=2,M6444*Input!$C$22,0)</f>
        <v>0.52612672682133332</v>
      </c>
      <c r="P6444" s="59">
        <f>IF(Input!$D$19=3,J6444*Input!$C$19,0)+IF(Input!$D$20=3,K6444*Input!$C$20,0)+IF(Input!$D$21=3,L6444*Input!$C$21,0)+IF(Input!$D$22=3,M6444*Input!$C$22,0)</f>
        <v>0</v>
      </c>
      <c r="Q6444" s="75">
        <f>IF(Input!$D$19=4,J6444*Input!$C$19,0)+IF(Input!$D$20=4,K6444*Input!$C$20,0)+IF(Input!$D$21=4,L6444*Input!$C$21,0)+IF(Input!$D$22=4,M6444*Input!$C$22,0)</f>
        <v>0</v>
      </c>
      <c r="R6444" s="58">
        <v>59.275924352592703</v>
      </c>
      <c r="S6444" s="124">
        <f t="shared" si="100"/>
        <v>0.91195299315697786</v>
      </c>
    </row>
    <row r="6445" spans="8:19" x14ac:dyDescent="0.3">
      <c r="H6445" s="44">
        <v>6438</v>
      </c>
      <c r="I6445" s="56">
        <f>Bühler!I6471</f>
        <v>0.27124755693899849</v>
      </c>
      <c r="J6445" s="59">
        <f>Bühler!J6471</f>
        <v>0.90415852312999501</v>
      </c>
      <c r="K6445" s="59">
        <f>Bühler!K6471</f>
        <v>1.3562377846949925</v>
      </c>
      <c r="L6445" s="59">
        <f>Bühler!L6471</f>
        <v>6.5099413665359629</v>
      </c>
      <c r="M6445" s="58">
        <f>Bühler!M6471</f>
        <v>0</v>
      </c>
      <c r="N6445" s="56">
        <f>IF(Input!$D$19=1,J6445*Input!$C$19,0)+IF(Input!$D$20=1,K6445*Input!$C$20,0)+IF(Input!$D$21=1,L6445*Input!$C$21,0)+IF(Input!$D$22=1,M6445*Input!$C$22,0)</f>
        <v>0.27124755693899849</v>
      </c>
      <c r="O6445" s="59">
        <f>IF(Input!$D$19=2,J6445*Input!$C$19,0)+IF(Input!$D$20=2,K6445*Input!$C$20,0)+IF(Input!$D$21=2,L6445*Input!$C$21,0)+IF(Input!$D$22=2,M6445*Input!$C$22,0)</f>
        <v>0.67811889234749623</v>
      </c>
      <c r="P6445" s="59">
        <f>IF(Input!$D$19=3,J6445*Input!$C$19,0)+IF(Input!$D$20=3,K6445*Input!$C$20,0)+IF(Input!$D$21=3,L6445*Input!$C$21,0)+IF(Input!$D$22=3,M6445*Input!$C$22,0)</f>
        <v>0</v>
      </c>
      <c r="Q6445" s="75">
        <f>IF(Input!$D$19=4,J6445*Input!$C$19,0)+IF(Input!$D$20=4,K6445*Input!$C$20,0)+IF(Input!$D$21=4,L6445*Input!$C$21,0)+IF(Input!$D$22=4,M6445*Input!$C$22,0)</f>
        <v>0</v>
      </c>
      <c r="R6445" s="58">
        <v>62.346623549166182</v>
      </c>
      <c r="S6445" s="124">
        <f t="shared" si="100"/>
        <v>1.1754060800689934</v>
      </c>
    </row>
    <row r="6446" spans="8:19" x14ac:dyDescent="0.3">
      <c r="H6446" s="44">
        <v>6439</v>
      </c>
      <c r="I6446" s="56">
        <f>Bühler!I6472</f>
        <v>0.31333769508470521</v>
      </c>
      <c r="J6446" s="59">
        <f>Bühler!J6472</f>
        <v>1.0444589836156841</v>
      </c>
      <c r="K6446" s="59">
        <f>Bühler!K6472</f>
        <v>1.566688475423526</v>
      </c>
      <c r="L6446" s="59">
        <f>Bühler!L6472</f>
        <v>7.5201046820329251</v>
      </c>
      <c r="M6446" s="58">
        <f>Bühler!M6472</f>
        <v>0</v>
      </c>
      <c r="N6446" s="56">
        <f>IF(Input!$D$19=1,J6446*Input!$C$19,0)+IF(Input!$D$20=1,K6446*Input!$C$20,0)+IF(Input!$D$21=1,L6446*Input!$C$21,0)+IF(Input!$D$22=1,M6446*Input!$C$22,0)</f>
        <v>0.31333769508470521</v>
      </c>
      <c r="O6446" s="59">
        <f>IF(Input!$D$19=2,J6446*Input!$C$19,0)+IF(Input!$D$20=2,K6446*Input!$C$20,0)+IF(Input!$D$21=2,L6446*Input!$C$21,0)+IF(Input!$D$22=2,M6446*Input!$C$22,0)</f>
        <v>0.78334423771176298</v>
      </c>
      <c r="P6446" s="59">
        <f>IF(Input!$D$19=3,J6446*Input!$C$19,0)+IF(Input!$D$20=3,K6446*Input!$C$20,0)+IF(Input!$D$21=3,L6446*Input!$C$21,0)+IF(Input!$D$22=3,M6446*Input!$C$22,0)</f>
        <v>0</v>
      </c>
      <c r="Q6446" s="75">
        <f>IF(Input!$D$19=4,J6446*Input!$C$19,0)+IF(Input!$D$20=4,K6446*Input!$C$20,0)+IF(Input!$D$21=4,L6446*Input!$C$21,0)+IF(Input!$D$22=4,M6446*Input!$C$22,0)</f>
        <v>0</v>
      </c>
      <c r="R6446" s="58">
        <v>65.502599115306367</v>
      </c>
      <c r="S6446" s="124">
        <f t="shared" si="100"/>
        <v>1.3577966787003892</v>
      </c>
    </row>
    <row r="6447" spans="8:19" x14ac:dyDescent="0.3">
      <c r="H6447" s="44">
        <v>6440</v>
      </c>
      <c r="I6447" s="56">
        <f>Bühler!I6473</f>
        <v>0.31333769508470521</v>
      </c>
      <c r="J6447" s="59">
        <f>Bühler!J6473</f>
        <v>1.0444589836156841</v>
      </c>
      <c r="K6447" s="59">
        <f>Bühler!K6473</f>
        <v>1.566688475423526</v>
      </c>
      <c r="L6447" s="59">
        <f>Bühler!L6473</f>
        <v>7.5201046820329251</v>
      </c>
      <c r="M6447" s="58">
        <f>Bühler!M6473</f>
        <v>0</v>
      </c>
      <c r="N6447" s="56">
        <f>IF(Input!$D$19=1,J6447*Input!$C$19,0)+IF(Input!$D$20=1,K6447*Input!$C$20,0)+IF(Input!$D$21=1,L6447*Input!$C$21,0)+IF(Input!$D$22=1,M6447*Input!$C$22,0)</f>
        <v>0.31333769508470521</v>
      </c>
      <c r="O6447" s="59">
        <f>IF(Input!$D$19=2,J6447*Input!$C$19,0)+IF(Input!$D$20=2,K6447*Input!$C$20,0)+IF(Input!$D$21=2,L6447*Input!$C$21,0)+IF(Input!$D$22=2,M6447*Input!$C$22,0)</f>
        <v>0.78334423771176298</v>
      </c>
      <c r="P6447" s="59">
        <f>IF(Input!$D$19=3,J6447*Input!$C$19,0)+IF(Input!$D$20=3,K6447*Input!$C$20,0)+IF(Input!$D$21=3,L6447*Input!$C$21,0)+IF(Input!$D$22=3,M6447*Input!$C$22,0)</f>
        <v>0</v>
      </c>
      <c r="Q6447" s="75">
        <f>IF(Input!$D$19=4,J6447*Input!$C$19,0)+IF(Input!$D$20=4,K6447*Input!$C$20,0)+IF(Input!$D$21=4,L6447*Input!$C$21,0)+IF(Input!$D$22=4,M6447*Input!$C$22,0)</f>
        <v>0</v>
      </c>
      <c r="R6447" s="58">
        <v>68.198178428423603</v>
      </c>
      <c r="S6447" s="124">
        <f t="shared" si="100"/>
        <v>1.3577966787003892</v>
      </c>
    </row>
    <row r="6448" spans="8:19" x14ac:dyDescent="0.3">
      <c r="H6448" s="44">
        <v>6441</v>
      </c>
      <c r="I6448" s="56">
        <f>Bühler!I6474</f>
        <v>0.31333769508470521</v>
      </c>
      <c r="J6448" s="59">
        <f>Bühler!J6474</f>
        <v>1.0444589836156841</v>
      </c>
      <c r="K6448" s="59">
        <f>Bühler!K6474</f>
        <v>1.566688475423526</v>
      </c>
      <c r="L6448" s="59">
        <f>Bühler!L6474</f>
        <v>7.5201046820329251</v>
      </c>
      <c r="M6448" s="58">
        <f>Bühler!M6474</f>
        <v>0</v>
      </c>
      <c r="N6448" s="56">
        <f>IF(Input!$D$19=1,J6448*Input!$C$19,0)+IF(Input!$D$20=1,K6448*Input!$C$20,0)+IF(Input!$D$21=1,L6448*Input!$C$21,0)+IF(Input!$D$22=1,M6448*Input!$C$22,0)</f>
        <v>0.31333769508470521</v>
      </c>
      <c r="O6448" s="59">
        <f>IF(Input!$D$19=2,J6448*Input!$C$19,0)+IF(Input!$D$20=2,K6448*Input!$C$20,0)+IF(Input!$D$21=2,L6448*Input!$C$21,0)+IF(Input!$D$22=2,M6448*Input!$C$22,0)</f>
        <v>0.78334423771176298</v>
      </c>
      <c r="P6448" s="59">
        <f>IF(Input!$D$19=3,J6448*Input!$C$19,0)+IF(Input!$D$20=3,K6448*Input!$C$20,0)+IF(Input!$D$21=3,L6448*Input!$C$21,0)+IF(Input!$D$22=3,M6448*Input!$C$22,0)</f>
        <v>0</v>
      </c>
      <c r="Q6448" s="75">
        <f>IF(Input!$D$19=4,J6448*Input!$C$19,0)+IF(Input!$D$20=4,K6448*Input!$C$20,0)+IF(Input!$D$21=4,L6448*Input!$C$21,0)+IF(Input!$D$22=4,M6448*Input!$C$22,0)</f>
        <v>0</v>
      </c>
      <c r="R6448" s="58">
        <v>68.869765700035686</v>
      </c>
      <c r="S6448" s="124">
        <f t="shared" si="100"/>
        <v>1.3577966787003892</v>
      </c>
    </row>
    <row r="6449" spans="8:19" x14ac:dyDescent="0.3">
      <c r="H6449" s="44">
        <v>6442</v>
      </c>
      <c r="I6449" s="56">
        <f>Bühler!I6475</f>
        <v>0.33672110516565334</v>
      </c>
      <c r="J6449" s="59">
        <f>Bühler!J6475</f>
        <v>1.1224036838855111</v>
      </c>
      <c r="K6449" s="59">
        <f>Bühler!K6475</f>
        <v>1.6836055258282667</v>
      </c>
      <c r="L6449" s="59">
        <f>Bühler!L6475</f>
        <v>8.0813065239756803</v>
      </c>
      <c r="M6449" s="58">
        <f>Bühler!M6475</f>
        <v>0</v>
      </c>
      <c r="N6449" s="56">
        <f>IF(Input!$D$19=1,J6449*Input!$C$19,0)+IF(Input!$D$20=1,K6449*Input!$C$20,0)+IF(Input!$D$21=1,L6449*Input!$C$21,0)+IF(Input!$D$22=1,M6449*Input!$C$22,0)</f>
        <v>0.33672110516565334</v>
      </c>
      <c r="O6449" s="59">
        <f>IF(Input!$D$19=2,J6449*Input!$C$19,0)+IF(Input!$D$20=2,K6449*Input!$C$20,0)+IF(Input!$D$21=2,L6449*Input!$C$21,0)+IF(Input!$D$22=2,M6449*Input!$C$22,0)</f>
        <v>0.84180276291413336</v>
      </c>
      <c r="P6449" s="59">
        <f>IF(Input!$D$19=3,J6449*Input!$C$19,0)+IF(Input!$D$20=3,K6449*Input!$C$20,0)+IF(Input!$D$21=3,L6449*Input!$C$21,0)+IF(Input!$D$22=3,M6449*Input!$C$22,0)</f>
        <v>0</v>
      </c>
      <c r="Q6449" s="75">
        <f>IF(Input!$D$19=4,J6449*Input!$C$19,0)+IF(Input!$D$20=4,K6449*Input!$C$20,0)+IF(Input!$D$21=4,L6449*Input!$C$21,0)+IF(Input!$D$22=4,M6449*Input!$C$22,0)</f>
        <v>0</v>
      </c>
      <c r="R6449" s="58">
        <v>69.111098135610433</v>
      </c>
      <c r="S6449" s="124">
        <f t="shared" si="100"/>
        <v>1.4591247890511645</v>
      </c>
    </row>
    <row r="6450" spans="8:19" x14ac:dyDescent="0.3">
      <c r="H6450" s="44">
        <v>6443</v>
      </c>
      <c r="I6450" s="56">
        <f>Bühler!I6476</f>
        <v>0.36478119726279112</v>
      </c>
      <c r="J6450" s="59">
        <f>Bühler!J6476</f>
        <v>1.2159373242093039</v>
      </c>
      <c r="K6450" s="59">
        <f>Bühler!K6476</f>
        <v>1.8239059863139555</v>
      </c>
      <c r="L6450" s="59">
        <f>Bühler!L6476</f>
        <v>8.7547487343069861</v>
      </c>
      <c r="M6450" s="58">
        <f>Bühler!M6476</f>
        <v>0</v>
      </c>
      <c r="N6450" s="56">
        <f>IF(Input!$D$19=1,J6450*Input!$C$19,0)+IF(Input!$D$20=1,K6450*Input!$C$20,0)+IF(Input!$D$21=1,L6450*Input!$C$21,0)+IF(Input!$D$22=1,M6450*Input!$C$22,0)</f>
        <v>0.36478119726279118</v>
      </c>
      <c r="O6450" s="59">
        <f>IF(Input!$D$19=2,J6450*Input!$C$19,0)+IF(Input!$D$20=2,K6450*Input!$C$20,0)+IF(Input!$D$21=2,L6450*Input!$C$21,0)+IF(Input!$D$22=2,M6450*Input!$C$22,0)</f>
        <v>0.91195299315697775</v>
      </c>
      <c r="P6450" s="59">
        <f>IF(Input!$D$19=3,J6450*Input!$C$19,0)+IF(Input!$D$20=3,K6450*Input!$C$20,0)+IF(Input!$D$21=3,L6450*Input!$C$21,0)+IF(Input!$D$22=3,M6450*Input!$C$22,0)</f>
        <v>0</v>
      </c>
      <c r="Q6450" s="75">
        <f>IF(Input!$D$19=4,J6450*Input!$C$19,0)+IF(Input!$D$20=4,K6450*Input!$C$20,0)+IF(Input!$D$21=4,L6450*Input!$C$21,0)+IF(Input!$D$22=4,M6450*Input!$C$22,0)</f>
        <v>0</v>
      </c>
      <c r="R6450" s="58">
        <v>69.901133418741281</v>
      </c>
      <c r="S6450" s="124">
        <f t="shared" si="100"/>
        <v>1.5807185214720949</v>
      </c>
    </row>
    <row r="6451" spans="8:19" x14ac:dyDescent="0.3">
      <c r="H6451" s="44">
        <v>6444</v>
      </c>
      <c r="I6451" s="56">
        <f>Bühler!I6477</f>
        <v>0.42090138145706668</v>
      </c>
      <c r="J6451" s="59">
        <f>Bühler!J6477</f>
        <v>1.4030046048568892</v>
      </c>
      <c r="K6451" s="59">
        <f>Bühler!K6477</f>
        <v>2.1045069072853333</v>
      </c>
      <c r="L6451" s="59">
        <f>Bühler!L6477</f>
        <v>10.101633154969599</v>
      </c>
      <c r="M6451" s="58">
        <f>Bühler!M6477</f>
        <v>0</v>
      </c>
      <c r="N6451" s="56">
        <f>IF(Input!$D$19=1,J6451*Input!$C$19,0)+IF(Input!$D$20=1,K6451*Input!$C$20,0)+IF(Input!$D$21=1,L6451*Input!$C$21,0)+IF(Input!$D$22=1,M6451*Input!$C$22,0)</f>
        <v>0.42090138145706674</v>
      </c>
      <c r="O6451" s="59">
        <f>IF(Input!$D$19=2,J6451*Input!$C$19,0)+IF(Input!$D$20=2,K6451*Input!$C$20,0)+IF(Input!$D$21=2,L6451*Input!$C$21,0)+IF(Input!$D$22=2,M6451*Input!$C$22,0)</f>
        <v>1.0522534536426666</v>
      </c>
      <c r="P6451" s="59">
        <f>IF(Input!$D$19=3,J6451*Input!$C$19,0)+IF(Input!$D$20=3,K6451*Input!$C$20,0)+IF(Input!$D$21=3,L6451*Input!$C$21,0)+IF(Input!$D$22=3,M6451*Input!$C$22,0)</f>
        <v>0</v>
      </c>
      <c r="Q6451" s="75">
        <f>IF(Input!$D$19=4,J6451*Input!$C$19,0)+IF(Input!$D$20=4,K6451*Input!$C$20,0)+IF(Input!$D$21=4,L6451*Input!$C$21,0)+IF(Input!$D$22=4,M6451*Input!$C$22,0)</f>
        <v>0</v>
      </c>
      <c r="R6451" s="58">
        <v>70.052122313904761</v>
      </c>
      <c r="S6451" s="124">
        <f t="shared" si="100"/>
        <v>1.8239059863139557</v>
      </c>
    </row>
    <row r="6452" spans="8:19" x14ac:dyDescent="0.3">
      <c r="H6452" s="44">
        <v>6445</v>
      </c>
      <c r="I6452" s="56">
        <f>Bühler!I6478</f>
        <v>0.42090138145706668</v>
      </c>
      <c r="J6452" s="59">
        <f>Bühler!J6478</f>
        <v>1.4030046048568892</v>
      </c>
      <c r="K6452" s="59">
        <f>Bühler!K6478</f>
        <v>2.1045069072853333</v>
      </c>
      <c r="L6452" s="59">
        <f>Bühler!L6478</f>
        <v>10.101633154969599</v>
      </c>
      <c r="M6452" s="58">
        <f>Bühler!M6478</f>
        <v>0</v>
      </c>
      <c r="N6452" s="56">
        <f>IF(Input!$D$19=1,J6452*Input!$C$19,0)+IF(Input!$D$20=1,K6452*Input!$C$20,0)+IF(Input!$D$21=1,L6452*Input!$C$21,0)+IF(Input!$D$22=1,M6452*Input!$C$22,0)</f>
        <v>0.42090138145706674</v>
      </c>
      <c r="O6452" s="59">
        <f>IF(Input!$D$19=2,J6452*Input!$C$19,0)+IF(Input!$D$20=2,K6452*Input!$C$20,0)+IF(Input!$D$21=2,L6452*Input!$C$21,0)+IF(Input!$D$22=2,M6452*Input!$C$22,0)</f>
        <v>1.0522534536426666</v>
      </c>
      <c r="P6452" s="59">
        <f>IF(Input!$D$19=3,J6452*Input!$C$19,0)+IF(Input!$D$20=3,K6452*Input!$C$20,0)+IF(Input!$D$21=3,L6452*Input!$C$21,0)+IF(Input!$D$22=3,M6452*Input!$C$22,0)</f>
        <v>0</v>
      </c>
      <c r="Q6452" s="75">
        <f>IF(Input!$D$19=4,J6452*Input!$C$19,0)+IF(Input!$D$20=4,K6452*Input!$C$20,0)+IF(Input!$D$21=4,L6452*Input!$C$21,0)+IF(Input!$D$22=4,M6452*Input!$C$22,0)</f>
        <v>0</v>
      </c>
      <c r="R6452" s="58">
        <v>69.196843626642206</v>
      </c>
      <c r="S6452" s="124">
        <f t="shared" si="100"/>
        <v>1.8239059863139557</v>
      </c>
    </row>
    <row r="6453" spans="8:19" x14ac:dyDescent="0.3">
      <c r="H6453" s="44">
        <v>6446</v>
      </c>
      <c r="I6453" s="56">
        <f>Bühler!I6479</f>
        <v>0.42090138145706668</v>
      </c>
      <c r="J6453" s="59">
        <f>Bühler!J6479</f>
        <v>1.4030046048568892</v>
      </c>
      <c r="K6453" s="59">
        <f>Bühler!K6479</f>
        <v>2.1045069072853333</v>
      </c>
      <c r="L6453" s="59">
        <f>Bühler!L6479</f>
        <v>10.101633154969599</v>
      </c>
      <c r="M6453" s="58">
        <f>Bühler!M6479</f>
        <v>0</v>
      </c>
      <c r="N6453" s="56">
        <f>IF(Input!$D$19=1,J6453*Input!$C$19,0)+IF(Input!$D$20=1,K6453*Input!$C$20,0)+IF(Input!$D$21=1,L6453*Input!$C$21,0)+IF(Input!$D$22=1,M6453*Input!$C$22,0)</f>
        <v>0.42090138145706674</v>
      </c>
      <c r="O6453" s="59">
        <f>IF(Input!$D$19=2,J6453*Input!$C$19,0)+IF(Input!$D$20=2,K6453*Input!$C$20,0)+IF(Input!$D$21=2,L6453*Input!$C$21,0)+IF(Input!$D$22=2,M6453*Input!$C$22,0)</f>
        <v>1.0522534536426666</v>
      </c>
      <c r="P6453" s="59">
        <f>IF(Input!$D$19=3,J6453*Input!$C$19,0)+IF(Input!$D$20=3,K6453*Input!$C$20,0)+IF(Input!$D$21=3,L6453*Input!$C$21,0)+IF(Input!$D$22=3,M6453*Input!$C$22,0)</f>
        <v>0</v>
      </c>
      <c r="Q6453" s="75">
        <f>IF(Input!$D$19=4,J6453*Input!$C$19,0)+IF(Input!$D$20=4,K6453*Input!$C$20,0)+IF(Input!$D$21=4,L6453*Input!$C$21,0)+IF(Input!$D$22=4,M6453*Input!$C$22,0)</f>
        <v>0</v>
      </c>
      <c r="R6453" s="58">
        <v>68.671642866177265</v>
      </c>
      <c r="S6453" s="124">
        <f t="shared" si="100"/>
        <v>1.8239059863139557</v>
      </c>
    </row>
    <row r="6454" spans="8:19" x14ac:dyDescent="0.3">
      <c r="H6454" s="44">
        <v>6447</v>
      </c>
      <c r="I6454" s="56">
        <f>Bühler!I6480</f>
        <v>0.42090138145706668</v>
      </c>
      <c r="J6454" s="59">
        <f>Bühler!J6480</f>
        <v>1.4030046048568892</v>
      </c>
      <c r="K6454" s="59">
        <f>Bühler!K6480</f>
        <v>2.1045069072853333</v>
      </c>
      <c r="L6454" s="59">
        <f>Bühler!L6480</f>
        <v>10.101633154969599</v>
      </c>
      <c r="M6454" s="58">
        <f>Bühler!M6480</f>
        <v>0</v>
      </c>
      <c r="N6454" s="56">
        <f>IF(Input!$D$19=1,J6454*Input!$C$19,0)+IF(Input!$D$20=1,K6454*Input!$C$20,0)+IF(Input!$D$21=1,L6454*Input!$C$21,0)+IF(Input!$D$22=1,M6454*Input!$C$22,0)</f>
        <v>0.42090138145706674</v>
      </c>
      <c r="O6454" s="59">
        <f>IF(Input!$D$19=2,J6454*Input!$C$19,0)+IF(Input!$D$20=2,K6454*Input!$C$20,0)+IF(Input!$D$21=2,L6454*Input!$C$21,0)+IF(Input!$D$22=2,M6454*Input!$C$22,0)</f>
        <v>1.0522534536426666</v>
      </c>
      <c r="P6454" s="59">
        <f>IF(Input!$D$19=3,J6454*Input!$C$19,0)+IF(Input!$D$20=3,K6454*Input!$C$20,0)+IF(Input!$D$21=3,L6454*Input!$C$21,0)+IF(Input!$D$22=3,M6454*Input!$C$22,0)</f>
        <v>0</v>
      </c>
      <c r="Q6454" s="75">
        <f>IF(Input!$D$19=4,J6454*Input!$C$19,0)+IF(Input!$D$20=4,K6454*Input!$C$20,0)+IF(Input!$D$21=4,L6454*Input!$C$21,0)+IF(Input!$D$22=4,M6454*Input!$C$22,0)</f>
        <v>0</v>
      </c>
      <c r="R6454" s="58">
        <v>68.562718032167865</v>
      </c>
      <c r="S6454" s="124">
        <f t="shared" si="100"/>
        <v>1.8239059863139557</v>
      </c>
    </row>
    <row r="6455" spans="8:19" x14ac:dyDescent="0.3">
      <c r="H6455" s="44">
        <v>6448</v>
      </c>
      <c r="I6455" s="56">
        <f>Bühler!I6481</f>
        <v>0.42090138145706668</v>
      </c>
      <c r="J6455" s="59">
        <f>Bühler!J6481</f>
        <v>1.4030046048568892</v>
      </c>
      <c r="K6455" s="59">
        <f>Bühler!K6481</f>
        <v>2.1045069072853333</v>
      </c>
      <c r="L6455" s="59">
        <f>Bühler!L6481</f>
        <v>10.101633154969599</v>
      </c>
      <c r="M6455" s="58">
        <f>Bühler!M6481</f>
        <v>0</v>
      </c>
      <c r="N6455" s="56">
        <f>IF(Input!$D$19=1,J6455*Input!$C$19,0)+IF(Input!$D$20=1,K6455*Input!$C$20,0)+IF(Input!$D$21=1,L6455*Input!$C$21,0)+IF(Input!$D$22=1,M6455*Input!$C$22,0)</f>
        <v>0.42090138145706674</v>
      </c>
      <c r="O6455" s="59">
        <f>IF(Input!$D$19=2,J6455*Input!$C$19,0)+IF(Input!$D$20=2,K6455*Input!$C$20,0)+IF(Input!$D$21=2,L6455*Input!$C$21,0)+IF(Input!$D$22=2,M6455*Input!$C$22,0)</f>
        <v>1.0522534536426666</v>
      </c>
      <c r="P6455" s="59">
        <f>IF(Input!$D$19=3,J6455*Input!$C$19,0)+IF(Input!$D$20=3,K6455*Input!$C$20,0)+IF(Input!$D$21=3,L6455*Input!$C$21,0)+IF(Input!$D$22=3,M6455*Input!$C$22,0)</f>
        <v>0</v>
      </c>
      <c r="Q6455" s="75">
        <f>IF(Input!$D$19=4,J6455*Input!$C$19,0)+IF(Input!$D$20=4,K6455*Input!$C$20,0)+IF(Input!$D$21=4,L6455*Input!$C$21,0)+IF(Input!$D$22=4,M6455*Input!$C$22,0)</f>
        <v>0</v>
      </c>
      <c r="R6455" s="58">
        <v>68.474614714449842</v>
      </c>
      <c r="S6455" s="124">
        <f t="shared" si="100"/>
        <v>1.8239059863139557</v>
      </c>
    </row>
    <row r="6456" spans="8:19" x14ac:dyDescent="0.3">
      <c r="H6456" s="44">
        <v>6449</v>
      </c>
      <c r="I6456" s="56">
        <f>Bühler!I6482</f>
        <v>0.42090138145706668</v>
      </c>
      <c r="J6456" s="59">
        <f>Bühler!J6482</f>
        <v>1.4030046048568892</v>
      </c>
      <c r="K6456" s="59">
        <f>Bühler!K6482</f>
        <v>2.1045069072853333</v>
      </c>
      <c r="L6456" s="59">
        <f>Bühler!L6482</f>
        <v>10.101633154969599</v>
      </c>
      <c r="M6456" s="58">
        <f>Bühler!M6482</f>
        <v>0</v>
      </c>
      <c r="N6456" s="56">
        <f>IF(Input!$D$19=1,J6456*Input!$C$19,0)+IF(Input!$D$20=1,K6456*Input!$C$20,0)+IF(Input!$D$21=1,L6456*Input!$C$21,0)+IF(Input!$D$22=1,M6456*Input!$C$22,0)</f>
        <v>0.42090138145706674</v>
      </c>
      <c r="O6456" s="59">
        <f>IF(Input!$D$19=2,J6456*Input!$C$19,0)+IF(Input!$D$20=2,K6456*Input!$C$20,0)+IF(Input!$D$21=2,L6456*Input!$C$21,0)+IF(Input!$D$22=2,M6456*Input!$C$22,0)</f>
        <v>1.0522534536426666</v>
      </c>
      <c r="P6456" s="59">
        <f>IF(Input!$D$19=3,J6456*Input!$C$19,0)+IF(Input!$D$20=3,K6456*Input!$C$20,0)+IF(Input!$D$21=3,L6456*Input!$C$21,0)+IF(Input!$D$22=3,M6456*Input!$C$22,0)</f>
        <v>0</v>
      </c>
      <c r="Q6456" s="75">
        <f>IF(Input!$D$19=4,J6456*Input!$C$19,0)+IF(Input!$D$20=4,K6456*Input!$C$20,0)+IF(Input!$D$21=4,L6456*Input!$C$21,0)+IF(Input!$D$22=4,M6456*Input!$C$22,0)</f>
        <v>0</v>
      </c>
      <c r="R6456" s="58">
        <v>67.153209953068995</v>
      </c>
      <c r="S6456" s="124">
        <f t="shared" si="100"/>
        <v>1.8239059863139557</v>
      </c>
    </row>
    <row r="6457" spans="8:19" x14ac:dyDescent="0.3">
      <c r="H6457" s="44">
        <v>6450</v>
      </c>
      <c r="I6457" s="56">
        <f>Bühler!I6483</f>
        <v>0.42090138145706668</v>
      </c>
      <c r="J6457" s="59">
        <f>Bühler!J6483</f>
        <v>1.4030046048568892</v>
      </c>
      <c r="K6457" s="59">
        <f>Bühler!K6483</f>
        <v>2.1045069072853333</v>
      </c>
      <c r="L6457" s="59">
        <f>Bühler!L6483</f>
        <v>10.101633154969599</v>
      </c>
      <c r="M6457" s="58">
        <f>Bühler!M6483</f>
        <v>0</v>
      </c>
      <c r="N6457" s="56">
        <f>IF(Input!$D$19=1,J6457*Input!$C$19,0)+IF(Input!$D$20=1,K6457*Input!$C$20,0)+IF(Input!$D$21=1,L6457*Input!$C$21,0)+IF(Input!$D$22=1,M6457*Input!$C$22,0)</f>
        <v>0.42090138145706674</v>
      </c>
      <c r="O6457" s="59">
        <f>IF(Input!$D$19=2,J6457*Input!$C$19,0)+IF(Input!$D$20=2,K6457*Input!$C$20,0)+IF(Input!$D$21=2,L6457*Input!$C$21,0)+IF(Input!$D$22=2,M6457*Input!$C$22,0)</f>
        <v>1.0522534536426666</v>
      </c>
      <c r="P6457" s="59">
        <f>IF(Input!$D$19=3,J6457*Input!$C$19,0)+IF(Input!$D$20=3,K6457*Input!$C$20,0)+IF(Input!$D$21=3,L6457*Input!$C$21,0)+IF(Input!$D$22=3,M6457*Input!$C$22,0)</f>
        <v>0</v>
      </c>
      <c r="Q6457" s="75">
        <f>IF(Input!$D$19=4,J6457*Input!$C$19,0)+IF(Input!$D$20=4,K6457*Input!$C$20,0)+IF(Input!$D$21=4,L6457*Input!$C$21,0)+IF(Input!$D$22=4,M6457*Input!$C$22,0)</f>
        <v>0</v>
      </c>
      <c r="R6457" s="58">
        <v>66.480690263807958</v>
      </c>
      <c r="S6457" s="124">
        <f t="shared" si="100"/>
        <v>1.8239059863139557</v>
      </c>
    </row>
    <row r="6458" spans="8:19" x14ac:dyDescent="0.3">
      <c r="H6458" s="44">
        <v>6451</v>
      </c>
      <c r="I6458" s="56">
        <f>Bühler!I6484</f>
        <v>0.42090138145706668</v>
      </c>
      <c r="J6458" s="59">
        <f>Bühler!J6484</f>
        <v>1.4030046048568892</v>
      </c>
      <c r="K6458" s="59">
        <f>Bühler!K6484</f>
        <v>2.1045069072853333</v>
      </c>
      <c r="L6458" s="59">
        <f>Bühler!L6484</f>
        <v>10.101633154969599</v>
      </c>
      <c r="M6458" s="58">
        <f>Bühler!M6484</f>
        <v>0</v>
      </c>
      <c r="N6458" s="56">
        <f>IF(Input!$D$19=1,J6458*Input!$C$19,0)+IF(Input!$D$20=1,K6458*Input!$C$20,0)+IF(Input!$D$21=1,L6458*Input!$C$21,0)+IF(Input!$D$22=1,M6458*Input!$C$22,0)</f>
        <v>0.42090138145706674</v>
      </c>
      <c r="O6458" s="59">
        <f>IF(Input!$D$19=2,J6458*Input!$C$19,0)+IF(Input!$D$20=2,K6458*Input!$C$20,0)+IF(Input!$D$21=2,L6458*Input!$C$21,0)+IF(Input!$D$22=2,M6458*Input!$C$22,0)</f>
        <v>1.0522534536426666</v>
      </c>
      <c r="P6458" s="59">
        <f>IF(Input!$D$19=3,J6458*Input!$C$19,0)+IF(Input!$D$20=3,K6458*Input!$C$20,0)+IF(Input!$D$21=3,L6458*Input!$C$21,0)+IF(Input!$D$22=3,M6458*Input!$C$22,0)</f>
        <v>0</v>
      </c>
      <c r="Q6458" s="75">
        <f>IF(Input!$D$19=4,J6458*Input!$C$19,0)+IF(Input!$D$20=4,K6458*Input!$C$20,0)+IF(Input!$D$21=4,L6458*Input!$C$21,0)+IF(Input!$D$22=4,M6458*Input!$C$22,0)</f>
        <v>0</v>
      </c>
      <c r="R6458" s="58">
        <v>65.099337494634113</v>
      </c>
      <c r="S6458" s="124">
        <f t="shared" si="100"/>
        <v>1.8239059863139557</v>
      </c>
    </row>
    <row r="6459" spans="8:19" x14ac:dyDescent="0.3">
      <c r="H6459" s="44">
        <v>6452</v>
      </c>
      <c r="I6459" s="56">
        <f>Bühler!I6485</f>
        <v>0.35075115121422223</v>
      </c>
      <c r="J6459" s="59">
        <f>Bühler!J6485</f>
        <v>1.1691705040474074</v>
      </c>
      <c r="K6459" s="59">
        <f>Bühler!K6485</f>
        <v>1.7537557560711112</v>
      </c>
      <c r="L6459" s="59">
        <f>Bühler!L6485</f>
        <v>8.4180276291413332</v>
      </c>
      <c r="M6459" s="58">
        <f>Bühler!M6485</f>
        <v>0</v>
      </c>
      <c r="N6459" s="56">
        <f>IF(Input!$D$19=1,J6459*Input!$C$19,0)+IF(Input!$D$20=1,K6459*Input!$C$20,0)+IF(Input!$D$21=1,L6459*Input!$C$21,0)+IF(Input!$D$22=1,M6459*Input!$C$22,0)</f>
        <v>0.35075115121422223</v>
      </c>
      <c r="O6459" s="59">
        <f>IF(Input!$D$19=2,J6459*Input!$C$19,0)+IF(Input!$D$20=2,K6459*Input!$C$20,0)+IF(Input!$D$21=2,L6459*Input!$C$21,0)+IF(Input!$D$22=2,M6459*Input!$C$22,0)</f>
        <v>0.87687787803555561</v>
      </c>
      <c r="P6459" s="59">
        <f>IF(Input!$D$19=3,J6459*Input!$C$19,0)+IF(Input!$D$20=3,K6459*Input!$C$20,0)+IF(Input!$D$21=3,L6459*Input!$C$21,0)+IF(Input!$D$22=3,M6459*Input!$C$22,0)</f>
        <v>0</v>
      </c>
      <c r="Q6459" s="75">
        <f>IF(Input!$D$19=4,J6459*Input!$C$19,0)+IF(Input!$D$20=4,K6459*Input!$C$20,0)+IF(Input!$D$21=4,L6459*Input!$C$21,0)+IF(Input!$D$22=4,M6459*Input!$C$22,0)</f>
        <v>0</v>
      </c>
      <c r="R6459" s="58">
        <v>64.771802548240899</v>
      </c>
      <c r="S6459" s="124">
        <f t="shared" si="100"/>
        <v>1.5199216552616297</v>
      </c>
    </row>
    <row r="6460" spans="8:19" x14ac:dyDescent="0.3">
      <c r="H6460" s="44">
        <v>6453</v>
      </c>
      <c r="I6460" s="56">
        <f>Bühler!I6486</f>
        <v>0.28060092097137779</v>
      </c>
      <c r="J6460" s="59">
        <f>Bühler!J6486</f>
        <v>0.935336403237926</v>
      </c>
      <c r="K6460" s="59">
        <f>Bühler!K6486</f>
        <v>1.4030046048568889</v>
      </c>
      <c r="L6460" s="59">
        <f>Bühler!L6486</f>
        <v>6.734422103313066</v>
      </c>
      <c r="M6460" s="58">
        <f>Bühler!M6486</f>
        <v>0</v>
      </c>
      <c r="N6460" s="56">
        <f>IF(Input!$D$19=1,J6460*Input!$C$19,0)+IF(Input!$D$20=1,K6460*Input!$C$20,0)+IF(Input!$D$21=1,L6460*Input!$C$21,0)+IF(Input!$D$22=1,M6460*Input!$C$22,0)</f>
        <v>0.28060092097137779</v>
      </c>
      <c r="O6460" s="59">
        <f>IF(Input!$D$19=2,J6460*Input!$C$19,0)+IF(Input!$D$20=2,K6460*Input!$C$20,0)+IF(Input!$D$21=2,L6460*Input!$C$21,0)+IF(Input!$D$22=2,M6460*Input!$C$22,0)</f>
        <v>0.70150230242844447</v>
      </c>
      <c r="P6460" s="59">
        <f>IF(Input!$D$19=3,J6460*Input!$C$19,0)+IF(Input!$D$20=3,K6460*Input!$C$20,0)+IF(Input!$D$21=3,L6460*Input!$C$21,0)+IF(Input!$D$22=3,M6460*Input!$C$22,0)</f>
        <v>0</v>
      </c>
      <c r="Q6460" s="75">
        <f>IF(Input!$D$19=4,J6460*Input!$C$19,0)+IF(Input!$D$20=4,K6460*Input!$C$20,0)+IF(Input!$D$21=4,L6460*Input!$C$21,0)+IF(Input!$D$22=4,M6460*Input!$C$22,0)</f>
        <v>0</v>
      </c>
      <c r="R6460" s="58">
        <v>63.576776771594702</v>
      </c>
      <c r="S6460" s="124">
        <f t="shared" si="100"/>
        <v>1.2159373242093037</v>
      </c>
    </row>
    <row r="6461" spans="8:19" x14ac:dyDescent="0.3">
      <c r="H6461" s="44">
        <v>6454</v>
      </c>
      <c r="I6461" s="56">
        <f>Bühler!I6487</f>
        <v>0.21045069072853334</v>
      </c>
      <c r="J6461" s="59">
        <f>Bühler!J6487</f>
        <v>0.70150230242844458</v>
      </c>
      <c r="K6461" s="59">
        <f>Bühler!K6487</f>
        <v>1.0522534536426666</v>
      </c>
      <c r="L6461" s="59">
        <f>Bühler!L6487</f>
        <v>5.0508165774847997</v>
      </c>
      <c r="M6461" s="58">
        <f>Bühler!M6487</f>
        <v>0</v>
      </c>
      <c r="N6461" s="56">
        <f>IF(Input!$D$19=1,J6461*Input!$C$19,0)+IF(Input!$D$20=1,K6461*Input!$C$20,0)+IF(Input!$D$21=1,L6461*Input!$C$21,0)+IF(Input!$D$22=1,M6461*Input!$C$22,0)</f>
        <v>0.21045069072853337</v>
      </c>
      <c r="O6461" s="59">
        <f>IF(Input!$D$19=2,J6461*Input!$C$19,0)+IF(Input!$D$20=2,K6461*Input!$C$20,0)+IF(Input!$D$21=2,L6461*Input!$C$21,0)+IF(Input!$D$22=2,M6461*Input!$C$22,0)</f>
        <v>0.52612672682133332</v>
      </c>
      <c r="P6461" s="59">
        <f>IF(Input!$D$19=3,J6461*Input!$C$19,0)+IF(Input!$D$20=3,K6461*Input!$C$20,0)+IF(Input!$D$21=3,L6461*Input!$C$21,0)+IF(Input!$D$22=3,M6461*Input!$C$22,0)</f>
        <v>0</v>
      </c>
      <c r="Q6461" s="75">
        <f>IF(Input!$D$19=4,J6461*Input!$C$19,0)+IF(Input!$D$20=4,K6461*Input!$C$20,0)+IF(Input!$D$21=4,L6461*Input!$C$21,0)+IF(Input!$D$22=4,M6461*Input!$C$22,0)</f>
        <v>0</v>
      </c>
      <c r="R6461" s="58">
        <v>62.021288970343839</v>
      </c>
      <c r="S6461" s="124">
        <f t="shared" si="100"/>
        <v>0.91195299315697786</v>
      </c>
    </row>
    <row r="6462" spans="8:19" x14ac:dyDescent="0.3">
      <c r="H6462" s="44">
        <v>6455</v>
      </c>
      <c r="I6462" s="56">
        <f>Bühler!I6488</f>
        <v>0.21045069072853334</v>
      </c>
      <c r="J6462" s="59">
        <f>Bühler!J6488</f>
        <v>0.70150230242844458</v>
      </c>
      <c r="K6462" s="59">
        <f>Bühler!K6488</f>
        <v>1.0522534536426666</v>
      </c>
      <c r="L6462" s="59">
        <f>Bühler!L6488</f>
        <v>5.0508165774847997</v>
      </c>
      <c r="M6462" s="58">
        <f>Bühler!M6488</f>
        <v>0</v>
      </c>
      <c r="N6462" s="56">
        <f>IF(Input!$D$19=1,J6462*Input!$C$19,0)+IF(Input!$D$20=1,K6462*Input!$C$20,0)+IF(Input!$D$21=1,L6462*Input!$C$21,0)+IF(Input!$D$22=1,M6462*Input!$C$22,0)</f>
        <v>0.21045069072853337</v>
      </c>
      <c r="O6462" s="59">
        <f>IF(Input!$D$19=2,J6462*Input!$C$19,0)+IF(Input!$D$20=2,K6462*Input!$C$20,0)+IF(Input!$D$21=2,L6462*Input!$C$21,0)+IF(Input!$D$22=2,M6462*Input!$C$22,0)</f>
        <v>0.52612672682133332</v>
      </c>
      <c r="P6462" s="59">
        <f>IF(Input!$D$19=3,J6462*Input!$C$19,0)+IF(Input!$D$20=3,K6462*Input!$C$20,0)+IF(Input!$D$21=3,L6462*Input!$C$21,0)+IF(Input!$D$22=3,M6462*Input!$C$22,0)</f>
        <v>0</v>
      </c>
      <c r="Q6462" s="75">
        <f>IF(Input!$D$19=4,J6462*Input!$C$19,0)+IF(Input!$D$20=4,K6462*Input!$C$20,0)+IF(Input!$D$21=4,L6462*Input!$C$21,0)+IF(Input!$D$22=4,M6462*Input!$C$22,0)</f>
        <v>0</v>
      </c>
      <c r="R6462" s="58">
        <v>61.353485679777442</v>
      </c>
      <c r="S6462" s="124">
        <f t="shared" si="100"/>
        <v>0.91195299315697786</v>
      </c>
    </row>
    <row r="6463" spans="8:19" x14ac:dyDescent="0.3">
      <c r="H6463" s="44">
        <v>6456</v>
      </c>
      <c r="I6463" s="56">
        <f>Bühler!I6489</f>
        <v>0.21045069072853334</v>
      </c>
      <c r="J6463" s="59">
        <f>Bühler!J6489</f>
        <v>0.70150230242844458</v>
      </c>
      <c r="K6463" s="59">
        <f>Bühler!K6489</f>
        <v>1.0522534536426666</v>
      </c>
      <c r="L6463" s="59">
        <f>Bühler!L6489</f>
        <v>5.0508165774847997</v>
      </c>
      <c r="M6463" s="58">
        <f>Bühler!M6489</f>
        <v>0</v>
      </c>
      <c r="N6463" s="56">
        <f>IF(Input!$D$19=1,J6463*Input!$C$19,0)+IF(Input!$D$20=1,K6463*Input!$C$20,0)+IF(Input!$D$21=1,L6463*Input!$C$21,0)+IF(Input!$D$22=1,M6463*Input!$C$22,0)</f>
        <v>0.21045069072853337</v>
      </c>
      <c r="O6463" s="59">
        <f>IF(Input!$D$19=2,J6463*Input!$C$19,0)+IF(Input!$D$20=2,K6463*Input!$C$20,0)+IF(Input!$D$21=2,L6463*Input!$C$21,0)+IF(Input!$D$22=2,M6463*Input!$C$22,0)</f>
        <v>0.52612672682133332</v>
      </c>
      <c r="P6463" s="59">
        <f>IF(Input!$D$19=3,J6463*Input!$C$19,0)+IF(Input!$D$20=3,K6463*Input!$C$20,0)+IF(Input!$D$21=3,L6463*Input!$C$21,0)+IF(Input!$D$22=3,M6463*Input!$C$22,0)</f>
        <v>0</v>
      </c>
      <c r="Q6463" s="75">
        <f>IF(Input!$D$19=4,J6463*Input!$C$19,0)+IF(Input!$D$20=4,K6463*Input!$C$20,0)+IF(Input!$D$21=4,L6463*Input!$C$21,0)+IF(Input!$D$22=4,M6463*Input!$C$22,0)</f>
        <v>0</v>
      </c>
      <c r="R6463" s="58">
        <v>61.554094594576647</v>
      </c>
      <c r="S6463" s="124">
        <f t="shared" si="100"/>
        <v>0.91195299315697786</v>
      </c>
    </row>
    <row r="6464" spans="8:19" x14ac:dyDescent="0.3">
      <c r="H6464" s="44">
        <v>6457</v>
      </c>
      <c r="I6464" s="56">
        <f>Bühler!I6490</f>
        <v>0.21150427694366725</v>
      </c>
      <c r="J6464" s="59">
        <f>Bühler!J6490</f>
        <v>0.70501425647889082</v>
      </c>
      <c r="K6464" s="59">
        <f>Bühler!K6490</f>
        <v>1.0575213847183362</v>
      </c>
      <c r="L6464" s="59">
        <f>Bühler!L6490</f>
        <v>5.0761026466480139</v>
      </c>
      <c r="M6464" s="58">
        <f>Bühler!M6490</f>
        <v>0</v>
      </c>
      <c r="N6464" s="56">
        <f>IF(Input!$D$19=1,J6464*Input!$C$19,0)+IF(Input!$D$20=1,K6464*Input!$C$20,0)+IF(Input!$D$21=1,L6464*Input!$C$21,0)+IF(Input!$D$22=1,M6464*Input!$C$22,0)</f>
        <v>0.21150427694366725</v>
      </c>
      <c r="O6464" s="59">
        <f>IF(Input!$D$19=2,J6464*Input!$C$19,0)+IF(Input!$D$20=2,K6464*Input!$C$20,0)+IF(Input!$D$21=2,L6464*Input!$C$21,0)+IF(Input!$D$22=2,M6464*Input!$C$22,0)</f>
        <v>0.52876069235916812</v>
      </c>
      <c r="P6464" s="59">
        <f>IF(Input!$D$19=3,J6464*Input!$C$19,0)+IF(Input!$D$20=3,K6464*Input!$C$20,0)+IF(Input!$D$21=3,L6464*Input!$C$21,0)+IF(Input!$D$22=3,M6464*Input!$C$22,0)</f>
        <v>0</v>
      </c>
      <c r="Q6464" s="75">
        <f>IF(Input!$D$19=4,J6464*Input!$C$19,0)+IF(Input!$D$20=4,K6464*Input!$C$20,0)+IF(Input!$D$21=4,L6464*Input!$C$21,0)+IF(Input!$D$22=4,M6464*Input!$C$22,0)</f>
        <v>0</v>
      </c>
      <c r="R6464" s="58">
        <v>60.967484720272203</v>
      </c>
      <c r="S6464" s="124">
        <f t="shared" si="100"/>
        <v>0.91651853342255807</v>
      </c>
    </row>
    <row r="6465" spans="8:19" x14ac:dyDescent="0.3">
      <c r="H6465" s="44">
        <v>6458</v>
      </c>
      <c r="I6465" s="56">
        <f>Bühler!I6491</f>
        <v>0.21150427694366725</v>
      </c>
      <c r="J6465" s="59">
        <f>Bühler!J6491</f>
        <v>0.70501425647889082</v>
      </c>
      <c r="K6465" s="59">
        <f>Bühler!K6491</f>
        <v>1.0575213847183362</v>
      </c>
      <c r="L6465" s="59">
        <f>Bühler!L6491</f>
        <v>5.0761026466480139</v>
      </c>
      <c r="M6465" s="58">
        <f>Bühler!M6491</f>
        <v>0</v>
      </c>
      <c r="N6465" s="56">
        <f>IF(Input!$D$19=1,J6465*Input!$C$19,0)+IF(Input!$D$20=1,K6465*Input!$C$20,0)+IF(Input!$D$21=1,L6465*Input!$C$21,0)+IF(Input!$D$22=1,M6465*Input!$C$22,0)</f>
        <v>0.21150427694366725</v>
      </c>
      <c r="O6465" s="59">
        <f>IF(Input!$D$19=2,J6465*Input!$C$19,0)+IF(Input!$D$20=2,K6465*Input!$C$20,0)+IF(Input!$D$21=2,L6465*Input!$C$21,0)+IF(Input!$D$22=2,M6465*Input!$C$22,0)</f>
        <v>0.52876069235916812</v>
      </c>
      <c r="P6465" s="59">
        <f>IF(Input!$D$19=3,J6465*Input!$C$19,0)+IF(Input!$D$20=3,K6465*Input!$C$20,0)+IF(Input!$D$21=3,L6465*Input!$C$21,0)+IF(Input!$D$22=3,M6465*Input!$C$22,0)</f>
        <v>0</v>
      </c>
      <c r="Q6465" s="75">
        <f>IF(Input!$D$19=4,J6465*Input!$C$19,0)+IF(Input!$D$20=4,K6465*Input!$C$20,0)+IF(Input!$D$21=4,L6465*Input!$C$21,0)+IF(Input!$D$22=4,M6465*Input!$C$22,0)</f>
        <v>0</v>
      </c>
      <c r="R6465" s="58">
        <v>60.656989250885076</v>
      </c>
      <c r="S6465" s="124">
        <f t="shared" si="100"/>
        <v>0.91651853342255807</v>
      </c>
    </row>
    <row r="6466" spans="8:19" x14ac:dyDescent="0.3">
      <c r="H6466" s="44">
        <v>6459</v>
      </c>
      <c r="I6466" s="56">
        <f>Bühler!I6492</f>
        <v>0.21150427694366725</v>
      </c>
      <c r="J6466" s="59">
        <f>Bühler!J6492</f>
        <v>0.70501425647889082</v>
      </c>
      <c r="K6466" s="59">
        <f>Bühler!K6492</f>
        <v>1.0575213847183362</v>
      </c>
      <c r="L6466" s="59">
        <f>Bühler!L6492</f>
        <v>5.0761026466480139</v>
      </c>
      <c r="M6466" s="58">
        <f>Bühler!M6492</f>
        <v>0</v>
      </c>
      <c r="N6466" s="56">
        <f>IF(Input!$D$19=1,J6466*Input!$C$19,0)+IF(Input!$D$20=1,K6466*Input!$C$20,0)+IF(Input!$D$21=1,L6466*Input!$C$21,0)+IF(Input!$D$22=1,M6466*Input!$C$22,0)</f>
        <v>0.21150427694366725</v>
      </c>
      <c r="O6466" s="59">
        <f>IF(Input!$D$19=2,J6466*Input!$C$19,0)+IF(Input!$D$20=2,K6466*Input!$C$20,0)+IF(Input!$D$21=2,L6466*Input!$C$21,0)+IF(Input!$D$22=2,M6466*Input!$C$22,0)</f>
        <v>0.52876069235916812</v>
      </c>
      <c r="P6466" s="59">
        <f>IF(Input!$D$19=3,J6466*Input!$C$19,0)+IF(Input!$D$20=3,K6466*Input!$C$20,0)+IF(Input!$D$21=3,L6466*Input!$C$21,0)+IF(Input!$D$22=3,M6466*Input!$C$22,0)</f>
        <v>0</v>
      </c>
      <c r="Q6466" s="75">
        <f>IF(Input!$D$19=4,J6466*Input!$C$19,0)+IF(Input!$D$20=4,K6466*Input!$C$20,0)+IF(Input!$D$21=4,L6466*Input!$C$21,0)+IF(Input!$D$22=4,M6466*Input!$C$22,0)</f>
        <v>0</v>
      </c>
      <c r="R6466" s="58">
        <v>60.249939589122675</v>
      </c>
      <c r="S6466" s="124">
        <f t="shared" si="100"/>
        <v>0.91651853342255807</v>
      </c>
    </row>
    <row r="6467" spans="8:19" x14ac:dyDescent="0.3">
      <c r="H6467" s="44">
        <v>6460</v>
      </c>
      <c r="I6467" s="56">
        <f>Bühler!I6493</f>
        <v>0.21150427694366725</v>
      </c>
      <c r="J6467" s="59">
        <f>Bühler!J6493</f>
        <v>0.70501425647889082</v>
      </c>
      <c r="K6467" s="59">
        <f>Bühler!K6493</f>
        <v>1.0575213847183362</v>
      </c>
      <c r="L6467" s="59">
        <f>Bühler!L6493</f>
        <v>5.0761026466480139</v>
      </c>
      <c r="M6467" s="58">
        <f>Bühler!M6493</f>
        <v>0</v>
      </c>
      <c r="N6467" s="56">
        <f>IF(Input!$D$19=1,J6467*Input!$C$19,0)+IF(Input!$D$20=1,K6467*Input!$C$20,0)+IF(Input!$D$21=1,L6467*Input!$C$21,0)+IF(Input!$D$22=1,M6467*Input!$C$22,0)</f>
        <v>0.21150427694366725</v>
      </c>
      <c r="O6467" s="59">
        <f>IF(Input!$D$19=2,J6467*Input!$C$19,0)+IF(Input!$D$20=2,K6467*Input!$C$20,0)+IF(Input!$D$21=2,L6467*Input!$C$21,0)+IF(Input!$D$22=2,M6467*Input!$C$22,0)</f>
        <v>0.52876069235916812</v>
      </c>
      <c r="P6467" s="59">
        <f>IF(Input!$D$19=3,J6467*Input!$C$19,0)+IF(Input!$D$20=3,K6467*Input!$C$20,0)+IF(Input!$D$21=3,L6467*Input!$C$21,0)+IF(Input!$D$22=3,M6467*Input!$C$22,0)</f>
        <v>0</v>
      </c>
      <c r="Q6467" s="75">
        <f>IF(Input!$D$19=4,J6467*Input!$C$19,0)+IF(Input!$D$20=4,K6467*Input!$C$20,0)+IF(Input!$D$21=4,L6467*Input!$C$21,0)+IF(Input!$D$22=4,M6467*Input!$C$22,0)</f>
        <v>0</v>
      </c>
      <c r="R6467" s="58">
        <v>60.490546022062162</v>
      </c>
      <c r="S6467" s="124">
        <f t="shared" si="100"/>
        <v>0.91651853342255807</v>
      </c>
    </row>
    <row r="6468" spans="8:19" x14ac:dyDescent="0.3">
      <c r="H6468" s="44">
        <v>6461</v>
      </c>
      <c r="I6468" s="56">
        <f>Bühler!I6494</f>
        <v>0.21150427694366725</v>
      </c>
      <c r="J6468" s="59">
        <f>Bühler!J6494</f>
        <v>0.70501425647889082</v>
      </c>
      <c r="K6468" s="59">
        <f>Bühler!K6494</f>
        <v>1.0575213847183362</v>
      </c>
      <c r="L6468" s="59">
        <f>Bühler!L6494</f>
        <v>5.0761026466480139</v>
      </c>
      <c r="M6468" s="58">
        <f>Bühler!M6494</f>
        <v>0</v>
      </c>
      <c r="N6468" s="56">
        <f>IF(Input!$D$19=1,J6468*Input!$C$19,0)+IF(Input!$D$20=1,K6468*Input!$C$20,0)+IF(Input!$D$21=1,L6468*Input!$C$21,0)+IF(Input!$D$22=1,M6468*Input!$C$22,0)</f>
        <v>0.21150427694366725</v>
      </c>
      <c r="O6468" s="59">
        <f>IF(Input!$D$19=2,J6468*Input!$C$19,0)+IF(Input!$D$20=2,K6468*Input!$C$20,0)+IF(Input!$D$21=2,L6468*Input!$C$21,0)+IF(Input!$D$22=2,M6468*Input!$C$22,0)</f>
        <v>0.52876069235916812</v>
      </c>
      <c r="P6468" s="59">
        <f>IF(Input!$D$19=3,J6468*Input!$C$19,0)+IF(Input!$D$20=3,K6468*Input!$C$20,0)+IF(Input!$D$21=3,L6468*Input!$C$21,0)+IF(Input!$D$22=3,M6468*Input!$C$22,0)</f>
        <v>0</v>
      </c>
      <c r="Q6468" s="75">
        <f>IF(Input!$D$19=4,J6468*Input!$C$19,0)+IF(Input!$D$20=4,K6468*Input!$C$20,0)+IF(Input!$D$21=4,L6468*Input!$C$21,0)+IF(Input!$D$22=4,M6468*Input!$C$22,0)</f>
        <v>0</v>
      </c>
      <c r="R6468" s="58">
        <v>61.778884016165804</v>
      </c>
      <c r="S6468" s="124">
        <f t="shared" si="100"/>
        <v>0.91651853342255807</v>
      </c>
    </row>
    <row r="6469" spans="8:19" x14ac:dyDescent="0.3">
      <c r="H6469" s="44">
        <v>6462</v>
      </c>
      <c r="I6469" s="56">
        <f>Bühler!I6495</f>
        <v>0.27260551250517112</v>
      </c>
      <c r="J6469" s="59">
        <f>Bühler!J6495</f>
        <v>0.90868504168390385</v>
      </c>
      <c r="K6469" s="59">
        <f>Bühler!K6495</f>
        <v>1.3630275625258557</v>
      </c>
      <c r="L6469" s="59">
        <f>Bühler!L6495</f>
        <v>6.5425323001241074</v>
      </c>
      <c r="M6469" s="58">
        <f>Bühler!M6495</f>
        <v>0</v>
      </c>
      <c r="N6469" s="56">
        <f>IF(Input!$D$19=1,J6469*Input!$C$19,0)+IF(Input!$D$20=1,K6469*Input!$C$20,0)+IF(Input!$D$21=1,L6469*Input!$C$21,0)+IF(Input!$D$22=1,M6469*Input!$C$22,0)</f>
        <v>0.27260551250517112</v>
      </c>
      <c r="O6469" s="59">
        <f>IF(Input!$D$19=2,J6469*Input!$C$19,0)+IF(Input!$D$20=2,K6469*Input!$C$20,0)+IF(Input!$D$21=2,L6469*Input!$C$21,0)+IF(Input!$D$22=2,M6469*Input!$C$22,0)</f>
        <v>0.68151378126292783</v>
      </c>
      <c r="P6469" s="59">
        <f>IF(Input!$D$19=3,J6469*Input!$C$19,0)+IF(Input!$D$20=3,K6469*Input!$C$20,0)+IF(Input!$D$21=3,L6469*Input!$C$21,0)+IF(Input!$D$22=3,M6469*Input!$C$22,0)</f>
        <v>0</v>
      </c>
      <c r="Q6469" s="75">
        <f>IF(Input!$D$19=4,J6469*Input!$C$19,0)+IF(Input!$D$20=4,K6469*Input!$C$20,0)+IF(Input!$D$21=4,L6469*Input!$C$21,0)+IF(Input!$D$22=4,M6469*Input!$C$22,0)</f>
        <v>0</v>
      </c>
      <c r="R6469" s="58">
        <v>64.834144001274424</v>
      </c>
      <c r="S6469" s="124">
        <f t="shared" si="100"/>
        <v>1.181290554189075</v>
      </c>
    </row>
    <row r="6470" spans="8:19" x14ac:dyDescent="0.3">
      <c r="H6470" s="44">
        <v>6463</v>
      </c>
      <c r="I6470" s="56">
        <f>Bühler!I6496</f>
        <v>0.31490636789390464</v>
      </c>
      <c r="J6470" s="59">
        <f>Bühler!J6496</f>
        <v>1.0496878929796822</v>
      </c>
      <c r="K6470" s="59">
        <f>Bühler!K6496</f>
        <v>1.5745318394695231</v>
      </c>
      <c r="L6470" s="59">
        <f>Bühler!L6496</f>
        <v>7.5577528294537109</v>
      </c>
      <c r="M6470" s="58">
        <f>Bühler!M6496</f>
        <v>0</v>
      </c>
      <c r="N6470" s="56">
        <f>IF(Input!$D$19=1,J6470*Input!$C$19,0)+IF(Input!$D$20=1,K6470*Input!$C$20,0)+IF(Input!$D$21=1,L6470*Input!$C$21,0)+IF(Input!$D$22=1,M6470*Input!$C$22,0)</f>
        <v>0.31490636789390464</v>
      </c>
      <c r="O6470" s="59">
        <f>IF(Input!$D$19=2,J6470*Input!$C$19,0)+IF(Input!$D$20=2,K6470*Input!$C$20,0)+IF(Input!$D$21=2,L6470*Input!$C$21,0)+IF(Input!$D$22=2,M6470*Input!$C$22,0)</f>
        <v>0.78726591973476157</v>
      </c>
      <c r="P6470" s="59">
        <f>IF(Input!$D$19=3,J6470*Input!$C$19,0)+IF(Input!$D$20=3,K6470*Input!$C$20,0)+IF(Input!$D$21=3,L6470*Input!$C$21,0)+IF(Input!$D$22=3,M6470*Input!$C$22,0)</f>
        <v>0</v>
      </c>
      <c r="Q6470" s="75">
        <f>IF(Input!$D$19=4,J6470*Input!$C$19,0)+IF(Input!$D$20=4,K6470*Input!$C$20,0)+IF(Input!$D$21=4,L6470*Input!$C$21,0)+IF(Input!$D$22=4,M6470*Input!$C$22,0)</f>
        <v>0</v>
      </c>
      <c r="R6470" s="58">
        <v>68.032254885290925</v>
      </c>
      <c r="S6470" s="124">
        <f t="shared" si="100"/>
        <v>1.3645942608735868</v>
      </c>
    </row>
    <row r="6471" spans="8:19" x14ac:dyDescent="0.3">
      <c r="H6471" s="44">
        <v>6464</v>
      </c>
      <c r="I6471" s="56">
        <f>Bühler!I6497</f>
        <v>0.31490636789390464</v>
      </c>
      <c r="J6471" s="59">
        <f>Bühler!J6497</f>
        <v>1.0496878929796822</v>
      </c>
      <c r="K6471" s="59">
        <f>Bühler!K6497</f>
        <v>1.5745318394695231</v>
      </c>
      <c r="L6471" s="59">
        <f>Bühler!L6497</f>
        <v>7.5577528294537109</v>
      </c>
      <c r="M6471" s="58">
        <f>Bühler!M6497</f>
        <v>0</v>
      </c>
      <c r="N6471" s="56">
        <f>IF(Input!$D$19=1,J6471*Input!$C$19,0)+IF(Input!$D$20=1,K6471*Input!$C$20,0)+IF(Input!$D$21=1,L6471*Input!$C$21,0)+IF(Input!$D$22=1,M6471*Input!$C$22,0)</f>
        <v>0.31490636789390464</v>
      </c>
      <c r="O6471" s="59">
        <f>IF(Input!$D$19=2,J6471*Input!$C$19,0)+IF(Input!$D$20=2,K6471*Input!$C$20,0)+IF(Input!$D$21=2,L6471*Input!$C$21,0)+IF(Input!$D$22=2,M6471*Input!$C$22,0)</f>
        <v>0.78726591973476157</v>
      </c>
      <c r="P6471" s="59">
        <f>IF(Input!$D$19=3,J6471*Input!$C$19,0)+IF(Input!$D$20=3,K6471*Input!$C$20,0)+IF(Input!$D$21=3,L6471*Input!$C$21,0)+IF(Input!$D$22=3,M6471*Input!$C$22,0)</f>
        <v>0</v>
      </c>
      <c r="Q6471" s="75">
        <f>IF(Input!$D$19=4,J6471*Input!$C$19,0)+IF(Input!$D$20=4,K6471*Input!$C$20,0)+IF(Input!$D$21=4,L6471*Input!$C$21,0)+IF(Input!$D$22=4,M6471*Input!$C$22,0)</f>
        <v>0</v>
      </c>
      <c r="R6471" s="58">
        <v>70.258677526662325</v>
      </c>
      <c r="S6471" s="124">
        <f t="shared" si="100"/>
        <v>1.3645942608735868</v>
      </c>
    </row>
    <row r="6472" spans="8:19" x14ac:dyDescent="0.3">
      <c r="H6472" s="44">
        <v>6465</v>
      </c>
      <c r="I6472" s="56">
        <f>Bühler!I6498</f>
        <v>0.31490636789390464</v>
      </c>
      <c r="J6472" s="59">
        <f>Bühler!J6498</f>
        <v>1.0496878929796822</v>
      </c>
      <c r="K6472" s="59">
        <f>Bühler!K6498</f>
        <v>1.5745318394695231</v>
      </c>
      <c r="L6472" s="59">
        <f>Bühler!L6498</f>
        <v>7.5577528294537109</v>
      </c>
      <c r="M6472" s="58">
        <f>Bühler!M6498</f>
        <v>0</v>
      </c>
      <c r="N6472" s="56">
        <f>IF(Input!$D$19=1,J6472*Input!$C$19,0)+IF(Input!$D$20=1,K6472*Input!$C$20,0)+IF(Input!$D$21=1,L6472*Input!$C$21,0)+IF(Input!$D$22=1,M6472*Input!$C$22,0)</f>
        <v>0.31490636789390464</v>
      </c>
      <c r="O6472" s="59">
        <f>IF(Input!$D$19=2,J6472*Input!$C$19,0)+IF(Input!$D$20=2,K6472*Input!$C$20,0)+IF(Input!$D$21=2,L6472*Input!$C$21,0)+IF(Input!$D$22=2,M6472*Input!$C$22,0)</f>
        <v>0.78726591973476157</v>
      </c>
      <c r="P6472" s="59">
        <f>IF(Input!$D$19=3,J6472*Input!$C$19,0)+IF(Input!$D$20=3,K6472*Input!$C$20,0)+IF(Input!$D$21=3,L6472*Input!$C$21,0)+IF(Input!$D$22=3,M6472*Input!$C$22,0)</f>
        <v>0</v>
      </c>
      <c r="Q6472" s="75">
        <f>IF(Input!$D$19=4,J6472*Input!$C$19,0)+IF(Input!$D$20=4,K6472*Input!$C$20,0)+IF(Input!$D$21=4,L6472*Input!$C$21,0)+IF(Input!$D$22=4,M6472*Input!$C$22,0)</f>
        <v>0</v>
      </c>
      <c r="R6472" s="58">
        <v>70.860946423630693</v>
      </c>
      <c r="S6472" s="124">
        <f t="shared" si="100"/>
        <v>1.3645942608735868</v>
      </c>
    </row>
    <row r="6473" spans="8:19" x14ac:dyDescent="0.3">
      <c r="H6473" s="44">
        <v>6466</v>
      </c>
      <c r="I6473" s="56">
        <f>Bühler!I6499</f>
        <v>0.33840684310986757</v>
      </c>
      <c r="J6473" s="59">
        <f>Bühler!J6499</f>
        <v>1.1280228103662253</v>
      </c>
      <c r="K6473" s="59">
        <f>Bühler!K6499</f>
        <v>1.692034215549338</v>
      </c>
      <c r="L6473" s="59">
        <f>Bühler!L6499</f>
        <v>8.1217642346368226</v>
      </c>
      <c r="M6473" s="58">
        <f>Bühler!M6499</f>
        <v>0</v>
      </c>
      <c r="N6473" s="56">
        <f>IF(Input!$D$19=1,J6473*Input!$C$19,0)+IF(Input!$D$20=1,K6473*Input!$C$20,0)+IF(Input!$D$21=1,L6473*Input!$C$21,0)+IF(Input!$D$22=1,M6473*Input!$C$22,0)</f>
        <v>0.33840684310986757</v>
      </c>
      <c r="O6473" s="59">
        <f>IF(Input!$D$19=2,J6473*Input!$C$19,0)+IF(Input!$D$20=2,K6473*Input!$C$20,0)+IF(Input!$D$21=2,L6473*Input!$C$21,0)+IF(Input!$D$22=2,M6473*Input!$C$22,0)</f>
        <v>0.84601710777466899</v>
      </c>
      <c r="P6473" s="59">
        <f>IF(Input!$D$19=3,J6473*Input!$C$19,0)+IF(Input!$D$20=3,K6473*Input!$C$20,0)+IF(Input!$D$21=3,L6473*Input!$C$21,0)+IF(Input!$D$22=3,M6473*Input!$C$22,0)</f>
        <v>0</v>
      </c>
      <c r="Q6473" s="75">
        <f>IF(Input!$D$19=4,J6473*Input!$C$19,0)+IF(Input!$D$20=4,K6473*Input!$C$20,0)+IF(Input!$D$21=4,L6473*Input!$C$21,0)+IF(Input!$D$22=4,M6473*Input!$C$22,0)</f>
        <v>0</v>
      </c>
      <c r="R6473" s="58">
        <v>70.9233237894246</v>
      </c>
      <c r="S6473" s="124">
        <f t="shared" ref="S6473:S6536" si="101">I6473+J6473</f>
        <v>1.466429653476093</v>
      </c>
    </row>
    <row r="6474" spans="8:19" x14ac:dyDescent="0.3">
      <c r="H6474" s="44">
        <v>6467</v>
      </c>
      <c r="I6474" s="56">
        <f>Bühler!I6500</f>
        <v>0.36660741336902325</v>
      </c>
      <c r="J6474" s="59">
        <f>Bühler!J6500</f>
        <v>1.2220247112300777</v>
      </c>
      <c r="K6474" s="59">
        <f>Bühler!K6500</f>
        <v>1.8330370668451161</v>
      </c>
      <c r="L6474" s="59">
        <f>Bühler!L6500</f>
        <v>8.7985779208565571</v>
      </c>
      <c r="M6474" s="58">
        <f>Bühler!M6500</f>
        <v>0</v>
      </c>
      <c r="N6474" s="56">
        <f>IF(Input!$D$19=1,J6474*Input!$C$19,0)+IF(Input!$D$20=1,K6474*Input!$C$20,0)+IF(Input!$D$21=1,L6474*Input!$C$21,0)+IF(Input!$D$22=1,M6474*Input!$C$22,0)</f>
        <v>0.36660741336902331</v>
      </c>
      <c r="O6474" s="59">
        <f>IF(Input!$D$19=2,J6474*Input!$C$19,0)+IF(Input!$D$20=2,K6474*Input!$C$20,0)+IF(Input!$D$21=2,L6474*Input!$C$21,0)+IF(Input!$D$22=2,M6474*Input!$C$22,0)</f>
        <v>0.91651853342255807</v>
      </c>
      <c r="P6474" s="59">
        <f>IF(Input!$D$19=3,J6474*Input!$C$19,0)+IF(Input!$D$20=3,K6474*Input!$C$20,0)+IF(Input!$D$21=3,L6474*Input!$C$21,0)+IF(Input!$D$22=3,M6474*Input!$C$22,0)</f>
        <v>0</v>
      </c>
      <c r="Q6474" s="75">
        <f>IF(Input!$D$19=4,J6474*Input!$C$19,0)+IF(Input!$D$20=4,K6474*Input!$C$20,0)+IF(Input!$D$21=4,L6474*Input!$C$21,0)+IF(Input!$D$22=4,M6474*Input!$C$22,0)</f>
        <v>0</v>
      </c>
      <c r="R6474" s="58">
        <v>71.870712057981308</v>
      </c>
      <c r="S6474" s="124">
        <f t="shared" si="101"/>
        <v>1.5886321245991009</v>
      </c>
    </row>
    <row r="6475" spans="8:19" x14ac:dyDescent="0.3">
      <c r="H6475" s="44">
        <v>6468</v>
      </c>
      <c r="I6475" s="56">
        <f>Bühler!I6501</f>
        <v>0.42300855388733449</v>
      </c>
      <c r="J6475" s="59">
        <f>Bühler!J6501</f>
        <v>1.4100285129577816</v>
      </c>
      <c r="K6475" s="59">
        <f>Bühler!K6501</f>
        <v>2.1150427694366725</v>
      </c>
      <c r="L6475" s="59">
        <f>Bühler!L6501</f>
        <v>10.152205293296028</v>
      </c>
      <c r="M6475" s="58">
        <f>Bühler!M6501</f>
        <v>0</v>
      </c>
      <c r="N6475" s="56">
        <f>IF(Input!$D$19=1,J6475*Input!$C$19,0)+IF(Input!$D$20=1,K6475*Input!$C$20,0)+IF(Input!$D$21=1,L6475*Input!$C$21,0)+IF(Input!$D$22=1,M6475*Input!$C$22,0)</f>
        <v>0.42300855388733449</v>
      </c>
      <c r="O6475" s="59">
        <f>IF(Input!$D$19=2,J6475*Input!$C$19,0)+IF(Input!$D$20=2,K6475*Input!$C$20,0)+IF(Input!$D$21=2,L6475*Input!$C$21,0)+IF(Input!$D$22=2,M6475*Input!$C$22,0)</f>
        <v>1.0575213847183362</v>
      </c>
      <c r="P6475" s="59">
        <f>IF(Input!$D$19=3,J6475*Input!$C$19,0)+IF(Input!$D$20=3,K6475*Input!$C$20,0)+IF(Input!$D$21=3,L6475*Input!$C$21,0)+IF(Input!$D$22=3,M6475*Input!$C$22,0)</f>
        <v>0</v>
      </c>
      <c r="Q6475" s="75">
        <f>IF(Input!$D$19=4,J6475*Input!$C$19,0)+IF(Input!$D$20=4,K6475*Input!$C$20,0)+IF(Input!$D$21=4,L6475*Input!$C$21,0)+IF(Input!$D$22=4,M6475*Input!$C$22,0)</f>
        <v>0</v>
      </c>
      <c r="R6475" s="58">
        <v>71.824695965245851</v>
      </c>
      <c r="S6475" s="124">
        <f t="shared" si="101"/>
        <v>1.8330370668451161</v>
      </c>
    </row>
    <row r="6476" spans="8:19" x14ac:dyDescent="0.3">
      <c r="H6476" s="44">
        <v>6469</v>
      </c>
      <c r="I6476" s="56">
        <f>Bühler!I6502</f>
        <v>0.42300855388733449</v>
      </c>
      <c r="J6476" s="59">
        <f>Bühler!J6502</f>
        <v>1.4100285129577816</v>
      </c>
      <c r="K6476" s="59">
        <f>Bühler!K6502</f>
        <v>2.1150427694366725</v>
      </c>
      <c r="L6476" s="59">
        <f>Bühler!L6502</f>
        <v>10.152205293296028</v>
      </c>
      <c r="M6476" s="58">
        <f>Bühler!M6502</f>
        <v>0</v>
      </c>
      <c r="N6476" s="56">
        <f>IF(Input!$D$19=1,J6476*Input!$C$19,0)+IF(Input!$D$20=1,K6476*Input!$C$20,0)+IF(Input!$D$21=1,L6476*Input!$C$21,0)+IF(Input!$D$22=1,M6476*Input!$C$22,0)</f>
        <v>0.42300855388733449</v>
      </c>
      <c r="O6476" s="59">
        <f>IF(Input!$D$19=2,J6476*Input!$C$19,0)+IF(Input!$D$20=2,K6476*Input!$C$20,0)+IF(Input!$D$21=2,L6476*Input!$C$21,0)+IF(Input!$D$22=2,M6476*Input!$C$22,0)</f>
        <v>1.0575213847183362</v>
      </c>
      <c r="P6476" s="59">
        <f>IF(Input!$D$19=3,J6476*Input!$C$19,0)+IF(Input!$D$20=3,K6476*Input!$C$20,0)+IF(Input!$D$21=3,L6476*Input!$C$21,0)+IF(Input!$D$22=3,M6476*Input!$C$22,0)</f>
        <v>0</v>
      </c>
      <c r="Q6476" s="75">
        <f>IF(Input!$D$19=4,J6476*Input!$C$19,0)+IF(Input!$D$20=4,K6476*Input!$C$20,0)+IF(Input!$D$21=4,L6476*Input!$C$21,0)+IF(Input!$D$22=4,M6476*Input!$C$22,0)</f>
        <v>0</v>
      </c>
      <c r="R6476" s="58">
        <v>71.363143560626597</v>
      </c>
      <c r="S6476" s="124">
        <f t="shared" si="101"/>
        <v>1.8330370668451161</v>
      </c>
    </row>
    <row r="6477" spans="8:19" x14ac:dyDescent="0.3">
      <c r="H6477" s="44">
        <v>6470</v>
      </c>
      <c r="I6477" s="56">
        <f>Bühler!I6503</f>
        <v>0.42300855388733449</v>
      </c>
      <c r="J6477" s="59">
        <f>Bühler!J6503</f>
        <v>1.4100285129577816</v>
      </c>
      <c r="K6477" s="59">
        <f>Bühler!K6503</f>
        <v>2.1150427694366725</v>
      </c>
      <c r="L6477" s="59">
        <f>Bühler!L6503</f>
        <v>10.152205293296028</v>
      </c>
      <c r="M6477" s="58">
        <f>Bühler!M6503</f>
        <v>0</v>
      </c>
      <c r="N6477" s="56">
        <f>IF(Input!$D$19=1,J6477*Input!$C$19,0)+IF(Input!$D$20=1,K6477*Input!$C$20,0)+IF(Input!$D$21=1,L6477*Input!$C$21,0)+IF(Input!$D$22=1,M6477*Input!$C$22,0)</f>
        <v>0.42300855388733449</v>
      </c>
      <c r="O6477" s="59">
        <f>IF(Input!$D$19=2,J6477*Input!$C$19,0)+IF(Input!$D$20=2,K6477*Input!$C$20,0)+IF(Input!$D$21=2,L6477*Input!$C$21,0)+IF(Input!$D$22=2,M6477*Input!$C$22,0)</f>
        <v>1.0575213847183362</v>
      </c>
      <c r="P6477" s="59">
        <f>IF(Input!$D$19=3,J6477*Input!$C$19,0)+IF(Input!$D$20=3,K6477*Input!$C$20,0)+IF(Input!$D$21=3,L6477*Input!$C$21,0)+IF(Input!$D$22=3,M6477*Input!$C$22,0)</f>
        <v>0</v>
      </c>
      <c r="Q6477" s="75">
        <f>IF(Input!$D$19=4,J6477*Input!$C$19,0)+IF(Input!$D$20=4,K6477*Input!$C$20,0)+IF(Input!$D$21=4,L6477*Input!$C$21,0)+IF(Input!$D$22=4,M6477*Input!$C$22,0)</f>
        <v>0</v>
      </c>
      <c r="R6477" s="58">
        <v>71.150469115553349</v>
      </c>
      <c r="S6477" s="124">
        <f t="shared" si="101"/>
        <v>1.8330370668451161</v>
      </c>
    </row>
    <row r="6478" spans="8:19" x14ac:dyDescent="0.3">
      <c r="H6478" s="44">
        <v>6471</v>
      </c>
      <c r="I6478" s="56">
        <f>Bühler!I6504</f>
        <v>0.42300855388733449</v>
      </c>
      <c r="J6478" s="59">
        <f>Bühler!J6504</f>
        <v>1.4100285129577816</v>
      </c>
      <c r="K6478" s="59">
        <f>Bühler!K6504</f>
        <v>2.1150427694366725</v>
      </c>
      <c r="L6478" s="59">
        <f>Bühler!L6504</f>
        <v>10.152205293296028</v>
      </c>
      <c r="M6478" s="58">
        <f>Bühler!M6504</f>
        <v>0</v>
      </c>
      <c r="N6478" s="56">
        <f>IF(Input!$D$19=1,J6478*Input!$C$19,0)+IF(Input!$D$20=1,K6478*Input!$C$20,0)+IF(Input!$D$21=1,L6478*Input!$C$21,0)+IF(Input!$D$22=1,M6478*Input!$C$22,0)</f>
        <v>0.42300855388733449</v>
      </c>
      <c r="O6478" s="59">
        <f>IF(Input!$D$19=2,J6478*Input!$C$19,0)+IF(Input!$D$20=2,K6478*Input!$C$20,0)+IF(Input!$D$21=2,L6478*Input!$C$21,0)+IF(Input!$D$22=2,M6478*Input!$C$22,0)</f>
        <v>1.0575213847183362</v>
      </c>
      <c r="P6478" s="59">
        <f>IF(Input!$D$19=3,J6478*Input!$C$19,0)+IF(Input!$D$20=3,K6478*Input!$C$20,0)+IF(Input!$D$21=3,L6478*Input!$C$21,0)+IF(Input!$D$22=3,M6478*Input!$C$22,0)</f>
        <v>0</v>
      </c>
      <c r="Q6478" s="75">
        <f>IF(Input!$D$19=4,J6478*Input!$C$19,0)+IF(Input!$D$20=4,K6478*Input!$C$20,0)+IF(Input!$D$21=4,L6478*Input!$C$21,0)+IF(Input!$D$22=4,M6478*Input!$C$22,0)</f>
        <v>0</v>
      </c>
      <c r="R6478" s="58">
        <v>71.369905947134114</v>
      </c>
      <c r="S6478" s="124">
        <f t="shared" si="101"/>
        <v>1.8330370668451161</v>
      </c>
    </row>
    <row r="6479" spans="8:19" x14ac:dyDescent="0.3">
      <c r="H6479" s="44">
        <v>6472</v>
      </c>
      <c r="I6479" s="56">
        <f>Bühler!I6505</f>
        <v>0.42300855388733449</v>
      </c>
      <c r="J6479" s="59">
        <f>Bühler!J6505</f>
        <v>1.4100285129577816</v>
      </c>
      <c r="K6479" s="59">
        <f>Bühler!K6505</f>
        <v>2.1150427694366725</v>
      </c>
      <c r="L6479" s="59">
        <f>Bühler!L6505</f>
        <v>10.152205293296028</v>
      </c>
      <c r="M6479" s="58">
        <f>Bühler!M6505</f>
        <v>0</v>
      </c>
      <c r="N6479" s="56">
        <f>IF(Input!$D$19=1,J6479*Input!$C$19,0)+IF(Input!$D$20=1,K6479*Input!$C$20,0)+IF(Input!$D$21=1,L6479*Input!$C$21,0)+IF(Input!$D$22=1,M6479*Input!$C$22,0)</f>
        <v>0.42300855388733449</v>
      </c>
      <c r="O6479" s="59">
        <f>IF(Input!$D$19=2,J6479*Input!$C$19,0)+IF(Input!$D$20=2,K6479*Input!$C$20,0)+IF(Input!$D$21=2,L6479*Input!$C$21,0)+IF(Input!$D$22=2,M6479*Input!$C$22,0)</f>
        <v>1.0575213847183362</v>
      </c>
      <c r="P6479" s="59">
        <f>IF(Input!$D$19=3,J6479*Input!$C$19,0)+IF(Input!$D$20=3,K6479*Input!$C$20,0)+IF(Input!$D$21=3,L6479*Input!$C$21,0)+IF(Input!$D$22=3,M6479*Input!$C$22,0)</f>
        <v>0</v>
      </c>
      <c r="Q6479" s="75">
        <f>IF(Input!$D$19=4,J6479*Input!$C$19,0)+IF(Input!$D$20=4,K6479*Input!$C$20,0)+IF(Input!$D$21=4,L6479*Input!$C$21,0)+IF(Input!$D$22=4,M6479*Input!$C$22,0)</f>
        <v>0</v>
      </c>
      <c r="R6479" s="58">
        <v>70.645327446026855</v>
      </c>
      <c r="S6479" s="124">
        <f t="shared" si="101"/>
        <v>1.8330370668451161</v>
      </c>
    </row>
    <row r="6480" spans="8:19" x14ac:dyDescent="0.3">
      <c r="H6480" s="44">
        <v>6473</v>
      </c>
      <c r="I6480" s="56">
        <f>Bühler!I6506</f>
        <v>0.42300855388733449</v>
      </c>
      <c r="J6480" s="59">
        <f>Bühler!J6506</f>
        <v>1.4100285129577816</v>
      </c>
      <c r="K6480" s="59">
        <f>Bühler!K6506</f>
        <v>2.1150427694366725</v>
      </c>
      <c r="L6480" s="59">
        <f>Bühler!L6506</f>
        <v>10.152205293296028</v>
      </c>
      <c r="M6480" s="58">
        <f>Bühler!M6506</f>
        <v>0</v>
      </c>
      <c r="N6480" s="56">
        <f>IF(Input!$D$19=1,J6480*Input!$C$19,0)+IF(Input!$D$20=1,K6480*Input!$C$20,0)+IF(Input!$D$21=1,L6480*Input!$C$21,0)+IF(Input!$D$22=1,M6480*Input!$C$22,0)</f>
        <v>0.42300855388733449</v>
      </c>
      <c r="O6480" s="59">
        <f>IF(Input!$D$19=2,J6480*Input!$C$19,0)+IF(Input!$D$20=2,K6480*Input!$C$20,0)+IF(Input!$D$21=2,L6480*Input!$C$21,0)+IF(Input!$D$22=2,M6480*Input!$C$22,0)</f>
        <v>1.0575213847183362</v>
      </c>
      <c r="P6480" s="59">
        <f>IF(Input!$D$19=3,J6480*Input!$C$19,0)+IF(Input!$D$20=3,K6480*Input!$C$20,0)+IF(Input!$D$21=3,L6480*Input!$C$21,0)+IF(Input!$D$22=3,M6480*Input!$C$22,0)</f>
        <v>0</v>
      </c>
      <c r="Q6480" s="75">
        <f>IF(Input!$D$19=4,J6480*Input!$C$19,0)+IF(Input!$D$20=4,K6480*Input!$C$20,0)+IF(Input!$D$21=4,L6480*Input!$C$21,0)+IF(Input!$D$22=4,M6480*Input!$C$22,0)</f>
        <v>0</v>
      </c>
      <c r="R6480" s="58">
        <v>69.034442829134463</v>
      </c>
      <c r="S6480" s="124">
        <f t="shared" si="101"/>
        <v>1.8330370668451161</v>
      </c>
    </row>
    <row r="6481" spans="8:19" x14ac:dyDescent="0.3">
      <c r="H6481" s="44">
        <v>6474</v>
      </c>
      <c r="I6481" s="56">
        <f>Bühler!I6507</f>
        <v>0.42300855388733449</v>
      </c>
      <c r="J6481" s="59">
        <f>Bühler!J6507</f>
        <v>1.4100285129577816</v>
      </c>
      <c r="K6481" s="59">
        <f>Bühler!K6507</f>
        <v>2.1150427694366725</v>
      </c>
      <c r="L6481" s="59">
        <f>Bühler!L6507</f>
        <v>10.152205293296028</v>
      </c>
      <c r="M6481" s="58">
        <f>Bühler!M6507</f>
        <v>0</v>
      </c>
      <c r="N6481" s="56">
        <f>IF(Input!$D$19=1,J6481*Input!$C$19,0)+IF(Input!$D$20=1,K6481*Input!$C$20,0)+IF(Input!$D$21=1,L6481*Input!$C$21,0)+IF(Input!$D$22=1,M6481*Input!$C$22,0)</f>
        <v>0.42300855388733449</v>
      </c>
      <c r="O6481" s="59">
        <f>IF(Input!$D$19=2,J6481*Input!$C$19,0)+IF(Input!$D$20=2,K6481*Input!$C$20,0)+IF(Input!$D$21=2,L6481*Input!$C$21,0)+IF(Input!$D$22=2,M6481*Input!$C$22,0)</f>
        <v>1.0575213847183362</v>
      </c>
      <c r="P6481" s="59">
        <f>IF(Input!$D$19=3,J6481*Input!$C$19,0)+IF(Input!$D$20=3,K6481*Input!$C$20,0)+IF(Input!$D$21=3,L6481*Input!$C$21,0)+IF(Input!$D$22=3,M6481*Input!$C$22,0)</f>
        <v>0</v>
      </c>
      <c r="Q6481" s="75">
        <f>IF(Input!$D$19=4,J6481*Input!$C$19,0)+IF(Input!$D$20=4,K6481*Input!$C$20,0)+IF(Input!$D$21=4,L6481*Input!$C$21,0)+IF(Input!$D$22=4,M6481*Input!$C$22,0)</f>
        <v>0</v>
      </c>
      <c r="R6481" s="58">
        <v>67.600595568078319</v>
      </c>
      <c r="S6481" s="124">
        <f t="shared" si="101"/>
        <v>1.8330370668451161</v>
      </c>
    </row>
    <row r="6482" spans="8:19" x14ac:dyDescent="0.3">
      <c r="H6482" s="44">
        <v>6475</v>
      </c>
      <c r="I6482" s="56">
        <f>Bühler!I6508</f>
        <v>0.42300855388733449</v>
      </c>
      <c r="J6482" s="59">
        <f>Bühler!J6508</f>
        <v>1.4100285129577816</v>
      </c>
      <c r="K6482" s="59">
        <f>Bühler!K6508</f>
        <v>2.1150427694366725</v>
      </c>
      <c r="L6482" s="59">
        <f>Bühler!L6508</f>
        <v>10.152205293296028</v>
      </c>
      <c r="M6482" s="58">
        <f>Bühler!M6508</f>
        <v>0</v>
      </c>
      <c r="N6482" s="56">
        <f>IF(Input!$D$19=1,J6482*Input!$C$19,0)+IF(Input!$D$20=1,K6482*Input!$C$20,0)+IF(Input!$D$21=1,L6482*Input!$C$21,0)+IF(Input!$D$22=1,M6482*Input!$C$22,0)</f>
        <v>0.42300855388733449</v>
      </c>
      <c r="O6482" s="59">
        <f>IF(Input!$D$19=2,J6482*Input!$C$19,0)+IF(Input!$D$20=2,K6482*Input!$C$20,0)+IF(Input!$D$21=2,L6482*Input!$C$21,0)+IF(Input!$D$22=2,M6482*Input!$C$22,0)</f>
        <v>1.0575213847183362</v>
      </c>
      <c r="P6482" s="59">
        <f>IF(Input!$D$19=3,J6482*Input!$C$19,0)+IF(Input!$D$20=3,K6482*Input!$C$20,0)+IF(Input!$D$21=3,L6482*Input!$C$21,0)+IF(Input!$D$22=3,M6482*Input!$C$22,0)</f>
        <v>0</v>
      </c>
      <c r="Q6482" s="75">
        <f>IF(Input!$D$19=4,J6482*Input!$C$19,0)+IF(Input!$D$20=4,K6482*Input!$C$20,0)+IF(Input!$D$21=4,L6482*Input!$C$21,0)+IF(Input!$D$22=4,M6482*Input!$C$22,0)</f>
        <v>0</v>
      </c>
      <c r="R6482" s="58">
        <v>66.514283973859648</v>
      </c>
      <c r="S6482" s="124">
        <f t="shared" si="101"/>
        <v>1.8330370668451161</v>
      </c>
    </row>
    <row r="6483" spans="8:19" x14ac:dyDescent="0.3">
      <c r="H6483" s="44">
        <v>6476</v>
      </c>
      <c r="I6483" s="56">
        <f>Bühler!I6509</f>
        <v>0.35250712823944541</v>
      </c>
      <c r="J6483" s="59">
        <f>Bühler!J6509</f>
        <v>1.1750237607981515</v>
      </c>
      <c r="K6483" s="59">
        <f>Bühler!K6509</f>
        <v>1.7625356411972271</v>
      </c>
      <c r="L6483" s="59">
        <f>Bühler!L6509</f>
        <v>8.4601710777466899</v>
      </c>
      <c r="M6483" s="58">
        <f>Bühler!M6509</f>
        <v>0</v>
      </c>
      <c r="N6483" s="56">
        <f>IF(Input!$D$19=1,J6483*Input!$C$19,0)+IF(Input!$D$20=1,K6483*Input!$C$20,0)+IF(Input!$D$21=1,L6483*Input!$C$21,0)+IF(Input!$D$22=1,M6483*Input!$C$22,0)</f>
        <v>0.35250712823944547</v>
      </c>
      <c r="O6483" s="59">
        <f>IF(Input!$D$19=2,J6483*Input!$C$19,0)+IF(Input!$D$20=2,K6483*Input!$C$20,0)+IF(Input!$D$21=2,L6483*Input!$C$21,0)+IF(Input!$D$22=2,M6483*Input!$C$22,0)</f>
        <v>0.88126782059861353</v>
      </c>
      <c r="P6483" s="59">
        <f>IF(Input!$D$19=3,J6483*Input!$C$19,0)+IF(Input!$D$20=3,K6483*Input!$C$20,0)+IF(Input!$D$21=3,L6483*Input!$C$21,0)+IF(Input!$D$22=3,M6483*Input!$C$22,0)</f>
        <v>0</v>
      </c>
      <c r="Q6483" s="75">
        <f>IF(Input!$D$19=4,J6483*Input!$C$19,0)+IF(Input!$D$20=4,K6483*Input!$C$20,0)+IF(Input!$D$21=4,L6483*Input!$C$21,0)+IF(Input!$D$22=4,M6483*Input!$C$22,0)</f>
        <v>0</v>
      </c>
      <c r="R6483" s="58">
        <v>65.573238651952181</v>
      </c>
      <c r="S6483" s="124">
        <f t="shared" si="101"/>
        <v>1.5275308890375969</v>
      </c>
    </row>
    <row r="6484" spans="8:19" x14ac:dyDescent="0.3">
      <c r="H6484" s="44">
        <v>6477</v>
      </c>
      <c r="I6484" s="56">
        <f>Bühler!I6510</f>
        <v>0.28200570259155633</v>
      </c>
      <c r="J6484" s="59">
        <f>Bühler!J6510</f>
        <v>0.94001900863852128</v>
      </c>
      <c r="K6484" s="59">
        <f>Bühler!K6510</f>
        <v>1.4100285129577819</v>
      </c>
      <c r="L6484" s="59">
        <f>Bühler!L6510</f>
        <v>6.7681368621973528</v>
      </c>
      <c r="M6484" s="58">
        <f>Bühler!M6510</f>
        <v>0</v>
      </c>
      <c r="N6484" s="56">
        <f>IF(Input!$D$19=1,J6484*Input!$C$19,0)+IF(Input!$D$20=1,K6484*Input!$C$20,0)+IF(Input!$D$21=1,L6484*Input!$C$21,0)+IF(Input!$D$22=1,M6484*Input!$C$22,0)</f>
        <v>0.28200570259155638</v>
      </c>
      <c r="O6484" s="59">
        <f>IF(Input!$D$19=2,J6484*Input!$C$19,0)+IF(Input!$D$20=2,K6484*Input!$C$20,0)+IF(Input!$D$21=2,L6484*Input!$C$21,0)+IF(Input!$D$22=2,M6484*Input!$C$22,0)</f>
        <v>0.70501425647889093</v>
      </c>
      <c r="P6484" s="59">
        <f>IF(Input!$D$19=3,J6484*Input!$C$19,0)+IF(Input!$D$20=3,K6484*Input!$C$20,0)+IF(Input!$D$21=3,L6484*Input!$C$21,0)+IF(Input!$D$22=3,M6484*Input!$C$22,0)</f>
        <v>0</v>
      </c>
      <c r="Q6484" s="75">
        <f>IF(Input!$D$19=4,J6484*Input!$C$19,0)+IF(Input!$D$20=4,K6484*Input!$C$20,0)+IF(Input!$D$21=4,L6484*Input!$C$21,0)+IF(Input!$D$22=4,M6484*Input!$C$22,0)</f>
        <v>0</v>
      </c>
      <c r="R6484" s="58">
        <v>63.825905767415968</v>
      </c>
      <c r="S6484" s="124">
        <f t="shared" si="101"/>
        <v>1.2220247112300777</v>
      </c>
    </row>
    <row r="6485" spans="8:19" x14ac:dyDescent="0.3">
      <c r="H6485" s="44">
        <v>6478</v>
      </c>
      <c r="I6485" s="56">
        <f>Bühler!I6511</f>
        <v>0.21150427694366725</v>
      </c>
      <c r="J6485" s="59">
        <f>Bühler!J6511</f>
        <v>0.70501425647889082</v>
      </c>
      <c r="K6485" s="59">
        <f>Bühler!K6511</f>
        <v>1.0575213847183362</v>
      </c>
      <c r="L6485" s="59">
        <f>Bühler!L6511</f>
        <v>5.0761026466480139</v>
      </c>
      <c r="M6485" s="58">
        <f>Bühler!M6511</f>
        <v>0</v>
      </c>
      <c r="N6485" s="56">
        <f>IF(Input!$D$19=1,J6485*Input!$C$19,0)+IF(Input!$D$20=1,K6485*Input!$C$20,0)+IF(Input!$D$21=1,L6485*Input!$C$21,0)+IF(Input!$D$22=1,M6485*Input!$C$22,0)</f>
        <v>0.21150427694366725</v>
      </c>
      <c r="O6485" s="59">
        <f>IF(Input!$D$19=2,J6485*Input!$C$19,0)+IF(Input!$D$20=2,K6485*Input!$C$20,0)+IF(Input!$D$21=2,L6485*Input!$C$21,0)+IF(Input!$D$22=2,M6485*Input!$C$22,0)</f>
        <v>0.52876069235916812</v>
      </c>
      <c r="P6485" s="59">
        <f>IF(Input!$D$19=3,J6485*Input!$C$19,0)+IF(Input!$D$20=3,K6485*Input!$C$20,0)+IF(Input!$D$21=3,L6485*Input!$C$21,0)+IF(Input!$D$22=3,M6485*Input!$C$22,0)</f>
        <v>0</v>
      </c>
      <c r="Q6485" s="75">
        <f>IF(Input!$D$19=4,J6485*Input!$C$19,0)+IF(Input!$D$20=4,K6485*Input!$C$20,0)+IF(Input!$D$21=4,L6485*Input!$C$21,0)+IF(Input!$D$22=4,M6485*Input!$C$22,0)</f>
        <v>0</v>
      </c>
      <c r="R6485" s="58">
        <v>61.549723574253029</v>
      </c>
      <c r="S6485" s="124">
        <f t="shared" si="101"/>
        <v>0.91651853342255807</v>
      </c>
    </row>
    <row r="6486" spans="8:19" x14ac:dyDescent="0.3">
      <c r="H6486" s="44">
        <v>6479</v>
      </c>
      <c r="I6486" s="56">
        <f>Bühler!I6512</f>
        <v>0.21150427694366725</v>
      </c>
      <c r="J6486" s="59">
        <f>Bühler!J6512</f>
        <v>0.70501425647889082</v>
      </c>
      <c r="K6486" s="59">
        <f>Bühler!K6512</f>
        <v>1.0575213847183362</v>
      </c>
      <c r="L6486" s="59">
        <f>Bühler!L6512</f>
        <v>5.0761026466480139</v>
      </c>
      <c r="M6486" s="58">
        <f>Bühler!M6512</f>
        <v>0</v>
      </c>
      <c r="N6486" s="56">
        <f>IF(Input!$D$19=1,J6486*Input!$C$19,0)+IF(Input!$D$20=1,K6486*Input!$C$20,0)+IF(Input!$D$21=1,L6486*Input!$C$21,0)+IF(Input!$D$22=1,M6486*Input!$C$22,0)</f>
        <v>0.21150427694366725</v>
      </c>
      <c r="O6486" s="59">
        <f>IF(Input!$D$19=2,J6486*Input!$C$19,0)+IF(Input!$D$20=2,K6486*Input!$C$20,0)+IF(Input!$D$21=2,L6486*Input!$C$21,0)+IF(Input!$D$22=2,M6486*Input!$C$22,0)</f>
        <v>0.52876069235916812</v>
      </c>
      <c r="P6486" s="59">
        <f>IF(Input!$D$19=3,J6486*Input!$C$19,0)+IF(Input!$D$20=3,K6486*Input!$C$20,0)+IF(Input!$D$21=3,L6486*Input!$C$21,0)+IF(Input!$D$22=3,M6486*Input!$C$22,0)</f>
        <v>0</v>
      </c>
      <c r="Q6486" s="75">
        <f>IF(Input!$D$19=4,J6486*Input!$C$19,0)+IF(Input!$D$20=4,K6486*Input!$C$20,0)+IF(Input!$D$21=4,L6486*Input!$C$21,0)+IF(Input!$D$22=4,M6486*Input!$C$22,0)</f>
        <v>0</v>
      </c>
      <c r="R6486" s="58">
        <v>60.992230710838378</v>
      </c>
      <c r="S6486" s="124">
        <f t="shared" si="101"/>
        <v>0.91651853342255807</v>
      </c>
    </row>
    <row r="6487" spans="8:19" x14ac:dyDescent="0.3">
      <c r="H6487" s="44">
        <v>6480</v>
      </c>
      <c r="I6487" s="56">
        <f>Bühler!I6513</f>
        <v>0.21150427694366725</v>
      </c>
      <c r="J6487" s="59">
        <f>Bühler!J6513</f>
        <v>0.70501425647889082</v>
      </c>
      <c r="K6487" s="59">
        <f>Bühler!K6513</f>
        <v>1.0575213847183362</v>
      </c>
      <c r="L6487" s="59">
        <f>Bühler!L6513</f>
        <v>5.0761026466480139</v>
      </c>
      <c r="M6487" s="58">
        <f>Bühler!M6513</f>
        <v>0</v>
      </c>
      <c r="N6487" s="56">
        <f>IF(Input!$D$19=1,J6487*Input!$C$19,0)+IF(Input!$D$20=1,K6487*Input!$C$20,0)+IF(Input!$D$21=1,L6487*Input!$C$21,0)+IF(Input!$D$22=1,M6487*Input!$C$22,0)</f>
        <v>0.21150427694366725</v>
      </c>
      <c r="O6487" s="59">
        <f>IF(Input!$D$19=2,J6487*Input!$C$19,0)+IF(Input!$D$20=2,K6487*Input!$C$20,0)+IF(Input!$D$21=2,L6487*Input!$C$21,0)+IF(Input!$D$22=2,M6487*Input!$C$22,0)</f>
        <v>0.52876069235916812</v>
      </c>
      <c r="P6487" s="59">
        <f>IF(Input!$D$19=3,J6487*Input!$C$19,0)+IF(Input!$D$20=3,K6487*Input!$C$20,0)+IF(Input!$D$21=3,L6487*Input!$C$21,0)+IF(Input!$D$22=3,M6487*Input!$C$22,0)</f>
        <v>0</v>
      </c>
      <c r="Q6487" s="75">
        <f>IF(Input!$D$19=4,J6487*Input!$C$19,0)+IF(Input!$D$20=4,K6487*Input!$C$20,0)+IF(Input!$D$21=4,L6487*Input!$C$21,0)+IF(Input!$D$22=4,M6487*Input!$C$22,0)</f>
        <v>0</v>
      </c>
      <c r="R6487" s="58">
        <v>60.907798497084691</v>
      </c>
      <c r="S6487" s="124">
        <f t="shared" si="101"/>
        <v>0.91651853342255807</v>
      </c>
    </row>
    <row r="6488" spans="8:19" x14ac:dyDescent="0.3">
      <c r="H6488" s="44">
        <v>6481</v>
      </c>
      <c r="I6488" s="56">
        <f>Bühler!I6514</f>
        <v>0.23042784656731019</v>
      </c>
      <c r="J6488" s="59">
        <f>Bühler!J6514</f>
        <v>0.76809282189103412</v>
      </c>
      <c r="K6488" s="59">
        <f>Bühler!K6514</f>
        <v>1.152139232836551</v>
      </c>
      <c r="L6488" s="59">
        <f>Bühler!L6514</f>
        <v>5.5302683176154446</v>
      </c>
      <c r="M6488" s="58">
        <f>Bühler!M6514</f>
        <v>0</v>
      </c>
      <c r="N6488" s="56">
        <f>IF(Input!$D$19=1,J6488*Input!$C$19,0)+IF(Input!$D$20=1,K6488*Input!$C$20,0)+IF(Input!$D$21=1,L6488*Input!$C$21,0)+IF(Input!$D$22=1,M6488*Input!$C$22,0)</f>
        <v>0.23042784656731022</v>
      </c>
      <c r="O6488" s="59">
        <f>IF(Input!$D$19=2,J6488*Input!$C$19,0)+IF(Input!$D$20=2,K6488*Input!$C$20,0)+IF(Input!$D$21=2,L6488*Input!$C$21,0)+IF(Input!$D$22=2,M6488*Input!$C$22,0)</f>
        <v>0.57606961641827548</v>
      </c>
      <c r="P6488" s="59">
        <f>IF(Input!$D$19=3,J6488*Input!$C$19,0)+IF(Input!$D$20=3,K6488*Input!$C$20,0)+IF(Input!$D$21=3,L6488*Input!$C$21,0)+IF(Input!$D$22=3,M6488*Input!$C$22,0)</f>
        <v>0</v>
      </c>
      <c r="Q6488" s="75">
        <f>IF(Input!$D$19=4,J6488*Input!$C$19,0)+IF(Input!$D$20=4,K6488*Input!$C$20,0)+IF(Input!$D$21=4,L6488*Input!$C$21,0)+IF(Input!$D$22=4,M6488*Input!$C$22,0)</f>
        <v>0</v>
      </c>
      <c r="R6488" s="58">
        <v>60.474471148854605</v>
      </c>
      <c r="S6488" s="124">
        <f t="shared" si="101"/>
        <v>0.99852066845834431</v>
      </c>
    </row>
    <row r="6489" spans="8:19" x14ac:dyDescent="0.3">
      <c r="H6489" s="44">
        <v>6482</v>
      </c>
      <c r="I6489" s="56">
        <f>Bühler!I6515</f>
        <v>0.23042784656731019</v>
      </c>
      <c r="J6489" s="59">
        <f>Bühler!J6515</f>
        <v>0.76809282189103412</v>
      </c>
      <c r="K6489" s="59">
        <f>Bühler!K6515</f>
        <v>1.152139232836551</v>
      </c>
      <c r="L6489" s="59">
        <f>Bühler!L6515</f>
        <v>5.5302683176154446</v>
      </c>
      <c r="M6489" s="58">
        <f>Bühler!M6515</f>
        <v>0</v>
      </c>
      <c r="N6489" s="56">
        <f>IF(Input!$D$19=1,J6489*Input!$C$19,0)+IF(Input!$D$20=1,K6489*Input!$C$20,0)+IF(Input!$D$21=1,L6489*Input!$C$21,0)+IF(Input!$D$22=1,M6489*Input!$C$22,0)</f>
        <v>0.23042784656731022</v>
      </c>
      <c r="O6489" s="59">
        <f>IF(Input!$D$19=2,J6489*Input!$C$19,0)+IF(Input!$D$20=2,K6489*Input!$C$20,0)+IF(Input!$D$21=2,L6489*Input!$C$21,0)+IF(Input!$D$22=2,M6489*Input!$C$22,0)</f>
        <v>0.57606961641827548</v>
      </c>
      <c r="P6489" s="59">
        <f>IF(Input!$D$19=3,J6489*Input!$C$19,0)+IF(Input!$D$20=3,K6489*Input!$C$20,0)+IF(Input!$D$21=3,L6489*Input!$C$21,0)+IF(Input!$D$22=3,M6489*Input!$C$22,0)</f>
        <v>0</v>
      </c>
      <c r="Q6489" s="75">
        <f>IF(Input!$D$19=4,J6489*Input!$C$19,0)+IF(Input!$D$20=4,K6489*Input!$C$20,0)+IF(Input!$D$21=4,L6489*Input!$C$21,0)+IF(Input!$D$22=4,M6489*Input!$C$22,0)</f>
        <v>0</v>
      </c>
      <c r="R6489" s="58">
        <v>60.021472492965835</v>
      </c>
      <c r="S6489" s="124">
        <f t="shared" si="101"/>
        <v>0.99852066845834431</v>
      </c>
    </row>
    <row r="6490" spans="8:19" x14ac:dyDescent="0.3">
      <c r="H6490" s="44">
        <v>6483</v>
      </c>
      <c r="I6490" s="56">
        <f>Bühler!I6516</f>
        <v>0.23042784656731019</v>
      </c>
      <c r="J6490" s="59">
        <f>Bühler!J6516</f>
        <v>0.76809282189103412</v>
      </c>
      <c r="K6490" s="59">
        <f>Bühler!K6516</f>
        <v>1.152139232836551</v>
      </c>
      <c r="L6490" s="59">
        <f>Bühler!L6516</f>
        <v>5.5302683176154446</v>
      </c>
      <c r="M6490" s="58">
        <f>Bühler!M6516</f>
        <v>0</v>
      </c>
      <c r="N6490" s="56">
        <f>IF(Input!$D$19=1,J6490*Input!$C$19,0)+IF(Input!$D$20=1,K6490*Input!$C$20,0)+IF(Input!$D$21=1,L6490*Input!$C$21,0)+IF(Input!$D$22=1,M6490*Input!$C$22,0)</f>
        <v>0.23042784656731022</v>
      </c>
      <c r="O6490" s="59">
        <f>IF(Input!$D$19=2,J6490*Input!$C$19,0)+IF(Input!$D$20=2,K6490*Input!$C$20,0)+IF(Input!$D$21=2,L6490*Input!$C$21,0)+IF(Input!$D$22=2,M6490*Input!$C$22,0)</f>
        <v>0.57606961641827548</v>
      </c>
      <c r="P6490" s="59">
        <f>IF(Input!$D$19=3,J6490*Input!$C$19,0)+IF(Input!$D$20=3,K6490*Input!$C$20,0)+IF(Input!$D$21=3,L6490*Input!$C$21,0)+IF(Input!$D$22=3,M6490*Input!$C$22,0)</f>
        <v>0</v>
      </c>
      <c r="Q6490" s="75">
        <f>IF(Input!$D$19=4,J6490*Input!$C$19,0)+IF(Input!$D$20=4,K6490*Input!$C$20,0)+IF(Input!$D$21=4,L6490*Input!$C$21,0)+IF(Input!$D$22=4,M6490*Input!$C$22,0)</f>
        <v>0</v>
      </c>
      <c r="R6490" s="58">
        <v>59.58356490463337</v>
      </c>
      <c r="S6490" s="124">
        <f t="shared" si="101"/>
        <v>0.99852066845834431</v>
      </c>
    </row>
    <row r="6491" spans="8:19" x14ac:dyDescent="0.3">
      <c r="H6491" s="44">
        <v>6484</v>
      </c>
      <c r="I6491" s="56">
        <f>Bühler!I6517</f>
        <v>0.23042784656731019</v>
      </c>
      <c r="J6491" s="59">
        <f>Bühler!J6517</f>
        <v>0.76809282189103412</v>
      </c>
      <c r="K6491" s="59">
        <f>Bühler!K6517</f>
        <v>1.152139232836551</v>
      </c>
      <c r="L6491" s="59">
        <f>Bühler!L6517</f>
        <v>5.5302683176154446</v>
      </c>
      <c r="M6491" s="58">
        <f>Bühler!M6517</f>
        <v>0</v>
      </c>
      <c r="N6491" s="56">
        <f>IF(Input!$D$19=1,J6491*Input!$C$19,0)+IF(Input!$D$20=1,K6491*Input!$C$20,0)+IF(Input!$D$21=1,L6491*Input!$C$21,0)+IF(Input!$D$22=1,M6491*Input!$C$22,0)</f>
        <v>0.23042784656731022</v>
      </c>
      <c r="O6491" s="59">
        <f>IF(Input!$D$19=2,J6491*Input!$C$19,0)+IF(Input!$D$20=2,K6491*Input!$C$20,0)+IF(Input!$D$21=2,L6491*Input!$C$21,0)+IF(Input!$D$22=2,M6491*Input!$C$22,0)</f>
        <v>0.57606961641827548</v>
      </c>
      <c r="P6491" s="59">
        <f>IF(Input!$D$19=3,J6491*Input!$C$19,0)+IF(Input!$D$20=3,K6491*Input!$C$20,0)+IF(Input!$D$21=3,L6491*Input!$C$21,0)+IF(Input!$D$22=3,M6491*Input!$C$22,0)</f>
        <v>0</v>
      </c>
      <c r="Q6491" s="75">
        <f>IF(Input!$D$19=4,J6491*Input!$C$19,0)+IF(Input!$D$20=4,K6491*Input!$C$20,0)+IF(Input!$D$21=4,L6491*Input!$C$21,0)+IF(Input!$D$22=4,M6491*Input!$C$22,0)</f>
        <v>0</v>
      </c>
      <c r="R6491" s="58">
        <v>60.189041295562319</v>
      </c>
      <c r="S6491" s="124">
        <f t="shared" si="101"/>
        <v>0.99852066845834431</v>
      </c>
    </row>
    <row r="6492" spans="8:19" x14ac:dyDescent="0.3">
      <c r="H6492" s="44">
        <v>6485</v>
      </c>
      <c r="I6492" s="56">
        <f>Bühler!I6518</f>
        <v>0.23042784656731019</v>
      </c>
      <c r="J6492" s="59">
        <f>Bühler!J6518</f>
        <v>0.76809282189103412</v>
      </c>
      <c r="K6492" s="59">
        <f>Bühler!K6518</f>
        <v>1.152139232836551</v>
      </c>
      <c r="L6492" s="59">
        <f>Bühler!L6518</f>
        <v>5.5302683176154446</v>
      </c>
      <c r="M6492" s="58">
        <f>Bühler!M6518</f>
        <v>0</v>
      </c>
      <c r="N6492" s="56">
        <f>IF(Input!$D$19=1,J6492*Input!$C$19,0)+IF(Input!$D$20=1,K6492*Input!$C$20,0)+IF(Input!$D$21=1,L6492*Input!$C$21,0)+IF(Input!$D$22=1,M6492*Input!$C$22,0)</f>
        <v>0.23042784656731022</v>
      </c>
      <c r="O6492" s="59">
        <f>IF(Input!$D$19=2,J6492*Input!$C$19,0)+IF(Input!$D$20=2,K6492*Input!$C$20,0)+IF(Input!$D$21=2,L6492*Input!$C$21,0)+IF(Input!$D$22=2,M6492*Input!$C$22,0)</f>
        <v>0.57606961641827548</v>
      </c>
      <c r="P6492" s="59">
        <f>IF(Input!$D$19=3,J6492*Input!$C$19,0)+IF(Input!$D$20=3,K6492*Input!$C$20,0)+IF(Input!$D$21=3,L6492*Input!$C$21,0)+IF(Input!$D$22=3,M6492*Input!$C$22,0)</f>
        <v>0</v>
      </c>
      <c r="Q6492" s="75">
        <f>IF(Input!$D$19=4,J6492*Input!$C$19,0)+IF(Input!$D$20=4,K6492*Input!$C$20,0)+IF(Input!$D$21=4,L6492*Input!$C$21,0)+IF(Input!$D$22=4,M6492*Input!$C$22,0)</f>
        <v>0</v>
      </c>
      <c r="R6492" s="58">
        <v>61.282154503771181</v>
      </c>
      <c r="S6492" s="124">
        <f t="shared" si="101"/>
        <v>0.99852066845834431</v>
      </c>
    </row>
    <row r="6493" spans="8:19" x14ac:dyDescent="0.3">
      <c r="H6493" s="44">
        <v>6486</v>
      </c>
      <c r="I6493" s="56">
        <f>Bühler!I6519</f>
        <v>0.29699589113119979</v>
      </c>
      <c r="J6493" s="59">
        <f>Bühler!J6519</f>
        <v>0.9899863037706661</v>
      </c>
      <c r="K6493" s="59">
        <f>Bühler!K6519</f>
        <v>1.484979455655999</v>
      </c>
      <c r="L6493" s="59">
        <f>Bühler!L6519</f>
        <v>7.1279013871487953</v>
      </c>
      <c r="M6493" s="58">
        <f>Bühler!M6519</f>
        <v>0</v>
      </c>
      <c r="N6493" s="56">
        <f>IF(Input!$D$19=1,J6493*Input!$C$19,0)+IF(Input!$D$20=1,K6493*Input!$C$20,0)+IF(Input!$D$21=1,L6493*Input!$C$21,0)+IF(Input!$D$22=1,M6493*Input!$C$22,0)</f>
        <v>0.29699589113119984</v>
      </c>
      <c r="O6493" s="59">
        <f>IF(Input!$D$19=2,J6493*Input!$C$19,0)+IF(Input!$D$20=2,K6493*Input!$C$20,0)+IF(Input!$D$21=2,L6493*Input!$C$21,0)+IF(Input!$D$22=2,M6493*Input!$C$22,0)</f>
        <v>0.74248972782799949</v>
      </c>
      <c r="P6493" s="59">
        <f>IF(Input!$D$19=3,J6493*Input!$C$19,0)+IF(Input!$D$20=3,K6493*Input!$C$20,0)+IF(Input!$D$21=3,L6493*Input!$C$21,0)+IF(Input!$D$22=3,M6493*Input!$C$22,0)</f>
        <v>0</v>
      </c>
      <c r="Q6493" s="75">
        <f>IF(Input!$D$19=4,J6493*Input!$C$19,0)+IF(Input!$D$20=4,K6493*Input!$C$20,0)+IF(Input!$D$21=4,L6493*Input!$C$21,0)+IF(Input!$D$22=4,M6493*Input!$C$22,0)</f>
        <v>0</v>
      </c>
      <c r="R6493" s="58">
        <v>63.138226754778785</v>
      </c>
      <c r="S6493" s="124">
        <f t="shared" si="101"/>
        <v>1.2869821949018658</v>
      </c>
    </row>
    <row r="6494" spans="8:19" x14ac:dyDescent="0.3">
      <c r="H6494" s="44">
        <v>6487</v>
      </c>
      <c r="I6494" s="56">
        <f>Bühler!I6520</f>
        <v>0.3584433168824826</v>
      </c>
      <c r="J6494" s="59">
        <f>Bühler!J6520</f>
        <v>1.1948110562749421</v>
      </c>
      <c r="K6494" s="59">
        <f>Bühler!K6520</f>
        <v>1.7922165844124129</v>
      </c>
      <c r="L6494" s="59">
        <f>Bühler!L6520</f>
        <v>8.6026396051795828</v>
      </c>
      <c r="M6494" s="58">
        <f>Bühler!M6520</f>
        <v>0</v>
      </c>
      <c r="N6494" s="56">
        <f>IF(Input!$D$19=1,J6494*Input!$C$19,0)+IF(Input!$D$20=1,K6494*Input!$C$20,0)+IF(Input!$D$21=1,L6494*Input!$C$21,0)+IF(Input!$D$22=1,M6494*Input!$C$22,0)</f>
        <v>0.3584433168824826</v>
      </c>
      <c r="O6494" s="59">
        <f>IF(Input!$D$19=2,J6494*Input!$C$19,0)+IF(Input!$D$20=2,K6494*Input!$C$20,0)+IF(Input!$D$21=2,L6494*Input!$C$21,0)+IF(Input!$D$22=2,M6494*Input!$C$22,0)</f>
        <v>0.89610829220620647</v>
      </c>
      <c r="P6494" s="59">
        <f>IF(Input!$D$19=3,J6494*Input!$C$19,0)+IF(Input!$D$20=3,K6494*Input!$C$20,0)+IF(Input!$D$21=3,L6494*Input!$C$21,0)+IF(Input!$D$22=3,M6494*Input!$C$22,0)</f>
        <v>0</v>
      </c>
      <c r="Q6494" s="75">
        <f>IF(Input!$D$19=4,J6494*Input!$C$19,0)+IF(Input!$D$20=4,K6494*Input!$C$20,0)+IF(Input!$D$21=4,L6494*Input!$C$21,0)+IF(Input!$D$22=4,M6494*Input!$C$22,0)</f>
        <v>0</v>
      </c>
      <c r="R6494" s="58">
        <v>65.901628149441308</v>
      </c>
      <c r="S6494" s="124">
        <f t="shared" si="101"/>
        <v>1.5532543731574247</v>
      </c>
    </row>
    <row r="6495" spans="8:19" x14ac:dyDescent="0.3">
      <c r="H6495" s="44">
        <v>6488</v>
      </c>
      <c r="I6495" s="56">
        <f>Bühler!I6521</f>
        <v>0.3584433168824826</v>
      </c>
      <c r="J6495" s="59">
        <f>Bühler!J6521</f>
        <v>1.1948110562749421</v>
      </c>
      <c r="K6495" s="59">
        <f>Bühler!K6521</f>
        <v>1.7922165844124129</v>
      </c>
      <c r="L6495" s="59">
        <f>Bühler!L6521</f>
        <v>8.6026396051795828</v>
      </c>
      <c r="M6495" s="58">
        <f>Bühler!M6521</f>
        <v>0</v>
      </c>
      <c r="N6495" s="56">
        <f>IF(Input!$D$19=1,J6495*Input!$C$19,0)+IF(Input!$D$20=1,K6495*Input!$C$20,0)+IF(Input!$D$21=1,L6495*Input!$C$21,0)+IF(Input!$D$22=1,M6495*Input!$C$22,0)</f>
        <v>0.3584433168824826</v>
      </c>
      <c r="O6495" s="59">
        <f>IF(Input!$D$19=2,J6495*Input!$C$19,0)+IF(Input!$D$20=2,K6495*Input!$C$20,0)+IF(Input!$D$21=2,L6495*Input!$C$21,0)+IF(Input!$D$22=2,M6495*Input!$C$22,0)</f>
        <v>0.89610829220620647</v>
      </c>
      <c r="P6495" s="59">
        <f>IF(Input!$D$19=3,J6495*Input!$C$19,0)+IF(Input!$D$20=3,K6495*Input!$C$20,0)+IF(Input!$D$21=3,L6495*Input!$C$21,0)+IF(Input!$D$22=3,M6495*Input!$C$22,0)</f>
        <v>0</v>
      </c>
      <c r="Q6495" s="75">
        <f>IF(Input!$D$19=4,J6495*Input!$C$19,0)+IF(Input!$D$20=4,K6495*Input!$C$20,0)+IF(Input!$D$21=4,L6495*Input!$C$21,0)+IF(Input!$D$22=4,M6495*Input!$C$22,0)</f>
        <v>0</v>
      </c>
      <c r="R6495" s="58">
        <v>67.96212061823546</v>
      </c>
      <c r="S6495" s="124">
        <f t="shared" si="101"/>
        <v>1.5532543731574247</v>
      </c>
    </row>
    <row r="6496" spans="8:19" x14ac:dyDescent="0.3">
      <c r="H6496" s="44">
        <v>6489</v>
      </c>
      <c r="I6496" s="56">
        <f>Bühler!I6522</f>
        <v>0.3584433168824826</v>
      </c>
      <c r="J6496" s="59">
        <f>Bühler!J6522</f>
        <v>1.1948110562749421</v>
      </c>
      <c r="K6496" s="59">
        <f>Bühler!K6522</f>
        <v>1.7922165844124129</v>
      </c>
      <c r="L6496" s="59">
        <f>Bühler!L6522</f>
        <v>8.6026396051795828</v>
      </c>
      <c r="M6496" s="58">
        <f>Bühler!M6522</f>
        <v>0</v>
      </c>
      <c r="N6496" s="56">
        <f>IF(Input!$D$19=1,J6496*Input!$C$19,0)+IF(Input!$D$20=1,K6496*Input!$C$20,0)+IF(Input!$D$21=1,L6496*Input!$C$21,0)+IF(Input!$D$22=1,M6496*Input!$C$22,0)</f>
        <v>0.3584433168824826</v>
      </c>
      <c r="O6496" s="59">
        <f>IF(Input!$D$19=2,J6496*Input!$C$19,0)+IF(Input!$D$20=2,K6496*Input!$C$20,0)+IF(Input!$D$21=2,L6496*Input!$C$21,0)+IF(Input!$D$22=2,M6496*Input!$C$22,0)</f>
        <v>0.89610829220620647</v>
      </c>
      <c r="P6496" s="59">
        <f>IF(Input!$D$19=3,J6496*Input!$C$19,0)+IF(Input!$D$20=3,K6496*Input!$C$20,0)+IF(Input!$D$21=3,L6496*Input!$C$21,0)+IF(Input!$D$22=3,M6496*Input!$C$22,0)</f>
        <v>0</v>
      </c>
      <c r="Q6496" s="75">
        <f>IF(Input!$D$19=4,J6496*Input!$C$19,0)+IF(Input!$D$20=4,K6496*Input!$C$20,0)+IF(Input!$D$21=4,L6496*Input!$C$21,0)+IF(Input!$D$22=4,M6496*Input!$C$22,0)</f>
        <v>0</v>
      </c>
      <c r="R6496" s="58">
        <v>68.107795738984635</v>
      </c>
      <c r="S6496" s="124">
        <f t="shared" si="101"/>
        <v>1.5532543731574247</v>
      </c>
    </row>
    <row r="6497" spans="8:19" x14ac:dyDescent="0.3">
      <c r="H6497" s="44">
        <v>6490</v>
      </c>
      <c r="I6497" s="56">
        <f>Bühler!I6523</f>
        <v>0.384046410945517</v>
      </c>
      <c r="J6497" s="59">
        <f>Bühler!J6523</f>
        <v>1.2801547031517235</v>
      </c>
      <c r="K6497" s="59">
        <f>Bühler!K6523</f>
        <v>1.9202320547275851</v>
      </c>
      <c r="L6497" s="59">
        <f>Bühler!L6523</f>
        <v>9.2171138626924076</v>
      </c>
      <c r="M6497" s="58">
        <f>Bühler!M6523</f>
        <v>0</v>
      </c>
      <c r="N6497" s="56">
        <f>IF(Input!$D$19=1,J6497*Input!$C$19,0)+IF(Input!$D$20=1,K6497*Input!$C$20,0)+IF(Input!$D$21=1,L6497*Input!$C$21,0)+IF(Input!$D$22=1,M6497*Input!$C$22,0)</f>
        <v>0.38404641094551706</v>
      </c>
      <c r="O6497" s="59">
        <f>IF(Input!$D$19=2,J6497*Input!$C$19,0)+IF(Input!$D$20=2,K6497*Input!$C$20,0)+IF(Input!$D$21=2,L6497*Input!$C$21,0)+IF(Input!$D$22=2,M6497*Input!$C$22,0)</f>
        <v>0.96011602736379253</v>
      </c>
      <c r="P6497" s="59">
        <f>IF(Input!$D$19=3,J6497*Input!$C$19,0)+IF(Input!$D$20=3,K6497*Input!$C$20,0)+IF(Input!$D$21=3,L6497*Input!$C$21,0)+IF(Input!$D$22=3,M6497*Input!$C$22,0)</f>
        <v>0</v>
      </c>
      <c r="Q6497" s="75">
        <f>IF(Input!$D$19=4,J6497*Input!$C$19,0)+IF(Input!$D$20=4,K6497*Input!$C$20,0)+IF(Input!$D$21=4,L6497*Input!$C$21,0)+IF(Input!$D$22=4,M6497*Input!$C$22,0)</f>
        <v>0</v>
      </c>
      <c r="R6497" s="58">
        <v>68.170172320228872</v>
      </c>
      <c r="S6497" s="124">
        <f t="shared" si="101"/>
        <v>1.6642011140972406</v>
      </c>
    </row>
    <row r="6498" spans="8:19" x14ac:dyDescent="0.3">
      <c r="H6498" s="44">
        <v>6491</v>
      </c>
      <c r="I6498" s="56">
        <f>Bühler!I6524</f>
        <v>0.39940826738333773</v>
      </c>
      <c r="J6498" s="59">
        <f>Bühler!J6524</f>
        <v>1.3313608912777926</v>
      </c>
      <c r="K6498" s="59">
        <f>Bühler!K6524</f>
        <v>1.9970413369166886</v>
      </c>
      <c r="L6498" s="59">
        <f>Bühler!L6524</f>
        <v>9.5857984172001061</v>
      </c>
      <c r="M6498" s="58">
        <f>Bühler!M6524</f>
        <v>0</v>
      </c>
      <c r="N6498" s="56">
        <f>IF(Input!$D$19=1,J6498*Input!$C$19,0)+IF(Input!$D$20=1,K6498*Input!$C$20,0)+IF(Input!$D$21=1,L6498*Input!$C$21,0)+IF(Input!$D$22=1,M6498*Input!$C$22,0)</f>
        <v>0.39940826738333773</v>
      </c>
      <c r="O6498" s="59">
        <f>IF(Input!$D$19=2,J6498*Input!$C$19,0)+IF(Input!$D$20=2,K6498*Input!$C$20,0)+IF(Input!$D$21=2,L6498*Input!$C$21,0)+IF(Input!$D$22=2,M6498*Input!$C$22,0)</f>
        <v>0.99852066845834431</v>
      </c>
      <c r="P6498" s="59">
        <f>IF(Input!$D$19=3,J6498*Input!$C$19,0)+IF(Input!$D$20=3,K6498*Input!$C$20,0)+IF(Input!$D$21=3,L6498*Input!$C$21,0)+IF(Input!$D$22=3,M6498*Input!$C$22,0)</f>
        <v>0</v>
      </c>
      <c r="Q6498" s="75">
        <f>IF(Input!$D$19=4,J6498*Input!$C$19,0)+IF(Input!$D$20=4,K6498*Input!$C$20,0)+IF(Input!$D$21=4,L6498*Input!$C$21,0)+IF(Input!$D$22=4,M6498*Input!$C$22,0)</f>
        <v>0</v>
      </c>
      <c r="R6498" s="58">
        <v>68.934931610275385</v>
      </c>
      <c r="S6498" s="124">
        <f t="shared" si="101"/>
        <v>1.7307691586611302</v>
      </c>
    </row>
    <row r="6499" spans="8:19" x14ac:dyDescent="0.3">
      <c r="H6499" s="44">
        <v>6492</v>
      </c>
      <c r="I6499" s="56">
        <f>Bühler!I6525</f>
        <v>0.46085569313462038</v>
      </c>
      <c r="J6499" s="59">
        <f>Bühler!J6525</f>
        <v>1.5361856437820682</v>
      </c>
      <c r="K6499" s="59">
        <f>Bühler!K6525</f>
        <v>2.3042784656731019</v>
      </c>
      <c r="L6499" s="59">
        <f>Bühler!L6525</f>
        <v>11.060536635230889</v>
      </c>
      <c r="M6499" s="58">
        <f>Bühler!M6525</f>
        <v>0</v>
      </c>
      <c r="N6499" s="56">
        <f>IF(Input!$D$19=1,J6499*Input!$C$19,0)+IF(Input!$D$20=1,K6499*Input!$C$20,0)+IF(Input!$D$21=1,L6499*Input!$C$21,0)+IF(Input!$D$22=1,M6499*Input!$C$22,0)</f>
        <v>0.46085569313462044</v>
      </c>
      <c r="O6499" s="59">
        <f>IF(Input!$D$19=2,J6499*Input!$C$19,0)+IF(Input!$D$20=2,K6499*Input!$C$20,0)+IF(Input!$D$21=2,L6499*Input!$C$21,0)+IF(Input!$D$22=2,M6499*Input!$C$22,0)</f>
        <v>1.152139232836551</v>
      </c>
      <c r="P6499" s="59">
        <f>IF(Input!$D$19=3,J6499*Input!$C$19,0)+IF(Input!$D$20=3,K6499*Input!$C$20,0)+IF(Input!$D$21=3,L6499*Input!$C$21,0)+IF(Input!$D$22=3,M6499*Input!$C$22,0)</f>
        <v>0</v>
      </c>
      <c r="Q6499" s="75">
        <f>IF(Input!$D$19=4,J6499*Input!$C$19,0)+IF(Input!$D$20=4,K6499*Input!$C$20,0)+IF(Input!$D$21=4,L6499*Input!$C$21,0)+IF(Input!$D$22=4,M6499*Input!$C$22,0)</f>
        <v>0</v>
      </c>
      <c r="R6499" s="58">
        <v>69.555104597195054</v>
      </c>
      <c r="S6499" s="124">
        <f t="shared" si="101"/>
        <v>1.9970413369166886</v>
      </c>
    </row>
    <row r="6500" spans="8:19" x14ac:dyDescent="0.3">
      <c r="H6500" s="44">
        <v>6493</v>
      </c>
      <c r="I6500" s="56">
        <f>Bühler!I6526</f>
        <v>0.46085569313462038</v>
      </c>
      <c r="J6500" s="59">
        <f>Bühler!J6526</f>
        <v>1.5361856437820682</v>
      </c>
      <c r="K6500" s="59">
        <f>Bühler!K6526</f>
        <v>2.3042784656731019</v>
      </c>
      <c r="L6500" s="59">
        <f>Bühler!L6526</f>
        <v>11.060536635230889</v>
      </c>
      <c r="M6500" s="58">
        <f>Bühler!M6526</f>
        <v>0</v>
      </c>
      <c r="N6500" s="56">
        <f>IF(Input!$D$19=1,J6500*Input!$C$19,0)+IF(Input!$D$20=1,K6500*Input!$C$20,0)+IF(Input!$D$21=1,L6500*Input!$C$21,0)+IF(Input!$D$22=1,M6500*Input!$C$22,0)</f>
        <v>0.46085569313462044</v>
      </c>
      <c r="O6500" s="59">
        <f>IF(Input!$D$19=2,J6500*Input!$C$19,0)+IF(Input!$D$20=2,K6500*Input!$C$20,0)+IF(Input!$D$21=2,L6500*Input!$C$21,0)+IF(Input!$D$22=2,M6500*Input!$C$22,0)</f>
        <v>1.152139232836551</v>
      </c>
      <c r="P6500" s="59">
        <f>IF(Input!$D$19=3,J6500*Input!$C$19,0)+IF(Input!$D$20=3,K6500*Input!$C$20,0)+IF(Input!$D$21=3,L6500*Input!$C$21,0)+IF(Input!$D$22=3,M6500*Input!$C$22,0)</f>
        <v>0</v>
      </c>
      <c r="Q6500" s="75">
        <f>IF(Input!$D$19=4,J6500*Input!$C$19,0)+IF(Input!$D$20=4,K6500*Input!$C$20,0)+IF(Input!$D$21=4,L6500*Input!$C$21,0)+IF(Input!$D$22=4,M6500*Input!$C$22,0)</f>
        <v>0</v>
      </c>
      <c r="R6500" s="58">
        <v>68.4141538073211</v>
      </c>
      <c r="S6500" s="124">
        <f t="shared" si="101"/>
        <v>1.9970413369166886</v>
      </c>
    </row>
    <row r="6501" spans="8:19" x14ac:dyDescent="0.3">
      <c r="H6501" s="44">
        <v>6494</v>
      </c>
      <c r="I6501" s="56">
        <f>Bühler!I6527</f>
        <v>0.46085569313462038</v>
      </c>
      <c r="J6501" s="59">
        <f>Bühler!J6527</f>
        <v>1.5361856437820682</v>
      </c>
      <c r="K6501" s="59">
        <f>Bühler!K6527</f>
        <v>2.3042784656731019</v>
      </c>
      <c r="L6501" s="59">
        <f>Bühler!L6527</f>
        <v>11.060536635230889</v>
      </c>
      <c r="M6501" s="58">
        <f>Bühler!M6527</f>
        <v>0</v>
      </c>
      <c r="N6501" s="56">
        <f>IF(Input!$D$19=1,J6501*Input!$C$19,0)+IF(Input!$D$20=1,K6501*Input!$C$20,0)+IF(Input!$D$21=1,L6501*Input!$C$21,0)+IF(Input!$D$22=1,M6501*Input!$C$22,0)</f>
        <v>0.46085569313462044</v>
      </c>
      <c r="O6501" s="59">
        <f>IF(Input!$D$19=2,J6501*Input!$C$19,0)+IF(Input!$D$20=2,K6501*Input!$C$20,0)+IF(Input!$D$21=2,L6501*Input!$C$21,0)+IF(Input!$D$22=2,M6501*Input!$C$22,0)</f>
        <v>1.152139232836551</v>
      </c>
      <c r="P6501" s="59">
        <f>IF(Input!$D$19=3,J6501*Input!$C$19,0)+IF(Input!$D$20=3,K6501*Input!$C$20,0)+IF(Input!$D$21=3,L6501*Input!$C$21,0)+IF(Input!$D$22=3,M6501*Input!$C$22,0)</f>
        <v>0</v>
      </c>
      <c r="Q6501" s="75">
        <f>IF(Input!$D$19=4,J6501*Input!$C$19,0)+IF(Input!$D$20=4,K6501*Input!$C$20,0)+IF(Input!$D$21=4,L6501*Input!$C$21,0)+IF(Input!$D$22=4,M6501*Input!$C$22,0)</f>
        <v>0</v>
      </c>
      <c r="R6501" s="58">
        <v>67.771456595997918</v>
      </c>
      <c r="S6501" s="124">
        <f t="shared" si="101"/>
        <v>1.9970413369166886</v>
      </c>
    </row>
    <row r="6502" spans="8:19" x14ac:dyDescent="0.3">
      <c r="H6502" s="44">
        <v>6495</v>
      </c>
      <c r="I6502" s="56">
        <f>Bühler!I6528</f>
        <v>0.46085569313462038</v>
      </c>
      <c r="J6502" s="59">
        <f>Bühler!J6528</f>
        <v>1.5361856437820682</v>
      </c>
      <c r="K6502" s="59">
        <f>Bühler!K6528</f>
        <v>2.3042784656731019</v>
      </c>
      <c r="L6502" s="59">
        <f>Bühler!L6528</f>
        <v>11.060536635230889</v>
      </c>
      <c r="M6502" s="58">
        <f>Bühler!M6528</f>
        <v>0</v>
      </c>
      <c r="N6502" s="56">
        <f>IF(Input!$D$19=1,J6502*Input!$C$19,0)+IF(Input!$D$20=1,K6502*Input!$C$20,0)+IF(Input!$D$21=1,L6502*Input!$C$21,0)+IF(Input!$D$22=1,M6502*Input!$C$22,0)</f>
        <v>0.46085569313462044</v>
      </c>
      <c r="O6502" s="59">
        <f>IF(Input!$D$19=2,J6502*Input!$C$19,0)+IF(Input!$D$20=2,K6502*Input!$C$20,0)+IF(Input!$D$21=2,L6502*Input!$C$21,0)+IF(Input!$D$22=2,M6502*Input!$C$22,0)</f>
        <v>1.152139232836551</v>
      </c>
      <c r="P6502" s="59">
        <f>IF(Input!$D$19=3,J6502*Input!$C$19,0)+IF(Input!$D$20=3,K6502*Input!$C$20,0)+IF(Input!$D$21=3,L6502*Input!$C$21,0)+IF(Input!$D$22=3,M6502*Input!$C$22,0)</f>
        <v>0</v>
      </c>
      <c r="Q6502" s="75">
        <f>IF(Input!$D$19=4,J6502*Input!$C$19,0)+IF(Input!$D$20=4,K6502*Input!$C$20,0)+IF(Input!$D$21=4,L6502*Input!$C$21,0)+IF(Input!$D$22=4,M6502*Input!$C$22,0)</f>
        <v>0</v>
      </c>
      <c r="R6502" s="58">
        <v>67.353850308695584</v>
      </c>
      <c r="S6502" s="124">
        <f t="shared" si="101"/>
        <v>1.9970413369166886</v>
      </c>
    </row>
    <row r="6503" spans="8:19" x14ac:dyDescent="0.3">
      <c r="H6503" s="44">
        <v>6496</v>
      </c>
      <c r="I6503" s="56">
        <f>Bühler!I6529</f>
        <v>0.384046410945517</v>
      </c>
      <c r="J6503" s="59">
        <f>Bühler!J6529</f>
        <v>1.2801547031517235</v>
      </c>
      <c r="K6503" s="59">
        <f>Bühler!K6529</f>
        <v>1.9202320547275851</v>
      </c>
      <c r="L6503" s="59">
        <f>Bühler!L6529</f>
        <v>9.2171138626924076</v>
      </c>
      <c r="M6503" s="58">
        <f>Bühler!M6529</f>
        <v>0</v>
      </c>
      <c r="N6503" s="56">
        <f>IF(Input!$D$19=1,J6503*Input!$C$19,0)+IF(Input!$D$20=1,K6503*Input!$C$20,0)+IF(Input!$D$21=1,L6503*Input!$C$21,0)+IF(Input!$D$22=1,M6503*Input!$C$22,0)</f>
        <v>0.38404641094551706</v>
      </c>
      <c r="O6503" s="59">
        <f>IF(Input!$D$19=2,J6503*Input!$C$19,0)+IF(Input!$D$20=2,K6503*Input!$C$20,0)+IF(Input!$D$21=2,L6503*Input!$C$21,0)+IF(Input!$D$22=2,M6503*Input!$C$22,0)</f>
        <v>0.96011602736379253</v>
      </c>
      <c r="P6503" s="59">
        <f>IF(Input!$D$19=3,J6503*Input!$C$19,0)+IF(Input!$D$20=3,K6503*Input!$C$20,0)+IF(Input!$D$21=3,L6503*Input!$C$21,0)+IF(Input!$D$22=3,M6503*Input!$C$22,0)</f>
        <v>0</v>
      </c>
      <c r="Q6503" s="75">
        <f>IF(Input!$D$19=4,J6503*Input!$C$19,0)+IF(Input!$D$20=4,K6503*Input!$C$20,0)+IF(Input!$D$21=4,L6503*Input!$C$21,0)+IF(Input!$D$22=4,M6503*Input!$C$22,0)</f>
        <v>0</v>
      </c>
      <c r="R6503" s="58">
        <v>66.264555444807201</v>
      </c>
      <c r="S6503" s="124">
        <f t="shared" si="101"/>
        <v>1.6642011140972406</v>
      </c>
    </row>
    <row r="6504" spans="8:19" x14ac:dyDescent="0.3">
      <c r="H6504" s="44">
        <v>6497</v>
      </c>
      <c r="I6504" s="56">
        <f>Bühler!I6530</f>
        <v>0.36356393569508949</v>
      </c>
      <c r="J6504" s="59">
        <f>Bühler!J6530</f>
        <v>1.2118797856502983</v>
      </c>
      <c r="K6504" s="59">
        <f>Bühler!K6530</f>
        <v>1.8178196784754475</v>
      </c>
      <c r="L6504" s="59">
        <f>Bühler!L6530</f>
        <v>8.7255344566821478</v>
      </c>
      <c r="M6504" s="58">
        <f>Bühler!M6530</f>
        <v>0</v>
      </c>
      <c r="N6504" s="56">
        <f>IF(Input!$D$19=1,J6504*Input!$C$19,0)+IF(Input!$D$20=1,K6504*Input!$C$20,0)+IF(Input!$D$21=1,L6504*Input!$C$21,0)+IF(Input!$D$22=1,M6504*Input!$C$22,0)</f>
        <v>0.36356393569508949</v>
      </c>
      <c r="O6504" s="59">
        <f>IF(Input!$D$19=2,J6504*Input!$C$19,0)+IF(Input!$D$20=2,K6504*Input!$C$20,0)+IF(Input!$D$21=2,L6504*Input!$C$21,0)+IF(Input!$D$22=2,M6504*Input!$C$22,0)</f>
        <v>0.90890983923772373</v>
      </c>
      <c r="P6504" s="59">
        <f>IF(Input!$D$19=3,J6504*Input!$C$19,0)+IF(Input!$D$20=3,K6504*Input!$C$20,0)+IF(Input!$D$21=3,L6504*Input!$C$21,0)+IF(Input!$D$22=3,M6504*Input!$C$22,0)</f>
        <v>0</v>
      </c>
      <c r="Q6504" s="75">
        <f>IF(Input!$D$19=4,J6504*Input!$C$19,0)+IF(Input!$D$20=4,K6504*Input!$C$20,0)+IF(Input!$D$21=4,L6504*Input!$C$21,0)+IF(Input!$D$22=4,M6504*Input!$C$22,0)</f>
        <v>0</v>
      </c>
      <c r="R6504" s="58">
        <v>65.263083245612194</v>
      </c>
      <c r="S6504" s="124">
        <f t="shared" si="101"/>
        <v>1.5754437213453878</v>
      </c>
    </row>
    <row r="6505" spans="8:19" x14ac:dyDescent="0.3">
      <c r="H6505" s="44">
        <v>6498</v>
      </c>
      <c r="I6505" s="56">
        <f>Bühler!I6531</f>
        <v>0.36356393569508949</v>
      </c>
      <c r="J6505" s="59">
        <f>Bühler!J6531</f>
        <v>1.2118797856502983</v>
      </c>
      <c r="K6505" s="59">
        <f>Bühler!K6531</f>
        <v>1.8178196784754475</v>
      </c>
      <c r="L6505" s="59">
        <f>Bühler!L6531</f>
        <v>8.7255344566821478</v>
      </c>
      <c r="M6505" s="58">
        <f>Bühler!M6531</f>
        <v>0</v>
      </c>
      <c r="N6505" s="56">
        <f>IF(Input!$D$19=1,J6505*Input!$C$19,0)+IF(Input!$D$20=1,K6505*Input!$C$20,0)+IF(Input!$D$21=1,L6505*Input!$C$21,0)+IF(Input!$D$22=1,M6505*Input!$C$22,0)</f>
        <v>0.36356393569508949</v>
      </c>
      <c r="O6505" s="59">
        <f>IF(Input!$D$19=2,J6505*Input!$C$19,0)+IF(Input!$D$20=2,K6505*Input!$C$20,0)+IF(Input!$D$21=2,L6505*Input!$C$21,0)+IF(Input!$D$22=2,M6505*Input!$C$22,0)</f>
        <v>0.90890983923772373</v>
      </c>
      <c r="P6505" s="59">
        <f>IF(Input!$D$19=3,J6505*Input!$C$19,0)+IF(Input!$D$20=3,K6505*Input!$C$20,0)+IF(Input!$D$21=3,L6505*Input!$C$21,0)+IF(Input!$D$22=3,M6505*Input!$C$22,0)</f>
        <v>0</v>
      </c>
      <c r="Q6505" s="75">
        <f>IF(Input!$D$19=4,J6505*Input!$C$19,0)+IF(Input!$D$20=4,K6505*Input!$C$20,0)+IF(Input!$D$21=4,L6505*Input!$C$21,0)+IF(Input!$D$22=4,M6505*Input!$C$22,0)</f>
        <v>0</v>
      </c>
      <c r="R6505" s="58">
        <v>63.586524153781184</v>
      </c>
      <c r="S6505" s="124">
        <f t="shared" si="101"/>
        <v>1.5754437213453878</v>
      </c>
    </row>
    <row r="6506" spans="8:19" x14ac:dyDescent="0.3">
      <c r="H6506" s="44">
        <v>6499</v>
      </c>
      <c r="I6506" s="56">
        <f>Bühler!I6532</f>
        <v>0.36356393569508949</v>
      </c>
      <c r="J6506" s="59">
        <f>Bühler!J6532</f>
        <v>1.2118797856502983</v>
      </c>
      <c r="K6506" s="59">
        <f>Bühler!K6532</f>
        <v>1.8178196784754475</v>
      </c>
      <c r="L6506" s="59">
        <f>Bühler!L6532</f>
        <v>8.7255344566821478</v>
      </c>
      <c r="M6506" s="58">
        <f>Bühler!M6532</f>
        <v>0</v>
      </c>
      <c r="N6506" s="56">
        <f>IF(Input!$D$19=1,J6506*Input!$C$19,0)+IF(Input!$D$20=1,K6506*Input!$C$20,0)+IF(Input!$D$21=1,L6506*Input!$C$21,0)+IF(Input!$D$22=1,M6506*Input!$C$22,0)</f>
        <v>0.36356393569508949</v>
      </c>
      <c r="O6506" s="59">
        <f>IF(Input!$D$19=2,J6506*Input!$C$19,0)+IF(Input!$D$20=2,K6506*Input!$C$20,0)+IF(Input!$D$21=2,L6506*Input!$C$21,0)+IF(Input!$D$22=2,M6506*Input!$C$22,0)</f>
        <v>0.90890983923772373</v>
      </c>
      <c r="P6506" s="59">
        <f>IF(Input!$D$19=3,J6506*Input!$C$19,0)+IF(Input!$D$20=3,K6506*Input!$C$20,0)+IF(Input!$D$21=3,L6506*Input!$C$21,0)+IF(Input!$D$22=3,M6506*Input!$C$22,0)</f>
        <v>0</v>
      </c>
      <c r="Q6506" s="75">
        <f>IF(Input!$D$19=4,J6506*Input!$C$19,0)+IF(Input!$D$20=4,K6506*Input!$C$20,0)+IF(Input!$D$21=4,L6506*Input!$C$21,0)+IF(Input!$D$22=4,M6506*Input!$C$22,0)</f>
        <v>0</v>
      </c>
      <c r="R6506" s="58">
        <v>62.152420678422068</v>
      </c>
      <c r="S6506" s="124">
        <f t="shared" si="101"/>
        <v>1.5754437213453878</v>
      </c>
    </row>
    <row r="6507" spans="8:19" x14ac:dyDescent="0.3">
      <c r="H6507" s="44">
        <v>6500</v>
      </c>
      <c r="I6507" s="56">
        <f>Bühler!I6533</f>
        <v>0.36356393569508949</v>
      </c>
      <c r="J6507" s="59">
        <f>Bühler!J6533</f>
        <v>1.2118797856502983</v>
      </c>
      <c r="K6507" s="59">
        <f>Bühler!K6533</f>
        <v>1.8178196784754475</v>
      </c>
      <c r="L6507" s="59">
        <f>Bühler!L6533</f>
        <v>8.7255344566821478</v>
      </c>
      <c r="M6507" s="58">
        <f>Bühler!M6533</f>
        <v>0</v>
      </c>
      <c r="N6507" s="56">
        <f>IF(Input!$D$19=1,J6507*Input!$C$19,0)+IF(Input!$D$20=1,K6507*Input!$C$20,0)+IF(Input!$D$21=1,L6507*Input!$C$21,0)+IF(Input!$D$22=1,M6507*Input!$C$22,0)</f>
        <v>0.36356393569508949</v>
      </c>
      <c r="O6507" s="59">
        <f>IF(Input!$D$19=2,J6507*Input!$C$19,0)+IF(Input!$D$20=2,K6507*Input!$C$20,0)+IF(Input!$D$21=2,L6507*Input!$C$21,0)+IF(Input!$D$22=2,M6507*Input!$C$22,0)</f>
        <v>0.90890983923772373</v>
      </c>
      <c r="P6507" s="59">
        <f>IF(Input!$D$19=3,J6507*Input!$C$19,0)+IF(Input!$D$20=3,K6507*Input!$C$20,0)+IF(Input!$D$21=3,L6507*Input!$C$21,0)+IF(Input!$D$22=3,M6507*Input!$C$22,0)</f>
        <v>0</v>
      </c>
      <c r="Q6507" s="75">
        <f>IF(Input!$D$19=4,J6507*Input!$C$19,0)+IF(Input!$D$20=4,K6507*Input!$C$20,0)+IF(Input!$D$21=4,L6507*Input!$C$21,0)+IF(Input!$D$22=4,M6507*Input!$C$22,0)</f>
        <v>0</v>
      </c>
      <c r="R6507" s="58">
        <v>60.70344981061276</v>
      </c>
      <c r="S6507" s="124">
        <f t="shared" si="101"/>
        <v>1.5754437213453878</v>
      </c>
    </row>
    <row r="6508" spans="8:19" x14ac:dyDescent="0.3">
      <c r="H6508" s="44">
        <v>6501</v>
      </c>
      <c r="I6508" s="56">
        <f>Bühler!I6534</f>
        <v>0.28163403469337916</v>
      </c>
      <c r="J6508" s="59">
        <f>Bühler!J6534</f>
        <v>0.93878011564459729</v>
      </c>
      <c r="K6508" s="59">
        <f>Bühler!K6534</f>
        <v>1.4081701734668959</v>
      </c>
      <c r="L6508" s="59">
        <f>Bühler!L6534</f>
        <v>6.7592168326410995</v>
      </c>
      <c r="M6508" s="58">
        <f>Bühler!M6534</f>
        <v>0</v>
      </c>
      <c r="N6508" s="56">
        <f>IF(Input!$D$19=1,J6508*Input!$C$19,0)+IF(Input!$D$20=1,K6508*Input!$C$20,0)+IF(Input!$D$21=1,L6508*Input!$C$21,0)+IF(Input!$D$22=1,M6508*Input!$C$22,0)</f>
        <v>0.28163403469337916</v>
      </c>
      <c r="O6508" s="59">
        <f>IF(Input!$D$19=2,J6508*Input!$C$19,0)+IF(Input!$D$20=2,K6508*Input!$C$20,0)+IF(Input!$D$21=2,L6508*Input!$C$21,0)+IF(Input!$D$22=2,M6508*Input!$C$22,0)</f>
        <v>0.70408508673344794</v>
      </c>
      <c r="P6508" s="59">
        <f>IF(Input!$D$19=3,J6508*Input!$C$19,0)+IF(Input!$D$20=3,K6508*Input!$C$20,0)+IF(Input!$D$21=3,L6508*Input!$C$21,0)+IF(Input!$D$22=3,M6508*Input!$C$22,0)</f>
        <v>0</v>
      </c>
      <c r="Q6508" s="75">
        <f>IF(Input!$D$19=4,J6508*Input!$C$19,0)+IF(Input!$D$20=4,K6508*Input!$C$20,0)+IF(Input!$D$21=4,L6508*Input!$C$21,0)+IF(Input!$D$22=4,M6508*Input!$C$22,0)</f>
        <v>0</v>
      </c>
      <c r="R6508" s="58">
        <v>59.168600137171843</v>
      </c>
      <c r="S6508" s="124">
        <f t="shared" si="101"/>
        <v>1.2204141503379764</v>
      </c>
    </row>
    <row r="6509" spans="8:19" x14ac:dyDescent="0.3">
      <c r="H6509" s="44">
        <v>6502</v>
      </c>
      <c r="I6509" s="56">
        <f>Bühler!I6535</f>
        <v>0.10753299506474477</v>
      </c>
      <c r="J6509" s="59">
        <f>Bühler!J6535</f>
        <v>0.3584433168824826</v>
      </c>
      <c r="K6509" s="59">
        <f>Bühler!K6535</f>
        <v>0.53766497532372381</v>
      </c>
      <c r="L6509" s="59">
        <f>Bühler!L6535</f>
        <v>2.5807918815538744</v>
      </c>
      <c r="M6509" s="58">
        <f>Bühler!M6535</f>
        <v>0</v>
      </c>
      <c r="N6509" s="56">
        <f>IF(Input!$D$19=1,J6509*Input!$C$19,0)+IF(Input!$D$20=1,K6509*Input!$C$20,0)+IF(Input!$D$21=1,L6509*Input!$C$21,0)+IF(Input!$D$22=1,M6509*Input!$C$22,0)</f>
        <v>0.10753299506474477</v>
      </c>
      <c r="O6509" s="59">
        <f>IF(Input!$D$19=2,J6509*Input!$C$19,0)+IF(Input!$D$20=2,K6509*Input!$C$20,0)+IF(Input!$D$21=2,L6509*Input!$C$21,0)+IF(Input!$D$22=2,M6509*Input!$C$22,0)</f>
        <v>0.26883248766186191</v>
      </c>
      <c r="P6509" s="59">
        <f>IF(Input!$D$19=3,J6509*Input!$C$19,0)+IF(Input!$D$20=3,K6509*Input!$C$20,0)+IF(Input!$D$21=3,L6509*Input!$C$21,0)+IF(Input!$D$22=3,M6509*Input!$C$22,0)</f>
        <v>0</v>
      </c>
      <c r="Q6509" s="75">
        <f>IF(Input!$D$19=4,J6509*Input!$C$19,0)+IF(Input!$D$20=4,K6509*Input!$C$20,0)+IF(Input!$D$21=4,L6509*Input!$C$21,0)+IF(Input!$D$22=4,M6509*Input!$C$22,0)</f>
        <v>0</v>
      </c>
      <c r="R6509" s="58">
        <v>57.623006291596433</v>
      </c>
      <c r="S6509" s="124">
        <f t="shared" si="101"/>
        <v>0.46597631194722738</v>
      </c>
    </row>
    <row r="6510" spans="8:19" x14ac:dyDescent="0.3">
      <c r="H6510" s="44">
        <v>6503</v>
      </c>
      <c r="I6510" s="56">
        <f>Bühler!I6536</f>
        <v>0.10753299506474477</v>
      </c>
      <c r="J6510" s="59">
        <f>Bühler!J6536</f>
        <v>0.3584433168824826</v>
      </c>
      <c r="K6510" s="59">
        <f>Bühler!K6536</f>
        <v>0.53766497532372381</v>
      </c>
      <c r="L6510" s="59">
        <f>Bühler!L6536</f>
        <v>2.5807918815538744</v>
      </c>
      <c r="M6510" s="58">
        <f>Bühler!M6536</f>
        <v>0</v>
      </c>
      <c r="N6510" s="56">
        <f>IF(Input!$D$19=1,J6510*Input!$C$19,0)+IF(Input!$D$20=1,K6510*Input!$C$20,0)+IF(Input!$D$21=1,L6510*Input!$C$21,0)+IF(Input!$D$22=1,M6510*Input!$C$22,0)</f>
        <v>0.10753299506474477</v>
      </c>
      <c r="O6510" s="59">
        <f>IF(Input!$D$19=2,J6510*Input!$C$19,0)+IF(Input!$D$20=2,K6510*Input!$C$20,0)+IF(Input!$D$21=2,L6510*Input!$C$21,0)+IF(Input!$D$22=2,M6510*Input!$C$22,0)</f>
        <v>0.26883248766186191</v>
      </c>
      <c r="P6510" s="59">
        <f>IF(Input!$D$19=3,J6510*Input!$C$19,0)+IF(Input!$D$20=3,K6510*Input!$C$20,0)+IF(Input!$D$21=3,L6510*Input!$C$21,0)+IF(Input!$D$22=3,M6510*Input!$C$22,0)</f>
        <v>0</v>
      </c>
      <c r="Q6510" s="75">
        <f>IF(Input!$D$19=4,J6510*Input!$C$19,0)+IF(Input!$D$20=4,K6510*Input!$C$20,0)+IF(Input!$D$21=4,L6510*Input!$C$21,0)+IF(Input!$D$22=4,M6510*Input!$C$22,0)</f>
        <v>0</v>
      </c>
      <c r="R6510" s="58">
        <v>57.018209791396863</v>
      </c>
      <c r="S6510" s="124">
        <f t="shared" si="101"/>
        <v>0.46597631194722738</v>
      </c>
    </row>
    <row r="6511" spans="8:19" x14ac:dyDescent="0.3">
      <c r="H6511" s="44">
        <v>6504</v>
      </c>
      <c r="I6511" s="56">
        <f>Bühler!I6537</f>
        <v>0.10753299506474477</v>
      </c>
      <c r="J6511" s="59">
        <f>Bühler!J6537</f>
        <v>0.3584433168824826</v>
      </c>
      <c r="K6511" s="59">
        <f>Bühler!K6537</f>
        <v>0.53766497532372381</v>
      </c>
      <c r="L6511" s="59">
        <f>Bühler!L6537</f>
        <v>2.5807918815538744</v>
      </c>
      <c r="M6511" s="58">
        <f>Bühler!M6537</f>
        <v>0</v>
      </c>
      <c r="N6511" s="56">
        <f>IF(Input!$D$19=1,J6511*Input!$C$19,0)+IF(Input!$D$20=1,K6511*Input!$C$20,0)+IF(Input!$D$21=1,L6511*Input!$C$21,0)+IF(Input!$D$22=1,M6511*Input!$C$22,0)</f>
        <v>0.10753299506474477</v>
      </c>
      <c r="O6511" s="59">
        <f>IF(Input!$D$19=2,J6511*Input!$C$19,0)+IF(Input!$D$20=2,K6511*Input!$C$20,0)+IF(Input!$D$21=2,L6511*Input!$C$21,0)+IF(Input!$D$22=2,M6511*Input!$C$22,0)</f>
        <v>0.26883248766186191</v>
      </c>
      <c r="P6511" s="59">
        <f>IF(Input!$D$19=3,J6511*Input!$C$19,0)+IF(Input!$D$20=3,K6511*Input!$C$20,0)+IF(Input!$D$21=3,L6511*Input!$C$21,0)+IF(Input!$D$22=3,M6511*Input!$C$22,0)</f>
        <v>0</v>
      </c>
      <c r="Q6511" s="75">
        <f>IF(Input!$D$19=4,J6511*Input!$C$19,0)+IF(Input!$D$20=4,K6511*Input!$C$20,0)+IF(Input!$D$21=4,L6511*Input!$C$21,0)+IF(Input!$D$22=4,M6511*Input!$C$22,0)</f>
        <v>0</v>
      </c>
      <c r="R6511" s="58">
        <v>56.263956896098748</v>
      </c>
      <c r="S6511" s="124">
        <f t="shared" si="101"/>
        <v>0.46597631194722738</v>
      </c>
    </row>
    <row r="6512" spans="8:19" x14ac:dyDescent="0.3">
      <c r="H6512" s="44">
        <v>6505</v>
      </c>
      <c r="I6512" s="56">
        <f>Bühler!I6538</f>
        <v>5.1704474750725364E-2</v>
      </c>
      <c r="J6512" s="59">
        <f>Bühler!J6538</f>
        <v>0.17234824916908459</v>
      </c>
      <c r="K6512" s="59">
        <f>Bühler!K6538</f>
        <v>0.25852237375362686</v>
      </c>
      <c r="L6512" s="59">
        <f>Bühler!L6538</f>
        <v>3.6134947529592876</v>
      </c>
      <c r="M6512" s="58">
        <f>Bühler!M6538</f>
        <v>0</v>
      </c>
      <c r="N6512" s="56">
        <f>IF(Input!$D$19=1,J6512*Input!$C$19,0)+IF(Input!$D$20=1,K6512*Input!$C$20,0)+IF(Input!$D$21=1,L6512*Input!$C$21,0)+IF(Input!$D$22=1,M6512*Input!$C$22,0)</f>
        <v>5.1704474750725378E-2</v>
      </c>
      <c r="O6512" s="59">
        <f>IF(Input!$D$19=2,J6512*Input!$C$19,0)+IF(Input!$D$20=2,K6512*Input!$C$20,0)+IF(Input!$D$21=2,L6512*Input!$C$21,0)+IF(Input!$D$22=2,M6512*Input!$C$22,0)</f>
        <v>0.12926118687681343</v>
      </c>
      <c r="P6512" s="59">
        <f>IF(Input!$D$19=3,J6512*Input!$C$19,0)+IF(Input!$D$20=3,K6512*Input!$C$20,0)+IF(Input!$D$21=3,L6512*Input!$C$21,0)+IF(Input!$D$22=3,M6512*Input!$C$22,0)</f>
        <v>0</v>
      </c>
      <c r="Q6512" s="75">
        <f>IF(Input!$D$19=4,J6512*Input!$C$19,0)+IF(Input!$D$20=4,K6512*Input!$C$20,0)+IF(Input!$D$21=4,L6512*Input!$C$21,0)+IF(Input!$D$22=4,M6512*Input!$C$22,0)</f>
        <v>0</v>
      </c>
      <c r="R6512" s="58">
        <v>54.493877367332381</v>
      </c>
      <c r="S6512" s="124">
        <f t="shared" si="101"/>
        <v>0.22405272391980996</v>
      </c>
    </row>
    <row r="6513" spans="8:19" x14ac:dyDescent="0.3">
      <c r="H6513" s="44">
        <v>6506</v>
      </c>
      <c r="I6513" s="56">
        <f>Bühler!I6539</f>
        <v>0.10094683165617813</v>
      </c>
      <c r="J6513" s="59">
        <f>Bühler!J6539</f>
        <v>0.33648943885392713</v>
      </c>
      <c r="K6513" s="59">
        <f>Bühler!K6539</f>
        <v>0.50473415828089063</v>
      </c>
      <c r="L6513" s="59">
        <f>Bühler!L6539</f>
        <v>7.054918327206229</v>
      </c>
      <c r="M6513" s="58">
        <f>Bühler!M6539</f>
        <v>0</v>
      </c>
      <c r="N6513" s="56">
        <f>IF(Input!$D$19=1,J6513*Input!$C$19,0)+IF(Input!$D$20=1,K6513*Input!$C$20,0)+IF(Input!$D$21=1,L6513*Input!$C$21,0)+IF(Input!$D$22=1,M6513*Input!$C$22,0)</f>
        <v>0.10094683165617814</v>
      </c>
      <c r="O6513" s="59">
        <f>IF(Input!$D$19=2,J6513*Input!$C$19,0)+IF(Input!$D$20=2,K6513*Input!$C$20,0)+IF(Input!$D$21=2,L6513*Input!$C$21,0)+IF(Input!$D$22=2,M6513*Input!$C$22,0)</f>
        <v>0.25236707914044532</v>
      </c>
      <c r="P6513" s="59">
        <f>IF(Input!$D$19=3,J6513*Input!$C$19,0)+IF(Input!$D$20=3,K6513*Input!$C$20,0)+IF(Input!$D$21=3,L6513*Input!$C$21,0)+IF(Input!$D$22=3,M6513*Input!$C$22,0)</f>
        <v>0</v>
      </c>
      <c r="Q6513" s="75">
        <f>IF(Input!$D$19=4,J6513*Input!$C$19,0)+IF(Input!$D$20=4,K6513*Input!$C$20,0)+IF(Input!$D$21=4,L6513*Input!$C$21,0)+IF(Input!$D$22=4,M6513*Input!$C$22,0)</f>
        <v>0</v>
      </c>
      <c r="R6513" s="58">
        <v>52.800812096122009</v>
      </c>
      <c r="S6513" s="124">
        <f t="shared" si="101"/>
        <v>0.43743627051010525</v>
      </c>
    </row>
    <row r="6514" spans="8:19" x14ac:dyDescent="0.3">
      <c r="H6514" s="44">
        <v>6507</v>
      </c>
      <c r="I6514" s="56">
        <f>Bühler!I6540</f>
        <v>0.10094683165617813</v>
      </c>
      <c r="J6514" s="59">
        <f>Bühler!J6540</f>
        <v>0.33648943885392713</v>
      </c>
      <c r="K6514" s="59">
        <f>Bühler!K6540</f>
        <v>0.50473415828089063</v>
      </c>
      <c r="L6514" s="59">
        <f>Bühler!L6540</f>
        <v>7.054918327206229</v>
      </c>
      <c r="M6514" s="58">
        <f>Bühler!M6540</f>
        <v>0</v>
      </c>
      <c r="N6514" s="56">
        <f>IF(Input!$D$19=1,J6514*Input!$C$19,0)+IF(Input!$D$20=1,K6514*Input!$C$20,0)+IF(Input!$D$21=1,L6514*Input!$C$21,0)+IF(Input!$D$22=1,M6514*Input!$C$22,0)</f>
        <v>0.10094683165617814</v>
      </c>
      <c r="O6514" s="59">
        <f>IF(Input!$D$19=2,J6514*Input!$C$19,0)+IF(Input!$D$20=2,K6514*Input!$C$20,0)+IF(Input!$D$21=2,L6514*Input!$C$21,0)+IF(Input!$D$22=2,M6514*Input!$C$22,0)</f>
        <v>0.25236707914044532</v>
      </c>
      <c r="P6514" s="59">
        <f>IF(Input!$D$19=3,J6514*Input!$C$19,0)+IF(Input!$D$20=3,K6514*Input!$C$20,0)+IF(Input!$D$21=3,L6514*Input!$C$21,0)+IF(Input!$D$22=3,M6514*Input!$C$22,0)</f>
        <v>0</v>
      </c>
      <c r="Q6514" s="75">
        <f>IF(Input!$D$19=4,J6514*Input!$C$19,0)+IF(Input!$D$20=4,K6514*Input!$C$20,0)+IF(Input!$D$21=4,L6514*Input!$C$21,0)+IF(Input!$D$22=4,M6514*Input!$C$22,0)</f>
        <v>0</v>
      </c>
      <c r="R6514" s="58">
        <v>51.787215486201497</v>
      </c>
      <c r="S6514" s="124">
        <f t="shared" si="101"/>
        <v>0.43743627051010525</v>
      </c>
    </row>
    <row r="6515" spans="8:19" x14ac:dyDescent="0.3">
      <c r="H6515" s="44">
        <v>6508</v>
      </c>
      <c r="I6515" s="56">
        <f>Bühler!I6541</f>
        <v>0.10094683165617813</v>
      </c>
      <c r="J6515" s="59">
        <f>Bühler!J6541</f>
        <v>0.33648943885392713</v>
      </c>
      <c r="K6515" s="59">
        <f>Bühler!K6541</f>
        <v>0.50473415828089063</v>
      </c>
      <c r="L6515" s="59">
        <f>Bühler!L6541</f>
        <v>7.054918327206229</v>
      </c>
      <c r="M6515" s="58">
        <f>Bühler!M6541</f>
        <v>0</v>
      </c>
      <c r="N6515" s="56">
        <f>IF(Input!$D$19=1,J6515*Input!$C$19,0)+IF(Input!$D$20=1,K6515*Input!$C$20,0)+IF(Input!$D$21=1,L6515*Input!$C$21,0)+IF(Input!$D$22=1,M6515*Input!$C$22,0)</f>
        <v>0.10094683165617814</v>
      </c>
      <c r="O6515" s="59">
        <f>IF(Input!$D$19=2,J6515*Input!$C$19,0)+IF(Input!$D$20=2,K6515*Input!$C$20,0)+IF(Input!$D$21=2,L6515*Input!$C$21,0)+IF(Input!$D$22=2,M6515*Input!$C$22,0)</f>
        <v>0.25236707914044532</v>
      </c>
      <c r="P6515" s="59">
        <f>IF(Input!$D$19=3,J6515*Input!$C$19,0)+IF(Input!$D$20=3,K6515*Input!$C$20,0)+IF(Input!$D$21=3,L6515*Input!$C$21,0)+IF(Input!$D$22=3,M6515*Input!$C$22,0)</f>
        <v>0</v>
      </c>
      <c r="Q6515" s="75">
        <f>IF(Input!$D$19=4,J6515*Input!$C$19,0)+IF(Input!$D$20=4,K6515*Input!$C$20,0)+IF(Input!$D$21=4,L6515*Input!$C$21,0)+IF(Input!$D$22=4,M6515*Input!$C$22,0)</f>
        <v>0</v>
      </c>
      <c r="R6515" s="58">
        <v>51.194321800677912</v>
      </c>
      <c r="S6515" s="124">
        <f t="shared" si="101"/>
        <v>0.43743627051010525</v>
      </c>
    </row>
    <row r="6516" spans="8:19" x14ac:dyDescent="0.3">
      <c r="H6516" s="44">
        <v>6509</v>
      </c>
      <c r="I6516" s="56">
        <f>Bühler!I6542</f>
        <v>0.10094683165617813</v>
      </c>
      <c r="J6516" s="59">
        <f>Bühler!J6542</f>
        <v>0.33648943885392713</v>
      </c>
      <c r="K6516" s="59">
        <f>Bühler!K6542</f>
        <v>0.50473415828089063</v>
      </c>
      <c r="L6516" s="59">
        <f>Bühler!L6542</f>
        <v>7.054918327206229</v>
      </c>
      <c r="M6516" s="58">
        <f>Bühler!M6542</f>
        <v>0</v>
      </c>
      <c r="N6516" s="56">
        <f>IF(Input!$D$19=1,J6516*Input!$C$19,0)+IF(Input!$D$20=1,K6516*Input!$C$20,0)+IF(Input!$D$21=1,L6516*Input!$C$21,0)+IF(Input!$D$22=1,M6516*Input!$C$22,0)</f>
        <v>0.10094683165617814</v>
      </c>
      <c r="O6516" s="59">
        <f>IF(Input!$D$19=2,J6516*Input!$C$19,0)+IF(Input!$D$20=2,K6516*Input!$C$20,0)+IF(Input!$D$21=2,L6516*Input!$C$21,0)+IF(Input!$D$22=2,M6516*Input!$C$22,0)</f>
        <v>0.25236707914044532</v>
      </c>
      <c r="P6516" s="59">
        <f>IF(Input!$D$19=3,J6516*Input!$C$19,0)+IF(Input!$D$20=3,K6516*Input!$C$20,0)+IF(Input!$D$21=3,L6516*Input!$C$21,0)+IF(Input!$D$22=3,M6516*Input!$C$22,0)</f>
        <v>0</v>
      </c>
      <c r="Q6516" s="75">
        <f>IF(Input!$D$19=4,J6516*Input!$C$19,0)+IF(Input!$D$20=4,K6516*Input!$C$20,0)+IF(Input!$D$21=4,L6516*Input!$C$21,0)+IF(Input!$D$22=4,M6516*Input!$C$22,0)</f>
        <v>0</v>
      </c>
      <c r="R6516" s="58">
        <v>50.373722149843459</v>
      </c>
      <c r="S6516" s="124">
        <f t="shared" si="101"/>
        <v>0.43743627051010525</v>
      </c>
    </row>
    <row r="6517" spans="8:19" x14ac:dyDescent="0.3">
      <c r="H6517" s="44">
        <v>6510</v>
      </c>
      <c r="I6517" s="56">
        <f>Bühler!I6543</f>
        <v>0.12556801010890448</v>
      </c>
      <c r="J6517" s="59">
        <f>Bühler!J6543</f>
        <v>0.41856003369634831</v>
      </c>
      <c r="K6517" s="59">
        <f>Bühler!K6543</f>
        <v>0.62784005054452252</v>
      </c>
      <c r="L6517" s="59">
        <f>Bühler!L6543</f>
        <v>8.7756301143296991</v>
      </c>
      <c r="M6517" s="58">
        <f>Bühler!M6543</f>
        <v>0</v>
      </c>
      <c r="N6517" s="56">
        <f>IF(Input!$D$19=1,J6517*Input!$C$19,0)+IF(Input!$D$20=1,K6517*Input!$C$20,0)+IF(Input!$D$21=1,L6517*Input!$C$21,0)+IF(Input!$D$22=1,M6517*Input!$C$22,0)</f>
        <v>0.12556801010890448</v>
      </c>
      <c r="O6517" s="59">
        <f>IF(Input!$D$19=2,J6517*Input!$C$19,0)+IF(Input!$D$20=2,K6517*Input!$C$20,0)+IF(Input!$D$21=2,L6517*Input!$C$21,0)+IF(Input!$D$22=2,M6517*Input!$C$22,0)</f>
        <v>0.31392002527226126</v>
      </c>
      <c r="P6517" s="59">
        <f>IF(Input!$D$19=3,J6517*Input!$C$19,0)+IF(Input!$D$20=3,K6517*Input!$C$20,0)+IF(Input!$D$21=3,L6517*Input!$C$21,0)+IF(Input!$D$22=3,M6517*Input!$C$22,0)</f>
        <v>0</v>
      </c>
      <c r="Q6517" s="75">
        <f>IF(Input!$D$19=4,J6517*Input!$C$19,0)+IF(Input!$D$20=4,K6517*Input!$C$20,0)+IF(Input!$D$21=4,L6517*Input!$C$21,0)+IF(Input!$D$22=4,M6517*Input!$C$22,0)</f>
        <v>0</v>
      </c>
      <c r="R6517" s="58">
        <v>49.850940822826267</v>
      </c>
      <c r="S6517" s="124">
        <f t="shared" si="101"/>
        <v>0.54412804380525281</v>
      </c>
    </row>
    <row r="6518" spans="8:19" x14ac:dyDescent="0.3">
      <c r="H6518" s="44">
        <v>6511</v>
      </c>
      <c r="I6518" s="56">
        <f>Bühler!I6544</f>
        <v>0.15757554209744876</v>
      </c>
      <c r="J6518" s="59">
        <f>Bühler!J6544</f>
        <v>0.52525180699149598</v>
      </c>
      <c r="K6518" s="59">
        <f>Bühler!K6544</f>
        <v>0.78787771048724387</v>
      </c>
      <c r="L6518" s="59">
        <f>Bühler!L6544</f>
        <v>11.012555437590212</v>
      </c>
      <c r="M6518" s="58">
        <f>Bühler!M6544</f>
        <v>0</v>
      </c>
      <c r="N6518" s="56">
        <f>IF(Input!$D$19=1,J6518*Input!$C$19,0)+IF(Input!$D$20=1,K6518*Input!$C$20,0)+IF(Input!$D$21=1,L6518*Input!$C$21,0)+IF(Input!$D$22=1,M6518*Input!$C$22,0)</f>
        <v>0.15757554209744878</v>
      </c>
      <c r="O6518" s="59">
        <f>IF(Input!$D$19=2,J6518*Input!$C$19,0)+IF(Input!$D$20=2,K6518*Input!$C$20,0)+IF(Input!$D$21=2,L6518*Input!$C$21,0)+IF(Input!$D$22=2,M6518*Input!$C$22,0)</f>
        <v>0.39393885524362193</v>
      </c>
      <c r="P6518" s="59">
        <f>IF(Input!$D$19=3,J6518*Input!$C$19,0)+IF(Input!$D$20=3,K6518*Input!$C$20,0)+IF(Input!$D$21=3,L6518*Input!$C$21,0)+IF(Input!$D$22=3,M6518*Input!$C$22,0)</f>
        <v>0</v>
      </c>
      <c r="Q6518" s="75">
        <f>IF(Input!$D$19=4,J6518*Input!$C$19,0)+IF(Input!$D$20=4,K6518*Input!$C$20,0)+IF(Input!$D$21=4,L6518*Input!$C$21,0)+IF(Input!$D$22=4,M6518*Input!$C$22,0)</f>
        <v>0</v>
      </c>
      <c r="R6518" s="58">
        <v>50.057873835469309</v>
      </c>
      <c r="S6518" s="124">
        <f t="shared" si="101"/>
        <v>0.68282734908894471</v>
      </c>
    </row>
    <row r="6519" spans="8:19" x14ac:dyDescent="0.3">
      <c r="H6519" s="44">
        <v>6512</v>
      </c>
      <c r="I6519" s="56">
        <f>Bühler!I6545</f>
        <v>0.17973460270490246</v>
      </c>
      <c r="J6519" s="59">
        <f>Bühler!J6545</f>
        <v>0.59911534234967501</v>
      </c>
      <c r="K6519" s="59">
        <f>Bühler!K6545</f>
        <v>0.89867301352451245</v>
      </c>
      <c r="L6519" s="59">
        <f>Bühler!L6545</f>
        <v>12.561196046001333</v>
      </c>
      <c r="M6519" s="58">
        <f>Bühler!M6545</f>
        <v>0</v>
      </c>
      <c r="N6519" s="56">
        <f>IF(Input!$D$19=1,J6519*Input!$C$19,0)+IF(Input!$D$20=1,K6519*Input!$C$20,0)+IF(Input!$D$21=1,L6519*Input!$C$21,0)+IF(Input!$D$22=1,M6519*Input!$C$22,0)</f>
        <v>0.17973460270490249</v>
      </c>
      <c r="O6519" s="59">
        <f>IF(Input!$D$19=2,J6519*Input!$C$19,0)+IF(Input!$D$20=2,K6519*Input!$C$20,0)+IF(Input!$D$21=2,L6519*Input!$C$21,0)+IF(Input!$D$22=2,M6519*Input!$C$22,0)</f>
        <v>0.44933650676225623</v>
      </c>
      <c r="P6519" s="59">
        <f>IF(Input!$D$19=3,J6519*Input!$C$19,0)+IF(Input!$D$20=3,K6519*Input!$C$20,0)+IF(Input!$D$21=3,L6519*Input!$C$21,0)+IF(Input!$D$22=3,M6519*Input!$C$22,0)</f>
        <v>0</v>
      </c>
      <c r="Q6519" s="75">
        <f>IF(Input!$D$19=4,J6519*Input!$C$19,0)+IF(Input!$D$20=4,K6519*Input!$C$20,0)+IF(Input!$D$21=4,L6519*Input!$C$21,0)+IF(Input!$D$22=4,M6519*Input!$C$22,0)</f>
        <v>0</v>
      </c>
      <c r="R6519" s="58">
        <v>49.984654934928948</v>
      </c>
      <c r="S6519" s="124">
        <f t="shared" si="101"/>
        <v>0.7788499450545775</v>
      </c>
    </row>
    <row r="6520" spans="8:19" x14ac:dyDescent="0.3">
      <c r="H6520" s="44">
        <v>6513</v>
      </c>
      <c r="I6520" s="56">
        <f>Bühler!I6546</f>
        <v>0.17973460270490246</v>
      </c>
      <c r="J6520" s="59">
        <f>Bühler!J6546</f>
        <v>0.59911534234967501</v>
      </c>
      <c r="K6520" s="59">
        <f>Bühler!K6546</f>
        <v>0.89867301352451245</v>
      </c>
      <c r="L6520" s="59">
        <f>Bühler!L6546</f>
        <v>12.561196046001333</v>
      </c>
      <c r="M6520" s="58">
        <f>Bühler!M6546</f>
        <v>0</v>
      </c>
      <c r="N6520" s="56">
        <f>IF(Input!$D$19=1,J6520*Input!$C$19,0)+IF(Input!$D$20=1,K6520*Input!$C$20,0)+IF(Input!$D$21=1,L6520*Input!$C$21,0)+IF(Input!$D$22=1,M6520*Input!$C$22,0)</f>
        <v>0.17973460270490249</v>
      </c>
      <c r="O6520" s="59">
        <f>IF(Input!$D$19=2,J6520*Input!$C$19,0)+IF(Input!$D$20=2,K6520*Input!$C$20,0)+IF(Input!$D$21=2,L6520*Input!$C$21,0)+IF(Input!$D$22=2,M6520*Input!$C$22,0)</f>
        <v>0.44933650676225623</v>
      </c>
      <c r="P6520" s="59">
        <f>IF(Input!$D$19=3,J6520*Input!$C$19,0)+IF(Input!$D$20=3,K6520*Input!$C$20,0)+IF(Input!$D$21=3,L6520*Input!$C$21,0)+IF(Input!$D$22=3,M6520*Input!$C$22,0)</f>
        <v>0</v>
      </c>
      <c r="Q6520" s="75">
        <f>IF(Input!$D$19=4,J6520*Input!$C$19,0)+IF(Input!$D$20=4,K6520*Input!$C$20,0)+IF(Input!$D$21=4,L6520*Input!$C$21,0)+IF(Input!$D$22=4,M6520*Input!$C$22,0)</f>
        <v>0</v>
      </c>
      <c r="R6520" s="58">
        <v>49.431095195449053</v>
      </c>
      <c r="S6520" s="124">
        <f t="shared" si="101"/>
        <v>0.7788499450545775</v>
      </c>
    </row>
    <row r="6521" spans="8:19" x14ac:dyDescent="0.3">
      <c r="H6521" s="44">
        <v>6514</v>
      </c>
      <c r="I6521" s="56">
        <f>Bühler!I6547</f>
        <v>0.17973460270490246</v>
      </c>
      <c r="J6521" s="59">
        <f>Bühler!J6547</f>
        <v>0.59911534234967501</v>
      </c>
      <c r="K6521" s="59">
        <f>Bühler!K6547</f>
        <v>0.89867301352451245</v>
      </c>
      <c r="L6521" s="59">
        <f>Bühler!L6547</f>
        <v>12.561196046001333</v>
      </c>
      <c r="M6521" s="58">
        <f>Bühler!M6547</f>
        <v>0</v>
      </c>
      <c r="N6521" s="56">
        <f>IF(Input!$D$19=1,J6521*Input!$C$19,0)+IF(Input!$D$20=1,K6521*Input!$C$20,0)+IF(Input!$D$21=1,L6521*Input!$C$21,0)+IF(Input!$D$22=1,M6521*Input!$C$22,0)</f>
        <v>0.17973460270490249</v>
      </c>
      <c r="O6521" s="59">
        <f>IF(Input!$D$19=2,J6521*Input!$C$19,0)+IF(Input!$D$20=2,K6521*Input!$C$20,0)+IF(Input!$D$21=2,L6521*Input!$C$21,0)+IF(Input!$D$22=2,M6521*Input!$C$22,0)</f>
        <v>0.44933650676225623</v>
      </c>
      <c r="P6521" s="59">
        <f>IF(Input!$D$19=3,J6521*Input!$C$19,0)+IF(Input!$D$20=3,K6521*Input!$C$20,0)+IF(Input!$D$21=3,L6521*Input!$C$21,0)+IF(Input!$D$22=3,M6521*Input!$C$22,0)</f>
        <v>0</v>
      </c>
      <c r="Q6521" s="75">
        <f>IF(Input!$D$19=4,J6521*Input!$C$19,0)+IF(Input!$D$20=4,K6521*Input!$C$20,0)+IF(Input!$D$21=4,L6521*Input!$C$21,0)+IF(Input!$D$22=4,M6521*Input!$C$22,0)</f>
        <v>0</v>
      </c>
      <c r="R6521" s="58">
        <v>48.995177891904099</v>
      </c>
      <c r="S6521" s="124">
        <f t="shared" si="101"/>
        <v>0.7788499450545775</v>
      </c>
    </row>
    <row r="6522" spans="8:19" x14ac:dyDescent="0.3">
      <c r="H6522" s="44">
        <v>6515</v>
      </c>
      <c r="I6522" s="56">
        <f>Bühler!I6548</f>
        <v>0.17973460270490246</v>
      </c>
      <c r="J6522" s="59">
        <f>Bühler!J6548</f>
        <v>0.59911534234967501</v>
      </c>
      <c r="K6522" s="59">
        <f>Bühler!K6548</f>
        <v>0.89867301352451245</v>
      </c>
      <c r="L6522" s="59">
        <f>Bühler!L6548</f>
        <v>12.561196046001333</v>
      </c>
      <c r="M6522" s="58">
        <f>Bühler!M6548</f>
        <v>0</v>
      </c>
      <c r="N6522" s="56">
        <f>IF(Input!$D$19=1,J6522*Input!$C$19,0)+IF(Input!$D$20=1,K6522*Input!$C$20,0)+IF(Input!$D$21=1,L6522*Input!$C$21,0)+IF(Input!$D$22=1,M6522*Input!$C$22,0)</f>
        <v>0.17973460270490249</v>
      </c>
      <c r="O6522" s="59">
        <f>IF(Input!$D$19=2,J6522*Input!$C$19,0)+IF(Input!$D$20=2,K6522*Input!$C$20,0)+IF(Input!$D$21=2,L6522*Input!$C$21,0)+IF(Input!$D$22=2,M6522*Input!$C$22,0)</f>
        <v>0.44933650676225623</v>
      </c>
      <c r="P6522" s="59">
        <f>IF(Input!$D$19=3,J6522*Input!$C$19,0)+IF(Input!$D$20=3,K6522*Input!$C$20,0)+IF(Input!$D$21=3,L6522*Input!$C$21,0)+IF(Input!$D$22=3,M6522*Input!$C$22,0)</f>
        <v>0</v>
      </c>
      <c r="Q6522" s="75">
        <f>IF(Input!$D$19=4,J6522*Input!$C$19,0)+IF(Input!$D$20=4,K6522*Input!$C$20,0)+IF(Input!$D$21=4,L6522*Input!$C$21,0)+IF(Input!$D$22=4,M6522*Input!$C$22,0)</f>
        <v>0</v>
      </c>
      <c r="R6522" s="58">
        <v>49.004203861070799</v>
      </c>
      <c r="S6522" s="124">
        <f t="shared" si="101"/>
        <v>0.7788499450545775</v>
      </c>
    </row>
    <row r="6523" spans="8:19" x14ac:dyDescent="0.3">
      <c r="H6523" s="44">
        <v>6516</v>
      </c>
      <c r="I6523" s="56">
        <f>Bühler!I6549</f>
        <v>0.17973460270490246</v>
      </c>
      <c r="J6523" s="59">
        <f>Bühler!J6549</f>
        <v>0.59911534234967501</v>
      </c>
      <c r="K6523" s="59">
        <f>Bühler!K6549</f>
        <v>0.89867301352451245</v>
      </c>
      <c r="L6523" s="59">
        <f>Bühler!L6549</f>
        <v>12.561196046001333</v>
      </c>
      <c r="M6523" s="58">
        <f>Bühler!M6549</f>
        <v>0</v>
      </c>
      <c r="N6523" s="56">
        <f>IF(Input!$D$19=1,J6523*Input!$C$19,0)+IF(Input!$D$20=1,K6523*Input!$C$20,0)+IF(Input!$D$21=1,L6523*Input!$C$21,0)+IF(Input!$D$22=1,M6523*Input!$C$22,0)</f>
        <v>0.17973460270490249</v>
      </c>
      <c r="O6523" s="59">
        <f>IF(Input!$D$19=2,J6523*Input!$C$19,0)+IF(Input!$D$20=2,K6523*Input!$C$20,0)+IF(Input!$D$21=2,L6523*Input!$C$21,0)+IF(Input!$D$22=2,M6523*Input!$C$22,0)</f>
        <v>0.44933650676225623</v>
      </c>
      <c r="P6523" s="59">
        <f>IF(Input!$D$19=3,J6523*Input!$C$19,0)+IF(Input!$D$20=3,K6523*Input!$C$20,0)+IF(Input!$D$21=3,L6523*Input!$C$21,0)+IF(Input!$D$22=3,M6523*Input!$C$22,0)</f>
        <v>0</v>
      </c>
      <c r="Q6523" s="75">
        <f>IF(Input!$D$19=4,J6523*Input!$C$19,0)+IF(Input!$D$20=4,K6523*Input!$C$20,0)+IF(Input!$D$21=4,L6523*Input!$C$21,0)+IF(Input!$D$22=4,M6523*Input!$C$22,0)</f>
        <v>0</v>
      </c>
      <c r="R6523" s="58">
        <v>49.219487149491798</v>
      </c>
      <c r="S6523" s="124">
        <f t="shared" si="101"/>
        <v>0.7788499450545775</v>
      </c>
    </row>
    <row r="6524" spans="8:19" x14ac:dyDescent="0.3">
      <c r="H6524" s="44">
        <v>6517</v>
      </c>
      <c r="I6524" s="56">
        <f>Bühler!I6550</f>
        <v>0.17973460270490246</v>
      </c>
      <c r="J6524" s="59">
        <f>Bühler!J6550</f>
        <v>0.59911534234967501</v>
      </c>
      <c r="K6524" s="59">
        <f>Bühler!K6550</f>
        <v>0.89867301352451245</v>
      </c>
      <c r="L6524" s="59">
        <f>Bühler!L6550</f>
        <v>12.561196046001333</v>
      </c>
      <c r="M6524" s="58">
        <f>Bühler!M6550</f>
        <v>0</v>
      </c>
      <c r="N6524" s="56">
        <f>IF(Input!$D$19=1,J6524*Input!$C$19,0)+IF(Input!$D$20=1,K6524*Input!$C$20,0)+IF(Input!$D$21=1,L6524*Input!$C$21,0)+IF(Input!$D$22=1,M6524*Input!$C$22,0)</f>
        <v>0.17973460270490249</v>
      </c>
      <c r="O6524" s="59">
        <f>IF(Input!$D$19=2,J6524*Input!$C$19,0)+IF(Input!$D$20=2,K6524*Input!$C$20,0)+IF(Input!$D$21=2,L6524*Input!$C$21,0)+IF(Input!$D$22=2,M6524*Input!$C$22,0)</f>
        <v>0.44933650676225623</v>
      </c>
      <c r="P6524" s="59">
        <f>IF(Input!$D$19=3,J6524*Input!$C$19,0)+IF(Input!$D$20=3,K6524*Input!$C$20,0)+IF(Input!$D$21=3,L6524*Input!$C$21,0)+IF(Input!$D$22=3,M6524*Input!$C$22,0)</f>
        <v>0</v>
      </c>
      <c r="Q6524" s="75">
        <f>IF(Input!$D$19=4,J6524*Input!$C$19,0)+IF(Input!$D$20=4,K6524*Input!$C$20,0)+IF(Input!$D$21=4,L6524*Input!$C$21,0)+IF(Input!$D$22=4,M6524*Input!$C$22,0)</f>
        <v>0</v>
      </c>
      <c r="R6524" s="58">
        <v>48.370394283196738</v>
      </c>
      <c r="S6524" s="124">
        <f t="shared" si="101"/>
        <v>0.7788499450545775</v>
      </c>
    </row>
    <row r="6525" spans="8:19" x14ac:dyDescent="0.3">
      <c r="H6525" s="44">
        <v>6518</v>
      </c>
      <c r="I6525" s="56">
        <f>Bühler!I6551</f>
        <v>0.17973460270490246</v>
      </c>
      <c r="J6525" s="59">
        <f>Bühler!J6551</f>
        <v>0.59911534234967501</v>
      </c>
      <c r="K6525" s="59">
        <f>Bühler!K6551</f>
        <v>0.89867301352451245</v>
      </c>
      <c r="L6525" s="59">
        <f>Bühler!L6551</f>
        <v>12.561196046001333</v>
      </c>
      <c r="M6525" s="58">
        <f>Bühler!M6551</f>
        <v>0</v>
      </c>
      <c r="N6525" s="56">
        <f>IF(Input!$D$19=1,J6525*Input!$C$19,0)+IF(Input!$D$20=1,K6525*Input!$C$20,0)+IF(Input!$D$21=1,L6525*Input!$C$21,0)+IF(Input!$D$22=1,M6525*Input!$C$22,0)</f>
        <v>0.17973460270490249</v>
      </c>
      <c r="O6525" s="59">
        <f>IF(Input!$D$19=2,J6525*Input!$C$19,0)+IF(Input!$D$20=2,K6525*Input!$C$20,0)+IF(Input!$D$21=2,L6525*Input!$C$21,0)+IF(Input!$D$22=2,M6525*Input!$C$22,0)</f>
        <v>0.44933650676225623</v>
      </c>
      <c r="P6525" s="59">
        <f>IF(Input!$D$19=3,J6525*Input!$C$19,0)+IF(Input!$D$20=3,K6525*Input!$C$20,0)+IF(Input!$D$21=3,L6525*Input!$C$21,0)+IF(Input!$D$22=3,M6525*Input!$C$22,0)</f>
        <v>0</v>
      </c>
      <c r="Q6525" s="75">
        <f>IF(Input!$D$19=4,J6525*Input!$C$19,0)+IF(Input!$D$20=4,K6525*Input!$C$20,0)+IF(Input!$D$21=4,L6525*Input!$C$21,0)+IF(Input!$D$22=4,M6525*Input!$C$22,0)</f>
        <v>0</v>
      </c>
      <c r="R6525" s="58">
        <v>48.078889818850321</v>
      </c>
      <c r="S6525" s="124">
        <f t="shared" si="101"/>
        <v>0.7788499450545775</v>
      </c>
    </row>
    <row r="6526" spans="8:19" x14ac:dyDescent="0.3">
      <c r="H6526" s="44">
        <v>6519</v>
      </c>
      <c r="I6526" s="56">
        <f>Bühler!I6552</f>
        <v>0.17973460270490246</v>
      </c>
      <c r="J6526" s="59">
        <f>Bühler!J6552</f>
        <v>0.59911534234967501</v>
      </c>
      <c r="K6526" s="59">
        <f>Bühler!K6552</f>
        <v>0.89867301352451245</v>
      </c>
      <c r="L6526" s="59">
        <f>Bühler!L6552</f>
        <v>12.561196046001333</v>
      </c>
      <c r="M6526" s="58">
        <f>Bühler!M6552</f>
        <v>0</v>
      </c>
      <c r="N6526" s="56">
        <f>IF(Input!$D$19=1,J6526*Input!$C$19,0)+IF(Input!$D$20=1,K6526*Input!$C$20,0)+IF(Input!$D$21=1,L6526*Input!$C$21,0)+IF(Input!$D$22=1,M6526*Input!$C$22,0)</f>
        <v>0.17973460270490249</v>
      </c>
      <c r="O6526" s="59">
        <f>IF(Input!$D$19=2,J6526*Input!$C$19,0)+IF(Input!$D$20=2,K6526*Input!$C$20,0)+IF(Input!$D$21=2,L6526*Input!$C$21,0)+IF(Input!$D$22=2,M6526*Input!$C$22,0)</f>
        <v>0.44933650676225623</v>
      </c>
      <c r="P6526" s="59">
        <f>IF(Input!$D$19=3,J6526*Input!$C$19,0)+IF(Input!$D$20=3,K6526*Input!$C$20,0)+IF(Input!$D$21=3,L6526*Input!$C$21,0)+IF(Input!$D$22=3,M6526*Input!$C$22,0)</f>
        <v>0</v>
      </c>
      <c r="Q6526" s="75">
        <f>IF(Input!$D$19=4,J6526*Input!$C$19,0)+IF(Input!$D$20=4,K6526*Input!$C$20,0)+IF(Input!$D$21=4,L6526*Input!$C$21,0)+IF(Input!$D$22=4,M6526*Input!$C$22,0)</f>
        <v>0</v>
      </c>
      <c r="R6526" s="58">
        <v>47.675362961554086</v>
      </c>
      <c r="S6526" s="124">
        <f t="shared" si="101"/>
        <v>0.7788499450545775</v>
      </c>
    </row>
    <row r="6527" spans="8:19" x14ac:dyDescent="0.3">
      <c r="H6527" s="44">
        <v>6520</v>
      </c>
      <c r="I6527" s="56">
        <f>Bühler!I6553</f>
        <v>0.16249977778799402</v>
      </c>
      <c r="J6527" s="59">
        <f>Bühler!J6553</f>
        <v>0.5416659259599802</v>
      </c>
      <c r="K6527" s="59">
        <f>Bühler!K6553</f>
        <v>0.81249888893997024</v>
      </c>
      <c r="L6527" s="59">
        <f>Bühler!L6553</f>
        <v>11.356697795014906</v>
      </c>
      <c r="M6527" s="58">
        <f>Bühler!M6553</f>
        <v>0</v>
      </c>
      <c r="N6527" s="56">
        <f>IF(Input!$D$19=1,J6527*Input!$C$19,0)+IF(Input!$D$20=1,K6527*Input!$C$20,0)+IF(Input!$D$21=1,L6527*Input!$C$21,0)+IF(Input!$D$22=1,M6527*Input!$C$22,0)</f>
        <v>0.16249977778799404</v>
      </c>
      <c r="O6527" s="59">
        <f>IF(Input!$D$19=2,J6527*Input!$C$19,0)+IF(Input!$D$20=2,K6527*Input!$C$20,0)+IF(Input!$D$21=2,L6527*Input!$C$21,0)+IF(Input!$D$22=2,M6527*Input!$C$22,0)</f>
        <v>0.40624944446998512</v>
      </c>
      <c r="P6527" s="59">
        <f>IF(Input!$D$19=3,J6527*Input!$C$19,0)+IF(Input!$D$20=3,K6527*Input!$C$20,0)+IF(Input!$D$21=3,L6527*Input!$C$21,0)+IF(Input!$D$22=3,M6527*Input!$C$22,0)</f>
        <v>0</v>
      </c>
      <c r="Q6527" s="75">
        <f>IF(Input!$D$19=4,J6527*Input!$C$19,0)+IF(Input!$D$20=4,K6527*Input!$C$20,0)+IF(Input!$D$21=4,L6527*Input!$C$21,0)+IF(Input!$D$22=4,M6527*Input!$C$22,0)</f>
        <v>0</v>
      </c>
      <c r="R6527" s="58">
        <v>47.441207841184671</v>
      </c>
      <c r="S6527" s="124">
        <f t="shared" si="101"/>
        <v>0.70416570374797427</v>
      </c>
    </row>
    <row r="6528" spans="8:19" x14ac:dyDescent="0.3">
      <c r="H6528" s="44">
        <v>6521</v>
      </c>
      <c r="I6528" s="56">
        <f>Bühler!I6554</f>
        <v>0.14772707071635821</v>
      </c>
      <c r="J6528" s="59">
        <f>Bühler!J6554</f>
        <v>0.49242356905452744</v>
      </c>
      <c r="K6528" s="59">
        <f>Bühler!K6554</f>
        <v>0.73863535358179111</v>
      </c>
      <c r="L6528" s="59">
        <f>Bühler!L6554</f>
        <v>10.324270722740822</v>
      </c>
      <c r="M6528" s="58">
        <f>Bühler!M6554</f>
        <v>0</v>
      </c>
      <c r="N6528" s="56">
        <f>IF(Input!$D$19=1,J6528*Input!$C$19,0)+IF(Input!$D$20=1,K6528*Input!$C$20,0)+IF(Input!$D$21=1,L6528*Input!$C$21,0)+IF(Input!$D$22=1,M6528*Input!$C$22,0)</f>
        <v>0.14772707071635824</v>
      </c>
      <c r="O6528" s="59">
        <f>IF(Input!$D$19=2,J6528*Input!$C$19,0)+IF(Input!$D$20=2,K6528*Input!$C$20,0)+IF(Input!$D$21=2,L6528*Input!$C$21,0)+IF(Input!$D$22=2,M6528*Input!$C$22,0)</f>
        <v>0.36931767679089555</v>
      </c>
      <c r="P6528" s="59">
        <f>IF(Input!$D$19=3,J6528*Input!$C$19,0)+IF(Input!$D$20=3,K6528*Input!$C$20,0)+IF(Input!$D$21=3,L6528*Input!$C$21,0)+IF(Input!$D$22=3,M6528*Input!$C$22,0)</f>
        <v>0</v>
      </c>
      <c r="Q6528" s="75">
        <f>IF(Input!$D$19=4,J6528*Input!$C$19,0)+IF(Input!$D$20=4,K6528*Input!$C$20,0)+IF(Input!$D$21=4,L6528*Input!$C$21,0)+IF(Input!$D$22=4,M6528*Input!$C$22,0)</f>
        <v>0</v>
      </c>
      <c r="R6528" s="58">
        <v>46.801866580230168</v>
      </c>
      <c r="S6528" s="124">
        <f t="shared" si="101"/>
        <v>0.6401506397708856</v>
      </c>
    </row>
    <row r="6529" spans="8:19" x14ac:dyDescent="0.3">
      <c r="H6529" s="44">
        <v>6522</v>
      </c>
      <c r="I6529" s="56">
        <f>Bühler!I6555</f>
        <v>0.13295436364472238</v>
      </c>
      <c r="J6529" s="59">
        <f>Bühler!J6555</f>
        <v>0.44318121214907463</v>
      </c>
      <c r="K6529" s="59">
        <f>Bühler!K6555</f>
        <v>0.66477181822361198</v>
      </c>
      <c r="L6529" s="59">
        <f>Bühler!L6555</f>
        <v>9.2918436504667419</v>
      </c>
      <c r="M6529" s="58">
        <f>Bühler!M6555</f>
        <v>0</v>
      </c>
      <c r="N6529" s="56">
        <f>IF(Input!$D$19=1,J6529*Input!$C$19,0)+IF(Input!$D$20=1,K6529*Input!$C$20,0)+IF(Input!$D$21=1,L6529*Input!$C$21,0)+IF(Input!$D$22=1,M6529*Input!$C$22,0)</f>
        <v>0.13295436364472238</v>
      </c>
      <c r="O6529" s="59">
        <f>IF(Input!$D$19=2,J6529*Input!$C$19,0)+IF(Input!$D$20=2,K6529*Input!$C$20,0)+IF(Input!$D$21=2,L6529*Input!$C$21,0)+IF(Input!$D$22=2,M6529*Input!$C$22,0)</f>
        <v>0.33238590911180599</v>
      </c>
      <c r="P6529" s="59">
        <f>IF(Input!$D$19=3,J6529*Input!$C$19,0)+IF(Input!$D$20=3,K6529*Input!$C$20,0)+IF(Input!$D$21=3,L6529*Input!$C$21,0)+IF(Input!$D$22=3,M6529*Input!$C$22,0)</f>
        <v>0</v>
      </c>
      <c r="Q6529" s="75">
        <f>IF(Input!$D$19=4,J6529*Input!$C$19,0)+IF(Input!$D$20=4,K6529*Input!$C$20,0)+IF(Input!$D$21=4,L6529*Input!$C$21,0)+IF(Input!$D$22=4,M6529*Input!$C$22,0)</f>
        <v>0</v>
      </c>
      <c r="R6529" s="58">
        <v>45.035559538857051</v>
      </c>
      <c r="S6529" s="124">
        <f t="shared" si="101"/>
        <v>0.57613557579379704</v>
      </c>
    </row>
    <row r="6530" spans="8:19" x14ac:dyDescent="0.3">
      <c r="H6530" s="44">
        <v>6523</v>
      </c>
      <c r="I6530" s="56">
        <f>Bühler!I6556</f>
        <v>0.12803012795417712</v>
      </c>
      <c r="J6530" s="59">
        <f>Bühler!J6556</f>
        <v>0.42676709318059042</v>
      </c>
      <c r="K6530" s="59">
        <f>Bühler!K6556</f>
        <v>0.64015063977088571</v>
      </c>
      <c r="L6530" s="59">
        <f>Bühler!L6556</f>
        <v>8.9477012930420461</v>
      </c>
      <c r="M6530" s="58">
        <f>Bühler!M6556</f>
        <v>0</v>
      </c>
      <c r="N6530" s="56">
        <f>IF(Input!$D$19=1,J6530*Input!$C$19,0)+IF(Input!$D$20=1,K6530*Input!$C$20,0)+IF(Input!$D$21=1,L6530*Input!$C$21,0)+IF(Input!$D$22=1,M6530*Input!$C$22,0)</f>
        <v>0.12803012795417712</v>
      </c>
      <c r="O6530" s="59">
        <f>IF(Input!$D$19=2,J6530*Input!$C$19,0)+IF(Input!$D$20=2,K6530*Input!$C$20,0)+IF(Input!$D$21=2,L6530*Input!$C$21,0)+IF(Input!$D$22=2,M6530*Input!$C$22,0)</f>
        <v>0.32007531988544285</v>
      </c>
      <c r="P6530" s="59">
        <f>IF(Input!$D$19=3,J6530*Input!$C$19,0)+IF(Input!$D$20=3,K6530*Input!$C$20,0)+IF(Input!$D$21=3,L6530*Input!$C$21,0)+IF(Input!$D$22=3,M6530*Input!$C$22,0)</f>
        <v>0</v>
      </c>
      <c r="Q6530" s="75">
        <f>IF(Input!$D$19=4,J6530*Input!$C$19,0)+IF(Input!$D$20=4,K6530*Input!$C$20,0)+IF(Input!$D$21=4,L6530*Input!$C$21,0)+IF(Input!$D$22=4,M6530*Input!$C$22,0)</f>
        <v>0</v>
      </c>
      <c r="R6530" s="58">
        <v>44.506986725141793</v>
      </c>
      <c r="S6530" s="124">
        <f t="shared" si="101"/>
        <v>0.55479722113476759</v>
      </c>
    </row>
    <row r="6531" spans="8:19" x14ac:dyDescent="0.3">
      <c r="H6531" s="44">
        <v>6524</v>
      </c>
      <c r="I6531" s="56">
        <f>Bühler!I6557</f>
        <v>0.10340894950145073</v>
      </c>
      <c r="J6531" s="59">
        <f>Bühler!J6557</f>
        <v>0.34469649833816918</v>
      </c>
      <c r="K6531" s="59">
        <f>Bühler!K6557</f>
        <v>0.51704474750725371</v>
      </c>
      <c r="L6531" s="59">
        <f>Bühler!L6557</f>
        <v>7.2269895059185751</v>
      </c>
      <c r="M6531" s="58">
        <f>Bühler!M6557</f>
        <v>0</v>
      </c>
      <c r="N6531" s="56">
        <f>IF(Input!$D$19=1,J6531*Input!$C$19,0)+IF(Input!$D$20=1,K6531*Input!$C$20,0)+IF(Input!$D$21=1,L6531*Input!$C$21,0)+IF(Input!$D$22=1,M6531*Input!$C$22,0)</f>
        <v>0.10340894950145076</v>
      </c>
      <c r="O6531" s="59">
        <f>IF(Input!$D$19=2,J6531*Input!$C$19,0)+IF(Input!$D$20=2,K6531*Input!$C$20,0)+IF(Input!$D$21=2,L6531*Input!$C$21,0)+IF(Input!$D$22=2,M6531*Input!$C$22,0)</f>
        <v>0.25852237375362686</v>
      </c>
      <c r="P6531" s="59">
        <f>IF(Input!$D$19=3,J6531*Input!$C$19,0)+IF(Input!$D$20=3,K6531*Input!$C$20,0)+IF(Input!$D$21=3,L6531*Input!$C$21,0)+IF(Input!$D$22=3,M6531*Input!$C$22,0)</f>
        <v>0</v>
      </c>
      <c r="Q6531" s="75">
        <f>IF(Input!$D$19=4,J6531*Input!$C$19,0)+IF(Input!$D$20=4,K6531*Input!$C$20,0)+IF(Input!$D$21=4,L6531*Input!$C$21,0)+IF(Input!$D$22=4,M6531*Input!$C$22,0)</f>
        <v>0</v>
      </c>
      <c r="R6531" s="58">
        <v>44.280807375773435</v>
      </c>
      <c r="S6531" s="124">
        <f t="shared" si="101"/>
        <v>0.44810544783961992</v>
      </c>
    </row>
    <row r="6532" spans="8:19" x14ac:dyDescent="0.3">
      <c r="H6532" s="44">
        <v>6525</v>
      </c>
      <c r="I6532" s="56">
        <f>Bühler!I6558</f>
        <v>7.6325653203451735E-2</v>
      </c>
      <c r="J6532" s="59">
        <f>Bühler!J6558</f>
        <v>0.25441884401150577</v>
      </c>
      <c r="K6532" s="59">
        <f>Bühler!K6558</f>
        <v>0.38162826601725869</v>
      </c>
      <c r="L6532" s="59">
        <f>Bühler!L6558</f>
        <v>5.3342065400827581</v>
      </c>
      <c r="M6532" s="58">
        <f>Bühler!M6558</f>
        <v>0</v>
      </c>
      <c r="N6532" s="56">
        <f>IF(Input!$D$19=1,J6532*Input!$C$19,0)+IF(Input!$D$20=1,K6532*Input!$C$20,0)+IF(Input!$D$21=1,L6532*Input!$C$21,0)+IF(Input!$D$22=1,M6532*Input!$C$22,0)</f>
        <v>7.6325653203451735E-2</v>
      </c>
      <c r="O6532" s="59">
        <f>IF(Input!$D$19=2,J6532*Input!$C$19,0)+IF(Input!$D$20=2,K6532*Input!$C$20,0)+IF(Input!$D$21=2,L6532*Input!$C$21,0)+IF(Input!$D$22=2,M6532*Input!$C$22,0)</f>
        <v>0.19081413300862934</v>
      </c>
      <c r="P6532" s="59">
        <f>IF(Input!$D$19=3,J6532*Input!$C$19,0)+IF(Input!$D$20=3,K6532*Input!$C$20,0)+IF(Input!$D$21=3,L6532*Input!$C$21,0)+IF(Input!$D$22=3,M6532*Input!$C$22,0)</f>
        <v>0</v>
      </c>
      <c r="Q6532" s="75">
        <f>IF(Input!$D$19=4,J6532*Input!$C$19,0)+IF(Input!$D$20=4,K6532*Input!$C$20,0)+IF(Input!$D$21=4,L6532*Input!$C$21,0)+IF(Input!$D$22=4,M6532*Input!$C$22,0)</f>
        <v>0</v>
      </c>
      <c r="R6532" s="58">
        <v>43.900727608637673</v>
      </c>
      <c r="S6532" s="124">
        <f t="shared" si="101"/>
        <v>0.33074449721495752</v>
      </c>
    </row>
    <row r="6533" spans="8:19" x14ac:dyDescent="0.3">
      <c r="H6533" s="44">
        <v>6526</v>
      </c>
      <c r="I6533" s="56">
        <f>Bühler!I6559</f>
        <v>7.6325653203451735E-2</v>
      </c>
      <c r="J6533" s="59">
        <f>Bühler!J6559</f>
        <v>0.25441884401150577</v>
      </c>
      <c r="K6533" s="59">
        <f>Bühler!K6559</f>
        <v>0.38162826601725869</v>
      </c>
      <c r="L6533" s="59">
        <f>Bühler!L6559</f>
        <v>5.3342065400827581</v>
      </c>
      <c r="M6533" s="58">
        <f>Bühler!M6559</f>
        <v>0</v>
      </c>
      <c r="N6533" s="56">
        <f>IF(Input!$D$19=1,J6533*Input!$C$19,0)+IF(Input!$D$20=1,K6533*Input!$C$20,0)+IF(Input!$D$21=1,L6533*Input!$C$21,0)+IF(Input!$D$22=1,M6533*Input!$C$22,0)</f>
        <v>7.6325653203451735E-2</v>
      </c>
      <c r="O6533" s="59">
        <f>IF(Input!$D$19=2,J6533*Input!$C$19,0)+IF(Input!$D$20=2,K6533*Input!$C$20,0)+IF(Input!$D$21=2,L6533*Input!$C$21,0)+IF(Input!$D$22=2,M6533*Input!$C$22,0)</f>
        <v>0.19081413300862934</v>
      </c>
      <c r="P6533" s="59">
        <f>IF(Input!$D$19=3,J6533*Input!$C$19,0)+IF(Input!$D$20=3,K6533*Input!$C$20,0)+IF(Input!$D$21=3,L6533*Input!$C$21,0)+IF(Input!$D$22=3,M6533*Input!$C$22,0)</f>
        <v>0</v>
      </c>
      <c r="Q6533" s="75">
        <f>IF(Input!$D$19=4,J6533*Input!$C$19,0)+IF(Input!$D$20=4,K6533*Input!$C$20,0)+IF(Input!$D$21=4,L6533*Input!$C$21,0)+IF(Input!$D$22=4,M6533*Input!$C$22,0)</f>
        <v>0</v>
      </c>
      <c r="R6533" s="58">
        <v>43.410493147456293</v>
      </c>
      <c r="S6533" s="124">
        <f t="shared" si="101"/>
        <v>0.33074449721495752</v>
      </c>
    </row>
    <row r="6534" spans="8:19" x14ac:dyDescent="0.3">
      <c r="H6534" s="44">
        <v>6527</v>
      </c>
      <c r="I6534" s="56">
        <f>Bühler!I6560</f>
        <v>7.6325653203451735E-2</v>
      </c>
      <c r="J6534" s="59">
        <f>Bühler!J6560</f>
        <v>0.25441884401150577</v>
      </c>
      <c r="K6534" s="59">
        <f>Bühler!K6560</f>
        <v>0.38162826601725869</v>
      </c>
      <c r="L6534" s="59">
        <f>Bühler!L6560</f>
        <v>5.3342065400827581</v>
      </c>
      <c r="M6534" s="58">
        <f>Bühler!M6560</f>
        <v>0</v>
      </c>
      <c r="N6534" s="56">
        <f>IF(Input!$D$19=1,J6534*Input!$C$19,0)+IF(Input!$D$20=1,K6534*Input!$C$20,0)+IF(Input!$D$21=1,L6534*Input!$C$21,0)+IF(Input!$D$22=1,M6534*Input!$C$22,0)</f>
        <v>7.6325653203451735E-2</v>
      </c>
      <c r="O6534" s="59">
        <f>IF(Input!$D$19=2,J6534*Input!$C$19,0)+IF(Input!$D$20=2,K6534*Input!$C$20,0)+IF(Input!$D$21=2,L6534*Input!$C$21,0)+IF(Input!$D$22=2,M6534*Input!$C$22,0)</f>
        <v>0.19081413300862934</v>
      </c>
      <c r="P6534" s="59">
        <f>IF(Input!$D$19=3,J6534*Input!$C$19,0)+IF(Input!$D$20=3,K6534*Input!$C$20,0)+IF(Input!$D$21=3,L6534*Input!$C$21,0)+IF(Input!$D$22=3,M6534*Input!$C$22,0)</f>
        <v>0</v>
      </c>
      <c r="Q6534" s="75">
        <f>IF(Input!$D$19=4,J6534*Input!$C$19,0)+IF(Input!$D$20=4,K6534*Input!$C$20,0)+IF(Input!$D$21=4,L6534*Input!$C$21,0)+IF(Input!$D$22=4,M6534*Input!$C$22,0)</f>
        <v>0</v>
      </c>
      <c r="R6534" s="58">
        <v>43.103942236815094</v>
      </c>
      <c r="S6534" s="124">
        <f t="shared" si="101"/>
        <v>0.33074449721495752</v>
      </c>
    </row>
    <row r="6535" spans="8:19" x14ac:dyDescent="0.3">
      <c r="H6535" s="44">
        <v>6528</v>
      </c>
      <c r="I6535" s="56">
        <f>Bühler!I6561</f>
        <v>7.6325653203451735E-2</v>
      </c>
      <c r="J6535" s="59">
        <f>Bühler!J6561</f>
        <v>0.25441884401150577</v>
      </c>
      <c r="K6535" s="59">
        <f>Bühler!K6561</f>
        <v>0.38162826601725869</v>
      </c>
      <c r="L6535" s="59">
        <f>Bühler!L6561</f>
        <v>5.3342065400827581</v>
      </c>
      <c r="M6535" s="58">
        <f>Bühler!M6561</f>
        <v>0</v>
      </c>
      <c r="N6535" s="56">
        <f>IF(Input!$D$19=1,J6535*Input!$C$19,0)+IF(Input!$D$20=1,K6535*Input!$C$20,0)+IF(Input!$D$21=1,L6535*Input!$C$21,0)+IF(Input!$D$22=1,M6535*Input!$C$22,0)</f>
        <v>7.6325653203451735E-2</v>
      </c>
      <c r="O6535" s="59">
        <f>IF(Input!$D$19=2,J6535*Input!$C$19,0)+IF(Input!$D$20=2,K6535*Input!$C$20,0)+IF(Input!$D$21=2,L6535*Input!$C$21,0)+IF(Input!$D$22=2,M6535*Input!$C$22,0)</f>
        <v>0.19081413300862934</v>
      </c>
      <c r="P6535" s="59">
        <f>IF(Input!$D$19=3,J6535*Input!$C$19,0)+IF(Input!$D$20=3,K6535*Input!$C$20,0)+IF(Input!$D$21=3,L6535*Input!$C$21,0)+IF(Input!$D$22=3,M6535*Input!$C$22,0)</f>
        <v>0</v>
      </c>
      <c r="Q6535" s="75">
        <f>IF(Input!$D$19=4,J6535*Input!$C$19,0)+IF(Input!$D$20=4,K6535*Input!$C$20,0)+IF(Input!$D$21=4,L6535*Input!$C$21,0)+IF(Input!$D$22=4,M6535*Input!$C$22,0)</f>
        <v>0</v>
      </c>
      <c r="R6535" s="58">
        <v>43.154062269558509</v>
      </c>
      <c r="S6535" s="124">
        <f t="shared" si="101"/>
        <v>0.33074449721495752</v>
      </c>
    </row>
    <row r="6536" spans="8:19" x14ac:dyDescent="0.3">
      <c r="H6536" s="44">
        <v>6529</v>
      </c>
      <c r="I6536" s="56">
        <f>Bühler!I6562</f>
        <v>9.4038534710103525E-2</v>
      </c>
      <c r="J6536" s="59">
        <f>Bühler!J6562</f>
        <v>0.31346178236701178</v>
      </c>
      <c r="K6536" s="59">
        <f>Bühler!K6562</f>
        <v>0.47019267355051764</v>
      </c>
      <c r="L6536" s="59">
        <f>Bühler!L6562</f>
        <v>6.2269501930812154</v>
      </c>
      <c r="M6536" s="58">
        <f>Bühler!M6562</f>
        <v>0</v>
      </c>
      <c r="N6536" s="56">
        <f>IF(Input!$D$19=1,J6536*Input!$C$19,0)+IF(Input!$D$20=1,K6536*Input!$C$20,0)+IF(Input!$D$21=1,L6536*Input!$C$21,0)+IF(Input!$D$22=1,M6536*Input!$C$22,0)</f>
        <v>9.4038534710103525E-2</v>
      </c>
      <c r="O6536" s="59">
        <f>IF(Input!$D$19=2,J6536*Input!$C$19,0)+IF(Input!$D$20=2,K6536*Input!$C$20,0)+IF(Input!$D$21=2,L6536*Input!$C$21,0)+IF(Input!$D$22=2,M6536*Input!$C$22,0)</f>
        <v>0.23509633677525882</v>
      </c>
      <c r="P6536" s="59">
        <f>IF(Input!$D$19=3,J6536*Input!$C$19,0)+IF(Input!$D$20=3,K6536*Input!$C$20,0)+IF(Input!$D$21=3,L6536*Input!$C$21,0)+IF(Input!$D$22=3,M6536*Input!$C$22,0)</f>
        <v>0</v>
      </c>
      <c r="Q6536" s="75">
        <f>IF(Input!$D$19=4,J6536*Input!$C$19,0)+IF(Input!$D$20=4,K6536*Input!$C$20,0)+IF(Input!$D$21=4,L6536*Input!$C$21,0)+IF(Input!$D$22=4,M6536*Input!$C$22,0)</f>
        <v>0</v>
      </c>
      <c r="R6536" s="58">
        <v>42.424678892169453</v>
      </c>
      <c r="S6536" s="124">
        <f t="shared" si="101"/>
        <v>0.40750031707711531</v>
      </c>
    </row>
    <row r="6537" spans="8:19" x14ac:dyDescent="0.3">
      <c r="H6537" s="44">
        <v>6530</v>
      </c>
      <c r="I6537" s="56">
        <f>Bühler!I6563</f>
        <v>0.10920604030850732</v>
      </c>
      <c r="J6537" s="59">
        <f>Bühler!J6563</f>
        <v>0.36402013436169112</v>
      </c>
      <c r="K6537" s="59">
        <f>Bühler!K6563</f>
        <v>0.54603020154253668</v>
      </c>
      <c r="L6537" s="59">
        <f>Bühler!L6563</f>
        <v>7.2312969984168936</v>
      </c>
      <c r="M6537" s="58">
        <f>Bühler!M6563</f>
        <v>0</v>
      </c>
      <c r="N6537" s="56">
        <f>IF(Input!$D$19=1,J6537*Input!$C$19,0)+IF(Input!$D$20=1,K6537*Input!$C$20,0)+IF(Input!$D$21=1,L6537*Input!$C$21,0)+IF(Input!$D$22=1,M6537*Input!$C$22,0)</f>
        <v>0.10920604030850734</v>
      </c>
      <c r="O6537" s="59">
        <f>IF(Input!$D$19=2,J6537*Input!$C$19,0)+IF(Input!$D$20=2,K6537*Input!$C$20,0)+IF(Input!$D$21=2,L6537*Input!$C$21,0)+IF(Input!$D$22=2,M6537*Input!$C$22,0)</f>
        <v>0.27301510077126834</v>
      </c>
      <c r="P6537" s="59">
        <f>IF(Input!$D$19=3,J6537*Input!$C$19,0)+IF(Input!$D$20=3,K6537*Input!$C$20,0)+IF(Input!$D$21=3,L6537*Input!$C$21,0)+IF(Input!$D$22=3,M6537*Input!$C$22,0)</f>
        <v>0</v>
      </c>
      <c r="Q6537" s="75">
        <f>IF(Input!$D$19=4,J6537*Input!$C$19,0)+IF(Input!$D$20=4,K6537*Input!$C$20,0)+IF(Input!$D$21=4,L6537*Input!$C$21,0)+IF(Input!$D$22=4,M6537*Input!$C$22,0)</f>
        <v>0</v>
      </c>
      <c r="R6537" s="58">
        <v>42.013673334918622</v>
      </c>
      <c r="S6537" s="124">
        <f t="shared" ref="S6537:S6600" si="102">I6537+J6537</f>
        <v>0.47322617467019845</v>
      </c>
    </row>
    <row r="6538" spans="8:19" x14ac:dyDescent="0.3">
      <c r="H6538" s="44">
        <v>6531</v>
      </c>
      <c r="I6538" s="56">
        <f>Bühler!I6564</f>
        <v>0.10920604030850732</v>
      </c>
      <c r="J6538" s="59">
        <f>Bühler!J6564</f>
        <v>0.36402013436169112</v>
      </c>
      <c r="K6538" s="59">
        <f>Bühler!K6564</f>
        <v>0.54603020154253668</v>
      </c>
      <c r="L6538" s="59">
        <f>Bühler!L6564</f>
        <v>7.2312969984168936</v>
      </c>
      <c r="M6538" s="58">
        <f>Bühler!M6564</f>
        <v>0</v>
      </c>
      <c r="N6538" s="56">
        <f>IF(Input!$D$19=1,J6538*Input!$C$19,0)+IF(Input!$D$20=1,K6538*Input!$C$20,0)+IF(Input!$D$21=1,L6538*Input!$C$21,0)+IF(Input!$D$22=1,M6538*Input!$C$22,0)</f>
        <v>0.10920604030850734</v>
      </c>
      <c r="O6538" s="59">
        <f>IF(Input!$D$19=2,J6538*Input!$C$19,0)+IF(Input!$D$20=2,K6538*Input!$C$20,0)+IF(Input!$D$21=2,L6538*Input!$C$21,0)+IF(Input!$D$22=2,M6538*Input!$C$22,0)</f>
        <v>0.27301510077126834</v>
      </c>
      <c r="P6538" s="59">
        <f>IF(Input!$D$19=3,J6538*Input!$C$19,0)+IF(Input!$D$20=3,K6538*Input!$C$20,0)+IF(Input!$D$21=3,L6538*Input!$C$21,0)+IF(Input!$D$22=3,M6538*Input!$C$22,0)</f>
        <v>0</v>
      </c>
      <c r="Q6538" s="75">
        <f>IF(Input!$D$19=4,J6538*Input!$C$19,0)+IF(Input!$D$20=4,K6538*Input!$C$20,0)+IF(Input!$D$21=4,L6538*Input!$C$21,0)+IF(Input!$D$22=4,M6538*Input!$C$22,0)</f>
        <v>0</v>
      </c>
      <c r="R6538" s="58">
        <v>42.113224546196271</v>
      </c>
      <c r="S6538" s="124">
        <f t="shared" si="102"/>
        <v>0.47322617467019845</v>
      </c>
    </row>
    <row r="6539" spans="8:19" x14ac:dyDescent="0.3">
      <c r="H6539" s="44">
        <v>6532</v>
      </c>
      <c r="I6539" s="56">
        <f>Bühler!I6565</f>
        <v>0.10920604030850732</v>
      </c>
      <c r="J6539" s="59">
        <f>Bühler!J6565</f>
        <v>0.36402013436169112</v>
      </c>
      <c r="K6539" s="59">
        <f>Bühler!K6565</f>
        <v>0.54603020154253668</v>
      </c>
      <c r="L6539" s="59">
        <f>Bühler!L6565</f>
        <v>7.2312969984168936</v>
      </c>
      <c r="M6539" s="58">
        <f>Bühler!M6565</f>
        <v>0</v>
      </c>
      <c r="N6539" s="56">
        <f>IF(Input!$D$19=1,J6539*Input!$C$19,0)+IF(Input!$D$20=1,K6539*Input!$C$20,0)+IF(Input!$D$21=1,L6539*Input!$C$21,0)+IF(Input!$D$22=1,M6539*Input!$C$22,0)</f>
        <v>0.10920604030850734</v>
      </c>
      <c r="O6539" s="59">
        <f>IF(Input!$D$19=2,J6539*Input!$C$19,0)+IF(Input!$D$20=2,K6539*Input!$C$20,0)+IF(Input!$D$21=2,L6539*Input!$C$21,0)+IF(Input!$D$22=2,M6539*Input!$C$22,0)</f>
        <v>0.27301510077126834</v>
      </c>
      <c r="P6539" s="59">
        <f>IF(Input!$D$19=3,J6539*Input!$C$19,0)+IF(Input!$D$20=3,K6539*Input!$C$20,0)+IF(Input!$D$21=3,L6539*Input!$C$21,0)+IF(Input!$D$22=3,M6539*Input!$C$22,0)</f>
        <v>0</v>
      </c>
      <c r="Q6539" s="75">
        <f>IF(Input!$D$19=4,J6539*Input!$C$19,0)+IF(Input!$D$20=4,K6539*Input!$C$20,0)+IF(Input!$D$21=4,L6539*Input!$C$21,0)+IF(Input!$D$22=4,M6539*Input!$C$22,0)</f>
        <v>0</v>
      </c>
      <c r="R6539" s="58">
        <v>42.17022715845409</v>
      </c>
      <c r="S6539" s="124">
        <f t="shared" si="102"/>
        <v>0.47322617467019845</v>
      </c>
    </row>
    <row r="6540" spans="8:19" x14ac:dyDescent="0.3">
      <c r="H6540" s="44">
        <v>6533</v>
      </c>
      <c r="I6540" s="56">
        <f>Bühler!I6566</f>
        <v>0.10920604030850732</v>
      </c>
      <c r="J6540" s="59">
        <f>Bühler!J6566</f>
        <v>0.36402013436169112</v>
      </c>
      <c r="K6540" s="59">
        <f>Bühler!K6566</f>
        <v>0.54603020154253668</v>
      </c>
      <c r="L6540" s="59">
        <f>Bühler!L6566</f>
        <v>7.2312969984168936</v>
      </c>
      <c r="M6540" s="58">
        <f>Bühler!M6566</f>
        <v>0</v>
      </c>
      <c r="N6540" s="56">
        <f>IF(Input!$D$19=1,J6540*Input!$C$19,0)+IF(Input!$D$20=1,K6540*Input!$C$20,0)+IF(Input!$D$21=1,L6540*Input!$C$21,0)+IF(Input!$D$22=1,M6540*Input!$C$22,0)</f>
        <v>0.10920604030850734</v>
      </c>
      <c r="O6540" s="59">
        <f>IF(Input!$D$19=2,J6540*Input!$C$19,0)+IF(Input!$D$20=2,K6540*Input!$C$20,0)+IF(Input!$D$21=2,L6540*Input!$C$21,0)+IF(Input!$D$22=2,M6540*Input!$C$22,0)</f>
        <v>0.27301510077126834</v>
      </c>
      <c r="P6540" s="59">
        <f>IF(Input!$D$19=3,J6540*Input!$C$19,0)+IF(Input!$D$20=3,K6540*Input!$C$20,0)+IF(Input!$D$21=3,L6540*Input!$C$21,0)+IF(Input!$D$22=3,M6540*Input!$C$22,0)</f>
        <v>0</v>
      </c>
      <c r="Q6540" s="75">
        <f>IF(Input!$D$19=4,J6540*Input!$C$19,0)+IF(Input!$D$20=4,K6540*Input!$C$20,0)+IF(Input!$D$21=4,L6540*Input!$C$21,0)+IF(Input!$D$22=4,M6540*Input!$C$22,0)</f>
        <v>0</v>
      </c>
      <c r="R6540" s="58">
        <v>41.921034437587238</v>
      </c>
      <c r="S6540" s="124">
        <f t="shared" si="102"/>
        <v>0.47322617467019845</v>
      </c>
    </row>
    <row r="6541" spans="8:19" x14ac:dyDescent="0.3">
      <c r="H6541" s="44">
        <v>6534</v>
      </c>
      <c r="I6541" s="56">
        <f>Bühler!I6567</f>
        <v>0.13650755038563414</v>
      </c>
      <c r="J6541" s="59">
        <f>Bühler!J6567</f>
        <v>0.4550251679521139</v>
      </c>
      <c r="K6541" s="59">
        <f>Bühler!K6567</f>
        <v>0.68253775192817079</v>
      </c>
      <c r="L6541" s="59">
        <f>Bühler!L6567</f>
        <v>9.0391212480211163</v>
      </c>
      <c r="M6541" s="58">
        <f>Bühler!M6567</f>
        <v>0</v>
      </c>
      <c r="N6541" s="56">
        <f>IF(Input!$D$19=1,J6541*Input!$C$19,0)+IF(Input!$D$20=1,K6541*Input!$C$20,0)+IF(Input!$D$21=1,L6541*Input!$C$21,0)+IF(Input!$D$22=1,M6541*Input!$C$22,0)</f>
        <v>0.13650755038563417</v>
      </c>
      <c r="O6541" s="59">
        <f>IF(Input!$D$19=2,J6541*Input!$C$19,0)+IF(Input!$D$20=2,K6541*Input!$C$20,0)+IF(Input!$D$21=2,L6541*Input!$C$21,0)+IF(Input!$D$22=2,M6541*Input!$C$22,0)</f>
        <v>0.34126887596408539</v>
      </c>
      <c r="P6541" s="59">
        <f>IF(Input!$D$19=3,J6541*Input!$C$19,0)+IF(Input!$D$20=3,K6541*Input!$C$20,0)+IF(Input!$D$21=3,L6541*Input!$C$21,0)+IF(Input!$D$22=3,M6541*Input!$C$22,0)</f>
        <v>0</v>
      </c>
      <c r="Q6541" s="75">
        <f>IF(Input!$D$19=4,J6541*Input!$C$19,0)+IF(Input!$D$20=4,K6541*Input!$C$20,0)+IF(Input!$D$21=4,L6541*Input!$C$21,0)+IF(Input!$D$22=4,M6541*Input!$C$22,0)</f>
        <v>0</v>
      </c>
      <c r="R6541" s="58">
        <v>41.526948007425702</v>
      </c>
      <c r="S6541" s="124">
        <f t="shared" si="102"/>
        <v>0.59153271833774801</v>
      </c>
    </row>
    <row r="6542" spans="8:19" x14ac:dyDescent="0.3">
      <c r="H6542" s="44">
        <v>6535</v>
      </c>
      <c r="I6542" s="56">
        <f>Bühler!I6568</f>
        <v>0.16077555934308022</v>
      </c>
      <c r="J6542" s="59">
        <f>Bühler!J6568</f>
        <v>0.53591853114360077</v>
      </c>
      <c r="K6542" s="59">
        <f>Bühler!K6568</f>
        <v>0.80387779671540116</v>
      </c>
      <c r="L6542" s="59">
        <f>Bühler!L6568</f>
        <v>10.646076136558207</v>
      </c>
      <c r="M6542" s="58">
        <f>Bühler!M6568</f>
        <v>0</v>
      </c>
      <c r="N6542" s="56">
        <f>IF(Input!$D$19=1,J6542*Input!$C$19,0)+IF(Input!$D$20=1,K6542*Input!$C$20,0)+IF(Input!$D$21=1,L6542*Input!$C$21,0)+IF(Input!$D$22=1,M6542*Input!$C$22,0)</f>
        <v>0.16077555934308022</v>
      </c>
      <c r="O6542" s="59">
        <f>IF(Input!$D$19=2,J6542*Input!$C$19,0)+IF(Input!$D$20=2,K6542*Input!$C$20,0)+IF(Input!$D$21=2,L6542*Input!$C$21,0)+IF(Input!$D$22=2,M6542*Input!$C$22,0)</f>
        <v>0.40193889835770058</v>
      </c>
      <c r="P6542" s="59">
        <f>IF(Input!$D$19=3,J6542*Input!$C$19,0)+IF(Input!$D$20=3,K6542*Input!$C$20,0)+IF(Input!$D$21=3,L6542*Input!$C$21,0)+IF(Input!$D$22=3,M6542*Input!$C$22,0)</f>
        <v>0</v>
      </c>
      <c r="Q6542" s="75">
        <f>IF(Input!$D$19=4,J6542*Input!$C$19,0)+IF(Input!$D$20=4,K6542*Input!$C$20,0)+IF(Input!$D$21=4,L6542*Input!$C$21,0)+IF(Input!$D$22=4,M6542*Input!$C$22,0)</f>
        <v>0</v>
      </c>
      <c r="R6542" s="58">
        <v>41.401507638282325</v>
      </c>
      <c r="S6542" s="124">
        <f t="shared" si="102"/>
        <v>0.69669409048668096</v>
      </c>
    </row>
    <row r="6543" spans="8:19" x14ac:dyDescent="0.3">
      <c r="H6543" s="44">
        <v>6536</v>
      </c>
      <c r="I6543" s="56">
        <f>Bühler!I6569</f>
        <v>0.19111057053988778</v>
      </c>
      <c r="J6543" s="59">
        <f>Bühler!J6569</f>
        <v>0.63703523513295934</v>
      </c>
      <c r="K6543" s="59">
        <f>Bühler!K6569</f>
        <v>0.95555285269943901</v>
      </c>
      <c r="L6543" s="59">
        <f>Bühler!L6569</f>
        <v>12.654769747229565</v>
      </c>
      <c r="M6543" s="58">
        <f>Bühler!M6569</f>
        <v>0</v>
      </c>
      <c r="N6543" s="56">
        <f>IF(Input!$D$19=1,J6543*Input!$C$19,0)+IF(Input!$D$20=1,K6543*Input!$C$20,0)+IF(Input!$D$21=1,L6543*Input!$C$21,0)+IF(Input!$D$22=1,M6543*Input!$C$22,0)</f>
        <v>0.19111057053988781</v>
      </c>
      <c r="O6543" s="59">
        <f>IF(Input!$D$19=2,J6543*Input!$C$19,0)+IF(Input!$D$20=2,K6543*Input!$C$20,0)+IF(Input!$D$21=2,L6543*Input!$C$21,0)+IF(Input!$D$22=2,M6543*Input!$C$22,0)</f>
        <v>0.47777642634971951</v>
      </c>
      <c r="P6543" s="59">
        <f>IF(Input!$D$19=3,J6543*Input!$C$19,0)+IF(Input!$D$20=3,K6543*Input!$C$20,0)+IF(Input!$D$21=3,L6543*Input!$C$21,0)+IF(Input!$D$22=3,M6543*Input!$C$22,0)</f>
        <v>0</v>
      </c>
      <c r="Q6543" s="75">
        <f>IF(Input!$D$19=4,J6543*Input!$C$19,0)+IF(Input!$D$20=4,K6543*Input!$C$20,0)+IF(Input!$D$21=4,L6543*Input!$C$21,0)+IF(Input!$D$22=4,M6543*Input!$C$22,0)</f>
        <v>0</v>
      </c>
      <c r="R6543" s="58">
        <v>41.636036929995051</v>
      </c>
      <c r="S6543" s="124">
        <f t="shared" si="102"/>
        <v>0.82814580567284712</v>
      </c>
    </row>
    <row r="6544" spans="8:19" x14ac:dyDescent="0.3">
      <c r="H6544" s="44">
        <v>6537</v>
      </c>
      <c r="I6544" s="56">
        <f>Bühler!I6570</f>
        <v>0.19111057053988778</v>
      </c>
      <c r="J6544" s="59">
        <f>Bühler!J6570</f>
        <v>0.63703523513295934</v>
      </c>
      <c r="K6544" s="59">
        <f>Bühler!K6570</f>
        <v>0.95555285269943901</v>
      </c>
      <c r="L6544" s="59">
        <f>Bühler!L6570</f>
        <v>12.654769747229565</v>
      </c>
      <c r="M6544" s="58">
        <f>Bühler!M6570</f>
        <v>0</v>
      </c>
      <c r="N6544" s="56">
        <f>IF(Input!$D$19=1,J6544*Input!$C$19,0)+IF(Input!$D$20=1,K6544*Input!$C$20,0)+IF(Input!$D$21=1,L6544*Input!$C$21,0)+IF(Input!$D$22=1,M6544*Input!$C$22,0)</f>
        <v>0.19111057053988781</v>
      </c>
      <c r="O6544" s="59">
        <f>IF(Input!$D$19=2,J6544*Input!$C$19,0)+IF(Input!$D$20=2,K6544*Input!$C$20,0)+IF(Input!$D$21=2,L6544*Input!$C$21,0)+IF(Input!$D$22=2,M6544*Input!$C$22,0)</f>
        <v>0.47777642634971951</v>
      </c>
      <c r="P6544" s="59">
        <f>IF(Input!$D$19=3,J6544*Input!$C$19,0)+IF(Input!$D$20=3,K6544*Input!$C$20,0)+IF(Input!$D$21=3,L6544*Input!$C$21,0)+IF(Input!$D$22=3,M6544*Input!$C$22,0)</f>
        <v>0</v>
      </c>
      <c r="Q6544" s="75">
        <f>IF(Input!$D$19=4,J6544*Input!$C$19,0)+IF(Input!$D$20=4,K6544*Input!$C$20,0)+IF(Input!$D$21=4,L6544*Input!$C$21,0)+IF(Input!$D$22=4,M6544*Input!$C$22,0)</f>
        <v>0</v>
      </c>
      <c r="R6544" s="58">
        <v>41.254678641130823</v>
      </c>
      <c r="S6544" s="124">
        <f t="shared" si="102"/>
        <v>0.82814580567284712</v>
      </c>
    </row>
    <row r="6545" spans="8:19" x14ac:dyDescent="0.3">
      <c r="H6545" s="44">
        <v>6538</v>
      </c>
      <c r="I6545" s="56">
        <f>Bühler!I6571</f>
        <v>0.19111057053988778</v>
      </c>
      <c r="J6545" s="59">
        <f>Bühler!J6571</f>
        <v>0.63703523513295934</v>
      </c>
      <c r="K6545" s="59">
        <f>Bühler!K6571</f>
        <v>0.95555285269943901</v>
      </c>
      <c r="L6545" s="59">
        <f>Bühler!L6571</f>
        <v>12.654769747229565</v>
      </c>
      <c r="M6545" s="58">
        <f>Bühler!M6571</f>
        <v>0</v>
      </c>
      <c r="N6545" s="56">
        <f>IF(Input!$D$19=1,J6545*Input!$C$19,0)+IF(Input!$D$20=1,K6545*Input!$C$20,0)+IF(Input!$D$21=1,L6545*Input!$C$21,0)+IF(Input!$D$22=1,M6545*Input!$C$22,0)</f>
        <v>0.19111057053988781</v>
      </c>
      <c r="O6545" s="59">
        <f>IF(Input!$D$19=2,J6545*Input!$C$19,0)+IF(Input!$D$20=2,K6545*Input!$C$20,0)+IF(Input!$D$21=2,L6545*Input!$C$21,0)+IF(Input!$D$22=2,M6545*Input!$C$22,0)</f>
        <v>0.47777642634971951</v>
      </c>
      <c r="P6545" s="59">
        <f>IF(Input!$D$19=3,J6545*Input!$C$19,0)+IF(Input!$D$20=3,K6545*Input!$C$20,0)+IF(Input!$D$21=3,L6545*Input!$C$21,0)+IF(Input!$D$22=3,M6545*Input!$C$22,0)</f>
        <v>0</v>
      </c>
      <c r="Q6545" s="75">
        <f>IF(Input!$D$19=4,J6545*Input!$C$19,0)+IF(Input!$D$20=4,K6545*Input!$C$20,0)+IF(Input!$D$21=4,L6545*Input!$C$21,0)+IF(Input!$D$22=4,M6545*Input!$C$22,0)</f>
        <v>0</v>
      </c>
      <c r="R6545" s="58">
        <v>40.869147842618965</v>
      </c>
      <c r="S6545" s="124">
        <f t="shared" si="102"/>
        <v>0.82814580567284712</v>
      </c>
    </row>
    <row r="6546" spans="8:19" x14ac:dyDescent="0.3">
      <c r="H6546" s="44">
        <v>6539</v>
      </c>
      <c r="I6546" s="56">
        <f>Bühler!I6572</f>
        <v>0.19111057053988778</v>
      </c>
      <c r="J6546" s="59">
        <f>Bühler!J6572</f>
        <v>0.63703523513295934</v>
      </c>
      <c r="K6546" s="59">
        <f>Bühler!K6572</f>
        <v>0.95555285269943901</v>
      </c>
      <c r="L6546" s="59">
        <f>Bühler!L6572</f>
        <v>12.654769747229565</v>
      </c>
      <c r="M6546" s="58">
        <f>Bühler!M6572</f>
        <v>0</v>
      </c>
      <c r="N6546" s="56">
        <f>IF(Input!$D$19=1,J6546*Input!$C$19,0)+IF(Input!$D$20=1,K6546*Input!$C$20,0)+IF(Input!$D$21=1,L6546*Input!$C$21,0)+IF(Input!$D$22=1,M6546*Input!$C$22,0)</f>
        <v>0.19111057053988781</v>
      </c>
      <c r="O6546" s="59">
        <f>IF(Input!$D$19=2,J6546*Input!$C$19,0)+IF(Input!$D$20=2,K6546*Input!$C$20,0)+IF(Input!$D$21=2,L6546*Input!$C$21,0)+IF(Input!$D$22=2,M6546*Input!$C$22,0)</f>
        <v>0.47777642634971951</v>
      </c>
      <c r="P6546" s="59">
        <f>IF(Input!$D$19=3,J6546*Input!$C$19,0)+IF(Input!$D$20=3,K6546*Input!$C$20,0)+IF(Input!$D$21=3,L6546*Input!$C$21,0)+IF(Input!$D$22=3,M6546*Input!$C$22,0)</f>
        <v>0</v>
      </c>
      <c r="Q6546" s="75">
        <f>IF(Input!$D$19=4,J6546*Input!$C$19,0)+IF(Input!$D$20=4,K6546*Input!$C$20,0)+IF(Input!$D$21=4,L6546*Input!$C$21,0)+IF(Input!$D$22=4,M6546*Input!$C$22,0)</f>
        <v>0</v>
      </c>
      <c r="R6546" s="58">
        <v>41.389443696721344</v>
      </c>
      <c r="S6546" s="124">
        <f t="shared" si="102"/>
        <v>0.82814580567284712</v>
      </c>
    </row>
    <row r="6547" spans="8:19" x14ac:dyDescent="0.3">
      <c r="H6547" s="44">
        <v>6540</v>
      </c>
      <c r="I6547" s="56">
        <f>Bühler!I6573</f>
        <v>0.19111057053988778</v>
      </c>
      <c r="J6547" s="59">
        <f>Bühler!J6573</f>
        <v>0.63703523513295934</v>
      </c>
      <c r="K6547" s="59">
        <f>Bühler!K6573</f>
        <v>0.95555285269943901</v>
      </c>
      <c r="L6547" s="59">
        <f>Bühler!L6573</f>
        <v>12.654769747229565</v>
      </c>
      <c r="M6547" s="58">
        <f>Bühler!M6573</f>
        <v>0</v>
      </c>
      <c r="N6547" s="56">
        <f>IF(Input!$D$19=1,J6547*Input!$C$19,0)+IF(Input!$D$20=1,K6547*Input!$C$20,0)+IF(Input!$D$21=1,L6547*Input!$C$21,0)+IF(Input!$D$22=1,M6547*Input!$C$22,0)</f>
        <v>0.19111057053988781</v>
      </c>
      <c r="O6547" s="59">
        <f>IF(Input!$D$19=2,J6547*Input!$C$19,0)+IF(Input!$D$20=2,K6547*Input!$C$20,0)+IF(Input!$D$21=2,L6547*Input!$C$21,0)+IF(Input!$D$22=2,M6547*Input!$C$22,0)</f>
        <v>0.47777642634971951</v>
      </c>
      <c r="P6547" s="59">
        <f>IF(Input!$D$19=3,J6547*Input!$C$19,0)+IF(Input!$D$20=3,K6547*Input!$C$20,0)+IF(Input!$D$21=3,L6547*Input!$C$21,0)+IF(Input!$D$22=3,M6547*Input!$C$22,0)</f>
        <v>0</v>
      </c>
      <c r="Q6547" s="75">
        <f>IF(Input!$D$19=4,J6547*Input!$C$19,0)+IF(Input!$D$20=4,K6547*Input!$C$20,0)+IF(Input!$D$21=4,L6547*Input!$C$21,0)+IF(Input!$D$22=4,M6547*Input!$C$22,0)</f>
        <v>0</v>
      </c>
      <c r="R6547" s="58">
        <v>42.220081366161281</v>
      </c>
      <c r="S6547" s="124">
        <f t="shared" si="102"/>
        <v>0.82814580567284712</v>
      </c>
    </row>
    <row r="6548" spans="8:19" x14ac:dyDescent="0.3">
      <c r="H6548" s="44">
        <v>6541</v>
      </c>
      <c r="I6548" s="56">
        <f>Bühler!I6574</f>
        <v>0.19111057053988778</v>
      </c>
      <c r="J6548" s="59">
        <f>Bühler!J6574</f>
        <v>0.63703523513295934</v>
      </c>
      <c r="K6548" s="59">
        <f>Bühler!K6574</f>
        <v>0.95555285269943901</v>
      </c>
      <c r="L6548" s="59">
        <f>Bühler!L6574</f>
        <v>12.654769747229565</v>
      </c>
      <c r="M6548" s="58">
        <f>Bühler!M6574</f>
        <v>0</v>
      </c>
      <c r="N6548" s="56">
        <f>IF(Input!$D$19=1,J6548*Input!$C$19,0)+IF(Input!$D$20=1,K6548*Input!$C$20,0)+IF(Input!$D$21=1,L6548*Input!$C$21,0)+IF(Input!$D$22=1,M6548*Input!$C$22,0)</f>
        <v>0.19111057053988781</v>
      </c>
      <c r="O6548" s="59">
        <f>IF(Input!$D$19=2,J6548*Input!$C$19,0)+IF(Input!$D$20=2,K6548*Input!$C$20,0)+IF(Input!$D$21=2,L6548*Input!$C$21,0)+IF(Input!$D$22=2,M6548*Input!$C$22,0)</f>
        <v>0.47777642634971951</v>
      </c>
      <c r="P6548" s="59">
        <f>IF(Input!$D$19=3,J6548*Input!$C$19,0)+IF(Input!$D$20=3,K6548*Input!$C$20,0)+IF(Input!$D$21=3,L6548*Input!$C$21,0)+IF(Input!$D$22=3,M6548*Input!$C$22,0)</f>
        <v>0</v>
      </c>
      <c r="Q6548" s="75">
        <f>IF(Input!$D$19=4,J6548*Input!$C$19,0)+IF(Input!$D$20=4,K6548*Input!$C$20,0)+IF(Input!$D$21=4,L6548*Input!$C$21,0)+IF(Input!$D$22=4,M6548*Input!$C$22,0)</f>
        <v>0</v>
      </c>
      <c r="R6548" s="58">
        <v>42.102767833054656</v>
      </c>
      <c r="S6548" s="124">
        <f t="shared" si="102"/>
        <v>0.82814580567284712</v>
      </c>
    </row>
    <row r="6549" spans="8:19" x14ac:dyDescent="0.3">
      <c r="H6549" s="44">
        <v>6542</v>
      </c>
      <c r="I6549" s="56">
        <f>Bühler!I6575</f>
        <v>0.19111057053988778</v>
      </c>
      <c r="J6549" s="59">
        <f>Bühler!J6575</f>
        <v>0.63703523513295934</v>
      </c>
      <c r="K6549" s="59">
        <f>Bühler!K6575</f>
        <v>0.95555285269943901</v>
      </c>
      <c r="L6549" s="59">
        <f>Bühler!L6575</f>
        <v>12.654769747229565</v>
      </c>
      <c r="M6549" s="58">
        <f>Bühler!M6575</f>
        <v>0</v>
      </c>
      <c r="N6549" s="56">
        <f>IF(Input!$D$19=1,J6549*Input!$C$19,0)+IF(Input!$D$20=1,K6549*Input!$C$20,0)+IF(Input!$D$21=1,L6549*Input!$C$21,0)+IF(Input!$D$22=1,M6549*Input!$C$22,0)</f>
        <v>0.19111057053988781</v>
      </c>
      <c r="O6549" s="59">
        <f>IF(Input!$D$19=2,J6549*Input!$C$19,0)+IF(Input!$D$20=2,K6549*Input!$C$20,0)+IF(Input!$D$21=2,L6549*Input!$C$21,0)+IF(Input!$D$22=2,M6549*Input!$C$22,0)</f>
        <v>0.47777642634971951</v>
      </c>
      <c r="P6549" s="59">
        <f>IF(Input!$D$19=3,J6549*Input!$C$19,0)+IF(Input!$D$20=3,K6549*Input!$C$20,0)+IF(Input!$D$21=3,L6549*Input!$C$21,0)+IF(Input!$D$22=3,M6549*Input!$C$22,0)</f>
        <v>0</v>
      </c>
      <c r="Q6549" s="75">
        <f>IF(Input!$D$19=4,J6549*Input!$C$19,0)+IF(Input!$D$20=4,K6549*Input!$C$20,0)+IF(Input!$D$21=4,L6549*Input!$C$21,0)+IF(Input!$D$22=4,M6549*Input!$C$22,0)</f>
        <v>0</v>
      </c>
      <c r="R6549" s="58">
        <v>41.770464335028599</v>
      </c>
      <c r="S6549" s="124">
        <f t="shared" si="102"/>
        <v>0.82814580567284712</v>
      </c>
    </row>
    <row r="6550" spans="8:19" x14ac:dyDescent="0.3">
      <c r="H6550" s="44">
        <v>6543</v>
      </c>
      <c r="I6550" s="56">
        <f>Bühler!I6576</f>
        <v>0.19111057053988778</v>
      </c>
      <c r="J6550" s="59">
        <f>Bühler!J6576</f>
        <v>0.63703523513295934</v>
      </c>
      <c r="K6550" s="59">
        <f>Bühler!K6576</f>
        <v>0.95555285269943901</v>
      </c>
      <c r="L6550" s="59">
        <f>Bühler!L6576</f>
        <v>12.654769747229565</v>
      </c>
      <c r="M6550" s="58">
        <f>Bühler!M6576</f>
        <v>0</v>
      </c>
      <c r="N6550" s="56">
        <f>IF(Input!$D$19=1,J6550*Input!$C$19,0)+IF(Input!$D$20=1,K6550*Input!$C$20,0)+IF(Input!$D$21=1,L6550*Input!$C$21,0)+IF(Input!$D$22=1,M6550*Input!$C$22,0)</f>
        <v>0.19111057053988781</v>
      </c>
      <c r="O6550" s="59">
        <f>IF(Input!$D$19=2,J6550*Input!$C$19,0)+IF(Input!$D$20=2,K6550*Input!$C$20,0)+IF(Input!$D$21=2,L6550*Input!$C$21,0)+IF(Input!$D$22=2,M6550*Input!$C$22,0)</f>
        <v>0.47777642634971951</v>
      </c>
      <c r="P6550" s="59">
        <f>IF(Input!$D$19=3,J6550*Input!$C$19,0)+IF(Input!$D$20=3,K6550*Input!$C$20,0)+IF(Input!$D$21=3,L6550*Input!$C$21,0)+IF(Input!$D$22=3,M6550*Input!$C$22,0)</f>
        <v>0</v>
      </c>
      <c r="Q6550" s="75">
        <f>IF(Input!$D$19=4,J6550*Input!$C$19,0)+IF(Input!$D$20=4,K6550*Input!$C$20,0)+IF(Input!$D$21=4,L6550*Input!$C$21,0)+IF(Input!$D$22=4,M6550*Input!$C$22,0)</f>
        <v>0</v>
      </c>
      <c r="R6550" s="58">
        <v>41.665033257534454</v>
      </c>
      <c r="S6550" s="124">
        <f t="shared" si="102"/>
        <v>0.82814580567284712</v>
      </c>
    </row>
    <row r="6551" spans="8:19" x14ac:dyDescent="0.3">
      <c r="H6551" s="44">
        <v>6544</v>
      </c>
      <c r="I6551" s="56">
        <f>Bühler!I6577</f>
        <v>0.16987606270212249</v>
      </c>
      <c r="J6551" s="59">
        <f>Bühler!J6577</f>
        <v>0.56625354234040837</v>
      </c>
      <c r="K6551" s="59">
        <f>Bühler!K6577</f>
        <v>0.84938031351061261</v>
      </c>
      <c r="L6551" s="59">
        <f>Bühler!L6577</f>
        <v>11.248684219759612</v>
      </c>
      <c r="M6551" s="58">
        <f>Bühler!M6577</f>
        <v>0</v>
      </c>
      <c r="N6551" s="56">
        <f>IF(Input!$D$19=1,J6551*Input!$C$19,0)+IF(Input!$D$20=1,K6551*Input!$C$20,0)+IF(Input!$D$21=1,L6551*Input!$C$21,0)+IF(Input!$D$22=1,M6551*Input!$C$22,0)</f>
        <v>0.16987606270212249</v>
      </c>
      <c r="O6551" s="59">
        <f>IF(Input!$D$19=2,J6551*Input!$C$19,0)+IF(Input!$D$20=2,K6551*Input!$C$20,0)+IF(Input!$D$21=2,L6551*Input!$C$21,0)+IF(Input!$D$22=2,M6551*Input!$C$22,0)</f>
        <v>0.4246901567553063</v>
      </c>
      <c r="P6551" s="59">
        <f>IF(Input!$D$19=3,J6551*Input!$C$19,0)+IF(Input!$D$20=3,K6551*Input!$C$20,0)+IF(Input!$D$21=3,L6551*Input!$C$21,0)+IF(Input!$D$22=3,M6551*Input!$C$22,0)</f>
        <v>0</v>
      </c>
      <c r="Q6551" s="75">
        <f>IF(Input!$D$19=4,J6551*Input!$C$19,0)+IF(Input!$D$20=4,K6551*Input!$C$20,0)+IF(Input!$D$21=4,L6551*Input!$C$21,0)+IF(Input!$D$22=4,M6551*Input!$C$22,0)</f>
        <v>0</v>
      </c>
      <c r="R6551" s="58">
        <v>41.407265683551437</v>
      </c>
      <c r="S6551" s="124">
        <f t="shared" si="102"/>
        <v>0.73612960504253089</v>
      </c>
    </row>
    <row r="6552" spans="8:19" x14ac:dyDescent="0.3">
      <c r="H6552" s="44">
        <v>6545</v>
      </c>
      <c r="I6552" s="56">
        <f>Bühler!I6578</f>
        <v>0.16684256158244171</v>
      </c>
      <c r="J6552" s="59">
        <f>Bühler!J6578</f>
        <v>0.55614187194147247</v>
      </c>
      <c r="K6552" s="59">
        <f>Bühler!K6578</f>
        <v>0.83421280791220864</v>
      </c>
      <c r="L6552" s="59">
        <f>Bühler!L6578</f>
        <v>11.047814858692478</v>
      </c>
      <c r="M6552" s="58">
        <f>Bühler!M6578</f>
        <v>0</v>
      </c>
      <c r="N6552" s="56">
        <f>IF(Input!$D$19=1,J6552*Input!$C$19,0)+IF(Input!$D$20=1,K6552*Input!$C$20,0)+IF(Input!$D$21=1,L6552*Input!$C$21,0)+IF(Input!$D$22=1,M6552*Input!$C$22,0)</f>
        <v>0.16684256158244173</v>
      </c>
      <c r="O6552" s="59">
        <f>IF(Input!$D$19=2,J6552*Input!$C$19,0)+IF(Input!$D$20=2,K6552*Input!$C$20,0)+IF(Input!$D$21=2,L6552*Input!$C$21,0)+IF(Input!$D$22=2,M6552*Input!$C$22,0)</f>
        <v>0.41710640395610432</v>
      </c>
      <c r="P6552" s="59">
        <f>IF(Input!$D$19=3,J6552*Input!$C$19,0)+IF(Input!$D$20=3,K6552*Input!$C$20,0)+IF(Input!$D$21=3,L6552*Input!$C$21,0)+IF(Input!$D$22=3,M6552*Input!$C$22,0)</f>
        <v>0</v>
      </c>
      <c r="Q6552" s="75">
        <f>IF(Input!$D$19=4,J6552*Input!$C$19,0)+IF(Input!$D$20=4,K6552*Input!$C$20,0)+IF(Input!$D$21=4,L6552*Input!$C$21,0)+IF(Input!$D$22=4,M6552*Input!$C$22,0)</f>
        <v>0</v>
      </c>
      <c r="R6552" s="58">
        <v>41.803834762249018</v>
      </c>
      <c r="S6552" s="124">
        <f t="shared" si="102"/>
        <v>0.72298443352391417</v>
      </c>
    </row>
    <row r="6553" spans="8:19" x14ac:dyDescent="0.3">
      <c r="H6553" s="44">
        <v>6546</v>
      </c>
      <c r="I6553" s="56">
        <f>Bühler!I6579</f>
        <v>0.14257455262499566</v>
      </c>
      <c r="J6553" s="59">
        <f>Bühler!J6579</f>
        <v>0.47524850874998564</v>
      </c>
      <c r="K6553" s="59">
        <f>Bühler!K6579</f>
        <v>0.71287276312497838</v>
      </c>
      <c r="L6553" s="59">
        <f>Bühler!L6579</f>
        <v>9.4408599701553904</v>
      </c>
      <c r="M6553" s="58">
        <f>Bühler!M6579</f>
        <v>0</v>
      </c>
      <c r="N6553" s="56">
        <f>IF(Input!$D$19=1,J6553*Input!$C$19,0)+IF(Input!$D$20=1,K6553*Input!$C$20,0)+IF(Input!$D$21=1,L6553*Input!$C$21,0)+IF(Input!$D$22=1,M6553*Input!$C$22,0)</f>
        <v>0.14257455262499569</v>
      </c>
      <c r="O6553" s="59">
        <f>IF(Input!$D$19=2,J6553*Input!$C$19,0)+IF(Input!$D$20=2,K6553*Input!$C$20,0)+IF(Input!$D$21=2,L6553*Input!$C$21,0)+IF(Input!$D$22=2,M6553*Input!$C$22,0)</f>
        <v>0.35643638156248919</v>
      </c>
      <c r="P6553" s="59">
        <f>IF(Input!$D$19=3,J6553*Input!$C$19,0)+IF(Input!$D$20=3,K6553*Input!$C$20,0)+IF(Input!$D$21=3,L6553*Input!$C$21,0)+IF(Input!$D$22=3,M6553*Input!$C$22,0)</f>
        <v>0</v>
      </c>
      <c r="Q6553" s="75">
        <f>IF(Input!$D$19=4,J6553*Input!$C$19,0)+IF(Input!$D$20=4,K6553*Input!$C$20,0)+IF(Input!$D$21=4,L6553*Input!$C$21,0)+IF(Input!$D$22=4,M6553*Input!$C$22,0)</f>
        <v>0</v>
      </c>
      <c r="R6553" s="58">
        <v>41.234406446892834</v>
      </c>
      <c r="S6553" s="124">
        <f t="shared" si="102"/>
        <v>0.61782306137498133</v>
      </c>
    </row>
    <row r="6554" spans="8:19" x14ac:dyDescent="0.3">
      <c r="H6554" s="44">
        <v>6547</v>
      </c>
      <c r="I6554" s="56">
        <f>Bühler!I6580</f>
        <v>0.13347404926595341</v>
      </c>
      <c r="J6554" s="59">
        <f>Bühler!J6580</f>
        <v>0.44491349755317805</v>
      </c>
      <c r="K6554" s="59">
        <f>Bühler!K6580</f>
        <v>0.66737024632976716</v>
      </c>
      <c r="L6554" s="59">
        <f>Bühler!L6580</f>
        <v>8.8382518869539819</v>
      </c>
      <c r="M6554" s="58">
        <f>Bühler!M6580</f>
        <v>0</v>
      </c>
      <c r="N6554" s="56">
        <f>IF(Input!$D$19=1,J6554*Input!$C$19,0)+IF(Input!$D$20=1,K6554*Input!$C$20,0)+IF(Input!$D$21=1,L6554*Input!$C$21,0)+IF(Input!$D$22=1,M6554*Input!$C$22,0)</f>
        <v>0.13347404926595341</v>
      </c>
      <c r="O6554" s="59">
        <f>IF(Input!$D$19=2,J6554*Input!$C$19,0)+IF(Input!$D$20=2,K6554*Input!$C$20,0)+IF(Input!$D$21=2,L6554*Input!$C$21,0)+IF(Input!$D$22=2,M6554*Input!$C$22,0)</f>
        <v>0.33368512316488358</v>
      </c>
      <c r="P6554" s="59">
        <f>IF(Input!$D$19=3,J6554*Input!$C$19,0)+IF(Input!$D$20=3,K6554*Input!$C$20,0)+IF(Input!$D$21=3,L6554*Input!$C$21,0)+IF(Input!$D$22=3,M6554*Input!$C$22,0)</f>
        <v>0</v>
      </c>
      <c r="Q6554" s="75">
        <f>IF(Input!$D$19=4,J6554*Input!$C$19,0)+IF(Input!$D$20=4,K6554*Input!$C$20,0)+IF(Input!$D$21=4,L6554*Input!$C$21,0)+IF(Input!$D$22=4,M6554*Input!$C$22,0)</f>
        <v>0</v>
      </c>
      <c r="R6554" s="58">
        <v>40.91679846610171</v>
      </c>
      <c r="S6554" s="124">
        <f t="shared" si="102"/>
        <v>0.57838754681913152</v>
      </c>
    </row>
    <row r="6555" spans="8:19" x14ac:dyDescent="0.3">
      <c r="H6555" s="44">
        <v>6548</v>
      </c>
      <c r="I6555" s="56">
        <f>Bühler!I6581</f>
        <v>0.11223954142818808</v>
      </c>
      <c r="J6555" s="59">
        <f>Bühler!J6581</f>
        <v>0.37413180476062696</v>
      </c>
      <c r="K6555" s="59">
        <f>Bühler!K6581</f>
        <v>0.56119770714094053</v>
      </c>
      <c r="L6555" s="59">
        <f>Bühler!L6581</f>
        <v>7.4321663594840315</v>
      </c>
      <c r="M6555" s="58">
        <f>Bühler!M6581</f>
        <v>0</v>
      </c>
      <c r="N6555" s="56">
        <f>IF(Input!$D$19=1,J6555*Input!$C$19,0)+IF(Input!$D$20=1,K6555*Input!$C$20,0)+IF(Input!$D$21=1,L6555*Input!$C$21,0)+IF(Input!$D$22=1,M6555*Input!$C$22,0)</f>
        <v>0.11223954142818808</v>
      </c>
      <c r="O6555" s="59">
        <f>IF(Input!$D$19=2,J6555*Input!$C$19,0)+IF(Input!$D$20=2,K6555*Input!$C$20,0)+IF(Input!$D$21=2,L6555*Input!$C$21,0)+IF(Input!$D$22=2,M6555*Input!$C$22,0)</f>
        <v>0.28059885357047026</v>
      </c>
      <c r="P6555" s="59">
        <f>IF(Input!$D$19=3,J6555*Input!$C$19,0)+IF(Input!$D$20=3,K6555*Input!$C$20,0)+IF(Input!$D$21=3,L6555*Input!$C$21,0)+IF(Input!$D$22=3,M6555*Input!$C$22,0)</f>
        <v>0</v>
      </c>
      <c r="Q6555" s="75">
        <f>IF(Input!$D$19=4,J6555*Input!$C$19,0)+IF(Input!$D$20=4,K6555*Input!$C$20,0)+IF(Input!$D$21=4,L6555*Input!$C$21,0)+IF(Input!$D$22=4,M6555*Input!$C$22,0)</f>
        <v>0</v>
      </c>
      <c r="R6555" s="58">
        <v>41.798217308277756</v>
      </c>
      <c r="S6555" s="124">
        <f t="shared" si="102"/>
        <v>0.48637134618881506</v>
      </c>
    </row>
    <row r="6556" spans="8:19" x14ac:dyDescent="0.3">
      <c r="H6556" s="44">
        <v>6549</v>
      </c>
      <c r="I6556" s="56">
        <f>Bühler!I6582</f>
        <v>9.4038534710103525E-2</v>
      </c>
      <c r="J6556" s="59">
        <f>Bühler!J6582</f>
        <v>0.31346178236701178</v>
      </c>
      <c r="K6556" s="59">
        <f>Bühler!K6582</f>
        <v>0.47019267355051764</v>
      </c>
      <c r="L6556" s="59">
        <f>Bühler!L6582</f>
        <v>6.2269501930812154</v>
      </c>
      <c r="M6556" s="58">
        <f>Bühler!M6582</f>
        <v>0</v>
      </c>
      <c r="N6556" s="56">
        <f>IF(Input!$D$19=1,J6556*Input!$C$19,0)+IF(Input!$D$20=1,K6556*Input!$C$20,0)+IF(Input!$D$21=1,L6556*Input!$C$21,0)+IF(Input!$D$22=1,M6556*Input!$C$22,0)</f>
        <v>9.4038534710103525E-2</v>
      </c>
      <c r="O6556" s="59">
        <f>IF(Input!$D$19=2,J6556*Input!$C$19,0)+IF(Input!$D$20=2,K6556*Input!$C$20,0)+IF(Input!$D$21=2,L6556*Input!$C$21,0)+IF(Input!$D$22=2,M6556*Input!$C$22,0)</f>
        <v>0.23509633677525882</v>
      </c>
      <c r="P6556" s="59">
        <f>IF(Input!$D$19=3,J6556*Input!$C$19,0)+IF(Input!$D$20=3,K6556*Input!$C$20,0)+IF(Input!$D$21=3,L6556*Input!$C$21,0)+IF(Input!$D$22=3,M6556*Input!$C$22,0)</f>
        <v>0</v>
      </c>
      <c r="Q6556" s="75">
        <f>IF(Input!$D$19=4,J6556*Input!$C$19,0)+IF(Input!$D$20=4,K6556*Input!$C$20,0)+IF(Input!$D$21=4,L6556*Input!$C$21,0)+IF(Input!$D$22=4,M6556*Input!$C$22,0)</f>
        <v>0</v>
      </c>
      <c r="R6556" s="58">
        <v>42.499197359982702</v>
      </c>
      <c r="S6556" s="124">
        <f t="shared" si="102"/>
        <v>0.40750031707711531</v>
      </c>
    </row>
    <row r="6557" spans="8:19" x14ac:dyDescent="0.3">
      <c r="H6557" s="44">
        <v>6550</v>
      </c>
      <c r="I6557" s="56">
        <f>Bühler!I6583</f>
        <v>8.1904530231380487E-2</v>
      </c>
      <c r="J6557" s="59">
        <f>Bühler!J6583</f>
        <v>0.27301510077126834</v>
      </c>
      <c r="K6557" s="59">
        <f>Bühler!K6583</f>
        <v>0.40952265115690251</v>
      </c>
      <c r="L6557" s="59">
        <f>Bühler!L6583</f>
        <v>5.4234727488126717</v>
      </c>
      <c r="M6557" s="58">
        <f>Bühler!M6583</f>
        <v>0</v>
      </c>
      <c r="N6557" s="56">
        <f>IF(Input!$D$19=1,J6557*Input!$C$19,0)+IF(Input!$D$20=1,K6557*Input!$C$20,0)+IF(Input!$D$21=1,L6557*Input!$C$21,0)+IF(Input!$D$22=1,M6557*Input!$C$22,0)</f>
        <v>8.1904530231380501E-2</v>
      </c>
      <c r="O6557" s="59">
        <f>IF(Input!$D$19=2,J6557*Input!$C$19,0)+IF(Input!$D$20=2,K6557*Input!$C$20,0)+IF(Input!$D$21=2,L6557*Input!$C$21,0)+IF(Input!$D$22=2,M6557*Input!$C$22,0)</f>
        <v>0.20476132557845125</v>
      </c>
      <c r="P6557" s="59">
        <f>IF(Input!$D$19=3,J6557*Input!$C$19,0)+IF(Input!$D$20=3,K6557*Input!$C$20,0)+IF(Input!$D$21=3,L6557*Input!$C$21,0)+IF(Input!$D$22=3,M6557*Input!$C$22,0)</f>
        <v>0</v>
      </c>
      <c r="Q6557" s="75">
        <f>IF(Input!$D$19=4,J6557*Input!$C$19,0)+IF(Input!$D$20=4,K6557*Input!$C$20,0)+IF(Input!$D$21=4,L6557*Input!$C$21,0)+IF(Input!$D$22=4,M6557*Input!$C$22,0)</f>
        <v>0</v>
      </c>
      <c r="R6557" s="58">
        <v>42.543212164621771</v>
      </c>
      <c r="S6557" s="124">
        <f t="shared" si="102"/>
        <v>0.35491963100264884</v>
      </c>
    </row>
    <row r="6558" spans="8:19" x14ac:dyDescent="0.3">
      <c r="H6558" s="44">
        <v>6551</v>
      </c>
      <c r="I6558" s="56">
        <f>Bühler!I6584</f>
        <v>8.1904530231380487E-2</v>
      </c>
      <c r="J6558" s="59">
        <f>Bühler!J6584</f>
        <v>0.27301510077126834</v>
      </c>
      <c r="K6558" s="59">
        <f>Bühler!K6584</f>
        <v>0.40952265115690251</v>
      </c>
      <c r="L6558" s="59">
        <f>Bühler!L6584</f>
        <v>5.4234727488126717</v>
      </c>
      <c r="M6558" s="58">
        <f>Bühler!M6584</f>
        <v>0</v>
      </c>
      <c r="N6558" s="56">
        <f>IF(Input!$D$19=1,J6558*Input!$C$19,0)+IF(Input!$D$20=1,K6558*Input!$C$20,0)+IF(Input!$D$21=1,L6558*Input!$C$21,0)+IF(Input!$D$22=1,M6558*Input!$C$22,0)</f>
        <v>8.1904530231380501E-2</v>
      </c>
      <c r="O6558" s="59">
        <f>IF(Input!$D$19=2,J6558*Input!$C$19,0)+IF(Input!$D$20=2,K6558*Input!$C$20,0)+IF(Input!$D$21=2,L6558*Input!$C$21,0)+IF(Input!$D$22=2,M6558*Input!$C$22,0)</f>
        <v>0.20476132557845125</v>
      </c>
      <c r="P6558" s="59">
        <f>IF(Input!$D$19=3,J6558*Input!$C$19,0)+IF(Input!$D$20=3,K6558*Input!$C$20,0)+IF(Input!$D$21=3,L6558*Input!$C$21,0)+IF(Input!$D$22=3,M6558*Input!$C$22,0)</f>
        <v>0</v>
      </c>
      <c r="Q6558" s="75">
        <f>IF(Input!$D$19=4,J6558*Input!$C$19,0)+IF(Input!$D$20=4,K6558*Input!$C$20,0)+IF(Input!$D$21=4,L6558*Input!$C$21,0)+IF(Input!$D$22=4,M6558*Input!$C$22,0)</f>
        <v>0</v>
      </c>
      <c r="R6558" s="58">
        <v>42.49269063859338</v>
      </c>
      <c r="S6558" s="124">
        <f t="shared" si="102"/>
        <v>0.35491963100264884</v>
      </c>
    </row>
    <row r="6559" spans="8:19" x14ac:dyDescent="0.3">
      <c r="H6559" s="44">
        <v>6552</v>
      </c>
      <c r="I6559" s="56">
        <f>Bühler!I6585</f>
        <v>8.1904530231380487E-2</v>
      </c>
      <c r="J6559" s="59">
        <f>Bühler!J6585</f>
        <v>0.27301510077126834</v>
      </c>
      <c r="K6559" s="59">
        <f>Bühler!K6585</f>
        <v>0.40952265115690251</v>
      </c>
      <c r="L6559" s="59">
        <f>Bühler!L6585</f>
        <v>5.4234727488126717</v>
      </c>
      <c r="M6559" s="58">
        <f>Bühler!M6585</f>
        <v>0</v>
      </c>
      <c r="N6559" s="56">
        <f>IF(Input!$D$19=1,J6559*Input!$C$19,0)+IF(Input!$D$20=1,K6559*Input!$C$20,0)+IF(Input!$D$21=1,L6559*Input!$C$21,0)+IF(Input!$D$22=1,M6559*Input!$C$22,0)</f>
        <v>8.1904530231380501E-2</v>
      </c>
      <c r="O6559" s="59">
        <f>IF(Input!$D$19=2,J6559*Input!$C$19,0)+IF(Input!$D$20=2,K6559*Input!$C$20,0)+IF(Input!$D$21=2,L6559*Input!$C$21,0)+IF(Input!$D$22=2,M6559*Input!$C$22,0)</f>
        <v>0.20476132557845125</v>
      </c>
      <c r="P6559" s="59">
        <f>IF(Input!$D$19=3,J6559*Input!$C$19,0)+IF(Input!$D$20=3,K6559*Input!$C$20,0)+IF(Input!$D$21=3,L6559*Input!$C$21,0)+IF(Input!$D$22=3,M6559*Input!$C$22,0)</f>
        <v>0</v>
      </c>
      <c r="Q6559" s="75">
        <f>IF(Input!$D$19=4,J6559*Input!$C$19,0)+IF(Input!$D$20=4,K6559*Input!$C$20,0)+IF(Input!$D$21=4,L6559*Input!$C$21,0)+IF(Input!$D$22=4,M6559*Input!$C$22,0)</f>
        <v>0</v>
      </c>
      <c r="R6559" s="58">
        <v>43.153086132880105</v>
      </c>
      <c r="S6559" s="124">
        <f t="shared" si="102"/>
        <v>0.35491963100264884</v>
      </c>
    </row>
    <row r="6560" spans="8:19" x14ac:dyDescent="0.3">
      <c r="H6560" s="44">
        <v>6553</v>
      </c>
      <c r="I6560" s="56">
        <f>Bühler!I6586</f>
        <v>7.3831857387107749E-2</v>
      </c>
      <c r="J6560" s="59">
        <f>Bühler!J6586</f>
        <v>0.24610619129035918</v>
      </c>
      <c r="K6560" s="59">
        <f>Bühler!K6586</f>
        <v>0.36915928693553873</v>
      </c>
      <c r="L6560" s="59">
        <f>Bühler!L6586</f>
        <v>1.7719645772905861</v>
      </c>
      <c r="M6560" s="58">
        <f>Bühler!M6586</f>
        <v>0</v>
      </c>
      <c r="N6560" s="56">
        <f>IF(Input!$D$19=1,J6560*Input!$C$19,0)+IF(Input!$D$20=1,K6560*Input!$C$20,0)+IF(Input!$D$21=1,L6560*Input!$C$21,0)+IF(Input!$D$22=1,M6560*Input!$C$22,0)</f>
        <v>7.3831857387107749E-2</v>
      </c>
      <c r="O6560" s="59">
        <f>IF(Input!$D$19=2,J6560*Input!$C$19,0)+IF(Input!$D$20=2,K6560*Input!$C$20,0)+IF(Input!$D$21=2,L6560*Input!$C$21,0)+IF(Input!$D$22=2,M6560*Input!$C$22,0)</f>
        <v>0.18457964346776937</v>
      </c>
      <c r="P6560" s="59">
        <f>IF(Input!$D$19=3,J6560*Input!$C$19,0)+IF(Input!$D$20=3,K6560*Input!$C$20,0)+IF(Input!$D$21=3,L6560*Input!$C$21,0)+IF(Input!$D$22=3,M6560*Input!$C$22,0)</f>
        <v>0</v>
      </c>
      <c r="Q6560" s="75">
        <f>IF(Input!$D$19=4,J6560*Input!$C$19,0)+IF(Input!$D$20=4,K6560*Input!$C$20,0)+IF(Input!$D$21=4,L6560*Input!$C$21,0)+IF(Input!$D$22=4,M6560*Input!$C$22,0)</f>
        <v>0</v>
      </c>
      <c r="R6560" s="58">
        <v>43.185467301829163</v>
      </c>
      <c r="S6560" s="124">
        <f t="shared" si="102"/>
        <v>0.31993804867746695</v>
      </c>
    </row>
    <row r="6561" spans="8:19" x14ac:dyDescent="0.3">
      <c r="H6561" s="44">
        <v>6554</v>
      </c>
      <c r="I6561" s="56">
        <f>Bühler!I6587</f>
        <v>7.3831857387107749E-2</v>
      </c>
      <c r="J6561" s="59">
        <f>Bühler!J6587</f>
        <v>0.24610619129035918</v>
      </c>
      <c r="K6561" s="59">
        <f>Bühler!K6587</f>
        <v>0.36915928693553873</v>
      </c>
      <c r="L6561" s="59">
        <f>Bühler!L6587</f>
        <v>1.7719645772905861</v>
      </c>
      <c r="M6561" s="58">
        <f>Bühler!M6587</f>
        <v>0</v>
      </c>
      <c r="N6561" s="56">
        <f>IF(Input!$D$19=1,J6561*Input!$C$19,0)+IF(Input!$D$20=1,K6561*Input!$C$20,0)+IF(Input!$D$21=1,L6561*Input!$C$21,0)+IF(Input!$D$22=1,M6561*Input!$C$22,0)</f>
        <v>7.3831857387107749E-2</v>
      </c>
      <c r="O6561" s="59">
        <f>IF(Input!$D$19=2,J6561*Input!$C$19,0)+IF(Input!$D$20=2,K6561*Input!$C$20,0)+IF(Input!$D$21=2,L6561*Input!$C$21,0)+IF(Input!$D$22=2,M6561*Input!$C$22,0)</f>
        <v>0.18457964346776937</v>
      </c>
      <c r="P6561" s="59">
        <f>IF(Input!$D$19=3,J6561*Input!$C$19,0)+IF(Input!$D$20=3,K6561*Input!$C$20,0)+IF(Input!$D$21=3,L6561*Input!$C$21,0)+IF(Input!$D$22=3,M6561*Input!$C$22,0)</f>
        <v>0</v>
      </c>
      <c r="Q6561" s="75">
        <f>IF(Input!$D$19=4,J6561*Input!$C$19,0)+IF(Input!$D$20=4,K6561*Input!$C$20,0)+IF(Input!$D$21=4,L6561*Input!$C$21,0)+IF(Input!$D$22=4,M6561*Input!$C$22,0)</f>
        <v>0</v>
      </c>
      <c r="R6561" s="58">
        <v>43.310486308967597</v>
      </c>
      <c r="S6561" s="124">
        <f t="shared" si="102"/>
        <v>0.31993804867746695</v>
      </c>
    </row>
    <row r="6562" spans="8:19" x14ac:dyDescent="0.3">
      <c r="H6562" s="44">
        <v>6555</v>
      </c>
      <c r="I6562" s="56">
        <f>Bühler!I6588</f>
        <v>7.3831857387107749E-2</v>
      </c>
      <c r="J6562" s="59">
        <f>Bühler!J6588</f>
        <v>0.24610619129035918</v>
      </c>
      <c r="K6562" s="59">
        <f>Bühler!K6588</f>
        <v>0.36915928693553873</v>
      </c>
      <c r="L6562" s="59">
        <f>Bühler!L6588</f>
        <v>1.7719645772905861</v>
      </c>
      <c r="M6562" s="58">
        <f>Bühler!M6588</f>
        <v>0</v>
      </c>
      <c r="N6562" s="56">
        <f>IF(Input!$D$19=1,J6562*Input!$C$19,0)+IF(Input!$D$20=1,K6562*Input!$C$20,0)+IF(Input!$D$21=1,L6562*Input!$C$21,0)+IF(Input!$D$22=1,M6562*Input!$C$22,0)</f>
        <v>7.3831857387107749E-2</v>
      </c>
      <c r="O6562" s="59">
        <f>IF(Input!$D$19=2,J6562*Input!$C$19,0)+IF(Input!$D$20=2,K6562*Input!$C$20,0)+IF(Input!$D$21=2,L6562*Input!$C$21,0)+IF(Input!$D$22=2,M6562*Input!$C$22,0)</f>
        <v>0.18457964346776937</v>
      </c>
      <c r="P6562" s="59">
        <f>IF(Input!$D$19=3,J6562*Input!$C$19,0)+IF(Input!$D$20=3,K6562*Input!$C$20,0)+IF(Input!$D$21=3,L6562*Input!$C$21,0)+IF(Input!$D$22=3,M6562*Input!$C$22,0)</f>
        <v>0</v>
      </c>
      <c r="Q6562" s="75">
        <f>IF(Input!$D$19=4,J6562*Input!$C$19,0)+IF(Input!$D$20=4,K6562*Input!$C$20,0)+IF(Input!$D$21=4,L6562*Input!$C$21,0)+IF(Input!$D$22=4,M6562*Input!$C$22,0)</f>
        <v>0</v>
      </c>
      <c r="R6562" s="58">
        <v>43.943850184183731</v>
      </c>
      <c r="S6562" s="124">
        <f t="shared" si="102"/>
        <v>0.31993804867746695</v>
      </c>
    </row>
    <row r="6563" spans="8:19" x14ac:dyDescent="0.3">
      <c r="H6563" s="44">
        <v>6556</v>
      </c>
      <c r="I6563" s="56">
        <f>Bühler!I6589</f>
        <v>7.3831857387107749E-2</v>
      </c>
      <c r="J6563" s="59">
        <f>Bühler!J6589</f>
        <v>0.24610619129035918</v>
      </c>
      <c r="K6563" s="59">
        <f>Bühler!K6589</f>
        <v>0.36915928693553873</v>
      </c>
      <c r="L6563" s="59">
        <f>Bühler!L6589</f>
        <v>1.7719645772905861</v>
      </c>
      <c r="M6563" s="58">
        <f>Bühler!M6589</f>
        <v>0</v>
      </c>
      <c r="N6563" s="56">
        <f>IF(Input!$D$19=1,J6563*Input!$C$19,0)+IF(Input!$D$20=1,K6563*Input!$C$20,0)+IF(Input!$D$21=1,L6563*Input!$C$21,0)+IF(Input!$D$22=1,M6563*Input!$C$22,0)</f>
        <v>7.3831857387107749E-2</v>
      </c>
      <c r="O6563" s="59">
        <f>IF(Input!$D$19=2,J6563*Input!$C$19,0)+IF(Input!$D$20=2,K6563*Input!$C$20,0)+IF(Input!$D$21=2,L6563*Input!$C$21,0)+IF(Input!$D$22=2,M6563*Input!$C$22,0)</f>
        <v>0.18457964346776937</v>
      </c>
      <c r="P6563" s="59">
        <f>IF(Input!$D$19=3,J6563*Input!$C$19,0)+IF(Input!$D$20=3,K6563*Input!$C$20,0)+IF(Input!$D$21=3,L6563*Input!$C$21,0)+IF(Input!$D$22=3,M6563*Input!$C$22,0)</f>
        <v>0</v>
      </c>
      <c r="Q6563" s="75">
        <f>IF(Input!$D$19=4,J6563*Input!$C$19,0)+IF(Input!$D$20=4,K6563*Input!$C$20,0)+IF(Input!$D$21=4,L6563*Input!$C$21,0)+IF(Input!$D$22=4,M6563*Input!$C$22,0)</f>
        <v>0</v>
      </c>
      <c r="R6563" s="58">
        <v>45.513013568506729</v>
      </c>
      <c r="S6563" s="124">
        <f t="shared" si="102"/>
        <v>0.31993804867746695</v>
      </c>
    </row>
    <row r="6564" spans="8:19" x14ac:dyDescent="0.3">
      <c r="H6564" s="44">
        <v>6557</v>
      </c>
      <c r="I6564" s="56">
        <f>Bühler!I6590</f>
        <v>7.3831857387107749E-2</v>
      </c>
      <c r="J6564" s="59">
        <f>Bühler!J6590</f>
        <v>0.24610619129035918</v>
      </c>
      <c r="K6564" s="59">
        <f>Bühler!K6590</f>
        <v>0.36915928693553873</v>
      </c>
      <c r="L6564" s="59">
        <f>Bühler!L6590</f>
        <v>1.7719645772905861</v>
      </c>
      <c r="M6564" s="58">
        <f>Bühler!M6590</f>
        <v>0</v>
      </c>
      <c r="N6564" s="56">
        <f>IF(Input!$D$19=1,J6564*Input!$C$19,0)+IF(Input!$D$20=1,K6564*Input!$C$20,0)+IF(Input!$D$21=1,L6564*Input!$C$21,0)+IF(Input!$D$22=1,M6564*Input!$C$22,0)</f>
        <v>7.3831857387107749E-2</v>
      </c>
      <c r="O6564" s="59">
        <f>IF(Input!$D$19=2,J6564*Input!$C$19,0)+IF(Input!$D$20=2,K6564*Input!$C$20,0)+IF(Input!$D$21=2,L6564*Input!$C$21,0)+IF(Input!$D$22=2,M6564*Input!$C$22,0)</f>
        <v>0.18457964346776937</v>
      </c>
      <c r="P6564" s="59">
        <f>IF(Input!$D$19=3,J6564*Input!$C$19,0)+IF(Input!$D$20=3,K6564*Input!$C$20,0)+IF(Input!$D$21=3,L6564*Input!$C$21,0)+IF(Input!$D$22=3,M6564*Input!$C$22,0)</f>
        <v>0</v>
      </c>
      <c r="Q6564" s="75">
        <f>IF(Input!$D$19=4,J6564*Input!$C$19,0)+IF(Input!$D$20=4,K6564*Input!$C$20,0)+IF(Input!$D$21=4,L6564*Input!$C$21,0)+IF(Input!$D$22=4,M6564*Input!$C$22,0)</f>
        <v>0</v>
      </c>
      <c r="R6564" s="58">
        <v>48.813210700640042</v>
      </c>
      <c r="S6564" s="124">
        <f t="shared" si="102"/>
        <v>0.31993804867746695</v>
      </c>
    </row>
    <row r="6565" spans="8:19" x14ac:dyDescent="0.3">
      <c r="H6565" s="44">
        <v>6558</v>
      </c>
      <c r="I6565" s="56">
        <f>Bühler!I6591</f>
        <v>0.31993804867746695</v>
      </c>
      <c r="J6565" s="59">
        <f>Bühler!J6591</f>
        <v>1.0664601622582233</v>
      </c>
      <c r="K6565" s="59">
        <f>Bühler!K6591</f>
        <v>1.5996902433873348</v>
      </c>
      <c r="L6565" s="59">
        <f>Bühler!L6591</f>
        <v>7.6785131682592072</v>
      </c>
      <c r="M6565" s="58">
        <f>Bühler!M6591</f>
        <v>0</v>
      </c>
      <c r="N6565" s="56">
        <f>IF(Input!$D$19=1,J6565*Input!$C$19,0)+IF(Input!$D$20=1,K6565*Input!$C$20,0)+IF(Input!$D$21=1,L6565*Input!$C$21,0)+IF(Input!$D$22=1,M6565*Input!$C$22,0)</f>
        <v>0.31993804867746695</v>
      </c>
      <c r="O6565" s="59">
        <f>IF(Input!$D$19=2,J6565*Input!$C$19,0)+IF(Input!$D$20=2,K6565*Input!$C$20,0)+IF(Input!$D$21=2,L6565*Input!$C$21,0)+IF(Input!$D$22=2,M6565*Input!$C$22,0)</f>
        <v>0.79984512169366739</v>
      </c>
      <c r="P6565" s="59">
        <f>IF(Input!$D$19=3,J6565*Input!$C$19,0)+IF(Input!$D$20=3,K6565*Input!$C$20,0)+IF(Input!$D$21=3,L6565*Input!$C$21,0)+IF(Input!$D$22=3,M6565*Input!$C$22,0)</f>
        <v>0</v>
      </c>
      <c r="Q6565" s="75">
        <f>IF(Input!$D$19=4,J6565*Input!$C$19,0)+IF(Input!$D$20=4,K6565*Input!$C$20,0)+IF(Input!$D$21=4,L6565*Input!$C$21,0)+IF(Input!$D$22=4,M6565*Input!$C$22,0)</f>
        <v>0</v>
      </c>
      <c r="R6565" s="58">
        <v>54.229973908967295</v>
      </c>
      <c r="S6565" s="124">
        <f t="shared" si="102"/>
        <v>1.3863982109356903</v>
      </c>
    </row>
    <row r="6566" spans="8:19" x14ac:dyDescent="0.3">
      <c r="H6566" s="44">
        <v>6559</v>
      </c>
      <c r="I6566" s="56">
        <f>Bühler!I6592</f>
        <v>0.36300663215327983</v>
      </c>
      <c r="J6566" s="59">
        <f>Bühler!J6592</f>
        <v>1.2100221071775996</v>
      </c>
      <c r="K6566" s="59">
        <f>Bühler!K6592</f>
        <v>1.815033160766399</v>
      </c>
      <c r="L6566" s="59">
        <f>Bühler!L6592</f>
        <v>8.7121591716787155</v>
      </c>
      <c r="M6566" s="58">
        <f>Bühler!M6592</f>
        <v>0</v>
      </c>
      <c r="N6566" s="56">
        <f>IF(Input!$D$19=1,J6566*Input!$C$19,0)+IF(Input!$D$20=1,K6566*Input!$C$20,0)+IF(Input!$D$21=1,L6566*Input!$C$21,0)+IF(Input!$D$22=1,M6566*Input!$C$22,0)</f>
        <v>0.36300663215327988</v>
      </c>
      <c r="O6566" s="59">
        <f>IF(Input!$D$19=2,J6566*Input!$C$19,0)+IF(Input!$D$20=2,K6566*Input!$C$20,0)+IF(Input!$D$21=2,L6566*Input!$C$21,0)+IF(Input!$D$22=2,M6566*Input!$C$22,0)</f>
        <v>0.90751658038319949</v>
      </c>
      <c r="P6566" s="59">
        <f>IF(Input!$D$19=3,J6566*Input!$C$19,0)+IF(Input!$D$20=3,K6566*Input!$C$20,0)+IF(Input!$D$21=3,L6566*Input!$C$21,0)+IF(Input!$D$22=3,M6566*Input!$C$22,0)</f>
        <v>0</v>
      </c>
      <c r="Q6566" s="75">
        <f>IF(Input!$D$19=4,J6566*Input!$C$19,0)+IF(Input!$D$20=4,K6566*Input!$C$20,0)+IF(Input!$D$21=4,L6566*Input!$C$21,0)+IF(Input!$D$22=4,M6566*Input!$C$22,0)</f>
        <v>0</v>
      </c>
      <c r="R6566" s="58">
        <v>59.379041675477367</v>
      </c>
      <c r="S6566" s="124">
        <f t="shared" si="102"/>
        <v>1.5730287393308795</v>
      </c>
    </row>
    <row r="6567" spans="8:19" x14ac:dyDescent="0.3">
      <c r="H6567" s="44">
        <v>6560</v>
      </c>
      <c r="I6567" s="56">
        <f>Bühler!I6593</f>
        <v>0.36300663215327983</v>
      </c>
      <c r="J6567" s="59">
        <f>Bühler!J6593</f>
        <v>1.2100221071775996</v>
      </c>
      <c r="K6567" s="59">
        <f>Bühler!K6593</f>
        <v>1.815033160766399</v>
      </c>
      <c r="L6567" s="59">
        <f>Bühler!L6593</f>
        <v>8.7121591716787155</v>
      </c>
      <c r="M6567" s="58">
        <f>Bühler!M6593</f>
        <v>0</v>
      </c>
      <c r="N6567" s="56">
        <f>IF(Input!$D$19=1,J6567*Input!$C$19,0)+IF(Input!$D$20=1,K6567*Input!$C$20,0)+IF(Input!$D$21=1,L6567*Input!$C$21,0)+IF(Input!$D$22=1,M6567*Input!$C$22,0)</f>
        <v>0.36300663215327988</v>
      </c>
      <c r="O6567" s="59">
        <f>IF(Input!$D$19=2,J6567*Input!$C$19,0)+IF(Input!$D$20=2,K6567*Input!$C$20,0)+IF(Input!$D$21=2,L6567*Input!$C$21,0)+IF(Input!$D$22=2,M6567*Input!$C$22,0)</f>
        <v>0.90751658038319949</v>
      </c>
      <c r="P6567" s="59">
        <f>IF(Input!$D$19=3,J6567*Input!$C$19,0)+IF(Input!$D$20=3,K6567*Input!$C$20,0)+IF(Input!$D$21=3,L6567*Input!$C$21,0)+IF(Input!$D$22=3,M6567*Input!$C$22,0)</f>
        <v>0</v>
      </c>
      <c r="Q6567" s="75">
        <f>IF(Input!$D$19=4,J6567*Input!$C$19,0)+IF(Input!$D$20=4,K6567*Input!$C$20,0)+IF(Input!$D$21=4,L6567*Input!$C$21,0)+IF(Input!$D$22=4,M6567*Input!$C$22,0)</f>
        <v>0</v>
      </c>
      <c r="R6567" s="58">
        <v>62.296566770738558</v>
      </c>
      <c r="S6567" s="124">
        <f t="shared" si="102"/>
        <v>1.5730287393308795</v>
      </c>
    </row>
    <row r="6568" spans="8:19" x14ac:dyDescent="0.3">
      <c r="H6568" s="44">
        <v>6561</v>
      </c>
      <c r="I6568" s="56">
        <f>Bühler!I6594</f>
        <v>0.36300663215327983</v>
      </c>
      <c r="J6568" s="59">
        <f>Bühler!J6594</f>
        <v>1.2100221071775996</v>
      </c>
      <c r="K6568" s="59">
        <f>Bühler!K6594</f>
        <v>1.815033160766399</v>
      </c>
      <c r="L6568" s="59">
        <f>Bühler!L6594</f>
        <v>8.7121591716787155</v>
      </c>
      <c r="M6568" s="58">
        <f>Bühler!M6594</f>
        <v>0</v>
      </c>
      <c r="N6568" s="56">
        <f>IF(Input!$D$19=1,J6568*Input!$C$19,0)+IF(Input!$D$20=1,K6568*Input!$C$20,0)+IF(Input!$D$21=1,L6568*Input!$C$21,0)+IF(Input!$D$22=1,M6568*Input!$C$22,0)</f>
        <v>0.36300663215327988</v>
      </c>
      <c r="O6568" s="59">
        <f>IF(Input!$D$19=2,J6568*Input!$C$19,0)+IF(Input!$D$20=2,K6568*Input!$C$20,0)+IF(Input!$D$21=2,L6568*Input!$C$21,0)+IF(Input!$D$22=2,M6568*Input!$C$22,0)</f>
        <v>0.90751658038319949</v>
      </c>
      <c r="P6568" s="59">
        <f>IF(Input!$D$19=3,J6568*Input!$C$19,0)+IF(Input!$D$20=3,K6568*Input!$C$20,0)+IF(Input!$D$21=3,L6568*Input!$C$21,0)+IF(Input!$D$22=3,M6568*Input!$C$22,0)</f>
        <v>0</v>
      </c>
      <c r="Q6568" s="75">
        <f>IF(Input!$D$19=4,J6568*Input!$C$19,0)+IF(Input!$D$20=4,K6568*Input!$C$20,0)+IF(Input!$D$21=4,L6568*Input!$C$21,0)+IF(Input!$D$22=4,M6568*Input!$C$22,0)</f>
        <v>0</v>
      </c>
      <c r="R6568" s="58">
        <v>64.078897238475733</v>
      </c>
      <c r="S6568" s="124">
        <f t="shared" si="102"/>
        <v>1.5730287393308795</v>
      </c>
    </row>
    <row r="6569" spans="8:19" x14ac:dyDescent="0.3">
      <c r="H6569" s="44">
        <v>6562</v>
      </c>
      <c r="I6569" s="56">
        <f>Bühler!I6595</f>
        <v>0.38761725128231572</v>
      </c>
      <c r="J6569" s="59">
        <f>Bühler!J6595</f>
        <v>1.2920575042743858</v>
      </c>
      <c r="K6569" s="59">
        <f>Bühler!K6595</f>
        <v>1.9380862564115786</v>
      </c>
      <c r="L6569" s="59">
        <f>Bühler!L6595</f>
        <v>9.3028140307755773</v>
      </c>
      <c r="M6569" s="58">
        <f>Bühler!M6595</f>
        <v>0</v>
      </c>
      <c r="N6569" s="56">
        <f>IF(Input!$D$19=1,J6569*Input!$C$19,0)+IF(Input!$D$20=1,K6569*Input!$C$20,0)+IF(Input!$D$21=1,L6569*Input!$C$21,0)+IF(Input!$D$22=1,M6569*Input!$C$22,0)</f>
        <v>0.38761725128231572</v>
      </c>
      <c r="O6569" s="59">
        <f>IF(Input!$D$19=2,J6569*Input!$C$19,0)+IF(Input!$D$20=2,K6569*Input!$C$20,0)+IF(Input!$D$21=2,L6569*Input!$C$21,0)+IF(Input!$D$22=2,M6569*Input!$C$22,0)</f>
        <v>0.96904312820578931</v>
      </c>
      <c r="P6569" s="59">
        <f>IF(Input!$D$19=3,J6569*Input!$C$19,0)+IF(Input!$D$20=3,K6569*Input!$C$20,0)+IF(Input!$D$21=3,L6569*Input!$C$21,0)+IF(Input!$D$22=3,M6569*Input!$C$22,0)</f>
        <v>0</v>
      </c>
      <c r="Q6569" s="75">
        <f>IF(Input!$D$19=4,J6569*Input!$C$19,0)+IF(Input!$D$20=4,K6569*Input!$C$20,0)+IF(Input!$D$21=4,L6569*Input!$C$21,0)+IF(Input!$D$22=4,M6569*Input!$C$22,0)</f>
        <v>0</v>
      </c>
      <c r="R6569" s="58">
        <v>65.180737737798367</v>
      </c>
      <c r="S6569" s="124">
        <f t="shared" si="102"/>
        <v>1.6796747555567015</v>
      </c>
    </row>
    <row r="6570" spans="8:19" x14ac:dyDescent="0.3">
      <c r="H6570" s="44">
        <v>6563</v>
      </c>
      <c r="I6570" s="56">
        <f>Bühler!I6596</f>
        <v>0.38761725128231572</v>
      </c>
      <c r="J6570" s="59">
        <f>Bühler!J6596</f>
        <v>1.2920575042743858</v>
      </c>
      <c r="K6570" s="59">
        <f>Bühler!K6596</f>
        <v>1.9380862564115786</v>
      </c>
      <c r="L6570" s="59">
        <f>Bühler!L6596</f>
        <v>9.3028140307755773</v>
      </c>
      <c r="M6570" s="58">
        <f>Bühler!M6596</f>
        <v>0</v>
      </c>
      <c r="N6570" s="56">
        <f>IF(Input!$D$19=1,J6570*Input!$C$19,0)+IF(Input!$D$20=1,K6570*Input!$C$20,0)+IF(Input!$D$21=1,L6570*Input!$C$21,0)+IF(Input!$D$22=1,M6570*Input!$C$22,0)</f>
        <v>0.38761725128231572</v>
      </c>
      <c r="O6570" s="59">
        <f>IF(Input!$D$19=2,J6570*Input!$C$19,0)+IF(Input!$D$20=2,K6570*Input!$C$20,0)+IF(Input!$D$21=2,L6570*Input!$C$21,0)+IF(Input!$D$22=2,M6570*Input!$C$22,0)</f>
        <v>0.96904312820578931</v>
      </c>
      <c r="P6570" s="59">
        <f>IF(Input!$D$19=3,J6570*Input!$C$19,0)+IF(Input!$D$20=3,K6570*Input!$C$20,0)+IF(Input!$D$21=3,L6570*Input!$C$21,0)+IF(Input!$D$22=3,M6570*Input!$C$22,0)</f>
        <v>0</v>
      </c>
      <c r="Q6570" s="75">
        <f>IF(Input!$D$19=4,J6570*Input!$C$19,0)+IF(Input!$D$20=4,K6570*Input!$C$20,0)+IF(Input!$D$21=4,L6570*Input!$C$21,0)+IF(Input!$D$22=4,M6570*Input!$C$22,0)</f>
        <v>0</v>
      </c>
      <c r="R6570" s="58">
        <v>66.904408232135538</v>
      </c>
      <c r="S6570" s="124">
        <f t="shared" si="102"/>
        <v>1.6796747555567015</v>
      </c>
    </row>
    <row r="6571" spans="8:19" x14ac:dyDescent="0.3">
      <c r="H6571" s="44">
        <v>6564</v>
      </c>
      <c r="I6571" s="56">
        <f>Bühler!I6597</f>
        <v>0.49221238258071842</v>
      </c>
      <c r="J6571" s="59">
        <f>Bühler!J6597</f>
        <v>1.6407079419357282</v>
      </c>
      <c r="K6571" s="59">
        <f>Bühler!K6597</f>
        <v>2.4610619129035922</v>
      </c>
      <c r="L6571" s="59">
        <f>Bühler!L6597</f>
        <v>11.813097181937241</v>
      </c>
      <c r="M6571" s="58">
        <f>Bühler!M6597</f>
        <v>0</v>
      </c>
      <c r="N6571" s="56">
        <f>IF(Input!$D$19=1,J6571*Input!$C$19,0)+IF(Input!$D$20=1,K6571*Input!$C$20,0)+IF(Input!$D$21=1,L6571*Input!$C$21,0)+IF(Input!$D$22=1,M6571*Input!$C$22,0)</f>
        <v>0.49221238258071842</v>
      </c>
      <c r="O6571" s="59">
        <f>IF(Input!$D$19=2,J6571*Input!$C$19,0)+IF(Input!$D$20=2,K6571*Input!$C$20,0)+IF(Input!$D$21=2,L6571*Input!$C$21,0)+IF(Input!$D$22=2,M6571*Input!$C$22,0)</f>
        <v>1.2305309564517961</v>
      </c>
      <c r="P6571" s="59">
        <f>IF(Input!$D$19=3,J6571*Input!$C$19,0)+IF(Input!$D$20=3,K6571*Input!$C$20,0)+IF(Input!$D$21=3,L6571*Input!$C$21,0)+IF(Input!$D$22=3,M6571*Input!$C$22,0)</f>
        <v>0</v>
      </c>
      <c r="Q6571" s="75">
        <f>IF(Input!$D$19=4,J6571*Input!$C$19,0)+IF(Input!$D$20=4,K6571*Input!$C$20,0)+IF(Input!$D$21=4,L6571*Input!$C$21,0)+IF(Input!$D$22=4,M6571*Input!$C$22,0)</f>
        <v>0</v>
      </c>
      <c r="R6571" s="58">
        <v>68.159898230632763</v>
      </c>
      <c r="S6571" s="124">
        <f t="shared" si="102"/>
        <v>2.1329203245164465</v>
      </c>
    </row>
    <row r="6572" spans="8:19" x14ac:dyDescent="0.3">
      <c r="H6572" s="44">
        <v>6565</v>
      </c>
      <c r="I6572" s="56">
        <f>Bühler!I6598</f>
        <v>0.49221238258071842</v>
      </c>
      <c r="J6572" s="59">
        <f>Bühler!J6598</f>
        <v>1.6407079419357282</v>
      </c>
      <c r="K6572" s="59">
        <f>Bühler!K6598</f>
        <v>2.4610619129035922</v>
      </c>
      <c r="L6572" s="59">
        <f>Bühler!L6598</f>
        <v>11.813097181937241</v>
      </c>
      <c r="M6572" s="58">
        <f>Bühler!M6598</f>
        <v>0</v>
      </c>
      <c r="N6572" s="56">
        <f>IF(Input!$D$19=1,J6572*Input!$C$19,0)+IF(Input!$D$20=1,K6572*Input!$C$20,0)+IF(Input!$D$21=1,L6572*Input!$C$21,0)+IF(Input!$D$22=1,M6572*Input!$C$22,0)</f>
        <v>0.49221238258071842</v>
      </c>
      <c r="O6572" s="59">
        <f>IF(Input!$D$19=2,J6572*Input!$C$19,0)+IF(Input!$D$20=2,K6572*Input!$C$20,0)+IF(Input!$D$21=2,L6572*Input!$C$21,0)+IF(Input!$D$22=2,M6572*Input!$C$22,0)</f>
        <v>1.2305309564517961</v>
      </c>
      <c r="P6572" s="59">
        <f>IF(Input!$D$19=3,J6572*Input!$C$19,0)+IF(Input!$D$20=3,K6572*Input!$C$20,0)+IF(Input!$D$21=3,L6572*Input!$C$21,0)+IF(Input!$D$22=3,M6572*Input!$C$22,0)</f>
        <v>0</v>
      </c>
      <c r="Q6572" s="75">
        <f>IF(Input!$D$19=4,J6572*Input!$C$19,0)+IF(Input!$D$20=4,K6572*Input!$C$20,0)+IF(Input!$D$21=4,L6572*Input!$C$21,0)+IF(Input!$D$22=4,M6572*Input!$C$22,0)</f>
        <v>0</v>
      </c>
      <c r="R6572" s="58">
        <v>67.917442319954759</v>
      </c>
      <c r="S6572" s="124">
        <f t="shared" si="102"/>
        <v>2.1329203245164465</v>
      </c>
    </row>
    <row r="6573" spans="8:19" x14ac:dyDescent="0.3">
      <c r="H6573" s="44">
        <v>6566</v>
      </c>
      <c r="I6573" s="56">
        <f>Bühler!I6599</f>
        <v>0.32609070345972596</v>
      </c>
      <c r="J6573" s="59">
        <f>Bühler!J6599</f>
        <v>1.08696901153242</v>
      </c>
      <c r="K6573" s="59">
        <f>Bühler!K6599</f>
        <v>1.6304535172986296</v>
      </c>
      <c r="L6573" s="59">
        <f>Bühler!L6599</f>
        <v>7.8261768830334226</v>
      </c>
      <c r="M6573" s="58">
        <f>Bühler!M6599</f>
        <v>0</v>
      </c>
      <c r="N6573" s="56">
        <f>IF(Input!$D$19=1,J6573*Input!$C$19,0)+IF(Input!$D$20=1,K6573*Input!$C$20,0)+IF(Input!$D$21=1,L6573*Input!$C$21,0)+IF(Input!$D$22=1,M6573*Input!$C$22,0)</f>
        <v>0.32609070345972596</v>
      </c>
      <c r="O6573" s="59">
        <f>IF(Input!$D$19=2,J6573*Input!$C$19,0)+IF(Input!$D$20=2,K6573*Input!$C$20,0)+IF(Input!$D$21=2,L6573*Input!$C$21,0)+IF(Input!$D$22=2,M6573*Input!$C$22,0)</f>
        <v>0.81522675864931482</v>
      </c>
      <c r="P6573" s="59">
        <f>IF(Input!$D$19=3,J6573*Input!$C$19,0)+IF(Input!$D$20=3,K6573*Input!$C$20,0)+IF(Input!$D$21=3,L6573*Input!$C$21,0)+IF(Input!$D$22=3,M6573*Input!$C$22,0)</f>
        <v>0</v>
      </c>
      <c r="Q6573" s="75">
        <f>IF(Input!$D$19=4,J6573*Input!$C$19,0)+IF(Input!$D$20=4,K6573*Input!$C$20,0)+IF(Input!$D$21=4,L6573*Input!$C$21,0)+IF(Input!$D$22=4,M6573*Input!$C$22,0)</f>
        <v>0</v>
      </c>
      <c r="R6573" s="58">
        <v>68.290429581702682</v>
      </c>
      <c r="S6573" s="124">
        <f t="shared" si="102"/>
        <v>1.413059714992146</v>
      </c>
    </row>
    <row r="6574" spans="8:19" x14ac:dyDescent="0.3">
      <c r="H6574" s="44">
        <v>6567</v>
      </c>
      <c r="I6574" s="56">
        <f>Bühler!I6600</f>
        <v>0.49221238258071842</v>
      </c>
      <c r="J6574" s="59">
        <f>Bühler!J6600</f>
        <v>1.6407079419357282</v>
      </c>
      <c r="K6574" s="59">
        <f>Bühler!K6600</f>
        <v>2.4610619129035922</v>
      </c>
      <c r="L6574" s="59">
        <f>Bühler!L6600</f>
        <v>11.813097181937241</v>
      </c>
      <c r="M6574" s="58">
        <f>Bühler!M6600</f>
        <v>0</v>
      </c>
      <c r="N6574" s="56">
        <f>IF(Input!$D$19=1,J6574*Input!$C$19,0)+IF(Input!$D$20=1,K6574*Input!$C$20,0)+IF(Input!$D$21=1,L6574*Input!$C$21,0)+IF(Input!$D$22=1,M6574*Input!$C$22,0)</f>
        <v>0.49221238258071842</v>
      </c>
      <c r="O6574" s="59">
        <f>IF(Input!$D$19=2,J6574*Input!$C$19,0)+IF(Input!$D$20=2,K6574*Input!$C$20,0)+IF(Input!$D$21=2,L6574*Input!$C$21,0)+IF(Input!$D$22=2,M6574*Input!$C$22,0)</f>
        <v>1.2305309564517961</v>
      </c>
      <c r="P6574" s="59">
        <f>IF(Input!$D$19=3,J6574*Input!$C$19,0)+IF(Input!$D$20=3,K6574*Input!$C$20,0)+IF(Input!$D$21=3,L6574*Input!$C$21,0)+IF(Input!$D$22=3,M6574*Input!$C$22,0)</f>
        <v>0</v>
      </c>
      <c r="Q6574" s="75">
        <f>IF(Input!$D$19=4,J6574*Input!$C$19,0)+IF(Input!$D$20=4,K6574*Input!$C$20,0)+IF(Input!$D$21=4,L6574*Input!$C$21,0)+IF(Input!$D$22=4,M6574*Input!$C$22,0)</f>
        <v>0</v>
      </c>
      <c r="R6574" s="58">
        <v>68.683284700411136</v>
      </c>
      <c r="S6574" s="124">
        <f t="shared" si="102"/>
        <v>2.1329203245164465</v>
      </c>
    </row>
    <row r="6575" spans="8:19" x14ac:dyDescent="0.3">
      <c r="H6575" s="44">
        <v>6568</v>
      </c>
      <c r="I6575" s="56">
        <f>Bühler!I6601</f>
        <v>0.49221238258071842</v>
      </c>
      <c r="J6575" s="59">
        <f>Bühler!J6601</f>
        <v>1.6407079419357282</v>
      </c>
      <c r="K6575" s="59">
        <f>Bühler!K6601</f>
        <v>2.4610619129035922</v>
      </c>
      <c r="L6575" s="59">
        <f>Bühler!L6601</f>
        <v>11.813097181937241</v>
      </c>
      <c r="M6575" s="58">
        <f>Bühler!M6601</f>
        <v>0</v>
      </c>
      <c r="N6575" s="56">
        <f>IF(Input!$D$19=1,J6575*Input!$C$19,0)+IF(Input!$D$20=1,K6575*Input!$C$20,0)+IF(Input!$D$21=1,L6575*Input!$C$21,0)+IF(Input!$D$22=1,M6575*Input!$C$22,0)</f>
        <v>0.49221238258071842</v>
      </c>
      <c r="O6575" s="59">
        <f>IF(Input!$D$19=2,J6575*Input!$C$19,0)+IF(Input!$D$20=2,K6575*Input!$C$20,0)+IF(Input!$D$21=2,L6575*Input!$C$21,0)+IF(Input!$D$22=2,M6575*Input!$C$22,0)</f>
        <v>1.2305309564517961</v>
      </c>
      <c r="P6575" s="59">
        <f>IF(Input!$D$19=3,J6575*Input!$C$19,0)+IF(Input!$D$20=3,K6575*Input!$C$20,0)+IF(Input!$D$21=3,L6575*Input!$C$21,0)+IF(Input!$D$22=3,M6575*Input!$C$22,0)</f>
        <v>0</v>
      </c>
      <c r="Q6575" s="75">
        <f>IF(Input!$D$19=4,J6575*Input!$C$19,0)+IF(Input!$D$20=4,K6575*Input!$C$20,0)+IF(Input!$D$21=4,L6575*Input!$C$21,0)+IF(Input!$D$22=4,M6575*Input!$C$22,0)</f>
        <v>0</v>
      </c>
      <c r="R6575" s="58">
        <v>68.01263810383314</v>
      </c>
      <c r="S6575" s="124">
        <f t="shared" si="102"/>
        <v>2.1329203245164465</v>
      </c>
    </row>
    <row r="6576" spans="8:19" x14ac:dyDescent="0.3">
      <c r="H6576" s="44">
        <v>6569</v>
      </c>
      <c r="I6576" s="56">
        <f>Bühler!I6602</f>
        <v>0.49221238258071842</v>
      </c>
      <c r="J6576" s="59">
        <f>Bühler!J6602</f>
        <v>1.6407079419357282</v>
      </c>
      <c r="K6576" s="59">
        <f>Bühler!K6602</f>
        <v>2.4610619129035922</v>
      </c>
      <c r="L6576" s="59">
        <f>Bühler!L6602</f>
        <v>11.813097181937241</v>
      </c>
      <c r="M6576" s="58">
        <f>Bühler!M6602</f>
        <v>0</v>
      </c>
      <c r="N6576" s="56">
        <f>IF(Input!$D$19=1,J6576*Input!$C$19,0)+IF(Input!$D$20=1,K6576*Input!$C$20,0)+IF(Input!$D$21=1,L6576*Input!$C$21,0)+IF(Input!$D$22=1,M6576*Input!$C$22,0)</f>
        <v>0.49221238258071842</v>
      </c>
      <c r="O6576" s="59">
        <f>IF(Input!$D$19=2,J6576*Input!$C$19,0)+IF(Input!$D$20=2,K6576*Input!$C$20,0)+IF(Input!$D$21=2,L6576*Input!$C$21,0)+IF(Input!$D$22=2,M6576*Input!$C$22,0)</f>
        <v>1.2305309564517961</v>
      </c>
      <c r="P6576" s="59">
        <f>IF(Input!$D$19=3,J6576*Input!$C$19,0)+IF(Input!$D$20=3,K6576*Input!$C$20,0)+IF(Input!$D$21=3,L6576*Input!$C$21,0)+IF(Input!$D$22=3,M6576*Input!$C$22,0)</f>
        <v>0</v>
      </c>
      <c r="Q6576" s="75">
        <f>IF(Input!$D$19=4,J6576*Input!$C$19,0)+IF(Input!$D$20=4,K6576*Input!$C$20,0)+IF(Input!$D$21=4,L6576*Input!$C$21,0)+IF(Input!$D$22=4,M6576*Input!$C$22,0)</f>
        <v>0</v>
      </c>
      <c r="R6576" s="58">
        <v>67.52213379679857</v>
      </c>
      <c r="S6576" s="124">
        <f t="shared" si="102"/>
        <v>2.1329203245164465</v>
      </c>
    </row>
    <row r="6577" spans="8:19" x14ac:dyDescent="0.3">
      <c r="H6577" s="44">
        <v>6570</v>
      </c>
      <c r="I6577" s="56">
        <f>Bühler!I6603</f>
        <v>0.49221238258071842</v>
      </c>
      <c r="J6577" s="59">
        <f>Bühler!J6603</f>
        <v>1.6407079419357282</v>
      </c>
      <c r="K6577" s="59">
        <f>Bühler!K6603</f>
        <v>2.4610619129035922</v>
      </c>
      <c r="L6577" s="59">
        <f>Bühler!L6603</f>
        <v>11.813097181937241</v>
      </c>
      <c r="M6577" s="58">
        <f>Bühler!M6603</f>
        <v>0</v>
      </c>
      <c r="N6577" s="56">
        <f>IF(Input!$D$19=1,J6577*Input!$C$19,0)+IF(Input!$D$20=1,K6577*Input!$C$20,0)+IF(Input!$D$21=1,L6577*Input!$C$21,0)+IF(Input!$D$22=1,M6577*Input!$C$22,0)</f>
        <v>0.49221238258071842</v>
      </c>
      <c r="O6577" s="59">
        <f>IF(Input!$D$19=2,J6577*Input!$C$19,0)+IF(Input!$D$20=2,K6577*Input!$C$20,0)+IF(Input!$D$21=2,L6577*Input!$C$21,0)+IF(Input!$D$22=2,M6577*Input!$C$22,0)</f>
        <v>1.2305309564517961</v>
      </c>
      <c r="P6577" s="59">
        <f>IF(Input!$D$19=3,J6577*Input!$C$19,0)+IF(Input!$D$20=3,K6577*Input!$C$20,0)+IF(Input!$D$21=3,L6577*Input!$C$21,0)+IF(Input!$D$22=3,M6577*Input!$C$22,0)</f>
        <v>0</v>
      </c>
      <c r="Q6577" s="75">
        <f>IF(Input!$D$19=4,J6577*Input!$C$19,0)+IF(Input!$D$20=4,K6577*Input!$C$20,0)+IF(Input!$D$21=4,L6577*Input!$C$21,0)+IF(Input!$D$22=4,M6577*Input!$C$22,0)</f>
        <v>0</v>
      </c>
      <c r="R6577" s="58">
        <v>66.453122620800613</v>
      </c>
      <c r="S6577" s="124">
        <f t="shared" si="102"/>
        <v>2.1329203245164465</v>
      </c>
    </row>
    <row r="6578" spans="8:19" x14ac:dyDescent="0.3">
      <c r="H6578" s="44">
        <v>6571</v>
      </c>
      <c r="I6578" s="56">
        <f>Bühler!I6604</f>
        <v>0.49221238258071842</v>
      </c>
      <c r="J6578" s="59">
        <f>Bühler!J6604</f>
        <v>1.6407079419357282</v>
      </c>
      <c r="K6578" s="59">
        <f>Bühler!K6604</f>
        <v>2.4610619129035922</v>
      </c>
      <c r="L6578" s="59">
        <f>Bühler!L6604</f>
        <v>11.813097181937241</v>
      </c>
      <c r="M6578" s="58">
        <f>Bühler!M6604</f>
        <v>0</v>
      </c>
      <c r="N6578" s="56">
        <f>IF(Input!$D$19=1,J6578*Input!$C$19,0)+IF(Input!$D$20=1,K6578*Input!$C$20,0)+IF(Input!$D$21=1,L6578*Input!$C$21,0)+IF(Input!$D$22=1,M6578*Input!$C$22,0)</f>
        <v>0.49221238258071842</v>
      </c>
      <c r="O6578" s="59">
        <f>IF(Input!$D$19=2,J6578*Input!$C$19,0)+IF(Input!$D$20=2,K6578*Input!$C$20,0)+IF(Input!$D$21=2,L6578*Input!$C$21,0)+IF(Input!$D$22=2,M6578*Input!$C$22,0)</f>
        <v>1.2305309564517961</v>
      </c>
      <c r="P6578" s="59">
        <f>IF(Input!$D$19=3,J6578*Input!$C$19,0)+IF(Input!$D$20=3,K6578*Input!$C$20,0)+IF(Input!$D$21=3,L6578*Input!$C$21,0)+IF(Input!$D$22=3,M6578*Input!$C$22,0)</f>
        <v>0</v>
      </c>
      <c r="Q6578" s="75">
        <f>IF(Input!$D$19=4,J6578*Input!$C$19,0)+IF(Input!$D$20=4,K6578*Input!$C$20,0)+IF(Input!$D$21=4,L6578*Input!$C$21,0)+IF(Input!$D$22=4,M6578*Input!$C$22,0)</f>
        <v>0</v>
      </c>
      <c r="R6578" s="58">
        <v>65.406003008365886</v>
      </c>
      <c r="S6578" s="124">
        <f t="shared" si="102"/>
        <v>2.1329203245164465</v>
      </c>
    </row>
    <row r="6579" spans="8:19" x14ac:dyDescent="0.3">
      <c r="H6579" s="44">
        <v>6572</v>
      </c>
      <c r="I6579" s="56">
        <f>Bühler!I6605</f>
        <v>0.41222787041135167</v>
      </c>
      <c r="J6579" s="59">
        <f>Bühler!J6605</f>
        <v>1.3740929013711725</v>
      </c>
      <c r="K6579" s="59">
        <f>Bühler!K6605</f>
        <v>2.0611393520567582</v>
      </c>
      <c r="L6579" s="59">
        <f>Bühler!L6605</f>
        <v>9.8934688898724392</v>
      </c>
      <c r="M6579" s="58">
        <f>Bühler!M6605</f>
        <v>0</v>
      </c>
      <c r="N6579" s="56">
        <f>IF(Input!$D$19=1,J6579*Input!$C$19,0)+IF(Input!$D$20=1,K6579*Input!$C$20,0)+IF(Input!$D$21=1,L6579*Input!$C$21,0)+IF(Input!$D$22=1,M6579*Input!$C$22,0)</f>
        <v>0.41222787041135173</v>
      </c>
      <c r="O6579" s="59">
        <f>IF(Input!$D$19=2,J6579*Input!$C$19,0)+IF(Input!$D$20=2,K6579*Input!$C$20,0)+IF(Input!$D$21=2,L6579*Input!$C$21,0)+IF(Input!$D$22=2,M6579*Input!$C$22,0)</f>
        <v>1.0305696760283791</v>
      </c>
      <c r="P6579" s="59">
        <f>IF(Input!$D$19=3,J6579*Input!$C$19,0)+IF(Input!$D$20=3,K6579*Input!$C$20,0)+IF(Input!$D$21=3,L6579*Input!$C$21,0)+IF(Input!$D$22=3,M6579*Input!$C$22,0)</f>
        <v>0</v>
      </c>
      <c r="Q6579" s="75">
        <f>IF(Input!$D$19=4,J6579*Input!$C$19,0)+IF(Input!$D$20=4,K6579*Input!$C$20,0)+IF(Input!$D$21=4,L6579*Input!$C$21,0)+IF(Input!$D$22=4,M6579*Input!$C$22,0)</f>
        <v>0</v>
      </c>
      <c r="R6579" s="58">
        <v>64.635122406947133</v>
      </c>
      <c r="S6579" s="124">
        <f t="shared" si="102"/>
        <v>1.786320771782524</v>
      </c>
    </row>
    <row r="6580" spans="8:19" x14ac:dyDescent="0.3">
      <c r="H6580" s="44">
        <v>6573</v>
      </c>
      <c r="I6580" s="56">
        <f>Bühler!I6606</f>
        <v>0.33839601302424388</v>
      </c>
      <c r="J6580" s="59">
        <f>Bühler!J6606</f>
        <v>1.127986710080813</v>
      </c>
      <c r="K6580" s="59">
        <f>Bühler!K6606</f>
        <v>1.6919800651212193</v>
      </c>
      <c r="L6580" s="59">
        <f>Bühler!L6606</f>
        <v>8.1215043125818536</v>
      </c>
      <c r="M6580" s="58">
        <f>Bühler!M6606</f>
        <v>0</v>
      </c>
      <c r="N6580" s="56">
        <f>IF(Input!$D$19=1,J6580*Input!$C$19,0)+IF(Input!$D$20=1,K6580*Input!$C$20,0)+IF(Input!$D$21=1,L6580*Input!$C$21,0)+IF(Input!$D$22=1,M6580*Input!$C$22,0)</f>
        <v>0.33839601302424388</v>
      </c>
      <c r="O6580" s="59">
        <f>IF(Input!$D$19=2,J6580*Input!$C$19,0)+IF(Input!$D$20=2,K6580*Input!$C$20,0)+IF(Input!$D$21=2,L6580*Input!$C$21,0)+IF(Input!$D$22=2,M6580*Input!$C$22,0)</f>
        <v>0.84599003256060967</v>
      </c>
      <c r="P6580" s="59">
        <f>IF(Input!$D$19=3,J6580*Input!$C$19,0)+IF(Input!$D$20=3,K6580*Input!$C$20,0)+IF(Input!$D$21=3,L6580*Input!$C$21,0)+IF(Input!$D$22=3,M6580*Input!$C$22,0)</f>
        <v>0</v>
      </c>
      <c r="Q6580" s="75">
        <f>IF(Input!$D$19=4,J6580*Input!$C$19,0)+IF(Input!$D$20=4,K6580*Input!$C$20,0)+IF(Input!$D$21=4,L6580*Input!$C$21,0)+IF(Input!$D$22=4,M6580*Input!$C$22,0)</f>
        <v>0</v>
      </c>
      <c r="R6580" s="58">
        <v>63.612416194866888</v>
      </c>
      <c r="S6580" s="124">
        <f t="shared" si="102"/>
        <v>1.4663827231050568</v>
      </c>
    </row>
    <row r="6581" spans="8:19" x14ac:dyDescent="0.3">
      <c r="H6581" s="44">
        <v>6574</v>
      </c>
      <c r="I6581" s="56">
        <f>Bühler!I6607</f>
        <v>0.24610619129035921</v>
      </c>
      <c r="J6581" s="59">
        <f>Bühler!J6607</f>
        <v>0.82035397096786411</v>
      </c>
      <c r="K6581" s="59">
        <f>Bühler!K6607</f>
        <v>1.2305309564517961</v>
      </c>
      <c r="L6581" s="59">
        <f>Bühler!L6607</f>
        <v>5.9065485909686206</v>
      </c>
      <c r="M6581" s="58">
        <f>Bühler!M6607</f>
        <v>0</v>
      </c>
      <c r="N6581" s="56">
        <f>IF(Input!$D$19=1,J6581*Input!$C$19,0)+IF(Input!$D$20=1,K6581*Input!$C$20,0)+IF(Input!$D$21=1,L6581*Input!$C$21,0)+IF(Input!$D$22=1,M6581*Input!$C$22,0)</f>
        <v>0.24610619129035921</v>
      </c>
      <c r="O6581" s="59">
        <f>IF(Input!$D$19=2,J6581*Input!$C$19,0)+IF(Input!$D$20=2,K6581*Input!$C$20,0)+IF(Input!$D$21=2,L6581*Input!$C$21,0)+IF(Input!$D$22=2,M6581*Input!$C$22,0)</f>
        <v>0.61526547822589805</v>
      </c>
      <c r="P6581" s="59">
        <f>IF(Input!$D$19=3,J6581*Input!$C$19,0)+IF(Input!$D$20=3,K6581*Input!$C$20,0)+IF(Input!$D$21=3,L6581*Input!$C$21,0)+IF(Input!$D$22=3,M6581*Input!$C$22,0)</f>
        <v>0</v>
      </c>
      <c r="Q6581" s="75">
        <f>IF(Input!$D$19=4,J6581*Input!$C$19,0)+IF(Input!$D$20=4,K6581*Input!$C$20,0)+IF(Input!$D$21=4,L6581*Input!$C$21,0)+IF(Input!$D$22=4,M6581*Input!$C$22,0)</f>
        <v>0</v>
      </c>
      <c r="R6581" s="58">
        <v>61.358232852432252</v>
      </c>
      <c r="S6581" s="124">
        <f t="shared" si="102"/>
        <v>1.0664601622582233</v>
      </c>
    </row>
    <row r="6582" spans="8:19" x14ac:dyDescent="0.3">
      <c r="H6582" s="44">
        <v>6575</v>
      </c>
      <c r="I6582" s="56">
        <f>Bühler!I6608</f>
        <v>0.23380088172584124</v>
      </c>
      <c r="J6582" s="59">
        <f>Bühler!J6608</f>
        <v>0.77933627241947079</v>
      </c>
      <c r="K6582" s="59">
        <f>Bühler!K6608</f>
        <v>1.1690044086292062</v>
      </c>
      <c r="L6582" s="59">
        <f>Bühler!L6608</f>
        <v>5.6112211614201897</v>
      </c>
      <c r="M6582" s="58">
        <f>Bühler!M6608</f>
        <v>0</v>
      </c>
      <c r="N6582" s="56">
        <f>IF(Input!$D$19=1,J6582*Input!$C$19,0)+IF(Input!$D$20=1,K6582*Input!$C$20,0)+IF(Input!$D$21=1,L6582*Input!$C$21,0)+IF(Input!$D$22=1,M6582*Input!$C$22,0)</f>
        <v>0.23380088172584124</v>
      </c>
      <c r="O6582" s="59">
        <f>IF(Input!$D$19=2,J6582*Input!$C$19,0)+IF(Input!$D$20=2,K6582*Input!$C$20,0)+IF(Input!$D$21=2,L6582*Input!$C$21,0)+IF(Input!$D$22=2,M6582*Input!$C$22,0)</f>
        <v>0.58450220431460309</v>
      </c>
      <c r="P6582" s="59">
        <f>IF(Input!$D$19=3,J6582*Input!$C$19,0)+IF(Input!$D$20=3,K6582*Input!$C$20,0)+IF(Input!$D$21=3,L6582*Input!$C$21,0)+IF(Input!$D$22=3,M6582*Input!$C$22,0)</f>
        <v>0</v>
      </c>
      <c r="Q6582" s="75">
        <f>IF(Input!$D$19=4,J6582*Input!$C$19,0)+IF(Input!$D$20=4,K6582*Input!$C$20,0)+IF(Input!$D$21=4,L6582*Input!$C$21,0)+IF(Input!$D$22=4,M6582*Input!$C$22,0)</f>
        <v>0</v>
      </c>
      <c r="R6582" s="58">
        <v>60.733079622769573</v>
      </c>
      <c r="S6582" s="124">
        <f t="shared" si="102"/>
        <v>1.013137154145312</v>
      </c>
    </row>
    <row r="6583" spans="8:19" x14ac:dyDescent="0.3">
      <c r="H6583" s="44">
        <v>6576</v>
      </c>
      <c r="I6583" s="56">
        <f>Bühler!I6609</f>
        <v>0.23380088172584124</v>
      </c>
      <c r="J6583" s="59">
        <f>Bühler!J6609</f>
        <v>0.77933627241947079</v>
      </c>
      <c r="K6583" s="59">
        <f>Bühler!K6609</f>
        <v>1.1690044086292062</v>
      </c>
      <c r="L6583" s="59">
        <f>Bühler!L6609</f>
        <v>5.6112211614201897</v>
      </c>
      <c r="M6583" s="58">
        <f>Bühler!M6609</f>
        <v>0</v>
      </c>
      <c r="N6583" s="56">
        <f>IF(Input!$D$19=1,J6583*Input!$C$19,0)+IF(Input!$D$20=1,K6583*Input!$C$20,0)+IF(Input!$D$21=1,L6583*Input!$C$21,0)+IF(Input!$D$22=1,M6583*Input!$C$22,0)</f>
        <v>0.23380088172584124</v>
      </c>
      <c r="O6583" s="59">
        <f>IF(Input!$D$19=2,J6583*Input!$C$19,0)+IF(Input!$D$20=2,K6583*Input!$C$20,0)+IF(Input!$D$21=2,L6583*Input!$C$21,0)+IF(Input!$D$22=2,M6583*Input!$C$22,0)</f>
        <v>0.58450220431460309</v>
      </c>
      <c r="P6583" s="59">
        <f>IF(Input!$D$19=3,J6583*Input!$C$19,0)+IF(Input!$D$20=3,K6583*Input!$C$20,0)+IF(Input!$D$21=3,L6583*Input!$C$21,0)+IF(Input!$D$22=3,M6583*Input!$C$22,0)</f>
        <v>0</v>
      </c>
      <c r="Q6583" s="75">
        <f>IF(Input!$D$19=4,J6583*Input!$C$19,0)+IF(Input!$D$20=4,K6583*Input!$C$20,0)+IF(Input!$D$21=4,L6583*Input!$C$21,0)+IF(Input!$D$22=4,M6583*Input!$C$22,0)</f>
        <v>0</v>
      </c>
      <c r="R6583" s="58">
        <v>60.227102094042664</v>
      </c>
      <c r="S6583" s="124">
        <f t="shared" si="102"/>
        <v>1.013137154145312</v>
      </c>
    </row>
    <row r="6584" spans="8:19" x14ac:dyDescent="0.3">
      <c r="H6584" s="44">
        <v>6577</v>
      </c>
      <c r="I6584" s="56">
        <f>Bühler!I6610</f>
        <v>0.21515609185262585</v>
      </c>
      <c r="J6584" s="59">
        <f>Bühler!J6610</f>
        <v>0.71718697284208632</v>
      </c>
      <c r="K6584" s="59">
        <f>Bühler!K6610</f>
        <v>1.0757804592631293</v>
      </c>
      <c r="L6584" s="59">
        <f>Bühler!L6610</f>
        <v>5.1637462044630205</v>
      </c>
      <c r="M6584" s="58">
        <f>Bühler!M6610</f>
        <v>0</v>
      </c>
      <c r="N6584" s="56">
        <f>IF(Input!$D$19=1,J6584*Input!$C$19,0)+IF(Input!$D$20=1,K6584*Input!$C$20,0)+IF(Input!$D$21=1,L6584*Input!$C$21,0)+IF(Input!$D$22=1,M6584*Input!$C$22,0)</f>
        <v>0.21515609185262588</v>
      </c>
      <c r="O6584" s="59">
        <f>IF(Input!$D$19=2,J6584*Input!$C$19,0)+IF(Input!$D$20=2,K6584*Input!$C$20,0)+IF(Input!$D$21=2,L6584*Input!$C$21,0)+IF(Input!$D$22=2,M6584*Input!$C$22,0)</f>
        <v>0.53789022963156463</v>
      </c>
      <c r="P6584" s="59">
        <f>IF(Input!$D$19=3,J6584*Input!$C$19,0)+IF(Input!$D$20=3,K6584*Input!$C$20,0)+IF(Input!$D$21=3,L6584*Input!$C$21,0)+IF(Input!$D$22=3,M6584*Input!$C$22,0)</f>
        <v>0</v>
      </c>
      <c r="Q6584" s="75">
        <f>IF(Input!$D$19=4,J6584*Input!$C$19,0)+IF(Input!$D$20=4,K6584*Input!$C$20,0)+IF(Input!$D$21=4,L6584*Input!$C$21,0)+IF(Input!$D$22=4,M6584*Input!$C$22,0)</f>
        <v>0</v>
      </c>
      <c r="R6584" s="58">
        <v>59.408890749648478</v>
      </c>
      <c r="S6584" s="124">
        <f t="shared" si="102"/>
        <v>0.93234306469471218</v>
      </c>
    </row>
    <row r="6585" spans="8:19" x14ac:dyDescent="0.3">
      <c r="H6585" s="44">
        <v>6578</v>
      </c>
      <c r="I6585" s="56">
        <f>Bühler!I6611</f>
        <v>0.21515609185262585</v>
      </c>
      <c r="J6585" s="59">
        <f>Bühler!J6611</f>
        <v>0.71718697284208632</v>
      </c>
      <c r="K6585" s="59">
        <f>Bühler!K6611</f>
        <v>1.0757804592631293</v>
      </c>
      <c r="L6585" s="59">
        <f>Bühler!L6611</f>
        <v>5.1637462044630205</v>
      </c>
      <c r="M6585" s="58">
        <f>Bühler!M6611</f>
        <v>0</v>
      </c>
      <c r="N6585" s="56">
        <f>IF(Input!$D$19=1,J6585*Input!$C$19,0)+IF(Input!$D$20=1,K6585*Input!$C$20,0)+IF(Input!$D$21=1,L6585*Input!$C$21,0)+IF(Input!$D$22=1,M6585*Input!$C$22,0)</f>
        <v>0.21515609185262588</v>
      </c>
      <c r="O6585" s="59">
        <f>IF(Input!$D$19=2,J6585*Input!$C$19,0)+IF(Input!$D$20=2,K6585*Input!$C$20,0)+IF(Input!$D$21=2,L6585*Input!$C$21,0)+IF(Input!$D$22=2,M6585*Input!$C$22,0)</f>
        <v>0.53789022963156463</v>
      </c>
      <c r="P6585" s="59">
        <f>IF(Input!$D$19=3,J6585*Input!$C$19,0)+IF(Input!$D$20=3,K6585*Input!$C$20,0)+IF(Input!$D$21=3,L6585*Input!$C$21,0)+IF(Input!$D$22=3,M6585*Input!$C$22,0)</f>
        <v>0</v>
      </c>
      <c r="Q6585" s="75">
        <f>IF(Input!$D$19=4,J6585*Input!$C$19,0)+IF(Input!$D$20=4,K6585*Input!$C$20,0)+IF(Input!$D$21=4,L6585*Input!$C$21,0)+IF(Input!$D$22=4,M6585*Input!$C$22,0)</f>
        <v>0</v>
      </c>
      <c r="R6585" s="58">
        <v>59.375210288018891</v>
      </c>
      <c r="S6585" s="124">
        <f t="shared" si="102"/>
        <v>0.93234306469471218</v>
      </c>
    </row>
    <row r="6586" spans="8:19" x14ac:dyDescent="0.3">
      <c r="H6586" s="44">
        <v>6579</v>
      </c>
      <c r="I6586" s="56">
        <f>Bühler!I6612</f>
        <v>0.21515609185262585</v>
      </c>
      <c r="J6586" s="59">
        <f>Bühler!J6612</f>
        <v>0.71718697284208632</v>
      </c>
      <c r="K6586" s="59">
        <f>Bühler!K6612</f>
        <v>1.0757804592631293</v>
      </c>
      <c r="L6586" s="59">
        <f>Bühler!L6612</f>
        <v>5.1637462044630205</v>
      </c>
      <c r="M6586" s="58">
        <f>Bühler!M6612</f>
        <v>0</v>
      </c>
      <c r="N6586" s="56">
        <f>IF(Input!$D$19=1,J6586*Input!$C$19,0)+IF(Input!$D$20=1,K6586*Input!$C$20,0)+IF(Input!$D$21=1,L6586*Input!$C$21,0)+IF(Input!$D$22=1,M6586*Input!$C$22,0)</f>
        <v>0.21515609185262588</v>
      </c>
      <c r="O6586" s="59">
        <f>IF(Input!$D$19=2,J6586*Input!$C$19,0)+IF(Input!$D$20=2,K6586*Input!$C$20,0)+IF(Input!$D$21=2,L6586*Input!$C$21,0)+IF(Input!$D$22=2,M6586*Input!$C$22,0)</f>
        <v>0.53789022963156463</v>
      </c>
      <c r="P6586" s="59">
        <f>IF(Input!$D$19=3,J6586*Input!$C$19,0)+IF(Input!$D$20=3,K6586*Input!$C$20,0)+IF(Input!$D$21=3,L6586*Input!$C$21,0)+IF(Input!$D$22=3,M6586*Input!$C$22,0)</f>
        <v>0</v>
      </c>
      <c r="Q6586" s="75">
        <f>IF(Input!$D$19=4,J6586*Input!$C$19,0)+IF(Input!$D$20=4,K6586*Input!$C$20,0)+IF(Input!$D$21=4,L6586*Input!$C$21,0)+IF(Input!$D$22=4,M6586*Input!$C$22,0)</f>
        <v>0</v>
      </c>
      <c r="R6586" s="58">
        <v>59.254733058436081</v>
      </c>
      <c r="S6586" s="124">
        <f t="shared" si="102"/>
        <v>0.93234306469471218</v>
      </c>
    </row>
    <row r="6587" spans="8:19" x14ac:dyDescent="0.3">
      <c r="H6587" s="44">
        <v>6580</v>
      </c>
      <c r="I6587" s="56">
        <f>Bühler!I6613</f>
        <v>0.21515609185262585</v>
      </c>
      <c r="J6587" s="59">
        <f>Bühler!J6613</f>
        <v>0.71718697284208632</v>
      </c>
      <c r="K6587" s="59">
        <f>Bühler!K6613</f>
        <v>1.0757804592631293</v>
      </c>
      <c r="L6587" s="59">
        <f>Bühler!L6613</f>
        <v>5.1637462044630205</v>
      </c>
      <c r="M6587" s="58">
        <f>Bühler!M6613</f>
        <v>0</v>
      </c>
      <c r="N6587" s="56">
        <f>IF(Input!$D$19=1,J6587*Input!$C$19,0)+IF(Input!$D$20=1,K6587*Input!$C$20,0)+IF(Input!$D$21=1,L6587*Input!$C$21,0)+IF(Input!$D$22=1,M6587*Input!$C$22,0)</f>
        <v>0.21515609185262588</v>
      </c>
      <c r="O6587" s="59">
        <f>IF(Input!$D$19=2,J6587*Input!$C$19,0)+IF(Input!$D$20=2,K6587*Input!$C$20,0)+IF(Input!$D$21=2,L6587*Input!$C$21,0)+IF(Input!$D$22=2,M6587*Input!$C$22,0)</f>
        <v>0.53789022963156463</v>
      </c>
      <c r="P6587" s="59">
        <f>IF(Input!$D$19=3,J6587*Input!$C$19,0)+IF(Input!$D$20=3,K6587*Input!$C$20,0)+IF(Input!$D$21=3,L6587*Input!$C$21,0)+IF(Input!$D$22=3,M6587*Input!$C$22,0)</f>
        <v>0</v>
      </c>
      <c r="Q6587" s="75">
        <f>IF(Input!$D$19=4,J6587*Input!$C$19,0)+IF(Input!$D$20=4,K6587*Input!$C$20,0)+IF(Input!$D$21=4,L6587*Input!$C$21,0)+IF(Input!$D$22=4,M6587*Input!$C$22,0)</f>
        <v>0</v>
      </c>
      <c r="R6587" s="58">
        <v>60.074465860358814</v>
      </c>
      <c r="S6587" s="124">
        <f t="shared" si="102"/>
        <v>0.93234306469471218</v>
      </c>
    </row>
    <row r="6588" spans="8:19" x14ac:dyDescent="0.3">
      <c r="H6588" s="44">
        <v>6581</v>
      </c>
      <c r="I6588" s="56">
        <f>Bühler!I6614</f>
        <v>0.21515609185262585</v>
      </c>
      <c r="J6588" s="59">
        <f>Bühler!J6614</f>
        <v>0.71718697284208632</v>
      </c>
      <c r="K6588" s="59">
        <f>Bühler!K6614</f>
        <v>1.0757804592631293</v>
      </c>
      <c r="L6588" s="59">
        <f>Bühler!L6614</f>
        <v>5.1637462044630205</v>
      </c>
      <c r="M6588" s="58">
        <f>Bühler!M6614</f>
        <v>0</v>
      </c>
      <c r="N6588" s="56">
        <f>IF(Input!$D$19=1,J6588*Input!$C$19,0)+IF(Input!$D$20=1,K6588*Input!$C$20,0)+IF(Input!$D$21=1,L6588*Input!$C$21,0)+IF(Input!$D$22=1,M6588*Input!$C$22,0)</f>
        <v>0.21515609185262588</v>
      </c>
      <c r="O6588" s="59">
        <f>IF(Input!$D$19=2,J6588*Input!$C$19,0)+IF(Input!$D$20=2,K6588*Input!$C$20,0)+IF(Input!$D$21=2,L6588*Input!$C$21,0)+IF(Input!$D$22=2,M6588*Input!$C$22,0)</f>
        <v>0.53789022963156463</v>
      </c>
      <c r="P6588" s="59">
        <f>IF(Input!$D$19=3,J6588*Input!$C$19,0)+IF(Input!$D$20=3,K6588*Input!$C$20,0)+IF(Input!$D$21=3,L6588*Input!$C$21,0)+IF(Input!$D$22=3,M6588*Input!$C$22,0)</f>
        <v>0</v>
      </c>
      <c r="Q6588" s="75">
        <f>IF(Input!$D$19=4,J6588*Input!$C$19,0)+IF(Input!$D$20=4,K6588*Input!$C$20,0)+IF(Input!$D$21=4,L6588*Input!$C$21,0)+IF(Input!$D$22=4,M6588*Input!$C$22,0)</f>
        <v>0</v>
      </c>
      <c r="R6588" s="58">
        <v>61.945535209488007</v>
      </c>
      <c r="S6588" s="124">
        <f t="shared" si="102"/>
        <v>0.93234306469471218</v>
      </c>
    </row>
    <row r="6589" spans="8:19" x14ac:dyDescent="0.3">
      <c r="H6589" s="44">
        <v>6582</v>
      </c>
      <c r="I6589" s="56">
        <f>Bühler!I6615</f>
        <v>0.27970291940841358</v>
      </c>
      <c r="J6589" s="59">
        <f>Bühler!J6615</f>
        <v>0.93234306469471206</v>
      </c>
      <c r="K6589" s="59">
        <f>Bühler!K6615</f>
        <v>1.398514597042068</v>
      </c>
      <c r="L6589" s="59">
        <f>Bühler!L6615</f>
        <v>6.7128700658019262</v>
      </c>
      <c r="M6589" s="58">
        <f>Bühler!M6615</f>
        <v>0</v>
      </c>
      <c r="N6589" s="56">
        <f>IF(Input!$D$19=1,J6589*Input!$C$19,0)+IF(Input!$D$20=1,K6589*Input!$C$20,0)+IF(Input!$D$21=1,L6589*Input!$C$21,0)+IF(Input!$D$22=1,M6589*Input!$C$22,0)</f>
        <v>0.27970291940841363</v>
      </c>
      <c r="O6589" s="59">
        <f>IF(Input!$D$19=2,J6589*Input!$C$19,0)+IF(Input!$D$20=2,K6589*Input!$C$20,0)+IF(Input!$D$21=2,L6589*Input!$C$21,0)+IF(Input!$D$22=2,M6589*Input!$C$22,0)</f>
        <v>0.69925729852103402</v>
      </c>
      <c r="P6589" s="59">
        <f>IF(Input!$D$19=3,J6589*Input!$C$19,0)+IF(Input!$D$20=3,K6589*Input!$C$20,0)+IF(Input!$D$21=3,L6589*Input!$C$21,0)+IF(Input!$D$22=3,M6589*Input!$C$22,0)</f>
        <v>0</v>
      </c>
      <c r="Q6589" s="75">
        <f>IF(Input!$D$19=4,J6589*Input!$C$19,0)+IF(Input!$D$20=4,K6589*Input!$C$20,0)+IF(Input!$D$21=4,L6589*Input!$C$21,0)+IF(Input!$D$22=4,M6589*Input!$C$22,0)</f>
        <v>0</v>
      </c>
      <c r="R6589" s="58">
        <v>65.011449967298162</v>
      </c>
      <c r="S6589" s="124">
        <f t="shared" si="102"/>
        <v>1.2120459841031257</v>
      </c>
    </row>
    <row r="6590" spans="8:19" x14ac:dyDescent="0.3">
      <c r="H6590" s="44">
        <v>6583</v>
      </c>
      <c r="I6590" s="56">
        <f>Bühler!I6616</f>
        <v>0.31197633318630746</v>
      </c>
      <c r="J6590" s="59">
        <f>Bühler!J6616</f>
        <v>1.0399211106210249</v>
      </c>
      <c r="K6590" s="59">
        <f>Bühler!K6616</f>
        <v>1.5598816659315373</v>
      </c>
      <c r="L6590" s="59">
        <f>Bühler!L6616</f>
        <v>7.4874319964713791</v>
      </c>
      <c r="M6590" s="58">
        <f>Bühler!M6616</f>
        <v>0</v>
      </c>
      <c r="N6590" s="56">
        <f>IF(Input!$D$19=1,J6590*Input!$C$19,0)+IF(Input!$D$20=1,K6590*Input!$C$20,0)+IF(Input!$D$21=1,L6590*Input!$C$21,0)+IF(Input!$D$22=1,M6590*Input!$C$22,0)</f>
        <v>0.31197633318630746</v>
      </c>
      <c r="O6590" s="59">
        <f>IF(Input!$D$19=2,J6590*Input!$C$19,0)+IF(Input!$D$20=2,K6590*Input!$C$20,0)+IF(Input!$D$21=2,L6590*Input!$C$21,0)+IF(Input!$D$22=2,M6590*Input!$C$22,0)</f>
        <v>0.77994083296576866</v>
      </c>
      <c r="P6590" s="59">
        <f>IF(Input!$D$19=3,J6590*Input!$C$19,0)+IF(Input!$D$20=3,K6590*Input!$C$20,0)+IF(Input!$D$21=3,L6590*Input!$C$21,0)+IF(Input!$D$22=3,M6590*Input!$C$22,0)</f>
        <v>0</v>
      </c>
      <c r="Q6590" s="75">
        <f>IF(Input!$D$19=4,J6590*Input!$C$19,0)+IF(Input!$D$20=4,K6590*Input!$C$20,0)+IF(Input!$D$21=4,L6590*Input!$C$21,0)+IF(Input!$D$22=4,M6590*Input!$C$22,0)</f>
        <v>0</v>
      </c>
      <c r="R6590" s="58">
        <v>68.101604073122246</v>
      </c>
      <c r="S6590" s="124">
        <f t="shared" si="102"/>
        <v>1.3518974438073323</v>
      </c>
    </row>
    <row r="6591" spans="8:19" x14ac:dyDescent="0.3">
      <c r="H6591" s="44">
        <v>6584</v>
      </c>
      <c r="I6591" s="56">
        <f>Bühler!I6617</f>
        <v>0.32273413777893878</v>
      </c>
      <c r="J6591" s="59">
        <f>Bühler!J6617</f>
        <v>1.0757804592631295</v>
      </c>
      <c r="K6591" s="59">
        <f>Bühler!K6617</f>
        <v>1.6136706888946939</v>
      </c>
      <c r="L6591" s="59">
        <f>Bühler!L6617</f>
        <v>7.7456193066945307</v>
      </c>
      <c r="M6591" s="58">
        <f>Bühler!M6617</f>
        <v>0</v>
      </c>
      <c r="N6591" s="56">
        <f>IF(Input!$D$19=1,J6591*Input!$C$19,0)+IF(Input!$D$20=1,K6591*Input!$C$20,0)+IF(Input!$D$21=1,L6591*Input!$C$21,0)+IF(Input!$D$22=1,M6591*Input!$C$22,0)</f>
        <v>0.32273413777893883</v>
      </c>
      <c r="O6591" s="59">
        <f>IF(Input!$D$19=2,J6591*Input!$C$19,0)+IF(Input!$D$20=2,K6591*Input!$C$20,0)+IF(Input!$D$21=2,L6591*Input!$C$21,0)+IF(Input!$D$22=2,M6591*Input!$C$22,0)</f>
        <v>0.80683534444734695</v>
      </c>
      <c r="P6591" s="59">
        <f>IF(Input!$D$19=3,J6591*Input!$C$19,0)+IF(Input!$D$20=3,K6591*Input!$C$20,0)+IF(Input!$D$21=3,L6591*Input!$C$21,0)+IF(Input!$D$22=3,M6591*Input!$C$22,0)</f>
        <v>0</v>
      </c>
      <c r="Q6591" s="75">
        <f>IF(Input!$D$19=4,J6591*Input!$C$19,0)+IF(Input!$D$20=4,K6591*Input!$C$20,0)+IF(Input!$D$21=4,L6591*Input!$C$21,0)+IF(Input!$D$22=4,M6591*Input!$C$22,0)</f>
        <v>0</v>
      </c>
      <c r="R6591" s="58">
        <v>70.14195919215004</v>
      </c>
      <c r="S6591" s="124">
        <f t="shared" si="102"/>
        <v>1.3985145970420683</v>
      </c>
    </row>
    <row r="6592" spans="8:19" x14ac:dyDescent="0.3">
      <c r="H6592" s="44">
        <v>6585</v>
      </c>
      <c r="I6592" s="56">
        <f>Bühler!I6618</f>
        <v>0.32273413777893878</v>
      </c>
      <c r="J6592" s="59">
        <f>Bühler!J6618</f>
        <v>1.0757804592631295</v>
      </c>
      <c r="K6592" s="59">
        <f>Bühler!K6618</f>
        <v>1.6136706888946939</v>
      </c>
      <c r="L6592" s="59">
        <f>Bühler!L6618</f>
        <v>7.7456193066945307</v>
      </c>
      <c r="M6592" s="58">
        <f>Bühler!M6618</f>
        <v>0</v>
      </c>
      <c r="N6592" s="56">
        <f>IF(Input!$D$19=1,J6592*Input!$C$19,0)+IF(Input!$D$20=1,K6592*Input!$C$20,0)+IF(Input!$D$21=1,L6592*Input!$C$21,0)+IF(Input!$D$22=1,M6592*Input!$C$22,0)</f>
        <v>0.32273413777893883</v>
      </c>
      <c r="O6592" s="59">
        <f>IF(Input!$D$19=2,J6592*Input!$C$19,0)+IF(Input!$D$20=2,K6592*Input!$C$20,0)+IF(Input!$D$21=2,L6592*Input!$C$21,0)+IF(Input!$D$22=2,M6592*Input!$C$22,0)</f>
        <v>0.80683534444734695</v>
      </c>
      <c r="P6592" s="59">
        <f>IF(Input!$D$19=3,J6592*Input!$C$19,0)+IF(Input!$D$20=3,K6592*Input!$C$20,0)+IF(Input!$D$21=3,L6592*Input!$C$21,0)+IF(Input!$D$22=3,M6592*Input!$C$22,0)</f>
        <v>0</v>
      </c>
      <c r="Q6592" s="75">
        <f>IF(Input!$D$19=4,J6592*Input!$C$19,0)+IF(Input!$D$20=4,K6592*Input!$C$20,0)+IF(Input!$D$21=4,L6592*Input!$C$21,0)+IF(Input!$D$22=4,M6592*Input!$C$22,0)</f>
        <v>0</v>
      </c>
      <c r="R6592" s="58">
        <v>70.959178257756719</v>
      </c>
      <c r="S6592" s="124">
        <f t="shared" si="102"/>
        <v>1.3985145970420683</v>
      </c>
    </row>
    <row r="6593" spans="8:19" x14ac:dyDescent="0.3">
      <c r="H6593" s="44">
        <v>6586</v>
      </c>
      <c r="I6593" s="56">
        <f>Bühler!I6619</f>
        <v>0.34962864926051695</v>
      </c>
      <c r="J6593" s="59">
        <f>Bühler!J6619</f>
        <v>1.16542883086839</v>
      </c>
      <c r="K6593" s="59">
        <f>Bühler!K6619</f>
        <v>1.7481432463025848</v>
      </c>
      <c r="L6593" s="59">
        <f>Bühler!L6619</f>
        <v>8.3910875822524069</v>
      </c>
      <c r="M6593" s="58">
        <f>Bühler!M6619</f>
        <v>0</v>
      </c>
      <c r="N6593" s="56">
        <f>IF(Input!$D$19=1,J6593*Input!$C$19,0)+IF(Input!$D$20=1,K6593*Input!$C$20,0)+IF(Input!$D$21=1,L6593*Input!$C$21,0)+IF(Input!$D$22=1,M6593*Input!$C$22,0)</f>
        <v>0.34962864926051701</v>
      </c>
      <c r="O6593" s="59">
        <f>IF(Input!$D$19=2,J6593*Input!$C$19,0)+IF(Input!$D$20=2,K6593*Input!$C$20,0)+IF(Input!$D$21=2,L6593*Input!$C$21,0)+IF(Input!$D$22=2,M6593*Input!$C$22,0)</f>
        <v>0.87407162315129239</v>
      </c>
      <c r="P6593" s="59">
        <f>IF(Input!$D$19=3,J6593*Input!$C$19,0)+IF(Input!$D$20=3,K6593*Input!$C$20,0)+IF(Input!$D$21=3,L6593*Input!$C$21,0)+IF(Input!$D$22=3,M6593*Input!$C$22,0)</f>
        <v>0</v>
      </c>
      <c r="Q6593" s="75">
        <f>IF(Input!$D$19=4,J6593*Input!$C$19,0)+IF(Input!$D$20=4,K6593*Input!$C$20,0)+IF(Input!$D$21=4,L6593*Input!$C$21,0)+IF(Input!$D$22=4,M6593*Input!$C$22,0)</f>
        <v>0</v>
      </c>
      <c r="R6593" s="58">
        <v>71.300475342662551</v>
      </c>
      <c r="S6593" s="124">
        <f t="shared" si="102"/>
        <v>1.515057480128907</v>
      </c>
    </row>
    <row r="6594" spans="8:19" x14ac:dyDescent="0.3">
      <c r="H6594" s="44">
        <v>6587</v>
      </c>
      <c r="I6594" s="56">
        <f>Bühler!I6620</f>
        <v>0.36576535614946387</v>
      </c>
      <c r="J6594" s="59">
        <f>Bühler!J6620</f>
        <v>1.2192178538315463</v>
      </c>
      <c r="K6594" s="59">
        <f>Bühler!K6620</f>
        <v>1.8288267807473195</v>
      </c>
      <c r="L6594" s="59">
        <f>Bühler!L6620</f>
        <v>8.7783685475871334</v>
      </c>
      <c r="M6594" s="58">
        <f>Bühler!M6620</f>
        <v>0</v>
      </c>
      <c r="N6594" s="56">
        <f>IF(Input!$D$19=1,J6594*Input!$C$19,0)+IF(Input!$D$20=1,K6594*Input!$C$20,0)+IF(Input!$D$21=1,L6594*Input!$C$21,0)+IF(Input!$D$22=1,M6594*Input!$C$22,0)</f>
        <v>0.36576535614946387</v>
      </c>
      <c r="O6594" s="59">
        <f>IF(Input!$D$19=2,J6594*Input!$C$19,0)+IF(Input!$D$20=2,K6594*Input!$C$20,0)+IF(Input!$D$21=2,L6594*Input!$C$21,0)+IF(Input!$D$22=2,M6594*Input!$C$22,0)</f>
        <v>0.91441339037365976</v>
      </c>
      <c r="P6594" s="59">
        <f>IF(Input!$D$19=3,J6594*Input!$C$19,0)+IF(Input!$D$20=3,K6594*Input!$C$20,0)+IF(Input!$D$21=3,L6594*Input!$C$21,0)+IF(Input!$D$22=3,M6594*Input!$C$22,0)</f>
        <v>0</v>
      </c>
      <c r="Q6594" s="75">
        <f>IF(Input!$D$19=4,J6594*Input!$C$19,0)+IF(Input!$D$20=4,K6594*Input!$C$20,0)+IF(Input!$D$21=4,L6594*Input!$C$21,0)+IF(Input!$D$22=4,M6594*Input!$C$22,0)</f>
        <v>0</v>
      </c>
      <c r="R6594" s="58">
        <v>71.665542457979839</v>
      </c>
      <c r="S6594" s="124">
        <f t="shared" si="102"/>
        <v>1.5849832099810102</v>
      </c>
    </row>
    <row r="6595" spans="8:19" x14ac:dyDescent="0.3">
      <c r="H6595" s="44">
        <v>6588</v>
      </c>
      <c r="I6595" s="56">
        <f>Bühler!I6621</f>
        <v>0.43031218370525171</v>
      </c>
      <c r="J6595" s="59">
        <f>Bühler!J6621</f>
        <v>1.4343739456841726</v>
      </c>
      <c r="K6595" s="59">
        <f>Bühler!K6621</f>
        <v>2.1515609185262585</v>
      </c>
      <c r="L6595" s="59">
        <f>Bühler!L6621</f>
        <v>10.327492408926041</v>
      </c>
      <c r="M6595" s="58">
        <f>Bühler!M6621</f>
        <v>0</v>
      </c>
      <c r="N6595" s="56">
        <f>IF(Input!$D$19=1,J6595*Input!$C$19,0)+IF(Input!$D$20=1,K6595*Input!$C$20,0)+IF(Input!$D$21=1,L6595*Input!$C$21,0)+IF(Input!$D$22=1,M6595*Input!$C$22,0)</f>
        <v>0.43031218370525176</v>
      </c>
      <c r="O6595" s="59">
        <f>IF(Input!$D$19=2,J6595*Input!$C$19,0)+IF(Input!$D$20=2,K6595*Input!$C$20,0)+IF(Input!$D$21=2,L6595*Input!$C$21,0)+IF(Input!$D$22=2,M6595*Input!$C$22,0)</f>
        <v>1.0757804592631293</v>
      </c>
      <c r="P6595" s="59">
        <f>IF(Input!$D$19=3,J6595*Input!$C$19,0)+IF(Input!$D$20=3,K6595*Input!$C$20,0)+IF(Input!$D$21=3,L6595*Input!$C$21,0)+IF(Input!$D$22=3,M6595*Input!$C$22,0)</f>
        <v>0</v>
      </c>
      <c r="Q6595" s="75">
        <f>IF(Input!$D$19=4,J6595*Input!$C$19,0)+IF(Input!$D$20=4,K6595*Input!$C$20,0)+IF(Input!$D$21=4,L6595*Input!$C$21,0)+IF(Input!$D$22=4,M6595*Input!$C$22,0)</f>
        <v>0</v>
      </c>
      <c r="R6595" s="58">
        <v>72.055263183141648</v>
      </c>
      <c r="S6595" s="124">
        <f t="shared" si="102"/>
        <v>1.8646861293894244</v>
      </c>
    </row>
    <row r="6596" spans="8:19" x14ac:dyDescent="0.3">
      <c r="H6596" s="44">
        <v>6589</v>
      </c>
      <c r="I6596" s="56">
        <f>Bühler!I6622</f>
        <v>0.43031218370525171</v>
      </c>
      <c r="J6596" s="59">
        <f>Bühler!J6622</f>
        <v>1.4343739456841726</v>
      </c>
      <c r="K6596" s="59">
        <f>Bühler!K6622</f>
        <v>2.1515609185262585</v>
      </c>
      <c r="L6596" s="59">
        <f>Bühler!L6622</f>
        <v>10.327492408926041</v>
      </c>
      <c r="M6596" s="58">
        <f>Bühler!M6622</f>
        <v>0</v>
      </c>
      <c r="N6596" s="56">
        <f>IF(Input!$D$19=1,J6596*Input!$C$19,0)+IF(Input!$D$20=1,K6596*Input!$C$20,0)+IF(Input!$D$21=1,L6596*Input!$C$21,0)+IF(Input!$D$22=1,M6596*Input!$C$22,0)</f>
        <v>0.43031218370525176</v>
      </c>
      <c r="O6596" s="59">
        <f>IF(Input!$D$19=2,J6596*Input!$C$19,0)+IF(Input!$D$20=2,K6596*Input!$C$20,0)+IF(Input!$D$21=2,L6596*Input!$C$21,0)+IF(Input!$D$22=2,M6596*Input!$C$22,0)</f>
        <v>1.0757804592631293</v>
      </c>
      <c r="P6596" s="59">
        <f>IF(Input!$D$19=3,J6596*Input!$C$19,0)+IF(Input!$D$20=3,K6596*Input!$C$20,0)+IF(Input!$D$21=3,L6596*Input!$C$21,0)+IF(Input!$D$22=3,M6596*Input!$C$22,0)</f>
        <v>0</v>
      </c>
      <c r="Q6596" s="75">
        <f>IF(Input!$D$19=4,J6596*Input!$C$19,0)+IF(Input!$D$20=4,K6596*Input!$C$20,0)+IF(Input!$D$21=4,L6596*Input!$C$21,0)+IF(Input!$D$22=4,M6596*Input!$C$22,0)</f>
        <v>0</v>
      </c>
      <c r="R6596" s="58">
        <v>71.211227621979262</v>
      </c>
      <c r="S6596" s="124">
        <f t="shared" si="102"/>
        <v>1.8646861293894244</v>
      </c>
    </row>
    <row r="6597" spans="8:19" x14ac:dyDescent="0.3">
      <c r="H6597" s="44">
        <v>6590</v>
      </c>
      <c r="I6597" s="56">
        <f>Bühler!I6623</f>
        <v>0.43031218370525171</v>
      </c>
      <c r="J6597" s="59">
        <f>Bühler!J6623</f>
        <v>1.4343739456841726</v>
      </c>
      <c r="K6597" s="59">
        <f>Bühler!K6623</f>
        <v>2.1515609185262585</v>
      </c>
      <c r="L6597" s="59">
        <f>Bühler!L6623</f>
        <v>10.327492408926041</v>
      </c>
      <c r="M6597" s="58">
        <f>Bühler!M6623</f>
        <v>0</v>
      </c>
      <c r="N6597" s="56">
        <f>IF(Input!$D$19=1,J6597*Input!$C$19,0)+IF(Input!$D$20=1,K6597*Input!$C$20,0)+IF(Input!$D$21=1,L6597*Input!$C$21,0)+IF(Input!$D$22=1,M6597*Input!$C$22,0)</f>
        <v>0.43031218370525176</v>
      </c>
      <c r="O6597" s="59">
        <f>IF(Input!$D$19=2,J6597*Input!$C$19,0)+IF(Input!$D$20=2,K6597*Input!$C$20,0)+IF(Input!$D$21=2,L6597*Input!$C$21,0)+IF(Input!$D$22=2,M6597*Input!$C$22,0)</f>
        <v>1.0757804592631293</v>
      </c>
      <c r="P6597" s="59">
        <f>IF(Input!$D$19=3,J6597*Input!$C$19,0)+IF(Input!$D$20=3,K6597*Input!$C$20,0)+IF(Input!$D$21=3,L6597*Input!$C$21,0)+IF(Input!$D$22=3,M6597*Input!$C$22,0)</f>
        <v>0</v>
      </c>
      <c r="Q6597" s="75">
        <f>IF(Input!$D$19=4,J6597*Input!$C$19,0)+IF(Input!$D$20=4,K6597*Input!$C$20,0)+IF(Input!$D$21=4,L6597*Input!$C$21,0)+IF(Input!$D$22=4,M6597*Input!$C$22,0)</f>
        <v>0</v>
      </c>
      <c r="R6597" s="58">
        <v>71.102465542795414</v>
      </c>
      <c r="S6597" s="124">
        <f t="shared" si="102"/>
        <v>1.8646861293894244</v>
      </c>
    </row>
    <row r="6598" spans="8:19" x14ac:dyDescent="0.3">
      <c r="H6598" s="44">
        <v>6591</v>
      </c>
      <c r="I6598" s="56">
        <f>Bühler!I6624</f>
        <v>0.43031218370525171</v>
      </c>
      <c r="J6598" s="59">
        <f>Bühler!J6624</f>
        <v>1.4343739456841726</v>
      </c>
      <c r="K6598" s="59">
        <f>Bühler!K6624</f>
        <v>2.1515609185262585</v>
      </c>
      <c r="L6598" s="59">
        <f>Bühler!L6624</f>
        <v>10.327492408926041</v>
      </c>
      <c r="M6598" s="58">
        <f>Bühler!M6624</f>
        <v>0</v>
      </c>
      <c r="N6598" s="56">
        <f>IF(Input!$D$19=1,J6598*Input!$C$19,0)+IF(Input!$D$20=1,K6598*Input!$C$20,0)+IF(Input!$D$21=1,L6598*Input!$C$21,0)+IF(Input!$D$22=1,M6598*Input!$C$22,0)</f>
        <v>0.43031218370525176</v>
      </c>
      <c r="O6598" s="59">
        <f>IF(Input!$D$19=2,J6598*Input!$C$19,0)+IF(Input!$D$20=2,K6598*Input!$C$20,0)+IF(Input!$D$21=2,L6598*Input!$C$21,0)+IF(Input!$D$22=2,M6598*Input!$C$22,0)</f>
        <v>1.0757804592631293</v>
      </c>
      <c r="P6598" s="59">
        <f>IF(Input!$D$19=3,J6598*Input!$C$19,0)+IF(Input!$D$20=3,K6598*Input!$C$20,0)+IF(Input!$D$21=3,L6598*Input!$C$21,0)+IF(Input!$D$22=3,M6598*Input!$C$22,0)</f>
        <v>0</v>
      </c>
      <c r="Q6598" s="75">
        <f>IF(Input!$D$19=4,J6598*Input!$C$19,0)+IF(Input!$D$20=4,K6598*Input!$C$20,0)+IF(Input!$D$21=4,L6598*Input!$C$21,0)+IF(Input!$D$22=4,M6598*Input!$C$22,0)</f>
        <v>0</v>
      </c>
      <c r="R6598" s="58">
        <v>70.945414608985999</v>
      </c>
      <c r="S6598" s="124">
        <f t="shared" si="102"/>
        <v>1.8646861293894244</v>
      </c>
    </row>
    <row r="6599" spans="8:19" x14ac:dyDescent="0.3">
      <c r="H6599" s="44">
        <v>6592</v>
      </c>
      <c r="I6599" s="56">
        <f>Bühler!I6625</f>
        <v>0.43031218370525171</v>
      </c>
      <c r="J6599" s="59">
        <f>Bühler!J6625</f>
        <v>1.4343739456841726</v>
      </c>
      <c r="K6599" s="59">
        <f>Bühler!K6625</f>
        <v>2.1515609185262585</v>
      </c>
      <c r="L6599" s="59">
        <f>Bühler!L6625</f>
        <v>10.327492408926041</v>
      </c>
      <c r="M6599" s="58">
        <f>Bühler!M6625</f>
        <v>0</v>
      </c>
      <c r="N6599" s="56">
        <f>IF(Input!$D$19=1,J6599*Input!$C$19,0)+IF(Input!$D$20=1,K6599*Input!$C$20,0)+IF(Input!$D$21=1,L6599*Input!$C$21,0)+IF(Input!$D$22=1,M6599*Input!$C$22,0)</f>
        <v>0.43031218370525176</v>
      </c>
      <c r="O6599" s="59">
        <f>IF(Input!$D$19=2,J6599*Input!$C$19,0)+IF(Input!$D$20=2,K6599*Input!$C$20,0)+IF(Input!$D$21=2,L6599*Input!$C$21,0)+IF(Input!$D$22=2,M6599*Input!$C$22,0)</f>
        <v>1.0757804592631293</v>
      </c>
      <c r="P6599" s="59">
        <f>IF(Input!$D$19=3,J6599*Input!$C$19,0)+IF(Input!$D$20=3,K6599*Input!$C$20,0)+IF(Input!$D$21=3,L6599*Input!$C$21,0)+IF(Input!$D$22=3,M6599*Input!$C$22,0)</f>
        <v>0</v>
      </c>
      <c r="Q6599" s="75">
        <f>IF(Input!$D$19=4,J6599*Input!$C$19,0)+IF(Input!$D$20=4,K6599*Input!$C$20,0)+IF(Input!$D$21=4,L6599*Input!$C$21,0)+IF(Input!$D$22=4,M6599*Input!$C$22,0)</f>
        <v>0</v>
      </c>
      <c r="R6599" s="58">
        <v>70.287339792959429</v>
      </c>
      <c r="S6599" s="124">
        <f t="shared" si="102"/>
        <v>1.8646861293894244</v>
      </c>
    </row>
    <row r="6600" spans="8:19" x14ac:dyDescent="0.3">
      <c r="H6600" s="44">
        <v>6593</v>
      </c>
      <c r="I6600" s="56">
        <f>Bühler!I6626</f>
        <v>0.43031218370525171</v>
      </c>
      <c r="J6600" s="59">
        <f>Bühler!J6626</f>
        <v>1.4343739456841726</v>
      </c>
      <c r="K6600" s="59">
        <f>Bühler!K6626</f>
        <v>2.1515609185262585</v>
      </c>
      <c r="L6600" s="59">
        <f>Bühler!L6626</f>
        <v>10.327492408926041</v>
      </c>
      <c r="M6600" s="58">
        <f>Bühler!M6626</f>
        <v>0</v>
      </c>
      <c r="N6600" s="56">
        <f>IF(Input!$D$19=1,J6600*Input!$C$19,0)+IF(Input!$D$20=1,K6600*Input!$C$20,0)+IF(Input!$D$21=1,L6600*Input!$C$21,0)+IF(Input!$D$22=1,M6600*Input!$C$22,0)</f>
        <v>0.43031218370525176</v>
      </c>
      <c r="O6600" s="59">
        <f>IF(Input!$D$19=2,J6600*Input!$C$19,0)+IF(Input!$D$20=2,K6600*Input!$C$20,0)+IF(Input!$D$21=2,L6600*Input!$C$21,0)+IF(Input!$D$22=2,M6600*Input!$C$22,0)</f>
        <v>1.0757804592631293</v>
      </c>
      <c r="P6600" s="59">
        <f>IF(Input!$D$19=3,J6600*Input!$C$19,0)+IF(Input!$D$20=3,K6600*Input!$C$20,0)+IF(Input!$D$21=3,L6600*Input!$C$21,0)+IF(Input!$D$22=3,M6600*Input!$C$22,0)</f>
        <v>0</v>
      </c>
      <c r="Q6600" s="75">
        <f>IF(Input!$D$19=4,J6600*Input!$C$19,0)+IF(Input!$D$20=4,K6600*Input!$C$20,0)+IF(Input!$D$21=4,L6600*Input!$C$21,0)+IF(Input!$D$22=4,M6600*Input!$C$22,0)</f>
        <v>0</v>
      </c>
      <c r="R6600" s="58">
        <v>68.793383554135204</v>
      </c>
      <c r="S6600" s="124">
        <f t="shared" si="102"/>
        <v>1.8646861293894244</v>
      </c>
    </row>
    <row r="6601" spans="8:19" x14ac:dyDescent="0.3">
      <c r="H6601" s="44">
        <v>6594</v>
      </c>
      <c r="I6601" s="56">
        <f>Bühler!I6627</f>
        <v>0.43031218370525171</v>
      </c>
      <c r="J6601" s="59">
        <f>Bühler!J6627</f>
        <v>1.4343739456841726</v>
      </c>
      <c r="K6601" s="59">
        <f>Bühler!K6627</f>
        <v>2.1515609185262585</v>
      </c>
      <c r="L6601" s="59">
        <f>Bühler!L6627</f>
        <v>10.327492408926041</v>
      </c>
      <c r="M6601" s="58">
        <f>Bühler!M6627</f>
        <v>0</v>
      </c>
      <c r="N6601" s="56">
        <f>IF(Input!$D$19=1,J6601*Input!$C$19,0)+IF(Input!$D$20=1,K6601*Input!$C$20,0)+IF(Input!$D$21=1,L6601*Input!$C$21,0)+IF(Input!$D$22=1,M6601*Input!$C$22,0)</f>
        <v>0.43031218370525176</v>
      </c>
      <c r="O6601" s="59">
        <f>IF(Input!$D$19=2,J6601*Input!$C$19,0)+IF(Input!$D$20=2,K6601*Input!$C$20,0)+IF(Input!$D$21=2,L6601*Input!$C$21,0)+IF(Input!$D$22=2,M6601*Input!$C$22,0)</f>
        <v>1.0757804592631293</v>
      </c>
      <c r="P6601" s="59">
        <f>IF(Input!$D$19=3,J6601*Input!$C$19,0)+IF(Input!$D$20=3,K6601*Input!$C$20,0)+IF(Input!$D$21=3,L6601*Input!$C$21,0)+IF(Input!$D$22=3,M6601*Input!$C$22,0)</f>
        <v>0</v>
      </c>
      <c r="Q6601" s="75">
        <f>IF(Input!$D$19=4,J6601*Input!$C$19,0)+IF(Input!$D$20=4,K6601*Input!$C$20,0)+IF(Input!$D$21=4,L6601*Input!$C$21,0)+IF(Input!$D$22=4,M6601*Input!$C$22,0)</f>
        <v>0</v>
      </c>
      <c r="R6601" s="58">
        <v>67.572627510541764</v>
      </c>
      <c r="S6601" s="124">
        <f t="shared" ref="S6601:S6664" si="103">I6601+J6601</f>
        <v>1.8646861293894244</v>
      </c>
    </row>
    <row r="6602" spans="8:19" x14ac:dyDescent="0.3">
      <c r="H6602" s="44">
        <v>6595</v>
      </c>
      <c r="I6602" s="56">
        <f>Bühler!I6628</f>
        <v>0.43031218370525171</v>
      </c>
      <c r="J6602" s="59">
        <f>Bühler!J6628</f>
        <v>1.4343739456841726</v>
      </c>
      <c r="K6602" s="59">
        <f>Bühler!K6628</f>
        <v>2.1515609185262585</v>
      </c>
      <c r="L6602" s="59">
        <f>Bühler!L6628</f>
        <v>10.327492408926041</v>
      </c>
      <c r="M6602" s="58">
        <f>Bühler!M6628</f>
        <v>0</v>
      </c>
      <c r="N6602" s="56">
        <f>IF(Input!$D$19=1,J6602*Input!$C$19,0)+IF(Input!$D$20=1,K6602*Input!$C$20,0)+IF(Input!$D$21=1,L6602*Input!$C$21,0)+IF(Input!$D$22=1,M6602*Input!$C$22,0)</f>
        <v>0.43031218370525176</v>
      </c>
      <c r="O6602" s="59">
        <f>IF(Input!$D$19=2,J6602*Input!$C$19,0)+IF(Input!$D$20=2,K6602*Input!$C$20,0)+IF(Input!$D$21=2,L6602*Input!$C$21,0)+IF(Input!$D$22=2,M6602*Input!$C$22,0)</f>
        <v>1.0757804592631293</v>
      </c>
      <c r="P6602" s="59">
        <f>IF(Input!$D$19=3,J6602*Input!$C$19,0)+IF(Input!$D$20=3,K6602*Input!$C$20,0)+IF(Input!$D$21=3,L6602*Input!$C$21,0)+IF(Input!$D$22=3,M6602*Input!$C$22,0)</f>
        <v>0</v>
      </c>
      <c r="Q6602" s="75">
        <f>IF(Input!$D$19=4,J6602*Input!$C$19,0)+IF(Input!$D$20=4,K6602*Input!$C$20,0)+IF(Input!$D$21=4,L6602*Input!$C$21,0)+IF(Input!$D$22=4,M6602*Input!$C$22,0)</f>
        <v>0</v>
      </c>
      <c r="R6602" s="58">
        <v>66.477445072236549</v>
      </c>
      <c r="S6602" s="124">
        <f t="shared" si="103"/>
        <v>1.8646861293894244</v>
      </c>
    </row>
    <row r="6603" spans="8:19" x14ac:dyDescent="0.3">
      <c r="H6603" s="44">
        <v>6596</v>
      </c>
      <c r="I6603" s="56">
        <f>Bühler!I6629</f>
        <v>0.36038645385314833</v>
      </c>
      <c r="J6603" s="59">
        <f>Bühler!J6629</f>
        <v>1.2012881795104944</v>
      </c>
      <c r="K6603" s="59">
        <f>Bühler!K6629</f>
        <v>1.8019322692657416</v>
      </c>
      <c r="L6603" s="59">
        <f>Bühler!L6629</f>
        <v>8.6492748924755585</v>
      </c>
      <c r="M6603" s="58">
        <f>Bühler!M6629</f>
        <v>0</v>
      </c>
      <c r="N6603" s="56">
        <f>IF(Input!$D$19=1,J6603*Input!$C$19,0)+IF(Input!$D$20=1,K6603*Input!$C$20,0)+IF(Input!$D$21=1,L6603*Input!$C$21,0)+IF(Input!$D$22=1,M6603*Input!$C$22,0)</f>
        <v>0.36038645385314833</v>
      </c>
      <c r="O6603" s="59">
        <f>IF(Input!$D$19=2,J6603*Input!$C$19,0)+IF(Input!$D$20=2,K6603*Input!$C$20,0)+IF(Input!$D$21=2,L6603*Input!$C$21,0)+IF(Input!$D$22=2,M6603*Input!$C$22,0)</f>
        <v>0.90096613463287079</v>
      </c>
      <c r="P6603" s="59">
        <f>IF(Input!$D$19=3,J6603*Input!$C$19,0)+IF(Input!$D$20=3,K6603*Input!$C$20,0)+IF(Input!$D$21=3,L6603*Input!$C$21,0)+IF(Input!$D$22=3,M6603*Input!$C$22,0)</f>
        <v>0</v>
      </c>
      <c r="Q6603" s="75">
        <f>IF(Input!$D$19=4,J6603*Input!$C$19,0)+IF(Input!$D$20=4,K6603*Input!$C$20,0)+IF(Input!$D$21=4,L6603*Input!$C$21,0)+IF(Input!$D$22=4,M6603*Input!$C$22,0)</f>
        <v>0</v>
      </c>
      <c r="R6603" s="58">
        <v>65.36440867670288</v>
      </c>
      <c r="S6603" s="124">
        <f t="shared" si="103"/>
        <v>1.5616746333636427</v>
      </c>
    </row>
    <row r="6604" spans="8:19" x14ac:dyDescent="0.3">
      <c r="H6604" s="44">
        <v>6597</v>
      </c>
      <c r="I6604" s="56">
        <f>Bühler!I6630</f>
        <v>0.29583962629736055</v>
      </c>
      <c r="J6604" s="59">
        <f>Bühler!J6630</f>
        <v>0.98613208765786853</v>
      </c>
      <c r="K6604" s="59">
        <f>Bühler!K6630</f>
        <v>1.4791981314868026</v>
      </c>
      <c r="L6604" s="59">
        <f>Bühler!L6630</f>
        <v>7.1001510311366527</v>
      </c>
      <c r="M6604" s="58">
        <f>Bühler!M6630</f>
        <v>0</v>
      </c>
      <c r="N6604" s="56">
        <f>IF(Input!$D$19=1,J6604*Input!$C$19,0)+IF(Input!$D$20=1,K6604*Input!$C$20,0)+IF(Input!$D$21=1,L6604*Input!$C$21,0)+IF(Input!$D$22=1,M6604*Input!$C$22,0)</f>
        <v>0.29583962629736055</v>
      </c>
      <c r="O6604" s="59">
        <f>IF(Input!$D$19=2,J6604*Input!$C$19,0)+IF(Input!$D$20=2,K6604*Input!$C$20,0)+IF(Input!$D$21=2,L6604*Input!$C$21,0)+IF(Input!$D$22=2,M6604*Input!$C$22,0)</f>
        <v>0.73959906574340128</v>
      </c>
      <c r="P6604" s="59">
        <f>IF(Input!$D$19=3,J6604*Input!$C$19,0)+IF(Input!$D$20=3,K6604*Input!$C$20,0)+IF(Input!$D$21=3,L6604*Input!$C$21,0)+IF(Input!$D$22=3,M6604*Input!$C$22,0)</f>
        <v>0</v>
      </c>
      <c r="Q6604" s="75">
        <f>IF(Input!$D$19=4,J6604*Input!$C$19,0)+IF(Input!$D$20=4,K6604*Input!$C$20,0)+IF(Input!$D$21=4,L6604*Input!$C$21,0)+IF(Input!$D$22=4,M6604*Input!$C$22,0)</f>
        <v>0</v>
      </c>
      <c r="R6604" s="58">
        <v>63.827568993066841</v>
      </c>
      <c r="S6604" s="124">
        <f t="shared" si="103"/>
        <v>1.2819717139552291</v>
      </c>
    </row>
    <row r="6605" spans="8:19" x14ac:dyDescent="0.3">
      <c r="H6605" s="44">
        <v>6598</v>
      </c>
      <c r="I6605" s="56">
        <f>Bühler!I6631</f>
        <v>0.21515609185262585</v>
      </c>
      <c r="J6605" s="59">
        <f>Bühler!J6631</f>
        <v>0.71718697284208632</v>
      </c>
      <c r="K6605" s="59">
        <f>Bühler!K6631</f>
        <v>1.0757804592631293</v>
      </c>
      <c r="L6605" s="59">
        <f>Bühler!L6631</f>
        <v>5.1637462044630205</v>
      </c>
      <c r="M6605" s="58">
        <f>Bühler!M6631</f>
        <v>0</v>
      </c>
      <c r="N6605" s="56">
        <f>IF(Input!$D$19=1,J6605*Input!$C$19,0)+IF(Input!$D$20=1,K6605*Input!$C$20,0)+IF(Input!$D$21=1,L6605*Input!$C$21,0)+IF(Input!$D$22=1,M6605*Input!$C$22,0)</f>
        <v>0.21515609185262588</v>
      </c>
      <c r="O6605" s="59">
        <f>IF(Input!$D$19=2,J6605*Input!$C$19,0)+IF(Input!$D$20=2,K6605*Input!$C$20,0)+IF(Input!$D$21=2,L6605*Input!$C$21,0)+IF(Input!$D$22=2,M6605*Input!$C$22,0)</f>
        <v>0.53789022963156463</v>
      </c>
      <c r="P6605" s="59">
        <f>IF(Input!$D$19=3,J6605*Input!$C$19,0)+IF(Input!$D$20=3,K6605*Input!$C$20,0)+IF(Input!$D$21=3,L6605*Input!$C$21,0)+IF(Input!$D$22=3,M6605*Input!$C$22,0)</f>
        <v>0</v>
      </c>
      <c r="Q6605" s="75">
        <f>IF(Input!$D$19=4,J6605*Input!$C$19,0)+IF(Input!$D$20=4,K6605*Input!$C$20,0)+IF(Input!$D$21=4,L6605*Input!$C$21,0)+IF(Input!$D$22=4,M6605*Input!$C$22,0)</f>
        <v>0</v>
      </c>
      <c r="R6605" s="58">
        <v>61.796972455671835</v>
      </c>
      <c r="S6605" s="124">
        <f t="shared" si="103"/>
        <v>0.93234306469471218</v>
      </c>
    </row>
    <row r="6606" spans="8:19" x14ac:dyDescent="0.3">
      <c r="H6606" s="44">
        <v>6599</v>
      </c>
      <c r="I6606" s="56">
        <f>Bühler!I6632</f>
        <v>0.21515609185262585</v>
      </c>
      <c r="J6606" s="59">
        <f>Bühler!J6632</f>
        <v>0.71718697284208632</v>
      </c>
      <c r="K6606" s="59">
        <f>Bühler!K6632</f>
        <v>1.0757804592631293</v>
      </c>
      <c r="L6606" s="59">
        <f>Bühler!L6632</f>
        <v>5.1637462044630205</v>
      </c>
      <c r="M6606" s="58">
        <f>Bühler!M6632</f>
        <v>0</v>
      </c>
      <c r="N6606" s="56">
        <f>IF(Input!$D$19=1,J6606*Input!$C$19,0)+IF(Input!$D$20=1,K6606*Input!$C$20,0)+IF(Input!$D$21=1,L6606*Input!$C$21,0)+IF(Input!$D$22=1,M6606*Input!$C$22,0)</f>
        <v>0.21515609185262588</v>
      </c>
      <c r="O6606" s="59">
        <f>IF(Input!$D$19=2,J6606*Input!$C$19,0)+IF(Input!$D$20=2,K6606*Input!$C$20,0)+IF(Input!$D$21=2,L6606*Input!$C$21,0)+IF(Input!$D$22=2,M6606*Input!$C$22,0)</f>
        <v>0.53789022963156463</v>
      </c>
      <c r="P6606" s="59">
        <f>IF(Input!$D$19=3,J6606*Input!$C$19,0)+IF(Input!$D$20=3,K6606*Input!$C$20,0)+IF(Input!$D$21=3,L6606*Input!$C$21,0)+IF(Input!$D$22=3,M6606*Input!$C$22,0)</f>
        <v>0</v>
      </c>
      <c r="Q6606" s="75">
        <f>IF(Input!$D$19=4,J6606*Input!$C$19,0)+IF(Input!$D$20=4,K6606*Input!$C$20,0)+IF(Input!$D$21=4,L6606*Input!$C$21,0)+IF(Input!$D$22=4,M6606*Input!$C$22,0)</f>
        <v>0</v>
      </c>
      <c r="R6606" s="58">
        <v>60.794598298968126</v>
      </c>
      <c r="S6606" s="124">
        <f t="shared" si="103"/>
        <v>0.93234306469471218</v>
      </c>
    </row>
    <row r="6607" spans="8:19" x14ac:dyDescent="0.3">
      <c r="H6607" s="44">
        <v>6600</v>
      </c>
      <c r="I6607" s="56">
        <f>Bühler!I6633</f>
        <v>0.21515609185262585</v>
      </c>
      <c r="J6607" s="59">
        <f>Bühler!J6633</f>
        <v>0.71718697284208632</v>
      </c>
      <c r="K6607" s="59">
        <f>Bühler!K6633</f>
        <v>1.0757804592631293</v>
      </c>
      <c r="L6607" s="59">
        <f>Bühler!L6633</f>
        <v>5.1637462044630205</v>
      </c>
      <c r="M6607" s="58">
        <f>Bühler!M6633</f>
        <v>0</v>
      </c>
      <c r="N6607" s="56">
        <f>IF(Input!$D$19=1,J6607*Input!$C$19,0)+IF(Input!$D$20=1,K6607*Input!$C$20,0)+IF(Input!$D$21=1,L6607*Input!$C$21,0)+IF(Input!$D$22=1,M6607*Input!$C$22,0)</f>
        <v>0.21515609185262588</v>
      </c>
      <c r="O6607" s="59">
        <f>IF(Input!$D$19=2,J6607*Input!$C$19,0)+IF(Input!$D$20=2,K6607*Input!$C$20,0)+IF(Input!$D$21=2,L6607*Input!$C$21,0)+IF(Input!$D$22=2,M6607*Input!$C$22,0)</f>
        <v>0.53789022963156463</v>
      </c>
      <c r="P6607" s="59">
        <f>IF(Input!$D$19=3,J6607*Input!$C$19,0)+IF(Input!$D$20=3,K6607*Input!$C$20,0)+IF(Input!$D$21=3,L6607*Input!$C$21,0)+IF(Input!$D$22=3,M6607*Input!$C$22,0)</f>
        <v>0</v>
      </c>
      <c r="Q6607" s="75">
        <f>IF(Input!$D$19=4,J6607*Input!$C$19,0)+IF(Input!$D$20=4,K6607*Input!$C$20,0)+IF(Input!$D$21=4,L6607*Input!$C$21,0)+IF(Input!$D$22=4,M6607*Input!$C$22,0)</f>
        <v>0</v>
      </c>
      <c r="R6607" s="58">
        <v>60.889900330483279</v>
      </c>
      <c r="S6607" s="124">
        <f t="shared" si="103"/>
        <v>0.93234306469471218</v>
      </c>
    </row>
    <row r="6608" spans="8:19" x14ac:dyDescent="0.3">
      <c r="H6608" s="44">
        <v>6601</v>
      </c>
      <c r="I6608" s="56">
        <f>Bühler!I6634</f>
        <v>0.19244622493736557</v>
      </c>
      <c r="J6608" s="59">
        <f>Bühler!J6634</f>
        <v>0.64148741645788532</v>
      </c>
      <c r="K6608" s="59">
        <f>Bühler!K6634</f>
        <v>0.96223112468682792</v>
      </c>
      <c r="L6608" s="59">
        <f>Bühler!L6634</f>
        <v>4.6187093984967742</v>
      </c>
      <c r="M6608" s="58">
        <f>Bühler!M6634</f>
        <v>0</v>
      </c>
      <c r="N6608" s="56">
        <f>IF(Input!$D$19=1,J6608*Input!$C$19,0)+IF(Input!$D$20=1,K6608*Input!$C$20,0)+IF(Input!$D$21=1,L6608*Input!$C$21,0)+IF(Input!$D$22=1,M6608*Input!$C$22,0)</f>
        <v>0.1924462249373656</v>
      </c>
      <c r="O6608" s="59">
        <f>IF(Input!$D$19=2,J6608*Input!$C$19,0)+IF(Input!$D$20=2,K6608*Input!$C$20,0)+IF(Input!$D$21=2,L6608*Input!$C$21,0)+IF(Input!$D$22=2,M6608*Input!$C$22,0)</f>
        <v>0.48111556234341396</v>
      </c>
      <c r="P6608" s="59">
        <f>IF(Input!$D$19=3,J6608*Input!$C$19,0)+IF(Input!$D$20=3,K6608*Input!$C$20,0)+IF(Input!$D$21=3,L6608*Input!$C$21,0)+IF(Input!$D$22=3,M6608*Input!$C$22,0)</f>
        <v>0</v>
      </c>
      <c r="Q6608" s="75">
        <f>IF(Input!$D$19=4,J6608*Input!$C$19,0)+IF(Input!$D$20=4,K6608*Input!$C$20,0)+IF(Input!$D$21=4,L6608*Input!$C$21,0)+IF(Input!$D$22=4,M6608*Input!$C$22,0)</f>
        <v>0</v>
      </c>
      <c r="R6608" s="58">
        <v>60.373099233196967</v>
      </c>
      <c r="S6608" s="124">
        <f t="shared" si="103"/>
        <v>0.83393364139525095</v>
      </c>
    </row>
    <row r="6609" spans="8:19" x14ac:dyDescent="0.3">
      <c r="H6609" s="44">
        <v>6602</v>
      </c>
      <c r="I6609" s="56">
        <f>Bühler!I6635</f>
        <v>0.21650200305453624</v>
      </c>
      <c r="J6609" s="59">
        <f>Bühler!J6635</f>
        <v>0.7216733435151208</v>
      </c>
      <c r="K6609" s="59">
        <f>Bühler!K6635</f>
        <v>1.0825100152726812</v>
      </c>
      <c r="L6609" s="59">
        <f>Bühler!L6635</f>
        <v>5.1960480733088694</v>
      </c>
      <c r="M6609" s="58">
        <f>Bühler!M6635</f>
        <v>0</v>
      </c>
      <c r="N6609" s="56">
        <f>IF(Input!$D$19=1,J6609*Input!$C$19,0)+IF(Input!$D$20=1,K6609*Input!$C$20,0)+IF(Input!$D$21=1,L6609*Input!$C$21,0)+IF(Input!$D$22=1,M6609*Input!$C$22,0)</f>
        <v>0.21650200305453624</v>
      </c>
      <c r="O6609" s="59">
        <f>IF(Input!$D$19=2,J6609*Input!$C$19,0)+IF(Input!$D$20=2,K6609*Input!$C$20,0)+IF(Input!$D$21=2,L6609*Input!$C$21,0)+IF(Input!$D$22=2,M6609*Input!$C$22,0)</f>
        <v>0.5412550076363406</v>
      </c>
      <c r="P6609" s="59">
        <f>IF(Input!$D$19=3,J6609*Input!$C$19,0)+IF(Input!$D$20=3,K6609*Input!$C$20,0)+IF(Input!$D$21=3,L6609*Input!$C$21,0)+IF(Input!$D$22=3,M6609*Input!$C$22,0)</f>
        <v>0</v>
      </c>
      <c r="Q6609" s="75">
        <f>IF(Input!$D$19=4,J6609*Input!$C$19,0)+IF(Input!$D$20=4,K6609*Input!$C$20,0)+IF(Input!$D$21=4,L6609*Input!$C$21,0)+IF(Input!$D$22=4,M6609*Input!$C$22,0)</f>
        <v>0</v>
      </c>
      <c r="R6609" s="58">
        <v>60.336775976833366</v>
      </c>
      <c r="S6609" s="124">
        <f t="shared" si="103"/>
        <v>0.93817534656965706</v>
      </c>
    </row>
    <row r="6610" spans="8:19" x14ac:dyDescent="0.3">
      <c r="H6610" s="44">
        <v>6603</v>
      </c>
      <c r="I6610" s="56">
        <f>Bühler!I6636</f>
        <v>0.21650200305453624</v>
      </c>
      <c r="J6610" s="59">
        <f>Bühler!J6636</f>
        <v>0.7216733435151208</v>
      </c>
      <c r="K6610" s="59">
        <f>Bühler!K6636</f>
        <v>1.0825100152726812</v>
      </c>
      <c r="L6610" s="59">
        <f>Bühler!L6636</f>
        <v>5.1960480733088694</v>
      </c>
      <c r="M6610" s="58">
        <f>Bühler!M6636</f>
        <v>0</v>
      </c>
      <c r="N6610" s="56">
        <f>IF(Input!$D$19=1,J6610*Input!$C$19,0)+IF(Input!$D$20=1,K6610*Input!$C$20,0)+IF(Input!$D$21=1,L6610*Input!$C$21,0)+IF(Input!$D$22=1,M6610*Input!$C$22,0)</f>
        <v>0.21650200305453624</v>
      </c>
      <c r="O6610" s="59">
        <f>IF(Input!$D$19=2,J6610*Input!$C$19,0)+IF(Input!$D$20=2,K6610*Input!$C$20,0)+IF(Input!$D$21=2,L6610*Input!$C$21,0)+IF(Input!$D$22=2,M6610*Input!$C$22,0)</f>
        <v>0.5412550076363406</v>
      </c>
      <c r="P6610" s="59">
        <f>IF(Input!$D$19=3,J6610*Input!$C$19,0)+IF(Input!$D$20=3,K6610*Input!$C$20,0)+IF(Input!$D$21=3,L6610*Input!$C$21,0)+IF(Input!$D$22=3,M6610*Input!$C$22,0)</f>
        <v>0</v>
      </c>
      <c r="Q6610" s="75">
        <f>IF(Input!$D$19=4,J6610*Input!$C$19,0)+IF(Input!$D$20=4,K6610*Input!$C$20,0)+IF(Input!$D$21=4,L6610*Input!$C$21,0)+IF(Input!$D$22=4,M6610*Input!$C$22,0)</f>
        <v>0</v>
      </c>
      <c r="R6610" s="58">
        <v>60.104682849089762</v>
      </c>
      <c r="S6610" s="124">
        <f t="shared" si="103"/>
        <v>0.93817534656965706</v>
      </c>
    </row>
    <row r="6611" spans="8:19" x14ac:dyDescent="0.3">
      <c r="H6611" s="44">
        <v>6604</v>
      </c>
      <c r="I6611" s="56">
        <f>Bühler!I6637</f>
        <v>0.21650200305453624</v>
      </c>
      <c r="J6611" s="59">
        <f>Bühler!J6637</f>
        <v>0.7216733435151208</v>
      </c>
      <c r="K6611" s="59">
        <f>Bühler!K6637</f>
        <v>1.0825100152726812</v>
      </c>
      <c r="L6611" s="59">
        <f>Bühler!L6637</f>
        <v>5.1960480733088694</v>
      </c>
      <c r="M6611" s="58">
        <f>Bühler!M6637</f>
        <v>0</v>
      </c>
      <c r="N6611" s="56">
        <f>IF(Input!$D$19=1,J6611*Input!$C$19,0)+IF(Input!$D$20=1,K6611*Input!$C$20,0)+IF(Input!$D$21=1,L6611*Input!$C$21,0)+IF(Input!$D$22=1,M6611*Input!$C$22,0)</f>
        <v>0.21650200305453624</v>
      </c>
      <c r="O6611" s="59">
        <f>IF(Input!$D$19=2,J6611*Input!$C$19,0)+IF(Input!$D$20=2,K6611*Input!$C$20,0)+IF(Input!$D$21=2,L6611*Input!$C$21,0)+IF(Input!$D$22=2,M6611*Input!$C$22,0)</f>
        <v>0.5412550076363406</v>
      </c>
      <c r="P6611" s="59">
        <f>IF(Input!$D$19=3,J6611*Input!$C$19,0)+IF(Input!$D$20=3,K6611*Input!$C$20,0)+IF(Input!$D$21=3,L6611*Input!$C$21,0)+IF(Input!$D$22=3,M6611*Input!$C$22,0)</f>
        <v>0</v>
      </c>
      <c r="Q6611" s="75">
        <f>IF(Input!$D$19=4,J6611*Input!$C$19,0)+IF(Input!$D$20=4,K6611*Input!$C$20,0)+IF(Input!$D$21=4,L6611*Input!$C$21,0)+IF(Input!$D$22=4,M6611*Input!$C$22,0)</f>
        <v>0</v>
      </c>
      <c r="R6611" s="58">
        <v>60.563859853110543</v>
      </c>
      <c r="S6611" s="124">
        <f t="shared" si="103"/>
        <v>0.93817534656965706</v>
      </c>
    </row>
    <row r="6612" spans="8:19" x14ac:dyDescent="0.3">
      <c r="H6612" s="44">
        <v>6605</v>
      </c>
      <c r="I6612" s="56">
        <f>Bühler!I6638</f>
        <v>0.21650200305453624</v>
      </c>
      <c r="J6612" s="59">
        <f>Bühler!J6638</f>
        <v>0.7216733435151208</v>
      </c>
      <c r="K6612" s="59">
        <f>Bühler!K6638</f>
        <v>1.0825100152726812</v>
      </c>
      <c r="L6612" s="59">
        <f>Bühler!L6638</f>
        <v>5.1960480733088694</v>
      </c>
      <c r="M6612" s="58">
        <f>Bühler!M6638</f>
        <v>0</v>
      </c>
      <c r="N6612" s="56">
        <f>IF(Input!$D$19=1,J6612*Input!$C$19,0)+IF(Input!$D$20=1,K6612*Input!$C$20,0)+IF(Input!$D$21=1,L6612*Input!$C$21,0)+IF(Input!$D$22=1,M6612*Input!$C$22,0)</f>
        <v>0.21650200305453624</v>
      </c>
      <c r="O6612" s="59">
        <f>IF(Input!$D$19=2,J6612*Input!$C$19,0)+IF(Input!$D$20=2,K6612*Input!$C$20,0)+IF(Input!$D$21=2,L6612*Input!$C$21,0)+IF(Input!$D$22=2,M6612*Input!$C$22,0)</f>
        <v>0.5412550076363406</v>
      </c>
      <c r="P6612" s="59">
        <f>IF(Input!$D$19=3,J6612*Input!$C$19,0)+IF(Input!$D$20=3,K6612*Input!$C$20,0)+IF(Input!$D$21=3,L6612*Input!$C$21,0)+IF(Input!$D$22=3,M6612*Input!$C$22,0)</f>
        <v>0</v>
      </c>
      <c r="Q6612" s="75">
        <f>IF(Input!$D$19=4,J6612*Input!$C$19,0)+IF(Input!$D$20=4,K6612*Input!$C$20,0)+IF(Input!$D$21=4,L6612*Input!$C$21,0)+IF(Input!$D$22=4,M6612*Input!$C$22,0)</f>
        <v>0</v>
      </c>
      <c r="R6612" s="58">
        <v>62.098790590144368</v>
      </c>
      <c r="S6612" s="124">
        <f t="shared" si="103"/>
        <v>0.93817534656965706</v>
      </c>
    </row>
    <row r="6613" spans="8:19" x14ac:dyDescent="0.3">
      <c r="H6613" s="44">
        <v>6606</v>
      </c>
      <c r="I6613" s="56">
        <f>Bühler!I6639</f>
        <v>0.27904702615918009</v>
      </c>
      <c r="J6613" s="59">
        <f>Bühler!J6639</f>
        <v>0.93015675386393371</v>
      </c>
      <c r="K6613" s="59">
        <f>Bühler!K6639</f>
        <v>1.3952351307959003</v>
      </c>
      <c r="L6613" s="59">
        <f>Bühler!L6639</f>
        <v>6.6971286278203221</v>
      </c>
      <c r="M6613" s="58">
        <f>Bühler!M6639</f>
        <v>0</v>
      </c>
      <c r="N6613" s="56">
        <f>IF(Input!$D$19=1,J6613*Input!$C$19,0)+IF(Input!$D$20=1,K6613*Input!$C$20,0)+IF(Input!$D$21=1,L6613*Input!$C$21,0)+IF(Input!$D$22=1,M6613*Input!$C$22,0)</f>
        <v>0.27904702615918009</v>
      </c>
      <c r="O6613" s="59">
        <f>IF(Input!$D$19=2,J6613*Input!$C$19,0)+IF(Input!$D$20=2,K6613*Input!$C$20,0)+IF(Input!$D$21=2,L6613*Input!$C$21,0)+IF(Input!$D$22=2,M6613*Input!$C$22,0)</f>
        <v>0.69761756539795017</v>
      </c>
      <c r="P6613" s="59">
        <f>IF(Input!$D$19=3,J6613*Input!$C$19,0)+IF(Input!$D$20=3,K6613*Input!$C$20,0)+IF(Input!$D$21=3,L6613*Input!$C$21,0)+IF(Input!$D$22=3,M6613*Input!$C$22,0)</f>
        <v>0</v>
      </c>
      <c r="Q6613" s="75">
        <f>IF(Input!$D$19=4,J6613*Input!$C$19,0)+IF(Input!$D$20=4,K6613*Input!$C$20,0)+IF(Input!$D$21=4,L6613*Input!$C$21,0)+IF(Input!$D$22=4,M6613*Input!$C$22,0)</f>
        <v>0</v>
      </c>
      <c r="R6613" s="58">
        <v>64.990255319191775</v>
      </c>
      <c r="S6613" s="124">
        <f t="shared" si="103"/>
        <v>1.2092037800231137</v>
      </c>
    </row>
    <row r="6614" spans="8:19" x14ac:dyDescent="0.3">
      <c r="H6614" s="44">
        <v>6607</v>
      </c>
      <c r="I6614" s="56">
        <f>Bühler!I6640</f>
        <v>0.32234742677008738</v>
      </c>
      <c r="J6614" s="59">
        <f>Bühler!J6640</f>
        <v>1.074491422566958</v>
      </c>
      <c r="K6614" s="59">
        <f>Bühler!K6640</f>
        <v>1.6117371338504367</v>
      </c>
      <c r="L6614" s="59">
        <f>Bühler!L6640</f>
        <v>7.7363382424820966</v>
      </c>
      <c r="M6614" s="58">
        <f>Bühler!M6640</f>
        <v>0</v>
      </c>
      <c r="N6614" s="56">
        <f>IF(Input!$D$19=1,J6614*Input!$C$19,0)+IF(Input!$D$20=1,K6614*Input!$C$20,0)+IF(Input!$D$21=1,L6614*Input!$C$21,0)+IF(Input!$D$22=1,M6614*Input!$C$22,0)</f>
        <v>0.32234742677008738</v>
      </c>
      <c r="O6614" s="59">
        <f>IF(Input!$D$19=2,J6614*Input!$C$19,0)+IF(Input!$D$20=2,K6614*Input!$C$20,0)+IF(Input!$D$21=2,L6614*Input!$C$21,0)+IF(Input!$D$22=2,M6614*Input!$C$22,0)</f>
        <v>0.80586856692521835</v>
      </c>
      <c r="P6614" s="59">
        <f>IF(Input!$D$19=3,J6614*Input!$C$19,0)+IF(Input!$D$20=3,K6614*Input!$C$20,0)+IF(Input!$D$21=3,L6614*Input!$C$21,0)+IF(Input!$D$22=3,M6614*Input!$C$22,0)</f>
        <v>0</v>
      </c>
      <c r="Q6614" s="75">
        <f>IF(Input!$D$19=4,J6614*Input!$C$19,0)+IF(Input!$D$20=4,K6614*Input!$C$20,0)+IF(Input!$D$21=4,L6614*Input!$C$21,0)+IF(Input!$D$22=4,M6614*Input!$C$22,0)</f>
        <v>0</v>
      </c>
      <c r="R6614" s="58">
        <v>67.68804206082676</v>
      </c>
      <c r="S6614" s="124">
        <f t="shared" si="103"/>
        <v>1.3968388493370454</v>
      </c>
    </row>
    <row r="6615" spans="8:19" x14ac:dyDescent="0.3">
      <c r="H6615" s="44">
        <v>6608</v>
      </c>
      <c r="I6615" s="56">
        <f>Bühler!I6641</f>
        <v>0.32234742677008738</v>
      </c>
      <c r="J6615" s="59">
        <f>Bühler!J6641</f>
        <v>1.074491422566958</v>
      </c>
      <c r="K6615" s="59">
        <f>Bühler!K6641</f>
        <v>1.6117371338504367</v>
      </c>
      <c r="L6615" s="59">
        <f>Bühler!L6641</f>
        <v>7.7363382424820966</v>
      </c>
      <c r="M6615" s="58">
        <f>Bühler!M6641</f>
        <v>0</v>
      </c>
      <c r="N6615" s="56">
        <f>IF(Input!$D$19=1,J6615*Input!$C$19,0)+IF(Input!$D$20=1,K6615*Input!$C$20,0)+IF(Input!$D$21=1,L6615*Input!$C$21,0)+IF(Input!$D$22=1,M6615*Input!$C$22,0)</f>
        <v>0.32234742677008738</v>
      </c>
      <c r="O6615" s="59">
        <f>IF(Input!$D$19=2,J6615*Input!$C$19,0)+IF(Input!$D$20=2,K6615*Input!$C$20,0)+IF(Input!$D$21=2,L6615*Input!$C$21,0)+IF(Input!$D$22=2,M6615*Input!$C$22,0)</f>
        <v>0.80586856692521835</v>
      </c>
      <c r="P6615" s="59">
        <f>IF(Input!$D$19=3,J6615*Input!$C$19,0)+IF(Input!$D$20=3,K6615*Input!$C$20,0)+IF(Input!$D$21=3,L6615*Input!$C$21,0)+IF(Input!$D$22=3,M6615*Input!$C$22,0)</f>
        <v>0</v>
      </c>
      <c r="Q6615" s="75">
        <f>IF(Input!$D$19=4,J6615*Input!$C$19,0)+IF(Input!$D$20=4,K6615*Input!$C$20,0)+IF(Input!$D$21=4,L6615*Input!$C$21,0)+IF(Input!$D$22=4,M6615*Input!$C$22,0)</f>
        <v>0</v>
      </c>
      <c r="R6615" s="58">
        <v>69.278398622225552</v>
      </c>
      <c r="S6615" s="124">
        <f t="shared" si="103"/>
        <v>1.3968388493370454</v>
      </c>
    </row>
    <row r="6616" spans="8:19" x14ac:dyDescent="0.3">
      <c r="H6616" s="44">
        <v>6609</v>
      </c>
      <c r="I6616" s="56">
        <f>Bühler!I6642</f>
        <v>0.32234742677008738</v>
      </c>
      <c r="J6616" s="59">
        <f>Bühler!J6642</f>
        <v>1.074491422566958</v>
      </c>
      <c r="K6616" s="59">
        <f>Bühler!K6642</f>
        <v>1.6117371338504367</v>
      </c>
      <c r="L6616" s="59">
        <f>Bühler!L6642</f>
        <v>7.7363382424820966</v>
      </c>
      <c r="M6616" s="58">
        <f>Bühler!M6642</f>
        <v>0</v>
      </c>
      <c r="N6616" s="56">
        <f>IF(Input!$D$19=1,J6616*Input!$C$19,0)+IF(Input!$D$20=1,K6616*Input!$C$20,0)+IF(Input!$D$21=1,L6616*Input!$C$21,0)+IF(Input!$D$22=1,M6616*Input!$C$22,0)</f>
        <v>0.32234742677008738</v>
      </c>
      <c r="O6616" s="59">
        <f>IF(Input!$D$19=2,J6616*Input!$C$19,0)+IF(Input!$D$20=2,K6616*Input!$C$20,0)+IF(Input!$D$21=2,L6616*Input!$C$21,0)+IF(Input!$D$22=2,M6616*Input!$C$22,0)</f>
        <v>0.80586856692521835</v>
      </c>
      <c r="P6616" s="59">
        <f>IF(Input!$D$19=3,J6616*Input!$C$19,0)+IF(Input!$D$20=3,K6616*Input!$C$20,0)+IF(Input!$D$21=3,L6616*Input!$C$21,0)+IF(Input!$D$22=3,M6616*Input!$C$22,0)</f>
        <v>0</v>
      </c>
      <c r="Q6616" s="75">
        <f>IF(Input!$D$19=4,J6616*Input!$C$19,0)+IF(Input!$D$20=4,K6616*Input!$C$20,0)+IF(Input!$D$21=4,L6616*Input!$C$21,0)+IF(Input!$D$22=4,M6616*Input!$C$22,0)</f>
        <v>0</v>
      </c>
      <c r="R6616" s="58">
        <v>69.666601106512388</v>
      </c>
      <c r="S6616" s="124">
        <f t="shared" si="103"/>
        <v>1.3968388493370454</v>
      </c>
    </row>
    <row r="6617" spans="8:19" x14ac:dyDescent="0.3">
      <c r="H6617" s="44">
        <v>6610</v>
      </c>
      <c r="I6617" s="56">
        <f>Bühler!I6643</f>
        <v>0.34640320488725801</v>
      </c>
      <c r="J6617" s="59">
        <f>Bühler!J6643</f>
        <v>1.1546773496241935</v>
      </c>
      <c r="K6617" s="59">
        <f>Bühler!K6643</f>
        <v>1.7320160244362901</v>
      </c>
      <c r="L6617" s="59">
        <f>Bühler!L6643</f>
        <v>8.3136769172941918</v>
      </c>
      <c r="M6617" s="58">
        <f>Bühler!M6643</f>
        <v>0</v>
      </c>
      <c r="N6617" s="56">
        <f>IF(Input!$D$19=1,J6617*Input!$C$19,0)+IF(Input!$D$20=1,K6617*Input!$C$20,0)+IF(Input!$D$21=1,L6617*Input!$C$21,0)+IF(Input!$D$22=1,M6617*Input!$C$22,0)</f>
        <v>0.34640320488725806</v>
      </c>
      <c r="O6617" s="59">
        <f>IF(Input!$D$19=2,J6617*Input!$C$19,0)+IF(Input!$D$20=2,K6617*Input!$C$20,0)+IF(Input!$D$21=2,L6617*Input!$C$21,0)+IF(Input!$D$22=2,M6617*Input!$C$22,0)</f>
        <v>0.86600801221814505</v>
      </c>
      <c r="P6617" s="59">
        <f>IF(Input!$D$19=3,J6617*Input!$C$19,0)+IF(Input!$D$20=3,K6617*Input!$C$20,0)+IF(Input!$D$21=3,L6617*Input!$C$21,0)+IF(Input!$D$22=3,M6617*Input!$C$22,0)</f>
        <v>0</v>
      </c>
      <c r="Q6617" s="75">
        <f>IF(Input!$D$19=4,J6617*Input!$C$19,0)+IF(Input!$D$20=4,K6617*Input!$C$20,0)+IF(Input!$D$21=4,L6617*Input!$C$21,0)+IF(Input!$D$22=4,M6617*Input!$C$22,0)</f>
        <v>0</v>
      </c>
      <c r="R6617" s="58">
        <v>69.852920763500777</v>
      </c>
      <c r="S6617" s="124">
        <f t="shared" si="103"/>
        <v>1.5010805545114516</v>
      </c>
    </row>
    <row r="6618" spans="8:19" x14ac:dyDescent="0.3">
      <c r="H6618" s="44">
        <v>6611</v>
      </c>
      <c r="I6618" s="56">
        <f>Bühler!I6644</f>
        <v>0.3752701386278629</v>
      </c>
      <c r="J6618" s="59">
        <f>Bühler!J6644</f>
        <v>1.2509004620928765</v>
      </c>
      <c r="K6618" s="59">
        <f>Bühler!K6644</f>
        <v>1.8763506931393144</v>
      </c>
      <c r="L6618" s="59">
        <f>Bühler!L6644</f>
        <v>9.0064833270687092</v>
      </c>
      <c r="M6618" s="58">
        <f>Bühler!M6644</f>
        <v>0</v>
      </c>
      <c r="N6618" s="56">
        <f>IF(Input!$D$19=1,J6618*Input!$C$19,0)+IF(Input!$D$20=1,K6618*Input!$C$20,0)+IF(Input!$D$21=1,L6618*Input!$C$21,0)+IF(Input!$D$22=1,M6618*Input!$C$22,0)</f>
        <v>0.37527013862786296</v>
      </c>
      <c r="O6618" s="59">
        <f>IF(Input!$D$19=2,J6618*Input!$C$19,0)+IF(Input!$D$20=2,K6618*Input!$C$20,0)+IF(Input!$D$21=2,L6618*Input!$C$21,0)+IF(Input!$D$22=2,M6618*Input!$C$22,0)</f>
        <v>0.93817534656965718</v>
      </c>
      <c r="P6618" s="59">
        <f>IF(Input!$D$19=3,J6618*Input!$C$19,0)+IF(Input!$D$20=3,K6618*Input!$C$20,0)+IF(Input!$D$21=3,L6618*Input!$C$21,0)+IF(Input!$D$22=3,M6618*Input!$C$22,0)</f>
        <v>0</v>
      </c>
      <c r="Q6618" s="75">
        <f>IF(Input!$D$19=4,J6618*Input!$C$19,0)+IF(Input!$D$20=4,K6618*Input!$C$20,0)+IF(Input!$D$21=4,L6618*Input!$C$21,0)+IF(Input!$D$22=4,M6618*Input!$C$22,0)</f>
        <v>0</v>
      </c>
      <c r="R6618" s="58">
        <v>70.347660854112519</v>
      </c>
      <c r="S6618" s="124">
        <f t="shared" si="103"/>
        <v>1.6261706007207395</v>
      </c>
    </row>
    <row r="6619" spans="8:19" x14ac:dyDescent="0.3">
      <c r="H6619" s="44">
        <v>6612</v>
      </c>
      <c r="I6619" s="56">
        <f>Bühler!I6645</f>
        <v>0.43300400610907247</v>
      </c>
      <c r="J6619" s="59">
        <f>Bühler!J6645</f>
        <v>1.4433466870302416</v>
      </c>
      <c r="K6619" s="59">
        <f>Bühler!K6645</f>
        <v>2.1650200305453624</v>
      </c>
      <c r="L6619" s="59">
        <f>Bühler!L6645</f>
        <v>10.392096146617739</v>
      </c>
      <c r="M6619" s="58">
        <f>Bühler!M6645</f>
        <v>0</v>
      </c>
      <c r="N6619" s="56">
        <f>IF(Input!$D$19=1,J6619*Input!$C$19,0)+IF(Input!$D$20=1,K6619*Input!$C$20,0)+IF(Input!$D$21=1,L6619*Input!$C$21,0)+IF(Input!$D$22=1,M6619*Input!$C$22,0)</f>
        <v>0.43300400610907247</v>
      </c>
      <c r="O6619" s="59">
        <f>IF(Input!$D$19=2,J6619*Input!$C$19,0)+IF(Input!$D$20=2,K6619*Input!$C$20,0)+IF(Input!$D$21=2,L6619*Input!$C$21,0)+IF(Input!$D$22=2,M6619*Input!$C$22,0)</f>
        <v>1.0825100152726812</v>
      </c>
      <c r="P6619" s="59">
        <f>IF(Input!$D$19=3,J6619*Input!$C$19,0)+IF(Input!$D$20=3,K6619*Input!$C$20,0)+IF(Input!$D$21=3,L6619*Input!$C$21,0)+IF(Input!$D$22=3,M6619*Input!$C$22,0)</f>
        <v>0</v>
      </c>
      <c r="Q6619" s="75">
        <f>IF(Input!$D$19=4,J6619*Input!$C$19,0)+IF(Input!$D$20=4,K6619*Input!$C$20,0)+IF(Input!$D$21=4,L6619*Input!$C$21,0)+IF(Input!$D$22=4,M6619*Input!$C$22,0)</f>
        <v>0</v>
      </c>
      <c r="R6619" s="58">
        <v>70.622339552778357</v>
      </c>
      <c r="S6619" s="124">
        <f t="shared" si="103"/>
        <v>1.8763506931393141</v>
      </c>
    </row>
    <row r="6620" spans="8:19" x14ac:dyDescent="0.3">
      <c r="H6620" s="44">
        <v>6613</v>
      </c>
      <c r="I6620" s="56">
        <f>Bühler!I6646</f>
        <v>0.43300400610907247</v>
      </c>
      <c r="J6620" s="59">
        <f>Bühler!J6646</f>
        <v>1.4433466870302416</v>
      </c>
      <c r="K6620" s="59">
        <f>Bühler!K6646</f>
        <v>2.1650200305453624</v>
      </c>
      <c r="L6620" s="59">
        <f>Bühler!L6646</f>
        <v>10.392096146617739</v>
      </c>
      <c r="M6620" s="58">
        <f>Bühler!M6646</f>
        <v>0</v>
      </c>
      <c r="N6620" s="56">
        <f>IF(Input!$D$19=1,J6620*Input!$C$19,0)+IF(Input!$D$20=1,K6620*Input!$C$20,0)+IF(Input!$D$21=1,L6620*Input!$C$21,0)+IF(Input!$D$22=1,M6620*Input!$C$22,0)</f>
        <v>0.43300400610907247</v>
      </c>
      <c r="O6620" s="59">
        <f>IF(Input!$D$19=2,J6620*Input!$C$19,0)+IF(Input!$D$20=2,K6620*Input!$C$20,0)+IF(Input!$D$21=2,L6620*Input!$C$21,0)+IF(Input!$D$22=2,M6620*Input!$C$22,0)</f>
        <v>1.0825100152726812</v>
      </c>
      <c r="P6620" s="59">
        <f>IF(Input!$D$19=3,J6620*Input!$C$19,0)+IF(Input!$D$20=3,K6620*Input!$C$20,0)+IF(Input!$D$21=3,L6620*Input!$C$21,0)+IF(Input!$D$22=3,M6620*Input!$C$22,0)</f>
        <v>0</v>
      </c>
      <c r="Q6620" s="75">
        <f>IF(Input!$D$19=4,J6620*Input!$C$19,0)+IF(Input!$D$20=4,K6620*Input!$C$20,0)+IF(Input!$D$21=4,L6620*Input!$C$21,0)+IF(Input!$D$22=4,M6620*Input!$C$22,0)</f>
        <v>0</v>
      </c>
      <c r="R6620" s="58">
        <v>69.900549596116917</v>
      </c>
      <c r="S6620" s="124">
        <f t="shared" si="103"/>
        <v>1.8763506931393141</v>
      </c>
    </row>
    <row r="6621" spans="8:19" x14ac:dyDescent="0.3">
      <c r="H6621" s="44">
        <v>6614</v>
      </c>
      <c r="I6621" s="56">
        <f>Bühler!I6647</f>
        <v>0.43300400610907247</v>
      </c>
      <c r="J6621" s="59">
        <f>Bühler!J6647</f>
        <v>1.4433466870302416</v>
      </c>
      <c r="K6621" s="59">
        <f>Bühler!K6647</f>
        <v>2.1650200305453624</v>
      </c>
      <c r="L6621" s="59">
        <f>Bühler!L6647</f>
        <v>10.392096146617739</v>
      </c>
      <c r="M6621" s="58">
        <f>Bühler!M6647</f>
        <v>0</v>
      </c>
      <c r="N6621" s="56">
        <f>IF(Input!$D$19=1,J6621*Input!$C$19,0)+IF(Input!$D$20=1,K6621*Input!$C$20,0)+IF(Input!$D$21=1,L6621*Input!$C$21,0)+IF(Input!$D$22=1,M6621*Input!$C$22,0)</f>
        <v>0.43300400610907247</v>
      </c>
      <c r="O6621" s="59">
        <f>IF(Input!$D$19=2,J6621*Input!$C$19,0)+IF(Input!$D$20=2,K6621*Input!$C$20,0)+IF(Input!$D$21=2,L6621*Input!$C$21,0)+IF(Input!$D$22=2,M6621*Input!$C$22,0)</f>
        <v>1.0825100152726812</v>
      </c>
      <c r="P6621" s="59">
        <f>IF(Input!$D$19=3,J6621*Input!$C$19,0)+IF(Input!$D$20=3,K6621*Input!$C$20,0)+IF(Input!$D$21=3,L6621*Input!$C$21,0)+IF(Input!$D$22=3,M6621*Input!$C$22,0)</f>
        <v>0</v>
      </c>
      <c r="Q6621" s="75">
        <f>IF(Input!$D$19=4,J6621*Input!$C$19,0)+IF(Input!$D$20=4,K6621*Input!$C$20,0)+IF(Input!$D$21=4,L6621*Input!$C$21,0)+IF(Input!$D$22=4,M6621*Input!$C$22,0)</f>
        <v>0</v>
      </c>
      <c r="R6621" s="58">
        <v>69.644903307099725</v>
      </c>
      <c r="S6621" s="124">
        <f t="shared" si="103"/>
        <v>1.8763506931393141</v>
      </c>
    </row>
    <row r="6622" spans="8:19" x14ac:dyDescent="0.3">
      <c r="H6622" s="44">
        <v>6615</v>
      </c>
      <c r="I6622" s="56">
        <f>Bühler!I6648</f>
        <v>0.43300400610907247</v>
      </c>
      <c r="J6622" s="59">
        <f>Bühler!J6648</f>
        <v>1.4433466870302416</v>
      </c>
      <c r="K6622" s="59">
        <f>Bühler!K6648</f>
        <v>2.1650200305453624</v>
      </c>
      <c r="L6622" s="59">
        <f>Bühler!L6648</f>
        <v>10.392096146617739</v>
      </c>
      <c r="M6622" s="58">
        <f>Bühler!M6648</f>
        <v>0</v>
      </c>
      <c r="N6622" s="56">
        <f>IF(Input!$D$19=1,J6622*Input!$C$19,0)+IF(Input!$D$20=1,K6622*Input!$C$20,0)+IF(Input!$D$21=1,L6622*Input!$C$21,0)+IF(Input!$D$22=1,M6622*Input!$C$22,0)</f>
        <v>0.43300400610907247</v>
      </c>
      <c r="O6622" s="59">
        <f>IF(Input!$D$19=2,J6622*Input!$C$19,0)+IF(Input!$D$20=2,K6622*Input!$C$20,0)+IF(Input!$D$21=2,L6622*Input!$C$21,0)+IF(Input!$D$22=2,M6622*Input!$C$22,0)</f>
        <v>1.0825100152726812</v>
      </c>
      <c r="P6622" s="59">
        <f>IF(Input!$D$19=3,J6622*Input!$C$19,0)+IF(Input!$D$20=3,K6622*Input!$C$20,0)+IF(Input!$D$21=3,L6622*Input!$C$21,0)+IF(Input!$D$22=3,M6622*Input!$C$22,0)</f>
        <v>0</v>
      </c>
      <c r="Q6622" s="75">
        <f>IF(Input!$D$19=4,J6622*Input!$C$19,0)+IF(Input!$D$20=4,K6622*Input!$C$20,0)+IF(Input!$D$21=4,L6622*Input!$C$21,0)+IF(Input!$D$22=4,M6622*Input!$C$22,0)</f>
        <v>0</v>
      </c>
      <c r="R6622" s="58">
        <v>69.949347799991017</v>
      </c>
      <c r="S6622" s="124">
        <f t="shared" si="103"/>
        <v>1.8763506931393141</v>
      </c>
    </row>
    <row r="6623" spans="8:19" x14ac:dyDescent="0.3">
      <c r="H6623" s="44">
        <v>6616</v>
      </c>
      <c r="I6623" s="56">
        <f>Bühler!I6649</f>
        <v>0.43300400610907247</v>
      </c>
      <c r="J6623" s="59">
        <f>Bühler!J6649</f>
        <v>1.4433466870302416</v>
      </c>
      <c r="K6623" s="59">
        <f>Bühler!K6649</f>
        <v>2.1650200305453624</v>
      </c>
      <c r="L6623" s="59">
        <f>Bühler!L6649</f>
        <v>10.392096146617739</v>
      </c>
      <c r="M6623" s="58">
        <f>Bühler!M6649</f>
        <v>0</v>
      </c>
      <c r="N6623" s="56">
        <f>IF(Input!$D$19=1,J6623*Input!$C$19,0)+IF(Input!$D$20=1,K6623*Input!$C$20,0)+IF(Input!$D$21=1,L6623*Input!$C$21,0)+IF(Input!$D$22=1,M6623*Input!$C$22,0)</f>
        <v>0.43300400610907247</v>
      </c>
      <c r="O6623" s="59">
        <f>IF(Input!$D$19=2,J6623*Input!$C$19,0)+IF(Input!$D$20=2,K6623*Input!$C$20,0)+IF(Input!$D$21=2,L6623*Input!$C$21,0)+IF(Input!$D$22=2,M6623*Input!$C$22,0)</f>
        <v>1.0825100152726812</v>
      </c>
      <c r="P6623" s="59">
        <f>IF(Input!$D$19=3,J6623*Input!$C$19,0)+IF(Input!$D$20=3,K6623*Input!$C$20,0)+IF(Input!$D$21=3,L6623*Input!$C$21,0)+IF(Input!$D$22=3,M6623*Input!$C$22,0)</f>
        <v>0</v>
      </c>
      <c r="Q6623" s="75">
        <f>IF(Input!$D$19=4,J6623*Input!$C$19,0)+IF(Input!$D$20=4,K6623*Input!$C$20,0)+IF(Input!$D$21=4,L6623*Input!$C$21,0)+IF(Input!$D$22=4,M6623*Input!$C$22,0)</f>
        <v>0</v>
      </c>
      <c r="R6623" s="58">
        <v>69.056180974013046</v>
      </c>
      <c r="S6623" s="124">
        <f t="shared" si="103"/>
        <v>1.8763506931393141</v>
      </c>
    </row>
    <row r="6624" spans="8:19" x14ac:dyDescent="0.3">
      <c r="H6624" s="44">
        <v>6617</v>
      </c>
      <c r="I6624" s="56">
        <f>Bühler!I6650</f>
        <v>0.43300400610907247</v>
      </c>
      <c r="J6624" s="59">
        <f>Bühler!J6650</f>
        <v>1.4433466870302416</v>
      </c>
      <c r="K6624" s="59">
        <f>Bühler!K6650</f>
        <v>2.1650200305453624</v>
      </c>
      <c r="L6624" s="59">
        <f>Bühler!L6650</f>
        <v>10.392096146617739</v>
      </c>
      <c r="M6624" s="58">
        <f>Bühler!M6650</f>
        <v>0</v>
      </c>
      <c r="N6624" s="56">
        <f>IF(Input!$D$19=1,J6624*Input!$C$19,0)+IF(Input!$D$20=1,K6624*Input!$C$20,0)+IF(Input!$D$21=1,L6624*Input!$C$21,0)+IF(Input!$D$22=1,M6624*Input!$C$22,0)</f>
        <v>0.43300400610907247</v>
      </c>
      <c r="O6624" s="59">
        <f>IF(Input!$D$19=2,J6624*Input!$C$19,0)+IF(Input!$D$20=2,K6624*Input!$C$20,0)+IF(Input!$D$21=2,L6624*Input!$C$21,0)+IF(Input!$D$22=2,M6624*Input!$C$22,0)</f>
        <v>1.0825100152726812</v>
      </c>
      <c r="P6624" s="59">
        <f>IF(Input!$D$19=3,J6624*Input!$C$19,0)+IF(Input!$D$20=3,K6624*Input!$C$20,0)+IF(Input!$D$21=3,L6624*Input!$C$21,0)+IF(Input!$D$22=3,M6624*Input!$C$22,0)</f>
        <v>0</v>
      </c>
      <c r="Q6624" s="75">
        <f>IF(Input!$D$19=4,J6624*Input!$C$19,0)+IF(Input!$D$20=4,K6624*Input!$C$20,0)+IF(Input!$D$21=4,L6624*Input!$C$21,0)+IF(Input!$D$22=4,M6624*Input!$C$22,0)</f>
        <v>0</v>
      </c>
      <c r="R6624" s="58">
        <v>68.246669951838314</v>
      </c>
      <c r="S6624" s="124">
        <f t="shared" si="103"/>
        <v>1.8763506931393141</v>
      </c>
    </row>
    <row r="6625" spans="8:19" x14ac:dyDescent="0.3">
      <c r="H6625" s="44">
        <v>6618</v>
      </c>
      <c r="I6625" s="56">
        <f>Bühler!I6651</f>
        <v>0.43300400610907247</v>
      </c>
      <c r="J6625" s="59">
        <f>Bühler!J6651</f>
        <v>1.4433466870302416</v>
      </c>
      <c r="K6625" s="59">
        <f>Bühler!K6651</f>
        <v>2.1650200305453624</v>
      </c>
      <c r="L6625" s="59">
        <f>Bühler!L6651</f>
        <v>10.392096146617739</v>
      </c>
      <c r="M6625" s="58">
        <f>Bühler!M6651</f>
        <v>0</v>
      </c>
      <c r="N6625" s="56">
        <f>IF(Input!$D$19=1,J6625*Input!$C$19,0)+IF(Input!$D$20=1,K6625*Input!$C$20,0)+IF(Input!$D$21=1,L6625*Input!$C$21,0)+IF(Input!$D$22=1,M6625*Input!$C$22,0)</f>
        <v>0.43300400610907247</v>
      </c>
      <c r="O6625" s="59">
        <f>IF(Input!$D$19=2,J6625*Input!$C$19,0)+IF(Input!$D$20=2,K6625*Input!$C$20,0)+IF(Input!$D$21=2,L6625*Input!$C$21,0)+IF(Input!$D$22=2,M6625*Input!$C$22,0)</f>
        <v>1.0825100152726812</v>
      </c>
      <c r="P6625" s="59">
        <f>IF(Input!$D$19=3,J6625*Input!$C$19,0)+IF(Input!$D$20=3,K6625*Input!$C$20,0)+IF(Input!$D$21=3,L6625*Input!$C$21,0)+IF(Input!$D$22=3,M6625*Input!$C$22,0)</f>
        <v>0</v>
      </c>
      <c r="Q6625" s="75">
        <f>IF(Input!$D$19=4,J6625*Input!$C$19,0)+IF(Input!$D$20=4,K6625*Input!$C$20,0)+IF(Input!$D$21=4,L6625*Input!$C$21,0)+IF(Input!$D$22=4,M6625*Input!$C$22,0)</f>
        <v>0</v>
      </c>
      <c r="R6625" s="58">
        <v>67.114652730795669</v>
      </c>
      <c r="S6625" s="124">
        <f t="shared" si="103"/>
        <v>1.8763506931393141</v>
      </c>
    </row>
    <row r="6626" spans="8:19" x14ac:dyDescent="0.3">
      <c r="H6626" s="44">
        <v>6619</v>
      </c>
      <c r="I6626" s="56">
        <f>Bühler!I6652</f>
        <v>0.43300400610907247</v>
      </c>
      <c r="J6626" s="59">
        <f>Bühler!J6652</f>
        <v>1.4433466870302416</v>
      </c>
      <c r="K6626" s="59">
        <f>Bühler!K6652</f>
        <v>2.1650200305453624</v>
      </c>
      <c r="L6626" s="59">
        <f>Bühler!L6652</f>
        <v>10.392096146617739</v>
      </c>
      <c r="M6626" s="58">
        <f>Bühler!M6652</f>
        <v>0</v>
      </c>
      <c r="N6626" s="56">
        <f>IF(Input!$D$19=1,J6626*Input!$C$19,0)+IF(Input!$D$20=1,K6626*Input!$C$20,0)+IF(Input!$D$21=1,L6626*Input!$C$21,0)+IF(Input!$D$22=1,M6626*Input!$C$22,0)</f>
        <v>0.43300400610907247</v>
      </c>
      <c r="O6626" s="59">
        <f>IF(Input!$D$19=2,J6626*Input!$C$19,0)+IF(Input!$D$20=2,K6626*Input!$C$20,0)+IF(Input!$D$21=2,L6626*Input!$C$21,0)+IF(Input!$D$22=2,M6626*Input!$C$22,0)</f>
        <v>1.0825100152726812</v>
      </c>
      <c r="P6626" s="59">
        <f>IF(Input!$D$19=3,J6626*Input!$C$19,0)+IF(Input!$D$20=3,K6626*Input!$C$20,0)+IF(Input!$D$21=3,L6626*Input!$C$21,0)+IF(Input!$D$22=3,M6626*Input!$C$22,0)</f>
        <v>0</v>
      </c>
      <c r="Q6626" s="75">
        <f>IF(Input!$D$19=4,J6626*Input!$C$19,0)+IF(Input!$D$20=4,K6626*Input!$C$20,0)+IF(Input!$D$21=4,L6626*Input!$C$21,0)+IF(Input!$D$22=4,M6626*Input!$C$22,0)</f>
        <v>0</v>
      </c>
      <c r="R6626" s="58">
        <v>66.035567152702043</v>
      </c>
      <c r="S6626" s="124">
        <f t="shared" si="103"/>
        <v>1.8763506931393141</v>
      </c>
    </row>
    <row r="6627" spans="8:19" x14ac:dyDescent="0.3">
      <c r="H6627" s="44">
        <v>6620</v>
      </c>
      <c r="I6627" s="56">
        <f>Bühler!I6653</f>
        <v>0.36083667175756046</v>
      </c>
      <c r="J6627" s="59">
        <f>Bühler!J6653</f>
        <v>1.2027889058585348</v>
      </c>
      <c r="K6627" s="59">
        <f>Bühler!K6653</f>
        <v>1.8041833587878022</v>
      </c>
      <c r="L6627" s="59">
        <f>Bühler!L6653</f>
        <v>8.6600801221814496</v>
      </c>
      <c r="M6627" s="58">
        <f>Bühler!M6653</f>
        <v>0</v>
      </c>
      <c r="N6627" s="56">
        <f>IF(Input!$D$19=1,J6627*Input!$C$19,0)+IF(Input!$D$20=1,K6627*Input!$C$20,0)+IF(Input!$D$21=1,L6627*Input!$C$21,0)+IF(Input!$D$22=1,M6627*Input!$C$22,0)</f>
        <v>0.36083667175756046</v>
      </c>
      <c r="O6627" s="59">
        <f>IF(Input!$D$19=2,J6627*Input!$C$19,0)+IF(Input!$D$20=2,K6627*Input!$C$20,0)+IF(Input!$D$21=2,L6627*Input!$C$21,0)+IF(Input!$D$22=2,M6627*Input!$C$22,0)</f>
        <v>0.90209167939390111</v>
      </c>
      <c r="P6627" s="59">
        <f>IF(Input!$D$19=3,J6627*Input!$C$19,0)+IF(Input!$D$20=3,K6627*Input!$C$20,0)+IF(Input!$D$21=3,L6627*Input!$C$21,0)+IF(Input!$D$22=3,M6627*Input!$C$22,0)</f>
        <v>0</v>
      </c>
      <c r="Q6627" s="75">
        <f>IF(Input!$D$19=4,J6627*Input!$C$19,0)+IF(Input!$D$20=4,K6627*Input!$C$20,0)+IF(Input!$D$21=4,L6627*Input!$C$21,0)+IF(Input!$D$22=4,M6627*Input!$C$22,0)</f>
        <v>0</v>
      </c>
      <c r="R6627" s="58">
        <v>65.128278334899306</v>
      </c>
      <c r="S6627" s="124">
        <f t="shared" si="103"/>
        <v>1.5636255776160952</v>
      </c>
    </row>
    <row r="6628" spans="8:19" x14ac:dyDescent="0.3">
      <c r="H6628" s="44">
        <v>6621</v>
      </c>
      <c r="I6628" s="56">
        <f>Bühler!I6654</f>
        <v>0.28866933740604839</v>
      </c>
      <c r="J6628" s="59">
        <f>Bühler!J6654</f>
        <v>0.96223112468682803</v>
      </c>
      <c r="K6628" s="59">
        <f>Bühler!K6654</f>
        <v>1.443346687030242</v>
      </c>
      <c r="L6628" s="59">
        <f>Bühler!L6654</f>
        <v>6.9280640977451613</v>
      </c>
      <c r="M6628" s="58">
        <f>Bühler!M6654</f>
        <v>0</v>
      </c>
      <c r="N6628" s="56">
        <f>IF(Input!$D$19=1,J6628*Input!$C$19,0)+IF(Input!$D$20=1,K6628*Input!$C$20,0)+IF(Input!$D$21=1,L6628*Input!$C$21,0)+IF(Input!$D$22=1,M6628*Input!$C$22,0)</f>
        <v>0.28866933740604839</v>
      </c>
      <c r="O6628" s="59">
        <f>IF(Input!$D$19=2,J6628*Input!$C$19,0)+IF(Input!$D$20=2,K6628*Input!$C$20,0)+IF(Input!$D$21=2,L6628*Input!$C$21,0)+IF(Input!$D$22=2,M6628*Input!$C$22,0)</f>
        <v>0.72167334351512102</v>
      </c>
      <c r="P6628" s="59">
        <f>IF(Input!$D$19=3,J6628*Input!$C$19,0)+IF(Input!$D$20=3,K6628*Input!$C$20,0)+IF(Input!$D$21=3,L6628*Input!$C$21,0)+IF(Input!$D$22=3,M6628*Input!$C$22,0)</f>
        <v>0</v>
      </c>
      <c r="Q6628" s="75">
        <f>IF(Input!$D$19=4,J6628*Input!$C$19,0)+IF(Input!$D$20=4,K6628*Input!$C$20,0)+IF(Input!$D$21=4,L6628*Input!$C$21,0)+IF(Input!$D$22=4,M6628*Input!$C$22,0)</f>
        <v>0</v>
      </c>
      <c r="R6628" s="58">
        <v>63.218367481929931</v>
      </c>
      <c r="S6628" s="124">
        <f t="shared" si="103"/>
        <v>1.2509004620928765</v>
      </c>
    </row>
    <row r="6629" spans="8:19" x14ac:dyDescent="0.3">
      <c r="H6629" s="44">
        <v>6622</v>
      </c>
      <c r="I6629" s="56">
        <f>Bühler!I6655</f>
        <v>0.21650200305453624</v>
      </c>
      <c r="J6629" s="59">
        <f>Bühler!J6655</f>
        <v>0.7216733435151208</v>
      </c>
      <c r="K6629" s="59">
        <f>Bühler!K6655</f>
        <v>1.0825100152726812</v>
      </c>
      <c r="L6629" s="59">
        <f>Bühler!L6655</f>
        <v>5.1960480733088694</v>
      </c>
      <c r="M6629" s="58">
        <f>Bühler!M6655</f>
        <v>0</v>
      </c>
      <c r="N6629" s="56">
        <f>IF(Input!$D$19=1,J6629*Input!$C$19,0)+IF(Input!$D$20=1,K6629*Input!$C$20,0)+IF(Input!$D$21=1,L6629*Input!$C$21,0)+IF(Input!$D$22=1,M6629*Input!$C$22,0)</f>
        <v>0.21650200305453624</v>
      </c>
      <c r="O6629" s="59">
        <f>IF(Input!$D$19=2,J6629*Input!$C$19,0)+IF(Input!$D$20=2,K6629*Input!$C$20,0)+IF(Input!$D$21=2,L6629*Input!$C$21,0)+IF(Input!$D$22=2,M6629*Input!$C$22,0)</f>
        <v>0.5412550076363406</v>
      </c>
      <c r="P6629" s="59">
        <f>IF(Input!$D$19=3,J6629*Input!$C$19,0)+IF(Input!$D$20=3,K6629*Input!$C$20,0)+IF(Input!$D$21=3,L6629*Input!$C$21,0)+IF(Input!$D$22=3,M6629*Input!$C$22,0)</f>
        <v>0</v>
      </c>
      <c r="Q6629" s="75">
        <f>IF(Input!$D$19=4,J6629*Input!$C$19,0)+IF(Input!$D$20=4,K6629*Input!$C$20,0)+IF(Input!$D$21=4,L6629*Input!$C$21,0)+IF(Input!$D$22=4,M6629*Input!$C$22,0)</f>
        <v>0</v>
      </c>
      <c r="R6629" s="58">
        <v>61.054342604643395</v>
      </c>
      <c r="S6629" s="124">
        <f t="shared" si="103"/>
        <v>0.93817534656965706</v>
      </c>
    </row>
    <row r="6630" spans="8:19" x14ac:dyDescent="0.3">
      <c r="H6630" s="44">
        <v>6623</v>
      </c>
      <c r="I6630" s="56">
        <f>Bühler!I6656</f>
        <v>0.21650200305453624</v>
      </c>
      <c r="J6630" s="59">
        <f>Bühler!J6656</f>
        <v>0.7216733435151208</v>
      </c>
      <c r="K6630" s="59">
        <f>Bühler!K6656</f>
        <v>1.0825100152726812</v>
      </c>
      <c r="L6630" s="59">
        <f>Bühler!L6656</f>
        <v>5.1960480733088694</v>
      </c>
      <c r="M6630" s="58">
        <f>Bühler!M6656</f>
        <v>0</v>
      </c>
      <c r="N6630" s="56">
        <f>IF(Input!$D$19=1,J6630*Input!$C$19,0)+IF(Input!$D$20=1,K6630*Input!$C$20,0)+IF(Input!$D$21=1,L6630*Input!$C$21,0)+IF(Input!$D$22=1,M6630*Input!$C$22,0)</f>
        <v>0.21650200305453624</v>
      </c>
      <c r="O6630" s="59">
        <f>IF(Input!$D$19=2,J6630*Input!$C$19,0)+IF(Input!$D$20=2,K6630*Input!$C$20,0)+IF(Input!$D$21=2,L6630*Input!$C$21,0)+IF(Input!$D$22=2,M6630*Input!$C$22,0)</f>
        <v>0.5412550076363406</v>
      </c>
      <c r="P6630" s="59">
        <f>IF(Input!$D$19=3,J6630*Input!$C$19,0)+IF(Input!$D$20=3,K6630*Input!$C$20,0)+IF(Input!$D$21=3,L6630*Input!$C$21,0)+IF(Input!$D$22=3,M6630*Input!$C$22,0)</f>
        <v>0</v>
      </c>
      <c r="Q6630" s="75">
        <f>IF(Input!$D$19=4,J6630*Input!$C$19,0)+IF(Input!$D$20=4,K6630*Input!$C$20,0)+IF(Input!$D$21=4,L6630*Input!$C$21,0)+IF(Input!$D$22=4,M6630*Input!$C$22,0)</f>
        <v>0</v>
      </c>
      <c r="R6630" s="58">
        <v>60.674190815849478</v>
      </c>
      <c r="S6630" s="124">
        <f t="shared" si="103"/>
        <v>0.93817534656965706</v>
      </c>
    </row>
    <row r="6631" spans="8:19" x14ac:dyDescent="0.3">
      <c r="H6631" s="44">
        <v>6624</v>
      </c>
      <c r="I6631" s="56">
        <f>Bühler!I6657</f>
        <v>0.21650200305453624</v>
      </c>
      <c r="J6631" s="59">
        <f>Bühler!J6657</f>
        <v>0.7216733435151208</v>
      </c>
      <c r="K6631" s="59">
        <f>Bühler!K6657</f>
        <v>1.0825100152726812</v>
      </c>
      <c r="L6631" s="59">
        <f>Bühler!L6657</f>
        <v>5.1960480733088694</v>
      </c>
      <c r="M6631" s="58">
        <f>Bühler!M6657</f>
        <v>0</v>
      </c>
      <c r="N6631" s="56">
        <f>IF(Input!$D$19=1,J6631*Input!$C$19,0)+IF(Input!$D$20=1,K6631*Input!$C$20,0)+IF(Input!$D$21=1,L6631*Input!$C$21,0)+IF(Input!$D$22=1,M6631*Input!$C$22,0)</f>
        <v>0.21650200305453624</v>
      </c>
      <c r="O6631" s="59">
        <f>IF(Input!$D$19=2,J6631*Input!$C$19,0)+IF(Input!$D$20=2,K6631*Input!$C$20,0)+IF(Input!$D$21=2,L6631*Input!$C$21,0)+IF(Input!$D$22=2,M6631*Input!$C$22,0)</f>
        <v>0.5412550076363406</v>
      </c>
      <c r="P6631" s="59">
        <f>IF(Input!$D$19=3,J6631*Input!$C$19,0)+IF(Input!$D$20=3,K6631*Input!$C$20,0)+IF(Input!$D$21=3,L6631*Input!$C$21,0)+IF(Input!$D$22=3,M6631*Input!$C$22,0)</f>
        <v>0</v>
      </c>
      <c r="Q6631" s="75">
        <f>IF(Input!$D$19=4,J6631*Input!$C$19,0)+IF(Input!$D$20=4,K6631*Input!$C$20,0)+IF(Input!$D$21=4,L6631*Input!$C$21,0)+IF(Input!$D$22=4,M6631*Input!$C$22,0)</f>
        <v>0</v>
      </c>
      <c r="R6631" s="58">
        <v>60.306455290252018</v>
      </c>
      <c r="S6631" s="124">
        <f t="shared" si="103"/>
        <v>0.93817534656965706</v>
      </c>
    </row>
    <row r="6632" spans="8:19" x14ac:dyDescent="0.3">
      <c r="H6632" s="44">
        <v>6625</v>
      </c>
      <c r="I6632" s="56">
        <f>Bühler!I6658</f>
        <v>0.21769164252141054</v>
      </c>
      <c r="J6632" s="59">
        <f>Bühler!J6658</f>
        <v>0.72563880840470185</v>
      </c>
      <c r="K6632" s="59">
        <f>Bühler!K6658</f>
        <v>1.0884582126070528</v>
      </c>
      <c r="L6632" s="59">
        <f>Bühler!L6658</f>
        <v>5.2245994205138535</v>
      </c>
      <c r="M6632" s="58">
        <f>Bühler!M6658</f>
        <v>0</v>
      </c>
      <c r="N6632" s="56">
        <f>IF(Input!$D$19=1,J6632*Input!$C$19,0)+IF(Input!$D$20=1,K6632*Input!$C$20,0)+IF(Input!$D$21=1,L6632*Input!$C$21,0)+IF(Input!$D$22=1,M6632*Input!$C$22,0)</f>
        <v>0.21769164252141054</v>
      </c>
      <c r="O6632" s="59">
        <f>IF(Input!$D$19=2,J6632*Input!$C$19,0)+IF(Input!$D$20=2,K6632*Input!$C$20,0)+IF(Input!$D$21=2,L6632*Input!$C$21,0)+IF(Input!$D$22=2,M6632*Input!$C$22,0)</f>
        <v>0.54422910630352639</v>
      </c>
      <c r="P6632" s="59">
        <f>IF(Input!$D$19=3,J6632*Input!$C$19,0)+IF(Input!$D$20=3,K6632*Input!$C$20,0)+IF(Input!$D$21=3,L6632*Input!$C$21,0)+IF(Input!$D$22=3,M6632*Input!$C$22,0)</f>
        <v>0</v>
      </c>
      <c r="Q6632" s="75">
        <f>IF(Input!$D$19=4,J6632*Input!$C$19,0)+IF(Input!$D$20=4,K6632*Input!$C$20,0)+IF(Input!$D$21=4,L6632*Input!$C$21,0)+IF(Input!$D$22=4,M6632*Input!$C$22,0)</f>
        <v>0</v>
      </c>
      <c r="R6632" s="58">
        <v>59.302099066918423</v>
      </c>
      <c r="S6632" s="124">
        <f t="shared" si="103"/>
        <v>0.94333045092611245</v>
      </c>
    </row>
    <row r="6633" spans="8:19" x14ac:dyDescent="0.3">
      <c r="H6633" s="44">
        <v>6626</v>
      </c>
      <c r="I6633" s="56">
        <f>Bühler!I6659</f>
        <v>0.21769164252141054</v>
      </c>
      <c r="J6633" s="59">
        <f>Bühler!J6659</f>
        <v>0.72563880840470185</v>
      </c>
      <c r="K6633" s="59">
        <f>Bühler!K6659</f>
        <v>1.0884582126070528</v>
      </c>
      <c r="L6633" s="59">
        <f>Bühler!L6659</f>
        <v>5.2245994205138535</v>
      </c>
      <c r="M6633" s="58">
        <f>Bühler!M6659</f>
        <v>0</v>
      </c>
      <c r="N6633" s="56">
        <f>IF(Input!$D$19=1,J6633*Input!$C$19,0)+IF(Input!$D$20=1,K6633*Input!$C$20,0)+IF(Input!$D$21=1,L6633*Input!$C$21,0)+IF(Input!$D$22=1,M6633*Input!$C$22,0)</f>
        <v>0.21769164252141054</v>
      </c>
      <c r="O6633" s="59">
        <f>IF(Input!$D$19=2,J6633*Input!$C$19,0)+IF(Input!$D$20=2,K6633*Input!$C$20,0)+IF(Input!$D$21=2,L6633*Input!$C$21,0)+IF(Input!$D$22=2,M6633*Input!$C$22,0)</f>
        <v>0.54422910630352639</v>
      </c>
      <c r="P6633" s="59">
        <f>IF(Input!$D$19=3,J6633*Input!$C$19,0)+IF(Input!$D$20=3,K6633*Input!$C$20,0)+IF(Input!$D$21=3,L6633*Input!$C$21,0)+IF(Input!$D$22=3,M6633*Input!$C$22,0)</f>
        <v>0</v>
      </c>
      <c r="Q6633" s="75">
        <f>IF(Input!$D$19=4,J6633*Input!$C$19,0)+IF(Input!$D$20=4,K6633*Input!$C$20,0)+IF(Input!$D$21=4,L6633*Input!$C$21,0)+IF(Input!$D$22=4,M6633*Input!$C$22,0)</f>
        <v>0</v>
      </c>
      <c r="R6633" s="58">
        <v>58.633225905603808</v>
      </c>
      <c r="S6633" s="124">
        <f t="shared" si="103"/>
        <v>0.94333045092611245</v>
      </c>
    </row>
    <row r="6634" spans="8:19" x14ac:dyDescent="0.3">
      <c r="H6634" s="44">
        <v>6627</v>
      </c>
      <c r="I6634" s="56">
        <f>Bühler!I6660</f>
        <v>0.21769164252141054</v>
      </c>
      <c r="J6634" s="59">
        <f>Bühler!J6660</f>
        <v>0.72563880840470185</v>
      </c>
      <c r="K6634" s="59">
        <f>Bühler!K6660</f>
        <v>1.0884582126070528</v>
      </c>
      <c r="L6634" s="59">
        <f>Bühler!L6660</f>
        <v>5.2245994205138535</v>
      </c>
      <c r="M6634" s="58">
        <f>Bühler!M6660</f>
        <v>0</v>
      </c>
      <c r="N6634" s="56">
        <f>IF(Input!$D$19=1,J6634*Input!$C$19,0)+IF(Input!$D$20=1,K6634*Input!$C$20,0)+IF(Input!$D$21=1,L6634*Input!$C$21,0)+IF(Input!$D$22=1,M6634*Input!$C$22,0)</f>
        <v>0.21769164252141054</v>
      </c>
      <c r="O6634" s="59">
        <f>IF(Input!$D$19=2,J6634*Input!$C$19,0)+IF(Input!$D$20=2,K6634*Input!$C$20,0)+IF(Input!$D$21=2,L6634*Input!$C$21,0)+IF(Input!$D$22=2,M6634*Input!$C$22,0)</f>
        <v>0.54422910630352639</v>
      </c>
      <c r="P6634" s="59">
        <f>IF(Input!$D$19=3,J6634*Input!$C$19,0)+IF(Input!$D$20=3,K6634*Input!$C$20,0)+IF(Input!$D$21=3,L6634*Input!$C$21,0)+IF(Input!$D$22=3,M6634*Input!$C$22,0)</f>
        <v>0</v>
      </c>
      <c r="Q6634" s="75">
        <f>IF(Input!$D$19=4,J6634*Input!$C$19,0)+IF(Input!$D$20=4,K6634*Input!$C$20,0)+IF(Input!$D$21=4,L6634*Input!$C$21,0)+IF(Input!$D$22=4,M6634*Input!$C$22,0)</f>
        <v>0</v>
      </c>
      <c r="R6634" s="58">
        <v>58.782359811567453</v>
      </c>
      <c r="S6634" s="124">
        <f t="shared" si="103"/>
        <v>0.94333045092611245</v>
      </c>
    </row>
    <row r="6635" spans="8:19" x14ac:dyDescent="0.3">
      <c r="H6635" s="44">
        <v>6628</v>
      </c>
      <c r="I6635" s="56">
        <f>Bühler!I6661</f>
        <v>0.21769164252141054</v>
      </c>
      <c r="J6635" s="59">
        <f>Bühler!J6661</f>
        <v>0.72563880840470185</v>
      </c>
      <c r="K6635" s="59">
        <f>Bühler!K6661</f>
        <v>1.0884582126070528</v>
      </c>
      <c r="L6635" s="59">
        <f>Bühler!L6661</f>
        <v>5.2245994205138535</v>
      </c>
      <c r="M6635" s="58">
        <f>Bühler!M6661</f>
        <v>0</v>
      </c>
      <c r="N6635" s="56">
        <f>IF(Input!$D$19=1,J6635*Input!$C$19,0)+IF(Input!$D$20=1,K6635*Input!$C$20,0)+IF(Input!$D$21=1,L6635*Input!$C$21,0)+IF(Input!$D$22=1,M6635*Input!$C$22,0)</f>
        <v>0.21769164252141054</v>
      </c>
      <c r="O6635" s="59">
        <f>IF(Input!$D$19=2,J6635*Input!$C$19,0)+IF(Input!$D$20=2,K6635*Input!$C$20,0)+IF(Input!$D$21=2,L6635*Input!$C$21,0)+IF(Input!$D$22=2,M6635*Input!$C$22,0)</f>
        <v>0.54422910630352639</v>
      </c>
      <c r="P6635" s="59">
        <f>IF(Input!$D$19=3,J6635*Input!$C$19,0)+IF(Input!$D$20=3,K6635*Input!$C$20,0)+IF(Input!$D$21=3,L6635*Input!$C$21,0)+IF(Input!$D$22=3,M6635*Input!$C$22,0)</f>
        <v>0</v>
      </c>
      <c r="Q6635" s="75">
        <f>IF(Input!$D$19=4,J6635*Input!$C$19,0)+IF(Input!$D$20=4,K6635*Input!$C$20,0)+IF(Input!$D$21=4,L6635*Input!$C$21,0)+IF(Input!$D$22=4,M6635*Input!$C$22,0)</f>
        <v>0</v>
      </c>
      <c r="R6635" s="58">
        <v>59.357393204624124</v>
      </c>
      <c r="S6635" s="124">
        <f t="shared" si="103"/>
        <v>0.94333045092611245</v>
      </c>
    </row>
    <row r="6636" spans="8:19" x14ac:dyDescent="0.3">
      <c r="H6636" s="44">
        <v>6629</v>
      </c>
      <c r="I6636" s="56">
        <f>Bühler!I6662</f>
        <v>0.21769164252141054</v>
      </c>
      <c r="J6636" s="59">
        <f>Bühler!J6662</f>
        <v>0.72563880840470185</v>
      </c>
      <c r="K6636" s="59">
        <f>Bühler!K6662</f>
        <v>1.0884582126070528</v>
      </c>
      <c r="L6636" s="59">
        <f>Bühler!L6662</f>
        <v>5.2245994205138535</v>
      </c>
      <c r="M6636" s="58">
        <f>Bühler!M6662</f>
        <v>0</v>
      </c>
      <c r="N6636" s="56">
        <f>IF(Input!$D$19=1,J6636*Input!$C$19,0)+IF(Input!$D$20=1,K6636*Input!$C$20,0)+IF(Input!$D$21=1,L6636*Input!$C$21,0)+IF(Input!$D$22=1,M6636*Input!$C$22,0)</f>
        <v>0.21769164252141054</v>
      </c>
      <c r="O6636" s="59">
        <f>IF(Input!$D$19=2,J6636*Input!$C$19,0)+IF(Input!$D$20=2,K6636*Input!$C$20,0)+IF(Input!$D$21=2,L6636*Input!$C$21,0)+IF(Input!$D$22=2,M6636*Input!$C$22,0)</f>
        <v>0.54422910630352639</v>
      </c>
      <c r="P6636" s="59">
        <f>IF(Input!$D$19=3,J6636*Input!$C$19,0)+IF(Input!$D$20=3,K6636*Input!$C$20,0)+IF(Input!$D$21=3,L6636*Input!$C$21,0)+IF(Input!$D$22=3,M6636*Input!$C$22,0)</f>
        <v>0</v>
      </c>
      <c r="Q6636" s="75">
        <f>IF(Input!$D$19=4,J6636*Input!$C$19,0)+IF(Input!$D$20=4,K6636*Input!$C$20,0)+IF(Input!$D$21=4,L6636*Input!$C$21,0)+IF(Input!$D$22=4,M6636*Input!$C$22,0)</f>
        <v>0</v>
      </c>
      <c r="R6636" s="58">
        <v>60.969791806209642</v>
      </c>
      <c r="S6636" s="124">
        <f t="shared" si="103"/>
        <v>0.94333045092611245</v>
      </c>
    </row>
    <row r="6637" spans="8:19" x14ac:dyDescent="0.3">
      <c r="H6637" s="44">
        <v>6630</v>
      </c>
      <c r="I6637" s="56">
        <f>Bühler!I6663</f>
        <v>0.28058033924981807</v>
      </c>
      <c r="J6637" s="59">
        <f>Bühler!J6663</f>
        <v>0.9352677974993937</v>
      </c>
      <c r="K6637" s="59">
        <f>Bühler!K6663</f>
        <v>1.4029016962490903</v>
      </c>
      <c r="L6637" s="59">
        <f>Bühler!L6663</f>
        <v>6.7339281419956336</v>
      </c>
      <c r="M6637" s="58">
        <f>Bühler!M6663</f>
        <v>0</v>
      </c>
      <c r="N6637" s="56">
        <f>IF(Input!$D$19=1,J6637*Input!$C$19,0)+IF(Input!$D$20=1,K6637*Input!$C$20,0)+IF(Input!$D$21=1,L6637*Input!$C$21,0)+IF(Input!$D$22=1,M6637*Input!$C$22,0)</f>
        <v>0.28058033924981812</v>
      </c>
      <c r="O6637" s="59">
        <f>IF(Input!$D$19=2,J6637*Input!$C$19,0)+IF(Input!$D$20=2,K6637*Input!$C$20,0)+IF(Input!$D$21=2,L6637*Input!$C$21,0)+IF(Input!$D$22=2,M6637*Input!$C$22,0)</f>
        <v>0.70145084812454517</v>
      </c>
      <c r="P6637" s="59">
        <f>IF(Input!$D$19=3,J6637*Input!$C$19,0)+IF(Input!$D$20=3,K6637*Input!$C$20,0)+IF(Input!$D$21=3,L6637*Input!$C$21,0)+IF(Input!$D$22=3,M6637*Input!$C$22,0)</f>
        <v>0</v>
      </c>
      <c r="Q6637" s="75">
        <f>IF(Input!$D$19=4,J6637*Input!$C$19,0)+IF(Input!$D$20=4,K6637*Input!$C$20,0)+IF(Input!$D$21=4,L6637*Input!$C$21,0)+IF(Input!$D$22=4,M6637*Input!$C$22,0)</f>
        <v>0</v>
      </c>
      <c r="R6637" s="58">
        <v>63.815784017748761</v>
      </c>
      <c r="S6637" s="124">
        <f t="shared" si="103"/>
        <v>1.2158481367492118</v>
      </c>
    </row>
    <row r="6638" spans="8:19" x14ac:dyDescent="0.3">
      <c r="H6638" s="44">
        <v>6631</v>
      </c>
      <c r="I6638" s="56">
        <f>Bühler!I6664</f>
        <v>0.3241186677541002</v>
      </c>
      <c r="J6638" s="59">
        <f>Bühler!J6664</f>
        <v>1.080395559180334</v>
      </c>
      <c r="K6638" s="59">
        <f>Bühler!K6664</f>
        <v>1.6205933387705012</v>
      </c>
      <c r="L6638" s="59">
        <f>Bühler!L6664</f>
        <v>7.7788480260984052</v>
      </c>
      <c r="M6638" s="58">
        <f>Bühler!M6664</f>
        <v>0</v>
      </c>
      <c r="N6638" s="56">
        <f>IF(Input!$D$19=1,J6638*Input!$C$19,0)+IF(Input!$D$20=1,K6638*Input!$C$20,0)+IF(Input!$D$21=1,L6638*Input!$C$21,0)+IF(Input!$D$22=1,M6638*Input!$C$22,0)</f>
        <v>0.3241186677541002</v>
      </c>
      <c r="O6638" s="59">
        <f>IF(Input!$D$19=2,J6638*Input!$C$19,0)+IF(Input!$D$20=2,K6638*Input!$C$20,0)+IF(Input!$D$21=2,L6638*Input!$C$21,0)+IF(Input!$D$22=2,M6638*Input!$C$22,0)</f>
        <v>0.81029666938525058</v>
      </c>
      <c r="P6638" s="59">
        <f>IF(Input!$D$19=3,J6638*Input!$C$19,0)+IF(Input!$D$20=3,K6638*Input!$C$20,0)+IF(Input!$D$21=3,L6638*Input!$C$21,0)+IF(Input!$D$22=3,M6638*Input!$C$22,0)</f>
        <v>0</v>
      </c>
      <c r="Q6638" s="75">
        <f>IF(Input!$D$19=4,J6638*Input!$C$19,0)+IF(Input!$D$20=4,K6638*Input!$C$20,0)+IF(Input!$D$21=4,L6638*Input!$C$21,0)+IF(Input!$D$22=4,M6638*Input!$C$22,0)</f>
        <v>0</v>
      </c>
      <c r="R6638" s="58">
        <v>67.04316444872137</v>
      </c>
      <c r="S6638" s="124">
        <f t="shared" si="103"/>
        <v>1.4045142269344342</v>
      </c>
    </row>
    <row r="6639" spans="8:19" x14ac:dyDescent="0.3">
      <c r="H6639" s="44">
        <v>6632</v>
      </c>
      <c r="I6639" s="56">
        <f>Bühler!I6665</f>
        <v>0.3241186677541002</v>
      </c>
      <c r="J6639" s="59">
        <f>Bühler!J6665</f>
        <v>1.080395559180334</v>
      </c>
      <c r="K6639" s="59">
        <f>Bühler!K6665</f>
        <v>1.6205933387705012</v>
      </c>
      <c r="L6639" s="59">
        <f>Bühler!L6665</f>
        <v>7.7788480260984052</v>
      </c>
      <c r="M6639" s="58">
        <f>Bühler!M6665</f>
        <v>0</v>
      </c>
      <c r="N6639" s="56">
        <f>IF(Input!$D$19=1,J6639*Input!$C$19,0)+IF(Input!$D$20=1,K6639*Input!$C$20,0)+IF(Input!$D$21=1,L6639*Input!$C$21,0)+IF(Input!$D$22=1,M6639*Input!$C$22,0)</f>
        <v>0.3241186677541002</v>
      </c>
      <c r="O6639" s="59">
        <f>IF(Input!$D$19=2,J6639*Input!$C$19,0)+IF(Input!$D$20=2,K6639*Input!$C$20,0)+IF(Input!$D$21=2,L6639*Input!$C$21,0)+IF(Input!$D$22=2,M6639*Input!$C$22,0)</f>
        <v>0.81029666938525058</v>
      </c>
      <c r="P6639" s="59">
        <f>IF(Input!$D$19=3,J6639*Input!$C$19,0)+IF(Input!$D$20=3,K6639*Input!$C$20,0)+IF(Input!$D$21=3,L6639*Input!$C$21,0)+IF(Input!$D$22=3,M6639*Input!$C$22,0)</f>
        <v>0</v>
      </c>
      <c r="Q6639" s="75">
        <f>IF(Input!$D$19=4,J6639*Input!$C$19,0)+IF(Input!$D$20=4,K6639*Input!$C$20,0)+IF(Input!$D$21=4,L6639*Input!$C$21,0)+IF(Input!$D$22=4,M6639*Input!$C$22,0)</f>
        <v>0</v>
      </c>
      <c r="R6639" s="58">
        <v>69.466203706299666</v>
      </c>
      <c r="S6639" s="124">
        <f t="shared" si="103"/>
        <v>1.4045142269344342</v>
      </c>
    </row>
    <row r="6640" spans="8:19" x14ac:dyDescent="0.3">
      <c r="H6640" s="44">
        <v>6633</v>
      </c>
      <c r="I6640" s="56">
        <f>Bühler!I6666</f>
        <v>0.3241186677541002</v>
      </c>
      <c r="J6640" s="59">
        <f>Bühler!J6666</f>
        <v>1.080395559180334</v>
      </c>
      <c r="K6640" s="59">
        <f>Bühler!K6666</f>
        <v>1.6205933387705012</v>
      </c>
      <c r="L6640" s="59">
        <f>Bühler!L6666</f>
        <v>7.7788480260984052</v>
      </c>
      <c r="M6640" s="58">
        <f>Bühler!M6666</f>
        <v>0</v>
      </c>
      <c r="N6640" s="56">
        <f>IF(Input!$D$19=1,J6640*Input!$C$19,0)+IF(Input!$D$20=1,K6640*Input!$C$20,0)+IF(Input!$D$21=1,L6640*Input!$C$21,0)+IF(Input!$D$22=1,M6640*Input!$C$22,0)</f>
        <v>0.3241186677541002</v>
      </c>
      <c r="O6640" s="59">
        <f>IF(Input!$D$19=2,J6640*Input!$C$19,0)+IF(Input!$D$20=2,K6640*Input!$C$20,0)+IF(Input!$D$21=2,L6640*Input!$C$21,0)+IF(Input!$D$22=2,M6640*Input!$C$22,0)</f>
        <v>0.81029666938525058</v>
      </c>
      <c r="P6640" s="59">
        <f>IF(Input!$D$19=3,J6640*Input!$C$19,0)+IF(Input!$D$20=3,K6640*Input!$C$20,0)+IF(Input!$D$21=3,L6640*Input!$C$21,0)+IF(Input!$D$22=3,M6640*Input!$C$22,0)</f>
        <v>0</v>
      </c>
      <c r="Q6640" s="75">
        <f>IF(Input!$D$19=4,J6640*Input!$C$19,0)+IF(Input!$D$20=4,K6640*Input!$C$20,0)+IF(Input!$D$21=4,L6640*Input!$C$21,0)+IF(Input!$D$22=4,M6640*Input!$C$22,0)</f>
        <v>0</v>
      </c>
      <c r="R6640" s="58">
        <v>69.830423606060293</v>
      </c>
      <c r="S6640" s="124">
        <f t="shared" si="103"/>
        <v>1.4045142269344342</v>
      </c>
    </row>
    <row r="6641" spans="8:19" x14ac:dyDescent="0.3">
      <c r="H6641" s="44">
        <v>6634</v>
      </c>
      <c r="I6641" s="56">
        <f>Bühler!I6667</f>
        <v>0.34830662803425694</v>
      </c>
      <c r="J6641" s="59">
        <f>Bühler!J6667</f>
        <v>1.1610220934475233</v>
      </c>
      <c r="K6641" s="59">
        <f>Bühler!K6667</f>
        <v>1.7415331401712846</v>
      </c>
      <c r="L6641" s="59">
        <f>Bühler!L6667</f>
        <v>8.3593590728221656</v>
      </c>
      <c r="M6641" s="58">
        <f>Bühler!M6667</f>
        <v>0</v>
      </c>
      <c r="N6641" s="56">
        <f>IF(Input!$D$19=1,J6641*Input!$C$19,0)+IF(Input!$D$20=1,K6641*Input!$C$20,0)+IF(Input!$D$21=1,L6641*Input!$C$21,0)+IF(Input!$D$22=1,M6641*Input!$C$22,0)</f>
        <v>0.34830662803425699</v>
      </c>
      <c r="O6641" s="59">
        <f>IF(Input!$D$19=2,J6641*Input!$C$19,0)+IF(Input!$D$20=2,K6641*Input!$C$20,0)+IF(Input!$D$21=2,L6641*Input!$C$21,0)+IF(Input!$D$22=2,M6641*Input!$C$22,0)</f>
        <v>0.87076657008564229</v>
      </c>
      <c r="P6641" s="59">
        <f>IF(Input!$D$19=3,J6641*Input!$C$19,0)+IF(Input!$D$20=3,K6641*Input!$C$20,0)+IF(Input!$D$21=3,L6641*Input!$C$21,0)+IF(Input!$D$22=3,M6641*Input!$C$22,0)</f>
        <v>0</v>
      </c>
      <c r="Q6641" s="75">
        <f>IF(Input!$D$19=4,J6641*Input!$C$19,0)+IF(Input!$D$20=4,K6641*Input!$C$20,0)+IF(Input!$D$21=4,L6641*Input!$C$21,0)+IF(Input!$D$22=4,M6641*Input!$C$22,0)</f>
        <v>0</v>
      </c>
      <c r="R6641" s="58">
        <v>69.717596696668693</v>
      </c>
      <c r="S6641" s="124">
        <f t="shared" si="103"/>
        <v>1.5093287214817801</v>
      </c>
    </row>
    <row r="6642" spans="8:19" x14ac:dyDescent="0.3">
      <c r="H6642" s="44">
        <v>6635</v>
      </c>
      <c r="I6642" s="56">
        <f>Bühler!I6668</f>
        <v>0.37733218037044497</v>
      </c>
      <c r="J6642" s="59">
        <f>Bühler!J6668</f>
        <v>1.25777393456815</v>
      </c>
      <c r="K6642" s="59">
        <f>Bühler!K6668</f>
        <v>1.8866609018522247</v>
      </c>
      <c r="L6642" s="59">
        <f>Bühler!L6668</f>
        <v>9.0559723288906788</v>
      </c>
      <c r="M6642" s="58">
        <f>Bühler!M6668</f>
        <v>0</v>
      </c>
      <c r="N6642" s="56">
        <f>IF(Input!$D$19=1,J6642*Input!$C$19,0)+IF(Input!$D$20=1,K6642*Input!$C$20,0)+IF(Input!$D$21=1,L6642*Input!$C$21,0)+IF(Input!$D$22=1,M6642*Input!$C$22,0)</f>
        <v>0.37733218037044497</v>
      </c>
      <c r="O6642" s="59">
        <f>IF(Input!$D$19=2,J6642*Input!$C$19,0)+IF(Input!$D$20=2,K6642*Input!$C$20,0)+IF(Input!$D$21=2,L6642*Input!$C$21,0)+IF(Input!$D$22=2,M6642*Input!$C$22,0)</f>
        <v>0.94333045092611234</v>
      </c>
      <c r="P6642" s="59">
        <f>IF(Input!$D$19=3,J6642*Input!$C$19,0)+IF(Input!$D$20=3,K6642*Input!$C$20,0)+IF(Input!$D$21=3,L6642*Input!$C$21,0)+IF(Input!$D$22=3,M6642*Input!$C$22,0)</f>
        <v>0</v>
      </c>
      <c r="Q6642" s="75">
        <f>IF(Input!$D$19=4,J6642*Input!$C$19,0)+IF(Input!$D$20=4,K6642*Input!$C$20,0)+IF(Input!$D$21=4,L6642*Input!$C$21,0)+IF(Input!$D$22=4,M6642*Input!$C$22,0)</f>
        <v>0</v>
      </c>
      <c r="R6642" s="58">
        <v>70.305261476436698</v>
      </c>
      <c r="S6642" s="124">
        <f t="shared" si="103"/>
        <v>1.635106114938595</v>
      </c>
    </row>
    <row r="6643" spans="8:19" x14ac:dyDescent="0.3">
      <c r="H6643" s="44">
        <v>6636</v>
      </c>
      <c r="I6643" s="56">
        <f>Bühler!I6669</f>
        <v>0.43538328504282109</v>
      </c>
      <c r="J6643" s="59">
        <f>Bühler!J6669</f>
        <v>1.4512776168094037</v>
      </c>
      <c r="K6643" s="59">
        <f>Bühler!K6669</f>
        <v>2.1769164252141056</v>
      </c>
      <c r="L6643" s="59">
        <f>Bühler!L6669</f>
        <v>10.449198841027707</v>
      </c>
      <c r="M6643" s="58">
        <f>Bühler!M6669</f>
        <v>0</v>
      </c>
      <c r="N6643" s="56">
        <f>IF(Input!$D$19=1,J6643*Input!$C$19,0)+IF(Input!$D$20=1,K6643*Input!$C$20,0)+IF(Input!$D$21=1,L6643*Input!$C$21,0)+IF(Input!$D$22=1,M6643*Input!$C$22,0)</f>
        <v>0.43538328504282109</v>
      </c>
      <c r="O6643" s="59">
        <f>IF(Input!$D$19=2,J6643*Input!$C$19,0)+IF(Input!$D$20=2,K6643*Input!$C$20,0)+IF(Input!$D$21=2,L6643*Input!$C$21,0)+IF(Input!$D$22=2,M6643*Input!$C$22,0)</f>
        <v>1.0884582126070528</v>
      </c>
      <c r="P6643" s="59">
        <f>IF(Input!$D$19=3,J6643*Input!$C$19,0)+IF(Input!$D$20=3,K6643*Input!$C$20,0)+IF(Input!$D$21=3,L6643*Input!$C$21,0)+IF(Input!$D$22=3,M6643*Input!$C$22,0)</f>
        <v>0</v>
      </c>
      <c r="Q6643" s="75">
        <f>IF(Input!$D$19=4,J6643*Input!$C$19,0)+IF(Input!$D$20=4,K6643*Input!$C$20,0)+IF(Input!$D$21=4,L6643*Input!$C$21,0)+IF(Input!$D$22=4,M6643*Input!$C$22,0)</f>
        <v>0</v>
      </c>
      <c r="R6643" s="58">
        <v>71.627841748176522</v>
      </c>
      <c r="S6643" s="124">
        <f t="shared" si="103"/>
        <v>1.8866609018522249</v>
      </c>
    </row>
    <row r="6644" spans="8:19" x14ac:dyDescent="0.3">
      <c r="H6644" s="44">
        <v>6637</v>
      </c>
      <c r="I6644" s="56">
        <f>Bühler!I6670</f>
        <v>0.43538328504282109</v>
      </c>
      <c r="J6644" s="59">
        <f>Bühler!J6670</f>
        <v>1.4512776168094037</v>
      </c>
      <c r="K6644" s="59">
        <f>Bühler!K6670</f>
        <v>2.1769164252141056</v>
      </c>
      <c r="L6644" s="59">
        <f>Bühler!L6670</f>
        <v>10.449198841027707</v>
      </c>
      <c r="M6644" s="58">
        <f>Bühler!M6670</f>
        <v>0</v>
      </c>
      <c r="N6644" s="56">
        <f>IF(Input!$D$19=1,J6644*Input!$C$19,0)+IF(Input!$D$20=1,K6644*Input!$C$20,0)+IF(Input!$D$21=1,L6644*Input!$C$21,0)+IF(Input!$D$22=1,M6644*Input!$C$22,0)</f>
        <v>0.43538328504282109</v>
      </c>
      <c r="O6644" s="59">
        <f>IF(Input!$D$19=2,J6644*Input!$C$19,0)+IF(Input!$D$20=2,K6644*Input!$C$20,0)+IF(Input!$D$21=2,L6644*Input!$C$21,0)+IF(Input!$D$22=2,M6644*Input!$C$22,0)</f>
        <v>1.0884582126070528</v>
      </c>
      <c r="P6644" s="59">
        <f>IF(Input!$D$19=3,J6644*Input!$C$19,0)+IF(Input!$D$20=3,K6644*Input!$C$20,0)+IF(Input!$D$21=3,L6644*Input!$C$21,0)+IF(Input!$D$22=3,M6644*Input!$C$22,0)</f>
        <v>0</v>
      </c>
      <c r="Q6644" s="75">
        <f>IF(Input!$D$19=4,J6644*Input!$C$19,0)+IF(Input!$D$20=4,K6644*Input!$C$20,0)+IF(Input!$D$21=4,L6644*Input!$C$21,0)+IF(Input!$D$22=4,M6644*Input!$C$22,0)</f>
        <v>0</v>
      </c>
      <c r="R6644" s="58">
        <v>70.810680366583114</v>
      </c>
      <c r="S6644" s="124">
        <f t="shared" si="103"/>
        <v>1.8866609018522249</v>
      </c>
    </row>
    <row r="6645" spans="8:19" x14ac:dyDescent="0.3">
      <c r="H6645" s="44">
        <v>6638</v>
      </c>
      <c r="I6645" s="56">
        <f>Bühler!I6671</f>
        <v>0.43538328504282109</v>
      </c>
      <c r="J6645" s="59">
        <f>Bühler!J6671</f>
        <v>1.4512776168094037</v>
      </c>
      <c r="K6645" s="59">
        <f>Bühler!K6671</f>
        <v>2.1769164252141056</v>
      </c>
      <c r="L6645" s="59">
        <f>Bühler!L6671</f>
        <v>10.449198841027707</v>
      </c>
      <c r="M6645" s="58">
        <f>Bühler!M6671</f>
        <v>0</v>
      </c>
      <c r="N6645" s="56">
        <f>IF(Input!$D$19=1,J6645*Input!$C$19,0)+IF(Input!$D$20=1,K6645*Input!$C$20,0)+IF(Input!$D$21=1,L6645*Input!$C$21,0)+IF(Input!$D$22=1,M6645*Input!$C$22,0)</f>
        <v>0.43538328504282109</v>
      </c>
      <c r="O6645" s="59">
        <f>IF(Input!$D$19=2,J6645*Input!$C$19,0)+IF(Input!$D$20=2,K6645*Input!$C$20,0)+IF(Input!$D$21=2,L6645*Input!$C$21,0)+IF(Input!$D$22=2,M6645*Input!$C$22,0)</f>
        <v>1.0884582126070528</v>
      </c>
      <c r="P6645" s="59">
        <f>IF(Input!$D$19=3,J6645*Input!$C$19,0)+IF(Input!$D$20=3,K6645*Input!$C$20,0)+IF(Input!$D$21=3,L6645*Input!$C$21,0)+IF(Input!$D$22=3,M6645*Input!$C$22,0)</f>
        <v>0</v>
      </c>
      <c r="Q6645" s="75">
        <f>IF(Input!$D$19=4,J6645*Input!$C$19,0)+IF(Input!$D$20=4,K6645*Input!$C$20,0)+IF(Input!$D$21=4,L6645*Input!$C$21,0)+IF(Input!$D$22=4,M6645*Input!$C$22,0)</f>
        <v>0</v>
      </c>
      <c r="R6645" s="58">
        <v>70.454447947227109</v>
      </c>
      <c r="S6645" s="124">
        <f t="shared" si="103"/>
        <v>1.8866609018522249</v>
      </c>
    </row>
    <row r="6646" spans="8:19" x14ac:dyDescent="0.3">
      <c r="H6646" s="44">
        <v>6639</v>
      </c>
      <c r="I6646" s="56">
        <f>Bühler!I6672</f>
        <v>0.43538328504282109</v>
      </c>
      <c r="J6646" s="59">
        <f>Bühler!J6672</f>
        <v>1.4512776168094037</v>
      </c>
      <c r="K6646" s="59">
        <f>Bühler!K6672</f>
        <v>2.1769164252141056</v>
      </c>
      <c r="L6646" s="59">
        <f>Bühler!L6672</f>
        <v>10.449198841027707</v>
      </c>
      <c r="M6646" s="58">
        <f>Bühler!M6672</f>
        <v>0</v>
      </c>
      <c r="N6646" s="56">
        <f>IF(Input!$D$19=1,J6646*Input!$C$19,0)+IF(Input!$D$20=1,K6646*Input!$C$20,0)+IF(Input!$D$21=1,L6646*Input!$C$21,0)+IF(Input!$D$22=1,M6646*Input!$C$22,0)</f>
        <v>0.43538328504282109</v>
      </c>
      <c r="O6646" s="59">
        <f>IF(Input!$D$19=2,J6646*Input!$C$19,0)+IF(Input!$D$20=2,K6646*Input!$C$20,0)+IF(Input!$D$21=2,L6646*Input!$C$21,0)+IF(Input!$D$22=2,M6646*Input!$C$22,0)</f>
        <v>1.0884582126070528</v>
      </c>
      <c r="P6646" s="59">
        <f>IF(Input!$D$19=3,J6646*Input!$C$19,0)+IF(Input!$D$20=3,K6646*Input!$C$20,0)+IF(Input!$D$21=3,L6646*Input!$C$21,0)+IF(Input!$D$22=3,M6646*Input!$C$22,0)</f>
        <v>0</v>
      </c>
      <c r="Q6646" s="75">
        <f>IF(Input!$D$19=4,J6646*Input!$C$19,0)+IF(Input!$D$20=4,K6646*Input!$C$20,0)+IF(Input!$D$21=4,L6646*Input!$C$21,0)+IF(Input!$D$22=4,M6646*Input!$C$22,0)</f>
        <v>0</v>
      </c>
      <c r="R6646" s="58">
        <v>70.271518290062332</v>
      </c>
      <c r="S6646" s="124">
        <f t="shared" si="103"/>
        <v>1.8866609018522249</v>
      </c>
    </row>
    <row r="6647" spans="8:19" x14ac:dyDescent="0.3">
      <c r="H6647" s="44">
        <v>6640</v>
      </c>
      <c r="I6647" s="56">
        <f>Bühler!I6673</f>
        <v>0.43538328504282109</v>
      </c>
      <c r="J6647" s="59">
        <f>Bühler!J6673</f>
        <v>1.4512776168094037</v>
      </c>
      <c r="K6647" s="59">
        <f>Bühler!K6673</f>
        <v>2.1769164252141056</v>
      </c>
      <c r="L6647" s="59">
        <f>Bühler!L6673</f>
        <v>10.449198841027707</v>
      </c>
      <c r="M6647" s="58">
        <f>Bühler!M6673</f>
        <v>0</v>
      </c>
      <c r="N6647" s="56">
        <f>IF(Input!$D$19=1,J6647*Input!$C$19,0)+IF(Input!$D$20=1,K6647*Input!$C$20,0)+IF(Input!$D$21=1,L6647*Input!$C$21,0)+IF(Input!$D$22=1,M6647*Input!$C$22,0)</f>
        <v>0.43538328504282109</v>
      </c>
      <c r="O6647" s="59">
        <f>IF(Input!$D$19=2,J6647*Input!$C$19,0)+IF(Input!$D$20=2,K6647*Input!$C$20,0)+IF(Input!$D$21=2,L6647*Input!$C$21,0)+IF(Input!$D$22=2,M6647*Input!$C$22,0)</f>
        <v>1.0884582126070528</v>
      </c>
      <c r="P6647" s="59">
        <f>IF(Input!$D$19=3,J6647*Input!$C$19,0)+IF(Input!$D$20=3,K6647*Input!$C$20,0)+IF(Input!$D$21=3,L6647*Input!$C$21,0)+IF(Input!$D$22=3,M6647*Input!$C$22,0)</f>
        <v>0</v>
      </c>
      <c r="Q6647" s="75">
        <f>IF(Input!$D$19=4,J6647*Input!$C$19,0)+IF(Input!$D$20=4,K6647*Input!$C$20,0)+IF(Input!$D$21=4,L6647*Input!$C$21,0)+IF(Input!$D$22=4,M6647*Input!$C$22,0)</f>
        <v>0</v>
      </c>
      <c r="R6647" s="58">
        <v>69.65599391674732</v>
      </c>
      <c r="S6647" s="124">
        <f t="shared" si="103"/>
        <v>1.8866609018522249</v>
      </c>
    </row>
    <row r="6648" spans="8:19" x14ac:dyDescent="0.3">
      <c r="H6648" s="44">
        <v>6641</v>
      </c>
      <c r="I6648" s="56">
        <f>Bühler!I6674</f>
        <v>0.43538328504282109</v>
      </c>
      <c r="J6648" s="59">
        <f>Bühler!J6674</f>
        <v>1.4512776168094037</v>
      </c>
      <c r="K6648" s="59">
        <f>Bühler!K6674</f>
        <v>2.1769164252141056</v>
      </c>
      <c r="L6648" s="59">
        <f>Bühler!L6674</f>
        <v>10.449198841027707</v>
      </c>
      <c r="M6648" s="58">
        <f>Bühler!M6674</f>
        <v>0</v>
      </c>
      <c r="N6648" s="56">
        <f>IF(Input!$D$19=1,J6648*Input!$C$19,0)+IF(Input!$D$20=1,K6648*Input!$C$20,0)+IF(Input!$D$21=1,L6648*Input!$C$21,0)+IF(Input!$D$22=1,M6648*Input!$C$22,0)</f>
        <v>0.43538328504282109</v>
      </c>
      <c r="O6648" s="59">
        <f>IF(Input!$D$19=2,J6648*Input!$C$19,0)+IF(Input!$D$20=2,K6648*Input!$C$20,0)+IF(Input!$D$21=2,L6648*Input!$C$21,0)+IF(Input!$D$22=2,M6648*Input!$C$22,0)</f>
        <v>1.0884582126070528</v>
      </c>
      <c r="P6648" s="59">
        <f>IF(Input!$D$19=3,J6648*Input!$C$19,0)+IF(Input!$D$20=3,K6648*Input!$C$20,0)+IF(Input!$D$21=3,L6648*Input!$C$21,0)+IF(Input!$D$22=3,M6648*Input!$C$22,0)</f>
        <v>0</v>
      </c>
      <c r="Q6648" s="75">
        <f>IF(Input!$D$19=4,J6648*Input!$C$19,0)+IF(Input!$D$20=4,K6648*Input!$C$20,0)+IF(Input!$D$21=4,L6648*Input!$C$21,0)+IF(Input!$D$22=4,M6648*Input!$C$22,0)</f>
        <v>0</v>
      </c>
      <c r="R6648" s="58">
        <v>68.37400035993727</v>
      </c>
      <c r="S6648" s="124">
        <f t="shared" si="103"/>
        <v>1.8866609018522249</v>
      </c>
    </row>
    <row r="6649" spans="8:19" x14ac:dyDescent="0.3">
      <c r="H6649" s="44">
        <v>6642</v>
      </c>
      <c r="I6649" s="56">
        <f>Bühler!I6675</f>
        <v>0.43538328504282109</v>
      </c>
      <c r="J6649" s="59">
        <f>Bühler!J6675</f>
        <v>1.4512776168094037</v>
      </c>
      <c r="K6649" s="59">
        <f>Bühler!K6675</f>
        <v>2.1769164252141056</v>
      </c>
      <c r="L6649" s="59">
        <f>Bühler!L6675</f>
        <v>10.449198841027707</v>
      </c>
      <c r="M6649" s="58">
        <f>Bühler!M6675</f>
        <v>0</v>
      </c>
      <c r="N6649" s="56">
        <f>IF(Input!$D$19=1,J6649*Input!$C$19,0)+IF(Input!$D$20=1,K6649*Input!$C$20,0)+IF(Input!$D$21=1,L6649*Input!$C$21,0)+IF(Input!$D$22=1,M6649*Input!$C$22,0)</f>
        <v>0.43538328504282109</v>
      </c>
      <c r="O6649" s="59">
        <f>IF(Input!$D$19=2,J6649*Input!$C$19,0)+IF(Input!$D$20=2,K6649*Input!$C$20,0)+IF(Input!$D$21=2,L6649*Input!$C$21,0)+IF(Input!$D$22=2,M6649*Input!$C$22,0)</f>
        <v>1.0884582126070528</v>
      </c>
      <c r="P6649" s="59">
        <f>IF(Input!$D$19=3,J6649*Input!$C$19,0)+IF(Input!$D$20=3,K6649*Input!$C$20,0)+IF(Input!$D$21=3,L6649*Input!$C$21,0)+IF(Input!$D$22=3,M6649*Input!$C$22,0)</f>
        <v>0</v>
      </c>
      <c r="Q6649" s="75">
        <f>IF(Input!$D$19=4,J6649*Input!$C$19,0)+IF(Input!$D$20=4,K6649*Input!$C$20,0)+IF(Input!$D$21=4,L6649*Input!$C$21,0)+IF(Input!$D$22=4,M6649*Input!$C$22,0)</f>
        <v>0</v>
      </c>
      <c r="R6649" s="58">
        <v>67.024200412574984</v>
      </c>
      <c r="S6649" s="124">
        <f t="shared" si="103"/>
        <v>1.8866609018522249</v>
      </c>
    </row>
    <row r="6650" spans="8:19" x14ac:dyDescent="0.3">
      <c r="H6650" s="44">
        <v>6643</v>
      </c>
      <c r="I6650" s="56">
        <f>Bühler!I6676</f>
        <v>0.43538328504282109</v>
      </c>
      <c r="J6650" s="59">
        <f>Bühler!J6676</f>
        <v>1.4512776168094037</v>
      </c>
      <c r="K6650" s="59">
        <f>Bühler!K6676</f>
        <v>2.1769164252141056</v>
      </c>
      <c r="L6650" s="59">
        <f>Bühler!L6676</f>
        <v>10.449198841027707</v>
      </c>
      <c r="M6650" s="58">
        <f>Bühler!M6676</f>
        <v>0</v>
      </c>
      <c r="N6650" s="56">
        <f>IF(Input!$D$19=1,J6650*Input!$C$19,0)+IF(Input!$D$20=1,K6650*Input!$C$20,0)+IF(Input!$D$21=1,L6650*Input!$C$21,0)+IF(Input!$D$22=1,M6650*Input!$C$22,0)</f>
        <v>0.43538328504282109</v>
      </c>
      <c r="O6650" s="59">
        <f>IF(Input!$D$19=2,J6650*Input!$C$19,0)+IF(Input!$D$20=2,K6650*Input!$C$20,0)+IF(Input!$D$21=2,L6650*Input!$C$21,0)+IF(Input!$D$22=2,M6650*Input!$C$22,0)</f>
        <v>1.0884582126070528</v>
      </c>
      <c r="P6650" s="59">
        <f>IF(Input!$D$19=3,J6650*Input!$C$19,0)+IF(Input!$D$20=3,K6650*Input!$C$20,0)+IF(Input!$D$21=3,L6650*Input!$C$21,0)+IF(Input!$D$22=3,M6650*Input!$C$22,0)</f>
        <v>0</v>
      </c>
      <c r="Q6650" s="75">
        <f>IF(Input!$D$19=4,J6650*Input!$C$19,0)+IF(Input!$D$20=4,K6650*Input!$C$20,0)+IF(Input!$D$21=4,L6650*Input!$C$21,0)+IF(Input!$D$22=4,M6650*Input!$C$22,0)</f>
        <v>0</v>
      </c>
      <c r="R6650" s="58">
        <v>65.915849700617059</v>
      </c>
      <c r="S6650" s="124">
        <f t="shared" si="103"/>
        <v>1.8866609018522249</v>
      </c>
    </row>
    <row r="6651" spans="8:19" x14ac:dyDescent="0.3">
      <c r="H6651" s="44">
        <v>6644</v>
      </c>
      <c r="I6651" s="56">
        <f>Bühler!I6677</f>
        <v>0.36281940420235093</v>
      </c>
      <c r="J6651" s="59">
        <f>Bühler!J6677</f>
        <v>1.2093980140078366</v>
      </c>
      <c r="K6651" s="59">
        <f>Bühler!K6677</f>
        <v>1.8140970210117546</v>
      </c>
      <c r="L6651" s="59">
        <f>Bühler!L6677</f>
        <v>8.7076657008564222</v>
      </c>
      <c r="M6651" s="58">
        <f>Bühler!M6677</f>
        <v>0</v>
      </c>
      <c r="N6651" s="56">
        <f>IF(Input!$D$19=1,J6651*Input!$C$19,0)+IF(Input!$D$20=1,K6651*Input!$C$20,0)+IF(Input!$D$21=1,L6651*Input!$C$21,0)+IF(Input!$D$22=1,M6651*Input!$C$22,0)</f>
        <v>0.36281940420235098</v>
      </c>
      <c r="O6651" s="59">
        <f>IF(Input!$D$19=2,J6651*Input!$C$19,0)+IF(Input!$D$20=2,K6651*Input!$C$20,0)+IF(Input!$D$21=2,L6651*Input!$C$21,0)+IF(Input!$D$22=2,M6651*Input!$C$22,0)</f>
        <v>0.90704851050587731</v>
      </c>
      <c r="P6651" s="59">
        <f>IF(Input!$D$19=3,J6651*Input!$C$19,0)+IF(Input!$D$20=3,K6651*Input!$C$20,0)+IF(Input!$D$21=3,L6651*Input!$C$21,0)+IF(Input!$D$22=3,M6651*Input!$C$22,0)</f>
        <v>0</v>
      </c>
      <c r="Q6651" s="75">
        <f>IF(Input!$D$19=4,J6651*Input!$C$19,0)+IF(Input!$D$20=4,K6651*Input!$C$20,0)+IF(Input!$D$21=4,L6651*Input!$C$21,0)+IF(Input!$D$22=4,M6651*Input!$C$22,0)</f>
        <v>0</v>
      </c>
      <c r="R6651" s="58">
        <v>64.547280363877334</v>
      </c>
      <c r="S6651" s="124">
        <f t="shared" si="103"/>
        <v>1.5722174182101876</v>
      </c>
    </row>
    <row r="6652" spans="8:19" x14ac:dyDescent="0.3">
      <c r="H6652" s="44">
        <v>6645</v>
      </c>
      <c r="I6652" s="56">
        <f>Bühler!I6678</f>
        <v>0.29025552336188076</v>
      </c>
      <c r="J6652" s="59">
        <f>Bühler!J6678</f>
        <v>0.96751841120626936</v>
      </c>
      <c r="K6652" s="59">
        <f>Bühler!K6678</f>
        <v>1.4512776168094039</v>
      </c>
      <c r="L6652" s="59">
        <f>Bühler!L6678</f>
        <v>6.9661325606851392</v>
      </c>
      <c r="M6652" s="58">
        <f>Bühler!M6678</f>
        <v>0</v>
      </c>
      <c r="N6652" s="56">
        <f>IF(Input!$D$19=1,J6652*Input!$C$19,0)+IF(Input!$D$20=1,K6652*Input!$C$20,0)+IF(Input!$D$21=1,L6652*Input!$C$21,0)+IF(Input!$D$22=1,M6652*Input!$C$22,0)</f>
        <v>0.29025552336188082</v>
      </c>
      <c r="O6652" s="59">
        <f>IF(Input!$D$19=2,J6652*Input!$C$19,0)+IF(Input!$D$20=2,K6652*Input!$C$20,0)+IF(Input!$D$21=2,L6652*Input!$C$21,0)+IF(Input!$D$22=2,M6652*Input!$C$22,0)</f>
        <v>0.72563880840470196</v>
      </c>
      <c r="P6652" s="59">
        <f>IF(Input!$D$19=3,J6652*Input!$C$19,0)+IF(Input!$D$20=3,K6652*Input!$C$20,0)+IF(Input!$D$21=3,L6652*Input!$C$21,0)+IF(Input!$D$22=3,M6652*Input!$C$22,0)</f>
        <v>0</v>
      </c>
      <c r="Q6652" s="75">
        <f>IF(Input!$D$19=4,J6652*Input!$C$19,0)+IF(Input!$D$20=4,K6652*Input!$C$20,0)+IF(Input!$D$21=4,L6652*Input!$C$21,0)+IF(Input!$D$22=4,M6652*Input!$C$22,0)</f>
        <v>0</v>
      </c>
      <c r="R6652" s="58">
        <v>62.845020602234769</v>
      </c>
      <c r="S6652" s="124">
        <f t="shared" si="103"/>
        <v>1.2577739345681502</v>
      </c>
    </row>
    <row r="6653" spans="8:19" x14ac:dyDescent="0.3">
      <c r="H6653" s="44">
        <v>6646</v>
      </c>
      <c r="I6653" s="56">
        <f>Bühler!I6679</f>
        <v>0.21769164252141054</v>
      </c>
      <c r="J6653" s="59">
        <f>Bühler!J6679</f>
        <v>0.72563880840470185</v>
      </c>
      <c r="K6653" s="59">
        <f>Bühler!K6679</f>
        <v>1.0884582126070528</v>
      </c>
      <c r="L6653" s="59">
        <f>Bühler!L6679</f>
        <v>5.2245994205138535</v>
      </c>
      <c r="M6653" s="58">
        <f>Bühler!M6679</f>
        <v>0</v>
      </c>
      <c r="N6653" s="56">
        <f>IF(Input!$D$19=1,J6653*Input!$C$19,0)+IF(Input!$D$20=1,K6653*Input!$C$20,0)+IF(Input!$D$21=1,L6653*Input!$C$21,0)+IF(Input!$D$22=1,M6653*Input!$C$22,0)</f>
        <v>0.21769164252141054</v>
      </c>
      <c r="O6653" s="59">
        <f>IF(Input!$D$19=2,J6653*Input!$C$19,0)+IF(Input!$D$20=2,K6653*Input!$C$20,0)+IF(Input!$D$21=2,L6653*Input!$C$21,0)+IF(Input!$D$22=2,M6653*Input!$C$22,0)</f>
        <v>0.54422910630352639</v>
      </c>
      <c r="P6653" s="59">
        <f>IF(Input!$D$19=3,J6653*Input!$C$19,0)+IF(Input!$D$20=3,K6653*Input!$C$20,0)+IF(Input!$D$21=3,L6653*Input!$C$21,0)+IF(Input!$D$22=3,M6653*Input!$C$22,0)</f>
        <v>0</v>
      </c>
      <c r="Q6653" s="75">
        <f>IF(Input!$D$19=4,J6653*Input!$C$19,0)+IF(Input!$D$20=4,K6653*Input!$C$20,0)+IF(Input!$D$21=4,L6653*Input!$C$21,0)+IF(Input!$D$22=4,M6653*Input!$C$22,0)</f>
        <v>0</v>
      </c>
      <c r="R6653" s="58">
        <v>60.810091526676622</v>
      </c>
      <c r="S6653" s="124">
        <f t="shared" si="103"/>
        <v>0.94333045092611245</v>
      </c>
    </row>
    <row r="6654" spans="8:19" x14ac:dyDescent="0.3">
      <c r="H6654" s="44">
        <v>6647</v>
      </c>
      <c r="I6654" s="56">
        <f>Bühler!I6680</f>
        <v>0.21769164252141054</v>
      </c>
      <c r="J6654" s="59">
        <f>Bühler!J6680</f>
        <v>0.72563880840470185</v>
      </c>
      <c r="K6654" s="59">
        <f>Bühler!K6680</f>
        <v>1.0884582126070528</v>
      </c>
      <c r="L6654" s="59">
        <f>Bühler!L6680</f>
        <v>5.2245994205138535</v>
      </c>
      <c r="M6654" s="58">
        <f>Bühler!M6680</f>
        <v>0</v>
      </c>
      <c r="N6654" s="56">
        <f>IF(Input!$D$19=1,J6654*Input!$C$19,0)+IF(Input!$D$20=1,K6654*Input!$C$20,0)+IF(Input!$D$21=1,L6654*Input!$C$21,0)+IF(Input!$D$22=1,M6654*Input!$C$22,0)</f>
        <v>0.21769164252141054</v>
      </c>
      <c r="O6654" s="59">
        <f>IF(Input!$D$19=2,J6654*Input!$C$19,0)+IF(Input!$D$20=2,K6654*Input!$C$20,0)+IF(Input!$D$21=2,L6654*Input!$C$21,0)+IF(Input!$D$22=2,M6654*Input!$C$22,0)</f>
        <v>0.54422910630352639</v>
      </c>
      <c r="P6654" s="59">
        <f>IF(Input!$D$19=3,J6654*Input!$C$19,0)+IF(Input!$D$20=3,K6654*Input!$C$20,0)+IF(Input!$D$21=3,L6654*Input!$C$21,0)+IF(Input!$D$22=3,M6654*Input!$C$22,0)</f>
        <v>0</v>
      </c>
      <c r="Q6654" s="75">
        <f>IF(Input!$D$19=4,J6654*Input!$C$19,0)+IF(Input!$D$20=4,K6654*Input!$C$20,0)+IF(Input!$D$21=4,L6654*Input!$C$21,0)+IF(Input!$D$22=4,M6654*Input!$C$22,0)</f>
        <v>0</v>
      </c>
      <c r="R6654" s="58">
        <v>60.574216183124044</v>
      </c>
      <c r="S6654" s="124">
        <f t="shared" si="103"/>
        <v>0.94333045092611245</v>
      </c>
    </row>
    <row r="6655" spans="8:19" x14ac:dyDescent="0.3">
      <c r="H6655" s="44">
        <v>6648</v>
      </c>
      <c r="I6655" s="56">
        <f>Bühler!I6681</f>
        <v>0.21769164252141054</v>
      </c>
      <c r="J6655" s="59">
        <f>Bühler!J6681</f>
        <v>0.72563880840470185</v>
      </c>
      <c r="K6655" s="59">
        <f>Bühler!K6681</f>
        <v>1.0884582126070528</v>
      </c>
      <c r="L6655" s="59">
        <f>Bühler!L6681</f>
        <v>5.2245994205138535</v>
      </c>
      <c r="M6655" s="58">
        <f>Bühler!M6681</f>
        <v>0</v>
      </c>
      <c r="N6655" s="56">
        <f>IF(Input!$D$19=1,J6655*Input!$C$19,0)+IF(Input!$D$20=1,K6655*Input!$C$20,0)+IF(Input!$D$21=1,L6655*Input!$C$21,0)+IF(Input!$D$22=1,M6655*Input!$C$22,0)</f>
        <v>0.21769164252141054</v>
      </c>
      <c r="O6655" s="59">
        <f>IF(Input!$D$19=2,J6655*Input!$C$19,0)+IF(Input!$D$20=2,K6655*Input!$C$20,0)+IF(Input!$D$21=2,L6655*Input!$C$21,0)+IF(Input!$D$22=2,M6655*Input!$C$22,0)</f>
        <v>0.54422910630352639</v>
      </c>
      <c r="P6655" s="59">
        <f>IF(Input!$D$19=3,J6655*Input!$C$19,0)+IF(Input!$D$20=3,K6655*Input!$C$20,0)+IF(Input!$D$21=3,L6655*Input!$C$21,0)+IF(Input!$D$22=3,M6655*Input!$C$22,0)</f>
        <v>0</v>
      </c>
      <c r="Q6655" s="75">
        <f>IF(Input!$D$19=4,J6655*Input!$C$19,0)+IF(Input!$D$20=4,K6655*Input!$C$20,0)+IF(Input!$D$21=4,L6655*Input!$C$21,0)+IF(Input!$D$22=4,M6655*Input!$C$22,0)</f>
        <v>0</v>
      </c>
      <c r="R6655" s="58">
        <v>59.879385882716264</v>
      </c>
      <c r="S6655" s="124">
        <f t="shared" si="103"/>
        <v>0.94333045092611245</v>
      </c>
    </row>
    <row r="6656" spans="8:19" x14ac:dyDescent="0.3">
      <c r="H6656" s="44">
        <v>6649</v>
      </c>
      <c r="I6656" s="56">
        <f>Bühler!I6682</f>
        <v>0.24177705212670156</v>
      </c>
      <c r="J6656" s="59">
        <f>Bühler!J6682</f>
        <v>0.80592350708900529</v>
      </c>
      <c r="K6656" s="59">
        <f>Bühler!K6682</f>
        <v>1.2088852606335079</v>
      </c>
      <c r="L6656" s="59">
        <f>Bühler!L6682</f>
        <v>5.8026492510408376</v>
      </c>
      <c r="M6656" s="58">
        <f>Bühler!M6682</f>
        <v>0</v>
      </c>
      <c r="N6656" s="56">
        <f>IF(Input!$D$19=1,J6656*Input!$C$19,0)+IF(Input!$D$20=1,K6656*Input!$C$20,0)+IF(Input!$D$21=1,L6656*Input!$C$21,0)+IF(Input!$D$22=1,M6656*Input!$C$22,0)</f>
        <v>0.24177705212670159</v>
      </c>
      <c r="O6656" s="59">
        <f>IF(Input!$D$19=2,J6656*Input!$C$19,0)+IF(Input!$D$20=2,K6656*Input!$C$20,0)+IF(Input!$D$21=2,L6656*Input!$C$21,0)+IF(Input!$D$22=2,M6656*Input!$C$22,0)</f>
        <v>0.60444263031675394</v>
      </c>
      <c r="P6656" s="59">
        <f>IF(Input!$D$19=3,J6656*Input!$C$19,0)+IF(Input!$D$20=3,K6656*Input!$C$20,0)+IF(Input!$D$21=3,L6656*Input!$C$21,0)+IF(Input!$D$22=3,M6656*Input!$C$22,0)</f>
        <v>0</v>
      </c>
      <c r="Q6656" s="75">
        <f>IF(Input!$D$19=4,J6656*Input!$C$19,0)+IF(Input!$D$20=4,K6656*Input!$C$20,0)+IF(Input!$D$21=4,L6656*Input!$C$21,0)+IF(Input!$D$22=4,M6656*Input!$C$22,0)</f>
        <v>0</v>
      </c>
      <c r="R6656" s="58">
        <v>58.591385186122231</v>
      </c>
      <c r="S6656" s="124">
        <f t="shared" si="103"/>
        <v>1.0477005592157069</v>
      </c>
    </row>
    <row r="6657" spans="8:19" x14ac:dyDescent="0.3">
      <c r="H6657" s="44">
        <v>6650</v>
      </c>
      <c r="I6657" s="56">
        <f>Bühler!I6683</f>
        <v>0.24177705212670156</v>
      </c>
      <c r="J6657" s="59">
        <f>Bühler!J6683</f>
        <v>0.80592350708900529</v>
      </c>
      <c r="K6657" s="59">
        <f>Bühler!K6683</f>
        <v>1.2088852606335079</v>
      </c>
      <c r="L6657" s="59">
        <f>Bühler!L6683</f>
        <v>5.8026492510408376</v>
      </c>
      <c r="M6657" s="58">
        <f>Bühler!M6683</f>
        <v>0</v>
      </c>
      <c r="N6657" s="56">
        <f>IF(Input!$D$19=1,J6657*Input!$C$19,0)+IF(Input!$D$20=1,K6657*Input!$C$20,0)+IF(Input!$D$21=1,L6657*Input!$C$21,0)+IF(Input!$D$22=1,M6657*Input!$C$22,0)</f>
        <v>0.24177705212670159</v>
      </c>
      <c r="O6657" s="59">
        <f>IF(Input!$D$19=2,J6657*Input!$C$19,0)+IF(Input!$D$20=2,K6657*Input!$C$20,0)+IF(Input!$D$21=2,L6657*Input!$C$21,0)+IF(Input!$D$22=2,M6657*Input!$C$22,0)</f>
        <v>0.60444263031675394</v>
      </c>
      <c r="P6657" s="59">
        <f>IF(Input!$D$19=3,J6657*Input!$C$19,0)+IF(Input!$D$20=3,K6657*Input!$C$20,0)+IF(Input!$D$21=3,L6657*Input!$C$21,0)+IF(Input!$D$22=3,M6657*Input!$C$22,0)</f>
        <v>0</v>
      </c>
      <c r="Q6657" s="75">
        <f>IF(Input!$D$19=4,J6657*Input!$C$19,0)+IF(Input!$D$20=4,K6657*Input!$C$20,0)+IF(Input!$D$21=4,L6657*Input!$C$21,0)+IF(Input!$D$22=4,M6657*Input!$C$22,0)</f>
        <v>0</v>
      </c>
      <c r="R6657" s="58">
        <v>58.04437612242598</v>
      </c>
      <c r="S6657" s="124">
        <f t="shared" si="103"/>
        <v>1.0477005592157069</v>
      </c>
    </row>
    <row r="6658" spans="8:19" x14ac:dyDescent="0.3">
      <c r="H6658" s="44">
        <v>6651</v>
      </c>
      <c r="I6658" s="56">
        <f>Bühler!I6684</f>
        <v>0.24177705212670156</v>
      </c>
      <c r="J6658" s="59">
        <f>Bühler!J6684</f>
        <v>0.80592350708900529</v>
      </c>
      <c r="K6658" s="59">
        <f>Bühler!K6684</f>
        <v>1.2088852606335079</v>
      </c>
      <c r="L6658" s="59">
        <f>Bühler!L6684</f>
        <v>5.8026492510408376</v>
      </c>
      <c r="M6658" s="58">
        <f>Bühler!M6684</f>
        <v>0</v>
      </c>
      <c r="N6658" s="56">
        <f>IF(Input!$D$19=1,J6658*Input!$C$19,0)+IF(Input!$D$20=1,K6658*Input!$C$20,0)+IF(Input!$D$21=1,L6658*Input!$C$21,0)+IF(Input!$D$22=1,M6658*Input!$C$22,0)</f>
        <v>0.24177705212670159</v>
      </c>
      <c r="O6658" s="59">
        <f>IF(Input!$D$19=2,J6658*Input!$C$19,0)+IF(Input!$D$20=2,K6658*Input!$C$20,0)+IF(Input!$D$21=2,L6658*Input!$C$21,0)+IF(Input!$D$22=2,M6658*Input!$C$22,0)</f>
        <v>0.60444263031675394</v>
      </c>
      <c r="P6658" s="59">
        <f>IF(Input!$D$19=3,J6658*Input!$C$19,0)+IF(Input!$D$20=3,K6658*Input!$C$20,0)+IF(Input!$D$21=3,L6658*Input!$C$21,0)+IF(Input!$D$22=3,M6658*Input!$C$22,0)</f>
        <v>0</v>
      </c>
      <c r="Q6658" s="75">
        <f>IF(Input!$D$19=4,J6658*Input!$C$19,0)+IF(Input!$D$20=4,K6658*Input!$C$20,0)+IF(Input!$D$21=4,L6658*Input!$C$21,0)+IF(Input!$D$22=4,M6658*Input!$C$22,0)</f>
        <v>0</v>
      </c>
      <c r="R6658" s="58">
        <v>58.097439295124353</v>
      </c>
      <c r="S6658" s="124">
        <f t="shared" si="103"/>
        <v>1.0477005592157069</v>
      </c>
    </row>
    <row r="6659" spans="8:19" x14ac:dyDescent="0.3">
      <c r="H6659" s="44">
        <v>6652</v>
      </c>
      <c r="I6659" s="56">
        <f>Bühler!I6685</f>
        <v>0.24177705212670156</v>
      </c>
      <c r="J6659" s="59">
        <f>Bühler!J6685</f>
        <v>0.80592350708900529</v>
      </c>
      <c r="K6659" s="59">
        <f>Bühler!K6685</f>
        <v>1.2088852606335079</v>
      </c>
      <c r="L6659" s="59">
        <f>Bühler!L6685</f>
        <v>5.8026492510408376</v>
      </c>
      <c r="M6659" s="58">
        <f>Bühler!M6685</f>
        <v>0</v>
      </c>
      <c r="N6659" s="56">
        <f>IF(Input!$D$19=1,J6659*Input!$C$19,0)+IF(Input!$D$20=1,K6659*Input!$C$20,0)+IF(Input!$D$21=1,L6659*Input!$C$21,0)+IF(Input!$D$22=1,M6659*Input!$C$22,0)</f>
        <v>0.24177705212670159</v>
      </c>
      <c r="O6659" s="59">
        <f>IF(Input!$D$19=2,J6659*Input!$C$19,0)+IF(Input!$D$20=2,K6659*Input!$C$20,0)+IF(Input!$D$21=2,L6659*Input!$C$21,0)+IF(Input!$D$22=2,M6659*Input!$C$22,0)</f>
        <v>0.60444263031675394</v>
      </c>
      <c r="P6659" s="59">
        <f>IF(Input!$D$19=3,J6659*Input!$C$19,0)+IF(Input!$D$20=3,K6659*Input!$C$20,0)+IF(Input!$D$21=3,L6659*Input!$C$21,0)+IF(Input!$D$22=3,M6659*Input!$C$22,0)</f>
        <v>0</v>
      </c>
      <c r="Q6659" s="75">
        <f>IF(Input!$D$19=4,J6659*Input!$C$19,0)+IF(Input!$D$20=4,K6659*Input!$C$20,0)+IF(Input!$D$21=4,L6659*Input!$C$21,0)+IF(Input!$D$22=4,M6659*Input!$C$22,0)</f>
        <v>0</v>
      </c>
      <c r="R6659" s="58">
        <v>59.10102197211372</v>
      </c>
      <c r="S6659" s="124">
        <f t="shared" si="103"/>
        <v>1.0477005592157069</v>
      </c>
    </row>
    <row r="6660" spans="8:19" x14ac:dyDescent="0.3">
      <c r="H6660" s="44">
        <v>6653</v>
      </c>
      <c r="I6660" s="56">
        <f>Bühler!I6686</f>
        <v>0.24177705212670156</v>
      </c>
      <c r="J6660" s="59">
        <f>Bühler!J6686</f>
        <v>0.80592350708900529</v>
      </c>
      <c r="K6660" s="59">
        <f>Bühler!K6686</f>
        <v>1.2088852606335079</v>
      </c>
      <c r="L6660" s="59">
        <f>Bühler!L6686</f>
        <v>5.8026492510408376</v>
      </c>
      <c r="M6660" s="58">
        <f>Bühler!M6686</f>
        <v>0</v>
      </c>
      <c r="N6660" s="56">
        <f>IF(Input!$D$19=1,J6660*Input!$C$19,0)+IF(Input!$D$20=1,K6660*Input!$C$20,0)+IF(Input!$D$21=1,L6660*Input!$C$21,0)+IF(Input!$D$22=1,M6660*Input!$C$22,0)</f>
        <v>0.24177705212670159</v>
      </c>
      <c r="O6660" s="59">
        <f>IF(Input!$D$19=2,J6660*Input!$C$19,0)+IF(Input!$D$20=2,K6660*Input!$C$20,0)+IF(Input!$D$21=2,L6660*Input!$C$21,0)+IF(Input!$D$22=2,M6660*Input!$C$22,0)</f>
        <v>0.60444263031675394</v>
      </c>
      <c r="P6660" s="59">
        <f>IF(Input!$D$19=3,J6660*Input!$C$19,0)+IF(Input!$D$20=3,K6660*Input!$C$20,0)+IF(Input!$D$21=3,L6660*Input!$C$21,0)+IF(Input!$D$22=3,M6660*Input!$C$22,0)</f>
        <v>0</v>
      </c>
      <c r="Q6660" s="75">
        <f>IF(Input!$D$19=4,J6660*Input!$C$19,0)+IF(Input!$D$20=4,K6660*Input!$C$20,0)+IF(Input!$D$21=4,L6660*Input!$C$21,0)+IF(Input!$D$22=4,M6660*Input!$C$22,0)</f>
        <v>0</v>
      </c>
      <c r="R6660" s="58">
        <v>60.110570855008909</v>
      </c>
      <c r="S6660" s="124">
        <f t="shared" si="103"/>
        <v>1.0477005592157069</v>
      </c>
    </row>
    <row r="6661" spans="8:19" x14ac:dyDescent="0.3">
      <c r="H6661" s="44">
        <v>6654</v>
      </c>
      <c r="I6661" s="56">
        <f>Bühler!I6687</f>
        <v>0.31162375607441534</v>
      </c>
      <c r="J6661" s="59">
        <f>Bühler!J6687</f>
        <v>1.0387458535813845</v>
      </c>
      <c r="K6661" s="59">
        <f>Bühler!K6687</f>
        <v>1.5581187803720769</v>
      </c>
      <c r="L6661" s="59">
        <f>Bühler!L6687</f>
        <v>7.4789701457859685</v>
      </c>
      <c r="M6661" s="58">
        <f>Bühler!M6687</f>
        <v>0</v>
      </c>
      <c r="N6661" s="56">
        <f>IF(Input!$D$19=1,J6661*Input!$C$19,0)+IF(Input!$D$20=1,K6661*Input!$C$20,0)+IF(Input!$D$21=1,L6661*Input!$C$21,0)+IF(Input!$D$22=1,M6661*Input!$C$22,0)</f>
        <v>0.31162375607441534</v>
      </c>
      <c r="O6661" s="59">
        <f>IF(Input!$D$19=2,J6661*Input!$C$19,0)+IF(Input!$D$20=2,K6661*Input!$C$20,0)+IF(Input!$D$21=2,L6661*Input!$C$21,0)+IF(Input!$D$22=2,M6661*Input!$C$22,0)</f>
        <v>0.77905939018603843</v>
      </c>
      <c r="P6661" s="59">
        <f>IF(Input!$D$19=3,J6661*Input!$C$19,0)+IF(Input!$D$20=3,K6661*Input!$C$20,0)+IF(Input!$D$21=3,L6661*Input!$C$21,0)+IF(Input!$D$22=3,M6661*Input!$C$22,0)</f>
        <v>0</v>
      </c>
      <c r="Q6661" s="75">
        <f>IF(Input!$D$19=4,J6661*Input!$C$19,0)+IF(Input!$D$20=4,K6661*Input!$C$20,0)+IF(Input!$D$21=4,L6661*Input!$C$21,0)+IF(Input!$D$22=4,M6661*Input!$C$22,0)</f>
        <v>0</v>
      </c>
      <c r="R6661" s="58">
        <v>62.6144671139579</v>
      </c>
      <c r="S6661" s="124">
        <f t="shared" si="103"/>
        <v>1.3503696096557998</v>
      </c>
    </row>
    <row r="6662" spans="8:19" x14ac:dyDescent="0.3">
      <c r="H6662" s="44">
        <v>6655</v>
      </c>
      <c r="I6662" s="56">
        <f>Bühler!I6688</f>
        <v>0.37609763664153578</v>
      </c>
      <c r="J6662" s="59">
        <f>Bühler!J6688</f>
        <v>1.2536587888051194</v>
      </c>
      <c r="K6662" s="59">
        <f>Bühler!K6688</f>
        <v>1.8804881832076787</v>
      </c>
      <c r="L6662" s="59">
        <f>Bühler!L6688</f>
        <v>9.0263432793968583</v>
      </c>
      <c r="M6662" s="58">
        <f>Bühler!M6688</f>
        <v>0</v>
      </c>
      <c r="N6662" s="56">
        <f>IF(Input!$D$19=1,J6662*Input!$C$19,0)+IF(Input!$D$20=1,K6662*Input!$C$20,0)+IF(Input!$D$21=1,L6662*Input!$C$21,0)+IF(Input!$D$22=1,M6662*Input!$C$22,0)</f>
        <v>0.37609763664153578</v>
      </c>
      <c r="O6662" s="59">
        <f>IF(Input!$D$19=2,J6662*Input!$C$19,0)+IF(Input!$D$20=2,K6662*Input!$C$20,0)+IF(Input!$D$21=2,L6662*Input!$C$21,0)+IF(Input!$D$22=2,M6662*Input!$C$22,0)</f>
        <v>0.94024409160383937</v>
      </c>
      <c r="P6662" s="59">
        <f>IF(Input!$D$19=3,J6662*Input!$C$19,0)+IF(Input!$D$20=3,K6662*Input!$C$20,0)+IF(Input!$D$21=3,L6662*Input!$C$21,0)+IF(Input!$D$22=3,M6662*Input!$C$22,0)</f>
        <v>0</v>
      </c>
      <c r="Q6662" s="75">
        <f>IF(Input!$D$19=4,J6662*Input!$C$19,0)+IF(Input!$D$20=4,K6662*Input!$C$20,0)+IF(Input!$D$21=4,L6662*Input!$C$21,0)+IF(Input!$D$22=4,M6662*Input!$C$22,0)</f>
        <v>0</v>
      </c>
      <c r="R6662" s="58">
        <v>65.034058668085578</v>
      </c>
      <c r="S6662" s="124">
        <f t="shared" si="103"/>
        <v>1.6297564254466552</v>
      </c>
    </row>
    <row r="6663" spans="8:19" x14ac:dyDescent="0.3">
      <c r="H6663" s="44">
        <v>6656</v>
      </c>
      <c r="I6663" s="56">
        <f>Bühler!I6689</f>
        <v>0.37609763664153578</v>
      </c>
      <c r="J6663" s="59">
        <f>Bühler!J6689</f>
        <v>1.2536587888051194</v>
      </c>
      <c r="K6663" s="59">
        <f>Bühler!K6689</f>
        <v>1.8804881832076787</v>
      </c>
      <c r="L6663" s="59">
        <f>Bühler!L6689</f>
        <v>9.0263432793968583</v>
      </c>
      <c r="M6663" s="58">
        <f>Bühler!M6689</f>
        <v>0</v>
      </c>
      <c r="N6663" s="56">
        <f>IF(Input!$D$19=1,J6663*Input!$C$19,0)+IF(Input!$D$20=1,K6663*Input!$C$20,0)+IF(Input!$D$21=1,L6663*Input!$C$21,0)+IF(Input!$D$22=1,M6663*Input!$C$22,0)</f>
        <v>0.37609763664153578</v>
      </c>
      <c r="O6663" s="59">
        <f>IF(Input!$D$19=2,J6663*Input!$C$19,0)+IF(Input!$D$20=2,K6663*Input!$C$20,0)+IF(Input!$D$21=2,L6663*Input!$C$21,0)+IF(Input!$D$22=2,M6663*Input!$C$22,0)</f>
        <v>0.94024409160383937</v>
      </c>
      <c r="P6663" s="59">
        <f>IF(Input!$D$19=3,J6663*Input!$C$19,0)+IF(Input!$D$20=3,K6663*Input!$C$20,0)+IF(Input!$D$21=3,L6663*Input!$C$21,0)+IF(Input!$D$22=3,M6663*Input!$C$22,0)</f>
        <v>0</v>
      </c>
      <c r="Q6663" s="75">
        <f>IF(Input!$D$19=4,J6663*Input!$C$19,0)+IF(Input!$D$20=4,K6663*Input!$C$20,0)+IF(Input!$D$21=4,L6663*Input!$C$21,0)+IF(Input!$D$22=4,M6663*Input!$C$22,0)</f>
        <v>0</v>
      </c>
      <c r="R6663" s="58">
        <v>66.977683129907376</v>
      </c>
      <c r="S6663" s="124">
        <f t="shared" si="103"/>
        <v>1.6297564254466552</v>
      </c>
    </row>
    <row r="6664" spans="8:19" x14ac:dyDescent="0.3">
      <c r="H6664" s="44">
        <v>6657</v>
      </c>
      <c r="I6664" s="56">
        <f>Bühler!I6690</f>
        <v>0.37609763664153578</v>
      </c>
      <c r="J6664" s="59">
        <f>Bühler!J6690</f>
        <v>1.2536587888051194</v>
      </c>
      <c r="K6664" s="59">
        <f>Bühler!K6690</f>
        <v>1.8804881832076787</v>
      </c>
      <c r="L6664" s="59">
        <f>Bühler!L6690</f>
        <v>9.0263432793968583</v>
      </c>
      <c r="M6664" s="58">
        <f>Bühler!M6690</f>
        <v>0</v>
      </c>
      <c r="N6664" s="56">
        <f>IF(Input!$D$19=1,J6664*Input!$C$19,0)+IF(Input!$D$20=1,K6664*Input!$C$20,0)+IF(Input!$D$21=1,L6664*Input!$C$21,0)+IF(Input!$D$22=1,M6664*Input!$C$22,0)</f>
        <v>0.37609763664153578</v>
      </c>
      <c r="O6664" s="59">
        <f>IF(Input!$D$19=2,J6664*Input!$C$19,0)+IF(Input!$D$20=2,K6664*Input!$C$20,0)+IF(Input!$D$21=2,L6664*Input!$C$21,0)+IF(Input!$D$22=2,M6664*Input!$C$22,0)</f>
        <v>0.94024409160383937</v>
      </c>
      <c r="P6664" s="59">
        <f>IF(Input!$D$19=3,J6664*Input!$C$19,0)+IF(Input!$D$20=3,K6664*Input!$C$20,0)+IF(Input!$D$21=3,L6664*Input!$C$21,0)+IF(Input!$D$22=3,M6664*Input!$C$22,0)</f>
        <v>0</v>
      </c>
      <c r="Q6664" s="75">
        <f>IF(Input!$D$19=4,J6664*Input!$C$19,0)+IF(Input!$D$20=4,K6664*Input!$C$20,0)+IF(Input!$D$21=4,L6664*Input!$C$21,0)+IF(Input!$D$22=4,M6664*Input!$C$22,0)</f>
        <v>0</v>
      </c>
      <c r="R6664" s="58">
        <v>67.065632362073544</v>
      </c>
      <c r="S6664" s="124">
        <f t="shared" si="103"/>
        <v>1.6297564254466552</v>
      </c>
    </row>
    <row r="6665" spans="8:19" x14ac:dyDescent="0.3">
      <c r="H6665" s="44">
        <v>6658</v>
      </c>
      <c r="I6665" s="56">
        <f>Bühler!I6691</f>
        <v>0.40296175354450259</v>
      </c>
      <c r="J6665" s="59">
        <f>Bühler!J6691</f>
        <v>1.3432058451483422</v>
      </c>
      <c r="K6665" s="59">
        <f>Bühler!K6691</f>
        <v>2.014808767722513</v>
      </c>
      <c r="L6665" s="59">
        <f>Bühler!L6691</f>
        <v>9.671082085068063</v>
      </c>
      <c r="M6665" s="58">
        <f>Bühler!M6691</f>
        <v>0</v>
      </c>
      <c r="N6665" s="56">
        <f>IF(Input!$D$19=1,J6665*Input!$C$19,0)+IF(Input!$D$20=1,K6665*Input!$C$20,0)+IF(Input!$D$21=1,L6665*Input!$C$21,0)+IF(Input!$D$22=1,M6665*Input!$C$22,0)</f>
        <v>0.40296175354450264</v>
      </c>
      <c r="O6665" s="59">
        <f>IF(Input!$D$19=2,J6665*Input!$C$19,0)+IF(Input!$D$20=2,K6665*Input!$C$20,0)+IF(Input!$D$21=2,L6665*Input!$C$21,0)+IF(Input!$D$22=2,M6665*Input!$C$22,0)</f>
        <v>1.0074043838612565</v>
      </c>
      <c r="P6665" s="59">
        <f>IF(Input!$D$19=3,J6665*Input!$C$19,0)+IF(Input!$D$20=3,K6665*Input!$C$20,0)+IF(Input!$D$21=3,L6665*Input!$C$21,0)+IF(Input!$D$22=3,M6665*Input!$C$22,0)</f>
        <v>0</v>
      </c>
      <c r="Q6665" s="75">
        <f>IF(Input!$D$19=4,J6665*Input!$C$19,0)+IF(Input!$D$20=4,K6665*Input!$C$20,0)+IF(Input!$D$21=4,L6665*Input!$C$21,0)+IF(Input!$D$22=4,M6665*Input!$C$22,0)</f>
        <v>0</v>
      </c>
      <c r="R6665" s="58">
        <v>66.584595451068012</v>
      </c>
      <c r="S6665" s="124">
        <f t="shared" ref="S6665:S6728" si="104">I6665+J6665</f>
        <v>1.7461675986928449</v>
      </c>
    </row>
    <row r="6666" spans="8:19" x14ac:dyDescent="0.3">
      <c r="H6666" s="44">
        <v>6659</v>
      </c>
      <c r="I6666" s="56">
        <f>Bühler!I6692</f>
        <v>0.41908022368628267</v>
      </c>
      <c r="J6666" s="59">
        <f>Bühler!J6692</f>
        <v>1.3969340789542757</v>
      </c>
      <c r="K6666" s="59">
        <f>Bühler!K6692</f>
        <v>2.0954011184314134</v>
      </c>
      <c r="L6666" s="59">
        <f>Bühler!L6692</f>
        <v>10.057925368470784</v>
      </c>
      <c r="M6666" s="58">
        <f>Bühler!M6692</f>
        <v>0</v>
      </c>
      <c r="N6666" s="56">
        <f>IF(Input!$D$19=1,J6666*Input!$C$19,0)+IF(Input!$D$20=1,K6666*Input!$C$20,0)+IF(Input!$D$21=1,L6666*Input!$C$21,0)+IF(Input!$D$22=1,M6666*Input!$C$22,0)</f>
        <v>0.41908022368628267</v>
      </c>
      <c r="O6666" s="59">
        <f>IF(Input!$D$19=2,J6666*Input!$C$19,0)+IF(Input!$D$20=2,K6666*Input!$C$20,0)+IF(Input!$D$21=2,L6666*Input!$C$21,0)+IF(Input!$D$22=2,M6666*Input!$C$22,0)</f>
        <v>1.0477005592157067</v>
      </c>
      <c r="P6666" s="59">
        <f>IF(Input!$D$19=3,J6666*Input!$C$19,0)+IF(Input!$D$20=3,K6666*Input!$C$20,0)+IF(Input!$D$21=3,L6666*Input!$C$21,0)+IF(Input!$D$22=3,M6666*Input!$C$22,0)</f>
        <v>0</v>
      </c>
      <c r="Q6666" s="75">
        <f>IF(Input!$D$19=4,J6666*Input!$C$19,0)+IF(Input!$D$20=4,K6666*Input!$C$20,0)+IF(Input!$D$21=4,L6666*Input!$C$21,0)+IF(Input!$D$22=4,M6666*Input!$C$22,0)</f>
        <v>0</v>
      </c>
      <c r="R6666" s="58">
        <v>66.276505705123455</v>
      </c>
      <c r="S6666" s="124">
        <f t="shared" si="104"/>
        <v>1.8160143026405584</v>
      </c>
    </row>
    <row r="6667" spans="8:19" x14ac:dyDescent="0.3">
      <c r="H6667" s="44">
        <v>6660</v>
      </c>
      <c r="I6667" s="56">
        <f>Bühler!I6693</f>
        <v>0.48355410425340312</v>
      </c>
      <c r="J6667" s="59">
        <f>Bühler!J6693</f>
        <v>1.6118470141780106</v>
      </c>
      <c r="K6667" s="59">
        <f>Bühler!K6693</f>
        <v>2.4177705212670157</v>
      </c>
      <c r="L6667" s="59">
        <f>Bühler!L6693</f>
        <v>11.605298502081675</v>
      </c>
      <c r="M6667" s="58">
        <f>Bühler!M6693</f>
        <v>0</v>
      </c>
      <c r="N6667" s="56">
        <f>IF(Input!$D$19=1,J6667*Input!$C$19,0)+IF(Input!$D$20=1,K6667*Input!$C$20,0)+IF(Input!$D$21=1,L6667*Input!$C$21,0)+IF(Input!$D$22=1,M6667*Input!$C$22,0)</f>
        <v>0.48355410425340317</v>
      </c>
      <c r="O6667" s="59">
        <f>IF(Input!$D$19=2,J6667*Input!$C$19,0)+IF(Input!$D$20=2,K6667*Input!$C$20,0)+IF(Input!$D$21=2,L6667*Input!$C$21,0)+IF(Input!$D$22=2,M6667*Input!$C$22,0)</f>
        <v>1.2088852606335079</v>
      </c>
      <c r="P6667" s="59">
        <f>IF(Input!$D$19=3,J6667*Input!$C$19,0)+IF(Input!$D$20=3,K6667*Input!$C$20,0)+IF(Input!$D$21=3,L6667*Input!$C$21,0)+IF(Input!$D$22=3,M6667*Input!$C$22,0)</f>
        <v>0</v>
      </c>
      <c r="Q6667" s="75">
        <f>IF(Input!$D$19=4,J6667*Input!$C$19,0)+IF(Input!$D$20=4,K6667*Input!$C$20,0)+IF(Input!$D$21=4,L6667*Input!$C$21,0)+IF(Input!$D$22=4,M6667*Input!$C$22,0)</f>
        <v>0</v>
      </c>
      <c r="R6667" s="58">
        <v>66.761580006712606</v>
      </c>
      <c r="S6667" s="124">
        <f t="shared" si="104"/>
        <v>2.0954011184314139</v>
      </c>
    </row>
    <row r="6668" spans="8:19" x14ac:dyDescent="0.3">
      <c r="H6668" s="44">
        <v>6661</v>
      </c>
      <c r="I6668" s="56">
        <f>Bühler!I6694</f>
        <v>0.48355410425340312</v>
      </c>
      <c r="J6668" s="59">
        <f>Bühler!J6694</f>
        <v>1.6118470141780106</v>
      </c>
      <c r="K6668" s="59">
        <f>Bühler!K6694</f>
        <v>2.4177705212670157</v>
      </c>
      <c r="L6668" s="59">
        <f>Bühler!L6694</f>
        <v>11.605298502081675</v>
      </c>
      <c r="M6668" s="58">
        <f>Bühler!M6694</f>
        <v>0</v>
      </c>
      <c r="N6668" s="56">
        <f>IF(Input!$D$19=1,J6668*Input!$C$19,0)+IF(Input!$D$20=1,K6668*Input!$C$20,0)+IF(Input!$D$21=1,L6668*Input!$C$21,0)+IF(Input!$D$22=1,M6668*Input!$C$22,0)</f>
        <v>0.48355410425340317</v>
      </c>
      <c r="O6668" s="59">
        <f>IF(Input!$D$19=2,J6668*Input!$C$19,0)+IF(Input!$D$20=2,K6668*Input!$C$20,0)+IF(Input!$D$21=2,L6668*Input!$C$21,0)+IF(Input!$D$22=2,M6668*Input!$C$22,0)</f>
        <v>1.2088852606335079</v>
      </c>
      <c r="P6668" s="59">
        <f>IF(Input!$D$19=3,J6668*Input!$C$19,0)+IF(Input!$D$20=3,K6668*Input!$C$20,0)+IF(Input!$D$21=3,L6668*Input!$C$21,0)+IF(Input!$D$22=3,M6668*Input!$C$22,0)</f>
        <v>0</v>
      </c>
      <c r="Q6668" s="75">
        <f>IF(Input!$D$19=4,J6668*Input!$C$19,0)+IF(Input!$D$20=4,K6668*Input!$C$20,0)+IF(Input!$D$21=4,L6668*Input!$C$21,0)+IF(Input!$D$22=4,M6668*Input!$C$22,0)</f>
        <v>0</v>
      </c>
      <c r="R6668" s="58">
        <v>65.836857711067992</v>
      </c>
      <c r="S6668" s="124">
        <f t="shared" si="104"/>
        <v>2.0954011184314139</v>
      </c>
    </row>
    <row r="6669" spans="8:19" x14ac:dyDescent="0.3">
      <c r="H6669" s="44">
        <v>6662</v>
      </c>
      <c r="I6669" s="56">
        <f>Bühler!I6695</f>
        <v>0.48355410425340312</v>
      </c>
      <c r="J6669" s="59">
        <f>Bühler!J6695</f>
        <v>1.6118470141780106</v>
      </c>
      <c r="K6669" s="59">
        <f>Bühler!K6695</f>
        <v>2.4177705212670157</v>
      </c>
      <c r="L6669" s="59">
        <f>Bühler!L6695</f>
        <v>11.605298502081675</v>
      </c>
      <c r="M6669" s="58">
        <f>Bühler!M6695</f>
        <v>0</v>
      </c>
      <c r="N6669" s="56">
        <f>IF(Input!$D$19=1,J6669*Input!$C$19,0)+IF(Input!$D$20=1,K6669*Input!$C$20,0)+IF(Input!$D$21=1,L6669*Input!$C$21,0)+IF(Input!$D$22=1,M6669*Input!$C$22,0)</f>
        <v>0.48355410425340317</v>
      </c>
      <c r="O6669" s="59">
        <f>IF(Input!$D$19=2,J6669*Input!$C$19,0)+IF(Input!$D$20=2,K6669*Input!$C$20,0)+IF(Input!$D$21=2,L6669*Input!$C$21,0)+IF(Input!$D$22=2,M6669*Input!$C$22,0)</f>
        <v>1.2088852606335079</v>
      </c>
      <c r="P6669" s="59">
        <f>IF(Input!$D$19=3,J6669*Input!$C$19,0)+IF(Input!$D$20=3,K6669*Input!$C$20,0)+IF(Input!$D$21=3,L6669*Input!$C$21,0)+IF(Input!$D$22=3,M6669*Input!$C$22,0)</f>
        <v>0</v>
      </c>
      <c r="Q6669" s="75">
        <f>IF(Input!$D$19=4,J6669*Input!$C$19,0)+IF(Input!$D$20=4,K6669*Input!$C$20,0)+IF(Input!$D$21=4,L6669*Input!$C$21,0)+IF(Input!$D$22=4,M6669*Input!$C$22,0)</f>
        <v>0</v>
      </c>
      <c r="R6669" s="58">
        <v>64.957600322800033</v>
      </c>
      <c r="S6669" s="124">
        <f t="shared" si="104"/>
        <v>2.0954011184314139</v>
      </c>
    </row>
    <row r="6670" spans="8:19" x14ac:dyDescent="0.3">
      <c r="H6670" s="44">
        <v>6663</v>
      </c>
      <c r="I6670" s="56">
        <f>Bühler!I6696</f>
        <v>0.48355410425340312</v>
      </c>
      <c r="J6670" s="59">
        <f>Bühler!J6696</f>
        <v>1.6118470141780106</v>
      </c>
      <c r="K6670" s="59">
        <f>Bühler!K6696</f>
        <v>2.4177705212670157</v>
      </c>
      <c r="L6670" s="59">
        <f>Bühler!L6696</f>
        <v>11.605298502081675</v>
      </c>
      <c r="M6670" s="58">
        <f>Bühler!M6696</f>
        <v>0</v>
      </c>
      <c r="N6670" s="56">
        <f>IF(Input!$D$19=1,J6670*Input!$C$19,0)+IF(Input!$D$20=1,K6670*Input!$C$20,0)+IF(Input!$D$21=1,L6670*Input!$C$21,0)+IF(Input!$D$22=1,M6670*Input!$C$22,0)</f>
        <v>0.48355410425340317</v>
      </c>
      <c r="O6670" s="59">
        <f>IF(Input!$D$19=2,J6670*Input!$C$19,0)+IF(Input!$D$20=2,K6670*Input!$C$20,0)+IF(Input!$D$21=2,L6670*Input!$C$21,0)+IF(Input!$D$22=2,M6670*Input!$C$22,0)</f>
        <v>1.2088852606335079</v>
      </c>
      <c r="P6670" s="59">
        <f>IF(Input!$D$19=3,J6670*Input!$C$19,0)+IF(Input!$D$20=3,K6670*Input!$C$20,0)+IF(Input!$D$21=3,L6670*Input!$C$21,0)+IF(Input!$D$22=3,M6670*Input!$C$22,0)</f>
        <v>0</v>
      </c>
      <c r="Q6670" s="75">
        <f>IF(Input!$D$19=4,J6670*Input!$C$19,0)+IF(Input!$D$20=4,K6670*Input!$C$20,0)+IF(Input!$D$21=4,L6670*Input!$C$21,0)+IF(Input!$D$22=4,M6670*Input!$C$22,0)</f>
        <v>0</v>
      </c>
      <c r="R6670" s="58">
        <v>64.705424332263476</v>
      </c>
      <c r="S6670" s="124">
        <f t="shared" si="104"/>
        <v>2.0954011184314139</v>
      </c>
    </row>
    <row r="6671" spans="8:19" x14ac:dyDescent="0.3">
      <c r="H6671" s="44">
        <v>6664</v>
      </c>
      <c r="I6671" s="56">
        <f>Bühler!I6697</f>
        <v>0.40296175354450259</v>
      </c>
      <c r="J6671" s="59">
        <f>Bühler!J6697</f>
        <v>1.3432058451483422</v>
      </c>
      <c r="K6671" s="59">
        <f>Bühler!K6697</f>
        <v>2.014808767722513</v>
      </c>
      <c r="L6671" s="59">
        <f>Bühler!L6697</f>
        <v>9.671082085068063</v>
      </c>
      <c r="M6671" s="58">
        <f>Bühler!M6697</f>
        <v>0</v>
      </c>
      <c r="N6671" s="56">
        <f>IF(Input!$D$19=1,J6671*Input!$C$19,0)+IF(Input!$D$20=1,K6671*Input!$C$20,0)+IF(Input!$D$21=1,L6671*Input!$C$21,0)+IF(Input!$D$22=1,M6671*Input!$C$22,0)</f>
        <v>0.40296175354450264</v>
      </c>
      <c r="O6671" s="59">
        <f>IF(Input!$D$19=2,J6671*Input!$C$19,0)+IF(Input!$D$20=2,K6671*Input!$C$20,0)+IF(Input!$D$21=2,L6671*Input!$C$21,0)+IF(Input!$D$22=2,M6671*Input!$C$22,0)</f>
        <v>1.0074043838612565</v>
      </c>
      <c r="P6671" s="59">
        <f>IF(Input!$D$19=3,J6671*Input!$C$19,0)+IF(Input!$D$20=3,K6671*Input!$C$20,0)+IF(Input!$D$21=3,L6671*Input!$C$21,0)+IF(Input!$D$22=3,M6671*Input!$C$22,0)</f>
        <v>0</v>
      </c>
      <c r="Q6671" s="75">
        <f>IF(Input!$D$19=4,J6671*Input!$C$19,0)+IF(Input!$D$20=4,K6671*Input!$C$20,0)+IF(Input!$D$21=4,L6671*Input!$C$21,0)+IF(Input!$D$22=4,M6671*Input!$C$22,0)</f>
        <v>0</v>
      </c>
      <c r="R6671" s="58">
        <v>64.521215976846577</v>
      </c>
      <c r="S6671" s="124">
        <f t="shared" si="104"/>
        <v>1.7461675986928449</v>
      </c>
    </row>
    <row r="6672" spans="8:19" x14ac:dyDescent="0.3">
      <c r="H6672" s="44">
        <v>6665</v>
      </c>
      <c r="I6672" s="56">
        <f>Bühler!I6698</f>
        <v>0.38147046002212914</v>
      </c>
      <c r="J6672" s="59">
        <f>Bühler!J6698</f>
        <v>1.271568200073764</v>
      </c>
      <c r="K6672" s="59">
        <f>Bühler!K6698</f>
        <v>1.9073523001106456</v>
      </c>
      <c r="L6672" s="59">
        <f>Bühler!L6698</f>
        <v>9.1552910405310985</v>
      </c>
      <c r="M6672" s="58">
        <f>Bühler!M6698</f>
        <v>0</v>
      </c>
      <c r="N6672" s="56">
        <f>IF(Input!$D$19=1,J6672*Input!$C$19,0)+IF(Input!$D$20=1,K6672*Input!$C$20,0)+IF(Input!$D$21=1,L6672*Input!$C$21,0)+IF(Input!$D$22=1,M6672*Input!$C$22,0)</f>
        <v>0.3814704600221292</v>
      </c>
      <c r="O6672" s="59">
        <f>IF(Input!$D$19=2,J6672*Input!$C$19,0)+IF(Input!$D$20=2,K6672*Input!$C$20,0)+IF(Input!$D$21=2,L6672*Input!$C$21,0)+IF(Input!$D$22=2,M6672*Input!$C$22,0)</f>
        <v>0.9536761500553228</v>
      </c>
      <c r="P6672" s="59">
        <f>IF(Input!$D$19=3,J6672*Input!$C$19,0)+IF(Input!$D$20=3,K6672*Input!$C$20,0)+IF(Input!$D$21=3,L6672*Input!$C$21,0)+IF(Input!$D$22=3,M6672*Input!$C$22,0)</f>
        <v>0</v>
      </c>
      <c r="Q6672" s="75">
        <f>IF(Input!$D$19=4,J6672*Input!$C$19,0)+IF(Input!$D$20=4,K6672*Input!$C$20,0)+IF(Input!$D$21=4,L6672*Input!$C$21,0)+IF(Input!$D$22=4,M6672*Input!$C$22,0)</f>
        <v>0</v>
      </c>
      <c r="R6672" s="58">
        <v>63.7710712385108</v>
      </c>
      <c r="S6672" s="124">
        <f t="shared" si="104"/>
        <v>1.6530386600958931</v>
      </c>
    </row>
    <row r="6673" spans="8:19" x14ac:dyDescent="0.3">
      <c r="H6673" s="44">
        <v>6666</v>
      </c>
      <c r="I6673" s="56">
        <f>Bühler!I6699</f>
        <v>0.38147046002212914</v>
      </c>
      <c r="J6673" s="59">
        <f>Bühler!J6699</f>
        <v>1.271568200073764</v>
      </c>
      <c r="K6673" s="59">
        <f>Bühler!K6699</f>
        <v>1.9073523001106456</v>
      </c>
      <c r="L6673" s="59">
        <f>Bühler!L6699</f>
        <v>9.1552910405310985</v>
      </c>
      <c r="M6673" s="58">
        <f>Bühler!M6699</f>
        <v>0</v>
      </c>
      <c r="N6673" s="56">
        <f>IF(Input!$D$19=1,J6673*Input!$C$19,0)+IF(Input!$D$20=1,K6673*Input!$C$20,0)+IF(Input!$D$21=1,L6673*Input!$C$21,0)+IF(Input!$D$22=1,M6673*Input!$C$22,0)</f>
        <v>0.3814704600221292</v>
      </c>
      <c r="O6673" s="59">
        <f>IF(Input!$D$19=2,J6673*Input!$C$19,0)+IF(Input!$D$20=2,K6673*Input!$C$20,0)+IF(Input!$D$21=2,L6673*Input!$C$21,0)+IF(Input!$D$22=2,M6673*Input!$C$22,0)</f>
        <v>0.9536761500553228</v>
      </c>
      <c r="P6673" s="59">
        <f>IF(Input!$D$19=3,J6673*Input!$C$19,0)+IF(Input!$D$20=3,K6673*Input!$C$20,0)+IF(Input!$D$21=3,L6673*Input!$C$21,0)+IF(Input!$D$22=3,M6673*Input!$C$22,0)</f>
        <v>0</v>
      </c>
      <c r="Q6673" s="75">
        <f>IF(Input!$D$19=4,J6673*Input!$C$19,0)+IF(Input!$D$20=4,K6673*Input!$C$20,0)+IF(Input!$D$21=4,L6673*Input!$C$21,0)+IF(Input!$D$22=4,M6673*Input!$C$22,0)</f>
        <v>0</v>
      </c>
      <c r="R6673" s="58">
        <v>62.665177539929026</v>
      </c>
      <c r="S6673" s="124">
        <f t="shared" si="104"/>
        <v>1.6530386600958931</v>
      </c>
    </row>
    <row r="6674" spans="8:19" x14ac:dyDescent="0.3">
      <c r="H6674" s="44">
        <v>6667</v>
      </c>
      <c r="I6674" s="56">
        <f>Bühler!I6700</f>
        <v>0.38147046002212914</v>
      </c>
      <c r="J6674" s="59">
        <f>Bühler!J6700</f>
        <v>1.271568200073764</v>
      </c>
      <c r="K6674" s="59">
        <f>Bühler!K6700</f>
        <v>1.9073523001106456</v>
      </c>
      <c r="L6674" s="59">
        <f>Bühler!L6700</f>
        <v>9.1552910405310985</v>
      </c>
      <c r="M6674" s="58">
        <f>Bühler!M6700</f>
        <v>0</v>
      </c>
      <c r="N6674" s="56">
        <f>IF(Input!$D$19=1,J6674*Input!$C$19,0)+IF(Input!$D$20=1,K6674*Input!$C$20,0)+IF(Input!$D$21=1,L6674*Input!$C$21,0)+IF(Input!$D$22=1,M6674*Input!$C$22,0)</f>
        <v>0.3814704600221292</v>
      </c>
      <c r="O6674" s="59">
        <f>IF(Input!$D$19=2,J6674*Input!$C$19,0)+IF(Input!$D$20=2,K6674*Input!$C$20,0)+IF(Input!$D$21=2,L6674*Input!$C$21,0)+IF(Input!$D$22=2,M6674*Input!$C$22,0)</f>
        <v>0.9536761500553228</v>
      </c>
      <c r="P6674" s="59">
        <f>IF(Input!$D$19=3,J6674*Input!$C$19,0)+IF(Input!$D$20=3,K6674*Input!$C$20,0)+IF(Input!$D$21=3,L6674*Input!$C$21,0)+IF(Input!$D$22=3,M6674*Input!$C$22,0)</f>
        <v>0</v>
      </c>
      <c r="Q6674" s="75">
        <f>IF(Input!$D$19=4,J6674*Input!$C$19,0)+IF(Input!$D$20=4,K6674*Input!$C$20,0)+IF(Input!$D$21=4,L6674*Input!$C$21,0)+IF(Input!$D$22=4,M6674*Input!$C$22,0)</f>
        <v>0</v>
      </c>
      <c r="R6674" s="58">
        <v>61.420542746955974</v>
      </c>
      <c r="S6674" s="124">
        <f t="shared" si="104"/>
        <v>1.6530386600958931</v>
      </c>
    </row>
    <row r="6675" spans="8:19" x14ac:dyDescent="0.3">
      <c r="H6675" s="44">
        <v>6668</v>
      </c>
      <c r="I6675" s="56">
        <f>Bühler!I6701</f>
        <v>0.38147046002212914</v>
      </c>
      <c r="J6675" s="59">
        <f>Bühler!J6701</f>
        <v>1.271568200073764</v>
      </c>
      <c r="K6675" s="59">
        <f>Bühler!K6701</f>
        <v>1.9073523001106456</v>
      </c>
      <c r="L6675" s="59">
        <f>Bühler!L6701</f>
        <v>9.1552910405310985</v>
      </c>
      <c r="M6675" s="58">
        <f>Bühler!M6701</f>
        <v>0</v>
      </c>
      <c r="N6675" s="56">
        <f>IF(Input!$D$19=1,J6675*Input!$C$19,0)+IF(Input!$D$20=1,K6675*Input!$C$20,0)+IF(Input!$D$21=1,L6675*Input!$C$21,0)+IF(Input!$D$22=1,M6675*Input!$C$22,0)</f>
        <v>0.3814704600221292</v>
      </c>
      <c r="O6675" s="59">
        <f>IF(Input!$D$19=2,J6675*Input!$C$19,0)+IF(Input!$D$20=2,K6675*Input!$C$20,0)+IF(Input!$D$21=2,L6675*Input!$C$21,0)+IF(Input!$D$22=2,M6675*Input!$C$22,0)</f>
        <v>0.9536761500553228</v>
      </c>
      <c r="P6675" s="59">
        <f>IF(Input!$D$19=3,J6675*Input!$C$19,0)+IF(Input!$D$20=3,K6675*Input!$C$20,0)+IF(Input!$D$21=3,L6675*Input!$C$21,0)+IF(Input!$D$22=3,M6675*Input!$C$22,0)</f>
        <v>0</v>
      </c>
      <c r="Q6675" s="75">
        <f>IF(Input!$D$19=4,J6675*Input!$C$19,0)+IF(Input!$D$20=4,K6675*Input!$C$20,0)+IF(Input!$D$21=4,L6675*Input!$C$21,0)+IF(Input!$D$22=4,M6675*Input!$C$22,0)</f>
        <v>0</v>
      </c>
      <c r="R6675" s="58">
        <v>60.573059148909373</v>
      </c>
      <c r="S6675" s="124">
        <f t="shared" si="104"/>
        <v>1.6530386600958931</v>
      </c>
    </row>
    <row r="6676" spans="8:19" x14ac:dyDescent="0.3">
      <c r="H6676" s="44">
        <v>6669</v>
      </c>
      <c r="I6676" s="56">
        <f>Bühler!I6702</f>
        <v>0.2955052859326352</v>
      </c>
      <c r="J6676" s="59">
        <f>Bühler!J6702</f>
        <v>0.98501761977545077</v>
      </c>
      <c r="K6676" s="59">
        <f>Bühler!K6702</f>
        <v>1.477526429663176</v>
      </c>
      <c r="L6676" s="59">
        <f>Bühler!L6702</f>
        <v>7.0921268623832452</v>
      </c>
      <c r="M6676" s="58">
        <f>Bühler!M6702</f>
        <v>0</v>
      </c>
      <c r="N6676" s="56">
        <f>IF(Input!$D$19=1,J6676*Input!$C$19,0)+IF(Input!$D$20=1,K6676*Input!$C$20,0)+IF(Input!$D$21=1,L6676*Input!$C$21,0)+IF(Input!$D$22=1,M6676*Input!$C$22,0)</f>
        <v>0.2955052859326352</v>
      </c>
      <c r="O6676" s="59">
        <f>IF(Input!$D$19=2,J6676*Input!$C$19,0)+IF(Input!$D$20=2,K6676*Input!$C$20,0)+IF(Input!$D$21=2,L6676*Input!$C$21,0)+IF(Input!$D$22=2,M6676*Input!$C$22,0)</f>
        <v>0.73876321483158802</v>
      </c>
      <c r="P6676" s="59">
        <f>IF(Input!$D$19=3,J6676*Input!$C$19,0)+IF(Input!$D$20=3,K6676*Input!$C$20,0)+IF(Input!$D$21=3,L6676*Input!$C$21,0)+IF(Input!$D$22=3,M6676*Input!$C$22,0)</f>
        <v>0</v>
      </c>
      <c r="Q6676" s="75">
        <f>IF(Input!$D$19=4,J6676*Input!$C$19,0)+IF(Input!$D$20=4,K6676*Input!$C$20,0)+IF(Input!$D$21=4,L6676*Input!$C$21,0)+IF(Input!$D$22=4,M6676*Input!$C$22,0)</f>
        <v>0</v>
      </c>
      <c r="R6676" s="58">
        <v>58.626534697363539</v>
      </c>
      <c r="S6676" s="124">
        <f t="shared" si="104"/>
        <v>1.280522905708086</v>
      </c>
    </row>
    <row r="6677" spans="8:19" x14ac:dyDescent="0.3">
      <c r="H6677" s="44">
        <v>6670</v>
      </c>
      <c r="I6677" s="56">
        <f>Bühler!I6703</f>
        <v>0.11282929099246072</v>
      </c>
      <c r="J6677" s="59">
        <f>Bühler!J6703</f>
        <v>0.37609763664153578</v>
      </c>
      <c r="K6677" s="59">
        <f>Bühler!K6703</f>
        <v>0.56414645496230365</v>
      </c>
      <c r="L6677" s="59">
        <f>Bühler!L6703</f>
        <v>2.7079029838190571</v>
      </c>
      <c r="M6677" s="58">
        <f>Bühler!M6703</f>
        <v>0</v>
      </c>
      <c r="N6677" s="56">
        <f>IF(Input!$D$19=1,J6677*Input!$C$19,0)+IF(Input!$D$20=1,K6677*Input!$C$20,0)+IF(Input!$D$21=1,L6677*Input!$C$21,0)+IF(Input!$D$22=1,M6677*Input!$C$22,0)</f>
        <v>0.11282929099246072</v>
      </c>
      <c r="O6677" s="59">
        <f>IF(Input!$D$19=2,J6677*Input!$C$19,0)+IF(Input!$D$20=2,K6677*Input!$C$20,0)+IF(Input!$D$21=2,L6677*Input!$C$21,0)+IF(Input!$D$22=2,M6677*Input!$C$22,0)</f>
        <v>0.28207322748115182</v>
      </c>
      <c r="P6677" s="59">
        <f>IF(Input!$D$19=3,J6677*Input!$C$19,0)+IF(Input!$D$20=3,K6677*Input!$C$20,0)+IF(Input!$D$21=3,L6677*Input!$C$21,0)+IF(Input!$D$22=3,M6677*Input!$C$22,0)</f>
        <v>0</v>
      </c>
      <c r="Q6677" s="75">
        <f>IF(Input!$D$19=4,J6677*Input!$C$19,0)+IF(Input!$D$20=4,K6677*Input!$C$20,0)+IF(Input!$D$21=4,L6677*Input!$C$21,0)+IF(Input!$D$22=4,M6677*Input!$C$22,0)</f>
        <v>0</v>
      </c>
      <c r="R6677" s="58">
        <v>56.511928818477877</v>
      </c>
      <c r="S6677" s="124">
        <f t="shared" si="104"/>
        <v>0.48892692763399648</v>
      </c>
    </row>
    <row r="6678" spans="8:19" x14ac:dyDescent="0.3">
      <c r="H6678" s="44">
        <v>6671</v>
      </c>
      <c r="I6678" s="56">
        <f>Bühler!I6704</f>
        <v>0.11282929099246072</v>
      </c>
      <c r="J6678" s="59">
        <f>Bühler!J6704</f>
        <v>0.37609763664153578</v>
      </c>
      <c r="K6678" s="59">
        <f>Bühler!K6704</f>
        <v>0.56414645496230365</v>
      </c>
      <c r="L6678" s="59">
        <f>Bühler!L6704</f>
        <v>2.7079029838190571</v>
      </c>
      <c r="M6678" s="58">
        <f>Bühler!M6704</f>
        <v>0</v>
      </c>
      <c r="N6678" s="56">
        <f>IF(Input!$D$19=1,J6678*Input!$C$19,0)+IF(Input!$D$20=1,K6678*Input!$C$20,0)+IF(Input!$D$21=1,L6678*Input!$C$21,0)+IF(Input!$D$22=1,M6678*Input!$C$22,0)</f>
        <v>0.11282929099246072</v>
      </c>
      <c r="O6678" s="59">
        <f>IF(Input!$D$19=2,J6678*Input!$C$19,0)+IF(Input!$D$20=2,K6678*Input!$C$20,0)+IF(Input!$D$21=2,L6678*Input!$C$21,0)+IF(Input!$D$22=2,M6678*Input!$C$22,0)</f>
        <v>0.28207322748115182</v>
      </c>
      <c r="P6678" s="59">
        <f>IF(Input!$D$19=3,J6678*Input!$C$19,0)+IF(Input!$D$20=3,K6678*Input!$C$20,0)+IF(Input!$D$21=3,L6678*Input!$C$21,0)+IF(Input!$D$22=3,M6678*Input!$C$22,0)</f>
        <v>0</v>
      </c>
      <c r="Q6678" s="75">
        <f>IF(Input!$D$19=4,J6678*Input!$C$19,0)+IF(Input!$D$20=4,K6678*Input!$C$20,0)+IF(Input!$D$21=4,L6678*Input!$C$21,0)+IF(Input!$D$22=4,M6678*Input!$C$22,0)</f>
        <v>0</v>
      </c>
      <c r="R6678" s="58">
        <v>55.574358620031404</v>
      </c>
      <c r="S6678" s="124">
        <f t="shared" si="104"/>
        <v>0.48892692763399648</v>
      </c>
    </row>
    <row r="6679" spans="8:19" x14ac:dyDescent="0.3">
      <c r="H6679" s="44">
        <v>6672</v>
      </c>
      <c r="I6679" s="56">
        <f>Bühler!I6705</f>
        <v>0.11282929099246072</v>
      </c>
      <c r="J6679" s="59">
        <f>Bühler!J6705</f>
        <v>0.37609763664153578</v>
      </c>
      <c r="K6679" s="59">
        <f>Bühler!K6705</f>
        <v>0.56414645496230365</v>
      </c>
      <c r="L6679" s="59">
        <f>Bühler!L6705</f>
        <v>2.7079029838190571</v>
      </c>
      <c r="M6679" s="58">
        <f>Bühler!M6705</f>
        <v>0</v>
      </c>
      <c r="N6679" s="56">
        <f>IF(Input!$D$19=1,J6679*Input!$C$19,0)+IF(Input!$D$20=1,K6679*Input!$C$20,0)+IF(Input!$D$21=1,L6679*Input!$C$21,0)+IF(Input!$D$22=1,M6679*Input!$C$22,0)</f>
        <v>0.11282929099246072</v>
      </c>
      <c r="O6679" s="59">
        <f>IF(Input!$D$19=2,J6679*Input!$C$19,0)+IF(Input!$D$20=2,K6679*Input!$C$20,0)+IF(Input!$D$21=2,L6679*Input!$C$21,0)+IF(Input!$D$22=2,M6679*Input!$C$22,0)</f>
        <v>0.28207322748115182</v>
      </c>
      <c r="P6679" s="59">
        <f>IF(Input!$D$19=3,J6679*Input!$C$19,0)+IF(Input!$D$20=3,K6679*Input!$C$20,0)+IF(Input!$D$21=3,L6679*Input!$C$21,0)+IF(Input!$D$22=3,M6679*Input!$C$22,0)</f>
        <v>0</v>
      </c>
      <c r="Q6679" s="75">
        <f>IF(Input!$D$19=4,J6679*Input!$C$19,0)+IF(Input!$D$20=4,K6679*Input!$C$20,0)+IF(Input!$D$21=4,L6679*Input!$C$21,0)+IF(Input!$D$22=4,M6679*Input!$C$22,0)</f>
        <v>0</v>
      </c>
      <c r="R6679" s="58">
        <v>55.063511607358762</v>
      </c>
      <c r="S6679" s="124">
        <f t="shared" si="104"/>
        <v>0.48892692763399648</v>
      </c>
    </row>
    <row r="6680" spans="8:19" x14ac:dyDescent="0.3">
      <c r="H6680" s="44">
        <v>6673</v>
      </c>
      <c r="I6680" s="56">
        <f>Bühler!I6706</f>
        <v>6.9380954805152772E-2</v>
      </c>
      <c r="J6680" s="59">
        <f>Bühler!J6706</f>
        <v>0.23126984935050929</v>
      </c>
      <c r="K6680" s="59">
        <f>Bühler!K6706</f>
        <v>0.34690477402576392</v>
      </c>
      <c r="L6680" s="59">
        <f>Bühler!L6706</f>
        <v>4.0122093786241368</v>
      </c>
      <c r="M6680" s="58">
        <f>Bühler!M6706</f>
        <v>0</v>
      </c>
      <c r="N6680" s="56">
        <f>IF(Input!$D$19=1,J6680*Input!$C$19,0)+IF(Input!$D$20=1,K6680*Input!$C$20,0)+IF(Input!$D$21=1,L6680*Input!$C$21,0)+IF(Input!$D$22=1,M6680*Input!$C$22,0)</f>
        <v>6.9380954805152786E-2</v>
      </c>
      <c r="O6680" s="59">
        <f>IF(Input!$D$19=2,J6680*Input!$C$19,0)+IF(Input!$D$20=2,K6680*Input!$C$20,0)+IF(Input!$D$21=2,L6680*Input!$C$21,0)+IF(Input!$D$22=2,M6680*Input!$C$22,0)</f>
        <v>0.17345238701288196</v>
      </c>
      <c r="P6680" s="59">
        <f>IF(Input!$D$19=3,J6680*Input!$C$19,0)+IF(Input!$D$20=3,K6680*Input!$C$20,0)+IF(Input!$D$21=3,L6680*Input!$C$21,0)+IF(Input!$D$22=3,M6680*Input!$C$22,0)</f>
        <v>0</v>
      </c>
      <c r="Q6680" s="75">
        <f>IF(Input!$D$19=4,J6680*Input!$C$19,0)+IF(Input!$D$20=4,K6680*Input!$C$20,0)+IF(Input!$D$21=4,L6680*Input!$C$21,0)+IF(Input!$D$22=4,M6680*Input!$C$22,0)</f>
        <v>0</v>
      </c>
      <c r="R6680" s="58">
        <v>53.252784208017154</v>
      </c>
      <c r="S6680" s="124">
        <f t="shared" si="104"/>
        <v>0.30065080415566203</v>
      </c>
    </row>
    <row r="6681" spans="8:19" x14ac:dyDescent="0.3">
      <c r="H6681" s="44">
        <v>6674</v>
      </c>
      <c r="I6681" s="56">
        <f>Bühler!I6707</f>
        <v>0.13545805461958399</v>
      </c>
      <c r="J6681" s="59">
        <f>Bühler!J6707</f>
        <v>0.45152684873194671</v>
      </c>
      <c r="K6681" s="59">
        <f>Bühler!K6707</f>
        <v>0.67729027309792011</v>
      </c>
      <c r="L6681" s="59">
        <f>Bühler!L6707</f>
        <v>7.8333611677899828</v>
      </c>
      <c r="M6681" s="58">
        <f>Bühler!M6707</f>
        <v>0</v>
      </c>
      <c r="N6681" s="56">
        <f>IF(Input!$D$19=1,J6681*Input!$C$19,0)+IF(Input!$D$20=1,K6681*Input!$C$20,0)+IF(Input!$D$21=1,L6681*Input!$C$21,0)+IF(Input!$D$22=1,M6681*Input!$C$22,0)</f>
        <v>0.13545805461958402</v>
      </c>
      <c r="O6681" s="59">
        <f>IF(Input!$D$19=2,J6681*Input!$C$19,0)+IF(Input!$D$20=2,K6681*Input!$C$20,0)+IF(Input!$D$21=2,L6681*Input!$C$21,0)+IF(Input!$D$22=2,M6681*Input!$C$22,0)</f>
        <v>0.33864513654896006</v>
      </c>
      <c r="P6681" s="59">
        <f>IF(Input!$D$19=3,J6681*Input!$C$19,0)+IF(Input!$D$20=3,K6681*Input!$C$20,0)+IF(Input!$D$21=3,L6681*Input!$C$21,0)+IF(Input!$D$22=3,M6681*Input!$C$22,0)</f>
        <v>0</v>
      </c>
      <c r="Q6681" s="75">
        <f>IF(Input!$D$19=4,J6681*Input!$C$19,0)+IF(Input!$D$20=4,K6681*Input!$C$20,0)+IF(Input!$D$21=4,L6681*Input!$C$21,0)+IF(Input!$D$22=4,M6681*Input!$C$22,0)</f>
        <v>0</v>
      </c>
      <c r="R6681" s="58">
        <v>52.31934083881476</v>
      </c>
      <c r="S6681" s="124">
        <f t="shared" si="104"/>
        <v>0.58698490335153064</v>
      </c>
    </row>
    <row r="6682" spans="8:19" x14ac:dyDescent="0.3">
      <c r="H6682" s="44">
        <v>6675</v>
      </c>
      <c r="I6682" s="56">
        <f>Bühler!I6708</f>
        <v>0.13545805461958399</v>
      </c>
      <c r="J6682" s="59">
        <f>Bühler!J6708</f>
        <v>0.45152684873194671</v>
      </c>
      <c r="K6682" s="59">
        <f>Bühler!K6708</f>
        <v>0.67729027309792011</v>
      </c>
      <c r="L6682" s="59">
        <f>Bühler!L6708</f>
        <v>7.8333611677899828</v>
      </c>
      <c r="M6682" s="58">
        <f>Bühler!M6708</f>
        <v>0</v>
      </c>
      <c r="N6682" s="56">
        <f>IF(Input!$D$19=1,J6682*Input!$C$19,0)+IF(Input!$D$20=1,K6682*Input!$C$20,0)+IF(Input!$D$21=1,L6682*Input!$C$21,0)+IF(Input!$D$22=1,M6682*Input!$C$22,0)</f>
        <v>0.13545805461958402</v>
      </c>
      <c r="O6682" s="59">
        <f>IF(Input!$D$19=2,J6682*Input!$C$19,0)+IF(Input!$D$20=2,K6682*Input!$C$20,0)+IF(Input!$D$21=2,L6682*Input!$C$21,0)+IF(Input!$D$22=2,M6682*Input!$C$22,0)</f>
        <v>0.33864513654896006</v>
      </c>
      <c r="P6682" s="59">
        <f>IF(Input!$D$19=3,J6682*Input!$C$19,0)+IF(Input!$D$20=3,K6682*Input!$C$20,0)+IF(Input!$D$21=3,L6682*Input!$C$21,0)+IF(Input!$D$22=3,M6682*Input!$C$22,0)</f>
        <v>0</v>
      </c>
      <c r="Q6682" s="75">
        <f>IF(Input!$D$19=4,J6682*Input!$C$19,0)+IF(Input!$D$20=4,K6682*Input!$C$20,0)+IF(Input!$D$21=4,L6682*Input!$C$21,0)+IF(Input!$D$22=4,M6682*Input!$C$22,0)</f>
        <v>0</v>
      </c>
      <c r="R6682" s="58">
        <v>51.555400716674818</v>
      </c>
      <c r="S6682" s="124">
        <f t="shared" si="104"/>
        <v>0.58698490335153064</v>
      </c>
    </row>
    <row r="6683" spans="8:19" x14ac:dyDescent="0.3">
      <c r="H6683" s="44">
        <v>6676</v>
      </c>
      <c r="I6683" s="56">
        <f>Bühler!I6709</f>
        <v>0.13545805461958399</v>
      </c>
      <c r="J6683" s="59">
        <f>Bühler!J6709</f>
        <v>0.45152684873194671</v>
      </c>
      <c r="K6683" s="59">
        <f>Bühler!K6709</f>
        <v>0.67729027309792011</v>
      </c>
      <c r="L6683" s="59">
        <f>Bühler!L6709</f>
        <v>7.8333611677899828</v>
      </c>
      <c r="M6683" s="58">
        <f>Bühler!M6709</f>
        <v>0</v>
      </c>
      <c r="N6683" s="56">
        <f>IF(Input!$D$19=1,J6683*Input!$C$19,0)+IF(Input!$D$20=1,K6683*Input!$C$20,0)+IF(Input!$D$21=1,L6683*Input!$C$21,0)+IF(Input!$D$22=1,M6683*Input!$C$22,0)</f>
        <v>0.13545805461958402</v>
      </c>
      <c r="O6683" s="59">
        <f>IF(Input!$D$19=2,J6683*Input!$C$19,0)+IF(Input!$D$20=2,K6683*Input!$C$20,0)+IF(Input!$D$21=2,L6683*Input!$C$21,0)+IF(Input!$D$22=2,M6683*Input!$C$22,0)</f>
        <v>0.33864513654896006</v>
      </c>
      <c r="P6683" s="59">
        <f>IF(Input!$D$19=3,J6683*Input!$C$19,0)+IF(Input!$D$20=3,K6683*Input!$C$20,0)+IF(Input!$D$21=3,L6683*Input!$C$21,0)+IF(Input!$D$22=3,M6683*Input!$C$22,0)</f>
        <v>0</v>
      </c>
      <c r="Q6683" s="75">
        <f>IF(Input!$D$19=4,J6683*Input!$C$19,0)+IF(Input!$D$20=4,K6683*Input!$C$20,0)+IF(Input!$D$21=4,L6683*Input!$C$21,0)+IF(Input!$D$22=4,M6683*Input!$C$22,0)</f>
        <v>0</v>
      </c>
      <c r="R6683" s="58">
        <v>50.883306096415801</v>
      </c>
      <c r="S6683" s="124">
        <f t="shared" si="104"/>
        <v>0.58698490335153064</v>
      </c>
    </row>
    <row r="6684" spans="8:19" x14ac:dyDescent="0.3">
      <c r="H6684" s="44">
        <v>6677</v>
      </c>
      <c r="I6684" s="56">
        <f>Bühler!I6710</f>
        <v>0.13545805461958399</v>
      </c>
      <c r="J6684" s="59">
        <f>Bühler!J6710</f>
        <v>0.45152684873194671</v>
      </c>
      <c r="K6684" s="59">
        <f>Bühler!K6710</f>
        <v>0.67729027309792011</v>
      </c>
      <c r="L6684" s="59">
        <f>Bühler!L6710</f>
        <v>7.8333611677899828</v>
      </c>
      <c r="M6684" s="58">
        <f>Bühler!M6710</f>
        <v>0</v>
      </c>
      <c r="N6684" s="56">
        <f>IF(Input!$D$19=1,J6684*Input!$C$19,0)+IF(Input!$D$20=1,K6684*Input!$C$20,0)+IF(Input!$D$21=1,L6684*Input!$C$21,0)+IF(Input!$D$22=1,M6684*Input!$C$22,0)</f>
        <v>0.13545805461958402</v>
      </c>
      <c r="O6684" s="59">
        <f>IF(Input!$D$19=2,J6684*Input!$C$19,0)+IF(Input!$D$20=2,K6684*Input!$C$20,0)+IF(Input!$D$21=2,L6684*Input!$C$21,0)+IF(Input!$D$22=2,M6684*Input!$C$22,0)</f>
        <v>0.33864513654896006</v>
      </c>
      <c r="P6684" s="59">
        <f>IF(Input!$D$19=3,J6684*Input!$C$19,0)+IF(Input!$D$20=3,K6684*Input!$C$20,0)+IF(Input!$D$21=3,L6684*Input!$C$21,0)+IF(Input!$D$22=3,M6684*Input!$C$22,0)</f>
        <v>0</v>
      </c>
      <c r="Q6684" s="75">
        <f>IF(Input!$D$19=4,J6684*Input!$C$19,0)+IF(Input!$D$20=4,K6684*Input!$C$20,0)+IF(Input!$D$21=4,L6684*Input!$C$21,0)+IF(Input!$D$22=4,M6684*Input!$C$22,0)</f>
        <v>0</v>
      </c>
      <c r="R6684" s="58">
        <v>49.799156485676228</v>
      </c>
      <c r="S6684" s="124">
        <f t="shared" si="104"/>
        <v>0.58698490335153064</v>
      </c>
    </row>
    <row r="6685" spans="8:19" x14ac:dyDescent="0.3">
      <c r="H6685" s="44">
        <v>6678</v>
      </c>
      <c r="I6685" s="56">
        <f>Bühler!I6711</f>
        <v>0.16849660452679963</v>
      </c>
      <c r="J6685" s="59">
        <f>Bühler!J6711</f>
        <v>0.56165534842266551</v>
      </c>
      <c r="K6685" s="59">
        <f>Bühler!K6711</f>
        <v>0.84248302263399832</v>
      </c>
      <c r="L6685" s="59">
        <f>Bühler!L6711</f>
        <v>9.7439370623729058</v>
      </c>
      <c r="M6685" s="58">
        <f>Bühler!M6711</f>
        <v>0</v>
      </c>
      <c r="N6685" s="56">
        <f>IF(Input!$D$19=1,J6685*Input!$C$19,0)+IF(Input!$D$20=1,K6685*Input!$C$20,0)+IF(Input!$D$21=1,L6685*Input!$C$21,0)+IF(Input!$D$22=1,M6685*Input!$C$22,0)</f>
        <v>0.16849660452679965</v>
      </c>
      <c r="O6685" s="59">
        <f>IF(Input!$D$19=2,J6685*Input!$C$19,0)+IF(Input!$D$20=2,K6685*Input!$C$20,0)+IF(Input!$D$21=2,L6685*Input!$C$21,0)+IF(Input!$D$22=2,M6685*Input!$C$22,0)</f>
        <v>0.42124151131699916</v>
      </c>
      <c r="P6685" s="59">
        <f>IF(Input!$D$19=3,J6685*Input!$C$19,0)+IF(Input!$D$20=3,K6685*Input!$C$20,0)+IF(Input!$D$21=3,L6685*Input!$C$21,0)+IF(Input!$D$22=3,M6685*Input!$C$22,0)</f>
        <v>0</v>
      </c>
      <c r="Q6685" s="75">
        <f>IF(Input!$D$19=4,J6685*Input!$C$19,0)+IF(Input!$D$20=4,K6685*Input!$C$20,0)+IF(Input!$D$21=4,L6685*Input!$C$21,0)+IF(Input!$D$22=4,M6685*Input!$C$22,0)</f>
        <v>0</v>
      </c>
      <c r="R6685" s="58">
        <v>48.898320314177965</v>
      </c>
      <c r="S6685" s="124">
        <f t="shared" si="104"/>
        <v>0.73015195294946511</v>
      </c>
    </row>
    <row r="6686" spans="8:19" x14ac:dyDescent="0.3">
      <c r="H6686" s="44">
        <v>6679</v>
      </c>
      <c r="I6686" s="56">
        <f>Bühler!I6712</f>
        <v>0.2114467194061799</v>
      </c>
      <c r="J6686" s="59">
        <f>Bühler!J6712</f>
        <v>0.70482239802059976</v>
      </c>
      <c r="K6686" s="59">
        <f>Bühler!K6712</f>
        <v>1.0572335970308997</v>
      </c>
      <c r="L6686" s="59">
        <f>Bühler!L6712</f>
        <v>12.227685725330703</v>
      </c>
      <c r="M6686" s="58">
        <f>Bühler!M6712</f>
        <v>0</v>
      </c>
      <c r="N6686" s="56">
        <f>IF(Input!$D$19=1,J6686*Input!$C$19,0)+IF(Input!$D$20=1,K6686*Input!$C$20,0)+IF(Input!$D$21=1,L6686*Input!$C$21,0)+IF(Input!$D$22=1,M6686*Input!$C$22,0)</f>
        <v>0.21144671940617993</v>
      </c>
      <c r="O6686" s="59">
        <f>IF(Input!$D$19=2,J6686*Input!$C$19,0)+IF(Input!$D$20=2,K6686*Input!$C$20,0)+IF(Input!$D$21=2,L6686*Input!$C$21,0)+IF(Input!$D$22=2,M6686*Input!$C$22,0)</f>
        <v>0.52861679851544985</v>
      </c>
      <c r="P6686" s="59">
        <f>IF(Input!$D$19=3,J6686*Input!$C$19,0)+IF(Input!$D$20=3,K6686*Input!$C$20,0)+IF(Input!$D$21=3,L6686*Input!$C$21,0)+IF(Input!$D$22=3,M6686*Input!$C$22,0)</f>
        <v>0</v>
      </c>
      <c r="Q6686" s="75">
        <f>IF(Input!$D$19=4,J6686*Input!$C$19,0)+IF(Input!$D$20=4,K6686*Input!$C$20,0)+IF(Input!$D$21=4,L6686*Input!$C$21,0)+IF(Input!$D$22=4,M6686*Input!$C$22,0)</f>
        <v>0</v>
      </c>
      <c r="R6686" s="58">
        <v>48.911254497827926</v>
      </c>
      <c r="S6686" s="124">
        <f t="shared" si="104"/>
        <v>0.91626911742677963</v>
      </c>
    </row>
    <row r="6687" spans="8:19" x14ac:dyDescent="0.3">
      <c r="H6687" s="44">
        <v>6680</v>
      </c>
      <c r="I6687" s="56">
        <f>Bühler!I6713</f>
        <v>0.24118141432267398</v>
      </c>
      <c r="J6687" s="59">
        <f>Bühler!J6713</f>
        <v>0.80393804774224664</v>
      </c>
      <c r="K6687" s="59">
        <f>Bühler!K6713</f>
        <v>1.20590707161337</v>
      </c>
      <c r="L6687" s="59">
        <f>Bühler!L6713</f>
        <v>13.947204030455335</v>
      </c>
      <c r="M6687" s="58">
        <f>Bühler!M6713</f>
        <v>0</v>
      </c>
      <c r="N6687" s="56">
        <f>IF(Input!$D$19=1,J6687*Input!$C$19,0)+IF(Input!$D$20=1,K6687*Input!$C$20,0)+IF(Input!$D$21=1,L6687*Input!$C$21,0)+IF(Input!$D$22=1,M6687*Input!$C$22,0)</f>
        <v>0.24118141432267398</v>
      </c>
      <c r="O6687" s="59">
        <f>IF(Input!$D$19=2,J6687*Input!$C$19,0)+IF(Input!$D$20=2,K6687*Input!$C$20,0)+IF(Input!$D$21=2,L6687*Input!$C$21,0)+IF(Input!$D$22=2,M6687*Input!$C$22,0)</f>
        <v>0.60295353580668498</v>
      </c>
      <c r="P6687" s="59">
        <f>IF(Input!$D$19=3,J6687*Input!$C$19,0)+IF(Input!$D$20=3,K6687*Input!$C$20,0)+IF(Input!$D$21=3,L6687*Input!$C$21,0)+IF(Input!$D$22=3,M6687*Input!$C$22,0)</f>
        <v>0</v>
      </c>
      <c r="Q6687" s="75">
        <f>IF(Input!$D$19=4,J6687*Input!$C$19,0)+IF(Input!$D$20=4,K6687*Input!$C$20,0)+IF(Input!$D$21=4,L6687*Input!$C$21,0)+IF(Input!$D$22=4,M6687*Input!$C$22,0)</f>
        <v>0</v>
      </c>
      <c r="R6687" s="58">
        <v>48.713931865388211</v>
      </c>
      <c r="S6687" s="124">
        <f t="shared" si="104"/>
        <v>1.0451194620649207</v>
      </c>
    </row>
    <row r="6688" spans="8:19" x14ac:dyDescent="0.3">
      <c r="H6688" s="44">
        <v>6681</v>
      </c>
      <c r="I6688" s="56">
        <f>Bühler!I6714</f>
        <v>0.24118141432267398</v>
      </c>
      <c r="J6688" s="59">
        <f>Bühler!J6714</f>
        <v>0.80393804774224664</v>
      </c>
      <c r="K6688" s="59">
        <f>Bühler!K6714</f>
        <v>1.20590707161337</v>
      </c>
      <c r="L6688" s="59">
        <f>Bühler!L6714</f>
        <v>13.947204030455335</v>
      </c>
      <c r="M6688" s="58">
        <f>Bühler!M6714</f>
        <v>0</v>
      </c>
      <c r="N6688" s="56">
        <f>IF(Input!$D$19=1,J6688*Input!$C$19,0)+IF(Input!$D$20=1,K6688*Input!$C$20,0)+IF(Input!$D$21=1,L6688*Input!$C$21,0)+IF(Input!$D$22=1,M6688*Input!$C$22,0)</f>
        <v>0.24118141432267398</v>
      </c>
      <c r="O6688" s="59">
        <f>IF(Input!$D$19=2,J6688*Input!$C$19,0)+IF(Input!$D$20=2,K6688*Input!$C$20,0)+IF(Input!$D$21=2,L6688*Input!$C$21,0)+IF(Input!$D$22=2,M6688*Input!$C$22,0)</f>
        <v>0.60295353580668498</v>
      </c>
      <c r="P6688" s="59">
        <f>IF(Input!$D$19=3,J6688*Input!$C$19,0)+IF(Input!$D$20=3,K6688*Input!$C$20,0)+IF(Input!$D$21=3,L6688*Input!$C$21,0)+IF(Input!$D$22=3,M6688*Input!$C$22,0)</f>
        <v>0</v>
      </c>
      <c r="Q6688" s="75">
        <f>IF(Input!$D$19=4,J6688*Input!$C$19,0)+IF(Input!$D$20=4,K6688*Input!$C$20,0)+IF(Input!$D$21=4,L6688*Input!$C$21,0)+IF(Input!$D$22=4,M6688*Input!$C$22,0)</f>
        <v>0</v>
      </c>
      <c r="R6688" s="58">
        <v>48.398297693841869</v>
      </c>
      <c r="S6688" s="124">
        <f t="shared" si="104"/>
        <v>1.0451194620649207</v>
      </c>
    </row>
    <row r="6689" spans="8:19" x14ac:dyDescent="0.3">
      <c r="H6689" s="44">
        <v>6682</v>
      </c>
      <c r="I6689" s="56">
        <f>Bühler!I6715</f>
        <v>0.24118141432267398</v>
      </c>
      <c r="J6689" s="59">
        <f>Bühler!J6715</f>
        <v>0.80393804774224664</v>
      </c>
      <c r="K6689" s="59">
        <f>Bühler!K6715</f>
        <v>1.20590707161337</v>
      </c>
      <c r="L6689" s="59">
        <f>Bühler!L6715</f>
        <v>13.947204030455335</v>
      </c>
      <c r="M6689" s="58">
        <f>Bühler!M6715</f>
        <v>0</v>
      </c>
      <c r="N6689" s="56">
        <f>IF(Input!$D$19=1,J6689*Input!$C$19,0)+IF(Input!$D$20=1,K6689*Input!$C$20,0)+IF(Input!$D$21=1,L6689*Input!$C$21,0)+IF(Input!$D$22=1,M6689*Input!$C$22,0)</f>
        <v>0.24118141432267398</v>
      </c>
      <c r="O6689" s="59">
        <f>IF(Input!$D$19=2,J6689*Input!$C$19,0)+IF(Input!$D$20=2,K6689*Input!$C$20,0)+IF(Input!$D$21=2,L6689*Input!$C$21,0)+IF(Input!$D$22=2,M6689*Input!$C$22,0)</f>
        <v>0.60295353580668498</v>
      </c>
      <c r="P6689" s="59">
        <f>IF(Input!$D$19=3,J6689*Input!$C$19,0)+IF(Input!$D$20=3,K6689*Input!$C$20,0)+IF(Input!$D$21=3,L6689*Input!$C$21,0)+IF(Input!$D$22=3,M6689*Input!$C$22,0)</f>
        <v>0</v>
      </c>
      <c r="Q6689" s="75">
        <f>IF(Input!$D$19=4,J6689*Input!$C$19,0)+IF(Input!$D$20=4,K6689*Input!$C$20,0)+IF(Input!$D$21=4,L6689*Input!$C$21,0)+IF(Input!$D$22=4,M6689*Input!$C$22,0)</f>
        <v>0</v>
      </c>
      <c r="R6689" s="58">
        <v>47.714745020105241</v>
      </c>
      <c r="S6689" s="124">
        <f t="shared" si="104"/>
        <v>1.0451194620649207</v>
      </c>
    </row>
    <row r="6690" spans="8:19" x14ac:dyDescent="0.3">
      <c r="H6690" s="44">
        <v>6683</v>
      </c>
      <c r="I6690" s="56">
        <f>Bühler!I6716</f>
        <v>0.24118141432267398</v>
      </c>
      <c r="J6690" s="59">
        <f>Bühler!J6716</f>
        <v>0.80393804774224664</v>
      </c>
      <c r="K6690" s="59">
        <f>Bühler!K6716</f>
        <v>1.20590707161337</v>
      </c>
      <c r="L6690" s="59">
        <f>Bühler!L6716</f>
        <v>13.947204030455335</v>
      </c>
      <c r="M6690" s="58">
        <f>Bühler!M6716</f>
        <v>0</v>
      </c>
      <c r="N6690" s="56">
        <f>IF(Input!$D$19=1,J6690*Input!$C$19,0)+IF(Input!$D$20=1,K6690*Input!$C$20,0)+IF(Input!$D$21=1,L6690*Input!$C$21,0)+IF(Input!$D$22=1,M6690*Input!$C$22,0)</f>
        <v>0.24118141432267398</v>
      </c>
      <c r="O6690" s="59">
        <f>IF(Input!$D$19=2,J6690*Input!$C$19,0)+IF(Input!$D$20=2,K6690*Input!$C$20,0)+IF(Input!$D$21=2,L6690*Input!$C$21,0)+IF(Input!$D$22=2,M6690*Input!$C$22,0)</f>
        <v>0.60295353580668498</v>
      </c>
      <c r="P6690" s="59">
        <f>IF(Input!$D$19=3,J6690*Input!$C$19,0)+IF(Input!$D$20=3,K6690*Input!$C$20,0)+IF(Input!$D$21=3,L6690*Input!$C$21,0)+IF(Input!$D$22=3,M6690*Input!$C$22,0)</f>
        <v>0</v>
      </c>
      <c r="Q6690" s="75">
        <f>IF(Input!$D$19=4,J6690*Input!$C$19,0)+IF(Input!$D$20=4,K6690*Input!$C$20,0)+IF(Input!$D$21=4,L6690*Input!$C$21,0)+IF(Input!$D$22=4,M6690*Input!$C$22,0)</f>
        <v>0</v>
      </c>
      <c r="R6690" s="58">
        <v>47.433703741435068</v>
      </c>
      <c r="S6690" s="124">
        <f t="shared" si="104"/>
        <v>1.0451194620649207</v>
      </c>
    </row>
    <row r="6691" spans="8:19" x14ac:dyDescent="0.3">
      <c r="H6691" s="44">
        <v>6684</v>
      </c>
      <c r="I6691" s="56">
        <f>Bühler!I6717</f>
        <v>0.24118141432267398</v>
      </c>
      <c r="J6691" s="59">
        <f>Bühler!J6717</f>
        <v>0.80393804774224664</v>
      </c>
      <c r="K6691" s="59">
        <f>Bühler!K6717</f>
        <v>1.20590707161337</v>
      </c>
      <c r="L6691" s="59">
        <f>Bühler!L6717</f>
        <v>13.947204030455335</v>
      </c>
      <c r="M6691" s="58">
        <f>Bühler!M6717</f>
        <v>0</v>
      </c>
      <c r="N6691" s="56">
        <f>IF(Input!$D$19=1,J6691*Input!$C$19,0)+IF(Input!$D$20=1,K6691*Input!$C$20,0)+IF(Input!$D$21=1,L6691*Input!$C$21,0)+IF(Input!$D$22=1,M6691*Input!$C$22,0)</f>
        <v>0.24118141432267398</v>
      </c>
      <c r="O6691" s="59">
        <f>IF(Input!$D$19=2,J6691*Input!$C$19,0)+IF(Input!$D$20=2,K6691*Input!$C$20,0)+IF(Input!$D$21=2,L6691*Input!$C$21,0)+IF(Input!$D$22=2,M6691*Input!$C$22,0)</f>
        <v>0.60295353580668498</v>
      </c>
      <c r="P6691" s="59">
        <f>IF(Input!$D$19=3,J6691*Input!$C$19,0)+IF(Input!$D$20=3,K6691*Input!$C$20,0)+IF(Input!$D$21=3,L6691*Input!$C$21,0)+IF(Input!$D$22=3,M6691*Input!$C$22,0)</f>
        <v>0</v>
      </c>
      <c r="Q6691" s="75">
        <f>IF(Input!$D$19=4,J6691*Input!$C$19,0)+IF(Input!$D$20=4,K6691*Input!$C$20,0)+IF(Input!$D$21=4,L6691*Input!$C$21,0)+IF(Input!$D$22=4,M6691*Input!$C$22,0)</f>
        <v>0</v>
      </c>
      <c r="R6691" s="58">
        <v>46.890786672978308</v>
      </c>
      <c r="S6691" s="124">
        <f t="shared" si="104"/>
        <v>1.0451194620649207</v>
      </c>
    </row>
    <row r="6692" spans="8:19" x14ac:dyDescent="0.3">
      <c r="H6692" s="44">
        <v>6685</v>
      </c>
      <c r="I6692" s="56">
        <f>Bühler!I6718</f>
        <v>0.24118141432267398</v>
      </c>
      <c r="J6692" s="59">
        <f>Bühler!J6718</f>
        <v>0.80393804774224664</v>
      </c>
      <c r="K6692" s="59">
        <f>Bühler!K6718</f>
        <v>1.20590707161337</v>
      </c>
      <c r="L6692" s="59">
        <f>Bühler!L6718</f>
        <v>13.947204030455335</v>
      </c>
      <c r="M6692" s="58">
        <f>Bühler!M6718</f>
        <v>0</v>
      </c>
      <c r="N6692" s="56">
        <f>IF(Input!$D$19=1,J6692*Input!$C$19,0)+IF(Input!$D$20=1,K6692*Input!$C$20,0)+IF(Input!$D$21=1,L6692*Input!$C$21,0)+IF(Input!$D$22=1,M6692*Input!$C$22,0)</f>
        <v>0.24118141432267398</v>
      </c>
      <c r="O6692" s="59">
        <f>IF(Input!$D$19=2,J6692*Input!$C$19,0)+IF(Input!$D$20=2,K6692*Input!$C$20,0)+IF(Input!$D$21=2,L6692*Input!$C$21,0)+IF(Input!$D$22=2,M6692*Input!$C$22,0)</f>
        <v>0.60295353580668498</v>
      </c>
      <c r="P6692" s="59">
        <f>IF(Input!$D$19=3,J6692*Input!$C$19,0)+IF(Input!$D$20=3,K6692*Input!$C$20,0)+IF(Input!$D$21=3,L6692*Input!$C$21,0)+IF(Input!$D$22=3,M6692*Input!$C$22,0)</f>
        <v>0</v>
      </c>
      <c r="Q6692" s="75">
        <f>IF(Input!$D$19=4,J6692*Input!$C$19,0)+IF(Input!$D$20=4,K6692*Input!$C$20,0)+IF(Input!$D$21=4,L6692*Input!$C$21,0)+IF(Input!$D$22=4,M6692*Input!$C$22,0)</f>
        <v>0</v>
      </c>
      <c r="R6692" s="58">
        <v>46.494908978662529</v>
      </c>
      <c r="S6692" s="124">
        <f t="shared" si="104"/>
        <v>1.0451194620649207</v>
      </c>
    </row>
    <row r="6693" spans="8:19" x14ac:dyDescent="0.3">
      <c r="H6693" s="44">
        <v>6686</v>
      </c>
      <c r="I6693" s="56">
        <f>Bühler!I6719</f>
        <v>0.24118141432267398</v>
      </c>
      <c r="J6693" s="59">
        <f>Bühler!J6719</f>
        <v>0.80393804774224664</v>
      </c>
      <c r="K6693" s="59">
        <f>Bühler!K6719</f>
        <v>1.20590707161337</v>
      </c>
      <c r="L6693" s="59">
        <f>Bühler!L6719</f>
        <v>13.947204030455335</v>
      </c>
      <c r="M6693" s="58">
        <f>Bühler!M6719</f>
        <v>0</v>
      </c>
      <c r="N6693" s="56">
        <f>IF(Input!$D$19=1,J6693*Input!$C$19,0)+IF(Input!$D$20=1,K6693*Input!$C$20,0)+IF(Input!$D$21=1,L6693*Input!$C$21,0)+IF(Input!$D$22=1,M6693*Input!$C$22,0)</f>
        <v>0.24118141432267398</v>
      </c>
      <c r="O6693" s="59">
        <f>IF(Input!$D$19=2,J6693*Input!$C$19,0)+IF(Input!$D$20=2,K6693*Input!$C$20,0)+IF(Input!$D$21=2,L6693*Input!$C$21,0)+IF(Input!$D$22=2,M6693*Input!$C$22,0)</f>
        <v>0.60295353580668498</v>
      </c>
      <c r="P6693" s="59">
        <f>IF(Input!$D$19=3,J6693*Input!$C$19,0)+IF(Input!$D$20=3,K6693*Input!$C$20,0)+IF(Input!$D$21=3,L6693*Input!$C$21,0)+IF(Input!$D$22=3,M6693*Input!$C$22,0)</f>
        <v>0</v>
      </c>
      <c r="Q6693" s="75">
        <f>IF(Input!$D$19=4,J6693*Input!$C$19,0)+IF(Input!$D$20=4,K6693*Input!$C$20,0)+IF(Input!$D$21=4,L6693*Input!$C$21,0)+IF(Input!$D$22=4,M6693*Input!$C$22,0)</f>
        <v>0</v>
      </c>
      <c r="R6693" s="58">
        <v>45.059013356530812</v>
      </c>
      <c r="S6693" s="124">
        <f t="shared" si="104"/>
        <v>1.0451194620649207</v>
      </c>
    </row>
    <row r="6694" spans="8:19" x14ac:dyDescent="0.3">
      <c r="H6694" s="44">
        <v>6687</v>
      </c>
      <c r="I6694" s="56">
        <f>Bühler!I6720</f>
        <v>0.24118141432267398</v>
      </c>
      <c r="J6694" s="59">
        <f>Bühler!J6720</f>
        <v>0.80393804774224664</v>
      </c>
      <c r="K6694" s="59">
        <f>Bühler!K6720</f>
        <v>1.20590707161337</v>
      </c>
      <c r="L6694" s="59">
        <f>Bühler!L6720</f>
        <v>13.947204030455335</v>
      </c>
      <c r="M6694" s="58">
        <f>Bühler!M6720</f>
        <v>0</v>
      </c>
      <c r="N6694" s="56">
        <f>IF(Input!$D$19=1,J6694*Input!$C$19,0)+IF(Input!$D$20=1,K6694*Input!$C$20,0)+IF(Input!$D$21=1,L6694*Input!$C$21,0)+IF(Input!$D$22=1,M6694*Input!$C$22,0)</f>
        <v>0.24118141432267398</v>
      </c>
      <c r="O6694" s="59">
        <f>IF(Input!$D$19=2,J6694*Input!$C$19,0)+IF(Input!$D$20=2,K6694*Input!$C$20,0)+IF(Input!$D$21=2,L6694*Input!$C$21,0)+IF(Input!$D$22=2,M6694*Input!$C$22,0)</f>
        <v>0.60295353580668498</v>
      </c>
      <c r="P6694" s="59">
        <f>IF(Input!$D$19=3,J6694*Input!$C$19,0)+IF(Input!$D$20=3,K6694*Input!$C$20,0)+IF(Input!$D$21=3,L6694*Input!$C$21,0)+IF(Input!$D$22=3,M6694*Input!$C$22,0)</f>
        <v>0</v>
      </c>
      <c r="Q6694" s="75">
        <f>IF(Input!$D$19=4,J6694*Input!$C$19,0)+IF(Input!$D$20=4,K6694*Input!$C$20,0)+IF(Input!$D$21=4,L6694*Input!$C$21,0)+IF(Input!$D$22=4,M6694*Input!$C$22,0)</f>
        <v>0</v>
      </c>
      <c r="R6694" s="58">
        <v>43.818693978924706</v>
      </c>
      <c r="S6694" s="124">
        <f t="shared" si="104"/>
        <v>1.0451194620649207</v>
      </c>
    </row>
    <row r="6695" spans="8:19" x14ac:dyDescent="0.3">
      <c r="H6695" s="44">
        <v>6688</v>
      </c>
      <c r="I6695" s="56">
        <f>Bühler!I6721</f>
        <v>0.21805442938762304</v>
      </c>
      <c r="J6695" s="59">
        <f>Bühler!J6721</f>
        <v>0.72684809795874361</v>
      </c>
      <c r="K6695" s="59">
        <f>Bühler!K6721</f>
        <v>1.0902721469381154</v>
      </c>
      <c r="L6695" s="59">
        <f>Bühler!L6721</f>
        <v>12.609800904247288</v>
      </c>
      <c r="M6695" s="58">
        <f>Bühler!M6721</f>
        <v>0</v>
      </c>
      <c r="N6695" s="56">
        <f>IF(Input!$D$19=1,J6695*Input!$C$19,0)+IF(Input!$D$20=1,K6695*Input!$C$20,0)+IF(Input!$D$21=1,L6695*Input!$C$21,0)+IF(Input!$D$22=1,M6695*Input!$C$22,0)</f>
        <v>0.21805442938762307</v>
      </c>
      <c r="O6695" s="59">
        <f>IF(Input!$D$19=2,J6695*Input!$C$19,0)+IF(Input!$D$20=2,K6695*Input!$C$20,0)+IF(Input!$D$21=2,L6695*Input!$C$21,0)+IF(Input!$D$22=2,M6695*Input!$C$22,0)</f>
        <v>0.54513607346905768</v>
      </c>
      <c r="P6695" s="59">
        <f>IF(Input!$D$19=3,J6695*Input!$C$19,0)+IF(Input!$D$20=3,K6695*Input!$C$20,0)+IF(Input!$D$21=3,L6695*Input!$C$21,0)+IF(Input!$D$22=3,M6695*Input!$C$22,0)</f>
        <v>0</v>
      </c>
      <c r="Q6695" s="75">
        <f>IF(Input!$D$19=4,J6695*Input!$C$19,0)+IF(Input!$D$20=4,K6695*Input!$C$20,0)+IF(Input!$D$21=4,L6695*Input!$C$21,0)+IF(Input!$D$22=4,M6695*Input!$C$22,0)</f>
        <v>0</v>
      </c>
      <c r="R6695" s="58">
        <v>44.444080259061849</v>
      </c>
      <c r="S6695" s="124">
        <f t="shared" si="104"/>
        <v>0.94490252734636671</v>
      </c>
    </row>
    <row r="6696" spans="8:19" x14ac:dyDescent="0.3">
      <c r="H6696" s="44">
        <v>6689</v>
      </c>
      <c r="I6696" s="56">
        <f>Bühler!I6722</f>
        <v>0.19823129944329365</v>
      </c>
      <c r="J6696" s="59">
        <f>Bühler!J6722</f>
        <v>0.66077099814431228</v>
      </c>
      <c r="K6696" s="59">
        <f>Bühler!K6722</f>
        <v>0.99115649721646837</v>
      </c>
      <c r="L6696" s="59">
        <f>Bühler!L6722</f>
        <v>11.463455367497536</v>
      </c>
      <c r="M6696" s="58">
        <f>Bühler!M6722</f>
        <v>0</v>
      </c>
      <c r="N6696" s="56">
        <f>IF(Input!$D$19=1,J6696*Input!$C$19,0)+IF(Input!$D$20=1,K6696*Input!$C$20,0)+IF(Input!$D$21=1,L6696*Input!$C$21,0)+IF(Input!$D$22=1,M6696*Input!$C$22,0)</f>
        <v>0.19823129944329368</v>
      </c>
      <c r="O6696" s="59">
        <f>IF(Input!$D$19=2,J6696*Input!$C$19,0)+IF(Input!$D$20=2,K6696*Input!$C$20,0)+IF(Input!$D$21=2,L6696*Input!$C$21,0)+IF(Input!$D$22=2,M6696*Input!$C$22,0)</f>
        <v>0.49557824860823418</v>
      </c>
      <c r="P6696" s="59">
        <f>IF(Input!$D$19=3,J6696*Input!$C$19,0)+IF(Input!$D$20=3,K6696*Input!$C$20,0)+IF(Input!$D$21=3,L6696*Input!$C$21,0)+IF(Input!$D$22=3,M6696*Input!$C$22,0)</f>
        <v>0</v>
      </c>
      <c r="Q6696" s="75">
        <f>IF(Input!$D$19=4,J6696*Input!$C$19,0)+IF(Input!$D$20=4,K6696*Input!$C$20,0)+IF(Input!$D$21=4,L6696*Input!$C$21,0)+IF(Input!$D$22=4,M6696*Input!$C$22,0)</f>
        <v>0</v>
      </c>
      <c r="R6696" s="58">
        <v>44.69490258762692</v>
      </c>
      <c r="S6696" s="124">
        <f t="shared" si="104"/>
        <v>0.85900229758760593</v>
      </c>
    </row>
    <row r="6697" spans="8:19" x14ac:dyDescent="0.3">
      <c r="H6697" s="44">
        <v>6690</v>
      </c>
      <c r="I6697" s="56">
        <f>Bühler!I6723</f>
        <v>0.17840816949896429</v>
      </c>
      <c r="J6697" s="59">
        <f>Bühler!J6723</f>
        <v>0.59469389832988107</v>
      </c>
      <c r="K6697" s="59">
        <f>Bühler!K6723</f>
        <v>0.8920408474948216</v>
      </c>
      <c r="L6697" s="59">
        <f>Bühler!L6723</f>
        <v>10.317109830747784</v>
      </c>
      <c r="M6697" s="58">
        <f>Bühler!M6723</f>
        <v>0</v>
      </c>
      <c r="N6697" s="56">
        <f>IF(Input!$D$19=1,J6697*Input!$C$19,0)+IF(Input!$D$20=1,K6697*Input!$C$20,0)+IF(Input!$D$21=1,L6697*Input!$C$21,0)+IF(Input!$D$22=1,M6697*Input!$C$22,0)</f>
        <v>0.17840816949896432</v>
      </c>
      <c r="O6697" s="59">
        <f>IF(Input!$D$19=2,J6697*Input!$C$19,0)+IF(Input!$D$20=2,K6697*Input!$C$20,0)+IF(Input!$D$21=2,L6697*Input!$C$21,0)+IF(Input!$D$22=2,M6697*Input!$C$22,0)</f>
        <v>0.4460204237474108</v>
      </c>
      <c r="P6697" s="59">
        <f>IF(Input!$D$19=3,J6697*Input!$C$19,0)+IF(Input!$D$20=3,K6697*Input!$C$20,0)+IF(Input!$D$21=3,L6697*Input!$C$21,0)+IF(Input!$D$22=3,M6697*Input!$C$22,0)</f>
        <v>0</v>
      </c>
      <c r="Q6697" s="75">
        <f>IF(Input!$D$19=4,J6697*Input!$C$19,0)+IF(Input!$D$20=4,K6697*Input!$C$20,0)+IF(Input!$D$21=4,L6697*Input!$C$21,0)+IF(Input!$D$22=4,M6697*Input!$C$22,0)</f>
        <v>0</v>
      </c>
      <c r="R6697" s="58">
        <v>44.56313766952367</v>
      </c>
      <c r="S6697" s="124">
        <f t="shared" si="104"/>
        <v>0.77310206782884539</v>
      </c>
    </row>
    <row r="6698" spans="8:19" x14ac:dyDescent="0.3">
      <c r="H6698" s="44">
        <v>6691</v>
      </c>
      <c r="I6698" s="56">
        <f>Bühler!I6724</f>
        <v>0.17180045951752115</v>
      </c>
      <c r="J6698" s="59">
        <f>Bühler!J6724</f>
        <v>0.57266819839173733</v>
      </c>
      <c r="K6698" s="59">
        <f>Bühler!K6724</f>
        <v>0.85900229758760593</v>
      </c>
      <c r="L6698" s="59">
        <f>Bühler!L6724</f>
        <v>9.9349946518311967</v>
      </c>
      <c r="M6698" s="58">
        <f>Bühler!M6724</f>
        <v>0</v>
      </c>
      <c r="N6698" s="56">
        <f>IF(Input!$D$19=1,J6698*Input!$C$19,0)+IF(Input!$D$20=1,K6698*Input!$C$20,0)+IF(Input!$D$21=1,L6698*Input!$C$21,0)+IF(Input!$D$22=1,M6698*Input!$C$22,0)</f>
        <v>0.17180045951752118</v>
      </c>
      <c r="O6698" s="59">
        <f>IF(Input!$D$19=2,J6698*Input!$C$19,0)+IF(Input!$D$20=2,K6698*Input!$C$20,0)+IF(Input!$D$21=2,L6698*Input!$C$21,0)+IF(Input!$D$22=2,M6698*Input!$C$22,0)</f>
        <v>0.42950114879380297</v>
      </c>
      <c r="P6698" s="59">
        <f>IF(Input!$D$19=3,J6698*Input!$C$19,0)+IF(Input!$D$20=3,K6698*Input!$C$20,0)+IF(Input!$D$21=3,L6698*Input!$C$21,0)+IF(Input!$D$22=3,M6698*Input!$C$22,0)</f>
        <v>0</v>
      </c>
      <c r="Q6698" s="75">
        <f>IF(Input!$D$19=4,J6698*Input!$C$19,0)+IF(Input!$D$20=4,K6698*Input!$C$20,0)+IF(Input!$D$21=4,L6698*Input!$C$21,0)+IF(Input!$D$22=4,M6698*Input!$C$22,0)</f>
        <v>0</v>
      </c>
      <c r="R6698" s="58">
        <v>44.115233427966174</v>
      </c>
      <c r="S6698" s="124">
        <f t="shared" si="104"/>
        <v>0.74446865790925854</v>
      </c>
    </row>
    <row r="6699" spans="8:19" x14ac:dyDescent="0.3">
      <c r="H6699" s="44">
        <v>6692</v>
      </c>
      <c r="I6699" s="56">
        <f>Bühler!I6725</f>
        <v>0.13876190961030554</v>
      </c>
      <c r="J6699" s="59">
        <f>Bühler!J6725</f>
        <v>0.46253969870101858</v>
      </c>
      <c r="K6699" s="59">
        <f>Bühler!K6725</f>
        <v>0.69380954805152784</v>
      </c>
      <c r="L6699" s="59">
        <f>Bühler!L6725</f>
        <v>8.0244187572482737</v>
      </c>
      <c r="M6699" s="58">
        <f>Bühler!M6725</f>
        <v>0</v>
      </c>
      <c r="N6699" s="56">
        <f>IF(Input!$D$19=1,J6699*Input!$C$19,0)+IF(Input!$D$20=1,K6699*Input!$C$20,0)+IF(Input!$D$21=1,L6699*Input!$C$21,0)+IF(Input!$D$22=1,M6699*Input!$C$22,0)</f>
        <v>0.13876190961030557</v>
      </c>
      <c r="O6699" s="59">
        <f>IF(Input!$D$19=2,J6699*Input!$C$19,0)+IF(Input!$D$20=2,K6699*Input!$C$20,0)+IF(Input!$D$21=2,L6699*Input!$C$21,0)+IF(Input!$D$22=2,M6699*Input!$C$22,0)</f>
        <v>0.34690477402576392</v>
      </c>
      <c r="P6699" s="59">
        <f>IF(Input!$D$19=3,J6699*Input!$C$19,0)+IF(Input!$D$20=3,K6699*Input!$C$20,0)+IF(Input!$D$21=3,L6699*Input!$C$21,0)+IF(Input!$D$22=3,M6699*Input!$C$22,0)</f>
        <v>0</v>
      </c>
      <c r="Q6699" s="75">
        <f>IF(Input!$D$19=4,J6699*Input!$C$19,0)+IF(Input!$D$20=4,K6699*Input!$C$20,0)+IF(Input!$D$21=4,L6699*Input!$C$21,0)+IF(Input!$D$22=4,M6699*Input!$C$22,0)</f>
        <v>0</v>
      </c>
      <c r="R6699" s="58">
        <v>43.216611863614986</v>
      </c>
      <c r="S6699" s="124">
        <f t="shared" si="104"/>
        <v>0.60130160831132407</v>
      </c>
    </row>
    <row r="6700" spans="8:19" x14ac:dyDescent="0.3">
      <c r="H6700" s="44">
        <v>6693</v>
      </c>
      <c r="I6700" s="56">
        <f>Bühler!I6726</f>
        <v>0.10241950471236838</v>
      </c>
      <c r="J6700" s="59">
        <f>Bühler!J6726</f>
        <v>0.34139834904122796</v>
      </c>
      <c r="K6700" s="59">
        <f>Bühler!K6726</f>
        <v>0.51209752356184202</v>
      </c>
      <c r="L6700" s="59">
        <f>Bühler!L6726</f>
        <v>5.9227852732070598</v>
      </c>
      <c r="M6700" s="58">
        <f>Bühler!M6726</f>
        <v>0</v>
      </c>
      <c r="N6700" s="56">
        <f>IF(Input!$D$19=1,J6700*Input!$C$19,0)+IF(Input!$D$20=1,K6700*Input!$C$20,0)+IF(Input!$D$21=1,L6700*Input!$C$21,0)+IF(Input!$D$22=1,M6700*Input!$C$22,0)</f>
        <v>0.10241950471236838</v>
      </c>
      <c r="O6700" s="59">
        <f>IF(Input!$D$19=2,J6700*Input!$C$19,0)+IF(Input!$D$20=2,K6700*Input!$C$20,0)+IF(Input!$D$21=2,L6700*Input!$C$21,0)+IF(Input!$D$22=2,M6700*Input!$C$22,0)</f>
        <v>0.25604876178092101</v>
      </c>
      <c r="P6700" s="59">
        <f>IF(Input!$D$19=3,J6700*Input!$C$19,0)+IF(Input!$D$20=3,K6700*Input!$C$20,0)+IF(Input!$D$21=3,L6700*Input!$C$21,0)+IF(Input!$D$22=3,M6700*Input!$C$22,0)</f>
        <v>0</v>
      </c>
      <c r="Q6700" s="75">
        <f>IF(Input!$D$19=4,J6700*Input!$C$19,0)+IF(Input!$D$20=4,K6700*Input!$C$20,0)+IF(Input!$D$21=4,L6700*Input!$C$21,0)+IF(Input!$D$22=4,M6700*Input!$C$22,0)</f>
        <v>0</v>
      </c>
      <c r="R6700" s="58">
        <v>42.913573322929565</v>
      </c>
      <c r="S6700" s="124">
        <f t="shared" si="104"/>
        <v>0.44381785375359634</v>
      </c>
    </row>
    <row r="6701" spans="8:19" x14ac:dyDescent="0.3">
      <c r="H6701" s="44">
        <v>6694</v>
      </c>
      <c r="I6701" s="56">
        <f>Bühler!I6727</f>
        <v>0.10241950471236838</v>
      </c>
      <c r="J6701" s="59">
        <f>Bühler!J6727</f>
        <v>0.34139834904122796</v>
      </c>
      <c r="K6701" s="59">
        <f>Bühler!K6727</f>
        <v>0.51209752356184202</v>
      </c>
      <c r="L6701" s="59">
        <f>Bühler!L6727</f>
        <v>5.9227852732070598</v>
      </c>
      <c r="M6701" s="58">
        <f>Bühler!M6727</f>
        <v>0</v>
      </c>
      <c r="N6701" s="56">
        <f>IF(Input!$D$19=1,J6701*Input!$C$19,0)+IF(Input!$D$20=1,K6701*Input!$C$20,0)+IF(Input!$D$21=1,L6701*Input!$C$21,0)+IF(Input!$D$22=1,M6701*Input!$C$22,0)</f>
        <v>0.10241950471236838</v>
      </c>
      <c r="O6701" s="59">
        <f>IF(Input!$D$19=2,J6701*Input!$C$19,0)+IF(Input!$D$20=2,K6701*Input!$C$20,0)+IF(Input!$D$21=2,L6701*Input!$C$21,0)+IF(Input!$D$22=2,M6701*Input!$C$22,0)</f>
        <v>0.25604876178092101</v>
      </c>
      <c r="P6701" s="59">
        <f>IF(Input!$D$19=3,J6701*Input!$C$19,0)+IF(Input!$D$20=3,K6701*Input!$C$20,0)+IF(Input!$D$21=3,L6701*Input!$C$21,0)+IF(Input!$D$22=3,M6701*Input!$C$22,0)</f>
        <v>0</v>
      </c>
      <c r="Q6701" s="75">
        <f>IF(Input!$D$19=4,J6701*Input!$C$19,0)+IF(Input!$D$20=4,K6701*Input!$C$20,0)+IF(Input!$D$21=4,L6701*Input!$C$21,0)+IF(Input!$D$22=4,M6701*Input!$C$22,0)</f>
        <v>0</v>
      </c>
      <c r="R6701" s="58">
        <v>42.832153544478935</v>
      </c>
      <c r="S6701" s="124">
        <f t="shared" si="104"/>
        <v>0.44381785375359634</v>
      </c>
    </row>
    <row r="6702" spans="8:19" x14ac:dyDescent="0.3">
      <c r="H6702" s="44">
        <v>6695</v>
      </c>
      <c r="I6702" s="56">
        <f>Bühler!I6728</f>
        <v>0.10241950471236838</v>
      </c>
      <c r="J6702" s="59">
        <f>Bühler!J6728</f>
        <v>0.34139834904122796</v>
      </c>
      <c r="K6702" s="59">
        <f>Bühler!K6728</f>
        <v>0.51209752356184202</v>
      </c>
      <c r="L6702" s="59">
        <f>Bühler!L6728</f>
        <v>5.9227852732070598</v>
      </c>
      <c r="M6702" s="58">
        <f>Bühler!M6728</f>
        <v>0</v>
      </c>
      <c r="N6702" s="56">
        <f>IF(Input!$D$19=1,J6702*Input!$C$19,0)+IF(Input!$D$20=1,K6702*Input!$C$20,0)+IF(Input!$D$21=1,L6702*Input!$C$21,0)+IF(Input!$D$22=1,M6702*Input!$C$22,0)</f>
        <v>0.10241950471236838</v>
      </c>
      <c r="O6702" s="59">
        <f>IF(Input!$D$19=2,J6702*Input!$C$19,0)+IF(Input!$D$20=2,K6702*Input!$C$20,0)+IF(Input!$D$21=2,L6702*Input!$C$21,0)+IF(Input!$D$22=2,M6702*Input!$C$22,0)</f>
        <v>0.25604876178092101</v>
      </c>
      <c r="P6702" s="59">
        <f>IF(Input!$D$19=3,J6702*Input!$C$19,0)+IF(Input!$D$20=3,K6702*Input!$C$20,0)+IF(Input!$D$21=3,L6702*Input!$C$21,0)+IF(Input!$D$22=3,M6702*Input!$C$22,0)</f>
        <v>0</v>
      </c>
      <c r="Q6702" s="75">
        <f>IF(Input!$D$19=4,J6702*Input!$C$19,0)+IF(Input!$D$20=4,K6702*Input!$C$20,0)+IF(Input!$D$21=4,L6702*Input!$C$21,0)+IF(Input!$D$22=4,M6702*Input!$C$22,0)</f>
        <v>0</v>
      </c>
      <c r="R6702" s="58">
        <v>42.740666366038312</v>
      </c>
      <c r="S6702" s="124">
        <f t="shared" si="104"/>
        <v>0.44381785375359634</v>
      </c>
    </row>
    <row r="6703" spans="8:19" x14ac:dyDescent="0.3">
      <c r="H6703" s="44">
        <v>6696</v>
      </c>
      <c r="I6703" s="56">
        <f>Bühler!I6729</f>
        <v>0.10241950471236838</v>
      </c>
      <c r="J6703" s="59">
        <f>Bühler!J6729</f>
        <v>0.34139834904122796</v>
      </c>
      <c r="K6703" s="59">
        <f>Bühler!K6729</f>
        <v>0.51209752356184202</v>
      </c>
      <c r="L6703" s="59">
        <f>Bühler!L6729</f>
        <v>5.9227852732070598</v>
      </c>
      <c r="M6703" s="58">
        <f>Bühler!M6729</f>
        <v>0</v>
      </c>
      <c r="N6703" s="56">
        <f>IF(Input!$D$19=1,J6703*Input!$C$19,0)+IF(Input!$D$20=1,K6703*Input!$C$20,0)+IF(Input!$D$21=1,L6703*Input!$C$21,0)+IF(Input!$D$22=1,M6703*Input!$C$22,0)</f>
        <v>0.10241950471236838</v>
      </c>
      <c r="O6703" s="59">
        <f>IF(Input!$D$19=2,J6703*Input!$C$19,0)+IF(Input!$D$20=2,K6703*Input!$C$20,0)+IF(Input!$D$21=2,L6703*Input!$C$21,0)+IF(Input!$D$22=2,M6703*Input!$C$22,0)</f>
        <v>0.25604876178092101</v>
      </c>
      <c r="P6703" s="59">
        <f>IF(Input!$D$19=3,J6703*Input!$C$19,0)+IF(Input!$D$20=3,K6703*Input!$C$20,0)+IF(Input!$D$21=3,L6703*Input!$C$21,0)+IF(Input!$D$22=3,M6703*Input!$C$22,0)</f>
        <v>0</v>
      </c>
      <c r="Q6703" s="75">
        <f>IF(Input!$D$19=4,J6703*Input!$C$19,0)+IF(Input!$D$20=4,K6703*Input!$C$20,0)+IF(Input!$D$21=4,L6703*Input!$C$21,0)+IF(Input!$D$22=4,M6703*Input!$C$22,0)</f>
        <v>0</v>
      </c>
      <c r="R6703" s="58">
        <v>43.011872177209689</v>
      </c>
      <c r="S6703" s="124">
        <f t="shared" si="104"/>
        <v>0.44381785375359634</v>
      </c>
    </row>
    <row r="6704" spans="8:19" x14ac:dyDescent="0.3">
      <c r="H6704" s="44">
        <v>6697</v>
      </c>
      <c r="I6704" s="56">
        <f>Bühler!I6730</f>
        <v>0.12709802777982385</v>
      </c>
      <c r="J6704" s="59">
        <f>Bühler!J6730</f>
        <v>0.42366009259941284</v>
      </c>
      <c r="K6704" s="59">
        <f>Bühler!K6730</f>
        <v>0.63549013889911932</v>
      </c>
      <c r="L6704" s="59">
        <f>Bühler!L6730</f>
        <v>6.9726474904716955</v>
      </c>
      <c r="M6704" s="58">
        <f>Bühler!M6730</f>
        <v>0</v>
      </c>
      <c r="N6704" s="56">
        <f>IF(Input!$D$19=1,J6704*Input!$C$19,0)+IF(Input!$D$20=1,K6704*Input!$C$20,0)+IF(Input!$D$21=1,L6704*Input!$C$21,0)+IF(Input!$D$22=1,M6704*Input!$C$22,0)</f>
        <v>0.12709802777982385</v>
      </c>
      <c r="O6704" s="59">
        <f>IF(Input!$D$19=2,J6704*Input!$C$19,0)+IF(Input!$D$20=2,K6704*Input!$C$20,0)+IF(Input!$D$21=2,L6704*Input!$C$21,0)+IF(Input!$D$22=2,M6704*Input!$C$22,0)</f>
        <v>0.31774506944955966</v>
      </c>
      <c r="P6704" s="59">
        <f>IF(Input!$D$19=3,J6704*Input!$C$19,0)+IF(Input!$D$20=3,K6704*Input!$C$20,0)+IF(Input!$D$21=3,L6704*Input!$C$21,0)+IF(Input!$D$22=3,M6704*Input!$C$22,0)</f>
        <v>0</v>
      </c>
      <c r="Q6704" s="75">
        <f>IF(Input!$D$19=4,J6704*Input!$C$19,0)+IF(Input!$D$20=4,K6704*Input!$C$20,0)+IF(Input!$D$21=4,L6704*Input!$C$21,0)+IF(Input!$D$22=4,M6704*Input!$C$22,0)</f>
        <v>0</v>
      </c>
      <c r="R6704" s="58">
        <v>42.798058330675218</v>
      </c>
      <c r="S6704" s="124">
        <f t="shared" si="104"/>
        <v>0.55075812037923666</v>
      </c>
    </row>
    <row r="6705" spans="8:19" x14ac:dyDescent="0.3">
      <c r="H6705" s="44">
        <v>6698</v>
      </c>
      <c r="I6705" s="56">
        <f>Bühler!I6731</f>
        <v>0.14759770967979546</v>
      </c>
      <c r="J6705" s="59">
        <f>Bühler!J6731</f>
        <v>0.49199236559931825</v>
      </c>
      <c r="K6705" s="59">
        <f>Bühler!K6731</f>
        <v>0.73798854839897743</v>
      </c>
      <c r="L6705" s="59">
        <f>Bühler!L6731</f>
        <v>8.0972680534510033</v>
      </c>
      <c r="M6705" s="58">
        <f>Bühler!M6731</f>
        <v>0</v>
      </c>
      <c r="N6705" s="56">
        <f>IF(Input!$D$19=1,J6705*Input!$C$19,0)+IF(Input!$D$20=1,K6705*Input!$C$20,0)+IF(Input!$D$21=1,L6705*Input!$C$21,0)+IF(Input!$D$22=1,M6705*Input!$C$22,0)</f>
        <v>0.14759770967979546</v>
      </c>
      <c r="O6705" s="59">
        <f>IF(Input!$D$19=2,J6705*Input!$C$19,0)+IF(Input!$D$20=2,K6705*Input!$C$20,0)+IF(Input!$D$21=2,L6705*Input!$C$21,0)+IF(Input!$D$22=2,M6705*Input!$C$22,0)</f>
        <v>0.36899427419948871</v>
      </c>
      <c r="P6705" s="59">
        <f>IF(Input!$D$19=3,J6705*Input!$C$19,0)+IF(Input!$D$20=3,K6705*Input!$C$20,0)+IF(Input!$D$21=3,L6705*Input!$C$21,0)+IF(Input!$D$22=3,M6705*Input!$C$22,0)</f>
        <v>0</v>
      </c>
      <c r="Q6705" s="75">
        <f>IF(Input!$D$19=4,J6705*Input!$C$19,0)+IF(Input!$D$20=4,K6705*Input!$C$20,0)+IF(Input!$D$21=4,L6705*Input!$C$21,0)+IF(Input!$D$22=4,M6705*Input!$C$22,0)</f>
        <v>0</v>
      </c>
      <c r="R6705" s="58">
        <v>42.557703738174382</v>
      </c>
      <c r="S6705" s="124">
        <f t="shared" si="104"/>
        <v>0.63959007527911371</v>
      </c>
    </row>
    <row r="6706" spans="8:19" x14ac:dyDescent="0.3">
      <c r="H6706" s="44">
        <v>6699</v>
      </c>
      <c r="I6706" s="56">
        <f>Bühler!I6732</f>
        <v>0.14759770967979546</v>
      </c>
      <c r="J6706" s="59">
        <f>Bühler!J6732</f>
        <v>0.49199236559931825</v>
      </c>
      <c r="K6706" s="59">
        <f>Bühler!K6732</f>
        <v>0.73798854839897743</v>
      </c>
      <c r="L6706" s="59">
        <f>Bühler!L6732</f>
        <v>8.0972680534510033</v>
      </c>
      <c r="M6706" s="58">
        <f>Bühler!M6732</f>
        <v>0</v>
      </c>
      <c r="N6706" s="56">
        <f>IF(Input!$D$19=1,J6706*Input!$C$19,0)+IF(Input!$D$20=1,K6706*Input!$C$20,0)+IF(Input!$D$21=1,L6706*Input!$C$21,0)+IF(Input!$D$22=1,M6706*Input!$C$22,0)</f>
        <v>0.14759770967979546</v>
      </c>
      <c r="O6706" s="59">
        <f>IF(Input!$D$19=2,J6706*Input!$C$19,0)+IF(Input!$D$20=2,K6706*Input!$C$20,0)+IF(Input!$D$21=2,L6706*Input!$C$21,0)+IF(Input!$D$22=2,M6706*Input!$C$22,0)</f>
        <v>0.36899427419948871</v>
      </c>
      <c r="P6706" s="59">
        <f>IF(Input!$D$19=3,J6706*Input!$C$19,0)+IF(Input!$D$20=3,K6706*Input!$C$20,0)+IF(Input!$D$21=3,L6706*Input!$C$21,0)+IF(Input!$D$22=3,M6706*Input!$C$22,0)</f>
        <v>0</v>
      </c>
      <c r="Q6706" s="75">
        <f>IF(Input!$D$19=4,J6706*Input!$C$19,0)+IF(Input!$D$20=4,K6706*Input!$C$20,0)+IF(Input!$D$21=4,L6706*Input!$C$21,0)+IF(Input!$D$22=4,M6706*Input!$C$22,0)</f>
        <v>0</v>
      </c>
      <c r="R6706" s="58">
        <v>42.382973370206855</v>
      </c>
      <c r="S6706" s="124">
        <f t="shared" si="104"/>
        <v>0.63959007527911371</v>
      </c>
    </row>
    <row r="6707" spans="8:19" x14ac:dyDescent="0.3">
      <c r="H6707" s="44">
        <v>6700</v>
      </c>
      <c r="I6707" s="56">
        <f>Bühler!I6733</f>
        <v>0.14759770967979546</v>
      </c>
      <c r="J6707" s="59">
        <f>Bühler!J6733</f>
        <v>0.49199236559931825</v>
      </c>
      <c r="K6707" s="59">
        <f>Bühler!K6733</f>
        <v>0.73798854839897743</v>
      </c>
      <c r="L6707" s="59">
        <f>Bühler!L6733</f>
        <v>8.0972680534510033</v>
      </c>
      <c r="M6707" s="58">
        <f>Bühler!M6733</f>
        <v>0</v>
      </c>
      <c r="N6707" s="56">
        <f>IF(Input!$D$19=1,J6707*Input!$C$19,0)+IF(Input!$D$20=1,K6707*Input!$C$20,0)+IF(Input!$D$21=1,L6707*Input!$C$21,0)+IF(Input!$D$22=1,M6707*Input!$C$22,0)</f>
        <v>0.14759770967979546</v>
      </c>
      <c r="O6707" s="59">
        <f>IF(Input!$D$19=2,J6707*Input!$C$19,0)+IF(Input!$D$20=2,K6707*Input!$C$20,0)+IF(Input!$D$21=2,L6707*Input!$C$21,0)+IF(Input!$D$22=2,M6707*Input!$C$22,0)</f>
        <v>0.36899427419948871</v>
      </c>
      <c r="P6707" s="59">
        <f>IF(Input!$D$19=3,J6707*Input!$C$19,0)+IF(Input!$D$20=3,K6707*Input!$C$20,0)+IF(Input!$D$21=3,L6707*Input!$C$21,0)+IF(Input!$D$22=3,M6707*Input!$C$22,0)</f>
        <v>0</v>
      </c>
      <c r="Q6707" s="75">
        <f>IF(Input!$D$19=4,J6707*Input!$C$19,0)+IF(Input!$D$20=4,K6707*Input!$C$20,0)+IF(Input!$D$21=4,L6707*Input!$C$21,0)+IF(Input!$D$22=4,M6707*Input!$C$22,0)</f>
        <v>0</v>
      </c>
      <c r="R6707" s="58">
        <v>42.610153294975305</v>
      </c>
      <c r="S6707" s="124">
        <f t="shared" si="104"/>
        <v>0.63959007527911371</v>
      </c>
    </row>
    <row r="6708" spans="8:19" x14ac:dyDescent="0.3">
      <c r="H6708" s="44">
        <v>6701</v>
      </c>
      <c r="I6708" s="56">
        <f>Bühler!I6734</f>
        <v>0.14759770967979546</v>
      </c>
      <c r="J6708" s="59">
        <f>Bühler!J6734</f>
        <v>0.49199236559931825</v>
      </c>
      <c r="K6708" s="59">
        <f>Bühler!K6734</f>
        <v>0.73798854839897743</v>
      </c>
      <c r="L6708" s="59">
        <f>Bühler!L6734</f>
        <v>8.0972680534510033</v>
      </c>
      <c r="M6708" s="58">
        <f>Bühler!M6734</f>
        <v>0</v>
      </c>
      <c r="N6708" s="56">
        <f>IF(Input!$D$19=1,J6708*Input!$C$19,0)+IF(Input!$D$20=1,K6708*Input!$C$20,0)+IF(Input!$D$21=1,L6708*Input!$C$21,0)+IF(Input!$D$22=1,M6708*Input!$C$22,0)</f>
        <v>0.14759770967979546</v>
      </c>
      <c r="O6708" s="59">
        <f>IF(Input!$D$19=2,J6708*Input!$C$19,0)+IF(Input!$D$20=2,K6708*Input!$C$20,0)+IF(Input!$D$21=2,L6708*Input!$C$21,0)+IF(Input!$D$22=2,M6708*Input!$C$22,0)</f>
        <v>0.36899427419948871</v>
      </c>
      <c r="P6708" s="59">
        <f>IF(Input!$D$19=3,J6708*Input!$C$19,0)+IF(Input!$D$20=3,K6708*Input!$C$20,0)+IF(Input!$D$21=3,L6708*Input!$C$21,0)+IF(Input!$D$22=3,M6708*Input!$C$22,0)</f>
        <v>0</v>
      </c>
      <c r="Q6708" s="75">
        <f>IF(Input!$D$19=4,J6708*Input!$C$19,0)+IF(Input!$D$20=4,K6708*Input!$C$20,0)+IF(Input!$D$21=4,L6708*Input!$C$21,0)+IF(Input!$D$22=4,M6708*Input!$C$22,0)</f>
        <v>0</v>
      </c>
      <c r="R6708" s="58">
        <v>42.257745064834701</v>
      </c>
      <c r="S6708" s="124">
        <f t="shared" si="104"/>
        <v>0.63959007527911371</v>
      </c>
    </row>
    <row r="6709" spans="8:19" x14ac:dyDescent="0.3">
      <c r="H6709" s="44">
        <v>6702</v>
      </c>
      <c r="I6709" s="56">
        <f>Bühler!I6735</f>
        <v>0.1844971370997443</v>
      </c>
      <c r="J6709" s="59">
        <f>Bühler!J6735</f>
        <v>0.61499045699914778</v>
      </c>
      <c r="K6709" s="59">
        <f>Bühler!K6735</f>
        <v>0.92248568549872167</v>
      </c>
      <c r="L6709" s="59">
        <f>Bühler!L6735</f>
        <v>10.121585066813752</v>
      </c>
      <c r="M6709" s="58">
        <f>Bühler!M6735</f>
        <v>0</v>
      </c>
      <c r="N6709" s="56">
        <f>IF(Input!$D$19=1,J6709*Input!$C$19,0)+IF(Input!$D$20=1,K6709*Input!$C$20,0)+IF(Input!$D$21=1,L6709*Input!$C$21,0)+IF(Input!$D$22=1,M6709*Input!$C$22,0)</f>
        <v>0.18449713709974433</v>
      </c>
      <c r="O6709" s="59">
        <f>IF(Input!$D$19=2,J6709*Input!$C$19,0)+IF(Input!$D$20=2,K6709*Input!$C$20,0)+IF(Input!$D$21=2,L6709*Input!$C$21,0)+IF(Input!$D$22=2,M6709*Input!$C$22,0)</f>
        <v>0.46124284274936084</v>
      </c>
      <c r="P6709" s="59">
        <f>IF(Input!$D$19=3,J6709*Input!$C$19,0)+IF(Input!$D$20=3,K6709*Input!$C$20,0)+IF(Input!$D$21=3,L6709*Input!$C$21,0)+IF(Input!$D$22=3,M6709*Input!$C$22,0)</f>
        <v>0</v>
      </c>
      <c r="Q6709" s="75">
        <f>IF(Input!$D$19=4,J6709*Input!$C$19,0)+IF(Input!$D$20=4,K6709*Input!$C$20,0)+IF(Input!$D$21=4,L6709*Input!$C$21,0)+IF(Input!$D$22=4,M6709*Input!$C$22,0)</f>
        <v>0</v>
      </c>
      <c r="R6709" s="58">
        <v>42.107546858425394</v>
      </c>
      <c r="S6709" s="124">
        <f t="shared" si="104"/>
        <v>0.79948759409889214</v>
      </c>
    </row>
    <row r="6710" spans="8:19" x14ac:dyDescent="0.3">
      <c r="H6710" s="44">
        <v>6703</v>
      </c>
      <c r="I6710" s="56">
        <f>Bühler!I6736</f>
        <v>0.21729662813969886</v>
      </c>
      <c r="J6710" s="59">
        <f>Bühler!J6736</f>
        <v>0.72432209379899626</v>
      </c>
      <c r="K6710" s="59">
        <f>Bühler!K6736</f>
        <v>1.0864831406984945</v>
      </c>
      <c r="L6710" s="59">
        <f>Bühler!L6736</f>
        <v>11.920977967580644</v>
      </c>
      <c r="M6710" s="58">
        <f>Bühler!M6736</f>
        <v>0</v>
      </c>
      <c r="N6710" s="56">
        <f>IF(Input!$D$19=1,J6710*Input!$C$19,0)+IF(Input!$D$20=1,K6710*Input!$C$20,0)+IF(Input!$D$21=1,L6710*Input!$C$21,0)+IF(Input!$D$22=1,M6710*Input!$C$22,0)</f>
        <v>0.21729662813969888</v>
      </c>
      <c r="O6710" s="59">
        <f>IF(Input!$D$19=2,J6710*Input!$C$19,0)+IF(Input!$D$20=2,K6710*Input!$C$20,0)+IF(Input!$D$21=2,L6710*Input!$C$21,0)+IF(Input!$D$22=2,M6710*Input!$C$22,0)</f>
        <v>0.54324157034924725</v>
      </c>
      <c r="P6710" s="59">
        <f>IF(Input!$D$19=3,J6710*Input!$C$19,0)+IF(Input!$D$20=3,K6710*Input!$C$20,0)+IF(Input!$D$21=3,L6710*Input!$C$21,0)+IF(Input!$D$22=3,M6710*Input!$C$22,0)</f>
        <v>0</v>
      </c>
      <c r="Q6710" s="75">
        <f>IF(Input!$D$19=4,J6710*Input!$C$19,0)+IF(Input!$D$20=4,K6710*Input!$C$20,0)+IF(Input!$D$21=4,L6710*Input!$C$21,0)+IF(Input!$D$22=4,M6710*Input!$C$22,0)</f>
        <v>0</v>
      </c>
      <c r="R6710" s="58">
        <v>42.338357522078532</v>
      </c>
      <c r="S6710" s="124">
        <f t="shared" si="104"/>
        <v>0.94161872193869511</v>
      </c>
    </row>
    <row r="6711" spans="8:19" x14ac:dyDescent="0.3">
      <c r="H6711" s="44">
        <v>6704</v>
      </c>
      <c r="I6711" s="56">
        <f>Bühler!I6737</f>
        <v>0.25829599193964203</v>
      </c>
      <c r="J6711" s="59">
        <f>Bühler!J6737</f>
        <v>0.86098663979880685</v>
      </c>
      <c r="K6711" s="59">
        <f>Bühler!K6737</f>
        <v>1.2914799596982103</v>
      </c>
      <c r="L6711" s="59">
        <f>Bühler!L6737</f>
        <v>14.170219093539254</v>
      </c>
      <c r="M6711" s="58">
        <f>Bühler!M6737</f>
        <v>0</v>
      </c>
      <c r="N6711" s="56">
        <f>IF(Input!$D$19=1,J6711*Input!$C$19,0)+IF(Input!$D$20=1,K6711*Input!$C$20,0)+IF(Input!$D$21=1,L6711*Input!$C$21,0)+IF(Input!$D$22=1,M6711*Input!$C$22,0)</f>
        <v>0.25829599193964203</v>
      </c>
      <c r="O6711" s="59">
        <f>IF(Input!$D$19=2,J6711*Input!$C$19,0)+IF(Input!$D$20=2,K6711*Input!$C$20,0)+IF(Input!$D$21=2,L6711*Input!$C$21,0)+IF(Input!$D$22=2,M6711*Input!$C$22,0)</f>
        <v>0.64573997984910514</v>
      </c>
      <c r="P6711" s="59">
        <f>IF(Input!$D$19=3,J6711*Input!$C$19,0)+IF(Input!$D$20=3,K6711*Input!$C$20,0)+IF(Input!$D$21=3,L6711*Input!$C$21,0)+IF(Input!$D$22=3,M6711*Input!$C$22,0)</f>
        <v>0</v>
      </c>
      <c r="Q6711" s="75">
        <f>IF(Input!$D$19=4,J6711*Input!$C$19,0)+IF(Input!$D$20=4,K6711*Input!$C$20,0)+IF(Input!$D$21=4,L6711*Input!$C$21,0)+IF(Input!$D$22=4,M6711*Input!$C$22,0)</f>
        <v>0</v>
      </c>
      <c r="R6711" s="58">
        <v>42.243888701908737</v>
      </c>
      <c r="S6711" s="124">
        <f t="shared" si="104"/>
        <v>1.1192826317384488</v>
      </c>
    </row>
    <row r="6712" spans="8:19" x14ac:dyDescent="0.3">
      <c r="H6712" s="44">
        <v>6705</v>
      </c>
      <c r="I6712" s="56">
        <f>Bühler!I6738</f>
        <v>0.25829599193964203</v>
      </c>
      <c r="J6712" s="59">
        <f>Bühler!J6738</f>
        <v>0.86098663979880685</v>
      </c>
      <c r="K6712" s="59">
        <f>Bühler!K6738</f>
        <v>1.2914799596982103</v>
      </c>
      <c r="L6712" s="59">
        <f>Bühler!L6738</f>
        <v>14.170219093539254</v>
      </c>
      <c r="M6712" s="58">
        <f>Bühler!M6738</f>
        <v>0</v>
      </c>
      <c r="N6712" s="56">
        <f>IF(Input!$D$19=1,J6712*Input!$C$19,0)+IF(Input!$D$20=1,K6712*Input!$C$20,0)+IF(Input!$D$21=1,L6712*Input!$C$21,0)+IF(Input!$D$22=1,M6712*Input!$C$22,0)</f>
        <v>0.25829599193964203</v>
      </c>
      <c r="O6712" s="59">
        <f>IF(Input!$D$19=2,J6712*Input!$C$19,0)+IF(Input!$D$20=2,K6712*Input!$C$20,0)+IF(Input!$D$21=2,L6712*Input!$C$21,0)+IF(Input!$D$22=2,M6712*Input!$C$22,0)</f>
        <v>0.64573997984910514</v>
      </c>
      <c r="P6712" s="59">
        <f>IF(Input!$D$19=3,J6712*Input!$C$19,0)+IF(Input!$D$20=3,K6712*Input!$C$20,0)+IF(Input!$D$21=3,L6712*Input!$C$21,0)+IF(Input!$D$22=3,M6712*Input!$C$22,0)</f>
        <v>0</v>
      </c>
      <c r="Q6712" s="75">
        <f>IF(Input!$D$19=4,J6712*Input!$C$19,0)+IF(Input!$D$20=4,K6712*Input!$C$20,0)+IF(Input!$D$21=4,L6712*Input!$C$21,0)+IF(Input!$D$22=4,M6712*Input!$C$22,0)</f>
        <v>0</v>
      </c>
      <c r="R6712" s="58">
        <v>41.777175451216316</v>
      </c>
      <c r="S6712" s="124">
        <f t="shared" si="104"/>
        <v>1.1192826317384488</v>
      </c>
    </row>
    <row r="6713" spans="8:19" x14ac:dyDescent="0.3">
      <c r="H6713" s="44">
        <v>6706</v>
      </c>
      <c r="I6713" s="56">
        <f>Bühler!I6739</f>
        <v>0.25829599193964203</v>
      </c>
      <c r="J6713" s="59">
        <f>Bühler!J6739</f>
        <v>0.86098663979880685</v>
      </c>
      <c r="K6713" s="59">
        <f>Bühler!K6739</f>
        <v>1.2914799596982103</v>
      </c>
      <c r="L6713" s="59">
        <f>Bühler!L6739</f>
        <v>14.170219093539254</v>
      </c>
      <c r="M6713" s="58">
        <f>Bühler!M6739</f>
        <v>0</v>
      </c>
      <c r="N6713" s="56">
        <f>IF(Input!$D$19=1,J6713*Input!$C$19,0)+IF(Input!$D$20=1,K6713*Input!$C$20,0)+IF(Input!$D$21=1,L6713*Input!$C$21,0)+IF(Input!$D$22=1,M6713*Input!$C$22,0)</f>
        <v>0.25829599193964203</v>
      </c>
      <c r="O6713" s="59">
        <f>IF(Input!$D$19=2,J6713*Input!$C$19,0)+IF(Input!$D$20=2,K6713*Input!$C$20,0)+IF(Input!$D$21=2,L6713*Input!$C$21,0)+IF(Input!$D$22=2,M6713*Input!$C$22,0)</f>
        <v>0.64573997984910514</v>
      </c>
      <c r="P6713" s="59">
        <f>IF(Input!$D$19=3,J6713*Input!$C$19,0)+IF(Input!$D$20=3,K6713*Input!$C$20,0)+IF(Input!$D$21=3,L6713*Input!$C$21,0)+IF(Input!$D$22=3,M6713*Input!$C$22,0)</f>
        <v>0</v>
      </c>
      <c r="Q6713" s="75">
        <f>IF(Input!$D$19=4,J6713*Input!$C$19,0)+IF(Input!$D$20=4,K6713*Input!$C$20,0)+IF(Input!$D$21=4,L6713*Input!$C$21,0)+IF(Input!$D$22=4,M6713*Input!$C$22,0)</f>
        <v>0</v>
      </c>
      <c r="R6713" s="58">
        <v>41.099929164115082</v>
      </c>
      <c r="S6713" s="124">
        <f t="shared" si="104"/>
        <v>1.1192826317384488</v>
      </c>
    </row>
    <row r="6714" spans="8:19" x14ac:dyDescent="0.3">
      <c r="H6714" s="44">
        <v>6707</v>
      </c>
      <c r="I6714" s="56">
        <f>Bühler!I6740</f>
        <v>0.25829599193964203</v>
      </c>
      <c r="J6714" s="59">
        <f>Bühler!J6740</f>
        <v>0.86098663979880685</v>
      </c>
      <c r="K6714" s="59">
        <f>Bühler!K6740</f>
        <v>1.2914799596982103</v>
      </c>
      <c r="L6714" s="59">
        <f>Bühler!L6740</f>
        <v>14.170219093539254</v>
      </c>
      <c r="M6714" s="58">
        <f>Bühler!M6740</f>
        <v>0</v>
      </c>
      <c r="N6714" s="56">
        <f>IF(Input!$D$19=1,J6714*Input!$C$19,0)+IF(Input!$D$20=1,K6714*Input!$C$20,0)+IF(Input!$D$21=1,L6714*Input!$C$21,0)+IF(Input!$D$22=1,M6714*Input!$C$22,0)</f>
        <v>0.25829599193964203</v>
      </c>
      <c r="O6714" s="59">
        <f>IF(Input!$D$19=2,J6714*Input!$C$19,0)+IF(Input!$D$20=2,K6714*Input!$C$20,0)+IF(Input!$D$21=2,L6714*Input!$C$21,0)+IF(Input!$D$22=2,M6714*Input!$C$22,0)</f>
        <v>0.64573997984910514</v>
      </c>
      <c r="P6714" s="59">
        <f>IF(Input!$D$19=3,J6714*Input!$C$19,0)+IF(Input!$D$20=3,K6714*Input!$C$20,0)+IF(Input!$D$21=3,L6714*Input!$C$21,0)+IF(Input!$D$22=3,M6714*Input!$C$22,0)</f>
        <v>0</v>
      </c>
      <c r="Q6714" s="75">
        <f>IF(Input!$D$19=4,J6714*Input!$C$19,0)+IF(Input!$D$20=4,K6714*Input!$C$20,0)+IF(Input!$D$21=4,L6714*Input!$C$21,0)+IF(Input!$D$22=4,M6714*Input!$C$22,0)</f>
        <v>0</v>
      </c>
      <c r="R6714" s="58">
        <v>40.984202166930736</v>
      </c>
      <c r="S6714" s="124">
        <f t="shared" si="104"/>
        <v>1.1192826317384488</v>
      </c>
    </row>
    <row r="6715" spans="8:19" x14ac:dyDescent="0.3">
      <c r="H6715" s="44">
        <v>6708</v>
      </c>
      <c r="I6715" s="56">
        <f>Bühler!I6741</f>
        <v>0.25829599193964203</v>
      </c>
      <c r="J6715" s="59">
        <f>Bühler!J6741</f>
        <v>0.86098663979880685</v>
      </c>
      <c r="K6715" s="59">
        <f>Bühler!K6741</f>
        <v>1.2914799596982103</v>
      </c>
      <c r="L6715" s="59">
        <f>Bühler!L6741</f>
        <v>14.170219093539254</v>
      </c>
      <c r="M6715" s="58">
        <f>Bühler!M6741</f>
        <v>0</v>
      </c>
      <c r="N6715" s="56">
        <f>IF(Input!$D$19=1,J6715*Input!$C$19,0)+IF(Input!$D$20=1,K6715*Input!$C$20,0)+IF(Input!$D$21=1,L6715*Input!$C$21,0)+IF(Input!$D$22=1,M6715*Input!$C$22,0)</f>
        <v>0.25829599193964203</v>
      </c>
      <c r="O6715" s="59">
        <f>IF(Input!$D$19=2,J6715*Input!$C$19,0)+IF(Input!$D$20=2,K6715*Input!$C$20,0)+IF(Input!$D$21=2,L6715*Input!$C$21,0)+IF(Input!$D$22=2,M6715*Input!$C$22,0)</f>
        <v>0.64573997984910514</v>
      </c>
      <c r="P6715" s="59">
        <f>IF(Input!$D$19=3,J6715*Input!$C$19,0)+IF(Input!$D$20=3,K6715*Input!$C$20,0)+IF(Input!$D$21=3,L6715*Input!$C$21,0)+IF(Input!$D$22=3,M6715*Input!$C$22,0)</f>
        <v>0</v>
      </c>
      <c r="Q6715" s="75">
        <f>IF(Input!$D$19=4,J6715*Input!$C$19,0)+IF(Input!$D$20=4,K6715*Input!$C$20,0)+IF(Input!$D$21=4,L6715*Input!$C$21,0)+IF(Input!$D$22=4,M6715*Input!$C$22,0)</f>
        <v>0</v>
      </c>
      <c r="R6715" s="58">
        <v>41.34434144742184</v>
      </c>
      <c r="S6715" s="124">
        <f t="shared" si="104"/>
        <v>1.1192826317384488</v>
      </c>
    </row>
    <row r="6716" spans="8:19" x14ac:dyDescent="0.3">
      <c r="H6716" s="44">
        <v>6709</v>
      </c>
      <c r="I6716" s="56">
        <f>Bühler!I6742</f>
        <v>0.25829599193964203</v>
      </c>
      <c r="J6716" s="59">
        <f>Bühler!J6742</f>
        <v>0.86098663979880685</v>
      </c>
      <c r="K6716" s="59">
        <f>Bühler!K6742</f>
        <v>1.2914799596982103</v>
      </c>
      <c r="L6716" s="59">
        <f>Bühler!L6742</f>
        <v>14.170219093539254</v>
      </c>
      <c r="M6716" s="58">
        <f>Bühler!M6742</f>
        <v>0</v>
      </c>
      <c r="N6716" s="56">
        <f>IF(Input!$D$19=1,J6716*Input!$C$19,0)+IF(Input!$D$20=1,K6716*Input!$C$20,0)+IF(Input!$D$21=1,L6716*Input!$C$21,0)+IF(Input!$D$22=1,M6716*Input!$C$22,0)</f>
        <v>0.25829599193964203</v>
      </c>
      <c r="O6716" s="59">
        <f>IF(Input!$D$19=2,J6716*Input!$C$19,0)+IF(Input!$D$20=2,K6716*Input!$C$20,0)+IF(Input!$D$21=2,L6716*Input!$C$21,0)+IF(Input!$D$22=2,M6716*Input!$C$22,0)</f>
        <v>0.64573997984910514</v>
      </c>
      <c r="P6716" s="59">
        <f>IF(Input!$D$19=3,J6716*Input!$C$19,0)+IF(Input!$D$20=3,K6716*Input!$C$20,0)+IF(Input!$D$21=3,L6716*Input!$C$21,0)+IF(Input!$D$22=3,M6716*Input!$C$22,0)</f>
        <v>0</v>
      </c>
      <c r="Q6716" s="75">
        <f>IF(Input!$D$19=4,J6716*Input!$C$19,0)+IF(Input!$D$20=4,K6716*Input!$C$20,0)+IF(Input!$D$21=4,L6716*Input!$C$21,0)+IF(Input!$D$22=4,M6716*Input!$C$22,0)</f>
        <v>0</v>
      </c>
      <c r="R6716" s="58">
        <v>41.400315691608093</v>
      </c>
      <c r="S6716" s="124">
        <f t="shared" si="104"/>
        <v>1.1192826317384488</v>
      </c>
    </row>
    <row r="6717" spans="8:19" x14ac:dyDescent="0.3">
      <c r="H6717" s="44">
        <v>6710</v>
      </c>
      <c r="I6717" s="56">
        <f>Bühler!I6743</f>
        <v>0.25829599193964203</v>
      </c>
      <c r="J6717" s="59">
        <f>Bühler!J6743</f>
        <v>0.86098663979880685</v>
      </c>
      <c r="K6717" s="59">
        <f>Bühler!K6743</f>
        <v>1.2914799596982103</v>
      </c>
      <c r="L6717" s="59">
        <f>Bühler!L6743</f>
        <v>14.170219093539254</v>
      </c>
      <c r="M6717" s="58">
        <f>Bühler!M6743</f>
        <v>0</v>
      </c>
      <c r="N6717" s="56">
        <f>IF(Input!$D$19=1,J6717*Input!$C$19,0)+IF(Input!$D$20=1,K6717*Input!$C$20,0)+IF(Input!$D$21=1,L6717*Input!$C$21,0)+IF(Input!$D$22=1,M6717*Input!$C$22,0)</f>
        <v>0.25829599193964203</v>
      </c>
      <c r="O6717" s="59">
        <f>IF(Input!$D$19=2,J6717*Input!$C$19,0)+IF(Input!$D$20=2,K6717*Input!$C$20,0)+IF(Input!$D$21=2,L6717*Input!$C$21,0)+IF(Input!$D$22=2,M6717*Input!$C$22,0)</f>
        <v>0.64573997984910514</v>
      </c>
      <c r="P6717" s="59">
        <f>IF(Input!$D$19=3,J6717*Input!$C$19,0)+IF(Input!$D$20=3,K6717*Input!$C$20,0)+IF(Input!$D$21=3,L6717*Input!$C$21,0)+IF(Input!$D$22=3,M6717*Input!$C$22,0)</f>
        <v>0</v>
      </c>
      <c r="Q6717" s="75">
        <f>IF(Input!$D$19=4,J6717*Input!$C$19,0)+IF(Input!$D$20=4,K6717*Input!$C$20,0)+IF(Input!$D$21=4,L6717*Input!$C$21,0)+IF(Input!$D$22=4,M6717*Input!$C$22,0)</f>
        <v>0</v>
      </c>
      <c r="R6717" s="58">
        <v>41.70528646040669</v>
      </c>
      <c r="S6717" s="124">
        <f t="shared" si="104"/>
        <v>1.1192826317384488</v>
      </c>
    </row>
    <row r="6718" spans="8:19" x14ac:dyDescent="0.3">
      <c r="H6718" s="44">
        <v>6711</v>
      </c>
      <c r="I6718" s="56">
        <f>Bühler!I6744</f>
        <v>0.25829599193964203</v>
      </c>
      <c r="J6718" s="59">
        <f>Bühler!J6744</f>
        <v>0.86098663979880685</v>
      </c>
      <c r="K6718" s="59">
        <f>Bühler!K6744</f>
        <v>1.2914799596982103</v>
      </c>
      <c r="L6718" s="59">
        <f>Bühler!L6744</f>
        <v>14.170219093539254</v>
      </c>
      <c r="M6718" s="58">
        <f>Bühler!M6744</f>
        <v>0</v>
      </c>
      <c r="N6718" s="56">
        <f>IF(Input!$D$19=1,J6718*Input!$C$19,0)+IF(Input!$D$20=1,K6718*Input!$C$20,0)+IF(Input!$D$21=1,L6718*Input!$C$21,0)+IF(Input!$D$22=1,M6718*Input!$C$22,0)</f>
        <v>0.25829599193964203</v>
      </c>
      <c r="O6718" s="59">
        <f>IF(Input!$D$19=2,J6718*Input!$C$19,0)+IF(Input!$D$20=2,K6718*Input!$C$20,0)+IF(Input!$D$21=2,L6718*Input!$C$21,0)+IF(Input!$D$22=2,M6718*Input!$C$22,0)</f>
        <v>0.64573997984910514</v>
      </c>
      <c r="P6718" s="59">
        <f>IF(Input!$D$19=3,J6718*Input!$C$19,0)+IF(Input!$D$20=3,K6718*Input!$C$20,0)+IF(Input!$D$21=3,L6718*Input!$C$21,0)+IF(Input!$D$22=3,M6718*Input!$C$22,0)</f>
        <v>0</v>
      </c>
      <c r="Q6718" s="75">
        <f>IF(Input!$D$19=4,J6718*Input!$C$19,0)+IF(Input!$D$20=4,K6718*Input!$C$20,0)+IF(Input!$D$21=4,L6718*Input!$C$21,0)+IF(Input!$D$22=4,M6718*Input!$C$22,0)</f>
        <v>0</v>
      </c>
      <c r="R6718" s="58">
        <v>41.523486633197386</v>
      </c>
      <c r="S6718" s="124">
        <f t="shared" si="104"/>
        <v>1.1192826317384488</v>
      </c>
    </row>
    <row r="6719" spans="8:19" x14ac:dyDescent="0.3">
      <c r="H6719" s="44">
        <v>6712</v>
      </c>
      <c r="I6719" s="56">
        <f>Bühler!I6745</f>
        <v>0.22959643727968179</v>
      </c>
      <c r="J6719" s="59">
        <f>Bühler!J6745</f>
        <v>0.76532145759893944</v>
      </c>
      <c r="K6719" s="59">
        <f>Bühler!K6745</f>
        <v>1.1479821863984092</v>
      </c>
      <c r="L6719" s="59">
        <f>Bühler!L6745</f>
        <v>12.595750305368226</v>
      </c>
      <c r="M6719" s="58">
        <f>Bühler!M6745</f>
        <v>0</v>
      </c>
      <c r="N6719" s="56">
        <f>IF(Input!$D$19=1,J6719*Input!$C$19,0)+IF(Input!$D$20=1,K6719*Input!$C$20,0)+IF(Input!$D$21=1,L6719*Input!$C$21,0)+IF(Input!$D$22=1,M6719*Input!$C$22,0)</f>
        <v>0.22959643727968182</v>
      </c>
      <c r="O6719" s="59">
        <f>IF(Input!$D$19=2,J6719*Input!$C$19,0)+IF(Input!$D$20=2,K6719*Input!$C$20,0)+IF(Input!$D$21=2,L6719*Input!$C$21,0)+IF(Input!$D$22=2,M6719*Input!$C$22,0)</f>
        <v>0.57399109319920461</v>
      </c>
      <c r="P6719" s="59">
        <f>IF(Input!$D$19=3,J6719*Input!$C$19,0)+IF(Input!$D$20=3,K6719*Input!$C$20,0)+IF(Input!$D$21=3,L6719*Input!$C$21,0)+IF(Input!$D$22=3,M6719*Input!$C$22,0)</f>
        <v>0</v>
      </c>
      <c r="Q6719" s="75">
        <f>IF(Input!$D$19=4,J6719*Input!$C$19,0)+IF(Input!$D$20=4,K6719*Input!$C$20,0)+IF(Input!$D$21=4,L6719*Input!$C$21,0)+IF(Input!$D$22=4,M6719*Input!$C$22,0)</f>
        <v>0</v>
      </c>
      <c r="R6719" s="58">
        <v>41.710687927858451</v>
      </c>
      <c r="S6719" s="124">
        <f t="shared" si="104"/>
        <v>0.99491789487862126</v>
      </c>
    </row>
    <row r="6720" spans="8:19" x14ac:dyDescent="0.3">
      <c r="H6720" s="44">
        <v>6713</v>
      </c>
      <c r="I6720" s="56">
        <f>Bühler!I6746</f>
        <v>0.22549650089968745</v>
      </c>
      <c r="J6720" s="59">
        <f>Bühler!J6746</f>
        <v>0.75165500299895827</v>
      </c>
      <c r="K6720" s="59">
        <f>Bühler!K6746</f>
        <v>1.1274825044984373</v>
      </c>
      <c r="L6720" s="59">
        <f>Bühler!L6746</f>
        <v>12.370826192772364</v>
      </c>
      <c r="M6720" s="58">
        <f>Bühler!M6746</f>
        <v>0</v>
      </c>
      <c r="N6720" s="56">
        <f>IF(Input!$D$19=1,J6720*Input!$C$19,0)+IF(Input!$D$20=1,K6720*Input!$C$20,0)+IF(Input!$D$21=1,L6720*Input!$C$21,0)+IF(Input!$D$22=1,M6720*Input!$C$22,0)</f>
        <v>0.22549650089968748</v>
      </c>
      <c r="O6720" s="59">
        <f>IF(Input!$D$19=2,J6720*Input!$C$19,0)+IF(Input!$D$20=2,K6720*Input!$C$20,0)+IF(Input!$D$21=2,L6720*Input!$C$21,0)+IF(Input!$D$22=2,M6720*Input!$C$22,0)</f>
        <v>0.56374125224921867</v>
      </c>
      <c r="P6720" s="59">
        <f>IF(Input!$D$19=3,J6720*Input!$C$19,0)+IF(Input!$D$20=3,K6720*Input!$C$20,0)+IF(Input!$D$21=3,L6720*Input!$C$21,0)+IF(Input!$D$22=3,M6720*Input!$C$22,0)</f>
        <v>0</v>
      </c>
      <c r="Q6720" s="75">
        <f>IF(Input!$D$19=4,J6720*Input!$C$19,0)+IF(Input!$D$20=4,K6720*Input!$C$20,0)+IF(Input!$D$21=4,L6720*Input!$C$21,0)+IF(Input!$D$22=4,M6720*Input!$C$22,0)</f>
        <v>0</v>
      </c>
      <c r="R6720" s="58">
        <v>41.661005261932914</v>
      </c>
      <c r="S6720" s="124">
        <f t="shared" si="104"/>
        <v>0.97715150389864569</v>
      </c>
    </row>
    <row r="6721" spans="8:19" x14ac:dyDescent="0.3">
      <c r="H6721" s="44">
        <v>6714</v>
      </c>
      <c r="I6721" s="56">
        <f>Bühler!I6747</f>
        <v>0.19269700985973298</v>
      </c>
      <c r="J6721" s="59">
        <f>Bühler!J6747</f>
        <v>0.64232336619911001</v>
      </c>
      <c r="K6721" s="59">
        <f>Bühler!K6747</f>
        <v>0.96348504929866496</v>
      </c>
      <c r="L6721" s="59">
        <f>Bühler!L6747</f>
        <v>10.571433292005477</v>
      </c>
      <c r="M6721" s="58">
        <f>Bühler!M6747</f>
        <v>0</v>
      </c>
      <c r="N6721" s="56">
        <f>IF(Input!$D$19=1,J6721*Input!$C$19,0)+IF(Input!$D$20=1,K6721*Input!$C$20,0)+IF(Input!$D$21=1,L6721*Input!$C$21,0)+IF(Input!$D$22=1,M6721*Input!$C$22,0)</f>
        <v>0.19269700985973301</v>
      </c>
      <c r="O6721" s="59">
        <f>IF(Input!$D$19=2,J6721*Input!$C$19,0)+IF(Input!$D$20=2,K6721*Input!$C$20,0)+IF(Input!$D$21=2,L6721*Input!$C$21,0)+IF(Input!$D$22=2,M6721*Input!$C$22,0)</f>
        <v>0.48174252464933248</v>
      </c>
      <c r="P6721" s="59">
        <f>IF(Input!$D$19=3,J6721*Input!$C$19,0)+IF(Input!$D$20=3,K6721*Input!$C$20,0)+IF(Input!$D$21=3,L6721*Input!$C$21,0)+IF(Input!$D$22=3,M6721*Input!$C$22,0)</f>
        <v>0</v>
      </c>
      <c r="Q6721" s="75">
        <f>IF(Input!$D$19=4,J6721*Input!$C$19,0)+IF(Input!$D$20=4,K6721*Input!$C$20,0)+IF(Input!$D$21=4,L6721*Input!$C$21,0)+IF(Input!$D$22=4,M6721*Input!$C$22,0)</f>
        <v>0</v>
      </c>
      <c r="R6721" s="58">
        <v>41.600917310095525</v>
      </c>
      <c r="S6721" s="124">
        <f t="shared" si="104"/>
        <v>0.83502037605884305</v>
      </c>
    </row>
    <row r="6722" spans="8:19" x14ac:dyDescent="0.3">
      <c r="H6722" s="44">
        <v>6715</v>
      </c>
      <c r="I6722" s="56">
        <f>Bühler!I6748</f>
        <v>0.18039720071975002</v>
      </c>
      <c r="J6722" s="59">
        <f>Bühler!J6748</f>
        <v>0.60132400239916672</v>
      </c>
      <c r="K6722" s="59">
        <f>Bühler!K6748</f>
        <v>0.90198600359875014</v>
      </c>
      <c r="L6722" s="59">
        <f>Bühler!L6748</f>
        <v>9.8966609542178929</v>
      </c>
      <c r="M6722" s="58">
        <f>Bühler!M6748</f>
        <v>0</v>
      </c>
      <c r="N6722" s="56">
        <f>IF(Input!$D$19=1,J6722*Input!$C$19,0)+IF(Input!$D$20=1,K6722*Input!$C$20,0)+IF(Input!$D$21=1,L6722*Input!$C$21,0)+IF(Input!$D$22=1,M6722*Input!$C$22,0)</f>
        <v>0.18039720071975002</v>
      </c>
      <c r="O6722" s="59">
        <f>IF(Input!$D$19=2,J6722*Input!$C$19,0)+IF(Input!$D$20=2,K6722*Input!$C$20,0)+IF(Input!$D$21=2,L6722*Input!$C$21,0)+IF(Input!$D$22=2,M6722*Input!$C$22,0)</f>
        <v>0.45099300179937507</v>
      </c>
      <c r="P6722" s="59">
        <f>IF(Input!$D$19=3,J6722*Input!$C$19,0)+IF(Input!$D$20=3,K6722*Input!$C$20,0)+IF(Input!$D$21=3,L6722*Input!$C$21,0)+IF(Input!$D$22=3,M6722*Input!$C$22,0)</f>
        <v>0</v>
      </c>
      <c r="Q6722" s="75">
        <f>IF(Input!$D$19=4,J6722*Input!$C$19,0)+IF(Input!$D$20=4,K6722*Input!$C$20,0)+IF(Input!$D$21=4,L6722*Input!$C$21,0)+IF(Input!$D$22=4,M6722*Input!$C$22,0)</f>
        <v>0</v>
      </c>
      <c r="R6722" s="58">
        <v>41.498367059700136</v>
      </c>
      <c r="S6722" s="124">
        <f t="shared" si="104"/>
        <v>0.78172120311891669</v>
      </c>
    </row>
    <row r="6723" spans="8:19" x14ac:dyDescent="0.3">
      <c r="H6723" s="44">
        <v>6716</v>
      </c>
      <c r="I6723" s="56">
        <f>Bühler!I6749</f>
        <v>0.15169764605978975</v>
      </c>
      <c r="J6723" s="59">
        <f>Bühler!J6749</f>
        <v>0.5056588201992992</v>
      </c>
      <c r="K6723" s="59">
        <f>Bühler!K6749</f>
        <v>0.75848823029894885</v>
      </c>
      <c r="L6723" s="59">
        <f>Bühler!L6749</f>
        <v>8.3221921660468627</v>
      </c>
      <c r="M6723" s="58">
        <f>Bühler!M6749</f>
        <v>0</v>
      </c>
      <c r="N6723" s="56">
        <f>IF(Input!$D$19=1,J6723*Input!$C$19,0)+IF(Input!$D$20=1,K6723*Input!$C$20,0)+IF(Input!$D$21=1,L6723*Input!$C$21,0)+IF(Input!$D$22=1,M6723*Input!$C$22,0)</f>
        <v>0.15169764605978975</v>
      </c>
      <c r="O6723" s="59">
        <f>IF(Input!$D$19=2,J6723*Input!$C$19,0)+IF(Input!$D$20=2,K6723*Input!$C$20,0)+IF(Input!$D$21=2,L6723*Input!$C$21,0)+IF(Input!$D$22=2,M6723*Input!$C$22,0)</f>
        <v>0.37924411514947443</v>
      </c>
      <c r="P6723" s="59">
        <f>IF(Input!$D$19=3,J6723*Input!$C$19,0)+IF(Input!$D$20=3,K6723*Input!$C$20,0)+IF(Input!$D$21=3,L6723*Input!$C$21,0)+IF(Input!$D$22=3,M6723*Input!$C$22,0)</f>
        <v>0</v>
      </c>
      <c r="Q6723" s="75">
        <f>IF(Input!$D$19=4,J6723*Input!$C$19,0)+IF(Input!$D$20=4,K6723*Input!$C$20,0)+IF(Input!$D$21=4,L6723*Input!$C$21,0)+IF(Input!$D$22=4,M6723*Input!$C$22,0)</f>
        <v>0</v>
      </c>
      <c r="R6723" s="58">
        <v>41.6092429117869</v>
      </c>
      <c r="S6723" s="124">
        <f t="shared" si="104"/>
        <v>0.65735646625908895</v>
      </c>
    </row>
    <row r="6724" spans="8:19" x14ac:dyDescent="0.3">
      <c r="H6724" s="44">
        <v>6717</v>
      </c>
      <c r="I6724" s="56">
        <f>Bühler!I6750</f>
        <v>0.12709802777982385</v>
      </c>
      <c r="J6724" s="59">
        <f>Bühler!J6750</f>
        <v>0.42366009259941284</v>
      </c>
      <c r="K6724" s="59">
        <f>Bühler!K6750</f>
        <v>0.63549013889911932</v>
      </c>
      <c r="L6724" s="59">
        <f>Bühler!L6750</f>
        <v>6.9726474904716955</v>
      </c>
      <c r="M6724" s="58">
        <f>Bühler!M6750</f>
        <v>0</v>
      </c>
      <c r="N6724" s="56">
        <f>IF(Input!$D$19=1,J6724*Input!$C$19,0)+IF(Input!$D$20=1,K6724*Input!$C$20,0)+IF(Input!$D$21=1,L6724*Input!$C$21,0)+IF(Input!$D$22=1,M6724*Input!$C$22,0)</f>
        <v>0.12709802777982385</v>
      </c>
      <c r="O6724" s="59">
        <f>IF(Input!$D$19=2,J6724*Input!$C$19,0)+IF(Input!$D$20=2,K6724*Input!$C$20,0)+IF(Input!$D$21=2,L6724*Input!$C$21,0)+IF(Input!$D$22=2,M6724*Input!$C$22,0)</f>
        <v>0.31774506944955966</v>
      </c>
      <c r="P6724" s="59">
        <f>IF(Input!$D$19=3,J6724*Input!$C$19,0)+IF(Input!$D$20=3,K6724*Input!$C$20,0)+IF(Input!$D$21=3,L6724*Input!$C$21,0)+IF(Input!$D$22=3,M6724*Input!$C$22,0)</f>
        <v>0</v>
      </c>
      <c r="Q6724" s="75">
        <f>IF(Input!$D$19=4,J6724*Input!$C$19,0)+IF(Input!$D$20=4,K6724*Input!$C$20,0)+IF(Input!$D$21=4,L6724*Input!$C$21,0)+IF(Input!$D$22=4,M6724*Input!$C$22,0)</f>
        <v>0</v>
      </c>
      <c r="R6724" s="58">
        <v>42.014402671889904</v>
      </c>
      <c r="S6724" s="124">
        <f t="shared" si="104"/>
        <v>0.55075812037923666</v>
      </c>
    </row>
    <row r="6725" spans="8:19" x14ac:dyDescent="0.3">
      <c r="H6725" s="44">
        <v>6718</v>
      </c>
      <c r="I6725" s="56">
        <f>Bühler!I6751</f>
        <v>0.11069828225984658</v>
      </c>
      <c r="J6725" s="59">
        <f>Bühler!J6751</f>
        <v>0.36899427419948866</v>
      </c>
      <c r="K6725" s="59">
        <f>Bühler!K6751</f>
        <v>0.55349141129923296</v>
      </c>
      <c r="L6725" s="59">
        <f>Bühler!L6751</f>
        <v>6.0729510400882525</v>
      </c>
      <c r="M6725" s="58">
        <f>Bühler!M6751</f>
        <v>0</v>
      </c>
      <c r="N6725" s="56">
        <f>IF(Input!$D$19=1,J6725*Input!$C$19,0)+IF(Input!$D$20=1,K6725*Input!$C$20,0)+IF(Input!$D$21=1,L6725*Input!$C$21,0)+IF(Input!$D$22=1,M6725*Input!$C$22,0)</f>
        <v>0.1106982822598466</v>
      </c>
      <c r="O6725" s="59">
        <f>IF(Input!$D$19=2,J6725*Input!$C$19,0)+IF(Input!$D$20=2,K6725*Input!$C$20,0)+IF(Input!$D$21=2,L6725*Input!$C$21,0)+IF(Input!$D$22=2,M6725*Input!$C$22,0)</f>
        <v>0.27674570564961648</v>
      </c>
      <c r="P6725" s="59">
        <f>IF(Input!$D$19=3,J6725*Input!$C$19,0)+IF(Input!$D$20=3,K6725*Input!$C$20,0)+IF(Input!$D$21=3,L6725*Input!$C$21,0)+IF(Input!$D$22=3,M6725*Input!$C$22,0)</f>
        <v>0</v>
      </c>
      <c r="Q6725" s="75">
        <f>IF(Input!$D$19=4,J6725*Input!$C$19,0)+IF(Input!$D$20=4,K6725*Input!$C$20,0)+IF(Input!$D$21=4,L6725*Input!$C$21,0)+IF(Input!$D$22=4,M6725*Input!$C$22,0)</f>
        <v>0</v>
      </c>
      <c r="R6725" s="58">
        <v>42.904147429577179</v>
      </c>
      <c r="S6725" s="124">
        <f t="shared" si="104"/>
        <v>0.47969255645933523</v>
      </c>
    </row>
    <row r="6726" spans="8:19" x14ac:dyDescent="0.3">
      <c r="H6726" s="44">
        <v>6719</v>
      </c>
      <c r="I6726" s="56">
        <f>Bühler!I6752</f>
        <v>0.11069828225984658</v>
      </c>
      <c r="J6726" s="59">
        <f>Bühler!J6752</f>
        <v>0.36899427419948866</v>
      </c>
      <c r="K6726" s="59">
        <f>Bühler!K6752</f>
        <v>0.55349141129923296</v>
      </c>
      <c r="L6726" s="59">
        <f>Bühler!L6752</f>
        <v>6.0729510400882525</v>
      </c>
      <c r="M6726" s="58">
        <f>Bühler!M6752</f>
        <v>0</v>
      </c>
      <c r="N6726" s="56">
        <f>IF(Input!$D$19=1,J6726*Input!$C$19,0)+IF(Input!$D$20=1,K6726*Input!$C$20,0)+IF(Input!$D$21=1,L6726*Input!$C$21,0)+IF(Input!$D$22=1,M6726*Input!$C$22,0)</f>
        <v>0.1106982822598466</v>
      </c>
      <c r="O6726" s="59">
        <f>IF(Input!$D$19=2,J6726*Input!$C$19,0)+IF(Input!$D$20=2,K6726*Input!$C$20,0)+IF(Input!$D$21=2,L6726*Input!$C$21,0)+IF(Input!$D$22=2,M6726*Input!$C$22,0)</f>
        <v>0.27674570564961648</v>
      </c>
      <c r="P6726" s="59">
        <f>IF(Input!$D$19=3,J6726*Input!$C$19,0)+IF(Input!$D$20=3,K6726*Input!$C$20,0)+IF(Input!$D$21=3,L6726*Input!$C$21,0)+IF(Input!$D$22=3,M6726*Input!$C$22,0)</f>
        <v>0</v>
      </c>
      <c r="Q6726" s="75">
        <f>IF(Input!$D$19=4,J6726*Input!$C$19,0)+IF(Input!$D$20=4,K6726*Input!$C$20,0)+IF(Input!$D$21=4,L6726*Input!$C$21,0)+IF(Input!$D$22=4,M6726*Input!$C$22,0)</f>
        <v>0</v>
      </c>
      <c r="R6726" s="58">
        <v>43.145532410364936</v>
      </c>
      <c r="S6726" s="124">
        <f t="shared" si="104"/>
        <v>0.47969255645933523</v>
      </c>
    </row>
    <row r="6727" spans="8:19" x14ac:dyDescent="0.3">
      <c r="H6727" s="44">
        <v>6720</v>
      </c>
      <c r="I6727" s="56">
        <f>Bühler!I6753</f>
        <v>0.11069828225984658</v>
      </c>
      <c r="J6727" s="59">
        <f>Bühler!J6753</f>
        <v>0.36899427419948866</v>
      </c>
      <c r="K6727" s="59">
        <f>Bühler!K6753</f>
        <v>0.55349141129923296</v>
      </c>
      <c r="L6727" s="59">
        <f>Bühler!L6753</f>
        <v>6.0729510400882525</v>
      </c>
      <c r="M6727" s="58">
        <f>Bühler!M6753</f>
        <v>0</v>
      </c>
      <c r="N6727" s="56">
        <f>IF(Input!$D$19=1,J6727*Input!$C$19,0)+IF(Input!$D$20=1,K6727*Input!$C$20,0)+IF(Input!$D$21=1,L6727*Input!$C$21,0)+IF(Input!$D$22=1,M6727*Input!$C$22,0)</f>
        <v>0.1106982822598466</v>
      </c>
      <c r="O6727" s="59">
        <f>IF(Input!$D$19=2,J6727*Input!$C$19,0)+IF(Input!$D$20=2,K6727*Input!$C$20,0)+IF(Input!$D$21=2,L6727*Input!$C$21,0)+IF(Input!$D$22=2,M6727*Input!$C$22,0)</f>
        <v>0.27674570564961648</v>
      </c>
      <c r="P6727" s="59">
        <f>IF(Input!$D$19=3,J6727*Input!$C$19,0)+IF(Input!$D$20=3,K6727*Input!$C$20,0)+IF(Input!$D$21=3,L6727*Input!$C$21,0)+IF(Input!$D$22=3,M6727*Input!$C$22,0)</f>
        <v>0</v>
      </c>
      <c r="Q6727" s="75">
        <f>IF(Input!$D$19=4,J6727*Input!$C$19,0)+IF(Input!$D$20=4,K6727*Input!$C$20,0)+IF(Input!$D$21=4,L6727*Input!$C$21,0)+IF(Input!$D$22=4,M6727*Input!$C$22,0)</f>
        <v>0</v>
      </c>
      <c r="R6727" s="58">
        <v>43.81176946523135</v>
      </c>
      <c r="S6727" s="124">
        <f t="shared" si="104"/>
        <v>0.47969255645933523</v>
      </c>
    </row>
    <row r="6728" spans="8:19" x14ac:dyDescent="0.3">
      <c r="H6728" s="44">
        <v>6721</v>
      </c>
      <c r="I6728" s="56">
        <f>Bühler!I6754</f>
        <v>7.668918867571109E-2</v>
      </c>
      <c r="J6728" s="59">
        <f>Bühler!J6754</f>
        <v>0.25563062891903698</v>
      </c>
      <c r="K6728" s="59">
        <f>Bühler!K6754</f>
        <v>0.38344594337855542</v>
      </c>
      <c r="L6728" s="59">
        <f>Bühler!L6754</f>
        <v>1.8405405282170662</v>
      </c>
      <c r="M6728" s="58">
        <f>Bühler!M6754</f>
        <v>0</v>
      </c>
      <c r="N6728" s="56">
        <f>IF(Input!$D$19=1,J6728*Input!$C$19,0)+IF(Input!$D$20=1,K6728*Input!$C$20,0)+IF(Input!$D$21=1,L6728*Input!$C$21,0)+IF(Input!$D$22=1,M6728*Input!$C$22,0)</f>
        <v>7.668918867571109E-2</v>
      </c>
      <c r="O6728" s="59">
        <f>IF(Input!$D$19=2,J6728*Input!$C$19,0)+IF(Input!$D$20=2,K6728*Input!$C$20,0)+IF(Input!$D$21=2,L6728*Input!$C$21,0)+IF(Input!$D$22=2,M6728*Input!$C$22,0)</f>
        <v>0.19172297168927771</v>
      </c>
      <c r="P6728" s="59">
        <f>IF(Input!$D$19=3,J6728*Input!$C$19,0)+IF(Input!$D$20=3,K6728*Input!$C$20,0)+IF(Input!$D$21=3,L6728*Input!$C$21,0)+IF(Input!$D$22=3,M6728*Input!$C$22,0)</f>
        <v>0</v>
      </c>
      <c r="Q6728" s="75">
        <f>IF(Input!$D$19=4,J6728*Input!$C$19,0)+IF(Input!$D$20=4,K6728*Input!$C$20,0)+IF(Input!$D$21=4,L6728*Input!$C$21,0)+IF(Input!$D$22=4,M6728*Input!$C$22,0)</f>
        <v>0</v>
      </c>
      <c r="R6728" s="58">
        <v>44.000126617282611</v>
      </c>
      <c r="S6728" s="124">
        <f t="shared" si="104"/>
        <v>0.33231981759474805</v>
      </c>
    </row>
    <row r="6729" spans="8:19" x14ac:dyDescent="0.3">
      <c r="H6729" s="44">
        <v>6722</v>
      </c>
      <c r="I6729" s="56">
        <f>Bühler!I6755</f>
        <v>7.668918867571109E-2</v>
      </c>
      <c r="J6729" s="59">
        <f>Bühler!J6755</f>
        <v>0.25563062891903698</v>
      </c>
      <c r="K6729" s="59">
        <f>Bühler!K6755</f>
        <v>0.38344594337855542</v>
      </c>
      <c r="L6729" s="59">
        <f>Bühler!L6755</f>
        <v>1.8405405282170662</v>
      </c>
      <c r="M6729" s="58">
        <f>Bühler!M6755</f>
        <v>0</v>
      </c>
      <c r="N6729" s="56">
        <f>IF(Input!$D$19=1,J6729*Input!$C$19,0)+IF(Input!$D$20=1,K6729*Input!$C$20,0)+IF(Input!$D$21=1,L6729*Input!$C$21,0)+IF(Input!$D$22=1,M6729*Input!$C$22,0)</f>
        <v>7.668918867571109E-2</v>
      </c>
      <c r="O6729" s="59">
        <f>IF(Input!$D$19=2,J6729*Input!$C$19,0)+IF(Input!$D$20=2,K6729*Input!$C$20,0)+IF(Input!$D$21=2,L6729*Input!$C$21,0)+IF(Input!$D$22=2,M6729*Input!$C$22,0)</f>
        <v>0.19172297168927771</v>
      </c>
      <c r="P6729" s="59">
        <f>IF(Input!$D$19=3,J6729*Input!$C$19,0)+IF(Input!$D$20=3,K6729*Input!$C$20,0)+IF(Input!$D$21=3,L6729*Input!$C$21,0)+IF(Input!$D$22=3,M6729*Input!$C$22,0)</f>
        <v>0</v>
      </c>
      <c r="Q6729" s="75">
        <f>IF(Input!$D$19=4,J6729*Input!$C$19,0)+IF(Input!$D$20=4,K6729*Input!$C$20,0)+IF(Input!$D$21=4,L6729*Input!$C$21,0)+IF(Input!$D$22=4,M6729*Input!$C$22,0)</f>
        <v>0</v>
      </c>
      <c r="R6729" s="58">
        <v>44.442148678202138</v>
      </c>
      <c r="S6729" s="124">
        <f t="shared" ref="S6729:S6792" si="105">I6729+J6729</f>
        <v>0.33231981759474805</v>
      </c>
    </row>
    <row r="6730" spans="8:19" x14ac:dyDescent="0.3">
      <c r="H6730" s="44">
        <v>6723</v>
      </c>
      <c r="I6730" s="56">
        <f>Bühler!I6756</f>
        <v>7.668918867571109E-2</v>
      </c>
      <c r="J6730" s="59">
        <f>Bühler!J6756</f>
        <v>0.25563062891903698</v>
      </c>
      <c r="K6730" s="59">
        <f>Bühler!K6756</f>
        <v>0.38344594337855542</v>
      </c>
      <c r="L6730" s="59">
        <f>Bühler!L6756</f>
        <v>1.8405405282170662</v>
      </c>
      <c r="M6730" s="58">
        <f>Bühler!M6756</f>
        <v>0</v>
      </c>
      <c r="N6730" s="56">
        <f>IF(Input!$D$19=1,J6730*Input!$C$19,0)+IF(Input!$D$20=1,K6730*Input!$C$20,0)+IF(Input!$D$21=1,L6730*Input!$C$21,0)+IF(Input!$D$22=1,M6730*Input!$C$22,0)</f>
        <v>7.668918867571109E-2</v>
      </c>
      <c r="O6730" s="59">
        <f>IF(Input!$D$19=2,J6730*Input!$C$19,0)+IF(Input!$D$20=2,K6730*Input!$C$20,0)+IF(Input!$D$21=2,L6730*Input!$C$21,0)+IF(Input!$D$22=2,M6730*Input!$C$22,0)</f>
        <v>0.19172297168927771</v>
      </c>
      <c r="P6730" s="59">
        <f>IF(Input!$D$19=3,J6730*Input!$C$19,0)+IF(Input!$D$20=3,K6730*Input!$C$20,0)+IF(Input!$D$21=3,L6730*Input!$C$21,0)+IF(Input!$D$22=3,M6730*Input!$C$22,0)</f>
        <v>0</v>
      </c>
      <c r="Q6730" s="75">
        <f>IF(Input!$D$19=4,J6730*Input!$C$19,0)+IF(Input!$D$20=4,K6730*Input!$C$20,0)+IF(Input!$D$21=4,L6730*Input!$C$21,0)+IF(Input!$D$22=4,M6730*Input!$C$22,0)</f>
        <v>0</v>
      </c>
      <c r="R6730" s="58">
        <v>44.772126516077726</v>
      </c>
      <c r="S6730" s="124">
        <f t="shared" si="105"/>
        <v>0.33231981759474805</v>
      </c>
    </row>
    <row r="6731" spans="8:19" x14ac:dyDescent="0.3">
      <c r="H6731" s="44">
        <v>6724</v>
      </c>
      <c r="I6731" s="56">
        <f>Bühler!I6757</f>
        <v>7.668918867571109E-2</v>
      </c>
      <c r="J6731" s="59">
        <f>Bühler!J6757</f>
        <v>0.25563062891903698</v>
      </c>
      <c r="K6731" s="59">
        <f>Bühler!K6757</f>
        <v>0.38344594337855542</v>
      </c>
      <c r="L6731" s="59">
        <f>Bühler!L6757</f>
        <v>1.8405405282170662</v>
      </c>
      <c r="M6731" s="58">
        <f>Bühler!M6757</f>
        <v>0</v>
      </c>
      <c r="N6731" s="56">
        <f>IF(Input!$D$19=1,J6731*Input!$C$19,0)+IF(Input!$D$20=1,K6731*Input!$C$20,0)+IF(Input!$D$21=1,L6731*Input!$C$21,0)+IF(Input!$D$22=1,M6731*Input!$C$22,0)</f>
        <v>7.668918867571109E-2</v>
      </c>
      <c r="O6731" s="59">
        <f>IF(Input!$D$19=2,J6731*Input!$C$19,0)+IF(Input!$D$20=2,K6731*Input!$C$20,0)+IF(Input!$D$21=2,L6731*Input!$C$21,0)+IF(Input!$D$22=2,M6731*Input!$C$22,0)</f>
        <v>0.19172297168927771</v>
      </c>
      <c r="P6731" s="59">
        <f>IF(Input!$D$19=3,J6731*Input!$C$19,0)+IF(Input!$D$20=3,K6731*Input!$C$20,0)+IF(Input!$D$21=3,L6731*Input!$C$21,0)+IF(Input!$D$22=3,M6731*Input!$C$22,0)</f>
        <v>0</v>
      </c>
      <c r="Q6731" s="75">
        <f>IF(Input!$D$19=4,J6731*Input!$C$19,0)+IF(Input!$D$20=4,K6731*Input!$C$20,0)+IF(Input!$D$21=4,L6731*Input!$C$21,0)+IF(Input!$D$22=4,M6731*Input!$C$22,0)</f>
        <v>0</v>
      </c>
      <c r="R6731" s="58">
        <v>46.695418098745854</v>
      </c>
      <c r="S6731" s="124">
        <f t="shared" si="105"/>
        <v>0.33231981759474805</v>
      </c>
    </row>
    <row r="6732" spans="8:19" x14ac:dyDescent="0.3">
      <c r="H6732" s="44">
        <v>6725</v>
      </c>
      <c r="I6732" s="56">
        <f>Bühler!I6758</f>
        <v>7.668918867571109E-2</v>
      </c>
      <c r="J6732" s="59">
        <f>Bühler!J6758</f>
        <v>0.25563062891903698</v>
      </c>
      <c r="K6732" s="59">
        <f>Bühler!K6758</f>
        <v>0.38344594337855542</v>
      </c>
      <c r="L6732" s="59">
        <f>Bühler!L6758</f>
        <v>1.8405405282170662</v>
      </c>
      <c r="M6732" s="58">
        <f>Bühler!M6758</f>
        <v>0</v>
      </c>
      <c r="N6732" s="56">
        <f>IF(Input!$D$19=1,J6732*Input!$C$19,0)+IF(Input!$D$20=1,K6732*Input!$C$20,0)+IF(Input!$D$21=1,L6732*Input!$C$21,0)+IF(Input!$D$22=1,M6732*Input!$C$22,0)</f>
        <v>7.668918867571109E-2</v>
      </c>
      <c r="O6732" s="59">
        <f>IF(Input!$D$19=2,J6732*Input!$C$19,0)+IF(Input!$D$20=2,K6732*Input!$C$20,0)+IF(Input!$D$21=2,L6732*Input!$C$21,0)+IF(Input!$D$22=2,M6732*Input!$C$22,0)</f>
        <v>0.19172297168927771</v>
      </c>
      <c r="P6732" s="59">
        <f>IF(Input!$D$19=3,J6732*Input!$C$19,0)+IF(Input!$D$20=3,K6732*Input!$C$20,0)+IF(Input!$D$21=3,L6732*Input!$C$21,0)+IF(Input!$D$22=3,M6732*Input!$C$22,0)</f>
        <v>0</v>
      </c>
      <c r="Q6732" s="75">
        <f>IF(Input!$D$19=4,J6732*Input!$C$19,0)+IF(Input!$D$20=4,K6732*Input!$C$20,0)+IF(Input!$D$21=4,L6732*Input!$C$21,0)+IF(Input!$D$22=4,M6732*Input!$C$22,0)</f>
        <v>0</v>
      </c>
      <c r="R6732" s="58">
        <v>50.545362137499886</v>
      </c>
      <c r="S6732" s="124">
        <f t="shared" si="105"/>
        <v>0.33231981759474805</v>
      </c>
    </row>
    <row r="6733" spans="8:19" x14ac:dyDescent="0.3">
      <c r="H6733" s="44">
        <v>6726</v>
      </c>
      <c r="I6733" s="56">
        <f>Bühler!I6759</f>
        <v>0.3323198175947481</v>
      </c>
      <c r="J6733" s="59">
        <f>Bühler!J6759</f>
        <v>1.1077327253158271</v>
      </c>
      <c r="K6733" s="59">
        <f>Bühler!K6759</f>
        <v>1.6615990879737403</v>
      </c>
      <c r="L6733" s="59">
        <f>Bühler!L6759</f>
        <v>7.975675622273954</v>
      </c>
      <c r="M6733" s="58">
        <f>Bühler!M6759</f>
        <v>0</v>
      </c>
      <c r="N6733" s="56">
        <f>IF(Input!$D$19=1,J6733*Input!$C$19,0)+IF(Input!$D$20=1,K6733*Input!$C$20,0)+IF(Input!$D$21=1,L6733*Input!$C$21,0)+IF(Input!$D$22=1,M6733*Input!$C$22,0)</f>
        <v>0.3323198175947481</v>
      </c>
      <c r="O6733" s="59">
        <f>IF(Input!$D$19=2,J6733*Input!$C$19,0)+IF(Input!$D$20=2,K6733*Input!$C$20,0)+IF(Input!$D$21=2,L6733*Input!$C$21,0)+IF(Input!$D$22=2,M6733*Input!$C$22,0)</f>
        <v>0.83079954398687017</v>
      </c>
      <c r="P6733" s="59">
        <f>IF(Input!$D$19=3,J6733*Input!$C$19,0)+IF(Input!$D$20=3,K6733*Input!$C$20,0)+IF(Input!$D$21=3,L6733*Input!$C$21,0)+IF(Input!$D$22=3,M6733*Input!$C$22,0)</f>
        <v>0</v>
      </c>
      <c r="Q6733" s="75">
        <f>IF(Input!$D$19=4,J6733*Input!$C$19,0)+IF(Input!$D$20=4,K6733*Input!$C$20,0)+IF(Input!$D$21=4,L6733*Input!$C$21,0)+IF(Input!$D$22=4,M6733*Input!$C$22,0)</f>
        <v>0</v>
      </c>
      <c r="R6733" s="58">
        <v>56.092983638351278</v>
      </c>
      <c r="S6733" s="124">
        <f t="shared" si="105"/>
        <v>1.4400525429105753</v>
      </c>
    </row>
    <row r="6734" spans="8:19" x14ac:dyDescent="0.3">
      <c r="H6734" s="44">
        <v>6727</v>
      </c>
      <c r="I6734" s="56">
        <f>Bühler!I6760</f>
        <v>0.37705517765557955</v>
      </c>
      <c r="J6734" s="59">
        <f>Bühler!J6760</f>
        <v>1.2568505921852653</v>
      </c>
      <c r="K6734" s="59">
        <f>Bühler!K6760</f>
        <v>1.8852758882778979</v>
      </c>
      <c r="L6734" s="59">
        <f>Bühler!L6760</f>
        <v>9.0493242637339097</v>
      </c>
      <c r="M6734" s="58">
        <f>Bühler!M6760</f>
        <v>0</v>
      </c>
      <c r="N6734" s="56">
        <f>IF(Input!$D$19=1,J6734*Input!$C$19,0)+IF(Input!$D$20=1,K6734*Input!$C$20,0)+IF(Input!$D$21=1,L6734*Input!$C$21,0)+IF(Input!$D$22=1,M6734*Input!$C$22,0)</f>
        <v>0.37705517765557955</v>
      </c>
      <c r="O6734" s="59">
        <f>IF(Input!$D$19=2,J6734*Input!$C$19,0)+IF(Input!$D$20=2,K6734*Input!$C$20,0)+IF(Input!$D$21=2,L6734*Input!$C$21,0)+IF(Input!$D$22=2,M6734*Input!$C$22,0)</f>
        <v>0.94263794413894897</v>
      </c>
      <c r="P6734" s="59">
        <f>IF(Input!$D$19=3,J6734*Input!$C$19,0)+IF(Input!$D$20=3,K6734*Input!$C$20,0)+IF(Input!$D$21=3,L6734*Input!$C$21,0)+IF(Input!$D$22=3,M6734*Input!$C$22,0)</f>
        <v>0</v>
      </c>
      <c r="Q6734" s="75">
        <f>IF(Input!$D$19=4,J6734*Input!$C$19,0)+IF(Input!$D$20=4,K6734*Input!$C$20,0)+IF(Input!$D$21=4,L6734*Input!$C$21,0)+IF(Input!$D$22=4,M6734*Input!$C$22,0)</f>
        <v>0</v>
      </c>
      <c r="R6734" s="58">
        <v>61.85956435656837</v>
      </c>
      <c r="S6734" s="124">
        <f t="shared" si="105"/>
        <v>1.6339057698408448</v>
      </c>
    </row>
    <row r="6735" spans="8:19" x14ac:dyDescent="0.3">
      <c r="H6735" s="44">
        <v>6728</v>
      </c>
      <c r="I6735" s="56">
        <f>Bühler!I6761</f>
        <v>0.37705517765557955</v>
      </c>
      <c r="J6735" s="59">
        <f>Bühler!J6761</f>
        <v>1.2568505921852653</v>
      </c>
      <c r="K6735" s="59">
        <f>Bühler!K6761</f>
        <v>1.8852758882778979</v>
      </c>
      <c r="L6735" s="59">
        <f>Bühler!L6761</f>
        <v>9.0493242637339097</v>
      </c>
      <c r="M6735" s="58">
        <f>Bühler!M6761</f>
        <v>0</v>
      </c>
      <c r="N6735" s="56">
        <f>IF(Input!$D$19=1,J6735*Input!$C$19,0)+IF(Input!$D$20=1,K6735*Input!$C$20,0)+IF(Input!$D$21=1,L6735*Input!$C$21,0)+IF(Input!$D$22=1,M6735*Input!$C$22,0)</f>
        <v>0.37705517765557955</v>
      </c>
      <c r="O6735" s="59">
        <f>IF(Input!$D$19=2,J6735*Input!$C$19,0)+IF(Input!$D$20=2,K6735*Input!$C$20,0)+IF(Input!$D$21=2,L6735*Input!$C$21,0)+IF(Input!$D$22=2,M6735*Input!$C$22,0)</f>
        <v>0.94263794413894897</v>
      </c>
      <c r="P6735" s="59">
        <f>IF(Input!$D$19=3,J6735*Input!$C$19,0)+IF(Input!$D$20=3,K6735*Input!$C$20,0)+IF(Input!$D$21=3,L6735*Input!$C$21,0)+IF(Input!$D$22=3,M6735*Input!$C$22,0)</f>
        <v>0</v>
      </c>
      <c r="Q6735" s="75">
        <f>IF(Input!$D$19=4,J6735*Input!$C$19,0)+IF(Input!$D$20=4,K6735*Input!$C$20,0)+IF(Input!$D$21=4,L6735*Input!$C$21,0)+IF(Input!$D$22=4,M6735*Input!$C$22,0)</f>
        <v>0</v>
      </c>
      <c r="R6735" s="58">
        <v>65.306058580802102</v>
      </c>
      <c r="S6735" s="124">
        <f t="shared" si="105"/>
        <v>1.6339057698408448</v>
      </c>
    </row>
    <row r="6736" spans="8:19" x14ac:dyDescent="0.3">
      <c r="H6736" s="44">
        <v>6729</v>
      </c>
      <c r="I6736" s="56">
        <f>Bühler!I6762</f>
        <v>0.37705517765557955</v>
      </c>
      <c r="J6736" s="59">
        <f>Bühler!J6762</f>
        <v>1.2568505921852653</v>
      </c>
      <c r="K6736" s="59">
        <f>Bühler!K6762</f>
        <v>1.8852758882778979</v>
      </c>
      <c r="L6736" s="59">
        <f>Bühler!L6762</f>
        <v>9.0493242637339097</v>
      </c>
      <c r="M6736" s="58">
        <f>Bühler!M6762</f>
        <v>0</v>
      </c>
      <c r="N6736" s="56">
        <f>IF(Input!$D$19=1,J6736*Input!$C$19,0)+IF(Input!$D$20=1,K6736*Input!$C$20,0)+IF(Input!$D$21=1,L6736*Input!$C$21,0)+IF(Input!$D$22=1,M6736*Input!$C$22,0)</f>
        <v>0.37705517765557955</v>
      </c>
      <c r="O6736" s="59">
        <f>IF(Input!$D$19=2,J6736*Input!$C$19,0)+IF(Input!$D$20=2,K6736*Input!$C$20,0)+IF(Input!$D$21=2,L6736*Input!$C$21,0)+IF(Input!$D$22=2,M6736*Input!$C$22,0)</f>
        <v>0.94263794413894897</v>
      </c>
      <c r="P6736" s="59">
        <f>IF(Input!$D$19=3,J6736*Input!$C$19,0)+IF(Input!$D$20=3,K6736*Input!$C$20,0)+IF(Input!$D$21=3,L6736*Input!$C$21,0)+IF(Input!$D$22=3,M6736*Input!$C$22,0)</f>
        <v>0</v>
      </c>
      <c r="Q6736" s="75">
        <f>IF(Input!$D$19=4,J6736*Input!$C$19,0)+IF(Input!$D$20=4,K6736*Input!$C$20,0)+IF(Input!$D$21=4,L6736*Input!$C$21,0)+IF(Input!$D$22=4,M6736*Input!$C$22,0)</f>
        <v>0</v>
      </c>
      <c r="R6736" s="58">
        <v>67.394150290340889</v>
      </c>
      <c r="S6736" s="124">
        <f t="shared" si="105"/>
        <v>1.6339057698408448</v>
      </c>
    </row>
    <row r="6737" spans="8:19" x14ac:dyDescent="0.3">
      <c r="H6737" s="44">
        <v>6730</v>
      </c>
      <c r="I6737" s="56">
        <f>Bühler!I6763</f>
        <v>0.40261824054748324</v>
      </c>
      <c r="J6737" s="59">
        <f>Bühler!J6763</f>
        <v>1.3420608018249442</v>
      </c>
      <c r="K6737" s="59">
        <f>Bühler!K6763</f>
        <v>2.0130912027374164</v>
      </c>
      <c r="L6737" s="59">
        <f>Bühler!L6763</f>
        <v>9.6628377731395982</v>
      </c>
      <c r="M6737" s="58">
        <f>Bühler!M6763</f>
        <v>0</v>
      </c>
      <c r="N6737" s="56">
        <f>IF(Input!$D$19=1,J6737*Input!$C$19,0)+IF(Input!$D$20=1,K6737*Input!$C$20,0)+IF(Input!$D$21=1,L6737*Input!$C$21,0)+IF(Input!$D$22=1,M6737*Input!$C$22,0)</f>
        <v>0.40261824054748324</v>
      </c>
      <c r="O6737" s="59">
        <f>IF(Input!$D$19=2,J6737*Input!$C$19,0)+IF(Input!$D$20=2,K6737*Input!$C$20,0)+IF(Input!$D$21=2,L6737*Input!$C$21,0)+IF(Input!$D$22=2,M6737*Input!$C$22,0)</f>
        <v>1.0065456013687082</v>
      </c>
      <c r="P6737" s="59">
        <f>IF(Input!$D$19=3,J6737*Input!$C$19,0)+IF(Input!$D$20=3,K6737*Input!$C$20,0)+IF(Input!$D$21=3,L6737*Input!$C$21,0)+IF(Input!$D$22=3,M6737*Input!$C$22,0)</f>
        <v>0</v>
      </c>
      <c r="Q6737" s="75">
        <f>IF(Input!$D$19=4,J6737*Input!$C$19,0)+IF(Input!$D$20=4,K6737*Input!$C$20,0)+IF(Input!$D$21=4,L6737*Input!$C$21,0)+IF(Input!$D$22=4,M6737*Input!$C$22,0)</f>
        <v>0</v>
      </c>
      <c r="R6737" s="58">
        <v>68.141965131958031</v>
      </c>
      <c r="S6737" s="124">
        <f t="shared" si="105"/>
        <v>1.7446790423724274</v>
      </c>
    </row>
    <row r="6738" spans="8:19" x14ac:dyDescent="0.3">
      <c r="H6738" s="44">
        <v>6731</v>
      </c>
      <c r="I6738" s="56">
        <f>Bühler!I6764</f>
        <v>0.40261824054748324</v>
      </c>
      <c r="J6738" s="59">
        <f>Bühler!J6764</f>
        <v>1.3420608018249442</v>
      </c>
      <c r="K6738" s="59">
        <f>Bühler!K6764</f>
        <v>2.0130912027374164</v>
      </c>
      <c r="L6738" s="59">
        <f>Bühler!L6764</f>
        <v>9.6628377731395982</v>
      </c>
      <c r="M6738" s="58">
        <f>Bühler!M6764</f>
        <v>0</v>
      </c>
      <c r="N6738" s="56">
        <f>IF(Input!$D$19=1,J6738*Input!$C$19,0)+IF(Input!$D$20=1,K6738*Input!$C$20,0)+IF(Input!$D$21=1,L6738*Input!$C$21,0)+IF(Input!$D$22=1,M6738*Input!$C$22,0)</f>
        <v>0.40261824054748324</v>
      </c>
      <c r="O6738" s="59">
        <f>IF(Input!$D$19=2,J6738*Input!$C$19,0)+IF(Input!$D$20=2,K6738*Input!$C$20,0)+IF(Input!$D$21=2,L6738*Input!$C$21,0)+IF(Input!$D$22=2,M6738*Input!$C$22,0)</f>
        <v>1.0065456013687082</v>
      </c>
      <c r="P6738" s="59">
        <f>IF(Input!$D$19=3,J6738*Input!$C$19,0)+IF(Input!$D$20=3,K6738*Input!$C$20,0)+IF(Input!$D$21=3,L6738*Input!$C$21,0)+IF(Input!$D$22=3,M6738*Input!$C$22,0)</f>
        <v>0</v>
      </c>
      <c r="Q6738" s="75">
        <f>IF(Input!$D$19=4,J6738*Input!$C$19,0)+IF(Input!$D$20=4,K6738*Input!$C$20,0)+IF(Input!$D$21=4,L6738*Input!$C$21,0)+IF(Input!$D$22=4,M6738*Input!$C$22,0)</f>
        <v>0</v>
      </c>
      <c r="R6738" s="58">
        <v>69.759177298712771</v>
      </c>
      <c r="S6738" s="124">
        <f t="shared" si="105"/>
        <v>1.7446790423724274</v>
      </c>
    </row>
    <row r="6739" spans="8:19" x14ac:dyDescent="0.3">
      <c r="H6739" s="44">
        <v>6732</v>
      </c>
      <c r="I6739" s="56">
        <f>Bühler!I6765</f>
        <v>0.51126125783807408</v>
      </c>
      <c r="J6739" s="59">
        <f>Bühler!J6765</f>
        <v>1.7042041927935803</v>
      </c>
      <c r="K6739" s="59">
        <f>Bühler!K6765</f>
        <v>2.5563062891903701</v>
      </c>
      <c r="L6739" s="59">
        <f>Bühler!L6765</f>
        <v>12.270270188113777</v>
      </c>
      <c r="M6739" s="58">
        <f>Bühler!M6765</f>
        <v>0</v>
      </c>
      <c r="N6739" s="56">
        <f>IF(Input!$D$19=1,J6739*Input!$C$19,0)+IF(Input!$D$20=1,K6739*Input!$C$20,0)+IF(Input!$D$21=1,L6739*Input!$C$21,0)+IF(Input!$D$22=1,M6739*Input!$C$22,0)</f>
        <v>0.51126125783807408</v>
      </c>
      <c r="O6739" s="59">
        <f>IF(Input!$D$19=2,J6739*Input!$C$19,0)+IF(Input!$D$20=2,K6739*Input!$C$20,0)+IF(Input!$D$21=2,L6739*Input!$C$21,0)+IF(Input!$D$22=2,M6739*Input!$C$22,0)</f>
        <v>1.278153144595185</v>
      </c>
      <c r="P6739" s="59">
        <f>IF(Input!$D$19=3,J6739*Input!$C$19,0)+IF(Input!$D$20=3,K6739*Input!$C$20,0)+IF(Input!$D$21=3,L6739*Input!$C$21,0)+IF(Input!$D$22=3,M6739*Input!$C$22,0)</f>
        <v>0</v>
      </c>
      <c r="Q6739" s="75">
        <f>IF(Input!$D$19=4,J6739*Input!$C$19,0)+IF(Input!$D$20=4,K6739*Input!$C$20,0)+IF(Input!$D$21=4,L6739*Input!$C$21,0)+IF(Input!$D$22=4,M6739*Input!$C$22,0)</f>
        <v>0</v>
      </c>
      <c r="R6739" s="58">
        <v>70.416655503955596</v>
      </c>
      <c r="S6739" s="124">
        <f t="shared" si="105"/>
        <v>2.2154654506316542</v>
      </c>
    </row>
    <row r="6740" spans="8:19" x14ac:dyDescent="0.3">
      <c r="H6740" s="44">
        <v>6733</v>
      </c>
      <c r="I6740" s="56">
        <f>Bühler!I6766</f>
        <v>0.51126125783807408</v>
      </c>
      <c r="J6740" s="59">
        <f>Bühler!J6766</f>
        <v>1.7042041927935803</v>
      </c>
      <c r="K6740" s="59">
        <f>Bühler!K6766</f>
        <v>2.5563062891903701</v>
      </c>
      <c r="L6740" s="59">
        <f>Bühler!L6766</f>
        <v>12.270270188113777</v>
      </c>
      <c r="M6740" s="58">
        <f>Bühler!M6766</f>
        <v>0</v>
      </c>
      <c r="N6740" s="56">
        <f>IF(Input!$D$19=1,J6740*Input!$C$19,0)+IF(Input!$D$20=1,K6740*Input!$C$20,0)+IF(Input!$D$21=1,L6740*Input!$C$21,0)+IF(Input!$D$22=1,M6740*Input!$C$22,0)</f>
        <v>0.51126125783807408</v>
      </c>
      <c r="O6740" s="59">
        <f>IF(Input!$D$19=2,J6740*Input!$C$19,0)+IF(Input!$D$20=2,K6740*Input!$C$20,0)+IF(Input!$D$21=2,L6740*Input!$C$21,0)+IF(Input!$D$22=2,M6740*Input!$C$22,0)</f>
        <v>1.278153144595185</v>
      </c>
      <c r="P6740" s="59">
        <f>IF(Input!$D$19=3,J6740*Input!$C$19,0)+IF(Input!$D$20=3,K6740*Input!$C$20,0)+IF(Input!$D$21=3,L6740*Input!$C$21,0)+IF(Input!$D$22=3,M6740*Input!$C$22,0)</f>
        <v>0</v>
      </c>
      <c r="Q6740" s="75">
        <f>IF(Input!$D$19=4,J6740*Input!$C$19,0)+IF(Input!$D$20=4,K6740*Input!$C$20,0)+IF(Input!$D$21=4,L6740*Input!$C$21,0)+IF(Input!$D$22=4,M6740*Input!$C$22,0)</f>
        <v>0</v>
      </c>
      <c r="R6740" s="58">
        <v>69.962184993690116</v>
      </c>
      <c r="S6740" s="124">
        <f t="shared" si="105"/>
        <v>2.2154654506316542</v>
      </c>
    </row>
    <row r="6741" spans="8:19" x14ac:dyDescent="0.3">
      <c r="H6741" s="44">
        <v>6734</v>
      </c>
      <c r="I6741" s="56">
        <f>Bühler!I6767</f>
        <v>0.33871058331772408</v>
      </c>
      <c r="J6741" s="59">
        <f>Bühler!J6767</f>
        <v>1.1290352777257471</v>
      </c>
      <c r="K6741" s="59">
        <f>Bühler!K6767</f>
        <v>1.6935529165886203</v>
      </c>
      <c r="L6741" s="59">
        <f>Bühler!L6767</f>
        <v>8.129053999625377</v>
      </c>
      <c r="M6741" s="58">
        <f>Bühler!M6767</f>
        <v>0</v>
      </c>
      <c r="N6741" s="56">
        <f>IF(Input!$D$19=1,J6741*Input!$C$19,0)+IF(Input!$D$20=1,K6741*Input!$C$20,0)+IF(Input!$D$21=1,L6741*Input!$C$21,0)+IF(Input!$D$22=1,M6741*Input!$C$22,0)</f>
        <v>0.33871058331772413</v>
      </c>
      <c r="O6741" s="59">
        <f>IF(Input!$D$19=2,J6741*Input!$C$19,0)+IF(Input!$D$20=2,K6741*Input!$C$20,0)+IF(Input!$D$21=2,L6741*Input!$C$21,0)+IF(Input!$D$22=2,M6741*Input!$C$22,0)</f>
        <v>0.84677645829431014</v>
      </c>
      <c r="P6741" s="59">
        <f>IF(Input!$D$19=3,J6741*Input!$C$19,0)+IF(Input!$D$20=3,K6741*Input!$C$20,0)+IF(Input!$D$21=3,L6741*Input!$C$21,0)+IF(Input!$D$22=3,M6741*Input!$C$22,0)</f>
        <v>0</v>
      </c>
      <c r="Q6741" s="75">
        <f>IF(Input!$D$19=4,J6741*Input!$C$19,0)+IF(Input!$D$20=4,K6741*Input!$C$20,0)+IF(Input!$D$21=4,L6741*Input!$C$21,0)+IF(Input!$D$22=4,M6741*Input!$C$22,0)</f>
        <v>0</v>
      </c>
      <c r="R6741" s="58">
        <v>69.911176360395842</v>
      </c>
      <c r="S6741" s="124">
        <f t="shared" si="105"/>
        <v>1.467745861043471</v>
      </c>
    </row>
    <row r="6742" spans="8:19" x14ac:dyDescent="0.3">
      <c r="H6742" s="44">
        <v>6735</v>
      </c>
      <c r="I6742" s="56">
        <f>Bühler!I6768</f>
        <v>0.51126125783807408</v>
      </c>
      <c r="J6742" s="59">
        <f>Bühler!J6768</f>
        <v>1.7042041927935803</v>
      </c>
      <c r="K6742" s="59">
        <f>Bühler!K6768</f>
        <v>2.5563062891903701</v>
      </c>
      <c r="L6742" s="59">
        <f>Bühler!L6768</f>
        <v>12.270270188113777</v>
      </c>
      <c r="M6742" s="58">
        <f>Bühler!M6768</f>
        <v>0</v>
      </c>
      <c r="N6742" s="56">
        <f>IF(Input!$D$19=1,J6742*Input!$C$19,0)+IF(Input!$D$20=1,K6742*Input!$C$20,0)+IF(Input!$D$21=1,L6742*Input!$C$21,0)+IF(Input!$D$22=1,M6742*Input!$C$22,0)</f>
        <v>0.51126125783807408</v>
      </c>
      <c r="O6742" s="59">
        <f>IF(Input!$D$19=2,J6742*Input!$C$19,0)+IF(Input!$D$20=2,K6742*Input!$C$20,0)+IF(Input!$D$21=2,L6742*Input!$C$21,0)+IF(Input!$D$22=2,M6742*Input!$C$22,0)</f>
        <v>1.278153144595185</v>
      </c>
      <c r="P6742" s="59">
        <f>IF(Input!$D$19=3,J6742*Input!$C$19,0)+IF(Input!$D$20=3,K6742*Input!$C$20,0)+IF(Input!$D$21=3,L6742*Input!$C$21,0)+IF(Input!$D$22=3,M6742*Input!$C$22,0)</f>
        <v>0</v>
      </c>
      <c r="Q6742" s="75">
        <f>IF(Input!$D$19=4,J6742*Input!$C$19,0)+IF(Input!$D$20=4,K6742*Input!$C$20,0)+IF(Input!$D$21=4,L6742*Input!$C$21,0)+IF(Input!$D$22=4,M6742*Input!$C$22,0)</f>
        <v>0</v>
      </c>
      <c r="R6742" s="58">
        <v>70.211447539476097</v>
      </c>
      <c r="S6742" s="124">
        <f t="shared" si="105"/>
        <v>2.2154654506316542</v>
      </c>
    </row>
    <row r="6743" spans="8:19" x14ac:dyDescent="0.3">
      <c r="H6743" s="44">
        <v>6736</v>
      </c>
      <c r="I6743" s="56">
        <f>Bühler!I6769</f>
        <v>0.51126125783807408</v>
      </c>
      <c r="J6743" s="59">
        <f>Bühler!J6769</f>
        <v>1.7042041927935803</v>
      </c>
      <c r="K6743" s="59">
        <f>Bühler!K6769</f>
        <v>2.5563062891903701</v>
      </c>
      <c r="L6743" s="59">
        <f>Bühler!L6769</f>
        <v>12.270270188113777</v>
      </c>
      <c r="M6743" s="58">
        <f>Bühler!M6769</f>
        <v>0</v>
      </c>
      <c r="N6743" s="56">
        <f>IF(Input!$D$19=1,J6743*Input!$C$19,0)+IF(Input!$D$20=1,K6743*Input!$C$20,0)+IF(Input!$D$21=1,L6743*Input!$C$21,0)+IF(Input!$D$22=1,M6743*Input!$C$22,0)</f>
        <v>0.51126125783807408</v>
      </c>
      <c r="O6743" s="59">
        <f>IF(Input!$D$19=2,J6743*Input!$C$19,0)+IF(Input!$D$20=2,K6743*Input!$C$20,0)+IF(Input!$D$21=2,L6743*Input!$C$21,0)+IF(Input!$D$22=2,M6743*Input!$C$22,0)</f>
        <v>1.278153144595185</v>
      </c>
      <c r="P6743" s="59">
        <f>IF(Input!$D$19=3,J6743*Input!$C$19,0)+IF(Input!$D$20=3,K6743*Input!$C$20,0)+IF(Input!$D$21=3,L6743*Input!$C$21,0)+IF(Input!$D$22=3,M6743*Input!$C$22,0)</f>
        <v>0</v>
      </c>
      <c r="Q6743" s="75">
        <f>IF(Input!$D$19=4,J6743*Input!$C$19,0)+IF(Input!$D$20=4,K6743*Input!$C$20,0)+IF(Input!$D$21=4,L6743*Input!$C$21,0)+IF(Input!$D$22=4,M6743*Input!$C$22,0)</f>
        <v>0</v>
      </c>
      <c r="R6743" s="58">
        <v>70.042515071900041</v>
      </c>
      <c r="S6743" s="124">
        <f t="shared" si="105"/>
        <v>2.2154654506316542</v>
      </c>
    </row>
    <row r="6744" spans="8:19" x14ac:dyDescent="0.3">
      <c r="H6744" s="44">
        <v>6737</v>
      </c>
      <c r="I6744" s="56">
        <f>Bühler!I6770</f>
        <v>0.51126125783807408</v>
      </c>
      <c r="J6744" s="59">
        <f>Bühler!J6770</f>
        <v>1.7042041927935803</v>
      </c>
      <c r="K6744" s="59">
        <f>Bühler!K6770</f>
        <v>2.5563062891903701</v>
      </c>
      <c r="L6744" s="59">
        <f>Bühler!L6770</f>
        <v>12.270270188113777</v>
      </c>
      <c r="M6744" s="58">
        <f>Bühler!M6770</f>
        <v>0</v>
      </c>
      <c r="N6744" s="56">
        <f>IF(Input!$D$19=1,J6744*Input!$C$19,0)+IF(Input!$D$20=1,K6744*Input!$C$20,0)+IF(Input!$D$21=1,L6744*Input!$C$21,0)+IF(Input!$D$22=1,M6744*Input!$C$22,0)</f>
        <v>0.51126125783807408</v>
      </c>
      <c r="O6744" s="59">
        <f>IF(Input!$D$19=2,J6744*Input!$C$19,0)+IF(Input!$D$20=2,K6744*Input!$C$20,0)+IF(Input!$D$21=2,L6744*Input!$C$21,0)+IF(Input!$D$22=2,M6744*Input!$C$22,0)</f>
        <v>1.278153144595185</v>
      </c>
      <c r="P6744" s="59">
        <f>IF(Input!$D$19=3,J6744*Input!$C$19,0)+IF(Input!$D$20=3,K6744*Input!$C$20,0)+IF(Input!$D$21=3,L6744*Input!$C$21,0)+IF(Input!$D$22=3,M6744*Input!$C$22,0)</f>
        <v>0</v>
      </c>
      <c r="Q6744" s="75">
        <f>IF(Input!$D$19=4,J6744*Input!$C$19,0)+IF(Input!$D$20=4,K6744*Input!$C$20,0)+IF(Input!$D$21=4,L6744*Input!$C$21,0)+IF(Input!$D$22=4,M6744*Input!$C$22,0)</f>
        <v>0</v>
      </c>
      <c r="R6744" s="58">
        <v>69.275406016414962</v>
      </c>
      <c r="S6744" s="124">
        <f t="shared" si="105"/>
        <v>2.2154654506316542</v>
      </c>
    </row>
    <row r="6745" spans="8:19" x14ac:dyDescent="0.3">
      <c r="H6745" s="44">
        <v>6738</v>
      </c>
      <c r="I6745" s="56">
        <f>Bühler!I6771</f>
        <v>0.51126125783807408</v>
      </c>
      <c r="J6745" s="59">
        <f>Bühler!J6771</f>
        <v>1.7042041927935803</v>
      </c>
      <c r="K6745" s="59">
        <f>Bühler!K6771</f>
        <v>2.5563062891903701</v>
      </c>
      <c r="L6745" s="59">
        <f>Bühler!L6771</f>
        <v>12.270270188113777</v>
      </c>
      <c r="M6745" s="58">
        <f>Bühler!M6771</f>
        <v>0</v>
      </c>
      <c r="N6745" s="56">
        <f>IF(Input!$D$19=1,J6745*Input!$C$19,0)+IF(Input!$D$20=1,K6745*Input!$C$20,0)+IF(Input!$D$21=1,L6745*Input!$C$21,0)+IF(Input!$D$22=1,M6745*Input!$C$22,0)</f>
        <v>0.51126125783807408</v>
      </c>
      <c r="O6745" s="59">
        <f>IF(Input!$D$19=2,J6745*Input!$C$19,0)+IF(Input!$D$20=2,K6745*Input!$C$20,0)+IF(Input!$D$21=2,L6745*Input!$C$21,0)+IF(Input!$D$22=2,M6745*Input!$C$22,0)</f>
        <v>1.278153144595185</v>
      </c>
      <c r="P6745" s="59">
        <f>IF(Input!$D$19=3,J6745*Input!$C$19,0)+IF(Input!$D$20=3,K6745*Input!$C$20,0)+IF(Input!$D$21=3,L6745*Input!$C$21,0)+IF(Input!$D$22=3,M6745*Input!$C$22,0)</f>
        <v>0</v>
      </c>
      <c r="Q6745" s="75">
        <f>IF(Input!$D$19=4,J6745*Input!$C$19,0)+IF(Input!$D$20=4,K6745*Input!$C$20,0)+IF(Input!$D$21=4,L6745*Input!$C$21,0)+IF(Input!$D$22=4,M6745*Input!$C$22,0)</f>
        <v>0</v>
      </c>
      <c r="R6745" s="58">
        <v>68.412130198787082</v>
      </c>
      <c r="S6745" s="124">
        <f t="shared" si="105"/>
        <v>2.2154654506316542</v>
      </c>
    </row>
    <row r="6746" spans="8:19" x14ac:dyDescent="0.3">
      <c r="H6746" s="44">
        <v>6739</v>
      </c>
      <c r="I6746" s="56">
        <f>Bühler!I6772</f>
        <v>0.51126125783807408</v>
      </c>
      <c r="J6746" s="59">
        <f>Bühler!J6772</f>
        <v>1.7042041927935803</v>
      </c>
      <c r="K6746" s="59">
        <f>Bühler!K6772</f>
        <v>2.5563062891903701</v>
      </c>
      <c r="L6746" s="59">
        <f>Bühler!L6772</f>
        <v>12.270270188113777</v>
      </c>
      <c r="M6746" s="58">
        <f>Bühler!M6772</f>
        <v>0</v>
      </c>
      <c r="N6746" s="56">
        <f>IF(Input!$D$19=1,J6746*Input!$C$19,0)+IF(Input!$D$20=1,K6746*Input!$C$20,0)+IF(Input!$D$21=1,L6746*Input!$C$21,0)+IF(Input!$D$22=1,M6746*Input!$C$22,0)</f>
        <v>0.51126125783807408</v>
      </c>
      <c r="O6746" s="59">
        <f>IF(Input!$D$19=2,J6746*Input!$C$19,0)+IF(Input!$D$20=2,K6746*Input!$C$20,0)+IF(Input!$D$21=2,L6746*Input!$C$21,0)+IF(Input!$D$22=2,M6746*Input!$C$22,0)</f>
        <v>1.278153144595185</v>
      </c>
      <c r="P6746" s="59">
        <f>IF(Input!$D$19=3,J6746*Input!$C$19,0)+IF(Input!$D$20=3,K6746*Input!$C$20,0)+IF(Input!$D$21=3,L6746*Input!$C$21,0)+IF(Input!$D$22=3,M6746*Input!$C$22,0)</f>
        <v>0</v>
      </c>
      <c r="Q6746" s="75">
        <f>IF(Input!$D$19=4,J6746*Input!$C$19,0)+IF(Input!$D$20=4,K6746*Input!$C$20,0)+IF(Input!$D$21=4,L6746*Input!$C$21,0)+IF(Input!$D$22=4,M6746*Input!$C$22,0)</f>
        <v>0</v>
      </c>
      <c r="R6746" s="58">
        <v>67.184899325747722</v>
      </c>
      <c r="S6746" s="124">
        <f t="shared" si="105"/>
        <v>2.2154654506316542</v>
      </c>
    </row>
    <row r="6747" spans="8:19" x14ac:dyDescent="0.3">
      <c r="H6747" s="44">
        <v>6740</v>
      </c>
      <c r="I6747" s="56">
        <f>Bühler!I6773</f>
        <v>0.42818130343938693</v>
      </c>
      <c r="J6747" s="59">
        <f>Bühler!J6773</f>
        <v>1.4272710114646232</v>
      </c>
      <c r="K6747" s="59">
        <f>Bühler!K6773</f>
        <v>2.1409065171969348</v>
      </c>
      <c r="L6747" s="59">
        <f>Bühler!L6773</f>
        <v>10.276351282545287</v>
      </c>
      <c r="M6747" s="58">
        <f>Bühler!M6773</f>
        <v>0</v>
      </c>
      <c r="N6747" s="56">
        <f>IF(Input!$D$19=1,J6747*Input!$C$19,0)+IF(Input!$D$20=1,K6747*Input!$C$20,0)+IF(Input!$D$21=1,L6747*Input!$C$21,0)+IF(Input!$D$22=1,M6747*Input!$C$22,0)</f>
        <v>0.42818130343938693</v>
      </c>
      <c r="O6747" s="59">
        <f>IF(Input!$D$19=2,J6747*Input!$C$19,0)+IF(Input!$D$20=2,K6747*Input!$C$20,0)+IF(Input!$D$21=2,L6747*Input!$C$21,0)+IF(Input!$D$22=2,M6747*Input!$C$22,0)</f>
        <v>1.0704532585984674</v>
      </c>
      <c r="P6747" s="59">
        <f>IF(Input!$D$19=3,J6747*Input!$C$19,0)+IF(Input!$D$20=3,K6747*Input!$C$20,0)+IF(Input!$D$21=3,L6747*Input!$C$21,0)+IF(Input!$D$22=3,M6747*Input!$C$22,0)</f>
        <v>0</v>
      </c>
      <c r="Q6747" s="75">
        <f>IF(Input!$D$19=4,J6747*Input!$C$19,0)+IF(Input!$D$20=4,K6747*Input!$C$20,0)+IF(Input!$D$21=4,L6747*Input!$C$21,0)+IF(Input!$D$22=4,M6747*Input!$C$22,0)</f>
        <v>0</v>
      </c>
      <c r="R6747" s="58">
        <v>65.936449856223788</v>
      </c>
      <c r="S6747" s="124">
        <f t="shared" si="105"/>
        <v>1.8554523149040101</v>
      </c>
    </row>
    <row r="6748" spans="8:19" x14ac:dyDescent="0.3">
      <c r="H6748" s="44">
        <v>6741</v>
      </c>
      <c r="I6748" s="56">
        <f>Bühler!I6774</f>
        <v>0.35149211476367581</v>
      </c>
      <c r="J6748" s="59">
        <f>Bühler!J6774</f>
        <v>1.1716403825455861</v>
      </c>
      <c r="K6748" s="59">
        <f>Bühler!K6774</f>
        <v>1.7574605738183793</v>
      </c>
      <c r="L6748" s="59">
        <f>Bühler!L6774</f>
        <v>8.4358107543282195</v>
      </c>
      <c r="M6748" s="58">
        <f>Bühler!M6774</f>
        <v>0</v>
      </c>
      <c r="N6748" s="56">
        <f>IF(Input!$D$19=1,J6748*Input!$C$19,0)+IF(Input!$D$20=1,K6748*Input!$C$20,0)+IF(Input!$D$21=1,L6748*Input!$C$21,0)+IF(Input!$D$22=1,M6748*Input!$C$22,0)</f>
        <v>0.35149211476367581</v>
      </c>
      <c r="O6748" s="59">
        <f>IF(Input!$D$19=2,J6748*Input!$C$19,0)+IF(Input!$D$20=2,K6748*Input!$C$20,0)+IF(Input!$D$21=2,L6748*Input!$C$21,0)+IF(Input!$D$22=2,M6748*Input!$C$22,0)</f>
        <v>0.87873028690918964</v>
      </c>
      <c r="P6748" s="59">
        <f>IF(Input!$D$19=3,J6748*Input!$C$19,0)+IF(Input!$D$20=3,K6748*Input!$C$20,0)+IF(Input!$D$21=3,L6748*Input!$C$21,0)+IF(Input!$D$22=3,M6748*Input!$C$22,0)</f>
        <v>0</v>
      </c>
      <c r="Q6748" s="75">
        <f>IF(Input!$D$19=4,J6748*Input!$C$19,0)+IF(Input!$D$20=4,K6748*Input!$C$20,0)+IF(Input!$D$21=4,L6748*Input!$C$21,0)+IF(Input!$D$22=4,M6748*Input!$C$22,0)</f>
        <v>0</v>
      </c>
      <c r="R6748" s="58">
        <v>64.741169944331205</v>
      </c>
      <c r="S6748" s="124">
        <f t="shared" si="105"/>
        <v>1.5231324973092619</v>
      </c>
    </row>
    <row r="6749" spans="8:19" x14ac:dyDescent="0.3">
      <c r="H6749" s="44">
        <v>6742</v>
      </c>
      <c r="I6749" s="56">
        <f>Bühler!I6775</f>
        <v>0.25563062891903704</v>
      </c>
      <c r="J6749" s="59">
        <f>Bühler!J6775</f>
        <v>0.85210209639679013</v>
      </c>
      <c r="K6749" s="59">
        <f>Bühler!K6775</f>
        <v>1.278153144595185</v>
      </c>
      <c r="L6749" s="59">
        <f>Bühler!L6775</f>
        <v>6.1351350940568885</v>
      </c>
      <c r="M6749" s="58">
        <f>Bühler!M6775</f>
        <v>0</v>
      </c>
      <c r="N6749" s="56">
        <f>IF(Input!$D$19=1,J6749*Input!$C$19,0)+IF(Input!$D$20=1,K6749*Input!$C$20,0)+IF(Input!$D$21=1,L6749*Input!$C$21,0)+IF(Input!$D$22=1,M6749*Input!$C$22,0)</f>
        <v>0.25563062891903704</v>
      </c>
      <c r="O6749" s="59">
        <f>IF(Input!$D$19=2,J6749*Input!$C$19,0)+IF(Input!$D$20=2,K6749*Input!$C$20,0)+IF(Input!$D$21=2,L6749*Input!$C$21,0)+IF(Input!$D$22=2,M6749*Input!$C$22,0)</f>
        <v>0.63907657229759252</v>
      </c>
      <c r="P6749" s="59">
        <f>IF(Input!$D$19=3,J6749*Input!$C$19,0)+IF(Input!$D$20=3,K6749*Input!$C$20,0)+IF(Input!$D$21=3,L6749*Input!$C$21,0)+IF(Input!$D$22=3,M6749*Input!$C$22,0)</f>
        <v>0</v>
      </c>
      <c r="Q6749" s="75">
        <f>IF(Input!$D$19=4,J6749*Input!$C$19,0)+IF(Input!$D$20=4,K6749*Input!$C$20,0)+IF(Input!$D$21=4,L6749*Input!$C$21,0)+IF(Input!$D$22=4,M6749*Input!$C$22,0)</f>
        <v>0</v>
      </c>
      <c r="R6749" s="58">
        <v>62.457650701653542</v>
      </c>
      <c r="S6749" s="124">
        <f t="shared" si="105"/>
        <v>1.1077327253158271</v>
      </c>
    </row>
    <row r="6750" spans="8:19" x14ac:dyDescent="0.3">
      <c r="H6750" s="44">
        <v>6743</v>
      </c>
      <c r="I6750" s="56">
        <f>Bühler!I6776</f>
        <v>0.24284909747308511</v>
      </c>
      <c r="J6750" s="59">
        <f>Bühler!J6776</f>
        <v>0.80949699157695043</v>
      </c>
      <c r="K6750" s="59">
        <f>Bühler!K6776</f>
        <v>1.2142454873654256</v>
      </c>
      <c r="L6750" s="59">
        <f>Bühler!L6776</f>
        <v>5.8283783393540425</v>
      </c>
      <c r="M6750" s="58">
        <f>Bühler!M6776</f>
        <v>0</v>
      </c>
      <c r="N6750" s="56">
        <f>IF(Input!$D$19=1,J6750*Input!$C$19,0)+IF(Input!$D$20=1,K6750*Input!$C$20,0)+IF(Input!$D$21=1,L6750*Input!$C$21,0)+IF(Input!$D$22=1,M6750*Input!$C$22,0)</f>
        <v>0.24284909747308511</v>
      </c>
      <c r="O6750" s="59">
        <f>IF(Input!$D$19=2,J6750*Input!$C$19,0)+IF(Input!$D$20=2,K6750*Input!$C$20,0)+IF(Input!$D$21=2,L6750*Input!$C$21,0)+IF(Input!$D$22=2,M6750*Input!$C$22,0)</f>
        <v>0.6071227436827128</v>
      </c>
      <c r="P6750" s="59">
        <f>IF(Input!$D$19=3,J6750*Input!$C$19,0)+IF(Input!$D$20=3,K6750*Input!$C$20,0)+IF(Input!$D$21=3,L6750*Input!$C$21,0)+IF(Input!$D$22=3,M6750*Input!$C$22,0)</f>
        <v>0</v>
      </c>
      <c r="Q6750" s="75">
        <f>IF(Input!$D$19=4,J6750*Input!$C$19,0)+IF(Input!$D$20=4,K6750*Input!$C$20,0)+IF(Input!$D$21=4,L6750*Input!$C$21,0)+IF(Input!$D$22=4,M6750*Input!$C$22,0)</f>
        <v>0</v>
      </c>
      <c r="R6750" s="58">
        <v>62.149826035423025</v>
      </c>
      <c r="S6750" s="124">
        <f t="shared" si="105"/>
        <v>1.0523460890500356</v>
      </c>
    </row>
    <row r="6751" spans="8:19" x14ac:dyDescent="0.3">
      <c r="H6751" s="44">
        <v>6744</v>
      </c>
      <c r="I6751" s="56">
        <f>Bühler!I6777</f>
        <v>0.24284909747308511</v>
      </c>
      <c r="J6751" s="59">
        <f>Bühler!J6777</f>
        <v>0.80949699157695043</v>
      </c>
      <c r="K6751" s="59">
        <f>Bühler!K6777</f>
        <v>1.2142454873654256</v>
      </c>
      <c r="L6751" s="59">
        <f>Bühler!L6777</f>
        <v>5.8283783393540425</v>
      </c>
      <c r="M6751" s="58">
        <f>Bühler!M6777</f>
        <v>0</v>
      </c>
      <c r="N6751" s="56">
        <f>IF(Input!$D$19=1,J6751*Input!$C$19,0)+IF(Input!$D$20=1,K6751*Input!$C$20,0)+IF(Input!$D$21=1,L6751*Input!$C$21,0)+IF(Input!$D$22=1,M6751*Input!$C$22,0)</f>
        <v>0.24284909747308511</v>
      </c>
      <c r="O6751" s="59">
        <f>IF(Input!$D$19=2,J6751*Input!$C$19,0)+IF(Input!$D$20=2,K6751*Input!$C$20,0)+IF(Input!$D$21=2,L6751*Input!$C$21,0)+IF(Input!$D$22=2,M6751*Input!$C$22,0)</f>
        <v>0.6071227436827128</v>
      </c>
      <c r="P6751" s="59">
        <f>IF(Input!$D$19=3,J6751*Input!$C$19,0)+IF(Input!$D$20=3,K6751*Input!$C$20,0)+IF(Input!$D$21=3,L6751*Input!$C$21,0)+IF(Input!$D$22=3,M6751*Input!$C$22,0)</f>
        <v>0</v>
      </c>
      <c r="Q6751" s="75">
        <f>IF(Input!$D$19=4,J6751*Input!$C$19,0)+IF(Input!$D$20=4,K6751*Input!$C$20,0)+IF(Input!$D$21=4,L6751*Input!$C$21,0)+IF(Input!$D$22=4,M6751*Input!$C$22,0)</f>
        <v>0</v>
      </c>
      <c r="R6751" s="58">
        <v>62.490140314978412</v>
      </c>
      <c r="S6751" s="124">
        <f t="shared" si="105"/>
        <v>1.0523460890500356</v>
      </c>
    </row>
    <row r="6752" spans="8:19" x14ac:dyDescent="0.3">
      <c r="H6752" s="44">
        <v>6745</v>
      </c>
      <c r="I6752" s="56">
        <f>Bühler!I6778</f>
        <v>0.2210282134140821</v>
      </c>
      <c r="J6752" s="59">
        <f>Bühler!J6778</f>
        <v>0.73676071138027377</v>
      </c>
      <c r="K6752" s="59">
        <f>Bühler!K6778</f>
        <v>1.1051410670704105</v>
      </c>
      <c r="L6752" s="59">
        <f>Bühler!L6778</f>
        <v>5.3046771219379707</v>
      </c>
      <c r="M6752" s="58">
        <f>Bühler!M6778</f>
        <v>0</v>
      </c>
      <c r="N6752" s="56">
        <f>IF(Input!$D$19=1,J6752*Input!$C$19,0)+IF(Input!$D$20=1,K6752*Input!$C$20,0)+IF(Input!$D$21=1,L6752*Input!$C$21,0)+IF(Input!$D$22=1,M6752*Input!$C$22,0)</f>
        <v>0.22102821341408213</v>
      </c>
      <c r="O6752" s="59">
        <f>IF(Input!$D$19=2,J6752*Input!$C$19,0)+IF(Input!$D$20=2,K6752*Input!$C$20,0)+IF(Input!$D$21=2,L6752*Input!$C$21,0)+IF(Input!$D$22=2,M6752*Input!$C$22,0)</f>
        <v>0.55257053353520524</v>
      </c>
      <c r="P6752" s="59">
        <f>IF(Input!$D$19=3,J6752*Input!$C$19,0)+IF(Input!$D$20=3,K6752*Input!$C$20,0)+IF(Input!$D$21=3,L6752*Input!$C$21,0)+IF(Input!$D$22=3,M6752*Input!$C$22,0)</f>
        <v>0</v>
      </c>
      <c r="Q6752" s="75">
        <f>IF(Input!$D$19=4,J6752*Input!$C$19,0)+IF(Input!$D$20=4,K6752*Input!$C$20,0)+IF(Input!$D$21=4,L6752*Input!$C$21,0)+IF(Input!$D$22=4,M6752*Input!$C$22,0)</f>
        <v>0</v>
      </c>
      <c r="R6752" s="58">
        <v>61.649779250957621</v>
      </c>
      <c r="S6752" s="124">
        <f t="shared" si="105"/>
        <v>0.95778892479435584</v>
      </c>
    </row>
    <row r="6753" spans="8:19" x14ac:dyDescent="0.3">
      <c r="H6753" s="44">
        <v>6746</v>
      </c>
      <c r="I6753" s="56">
        <f>Bühler!I6779</f>
        <v>0.2210282134140821</v>
      </c>
      <c r="J6753" s="59">
        <f>Bühler!J6779</f>
        <v>0.73676071138027377</v>
      </c>
      <c r="K6753" s="59">
        <f>Bühler!K6779</f>
        <v>1.1051410670704105</v>
      </c>
      <c r="L6753" s="59">
        <f>Bühler!L6779</f>
        <v>5.3046771219379707</v>
      </c>
      <c r="M6753" s="58">
        <f>Bühler!M6779</f>
        <v>0</v>
      </c>
      <c r="N6753" s="56">
        <f>IF(Input!$D$19=1,J6753*Input!$C$19,0)+IF(Input!$D$20=1,K6753*Input!$C$20,0)+IF(Input!$D$21=1,L6753*Input!$C$21,0)+IF(Input!$D$22=1,M6753*Input!$C$22,0)</f>
        <v>0.22102821341408213</v>
      </c>
      <c r="O6753" s="59">
        <f>IF(Input!$D$19=2,J6753*Input!$C$19,0)+IF(Input!$D$20=2,K6753*Input!$C$20,0)+IF(Input!$D$21=2,L6753*Input!$C$21,0)+IF(Input!$D$22=2,M6753*Input!$C$22,0)</f>
        <v>0.55257053353520524</v>
      </c>
      <c r="P6753" s="59">
        <f>IF(Input!$D$19=3,J6753*Input!$C$19,0)+IF(Input!$D$20=3,K6753*Input!$C$20,0)+IF(Input!$D$21=3,L6753*Input!$C$21,0)+IF(Input!$D$22=3,M6753*Input!$C$22,0)</f>
        <v>0</v>
      </c>
      <c r="Q6753" s="75">
        <f>IF(Input!$D$19=4,J6753*Input!$C$19,0)+IF(Input!$D$20=4,K6753*Input!$C$20,0)+IF(Input!$D$21=4,L6753*Input!$C$21,0)+IF(Input!$D$22=4,M6753*Input!$C$22,0)</f>
        <v>0</v>
      </c>
      <c r="R6753" s="58">
        <v>60.601304564362046</v>
      </c>
      <c r="S6753" s="124">
        <f t="shared" si="105"/>
        <v>0.95778892479435584</v>
      </c>
    </row>
    <row r="6754" spans="8:19" x14ac:dyDescent="0.3">
      <c r="H6754" s="44">
        <v>6747</v>
      </c>
      <c r="I6754" s="56">
        <f>Bühler!I6780</f>
        <v>0.2210282134140821</v>
      </c>
      <c r="J6754" s="59">
        <f>Bühler!J6780</f>
        <v>0.73676071138027377</v>
      </c>
      <c r="K6754" s="59">
        <f>Bühler!K6780</f>
        <v>1.1051410670704105</v>
      </c>
      <c r="L6754" s="59">
        <f>Bühler!L6780</f>
        <v>5.3046771219379707</v>
      </c>
      <c r="M6754" s="58">
        <f>Bühler!M6780</f>
        <v>0</v>
      </c>
      <c r="N6754" s="56">
        <f>IF(Input!$D$19=1,J6754*Input!$C$19,0)+IF(Input!$D$20=1,K6754*Input!$C$20,0)+IF(Input!$D$21=1,L6754*Input!$C$21,0)+IF(Input!$D$22=1,M6754*Input!$C$22,0)</f>
        <v>0.22102821341408213</v>
      </c>
      <c r="O6754" s="59">
        <f>IF(Input!$D$19=2,J6754*Input!$C$19,0)+IF(Input!$D$20=2,K6754*Input!$C$20,0)+IF(Input!$D$21=2,L6754*Input!$C$21,0)+IF(Input!$D$22=2,M6754*Input!$C$22,0)</f>
        <v>0.55257053353520524</v>
      </c>
      <c r="P6754" s="59">
        <f>IF(Input!$D$19=3,J6754*Input!$C$19,0)+IF(Input!$D$20=3,K6754*Input!$C$20,0)+IF(Input!$D$21=3,L6754*Input!$C$21,0)+IF(Input!$D$22=3,M6754*Input!$C$22,0)</f>
        <v>0</v>
      </c>
      <c r="Q6754" s="75">
        <f>IF(Input!$D$19=4,J6754*Input!$C$19,0)+IF(Input!$D$20=4,K6754*Input!$C$20,0)+IF(Input!$D$21=4,L6754*Input!$C$21,0)+IF(Input!$D$22=4,M6754*Input!$C$22,0)</f>
        <v>0</v>
      </c>
      <c r="R6754" s="58">
        <v>60.974235789650997</v>
      </c>
      <c r="S6754" s="124">
        <f t="shared" si="105"/>
        <v>0.95778892479435584</v>
      </c>
    </row>
    <row r="6755" spans="8:19" x14ac:dyDescent="0.3">
      <c r="H6755" s="44">
        <v>6748</v>
      </c>
      <c r="I6755" s="56">
        <f>Bühler!I6781</f>
        <v>0.2210282134140821</v>
      </c>
      <c r="J6755" s="59">
        <f>Bühler!J6781</f>
        <v>0.73676071138027377</v>
      </c>
      <c r="K6755" s="59">
        <f>Bühler!K6781</f>
        <v>1.1051410670704105</v>
      </c>
      <c r="L6755" s="59">
        <f>Bühler!L6781</f>
        <v>5.3046771219379707</v>
      </c>
      <c r="M6755" s="58">
        <f>Bühler!M6781</f>
        <v>0</v>
      </c>
      <c r="N6755" s="56">
        <f>IF(Input!$D$19=1,J6755*Input!$C$19,0)+IF(Input!$D$20=1,K6755*Input!$C$20,0)+IF(Input!$D$21=1,L6755*Input!$C$21,0)+IF(Input!$D$22=1,M6755*Input!$C$22,0)</f>
        <v>0.22102821341408213</v>
      </c>
      <c r="O6755" s="59">
        <f>IF(Input!$D$19=2,J6755*Input!$C$19,0)+IF(Input!$D$20=2,K6755*Input!$C$20,0)+IF(Input!$D$21=2,L6755*Input!$C$21,0)+IF(Input!$D$22=2,M6755*Input!$C$22,0)</f>
        <v>0.55257053353520524</v>
      </c>
      <c r="P6755" s="59">
        <f>IF(Input!$D$19=3,J6755*Input!$C$19,0)+IF(Input!$D$20=3,K6755*Input!$C$20,0)+IF(Input!$D$21=3,L6755*Input!$C$21,0)+IF(Input!$D$22=3,M6755*Input!$C$22,0)</f>
        <v>0</v>
      </c>
      <c r="Q6755" s="75">
        <f>IF(Input!$D$19=4,J6755*Input!$C$19,0)+IF(Input!$D$20=4,K6755*Input!$C$20,0)+IF(Input!$D$21=4,L6755*Input!$C$21,0)+IF(Input!$D$22=4,M6755*Input!$C$22,0)</f>
        <v>0</v>
      </c>
      <c r="R6755" s="58">
        <v>61.904309243500883</v>
      </c>
      <c r="S6755" s="124">
        <f t="shared" si="105"/>
        <v>0.95778892479435584</v>
      </c>
    </row>
    <row r="6756" spans="8:19" x14ac:dyDescent="0.3">
      <c r="H6756" s="44">
        <v>6749</v>
      </c>
      <c r="I6756" s="56">
        <f>Bühler!I6782</f>
        <v>0.2210282134140821</v>
      </c>
      <c r="J6756" s="59">
        <f>Bühler!J6782</f>
        <v>0.73676071138027377</v>
      </c>
      <c r="K6756" s="59">
        <f>Bühler!K6782</f>
        <v>1.1051410670704105</v>
      </c>
      <c r="L6756" s="59">
        <f>Bühler!L6782</f>
        <v>5.3046771219379707</v>
      </c>
      <c r="M6756" s="58">
        <f>Bühler!M6782</f>
        <v>0</v>
      </c>
      <c r="N6756" s="56">
        <f>IF(Input!$D$19=1,J6756*Input!$C$19,0)+IF(Input!$D$20=1,K6756*Input!$C$20,0)+IF(Input!$D$21=1,L6756*Input!$C$21,0)+IF(Input!$D$22=1,M6756*Input!$C$22,0)</f>
        <v>0.22102821341408213</v>
      </c>
      <c r="O6756" s="59">
        <f>IF(Input!$D$19=2,J6756*Input!$C$19,0)+IF(Input!$D$20=2,K6756*Input!$C$20,0)+IF(Input!$D$21=2,L6756*Input!$C$21,0)+IF(Input!$D$22=2,M6756*Input!$C$22,0)</f>
        <v>0.55257053353520524</v>
      </c>
      <c r="P6756" s="59">
        <f>IF(Input!$D$19=3,J6756*Input!$C$19,0)+IF(Input!$D$20=3,K6756*Input!$C$20,0)+IF(Input!$D$21=3,L6756*Input!$C$21,0)+IF(Input!$D$22=3,M6756*Input!$C$22,0)</f>
        <v>0</v>
      </c>
      <c r="Q6756" s="75">
        <f>IF(Input!$D$19=4,J6756*Input!$C$19,0)+IF(Input!$D$20=4,K6756*Input!$C$20,0)+IF(Input!$D$21=4,L6756*Input!$C$21,0)+IF(Input!$D$22=4,M6756*Input!$C$22,0)</f>
        <v>0</v>
      </c>
      <c r="R6756" s="58">
        <v>63.159826563939781</v>
      </c>
      <c r="S6756" s="124">
        <f t="shared" si="105"/>
        <v>0.95778892479435584</v>
      </c>
    </row>
    <row r="6757" spans="8:19" x14ac:dyDescent="0.3">
      <c r="H6757" s="44">
        <v>6750</v>
      </c>
      <c r="I6757" s="56">
        <f>Bühler!I6783</f>
        <v>0.28733667743830671</v>
      </c>
      <c r="J6757" s="59">
        <f>Bühler!J6783</f>
        <v>0.95778892479435584</v>
      </c>
      <c r="K6757" s="59">
        <f>Bühler!K6783</f>
        <v>1.4366833871915337</v>
      </c>
      <c r="L6757" s="59">
        <f>Bühler!L6783</f>
        <v>6.8960802585193619</v>
      </c>
      <c r="M6757" s="58">
        <f>Bühler!M6783</f>
        <v>0</v>
      </c>
      <c r="N6757" s="56">
        <f>IF(Input!$D$19=1,J6757*Input!$C$19,0)+IF(Input!$D$20=1,K6757*Input!$C$20,0)+IF(Input!$D$21=1,L6757*Input!$C$21,0)+IF(Input!$D$22=1,M6757*Input!$C$22,0)</f>
        <v>0.28733667743830676</v>
      </c>
      <c r="O6757" s="59">
        <f>IF(Input!$D$19=2,J6757*Input!$C$19,0)+IF(Input!$D$20=2,K6757*Input!$C$20,0)+IF(Input!$D$21=2,L6757*Input!$C$21,0)+IF(Input!$D$22=2,M6757*Input!$C$22,0)</f>
        <v>0.71834169359576683</v>
      </c>
      <c r="P6757" s="59">
        <f>IF(Input!$D$19=3,J6757*Input!$C$19,0)+IF(Input!$D$20=3,K6757*Input!$C$20,0)+IF(Input!$D$21=3,L6757*Input!$C$21,0)+IF(Input!$D$22=3,M6757*Input!$C$22,0)</f>
        <v>0</v>
      </c>
      <c r="Q6757" s="75">
        <f>IF(Input!$D$19=4,J6757*Input!$C$19,0)+IF(Input!$D$20=4,K6757*Input!$C$20,0)+IF(Input!$D$21=4,L6757*Input!$C$21,0)+IF(Input!$D$22=4,M6757*Input!$C$22,0)</f>
        <v>0</v>
      </c>
      <c r="R6757" s="58">
        <v>65.580443995193875</v>
      </c>
      <c r="S6757" s="124">
        <f t="shared" si="105"/>
        <v>1.2451256022326627</v>
      </c>
    </row>
    <row r="6758" spans="8:19" x14ac:dyDescent="0.3">
      <c r="H6758" s="44">
        <v>6751</v>
      </c>
      <c r="I6758" s="56">
        <f>Bühler!I6784</f>
        <v>0.32049090945041903</v>
      </c>
      <c r="J6758" s="59">
        <f>Bühler!J6784</f>
        <v>1.0683030315013968</v>
      </c>
      <c r="K6758" s="59">
        <f>Bühler!K6784</f>
        <v>1.602454547252095</v>
      </c>
      <c r="L6758" s="59">
        <f>Bühler!L6784</f>
        <v>7.6917818268100566</v>
      </c>
      <c r="M6758" s="58">
        <f>Bühler!M6784</f>
        <v>0</v>
      </c>
      <c r="N6758" s="56">
        <f>IF(Input!$D$19=1,J6758*Input!$C$19,0)+IF(Input!$D$20=1,K6758*Input!$C$20,0)+IF(Input!$D$21=1,L6758*Input!$C$21,0)+IF(Input!$D$22=1,M6758*Input!$C$22,0)</f>
        <v>0.32049090945041903</v>
      </c>
      <c r="O6758" s="59">
        <f>IF(Input!$D$19=2,J6758*Input!$C$19,0)+IF(Input!$D$20=2,K6758*Input!$C$20,0)+IF(Input!$D$21=2,L6758*Input!$C$21,0)+IF(Input!$D$22=2,M6758*Input!$C$22,0)</f>
        <v>0.80122727362604751</v>
      </c>
      <c r="P6758" s="59">
        <f>IF(Input!$D$19=3,J6758*Input!$C$19,0)+IF(Input!$D$20=3,K6758*Input!$C$20,0)+IF(Input!$D$21=3,L6758*Input!$C$21,0)+IF(Input!$D$22=3,M6758*Input!$C$22,0)</f>
        <v>0</v>
      </c>
      <c r="Q6758" s="75">
        <f>IF(Input!$D$19=4,J6758*Input!$C$19,0)+IF(Input!$D$20=4,K6758*Input!$C$20,0)+IF(Input!$D$21=4,L6758*Input!$C$21,0)+IF(Input!$D$22=4,M6758*Input!$C$22,0)</f>
        <v>0</v>
      </c>
      <c r="R6758" s="58">
        <v>69.058787934441639</v>
      </c>
      <c r="S6758" s="124">
        <f t="shared" si="105"/>
        <v>1.3887939409518157</v>
      </c>
    </row>
    <row r="6759" spans="8:19" x14ac:dyDescent="0.3">
      <c r="H6759" s="44">
        <v>6752</v>
      </c>
      <c r="I6759" s="56">
        <f>Bühler!I6785</f>
        <v>0.33154232012112317</v>
      </c>
      <c r="J6759" s="59">
        <f>Bühler!J6785</f>
        <v>1.1051410670704107</v>
      </c>
      <c r="K6759" s="59">
        <f>Bühler!K6785</f>
        <v>1.6577116006056158</v>
      </c>
      <c r="L6759" s="59">
        <f>Bühler!L6785</f>
        <v>7.957015682906956</v>
      </c>
      <c r="M6759" s="58">
        <f>Bühler!M6785</f>
        <v>0</v>
      </c>
      <c r="N6759" s="56">
        <f>IF(Input!$D$19=1,J6759*Input!$C$19,0)+IF(Input!$D$20=1,K6759*Input!$C$20,0)+IF(Input!$D$21=1,L6759*Input!$C$21,0)+IF(Input!$D$22=1,M6759*Input!$C$22,0)</f>
        <v>0.33154232012112322</v>
      </c>
      <c r="O6759" s="59">
        <f>IF(Input!$D$19=2,J6759*Input!$C$19,0)+IF(Input!$D$20=2,K6759*Input!$C$20,0)+IF(Input!$D$21=2,L6759*Input!$C$21,0)+IF(Input!$D$22=2,M6759*Input!$C$22,0)</f>
        <v>0.82885580030280792</v>
      </c>
      <c r="P6759" s="59">
        <f>IF(Input!$D$19=3,J6759*Input!$C$19,0)+IF(Input!$D$20=3,K6759*Input!$C$20,0)+IF(Input!$D$21=3,L6759*Input!$C$21,0)+IF(Input!$D$22=3,M6759*Input!$C$22,0)</f>
        <v>0</v>
      </c>
      <c r="Q6759" s="75">
        <f>IF(Input!$D$19=4,J6759*Input!$C$19,0)+IF(Input!$D$20=4,K6759*Input!$C$20,0)+IF(Input!$D$21=4,L6759*Input!$C$21,0)+IF(Input!$D$22=4,M6759*Input!$C$22,0)</f>
        <v>0</v>
      </c>
      <c r="R6759" s="58">
        <v>71.974239582652103</v>
      </c>
      <c r="S6759" s="124">
        <f t="shared" si="105"/>
        <v>1.4366833871915339</v>
      </c>
    </row>
    <row r="6760" spans="8:19" x14ac:dyDescent="0.3">
      <c r="H6760" s="44">
        <v>6753</v>
      </c>
      <c r="I6760" s="56">
        <f>Bühler!I6786</f>
        <v>0.33154232012112317</v>
      </c>
      <c r="J6760" s="59">
        <f>Bühler!J6786</f>
        <v>1.1051410670704107</v>
      </c>
      <c r="K6760" s="59">
        <f>Bühler!K6786</f>
        <v>1.6577116006056158</v>
      </c>
      <c r="L6760" s="59">
        <f>Bühler!L6786</f>
        <v>7.957015682906956</v>
      </c>
      <c r="M6760" s="58">
        <f>Bühler!M6786</f>
        <v>0</v>
      </c>
      <c r="N6760" s="56">
        <f>IF(Input!$D$19=1,J6760*Input!$C$19,0)+IF(Input!$D$20=1,K6760*Input!$C$20,0)+IF(Input!$D$21=1,L6760*Input!$C$21,0)+IF(Input!$D$22=1,M6760*Input!$C$22,0)</f>
        <v>0.33154232012112322</v>
      </c>
      <c r="O6760" s="59">
        <f>IF(Input!$D$19=2,J6760*Input!$C$19,0)+IF(Input!$D$20=2,K6760*Input!$C$20,0)+IF(Input!$D$21=2,L6760*Input!$C$21,0)+IF(Input!$D$22=2,M6760*Input!$C$22,0)</f>
        <v>0.82885580030280792</v>
      </c>
      <c r="P6760" s="59">
        <f>IF(Input!$D$19=3,J6760*Input!$C$19,0)+IF(Input!$D$20=3,K6760*Input!$C$20,0)+IF(Input!$D$21=3,L6760*Input!$C$21,0)+IF(Input!$D$22=3,M6760*Input!$C$22,0)</f>
        <v>0</v>
      </c>
      <c r="Q6760" s="75">
        <f>IF(Input!$D$19=4,J6760*Input!$C$19,0)+IF(Input!$D$20=4,K6760*Input!$C$20,0)+IF(Input!$D$21=4,L6760*Input!$C$21,0)+IF(Input!$D$22=4,M6760*Input!$C$22,0)</f>
        <v>0</v>
      </c>
      <c r="R6760" s="58">
        <v>72.129013047273489</v>
      </c>
      <c r="S6760" s="124">
        <f t="shared" si="105"/>
        <v>1.4366833871915339</v>
      </c>
    </row>
    <row r="6761" spans="8:19" x14ac:dyDescent="0.3">
      <c r="H6761" s="44">
        <v>6754</v>
      </c>
      <c r="I6761" s="56">
        <f>Bühler!I6787</f>
        <v>0.35917084679788336</v>
      </c>
      <c r="J6761" s="59">
        <f>Bühler!J6787</f>
        <v>1.1972361559929448</v>
      </c>
      <c r="K6761" s="59">
        <f>Bühler!K6787</f>
        <v>1.7958542339894168</v>
      </c>
      <c r="L6761" s="59">
        <f>Bühler!L6787</f>
        <v>8.6201003231492006</v>
      </c>
      <c r="M6761" s="58">
        <f>Bühler!M6787</f>
        <v>0</v>
      </c>
      <c r="N6761" s="56">
        <f>IF(Input!$D$19=1,J6761*Input!$C$19,0)+IF(Input!$D$20=1,K6761*Input!$C$20,0)+IF(Input!$D$21=1,L6761*Input!$C$21,0)+IF(Input!$D$22=1,M6761*Input!$C$22,0)</f>
        <v>0.35917084679788341</v>
      </c>
      <c r="O6761" s="59">
        <f>IF(Input!$D$19=2,J6761*Input!$C$19,0)+IF(Input!$D$20=2,K6761*Input!$C$20,0)+IF(Input!$D$21=2,L6761*Input!$C$21,0)+IF(Input!$D$22=2,M6761*Input!$C$22,0)</f>
        <v>0.8979271169947084</v>
      </c>
      <c r="P6761" s="59">
        <f>IF(Input!$D$19=3,J6761*Input!$C$19,0)+IF(Input!$D$20=3,K6761*Input!$C$20,0)+IF(Input!$D$21=3,L6761*Input!$C$21,0)+IF(Input!$D$22=3,M6761*Input!$C$22,0)</f>
        <v>0</v>
      </c>
      <c r="Q6761" s="75">
        <f>IF(Input!$D$19=4,J6761*Input!$C$19,0)+IF(Input!$D$20=4,K6761*Input!$C$20,0)+IF(Input!$D$21=4,L6761*Input!$C$21,0)+IF(Input!$D$22=4,M6761*Input!$C$22,0)</f>
        <v>0</v>
      </c>
      <c r="R6761" s="58">
        <v>71.878772050387624</v>
      </c>
      <c r="S6761" s="124">
        <f t="shared" si="105"/>
        <v>1.5564070027908281</v>
      </c>
    </row>
    <row r="6762" spans="8:19" x14ac:dyDescent="0.3">
      <c r="H6762" s="44">
        <v>6755</v>
      </c>
      <c r="I6762" s="56">
        <f>Bühler!I6788</f>
        <v>0.37574796280393957</v>
      </c>
      <c r="J6762" s="59">
        <f>Bühler!J6788</f>
        <v>1.2524932093464654</v>
      </c>
      <c r="K6762" s="59">
        <f>Bühler!K6788</f>
        <v>1.8787398140196978</v>
      </c>
      <c r="L6762" s="59">
        <f>Bühler!L6788</f>
        <v>9.0179511072945502</v>
      </c>
      <c r="M6762" s="58">
        <f>Bühler!M6788</f>
        <v>0</v>
      </c>
      <c r="N6762" s="56">
        <f>IF(Input!$D$19=1,J6762*Input!$C$19,0)+IF(Input!$D$20=1,K6762*Input!$C$20,0)+IF(Input!$D$21=1,L6762*Input!$C$21,0)+IF(Input!$D$22=1,M6762*Input!$C$22,0)</f>
        <v>0.37574796280393957</v>
      </c>
      <c r="O6762" s="59">
        <f>IF(Input!$D$19=2,J6762*Input!$C$19,0)+IF(Input!$D$20=2,K6762*Input!$C$20,0)+IF(Input!$D$21=2,L6762*Input!$C$21,0)+IF(Input!$D$22=2,M6762*Input!$C$22,0)</f>
        <v>0.9393699070098489</v>
      </c>
      <c r="P6762" s="59">
        <f>IF(Input!$D$19=3,J6762*Input!$C$19,0)+IF(Input!$D$20=3,K6762*Input!$C$20,0)+IF(Input!$D$21=3,L6762*Input!$C$21,0)+IF(Input!$D$22=3,M6762*Input!$C$22,0)</f>
        <v>0</v>
      </c>
      <c r="Q6762" s="75">
        <f>IF(Input!$D$19=4,J6762*Input!$C$19,0)+IF(Input!$D$20=4,K6762*Input!$C$20,0)+IF(Input!$D$21=4,L6762*Input!$C$21,0)+IF(Input!$D$22=4,M6762*Input!$C$22,0)</f>
        <v>0</v>
      </c>
      <c r="R6762" s="58">
        <v>72.048774133733247</v>
      </c>
      <c r="S6762" s="124">
        <f t="shared" si="105"/>
        <v>1.6282411721504049</v>
      </c>
    </row>
    <row r="6763" spans="8:19" x14ac:dyDescent="0.3">
      <c r="H6763" s="44">
        <v>6756</v>
      </c>
      <c r="I6763" s="56">
        <f>Bühler!I6789</f>
        <v>0.44205642682816421</v>
      </c>
      <c r="J6763" s="59">
        <f>Bühler!J6789</f>
        <v>1.4735214227605475</v>
      </c>
      <c r="K6763" s="59">
        <f>Bühler!K6789</f>
        <v>2.210282134140821</v>
      </c>
      <c r="L6763" s="59">
        <f>Bühler!L6789</f>
        <v>10.609354243875941</v>
      </c>
      <c r="M6763" s="58">
        <f>Bühler!M6789</f>
        <v>0</v>
      </c>
      <c r="N6763" s="56">
        <f>IF(Input!$D$19=1,J6763*Input!$C$19,0)+IF(Input!$D$20=1,K6763*Input!$C$20,0)+IF(Input!$D$21=1,L6763*Input!$C$21,0)+IF(Input!$D$22=1,M6763*Input!$C$22,0)</f>
        <v>0.44205642682816426</v>
      </c>
      <c r="O6763" s="59">
        <f>IF(Input!$D$19=2,J6763*Input!$C$19,0)+IF(Input!$D$20=2,K6763*Input!$C$20,0)+IF(Input!$D$21=2,L6763*Input!$C$21,0)+IF(Input!$D$22=2,M6763*Input!$C$22,0)</f>
        <v>1.1051410670704105</v>
      </c>
      <c r="P6763" s="59">
        <f>IF(Input!$D$19=3,J6763*Input!$C$19,0)+IF(Input!$D$20=3,K6763*Input!$C$20,0)+IF(Input!$D$21=3,L6763*Input!$C$21,0)+IF(Input!$D$22=3,M6763*Input!$C$22,0)</f>
        <v>0</v>
      </c>
      <c r="Q6763" s="75">
        <f>IF(Input!$D$19=4,J6763*Input!$C$19,0)+IF(Input!$D$20=4,K6763*Input!$C$20,0)+IF(Input!$D$21=4,L6763*Input!$C$21,0)+IF(Input!$D$22=4,M6763*Input!$C$22,0)</f>
        <v>0</v>
      </c>
      <c r="R6763" s="58">
        <v>72.188431111389562</v>
      </c>
      <c r="S6763" s="124">
        <f t="shared" si="105"/>
        <v>1.9155778495887117</v>
      </c>
    </row>
    <row r="6764" spans="8:19" x14ac:dyDescent="0.3">
      <c r="H6764" s="44">
        <v>6757</v>
      </c>
      <c r="I6764" s="56">
        <f>Bühler!I6790</f>
        <v>0.44205642682816421</v>
      </c>
      <c r="J6764" s="59">
        <f>Bühler!J6790</f>
        <v>1.4735214227605475</v>
      </c>
      <c r="K6764" s="59">
        <f>Bühler!K6790</f>
        <v>2.210282134140821</v>
      </c>
      <c r="L6764" s="59">
        <f>Bühler!L6790</f>
        <v>10.609354243875941</v>
      </c>
      <c r="M6764" s="58">
        <f>Bühler!M6790</f>
        <v>0</v>
      </c>
      <c r="N6764" s="56">
        <f>IF(Input!$D$19=1,J6764*Input!$C$19,0)+IF(Input!$D$20=1,K6764*Input!$C$20,0)+IF(Input!$D$21=1,L6764*Input!$C$21,0)+IF(Input!$D$22=1,M6764*Input!$C$22,0)</f>
        <v>0.44205642682816426</v>
      </c>
      <c r="O6764" s="59">
        <f>IF(Input!$D$19=2,J6764*Input!$C$19,0)+IF(Input!$D$20=2,K6764*Input!$C$20,0)+IF(Input!$D$21=2,L6764*Input!$C$21,0)+IF(Input!$D$22=2,M6764*Input!$C$22,0)</f>
        <v>1.1051410670704105</v>
      </c>
      <c r="P6764" s="59">
        <f>IF(Input!$D$19=3,J6764*Input!$C$19,0)+IF(Input!$D$20=3,K6764*Input!$C$20,0)+IF(Input!$D$21=3,L6764*Input!$C$21,0)+IF(Input!$D$22=3,M6764*Input!$C$22,0)</f>
        <v>0</v>
      </c>
      <c r="Q6764" s="75">
        <f>IF(Input!$D$19=4,J6764*Input!$C$19,0)+IF(Input!$D$20=4,K6764*Input!$C$20,0)+IF(Input!$D$21=4,L6764*Input!$C$21,0)+IF(Input!$D$22=4,M6764*Input!$C$22,0)</f>
        <v>0</v>
      </c>
      <c r="R6764" s="58">
        <v>71.734857360991327</v>
      </c>
      <c r="S6764" s="124">
        <f t="shared" si="105"/>
        <v>1.9155778495887117</v>
      </c>
    </row>
    <row r="6765" spans="8:19" x14ac:dyDescent="0.3">
      <c r="H6765" s="44">
        <v>6758</v>
      </c>
      <c r="I6765" s="56">
        <f>Bühler!I6791</f>
        <v>0.44205642682816421</v>
      </c>
      <c r="J6765" s="59">
        <f>Bühler!J6791</f>
        <v>1.4735214227605475</v>
      </c>
      <c r="K6765" s="59">
        <f>Bühler!K6791</f>
        <v>2.210282134140821</v>
      </c>
      <c r="L6765" s="59">
        <f>Bühler!L6791</f>
        <v>10.609354243875941</v>
      </c>
      <c r="M6765" s="58">
        <f>Bühler!M6791</f>
        <v>0</v>
      </c>
      <c r="N6765" s="56">
        <f>IF(Input!$D$19=1,J6765*Input!$C$19,0)+IF(Input!$D$20=1,K6765*Input!$C$20,0)+IF(Input!$D$21=1,L6765*Input!$C$21,0)+IF(Input!$D$22=1,M6765*Input!$C$22,0)</f>
        <v>0.44205642682816426</v>
      </c>
      <c r="O6765" s="59">
        <f>IF(Input!$D$19=2,J6765*Input!$C$19,0)+IF(Input!$D$20=2,K6765*Input!$C$20,0)+IF(Input!$D$21=2,L6765*Input!$C$21,0)+IF(Input!$D$22=2,M6765*Input!$C$22,0)</f>
        <v>1.1051410670704105</v>
      </c>
      <c r="P6765" s="59">
        <f>IF(Input!$D$19=3,J6765*Input!$C$19,0)+IF(Input!$D$20=3,K6765*Input!$C$20,0)+IF(Input!$D$21=3,L6765*Input!$C$21,0)+IF(Input!$D$22=3,M6765*Input!$C$22,0)</f>
        <v>0</v>
      </c>
      <c r="Q6765" s="75">
        <f>IF(Input!$D$19=4,J6765*Input!$C$19,0)+IF(Input!$D$20=4,K6765*Input!$C$20,0)+IF(Input!$D$21=4,L6765*Input!$C$21,0)+IF(Input!$D$22=4,M6765*Input!$C$22,0)</f>
        <v>0</v>
      </c>
      <c r="R6765" s="58">
        <v>71.847273911686869</v>
      </c>
      <c r="S6765" s="124">
        <f t="shared" si="105"/>
        <v>1.9155778495887117</v>
      </c>
    </row>
    <row r="6766" spans="8:19" x14ac:dyDescent="0.3">
      <c r="H6766" s="44">
        <v>6759</v>
      </c>
      <c r="I6766" s="56">
        <f>Bühler!I6792</f>
        <v>0.44205642682816421</v>
      </c>
      <c r="J6766" s="59">
        <f>Bühler!J6792</f>
        <v>1.4735214227605475</v>
      </c>
      <c r="K6766" s="59">
        <f>Bühler!K6792</f>
        <v>2.210282134140821</v>
      </c>
      <c r="L6766" s="59">
        <f>Bühler!L6792</f>
        <v>10.609354243875941</v>
      </c>
      <c r="M6766" s="58">
        <f>Bühler!M6792</f>
        <v>0</v>
      </c>
      <c r="N6766" s="56">
        <f>IF(Input!$D$19=1,J6766*Input!$C$19,0)+IF(Input!$D$20=1,K6766*Input!$C$20,0)+IF(Input!$D$21=1,L6766*Input!$C$21,0)+IF(Input!$D$22=1,M6766*Input!$C$22,0)</f>
        <v>0.44205642682816426</v>
      </c>
      <c r="O6766" s="59">
        <f>IF(Input!$D$19=2,J6766*Input!$C$19,0)+IF(Input!$D$20=2,K6766*Input!$C$20,0)+IF(Input!$D$21=2,L6766*Input!$C$21,0)+IF(Input!$D$22=2,M6766*Input!$C$22,0)</f>
        <v>1.1051410670704105</v>
      </c>
      <c r="P6766" s="59">
        <f>IF(Input!$D$19=3,J6766*Input!$C$19,0)+IF(Input!$D$20=3,K6766*Input!$C$20,0)+IF(Input!$D$21=3,L6766*Input!$C$21,0)+IF(Input!$D$22=3,M6766*Input!$C$22,0)</f>
        <v>0</v>
      </c>
      <c r="Q6766" s="75">
        <f>IF(Input!$D$19=4,J6766*Input!$C$19,0)+IF(Input!$D$20=4,K6766*Input!$C$20,0)+IF(Input!$D$21=4,L6766*Input!$C$21,0)+IF(Input!$D$22=4,M6766*Input!$C$22,0)</f>
        <v>0</v>
      </c>
      <c r="R6766" s="58">
        <v>72.099859358687411</v>
      </c>
      <c r="S6766" s="124">
        <f t="shared" si="105"/>
        <v>1.9155778495887117</v>
      </c>
    </row>
    <row r="6767" spans="8:19" x14ac:dyDescent="0.3">
      <c r="H6767" s="44">
        <v>6760</v>
      </c>
      <c r="I6767" s="56">
        <f>Bühler!I6793</f>
        <v>0.44205642682816421</v>
      </c>
      <c r="J6767" s="59">
        <f>Bühler!J6793</f>
        <v>1.4735214227605475</v>
      </c>
      <c r="K6767" s="59">
        <f>Bühler!K6793</f>
        <v>2.210282134140821</v>
      </c>
      <c r="L6767" s="59">
        <f>Bühler!L6793</f>
        <v>10.609354243875941</v>
      </c>
      <c r="M6767" s="58">
        <f>Bühler!M6793</f>
        <v>0</v>
      </c>
      <c r="N6767" s="56">
        <f>IF(Input!$D$19=1,J6767*Input!$C$19,0)+IF(Input!$D$20=1,K6767*Input!$C$20,0)+IF(Input!$D$21=1,L6767*Input!$C$21,0)+IF(Input!$D$22=1,M6767*Input!$C$22,0)</f>
        <v>0.44205642682816426</v>
      </c>
      <c r="O6767" s="59">
        <f>IF(Input!$D$19=2,J6767*Input!$C$19,0)+IF(Input!$D$20=2,K6767*Input!$C$20,0)+IF(Input!$D$21=2,L6767*Input!$C$21,0)+IF(Input!$D$22=2,M6767*Input!$C$22,0)</f>
        <v>1.1051410670704105</v>
      </c>
      <c r="P6767" s="59">
        <f>IF(Input!$D$19=3,J6767*Input!$C$19,0)+IF(Input!$D$20=3,K6767*Input!$C$20,0)+IF(Input!$D$21=3,L6767*Input!$C$21,0)+IF(Input!$D$22=3,M6767*Input!$C$22,0)</f>
        <v>0</v>
      </c>
      <c r="Q6767" s="75">
        <f>IF(Input!$D$19=4,J6767*Input!$C$19,0)+IF(Input!$D$20=4,K6767*Input!$C$20,0)+IF(Input!$D$21=4,L6767*Input!$C$21,0)+IF(Input!$D$22=4,M6767*Input!$C$22,0)</f>
        <v>0</v>
      </c>
      <c r="R6767" s="58">
        <v>71.554331191302623</v>
      </c>
      <c r="S6767" s="124">
        <f t="shared" si="105"/>
        <v>1.9155778495887117</v>
      </c>
    </row>
    <row r="6768" spans="8:19" x14ac:dyDescent="0.3">
      <c r="H6768" s="44">
        <v>6761</v>
      </c>
      <c r="I6768" s="56">
        <f>Bühler!I6794</f>
        <v>0.44205642682816421</v>
      </c>
      <c r="J6768" s="59">
        <f>Bühler!J6794</f>
        <v>1.4735214227605475</v>
      </c>
      <c r="K6768" s="59">
        <f>Bühler!K6794</f>
        <v>2.210282134140821</v>
      </c>
      <c r="L6768" s="59">
        <f>Bühler!L6794</f>
        <v>10.609354243875941</v>
      </c>
      <c r="M6768" s="58">
        <f>Bühler!M6794</f>
        <v>0</v>
      </c>
      <c r="N6768" s="56">
        <f>IF(Input!$D$19=1,J6768*Input!$C$19,0)+IF(Input!$D$20=1,K6768*Input!$C$20,0)+IF(Input!$D$21=1,L6768*Input!$C$21,0)+IF(Input!$D$22=1,M6768*Input!$C$22,0)</f>
        <v>0.44205642682816426</v>
      </c>
      <c r="O6768" s="59">
        <f>IF(Input!$D$19=2,J6768*Input!$C$19,0)+IF(Input!$D$20=2,K6768*Input!$C$20,0)+IF(Input!$D$21=2,L6768*Input!$C$21,0)+IF(Input!$D$22=2,M6768*Input!$C$22,0)</f>
        <v>1.1051410670704105</v>
      </c>
      <c r="P6768" s="59">
        <f>IF(Input!$D$19=3,J6768*Input!$C$19,0)+IF(Input!$D$20=3,K6768*Input!$C$20,0)+IF(Input!$D$21=3,L6768*Input!$C$21,0)+IF(Input!$D$22=3,M6768*Input!$C$22,0)</f>
        <v>0</v>
      </c>
      <c r="Q6768" s="75">
        <f>IF(Input!$D$19=4,J6768*Input!$C$19,0)+IF(Input!$D$20=4,K6768*Input!$C$20,0)+IF(Input!$D$21=4,L6768*Input!$C$21,0)+IF(Input!$D$22=4,M6768*Input!$C$22,0)</f>
        <v>0</v>
      </c>
      <c r="R6768" s="58">
        <v>70.491247209478985</v>
      </c>
      <c r="S6768" s="124">
        <f t="shared" si="105"/>
        <v>1.9155778495887117</v>
      </c>
    </row>
    <row r="6769" spans="8:19" x14ac:dyDescent="0.3">
      <c r="H6769" s="44">
        <v>6762</v>
      </c>
      <c r="I6769" s="56">
        <f>Bühler!I6795</f>
        <v>0.44205642682816421</v>
      </c>
      <c r="J6769" s="59">
        <f>Bühler!J6795</f>
        <v>1.4735214227605475</v>
      </c>
      <c r="K6769" s="59">
        <f>Bühler!K6795</f>
        <v>2.210282134140821</v>
      </c>
      <c r="L6769" s="59">
        <f>Bühler!L6795</f>
        <v>10.609354243875941</v>
      </c>
      <c r="M6769" s="58">
        <f>Bühler!M6795</f>
        <v>0</v>
      </c>
      <c r="N6769" s="56">
        <f>IF(Input!$D$19=1,J6769*Input!$C$19,0)+IF(Input!$D$20=1,K6769*Input!$C$20,0)+IF(Input!$D$21=1,L6769*Input!$C$21,0)+IF(Input!$D$22=1,M6769*Input!$C$22,0)</f>
        <v>0.44205642682816426</v>
      </c>
      <c r="O6769" s="59">
        <f>IF(Input!$D$19=2,J6769*Input!$C$19,0)+IF(Input!$D$20=2,K6769*Input!$C$20,0)+IF(Input!$D$21=2,L6769*Input!$C$21,0)+IF(Input!$D$22=2,M6769*Input!$C$22,0)</f>
        <v>1.1051410670704105</v>
      </c>
      <c r="P6769" s="59">
        <f>IF(Input!$D$19=3,J6769*Input!$C$19,0)+IF(Input!$D$20=3,K6769*Input!$C$20,0)+IF(Input!$D$21=3,L6769*Input!$C$21,0)+IF(Input!$D$22=3,M6769*Input!$C$22,0)</f>
        <v>0</v>
      </c>
      <c r="Q6769" s="75">
        <f>IF(Input!$D$19=4,J6769*Input!$C$19,0)+IF(Input!$D$20=4,K6769*Input!$C$20,0)+IF(Input!$D$21=4,L6769*Input!$C$21,0)+IF(Input!$D$22=4,M6769*Input!$C$22,0)</f>
        <v>0</v>
      </c>
      <c r="R6769" s="58">
        <v>69.240329997862418</v>
      </c>
      <c r="S6769" s="124">
        <f t="shared" si="105"/>
        <v>1.9155778495887117</v>
      </c>
    </row>
    <row r="6770" spans="8:19" x14ac:dyDescent="0.3">
      <c r="H6770" s="44">
        <v>6763</v>
      </c>
      <c r="I6770" s="56">
        <f>Bühler!I6796</f>
        <v>0.44205642682816421</v>
      </c>
      <c r="J6770" s="59">
        <f>Bühler!J6796</f>
        <v>1.4735214227605475</v>
      </c>
      <c r="K6770" s="59">
        <f>Bühler!K6796</f>
        <v>2.210282134140821</v>
      </c>
      <c r="L6770" s="59">
        <f>Bühler!L6796</f>
        <v>10.609354243875941</v>
      </c>
      <c r="M6770" s="58">
        <f>Bühler!M6796</f>
        <v>0</v>
      </c>
      <c r="N6770" s="56">
        <f>IF(Input!$D$19=1,J6770*Input!$C$19,0)+IF(Input!$D$20=1,K6770*Input!$C$20,0)+IF(Input!$D$21=1,L6770*Input!$C$21,0)+IF(Input!$D$22=1,M6770*Input!$C$22,0)</f>
        <v>0.44205642682816426</v>
      </c>
      <c r="O6770" s="59">
        <f>IF(Input!$D$19=2,J6770*Input!$C$19,0)+IF(Input!$D$20=2,K6770*Input!$C$20,0)+IF(Input!$D$21=2,L6770*Input!$C$21,0)+IF(Input!$D$22=2,M6770*Input!$C$22,0)</f>
        <v>1.1051410670704105</v>
      </c>
      <c r="P6770" s="59">
        <f>IF(Input!$D$19=3,J6770*Input!$C$19,0)+IF(Input!$D$20=3,K6770*Input!$C$20,0)+IF(Input!$D$21=3,L6770*Input!$C$21,0)+IF(Input!$D$22=3,M6770*Input!$C$22,0)</f>
        <v>0</v>
      </c>
      <c r="Q6770" s="75">
        <f>IF(Input!$D$19=4,J6770*Input!$C$19,0)+IF(Input!$D$20=4,K6770*Input!$C$20,0)+IF(Input!$D$21=4,L6770*Input!$C$21,0)+IF(Input!$D$22=4,M6770*Input!$C$22,0)</f>
        <v>0</v>
      </c>
      <c r="R6770" s="58">
        <v>67.914252419520153</v>
      </c>
      <c r="S6770" s="124">
        <f t="shared" si="105"/>
        <v>1.9155778495887117</v>
      </c>
    </row>
    <row r="6771" spans="8:19" x14ac:dyDescent="0.3">
      <c r="H6771" s="44">
        <v>6764</v>
      </c>
      <c r="I6771" s="56">
        <f>Bühler!I6797</f>
        <v>0.37022225746858756</v>
      </c>
      <c r="J6771" s="59">
        <f>Bühler!J6797</f>
        <v>1.2340741915619586</v>
      </c>
      <c r="K6771" s="59">
        <f>Bühler!K6797</f>
        <v>1.8511112873429376</v>
      </c>
      <c r="L6771" s="59">
        <f>Bühler!L6797</f>
        <v>8.8853341792461009</v>
      </c>
      <c r="M6771" s="58">
        <f>Bühler!M6797</f>
        <v>0</v>
      </c>
      <c r="N6771" s="56">
        <f>IF(Input!$D$19=1,J6771*Input!$C$19,0)+IF(Input!$D$20=1,K6771*Input!$C$20,0)+IF(Input!$D$21=1,L6771*Input!$C$21,0)+IF(Input!$D$22=1,M6771*Input!$C$22,0)</f>
        <v>0.37022225746858756</v>
      </c>
      <c r="O6771" s="59">
        <f>IF(Input!$D$19=2,J6771*Input!$C$19,0)+IF(Input!$D$20=2,K6771*Input!$C$20,0)+IF(Input!$D$21=2,L6771*Input!$C$21,0)+IF(Input!$D$22=2,M6771*Input!$C$22,0)</f>
        <v>0.92555564367146881</v>
      </c>
      <c r="P6771" s="59">
        <f>IF(Input!$D$19=3,J6771*Input!$C$19,0)+IF(Input!$D$20=3,K6771*Input!$C$20,0)+IF(Input!$D$21=3,L6771*Input!$C$21,0)+IF(Input!$D$22=3,M6771*Input!$C$22,0)</f>
        <v>0</v>
      </c>
      <c r="Q6771" s="75">
        <f>IF(Input!$D$19=4,J6771*Input!$C$19,0)+IF(Input!$D$20=4,K6771*Input!$C$20,0)+IF(Input!$D$21=4,L6771*Input!$C$21,0)+IF(Input!$D$22=4,M6771*Input!$C$22,0)</f>
        <v>0</v>
      </c>
      <c r="R6771" s="58">
        <v>66.904998488067065</v>
      </c>
      <c r="S6771" s="124">
        <f t="shared" si="105"/>
        <v>1.6042964490305462</v>
      </c>
    </row>
    <row r="6772" spans="8:19" x14ac:dyDescent="0.3">
      <c r="H6772" s="44">
        <v>6765</v>
      </c>
      <c r="I6772" s="56">
        <f>Bühler!I6798</f>
        <v>0.30391379344436287</v>
      </c>
      <c r="J6772" s="59">
        <f>Bühler!J6798</f>
        <v>1.0130459781478762</v>
      </c>
      <c r="K6772" s="59">
        <f>Bühler!K6798</f>
        <v>1.5195689672218144</v>
      </c>
      <c r="L6772" s="59">
        <f>Bühler!L6798</f>
        <v>7.2939310426647088</v>
      </c>
      <c r="M6772" s="58">
        <f>Bühler!M6798</f>
        <v>0</v>
      </c>
      <c r="N6772" s="56">
        <f>IF(Input!$D$19=1,J6772*Input!$C$19,0)+IF(Input!$D$20=1,K6772*Input!$C$20,0)+IF(Input!$D$21=1,L6772*Input!$C$21,0)+IF(Input!$D$22=1,M6772*Input!$C$22,0)</f>
        <v>0.30391379344436287</v>
      </c>
      <c r="O6772" s="59">
        <f>IF(Input!$D$19=2,J6772*Input!$C$19,0)+IF(Input!$D$20=2,K6772*Input!$C$20,0)+IF(Input!$D$21=2,L6772*Input!$C$21,0)+IF(Input!$D$22=2,M6772*Input!$C$22,0)</f>
        <v>0.75978448361090722</v>
      </c>
      <c r="P6772" s="59">
        <f>IF(Input!$D$19=3,J6772*Input!$C$19,0)+IF(Input!$D$20=3,K6772*Input!$C$20,0)+IF(Input!$D$21=3,L6772*Input!$C$21,0)+IF(Input!$D$22=3,M6772*Input!$C$22,0)</f>
        <v>0</v>
      </c>
      <c r="Q6772" s="75">
        <f>IF(Input!$D$19=4,J6772*Input!$C$19,0)+IF(Input!$D$20=4,K6772*Input!$C$20,0)+IF(Input!$D$21=4,L6772*Input!$C$21,0)+IF(Input!$D$22=4,M6772*Input!$C$22,0)</f>
        <v>0</v>
      </c>
      <c r="R6772" s="58">
        <v>65.310291049656982</v>
      </c>
      <c r="S6772" s="124">
        <f t="shared" si="105"/>
        <v>1.3169597715922392</v>
      </c>
    </row>
    <row r="6773" spans="8:19" x14ac:dyDescent="0.3">
      <c r="H6773" s="44">
        <v>6766</v>
      </c>
      <c r="I6773" s="56">
        <f>Bühler!I6799</f>
        <v>0.2210282134140821</v>
      </c>
      <c r="J6773" s="59">
        <f>Bühler!J6799</f>
        <v>0.73676071138027377</v>
      </c>
      <c r="K6773" s="59">
        <f>Bühler!K6799</f>
        <v>1.1051410670704105</v>
      </c>
      <c r="L6773" s="59">
        <f>Bühler!L6799</f>
        <v>5.3046771219379707</v>
      </c>
      <c r="M6773" s="58">
        <f>Bühler!M6799</f>
        <v>0</v>
      </c>
      <c r="N6773" s="56">
        <f>IF(Input!$D$19=1,J6773*Input!$C$19,0)+IF(Input!$D$20=1,K6773*Input!$C$20,0)+IF(Input!$D$21=1,L6773*Input!$C$21,0)+IF(Input!$D$22=1,M6773*Input!$C$22,0)</f>
        <v>0.22102821341408213</v>
      </c>
      <c r="O6773" s="59">
        <f>IF(Input!$D$19=2,J6773*Input!$C$19,0)+IF(Input!$D$20=2,K6773*Input!$C$20,0)+IF(Input!$D$21=2,L6773*Input!$C$21,0)+IF(Input!$D$22=2,M6773*Input!$C$22,0)</f>
        <v>0.55257053353520524</v>
      </c>
      <c r="P6773" s="59">
        <f>IF(Input!$D$19=3,J6773*Input!$C$19,0)+IF(Input!$D$20=3,K6773*Input!$C$20,0)+IF(Input!$D$21=3,L6773*Input!$C$21,0)+IF(Input!$D$22=3,M6773*Input!$C$22,0)</f>
        <v>0</v>
      </c>
      <c r="Q6773" s="75">
        <f>IF(Input!$D$19=4,J6773*Input!$C$19,0)+IF(Input!$D$20=4,K6773*Input!$C$20,0)+IF(Input!$D$21=4,L6773*Input!$C$21,0)+IF(Input!$D$22=4,M6773*Input!$C$22,0)</f>
        <v>0</v>
      </c>
      <c r="R6773" s="58">
        <v>63.165149262606377</v>
      </c>
      <c r="S6773" s="124">
        <f t="shared" si="105"/>
        <v>0.95778892479435584</v>
      </c>
    </row>
    <row r="6774" spans="8:19" x14ac:dyDescent="0.3">
      <c r="H6774" s="44">
        <v>6767</v>
      </c>
      <c r="I6774" s="56">
        <f>Bühler!I6800</f>
        <v>0.2210282134140821</v>
      </c>
      <c r="J6774" s="59">
        <f>Bühler!J6800</f>
        <v>0.73676071138027377</v>
      </c>
      <c r="K6774" s="59">
        <f>Bühler!K6800</f>
        <v>1.1051410670704105</v>
      </c>
      <c r="L6774" s="59">
        <f>Bühler!L6800</f>
        <v>5.3046771219379707</v>
      </c>
      <c r="M6774" s="58">
        <f>Bühler!M6800</f>
        <v>0</v>
      </c>
      <c r="N6774" s="56">
        <f>IF(Input!$D$19=1,J6774*Input!$C$19,0)+IF(Input!$D$20=1,K6774*Input!$C$20,0)+IF(Input!$D$21=1,L6774*Input!$C$21,0)+IF(Input!$D$22=1,M6774*Input!$C$22,0)</f>
        <v>0.22102821341408213</v>
      </c>
      <c r="O6774" s="59">
        <f>IF(Input!$D$19=2,J6774*Input!$C$19,0)+IF(Input!$D$20=2,K6774*Input!$C$20,0)+IF(Input!$D$21=2,L6774*Input!$C$21,0)+IF(Input!$D$22=2,M6774*Input!$C$22,0)</f>
        <v>0.55257053353520524</v>
      </c>
      <c r="P6774" s="59">
        <f>IF(Input!$D$19=3,J6774*Input!$C$19,0)+IF(Input!$D$20=3,K6774*Input!$C$20,0)+IF(Input!$D$21=3,L6774*Input!$C$21,0)+IF(Input!$D$22=3,M6774*Input!$C$22,0)</f>
        <v>0</v>
      </c>
      <c r="Q6774" s="75">
        <f>IF(Input!$D$19=4,J6774*Input!$C$19,0)+IF(Input!$D$20=4,K6774*Input!$C$20,0)+IF(Input!$D$21=4,L6774*Input!$C$21,0)+IF(Input!$D$22=4,M6774*Input!$C$22,0)</f>
        <v>0</v>
      </c>
      <c r="R6774" s="58">
        <v>62.150102353810865</v>
      </c>
      <c r="S6774" s="124">
        <f t="shared" si="105"/>
        <v>0.95778892479435584</v>
      </c>
    </row>
    <row r="6775" spans="8:19" x14ac:dyDescent="0.3">
      <c r="H6775" s="44">
        <v>6768</v>
      </c>
      <c r="I6775" s="56">
        <f>Bühler!I6801</f>
        <v>0.2210282134140821</v>
      </c>
      <c r="J6775" s="59">
        <f>Bühler!J6801</f>
        <v>0.73676071138027377</v>
      </c>
      <c r="K6775" s="59">
        <f>Bühler!K6801</f>
        <v>1.1051410670704105</v>
      </c>
      <c r="L6775" s="59">
        <f>Bühler!L6801</f>
        <v>5.3046771219379707</v>
      </c>
      <c r="M6775" s="58">
        <f>Bühler!M6801</f>
        <v>0</v>
      </c>
      <c r="N6775" s="56">
        <f>IF(Input!$D$19=1,J6775*Input!$C$19,0)+IF(Input!$D$20=1,K6775*Input!$C$20,0)+IF(Input!$D$21=1,L6775*Input!$C$21,0)+IF(Input!$D$22=1,M6775*Input!$C$22,0)</f>
        <v>0.22102821341408213</v>
      </c>
      <c r="O6775" s="59">
        <f>IF(Input!$D$19=2,J6775*Input!$C$19,0)+IF(Input!$D$20=2,K6775*Input!$C$20,0)+IF(Input!$D$21=2,L6775*Input!$C$21,0)+IF(Input!$D$22=2,M6775*Input!$C$22,0)</f>
        <v>0.55257053353520524</v>
      </c>
      <c r="P6775" s="59">
        <f>IF(Input!$D$19=3,J6775*Input!$C$19,0)+IF(Input!$D$20=3,K6775*Input!$C$20,0)+IF(Input!$D$21=3,L6775*Input!$C$21,0)+IF(Input!$D$22=3,M6775*Input!$C$22,0)</f>
        <v>0</v>
      </c>
      <c r="Q6775" s="75">
        <f>IF(Input!$D$19=4,J6775*Input!$C$19,0)+IF(Input!$D$20=4,K6775*Input!$C$20,0)+IF(Input!$D$21=4,L6775*Input!$C$21,0)+IF(Input!$D$22=4,M6775*Input!$C$22,0)</f>
        <v>0</v>
      </c>
      <c r="R6775" s="58">
        <v>61.534393768237273</v>
      </c>
      <c r="S6775" s="124">
        <f t="shared" si="105"/>
        <v>0.95778892479435584</v>
      </c>
    </row>
    <row r="6776" spans="8:19" x14ac:dyDescent="0.3">
      <c r="H6776" s="44">
        <v>6769</v>
      </c>
      <c r="I6776" s="56">
        <f>Bühler!I6802</f>
        <v>0.19437712801574827</v>
      </c>
      <c r="J6776" s="59">
        <f>Bühler!J6802</f>
        <v>0.6479237600524943</v>
      </c>
      <c r="K6776" s="59">
        <f>Bühler!K6802</f>
        <v>0.97188564007874145</v>
      </c>
      <c r="L6776" s="59">
        <f>Bühler!L6802</f>
        <v>4.6650510723779588</v>
      </c>
      <c r="M6776" s="58">
        <f>Bühler!M6802</f>
        <v>0</v>
      </c>
      <c r="N6776" s="56">
        <f>IF(Input!$D$19=1,J6776*Input!$C$19,0)+IF(Input!$D$20=1,K6776*Input!$C$20,0)+IF(Input!$D$21=1,L6776*Input!$C$21,0)+IF(Input!$D$22=1,M6776*Input!$C$22,0)</f>
        <v>0.19437712801574827</v>
      </c>
      <c r="O6776" s="59">
        <f>IF(Input!$D$19=2,J6776*Input!$C$19,0)+IF(Input!$D$20=2,K6776*Input!$C$20,0)+IF(Input!$D$21=2,L6776*Input!$C$21,0)+IF(Input!$D$22=2,M6776*Input!$C$22,0)</f>
        <v>0.48594282003937073</v>
      </c>
      <c r="P6776" s="59">
        <f>IF(Input!$D$19=3,J6776*Input!$C$19,0)+IF(Input!$D$20=3,K6776*Input!$C$20,0)+IF(Input!$D$21=3,L6776*Input!$C$21,0)+IF(Input!$D$22=3,M6776*Input!$C$22,0)</f>
        <v>0</v>
      </c>
      <c r="Q6776" s="75">
        <f>IF(Input!$D$19=4,J6776*Input!$C$19,0)+IF(Input!$D$20=4,K6776*Input!$C$20,0)+IF(Input!$D$21=4,L6776*Input!$C$21,0)+IF(Input!$D$22=4,M6776*Input!$C$22,0)</f>
        <v>0</v>
      </c>
      <c r="R6776" s="58">
        <v>60.464877518786373</v>
      </c>
      <c r="S6776" s="124">
        <f t="shared" si="105"/>
        <v>0.84230088806824255</v>
      </c>
    </row>
    <row r="6777" spans="8:19" x14ac:dyDescent="0.3">
      <c r="H6777" s="44">
        <v>6770</v>
      </c>
      <c r="I6777" s="56">
        <f>Bühler!I6803</f>
        <v>0.2186742690177168</v>
      </c>
      <c r="J6777" s="59">
        <f>Bühler!J6803</f>
        <v>0.72891423005905609</v>
      </c>
      <c r="K6777" s="59">
        <f>Bühler!K6803</f>
        <v>1.093371345088584</v>
      </c>
      <c r="L6777" s="59">
        <f>Bühler!L6803</f>
        <v>5.2481824564252033</v>
      </c>
      <c r="M6777" s="58">
        <f>Bühler!M6803</f>
        <v>0</v>
      </c>
      <c r="N6777" s="56">
        <f>IF(Input!$D$19=1,J6777*Input!$C$19,0)+IF(Input!$D$20=1,K6777*Input!$C$20,0)+IF(Input!$D$21=1,L6777*Input!$C$21,0)+IF(Input!$D$22=1,M6777*Input!$C$22,0)</f>
        <v>0.21867426901771683</v>
      </c>
      <c r="O6777" s="59">
        <f>IF(Input!$D$19=2,J6777*Input!$C$19,0)+IF(Input!$D$20=2,K6777*Input!$C$20,0)+IF(Input!$D$21=2,L6777*Input!$C$21,0)+IF(Input!$D$22=2,M6777*Input!$C$22,0)</f>
        <v>0.54668567254429201</v>
      </c>
      <c r="P6777" s="59">
        <f>IF(Input!$D$19=3,J6777*Input!$C$19,0)+IF(Input!$D$20=3,K6777*Input!$C$20,0)+IF(Input!$D$21=3,L6777*Input!$C$21,0)+IF(Input!$D$22=3,M6777*Input!$C$22,0)</f>
        <v>0</v>
      </c>
      <c r="Q6777" s="75">
        <f>IF(Input!$D$19=4,J6777*Input!$C$19,0)+IF(Input!$D$20=4,K6777*Input!$C$20,0)+IF(Input!$D$21=4,L6777*Input!$C$21,0)+IF(Input!$D$22=4,M6777*Input!$C$22,0)</f>
        <v>0</v>
      </c>
      <c r="R6777" s="58">
        <v>59.436464178709514</v>
      </c>
      <c r="S6777" s="124">
        <f t="shared" si="105"/>
        <v>0.94758849907677289</v>
      </c>
    </row>
    <row r="6778" spans="8:19" x14ac:dyDescent="0.3">
      <c r="H6778" s="44">
        <v>6771</v>
      </c>
      <c r="I6778" s="56">
        <f>Bühler!I6804</f>
        <v>0.2186742690177168</v>
      </c>
      <c r="J6778" s="59">
        <f>Bühler!J6804</f>
        <v>0.72891423005905609</v>
      </c>
      <c r="K6778" s="59">
        <f>Bühler!K6804</f>
        <v>1.093371345088584</v>
      </c>
      <c r="L6778" s="59">
        <f>Bühler!L6804</f>
        <v>5.2481824564252033</v>
      </c>
      <c r="M6778" s="58">
        <f>Bühler!M6804</f>
        <v>0</v>
      </c>
      <c r="N6778" s="56">
        <f>IF(Input!$D$19=1,J6778*Input!$C$19,0)+IF(Input!$D$20=1,K6778*Input!$C$20,0)+IF(Input!$D$21=1,L6778*Input!$C$21,0)+IF(Input!$D$22=1,M6778*Input!$C$22,0)</f>
        <v>0.21867426901771683</v>
      </c>
      <c r="O6778" s="59">
        <f>IF(Input!$D$19=2,J6778*Input!$C$19,0)+IF(Input!$D$20=2,K6778*Input!$C$20,0)+IF(Input!$D$21=2,L6778*Input!$C$21,0)+IF(Input!$D$22=2,M6778*Input!$C$22,0)</f>
        <v>0.54668567254429201</v>
      </c>
      <c r="P6778" s="59">
        <f>IF(Input!$D$19=3,J6778*Input!$C$19,0)+IF(Input!$D$20=3,K6778*Input!$C$20,0)+IF(Input!$D$21=3,L6778*Input!$C$21,0)+IF(Input!$D$22=3,M6778*Input!$C$22,0)</f>
        <v>0</v>
      </c>
      <c r="Q6778" s="75">
        <f>IF(Input!$D$19=4,J6778*Input!$C$19,0)+IF(Input!$D$20=4,K6778*Input!$C$20,0)+IF(Input!$D$21=4,L6778*Input!$C$21,0)+IF(Input!$D$22=4,M6778*Input!$C$22,0)</f>
        <v>0</v>
      </c>
      <c r="R6778" s="58">
        <v>59.0634936278692</v>
      </c>
      <c r="S6778" s="124">
        <f t="shared" si="105"/>
        <v>0.94758849907677289</v>
      </c>
    </row>
    <row r="6779" spans="8:19" x14ac:dyDescent="0.3">
      <c r="H6779" s="44">
        <v>6772</v>
      </c>
      <c r="I6779" s="56">
        <f>Bühler!I6805</f>
        <v>0.2186742690177168</v>
      </c>
      <c r="J6779" s="59">
        <f>Bühler!J6805</f>
        <v>0.72891423005905609</v>
      </c>
      <c r="K6779" s="59">
        <f>Bühler!K6805</f>
        <v>1.093371345088584</v>
      </c>
      <c r="L6779" s="59">
        <f>Bühler!L6805</f>
        <v>5.2481824564252033</v>
      </c>
      <c r="M6779" s="58">
        <f>Bühler!M6805</f>
        <v>0</v>
      </c>
      <c r="N6779" s="56">
        <f>IF(Input!$D$19=1,J6779*Input!$C$19,0)+IF(Input!$D$20=1,K6779*Input!$C$20,0)+IF(Input!$D$21=1,L6779*Input!$C$21,0)+IF(Input!$D$22=1,M6779*Input!$C$22,0)</f>
        <v>0.21867426901771683</v>
      </c>
      <c r="O6779" s="59">
        <f>IF(Input!$D$19=2,J6779*Input!$C$19,0)+IF(Input!$D$20=2,K6779*Input!$C$20,0)+IF(Input!$D$21=2,L6779*Input!$C$21,0)+IF(Input!$D$22=2,M6779*Input!$C$22,0)</f>
        <v>0.54668567254429201</v>
      </c>
      <c r="P6779" s="59">
        <f>IF(Input!$D$19=3,J6779*Input!$C$19,0)+IF(Input!$D$20=3,K6779*Input!$C$20,0)+IF(Input!$D$21=3,L6779*Input!$C$21,0)+IF(Input!$D$22=3,M6779*Input!$C$22,0)</f>
        <v>0</v>
      </c>
      <c r="Q6779" s="75">
        <f>IF(Input!$D$19=4,J6779*Input!$C$19,0)+IF(Input!$D$20=4,K6779*Input!$C$20,0)+IF(Input!$D$21=4,L6779*Input!$C$21,0)+IF(Input!$D$22=4,M6779*Input!$C$22,0)</f>
        <v>0</v>
      </c>
      <c r="R6779" s="58">
        <v>59.719862950632333</v>
      </c>
      <c r="S6779" s="124">
        <f t="shared" si="105"/>
        <v>0.94758849907677289</v>
      </c>
    </row>
    <row r="6780" spans="8:19" x14ac:dyDescent="0.3">
      <c r="H6780" s="44">
        <v>6773</v>
      </c>
      <c r="I6780" s="56">
        <f>Bühler!I6806</f>
        <v>0.2186742690177168</v>
      </c>
      <c r="J6780" s="59">
        <f>Bühler!J6806</f>
        <v>0.72891423005905609</v>
      </c>
      <c r="K6780" s="59">
        <f>Bühler!K6806</f>
        <v>1.093371345088584</v>
      </c>
      <c r="L6780" s="59">
        <f>Bühler!L6806</f>
        <v>5.2481824564252033</v>
      </c>
      <c r="M6780" s="58">
        <f>Bühler!M6806</f>
        <v>0</v>
      </c>
      <c r="N6780" s="56">
        <f>IF(Input!$D$19=1,J6780*Input!$C$19,0)+IF(Input!$D$20=1,K6780*Input!$C$20,0)+IF(Input!$D$21=1,L6780*Input!$C$21,0)+IF(Input!$D$22=1,M6780*Input!$C$22,0)</f>
        <v>0.21867426901771683</v>
      </c>
      <c r="O6780" s="59">
        <f>IF(Input!$D$19=2,J6780*Input!$C$19,0)+IF(Input!$D$20=2,K6780*Input!$C$20,0)+IF(Input!$D$21=2,L6780*Input!$C$21,0)+IF(Input!$D$22=2,M6780*Input!$C$22,0)</f>
        <v>0.54668567254429201</v>
      </c>
      <c r="P6780" s="59">
        <f>IF(Input!$D$19=3,J6780*Input!$C$19,0)+IF(Input!$D$20=3,K6780*Input!$C$20,0)+IF(Input!$D$21=3,L6780*Input!$C$21,0)+IF(Input!$D$22=3,M6780*Input!$C$22,0)</f>
        <v>0</v>
      </c>
      <c r="Q6780" s="75">
        <f>IF(Input!$D$19=4,J6780*Input!$C$19,0)+IF(Input!$D$20=4,K6780*Input!$C$20,0)+IF(Input!$D$21=4,L6780*Input!$C$21,0)+IF(Input!$D$22=4,M6780*Input!$C$22,0)</f>
        <v>0</v>
      </c>
      <c r="R6780" s="58">
        <v>61.075120715725205</v>
      </c>
      <c r="S6780" s="124">
        <f t="shared" si="105"/>
        <v>0.94758849907677289</v>
      </c>
    </row>
    <row r="6781" spans="8:19" x14ac:dyDescent="0.3">
      <c r="H6781" s="44">
        <v>6774</v>
      </c>
      <c r="I6781" s="56">
        <f>Bühler!I6807</f>
        <v>0.28184683562283497</v>
      </c>
      <c r="J6781" s="59">
        <f>Bühler!J6807</f>
        <v>0.93948945207611667</v>
      </c>
      <c r="K6781" s="59">
        <f>Bühler!K6807</f>
        <v>1.4092341781141748</v>
      </c>
      <c r="L6781" s="59">
        <f>Bühler!L6807</f>
        <v>6.7643240549480392</v>
      </c>
      <c r="M6781" s="58">
        <f>Bühler!M6807</f>
        <v>0</v>
      </c>
      <c r="N6781" s="56">
        <f>IF(Input!$D$19=1,J6781*Input!$C$19,0)+IF(Input!$D$20=1,K6781*Input!$C$20,0)+IF(Input!$D$21=1,L6781*Input!$C$21,0)+IF(Input!$D$22=1,M6781*Input!$C$22,0)</f>
        <v>0.28184683562283497</v>
      </c>
      <c r="O6781" s="59">
        <f>IF(Input!$D$19=2,J6781*Input!$C$19,0)+IF(Input!$D$20=2,K6781*Input!$C$20,0)+IF(Input!$D$21=2,L6781*Input!$C$21,0)+IF(Input!$D$22=2,M6781*Input!$C$22,0)</f>
        <v>0.70461708905708742</v>
      </c>
      <c r="P6781" s="59">
        <f>IF(Input!$D$19=3,J6781*Input!$C$19,0)+IF(Input!$D$20=3,K6781*Input!$C$20,0)+IF(Input!$D$21=3,L6781*Input!$C$21,0)+IF(Input!$D$22=3,M6781*Input!$C$22,0)</f>
        <v>0</v>
      </c>
      <c r="Q6781" s="75">
        <f>IF(Input!$D$19=4,J6781*Input!$C$19,0)+IF(Input!$D$20=4,K6781*Input!$C$20,0)+IF(Input!$D$21=4,L6781*Input!$C$21,0)+IF(Input!$D$22=4,M6781*Input!$C$22,0)</f>
        <v>0</v>
      </c>
      <c r="R6781" s="58">
        <v>64.69513841558134</v>
      </c>
      <c r="S6781" s="124">
        <f t="shared" si="105"/>
        <v>1.2213362876989518</v>
      </c>
    </row>
    <row r="6782" spans="8:19" x14ac:dyDescent="0.3">
      <c r="H6782" s="44">
        <v>6775</v>
      </c>
      <c r="I6782" s="56">
        <f>Bühler!I6808</f>
        <v>0.32558168942637838</v>
      </c>
      <c r="J6782" s="59">
        <f>Bühler!J6808</f>
        <v>1.0852722980879281</v>
      </c>
      <c r="K6782" s="59">
        <f>Bühler!K6808</f>
        <v>1.6279084471318919</v>
      </c>
      <c r="L6782" s="59">
        <f>Bühler!L6808</f>
        <v>7.8139605462330817</v>
      </c>
      <c r="M6782" s="58">
        <f>Bühler!M6808</f>
        <v>0</v>
      </c>
      <c r="N6782" s="56">
        <f>IF(Input!$D$19=1,J6782*Input!$C$19,0)+IF(Input!$D$20=1,K6782*Input!$C$20,0)+IF(Input!$D$21=1,L6782*Input!$C$21,0)+IF(Input!$D$22=1,M6782*Input!$C$22,0)</f>
        <v>0.32558168942637844</v>
      </c>
      <c r="O6782" s="59">
        <f>IF(Input!$D$19=2,J6782*Input!$C$19,0)+IF(Input!$D$20=2,K6782*Input!$C$20,0)+IF(Input!$D$21=2,L6782*Input!$C$21,0)+IF(Input!$D$22=2,M6782*Input!$C$22,0)</f>
        <v>0.81395422356594593</v>
      </c>
      <c r="P6782" s="59">
        <f>IF(Input!$D$19=3,J6782*Input!$C$19,0)+IF(Input!$D$20=3,K6782*Input!$C$20,0)+IF(Input!$D$21=3,L6782*Input!$C$21,0)+IF(Input!$D$22=3,M6782*Input!$C$22,0)</f>
        <v>0</v>
      </c>
      <c r="Q6782" s="75">
        <f>IF(Input!$D$19=4,J6782*Input!$C$19,0)+IF(Input!$D$20=4,K6782*Input!$C$20,0)+IF(Input!$D$21=4,L6782*Input!$C$21,0)+IF(Input!$D$22=4,M6782*Input!$C$22,0)</f>
        <v>0</v>
      </c>
      <c r="R6782" s="58">
        <v>67.932987504464009</v>
      </c>
      <c r="S6782" s="124">
        <f t="shared" si="105"/>
        <v>1.4108539875143065</v>
      </c>
    </row>
    <row r="6783" spans="8:19" x14ac:dyDescent="0.3">
      <c r="H6783" s="44">
        <v>6776</v>
      </c>
      <c r="I6783" s="56">
        <f>Bühler!I6809</f>
        <v>0.32558168942637838</v>
      </c>
      <c r="J6783" s="59">
        <f>Bühler!J6809</f>
        <v>1.0852722980879281</v>
      </c>
      <c r="K6783" s="59">
        <f>Bühler!K6809</f>
        <v>1.6279084471318919</v>
      </c>
      <c r="L6783" s="59">
        <f>Bühler!L6809</f>
        <v>7.8139605462330817</v>
      </c>
      <c r="M6783" s="58">
        <f>Bühler!M6809</f>
        <v>0</v>
      </c>
      <c r="N6783" s="56">
        <f>IF(Input!$D$19=1,J6783*Input!$C$19,0)+IF(Input!$D$20=1,K6783*Input!$C$20,0)+IF(Input!$D$21=1,L6783*Input!$C$21,0)+IF(Input!$D$22=1,M6783*Input!$C$22,0)</f>
        <v>0.32558168942637844</v>
      </c>
      <c r="O6783" s="59">
        <f>IF(Input!$D$19=2,J6783*Input!$C$19,0)+IF(Input!$D$20=2,K6783*Input!$C$20,0)+IF(Input!$D$21=2,L6783*Input!$C$21,0)+IF(Input!$D$22=2,M6783*Input!$C$22,0)</f>
        <v>0.81395422356594593</v>
      </c>
      <c r="P6783" s="59">
        <f>IF(Input!$D$19=3,J6783*Input!$C$19,0)+IF(Input!$D$20=3,K6783*Input!$C$20,0)+IF(Input!$D$21=3,L6783*Input!$C$21,0)+IF(Input!$D$22=3,M6783*Input!$C$22,0)</f>
        <v>0</v>
      </c>
      <c r="Q6783" s="75">
        <f>IF(Input!$D$19=4,J6783*Input!$C$19,0)+IF(Input!$D$20=4,K6783*Input!$C$20,0)+IF(Input!$D$21=4,L6783*Input!$C$21,0)+IF(Input!$D$22=4,M6783*Input!$C$22,0)</f>
        <v>0</v>
      </c>
      <c r="R6783" s="58">
        <v>70.141862653315229</v>
      </c>
      <c r="S6783" s="124">
        <f t="shared" si="105"/>
        <v>1.4108539875143065</v>
      </c>
    </row>
    <row r="6784" spans="8:19" x14ac:dyDescent="0.3">
      <c r="H6784" s="44">
        <v>6777</v>
      </c>
      <c r="I6784" s="56">
        <f>Bühler!I6810</f>
        <v>0.32558168942637838</v>
      </c>
      <c r="J6784" s="59">
        <f>Bühler!J6810</f>
        <v>1.0852722980879281</v>
      </c>
      <c r="K6784" s="59">
        <f>Bühler!K6810</f>
        <v>1.6279084471318919</v>
      </c>
      <c r="L6784" s="59">
        <f>Bühler!L6810</f>
        <v>7.8139605462330817</v>
      </c>
      <c r="M6784" s="58">
        <f>Bühler!M6810</f>
        <v>0</v>
      </c>
      <c r="N6784" s="56">
        <f>IF(Input!$D$19=1,J6784*Input!$C$19,0)+IF(Input!$D$20=1,K6784*Input!$C$20,0)+IF(Input!$D$21=1,L6784*Input!$C$21,0)+IF(Input!$D$22=1,M6784*Input!$C$22,0)</f>
        <v>0.32558168942637844</v>
      </c>
      <c r="O6784" s="59">
        <f>IF(Input!$D$19=2,J6784*Input!$C$19,0)+IF(Input!$D$20=2,K6784*Input!$C$20,0)+IF(Input!$D$21=2,L6784*Input!$C$21,0)+IF(Input!$D$22=2,M6784*Input!$C$22,0)</f>
        <v>0.81395422356594593</v>
      </c>
      <c r="P6784" s="59">
        <f>IF(Input!$D$19=3,J6784*Input!$C$19,0)+IF(Input!$D$20=3,K6784*Input!$C$20,0)+IF(Input!$D$21=3,L6784*Input!$C$21,0)+IF(Input!$D$22=3,M6784*Input!$C$22,0)</f>
        <v>0</v>
      </c>
      <c r="Q6784" s="75">
        <f>IF(Input!$D$19=4,J6784*Input!$C$19,0)+IF(Input!$D$20=4,K6784*Input!$C$20,0)+IF(Input!$D$21=4,L6784*Input!$C$21,0)+IF(Input!$D$22=4,M6784*Input!$C$22,0)</f>
        <v>0</v>
      </c>
      <c r="R6784" s="58">
        <v>70.642113028415622</v>
      </c>
      <c r="S6784" s="124">
        <f t="shared" si="105"/>
        <v>1.4108539875143065</v>
      </c>
    </row>
    <row r="6785" spans="8:19" x14ac:dyDescent="0.3">
      <c r="H6785" s="44">
        <v>6778</v>
      </c>
      <c r="I6785" s="56">
        <f>Bühler!I6811</f>
        <v>0.34987883042834689</v>
      </c>
      <c r="J6785" s="59">
        <f>Bühler!J6811</f>
        <v>1.1662627680944897</v>
      </c>
      <c r="K6785" s="59">
        <f>Bühler!K6811</f>
        <v>1.7493941521417347</v>
      </c>
      <c r="L6785" s="59">
        <f>Bühler!L6811</f>
        <v>8.3970919302803253</v>
      </c>
      <c r="M6785" s="58">
        <f>Bühler!M6811</f>
        <v>0</v>
      </c>
      <c r="N6785" s="56">
        <f>IF(Input!$D$19=1,J6785*Input!$C$19,0)+IF(Input!$D$20=1,K6785*Input!$C$20,0)+IF(Input!$D$21=1,L6785*Input!$C$21,0)+IF(Input!$D$22=1,M6785*Input!$C$22,0)</f>
        <v>0.34987883042834689</v>
      </c>
      <c r="O6785" s="59">
        <f>IF(Input!$D$19=2,J6785*Input!$C$19,0)+IF(Input!$D$20=2,K6785*Input!$C$20,0)+IF(Input!$D$21=2,L6785*Input!$C$21,0)+IF(Input!$D$22=2,M6785*Input!$C$22,0)</f>
        <v>0.87469707607086733</v>
      </c>
      <c r="P6785" s="59">
        <f>IF(Input!$D$19=3,J6785*Input!$C$19,0)+IF(Input!$D$20=3,K6785*Input!$C$20,0)+IF(Input!$D$21=3,L6785*Input!$C$21,0)+IF(Input!$D$22=3,M6785*Input!$C$22,0)</f>
        <v>0</v>
      </c>
      <c r="Q6785" s="75">
        <f>IF(Input!$D$19=4,J6785*Input!$C$19,0)+IF(Input!$D$20=4,K6785*Input!$C$20,0)+IF(Input!$D$21=4,L6785*Input!$C$21,0)+IF(Input!$D$22=4,M6785*Input!$C$22,0)</f>
        <v>0</v>
      </c>
      <c r="R6785" s="58">
        <v>70.812832268599152</v>
      </c>
      <c r="S6785" s="124">
        <f t="shared" si="105"/>
        <v>1.5161415985228366</v>
      </c>
    </row>
    <row r="6786" spans="8:19" x14ac:dyDescent="0.3">
      <c r="H6786" s="44">
        <v>6779</v>
      </c>
      <c r="I6786" s="56">
        <f>Bühler!I6812</f>
        <v>0.37903539963070915</v>
      </c>
      <c r="J6786" s="59">
        <f>Bühler!J6812</f>
        <v>1.2634513321023639</v>
      </c>
      <c r="K6786" s="59">
        <f>Bühler!K6812</f>
        <v>1.8951769981535456</v>
      </c>
      <c r="L6786" s="59">
        <f>Bühler!L6812</f>
        <v>9.0968495911370191</v>
      </c>
      <c r="M6786" s="58">
        <f>Bühler!M6812</f>
        <v>0</v>
      </c>
      <c r="N6786" s="56">
        <f>IF(Input!$D$19=1,J6786*Input!$C$19,0)+IF(Input!$D$20=1,K6786*Input!$C$20,0)+IF(Input!$D$21=1,L6786*Input!$C$21,0)+IF(Input!$D$22=1,M6786*Input!$C$22,0)</f>
        <v>0.37903539963070915</v>
      </c>
      <c r="O6786" s="59">
        <f>IF(Input!$D$19=2,J6786*Input!$C$19,0)+IF(Input!$D$20=2,K6786*Input!$C$20,0)+IF(Input!$D$21=2,L6786*Input!$C$21,0)+IF(Input!$D$22=2,M6786*Input!$C$22,0)</f>
        <v>0.94758849907677278</v>
      </c>
      <c r="P6786" s="59">
        <f>IF(Input!$D$19=3,J6786*Input!$C$19,0)+IF(Input!$D$20=3,K6786*Input!$C$20,0)+IF(Input!$D$21=3,L6786*Input!$C$21,0)+IF(Input!$D$22=3,M6786*Input!$C$22,0)</f>
        <v>0</v>
      </c>
      <c r="Q6786" s="75">
        <f>IF(Input!$D$19=4,J6786*Input!$C$19,0)+IF(Input!$D$20=4,K6786*Input!$C$20,0)+IF(Input!$D$21=4,L6786*Input!$C$21,0)+IF(Input!$D$22=4,M6786*Input!$C$22,0)</f>
        <v>0</v>
      </c>
      <c r="R6786" s="58">
        <v>70.933333485787614</v>
      </c>
      <c r="S6786" s="124">
        <f t="shared" si="105"/>
        <v>1.6424867317330731</v>
      </c>
    </row>
    <row r="6787" spans="8:19" x14ac:dyDescent="0.3">
      <c r="H6787" s="44">
        <v>6780</v>
      </c>
      <c r="I6787" s="56">
        <f>Bühler!I6813</f>
        <v>0.43734853803543361</v>
      </c>
      <c r="J6787" s="59">
        <f>Bühler!J6813</f>
        <v>1.4578284601181122</v>
      </c>
      <c r="K6787" s="59">
        <f>Bühler!K6813</f>
        <v>2.186742690177168</v>
      </c>
      <c r="L6787" s="59">
        <f>Bühler!L6813</f>
        <v>10.496364912850407</v>
      </c>
      <c r="M6787" s="58">
        <f>Bühler!M6813</f>
        <v>0</v>
      </c>
      <c r="N6787" s="56">
        <f>IF(Input!$D$19=1,J6787*Input!$C$19,0)+IF(Input!$D$20=1,K6787*Input!$C$20,0)+IF(Input!$D$21=1,L6787*Input!$C$21,0)+IF(Input!$D$22=1,M6787*Input!$C$22,0)</f>
        <v>0.43734853803543366</v>
      </c>
      <c r="O6787" s="59">
        <f>IF(Input!$D$19=2,J6787*Input!$C$19,0)+IF(Input!$D$20=2,K6787*Input!$C$20,0)+IF(Input!$D$21=2,L6787*Input!$C$21,0)+IF(Input!$D$22=2,M6787*Input!$C$22,0)</f>
        <v>1.093371345088584</v>
      </c>
      <c r="P6787" s="59">
        <f>IF(Input!$D$19=3,J6787*Input!$C$19,0)+IF(Input!$D$20=3,K6787*Input!$C$20,0)+IF(Input!$D$21=3,L6787*Input!$C$21,0)+IF(Input!$D$22=3,M6787*Input!$C$22,0)</f>
        <v>0</v>
      </c>
      <c r="Q6787" s="75">
        <f>IF(Input!$D$19=4,J6787*Input!$C$19,0)+IF(Input!$D$20=4,K6787*Input!$C$20,0)+IF(Input!$D$21=4,L6787*Input!$C$21,0)+IF(Input!$D$22=4,M6787*Input!$C$22,0)</f>
        <v>0</v>
      </c>
      <c r="R6787" s="58">
        <v>71.16957331149527</v>
      </c>
      <c r="S6787" s="124">
        <f t="shared" si="105"/>
        <v>1.8951769981535458</v>
      </c>
    </row>
    <row r="6788" spans="8:19" x14ac:dyDescent="0.3">
      <c r="H6788" s="44">
        <v>6781</v>
      </c>
      <c r="I6788" s="56">
        <f>Bühler!I6814</f>
        <v>0.43734853803543361</v>
      </c>
      <c r="J6788" s="59">
        <f>Bühler!J6814</f>
        <v>1.4578284601181122</v>
      </c>
      <c r="K6788" s="59">
        <f>Bühler!K6814</f>
        <v>2.186742690177168</v>
      </c>
      <c r="L6788" s="59">
        <f>Bühler!L6814</f>
        <v>10.496364912850407</v>
      </c>
      <c r="M6788" s="58">
        <f>Bühler!M6814</f>
        <v>0</v>
      </c>
      <c r="N6788" s="56">
        <f>IF(Input!$D$19=1,J6788*Input!$C$19,0)+IF(Input!$D$20=1,K6788*Input!$C$20,0)+IF(Input!$D$21=1,L6788*Input!$C$21,0)+IF(Input!$D$22=1,M6788*Input!$C$22,0)</f>
        <v>0.43734853803543366</v>
      </c>
      <c r="O6788" s="59">
        <f>IF(Input!$D$19=2,J6788*Input!$C$19,0)+IF(Input!$D$20=2,K6788*Input!$C$20,0)+IF(Input!$D$21=2,L6788*Input!$C$21,0)+IF(Input!$D$22=2,M6788*Input!$C$22,0)</f>
        <v>1.093371345088584</v>
      </c>
      <c r="P6788" s="59">
        <f>IF(Input!$D$19=3,J6788*Input!$C$19,0)+IF(Input!$D$20=3,K6788*Input!$C$20,0)+IF(Input!$D$21=3,L6788*Input!$C$21,0)+IF(Input!$D$22=3,M6788*Input!$C$22,0)</f>
        <v>0</v>
      </c>
      <c r="Q6788" s="75">
        <f>IF(Input!$D$19=4,J6788*Input!$C$19,0)+IF(Input!$D$20=4,K6788*Input!$C$20,0)+IF(Input!$D$21=4,L6788*Input!$C$21,0)+IF(Input!$D$22=4,M6788*Input!$C$22,0)</f>
        <v>0</v>
      </c>
      <c r="R6788" s="58">
        <v>70.393650448683431</v>
      </c>
      <c r="S6788" s="124">
        <f t="shared" si="105"/>
        <v>1.8951769981535458</v>
      </c>
    </row>
    <row r="6789" spans="8:19" x14ac:dyDescent="0.3">
      <c r="H6789" s="44">
        <v>6782</v>
      </c>
      <c r="I6789" s="56">
        <f>Bühler!I6815</f>
        <v>0.43734853803543361</v>
      </c>
      <c r="J6789" s="59">
        <f>Bühler!J6815</f>
        <v>1.4578284601181122</v>
      </c>
      <c r="K6789" s="59">
        <f>Bühler!K6815</f>
        <v>2.186742690177168</v>
      </c>
      <c r="L6789" s="59">
        <f>Bühler!L6815</f>
        <v>10.496364912850407</v>
      </c>
      <c r="M6789" s="58">
        <f>Bühler!M6815</f>
        <v>0</v>
      </c>
      <c r="N6789" s="56">
        <f>IF(Input!$D$19=1,J6789*Input!$C$19,0)+IF(Input!$D$20=1,K6789*Input!$C$20,0)+IF(Input!$D$21=1,L6789*Input!$C$21,0)+IF(Input!$D$22=1,M6789*Input!$C$22,0)</f>
        <v>0.43734853803543366</v>
      </c>
      <c r="O6789" s="59">
        <f>IF(Input!$D$19=2,J6789*Input!$C$19,0)+IF(Input!$D$20=2,K6789*Input!$C$20,0)+IF(Input!$D$21=2,L6789*Input!$C$21,0)+IF(Input!$D$22=2,M6789*Input!$C$22,0)</f>
        <v>1.093371345088584</v>
      </c>
      <c r="P6789" s="59">
        <f>IF(Input!$D$19=3,J6789*Input!$C$19,0)+IF(Input!$D$20=3,K6789*Input!$C$20,0)+IF(Input!$D$21=3,L6789*Input!$C$21,0)+IF(Input!$D$22=3,M6789*Input!$C$22,0)</f>
        <v>0</v>
      </c>
      <c r="Q6789" s="75">
        <f>IF(Input!$D$19=4,J6789*Input!$C$19,0)+IF(Input!$D$20=4,K6789*Input!$C$20,0)+IF(Input!$D$21=4,L6789*Input!$C$21,0)+IF(Input!$D$22=4,M6789*Input!$C$22,0)</f>
        <v>0</v>
      </c>
      <c r="R6789" s="58">
        <v>69.846435656454389</v>
      </c>
      <c r="S6789" s="124">
        <f t="shared" si="105"/>
        <v>1.8951769981535458</v>
      </c>
    </row>
    <row r="6790" spans="8:19" x14ac:dyDescent="0.3">
      <c r="H6790" s="44">
        <v>6783</v>
      </c>
      <c r="I6790" s="56">
        <f>Bühler!I6816</f>
        <v>0.43734853803543361</v>
      </c>
      <c r="J6790" s="59">
        <f>Bühler!J6816</f>
        <v>1.4578284601181122</v>
      </c>
      <c r="K6790" s="59">
        <f>Bühler!K6816</f>
        <v>2.186742690177168</v>
      </c>
      <c r="L6790" s="59">
        <f>Bühler!L6816</f>
        <v>10.496364912850407</v>
      </c>
      <c r="M6790" s="58">
        <f>Bühler!M6816</f>
        <v>0</v>
      </c>
      <c r="N6790" s="56">
        <f>IF(Input!$D$19=1,J6790*Input!$C$19,0)+IF(Input!$D$20=1,K6790*Input!$C$20,0)+IF(Input!$D$21=1,L6790*Input!$C$21,0)+IF(Input!$D$22=1,M6790*Input!$C$22,0)</f>
        <v>0.43734853803543366</v>
      </c>
      <c r="O6790" s="59">
        <f>IF(Input!$D$19=2,J6790*Input!$C$19,0)+IF(Input!$D$20=2,K6790*Input!$C$20,0)+IF(Input!$D$21=2,L6790*Input!$C$21,0)+IF(Input!$D$22=2,M6790*Input!$C$22,0)</f>
        <v>1.093371345088584</v>
      </c>
      <c r="P6790" s="59">
        <f>IF(Input!$D$19=3,J6790*Input!$C$19,0)+IF(Input!$D$20=3,K6790*Input!$C$20,0)+IF(Input!$D$21=3,L6790*Input!$C$21,0)+IF(Input!$D$22=3,M6790*Input!$C$22,0)</f>
        <v>0</v>
      </c>
      <c r="Q6790" s="75">
        <f>IF(Input!$D$19=4,J6790*Input!$C$19,0)+IF(Input!$D$20=4,K6790*Input!$C$20,0)+IF(Input!$D$21=4,L6790*Input!$C$21,0)+IF(Input!$D$22=4,M6790*Input!$C$22,0)</f>
        <v>0</v>
      </c>
      <c r="R6790" s="58">
        <v>70.158657605808173</v>
      </c>
      <c r="S6790" s="124">
        <f t="shared" si="105"/>
        <v>1.8951769981535458</v>
      </c>
    </row>
    <row r="6791" spans="8:19" x14ac:dyDescent="0.3">
      <c r="H6791" s="44">
        <v>6784</v>
      </c>
      <c r="I6791" s="56">
        <f>Bühler!I6817</f>
        <v>0.43734853803543361</v>
      </c>
      <c r="J6791" s="59">
        <f>Bühler!J6817</f>
        <v>1.4578284601181122</v>
      </c>
      <c r="K6791" s="59">
        <f>Bühler!K6817</f>
        <v>2.186742690177168</v>
      </c>
      <c r="L6791" s="59">
        <f>Bühler!L6817</f>
        <v>10.496364912850407</v>
      </c>
      <c r="M6791" s="58">
        <f>Bühler!M6817</f>
        <v>0</v>
      </c>
      <c r="N6791" s="56">
        <f>IF(Input!$D$19=1,J6791*Input!$C$19,0)+IF(Input!$D$20=1,K6791*Input!$C$20,0)+IF(Input!$D$21=1,L6791*Input!$C$21,0)+IF(Input!$D$22=1,M6791*Input!$C$22,0)</f>
        <v>0.43734853803543366</v>
      </c>
      <c r="O6791" s="59">
        <f>IF(Input!$D$19=2,J6791*Input!$C$19,0)+IF(Input!$D$20=2,K6791*Input!$C$20,0)+IF(Input!$D$21=2,L6791*Input!$C$21,0)+IF(Input!$D$22=2,M6791*Input!$C$22,0)</f>
        <v>1.093371345088584</v>
      </c>
      <c r="P6791" s="59">
        <f>IF(Input!$D$19=3,J6791*Input!$C$19,0)+IF(Input!$D$20=3,K6791*Input!$C$20,0)+IF(Input!$D$21=3,L6791*Input!$C$21,0)+IF(Input!$D$22=3,M6791*Input!$C$22,0)</f>
        <v>0</v>
      </c>
      <c r="Q6791" s="75">
        <f>IF(Input!$D$19=4,J6791*Input!$C$19,0)+IF(Input!$D$20=4,K6791*Input!$C$20,0)+IF(Input!$D$21=4,L6791*Input!$C$21,0)+IF(Input!$D$22=4,M6791*Input!$C$22,0)</f>
        <v>0</v>
      </c>
      <c r="R6791" s="58">
        <v>69.284868175575056</v>
      </c>
      <c r="S6791" s="124">
        <f t="shared" si="105"/>
        <v>1.8951769981535458</v>
      </c>
    </row>
    <row r="6792" spans="8:19" x14ac:dyDescent="0.3">
      <c r="H6792" s="44">
        <v>6785</v>
      </c>
      <c r="I6792" s="56">
        <f>Bühler!I6818</f>
        <v>0.43734853803543361</v>
      </c>
      <c r="J6792" s="59">
        <f>Bühler!J6818</f>
        <v>1.4578284601181122</v>
      </c>
      <c r="K6792" s="59">
        <f>Bühler!K6818</f>
        <v>2.186742690177168</v>
      </c>
      <c r="L6792" s="59">
        <f>Bühler!L6818</f>
        <v>10.496364912850407</v>
      </c>
      <c r="M6792" s="58">
        <f>Bühler!M6818</f>
        <v>0</v>
      </c>
      <c r="N6792" s="56">
        <f>IF(Input!$D$19=1,J6792*Input!$C$19,0)+IF(Input!$D$20=1,K6792*Input!$C$20,0)+IF(Input!$D$21=1,L6792*Input!$C$21,0)+IF(Input!$D$22=1,M6792*Input!$C$22,0)</f>
        <v>0.43734853803543366</v>
      </c>
      <c r="O6792" s="59">
        <f>IF(Input!$D$19=2,J6792*Input!$C$19,0)+IF(Input!$D$20=2,K6792*Input!$C$20,0)+IF(Input!$D$21=2,L6792*Input!$C$21,0)+IF(Input!$D$22=2,M6792*Input!$C$22,0)</f>
        <v>1.093371345088584</v>
      </c>
      <c r="P6792" s="59">
        <f>IF(Input!$D$19=3,J6792*Input!$C$19,0)+IF(Input!$D$20=3,K6792*Input!$C$20,0)+IF(Input!$D$21=3,L6792*Input!$C$21,0)+IF(Input!$D$22=3,M6792*Input!$C$22,0)</f>
        <v>0</v>
      </c>
      <c r="Q6792" s="75">
        <f>IF(Input!$D$19=4,J6792*Input!$C$19,0)+IF(Input!$D$20=4,K6792*Input!$C$20,0)+IF(Input!$D$21=4,L6792*Input!$C$21,0)+IF(Input!$D$22=4,M6792*Input!$C$22,0)</f>
        <v>0</v>
      </c>
      <c r="R6792" s="58">
        <v>68.066448187415006</v>
      </c>
      <c r="S6792" s="124">
        <f t="shared" si="105"/>
        <v>1.8951769981535458</v>
      </c>
    </row>
    <row r="6793" spans="8:19" x14ac:dyDescent="0.3">
      <c r="H6793" s="44">
        <v>6786</v>
      </c>
      <c r="I6793" s="56">
        <f>Bühler!I6819</f>
        <v>0.43734853803543361</v>
      </c>
      <c r="J6793" s="59">
        <f>Bühler!J6819</f>
        <v>1.4578284601181122</v>
      </c>
      <c r="K6793" s="59">
        <f>Bühler!K6819</f>
        <v>2.186742690177168</v>
      </c>
      <c r="L6793" s="59">
        <f>Bühler!L6819</f>
        <v>10.496364912850407</v>
      </c>
      <c r="M6793" s="58">
        <f>Bühler!M6819</f>
        <v>0</v>
      </c>
      <c r="N6793" s="56">
        <f>IF(Input!$D$19=1,J6793*Input!$C$19,0)+IF(Input!$D$20=1,K6793*Input!$C$20,0)+IF(Input!$D$21=1,L6793*Input!$C$21,0)+IF(Input!$D$22=1,M6793*Input!$C$22,0)</f>
        <v>0.43734853803543366</v>
      </c>
      <c r="O6793" s="59">
        <f>IF(Input!$D$19=2,J6793*Input!$C$19,0)+IF(Input!$D$20=2,K6793*Input!$C$20,0)+IF(Input!$D$21=2,L6793*Input!$C$21,0)+IF(Input!$D$22=2,M6793*Input!$C$22,0)</f>
        <v>1.093371345088584</v>
      </c>
      <c r="P6793" s="59">
        <f>IF(Input!$D$19=3,J6793*Input!$C$19,0)+IF(Input!$D$20=3,K6793*Input!$C$20,0)+IF(Input!$D$21=3,L6793*Input!$C$21,0)+IF(Input!$D$22=3,M6793*Input!$C$22,0)</f>
        <v>0</v>
      </c>
      <c r="Q6793" s="75">
        <f>IF(Input!$D$19=4,J6793*Input!$C$19,0)+IF(Input!$D$20=4,K6793*Input!$C$20,0)+IF(Input!$D$21=4,L6793*Input!$C$21,0)+IF(Input!$D$22=4,M6793*Input!$C$22,0)</f>
        <v>0</v>
      </c>
      <c r="R6793" s="58">
        <v>66.684793739285809</v>
      </c>
      <c r="S6793" s="124">
        <f t="shared" ref="S6793:S6856" si="106">I6793+J6793</f>
        <v>1.8951769981535458</v>
      </c>
    </row>
    <row r="6794" spans="8:19" x14ac:dyDescent="0.3">
      <c r="H6794" s="44">
        <v>6787</v>
      </c>
      <c r="I6794" s="56">
        <f>Bühler!I6820</f>
        <v>0.43734853803543361</v>
      </c>
      <c r="J6794" s="59">
        <f>Bühler!J6820</f>
        <v>1.4578284601181122</v>
      </c>
      <c r="K6794" s="59">
        <f>Bühler!K6820</f>
        <v>2.186742690177168</v>
      </c>
      <c r="L6794" s="59">
        <f>Bühler!L6820</f>
        <v>10.496364912850407</v>
      </c>
      <c r="M6794" s="58">
        <f>Bühler!M6820</f>
        <v>0</v>
      </c>
      <c r="N6794" s="56">
        <f>IF(Input!$D$19=1,J6794*Input!$C$19,0)+IF(Input!$D$20=1,K6794*Input!$C$20,0)+IF(Input!$D$21=1,L6794*Input!$C$21,0)+IF(Input!$D$22=1,M6794*Input!$C$22,0)</f>
        <v>0.43734853803543366</v>
      </c>
      <c r="O6794" s="59">
        <f>IF(Input!$D$19=2,J6794*Input!$C$19,0)+IF(Input!$D$20=2,K6794*Input!$C$20,0)+IF(Input!$D$21=2,L6794*Input!$C$21,0)+IF(Input!$D$22=2,M6794*Input!$C$22,0)</f>
        <v>1.093371345088584</v>
      </c>
      <c r="P6794" s="59">
        <f>IF(Input!$D$19=3,J6794*Input!$C$19,0)+IF(Input!$D$20=3,K6794*Input!$C$20,0)+IF(Input!$D$21=3,L6794*Input!$C$21,0)+IF(Input!$D$22=3,M6794*Input!$C$22,0)</f>
        <v>0</v>
      </c>
      <c r="Q6794" s="75">
        <f>IF(Input!$D$19=4,J6794*Input!$C$19,0)+IF(Input!$D$20=4,K6794*Input!$C$20,0)+IF(Input!$D$21=4,L6794*Input!$C$21,0)+IF(Input!$D$22=4,M6794*Input!$C$22,0)</f>
        <v>0</v>
      </c>
      <c r="R6794" s="58">
        <v>65.544336784191003</v>
      </c>
      <c r="S6794" s="124">
        <f t="shared" si="106"/>
        <v>1.8951769981535458</v>
      </c>
    </row>
    <row r="6795" spans="8:19" x14ac:dyDescent="0.3">
      <c r="H6795" s="44">
        <v>6788</v>
      </c>
      <c r="I6795" s="56">
        <f>Bühler!I6821</f>
        <v>0.36445711502952799</v>
      </c>
      <c r="J6795" s="59">
        <f>Bühler!J6821</f>
        <v>1.2148570500984268</v>
      </c>
      <c r="K6795" s="59">
        <f>Bühler!K6821</f>
        <v>1.8222855751476399</v>
      </c>
      <c r="L6795" s="59">
        <f>Bühler!L6821</f>
        <v>8.7469707607086722</v>
      </c>
      <c r="M6795" s="58">
        <f>Bühler!M6821</f>
        <v>0</v>
      </c>
      <c r="N6795" s="56">
        <f>IF(Input!$D$19=1,J6795*Input!$C$19,0)+IF(Input!$D$20=1,K6795*Input!$C$20,0)+IF(Input!$D$21=1,L6795*Input!$C$21,0)+IF(Input!$D$22=1,M6795*Input!$C$22,0)</f>
        <v>0.36445711502952804</v>
      </c>
      <c r="O6795" s="59">
        <f>IF(Input!$D$19=2,J6795*Input!$C$19,0)+IF(Input!$D$20=2,K6795*Input!$C$20,0)+IF(Input!$D$21=2,L6795*Input!$C$21,0)+IF(Input!$D$22=2,M6795*Input!$C$22,0)</f>
        <v>0.91114278757381995</v>
      </c>
      <c r="P6795" s="59">
        <f>IF(Input!$D$19=3,J6795*Input!$C$19,0)+IF(Input!$D$20=3,K6795*Input!$C$20,0)+IF(Input!$D$21=3,L6795*Input!$C$21,0)+IF(Input!$D$22=3,M6795*Input!$C$22,0)</f>
        <v>0</v>
      </c>
      <c r="Q6795" s="75">
        <f>IF(Input!$D$19=4,J6795*Input!$C$19,0)+IF(Input!$D$20=4,K6795*Input!$C$20,0)+IF(Input!$D$21=4,L6795*Input!$C$21,0)+IF(Input!$D$22=4,M6795*Input!$C$22,0)</f>
        <v>0</v>
      </c>
      <c r="R6795" s="58">
        <v>64.577261124707718</v>
      </c>
      <c r="S6795" s="124">
        <f t="shared" si="106"/>
        <v>1.5793141651279547</v>
      </c>
    </row>
    <row r="6796" spans="8:19" x14ac:dyDescent="0.3">
      <c r="H6796" s="44">
        <v>6789</v>
      </c>
      <c r="I6796" s="56">
        <f>Bühler!I6822</f>
        <v>0.29156569202362242</v>
      </c>
      <c r="J6796" s="59">
        <f>Bühler!J6822</f>
        <v>0.97188564007874145</v>
      </c>
      <c r="K6796" s="59">
        <f>Bühler!K6822</f>
        <v>1.4578284601181122</v>
      </c>
      <c r="L6796" s="59">
        <f>Bühler!L6822</f>
        <v>6.9975766085669386</v>
      </c>
      <c r="M6796" s="58">
        <f>Bühler!M6822</f>
        <v>0</v>
      </c>
      <c r="N6796" s="56">
        <f>IF(Input!$D$19=1,J6796*Input!$C$19,0)+IF(Input!$D$20=1,K6796*Input!$C$20,0)+IF(Input!$D$21=1,L6796*Input!$C$21,0)+IF(Input!$D$22=1,M6796*Input!$C$22,0)</f>
        <v>0.29156569202362242</v>
      </c>
      <c r="O6796" s="59">
        <f>IF(Input!$D$19=2,J6796*Input!$C$19,0)+IF(Input!$D$20=2,K6796*Input!$C$20,0)+IF(Input!$D$21=2,L6796*Input!$C$21,0)+IF(Input!$D$22=2,M6796*Input!$C$22,0)</f>
        <v>0.72891423005905609</v>
      </c>
      <c r="P6796" s="59">
        <f>IF(Input!$D$19=3,J6796*Input!$C$19,0)+IF(Input!$D$20=3,K6796*Input!$C$20,0)+IF(Input!$D$21=3,L6796*Input!$C$21,0)+IF(Input!$D$22=3,M6796*Input!$C$22,0)</f>
        <v>0</v>
      </c>
      <c r="Q6796" s="75">
        <f>IF(Input!$D$19=4,J6796*Input!$C$19,0)+IF(Input!$D$20=4,K6796*Input!$C$20,0)+IF(Input!$D$21=4,L6796*Input!$C$21,0)+IF(Input!$D$22=4,M6796*Input!$C$22,0)</f>
        <v>0</v>
      </c>
      <c r="R6796" s="58">
        <v>63.018244379889673</v>
      </c>
      <c r="S6796" s="124">
        <f t="shared" si="106"/>
        <v>1.2634513321023639</v>
      </c>
    </row>
    <row r="6797" spans="8:19" x14ac:dyDescent="0.3">
      <c r="H6797" s="44">
        <v>6790</v>
      </c>
      <c r="I6797" s="56">
        <f>Bühler!I6823</f>
        <v>0.2186742690177168</v>
      </c>
      <c r="J6797" s="59">
        <f>Bühler!J6823</f>
        <v>0.72891423005905609</v>
      </c>
      <c r="K6797" s="59">
        <f>Bühler!K6823</f>
        <v>1.093371345088584</v>
      </c>
      <c r="L6797" s="59">
        <f>Bühler!L6823</f>
        <v>5.2481824564252033</v>
      </c>
      <c r="M6797" s="58">
        <f>Bühler!M6823</f>
        <v>0</v>
      </c>
      <c r="N6797" s="56">
        <f>IF(Input!$D$19=1,J6797*Input!$C$19,0)+IF(Input!$D$20=1,K6797*Input!$C$20,0)+IF(Input!$D$21=1,L6797*Input!$C$21,0)+IF(Input!$D$22=1,M6797*Input!$C$22,0)</f>
        <v>0.21867426901771683</v>
      </c>
      <c r="O6797" s="59">
        <f>IF(Input!$D$19=2,J6797*Input!$C$19,0)+IF(Input!$D$20=2,K6797*Input!$C$20,0)+IF(Input!$D$21=2,L6797*Input!$C$21,0)+IF(Input!$D$22=2,M6797*Input!$C$22,0)</f>
        <v>0.54668567254429201</v>
      </c>
      <c r="P6797" s="59">
        <f>IF(Input!$D$19=3,J6797*Input!$C$19,0)+IF(Input!$D$20=3,K6797*Input!$C$20,0)+IF(Input!$D$21=3,L6797*Input!$C$21,0)+IF(Input!$D$22=3,M6797*Input!$C$22,0)</f>
        <v>0</v>
      </c>
      <c r="Q6797" s="75">
        <f>IF(Input!$D$19=4,J6797*Input!$C$19,0)+IF(Input!$D$20=4,K6797*Input!$C$20,0)+IF(Input!$D$21=4,L6797*Input!$C$21,0)+IF(Input!$D$22=4,M6797*Input!$C$22,0)</f>
        <v>0</v>
      </c>
      <c r="R6797" s="58">
        <v>61.412529592163942</v>
      </c>
      <c r="S6797" s="124">
        <f t="shared" si="106"/>
        <v>0.94758849907677289</v>
      </c>
    </row>
    <row r="6798" spans="8:19" x14ac:dyDescent="0.3">
      <c r="H6798" s="44">
        <v>6791</v>
      </c>
      <c r="I6798" s="56">
        <f>Bühler!I6824</f>
        <v>0.2186742690177168</v>
      </c>
      <c r="J6798" s="59">
        <f>Bühler!J6824</f>
        <v>0.72891423005905609</v>
      </c>
      <c r="K6798" s="59">
        <f>Bühler!K6824</f>
        <v>1.093371345088584</v>
      </c>
      <c r="L6798" s="59">
        <f>Bühler!L6824</f>
        <v>5.2481824564252033</v>
      </c>
      <c r="M6798" s="58">
        <f>Bühler!M6824</f>
        <v>0</v>
      </c>
      <c r="N6798" s="56">
        <f>IF(Input!$D$19=1,J6798*Input!$C$19,0)+IF(Input!$D$20=1,K6798*Input!$C$20,0)+IF(Input!$D$21=1,L6798*Input!$C$21,0)+IF(Input!$D$22=1,M6798*Input!$C$22,0)</f>
        <v>0.21867426901771683</v>
      </c>
      <c r="O6798" s="59">
        <f>IF(Input!$D$19=2,J6798*Input!$C$19,0)+IF(Input!$D$20=2,K6798*Input!$C$20,0)+IF(Input!$D$21=2,L6798*Input!$C$21,0)+IF(Input!$D$22=2,M6798*Input!$C$22,0)</f>
        <v>0.54668567254429201</v>
      </c>
      <c r="P6798" s="59">
        <f>IF(Input!$D$19=3,J6798*Input!$C$19,0)+IF(Input!$D$20=3,K6798*Input!$C$20,0)+IF(Input!$D$21=3,L6798*Input!$C$21,0)+IF(Input!$D$22=3,M6798*Input!$C$22,0)</f>
        <v>0</v>
      </c>
      <c r="Q6798" s="75">
        <f>IF(Input!$D$19=4,J6798*Input!$C$19,0)+IF(Input!$D$20=4,K6798*Input!$C$20,0)+IF(Input!$D$21=4,L6798*Input!$C$21,0)+IF(Input!$D$22=4,M6798*Input!$C$22,0)</f>
        <v>0</v>
      </c>
      <c r="R6798" s="58">
        <v>61.047855634291579</v>
      </c>
      <c r="S6798" s="124">
        <f t="shared" si="106"/>
        <v>0.94758849907677289</v>
      </c>
    </row>
    <row r="6799" spans="8:19" x14ac:dyDescent="0.3">
      <c r="H6799" s="44">
        <v>6792</v>
      </c>
      <c r="I6799" s="56">
        <f>Bühler!I6825</f>
        <v>0.2186742690177168</v>
      </c>
      <c r="J6799" s="59">
        <f>Bühler!J6825</f>
        <v>0.72891423005905609</v>
      </c>
      <c r="K6799" s="59">
        <f>Bühler!K6825</f>
        <v>1.093371345088584</v>
      </c>
      <c r="L6799" s="59">
        <f>Bühler!L6825</f>
        <v>5.2481824564252033</v>
      </c>
      <c r="M6799" s="58">
        <f>Bühler!M6825</f>
        <v>0</v>
      </c>
      <c r="N6799" s="56">
        <f>IF(Input!$D$19=1,J6799*Input!$C$19,0)+IF(Input!$D$20=1,K6799*Input!$C$20,0)+IF(Input!$D$21=1,L6799*Input!$C$21,0)+IF(Input!$D$22=1,M6799*Input!$C$22,0)</f>
        <v>0.21867426901771683</v>
      </c>
      <c r="O6799" s="59">
        <f>IF(Input!$D$19=2,J6799*Input!$C$19,0)+IF(Input!$D$20=2,K6799*Input!$C$20,0)+IF(Input!$D$21=2,L6799*Input!$C$21,0)+IF(Input!$D$22=2,M6799*Input!$C$22,0)</f>
        <v>0.54668567254429201</v>
      </c>
      <c r="P6799" s="59">
        <f>IF(Input!$D$19=3,J6799*Input!$C$19,0)+IF(Input!$D$20=3,K6799*Input!$C$20,0)+IF(Input!$D$21=3,L6799*Input!$C$21,0)+IF(Input!$D$22=3,M6799*Input!$C$22,0)</f>
        <v>0</v>
      </c>
      <c r="Q6799" s="75">
        <f>IF(Input!$D$19=4,J6799*Input!$C$19,0)+IF(Input!$D$20=4,K6799*Input!$C$20,0)+IF(Input!$D$21=4,L6799*Input!$C$21,0)+IF(Input!$D$22=4,M6799*Input!$C$22,0)</f>
        <v>0</v>
      </c>
      <c r="R6799" s="58">
        <v>61.101713908835897</v>
      </c>
      <c r="S6799" s="124">
        <f t="shared" si="106"/>
        <v>0.94758849907677289</v>
      </c>
    </row>
    <row r="6800" spans="8:19" x14ac:dyDescent="0.3">
      <c r="H6800" s="44">
        <v>6793</v>
      </c>
      <c r="I6800" s="56">
        <f>Bühler!I6826</f>
        <v>0.21954785219473352</v>
      </c>
      <c r="J6800" s="59">
        <f>Bühler!J6826</f>
        <v>0.73182617398244521</v>
      </c>
      <c r="K6800" s="59">
        <f>Bühler!K6826</f>
        <v>1.0977392609736676</v>
      </c>
      <c r="L6800" s="59">
        <f>Bühler!L6826</f>
        <v>5.2691484526736048</v>
      </c>
      <c r="M6800" s="58">
        <f>Bühler!M6826</f>
        <v>0</v>
      </c>
      <c r="N6800" s="56">
        <f>IF(Input!$D$19=1,J6800*Input!$C$19,0)+IF(Input!$D$20=1,K6800*Input!$C$20,0)+IF(Input!$D$21=1,L6800*Input!$C$21,0)+IF(Input!$D$22=1,M6800*Input!$C$22,0)</f>
        <v>0.21954785219473355</v>
      </c>
      <c r="O6800" s="59">
        <f>IF(Input!$D$19=2,J6800*Input!$C$19,0)+IF(Input!$D$20=2,K6800*Input!$C$20,0)+IF(Input!$D$21=2,L6800*Input!$C$21,0)+IF(Input!$D$22=2,M6800*Input!$C$22,0)</f>
        <v>0.54886963048683379</v>
      </c>
      <c r="P6800" s="59">
        <f>IF(Input!$D$19=3,J6800*Input!$C$19,0)+IF(Input!$D$20=3,K6800*Input!$C$20,0)+IF(Input!$D$21=3,L6800*Input!$C$21,0)+IF(Input!$D$22=3,M6800*Input!$C$22,0)</f>
        <v>0</v>
      </c>
      <c r="Q6800" s="75">
        <f>IF(Input!$D$19=4,J6800*Input!$C$19,0)+IF(Input!$D$20=4,K6800*Input!$C$20,0)+IF(Input!$D$21=4,L6800*Input!$C$21,0)+IF(Input!$D$22=4,M6800*Input!$C$22,0)</f>
        <v>0</v>
      </c>
      <c r="R6800" s="58">
        <v>60.84906628627536</v>
      </c>
      <c r="S6800" s="124">
        <f t="shared" si="106"/>
        <v>0.9513740261771787</v>
      </c>
    </row>
    <row r="6801" spans="8:19" x14ac:dyDescent="0.3">
      <c r="H6801" s="44">
        <v>6794</v>
      </c>
      <c r="I6801" s="56">
        <f>Bühler!I6827</f>
        <v>0.21954785219473352</v>
      </c>
      <c r="J6801" s="59">
        <f>Bühler!J6827</f>
        <v>0.73182617398244521</v>
      </c>
      <c r="K6801" s="59">
        <f>Bühler!K6827</f>
        <v>1.0977392609736676</v>
      </c>
      <c r="L6801" s="59">
        <f>Bühler!L6827</f>
        <v>5.2691484526736048</v>
      </c>
      <c r="M6801" s="58">
        <f>Bühler!M6827</f>
        <v>0</v>
      </c>
      <c r="N6801" s="56">
        <f>IF(Input!$D$19=1,J6801*Input!$C$19,0)+IF(Input!$D$20=1,K6801*Input!$C$20,0)+IF(Input!$D$21=1,L6801*Input!$C$21,0)+IF(Input!$D$22=1,M6801*Input!$C$22,0)</f>
        <v>0.21954785219473355</v>
      </c>
      <c r="O6801" s="59">
        <f>IF(Input!$D$19=2,J6801*Input!$C$19,0)+IF(Input!$D$20=2,K6801*Input!$C$20,0)+IF(Input!$D$21=2,L6801*Input!$C$21,0)+IF(Input!$D$22=2,M6801*Input!$C$22,0)</f>
        <v>0.54886963048683379</v>
      </c>
      <c r="P6801" s="59">
        <f>IF(Input!$D$19=3,J6801*Input!$C$19,0)+IF(Input!$D$20=3,K6801*Input!$C$20,0)+IF(Input!$D$21=3,L6801*Input!$C$21,0)+IF(Input!$D$22=3,M6801*Input!$C$22,0)</f>
        <v>0</v>
      </c>
      <c r="Q6801" s="75">
        <f>IF(Input!$D$19=4,J6801*Input!$C$19,0)+IF(Input!$D$20=4,K6801*Input!$C$20,0)+IF(Input!$D$21=4,L6801*Input!$C$21,0)+IF(Input!$D$22=4,M6801*Input!$C$22,0)</f>
        <v>0</v>
      </c>
      <c r="R6801" s="58">
        <v>59.349308695041159</v>
      </c>
      <c r="S6801" s="124">
        <f t="shared" si="106"/>
        <v>0.9513740261771787</v>
      </c>
    </row>
    <row r="6802" spans="8:19" x14ac:dyDescent="0.3">
      <c r="H6802" s="44">
        <v>6795</v>
      </c>
      <c r="I6802" s="56">
        <f>Bühler!I6828</f>
        <v>0.21954785219473352</v>
      </c>
      <c r="J6802" s="59">
        <f>Bühler!J6828</f>
        <v>0.73182617398244521</v>
      </c>
      <c r="K6802" s="59">
        <f>Bühler!K6828</f>
        <v>1.0977392609736676</v>
      </c>
      <c r="L6802" s="59">
        <f>Bühler!L6828</f>
        <v>5.2691484526736048</v>
      </c>
      <c r="M6802" s="58">
        <f>Bühler!M6828</f>
        <v>0</v>
      </c>
      <c r="N6802" s="56">
        <f>IF(Input!$D$19=1,J6802*Input!$C$19,0)+IF(Input!$D$20=1,K6802*Input!$C$20,0)+IF(Input!$D$21=1,L6802*Input!$C$21,0)+IF(Input!$D$22=1,M6802*Input!$C$22,0)</f>
        <v>0.21954785219473355</v>
      </c>
      <c r="O6802" s="59">
        <f>IF(Input!$D$19=2,J6802*Input!$C$19,0)+IF(Input!$D$20=2,K6802*Input!$C$20,0)+IF(Input!$D$21=2,L6802*Input!$C$21,0)+IF(Input!$D$22=2,M6802*Input!$C$22,0)</f>
        <v>0.54886963048683379</v>
      </c>
      <c r="P6802" s="59">
        <f>IF(Input!$D$19=3,J6802*Input!$C$19,0)+IF(Input!$D$20=3,K6802*Input!$C$20,0)+IF(Input!$D$21=3,L6802*Input!$C$21,0)+IF(Input!$D$22=3,M6802*Input!$C$22,0)</f>
        <v>0</v>
      </c>
      <c r="Q6802" s="75">
        <f>IF(Input!$D$19=4,J6802*Input!$C$19,0)+IF(Input!$D$20=4,K6802*Input!$C$20,0)+IF(Input!$D$21=4,L6802*Input!$C$21,0)+IF(Input!$D$22=4,M6802*Input!$C$22,0)</f>
        <v>0</v>
      </c>
      <c r="R6802" s="58">
        <v>59.381479290863339</v>
      </c>
      <c r="S6802" s="124">
        <f t="shared" si="106"/>
        <v>0.9513740261771787</v>
      </c>
    </row>
    <row r="6803" spans="8:19" x14ac:dyDescent="0.3">
      <c r="H6803" s="44">
        <v>6796</v>
      </c>
      <c r="I6803" s="56">
        <f>Bühler!I6829</f>
        <v>0.21954785219473352</v>
      </c>
      <c r="J6803" s="59">
        <f>Bühler!J6829</f>
        <v>0.73182617398244521</v>
      </c>
      <c r="K6803" s="59">
        <f>Bühler!K6829</f>
        <v>1.0977392609736676</v>
      </c>
      <c r="L6803" s="59">
        <f>Bühler!L6829</f>
        <v>5.2691484526736048</v>
      </c>
      <c r="M6803" s="58">
        <f>Bühler!M6829</f>
        <v>0</v>
      </c>
      <c r="N6803" s="56">
        <f>IF(Input!$D$19=1,J6803*Input!$C$19,0)+IF(Input!$D$20=1,K6803*Input!$C$20,0)+IF(Input!$D$21=1,L6803*Input!$C$21,0)+IF(Input!$D$22=1,M6803*Input!$C$22,0)</f>
        <v>0.21954785219473355</v>
      </c>
      <c r="O6803" s="59">
        <f>IF(Input!$D$19=2,J6803*Input!$C$19,0)+IF(Input!$D$20=2,K6803*Input!$C$20,0)+IF(Input!$D$21=2,L6803*Input!$C$21,0)+IF(Input!$D$22=2,M6803*Input!$C$22,0)</f>
        <v>0.54886963048683379</v>
      </c>
      <c r="P6803" s="59">
        <f>IF(Input!$D$19=3,J6803*Input!$C$19,0)+IF(Input!$D$20=3,K6803*Input!$C$20,0)+IF(Input!$D$21=3,L6803*Input!$C$21,0)+IF(Input!$D$22=3,M6803*Input!$C$22,0)</f>
        <v>0</v>
      </c>
      <c r="Q6803" s="75">
        <f>IF(Input!$D$19=4,J6803*Input!$C$19,0)+IF(Input!$D$20=4,K6803*Input!$C$20,0)+IF(Input!$D$21=4,L6803*Input!$C$21,0)+IF(Input!$D$22=4,M6803*Input!$C$22,0)</f>
        <v>0</v>
      </c>
      <c r="R6803" s="58">
        <v>60.488938734801565</v>
      </c>
      <c r="S6803" s="124">
        <f t="shared" si="106"/>
        <v>0.9513740261771787</v>
      </c>
    </row>
    <row r="6804" spans="8:19" x14ac:dyDescent="0.3">
      <c r="H6804" s="44">
        <v>6797</v>
      </c>
      <c r="I6804" s="56">
        <f>Bühler!I6830</f>
        <v>0.21954785219473352</v>
      </c>
      <c r="J6804" s="59">
        <f>Bühler!J6830</f>
        <v>0.73182617398244521</v>
      </c>
      <c r="K6804" s="59">
        <f>Bühler!K6830</f>
        <v>1.0977392609736676</v>
      </c>
      <c r="L6804" s="59">
        <f>Bühler!L6830</f>
        <v>5.2691484526736048</v>
      </c>
      <c r="M6804" s="58">
        <f>Bühler!M6830</f>
        <v>0</v>
      </c>
      <c r="N6804" s="56">
        <f>IF(Input!$D$19=1,J6804*Input!$C$19,0)+IF(Input!$D$20=1,K6804*Input!$C$20,0)+IF(Input!$D$21=1,L6804*Input!$C$21,0)+IF(Input!$D$22=1,M6804*Input!$C$22,0)</f>
        <v>0.21954785219473355</v>
      </c>
      <c r="O6804" s="59">
        <f>IF(Input!$D$19=2,J6804*Input!$C$19,0)+IF(Input!$D$20=2,K6804*Input!$C$20,0)+IF(Input!$D$21=2,L6804*Input!$C$21,0)+IF(Input!$D$22=2,M6804*Input!$C$22,0)</f>
        <v>0.54886963048683379</v>
      </c>
      <c r="P6804" s="59">
        <f>IF(Input!$D$19=3,J6804*Input!$C$19,0)+IF(Input!$D$20=3,K6804*Input!$C$20,0)+IF(Input!$D$21=3,L6804*Input!$C$21,0)+IF(Input!$D$22=3,M6804*Input!$C$22,0)</f>
        <v>0</v>
      </c>
      <c r="Q6804" s="75">
        <f>IF(Input!$D$19=4,J6804*Input!$C$19,0)+IF(Input!$D$20=4,K6804*Input!$C$20,0)+IF(Input!$D$21=4,L6804*Input!$C$21,0)+IF(Input!$D$22=4,M6804*Input!$C$22,0)</f>
        <v>0</v>
      </c>
      <c r="R6804" s="58">
        <v>61.956867146608907</v>
      </c>
      <c r="S6804" s="124">
        <f t="shared" si="106"/>
        <v>0.9513740261771787</v>
      </c>
    </row>
    <row r="6805" spans="8:19" x14ac:dyDescent="0.3">
      <c r="H6805" s="44">
        <v>6798</v>
      </c>
      <c r="I6805" s="56">
        <f>Bühler!I6831</f>
        <v>0.28297278727321207</v>
      </c>
      <c r="J6805" s="59">
        <f>Bühler!J6831</f>
        <v>0.94324262424404037</v>
      </c>
      <c r="K6805" s="59">
        <f>Bühler!K6831</f>
        <v>1.4148639363660604</v>
      </c>
      <c r="L6805" s="59">
        <f>Bühler!L6831</f>
        <v>6.7913468945570905</v>
      </c>
      <c r="M6805" s="58">
        <f>Bühler!M6831</f>
        <v>0</v>
      </c>
      <c r="N6805" s="56">
        <f>IF(Input!$D$19=1,J6805*Input!$C$19,0)+IF(Input!$D$20=1,K6805*Input!$C$20,0)+IF(Input!$D$21=1,L6805*Input!$C$21,0)+IF(Input!$D$22=1,M6805*Input!$C$22,0)</f>
        <v>0.28297278727321212</v>
      </c>
      <c r="O6805" s="59">
        <f>IF(Input!$D$19=2,J6805*Input!$C$19,0)+IF(Input!$D$20=2,K6805*Input!$C$20,0)+IF(Input!$D$21=2,L6805*Input!$C$21,0)+IF(Input!$D$22=2,M6805*Input!$C$22,0)</f>
        <v>0.70743196818303022</v>
      </c>
      <c r="P6805" s="59">
        <f>IF(Input!$D$19=3,J6805*Input!$C$19,0)+IF(Input!$D$20=3,K6805*Input!$C$20,0)+IF(Input!$D$21=3,L6805*Input!$C$21,0)+IF(Input!$D$22=3,M6805*Input!$C$22,0)</f>
        <v>0</v>
      </c>
      <c r="Q6805" s="75">
        <f>IF(Input!$D$19=4,J6805*Input!$C$19,0)+IF(Input!$D$20=4,K6805*Input!$C$20,0)+IF(Input!$D$21=4,L6805*Input!$C$21,0)+IF(Input!$D$22=4,M6805*Input!$C$22,0)</f>
        <v>0</v>
      </c>
      <c r="R6805" s="58">
        <v>65.169553296012268</v>
      </c>
      <c r="S6805" s="124">
        <f t="shared" si="106"/>
        <v>1.2262154115172526</v>
      </c>
    </row>
    <row r="6806" spans="8:19" x14ac:dyDescent="0.3">
      <c r="H6806" s="44">
        <v>6799</v>
      </c>
      <c r="I6806" s="56">
        <f>Bühler!I6832</f>
        <v>0.32688235771215884</v>
      </c>
      <c r="J6806" s="59">
        <f>Bühler!J6832</f>
        <v>1.0896078590405296</v>
      </c>
      <c r="K6806" s="59">
        <f>Bühler!K6832</f>
        <v>1.6344117885607943</v>
      </c>
      <c r="L6806" s="59">
        <f>Bühler!L6832</f>
        <v>7.8451765850918127</v>
      </c>
      <c r="M6806" s="58">
        <f>Bühler!M6832</f>
        <v>0</v>
      </c>
      <c r="N6806" s="56">
        <f>IF(Input!$D$19=1,J6806*Input!$C$19,0)+IF(Input!$D$20=1,K6806*Input!$C$20,0)+IF(Input!$D$21=1,L6806*Input!$C$21,0)+IF(Input!$D$22=1,M6806*Input!$C$22,0)</f>
        <v>0.32688235771215884</v>
      </c>
      <c r="O6806" s="59">
        <f>IF(Input!$D$19=2,J6806*Input!$C$19,0)+IF(Input!$D$20=2,K6806*Input!$C$20,0)+IF(Input!$D$21=2,L6806*Input!$C$21,0)+IF(Input!$D$22=2,M6806*Input!$C$22,0)</f>
        <v>0.81720589428039714</v>
      </c>
      <c r="P6806" s="59">
        <f>IF(Input!$D$19=3,J6806*Input!$C$19,0)+IF(Input!$D$20=3,K6806*Input!$C$20,0)+IF(Input!$D$21=3,L6806*Input!$C$21,0)+IF(Input!$D$22=3,M6806*Input!$C$22,0)</f>
        <v>0</v>
      </c>
      <c r="Q6806" s="75">
        <f>IF(Input!$D$19=4,J6806*Input!$C$19,0)+IF(Input!$D$20=4,K6806*Input!$C$20,0)+IF(Input!$D$21=4,L6806*Input!$C$21,0)+IF(Input!$D$22=4,M6806*Input!$C$22,0)</f>
        <v>0</v>
      </c>
      <c r="R6806" s="58">
        <v>68.831761702950217</v>
      </c>
      <c r="S6806" s="124">
        <f t="shared" si="106"/>
        <v>1.4164902167526885</v>
      </c>
    </row>
    <row r="6807" spans="8:19" x14ac:dyDescent="0.3">
      <c r="H6807" s="44">
        <v>6800</v>
      </c>
      <c r="I6807" s="56">
        <f>Bühler!I6833</f>
        <v>0.32688235771215884</v>
      </c>
      <c r="J6807" s="59">
        <f>Bühler!J6833</f>
        <v>1.0896078590405296</v>
      </c>
      <c r="K6807" s="59">
        <f>Bühler!K6833</f>
        <v>1.6344117885607943</v>
      </c>
      <c r="L6807" s="59">
        <f>Bühler!L6833</f>
        <v>7.8451765850918127</v>
      </c>
      <c r="M6807" s="58">
        <f>Bühler!M6833</f>
        <v>0</v>
      </c>
      <c r="N6807" s="56">
        <f>IF(Input!$D$19=1,J6807*Input!$C$19,0)+IF(Input!$D$20=1,K6807*Input!$C$20,0)+IF(Input!$D$21=1,L6807*Input!$C$21,0)+IF(Input!$D$22=1,M6807*Input!$C$22,0)</f>
        <v>0.32688235771215884</v>
      </c>
      <c r="O6807" s="59">
        <f>IF(Input!$D$19=2,J6807*Input!$C$19,0)+IF(Input!$D$20=2,K6807*Input!$C$20,0)+IF(Input!$D$21=2,L6807*Input!$C$21,0)+IF(Input!$D$22=2,M6807*Input!$C$22,0)</f>
        <v>0.81720589428039714</v>
      </c>
      <c r="P6807" s="59">
        <f>IF(Input!$D$19=3,J6807*Input!$C$19,0)+IF(Input!$D$20=3,K6807*Input!$C$20,0)+IF(Input!$D$21=3,L6807*Input!$C$21,0)+IF(Input!$D$22=3,M6807*Input!$C$22,0)</f>
        <v>0</v>
      </c>
      <c r="Q6807" s="75">
        <f>IF(Input!$D$19=4,J6807*Input!$C$19,0)+IF(Input!$D$20=4,K6807*Input!$C$20,0)+IF(Input!$D$21=4,L6807*Input!$C$21,0)+IF(Input!$D$22=4,M6807*Input!$C$22,0)</f>
        <v>0</v>
      </c>
      <c r="R6807" s="58">
        <v>71.009047136542421</v>
      </c>
      <c r="S6807" s="124">
        <f t="shared" si="106"/>
        <v>1.4164902167526885</v>
      </c>
    </row>
    <row r="6808" spans="8:19" x14ac:dyDescent="0.3">
      <c r="H6808" s="44">
        <v>6801</v>
      </c>
      <c r="I6808" s="56">
        <f>Bühler!I6834</f>
        <v>0.32688235771215884</v>
      </c>
      <c r="J6808" s="59">
        <f>Bühler!J6834</f>
        <v>1.0896078590405296</v>
      </c>
      <c r="K6808" s="59">
        <f>Bühler!K6834</f>
        <v>1.6344117885607943</v>
      </c>
      <c r="L6808" s="59">
        <f>Bühler!L6834</f>
        <v>7.8451765850918127</v>
      </c>
      <c r="M6808" s="58">
        <f>Bühler!M6834</f>
        <v>0</v>
      </c>
      <c r="N6808" s="56">
        <f>IF(Input!$D$19=1,J6808*Input!$C$19,0)+IF(Input!$D$20=1,K6808*Input!$C$20,0)+IF(Input!$D$21=1,L6808*Input!$C$21,0)+IF(Input!$D$22=1,M6808*Input!$C$22,0)</f>
        <v>0.32688235771215884</v>
      </c>
      <c r="O6808" s="59">
        <f>IF(Input!$D$19=2,J6808*Input!$C$19,0)+IF(Input!$D$20=2,K6808*Input!$C$20,0)+IF(Input!$D$21=2,L6808*Input!$C$21,0)+IF(Input!$D$22=2,M6808*Input!$C$22,0)</f>
        <v>0.81720589428039714</v>
      </c>
      <c r="P6808" s="59">
        <f>IF(Input!$D$19=3,J6808*Input!$C$19,0)+IF(Input!$D$20=3,K6808*Input!$C$20,0)+IF(Input!$D$21=3,L6808*Input!$C$21,0)+IF(Input!$D$22=3,M6808*Input!$C$22,0)</f>
        <v>0</v>
      </c>
      <c r="Q6808" s="75">
        <f>IF(Input!$D$19=4,J6808*Input!$C$19,0)+IF(Input!$D$20=4,K6808*Input!$C$20,0)+IF(Input!$D$21=4,L6808*Input!$C$21,0)+IF(Input!$D$22=4,M6808*Input!$C$22,0)</f>
        <v>0</v>
      </c>
      <c r="R6808" s="58">
        <v>71.645370803779898</v>
      </c>
      <c r="S6808" s="124">
        <f t="shared" si="106"/>
        <v>1.4164902167526885</v>
      </c>
    </row>
    <row r="6809" spans="8:19" x14ac:dyDescent="0.3">
      <c r="H6809" s="44">
        <v>6802</v>
      </c>
      <c r="I6809" s="56">
        <f>Bühler!I6835</f>
        <v>0.35127656351157366</v>
      </c>
      <c r="J6809" s="59">
        <f>Bühler!J6835</f>
        <v>1.1709218783719124</v>
      </c>
      <c r="K6809" s="59">
        <f>Bühler!K6835</f>
        <v>1.7563828175578684</v>
      </c>
      <c r="L6809" s="59">
        <f>Bühler!L6835</f>
        <v>8.4306375242777687</v>
      </c>
      <c r="M6809" s="58">
        <f>Bühler!M6835</f>
        <v>0</v>
      </c>
      <c r="N6809" s="56">
        <f>IF(Input!$D$19=1,J6809*Input!$C$19,0)+IF(Input!$D$20=1,K6809*Input!$C$20,0)+IF(Input!$D$21=1,L6809*Input!$C$21,0)+IF(Input!$D$22=1,M6809*Input!$C$22,0)</f>
        <v>0.35127656351157371</v>
      </c>
      <c r="O6809" s="59">
        <f>IF(Input!$D$19=2,J6809*Input!$C$19,0)+IF(Input!$D$20=2,K6809*Input!$C$20,0)+IF(Input!$D$21=2,L6809*Input!$C$21,0)+IF(Input!$D$22=2,M6809*Input!$C$22,0)</f>
        <v>0.8781914087789342</v>
      </c>
      <c r="P6809" s="59">
        <f>IF(Input!$D$19=3,J6809*Input!$C$19,0)+IF(Input!$D$20=3,K6809*Input!$C$20,0)+IF(Input!$D$21=3,L6809*Input!$C$21,0)+IF(Input!$D$22=3,M6809*Input!$C$22,0)</f>
        <v>0</v>
      </c>
      <c r="Q6809" s="75">
        <f>IF(Input!$D$19=4,J6809*Input!$C$19,0)+IF(Input!$D$20=4,K6809*Input!$C$20,0)+IF(Input!$D$21=4,L6809*Input!$C$21,0)+IF(Input!$D$22=4,M6809*Input!$C$22,0)</f>
        <v>0</v>
      </c>
      <c r="R6809" s="58">
        <v>71.693707633616739</v>
      </c>
      <c r="S6809" s="124">
        <f t="shared" si="106"/>
        <v>1.5221984418834862</v>
      </c>
    </row>
    <row r="6810" spans="8:19" x14ac:dyDescent="0.3">
      <c r="H6810" s="44">
        <v>6803</v>
      </c>
      <c r="I6810" s="56">
        <f>Bühler!I6836</f>
        <v>0.38054961047087144</v>
      </c>
      <c r="J6810" s="59">
        <f>Bühler!J6836</f>
        <v>1.2684987015695715</v>
      </c>
      <c r="K6810" s="59">
        <f>Bühler!K6836</f>
        <v>1.9027480523543572</v>
      </c>
      <c r="L6810" s="59">
        <f>Bühler!L6836</f>
        <v>9.1331906513009145</v>
      </c>
      <c r="M6810" s="58">
        <f>Bühler!M6836</f>
        <v>0</v>
      </c>
      <c r="N6810" s="56">
        <f>IF(Input!$D$19=1,J6810*Input!$C$19,0)+IF(Input!$D$20=1,K6810*Input!$C$20,0)+IF(Input!$D$21=1,L6810*Input!$C$21,0)+IF(Input!$D$22=1,M6810*Input!$C$22,0)</f>
        <v>0.38054961047087144</v>
      </c>
      <c r="O6810" s="59">
        <f>IF(Input!$D$19=2,J6810*Input!$C$19,0)+IF(Input!$D$20=2,K6810*Input!$C$20,0)+IF(Input!$D$21=2,L6810*Input!$C$21,0)+IF(Input!$D$22=2,M6810*Input!$C$22,0)</f>
        <v>0.95137402617717859</v>
      </c>
      <c r="P6810" s="59">
        <f>IF(Input!$D$19=3,J6810*Input!$C$19,0)+IF(Input!$D$20=3,K6810*Input!$C$20,0)+IF(Input!$D$21=3,L6810*Input!$C$21,0)+IF(Input!$D$22=3,M6810*Input!$C$22,0)</f>
        <v>0</v>
      </c>
      <c r="Q6810" s="75">
        <f>IF(Input!$D$19=4,J6810*Input!$C$19,0)+IF(Input!$D$20=4,K6810*Input!$C$20,0)+IF(Input!$D$21=4,L6810*Input!$C$21,0)+IF(Input!$D$22=4,M6810*Input!$C$22,0)</f>
        <v>0</v>
      </c>
      <c r="R6810" s="58">
        <v>71.852846646327905</v>
      </c>
      <c r="S6810" s="124">
        <f t="shared" si="106"/>
        <v>1.6490483120404429</v>
      </c>
    </row>
    <row r="6811" spans="8:19" x14ac:dyDescent="0.3">
      <c r="H6811" s="44">
        <v>6804</v>
      </c>
      <c r="I6811" s="56">
        <f>Bühler!I6837</f>
        <v>0.43909570438946705</v>
      </c>
      <c r="J6811" s="59">
        <f>Bühler!J6837</f>
        <v>1.4636523479648904</v>
      </c>
      <c r="K6811" s="59">
        <f>Bühler!K6837</f>
        <v>2.1954785219473352</v>
      </c>
      <c r="L6811" s="59">
        <f>Bühler!L6837</f>
        <v>10.53829690534721</v>
      </c>
      <c r="M6811" s="58">
        <f>Bühler!M6837</f>
        <v>0</v>
      </c>
      <c r="N6811" s="56">
        <f>IF(Input!$D$19=1,J6811*Input!$C$19,0)+IF(Input!$D$20=1,K6811*Input!$C$20,0)+IF(Input!$D$21=1,L6811*Input!$C$21,0)+IF(Input!$D$22=1,M6811*Input!$C$22,0)</f>
        <v>0.4390957043894671</v>
      </c>
      <c r="O6811" s="59">
        <f>IF(Input!$D$19=2,J6811*Input!$C$19,0)+IF(Input!$D$20=2,K6811*Input!$C$20,0)+IF(Input!$D$21=2,L6811*Input!$C$21,0)+IF(Input!$D$22=2,M6811*Input!$C$22,0)</f>
        <v>1.0977392609736676</v>
      </c>
      <c r="P6811" s="59">
        <f>IF(Input!$D$19=3,J6811*Input!$C$19,0)+IF(Input!$D$20=3,K6811*Input!$C$20,0)+IF(Input!$D$21=3,L6811*Input!$C$21,0)+IF(Input!$D$22=3,M6811*Input!$C$22,0)</f>
        <v>0</v>
      </c>
      <c r="Q6811" s="75">
        <f>IF(Input!$D$19=4,J6811*Input!$C$19,0)+IF(Input!$D$20=4,K6811*Input!$C$20,0)+IF(Input!$D$21=4,L6811*Input!$C$21,0)+IF(Input!$D$22=4,M6811*Input!$C$22,0)</f>
        <v>0</v>
      </c>
      <c r="R6811" s="58">
        <v>72.404700794475687</v>
      </c>
      <c r="S6811" s="124">
        <f t="shared" si="106"/>
        <v>1.9027480523543574</v>
      </c>
    </row>
    <row r="6812" spans="8:19" x14ac:dyDescent="0.3">
      <c r="H6812" s="44">
        <v>6805</v>
      </c>
      <c r="I6812" s="56">
        <f>Bühler!I6838</f>
        <v>0.43909570438946705</v>
      </c>
      <c r="J6812" s="59">
        <f>Bühler!J6838</f>
        <v>1.4636523479648904</v>
      </c>
      <c r="K6812" s="59">
        <f>Bühler!K6838</f>
        <v>2.1954785219473352</v>
      </c>
      <c r="L6812" s="59">
        <f>Bühler!L6838</f>
        <v>10.53829690534721</v>
      </c>
      <c r="M6812" s="58">
        <f>Bühler!M6838</f>
        <v>0</v>
      </c>
      <c r="N6812" s="56">
        <f>IF(Input!$D$19=1,J6812*Input!$C$19,0)+IF(Input!$D$20=1,K6812*Input!$C$20,0)+IF(Input!$D$21=1,L6812*Input!$C$21,0)+IF(Input!$D$22=1,M6812*Input!$C$22,0)</f>
        <v>0.4390957043894671</v>
      </c>
      <c r="O6812" s="59">
        <f>IF(Input!$D$19=2,J6812*Input!$C$19,0)+IF(Input!$D$20=2,K6812*Input!$C$20,0)+IF(Input!$D$21=2,L6812*Input!$C$21,0)+IF(Input!$D$22=2,M6812*Input!$C$22,0)</f>
        <v>1.0977392609736676</v>
      </c>
      <c r="P6812" s="59">
        <f>IF(Input!$D$19=3,J6812*Input!$C$19,0)+IF(Input!$D$20=3,K6812*Input!$C$20,0)+IF(Input!$D$21=3,L6812*Input!$C$21,0)+IF(Input!$D$22=3,M6812*Input!$C$22,0)</f>
        <v>0</v>
      </c>
      <c r="Q6812" s="75">
        <f>IF(Input!$D$19=4,J6812*Input!$C$19,0)+IF(Input!$D$20=4,K6812*Input!$C$20,0)+IF(Input!$D$21=4,L6812*Input!$C$21,0)+IF(Input!$D$22=4,M6812*Input!$C$22,0)</f>
        <v>0</v>
      </c>
      <c r="R6812" s="58">
        <v>71.817374175221914</v>
      </c>
      <c r="S6812" s="124">
        <f t="shared" si="106"/>
        <v>1.9027480523543574</v>
      </c>
    </row>
    <row r="6813" spans="8:19" x14ac:dyDescent="0.3">
      <c r="H6813" s="44">
        <v>6806</v>
      </c>
      <c r="I6813" s="56">
        <f>Bühler!I6839</f>
        <v>0.43909570438946705</v>
      </c>
      <c r="J6813" s="59">
        <f>Bühler!J6839</f>
        <v>1.4636523479648904</v>
      </c>
      <c r="K6813" s="59">
        <f>Bühler!K6839</f>
        <v>2.1954785219473352</v>
      </c>
      <c r="L6813" s="59">
        <f>Bühler!L6839</f>
        <v>10.53829690534721</v>
      </c>
      <c r="M6813" s="58">
        <f>Bühler!M6839</f>
        <v>0</v>
      </c>
      <c r="N6813" s="56">
        <f>IF(Input!$D$19=1,J6813*Input!$C$19,0)+IF(Input!$D$20=1,K6813*Input!$C$20,0)+IF(Input!$D$21=1,L6813*Input!$C$21,0)+IF(Input!$D$22=1,M6813*Input!$C$22,0)</f>
        <v>0.4390957043894671</v>
      </c>
      <c r="O6813" s="59">
        <f>IF(Input!$D$19=2,J6813*Input!$C$19,0)+IF(Input!$D$20=2,K6813*Input!$C$20,0)+IF(Input!$D$21=2,L6813*Input!$C$21,0)+IF(Input!$D$22=2,M6813*Input!$C$22,0)</f>
        <v>1.0977392609736676</v>
      </c>
      <c r="P6813" s="59">
        <f>IF(Input!$D$19=3,J6813*Input!$C$19,0)+IF(Input!$D$20=3,K6813*Input!$C$20,0)+IF(Input!$D$21=3,L6813*Input!$C$21,0)+IF(Input!$D$22=3,M6813*Input!$C$22,0)</f>
        <v>0</v>
      </c>
      <c r="Q6813" s="75">
        <f>IF(Input!$D$19=4,J6813*Input!$C$19,0)+IF(Input!$D$20=4,K6813*Input!$C$20,0)+IF(Input!$D$21=4,L6813*Input!$C$21,0)+IF(Input!$D$22=4,M6813*Input!$C$22,0)</f>
        <v>0</v>
      </c>
      <c r="R6813" s="58">
        <v>71.270623561795134</v>
      </c>
      <c r="S6813" s="124">
        <f t="shared" si="106"/>
        <v>1.9027480523543574</v>
      </c>
    </row>
    <row r="6814" spans="8:19" x14ac:dyDescent="0.3">
      <c r="H6814" s="44">
        <v>6807</v>
      </c>
      <c r="I6814" s="56">
        <f>Bühler!I6840</f>
        <v>0.43909570438946705</v>
      </c>
      <c r="J6814" s="59">
        <f>Bühler!J6840</f>
        <v>1.4636523479648904</v>
      </c>
      <c r="K6814" s="59">
        <f>Bühler!K6840</f>
        <v>2.1954785219473352</v>
      </c>
      <c r="L6814" s="59">
        <f>Bühler!L6840</f>
        <v>10.53829690534721</v>
      </c>
      <c r="M6814" s="58">
        <f>Bühler!M6840</f>
        <v>0</v>
      </c>
      <c r="N6814" s="56">
        <f>IF(Input!$D$19=1,J6814*Input!$C$19,0)+IF(Input!$D$20=1,K6814*Input!$C$20,0)+IF(Input!$D$21=1,L6814*Input!$C$21,0)+IF(Input!$D$22=1,M6814*Input!$C$22,0)</f>
        <v>0.4390957043894671</v>
      </c>
      <c r="O6814" s="59">
        <f>IF(Input!$D$19=2,J6814*Input!$C$19,0)+IF(Input!$D$20=2,K6814*Input!$C$20,0)+IF(Input!$D$21=2,L6814*Input!$C$21,0)+IF(Input!$D$22=2,M6814*Input!$C$22,0)</f>
        <v>1.0977392609736676</v>
      </c>
      <c r="P6814" s="59">
        <f>IF(Input!$D$19=3,J6814*Input!$C$19,0)+IF(Input!$D$20=3,K6814*Input!$C$20,0)+IF(Input!$D$21=3,L6814*Input!$C$21,0)+IF(Input!$D$22=3,M6814*Input!$C$22,0)</f>
        <v>0</v>
      </c>
      <c r="Q6814" s="75">
        <f>IF(Input!$D$19=4,J6814*Input!$C$19,0)+IF(Input!$D$20=4,K6814*Input!$C$20,0)+IF(Input!$D$21=4,L6814*Input!$C$21,0)+IF(Input!$D$22=4,M6814*Input!$C$22,0)</f>
        <v>0</v>
      </c>
      <c r="R6814" s="58">
        <v>70.911983555691123</v>
      </c>
      <c r="S6814" s="124">
        <f t="shared" si="106"/>
        <v>1.9027480523543574</v>
      </c>
    </row>
    <row r="6815" spans="8:19" x14ac:dyDescent="0.3">
      <c r="H6815" s="44">
        <v>6808</v>
      </c>
      <c r="I6815" s="56">
        <f>Bühler!I6841</f>
        <v>0.43909570438946705</v>
      </c>
      <c r="J6815" s="59">
        <f>Bühler!J6841</f>
        <v>1.4636523479648904</v>
      </c>
      <c r="K6815" s="59">
        <f>Bühler!K6841</f>
        <v>2.1954785219473352</v>
      </c>
      <c r="L6815" s="59">
        <f>Bühler!L6841</f>
        <v>10.53829690534721</v>
      </c>
      <c r="M6815" s="58">
        <f>Bühler!M6841</f>
        <v>0</v>
      </c>
      <c r="N6815" s="56">
        <f>IF(Input!$D$19=1,J6815*Input!$C$19,0)+IF(Input!$D$20=1,K6815*Input!$C$20,0)+IF(Input!$D$21=1,L6815*Input!$C$21,0)+IF(Input!$D$22=1,M6815*Input!$C$22,0)</f>
        <v>0.4390957043894671</v>
      </c>
      <c r="O6815" s="59">
        <f>IF(Input!$D$19=2,J6815*Input!$C$19,0)+IF(Input!$D$20=2,K6815*Input!$C$20,0)+IF(Input!$D$21=2,L6815*Input!$C$21,0)+IF(Input!$D$22=2,M6815*Input!$C$22,0)</f>
        <v>1.0977392609736676</v>
      </c>
      <c r="P6815" s="59">
        <f>IF(Input!$D$19=3,J6815*Input!$C$19,0)+IF(Input!$D$20=3,K6815*Input!$C$20,0)+IF(Input!$D$21=3,L6815*Input!$C$21,0)+IF(Input!$D$22=3,M6815*Input!$C$22,0)</f>
        <v>0</v>
      </c>
      <c r="Q6815" s="75">
        <f>IF(Input!$D$19=4,J6815*Input!$C$19,0)+IF(Input!$D$20=4,K6815*Input!$C$20,0)+IF(Input!$D$21=4,L6815*Input!$C$21,0)+IF(Input!$D$22=4,M6815*Input!$C$22,0)</f>
        <v>0</v>
      </c>
      <c r="R6815" s="58">
        <v>70.361732458235821</v>
      </c>
      <c r="S6815" s="124">
        <f t="shared" si="106"/>
        <v>1.9027480523543574</v>
      </c>
    </row>
    <row r="6816" spans="8:19" x14ac:dyDescent="0.3">
      <c r="H6816" s="44">
        <v>6809</v>
      </c>
      <c r="I6816" s="56">
        <f>Bühler!I6842</f>
        <v>0.43909570438946705</v>
      </c>
      <c r="J6816" s="59">
        <f>Bühler!J6842</f>
        <v>1.4636523479648904</v>
      </c>
      <c r="K6816" s="59">
        <f>Bühler!K6842</f>
        <v>2.1954785219473352</v>
      </c>
      <c r="L6816" s="59">
        <f>Bühler!L6842</f>
        <v>10.53829690534721</v>
      </c>
      <c r="M6816" s="58">
        <f>Bühler!M6842</f>
        <v>0</v>
      </c>
      <c r="N6816" s="56">
        <f>IF(Input!$D$19=1,J6816*Input!$C$19,0)+IF(Input!$D$20=1,K6816*Input!$C$20,0)+IF(Input!$D$21=1,L6816*Input!$C$21,0)+IF(Input!$D$22=1,M6816*Input!$C$22,0)</f>
        <v>0.4390957043894671</v>
      </c>
      <c r="O6816" s="59">
        <f>IF(Input!$D$19=2,J6816*Input!$C$19,0)+IF(Input!$D$20=2,K6816*Input!$C$20,0)+IF(Input!$D$21=2,L6816*Input!$C$21,0)+IF(Input!$D$22=2,M6816*Input!$C$22,0)</f>
        <v>1.0977392609736676</v>
      </c>
      <c r="P6816" s="59">
        <f>IF(Input!$D$19=3,J6816*Input!$C$19,0)+IF(Input!$D$20=3,K6816*Input!$C$20,0)+IF(Input!$D$21=3,L6816*Input!$C$21,0)+IF(Input!$D$22=3,M6816*Input!$C$22,0)</f>
        <v>0</v>
      </c>
      <c r="Q6816" s="75">
        <f>IF(Input!$D$19=4,J6816*Input!$C$19,0)+IF(Input!$D$20=4,K6816*Input!$C$20,0)+IF(Input!$D$21=4,L6816*Input!$C$21,0)+IF(Input!$D$22=4,M6816*Input!$C$22,0)</f>
        <v>0</v>
      </c>
      <c r="R6816" s="58">
        <v>69.015072592405176</v>
      </c>
      <c r="S6816" s="124">
        <f t="shared" si="106"/>
        <v>1.9027480523543574</v>
      </c>
    </row>
    <row r="6817" spans="8:19" x14ac:dyDescent="0.3">
      <c r="H6817" s="44">
        <v>6810</v>
      </c>
      <c r="I6817" s="56">
        <f>Bühler!I6843</f>
        <v>0.43909570438946705</v>
      </c>
      <c r="J6817" s="59">
        <f>Bühler!J6843</f>
        <v>1.4636523479648904</v>
      </c>
      <c r="K6817" s="59">
        <f>Bühler!K6843</f>
        <v>2.1954785219473352</v>
      </c>
      <c r="L6817" s="59">
        <f>Bühler!L6843</f>
        <v>10.53829690534721</v>
      </c>
      <c r="M6817" s="58">
        <f>Bühler!M6843</f>
        <v>0</v>
      </c>
      <c r="N6817" s="56">
        <f>IF(Input!$D$19=1,J6817*Input!$C$19,0)+IF(Input!$D$20=1,K6817*Input!$C$20,0)+IF(Input!$D$21=1,L6817*Input!$C$21,0)+IF(Input!$D$22=1,M6817*Input!$C$22,0)</f>
        <v>0.4390957043894671</v>
      </c>
      <c r="O6817" s="59">
        <f>IF(Input!$D$19=2,J6817*Input!$C$19,0)+IF(Input!$D$20=2,K6817*Input!$C$20,0)+IF(Input!$D$21=2,L6817*Input!$C$21,0)+IF(Input!$D$22=2,M6817*Input!$C$22,0)</f>
        <v>1.0977392609736676</v>
      </c>
      <c r="P6817" s="59">
        <f>IF(Input!$D$19=3,J6817*Input!$C$19,0)+IF(Input!$D$20=3,K6817*Input!$C$20,0)+IF(Input!$D$21=3,L6817*Input!$C$21,0)+IF(Input!$D$22=3,M6817*Input!$C$22,0)</f>
        <v>0</v>
      </c>
      <c r="Q6817" s="75">
        <f>IF(Input!$D$19=4,J6817*Input!$C$19,0)+IF(Input!$D$20=4,K6817*Input!$C$20,0)+IF(Input!$D$21=4,L6817*Input!$C$21,0)+IF(Input!$D$22=4,M6817*Input!$C$22,0)</f>
        <v>0</v>
      </c>
      <c r="R6817" s="58">
        <v>68.212879986690879</v>
      </c>
      <c r="S6817" s="124">
        <f t="shared" si="106"/>
        <v>1.9027480523543574</v>
      </c>
    </row>
    <row r="6818" spans="8:19" x14ac:dyDescent="0.3">
      <c r="H6818" s="44">
        <v>6811</v>
      </c>
      <c r="I6818" s="56">
        <f>Bühler!I6844</f>
        <v>0.43909570438946705</v>
      </c>
      <c r="J6818" s="59">
        <f>Bühler!J6844</f>
        <v>1.4636523479648904</v>
      </c>
      <c r="K6818" s="59">
        <f>Bühler!K6844</f>
        <v>2.1954785219473352</v>
      </c>
      <c r="L6818" s="59">
        <f>Bühler!L6844</f>
        <v>10.53829690534721</v>
      </c>
      <c r="M6818" s="58">
        <f>Bühler!M6844</f>
        <v>0</v>
      </c>
      <c r="N6818" s="56">
        <f>IF(Input!$D$19=1,J6818*Input!$C$19,0)+IF(Input!$D$20=1,K6818*Input!$C$20,0)+IF(Input!$D$21=1,L6818*Input!$C$21,0)+IF(Input!$D$22=1,M6818*Input!$C$22,0)</f>
        <v>0.4390957043894671</v>
      </c>
      <c r="O6818" s="59">
        <f>IF(Input!$D$19=2,J6818*Input!$C$19,0)+IF(Input!$D$20=2,K6818*Input!$C$20,0)+IF(Input!$D$21=2,L6818*Input!$C$21,0)+IF(Input!$D$22=2,M6818*Input!$C$22,0)</f>
        <v>1.0977392609736676</v>
      </c>
      <c r="P6818" s="59">
        <f>IF(Input!$D$19=3,J6818*Input!$C$19,0)+IF(Input!$D$20=3,K6818*Input!$C$20,0)+IF(Input!$D$21=3,L6818*Input!$C$21,0)+IF(Input!$D$22=3,M6818*Input!$C$22,0)</f>
        <v>0</v>
      </c>
      <c r="Q6818" s="75">
        <f>IF(Input!$D$19=4,J6818*Input!$C$19,0)+IF(Input!$D$20=4,K6818*Input!$C$20,0)+IF(Input!$D$21=4,L6818*Input!$C$21,0)+IF(Input!$D$22=4,M6818*Input!$C$22,0)</f>
        <v>0</v>
      </c>
      <c r="R6818" s="58">
        <v>66.857847995374428</v>
      </c>
      <c r="S6818" s="124">
        <f t="shared" si="106"/>
        <v>1.9027480523543574</v>
      </c>
    </row>
    <row r="6819" spans="8:19" x14ac:dyDescent="0.3">
      <c r="H6819" s="44">
        <v>6812</v>
      </c>
      <c r="I6819" s="56">
        <f>Bühler!I6845</f>
        <v>0.36591308699122255</v>
      </c>
      <c r="J6819" s="59">
        <f>Bühler!J6845</f>
        <v>1.2197102899707419</v>
      </c>
      <c r="K6819" s="59">
        <f>Bühler!K6845</f>
        <v>1.8295654349561128</v>
      </c>
      <c r="L6819" s="59">
        <f>Bühler!L6845</f>
        <v>8.7819140877893407</v>
      </c>
      <c r="M6819" s="58">
        <f>Bühler!M6845</f>
        <v>0</v>
      </c>
      <c r="N6819" s="56">
        <f>IF(Input!$D$19=1,J6819*Input!$C$19,0)+IF(Input!$D$20=1,K6819*Input!$C$20,0)+IF(Input!$D$21=1,L6819*Input!$C$21,0)+IF(Input!$D$22=1,M6819*Input!$C$22,0)</f>
        <v>0.36591308699122255</v>
      </c>
      <c r="O6819" s="59">
        <f>IF(Input!$D$19=2,J6819*Input!$C$19,0)+IF(Input!$D$20=2,K6819*Input!$C$20,0)+IF(Input!$D$21=2,L6819*Input!$C$21,0)+IF(Input!$D$22=2,M6819*Input!$C$22,0)</f>
        <v>0.9147827174780564</v>
      </c>
      <c r="P6819" s="59">
        <f>IF(Input!$D$19=3,J6819*Input!$C$19,0)+IF(Input!$D$20=3,K6819*Input!$C$20,0)+IF(Input!$D$21=3,L6819*Input!$C$21,0)+IF(Input!$D$22=3,M6819*Input!$C$22,0)</f>
        <v>0</v>
      </c>
      <c r="Q6819" s="75">
        <f>IF(Input!$D$19=4,J6819*Input!$C$19,0)+IF(Input!$D$20=4,K6819*Input!$C$20,0)+IF(Input!$D$21=4,L6819*Input!$C$21,0)+IF(Input!$D$22=4,M6819*Input!$C$22,0)</f>
        <v>0</v>
      </c>
      <c r="R6819" s="58">
        <v>65.244517544938432</v>
      </c>
      <c r="S6819" s="124">
        <f t="shared" si="106"/>
        <v>1.5856233769619645</v>
      </c>
    </row>
    <row r="6820" spans="8:19" x14ac:dyDescent="0.3">
      <c r="H6820" s="44">
        <v>6813</v>
      </c>
      <c r="I6820" s="56">
        <f>Bühler!I6846</f>
        <v>0.29273046959297805</v>
      </c>
      <c r="J6820" s="59">
        <f>Bühler!J6846</f>
        <v>0.97576823197659357</v>
      </c>
      <c r="K6820" s="59">
        <f>Bühler!K6846</f>
        <v>1.4636523479648902</v>
      </c>
      <c r="L6820" s="59">
        <f>Bühler!L6846</f>
        <v>7.0255312702314736</v>
      </c>
      <c r="M6820" s="58">
        <f>Bühler!M6846</f>
        <v>0</v>
      </c>
      <c r="N6820" s="56">
        <f>IF(Input!$D$19=1,J6820*Input!$C$19,0)+IF(Input!$D$20=1,K6820*Input!$C$20,0)+IF(Input!$D$21=1,L6820*Input!$C$21,0)+IF(Input!$D$22=1,M6820*Input!$C$22,0)</f>
        <v>0.29273046959297805</v>
      </c>
      <c r="O6820" s="59">
        <f>IF(Input!$D$19=2,J6820*Input!$C$19,0)+IF(Input!$D$20=2,K6820*Input!$C$20,0)+IF(Input!$D$21=2,L6820*Input!$C$21,0)+IF(Input!$D$22=2,M6820*Input!$C$22,0)</f>
        <v>0.73182617398244509</v>
      </c>
      <c r="P6820" s="59">
        <f>IF(Input!$D$19=3,J6820*Input!$C$19,0)+IF(Input!$D$20=3,K6820*Input!$C$20,0)+IF(Input!$D$21=3,L6820*Input!$C$21,0)+IF(Input!$D$22=3,M6820*Input!$C$22,0)</f>
        <v>0</v>
      </c>
      <c r="Q6820" s="75">
        <f>IF(Input!$D$19=4,J6820*Input!$C$19,0)+IF(Input!$D$20=4,K6820*Input!$C$20,0)+IF(Input!$D$21=4,L6820*Input!$C$21,0)+IF(Input!$D$22=4,M6820*Input!$C$22,0)</f>
        <v>0</v>
      </c>
      <c r="R6820" s="58">
        <v>63.230306346662474</v>
      </c>
      <c r="S6820" s="124">
        <f t="shared" si="106"/>
        <v>1.2684987015695717</v>
      </c>
    </row>
    <row r="6821" spans="8:19" x14ac:dyDescent="0.3">
      <c r="H6821" s="44">
        <v>6814</v>
      </c>
      <c r="I6821" s="56">
        <f>Bühler!I6847</f>
        <v>0.21954785219473352</v>
      </c>
      <c r="J6821" s="59">
        <f>Bühler!J6847</f>
        <v>0.73182617398244521</v>
      </c>
      <c r="K6821" s="59">
        <f>Bühler!K6847</f>
        <v>1.0977392609736676</v>
      </c>
      <c r="L6821" s="59">
        <f>Bühler!L6847</f>
        <v>5.2691484526736048</v>
      </c>
      <c r="M6821" s="58">
        <f>Bühler!M6847</f>
        <v>0</v>
      </c>
      <c r="N6821" s="56">
        <f>IF(Input!$D$19=1,J6821*Input!$C$19,0)+IF(Input!$D$20=1,K6821*Input!$C$20,0)+IF(Input!$D$21=1,L6821*Input!$C$21,0)+IF(Input!$D$22=1,M6821*Input!$C$22,0)</f>
        <v>0.21954785219473355</v>
      </c>
      <c r="O6821" s="59">
        <f>IF(Input!$D$19=2,J6821*Input!$C$19,0)+IF(Input!$D$20=2,K6821*Input!$C$20,0)+IF(Input!$D$21=2,L6821*Input!$C$21,0)+IF(Input!$D$22=2,M6821*Input!$C$22,0)</f>
        <v>0.54886963048683379</v>
      </c>
      <c r="P6821" s="59">
        <f>IF(Input!$D$19=3,J6821*Input!$C$19,0)+IF(Input!$D$20=3,K6821*Input!$C$20,0)+IF(Input!$D$21=3,L6821*Input!$C$21,0)+IF(Input!$D$22=3,M6821*Input!$C$22,0)</f>
        <v>0</v>
      </c>
      <c r="Q6821" s="75">
        <f>IF(Input!$D$19=4,J6821*Input!$C$19,0)+IF(Input!$D$20=4,K6821*Input!$C$20,0)+IF(Input!$D$21=4,L6821*Input!$C$21,0)+IF(Input!$D$22=4,M6821*Input!$C$22,0)</f>
        <v>0</v>
      </c>
      <c r="R6821" s="58">
        <v>61.952960618907404</v>
      </c>
      <c r="S6821" s="124">
        <f t="shared" si="106"/>
        <v>0.9513740261771787</v>
      </c>
    </row>
    <row r="6822" spans="8:19" x14ac:dyDescent="0.3">
      <c r="H6822" s="44">
        <v>6815</v>
      </c>
      <c r="I6822" s="56">
        <f>Bühler!I6848</f>
        <v>0.21954785219473352</v>
      </c>
      <c r="J6822" s="59">
        <f>Bühler!J6848</f>
        <v>0.73182617398244521</v>
      </c>
      <c r="K6822" s="59">
        <f>Bühler!K6848</f>
        <v>1.0977392609736676</v>
      </c>
      <c r="L6822" s="59">
        <f>Bühler!L6848</f>
        <v>5.2691484526736048</v>
      </c>
      <c r="M6822" s="58">
        <f>Bühler!M6848</f>
        <v>0</v>
      </c>
      <c r="N6822" s="56">
        <f>IF(Input!$D$19=1,J6822*Input!$C$19,0)+IF(Input!$D$20=1,K6822*Input!$C$20,0)+IF(Input!$D$21=1,L6822*Input!$C$21,0)+IF(Input!$D$22=1,M6822*Input!$C$22,0)</f>
        <v>0.21954785219473355</v>
      </c>
      <c r="O6822" s="59">
        <f>IF(Input!$D$19=2,J6822*Input!$C$19,0)+IF(Input!$D$20=2,K6822*Input!$C$20,0)+IF(Input!$D$21=2,L6822*Input!$C$21,0)+IF(Input!$D$22=2,M6822*Input!$C$22,0)</f>
        <v>0.54886963048683379</v>
      </c>
      <c r="P6822" s="59">
        <f>IF(Input!$D$19=3,J6822*Input!$C$19,0)+IF(Input!$D$20=3,K6822*Input!$C$20,0)+IF(Input!$D$21=3,L6822*Input!$C$21,0)+IF(Input!$D$22=3,M6822*Input!$C$22,0)</f>
        <v>0</v>
      </c>
      <c r="Q6822" s="75">
        <f>IF(Input!$D$19=4,J6822*Input!$C$19,0)+IF(Input!$D$20=4,K6822*Input!$C$20,0)+IF(Input!$D$21=4,L6822*Input!$C$21,0)+IF(Input!$D$22=4,M6822*Input!$C$22,0)</f>
        <v>0</v>
      </c>
      <c r="R6822" s="58">
        <v>61.45427702869177</v>
      </c>
      <c r="S6822" s="124">
        <f t="shared" si="106"/>
        <v>0.9513740261771787</v>
      </c>
    </row>
    <row r="6823" spans="8:19" x14ac:dyDescent="0.3">
      <c r="H6823" s="44">
        <v>6816</v>
      </c>
      <c r="I6823" s="56">
        <f>Bühler!I6849</f>
        <v>0.21954785219473352</v>
      </c>
      <c r="J6823" s="59">
        <f>Bühler!J6849</f>
        <v>0.73182617398244521</v>
      </c>
      <c r="K6823" s="59">
        <f>Bühler!K6849</f>
        <v>1.0977392609736676</v>
      </c>
      <c r="L6823" s="59">
        <f>Bühler!L6849</f>
        <v>5.2691484526736048</v>
      </c>
      <c r="M6823" s="58">
        <f>Bühler!M6849</f>
        <v>0</v>
      </c>
      <c r="N6823" s="56">
        <f>IF(Input!$D$19=1,J6823*Input!$C$19,0)+IF(Input!$D$20=1,K6823*Input!$C$20,0)+IF(Input!$D$21=1,L6823*Input!$C$21,0)+IF(Input!$D$22=1,M6823*Input!$C$22,0)</f>
        <v>0.21954785219473355</v>
      </c>
      <c r="O6823" s="59">
        <f>IF(Input!$D$19=2,J6823*Input!$C$19,0)+IF(Input!$D$20=2,K6823*Input!$C$20,0)+IF(Input!$D$21=2,L6823*Input!$C$21,0)+IF(Input!$D$22=2,M6823*Input!$C$22,0)</f>
        <v>0.54886963048683379</v>
      </c>
      <c r="P6823" s="59">
        <f>IF(Input!$D$19=3,J6823*Input!$C$19,0)+IF(Input!$D$20=3,K6823*Input!$C$20,0)+IF(Input!$D$21=3,L6823*Input!$C$21,0)+IF(Input!$D$22=3,M6823*Input!$C$22,0)</f>
        <v>0</v>
      </c>
      <c r="Q6823" s="75">
        <f>IF(Input!$D$19=4,J6823*Input!$C$19,0)+IF(Input!$D$20=4,K6823*Input!$C$20,0)+IF(Input!$D$21=4,L6823*Input!$C$21,0)+IF(Input!$D$22=4,M6823*Input!$C$22,0)</f>
        <v>0</v>
      </c>
      <c r="R6823" s="58">
        <v>61.318961101562323</v>
      </c>
      <c r="S6823" s="124">
        <f t="shared" si="106"/>
        <v>0.9513740261771787</v>
      </c>
    </row>
    <row r="6824" spans="8:19" x14ac:dyDescent="0.3">
      <c r="H6824" s="44">
        <v>6817</v>
      </c>
      <c r="I6824" s="56">
        <f>Bühler!I6850</f>
        <v>0.24228522550995787</v>
      </c>
      <c r="J6824" s="59">
        <f>Bühler!J6850</f>
        <v>0.80761741836652634</v>
      </c>
      <c r="K6824" s="59">
        <f>Bühler!K6850</f>
        <v>1.2114261275497893</v>
      </c>
      <c r="L6824" s="59">
        <f>Bühler!L6850</f>
        <v>5.8148454122389888</v>
      </c>
      <c r="M6824" s="58">
        <f>Bühler!M6850</f>
        <v>0</v>
      </c>
      <c r="N6824" s="56">
        <f>IF(Input!$D$19=1,J6824*Input!$C$19,0)+IF(Input!$D$20=1,K6824*Input!$C$20,0)+IF(Input!$D$21=1,L6824*Input!$C$21,0)+IF(Input!$D$22=1,M6824*Input!$C$22,0)</f>
        <v>0.2422852255099579</v>
      </c>
      <c r="O6824" s="59">
        <f>IF(Input!$D$19=2,J6824*Input!$C$19,0)+IF(Input!$D$20=2,K6824*Input!$C$20,0)+IF(Input!$D$21=2,L6824*Input!$C$21,0)+IF(Input!$D$22=2,M6824*Input!$C$22,0)</f>
        <v>0.60571306377489464</v>
      </c>
      <c r="P6824" s="59">
        <f>IF(Input!$D$19=3,J6824*Input!$C$19,0)+IF(Input!$D$20=3,K6824*Input!$C$20,0)+IF(Input!$D$21=3,L6824*Input!$C$21,0)+IF(Input!$D$22=3,M6824*Input!$C$22,0)</f>
        <v>0</v>
      </c>
      <c r="Q6824" s="75">
        <f>IF(Input!$D$19=4,J6824*Input!$C$19,0)+IF(Input!$D$20=4,K6824*Input!$C$20,0)+IF(Input!$D$21=4,L6824*Input!$C$21,0)+IF(Input!$D$22=4,M6824*Input!$C$22,0)</f>
        <v>0</v>
      </c>
      <c r="R6824" s="58">
        <v>60.252739176104853</v>
      </c>
      <c r="S6824" s="124">
        <f t="shared" si="106"/>
        <v>1.0499026438764842</v>
      </c>
    </row>
    <row r="6825" spans="8:19" x14ac:dyDescent="0.3">
      <c r="H6825" s="44">
        <v>6818</v>
      </c>
      <c r="I6825" s="56">
        <f>Bühler!I6851</f>
        <v>0.24228522550995787</v>
      </c>
      <c r="J6825" s="59">
        <f>Bühler!J6851</f>
        <v>0.80761741836652634</v>
      </c>
      <c r="K6825" s="59">
        <f>Bühler!K6851</f>
        <v>1.2114261275497893</v>
      </c>
      <c r="L6825" s="59">
        <f>Bühler!L6851</f>
        <v>5.8148454122389888</v>
      </c>
      <c r="M6825" s="58">
        <f>Bühler!M6851</f>
        <v>0</v>
      </c>
      <c r="N6825" s="56">
        <f>IF(Input!$D$19=1,J6825*Input!$C$19,0)+IF(Input!$D$20=1,K6825*Input!$C$20,0)+IF(Input!$D$21=1,L6825*Input!$C$21,0)+IF(Input!$D$22=1,M6825*Input!$C$22,0)</f>
        <v>0.2422852255099579</v>
      </c>
      <c r="O6825" s="59">
        <f>IF(Input!$D$19=2,J6825*Input!$C$19,0)+IF(Input!$D$20=2,K6825*Input!$C$20,0)+IF(Input!$D$21=2,L6825*Input!$C$21,0)+IF(Input!$D$22=2,M6825*Input!$C$22,0)</f>
        <v>0.60571306377489464</v>
      </c>
      <c r="P6825" s="59">
        <f>IF(Input!$D$19=3,J6825*Input!$C$19,0)+IF(Input!$D$20=3,K6825*Input!$C$20,0)+IF(Input!$D$21=3,L6825*Input!$C$21,0)+IF(Input!$D$22=3,M6825*Input!$C$22,0)</f>
        <v>0</v>
      </c>
      <c r="Q6825" s="75">
        <f>IF(Input!$D$19=4,J6825*Input!$C$19,0)+IF(Input!$D$20=4,K6825*Input!$C$20,0)+IF(Input!$D$21=4,L6825*Input!$C$21,0)+IF(Input!$D$22=4,M6825*Input!$C$22,0)</f>
        <v>0</v>
      </c>
      <c r="R6825" s="58">
        <v>59.335769780518575</v>
      </c>
      <c r="S6825" s="124">
        <f t="shared" si="106"/>
        <v>1.0499026438764842</v>
      </c>
    </row>
    <row r="6826" spans="8:19" x14ac:dyDescent="0.3">
      <c r="H6826" s="44">
        <v>6819</v>
      </c>
      <c r="I6826" s="56">
        <f>Bühler!I6852</f>
        <v>0.24228522550995787</v>
      </c>
      <c r="J6826" s="59">
        <f>Bühler!J6852</f>
        <v>0.80761741836652634</v>
      </c>
      <c r="K6826" s="59">
        <f>Bühler!K6852</f>
        <v>1.2114261275497893</v>
      </c>
      <c r="L6826" s="59">
        <f>Bühler!L6852</f>
        <v>5.8148454122389888</v>
      </c>
      <c r="M6826" s="58">
        <f>Bühler!M6852</f>
        <v>0</v>
      </c>
      <c r="N6826" s="56">
        <f>IF(Input!$D$19=1,J6826*Input!$C$19,0)+IF(Input!$D$20=1,K6826*Input!$C$20,0)+IF(Input!$D$21=1,L6826*Input!$C$21,0)+IF(Input!$D$22=1,M6826*Input!$C$22,0)</f>
        <v>0.2422852255099579</v>
      </c>
      <c r="O6826" s="59">
        <f>IF(Input!$D$19=2,J6826*Input!$C$19,0)+IF(Input!$D$20=2,K6826*Input!$C$20,0)+IF(Input!$D$21=2,L6826*Input!$C$21,0)+IF(Input!$D$22=2,M6826*Input!$C$22,0)</f>
        <v>0.60571306377489464</v>
      </c>
      <c r="P6826" s="59">
        <f>IF(Input!$D$19=3,J6826*Input!$C$19,0)+IF(Input!$D$20=3,K6826*Input!$C$20,0)+IF(Input!$D$21=3,L6826*Input!$C$21,0)+IF(Input!$D$22=3,M6826*Input!$C$22,0)</f>
        <v>0</v>
      </c>
      <c r="Q6826" s="75">
        <f>IF(Input!$D$19=4,J6826*Input!$C$19,0)+IF(Input!$D$20=4,K6826*Input!$C$20,0)+IF(Input!$D$21=4,L6826*Input!$C$21,0)+IF(Input!$D$22=4,M6826*Input!$C$22,0)</f>
        <v>0</v>
      </c>
      <c r="R6826" s="58">
        <v>59.213730100687847</v>
      </c>
      <c r="S6826" s="124">
        <f t="shared" si="106"/>
        <v>1.0499026438764842</v>
      </c>
    </row>
    <row r="6827" spans="8:19" x14ac:dyDescent="0.3">
      <c r="H6827" s="44">
        <v>6820</v>
      </c>
      <c r="I6827" s="56">
        <f>Bühler!I6853</f>
        <v>0.24228522550995787</v>
      </c>
      <c r="J6827" s="59">
        <f>Bühler!J6853</f>
        <v>0.80761741836652634</v>
      </c>
      <c r="K6827" s="59">
        <f>Bühler!K6853</f>
        <v>1.2114261275497893</v>
      </c>
      <c r="L6827" s="59">
        <f>Bühler!L6853</f>
        <v>5.8148454122389888</v>
      </c>
      <c r="M6827" s="58">
        <f>Bühler!M6853</f>
        <v>0</v>
      </c>
      <c r="N6827" s="56">
        <f>IF(Input!$D$19=1,J6827*Input!$C$19,0)+IF(Input!$D$20=1,K6827*Input!$C$20,0)+IF(Input!$D$21=1,L6827*Input!$C$21,0)+IF(Input!$D$22=1,M6827*Input!$C$22,0)</f>
        <v>0.2422852255099579</v>
      </c>
      <c r="O6827" s="59">
        <f>IF(Input!$D$19=2,J6827*Input!$C$19,0)+IF(Input!$D$20=2,K6827*Input!$C$20,0)+IF(Input!$D$21=2,L6827*Input!$C$21,0)+IF(Input!$D$22=2,M6827*Input!$C$22,0)</f>
        <v>0.60571306377489464</v>
      </c>
      <c r="P6827" s="59">
        <f>IF(Input!$D$19=3,J6827*Input!$C$19,0)+IF(Input!$D$20=3,K6827*Input!$C$20,0)+IF(Input!$D$21=3,L6827*Input!$C$21,0)+IF(Input!$D$22=3,M6827*Input!$C$22,0)</f>
        <v>0</v>
      </c>
      <c r="Q6827" s="75">
        <f>IF(Input!$D$19=4,J6827*Input!$C$19,0)+IF(Input!$D$20=4,K6827*Input!$C$20,0)+IF(Input!$D$21=4,L6827*Input!$C$21,0)+IF(Input!$D$22=4,M6827*Input!$C$22,0)</f>
        <v>0</v>
      </c>
      <c r="R6827" s="58">
        <v>59.717223333324419</v>
      </c>
      <c r="S6827" s="124">
        <f t="shared" si="106"/>
        <v>1.0499026438764842</v>
      </c>
    </row>
    <row r="6828" spans="8:19" x14ac:dyDescent="0.3">
      <c r="H6828" s="44">
        <v>6821</v>
      </c>
      <c r="I6828" s="56">
        <f>Bühler!I6854</f>
        <v>0.24228522550995787</v>
      </c>
      <c r="J6828" s="59">
        <f>Bühler!J6854</f>
        <v>0.80761741836652634</v>
      </c>
      <c r="K6828" s="59">
        <f>Bühler!K6854</f>
        <v>1.2114261275497893</v>
      </c>
      <c r="L6828" s="59">
        <f>Bühler!L6854</f>
        <v>5.8148454122389888</v>
      </c>
      <c r="M6828" s="58">
        <f>Bühler!M6854</f>
        <v>0</v>
      </c>
      <c r="N6828" s="56">
        <f>IF(Input!$D$19=1,J6828*Input!$C$19,0)+IF(Input!$D$20=1,K6828*Input!$C$20,0)+IF(Input!$D$21=1,L6828*Input!$C$21,0)+IF(Input!$D$22=1,M6828*Input!$C$22,0)</f>
        <v>0.2422852255099579</v>
      </c>
      <c r="O6828" s="59">
        <f>IF(Input!$D$19=2,J6828*Input!$C$19,0)+IF(Input!$D$20=2,K6828*Input!$C$20,0)+IF(Input!$D$21=2,L6828*Input!$C$21,0)+IF(Input!$D$22=2,M6828*Input!$C$22,0)</f>
        <v>0.60571306377489464</v>
      </c>
      <c r="P6828" s="59">
        <f>IF(Input!$D$19=3,J6828*Input!$C$19,0)+IF(Input!$D$20=3,K6828*Input!$C$20,0)+IF(Input!$D$21=3,L6828*Input!$C$21,0)+IF(Input!$D$22=3,M6828*Input!$C$22,0)</f>
        <v>0</v>
      </c>
      <c r="Q6828" s="75">
        <f>IF(Input!$D$19=4,J6828*Input!$C$19,0)+IF(Input!$D$20=4,K6828*Input!$C$20,0)+IF(Input!$D$21=4,L6828*Input!$C$21,0)+IF(Input!$D$22=4,M6828*Input!$C$22,0)</f>
        <v>0</v>
      </c>
      <c r="R6828" s="58">
        <v>60.497005474334905</v>
      </c>
      <c r="S6828" s="124">
        <f t="shared" si="106"/>
        <v>1.0499026438764842</v>
      </c>
    </row>
    <row r="6829" spans="8:19" x14ac:dyDescent="0.3">
      <c r="H6829" s="44">
        <v>6822</v>
      </c>
      <c r="I6829" s="56">
        <f>Bühler!I6855</f>
        <v>0.31227873510172349</v>
      </c>
      <c r="J6829" s="59">
        <f>Bühler!J6855</f>
        <v>1.0409291170057451</v>
      </c>
      <c r="K6829" s="59">
        <f>Bühler!K6855</f>
        <v>1.5613936755086175</v>
      </c>
      <c r="L6829" s="59">
        <f>Bühler!L6855</f>
        <v>7.4946896424413643</v>
      </c>
      <c r="M6829" s="58">
        <f>Bühler!M6855</f>
        <v>0</v>
      </c>
      <c r="N6829" s="56">
        <f>IF(Input!$D$19=1,J6829*Input!$C$19,0)+IF(Input!$D$20=1,K6829*Input!$C$20,0)+IF(Input!$D$21=1,L6829*Input!$C$21,0)+IF(Input!$D$22=1,M6829*Input!$C$22,0)</f>
        <v>0.31227873510172349</v>
      </c>
      <c r="O6829" s="59">
        <f>IF(Input!$D$19=2,J6829*Input!$C$19,0)+IF(Input!$D$20=2,K6829*Input!$C$20,0)+IF(Input!$D$21=2,L6829*Input!$C$21,0)+IF(Input!$D$22=2,M6829*Input!$C$22,0)</f>
        <v>0.78069683775430876</v>
      </c>
      <c r="P6829" s="59">
        <f>IF(Input!$D$19=3,J6829*Input!$C$19,0)+IF(Input!$D$20=3,K6829*Input!$C$20,0)+IF(Input!$D$21=3,L6829*Input!$C$21,0)+IF(Input!$D$22=3,M6829*Input!$C$22,0)</f>
        <v>0</v>
      </c>
      <c r="Q6829" s="75">
        <f>IF(Input!$D$19=4,J6829*Input!$C$19,0)+IF(Input!$D$20=4,K6829*Input!$C$20,0)+IF(Input!$D$21=4,L6829*Input!$C$21,0)+IF(Input!$D$22=4,M6829*Input!$C$22,0)</f>
        <v>0</v>
      </c>
      <c r="R6829" s="58">
        <v>63.407055792389784</v>
      </c>
      <c r="S6829" s="124">
        <f t="shared" si="106"/>
        <v>1.3532078521074686</v>
      </c>
    </row>
    <row r="6830" spans="8:19" x14ac:dyDescent="0.3">
      <c r="H6830" s="44">
        <v>6823</v>
      </c>
      <c r="I6830" s="56">
        <f>Bühler!I6856</f>
        <v>0.37688812857104564</v>
      </c>
      <c r="J6830" s="59">
        <f>Bühler!J6856</f>
        <v>1.2562937619034855</v>
      </c>
      <c r="K6830" s="59">
        <f>Bühler!K6856</f>
        <v>1.8844406428552283</v>
      </c>
      <c r="L6830" s="59">
        <f>Bühler!L6856</f>
        <v>9.045315085705095</v>
      </c>
      <c r="M6830" s="58">
        <f>Bühler!M6856</f>
        <v>0</v>
      </c>
      <c r="N6830" s="56">
        <f>IF(Input!$D$19=1,J6830*Input!$C$19,0)+IF(Input!$D$20=1,K6830*Input!$C$20,0)+IF(Input!$D$21=1,L6830*Input!$C$21,0)+IF(Input!$D$22=1,M6830*Input!$C$22,0)</f>
        <v>0.37688812857104564</v>
      </c>
      <c r="O6830" s="59">
        <f>IF(Input!$D$19=2,J6830*Input!$C$19,0)+IF(Input!$D$20=2,K6830*Input!$C$20,0)+IF(Input!$D$21=2,L6830*Input!$C$21,0)+IF(Input!$D$22=2,M6830*Input!$C$22,0)</f>
        <v>0.94222032142761414</v>
      </c>
      <c r="P6830" s="59">
        <f>IF(Input!$D$19=3,J6830*Input!$C$19,0)+IF(Input!$D$20=3,K6830*Input!$C$20,0)+IF(Input!$D$21=3,L6830*Input!$C$21,0)+IF(Input!$D$22=3,M6830*Input!$C$22,0)</f>
        <v>0</v>
      </c>
      <c r="Q6830" s="75">
        <f>IF(Input!$D$19=4,J6830*Input!$C$19,0)+IF(Input!$D$20=4,K6830*Input!$C$20,0)+IF(Input!$D$21=4,L6830*Input!$C$21,0)+IF(Input!$D$22=4,M6830*Input!$C$22,0)</f>
        <v>0</v>
      </c>
      <c r="R6830" s="58">
        <v>66.32353190553728</v>
      </c>
      <c r="S6830" s="124">
        <f t="shared" si="106"/>
        <v>1.6331818904745312</v>
      </c>
    </row>
    <row r="6831" spans="8:19" x14ac:dyDescent="0.3">
      <c r="H6831" s="44">
        <v>6824</v>
      </c>
      <c r="I6831" s="56">
        <f>Bühler!I6857</f>
        <v>0.37688812857104564</v>
      </c>
      <c r="J6831" s="59">
        <f>Bühler!J6857</f>
        <v>1.2562937619034855</v>
      </c>
      <c r="K6831" s="59">
        <f>Bühler!K6857</f>
        <v>1.8844406428552283</v>
      </c>
      <c r="L6831" s="59">
        <f>Bühler!L6857</f>
        <v>9.045315085705095</v>
      </c>
      <c r="M6831" s="58">
        <f>Bühler!M6857</f>
        <v>0</v>
      </c>
      <c r="N6831" s="56">
        <f>IF(Input!$D$19=1,J6831*Input!$C$19,0)+IF(Input!$D$20=1,K6831*Input!$C$20,0)+IF(Input!$D$21=1,L6831*Input!$C$21,0)+IF(Input!$D$22=1,M6831*Input!$C$22,0)</f>
        <v>0.37688812857104564</v>
      </c>
      <c r="O6831" s="59">
        <f>IF(Input!$D$19=2,J6831*Input!$C$19,0)+IF(Input!$D$20=2,K6831*Input!$C$20,0)+IF(Input!$D$21=2,L6831*Input!$C$21,0)+IF(Input!$D$22=2,M6831*Input!$C$22,0)</f>
        <v>0.94222032142761414</v>
      </c>
      <c r="P6831" s="59">
        <f>IF(Input!$D$19=3,J6831*Input!$C$19,0)+IF(Input!$D$20=3,K6831*Input!$C$20,0)+IF(Input!$D$21=3,L6831*Input!$C$21,0)+IF(Input!$D$22=3,M6831*Input!$C$22,0)</f>
        <v>0</v>
      </c>
      <c r="Q6831" s="75">
        <f>IF(Input!$D$19=4,J6831*Input!$C$19,0)+IF(Input!$D$20=4,K6831*Input!$C$20,0)+IF(Input!$D$21=4,L6831*Input!$C$21,0)+IF(Input!$D$22=4,M6831*Input!$C$22,0)</f>
        <v>0</v>
      </c>
      <c r="R6831" s="58">
        <v>68.765318840081378</v>
      </c>
      <c r="S6831" s="124">
        <f t="shared" si="106"/>
        <v>1.6331818904745312</v>
      </c>
    </row>
    <row r="6832" spans="8:19" x14ac:dyDescent="0.3">
      <c r="H6832" s="44">
        <v>6825</v>
      </c>
      <c r="I6832" s="56">
        <f>Bühler!I6858</f>
        <v>0.37688812857104564</v>
      </c>
      <c r="J6832" s="59">
        <f>Bühler!J6858</f>
        <v>1.2562937619034855</v>
      </c>
      <c r="K6832" s="59">
        <f>Bühler!K6858</f>
        <v>1.8844406428552283</v>
      </c>
      <c r="L6832" s="59">
        <f>Bühler!L6858</f>
        <v>9.045315085705095</v>
      </c>
      <c r="M6832" s="58">
        <f>Bühler!M6858</f>
        <v>0</v>
      </c>
      <c r="N6832" s="56">
        <f>IF(Input!$D$19=1,J6832*Input!$C$19,0)+IF(Input!$D$20=1,K6832*Input!$C$20,0)+IF(Input!$D$21=1,L6832*Input!$C$21,0)+IF(Input!$D$22=1,M6832*Input!$C$22,0)</f>
        <v>0.37688812857104564</v>
      </c>
      <c r="O6832" s="59">
        <f>IF(Input!$D$19=2,J6832*Input!$C$19,0)+IF(Input!$D$20=2,K6832*Input!$C$20,0)+IF(Input!$D$21=2,L6832*Input!$C$21,0)+IF(Input!$D$22=2,M6832*Input!$C$22,0)</f>
        <v>0.94222032142761414</v>
      </c>
      <c r="P6832" s="59">
        <f>IF(Input!$D$19=3,J6832*Input!$C$19,0)+IF(Input!$D$20=3,K6832*Input!$C$20,0)+IF(Input!$D$21=3,L6832*Input!$C$21,0)+IF(Input!$D$22=3,M6832*Input!$C$22,0)</f>
        <v>0</v>
      </c>
      <c r="Q6832" s="75">
        <f>IF(Input!$D$19=4,J6832*Input!$C$19,0)+IF(Input!$D$20=4,K6832*Input!$C$20,0)+IF(Input!$D$21=4,L6832*Input!$C$21,0)+IF(Input!$D$22=4,M6832*Input!$C$22,0)</f>
        <v>0</v>
      </c>
      <c r="R6832" s="58">
        <v>69.109751907246917</v>
      </c>
      <c r="S6832" s="124">
        <f t="shared" si="106"/>
        <v>1.6331818904745312</v>
      </c>
    </row>
    <row r="6833" spans="8:19" x14ac:dyDescent="0.3">
      <c r="H6833" s="44">
        <v>6826</v>
      </c>
      <c r="I6833" s="56">
        <f>Bühler!I6859</f>
        <v>0.40380870918326317</v>
      </c>
      <c r="J6833" s="59">
        <f>Bühler!J6859</f>
        <v>1.3460290306108773</v>
      </c>
      <c r="K6833" s="59">
        <f>Bühler!K6859</f>
        <v>2.0190435459163156</v>
      </c>
      <c r="L6833" s="59">
        <f>Bühler!L6859</f>
        <v>9.6914090203983161</v>
      </c>
      <c r="M6833" s="58">
        <f>Bühler!M6859</f>
        <v>0</v>
      </c>
      <c r="N6833" s="56">
        <f>IF(Input!$D$19=1,J6833*Input!$C$19,0)+IF(Input!$D$20=1,K6833*Input!$C$20,0)+IF(Input!$D$21=1,L6833*Input!$C$21,0)+IF(Input!$D$22=1,M6833*Input!$C$22,0)</f>
        <v>0.40380870918326317</v>
      </c>
      <c r="O6833" s="59">
        <f>IF(Input!$D$19=2,J6833*Input!$C$19,0)+IF(Input!$D$20=2,K6833*Input!$C$20,0)+IF(Input!$D$21=2,L6833*Input!$C$21,0)+IF(Input!$D$22=2,M6833*Input!$C$22,0)</f>
        <v>1.0095217729581578</v>
      </c>
      <c r="P6833" s="59">
        <f>IF(Input!$D$19=3,J6833*Input!$C$19,0)+IF(Input!$D$20=3,K6833*Input!$C$20,0)+IF(Input!$D$21=3,L6833*Input!$C$21,0)+IF(Input!$D$22=3,M6833*Input!$C$22,0)</f>
        <v>0</v>
      </c>
      <c r="Q6833" s="75">
        <f>IF(Input!$D$19=4,J6833*Input!$C$19,0)+IF(Input!$D$20=4,K6833*Input!$C$20,0)+IF(Input!$D$21=4,L6833*Input!$C$21,0)+IF(Input!$D$22=4,M6833*Input!$C$22,0)</f>
        <v>0</v>
      </c>
      <c r="R6833" s="58">
        <v>68.991994142512951</v>
      </c>
      <c r="S6833" s="124">
        <f t="shared" si="106"/>
        <v>1.7498377397941405</v>
      </c>
    </row>
    <row r="6834" spans="8:19" x14ac:dyDescent="0.3">
      <c r="H6834" s="44">
        <v>6827</v>
      </c>
      <c r="I6834" s="56">
        <f>Bühler!I6860</f>
        <v>0.41996105755059371</v>
      </c>
      <c r="J6834" s="59">
        <f>Bühler!J6860</f>
        <v>1.3998701918353125</v>
      </c>
      <c r="K6834" s="59">
        <f>Bühler!K6860</f>
        <v>2.0998052877529685</v>
      </c>
      <c r="L6834" s="59">
        <f>Bühler!L6860</f>
        <v>10.079065381214249</v>
      </c>
      <c r="M6834" s="58">
        <f>Bühler!M6860</f>
        <v>0</v>
      </c>
      <c r="N6834" s="56">
        <f>IF(Input!$D$19=1,J6834*Input!$C$19,0)+IF(Input!$D$20=1,K6834*Input!$C$20,0)+IF(Input!$D$21=1,L6834*Input!$C$21,0)+IF(Input!$D$22=1,M6834*Input!$C$22,0)</f>
        <v>0.41996105755059371</v>
      </c>
      <c r="O6834" s="59">
        <f>IF(Input!$D$19=2,J6834*Input!$C$19,0)+IF(Input!$D$20=2,K6834*Input!$C$20,0)+IF(Input!$D$21=2,L6834*Input!$C$21,0)+IF(Input!$D$22=2,M6834*Input!$C$22,0)</f>
        <v>1.0499026438764842</v>
      </c>
      <c r="P6834" s="59">
        <f>IF(Input!$D$19=3,J6834*Input!$C$19,0)+IF(Input!$D$20=3,K6834*Input!$C$20,0)+IF(Input!$D$21=3,L6834*Input!$C$21,0)+IF(Input!$D$22=3,M6834*Input!$C$22,0)</f>
        <v>0</v>
      </c>
      <c r="Q6834" s="75">
        <f>IF(Input!$D$19=4,J6834*Input!$C$19,0)+IF(Input!$D$20=4,K6834*Input!$C$20,0)+IF(Input!$D$21=4,L6834*Input!$C$21,0)+IF(Input!$D$22=4,M6834*Input!$C$22,0)</f>
        <v>0</v>
      </c>
      <c r="R6834" s="58">
        <v>68.650847749981736</v>
      </c>
      <c r="S6834" s="124">
        <f t="shared" si="106"/>
        <v>1.8198312493859061</v>
      </c>
    </row>
    <row r="6835" spans="8:19" x14ac:dyDescent="0.3">
      <c r="H6835" s="44">
        <v>6828</v>
      </c>
      <c r="I6835" s="56">
        <f>Bühler!I6861</f>
        <v>0.48457045101991575</v>
      </c>
      <c r="J6835" s="59">
        <f>Bühler!J6861</f>
        <v>1.6152348367330527</v>
      </c>
      <c r="K6835" s="59">
        <f>Bühler!K6861</f>
        <v>2.4228522550995786</v>
      </c>
      <c r="L6835" s="59">
        <f>Bühler!L6861</f>
        <v>11.629690824477978</v>
      </c>
      <c r="M6835" s="58">
        <f>Bühler!M6861</f>
        <v>0</v>
      </c>
      <c r="N6835" s="56">
        <f>IF(Input!$D$19=1,J6835*Input!$C$19,0)+IF(Input!$D$20=1,K6835*Input!$C$20,0)+IF(Input!$D$21=1,L6835*Input!$C$21,0)+IF(Input!$D$22=1,M6835*Input!$C$22,0)</f>
        <v>0.4845704510199158</v>
      </c>
      <c r="O6835" s="59">
        <f>IF(Input!$D$19=2,J6835*Input!$C$19,0)+IF(Input!$D$20=2,K6835*Input!$C$20,0)+IF(Input!$D$21=2,L6835*Input!$C$21,0)+IF(Input!$D$22=2,M6835*Input!$C$22,0)</f>
        <v>1.2114261275497893</v>
      </c>
      <c r="P6835" s="59">
        <f>IF(Input!$D$19=3,J6835*Input!$C$19,0)+IF(Input!$D$20=3,K6835*Input!$C$20,0)+IF(Input!$D$21=3,L6835*Input!$C$21,0)+IF(Input!$D$22=3,M6835*Input!$C$22,0)</f>
        <v>0</v>
      </c>
      <c r="Q6835" s="75">
        <f>IF(Input!$D$19=4,J6835*Input!$C$19,0)+IF(Input!$D$20=4,K6835*Input!$C$20,0)+IF(Input!$D$21=4,L6835*Input!$C$21,0)+IF(Input!$D$22=4,M6835*Input!$C$22,0)</f>
        <v>0</v>
      </c>
      <c r="R6835" s="58">
        <v>69.14593535686231</v>
      </c>
      <c r="S6835" s="124">
        <f t="shared" si="106"/>
        <v>2.0998052877529685</v>
      </c>
    </row>
    <row r="6836" spans="8:19" x14ac:dyDescent="0.3">
      <c r="H6836" s="44">
        <v>6829</v>
      </c>
      <c r="I6836" s="56">
        <f>Bühler!I6862</f>
        <v>0.48457045101991575</v>
      </c>
      <c r="J6836" s="59">
        <f>Bühler!J6862</f>
        <v>1.6152348367330527</v>
      </c>
      <c r="K6836" s="59">
        <f>Bühler!K6862</f>
        <v>2.4228522550995786</v>
      </c>
      <c r="L6836" s="59">
        <f>Bühler!L6862</f>
        <v>11.629690824477978</v>
      </c>
      <c r="M6836" s="58">
        <f>Bühler!M6862</f>
        <v>0</v>
      </c>
      <c r="N6836" s="56">
        <f>IF(Input!$D$19=1,J6836*Input!$C$19,0)+IF(Input!$D$20=1,K6836*Input!$C$20,0)+IF(Input!$D$21=1,L6836*Input!$C$21,0)+IF(Input!$D$22=1,M6836*Input!$C$22,0)</f>
        <v>0.4845704510199158</v>
      </c>
      <c r="O6836" s="59">
        <f>IF(Input!$D$19=2,J6836*Input!$C$19,0)+IF(Input!$D$20=2,K6836*Input!$C$20,0)+IF(Input!$D$21=2,L6836*Input!$C$21,0)+IF(Input!$D$22=2,M6836*Input!$C$22,0)</f>
        <v>1.2114261275497893</v>
      </c>
      <c r="P6836" s="59">
        <f>IF(Input!$D$19=3,J6836*Input!$C$19,0)+IF(Input!$D$20=3,K6836*Input!$C$20,0)+IF(Input!$D$21=3,L6836*Input!$C$21,0)+IF(Input!$D$22=3,M6836*Input!$C$22,0)</f>
        <v>0</v>
      </c>
      <c r="Q6836" s="75">
        <f>IF(Input!$D$19=4,J6836*Input!$C$19,0)+IF(Input!$D$20=4,K6836*Input!$C$20,0)+IF(Input!$D$21=4,L6836*Input!$C$21,0)+IF(Input!$D$22=4,M6836*Input!$C$22,0)</f>
        <v>0</v>
      </c>
      <c r="R6836" s="58">
        <v>67.796215982749416</v>
      </c>
      <c r="S6836" s="124">
        <f t="shared" si="106"/>
        <v>2.0998052877529685</v>
      </c>
    </row>
    <row r="6837" spans="8:19" x14ac:dyDescent="0.3">
      <c r="H6837" s="44">
        <v>6830</v>
      </c>
      <c r="I6837" s="56">
        <f>Bühler!I6863</f>
        <v>0.48457045101991575</v>
      </c>
      <c r="J6837" s="59">
        <f>Bühler!J6863</f>
        <v>1.6152348367330527</v>
      </c>
      <c r="K6837" s="59">
        <f>Bühler!K6863</f>
        <v>2.4228522550995786</v>
      </c>
      <c r="L6837" s="59">
        <f>Bühler!L6863</f>
        <v>11.629690824477978</v>
      </c>
      <c r="M6837" s="58">
        <f>Bühler!M6863</f>
        <v>0</v>
      </c>
      <c r="N6837" s="56">
        <f>IF(Input!$D$19=1,J6837*Input!$C$19,0)+IF(Input!$D$20=1,K6837*Input!$C$20,0)+IF(Input!$D$21=1,L6837*Input!$C$21,0)+IF(Input!$D$22=1,M6837*Input!$C$22,0)</f>
        <v>0.4845704510199158</v>
      </c>
      <c r="O6837" s="59">
        <f>IF(Input!$D$19=2,J6837*Input!$C$19,0)+IF(Input!$D$20=2,K6837*Input!$C$20,0)+IF(Input!$D$21=2,L6837*Input!$C$21,0)+IF(Input!$D$22=2,M6837*Input!$C$22,0)</f>
        <v>1.2114261275497893</v>
      </c>
      <c r="P6837" s="59">
        <f>IF(Input!$D$19=3,J6837*Input!$C$19,0)+IF(Input!$D$20=3,K6837*Input!$C$20,0)+IF(Input!$D$21=3,L6837*Input!$C$21,0)+IF(Input!$D$22=3,M6837*Input!$C$22,0)</f>
        <v>0</v>
      </c>
      <c r="Q6837" s="75">
        <f>IF(Input!$D$19=4,J6837*Input!$C$19,0)+IF(Input!$D$20=4,K6837*Input!$C$20,0)+IF(Input!$D$21=4,L6837*Input!$C$21,0)+IF(Input!$D$22=4,M6837*Input!$C$22,0)</f>
        <v>0</v>
      </c>
      <c r="R6837" s="58">
        <v>66.702381793023079</v>
      </c>
      <c r="S6837" s="124">
        <f t="shared" si="106"/>
        <v>2.0998052877529685</v>
      </c>
    </row>
    <row r="6838" spans="8:19" x14ac:dyDescent="0.3">
      <c r="H6838" s="44">
        <v>6831</v>
      </c>
      <c r="I6838" s="56">
        <f>Bühler!I6864</f>
        <v>0.48457045101991575</v>
      </c>
      <c r="J6838" s="59">
        <f>Bühler!J6864</f>
        <v>1.6152348367330527</v>
      </c>
      <c r="K6838" s="59">
        <f>Bühler!K6864</f>
        <v>2.4228522550995786</v>
      </c>
      <c r="L6838" s="59">
        <f>Bühler!L6864</f>
        <v>11.629690824477978</v>
      </c>
      <c r="M6838" s="58">
        <f>Bühler!M6864</f>
        <v>0</v>
      </c>
      <c r="N6838" s="56">
        <f>IF(Input!$D$19=1,J6838*Input!$C$19,0)+IF(Input!$D$20=1,K6838*Input!$C$20,0)+IF(Input!$D$21=1,L6838*Input!$C$21,0)+IF(Input!$D$22=1,M6838*Input!$C$22,0)</f>
        <v>0.4845704510199158</v>
      </c>
      <c r="O6838" s="59">
        <f>IF(Input!$D$19=2,J6838*Input!$C$19,0)+IF(Input!$D$20=2,K6838*Input!$C$20,0)+IF(Input!$D$21=2,L6838*Input!$C$21,0)+IF(Input!$D$22=2,M6838*Input!$C$22,0)</f>
        <v>1.2114261275497893</v>
      </c>
      <c r="P6838" s="59">
        <f>IF(Input!$D$19=3,J6838*Input!$C$19,0)+IF(Input!$D$20=3,K6838*Input!$C$20,0)+IF(Input!$D$21=3,L6838*Input!$C$21,0)+IF(Input!$D$22=3,M6838*Input!$C$22,0)</f>
        <v>0</v>
      </c>
      <c r="Q6838" s="75">
        <f>IF(Input!$D$19=4,J6838*Input!$C$19,0)+IF(Input!$D$20=4,K6838*Input!$C$20,0)+IF(Input!$D$21=4,L6838*Input!$C$21,0)+IF(Input!$D$22=4,M6838*Input!$C$22,0)</f>
        <v>0</v>
      </c>
      <c r="R6838" s="58">
        <v>66.355362104878708</v>
      </c>
      <c r="S6838" s="124">
        <f t="shared" si="106"/>
        <v>2.0998052877529685</v>
      </c>
    </row>
    <row r="6839" spans="8:19" x14ac:dyDescent="0.3">
      <c r="H6839" s="44">
        <v>6832</v>
      </c>
      <c r="I6839" s="56">
        <f>Bühler!I6865</f>
        <v>0.40380870918326317</v>
      </c>
      <c r="J6839" s="59">
        <f>Bühler!J6865</f>
        <v>1.3460290306108773</v>
      </c>
      <c r="K6839" s="59">
        <f>Bühler!K6865</f>
        <v>2.0190435459163156</v>
      </c>
      <c r="L6839" s="59">
        <f>Bühler!L6865</f>
        <v>9.6914090203983161</v>
      </c>
      <c r="M6839" s="58">
        <f>Bühler!M6865</f>
        <v>0</v>
      </c>
      <c r="N6839" s="56">
        <f>IF(Input!$D$19=1,J6839*Input!$C$19,0)+IF(Input!$D$20=1,K6839*Input!$C$20,0)+IF(Input!$D$21=1,L6839*Input!$C$21,0)+IF(Input!$D$22=1,M6839*Input!$C$22,0)</f>
        <v>0.40380870918326317</v>
      </c>
      <c r="O6839" s="59">
        <f>IF(Input!$D$19=2,J6839*Input!$C$19,0)+IF(Input!$D$20=2,K6839*Input!$C$20,0)+IF(Input!$D$21=2,L6839*Input!$C$21,0)+IF(Input!$D$22=2,M6839*Input!$C$22,0)</f>
        <v>1.0095217729581578</v>
      </c>
      <c r="P6839" s="59">
        <f>IF(Input!$D$19=3,J6839*Input!$C$19,0)+IF(Input!$D$20=3,K6839*Input!$C$20,0)+IF(Input!$D$21=3,L6839*Input!$C$21,0)+IF(Input!$D$22=3,M6839*Input!$C$22,0)</f>
        <v>0</v>
      </c>
      <c r="Q6839" s="75">
        <f>IF(Input!$D$19=4,J6839*Input!$C$19,0)+IF(Input!$D$20=4,K6839*Input!$C$20,0)+IF(Input!$D$21=4,L6839*Input!$C$21,0)+IF(Input!$D$22=4,M6839*Input!$C$22,0)</f>
        <v>0</v>
      </c>
      <c r="R6839" s="58">
        <v>65.926283818728663</v>
      </c>
      <c r="S6839" s="124">
        <f t="shared" si="106"/>
        <v>1.7498377397941405</v>
      </c>
    </row>
    <row r="6840" spans="8:19" x14ac:dyDescent="0.3">
      <c r="H6840" s="44">
        <v>6833</v>
      </c>
      <c r="I6840" s="56">
        <f>Bühler!I6866</f>
        <v>0.38227224469348919</v>
      </c>
      <c r="J6840" s="59">
        <f>Bühler!J6866</f>
        <v>1.2742408156449641</v>
      </c>
      <c r="K6840" s="59">
        <f>Bühler!K6866</f>
        <v>1.911361223467446</v>
      </c>
      <c r="L6840" s="59">
        <f>Bühler!L6866</f>
        <v>9.1745338726437407</v>
      </c>
      <c r="M6840" s="58">
        <f>Bühler!M6866</f>
        <v>0</v>
      </c>
      <c r="N6840" s="56">
        <f>IF(Input!$D$19=1,J6840*Input!$C$19,0)+IF(Input!$D$20=1,K6840*Input!$C$20,0)+IF(Input!$D$21=1,L6840*Input!$C$21,0)+IF(Input!$D$22=1,M6840*Input!$C$22,0)</f>
        <v>0.38227224469348919</v>
      </c>
      <c r="O6840" s="59">
        <f>IF(Input!$D$19=2,J6840*Input!$C$19,0)+IF(Input!$D$20=2,K6840*Input!$C$20,0)+IF(Input!$D$21=2,L6840*Input!$C$21,0)+IF(Input!$D$22=2,M6840*Input!$C$22,0)</f>
        <v>0.95568061173372298</v>
      </c>
      <c r="P6840" s="59">
        <f>IF(Input!$D$19=3,J6840*Input!$C$19,0)+IF(Input!$D$20=3,K6840*Input!$C$20,0)+IF(Input!$D$21=3,L6840*Input!$C$21,0)+IF(Input!$D$22=3,M6840*Input!$C$22,0)</f>
        <v>0</v>
      </c>
      <c r="Q6840" s="75">
        <f>IF(Input!$D$19=4,J6840*Input!$C$19,0)+IF(Input!$D$20=4,K6840*Input!$C$20,0)+IF(Input!$D$21=4,L6840*Input!$C$21,0)+IF(Input!$D$22=4,M6840*Input!$C$22,0)</f>
        <v>0</v>
      </c>
      <c r="R6840" s="58">
        <v>64.852128566406378</v>
      </c>
      <c r="S6840" s="124">
        <f t="shared" si="106"/>
        <v>1.6565130603384532</v>
      </c>
    </row>
    <row r="6841" spans="8:19" x14ac:dyDescent="0.3">
      <c r="H6841" s="44">
        <v>6834</v>
      </c>
      <c r="I6841" s="56">
        <f>Bühler!I6867</f>
        <v>0.38227224469348919</v>
      </c>
      <c r="J6841" s="59">
        <f>Bühler!J6867</f>
        <v>1.2742408156449641</v>
      </c>
      <c r="K6841" s="59">
        <f>Bühler!K6867</f>
        <v>1.911361223467446</v>
      </c>
      <c r="L6841" s="59">
        <f>Bühler!L6867</f>
        <v>9.1745338726437407</v>
      </c>
      <c r="M6841" s="58">
        <f>Bühler!M6867</f>
        <v>0</v>
      </c>
      <c r="N6841" s="56">
        <f>IF(Input!$D$19=1,J6841*Input!$C$19,0)+IF(Input!$D$20=1,K6841*Input!$C$20,0)+IF(Input!$D$21=1,L6841*Input!$C$21,0)+IF(Input!$D$22=1,M6841*Input!$C$22,0)</f>
        <v>0.38227224469348919</v>
      </c>
      <c r="O6841" s="59">
        <f>IF(Input!$D$19=2,J6841*Input!$C$19,0)+IF(Input!$D$20=2,K6841*Input!$C$20,0)+IF(Input!$D$21=2,L6841*Input!$C$21,0)+IF(Input!$D$22=2,M6841*Input!$C$22,0)</f>
        <v>0.95568061173372298</v>
      </c>
      <c r="P6841" s="59">
        <f>IF(Input!$D$19=3,J6841*Input!$C$19,0)+IF(Input!$D$20=3,K6841*Input!$C$20,0)+IF(Input!$D$21=3,L6841*Input!$C$21,0)+IF(Input!$D$22=3,M6841*Input!$C$22,0)</f>
        <v>0</v>
      </c>
      <c r="Q6841" s="75">
        <f>IF(Input!$D$19=4,J6841*Input!$C$19,0)+IF(Input!$D$20=4,K6841*Input!$C$20,0)+IF(Input!$D$21=4,L6841*Input!$C$21,0)+IF(Input!$D$22=4,M6841*Input!$C$22,0)</f>
        <v>0</v>
      </c>
      <c r="R6841" s="58">
        <v>63.433751643822582</v>
      </c>
      <c r="S6841" s="124">
        <f t="shared" si="106"/>
        <v>1.6565130603384532</v>
      </c>
    </row>
    <row r="6842" spans="8:19" x14ac:dyDescent="0.3">
      <c r="H6842" s="44">
        <v>6835</v>
      </c>
      <c r="I6842" s="56">
        <f>Bühler!I6868</f>
        <v>0.38227224469348919</v>
      </c>
      <c r="J6842" s="59">
        <f>Bühler!J6868</f>
        <v>1.2742408156449641</v>
      </c>
      <c r="K6842" s="59">
        <f>Bühler!K6868</f>
        <v>1.911361223467446</v>
      </c>
      <c r="L6842" s="59">
        <f>Bühler!L6868</f>
        <v>9.1745338726437407</v>
      </c>
      <c r="M6842" s="58">
        <f>Bühler!M6868</f>
        <v>0</v>
      </c>
      <c r="N6842" s="56">
        <f>IF(Input!$D$19=1,J6842*Input!$C$19,0)+IF(Input!$D$20=1,K6842*Input!$C$20,0)+IF(Input!$D$21=1,L6842*Input!$C$21,0)+IF(Input!$D$22=1,M6842*Input!$C$22,0)</f>
        <v>0.38227224469348919</v>
      </c>
      <c r="O6842" s="59">
        <f>IF(Input!$D$19=2,J6842*Input!$C$19,0)+IF(Input!$D$20=2,K6842*Input!$C$20,0)+IF(Input!$D$21=2,L6842*Input!$C$21,0)+IF(Input!$D$22=2,M6842*Input!$C$22,0)</f>
        <v>0.95568061173372298</v>
      </c>
      <c r="P6842" s="59">
        <f>IF(Input!$D$19=3,J6842*Input!$C$19,0)+IF(Input!$D$20=3,K6842*Input!$C$20,0)+IF(Input!$D$21=3,L6842*Input!$C$21,0)+IF(Input!$D$22=3,M6842*Input!$C$22,0)</f>
        <v>0</v>
      </c>
      <c r="Q6842" s="75">
        <f>IF(Input!$D$19=4,J6842*Input!$C$19,0)+IF(Input!$D$20=4,K6842*Input!$C$20,0)+IF(Input!$D$21=4,L6842*Input!$C$21,0)+IF(Input!$D$22=4,M6842*Input!$C$22,0)</f>
        <v>0</v>
      </c>
      <c r="R6842" s="58">
        <v>61.708783955475219</v>
      </c>
      <c r="S6842" s="124">
        <f t="shared" si="106"/>
        <v>1.6565130603384532</v>
      </c>
    </row>
    <row r="6843" spans="8:19" x14ac:dyDescent="0.3">
      <c r="H6843" s="44">
        <v>6836</v>
      </c>
      <c r="I6843" s="56">
        <f>Bühler!I6869</f>
        <v>0.38227224469348919</v>
      </c>
      <c r="J6843" s="59">
        <f>Bühler!J6869</f>
        <v>1.2742408156449641</v>
      </c>
      <c r="K6843" s="59">
        <f>Bühler!K6869</f>
        <v>1.911361223467446</v>
      </c>
      <c r="L6843" s="59">
        <f>Bühler!L6869</f>
        <v>9.1745338726437407</v>
      </c>
      <c r="M6843" s="58">
        <f>Bühler!M6869</f>
        <v>0</v>
      </c>
      <c r="N6843" s="56">
        <f>IF(Input!$D$19=1,J6843*Input!$C$19,0)+IF(Input!$D$20=1,K6843*Input!$C$20,0)+IF(Input!$D$21=1,L6843*Input!$C$21,0)+IF(Input!$D$22=1,M6843*Input!$C$22,0)</f>
        <v>0.38227224469348919</v>
      </c>
      <c r="O6843" s="59">
        <f>IF(Input!$D$19=2,J6843*Input!$C$19,0)+IF(Input!$D$20=2,K6843*Input!$C$20,0)+IF(Input!$D$21=2,L6843*Input!$C$21,0)+IF(Input!$D$22=2,M6843*Input!$C$22,0)</f>
        <v>0.95568061173372298</v>
      </c>
      <c r="P6843" s="59">
        <f>IF(Input!$D$19=3,J6843*Input!$C$19,0)+IF(Input!$D$20=3,K6843*Input!$C$20,0)+IF(Input!$D$21=3,L6843*Input!$C$21,0)+IF(Input!$D$22=3,M6843*Input!$C$22,0)</f>
        <v>0</v>
      </c>
      <c r="Q6843" s="75">
        <f>IF(Input!$D$19=4,J6843*Input!$C$19,0)+IF(Input!$D$20=4,K6843*Input!$C$20,0)+IF(Input!$D$21=4,L6843*Input!$C$21,0)+IF(Input!$D$22=4,M6843*Input!$C$22,0)</f>
        <v>0</v>
      </c>
      <c r="R6843" s="58">
        <v>59.495016374600944</v>
      </c>
      <c r="S6843" s="124">
        <f t="shared" si="106"/>
        <v>1.6565130603384532</v>
      </c>
    </row>
    <row r="6844" spans="8:19" x14ac:dyDescent="0.3">
      <c r="H6844" s="44">
        <v>6837</v>
      </c>
      <c r="I6844" s="56">
        <f>Bühler!I6870</f>
        <v>0.29612638673439295</v>
      </c>
      <c r="J6844" s="59">
        <f>Bühler!J6870</f>
        <v>0.98708795578130992</v>
      </c>
      <c r="K6844" s="59">
        <f>Bühler!K6870</f>
        <v>1.4806319336719649</v>
      </c>
      <c r="L6844" s="59">
        <f>Bühler!L6870</f>
        <v>7.1070332816254309</v>
      </c>
      <c r="M6844" s="58">
        <f>Bühler!M6870</f>
        <v>0</v>
      </c>
      <c r="N6844" s="56">
        <f>IF(Input!$D$19=1,J6844*Input!$C$19,0)+IF(Input!$D$20=1,K6844*Input!$C$20,0)+IF(Input!$D$21=1,L6844*Input!$C$21,0)+IF(Input!$D$22=1,M6844*Input!$C$22,0)</f>
        <v>0.29612638673439295</v>
      </c>
      <c r="O6844" s="59">
        <f>IF(Input!$D$19=2,J6844*Input!$C$19,0)+IF(Input!$D$20=2,K6844*Input!$C$20,0)+IF(Input!$D$21=2,L6844*Input!$C$21,0)+IF(Input!$D$22=2,M6844*Input!$C$22,0)</f>
        <v>0.74031596683598244</v>
      </c>
      <c r="P6844" s="59">
        <f>IF(Input!$D$19=3,J6844*Input!$C$19,0)+IF(Input!$D$20=3,K6844*Input!$C$20,0)+IF(Input!$D$21=3,L6844*Input!$C$21,0)+IF(Input!$D$22=3,M6844*Input!$C$22,0)</f>
        <v>0</v>
      </c>
      <c r="Q6844" s="75">
        <f>IF(Input!$D$19=4,J6844*Input!$C$19,0)+IF(Input!$D$20=4,K6844*Input!$C$20,0)+IF(Input!$D$21=4,L6844*Input!$C$21,0)+IF(Input!$D$22=4,M6844*Input!$C$22,0)</f>
        <v>0</v>
      </c>
      <c r="R6844" s="58">
        <v>57.383500856412631</v>
      </c>
      <c r="S6844" s="124">
        <f t="shared" si="106"/>
        <v>1.283214342515703</v>
      </c>
    </row>
    <row r="6845" spans="8:19" x14ac:dyDescent="0.3">
      <c r="H6845" s="44">
        <v>6838</v>
      </c>
      <c r="I6845" s="56">
        <f>Bühler!I6871</f>
        <v>0.11306643857131368</v>
      </c>
      <c r="J6845" s="59">
        <f>Bühler!J6871</f>
        <v>0.37688812857104564</v>
      </c>
      <c r="K6845" s="59">
        <f>Bühler!K6871</f>
        <v>0.56533219285656844</v>
      </c>
      <c r="L6845" s="59">
        <f>Bühler!L6871</f>
        <v>2.7135945257115281</v>
      </c>
      <c r="M6845" s="58">
        <f>Bühler!M6871</f>
        <v>0</v>
      </c>
      <c r="N6845" s="56">
        <f>IF(Input!$D$19=1,J6845*Input!$C$19,0)+IF(Input!$D$20=1,K6845*Input!$C$20,0)+IF(Input!$D$21=1,L6845*Input!$C$21,0)+IF(Input!$D$22=1,M6845*Input!$C$22,0)</f>
        <v>0.11306643857131368</v>
      </c>
      <c r="O6845" s="59">
        <f>IF(Input!$D$19=2,J6845*Input!$C$19,0)+IF(Input!$D$20=2,K6845*Input!$C$20,0)+IF(Input!$D$21=2,L6845*Input!$C$21,0)+IF(Input!$D$22=2,M6845*Input!$C$22,0)</f>
        <v>0.28266609642828422</v>
      </c>
      <c r="P6845" s="59">
        <f>IF(Input!$D$19=3,J6845*Input!$C$19,0)+IF(Input!$D$20=3,K6845*Input!$C$20,0)+IF(Input!$D$21=3,L6845*Input!$C$21,0)+IF(Input!$D$22=3,M6845*Input!$C$22,0)</f>
        <v>0</v>
      </c>
      <c r="Q6845" s="75">
        <f>IF(Input!$D$19=4,J6845*Input!$C$19,0)+IF(Input!$D$20=4,K6845*Input!$C$20,0)+IF(Input!$D$21=4,L6845*Input!$C$21,0)+IF(Input!$D$22=4,M6845*Input!$C$22,0)</f>
        <v>0</v>
      </c>
      <c r="R6845" s="58">
        <v>56.185648935778502</v>
      </c>
      <c r="S6845" s="124">
        <f t="shared" si="106"/>
        <v>0.4899545671423593</v>
      </c>
    </row>
    <row r="6846" spans="8:19" x14ac:dyDescent="0.3">
      <c r="H6846" s="44">
        <v>6839</v>
      </c>
      <c r="I6846" s="56">
        <f>Bühler!I6872</f>
        <v>0.11306643857131368</v>
      </c>
      <c r="J6846" s="59">
        <f>Bühler!J6872</f>
        <v>0.37688812857104564</v>
      </c>
      <c r="K6846" s="59">
        <f>Bühler!K6872</f>
        <v>0.56533219285656844</v>
      </c>
      <c r="L6846" s="59">
        <f>Bühler!L6872</f>
        <v>2.7135945257115281</v>
      </c>
      <c r="M6846" s="58">
        <f>Bühler!M6872</f>
        <v>0</v>
      </c>
      <c r="N6846" s="56">
        <f>IF(Input!$D$19=1,J6846*Input!$C$19,0)+IF(Input!$D$20=1,K6846*Input!$C$20,0)+IF(Input!$D$21=1,L6846*Input!$C$21,0)+IF(Input!$D$22=1,M6846*Input!$C$22,0)</f>
        <v>0.11306643857131368</v>
      </c>
      <c r="O6846" s="59">
        <f>IF(Input!$D$19=2,J6846*Input!$C$19,0)+IF(Input!$D$20=2,K6846*Input!$C$20,0)+IF(Input!$D$21=2,L6846*Input!$C$21,0)+IF(Input!$D$22=2,M6846*Input!$C$22,0)</f>
        <v>0.28266609642828422</v>
      </c>
      <c r="P6846" s="59">
        <f>IF(Input!$D$19=3,J6846*Input!$C$19,0)+IF(Input!$D$20=3,K6846*Input!$C$20,0)+IF(Input!$D$21=3,L6846*Input!$C$21,0)+IF(Input!$D$22=3,M6846*Input!$C$22,0)</f>
        <v>0</v>
      </c>
      <c r="Q6846" s="75">
        <f>IF(Input!$D$19=4,J6846*Input!$C$19,0)+IF(Input!$D$20=4,K6846*Input!$C$20,0)+IF(Input!$D$21=4,L6846*Input!$C$21,0)+IF(Input!$D$22=4,M6846*Input!$C$22,0)</f>
        <v>0</v>
      </c>
      <c r="R6846" s="58">
        <v>55.5907135186239</v>
      </c>
      <c r="S6846" s="124">
        <f t="shared" si="106"/>
        <v>0.4899545671423593</v>
      </c>
    </row>
    <row r="6847" spans="8:19" x14ac:dyDescent="0.3">
      <c r="H6847" s="44">
        <v>6840</v>
      </c>
      <c r="I6847" s="56">
        <f>Bühler!I6873</f>
        <v>0.11306643857131368</v>
      </c>
      <c r="J6847" s="59">
        <f>Bühler!J6873</f>
        <v>0.37688812857104564</v>
      </c>
      <c r="K6847" s="59">
        <f>Bühler!K6873</f>
        <v>0.56533219285656844</v>
      </c>
      <c r="L6847" s="59">
        <f>Bühler!L6873</f>
        <v>2.7135945257115281</v>
      </c>
      <c r="M6847" s="58">
        <f>Bühler!M6873</f>
        <v>0</v>
      </c>
      <c r="N6847" s="56">
        <f>IF(Input!$D$19=1,J6847*Input!$C$19,0)+IF(Input!$D$20=1,K6847*Input!$C$20,0)+IF(Input!$D$21=1,L6847*Input!$C$21,0)+IF(Input!$D$22=1,M6847*Input!$C$22,0)</f>
        <v>0.11306643857131368</v>
      </c>
      <c r="O6847" s="59">
        <f>IF(Input!$D$19=2,J6847*Input!$C$19,0)+IF(Input!$D$20=2,K6847*Input!$C$20,0)+IF(Input!$D$21=2,L6847*Input!$C$21,0)+IF(Input!$D$22=2,M6847*Input!$C$22,0)</f>
        <v>0.28266609642828422</v>
      </c>
      <c r="P6847" s="59">
        <f>IF(Input!$D$19=3,J6847*Input!$C$19,0)+IF(Input!$D$20=3,K6847*Input!$C$20,0)+IF(Input!$D$21=3,L6847*Input!$C$21,0)+IF(Input!$D$22=3,M6847*Input!$C$22,0)</f>
        <v>0</v>
      </c>
      <c r="Q6847" s="75">
        <f>IF(Input!$D$19=4,J6847*Input!$C$19,0)+IF(Input!$D$20=4,K6847*Input!$C$20,0)+IF(Input!$D$21=4,L6847*Input!$C$21,0)+IF(Input!$D$22=4,M6847*Input!$C$22,0)</f>
        <v>0</v>
      </c>
      <c r="R6847" s="58">
        <v>54.633546230915947</v>
      </c>
      <c r="S6847" s="124">
        <f t="shared" si="106"/>
        <v>0.4899545671423593</v>
      </c>
    </row>
    <row r="6848" spans="8:19" x14ac:dyDescent="0.3">
      <c r="H6848" s="44">
        <v>6841</v>
      </c>
      <c r="I6848" s="56">
        <f>Bühler!I6874</f>
        <v>6.6772949551220859E-2</v>
      </c>
      <c r="J6848" s="59">
        <f>Bühler!J6874</f>
        <v>0.22257649850406958</v>
      </c>
      <c r="K6848" s="59">
        <f>Bühler!K6874</f>
        <v>0.33386474775610436</v>
      </c>
      <c r="L6848" s="59">
        <f>Bühler!L6874</f>
        <v>3.9533826305752249</v>
      </c>
      <c r="M6848" s="58">
        <f>Bühler!M6874</f>
        <v>0</v>
      </c>
      <c r="N6848" s="56">
        <f>IF(Input!$D$19=1,J6848*Input!$C$19,0)+IF(Input!$D$20=1,K6848*Input!$C$20,0)+IF(Input!$D$21=1,L6848*Input!$C$21,0)+IF(Input!$D$22=1,M6848*Input!$C$22,0)</f>
        <v>6.6772949551220873E-2</v>
      </c>
      <c r="O6848" s="59">
        <f>IF(Input!$D$19=2,J6848*Input!$C$19,0)+IF(Input!$D$20=2,K6848*Input!$C$20,0)+IF(Input!$D$21=2,L6848*Input!$C$21,0)+IF(Input!$D$22=2,M6848*Input!$C$22,0)</f>
        <v>0.16693237387805218</v>
      </c>
      <c r="P6848" s="59">
        <f>IF(Input!$D$19=3,J6848*Input!$C$19,0)+IF(Input!$D$20=3,K6848*Input!$C$20,0)+IF(Input!$D$21=3,L6848*Input!$C$21,0)+IF(Input!$D$22=3,M6848*Input!$C$22,0)</f>
        <v>0</v>
      </c>
      <c r="Q6848" s="75">
        <f>IF(Input!$D$19=4,J6848*Input!$C$19,0)+IF(Input!$D$20=4,K6848*Input!$C$20,0)+IF(Input!$D$21=4,L6848*Input!$C$21,0)+IF(Input!$D$22=4,M6848*Input!$C$22,0)</f>
        <v>0</v>
      </c>
      <c r="R6848" s="58">
        <v>53.85011867994227</v>
      </c>
      <c r="S6848" s="124">
        <f t="shared" si="106"/>
        <v>0.28934944805529045</v>
      </c>
    </row>
    <row r="6849" spans="8:19" x14ac:dyDescent="0.3">
      <c r="H6849" s="44">
        <v>6842</v>
      </c>
      <c r="I6849" s="56">
        <f>Bühler!I6875</f>
        <v>0.13036623483809789</v>
      </c>
      <c r="J6849" s="59">
        <f>Bühler!J6875</f>
        <v>0.43455411612699302</v>
      </c>
      <c r="K6849" s="59">
        <f>Bühler!K6875</f>
        <v>0.65183117419048953</v>
      </c>
      <c r="L6849" s="59">
        <f>Bühler!L6875</f>
        <v>7.7185089454087743</v>
      </c>
      <c r="M6849" s="58">
        <f>Bühler!M6875</f>
        <v>0</v>
      </c>
      <c r="N6849" s="56">
        <f>IF(Input!$D$19=1,J6849*Input!$C$19,0)+IF(Input!$D$20=1,K6849*Input!$C$20,0)+IF(Input!$D$21=1,L6849*Input!$C$21,0)+IF(Input!$D$22=1,M6849*Input!$C$22,0)</f>
        <v>0.13036623483809789</v>
      </c>
      <c r="O6849" s="59">
        <f>IF(Input!$D$19=2,J6849*Input!$C$19,0)+IF(Input!$D$20=2,K6849*Input!$C$20,0)+IF(Input!$D$21=2,L6849*Input!$C$21,0)+IF(Input!$D$22=2,M6849*Input!$C$22,0)</f>
        <v>0.32591558709524476</v>
      </c>
      <c r="P6849" s="59">
        <f>IF(Input!$D$19=3,J6849*Input!$C$19,0)+IF(Input!$D$20=3,K6849*Input!$C$20,0)+IF(Input!$D$21=3,L6849*Input!$C$21,0)+IF(Input!$D$22=3,M6849*Input!$C$22,0)</f>
        <v>0</v>
      </c>
      <c r="Q6849" s="75">
        <f>IF(Input!$D$19=4,J6849*Input!$C$19,0)+IF(Input!$D$20=4,K6849*Input!$C$20,0)+IF(Input!$D$21=4,L6849*Input!$C$21,0)+IF(Input!$D$22=4,M6849*Input!$C$22,0)</f>
        <v>0</v>
      </c>
      <c r="R6849" s="58">
        <v>52.917197742353892</v>
      </c>
      <c r="S6849" s="124">
        <f t="shared" si="106"/>
        <v>0.56492035096509086</v>
      </c>
    </row>
    <row r="6850" spans="8:19" x14ac:dyDescent="0.3">
      <c r="H6850" s="44">
        <v>6843</v>
      </c>
      <c r="I6850" s="56">
        <f>Bühler!I6876</f>
        <v>0.13036623483809789</v>
      </c>
      <c r="J6850" s="59">
        <f>Bühler!J6876</f>
        <v>0.43455411612699302</v>
      </c>
      <c r="K6850" s="59">
        <f>Bühler!K6876</f>
        <v>0.65183117419048953</v>
      </c>
      <c r="L6850" s="59">
        <f>Bühler!L6876</f>
        <v>7.7185089454087743</v>
      </c>
      <c r="M6850" s="58">
        <f>Bühler!M6876</f>
        <v>0</v>
      </c>
      <c r="N6850" s="56">
        <f>IF(Input!$D$19=1,J6850*Input!$C$19,0)+IF(Input!$D$20=1,K6850*Input!$C$20,0)+IF(Input!$D$21=1,L6850*Input!$C$21,0)+IF(Input!$D$22=1,M6850*Input!$C$22,0)</f>
        <v>0.13036623483809789</v>
      </c>
      <c r="O6850" s="59">
        <f>IF(Input!$D$19=2,J6850*Input!$C$19,0)+IF(Input!$D$20=2,K6850*Input!$C$20,0)+IF(Input!$D$21=2,L6850*Input!$C$21,0)+IF(Input!$D$22=2,M6850*Input!$C$22,0)</f>
        <v>0.32591558709524476</v>
      </c>
      <c r="P6850" s="59">
        <f>IF(Input!$D$19=3,J6850*Input!$C$19,0)+IF(Input!$D$20=3,K6850*Input!$C$20,0)+IF(Input!$D$21=3,L6850*Input!$C$21,0)+IF(Input!$D$22=3,M6850*Input!$C$22,0)</f>
        <v>0</v>
      </c>
      <c r="Q6850" s="75">
        <f>IF(Input!$D$19=4,J6850*Input!$C$19,0)+IF(Input!$D$20=4,K6850*Input!$C$20,0)+IF(Input!$D$21=4,L6850*Input!$C$21,0)+IF(Input!$D$22=4,M6850*Input!$C$22,0)</f>
        <v>0</v>
      </c>
      <c r="R6850" s="58">
        <v>52.661899244197933</v>
      </c>
      <c r="S6850" s="124">
        <f t="shared" si="106"/>
        <v>0.56492035096509086</v>
      </c>
    </row>
    <row r="6851" spans="8:19" x14ac:dyDescent="0.3">
      <c r="H6851" s="44">
        <v>6844</v>
      </c>
      <c r="I6851" s="56">
        <f>Bühler!I6877</f>
        <v>0.13036623483809789</v>
      </c>
      <c r="J6851" s="59">
        <f>Bühler!J6877</f>
        <v>0.43455411612699302</v>
      </c>
      <c r="K6851" s="59">
        <f>Bühler!K6877</f>
        <v>0.65183117419048953</v>
      </c>
      <c r="L6851" s="59">
        <f>Bühler!L6877</f>
        <v>7.7185089454087743</v>
      </c>
      <c r="M6851" s="58">
        <f>Bühler!M6877</f>
        <v>0</v>
      </c>
      <c r="N6851" s="56">
        <f>IF(Input!$D$19=1,J6851*Input!$C$19,0)+IF(Input!$D$20=1,K6851*Input!$C$20,0)+IF(Input!$D$21=1,L6851*Input!$C$21,0)+IF(Input!$D$22=1,M6851*Input!$C$22,0)</f>
        <v>0.13036623483809789</v>
      </c>
      <c r="O6851" s="59">
        <f>IF(Input!$D$19=2,J6851*Input!$C$19,0)+IF(Input!$D$20=2,K6851*Input!$C$20,0)+IF(Input!$D$21=2,L6851*Input!$C$21,0)+IF(Input!$D$22=2,M6851*Input!$C$22,0)</f>
        <v>0.32591558709524476</v>
      </c>
      <c r="P6851" s="59">
        <f>IF(Input!$D$19=3,J6851*Input!$C$19,0)+IF(Input!$D$20=3,K6851*Input!$C$20,0)+IF(Input!$D$21=3,L6851*Input!$C$21,0)+IF(Input!$D$22=3,M6851*Input!$C$22,0)</f>
        <v>0</v>
      </c>
      <c r="Q6851" s="75">
        <f>IF(Input!$D$19=4,J6851*Input!$C$19,0)+IF(Input!$D$20=4,K6851*Input!$C$20,0)+IF(Input!$D$21=4,L6851*Input!$C$21,0)+IF(Input!$D$22=4,M6851*Input!$C$22,0)</f>
        <v>0</v>
      </c>
      <c r="R6851" s="58">
        <v>52.02384393857983</v>
      </c>
      <c r="S6851" s="124">
        <f t="shared" si="106"/>
        <v>0.56492035096509086</v>
      </c>
    </row>
    <row r="6852" spans="8:19" x14ac:dyDescent="0.3">
      <c r="H6852" s="44">
        <v>6845</v>
      </c>
      <c r="I6852" s="56">
        <f>Bühler!I6878</f>
        <v>0.13036623483809789</v>
      </c>
      <c r="J6852" s="59">
        <f>Bühler!J6878</f>
        <v>0.43455411612699302</v>
      </c>
      <c r="K6852" s="59">
        <f>Bühler!K6878</f>
        <v>0.65183117419048953</v>
      </c>
      <c r="L6852" s="59">
        <f>Bühler!L6878</f>
        <v>7.7185089454087743</v>
      </c>
      <c r="M6852" s="58">
        <f>Bühler!M6878</f>
        <v>0</v>
      </c>
      <c r="N6852" s="56">
        <f>IF(Input!$D$19=1,J6852*Input!$C$19,0)+IF(Input!$D$20=1,K6852*Input!$C$20,0)+IF(Input!$D$21=1,L6852*Input!$C$21,0)+IF(Input!$D$22=1,M6852*Input!$C$22,0)</f>
        <v>0.13036623483809789</v>
      </c>
      <c r="O6852" s="59">
        <f>IF(Input!$D$19=2,J6852*Input!$C$19,0)+IF(Input!$D$20=2,K6852*Input!$C$20,0)+IF(Input!$D$21=2,L6852*Input!$C$21,0)+IF(Input!$D$22=2,M6852*Input!$C$22,0)</f>
        <v>0.32591558709524476</v>
      </c>
      <c r="P6852" s="59">
        <f>IF(Input!$D$19=3,J6852*Input!$C$19,0)+IF(Input!$D$20=3,K6852*Input!$C$20,0)+IF(Input!$D$21=3,L6852*Input!$C$21,0)+IF(Input!$D$22=3,M6852*Input!$C$22,0)</f>
        <v>0</v>
      </c>
      <c r="Q6852" s="75">
        <f>IF(Input!$D$19=4,J6852*Input!$C$19,0)+IF(Input!$D$20=4,K6852*Input!$C$20,0)+IF(Input!$D$21=4,L6852*Input!$C$21,0)+IF(Input!$D$22=4,M6852*Input!$C$22,0)</f>
        <v>0</v>
      </c>
      <c r="R6852" s="58">
        <v>50.308229278535826</v>
      </c>
      <c r="S6852" s="124">
        <f t="shared" si="106"/>
        <v>0.56492035096509086</v>
      </c>
    </row>
    <row r="6853" spans="8:19" x14ac:dyDescent="0.3">
      <c r="H6853" s="44">
        <v>6846</v>
      </c>
      <c r="I6853" s="56">
        <f>Bühler!I6879</f>
        <v>0.1621628774815364</v>
      </c>
      <c r="J6853" s="59">
        <f>Bühler!J6879</f>
        <v>0.54054292493845468</v>
      </c>
      <c r="K6853" s="59">
        <f>Bühler!K6879</f>
        <v>0.81081438740768208</v>
      </c>
      <c r="L6853" s="59">
        <f>Bühler!L6879</f>
        <v>9.6010721028255492</v>
      </c>
      <c r="M6853" s="58">
        <f>Bühler!M6879</f>
        <v>0</v>
      </c>
      <c r="N6853" s="56">
        <f>IF(Input!$D$19=1,J6853*Input!$C$19,0)+IF(Input!$D$20=1,K6853*Input!$C$20,0)+IF(Input!$D$21=1,L6853*Input!$C$21,0)+IF(Input!$D$22=1,M6853*Input!$C$22,0)</f>
        <v>0.1621628774815364</v>
      </c>
      <c r="O6853" s="59">
        <f>IF(Input!$D$19=2,J6853*Input!$C$19,0)+IF(Input!$D$20=2,K6853*Input!$C$20,0)+IF(Input!$D$21=2,L6853*Input!$C$21,0)+IF(Input!$D$22=2,M6853*Input!$C$22,0)</f>
        <v>0.40540719370384104</v>
      </c>
      <c r="P6853" s="59">
        <f>IF(Input!$D$19=3,J6853*Input!$C$19,0)+IF(Input!$D$20=3,K6853*Input!$C$20,0)+IF(Input!$D$21=3,L6853*Input!$C$21,0)+IF(Input!$D$22=3,M6853*Input!$C$22,0)</f>
        <v>0</v>
      </c>
      <c r="Q6853" s="75">
        <f>IF(Input!$D$19=4,J6853*Input!$C$19,0)+IF(Input!$D$20=4,K6853*Input!$C$20,0)+IF(Input!$D$21=4,L6853*Input!$C$21,0)+IF(Input!$D$22=4,M6853*Input!$C$22,0)</f>
        <v>0</v>
      </c>
      <c r="R6853" s="58">
        <v>50.023473059189442</v>
      </c>
      <c r="S6853" s="124">
        <f t="shared" si="106"/>
        <v>0.70270580241999103</v>
      </c>
    </row>
    <row r="6854" spans="8:19" x14ac:dyDescent="0.3">
      <c r="H6854" s="44">
        <v>6847</v>
      </c>
      <c r="I6854" s="56">
        <f>Bühler!I6880</f>
        <v>0.20349851291800644</v>
      </c>
      <c r="J6854" s="59">
        <f>Bühler!J6880</f>
        <v>0.67832837639335486</v>
      </c>
      <c r="K6854" s="59">
        <f>Bühler!K6880</f>
        <v>1.0174925645900323</v>
      </c>
      <c r="L6854" s="59">
        <f>Bühler!L6880</f>
        <v>12.048404207467355</v>
      </c>
      <c r="M6854" s="58">
        <f>Bühler!M6880</f>
        <v>0</v>
      </c>
      <c r="N6854" s="56">
        <f>IF(Input!$D$19=1,J6854*Input!$C$19,0)+IF(Input!$D$20=1,K6854*Input!$C$20,0)+IF(Input!$D$21=1,L6854*Input!$C$21,0)+IF(Input!$D$22=1,M6854*Input!$C$22,0)</f>
        <v>0.20349851291800644</v>
      </c>
      <c r="O6854" s="59">
        <f>IF(Input!$D$19=2,J6854*Input!$C$19,0)+IF(Input!$D$20=2,K6854*Input!$C$20,0)+IF(Input!$D$21=2,L6854*Input!$C$21,0)+IF(Input!$D$22=2,M6854*Input!$C$22,0)</f>
        <v>0.50874628229501617</v>
      </c>
      <c r="P6854" s="59">
        <f>IF(Input!$D$19=3,J6854*Input!$C$19,0)+IF(Input!$D$20=3,K6854*Input!$C$20,0)+IF(Input!$D$21=3,L6854*Input!$C$21,0)+IF(Input!$D$22=3,M6854*Input!$C$22,0)</f>
        <v>0</v>
      </c>
      <c r="Q6854" s="75">
        <f>IF(Input!$D$19=4,J6854*Input!$C$19,0)+IF(Input!$D$20=4,K6854*Input!$C$20,0)+IF(Input!$D$21=4,L6854*Input!$C$21,0)+IF(Input!$D$22=4,M6854*Input!$C$22,0)</f>
        <v>0</v>
      </c>
      <c r="R6854" s="58">
        <v>50.138590853568154</v>
      </c>
      <c r="S6854" s="124">
        <f t="shared" si="106"/>
        <v>0.88182688931136133</v>
      </c>
    </row>
    <row r="6855" spans="8:19" x14ac:dyDescent="0.3">
      <c r="H6855" s="44">
        <v>6848</v>
      </c>
      <c r="I6855" s="56">
        <f>Bühler!I6881</f>
        <v>0.23211549129710107</v>
      </c>
      <c r="J6855" s="59">
        <f>Bühler!J6881</f>
        <v>0.77371830432367039</v>
      </c>
      <c r="K6855" s="59">
        <f>Bühler!K6881</f>
        <v>1.1605774564855056</v>
      </c>
      <c r="L6855" s="59">
        <f>Bühler!L6881</f>
        <v>13.742711049142452</v>
      </c>
      <c r="M6855" s="58">
        <f>Bühler!M6881</f>
        <v>0</v>
      </c>
      <c r="N6855" s="56">
        <f>IF(Input!$D$19=1,J6855*Input!$C$19,0)+IF(Input!$D$20=1,K6855*Input!$C$20,0)+IF(Input!$D$21=1,L6855*Input!$C$21,0)+IF(Input!$D$22=1,M6855*Input!$C$22,0)</f>
        <v>0.2321154912971011</v>
      </c>
      <c r="O6855" s="59">
        <f>IF(Input!$D$19=2,J6855*Input!$C$19,0)+IF(Input!$D$20=2,K6855*Input!$C$20,0)+IF(Input!$D$21=2,L6855*Input!$C$21,0)+IF(Input!$D$22=2,M6855*Input!$C$22,0)</f>
        <v>0.58028872824275279</v>
      </c>
      <c r="P6855" s="59">
        <f>IF(Input!$D$19=3,J6855*Input!$C$19,0)+IF(Input!$D$20=3,K6855*Input!$C$20,0)+IF(Input!$D$21=3,L6855*Input!$C$21,0)+IF(Input!$D$22=3,M6855*Input!$C$22,0)</f>
        <v>0</v>
      </c>
      <c r="Q6855" s="75">
        <f>IF(Input!$D$19=4,J6855*Input!$C$19,0)+IF(Input!$D$20=4,K6855*Input!$C$20,0)+IF(Input!$D$21=4,L6855*Input!$C$21,0)+IF(Input!$D$22=4,M6855*Input!$C$22,0)</f>
        <v>0</v>
      </c>
      <c r="R6855" s="58">
        <v>50.501060207301528</v>
      </c>
      <c r="S6855" s="124">
        <f t="shared" si="106"/>
        <v>1.0058337956207715</v>
      </c>
    </row>
    <row r="6856" spans="8:19" x14ac:dyDescent="0.3">
      <c r="H6856" s="44">
        <v>6849</v>
      </c>
      <c r="I6856" s="56">
        <f>Bühler!I6882</f>
        <v>0.23211549129710107</v>
      </c>
      <c r="J6856" s="59">
        <f>Bühler!J6882</f>
        <v>0.77371830432367039</v>
      </c>
      <c r="K6856" s="59">
        <f>Bühler!K6882</f>
        <v>1.1605774564855056</v>
      </c>
      <c r="L6856" s="59">
        <f>Bühler!L6882</f>
        <v>13.742711049142452</v>
      </c>
      <c r="M6856" s="58">
        <f>Bühler!M6882</f>
        <v>0</v>
      </c>
      <c r="N6856" s="56">
        <f>IF(Input!$D$19=1,J6856*Input!$C$19,0)+IF(Input!$D$20=1,K6856*Input!$C$20,0)+IF(Input!$D$21=1,L6856*Input!$C$21,0)+IF(Input!$D$22=1,M6856*Input!$C$22,0)</f>
        <v>0.2321154912971011</v>
      </c>
      <c r="O6856" s="59">
        <f>IF(Input!$D$19=2,J6856*Input!$C$19,0)+IF(Input!$D$20=2,K6856*Input!$C$20,0)+IF(Input!$D$21=2,L6856*Input!$C$21,0)+IF(Input!$D$22=2,M6856*Input!$C$22,0)</f>
        <v>0.58028872824275279</v>
      </c>
      <c r="P6856" s="59">
        <f>IF(Input!$D$19=3,J6856*Input!$C$19,0)+IF(Input!$D$20=3,K6856*Input!$C$20,0)+IF(Input!$D$21=3,L6856*Input!$C$21,0)+IF(Input!$D$22=3,M6856*Input!$C$22,0)</f>
        <v>0</v>
      </c>
      <c r="Q6856" s="75">
        <f>IF(Input!$D$19=4,J6856*Input!$C$19,0)+IF(Input!$D$20=4,K6856*Input!$C$20,0)+IF(Input!$D$21=4,L6856*Input!$C$21,0)+IF(Input!$D$22=4,M6856*Input!$C$22,0)</f>
        <v>0</v>
      </c>
      <c r="R6856" s="58">
        <v>49.318556431531285</v>
      </c>
      <c r="S6856" s="124">
        <f t="shared" si="106"/>
        <v>1.0058337956207715</v>
      </c>
    </row>
    <row r="6857" spans="8:19" x14ac:dyDescent="0.3">
      <c r="H6857" s="44">
        <v>6850</v>
      </c>
      <c r="I6857" s="56">
        <f>Bühler!I6883</f>
        <v>0.23211549129710107</v>
      </c>
      <c r="J6857" s="59">
        <f>Bühler!J6883</f>
        <v>0.77371830432367039</v>
      </c>
      <c r="K6857" s="59">
        <f>Bühler!K6883</f>
        <v>1.1605774564855056</v>
      </c>
      <c r="L6857" s="59">
        <f>Bühler!L6883</f>
        <v>13.742711049142452</v>
      </c>
      <c r="M6857" s="58">
        <f>Bühler!M6883</f>
        <v>0</v>
      </c>
      <c r="N6857" s="56">
        <f>IF(Input!$D$19=1,J6857*Input!$C$19,0)+IF(Input!$D$20=1,K6857*Input!$C$20,0)+IF(Input!$D$21=1,L6857*Input!$C$21,0)+IF(Input!$D$22=1,M6857*Input!$C$22,0)</f>
        <v>0.2321154912971011</v>
      </c>
      <c r="O6857" s="59">
        <f>IF(Input!$D$19=2,J6857*Input!$C$19,0)+IF(Input!$D$20=2,K6857*Input!$C$20,0)+IF(Input!$D$21=2,L6857*Input!$C$21,0)+IF(Input!$D$22=2,M6857*Input!$C$22,0)</f>
        <v>0.58028872824275279</v>
      </c>
      <c r="P6857" s="59">
        <f>IF(Input!$D$19=3,J6857*Input!$C$19,0)+IF(Input!$D$20=3,K6857*Input!$C$20,0)+IF(Input!$D$21=3,L6857*Input!$C$21,0)+IF(Input!$D$22=3,M6857*Input!$C$22,0)</f>
        <v>0</v>
      </c>
      <c r="Q6857" s="75">
        <f>IF(Input!$D$19=4,J6857*Input!$C$19,0)+IF(Input!$D$20=4,K6857*Input!$C$20,0)+IF(Input!$D$21=4,L6857*Input!$C$21,0)+IF(Input!$D$22=4,M6857*Input!$C$22,0)</f>
        <v>0</v>
      </c>
      <c r="R6857" s="58">
        <v>49.215527860826136</v>
      </c>
      <c r="S6857" s="124">
        <f t="shared" ref="S6857:S6920" si="107">I6857+J6857</f>
        <v>1.0058337956207715</v>
      </c>
    </row>
    <row r="6858" spans="8:19" x14ac:dyDescent="0.3">
      <c r="H6858" s="44">
        <v>6851</v>
      </c>
      <c r="I6858" s="56">
        <f>Bühler!I6884</f>
        <v>0.23211549129710107</v>
      </c>
      <c r="J6858" s="59">
        <f>Bühler!J6884</f>
        <v>0.77371830432367039</v>
      </c>
      <c r="K6858" s="59">
        <f>Bühler!K6884</f>
        <v>1.1605774564855056</v>
      </c>
      <c r="L6858" s="59">
        <f>Bühler!L6884</f>
        <v>13.742711049142452</v>
      </c>
      <c r="M6858" s="58">
        <f>Bühler!M6884</f>
        <v>0</v>
      </c>
      <c r="N6858" s="56">
        <f>IF(Input!$D$19=1,J6858*Input!$C$19,0)+IF(Input!$D$20=1,K6858*Input!$C$20,0)+IF(Input!$D$21=1,L6858*Input!$C$21,0)+IF(Input!$D$22=1,M6858*Input!$C$22,0)</f>
        <v>0.2321154912971011</v>
      </c>
      <c r="O6858" s="59">
        <f>IF(Input!$D$19=2,J6858*Input!$C$19,0)+IF(Input!$D$20=2,K6858*Input!$C$20,0)+IF(Input!$D$21=2,L6858*Input!$C$21,0)+IF(Input!$D$22=2,M6858*Input!$C$22,0)</f>
        <v>0.58028872824275279</v>
      </c>
      <c r="P6858" s="59">
        <f>IF(Input!$D$19=3,J6858*Input!$C$19,0)+IF(Input!$D$20=3,K6858*Input!$C$20,0)+IF(Input!$D$21=3,L6858*Input!$C$21,0)+IF(Input!$D$22=3,M6858*Input!$C$22,0)</f>
        <v>0</v>
      </c>
      <c r="Q6858" s="75">
        <f>IF(Input!$D$19=4,J6858*Input!$C$19,0)+IF(Input!$D$20=4,K6858*Input!$C$20,0)+IF(Input!$D$21=4,L6858*Input!$C$21,0)+IF(Input!$D$22=4,M6858*Input!$C$22,0)</f>
        <v>0</v>
      </c>
      <c r="R6858" s="58">
        <v>48.800930949083217</v>
      </c>
      <c r="S6858" s="124">
        <f t="shared" si="107"/>
        <v>1.0058337956207715</v>
      </c>
    </row>
    <row r="6859" spans="8:19" x14ac:dyDescent="0.3">
      <c r="H6859" s="44">
        <v>6852</v>
      </c>
      <c r="I6859" s="56">
        <f>Bühler!I6885</f>
        <v>0.23211549129710107</v>
      </c>
      <c r="J6859" s="59">
        <f>Bühler!J6885</f>
        <v>0.77371830432367039</v>
      </c>
      <c r="K6859" s="59">
        <f>Bühler!K6885</f>
        <v>1.1605774564855056</v>
      </c>
      <c r="L6859" s="59">
        <f>Bühler!L6885</f>
        <v>13.742711049142452</v>
      </c>
      <c r="M6859" s="58">
        <f>Bühler!M6885</f>
        <v>0</v>
      </c>
      <c r="N6859" s="56">
        <f>IF(Input!$D$19=1,J6859*Input!$C$19,0)+IF(Input!$D$20=1,K6859*Input!$C$20,0)+IF(Input!$D$21=1,L6859*Input!$C$21,0)+IF(Input!$D$22=1,M6859*Input!$C$22,0)</f>
        <v>0.2321154912971011</v>
      </c>
      <c r="O6859" s="59">
        <f>IF(Input!$D$19=2,J6859*Input!$C$19,0)+IF(Input!$D$20=2,K6859*Input!$C$20,0)+IF(Input!$D$21=2,L6859*Input!$C$21,0)+IF(Input!$D$22=2,M6859*Input!$C$22,0)</f>
        <v>0.58028872824275279</v>
      </c>
      <c r="P6859" s="59">
        <f>IF(Input!$D$19=3,J6859*Input!$C$19,0)+IF(Input!$D$20=3,K6859*Input!$C$20,0)+IF(Input!$D$21=3,L6859*Input!$C$21,0)+IF(Input!$D$22=3,M6859*Input!$C$22,0)</f>
        <v>0</v>
      </c>
      <c r="Q6859" s="75">
        <f>IF(Input!$D$19=4,J6859*Input!$C$19,0)+IF(Input!$D$20=4,K6859*Input!$C$20,0)+IF(Input!$D$21=4,L6859*Input!$C$21,0)+IF(Input!$D$22=4,M6859*Input!$C$22,0)</f>
        <v>0</v>
      </c>
      <c r="R6859" s="58">
        <v>48.500495053803292</v>
      </c>
      <c r="S6859" s="124">
        <f t="shared" si="107"/>
        <v>1.0058337956207715</v>
      </c>
    </row>
    <row r="6860" spans="8:19" x14ac:dyDescent="0.3">
      <c r="H6860" s="44">
        <v>6853</v>
      </c>
      <c r="I6860" s="56">
        <f>Bühler!I6886</f>
        <v>0.23211549129710107</v>
      </c>
      <c r="J6860" s="59">
        <f>Bühler!J6886</f>
        <v>0.77371830432367039</v>
      </c>
      <c r="K6860" s="59">
        <f>Bühler!K6886</f>
        <v>1.1605774564855056</v>
      </c>
      <c r="L6860" s="59">
        <f>Bühler!L6886</f>
        <v>13.742711049142452</v>
      </c>
      <c r="M6860" s="58">
        <f>Bühler!M6886</f>
        <v>0</v>
      </c>
      <c r="N6860" s="56">
        <f>IF(Input!$D$19=1,J6860*Input!$C$19,0)+IF(Input!$D$20=1,K6860*Input!$C$20,0)+IF(Input!$D$21=1,L6860*Input!$C$21,0)+IF(Input!$D$22=1,M6860*Input!$C$22,0)</f>
        <v>0.2321154912971011</v>
      </c>
      <c r="O6860" s="59">
        <f>IF(Input!$D$19=2,J6860*Input!$C$19,0)+IF(Input!$D$20=2,K6860*Input!$C$20,0)+IF(Input!$D$21=2,L6860*Input!$C$21,0)+IF(Input!$D$22=2,M6860*Input!$C$22,0)</f>
        <v>0.58028872824275279</v>
      </c>
      <c r="P6860" s="59">
        <f>IF(Input!$D$19=3,J6860*Input!$C$19,0)+IF(Input!$D$20=3,K6860*Input!$C$20,0)+IF(Input!$D$21=3,L6860*Input!$C$21,0)+IF(Input!$D$22=3,M6860*Input!$C$22,0)</f>
        <v>0</v>
      </c>
      <c r="Q6860" s="75">
        <f>IF(Input!$D$19=4,J6860*Input!$C$19,0)+IF(Input!$D$20=4,K6860*Input!$C$20,0)+IF(Input!$D$21=4,L6860*Input!$C$21,0)+IF(Input!$D$22=4,M6860*Input!$C$22,0)</f>
        <v>0</v>
      </c>
      <c r="R6860" s="58">
        <v>47.923439582084413</v>
      </c>
      <c r="S6860" s="124">
        <f t="shared" si="107"/>
        <v>1.0058337956207715</v>
      </c>
    </row>
    <row r="6861" spans="8:19" x14ac:dyDescent="0.3">
      <c r="H6861" s="44">
        <v>6854</v>
      </c>
      <c r="I6861" s="56">
        <f>Bühler!I6887</f>
        <v>0.23211549129710107</v>
      </c>
      <c r="J6861" s="59">
        <f>Bühler!J6887</f>
        <v>0.77371830432367039</v>
      </c>
      <c r="K6861" s="59">
        <f>Bühler!K6887</f>
        <v>1.1605774564855056</v>
      </c>
      <c r="L6861" s="59">
        <f>Bühler!L6887</f>
        <v>13.742711049142452</v>
      </c>
      <c r="M6861" s="58">
        <f>Bühler!M6887</f>
        <v>0</v>
      </c>
      <c r="N6861" s="56">
        <f>IF(Input!$D$19=1,J6861*Input!$C$19,0)+IF(Input!$D$20=1,K6861*Input!$C$20,0)+IF(Input!$D$21=1,L6861*Input!$C$21,0)+IF(Input!$D$22=1,M6861*Input!$C$22,0)</f>
        <v>0.2321154912971011</v>
      </c>
      <c r="O6861" s="59">
        <f>IF(Input!$D$19=2,J6861*Input!$C$19,0)+IF(Input!$D$20=2,K6861*Input!$C$20,0)+IF(Input!$D$21=2,L6861*Input!$C$21,0)+IF(Input!$D$22=2,M6861*Input!$C$22,0)</f>
        <v>0.58028872824275279</v>
      </c>
      <c r="P6861" s="59">
        <f>IF(Input!$D$19=3,J6861*Input!$C$19,0)+IF(Input!$D$20=3,K6861*Input!$C$20,0)+IF(Input!$D$21=3,L6861*Input!$C$21,0)+IF(Input!$D$22=3,M6861*Input!$C$22,0)</f>
        <v>0</v>
      </c>
      <c r="Q6861" s="75">
        <f>IF(Input!$D$19=4,J6861*Input!$C$19,0)+IF(Input!$D$20=4,K6861*Input!$C$20,0)+IF(Input!$D$21=4,L6861*Input!$C$21,0)+IF(Input!$D$22=4,M6861*Input!$C$22,0)</f>
        <v>0</v>
      </c>
      <c r="R6861" s="58">
        <v>47.20503658511668</v>
      </c>
      <c r="S6861" s="124">
        <f t="shared" si="107"/>
        <v>1.0058337956207715</v>
      </c>
    </row>
    <row r="6862" spans="8:19" x14ac:dyDescent="0.3">
      <c r="H6862" s="44">
        <v>6855</v>
      </c>
      <c r="I6862" s="56">
        <f>Bühler!I6888</f>
        <v>0.23211549129710107</v>
      </c>
      <c r="J6862" s="59">
        <f>Bühler!J6888</f>
        <v>0.77371830432367039</v>
      </c>
      <c r="K6862" s="59">
        <f>Bühler!K6888</f>
        <v>1.1605774564855056</v>
      </c>
      <c r="L6862" s="59">
        <f>Bühler!L6888</f>
        <v>13.742711049142452</v>
      </c>
      <c r="M6862" s="58">
        <f>Bühler!M6888</f>
        <v>0</v>
      </c>
      <c r="N6862" s="56">
        <f>IF(Input!$D$19=1,J6862*Input!$C$19,0)+IF(Input!$D$20=1,K6862*Input!$C$20,0)+IF(Input!$D$21=1,L6862*Input!$C$21,0)+IF(Input!$D$22=1,M6862*Input!$C$22,0)</f>
        <v>0.2321154912971011</v>
      </c>
      <c r="O6862" s="59">
        <f>IF(Input!$D$19=2,J6862*Input!$C$19,0)+IF(Input!$D$20=2,K6862*Input!$C$20,0)+IF(Input!$D$21=2,L6862*Input!$C$21,0)+IF(Input!$D$22=2,M6862*Input!$C$22,0)</f>
        <v>0.58028872824275279</v>
      </c>
      <c r="P6862" s="59">
        <f>IF(Input!$D$19=3,J6862*Input!$C$19,0)+IF(Input!$D$20=3,K6862*Input!$C$20,0)+IF(Input!$D$21=3,L6862*Input!$C$21,0)+IF(Input!$D$22=3,M6862*Input!$C$22,0)</f>
        <v>0</v>
      </c>
      <c r="Q6862" s="75">
        <f>IF(Input!$D$19=4,J6862*Input!$C$19,0)+IF(Input!$D$20=4,K6862*Input!$C$20,0)+IF(Input!$D$21=4,L6862*Input!$C$21,0)+IF(Input!$D$22=4,M6862*Input!$C$22,0)</f>
        <v>0</v>
      </c>
      <c r="R6862" s="58">
        <v>47.094611613715571</v>
      </c>
      <c r="S6862" s="124">
        <f t="shared" si="107"/>
        <v>1.0058337956207715</v>
      </c>
    </row>
    <row r="6863" spans="8:19" x14ac:dyDescent="0.3">
      <c r="H6863" s="44">
        <v>6856</v>
      </c>
      <c r="I6863" s="56">
        <f>Bühler!I6889</f>
        <v>0.20985784144669414</v>
      </c>
      <c r="J6863" s="59">
        <f>Bühler!J6889</f>
        <v>0.69952613815564724</v>
      </c>
      <c r="K6863" s="59">
        <f>Bühler!K6889</f>
        <v>1.0492892072334707</v>
      </c>
      <c r="L6863" s="59">
        <f>Bühler!L6889</f>
        <v>12.424916838950708</v>
      </c>
      <c r="M6863" s="58">
        <f>Bühler!M6889</f>
        <v>0</v>
      </c>
      <c r="N6863" s="56">
        <f>IF(Input!$D$19=1,J6863*Input!$C$19,0)+IF(Input!$D$20=1,K6863*Input!$C$20,0)+IF(Input!$D$21=1,L6863*Input!$C$21,0)+IF(Input!$D$22=1,M6863*Input!$C$22,0)</f>
        <v>0.20985784144669417</v>
      </c>
      <c r="O6863" s="59">
        <f>IF(Input!$D$19=2,J6863*Input!$C$19,0)+IF(Input!$D$20=2,K6863*Input!$C$20,0)+IF(Input!$D$21=2,L6863*Input!$C$21,0)+IF(Input!$D$22=2,M6863*Input!$C$22,0)</f>
        <v>0.52464460361673537</v>
      </c>
      <c r="P6863" s="59">
        <f>IF(Input!$D$19=3,J6863*Input!$C$19,0)+IF(Input!$D$20=3,K6863*Input!$C$20,0)+IF(Input!$D$21=3,L6863*Input!$C$21,0)+IF(Input!$D$22=3,M6863*Input!$C$22,0)</f>
        <v>0</v>
      </c>
      <c r="Q6863" s="75">
        <f>IF(Input!$D$19=4,J6863*Input!$C$19,0)+IF(Input!$D$20=4,K6863*Input!$C$20,0)+IF(Input!$D$21=4,L6863*Input!$C$21,0)+IF(Input!$D$22=4,M6863*Input!$C$22,0)</f>
        <v>0</v>
      </c>
      <c r="R6863" s="58">
        <v>46.619950463148527</v>
      </c>
      <c r="S6863" s="124">
        <f t="shared" si="107"/>
        <v>0.90938397960234141</v>
      </c>
    </row>
    <row r="6864" spans="8:19" x14ac:dyDescent="0.3">
      <c r="H6864" s="44">
        <v>6857</v>
      </c>
      <c r="I6864" s="56">
        <f>Bühler!I6890</f>
        <v>0.19077985586063104</v>
      </c>
      <c r="J6864" s="59">
        <f>Bühler!J6890</f>
        <v>0.6359328528687701</v>
      </c>
      <c r="K6864" s="59">
        <f>Bühler!K6890</f>
        <v>0.95389927930315521</v>
      </c>
      <c r="L6864" s="59">
        <f>Bühler!L6890</f>
        <v>11.295378944500644</v>
      </c>
      <c r="M6864" s="58">
        <f>Bühler!M6890</f>
        <v>0</v>
      </c>
      <c r="N6864" s="56">
        <f>IF(Input!$D$19=1,J6864*Input!$C$19,0)+IF(Input!$D$20=1,K6864*Input!$C$20,0)+IF(Input!$D$21=1,L6864*Input!$C$21,0)+IF(Input!$D$22=1,M6864*Input!$C$22,0)</f>
        <v>0.19077985586063104</v>
      </c>
      <c r="O6864" s="59">
        <f>IF(Input!$D$19=2,J6864*Input!$C$19,0)+IF(Input!$D$20=2,K6864*Input!$C$20,0)+IF(Input!$D$21=2,L6864*Input!$C$21,0)+IF(Input!$D$22=2,M6864*Input!$C$22,0)</f>
        <v>0.47694963965157761</v>
      </c>
      <c r="P6864" s="59">
        <f>IF(Input!$D$19=3,J6864*Input!$C$19,0)+IF(Input!$D$20=3,K6864*Input!$C$20,0)+IF(Input!$D$21=3,L6864*Input!$C$21,0)+IF(Input!$D$22=3,M6864*Input!$C$22,0)</f>
        <v>0</v>
      </c>
      <c r="Q6864" s="75">
        <f>IF(Input!$D$19=4,J6864*Input!$C$19,0)+IF(Input!$D$20=4,K6864*Input!$C$20,0)+IF(Input!$D$21=4,L6864*Input!$C$21,0)+IF(Input!$D$22=4,M6864*Input!$C$22,0)</f>
        <v>0</v>
      </c>
      <c r="R6864" s="58">
        <v>45.826883346724429</v>
      </c>
      <c r="S6864" s="124">
        <f t="shared" si="107"/>
        <v>0.82671270872940117</v>
      </c>
    </row>
    <row r="6865" spans="8:19" x14ac:dyDescent="0.3">
      <c r="H6865" s="44">
        <v>6858</v>
      </c>
      <c r="I6865" s="56">
        <f>Bühler!I6891</f>
        <v>0.17170187027456796</v>
      </c>
      <c r="J6865" s="59">
        <f>Bühler!J6891</f>
        <v>0.57233956758189319</v>
      </c>
      <c r="K6865" s="59">
        <f>Bühler!K6891</f>
        <v>0.8585093513728399</v>
      </c>
      <c r="L6865" s="59">
        <f>Bühler!L6891</f>
        <v>10.165841050050581</v>
      </c>
      <c r="M6865" s="58">
        <f>Bühler!M6891</f>
        <v>0</v>
      </c>
      <c r="N6865" s="56">
        <f>IF(Input!$D$19=1,J6865*Input!$C$19,0)+IF(Input!$D$20=1,K6865*Input!$C$20,0)+IF(Input!$D$21=1,L6865*Input!$C$21,0)+IF(Input!$D$22=1,M6865*Input!$C$22,0)</f>
        <v>0.17170187027456796</v>
      </c>
      <c r="O6865" s="59">
        <f>IF(Input!$D$19=2,J6865*Input!$C$19,0)+IF(Input!$D$20=2,K6865*Input!$C$20,0)+IF(Input!$D$21=2,L6865*Input!$C$21,0)+IF(Input!$D$22=2,M6865*Input!$C$22,0)</f>
        <v>0.42925467568641995</v>
      </c>
      <c r="P6865" s="59">
        <f>IF(Input!$D$19=3,J6865*Input!$C$19,0)+IF(Input!$D$20=3,K6865*Input!$C$20,0)+IF(Input!$D$21=3,L6865*Input!$C$21,0)+IF(Input!$D$22=3,M6865*Input!$C$22,0)</f>
        <v>0</v>
      </c>
      <c r="Q6865" s="75">
        <f>IF(Input!$D$19=4,J6865*Input!$C$19,0)+IF(Input!$D$20=4,K6865*Input!$C$20,0)+IF(Input!$D$21=4,L6865*Input!$C$21,0)+IF(Input!$D$22=4,M6865*Input!$C$22,0)</f>
        <v>0</v>
      </c>
      <c r="R6865" s="58">
        <v>45.186212882133873</v>
      </c>
      <c r="S6865" s="124">
        <f t="shared" si="107"/>
        <v>0.74404143785646115</v>
      </c>
    </row>
    <row r="6866" spans="8:19" x14ac:dyDescent="0.3">
      <c r="H6866" s="44">
        <v>6859</v>
      </c>
      <c r="I6866" s="56">
        <f>Bühler!I6892</f>
        <v>0.16534254174588023</v>
      </c>
      <c r="J6866" s="59">
        <f>Bühler!J6892</f>
        <v>0.55114180581960082</v>
      </c>
      <c r="K6866" s="59">
        <f>Bühler!K6892</f>
        <v>0.82671270872940128</v>
      </c>
      <c r="L6866" s="59">
        <f>Bühler!L6892</f>
        <v>9.7893284185672229</v>
      </c>
      <c r="M6866" s="58">
        <f>Bühler!M6892</f>
        <v>0</v>
      </c>
      <c r="N6866" s="56">
        <f>IF(Input!$D$19=1,J6866*Input!$C$19,0)+IF(Input!$D$20=1,K6866*Input!$C$20,0)+IF(Input!$D$21=1,L6866*Input!$C$21,0)+IF(Input!$D$22=1,M6866*Input!$C$22,0)</f>
        <v>0.16534254174588023</v>
      </c>
      <c r="O6866" s="59">
        <f>IF(Input!$D$19=2,J6866*Input!$C$19,0)+IF(Input!$D$20=2,K6866*Input!$C$20,0)+IF(Input!$D$21=2,L6866*Input!$C$21,0)+IF(Input!$D$22=2,M6866*Input!$C$22,0)</f>
        <v>0.41335635436470064</v>
      </c>
      <c r="P6866" s="59">
        <f>IF(Input!$D$19=3,J6866*Input!$C$19,0)+IF(Input!$D$20=3,K6866*Input!$C$20,0)+IF(Input!$D$21=3,L6866*Input!$C$21,0)+IF(Input!$D$22=3,M6866*Input!$C$22,0)</f>
        <v>0</v>
      </c>
      <c r="Q6866" s="75">
        <f>IF(Input!$D$19=4,J6866*Input!$C$19,0)+IF(Input!$D$20=4,K6866*Input!$C$20,0)+IF(Input!$D$21=4,L6866*Input!$C$21,0)+IF(Input!$D$22=4,M6866*Input!$C$22,0)</f>
        <v>0</v>
      </c>
      <c r="R6866" s="58">
        <v>44.446716875467317</v>
      </c>
      <c r="S6866" s="124">
        <f t="shared" si="107"/>
        <v>0.71648434756548107</v>
      </c>
    </row>
    <row r="6867" spans="8:19" x14ac:dyDescent="0.3">
      <c r="H6867" s="44">
        <v>6860</v>
      </c>
      <c r="I6867" s="56">
        <f>Bühler!I6893</f>
        <v>0.13354589910244172</v>
      </c>
      <c r="J6867" s="59">
        <f>Bühler!J6893</f>
        <v>0.44515299700813915</v>
      </c>
      <c r="K6867" s="59">
        <f>Bühler!K6893</f>
        <v>0.66772949551220873</v>
      </c>
      <c r="L6867" s="59">
        <f>Bühler!L6893</f>
        <v>7.9067652611504498</v>
      </c>
      <c r="M6867" s="58">
        <f>Bühler!M6893</f>
        <v>0</v>
      </c>
      <c r="N6867" s="56">
        <f>IF(Input!$D$19=1,J6867*Input!$C$19,0)+IF(Input!$D$20=1,K6867*Input!$C$20,0)+IF(Input!$D$21=1,L6867*Input!$C$21,0)+IF(Input!$D$22=1,M6867*Input!$C$22,0)</f>
        <v>0.13354589910244175</v>
      </c>
      <c r="O6867" s="59">
        <f>IF(Input!$D$19=2,J6867*Input!$C$19,0)+IF(Input!$D$20=2,K6867*Input!$C$20,0)+IF(Input!$D$21=2,L6867*Input!$C$21,0)+IF(Input!$D$22=2,M6867*Input!$C$22,0)</f>
        <v>0.33386474775610436</v>
      </c>
      <c r="P6867" s="59">
        <f>IF(Input!$D$19=3,J6867*Input!$C$19,0)+IF(Input!$D$20=3,K6867*Input!$C$20,0)+IF(Input!$D$21=3,L6867*Input!$C$21,0)+IF(Input!$D$22=3,M6867*Input!$C$22,0)</f>
        <v>0</v>
      </c>
      <c r="Q6867" s="75">
        <f>IF(Input!$D$19=4,J6867*Input!$C$19,0)+IF(Input!$D$20=4,K6867*Input!$C$20,0)+IF(Input!$D$21=4,L6867*Input!$C$21,0)+IF(Input!$D$22=4,M6867*Input!$C$22,0)</f>
        <v>0</v>
      </c>
      <c r="R6867" s="58">
        <v>44.205922425203461</v>
      </c>
      <c r="S6867" s="124">
        <f t="shared" si="107"/>
        <v>0.5786988961105809</v>
      </c>
    </row>
    <row r="6868" spans="8:19" x14ac:dyDescent="0.3">
      <c r="H6868" s="44">
        <v>6861</v>
      </c>
      <c r="I6868" s="56">
        <f>Bühler!I6894</f>
        <v>9.8569592194659369E-2</v>
      </c>
      <c r="J6868" s="59">
        <f>Bühler!J6894</f>
        <v>0.32856530731553124</v>
      </c>
      <c r="K6868" s="59">
        <f>Bühler!K6894</f>
        <v>0.49284796097329686</v>
      </c>
      <c r="L6868" s="59">
        <f>Bühler!L6894</f>
        <v>5.8359457879919985</v>
      </c>
      <c r="M6868" s="58">
        <f>Bühler!M6894</f>
        <v>0</v>
      </c>
      <c r="N6868" s="56">
        <f>IF(Input!$D$19=1,J6868*Input!$C$19,0)+IF(Input!$D$20=1,K6868*Input!$C$20,0)+IF(Input!$D$21=1,L6868*Input!$C$21,0)+IF(Input!$D$22=1,M6868*Input!$C$22,0)</f>
        <v>9.8569592194659369E-2</v>
      </c>
      <c r="O6868" s="59">
        <f>IF(Input!$D$19=2,J6868*Input!$C$19,0)+IF(Input!$D$20=2,K6868*Input!$C$20,0)+IF(Input!$D$21=2,L6868*Input!$C$21,0)+IF(Input!$D$22=2,M6868*Input!$C$22,0)</f>
        <v>0.24642398048664843</v>
      </c>
      <c r="P6868" s="59">
        <f>IF(Input!$D$19=3,J6868*Input!$C$19,0)+IF(Input!$D$20=3,K6868*Input!$C$20,0)+IF(Input!$D$21=3,L6868*Input!$C$21,0)+IF(Input!$D$22=3,M6868*Input!$C$22,0)</f>
        <v>0</v>
      </c>
      <c r="Q6868" s="75">
        <f>IF(Input!$D$19=4,J6868*Input!$C$19,0)+IF(Input!$D$20=4,K6868*Input!$C$20,0)+IF(Input!$D$21=4,L6868*Input!$C$21,0)+IF(Input!$D$22=4,M6868*Input!$C$22,0)</f>
        <v>0</v>
      </c>
      <c r="R6868" s="58">
        <v>43.529495639442395</v>
      </c>
      <c r="S6868" s="124">
        <f t="shared" si="107"/>
        <v>0.42713489951019062</v>
      </c>
    </row>
    <row r="6869" spans="8:19" x14ac:dyDescent="0.3">
      <c r="H6869" s="44">
        <v>6862</v>
      </c>
      <c r="I6869" s="56">
        <f>Bühler!I6895</f>
        <v>9.8569592194659369E-2</v>
      </c>
      <c r="J6869" s="59">
        <f>Bühler!J6895</f>
        <v>0.32856530731553124</v>
      </c>
      <c r="K6869" s="59">
        <f>Bühler!K6895</f>
        <v>0.49284796097329686</v>
      </c>
      <c r="L6869" s="59">
        <f>Bühler!L6895</f>
        <v>5.8359457879919985</v>
      </c>
      <c r="M6869" s="58">
        <f>Bühler!M6895</f>
        <v>0</v>
      </c>
      <c r="N6869" s="56">
        <f>IF(Input!$D$19=1,J6869*Input!$C$19,0)+IF(Input!$D$20=1,K6869*Input!$C$20,0)+IF(Input!$D$21=1,L6869*Input!$C$21,0)+IF(Input!$D$22=1,M6869*Input!$C$22,0)</f>
        <v>9.8569592194659369E-2</v>
      </c>
      <c r="O6869" s="59">
        <f>IF(Input!$D$19=2,J6869*Input!$C$19,0)+IF(Input!$D$20=2,K6869*Input!$C$20,0)+IF(Input!$D$21=2,L6869*Input!$C$21,0)+IF(Input!$D$22=2,M6869*Input!$C$22,0)</f>
        <v>0.24642398048664843</v>
      </c>
      <c r="P6869" s="59">
        <f>IF(Input!$D$19=3,J6869*Input!$C$19,0)+IF(Input!$D$20=3,K6869*Input!$C$20,0)+IF(Input!$D$21=3,L6869*Input!$C$21,0)+IF(Input!$D$22=3,M6869*Input!$C$22,0)</f>
        <v>0</v>
      </c>
      <c r="Q6869" s="75">
        <f>IF(Input!$D$19=4,J6869*Input!$C$19,0)+IF(Input!$D$20=4,K6869*Input!$C$20,0)+IF(Input!$D$21=4,L6869*Input!$C$21,0)+IF(Input!$D$22=4,M6869*Input!$C$22,0)</f>
        <v>0</v>
      </c>
      <c r="R6869" s="58">
        <v>43.112289394008187</v>
      </c>
      <c r="S6869" s="124">
        <f t="shared" si="107"/>
        <v>0.42713489951019062</v>
      </c>
    </row>
    <row r="6870" spans="8:19" x14ac:dyDescent="0.3">
      <c r="H6870" s="44">
        <v>6863</v>
      </c>
      <c r="I6870" s="56">
        <f>Bühler!I6896</f>
        <v>9.8569592194659369E-2</v>
      </c>
      <c r="J6870" s="59">
        <f>Bühler!J6896</f>
        <v>0.32856530731553124</v>
      </c>
      <c r="K6870" s="59">
        <f>Bühler!K6896</f>
        <v>0.49284796097329686</v>
      </c>
      <c r="L6870" s="59">
        <f>Bühler!L6896</f>
        <v>5.8359457879919985</v>
      </c>
      <c r="M6870" s="58">
        <f>Bühler!M6896</f>
        <v>0</v>
      </c>
      <c r="N6870" s="56">
        <f>IF(Input!$D$19=1,J6870*Input!$C$19,0)+IF(Input!$D$20=1,K6870*Input!$C$20,0)+IF(Input!$D$21=1,L6870*Input!$C$21,0)+IF(Input!$D$22=1,M6870*Input!$C$22,0)</f>
        <v>9.8569592194659369E-2</v>
      </c>
      <c r="O6870" s="59">
        <f>IF(Input!$D$19=2,J6870*Input!$C$19,0)+IF(Input!$D$20=2,K6870*Input!$C$20,0)+IF(Input!$D$21=2,L6870*Input!$C$21,0)+IF(Input!$D$22=2,M6870*Input!$C$22,0)</f>
        <v>0.24642398048664843</v>
      </c>
      <c r="P6870" s="59">
        <f>IF(Input!$D$19=3,J6870*Input!$C$19,0)+IF(Input!$D$20=3,K6870*Input!$C$20,0)+IF(Input!$D$21=3,L6870*Input!$C$21,0)+IF(Input!$D$22=3,M6870*Input!$C$22,0)</f>
        <v>0</v>
      </c>
      <c r="Q6870" s="75">
        <f>IF(Input!$D$19=4,J6870*Input!$C$19,0)+IF(Input!$D$20=4,K6870*Input!$C$20,0)+IF(Input!$D$21=4,L6870*Input!$C$21,0)+IF(Input!$D$22=4,M6870*Input!$C$22,0)</f>
        <v>0</v>
      </c>
      <c r="R6870" s="58">
        <v>43.044579091174725</v>
      </c>
      <c r="S6870" s="124">
        <f t="shared" si="107"/>
        <v>0.42713489951019062</v>
      </c>
    </row>
    <row r="6871" spans="8:19" x14ac:dyDescent="0.3">
      <c r="H6871" s="44">
        <v>6864</v>
      </c>
      <c r="I6871" s="56">
        <f>Bühler!I6897</f>
        <v>9.8569592194659369E-2</v>
      </c>
      <c r="J6871" s="59">
        <f>Bühler!J6897</f>
        <v>0.32856530731553124</v>
      </c>
      <c r="K6871" s="59">
        <f>Bühler!K6897</f>
        <v>0.49284796097329686</v>
      </c>
      <c r="L6871" s="59">
        <f>Bühler!L6897</f>
        <v>5.8359457879919985</v>
      </c>
      <c r="M6871" s="58">
        <f>Bühler!M6897</f>
        <v>0</v>
      </c>
      <c r="N6871" s="56">
        <f>IF(Input!$D$19=1,J6871*Input!$C$19,0)+IF(Input!$D$20=1,K6871*Input!$C$20,0)+IF(Input!$D$21=1,L6871*Input!$C$21,0)+IF(Input!$D$22=1,M6871*Input!$C$22,0)</f>
        <v>9.8569592194659369E-2</v>
      </c>
      <c r="O6871" s="59">
        <f>IF(Input!$D$19=2,J6871*Input!$C$19,0)+IF(Input!$D$20=2,K6871*Input!$C$20,0)+IF(Input!$D$21=2,L6871*Input!$C$21,0)+IF(Input!$D$22=2,M6871*Input!$C$22,0)</f>
        <v>0.24642398048664843</v>
      </c>
      <c r="P6871" s="59">
        <f>IF(Input!$D$19=3,J6871*Input!$C$19,0)+IF(Input!$D$20=3,K6871*Input!$C$20,0)+IF(Input!$D$21=3,L6871*Input!$C$21,0)+IF(Input!$D$22=3,M6871*Input!$C$22,0)</f>
        <v>0</v>
      </c>
      <c r="Q6871" s="75">
        <f>IF(Input!$D$19=4,J6871*Input!$C$19,0)+IF(Input!$D$20=4,K6871*Input!$C$20,0)+IF(Input!$D$21=4,L6871*Input!$C$21,0)+IF(Input!$D$22=4,M6871*Input!$C$22,0)</f>
        <v>0</v>
      </c>
      <c r="R6871" s="58">
        <v>42.81273142940384</v>
      </c>
      <c r="S6871" s="124">
        <f t="shared" si="107"/>
        <v>0.42713489951019062</v>
      </c>
    </row>
    <row r="6872" spans="8:19" x14ac:dyDescent="0.3">
      <c r="H6872" s="44">
        <v>6865</v>
      </c>
      <c r="I6872" s="56">
        <f>Bühler!I6898</f>
        <v>0.1173746474652002</v>
      </c>
      <c r="J6872" s="59">
        <f>Bühler!J6898</f>
        <v>0.3912488248840007</v>
      </c>
      <c r="K6872" s="59">
        <f>Bühler!K6898</f>
        <v>0.58687323732600105</v>
      </c>
      <c r="L6872" s="59">
        <f>Bühler!L6898</f>
        <v>6.7533247559450835</v>
      </c>
      <c r="M6872" s="58">
        <f>Bühler!M6898</f>
        <v>0</v>
      </c>
      <c r="N6872" s="56">
        <f>IF(Input!$D$19=1,J6872*Input!$C$19,0)+IF(Input!$D$20=1,K6872*Input!$C$20,0)+IF(Input!$D$21=1,L6872*Input!$C$21,0)+IF(Input!$D$22=1,M6872*Input!$C$22,0)</f>
        <v>0.11737464746520021</v>
      </c>
      <c r="O6872" s="59">
        <f>IF(Input!$D$19=2,J6872*Input!$C$19,0)+IF(Input!$D$20=2,K6872*Input!$C$20,0)+IF(Input!$D$21=2,L6872*Input!$C$21,0)+IF(Input!$D$22=2,M6872*Input!$C$22,0)</f>
        <v>0.29343661866300053</v>
      </c>
      <c r="P6872" s="59">
        <f>IF(Input!$D$19=3,J6872*Input!$C$19,0)+IF(Input!$D$20=3,K6872*Input!$C$20,0)+IF(Input!$D$21=3,L6872*Input!$C$21,0)+IF(Input!$D$22=3,M6872*Input!$C$22,0)</f>
        <v>0</v>
      </c>
      <c r="Q6872" s="75">
        <f>IF(Input!$D$19=4,J6872*Input!$C$19,0)+IF(Input!$D$20=4,K6872*Input!$C$20,0)+IF(Input!$D$21=4,L6872*Input!$C$21,0)+IF(Input!$D$22=4,M6872*Input!$C$22,0)</f>
        <v>0</v>
      </c>
      <c r="R6872" s="58">
        <v>42.532347171840669</v>
      </c>
      <c r="S6872" s="124">
        <f t="shared" si="107"/>
        <v>0.50862347234920091</v>
      </c>
    </row>
    <row r="6873" spans="8:19" x14ac:dyDescent="0.3">
      <c r="H6873" s="44">
        <v>6866</v>
      </c>
      <c r="I6873" s="56">
        <f>Bühler!I6899</f>
        <v>0.13630604221765186</v>
      </c>
      <c r="J6873" s="59">
        <f>Bühler!J6899</f>
        <v>0.45435347405883952</v>
      </c>
      <c r="K6873" s="59">
        <f>Bühler!K6899</f>
        <v>0.68153021108825929</v>
      </c>
      <c r="L6873" s="59">
        <f>Bühler!L6899</f>
        <v>7.8425706843233245</v>
      </c>
      <c r="M6873" s="58">
        <f>Bühler!M6899</f>
        <v>0</v>
      </c>
      <c r="N6873" s="56">
        <f>IF(Input!$D$19=1,J6873*Input!$C$19,0)+IF(Input!$D$20=1,K6873*Input!$C$20,0)+IF(Input!$D$21=1,L6873*Input!$C$21,0)+IF(Input!$D$22=1,M6873*Input!$C$22,0)</f>
        <v>0.13630604221765186</v>
      </c>
      <c r="O6873" s="59">
        <f>IF(Input!$D$19=2,J6873*Input!$C$19,0)+IF(Input!$D$20=2,K6873*Input!$C$20,0)+IF(Input!$D$21=2,L6873*Input!$C$21,0)+IF(Input!$D$22=2,M6873*Input!$C$22,0)</f>
        <v>0.34076510554412964</v>
      </c>
      <c r="P6873" s="59">
        <f>IF(Input!$D$19=3,J6873*Input!$C$19,0)+IF(Input!$D$20=3,K6873*Input!$C$20,0)+IF(Input!$D$21=3,L6873*Input!$C$21,0)+IF(Input!$D$22=3,M6873*Input!$C$22,0)</f>
        <v>0</v>
      </c>
      <c r="Q6873" s="75">
        <f>IF(Input!$D$19=4,J6873*Input!$C$19,0)+IF(Input!$D$20=4,K6873*Input!$C$20,0)+IF(Input!$D$21=4,L6873*Input!$C$21,0)+IF(Input!$D$22=4,M6873*Input!$C$22,0)</f>
        <v>0</v>
      </c>
      <c r="R6873" s="58">
        <v>41.581722204462551</v>
      </c>
      <c r="S6873" s="124">
        <f t="shared" si="107"/>
        <v>0.59065951627649138</v>
      </c>
    </row>
    <row r="6874" spans="8:19" x14ac:dyDescent="0.3">
      <c r="H6874" s="44">
        <v>6867</v>
      </c>
      <c r="I6874" s="56">
        <f>Bühler!I6900</f>
        <v>0.13630604221765186</v>
      </c>
      <c r="J6874" s="59">
        <f>Bühler!J6900</f>
        <v>0.45435347405883952</v>
      </c>
      <c r="K6874" s="59">
        <f>Bühler!K6900</f>
        <v>0.68153021108825929</v>
      </c>
      <c r="L6874" s="59">
        <f>Bühler!L6900</f>
        <v>7.8425706843233245</v>
      </c>
      <c r="M6874" s="58">
        <f>Bühler!M6900</f>
        <v>0</v>
      </c>
      <c r="N6874" s="56">
        <f>IF(Input!$D$19=1,J6874*Input!$C$19,0)+IF(Input!$D$20=1,K6874*Input!$C$20,0)+IF(Input!$D$21=1,L6874*Input!$C$21,0)+IF(Input!$D$22=1,M6874*Input!$C$22,0)</f>
        <v>0.13630604221765186</v>
      </c>
      <c r="O6874" s="59">
        <f>IF(Input!$D$19=2,J6874*Input!$C$19,0)+IF(Input!$D$20=2,K6874*Input!$C$20,0)+IF(Input!$D$21=2,L6874*Input!$C$21,0)+IF(Input!$D$22=2,M6874*Input!$C$22,0)</f>
        <v>0.34076510554412964</v>
      </c>
      <c r="P6874" s="59">
        <f>IF(Input!$D$19=3,J6874*Input!$C$19,0)+IF(Input!$D$20=3,K6874*Input!$C$20,0)+IF(Input!$D$21=3,L6874*Input!$C$21,0)+IF(Input!$D$22=3,M6874*Input!$C$22,0)</f>
        <v>0</v>
      </c>
      <c r="Q6874" s="75">
        <f>IF(Input!$D$19=4,J6874*Input!$C$19,0)+IF(Input!$D$20=4,K6874*Input!$C$20,0)+IF(Input!$D$21=4,L6874*Input!$C$21,0)+IF(Input!$D$22=4,M6874*Input!$C$22,0)</f>
        <v>0</v>
      </c>
      <c r="R6874" s="58">
        <v>42.248996080923028</v>
      </c>
      <c r="S6874" s="124">
        <f t="shared" si="107"/>
        <v>0.59065951627649138</v>
      </c>
    </row>
    <row r="6875" spans="8:19" x14ac:dyDescent="0.3">
      <c r="H6875" s="44">
        <v>6868</v>
      </c>
      <c r="I6875" s="56">
        <f>Bühler!I6901</f>
        <v>0.13630604221765186</v>
      </c>
      <c r="J6875" s="59">
        <f>Bühler!J6901</f>
        <v>0.45435347405883952</v>
      </c>
      <c r="K6875" s="59">
        <f>Bühler!K6901</f>
        <v>0.68153021108825929</v>
      </c>
      <c r="L6875" s="59">
        <f>Bühler!L6901</f>
        <v>7.8425706843233245</v>
      </c>
      <c r="M6875" s="58">
        <f>Bühler!M6901</f>
        <v>0</v>
      </c>
      <c r="N6875" s="56">
        <f>IF(Input!$D$19=1,J6875*Input!$C$19,0)+IF(Input!$D$20=1,K6875*Input!$C$20,0)+IF(Input!$D$21=1,L6875*Input!$C$21,0)+IF(Input!$D$22=1,M6875*Input!$C$22,0)</f>
        <v>0.13630604221765186</v>
      </c>
      <c r="O6875" s="59">
        <f>IF(Input!$D$19=2,J6875*Input!$C$19,0)+IF(Input!$D$20=2,K6875*Input!$C$20,0)+IF(Input!$D$21=2,L6875*Input!$C$21,0)+IF(Input!$D$22=2,M6875*Input!$C$22,0)</f>
        <v>0.34076510554412964</v>
      </c>
      <c r="P6875" s="59">
        <f>IF(Input!$D$19=3,J6875*Input!$C$19,0)+IF(Input!$D$20=3,K6875*Input!$C$20,0)+IF(Input!$D$21=3,L6875*Input!$C$21,0)+IF(Input!$D$22=3,M6875*Input!$C$22,0)</f>
        <v>0</v>
      </c>
      <c r="Q6875" s="75">
        <f>IF(Input!$D$19=4,J6875*Input!$C$19,0)+IF(Input!$D$20=4,K6875*Input!$C$20,0)+IF(Input!$D$21=4,L6875*Input!$C$21,0)+IF(Input!$D$22=4,M6875*Input!$C$22,0)</f>
        <v>0</v>
      </c>
      <c r="R6875" s="58">
        <v>42.343966091024974</v>
      </c>
      <c r="S6875" s="124">
        <f t="shared" si="107"/>
        <v>0.59065951627649138</v>
      </c>
    </row>
    <row r="6876" spans="8:19" x14ac:dyDescent="0.3">
      <c r="H6876" s="44">
        <v>6869</v>
      </c>
      <c r="I6876" s="56">
        <f>Bühler!I6902</f>
        <v>0.13630604221765186</v>
      </c>
      <c r="J6876" s="59">
        <f>Bühler!J6902</f>
        <v>0.45435347405883952</v>
      </c>
      <c r="K6876" s="59">
        <f>Bühler!K6902</f>
        <v>0.68153021108825929</v>
      </c>
      <c r="L6876" s="59">
        <f>Bühler!L6902</f>
        <v>7.8425706843233245</v>
      </c>
      <c r="M6876" s="58">
        <f>Bühler!M6902</f>
        <v>0</v>
      </c>
      <c r="N6876" s="56">
        <f>IF(Input!$D$19=1,J6876*Input!$C$19,0)+IF(Input!$D$20=1,K6876*Input!$C$20,0)+IF(Input!$D$21=1,L6876*Input!$C$21,0)+IF(Input!$D$22=1,M6876*Input!$C$22,0)</f>
        <v>0.13630604221765186</v>
      </c>
      <c r="O6876" s="59">
        <f>IF(Input!$D$19=2,J6876*Input!$C$19,0)+IF(Input!$D$20=2,K6876*Input!$C$20,0)+IF(Input!$D$21=2,L6876*Input!$C$21,0)+IF(Input!$D$22=2,M6876*Input!$C$22,0)</f>
        <v>0.34076510554412964</v>
      </c>
      <c r="P6876" s="59">
        <f>IF(Input!$D$19=3,J6876*Input!$C$19,0)+IF(Input!$D$20=3,K6876*Input!$C$20,0)+IF(Input!$D$21=3,L6876*Input!$C$21,0)+IF(Input!$D$22=3,M6876*Input!$C$22,0)</f>
        <v>0</v>
      </c>
      <c r="Q6876" s="75">
        <f>IF(Input!$D$19=4,J6876*Input!$C$19,0)+IF(Input!$D$20=4,K6876*Input!$C$20,0)+IF(Input!$D$21=4,L6876*Input!$C$21,0)+IF(Input!$D$22=4,M6876*Input!$C$22,0)</f>
        <v>0</v>
      </c>
      <c r="R6876" s="58">
        <v>42.288418190733985</v>
      </c>
      <c r="S6876" s="124">
        <f t="shared" si="107"/>
        <v>0.59065951627649138</v>
      </c>
    </row>
    <row r="6877" spans="8:19" x14ac:dyDescent="0.3">
      <c r="H6877" s="44">
        <v>6870</v>
      </c>
      <c r="I6877" s="56">
        <f>Bühler!I6903</f>
        <v>0.17038255277206479</v>
      </c>
      <c r="J6877" s="59">
        <f>Bühler!J6903</f>
        <v>0.5679418425735494</v>
      </c>
      <c r="K6877" s="59">
        <f>Bühler!K6903</f>
        <v>0.85191276386032411</v>
      </c>
      <c r="L6877" s="59">
        <f>Bühler!L6903</f>
        <v>9.8032133554041536</v>
      </c>
      <c r="M6877" s="58">
        <f>Bühler!M6903</f>
        <v>0</v>
      </c>
      <c r="N6877" s="56">
        <f>IF(Input!$D$19=1,J6877*Input!$C$19,0)+IF(Input!$D$20=1,K6877*Input!$C$20,0)+IF(Input!$D$21=1,L6877*Input!$C$21,0)+IF(Input!$D$22=1,M6877*Input!$C$22,0)</f>
        <v>0.17038255277206482</v>
      </c>
      <c r="O6877" s="59">
        <f>IF(Input!$D$19=2,J6877*Input!$C$19,0)+IF(Input!$D$20=2,K6877*Input!$C$20,0)+IF(Input!$D$21=2,L6877*Input!$C$21,0)+IF(Input!$D$22=2,M6877*Input!$C$22,0)</f>
        <v>0.42595638193016205</v>
      </c>
      <c r="P6877" s="59">
        <f>IF(Input!$D$19=3,J6877*Input!$C$19,0)+IF(Input!$D$20=3,K6877*Input!$C$20,0)+IF(Input!$D$21=3,L6877*Input!$C$21,0)+IF(Input!$D$22=3,M6877*Input!$C$22,0)</f>
        <v>0</v>
      </c>
      <c r="Q6877" s="75">
        <f>IF(Input!$D$19=4,J6877*Input!$C$19,0)+IF(Input!$D$20=4,K6877*Input!$C$20,0)+IF(Input!$D$21=4,L6877*Input!$C$21,0)+IF(Input!$D$22=4,M6877*Input!$C$22,0)</f>
        <v>0</v>
      </c>
      <c r="R6877" s="58">
        <v>42.021570984387971</v>
      </c>
      <c r="S6877" s="124">
        <f t="shared" si="107"/>
        <v>0.73832439534561423</v>
      </c>
    </row>
    <row r="6878" spans="8:19" x14ac:dyDescent="0.3">
      <c r="H6878" s="44">
        <v>6871</v>
      </c>
      <c r="I6878" s="56">
        <f>Bühler!I6904</f>
        <v>0.20067278437598746</v>
      </c>
      <c r="J6878" s="59">
        <f>Bühler!J6904</f>
        <v>0.66890928125329163</v>
      </c>
      <c r="K6878" s="59">
        <f>Bühler!K6904</f>
        <v>1.0033639218799375</v>
      </c>
      <c r="L6878" s="59">
        <f>Bühler!L6904</f>
        <v>11.546006840809337</v>
      </c>
      <c r="M6878" s="58">
        <f>Bühler!M6904</f>
        <v>0</v>
      </c>
      <c r="N6878" s="56">
        <f>IF(Input!$D$19=1,J6878*Input!$C$19,0)+IF(Input!$D$20=1,K6878*Input!$C$20,0)+IF(Input!$D$21=1,L6878*Input!$C$21,0)+IF(Input!$D$22=1,M6878*Input!$C$22,0)</f>
        <v>0.20067278437598748</v>
      </c>
      <c r="O6878" s="59">
        <f>IF(Input!$D$19=2,J6878*Input!$C$19,0)+IF(Input!$D$20=2,K6878*Input!$C$20,0)+IF(Input!$D$21=2,L6878*Input!$C$21,0)+IF(Input!$D$22=2,M6878*Input!$C$22,0)</f>
        <v>0.50168196093996875</v>
      </c>
      <c r="P6878" s="59">
        <f>IF(Input!$D$19=3,J6878*Input!$C$19,0)+IF(Input!$D$20=3,K6878*Input!$C$20,0)+IF(Input!$D$21=3,L6878*Input!$C$21,0)+IF(Input!$D$22=3,M6878*Input!$C$22,0)</f>
        <v>0</v>
      </c>
      <c r="Q6878" s="75">
        <f>IF(Input!$D$19=4,J6878*Input!$C$19,0)+IF(Input!$D$20=4,K6878*Input!$C$20,0)+IF(Input!$D$21=4,L6878*Input!$C$21,0)+IF(Input!$D$22=4,M6878*Input!$C$22,0)</f>
        <v>0</v>
      </c>
      <c r="R6878" s="58">
        <v>42.021044630025699</v>
      </c>
      <c r="S6878" s="124">
        <f t="shared" si="107"/>
        <v>0.86958206562927909</v>
      </c>
    </row>
    <row r="6879" spans="8:19" x14ac:dyDescent="0.3">
      <c r="H6879" s="44">
        <v>6872</v>
      </c>
      <c r="I6879" s="56">
        <f>Bühler!I6905</f>
        <v>0.23853557388089075</v>
      </c>
      <c r="J6879" s="59">
        <f>Bühler!J6905</f>
        <v>0.79511857960296928</v>
      </c>
      <c r="K6879" s="59">
        <f>Bühler!K6905</f>
        <v>1.1926778694044537</v>
      </c>
      <c r="L6879" s="59">
        <f>Bühler!L6905</f>
        <v>13.724498697565817</v>
      </c>
      <c r="M6879" s="58">
        <f>Bühler!M6905</f>
        <v>0</v>
      </c>
      <c r="N6879" s="56">
        <f>IF(Input!$D$19=1,J6879*Input!$C$19,0)+IF(Input!$D$20=1,K6879*Input!$C$20,0)+IF(Input!$D$21=1,L6879*Input!$C$21,0)+IF(Input!$D$22=1,M6879*Input!$C$22,0)</f>
        <v>0.23853557388089078</v>
      </c>
      <c r="O6879" s="59">
        <f>IF(Input!$D$19=2,J6879*Input!$C$19,0)+IF(Input!$D$20=2,K6879*Input!$C$20,0)+IF(Input!$D$21=2,L6879*Input!$C$21,0)+IF(Input!$D$22=2,M6879*Input!$C$22,0)</f>
        <v>0.59633893470222687</v>
      </c>
      <c r="P6879" s="59">
        <f>IF(Input!$D$19=3,J6879*Input!$C$19,0)+IF(Input!$D$20=3,K6879*Input!$C$20,0)+IF(Input!$D$21=3,L6879*Input!$C$21,0)+IF(Input!$D$22=3,M6879*Input!$C$22,0)</f>
        <v>0</v>
      </c>
      <c r="Q6879" s="75">
        <f>IF(Input!$D$19=4,J6879*Input!$C$19,0)+IF(Input!$D$20=4,K6879*Input!$C$20,0)+IF(Input!$D$21=4,L6879*Input!$C$21,0)+IF(Input!$D$22=4,M6879*Input!$C$22,0)</f>
        <v>0</v>
      </c>
      <c r="R6879" s="58">
        <v>42.191345411038</v>
      </c>
      <c r="S6879" s="124">
        <f t="shared" si="107"/>
        <v>1.0336541534838601</v>
      </c>
    </row>
    <row r="6880" spans="8:19" x14ac:dyDescent="0.3">
      <c r="H6880" s="44">
        <v>6873</v>
      </c>
      <c r="I6880" s="56">
        <f>Bühler!I6906</f>
        <v>0.23853557388089075</v>
      </c>
      <c r="J6880" s="59">
        <f>Bühler!J6906</f>
        <v>0.79511857960296928</v>
      </c>
      <c r="K6880" s="59">
        <f>Bühler!K6906</f>
        <v>1.1926778694044537</v>
      </c>
      <c r="L6880" s="59">
        <f>Bühler!L6906</f>
        <v>13.724498697565817</v>
      </c>
      <c r="M6880" s="58">
        <f>Bühler!M6906</f>
        <v>0</v>
      </c>
      <c r="N6880" s="56">
        <f>IF(Input!$D$19=1,J6880*Input!$C$19,0)+IF(Input!$D$20=1,K6880*Input!$C$20,0)+IF(Input!$D$21=1,L6880*Input!$C$21,0)+IF(Input!$D$22=1,M6880*Input!$C$22,0)</f>
        <v>0.23853557388089078</v>
      </c>
      <c r="O6880" s="59">
        <f>IF(Input!$D$19=2,J6880*Input!$C$19,0)+IF(Input!$D$20=2,K6880*Input!$C$20,0)+IF(Input!$D$21=2,L6880*Input!$C$21,0)+IF(Input!$D$22=2,M6880*Input!$C$22,0)</f>
        <v>0.59633893470222687</v>
      </c>
      <c r="P6880" s="59">
        <f>IF(Input!$D$19=3,J6880*Input!$C$19,0)+IF(Input!$D$20=3,K6880*Input!$C$20,0)+IF(Input!$D$21=3,L6880*Input!$C$21,0)+IF(Input!$D$22=3,M6880*Input!$C$22,0)</f>
        <v>0</v>
      </c>
      <c r="Q6880" s="75">
        <f>IF(Input!$D$19=4,J6880*Input!$C$19,0)+IF(Input!$D$20=4,K6880*Input!$C$20,0)+IF(Input!$D$21=4,L6880*Input!$C$21,0)+IF(Input!$D$22=4,M6880*Input!$C$22,0)</f>
        <v>0</v>
      </c>
      <c r="R6880" s="58">
        <v>41.118419567635883</v>
      </c>
      <c r="S6880" s="124">
        <f t="shared" si="107"/>
        <v>1.0336541534838601</v>
      </c>
    </row>
    <row r="6881" spans="8:19" x14ac:dyDescent="0.3">
      <c r="H6881" s="44">
        <v>6874</v>
      </c>
      <c r="I6881" s="56">
        <f>Bühler!I6907</f>
        <v>0.23853557388089075</v>
      </c>
      <c r="J6881" s="59">
        <f>Bühler!J6907</f>
        <v>0.79511857960296928</v>
      </c>
      <c r="K6881" s="59">
        <f>Bühler!K6907</f>
        <v>1.1926778694044537</v>
      </c>
      <c r="L6881" s="59">
        <f>Bühler!L6907</f>
        <v>13.724498697565817</v>
      </c>
      <c r="M6881" s="58">
        <f>Bühler!M6907</f>
        <v>0</v>
      </c>
      <c r="N6881" s="56">
        <f>IF(Input!$D$19=1,J6881*Input!$C$19,0)+IF(Input!$D$20=1,K6881*Input!$C$20,0)+IF(Input!$D$21=1,L6881*Input!$C$21,0)+IF(Input!$D$22=1,M6881*Input!$C$22,0)</f>
        <v>0.23853557388089078</v>
      </c>
      <c r="O6881" s="59">
        <f>IF(Input!$D$19=2,J6881*Input!$C$19,0)+IF(Input!$D$20=2,K6881*Input!$C$20,0)+IF(Input!$D$21=2,L6881*Input!$C$21,0)+IF(Input!$D$22=2,M6881*Input!$C$22,0)</f>
        <v>0.59633893470222687</v>
      </c>
      <c r="P6881" s="59">
        <f>IF(Input!$D$19=3,J6881*Input!$C$19,0)+IF(Input!$D$20=3,K6881*Input!$C$20,0)+IF(Input!$D$21=3,L6881*Input!$C$21,0)+IF(Input!$D$22=3,M6881*Input!$C$22,0)</f>
        <v>0</v>
      </c>
      <c r="Q6881" s="75">
        <f>IF(Input!$D$19=4,J6881*Input!$C$19,0)+IF(Input!$D$20=4,K6881*Input!$C$20,0)+IF(Input!$D$21=4,L6881*Input!$C$21,0)+IF(Input!$D$22=4,M6881*Input!$C$22,0)</f>
        <v>0</v>
      </c>
      <c r="R6881" s="58">
        <v>40.867181937711926</v>
      </c>
      <c r="S6881" s="124">
        <f t="shared" si="107"/>
        <v>1.0336541534838601</v>
      </c>
    </row>
    <row r="6882" spans="8:19" x14ac:dyDescent="0.3">
      <c r="H6882" s="44">
        <v>6875</v>
      </c>
      <c r="I6882" s="56">
        <f>Bühler!I6908</f>
        <v>0.23853557388089075</v>
      </c>
      <c r="J6882" s="59">
        <f>Bühler!J6908</f>
        <v>0.79511857960296928</v>
      </c>
      <c r="K6882" s="59">
        <f>Bühler!K6908</f>
        <v>1.1926778694044537</v>
      </c>
      <c r="L6882" s="59">
        <f>Bühler!L6908</f>
        <v>13.724498697565817</v>
      </c>
      <c r="M6882" s="58">
        <f>Bühler!M6908</f>
        <v>0</v>
      </c>
      <c r="N6882" s="56">
        <f>IF(Input!$D$19=1,J6882*Input!$C$19,0)+IF(Input!$D$20=1,K6882*Input!$C$20,0)+IF(Input!$D$21=1,L6882*Input!$C$21,0)+IF(Input!$D$22=1,M6882*Input!$C$22,0)</f>
        <v>0.23853557388089078</v>
      </c>
      <c r="O6882" s="59">
        <f>IF(Input!$D$19=2,J6882*Input!$C$19,0)+IF(Input!$D$20=2,K6882*Input!$C$20,0)+IF(Input!$D$21=2,L6882*Input!$C$21,0)+IF(Input!$D$22=2,M6882*Input!$C$22,0)</f>
        <v>0.59633893470222687</v>
      </c>
      <c r="P6882" s="59">
        <f>IF(Input!$D$19=3,J6882*Input!$C$19,0)+IF(Input!$D$20=3,K6882*Input!$C$20,0)+IF(Input!$D$21=3,L6882*Input!$C$21,0)+IF(Input!$D$22=3,M6882*Input!$C$22,0)</f>
        <v>0</v>
      </c>
      <c r="Q6882" s="75">
        <f>IF(Input!$D$19=4,J6882*Input!$C$19,0)+IF(Input!$D$20=4,K6882*Input!$C$20,0)+IF(Input!$D$21=4,L6882*Input!$C$21,0)+IF(Input!$D$22=4,M6882*Input!$C$22,0)</f>
        <v>0</v>
      </c>
      <c r="R6882" s="58">
        <v>40.783940258443103</v>
      </c>
      <c r="S6882" s="124">
        <f t="shared" si="107"/>
        <v>1.0336541534838601</v>
      </c>
    </row>
    <row r="6883" spans="8:19" x14ac:dyDescent="0.3">
      <c r="H6883" s="44">
        <v>6876</v>
      </c>
      <c r="I6883" s="56">
        <f>Bühler!I6909</f>
        <v>0.23853557388089075</v>
      </c>
      <c r="J6883" s="59">
        <f>Bühler!J6909</f>
        <v>0.79511857960296928</v>
      </c>
      <c r="K6883" s="59">
        <f>Bühler!K6909</f>
        <v>1.1926778694044537</v>
      </c>
      <c r="L6883" s="59">
        <f>Bühler!L6909</f>
        <v>13.724498697565817</v>
      </c>
      <c r="M6883" s="58">
        <f>Bühler!M6909</f>
        <v>0</v>
      </c>
      <c r="N6883" s="56">
        <f>IF(Input!$D$19=1,J6883*Input!$C$19,0)+IF(Input!$D$20=1,K6883*Input!$C$20,0)+IF(Input!$D$21=1,L6883*Input!$C$21,0)+IF(Input!$D$22=1,M6883*Input!$C$22,0)</f>
        <v>0.23853557388089078</v>
      </c>
      <c r="O6883" s="59">
        <f>IF(Input!$D$19=2,J6883*Input!$C$19,0)+IF(Input!$D$20=2,K6883*Input!$C$20,0)+IF(Input!$D$21=2,L6883*Input!$C$21,0)+IF(Input!$D$22=2,M6883*Input!$C$22,0)</f>
        <v>0.59633893470222687</v>
      </c>
      <c r="P6883" s="59">
        <f>IF(Input!$D$19=3,J6883*Input!$C$19,0)+IF(Input!$D$20=3,K6883*Input!$C$20,0)+IF(Input!$D$21=3,L6883*Input!$C$21,0)+IF(Input!$D$22=3,M6883*Input!$C$22,0)</f>
        <v>0</v>
      </c>
      <c r="Q6883" s="75">
        <f>IF(Input!$D$19=4,J6883*Input!$C$19,0)+IF(Input!$D$20=4,K6883*Input!$C$20,0)+IF(Input!$D$21=4,L6883*Input!$C$21,0)+IF(Input!$D$22=4,M6883*Input!$C$22,0)</f>
        <v>0</v>
      </c>
      <c r="R6883" s="58">
        <v>41.338014427130545</v>
      </c>
      <c r="S6883" s="124">
        <f t="shared" si="107"/>
        <v>1.0336541534838601</v>
      </c>
    </row>
    <row r="6884" spans="8:19" x14ac:dyDescent="0.3">
      <c r="H6884" s="44">
        <v>6877</v>
      </c>
      <c r="I6884" s="56">
        <f>Bühler!I6910</f>
        <v>0.23853557388089075</v>
      </c>
      <c r="J6884" s="59">
        <f>Bühler!J6910</f>
        <v>0.79511857960296928</v>
      </c>
      <c r="K6884" s="59">
        <f>Bühler!K6910</f>
        <v>1.1926778694044537</v>
      </c>
      <c r="L6884" s="59">
        <f>Bühler!L6910</f>
        <v>13.724498697565817</v>
      </c>
      <c r="M6884" s="58">
        <f>Bühler!M6910</f>
        <v>0</v>
      </c>
      <c r="N6884" s="56">
        <f>IF(Input!$D$19=1,J6884*Input!$C$19,0)+IF(Input!$D$20=1,K6884*Input!$C$20,0)+IF(Input!$D$21=1,L6884*Input!$C$21,0)+IF(Input!$D$22=1,M6884*Input!$C$22,0)</f>
        <v>0.23853557388089078</v>
      </c>
      <c r="O6884" s="59">
        <f>IF(Input!$D$19=2,J6884*Input!$C$19,0)+IF(Input!$D$20=2,K6884*Input!$C$20,0)+IF(Input!$D$21=2,L6884*Input!$C$21,0)+IF(Input!$D$22=2,M6884*Input!$C$22,0)</f>
        <v>0.59633893470222687</v>
      </c>
      <c r="P6884" s="59">
        <f>IF(Input!$D$19=3,J6884*Input!$C$19,0)+IF(Input!$D$20=3,K6884*Input!$C$20,0)+IF(Input!$D$21=3,L6884*Input!$C$21,0)+IF(Input!$D$22=3,M6884*Input!$C$22,0)</f>
        <v>0</v>
      </c>
      <c r="Q6884" s="75">
        <f>IF(Input!$D$19=4,J6884*Input!$C$19,0)+IF(Input!$D$20=4,K6884*Input!$C$20,0)+IF(Input!$D$21=4,L6884*Input!$C$21,0)+IF(Input!$D$22=4,M6884*Input!$C$22,0)</f>
        <v>0</v>
      </c>
      <c r="R6884" s="58">
        <v>41.376145717397236</v>
      </c>
      <c r="S6884" s="124">
        <f t="shared" si="107"/>
        <v>1.0336541534838601</v>
      </c>
    </row>
    <row r="6885" spans="8:19" x14ac:dyDescent="0.3">
      <c r="H6885" s="44">
        <v>6878</v>
      </c>
      <c r="I6885" s="56">
        <f>Bühler!I6911</f>
        <v>0.23853557388089075</v>
      </c>
      <c r="J6885" s="59">
        <f>Bühler!J6911</f>
        <v>0.79511857960296928</v>
      </c>
      <c r="K6885" s="59">
        <f>Bühler!K6911</f>
        <v>1.1926778694044537</v>
      </c>
      <c r="L6885" s="59">
        <f>Bühler!L6911</f>
        <v>13.724498697565817</v>
      </c>
      <c r="M6885" s="58">
        <f>Bühler!M6911</f>
        <v>0</v>
      </c>
      <c r="N6885" s="56">
        <f>IF(Input!$D$19=1,J6885*Input!$C$19,0)+IF(Input!$D$20=1,K6885*Input!$C$20,0)+IF(Input!$D$21=1,L6885*Input!$C$21,0)+IF(Input!$D$22=1,M6885*Input!$C$22,0)</f>
        <v>0.23853557388089078</v>
      </c>
      <c r="O6885" s="59">
        <f>IF(Input!$D$19=2,J6885*Input!$C$19,0)+IF(Input!$D$20=2,K6885*Input!$C$20,0)+IF(Input!$D$21=2,L6885*Input!$C$21,0)+IF(Input!$D$22=2,M6885*Input!$C$22,0)</f>
        <v>0.59633893470222687</v>
      </c>
      <c r="P6885" s="59">
        <f>IF(Input!$D$19=3,J6885*Input!$C$19,0)+IF(Input!$D$20=3,K6885*Input!$C$20,0)+IF(Input!$D$21=3,L6885*Input!$C$21,0)+IF(Input!$D$22=3,M6885*Input!$C$22,0)</f>
        <v>0</v>
      </c>
      <c r="Q6885" s="75">
        <f>IF(Input!$D$19=4,J6885*Input!$C$19,0)+IF(Input!$D$20=4,K6885*Input!$C$20,0)+IF(Input!$D$21=4,L6885*Input!$C$21,0)+IF(Input!$D$22=4,M6885*Input!$C$22,0)</f>
        <v>0</v>
      </c>
      <c r="R6885" s="58">
        <v>41.34893065100399</v>
      </c>
      <c r="S6885" s="124">
        <f t="shared" si="107"/>
        <v>1.0336541534838601</v>
      </c>
    </row>
    <row r="6886" spans="8:19" x14ac:dyDescent="0.3">
      <c r="H6886" s="44">
        <v>6879</v>
      </c>
      <c r="I6886" s="56">
        <f>Bühler!I6912</f>
        <v>0.23853557388089075</v>
      </c>
      <c r="J6886" s="59">
        <f>Bühler!J6912</f>
        <v>0.79511857960296928</v>
      </c>
      <c r="K6886" s="59">
        <f>Bühler!K6912</f>
        <v>1.1926778694044537</v>
      </c>
      <c r="L6886" s="59">
        <f>Bühler!L6912</f>
        <v>13.724498697565817</v>
      </c>
      <c r="M6886" s="58">
        <f>Bühler!M6912</f>
        <v>0</v>
      </c>
      <c r="N6886" s="56">
        <f>IF(Input!$D$19=1,J6886*Input!$C$19,0)+IF(Input!$D$20=1,K6886*Input!$C$20,0)+IF(Input!$D$21=1,L6886*Input!$C$21,0)+IF(Input!$D$22=1,M6886*Input!$C$22,0)</f>
        <v>0.23853557388089078</v>
      </c>
      <c r="O6886" s="59">
        <f>IF(Input!$D$19=2,J6886*Input!$C$19,0)+IF(Input!$D$20=2,K6886*Input!$C$20,0)+IF(Input!$D$21=2,L6886*Input!$C$21,0)+IF(Input!$D$22=2,M6886*Input!$C$22,0)</f>
        <v>0.59633893470222687</v>
      </c>
      <c r="P6886" s="59">
        <f>IF(Input!$D$19=3,J6886*Input!$C$19,0)+IF(Input!$D$20=3,K6886*Input!$C$20,0)+IF(Input!$D$21=3,L6886*Input!$C$21,0)+IF(Input!$D$22=3,M6886*Input!$C$22,0)</f>
        <v>0</v>
      </c>
      <c r="Q6886" s="75">
        <f>IF(Input!$D$19=4,J6886*Input!$C$19,0)+IF(Input!$D$20=4,K6886*Input!$C$20,0)+IF(Input!$D$21=4,L6886*Input!$C$21,0)+IF(Input!$D$22=4,M6886*Input!$C$22,0)</f>
        <v>0</v>
      </c>
      <c r="R6886" s="58">
        <v>41.586607242105146</v>
      </c>
      <c r="S6886" s="124">
        <f t="shared" si="107"/>
        <v>1.0336541534838601</v>
      </c>
    </row>
    <row r="6887" spans="8:19" x14ac:dyDescent="0.3">
      <c r="H6887" s="44">
        <v>6880</v>
      </c>
      <c r="I6887" s="56">
        <f>Bühler!I6913</f>
        <v>0.21203162122745842</v>
      </c>
      <c r="J6887" s="59">
        <f>Bühler!J6913</f>
        <v>0.70677207075819481</v>
      </c>
      <c r="K6887" s="59">
        <f>Bühler!K6913</f>
        <v>1.0601581061372922</v>
      </c>
      <c r="L6887" s="59">
        <f>Bühler!L6913</f>
        <v>12.199554397836282</v>
      </c>
      <c r="M6887" s="58">
        <f>Bühler!M6913</f>
        <v>0</v>
      </c>
      <c r="N6887" s="56">
        <f>IF(Input!$D$19=1,J6887*Input!$C$19,0)+IF(Input!$D$20=1,K6887*Input!$C$20,0)+IF(Input!$D$21=1,L6887*Input!$C$21,0)+IF(Input!$D$22=1,M6887*Input!$C$22,0)</f>
        <v>0.21203162122745844</v>
      </c>
      <c r="O6887" s="59">
        <f>IF(Input!$D$19=2,J6887*Input!$C$19,0)+IF(Input!$D$20=2,K6887*Input!$C$20,0)+IF(Input!$D$21=2,L6887*Input!$C$21,0)+IF(Input!$D$22=2,M6887*Input!$C$22,0)</f>
        <v>0.53007905306864611</v>
      </c>
      <c r="P6887" s="59">
        <f>IF(Input!$D$19=3,J6887*Input!$C$19,0)+IF(Input!$D$20=3,K6887*Input!$C$20,0)+IF(Input!$D$21=3,L6887*Input!$C$21,0)+IF(Input!$D$22=3,M6887*Input!$C$22,0)</f>
        <v>0</v>
      </c>
      <c r="Q6887" s="75">
        <f>IF(Input!$D$19=4,J6887*Input!$C$19,0)+IF(Input!$D$20=4,K6887*Input!$C$20,0)+IF(Input!$D$21=4,L6887*Input!$C$21,0)+IF(Input!$D$22=4,M6887*Input!$C$22,0)</f>
        <v>0</v>
      </c>
      <c r="R6887" s="58">
        <v>41.894618846904258</v>
      </c>
      <c r="S6887" s="124">
        <f t="shared" si="107"/>
        <v>0.91880369198565326</v>
      </c>
    </row>
    <row r="6888" spans="8:19" x14ac:dyDescent="0.3">
      <c r="H6888" s="44">
        <v>6881</v>
      </c>
      <c r="I6888" s="56">
        <f>Bühler!I6914</f>
        <v>0.20824534227696809</v>
      </c>
      <c r="J6888" s="59">
        <f>Bühler!J6914</f>
        <v>0.69415114092322705</v>
      </c>
      <c r="K6888" s="59">
        <f>Bühler!K6914</f>
        <v>1.0412267113848406</v>
      </c>
      <c r="L6888" s="59">
        <f>Bühler!L6914</f>
        <v>11.981705212160634</v>
      </c>
      <c r="M6888" s="58">
        <f>Bühler!M6914</f>
        <v>0</v>
      </c>
      <c r="N6888" s="56">
        <f>IF(Input!$D$19=1,J6888*Input!$C$19,0)+IF(Input!$D$20=1,K6888*Input!$C$20,0)+IF(Input!$D$21=1,L6888*Input!$C$21,0)+IF(Input!$D$22=1,M6888*Input!$C$22,0)</f>
        <v>0.20824534227696812</v>
      </c>
      <c r="O6888" s="59">
        <f>IF(Input!$D$19=2,J6888*Input!$C$19,0)+IF(Input!$D$20=2,K6888*Input!$C$20,0)+IF(Input!$D$21=2,L6888*Input!$C$21,0)+IF(Input!$D$22=2,M6888*Input!$C$22,0)</f>
        <v>0.52061335569242029</v>
      </c>
      <c r="P6888" s="59">
        <f>IF(Input!$D$19=3,J6888*Input!$C$19,0)+IF(Input!$D$20=3,K6888*Input!$C$20,0)+IF(Input!$D$21=3,L6888*Input!$C$21,0)+IF(Input!$D$22=3,M6888*Input!$C$22,0)</f>
        <v>0</v>
      </c>
      <c r="Q6888" s="75">
        <f>IF(Input!$D$19=4,J6888*Input!$C$19,0)+IF(Input!$D$20=4,K6888*Input!$C$20,0)+IF(Input!$D$21=4,L6888*Input!$C$21,0)+IF(Input!$D$22=4,M6888*Input!$C$22,0)</f>
        <v>0</v>
      </c>
      <c r="R6888" s="58">
        <v>42.022533607198604</v>
      </c>
      <c r="S6888" s="124">
        <f t="shared" si="107"/>
        <v>0.90239648320019517</v>
      </c>
    </row>
    <row r="6889" spans="8:19" x14ac:dyDescent="0.3">
      <c r="H6889" s="44">
        <v>6882</v>
      </c>
      <c r="I6889" s="56">
        <f>Bühler!I6915</f>
        <v>0.17795511067304545</v>
      </c>
      <c r="J6889" s="59">
        <f>Bühler!J6915</f>
        <v>0.59318370224348493</v>
      </c>
      <c r="K6889" s="59">
        <f>Bühler!K6915</f>
        <v>0.8897755533652274</v>
      </c>
      <c r="L6889" s="59">
        <f>Bühler!L6915</f>
        <v>10.238911726755452</v>
      </c>
      <c r="M6889" s="58">
        <f>Bühler!M6915</f>
        <v>0</v>
      </c>
      <c r="N6889" s="56">
        <f>IF(Input!$D$19=1,J6889*Input!$C$19,0)+IF(Input!$D$20=1,K6889*Input!$C$20,0)+IF(Input!$D$21=1,L6889*Input!$C$21,0)+IF(Input!$D$22=1,M6889*Input!$C$22,0)</f>
        <v>0.17795511067304548</v>
      </c>
      <c r="O6889" s="59">
        <f>IF(Input!$D$19=2,J6889*Input!$C$19,0)+IF(Input!$D$20=2,K6889*Input!$C$20,0)+IF(Input!$D$21=2,L6889*Input!$C$21,0)+IF(Input!$D$22=2,M6889*Input!$C$22,0)</f>
        <v>0.4448877766826137</v>
      </c>
      <c r="P6889" s="59">
        <f>IF(Input!$D$19=3,J6889*Input!$C$19,0)+IF(Input!$D$20=3,K6889*Input!$C$20,0)+IF(Input!$D$21=3,L6889*Input!$C$21,0)+IF(Input!$D$22=3,M6889*Input!$C$22,0)</f>
        <v>0</v>
      </c>
      <c r="Q6889" s="75">
        <f>IF(Input!$D$19=4,J6889*Input!$C$19,0)+IF(Input!$D$20=4,K6889*Input!$C$20,0)+IF(Input!$D$21=4,L6889*Input!$C$21,0)+IF(Input!$D$22=4,M6889*Input!$C$22,0)</f>
        <v>0</v>
      </c>
      <c r="R6889" s="58">
        <v>42.126124798073747</v>
      </c>
      <c r="S6889" s="124">
        <f t="shared" si="107"/>
        <v>0.77113881291653041</v>
      </c>
    </row>
    <row r="6890" spans="8:19" x14ac:dyDescent="0.3">
      <c r="H6890" s="44">
        <v>6883</v>
      </c>
      <c r="I6890" s="56">
        <f>Bühler!I6916</f>
        <v>0.16659627382157449</v>
      </c>
      <c r="J6890" s="59">
        <f>Bühler!J6916</f>
        <v>0.55532091273858164</v>
      </c>
      <c r="K6890" s="59">
        <f>Bühler!K6916</f>
        <v>0.83298136910787257</v>
      </c>
      <c r="L6890" s="59">
        <f>Bühler!L6916</f>
        <v>9.5853641697285088</v>
      </c>
      <c r="M6890" s="58">
        <f>Bühler!M6916</f>
        <v>0</v>
      </c>
      <c r="N6890" s="56">
        <f>IF(Input!$D$19=1,J6890*Input!$C$19,0)+IF(Input!$D$20=1,K6890*Input!$C$20,0)+IF(Input!$D$21=1,L6890*Input!$C$21,0)+IF(Input!$D$22=1,M6890*Input!$C$22,0)</f>
        <v>0.16659627382157449</v>
      </c>
      <c r="O6890" s="59">
        <f>IF(Input!$D$19=2,J6890*Input!$C$19,0)+IF(Input!$D$20=2,K6890*Input!$C$20,0)+IF(Input!$D$21=2,L6890*Input!$C$21,0)+IF(Input!$D$22=2,M6890*Input!$C$22,0)</f>
        <v>0.41649068455393629</v>
      </c>
      <c r="P6890" s="59">
        <f>IF(Input!$D$19=3,J6890*Input!$C$19,0)+IF(Input!$D$20=3,K6890*Input!$C$20,0)+IF(Input!$D$21=3,L6890*Input!$C$21,0)+IF(Input!$D$22=3,M6890*Input!$C$22,0)</f>
        <v>0</v>
      </c>
      <c r="Q6890" s="75">
        <f>IF(Input!$D$19=4,J6890*Input!$C$19,0)+IF(Input!$D$20=4,K6890*Input!$C$20,0)+IF(Input!$D$21=4,L6890*Input!$C$21,0)+IF(Input!$D$22=4,M6890*Input!$C$22,0)</f>
        <v>0</v>
      </c>
      <c r="R6890" s="58">
        <v>42.220324713849934</v>
      </c>
      <c r="S6890" s="124">
        <f t="shared" si="107"/>
        <v>0.72191718656015613</v>
      </c>
    </row>
    <row r="6891" spans="8:19" x14ac:dyDescent="0.3">
      <c r="H6891" s="44">
        <v>6884</v>
      </c>
      <c r="I6891" s="56">
        <f>Bühler!I6917</f>
        <v>0.14009232116814219</v>
      </c>
      <c r="J6891" s="59">
        <f>Bühler!J6917</f>
        <v>0.46697440389380729</v>
      </c>
      <c r="K6891" s="59">
        <f>Bühler!K6917</f>
        <v>0.70046160584071093</v>
      </c>
      <c r="L6891" s="59">
        <f>Bühler!L6917</f>
        <v>8.0604198699989738</v>
      </c>
      <c r="M6891" s="58">
        <f>Bühler!M6917</f>
        <v>0</v>
      </c>
      <c r="N6891" s="56">
        <f>IF(Input!$D$19=1,J6891*Input!$C$19,0)+IF(Input!$D$20=1,K6891*Input!$C$20,0)+IF(Input!$D$21=1,L6891*Input!$C$21,0)+IF(Input!$D$22=1,M6891*Input!$C$22,0)</f>
        <v>0.14009232116814219</v>
      </c>
      <c r="O6891" s="59">
        <f>IF(Input!$D$19=2,J6891*Input!$C$19,0)+IF(Input!$D$20=2,K6891*Input!$C$20,0)+IF(Input!$D$21=2,L6891*Input!$C$21,0)+IF(Input!$D$22=2,M6891*Input!$C$22,0)</f>
        <v>0.35023080292035547</v>
      </c>
      <c r="P6891" s="59">
        <f>IF(Input!$D$19=3,J6891*Input!$C$19,0)+IF(Input!$D$20=3,K6891*Input!$C$20,0)+IF(Input!$D$21=3,L6891*Input!$C$21,0)+IF(Input!$D$22=3,M6891*Input!$C$22,0)</f>
        <v>0</v>
      </c>
      <c r="Q6891" s="75">
        <f>IF(Input!$D$19=4,J6891*Input!$C$19,0)+IF(Input!$D$20=4,K6891*Input!$C$20,0)+IF(Input!$D$21=4,L6891*Input!$C$21,0)+IF(Input!$D$22=4,M6891*Input!$C$22,0)</f>
        <v>0</v>
      </c>
      <c r="R6891" s="58">
        <v>42.370154338832229</v>
      </c>
      <c r="S6891" s="124">
        <f t="shared" si="107"/>
        <v>0.60706672506194947</v>
      </c>
    </row>
    <row r="6892" spans="8:19" x14ac:dyDescent="0.3">
      <c r="H6892" s="44">
        <v>6885</v>
      </c>
      <c r="I6892" s="56">
        <f>Bühler!I6918</f>
        <v>0.1173746474652002</v>
      </c>
      <c r="J6892" s="59">
        <f>Bühler!J6918</f>
        <v>0.3912488248840007</v>
      </c>
      <c r="K6892" s="59">
        <f>Bühler!K6918</f>
        <v>0.58687323732600105</v>
      </c>
      <c r="L6892" s="59">
        <f>Bühler!L6918</f>
        <v>6.7533247559450835</v>
      </c>
      <c r="M6892" s="58">
        <f>Bühler!M6918</f>
        <v>0</v>
      </c>
      <c r="N6892" s="56">
        <f>IF(Input!$D$19=1,J6892*Input!$C$19,0)+IF(Input!$D$20=1,K6892*Input!$C$20,0)+IF(Input!$D$21=1,L6892*Input!$C$21,0)+IF(Input!$D$22=1,M6892*Input!$C$22,0)</f>
        <v>0.11737464746520021</v>
      </c>
      <c r="O6892" s="59">
        <f>IF(Input!$D$19=2,J6892*Input!$C$19,0)+IF(Input!$D$20=2,K6892*Input!$C$20,0)+IF(Input!$D$21=2,L6892*Input!$C$21,0)+IF(Input!$D$22=2,M6892*Input!$C$22,0)</f>
        <v>0.29343661866300053</v>
      </c>
      <c r="P6892" s="59">
        <f>IF(Input!$D$19=3,J6892*Input!$C$19,0)+IF(Input!$D$20=3,K6892*Input!$C$20,0)+IF(Input!$D$21=3,L6892*Input!$C$21,0)+IF(Input!$D$22=3,M6892*Input!$C$22,0)</f>
        <v>0</v>
      </c>
      <c r="Q6892" s="75">
        <f>IF(Input!$D$19=4,J6892*Input!$C$19,0)+IF(Input!$D$20=4,K6892*Input!$C$20,0)+IF(Input!$D$21=4,L6892*Input!$C$21,0)+IF(Input!$D$22=4,M6892*Input!$C$22,0)</f>
        <v>0</v>
      </c>
      <c r="R6892" s="58">
        <v>42.668683915751267</v>
      </c>
      <c r="S6892" s="124">
        <f t="shared" si="107"/>
        <v>0.50862347234920091</v>
      </c>
    </row>
    <row r="6893" spans="8:19" x14ac:dyDescent="0.3">
      <c r="H6893" s="44">
        <v>6886</v>
      </c>
      <c r="I6893" s="56">
        <f>Bühler!I6919</f>
        <v>0.10222953166323889</v>
      </c>
      <c r="J6893" s="59">
        <f>Bühler!J6919</f>
        <v>0.3407651055441297</v>
      </c>
      <c r="K6893" s="59">
        <f>Bühler!K6919</f>
        <v>0.51114765831619458</v>
      </c>
      <c r="L6893" s="59">
        <f>Bühler!L6919</f>
        <v>5.8819280132424927</v>
      </c>
      <c r="M6893" s="58">
        <f>Bühler!M6919</f>
        <v>0</v>
      </c>
      <c r="N6893" s="56">
        <f>IF(Input!$D$19=1,J6893*Input!$C$19,0)+IF(Input!$D$20=1,K6893*Input!$C$20,0)+IF(Input!$D$21=1,L6893*Input!$C$21,0)+IF(Input!$D$22=1,M6893*Input!$C$22,0)</f>
        <v>0.10222953166323891</v>
      </c>
      <c r="O6893" s="59">
        <f>IF(Input!$D$19=2,J6893*Input!$C$19,0)+IF(Input!$D$20=2,K6893*Input!$C$20,0)+IF(Input!$D$21=2,L6893*Input!$C$21,0)+IF(Input!$D$22=2,M6893*Input!$C$22,0)</f>
        <v>0.25557382915809729</v>
      </c>
      <c r="P6893" s="59">
        <f>IF(Input!$D$19=3,J6893*Input!$C$19,0)+IF(Input!$D$20=3,K6893*Input!$C$20,0)+IF(Input!$D$21=3,L6893*Input!$C$21,0)+IF(Input!$D$22=3,M6893*Input!$C$22,0)</f>
        <v>0</v>
      </c>
      <c r="Q6893" s="75">
        <f>IF(Input!$D$19=4,J6893*Input!$C$19,0)+IF(Input!$D$20=4,K6893*Input!$C$20,0)+IF(Input!$D$21=4,L6893*Input!$C$21,0)+IF(Input!$D$22=4,M6893*Input!$C$22,0)</f>
        <v>0</v>
      </c>
      <c r="R6893" s="58">
        <v>43.152291187944073</v>
      </c>
      <c r="S6893" s="124">
        <f t="shared" si="107"/>
        <v>0.44299463720736859</v>
      </c>
    </row>
    <row r="6894" spans="8:19" x14ac:dyDescent="0.3">
      <c r="H6894" s="44">
        <v>6887</v>
      </c>
      <c r="I6894" s="56">
        <f>Bühler!I6920</f>
        <v>0.10222953166323889</v>
      </c>
      <c r="J6894" s="59">
        <f>Bühler!J6920</f>
        <v>0.3407651055441297</v>
      </c>
      <c r="K6894" s="59">
        <f>Bühler!K6920</f>
        <v>0.51114765831619458</v>
      </c>
      <c r="L6894" s="59">
        <f>Bühler!L6920</f>
        <v>5.8819280132424927</v>
      </c>
      <c r="M6894" s="58">
        <f>Bühler!M6920</f>
        <v>0</v>
      </c>
      <c r="N6894" s="56">
        <f>IF(Input!$D$19=1,J6894*Input!$C$19,0)+IF(Input!$D$20=1,K6894*Input!$C$20,0)+IF(Input!$D$21=1,L6894*Input!$C$21,0)+IF(Input!$D$22=1,M6894*Input!$C$22,0)</f>
        <v>0.10222953166323891</v>
      </c>
      <c r="O6894" s="59">
        <f>IF(Input!$D$19=2,J6894*Input!$C$19,0)+IF(Input!$D$20=2,K6894*Input!$C$20,0)+IF(Input!$D$21=2,L6894*Input!$C$21,0)+IF(Input!$D$22=2,M6894*Input!$C$22,0)</f>
        <v>0.25557382915809729</v>
      </c>
      <c r="P6894" s="59">
        <f>IF(Input!$D$19=3,J6894*Input!$C$19,0)+IF(Input!$D$20=3,K6894*Input!$C$20,0)+IF(Input!$D$21=3,L6894*Input!$C$21,0)+IF(Input!$D$22=3,M6894*Input!$C$22,0)</f>
        <v>0</v>
      </c>
      <c r="Q6894" s="75">
        <f>IF(Input!$D$19=4,J6894*Input!$C$19,0)+IF(Input!$D$20=4,K6894*Input!$C$20,0)+IF(Input!$D$21=4,L6894*Input!$C$21,0)+IF(Input!$D$22=4,M6894*Input!$C$22,0)</f>
        <v>0</v>
      </c>
      <c r="R6894" s="58">
        <v>43.638806334584942</v>
      </c>
      <c r="S6894" s="124">
        <f t="shared" si="107"/>
        <v>0.44299463720736859</v>
      </c>
    </row>
    <row r="6895" spans="8:19" x14ac:dyDescent="0.3">
      <c r="H6895" s="44">
        <v>6888</v>
      </c>
      <c r="I6895" s="56">
        <f>Bühler!I6921</f>
        <v>0.10222953166323889</v>
      </c>
      <c r="J6895" s="59">
        <f>Bühler!J6921</f>
        <v>0.3407651055441297</v>
      </c>
      <c r="K6895" s="59">
        <f>Bühler!K6921</f>
        <v>0.51114765831619458</v>
      </c>
      <c r="L6895" s="59">
        <f>Bühler!L6921</f>
        <v>5.8819280132424927</v>
      </c>
      <c r="M6895" s="58">
        <f>Bühler!M6921</f>
        <v>0</v>
      </c>
      <c r="N6895" s="56">
        <f>IF(Input!$D$19=1,J6895*Input!$C$19,0)+IF(Input!$D$20=1,K6895*Input!$C$20,0)+IF(Input!$D$21=1,L6895*Input!$C$21,0)+IF(Input!$D$22=1,M6895*Input!$C$22,0)</f>
        <v>0.10222953166323891</v>
      </c>
      <c r="O6895" s="59">
        <f>IF(Input!$D$19=2,J6895*Input!$C$19,0)+IF(Input!$D$20=2,K6895*Input!$C$20,0)+IF(Input!$D$21=2,L6895*Input!$C$21,0)+IF(Input!$D$22=2,M6895*Input!$C$22,0)</f>
        <v>0.25557382915809729</v>
      </c>
      <c r="P6895" s="59">
        <f>IF(Input!$D$19=3,J6895*Input!$C$19,0)+IF(Input!$D$20=3,K6895*Input!$C$20,0)+IF(Input!$D$21=3,L6895*Input!$C$21,0)+IF(Input!$D$22=3,M6895*Input!$C$22,0)</f>
        <v>0</v>
      </c>
      <c r="Q6895" s="75">
        <f>IF(Input!$D$19=4,J6895*Input!$C$19,0)+IF(Input!$D$20=4,K6895*Input!$C$20,0)+IF(Input!$D$21=4,L6895*Input!$C$21,0)+IF(Input!$D$22=4,M6895*Input!$C$22,0)</f>
        <v>0</v>
      </c>
      <c r="R6895" s="58">
        <v>43.0583383072399</v>
      </c>
      <c r="S6895" s="124">
        <f t="shared" si="107"/>
        <v>0.44299463720736859</v>
      </c>
    </row>
    <row r="6896" spans="8:19" x14ac:dyDescent="0.3">
      <c r="H6896" s="44">
        <v>6889</v>
      </c>
      <c r="I6896" s="56">
        <f>Bühler!I6922</f>
        <v>7.6265880336658737E-2</v>
      </c>
      <c r="J6896" s="59">
        <f>Bühler!J6922</f>
        <v>0.25421960112219583</v>
      </c>
      <c r="K6896" s="59">
        <f>Bühler!K6922</f>
        <v>0.38132940168329371</v>
      </c>
      <c r="L6896" s="59">
        <f>Bühler!L6922</f>
        <v>1.8303811280798099</v>
      </c>
      <c r="M6896" s="58">
        <f>Bühler!M6922</f>
        <v>0</v>
      </c>
      <c r="N6896" s="56">
        <f>IF(Input!$D$19=1,J6896*Input!$C$19,0)+IF(Input!$D$20=1,K6896*Input!$C$20,0)+IF(Input!$D$21=1,L6896*Input!$C$21,0)+IF(Input!$D$22=1,M6896*Input!$C$22,0)</f>
        <v>7.6265880336658751E-2</v>
      </c>
      <c r="O6896" s="59">
        <f>IF(Input!$D$19=2,J6896*Input!$C$19,0)+IF(Input!$D$20=2,K6896*Input!$C$20,0)+IF(Input!$D$21=2,L6896*Input!$C$21,0)+IF(Input!$D$22=2,M6896*Input!$C$22,0)</f>
        <v>0.19066470084164686</v>
      </c>
      <c r="P6896" s="59">
        <f>IF(Input!$D$19=3,J6896*Input!$C$19,0)+IF(Input!$D$20=3,K6896*Input!$C$20,0)+IF(Input!$D$21=3,L6896*Input!$C$21,0)+IF(Input!$D$22=3,M6896*Input!$C$22,0)</f>
        <v>0</v>
      </c>
      <c r="Q6896" s="75">
        <f>IF(Input!$D$19=4,J6896*Input!$C$19,0)+IF(Input!$D$20=4,K6896*Input!$C$20,0)+IF(Input!$D$21=4,L6896*Input!$C$21,0)+IF(Input!$D$22=4,M6896*Input!$C$22,0)</f>
        <v>0</v>
      </c>
      <c r="R6896" s="58">
        <v>42.636191693798807</v>
      </c>
      <c r="S6896" s="124">
        <f t="shared" si="107"/>
        <v>0.33048548145885459</v>
      </c>
    </row>
    <row r="6897" spans="8:19" x14ac:dyDescent="0.3">
      <c r="H6897" s="44">
        <v>6890</v>
      </c>
      <c r="I6897" s="56">
        <f>Bühler!I6923</f>
        <v>7.6265880336658737E-2</v>
      </c>
      <c r="J6897" s="59">
        <f>Bühler!J6923</f>
        <v>0.25421960112219583</v>
      </c>
      <c r="K6897" s="59">
        <f>Bühler!K6923</f>
        <v>0.38132940168329371</v>
      </c>
      <c r="L6897" s="59">
        <f>Bühler!L6923</f>
        <v>1.8303811280798099</v>
      </c>
      <c r="M6897" s="58">
        <f>Bühler!M6923</f>
        <v>0</v>
      </c>
      <c r="N6897" s="56">
        <f>IF(Input!$D$19=1,J6897*Input!$C$19,0)+IF(Input!$D$20=1,K6897*Input!$C$20,0)+IF(Input!$D$21=1,L6897*Input!$C$21,0)+IF(Input!$D$22=1,M6897*Input!$C$22,0)</f>
        <v>7.6265880336658751E-2</v>
      </c>
      <c r="O6897" s="59">
        <f>IF(Input!$D$19=2,J6897*Input!$C$19,0)+IF(Input!$D$20=2,K6897*Input!$C$20,0)+IF(Input!$D$21=2,L6897*Input!$C$21,0)+IF(Input!$D$22=2,M6897*Input!$C$22,0)</f>
        <v>0.19066470084164686</v>
      </c>
      <c r="P6897" s="59">
        <f>IF(Input!$D$19=3,J6897*Input!$C$19,0)+IF(Input!$D$20=3,K6897*Input!$C$20,0)+IF(Input!$D$21=3,L6897*Input!$C$21,0)+IF(Input!$D$22=3,M6897*Input!$C$22,0)</f>
        <v>0</v>
      </c>
      <c r="Q6897" s="75">
        <f>IF(Input!$D$19=4,J6897*Input!$C$19,0)+IF(Input!$D$20=4,K6897*Input!$C$20,0)+IF(Input!$D$21=4,L6897*Input!$C$21,0)+IF(Input!$D$22=4,M6897*Input!$C$22,0)</f>
        <v>0</v>
      </c>
      <c r="R6897" s="58">
        <v>42.653540616801813</v>
      </c>
      <c r="S6897" s="124">
        <f t="shared" si="107"/>
        <v>0.33048548145885459</v>
      </c>
    </row>
    <row r="6898" spans="8:19" x14ac:dyDescent="0.3">
      <c r="H6898" s="44">
        <v>6891</v>
      </c>
      <c r="I6898" s="56">
        <f>Bühler!I6924</f>
        <v>7.6265880336658737E-2</v>
      </c>
      <c r="J6898" s="59">
        <f>Bühler!J6924</f>
        <v>0.25421960112219583</v>
      </c>
      <c r="K6898" s="59">
        <f>Bühler!K6924</f>
        <v>0.38132940168329371</v>
      </c>
      <c r="L6898" s="59">
        <f>Bühler!L6924</f>
        <v>1.8303811280798099</v>
      </c>
      <c r="M6898" s="58">
        <f>Bühler!M6924</f>
        <v>0</v>
      </c>
      <c r="N6898" s="56">
        <f>IF(Input!$D$19=1,J6898*Input!$C$19,0)+IF(Input!$D$20=1,K6898*Input!$C$20,0)+IF(Input!$D$21=1,L6898*Input!$C$21,0)+IF(Input!$D$22=1,M6898*Input!$C$22,0)</f>
        <v>7.6265880336658751E-2</v>
      </c>
      <c r="O6898" s="59">
        <f>IF(Input!$D$19=2,J6898*Input!$C$19,0)+IF(Input!$D$20=2,K6898*Input!$C$20,0)+IF(Input!$D$21=2,L6898*Input!$C$21,0)+IF(Input!$D$22=2,M6898*Input!$C$22,0)</f>
        <v>0.19066470084164686</v>
      </c>
      <c r="P6898" s="59">
        <f>IF(Input!$D$19=3,J6898*Input!$C$19,0)+IF(Input!$D$20=3,K6898*Input!$C$20,0)+IF(Input!$D$21=3,L6898*Input!$C$21,0)+IF(Input!$D$22=3,M6898*Input!$C$22,0)</f>
        <v>0</v>
      </c>
      <c r="Q6898" s="75">
        <f>IF(Input!$D$19=4,J6898*Input!$C$19,0)+IF(Input!$D$20=4,K6898*Input!$C$20,0)+IF(Input!$D$21=4,L6898*Input!$C$21,0)+IF(Input!$D$22=4,M6898*Input!$C$22,0)</f>
        <v>0</v>
      </c>
      <c r="R6898" s="58">
        <v>43.042520687863593</v>
      </c>
      <c r="S6898" s="124">
        <f t="shared" si="107"/>
        <v>0.33048548145885459</v>
      </c>
    </row>
    <row r="6899" spans="8:19" x14ac:dyDescent="0.3">
      <c r="H6899" s="44">
        <v>6892</v>
      </c>
      <c r="I6899" s="56">
        <f>Bühler!I6925</f>
        <v>7.6265880336658737E-2</v>
      </c>
      <c r="J6899" s="59">
        <f>Bühler!J6925</f>
        <v>0.25421960112219583</v>
      </c>
      <c r="K6899" s="59">
        <f>Bühler!K6925</f>
        <v>0.38132940168329371</v>
      </c>
      <c r="L6899" s="59">
        <f>Bühler!L6925</f>
        <v>1.8303811280798099</v>
      </c>
      <c r="M6899" s="58">
        <f>Bühler!M6925</f>
        <v>0</v>
      </c>
      <c r="N6899" s="56">
        <f>IF(Input!$D$19=1,J6899*Input!$C$19,0)+IF(Input!$D$20=1,K6899*Input!$C$20,0)+IF(Input!$D$21=1,L6899*Input!$C$21,0)+IF(Input!$D$22=1,M6899*Input!$C$22,0)</f>
        <v>7.6265880336658751E-2</v>
      </c>
      <c r="O6899" s="59">
        <f>IF(Input!$D$19=2,J6899*Input!$C$19,0)+IF(Input!$D$20=2,K6899*Input!$C$20,0)+IF(Input!$D$21=2,L6899*Input!$C$21,0)+IF(Input!$D$22=2,M6899*Input!$C$22,0)</f>
        <v>0.19066470084164686</v>
      </c>
      <c r="P6899" s="59">
        <f>IF(Input!$D$19=3,J6899*Input!$C$19,0)+IF(Input!$D$20=3,K6899*Input!$C$20,0)+IF(Input!$D$21=3,L6899*Input!$C$21,0)+IF(Input!$D$22=3,M6899*Input!$C$22,0)</f>
        <v>0</v>
      </c>
      <c r="Q6899" s="75">
        <f>IF(Input!$D$19=4,J6899*Input!$C$19,0)+IF(Input!$D$20=4,K6899*Input!$C$20,0)+IF(Input!$D$21=4,L6899*Input!$C$21,0)+IF(Input!$D$22=4,M6899*Input!$C$22,0)</f>
        <v>0</v>
      </c>
      <c r="R6899" s="58">
        <v>44.655584881761065</v>
      </c>
      <c r="S6899" s="124">
        <f t="shared" si="107"/>
        <v>0.33048548145885459</v>
      </c>
    </row>
    <row r="6900" spans="8:19" x14ac:dyDescent="0.3">
      <c r="H6900" s="44">
        <v>6893</v>
      </c>
      <c r="I6900" s="56">
        <f>Bühler!I6926</f>
        <v>7.6265880336658737E-2</v>
      </c>
      <c r="J6900" s="59">
        <f>Bühler!J6926</f>
        <v>0.25421960112219583</v>
      </c>
      <c r="K6900" s="59">
        <f>Bühler!K6926</f>
        <v>0.38132940168329371</v>
      </c>
      <c r="L6900" s="59">
        <f>Bühler!L6926</f>
        <v>1.8303811280798099</v>
      </c>
      <c r="M6900" s="58">
        <f>Bühler!M6926</f>
        <v>0</v>
      </c>
      <c r="N6900" s="56">
        <f>IF(Input!$D$19=1,J6900*Input!$C$19,0)+IF(Input!$D$20=1,K6900*Input!$C$20,0)+IF(Input!$D$21=1,L6900*Input!$C$21,0)+IF(Input!$D$22=1,M6900*Input!$C$22,0)</f>
        <v>7.6265880336658751E-2</v>
      </c>
      <c r="O6900" s="59">
        <f>IF(Input!$D$19=2,J6900*Input!$C$19,0)+IF(Input!$D$20=2,K6900*Input!$C$20,0)+IF(Input!$D$21=2,L6900*Input!$C$21,0)+IF(Input!$D$22=2,M6900*Input!$C$22,0)</f>
        <v>0.19066470084164686</v>
      </c>
      <c r="P6900" s="59">
        <f>IF(Input!$D$19=3,J6900*Input!$C$19,0)+IF(Input!$D$20=3,K6900*Input!$C$20,0)+IF(Input!$D$21=3,L6900*Input!$C$21,0)+IF(Input!$D$22=3,M6900*Input!$C$22,0)</f>
        <v>0</v>
      </c>
      <c r="Q6900" s="75">
        <f>IF(Input!$D$19=4,J6900*Input!$C$19,0)+IF(Input!$D$20=4,K6900*Input!$C$20,0)+IF(Input!$D$21=4,L6900*Input!$C$21,0)+IF(Input!$D$22=4,M6900*Input!$C$22,0)</f>
        <v>0</v>
      </c>
      <c r="R6900" s="58">
        <v>47.557292063439817</v>
      </c>
      <c r="S6900" s="124">
        <f t="shared" si="107"/>
        <v>0.33048548145885459</v>
      </c>
    </row>
    <row r="6901" spans="8:19" x14ac:dyDescent="0.3">
      <c r="H6901" s="44">
        <v>6894</v>
      </c>
      <c r="I6901" s="56">
        <f>Bühler!I6927</f>
        <v>0.33048548145885459</v>
      </c>
      <c r="J6901" s="59">
        <f>Bühler!J6927</f>
        <v>1.1016182715295153</v>
      </c>
      <c r="K6901" s="59">
        <f>Bühler!K6927</f>
        <v>1.6524274072942731</v>
      </c>
      <c r="L6901" s="59">
        <f>Bühler!L6927</f>
        <v>7.9316515550125102</v>
      </c>
      <c r="M6901" s="58">
        <f>Bühler!M6927</f>
        <v>0</v>
      </c>
      <c r="N6901" s="56">
        <f>IF(Input!$D$19=1,J6901*Input!$C$19,0)+IF(Input!$D$20=1,K6901*Input!$C$20,0)+IF(Input!$D$21=1,L6901*Input!$C$21,0)+IF(Input!$D$22=1,M6901*Input!$C$22,0)</f>
        <v>0.33048548145885459</v>
      </c>
      <c r="O6901" s="59">
        <f>IF(Input!$D$19=2,J6901*Input!$C$19,0)+IF(Input!$D$20=2,K6901*Input!$C$20,0)+IF(Input!$D$21=2,L6901*Input!$C$21,0)+IF(Input!$D$22=2,M6901*Input!$C$22,0)</f>
        <v>0.82621370364713653</v>
      </c>
      <c r="P6901" s="59">
        <f>IF(Input!$D$19=3,J6901*Input!$C$19,0)+IF(Input!$D$20=3,K6901*Input!$C$20,0)+IF(Input!$D$21=3,L6901*Input!$C$21,0)+IF(Input!$D$22=3,M6901*Input!$C$22,0)</f>
        <v>0</v>
      </c>
      <c r="Q6901" s="75">
        <f>IF(Input!$D$19=4,J6901*Input!$C$19,0)+IF(Input!$D$20=4,K6901*Input!$C$20,0)+IF(Input!$D$21=4,L6901*Input!$C$21,0)+IF(Input!$D$22=4,M6901*Input!$C$22,0)</f>
        <v>0</v>
      </c>
      <c r="R6901" s="58">
        <v>53.159664715182004</v>
      </c>
      <c r="S6901" s="124">
        <f t="shared" si="107"/>
        <v>1.43210375298837</v>
      </c>
    </row>
    <row r="6902" spans="8:19" x14ac:dyDescent="0.3">
      <c r="H6902" s="44">
        <v>6895</v>
      </c>
      <c r="I6902" s="56">
        <f>Bühler!I6928</f>
        <v>0.37497391165523886</v>
      </c>
      <c r="J6902" s="59">
        <f>Bühler!J6928</f>
        <v>1.2499130388507964</v>
      </c>
      <c r="K6902" s="59">
        <f>Bühler!K6928</f>
        <v>1.8748695582761943</v>
      </c>
      <c r="L6902" s="59">
        <f>Bühler!L6928</f>
        <v>8.9993738797257326</v>
      </c>
      <c r="M6902" s="58">
        <f>Bühler!M6928</f>
        <v>0</v>
      </c>
      <c r="N6902" s="56">
        <f>IF(Input!$D$19=1,J6902*Input!$C$19,0)+IF(Input!$D$20=1,K6902*Input!$C$20,0)+IF(Input!$D$21=1,L6902*Input!$C$21,0)+IF(Input!$D$22=1,M6902*Input!$C$22,0)</f>
        <v>0.37497391165523891</v>
      </c>
      <c r="O6902" s="59">
        <f>IF(Input!$D$19=2,J6902*Input!$C$19,0)+IF(Input!$D$20=2,K6902*Input!$C$20,0)+IF(Input!$D$21=2,L6902*Input!$C$21,0)+IF(Input!$D$22=2,M6902*Input!$C$22,0)</f>
        <v>0.93743477913809714</v>
      </c>
      <c r="P6902" s="59">
        <f>IF(Input!$D$19=3,J6902*Input!$C$19,0)+IF(Input!$D$20=3,K6902*Input!$C$20,0)+IF(Input!$D$21=3,L6902*Input!$C$21,0)+IF(Input!$D$22=3,M6902*Input!$C$22,0)</f>
        <v>0</v>
      </c>
      <c r="Q6902" s="75">
        <f>IF(Input!$D$19=4,J6902*Input!$C$19,0)+IF(Input!$D$20=4,K6902*Input!$C$20,0)+IF(Input!$D$21=4,L6902*Input!$C$21,0)+IF(Input!$D$22=4,M6902*Input!$C$22,0)</f>
        <v>0</v>
      </c>
      <c r="R6902" s="58">
        <v>58.650198656661885</v>
      </c>
      <c r="S6902" s="124">
        <f t="shared" si="107"/>
        <v>1.6248869505060353</v>
      </c>
    </row>
    <row r="6903" spans="8:19" x14ac:dyDescent="0.3">
      <c r="H6903" s="44">
        <v>6896</v>
      </c>
      <c r="I6903" s="56">
        <f>Bühler!I6929</f>
        <v>0.37497391165523886</v>
      </c>
      <c r="J6903" s="59">
        <f>Bühler!J6929</f>
        <v>1.2499130388507964</v>
      </c>
      <c r="K6903" s="59">
        <f>Bühler!K6929</f>
        <v>1.8748695582761943</v>
      </c>
      <c r="L6903" s="59">
        <f>Bühler!L6929</f>
        <v>8.9993738797257326</v>
      </c>
      <c r="M6903" s="58">
        <f>Bühler!M6929</f>
        <v>0</v>
      </c>
      <c r="N6903" s="56">
        <f>IF(Input!$D$19=1,J6903*Input!$C$19,0)+IF(Input!$D$20=1,K6903*Input!$C$20,0)+IF(Input!$D$21=1,L6903*Input!$C$21,0)+IF(Input!$D$22=1,M6903*Input!$C$22,0)</f>
        <v>0.37497391165523891</v>
      </c>
      <c r="O6903" s="59">
        <f>IF(Input!$D$19=2,J6903*Input!$C$19,0)+IF(Input!$D$20=2,K6903*Input!$C$20,0)+IF(Input!$D$21=2,L6903*Input!$C$21,0)+IF(Input!$D$22=2,M6903*Input!$C$22,0)</f>
        <v>0.93743477913809714</v>
      </c>
      <c r="P6903" s="59">
        <f>IF(Input!$D$19=3,J6903*Input!$C$19,0)+IF(Input!$D$20=3,K6903*Input!$C$20,0)+IF(Input!$D$21=3,L6903*Input!$C$21,0)+IF(Input!$D$22=3,M6903*Input!$C$22,0)</f>
        <v>0</v>
      </c>
      <c r="Q6903" s="75">
        <f>IF(Input!$D$19=4,J6903*Input!$C$19,0)+IF(Input!$D$20=4,K6903*Input!$C$20,0)+IF(Input!$D$21=4,L6903*Input!$C$21,0)+IF(Input!$D$22=4,M6903*Input!$C$22,0)</f>
        <v>0</v>
      </c>
      <c r="R6903" s="58">
        <v>61.940663214983395</v>
      </c>
      <c r="S6903" s="124">
        <f t="shared" si="107"/>
        <v>1.6248869505060353</v>
      </c>
    </row>
    <row r="6904" spans="8:19" x14ac:dyDescent="0.3">
      <c r="H6904" s="44">
        <v>6897</v>
      </c>
      <c r="I6904" s="56">
        <f>Bühler!I6930</f>
        <v>0.37497391165523886</v>
      </c>
      <c r="J6904" s="59">
        <f>Bühler!J6930</f>
        <v>1.2499130388507964</v>
      </c>
      <c r="K6904" s="59">
        <f>Bühler!K6930</f>
        <v>1.8748695582761943</v>
      </c>
      <c r="L6904" s="59">
        <f>Bühler!L6930</f>
        <v>8.9993738797257326</v>
      </c>
      <c r="M6904" s="58">
        <f>Bühler!M6930</f>
        <v>0</v>
      </c>
      <c r="N6904" s="56">
        <f>IF(Input!$D$19=1,J6904*Input!$C$19,0)+IF(Input!$D$20=1,K6904*Input!$C$20,0)+IF(Input!$D$21=1,L6904*Input!$C$21,0)+IF(Input!$D$22=1,M6904*Input!$C$22,0)</f>
        <v>0.37497391165523891</v>
      </c>
      <c r="O6904" s="59">
        <f>IF(Input!$D$19=2,J6904*Input!$C$19,0)+IF(Input!$D$20=2,K6904*Input!$C$20,0)+IF(Input!$D$21=2,L6904*Input!$C$21,0)+IF(Input!$D$22=2,M6904*Input!$C$22,0)</f>
        <v>0.93743477913809714</v>
      </c>
      <c r="P6904" s="59">
        <f>IF(Input!$D$19=3,J6904*Input!$C$19,0)+IF(Input!$D$20=3,K6904*Input!$C$20,0)+IF(Input!$D$21=3,L6904*Input!$C$21,0)+IF(Input!$D$22=3,M6904*Input!$C$22,0)</f>
        <v>0</v>
      </c>
      <c r="Q6904" s="75">
        <f>IF(Input!$D$19=4,J6904*Input!$C$19,0)+IF(Input!$D$20=4,K6904*Input!$C$20,0)+IF(Input!$D$21=4,L6904*Input!$C$21,0)+IF(Input!$D$22=4,M6904*Input!$C$22,0)</f>
        <v>0</v>
      </c>
      <c r="R6904" s="58">
        <v>64.14978324139507</v>
      </c>
      <c r="S6904" s="124">
        <f t="shared" si="107"/>
        <v>1.6248869505060353</v>
      </c>
    </row>
    <row r="6905" spans="8:19" x14ac:dyDescent="0.3">
      <c r="H6905" s="44">
        <v>6898</v>
      </c>
      <c r="I6905" s="56">
        <f>Bühler!I6931</f>
        <v>0.4003958717674585</v>
      </c>
      <c r="J6905" s="59">
        <f>Bühler!J6931</f>
        <v>1.3346529058915284</v>
      </c>
      <c r="K6905" s="59">
        <f>Bühler!K6931</f>
        <v>2.0019793588372923</v>
      </c>
      <c r="L6905" s="59">
        <f>Bühler!L6931</f>
        <v>9.609500922419004</v>
      </c>
      <c r="M6905" s="58">
        <f>Bühler!M6931</f>
        <v>0</v>
      </c>
      <c r="N6905" s="56">
        <f>IF(Input!$D$19=1,J6905*Input!$C$19,0)+IF(Input!$D$20=1,K6905*Input!$C$20,0)+IF(Input!$D$21=1,L6905*Input!$C$21,0)+IF(Input!$D$22=1,M6905*Input!$C$22,0)</f>
        <v>0.4003958717674585</v>
      </c>
      <c r="O6905" s="59">
        <f>IF(Input!$D$19=2,J6905*Input!$C$19,0)+IF(Input!$D$20=2,K6905*Input!$C$20,0)+IF(Input!$D$21=2,L6905*Input!$C$21,0)+IF(Input!$D$22=2,M6905*Input!$C$22,0)</f>
        <v>1.0009896794186461</v>
      </c>
      <c r="P6905" s="59">
        <f>IF(Input!$D$19=3,J6905*Input!$C$19,0)+IF(Input!$D$20=3,K6905*Input!$C$20,0)+IF(Input!$D$21=3,L6905*Input!$C$21,0)+IF(Input!$D$22=3,M6905*Input!$C$22,0)</f>
        <v>0</v>
      </c>
      <c r="Q6905" s="75">
        <f>IF(Input!$D$19=4,J6905*Input!$C$19,0)+IF(Input!$D$20=4,K6905*Input!$C$20,0)+IF(Input!$D$21=4,L6905*Input!$C$21,0)+IF(Input!$D$22=4,M6905*Input!$C$22,0)</f>
        <v>0</v>
      </c>
      <c r="R6905" s="58">
        <v>64.877256887632257</v>
      </c>
      <c r="S6905" s="124">
        <f t="shared" si="107"/>
        <v>1.7350487776589869</v>
      </c>
    </row>
    <row r="6906" spans="8:19" x14ac:dyDescent="0.3">
      <c r="H6906" s="44">
        <v>6899</v>
      </c>
      <c r="I6906" s="56">
        <f>Bühler!I6932</f>
        <v>0.4003958717674585</v>
      </c>
      <c r="J6906" s="59">
        <f>Bühler!J6932</f>
        <v>1.3346529058915284</v>
      </c>
      <c r="K6906" s="59">
        <f>Bühler!K6932</f>
        <v>2.0019793588372923</v>
      </c>
      <c r="L6906" s="59">
        <f>Bühler!L6932</f>
        <v>9.609500922419004</v>
      </c>
      <c r="M6906" s="58">
        <f>Bühler!M6932</f>
        <v>0</v>
      </c>
      <c r="N6906" s="56">
        <f>IF(Input!$D$19=1,J6906*Input!$C$19,0)+IF(Input!$D$20=1,K6906*Input!$C$20,0)+IF(Input!$D$21=1,L6906*Input!$C$21,0)+IF(Input!$D$22=1,M6906*Input!$C$22,0)</f>
        <v>0.4003958717674585</v>
      </c>
      <c r="O6906" s="59">
        <f>IF(Input!$D$19=2,J6906*Input!$C$19,0)+IF(Input!$D$20=2,K6906*Input!$C$20,0)+IF(Input!$D$21=2,L6906*Input!$C$21,0)+IF(Input!$D$22=2,M6906*Input!$C$22,0)</f>
        <v>1.0009896794186461</v>
      </c>
      <c r="P6906" s="59">
        <f>IF(Input!$D$19=3,J6906*Input!$C$19,0)+IF(Input!$D$20=3,K6906*Input!$C$20,0)+IF(Input!$D$21=3,L6906*Input!$C$21,0)+IF(Input!$D$22=3,M6906*Input!$C$22,0)</f>
        <v>0</v>
      </c>
      <c r="Q6906" s="75">
        <f>IF(Input!$D$19=4,J6906*Input!$C$19,0)+IF(Input!$D$20=4,K6906*Input!$C$20,0)+IF(Input!$D$21=4,L6906*Input!$C$21,0)+IF(Input!$D$22=4,M6906*Input!$C$22,0)</f>
        <v>0</v>
      </c>
      <c r="R6906" s="58">
        <v>64.047226047735251</v>
      </c>
      <c r="S6906" s="124">
        <f t="shared" si="107"/>
        <v>1.7350487776589869</v>
      </c>
    </row>
    <row r="6907" spans="8:19" x14ac:dyDescent="0.3">
      <c r="H6907" s="44">
        <v>6900</v>
      </c>
      <c r="I6907" s="56">
        <f>Bühler!I6933</f>
        <v>0.50843920224439176</v>
      </c>
      <c r="J6907" s="59">
        <f>Bühler!J6933</f>
        <v>1.6947973408146393</v>
      </c>
      <c r="K6907" s="59">
        <f>Bühler!K6933</f>
        <v>2.5421960112219586</v>
      </c>
      <c r="L6907" s="59">
        <f>Bühler!L6933</f>
        <v>12.202540853865402</v>
      </c>
      <c r="M6907" s="58">
        <f>Bühler!M6933</f>
        <v>0</v>
      </c>
      <c r="N6907" s="56">
        <f>IF(Input!$D$19=1,J6907*Input!$C$19,0)+IF(Input!$D$20=1,K6907*Input!$C$20,0)+IF(Input!$D$21=1,L6907*Input!$C$21,0)+IF(Input!$D$22=1,M6907*Input!$C$22,0)</f>
        <v>0.50843920224439176</v>
      </c>
      <c r="O6907" s="59">
        <f>IF(Input!$D$19=2,J6907*Input!$C$19,0)+IF(Input!$D$20=2,K6907*Input!$C$20,0)+IF(Input!$D$21=2,L6907*Input!$C$21,0)+IF(Input!$D$22=2,M6907*Input!$C$22,0)</f>
        <v>1.2710980056109793</v>
      </c>
      <c r="P6907" s="59">
        <f>IF(Input!$D$19=3,J6907*Input!$C$19,0)+IF(Input!$D$20=3,K6907*Input!$C$20,0)+IF(Input!$D$21=3,L6907*Input!$C$21,0)+IF(Input!$D$22=3,M6907*Input!$C$22,0)</f>
        <v>0</v>
      </c>
      <c r="Q6907" s="75">
        <f>IF(Input!$D$19=4,J6907*Input!$C$19,0)+IF(Input!$D$20=4,K6907*Input!$C$20,0)+IF(Input!$D$21=4,L6907*Input!$C$21,0)+IF(Input!$D$22=4,M6907*Input!$C$22,0)</f>
        <v>0</v>
      </c>
      <c r="R6907" s="58">
        <v>64.656938222241379</v>
      </c>
      <c r="S6907" s="124">
        <f t="shared" si="107"/>
        <v>2.203236543059031</v>
      </c>
    </row>
    <row r="6908" spans="8:19" x14ac:dyDescent="0.3">
      <c r="H6908" s="44">
        <v>6901</v>
      </c>
      <c r="I6908" s="56">
        <f>Bühler!I6934</f>
        <v>0.50843920224439176</v>
      </c>
      <c r="J6908" s="59">
        <f>Bühler!J6934</f>
        <v>1.6947973408146393</v>
      </c>
      <c r="K6908" s="59">
        <f>Bühler!K6934</f>
        <v>2.5421960112219586</v>
      </c>
      <c r="L6908" s="59">
        <f>Bühler!L6934</f>
        <v>12.202540853865402</v>
      </c>
      <c r="M6908" s="58">
        <f>Bühler!M6934</f>
        <v>0</v>
      </c>
      <c r="N6908" s="56">
        <f>IF(Input!$D$19=1,J6908*Input!$C$19,0)+IF(Input!$D$20=1,K6908*Input!$C$20,0)+IF(Input!$D$21=1,L6908*Input!$C$21,0)+IF(Input!$D$22=1,M6908*Input!$C$22,0)</f>
        <v>0.50843920224439176</v>
      </c>
      <c r="O6908" s="59">
        <f>IF(Input!$D$19=2,J6908*Input!$C$19,0)+IF(Input!$D$20=2,K6908*Input!$C$20,0)+IF(Input!$D$21=2,L6908*Input!$C$21,0)+IF(Input!$D$22=2,M6908*Input!$C$22,0)</f>
        <v>1.2710980056109793</v>
      </c>
      <c r="P6908" s="59">
        <f>IF(Input!$D$19=3,J6908*Input!$C$19,0)+IF(Input!$D$20=3,K6908*Input!$C$20,0)+IF(Input!$D$21=3,L6908*Input!$C$21,0)+IF(Input!$D$22=3,M6908*Input!$C$22,0)</f>
        <v>0</v>
      </c>
      <c r="Q6908" s="75">
        <f>IF(Input!$D$19=4,J6908*Input!$C$19,0)+IF(Input!$D$20=4,K6908*Input!$C$20,0)+IF(Input!$D$21=4,L6908*Input!$C$21,0)+IF(Input!$D$22=4,M6908*Input!$C$22,0)</f>
        <v>0</v>
      </c>
      <c r="R6908" s="58">
        <v>63.992372395432284</v>
      </c>
      <c r="S6908" s="124">
        <f t="shared" si="107"/>
        <v>2.203236543059031</v>
      </c>
    </row>
    <row r="6909" spans="8:19" x14ac:dyDescent="0.3">
      <c r="H6909" s="44">
        <v>6902</v>
      </c>
      <c r="I6909" s="56">
        <f>Bühler!I6935</f>
        <v>0.3368409714869095</v>
      </c>
      <c r="J6909" s="59">
        <f>Bühler!J6935</f>
        <v>1.1228032382896984</v>
      </c>
      <c r="K6909" s="59">
        <f>Bühler!K6935</f>
        <v>1.6842048574345476</v>
      </c>
      <c r="L6909" s="59">
        <f>Bühler!L6935</f>
        <v>8.0841833156858289</v>
      </c>
      <c r="M6909" s="58">
        <f>Bühler!M6935</f>
        <v>0</v>
      </c>
      <c r="N6909" s="56">
        <f>IF(Input!$D$19=1,J6909*Input!$C$19,0)+IF(Input!$D$20=1,K6909*Input!$C$20,0)+IF(Input!$D$21=1,L6909*Input!$C$21,0)+IF(Input!$D$22=1,M6909*Input!$C$22,0)</f>
        <v>0.3368409714869095</v>
      </c>
      <c r="O6909" s="59">
        <f>IF(Input!$D$19=2,J6909*Input!$C$19,0)+IF(Input!$D$20=2,K6909*Input!$C$20,0)+IF(Input!$D$21=2,L6909*Input!$C$21,0)+IF(Input!$D$22=2,M6909*Input!$C$22,0)</f>
        <v>0.84210242871727381</v>
      </c>
      <c r="P6909" s="59">
        <f>IF(Input!$D$19=3,J6909*Input!$C$19,0)+IF(Input!$D$20=3,K6909*Input!$C$20,0)+IF(Input!$D$21=3,L6909*Input!$C$21,0)+IF(Input!$D$22=3,M6909*Input!$C$22,0)</f>
        <v>0</v>
      </c>
      <c r="Q6909" s="75">
        <f>IF(Input!$D$19=4,J6909*Input!$C$19,0)+IF(Input!$D$20=4,K6909*Input!$C$20,0)+IF(Input!$D$21=4,L6909*Input!$C$21,0)+IF(Input!$D$22=4,M6909*Input!$C$22,0)</f>
        <v>0</v>
      </c>
      <c r="R6909" s="58">
        <v>63.940753892465167</v>
      </c>
      <c r="S6909" s="124">
        <f t="shared" si="107"/>
        <v>1.459644209776608</v>
      </c>
    </row>
    <row r="6910" spans="8:19" x14ac:dyDescent="0.3">
      <c r="H6910" s="44">
        <v>6903</v>
      </c>
      <c r="I6910" s="56">
        <f>Bühler!I6936</f>
        <v>0.50843920224439176</v>
      </c>
      <c r="J6910" s="59">
        <f>Bühler!J6936</f>
        <v>1.6947973408146393</v>
      </c>
      <c r="K6910" s="59">
        <f>Bühler!K6936</f>
        <v>2.5421960112219586</v>
      </c>
      <c r="L6910" s="59">
        <f>Bühler!L6936</f>
        <v>12.202540853865402</v>
      </c>
      <c r="M6910" s="58">
        <f>Bühler!M6936</f>
        <v>0</v>
      </c>
      <c r="N6910" s="56">
        <f>IF(Input!$D$19=1,J6910*Input!$C$19,0)+IF(Input!$D$20=1,K6910*Input!$C$20,0)+IF(Input!$D$21=1,L6910*Input!$C$21,0)+IF(Input!$D$22=1,M6910*Input!$C$22,0)</f>
        <v>0.50843920224439176</v>
      </c>
      <c r="O6910" s="59">
        <f>IF(Input!$D$19=2,J6910*Input!$C$19,0)+IF(Input!$D$20=2,K6910*Input!$C$20,0)+IF(Input!$D$21=2,L6910*Input!$C$21,0)+IF(Input!$D$22=2,M6910*Input!$C$22,0)</f>
        <v>1.2710980056109793</v>
      </c>
      <c r="P6910" s="59">
        <f>IF(Input!$D$19=3,J6910*Input!$C$19,0)+IF(Input!$D$20=3,K6910*Input!$C$20,0)+IF(Input!$D$21=3,L6910*Input!$C$21,0)+IF(Input!$D$22=3,M6910*Input!$C$22,0)</f>
        <v>0</v>
      </c>
      <c r="Q6910" s="75">
        <f>IF(Input!$D$19=4,J6910*Input!$C$19,0)+IF(Input!$D$20=4,K6910*Input!$C$20,0)+IF(Input!$D$21=4,L6910*Input!$C$21,0)+IF(Input!$D$22=4,M6910*Input!$C$22,0)</f>
        <v>0</v>
      </c>
      <c r="R6910" s="58">
        <v>63.818881105959399</v>
      </c>
      <c r="S6910" s="124">
        <f t="shared" si="107"/>
        <v>2.203236543059031</v>
      </c>
    </row>
    <row r="6911" spans="8:19" x14ac:dyDescent="0.3">
      <c r="H6911" s="44">
        <v>6904</v>
      </c>
      <c r="I6911" s="56">
        <f>Bühler!I6937</f>
        <v>0.50843920224439176</v>
      </c>
      <c r="J6911" s="59">
        <f>Bühler!J6937</f>
        <v>1.6947973408146393</v>
      </c>
      <c r="K6911" s="59">
        <f>Bühler!K6937</f>
        <v>2.5421960112219586</v>
      </c>
      <c r="L6911" s="59">
        <f>Bühler!L6937</f>
        <v>12.202540853865402</v>
      </c>
      <c r="M6911" s="58">
        <f>Bühler!M6937</f>
        <v>0</v>
      </c>
      <c r="N6911" s="56">
        <f>IF(Input!$D$19=1,J6911*Input!$C$19,0)+IF(Input!$D$20=1,K6911*Input!$C$20,0)+IF(Input!$D$21=1,L6911*Input!$C$21,0)+IF(Input!$D$22=1,M6911*Input!$C$22,0)</f>
        <v>0.50843920224439176</v>
      </c>
      <c r="O6911" s="59">
        <f>IF(Input!$D$19=2,J6911*Input!$C$19,0)+IF(Input!$D$20=2,K6911*Input!$C$20,0)+IF(Input!$D$21=2,L6911*Input!$C$21,0)+IF(Input!$D$22=2,M6911*Input!$C$22,0)</f>
        <v>1.2710980056109793</v>
      </c>
      <c r="P6911" s="59">
        <f>IF(Input!$D$19=3,J6911*Input!$C$19,0)+IF(Input!$D$20=3,K6911*Input!$C$20,0)+IF(Input!$D$21=3,L6911*Input!$C$21,0)+IF(Input!$D$22=3,M6911*Input!$C$22,0)</f>
        <v>0</v>
      </c>
      <c r="Q6911" s="75">
        <f>IF(Input!$D$19=4,J6911*Input!$C$19,0)+IF(Input!$D$20=4,K6911*Input!$C$20,0)+IF(Input!$D$21=4,L6911*Input!$C$21,0)+IF(Input!$D$22=4,M6911*Input!$C$22,0)</f>
        <v>0</v>
      </c>
      <c r="R6911" s="58">
        <v>63.060637383099568</v>
      </c>
      <c r="S6911" s="124">
        <f t="shared" si="107"/>
        <v>2.203236543059031</v>
      </c>
    </row>
    <row r="6912" spans="8:19" x14ac:dyDescent="0.3">
      <c r="H6912" s="44">
        <v>6905</v>
      </c>
      <c r="I6912" s="56">
        <f>Bühler!I6938</f>
        <v>0.50843920224439176</v>
      </c>
      <c r="J6912" s="59">
        <f>Bühler!J6938</f>
        <v>1.6947973408146393</v>
      </c>
      <c r="K6912" s="59">
        <f>Bühler!K6938</f>
        <v>2.5421960112219586</v>
      </c>
      <c r="L6912" s="59">
        <f>Bühler!L6938</f>
        <v>12.202540853865402</v>
      </c>
      <c r="M6912" s="58">
        <f>Bühler!M6938</f>
        <v>0</v>
      </c>
      <c r="N6912" s="56">
        <f>IF(Input!$D$19=1,J6912*Input!$C$19,0)+IF(Input!$D$20=1,K6912*Input!$C$20,0)+IF(Input!$D$21=1,L6912*Input!$C$21,0)+IF(Input!$D$22=1,M6912*Input!$C$22,0)</f>
        <v>0.50843920224439176</v>
      </c>
      <c r="O6912" s="59">
        <f>IF(Input!$D$19=2,J6912*Input!$C$19,0)+IF(Input!$D$20=2,K6912*Input!$C$20,0)+IF(Input!$D$21=2,L6912*Input!$C$21,0)+IF(Input!$D$22=2,M6912*Input!$C$22,0)</f>
        <v>1.2710980056109793</v>
      </c>
      <c r="P6912" s="59">
        <f>IF(Input!$D$19=3,J6912*Input!$C$19,0)+IF(Input!$D$20=3,K6912*Input!$C$20,0)+IF(Input!$D$21=3,L6912*Input!$C$21,0)+IF(Input!$D$22=3,M6912*Input!$C$22,0)</f>
        <v>0</v>
      </c>
      <c r="Q6912" s="75">
        <f>IF(Input!$D$19=4,J6912*Input!$C$19,0)+IF(Input!$D$20=4,K6912*Input!$C$20,0)+IF(Input!$D$21=4,L6912*Input!$C$21,0)+IF(Input!$D$22=4,M6912*Input!$C$22,0)</f>
        <v>0</v>
      </c>
      <c r="R6912" s="58">
        <v>61.764501298877562</v>
      </c>
      <c r="S6912" s="124">
        <f t="shared" si="107"/>
        <v>2.203236543059031</v>
      </c>
    </row>
    <row r="6913" spans="8:19" x14ac:dyDescent="0.3">
      <c r="H6913" s="44">
        <v>6906</v>
      </c>
      <c r="I6913" s="56">
        <f>Bühler!I6939</f>
        <v>0.50843920224439176</v>
      </c>
      <c r="J6913" s="59">
        <f>Bühler!J6939</f>
        <v>1.6947973408146393</v>
      </c>
      <c r="K6913" s="59">
        <f>Bühler!K6939</f>
        <v>2.5421960112219586</v>
      </c>
      <c r="L6913" s="59">
        <f>Bühler!L6939</f>
        <v>12.202540853865402</v>
      </c>
      <c r="M6913" s="58">
        <f>Bühler!M6939</f>
        <v>0</v>
      </c>
      <c r="N6913" s="56">
        <f>IF(Input!$D$19=1,J6913*Input!$C$19,0)+IF(Input!$D$20=1,K6913*Input!$C$20,0)+IF(Input!$D$21=1,L6913*Input!$C$21,0)+IF(Input!$D$22=1,M6913*Input!$C$22,0)</f>
        <v>0.50843920224439176</v>
      </c>
      <c r="O6913" s="59">
        <f>IF(Input!$D$19=2,J6913*Input!$C$19,0)+IF(Input!$D$20=2,K6913*Input!$C$20,0)+IF(Input!$D$21=2,L6913*Input!$C$21,0)+IF(Input!$D$22=2,M6913*Input!$C$22,0)</f>
        <v>1.2710980056109793</v>
      </c>
      <c r="P6913" s="59">
        <f>IF(Input!$D$19=3,J6913*Input!$C$19,0)+IF(Input!$D$20=3,K6913*Input!$C$20,0)+IF(Input!$D$21=3,L6913*Input!$C$21,0)+IF(Input!$D$22=3,M6913*Input!$C$22,0)</f>
        <v>0</v>
      </c>
      <c r="Q6913" s="75">
        <f>IF(Input!$D$19=4,J6913*Input!$C$19,0)+IF(Input!$D$20=4,K6913*Input!$C$20,0)+IF(Input!$D$21=4,L6913*Input!$C$21,0)+IF(Input!$D$22=4,M6913*Input!$C$22,0)</f>
        <v>0</v>
      </c>
      <c r="R6913" s="58">
        <v>60.672913470945502</v>
      </c>
      <c r="S6913" s="124">
        <f t="shared" si="107"/>
        <v>2.203236543059031</v>
      </c>
    </row>
    <row r="6914" spans="8:19" x14ac:dyDescent="0.3">
      <c r="H6914" s="44">
        <v>6907</v>
      </c>
      <c r="I6914" s="56">
        <f>Bühler!I6940</f>
        <v>0.50843920224439176</v>
      </c>
      <c r="J6914" s="59">
        <f>Bühler!J6940</f>
        <v>1.6947973408146393</v>
      </c>
      <c r="K6914" s="59">
        <f>Bühler!K6940</f>
        <v>2.5421960112219586</v>
      </c>
      <c r="L6914" s="59">
        <f>Bühler!L6940</f>
        <v>12.202540853865402</v>
      </c>
      <c r="M6914" s="58">
        <f>Bühler!M6940</f>
        <v>0</v>
      </c>
      <c r="N6914" s="56">
        <f>IF(Input!$D$19=1,J6914*Input!$C$19,0)+IF(Input!$D$20=1,K6914*Input!$C$20,0)+IF(Input!$D$21=1,L6914*Input!$C$21,0)+IF(Input!$D$22=1,M6914*Input!$C$22,0)</f>
        <v>0.50843920224439176</v>
      </c>
      <c r="O6914" s="59">
        <f>IF(Input!$D$19=2,J6914*Input!$C$19,0)+IF(Input!$D$20=2,K6914*Input!$C$20,0)+IF(Input!$D$21=2,L6914*Input!$C$21,0)+IF(Input!$D$22=2,M6914*Input!$C$22,0)</f>
        <v>1.2710980056109793</v>
      </c>
      <c r="P6914" s="59">
        <f>IF(Input!$D$19=3,J6914*Input!$C$19,0)+IF(Input!$D$20=3,K6914*Input!$C$20,0)+IF(Input!$D$21=3,L6914*Input!$C$21,0)+IF(Input!$D$22=3,M6914*Input!$C$22,0)</f>
        <v>0</v>
      </c>
      <c r="Q6914" s="75">
        <f>IF(Input!$D$19=4,J6914*Input!$C$19,0)+IF(Input!$D$20=4,K6914*Input!$C$20,0)+IF(Input!$D$21=4,L6914*Input!$C$21,0)+IF(Input!$D$22=4,M6914*Input!$C$22,0)</f>
        <v>0</v>
      </c>
      <c r="R6914" s="58">
        <v>60.448554688660941</v>
      </c>
      <c r="S6914" s="124">
        <f t="shared" si="107"/>
        <v>2.203236543059031</v>
      </c>
    </row>
    <row r="6915" spans="8:19" x14ac:dyDescent="0.3">
      <c r="H6915" s="44">
        <v>6908</v>
      </c>
      <c r="I6915" s="56">
        <f>Bühler!I6941</f>
        <v>0.42581783187967803</v>
      </c>
      <c r="J6915" s="59">
        <f>Bühler!J6941</f>
        <v>1.4193927729322602</v>
      </c>
      <c r="K6915" s="59">
        <f>Bühler!K6941</f>
        <v>2.1290891593983901</v>
      </c>
      <c r="L6915" s="59">
        <f>Bühler!L6941</f>
        <v>10.219627965112272</v>
      </c>
      <c r="M6915" s="58">
        <f>Bühler!M6941</f>
        <v>0</v>
      </c>
      <c r="N6915" s="56">
        <f>IF(Input!$D$19=1,J6915*Input!$C$19,0)+IF(Input!$D$20=1,K6915*Input!$C$20,0)+IF(Input!$D$21=1,L6915*Input!$C$21,0)+IF(Input!$D$22=1,M6915*Input!$C$22,0)</f>
        <v>0.42581783187967803</v>
      </c>
      <c r="O6915" s="59">
        <f>IF(Input!$D$19=2,J6915*Input!$C$19,0)+IF(Input!$D$20=2,K6915*Input!$C$20,0)+IF(Input!$D$21=2,L6915*Input!$C$21,0)+IF(Input!$D$22=2,M6915*Input!$C$22,0)</f>
        <v>1.064544579699195</v>
      </c>
      <c r="P6915" s="59">
        <f>IF(Input!$D$19=3,J6915*Input!$C$19,0)+IF(Input!$D$20=3,K6915*Input!$C$20,0)+IF(Input!$D$21=3,L6915*Input!$C$21,0)+IF(Input!$D$22=3,M6915*Input!$C$22,0)</f>
        <v>0</v>
      </c>
      <c r="Q6915" s="75">
        <f>IF(Input!$D$19=4,J6915*Input!$C$19,0)+IF(Input!$D$20=4,K6915*Input!$C$20,0)+IF(Input!$D$21=4,L6915*Input!$C$21,0)+IF(Input!$D$22=4,M6915*Input!$C$22,0)</f>
        <v>0</v>
      </c>
      <c r="R6915" s="58">
        <v>59.308708427016128</v>
      </c>
      <c r="S6915" s="124">
        <f t="shared" si="107"/>
        <v>1.8452106048119381</v>
      </c>
    </row>
    <row r="6916" spans="8:19" x14ac:dyDescent="0.3">
      <c r="H6916" s="44">
        <v>6909</v>
      </c>
      <c r="I6916" s="56">
        <f>Bühler!I6942</f>
        <v>0.34955195154301927</v>
      </c>
      <c r="J6916" s="59">
        <f>Bühler!J6942</f>
        <v>1.1651731718100642</v>
      </c>
      <c r="K6916" s="59">
        <f>Bühler!K6942</f>
        <v>1.7477597577150963</v>
      </c>
      <c r="L6916" s="59">
        <f>Bühler!L6942</f>
        <v>8.3892468370324611</v>
      </c>
      <c r="M6916" s="58">
        <f>Bühler!M6942</f>
        <v>0</v>
      </c>
      <c r="N6916" s="56">
        <f>IF(Input!$D$19=1,J6916*Input!$C$19,0)+IF(Input!$D$20=1,K6916*Input!$C$20,0)+IF(Input!$D$21=1,L6916*Input!$C$21,0)+IF(Input!$D$22=1,M6916*Input!$C$22,0)</f>
        <v>0.34955195154301927</v>
      </c>
      <c r="O6916" s="59">
        <f>IF(Input!$D$19=2,J6916*Input!$C$19,0)+IF(Input!$D$20=2,K6916*Input!$C$20,0)+IF(Input!$D$21=2,L6916*Input!$C$21,0)+IF(Input!$D$22=2,M6916*Input!$C$22,0)</f>
        <v>0.87387987885754814</v>
      </c>
      <c r="P6916" s="59">
        <f>IF(Input!$D$19=3,J6916*Input!$C$19,0)+IF(Input!$D$20=3,K6916*Input!$C$20,0)+IF(Input!$D$21=3,L6916*Input!$C$21,0)+IF(Input!$D$22=3,M6916*Input!$C$22,0)</f>
        <v>0</v>
      </c>
      <c r="Q6916" s="75">
        <f>IF(Input!$D$19=4,J6916*Input!$C$19,0)+IF(Input!$D$20=4,K6916*Input!$C$20,0)+IF(Input!$D$21=4,L6916*Input!$C$21,0)+IF(Input!$D$22=4,M6916*Input!$C$22,0)</f>
        <v>0</v>
      </c>
      <c r="R6916" s="58">
        <v>57.62501020793416</v>
      </c>
      <c r="S6916" s="124">
        <f t="shared" si="107"/>
        <v>1.5147251233530834</v>
      </c>
    </row>
    <row r="6917" spans="8:19" x14ac:dyDescent="0.3">
      <c r="H6917" s="44">
        <v>6910</v>
      </c>
      <c r="I6917" s="56">
        <f>Bühler!I6943</f>
        <v>0.25421960112219588</v>
      </c>
      <c r="J6917" s="59">
        <f>Bühler!J6943</f>
        <v>0.84739867040731964</v>
      </c>
      <c r="K6917" s="59">
        <f>Bühler!K6943</f>
        <v>1.2710980056109793</v>
      </c>
      <c r="L6917" s="59">
        <f>Bühler!L6943</f>
        <v>6.1012704269327012</v>
      </c>
      <c r="M6917" s="58">
        <f>Bühler!M6943</f>
        <v>0</v>
      </c>
      <c r="N6917" s="56">
        <f>IF(Input!$D$19=1,J6917*Input!$C$19,0)+IF(Input!$D$20=1,K6917*Input!$C$20,0)+IF(Input!$D$21=1,L6917*Input!$C$21,0)+IF(Input!$D$22=1,M6917*Input!$C$22,0)</f>
        <v>0.25421960112219588</v>
      </c>
      <c r="O6917" s="59">
        <f>IF(Input!$D$19=2,J6917*Input!$C$19,0)+IF(Input!$D$20=2,K6917*Input!$C$20,0)+IF(Input!$D$21=2,L6917*Input!$C$21,0)+IF(Input!$D$22=2,M6917*Input!$C$22,0)</f>
        <v>0.63554900280548965</v>
      </c>
      <c r="P6917" s="59">
        <f>IF(Input!$D$19=3,J6917*Input!$C$19,0)+IF(Input!$D$20=3,K6917*Input!$C$20,0)+IF(Input!$D$21=3,L6917*Input!$C$21,0)+IF(Input!$D$22=3,M6917*Input!$C$22,0)</f>
        <v>0</v>
      </c>
      <c r="Q6917" s="75">
        <f>IF(Input!$D$19=4,J6917*Input!$C$19,0)+IF(Input!$D$20=4,K6917*Input!$C$20,0)+IF(Input!$D$21=4,L6917*Input!$C$21,0)+IF(Input!$D$22=4,M6917*Input!$C$22,0)</f>
        <v>0</v>
      </c>
      <c r="R6917" s="58">
        <v>55.712094470952131</v>
      </c>
      <c r="S6917" s="124">
        <f t="shared" si="107"/>
        <v>1.1016182715295155</v>
      </c>
    </row>
    <row r="6918" spans="8:19" x14ac:dyDescent="0.3">
      <c r="H6918" s="44">
        <v>6911</v>
      </c>
      <c r="I6918" s="56">
        <f>Bühler!I6944</f>
        <v>0.24150862106608603</v>
      </c>
      <c r="J6918" s="59">
        <f>Bühler!J6944</f>
        <v>0.80502873688695353</v>
      </c>
      <c r="K6918" s="59">
        <f>Bühler!K6944</f>
        <v>1.2075431053304302</v>
      </c>
      <c r="L6918" s="59">
        <f>Bühler!L6944</f>
        <v>5.7962069055860646</v>
      </c>
      <c r="M6918" s="58">
        <f>Bühler!M6944</f>
        <v>0</v>
      </c>
      <c r="N6918" s="56">
        <f>IF(Input!$D$19=1,J6918*Input!$C$19,0)+IF(Input!$D$20=1,K6918*Input!$C$20,0)+IF(Input!$D$21=1,L6918*Input!$C$21,0)+IF(Input!$D$22=1,M6918*Input!$C$22,0)</f>
        <v>0.24150862106608606</v>
      </c>
      <c r="O6918" s="59">
        <f>IF(Input!$D$19=2,J6918*Input!$C$19,0)+IF(Input!$D$20=2,K6918*Input!$C$20,0)+IF(Input!$D$21=2,L6918*Input!$C$21,0)+IF(Input!$D$22=2,M6918*Input!$C$22,0)</f>
        <v>0.60377155266521509</v>
      </c>
      <c r="P6918" s="59">
        <f>IF(Input!$D$19=3,J6918*Input!$C$19,0)+IF(Input!$D$20=3,K6918*Input!$C$20,0)+IF(Input!$D$21=3,L6918*Input!$C$21,0)+IF(Input!$D$22=3,M6918*Input!$C$22,0)</f>
        <v>0</v>
      </c>
      <c r="Q6918" s="75">
        <f>IF(Input!$D$19=4,J6918*Input!$C$19,0)+IF(Input!$D$20=4,K6918*Input!$C$20,0)+IF(Input!$D$21=4,L6918*Input!$C$21,0)+IF(Input!$D$22=4,M6918*Input!$C$22,0)</f>
        <v>0</v>
      </c>
      <c r="R6918" s="58">
        <v>55.235395138841277</v>
      </c>
      <c r="S6918" s="124">
        <f t="shared" si="107"/>
        <v>1.0465373579530395</v>
      </c>
    </row>
    <row r="6919" spans="8:19" x14ac:dyDescent="0.3">
      <c r="H6919" s="44">
        <v>6912</v>
      </c>
      <c r="I6919" s="56">
        <f>Bühler!I6945</f>
        <v>0.24150862106608603</v>
      </c>
      <c r="J6919" s="59">
        <f>Bühler!J6945</f>
        <v>0.80502873688695353</v>
      </c>
      <c r="K6919" s="59">
        <f>Bühler!K6945</f>
        <v>1.2075431053304302</v>
      </c>
      <c r="L6919" s="59">
        <f>Bühler!L6945</f>
        <v>5.7962069055860646</v>
      </c>
      <c r="M6919" s="58">
        <f>Bühler!M6945</f>
        <v>0</v>
      </c>
      <c r="N6919" s="56">
        <f>IF(Input!$D$19=1,J6919*Input!$C$19,0)+IF(Input!$D$20=1,K6919*Input!$C$20,0)+IF(Input!$D$21=1,L6919*Input!$C$21,0)+IF(Input!$D$22=1,M6919*Input!$C$22,0)</f>
        <v>0.24150862106608606</v>
      </c>
      <c r="O6919" s="59">
        <f>IF(Input!$D$19=2,J6919*Input!$C$19,0)+IF(Input!$D$20=2,K6919*Input!$C$20,0)+IF(Input!$D$21=2,L6919*Input!$C$21,0)+IF(Input!$D$22=2,M6919*Input!$C$22,0)</f>
        <v>0.60377155266521509</v>
      </c>
      <c r="P6919" s="59">
        <f>IF(Input!$D$19=3,J6919*Input!$C$19,0)+IF(Input!$D$20=3,K6919*Input!$C$20,0)+IF(Input!$D$21=3,L6919*Input!$C$21,0)+IF(Input!$D$22=3,M6919*Input!$C$22,0)</f>
        <v>0</v>
      </c>
      <c r="Q6919" s="75">
        <f>IF(Input!$D$19=4,J6919*Input!$C$19,0)+IF(Input!$D$20=4,K6919*Input!$C$20,0)+IF(Input!$D$21=4,L6919*Input!$C$21,0)+IF(Input!$D$22=4,M6919*Input!$C$22,0)</f>
        <v>0</v>
      </c>
      <c r="R6919" s="58">
        <v>54.702091471103984</v>
      </c>
      <c r="S6919" s="124">
        <f t="shared" si="107"/>
        <v>1.0465373579530395</v>
      </c>
    </row>
    <row r="6920" spans="8:19" x14ac:dyDescent="0.3">
      <c r="H6920" s="44">
        <v>6913</v>
      </c>
      <c r="I6920" s="56">
        <f>Bühler!I6946</f>
        <v>0.22566409885733713</v>
      </c>
      <c r="J6920" s="59">
        <f>Bühler!J6946</f>
        <v>0.75221366285779045</v>
      </c>
      <c r="K6920" s="59">
        <f>Bühler!K6946</f>
        <v>1.1283204942866856</v>
      </c>
      <c r="L6920" s="59">
        <f>Bühler!L6946</f>
        <v>5.4159383725760906</v>
      </c>
      <c r="M6920" s="58">
        <f>Bühler!M6946</f>
        <v>0</v>
      </c>
      <c r="N6920" s="56">
        <f>IF(Input!$D$19=1,J6920*Input!$C$19,0)+IF(Input!$D$20=1,K6920*Input!$C$20,0)+IF(Input!$D$21=1,L6920*Input!$C$21,0)+IF(Input!$D$22=1,M6920*Input!$C$22,0)</f>
        <v>0.22566409885733713</v>
      </c>
      <c r="O6920" s="59">
        <f>IF(Input!$D$19=2,J6920*Input!$C$19,0)+IF(Input!$D$20=2,K6920*Input!$C$20,0)+IF(Input!$D$21=2,L6920*Input!$C$21,0)+IF(Input!$D$22=2,M6920*Input!$C$22,0)</f>
        <v>0.56416024714334279</v>
      </c>
      <c r="P6920" s="59">
        <f>IF(Input!$D$19=3,J6920*Input!$C$19,0)+IF(Input!$D$20=3,K6920*Input!$C$20,0)+IF(Input!$D$21=3,L6920*Input!$C$21,0)+IF(Input!$D$22=3,M6920*Input!$C$22,0)</f>
        <v>0</v>
      </c>
      <c r="Q6920" s="75">
        <f>IF(Input!$D$19=4,J6920*Input!$C$19,0)+IF(Input!$D$20=4,K6920*Input!$C$20,0)+IF(Input!$D$21=4,L6920*Input!$C$21,0)+IF(Input!$D$22=4,M6920*Input!$C$22,0)</f>
        <v>0</v>
      </c>
      <c r="R6920" s="58">
        <v>54.040318072261492</v>
      </c>
      <c r="S6920" s="124">
        <f t="shared" si="107"/>
        <v>0.97787776171512752</v>
      </c>
    </row>
    <row r="6921" spans="8:19" x14ac:dyDescent="0.3">
      <c r="H6921" s="44">
        <v>6914</v>
      </c>
      <c r="I6921" s="56">
        <f>Bühler!I6947</f>
        <v>0.22566409885733713</v>
      </c>
      <c r="J6921" s="59">
        <f>Bühler!J6947</f>
        <v>0.75221366285779045</v>
      </c>
      <c r="K6921" s="59">
        <f>Bühler!K6947</f>
        <v>1.1283204942866856</v>
      </c>
      <c r="L6921" s="59">
        <f>Bühler!L6947</f>
        <v>5.4159383725760906</v>
      </c>
      <c r="M6921" s="58">
        <f>Bühler!M6947</f>
        <v>0</v>
      </c>
      <c r="N6921" s="56">
        <f>IF(Input!$D$19=1,J6921*Input!$C$19,0)+IF(Input!$D$20=1,K6921*Input!$C$20,0)+IF(Input!$D$21=1,L6921*Input!$C$21,0)+IF(Input!$D$22=1,M6921*Input!$C$22,0)</f>
        <v>0.22566409885733713</v>
      </c>
      <c r="O6921" s="59">
        <f>IF(Input!$D$19=2,J6921*Input!$C$19,0)+IF(Input!$D$20=2,K6921*Input!$C$20,0)+IF(Input!$D$21=2,L6921*Input!$C$21,0)+IF(Input!$D$22=2,M6921*Input!$C$22,0)</f>
        <v>0.56416024714334279</v>
      </c>
      <c r="P6921" s="59">
        <f>IF(Input!$D$19=3,J6921*Input!$C$19,0)+IF(Input!$D$20=3,K6921*Input!$C$20,0)+IF(Input!$D$21=3,L6921*Input!$C$21,0)+IF(Input!$D$22=3,M6921*Input!$C$22,0)</f>
        <v>0</v>
      </c>
      <c r="Q6921" s="75">
        <f>IF(Input!$D$19=4,J6921*Input!$C$19,0)+IF(Input!$D$20=4,K6921*Input!$C$20,0)+IF(Input!$D$21=4,L6921*Input!$C$21,0)+IF(Input!$D$22=4,M6921*Input!$C$22,0)</f>
        <v>0</v>
      </c>
      <c r="R6921" s="58">
        <v>53.41605424731307</v>
      </c>
      <c r="S6921" s="124">
        <f t="shared" ref="S6921:S6984" si="108">I6921+J6921</f>
        <v>0.97787776171512752</v>
      </c>
    </row>
    <row r="6922" spans="8:19" x14ac:dyDescent="0.3">
      <c r="H6922" s="44">
        <v>6915</v>
      </c>
      <c r="I6922" s="56">
        <f>Bühler!I6948</f>
        <v>0.22566409885733713</v>
      </c>
      <c r="J6922" s="59">
        <f>Bühler!J6948</f>
        <v>0.75221366285779045</v>
      </c>
      <c r="K6922" s="59">
        <f>Bühler!K6948</f>
        <v>1.1283204942866856</v>
      </c>
      <c r="L6922" s="59">
        <f>Bühler!L6948</f>
        <v>5.4159383725760906</v>
      </c>
      <c r="M6922" s="58">
        <f>Bühler!M6948</f>
        <v>0</v>
      </c>
      <c r="N6922" s="56">
        <f>IF(Input!$D$19=1,J6922*Input!$C$19,0)+IF(Input!$D$20=1,K6922*Input!$C$20,0)+IF(Input!$D$21=1,L6922*Input!$C$21,0)+IF(Input!$D$22=1,M6922*Input!$C$22,0)</f>
        <v>0.22566409885733713</v>
      </c>
      <c r="O6922" s="59">
        <f>IF(Input!$D$19=2,J6922*Input!$C$19,0)+IF(Input!$D$20=2,K6922*Input!$C$20,0)+IF(Input!$D$21=2,L6922*Input!$C$21,0)+IF(Input!$D$22=2,M6922*Input!$C$22,0)</f>
        <v>0.56416024714334279</v>
      </c>
      <c r="P6922" s="59">
        <f>IF(Input!$D$19=3,J6922*Input!$C$19,0)+IF(Input!$D$20=3,K6922*Input!$C$20,0)+IF(Input!$D$21=3,L6922*Input!$C$21,0)+IF(Input!$D$22=3,M6922*Input!$C$22,0)</f>
        <v>0</v>
      </c>
      <c r="Q6922" s="75">
        <f>IF(Input!$D$19=4,J6922*Input!$C$19,0)+IF(Input!$D$20=4,K6922*Input!$C$20,0)+IF(Input!$D$21=4,L6922*Input!$C$21,0)+IF(Input!$D$22=4,M6922*Input!$C$22,0)</f>
        <v>0</v>
      </c>
      <c r="R6922" s="58">
        <v>53.660123250919099</v>
      </c>
      <c r="S6922" s="124">
        <f t="shared" si="108"/>
        <v>0.97787776171512752</v>
      </c>
    </row>
    <row r="6923" spans="8:19" x14ac:dyDescent="0.3">
      <c r="H6923" s="44">
        <v>6916</v>
      </c>
      <c r="I6923" s="56">
        <f>Bühler!I6949</f>
        <v>0.22566409885733713</v>
      </c>
      <c r="J6923" s="59">
        <f>Bühler!J6949</f>
        <v>0.75221366285779045</v>
      </c>
      <c r="K6923" s="59">
        <f>Bühler!K6949</f>
        <v>1.1283204942866856</v>
      </c>
      <c r="L6923" s="59">
        <f>Bühler!L6949</f>
        <v>5.4159383725760906</v>
      </c>
      <c r="M6923" s="58">
        <f>Bühler!M6949</f>
        <v>0</v>
      </c>
      <c r="N6923" s="56">
        <f>IF(Input!$D$19=1,J6923*Input!$C$19,0)+IF(Input!$D$20=1,K6923*Input!$C$20,0)+IF(Input!$D$21=1,L6923*Input!$C$21,0)+IF(Input!$D$22=1,M6923*Input!$C$22,0)</f>
        <v>0.22566409885733713</v>
      </c>
      <c r="O6923" s="59">
        <f>IF(Input!$D$19=2,J6923*Input!$C$19,0)+IF(Input!$D$20=2,K6923*Input!$C$20,0)+IF(Input!$D$21=2,L6923*Input!$C$21,0)+IF(Input!$D$22=2,M6923*Input!$C$22,0)</f>
        <v>0.56416024714334279</v>
      </c>
      <c r="P6923" s="59">
        <f>IF(Input!$D$19=3,J6923*Input!$C$19,0)+IF(Input!$D$20=3,K6923*Input!$C$20,0)+IF(Input!$D$21=3,L6923*Input!$C$21,0)+IF(Input!$D$22=3,M6923*Input!$C$22,0)</f>
        <v>0</v>
      </c>
      <c r="Q6923" s="75">
        <f>IF(Input!$D$19=4,J6923*Input!$C$19,0)+IF(Input!$D$20=4,K6923*Input!$C$20,0)+IF(Input!$D$21=4,L6923*Input!$C$21,0)+IF(Input!$D$22=4,M6923*Input!$C$22,0)</f>
        <v>0</v>
      </c>
      <c r="R6923" s="58">
        <v>54.462687968533878</v>
      </c>
      <c r="S6923" s="124">
        <f t="shared" si="108"/>
        <v>0.97787776171512752</v>
      </c>
    </row>
    <row r="6924" spans="8:19" x14ac:dyDescent="0.3">
      <c r="H6924" s="44">
        <v>6917</v>
      </c>
      <c r="I6924" s="56">
        <f>Bühler!I6950</f>
        <v>0.22566409885733713</v>
      </c>
      <c r="J6924" s="59">
        <f>Bühler!J6950</f>
        <v>0.75221366285779045</v>
      </c>
      <c r="K6924" s="59">
        <f>Bühler!K6950</f>
        <v>1.1283204942866856</v>
      </c>
      <c r="L6924" s="59">
        <f>Bühler!L6950</f>
        <v>5.4159383725760906</v>
      </c>
      <c r="M6924" s="58">
        <f>Bühler!M6950</f>
        <v>0</v>
      </c>
      <c r="N6924" s="56">
        <f>IF(Input!$D$19=1,J6924*Input!$C$19,0)+IF(Input!$D$20=1,K6924*Input!$C$20,0)+IF(Input!$D$21=1,L6924*Input!$C$21,0)+IF(Input!$D$22=1,M6924*Input!$C$22,0)</f>
        <v>0.22566409885733713</v>
      </c>
      <c r="O6924" s="59">
        <f>IF(Input!$D$19=2,J6924*Input!$C$19,0)+IF(Input!$D$20=2,K6924*Input!$C$20,0)+IF(Input!$D$21=2,L6924*Input!$C$21,0)+IF(Input!$D$22=2,M6924*Input!$C$22,0)</f>
        <v>0.56416024714334279</v>
      </c>
      <c r="P6924" s="59">
        <f>IF(Input!$D$19=3,J6924*Input!$C$19,0)+IF(Input!$D$20=3,K6924*Input!$C$20,0)+IF(Input!$D$21=3,L6924*Input!$C$21,0)+IF(Input!$D$22=3,M6924*Input!$C$22,0)</f>
        <v>0</v>
      </c>
      <c r="Q6924" s="75">
        <f>IF(Input!$D$19=4,J6924*Input!$C$19,0)+IF(Input!$D$20=4,K6924*Input!$C$20,0)+IF(Input!$D$21=4,L6924*Input!$C$21,0)+IF(Input!$D$22=4,M6924*Input!$C$22,0)</f>
        <v>0</v>
      </c>
      <c r="R6924" s="58">
        <v>56.085692798811138</v>
      </c>
      <c r="S6924" s="124">
        <f t="shared" si="108"/>
        <v>0.97787776171512752</v>
      </c>
    </row>
    <row r="6925" spans="8:19" x14ac:dyDescent="0.3">
      <c r="H6925" s="44">
        <v>6918</v>
      </c>
      <c r="I6925" s="56">
        <f>Bühler!I6951</f>
        <v>0.29336332851453822</v>
      </c>
      <c r="J6925" s="59">
        <f>Bühler!J6951</f>
        <v>0.97787776171512741</v>
      </c>
      <c r="K6925" s="59">
        <f>Bühler!K6951</f>
        <v>1.466816642572691</v>
      </c>
      <c r="L6925" s="59">
        <f>Bühler!L6951</f>
        <v>7.0407198843489169</v>
      </c>
      <c r="M6925" s="58">
        <f>Bühler!M6951</f>
        <v>0</v>
      </c>
      <c r="N6925" s="56">
        <f>IF(Input!$D$19=1,J6925*Input!$C$19,0)+IF(Input!$D$20=1,K6925*Input!$C$20,0)+IF(Input!$D$21=1,L6925*Input!$C$21,0)+IF(Input!$D$22=1,M6925*Input!$C$22,0)</f>
        <v>0.29336332851453822</v>
      </c>
      <c r="O6925" s="59">
        <f>IF(Input!$D$19=2,J6925*Input!$C$19,0)+IF(Input!$D$20=2,K6925*Input!$C$20,0)+IF(Input!$D$21=2,L6925*Input!$C$21,0)+IF(Input!$D$22=2,M6925*Input!$C$22,0)</f>
        <v>0.73340832128634548</v>
      </c>
      <c r="P6925" s="59">
        <f>IF(Input!$D$19=3,J6925*Input!$C$19,0)+IF(Input!$D$20=3,K6925*Input!$C$20,0)+IF(Input!$D$21=3,L6925*Input!$C$21,0)+IF(Input!$D$22=3,M6925*Input!$C$22,0)</f>
        <v>0</v>
      </c>
      <c r="Q6925" s="75">
        <f>IF(Input!$D$19=4,J6925*Input!$C$19,0)+IF(Input!$D$20=4,K6925*Input!$C$20,0)+IF(Input!$D$21=4,L6925*Input!$C$21,0)+IF(Input!$D$22=4,M6925*Input!$C$22,0)</f>
        <v>0</v>
      </c>
      <c r="R6925" s="58">
        <v>59.515186989272593</v>
      </c>
      <c r="S6925" s="124">
        <f t="shared" si="108"/>
        <v>1.2712410902296656</v>
      </c>
    </row>
    <row r="6926" spans="8:19" x14ac:dyDescent="0.3">
      <c r="H6926" s="44">
        <v>6919</v>
      </c>
      <c r="I6926" s="56">
        <f>Bühler!I6952</f>
        <v>0.32721294334313877</v>
      </c>
      <c r="J6926" s="59">
        <f>Bühler!J6952</f>
        <v>1.0907098111437958</v>
      </c>
      <c r="K6926" s="59">
        <f>Bühler!K6952</f>
        <v>1.6360647167156939</v>
      </c>
      <c r="L6926" s="59">
        <f>Bühler!L6952</f>
        <v>7.8531106402353297</v>
      </c>
      <c r="M6926" s="58">
        <f>Bühler!M6952</f>
        <v>0</v>
      </c>
      <c r="N6926" s="56">
        <f>IF(Input!$D$19=1,J6926*Input!$C$19,0)+IF(Input!$D$20=1,K6926*Input!$C$20,0)+IF(Input!$D$21=1,L6926*Input!$C$21,0)+IF(Input!$D$22=1,M6926*Input!$C$22,0)</f>
        <v>0.32721294334313872</v>
      </c>
      <c r="O6926" s="59">
        <f>IF(Input!$D$19=2,J6926*Input!$C$19,0)+IF(Input!$D$20=2,K6926*Input!$C$20,0)+IF(Input!$D$21=2,L6926*Input!$C$21,0)+IF(Input!$D$22=2,M6926*Input!$C$22,0)</f>
        <v>0.81803235835784693</v>
      </c>
      <c r="P6926" s="59">
        <f>IF(Input!$D$19=3,J6926*Input!$C$19,0)+IF(Input!$D$20=3,K6926*Input!$C$20,0)+IF(Input!$D$21=3,L6926*Input!$C$21,0)+IF(Input!$D$22=3,M6926*Input!$C$22,0)</f>
        <v>0</v>
      </c>
      <c r="Q6926" s="75">
        <f>IF(Input!$D$19=4,J6926*Input!$C$19,0)+IF(Input!$D$20=4,K6926*Input!$C$20,0)+IF(Input!$D$21=4,L6926*Input!$C$21,0)+IF(Input!$D$22=4,M6926*Input!$C$22,0)</f>
        <v>0</v>
      </c>
      <c r="R6926" s="58">
        <v>62.59777478055959</v>
      </c>
      <c r="S6926" s="124">
        <f t="shared" si="108"/>
        <v>1.4179227544869346</v>
      </c>
    </row>
    <row r="6927" spans="8:19" x14ac:dyDescent="0.3">
      <c r="H6927" s="44">
        <v>6920</v>
      </c>
      <c r="I6927" s="56">
        <f>Bühler!I6953</f>
        <v>0.33849614828600566</v>
      </c>
      <c r="J6927" s="59">
        <f>Bühler!J6953</f>
        <v>1.1283204942866856</v>
      </c>
      <c r="K6927" s="59">
        <f>Bühler!K6953</f>
        <v>1.6924807414300285</v>
      </c>
      <c r="L6927" s="59">
        <f>Bühler!L6953</f>
        <v>8.1239075588641363</v>
      </c>
      <c r="M6927" s="58">
        <f>Bühler!M6953</f>
        <v>0</v>
      </c>
      <c r="N6927" s="56">
        <f>IF(Input!$D$19=1,J6927*Input!$C$19,0)+IF(Input!$D$20=1,K6927*Input!$C$20,0)+IF(Input!$D$21=1,L6927*Input!$C$21,0)+IF(Input!$D$22=1,M6927*Input!$C$22,0)</f>
        <v>0.33849614828600566</v>
      </c>
      <c r="O6927" s="59">
        <f>IF(Input!$D$19=2,J6927*Input!$C$19,0)+IF(Input!$D$20=2,K6927*Input!$C$20,0)+IF(Input!$D$21=2,L6927*Input!$C$21,0)+IF(Input!$D$22=2,M6927*Input!$C$22,0)</f>
        <v>0.84624037071501423</v>
      </c>
      <c r="P6927" s="59">
        <f>IF(Input!$D$19=3,J6927*Input!$C$19,0)+IF(Input!$D$20=3,K6927*Input!$C$20,0)+IF(Input!$D$21=3,L6927*Input!$C$21,0)+IF(Input!$D$22=3,M6927*Input!$C$22,0)</f>
        <v>0</v>
      </c>
      <c r="Q6927" s="75">
        <f>IF(Input!$D$19=4,J6927*Input!$C$19,0)+IF(Input!$D$20=4,K6927*Input!$C$20,0)+IF(Input!$D$21=4,L6927*Input!$C$21,0)+IF(Input!$D$22=4,M6927*Input!$C$22,0)</f>
        <v>0</v>
      </c>
      <c r="R6927" s="58">
        <v>64.760239992749476</v>
      </c>
      <c r="S6927" s="124">
        <f t="shared" si="108"/>
        <v>1.4668166425726912</v>
      </c>
    </row>
    <row r="6928" spans="8:19" x14ac:dyDescent="0.3">
      <c r="H6928" s="44">
        <v>6921</v>
      </c>
      <c r="I6928" s="56">
        <f>Bühler!I6954</f>
        <v>0.33849614828600566</v>
      </c>
      <c r="J6928" s="59">
        <f>Bühler!J6954</f>
        <v>1.1283204942866856</v>
      </c>
      <c r="K6928" s="59">
        <f>Bühler!K6954</f>
        <v>1.6924807414300285</v>
      </c>
      <c r="L6928" s="59">
        <f>Bühler!L6954</f>
        <v>8.1239075588641363</v>
      </c>
      <c r="M6928" s="58">
        <f>Bühler!M6954</f>
        <v>0</v>
      </c>
      <c r="N6928" s="56">
        <f>IF(Input!$D$19=1,J6928*Input!$C$19,0)+IF(Input!$D$20=1,K6928*Input!$C$20,0)+IF(Input!$D$21=1,L6928*Input!$C$21,0)+IF(Input!$D$22=1,M6928*Input!$C$22,0)</f>
        <v>0.33849614828600566</v>
      </c>
      <c r="O6928" s="59">
        <f>IF(Input!$D$19=2,J6928*Input!$C$19,0)+IF(Input!$D$20=2,K6928*Input!$C$20,0)+IF(Input!$D$21=2,L6928*Input!$C$21,0)+IF(Input!$D$22=2,M6928*Input!$C$22,0)</f>
        <v>0.84624037071501423</v>
      </c>
      <c r="P6928" s="59">
        <f>IF(Input!$D$19=3,J6928*Input!$C$19,0)+IF(Input!$D$20=3,K6928*Input!$C$20,0)+IF(Input!$D$21=3,L6928*Input!$C$21,0)+IF(Input!$D$22=3,M6928*Input!$C$22,0)</f>
        <v>0</v>
      </c>
      <c r="Q6928" s="75">
        <f>IF(Input!$D$19=4,J6928*Input!$C$19,0)+IF(Input!$D$20=4,K6928*Input!$C$20,0)+IF(Input!$D$21=4,L6928*Input!$C$21,0)+IF(Input!$D$22=4,M6928*Input!$C$22,0)</f>
        <v>0</v>
      </c>
      <c r="R6928" s="58">
        <v>65.251542559442356</v>
      </c>
      <c r="S6928" s="124">
        <f t="shared" si="108"/>
        <v>1.4668166425726912</v>
      </c>
    </row>
    <row r="6929" spans="8:19" x14ac:dyDescent="0.3">
      <c r="H6929" s="44">
        <v>6922</v>
      </c>
      <c r="I6929" s="56">
        <f>Bühler!I6955</f>
        <v>0.36670416064317279</v>
      </c>
      <c r="J6929" s="59">
        <f>Bühler!J6955</f>
        <v>1.2223472021439095</v>
      </c>
      <c r="K6929" s="59">
        <f>Bühler!K6955</f>
        <v>1.8335208032158639</v>
      </c>
      <c r="L6929" s="59">
        <f>Bühler!L6955</f>
        <v>8.8008998554361462</v>
      </c>
      <c r="M6929" s="58">
        <f>Bühler!M6955</f>
        <v>0</v>
      </c>
      <c r="N6929" s="56">
        <f>IF(Input!$D$19=1,J6929*Input!$C$19,0)+IF(Input!$D$20=1,K6929*Input!$C$20,0)+IF(Input!$D$21=1,L6929*Input!$C$21,0)+IF(Input!$D$22=1,M6929*Input!$C$22,0)</f>
        <v>0.36670416064317285</v>
      </c>
      <c r="O6929" s="59">
        <f>IF(Input!$D$19=2,J6929*Input!$C$19,0)+IF(Input!$D$20=2,K6929*Input!$C$20,0)+IF(Input!$D$21=2,L6929*Input!$C$21,0)+IF(Input!$D$22=2,M6929*Input!$C$22,0)</f>
        <v>0.91676040160793193</v>
      </c>
      <c r="P6929" s="59">
        <f>IF(Input!$D$19=3,J6929*Input!$C$19,0)+IF(Input!$D$20=3,K6929*Input!$C$20,0)+IF(Input!$D$21=3,L6929*Input!$C$21,0)+IF(Input!$D$22=3,M6929*Input!$C$22,0)</f>
        <v>0</v>
      </c>
      <c r="Q6929" s="75">
        <f>IF(Input!$D$19=4,J6929*Input!$C$19,0)+IF(Input!$D$20=4,K6929*Input!$C$20,0)+IF(Input!$D$21=4,L6929*Input!$C$21,0)+IF(Input!$D$22=4,M6929*Input!$C$22,0)</f>
        <v>0</v>
      </c>
      <c r="R6929" s="58">
        <v>65.245606931359262</v>
      </c>
      <c r="S6929" s="124">
        <f t="shared" si="108"/>
        <v>1.5890513627870821</v>
      </c>
    </row>
    <row r="6930" spans="8:19" x14ac:dyDescent="0.3">
      <c r="H6930" s="44">
        <v>6923</v>
      </c>
      <c r="I6930" s="56">
        <f>Bühler!I6956</f>
        <v>0.38362896805747304</v>
      </c>
      <c r="J6930" s="59">
        <f>Bühler!J6956</f>
        <v>1.2787632268582436</v>
      </c>
      <c r="K6930" s="59">
        <f>Bühler!K6956</f>
        <v>1.9181448402873651</v>
      </c>
      <c r="L6930" s="59">
        <f>Bühler!L6956</f>
        <v>9.2070952333793521</v>
      </c>
      <c r="M6930" s="58">
        <f>Bühler!M6956</f>
        <v>0</v>
      </c>
      <c r="N6930" s="56">
        <f>IF(Input!$D$19=1,J6930*Input!$C$19,0)+IF(Input!$D$20=1,K6930*Input!$C$20,0)+IF(Input!$D$21=1,L6930*Input!$C$21,0)+IF(Input!$D$22=1,M6930*Input!$C$22,0)</f>
        <v>0.3836289680574731</v>
      </c>
      <c r="O6930" s="59">
        <f>IF(Input!$D$19=2,J6930*Input!$C$19,0)+IF(Input!$D$20=2,K6930*Input!$C$20,0)+IF(Input!$D$21=2,L6930*Input!$C$21,0)+IF(Input!$D$22=2,M6930*Input!$C$22,0)</f>
        <v>0.95907242014368255</v>
      </c>
      <c r="P6930" s="59">
        <f>IF(Input!$D$19=3,J6930*Input!$C$19,0)+IF(Input!$D$20=3,K6930*Input!$C$20,0)+IF(Input!$D$21=3,L6930*Input!$C$21,0)+IF(Input!$D$22=3,M6930*Input!$C$22,0)</f>
        <v>0</v>
      </c>
      <c r="Q6930" s="75">
        <f>IF(Input!$D$19=4,J6930*Input!$C$19,0)+IF(Input!$D$20=4,K6930*Input!$C$20,0)+IF(Input!$D$21=4,L6930*Input!$C$21,0)+IF(Input!$D$22=4,M6930*Input!$C$22,0)</f>
        <v>0</v>
      </c>
      <c r="R6930" s="58">
        <v>65.065139328302166</v>
      </c>
      <c r="S6930" s="124">
        <f t="shared" si="108"/>
        <v>1.6623921949157165</v>
      </c>
    </row>
    <row r="6931" spans="8:19" x14ac:dyDescent="0.3">
      <c r="H6931" s="44">
        <v>6924</v>
      </c>
      <c r="I6931" s="56">
        <f>Bühler!I6957</f>
        <v>0.45132819771467425</v>
      </c>
      <c r="J6931" s="59">
        <f>Bühler!J6957</f>
        <v>1.5044273257155809</v>
      </c>
      <c r="K6931" s="59">
        <f>Bühler!K6957</f>
        <v>2.2566409885733711</v>
      </c>
      <c r="L6931" s="59">
        <f>Bühler!L6957</f>
        <v>10.831876745152181</v>
      </c>
      <c r="M6931" s="58">
        <f>Bühler!M6957</f>
        <v>0</v>
      </c>
      <c r="N6931" s="56">
        <f>IF(Input!$D$19=1,J6931*Input!$C$19,0)+IF(Input!$D$20=1,K6931*Input!$C$20,0)+IF(Input!$D$21=1,L6931*Input!$C$21,0)+IF(Input!$D$22=1,M6931*Input!$C$22,0)</f>
        <v>0.45132819771467425</v>
      </c>
      <c r="O6931" s="59">
        <f>IF(Input!$D$19=2,J6931*Input!$C$19,0)+IF(Input!$D$20=2,K6931*Input!$C$20,0)+IF(Input!$D$21=2,L6931*Input!$C$21,0)+IF(Input!$D$22=2,M6931*Input!$C$22,0)</f>
        <v>1.1283204942866856</v>
      </c>
      <c r="P6931" s="59">
        <f>IF(Input!$D$19=3,J6931*Input!$C$19,0)+IF(Input!$D$20=3,K6931*Input!$C$20,0)+IF(Input!$D$21=3,L6931*Input!$C$21,0)+IF(Input!$D$22=3,M6931*Input!$C$22,0)</f>
        <v>0</v>
      </c>
      <c r="Q6931" s="75">
        <f>IF(Input!$D$19=4,J6931*Input!$C$19,0)+IF(Input!$D$20=4,K6931*Input!$C$20,0)+IF(Input!$D$21=4,L6931*Input!$C$21,0)+IF(Input!$D$22=4,M6931*Input!$C$22,0)</f>
        <v>0</v>
      </c>
      <c r="R6931" s="58">
        <v>64.326051679730057</v>
      </c>
      <c r="S6931" s="124">
        <f t="shared" si="108"/>
        <v>1.955755523430255</v>
      </c>
    </row>
    <row r="6932" spans="8:19" x14ac:dyDescent="0.3">
      <c r="H6932" s="44">
        <v>6925</v>
      </c>
      <c r="I6932" s="56">
        <f>Bühler!I6958</f>
        <v>0.45132819771467425</v>
      </c>
      <c r="J6932" s="59">
        <f>Bühler!J6958</f>
        <v>1.5044273257155809</v>
      </c>
      <c r="K6932" s="59">
        <f>Bühler!K6958</f>
        <v>2.2566409885733711</v>
      </c>
      <c r="L6932" s="59">
        <f>Bühler!L6958</f>
        <v>10.831876745152181</v>
      </c>
      <c r="M6932" s="58">
        <f>Bühler!M6958</f>
        <v>0</v>
      </c>
      <c r="N6932" s="56">
        <f>IF(Input!$D$19=1,J6932*Input!$C$19,0)+IF(Input!$D$20=1,K6932*Input!$C$20,0)+IF(Input!$D$21=1,L6932*Input!$C$21,0)+IF(Input!$D$22=1,M6932*Input!$C$22,0)</f>
        <v>0.45132819771467425</v>
      </c>
      <c r="O6932" s="59">
        <f>IF(Input!$D$19=2,J6932*Input!$C$19,0)+IF(Input!$D$20=2,K6932*Input!$C$20,0)+IF(Input!$D$21=2,L6932*Input!$C$21,0)+IF(Input!$D$22=2,M6932*Input!$C$22,0)</f>
        <v>1.1283204942866856</v>
      </c>
      <c r="P6932" s="59">
        <f>IF(Input!$D$19=3,J6932*Input!$C$19,0)+IF(Input!$D$20=3,K6932*Input!$C$20,0)+IF(Input!$D$21=3,L6932*Input!$C$21,0)+IF(Input!$D$22=3,M6932*Input!$C$22,0)</f>
        <v>0</v>
      </c>
      <c r="Q6932" s="75">
        <f>IF(Input!$D$19=4,J6932*Input!$C$19,0)+IF(Input!$D$20=4,K6932*Input!$C$20,0)+IF(Input!$D$21=4,L6932*Input!$C$21,0)+IF(Input!$D$22=4,M6932*Input!$C$22,0)</f>
        <v>0</v>
      </c>
      <c r="R6932" s="58">
        <v>61.926596651591602</v>
      </c>
      <c r="S6932" s="124">
        <f t="shared" si="108"/>
        <v>1.955755523430255</v>
      </c>
    </row>
    <row r="6933" spans="8:19" x14ac:dyDescent="0.3">
      <c r="H6933" s="44">
        <v>6926</v>
      </c>
      <c r="I6933" s="56">
        <f>Bühler!I6959</f>
        <v>0.45132819771467425</v>
      </c>
      <c r="J6933" s="59">
        <f>Bühler!J6959</f>
        <v>1.5044273257155809</v>
      </c>
      <c r="K6933" s="59">
        <f>Bühler!K6959</f>
        <v>2.2566409885733711</v>
      </c>
      <c r="L6933" s="59">
        <f>Bühler!L6959</f>
        <v>10.831876745152181</v>
      </c>
      <c r="M6933" s="58">
        <f>Bühler!M6959</f>
        <v>0</v>
      </c>
      <c r="N6933" s="56">
        <f>IF(Input!$D$19=1,J6933*Input!$C$19,0)+IF(Input!$D$20=1,K6933*Input!$C$20,0)+IF(Input!$D$21=1,L6933*Input!$C$21,0)+IF(Input!$D$22=1,M6933*Input!$C$22,0)</f>
        <v>0.45132819771467425</v>
      </c>
      <c r="O6933" s="59">
        <f>IF(Input!$D$19=2,J6933*Input!$C$19,0)+IF(Input!$D$20=2,K6933*Input!$C$20,0)+IF(Input!$D$21=2,L6933*Input!$C$21,0)+IF(Input!$D$22=2,M6933*Input!$C$22,0)</f>
        <v>1.1283204942866856</v>
      </c>
      <c r="P6933" s="59">
        <f>IF(Input!$D$19=3,J6933*Input!$C$19,0)+IF(Input!$D$20=3,K6933*Input!$C$20,0)+IF(Input!$D$21=3,L6933*Input!$C$21,0)+IF(Input!$D$22=3,M6933*Input!$C$22,0)</f>
        <v>0</v>
      </c>
      <c r="Q6933" s="75">
        <f>IF(Input!$D$19=4,J6933*Input!$C$19,0)+IF(Input!$D$20=4,K6933*Input!$C$20,0)+IF(Input!$D$21=4,L6933*Input!$C$21,0)+IF(Input!$D$22=4,M6933*Input!$C$22,0)</f>
        <v>0</v>
      </c>
      <c r="R6933" s="58">
        <v>61.971534498511289</v>
      </c>
      <c r="S6933" s="124">
        <f t="shared" si="108"/>
        <v>1.955755523430255</v>
      </c>
    </row>
    <row r="6934" spans="8:19" x14ac:dyDescent="0.3">
      <c r="H6934" s="44">
        <v>6927</v>
      </c>
      <c r="I6934" s="56">
        <f>Bühler!I6960</f>
        <v>0.45132819771467425</v>
      </c>
      <c r="J6934" s="59">
        <f>Bühler!J6960</f>
        <v>1.5044273257155809</v>
      </c>
      <c r="K6934" s="59">
        <f>Bühler!K6960</f>
        <v>2.2566409885733711</v>
      </c>
      <c r="L6934" s="59">
        <f>Bühler!L6960</f>
        <v>10.831876745152181</v>
      </c>
      <c r="M6934" s="58">
        <f>Bühler!M6960</f>
        <v>0</v>
      </c>
      <c r="N6934" s="56">
        <f>IF(Input!$D$19=1,J6934*Input!$C$19,0)+IF(Input!$D$20=1,K6934*Input!$C$20,0)+IF(Input!$D$21=1,L6934*Input!$C$21,0)+IF(Input!$D$22=1,M6934*Input!$C$22,0)</f>
        <v>0.45132819771467425</v>
      </c>
      <c r="O6934" s="59">
        <f>IF(Input!$D$19=2,J6934*Input!$C$19,0)+IF(Input!$D$20=2,K6934*Input!$C$20,0)+IF(Input!$D$21=2,L6934*Input!$C$21,0)+IF(Input!$D$22=2,M6934*Input!$C$22,0)</f>
        <v>1.1283204942866856</v>
      </c>
      <c r="P6934" s="59">
        <f>IF(Input!$D$19=3,J6934*Input!$C$19,0)+IF(Input!$D$20=3,K6934*Input!$C$20,0)+IF(Input!$D$21=3,L6934*Input!$C$21,0)+IF(Input!$D$22=3,M6934*Input!$C$22,0)</f>
        <v>0</v>
      </c>
      <c r="Q6934" s="75">
        <f>IF(Input!$D$19=4,J6934*Input!$C$19,0)+IF(Input!$D$20=4,K6934*Input!$C$20,0)+IF(Input!$D$21=4,L6934*Input!$C$21,0)+IF(Input!$D$22=4,M6934*Input!$C$22,0)</f>
        <v>0</v>
      </c>
      <c r="R6934" s="58">
        <v>62.000310602963083</v>
      </c>
      <c r="S6934" s="124">
        <f t="shared" si="108"/>
        <v>1.955755523430255</v>
      </c>
    </row>
    <row r="6935" spans="8:19" x14ac:dyDescent="0.3">
      <c r="H6935" s="44">
        <v>6928</v>
      </c>
      <c r="I6935" s="56">
        <f>Bühler!I6961</f>
        <v>0.45132819771467425</v>
      </c>
      <c r="J6935" s="59">
        <f>Bühler!J6961</f>
        <v>1.5044273257155809</v>
      </c>
      <c r="K6935" s="59">
        <f>Bühler!K6961</f>
        <v>2.2566409885733711</v>
      </c>
      <c r="L6935" s="59">
        <f>Bühler!L6961</f>
        <v>10.831876745152181</v>
      </c>
      <c r="M6935" s="58">
        <f>Bühler!M6961</f>
        <v>0</v>
      </c>
      <c r="N6935" s="56">
        <f>IF(Input!$D$19=1,J6935*Input!$C$19,0)+IF(Input!$D$20=1,K6935*Input!$C$20,0)+IF(Input!$D$21=1,L6935*Input!$C$21,0)+IF(Input!$D$22=1,M6935*Input!$C$22,0)</f>
        <v>0.45132819771467425</v>
      </c>
      <c r="O6935" s="59">
        <f>IF(Input!$D$19=2,J6935*Input!$C$19,0)+IF(Input!$D$20=2,K6935*Input!$C$20,0)+IF(Input!$D$21=2,L6935*Input!$C$21,0)+IF(Input!$D$22=2,M6935*Input!$C$22,0)</f>
        <v>1.1283204942866856</v>
      </c>
      <c r="P6935" s="59">
        <f>IF(Input!$D$19=3,J6935*Input!$C$19,0)+IF(Input!$D$20=3,K6935*Input!$C$20,0)+IF(Input!$D$21=3,L6935*Input!$C$21,0)+IF(Input!$D$22=3,M6935*Input!$C$22,0)</f>
        <v>0</v>
      </c>
      <c r="Q6935" s="75">
        <f>IF(Input!$D$19=4,J6935*Input!$C$19,0)+IF(Input!$D$20=4,K6935*Input!$C$20,0)+IF(Input!$D$21=4,L6935*Input!$C$21,0)+IF(Input!$D$22=4,M6935*Input!$C$22,0)</f>
        <v>0</v>
      </c>
      <c r="R6935" s="58">
        <v>61.636745429501715</v>
      </c>
      <c r="S6935" s="124">
        <f t="shared" si="108"/>
        <v>1.955755523430255</v>
      </c>
    </row>
    <row r="6936" spans="8:19" x14ac:dyDescent="0.3">
      <c r="H6936" s="44">
        <v>6929</v>
      </c>
      <c r="I6936" s="56">
        <f>Bühler!I6962</f>
        <v>0.45132819771467425</v>
      </c>
      <c r="J6936" s="59">
        <f>Bühler!J6962</f>
        <v>1.5044273257155809</v>
      </c>
      <c r="K6936" s="59">
        <f>Bühler!K6962</f>
        <v>2.2566409885733711</v>
      </c>
      <c r="L6936" s="59">
        <f>Bühler!L6962</f>
        <v>10.831876745152181</v>
      </c>
      <c r="M6936" s="58">
        <f>Bühler!M6962</f>
        <v>0</v>
      </c>
      <c r="N6936" s="56">
        <f>IF(Input!$D$19=1,J6936*Input!$C$19,0)+IF(Input!$D$20=1,K6936*Input!$C$20,0)+IF(Input!$D$21=1,L6936*Input!$C$21,0)+IF(Input!$D$22=1,M6936*Input!$C$22,0)</f>
        <v>0.45132819771467425</v>
      </c>
      <c r="O6936" s="59">
        <f>IF(Input!$D$19=2,J6936*Input!$C$19,0)+IF(Input!$D$20=2,K6936*Input!$C$20,0)+IF(Input!$D$21=2,L6936*Input!$C$21,0)+IF(Input!$D$22=2,M6936*Input!$C$22,0)</f>
        <v>1.1283204942866856</v>
      </c>
      <c r="P6936" s="59">
        <f>IF(Input!$D$19=3,J6936*Input!$C$19,0)+IF(Input!$D$20=3,K6936*Input!$C$20,0)+IF(Input!$D$21=3,L6936*Input!$C$21,0)+IF(Input!$D$22=3,M6936*Input!$C$22,0)</f>
        <v>0</v>
      </c>
      <c r="Q6936" s="75">
        <f>IF(Input!$D$19=4,J6936*Input!$C$19,0)+IF(Input!$D$20=4,K6936*Input!$C$20,0)+IF(Input!$D$21=4,L6936*Input!$C$21,0)+IF(Input!$D$22=4,M6936*Input!$C$22,0)</f>
        <v>0</v>
      </c>
      <c r="R6936" s="58">
        <v>60.916944894623157</v>
      </c>
      <c r="S6936" s="124">
        <f t="shared" si="108"/>
        <v>1.955755523430255</v>
      </c>
    </row>
    <row r="6937" spans="8:19" x14ac:dyDescent="0.3">
      <c r="H6937" s="44">
        <v>6930</v>
      </c>
      <c r="I6937" s="56">
        <f>Bühler!I6963</f>
        <v>0.45132819771467425</v>
      </c>
      <c r="J6937" s="59">
        <f>Bühler!J6963</f>
        <v>1.5044273257155809</v>
      </c>
      <c r="K6937" s="59">
        <f>Bühler!K6963</f>
        <v>2.2566409885733711</v>
      </c>
      <c r="L6937" s="59">
        <f>Bühler!L6963</f>
        <v>10.831876745152181</v>
      </c>
      <c r="M6937" s="58">
        <f>Bühler!M6963</f>
        <v>0</v>
      </c>
      <c r="N6937" s="56">
        <f>IF(Input!$D$19=1,J6937*Input!$C$19,0)+IF(Input!$D$20=1,K6937*Input!$C$20,0)+IF(Input!$D$21=1,L6937*Input!$C$21,0)+IF(Input!$D$22=1,M6937*Input!$C$22,0)</f>
        <v>0.45132819771467425</v>
      </c>
      <c r="O6937" s="59">
        <f>IF(Input!$D$19=2,J6937*Input!$C$19,0)+IF(Input!$D$20=2,K6937*Input!$C$20,0)+IF(Input!$D$21=2,L6937*Input!$C$21,0)+IF(Input!$D$22=2,M6937*Input!$C$22,0)</f>
        <v>1.1283204942866856</v>
      </c>
      <c r="P6937" s="59">
        <f>IF(Input!$D$19=3,J6937*Input!$C$19,0)+IF(Input!$D$20=3,K6937*Input!$C$20,0)+IF(Input!$D$21=3,L6937*Input!$C$21,0)+IF(Input!$D$22=3,M6937*Input!$C$22,0)</f>
        <v>0</v>
      </c>
      <c r="Q6937" s="75">
        <f>IF(Input!$D$19=4,J6937*Input!$C$19,0)+IF(Input!$D$20=4,K6937*Input!$C$20,0)+IF(Input!$D$21=4,L6937*Input!$C$21,0)+IF(Input!$D$22=4,M6937*Input!$C$22,0)</f>
        <v>0</v>
      </c>
      <c r="R6937" s="58">
        <v>59.980639586354911</v>
      </c>
      <c r="S6937" s="124">
        <f t="shared" si="108"/>
        <v>1.955755523430255</v>
      </c>
    </row>
    <row r="6938" spans="8:19" x14ac:dyDescent="0.3">
      <c r="H6938" s="44">
        <v>6931</v>
      </c>
      <c r="I6938" s="56">
        <f>Bühler!I6964</f>
        <v>0.45132819771467425</v>
      </c>
      <c r="J6938" s="59">
        <f>Bühler!J6964</f>
        <v>1.5044273257155809</v>
      </c>
      <c r="K6938" s="59">
        <f>Bühler!K6964</f>
        <v>2.2566409885733711</v>
      </c>
      <c r="L6938" s="59">
        <f>Bühler!L6964</f>
        <v>10.831876745152181</v>
      </c>
      <c r="M6938" s="58">
        <f>Bühler!M6964</f>
        <v>0</v>
      </c>
      <c r="N6938" s="56">
        <f>IF(Input!$D$19=1,J6938*Input!$C$19,0)+IF(Input!$D$20=1,K6938*Input!$C$20,0)+IF(Input!$D$21=1,L6938*Input!$C$21,0)+IF(Input!$D$22=1,M6938*Input!$C$22,0)</f>
        <v>0.45132819771467425</v>
      </c>
      <c r="O6938" s="59">
        <f>IF(Input!$D$19=2,J6938*Input!$C$19,0)+IF(Input!$D$20=2,K6938*Input!$C$20,0)+IF(Input!$D$21=2,L6938*Input!$C$21,0)+IF(Input!$D$22=2,M6938*Input!$C$22,0)</f>
        <v>1.1283204942866856</v>
      </c>
      <c r="P6938" s="59">
        <f>IF(Input!$D$19=3,J6938*Input!$C$19,0)+IF(Input!$D$20=3,K6938*Input!$C$20,0)+IF(Input!$D$21=3,L6938*Input!$C$21,0)+IF(Input!$D$22=3,M6938*Input!$C$22,0)</f>
        <v>0</v>
      </c>
      <c r="Q6938" s="75">
        <f>IF(Input!$D$19=4,J6938*Input!$C$19,0)+IF(Input!$D$20=4,K6938*Input!$C$20,0)+IF(Input!$D$21=4,L6938*Input!$C$21,0)+IF(Input!$D$22=4,M6938*Input!$C$22,0)</f>
        <v>0</v>
      </c>
      <c r="R6938" s="58">
        <v>59.03178785810276</v>
      </c>
      <c r="S6938" s="124">
        <f t="shared" si="108"/>
        <v>1.955755523430255</v>
      </c>
    </row>
    <row r="6939" spans="8:19" x14ac:dyDescent="0.3">
      <c r="H6939" s="44">
        <v>6932</v>
      </c>
      <c r="I6939" s="56">
        <f>Bühler!I6965</f>
        <v>0.37798736558603963</v>
      </c>
      <c r="J6939" s="59">
        <f>Bühler!J6965</f>
        <v>1.259957885286799</v>
      </c>
      <c r="K6939" s="59">
        <f>Bühler!K6965</f>
        <v>1.8899368279301982</v>
      </c>
      <c r="L6939" s="59">
        <f>Bühler!L6965</f>
        <v>9.0716967740649519</v>
      </c>
      <c r="M6939" s="58">
        <f>Bühler!M6965</f>
        <v>0</v>
      </c>
      <c r="N6939" s="56">
        <f>IF(Input!$D$19=1,J6939*Input!$C$19,0)+IF(Input!$D$20=1,K6939*Input!$C$20,0)+IF(Input!$D$21=1,L6939*Input!$C$21,0)+IF(Input!$D$22=1,M6939*Input!$C$22,0)</f>
        <v>0.37798736558603968</v>
      </c>
      <c r="O6939" s="59">
        <f>IF(Input!$D$19=2,J6939*Input!$C$19,0)+IF(Input!$D$20=2,K6939*Input!$C$20,0)+IF(Input!$D$21=2,L6939*Input!$C$21,0)+IF(Input!$D$22=2,M6939*Input!$C$22,0)</f>
        <v>0.94496841396509912</v>
      </c>
      <c r="P6939" s="59">
        <f>IF(Input!$D$19=3,J6939*Input!$C$19,0)+IF(Input!$D$20=3,K6939*Input!$C$20,0)+IF(Input!$D$21=3,L6939*Input!$C$21,0)+IF(Input!$D$22=3,M6939*Input!$C$22,0)</f>
        <v>0</v>
      </c>
      <c r="Q6939" s="75">
        <f>IF(Input!$D$19=4,J6939*Input!$C$19,0)+IF(Input!$D$20=4,K6939*Input!$C$20,0)+IF(Input!$D$21=4,L6939*Input!$C$21,0)+IF(Input!$D$22=4,M6939*Input!$C$22,0)</f>
        <v>0</v>
      </c>
      <c r="R6939" s="58">
        <v>58.311072754079817</v>
      </c>
      <c r="S6939" s="124">
        <f t="shared" si="108"/>
        <v>1.6379452508728387</v>
      </c>
    </row>
    <row r="6940" spans="8:19" x14ac:dyDescent="0.3">
      <c r="H6940" s="44">
        <v>6933</v>
      </c>
      <c r="I6940" s="56">
        <f>Bühler!I6966</f>
        <v>0.31028813592883853</v>
      </c>
      <c r="J6940" s="59">
        <f>Bühler!J6966</f>
        <v>1.0342937864294617</v>
      </c>
      <c r="K6940" s="59">
        <f>Bühler!K6966</f>
        <v>1.5514406796441926</v>
      </c>
      <c r="L6940" s="59">
        <f>Bühler!L6966</f>
        <v>7.4469152622921237</v>
      </c>
      <c r="M6940" s="58">
        <f>Bühler!M6966</f>
        <v>0</v>
      </c>
      <c r="N6940" s="56">
        <f>IF(Input!$D$19=1,J6940*Input!$C$19,0)+IF(Input!$D$20=1,K6940*Input!$C$20,0)+IF(Input!$D$21=1,L6940*Input!$C$21,0)+IF(Input!$D$22=1,M6940*Input!$C$22,0)</f>
        <v>0.31028813592883847</v>
      </c>
      <c r="O6940" s="59">
        <f>IF(Input!$D$19=2,J6940*Input!$C$19,0)+IF(Input!$D$20=2,K6940*Input!$C$20,0)+IF(Input!$D$21=2,L6940*Input!$C$21,0)+IF(Input!$D$22=2,M6940*Input!$C$22,0)</f>
        <v>0.77572033982209632</v>
      </c>
      <c r="P6940" s="59">
        <f>IF(Input!$D$19=3,J6940*Input!$C$19,0)+IF(Input!$D$20=3,K6940*Input!$C$20,0)+IF(Input!$D$21=3,L6940*Input!$C$21,0)+IF(Input!$D$22=3,M6940*Input!$C$22,0)</f>
        <v>0</v>
      </c>
      <c r="Q6940" s="75">
        <f>IF(Input!$D$19=4,J6940*Input!$C$19,0)+IF(Input!$D$20=4,K6940*Input!$C$20,0)+IF(Input!$D$21=4,L6940*Input!$C$21,0)+IF(Input!$D$22=4,M6940*Input!$C$22,0)</f>
        <v>0</v>
      </c>
      <c r="R6940" s="58">
        <v>56.547116478446078</v>
      </c>
      <c r="S6940" s="124">
        <f t="shared" si="108"/>
        <v>1.3445819223583002</v>
      </c>
    </row>
    <row r="6941" spans="8:19" x14ac:dyDescent="0.3">
      <c r="H6941" s="44">
        <v>6934</v>
      </c>
      <c r="I6941" s="56">
        <f>Bühler!I6967</f>
        <v>0.22566409885733713</v>
      </c>
      <c r="J6941" s="59">
        <f>Bühler!J6967</f>
        <v>0.75221366285779045</v>
      </c>
      <c r="K6941" s="59">
        <f>Bühler!K6967</f>
        <v>1.1283204942866856</v>
      </c>
      <c r="L6941" s="59">
        <f>Bühler!L6967</f>
        <v>5.4159383725760906</v>
      </c>
      <c r="M6941" s="58">
        <f>Bühler!M6967</f>
        <v>0</v>
      </c>
      <c r="N6941" s="56">
        <f>IF(Input!$D$19=1,J6941*Input!$C$19,0)+IF(Input!$D$20=1,K6941*Input!$C$20,0)+IF(Input!$D$21=1,L6941*Input!$C$21,0)+IF(Input!$D$22=1,M6941*Input!$C$22,0)</f>
        <v>0.22566409885733713</v>
      </c>
      <c r="O6941" s="59">
        <f>IF(Input!$D$19=2,J6941*Input!$C$19,0)+IF(Input!$D$20=2,K6941*Input!$C$20,0)+IF(Input!$D$21=2,L6941*Input!$C$21,0)+IF(Input!$D$22=2,M6941*Input!$C$22,0)</f>
        <v>0.56416024714334279</v>
      </c>
      <c r="P6941" s="59">
        <f>IF(Input!$D$19=3,J6941*Input!$C$19,0)+IF(Input!$D$20=3,K6941*Input!$C$20,0)+IF(Input!$D$21=3,L6941*Input!$C$21,0)+IF(Input!$D$22=3,M6941*Input!$C$22,0)</f>
        <v>0</v>
      </c>
      <c r="Q6941" s="75">
        <f>IF(Input!$D$19=4,J6941*Input!$C$19,0)+IF(Input!$D$20=4,K6941*Input!$C$20,0)+IF(Input!$D$21=4,L6941*Input!$C$21,0)+IF(Input!$D$22=4,M6941*Input!$C$22,0)</f>
        <v>0</v>
      </c>
      <c r="R6941" s="58">
        <v>54.573466359939971</v>
      </c>
      <c r="S6941" s="124">
        <f t="shared" si="108"/>
        <v>0.97787776171512752</v>
      </c>
    </row>
    <row r="6942" spans="8:19" x14ac:dyDescent="0.3">
      <c r="H6942" s="44">
        <v>6935</v>
      </c>
      <c r="I6942" s="56">
        <f>Bühler!I6968</f>
        <v>0.22566409885733713</v>
      </c>
      <c r="J6942" s="59">
        <f>Bühler!J6968</f>
        <v>0.75221366285779045</v>
      </c>
      <c r="K6942" s="59">
        <f>Bühler!K6968</f>
        <v>1.1283204942866856</v>
      </c>
      <c r="L6942" s="59">
        <f>Bühler!L6968</f>
        <v>5.4159383725760906</v>
      </c>
      <c r="M6942" s="58">
        <f>Bühler!M6968</f>
        <v>0</v>
      </c>
      <c r="N6942" s="56">
        <f>IF(Input!$D$19=1,J6942*Input!$C$19,0)+IF(Input!$D$20=1,K6942*Input!$C$20,0)+IF(Input!$D$21=1,L6942*Input!$C$21,0)+IF(Input!$D$22=1,M6942*Input!$C$22,0)</f>
        <v>0.22566409885733713</v>
      </c>
      <c r="O6942" s="59">
        <f>IF(Input!$D$19=2,J6942*Input!$C$19,0)+IF(Input!$D$20=2,K6942*Input!$C$20,0)+IF(Input!$D$21=2,L6942*Input!$C$21,0)+IF(Input!$D$22=2,M6942*Input!$C$22,0)</f>
        <v>0.56416024714334279</v>
      </c>
      <c r="P6942" s="59">
        <f>IF(Input!$D$19=3,J6942*Input!$C$19,0)+IF(Input!$D$20=3,K6942*Input!$C$20,0)+IF(Input!$D$21=3,L6942*Input!$C$21,0)+IF(Input!$D$22=3,M6942*Input!$C$22,0)</f>
        <v>0</v>
      </c>
      <c r="Q6942" s="75">
        <f>IF(Input!$D$19=4,J6942*Input!$C$19,0)+IF(Input!$D$20=4,K6942*Input!$C$20,0)+IF(Input!$D$21=4,L6942*Input!$C$21,0)+IF(Input!$D$22=4,M6942*Input!$C$22,0)</f>
        <v>0</v>
      </c>
      <c r="R6942" s="58">
        <v>54.187233193351169</v>
      </c>
      <c r="S6942" s="124">
        <f t="shared" si="108"/>
        <v>0.97787776171512752</v>
      </c>
    </row>
    <row r="6943" spans="8:19" x14ac:dyDescent="0.3">
      <c r="H6943" s="44">
        <v>6936</v>
      </c>
      <c r="I6943" s="56">
        <f>Bühler!I6969</f>
        <v>0.22566409885733713</v>
      </c>
      <c r="J6943" s="59">
        <f>Bühler!J6969</f>
        <v>0.75221366285779045</v>
      </c>
      <c r="K6943" s="59">
        <f>Bühler!K6969</f>
        <v>1.1283204942866856</v>
      </c>
      <c r="L6943" s="59">
        <f>Bühler!L6969</f>
        <v>5.4159383725760906</v>
      </c>
      <c r="M6943" s="58">
        <f>Bühler!M6969</f>
        <v>0</v>
      </c>
      <c r="N6943" s="56">
        <f>IF(Input!$D$19=1,J6943*Input!$C$19,0)+IF(Input!$D$20=1,K6943*Input!$C$20,0)+IF(Input!$D$21=1,L6943*Input!$C$21,0)+IF(Input!$D$22=1,M6943*Input!$C$22,0)</f>
        <v>0.22566409885733713</v>
      </c>
      <c r="O6943" s="59">
        <f>IF(Input!$D$19=2,J6943*Input!$C$19,0)+IF(Input!$D$20=2,K6943*Input!$C$20,0)+IF(Input!$D$21=2,L6943*Input!$C$21,0)+IF(Input!$D$22=2,M6943*Input!$C$22,0)</f>
        <v>0.56416024714334279</v>
      </c>
      <c r="P6943" s="59">
        <f>IF(Input!$D$19=3,J6943*Input!$C$19,0)+IF(Input!$D$20=3,K6943*Input!$C$20,0)+IF(Input!$D$21=3,L6943*Input!$C$21,0)+IF(Input!$D$22=3,M6943*Input!$C$22,0)</f>
        <v>0</v>
      </c>
      <c r="Q6943" s="75">
        <f>IF(Input!$D$19=4,J6943*Input!$C$19,0)+IF(Input!$D$20=4,K6943*Input!$C$20,0)+IF(Input!$D$21=4,L6943*Input!$C$21,0)+IF(Input!$D$22=4,M6943*Input!$C$22,0)</f>
        <v>0</v>
      </c>
      <c r="R6943" s="58">
        <v>54.072540330678322</v>
      </c>
      <c r="S6943" s="124">
        <f t="shared" si="108"/>
        <v>0.97787776171512752</v>
      </c>
    </row>
    <row r="6944" spans="8:19" x14ac:dyDescent="0.3">
      <c r="H6944" s="44">
        <v>6937</v>
      </c>
      <c r="I6944" s="56">
        <f>Bühler!I6970</f>
        <v>0.1965838743910428</v>
      </c>
      <c r="J6944" s="59">
        <f>Bühler!J6970</f>
        <v>0.65527958130347608</v>
      </c>
      <c r="K6944" s="59">
        <f>Bühler!K6970</f>
        <v>0.98291937195521395</v>
      </c>
      <c r="L6944" s="59">
        <f>Bühler!L6970</f>
        <v>4.7180129853850268</v>
      </c>
      <c r="M6944" s="58">
        <f>Bühler!M6970</f>
        <v>0</v>
      </c>
      <c r="N6944" s="56">
        <f>IF(Input!$D$19=1,J6944*Input!$C$19,0)+IF(Input!$D$20=1,K6944*Input!$C$20,0)+IF(Input!$D$21=1,L6944*Input!$C$21,0)+IF(Input!$D$22=1,M6944*Input!$C$22,0)</f>
        <v>0.19658387439104283</v>
      </c>
      <c r="O6944" s="59">
        <f>IF(Input!$D$19=2,J6944*Input!$C$19,0)+IF(Input!$D$20=2,K6944*Input!$C$20,0)+IF(Input!$D$21=2,L6944*Input!$C$21,0)+IF(Input!$D$22=2,M6944*Input!$C$22,0)</f>
        <v>0.49145968597760697</v>
      </c>
      <c r="P6944" s="59">
        <f>IF(Input!$D$19=3,J6944*Input!$C$19,0)+IF(Input!$D$20=3,K6944*Input!$C$20,0)+IF(Input!$D$21=3,L6944*Input!$C$21,0)+IF(Input!$D$22=3,M6944*Input!$C$22,0)</f>
        <v>0</v>
      </c>
      <c r="Q6944" s="75">
        <f>IF(Input!$D$19=4,J6944*Input!$C$19,0)+IF(Input!$D$20=4,K6944*Input!$C$20,0)+IF(Input!$D$21=4,L6944*Input!$C$21,0)+IF(Input!$D$22=4,M6944*Input!$C$22,0)</f>
        <v>0</v>
      </c>
      <c r="R6944" s="58">
        <v>53.544722959824043</v>
      </c>
      <c r="S6944" s="124">
        <f t="shared" si="108"/>
        <v>0.85186345569451882</v>
      </c>
    </row>
    <row r="6945" spans="8:19" x14ac:dyDescent="0.3">
      <c r="H6945" s="44">
        <v>6938</v>
      </c>
      <c r="I6945" s="56">
        <f>Bühler!I6971</f>
        <v>0.2211568586899231</v>
      </c>
      <c r="J6945" s="59">
        <f>Bühler!J6971</f>
        <v>0.73718952896641043</v>
      </c>
      <c r="K6945" s="59">
        <f>Bühler!K6971</f>
        <v>1.1057842934496156</v>
      </c>
      <c r="L6945" s="59">
        <f>Bühler!L6971</f>
        <v>5.3077646085581547</v>
      </c>
      <c r="M6945" s="58">
        <f>Bühler!M6971</f>
        <v>0</v>
      </c>
      <c r="N6945" s="56">
        <f>IF(Input!$D$19=1,J6945*Input!$C$19,0)+IF(Input!$D$20=1,K6945*Input!$C$20,0)+IF(Input!$D$21=1,L6945*Input!$C$21,0)+IF(Input!$D$22=1,M6945*Input!$C$22,0)</f>
        <v>0.22115685868992313</v>
      </c>
      <c r="O6945" s="59">
        <f>IF(Input!$D$19=2,J6945*Input!$C$19,0)+IF(Input!$D$20=2,K6945*Input!$C$20,0)+IF(Input!$D$21=2,L6945*Input!$C$21,0)+IF(Input!$D$22=2,M6945*Input!$C$22,0)</f>
        <v>0.5528921467248078</v>
      </c>
      <c r="P6945" s="59">
        <f>IF(Input!$D$19=3,J6945*Input!$C$19,0)+IF(Input!$D$20=3,K6945*Input!$C$20,0)+IF(Input!$D$21=3,L6945*Input!$C$21,0)+IF(Input!$D$22=3,M6945*Input!$C$22,0)</f>
        <v>0</v>
      </c>
      <c r="Q6945" s="75">
        <f>IF(Input!$D$19=4,J6945*Input!$C$19,0)+IF(Input!$D$20=4,K6945*Input!$C$20,0)+IF(Input!$D$21=4,L6945*Input!$C$21,0)+IF(Input!$D$22=4,M6945*Input!$C$22,0)</f>
        <v>0</v>
      </c>
      <c r="R6945" s="58">
        <v>52.625998428595054</v>
      </c>
      <c r="S6945" s="124">
        <f t="shared" si="108"/>
        <v>0.95834638765633351</v>
      </c>
    </row>
    <row r="6946" spans="8:19" x14ac:dyDescent="0.3">
      <c r="H6946" s="44">
        <v>6939</v>
      </c>
      <c r="I6946" s="56">
        <f>Bühler!I6972</f>
        <v>0.2211568586899231</v>
      </c>
      <c r="J6946" s="59">
        <f>Bühler!J6972</f>
        <v>0.73718952896641043</v>
      </c>
      <c r="K6946" s="59">
        <f>Bühler!K6972</f>
        <v>1.1057842934496156</v>
      </c>
      <c r="L6946" s="59">
        <f>Bühler!L6972</f>
        <v>5.3077646085581547</v>
      </c>
      <c r="M6946" s="58">
        <f>Bühler!M6972</f>
        <v>0</v>
      </c>
      <c r="N6946" s="56">
        <f>IF(Input!$D$19=1,J6946*Input!$C$19,0)+IF(Input!$D$20=1,K6946*Input!$C$20,0)+IF(Input!$D$21=1,L6946*Input!$C$21,0)+IF(Input!$D$22=1,M6946*Input!$C$22,0)</f>
        <v>0.22115685868992313</v>
      </c>
      <c r="O6946" s="59">
        <f>IF(Input!$D$19=2,J6946*Input!$C$19,0)+IF(Input!$D$20=2,K6946*Input!$C$20,0)+IF(Input!$D$21=2,L6946*Input!$C$21,0)+IF(Input!$D$22=2,M6946*Input!$C$22,0)</f>
        <v>0.5528921467248078</v>
      </c>
      <c r="P6946" s="59">
        <f>IF(Input!$D$19=3,J6946*Input!$C$19,0)+IF(Input!$D$20=3,K6946*Input!$C$20,0)+IF(Input!$D$21=3,L6946*Input!$C$21,0)+IF(Input!$D$22=3,M6946*Input!$C$22,0)</f>
        <v>0</v>
      </c>
      <c r="Q6946" s="75">
        <f>IF(Input!$D$19=4,J6946*Input!$C$19,0)+IF(Input!$D$20=4,K6946*Input!$C$20,0)+IF(Input!$D$21=4,L6946*Input!$C$21,0)+IF(Input!$D$22=4,M6946*Input!$C$22,0)</f>
        <v>0</v>
      </c>
      <c r="R6946" s="58">
        <v>52.968556500544601</v>
      </c>
      <c r="S6946" s="124">
        <f t="shared" si="108"/>
        <v>0.95834638765633351</v>
      </c>
    </row>
    <row r="6947" spans="8:19" x14ac:dyDescent="0.3">
      <c r="H6947" s="44">
        <v>6940</v>
      </c>
      <c r="I6947" s="56">
        <f>Bühler!I6973</f>
        <v>0.2211568586899231</v>
      </c>
      <c r="J6947" s="59">
        <f>Bühler!J6973</f>
        <v>0.73718952896641043</v>
      </c>
      <c r="K6947" s="59">
        <f>Bühler!K6973</f>
        <v>1.1057842934496156</v>
      </c>
      <c r="L6947" s="59">
        <f>Bühler!L6973</f>
        <v>5.3077646085581547</v>
      </c>
      <c r="M6947" s="58">
        <f>Bühler!M6973</f>
        <v>0</v>
      </c>
      <c r="N6947" s="56">
        <f>IF(Input!$D$19=1,J6947*Input!$C$19,0)+IF(Input!$D$20=1,K6947*Input!$C$20,0)+IF(Input!$D$21=1,L6947*Input!$C$21,0)+IF(Input!$D$22=1,M6947*Input!$C$22,0)</f>
        <v>0.22115685868992313</v>
      </c>
      <c r="O6947" s="59">
        <f>IF(Input!$D$19=2,J6947*Input!$C$19,0)+IF(Input!$D$20=2,K6947*Input!$C$20,0)+IF(Input!$D$21=2,L6947*Input!$C$21,0)+IF(Input!$D$22=2,M6947*Input!$C$22,0)</f>
        <v>0.5528921467248078</v>
      </c>
      <c r="P6947" s="59">
        <f>IF(Input!$D$19=3,J6947*Input!$C$19,0)+IF(Input!$D$20=3,K6947*Input!$C$20,0)+IF(Input!$D$21=3,L6947*Input!$C$21,0)+IF(Input!$D$22=3,M6947*Input!$C$22,0)</f>
        <v>0</v>
      </c>
      <c r="Q6947" s="75">
        <f>IF(Input!$D$19=4,J6947*Input!$C$19,0)+IF(Input!$D$20=4,K6947*Input!$C$20,0)+IF(Input!$D$21=4,L6947*Input!$C$21,0)+IF(Input!$D$22=4,M6947*Input!$C$22,0)</f>
        <v>0</v>
      </c>
      <c r="R6947" s="58">
        <v>53.194577723930372</v>
      </c>
      <c r="S6947" s="124">
        <f t="shared" si="108"/>
        <v>0.95834638765633351</v>
      </c>
    </row>
    <row r="6948" spans="8:19" x14ac:dyDescent="0.3">
      <c r="H6948" s="44">
        <v>6941</v>
      </c>
      <c r="I6948" s="56">
        <f>Bühler!I6974</f>
        <v>0.2211568586899231</v>
      </c>
      <c r="J6948" s="59">
        <f>Bühler!J6974</f>
        <v>0.73718952896641043</v>
      </c>
      <c r="K6948" s="59">
        <f>Bühler!K6974</f>
        <v>1.1057842934496156</v>
      </c>
      <c r="L6948" s="59">
        <f>Bühler!L6974</f>
        <v>5.3077646085581547</v>
      </c>
      <c r="M6948" s="58">
        <f>Bühler!M6974</f>
        <v>0</v>
      </c>
      <c r="N6948" s="56">
        <f>IF(Input!$D$19=1,J6948*Input!$C$19,0)+IF(Input!$D$20=1,K6948*Input!$C$20,0)+IF(Input!$D$21=1,L6948*Input!$C$21,0)+IF(Input!$D$22=1,M6948*Input!$C$22,0)</f>
        <v>0.22115685868992313</v>
      </c>
      <c r="O6948" s="59">
        <f>IF(Input!$D$19=2,J6948*Input!$C$19,0)+IF(Input!$D$20=2,K6948*Input!$C$20,0)+IF(Input!$D$21=2,L6948*Input!$C$21,0)+IF(Input!$D$22=2,M6948*Input!$C$22,0)</f>
        <v>0.5528921467248078</v>
      </c>
      <c r="P6948" s="59">
        <f>IF(Input!$D$19=3,J6948*Input!$C$19,0)+IF(Input!$D$20=3,K6948*Input!$C$20,0)+IF(Input!$D$21=3,L6948*Input!$C$21,0)+IF(Input!$D$22=3,M6948*Input!$C$22,0)</f>
        <v>0</v>
      </c>
      <c r="Q6948" s="75">
        <f>IF(Input!$D$19=4,J6948*Input!$C$19,0)+IF(Input!$D$20=4,K6948*Input!$C$20,0)+IF(Input!$D$21=4,L6948*Input!$C$21,0)+IF(Input!$D$22=4,M6948*Input!$C$22,0)</f>
        <v>0</v>
      </c>
      <c r="R6948" s="58">
        <v>54.302179210583319</v>
      </c>
      <c r="S6948" s="124">
        <f t="shared" si="108"/>
        <v>0.95834638765633351</v>
      </c>
    </row>
    <row r="6949" spans="8:19" x14ac:dyDescent="0.3">
      <c r="H6949" s="44">
        <v>6942</v>
      </c>
      <c r="I6949" s="56">
        <f>Bühler!I6975</f>
        <v>0.28504661786701202</v>
      </c>
      <c r="J6949" s="59">
        <f>Bühler!J6975</f>
        <v>0.95015539289004014</v>
      </c>
      <c r="K6949" s="59">
        <f>Bühler!K6975</f>
        <v>1.4252330893350602</v>
      </c>
      <c r="L6949" s="59">
        <f>Bühler!L6975</f>
        <v>6.8411188288082885</v>
      </c>
      <c r="M6949" s="58">
        <f>Bühler!M6975</f>
        <v>0</v>
      </c>
      <c r="N6949" s="56">
        <f>IF(Input!$D$19=1,J6949*Input!$C$19,0)+IF(Input!$D$20=1,K6949*Input!$C$20,0)+IF(Input!$D$21=1,L6949*Input!$C$21,0)+IF(Input!$D$22=1,M6949*Input!$C$22,0)</f>
        <v>0.28504661786701202</v>
      </c>
      <c r="O6949" s="59">
        <f>IF(Input!$D$19=2,J6949*Input!$C$19,0)+IF(Input!$D$20=2,K6949*Input!$C$20,0)+IF(Input!$D$21=2,L6949*Input!$C$21,0)+IF(Input!$D$22=2,M6949*Input!$C$22,0)</f>
        <v>0.71261654466753011</v>
      </c>
      <c r="P6949" s="59">
        <f>IF(Input!$D$19=3,J6949*Input!$C$19,0)+IF(Input!$D$20=3,K6949*Input!$C$20,0)+IF(Input!$D$21=3,L6949*Input!$C$21,0)+IF(Input!$D$22=3,M6949*Input!$C$22,0)</f>
        <v>0</v>
      </c>
      <c r="Q6949" s="75">
        <f>IF(Input!$D$19=4,J6949*Input!$C$19,0)+IF(Input!$D$20=4,K6949*Input!$C$20,0)+IF(Input!$D$21=4,L6949*Input!$C$21,0)+IF(Input!$D$22=4,M6949*Input!$C$22,0)</f>
        <v>0</v>
      </c>
      <c r="R6949" s="58">
        <v>56.854072177480795</v>
      </c>
      <c r="S6949" s="124">
        <f t="shared" si="108"/>
        <v>1.2352020107570523</v>
      </c>
    </row>
    <row r="6950" spans="8:19" x14ac:dyDescent="0.3">
      <c r="H6950" s="44">
        <v>6943</v>
      </c>
      <c r="I6950" s="56">
        <f>Bühler!I6976</f>
        <v>0.32927798960499671</v>
      </c>
      <c r="J6950" s="59">
        <f>Bühler!J6976</f>
        <v>1.0975932986833223</v>
      </c>
      <c r="K6950" s="59">
        <f>Bühler!K6976</f>
        <v>1.6463899480249835</v>
      </c>
      <c r="L6950" s="59">
        <f>Bühler!L6976</f>
        <v>7.9026717505199207</v>
      </c>
      <c r="M6950" s="58">
        <f>Bühler!M6976</f>
        <v>0</v>
      </c>
      <c r="N6950" s="56">
        <f>IF(Input!$D$19=1,J6950*Input!$C$19,0)+IF(Input!$D$20=1,K6950*Input!$C$20,0)+IF(Input!$D$21=1,L6950*Input!$C$21,0)+IF(Input!$D$22=1,M6950*Input!$C$22,0)</f>
        <v>0.32927798960499671</v>
      </c>
      <c r="O6950" s="59">
        <f>IF(Input!$D$19=2,J6950*Input!$C$19,0)+IF(Input!$D$20=2,K6950*Input!$C$20,0)+IF(Input!$D$21=2,L6950*Input!$C$21,0)+IF(Input!$D$22=2,M6950*Input!$C$22,0)</f>
        <v>0.82319497401249175</v>
      </c>
      <c r="P6950" s="59">
        <f>IF(Input!$D$19=3,J6950*Input!$C$19,0)+IF(Input!$D$20=3,K6950*Input!$C$20,0)+IF(Input!$D$21=3,L6950*Input!$C$21,0)+IF(Input!$D$22=3,M6950*Input!$C$22,0)</f>
        <v>0</v>
      </c>
      <c r="Q6950" s="75">
        <f>IF(Input!$D$19=4,J6950*Input!$C$19,0)+IF(Input!$D$20=4,K6950*Input!$C$20,0)+IF(Input!$D$21=4,L6950*Input!$C$21,0)+IF(Input!$D$22=4,M6950*Input!$C$22,0)</f>
        <v>0</v>
      </c>
      <c r="R6950" s="58">
        <v>60.017270288113814</v>
      </c>
      <c r="S6950" s="124">
        <f t="shared" si="108"/>
        <v>1.426871288288319</v>
      </c>
    </row>
    <row r="6951" spans="8:19" x14ac:dyDescent="0.3">
      <c r="H6951" s="44">
        <v>6944</v>
      </c>
      <c r="I6951" s="56">
        <f>Bühler!I6977</f>
        <v>0.32927798960499671</v>
      </c>
      <c r="J6951" s="59">
        <f>Bühler!J6977</f>
        <v>1.0975932986833223</v>
      </c>
      <c r="K6951" s="59">
        <f>Bühler!K6977</f>
        <v>1.6463899480249835</v>
      </c>
      <c r="L6951" s="59">
        <f>Bühler!L6977</f>
        <v>7.9026717505199207</v>
      </c>
      <c r="M6951" s="58">
        <f>Bühler!M6977</f>
        <v>0</v>
      </c>
      <c r="N6951" s="56">
        <f>IF(Input!$D$19=1,J6951*Input!$C$19,0)+IF(Input!$D$20=1,K6951*Input!$C$20,0)+IF(Input!$D$21=1,L6951*Input!$C$21,0)+IF(Input!$D$22=1,M6951*Input!$C$22,0)</f>
        <v>0.32927798960499671</v>
      </c>
      <c r="O6951" s="59">
        <f>IF(Input!$D$19=2,J6951*Input!$C$19,0)+IF(Input!$D$20=2,K6951*Input!$C$20,0)+IF(Input!$D$21=2,L6951*Input!$C$21,0)+IF(Input!$D$22=2,M6951*Input!$C$22,0)</f>
        <v>0.82319497401249175</v>
      </c>
      <c r="P6951" s="59">
        <f>IF(Input!$D$19=3,J6951*Input!$C$19,0)+IF(Input!$D$20=3,K6951*Input!$C$20,0)+IF(Input!$D$21=3,L6951*Input!$C$21,0)+IF(Input!$D$22=3,M6951*Input!$C$22,0)</f>
        <v>0</v>
      </c>
      <c r="Q6951" s="75">
        <f>IF(Input!$D$19=4,J6951*Input!$C$19,0)+IF(Input!$D$20=4,K6951*Input!$C$20,0)+IF(Input!$D$21=4,L6951*Input!$C$21,0)+IF(Input!$D$22=4,M6951*Input!$C$22,0)</f>
        <v>0</v>
      </c>
      <c r="R6951" s="58">
        <v>62.489161334307518</v>
      </c>
      <c r="S6951" s="124">
        <f t="shared" si="108"/>
        <v>1.426871288288319</v>
      </c>
    </row>
    <row r="6952" spans="8:19" x14ac:dyDescent="0.3">
      <c r="H6952" s="44">
        <v>6945</v>
      </c>
      <c r="I6952" s="56">
        <f>Bühler!I6978</f>
        <v>0.32927798960499671</v>
      </c>
      <c r="J6952" s="59">
        <f>Bühler!J6978</f>
        <v>1.0975932986833223</v>
      </c>
      <c r="K6952" s="59">
        <f>Bühler!K6978</f>
        <v>1.6463899480249835</v>
      </c>
      <c r="L6952" s="59">
        <f>Bühler!L6978</f>
        <v>7.9026717505199207</v>
      </c>
      <c r="M6952" s="58">
        <f>Bühler!M6978</f>
        <v>0</v>
      </c>
      <c r="N6952" s="56">
        <f>IF(Input!$D$19=1,J6952*Input!$C$19,0)+IF(Input!$D$20=1,K6952*Input!$C$20,0)+IF(Input!$D$21=1,L6952*Input!$C$21,0)+IF(Input!$D$22=1,M6952*Input!$C$22,0)</f>
        <v>0.32927798960499671</v>
      </c>
      <c r="O6952" s="59">
        <f>IF(Input!$D$19=2,J6952*Input!$C$19,0)+IF(Input!$D$20=2,K6952*Input!$C$20,0)+IF(Input!$D$21=2,L6952*Input!$C$21,0)+IF(Input!$D$22=2,M6952*Input!$C$22,0)</f>
        <v>0.82319497401249175</v>
      </c>
      <c r="P6952" s="59">
        <f>IF(Input!$D$19=3,J6952*Input!$C$19,0)+IF(Input!$D$20=3,K6952*Input!$C$20,0)+IF(Input!$D$21=3,L6952*Input!$C$21,0)+IF(Input!$D$22=3,M6952*Input!$C$22,0)</f>
        <v>0</v>
      </c>
      <c r="Q6952" s="75">
        <f>IF(Input!$D$19=4,J6952*Input!$C$19,0)+IF(Input!$D$20=4,K6952*Input!$C$20,0)+IF(Input!$D$21=4,L6952*Input!$C$21,0)+IF(Input!$D$22=4,M6952*Input!$C$22,0)</f>
        <v>0</v>
      </c>
      <c r="R6952" s="58">
        <v>63.512060192555076</v>
      </c>
      <c r="S6952" s="124">
        <f t="shared" si="108"/>
        <v>1.426871288288319</v>
      </c>
    </row>
    <row r="6953" spans="8:19" x14ac:dyDescent="0.3">
      <c r="H6953" s="44">
        <v>6946</v>
      </c>
      <c r="I6953" s="56">
        <f>Bühler!I6979</f>
        <v>0.35385097390387699</v>
      </c>
      <c r="J6953" s="59">
        <f>Bühler!J6979</f>
        <v>1.1795032463462567</v>
      </c>
      <c r="K6953" s="59">
        <f>Bühler!K6979</f>
        <v>1.769254869519385</v>
      </c>
      <c r="L6953" s="59">
        <f>Bühler!L6979</f>
        <v>8.4924233736930486</v>
      </c>
      <c r="M6953" s="58">
        <f>Bühler!M6979</f>
        <v>0</v>
      </c>
      <c r="N6953" s="56">
        <f>IF(Input!$D$19=1,J6953*Input!$C$19,0)+IF(Input!$D$20=1,K6953*Input!$C$20,0)+IF(Input!$D$21=1,L6953*Input!$C$21,0)+IF(Input!$D$22=1,M6953*Input!$C$22,0)</f>
        <v>0.35385097390387699</v>
      </c>
      <c r="O6953" s="59">
        <f>IF(Input!$D$19=2,J6953*Input!$C$19,0)+IF(Input!$D$20=2,K6953*Input!$C$20,0)+IF(Input!$D$21=2,L6953*Input!$C$21,0)+IF(Input!$D$22=2,M6953*Input!$C$22,0)</f>
        <v>0.88462743475969252</v>
      </c>
      <c r="P6953" s="59">
        <f>IF(Input!$D$19=3,J6953*Input!$C$19,0)+IF(Input!$D$20=3,K6953*Input!$C$20,0)+IF(Input!$D$21=3,L6953*Input!$C$21,0)+IF(Input!$D$22=3,M6953*Input!$C$22,0)</f>
        <v>0</v>
      </c>
      <c r="Q6953" s="75">
        <f>IF(Input!$D$19=4,J6953*Input!$C$19,0)+IF(Input!$D$20=4,K6953*Input!$C$20,0)+IF(Input!$D$21=4,L6953*Input!$C$21,0)+IF(Input!$D$22=4,M6953*Input!$C$22,0)</f>
        <v>0</v>
      </c>
      <c r="R6953" s="58">
        <v>63.396257760921586</v>
      </c>
      <c r="S6953" s="124">
        <f t="shared" si="108"/>
        <v>1.5333542202501338</v>
      </c>
    </row>
    <row r="6954" spans="8:19" x14ac:dyDescent="0.3">
      <c r="H6954" s="44">
        <v>6947</v>
      </c>
      <c r="I6954" s="56">
        <f>Bühler!I6980</f>
        <v>0.38333855506253339</v>
      </c>
      <c r="J6954" s="59">
        <f>Bühler!J6980</f>
        <v>1.2777951835417782</v>
      </c>
      <c r="K6954" s="59">
        <f>Bühler!K6980</f>
        <v>1.916692775312667</v>
      </c>
      <c r="L6954" s="59">
        <f>Bühler!L6980</f>
        <v>9.2001253215008028</v>
      </c>
      <c r="M6954" s="58">
        <f>Bühler!M6980</f>
        <v>0</v>
      </c>
      <c r="N6954" s="56">
        <f>IF(Input!$D$19=1,J6954*Input!$C$19,0)+IF(Input!$D$20=1,K6954*Input!$C$20,0)+IF(Input!$D$21=1,L6954*Input!$C$21,0)+IF(Input!$D$22=1,M6954*Input!$C$22,0)</f>
        <v>0.38333855506253345</v>
      </c>
      <c r="O6954" s="59">
        <f>IF(Input!$D$19=2,J6954*Input!$C$19,0)+IF(Input!$D$20=2,K6954*Input!$C$20,0)+IF(Input!$D$21=2,L6954*Input!$C$21,0)+IF(Input!$D$22=2,M6954*Input!$C$22,0)</f>
        <v>0.95834638765633351</v>
      </c>
      <c r="P6954" s="59">
        <f>IF(Input!$D$19=3,J6954*Input!$C$19,0)+IF(Input!$D$20=3,K6954*Input!$C$20,0)+IF(Input!$D$21=3,L6954*Input!$C$21,0)+IF(Input!$D$22=3,M6954*Input!$C$22,0)</f>
        <v>0</v>
      </c>
      <c r="Q6954" s="75">
        <f>IF(Input!$D$19=4,J6954*Input!$C$19,0)+IF(Input!$D$20=4,K6954*Input!$C$20,0)+IF(Input!$D$21=4,L6954*Input!$C$21,0)+IF(Input!$D$22=4,M6954*Input!$C$22,0)</f>
        <v>0</v>
      </c>
      <c r="R6954" s="58">
        <v>63.297135894441595</v>
      </c>
      <c r="S6954" s="124">
        <f t="shared" si="108"/>
        <v>1.6611337386043117</v>
      </c>
    </row>
    <row r="6955" spans="8:19" x14ac:dyDescent="0.3">
      <c r="H6955" s="44">
        <v>6948</v>
      </c>
      <c r="I6955" s="56">
        <f>Bühler!I6981</f>
        <v>0.44231371737984621</v>
      </c>
      <c r="J6955" s="59">
        <f>Bühler!J6981</f>
        <v>1.4743790579328209</v>
      </c>
      <c r="K6955" s="59">
        <f>Bühler!K6981</f>
        <v>2.2115685868992312</v>
      </c>
      <c r="L6955" s="59">
        <f>Bühler!L6981</f>
        <v>10.615529217116309</v>
      </c>
      <c r="M6955" s="58">
        <f>Bühler!M6981</f>
        <v>0</v>
      </c>
      <c r="N6955" s="56">
        <f>IF(Input!$D$19=1,J6955*Input!$C$19,0)+IF(Input!$D$20=1,K6955*Input!$C$20,0)+IF(Input!$D$21=1,L6955*Input!$C$21,0)+IF(Input!$D$22=1,M6955*Input!$C$22,0)</f>
        <v>0.44231371737984626</v>
      </c>
      <c r="O6955" s="59">
        <f>IF(Input!$D$19=2,J6955*Input!$C$19,0)+IF(Input!$D$20=2,K6955*Input!$C$20,0)+IF(Input!$D$21=2,L6955*Input!$C$21,0)+IF(Input!$D$22=2,M6955*Input!$C$22,0)</f>
        <v>1.1057842934496156</v>
      </c>
      <c r="P6955" s="59">
        <f>IF(Input!$D$19=3,J6955*Input!$C$19,0)+IF(Input!$D$20=3,K6955*Input!$C$20,0)+IF(Input!$D$21=3,L6955*Input!$C$21,0)+IF(Input!$D$22=3,M6955*Input!$C$22,0)</f>
        <v>0</v>
      </c>
      <c r="Q6955" s="75">
        <f>IF(Input!$D$19=4,J6955*Input!$C$19,0)+IF(Input!$D$20=4,K6955*Input!$C$20,0)+IF(Input!$D$21=4,L6955*Input!$C$21,0)+IF(Input!$D$22=4,M6955*Input!$C$22,0)</f>
        <v>0</v>
      </c>
      <c r="R6955" s="58">
        <v>63.329898197612152</v>
      </c>
      <c r="S6955" s="124">
        <f t="shared" si="108"/>
        <v>1.916692775312667</v>
      </c>
    </row>
    <row r="6956" spans="8:19" x14ac:dyDescent="0.3">
      <c r="H6956" s="44">
        <v>6949</v>
      </c>
      <c r="I6956" s="56">
        <f>Bühler!I6982</f>
        <v>0.44231371737984621</v>
      </c>
      <c r="J6956" s="59">
        <f>Bühler!J6982</f>
        <v>1.4743790579328209</v>
      </c>
      <c r="K6956" s="59">
        <f>Bühler!K6982</f>
        <v>2.2115685868992312</v>
      </c>
      <c r="L6956" s="59">
        <f>Bühler!L6982</f>
        <v>10.615529217116309</v>
      </c>
      <c r="M6956" s="58">
        <f>Bühler!M6982</f>
        <v>0</v>
      </c>
      <c r="N6956" s="56">
        <f>IF(Input!$D$19=1,J6956*Input!$C$19,0)+IF(Input!$D$20=1,K6956*Input!$C$20,0)+IF(Input!$D$21=1,L6956*Input!$C$21,0)+IF(Input!$D$22=1,M6956*Input!$C$22,0)</f>
        <v>0.44231371737984626</v>
      </c>
      <c r="O6956" s="59">
        <f>IF(Input!$D$19=2,J6956*Input!$C$19,0)+IF(Input!$D$20=2,K6956*Input!$C$20,0)+IF(Input!$D$21=2,L6956*Input!$C$21,0)+IF(Input!$D$22=2,M6956*Input!$C$22,0)</f>
        <v>1.1057842934496156</v>
      </c>
      <c r="P6956" s="59">
        <f>IF(Input!$D$19=3,J6956*Input!$C$19,0)+IF(Input!$D$20=3,K6956*Input!$C$20,0)+IF(Input!$D$21=3,L6956*Input!$C$21,0)+IF(Input!$D$22=3,M6956*Input!$C$22,0)</f>
        <v>0</v>
      </c>
      <c r="Q6956" s="75">
        <f>IF(Input!$D$19=4,J6956*Input!$C$19,0)+IF(Input!$D$20=4,K6956*Input!$C$20,0)+IF(Input!$D$21=4,L6956*Input!$C$21,0)+IF(Input!$D$22=4,M6956*Input!$C$22,0)</f>
        <v>0</v>
      </c>
      <c r="R6956" s="58">
        <v>62.072910905715695</v>
      </c>
      <c r="S6956" s="124">
        <f t="shared" si="108"/>
        <v>1.916692775312667</v>
      </c>
    </row>
    <row r="6957" spans="8:19" x14ac:dyDescent="0.3">
      <c r="H6957" s="44">
        <v>6950</v>
      </c>
      <c r="I6957" s="56">
        <f>Bühler!I6983</f>
        <v>0.44231371737984621</v>
      </c>
      <c r="J6957" s="59">
        <f>Bühler!J6983</f>
        <v>1.4743790579328209</v>
      </c>
      <c r="K6957" s="59">
        <f>Bühler!K6983</f>
        <v>2.2115685868992312</v>
      </c>
      <c r="L6957" s="59">
        <f>Bühler!L6983</f>
        <v>10.615529217116309</v>
      </c>
      <c r="M6957" s="58">
        <f>Bühler!M6983</f>
        <v>0</v>
      </c>
      <c r="N6957" s="56">
        <f>IF(Input!$D$19=1,J6957*Input!$C$19,0)+IF(Input!$D$20=1,K6957*Input!$C$20,0)+IF(Input!$D$21=1,L6957*Input!$C$21,0)+IF(Input!$D$22=1,M6957*Input!$C$22,0)</f>
        <v>0.44231371737984626</v>
      </c>
      <c r="O6957" s="59">
        <f>IF(Input!$D$19=2,J6957*Input!$C$19,0)+IF(Input!$D$20=2,K6957*Input!$C$20,0)+IF(Input!$D$21=2,L6957*Input!$C$21,0)+IF(Input!$D$22=2,M6957*Input!$C$22,0)</f>
        <v>1.1057842934496156</v>
      </c>
      <c r="P6957" s="59">
        <f>IF(Input!$D$19=3,J6957*Input!$C$19,0)+IF(Input!$D$20=3,K6957*Input!$C$20,0)+IF(Input!$D$21=3,L6957*Input!$C$21,0)+IF(Input!$D$22=3,M6957*Input!$C$22,0)</f>
        <v>0</v>
      </c>
      <c r="Q6957" s="75">
        <f>IF(Input!$D$19=4,J6957*Input!$C$19,0)+IF(Input!$D$20=4,K6957*Input!$C$20,0)+IF(Input!$D$21=4,L6957*Input!$C$21,0)+IF(Input!$D$22=4,M6957*Input!$C$22,0)</f>
        <v>0</v>
      </c>
      <c r="R6957" s="58">
        <v>61.535474230405804</v>
      </c>
      <c r="S6957" s="124">
        <f t="shared" si="108"/>
        <v>1.916692775312667</v>
      </c>
    </row>
    <row r="6958" spans="8:19" x14ac:dyDescent="0.3">
      <c r="H6958" s="44">
        <v>6951</v>
      </c>
      <c r="I6958" s="56">
        <f>Bühler!I6984</f>
        <v>0.44231371737984621</v>
      </c>
      <c r="J6958" s="59">
        <f>Bühler!J6984</f>
        <v>1.4743790579328209</v>
      </c>
      <c r="K6958" s="59">
        <f>Bühler!K6984</f>
        <v>2.2115685868992312</v>
      </c>
      <c r="L6958" s="59">
        <f>Bühler!L6984</f>
        <v>10.615529217116309</v>
      </c>
      <c r="M6958" s="58">
        <f>Bühler!M6984</f>
        <v>0</v>
      </c>
      <c r="N6958" s="56">
        <f>IF(Input!$D$19=1,J6958*Input!$C$19,0)+IF(Input!$D$20=1,K6958*Input!$C$20,0)+IF(Input!$D$21=1,L6958*Input!$C$21,0)+IF(Input!$D$22=1,M6958*Input!$C$22,0)</f>
        <v>0.44231371737984626</v>
      </c>
      <c r="O6958" s="59">
        <f>IF(Input!$D$19=2,J6958*Input!$C$19,0)+IF(Input!$D$20=2,K6958*Input!$C$20,0)+IF(Input!$D$21=2,L6958*Input!$C$21,0)+IF(Input!$D$22=2,M6958*Input!$C$22,0)</f>
        <v>1.1057842934496156</v>
      </c>
      <c r="P6958" s="59">
        <f>IF(Input!$D$19=3,J6958*Input!$C$19,0)+IF(Input!$D$20=3,K6958*Input!$C$20,0)+IF(Input!$D$21=3,L6958*Input!$C$21,0)+IF(Input!$D$22=3,M6958*Input!$C$22,0)</f>
        <v>0</v>
      </c>
      <c r="Q6958" s="75">
        <f>IF(Input!$D$19=4,J6958*Input!$C$19,0)+IF(Input!$D$20=4,K6958*Input!$C$20,0)+IF(Input!$D$21=4,L6958*Input!$C$21,0)+IF(Input!$D$22=4,M6958*Input!$C$22,0)</f>
        <v>0</v>
      </c>
      <c r="R6958" s="58">
        <v>61.596704015808342</v>
      </c>
      <c r="S6958" s="124">
        <f t="shared" si="108"/>
        <v>1.916692775312667</v>
      </c>
    </row>
    <row r="6959" spans="8:19" x14ac:dyDescent="0.3">
      <c r="H6959" s="44">
        <v>6952</v>
      </c>
      <c r="I6959" s="56">
        <f>Bühler!I6985</f>
        <v>0.44231371737984621</v>
      </c>
      <c r="J6959" s="59">
        <f>Bühler!J6985</f>
        <v>1.4743790579328209</v>
      </c>
      <c r="K6959" s="59">
        <f>Bühler!K6985</f>
        <v>2.2115685868992312</v>
      </c>
      <c r="L6959" s="59">
        <f>Bühler!L6985</f>
        <v>10.615529217116309</v>
      </c>
      <c r="M6959" s="58">
        <f>Bühler!M6985</f>
        <v>0</v>
      </c>
      <c r="N6959" s="56">
        <f>IF(Input!$D$19=1,J6959*Input!$C$19,0)+IF(Input!$D$20=1,K6959*Input!$C$20,0)+IF(Input!$D$21=1,L6959*Input!$C$21,0)+IF(Input!$D$22=1,M6959*Input!$C$22,0)</f>
        <v>0.44231371737984626</v>
      </c>
      <c r="O6959" s="59">
        <f>IF(Input!$D$19=2,J6959*Input!$C$19,0)+IF(Input!$D$20=2,K6959*Input!$C$20,0)+IF(Input!$D$21=2,L6959*Input!$C$21,0)+IF(Input!$D$22=2,M6959*Input!$C$22,0)</f>
        <v>1.1057842934496156</v>
      </c>
      <c r="P6959" s="59">
        <f>IF(Input!$D$19=3,J6959*Input!$C$19,0)+IF(Input!$D$20=3,K6959*Input!$C$20,0)+IF(Input!$D$21=3,L6959*Input!$C$21,0)+IF(Input!$D$22=3,M6959*Input!$C$22,0)</f>
        <v>0</v>
      </c>
      <c r="Q6959" s="75">
        <f>IF(Input!$D$19=4,J6959*Input!$C$19,0)+IF(Input!$D$20=4,K6959*Input!$C$20,0)+IF(Input!$D$21=4,L6959*Input!$C$21,0)+IF(Input!$D$22=4,M6959*Input!$C$22,0)</f>
        <v>0</v>
      </c>
      <c r="R6959" s="58">
        <v>60.909387465110882</v>
      </c>
      <c r="S6959" s="124">
        <f t="shared" si="108"/>
        <v>1.916692775312667</v>
      </c>
    </row>
    <row r="6960" spans="8:19" x14ac:dyDescent="0.3">
      <c r="H6960" s="44">
        <v>6953</v>
      </c>
      <c r="I6960" s="56">
        <f>Bühler!I6986</f>
        <v>0.44231371737984621</v>
      </c>
      <c r="J6960" s="59">
        <f>Bühler!J6986</f>
        <v>1.4743790579328209</v>
      </c>
      <c r="K6960" s="59">
        <f>Bühler!K6986</f>
        <v>2.2115685868992312</v>
      </c>
      <c r="L6960" s="59">
        <f>Bühler!L6986</f>
        <v>10.615529217116309</v>
      </c>
      <c r="M6960" s="58">
        <f>Bühler!M6986</f>
        <v>0</v>
      </c>
      <c r="N6960" s="56">
        <f>IF(Input!$D$19=1,J6960*Input!$C$19,0)+IF(Input!$D$20=1,K6960*Input!$C$20,0)+IF(Input!$D$21=1,L6960*Input!$C$21,0)+IF(Input!$D$22=1,M6960*Input!$C$22,0)</f>
        <v>0.44231371737984626</v>
      </c>
      <c r="O6960" s="59">
        <f>IF(Input!$D$19=2,J6960*Input!$C$19,0)+IF(Input!$D$20=2,K6960*Input!$C$20,0)+IF(Input!$D$21=2,L6960*Input!$C$21,0)+IF(Input!$D$22=2,M6960*Input!$C$22,0)</f>
        <v>1.1057842934496156</v>
      </c>
      <c r="P6960" s="59">
        <f>IF(Input!$D$19=3,J6960*Input!$C$19,0)+IF(Input!$D$20=3,K6960*Input!$C$20,0)+IF(Input!$D$21=3,L6960*Input!$C$21,0)+IF(Input!$D$22=3,M6960*Input!$C$22,0)</f>
        <v>0</v>
      </c>
      <c r="Q6960" s="75">
        <f>IF(Input!$D$19=4,J6960*Input!$C$19,0)+IF(Input!$D$20=4,K6960*Input!$C$20,0)+IF(Input!$D$21=4,L6960*Input!$C$21,0)+IF(Input!$D$22=4,M6960*Input!$C$22,0)</f>
        <v>0</v>
      </c>
      <c r="R6960" s="58">
        <v>59.834077316471728</v>
      </c>
      <c r="S6960" s="124">
        <f t="shared" si="108"/>
        <v>1.916692775312667</v>
      </c>
    </row>
    <row r="6961" spans="8:19" x14ac:dyDescent="0.3">
      <c r="H6961" s="44">
        <v>6954</v>
      </c>
      <c r="I6961" s="56">
        <f>Bühler!I6987</f>
        <v>0.44231371737984621</v>
      </c>
      <c r="J6961" s="59">
        <f>Bühler!J6987</f>
        <v>1.4743790579328209</v>
      </c>
      <c r="K6961" s="59">
        <f>Bühler!K6987</f>
        <v>2.2115685868992312</v>
      </c>
      <c r="L6961" s="59">
        <f>Bühler!L6987</f>
        <v>10.615529217116309</v>
      </c>
      <c r="M6961" s="58">
        <f>Bühler!M6987</f>
        <v>0</v>
      </c>
      <c r="N6961" s="56">
        <f>IF(Input!$D$19=1,J6961*Input!$C$19,0)+IF(Input!$D$20=1,K6961*Input!$C$20,0)+IF(Input!$D$21=1,L6961*Input!$C$21,0)+IF(Input!$D$22=1,M6961*Input!$C$22,0)</f>
        <v>0.44231371737984626</v>
      </c>
      <c r="O6961" s="59">
        <f>IF(Input!$D$19=2,J6961*Input!$C$19,0)+IF(Input!$D$20=2,K6961*Input!$C$20,0)+IF(Input!$D$21=2,L6961*Input!$C$21,0)+IF(Input!$D$22=2,M6961*Input!$C$22,0)</f>
        <v>1.1057842934496156</v>
      </c>
      <c r="P6961" s="59">
        <f>IF(Input!$D$19=3,J6961*Input!$C$19,0)+IF(Input!$D$20=3,K6961*Input!$C$20,0)+IF(Input!$D$21=3,L6961*Input!$C$21,0)+IF(Input!$D$22=3,M6961*Input!$C$22,0)</f>
        <v>0</v>
      </c>
      <c r="Q6961" s="75">
        <f>IF(Input!$D$19=4,J6961*Input!$C$19,0)+IF(Input!$D$20=4,K6961*Input!$C$20,0)+IF(Input!$D$21=4,L6961*Input!$C$21,0)+IF(Input!$D$22=4,M6961*Input!$C$22,0)</f>
        <v>0</v>
      </c>
      <c r="R6961" s="58">
        <v>58.87097336115238</v>
      </c>
      <c r="S6961" s="124">
        <f t="shared" si="108"/>
        <v>1.916692775312667</v>
      </c>
    </row>
    <row r="6962" spans="8:19" x14ac:dyDescent="0.3">
      <c r="H6962" s="44">
        <v>6955</v>
      </c>
      <c r="I6962" s="56">
        <f>Bühler!I6988</f>
        <v>0.44231371737984621</v>
      </c>
      <c r="J6962" s="59">
        <f>Bühler!J6988</f>
        <v>1.4743790579328209</v>
      </c>
      <c r="K6962" s="59">
        <f>Bühler!K6988</f>
        <v>2.2115685868992312</v>
      </c>
      <c r="L6962" s="59">
        <f>Bühler!L6988</f>
        <v>10.615529217116309</v>
      </c>
      <c r="M6962" s="58">
        <f>Bühler!M6988</f>
        <v>0</v>
      </c>
      <c r="N6962" s="56">
        <f>IF(Input!$D$19=1,J6962*Input!$C$19,0)+IF(Input!$D$20=1,K6962*Input!$C$20,0)+IF(Input!$D$21=1,L6962*Input!$C$21,0)+IF(Input!$D$22=1,M6962*Input!$C$22,0)</f>
        <v>0.44231371737984626</v>
      </c>
      <c r="O6962" s="59">
        <f>IF(Input!$D$19=2,J6962*Input!$C$19,0)+IF(Input!$D$20=2,K6962*Input!$C$20,0)+IF(Input!$D$21=2,L6962*Input!$C$21,0)+IF(Input!$D$22=2,M6962*Input!$C$22,0)</f>
        <v>1.1057842934496156</v>
      </c>
      <c r="P6962" s="59">
        <f>IF(Input!$D$19=3,J6962*Input!$C$19,0)+IF(Input!$D$20=3,K6962*Input!$C$20,0)+IF(Input!$D$21=3,L6962*Input!$C$21,0)+IF(Input!$D$22=3,M6962*Input!$C$22,0)</f>
        <v>0</v>
      </c>
      <c r="Q6962" s="75">
        <f>IF(Input!$D$19=4,J6962*Input!$C$19,0)+IF(Input!$D$20=4,K6962*Input!$C$20,0)+IF(Input!$D$21=4,L6962*Input!$C$21,0)+IF(Input!$D$22=4,M6962*Input!$C$22,0)</f>
        <v>0</v>
      </c>
      <c r="R6962" s="58">
        <v>58.270772419387164</v>
      </c>
      <c r="S6962" s="124">
        <f t="shared" si="108"/>
        <v>1.916692775312667</v>
      </c>
    </row>
    <row r="6963" spans="8:19" x14ac:dyDescent="0.3">
      <c r="H6963" s="44">
        <v>6956</v>
      </c>
      <c r="I6963" s="56">
        <f>Bühler!I6989</f>
        <v>0.36859476448320522</v>
      </c>
      <c r="J6963" s="59">
        <f>Bühler!J6989</f>
        <v>1.2286492149440176</v>
      </c>
      <c r="K6963" s="59">
        <f>Bühler!K6989</f>
        <v>1.8429738224160261</v>
      </c>
      <c r="L6963" s="59">
        <f>Bühler!L6989</f>
        <v>8.8462743475969248</v>
      </c>
      <c r="M6963" s="58">
        <f>Bühler!M6989</f>
        <v>0</v>
      </c>
      <c r="N6963" s="56">
        <f>IF(Input!$D$19=1,J6963*Input!$C$19,0)+IF(Input!$D$20=1,K6963*Input!$C$20,0)+IF(Input!$D$21=1,L6963*Input!$C$21,0)+IF(Input!$D$22=1,M6963*Input!$C$22,0)</f>
        <v>0.36859476448320527</v>
      </c>
      <c r="O6963" s="59">
        <f>IF(Input!$D$19=2,J6963*Input!$C$19,0)+IF(Input!$D$20=2,K6963*Input!$C$20,0)+IF(Input!$D$21=2,L6963*Input!$C$21,0)+IF(Input!$D$22=2,M6963*Input!$C$22,0)</f>
        <v>0.92148691120801307</v>
      </c>
      <c r="P6963" s="59">
        <f>IF(Input!$D$19=3,J6963*Input!$C$19,0)+IF(Input!$D$20=3,K6963*Input!$C$20,0)+IF(Input!$D$21=3,L6963*Input!$C$21,0)+IF(Input!$D$22=3,M6963*Input!$C$22,0)</f>
        <v>0</v>
      </c>
      <c r="Q6963" s="75">
        <f>IF(Input!$D$19=4,J6963*Input!$C$19,0)+IF(Input!$D$20=4,K6963*Input!$C$20,0)+IF(Input!$D$21=4,L6963*Input!$C$21,0)+IF(Input!$D$22=4,M6963*Input!$C$22,0)</f>
        <v>0</v>
      </c>
      <c r="R6963" s="58">
        <v>57.571708845961098</v>
      </c>
      <c r="S6963" s="124">
        <f t="shared" si="108"/>
        <v>1.5972439794272228</v>
      </c>
    </row>
    <row r="6964" spans="8:19" x14ac:dyDescent="0.3">
      <c r="H6964" s="44">
        <v>6957</v>
      </c>
      <c r="I6964" s="56">
        <f>Bühler!I6990</f>
        <v>0.29487581158656423</v>
      </c>
      <c r="J6964" s="59">
        <f>Bühler!J6990</f>
        <v>0.98291937195521406</v>
      </c>
      <c r="K6964" s="59">
        <f>Bühler!K6990</f>
        <v>1.4743790579328211</v>
      </c>
      <c r="L6964" s="59">
        <f>Bühler!L6990</f>
        <v>7.0770194780775411</v>
      </c>
      <c r="M6964" s="58">
        <f>Bühler!M6990</f>
        <v>0</v>
      </c>
      <c r="N6964" s="56">
        <f>IF(Input!$D$19=1,J6964*Input!$C$19,0)+IF(Input!$D$20=1,K6964*Input!$C$20,0)+IF(Input!$D$21=1,L6964*Input!$C$21,0)+IF(Input!$D$22=1,M6964*Input!$C$22,0)</f>
        <v>0.29487581158656423</v>
      </c>
      <c r="O6964" s="59">
        <f>IF(Input!$D$19=2,J6964*Input!$C$19,0)+IF(Input!$D$20=2,K6964*Input!$C$20,0)+IF(Input!$D$21=2,L6964*Input!$C$21,0)+IF(Input!$D$22=2,M6964*Input!$C$22,0)</f>
        <v>0.73718952896641055</v>
      </c>
      <c r="P6964" s="59">
        <f>IF(Input!$D$19=3,J6964*Input!$C$19,0)+IF(Input!$D$20=3,K6964*Input!$C$20,0)+IF(Input!$D$21=3,L6964*Input!$C$21,0)+IF(Input!$D$22=3,M6964*Input!$C$22,0)</f>
        <v>0</v>
      </c>
      <c r="Q6964" s="75">
        <f>IF(Input!$D$19=4,J6964*Input!$C$19,0)+IF(Input!$D$20=4,K6964*Input!$C$20,0)+IF(Input!$D$21=4,L6964*Input!$C$21,0)+IF(Input!$D$22=4,M6964*Input!$C$22,0)</f>
        <v>0</v>
      </c>
      <c r="R6964" s="58">
        <v>55.76883661272511</v>
      </c>
      <c r="S6964" s="124">
        <f t="shared" si="108"/>
        <v>1.2777951835417782</v>
      </c>
    </row>
    <row r="6965" spans="8:19" x14ac:dyDescent="0.3">
      <c r="H6965" s="44">
        <v>6958</v>
      </c>
      <c r="I6965" s="56">
        <f>Bühler!I6991</f>
        <v>0.2211568586899231</v>
      </c>
      <c r="J6965" s="59">
        <f>Bühler!J6991</f>
        <v>0.73718952896641043</v>
      </c>
      <c r="K6965" s="59">
        <f>Bühler!K6991</f>
        <v>1.1057842934496156</v>
      </c>
      <c r="L6965" s="59">
        <f>Bühler!L6991</f>
        <v>5.3077646085581547</v>
      </c>
      <c r="M6965" s="58">
        <f>Bühler!M6991</f>
        <v>0</v>
      </c>
      <c r="N6965" s="56">
        <f>IF(Input!$D$19=1,J6965*Input!$C$19,0)+IF(Input!$D$20=1,K6965*Input!$C$20,0)+IF(Input!$D$21=1,L6965*Input!$C$21,0)+IF(Input!$D$22=1,M6965*Input!$C$22,0)</f>
        <v>0.22115685868992313</v>
      </c>
      <c r="O6965" s="59">
        <f>IF(Input!$D$19=2,J6965*Input!$C$19,0)+IF(Input!$D$20=2,K6965*Input!$C$20,0)+IF(Input!$D$21=2,L6965*Input!$C$21,0)+IF(Input!$D$22=2,M6965*Input!$C$22,0)</f>
        <v>0.5528921467248078</v>
      </c>
      <c r="P6965" s="59">
        <f>IF(Input!$D$19=3,J6965*Input!$C$19,0)+IF(Input!$D$20=3,K6965*Input!$C$20,0)+IF(Input!$D$21=3,L6965*Input!$C$21,0)+IF(Input!$D$22=3,M6965*Input!$C$22,0)</f>
        <v>0</v>
      </c>
      <c r="Q6965" s="75">
        <f>IF(Input!$D$19=4,J6965*Input!$C$19,0)+IF(Input!$D$20=4,K6965*Input!$C$20,0)+IF(Input!$D$21=4,L6965*Input!$C$21,0)+IF(Input!$D$22=4,M6965*Input!$C$22,0)</f>
        <v>0</v>
      </c>
      <c r="R6965" s="58">
        <v>53.761900386472561</v>
      </c>
      <c r="S6965" s="124">
        <f t="shared" si="108"/>
        <v>0.95834638765633351</v>
      </c>
    </row>
    <row r="6966" spans="8:19" x14ac:dyDescent="0.3">
      <c r="H6966" s="44">
        <v>6959</v>
      </c>
      <c r="I6966" s="56">
        <f>Bühler!I6992</f>
        <v>0.2211568586899231</v>
      </c>
      <c r="J6966" s="59">
        <f>Bühler!J6992</f>
        <v>0.73718952896641043</v>
      </c>
      <c r="K6966" s="59">
        <f>Bühler!K6992</f>
        <v>1.1057842934496156</v>
      </c>
      <c r="L6966" s="59">
        <f>Bühler!L6992</f>
        <v>5.3077646085581547</v>
      </c>
      <c r="M6966" s="58">
        <f>Bühler!M6992</f>
        <v>0</v>
      </c>
      <c r="N6966" s="56">
        <f>IF(Input!$D$19=1,J6966*Input!$C$19,0)+IF(Input!$D$20=1,K6966*Input!$C$20,0)+IF(Input!$D$21=1,L6966*Input!$C$21,0)+IF(Input!$D$22=1,M6966*Input!$C$22,0)</f>
        <v>0.22115685868992313</v>
      </c>
      <c r="O6966" s="59">
        <f>IF(Input!$D$19=2,J6966*Input!$C$19,0)+IF(Input!$D$20=2,K6966*Input!$C$20,0)+IF(Input!$D$21=2,L6966*Input!$C$21,0)+IF(Input!$D$22=2,M6966*Input!$C$22,0)</f>
        <v>0.5528921467248078</v>
      </c>
      <c r="P6966" s="59">
        <f>IF(Input!$D$19=3,J6966*Input!$C$19,0)+IF(Input!$D$20=3,K6966*Input!$C$20,0)+IF(Input!$D$21=3,L6966*Input!$C$21,0)+IF(Input!$D$22=3,M6966*Input!$C$22,0)</f>
        <v>0</v>
      </c>
      <c r="Q6966" s="75">
        <f>IF(Input!$D$19=4,J6966*Input!$C$19,0)+IF(Input!$D$20=4,K6966*Input!$C$20,0)+IF(Input!$D$21=4,L6966*Input!$C$21,0)+IF(Input!$D$22=4,M6966*Input!$C$22,0)</f>
        <v>0</v>
      </c>
      <c r="R6966" s="58">
        <v>53.74433180918043</v>
      </c>
      <c r="S6966" s="124">
        <f t="shared" si="108"/>
        <v>0.95834638765633351</v>
      </c>
    </row>
    <row r="6967" spans="8:19" x14ac:dyDescent="0.3">
      <c r="H6967" s="44">
        <v>6960</v>
      </c>
      <c r="I6967" s="56">
        <f>Bühler!I6993</f>
        <v>0.2211568586899231</v>
      </c>
      <c r="J6967" s="59">
        <f>Bühler!J6993</f>
        <v>0.73718952896641043</v>
      </c>
      <c r="K6967" s="59">
        <f>Bühler!K6993</f>
        <v>1.1057842934496156</v>
      </c>
      <c r="L6967" s="59">
        <f>Bühler!L6993</f>
        <v>5.3077646085581547</v>
      </c>
      <c r="M6967" s="58">
        <f>Bühler!M6993</f>
        <v>0</v>
      </c>
      <c r="N6967" s="56">
        <f>IF(Input!$D$19=1,J6967*Input!$C$19,0)+IF(Input!$D$20=1,K6967*Input!$C$20,0)+IF(Input!$D$21=1,L6967*Input!$C$21,0)+IF(Input!$D$22=1,M6967*Input!$C$22,0)</f>
        <v>0.22115685868992313</v>
      </c>
      <c r="O6967" s="59">
        <f>IF(Input!$D$19=2,J6967*Input!$C$19,0)+IF(Input!$D$20=2,K6967*Input!$C$20,0)+IF(Input!$D$21=2,L6967*Input!$C$21,0)+IF(Input!$D$22=2,M6967*Input!$C$22,0)</f>
        <v>0.5528921467248078</v>
      </c>
      <c r="P6967" s="59">
        <f>IF(Input!$D$19=3,J6967*Input!$C$19,0)+IF(Input!$D$20=3,K6967*Input!$C$20,0)+IF(Input!$D$21=3,L6967*Input!$C$21,0)+IF(Input!$D$22=3,M6967*Input!$C$22,0)</f>
        <v>0</v>
      </c>
      <c r="Q6967" s="75">
        <f>IF(Input!$D$19=4,J6967*Input!$C$19,0)+IF(Input!$D$20=4,K6967*Input!$C$20,0)+IF(Input!$D$21=4,L6967*Input!$C$21,0)+IF(Input!$D$22=4,M6967*Input!$C$22,0)</f>
        <v>0</v>
      </c>
      <c r="R6967" s="58">
        <v>53.581316356246951</v>
      </c>
      <c r="S6967" s="124">
        <f t="shared" si="108"/>
        <v>0.95834638765633351</v>
      </c>
    </row>
    <row r="6968" spans="8:19" x14ac:dyDescent="0.3">
      <c r="H6968" s="44">
        <v>6961</v>
      </c>
      <c r="I6968" s="56">
        <f>Bühler!I6994</f>
        <v>0.22356963982026667</v>
      </c>
      <c r="J6968" s="59">
        <f>Bühler!J6994</f>
        <v>0.7452321327342224</v>
      </c>
      <c r="K6968" s="59">
        <f>Bühler!K6994</f>
        <v>1.1178481991013334</v>
      </c>
      <c r="L6968" s="59">
        <f>Bühler!L6994</f>
        <v>5.3656713556864002</v>
      </c>
      <c r="M6968" s="58">
        <f>Bühler!M6994</f>
        <v>0</v>
      </c>
      <c r="N6968" s="56">
        <f>IF(Input!$D$19=1,J6968*Input!$C$19,0)+IF(Input!$D$20=1,K6968*Input!$C$20,0)+IF(Input!$D$21=1,L6968*Input!$C$21,0)+IF(Input!$D$22=1,M6968*Input!$C$22,0)</f>
        <v>0.2235696398202667</v>
      </c>
      <c r="O6968" s="59">
        <f>IF(Input!$D$19=2,J6968*Input!$C$19,0)+IF(Input!$D$20=2,K6968*Input!$C$20,0)+IF(Input!$D$21=2,L6968*Input!$C$21,0)+IF(Input!$D$22=2,M6968*Input!$C$22,0)</f>
        <v>0.55892409955066669</v>
      </c>
      <c r="P6968" s="59">
        <f>IF(Input!$D$19=3,J6968*Input!$C$19,0)+IF(Input!$D$20=3,K6968*Input!$C$20,0)+IF(Input!$D$21=3,L6968*Input!$C$21,0)+IF(Input!$D$22=3,M6968*Input!$C$22,0)</f>
        <v>0</v>
      </c>
      <c r="Q6968" s="75">
        <f>IF(Input!$D$19=4,J6968*Input!$C$19,0)+IF(Input!$D$20=4,K6968*Input!$C$20,0)+IF(Input!$D$21=4,L6968*Input!$C$21,0)+IF(Input!$D$22=4,M6968*Input!$C$22,0)</f>
        <v>0</v>
      </c>
      <c r="R6968" s="58">
        <v>53.213717891473891</v>
      </c>
      <c r="S6968" s="124">
        <f t="shared" si="108"/>
        <v>0.96880177255448907</v>
      </c>
    </row>
    <row r="6969" spans="8:19" x14ac:dyDescent="0.3">
      <c r="H6969" s="44">
        <v>6962</v>
      </c>
      <c r="I6969" s="56">
        <f>Bühler!I6995</f>
        <v>0.22356963982026667</v>
      </c>
      <c r="J6969" s="59">
        <f>Bühler!J6995</f>
        <v>0.7452321327342224</v>
      </c>
      <c r="K6969" s="59">
        <f>Bühler!K6995</f>
        <v>1.1178481991013334</v>
      </c>
      <c r="L6969" s="59">
        <f>Bühler!L6995</f>
        <v>5.3656713556864002</v>
      </c>
      <c r="M6969" s="58">
        <f>Bühler!M6995</f>
        <v>0</v>
      </c>
      <c r="N6969" s="56">
        <f>IF(Input!$D$19=1,J6969*Input!$C$19,0)+IF(Input!$D$20=1,K6969*Input!$C$20,0)+IF(Input!$D$21=1,L6969*Input!$C$21,0)+IF(Input!$D$22=1,M6969*Input!$C$22,0)</f>
        <v>0.2235696398202667</v>
      </c>
      <c r="O6969" s="59">
        <f>IF(Input!$D$19=2,J6969*Input!$C$19,0)+IF(Input!$D$20=2,K6969*Input!$C$20,0)+IF(Input!$D$21=2,L6969*Input!$C$21,0)+IF(Input!$D$22=2,M6969*Input!$C$22,0)</f>
        <v>0.55892409955066669</v>
      </c>
      <c r="P6969" s="59">
        <f>IF(Input!$D$19=3,J6969*Input!$C$19,0)+IF(Input!$D$20=3,K6969*Input!$C$20,0)+IF(Input!$D$21=3,L6969*Input!$C$21,0)+IF(Input!$D$22=3,M6969*Input!$C$22,0)</f>
        <v>0</v>
      </c>
      <c r="Q6969" s="75">
        <f>IF(Input!$D$19=4,J6969*Input!$C$19,0)+IF(Input!$D$20=4,K6969*Input!$C$20,0)+IF(Input!$D$21=4,L6969*Input!$C$21,0)+IF(Input!$D$22=4,M6969*Input!$C$22,0)</f>
        <v>0</v>
      </c>
      <c r="R6969" s="58">
        <v>52.375428979996904</v>
      </c>
      <c r="S6969" s="124">
        <f t="shared" si="108"/>
        <v>0.96880177255448907</v>
      </c>
    </row>
    <row r="6970" spans="8:19" x14ac:dyDescent="0.3">
      <c r="H6970" s="44">
        <v>6963</v>
      </c>
      <c r="I6970" s="56">
        <f>Bühler!I6996</f>
        <v>0.22356963982026667</v>
      </c>
      <c r="J6970" s="59">
        <f>Bühler!J6996</f>
        <v>0.7452321327342224</v>
      </c>
      <c r="K6970" s="59">
        <f>Bühler!K6996</f>
        <v>1.1178481991013334</v>
      </c>
      <c r="L6970" s="59">
        <f>Bühler!L6996</f>
        <v>5.3656713556864002</v>
      </c>
      <c r="M6970" s="58">
        <f>Bühler!M6996</f>
        <v>0</v>
      </c>
      <c r="N6970" s="56">
        <f>IF(Input!$D$19=1,J6970*Input!$C$19,0)+IF(Input!$D$20=1,K6970*Input!$C$20,0)+IF(Input!$D$21=1,L6970*Input!$C$21,0)+IF(Input!$D$22=1,M6970*Input!$C$22,0)</f>
        <v>0.2235696398202667</v>
      </c>
      <c r="O6970" s="59">
        <f>IF(Input!$D$19=2,J6970*Input!$C$19,0)+IF(Input!$D$20=2,K6970*Input!$C$20,0)+IF(Input!$D$21=2,L6970*Input!$C$21,0)+IF(Input!$D$22=2,M6970*Input!$C$22,0)</f>
        <v>0.55892409955066669</v>
      </c>
      <c r="P6970" s="59">
        <f>IF(Input!$D$19=3,J6970*Input!$C$19,0)+IF(Input!$D$20=3,K6970*Input!$C$20,0)+IF(Input!$D$21=3,L6970*Input!$C$21,0)+IF(Input!$D$22=3,M6970*Input!$C$22,0)</f>
        <v>0</v>
      </c>
      <c r="Q6970" s="75">
        <f>IF(Input!$D$19=4,J6970*Input!$C$19,0)+IF(Input!$D$20=4,K6970*Input!$C$20,0)+IF(Input!$D$21=4,L6970*Input!$C$21,0)+IF(Input!$D$22=4,M6970*Input!$C$22,0)</f>
        <v>0</v>
      </c>
      <c r="R6970" s="58">
        <v>52.856791165288612</v>
      </c>
      <c r="S6970" s="124">
        <f t="shared" si="108"/>
        <v>0.96880177255448907</v>
      </c>
    </row>
    <row r="6971" spans="8:19" x14ac:dyDescent="0.3">
      <c r="H6971" s="44">
        <v>6964</v>
      </c>
      <c r="I6971" s="56">
        <f>Bühler!I6997</f>
        <v>0.22356963982026667</v>
      </c>
      <c r="J6971" s="59">
        <f>Bühler!J6997</f>
        <v>0.7452321327342224</v>
      </c>
      <c r="K6971" s="59">
        <f>Bühler!K6997</f>
        <v>1.1178481991013334</v>
      </c>
      <c r="L6971" s="59">
        <f>Bühler!L6997</f>
        <v>5.3656713556864002</v>
      </c>
      <c r="M6971" s="58">
        <f>Bühler!M6997</f>
        <v>0</v>
      </c>
      <c r="N6971" s="56">
        <f>IF(Input!$D$19=1,J6971*Input!$C$19,0)+IF(Input!$D$20=1,K6971*Input!$C$20,0)+IF(Input!$D$21=1,L6971*Input!$C$21,0)+IF(Input!$D$22=1,M6971*Input!$C$22,0)</f>
        <v>0.2235696398202667</v>
      </c>
      <c r="O6971" s="59">
        <f>IF(Input!$D$19=2,J6971*Input!$C$19,0)+IF(Input!$D$20=2,K6971*Input!$C$20,0)+IF(Input!$D$21=2,L6971*Input!$C$21,0)+IF(Input!$D$22=2,M6971*Input!$C$22,0)</f>
        <v>0.55892409955066669</v>
      </c>
      <c r="P6971" s="59">
        <f>IF(Input!$D$19=3,J6971*Input!$C$19,0)+IF(Input!$D$20=3,K6971*Input!$C$20,0)+IF(Input!$D$21=3,L6971*Input!$C$21,0)+IF(Input!$D$22=3,M6971*Input!$C$22,0)</f>
        <v>0</v>
      </c>
      <c r="Q6971" s="75">
        <f>IF(Input!$D$19=4,J6971*Input!$C$19,0)+IF(Input!$D$20=4,K6971*Input!$C$20,0)+IF(Input!$D$21=4,L6971*Input!$C$21,0)+IF(Input!$D$22=4,M6971*Input!$C$22,0)</f>
        <v>0</v>
      </c>
      <c r="R6971" s="58">
        <v>53.767890266164173</v>
      </c>
      <c r="S6971" s="124">
        <f t="shared" si="108"/>
        <v>0.96880177255448907</v>
      </c>
    </row>
    <row r="6972" spans="8:19" x14ac:dyDescent="0.3">
      <c r="H6972" s="44">
        <v>6965</v>
      </c>
      <c r="I6972" s="56">
        <f>Bühler!I6998</f>
        <v>0.22356963982026667</v>
      </c>
      <c r="J6972" s="59">
        <f>Bühler!J6998</f>
        <v>0.7452321327342224</v>
      </c>
      <c r="K6972" s="59">
        <f>Bühler!K6998</f>
        <v>1.1178481991013334</v>
      </c>
      <c r="L6972" s="59">
        <f>Bühler!L6998</f>
        <v>5.3656713556864002</v>
      </c>
      <c r="M6972" s="58">
        <f>Bühler!M6998</f>
        <v>0</v>
      </c>
      <c r="N6972" s="56">
        <f>IF(Input!$D$19=1,J6972*Input!$C$19,0)+IF(Input!$D$20=1,K6972*Input!$C$20,0)+IF(Input!$D$21=1,L6972*Input!$C$21,0)+IF(Input!$D$22=1,M6972*Input!$C$22,0)</f>
        <v>0.2235696398202667</v>
      </c>
      <c r="O6972" s="59">
        <f>IF(Input!$D$19=2,J6972*Input!$C$19,0)+IF(Input!$D$20=2,K6972*Input!$C$20,0)+IF(Input!$D$21=2,L6972*Input!$C$21,0)+IF(Input!$D$22=2,M6972*Input!$C$22,0)</f>
        <v>0.55892409955066669</v>
      </c>
      <c r="P6972" s="59">
        <f>IF(Input!$D$19=3,J6972*Input!$C$19,0)+IF(Input!$D$20=3,K6972*Input!$C$20,0)+IF(Input!$D$21=3,L6972*Input!$C$21,0)+IF(Input!$D$22=3,M6972*Input!$C$22,0)</f>
        <v>0</v>
      </c>
      <c r="Q6972" s="75">
        <f>IF(Input!$D$19=4,J6972*Input!$C$19,0)+IF(Input!$D$20=4,K6972*Input!$C$20,0)+IF(Input!$D$21=4,L6972*Input!$C$21,0)+IF(Input!$D$22=4,M6972*Input!$C$22,0)</f>
        <v>0</v>
      </c>
      <c r="R6972" s="58">
        <v>54.972433022377487</v>
      </c>
      <c r="S6972" s="124">
        <f t="shared" si="108"/>
        <v>0.96880177255448907</v>
      </c>
    </row>
    <row r="6973" spans="8:19" x14ac:dyDescent="0.3">
      <c r="H6973" s="44">
        <v>6966</v>
      </c>
      <c r="I6973" s="56">
        <f>Bühler!I6999</f>
        <v>0.28815642465723262</v>
      </c>
      <c r="J6973" s="59">
        <f>Bühler!J6999</f>
        <v>0.96052141552410886</v>
      </c>
      <c r="K6973" s="59">
        <f>Bühler!K6999</f>
        <v>1.4407821232861631</v>
      </c>
      <c r="L6973" s="59">
        <f>Bühler!L6999</f>
        <v>6.9157541917735825</v>
      </c>
      <c r="M6973" s="58">
        <f>Bühler!M6999</f>
        <v>0</v>
      </c>
      <c r="N6973" s="56">
        <f>IF(Input!$D$19=1,J6973*Input!$C$19,0)+IF(Input!$D$20=1,K6973*Input!$C$20,0)+IF(Input!$D$21=1,L6973*Input!$C$21,0)+IF(Input!$D$22=1,M6973*Input!$C$22,0)</f>
        <v>0.28815642465723262</v>
      </c>
      <c r="O6973" s="59">
        <f>IF(Input!$D$19=2,J6973*Input!$C$19,0)+IF(Input!$D$20=2,K6973*Input!$C$20,0)+IF(Input!$D$21=2,L6973*Input!$C$21,0)+IF(Input!$D$22=2,M6973*Input!$C$22,0)</f>
        <v>0.72039106164308153</v>
      </c>
      <c r="P6973" s="59">
        <f>IF(Input!$D$19=3,J6973*Input!$C$19,0)+IF(Input!$D$20=3,K6973*Input!$C$20,0)+IF(Input!$D$21=3,L6973*Input!$C$21,0)+IF(Input!$D$22=3,M6973*Input!$C$22,0)</f>
        <v>0</v>
      </c>
      <c r="Q6973" s="75">
        <f>IF(Input!$D$19=4,J6973*Input!$C$19,0)+IF(Input!$D$20=4,K6973*Input!$C$20,0)+IF(Input!$D$21=4,L6973*Input!$C$21,0)+IF(Input!$D$22=4,M6973*Input!$C$22,0)</f>
        <v>0</v>
      </c>
      <c r="R6973" s="58">
        <v>57.677642505963021</v>
      </c>
      <c r="S6973" s="124">
        <f t="shared" si="108"/>
        <v>1.2486778401813414</v>
      </c>
    </row>
    <row r="6974" spans="8:19" x14ac:dyDescent="0.3">
      <c r="H6974" s="44">
        <v>6967</v>
      </c>
      <c r="I6974" s="56">
        <f>Bühler!I7000</f>
        <v>0.332870352621286</v>
      </c>
      <c r="J6974" s="59">
        <f>Bühler!J7000</f>
        <v>1.1095678420709534</v>
      </c>
      <c r="K6974" s="59">
        <f>Bühler!K7000</f>
        <v>1.6643517631064302</v>
      </c>
      <c r="L6974" s="59">
        <f>Bühler!L7000</f>
        <v>7.9888884629108645</v>
      </c>
      <c r="M6974" s="58">
        <f>Bühler!M7000</f>
        <v>0</v>
      </c>
      <c r="N6974" s="56">
        <f>IF(Input!$D$19=1,J6974*Input!$C$19,0)+IF(Input!$D$20=1,K6974*Input!$C$20,0)+IF(Input!$D$21=1,L6974*Input!$C$21,0)+IF(Input!$D$22=1,M6974*Input!$C$22,0)</f>
        <v>0.332870352621286</v>
      </c>
      <c r="O6974" s="59">
        <f>IF(Input!$D$19=2,J6974*Input!$C$19,0)+IF(Input!$D$20=2,K6974*Input!$C$20,0)+IF(Input!$D$21=2,L6974*Input!$C$21,0)+IF(Input!$D$22=2,M6974*Input!$C$22,0)</f>
        <v>0.83217588155321509</v>
      </c>
      <c r="P6974" s="59">
        <f>IF(Input!$D$19=3,J6974*Input!$C$19,0)+IF(Input!$D$20=3,K6974*Input!$C$20,0)+IF(Input!$D$21=3,L6974*Input!$C$21,0)+IF(Input!$D$22=3,M6974*Input!$C$22,0)</f>
        <v>0</v>
      </c>
      <c r="Q6974" s="75">
        <f>IF(Input!$D$19=4,J6974*Input!$C$19,0)+IF(Input!$D$20=4,K6974*Input!$C$20,0)+IF(Input!$D$21=4,L6974*Input!$C$21,0)+IF(Input!$D$22=4,M6974*Input!$C$22,0)</f>
        <v>0</v>
      </c>
      <c r="R6974" s="58">
        <v>61.022894539824264</v>
      </c>
      <c r="S6974" s="124">
        <f t="shared" si="108"/>
        <v>1.4424381946922393</v>
      </c>
    </row>
    <row r="6975" spans="8:19" x14ac:dyDescent="0.3">
      <c r="H6975" s="44">
        <v>6968</v>
      </c>
      <c r="I6975" s="56">
        <f>Bühler!I7001</f>
        <v>0.332870352621286</v>
      </c>
      <c r="J6975" s="59">
        <f>Bühler!J7001</f>
        <v>1.1095678420709534</v>
      </c>
      <c r="K6975" s="59">
        <f>Bühler!K7001</f>
        <v>1.6643517631064302</v>
      </c>
      <c r="L6975" s="59">
        <f>Bühler!L7001</f>
        <v>7.9888884629108645</v>
      </c>
      <c r="M6975" s="58">
        <f>Bühler!M7001</f>
        <v>0</v>
      </c>
      <c r="N6975" s="56">
        <f>IF(Input!$D$19=1,J6975*Input!$C$19,0)+IF(Input!$D$20=1,K6975*Input!$C$20,0)+IF(Input!$D$21=1,L6975*Input!$C$21,0)+IF(Input!$D$22=1,M6975*Input!$C$22,0)</f>
        <v>0.332870352621286</v>
      </c>
      <c r="O6975" s="59">
        <f>IF(Input!$D$19=2,J6975*Input!$C$19,0)+IF(Input!$D$20=2,K6975*Input!$C$20,0)+IF(Input!$D$21=2,L6975*Input!$C$21,0)+IF(Input!$D$22=2,M6975*Input!$C$22,0)</f>
        <v>0.83217588155321509</v>
      </c>
      <c r="P6975" s="59">
        <f>IF(Input!$D$19=3,J6975*Input!$C$19,0)+IF(Input!$D$20=3,K6975*Input!$C$20,0)+IF(Input!$D$21=3,L6975*Input!$C$21,0)+IF(Input!$D$22=3,M6975*Input!$C$22,0)</f>
        <v>0</v>
      </c>
      <c r="Q6975" s="75">
        <f>IF(Input!$D$19=4,J6975*Input!$C$19,0)+IF(Input!$D$20=4,K6975*Input!$C$20,0)+IF(Input!$D$21=4,L6975*Input!$C$21,0)+IF(Input!$D$22=4,M6975*Input!$C$22,0)</f>
        <v>0</v>
      </c>
      <c r="R6975" s="58">
        <v>63.655796259609097</v>
      </c>
      <c r="S6975" s="124">
        <f t="shared" si="108"/>
        <v>1.4424381946922393</v>
      </c>
    </row>
    <row r="6976" spans="8:19" x14ac:dyDescent="0.3">
      <c r="H6976" s="44">
        <v>6969</v>
      </c>
      <c r="I6976" s="56">
        <f>Bühler!I7002</f>
        <v>0.332870352621286</v>
      </c>
      <c r="J6976" s="59">
        <f>Bühler!J7002</f>
        <v>1.1095678420709534</v>
      </c>
      <c r="K6976" s="59">
        <f>Bühler!K7002</f>
        <v>1.6643517631064302</v>
      </c>
      <c r="L6976" s="59">
        <f>Bühler!L7002</f>
        <v>7.9888884629108645</v>
      </c>
      <c r="M6976" s="58">
        <f>Bühler!M7002</f>
        <v>0</v>
      </c>
      <c r="N6976" s="56">
        <f>IF(Input!$D$19=1,J6976*Input!$C$19,0)+IF(Input!$D$20=1,K6976*Input!$C$20,0)+IF(Input!$D$21=1,L6976*Input!$C$21,0)+IF(Input!$D$22=1,M6976*Input!$C$22,0)</f>
        <v>0.332870352621286</v>
      </c>
      <c r="O6976" s="59">
        <f>IF(Input!$D$19=2,J6976*Input!$C$19,0)+IF(Input!$D$20=2,K6976*Input!$C$20,0)+IF(Input!$D$21=2,L6976*Input!$C$21,0)+IF(Input!$D$22=2,M6976*Input!$C$22,0)</f>
        <v>0.83217588155321509</v>
      </c>
      <c r="P6976" s="59">
        <f>IF(Input!$D$19=3,J6976*Input!$C$19,0)+IF(Input!$D$20=3,K6976*Input!$C$20,0)+IF(Input!$D$21=3,L6976*Input!$C$21,0)+IF(Input!$D$22=3,M6976*Input!$C$22,0)</f>
        <v>0</v>
      </c>
      <c r="Q6976" s="75">
        <f>IF(Input!$D$19=4,J6976*Input!$C$19,0)+IF(Input!$D$20=4,K6976*Input!$C$20,0)+IF(Input!$D$21=4,L6976*Input!$C$21,0)+IF(Input!$D$22=4,M6976*Input!$C$22,0)</f>
        <v>0</v>
      </c>
      <c r="R6976" s="58">
        <v>64.452476501778165</v>
      </c>
      <c r="S6976" s="124">
        <f t="shared" si="108"/>
        <v>1.4424381946922393</v>
      </c>
    </row>
    <row r="6977" spans="8:19" x14ac:dyDescent="0.3">
      <c r="H6977" s="44">
        <v>6970</v>
      </c>
      <c r="I6977" s="56">
        <f>Bühler!I7003</f>
        <v>0.35771142371242676</v>
      </c>
      <c r="J6977" s="59">
        <f>Bühler!J7003</f>
        <v>1.192371412374756</v>
      </c>
      <c r="K6977" s="59">
        <f>Bühler!K7003</f>
        <v>1.7885571185621336</v>
      </c>
      <c r="L6977" s="59">
        <f>Bühler!L7003</f>
        <v>8.5850741690982417</v>
      </c>
      <c r="M6977" s="58">
        <f>Bühler!M7003</f>
        <v>0</v>
      </c>
      <c r="N6977" s="56">
        <f>IF(Input!$D$19=1,J6977*Input!$C$19,0)+IF(Input!$D$20=1,K6977*Input!$C$20,0)+IF(Input!$D$21=1,L6977*Input!$C$21,0)+IF(Input!$D$22=1,M6977*Input!$C$22,0)</f>
        <v>0.35771142371242676</v>
      </c>
      <c r="O6977" s="59">
        <f>IF(Input!$D$19=2,J6977*Input!$C$19,0)+IF(Input!$D$20=2,K6977*Input!$C$20,0)+IF(Input!$D$21=2,L6977*Input!$C$21,0)+IF(Input!$D$22=2,M6977*Input!$C$22,0)</f>
        <v>0.89427855928106681</v>
      </c>
      <c r="P6977" s="59">
        <f>IF(Input!$D$19=3,J6977*Input!$C$19,0)+IF(Input!$D$20=3,K6977*Input!$C$20,0)+IF(Input!$D$21=3,L6977*Input!$C$21,0)+IF(Input!$D$22=3,M6977*Input!$C$22,0)</f>
        <v>0</v>
      </c>
      <c r="Q6977" s="75">
        <f>IF(Input!$D$19=4,J6977*Input!$C$19,0)+IF(Input!$D$20=4,K6977*Input!$C$20,0)+IF(Input!$D$21=4,L6977*Input!$C$21,0)+IF(Input!$D$22=4,M6977*Input!$C$22,0)</f>
        <v>0</v>
      </c>
      <c r="R6977" s="58">
        <v>65.795187807659659</v>
      </c>
      <c r="S6977" s="124">
        <f t="shared" si="108"/>
        <v>1.5500828360871828</v>
      </c>
    </row>
    <row r="6978" spans="8:19" x14ac:dyDescent="0.3">
      <c r="H6978" s="44">
        <v>6971</v>
      </c>
      <c r="I6978" s="56">
        <f>Bühler!I7004</f>
        <v>0.38752070902179564</v>
      </c>
      <c r="J6978" s="59">
        <f>Bühler!J7004</f>
        <v>1.2917356967393188</v>
      </c>
      <c r="K6978" s="59">
        <f>Bühler!K7004</f>
        <v>1.9376035451089781</v>
      </c>
      <c r="L6978" s="59">
        <f>Bühler!L7004</f>
        <v>9.300497016523094</v>
      </c>
      <c r="M6978" s="58">
        <f>Bühler!M7004</f>
        <v>0</v>
      </c>
      <c r="N6978" s="56">
        <f>IF(Input!$D$19=1,J6978*Input!$C$19,0)+IF(Input!$D$20=1,K6978*Input!$C$20,0)+IF(Input!$D$21=1,L6978*Input!$C$21,0)+IF(Input!$D$22=1,M6978*Input!$C$22,0)</f>
        <v>0.38752070902179564</v>
      </c>
      <c r="O6978" s="59">
        <f>IF(Input!$D$19=2,J6978*Input!$C$19,0)+IF(Input!$D$20=2,K6978*Input!$C$20,0)+IF(Input!$D$21=2,L6978*Input!$C$21,0)+IF(Input!$D$22=2,M6978*Input!$C$22,0)</f>
        <v>0.96880177255448907</v>
      </c>
      <c r="P6978" s="59">
        <f>IF(Input!$D$19=3,J6978*Input!$C$19,0)+IF(Input!$D$20=3,K6978*Input!$C$20,0)+IF(Input!$D$21=3,L6978*Input!$C$21,0)+IF(Input!$D$22=3,M6978*Input!$C$22,0)</f>
        <v>0</v>
      </c>
      <c r="Q6978" s="75">
        <f>IF(Input!$D$19=4,J6978*Input!$C$19,0)+IF(Input!$D$20=4,K6978*Input!$C$20,0)+IF(Input!$D$21=4,L6978*Input!$C$21,0)+IF(Input!$D$22=4,M6978*Input!$C$22,0)</f>
        <v>0</v>
      </c>
      <c r="R6978" s="58">
        <v>66.749425292756769</v>
      </c>
      <c r="S6978" s="124">
        <f t="shared" si="108"/>
        <v>1.6792564057611143</v>
      </c>
    </row>
    <row r="6979" spans="8:19" x14ac:dyDescent="0.3">
      <c r="H6979" s="44">
        <v>6972</v>
      </c>
      <c r="I6979" s="56">
        <f>Bühler!I7005</f>
        <v>0.44713927964053335</v>
      </c>
      <c r="J6979" s="59">
        <f>Bühler!J7005</f>
        <v>1.4904642654684448</v>
      </c>
      <c r="K6979" s="59">
        <f>Bühler!K7005</f>
        <v>2.2356963982026667</v>
      </c>
      <c r="L6979" s="59">
        <f>Bühler!L7005</f>
        <v>10.7313427113728</v>
      </c>
      <c r="M6979" s="58">
        <f>Bühler!M7005</f>
        <v>0</v>
      </c>
      <c r="N6979" s="56">
        <f>IF(Input!$D$19=1,J6979*Input!$C$19,0)+IF(Input!$D$20=1,K6979*Input!$C$20,0)+IF(Input!$D$21=1,L6979*Input!$C$21,0)+IF(Input!$D$22=1,M6979*Input!$C$22,0)</f>
        <v>0.4471392796405334</v>
      </c>
      <c r="O6979" s="59">
        <f>IF(Input!$D$19=2,J6979*Input!$C$19,0)+IF(Input!$D$20=2,K6979*Input!$C$20,0)+IF(Input!$D$21=2,L6979*Input!$C$21,0)+IF(Input!$D$22=2,M6979*Input!$C$22,0)</f>
        <v>1.1178481991013334</v>
      </c>
      <c r="P6979" s="59">
        <f>IF(Input!$D$19=3,J6979*Input!$C$19,0)+IF(Input!$D$20=3,K6979*Input!$C$20,0)+IF(Input!$D$21=3,L6979*Input!$C$21,0)+IF(Input!$D$22=3,M6979*Input!$C$22,0)</f>
        <v>0</v>
      </c>
      <c r="Q6979" s="75">
        <f>IF(Input!$D$19=4,J6979*Input!$C$19,0)+IF(Input!$D$20=4,K6979*Input!$C$20,0)+IF(Input!$D$21=4,L6979*Input!$C$21,0)+IF(Input!$D$22=4,M6979*Input!$C$22,0)</f>
        <v>0</v>
      </c>
      <c r="R6979" s="58">
        <v>67.287564512667288</v>
      </c>
      <c r="S6979" s="124">
        <f t="shared" si="108"/>
        <v>1.9376035451089781</v>
      </c>
    </row>
    <row r="6980" spans="8:19" x14ac:dyDescent="0.3">
      <c r="H6980" s="44">
        <v>6973</v>
      </c>
      <c r="I6980" s="56">
        <f>Bühler!I7006</f>
        <v>0.44713927964053335</v>
      </c>
      <c r="J6980" s="59">
        <f>Bühler!J7006</f>
        <v>1.4904642654684448</v>
      </c>
      <c r="K6980" s="59">
        <f>Bühler!K7006</f>
        <v>2.2356963982026667</v>
      </c>
      <c r="L6980" s="59">
        <f>Bühler!L7006</f>
        <v>10.7313427113728</v>
      </c>
      <c r="M6980" s="58">
        <f>Bühler!M7006</f>
        <v>0</v>
      </c>
      <c r="N6980" s="56">
        <f>IF(Input!$D$19=1,J6980*Input!$C$19,0)+IF(Input!$D$20=1,K6980*Input!$C$20,0)+IF(Input!$D$21=1,L6980*Input!$C$21,0)+IF(Input!$D$22=1,M6980*Input!$C$22,0)</f>
        <v>0.4471392796405334</v>
      </c>
      <c r="O6980" s="59">
        <f>IF(Input!$D$19=2,J6980*Input!$C$19,0)+IF(Input!$D$20=2,K6980*Input!$C$20,0)+IF(Input!$D$21=2,L6980*Input!$C$21,0)+IF(Input!$D$22=2,M6980*Input!$C$22,0)</f>
        <v>1.1178481991013334</v>
      </c>
      <c r="P6980" s="59">
        <f>IF(Input!$D$19=3,J6980*Input!$C$19,0)+IF(Input!$D$20=3,K6980*Input!$C$20,0)+IF(Input!$D$21=3,L6980*Input!$C$21,0)+IF(Input!$D$22=3,M6980*Input!$C$22,0)</f>
        <v>0</v>
      </c>
      <c r="Q6980" s="75">
        <f>IF(Input!$D$19=4,J6980*Input!$C$19,0)+IF(Input!$D$20=4,K6980*Input!$C$20,0)+IF(Input!$D$21=4,L6980*Input!$C$21,0)+IF(Input!$D$22=4,M6980*Input!$C$22,0)</f>
        <v>0</v>
      </c>
      <c r="R6980" s="58">
        <v>66.634847248925666</v>
      </c>
      <c r="S6980" s="124">
        <f t="shared" si="108"/>
        <v>1.9376035451089781</v>
      </c>
    </row>
    <row r="6981" spans="8:19" x14ac:dyDescent="0.3">
      <c r="H6981" s="44">
        <v>6974</v>
      </c>
      <c r="I6981" s="56">
        <f>Bühler!I7007</f>
        <v>0.44713927964053335</v>
      </c>
      <c r="J6981" s="59">
        <f>Bühler!J7007</f>
        <v>1.4904642654684448</v>
      </c>
      <c r="K6981" s="59">
        <f>Bühler!K7007</f>
        <v>2.2356963982026667</v>
      </c>
      <c r="L6981" s="59">
        <f>Bühler!L7007</f>
        <v>10.7313427113728</v>
      </c>
      <c r="M6981" s="58">
        <f>Bühler!M7007</f>
        <v>0</v>
      </c>
      <c r="N6981" s="56">
        <f>IF(Input!$D$19=1,J6981*Input!$C$19,0)+IF(Input!$D$20=1,K6981*Input!$C$20,0)+IF(Input!$D$21=1,L6981*Input!$C$21,0)+IF(Input!$D$22=1,M6981*Input!$C$22,0)</f>
        <v>0.4471392796405334</v>
      </c>
      <c r="O6981" s="59">
        <f>IF(Input!$D$19=2,J6981*Input!$C$19,0)+IF(Input!$D$20=2,K6981*Input!$C$20,0)+IF(Input!$D$21=2,L6981*Input!$C$21,0)+IF(Input!$D$22=2,M6981*Input!$C$22,0)</f>
        <v>1.1178481991013334</v>
      </c>
      <c r="P6981" s="59">
        <f>IF(Input!$D$19=3,J6981*Input!$C$19,0)+IF(Input!$D$20=3,K6981*Input!$C$20,0)+IF(Input!$D$21=3,L6981*Input!$C$21,0)+IF(Input!$D$22=3,M6981*Input!$C$22,0)</f>
        <v>0</v>
      </c>
      <c r="Q6981" s="75">
        <f>IF(Input!$D$19=4,J6981*Input!$C$19,0)+IF(Input!$D$20=4,K6981*Input!$C$20,0)+IF(Input!$D$21=4,L6981*Input!$C$21,0)+IF(Input!$D$22=4,M6981*Input!$C$22,0)</f>
        <v>0</v>
      </c>
      <c r="R6981" s="58">
        <v>66.090331739005649</v>
      </c>
      <c r="S6981" s="124">
        <f t="shared" si="108"/>
        <v>1.9376035451089781</v>
      </c>
    </row>
    <row r="6982" spans="8:19" x14ac:dyDescent="0.3">
      <c r="H6982" s="44">
        <v>6975</v>
      </c>
      <c r="I6982" s="56">
        <f>Bühler!I7008</f>
        <v>0.44713927964053335</v>
      </c>
      <c r="J6982" s="59">
        <f>Bühler!J7008</f>
        <v>1.4904642654684448</v>
      </c>
      <c r="K6982" s="59">
        <f>Bühler!K7008</f>
        <v>2.2356963982026667</v>
      </c>
      <c r="L6982" s="59">
        <f>Bühler!L7008</f>
        <v>10.7313427113728</v>
      </c>
      <c r="M6982" s="58">
        <f>Bühler!M7008</f>
        <v>0</v>
      </c>
      <c r="N6982" s="56">
        <f>IF(Input!$D$19=1,J6982*Input!$C$19,0)+IF(Input!$D$20=1,K6982*Input!$C$20,0)+IF(Input!$D$21=1,L6982*Input!$C$21,0)+IF(Input!$D$22=1,M6982*Input!$C$22,0)</f>
        <v>0.4471392796405334</v>
      </c>
      <c r="O6982" s="59">
        <f>IF(Input!$D$19=2,J6982*Input!$C$19,0)+IF(Input!$D$20=2,K6982*Input!$C$20,0)+IF(Input!$D$21=2,L6982*Input!$C$21,0)+IF(Input!$D$22=2,M6982*Input!$C$22,0)</f>
        <v>1.1178481991013334</v>
      </c>
      <c r="P6982" s="59">
        <f>IF(Input!$D$19=3,J6982*Input!$C$19,0)+IF(Input!$D$20=3,K6982*Input!$C$20,0)+IF(Input!$D$21=3,L6982*Input!$C$21,0)+IF(Input!$D$22=3,M6982*Input!$C$22,0)</f>
        <v>0</v>
      </c>
      <c r="Q6982" s="75">
        <f>IF(Input!$D$19=4,J6982*Input!$C$19,0)+IF(Input!$D$20=4,K6982*Input!$C$20,0)+IF(Input!$D$21=4,L6982*Input!$C$21,0)+IF(Input!$D$22=4,M6982*Input!$C$22,0)</f>
        <v>0</v>
      </c>
      <c r="R6982" s="58">
        <v>66.335430052142826</v>
      </c>
      <c r="S6982" s="124">
        <f t="shared" si="108"/>
        <v>1.9376035451089781</v>
      </c>
    </row>
    <row r="6983" spans="8:19" x14ac:dyDescent="0.3">
      <c r="H6983" s="44">
        <v>6976</v>
      </c>
      <c r="I6983" s="56">
        <f>Bühler!I7009</f>
        <v>0.44713927964053335</v>
      </c>
      <c r="J6983" s="59">
        <f>Bühler!J7009</f>
        <v>1.4904642654684448</v>
      </c>
      <c r="K6983" s="59">
        <f>Bühler!K7009</f>
        <v>2.2356963982026667</v>
      </c>
      <c r="L6983" s="59">
        <f>Bühler!L7009</f>
        <v>10.7313427113728</v>
      </c>
      <c r="M6983" s="58">
        <f>Bühler!M7009</f>
        <v>0</v>
      </c>
      <c r="N6983" s="56">
        <f>IF(Input!$D$19=1,J6983*Input!$C$19,0)+IF(Input!$D$20=1,K6983*Input!$C$20,0)+IF(Input!$D$21=1,L6983*Input!$C$21,0)+IF(Input!$D$22=1,M6983*Input!$C$22,0)</f>
        <v>0.4471392796405334</v>
      </c>
      <c r="O6983" s="59">
        <f>IF(Input!$D$19=2,J6983*Input!$C$19,0)+IF(Input!$D$20=2,K6983*Input!$C$20,0)+IF(Input!$D$21=2,L6983*Input!$C$21,0)+IF(Input!$D$22=2,M6983*Input!$C$22,0)</f>
        <v>1.1178481991013334</v>
      </c>
      <c r="P6983" s="59">
        <f>IF(Input!$D$19=3,J6983*Input!$C$19,0)+IF(Input!$D$20=3,K6983*Input!$C$20,0)+IF(Input!$D$21=3,L6983*Input!$C$21,0)+IF(Input!$D$22=3,M6983*Input!$C$22,0)</f>
        <v>0</v>
      </c>
      <c r="Q6983" s="75">
        <f>IF(Input!$D$19=4,J6983*Input!$C$19,0)+IF(Input!$D$20=4,K6983*Input!$C$20,0)+IF(Input!$D$21=4,L6983*Input!$C$21,0)+IF(Input!$D$22=4,M6983*Input!$C$22,0)</f>
        <v>0</v>
      </c>
      <c r="R6983" s="58">
        <v>66.118071943709182</v>
      </c>
      <c r="S6983" s="124">
        <f t="shared" si="108"/>
        <v>1.9376035451089781</v>
      </c>
    </row>
    <row r="6984" spans="8:19" x14ac:dyDescent="0.3">
      <c r="H6984" s="44">
        <v>6977</v>
      </c>
      <c r="I6984" s="56">
        <f>Bühler!I7010</f>
        <v>0.44713927964053335</v>
      </c>
      <c r="J6984" s="59">
        <f>Bühler!J7010</f>
        <v>1.4904642654684448</v>
      </c>
      <c r="K6984" s="59">
        <f>Bühler!K7010</f>
        <v>2.2356963982026667</v>
      </c>
      <c r="L6984" s="59">
        <f>Bühler!L7010</f>
        <v>10.7313427113728</v>
      </c>
      <c r="M6984" s="58">
        <f>Bühler!M7010</f>
        <v>0</v>
      </c>
      <c r="N6984" s="56">
        <f>IF(Input!$D$19=1,J6984*Input!$C$19,0)+IF(Input!$D$20=1,K6984*Input!$C$20,0)+IF(Input!$D$21=1,L6984*Input!$C$21,0)+IF(Input!$D$22=1,M6984*Input!$C$22,0)</f>
        <v>0.4471392796405334</v>
      </c>
      <c r="O6984" s="59">
        <f>IF(Input!$D$19=2,J6984*Input!$C$19,0)+IF(Input!$D$20=2,K6984*Input!$C$20,0)+IF(Input!$D$21=2,L6984*Input!$C$21,0)+IF(Input!$D$22=2,M6984*Input!$C$22,0)</f>
        <v>1.1178481991013334</v>
      </c>
      <c r="P6984" s="59">
        <f>IF(Input!$D$19=3,J6984*Input!$C$19,0)+IF(Input!$D$20=3,K6984*Input!$C$20,0)+IF(Input!$D$21=3,L6984*Input!$C$21,0)+IF(Input!$D$22=3,M6984*Input!$C$22,0)</f>
        <v>0</v>
      </c>
      <c r="Q6984" s="75">
        <f>IF(Input!$D$19=4,J6984*Input!$C$19,0)+IF(Input!$D$20=4,K6984*Input!$C$20,0)+IF(Input!$D$21=4,L6984*Input!$C$21,0)+IF(Input!$D$22=4,M6984*Input!$C$22,0)</f>
        <v>0</v>
      </c>
      <c r="R6984" s="58">
        <v>65.400512906417063</v>
      </c>
      <c r="S6984" s="124">
        <f t="shared" si="108"/>
        <v>1.9376035451089781</v>
      </c>
    </row>
    <row r="6985" spans="8:19" x14ac:dyDescent="0.3">
      <c r="H6985" s="44">
        <v>6978</v>
      </c>
      <c r="I6985" s="56">
        <f>Bühler!I7011</f>
        <v>0.44713927964053335</v>
      </c>
      <c r="J6985" s="59">
        <f>Bühler!J7011</f>
        <v>1.4904642654684448</v>
      </c>
      <c r="K6985" s="59">
        <f>Bühler!K7011</f>
        <v>2.2356963982026667</v>
      </c>
      <c r="L6985" s="59">
        <f>Bühler!L7011</f>
        <v>10.7313427113728</v>
      </c>
      <c r="M6985" s="58">
        <f>Bühler!M7011</f>
        <v>0</v>
      </c>
      <c r="N6985" s="56">
        <f>IF(Input!$D$19=1,J6985*Input!$C$19,0)+IF(Input!$D$20=1,K6985*Input!$C$20,0)+IF(Input!$D$21=1,L6985*Input!$C$21,0)+IF(Input!$D$22=1,M6985*Input!$C$22,0)</f>
        <v>0.4471392796405334</v>
      </c>
      <c r="O6985" s="59">
        <f>IF(Input!$D$19=2,J6985*Input!$C$19,0)+IF(Input!$D$20=2,K6985*Input!$C$20,0)+IF(Input!$D$21=2,L6985*Input!$C$21,0)+IF(Input!$D$22=2,M6985*Input!$C$22,0)</f>
        <v>1.1178481991013334</v>
      </c>
      <c r="P6985" s="59">
        <f>IF(Input!$D$19=3,J6985*Input!$C$19,0)+IF(Input!$D$20=3,K6985*Input!$C$20,0)+IF(Input!$D$21=3,L6985*Input!$C$21,0)+IF(Input!$D$22=3,M6985*Input!$C$22,0)</f>
        <v>0</v>
      </c>
      <c r="Q6985" s="75">
        <f>IF(Input!$D$19=4,J6985*Input!$C$19,0)+IF(Input!$D$20=4,K6985*Input!$C$20,0)+IF(Input!$D$21=4,L6985*Input!$C$21,0)+IF(Input!$D$22=4,M6985*Input!$C$22,0)</f>
        <v>0</v>
      </c>
      <c r="R6985" s="58">
        <v>64.687992188156002</v>
      </c>
      <c r="S6985" s="124">
        <f t="shared" ref="S6985:S7048" si="109">I6985+J6985</f>
        <v>1.9376035451089781</v>
      </c>
    </row>
    <row r="6986" spans="8:19" x14ac:dyDescent="0.3">
      <c r="H6986" s="44">
        <v>6979</v>
      </c>
      <c r="I6986" s="56">
        <f>Bühler!I7012</f>
        <v>0.44713927964053335</v>
      </c>
      <c r="J6986" s="59">
        <f>Bühler!J7012</f>
        <v>1.4904642654684448</v>
      </c>
      <c r="K6986" s="59">
        <f>Bühler!K7012</f>
        <v>2.2356963982026667</v>
      </c>
      <c r="L6986" s="59">
        <f>Bühler!L7012</f>
        <v>10.7313427113728</v>
      </c>
      <c r="M6986" s="58">
        <f>Bühler!M7012</f>
        <v>0</v>
      </c>
      <c r="N6986" s="56">
        <f>IF(Input!$D$19=1,J6986*Input!$C$19,0)+IF(Input!$D$20=1,K6986*Input!$C$20,0)+IF(Input!$D$21=1,L6986*Input!$C$21,0)+IF(Input!$D$22=1,M6986*Input!$C$22,0)</f>
        <v>0.4471392796405334</v>
      </c>
      <c r="O6986" s="59">
        <f>IF(Input!$D$19=2,J6986*Input!$C$19,0)+IF(Input!$D$20=2,K6986*Input!$C$20,0)+IF(Input!$D$21=2,L6986*Input!$C$21,0)+IF(Input!$D$22=2,M6986*Input!$C$22,0)</f>
        <v>1.1178481991013334</v>
      </c>
      <c r="P6986" s="59">
        <f>IF(Input!$D$19=3,J6986*Input!$C$19,0)+IF(Input!$D$20=3,K6986*Input!$C$20,0)+IF(Input!$D$21=3,L6986*Input!$C$21,0)+IF(Input!$D$22=3,M6986*Input!$C$22,0)</f>
        <v>0</v>
      </c>
      <c r="Q6986" s="75">
        <f>IF(Input!$D$19=4,J6986*Input!$C$19,0)+IF(Input!$D$20=4,K6986*Input!$C$20,0)+IF(Input!$D$21=4,L6986*Input!$C$21,0)+IF(Input!$D$22=4,M6986*Input!$C$22,0)</f>
        <v>0</v>
      </c>
      <c r="R6986" s="58">
        <v>64.218660993339853</v>
      </c>
      <c r="S6986" s="124">
        <f t="shared" si="109"/>
        <v>1.9376035451089781</v>
      </c>
    </row>
    <row r="6987" spans="8:19" x14ac:dyDescent="0.3">
      <c r="H6987" s="44">
        <v>6980</v>
      </c>
      <c r="I6987" s="56">
        <f>Bühler!I7013</f>
        <v>0.37261606636711114</v>
      </c>
      <c r="J6987" s="59">
        <f>Bühler!J7013</f>
        <v>1.2420535545570373</v>
      </c>
      <c r="K6987" s="59">
        <f>Bühler!K7013</f>
        <v>1.8630803318355558</v>
      </c>
      <c r="L6987" s="59">
        <f>Bühler!L7013</f>
        <v>8.942785592810667</v>
      </c>
      <c r="M6987" s="58">
        <f>Bühler!M7013</f>
        <v>0</v>
      </c>
      <c r="N6987" s="56">
        <f>IF(Input!$D$19=1,J6987*Input!$C$19,0)+IF(Input!$D$20=1,K6987*Input!$C$20,0)+IF(Input!$D$21=1,L6987*Input!$C$21,0)+IF(Input!$D$22=1,M6987*Input!$C$22,0)</f>
        <v>0.37261606636711114</v>
      </c>
      <c r="O6987" s="59">
        <f>IF(Input!$D$19=2,J6987*Input!$C$19,0)+IF(Input!$D$20=2,K6987*Input!$C$20,0)+IF(Input!$D$21=2,L6987*Input!$C$21,0)+IF(Input!$D$22=2,M6987*Input!$C$22,0)</f>
        <v>0.93154016591777788</v>
      </c>
      <c r="P6987" s="59">
        <f>IF(Input!$D$19=3,J6987*Input!$C$19,0)+IF(Input!$D$20=3,K6987*Input!$C$20,0)+IF(Input!$D$21=3,L6987*Input!$C$21,0)+IF(Input!$D$22=3,M6987*Input!$C$22,0)</f>
        <v>0</v>
      </c>
      <c r="Q6987" s="75">
        <f>IF(Input!$D$19=4,J6987*Input!$C$19,0)+IF(Input!$D$20=4,K6987*Input!$C$20,0)+IF(Input!$D$21=4,L6987*Input!$C$21,0)+IF(Input!$D$22=4,M6987*Input!$C$22,0)</f>
        <v>0</v>
      </c>
      <c r="R6987" s="58">
        <v>63.633482882924859</v>
      </c>
      <c r="S6987" s="124">
        <f t="shared" si="109"/>
        <v>1.6146696209241485</v>
      </c>
    </row>
    <row r="6988" spans="8:19" x14ac:dyDescent="0.3">
      <c r="H6988" s="44">
        <v>6981</v>
      </c>
      <c r="I6988" s="56">
        <f>Bühler!I7014</f>
        <v>0.29809285309368894</v>
      </c>
      <c r="J6988" s="59">
        <f>Bühler!J7014</f>
        <v>0.99364284364562983</v>
      </c>
      <c r="K6988" s="59">
        <f>Bühler!K7014</f>
        <v>1.4904642654684446</v>
      </c>
      <c r="L6988" s="59">
        <f>Bühler!L7014</f>
        <v>7.1542284742485345</v>
      </c>
      <c r="M6988" s="58">
        <f>Bühler!M7014</f>
        <v>0</v>
      </c>
      <c r="N6988" s="56">
        <f>IF(Input!$D$19=1,J6988*Input!$C$19,0)+IF(Input!$D$20=1,K6988*Input!$C$20,0)+IF(Input!$D$21=1,L6988*Input!$C$21,0)+IF(Input!$D$22=1,M6988*Input!$C$22,0)</f>
        <v>0.29809285309368894</v>
      </c>
      <c r="O6988" s="59">
        <f>IF(Input!$D$19=2,J6988*Input!$C$19,0)+IF(Input!$D$20=2,K6988*Input!$C$20,0)+IF(Input!$D$21=2,L6988*Input!$C$21,0)+IF(Input!$D$22=2,M6988*Input!$C$22,0)</f>
        <v>0.74523213273422229</v>
      </c>
      <c r="P6988" s="59">
        <f>IF(Input!$D$19=3,J6988*Input!$C$19,0)+IF(Input!$D$20=3,K6988*Input!$C$20,0)+IF(Input!$D$21=3,L6988*Input!$C$21,0)+IF(Input!$D$22=3,M6988*Input!$C$22,0)</f>
        <v>0</v>
      </c>
      <c r="Q6988" s="75">
        <f>IF(Input!$D$19=4,J6988*Input!$C$19,0)+IF(Input!$D$20=4,K6988*Input!$C$20,0)+IF(Input!$D$21=4,L6988*Input!$C$21,0)+IF(Input!$D$22=4,M6988*Input!$C$22,0)</f>
        <v>0</v>
      </c>
      <c r="R6988" s="58">
        <v>62.281825671168761</v>
      </c>
      <c r="S6988" s="124">
        <f t="shared" si="109"/>
        <v>1.2917356967393188</v>
      </c>
    </row>
    <row r="6989" spans="8:19" x14ac:dyDescent="0.3">
      <c r="H6989" s="44">
        <v>6982</v>
      </c>
      <c r="I6989" s="56">
        <f>Bühler!I7015</f>
        <v>0.22356963982026667</v>
      </c>
      <c r="J6989" s="59">
        <f>Bühler!J7015</f>
        <v>0.7452321327342224</v>
      </c>
      <c r="K6989" s="59">
        <f>Bühler!K7015</f>
        <v>1.1178481991013334</v>
      </c>
      <c r="L6989" s="59">
        <f>Bühler!L7015</f>
        <v>5.3656713556864002</v>
      </c>
      <c r="M6989" s="58">
        <f>Bühler!M7015</f>
        <v>0</v>
      </c>
      <c r="N6989" s="56">
        <f>IF(Input!$D$19=1,J6989*Input!$C$19,0)+IF(Input!$D$20=1,K6989*Input!$C$20,0)+IF(Input!$D$21=1,L6989*Input!$C$21,0)+IF(Input!$D$22=1,M6989*Input!$C$22,0)</f>
        <v>0.2235696398202667</v>
      </c>
      <c r="O6989" s="59">
        <f>IF(Input!$D$19=2,J6989*Input!$C$19,0)+IF(Input!$D$20=2,K6989*Input!$C$20,0)+IF(Input!$D$21=2,L6989*Input!$C$21,0)+IF(Input!$D$22=2,M6989*Input!$C$22,0)</f>
        <v>0.55892409955066669</v>
      </c>
      <c r="P6989" s="59">
        <f>IF(Input!$D$19=3,J6989*Input!$C$19,0)+IF(Input!$D$20=3,K6989*Input!$C$20,0)+IF(Input!$D$21=3,L6989*Input!$C$21,0)+IF(Input!$D$22=3,M6989*Input!$C$22,0)</f>
        <v>0</v>
      </c>
      <c r="Q6989" s="75">
        <f>IF(Input!$D$19=4,J6989*Input!$C$19,0)+IF(Input!$D$20=4,K6989*Input!$C$20,0)+IF(Input!$D$21=4,L6989*Input!$C$21,0)+IF(Input!$D$22=4,M6989*Input!$C$22,0)</f>
        <v>0</v>
      </c>
      <c r="R6989" s="58">
        <v>60.341156529435281</v>
      </c>
      <c r="S6989" s="124">
        <f t="shared" si="109"/>
        <v>0.96880177255448907</v>
      </c>
    </row>
    <row r="6990" spans="8:19" x14ac:dyDescent="0.3">
      <c r="H6990" s="44">
        <v>6983</v>
      </c>
      <c r="I6990" s="56">
        <f>Bühler!I7016</f>
        <v>0.22356963982026667</v>
      </c>
      <c r="J6990" s="59">
        <f>Bühler!J7016</f>
        <v>0.7452321327342224</v>
      </c>
      <c r="K6990" s="59">
        <f>Bühler!K7016</f>
        <v>1.1178481991013334</v>
      </c>
      <c r="L6990" s="59">
        <f>Bühler!L7016</f>
        <v>5.3656713556864002</v>
      </c>
      <c r="M6990" s="58">
        <f>Bühler!M7016</f>
        <v>0</v>
      </c>
      <c r="N6990" s="56">
        <f>IF(Input!$D$19=1,J6990*Input!$C$19,0)+IF(Input!$D$20=1,K6990*Input!$C$20,0)+IF(Input!$D$21=1,L6990*Input!$C$21,0)+IF(Input!$D$22=1,M6990*Input!$C$22,0)</f>
        <v>0.2235696398202667</v>
      </c>
      <c r="O6990" s="59">
        <f>IF(Input!$D$19=2,J6990*Input!$C$19,0)+IF(Input!$D$20=2,K6990*Input!$C$20,0)+IF(Input!$D$21=2,L6990*Input!$C$21,0)+IF(Input!$D$22=2,M6990*Input!$C$22,0)</f>
        <v>0.55892409955066669</v>
      </c>
      <c r="P6990" s="59">
        <f>IF(Input!$D$19=3,J6990*Input!$C$19,0)+IF(Input!$D$20=3,K6990*Input!$C$20,0)+IF(Input!$D$21=3,L6990*Input!$C$21,0)+IF(Input!$D$22=3,M6990*Input!$C$22,0)</f>
        <v>0</v>
      </c>
      <c r="Q6990" s="75">
        <f>IF(Input!$D$19=4,J6990*Input!$C$19,0)+IF(Input!$D$20=4,K6990*Input!$C$20,0)+IF(Input!$D$21=4,L6990*Input!$C$21,0)+IF(Input!$D$22=4,M6990*Input!$C$22,0)</f>
        <v>0</v>
      </c>
      <c r="R6990" s="58">
        <v>59.447578422915406</v>
      </c>
      <c r="S6990" s="124">
        <f t="shared" si="109"/>
        <v>0.96880177255448907</v>
      </c>
    </row>
    <row r="6991" spans="8:19" x14ac:dyDescent="0.3">
      <c r="H6991" s="44">
        <v>6984</v>
      </c>
      <c r="I6991" s="56">
        <f>Bühler!I7017</f>
        <v>0.22356963982026667</v>
      </c>
      <c r="J6991" s="59">
        <f>Bühler!J7017</f>
        <v>0.7452321327342224</v>
      </c>
      <c r="K6991" s="59">
        <f>Bühler!K7017</f>
        <v>1.1178481991013334</v>
      </c>
      <c r="L6991" s="59">
        <f>Bühler!L7017</f>
        <v>5.3656713556864002</v>
      </c>
      <c r="M6991" s="58">
        <f>Bühler!M7017</f>
        <v>0</v>
      </c>
      <c r="N6991" s="56">
        <f>IF(Input!$D$19=1,J6991*Input!$C$19,0)+IF(Input!$D$20=1,K6991*Input!$C$20,0)+IF(Input!$D$21=1,L6991*Input!$C$21,0)+IF(Input!$D$22=1,M6991*Input!$C$22,0)</f>
        <v>0.2235696398202667</v>
      </c>
      <c r="O6991" s="59">
        <f>IF(Input!$D$19=2,J6991*Input!$C$19,0)+IF(Input!$D$20=2,K6991*Input!$C$20,0)+IF(Input!$D$21=2,L6991*Input!$C$21,0)+IF(Input!$D$22=2,M6991*Input!$C$22,0)</f>
        <v>0.55892409955066669</v>
      </c>
      <c r="P6991" s="59">
        <f>IF(Input!$D$19=3,J6991*Input!$C$19,0)+IF(Input!$D$20=3,K6991*Input!$C$20,0)+IF(Input!$D$21=3,L6991*Input!$C$21,0)+IF(Input!$D$22=3,M6991*Input!$C$22,0)</f>
        <v>0</v>
      </c>
      <c r="Q6991" s="75">
        <f>IF(Input!$D$19=4,J6991*Input!$C$19,0)+IF(Input!$D$20=4,K6991*Input!$C$20,0)+IF(Input!$D$21=4,L6991*Input!$C$21,0)+IF(Input!$D$22=4,M6991*Input!$C$22,0)</f>
        <v>0</v>
      </c>
      <c r="R6991" s="58">
        <v>58.718700393571666</v>
      </c>
      <c r="S6991" s="124">
        <f t="shared" si="109"/>
        <v>0.96880177255448907</v>
      </c>
    </row>
    <row r="6992" spans="8:19" x14ac:dyDescent="0.3">
      <c r="H6992" s="44">
        <v>6985</v>
      </c>
      <c r="I6992" s="56">
        <f>Bühler!I7018</f>
        <v>0.25501919873443152</v>
      </c>
      <c r="J6992" s="59">
        <f>Bühler!J7018</f>
        <v>0.85006399578143843</v>
      </c>
      <c r="K6992" s="59">
        <f>Bühler!K7018</f>
        <v>1.2750959936721575</v>
      </c>
      <c r="L6992" s="59">
        <f>Bühler!L7018</f>
        <v>6.120460769626356</v>
      </c>
      <c r="M6992" s="58">
        <f>Bühler!M7018</f>
        <v>0</v>
      </c>
      <c r="N6992" s="56">
        <f>IF(Input!$D$19=1,J6992*Input!$C$19,0)+IF(Input!$D$20=1,K6992*Input!$C$20,0)+IF(Input!$D$21=1,L6992*Input!$C$21,0)+IF(Input!$D$22=1,M6992*Input!$C$22,0)</f>
        <v>0.25501919873443152</v>
      </c>
      <c r="O6992" s="59">
        <f>IF(Input!$D$19=2,J6992*Input!$C$19,0)+IF(Input!$D$20=2,K6992*Input!$C$20,0)+IF(Input!$D$21=2,L6992*Input!$C$21,0)+IF(Input!$D$22=2,M6992*Input!$C$22,0)</f>
        <v>0.63754799683607877</v>
      </c>
      <c r="P6992" s="59">
        <f>IF(Input!$D$19=3,J6992*Input!$C$19,0)+IF(Input!$D$20=3,K6992*Input!$C$20,0)+IF(Input!$D$21=3,L6992*Input!$C$21,0)+IF(Input!$D$22=3,M6992*Input!$C$22,0)</f>
        <v>0</v>
      </c>
      <c r="Q6992" s="75">
        <f>IF(Input!$D$19=4,J6992*Input!$C$19,0)+IF(Input!$D$20=4,K6992*Input!$C$20,0)+IF(Input!$D$21=4,L6992*Input!$C$21,0)+IF(Input!$D$22=4,M6992*Input!$C$22,0)</f>
        <v>0</v>
      </c>
      <c r="R6992" s="58">
        <v>57.456166335627685</v>
      </c>
      <c r="S6992" s="124">
        <f t="shared" si="109"/>
        <v>1.1050831945158699</v>
      </c>
    </row>
    <row r="6993" spans="8:19" x14ac:dyDescent="0.3">
      <c r="H6993" s="44">
        <v>6986</v>
      </c>
      <c r="I6993" s="56">
        <f>Bühler!I7019</f>
        <v>0.25501919873443152</v>
      </c>
      <c r="J6993" s="59">
        <f>Bühler!J7019</f>
        <v>0.85006399578143843</v>
      </c>
      <c r="K6993" s="59">
        <f>Bühler!K7019</f>
        <v>1.2750959936721575</v>
      </c>
      <c r="L6993" s="59">
        <f>Bühler!L7019</f>
        <v>6.120460769626356</v>
      </c>
      <c r="M6993" s="58">
        <f>Bühler!M7019</f>
        <v>0</v>
      </c>
      <c r="N6993" s="56">
        <f>IF(Input!$D$19=1,J6993*Input!$C$19,0)+IF(Input!$D$20=1,K6993*Input!$C$20,0)+IF(Input!$D$21=1,L6993*Input!$C$21,0)+IF(Input!$D$22=1,M6993*Input!$C$22,0)</f>
        <v>0.25501919873443152</v>
      </c>
      <c r="O6993" s="59">
        <f>IF(Input!$D$19=2,J6993*Input!$C$19,0)+IF(Input!$D$20=2,K6993*Input!$C$20,0)+IF(Input!$D$21=2,L6993*Input!$C$21,0)+IF(Input!$D$22=2,M6993*Input!$C$22,0)</f>
        <v>0.63754799683607877</v>
      </c>
      <c r="P6993" s="59">
        <f>IF(Input!$D$19=3,J6993*Input!$C$19,0)+IF(Input!$D$20=3,K6993*Input!$C$20,0)+IF(Input!$D$21=3,L6993*Input!$C$21,0)+IF(Input!$D$22=3,M6993*Input!$C$22,0)</f>
        <v>0</v>
      </c>
      <c r="Q6993" s="75">
        <f>IF(Input!$D$19=4,J6993*Input!$C$19,0)+IF(Input!$D$20=4,K6993*Input!$C$20,0)+IF(Input!$D$21=4,L6993*Input!$C$21,0)+IF(Input!$D$22=4,M6993*Input!$C$22,0)</f>
        <v>0</v>
      </c>
      <c r="R6993" s="58">
        <v>56.845616262092051</v>
      </c>
      <c r="S6993" s="124">
        <f t="shared" si="109"/>
        <v>1.1050831945158699</v>
      </c>
    </row>
    <row r="6994" spans="8:19" x14ac:dyDescent="0.3">
      <c r="H6994" s="44">
        <v>6987</v>
      </c>
      <c r="I6994" s="56">
        <f>Bühler!I7020</f>
        <v>0.25501919873443152</v>
      </c>
      <c r="J6994" s="59">
        <f>Bühler!J7020</f>
        <v>0.85006399578143843</v>
      </c>
      <c r="K6994" s="59">
        <f>Bühler!K7020</f>
        <v>1.2750959936721575</v>
      </c>
      <c r="L6994" s="59">
        <f>Bühler!L7020</f>
        <v>6.120460769626356</v>
      </c>
      <c r="M6994" s="58">
        <f>Bühler!M7020</f>
        <v>0</v>
      </c>
      <c r="N6994" s="56">
        <f>IF(Input!$D$19=1,J6994*Input!$C$19,0)+IF(Input!$D$20=1,K6994*Input!$C$20,0)+IF(Input!$D$21=1,L6994*Input!$C$21,0)+IF(Input!$D$22=1,M6994*Input!$C$22,0)</f>
        <v>0.25501919873443152</v>
      </c>
      <c r="O6994" s="59">
        <f>IF(Input!$D$19=2,J6994*Input!$C$19,0)+IF(Input!$D$20=2,K6994*Input!$C$20,0)+IF(Input!$D$21=2,L6994*Input!$C$21,0)+IF(Input!$D$22=2,M6994*Input!$C$22,0)</f>
        <v>0.63754799683607877</v>
      </c>
      <c r="P6994" s="59">
        <f>IF(Input!$D$19=3,J6994*Input!$C$19,0)+IF(Input!$D$20=3,K6994*Input!$C$20,0)+IF(Input!$D$21=3,L6994*Input!$C$21,0)+IF(Input!$D$22=3,M6994*Input!$C$22,0)</f>
        <v>0</v>
      </c>
      <c r="Q6994" s="75">
        <f>IF(Input!$D$19=4,J6994*Input!$C$19,0)+IF(Input!$D$20=4,K6994*Input!$C$20,0)+IF(Input!$D$21=4,L6994*Input!$C$21,0)+IF(Input!$D$22=4,M6994*Input!$C$22,0)</f>
        <v>0</v>
      </c>
      <c r="R6994" s="58">
        <v>56.725840243375444</v>
      </c>
      <c r="S6994" s="124">
        <f t="shared" si="109"/>
        <v>1.1050831945158699</v>
      </c>
    </row>
    <row r="6995" spans="8:19" x14ac:dyDescent="0.3">
      <c r="H6995" s="44">
        <v>6988</v>
      </c>
      <c r="I6995" s="56">
        <f>Bühler!I7021</f>
        <v>0.25501919873443152</v>
      </c>
      <c r="J6995" s="59">
        <f>Bühler!J7021</f>
        <v>0.85006399578143843</v>
      </c>
      <c r="K6995" s="59">
        <f>Bühler!K7021</f>
        <v>1.2750959936721575</v>
      </c>
      <c r="L6995" s="59">
        <f>Bühler!L7021</f>
        <v>6.120460769626356</v>
      </c>
      <c r="M6995" s="58">
        <f>Bühler!M7021</f>
        <v>0</v>
      </c>
      <c r="N6995" s="56">
        <f>IF(Input!$D$19=1,J6995*Input!$C$19,0)+IF(Input!$D$20=1,K6995*Input!$C$20,0)+IF(Input!$D$21=1,L6995*Input!$C$21,0)+IF(Input!$D$22=1,M6995*Input!$C$22,0)</f>
        <v>0.25501919873443152</v>
      </c>
      <c r="O6995" s="59">
        <f>IF(Input!$D$19=2,J6995*Input!$C$19,0)+IF(Input!$D$20=2,K6995*Input!$C$20,0)+IF(Input!$D$21=2,L6995*Input!$C$21,0)+IF(Input!$D$22=2,M6995*Input!$C$22,0)</f>
        <v>0.63754799683607877</v>
      </c>
      <c r="P6995" s="59">
        <f>IF(Input!$D$19=3,J6995*Input!$C$19,0)+IF(Input!$D$20=3,K6995*Input!$C$20,0)+IF(Input!$D$21=3,L6995*Input!$C$21,0)+IF(Input!$D$22=3,M6995*Input!$C$22,0)</f>
        <v>0</v>
      </c>
      <c r="Q6995" s="75">
        <f>IF(Input!$D$19=4,J6995*Input!$C$19,0)+IF(Input!$D$20=4,K6995*Input!$C$20,0)+IF(Input!$D$21=4,L6995*Input!$C$21,0)+IF(Input!$D$22=4,M6995*Input!$C$22,0)</f>
        <v>0</v>
      </c>
      <c r="R6995" s="58">
        <v>57.623657938538301</v>
      </c>
      <c r="S6995" s="124">
        <f t="shared" si="109"/>
        <v>1.1050831945158699</v>
      </c>
    </row>
    <row r="6996" spans="8:19" x14ac:dyDescent="0.3">
      <c r="H6996" s="44">
        <v>6989</v>
      </c>
      <c r="I6996" s="56">
        <f>Bühler!I7022</f>
        <v>0.25501919873443152</v>
      </c>
      <c r="J6996" s="59">
        <f>Bühler!J7022</f>
        <v>0.85006399578143843</v>
      </c>
      <c r="K6996" s="59">
        <f>Bühler!K7022</f>
        <v>1.2750959936721575</v>
      </c>
      <c r="L6996" s="59">
        <f>Bühler!L7022</f>
        <v>6.120460769626356</v>
      </c>
      <c r="M6996" s="58">
        <f>Bühler!M7022</f>
        <v>0</v>
      </c>
      <c r="N6996" s="56">
        <f>IF(Input!$D$19=1,J6996*Input!$C$19,0)+IF(Input!$D$20=1,K6996*Input!$C$20,0)+IF(Input!$D$21=1,L6996*Input!$C$21,0)+IF(Input!$D$22=1,M6996*Input!$C$22,0)</f>
        <v>0.25501919873443152</v>
      </c>
      <c r="O6996" s="59">
        <f>IF(Input!$D$19=2,J6996*Input!$C$19,0)+IF(Input!$D$20=2,K6996*Input!$C$20,0)+IF(Input!$D$21=2,L6996*Input!$C$21,0)+IF(Input!$D$22=2,M6996*Input!$C$22,0)</f>
        <v>0.63754799683607877</v>
      </c>
      <c r="P6996" s="59">
        <f>IF(Input!$D$19=3,J6996*Input!$C$19,0)+IF(Input!$D$20=3,K6996*Input!$C$20,0)+IF(Input!$D$21=3,L6996*Input!$C$21,0)+IF(Input!$D$22=3,M6996*Input!$C$22,0)</f>
        <v>0</v>
      </c>
      <c r="Q6996" s="75">
        <f>IF(Input!$D$19=4,J6996*Input!$C$19,0)+IF(Input!$D$20=4,K6996*Input!$C$20,0)+IF(Input!$D$21=4,L6996*Input!$C$21,0)+IF(Input!$D$22=4,M6996*Input!$C$22,0)</f>
        <v>0</v>
      </c>
      <c r="R6996" s="58">
        <v>58.895724451291301</v>
      </c>
      <c r="S6996" s="124">
        <f t="shared" si="109"/>
        <v>1.1050831945158699</v>
      </c>
    </row>
    <row r="6997" spans="8:19" x14ac:dyDescent="0.3">
      <c r="H6997" s="44">
        <v>6990</v>
      </c>
      <c r="I6997" s="56">
        <f>Bühler!I7023</f>
        <v>0.32869141170215616</v>
      </c>
      <c r="J6997" s="59">
        <f>Bühler!J7023</f>
        <v>1.0956380390071874</v>
      </c>
      <c r="K6997" s="59">
        <f>Bühler!K7023</f>
        <v>1.6434570585107808</v>
      </c>
      <c r="L6997" s="59">
        <f>Bühler!L7023</f>
        <v>7.8885938808517482</v>
      </c>
      <c r="M6997" s="58">
        <f>Bühler!M7023</f>
        <v>0</v>
      </c>
      <c r="N6997" s="56">
        <f>IF(Input!$D$19=1,J6997*Input!$C$19,0)+IF(Input!$D$20=1,K6997*Input!$C$20,0)+IF(Input!$D$21=1,L6997*Input!$C$21,0)+IF(Input!$D$22=1,M6997*Input!$C$22,0)</f>
        <v>0.32869141170215621</v>
      </c>
      <c r="O6997" s="59">
        <f>IF(Input!$D$19=2,J6997*Input!$C$19,0)+IF(Input!$D$20=2,K6997*Input!$C$20,0)+IF(Input!$D$21=2,L6997*Input!$C$21,0)+IF(Input!$D$22=2,M6997*Input!$C$22,0)</f>
        <v>0.82172852925539042</v>
      </c>
      <c r="P6997" s="59">
        <f>IF(Input!$D$19=3,J6997*Input!$C$19,0)+IF(Input!$D$20=3,K6997*Input!$C$20,0)+IF(Input!$D$21=3,L6997*Input!$C$21,0)+IF(Input!$D$22=3,M6997*Input!$C$22,0)</f>
        <v>0</v>
      </c>
      <c r="Q6997" s="75">
        <f>IF(Input!$D$19=4,J6997*Input!$C$19,0)+IF(Input!$D$20=4,K6997*Input!$C$20,0)+IF(Input!$D$21=4,L6997*Input!$C$21,0)+IF(Input!$D$22=4,M6997*Input!$C$22,0)</f>
        <v>0</v>
      </c>
      <c r="R6997" s="58">
        <v>61.223053986127205</v>
      </c>
      <c r="S6997" s="124">
        <f t="shared" si="109"/>
        <v>1.4243294507093436</v>
      </c>
    </row>
    <row r="6998" spans="8:19" x14ac:dyDescent="0.3">
      <c r="H6998" s="44">
        <v>6991</v>
      </c>
      <c r="I6998" s="56">
        <f>Bühler!I7024</f>
        <v>0.39669653136467131</v>
      </c>
      <c r="J6998" s="59">
        <f>Bühler!J7024</f>
        <v>1.322321771215571</v>
      </c>
      <c r="K6998" s="59">
        <f>Bühler!K7024</f>
        <v>1.9834826568233566</v>
      </c>
      <c r="L6998" s="59">
        <f>Bühler!L7024</f>
        <v>9.5207167527521115</v>
      </c>
      <c r="M6998" s="58">
        <f>Bühler!M7024</f>
        <v>0</v>
      </c>
      <c r="N6998" s="56">
        <f>IF(Input!$D$19=1,J6998*Input!$C$19,0)+IF(Input!$D$20=1,K6998*Input!$C$20,0)+IF(Input!$D$21=1,L6998*Input!$C$21,0)+IF(Input!$D$22=1,M6998*Input!$C$22,0)</f>
        <v>0.39669653136467131</v>
      </c>
      <c r="O6998" s="59">
        <f>IF(Input!$D$19=2,J6998*Input!$C$19,0)+IF(Input!$D$20=2,K6998*Input!$C$20,0)+IF(Input!$D$21=2,L6998*Input!$C$21,0)+IF(Input!$D$22=2,M6998*Input!$C$22,0)</f>
        <v>0.99174132841167828</v>
      </c>
      <c r="P6998" s="59">
        <f>IF(Input!$D$19=3,J6998*Input!$C$19,0)+IF(Input!$D$20=3,K6998*Input!$C$20,0)+IF(Input!$D$21=3,L6998*Input!$C$21,0)+IF(Input!$D$22=3,M6998*Input!$C$22,0)</f>
        <v>0</v>
      </c>
      <c r="Q6998" s="75">
        <f>IF(Input!$D$19=4,J6998*Input!$C$19,0)+IF(Input!$D$20=4,K6998*Input!$C$20,0)+IF(Input!$D$21=4,L6998*Input!$C$21,0)+IF(Input!$D$22=4,M6998*Input!$C$22,0)</f>
        <v>0</v>
      </c>
      <c r="R6998" s="58">
        <v>64.125888663726201</v>
      </c>
      <c r="S6998" s="124">
        <f t="shared" si="109"/>
        <v>1.7190183025802424</v>
      </c>
    </row>
    <row r="6999" spans="8:19" x14ac:dyDescent="0.3">
      <c r="H6999" s="44">
        <v>6992</v>
      </c>
      <c r="I6999" s="56">
        <f>Bühler!I7025</f>
        <v>0.39669653136467131</v>
      </c>
      <c r="J6999" s="59">
        <f>Bühler!J7025</f>
        <v>1.322321771215571</v>
      </c>
      <c r="K6999" s="59">
        <f>Bühler!K7025</f>
        <v>1.9834826568233566</v>
      </c>
      <c r="L6999" s="59">
        <f>Bühler!L7025</f>
        <v>9.5207167527521115</v>
      </c>
      <c r="M6999" s="58">
        <f>Bühler!M7025</f>
        <v>0</v>
      </c>
      <c r="N6999" s="56">
        <f>IF(Input!$D$19=1,J6999*Input!$C$19,0)+IF(Input!$D$20=1,K6999*Input!$C$20,0)+IF(Input!$D$21=1,L6999*Input!$C$21,0)+IF(Input!$D$22=1,M6999*Input!$C$22,0)</f>
        <v>0.39669653136467131</v>
      </c>
      <c r="O6999" s="59">
        <f>IF(Input!$D$19=2,J6999*Input!$C$19,0)+IF(Input!$D$20=2,K6999*Input!$C$20,0)+IF(Input!$D$21=2,L6999*Input!$C$21,0)+IF(Input!$D$22=2,M6999*Input!$C$22,0)</f>
        <v>0.99174132841167828</v>
      </c>
      <c r="P6999" s="59">
        <f>IF(Input!$D$19=3,J6999*Input!$C$19,0)+IF(Input!$D$20=3,K6999*Input!$C$20,0)+IF(Input!$D$21=3,L6999*Input!$C$21,0)+IF(Input!$D$22=3,M6999*Input!$C$22,0)</f>
        <v>0</v>
      </c>
      <c r="Q6999" s="75">
        <f>IF(Input!$D$19=4,J6999*Input!$C$19,0)+IF(Input!$D$20=4,K6999*Input!$C$20,0)+IF(Input!$D$21=4,L6999*Input!$C$21,0)+IF(Input!$D$22=4,M6999*Input!$C$22,0)</f>
        <v>0</v>
      </c>
      <c r="R6999" s="58">
        <v>66.585463162984354</v>
      </c>
      <c r="S6999" s="124">
        <f t="shared" si="109"/>
        <v>1.7190183025802424</v>
      </c>
    </row>
    <row r="7000" spans="8:19" x14ac:dyDescent="0.3">
      <c r="H7000" s="44">
        <v>6993</v>
      </c>
      <c r="I7000" s="56">
        <f>Bühler!I7026</f>
        <v>0.39669653136467131</v>
      </c>
      <c r="J7000" s="59">
        <f>Bühler!J7026</f>
        <v>1.322321771215571</v>
      </c>
      <c r="K7000" s="59">
        <f>Bühler!K7026</f>
        <v>1.9834826568233566</v>
      </c>
      <c r="L7000" s="59">
        <f>Bühler!L7026</f>
        <v>9.5207167527521115</v>
      </c>
      <c r="M7000" s="58">
        <f>Bühler!M7026</f>
        <v>0</v>
      </c>
      <c r="N7000" s="56">
        <f>IF(Input!$D$19=1,J7000*Input!$C$19,0)+IF(Input!$D$20=1,K7000*Input!$C$20,0)+IF(Input!$D$21=1,L7000*Input!$C$21,0)+IF(Input!$D$22=1,M7000*Input!$C$22,0)</f>
        <v>0.39669653136467131</v>
      </c>
      <c r="O7000" s="59">
        <f>IF(Input!$D$19=2,J7000*Input!$C$19,0)+IF(Input!$D$20=2,K7000*Input!$C$20,0)+IF(Input!$D$21=2,L7000*Input!$C$21,0)+IF(Input!$D$22=2,M7000*Input!$C$22,0)</f>
        <v>0.99174132841167828</v>
      </c>
      <c r="P7000" s="59">
        <f>IF(Input!$D$19=3,J7000*Input!$C$19,0)+IF(Input!$D$20=3,K7000*Input!$C$20,0)+IF(Input!$D$21=3,L7000*Input!$C$21,0)+IF(Input!$D$22=3,M7000*Input!$C$22,0)</f>
        <v>0</v>
      </c>
      <c r="Q7000" s="75">
        <f>IF(Input!$D$19=4,J7000*Input!$C$19,0)+IF(Input!$D$20=4,K7000*Input!$C$20,0)+IF(Input!$D$21=4,L7000*Input!$C$21,0)+IF(Input!$D$22=4,M7000*Input!$C$22,0)</f>
        <v>0</v>
      </c>
      <c r="R7000" s="58">
        <v>67.267492300135871</v>
      </c>
      <c r="S7000" s="124">
        <f t="shared" si="109"/>
        <v>1.7190183025802424</v>
      </c>
    </row>
    <row r="7001" spans="8:19" x14ac:dyDescent="0.3">
      <c r="H7001" s="44">
        <v>6994</v>
      </c>
      <c r="I7001" s="56">
        <f>Bühler!I7027</f>
        <v>0.42503199789071922</v>
      </c>
      <c r="J7001" s="59">
        <f>Bühler!J7027</f>
        <v>1.4167733263023976</v>
      </c>
      <c r="K7001" s="59">
        <f>Bühler!K7027</f>
        <v>2.125159989453596</v>
      </c>
      <c r="L7001" s="59">
        <f>Bühler!L7027</f>
        <v>10.20076794937726</v>
      </c>
      <c r="M7001" s="58">
        <f>Bühler!M7027</f>
        <v>0</v>
      </c>
      <c r="N7001" s="56">
        <f>IF(Input!$D$19=1,J7001*Input!$C$19,0)+IF(Input!$D$20=1,K7001*Input!$C$20,0)+IF(Input!$D$21=1,L7001*Input!$C$21,0)+IF(Input!$D$22=1,M7001*Input!$C$22,0)</f>
        <v>0.42503199789071927</v>
      </c>
      <c r="O7001" s="59">
        <f>IF(Input!$D$19=2,J7001*Input!$C$19,0)+IF(Input!$D$20=2,K7001*Input!$C$20,0)+IF(Input!$D$21=2,L7001*Input!$C$21,0)+IF(Input!$D$22=2,M7001*Input!$C$22,0)</f>
        <v>1.062579994726798</v>
      </c>
      <c r="P7001" s="59">
        <f>IF(Input!$D$19=3,J7001*Input!$C$19,0)+IF(Input!$D$20=3,K7001*Input!$C$20,0)+IF(Input!$D$21=3,L7001*Input!$C$21,0)+IF(Input!$D$22=3,M7001*Input!$C$22,0)</f>
        <v>0</v>
      </c>
      <c r="Q7001" s="75">
        <f>IF(Input!$D$19=4,J7001*Input!$C$19,0)+IF(Input!$D$20=4,K7001*Input!$C$20,0)+IF(Input!$D$21=4,L7001*Input!$C$21,0)+IF(Input!$D$22=4,M7001*Input!$C$22,0)</f>
        <v>0</v>
      </c>
      <c r="R7001" s="58">
        <v>67.642496894020596</v>
      </c>
      <c r="S7001" s="124">
        <f t="shared" si="109"/>
        <v>1.8418053241931167</v>
      </c>
    </row>
    <row r="7002" spans="8:19" x14ac:dyDescent="0.3">
      <c r="H7002" s="44">
        <v>6995</v>
      </c>
      <c r="I7002" s="56">
        <f>Bühler!I7028</f>
        <v>0.44203327780634794</v>
      </c>
      <c r="J7002" s="59">
        <f>Bühler!J7028</f>
        <v>1.4734442593544932</v>
      </c>
      <c r="K7002" s="59">
        <f>Bühler!K7028</f>
        <v>2.2101663890317398</v>
      </c>
      <c r="L7002" s="59">
        <f>Bühler!L7028</f>
        <v>10.608798667352351</v>
      </c>
      <c r="M7002" s="58">
        <f>Bühler!M7028</f>
        <v>0</v>
      </c>
      <c r="N7002" s="56">
        <f>IF(Input!$D$19=1,J7002*Input!$C$19,0)+IF(Input!$D$20=1,K7002*Input!$C$20,0)+IF(Input!$D$21=1,L7002*Input!$C$21,0)+IF(Input!$D$22=1,M7002*Input!$C$22,0)</f>
        <v>0.44203327780634794</v>
      </c>
      <c r="O7002" s="59">
        <f>IF(Input!$D$19=2,J7002*Input!$C$19,0)+IF(Input!$D$20=2,K7002*Input!$C$20,0)+IF(Input!$D$21=2,L7002*Input!$C$21,0)+IF(Input!$D$22=2,M7002*Input!$C$22,0)</f>
        <v>1.1050831945158699</v>
      </c>
      <c r="P7002" s="59">
        <f>IF(Input!$D$19=3,J7002*Input!$C$19,0)+IF(Input!$D$20=3,K7002*Input!$C$20,0)+IF(Input!$D$21=3,L7002*Input!$C$21,0)+IF(Input!$D$22=3,M7002*Input!$C$22,0)</f>
        <v>0</v>
      </c>
      <c r="Q7002" s="75">
        <f>IF(Input!$D$19=4,J7002*Input!$C$19,0)+IF(Input!$D$20=4,K7002*Input!$C$20,0)+IF(Input!$D$21=4,L7002*Input!$C$21,0)+IF(Input!$D$22=4,M7002*Input!$C$22,0)</f>
        <v>0</v>
      </c>
      <c r="R7002" s="58">
        <v>67.217848783238011</v>
      </c>
      <c r="S7002" s="124">
        <f t="shared" si="109"/>
        <v>1.9154775371608412</v>
      </c>
    </row>
    <row r="7003" spans="8:19" x14ac:dyDescent="0.3">
      <c r="H7003" s="44">
        <v>6996</v>
      </c>
      <c r="I7003" s="56">
        <f>Bühler!I7029</f>
        <v>0.51003839746886304</v>
      </c>
      <c r="J7003" s="59">
        <f>Bühler!J7029</f>
        <v>1.7001279915628769</v>
      </c>
      <c r="K7003" s="59">
        <f>Bühler!K7029</f>
        <v>2.5501919873443151</v>
      </c>
      <c r="L7003" s="59">
        <f>Bühler!L7029</f>
        <v>12.240921539252712</v>
      </c>
      <c r="M7003" s="58">
        <f>Bühler!M7029</f>
        <v>0</v>
      </c>
      <c r="N7003" s="56">
        <f>IF(Input!$D$19=1,J7003*Input!$C$19,0)+IF(Input!$D$20=1,K7003*Input!$C$20,0)+IF(Input!$D$21=1,L7003*Input!$C$21,0)+IF(Input!$D$22=1,M7003*Input!$C$22,0)</f>
        <v>0.51003839746886304</v>
      </c>
      <c r="O7003" s="59">
        <f>IF(Input!$D$19=2,J7003*Input!$C$19,0)+IF(Input!$D$20=2,K7003*Input!$C$20,0)+IF(Input!$D$21=2,L7003*Input!$C$21,0)+IF(Input!$D$22=2,M7003*Input!$C$22,0)</f>
        <v>1.2750959936721575</v>
      </c>
      <c r="P7003" s="59">
        <f>IF(Input!$D$19=3,J7003*Input!$C$19,0)+IF(Input!$D$20=3,K7003*Input!$C$20,0)+IF(Input!$D$21=3,L7003*Input!$C$21,0)+IF(Input!$D$22=3,M7003*Input!$C$22,0)</f>
        <v>0</v>
      </c>
      <c r="Q7003" s="75">
        <f>IF(Input!$D$19=4,J7003*Input!$C$19,0)+IF(Input!$D$20=4,K7003*Input!$C$20,0)+IF(Input!$D$21=4,L7003*Input!$C$21,0)+IF(Input!$D$22=4,M7003*Input!$C$22,0)</f>
        <v>0</v>
      </c>
      <c r="R7003" s="58">
        <v>67.547626168677226</v>
      </c>
      <c r="S7003" s="124">
        <f t="shared" si="109"/>
        <v>2.2101663890317398</v>
      </c>
    </row>
    <row r="7004" spans="8:19" x14ac:dyDescent="0.3">
      <c r="H7004" s="44">
        <v>6997</v>
      </c>
      <c r="I7004" s="56">
        <f>Bühler!I7030</f>
        <v>0.51003839746886304</v>
      </c>
      <c r="J7004" s="59">
        <f>Bühler!J7030</f>
        <v>1.7001279915628769</v>
      </c>
      <c r="K7004" s="59">
        <f>Bühler!K7030</f>
        <v>2.5501919873443151</v>
      </c>
      <c r="L7004" s="59">
        <f>Bühler!L7030</f>
        <v>12.240921539252712</v>
      </c>
      <c r="M7004" s="58">
        <f>Bühler!M7030</f>
        <v>0</v>
      </c>
      <c r="N7004" s="56">
        <f>IF(Input!$D$19=1,J7004*Input!$C$19,0)+IF(Input!$D$20=1,K7004*Input!$C$20,0)+IF(Input!$D$21=1,L7004*Input!$C$21,0)+IF(Input!$D$22=1,M7004*Input!$C$22,0)</f>
        <v>0.51003839746886304</v>
      </c>
      <c r="O7004" s="59">
        <f>IF(Input!$D$19=2,J7004*Input!$C$19,0)+IF(Input!$D$20=2,K7004*Input!$C$20,0)+IF(Input!$D$21=2,L7004*Input!$C$21,0)+IF(Input!$D$22=2,M7004*Input!$C$22,0)</f>
        <v>1.2750959936721575</v>
      </c>
      <c r="P7004" s="59">
        <f>IF(Input!$D$19=3,J7004*Input!$C$19,0)+IF(Input!$D$20=3,K7004*Input!$C$20,0)+IF(Input!$D$21=3,L7004*Input!$C$21,0)+IF(Input!$D$22=3,M7004*Input!$C$22,0)</f>
        <v>0</v>
      </c>
      <c r="Q7004" s="75">
        <f>IF(Input!$D$19=4,J7004*Input!$C$19,0)+IF(Input!$D$20=4,K7004*Input!$C$20,0)+IF(Input!$D$21=4,L7004*Input!$C$21,0)+IF(Input!$D$22=4,M7004*Input!$C$22,0)</f>
        <v>0</v>
      </c>
      <c r="R7004" s="58">
        <v>66.042497158242981</v>
      </c>
      <c r="S7004" s="124">
        <f t="shared" si="109"/>
        <v>2.2101663890317398</v>
      </c>
    </row>
    <row r="7005" spans="8:19" x14ac:dyDescent="0.3">
      <c r="H7005" s="44">
        <v>6998</v>
      </c>
      <c r="I7005" s="56">
        <f>Bühler!I7031</f>
        <v>0.51003839746886304</v>
      </c>
      <c r="J7005" s="59">
        <f>Bühler!J7031</f>
        <v>1.7001279915628769</v>
      </c>
      <c r="K7005" s="59">
        <f>Bühler!K7031</f>
        <v>2.5501919873443151</v>
      </c>
      <c r="L7005" s="59">
        <f>Bühler!L7031</f>
        <v>12.240921539252712</v>
      </c>
      <c r="M7005" s="58">
        <f>Bühler!M7031</f>
        <v>0</v>
      </c>
      <c r="N7005" s="56">
        <f>IF(Input!$D$19=1,J7005*Input!$C$19,0)+IF(Input!$D$20=1,K7005*Input!$C$20,0)+IF(Input!$D$21=1,L7005*Input!$C$21,0)+IF(Input!$D$22=1,M7005*Input!$C$22,0)</f>
        <v>0.51003839746886304</v>
      </c>
      <c r="O7005" s="59">
        <f>IF(Input!$D$19=2,J7005*Input!$C$19,0)+IF(Input!$D$20=2,K7005*Input!$C$20,0)+IF(Input!$D$21=2,L7005*Input!$C$21,0)+IF(Input!$D$22=2,M7005*Input!$C$22,0)</f>
        <v>1.2750959936721575</v>
      </c>
      <c r="P7005" s="59">
        <f>IF(Input!$D$19=3,J7005*Input!$C$19,0)+IF(Input!$D$20=3,K7005*Input!$C$20,0)+IF(Input!$D$21=3,L7005*Input!$C$21,0)+IF(Input!$D$22=3,M7005*Input!$C$22,0)</f>
        <v>0</v>
      </c>
      <c r="Q7005" s="75">
        <f>IF(Input!$D$19=4,J7005*Input!$C$19,0)+IF(Input!$D$20=4,K7005*Input!$C$20,0)+IF(Input!$D$21=4,L7005*Input!$C$21,0)+IF(Input!$D$22=4,M7005*Input!$C$22,0)</f>
        <v>0</v>
      </c>
      <c r="R7005" s="58">
        <v>64.678474718245354</v>
      </c>
      <c r="S7005" s="124">
        <f t="shared" si="109"/>
        <v>2.2101663890317398</v>
      </c>
    </row>
    <row r="7006" spans="8:19" x14ac:dyDescent="0.3">
      <c r="H7006" s="44">
        <v>6999</v>
      </c>
      <c r="I7006" s="56">
        <f>Bühler!I7032</f>
        <v>0.51003839746886304</v>
      </c>
      <c r="J7006" s="59">
        <f>Bühler!J7032</f>
        <v>1.7001279915628769</v>
      </c>
      <c r="K7006" s="59">
        <f>Bühler!K7032</f>
        <v>2.5501919873443151</v>
      </c>
      <c r="L7006" s="59">
        <f>Bühler!L7032</f>
        <v>12.240921539252712</v>
      </c>
      <c r="M7006" s="58">
        <f>Bühler!M7032</f>
        <v>0</v>
      </c>
      <c r="N7006" s="56">
        <f>IF(Input!$D$19=1,J7006*Input!$C$19,0)+IF(Input!$D$20=1,K7006*Input!$C$20,0)+IF(Input!$D$21=1,L7006*Input!$C$21,0)+IF(Input!$D$22=1,M7006*Input!$C$22,0)</f>
        <v>0.51003839746886304</v>
      </c>
      <c r="O7006" s="59">
        <f>IF(Input!$D$19=2,J7006*Input!$C$19,0)+IF(Input!$D$20=2,K7006*Input!$C$20,0)+IF(Input!$D$21=2,L7006*Input!$C$21,0)+IF(Input!$D$22=2,M7006*Input!$C$22,0)</f>
        <v>1.2750959936721575</v>
      </c>
      <c r="P7006" s="59">
        <f>IF(Input!$D$19=3,J7006*Input!$C$19,0)+IF(Input!$D$20=3,K7006*Input!$C$20,0)+IF(Input!$D$21=3,L7006*Input!$C$21,0)+IF(Input!$D$22=3,M7006*Input!$C$22,0)</f>
        <v>0</v>
      </c>
      <c r="Q7006" s="75">
        <f>IF(Input!$D$19=4,J7006*Input!$C$19,0)+IF(Input!$D$20=4,K7006*Input!$C$20,0)+IF(Input!$D$21=4,L7006*Input!$C$21,0)+IF(Input!$D$22=4,M7006*Input!$C$22,0)</f>
        <v>0</v>
      </c>
      <c r="R7006" s="58">
        <v>64.882389117256807</v>
      </c>
      <c r="S7006" s="124">
        <f t="shared" si="109"/>
        <v>2.2101663890317398</v>
      </c>
    </row>
    <row r="7007" spans="8:19" x14ac:dyDescent="0.3">
      <c r="H7007" s="44">
        <v>7000</v>
      </c>
      <c r="I7007" s="56">
        <f>Bühler!I7033</f>
        <v>0.42503199789071922</v>
      </c>
      <c r="J7007" s="59">
        <f>Bühler!J7033</f>
        <v>1.4167733263023976</v>
      </c>
      <c r="K7007" s="59">
        <f>Bühler!K7033</f>
        <v>2.125159989453596</v>
      </c>
      <c r="L7007" s="59">
        <f>Bühler!L7033</f>
        <v>10.20076794937726</v>
      </c>
      <c r="M7007" s="58">
        <f>Bühler!M7033</f>
        <v>0</v>
      </c>
      <c r="N7007" s="56">
        <f>IF(Input!$D$19=1,J7007*Input!$C$19,0)+IF(Input!$D$20=1,K7007*Input!$C$20,0)+IF(Input!$D$21=1,L7007*Input!$C$21,0)+IF(Input!$D$22=1,M7007*Input!$C$22,0)</f>
        <v>0.42503199789071927</v>
      </c>
      <c r="O7007" s="59">
        <f>IF(Input!$D$19=2,J7007*Input!$C$19,0)+IF(Input!$D$20=2,K7007*Input!$C$20,0)+IF(Input!$D$21=2,L7007*Input!$C$21,0)+IF(Input!$D$22=2,M7007*Input!$C$22,0)</f>
        <v>1.062579994726798</v>
      </c>
      <c r="P7007" s="59">
        <f>IF(Input!$D$19=3,J7007*Input!$C$19,0)+IF(Input!$D$20=3,K7007*Input!$C$20,0)+IF(Input!$D$21=3,L7007*Input!$C$21,0)+IF(Input!$D$22=3,M7007*Input!$C$22,0)</f>
        <v>0</v>
      </c>
      <c r="Q7007" s="75">
        <f>IF(Input!$D$19=4,J7007*Input!$C$19,0)+IF(Input!$D$20=4,K7007*Input!$C$20,0)+IF(Input!$D$21=4,L7007*Input!$C$21,0)+IF(Input!$D$22=4,M7007*Input!$C$22,0)</f>
        <v>0</v>
      </c>
      <c r="R7007" s="58">
        <v>64.17995984543262</v>
      </c>
      <c r="S7007" s="124">
        <f t="shared" si="109"/>
        <v>1.8418053241931167</v>
      </c>
    </row>
    <row r="7008" spans="8:19" x14ac:dyDescent="0.3">
      <c r="H7008" s="44">
        <v>7001</v>
      </c>
      <c r="I7008" s="56">
        <f>Bühler!I7034</f>
        <v>0.4023636246698809</v>
      </c>
      <c r="J7008" s="59">
        <f>Bühler!J7034</f>
        <v>1.3412120822329365</v>
      </c>
      <c r="K7008" s="59">
        <f>Bühler!K7034</f>
        <v>2.0118181233494044</v>
      </c>
      <c r="L7008" s="59">
        <f>Bühler!L7034</f>
        <v>9.6567269920771412</v>
      </c>
      <c r="M7008" s="58">
        <f>Bühler!M7034</f>
        <v>0</v>
      </c>
      <c r="N7008" s="56">
        <f>IF(Input!$D$19=1,J7008*Input!$C$19,0)+IF(Input!$D$20=1,K7008*Input!$C$20,0)+IF(Input!$D$21=1,L7008*Input!$C$21,0)+IF(Input!$D$22=1,M7008*Input!$C$22,0)</f>
        <v>0.40236362466988096</v>
      </c>
      <c r="O7008" s="59">
        <f>IF(Input!$D$19=2,J7008*Input!$C$19,0)+IF(Input!$D$20=2,K7008*Input!$C$20,0)+IF(Input!$D$21=2,L7008*Input!$C$21,0)+IF(Input!$D$22=2,M7008*Input!$C$22,0)</f>
        <v>1.0059090616747022</v>
      </c>
      <c r="P7008" s="59">
        <f>IF(Input!$D$19=3,J7008*Input!$C$19,0)+IF(Input!$D$20=3,K7008*Input!$C$20,0)+IF(Input!$D$21=3,L7008*Input!$C$21,0)+IF(Input!$D$22=3,M7008*Input!$C$22,0)</f>
        <v>0</v>
      </c>
      <c r="Q7008" s="75">
        <f>IF(Input!$D$19=4,J7008*Input!$C$19,0)+IF(Input!$D$20=4,K7008*Input!$C$20,0)+IF(Input!$D$21=4,L7008*Input!$C$21,0)+IF(Input!$D$22=4,M7008*Input!$C$22,0)</f>
        <v>0</v>
      </c>
      <c r="R7008" s="58">
        <v>62.688531190225817</v>
      </c>
      <c r="S7008" s="124">
        <f t="shared" si="109"/>
        <v>1.7435757069028175</v>
      </c>
    </row>
    <row r="7009" spans="8:19" x14ac:dyDescent="0.3">
      <c r="H7009" s="44">
        <v>7002</v>
      </c>
      <c r="I7009" s="56">
        <f>Bühler!I7035</f>
        <v>0.4023636246698809</v>
      </c>
      <c r="J7009" s="59">
        <f>Bühler!J7035</f>
        <v>1.3412120822329365</v>
      </c>
      <c r="K7009" s="59">
        <f>Bühler!K7035</f>
        <v>2.0118181233494044</v>
      </c>
      <c r="L7009" s="59">
        <f>Bühler!L7035</f>
        <v>9.6567269920771412</v>
      </c>
      <c r="M7009" s="58">
        <f>Bühler!M7035</f>
        <v>0</v>
      </c>
      <c r="N7009" s="56">
        <f>IF(Input!$D$19=1,J7009*Input!$C$19,0)+IF(Input!$D$20=1,K7009*Input!$C$20,0)+IF(Input!$D$21=1,L7009*Input!$C$21,0)+IF(Input!$D$22=1,M7009*Input!$C$22,0)</f>
        <v>0.40236362466988096</v>
      </c>
      <c r="O7009" s="59">
        <f>IF(Input!$D$19=2,J7009*Input!$C$19,0)+IF(Input!$D$20=2,K7009*Input!$C$20,0)+IF(Input!$D$21=2,L7009*Input!$C$21,0)+IF(Input!$D$22=2,M7009*Input!$C$22,0)</f>
        <v>1.0059090616747022</v>
      </c>
      <c r="P7009" s="59">
        <f>IF(Input!$D$19=3,J7009*Input!$C$19,0)+IF(Input!$D$20=3,K7009*Input!$C$20,0)+IF(Input!$D$21=3,L7009*Input!$C$21,0)+IF(Input!$D$22=3,M7009*Input!$C$22,0)</f>
        <v>0</v>
      </c>
      <c r="Q7009" s="75">
        <f>IF(Input!$D$19=4,J7009*Input!$C$19,0)+IF(Input!$D$20=4,K7009*Input!$C$20,0)+IF(Input!$D$21=4,L7009*Input!$C$21,0)+IF(Input!$D$22=4,M7009*Input!$C$22,0)</f>
        <v>0</v>
      </c>
      <c r="R7009" s="58">
        <v>61.081900578076265</v>
      </c>
      <c r="S7009" s="124">
        <f t="shared" si="109"/>
        <v>1.7435757069028175</v>
      </c>
    </row>
    <row r="7010" spans="8:19" x14ac:dyDescent="0.3">
      <c r="H7010" s="44">
        <v>7003</v>
      </c>
      <c r="I7010" s="56">
        <f>Bühler!I7036</f>
        <v>0.4023636246698809</v>
      </c>
      <c r="J7010" s="59">
        <f>Bühler!J7036</f>
        <v>1.3412120822329365</v>
      </c>
      <c r="K7010" s="59">
        <f>Bühler!K7036</f>
        <v>2.0118181233494044</v>
      </c>
      <c r="L7010" s="59">
        <f>Bühler!L7036</f>
        <v>9.6567269920771412</v>
      </c>
      <c r="M7010" s="58">
        <f>Bühler!M7036</f>
        <v>0</v>
      </c>
      <c r="N7010" s="56">
        <f>IF(Input!$D$19=1,J7010*Input!$C$19,0)+IF(Input!$D$20=1,K7010*Input!$C$20,0)+IF(Input!$D$21=1,L7010*Input!$C$21,0)+IF(Input!$D$22=1,M7010*Input!$C$22,0)</f>
        <v>0.40236362466988096</v>
      </c>
      <c r="O7010" s="59">
        <f>IF(Input!$D$19=2,J7010*Input!$C$19,0)+IF(Input!$D$20=2,K7010*Input!$C$20,0)+IF(Input!$D$21=2,L7010*Input!$C$21,0)+IF(Input!$D$22=2,M7010*Input!$C$22,0)</f>
        <v>1.0059090616747022</v>
      </c>
      <c r="P7010" s="59">
        <f>IF(Input!$D$19=3,J7010*Input!$C$19,0)+IF(Input!$D$20=3,K7010*Input!$C$20,0)+IF(Input!$D$21=3,L7010*Input!$C$21,0)+IF(Input!$D$22=3,M7010*Input!$C$22,0)</f>
        <v>0</v>
      </c>
      <c r="Q7010" s="75">
        <f>IF(Input!$D$19=4,J7010*Input!$C$19,0)+IF(Input!$D$20=4,K7010*Input!$C$20,0)+IF(Input!$D$21=4,L7010*Input!$C$21,0)+IF(Input!$D$22=4,M7010*Input!$C$22,0)</f>
        <v>0</v>
      </c>
      <c r="R7010" s="58">
        <v>59.110969081028145</v>
      </c>
      <c r="S7010" s="124">
        <f t="shared" si="109"/>
        <v>1.7435757069028175</v>
      </c>
    </row>
    <row r="7011" spans="8:19" x14ac:dyDescent="0.3">
      <c r="H7011" s="44">
        <v>7004</v>
      </c>
      <c r="I7011" s="56">
        <f>Bühler!I7037</f>
        <v>0.4023636246698809</v>
      </c>
      <c r="J7011" s="59">
        <f>Bühler!J7037</f>
        <v>1.3412120822329365</v>
      </c>
      <c r="K7011" s="59">
        <f>Bühler!K7037</f>
        <v>2.0118181233494044</v>
      </c>
      <c r="L7011" s="59">
        <f>Bühler!L7037</f>
        <v>9.6567269920771412</v>
      </c>
      <c r="M7011" s="58">
        <f>Bühler!M7037</f>
        <v>0</v>
      </c>
      <c r="N7011" s="56">
        <f>IF(Input!$D$19=1,J7011*Input!$C$19,0)+IF(Input!$D$20=1,K7011*Input!$C$20,0)+IF(Input!$D$21=1,L7011*Input!$C$21,0)+IF(Input!$D$22=1,M7011*Input!$C$22,0)</f>
        <v>0.40236362466988096</v>
      </c>
      <c r="O7011" s="59">
        <f>IF(Input!$D$19=2,J7011*Input!$C$19,0)+IF(Input!$D$20=2,K7011*Input!$C$20,0)+IF(Input!$D$21=2,L7011*Input!$C$21,0)+IF(Input!$D$22=2,M7011*Input!$C$22,0)</f>
        <v>1.0059090616747022</v>
      </c>
      <c r="P7011" s="59">
        <f>IF(Input!$D$19=3,J7011*Input!$C$19,0)+IF(Input!$D$20=3,K7011*Input!$C$20,0)+IF(Input!$D$21=3,L7011*Input!$C$21,0)+IF(Input!$D$22=3,M7011*Input!$C$22,0)</f>
        <v>0</v>
      </c>
      <c r="Q7011" s="75">
        <f>IF(Input!$D$19=4,J7011*Input!$C$19,0)+IF(Input!$D$20=4,K7011*Input!$C$20,0)+IF(Input!$D$21=4,L7011*Input!$C$21,0)+IF(Input!$D$22=4,M7011*Input!$C$22,0)</f>
        <v>0</v>
      </c>
      <c r="R7011" s="58">
        <v>59.178026108979203</v>
      </c>
      <c r="S7011" s="124">
        <f t="shared" si="109"/>
        <v>1.7435757069028175</v>
      </c>
    </row>
    <row r="7012" spans="8:19" x14ac:dyDescent="0.3">
      <c r="H7012" s="44">
        <v>7005</v>
      </c>
      <c r="I7012" s="56">
        <f>Bühler!I7038</f>
        <v>0.31169013178652738</v>
      </c>
      <c r="J7012" s="59">
        <f>Bühler!J7038</f>
        <v>1.0389671059550913</v>
      </c>
      <c r="K7012" s="59">
        <f>Bühler!K7038</f>
        <v>1.558450658932637</v>
      </c>
      <c r="L7012" s="59">
        <f>Bühler!L7038</f>
        <v>7.4805631628766571</v>
      </c>
      <c r="M7012" s="58">
        <f>Bühler!M7038</f>
        <v>0</v>
      </c>
      <c r="N7012" s="56">
        <f>IF(Input!$D$19=1,J7012*Input!$C$19,0)+IF(Input!$D$20=1,K7012*Input!$C$20,0)+IF(Input!$D$21=1,L7012*Input!$C$21,0)+IF(Input!$D$22=1,M7012*Input!$C$22,0)</f>
        <v>0.31169013178652738</v>
      </c>
      <c r="O7012" s="59">
        <f>IF(Input!$D$19=2,J7012*Input!$C$19,0)+IF(Input!$D$20=2,K7012*Input!$C$20,0)+IF(Input!$D$21=2,L7012*Input!$C$21,0)+IF(Input!$D$22=2,M7012*Input!$C$22,0)</f>
        <v>0.77922532946631851</v>
      </c>
      <c r="P7012" s="59">
        <f>IF(Input!$D$19=3,J7012*Input!$C$19,0)+IF(Input!$D$20=3,K7012*Input!$C$20,0)+IF(Input!$D$21=3,L7012*Input!$C$21,0)+IF(Input!$D$22=3,M7012*Input!$C$22,0)</f>
        <v>0</v>
      </c>
      <c r="Q7012" s="75">
        <f>IF(Input!$D$19=4,J7012*Input!$C$19,0)+IF(Input!$D$20=4,K7012*Input!$C$20,0)+IF(Input!$D$21=4,L7012*Input!$C$21,0)+IF(Input!$D$22=4,M7012*Input!$C$22,0)</f>
        <v>0</v>
      </c>
      <c r="R7012" s="58">
        <v>57.3177266455994</v>
      </c>
      <c r="S7012" s="124">
        <f t="shared" si="109"/>
        <v>1.3506572377416188</v>
      </c>
    </row>
    <row r="7013" spans="8:19" x14ac:dyDescent="0.3">
      <c r="H7013" s="44">
        <v>7006</v>
      </c>
      <c r="I7013" s="56">
        <f>Bühler!I7039</f>
        <v>0.11900895940940136</v>
      </c>
      <c r="J7013" s="59">
        <f>Bühler!J7039</f>
        <v>0.39669653136467126</v>
      </c>
      <c r="K7013" s="59">
        <f>Bühler!K7039</f>
        <v>0.59504479704700686</v>
      </c>
      <c r="L7013" s="59">
        <f>Bühler!L7039</f>
        <v>2.8562150258256329</v>
      </c>
      <c r="M7013" s="58">
        <f>Bühler!M7039</f>
        <v>0</v>
      </c>
      <c r="N7013" s="56">
        <f>IF(Input!$D$19=1,J7013*Input!$C$19,0)+IF(Input!$D$20=1,K7013*Input!$C$20,0)+IF(Input!$D$21=1,L7013*Input!$C$21,0)+IF(Input!$D$22=1,M7013*Input!$C$22,0)</f>
        <v>0.11900895940940137</v>
      </c>
      <c r="O7013" s="59">
        <f>IF(Input!$D$19=2,J7013*Input!$C$19,0)+IF(Input!$D$20=2,K7013*Input!$C$20,0)+IF(Input!$D$21=2,L7013*Input!$C$21,0)+IF(Input!$D$22=2,M7013*Input!$C$22,0)</f>
        <v>0.29752239852350343</v>
      </c>
      <c r="P7013" s="59">
        <f>IF(Input!$D$19=3,J7013*Input!$C$19,0)+IF(Input!$D$20=3,K7013*Input!$C$20,0)+IF(Input!$D$21=3,L7013*Input!$C$21,0)+IF(Input!$D$22=3,M7013*Input!$C$22,0)</f>
        <v>0</v>
      </c>
      <c r="Q7013" s="75">
        <f>IF(Input!$D$19=4,J7013*Input!$C$19,0)+IF(Input!$D$20=4,K7013*Input!$C$20,0)+IF(Input!$D$21=4,L7013*Input!$C$21,0)+IF(Input!$D$22=4,M7013*Input!$C$22,0)</f>
        <v>0</v>
      </c>
      <c r="R7013" s="58">
        <v>55.549155668519766</v>
      </c>
      <c r="S7013" s="124">
        <f t="shared" si="109"/>
        <v>0.51570549077407257</v>
      </c>
    </row>
    <row r="7014" spans="8:19" x14ac:dyDescent="0.3">
      <c r="H7014" s="44">
        <v>7007</v>
      </c>
      <c r="I7014" s="56">
        <f>Bühler!I7040</f>
        <v>0.11900895940940136</v>
      </c>
      <c r="J7014" s="59">
        <f>Bühler!J7040</f>
        <v>0.39669653136467126</v>
      </c>
      <c r="K7014" s="59">
        <f>Bühler!K7040</f>
        <v>0.59504479704700686</v>
      </c>
      <c r="L7014" s="59">
        <f>Bühler!L7040</f>
        <v>2.8562150258256329</v>
      </c>
      <c r="M7014" s="58">
        <f>Bühler!M7040</f>
        <v>0</v>
      </c>
      <c r="N7014" s="56">
        <f>IF(Input!$D$19=1,J7014*Input!$C$19,0)+IF(Input!$D$20=1,K7014*Input!$C$20,0)+IF(Input!$D$21=1,L7014*Input!$C$21,0)+IF(Input!$D$22=1,M7014*Input!$C$22,0)</f>
        <v>0.11900895940940137</v>
      </c>
      <c r="O7014" s="59">
        <f>IF(Input!$D$19=2,J7014*Input!$C$19,0)+IF(Input!$D$20=2,K7014*Input!$C$20,0)+IF(Input!$D$21=2,L7014*Input!$C$21,0)+IF(Input!$D$22=2,M7014*Input!$C$22,0)</f>
        <v>0.29752239852350343</v>
      </c>
      <c r="P7014" s="59">
        <f>IF(Input!$D$19=3,J7014*Input!$C$19,0)+IF(Input!$D$20=3,K7014*Input!$C$20,0)+IF(Input!$D$21=3,L7014*Input!$C$21,0)+IF(Input!$D$22=3,M7014*Input!$C$22,0)</f>
        <v>0</v>
      </c>
      <c r="Q7014" s="75">
        <f>IF(Input!$D$19=4,J7014*Input!$C$19,0)+IF(Input!$D$20=4,K7014*Input!$C$20,0)+IF(Input!$D$21=4,L7014*Input!$C$21,0)+IF(Input!$D$22=4,M7014*Input!$C$22,0)</f>
        <v>0</v>
      </c>
      <c r="R7014" s="58">
        <v>55.008485981771834</v>
      </c>
      <c r="S7014" s="124">
        <f t="shared" si="109"/>
        <v>0.51570549077407257</v>
      </c>
    </row>
    <row r="7015" spans="8:19" x14ac:dyDescent="0.3">
      <c r="H7015" s="44">
        <v>7008</v>
      </c>
      <c r="I7015" s="56">
        <f>Bühler!I7041</f>
        <v>0.11900895940940136</v>
      </c>
      <c r="J7015" s="59">
        <f>Bühler!J7041</f>
        <v>0.39669653136467126</v>
      </c>
      <c r="K7015" s="59">
        <f>Bühler!K7041</f>
        <v>0.59504479704700686</v>
      </c>
      <c r="L7015" s="59">
        <f>Bühler!L7041</f>
        <v>2.8562150258256329</v>
      </c>
      <c r="M7015" s="58">
        <f>Bühler!M7041</f>
        <v>0</v>
      </c>
      <c r="N7015" s="56">
        <f>IF(Input!$D$19=1,J7015*Input!$C$19,0)+IF(Input!$D$20=1,K7015*Input!$C$20,0)+IF(Input!$D$21=1,L7015*Input!$C$21,0)+IF(Input!$D$22=1,M7015*Input!$C$22,0)</f>
        <v>0.11900895940940137</v>
      </c>
      <c r="O7015" s="59">
        <f>IF(Input!$D$19=2,J7015*Input!$C$19,0)+IF(Input!$D$20=2,K7015*Input!$C$20,0)+IF(Input!$D$21=2,L7015*Input!$C$21,0)+IF(Input!$D$22=2,M7015*Input!$C$22,0)</f>
        <v>0.29752239852350343</v>
      </c>
      <c r="P7015" s="59">
        <f>IF(Input!$D$19=3,J7015*Input!$C$19,0)+IF(Input!$D$20=3,K7015*Input!$C$20,0)+IF(Input!$D$21=3,L7015*Input!$C$21,0)+IF(Input!$D$22=3,M7015*Input!$C$22,0)</f>
        <v>0</v>
      </c>
      <c r="Q7015" s="75">
        <f>IF(Input!$D$19=4,J7015*Input!$C$19,0)+IF(Input!$D$20=4,K7015*Input!$C$20,0)+IF(Input!$D$21=4,L7015*Input!$C$21,0)+IF(Input!$D$22=4,M7015*Input!$C$22,0)</f>
        <v>0</v>
      </c>
      <c r="R7015" s="58">
        <v>54.497714599685757</v>
      </c>
      <c r="S7015" s="124">
        <f t="shared" si="109"/>
        <v>0.51570549077407257</v>
      </c>
    </row>
    <row r="7016" spans="8:19" x14ac:dyDescent="0.3">
      <c r="H7016" s="44">
        <v>7009</v>
      </c>
      <c r="I7016" s="56">
        <f>Bühler!I7042</f>
        <v>8.5028986328744213E-2</v>
      </c>
      <c r="J7016" s="59">
        <f>Bühler!J7042</f>
        <v>0.28342995442914742</v>
      </c>
      <c r="K7016" s="59">
        <f>Bühler!K7042</f>
        <v>0.42514493164372114</v>
      </c>
      <c r="L7016" s="59">
        <f>Bühler!L7042</f>
        <v>4.3651698669176096</v>
      </c>
      <c r="M7016" s="58">
        <f>Bühler!M7042</f>
        <v>0</v>
      </c>
      <c r="N7016" s="56">
        <f>IF(Input!$D$19=1,J7016*Input!$C$19,0)+IF(Input!$D$20=1,K7016*Input!$C$20,0)+IF(Input!$D$21=1,L7016*Input!$C$21,0)+IF(Input!$D$22=1,M7016*Input!$C$22,0)</f>
        <v>8.5028986328744227E-2</v>
      </c>
      <c r="O7016" s="59">
        <f>IF(Input!$D$19=2,J7016*Input!$C$19,0)+IF(Input!$D$20=2,K7016*Input!$C$20,0)+IF(Input!$D$21=2,L7016*Input!$C$21,0)+IF(Input!$D$22=2,M7016*Input!$C$22,0)</f>
        <v>0.21257246582186057</v>
      </c>
      <c r="P7016" s="59">
        <f>IF(Input!$D$19=3,J7016*Input!$C$19,0)+IF(Input!$D$20=3,K7016*Input!$C$20,0)+IF(Input!$D$21=3,L7016*Input!$C$21,0)+IF(Input!$D$22=3,M7016*Input!$C$22,0)</f>
        <v>0</v>
      </c>
      <c r="Q7016" s="75">
        <f>IF(Input!$D$19=4,J7016*Input!$C$19,0)+IF(Input!$D$20=4,K7016*Input!$C$20,0)+IF(Input!$D$21=4,L7016*Input!$C$21,0)+IF(Input!$D$22=4,M7016*Input!$C$22,0)</f>
        <v>0</v>
      </c>
      <c r="R7016" s="58">
        <v>53.770231970355042</v>
      </c>
      <c r="S7016" s="124">
        <f t="shared" si="109"/>
        <v>0.36845894075789165</v>
      </c>
    </row>
    <row r="7017" spans="8:19" x14ac:dyDescent="0.3">
      <c r="H7017" s="44">
        <v>7010</v>
      </c>
      <c r="I7017" s="56">
        <f>Bühler!I7043</f>
        <v>0.16600897330850065</v>
      </c>
      <c r="J7017" s="59">
        <f>Bühler!J7043</f>
        <v>0.55336324436166884</v>
      </c>
      <c r="K7017" s="59">
        <f>Bühler!K7043</f>
        <v>0.83004486654250331</v>
      </c>
      <c r="L7017" s="59">
        <f>Bühler!L7043</f>
        <v>8.522474502077241</v>
      </c>
      <c r="M7017" s="58">
        <f>Bühler!M7043</f>
        <v>0</v>
      </c>
      <c r="N7017" s="56">
        <f>IF(Input!$D$19=1,J7017*Input!$C$19,0)+IF(Input!$D$20=1,K7017*Input!$C$20,0)+IF(Input!$D$21=1,L7017*Input!$C$21,0)+IF(Input!$D$22=1,M7017*Input!$C$22,0)</f>
        <v>0.16600897330850065</v>
      </c>
      <c r="O7017" s="59">
        <f>IF(Input!$D$19=2,J7017*Input!$C$19,0)+IF(Input!$D$20=2,K7017*Input!$C$20,0)+IF(Input!$D$21=2,L7017*Input!$C$21,0)+IF(Input!$D$22=2,M7017*Input!$C$22,0)</f>
        <v>0.41502243327125166</v>
      </c>
      <c r="P7017" s="59">
        <f>IF(Input!$D$19=3,J7017*Input!$C$19,0)+IF(Input!$D$20=3,K7017*Input!$C$20,0)+IF(Input!$D$21=3,L7017*Input!$C$21,0)+IF(Input!$D$22=3,M7017*Input!$C$22,0)</f>
        <v>0</v>
      </c>
      <c r="Q7017" s="75">
        <f>IF(Input!$D$19=4,J7017*Input!$C$19,0)+IF(Input!$D$20=4,K7017*Input!$C$20,0)+IF(Input!$D$21=4,L7017*Input!$C$21,0)+IF(Input!$D$22=4,M7017*Input!$C$22,0)</f>
        <v>0</v>
      </c>
      <c r="R7017" s="58">
        <v>52.494737701326365</v>
      </c>
      <c r="S7017" s="124">
        <f t="shared" si="109"/>
        <v>0.71937221767016946</v>
      </c>
    </row>
    <row r="7018" spans="8:19" x14ac:dyDescent="0.3">
      <c r="H7018" s="44">
        <v>7011</v>
      </c>
      <c r="I7018" s="56">
        <f>Bühler!I7044</f>
        <v>0.16600897330850065</v>
      </c>
      <c r="J7018" s="59">
        <f>Bühler!J7044</f>
        <v>0.55336324436166884</v>
      </c>
      <c r="K7018" s="59">
        <f>Bühler!K7044</f>
        <v>0.83004486654250331</v>
      </c>
      <c r="L7018" s="59">
        <f>Bühler!L7044</f>
        <v>8.522474502077241</v>
      </c>
      <c r="M7018" s="58">
        <f>Bühler!M7044</f>
        <v>0</v>
      </c>
      <c r="N7018" s="56">
        <f>IF(Input!$D$19=1,J7018*Input!$C$19,0)+IF(Input!$D$20=1,K7018*Input!$C$20,0)+IF(Input!$D$21=1,L7018*Input!$C$21,0)+IF(Input!$D$22=1,M7018*Input!$C$22,0)</f>
        <v>0.16600897330850065</v>
      </c>
      <c r="O7018" s="59">
        <f>IF(Input!$D$19=2,J7018*Input!$C$19,0)+IF(Input!$D$20=2,K7018*Input!$C$20,0)+IF(Input!$D$21=2,L7018*Input!$C$21,0)+IF(Input!$D$22=2,M7018*Input!$C$22,0)</f>
        <v>0.41502243327125166</v>
      </c>
      <c r="P7018" s="59">
        <f>IF(Input!$D$19=3,J7018*Input!$C$19,0)+IF(Input!$D$20=3,K7018*Input!$C$20,0)+IF(Input!$D$21=3,L7018*Input!$C$21,0)+IF(Input!$D$22=3,M7018*Input!$C$22,0)</f>
        <v>0</v>
      </c>
      <c r="Q7018" s="75">
        <f>IF(Input!$D$19=4,J7018*Input!$C$19,0)+IF(Input!$D$20=4,K7018*Input!$C$20,0)+IF(Input!$D$21=4,L7018*Input!$C$21,0)+IF(Input!$D$22=4,M7018*Input!$C$22,0)</f>
        <v>0</v>
      </c>
      <c r="R7018" s="58">
        <v>51.665426940714738</v>
      </c>
      <c r="S7018" s="124">
        <f t="shared" si="109"/>
        <v>0.71937221767016946</v>
      </c>
    </row>
    <row r="7019" spans="8:19" x14ac:dyDescent="0.3">
      <c r="H7019" s="44">
        <v>7012</v>
      </c>
      <c r="I7019" s="56">
        <f>Bühler!I7045</f>
        <v>0.16600897330850065</v>
      </c>
      <c r="J7019" s="59">
        <f>Bühler!J7045</f>
        <v>0.55336324436166884</v>
      </c>
      <c r="K7019" s="59">
        <f>Bühler!K7045</f>
        <v>0.83004486654250331</v>
      </c>
      <c r="L7019" s="59">
        <f>Bühler!L7045</f>
        <v>8.522474502077241</v>
      </c>
      <c r="M7019" s="58">
        <f>Bühler!M7045</f>
        <v>0</v>
      </c>
      <c r="N7019" s="56">
        <f>IF(Input!$D$19=1,J7019*Input!$C$19,0)+IF(Input!$D$20=1,K7019*Input!$C$20,0)+IF(Input!$D$21=1,L7019*Input!$C$21,0)+IF(Input!$D$22=1,M7019*Input!$C$22,0)</f>
        <v>0.16600897330850065</v>
      </c>
      <c r="O7019" s="59">
        <f>IF(Input!$D$19=2,J7019*Input!$C$19,0)+IF(Input!$D$20=2,K7019*Input!$C$20,0)+IF(Input!$D$21=2,L7019*Input!$C$21,0)+IF(Input!$D$22=2,M7019*Input!$C$22,0)</f>
        <v>0.41502243327125166</v>
      </c>
      <c r="P7019" s="59">
        <f>IF(Input!$D$19=3,J7019*Input!$C$19,0)+IF(Input!$D$20=3,K7019*Input!$C$20,0)+IF(Input!$D$21=3,L7019*Input!$C$21,0)+IF(Input!$D$22=3,M7019*Input!$C$22,0)</f>
        <v>0</v>
      </c>
      <c r="Q7019" s="75">
        <f>IF(Input!$D$19=4,J7019*Input!$C$19,0)+IF(Input!$D$20=4,K7019*Input!$C$20,0)+IF(Input!$D$21=4,L7019*Input!$C$21,0)+IF(Input!$D$22=4,M7019*Input!$C$22,0)</f>
        <v>0</v>
      </c>
      <c r="R7019" s="58">
        <v>50.968101282066506</v>
      </c>
      <c r="S7019" s="124">
        <f t="shared" si="109"/>
        <v>0.71937221767016946</v>
      </c>
    </row>
    <row r="7020" spans="8:19" x14ac:dyDescent="0.3">
      <c r="H7020" s="44">
        <v>7013</v>
      </c>
      <c r="I7020" s="56">
        <f>Bühler!I7046</f>
        <v>0.16600897330850065</v>
      </c>
      <c r="J7020" s="59">
        <f>Bühler!J7046</f>
        <v>0.55336324436166884</v>
      </c>
      <c r="K7020" s="59">
        <f>Bühler!K7046</f>
        <v>0.83004486654250331</v>
      </c>
      <c r="L7020" s="59">
        <f>Bühler!L7046</f>
        <v>8.522474502077241</v>
      </c>
      <c r="M7020" s="58">
        <f>Bühler!M7046</f>
        <v>0</v>
      </c>
      <c r="N7020" s="56">
        <f>IF(Input!$D$19=1,J7020*Input!$C$19,0)+IF(Input!$D$20=1,K7020*Input!$C$20,0)+IF(Input!$D$21=1,L7020*Input!$C$21,0)+IF(Input!$D$22=1,M7020*Input!$C$22,0)</f>
        <v>0.16600897330850065</v>
      </c>
      <c r="O7020" s="59">
        <f>IF(Input!$D$19=2,J7020*Input!$C$19,0)+IF(Input!$D$20=2,K7020*Input!$C$20,0)+IF(Input!$D$21=2,L7020*Input!$C$21,0)+IF(Input!$D$22=2,M7020*Input!$C$22,0)</f>
        <v>0.41502243327125166</v>
      </c>
      <c r="P7020" s="59">
        <f>IF(Input!$D$19=3,J7020*Input!$C$19,0)+IF(Input!$D$20=3,K7020*Input!$C$20,0)+IF(Input!$D$21=3,L7020*Input!$C$21,0)+IF(Input!$D$22=3,M7020*Input!$C$22,0)</f>
        <v>0</v>
      </c>
      <c r="Q7020" s="75">
        <f>IF(Input!$D$19=4,J7020*Input!$C$19,0)+IF(Input!$D$20=4,K7020*Input!$C$20,0)+IF(Input!$D$21=4,L7020*Input!$C$21,0)+IF(Input!$D$22=4,M7020*Input!$C$22,0)</f>
        <v>0</v>
      </c>
      <c r="R7020" s="58">
        <v>49.405580287381596</v>
      </c>
      <c r="S7020" s="124">
        <f t="shared" si="109"/>
        <v>0.71937221767016946</v>
      </c>
    </row>
    <row r="7021" spans="8:19" x14ac:dyDescent="0.3">
      <c r="H7021" s="44">
        <v>7014</v>
      </c>
      <c r="I7021" s="56">
        <f>Bühler!I7047</f>
        <v>0.20649896679837884</v>
      </c>
      <c r="J7021" s="59">
        <f>Bühler!J7047</f>
        <v>0.6883298893279296</v>
      </c>
      <c r="K7021" s="59">
        <f>Bühler!K7047</f>
        <v>1.0324948339918945</v>
      </c>
      <c r="L7021" s="59">
        <f>Bühler!L7047</f>
        <v>10.601126819657056</v>
      </c>
      <c r="M7021" s="58">
        <f>Bühler!M7047</f>
        <v>0</v>
      </c>
      <c r="N7021" s="56">
        <f>IF(Input!$D$19=1,J7021*Input!$C$19,0)+IF(Input!$D$20=1,K7021*Input!$C$20,0)+IF(Input!$D$21=1,L7021*Input!$C$21,0)+IF(Input!$D$22=1,M7021*Input!$C$22,0)</f>
        <v>0.20649896679837887</v>
      </c>
      <c r="O7021" s="59">
        <f>IF(Input!$D$19=2,J7021*Input!$C$19,0)+IF(Input!$D$20=2,K7021*Input!$C$20,0)+IF(Input!$D$21=2,L7021*Input!$C$21,0)+IF(Input!$D$22=2,M7021*Input!$C$22,0)</f>
        <v>0.51624741699594723</v>
      </c>
      <c r="P7021" s="59">
        <f>IF(Input!$D$19=3,J7021*Input!$C$19,0)+IF(Input!$D$20=3,K7021*Input!$C$20,0)+IF(Input!$D$21=3,L7021*Input!$C$21,0)+IF(Input!$D$22=3,M7021*Input!$C$22,0)</f>
        <v>0</v>
      </c>
      <c r="Q7021" s="75">
        <f>IF(Input!$D$19=4,J7021*Input!$C$19,0)+IF(Input!$D$20=4,K7021*Input!$C$20,0)+IF(Input!$D$21=4,L7021*Input!$C$21,0)+IF(Input!$D$22=4,M7021*Input!$C$22,0)</f>
        <v>0</v>
      </c>
      <c r="R7021" s="58">
        <v>48.944194560336129</v>
      </c>
      <c r="S7021" s="124">
        <f t="shared" si="109"/>
        <v>0.89482885612630847</v>
      </c>
    </row>
    <row r="7022" spans="8:19" x14ac:dyDescent="0.3">
      <c r="H7022" s="44">
        <v>7015</v>
      </c>
      <c r="I7022" s="56">
        <f>Bühler!I7048</f>
        <v>0.25913595833522052</v>
      </c>
      <c r="J7022" s="59">
        <f>Bühler!J7048</f>
        <v>0.8637865277840685</v>
      </c>
      <c r="K7022" s="59">
        <f>Bühler!K7048</f>
        <v>1.2956797916761027</v>
      </c>
      <c r="L7022" s="59">
        <f>Bühler!L7048</f>
        <v>13.303374832510814</v>
      </c>
      <c r="M7022" s="58">
        <f>Bühler!M7048</f>
        <v>0</v>
      </c>
      <c r="N7022" s="56">
        <f>IF(Input!$D$19=1,J7022*Input!$C$19,0)+IF(Input!$D$20=1,K7022*Input!$C$20,0)+IF(Input!$D$21=1,L7022*Input!$C$21,0)+IF(Input!$D$22=1,M7022*Input!$C$22,0)</f>
        <v>0.25913595833522052</v>
      </c>
      <c r="O7022" s="59">
        <f>IF(Input!$D$19=2,J7022*Input!$C$19,0)+IF(Input!$D$20=2,K7022*Input!$C$20,0)+IF(Input!$D$21=2,L7022*Input!$C$21,0)+IF(Input!$D$22=2,M7022*Input!$C$22,0)</f>
        <v>0.64783989583805135</v>
      </c>
      <c r="P7022" s="59">
        <f>IF(Input!$D$19=3,J7022*Input!$C$19,0)+IF(Input!$D$20=3,K7022*Input!$C$20,0)+IF(Input!$D$21=3,L7022*Input!$C$21,0)+IF(Input!$D$22=3,M7022*Input!$C$22,0)</f>
        <v>0</v>
      </c>
      <c r="Q7022" s="75">
        <f>IF(Input!$D$19=4,J7022*Input!$C$19,0)+IF(Input!$D$20=4,K7022*Input!$C$20,0)+IF(Input!$D$21=4,L7022*Input!$C$21,0)+IF(Input!$D$22=4,M7022*Input!$C$22,0)</f>
        <v>0</v>
      </c>
      <c r="R7022" s="58">
        <v>48.948008726929721</v>
      </c>
      <c r="S7022" s="124">
        <f t="shared" si="109"/>
        <v>1.122922486119289</v>
      </c>
    </row>
    <row r="7023" spans="8:19" x14ac:dyDescent="0.3">
      <c r="H7023" s="44">
        <v>7016</v>
      </c>
      <c r="I7023" s="56">
        <f>Bühler!I7049</f>
        <v>0.29557695247611088</v>
      </c>
      <c r="J7023" s="59">
        <f>Bühler!J7049</f>
        <v>0.98525650825370303</v>
      </c>
      <c r="K7023" s="59">
        <f>Bühler!K7049</f>
        <v>1.4778847623805547</v>
      </c>
      <c r="L7023" s="59">
        <f>Bühler!L7049</f>
        <v>15.174161918332647</v>
      </c>
      <c r="M7023" s="58">
        <f>Bühler!M7049</f>
        <v>0</v>
      </c>
      <c r="N7023" s="56">
        <f>IF(Input!$D$19=1,J7023*Input!$C$19,0)+IF(Input!$D$20=1,K7023*Input!$C$20,0)+IF(Input!$D$21=1,L7023*Input!$C$21,0)+IF(Input!$D$22=1,M7023*Input!$C$22,0)</f>
        <v>0.29557695247611088</v>
      </c>
      <c r="O7023" s="59">
        <f>IF(Input!$D$19=2,J7023*Input!$C$19,0)+IF(Input!$D$20=2,K7023*Input!$C$20,0)+IF(Input!$D$21=2,L7023*Input!$C$21,0)+IF(Input!$D$22=2,M7023*Input!$C$22,0)</f>
        <v>0.73894238119027733</v>
      </c>
      <c r="P7023" s="59">
        <f>IF(Input!$D$19=3,J7023*Input!$C$19,0)+IF(Input!$D$20=3,K7023*Input!$C$20,0)+IF(Input!$D$21=3,L7023*Input!$C$21,0)+IF(Input!$D$22=3,M7023*Input!$C$22,0)</f>
        <v>0</v>
      </c>
      <c r="Q7023" s="75">
        <f>IF(Input!$D$19=4,J7023*Input!$C$19,0)+IF(Input!$D$20=4,K7023*Input!$C$20,0)+IF(Input!$D$21=4,L7023*Input!$C$21,0)+IF(Input!$D$22=4,M7023*Input!$C$22,0)</f>
        <v>0</v>
      </c>
      <c r="R7023" s="58">
        <v>49.454022246871958</v>
      </c>
      <c r="S7023" s="124">
        <f t="shared" si="109"/>
        <v>1.280833460729814</v>
      </c>
    </row>
    <row r="7024" spans="8:19" x14ac:dyDescent="0.3">
      <c r="H7024" s="44">
        <v>7017</v>
      </c>
      <c r="I7024" s="56">
        <f>Bühler!I7050</f>
        <v>0.29557695247611088</v>
      </c>
      <c r="J7024" s="59">
        <f>Bühler!J7050</f>
        <v>0.98525650825370303</v>
      </c>
      <c r="K7024" s="59">
        <f>Bühler!K7050</f>
        <v>1.4778847623805547</v>
      </c>
      <c r="L7024" s="59">
        <f>Bühler!L7050</f>
        <v>15.174161918332647</v>
      </c>
      <c r="M7024" s="58">
        <f>Bühler!M7050</f>
        <v>0</v>
      </c>
      <c r="N7024" s="56">
        <f>IF(Input!$D$19=1,J7024*Input!$C$19,0)+IF(Input!$D$20=1,K7024*Input!$C$20,0)+IF(Input!$D$21=1,L7024*Input!$C$21,0)+IF(Input!$D$22=1,M7024*Input!$C$22,0)</f>
        <v>0.29557695247611088</v>
      </c>
      <c r="O7024" s="59">
        <f>IF(Input!$D$19=2,J7024*Input!$C$19,0)+IF(Input!$D$20=2,K7024*Input!$C$20,0)+IF(Input!$D$21=2,L7024*Input!$C$21,0)+IF(Input!$D$22=2,M7024*Input!$C$22,0)</f>
        <v>0.73894238119027733</v>
      </c>
      <c r="P7024" s="59">
        <f>IF(Input!$D$19=3,J7024*Input!$C$19,0)+IF(Input!$D$20=3,K7024*Input!$C$20,0)+IF(Input!$D$21=3,L7024*Input!$C$21,0)+IF(Input!$D$22=3,M7024*Input!$C$22,0)</f>
        <v>0</v>
      </c>
      <c r="Q7024" s="75">
        <f>IF(Input!$D$19=4,J7024*Input!$C$19,0)+IF(Input!$D$20=4,K7024*Input!$C$20,0)+IF(Input!$D$21=4,L7024*Input!$C$21,0)+IF(Input!$D$22=4,M7024*Input!$C$22,0)</f>
        <v>0</v>
      </c>
      <c r="R7024" s="58">
        <v>48.747358466363792</v>
      </c>
      <c r="S7024" s="124">
        <f t="shared" si="109"/>
        <v>1.280833460729814</v>
      </c>
    </row>
    <row r="7025" spans="8:19" x14ac:dyDescent="0.3">
      <c r="H7025" s="44">
        <v>7018</v>
      </c>
      <c r="I7025" s="56">
        <f>Bühler!I7051</f>
        <v>0.29557695247611088</v>
      </c>
      <c r="J7025" s="59">
        <f>Bühler!J7051</f>
        <v>0.98525650825370303</v>
      </c>
      <c r="K7025" s="59">
        <f>Bühler!K7051</f>
        <v>1.4778847623805547</v>
      </c>
      <c r="L7025" s="59">
        <f>Bühler!L7051</f>
        <v>15.174161918332647</v>
      </c>
      <c r="M7025" s="58">
        <f>Bühler!M7051</f>
        <v>0</v>
      </c>
      <c r="N7025" s="56">
        <f>IF(Input!$D$19=1,J7025*Input!$C$19,0)+IF(Input!$D$20=1,K7025*Input!$C$20,0)+IF(Input!$D$21=1,L7025*Input!$C$21,0)+IF(Input!$D$22=1,M7025*Input!$C$22,0)</f>
        <v>0.29557695247611088</v>
      </c>
      <c r="O7025" s="59">
        <f>IF(Input!$D$19=2,J7025*Input!$C$19,0)+IF(Input!$D$20=2,K7025*Input!$C$20,0)+IF(Input!$D$21=2,L7025*Input!$C$21,0)+IF(Input!$D$22=2,M7025*Input!$C$22,0)</f>
        <v>0.73894238119027733</v>
      </c>
      <c r="P7025" s="59">
        <f>IF(Input!$D$19=3,J7025*Input!$C$19,0)+IF(Input!$D$20=3,K7025*Input!$C$20,0)+IF(Input!$D$21=3,L7025*Input!$C$21,0)+IF(Input!$D$22=3,M7025*Input!$C$22,0)</f>
        <v>0</v>
      </c>
      <c r="Q7025" s="75">
        <f>IF(Input!$D$19=4,J7025*Input!$C$19,0)+IF(Input!$D$20=4,K7025*Input!$C$20,0)+IF(Input!$D$21=4,L7025*Input!$C$21,0)+IF(Input!$D$22=4,M7025*Input!$C$22,0)</f>
        <v>0</v>
      </c>
      <c r="R7025" s="58">
        <v>48.271617736246583</v>
      </c>
      <c r="S7025" s="124">
        <f t="shared" si="109"/>
        <v>1.280833460729814</v>
      </c>
    </row>
    <row r="7026" spans="8:19" x14ac:dyDescent="0.3">
      <c r="H7026" s="44">
        <v>7019</v>
      </c>
      <c r="I7026" s="56">
        <f>Bühler!I7052</f>
        <v>0.29557695247611088</v>
      </c>
      <c r="J7026" s="59">
        <f>Bühler!J7052</f>
        <v>0.98525650825370303</v>
      </c>
      <c r="K7026" s="59">
        <f>Bühler!K7052</f>
        <v>1.4778847623805547</v>
      </c>
      <c r="L7026" s="59">
        <f>Bühler!L7052</f>
        <v>15.174161918332647</v>
      </c>
      <c r="M7026" s="58">
        <f>Bühler!M7052</f>
        <v>0</v>
      </c>
      <c r="N7026" s="56">
        <f>IF(Input!$D$19=1,J7026*Input!$C$19,0)+IF(Input!$D$20=1,K7026*Input!$C$20,0)+IF(Input!$D$21=1,L7026*Input!$C$21,0)+IF(Input!$D$22=1,M7026*Input!$C$22,0)</f>
        <v>0.29557695247611088</v>
      </c>
      <c r="O7026" s="59">
        <f>IF(Input!$D$19=2,J7026*Input!$C$19,0)+IF(Input!$D$20=2,K7026*Input!$C$20,0)+IF(Input!$D$21=2,L7026*Input!$C$21,0)+IF(Input!$D$22=2,M7026*Input!$C$22,0)</f>
        <v>0.73894238119027733</v>
      </c>
      <c r="P7026" s="59">
        <f>IF(Input!$D$19=3,J7026*Input!$C$19,0)+IF(Input!$D$20=3,K7026*Input!$C$20,0)+IF(Input!$D$21=3,L7026*Input!$C$21,0)+IF(Input!$D$22=3,M7026*Input!$C$22,0)</f>
        <v>0</v>
      </c>
      <c r="Q7026" s="75">
        <f>IF(Input!$D$19=4,J7026*Input!$C$19,0)+IF(Input!$D$20=4,K7026*Input!$C$20,0)+IF(Input!$D$21=4,L7026*Input!$C$21,0)+IF(Input!$D$22=4,M7026*Input!$C$22,0)</f>
        <v>0</v>
      </c>
      <c r="R7026" s="58">
        <v>48.100003148385163</v>
      </c>
      <c r="S7026" s="124">
        <f t="shared" si="109"/>
        <v>1.280833460729814</v>
      </c>
    </row>
    <row r="7027" spans="8:19" x14ac:dyDescent="0.3">
      <c r="H7027" s="44">
        <v>7020</v>
      </c>
      <c r="I7027" s="56">
        <f>Bühler!I7053</f>
        <v>0.29557695247611088</v>
      </c>
      <c r="J7027" s="59">
        <f>Bühler!J7053</f>
        <v>0.98525650825370303</v>
      </c>
      <c r="K7027" s="59">
        <f>Bühler!K7053</f>
        <v>1.4778847623805547</v>
      </c>
      <c r="L7027" s="59">
        <f>Bühler!L7053</f>
        <v>15.174161918332647</v>
      </c>
      <c r="M7027" s="58">
        <f>Bühler!M7053</f>
        <v>0</v>
      </c>
      <c r="N7027" s="56">
        <f>IF(Input!$D$19=1,J7027*Input!$C$19,0)+IF(Input!$D$20=1,K7027*Input!$C$20,0)+IF(Input!$D$21=1,L7027*Input!$C$21,0)+IF(Input!$D$22=1,M7027*Input!$C$22,0)</f>
        <v>0.29557695247611088</v>
      </c>
      <c r="O7027" s="59">
        <f>IF(Input!$D$19=2,J7027*Input!$C$19,0)+IF(Input!$D$20=2,K7027*Input!$C$20,0)+IF(Input!$D$21=2,L7027*Input!$C$21,0)+IF(Input!$D$22=2,M7027*Input!$C$22,0)</f>
        <v>0.73894238119027733</v>
      </c>
      <c r="P7027" s="59">
        <f>IF(Input!$D$19=3,J7027*Input!$C$19,0)+IF(Input!$D$20=3,K7027*Input!$C$20,0)+IF(Input!$D$21=3,L7027*Input!$C$21,0)+IF(Input!$D$22=3,M7027*Input!$C$22,0)</f>
        <v>0</v>
      </c>
      <c r="Q7027" s="75">
        <f>IF(Input!$D$19=4,J7027*Input!$C$19,0)+IF(Input!$D$20=4,K7027*Input!$C$20,0)+IF(Input!$D$21=4,L7027*Input!$C$21,0)+IF(Input!$D$22=4,M7027*Input!$C$22,0)</f>
        <v>0</v>
      </c>
      <c r="R7027" s="58">
        <v>47.855081986559654</v>
      </c>
      <c r="S7027" s="124">
        <f t="shared" si="109"/>
        <v>1.280833460729814</v>
      </c>
    </row>
    <row r="7028" spans="8:19" x14ac:dyDescent="0.3">
      <c r="H7028" s="44">
        <v>7021</v>
      </c>
      <c r="I7028" s="56">
        <f>Bühler!I7054</f>
        <v>0.29557695247611088</v>
      </c>
      <c r="J7028" s="59">
        <f>Bühler!J7054</f>
        <v>0.98525650825370303</v>
      </c>
      <c r="K7028" s="59">
        <f>Bühler!K7054</f>
        <v>1.4778847623805547</v>
      </c>
      <c r="L7028" s="59">
        <f>Bühler!L7054</f>
        <v>15.174161918332647</v>
      </c>
      <c r="M7028" s="58">
        <f>Bühler!M7054</f>
        <v>0</v>
      </c>
      <c r="N7028" s="56">
        <f>IF(Input!$D$19=1,J7028*Input!$C$19,0)+IF(Input!$D$20=1,K7028*Input!$C$20,0)+IF(Input!$D$21=1,L7028*Input!$C$21,0)+IF(Input!$D$22=1,M7028*Input!$C$22,0)</f>
        <v>0.29557695247611088</v>
      </c>
      <c r="O7028" s="59">
        <f>IF(Input!$D$19=2,J7028*Input!$C$19,0)+IF(Input!$D$20=2,K7028*Input!$C$20,0)+IF(Input!$D$21=2,L7028*Input!$C$21,0)+IF(Input!$D$22=2,M7028*Input!$C$22,0)</f>
        <v>0.73894238119027733</v>
      </c>
      <c r="P7028" s="59">
        <f>IF(Input!$D$19=3,J7028*Input!$C$19,0)+IF(Input!$D$20=3,K7028*Input!$C$20,0)+IF(Input!$D$21=3,L7028*Input!$C$21,0)+IF(Input!$D$22=3,M7028*Input!$C$22,0)</f>
        <v>0</v>
      </c>
      <c r="Q7028" s="75">
        <f>IF(Input!$D$19=4,J7028*Input!$C$19,0)+IF(Input!$D$20=4,K7028*Input!$C$20,0)+IF(Input!$D$21=4,L7028*Input!$C$21,0)+IF(Input!$D$22=4,M7028*Input!$C$22,0)</f>
        <v>0</v>
      </c>
      <c r="R7028" s="58">
        <v>46.619139866446922</v>
      </c>
      <c r="S7028" s="124">
        <f t="shared" si="109"/>
        <v>1.280833460729814</v>
      </c>
    </row>
    <row r="7029" spans="8:19" x14ac:dyDescent="0.3">
      <c r="H7029" s="44">
        <v>7022</v>
      </c>
      <c r="I7029" s="56">
        <f>Bühler!I7055</f>
        <v>0.29557695247611088</v>
      </c>
      <c r="J7029" s="59">
        <f>Bühler!J7055</f>
        <v>0.98525650825370303</v>
      </c>
      <c r="K7029" s="59">
        <f>Bühler!K7055</f>
        <v>1.4778847623805547</v>
      </c>
      <c r="L7029" s="59">
        <f>Bühler!L7055</f>
        <v>15.174161918332647</v>
      </c>
      <c r="M7029" s="58">
        <f>Bühler!M7055</f>
        <v>0</v>
      </c>
      <c r="N7029" s="56">
        <f>IF(Input!$D$19=1,J7029*Input!$C$19,0)+IF(Input!$D$20=1,K7029*Input!$C$20,0)+IF(Input!$D$21=1,L7029*Input!$C$21,0)+IF(Input!$D$22=1,M7029*Input!$C$22,0)</f>
        <v>0.29557695247611088</v>
      </c>
      <c r="O7029" s="59">
        <f>IF(Input!$D$19=2,J7029*Input!$C$19,0)+IF(Input!$D$20=2,K7029*Input!$C$20,0)+IF(Input!$D$21=2,L7029*Input!$C$21,0)+IF(Input!$D$22=2,M7029*Input!$C$22,0)</f>
        <v>0.73894238119027733</v>
      </c>
      <c r="P7029" s="59">
        <f>IF(Input!$D$19=3,J7029*Input!$C$19,0)+IF(Input!$D$20=3,K7029*Input!$C$20,0)+IF(Input!$D$21=3,L7029*Input!$C$21,0)+IF(Input!$D$22=3,M7029*Input!$C$22,0)</f>
        <v>0</v>
      </c>
      <c r="Q7029" s="75">
        <f>IF(Input!$D$19=4,J7029*Input!$C$19,0)+IF(Input!$D$20=4,K7029*Input!$C$20,0)+IF(Input!$D$21=4,L7029*Input!$C$21,0)+IF(Input!$D$22=4,M7029*Input!$C$22,0)</f>
        <v>0</v>
      </c>
      <c r="R7029" s="58">
        <v>45.857298532311503</v>
      </c>
      <c r="S7029" s="124">
        <f t="shared" si="109"/>
        <v>1.280833460729814</v>
      </c>
    </row>
    <row r="7030" spans="8:19" x14ac:dyDescent="0.3">
      <c r="H7030" s="44">
        <v>7023</v>
      </c>
      <c r="I7030" s="56">
        <f>Bühler!I7056</f>
        <v>0.29557695247611088</v>
      </c>
      <c r="J7030" s="59">
        <f>Bühler!J7056</f>
        <v>0.98525650825370303</v>
      </c>
      <c r="K7030" s="59">
        <f>Bühler!K7056</f>
        <v>1.4778847623805547</v>
      </c>
      <c r="L7030" s="59">
        <f>Bühler!L7056</f>
        <v>15.174161918332647</v>
      </c>
      <c r="M7030" s="58">
        <f>Bühler!M7056</f>
        <v>0</v>
      </c>
      <c r="N7030" s="56">
        <f>IF(Input!$D$19=1,J7030*Input!$C$19,0)+IF(Input!$D$20=1,K7030*Input!$C$20,0)+IF(Input!$D$21=1,L7030*Input!$C$21,0)+IF(Input!$D$22=1,M7030*Input!$C$22,0)</f>
        <v>0.29557695247611088</v>
      </c>
      <c r="O7030" s="59">
        <f>IF(Input!$D$19=2,J7030*Input!$C$19,0)+IF(Input!$D$20=2,K7030*Input!$C$20,0)+IF(Input!$D$21=2,L7030*Input!$C$21,0)+IF(Input!$D$22=2,M7030*Input!$C$22,0)</f>
        <v>0.73894238119027733</v>
      </c>
      <c r="P7030" s="59">
        <f>IF(Input!$D$19=3,J7030*Input!$C$19,0)+IF(Input!$D$20=3,K7030*Input!$C$20,0)+IF(Input!$D$21=3,L7030*Input!$C$21,0)+IF(Input!$D$22=3,M7030*Input!$C$22,0)</f>
        <v>0</v>
      </c>
      <c r="Q7030" s="75">
        <f>IF(Input!$D$19=4,J7030*Input!$C$19,0)+IF(Input!$D$20=4,K7030*Input!$C$20,0)+IF(Input!$D$21=4,L7030*Input!$C$21,0)+IF(Input!$D$22=4,M7030*Input!$C$22,0)</f>
        <v>0</v>
      </c>
      <c r="R7030" s="58">
        <v>45.424794902375957</v>
      </c>
      <c r="S7030" s="124">
        <f t="shared" si="109"/>
        <v>1.280833460729814</v>
      </c>
    </row>
    <row r="7031" spans="8:19" x14ac:dyDescent="0.3">
      <c r="H7031" s="44">
        <v>7024</v>
      </c>
      <c r="I7031" s="56">
        <f>Bühler!I7057</f>
        <v>0.26723395703319613</v>
      </c>
      <c r="J7031" s="59">
        <f>Bühler!J7057</f>
        <v>0.89077985677732052</v>
      </c>
      <c r="K7031" s="59">
        <f>Bühler!K7057</f>
        <v>1.3361697851659808</v>
      </c>
      <c r="L7031" s="59">
        <f>Bühler!L7057</f>
        <v>13.719105296026775</v>
      </c>
      <c r="M7031" s="58">
        <f>Bühler!M7057</f>
        <v>0</v>
      </c>
      <c r="N7031" s="56">
        <f>IF(Input!$D$19=1,J7031*Input!$C$19,0)+IF(Input!$D$20=1,K7031*Input!$C$20,0)+IF(Input!$D$21=1,L7031*Input!$C$21,0)+IF(Input!$D$22=1,M7031*Input!$C$22,0)</f>
        <v>0.26723395703319613</v>
      </c>
      <c r="O7031" s="59">
        <f>IF(Input!$D$19=2,J7031*Input!$C$19,0)+IF(Input!$D$20=2,K7031*Input!$C$20,0)+IF(Input!$D$21=2,L7031*Input!$C$21,0)+IF(Input!$D$22=2,M7031*Input!$C$22,0)</f>
        <v>0.66808489258299042</v>
      </c>
      <c r="P7031" s="59">
        <f>IF(Input!$D$19=3,J7031*Input!$C$19,0)+IF(Input!$D$20=3,K7031*Input!$C$20,0)+IF(Input!$D$21=3,L7031*Input!$C$21,0)+IF(Input!$D$22=3,M7031*Input!$C$22,0)</f>
        <v>0</v>
      </c>
      <c r="Q7031" s="75">
        <f>IF(Input!$D$19=4,J7031*Input!$C$19,0)+IF(Input!$D$20=4,K7031*Input!$C$20,0)+IF(Input!$D$21=4,L7031*Input!$C$21,0)+IF(Input!$D$22=4,M7031*Input!$C$22,0)</f>
        <v>0</v>
      </c>
      <c r="R7031" s="58">
        <v>45.434741050217056</v>
      </c>
      <c r="S7031" s="124">
        <f t="shared" si="109"/>
        <v>1.1580138138105167</v>
      </c>
    </row>
    <row r="7032" spans="8:19" x14ac:dyDescent="0.3">
      <c r="H7032" s="44">
        <v>7025</v>
      </c>
      <c r="I7032" s="56">
        <f>Bühler!I7058</f>
        <v>0.2429399609392692</v>
      </c>
      <c r="J7032" s="59">
        <f>Bühler!J7058</f>
        <v>0.80979986979756413</v>
      </c>
      <c r="K7032" s="59">
        <f>Bühler!K7058</f>
        <v>1.2146998046963462</v>
      </c>
      <c r="L7032" s="59">
        <f>Bühler!L7058</f>
        <v>12.471913905478887</v>
      </c>
      <c r="M7032" s="58">
        <f>Bühler!M7058</f>
        <v>0</v>
      </c>
      <c r="N7032" s="56">
        <f>IF(Input!$D$19=1,J7032*Input!$C$19,0)+IF(Input!$D$20=1,K7032*Input!$C$20,0)+IF(Input!$D$21=1,L7032*Input!$C$21,0)+IF(Input!$D$22=1,M7032*Input!$C$22,0)</f>
        <v>0.24293996093926923</v>
      </c>
      <c r="O7032" s="59">
        <f>IF(Input!$D$19=2,J7032*Input!$C$19,0)+IF(Input!$D$20=2,K7032*Input!$C$20,0)+IF(Input!$D$21=2,L7032*Input!$C$21,0)+IF(Input!$D$22=2,M7032*Input!$C$22,0)</f>
        <v>0.6073499023481731</v>
      </c>
      <c r="P7032" s="59">
        <f>IF(Input!$D$19=3,J7032*Input!$C$19,0)+IF(Input!$D$20=3,K7032*Input!$C$20,0)+IF(Input!$D$21=3,L7032*Input!$C$21,0)+IF(Input!$D$22=3,M7032*Input!$C$22,0)</f>
        <v>0</v>
      </c>
      <c r="Q7032" s="75">
        <f>IF(Input!$D$19=4,J7032*Input!$C$19,0)+IF(Input!$D$20=4,K7032*Input!$C$20,0)+IF(Input!$D$21=4,L7032*Input!$C$21,0)+IF(Input!$D$22=4,M7032*Input!$C$22,0)</f>
        <v>0</v>
      </c>
      <c r="R7032" s="58">
        <v>45.095846785920081</v>
      </c>
      <c r="S7032" s="124">
        <f t="shared" si="109"/>
        <v>1.0527398307368334</v>
      </c>
    </row>
    <row r="7033" spans="8:19" x14ac:dyDescent="0.3">
      <c r="H7033" s="44">
        <v>7026</v>
      </c>
      <c r="I7033" s="56">
        <f>Bühler!I7059</f>
        <v>0.21864596484534232</v>
      </c>
      <c r="J7033" s="59">
        <f>Bühler!J7059</f>
        <v>0.72881988281780774</v>
      </c>
      <c r="K7033" s="59">
        <f>Bühler!K7059</f>
        <v>1.0932298242267118</v>
      </c>
      <c r="L7033" s="59">
        <f>Bühler!L7059</f>
        <v>11.224722514930999</v>
      </c>
      <c r="M7033" s="58">
        <f>Bühler!M7059</f>
        <v>0</v>
      </c>
      <c r="N7033" s="56">
        <f>IF(Input!$D$19=1,J7033*Input!$C$19,0)+IF(Input!$D$20=1,K7033*Input!$C$20,0)+IF(Input!$D$21=1,L7033*Input!$C$21,0)+IF(Input!$D$22=1,M7033*Input!$C$22,0)</f>
        <v>0.21864596484534232</v>
      </c>
      <c r="O7033" s="59">
        <f>IF(Input!$D$19=2,J7033*Input!$C$19,0)+IF(Input!$D$20=2,K7033*Input!$C$20,0)+IF(Input!$D$21=2,L7033*Input!$C$21,0)+IF(Input!$D$22=2,M7033*Input!$C$22,0)</f>
        <v>0.54661491211335589</v>
      </c>
      <c r="P7033" s="59">
        <f>IF(Input!$D$19=3,J7033*Input!$C$19,0)+IF(Input!$D$20=3,K7033*Input!$C$20,0)+IF(Input!$D$21=3,L7033*Input!$C$21,0)+IF(Input!$D$22=3,M7033*Input!$C$22,0)</f>
        <v>0</v>
      </c>
      <c r="Q7033" s="75">
        <f>IF(Input!$D$19=4,J7033*Input!$C$19,0)+IF(Input!$D$20=4,K7033*Input!$C$20,0)+IF(Input!$D$21=4,L7033*Input!$C$21,0)+IF(Input!$D$22=4,M7033*Input!$C$22,0)</f>
        <v>0</v>
      </c>
      <c r="R7033" s="58">
        <v>44.563937714032434</v>
      </c>
      <c r="S7033" s="124">
        <f t="shared" si="109"/>
        <v>0.94746584766315012</v>
      </c>
    </row>
    <row r="7034" spans="8:19" x14ac:dyDescent="0.3">
      <c r="H7034" s="44">
        <v>7027</v>
      </c>
      <c r="I7034" s="56">
        <f>Bühler!I7060</f>
        <v>0.21054796614736665</v>
      </c>
      <c r="J7034" s="59">
        <f>Bühler!J7060</f>
        <v>0.70182655382455561</v>
      </c>
      <c r="K7034" s="59">
        <f>Bühler!K7060</f>
        <v>1.0527398307368334</v>
      </c>
      <c r="L7034" s="59">
        <f>Bühler!L7060</f>
        <v>10.808992051415036</v>
      </c>
      <c r="M7034" s="58">
        <f>Bühler!M7060</f>
        <v>0</v>
      </c>
      <c r="N7034" s="56">
        <f>IF(Input!$D$19=1,J7034*Input!$C$19,0)+IF(Input!$D$20=1,K7034*Input!$C$20,0)+IF(Input!$D$21=1,L7034*Input!$C$21,0)+IF(Input!$D$22=1,M7034*Input!$C$22,0)</f>
        <v>0.21054796614736668</v>
      </c>
      <c r="O7034" s="59">
        <f>IF(Input!$D$19=2,J7034*Input!$C$19,0)+IF(Input!$D$20=2,K7034*Input!$C$20,0)+IF(Input!$D$21=2,L7034*Input!$C$21,0)+IF(Input!$D$22=2,M7034*Input!$C$22,0)</f>
        <v>0.52636991536841671</v>
      </c>
      <c r="P7034" s="59">
        <f>IF(Input!$D$19=3,J7034*Input!$C$19,0)+IF(Input!$D$20=3,K7034*Input!$C$20,0)+IF(Input!$D$21=3,L7034*Input!$C$21,0)+IF(Input!$D$22=3,M7034*Input!$C$22,0)</f>
        <v>0</v>
      </c>
      <c r="Q7034" s="75">
        <f>IF(Input!$D$19=4,J7034*Input!$C$19,0)+IF(Input!$D$20=4,K7034*Input!$C$20,0)+IF(Input!$D$21=4,L7034*Input!$C$21,0)+IF(Input!$D$22=4,M7034*Input!$C$22,0)</f>
        <v>0</v>
      </c>
      <c r="R7034" s="58">
        <v>44.26353930061218</v>
      </c>
      <c r="S7034" s="124">
        <f t="shared" si="109"/>
        <v>0.9123745199719222</v>
      </c>
    </row>
    <row r="7035" spans="8:19" x14ac:dyDescent="0.3">
      <c r="H7035" s="44">
        <v>7028</v>
      </c>
      <c r="I7035" s="56">
        <f>Bühler!I7061</f>
        <v>0.17005797265748843</v>
      </c>
      <c r="J7035" s="59">
        <f>Bühler!J7061</f>
        <v>0.56685990885829485</v>
      </c>
      <c r="K7035" s="59">
        <f>Bühler!K7061</f>
        <v>0.85028986328744227</v>
      </c>
      <c r="L7035" s="59">
        <f>Bühler!L7061</f>
        <v>8.7303397338352191</v>
      </c>
      <c r="M7035" s="58">
        <f>Bühler!M7061</f>
        <v>0</v>
      </c>
      <c r="N7035" s="56">
        <f>IF(Input!$D$19=1,J7035*Input!$C$19,0)+IF(Input!$D$20=1,K7035*Input!$C$20,0)+IF(Input!$D$21=1,L7035*Input!$C$21,0)+IF(Input!$D$22=1,M7035*Input!$C$22,0)</f>
        <v>0.17005797265748845</v>
      </c>
      <c r="O7035" s="59">
        <f>IF(Input!$D$19=2,J7035*Input!$C$19,0)+IF(Input!$D$20=2,K7035*Input!$C$20,0)+IF(Input!$D$21=2,L7035*Input!$C$21,0)+IF(Input!$D$22=2,M7035*Input!$C$22,0)</f>
        <v>0.42514493164372114</v>
      </c>
      <c r="P7035" s="59">
        <f>IF(Input!$D$19=3,J7035*Input!$C$19,0)+IF(Input!$D$20=3,K7035*Input!$C$20,0)+IF(Input!$D$21=3,L7035*Input!$C$21,0)+IF(Input!$D$22=3,M7035*Input!$C$22,0)</f>
        <v>0</v>
      </c>
      <c r="Q7035" s="75">
        <f>IF(Input!$D$19=4,J7035*Input!$C$19,0)+IF(Input!$D$20=4,K7035*Input!$C$20,0)+IF(Input!$D$21=4,L7035*Input!$C$21,0)+IF(Input!$D$22=4,M7035*Input!$C$22,0)</f>
        <v>0</v>
      </c>
      <c r="R7035" s="58">
        <v>44.156013652067898</v>
      </c>
      <c r="S7035" s="124">
        <f t="shared" si="109"/>
        <v>0.7369178815157833</v>
      </c>
    </row>
    <row r="7036" spans="8:19" x14ac:dyDescent="0.3">
      <c r="H7036" s="44">
        <v>7029</v>
      </c>
      <c r="I7036" s="56">
        <f>Bühler!I7062</f>
        <v>0.12551897981862242</v>
      </c>
      <c r="J7036" s="59">
        <f>Bühler!J7062</f>
        <v>0.41839659939540813</v>
      </c>
      <c r="K7036" s="59">
        <f>Bühler!K7062</f>
        <v>0.62759489909311217</v>
      </c>
      <c r="L7036" s="59">
        <f>Bühler!L7062</f>
        <v>6.4438221844974253</v>
      </c>
      <c r="M7036" s="58">
        <f>Bühler!M7062</f>
        <v>0</v>
      </c>
      <c r="N7036" s="56">
        <f>IF(Input!$D$19=1,J7036*Input!$C$19,0)+IF(Input!$D$20=1,K7036*Input!$C$20,0)+IF(Input!$D$21=1,L7036*Input!$C$21,0)+IF(Input!$D$22=1,M7036*Input!$C$22,0)</f>
        <v>0.12551897981862242</v>
      </c>
      <c r="O7036" s="59">
        <f>IF(Input!$D$19=2,J7036*Input!$C$19,0)+IF(Input!$D$20=2,K7036*Input!$C$20,0)+IF(Input!$D$21=2,L7036*Input!$C$21,0)+IF(Input!$D$22=2,M7036*Input!$C$22,0)</f>
        <v>0.31379744954655608</v>
      </c>
      <c r="P7036" s="59">
        <f>IF(Input!$D$19=3,J7036*Input!$C$19,0)+IF(Input!$D$20=3,K7036*Input!$C$20,0)+IF(Input!$D$21=3,L7036*Input!$C$21,0)+IF(Input!$D$22=3,M7036*Input!$C$22,0)</f>
        <v>0</v>
      </c>
      <c r="Q7036" s="75">
        <f>IF(Input!$D$19=4,J7036*Input!$C$19,0)+IF(Input!$D$20=4,K7036*Input!$C$20,0)+IF(Input!$D$21=4,L7036*Input!$C$21,0)+IF(Input!$D$22=4,M7036*Input!$C$22,0)</f>
        <v>0</v>
      </c>
      <c r="R7036" s="58">
        <v>43.397847226962632</v>
      </c>
      <c r="S7036" s="124">
        <f t="shared" si="109"/>
        <v>0.54391557921403055</v>
      </c>
    </row>
    <row r="7037" spans="8:19" x14ac:dyDescent="0.3">
      <c r="H7037" s="44">
        <v>7030</v>
      </c>
      <c r="I7037" s="56">
        <f>Bühler!I7063</f>
        <v>0.12551897981862242</v>
      </c>
      <c r="J7037" s="59">
        <f>Bühler!J7063</f>
        <v>0.41839659939540813</v>
      </c>
      <c r="K7037" s="59">
        <f>Bühler!K7063</f>
        <v>0.62759489909311217</v>
      </c>
      <c r="L7037" s="59">
        <f>Bühler!L7063</f>
        <v>6.4438221844974253</v>
      </c>
      <c r="M7037" s="58">
        <f>Bühler!M7063</f>
        <v>0</v>
      </c>
      <c r="N7037" s="56">
        <f>IF(Input!$D$19=1,J7037*Input!$C$19,0)+IF(Input!$D$20=1,K7037*Input!$C$20,0)+IF(Input!$D$21=1,L7037*Input!$C$21,0)+IF(Input!$D$22=1,M7037*Input!$C$22,0)</f>
        <v>0.12551897981862242</v>
      </c>
      <c r="O7037" s="59">
        <f>IF(Input!$D$19=2,J7037*Input!$C$19,0)+IF(Input!$D$20=2,K7037*Input!$C$20,0)+IF(Input!$D$21=2,L7037*Input!$C$21,0)+IF(Input!$D$22=2,M7037*Input!$C$22,0)</f>
        <v>0.31379744954655608</v>
      </c>
      <c r="P7037" s="59">
        <f>IF(Input!$D$19=3,J7037*Input!$C$19,0)+IF(Input!$D$20=3,K7037*Input!$C$20,0)+IF(Input!$D$21=3,L7037*Input!$C$21,0)+IF(Input!$D$22=3,M7037*Input!$C$22,0)</f>
        <v>0</v>
      </c>
      <c r="Q7037" s="75">
        <f>IF(Input!$D$19=4,J7037*Input!$C$19,0)+IF(Input!$D$20=4,K7037*Input!$C$20,0)+IF(Input!$D$21=4,L7037*Input!$C$21,0)+IF(Input!$D$22=4,M7037*Input!$C$22,0)</f>
        <v>0</v>
      </c>
      <c r="R7037" s="58">
        <v>43.298282423362238</v>
      </c>
      <c r="S7037" s="124">
        <f t="shared" si="109"/>
        <v>0.54391557921403055</v>
      </c>
    </row>
    <row r="7038" spans="8:19" x14ac:dyDescent="0.3">
      <c r="H7038" s="44">
        <v>7031</v>
      </c>
      <c r="I7038" s="56">
        <f>Bühler!I7064</f>
        <v>0.12551897981862242</v>
      </c>
      <c r="J7038" s="59">
        <f>Bühler!J7064</f>
        <v>0.41839659939540813</v>
      </c>
      <c r="K7038" s="59">
        <f>Bühler!K7064</f>
        <v>0.62759489909311217</v>
      </c>
      <c r="L7038" s="59">
        <f>Bühler!L7064</f>
        <v>6.4438221844974253</v>
      </c>
      <c r="M7038" s="58">
        <f>Bühler!M7064</f>
        <v>0</v>
      </c>
      <c r="N7038" s="56">
        <f>IF(Input!$D$19=1,J7038*Input!$C$19,0)+IF(Input!$D$20=1,K7038*Input!$C$20,0)+IF(Input!$D$21=1,L7038*Input!$C$21,0)+IF(Input!$D$22=1,M7038*Input!$C$22,0)</f>
        <v>0.12551897981862242</v>
      </c>
      <c r="O7038" s="59">
        <f>IF(Input!$D$19=2,J7038*Input!$C$19,0)+IF(Input!$D$20=2,K7038*Input!$C$20,0)+IF(Input!$D$21=2,L7038*Input!$C$21,0)+IF(Input!$D$22=2,M7038*Input!$C$22,0)</f>
        <v>0.31379744954655608</v>
      </c>
      <c r="P7038" s="59">
        <f>IF(Input!$D$19=3,J7038*Input!$C$19,0)+IF(Input!$D$20=3,K7038*Input!$C$20,0)+IF(Input!$D$21=3,L7038*Input!$C$21,0)+IF(Input!$D$22=3,M7038*Input!$C$22,0)</f>
        <v>0</v>
      </c>
      <c r="Q7038" s="75">
        <f>IF(Input!$D$19=4,J7038*Input!$C$19,0)+IF(Input!$D$20=4,K7038*Input!$C$20,0)+IF(Input!$D$21=4,L7038*Input!$C$21,0)+IF(Input!$D$22=4,M7038*Input!$C$22,0)</f>
        <v>0</v>
      </c>
      <c r="R7038" s="58">
        <v>43.179755760740754</v>
      </c>
      <c r="S7038" s="124">
        <f t="shared" si="109"/>
        <v>0.54391557921403055</v>
      </c>
    </row>
    <row r="7039" spans="8:19" x14ac:dyDescent="0.3">
      <c r="H7039" s="44">
        <v>7032</v>
      </c>
      <c r="I7039" s="56">
        <f>Bühler!I7065</f>
        <v>0.12551897981862242</v>
      </c>
      <c r="J7039" s="59">
        <f>Bühler!J7065</f>
        <v>0.41839659939540813</v>
      </c>
      <c r="K7039" s="59">
        <f>Bühler!K7065</f>
        <v>0.62759489909311217</v>
      </c>
      <c r="L7039" s="59">
        <f>Bühler!L7065</f>
        <v>6.4438221844974253</v>
      </c>
      <c r="M7039" s="58">
        <f>Bühler!M7065</f>
        <v>0</v>
      </c>
      <c r="N7039" s="56">
        <f>IF(Input!$D$19=1,J7039*Input!$C$19,0)+IF(Input!$D$20=1,K7039*Input!$C$20,0)+IF(Input!$D$21=1,L7039*Input!$C$21,0)+IF(Input!$D$22=1,M7039*Input!$C$22,0)</f>
        <v>0.12551897981862242</v>
      </c>
      <c r="O7039" s="59">
        <f>IF(Input!$D$19=2,J7039*Input!$C$19,0)+IF(Input!$D$20=2,K7039*Input!$C$20,0)+IF(Input!$D$21=2,L7039*Input!$C$21,0)+IF(Input!$D$22=2,M7039*Input!$C$22,0)</f>
        <v>0.31379744954655608</v>
      </c>
      <c r="P7039" s="59">
        <f>IF(Input!$D$19=3,J7039*Input!$C$19,0)+IF(Input!$D$20=3,K7039*Input!$C$20,0)+IF(Input!$D$21=3,L7039*Input!$C$21,0)+IF(Input!$D$22=3,M7039*Input!$C$22,0)</f>
        <v>0</v>
      </c>
      <c r="Q7039" s="75">
        <f>IF(Input!$D$19=4,J7039*Input!$C$19,0)+IF(Input!$D$20=4,K7039*Input!$C$20,0)+IF(Input!$D$21=4,L7039*Input!$C$21,0)+IF(Input!$D$22=4,M7039*Input!$C$22,0)</f>
        <v>0</v>
      </c>
      <c r="R7039" s="58">
        <v>43.178920078063982</v>
      </c>
      <c r="S7039" s="124">
        <f t="shared" si="109"/>
        <v>0.54391557921403055</v>
      </c>
    </row>
    <row r="7040" spans="8:19" x14ac:dyDescent="0.3">
      <c r="H7040" s="44">
        <v>7033</v>
      </c>
      <c r="I7040" s="56">
        <f>Bühler!I7066</f>
        <v>0.14022459120456574</v>
      </c>
      <c r="J7040" s="59">
        <f>Bühler!J7066</f>
        <v>0.46741530401521914</v>
      </c>
      <c r="K7040" s="59">
        <f>Bühler!K7066</f>
        <v>0.7011229560228287</v>
      </c>
      <c r="L7040" s="59">
        <f>Bühler!L7066</f>
        <v>7.268733182082622</v>
      </c>
      <c r="M7040" s="58">
        <f>Bühler!M7066</f>
        <v>0</v>
      </c>
      <c r="N7040" s="56">
        <f>IF(Input!$D$19=1,J7040*Input!$C$19,0)+IF(Input!$D$20=1,K7040*Input!$C$20,0)+IF(Input!$D$21=1,L7040*Input!$C$21,0)+IF(Input!$D$22=1,M7040*Input!$C$22,0)</f>
        <v>0.14022459120456574</v>
      </c>
      <c r="O7040" s="59">
        <f>IF(Input!$D$19=2,J7040*Input!$C$19,0)+IF(Input!$D$20=2,K7040*Input!$C$20,0)+IF(Input!$D$21=2,L7040*Input!$C$21,0)+IF(Input!$D$22=2,M7040*Input!$C$22,0)</f>
        <v>0.35056147801141435</v>
      </c>
      <c r="P7040" s="59">
        <f>IF(Input!$D$19=3,J7040*Input!$C$19,0)+IF(Input!$D$20=3,K7040*Input!$C$20,0)+IF(Input!$D$21=3,L7040*Input!$C$21,0)+IF(Input!$D$22=3,M7040*Input!$C$22,0)</f>
        <v>0</v>
      </c>
      <c r="Q7040" s="75">
        <f>IF(Input!$D$19=4,J7040*Input!$C$19,0)+IF(Input!$D$20=4,K7040*Input!$C$20,0)+IF(Input!$D$21=4,L7040*Input!$C$21,0)+IF(Input!$D$22=4,M7040*Input!$C$22,0)</f>
        <v>0</v>
      </c>
      <c r="R7040" s="58">
        <v>42.913497319681916</v>
      </c>
      <c r="S7040" s="124">
        <f t="shared" si="109"/>
        <v>0.6076398952197849</v>
      </c>
    </row>
    <row r="7041" spans="8:19" x14ac:dyDescent="0.3">
      <c r="H7041" s="44">
        <v>7034</v>
      </c>
      <c r="I7041" s="56">
        <f>Bühler!I7067</f>
        <v>0.16284146075368924</v>
      </c>
      <c r="J7041" s="59">
        <f>Bühler!J7067</f>
        <v>0.5428048691789642</v>
      </c>
      <c r="K7041" s="59">
        <f>Bühler!K7067</f>
        <v>0.8142073037684463</v>
      </c>
      <c r="L7041" s="59">
        <f>Bühler!L7067</f>
        <v>8.4411095017733668</v>
      </c>
      <c r="M7041" s="58">
        <f>Bühler!M7067</f>
        <v>0</v>
      </c>
      <c r="N7041" s="56">
        <f>IF(Input!$D$19=1,J7041*Input!$C$19,0)+IF(Input!$D$20=1,K7041*Input!$C$20,0)+IF(Input!$D$21=1,L7041*Input!$C$21,0)+IF(Input!$D$22=1,M7041*Input!$C$22,0)</f>
        <v>0.16284146075368924</v>
      </c>
      <c r="O7041" s="59">
        <f>IF(Input!$D$19=2,J7041*Input!$C$19,0)+IF(Input!$D$20=2,K7041*Input!$C$20,0)+IF(Input!$D$21=2,L7041*Input!$C$21,0)+IF(Input!$D$22=2,M7041*Input!$C$22,0)</f>
        <v>0.40710365188422315</v>
      </c>
      <c r="P7041" s="59">
        <f>IF(Input!$D$19=3,J7041*Input!$C$19,0)+IF(Input!$D$20=3,K7041*Input!$C$20,0)+IF(Input!$D$21=3,L7041*Input!$C$21,0)+IF(Input!$D$22=3,M7041*Input!$C$22,0)</f>
        <v>0</v>
      </c>
      <c r="Q7041" s="75">
        <f>IF(Input!$D$19=4,J7041*Input!$C$19,0)+IF(Input!$D$20=4,K7041*Input!$C$20,0)+IF(Input!$D$21=4,L7041*Input!$C$21,0)+IF(Input!$D$22=4,M7041*Input!$C$22,0)</f>
        <v>0</v>
      </c>
      <c r="R7041" s="58">
        <v>42.47012379352995</v>
      </c>
      <c r="S7041" s="124">
        <f t="shared" si="109"/>
        <v>0.70564632993265342</v>
      </c>
    </row>
    <row r="7042" spans="8:19" x14ac:dyDescent="0.3">
      <c r="H7042" s="44">
        <v>7035</v>
      </c>
      <c r="I7042" s="56">
        <f>Bühler!I7068</f>
        <v>0.16284146075368924</v>
      </c>
      <c r="J7042" s="59">
        <f>Bühler!J7068</f>
        <v>0.5428048691789642</v>
      </c>
      <c r="K7042" s="59">
        <f>Bühler!K7068</f>
        <v>0.8142073037684463</v>
      </c>
      <c r="L7042" s="59">
        <f>Bühler!L7068</f>
        <v>8.4411095017733668</v>
      </c>
      <c r="M7042" s="58">
        <f>Bühler!M7068</f>
        <v>0</v>
      </c>
      <c r="N7042" s="56">
        <f>IF(Input!$D$19=1,J7042*Input!$C$19,0)+IF(Input!$D$20=1,K7042*Input!$C$20,0)+IF(Input!$D$21=1,L7042*Input!$C$21,0)+IF(Input!$D$22=1,M7042*Input!$C$22,0)</f>
        <v>0.16284146075368924</v>
      </c>
      <c r="O7042" s="59">
        <f>IF(Input!$D$19=2,J7042*Input!$C$19,0)+IF(Input!$D$20=2,K7042*Input!$C$20,0)+IF(Input!$D$21=2,L7042*Input!$C$21,0)+IF(Input!$D$22=2,M7042*Input!$C$22,0)</f>
        <v>0.40710365188422315</v>
      </c>
      <c r="P7042" s="59">
        <f>IF(Input!$D$19=3,J7042*Input!$C$19,0)+IF(Input!$D$20=3,K7042*Input!$C$20,0)+IF(Input!$D$21=3,L7042*Input!$C$21,0)+IF(Input!$D$22=3,M7042*Input!$C$22,0)</f>
        <v>0</v>
      </c>
      <c r="Q7042" s="75">
        <f>IF(Input!$D$19=4,J7042*Input!$C$19,0)+IF(Input!$D$20=4,K7042*Input!$C$20,0)+IF(Input!$D$21=4,L7042*Input!$C$21,0)+IF(Input!$D$22=4,M7042*Input!$C$22,0)</f>
        <v>0</v>
      </c>
      <c r="R7042" s="58">
        <v>42.447891029322562</v>
      </c>
      <c r="S7042" s="124">
        <f t="shared" si="109"/>
        <v>0.70564632993265342</v>
      </c>
    </row>
    <row r="7043" spans="8:19" x14ac:dyDescent="0.3">
      <c r="H7043" s="44">
        <v>7036</v>
      </c>
      <c r="I7043" s="56">
        <f>Bühler!I7069</f>
        <v>0.16284146075368924</v>
      </c>
      <c r="J7043" s="59">
        <f>Bühler!J7069</f>
        <v>0.5428048691789642</v>
      </c>
      <c r="K7043" s="59">
        <f>Bühler!K7069</f>
        <v>0.8142073037684463</v>
      </c>
      <c r="L7043" s="59">
        <f>Bühler!L7069</f>
        <v>8.4411095017733668</v>
      </c>
      <c r="M7043" s="58">
        <f>Bühler!M7069</f>
        <v>0</v>
      </c>
      <c r="N7043" s="56">
        <f>IF(Input!$D$19=1,J7043*Input!$C$19,0)+IF(Input!$D$20=1,K7043*Input!$C$20,0)+IF(Input!$D$21=1,L7043*Input!$C$21,0)+IF(Input!$D$22=1,M7043*Input!$C$22,0)</f>
        <v>0.16284146075368924</v>
      </c>
      <c r="O7043" s="59">
        <f>IF(Input!$D$19=2,J7043*Input!$C$19,0)+IF(Input!$D$20=2,K7043*Input!$C$20,0)+IF(Input!$D$21=2,L7043*Input!$C$21,0)+IF(Input!$D$22=2,M7043*Input!$C$22,0)</f>
        <v>0.40710365188422315</v>
      </c>
      <c r="P7043" s="59">
        <f>IF(Input!$D$19=3,J7043*Input!$C$19,0)+IF(Input!$D$20=3,K7043*Input!$C$20,0)+IF(Input!$D$21=3,L7043*Input!$C$21,0)+IF(Input!$D$22=3,M7043*Input!$C$22,0)</f>
        <v>0</v>
      </c>
      <c r="Q7043" s="75">
        <f>IF(Input!$D$19=4,J7043*Input!$C$19,0)+IF(Input!$D$20=4,K7043*Input!$C$20,0)+IF(Input!$D$21=4,L7043*Input!$C$21,0)+IF(Input!$D$22=4,M7043*Input!$C$22,0)</f>
        <v>0</v>
      </c>
      <c r="R7043" s="58">
        <v>42.289095296312098</v>
      </c>
      <c r="S7043" s="124">
        <f t="shared" si="109"/>
        <v>0.70564632993265342</v>
      </c>
    </row>
    <row r="7044" spans="8:19" x14ac:dyDescent="0.3">
      <c r="H7044" s="44">
        <v>7037</v>
      </c>
      <c r="I7044" s="56">
        <f>Bühler!I7070</f>
        <v>0.16284146075368924</v>
      </c>
      <c r="J7044" s="59">
        <f>Bühler!J7070</f>
        <v>0.5428048691789642</v>
      </c>
      <c r="K7044" s="59">
        <f>Bühler!K7070</f>
        <v>0.8142073037684463</v>
      </c>
      <c r="L7044" s="59">
        <f>Bühler!L7070</f>
        <v>8.4411095017733668</v>
      </c>
      <c r="M7044" s="58">
        <f>Bühler!M7070</f>
        <v>0</v>
      </c>
      <c r="N7044" s="56">
        <f>IF(Input!$D$19=1,J7044*Input!$C$19,0)+IF(Input!$D$20=1,K7044*Input!$C$20,0)+IF(Input!$D$21=1,L7044*Input!$C$21,0)+IF(Input!$D$22=1,M7044*Input!$C$22,0)</f>
        <v>0.16284146075368924</v>
      </c>
      <c r="O7044" s="59">
        <f>IF(Input!$D$19=2,J7044*Input!$C$19,0)+IF(Input!$D$20=2,K7044*Input!$C$20,0)+IF(Input!$D$21=2,L7044*Input!$C$21,0)+IF(Input!$D$22=2,M7044*Input!$C$22,0)</f>
        <v>0.40710365188422315</v>
      </c>
      <c r="P7044" s="59">
        <f>IF(Input!$D$19=3,J7044*Input!$C$19,0)+IF(Input!$D$20=3,K7044*Input!$C$20,0)+IF(Input!$D$21=3,L7044*Input!$C$21,0)+IF(Input!$D$22=3,M7044*Input!$C$22,0)</f>
        <v>0</v>
      </c>
      <c r="Q7044" s="75">
        <f>IF(Input!$D$19=4,J7044*Input!$C$19,0)+IF(Input!$D$20=4,K7044*Input!$C$20,0)+IF(Input!$D$21=4,L7044*Input!$C$21,0)+IF(Input!$D$22=4,M7044*Input!$C$22,0)</f>
        <v>0</v>
      </c>
      <c r="R7044" s="58">
        <v>41.778258325875022</v>
      </c>
      <c r="S7044" s="124">
        <f t="shared" si="109"/>
        <v>0.70564632993265342</v>
      </c>
    </row>
    <row r="7045" spans="8:19" x14ac:dyDescent="0.3">
      <c r="H7045" s="44">
        <v>7038</v>
      </c>
      <c r="I7045" s="56">
        <f>Bühler!I7071</f>
        <v>0.20355182594211157</v>
      </c>
      <c r="J7045" s="59">
        <f>Bühler!J7071</f>
        <v>0.67850608647370536</v>
      </c>
      <c r="K7045" s="59">
        <f>Bühler!K7071</f>
        <v>1.0177591297105579</v>
      </c>
      <c r="L7045" s="59">
        <f>Bühler!L7071</f>
        <v>10.551386877216711</v>
      </c>
      <c r="M7045" s="58">
        <f>Bühler!M7071</f>
        <v>0</v>
      </c>
      <c r="N7045" s="56">
        <f>IF(Input!$D$19=1,J7045*Input!$C$19,0)+IF(Input!$D$20=1,K7045*Input!$C$20,0)+IF(Input!$D$21=1,L7045*Input!$C$21,0)+IF(Input!$D$22=1,M7045*Input!$C$22,0)</f>
        <v>0.2035518259421116</v>
      </c>
      <c r="O7045" s="59">
        <f>IF(Input!$D$19=2,J7045*Input!$C$19,0)+IF(Input!$D$20=2,K7045*Input!$C$20,0)+IF(Input!$D$21=2,L7045*Input!$C$21,0)+IF(Input!$D$22=2,M7045*Input!$C$22,0)</f>
        <v>0.50887956485527897</v>
      </c>
      <c r="P7045" s="59">
        <f>IF(Input!$D$19=3,J7045*Input!$C$19,0)+IF(Input!$D$20=3,K7045*Input!$C$20,0)+IF(Input!$D$21=3,L7045*Input!$C$21,0)+IF(Input!$D$22=3,M7045*Input!$C$22,0)</f>
        <v>0</v>
      </c>
      <c r="Q7045" s="75">
        <f>IF(Input!$D$19=4,J7045*Input!$C$19,0)+IF(Input!$D$20=4,K7045*Input!$C$20,0)+IF(Input!$D$21=4,L7045*Input!$C$21,0)+IF(Input!$D$22=4,M7045*Input!$C$22,0)</f>
        <v>0</v>
      </c>
      <c r="R7045" s="58">
        <v>41.411862399196515</v>
      </c>
      <c r="S7045" s="124">
        <f t="shared" si="109"/>
        <v>0.88205791241581699</v>
      </c>
    </row>
    <row r="7046" spans="8:19" x14ac:dyDescent="0.3">
      <c r="H7046" s="44">
        <v>7039</v>
      </c>
      <c r="I7046" s="56">
        <f>Bühler!I7072</f>
        <v>0.23973881722070914</v>
      </c>
      <c r="J7046" s="59">
        <f>Bühler!J7072</f>
        <v>0.79912939073569722</v>
      </c>
      <c r="K7046" s="59">
        <f>Bühler!K7072</f>
        <v>1.1986940861035458</v>
      </c>
      <c r="L7046" s="59">
        <f>Bühler!L7072</f>
        <v>12.427188988721904</v>
      </c>
      <c r="M7046" s="58">
        <f>Bühler!M7072</f>
        <v>0</v>
      </c>
      <c r="N7046" s="56">
        <f>IF(Input!$D$19=1,J7046*Input!$C$19,0)+IF(Input!$D$20=1,K7046*Input!$C$20,0)+IF(Input!$D$21=1,L7046*Input!$C$21,0)+IF(Input!$D$22=1,M7046*Input!$C$22,0)</f>
        <v>0.23973881722070917</v>
      </c>
      <c r="O7046" s="59">
        <f>IF(Input!$D$19=2,J7046*Input!$C$19,0)+IF(Input!$D$20=2,K7046*Input!$C$20,0)+IF(Input!$D$21=2,L7046*Input!$C$21,0)+IF(Input!$D$22=2,M7046*Input!$C$22,0)</f>
        <v>0.59934704305177289</v>
      </c>
      <c r="P7046" s="59">
        <f>IF(Input!$D$19=3,J7046*Input!$C$19,0)+IF(Input!$D$20=3,K7046*Input!$C$20,0)+IF(Input!$D$21=3,L7046*Input!$C$21,0)+IF(Input!$D$22=3,M7046*Input!$C$22,0)</f>
        <v>0</v>
      </c>
      <c r="Q7046" s="75">
        <f>IF(Input!$D$19=4,J7046*Input!$C$19,0)+IF(Input!$D$20=4,K7046*Input!$C$20,0)+IF(Input!$D$21=4,L7046*Input!$C$21,0)+IF(Input!$D$22=4,M7046*Input!$C$22,0)</f>
        <v>0</v>
      </c>
      <c r="R7046" s="58">
        <v>41.168210913302126</v>
      </c>
      <c r="S7046" s="124">
        <f t="shared" si="109"/>
        <v>1.0388682079564064</v>
      </c>
    </row>
    <row r="7047" spans="8:19" x14ac:dyDescent="0.3">
      <c r="H7047" s="44">
        <v>7040</v>
      </c>
      <c r="I7047" s="56">
        <f>Bühler!I7073</f>
        <v>0.28497255631895618</v>
      </c>
      <c r="J7047" s="59">
        <f>Bühler!J7073</f>
        <v>0.94990852106318746</v>
      </c>
      <c r="K7047" s="59">
        <f>Bühler!K7073</f>
        <v>1.4248627815947812</v>
      </c>
      <c r="L7047" s="59">
        <f>Bühler!L7073</f>
        <v>14.771941628103393</v>
      </c>
      <c r="M7047" s="58">
        <f>Bühler!M7073</f>
        <v>0</v>
      </c>
      <c r="N7047" s="56">
        <f>IF(Input!$D$19=1,J7047*Input!$C$19,0)+IF(Input!$D$20=1,K7047*Input!$C$20,0)+IF(Input!$D$21=1,L7047*Input!$C$21,0)+IF(Input!$D$22=1,M7047*Input!$C$22,0)</f>
        <v>0.28497255631895624</v>
      </c>
      <c r="O7047" s="59">
        <f>IF(Input!$D$19=2,J7047*Input!$C$19,0)+IF(Input!$D$20=2,K7047*Input!$C$20,0)+IF(Input!$D$21=2,L7047*Input!$C$21,0)+IF(Input!$D$22=2,M7047*Input!$C$22,0)</f>
        <v>0.7124313907973906</v>
      </c>
      <c r="P7047" s="59">
        <f>IF(Input!$D$19=3,J7047*Input!$C$19,0)+IF(Input!$D$20=3,K7047*Input!$C$20,0)+IF(Input!$D$21=3,L7047*Input!$C$21,0)+IF(Input!$D$22=3,M7047*Input!$C$22,0)</f>
        <v>0</v>
      </c>
      <c r="Q7047" s="75">
        <f>IF(Input!$D$19=4,J7047*Input!$C$19,0)+IF(Input!$D$20=4,K7047*Input!$C$20,0)+IF(Input!$D$21=4,L7047*Input!$C$21,0)+IF(Input!$D$22=4,M7047*Input!$C$22,0)</f>
        <v>0</v>
      </c>
      <c r="R7047" s="58">
        <v>41.572991147510436</v>
      </c>
      <c r="S7047" s="124">
        <f t="shared" si="109"/>
        <v>1.2348810773821437</v>
      </c>
    </row>
    <row r="7048" spans="8:19" x14ac:dyDescent="0.3">
      <c r="H7048" s="44">
        <v>7041</v>
      </c>
      <c r="I7048" s="56">
        <f>Bühler!I7074</f>
        <v>0.28497255631895618</v>
      </c>
      <c r="J7048" s="59">
        <f>Bühler!J7074</f>
        <v>0.94990852106318746</v>
      </c>
      <c r="K7048" s="59">
        <f>Bühler!K7074</f>
        <v>1.4248627815947812</v>
      </c>
      <c r="L7048" s="59">
        <f>Bühler!L7074</f>
        <v>14.771941628103393</v>
      </c>
      <c r="M7048" s="58">
        <f>Bühler!M7074</f>
        <v>0</v>
      </c>
      <c r="N7048" s="56">
        <f>IF(Input!$D$19=1,J7048*Input!$C$19,0)+IF(Input!$D$20=1,K7048*Input!$C$20,0)+IF(Input!$D$21=1,L7048*Input!$C$21,0)+IF(Input!$D$22=1,M7048*Input!$C$22,0)</f>
        <v>0.28497255631895624</v>
      </c>
      <c r="O7048" s="59">
        <f>IF(Input!$D$19=2,J7048*Input!$C$19,0)+IF(Input!$D$20=2,K7048*Input!$C$20,0)+IF(Input!$D$21=2,L7048*Input!$C$21,0)+IF(Input!$D$22=2,M7048*Input!$C$22,0)</f>
        <v>0.7124313907973906</v>
      </c>
      <c r="P7048" s="59">
        <f>IF(Input!$D$19=3,J7048*Input!$C$19,0)+IF(Input!$D$20=3,K7048*Input!$C$20,0)+IF(Input!$D$21=3,L7048*Input!$C$21,0)+IF(Input!$D$22=3,M7048*Input!$C$22,0)</f>
        <v>0</v>
      </c>
      <c r="Q7048" s="75">
        <f>IF(Input!$D$19=4,J7048*Input!$C$19,0)+IF(Input!$D$20=4,K7048*Input!$C$20,0)+IF(Input!$D$21=4,L7048*Input!$C$21,0)+IF(Input!$D$22=4,M7048*Input!$C$22,0)</f>
        <v>0</v>
      </c>
      <c r="R7048" s="58">
        <v>41.108552502399817</v>
      </c>
      <c r="S7048" s="124">
        <f t="shared" si="109"/>
        <v>1.2348810773821437</v>
      </c>
    </row>
    <row r="7049" spans="8:19" x14ac:dyDescent="0.3">
      <c r="H7049" s="44">
        <v>7042</v>
      </c>
      <c r="I7049" s="56">
        <f>Bühler!I7075</f>
        <v>0.28497255631895618</v>
      </c>
      <c r="J7049" s="59">
        <f>Bühler!J7075</f>
        <v>0.94990852106318746</v>
      </c>
      <c r="K7049" s="59">
        <f>Bühler!K7075</f>
        <v>1.4248627815947812</v>
      </c>
      <c r="L7049" s="59">
        <f>Bühler!L7075</f>
        <v>14.771941628103393</v>
      </c>
      <c r="M7049" s="58">
        <f>Bühler!M7075</f>
        <v>0</v>
      </c>
      <c r="N7049" s="56">
        <f>IF(Input!$D$19=1,J7049*Input!$C$19,0)+IF(Input!$D$20=1,K7049*Input!$C$20,0)+IF(Input!$D$21=1,L7049*Input!$C$21,0)+IF(Input!$D$22=1,M7049*Input!$C$22,0)</f>
        <v>0.28497255631895624</v>
      </c>
      <c r="O7049" s="59">
        <f>IF(Input!$D$19=2,J7049*Input!$C$19,0)+IF(Input!$D$20=2,K7049*Input!$C$20,0)+IF(Input!$D$21=2,L7049*Input!$C$21,0)+IF(Input!$D$22=2,M7049*Input!$C$22,0)</f>
        <v>0.7124313907973906</v>
      </c>
      <c r="P7049" s="59">
        <f>IF(Input!$D$19=3,J7049*Input!$C$19,0)+IF(Input!$D$20=3,K7049*Input!$C$20,0)+IF(Input!$D$21=3,L7049*Input!$C$21,0)+IF(Input!$D$22=3,M7049*Input!$C$22,0)</f>
        <v>0</v>
      </c>
      <c r="Q7049" s="75">
        <f>IF(Input!$D$19=4,J7049*Input!$C$19,0)+IF(Input!$D$20=4,K7049*Input!$C$20,0)+IF(Input!$D$21=4,L7049*Input!$C$21,0)+IF(Input!$D$22=4,M7049*Input!$C$22,0)</f>
        <v>0</v>
      </c>
      <c r="R7049" s="58">
        <v>40.721368618541348</v>
      </c>
      <c r="S7049" s="124">
        <f t="shared" ref="S7049:S7112" si="110">I7049+J7049</f>
        <v>1.2348810773821437</v>
      </c>
    </row>
    <row r="7050" spans="8:19" x14ac:dyDescent="0.3">
      <c r="H7050" s="44">
        <v>7043</v>
      </c>
      <c r="I7050" s="56">
        <f>Bühler!I7076</f>
        <v>0.28497255631895618</v>
      </c>
      <c r="J7050" s="59">
        <f>Bühler!J7076</f>
        <v>0.94990852106318746</v>
      </c>
      <c r="K7050" s="59">
        <f>Bühler!K7076</f>
        <v>1.4248627815947812</v>
      </c>
      <c r="L7050" s="59">
        <f>Bühler!L7076</f>
        <v>14.771941628103393</v>
      </c>
      <c r="M7050" s="58">
        <f>Bühler!M7076</f>
        <v>0</v>
      </c>
      <c r="N7050" s="56">
        <f>IF(Input!$D$19=1,J7050*Input!$C$19,0)+IF(Input!$D$20=1,K7050*Input!$C$20,0)+IF(Input!$D$21=1,L7050*Input!$C$21,0)+IF(Input!$D$22=1,M7050*Input!$C$22,0)</f>
        <v>0.28497255631895624</v>
      </c>
      <c r="O7050" s="59">
        <f>IF(Input!$D$19=2,J7050*Input!$C$19,0)+IF(Input!$D$20=2,K7050*Input!$C$20,0)+IF(Input!$D$21=2,L7050*Input!$C$21,0)+IF(Input!$D$22=2,M7050*Input!$C$22,0)</f>
        <v>0.7124313907973906</v>
      </c>
      <c r="P7050" s="59">
        <f>IF(Input!$D$19=3,J7050*Input!$C$19,0)+IF(Input!$D$20=3,K7050*Input!$C$20,0)+IF(Input!$D$21=3,L7050*Input!$C$21,0)+IF(Input!$D$22=3,M7050*Input!$C$22,0)</f>
        <v>0</v>
      </c>
      <c r="Q7050" s="75">
        <f>IF(Input!$D$19=4,J7050*Input!$C$19,0)+IF(Input!$D$20=4,K7050*Input!$C$20,0)+IF(Input!$D$21=4,L7050*Input!$C$21,0)+IF(Input!$D$22=4,M7050*Input!$C$22,0)</f>
        <v>0</v>
      </c>
      <c r="R7050" s="58">
        <v>41.165342638997828</v>
      </c>
      <c r="S7050" s="124">
        <f t="shared" si="110"/>
        <v>1.2348810773821437</v>
      </c>
    </row>
    <row r="7051" spans="8:19" x14ac:dyDescent="0.3">
      <c r="H7051" s="44">
        <v>7044</v>
      </c>
      <c r="I7051" s="56">
        <f>Bühler!I7077</f>
        <v>0.28497255631895618</v>
      </c>
      <c r="J7051" s="59">
        <f>Bühler!J7077</f>
        <v>0.94990852106318746</v>
      </c>
      <c r="K7051" s="59">
        <f>Bühler!K7077</f>
        <v>1.4248627815947812</v>
      </c>
      <c r="L7051" s="59">
        <f>Bühler!L7077</f>
        <v>14.771941628103393</v>
      </c>
      <c r="M7051" s="58">
        <f>Bühler!M7077</f>
        <v>0</v>
      </c>
      <c r="N7051" s="56">
        <f>IF(Input!$D$19=1,J7051*Input!$C$19,0)+IF(Input!$D$20=1,K7051*Input!$C$20,0)+IF(Input!$D$21=1,L7051*Input!$C$21,0)+IF(Input!$D$22=1,M7051*Input!$C$22,0)</f>
        <v>0.28497255631895624</v>
      </c>
      <c r="O7051" s="59">
        <f>IF(Input!$D$19=2,J7051*Input!$C$19,0)+IF(Input!$D$20=2,K7051*Input!$C$20,0)+IF(Input!$D$21=2,L7051*Input!$C$21,0)+IF(Input!$D$22=2,M7051*Input!$C$22,0)</f>
        <v>0.7124313907973906</v>
      </c>
      <c r="P7051" s="59">
        <f>IF(Input!$D$19=3,J7051*Input!$C$19,0)+IF(Input!$D$20=3,K7051*Input!$C$20,0)+IF(Input!$D$21=3,L7051*Input!$C$21,0)+IF(Input!$D$22=3,M7051*Input!$C$22,0)</f>
        <v>0</v>
      </c>
      <c r="Q7051" s="75">
        <f>IF(Input!$D$19=4,J7051*Input!$C$19,0)+IF(Input!$D$20=4,K7051*Input!$C$20,0)+IF(Input!$D$21=4,L7051*Input!$C$21,0)+IF(Input!$D$22=4,M7051*Input!$C$22,0)</f>
        <v>0</v>
      </c>
      <c r="R7051" s="58">
        <v>41.244700228685232</v>
      </c>
      <c r="S7051" s="124">
        <f t="shared" si="110"/>
        <v>1.2348810773821437</v>
      </c>
    </row>
    <row r="7052" spans="8:19" x14ac:dyDescent="0.3">
      <c r="H7052" s="44">
        <v>7045</v>
      </c>
      <c r="I7052" s="56">
        <f>Bühler!I7078</f>
        <v>0.28497255631895618</v>
      </c>
      <c r="J7052" s="59">
        <f>Bühler!J7078</f>
        <v>0.94990852106318746</v>
      </c>
      <c r="K7052" s="59">
        <f>Bühler!K7078</f>
        <v>1.4248627815947812</v>
      </c>
      <c r="L7052" s="59">
        <f>Bühler!L7078</f>
        <v>14.771941628103393</v>
      </c>
      <c r="M7052" s="58">
        <f>Bühler!M7078</f>
        <v>0</v>
      </c>
      <c r="N7052" s="56">
        <f>IF(Input!$D$19=1,J7052*Input!$C$19,0)+IF(Input!$D$20=1,K7052*Input!$C$20,0)+IF(Input!$D$21=1,L7052*Input!$C$21,0)+IF(Input!$D$22=1,M7052*Input!$C$22,0)</f>
        <v>0.28497255631895624</v>
      </c>
      <c r="O7052" s="59">
        <f>IF(Input!$D$19=2,J7052*Input!$C$19,0)+IF(Input!$D$20=2,K7052*Input!$C$20,0)+IF(Input!$D$21=2,L7052*Input!$C$21,0)+IF(Input!$D$22=2,M7052*Input!$C$22,0)</f>
        <v>0.7124313907973906</v>
      </c>
      <c r="P7052" s="59">
        <f>IF(Input!$D$19=3,J7052*Input!$C$19,0)+IF(Input!$D$20=3,K7052*Input!$C$20,0)+IF(Input!$D$21=3,L7052*Input!$C$21,0)+IF(Input!$D$22=3,M7052*Input!$C$22,0)</f>
        <v>0</v>
      </c>
      <c r="Q7052" s="75">
        <f>IF(Input!$D$19=4,J7052*Input!$C$19,0)+IF(Input!$D$20=4,K7052*Input!$C$20,0)+IF(Input!$D$21=4,L7052*Input!$C$21,0)+IF(Input!$D$22=4,M7052*Input!$C$22,0)</f>
        <v>0</v>
      </c>
      <c r="R7052" s="58">
        <v>41.135731381440301</v>
      </c>
      <c r="S7052" s="124">
        <f t="shared" si="110"/>
        <v>1.2348810773821437</v>
      </c>
    </row>
    <row r="7053" spans="8:19" x14ac:dyDescent="0.3">
      <c r="H7053" s="44">
        <v>7046</v>
      </c>
      <c r="I7053" s="56">
        <f>Bühler!I7079</f>
        <v>0.28497255631895618</v>
      </c>
      <c r="J7053" s="59">
        <f>Bühler!J7079</f>
        <v>0.94990852106318746</v>
      </c>
      <c r="K7053" s="59">
        <f>Bühler!K7079</f>
        <v>1.4248627815947812</v>
      </c>
      <c r="L7053" s="59">
        <f>Bühler!L7079</f>
        <v>14.771941628103393</v>
      </c>
      <c r="M7053" s="58">
        <f>Bühler!M7079</f>
        <v>0</v>
      </c>
      <c r="N7053" s="56">
        <f>IF(Input!$D$19=1,J7053*Input!$C$19,0)+IF(Input!$D$20=1,K7053*Input!$C$20,0)+IF(Input!$D$21=1,L7053*Input!$C$21,0)+IF(Input!$D$22=1,M7053*Input!$C$22,0)</f>
        <v>0.28497255631895624</v>
      </c>
      <c r="O7053" s="59">
        <f>IF(Input!$D$19=2,J7053*Input!$C$19,0)+IF(Input!$D$20=2,K7053*Input!$C$20,0)+IF(Input!$D$21=2,L7053*Input!$C$21,0)+IF(Input!$D$22=2,M7053*Input!$C$22,0)</f>
        <v>0.7124313907973906</v>
      </c>
      <c r="P7053" s="59">
        <f>IF(Input!$D$19=3,J7053*Input!$C$19,0)+IF(Input!$D$20=3,K7053*Input!$C$20,0)+IF(Input!$D$21=3,L7053*Input!$C$21,0)+IF(Input!$D$22=3,M7053*Input!$C$22,0)</f>
        <v>0</v>
      </c>
      <c r="Q7053" s="75">
        <f>IF(Input!$D$19=4,J7053*Input!$C$19,0)+IF(Input!$D$20=4,K7053*Input!$C$20,0)+IF(Input!$D$21=4,L7053*Input!$C$21,0)+IF(Input!$D$22=4,M7053*Input!$C$22,0)</f>
        <v>0</v>
      </c>
      <c r="R7053" s="58">
        <v>40.950483419278065</v>
      </c>
      <c r="S7053" s="124">
        <f t="shared" si="110"/>
        <v>1.2348810773821437</v>
      </c>
    </row>
    <row r="7054" spans="8:19" x14ac:dyDescent="0.3">
      <c r="H7054" s="44">
        <v>7047</v>
      </c>
      <c r="I7054" s="56">
        <f>Bühler!I7080</f>
        <v>0.28497255631895618</v>
      </c>
      <c r="J7054" s="59">
        <f>Bühler!J7080</f>
        <v>0.94990852106318746</v>
      </c>
      <c r="K7054" s="59">
        <f>Bühler!K7080</f>
        <v>1.4248627815947812</v>
      </c>
      <c r="L7054" s="59">
        <f>Bühler!L7080</f>
        <v>14.771941628103393</v>
      </c>
      <c r="M7054" s="58">
        <f>Bühler!M7080</f>
        <v>0</v>
      </c>
      <c r="N7054" s="56">
        <f>IF(Input!$D$19=1,J7054*Input!$C$19,0)+IF(Input!$D$20=1,K7054*Input!$C$20,0)+IF(Input!$D$21=1,L7054*Input!$C$21,0)+IF(Input!$D$22=1,M7054*Input!$C$22,0)</f>
        <v>0.28497255631895624</v>
      </c>
      <c r="O7054" s="59">
        <f>IF(Input!$D$19=2,J7054*Input!$C$19,0)+IF(Input!$D$20=2,K7054*Input!$C$20,0)+IF(Input!$D$21=2,L7054*Input!$C$21,0)+IF(Input!$D$22=2,M7054*Input!$C$22,0)</f>
        <v>0.7124313907973906</v>
      </c>
      <c r="P7054" s="59">
        <f>IF(Input!$D$19=3,J7054*Input!$C$19,0)+IF(Input!$D$20=3,K7054*Input!$C$20,0)+IF(Input!$D$21=3,L7054*Input!$C$21,0)+IF(Input!$D$22=3,M7054*Input!$C$22,0)</f>
        <v>0</v>
      </c>
      <c r="Q7054" s="75">
        <f>IF(Input!$D$19=4,J7054*Input!$C$19,0)+IF(Input!$D$20=4,K7054*Input!$C$20,0)+IF(Input!$D$21=4,L7054*Input!$C$21,0)+IF(Input!$D$22=4,M7054*Input!$C$22,0)</f>
        <v>0</v>
      </c>
      <c r="R7054" s="58">
        <v>40.846370444042385</v>
      </c>
      <c r="S7054" s="124">
        <f t="shared" si="110"/>
        <v>1.2348810773821437</v>
      </c>
    </row>
    <row r="7055" spans="8:19" x14ac:dyDescent="0.3">
      <c r="H7055" s="44">
        <v>7048</v>
      </c>
      <c r="I7055" s="56">
        <f>Bühler!I7081</f>
        <v>0.2533089389501833</v>
      </c>
      <c r="J7055" s="59">
        <f>Bühler!J7081</f>
        <v>0.84436312983394446</v>
      </c>
      <c r="K7055" s="59">
        <f>Bühler!K7081</f>
        <v>1.2665446947509167</v>
      </c>
      <c r="L7055" s="59">
        <f>Bühler!L7081</f>
        <v>13.130614780536348</v>
      </c>
      <c r="M7055" s="58">
        <f>Bühler!M7081</f>
        <v>0</v>
      </c>
      <c r="N7055" s="56">
        <f>IF(Input!$D$19=1,J7055*Input!$C$19,0)+IF(Input!$D$20=1,K7055*Input!$C$20,0)+IF(Input!$D$21=1,L7055*Input!$C$21,0)+IF(Input!$D$22=1,M7055*Input!$C$22,0)</f>
        <v>0.2533089389501833</v>
      </c>
      <c r="O7055" s="59">
        <f>IF(Input!$D$19=2,J7055*Input!$C$19,0)+IF(Input!$D$20=2,K7055*Input!$C$20,0)+IF(Input!$D$21=2,L7055*Input!$C$21,0)+IF(Input!$D$22=2,M7055*Input!$C$22,0)</f>
        <v>0.63327234737545834</v>
      </c>
      <c r="P7055" s="59">
        <f>IF(Input!$D$19=3,J7055*Input!$C$19,0)+IF(Input!$D$20=3,K7055*Input!$C$20,0)+IF(Input!$D$21=3,L7055*Input!$C$21,0)+IF(Input!$D$22=3,M7055*Input!$C$22,0)</f>
        <v>0</v>
      </c>
      <c r="Q7055" s="75">
        <f>IF(Input!$D$19=4,J7055*Input!$C$19,0)+IF(Input!$D$20=4,K7055*Input!$C$20,0)+IF(Input!$D$21=4,L7055*Input!$C$21,0)+IF(Input!$D$22=4,M7055*Input!$C$22,0)</f>
        <v>0</v>
      </c>
      <c r="R7055" s="58">
        <v>41.116391546010064</v>
      </c>
      <c r="S7055" s="124">
        <f t="shared" si="110"/>
        <v>1.0976720687841277</v>
      </c>
    </row>
    <row r="7056" spans="8:19" x14ac:dyDescent="0.3">
      <c r="H7056" s="44">
        <v>7049</v>
      </c>
      <c r="I7056" s="56">
        <f>Bühler!I7082</f>
        <v>0.24878556504035854</v>
      </c>
      <c r="J7056" s="59">
        <f>Bühler!J7082</f>
        <v>0.82928521680119527</v>
      </c>
      <c r="K7056" s="59">
        <f>Bühler!K7082</f>
        <v>1.2439278252017929</v>
      </c>
      <c r="L7056" s="59">
        <f>Bühler!L7082</f>
        <v>12.8961395165982</v>
      </c>
      <c r="M7056" s="58">
        <f>Bühler!M7082</f>
        <v>0</v>
      </c>
      <c r="N7056" s="56">
        <f>IF(Input!$D$19=1,J7056*Input!$C$19,0)+IF(Input!$D$20=1,K7056*Input!$C$20,0)+IF(Input!$D$21=1,L7056*Input!$C$21,0)+IF(Input!$D$22=1,M7056*Input!$C$22,0)</f>
        <v>0.24878556504035856</v>
      </c>
      <c r="O7056" s="59">
        <f>IF(Input!$D$19=2,J7056*Input!$C$19,0)+IF(Input!$D$20=2,K7056*Input!$C$20,0)+IF(Input!$D$21=2,L7056*Input!$C$21,0)+IF(Input!$D$22=2,M7056*Input!$C$22,0)</f>
        <v>0.62196391260089645</v>
      </c>
      <c r="P7056" s="59">
        <f>IF(Input!$D$19=3,J7056*Input!$C$19,0)+IF(Input!$D$20=3,K7056*Input!$C$20,0)+IF(Input!$D$21=3,L7056*Input!$C$21,0)+IF(Input!$D$22=3,M7056*Input!$C$22,0)</f>
        <v>0</v>
      </c>
      <c r="Q7056" s="75">
        <f>IF(Input!$D$19=4,J7056*Input!$C$19,0)+IF(Input!$D$20=4,K7056*Input!$C$20,0)+IF(Input!$D$21=4,L7056*Input!$C$21,0)+IF(Input!$D$22=4,M7056*Input!$C$22,0)</f>
        <v>0</v>
      </c>
      <c r="R7056" s="58">
        <v>40.750719778275119</v>
      </c>
      <c r="S7056" s="124">
        <f t="shared" si="110"/>
        <v>1.0780707818415538</v>
      </c>
    </row>
    <row r="7057" spans="8:19" x14ac:dyDescent="0.3">
      <c r="H7057" s="44">
        <v>7050</v>
      </c>
      <c r="I7057" s="56">
        <f>Bühler!I7083</f>
        <v>0.21259857376176095</v>
      </c>
      <c r="J7057" s="59">
        <f>Bühler!J7083</f>
        <v>0.70866191253920319</v>
      </c>
      <c r="K7057" s="59">
        <f>Bühler!K7083</f>
        <v>1.0629928688088048</v>
      </c>
      <c r="L7057" s="59">
        <f>Bühler!L7083</f>
        <v>11.020337405093009</v>
      </c>
      <c r="M7057" s="58">
        <f>Bühler!M7083</f>
        <v>0</v>
      </c>
      <c r="N7057" s="56">
        <f>IF(Input!$D$19=1,J7057*Input!$C$19,0)+IF(Input!$D$20=1,K7057*Input!$C$20,0)+IF(Input!$D$21=1,L7057*Input!$C$21,0)+IF(Input!$D$22=1,M7057*Input!$C$22,0)</f>
        <v>0.21259857376176095</v>
      </c>
      <c r="O7057" s="59">
        <f>IF(Input!$D$19=2,J7057*Input!$C$19,0)+IF(Input!$D$20=2,K7057*Input!$C$20,0)+IF(Input!$D$21=2,L7057*Input!$C$21,0)+IF(Input!$D$22=2,M7057*Input!$C$22,0)</f>
        <v>0.53149643440440242</v>
      </c>
      <c r="P7057" s="59">
        <f>IF(Input!$D$19=3,J7057*Input!$C$19,0)+IF(Input!$D$20=3,K7057*Input!$C$20,0)+IF(Input!$D$21=3,L7057*Input!$C$21,0)+IF(Input!$D$22=3,M7057*Input!$C$22,0)</f>
        <v>0</v>
      </c>
      <c r="Q7057" s="75">
        <f>IF(Input!$D$19=4,J7057*Input!$C$19,0)+IF(Input!$D$20=4,K7057*Input!$C$20,0)+IF(Input!$D$21=4,L7057*Input!$C$21,0)+IF(Input!$D$22=4,M7057*Input!$C$22,0)</f>
        <v>0</v>
      </c>
      <c r="R7057" s="58">
        <v>41.068300358669617</v>
      </c>
      <c r="S7057" s="124">
        <f t="shared" si="110"/>
        <v>0.92126048630096413</v>
      </c>
    </row>
    <row r="7058" spans="8:19" x14ac:dyDescent="0.3">
      <c r="H7058" s="44">
        <v>7051</v>
      </c>
      <c r="I7058" s="56">
        <f>Bühler!I7084</f>
        <v>0.19902845203228686</v>
      </c>
      <c r="J7058" s="59">
        <f>Bühler!J7084</f>
        <v>0.66342817344095628</v>
      </c>
      <c r="K7058" s="59">
        <f>Bühler!K7084</f>
        <v>0.99514226016143448</v>
      </c>
      <c r="L7058" s="59">
        <f>Bühler!L7084</f>
        <v>10.316911613278561</v>
      </c>
      <c r="M7058" s="58">
        <f>Bühler!M7084</f>
        <v>0</v>
      </c>
      <c r="N7058" s="56">
        <f>IF(Input!$D$19=1,J7058*Input!$C$19,0)+IF(Input!$D$20=1,K7058*Input!$C$20,0)+IF(Input!$D$21=1,L7058*Input!$C$21,0)+IF(Input!$D$22=1,M7058*Input!$C$22,0)</f>
        <v>0.19902845203228689</v>
      </c>
      <c r="O7058" s="59">
        <f>IF(Input!$D$19=2,J7058*Input!$C$19,0)+IF(Input!$D$20=2,K7058*Input!$C$20,0)+IF(Input!$D$21=2,L7058*Input!$C$21,0)+IF(Input!$D$22=2,M7058*Input!$C$22,0)</f>
        <v>0.49757113008071724</v>
      </c>
      <c r="P7058" s="59">
        <f>IF(Input!$D$19=3,J7058*Input!$C$19,0)+IF(Input!$D$20=3,K7058*Input!$C$20,0)+IF(Input!$D$21=3,L7058*Input!$C$21,0)+IF(Input!$D$22=3,M7058*Input!$C$22,0)</f>
        <v>0</v>
      </c>
      <c r="Q7058" s="75">
        <f>IF(Input!$D$19=4,J7058*Input!$C$19,0)+IF(Input!$D$20=4,K7058*Input!$C$20,0)+IF(Input!$D$21=4,L7058*Input!$C$21,0)+IF(Input!$D$22=4,M7058*Input!$C$22,0)</f>
        <v>0</v>
      </c>
      <c r="R7058" s="58">
        <v>41.420750934877745</v>
      </c>
      <c r="S7058" s="124">
        <f t="shared" si="110"/>
        <v>0.86245662547324309</v>
      </c>
    </row>
    <row r="7059" spans="8:19" x14ac:dyDescent="0.3">
      <c r="H7059" s="44">
        <v>7052</v>
      </c>
      <c r="I7059" s="56">
        <f>Bühler!I7085</f>
        <v>0.16736483466351396</v>
      </c>
      <c r="J7059" s="59">
        <f>Bühler!J7085</f>
        <v>0.55788278221171328</v>
      </c>
      <c r="K7059" s="59">
        <f>Bühler!K7085</f>
        <v>0.83682417331756986</v>
      </c>
      <c r="L7059" s="59">
        <f>Bühler!L7085</f>
        <v>8.6755847657115179</v>
      </c>
      <c r="M7059" s="58">
        <f>Bühler!M7085</f>
        <v>0</v>
      </c>
      <c r="N7059" s="56">
        <f>IF(Input!$D$19=1,J7059*Input!$C$19,0)+IF(Input!$D$20=1,K7059*Input!$C$20,0)+IF(Input!$D$21=1,L7059*Input!$C$21,0)+IF(Input!$D$22=1,M7059*Input!$C$22,0)</f>
        <v>0.16736483466351398</v>
      </c>
      <c r="O7059" s="59">
        <f>IF(Input!$D$19=2,J7059*Input!$C$19,0)+IF(Input!$D$20=2,K7059*Input!$C$20,0)+IF(Input!$D$21=2,L7059*Input!$C$21,0)+IF(Input!$D$22=2,M7059*Input!$C$22,0)</f>
        <v>0.41841208665878493</v>
      </c>
      <c r="P7059" s="59">
        <f>IF(Input!$D$19=3,J7059*Input!$C$19,0)+IF(Input!$D$20=3,K7059*Input!$C$20,0)+IF(Input!$D$21=3,L7059*Input!$C$21,0)+IF(Input!$D$22=3,M7059*Input!$C$22,0)</f>
        <v>0</v>
      </c>
      <c r="Q7059" s="75">
        <f>IF(Input!$D$19=4,J7059*Input!$C$19,0)+IF(Input!$D$20=4,K7059*Input!$C$20,0)+IF(Input!$D$21=4,L7059*Input!$C$21,0)+IF(Input!$D$22=4,M7059*Input!$C$22,0)</f>
        <v>0</v>
      </c>
      <c r="R7059" s="58">
        <v>41.724910538176246</v>
      </c>
      <c r="S7059" s="124">
        <f t="shared" si="110"/>
        <v>0.72524761687522721</v>
      </c>
    </row>
    <row r="7060" spans="8:19" x14ac:dyDescent="0.3">
      <c r="H7060" s="44">
        <v>7053</v>
      </c>
      <c r="I7060" s="56">
        <f>Bühler!I7086</f>
        <v>0.14022459120456574</v>
      </c>
      <c r="J7060" s="59">
        <f>Bühler!J7086</f>
        <v>0.46741530401521914</v>
      </c>
      <c r="K7060" s="59">
        <f>Bühler!K7086</f>
        <v>0.7011229560228287</v>
      </c>
      <c r="L7060" s="59">
        <f>Bühler!L7086</f>
        <v>7.268733182082622</v>
      </c>
      <c r="M7060" s="58">
        <f>Bühler!M7086</f>
        <v>0</v>
      </c>
      <c r="N7060" s="56">
        <f>IF(Input!$D$19=1,J7060*Input!$C$19,0)+IF(Input!$D$20=1,K7060*Input!$C$20,0)+IF(Input!$D$21=1,L7060*Input!$C$21,0)+IF(Input!$D$22=1,M7060*Input!$C$22,0)</f>
        <v>0.14022459120456574</v>
      </c>
      <c r="O7060" s="59">
        <f>IF(Input!$D$19=2,J7060*Input!$C$19,0)+IF(Input!$D$20=2,K7060*Input!$C$20,0)+IF(Input!$D$21=2,L7060*Input!$C$21,0)+IF(Input!$D$22=2,M7060*Input!$C$22,0)</f>
        <v>0.35056147801141435</v>
      </c>
      <c r="P7060" s="59">
        <f>IF(Input!$D$19=3,J7060*Input!$C$19,0)+IF(Input!$D$20=3,K7060*Input!$C$20,0)+IF(Input!$D$21=3,L7060*Input!$C$21,0)+IF(Input!$D$22=3,M7060*Input!$C$22,0)</f>
        <v>0</v>
      </c>
      <c r="Q7060" s="75">
        <f>IF(Input!$D$19=4,J7060*Input!$C$19,0)+IF(Input!$D$20=4,K7060*Input!$C$20,0)+IF(Input!$D$21=4,L7060*Input!$C$21,0)+IF(Input!$D$22=4,M7060*Input!$C$22,0)</f>
        <v>0</v>
      </c>
      <c r="R7060" s="58">
        <v>41.610458767611817</v>
      </c>
      <c r="S7060" s="124">
        <f t="shared" si="110"/>
        <v>0.6076398952197849</v>
      </c>
    </row>
    <row r="7061" spans="8:19" x14ac:dyDescent="0.3">
      <c r="H7061" s="44">
        <v>7054</v>
      </c>
      <c r="I7061" s="56">
        <f>Bühler!I7087</f>
        <v>0.12213109556526694</v>
      </c>
      <c r="J7061" s="59">
        <f>Bühler!J7087</f>
        <v>0.40710365188422321</v>
      </c>
      <c r="K7061" s="59">
        <f>Bühler!K7087</f>
        <v>0.61065547782633478</v>
      </c>
      <c r="L7061" s="59">
        <f>Bühler!L7087</f>
        <v>6.3308321263300256</v>
      </c>
      <c r="M7061" s="58">
        <f>Bühler!M7087</f>
        <v>0</v>
      </c>
      <c r="N7061" s="56">
        <f>IF(Input!$D$19=1,J7061*Input!$C$19,0)+IF(Input!$D$20=1,K7061*Input!$C$20,0)+IF(Input!$D$21=1,L7061*Input!$C$21,0)+IF(Input!$D$22=1,M7061*Input!$C$22,0)</f>
        <v>0.12213109556526695</v>
      </c>
      <c r="O7061" s="59">
        <f>IF(Input!$D$19=2,J7061*Input!$C$19,0)+IF(Input!$D$20=2,K7061*Input!$C$20,0)+IF(Input!$D$21=2,L7061*Input!$C$21,0)+IF(Input!$D$22=2,M7061*Input!$C$22,0)</f>
        <v>0.30532773891316739</v>
      </c>
      <c r="P7061" s="59">
        <f>IF(Input!$D$19=3,J7061*Input!$C$19,0)+IF(Input!$D$20=3,K7061*Input!$C$20,0)+IF(Input!$D$21=3,L7061*Input!$C$21,0)+IF(Input!$D$22=3,M7061*Input!$C$22,0)</f>
        <v>0</v>
      </c>
      <c r="Q7061" s="75">
        <f>IF(Input!$D$19=4,J7061*Input!$C$19,0)+IF(Input!$D$20=4,K7061*Input!$C$20,0)+IF(Input!$D$21=4,L7061*Input!$C$21,0)+IF(Input!$D$22=4,M7061*Input!$C$22,0)</f>
        <v>0</v>
      </c>
      <c r="R7061" s="58">
        <v>42.374262005451037</v>
      </c>
      <c r="S7061" s="124">
        <f t="shared" si="110"/>
        <v>0.52923474744949017</v>
      </c>
    </row>
    <row r="7062" spans="8:19" x14ac:dyDescent="0.3">
      <c r="H7062" s="44">
        <v>7055</v>
      </c>
      <c r="I7062" s="56">
        <f>Bühler!I7088</f>
        <v>0.12213109556526694</v>
      </c>
      <c r="J7062" s="59">
        <f>Bühler!J7088</f>
        <v>0.40710365188422321</v>
      </c>
      <c r="K7062" s="59">
        <f>Bühler!K7088</f>
        <v>0.61065547782633478</v>
      </c>
      <c r="L7062" s="59">
        <f>Bühler!L7088</f>
        <v>6.3308321263300256</v>
      </c>
      <c r="M7062" s="58">
        <f>Bühler!M7088</f>
        <v>0</v>
      </c>
      <c r="N7062" s="56">
        <f>IF(Input!$D$19=1,J7062*Input!$C$19,0)+IF(Input!$D$20=1,K7062*Input!$C$20,0)+IF(Input!$D$21=1,L7062*Input!$C$21,0)+IF(Input!$D$22=1,M7062*Input!$C$22,0)</f>
        <v>0.12213109556526695</v>
      </c>
      <c r="O7062" s="59">
        <f>IF(Input!$D$19=2,J7062*Input!$C$19,0)+IF(Input!$D$20=2,K7062*Input!$C$20,0)+IF(Input!$D$21=2,L7062*Input!$C$21,0)+IF(Input!$D$22=2,M7062*Input!$C$22,0)</f>
        <v>0.30532773891316739</v>
      </c>
      <c r="P7062" s="59">
        <f>IF(Input!$D$19=3,J7062*Input!$C$19,0)+IF(Input!$D$20=3,K7062*Input!$C$20,0)+IF(Input!$D$21=3,L7062*Input!$C$21,0)+IF(Input!$D$22=3,M7062*Input!$C$22,0)</f>
        <v>0</v>
      </c>
      <c r="Q7062" s="75">
        <f>IF(Input!$D$19=4,J7062*Input!$C$19,0)+IF(Input!$D$20=4,K7062*Input!$C$20,0)+IF(Input!$D$21=4,L7062*Input!$C$21,0)+IF(Input!$D$22=4,M7062*Input!$C$22,0)</f>
        <v>0</v>
      </c>
      <c r="R7062" s="58">
        <v>42.959252353520291</v>
      </c>
      <c r="S7062" s="124">
        <f t="shared" si="110"/>
        <v>0.52923474744949017</v>
      </c>
    </row>
    <row r="7063" spans="8:19" x14ac:dyDescent="0.3">
      <c r="H7063" s="44">
        <v>7056</v>
      </c>
      <c r="I7063" s="56">
        <f>Bühler!I7089</f>
        <v>0.12213109556526694</v>
      </c>
      <c r="J7063" s="59">
        <f>Bühler!J7089</f>
        <v>0.40710365188422321</v>
      </c>
      <c r="K7063" s="59">
        <f>Bühler!K7089</f>
        <v>0.61065547782633478</v>
      </c>
      <c r="L7063" s="59">
        <f>Bühler!L7089</f>
        <v>6.3308321263300256</v>
      </c>
      <c r="M7063" s="58">
        <f>Bühler!M7089</f>
        <v>0</v>
      </c>
      <c r="N7063" s="56">
        <f>IF(Input!$D$19=1,J7063*Input!$C$19,0)+IF(Input!$D$20=1,K7063*Input!$C$20,0)+IF(Input!$D$21=1,L7063*Input!$C$21,0)+IF(Input!$D$22=1,M7063*Input!$C$22,0)</f>
        <v>0.12213109556526695</v>
      </c>
      <c r="O7063" s="59">
        <f>IF(Input!$D$19=2,J7063*Input!$C$19,0)+IF(Input!$D$20=2,K7063*Input!$C$20,0)+IF(Input!$D$21=2,L7063*Input!$C$21,0)+IF(Input!$D$22=2,M7063*Input!$C$22,0)</f>
        <v>0.30532773891316739</v>
      </c>
      <c r="P7063" s="59">
        <f>IF(Input!$D$19=3,J7063*Input!$C$19,0)+IF(Input!$D$20=3,K7063*Input!$C$20,0)+IF(Input!$D$21=3,L7063*Input!$C$21,0)+IF(Input!$D$22=3,M7063*Input!$C$22,0)</f>
        <v>0</v>
      </c>
      <c r="Q7063" s="75">
        <f>IF(Input!$D$19=4,J7063*Input!$C$19,0)+IF(Input!$D$20=4,K7063*Input!$C$20,0)+IF(Input!$D$21=4,L7063*Input!$C$21,0)+IF(Input!$D$22=4,M7063*Input!$C$22,0)</f>
        <v>0</v>
      </c>
      <c r="R7063" s="58">
        <v>43.476151617581962</v>
      </c>
      <c r="S7063" s="124">
        <f t="shared" si="110"/>
        <v>0.52923474744949017</v>
      </c>
    </row>
    <row r="7064" spans="8:19" x14ac:dyDescent="0.3">
      <c r="H7064" s="44">
        <v>7057</v>
      </c>
      <c r="I7064" s="56">
        <f>Bühler!I7090</f>
        <v>7.6318793879040281E-2</v>
      </c>
      <c r="J7064" s="59">
        <f>Bühler!J7090</f>
        <v>0.25439597959680094</v>
      </c>
      <c r="K7064" s="59">
        <f>Bühler!K7090</f>
        <v>0.3815939693952014</v>
      </c>
      <c r="L7064" s="59">
        <f>Bühler!L7090</f>
        <v>1.8316510530969667</v>
      </c>
      <c r="M7064" s="58">
        <f>Bühler!M7090</f>
        <v>0</v>
      </c>
      <c r="N7064" s="56">
        <f>IF(Input!$D$19=1,J7064*Input!$C$19,0)+IF(Input!$D$20=1,K7064*Input!$C$20,0)+IF(Input!$D$21=1,L7064*Input!$C$21,0)+IF(Input!$D$22=1,M7064*Input!$C$22,0)</f>
        <v>7.6318793879040281E-2</v>
      </c>
      <c r="O7064" s="59">
        <f>IF(Input!$D$19=2,J7064*Input!$C$19,0)+IF(Input!$D$20=2,K7064*Input!$C$20,0)+IF(Input!$D$21=2,L7064*Input!$C$21,0)+IF(Input!$D$22=2,M7064*Input!$C$22,0)</f>
        <v>0.1907969846976007</v>
      </c>
      <c r="P7064" s="59">
        <f>IF(Input!$D$19=3,J7064*Input!$C$19,0)+IF(Input!$D$20=3,K7064*Input!$C$20,0)+IF(Input!$D$21=3,L7064*Input!$C$21,0)+IF(Input!$D$22=3,M7064*Input!$C$22,0)</f>
        <v>0</v>
      </c>
      <c r="Q7064" s="75">
        <f>IF(Input!$D$19=4,J7064*Input!$C$19,0)+IF(Input!$D$20=4,K7064*Input!$C$20,0)+IF(Input!$D$21=4,L7064*Input!$C$21,0)+IF(Input!$D$22=4,M7064*Input!$C$22,0)</f>
        <v>0</v>
      </c>
      <c r="R7064" s="58">
        <v>43.940885645636989</v>
      </c>
      <c r="S7064" s="124">
        <f t="shared" si="110"/>
        <v>0.33071477347584122</v>
      </c>
    </row>
    <row r="7065" spans="8:19" x14ac:dyDescent="0.3">
      <c r="H7065" s="44">
        <v>7058</v>
      </c>
      <c r="I7065" s="56">
        <f>Bühler!I7091</f>
        <v>7.6318793879040281E-2</v>
      </c>
      <c r="J7065" s="59">
        <f>Bühler!J7091</f>
        <v>0.25439597959680094</v>
      </c>
      <c r="K7065" s="59">
        <f>Bühler!K7091</f>
        <v>0.3815939693952014</v>
      </c>
      <c r="L7065" s="59">
        <f>Bühler!L7091</f>
        <v>1.8316510530969667</v>
      </c>
      <c r="M7065" s="58">
        <f>Bühler!M7091</f>
        <v>0</v>
      </c>
      <c r="N7065" s="56">
        <f>IF(Input!$D$19=1,J7065*Input!$C$19,0)+IF(Input!$D$20=1,K7065*Input!$C$20,0)+IF(Input!$D$21=1,L7065*Input!$C$21,0)+IF(Input!$D$22=1,M7065*Input!$C$22,0)</f>
        <v>7.6318793879040281E-2</v>
      </c>
      <c r="O7065" s="59">
        <f>IF(Input!$D$19=2,J7065*Input!$C$19,0)+IF(Input!$D$20=2,K7065*Input!$C$20,0)+IF(Input!$D$21=2,L7065*Input!$C$21,0)+IF(Input!$D$22=2,M7065*Input!$C$22,0)</f>
        <v>0.1907969846976007</v>
      </c>
      <c r="P7065" s="59">
        <f>IF(Input!$D$19=3,J7065*Input!$C$19,0)+IF(Input!$D$20=3,K7065*Input!$C$20,0)+IF(Input!$D$21=3,L7065*Input!$C$21,0)+IF(Input!$D$22=3,M7065*Input!$C$22,0)</f>
        <v>0</v>
      </c>
      <c r="Q7065" s="75">
        <f>IF(Input!$D$19=4,J7065*Input!$C$19,0)+IF(Input!$D$20=4,K7065*Input!$C$20,0)+IF(Input!$D$21=4,L7065*Input!$C$21,0)+IF(Input!$D$22=4,M7065*Input!$C$22,0)</f>
        <v>0</v>
      </c>
      <c r="R7065" s="58">
        <v>44.250752298477138</v>
      </c>
      <c r="S7065" s="124">
        <f t="shared" si="110"/>
        <v>0.33071477347584122</v>
      </c>
    </row>
    <row r="7066" spans="8:19" x14ac:dyDescent="0.3">
      <c r="H7066" s="44">
        <v>7059</v>
      </c>
      <c r="I7066" s="56">
        <f>Bühler!I7092</f>
        <v>7.6318793879040281E-2</v>
      </c>
      <c r="J7066" s="59">
        <f>Bühler!J7092</f>
        <v>0.25439597959680094</v>
      </c>
      <c r="K7066" s="59">
        <f>Bühler!K7092</f>
        <v>0.3815939693952014</v>
      </c>
      <c r="L7066" s="59">
        <f>Bühler!L7092</f>
        <v>1.8316510530969667</v>
      </c>
      <c r="M7066" s="58">
        <f>Bühler!M7092</f>
        <v>0</v>
      </c>
      <c r="N7066" s="56">
        <f>IF(Input!$D$19=1,J7066*Input!$C$19,0)+IF(Input!$D$20=1,K7066*Input!$C$20,0)+IF(Input!$D$21=1,L7066*Input!$C$21,0)+IF(Input!$D$22=1,M7066*Input!$C$22,0)</f>
        <v>7.6318793879040281E-2</v>
      </c>
      <c r="O7066" s="59">
        <f>IF(Input!$D$19=2,J7066*Input!$C$19,0)+IF(Input!$D$20=2,K7066*Input!$C$20,0)+IF(Input!$D$21=2,L7066*Input!$C$21,0)+IF(Input!$D$22=2,M7066*Input!$C$22,0)</f>
        <v>0.1907969846976007</v>
      </c>
      <c r="P7066" s="59">
        <f>IF(Input!$D$19=3,J7066*Input!$C$19,0)+IF(Input!$D$20=3,K7066*Input!$C$20,0)+IF(Input!$D$21=3,L7066*Input!$C$21,0)+IF(Input!$D$22=3,M7066*Input!$C$22,0)</f>
        <v>0</v>
      </c>
      <c r="Q7066" s="75">
        <f>IF(Input!$D$19=4,J7066*Input!$C$19,0)+IF(Input!$D$20=4,K7066*Input!$C$20,0)+IF(Input!$D$21=4,L7066*Input!$C$21,0)+IF(Input!$D$22=4,M7066*Input!$C$22,0)</f>
        <v>0</v>
      </c>
      <c r="R7066" s="58">
        <v>44.973898055007879</v>
      </c>
      <c r="S7066" s="124">
        <f t="shared" si="110"/>
        <v>0.33071477347584122</v>
      </c>
    </row>
    <row r="7067" spans="8:19" x14ac:dyDescent="0.3">
      <c r="H7067" s="44">
        <v>7060</v>
      </c>
      <c r="I7067" s="56">
        <f>Bühler!I7093</f>
        <v>7.6318793879040281E-2</v>
      </c>
      <c r="J7067" s="59">
        <f>Bühler!J7093</f>
        <v>0.25439597959680094</v>
      </c>
      <c r="K7067" s="59">
        <f>Bühler!K7093</f>
        <v>0.3815939693952014</v>
      </c>
      <c r="L7067" s="59">
        <f>Bühler!L7093</f>
        <v>1.8316510530969667</v>
      </c>
      <c r="M7067" s="58">
        <f>Bühler!M7093</f>
        <v>0</v>
      </c>
      <c r="N7067" s="56">
        <f>IF(Input!$D$19=1,J7067*Input!$C$19,0)+IF(Input!$D$20=1,K7067*Input!$C$20,0)+IF(Input!$D$21=1,L7067*Input!$C$21,0)+IF(Input!$D$22=1,M7067*Input!$C$22,0)</f>
        <v>7.6318793879040281E-2</v>
      </c>
      <c r="O7067" s="59">
        <f>IF(Input!$D$19=2,J7067*Input!$C$19,0)+IF(Input!$D$20=2,K7067*Input!$C$20,0)+IF(Input!$D$21=2,L7067*Input!$C$21,0)+IF(Input!$D$22=2,M7067*Input!$C$22,0)</f>
        <v>0.1907969846976007</v>
      </c>
      <c r="P7067" s="59">
        <f>IF(Input!$D$19=3,J7067*Input!$C$19,0)+IF(Input!$D$20=3,K7067*Input!$C$20,0)+IF(Input!$D$21=3,L7067*Input!$C$21,0)+IF(Input!$D$22=3,M7067*Input!$C$22,0)</f>
        <v>0</v>
      </c>
      <c r="Q7067" s="75">
        <f>IF(Input!$D$19=4,J7067*Input!$C$19,0)+IF(Input!$D$20=4,K7067*Input!$C$20,0)+IF(Input!$D$21=4,L7067*Input!$C$21,0)+IF(Input!$D$22=4,M7067*Input!$C$22,0)</f>
        <v>0</v>
      </c>
      <c r="R7067" s="58">
        <v>46.479059330046631</v>
      </c>
      <c r="S7067" s="124">
        <f t="shared" si="110"/>
        <v>0.33071477347584122</v>
      </c>
    </row>
    <row r="7068" spans="8:19" x14ac:dyDescent="0.3">
      <c r="H7068" s="44">
        <v>7061</v>
      </c>
      <c r="I7068" s="56">
        <f>Bühler!I7094</f>
        <v>7.6318793879040281E-2</v>
      </c>
      <c r="J7068" s="59">
        <f>Bühler!J7094</f>
        <v>0.25439597959680094</v>
      </c>
      <c r="K7068" s="59">
        <f>Bühler!K7094</f>
        <v>0.3815939693952014</v>
      </c>
      <c r="L7068" s="59">
        <f>Bühler!L7094</f>
        <v>1.8316510530969667</v>
      </c>
      <c r="M7068" s="58">
        <f>Bühler!M7094</f>
        <v>0</v>
      </c>
      <c r="N7068" s="56">
        <f>IF(Input!$D$19=1,J7068*Input!$C$19,0)+IF(Input!$D$20=1,K7068*Input!$C$20,0)+IF(Input!$D$21=1,L7068*Input!$C$21,0)+IF(Input!$D$22=1,M7068*Input!$C$22,0)</f>
        <v>7.6318793879040281E-2</v>
      </c>
      <c r="O7068" s="59">
        <f>IF(Input!$D$19=2,J7068*Input!$C$19,0)+IF(Input!$D$20=2,K7068*Input!$C$20,0)+IF(Input!$D$21=2,L7068*Input!$C$21,0)+IF(Input!$D$22=2,M7068*Input!$C$22,0)</f>
        <v>0.1907969846976007</v>
      </c>
      <c r="P7068" s="59">
        <f>IF(Input!$D$19=3,J7068*Input!$C$19,0)+IF(Input!$D$20=3,K7068*Input!$C$20,0)+IF(Input!$D$21=3,L7068*Input!$C$21,0)+IF(Input!$D$22=3,M7068*Input!$C$22,0)</f>
        <v>0</v>
      </c>
      <c r="Q7068" s="75">
        <f>IF(Input!$D$19=4,J7068*Input!$C$19,0)+IF(Input!$D$20=4,K7068*Input!$C$20,0)+IF(Input!$D$21=4,L7068*Input!$C$21,0)+IF(Input!$D$22=4,M7068*Input!$C$22,0)</f>
        <v>0</v>
      </c>
      <c r="R7068" s="58">
        <v>49.103837665813181</v>
      </c>
      <c r="S7068" s="124">
        <f t="shared" si="110"/>
        <v>0.33071477347584122</v>
      </c>
    </row>
    <row r="7069" spans="8:19" x14ac:dyDescent="0.3">
      <c r="H7069" s="44">
        <v>7062</v>
      </c>
      <c r="I7069" s="56">
        <f>Bühler!I7095</f>
        <v>0.33071477347584122</v>
      </c>
      <c r="J7069" s="59">
        <f>Bühler!J7095</f>
        <v>1.1023825782528041</v>
      </c>
      <c r="K7069" s="59">
        <f>Bühler!K7095</f>
        <v>1.6535738673792062</v>
      </c>
      <c r="L7069" s="59">
        <f>Bühler!L7095</f>
        <v>7.9371545634201892</v>
      </c>
      <c r="M7069" s="58">
        <f>Bühler!M7095</f>
        <v>0</v>
      </c>
      <c r="N7069" s="56">
        <f>IF(Input!$D$19=1,J7069*Input!$C$19,0)+IF(Input!$D$20=1,K7069*Input!$C$20,0)+IF(Input!$D$21=1,L7069*Input!$C$21,0)+IF(Input!$D$22=1,M7069*Input!$C$22,0)</f>
        <v>0.33071477347584122</v>
      </c>
      <c r="O7069" s="59">
        <f>IF(Input!$D$19=2,J7069*Input!$C$19,0)+IF(Input!$D$20=2,K7069*Input!$C$20,0)+IF(Input!$D$21=2,L7069*Input!$C$21,0)+IF(Input!$D$22=2,M7069*Input!$C$22,0)</f>
        <v>0.8267869336896031</v>
      </c>
      <c r="P7069" s="59">
        <f>IF(Input!$D$19=3,J7069*Input!$C$19,0)+IF(Input!$D$20=3,K7069*Input!$C$20,0)+IF(Input!$D$21=3,L7069*Input!$C$21,0)+IF(Input!$D$22=3,M7069*Input!$C$22,0)</f>
        <v>0</v>
      </c>
      <c r="Q7069" s="75">
        <f>IF(Input!$D$19=4,J7069*Input!$C$19,0)+IF(Input!$D$20=4,K7069*Input!$C$20,0)+IF(Input!$D$21=4,L7069*Input!$C$21,0)+IF(Input!$D$22=4,M7069*Input!$C$22,0)</f>
        <v>0</v>
      </c>
      <c r="R7069" s="58">
        <v>54.707981889513313</v>
      </c>
      <c r="S7069" s="124">
        <f t="shared" si="110"/>
        <v>1.4330973517286454</v>
      </c>
    </row>
    <row r="7070" spans="8:19" x14ac:dyDescent="0.3">
      <c r="H7070" s="44">
        <v>7063</v>
      </c>
      <c r="I7070" s="56">
        <f>Bühler!I7096</f>
        <v>0.37523406990528141</v>
      </c>
      <c r="J7070" s="59">
        <f>Bühler!J7096</f>
        <v>1.250780233017605</v>
      </c>
      <c r="K7070" s="59">
        <f>Bühler!K7096</f>
        <v>1.876170349526407</v>
      </c>
      <c r="L7070" s="59">
        <f>Bühler!L7096</f>
        <v>9.0056176777267538</v>
      </c>
      <c r="M7070" s="58">
        <f>Bühler!M7096</f>
        <v>0</v>
      </c>
      <c r="N7070" s="56">
        <f>IF(Input!$D$19=1,J7070*Input!$C$19,0)+IF(Input!$D$20=1,K7070*Input!$C$20,0)+IF(Input!$D$21=1,L7070*Input!$C$21,0)+IF(Input!$D$22=1,M7070*Input!$C$22,0)</f>
        <v>0.37523406990528146</v>
      </c>
      <c r="O7070" s="59">
        <f>IF(Input!$D$19=2,J7070*Input!$C$19,0)+IF(Input!$D$20=2,K7070*Input!$C$20,0)+IF(Input!$D$21=2,L7070*Input!$C$21,0)+IF(Input!$D$22=2,M7070*Input!$C$22,0)</f>
        <v>0.93808517476320352</v>
      </c>
      <c r="P7070" s="59">
        <f>IF(Input!$D$19=3,J7070*Input!$C$19,0)+IF(Input!$D$20=3,K7070*Input!$C$20,0)+IF(Input!$D$21=3,L7070*Input!$C$21,0)+IF(Input!$D$22=3,M7070*Input!$C$22,0)</f>
        <v>0</v>
      </c>
      <c r="Q7070" s="75">
        <f>IF(Input!$D$19=4,J7070*Input!$C$19,0)+IF(Input!$D$20=4,K7070*Input!$C$20,0)+IF(Input!$D$21=4,L7070*Input!$C$21,0)+IF(Input!$D$22=4,M7070*Input!$C$22,0)</f>
        <v>0</v>
      </c>
      <c r="R7070" s="58">
        <v>60.197492837086763</v>
      </c>
      <c r="S7070" s="124">
        <f t="shared" si="110"/>
        <v>1.6260143029228864</v>
      </c>
    </row>
    <row r="7071" spans="8:19" x14ac:dyDescent="0.3">
      <c r="H7071" s="44">
        <v>7064</v>
      </c>
      <c r="I7071" s="56">
        <f>Bühler!I7097</f>
        <v>0.37523406990528141</v>
      </c>
      <c r="J7071" s="59">
        <f>Bühler!J7097</f>
        <v>1.250780233017605</v>
      </c>
      <c r="K7071" s="59">
        <f>Bühler!K7097</f>
        <v>1.876170349526407</v>
      </c>
      <c r="L7071" s="59">
        <f>Bühler!L7097</f>
        <v>9.0056176777267538</v>
      </c>
      <c r="M7071" s="58">
        <f>Bühler!M7097</f>
        <v>0</v>
      </c>
      <c r="N7071" s="56">
        <f>IF(Input!$D$19=1,J7071*Input!$C$19,0)+IF(Input!$D$20=1,K7071*Input!$C$20,0)+IF(Input!$D$21=1,L7071*Input!$C$21,0)+IF(Input!$D$22=1,M7071*Input!$C$22,0)</f>
        <v>0.37523406990528146</v>
      </c>
      <c r="O7071" s="59">
        <f>IF(Input!$D$19=2,J7071*Input!$C$19,0)+IF(Input!$D$20=2,K7071*Input!$C$20,0)+IF(Input!$D$21=2,L7071*Input!$C$21,0)+IF(Input!$D$22=2,M7071*Input!$C$22,0)</f>
        <v>0.93808517476320352</v>
      </c>
      <c r="P7071" s="59">
        <f>IF(Input!$D$19=3,J7071*Input!$C$19,0)+IF(Input!$D$20=3,K7071*Input!$C$20,0)+IF(Input!$D$21=3,L7071*Input!$C$21,0)+IF(Input!$D$22=3,M7071*Input!$C$22,0)</f>
        <v>0</v>
      </c>
      <c r="Q7071" s="75">
        <f>IF(Input!$D$19=4,J7071*Input!$C$19,0)+IF(Input!$D$20=4,K7071*Input!$C$20,0)+IF(Input!$D$21=4,L7071*Input!$C$21,0)+IF(Input!$D$22=4,M7071*Input!$C$22,0)</f>
        <v>0</v>
      </c>
      <c r="R7071" s="58">
        <v>63.637276278566375</v>
      </c>
      <c r="S7071" s="124">
        <f t="shared" si="110"/>
        <v>1.6260143029228864</v>
      </c>
    </row>
    <row r="7072" spans="8:19" x14ac:dyDescent="0.3">
      <c r="H7072" s="44">
        <v>7065</v>
      </c>
      <c r="I7072" s="56">
        <f>Bühler!I7098</f>
        <v>0.37523406990528141</v>
      </c>
      <c r="J7072" s="59">
        <f>Bühler!J7098</f>
        <v>1.250780233017605</v>
      </c>
      <c r="K7072" s="59">
        <f>Bühler!K7098</f>
        <v>1.876170349526407</v>
      </c>
      <c r="L7072" s="59">
        <f>Bühler!L7098</f>
        <v>9.0056176777267538</v>
      </c>
      <c r="M7072" s="58">
        <f>Bühler!M7098</f>
        <v>0</v>
      </c>
      <c r="N7072" s="56">
        <f>IF(Input!$D$19=1,J7072*Input!$C$19,0)+IF(Input!$D$20=1,K7072*Input!$C$20,0)+IF(Input!$D$21=1,L7072*Input!$C$21,0)+IF(Input!$D$22=1,M7072*Input!$C$22,0)</f>
        <v>0.37523406990528146</v>
      </c>
      <c r="O7072" s="59">
        <f>IF(Input!$D$19=2,J7072*Input!$C$19,0)+IF(Input!$D$20=2,K7072*Input!$C$20,0)+IF(Input!$D$21=2,L7072*Input!$C$21,0)+IF(Input!$D$22=2,M7072*Input!$C$22,0)</f>
        <v>0.93808517476320352</v>
      </c>
      <c r="P7072" s="59">
        <f>IF(Input!$D$19=3,J7072*Input!$C$19,0)+IF(Input!$D$20=3,K7072*Input!$C$20,0)+IF(Input!$D$21=3,L7072*Input!$C$21,0)+IF(Input!$D$22=3,M7072*Input!$C$22,0)</f>
        <v>0</v>
      </c>
      <c r="Q7072" s="75">
        <f>IF(Input!$D$19=4,J7072*Input!$C$19,0)+IF(Input!$D$20=4,K7072*Input!$C$20,0)+IF(Input!$D$21=4,L7072*Input!$C$21,0)+IF(Input!$D$22=4,M7072*Input!$C$22,0)</f>
        <v>0</v>
      </c>
      <c r="R7072" s="58">
        <v>66.110751507033385</v>
      </c>
      <c r="S7072" s="124">
        <f t="shared" si="110"/>
        <v>1.6260143029228864</v>
      </c>
    </row>
    <row r="7073" spans="8:19" x14ac:dyDescent="0.3">
      <c r="H7073" s="44">
        <v>7066</v>
      </c>
      <c r="I7073" s="56">
        <f>Bühler!I7099</f>
        <v>0.4006736678649615</v>
      </c>
      <c r="J7073" s="59">
        <f>Bühler!J7099</f>
        <v>1.3355788928832051</v>
      </c>
      <c r="K7073" s="59">
        <f>Bühler!K7099</f>
        <v>2.0033683393248074</v>
      </c>
      <c r="L7073" s="59">
        <f>Bühler!L7099</f>
        <v>9.6161680287590752</v>
      </c>
      <c r="M7073" s="58">
        <f>Bühler!M7099</f>
        <v>0</v>
      </c>
      <c r="N7073" s="56">
        <f>IF(Input!$D$19=1,J7073*Input!$C$19,0)+IF(Input!$D$20=1,K7073*Input!$C$20,0)+IF(Input!$D$21=1,L7073*Input!$C$21,0)+IF(Input!$D$22=1,M7073*Input!$C$22,0)</f>
        <v>0.4006736678649615</v>
      </c>
      <c r="O7073" s="59">
        <f>IF(Input!$D$19=2,J7073*Input!$C$19,0)+IF(Input!$D$20=2,K7073*Input!$C$20,0)+IF(Input!$D$21=2,L7073*Input!$C$21,0)+IF(Input!$D$22=2,M7073*Input!$C$22,0)</f>
        <v>1.0016841696624037</v>
      </c>
      <c r="P7073" s="59">
        <f>IF(Input!$D$19=3,J7073*Input!$C$19,0)+IF(Input!$D$20=3,K7073*Input!$C$20,0)+IF(Input!$D$21=3,L7073*Input!$C$21,0)+IF(Input!$D$22=3,M7073*Input!$C$22,0)</f>
        <v>0</v>
      </c>
      <c r="Q7073" s="75">
        <f>IF(Input!$D$19=4,J7073*Input!$C$19,0)+IF(Input!$D$20=4,K7073*Input!$C$20,0)+IF(Input!$D$21=4,L7073*Input!$C$21,0)+IF(Input!$D$22=4,M7073*Input!$C$22,0)</f>
        <v>0</v>
      </c>
      <c r="R7073" s="58">
        <v>67.146443781109397</v>
      </c>
      <c r="S7073" s="124">
        <f t="shared" si="110"/>
        <v>1.7362525607481665</v>
      </c>
    </row>
    <row r="7074" spans="8:19" x14ac:dyDescent="0.3">
      <c r="H7074" s="44">
        <v>7067</v>
      </c>
      <c r="I7074" s="56">
        <f>Bühler!I7100</f>
        <v>0.4006736678649615</v>
      </c>
      <c r="J7074" s="59">
        <f>Bühler!J7100</f>
        <v>1.3355788928832051</v>
      </c>
      <c r="K7074" s="59">
        <f>Bühler!K7100</f>
        <v>2.0033683393248074</v>
      </c>
      <c r="L7074" s="59">
        <f>Bühler!L7100</f>
        <v>9.6161680287590752</v>
      </c>
      <c r="M7074" s="58">
        <f>Bühler!M7100</f>
        <v>0</v>
      </c>
      <c r="N7074" s="56">
        <f>IF(Input!$D$19=1,J7074*Input!$C$19,0)+IF(Input!$D$20=1,K7074*Input!$C$20,0)+IF(Input!$D$21=1,L7074*Input!$C$21,0)+IF(Input!$D$22=1,M7074*Input!$C$22,0)</f>
        <v>0.4006736678649615</v>
      </c>
      <c r="O7074" s="59">
        <f>IF(Input!$D$19=2,J7074*Input!$C$19,0)+IF(Input!$D$20=2,K7074*Input!$C$20,0)+IF(Input!$D$21=2,L7074*Input!$C$21,0)+IF(Input!$D$22=2,M7074*Input!$C$22,0)</f>
        <v>1.0016841696624037</v>
      </c>
      <c r="P7074" s="59">
        <f>IF(Input!$D$19=3,J7074*Input!$C$19,0)+IF(Input!$D$20=3,K7074*Input!$C$20,0)+IF(Input!$D$21=3,L7074*Input!$C$21,0)+IF(Input!$D$22=3,M7074*Input!$C$22,0)</f>
        <v>0</v>
      </c>
      <c r="Q7074" s="75">
        <f>IF(Input!$D$19=4,J7074*Input!$C$19,0)+IF(Input!$D$20=4,K7074*Input!$C$20,0)+IF(Input!$D$21=4,L7074*Input!$C$21,0)+IF(Input!$D$22=4,M7074*Input!$C$22,0)</f>
        <v>0</v>
      </c>
      <c r="R7074" s="58">
        <v>68.459615811864026</v>
      </c>
      <c r="S7074" s="124">
        <f t="shared" si="110"/>
        <v>1.7362525607481665</v>
      </c>
    </row>
    <row r="7075" spans="8:19" x14ac:dyDescent="0.3">
      <c r="H7075" s="44">
        <v>7068</v>
      </c>
      <c r="I7075" s="56">
        <f>Bühler!I7101</f>
        <v>0.50879195919360198</v>
      </c>
      <c r="J7075" s="59">
        <f>Bühler!J7101</f>
        <v>1.6959731973120069</v>
      </c>
      <c r="K7075" s="59">
        <f>Bühler!K7101</f>
        <v>2.5439597959680103</v>
      </c>
      <c r="L7075" s="59">
        <f>Bühler!L7101</f>
        <v>12.211007020646448</v>
      </c>
      <c r="M7075" s="58">
        <f>Bühler!M7101</f>
        <v>0</v>
      </c>
      <c r="N7075" s="56">
        <f>IF(Input!$D$19=1,J7075*Input!$C$19,0)+IF(Input!$D$20=1,K7075*Input!$C$20,0)+IF(Input!$D$21=1,L7075*Input!$C$21,0)+IF(Input!$D$22=1,M7075*Input!$C$22,0)</f>
        <v>0.50879195919360209</v>
      </c>
      <c r="O7075" s="59">
        <f>IF(Input!$D$19=2,J7075*Input!$C$19,0)+IF(Input!$D$20=2,K7075*Input!$C$20,0)+IF(Input!$D$21=2,L7075*Input!$C$21,0)+IF(Input!$D$22=2,M7075*Input!$C$22,0)</f>
        <v>1.2719798979840051</v>
      </c>
      <c r="P7075" s="59">
        <f>IF(Input!$D$19=3,J7075*Input!$C$19,0)+IF(Input!$D$20=3,K7075*Input!$C$20,0)+IF(Input!$D$21=3,L7075*Input!$C$21,0)+IF(Input!$D$22=3,M7075*Input!$C$22,0)</f>
        <v>0</v>
      </c>
      <c r="Q7075" s="75">
        <f>IF(Input!$D$19=4,J7075*Input!$C$19,0)+IF(Input!$D$20=4,K7075*Input!$C$20,0)+IF(Input!$D$21=4,L7075*Input!$C$21,0)+IF(Input!$D$22=4,M7075*Input!$C$22,0)</f>
        <v>0</v>
      </c>
      <c r="R7075" s="58">
        <v>69.610774808776966</v>
      </c>
      <c r="S7075" s="124">
        <f t="shared" si="110"/>
        <v>2.204765156505609</v>
      </c>
    </row>
    <row r="7076" spans="8:19" x14ac:dyDescent="0.3">
      <c r="H7076" s="44">
        <v>7069</v>
      </c>
      <c r="I7076" s="56">
        <f>Bühler!I7102</f>
        <v>0.50879195919360198</v>
      </c>
      <c r="J7076" s="59">
        <f>Bühler!J7102</f>
        <v>1.6959731973120069</v>
      </c>
      <c r="K7076" s="59">
        <f>Bühler!K7102</f>
        <v>2.5439597959680103</v>
      </c>
      <c r="L7076" s="59">
        <f>Bühler!L7102</f>
        <v>12.211007020646448</v>
      </c>
      <c r="M7076" s="58">
        <f>Bühler!M7102</f>
        <v>0</v>
      </c>
      <c r="N7076" s="56">
        <f>IF(Input!$D$19=1,J7076*Input!$C$19,0)+IF(Input!$D$20=1,K7076*Input!$C$20,0)+IF(Input!$D$21=1,L7076*Input!$C$21,0)+IF(Input!$D$22=1,M7076*Input!$C$22,0)</f>
        <v>0.50879195919360209</v>
      </c>
      <c r="O7076" s="59">
        <f>IF(Input!$D$19=2,J7076*Input!$C$19,0)+IF(Input!$D$20=2,K7076*Input!$C$20,0)+IF(Input!$D$21=2,L7076*Input!$C$21,0)+IF(Input!$D$22=2,M7076*Input!$C$22,0)</f>
        <v>1.2719798979840051</v>
      </c>
      <c r="P7076" s="59">
        <f>IF(Input!$D$19=3,J7076*Input!$C$19,0)+IF(Input!$D$20=3,K7076*Input!$C$20,0)+IF(Input!$D$21=3,L7076*Input!$C$21,0)+IF(Input!$D$22=3,M7076*Input!$C$22,0)</f>
        <v>0</v>
      </c>
      <c r="Q7076" s="75">
        <f>IF(Input!$D$19=4,J7076*Input!$C$19,0)+IF(Input!$D$20=4,K7076*Input!$C$20,0)+IF(Input!$D$21=4,L7076*Input!$C$21,0)+IF(Input!$D$22=4,M7076*Input!$C$22,0)</f>
        <v>0</v>
      </c>
      <c r="R7076" s="58">
        <v>68.915784558308673</v>
      </c>
      <c r="S7076" s="124">
        <f t="shared" si="110"/>
        <v>2.204765156505609</v>
      </c>
    </row>
    <row r="7077" spans="8:19" x14ac:dyDescent="0.3">
      <c r="H7077" s="44">
        <v>7070</v>
      </c>
      <c r="I7077" s="56">
        <f>Bühler!I7103</f>
        <v>0.33707467296576127</v>
      </c>
      <c r="J7077" s="59">
        <f>Bühler!J7103</f>
        <v>1.1235822432192044</v>
      </c>
      <c r="K7077" s="59">
        <f>Bühler!K7103</f>
        <v>1.6853733648288063</v>
      </c>
      <c r="L7077" s="59">
        <f>Bühler!L7103</f>
        <v>8.0897921511782709</v>
      </c>
      <c r="M7077" s="58">
        <f>Bühler!M7103</f>
        <v>0</v>
      </c>
      <c r="N7077" s="56">
        <f>IF(Input!$D$19=1,J7077*Input!$C$19,0)+IF(Input!$D$20=1,K7077*Input!$C$20,0)+IF(Input!$D$21=1,L7077*Input!$C$21,0)+IF(Input!$D$22=1,M7077*Input!$C$22,0)</f>
        <v>0.33707467296576132</v>
      </c>
      <c r="O7077" s="59">
        <f>IF(Input!$D$19=2,J7077*Input!$C$19,0)+IF(Input!$D$20=2,K7077*Input!$C$20,0)+IF(Input!$D$21=2,L7077*Input!$C$21,0)+IF(Input!$D$22=2,M7077*Input!$C$22,0)</f>
        <v>0.84268668241440314</v>
      </c>
      <c r="P7077" s="59">
        <f>IF(Input!$D$19=3,J7077*Input!$C$19,0)+IF(Input!$D$20=3,K7077*Input!$C$20,0)+IF(Input!$D$21=3,L7077*Input!$C$21,0)+IF(Input!$D$22=3,M7077*Input!$C$22,0)</f>
        <v>0</v>
      </c>
      <c r="Q7077" s="75">
        <f>IF(Input!$D$19=4,J7077*Input!$C$19,0)+IF(Input!$D$20=4,K7077*Input!$C$20,0)+IF(Input!$D$21=4,L7077*Input!$C$21,0)+IF(Input!$D$22=4,M7077*Input!$C$22,0)</f>
        <v>0</v>
      </c>
      <c r="R7077" s="58">
        <v>68.977323534729493</v>
      </c>
      <c r="S7077" s="124">
        <f t="shared" si="110"/>
        <v>1.4606569161849656</v>
      </c>
    </row>
    <row r="7078" spans="8:19" x14ac:dyDescent="0.3">
      <c r="H7078" s="44">
        <v>7071</v>
      </c>
      <c r="I7078" s="56">
        <f>Bühler!I7104</f>
        <v>0.50879195919360198</v>
      </c>
      <c r="J7078" s="59">
        <f>Bühler!J7104</f>
        <v>1.6959731973120069</v>
      </c>
      <c r="K7078" s="59">
        <f>Bühler!K7104</f>
        <v>2.5439597959680103</v>
      </c>
      <c r="L7078" s="59">
        <f>Bühler!L7104</f>
        <v>12.211007020646448</v>
      </c>
      <c r="M7078" s="58">
        <f>Bühler!M7104</f>
        <v>0</v>
      </c>
      <c r="N7078" s="56">
        <f>IF(Input!$D$19=1,J7078*Input!$C$19,0)+IF(Input!$D$20=1,K7078*Input!$C$20,0)+IF(Input!$D$21=1,L7078*Input!$C$21,0)+IF(Input!$D$22=1,M7078*Input!$C$22,0)</f>
        <v>0.50879195919360209</v>
      </c>
      <c r="O7078" s="59">
        <f>IF(Input!$D$19=2,J7078*Input!$C$19,0)+IF(Input!$D$20=2,K7078*Input!$C$20,0)+IF(Input!$D$21=2,L7078*Input!$C$21,0)+IF(Input!$D$22=2,M7078*Input!$C$22,0)</f>
        <v>1.2719798979840051</v>
      </c>
      <c r="P7078" s="59">
        <f>IF(Input!$D$19=3,J7078*Input!$C$19,0)+IF(Input!$D$20=3,K7078*Input!$C$20,0)+IF(Input!$D$21=3,L7078*Input!$C$21,0)+IF(Input!$D$22=3,M7078*Input!$C$22,0)</f>
        <v>0</v>
      </c>
      <c r="Q7078" s="75">
        <f>IF(Input!$D$19=4,J7078*Input!$C$19,0)+IF(Input!$D$20=4,K7078*Input!$C$20,0)+IF(Input!$D$21=4,L7078*Input!$C$21,0)+IF(Input!$D$22=4,M7078*Input!$C$22,0)</f>
        <v>0</v>
      </c>
      <c r="R7078" s="58">
        <v>68.542769268524381</v>
      </c>
      <c r="S7078" s="124">
        <f t="shared" si="110"/>
        <v>2.204765156505609</v>
      </c>
    </row>
    <row r="7079" spans="8:19" x14ac:dyDescent="0.3">
      <c r="H7079" s="44">
        <v>7072</v>
      </c>
      <c r="I7079" s="56">
        <f>Bühler!I7105</f>
        <v>0.50879195919360198</v>
      </c>
      <c r="J7079" s="59">
        <f>Bühler!J7105</f>
        <v>1.6959731973120069</v>
      </c>
      <c r="K7079" s="59">
        <f>Bühler!K7105</f>
        <v>2.5439597959680103</v>
      </c>
      <c r="L7079" s="59">
        <f>Bühler!L7105</f>
        <v>12.211007020646448</v>
      </c>
      <c r="M7079" s="58">
        <f>Bühler!M7105</f>
        <v>0</v>
      </c>
      <c r="N7079" s="56">
        <f>IF(Input!$D$19=1,J7079*Input!$C$19,0)+IF(Input!$D$20=1,K7079*Input!$C$20,0)+IF(Input!$D$21=1,L7079*Input!$C$21,0)+IF(Input!$D$22=1,M7079*Input!$C$22,0)</f>
        <v>0.50879195919360209</v>
      </c>
      <c r="O7079" s="59">
        <f>IF(Input!$D$19=2,J7079*Input!$C$19,0)+IF(Input!$D$20=2,K7079*Input!$C$20,0)+IF(Input!$D$21=2,L7079*Input!$C$21,0)+IF(Input!$D$22=2,M7079*Input!$C$22,0)</f>
        <v>1.2719798979840051</v>
      </c>
      <c r="P7079" s="59">
        <f>IF(Input!$D$19=3,J7079*Input!$C$19,0)+IF(Input!$D$20=3,K7079*Input!$C$20,0)+IF(Input!$D$21=3,L7079*Input!$C$21,0)+IF(Input!$D$22=3,M7079*Input!$C$22,0)</f>
        <v>0</v>
      </c>
      <c r="Q7079" s="75">
        <f>IF(Input!$D$19=4,J7079*Input!$C$19,0)+IF(Input!$D$20=4,K7079*Input!$C$20,0)+IF(Input!$D$21=4,L7079*Input!$C$21,0)+IF(Input!$D$22=4,M7079*Input!$C$22,0)</f>
        <v>0</v>
      </c>
      <c r="R7079" s="58">
        <v>67.229918903127512</v>
      </c>
      <c r="S7079" s="124">
        <f t="shared" si="110"/>
        <v>2.204765156505609</v>
      </c>
    </row>
    <row r="7080" spans="8:19" x14ac:dyDescent="0.3">
      <c r="H7080" s="44">
        <v>7073</v>
      </c>
      <c r="I7080" s="56">
        <f>Bühler!I7106</f>
        <v>0.50879195919360198</v>
      </c>
      <c r="J7080" s="59">
        <f>Bühler!J7106</f>
        <v>1.6959731973120069</v>
      </c>
      <c r="K7080" s="59">
        <f>Bühler!K7106</f>
        <v>2.5439597959680103</v>
      </c>
      <c r="L7080" s="59">
        <f>Bühler!L7106</f>
        <v>12.211007020646448</v>
      </c>
      <c r="M7080" s="58">
        <f>Bühler!M7106</f>
        <v>0</v>
      </c>
      <c r="N7080" s="56">
        <f>IF(Input!$D$19=1,J7080*Input!$C$19,0)+IF(Input!$D$20=1,K7080*Input!$C$20,0)+IF(Input!$D$21=1,L7080*Input!$C$21,0)+IF(Input!$D$22=1,M7080*Input!$C$22,0)</f>
        <v>0.50879195919360209</v>
      </c>
      <c r="O7080" s="59">
        <f>IF(Input!$D$19=2,J7080*Input!$C$19,0)+IF(Input!$D$20=2,K7080*Input!$C$20,0)+IF(Input!$D$21=2,L7080*Input!$C$21,0)+IF(Input!$D$22=2,M7080*Input!$C$22,0)</f>
        <v>1.2719798979840051</v>
      </c>
      <c r="P7080" s="59">
        <f>IF(Input!$D$19=3,J7080*Input!$C$19,0)+IF(Input!$D$20=3,K7080*Input!$C$20,0)+IF(Input!$D$21=3,L7080*Input!$C$21,0)+IF(Input!$D$22=3,M7080*Input!$C$22,0)</f>
        <v>0</v>
      </c>
      <c r="Q7080" s="75">
        <f>IF(Input!$D$19=4,J7080*Input!$C$19,0)+IF(Input!$D$20=4,K7080*Input!$C$20,0)+IF(Input!$D$21=4,L7080*Input!$C$21,0)+IF(Input!$D$22=4,M7080*Input!$C$22,0)</f>
        <v>0</v>
      </c>
      <c r="R7080" s="58">
        <v>66.286726759163002</v>
      </c>
      <c r="S7080" s="124">
        <f t="shared" si="110"/>
        <v>2.204765156505609</v>
      </c>
    </row>
    <row r="7081" spans="8:19" x14ac:dyDescent="0.3">
      <c r="H7081" s="44">
        <v>7074</v>
      </c>
      <c r="I7081" s="56">
        <f>Bühler!I7107</f>
        <v>0.50879195919360198</v>
      </c>
      <c r="J7081" s="59">
        <f>Bühler!J7107</f>
        <v>1.6959731973120069</v>
      </c>
      <c r="K7081" s="59">
        <f>Bühler!K7107</f>
        <v>2.5439597959680103</v>
      </c>
      <c r="L7081" s="59">
        <f>Bühler!L7107</f>
        <v>12.211007020646448</v>
      </c>
      <c r="M7081" s="58">
        <f>Bühler!M7107</f>
        <v>0</v>
      </c>
      <c r="N7081" s="56">
        <f>IF(Input!$D$19=1,J7081*Input!$C$19,0)+IF(Input!$D$20=1,K7081*Input!$C$20,0)+IF(Input!$D$21=1,L7081*Input!$C$21,0)+IF(Input!$D$22=1,M7081*Input!$C$22,0)</f>
        <v>0.50879195919360209</v>
      </c>
      <c r="O7081" s="59">
        <f>IF(Input!$D$19=2,J7081*Input!$C$19,0)+IF(Input!$D$20=2,K7081*Input!$C$20,0)+IF(Input!$D$21=2,L7081*Input!$C$21,0)+IF(Input!$D$22=2,M7081*Input!$C$22,0)</f>
        <v>1.2719798979840051</v>
      </c>
      <c r="P7081" s="59">
        <f>IF(Input!$D$19=3,J7081*Input!$C$19,0)+IF(Input!$D$20=3,K7081*Input!$C$20,0)+IF(Input!$D$21=3,L7081*Input!$C$21,0)+IF(Input!$D$22=3,M7081*Input!$C$22,0)</f>
        <v>0</v>
      </c>
      <c r="Q7081" s="75">
        <f>IF(Input!$D$19=4,J7081*Input!$C$19,0)+IF(Input!$D$20=4,K7081*Input!$C$20,0)+IF(Input!$D$21=4,L7081*Input!$C$21,0)+IF(Input!$D$22=4,M7081*Input!$C$22,0)</f>
        <v>0</v>
      </c>
      <c r="R7081" s="58">
        <v>65.225366079879905</v>
      </c>
      <c r="S7081" s="124">
        <f t="shared" si="110"/>
        <v>2.204765156505609</v>
      </c>
    </row>
    <row r="7082" spans="8:19" x14ac:dyDescent="0.3">
      <c r="H7082" s="44">
        <v>7075</v>
      </c>
      <c r="I7082" s="56">
        <f>Bühler!I7108</f>
        <v>0.50879195919360198</v>
      </c>
      <c r="J7082" s="59">
        <f>Bühler!J7108</f>
        <v>1.6959731973120069</v>
      </c>
      <c r="K7082" s="59">
        <f>Bühler!K7108</f>
        <v>2.5439597959680103</v>
      </c>
      <c r="L7082" s="59">
        <f>Bühler!L7108</f>
        <v>12.211007020646448</v>
      </c>
      <c r="M7082" s="58">
        <f>Bühler!M7108</f>
        <v>0</v>
      </c>
      <c r="N7082" s="56">
        <f>IF(Input!$D$19=1,J7082*Input!$C$19,0)+IF(Input!$D$20=1,K7082*Input!$C$20,0)+IF(Input!$D$21=1,L7082*Input!$C$21,0)+IF(Input!$D$22=1,M7082*Input!$C$22,0)</f>
        <v>0.50879195919360209</v>
      </c>
      <c r="O7082" s="59">
        <f>IF(Input!$D$19=2,J7082*Input!$C$19,0)+IF(Input!$D$20=2,K7082*Input!$C$20,0)+IF(Input!$D$21=2,L7082*Input!$C$21,0)+IF(Input!$D$22=2,M7082*Input!$C$22,0)</f>
        <v>1.2719798979840051</v>
      </c>
      <c r="P7082" s="59">
        <f>IF(Input!$D$19=3,J7082*Input!$C$19,0)+IF(Input!$D$20=3,K7082*Input!$C$20,0)+IF(Input!$D$21=3,L7082*Input!$C$21,0)+IF(Input!$D$22=3,M7082*Input!$C$22,0)</f>
        <v>0</v>
      </c>
      <c r="Q7082" s="75">
        <f>IF(Input!$D$19=4,J7082*Input!$C$19,0)+IF(Input!$D$20=4,K7082*Input!$C$20,0)+IF(Input!$D$21=4,L7082*Input!$C$21,0)+IF(Input!$D$22=4,M7082*Input!$C$22,0)</f>
        <v>0</v>
      </c>
      <c r="R7082" s="58">
        <v>64.593160494157885</v>
      </c>
      <c r="S7082" s="124">
        <f t="shared" si="110"/>
        <v>2.204765156505609</v>
      </c>
    </row>
    <row r="7083" spans="8:19" x14ac:dyDescent="0.3">
      <c r="H7083" s="44">
        <v>7076</v>
      </c>
      <c r="I7083" s="56">
        <f>Bühler!I7109</f>
        <v>0.4261132658246416</v>
      </c>
      <c r="J7083" s="59">
        <f>Bühler!J7109</f>
        <v>1.4203775527488054</v>
      </c>
      <c r="K7083" s="59">
        <f>Bühler!K7109</f>
        <v>2.1305663291232078</v>
      </c>
      <c r="L7083" s="59">
        <f>Bühler!L7109</f>
        <v>10.226718379791398</v>
      </c>
      <c r="M7083" s="58">
        <f>Bühler!M7109</f>
        <v>0</v>
      </c>
      <c r="N7083" s="56">
        <f>IF(Input!$D$19=1,J7083*Input!$C$19,0)+IF(Input!$D$20=1,K7083*Input!$C$20,0)+IF(Input!$D$21=1,L7083*Input!$C$21,0)+IF(Input!$D$22=1,M7083*Input!$C$22,0)</f>
        <v>0.4261132658246416</v>
      </c>
      <c r="O7083" s="59">
        <f>IF(Input!$D$19=2,J7083*Input!$C$19,0)+IF(Input!$D$20=2,K7083*Input!$C$20,0)+IF(Input!$D$21=2,L7083*Input!$C$21,0)+IF(Input!$D$22=2,M7083*Input!$C$22,0)</f>
        <v>1.0652831645616039</v>
      </c>
      <c r="P7083" s="59">
        <f>IF(Input!$D$19=3,J7083*Input!$C$19,0)+IF(Input!$D$20=3,K7083*Input!$C$20,0)+IF(Input!$D$21=3,L7083*Input!$C$21,0)+IF(Input!$D$22=3,M7083*Input!$C$22,0)</f>
        <v>0</v>
      </c>
      <c r="Q7083" s="75">
        <f>IF(Input!$D$19=4,J7083*Input!$C$19,0)+IF(Input!$D$20=4,K7083*Input!$C$20,0)+IF(Input!$D$21=4,L7083*Input!$C$21,0)+IF(Input!$D$22=4,M7083*Input!$C$22,0)</f>
        <v>0</v>
      </c>
      <c r="R7083" s="58">
        <v>64.607069363069414</v>
      </c>
      <c r="S7083" s="124">
        <f t="shared" si="110"/>
        <v>1.846490818573447</v>
      </c>
    </row>
    <row r="7084" spans="8:19" x14ac:dyDescent="0.3">
      <c r="H7084" s="44">
        <v>7077</v>
      </c>
      <c r="I7084" s="56">
        <f>Bühler!I7110</f>
        <v>0.34979447194560132</v>
      </c>
      <c r="J7084" s="59">
        <f>Bühler!J7110</f>
        <v>1.1659815731520045</v>
      </c>
      <c r="K7084" s="59">
        <f>Bühler!K7110</f>
        <v>1.7489723597280067</v>
      </c>
      <c r="L7084" s="59">
        <f>Bühler!L7110</f>
        <v>8.3950673266944325</v>
      </c>
      <c r="M7084" s="58">
        <f>Bühler!M7110</f>
        <v>0</v>
      </c>
      <c r="N7084" s="56">
        <f>IF(Input!$D$19=1,J7084*Input!$C$19,0)+IF(Input!$D$20=1,K7084*Input!$C$20,0)+IF(Input!$D$21=1,L7084*Input!$C$21,0)+IF(Input!$D$22=1,M7084*Input!$C$22,0)</f>
        <v>0.34979447194560132</v>
      </c>
      <c r="O7084" s="59">
        <f>IF(Input!$D$19=2,J7084*Input!$C$19,0)+IF(Input!$D$20=2,K7084*Input!$C$20,0)+IF(Input!$D$21=2,L7084*Input!$C$21,0)+IF(Input!$D$22=2,M7084*Input!$C$22,0)</f>
        <v>0.87448617986400334</v>
      </c>
      <c r="P7084" s="59">
        <f>IF(Input!$D$19=3,J7084*Input!$C$19,0)+IF(Input!$D$20=3,K7084*Input!$C$20,0)+IF(Input!$D$21=3,L7084*Input!$C$21,0)+IF(Input!$D$22=3,M7084*Input!$C$22,0)</f>
        <v>0</v>
      </c>
      <c r="Q7084" s="75">
        <f>IF(Input!$D$19=4,J7084*Input!$C$19,0)+IF(Input!$D$20=4,K7084*Input!$C$20,0)+IF(Input!$D$21=4,L7084*Input!$C$21,0)+IF(Input!$D$22=4,M7084*Input!$C$22,0)</f>
        <v>0</v>
      </c>
      <c r="R7084" s="58">
        <v>63.129174581653658</v>
      </c>
      <c r="S7084" s="124">
        <f t="shared" si="110"/>
        <v>1.5157760450976059</v>
      </c>
    </row>
    <row r="7085" spans="8:19" x14ac:dyDescent="0.3">
      <c r="H7085" s="44">
        <v>7078</v>
      </c>
      <c r="I7085" s="56">
        <f>Bühler!I7111</f>
        <v>0.25439597959680099</v>
      </c>
      <c r="J7085" s="59">
        <f>Bühler!J7111</f>
        <v>0.84798659865600345</v>
      </c>
      <c r="K7085" s="59">
        <f>Bühler!K7111</f>
        <v>1.2719798979840051</v>
      </c>
      <c r="L7085" s="59">
        <f>Bühler!L7111</f>
        <v>6.1055035103232242</v>
      </c>
      <c r="M7085" s="58">
        <f>Bühler!M7111</f>
        <v>0</v>
      </c>
      <c r="N7085" s="56">
        <f>IF(Input!$D$19=1,J7085*Input!$C$19,0)+IF(Input!$D$20=1,K7085*Input!$C$20,0)+IF(Input!$D$21=1,L7085*Input!$C$21,0)+IF(Input!$D$22=1,M7085*Input!$C$22,0)</f>
        <v>0.25439597959680105</v>
      </c>
      <c r="O7085" s="59">
        <f>IF(Input!$D$19=2,J7085*Input!$C$19,0)+IF(Input!$D$20=2,K7085*Input!$C$20,0)+IF(Input!$D$21=2,L7085*Input!$C$21,0)+IF(Input!$D$22=2,M7085*Input!$C$22,0)</f>
        <v>0.63598994899200256</v>
      </c>
      <c r="P7085" s="59">
        <f>IF(Input!$D$19=3,J7085*Input!$C$19,0)+IF(Input!$D$20=3,K7085*Input!$C$20,0)+IF(Input!$D$21=3,L7085*Input!$C$21,0)+IF(Input!$D$22=3,M7085*Input!$C$22,0)</f>
        <v>0</v>
      </c>
      <c r="Q7085" s="75">
        <f>IF(Input!$D$19=4,J7085*Input!$C$19,0)+IF(Input!$D$20=4,K7085*Input!$C$20,0)+IF(Input!$D$21=4,L7085*Input!$C$21,0)+IF(Input!$D$22=4,M7085*Input!$C$22,0)</f>
        <v>0</v>
      </c>
      <c r="R7085" s="58">
        <v>61.419893414435563</v>
      </c>
      <c r="S7085" s="124">
        <f t="shared" si="110"/>
        <v>1.1023825782528045</v>
      </c>
    </row>
    <row r="7086" spans="8:19" x14ac:dyDescent="0.3">
      <c r="H7086" s="44">
        <v>7079</v>
      </c>
      <c r="I7086" s="56">
        <f>Bühler!I7112</f>
        <v>0.24167618061696095</v>
      </c>
      <c r="J7086" s="59">
        <f>Bühler!J7112</f>
        <v>0.8055872687232033</v>
      </c>
      <c r="K7086" s="59">
        <f>Bühler!K7112</f>
        <v>1.2083809030848047</v>
      </c>
      <c r="L7086" s="59">
        <f>Bühler!L7112</f>
        <v>5.8002283348070627</v>
      </c>
      <c r="M7086" s="58">
        <f>Bühler!M7112</f>
        <v>0</v>
      </c>
      <c r="N7086" s="56">
        <f>IF(Input!$D$19=1,J7086*Input!$C$19,0)+IF(Input!$D$20=1,K7086*Input!$C$20,0)+IF(Input!$D$21=1,L7086*Input!$C$21,0)+IF(Input!$D$22=1,M7086*Input!$C$22,0)</f>
        <v>0.24167618061696097</v>
      </c>
      <c r="O7086" s="59">
        <f>IF(Input!$D$19=2,J7086*Input!$C$19,0)+IF(Input!$D$20=2,K7086*Input!$C$20,0)+IF(Input!$D$21=2,L7086*Input!$C$21,0)+IF(Input!$D$22=2,M7086*Input!$C$22,0)</f>
        <v>0.60419045154240236</v>
      </c>
      <c r="P7086" s="59">
        <f>IF(Input!$D$19=3,J7086*Input!$C$19,0)+IF(Input!$D$20=3,K7086*Input!$C$20,0)+IF(Input!$D$21=3,L7086*Input!$C$21,0)+IF(Input!$D$22=3,M7086*Input!$C$22,0)</f>
        <v>0</v>
      </c>
      <c r="Q7086" s="75">
        <f>IF(Input!$D$19=4,J7086*Input!$C$19,0)+IF(Input!$D$20=4,K7086*Input!$C$20,0)+IF(Input!$D$21=4,L7086*Input!$C$21,0)+IF(Input!$D$22=4,M7086*Input!$C$22,0)</f>
        <v>0</v>
      </c>
      <c r="R7086" s="58">
        <v>61.184762549662587</v>
      </c>
      <c r="S7086" s="124">
        <f t="shared" si="110"/>
        <v>1.0472634493401642</v>
      </c>
    </row>
    <row r="7087" spans="8:19" x14ac:dyDescent="0.3">
      <c r="H7087" s="44">
        <v>7080</v>
      </c>
      <c r="I7087" s="56">
        <f>Bühler!I7113</f>
        <v>0.24167618061696095</v>
      </c>
      <c r="J7087" s="59">
        <f>Bühler!J7113</f>
        <v>0.8055872687232033</v>
      </c>
      <c r="K7087" s="59">
        <f>Bühler!K7113</f>
        <v>1.2083809030848047</v>
      </c>
      <c r="L7087" s="59">
        <f>Bühler!L7113</f>
        <v>5.8002283348070627</v>
      </c>
      <c r="M7087" s="58">
        <f>Bühler!M7113</f>
        <v>0</v>
      </c>
      <c r="N7087" s="56">
        <f>IF(Input!$D$19=1,J7087*Input!$C$19,0)+IF(Input!$D$20=1,K7087*Input!$C$20,0)+IF(Input!$D$21=1,L7087*Input!$C$21,0)+IF(Input!$D$22=1,M7087*Input!$C$22,0)</f>
        <v>0.24167618061696097</v>
      </c>
      <c r="O7087" s="59">
        <f>IF(Input!$D$19=2,J7087*Input!$C$19,0)+IF(Input!$D$20=2,K7087*Input!$C$20,0)+IF(Input!$D$21=2,L7087*Input!$C$21,0)+IF(Input!$D$22=2,M7087*Input!$C$22,0)</f>
        <v>0.60419045154240236</v>
      </c>
      <c r="P7087" s="59">
        <f>IF(Input!$D$19=3,J7087*Input!$C$19,0)+IF(Input!$D$20=3,K7087*Input!$C$20,0)+IF(Input!$D$21=3,L7087*Input!$C$21,0)+IF(Input!$D$22=3,M7087*Input!$C$22,0)</f>
        <v>0</v>
      </c>
      <c r="Q7087" s="75">
        <f>IF(Input!$D$19=4,J7087*Input!$C$19,0)+IF(Input!$D$20=4,K7087*Input!$C$20,0)+IF(Input!$D$21=4,L7087*Input!$C$21,0)+IF(Input!$D$22=4,M7087*Input!$C$22,0)</f>
        <v>0</v>
      </c>
      <c r="R7087" s="58">
        <v>61.121464867898105</v>
      </c>
      <c r="S7087" s="124">
        <f t="shared" si="110"/>
        <v>1.0472634493401642</v>
      </c>
    </row>
    <row r="7088" spans="8:19" x14ac:dyDescent="0.3">
      <c r="H7088" s="44">
        <v>7081</v>
      </c>
      <c r="I7088" s="56">
        <f>Bühler!I7114</f>
        <v>0.22149180195840765</v>
      </c>
      <c r="J7088" s="59">
        <f>Bühler!J7114</f>
        <v>0.73830600652802558</v>
      </c>
      <c r="K7088" s="59">
        <f>Bühler!K7114</f>
        <v>1.1074590097920383</v>
      </c>
      <c r="L7088" s="59">
        <f>Bühler!L7114</f>
        <v>5.3158032470017833</v>
      </c>
      <c r="M7088" s="58">
        <f>Bühler!M7114</f>
        <v>0</v>
      </c>
      <c r="N7088" s="56">
        <f>IF(Input!$D$19=1,J7088*Input!$C$19,0)+IF(Input!$D$20=1,K7088*Input!$C$20,0)+IF(Input!$D$21=1,L7088*Input!$C$21,0)+IF(Input!$D$22=1,M7088*Input!$C$22,0)</f>
        <v>0.22149180195840767</v>
      </c>
      <c r="O7088" s="59">
        <f>IF(Input!$D$19=2,J7088*Input!$C$19,0)+IF(Input!$D$20=2,K7088*Input!$C$20,0)+IF(Input!$D$21=2,L7088*Input!$C$21,0)+IF(Input!$D$22=2,M7088*Input!$C$22,0)</f>
        <v>0.55372950489601913</v>
      </c>
      <c r="P7088" s="59">
        <f>IF(Input!$D$19=3,J7088*Input!$C$19,0)+IF(Input!$D$20=3,K7088*Input!$C$20,0)+IF(Input!$D$21=3,L7088*Input!$C$21,0)+IF(Input!$D$22=3,M7088*Input!$C$22,0)</f>
        <v>0</v>
      </c>
      <c r="Q7088" s="75">
        <f>IF(Input!$D$19=4,J7088*Input!$C$19,0)+IF(Input!$D$20=4,K7088*Input!$C$20,0)+IF(Input!$D$21=4,L7088*Input!$C$21,0)+IF(Input!$D$22=4,M7088*Input!$C$22,0)</f>
        <v>0</v>
      </c>
      <c r="R7088" s="58">
        <v>60.739659013070529</v>
      </c>
      <c r="S7088" s="124">
        <f t="shared" si="110"/>
        <v>0.95979780848643326</v>
      </c>
    </row>
    <row r="7089" spans="8:19" x14ac:dyDescent="0.3">
      <c r="H7089" s="44">
        <v>7082</v>
      </c>
      <c r="I7089" s="56">
        <f>Bühler!I7115</f>
        <v>0.22149180195840765</v>
      </c>
      <c r="J7089" s="59">
        <f>Bühler!J7115</f>
        <v>0.73830600652802558</v>
      </c>
      <c r="K7089" s="59">
        <f>Bühler!K7115</f>
        <v>1.1074590097920383</v>
      </c>
      <c r="L7089" s="59">
        <f>Bühler!L7115</f>
        <v>5.3158032470017833</v>
      </c>
      <c r="M7089" s="58">
        <f>Bühler!M7115</f>
        <v>0</v>
      </c>
      <c r="N7089" s="56">
        <f>IF(Input!$D$19=1,J7089*Input!$C$19,0)+IF(Input!$D$20=1,K7089*Input!$C$20,0)+IF(Input!$D$21=1,L7089*Input!$C$21,0)+IF(Input!$D$22=1,M7089*Input!$C$22,0)</f>
        <v>0.22149180195840767</v>
      </c>
      <c r="O7089" s="59">
        <f>IF(Input!$D$19=2,J7089*Input!$C$19,0)+IF(Input!$D$20=2,K7089*Input!$C$20,0)+IF(Input!$D$21=2,L7089*Input!$C$21,0)+IF(Input!$D$22=2,M7089*Input!$C$22,0)</f>
        <v>0.55372950489601913</v>
      </c>
      <c r="P7089" s="59">
        <f>IF(Input!$D$19=3,J7089*Input!$C$19,0)+IF(Input!$D$20=3,K7089*Input!$C$20,0)+IF(Input!$D$21=3,L7089*Input!$C$21,0)+IF(Input!$D$22=3,M7089*Input!$C$22,0)</f>
        <v>0</v>
      </c>
      <c r="Q7089" s="75">
        <f>IF(Input!$D$19=4,J7089*Input!$C$19,0)+IF(Input!$D$20=4,K7089*Input!$C$20,0)+IF(Input!$D$21=4,L7089*Input!$C$21,0)+IF(Input!$D$22=4,M7089*Input!$C$22,0)</f>
        <v>0</v>
      </c>
      <c r="R7089" s="58">
        <v>59.790183881664007</v>
      </c>
      <c r="S7089" s="124">
        <f t="shared" si="110"/>
        <v>0.95979780848643326</v>
      </c>
    </row>
    <row r="7090" spans="8:19" x14ac:dyDescent="0.3">
      <c r="H7090" s="44">
        <v>7083</v>
      </c>
      <c r="I7090" s="56">
        <f>Bühler!I7116</f>
        <v>0.22149180195840765</v>
      </c>
      <c r="J7090" s="59">
        <f>Bühler!J7116</f>
        <v>0.73830600652802558</v>
      </c>
      <c r="K7090" s="59">
        <f>Bühler!K7116</f>
        <v>1.1074590097920383</v>
      </c>
      <c r="L7090" s="59">
        <f>Bühler!L7116</f>
        <v>5.3158032470017833</v>
      </c>
      <c r="M7090" s="58">
        <f>Bühler!M7116</f>
        <v>0</v>
      </c>
      <c r="N7090" s="56">
        <f>IF(Input!$D$19=1,J7090*Input!$C$19,0)+IF(Input!$D$20=1,K7090*Input!$C$20,0)+IF(Input!$D$21=1,L7090*Input!$C$21,0)+IF(Input!$D$22=1,M7090*Input!$C$22,0)</f>
        <v>0.22149180195840767</v>
      </c>
      <c r="O7090" s="59">
        <f>IF(Input!$D$19=2,J7090*Input!$C$19,0)+IF(Input!$D$20=2,K7090*Input!$C$20,0)+IF(Input!$D$21=2,L7090*Input!$C$21,0)+IF(Input!$D$22=2,M7090*Input!$C$22,0)</f>
        <v>0.55372950489601913</v>
      </c>
      <c r="P7090" s="59">
        <f>IF(Input!$D$19=3,J7090*Input!$C$19,0)+IF(Input!$D$20=3,K7090*Input!$C$20,0)+IF(Input!$D$21=3,L7090*Input!$C$21,0)+IF(Input!$D$22=3,M7090*Input!$C$22,0)</f>
        <v>0</v>
      </c>
      <c r="Q7090" s="75">
        <f>IF(Input!$D$19=4,J7090*Input!$C$19,0)+IF(Input!$D$20=4,K7090*Input!$C$20,0)+IF(Input!$D$21=4,L7090*Input!$C$21,0)+IF(Input!$D$22=4,M7090*Input!$C$22,0)</f>
        <v>0</v>
      </c>
      <c r="R7090" s="58">
        <v>60.004031640357226</v>
      </c>
      <c r="S7090" s="124">
        <f t="shared" si="110"/>
        <v>0.95979780848643326</v>
      </c>
    </row>
    <row r="7091" spans="8:19" x14ac:dyDescent="0.3">
      <c r="H7091" s="44">
        <v>7084</v>
      </c>
      <c r="I7091" s="56">
        <f>Bühler!I7117</f>
        <v>0.22149180195840765</v>
      </c>
      <c r="J7091" s="59">
        <f>Bühler!J7117</f>
        <v>0.73830600652802558</v>
      </c>
      <c r="K7091" s="59">
        <f>Bühler!K7117</f>
        <v>1.1074590097920383</v>
      </c>
      <c r="L7091" s="59">
        <f>Bühler!L7117</f>
        <v>5.3158032470017833</v>
      </c>
      <c r="M7091" s="58">
        <f>Bühler!M7117</f>
        <v>0</v>
      </c>
      <c r="N7091" s="56">
        <f>IF(Input!$D$19=1,J7091*Input!$C$19,0)+IF(Input!$D$20=1,K7091*Input!$C$20,0)+IF(Input!$D$21=1,L7091*Input!$C$21,0)+IF(Input!$D$22=1,M7091*Input!$C$22,0)</f>
        <v>0.22149180195840767</v>
      </c>
      <c r="O7091" s="59">
        <f>IF(Input!$D$19=2,J7091*Input!$C$19,0)+IF(Input!$D$20=2,K7091*Input!$C$20,0)+IF(Input!$D$21=2,L7091*Input!$C$21,0)+IF(Input!$D$22=2,M7091*Input!$C$22,0)</f>
        <v>0.55372950489601913</v>
      </c>
      <c r="P7091" s="59">
        <f>IF(Input!$D$19=3,J7091*Input!$C$19,0)+IF(Input!$D$20=3,K7091*Input!$C$20,0)+IF(Input!$D$21=3,L7091*Input!$C$21,0)+IF(Input!$D$22=3,M7091*Input!$C$22,0)</f>
        <v>0</v>
      </c>
      <c r="Q7091" s="75">
        <f>IF(Input!$D$19=4,J7091*Input!$C$19,0)+IF(Input!$D$20=4,K7091*Input!$C$20,0)+IF(Input!$D$21=4,L7091*Input!$C$21,0)+IF(Input!$D$22=4,M7091*Input!$C$22,0)</f>
        <v>0</v>
      </c>
      <c r="R7091" s="58">
        <v>60.72750394606733</v>
      </c>
      <c r="S7091" s="124">
        <f t="shared" si="110"/>
        <v>0.95979780848643326</v>
      </c>
    </row>
    <row r="7092" spans="8:19" x14ac:dyDescent="0.3">
      <c r="H7092" s="44">
        <v>7085</v>
      </c>
      <c r="I7092" s="56">
        <f>Bühler!I7118</f>
        <v>0.22149180195840765</v>
      </c>
      <c r="J7092" s="59">
        <f>Bühler!J7118</f>
        <v>0.73830600652802558</v>
      </c>
      <c r="K7092" s="59">
        <f>Bühler!K7118</f>
        <v>1.1074590097920383</v>
      </c>
      <c r="L7092" s="59">
        <f>Bühler!L7118</f>
        <v>5.3158032470017833</v>
      </c>
      <c r="M7092" s="58">
        <f>Bühler!M7118</f>
        <v>0</v>
      </c>
      <c r="N7092" s="56">
        <f>IF(Input!$D$19=1,J7092*Input!$C$19,0)+IF(Input!$D$20=1,K7092*Input!$C$20,0)+IF(Input!$D$21=1,L7092*Input!$C$21,0)+IF(Input!$D$22=1,M7092*Input!$C$22,0)</f>
        <v>0.22149180195840767</v>
      </c>
      <c r="O7092" s="59">
        <f>IF(Input!$D$19=2,J7092*Input!$C$19,0)+IF(Input!$D$20=2,K7092*Input!$C$20,0)+IF(Input!$D$21=2,L7092*Input!$C$21,0)+IF(Input!$D$22=2,M7092*Input!$C$22,0)</f>
        <v>0.55372950489601913</v>
      </c>
      <c r="P7092" s="59">
        <f>IF(Input!$D$19=3,J7092*Input!$C$19,0)+IF(Input!$D$20=3,K7092*Input!$C$20,0)+IF(Input!$D$21=3,L7092*Input!$C$21,0)+IF(Input!$D$22=3,M7092*Input!$C$22,0)</f>
        <v>0</v>
      </c>
      <c r="Q7092" s="75">
        <f>IF(Input!$D$19=4,J7092*Input!$C$19,0)+IF(Input!$D$20=4,K7092*Input!$C$20,0)+IF(Input!$D$21=4,L7092*Input!$C$21,0)+IF(Input!$D$22=4,M7092*Input!$C$22,0)</f>
        <v>0</v>
      </c>
      <c r="R7092" s="58">
        <v>61.313356651501543</v>
      </c>
      <c r="S7092" s="124">
        <f t="shared" si="110"/>
        <v>0.95979780848643326</v>
      </c>
    </row>
    <row r="7093" spans="8:19" x14ac:dyDescent="0.3">
      <c r="H7093" s="44">
        <v>7086</v>
      </c>
      <c r="I7093" s="56">
        <f>Bühler!I7119</f>
        <v>0.28793934254592995</v>
      </c>
      <c r="J7093" s="59">
        <f>Bühler!J7119</f>
        <v>0.95979780848643326</v>
      </c>
      <c r="K7093" s="59">
        <f>Bühler!K7119</f>
        <v>1.4396967127296498</v>
      </c>
      <c r="L7093" s="59">
        <f>Bühler!L7119</f>
        <v>6.9105442211023185</v>
      </c>
      <c r="M7093" s="58">
        <f>Bühler!M7119</f>
        <v>0</v>
      </c>
      <c r="N7093" s="56">
        <f>IF(Input!$D$19=1,J7093*Input!$C$19,0)+IF(Input!$D$20=1,K7093*Input!$C$20,0)+IF(Input!$D$21=1,L7093*Input!$C$21,0)+IF(Input!$D$22=1,M7093*Input!$C$22,0)</f>
        <v>0.28793934254592995</v>
      </c>
      <c r="O7093" s="59">
        <f>IF(Input!$D$19=2,J7093*Input!$C$19,0)+IF(Input!$D$20=2,K7093*Input!$C$20,0)+IF(Input!$D$21=2,L7093*Input!$C$21,0)+IF(Input!$D$22=2,M7093*Input!$C$22,0)</f>
        <v>0.71984835636482492</v>
      </c>
      <c r="P7093" s="59">
        <f>IF(Input!$D$19=3,J7093*Input!$C$19,0)+IF(Input!$D$20=3,K7093*Input!$C$20,0)+IF(Input!$D$21=3,L7093*Input!$C$21,0)+IF(Input!$D$22=3,M7093*Input!$C$22,0)</f>
        <v>0</v>
      </c>
      <c r="Q7093" s="75">
        <f>IF(Input!$D$19=4,J7093*Input!$C$19,0)+IF(Input!$D$20=4,K7093*Input!$C$20,0)+IF(Input!$D$21=4,L7093*Input!$C$21,0)+IF(Input!$D$22=4,M7093*Input!$C$22,0)</f>
        <v>0</v>
      </c>
      <c r="R7093" s="58">
        <v>64.202097247629681</v>
      </c>
      <c r="S7093" s="124">
        <f t="shared" si="110"/>
        <v>1.2477371510323632</v>
      </c>
    </row>
    <row r="7094" spans="8:19" x14ac:dyDescent="0.3">
      <c r="H7094" s="44">
        <v>7087</v>
      </c>
      <c r="I7094" s="56">
        <f>Bühler!I7120</f>
        <v>0.32116311283969107</v>
      </c>
      <c r="J7094" s="59">
        <f>Bühler!J7120</f>
        <v>1.0705437094656369</v>
      </c>
      <c r="K7094" s="59">
        <f>Bühler!K7120</f>
        <v>1.6058155641984555</v>
      </c>
      <c r="L7094" s="59">
        <f>Bühler!L7120</f>
        <v>7.7079147081525861</v>
      </c>
      <c r="M7094" s="58">
        <f>Bühler!M7120</f>
        <v>0</v>
      </c>
      <c r="N7094" s="56">
        <f>IF(Input!$D$19=1,J7094*Input!$C$19,0)+IF(Input!$D$20=1,K7094*Input!$C$20,0)+IF(Input!$D$21=1,L7094*Input!$C$21,0)+IF(Input!$D$22=1,M7094*Input!$C$22,0)</f>
        <v>0.32116311283969107</v>
      </c>
      <c r="O7094" s="59">
        <f>IF(Input!$D$19=2,J7094*Input!$C$19,0)+IF(Input!$D$20=2,K7094*Input!$C$20,0)+IF(Input!$D$21=2,L7094*Input!$C$21,0)+IF(Input!$D$22=2,M7094*Input!$C$22,0)</f>
        <v>0.80290778209922775</v>
      </c>
      <c r="P7094" s="59">
        <f>IF(Input!$D$19=3,J7094*Input!$C$19,0)+IF(Input!$D$20=3,K7094*Input!$C$20,0)+IF(Input!$D$21=3,L7094*Input!$C$21,0)+IF(Input!$D$22=3,M7094*Input!$C$22,0)</f>
        <v>0</v>
      </c>
      <c r="Q7094" s="75">
        <f>IF(Input!$D$19=4,J7094*Input!$C$19,0)+IF(Input!$D$20=4,K7094*Input!$C$20,0)+IF(Input!$D$21=4,L7094*Input!$C$21,0)+IF(Input!$D$22=4,M7094*Input!$C$22,0)</f>
        <v>0</v>
      </c>
      <c r="R7094" s="58">
        <v>68.174366679584352</v>
      </c>
      <c r="S7094" s="124">
        <f t="shared" si="110"/>
        <v>1.3917068223053279</v>
      </c>
    </row>
    <row r="7095" spans="8:19" x14ac:dyDescent="0.3">
      <c r="H7095" s="44">
        <v>7088</v>
      </c>
      <c r="I7095" s="56">
        <f>Bühler!I7121</f>
        <v>0.33223770293761151</v>
      </c>
      <c r="J7095" s="59">
        <f>Bühler!J7121</f>
        <v>1.1074590097920385</v>
      </c>
      <c r="K7095" s="59">
        <f>Bühler!K7121</f>
        <v>1.6611885146880574</v>
      </c>
      <c r="L7095" s="59">
        <f>Bühler!L7121</f>
        <v>7.9737048705026758</v>
      </c>
      <c r="M7095" s="58">
        <f>Bühler!M7121</f>
        <v>0</v>
      </c>
      <c r="N7095" s="56">
        <f>IF(Input!$D$19=1,J7095*Input!$C$19,0)+IF(Input!$D$20=1,K7095*Input!$C$20,0)+IF(Input!$D$21=1,L7095*Input!$C$21,0)+IF(Input!$D$22=1,M7095*Input!$C$22,0)</f>
        <v>0.33223770293761151</v>
      </c>
      <c r="O7095" s="59">
        <f>IF(Input!$D$19=2,J7095*Input!$C$19,0)+IF(Input!$D$20=2,K7095*Input!$C$20,0)+IF(Input!$D$21=2,L7095*Input!$C$21,0)+IF(Input!$D$22=2,M7095*Input!$C$22,0)</f>
        <v>0.8305942573440287</v>
      </c>
      <c r="P7095" s="59">
        <f>IF(Input!$D$19=3,J7095*Input!$C$19,0)+IF(Input!$D$20=3,K7095*Input!$C$20,0)+IF(Input!$D$21=3,L7095*Input!$C$21,0)+IF(Input!$D$22=3,M7095*Input!$C$22,0)</f>
        <v>0</v>
      </c>
      <c r="Q7095" s="75">
        <f>IF(Input!$D$19=4,J7095*Input!$C$19,0)+IF(Input!$D$20=4,K7095*Input!$C$20,0)+IF(Input!$D$21=4,L7095*Input!$C$21,0)+IF(Input!$D$22=4,M7095*Input!$C$22,0)</f>
        <v>0</v>
      </c>
      <c r="R7095" s="58">
        <v>70.299471892271526</v>
      </c>
      <c r="S7095" s="124">
        <f t="shared" si="110"/>
        <v>1.4396967127296501</v>
      </c>
    </row>
    <row r="7096" spans="8:19" x14ac:dyDescent="0.3">
      <c r="H7096" s="44">
        <v>7089</v>
      </c>
      <c r="I7096" s="56">
        <f>Bühler!I7122</f>
        <v>0.33223770293761151</v>
      </c>
      <c r="J7096" s="59">
        <f>Bühler!J7122</f>
        <v>1.1074590097920385</v>
      </c>
      <c r="K7096" s="59">
        <f>Bühler!K7122</f>
        <v>1.6611885146880574</v>
      </c>
      <c r="L7096" s="59">
        <f>Bühler!L7122</f>
        <v>7.9737048705026758</v>
      </c>
      <c r="M7096" s="58">
        <f>Bühler!M7122</f>
        <v>0</v>
      </c>
      <c r="N7096" s="56">
        <f>IF(Input!$D$19=1,J7096*Input!$C$19,0)+IF(Input!$D$20=1,K7096*Input!$C$20,0)+IF(Input!$D$21=1,L7096*Input!$C$21,0)+IF(Input!$D$22=1,M7096*Input!$C$22,0)</f>
        <v>0.33223770293761151</v>
      </c>
      <c r="O7096" s="59">
        <f>IF(Input!$D$19=2,J7096*Input!$C$19,0)+IF(Input!$D$20=2,K7096*Input!$C$20,0)+IF(Input!$D$21=2,L7096*Input!$C$21,0)+IF(Input!$D$22=2,M7096*Input!$C$22,0)</f>
        <v>0.8305942573440287</v>
      </c>
      <c r="P7096" s="59">
        <f>IF(Input!$D$19=3,J7096*Input!$C$19,0)+IF(Input!$D$20=3,K7096*Input!$C$20,0)+IF(Input!$D$21=3,L7096*Input!$C$21,0)+IF(Input!$D$22=3,M7096*Input!$C$22,0)</f>
        <v>0</v>
      </c>
      <c r="Q7096" s="75">
        <f>IF(Input!$D$19=4,J7096*Input!$C$19,0)+IF(Input!$D$20=4,K7096*Input!$C$20,0)+IF(Input!$D$21=4,L7096*Input!$C$21,0)+IF(Input!$D$22=4,M7096*Input!$C$22,0)</f>
        <v>0</v>
      </c>
      <c r="R7096" s="58">
        <v>70.969531822232682</v>
      </c>
      <c r="S7096" s="124">
        <f t="shared" si="110"/>
        <v>1.4396967127296501</v>
      </c>
    </row>
    <row r="7097" spans="8:19" x14ac:dyDescent="0.3">
      <c r="H7097" s="44">
        <v>7090</v>
      </c>
      <c r="I7097" s="56">
        <f>Bühler!I7123</f>
        <v>0.3599241781824124</v>
      </c>
      <c r="J7097" s="59">
        <f>Bühler!J7123</f>
        <v>1.1997472606080415</v>
      </c>
      <c r="K7097" s="59">
        <f>Bühler!K7123</f>
        <v>1.7996208909120621</v>
      </c>
      <c r="L7097" s="59">
        <f>Bühler!L7123</f>
        <v>8.6381802763778985</v>
      </c>
      <c r="M7097" s="58">
        <f>Bühler!M7123</f>
        <v>0</v>
      </c>
      <c r="N7097" s="56">
        <f>IF(Input!$D$19=1,J7097*Input!$C$19,0)+IF(Input!$D$20=1,K7097*Input!$C$20,0)+IF(Input!$D$21=1,L7097*Input!$C$21,0)+IF(Input!$D$22=1,M7097*Input!$C$22,0)</f>
        <v>0.35992417818241246</v>
      </c>
      <c r="O7097" s="59">
        <f>IF(Input!$D$19=2,J7097*Input!$C$19,0)+IF(Input!$D$20=2,K7097*Input!$C$20,0)+IF(Input!$D$21=2,L7097*Input!$C$21,0)+IF(Input!$D$22=2,M7097*Input!$C$22,0)</f>
        <v>0.89981044545603106</v>
      </c>
      <c r="P7097" s="59">
        <f>IF(Input!$D$19=3,J7097*Input!$C$19,0)+IF(Input!$D$20=3,K7097*Input!$C$20,0)+IF(Input!$D$21=3,L7097*Input!$C$21,0)+IF(Input!$D$22=3,M7097*Input!$C$22,0)</f>
        <v>0</v>
      </c>
      <c r="Q7097" s="75">
        <f>IF(Input!$D$19=4,J7097*Input!$C$19,0)+IF(Input!$D$20=4,K7097*Input!$C$20,0)+IF(Input!$D$21=4,L7097*Input!$C$21,0)+IF(Input!$D$22=4,M7097*Input!$C$22,0)</f>
        <v>0</v>
      </c>
      <c r="R7097" s="58">
        <v>70.845846216070939</v>
      </c>
      <c r="S7097" s="124">
        <f t="shared" si="110"/>
        <v>1.559671438790454</v>
      </c>
    </row>
    <row r="7098" spans="8:19" x14ac:dyDescent="0.3">
      <c r="H7098" s="44">
        <v>7091</v>
      </c>
      <c r="I7098" s="56">
        <f>Bühler!I7124</f>
        <v>0.37653606332929301</v>
      </c>
      <c r="J7098" s="59">
        <f>Bühler!J7124</f>
        <v>1.2551202110976434</v>
      </c>
      <c r="K7098" s="59">
        <f>Bühler!K7124</f>
        <v>1.882680316646465</v>
      </c>
      <c r="L7098" s="59">
        <f>Bühler!L7124</f>
        <v>9.0368655199030314</v>
      </c>
      <c r="M7098" s="58">
        <f>Bühler!M7124</f>
        <v>0</v>
      </c>
      <c r="N7098" s="56">
        <f>IF(Input!$D$19=1,J7098*Input!$C$19,0)+IF(Input!$D$20=1,K7098*Input!$C$20,0)+IF(Input!$D$21=1,L7098*Input!$C$21,0)+IF(Input!$D$22=1,M7098*Input!$C$22,0)</f>
        <v>0.37653606332929301</v>
      </c>
      <c r="O7098" s="59">
        <f>IF(Input!$D$19=2,J7098*Input!$C$19,0)+IF(Input!$D$20=2,K7098*Input!$C$20,0)+IF(Input!$D$21=2,L7098*Input!$C$21,0)+IF(Input!$D$22=2,M7098*Input!$C$22,0)</f>
        <v>0.94134015832323248</v>
      </c>
      <c r="P7098" s="59">
        <f>IF(Input!$D$19=3,J7098*Input!$C$19,0)+IF(Input!$D$20=3,K7098*Input!$C$20,0)+IF(Input!$D$21=3,L7098*Input!$C$21,0)+IF(Input!$D$22=3,M7098*Input!$C$22,0)</f>
        <v>0</v>
      </c>
      <c r="Q7098" s="75">
        <f>IF(Input!$D$19=4,J7098*Input!$C$19,0)+IF(Input!$D$20=4,K7098*Input!$C$20,0)+IF(Input!$D$21=4,L7098*Input!$C$21,0)+IF(Input!$D$22=4,M7098*Input!$C$22,0)</f>
        <v>0</v>
      </c>
      <c r="R7098" s="58">
        <v>70.677465757630827</v>
      </c>
      <c r="S7098" s="124">
        <f t="shared" si="110"/>
        <v>1.6316562744269363</v>
      </c>
    </row>
    <row r="7099" spans="8:19" x14ac:dyDescent="0.3">
      <c r="H7099" s="44">
        <v>7092</v>
      </c>
      <c r="I7099" s="56">
        <f>Bühler!I7125</f>
        <v>0.44298360391681529</v>
      </c>
      <c r="J7099" s="59">
        <f>Bühler!J7125</f>
        <v>1.4766120130560512</v>
      </c>
      <c r="K7099" s="59">
        <f>Bühler!K7125</f>
        <v>2.2149180195840765</v>
      </c>
      <c r="L7099" s="59">
        <f>Bühler!L7125</f>
        <v>10.631606494003567</v>
      </c>
      <c r="M7099" s="58">
        <f>Bühler!M7125</f>
        <v>0</v>
      </c>
      <c r="N7099" s="56">
        <f>IF(Input!$D$19=1,J7099*Input!$C$19,0)+IF(Input!$D$20=1,K7099*Input!$C$20,0)+IF(Input!$D$21=1,L7099*Input!$C$21,0)+IF(Input!$D$22=1,M7099*Input!$C$22,0)</f>
        <v>0.44298360391681535</v>
      </c>
      <c r="O7099" s="59">
        <f>IF(Input!$D$19=2,J7099*Input!$C$19,0)+IF(Input!$D$20=2,K7099*Input!$C$20,0)+IF(Input!$D$21=2,L7099*Input!$C$21,0)+IF(Input!$D$22=2,M7099*Input!$C$22,0)</f>
        <v>1.1074590097920383</v>
      </c>
      <c r="P7099" s="59">
        <f>IF(Input!$D$19=3,J7099*Input!$C$19,0)+IF(Input!$D$20=3,K7099*Input!$C$20,0)+IF(Input!$D$21=3,L7099*Input!$C$21,0)+IF(Input!$D$22=3,M7099*Input!$C$22,0)</f>
        <v>0</v>
      </c>
      <c r="Q7099" s="75">
        <f>IF(Input!$D$19=4,J7099*Input!$C$19,0)+IF(Input!$D$20=4,K7099*Input!$C$20,0)+IF(Input!$D$21=4,L7099*Input!$C$21,0)+IF(Input!$D$22=4,M7099*Input!$C$22,0)</f>
        <v>0</v>
      </c>
      <c r="R7099" s="58">
        <v>69.367273721051092</v>
      </c>
      <c r="S7099" s="124">
        <f t="shared" si="110"/>
        <v>1.9195956169728665</v>
      </c>
    </row>
    <row r="7100" spans="8:19" x14ac:dyDescent="0.3">
      <c r="H7100" s="44">
        <v>7093</v>
      </c>
      <c r="I7100" s="56">
        <f>Bühler!I7126</f>
        <v>0.44298360391681529</v>
      </c>
      <c r="J7100" s="59">
        <f>Bühler!J7126</f>
        <v>1.4766120130560512</v>
      </c>
      <c r="K7100" s="59">
        <f>Bühler!K7126</f>
        <v>2.2149180195840765</v>
      </c>
      <c r="L7100" s="59">
        <f>Bühler!L7126</f>
        <v>10.631606494003567</v>
      </c>
      <c r="M7100" s="58">
        <f>Bühler!M7126</f>
        <v>0</v>
      </c>
      <c r="N7100" s="56">
        <f>IF(Input!$D$19=1,J7100*Input!$C$19,0)+IF(Input!$D$20=1,K7100*Input!$C$20,0)+IF(Input!$D$21=1,L7100*Input!$C$21,0)+IF(Input!$D$22=1,M7100*Input!$C$22,0)</f>
        <v>0.44298360391681535</v>
      </c>
      <c r="O7100" s="59">
        <f>IF(Input!$D$19=2,J7100*Input!$C$19,0)+IF(Input!$D$20=2,K7100*Input!$C$20,0)+IF(Input!$D$21=2,L7100*Input!$C$21,0)+IF(Input!$D$22=2,M7100*Input!$C$22,0)</f>
        <v>1.1074590097920383</v>
      </c>
      <c r="P7100" s="59">
        <f>IF(Input!$D$19=3,J7100*Input!$C$19,0)+IF(Input!$D$20=3,K7100*Input!$C$20,0)+IF(Input!$D$21=3,L7100*Input!$C$21,0)+IF(Input!$D$22=3,M7100*Input!$C$22,0)</f>
        <v>0</v>
      </c>
      <c r="Q7100" s="75">
        <f>IF(Input!$D$19=4,J7100*Input!$C$19,0)+IF(Input!$D$20=4,K7100*Input!$C$20,0)+IF(Input!$D$21=4,L7100*Input!$C$21,0)+IF(Input!$D$22=4,M7100*Input!$C$22,0)</f>
        <v>0</v>
      </c>
      <c r="R7100" s="58">
        <v>70.012318540301294</v>
      </c>
      <c r="S7100" s="124">
        <f t="shared" si="110"/>
        <v>1.9195956169728665</v>
      </c>
    </row>
    <row r="7101" spans="8:19" x14ac:dyDescent="0.3">
      <c r="H7101" s="44">
        <v>7094</v>
      </c>
      <c r="I7101" s="56">
        <f>Bühler!I7127</f>
        <v>0.44298360391681529</v>
      </c>
      <c r="J7101" s="59">
        <f>Bühler!J7127</f>
        <v>1.4766120130560512</v>
      </c>
      <c r="K7101" s="59">
        <f>Bühler!K7127</f>
        <v>2.2149180195840765</v>
      </c>
      <c r="L7101" s="59">
        <f>Bühler!L7127</f>
        <v>10.631606494003567</v>
      </c>
      <c r="M7101" s="58">
        <f>Bühler!M7127</f>
        <v>0</v>
      </c>
      <c r="N7101" s="56">
        <f>IF(Input!$D$19=1,J7101*Input!$C$19,0)+IF(Input!$D$20=1,K7101*Input!$C$20,0)+IF(Input!$D$21=1,L7101*Input!$C$21,0)+IF(Input!$D$22=1,M7101*Input!$C$22,0)</f>
        <v>0.44298360391681535</v>
      </c>
      <c r="O7101" s="59">
        <f>IF(Input!$D$19=2,J7101*Input!$C$19,0)+IF(Input!$D$20=2,K7101*Input!$C$20,0)+IF(Input!$D$21=2,L7101*Input!$C$21,0)+IF(Input!$D$22=2,M7101*Input!$C$22,0)</f>
        <v>1.1074590097920383</v>
      </c>
      <c r="P7101" s="59">
        <f>IF(Input!$D$19=3,J7101*Input!$C$19,0)+IF(Input!$D$20=3,K7101*Input!$C$20,0)+IF(Input!$D$21=3,L7101*Input!$C$21,0)+IF(Input!$D$22=3,M7101*Input!$C$22,0)</f>
        <v>0</v>
      </c>
      <c r="Q7101" s="75">
        <f>IF(Input!$D$19=4,J7101*Input!$C$19,0)+IF(Input!$D$20=4,K7101*Input!$C$20,0)+IF(Input!$D$21=4,L7101*Input!$C$21,0)+IF(Input!$D$22=4,M7101*Input!$C$22,0)</f>
        <v>0</v>
      </c>
      <c r="R7101" s="58">
        <v>68.574532663462833</v>
      </c>
      <c r="S7101" s="124">
        <f t="shared" si="110"/>
        <v>1.9195956169728665</v>
      </c>
    </row>
    <row r="7102" spans="8:19" x14ac:dyDescent="0.3">
      <c r="H7102" s="44">
        <v>7095</v>
      </c>
      <c r="I7102" s="56">
        <f>Bühler!I7128</f>
        <v>0.44298360391681529</v>
      </c>
      <c r="J7102" s="59">
        <f>Bühler!J7128</f>
        <v>1.4766120130560512</v>
      </c>
      <c r="K7102" s="59">
        <f>Bühler!K7128</f>
        <v>2.2149180195840765</v>
      </c>
      <c r="L7102" s="59">
        <f>Bühler!L7128</f>
        <v>10.631606494003567</v>
      </c>
      <c r="M7102" s="58">
        <f>Bühler!M7128</f>
        <v>0</v>
      </c>
      <c r="N7102" s="56">
        <f>IF(Input!$D$19=1,J7102*Input!$C$19,0)+IF(Input!$D$20=1,K7102*Input!$C$20,0)+IF(Input!$D$21=1,L7102*Input!$C$21,0)+IF(Input!$D$22=1,M7102*Input!$C$22,0)</f>
        <v>0.44298360391681535</v>
      </c>
      <c r="O7102" s="59">
        <f>IF(Input!$D$19=2,J7102*Input!$C$19,0)+IF(Input!$D$20=2,K7102*Input!$C$20,0)+IF(Input!$D$21=2,L7102*Input!$C$21,0)+IF(Input!$D$22=2,M7102*Input!$C$22,0)</f>
        <v>1.1074590097920383</v>
      </c>
      <c r="P7102" s="59">
        <f>IF(Input!$D$19=3,J7102*Input!$C$19,0)+IF(Input!$D$20=3,K7102*Input!$C$20,0)+IF(Input!$D$21=3,L7102*Input!$C$21,0)+IF(Input!$D$22=3,M7102*Input!$C$22,0)</f>
        <v>0</v>
      </c>
      <c r="Q7102" s="75">
        <f>IF(Input!$D$19=4,J7102*Input!$C$19,0)+IF(Input!$D$20=4,K7102*Input!$C$20,0)+IF(Input!$D$21=4,L7102*Input!$C$21,0)+IF(Input!$D$22=4,M7102*Input!$C$22,0)</f>
        <v>0</v>
      </c>
      <c r="R7102" s="58">
        <v>67.299741390150828</v>
      </c>
      <c r="S7102" s="124">
        <f t="shared" si="110"/>
        <v>1.9195956169728665</v>
      </c>
    </row>
    <row r="7103" spans="8:19" x14ac:dyDescent="0.3">
      <c r="H7103" s="44">
        <v>7096</v>
      </c>
      <c r="I7103" s="56">
        <f>Bühler!I7129</f>
        <v>0.44298360391681529</v>
      </c>
      <c r="J7103" s="59">
        <f>Bühler!J7129</f>
        <v>1.4766120130560512</v>
      </c>
      <c r="K7103" s="59">
        <f>Bühler!K7129</f>
        <v>2.2149180195840765</v>
      </c>
      <c r="L7103" s="59">
        <f>Bühler!L7129</f>
        <v>10.631606494003567</v>
      </c>
      <c r="M7103" s="58">
        <f>Bühler!M7129</f>
        <v>0</v>
      </c>
      <c r="N7103" s="56">
        <f>IF(Input!$D$19=1,J7103*Input!$C$19,0)+IF(Input!$D$20=1,K7103*Input!$C$20,0)+IF(Input!$D$21=1,L7103*Input!$C$21,0)+IF(Input!$D$22=1,M7103*Input!$C$22,0)</f>
        <v>0.44298360391681535</v>
      </c>
      <c r="O7103" s="59">
        <f>IF(Input!$D$19=2,J7103*Input!$C$19,0)+IF(Input!$D$20=2,K7103*Input!$C$20,0)+IF(Input!$D$21=2,L7103*Input!$C$21,0)+IF(Input!$D$22=2,M7103*Input!$C$22,0)</f>
        <v>1.1074590097920383</v>
      </c>
      <c r="P7103" s="59">
        <f>IF(Input!$D$19=3,J7103*Input!$C$19,0)+IF(Input!$D$20=3,K7103*Input!$C$20,0)+IF(Input!$D$21=3,L7103*Input!$C$21,0)+IF(Input!$D$22=3,M7103*Input!$C$22,0)</f>
        <v>0</v>
      </c>
      <c r="Q7103" s="75">
        <f>IF(Input!$D$19=4,J7103*Input!$C$19,0)+IF(Input!$D$20=4,K7103*Input!$C$20,0)+IF(Input!$D$21=4,L7103*Input!$C$21,0)+IF(Input!$D$22=4,M7103*Input!$C$22,0)</f>
        <v>0</v>
      </c>
      <c r="R7103" s="58">
        <v>67.310836667868855</v>
      </c>
      <c r="S7103" s="124">
        <f t="shared" si="110"/>
        <v>1.9195956169728665</v>
      </c>
    </row>
    <row r="7104" spans="8:19" x14ac:dyDescent="0.3">
      <c r="H7104" s="44">
        <v>7097</v>
      </c>
      <c r="I7104" s="56">
        <f>Bühler!I7130</f>
        <v>0.44298360391681529</v>
      </c>
      <c r="J7104" s="59">
        <f>Bühler!J7130</f>
        <v>1.4766120130560512</v>
      </c>
      <c r="K7104" s="59">
        <f>Bühler!K7130</f>
        <v>2.2149180195840765</v>
      </c>
      <c r="L7104" s="59">
        <f>Bühler!L7130</f>
        <v>10.631606494003567</v>
      </c>
      <c r="M7104" s="58">
        <f>Bühler!M7130</f>
        <v>0</v>
      </c>
      <c r="N7104" s="56">
        <f>IF(Input!$D$19=1,J7104*Input!$C$19,0)+IF(Input!$D$20=1,K7104*Input!$C$20,0)+IF(Input!$D$21=1,L7104*Input!$C$21,0)+IF(Input!$D$22=1,M7104*Input!$C$22,0)</f>
        <v>0.44298360391681535</v>
      </c>
      <c r="O7104" s="59">
        <f>IF(Input!$D$19=2,J7104*Input!$C$19,0)+IF(Input!$D$20=2,K7104*Input!$C$20,0)+IF(Input!$D$21=2,L7104*Input!$C$21,0)+IF(Input!$D$22=2,M7104*Input!$C$22,0)</f>
        <v>1.1074590097920383</v>
      </c>
      <c r="P7104" s="59">
        <f>IF(Input!$D$19=3,J7104*Input!$C$19,0)+IF(Input!$D$20=3,K7104*Input!$C$20,0)+IF(Input!$D$21=3,L7104*Input!$C$21,0)+IF(Input!$D$22=3,M7104*Input!$C$22,0)</f>
        <v>0</v>
      </c>
      <c r="Q7104" s="75">
        <f>IF(Input!$D$19=4,J7104*Input!$C$19,0)+IF(Input!$D$20=4,K7104*Input!$C$20,0)+IF(Input!$D$21=4,L7104*Input!$C$21,0)+IF(Input!$D$22=4,M7104*Input!$C$22,0)</f>
        <v>0</v>
      </c>
      <c r="R7104" s="58">
        <v>68.541056302425517</v>
      </c>
      <c r="S7104" s="124">
        <f t="shared" si="110"/>
        <v>1.9195956169728665</v>
      </c>
    </row>
    <row r="7105" spans="8:19" x14ac:dyDescent="0.3">
      <c r="H7105" s="44">
        <v>7098</v>
      </c>
      <c r="I7105" s="56">
        <f>Bühler!I7131</f>
        <v>0.44298360391681529</v>
      </c>
      <c r="J7105" s="59">
        <f>Bühler!J7131</f>
        <v>1.4766120130560512</v>
      </c>
      <c r="K7105" s="59">
        <f>Bühler!K7131</f>
        <v>2.2149180195840765</v>
      </c>
      <c r="L7105" s="59">
        <f>Bühler!L7131</f>
        <v>10.631606494003567</v>
      </c>
      <c r="M7105" s="58">
        <f>Bühler!M7131</f>
        <v>0</v>
      </c>
      <c r="N7105" s="56">
        <f>IF(Input!$D$19=1,J7105*Input!$C$19,0)+IF(Input!$D$20=1,K7105*Input!$C$20,0)+IF(Input!$D$21=1,L7105*Input!$C$21,0)+IF(Input!$D$22=1,M7105*Input!$C$22,0)</f>
        <v>0.44298360391681535</v>
      </c>
      <c r="O7105" s="59">
        <f>IF(Input!$D$19=2,J7105*Input!$C$19,0)+IF(Input!$D$20=2,K7105*Input!$C$20,0)+IF(Input!$D$21=2,L7105*Input!$C$21,0)+IF(Input!$D$22=2,M7105*Input!$C$22,0)</f>
        <v>1.1074590097920383</v>
      </c>
      <c r="P7105" s="59">
        <f>IF(Input!$D$19=3,J7105*Input!$C$19,0)+IF(Input!$D$20=3,K7105*Input!$C$20,0)+IF(Input!$D$21=3,L7105*Input!$C$21,0)+IF(Input!$D$22=3,M7105*Input!$C$22,0)</f>
        <v>0</v>
      </c>
      <c r="Q7105" s="75">
        <f>IF(Input!$D$19=4,J7105*Input!$C$19,0)+IF(Input!$D$20=4,K7105*Input!$C$20,0)+IF(Input!$D$21=4,L7105*Input!$C$21,0)+IF(Input!$D$22=4,M7105*Input!$C$22,0)</f>
        <v>0</v>
      </c>
      <c r="R7105" s="58">
        <v>67.805500931756626</v>
      </c>
      <c r="S7105" s="124">
        <f t="shared" si="110"/>
        <v>1.9195956169728665</v>
      </c>
    </row>
    <row r="7106" spans="8:19" x14ac:dyDescent="0.3">
      <c r="H7106" s="44">
        <v>7099</v>
      </c>
      <c r="I7106" s="56">
        <f>Bühler!I7132</f>
        <v>0.44298360391681529</v>
      </c>
      <c r="J7106" s="59">
        <f>Bühler!J7132</f>
        <v>1.4766120130560512</v>
      </c>
      <c r="K7106" s="59">
        <f>Bühler!K7132</f>
        <v>2.2149180195840765</v>
      </c>
      <c r="L7106" s="59">
        <f>Bühler!L7132</f>
        <v>10.631606494003567</v>
      </c>
      <c r="M7106" s="58">
        <f>Bühler!M7132</f>
        <v>0</v>
      </c>
      <c r="N7106" s="56">
        <f>IF(Input!$D$19=1,J7106*Input!$C$19,0)+IF(Input!$D$20=1,K7106*Input!$C$20,0)+IF(Input!$D$21=1,L7106*Input!$C$21,0)+IF(Input!$D$22=1,M7106*Input!$C$22,0)</f>
        <v>0.44298360391681535</v>
      </c>
      <c r="O7106" s="59">
        <f>IF(Input!$D$19=2,J7106*Input!$C$19,0)+IF(Input!$D$20=2,K7106*Input!$C$20,0)+IF(Input!$D$21=2,L7106*Input!$C$21,0)+IF(Input!$D$22=2,M7106*Input!$C$22,0)</f>
        <v>1.1074590097920383</v>
      </c>
      <c r="P7106" s="59">
        <f>IF(Input!$D$19=3,J7106*Input!$C$19,0)+IF(Input!$D$20=3,K7106*Input!$C$20,0)+IF(Input!$D$21=3,L7106*Input!$C$21,0)+IF(Input!$D$22=3,M7106*Input!$C$22,0)</f>
        <v>0</v>
      </c>
      <c r="Q7106" s="75">
        <f>IF(Input!$D$19=4,J7106*Input!$C$19,0)+IF(Input!$D$20=4,K7106*Input!$C$20,0)+IF(Input!$D$21=4,L7106*Input!$C$21,0)+IF(Input!$D$22=4,M7106*Input!$C$22,0)</f>
        <v>0</v>
      </c>
      <c r="R7106" s="58">
        <v>66.584025318835089</v>
      </c>
      <c r="S7106" s="124">
        <f t="shared" si="110"/>
        <v>1.9195956169728665</v>
      </c>
    </row>
    <row r="7107" spans="8:19" x14ac:dyDescent="0.3">
      <c r="H7107" s="44">
        <v>7100</v>
      </c>
      <c r="I7107" s="56">
        <f>Bühler!I7133</f>
        <v>0.37099876828033285</v>
      </c>
      <c r="J7107" s="59">
        <f>Bühler!J7133</f>
        <v>1.2366625609344428</v>
      </c>
      <c r="K7107" s="59">
        <f>Bühler!K7133</f>
        <v>1.8549938414016642</v>
      </c>
      <c r="L7107" s="59">
        <f>Bühler!L7133</f>
        <v>8.9039704387279883</v>
      </c>
      <c r="M7107" s="58">
        <f>Bühler!M7133</f>
        <v>0</v>
      </c>
      <c r="N7107" s="56">
        <f>IF(Input!$D$19=1,J7107*Input!$C$19,0)+IF(Input!$D$20=1,K7107*Input!$C$20,0)+IF(Input!$D$21=1,L7107*Input!$C$21,0)+IF(Input!$D$22=1,M7107*Input!$C$22,0)</f>
        <v>0.37099876828033285</v>
      </c>
      <c r="O7107" s="59">
        <f>IF(Input!$D$19=2,J7107*Input!$C$19,0)+IF(Input!$D$20=2,K7107*Input!$C$20,0)+IF(Input!$D$21=2,L7107*Input!$C$21,0)+IF(Input!$D$22=2,M7107*Input!$C$22,0)</f>
        <v>0.92749692070083212</v>
      </c>
      <c r="P7107" s="59">
        <f>IF(Input!$D$19=3,J7107*Input!$C$19,0)+IF(Input!$D$20=3,K7107*Input!$C$20,0)+IF(Input!$D$21=3,L7107*Input!$C$21,0)+IF(Input!$D$22=3,M7107*Input!$C$22,0)</f>
        <v>0</v>
      </c>
      <c r="Q7107" s="75">
        <f>IF(Input!$D$19=4,J7107*Input!$C$19,0)+IF(Input!$D$20=4,K7107*Input!$C$20,0)+IF(Input!$D$21=4,L7107*Input!$C$21,0)+IF(Input!$D$22=4,M7107*Input!$C$22,0)</f>
        <v>0</v>
      </c>
      <c r="R7107" s="58">
        <v>66.017420617294206</v>
      </c>
      <c r="S7107" s="124">
        <f t="shared" si="110"/>
        <v>1.6076613292147757</v>
      </c>
    </row>
    <row r="7108" spans="8:19" x14ac:dyDescent="0.3">
      <c r="H7108" s="44">
        <v>7101</v>
      </c>
      <c r="I7108" s="56">
        <f>Bühler!I7134</f>
        <v>0.30455122769281051</v>
      </c>
      <c r="J7108" s="59">
        <f>Bühler!J7134</f>
        <v>1.015170758976035</v>
      </c>
      <c r="K7108" s="59">
        <f>Bühler!K7134</f>
        <v>1.5227561384640527</v>
      </c>
      <c r="L7108" s="59">
        <f>Bühler!L7134</f>
        <v>7.3092294646274523</v>
      </c>
      <c r="M7108" s="58">
        <f>Bühler!M7134</f>
        <v>0</v>
      </c>
      <c r="N7108" s="56">
        <f>IF(Input!$D$19=1,J7108*Input!$C$19,0)+IF(Input!$D$20=1,K7108*Input!$C$20,0)+IF(Input!$D$21=1,L7108*Input!$C$21,0)+IF(Input!$D$22=1,M7108*Input!$C$22,0)</f>
        <v>0.30455122769281051</v>
      </c>
      <c r="O7108" s="59">
        <f>IF(Input!$D$19=2,J7108*Input!$C$19,0)+IF(Input!$D$20=2,K7108*Input!$C$20,0)+IF(Input!$D$21=2,L7108*Input!$C$21,0)+IF(Input!$D$22=2,M7108*Input!$C$22,0)</f>
        <v>0.76137806923202633</v>
      </c>
      <c r="P7108" s="59">
        <f>IF(Input!$D$19=3,J7108*Input!$C$19,0)+IF(Input!$D$20=3,K7108*Input!$C$20,0)+IF(Input!$D$21=3,L7108*Input!$C$21,0)+IF(Input!$D$22=3,M7108*Input!$C$22,0)</f>
        <v>0</v>
      </c>
      <c r="Q7108" s="75">
        <f>IF(Input!$D$19=4,J7108*Input!$C$19,0)+IF(Input!$D$20=4,K7108*Input!$C$20,0)+IF(Input!$D$21=4,L7108*Input!$C$21,0)+IF(Input!$D$22=4,M7108*Input!$C$22,0)</f>
        <v>0</v>
      </c>
      <c r="R7108" s="58">
        <v>63.792142457343026</v>
      </c>
      <c r="S7108" s="124">
        <f t="shared" si="110"/>
        <v>1.3197219866688457</v>
      </c>
    </row>
    <row r="7109" spans="8:19" x14ac:dyDescent="0.3">
      <c r="H7109" s="44">
        <v>7102</v>
      </c>
      <c r="I7109" s="56">
        <f>Bühler!I7135</f>
        <v>0.22149180195840765</v>
      </c>
      <c r="J7109" s="59">
        <f>Bühler!J7135</f>
        <v>0.73830600652802558</v>
      </c>
      <c r="K7109" s="59">
        <f>Bühler!K7135</f>
        <v>1.1074590097920383</v>
      </c>
      <c r="L7109" s="59">
        <f>Bühler!L7135</f>
        <v>5.3158032470017833</v>
      </c>
      <c r="M7109" s="58">
        <f>Bühler!M7135</f>
        <v>0</v>
      </c>
      <c r="N7109" s="56">
        <f>IF(Input!$D$19=1,J7109*Input!$C$19,0)+IF(Input!$D$20=1,K7109*Input!$C$20,0)+IF(Input!$D$21=1,L7109*Input!$C$21,0)+IF(Input!$D$22=1,M7109*Input!$C$22,0)</f>
        <v>0.22149180195840767</v>
      </c>
      <c r="O7109" s="59">
        <f>IF(Input!$D$19=2,J7109*Input!$C$19,0)+IF(Input!$D$20=2,K7109*Input!$C$20,0)+IF(Input!$D$21=2,L7109*Input!$C$21,0)+IF(Input!$D$22=2,M7109*Input!$C$22,0)</f>
        <v>0.55372950489601913</v>
      </c>
      <c r="P7109" s="59">
        <f>IF(Input!$D$19=3,J7109*Input!$C$19,0)+IF(Input!$D$20=3,K7109*Input!$C$20,0)+IF(Input!$D$21=3,L7109*Input!$C$21,0)+IF(Input!$D$22=3,M7109*Input!$C$22,0)</f>
        <v>0</v>
      </c>
      <c r="Q7109" s="75">
        <f>IF(Input!$D$19=4,J7109*Input!$C$19,0)+IF(Input!$D$20=4,K7109*Input!$C$20,0)+IF(Input!$D$21=4,L7109*Input!$C$21,0)+IF(Input!$D$22=4,M7109*Input!$C$22,0)</f>
        <v>0</v>
      </c>
      <c r="R7109" s="58">
        <v>62.137683501600542</v>
      </c>
      <c r="S7109" s="124">
        <f t="shared" si="110"/>
        <v>0.95979780848643326</v>
      </c>
    </row>
    <row r="7110" spans="8:19" x14ac:dyDescent="0.3">
      <c r="H7110" s="44">
        <v>7103</v>
      </c>
      <c r="I7110" s="56">
        <f>Bühler!I7136</f>
        <v>0.22149180195840765</v>
      </c>
      <c r="J7110" s="59">
        <f>Bühler!J7136</f>
        <v>0.73830600652802558</v>
      </c>
      <c r="K7110" s="59">
        <f>Bühler!K7136</f>
        <v>1.1074590097920383</v>
      </c>
      <c r="L7110" s="59">
        <f>Bühler!L7136</f>
        <v>5.3158032470017833</v>
      </c>
      <c r="M7110" s="58">
        <f>Bühler!M7136</f>
        <v>0</v>
      </c>
      <c r="N7110" s="56">
        <f>IF(Input!$D$19=1,J7110*Input!$C$19,0)+IF(Input!$D$20=1,K7110*Input!$C$20,0)+IF(Input!$D$21=1,L7110*Input!$C$21,0)+IF(Input!$D$22=1,M7110*Input!$C$22,0)</f>
        <v>0.22149180195840767</v>
      </c>
      <c r="O7110" s="59">
        <f>IF(Input!$D$19=2,J7110*Input!$C$19,0)+IF(Input!$D$20=2,K7110*Input!$C$20,0)+IF(Input!$D$21=2,L7110*Input!$C$21,0)+IF(Input!$D$22=2,M7110*Input!$C$22,0)</f>
        <v>0.55372950489601913</v>
      </c>
      <c r="P7110" s="59">
        <f>IF(Input!$D$19=3,J7110*Input!$C$19,0)+IF(Input!$D$20=3,K7110*Input!$C$20,0)+IF(Input!$D$21=3,L7110*Input!$C$21,0)+IF(Input!$D$22=3,M7110*Input!$C$22,0)</f>
        <v>0</v>
      </c>
      <c r="Q7110" s="75">
        <f>IF(Input!$D$19=4,J7110*Input!$C$19,0)+IF(Input!$D$20=4,K7110*Input!$C$20,0)+IF(Input!$D$21=4,L7110*Input!$C$21,0)+IF(Input!$D$22=4,M7110*Input!$C$22,0)</f>
        <v>0</v>
      </c>
      <c r="R7110" s="58">
        <v>61.221521780268418</v>
      </c>
      <c r="S7110" s="124">
        <f t="shared" si="110"/>
        <v>0.95979780848643326</v>
      </c>
    </row>
    <row r="7111" spans="8:19" x14ac:dyDescent="0.3">
      <c r="H7111" s="44">
        <v>7104</v>
      </c>
      <c r="I7111" s="56">
        <f>Bühler!I7137</f>
        <v>0.22149180195840765</v>
      </c>
      <c r="J7111" s="59">
        <f>Bühler!J7137</f>
        <v>0.73830600652802558</v>
      </c>
      <c r="K7111" s="59">
        <f>Bühler!K7137</f>
        <v>1.1074590097920383</v>
      </c>
      <c r="L7111" s="59">
        <f>Bühler!L7137</f>
        <v>5.3158032470017833</v>
      </c>
      <c r="M7111" s="58">
        <f>Bühler!M7137</f>
        <v>0</v>
      </c>
      <c r="N7111" s="56">
        <f>IF(Input!$D$19=1,J7111*Input!$C$19,0)+IF(Input!$D$20=1,K7111*Input!$C$20,0)+IF(Input!$D$21=1,L7111*Input!$C$21,0)+IF(Input!$D$22=1,M7111*Input!$C$22,0)</f>
        <v>0.22149180195840767</v>
      </c>
      <c r="O7111" s="59">
        <f>IF(Input!$D$19=2,J7111*Input!$C$19,0)+IF(Input!$D$20=2,K7111*Input!$C$20,0)+IF(Input!$D$21=2,L7111*Input!$C$21,0)+IF(Input!$D$22=2,M7111*Input!$C$22,0)</f>
        <v>0.55372950489601913</v>
      </c>
      <c r="P7111" s="59">
        <f>IF(Input!$D$19=3,J7111*Input!$C$19,0)+IF(Input!$D$20=3,K7111*Input!$C$20,0)+IF(Input!$D$21=3,L7111*Input!$C$21,0)+IF(Input!$D$22=3,M7111*Input!$C$22,0)</f>
        <v>0</v>
      </c>
      <c r="Q7111" s="75">
        <f>IF(Input!$D$19=4,J7111*Input!$C$19,0)+IF(Input!$D$20=4,K7111*Input!$C$20,0)+IF(Input!$D$21=4,L7111*Input!$C$21,0)+IF(Input!$D$22=4,M7111*Input!$C$22,0)</f>
        <v>0</v>
      </c>
      <c r="R7111" s="58">
        <v>60.022969786365067</v>
      </c>
      <c r="S7111" s="124">
        <f t="shared" si="110"/>
        <v>0.95979780848643326</v>
      </c>
    </row>
    <row r="7112" spans="8:19" x14ac:dyDescent="0.3">
      <c r="H7112" s="44">
        <v>7105</v>
      </c>
      <c r="I7112" s="56">
        <f>Bühler!I7138</f>
        <v>0.19796309087560188</v>
      </c>
      <c r="J7112" s="59">
        <f>Bühler!J7138</f>
        <v>0.6598769695853397</v>
      </c>
      <c r="K7112" s="59">
        <f>Bühler!K7138</f>
        <v>0.98981545437800933</v>
      </c>
      <c r="L7112" s="59">
        <f>Bühler!L7138</f>
        <v>4.7511141810144446</v>
      </c>
      <c r="M7112" s="58">
        <f>Bühler!M7138</f>
        <v>0</v>
      </c>
      <c r="N7112" s="56">
        <f>IF(Input!$D$19=1,J7112*Input!$C$19,0)+IF(Input!$D$20=1,K7112*Input!$C$20,0)+IF(Input!$D$21=1,L7112*Input!$C$21,0)+IF(Input!$D$22=1,M7112*Input!$C$22,0)</f>
        <v>0.1979630908756019</v>
      </c>
      <c r="O7112" s="59">
        <f>IF(Input!$D$19=2,J7112*Input!$C$19,0)+IF(Input!$D$20=2,K7112*Input!$C$20,0)+IF(Input!$D$21=2,L7112*Input!$C$21,0)+IF(Input!$D$22=2,M7112*Input!$C$22,0)</f>
        <v>0.49490772718900466</v>
      </c>
      <c r="P7112" s="59">
        <f>IF(Input!$D$19=3,J7112*Input!$C$19,0)+IF(Input!$D$20=3,K7112*Input!$C$20,0)+IF(Input!$D$21=3,L7112*Input!$C$21,0)+IF(Input!$D$22=3,M7112*Input!$C$22,0)</f>
        <v>0</v>
      </c>
      <c r="Q7112" s="75">
        <f>IF(Input!$D$19=4,J7112*Input!$C$19,0)+IF(Input!$D$20=4,K7112*Input!$C$20,0)+IF(Input!$D$21=4,L7112*Input!$C$21,0)+IF(Input!$D$22=4,M7112*Input!$C$22,0)</f>
        <v>0</v>
      </c>
      <c r="R7112" s="58">
        <v>59.20763644469087</v>
      </c>
      <c r="S7112" s="124">
        <f t="shared" si="110"/>
        <v>0.85784006046094152</v>
      </c>
    </row>
    <row r="7113" spans="8:19" x14ac:dyDescent="0.3">
      <c r="H7113" s="44">
        <v>7106</v>
      </c>
      <c r="I7113" s="56">
        <f>Bühler!I7139</f>
        <v>0.22270847723505213</v>
      </c>
      <c r="J7113" s="59">
        <f>Bühler!J7139</f>
        <v>0.74236159078350716</v>
      </c>
      <c r="K7113" s="59">
        <f>Bühler!K7139</f>
        <v>1.1135423861752607</v>
      </c>
      <c r="L7113" s="59">
        <f>Bühler!L7139</f>
        <v>5.345003453641251</v>
      </c>
      <c r="M7113" s="58">
        <f>Bühler!M7139</f>
        <v>0</v>
      </c>
      <c r="N7113" s="56">
        <f>IF(Input!$D$19=1,J7113*Input!$C$19,0)+IF(Input!$D$20=1,K7113*Input!$C$20,0)+IF(Input!$D$21=1,L7113*Input!$C$21,0)+IF(Input!$D$22=1,M7113*Input!$C$22,0)</f>
        <v>0.22270847723505213</v>
      </c>
      <c r="O7113" s="59">
        <f>IF(Input!$D$19=2,J7113*Input!$C$19,0)+IF(Input!$D$20=2,K7113*Input!$C$20,0)+IF(Input!$D$21=2,L7113*Input!$C$21,0)+IF(Input!$D$22=2,M7113*Input!$C$22,0)</f>
        <v>0.55677119308763034</v>
      </c>
      <c r="P7113" s="59">
        <f>IF(Input!$D$19=3,J7113*Input!$C$19,0)+IF(Input!$D$20=3,K7113*Input!$C$20,0)+IF(Input!$D$21=3,L7113*Input!$C$21,0)+IF(Input!$D$22=3,M7113*Input!$C$22,0)</f>
        <v>0</v>
      </c>
      <c r="Q7113" s="75">
        <f>IF(Input!$D$19=4,J7113*Input!$C$19,0)+IF(Input!$D$20=4,K7113*Input!$C$20,0)+IF(Input!$D$21=4,L7113*Input!$C$21,0)+IF(Input!$D$22=4,M7113*Input!$C$22,0)</f>
        <v>0</v>
      </c>
      <c r="R7113" s="58">
        <v>58.693125173249626</v>
      </c>
      <c r="S7113" s="124">
        <f t="shared" ref="S7113:S7176" si="111">I7113+J7113</f>
        <v>0.96507006801855932</v>
      </c>
    </row>
    <row r="7114" spans="8:19" x14ac:dyDescent="0.3">
      <c r="H7114" s="44">
        <v>7107</v>
      </c>
      <c r="I7114" s="56">
        <f>Bühler!I7140</f>
        <v>0.22270847723505213</v>
      </c>
      <c r="J7114" s="59">
        <f>Bühler!J7140</f>
        <v>0.74236159078350716</v>
      </c>
      <c r="K7114" s="59">
        <f>Bühler!K7140</f>
        <v>1.1135423861752607</v>
      </c>
      <c r="L7114" s="59">
        <f>Bühler!L7140</f>
        <v>5.345003453641251</v>
      </c>
      <c r="M7114" s="58">
        <f>Bühler!M7140</f>
        <v>0</v>
      </c>
      <c r="N7114" s="56">
        <f>IF(Input!$D$19=1,J7114*Input!$C$19,0)+IF(Input!$D$20=1,K7114*Input!$C$20,0)+IF(Input!$D$21=1,L7114*Input!$C$21,0)+IF(Input!$D$22=1,M7114*Input!$C$22,0)</f>
        <v>0.22270847723505213</v>
      </c>
      <c r="O7114" s="59">
        <f>IF(Input!$D$19=2,J7114*Input!$C$19,0)+IF(Input!$D$20=2,K7114*Input!$C$20,0)+IF(Input!$D$21=2,L7114*Input!$C$21,0)+IF(Input!$D$22=2,M7114*Input!$C$22,0)</f>
        <v>0.55677119308763034</v>
      </c>
      <c r="P7114" s="59">
        <f>IF(Input!$D$19=3,J7114*Input!$C$19,0)+IF(Input!$D$20=3,K7114*Input!$C$20,0)+IF(Input!$D$21=3,L7114*Input!$C$21,0)+IF(Input!$D$22=3,M7114*Input!$C$22,0)</f>
        <v>0</v>
      </c>
      <c r="Q7114" s="75">
        <f>IF(Input!$D$19=4,J7114*Input!$C$19,0)+IF(Input!$D$20=4,K7114*Input!$C$20,0)+IF(Input!$D$21=4,L7114*Input!$C$21,0)+IF(Input!$D$22=4,M7114*Input!$C$22,0)</f>
        <v>0</v>
      </c>
      <c r="R7114" s="58">
        <v>59.001175750552754</v>
      </c>
      <c r="S7114" s="124">
        <f t="shared" si="111"/>
        <v>0.96507006801855932</v>
      </c>
    </row>
    <row r="7115" spans="8:19" x14ac:dyDescent="0.3">
      <c r="H7115" s="44">
        <v>7108</v>
      </c>
      <c r="I7115" s="56">
        <f>Bühler!I7141</f>
        <v>0.22270847723505213</v>
      </c>
      <c r="J7115" s="59">
        <f>Bühler!J7141</f>
        <v>0.74236159078350716</v>
      </c>
      <c r="K7115" s="59">
        <f>Bühler!K7141</f>
        <v>1.1135423861752607</v>
      </c>
      <c r="L7115" s="59">
        <f>Bühler!L7141</f>
        <v>5.345003453641251</v>
      </c>
      <c r="M7115" s="58">
        <f>Bühler!M7141</f>
        <v>0</v>
      </c>
      <c r="N7115" s="56">
        <f>IF(Input!$D$19=1,J7115*Input!$C$19,0)+IF(Input!$D$20=1,K7115*Input!$C$20,0)+IF(Input!$D$21=1,L7115*Input!$C$21,0)+IF(Input!$D$22=1,M7115*Input!$C$22,0)</f>
        <v>0.22270847723505213</v>
      </c>
      <c r="O7115" s="59">
        <f>IF(Input!$D$19=2,J7115*Input!$C$19,0)+IF(Input!$D$20=2,K7115*Input!$C$20,0)+IF(Input!$D$21=2,L7115*Input!$C$21,0)+IF(Input!$D$22=2,M7115*Input!$C$22,0)</f>
        <v>0.55677119308763034</v>
      </c>
      <c r="P7115" s="59">
        <f>IF(Input!$D$19=3,J7115*Input!$C$19,0)+IF(Input!$D$20=3,K7115*Input!$C$20,0)+IF(Input!$D$21=3,L7115*Input!$C$21,0)+IF(Input!$D$22=3,M7115*Input!$C$22,0)</f>
        <v>0</v>
      </c>
      <c r="Q7115" s="75">
        <f>IF(Input!$D$19=4,J7115*Input!$C$19,0)+IF(Input!$D$20=4,K7115*Input!$C$20,0)+IF(Input!$D$21=4,L7115*Input!$C$21,0)+IF(Input!$D$22=4,M7115*Input!$C$22,0)</f>
        <v>0</v>
      </c>
      <c r="R7115" s="58">
        <v>59.889877116042605</v>
      </c>
      <c r="S7115" s="124">
        <f t="shared" si="111"/>
        <v>0.96507006801855932</v>
      </c>
    </row>
    <row r="7116" spans="8:19" x14ac:dyDescent="0.3">
      <c r="H7116" s="44">
        <v>7109</v>
      </c>
      <c r="I7116" s="56">
        <f>Bühler!I7142</f>
        <v>0.22270847723505213</v>
      </c>
      <c r="J7116" s="59">
        <f>Bühler!J7142</f>
        <v>0.74236159078350716</v>
      </c>
      <c r="K7116" s="59">
        <f>Bühler!K7142</f>
        <v>1.1135423861752607</v>
      </c>
      <c r="L7116" s="59">
        <f>Bühler!L7142</f>
        <v>5.345003453641251</v>
      </c>
      <c r="M7116" s="58">
        <f>Bühler!M7142</f>
        <v>0</v>
      </c>
      <c r="N7116" s="56">
        <f>IF(Input!$D$19=1,J7116*Input!$C$19,0)+IF(Input!$D$20=1,K7116*Input!$C$20,0)+IF(Input!$D$21=1,L7116*Input!$C$21,0)+IF(Input!$D$22=1,M7116*Input!$C$22,0)</f>
        <v>0.22270847723505213</v>
      </c>
      <c r="O7116" s="59">
        <f>IF(Input!$D$19=2,J7116*Input!$C$19,0)+IF(Input!$D$20=2,K7116*Input!$C$20,0)+IF(Input!$D$21=2,L7116*Input!$C$21,0)+IF(Input!$D$22=2,M7116*Input!$C$22,0)</f>
        <v>0.55677119308763034</v>
      </c>
      <c r="P7116" s="59">
        <f>IF(Input!$D$19=3,J7116*Input!$C$19,0)+IF(Input!$D$20=3,K7116*Input!$C$20,0)+IF(Input!$D$21=3,L7116*Input!$C$21,0)+IF(Input!$D$22=3,M7116*Input!$C$22,0)</f>
        <v>0</v>
      </c>
      <c r="Q7116" s="75">
        <f>IF(Input!$D$19=4,J7116*Input!$C$19,0)+IF(Input!$D$20=4,K7116*Input!$C$20,0)+IF(Input!$D$21=4,L7116*Input!$C$21,0)+IF(Input!$D$22=4,M7116*Input!$C$22,0)</f>
        <v>0</v>
      </c>
      <c r="R7116" s="58">
        <v>61.066161001776706</v>
      </c>
      <c r="S7116" s="124">
        <f t="shared" si="111"/>
        <v>0.96507006801855932</v>
      </c>
    </row>
    <row r="7117" spans="8:19" x14ac:dyDescent="0.3">
      <c r="H7117" s="44">
        <v>7110</v>
      </c>
      <c r="I7117" s="56">
        <f>Bühler!I7143</f>
        <v>0.28704648176962272</v>
      </c>
      <c r="J7117" s="59">
        <f>Bühler!J7143</f>
        <v>0.95682160589874243</v>
      </c>
      <c r="K7117" s="59">
        <f>Bühler!K7143</f>
        <v>1.4352324088481136</v>
      </c>
      <c r="L7117" s="59">
        <f>Bühler!L7143</f>
        <v>6.8891155624709457</v>
      </c>
      <c r="M7117" s="58">
        <f>Bühler!M7143</f>
        <v>0</v>
      </c>
      <c r="N7117" s="56">
        <f>IF(Input!$D$19=1,J7117*Input!$C$19,0)+IF(Input!$D$20=1,K7117*Input!$C$20,0)+IF(Input!$D$21=1,L7117*Input!$C$21,0)+IF(Input!$D$22=1,M7117*Input!$C$22,0)</f>
        <v>0.28704648176962272</v>
      </c>
      <c r="O7117" s="59">
        <f>IF(Input!$D$19=2,J7117*Input!$C$19,0)+IF(Input!$D$20=2,K7117*Input!$C$20,0)+IF(Input!$D$21=2,L7117*Input!$C$21,0)+IF(Input!$D$22=2,M7117*Input!$C$22,0)</f>
        <v>0.71761620442405682</v>
      </c>
      <c r="P7117" s="59">
        <f>IF(Input!$D$19=3,J7117*Input!$C$19,0)+IF(Input!$D$20=3,K7117*Input!$C$20,0)+IF(Input!$D$21=3,L7117*Input!$C$21,0)+IF(Input!$D$22=3,M7117*Input!$C$22,0)</f>
        <v>0</v>
      </c>
      <c r="Q7117" s="75">
        <f>IF(Input!$D$19=4,J7117*Input!$C$19,0)+IF(Input!$D$20=4,K7117*Input!$C$20,0)+IF(Input!$D$21=4,L7117*Input!$C$21,0)+IF(Input!$D$22=4,M7117*Input!$C$22,0)</f>
        <v>0</v>
      </c>
      <c r="R7117" s="58">
        <v>63.658900997178854</v>
      </c>
      <c r="S7117" s="124">
        <f t="shared" si="111"/>
        <v>1.2438680876683652</v>
      </c>
    </row>
    <row r="7118" spans="8:19" x14ac:dyDescent="0.3">
      <c r="H7118" s="44">
        <v>7111</v>
      </c>
      <c r="I7118" s="56">
        <f>Bühler!I7144</f>
        <v>0.33158817721663314</v>
      </c>
      <c r="J7118" s="59">
        <f>Bühler!J7144</f>
        <v>1.105293924055444</v>
      </c>
      <c r="K7118" s="59">
        <f>Bühler!K7144</f>
        <v>1.6579408860831657</v>
      </c>
      <c r="L7118" s="59">
        <f>Bühler!L7144</f>
        <v>7.9581162531991954</v>
      </c>
      <c r="M7118" s="58">
        <f>Bühler!M7144</f>
        <v>0</v>
      </c>
      <c r="N7118" s="56">
        <f>IF(Input!$D$19=1,J7118*Input!$C$19,0)+IF(Input!$D$20=1,K7118*Input!$C$20,0)+IF(Input!$D$21=1,L7118*Input!$C$21,0)+IF(Input!$D$22=1,M7118*Input!$C$22,0)</f>
        <v>0.3315881772166332</v>
      </c>
      <c r="O7118" s="59">
        <f>IF(Input!$D$19=2,J7118*Input!$C$19,0)+IF(Input!$D$20=2,K7118*Input!$C$20,0)+IF(Input!$D$21=2,L7118*Input!$C$21,0)+IF(Input!$D$22=2,M7118*Input!$C$22,0)</f>
        <v>0.82897044304158285</v>
      </c>
      <c r="P7118" s="59">
        <f>IF(Input!$D$19=3,J7118*Input!$C$19,0)+IF(Input!$D$20=3,K7118*Input!$C$20,0)+IF(Input!$D$21=3,L7118*Input!$C$21,0)+IF(Input!$D$22=3,M7118*Input!$C$22,0)</f>
        <v>0</v>
      </c>
      <c r="Q7118" s="75">
        <f>IF(Input!$D$19=4,J7118*Input!$C$19,0)+IF(Input!$D$20=4,K7118*Input!$C$20,0)+IF(Input!$D$21=4,L7118*Input!$C$21,0)+IF(Input!$D$22=4,M7118*Input!$C$22,0)</f>
        <v>0</v>
      </c>
      <c r="R7118" s="58">
        <v>67.106027489978032</v>
      </c>
      <c r="S7118" s="124">
        <f t="shared" si="111"/>
        <v>1.4368821012720772</v>
      </c>
    </row>
    <row r="7119" spans="8:19" x14ac:dyDescent="0.3">
      <c r="H7119" s="44">
        <v>7112</v>
      </c>
      <c r="I7119" s="56">
        <f>Bühler!I7145</f>
        <v>0.33158817721663314</v>
      </c>
      <c r="J7119" s="59">
        <f>Bühler!J7145</f>
        <v>1.105293924055444</v>
      </c>
      <c r="K7119" s="59">
        <f>Bühler!K7145</f>
        <v>1.6579408860831657</v>
      </c>
      <c r="L7119" s="59">
        <f>Bühler!L7145</f>
        <v>7.9581162531991954</v>
      </c>
      <c r="M7119" s="58">
        <f>Bühler!M7145</f>
        <v>0</v>
      </c>
      <c r="N7119" s="56">
        <f>IF(Input!$D$19=1,J7119*Input!$C$19,0)+IF(Input!$D$20=1,K7119*Input!$C$20,0)+IF(Input!$D$21=1,L7119*Input!$C$21,0)+IF(Input!$D$22=1,M7119*Input!$C$22,0)</f>
        <v>0.3315881772166332</v>
      </c>
      <c r="O7119" s="59">
        <f>IF(Input!$D$19=2,J7119*Input!$C$19,0)+IF(Input!$D$20=2,K7119*Input!$C$20,0)+IF(Input!$D$21=2,L7119*Input!$C$21,0)+IF(Input!$D$22=2,M7119*Input!$C$22,0)</f>
        <v>0.82897044304158285</v>
      </c>
      <c r="P7119" s="59">
        <f>IF(Input!$D$19=3,J7119*Input!$C$19,0)+IF(Input!$D$20=3,K7119*Input!$C$20,0)+IF(Input!$D$21=3,L7119*Input!$C$21,0)+IF(Input!$D$22=3,M7119*Input!$C$22,0)</f>
        <v>0</v>
      </c>
      <c r="Q7119" s="75">
        <f>IF(Input!$D$19=4,J7119*Input!$C$19,0)+IF(Input!$D$20=4,K7119*Input!$C$20,0)+IF(Input!$D$21=4,L7119*Input!$C$21,0)+IF(Input!$D$22=4,M7119*Input!$C$22,0)</f>
        <v>0</v>
      </c>
      <c r="R7119" s="58">
        <v>69.0173596919402</v>
      </c>
      <c r="S7119" s="124">
        <f t="shared" si="111"/>
        <v>1.4368821012720772</v>
      </c>
    </row>
    <row r="7120" spans="8:19" x14ac:dyDescent="0.3">
      <c r="H7120" s="44">
        <v>7113</v>
      </c>
      <c r="I7120" s="56">
        <f>Bühler!I7146</f>
        <v>0.33158817721663314</v>
      </c>
      <c r="J7120" s="59">
        <f>Bühler!J7146</f>
        <v>1.105293924055444</v>
      </c>
      <c r="K7120" s="59">
        <f>Bühler!K7146</f>
        <v>1.6579408860831657</v>
      </c>
      <c r="L7120" s="59">
        <f>Bühler!L7146</f>
        <v>7.9581162531991954</v>
      </c>
      <c r="M7120" s="58">
        <f>Bühler!M7146</f>
        <v>0</v>
      </c>
      <c r="N7120" s="56">
        <f>IF(Input!$D$19=1,J7120*Input!$C$19,0)+IF(Input!$D$20=1,K7120*Input!$C$20,0)+IF(Input!$D$21=1,L7120*Input!$C$21,0)+IF(Input!$D$22=1,M7120*Input!$C$22,0)</f>
        <v>0.3315881772166332</v>
      </c>
      <c r="O7120" s="59">
        <f>IF(Input!$D$19=2,J7120*Input!$C$19,0)+IF(Input!$D$20=2,K7120*Input!$C$20,0)+IF(Input!$D$21=2,L7120*Input!$C$21,0)+IF(Input!$D$22=2,M7120*Input!$C$22,0)</f>
        <v>0.82897044304158285</v>
      </c>
      <c r="P7120" s="59">
        <f>IF(Input!$D$19=3,J7120*Input!$C$19,0)+IF(Input!$D$20=3,K7120*Input!$C$20,0)+IF(Input!$D$21=3,L7120*Input!$C$21,0)+IF(Input!$D$22=3,M7120*Input!$C$22,0)</f>
        <v>0</v>
      </c>
      <c r="Q7120" s="75">
        <f>IF(Input!$D$19=4,J7120*Input!$C$19,0)+IF(Input!$D$20=4,K7120*Input!$C$20,0)+IF(Input!$D$21=4,L7120*Input!$C$21,0)+IF(Input!$D$22=4,M7120*Input!$C$22,0)</f>
        <v>0</v>
      </c>
      <c r="R7120" s="58">
        <v>69.997713638551289</v>
      </c>
      <c r="S7120" s="124">
        <f t="shared" si="111"/>
        <v>1.4368821012720772</v>
      </c>
    </row>
    <row r="7121" spans="8:19" x14ac:dyDescent="0.3">
      <c r="H7121" s="44">
        <v>7114</v>
      </c>
      <c r="I7121" s="56">
        <f>Bühler!I7147</f>
        <v>0.35633356357608337</v>
      </c>
      <c r="J7121" s="59">
        <f>Bühler!J7147</f>
        <v>1.1877785452536114</v>
      </c>
      <c r="K7121" s="59">
        <f>Bühler!K7147</f>
        <v>1.7816678178804168</v>
      </c>
      <c r="L7121" s="59">
        <f>Bühler!L7147</f>
        <v>8.5520055258260008</v>
      </c>
      <c r="M7121" s="58">
        <f>Bühler!M7147</f>
        <v>0</v>
      </c>
      <c r="N7121" s="56">
        <f>IF(Input!$D$19=1,J7121*Input!$C$19,0)+IF(Input!$D$20=1,K7121*Input!$C$20,0)+IF(Input!$D$21=1,L7121*Input!$C$21,0)+IF(Input!$D$22=1,M7121*Input!$C$22,0)</f>
        <v>0.35633356357608342</v>
      </c>
      <c r="O7121" s="59">
        <f>IF(Input!$D$19=2,J7121*Input!$C$19,0)+IF(Input!$D$20=2,K7121*Input!$C$20,0)+IF(Input!$D$21=2,L7121*Input!$C$21,0)+IF(Input!$D$22=2,M7121*Input!$C$22,0)</f>
        <v>0.89083390894020842</v>
      </c>
      <c r="P7121" s="59">
        <f>IF(Input!$D$19=3,J7121*Input!$C$19,0)+IF(Input!$D$20=3,K7121*Input!$C$20,0)+IF(Input!$D$21=3,L7121*Input!$C$21,0)+IF(Input!$D$22=3,M7121*Input!$C$22,0)</f>
        <v>0</v>
      </c>
      <c r="Q7121" s="75">
        <f>IF(Input!$D$19=4,J7121*Input!$C$19,0)+IF(Input!$D$20=4,K7121*Input!$C$20,0)+IF(Input!$D$21=4,L7121*Input!$C$21,0)+IF(Input!$D$22=4,M7121*Input!$C$22,0)</f>
        <v>0</v>
      </c>
      <c r="R7121" s="58">
        <v>68.556684001944546</v>
      </c>
      <c r="S7121" s="124">
        <f t="shared" si="111"/>
        <v>1.5441121088296947</v>
      </c>
    </row>
    <row r="7122" spans="8:19" x14ac:dyDescent="0.3">
      <c r="H7122" s="44">
        <v>7115</v>
      </c>
      <c r="I7122" s="56">
        <f>Bühler!I7148</f>
        <v>0.38602802720742369</v>
      </c>
      <c r="J7122" s="59">
        <f>Bühler!J7148</f>
        <v>1.2867600906914125</v>
      </c>
      <c r="K7122" s="59">
        <f>Bühler!K7148</f>
        <v>1.9301401360371184</v>
      </c>
      <c r="L7122" s="59">
        <f>Bühler!L7148</f>
        <v>9.2646726529781684</v>
      </c>
      <c r="M7122" s="58">
        <f>Bühler!M7148</f>
        <v>0</v>
      </c>
      <c r="N7122" s="56">
        <f>IF(Input!$D$19=1,J7122*Input!$C$19,0)+IF(Input!$D$20=1,K7122*Input!$C$20,0)+IF(Input!$D$21=1,L7122*Input!$C$21,0)+IF(Input!$D$22=1,M7122*Input!$C$22,0)</f>
        <v>0.38602802720742374</v>
      </c>
      <c r="O7122" s="59">
        <f>IF(Input!$D$19=2,J7122*Input!$C$19,0)+IF(Input!$D$20=2,K7122*Input!$C$20,0)+IF(Input!$D$21=2,L7122*Input!$C$21,0)+IF(Input!$D$22=2,M7122*Input!$C$22,0)</f>
        <v>0.96507006801855921</v>
      </c>
      <c r="P7122" s="59">
        <f>IF(Input!$D$19=3,J7122*Input!$C$19,0)+IF(Input!$D$20=3,K7122*Input!$C$20,0)+IF(Input!$D$21=3,L7122*Input!$C$21,0)+IF(Input!$D$22=3,M7122*Input!$C$22,0)</f>
        <v>0</v>
      </c>
      <c r="Q7122" s="75">
        <f>IF(Input!$D$19=4,J7122*Input!$C$19,0)+IF(Input!$D$20=4,K7122*Input!$C$20,0)+IF(Input!$D$21=4,L7122*Input!$C$21,0)+IF(Input!$D$22=4,M7122*Input!$C$22,0)</f>
        <v>0</v>
      </c>
      <c r="R7122" s="58">
        <v>68.024179260732765</v>
      </c>
      <c r="S7122" s="124">
        <f t="shared" si="111"/>
        <v>1.6727881178988362</v>
      </c>
    </row>
    <row r="7123" spans="8:19" x14ac:dyDescent="0.3">
      <c r="H7123" s="44">
        <v>7116</v>
      </c>
      <c r="I7123" s="56">
        <f>Bühler!I7149</f>
        <v>0.44541695447010426</v>
      </c>
      <c r="J7123" s="59">
        <f>Bühler!J7149</f>
        <v>1.4847231815670143</v>
      </c>
      <c r="K7123" s="59">
        <f>Bühler!K7149</f>
        <v>2.2270847723505214</v>
      </c>
      <c r="L7123" s="59">
        <f>Bühler!L7149</f>
        <v>10.690006907282502</v>
      </c>
      <c r="M7123" s="58">
        <f>Bühler!M7149</f>
        <v>0</v>
      </c>
      <c r="N7123" s="56">
        <f>IF(Input!$D$19=1,J7123*Input!$C$19,0)+IF(Input!$D$20=1,K7123*Input!$C$20,0)+IF(Input!$D$21=1,L7123*Input!$C$21,0)+IF(Input!$D$22=1,M7123*Input!$C$22,0)</f>
        <v>0.44541695447010426</v>
      </c>
      <c r="O7123" s="59">
        <f>IF(Input!$D$19=2,J7123*Input!$C$19,0)+IF(Input!$D$20=2,K7123*Input!$C$20,0)+IF(Input!$D$21=2,L7123*Input!$C$21,0)+IF(Input!$D$22=2,M7123*Input!$C$22,0)</f>
        <v>1.1135423861752607</v>
      </c>
      <c r="P7123" s="59">
        <f>IF(Input!$D$19=3,J7123*Input!$C$19,0)+IF(Input!$D$20=3,K7123*Input!$C$20,0)+IF(Input!$D$21=3,L7123*Input!$C$21,0)+IF(Input!$D$22=3,M7123*Input!$C$22,0)</f>
        <v>0</v>
      </c>
      <c r="Q7123" s="75">
        <f>IF(Input!$D$19=4,J7123*Input!$C$19,0)+IF(Input!$D$20=4,K7123*Input!$C$20,0)+IF(Input!$D$21=4,L7123*Input!$C$21,0)+IF(Input!$D$22=4,M7123*Input!$C$22,0)</f>
        <v>0</v>
      </c>
      <c r="R7123" s="58">
        <v>66.76805819010832</v>
      </c>
      <c r="S7123" s="124">
        <f t="shared" si="111"/>
        <v>1.9301401360371186</v>
      </c>
    </row>
    <row r="7124" spans="8:19" x14ac:dyDescent="0.3">
      <c r="H7124" s="44">
        <v>7117</v>
      </c>
      <c r="I7124" s="56">
        <f>Bühler!I7150</f>
        <v>0.44541695447010426</v>
      </c>
      <c r="J7124" s="59">
        <f>Bühler!J7150</f>
        <v>1.4847231815670143</v>
      </c>
      <c r="K7124" s="59">
        <f>Bühler!K7150</f>
        <v>2.2270847723505214</v>
      </c>
      <c r="L7124" s="59">
        <f>Bühler!L7150</f>
        <v>10.690006907282502</v>
      </c>
      <c r="M7124" s="58">
        <f>Bühler!M7150</f>
        <v>0</v>
      </c>
      <c r="N7124" s="56">
        <f>IF(Input!$D$19=1,J7124*Input!$C$19,0)+IF(Input!$D$20=1,K7124*Input!$C$20,0)+IF(Input!$D$21=1,L7124*Input!$C$21,0)+IF(Input!$D$22=1,M7124*Input!$C$22,0)</f>
        <v>0.44541695447010426</v>
      </c>
      <c r="O7124" s="59">
        <f>IF(Input!$D$19=2,J7124*Input!$C$19,0)+IF(Input!$D$20=2,K7124*Input!$C$20,0)+IF(Input!$D$21=2,L7124*Input!$C$21,0)+IF(Input!$D$22=2,M7124*Input!$C$22,0)</f>
        <v>1.1135423861752607</v>
      </c>
      <c r="P7124" s="59">
        <f>IF(Input!$D$19=3,J7124*Input!$C$19,0)+IF(Input!$D$20=3,K7124*Input!$C$20,0)+IF(Input!$D$21=3,L7124*Input!$C$21,0)+IF(Input!$D$22=3,M7124*Input!$C$22,0)</f>
        <v>0</v>
      </c>
      <c r="Q7124" s="75">
        <f>IF(Input!$D$19=4,J7124*Input!$C$19,0)+IF(Input!$D$20=4,K7124*Input!$C$20,0)+IF(Input!$D$21=4,L7124*Input!$C$21,0)+IF(Input!$D$22=4,M7124*Input!$C$22,0)</f>
        <v>0</v>
      </c>
      <c r="R7124" s="58">
        <v>69.287669645476413</v>
      </c>
      <c r="S7124" s="124">
        <f t="shared" si="111"/>
        <v>1.9301401360371186</v>
      </c>
    </row>
    <row r="7125" spans="8:19" x14ac:dyDescent="0.3">
      <c r="H7125" s="44">
        <v>7118</v>
      </c>
      <c r="I7125" s="56">
        <f>Bühler!I7151</f>
        <v>0.44541695447010426</v>
      </c>
      <c r="J7125" s="59">
        <f>Bühler!J7151</f>
        <v>1.4847231815670143</v>
      </c>
      <c r="K7125" s="59">
        <f>Bühler!K7151</f>
        <v>2.2270847723505214</v>
      </c>
      <c r="L7125" s="59">
        <f>Bühler!L7151</f>
        <v>10.690006907282502</v>
      </c>
      <c r="M7125" s="58">
        <f>Bühler!M7151</f>
        <v>0</v>
      </c>
      <c r="N7125" s="56">
        <f>IF(Input!$D$19=1,J7125*Input!$C$19,0)+IF(Input!$D$20=1,K7125*Input!$C$20,0)+IF(Input!$D$21=1,L7125*Input!$C$21,0)+IF(Input!$D$22=1,M7125*Input!$C$22,0)</f>
        <v>0.44541695447010426</v>
      </c>
      <c r="O7125" s="59">
        <f>IF(Input!$D$19=2,J7125*Input!$C$19,0)+IF(Input!$D$20=2,K7125*Input!$C$20,0)+IF(Input!$D$21=2,L7125*Input!$C$21,0)+IF(Input!$D$22=2,M7125*Input!$C$22,0)</f>
        <v>1.1135423861752607</v>
      </c>
      <c r="P7125" s="59">
        <f>IF(Input!$D$19=3,J7125*Input!$C$19,0)+IF(Input!$D$20=3,K7125*Input!$C$20,0)+IF(Input!$D$21=3,L7125*Input!$C$21,0)+IF(Input!$D$22=3,M7125*Input!$C$22,0)</f>
        <v>0</v>
      </c>
      <c r="Q7125" s="75">
        <f>IF(Input!$D$19=4,J7125*Input!$C$19,0)+IF(Input!$D$20=4,K7125*Input!$C$20,0)+IF(Input!$D$21=4,L7125*Input!$C$21,0)+IF(Input!$D$22=4,M7125*Input!$C$22,0)</f>
        <v>0</v>
      </c>
      <c r="R7125" s="58">
        <v>68.782158727655698</v>
      </c>
      <c r="S7125" s="124">
        <f t="shared" si="111"/>
        <v>1.9301401360371186</v>
      </c>
    </row>
    <row r="7126" spans="8:19" x14ac:dyDescent="0.3">
      <c r="H7126" s="44">
        <v>7119</v>
      </c>
      <c r="I7126" s="56">
        <f>Bühler!I7152</f>
        <v>0.44541695447010426</v>
      </c>
      <c r="J7126" s="59">
        <f>Bühler!J7152</f>
        <v>1.4847231815670143</v>
      </c>
      <c r="K7126" s="59">
        <f>Bühler!K7152</f>
        <v>2.2270847723505214</v>
      </c>
      <c r="L7126" s="59">
        <f>Bühler!L7152</f>
        <v>10.690006907282502</v>
      </c>
      <c r="M7126" s="58">
        <f>Bühler!M7152</f>
        <v>0</v>
      </c>
      <c r="N7126" s="56">
        <f>IF(Input!$D$19=1,J7126*Input!$C$19,0)+IF(Input!$D$20=1,K7126*Input!$C$20,0)+IF(Input!$D$21=1,L7126*Input!$C$21,0)+IF(Input!$D$22=1,M7126*Input!$C$22,0)</f>
        <v>0.44541695447010426</v>
      </c>
      <c r="O7126" s="59">
        <f>IF(Input!$D$19=2,J7126*Input!$C$19,0)+IF(Input!$D$20=2,K7126*Input!$C$20,0)+IF(Input!$D$21=2,L7126*Input!$C$21,0)+IF(Input!$D$22=2,M7126*Input!$C$22,0)</f>
        <v>1.1135423861752607</v>
      </c>
      <c r="P7126" s="59">
        <f>IF(Input!$D$19=3,J7126*Input!$C$19,0)+IF(Input!$D$20=3,K7126*Input!$C$20,0)+IF(Input!$D$21=3,L7126*Input!$C$21,0)+IF(Input!$D$22=3,M7126*Input!$C$22,0)</f>
        <v>0</v>
      </c>
      <c r="Q7126" s="75">
        <f>IF(Input!$D$19=4,J7126*Input!$C$19,0)+IF(Input!$D$20=4,K7126*Input!$C$20,0)+IF(Input!$D$21=4,L7126*Input!$C$21,0)+IF(Input!$D$22=4,M7126*Input!$C$22,0)</f>
        <v>0</v>
      </c>
      <c r="R7126" s="58">
        <v>69.020569676845909</v>
      </c>
      <c r="S7126" s="124">
        <f t="shared" si="111"/>
        <v>1.9301401360371186</v>
      </c>
    </row>
    <row r="7127" spans="8:19" x14ac:dyDescent="0.3">
      <c r="H7127" s="44">
        <v>7120</v>
      </c>
      <c r="I7127" s="56">
        <f>Bühler!I7153</f>
        <v>0.44541695447010426</v>
      </c>
      <c r="J7127" s="59">
        <f>Bühler!J7153</f>
        <v>1.4847231815670143</v>
      </c>
      <c r="K7127" s="59">
        <f>Bühler!K7153</f>
        <v>2.2270847723505214</v>
      </c>
      <c r="L7127" s="59">
        <f>Bühler!L7153</f>
        <v>10.690006907282502</v>
      </c>
      <c r="M7127" s="58">
        <f>Bühler!M7153</f>
        <v>0</v>
      </c>
      <c r="N7127" s="56">
        <f>IF(Input!$D$19=1,J7127*Input!$C$19,0)+IF(Input!$D$20=1,K7127*Input!$C$20,0)+IF(Input!$D$21=1,L7127*Input!$C$21,0)+IF(Input!$D$22=1,M7127*Input!$C$22,0)</f>
        <v>0.44541695447010426</v>
      </c>
      <c r="O7127" s="59">
        <f>IF(Input!$D$19=2,J7127*Input!$C$19,0)+IF(Input!$D$20=2,K7127*Input!$C$20,0)+IF(Input!$D$21=2,L7127*Input!$C$21,0)+IF(Input!$D$22=2,M7127*Input!$C$22,0)</f>
        <v>1.1135423861752607</v>
      </c>
      <c r="P7127" s="59">
        <f>IF(Input!$D$19=3,J7127*Input!$C$19,0)+IF(Input!$D$20=3,K7127*Input!$C$20,0)+IF(Input!$D$21=3,L7127*Input!$C$21,0)+IF(Input!$D$22=3,M7127*Input!$C$22,0)</f>
        <v>0</v>
      </c>
      <c r="Q7127" s="75">
        <f>IF(Input!$D$19=4,J7127*Input!$C$19,0)+IF(Input!$D$20=4,K7127*Input!$C$20,0)+IF(Input!$D$21=4,L7127*Input!$C$21,0)+IF(Input!$D$22=4,M7127*Input!$C$22,0)</f>
        <v>0</v>
      </c>
      <c r="R7127" s="58">
        <v>67.632605566586506</v>
      </c>
      <c r="S7127" s="124">
        <f t="shared" si="111"/>
        <v>1.9301401360371186</v>
      </c>
    </row>
    <row r="7128" spans="8:19" x14ac:dyDescent="0.3">
      <c r="H7128" s="44">
        <v>7121</v>
      </c>
      <c r="I7128" s="56">
        <f>Bühler!I7154</f>
        <v>0.44541695447010426</v>
      </c>
      <c r="J7128" s="59">
        <f>Bühler!J7154</f>
        <v>1.4847231815670143</v>
      </c>
      <c r="K7128" s="59">
        <f>Bühler!K7154</f>
        <v>2.2270847723505214</v>
      </c>
      <c r="L7128" s="59">
        <f>Bühler!L7154</f>
        <v>10.690006907282502</v>
      </c>
      <c r="M7128" s="58">
        <f>Bühler!M7154</f>
        <v>0</v>
      </c>
      <c r="N7128" s="56">
        <f>IF(Input!$D$19=1,J7128*Input!$C$19,0)+IF(Input!$D$20=1,K7128*Input!$C$20,0)+IF(Input!$D$21=1,L7128*Input!$C$21,0)+IF(Input!$D$22=1,M7128*Input!$C$22,0)</f>
        <v>0.44541695447010426</v>
      </c>
      <c r="O7128" s="59">
        <f>IF(Input!$D$19=2,J7128*Input!$C$19,0)+IF(Input!$D$20=2,K7128*Input!$C$20,0)+IF(Input!$D$21=2,L7128*Input!$C$21,0)+IF(Input!$D$22=2,M7128*Input!$C$22,0)</f>
        <v>1.1135423861752607</v>
      </c>
      <c r="P7128" s="59">
        <f>IF(Input!$D$19=3,J7128*Input!$C$19,0)+IF(Input!$D$20=3,K7128*Input!$C$20,0)+IF(Input!$D$21=3,L7128*Input!$C$21,0)+IF(Input!$D$22=3,M7128*Input!$C$22,0)</f>
        <v>0</v>
      </c>
      <c r="Q7128" s="75">
        <f>IF(Input!$D$19=4,J7128*Input!$C$19,0)+IF(Input!$D$20=4,K7128*Input!$C$20,0)+IF(Input!$D$21=4,L7128*Input!$C$21,0)+IF(Input!$D$22=4,M7128*Input!$C$22,0)</f>
        <v>0</v>
      </c>
      <c r="R7128" s="58">
        <v>67.319684406968122</v>
      </c>
      <c r="S7128" s="124">
        <f t="shared" si="111"/>
        <v>1.9301401360371186</v>
      </c>
    </row>
    <row r="7129" spans="8:19" x14ac:dyDescent="0.3">
      <c r="H7129" s="44">
        <v>7122</v>
      </c>
      <c r="I7129" s="56">
        <f>Bühler!I7155</f>
        <v>0.44541695447010426</v>
      </c>
      <c r="J7129" s="59">
        <f>Bühler!J7155</f>
        <v>1.4847231815670143</v>
      </c>
      <c r="K7129" s="59">
        <f>Bühler!K7155</f>
        <v>2.2270847723505214</v>
      </c>
      <c r="L7129" s="59">
        <f>Bühler!L7155</f>
        <v>10.690006907282502</v>
      </c>
      <c r="M7129" s="58">
        <f>Bühler!M7155</f>
        <v>0</v>
      </c>
      <c r="N7129" s="56">
        <f>IF(Input!$D$19=1,J7129*Input!$C$19,0)+IF(Input!$D$20=1,K7129*Input!$C$20,0)+IF(Input!$D$21=1,L7129*Input!$C$21,0)+IF(Input!$D$22=1,M7129*Input!$C$22,0)</f>
        <v>0.44541695447010426</v>
      </c>
      <c r="O7129" s="59">
        <f>IF(Input!$D$19=2,J7129*Input!$C$19,0)+IF(Input!$D$20=2,K7129*Input!$C$20,0)+IF(Input!$D$21=2,L7129*Input!$C$21,0)+IF(Input!$D$22=2,M7129*Input!$C$22,0)</f>
        <v>1.1135423861752607</v>
      </c>
      <c r="P7129" s="59">
        <f>IF(Input!$D$19=3,J7129*Input!$C$19,0)+IF(Input!$D$20=3,K7129*Input!$C$20,0)+IF(Input!$D$21=3,L7129*Input!$C$21,0)+IF(Input!$D$22=3,M7129*Input!$C$22,0)</f>
        <v>0</v>
      </c>
      <c r="Q7129" s="75">
        <f>IF(Input!$D$19=4,J7129*Input!$C$19,0)+IF(Input!$D$20=4,K7129*Input!$C$20,0)+IF(Input!$D$21=4,L7129*Input!$C$21,0)+IF(Input!$D$22=4,M7129*Input!$C$22,0)</f>
        <v>0</v>
      </c>
      <c r="R7129" s="58">
        <v>66.647049545817978</v>
      </c>
      <c r="S7129" s="124">
        <f t="shared" si="111"/>
        <v>1.9301401360371186</v>
      </c>
    </row>
    <row r="7130" spans="8:19" x14ac:dyDescent="0.3">
      <c r="H7130" s="44">
        <v>7123</v>
      </c>
      <c r="I7130" s="56">
        <f>Bühler!I7156</f>
        <v>0.44541695447010426</v>
      </c>
      <c r="J7130" s="59">
        <f>Bühler!J7156</f>
        <v>1.4847231815670143</v>
      </c>
      <c r="K7130" s="59">
        <f>Bühler!K7156</f>
        <v>2.2270847723505214</v>
      </c>
      <c r="L7130" s="59">
        <f>Bühler!L7156</f>
        <v>10.690006907282502</v>
      </c>
      <c r="M7130" s="58">
        <f>Bühler!M7156</f>
        <v>0</v>
      </c>
      <c r="N7130" s="56">
        <f>IF(Input!$D$19=1,J7130*Input!$C$19,0)+IF(Input!$D$20=1,K7130*Input!$C$20,0)+IF(Input!$D$21=1,L7130*Input!$C$21,0)+IF(Input!$D$22=1,M7130*Input!$C$22,0)</f>
        <v>0.44541695447010426</v>
      </c>
      <c r="O7130" s="59">
        <f>IF(Input!$D$19=2,J7130*Input!$C$19,0)+IF(Input!$D$20=2,K7130*Input!$C$20,0)+IF(Input!$D$21=2,L7130*Input!$C$21,0)+IF(Input!$D$22=2,M7130*Input!$C$22,0)</f>
        <v>1.1135423861752607</v>
      </c>
      <c r="P7130" s="59">
        <f>IF(Input!$D$19=3,J7130*Input!$C$19,0)+IF(Input!$D$20=3,K7130*Input!$C$20,0)+IF(Input!$D$21=3,L7130*Input!$C$21,0)+IF(Input!$D$22=3,M7130*Input!$C$22,0)</f>
        <v>0</v>
      </c>
      <c r="Q7130" s="75">
        <f>IF(Input!$D$19=4,J7130*Input!$C$19,0)+IF(Input!$D$20=4,K7130*Input!$C$20,0)+IF(Input!$D$21=4,L7130*Input!$C$21,0)+IF(Input!$D$22=4,M7130*Input!$C$22,0)</f>
        <v>0</v>
      </c>
      <c r="R7130" s="58">
        <v>66.038333180572806</v>
      </c>
      <c r="S7130" s="124">
        <f t="shared" si="111"/>
        <v>1.9301401360371186</v>
      </c>
    </row>
    <row r="7131" spans="8:19" x14ac:dyDescent="0.3">
      <c r="H7131" s="44">
        <v>7124</v>
      </c>
      <c r="I7131" s="56">
        <f>Bühler!I7157</f>
        <v>0.37118079539175353</v>
      </c>
      <c r="J7131" s="59">
        <f>Bühler!J7157</f>
        <v>1.2372693179725118</v>
      </c>
      <c r="K7131" s="59">
        <f>Bühler!K7157</f>
        <v>1.8559039769587677</v>
      </c>
      <c r="L7131" s="59">
        <f>Bühler!L7157</f>
        <v>8.9083390894020855</v>
      </c>
      <c r="M7131" s="58">
        <f>Bühler!M7157</f>
        <v>0</v>
      </c>
      <c r="N7131" s="56">
        <f>IF(Input!$D$19=1,J7131*Input!$C$19,0)+IF(Input!$D$20=1,K7131*Input!$C$20,0)+IF(Input!$D$21=1,L7131*Input!$C$21,0)+IF(Input!$D$22=1,M7131*Input!$C$22,0)</f>
        <v>0.37118079539175353</v>
      </c>
      <c r="O7131" s="59">
        <f>IF(Input!$D$19=2,J7131*Input!$C$19,0)+IF(Input!$D$20=2,K7131*Input!$C$20,0)+IF(Input!$D$21=2,L7131*Input!$C$21,0)+IF(Input!$D$22=2,M7131*Input!$C$22,0)</f>
        <v>0.92795198847938387</v>
      </c>
      <c r="P7131" s="59">
        <f>IF(Input!$D$19=3,J7131*Input!$C$19,0)+IF(Input!$D$20=3,K7131*Input!$C$20,0)+IF(Input!$D$21=3,L7131*Input!$C$21,0)+IF(Input!$D$22=3,M7131*Input!$C$22,0)</f>
        <v>0</v>
      </c>
      <c r="Q7131" s="75">
        <f>IF(Input!$D$19=4,J7131*Input!$C$19,0)+IF(Input!$D$20=4,K7131*Input!$C$20,0)+IF(Input!$D$21=4,L7131*Input!$C$21,0)+IF(Input!$D$22=4,M7131*Input!$C$22,0)</f>
        <v>0</v>
      </c>
      <c r="R7131" s="58">
        <v>64.900019928950186</v>
      </c>
      <c r="S7131" s="124">
        <f t="shared" si="111"/>
        <v>1.6084501133642655</v>
      </c>
    </row>
    <row r="7132" spans="8:19" x14ac:dyDescent="0.3">
      <c r="H7132" s="44">
        <v>7125</v>
      </c>
      <c r="I7132" s="56">
        <f>Bühler!I7158</f>
        <v>0.29694463631340284</v>
      </c>
      <c r="J7132" s="59">
        <f>Bühler!J7158</f>
        <v>0.98981545437800955</v>
      </c>
      <c r="K7132" s="59">
        <f>Bühler!K7158</f>
        <v>1.4847231815670141</v>
      </c>
      <c r="L7132" s="59">
        <f>Bühler!L7158</f>
        <v>7.1266712715216682</v>
      </c>
      <c r="M7132" s="58">
        <f>Bühler!M7158</f>
        <v>0</v>
      </c>
      <c r="N7132" s="56">
        <f>IF(Input!$D$19=1,J7132*Input!$C$19,0)+IF(Input!$D$20=1,K7132*Input!$C$20,0)+IF(Input!$D$21=1,L7132*Input!$C$21,0)+IF(Input!$D$22=1,M7132*Input!$C$22,0)</f>
        <v>0.29694463631340284</v>
      </c>
      <c r="O7132" s="59">
        <f>IF(Input!$D$19=2,J7132*Input!$C$19,0)+IF(Input!$D$20=2,K7132*Input!$C$20,0)+IF(Input!$D$21=2,L7132*Input!$C$21,0)+IF(Input!$D$22=2,M7132*Input!$C$22,0)</f>
        <v>0.74236159078350705</v>
      </c>
      <c r="P7132" s="59">
        <f>IF(Input!$D$19=3,J7132*Input!$C$19,0)+IF(Input!$D$20=3,K7132*Input!$C$20,0)+IF(Input!$D$21=3,L7132*Input!$C$21,0)+IF(Input!$D$22=3,M7132*Input!$C$22,0)</f>
        <v>0</v>
      </c>
      <c r="Q7132" s="75">
        <f>IF(Input!$D$19=4,J7132*Input!$C$19,0)+IF(Input!$D$20=4,K7132*Input!$C$20,0)+IF(Input!$D$21=4,L7132*Input!$C$21,0)+IF(Input!$D$22=4,M7132*Input!$C$22,0)</f>
        <v>0</v>
      </c>
      <c r="R7132" s="58">
        <v>63.082082439841486</v>
      </c>
      <c r="S7132" s="124">
        <f t="shared" si="111"/>
        <v>1.2867600906914123</v>
      </c>
    </row>
    <row r="7133" spans="8:19" x14ac:dyDescent="0.3">
      <c r="H7133" s="44">
        <v>7126</v>
      </c>
      <c r="I7133" s="56">
        <f>Bühler!I7159</f>
        <v>0.22270847723505213</v>
      </c>
      <c r="J7133" s="59">
        <f>Bühler!J7159</f>
        <v>0.74236159078350716</v>
      </c>
      <c r="K7133" s="59">
        <f>Bühler!K7159</f>
        <v>1.1135423861752607</v>
      </c>
      <c r="L7133" s="59">
        <f>Bühler!L7159</f>
        <v>5.345003453641251</v>
      </c>
      <c r="M7133" s="58">
        <f>Bühler!M7159</f>
        <v>0</v>
      </c>
      <c r="N7133" s="56">
        <f>IF(Input!$D$19=1,J7133*Input!$C$19,0)+IF(Input!$D$20=1,K7133*Input!$C$20,0)+IF(Input!$D$21=1,L7133*Input!$C$21,0)+IF(Input!$D$22=1,M7133*Input!$C$22,0)</f>
        <v>0.22270847723505213</v>
      </c>
      <c r="O7133" s="59">
        <f>IF(Input!$D$19=2,J7133*Input!$C$19,0)+IF(Input!$D$20=2,K7133*Input!$C$20,0)+IF(Input!$D$21=2,L7133*Input!$C$21,0)+IF(Input!$D$22=2,M7133*Input!$C$22,0)</f>
        <v>0.55677119308763034</v>
      </c>
      <c r="P7133" s="59">
        <f>IF(Input!$D$19=3,J7133*Input!$C$19,0)+IF(Input!$D$20=3,K7133*Input!$C$20,0)+IF(Input!$D$21=3,L7133*Input!$C$21,0)+IF(Input!$D$22=3,M7133*Input!$C$22,0)</f>
        <v>0</v>
      </c>
      <c r="Q7133" s="75">
        <f>IF(Input!$D$19=4,J7133*Input!$C$19,0)+IF(Input!$D$20=4,K7133*Input!$C$20,0)+IF(Input!$D$21=4,L7133*Input!$C$21,0)+IF(Input!$D$22=4,M7133*Input!$C$22,0)</f>
        <v>0</v>
      </c>
      <c r="R7133" s="58">
        <v>61.309096644953847</v>
      </c>
      <c r="S7133" s="124">
        <f t="shared" si="111"/>
        <v>0.96507006801855932</v>
      </c>
    </row>
    <row r="7134" spans="8:19" x14ac:dyDescent="0.3">
      <c r="H7134" s="44">
        <v>7127</v>
      </c>
      <c r="I7134" s="56">
        <f>Bühler!I7160</f>
        <v>0.22270847723505213</v>
      </c>
      <c r="J7134" s="59">
        <f>Bühler!J7160</f>
        <v>0.74236159078350716</v>
      </c>
      <c r="K7134" s="59">
        <f>Bühler!K7160</f>
        <v>1.1135423861752607</v>
      </c>
      <c r="L7134" s="59">
        <f>Bühler!L7160</f>
        <v>5.345003453641251</v>
      </c>
      <c r="M7134" s="58">
        <f>Bühler!M7160</f>
        <v>0</v>
      </c>
      <c r="N7134" s="56">
        <f>IF(Input!$D$19=1,J7134*Input!$C$19,0)+IF(Input!$D$20=1,K7134*Input!$C$20,0)+IF(Input!$D$21=1,L7134*Input!$C$21,0)+IF(Input!$D$22=1,M7134*Input!$C$22,0)</f>
        <v>0.22270847723505213</v>
      </c>
      <c r="O7134" s="59">
        <f>IF(Input!$D$19=2,J7134*Input!$C$19,0)+IF(Input!$D$20=2,K7134*Input!$C$20,0)+IF(Input!$D$21=2,L7134*Input!$C$21,0)+IF(Input!$D$22=2,M7134*Input!$C$22,0)</f>
        <v>0.55677119308763034</v>
      </c>
      <c r="P7134" s="59">
        <f>IF(Input!$D$19=3,J7134*Input!$C$19,0)+IF(Input!$D$20=3,K7134*Input!$C$20,0)+IF(Input!$D$21=3,L7134*Input!$C$21,0)+IF(Input!$D$22=3,M7134*Input!$C$22,0)</f>
        <v>0</v>
      </c>
      <c r="Q7134" s="75">
        <f>IF(Input!$D$19=4,J7134*Input!$C$19,0)+IF(Input!$D$20=4,K7134*Input!$C$20,0)+IF(Input!$D$21=4,L7134*Input!$C$21,0)+IF(Input!$D$22=4,M7134*Input!$C$22,0)</f>
        <v>0</v>
      </c>
      <c r="R7134" s="58">
        <v>61.138049011899248</v>
      </c>
      <c r="S7134" s="124">
        <f t="shared" si="111"/>
        <v>0.96507006801855932</v>
      </c>
    </row>
    <row r="7135" spans="8:19" x14ac:dyDescent="0.3">
      <c r="H7135" s="44">
        <v>7128</v>
      </c>
      <c r="I7135" s="56">
        <f>Bühler!I7161</f>
        <v>0.22270847723505213</v>
      </c>
      <c r="J7135" s="59">
        <f>Bühler!J7161</f>
        <v>0.74236159078350716</v>
      </c>
      <c r="K7135" s="59">
        <f>Bühler!K7161</f>
        <v>1.1135423861752607</v>
      </c>
      <c r="L7135" s="59">
        <f>Bühler!L7161</f>
        <v>5.345003453641251</v>
      </c>
      <c r="M7135" s="58">
        <f>Bühler!M7161</f>
        <v>0</v>
      </c>
      <c r="N7135" s="56">
        <f>IF(Input!$D$19=1,J7135*Input!$C$19,0)+IF(Input!$D$20=1,K7135*Input!$C$20,0)+IF(Input!$D$21=1,L7135*Input!$C$21,0)+IF(Input!$D$22=1,M7135*Input!$C$22,0)</f>
        <v>0.22270847723505213</v>
      </c>
      <c r="O7135" s="59">
        <f>IF(Input!$D$19=2,J7135*Input!$C$19,0)+IF(Input!$D$20=2,K7135*Input!$C$20,0)+IF(Input!$D$21=2,L7135*Input!$C$21,0)+IF(Input!$D$22=2,M7135*Input!$C$22,0)</f>
        <v>0.55677119308763034</v>
      </c>
      <c r="P7135" s="59">
        <f>IF(Input!$D$19=3,J7135*Input!$C$19,0)+IF(Input!$D$20=3,K7135*Input!$C$20,0)+IF(Input!$D$21=3,L7135*Input!$C$21,0)+IF(Input!$D$22=3,M7135*Input!$C$22,0)</f>
        <v>0</v>
      </c>
      <c r="Q7135" s="75">
        <f>IF(Input!$D$19=4,J7135*Input!$C$19,0)+IF(Input!$D$20=4,K7135*Input!$C$20,0)+IF(Input!$D$21=4,L7135*Input!$C$21,0)+IF(Input!$D$22=4,M7135*Input!$C$22,0)</f>
        <v>0</v>
      </c>
      <c r="R7135" s="58">
        <v>60.887115551875809</v>
      </c>
      <c r="S7135" s="124">
        <f t="shared" si="111"/>
        <v>0.96507006801855932</v>
      </c>
    </row>
    <row r="7136" spans="8:19" x14ac:dyDescent="0.3">
      <c r="H7136" s="44">
        <v>7129</v>
      </c>
      <c r="I7136" s="56">
        <f>Bühler!I7162</f>
        <v>0.22341495568082315</v>
      </c>
      <c r="J7136" s="59">
        <f>Bühler!J7162</f>
        <v>0.74471651893607715</v>
      </c>
      <c r="K7136" s="59">
        <f>Bühler!K7162</f>
        <v>1.1170747784041157</v>
      </c>
      <c r="L7136" s="59">
        <f>Bühler!L7162</f>
        <v>5.3619589363397555</v>
      </c>
      <c r="M7136" s="58">
        <f>Bühler!M7162</f>
        <v>0</v>
      </c>
      <c r="N7136" s="56">
        <f>IF(Input!$D$19=1,J7136*Input!$C$19,0)+IF(Input!$D$20=1,K7136*Input!$C$20,0)+IF(Input!$D$21=1,L7136*Input!$C$21,0)+IF(Input!$D$22=1,M7136*Input!$C$22,0)</f>
        <v>0.22341495568082315</v>
      </c>
      <c r="O7136" s="59">
        <f>IF(Input!$D$19=2,J7136*Input!$C$19,0)+IF(Input!$D$20=2,K7136*Input!$C$20,0)+IF(Input!$D$21=2,L7136*Input!$C$21,0)+IF(Input!$D$22=2,M7136*Input!$C$22,0)</f>
        <v>0.55853738920205787</v>
      </c>
      <c r="P7136" s="59">
        <f>IF(Input!$D$19=3,J7136*Input!$C$19,0)+IF(Input!$D$20=3,K7136*Input!$C$20,0)+IF(Input!$D$21=3,L7136*Input!$C$21,0)+IF(Input!$D$22=3,M7136*Input!$C$22,0)</f>
        <v>0</v>
      </c>
      <c r="Q7136" s="75">
        <f>IF(Input!$D$19=4,J7136*Input!$C$19,0)+IF(Input!$D$20=4,K7136*Input!$C$20,0)+IF(Input!$D$21=4,L7136*Input!$C$21,0)+IF(Input!$D$22=4,M7136*Input!$C$22,0)</f>
        <v>0</v>
      </c>
      <c r="R7136" s="58">
        <v>60.302620607685014</v>
      </c>
      <c r="S7136" s="124">
        <f t="shared" si="111"/>
        <v>0.9681314746169003</v>
      </c>
    </row>
    <row r="7137" spans="8:19" x14ac:dyDescent="0.3">
      <c r="H7137" s="44">
        <v>7130</v>
      </c>
      <c r="I7137" s="56">
        <f>Bühler!I7163</f>
        <v>0.22341495568082315</v>
      </c>
      <c r="J7137" s="59">
        <f>Bühler!J7163</f>
        <v>0.74471651893607715</v>
      </c>
      <c r="K7137" s="59">
        <f>Bühler!K7163</f>
        <v>1.1170747784041157</v>
      </c>
      <c r="L7137" s="59">
        <f>Bühler!L7163</f>
        <v>5.3619589363397555</v>
      </c>
      <c r="M7137" s="58">
        <f>Bühler!M7163</f>
        <v>0</v>
      </c>
      <c r="N7137" s="56">
        <f>IF(Input!$D$19=1,J7137*Input!$C$19,0)+IF(Input!$D$20=1,K7137*Input!$C$20,0)+IF(Input!$D$21=1,L7137*Input!$C$21,0)+IF(Input!$D$22=1,M7137*Input!$C$22,0)</f>
        <v>0.22341495568082315</v>
      </c>
      <c r="O7137" s="59">
        <f>IF(Input!$D$19=2,J7137*Input!$C$19,0)+IF(Input!$D$20=2,K7137*Input!$C$20,0)+IF(Input!$D$21=2,L7137*Input!$C$21,0)+IF(Input!$D$22=2,M7137*Input!$C$22,0)</f>
        <v>0.55853738920205787</v>
      </c>
      <c r="P7137" s="59">
        <f>IF(Input!$D$19=3,J7137*Input!$C$19,0)+IF(Input!$D$20=3,K7137*Input!$C$20,0)+IF(Input!$D$21=3,L7137*Input!$C$21,0)+IF(Input!$D$22=3,M7137*Input!$C$22,0)</f>
        <v>0</v>
      </c>
      <c r="Q7137" s="75">
        <f>IF(Input!$D$19=4,J7137*Input!$C$19,0)+IF(Input!$D$20=4,K7137*Input!$C$20,0)+IF(Input!$D$21=4,L7137*Input!$C$21,0)+IF(Input!$D$22=4,M7137*Input!$C$22,0)</f>
        <v>0</v>
      </c>
      <c r="R7137" s="58">
        <v>59.234987002809213</v>
      </c>
      <c r="S7137" s="124">
        <f t="shared" si="111"/>
        <v>0.9681314746169003</v>
      </c>
    </row>
    <row r="7138" spans="8:19" x14ac:dyDescent="0.3">
      <c r="H7138" s="44">
        <v>7131</v>
      </c>
      <c r="I7138" s="56">
        <f>Bühler!I7164</f>
        <v>0.22341495568082315</v>
      </c>
      <c r="J7138" s="59">
        <f>Bühler!J7164</f>
        <v>0.74471651893607715</v>
      </c>
      <c r="K7138" s="59">
        <f>Bühler!K7164</f>
        <v>1.1170747784041157</v>
      </c>
      <c r="L7138" s="59">
        <f>Bühler!L7164</f>
        <v>5.3619589363397555</v>
      </c>
      <c r="M7138" s="58">
        <f>Bühler!M7164</f>
        <v>0</v>
      </c>
      <c r="N7138" s="56">
        <f>IF(Input!$D$19=1,J7138*Input!$C$19,0)+IF(Input!$D$20=1,K7138*Input!$C$20,0)+IF(Input!$D$21=1,L7138*Input!$C$21,0)+IF(Input!$D$22=1,M7138*Input!$C$22,0)</f>
        <v>0.22341495568082315</v>
      </c>
      <c r="O7138" s="59">
        <f>IF(Input!$D$19=2,J7138*Input!$C$19,0)+IF(Input!$D$20=2,K7138*Input!$C$20,0)+IF(Input!$D$21=2,L7138*Input!$C$21,0)+IF(Input!$D$22=2,M7138*Input!$C$22,0)</f>
        <v>0.55853738920205787</v>
      </c>
      <c r="P7138" s="59">
        <f>IF(Input!$D$19=3,J7138*Input!$C$19,0)+IF(Input!$D$20=3,K7138*Input!$C$20,0)+IF(Input!$D$21=3,L7138*Input!$C$21,0)+IF(Input!$D$22=3,M7138*Input!$C$22,0)</f>
        <v>0</v>
      </c>
      <c r="Q7138" s="75">
        <f>IF(Input!$D$19=4,J7138*Input!$C$19,0)+IF(Input!$D$20=4,K7138*Input!$C$20,0)+IF(Input!$D$21=4,L7138*Input!$C$21,0)+IF(Input!$D$22=4,M7138*Input!$C$22,0)</f>
        <v>0</v>
      </c>
      <c r="R7138" s="58">
        <v>59.840760855739134</v>
      </c>
      <c r="S7138" s="124">
        <f t="shared" si="111"/>
        <v>0.9681314746169003</v>
      </c>
    </row>
    <row r="7139" spans="8:19" x14ac:dyDescent="0.3">
      <c r="H7139" s="44">
        <v>7132</v>
      </c>
      <c r="I7139" s="56">
        <f>Bühler!I7165</f>
        <v>0.22341495568082315</v>
      </c>
      <c r="J7139" s="59">
        <f>Bühler!J7165</f>
        <v>0.74471651893607715</v>
      </c>
      <c r="K7139" s="59">
        <f>Bühler!K7165</f>
        <v>1.1170747784041157</v>
      </c>
      <c r="L7139" s="59">
        <f>Bühler!L7165</f>
        <v>5.3619589363397555</v>
      </c>
      <c r="M7139" s="58">
        <f>Bühler!M7165</f>
        <v>0</v>
      </c>
      <c r="N7139" s="56">
        <f>IF(Input!$D$19=1,J7139*Input!$C$19,0)+IF(Input!$D$20=1,K7139*Input!$C$20,0)+IF(Input!$D$21=1,L7139*Input!$C$21,0)+IF(Input!$D$22=1,M7139*Input!$C$22,0)</f>
        <v>0.22341495568082315</v>
      </c>
      <c r="O7139" s="59">
        <f>IF(Input!$D$19=2,J7139*Input!$C$19,0)+IF(Input!$D$20=2,K7139*Input!$C$20,0)+IF(Input!$D$21=2,L7139*Input!$C$21,0)+IF(Input!$D$22=2,M7139*Input!$C$22,0)</f>
        <v>0.55853738920205787</v>
      </c>
      <c r="P7139" s="59">
        <f>IF(Input!$D$19=3,J7139*Input!$C$19,0)+IF(Input!$D$20=3,K7139*Input!$C$20,0)+IF(Input!$D$21=3,L7139*Input!$C$21,0)+IF(Input!$D$22=3,M7139*Input!$C$22,0)</f>
        <v>0</v>
      </c>
      <c r="Q7139" s="75">
        <f>IF(Input!$D$19=4,J7139*Input!$C$19,0)+IF(Input!$D$20=4,K7139*Input!$C$20,0)+IF(Input!$D$21=4,L7139*Input!$C$21,0)+IF(Input!$D$22=4,M7139*Input!$C$22,0)</f>
        <v>0</v>
      </c>
      <c r="R7139" s="58">
        <v>60.727251791808825</v>
      </c>
      <c r="S7139" s="124">
        <f t="shared" si="111"/>
        <v>0.9681314746169003</v>
      </c>
    </row>
    <row r="7140" spans="8:19" x14ac:dyDescent="0.3">
      <c r="H7140" s="44">
        <v>7133</v>
      </c>
      <c r="I7140" s="56">
        <f>Bühler!I7166</f>
        <v>0.22341495568082315</v>
      </c>
      <c r="J7140" s="59">
        <f>Bühler!J7166</f>
        <v>0.74471651893607715</v>
      </c>
      <c r="K7140" s="59">
        <f>Bühler!K7166</f>
        <v>1.1170747784041157</v>
      </c>
      <c r="L7140" s="59">
        <f>Bühler!L7166</f>
        <v>5.3619589363397555</v>
      </c>
      <c r="M7140" s="58">
        <f>Bühler!M7166</f>
        <v>0</v>
      </c>
      <c r="N7140" s="56">
        <f>IF(Input!$D$19=1,J7140*Input!$C$19,0)+IF(Input!$D$20=1,K7140*Input!$C$20,0)+IF(Input!$D$21=1,L7140*Input!$C$21,0)+IF(Input!$D$22=1,M7140*Input!$C$22,0)</f>
        <v>0.22341495568082315</v>
      </c>
      <c r="O7140" s="59">
        <f>IF(Input!$D$19=2,J7140*Input!$C$19,0)+IF(Input!$D$20=2,K7140*Input!$C$20,0)+IF(Input!$D$21=2,L7140*Input!$C$21,0)+IF(Input!$D$22=2,M7140*Input!$C$22,0)</f>
        <v>0.55853738920205787</v>
      </c>
      <c r="P7140" s="59">
        <f>IF(Input!$D$19=3,J7140*Input!$C$19,0)+IF(Input!$D$20=3,K7140*Input!$C$20,0)+IF(Input!$D$21=3,L7140*Input!$C$21,0)+IF(Input!$D$22=3,M7140*Input!$C$22,0)</f>
        <v>0</v>
      </c>
      <c r="Q7140" s="75">
        <f>IF(Input!$D$19=4,J7140*Input!$C$19,0)+IF(Input!$D$20=4,K7140*Input!$C$20,0)+IF(Input!$D$21=4,L7140*Input!$C$21,0)+IF(Input!$D$22=4,M7140*Input!$C$22,0)</f>
        <v>0</v>
      </c>
      <c r="R7140" s="58">
        <v>61.839497871249428</v>
      </c>
      <c r="S7140" s="124">
        <f t="shared" si="111"/>
        <v>0.9681314746169003</v>
      </c>
    </row>
    <row r="7141" spans="8:19" x14ac:dyDescent="0.3">
      <c r="H7141" s="44">
        <v>7134</v>
      </c>
      <c r="I7141" s="56">
        <f>Bühler!I7167</f>
        <v>0.28795705398861648</v>
      </c>
      <c r="J7141" s="59">
        <f>Bühler!J7167</f>
        <v>0.95985684662872173</v>
      </c>
      <c r="K7141" s="59">
        <f>Bühler!K7167</f>
        <v>1.4397852699430824</v>
      </c>
      <c r="L7141" s="59">
        <f>Bühler!L7167</f>
        <v>6.9109692957267956</v>
      </c>
      <c r="M7141" s="58">
        <f>Bühler!M7167</f>
        <v>0</v>
      </c>
      <c r="N7141" s="56">
        <f>IF(Input!$D$19=1,J7141*Input!$C$19,0)+IF(Input!$D$20=1,K7141*Input!$C$20,0)+IF(Input!$D$21=1,L7141*Input!$C$21,0)+IF(Input!$D$22=1,M7141*Input!$C$22,0)</f>
        <v>0.28795705398861648</v>
      </c>
      <c r="O7141" s="59">
        <f>IF(Input!$D$19=2,J7141*Input!$C$19,0)+IF(Input!$D$20=2,K7141*Input!$C$20,0)+IF(Input!$D$21=2,L7141*Input!$C$21,0)+IF(Input!$D$22=2,M7141*Input!$C$22,0)</f>
        <v>0.71989263497154121</v>
      </c>
      <c r="P7141" s="59">
        <f>IF(Input!$D$19=3,J7141*Input!$C$19,0)+IF(Input!$D$20=3,K7141*Input!$C$20,0)+IF(Input!$D$21=3,L7141*Input!$C$21,0)+IF(Input!$D$22=3,M7141*Input!$C$22,0)</f>
        <v>0</v>
      </c>
      <c r="Q7141" s="75">
        <f>IF(Input!$D$19=4,J7141*Input!$C$19,0)+IF(Input!$D$20=4,K7141*Input!$C$20,0)+IF(Input!$D$21=4,L7141*Input!$C$21,0)+IF(Input!$D$22=4,M7141*Input!$C$22,0)</f>
        <v>0</v>
      </c>
      <c r="R7141" s="58">
        <v>64.971586803285973</v>
      </c>
      <c r="S7141" s="124">
        <f t="shared" si="111"/>
        <v>1.2478139006173383</v>
      </c>
    </row>
    <row r="7142" spans="8:19" x14ac:dyDescent="0.3">
      <c r="H7142" s="44">
        <v>7135</v>
      </c>
      <c r="I7142" s="56">
        <f>Bühler!I7168</f>
        <v>0.33264004512478118</v>
      </c>
      <c r="J7142" s="59">
        <f>Bühler!J7168</f>
        <v>1.1088001504159373</v>
      </c>
      <c r="K7142" s="59">
        <f>Bühler!K7168</f>
        <v>1.6632002256239058</v>
      </c>
      <c r="L7142" s="59">
        <f>Bühler!L7168</f>
        <v>7.9833610829947474</v>
      </c>
      <c r="M7142" s="58">
        <f>Bühler!M7168</f>
        <v>0</v>
      </c>
      <c r="N7142" s="56">
        <f>IF(Input!$D$19=1,J7142*Input!$C$19,0)+IF(Input!$D$20=1,K7142*Input!$C$20,0)+IF(Input!$D$21=1,L7142*Input!$C$21,0)+IF(Input!$D$22=1,M7142*Input!$C$22,0)</f>
        <v>0.33264004512478118</v>
      </c>
      <c r="O7142" s="59">
        <f>IF(Input!$D$19=2,J7142*Input!$C$19,0)+IF(Input!$D$20=2,K7142*Input!$C$20,0)+IF(Input!$D$21=2,L7142*Input!$C$21,0)+IF(Input!$D$22=2,M7142*Input!$C$22,0)</f>
        <v>0.8316001128119529</v>
      </c>
      <c r="P7142" s="59">
        <f>IF(Input!$D$19=3,J7142*Input!$C$19,0)+IF(Input!$D$20=3,K7142*Input!$C$20,0)+IF(Input!$D$21=3,L7142*Input!$C$21,0)+IF(Input!$D$22=3,M7142*Input!$C$22,0)</f>
        <v>0</v>
      </c>
      <c r="Q7142" s="75">
        <f>IF(Input!$D$19=4,J7142*Input!$C$19,0)+IF(Input!$D$20=4,K7142*Input!$C$20,0)+IF(Input!$D$21=4,L7142*Input!$C$21,0)+IF(Input!$D$22=4,M7142*Input!$C$22,0)</f>
        <v>0</v>
      </c>
      <c r="R7142" s="58">
        <v>68.521734492023555</v>
      </c>
      <c r="S7142" s="124">
        <f t="shared" si="111"/>
        <v>1.4414401955407183</v>
      </c>
    </row>
    <row r="7143" spans="8:19" x14ac:dyDescent="0.3">
      <c r="H7143" s="44">
        <v>7136</v>
      </c>
      <c r="I7143" s="56">
        <f>Bühler!I7169</f>
        <v>0.33264004512478118</v>
      </c>
      <c r="J7143" s="59">
        <f>Bühler!J7169</f>
        <v>1.1088001504159373</v>
      </c>
      <c r="K7143" s="59">
        <f>Bühler!K7169</f>
        <v>1.6632002256239058</v>
      </c>
      <c r="L7143" s="59">
        <f>Bühler!L7169</f>
        <v>7.9833610829947474</v>
      </c>
      <c r="M7143" s="58">
        <f>Bühler!M7169</f>
        <v>0</v>
      </c>
      <c r="N7143" s="56">
        <f>IF(Input!$D$19=1,J7143*Input!$C$19,0)+IF(Input!$D$20=1,K7143*Input!$C$20,0)+IF(Input!$D$21=1,L7143*Input!$C$21,0)+IF(Input!$D$22=1,M7143*Input!$C$22,0)</f>
        <v>0.33264004512478118</v>
      </c>
      <c r="O7143" s="59">
        <f>IF(Input!$D$19=2,J7143*Input!$C$19,0)+IF(Input!$D$20=2,K7143*Input!$C$20,0)+IF(Input!$D$21=2,L7143*Input!$C$21,0)+IF(Input!$D$22=2,M7143*Input!$C$22,0)</f>
        <v>0.8316001128119529</v>
      </c>
      <c r="P7143" s="59">
        <f>IF(Input!$D$19=3,J7143*Input!$C$19,0)+IF(Input!$D$20=3,K7143*Input!$C$20,0)+IF(Input!$D$21=3,L7143*Input!$C$21,0)+IF(Input!$D$22=3,M7143*Input!$C$22,0)</f>
        <v>0</v>
      </c>
      <c r="Q7143" s="75">
        <f>IF(Input!$D$19=4,J7143*Input!$C$19,0)+IF(Input!$D$20=4,K7143*Input!$C$20,0)+IF(Input!$D$21=4,L7143*Input!$C$21,0)+IF(Input!$D$22=4,M7143*Input!$C$22,0)</f>
        <v>0</v>
      </c>
      <c r="R7143" s="58">
        <v>70.902872031384746</v>
      </c>
      <c r="S7143" s="124">
        <f t="shared" si="111"/>
        <v>1.4414401955407183</v>
      </c>
    </row>
    <row r="7144" spans="8:19" x14ac:dyDescent="0.3">
      <c r="H7144" s="44">
        <v>7137</v>
      </c>
      <c r="I7144" s="56">
        <f>Bühler!I7170</f>
        <v>0.33264004512478118</v>
      </c>
      <c r="J7144" s="59">
        <f>Bühler!J7170</f>
        <v>1.1088001504159373</v>
      </c>
      <c r="K7144" s="59">
        <f>Bühler!K7170</f>
        <v>1.6632002256239058</v>
      </c>
      <c r="L7144" s="59">
        <f>Bühler!L7170</f>
        <v>7.9833610829947474</v>
      </c>
      <c r="M7144" s="58">
        <f>Bühler!M7170</f>
        <v>0</v>
      </c>
      <c r="N7144" s="56">
        <f>IF(Input!$D$19=1,J7144*Input!$C$19,0)+IF(Input!$D$20=1,K7144*Input!$C$20,0)+IF(Input!$D$21=1,L7144*Input!$C$21,0)+IF(Input!$D$22=1,M7144*Input!$C$22,0)</f>
        <v>0.33264004512478118</v>
      </c>
      <c r="O7144" s="59">
        <f>IF(Input!$D$19=2,J7144*Input!$C$19,0)+IF(Input!$D$20=2,K7144*Input!$C$20,0)+IF(Input!$D$21=2,L7144*Input!$C$21,0)+IF(Input!$D$22=2,M7144*Input!$C$22,0)</f>
        <v>0.8316001128119529</v>
      </c>
      <c r="P7144" s="59">
        <f>IF(Input!$D$19=3,J7144*Input!$C$19,0)+IF(Input!$D$20=3,K7144*Input!$C$20,0)+IF(Input!$D$21=3,L7144*Input!$C$21,0)+IF(Input!$D$22=3,M7144*Input!$C$22,0)</f>
        <v>0</v>
      </c>
      <c r="Q7144" s="75">
        <f>IF(Input!$D$19=4,J7144*Input!$C$19,0)+IF(Input!$D$20=4,K7144*Input!$C$20,0)+IF(Input!$D$21=4,L7144*Input!$C$21,0)+IF(Input!$D$22=4,M7144*Input!$C$22,0)</f>
        <v>0</v>
      </c>
      <c r="R7144" s="58">
        <v>71.868565902791474</v>
      </c>
      <c r="S7144" s="124">
        <f t="shared" si="111"/>
        <v>1.4414401955407183</v>
      </c>
    </row>
    <row r="7145" spans="8:19" x14ac:dyDescent="0.3">
      <c r="H7145" s="44">
        <v>7138</v>
      </c>
      <c r="I7145" s="56">
        <f>Bühler!I7171</f>
        <v>0.35746392908931701</v>
      </c>
      <c r="J7145" s="59">
        <f>Bühler!J7171</f>
        <v>1.1915464302977234</v>
      </c>
      <c r="K7145" s="59">
        <f>Bühler!K7171</f>
        <v>1.7873196454465852</v>
      </c>
      <c r="L7145" s="59">
        <f>Bühler!L7171</f>
        <v>8.5791342981436092</v>
      </c>
      <c r="M7145" s="58">
        <f>Bühler!M7171</f>
        <v>0</v>
      </c>
      <c r="N7145" s="56">
        <f>IF(Input!$D$19=1,J7145*Input!$C$19,0)+IF(Input!$D$20=1,K7145*Input!$C$20,0)+IF(Input!$D$21=1,L7145*Input!$C$21,0)+IF(Input!$D$22=1,M7145*Input!$C$22,0)</f>
        <v>0.35746392908931701</v>
      </c>
      <c r="O7145" s="59">
        <f>IF(Input!$D$19=2,J7145*Input!$C$19,0)+IF(Input!$D$20=2,K7145*Input!$C$20,0)+IF(Input!$D$21=2,L7145*Input!$C$21,0)+IF(Input!$D$22=2,M7145*Input!$C$22,0)</f>
        <v>0.89365982272329259</v>
      </c>
      <c r="P7145" s="59">
        <f>IF(Input!$D$19=3,J7145*Input!$C$19,0)+IF(Input!$D$20=3,K7145*Input!$C$20,0)+IF(Input!$D$21=3,L7145*Input!$C$21,0)+IF(Input!$D$22=3,M7145*Input!$C$22,0)</f>
        <v>0</v>
      </c>
      <c r="Q7145" s="75">
        <f>IF(Input!$D$19=4,J7145*Input!$C$19,0)+IF(Input!$D$20=4,K7145*Input!$C$20,0)+IF(Input!$D$21=4,L7145*Input!$C$21,0)+IF(Input!$D$22=4,M7145*Input!$C$22,0)</f>
        <v>0</v>
      </c>
      <c r="R7145" s="58">
        <v>71.621925616152325</v>
      </c>
      <c r="S7145" s="124">
        <f t="shared" si="111"/>
        <v>1.5490103593870406</v>
      </c>
    </row>
    <row r="7146" spans="8:19" x14ac:dyDescent="0.3">
      <c r="H7146" s="44">
        <v>7139</v>
      </c>
      <c r="I7146" s="56">
        <f>Bühler!I7172</f>
        <v>0.38725258984676014</v>
      </c>
      <c r="J7146" s="59">
        <f>Bühler!J7172</f>
        <v>1.2908419661558672</v>
      </c>
      <c r="K7146" s="59">
        <f>Bühler!K7172</f>
        <v>1.9362629492338006</v>
      </c>
      <c r="L7146" s="59">
        <f>Bühler!L7172</f>
        <v>9.2940621563222425</v>
      </c>
      <c r="M7146" s="58">
        <f>Bühler!M7172</f>
        <v>0</v>
      </c>
      <c r="N7146" s="56">
        <f>IF(Input!$D$19=1,J7146*Input!$C$19,0)+IF(Input!$D$20=1,K7146*Input!$C$20,0)+IF(Input!$D$21=1,L7146*Input!$C$21,0)+IF(Input!$D$22=1,M7146*Input!$C$22,0)</f>
        <v>0.38725258984676014</v>
      </c>
      <c r="O7146" s="59">
        <f>IF(Input!$D$19=2,J7146*Input!$C$19,0)+IF(Input!$D$20=2,K7146*Input!$C$20,0)+IF(Input!$D$21=2,L7146*Input!$C$21,0)+IF(Input!$D$22=2,M7146*Input!$C$22,0)</f>
        <v>0.9681314746169003</v>
      </c>
      <c r="P7146" s="59">
        <f>IF(Input!$D$19=3,J7146*Input!$C$19,0)+IF(Input!$D$20=3,K7146*Input!$C$20,0)+IF(Input!$D$21=3,L7146*Input!$C$21,0)+IF(Input!$D$22=3,M7146*Input!$C$22,0)</f>
        <v>0</v>
      </c>
      <c r="Q7146" s="75">
        <f>IF(Input!$D$19=4,J7146*Input!$C$19,0)+IF(Input!$D$20=4,K7146*Input!$C$20,0)+IF(Input!$D$21=4,L7146*Input!$C$21,0)+IF(Input!$D$22=4,M7146*Input!$C$22,0)</f>
        <v>0</v>
      </c>
      <c r="R7146" s="58">
        <v>70.993843211518509</v>
      </c>
      <c r="S7146" s="124">
        <f t="shared" si="111"/>
        <v>1.6780945560026272</v>
      </c>
    </row>
    <row r="7147" spans="8:19" x14ac:dyDescent="0.3">
      <c r="H7147" s="44">
        <v>7140</v>
      </c>
      <c r="I7147" s="56">
        <f>Bühler!I7173</f>
        <v>0.44682991136164629</v>
      </c>
      <c r="J7147" s="59">
        <f>Bühler!J7173</f>
        <v>1.4894330378721543</v>
      </c>
      <c r="K7147" s="59">
        <f>Bühler!K7173</f>
        <v>2.2341495568082315</v>
      </c>
      <c r="L7147" s="59">
        <f>Bühler!L7173</f>
        <v>10.723917872679511</v>
      </c>
      <c r="M7147" s="58">
        <f>Bühler!M7173</f>
        <v>0</v>
      </c>
      <c r="N7147" s="56">
        <f>IF(Input!$D$19=1,J7147*Input!$C$19,0)+IF(Input!$D$20=1,K7147*Input!$C$20,0)+IF(Input!$D$21=1,L7147*Input!$C$21,0)+IF(Input!$D$22=1,M7147*Input!$C$22,0)</f>
        <v>0.44682991136164629</v>
      </c>
      <c r="O7147" s="59">
        <f>IF(Input!$D$19=2,J7147*Input!$C$19,0)+IF(Input!$D$20=2,K7147*Input!$C$20,0)+IF(Input!$D$21=2,L7147*Input!$C$21,0)+IF(Input!$D$22=2,M7147*Input!$C$22,0)</f>
        <v>1.1170747784041157</v>
      </c>
      <c r="P7147" s="59">
        <f>IF(Input!$D$19=3,J7147*Input!$C$19,0)+IF(Input!$D$20=3,K7147*Input!$C$20,0)+IF(Input!$D$21=3,L7147*Input!$C$21,0)+IF(Input!$D$22=3,M7147*Input!$C$22,0)</f>
        <v>0</v>
      </c>
      <c r="Q7147" s="75">
        <f>IF(Input!$D$19=4,J7147*Input!$C$19,0)+IF(Input!$D$20=4,K7147*Input!$C$20,0)+IF(Input!$D$21=4,L7147*Input!$C$21,0)+IF(Input!$D$22=4,M7147*Input!$C$22,0)</f>
        <v>0</v>
      </c>
      <c r="R7147" s="58">
        <v>71.39448567201508</v>
      </c>
      <c r="S7147" s="124">
        <f t="shared" si="111"/>
        <v>1.9362629492338006</v>
      </c>
    </row>
    <row r="7148" spans="8:19" x14ac:dyDescent="0.3">
      <c r="H7148" s="44">
        <v>7141</v>
      </c>
      <c r="I7148" s="56">
        <f>Bühler!I7174</f>
        <v>0.44682991136164629</v>
      </c>
      <c r="J7148" s="59">
        <f>Bühler!J7174</f>
        <v>1.4894330378721543</v>
      </c>
      <c r="K7148" s="59">
        <f>Bühler!K7174</f>
        <v>2.2341495568082315</v>
      </c>
      <c r="L7148" s="59">
        <f>Bühler!L7174</f>
        <v>10.723917872679511</v>
      </c>
      <c r="M7148" s="58">
        <f>Bühler!M7174</f>
        <v>0</v>
      </c>
      <c r="N7148" s="56">
        <f>IF(Input!$D$19=1,J7148*Input!$C$19,0)+IF(Input!$D$20=1,K7148*Input!$C$20,0)+IF(Input!$D$21=1,L7148*Input!$C$21,0)+IF(Input!$D$22=1,M7148*Input!$C$22,0)</f>
        <v>0.44682991136164629</v>
      </c>
      <c r="O7148" s="59">
        <f>IF(Input!$D$19=2,J7148*Input!$C$19,0)+IF(Input!$D$20=2,K7148*Input!$C$20,0)+IF(Input!$D$21=2,L7148*Input!$C$21,0)+IF(Input!$D$22=2,M7148*Input!$C$22,0)</f>
        <v>1.1170747784041157</v>
      </c>
      <c r="P7148" s="59">
        <f>IF(Input!$D$19=3,J7148*Input!$C$19,0)+IF(Input!$D$20=3,K7148*Input!$C$20,0)+IF(Input!$D$21=3,L7148*Input!$C$21,0)+IF(Input!$D$22=3,M7148*Input!$C$22,0)</f>
        <v>0</v>
      </c>
      <c r="Q7148" s="75">
        <f>IF(Input!$D$19=4,J7148*Input!$C$19,0)+IF(Input!$D$20=4,K7148*Input!$C$20,0)+IF(Input!$D$21=4,L7148*Input!$C$21,0)+IF(Input!$D$22=4,M7148*Input!$C$22,0)</f>
        <v>0</v>
      </c>
      <c r="R7148" s="58">
        <v>70.962631531509871</v>
      </c>
      <c r="S7148" s="124">
        <f t="shared" si="111"/>
        <v>1.9362629492338006</v>
      </c>
    </row>
    <row r="7149" spans="8:19" x14ac:dyDescent="0.3">
      <c r="H7149" s="44">
        <v>7142</v>
      </c>
      <c r="I7149" s="56">
        <f>Bühler!I7175</f>
        <v>0.44682991136164629</v>
      </c>
      <c r="J7149" s="59">
        <f>Bühler!J7175</f>
        <v>1.4894330378721543</v>
      </c>
      <c r="K7149" s="59">
        <f>Bühler!K7175</f>
        <v>2.2341495568082315</v>
      </c>
      <c r="L7149" s="59">
        <f>Bühler!L7175</f>
        <v>10.723917872679511</v>
      </c>
      <c r="M7149" s="58">
        <f>Bühler!M7175</f>
        <v>0</v>
      </c>
      <c r="N7149" s="56">
        <f>IF(Input!$D$19=1,J7149*Input!$C$19,0)+IF(Input!$D$20=1,K7149*Input!$C$20,0)+IF(Input!$D$21=1,L7149*Input!$C$21,0)+IF(Input!$D$22=1,M7149*Input!$C$22,0)</f>
        <v>0.44682991136164629</v>
      </c>
      <c r="O7149" s="59">
        <f>IF(Input!$D$19=2,J7149*Input!$C$19,0)+IF(Input!$D$20=2,K7149*Input!$C$20,0)+IF(Input!$D$21=2,L7149*Input!$C$21,0)+IF(Input!$D$22=2,M7149*Input!$C$22,0)</f>
        <v>1.1170747784041157</v>
      </c>
      <c r="P7149" s="59">
        <f>IF(Input!$D$19=3,J7149*Input!$C$19,0)+IF(Input!$D$20=3,K7149*Input!$C$20,0)+IF(Input!$D$21=3,L7149*Input!$C$21,0)+IF(Input!$D$22=3,M7149*Input!$C$22,0)</f>
        <v>0</v>
      </c>
      <c r="Q7149" s="75">
        <f>IF(Input!$D$19=4,J7149*Input!$C$19,0)+IF(Input!$D$20=4,K7149*Input!$C$20,0)+IF(Input!$D$21=4,L7149*Input!$C$21,0)+IF(Input!$D$22=4,M7149*Input!$C$22,0)</f>
        <v>0</v>
      </c>
      <c r="R7149" s="58">
        <v>70.745044589556159</v>
      </c>
      <c r="S7149" s="124">
        <f t="shared" si="111"/>
        <v>1.9362629492338006</v>
      </c>
    </row>
    <row r="7150" spans="8:19" x14ac:dyDescent="0.3">
      <c r="H7150" s="44">
        <v>7143</v>
      </c>
      <c r="I7150" s="56">
        <f>Bühler!I7176</f>
        <v>0.44682991136164629</v>
      </c>
      <c r="J7150" s="59">
        <f>Bühler!J7176</f>
        <v>1.4894330378721543</v>
      </c>
      <c r="K7150" s="59">
        <f>Bühler!K7176</f>
        <v>2.2341495568082315</v>
      </c>
      <c r="L7150" s="59">
        <f>Bühler!L7176</f>
        <v>10.723917872679511</v>
      </c>
      <c r="M7150" s="58">
        <f>Bühler!M7176</f>
        <v>0</v>
      </c>
      <c r="N7150" s="56">
        <f>IF(Input!$D$19=1,J7150*Input!$C$19,0)+IF(Input!$D$20=1,K7150*Input!$C$20,0)+IF(Input!$D$21=1,L7150*Input!$C$21,0)+IF(Input!$D$22=1,M7150*Input!$C$22,0)</f>
        <v>0.44682991136164629</v>
      </c>
      <c r="O7150" s="59">
        <f>IF(Input!$D$19=2,J7150*Input!$C$19,0)+IF(Input!$D$20=2,K7150*Input!$C$20,0)+IF(Input!$D$21=2,L7150*Input!$C$21,0)+IF(Input!$D$22=2,M7150*Input!$C$22,0)</f>
        <v>1.1170747784041157</v>
      </c>
      <c r="P7150" s="59">
        <f>IF(Input!$D$19=3,J7150*Input!$C$19,0)+IF(Input!$D$20=3,K7150*Input!$C$20,0)+IF(Input!$D$21=3,L7150*Input!$C$21,0)+IF(Input!$D$22=3,M7150*Input!$C$22,0)</f>
        <v>0</v>
      </c>
      <c r="Q7150" s="75">
        <f>IF(Input!$D$19=4,J7150*Input!$C$19,0)+IF(Input!$D$20=4,K7150*Input!$C$20,0)+IF(Input!$D$21=4,L7150*Input!$C$21,0)+IF(Input!$D$22=4,M7150*Input!$C$22,0)</f>
        <v>0</v>
      </c>
      <c r="R7150" s="58">
        <v>70.486266005662628</v>
      </c>
      <c r="S7150" s="124">
        <f t="shared" si="111"/>
        <v>1.9362629492338006</v>
      </c>
    </row>
    <row r="7151" spans="8:19" x14ac:dyDescent="0.3">
      <c r="H7151" s="44">
        <v>7144</v>
      </c>
      <c r="I7151" s="56">
        <f>Bühler!I7177</f>
        <v>0.44682991136164629</v>
      </c>
      <c r="J7151" s="59">
        <f>Bühler!J7177</f>
        <v>1.4894330378721543</v>
      </c>
      <c r="K7151" s="59">
        <f>Bühler!K7177</f>
        <v>2.2341495568082315</v>
      </c>
      <c r="L7151" s="59">
        <f>Bühler!L7177</f>
        <v>10.723917872679511</v>
      </c>
      <c r="M7151" s="58">
        <f>Bühler!M7177</f>
        <v>0</v>
      </c>
      <c r="N7151" s="56">
        <f>IF(Input!$D$19=1,J7151*Input!$C$19,0)+IF(Input!$D$20=1,K7151*Input!$C$20,0)+IF(Input!$D$21=1,L7151*Input!$C$21,0)+IF(Input!$D$22=1,M7151*Input!$C$22,0)</f>
        <v>0.44682991136164629</v>
      </c>
      <c r="O7151" s="59">
        <f>IF(Input!$D$19=2,J7151*Input!$C$19,0)+IF(Input!$D$20=2,K7151*Input!$C$20,0)+IF(Input!$D$21=2,L7151*Input!$C$21,0)+IF(Input!$D$22=2,M7151*Input!$C$22,0)</f>
        <v>1.1170747784041157</v>
      </c>
      <c r="P7151" s="59">
        <f>IF(Input!$D$19=3,J7151*Input!$C$19,0)+IF(Input!$D$20=3,K7151*Input!$C$20,0)+IF(Input!$D$21=3,L7151*Input!$C$21,0)+IF(Input!$D$22=3,M7151*Input!$C$22,0)</f>
        <v>0</v>
      </c>
      <c r="Q7151" s="75">
        <f>IF(Input!$D$19=4,J7151*Input!$C$19,0)+IF(Input!$D$20=4,K7151*Input!$C$20,0)+IF(Input!$D$21=4,L7151*Input!$C$21,0)+IF(Input!$D$22=4,M7151*Input!$C$22,0)</f>
        <v>0</v>
      </c>
      <c r="R7151" s="58">
        <v>68.879069027118518</v>
      </c>
      <c r="S7151" s="124">
        <f t="shared" si="111"/>
        <v>1.9362629492338006</v>
      </c>
    </row>
    <row r="7152" spans="8:19" x14ac:dyDescent="0.3">
      <c r="H7152" s="44">
        <v>7145</v>
      </c>
      <c r="I7152" s="56">
        <f>Bühler!I7178</f>
        <v>0.44682991136164629</v>
      </c>
      <c r="J7152" s="59">
        <f>Bühler!J7178</f>
        <v>1.4894330378721543</v>
      </c>
      <c r="K7152" s="59">
        <f>Bühler!K7178</f>
        <v>2.2341495568082315</v>
      </c>
      <c r="L7152" s="59">
        <f>Bühler!L7178</f>
        <v>10.723917872679511</v>
      </c>
      <c r="M7152" s="58">
        <f>Bühler!M7178</f>
        <v>0</v>
      </c>
      <c r="N7152" s="56">
        <f>IF(Input!$D$19=1,J7152*Input!$C$19,0)+IF(Input!$D$20=1,K7152*Input!$C$20,0)+IF(Input!$D$21=1,L7152*Input!$C$21,0)+IF(Input!$D$22=1,M7152*Input!$C$22,0)</f>
        <v>0.44682991136164629</v>
      </c>
      <c r="O7152" s="59">
        <f>IF(Input!$D$19=2,J7152*Input!$C$19,0)+IF(Input!$D$20=2,K7152*Input!$C$20,0)+IF(Input!$D$21=2,L7152*Input!$C$21,0)+IF(Input!$D$22=2,M7152*Input!$C$22,0)</f>
        <v>1.1170747784041157</v>
      </c>
      <c r="P7152" s="59">
        <f>IF(Input!$D$19=3,J7152*Input!$C$19,0)+IF(Input!$D$20=3,K7152*Input!$C$20,0)+IF(Input!$D$21=3,L7152*Input!$C$21,0)+IF(Input!$D$22=3,M7152*Input!$C$22,0)</f>
        <v>0</v>
      </c>
      <c r="Q7152" s="75">
        <f>IF(Input!$D$19=4,J7152*Input!$C$19,0)+IF(Input!$D$20=4,K7152*Input!$C$20,0)+IF(Input!$D$21=4,L7152*Input!$C$21,0)+IF(Input!$D$22=4,M7152*Input!$C$22,0)</f>
        <v>0</v>
      </c>
      <c r="R7152" s="58">
        <v>67.99946594665964</v>
      </c>
      <c r="S7152" s="124">
        <f t="shared" si="111"/>
        <v>1.9362629492338006</v>
      </c>
    </row>
    <row r="7153" spans="8:19" x14ac:dyDescent="0.3">
      <c r="H7153" s="44">
        <v>7146</v>
      </c>
      <c r="I7153" s="56">
        <f>Bühler!I7179</f>
        <v>0.44682991136164629</v>
      </c>
      <c r="J7153" s="59">
        <f>Bühler!J7179</f>
        <v>1.4894330378721543</v>
      </c>
      <c r="K7153" s="59">
        <f>Bühler!K7179</f>
        <v>2.2341495568082315</v>
      </c>
      <c r="L7153" s="59">
        <f>Bühler!L7179</f>
        <v>10.723917872679511</v>
      </c>
      <c r="M7153" s="58">
        <f>Bühler!M7179</f>
        <v>0</v>
      </c>
      <c r="N7153" s="56">
        <f>IF(Input!$D$19=1,J7153*Input!$C$19,0)+IF(Input!$D$20=1,K7153*Input!$C$20,0)+IF(Input!$D$21=1,L7153*Input!$C$21,0)+IF(Input!$D$22=1,M7153*Input!$C$22,0)</f>
        <v>0.44682991136164629</v>
      </c>
      <c r="O7153" s="59">
        <f>IF(Input!$D$19=2,J7153*Input!$C$19,0)+IF(Input!$D$20=2,K7153*Input!$C$20,0)+IF(Input!$D$21=2,L7153*Input!$C$21,0)+IF(Input!$D$22=2,M7153*Input!$C$22,0)</f>
        <v>1.1170747784041157</v>
      </c>
      <c r="P7153" s="59">
        <f>IF(Input!$D$19=3,J7153*Input!$C$19,0)+IF(Input!$D$20=3,K7153*Input!$C$20,0)+IF(Input!$D$21=3,L7153*Input!$C$21,0)+IF(Input!$D$22=3,M7153*Input!$C$22,0)</f>
        <v>0</v>
      </c>
      <c r="Q7153" s="75">
        <f>IF(Input!$D$19=4,J7153*Input!$C$19,0)+IF(Input!$D$20=4,K7153*Input!$C$20,0)+IF(Input!$D$21=4,L7153*Input!$C$21,0)+IF(Input!$D$22=4,M7153*Input!$C$22,0)</f>
        <v>0</v>
      </c>
      <c r="R7153" s="58">
        <v>67.475467645834286</v>
      </c>
      <c r="S7153" s="124">
        <f t="shared" si="111"/>
        <v>1.9362629492338006</v>
      </c>
    </row>
    <row r="7154" spans="8:19" x14ac:dyDescent="0.3">
      <c r="H7154" s="44">
        <v>7147</v>
      </c>
      <c r="I7154" s="56">
        <f>Bühler!I7180</f>
        <v>0.44682991136164629</v>
      </c>
      <c r="J7154" s="59">
        <f>Bühler!J7180</f>
        <v>1.4894330378721543</v>
      </c>
      <c r="K7154" s="59">
        <f>Bühler!K7180</f>
        <v>2.2341495568082315</v>
      </c>
      <c r="L7154" s="59">
        <f>Bühler!L7180</f>
        <v>10.723917872679511</v>
      </c>
      <c r="M7154" s="58">
        <f>Bühler!M7180</f>
        <v>0</v>
      </c>
      <c r="N7154" s="56">
        <f>IF(Input!$D$19=1,J7154*Input!$C$19,0)+IF(Input!$D$20=1,K7154*Input!$C$20,0)+IF(Input!$D$21=1,L7154*Input!$C$21,0)+IF(Input!$D$22=1,M7154*Input!$C$22,0)</f>
        <v>0.44682991136164629</v>
      </c>
      <c r="O7154" s="59">
        <f>IF(Input!$D$19=2,J7154*Input!$C$19,0)+IF(Input!$D$20=2,K7154*Input!$C$20,0)+IF(Input!$D$21=2,L7154*Input!$C$21,0)+IF(Input!$D$22=2,M7154*Input!$C$22,0)</f>
        <v>1.1170747784041157</v>
      </c>
      <c r="P7154" s="59">
        <f>IF(Input!$D$19=3,J7154*Input!$C$19,0)+IF(Input!$D$20=3,K7154*Input!$C$20,0)+IF(Input!$D$21=3,L7154*Input!$C$21,0)+IF(Input!$D$22=3,M7154*Input!$C$22,0)</f>
        <v>0</v>
      </c>
      <c r="Q7154" s="75">
        <f>IF(Input!$D$19=4,J7154*Input!$C$19,0)+IF(Input!$D$20=4,K7154*Input!$C$20,0)+IF(Input!$D$21=4,L7154*Input!$C$21,0)+IF(Input!$D$22=4,M7154*Input!$C$22,0)</f>
        <v>0</v>
      </c>
      <c r="R7154" s="58">
        <v>66.275190113423875</v>
      </c>
      <c r="S7154" s="124">
        <f t="shared" si="111"/>
        <v>1.9362629492338006</v>
      </c>
    </row>
    <row r="7155" spans="8:19" x14ac:dyDescent="0.3">
      <c r="H7155" s="44">
        <v>7148</v>
      </c>
      <c r="I7155" s="56">
        <f>Bühler!I7181</f>
        <v>0.37235825946803863</v>
      </c>
      <c r="J7155" s="59">
        <f>Bühler!J7181</f>
        <v>1.2411941982267956</v>
      </c>
      <c r="K7155" s="59">
        <f>Bühler!K7181</f>
        <v>1.8617912973401931</v>
      </c>
      <c r="L7155" s="59">
        <f>Bühler!L7181</f>
        <v>8.9365982272329276</v>
      </c>
      <c r="M7155" s="58">
        <f>Bühler!M7181</f>
        <v>0</v>
      </c>
      <c r="N7155" s="56">
        <f>IF(Input!$D$19=1,J7155*Input!$C$19,0)+IF(Input!$D$20=1,K7155*Input!$C$20,0)+IF(Input!$D$21=1,L7155*Input!$C$21,0)+IF(Input!$D$22=1,M7155*Input!$C$22,0)</f>
        <v>0.37235825946803863</v>
      </c>
      <c r="O7155" s="59">
        <f>IF(Input!$D$19=2,J7155*Input!$C$19,0)+IF(Input!$D$20=2,K7155*Input!$C$20,0)+IF(Input!$D$21=2,L7155*Input!$C$21,0)+IF(Input!$D$22=2,M7155*Input!$C$22,0)</f>
        <v>0.93089564867009655</v>
      </c>
      <c r="P7155" s="59">
        <f>IF(Input!$D$19=3,J7155*Input!$C$19,0)+IF(Input!$D$20=3,K7155*Input!$C$20,0)+IF(Input!$D$21=3,L7155*Input!$C$21,0)+IF(Input!$D$22=3,M7155*Input!$C$22,0)</f>
        <v>0</v>
      </c>
      <c r="Q7155" s="75">
        <f>IF(Input!$D$19=4,J7155*Input!$C$19,0)+IF(Input!$D$20=4,K7155*Input!$C$20,0)+IF(Input!$D$21=4,L7155*Input!$C$21,0)+IF(Input!$D$22=4,M7155*Input!$C$22,0)</f>
        <v>0</v>
      </c>
      <c r="R7155" s="58">
        <v>65.429503251765368</v>
      </c>
      <c r="S7155" s="124">
        <f t="shared" si="111"/>
        <v>1.6135524576948341</v>
      </c>
    </row>
    <row r="7156" spans="8:19" x14ac:dyDescent="0.3">
      <c r="H7156" s="44">
        <v>7149</v>
      </c>
      <c r="I7156" s="56">
        <f>Bühler!I7182</f>
        <v>0.29788660757443086</v>
      </c>
      <c r="J7156" s="59">
        <f>Bühler!J7182</f>
        <v>0.99295535858143635</v>
      </c>
      <c r="K7156" s="59">
        <f>Bühler!K7182</f>
        <v>1.4894330378721543</v>
      </c>
      <c r="L7156" s="59">
        <f>Bühler!L7182</f>
        <v>7.1492785817863407</v>
      </c>
      <c r="M7156" s="58">
        <f>Bühler!M7182</f>
        <v>0</v>
      </c>
      <c r="N7156" s="56">
        <f>IF(Input!$D$19=1,J7156*Input!$C$19,0)+IF(Input!$D$20=1,K7156*Input!$C$20,0)+IF(Input!$D$21=1,L7156*Input!$C$21,0)+IF(Input!$D$22=1,M7156*Input!$C$22,0)</f>
        <v>0.29788660757443092</v>
      </c>
      <c r="O7156" s="59">
        <f>IF(Input!$D$19=2,J7156*Input!$C$19,0)+IF(Input!$D$20=2,K7156*Input!$C$20,0)+IF(Input!$D$21=2,L7156*Input!$C$21,0)+IF(Input!$D$22=2,M7156*Input!$C$22,0)</f>
        <v>0.74471651893607715</v>
      </c>
      <c r="P7156" s="59">
        <f>IF(Input!$D$19=3,J7156*Input!$C$19,0)+IF(Input!$D$20=3,K7156*Input!$C$20,0)+IF(Input!$D$21=3,L7156*Input!$C$21,0)+IF(Input!$D$22=3,M7156*Input!$C$22,0)</f>
        <v>0</v>
      </c>
      <c r="Q7156" s="75">
        <f>IF(Input!$D$19=4,J7156*Input!$C$19,0)+IF(Input!$D$20=4,K7156*Input!$C$20,0)+IF(Input!$D$21=4,L7156*Input!$C$21,0)+IF(Input!$D$22=4,M7156*Input!$C$22,0)</f>
        <v>0</v>
      </c>
      <c r="R7156" s="58">
        <v>63.224612595237438</v>
      </c>
      <c r="S7156" s="124">
        <f t="shared" si="111"/>
        <v>1.2908419661558672</v>
      </c>
    </row>
    <row r="7157" spans="8:19" x14ac:dyDescent="0.3">
      <c r="H7157" s="44">
        <v>7150</v>
      </c>
      <c r="I7157" s="56">
        <f>Bühler!I7183</f>
        <v>0.22341495568082315</v>
      </c>
      <c r="J7157" s="59">
        <f>Bühler!J7183</f>
        <v>0.74471651893607715</v>
      </c>
      <c r="K7157" s="59">
        <f>Bühler!K7183</f>
        <v>1.1170747784041157</v>
      </c>
      <c r="L7157" s="59">
        <f>Bühler!L7183</f>
        <v>5.3619589363397555</v>
      </c>
      <c r="M7157" s="58">
        <f>Bühler!M7183</f>
        <v>0</v>
      </c>
      <c r="N7157" s="56">
        <f>IF(Input!$D$19=1,J7157*Input!$C$19,0)+IF(Input!$D$20=1,K7157*Input!$C$20,0)+IF(Input!$D$21=1,L7157*Input!$C$21,0)+IF(Input!$D$22=1,M7157*Input!$C$22,0)</f>
        <v>0.22341495568082315</v>
      </c>
      <c r="O7157" s="59">
        <f>IF(Input!$D$19=2,J7157*Input!$C$19,0)+IF(Input!$D$20=2,K7157*Input!$C$20,0)+IF(Input!$D$21=2,L7157*Input!$C$21,0)+IF(Input!$D$22=2,M7157*Input!$C$22,0)</f>
        <v>0.55853738920205787</v>
      </c>
      <c r="P7157" s="59">
        <f>IF(Input!$D$19=3,J7157*Input!$C$19,0)+IF(Input!$D$20=3,K7157*Input!$C$20,0)+IF(Input!$D$21=3,L7157*Input!$C$21,0)+IF(Input!$D$22=3,M7157*Input!$C$22,0)</f>
        <v>0</v>
      </c>
      <c r="Q7157" s="75">
        <f>IF(Input!$D$19=4,J7157*Input!$C$19,0)+IF(Input!$D$20=4,K7157*Input!$C$20,0)+IF(Input!$D$21=4,L7157*Input!$C$21,0)+IF(Input!$D$22=4,M7157*Input!$C$22,0)</f>
        <v>0</v>
      </c>
      <c r="R7157" s="58">
        <v>61.050369860951179</v>
      </c>
      <c r="S7157" s="124">
        <f t="shared" si="111"/>
        <v>0.9681314746169003</v>
      </c>
    </row>
    <row r="7158" spans="8:19" x14ac:dyDescent="0.3">
      <c r="H7158" s="44">
        <v>7151</v>
      </c>
      <c r="I7158" s="56">
        <f>Bühler!I7184</f>
        <v>0.22341495568082315</v>
      </c>
      <c r="J7158" s="59">
        <f>Bühler!J7184</f>
        <v>0.74471651893607715</v>
      </c>
      <c r="K7158" s="59">
        <f>Bühler!K7184</f>
        <v>1.1170747784041157</v>
      </c>
      <c r="L7158" s="59">
        <f>Bühler!L7184</f>
        <v>5.3619589363397555</v>
      </c>
      <c r="M7158" s="58">
        <f>Bühler!M7184</f>
        <v>0</v>
      </c>
      <c r="N7158" s="56">
        <f>IF(Input!$D$19=1,J7158*Input!$C$19,0)+IF(Input!$D$20=1,K7158*Input!$C$20,0)+IF(Input!$D$21=1,L7158*Input!$C$21,0)+IF(Input!$D$22=1,M7158*Input!$C$22,0)</f>
        <v>0.22341495568082315</v>
      </c>
      <c r="O7158" s="59">
        <f>IF(Input!$D$19=2,J7158*Input!$C$19,0)+IF(Input!$D$20=2,K7158*Input!$C$20,0)+IF(Input!$D$21=2,L7158*Input!$C$21,0)+IF(Input!$D$22=2,M7158*Input!$C$22,0)</f>
        <v>0.55853738920205787</v>
      </c>
      <c r="P7158" s="59">
        <f>IF(Input!$D$19=3,J7158*Input!$C$19,0)+IF(Input!$D$20=3,K7158*Input!$C$20,0)+IF(Input!$D$21=3,L7158*Input!$C$21,0)+IF(Input!$D$22=3,M7158*Input!$C$22,0)</f>
        <v>0</v>
      </c>
      <c r="Q7158" s="75">
        <f>IF(Input!$D$19=4,J7158*Input!$C$19,0)+IF(Input!$D$20=4,K7158*Input!$C$20,0)+IF(Input!$D$21=4,L7158*Input!$C$21,0)+IF(Input!$D$22=4,M7158*Input!$C$22,0)</f>
        <v>0</v>
      </c>
      <c r="R7158" s="58">
        <v>60.784527662710808</v>
      </c>
      <c r="S7158" s="124">
        <f t="shared" si="111"/>
        <v>0.9681314746169003</v>
      </c>
    </row>
    <row r="7159" spans="8:19" x14ac:dyDescent="0.3">
      <c r="H7159" s="44">
        <v>7152</v>
      </c>
      <c r="I7159" s="56">
        <f>Bühler!I7185</f>
        <v>0.22341495568082315</v>
      </c>
      <c r="J7159" s="59">
        <f>Bühler!J7185</f>
        <v>0.74471651893607715</v>
      </c>
      <c r="K7159" s="59">
        <f>Bühler!K7185</f>
        <v>1.1170747784041157</v>
      </c>
      <c r="L7159" s="59">
        <f>Bühler!L7185</f>
        <v>5.3619589363397555</v>
      </c>
      <c r="M7159" s="58">
        <f>Bühler!M7185</f>
        <v>0</v>
      </c>
      <c r="N7159" s="56">
        <f>IF(Input!$D$19=1,J7159*Input!$C$19,0)+IF(Input!$D$20=1,K7159*Input!$C$20,0)+IF(Input!$D$21=1,L7159*Input!$C$21,0)+IF(Input!$D$22=1,M7159*Input!$C$22,0)</f>
        <v>0.22341495568082315</v>
      </c>
      <c r="O7159" s="59">
        <f>IF(Input!$D$19=2,J7159*Input!$C$19,0)+IF(Input!$D$20=2,K7159*Input!$C$20,0)+IF(Input!$D$21=2,L7159*Input!$C$21,0)+IF(Input!$D$22=2,M7159*Input!$C$22,0)</f>
        <v>0.55853738920205787</v>
      </c>
      <c r="P7159" s="59">
        <f>IF(Input!$D$19=3,J7159*Input!$C$19,0)+IF(Input!$D$20=3,K7159*Input!$C$20,0)+IF(Input!$D$21=3,L7159*Input!$C$21,0)+IF(Input!$D$22=3,M7159*Input!$C$22,0)</f>
        <v>0</v>
      </c>
      <c r="Q7159" s="75">
        <f>IF(Input!$D$19=4,J7159*Input!$C$19,0)+IF(Input!$D$20=4,K7159*Input!$C$20,0)+IF(Input!$D$21=4,L7159*Input!$C$21,0)+IF(Input!$D$22=4,M7159*Input!$C$22,0)</f>
        <v>0</v>
      </c>
      <c r="R7159" s="58">
        <v>60.665930174869381</v>
      </c>
      <c r="S7159" s="124">
        <f t="shared" si="111"/>
        <v>0.9681314746169003</v>
      </c>
    </row>
    <row r="7160" spans="8:19" x14ac:dyDescent="0.3">
      <c r="H7160" s="44">
        <v>7153</v>
      </c>
      <c r="I7160" s="56">
        <f>Bühler!I7186</f>
        <v>0.25317589522737649</v>
      </c>
      <c r="J7160" s="59">
        <f>Bühler!J7186</f>
        <v>0.84391965075792175</v>
      </c>
      <c r="K7160" s="59">
        <f>Bühler!K7186</f>
        <v>1.2658794761368826</v>
      </c>
      <c r="L7160" s="59">
        <f>Bühler!L7186</f>
        <v>6.0762214854570358</v>
      </c>
      <c r="M7160" s="58">
        <f>Bühler!M7186</f>
        <v>0</v>
      </c>
      <c r="N7160" s="56">
        <f>IF(Input!$D$19=1,J7160*Input!$C$19,0)+IF(Input!$D$20=1,K7160*Input!$C$20,0)+IF(Input!$D$21=1,L7160*Input!$C$21,0)+IF(Input!$D$22=1,M7160*Input!$C$22,0)</f>
        <v>0.25317589522737649</v>
      </c>
      <c r="O7160" s="59">
        <f>IF(Input!$D$19=2,J7160*Input!$C$19,0)+IF(Input!$D$20=2,K7160*Input!$C$20,0)+IF(Input!$D$21=2,L7160*Input!$C$21,0)+IF(Input!$D$22=2,M7160*Input!$C$22,0)</f>
        <v>0.63293973806844128</v>
      </c>
      <c r="P7160" s="59">
        <f>IF(Input!$D$19=3,J7160*Input!$C$19,0)+IF(Input!$D$20=3,K7160*Input!$C$20,0)+IF(Input!$D$21=3,L7160*Input!$C$21,0)+IF(Input!$D$22=3,M7160*Input!$C$22,0)</f>
        <v>0</v>
      </c>
      <c r="Q7160" s="75">
        <f>IF(Input!$D$19=4,J7160*Input!$C$19,0)+IF(Input!$D$20=4,K7160*Input!$C$20,0)+IF(Input!$D$21=4,L7160*Input!$C$21,0)+IF(Input!$D$22=4,M7160*Input!$C$22,0)</f>
        <v>0</v>
      </c>
      <c r="R7160" s="58">
        <v>59.826130966082673</v>
      </c>
      <c r="S7160" s="124">
        <f t="shared" si="111"/>
        <v>1.0970955459852982</v>
      </c>
    </row>
    <row r="7161" spans="8:19" x14ac:dyDescent="0.3">
      <c r="H7161" s="44">
        <v>7154</v>
      </c>
      <c r="I7161" s="56">
        <f>Bühler!I7187</f>
        <v>0.25317589522737649</v>
      </c>
      <c r="J7161" s="59">
        <f>Bühler!J7187</f>
        <v>0.84391965075792175</v>
      </c>
      <c r="K7161" s="59">
        <f>Bühler!K7187</f>
        <v>1.2658794761368826</v>
      </c>
      <c r="L7161" s="59">
        <f>Bühler!L7187</f>
        <v>6.0762214854570358</v>
      </c>
      <c r="M7161" s="58">
        <f>Bühler!M7187</f>
        <v>0</v>
      </c>
      <c r="N7161" s="56">
        <f>IF(Input!$D$19=1,J7161*Input!$C$19,0)+IF(Input!$D$20=1,K7161*Input!$C$20,0)+IF(Input!$D$21=1,L7161*Input!$C$21,0)+IF(Input!$D$22=1,M7161*Input!$C$22,0)</f>
        <v>0.25317589522737649</v>
      </c>
      <c r="O7161" s="59">
        <f>IF(Input!$D$19=2,J7161*Input!$C$19,0)+IF(Input!$D$20=2,K7161*Input!$C$20,0)+IF(Input!$D$21=2,L7161*Input!$C$21,0)+IF(Input!$D$22=2,M7161*Input!$C$22,0)</f>
        <v>0.63293973806844128</v>
      </c>
      <c r="P7161" s="59">
        <f>IF(Input!$D$19=3,J7161*Input!$C$19,0)+IF(Input!$D$20=3,K7161*Input!$C$20,0)+IF(Input!$D$21=3,L7161*Input!$C$21,0)+IF(Input!$D$22=3,M7161*Input!$C$22,0)</f>
        <v>0</v>
      </c>
      <c r="Q7161" s="75">
        <f>IF(Input!$D$19=4,J7161*Input!$C$19,0)+IF(Input!$D$20=4,K7161*Input!$C$20,0)+IF(Input!$D$21=4,L7161*Input!$C$21,0)+IF(Input!$D$22=4,M7161*Input!$C$22,0)</f>
        <v>0</v>
      </c>
      <c r="R7161" s="58">
        <v>59.185026822057615</v>
      </c>
      <c r="S7161" s="124">
        <f t="shared" si="111"/>
        <v>1.0970955459852982</v>
      </c>
    </row>
    <row r="7162" spans="8:19" x14ac:dyDescent="0.3">
      <c r="H7162" s="44">
        <v>7155</v>
      </c>
      <c r="I7162" s="56">
        <f>Bühler!I7188</f>
        <v>0.25317589522737649</v>
      </c>
      <c r="J7162" s="59">
        <f>Bühler!J7188</f>
        <v>0.84391965075792175</v>
      </c>
      <c r="K7162" s="59">
        <f>Bühler!K7188</f>
        <v>1.2658794761368826</v>
      </c>
      <c r="L7162" s="59">
        <f>Bühler!L7188</f>
        <v>6.0762214854570358</v>
      </c>
      <c r="M7162" s="58">
        <f>Bühler!M7188</f>
        <v>0</v>
      </c>
      <c r="N7162" s="56">
        <f>IF(Input!$D$19=1,J7162*Input!$C$19,0)+IF(Input!$D$20=1,K7162*Input!$C$20,0)+IF(Input!$D$21=1,L7162*Input!$C$21,0)+IF(Input!$D$22=1,M7162*Input!$C$22,0)</f>
        <v>0.25317589522737649</v>
      </c>
      <c r="O7162" s="59">
        <f>IF(Input!$D$19=2,J7162*Input!$C$19,0)+IF(Input!$D$20=2,K7162*Input!$C$20,0)+IF(Input!$D$21=2,L7162*Input!$C$21,0)+IF(Input!$D$22=2,M7162*Input!$C$22,0)</f>
        <v>0.63293973806844128</v>
      </c>
      <c r="P7162" s="59">
        <f>IF(Input!$D$19=3,J7162*Input!$C$19,0)+IF(Input!$D$20=3,K7162*Input!$C$20,0)+IF(Input!$D$21=3,L7162*Input!$C$21,0)+IF(Input!$D$22=3,M7162*Input!$C$22,0)</f>
        <v>0</v>
      </c>
      <c r="Q7162" s="75">
        <f>IF(Input!$D$19=4,J7162*Input!$C$19,0)+IF(Input!$D$20=4,K7162*Input!$C$20,0)+IF(Input!$D$21=4,L7162*Input!$C$21,0)+IF(Input!$D$22=4,M7162*Input!$C$22,0)</f>
        <v>0</v>
      </c>
      <c r="R7162" s="58">
        <v>58.880269489992145</v>
      </c>
      <c r="S7162" s="124">
        <f t="shared" si="111"/>
        <v>1.0970955459852982</v>
      </c>
    </row>
    <row r="7163" spans="8:19" x14ac:dyDescent="0.3">
      <c r="H7163" s="44">
        <v>7156</v>
      </c>
      <c r="I7163" s="56">
        <f>Bühler!I7189</f>
        <v>0.25317589522737649</v>
      </c>
      <c r="J7163" s="59">
        <f>Bühler!J7189</f>
        <v>0.84391965075792175</v>
      </c>
      <c r="K7163" s="59">
        <f>Bühler!K7189</f>
        <v>1.2658794761368826</v>
      </c>
      <c r="L7163" s="59">
        <f>Bühler!L7189</f>
        <v>6.0762214854570358</v>
      </c>
      <c r="M7163" s="58">
        <f>Bühler!M7189</f>
        <v>0</v>
      </c>
      <c r="N7163" s="56">
        <f>IF(Input!$D$19=1,J7163*Input!$C$19,0)+IF(Input!$D$20=1,K7163*Input!$C$20,0)+IF(Input!$D$21=1,L7163*Input!$C$21,0)+IF(Input!$D$22=1,M7163*Input!$C$22,0)</f>
        <v>0.25317589522737649</v>
      </c>
      <c r="O7163" s="59">
        <f>IF(Input!$D$19=2,J7163*Input!$C$19,0)+IF(Input!$D$20=2,K7163*Input!$C$20,0)+IF(Input!$D$21=2,L7163*Input!$C$21,0)+IF(Input!$D$22=2,M7163*Input!$C$22,0)</f>
        <v>0.63293973806844128</v>
      </c>
      <c r="P7163" s="59">
        <f>IF(Input!$D$19=3,J7163*Input!$C$19,0)+IF(Input!$D$20=3,K7163*Input!$C$20,0)+IF(Input!$D$21=3,L7163*Input!$C$21,0)+IF(Input!$D$22=3,M7163*Input!$C$22,0)</f>
        <v>0</v>
      </c>
      <c r="Q7163" s="75">
        <f>IF(Input!$D$19=4,J7163*Input!$C$19,0)+IF(Input!$D$20=4,K7163*Input!$C$20,0)+IF(Input!$D$21=4,L7163*Input!$C$21,0)+IF(Input!$D$22=4,M7163*Input!$C$22,0)</f>
        <v>0</v>
      </c>
      <c r="R7163" s="58">
        <v>59.676232791074447</v>
      </c>
      <c r="S7163" s="124">
        <f t="shared" si="111"/>
        <v>1.0970955459852982</v>
      </c>
    </row>
    <row r="7164" spans="8:19" x14ac:dyDescent="0.3">
      <c r="H7164" s="44">
        <v>7157</v>
      </c>
      <c r="I7164" s="56">
        <f>Bühler!I7190</f>
        <v>0.25317589522737649</v>
      </c>
      <c r="J7164" s="59">
        <f>Bühler!J7190</f>
        <v>0.84391965075792175</v>
      </c>
      <c r="K7164" s="59">
        <f>Bühler!K7190</f>
        <v>1.2658794761368826</v>
      </c>
      <c r="L7164" s="59">
        <f>Bühler!L7190</f>
        <v>6.0762214854570358</v>
      </c>
      <c r="M7164" s="58">
        <f>Bühler!M7190</f>
        <v>0</v>
      </c>
      <c r="N7164" s="56">
        <f>IF(Input!$D$19=1,J7164*Input!$C$19,0)+IF(Input!$D$20=1,K7164*Input!$C$20,0)+IF(Input!$D$21=1,L7164*Input!$C$21,0)+IF(Input!$D$22=1,M7164*Input!$C$22,0)</f>
        <v>0.25317589522737649</v>
      </c>
      <c r="O7164" s="59">
        <f>IF(Input!$D$19=2,J7164*Input!$C$19,0)+IF(Input!$D$20=2,K7164*Input!$C$20,0)+IF(Input!$D$21=2,L7164*Input!$C$21,0)+IF(Input!$D$22=2,M7164*Input!$C$22,0)</f>
        <v>0.63293973806844128</v>
      </c>
      <c r="P7164" s="59">
        <f>IF(Input!$D$19=3,J7164*Input!$C$19,0)+IF(Input!$D$20=3,K7164*Input!$C$20,0)+IF(Input!$D$21=3,L7164*Input!$C$21,0)+IF(Input!$D$22=3,M7164*Input!$C$22,0)</f>
        <v>0</v>
      </c>
      <c r="Q7164" s="75">
        <f>IF(Input!$D$19=4,J7164*Input!$C$19,0)+IF(Input!$D$20=4,K7164*Input!$C$20,0)+IF(Input!$D$21=4,L7164*Input!$C$21,0)+IF(Input!$D$22=4,M7164*Input!$C$22,0)</f>
        <v>0</v>
      </c>
      <c r="R7164" s="58">
        <v>60.640227406387496</v>
      </c>
      <c r="S7164" s="124">
        <f t="shared" si="111"/>
        <v>1.0970955459852982</v>
      </c>
    </row>
    <row r="7165" spans="8:19" x14ac:dyDescent="0.3">
      <c r="H7165" s="44">
        <v>7158</v>
      </c>
      <c r="I7165" s="56">
        <f>Bühler!I7191</f>
        <v>0.32631559829306306</v>
      </c>
      <c r="J7165" s="59">
        <f>Bühler!J7191</f>
        <v>1.087718660976877</v>
      </c>
      <c r="K7165" s="59">
        <f>Bühler!K7191</f>
        <v>1.6315779914653152</v>
      </c>
      <c r="L7165" s="59">
        <f>Bühler!L7191</f>
        <v>7.831574359033513</v>
      </c>
      <c r="M7165" s="58">
        <f>Bühler!M7191</f>
        <v>0</v>
      </c>
      <c r="N7165" s="56">
        <f>IF(Input!$D$19=1,J7165*Input!$C$19,0)+IF(Input!$D$20=1,K7165*Input!$C$20,0)+IF(Input!$D$21=1,L7165*Input!$C$21,0)+IF(Input!$D$22=1,M7165*Input!$C$22,0)</f>
        <v>0.32631559829306306</v>
      </c>
      <c r="O7165" s="59">
        <f>IF(Input!$D$19=2,J7165*Input!$C$19,0)+IF(Input!$D$20=2,K7165*Input!$C$20,0)+IF(Input!$D$21=2,L7165*Input!$C$21,0)+IF(Input!$D$22=2,M7165*Input!$C$22,0)</f>
        <v>0.81578899573265762</v>
      </c>
      <c r="P7165" s="59">
        <f>IF(Input!$D$19=3,J7165*Input!$C$19,0)+IF(Input!$D$20=3,K7165*Input!$C$20,0)+IF(Input!$D$21=3,L7165*Input!$C$21,0)+IF(Input!$D$22=3,M7165*Input!$C$22,0)</f>
        <v>0</v>
      </c>
      <c r="Q7165" s="75">
        <f>IF(Input!$D$19=4,J7165*Input!$C$19,0)+IF(Input!$D$20=4,K7165*Input!$C$20,0)+IF(Input!$D$21=4,L7165*Input!$C$21,0)+IF(Input!$D$22=4,M7165*Input!$C$22,0)</f>
        <v>0</v>
      </c>
      <c r="R7165" s="58">
        <v>63.493152389005068</v>
      </c>
      <c r="S7165" s="124">
        <f t="shared" si="111"/>
        <v>1.41403425926994</v>
      </c>
    </row>
    <row r="7166" spans="8:19" x14ac:dyDescent="0.3">
      <c r="H7166" s="44">
        <v>7159</v>
      </c>
      <c r="I7166" s="56">
        <f>Bühler!I7192</f>
        <v>0.3938291703536968</v>
      </c>
      <c r="J7166" s="59">
        <f>Bühler!J7192</f>
        <v>1.3127639011789896</v>
      </c>
      <c r="K7166" s="59">
        <f>Bühler!K7192</f>
        <v>1.9691458517684839</v>
      </c>
      <c r="L7166" s="59">
        <f>Bühler!L7192</f>
        <v>9.4519000884887223</v>
      </c>
      <c r="M7166" s="58">
        <f>Bühler!M7192</f>
        <v>0</v>
      </c>
      <c r="N7166" s="56">
        <f>IF(Input!$D$19=1,J7166*Input!$C$19,0)+IF(Input!$D$20=1,K7166*Input!$C$20,0)+IF(Input!$D$21=1,L7166*Input!$C$21,0)+IF(Input!$D$22=1,M7166*Input!$C$22,0)</f>
        <v>0.39382917035369686</v>
      </c>
      <c r="O7166" s="59">
        <f>IF(Input!$D$19=2,J7166*Input!$C$19,0)+IF(Input!$D$20=2,K7166*Input!$C$20,0)+IF(Input!$D$21=2,L7166*Input!$C$21,0)+IF(Input!$D$22=2,M7166*Input!$C$22,0)</f>
        <v>0.98457292588424195</v>
      </c>
      <c r="P7166" s="59">
        <f>IF(Input!$D$19=3,J7166*Input!$C$19,0)+IF(Input!$D$20=3,K7166*Input!$C$20,0)+IF(Input!$D$21=3,L7166*Input!$C$21,0)+IF(Input!$D$22=3,M7166*Input!$C$22,0)</f>
        <v>0</v>
      </c>
      <c r="Q7166" s="75">
        <f>IF(Input!$D$19=4,J7166*Input!$C$19,0)+IF(Input!$D$20=4,K7166*Input!$C$20,0)+IF(Input!$D$21=4,L7166*Input!$C$21,0)+IF(Input!$D$22=4,M7166*Input!$C$22,0)</f>
        <v>0</v>
      </c>
      <c r="R7166" s="58">
        <v>66.506068738690729</v>
      </c>
      <c r="S7166" s="124">
        <f t="shared" si="111"/>
        <v>1.7065930715326862</v>
      </c>
    </row>
    <row r="7167" spans="8:19" x14ac:dyDescent="0.3">
      <c r="H7167" s="44">
        <v>7160</v>
      </c>
      <c r="I7167" s="56">
        <f>Bühler!I7193</f>
        <v>0.3938291703536968</v>
      </c>
      <c r="J7167" s="59">
        <f>Bühler!J7193</f>
        <v>1.3127639011789896</v>
      </c>
      <c r="K7167" s="59">
        <f>Bühler!K7193</f>
        <v>1.9691458517684839</v>
      </c>
      <c r="L7167" s="59">
        <f>Bühler!L7193</f>
        <v>9.4519000884887223</v>
      </c>
      <c r="M7167" s="58">
        <f>Bühler!M7193</f>
        <v>0</v>
      </c>
      <c r="N7167" s="56">
        <f>IF(Input!$D$19=1,J7167*Input!$C$19,0)+IF(Input!$D$20=1,K7167*Input!$C$20,0)+IF(Input!$D$21=1,L7167*Input!$C$21,0)+IF(Input!$D$22=1,M7167*Input!$C$22,0)</f>
        <v>0.39382917035369686</v>
      </c>
      <c r="O7167" s="59">
        <f>IF(Input!$D$19=2,J7167*Input!$C$19,0)+IF(Input!$D$20=2,K7167*Input!$C$20,0)+IF(Input!$D$21=2,L7167*Input!$C$21,0)+IF(Input!$D$22=2,M7167*Input!$C$22,0)</f>
        <v>0.98457292588424195</v>
      </c>
      <c r="P7167" s="59">
        <f>IF(Input!$D$19=3,J7167*Input!$C$19,0)+IF(Input!$D$20=3,K7167*Input!$C$20,0)+IF(Input!$D$21=3,L7167*Input!$C$21,0)+IF(Input!$D$22=3,M7167*Input!$C$22,0)</f>
        <v>0</v>
      </c>
      <c r="Q7167" s="75">
        <f>IF(Input!$D$19=4,J7167*Input!$C$19,0)+IF(Input!$D$20=4,K7167*Input!$C$20,0)+IF(Input!$D$21=4,L7167*Input!$C$21,0)+IF(Input!$D$22=4,M7167*Input!$C$22,0)</f>
        <v>0</v>
      </c>
      <c r="R7167" s="58">
        <v>69.336415049158859</v>
      </c>
      <c r="S7167" s="124">
        <f t="shared" si="111"/>
        <v>1.7065930715326862</v>
      </c>
    </row>
    <row r="7168" spans="8:19" x14ac:dyDescent="0.3">
      <c r="H7168" s="44">
        <v>7161</v>
      </c>
      <c r="I7168" s="56">
        <f>Bühler!I7194</f>
        <v>0.3938291703536968</v>
      </c>
      <c r="J7168" s="59">
        <f>Bühler!J7194</f>
        <v>1.3127639011789896</v>
      </c>
      <c r="K7168" s="59">
        <f>Bühler!K7194</f>
        <v>1.9691458517684839</v>
      </c>
      <c r="L7168" s="59">
        <f>Bühler!L7194</f>
        <v>9.4519000884887223</v>
      </c>
      <c r="M7168" s="58">
        <f>Bühler!M7194</f>
        <v>0</v>
      </c>
      <c r="N7168" s="56">
        <f>IF(Input!$D$19=1,J7168*Input!$C$19,0)+IF(Input!$D$20=1,K7168*Input!$C$20,0)+IF(Input!$D$21=1,L7168*Input!$C$21,0)+IF(Input!$D$22=1,M7168*Input!$C$22,0)</f>
        <v>0.39382917035369686</v>
      </c>
      <c r="O7168" s="59">
        <f>IF(Input!$D$19=2,J7168*Input!$C$19,0)+IF(Input!$D$20=2,K7168*Input!$C$20,0)+IF(Input!$D$21=2,L7168*Input!$C$21,0)+IF(Input!$D$22=2,M7168*Input!$C$22,0)</f>
        <v>0.98457292588424195</v>
      </c>
      <c r="P7168" s="59">
        <f>IF(Input!$D$19=3,J7168*Input!$C$19,0)+IF(Input!$D$20=3,K7168*Input!$C$20,0)+IF(Input!$D$21=3,L7168*Input!$C$21,0)+IF(Input!$D$22=3,M7168*Input!$C$22,0)</f>
        <v>0</v>
      </c>
      <c r="Q7168" s="75">
        <f>IF(Input!$D$19=4,J7168*Input!$C$19,0)+IF(Input!$D$20=4,K7168*Input!$C$20,0)+IF(Input!$D$21=4,L7168*Input!$C$21,0)+IF(Input!$D$22=4,M7168*Input!$C$22,0)</f>
        <v>0</v>
      </c>
      <c r="R7168" s="58">
        <v>69.876549908408265</v>
      </c>
      <c r="S7168" s="124">
        <f t="shared" si="111"/>
        <v>1.7065930715326862</v>
      </c>
    </row>
    <row r="7169" spans="8:19" x14ac:dyDescent="0.3">
      <c r="H7169" s="44">
        <v>7162</v>
      </c>
      <c r="I7169" s="56">
        <f>Bühler!I7195</f>
        <v>0.42195982537896093</v>
      </c>
      <c r="J7169" s="59">
        <f>Bühler!J7195</f>
        <v>1.4065327512632031</v>
      </c>
      <c r="K7169" s="59">
        <f>Bühler!K7195</f>
        <v>2.1097991268948046</v>
      </c>
      <c r="L7169" s="59">
        <f>Bühler!L7195</f>
        <v>10.127035809095062</v>
      </c>
      <c r="M7169" s="58">
        <f>Bühler!M7195</f>
        <v>0</v>
      </c>
      <c r="N7169" s="56">
        <f>IF(Input!$D$19=1,J7169*Input!$C$19,0)+IF(Input!$D$20=1,K7169*Input!$C$20,0)+IF(Input!$D$21=1,L7169*Input!$C$21,0)+IF(Input!$D$22=1,M7169*Input!$C$22,0)</f>
        <v>0.42195982537896093</v>
      </c>
      <c r="O7169" s="59">
        <f>IF(Input!$D$19=2,J7169*Input!$C$19,0)+IF(Input!$D$20=2,K7169*Input!$C$20,0)+IF(Input!$D$21=2,L7169*Input!$C$21,0)+IF(Input!$D$22=2,M7169*Input!$C$22,0)</f>
        <v>1.0548995634474023</v>
      </c>
      <c r="P7169" s="59">
        <f>IF(Input!$D$19=3,J7169*Input!$C$19,0)+IF(Input!$D$20=3,K7169*Input!$C$20,0)+IF(Input!$D$21=3,L7169*Input!$C$21,0)+IF(Input!$D$22=3,M7169*Input!$C$22,0)</f>
        <v>0</v>
      </c>
      <c r="Q7169" s="75">
        <f>IF(Input!$D$19=4,J7169*Input!$C$19,0)+IF(Input!$D$20=4,K7169*Input!$C$20,0)+IF(Input!$D$21=4,L7169*Input!$C$21,0)+IF(Input!$D$22=4,M7169*Input!$C$22,0)</f>
        <v>0</v>
      </c>
      <c r="R7169" s="58">
        <v>69.331493902618476</v>
      </c>
      <c r="S7169" s="124">
        <f t="shared" si="111"/>
        <v>1.828492576642164</v>
      </c>
    </row>
    <row r="7170" spans="8:19" x14ac:dyDescent="0.3">
      <c r="H7170" s="44">
        <v>7163</v>
      </c>
      <c r="I7170" s="56">
        <f>Bühler!I7196</f>
        <v>0.43883821839411924</v>
      </c>
      <c r="J7170" s="59">
        <f>Bühler!J7196</f>
        <v>1.4627940613137309</v>
      </c>
      <c r="K7170" s="59">
        <f>Bühler!K7196</f>
        <v>2.194191091970596</v>
      </c>
      <c r="L7170" s="59">
        <f>Bühler!L7196</f>
        <v>10.532117241458861</v>
      </c>
      <c r="M7170" s="58">
        <f>Bühler!M7196</f>
        <v>0</v>
      </c>
      <c r="N7170" s="56">
        <f>IF(Input!$D$19=1,J7170*Input!$C$19,0)+IF(Input!$D$20=1,K7170*Input!$C$20,0)+IF(Input!$D$21=1,L7170*Input!$C$21,0)+IF(Input!$D$22=1,M7170*Input!$C$22,0)</f>
        <v>0.43883821839411924</v>
      </c>
      <c r="O7170" s="59">
        <f>IF(Input!$D$19=2,J7170*Input!$C$19,0)+IF(Input!$D$20=2,K7170*Input!$C$20,0)+IF(Input!$D$21=2,L7170*Input!$C$21,0)+IF(Input!$D$22=2,M7170*Input!$C$22,0)</f>
        <v>1.097095545985298</v>
      </c>
      <c r="P7170" s="59">
        <f>IF(Input!$D$19=3,J7170*Input!$C$19,0)+IF(Input!$D$20=3,K7170*Input!$C$20,0)+IF(Input!$D$21=3,L7170*Input!$C$21,0)+IF(Input!$D$22=3,M7170*Input!$C$22,0)</f>
        <v>0</v>
      </c>
      <c r="Q7170" s="75">
        <f>IF(Input!$D$19=4,J7170*Input!$C$19,0)+IF(Input!$D$20=4,K7170*Input!$C$20,0)+IF(Input!$D$21=4,L7170*Input!$C$21,0)+IF(Input!$D$22=4,M7170*Input!$C$22,0)</f>
        <v>0</v>
      </c>
      <c r="R7170" s="58">
        <v>69.299392366779514</v>
      </c>
      <c r="S7170" s="124">
        <f t="shared" si="111"/>
        <v>1.9016322797078502</v>
      </c>
    </row>
    <row r="7171" spans="8:19" x14ac:dyDescent="0.3">
      <c r="H7171" s="44">
        <v>7164</v>
      </c>
      <c r="I7171" s="56">
        <f>Bühler!I7197</f>
        <v>0.50635179045475298</v>
      </c>
      <c r="J7171" s="59">
        <f>Bühler!J7197</f>
        <v>1.6878393015158435</v>
      </c>
      <c r="K7171" s="59">
        <f>Bühler!K7197</f>
        <v>2.5317589522737651</v>
      </c>
      <c r="L7171" s="59">
        <f>Bühler!L7197</f>
        <v>12.152442970914072</v>
      </c>
      <c r="M7171" s="58">
        <f>Bühler!M7197</f>
        <v>0</v>
      </c>
      <c r="N7171" s="56">
        <f>IF(Input!$D$19=1,J7171*Input!$C$19,0)+IF(Input!$D$20=1,K7171*Input!$C$20,0)+IF(Input!$D$21=1,L7171*Input!$C$21,0)+IF(Input!$D$22=1,M7171*Input!$C$22,0)</f>
        <v>0.50635179045475298</v>
      </c>
      <c r="O7171" s="59">
        <f>IF(Input!$D$19=2,J7171*Input!$C$19,0)+IF(Input!$D$20=2,K7171*Input!$C$20,0)+IF(Input!$D$21=2,L7171*Input!$C$21,0)+IF(Input!$D$22=2,M7171*Input!$C$22,0)</f>
        <v>1.2658794761368826</v>
      </c>
      <c r="P7171" s="59">
        <f>IF(Input!$D$19=3,J7171*Input!$C$19,0)+IF(Input!$D$20=3,K7171*Input!$C$20,0)+IF(Input!$D$21=3,L7171*Input!$C$21,0)+IF(Input!$D$22=3,M7171*Input!$C$22,0)</f>
        <v>0</v>
      </c>
      <c r="Q7171" s="75">
        <f>IF(Input!$D$19=4,J7171*Input!$C$19,0)+IF(Input!$D$20=4,K7171*Input!$C$20,0)+IF(Input!$D$21=4,L7171*Input!$C$21,0)+IF(Input!$D$22=4,M7171*Input!$C$22,0)</f>
        <v>0</v>
      </c>
      <c r="R7171" s="58">
        <v>69.202372563798875</v>
      </c>
      <c r="S7171" s="124">
        <f t="shared" si="111"/>
        <v>2.1941910919705965</v>
      </c>
    </row>
    <row r="7172" spans="8:19" x14ac:dyDescent="0.3">
      <c r="H7172" s="44">
        <v>7165</v>
      </c>
      <c r="I7172" s="56">
        <f>Bühler!I7198</f>
        <v>0.50635179045475298</v>
      </c>
      <c r="J7172" s="59">
        <f>Bühler!J7198</f>
        <v>1.6878393015158435</v>
      </c>
      <c r="K7172" s="59">
        <f>Bühler!K7198</f>
        <v>2.5317589522737651</v>
      </c>
      <c r="L7172" s="59">
        <f>Bühler!L7198</f>
        <v>12.152442970914072</v>
      </c>
      <c r="M7172" s="58">
        <f>Bühler!M7198</f>
        <v>0</v>
      </c>
      <c r="N7172" s="56">
        <f>IF(Input!$D$19=1,J7172*Input!$C$19,0)+IF(Input!$D$20=1,K7172*Input!$C$20,0)+IF(Input!$D$21=1,L7172*Input!$C$21,0)+IF(Input!$D$22=1,M7172*Input!$C$22,0)</f>
        <v>0.50635179045475298</v>
      </c>
      <c r="O7172" s="59">
        <f>IF(Input!$D$19=2,J7172*Input!$C$19,0)+IF(Input!$D$20=2,K7172*Input!$C$20,0)+IF(Input!$D$21=2,L7172*Input!$C$21,0)+IF(Input!$D$22=2,M7172*Input!$C$22,0)</f>
        <v>1.2658794761368826</v>
      </c>
      <c r="P7172" s="59">
        <f>IF(Input!$D$19=3,J7172*Input!$C$19,0)+IF(Input!$D$20=3,K7172*Input!$C$20,0)+IF(Input!$D$21=3,L7172*Input!$C$21,0)+IF(Input!$D$22=3,M7172*Input!$C$22,0)</f>
        <v>0</v>
      </c>
      <c r="Q7172" s="75">
        <f>IF(Input!$D$19=4,J7172*Input!$C$19,0)+IF(Input!$D$20=4,K7172*Input!$C$20,0)+IF(Input!$D$21=4,L7172*Input!$C$21,0)+IF(Input!$D$22=4,M7172*Input!$C$22,0)</f>
        <v>0</v>
      </c>
      <c r="R7172" s="58">
        <v>67.723105781563504</v>
      </c>
      <c r="S7172" s="124">
        <f t="shared" si="111"/>
        <v>2.1941910919705965</v>
      </c>
    </row>
    <row r="7173" spans="8:19" x14ac:dyDescent="0.3">
      <c r="H7173" s="44">
        <v>7166</v>
      </c>
      <c r="I7173" s="56">
        <f>Bühler!I7199</f>
        <v>0.50635179045475298</v>
      </c>
      <c r="J7173" s="59">
        <f>Bühler!J7199</f>
        <v>1.6878393015158435</v>
      </c>
      <c r="K7173" s="59">
        <f>Bühler!K7199</f>
        <v>2.5317589522737651</v>
      </c>
      <c r="L7173" s="59">
        <f>Bühler!L7199</f>
        <v>12.152442970914072</v>
      </c>
      <c r="M7173" s="58">
        <f>Bühler!M7199</f>
        <v>0</v>
      </c>
      <c r="N7173" s="56">
        <f>IF(Input!$D$19=1,J7173*Input!$C$19,0)+IF(Input!$D$20=1,K7173*Input!$C$20,0)+IF(Input!$D$21=1,L7173*Input!$C$21,0)+IF(Input!$D$22=1,M7173*Input!$C$22,0)</f>
        <v>0.50635179045475298</v>
      </c>
      <c r="O7173" s="59">
        <f>IF(Input!$D$19=2,J7173*Input!$C$19,0)+IF(Input!$D$20=2,K7173*Input!$C$20,0)+IF(Input!$D$21=2,L7173*Input!$C$21,0)+IF(Input!$D$22=2,M7173*Input!$C$22,0)</f>
        <v>1.2658794761368826</v>
      </c>
      <c r="P7173" s="59">
        <f>IF(Input!$D$19=3,J7173*Input!$C$19,0)+IF(Input!$D$20=3,K7173*Input!$C$20,0)+IF(Input!$D$21=3,L7173*Input!$C$21,0)+IF(Input!$D$22=3,M7173*Input!$C$22,0)</f>
        <v>0</v>
      </c>
      <c r="Q7173" s="75">
        <f>IF(Input!$D$19=4,J7173*Input!$C$19,0)+IF(Input!$D$20=4,K7173*Input!$C$20,0)+IF(Input!$D$21=4,L7173*Input!$C$21,0)+IF(Input!$D$22=4,M7173*Input!$C$22,0)</f>
        <v>0</v>
      </c>
      <c r="R7173" s="58">
        <v>66.652671687473415</v>
      </c>
      <c r="S7173" s="124">
        <f t="shared" si="111"/>
        <v>2.1941910919705965</v>
      </c>
    </row>
    <row r="7174" spans="8:19" x14ac:dyDescent="0.3">
      <c r="H7174" s="44">
        <v>7167</v>
      </c>
      <c r="I7174" s="56">
        <f>Bühler!I7200</f>
        <v>0.50635179045475298</v>
      </c>
      <c r="J7174" s="59">
        <f>Bühler!J7200</f>
        <v>1.6878393015158435</v>
      </c>
      <c r="K7174" s="59">
        <f>Bühler!K7200</f>
        <v>2.5317589522737651</v>
      </c>
      <c r="L7174" s="59">
        <f>Bühler!L7200</f>
        <v>12.152442970914072</v>
      </c>
      <c r="M7174" s="58">
        <f>Bühler!M7200</f>
        <v>0</v>
      </c>
      <c r="N7174" s="56">
        <f>IF(Input!$D$19=1,J7174*Input!$C$19,0)+IF(Input!$D$20=1,K7174*Input!$C$20,0)+IF(Input!$D$21=1,L7174*Input!$C$21,0)+IF(Input!$D$22=1,M7174*Input!$C$22,0)</f>
        <v>0.50635179045475298</v>
      </c>
      <c r="O7174" s="59">
        <f>IF(Input!$D$19=2,J7174*Input!$C$19,0)+IF(Input!$D$20=2,K7174*Input!$C$20,0)+IF(Input!$D$21=2,L7174*Input!$C$21,0)+IF(Input!$D$22=2,M7174*Input!$C$22,0)</f>
        <v>1.2658794761368826</v>
      </c>
      <c r="P7174" s="59">
        <f>IF(Input!$D$19=3,J7174*Input!$C$19,0)+IF(Input!$D$20=3,K7174*Input!$C$20,0)+IF(Input!$D$21=3,L7174*Input!$C$21,0)+IF(Input!$D$22=3,M7174*Input!$C$22,0)</f>
        <v>0</v>
      </c>
      <c r="Q7174" s="75">
        <f>IF(Input!$D$19=4,J7174*Input!$C$19,0)+IF(Input!$D$20=4,K7174*Input!$C$20,0)+IF(Input!$D$21=4,L7174*Input!$C$21,0)+IF(Input!$D$22=4,M7174*Input!$C$22,0)</f>
        <v>0</v>
      </c>
      <c r="R7174" s="58">
        <v>66.685407551320651</v>
      </c>
      <c r="S7174" s="124">
        <f t="shared" si="111"/>
        <v>2.1941910919705965</v>
      </c>
    </row>
    <row r="7175" spans="8:19" x14ac:dyDescent="0.3">
      <c r="H7175" s="44">
        <v>7168</v>
      </c>
      <c r="I7175" s="56">
        <f>Bühler!I7201</f>
        <v>0.42195982537896093</v>
      </c>
      <c r="J7175" s="59">
        <f>Bühler!J7201</f>
        <v>1.4065327512632031</v>
      </c>
      <c r="K7175" s="59">
        <f>Bühler!K7201</f>
        <v>2.1097991268948046</v>
      </c>
      <c r="L7175" s="59">
        <f>Bühler!L7201</f>
        <v>10.127035809095062</v>
      </c>
      <c r="M7175" s="58">
        <f>Bühler!M7201</f>
        <v>0</v>
      </c>
      <c r="N7175" s="56">
        <f>IF(Input!$D$19=1,J7175*Input!$C$19,0)+IF(Input!$D$20=1,K7175*Input!$C$20,0)+IF(Input!$D$21=1,L7175*Input!$C$21,0)+IF(Input!$D$22=1,M7175*Input!$C$22,0)</f>
        <v>0.42195982537896093</v>
      </c>
      <c r="O7175" s="59">
        <f>IF(Input!$D$19=2,J7175*Input!$C$19,0)+IF(Input!$D$20=2,K7175*Input!$C$20,0)+IF(Input!$D$21=2,L7175*Input!$C$21,0)+IF(Input!$D$22=2,M7175*Input!$C$22,0)</f>
        <v>1.0548995634474023</v>
      </c>
      <c r="P7175" s="59">
        <f>IF(Input!$D$19=3,J7175*Input!$C$19,0)+IF(Input!$D$20=3,K7175*Input!$C$20,0)+IF(Input!$D$21=3,L7175*Input!$C$21,0)+IF(Input!$D$22=3,M7175*Input!$C$22,0)</f>
        <v>0</v>
      </c>
      <c r="Q7175" s="75">
        <f>IF(Input!$D$19=4,J7175*Input!$C$19,0)+IF(Input!$D$20=4,K7175*Input!$C$20,0)+IF(Input!$D$21=4,L7175*Input!$C$21,0)+IF(Input!$D$22=4,M7175*Input!$C$22,0)</f>
        <v>0</v>
      </c>
      <c r="R7175" s="58">
        <v>65.800258097089099</v>
      </c>
      <c r="S7175" s="124">
        <f t="shared" si="111"/>
        <v>1.828492576642164</v>
      </c>
    </row>
    <row r="7176" spans="8:19" x14ac:dyDescent="0.3">
      <c r="H7176" s="44">
        <v>7169</v>
      </c>
      <c r="I7176" s="56">
        <f>Bühler!I7202</f>
        <v>0.39945530135874968</v>
      </c>
      <c r="J7176" s="59">
        <f>Bühler!J7202</f>
        <v>1.3315176711958323</v>
      </c>
      <c r="K7176" s="59">
        <f>Bühler!K7202</f>
        <v>1.9972765067937484</v>
      </c>
      <c r="L7176" s="59">
        <f>Bühler!L7202</f>
        <v>9.5869272326099928</v>
      </c>
      <c r="M7176" s="58">
        <f>Bühler!M7202</f>
        <v>0</v>
      </c>
      <c r="N7176" s="56">
        <f>IF(Input!$D$19=1,J7176*Input!$C$19,0)+IF(Input!$D$20=1,K7176*Input!$C$20,0)+IF(Input!$D$21=1,L7176*Input!$C$21,0)+IF(Input!$D$22=1,M7176*Input!$C$22,0)</f>
        <v>0.39945530135874968</v>
      </c>
      <c r="O7176" s="59">
        <f>IF(Input!$D$19=2,J7176*Input!$C$19,0)+IF(Input!$D$20=2,K7176*Input!$C$20,0)+IF(Input!$D$21=2,L7176*Input!$C$21,0)+IF(Input!$D$22=2,M7176*Input!$C$22,0)</f>
        <v>0.99863825339687418</v>
      </c>
      <c r="P7176" s="59">
        <f>IF(Input!$D$19=3,J7176*Input!$C$19,0)+IF(Input!$D$20=3,K7176*Input!$C$20,0)+IF(Input!$D$21=3,L7176*Input!$C$21,0)+IF(Input!$D$22=3,M7176*Input!$C$22,0)</f>
        <v>0</v>
      </c>
      <c r="Q7176" s="75">
        <f>IF(Input!$D$19=4,J7176*Input!$C$19,0)+IF(Input!$D$20=4,K7176*Input!$C$20,0)+IF(Input!$D$21=4,L7176*Input!$C$21,0)+IF(Input!$D$22=4,M7176*Input!$C$22,0)</f>
        <v>0</v>
      </c>
      <c r="R7176" s="58">
        <v>64.788822784166726</v>
      </c>
      <c r="S7176" s="124">
        <f t="shared" si="111"/>
        <v>1.7309729725545819</v>
      </c>
    </row>
    <row r="7177" spans="8:19" x14ac:dyDescent="0.3">
      <c r="H7177" s="44">
        <v>7170</v>
      </c>
      <c r="I7177" s="56">
        <f>Bühler!I7203</f>
        <v>0.39945530135874968</v>
      </c>
      <c r="J7177" s="59">
        <f>Bühler!J7203</f>
        <v>1.3315176711958323</v>
      </c>
      <c r="K7177" s="59">
        <f>Bühler!K7203</f>
        <v>1.9972765067937484</v>
      </c>
      <c r="L7177" s="59">
        <f>Bühler!L7203</f>
        <v>9.5869272326099928</v>
      </c>
      <c r="M7177" s="58">
        <f>Bühler!M7203</f>
        <v>0</v>
      </c>
      <c r="N7177" s="56">
        <f>IF(Input!$D$19=1,J7177*Input!$C$19,0)+IF(Input!$D$20=1,K7177*Input!$C$20,0)+IF(Input!$D$21=1,L7177*Input!$C$21,0)+IF(Input!$D$22=1,M7177*Input!$C$22,0)</f>
        <v>0.39945530135874968</v>
      </c>
      <c r="O7177" s="59">
        <f>IF(Input!$D$19=2,J7177*Input!$C$19,0)+IF(Input!$D$20=2,K7177*Input!$C$20,0)+IF(Input!$D$21=2,L7177*Input!$C$21,0)+IF(Input!$D$22=2,M7177*Input!$C$22,0)</f>
        <v>0.99863825339687418</v>
      </c>
      <c r="P7177" s="59">
        <f>IF(Input!$D$19=3,J7177*Input!$C$19,0)+IF(Input!$D$20=3,K7177*Input!$C$20,0)+IF(Input!$D$21=3,L7177*Input!$C$21,0)+IF(Input!$D$22=3,M7177*Input!$C$22,0)</f>
        <v>0</v>
      </c>
      <c r="Q7177" s="75">
        <f>IF(Input!$D$19=4,J7177*Input!$C$19,0)+IF(Input!$D$20=4,K7177*Input!$C$20,0)+IF(Input!$D$21=4,L7177*Input!$C$21,0)+IF(Input!$D$22=4,M7177*Input!$C$22,0)</f>
        <v>0</v>
      </c>
      <c r="R7177" s="58">
        <v>63.354633282938146</v>
      </c>
      <c r="S7177" s="124">
        <f t="shared" ref="S7177:S7240" si="112">I7177+J7177</f>
        <v>1.7309729725545819</v>
      </c>
    </row>
    <row r="7178" spans="8:19" x14ac:dyDescent="0.3">
      <c r="H7178" s="44">
        <v>7171</v>
      </c>
      <c r="I7178" s="56">
        <f>Bühler!I7204</f>
        <v>0.39945530135874968</v>
      </c>
      <c r="J7178" s="59">
        <f>Bühler!J7204</f>
        <v>1.3315176711958323</v>
      </c>
      <c r="K7178" s="59">
        <f>Bühler!K7204</f>
        <v>1.9972765067937484</v>
      </c>
      <c r="L7178" s="59">
        <f>Bühler!L7204</f>
        <v>9.5869272326099928</v>
      </c>
      <c r="M7178" s="58">
        <f>Bühler!M7204</f>
        <v>0</v>
      </c>
      <c r="N7178" s="56">
        <f>IF(Input!$D$19=1,J7178*Input!$C$19,0)+IF(Input!$D$20=1,K7178*Input!$C$20,0)+IF(Input!$D$21=1,L7178*Input!$C$21,0)+IF(Input!$D$22=1,M7178*Input!$C$22,0)</f>
        <v>0.39945530135874968</v>
      </c>
      <c r="O7178" s="59">
        <f>IF(Input!$D$19=2,J7178*Input!$C$19,0)+IF(Input!$D$20=2,K7178*Input!$C$20,0)+IF(Input!$D$21=2,L7178*Input!$C$21,0)+IF(Input!$D$22=2,M7178*Input!$C$22,0)</f>
        <v>0.99863825339687418</v>
      </c>
      <c r="P7178" s="59">
        <f>IF(Input!$D$19=3,J7178*Input!$C$19,0)+IF(Input!$D$20=3,K7178*Input!$C$20,0)+IF(Input!$D$21=3,L7178*Input!$C$21,0)+IF(Input!$D$22=3,M7178*Input!$C$22,0)</f>
        <v>0</v>
      </c>
      <c r="Q7178" s="75">
        <f>IF(Input!$D$19=4,J7178*Input!$C$19,0)+IF(Input!$D$20=4,K7178*Input!$C$20,0)+IF(Input!$D$21=4,L7178*Input!$C$21,0)+IF(Input!$D$22=4,M7178*Input!$C$22,0)</f>
        <v>0</v>
      </c>
      <c r="R7178" s="58">
        <v>61.904746119975215</v>
      </c>
      <c r="S7178" s="124">
        <f t="shared" si="112"/>
        <v>1.7309729725545819</v>
      </c>
    </row>
    <row r="7179" spans="8:19" x14ac:dyDescent="0.3">
      <c r="H7179" s="44">
        <v>7172</v>
      </c>
      <c r="I7179" s="56">
        <f>Bühler!I7205</f>
        <v>0.39945530135874968</v>
      </c>
      <c r="J7179" s="59">
        <f>Bühler!J7205</f>
        <v>1.3315176711958323</v>
      </c>
      <c r="K7179" s="59">
        <f>Bühler!K7205</f>
        <v>1.9972765067937484</v>
      </c>
      <c r="L7179" s="59">
        <f>Bühler!L7205</f>
        <v>9.5869272326099928</v>
      </c>
      <c r="M7179" s="58">
        <f>Bühler!M7205</f>
        <v>0</v>
      </c>
      <c r="N7179" s="56">
        <f>IF(Input!$D$19=1,J7179*Input!$C$19,0)+IF(Input!$D$20=1,K7179*Input!$C$20,0)+IF(Input!$D$21=1,L7179*Input!$C$21,0)+IF(Input!$D$22=1,M7179*Input!$C$22,0)</f>
        <v>0.39945530135874968</v>
      </c>
      <c r="O7179" s="59">
        <f>IF(Input!$D$19=2,J7179*Input!$C$19,0)+IF(Input!$D$20=2,K7179*Input!$C$20,0)+IF(Input!$D$21=2,L7179*Input!$C$21,0)+IF(Input!$D$22=2,M7179*Input!$C$22,0)</f>
        <v>0.99863825339687418</v>
      </c>
      <c r="P7179" s="59">
        <f>IF(Input!$D$19=3,J7179*Input!$C$19,0)+IF(Input!$D$20=3,K7179*Input!$C$20,0)+IF(Input!$D$21=3,L7179*Input!$C$21,0)+IF(Input!$D$22=3,M7179*Input!$C$22,0)</f>
        <v>0</v>
      </c>
      <c r="Q7179" s="75">
        <f>IF(Input!$D$19=4,J7179*Input!$C$19,0)+IF(Input!$D$20=4,K7179*Input!$C$20,0)+IF(Input!$D$21=4,L7179*Input!$C$21,0)+IF(Input!$D$22=4,M7179*Input!$C$22,0)</f>
        <v>0</v>
      </c>
      <c r="R7179" s="58">
        <v>60.219513125634343</v>
      </c>
      <c r="S7179" s="124">
        <f t="shared" si="112"/>
        <v>1.7309729725545819</v>
      </c>
    </row>
    <row r="7180" spans="8:19" x14ac:dyDescent="0.3">
      <c r="H7180" s="44">
        <v>7173</v>
      </c>
      <c r="I7180" s="56">
        <f>Bühler!I7206</f>
        <v>0.30943720527790464</v>
      </c>
      <c r="J7180" s="59">
        <f>Bühler!J7206</f>
        <v>1.0314573509263487</v>
      </c>
      <c r="K7180" s="59">
        <f>Bühler!K7206</f>
        <v>1.5471860263895232</v>
      </c>
      <c r="L7180" s="59">
        <f>Bühler!L7206</f>
        <v>7.4264929266697104</v>
      </c>
      <c r="M7180" s="58">
        <f>Bühler!M7206</f>
        <v>0</v>
      </c>
      <c r="N7180" s="56">
        <f>IF(Input!$D$19=1,J7180*Input!$C$19,0)+IF(Input!$D$20=1,K7180*Input!$C$20,0)+IF(Input!$D$21=1,L7180*Input!$C$21,0)+IF(Input!$D$22=1,M7180*Input!$C$22,0)</f>
        <v>0.30943720527790458</v>
      </c>
      <c r="O7180" s="59">
        <f>IF(Input!$D$19=2,J7180*Input!$C$19,0)+IF(Input!$D$20=2,K7180*Input!$C$20,0)+IF(Input!$D$21=2,L7180*Input!$C$21,0)+IF(Input!$D$22=2,M7180*Input!$C$22,0)</f>
        <v>0.77359301319476159</v>
      </c>
      <c r="P7180" s="59">
        <f>IF(Input!$D$19=3,J7180*Input!$C$19,0)+IF(Input!$D$20=3,K7180*Input!$C$20,0)+IF(Input!$D$21=3,L7180*Input!$C$21,0)+IF(Input!$D$22=3,M7180*Input!$C$22,0)</f>
        <v>0</v>
      </c>
      <c r="Q7180" s="75">
        <f>IF(Input!$D$19=4,J7180*Input!$C$19,0)+IF(Input!$D$20=4,K7180*Input!$C$20,0)+IF(Input!$D$21=4,L7180*Input!$C$21,0)+IF(Input!$D$22=4,M7180*Input!$C$22,0)</f>
        <v>0</v>
      </c>
      <c r="R7180" s="58">
        <v>58.102832524804768</v>
      </c>
      <c r="S7180" s="124">
        <f t="shared" si="112"/>
        <v>1.3408945562042534</v>
      </c>
    </row>
    <row r="7181" spans="8:19" x14ac:dyDescent="0.3">
      <c r="H7181" s="44">
        <v>7174</v>
      </c>
      <c r="I7181" s="56">
        <f>Bühler!I7207</f>
        <v>0.11814875110610905</v>
      </c>
      <c r="J7181" s="59">
        <f>Bühler!J7207</f>
        <v>0.39382917035369686</v>
      </c>
      <c r="K7181" s="59">
        <f>Bühler!K7207</f>
        <v>0.59074375553054526</v>
      </c>
      <c r="L7181" s="59">
        <f>Bühler!L7207</f>
        <v>2.8355700265466171</v>
      </c>
      <c r="M7181" s="58">
        <f>Bühler!M7207</f>
        <v>0</v>
      </c>
      <c r="N7181" s="56">
        <f>IF(Input!$D$19=1,J7181*Input!$C$19,0)+IF(Input!$D$20=1,K7181*Input!$C$20,0)+IF(Input!$D$21=1,L7181*Input!$C$21,0)+IF(Input!$D$22=1,M7181*Input!$C$22,0)</f>
        <v>0.11814875110610905</v>
      </c>
      <c r="O7181" s="59">
        <f>IF(Input!$D$19=2,J7181*Input!$C$19,0)+IF(Input!$D$20=2,K7181*Input!$C$20,0)+IF(Input!$D$21=2,L7181*Input!$C$21,0)+IF(Input!$D$22=2,M7181*Input!$C$22,0)</f>
        <v>0.29537187776527263</v>
      </c>
      <c r="P7181" s="59">
        <f>IF(Input!$D$19=3,J7181*Input!$C$19,0)+IF(Input!$D$20=3,K7181*Input!$C$20,0)+IF(Input!$D$21=3,L7181*Input!$C$21,0)+IF(Input!$D$22=3,M7181*Input!$C$22,0)</f>
        <v>0</v>
      </c>
      <c r="Q7181" s="75">
        <f>IF(Input!$D$19=4,J7181*Input!$C$19,0)+IF(Input!$D$20=4,K7181*Input!$C$20,0)+IF(Input!$D$21=4,L7181*Input!$C$21,0)+IF(Input!$D$22=4,M7181*Input!$C$22,0)</f>
        <v>0</v>
      </c>
      <c r="R7181" s="58">
        <v>56.432179601217364</v>
      </c>
      <c r="S7181" s="124">
        <f t="shared" si="112"/>
        <v>0.51197792145980592</v>
      </c>
    </row>
    <row r="7182" spans="8:19" x14ac:dyDescent="0.3">
      <c r="H7182" s="44">
        <v>7175</v>
      </c>
      <c r="I7182" s="56">
        <f>Bühler!I7208</f>
        <v>0.11814875110610905</v>
      </c>
      <c r="J7182" s="59">
        <f>Bühler!J7208</f>
        <v>0.39382917035369686</v>
      </c>
      <c r="K7182" s="59">
        <f>Bühler!K7208</f>
        <v>0.59074375553054526</v>
      </c>
      <c r="L7182" s="59">
        <f>Bühler!L7208</f>
        <v>2.8355700265466171</v>
      </c>
      <c r="M7182" s="58">
        <f>Bühler!M7208</f>
        <v>0</v>
      </c>
      <c r="N7182" s="56">
        <f>IF(Input!$D$19=1,J7182*Input!$C$19,0)+IF(Input!$D$20=1,K7182*Input!$C$20,0)+IF(Input!$D$21=1,L7182*Input!$C$21,0)+IF(Input!$D$22=1,M7182*Input!$C$22,0)</f>
        <v>0.11814875110610905</v>
      </c>
      <c r="O7182" s="59">
        <f>IF(Input!$D$19=2,J7182*Input!$C$19,0)+IF(Input!$D$20=2,K7182*Input!$C$20,0)+IF(Input!$D$21=2,L7182*Input!$C$21,0)+IF(Input!$D$22=2,M7182*Input!$C$22,0)</f>
        <v>0.29537187776527263</v>
      </c>
      <c r="P7182" s="59">
        <f>IF(Input!$D$19=3,J7182*Input!$C$19,0)+IF(Input!$D$20=3,K7182*Input!$C$20,0)+IF(Input!$D$21=3,L7182*Input!$C$21,0)+IF(Input!$D$22=3,M7182*Input!$C$22,0)</f>
        <v>0</v>
      </c>
      <c r="Q7182" s="75">
        <f>IF(Input!$D$19=4,J7182*Input!$C$19,0)+IF(Input!$D$20=4,K7182*Input!$C$20,0)+IF(Input!$D$21=4,L7182*Input!$C$21,0)+IF(Input!$D$22=4,M7182*Input!$C$22,0)</f>
        <v>0</v>
      </c>
      <c r="R7182" s="58">
        <v>55.689307912758352</v>
      </c>
      <c r="S7182" s="124">
        <f t="shared" si="112"/>
        <v>0.51197792145980592</v>
      </c>
    </row>
    <row r="7183" spans="8:19" x14ac:dyDescent="0.3">
      <c r="H7183" s="44">
        <v>7176</v>
      </c>
      <c r="I7183" s="56">
        <f>Bühler!I7209</f>
        <v>0.11814875110610905</v>
      </c>
      <c r="J7183" s="59">
        <f>Bühler!J7209</f>
        <v>0.39382917035369686</v>
      </c>
      <c r="K7183" s="59">
        <f>Bühler!K7209</f>
        <v>0.59074375553054526</v>
      </c>
      <c r="L7183" s="59">
        <f>Bühler!L7209</f>
        <v>2.8355700265466171</v>
      </c>
      <c r="M7183" s="58">
        <f>Bühler!M7209</f>
        <v>0</v>
      </c>
      <c r="N7183" s="56">
        <f>IF(Input!$D$19=1,J7183*Input!$C$19,0)+IF(Input!$D$20=1,K7183*Input!$C$20,0)+IF(Input!$D$21=1,L7183*Input!$C$21,0)+IF(Input!$D$22=1,M7183*Input!$C$22,0)</f>
        <v>0.11814875110610905</v>
      </c>
      <c r="O7183" s="59">
        <f>IF(Input!$D$19=2,J7183*Input!$C$19,0)+IF(Input!$D$20=2,K7183*Input!$C$20,0)+IF(Input!$D$21=2,L7183*Input!$C$21,0)+IF(Input!$D$22=2,M7183*Input!$C$22,0)</f>
        <v>0.29537187776527263</v>
      </c>
      <c r="P7183" s="59">
        <f>IF(Input!$D$19=3,J7183*Input!$C$19,0)+IF(Input!$D$20=3,K7183*Input!$C$20,0)+IF(Input!$D$21=3,L7183*Input!$C$21,0)+IF(Input!$D$22=3,M7183*Input!$C$22,0)</f>
        <v>0</v>
      </c>
      <c r="Q7183" s="75">
        <f>IF(Input!$D$19=4,J7183*Input!$C$19,0)+IF(Input!$D$20=4,K7183*Input!$C$20,0)+IF(Input!$D$21=4,L7183*Input!$C$21,0)+IF(Input!$D$22=4,M7183*Input!$C$22,0)</f>
        <v>0</v>
      </c>
      <c r="R7183" s="58">
        <v>54.730584431585953</v>
      </c>
      <c r="S7183" s="124">
        <f t="shared" si="112"/>
        <v>0.51197792145980592</v>
      </c>
    </row>
    <row r="7184" spans="8:19" x14ac:dyDescent="0.3">
      <c r="H7184" s="44">
        <v>7177</v>
      </c>
      <c r="I7184" s="56">
        <f>Bühler!I7210</f>
        <v>8.6477878136484179E-2</v>
      </c>
      <c r="J7184" s="59">
        <f>Bühler!J7210</f>
        <v>0.28825959378828064</v>
      </c>
      <c r="K7184" s="59">
        <f>Bühler!K7210</f>
        <v>0.43238939068242094</v>
      </c>
      <c r="L7184" s="59">
        <f>Bühler!L7210</f>
        <v>4.3978513936114512</v>
      </c>
      <c r="M7184" s="58">
        <f>Bühler!M7210</f>
        <v>0</v>
      </c>
      <c r="N7184" s="56">
        <f>IF(Input!$D$19=1,J7184*Input!$C$19,0)+IF(Input!$D$20=1,K7184*Input!$C$20,0)+IF(Input!$D$21=1,L7184*Input!$C$21,0)+IF(Input!$D$22=1,M7184*Input!$C$22,0)</f>
        <v>8.6477878136484193E-2</v>
      </c>
      <c r="O7184" s="59">
        <f>IF(Input!$D$19=2,J7184*Input!$C$19,0)+IF(Input!$D$20=2,K7184*Input!$C$20,0)+IF(Input!$D$21=2,L7184*Input!$C$21,0)+IF(Input!$D$22=2,M7184*Input!$C$22,0)</f>
        <v>0.21619469534121047</v>
      </c>
      <c r="P7184" s="59">
        <f>IF(Input!$D$19=3,J7184*Input!$C$19,0)+IF(Input!$D$20=3,K7184*Input!$C$20,0)+IF(Input!$D$21=3,L7184*Input!$C$21,0)+IF(Input!$D$22=3,M7184*Input!$C$22,0)</f>
        <v>0</v>
      </c>
      <c r="Q7184" s="75">
        <f>IF(Input!$D$19=4,J7184*Input!$C$19,0)+IF(Input!$D$20=4,K7184*Input!$C$20,0)+IF(Input!$D$21=4,L7184*Input!$C$21,0)+IF(Input!$D$22=4,M7184*Input!$C$22,0)</f>
        <v>0</v>
      </c>
      <c r="R7184" s="58">
        <v>53.68054603946301</v>
      </c>
      <c r="S7184" s="124">
        <f t="shared" si="112"/>
        <v>0.37473747192476481</v>
      </c>
    </row>
    <row r="7185" spans="8:19" x14ac:dyDescent="0.3">
      <c r="H7185" s="44">
        <v>7178</v>
      </c>
      <c r="I7185" s="56">
        <f>Bühler!I7211</f>
        <v>0.16883776207599294</v>
      </c>
      <c r="J7185" s="59">
        <f>Bühler!J7211</f>
        <v>0.56279254025330983</v>
      </c>
      <c r="K7185" s="59">
        <f>Bühler!K7211</f>
        <v>0.84418881037996474</v>
      </c>
      <c r="L7185" s="59">
        <f>Bühler!L7211</f>
        <v>8.5862812922890264</v>
      </c>
      <c r="M7185" s="58">
        <f>Bühler!M7211</f>
        <v>0</v>
      </c>
      <c r="N7185" s="56">
        <f>IF(Input!$D$19=1,J7185*Input!$C$19,0)+IF(Input!$D$20=1,K7185*Input!$C$20,0)+IF(Input!$D$21=1,L7185*Input!$C$21,0)+IF(Input!$D$22=1,M7185*Input!$C$22,0)</f>
        <v>0.16883776207599294</v>
      </c>
      <c r="O7185" s="59">
        <f>IF(Input!$D$19=2,J7185*Input!$C$19,0)+IF(Input!$D$20=2,K7185*Input!$C$20,0)+IF(Input!$D$21=2,L7185*Input!$C$21,0)+IF(Input!$D$22=2,M7185*Input!$C$22,0)</f>
        <v>0.42209440518998237</v>
      </c>
      <c r="P7185" s="59">
        <f>IF(Input!$D$19=3,J7185*Input!$C$19,0)+IF(Input!$D$20=3,K7185*Input!$C$20,0)+IF(Input!$D$21=3,L7185*Input!$C$21,0)+IF(Input!$D$22=3,M7185*Input!$C$22,0)</f>
        <v>0</v>
      </c>
      <c r="Q7185" s="75">
        <f>IF(Input!$D$19=4,J7185*Input!$C$19,0)+IF(Input!$D$20=4,K7185*Input!$C$20,0)+IF(Input!$D$21=4,L7185*Input!$C$21,0)+IF(Input!$D$22=4,M7185*Input!$C$22,0)</f>
        <v>0</v>
      </c>
      <c r="R7185" s="58">
        <v>51.800858981192839</v>
      </c>
      <c r="S7185" s="124">
        <f t="shared" si="112"/>
        <v>0.73163030232930271</v>
      </c>
    </row>
    <row r="7186" spans="8:19" x14ac:dyDescent="0.3">
      <c r="H7186" s="44">
        <v>7179</v>
      </c>
      <c r="I7186" s="56">
        <f>Bühler!I7212</f>
        <v>0.16883776207599294</v>
      </c>
      <c r="J7186" s="59">
        <f>Bühler!J7212</f>
        <v>0.56279254025330983</v>
      </c>
      <c r="K7186" s="59">
        <f>Bühler!K7212</f>
        <v>0.84418881037996474</v>
      </c>
      <c r="L7186" s="59">
        <f>Bühler!L7212</f>
        <v>8.5862812922890264</v>
      </c>
      <c r="M7186" s="58">
        <f>Bühler!M7212</f>
        <v>0</v>
      </c>
      <c r="N7186" s="56">
        <f>IF(Input!$D$19=1,J7186*Input!$C$19,0)+IF(Input!$D$20=1,K7186*Input!$C$20,0)+IF(Input!$D$21=1,L7186*Input!$C$21,0)+IF(Input!$D$22=1,M7186*Input!$C$22,0)</f>
        <v>0.16883776207599294</v>
      </c>
      <c r="O7186" s="59">
        <f>IF(Input!$D$19=2,J7186*Input!$C$19,0)+IF(Input!$D$20=2,K7186*Input!$C$20,0)+IF(Input!$D$21=2,L7186*Input!$C$21,0)+IF(Input!$D$22=2,M7186*Input!$C$22,0)</f>
        <v>0.42209440518998237</v>
      </c>
      <c r="P7186" s="59">
        <f>IF(Input!$D$19=3,J7186*Input!$C$19,0)+IF(Input!$D$20=3,K7186*Input!$C$20,0)+IF(Input!$D$21=3,L7186*Input!$C$21,0)+IF(Input!$D$22=3,M7186*Input!$C$22,0)</f>
        <v>0</v>
      </c>
      <c r="Q7186" s="75">
        <f>IF(Input!$D$19=4,J7186*Input!$C$19,0)+IF(Input!$D$20=4,K7186*Input!$C$20,0)+IF(Input!$D$21=4,L7186*Input!$C$21,0)+IF(Input!$D$22=4,M7186*Input!$C$22,0)</f>
        <v>0</v>
      </c>
      <c r="R7186" s="58">
        <v>51.860026656287133</v>
      </c>
      <c r="S7186" s="124">
        <f t="shared" si="112"/>
        <v>0.73163030232930271</v>
      </c>
    </row>
    <row r="7187" spans="8:19" x14ac:dyDescent="0.3">
      <c r="H7187" s="44">
        <v>7180</v>
      </c>
      <c r="I7187" s="56">
        <f>Bühler!I7213</f>
        <v>0.16883776207599294</v>
      </c>
      <c r="J7187" s="59">
        <f>Bühler!J7213</f>
        <v>0.56279254025330983</v>
      </c>
      <c r="K7187" s="59">
        <f>Bühler!K7213</f>
        <v>0.84418881037996474</v>
      </c>
      <c r="L7187" s="59">
        <f>Bühler!L7213</f>
        <v>8.5862812922890264</v>
      </c>
      <c r="M7187" s="58">
        <f>Bühler!M7213</f>
        <v>0</v>
      </c>
      <c r="N7187" s="56">
        <f>IF(Input!$D$19=1,J7187*Input!$C$19,0)+IF(Input!$D$20=1,K7187*Input!$C$20,0)+IF(Input!$D$21=1,L7187*Input!$C$21,0)+IF(Input!$D$22=1,M7187*Input!$C$22,0)</f>
        <v>0.16883776207599294</v>
      </c>
      <c r="O7187" s="59">
        <f>IF(Input!$D$19=2,J7187*Input!$C$19,0)+IF(Input!$D$20=2,K7187*Input!$C$20,0)+IF(Input!$D$21=2,L7187*Input!$C$21,0)+IF(Input!$D$22=2,M7187*Input!$C$22,0)</f>
        <v>0.42209440518998237</v>
      </c>
      <c r="P7187" s="59">
        <f>IF(Input!$D$19=3,J7187*Input!$C$19,0)+IF(Input!$D$20=3,K7187*Input!$C$20,0)+IF(Input!$D$21=3,L7187*Input!$C$21,0)+IF(Input!$D$22=3,M7187*Input!$C$22,0)</f>
        <v>0</v>
      </c>
      <c r="Q7187" s="75">
        <f>IF(Input!$D$19=4,J7187*Input!$C$19,0)+IF(Input!$D$20=4,K7187*Input!$C$20,0)+IF(Input!$D$21=4,L7187*Input!$C$21,0)+IF(Input!$D$22=4,M7187*Input!$C$22,0)</f>
        <v>0</v>
      </c>
      <c r="R7187" s="58">
        <v>51.570333677862273</v>
      </c>
      <c r="S7187" s="124">
        <f t="shared" si="112"/>
        <v>0.73163030232930271</v>
      </c>
    </row>
    <row r="7188" spans="8:19" x14ac:dyDescent="0.3">
      <c r="H7188" s="44">
        <v>7181</v>
      </c>
      <c r="I7188" s="56">
        <f>Bühler!I7214</f>
        <v>0.16883776207599294</v>
      </c>
      <c r="J7188" s="59">
        <f>Bühler!J7214</f>
        <v>0.56279254025330983</v>
      </c>
      <c r="K7188" s="59">
        <f>Bühler!K7214</f>
        <v>0.84418881037996474</v>
      </c>
      <c r="L7188" s="59">
        <f>Bühler!L7214</f>
        <v>8.5862812922890264</v>
      </c>
      <c r="M7188" s="58">
        <f>Bühler!M7214</f>
        <v>0</v>
      </c>
      <c r="N7188" s="56">
        <f>IF(Input!$D$19=1,J7188*Input!$C$19,0)+IF(Input!$D$20=1,K7188*Input!$C$20,0)+IF(Input!$D$21=1,L7188*Input!$C$21,0)+IF(Input!$D$22=1,M7188*Input!$C$22,0)</f>
        <v>0.16883776207599294</v>
      </c>
      <c r="O7188" s="59">
        <f>IF(Input!$D$19=2,J7188*Input!$C$19,0)+IF(Input!$D$20=2,K7188*Input!$C$20,0)+IF(Input!$D$21=2,L7188*Input!$C$21,0)+IF(Input!$D$22=2,M7188*Input!$C$22,0)</f>
        <v>0.42209440518998237</v>
      </c>
      <c r="P7188" s="59">
        <f>IF(Input!$D$19=3,J7188*Input!$C$19,0)+IF(Input!$D$20=3,K7188*Input!$C$20,0)+IF(Input!$D$21=3,L7188*Input!$C$21,0)+IF(Input!$D$22=3,M7188*Input!$C$22,0)</f>
        <v>0</v>
      </c>
      <c r="Q7188" s="75">
        <f>IF(Input!$D$19=4,J7188*Input!$C$19,0)+IF(Input!$D$20=4,K7188*Input!$C$20,0)+IF(Input!$D$21=4,L7188*Input!$C$21,0)+IF(Input!$D$22=4,M7188*Input!$C$22,0)</f>
        <v>0</v>
      </c>
      <c r="R7188" s="58">
        <v>49.85209313012929</v>
      </c>
      <c r="S7188" s="124">
        <f t="shared" si="112"/>
        <v>0.73163030232930271</v>
      </c>
    </row>
    <row r="7189" spans="8:19" x14ac:dyDescent="0.3">
      <c r="H7189" s="44">
        <v>7182</v>
      </c>
      <c r="I7189" s="56">
        <f>Bühler!I7215</f>
        <v>0.21001770404574729</v>
      </c>
      <c r="J7189" s="59">
        <f>Bühler!J7215</f>
        <v>0.70005901348582444</v>
      </c>
      <c r="K7189" s="59">
        <f>Bühler!K7215</f>
        <v>1.0500885202287367</v>
      </c>
      <c r="L7189" s="59">
        <f>Bühler!L7215</f>
        <v>10.680496241627813</v>
      </c>
      <c r="M7189" s="58">
        <f>Bühler!M7215</f>
        <v>0</v>
      </c>
      <c r="N7189" s="56">
        <f>IF(Input!$D$19=1,J7189*Input!$C$19,0)+IF(Input!$D$20=1,K7189*Input!$C$20,0)+IF(Input!$D$21=1,L7189*Input!$C$21,0)+IF(Input!$D$22=1,M7189*Input!$C$22,0)</f>
        <v>0.21001770404574732</v>
      </c>
      <c r="O7189" s="59">
        <f>IF(Input!$D$19=2,J7189*Input!$C$19,0)+IF(Input!$D$20=2,K7189*Input!$C$20,0)+IF(Input!$D$21=2,L7189*Input!$C$21,0)+IF(Input!$D$22=2,M7189*Input!$C$22,0)</f>
        <v>0.52504426011436833</v>
      </c>
      <c r="P7189" s="59">
        <f>IF(Input!$D$19=3,J7189*Input!$C$19,0)+IF(Input!$D$20=3,K7189*Input!$C$20,0)+IF(Input!$D$21=3,L7189*Input!$C$21,0)+IF(Input!$D$22=3,M7189*Input!$C$22,0)</f>
        <v>0</v>
      </c>
      <c r="Q7189" s="75">
        <f>IF(Input!$D$19=4,J7189*Input!$C$19,0)+IF(Input!$D$20=4,K7189*Input!$C$20,0)+IF(Input!$D$21=4,L7189*Input!$C$21,0)+IF(Input!$D$22=4,M7189*Input!$C$22,0)</f>
        <v>0</v>
      </c>
      <c r="R7189" s="58">
        <v>49.144672474957012</v>
      </c>
      <c r="S7189" s="124">
        <f t="shared" si="112"/>
        <v>0.91007671753157171</v>
      </c>
    </row>
    <row r="7190" spans="8:19" x14ac:dyDescent="0.3">
      <c r="H7190" s="44">
        <v>7183</v>
      </c>
      <c r="I7190" s="56">
        <f>Bühler!I7216</f>
        <v>0.263551628606428</v>
      </c>
      <c r="J7190" s="59">
        <f>Bühler!J7216</f>
        <v>0.87850542868809345</v>
      </c>
      <c r="K7190" s="59">
        <f>Bühler!K7216</f>
        <v>1.3177581430321401</v>
      </c>
      <c r="L7190" s="59">
        <f>Bühler!L7216</f>
        <v>13.402975675768234</v>
      </c>
      <c r="M7190" s="58">
        <f>Bühler!M7216</f>
        <v>0</v>
      </c>
      <c r="N7190" s="56">
        <f>IF(Input!$D$19=1,J7190*Input!$C$19,0)+IF(Input!$D$20=1,K7190*Input!$C$20,0)+IF(Input!$D$21=1,L7190*Input!$C$21,0)+IF(Input!$D$22=1,M7190*Input!$C$22,0)</f>
        <v>0.263551628606428</v>
      </c>
      <c r="O7190" s="59">
        <f>IF(Input!$D$19=2,J7190*Input!$C$19,0)+IF(Input!$D$20=2,K7190*Input!$C$20,0)+IF(Input!$D$21=2,L7190*Input!$C$21,0)+IF(Input!$D$22=2,M7190*Input!$C$22,0)</f>
        <v>0.65887907151607006</v>
      </c>
      <c r="P7190" s="59">
        <f>IF(Input!$D$19=3,J7190*Input!$C$19,0)+IF(Input!$D$20=3,K7190*Input!$C$20,0)+IF(Input!$D$21=3,L7190*Input!$C$21,0)+IF(Input!$D$22=3,M7190*Input!$C$22,0)</f>
        <v>0</v>
      </c>
      <c r="Q7190" s="75">
        <f>IF(Input!$D$19=4,J7190*Input!$C$19,0)+IF(Input!$D$20=4,K7190*Input!$C$20,0)+IF(Input!$D$21=4,L7190*Input!$C$21,0)+IF(Input!$D$22=4,M7190*Input!$C$22,0)</f>
        <v>0</v>
      </c>
      <c r="R7190" s="58">
        <v>49.785036278701902</v>
      </c>
      <c r="S7190" s="124">
        <f t="shared" si="112"/>
        <v>1.1420570572945214</v>
      </c>
    </row>
    <row r="7191" spans="8:19" x14ac:dyDescent="0.3">
      <c r="H7191" s="44">
        <v>7184</v>
      </c>
      <c r="I7191" s="56">
        <f>Bühler!I7217</f>
        <v>0.30061357637920688</v>
      </c>
      <c r="J7191" s="59">
        <f>Bühler!J7217</f>
        <v>1.0020452545973564</v>
      </c>
      <c r="K7191" s="59">
        <f>Bühler!K7217</f>
        <v>1.5030678818960346</v>
      </c>
      <c r="L7191" s="59">
        <f>Bühler!L7217</f>
        <v>15.287769130173142</v>
      </c>
      <c r="M7191" s="58">
        <f>Bühler!M7217</f>
        <v>0</v>
      </c>
      <c r="N7191" s="56">
        <f>IF(Input!$D$19=1,J7191*Input!$C$19,0)+IF(Input!$D$20=1,K7191*Input!$C$20,0)+IF(Input!$D$21=1,L7191*Input!$C$21,0)+IF(Input!$D$22=1,M7191*Input!$C$22,0)</f>
        <v>0.30061357637920688</v>
      </c>
      <c r="O7191" s="59">
        <f>IF(Input!$D$19=2,J7191*Input!$C$19,0)+IF(Input!$D$20=2,K7191*Input!$C$20,0)+IF(Input!$D$21=2,L7191*Input!$C$21,0)+IF(Input!$D$22=2,M7191*Input!$C$22,0)</f>
        <v>0.75153394094801729</v>
      </c>
      <c r="P7191" s="59">
        <f>IF(Input!$D$19=3,J7191*Input!$C$19,0)+IF(Input!$D$20=3,K7191*Input!$C$20,0)+IF(Input!$D$21=3,L7191*Input!$C$21,0)+IF(Input!$D$22=3,M7191*Input!$C$22,0)</f>
        <v>0</v>
      </c>
      <c r="Q7191" s="75">
        <f>IF(Input!$D$19=4,J7191*Input!$C$19,0)+IF(Input!$D$20=4,K7191*Input!$C$20,0)+IF(Input!$D$21=4,L7191*Input!$C$21,0)+IF(Input!$D$22=4,M7191*Input!$C$22,0)</f>
        <v>0</v>
      </c>
      <c r="R7191" s="58">
        <v>50.080784587873168</v>
      </c>
      <c r="S7191" s="124">
        <f t="shared" si="112"/>
        <v>1.3026588309765632</v>
      </c>
    </row>
    <row r="7192" spans="8:19" x14ac:dyDescent="0.3">
      <c r="H7192" s="44">
        <v>7185</v>
      </c>
      <c r="I7192" s="56">
        <f>Bühler!I7218</f>
        <v>0.30061357637920688</v>
      </c>
      <c r="J7192" s="59">
        <f>Bühler!J7218</f>
        <v>1.0020452545973564</v>
      </c>
      <c r="K7192" s="59">
        <f>Bühler!K7218</f>
        <v>1.5030678818960346</v>
      </c>
      <c r="L7192" s="59">
        <f>Bühler!L7218</f>
        <v>15.287769130173142</v>
      </c>
      <c r="M7192" s="58">
        <f>Bühler!M7218</f>
        <v>0</v>
      </c>
      <c r="N7192" s="56">
        <f>IF(Input!$D$19=1,J7192*Input!$C$19,0)+IF(Input!$D$20=1,K7192*Input!$C$20,0)+IF(Input!$D$21=1,L7192*Input!$C$21,0)+IF(Input!$D$22=1,M7192*Input!$C$22,0)</f>
        <v>0.30061357637920688</v>
      </c>
      <c r="O7192" s="59">
        <f>IF(Input!$D$19=2,J7192*Input!$C$19,0)+IF(Input!$D$20=2,K7192*Input!$C$20,0)+IF(Input!$D$21=2,L7192*Input!$C$21,0)+IF(Input!$D$22=2,M7192*Input!$C$22,0)</f>
        <v>0.75153394094801729</v>
      </c>
      <c r="P7192" s="59">
        <f>IF(Input!$D$19=3,J7192*Input!$C$19,0)+IF(Input!$D$20=3,K7192*Input!$C$20,0)+IF(Input!$D$21=3,L7192*Input!$C$21,0)+IF(Input!$D$22=3,M7192*Input!$C$22,0)</f>
        <v>0</v>
      </c>
      <c r="Q7192" s="75">
        <f>IF(Input!$D$19=4,J7192*Input!$C$19,0)+IF(Input!$D$20=4,K7192*Input!$C$20,0)+IF(Input!$D$21=4,L7192*Input!$C$21,0)+IF(Input!$D$22=4,M7192*Input!$C$22,0)</f>
        <v>0</v>
      </c>
      <c r="R7192" s="58">
        <v>49.103160697531258</v>
      </c>
      <c r="S7192" s="124">
        <f t="shared" si="112"/>
        <v>1.3026588309765632</v>
      </c>
    </row>
    <row r="7193" spans="8:19" x14ac:dyDescent="0.3">
      <c r="H7193" s="44">
        <v>7186</v>
      </c>
      <c r="I7193" s="56">
        <f>Bühler!I7219</f>
        <v>0.30061357637920688</v>
      </c>
      <c r="J7193" s="59">
        <f>Bühler!J7219</f>
        <v>1.0020452545973564</v>
      </c>
      <c r="K7193" s="59">
        <f>Bühler!K7219</f>
        <v>1.5030678818960346</v>
      </c>
      <c r="L7193" s="59">
        <f>Bühler!L7219</f>
        <v>15.287769130173142</v>
      </c>
      <c r="M7193" s="58">
        <f>Bühler!M7219</f>
        <v>0</v>
      </c>
      <c r="N7193" s="56">
        <f>IF(Input!$D$19=1,J7193*Input!$C$19,0)+IF(Input!$D$20=1,K7193*Input!$C$20,0)+IF(Input!$D$21=1,L7193*Input!$C$21,0)+IF(Input!$D$22=1,M7193*Input!$C$22,0)</f>
        <v>0.30061357637920688</v>
      </c>
      <c r="O7193" s="59">
        <f>IF(Input!$D$19=2,J7193*Input!$C$19,0)+IF(Input!$D$20=2,K7193*Input!$C$20,0)+IF(Input!$D$21=2,L7193*Input!$C$21,0)+IF(Input!$D$22=2,M7193*Input!$C$22,0)</f>
        <v>0.75153394094801729</v>
      </c>
      <c r="P7193" s="59">
        <f>IF(Input!$D$19=3,J7193*Input!$C$19,0)+IF(Input!$D$20=3,K7193*Input!$C$20,0)+IF(Input!$D$21=3,L7193*Input!$C$21,0)+IF(Input!$D$22=3,M7193*Input!$C$22,0)</f>
        <v>0</v>
      </c>
      <c r="Q7193" s="75">
        <f>IF(Input!$D$19=4,J7193*Input!$C$19,0)+IF(Input!$D$20=4,K7193*Input!$C$20,0)+IF(Input!$D$21=4,L7193*Input!$C$21,0)+IF(Input!$D$22=4,M7193*Input!$C$22,0)</f>
        <v>0</v>
      </c>
      <c r="R7193" s="58">
        <v>48.673783360667173</v>
      </c>
      <c r="S7193" s="124">
        <f t="shared" si="112"/>
        <v>1.3026588309765632</v>
      </c>
    </row>
    <row r="7194" spans="8:19" x14ac:dyDescent="0.3">
      <c r="H7194" s="44">
        <v>7187</v>
      </c>
      <c r="I7194" s="56">
        <f>Bühler!I7220</f>
        <v>0.30061357637920688</v>
      </c>
      <c r="J7194" s="59">
        <f>Bühler!J7220</f>
        <v>1.0020452545973564</v>
      </c>
      <c r="K7194" s="59">
        <f>Bühler!K7220</f>
        <v>1.5030678818960346</v>
      </c>
      <c r="L7194" s="59">
        <f>Bühler!L7220</f>
        <v>15.287769130173142</v>
      </c>
      <c r="M7194" s="58">
        <f>Bühler!M7220</f>
        <v>0</v>
      </c>
      <c r="N7194" s="56">
        <f>IF(Input!$D$19=1,J7194*Input!$C$19,0)+IF(Input!$D$20=1,K7194*Input!$C$20,0)+IF(Input!$D$21=1,L7194*Input!$C$21,0)+IF(Input!$D$22=1,M7194*Input!$C$22,0)</f>
        <v>0.30061357637920688</v>
      </c>
      <c r="O7194" s="59">
        <f>IF(Input!$D$19=2,J7194*Input!$C$19,0)+IF(Input!$D$20=2,K7194*Input!$C$20,0)+IF(Input!$D$21=2,L7194*Input!$C$21,0)+IF(Input!$D$22=2,M7194*Input!$C$22,0)</f>
        <v>0.75153394094801729</v>
      </c>
      <c r="P7194" s="59">
        <f>IF(Input!$D$19=3,J7194*Input!$C$19,0)+IF(Input!$D$20=3,K7194*Input!$C$20,0)+IF(Input!$D$21=3,L7194*Input!$C$21,0)+IF(Input!$D$22=3,M7194*Input!$C$22,0)</f>
        <v>0</v>
      </c>
      <c r="Q7194" s="75">
        <f>IF(Input!$D$19=4,J7194*Input!$C$19,0)+IF(Input!$D$20=4,K7194*Input!$C$20,0)+IF(Input!$D$21=4,L7194*Input!$C$21,0)+IF(Input!$D$22=4,M7194*Input!$C$22,0)</f>
        <v>0</v>
      </c>
      <c r="R7194" s="58">
        <v>48.448908599689503</v>
      </c>
      <c r="S7194" s="124">
        <f t="shared" si="112"/>
        <v>1.3026588309765632</v>
      </c>
    </row>
    <row r="7195" spans="8:19" x14ac:dyDescent="0.3">
      <c r="H7195" s="44">
        <v>7188</v>
      </c>
      <c r="I7195" s="56">
        <f>Bühler!I7221</f>
        <v>0.30061357637920688</v>
      </c>
      <c r="J7195" s="59">
        <f>Bühler!J7221</f>
        <v>1.0020452545973564</v>
      </c>
      <c r="K7195" s="59">
        <f>Bühler!K7221</f>
        <v>1.5030678818960346</v>
      </c>
      <c r="L7195" s="59">
        <f>Bühler!L7221</f>
        <v>15.287769130173142</v>
      </c>
      <c r="M7195" s="58">
        <f>Bühler!M7221</f>
        <v>0</v>
      </c>
      <c r="N7195" s="56">
        <f>IF(Input!$D$19=1,J7195*Input!$C$19,0)+IF(Input!$D$20=1,K7195*Input!$C$20,0)+IF(Input!$D$21=1,L7195*Input!$C$21,0)+IF(Input!$D$22=1,M7195*Input!$C$22,0)</f>
        <v>0.30061357637920688</v>
      </c>
      <c r="O7195" s="59">
        <f>IF(Input!$D$19=2,J7195*Input!$C$19,0)+IF(Input!$D$20=2,K7195*Input!$C$20,0)+IF(Input!$D$21=2,L7195*Input!$C$21,0)+IF(Input!$D$22=2,M7195*Input!$C$22,0)</f>
        <v>0.75153394094801729</v>
      </c>
      <c r="P7195" s="59">
        <f>IF(Input!$D$19=3,J7195*Input!$C$19,0)+IF(Input!$D$20=3,K7195*Input!$C$20,0)+IF(Input!$D$21=3,L7195*Input!$C$21,0)+IF(Input!$D$22=3,M7195*Input!$C$22,0)</f>
        <v>0</v>
      </c>
      <c r="Q7195" s="75">
        <f>IF(Input!$D$19=4,J7195*Input!$C$19,0)+IF(Input!$D$20=4,K7195*Input!$C$20,0)+IF(Input!$D$21=4,L7195*Input!$C$21,0)+IF(Input!$D$22=4,M7195*Input!$C$22,0)</f>
        <v>0</v>
      </c>
      <c r="R7195" s="58">
        <v>48.251981988300933</v>
      </c>
      <c r="S7195" s="124">
        <f t="shared" si="112"/>
        <v>1.3026588309765632</v>
      </c>
    </row>
    <row r="7196" spans="8:19" x14ac:dyDescent="0.3">
      <c r="H7196" s="44">
        <v>7189</v>
      </c>
      <c r="I7196" s="56">
        <f>Bühler!I7222</f>
        <v>0.30061357637920688</v>
      </c>
      <c r="J7196" s="59">
        <f>Bühler!J7222</f>
        <v>1.0020452545973564</v>
      </c>
      <c r="K7196" s="59">
        <f>Bühler!K7222</f>
        <v>1.5030678818960346</v>
      </c>
      <c r="L7196" s="59">
        <f>Bühler!L7222</f>
        <v>15.287769130173142</v>
      </c>
      <c r="M7196" s="58">
        <f>Bühler!M7222</f>
        <v>0</v>
      </c>
      <c r="N7196" s="56">
        <f>IF(Input!$D$19=1,J7196*Input!$C$19,0)+IF(Input!$D$20=1,K7196*Input!$C$20,0)+IF(Input!$D$21=1,L7196*Input!$C$21,0)+IF(Input!$D$22=1,M7196*Input!$C$22,0)</f>
        <v>0.30061357637920688</v>
      </c>
      <c r="O7196" s="59">
        <f>IF(Input!$D$19=2,J7196*Input!$C$19,0)+IF(Input!$D$20=2,K7196*Input!$C$20,0)+IF(Input!$D$21=2,L7196*Input!$C$21,0)+IF(Input!$D$22=2,M7196*Input!$C$22,0)</f>
        <v>0.75153394094801729</v>
      </c>
      <c r="P7196" s="59">
        <f>IF(Input!$D$19=3,J7196*Input!$C$19,0)+IF(Input!$D$20=3,K7196*Input!$C$20,0)+IF(Input!$D$21=3,L7196*Input!$C$21,0)+IF(Input!$D$22=3,M7196*Input!$C$22,0)</f>
        <v>0</v>
      </c>
      <c r="Q7196" s="75">
        <f>IF(Input!$D$19=4,J7196*Input!$C$19,0)+IF(Input!$D$20=4,K7196*Input!$C$20,0)+IF(Input!$D$21=4,L7196*Input!$C$21,0)+IF(Input!$D$22=4,M7196*Input!$C$22,0)</f>
        <v>0</v>
      </c>
      <c r="R7196" s="58">
        <v>47.589475996606097</v>
      </c>
      <c r="S7196" s="124">
        <f t="shared" si="112"/>
        <v>1.3026588309765632</v>
      </c>
    </row>
    <row r="7197" spans="8:19" x14ac:dyDescent="0.3">
      <c r="H7197" s="44">
        <v>7190</v>
      </c>
      <c r="I7197" s="56">
        <f>Bühler!I7223</f>
        <v>0.30061357637920688</v>
      </c>
      <c r="J7197" s="59">
        <f>Bühler!J7223</f>
        <v>1.0020452545973564</v>
      </c>
      <c r="K7197" s="59">
        <f>Bühler!K7223</f>
        <v>1.5030678818960346</v>
      </c>
      <c r="L7197" s="59">
        <f>Bühler!L7223</f>
        <v>15.287769130173142</v>
      </c>
      <c r="M7197" s="58">
        <f>Bühler!M7223</f>
        <v>0</v>
      </c>
      <c r="N7197" s="56">
        <f>IF(Input!$D$19=1,J7197*Input!$C$19,0)+IF(Input!$D$20=1,K7197*Input!$C$20,0)+IF(Input!$D$21=1,L7197*Input!$C$21,0)+IF(Input!$D$22=1,M7197*Input!$C$22,0)</f>
        <v>0.30061357637920688</v>
      </c>
      <c r="O7197" s="59">
        <f>IF(Input!$D$19=2,J7197*Input!$C$19,0)+IF(Input!$D$20=2,K7197*Input!$C$20,0)+IF(Input!$D$21=2,L7197*Input!$C$21,0)+IF(Input!$D$22=2,M7197*Input!$C$22,0)</f>
        <v>0.75153394094801729</v>
      </c>
      <c r="P7197" s="59">
        <f>IF(Input!$D$19=3,J7197*Input!$C$19,0)+IF(Input!$D$20=3,K7197*Input!$C$20,0)+IF(Input!$D$21=3,L7197*Input!$C$21,0)+IF(Input!$D$22=3,M7197*Input!$C$22,0)</f>
        <v>0</v>
      </c>
      <c r="Q7197" s="75">
        <f>IF(Input!$D$19=4,J7197*Input!$C$19,0)+IF(Input!$D$20=4,K7197*Input!$C$20,0)+IF(Input!$D$21=4,L7197*Input!$C$21,0)+IF(Input!$D$22=4,M7197*Input!$C$22,0)</f>
        <v>0</v>
      </c>
      <c r="R7197" s="58">
        <v>47.026797318825594</v>
      </c>
      <c r="S7197" s="124">
        <f t="shared" si="112"/>
        <v>1.3026588309765632</v>
      </c>
    </row>
    <row r="7198" spans="8:19" x14ac:dyDescent="0.3">
      <c r="H7198" s="44">
        <v>7191</v>
      </c>
      <c r="I7198" s="56">
        <f>Bühler!I7224</f>
        <v>0.30061357637920688</v>
      </c>
      <c r="J7198" s="59">
        <f>Bühler!J7224</f>
        <v>1.0020452545973564</v>
      </c>
      <c r="K7198" s="59">
        <f>Bühler!K7224</f>
        <v>1.5030678818960346</v>
      </c>
      <c r="L7198" s="59">
        <f>Bühler!L7224</f>
        <v>15.287769130173142</v>
      </c>
      <c r="M7198" s="58">
        <f>Bühler!M7224</f>
        <v>0</v>
      </c>
      <c r="N7198" s="56">
        <f>IF(Input!$D$19=1,J7198*Input!$C$19,0)+IF(Input!$D$20=1,K7198*Input!$C$20,0)+IF(Input!$D$21=1,L7198*Input!$C$21,0)+IF(Input!$D$22=1,M7198*Input!$C$22,0)</f>
        <v>0.30061357637920688</v>
      </c>
      <c r="O7198" s="59">
        <f>IF(Input!$D$19=2,J7198*Input!$C$19,0)+IF(Input!$D$20=2,K7198*Input!$C$20,0)+IF(Input!$D$21=2,L7198*Input!$C$21,0)+IF(Input!$D$22=2,M7198*Input!$C$22,0)</f>
        <v>0.75153394094801729</v>
      </c>
      <c r="P7198" s="59">
        <f>IF(Input!$D$19=3,J7198*Input!$C$19,0)+IF(Input!$D$20=3,K7198*Input!$C$20,0)+IF(Input!$D$21=3,L7198*Input!$C$21,0)+IF(Input!$D$22=3,M7198*Input!$C$22,0)</f>
        <v>0</v>
      </c>
      <c r="Q7198" s="75">
        <f>IF(Input!$D$19=4,J7198*Input!$C$19,0)+IF(Input!$D$20=4,K7198*Input!$C$20,0)+IF(Input!$D$21=4,L7198*Input!$C$21,0)+IF(Input!$D$22=4,M7198*Input!$C$22,0)</f>
        <v>0</v>
      </c>
      <c r="R7198" s="58">
        <v>46.710328425675826</v>
      </c>
      <c r="S7198" s="124">
        <f t="shared" si="112"/>
        <v>1.3026588309765632</v>
      </c>
    </row>
    <row r="7199" spans="8:19" x14ac:dyDescent="0.3">
      <c r="H7199" s="44">
        <v>7192</v>
      </c>
      <c r="I7199" s="56">
        <f>Bühler!I7225</f>
        <v>0.27178761700037884</v>
      </c>
      <c r="J7199" s="59">
        <f>Bühler!J7225</f>
        <v>0.90595872333459626</v>
      </c>
      <c r="K7199" s="59">
        <f>Bühler!K7225</f>
        <v>1.3589380850018944</v>
      </c>
      <c r="L7199" s="59">
        <f>Bühler!L7225</f>
        <v>13.821818665635991</v>
      </c>
      <c r="M7199" s="58">
        <f>Bühler!M7225</f>
        <v>0</v>
      </c>
      <c r="N7199" s="56">
        <f>IF(Input!$D$19=1,J7199*Input!$C$19,0)+IF(Input!$D$20=1,K7199*Input!$C$20,0)+IF(Input!$D$21=1,L7199*Input!$C$21,0)+IF(Input!$D$22=1,M7199*Input!$C$22,0)</f>
        <v>0.27178761700037884</v>
      </c>
      <c r="O7199" s="59">
        <f>IF(Input!$D$19=2,J7199*Input!$C$19,0)+IF(Input!$D$20=2,K7199*Input!$C$20,0)+IF(Input!$D$21=2,L7199*Input!$C$21,0)+IF(Input!$D$22=2,M7199*Input!$C$22,0)</f>
        <v>0.6794690425009472</v>
      </c>
      <c r="P7199" s="59">
        <f>IF(Input!$D$19=3,J7199*Input!$C$19,0)+IF(Input!$D$20=3,K7199*Input!$C$20,0)+IF(Input!$D$21=3,L7199*Input!$C$21,0)+IF(Input!$D$22=3,M7199*Input!$C$22,0)</f>
        <v>0</v>
      </c>
      <c r="Q7199" s="75">
        <f>IF(Input!$D$19=4,J7199*Input!$C$19,0)+IF(Input!$D$20=4,K7199*Input!$C$20,0)+IF(Input!$D$21=4,L7199*Input!$C$21,0)+IF(Input!$D$22=4,M7199*Input!$C$22,0)</f>
        <v>0</v>
      </c>
      <c r="R7199" s="58">
        <v>46.903368201559196</v>
      </c>
      <c r="S7199" s="124">
        <f t="shared" si="112"/>
        <v>1.1777463403349751</v>
      </c>
    </row>
    <row r="7200" spans="8:19" x14ac:dyDescent="0.3">
      <c r="H7200" s="44">
        <v>7193</v>
      </c>
      <c r="I7200" s="56">
        <f>Bühler!I7226</f>
        <v>0.24707965181852623</v>
      </c>
      <c r="J7200" s="59">
        <f>Bühler!J7226</f>
        <v>0.82359883939508749</v>
      </c>
      <c r="K7200" s="59">
        <f>Bühler!K7226</f>
        <v>1.2353982590926313</v>
      </c>
      <c r="L7200" s="59">
        <f>Bühler!L7226</f>
        <v>12.565289696032719</v>
      </c>
      <c r="M7200" s="58">
        <f>Bühler!M7226</f>
        <v>0</v>
      </c>
      <c r="N7200" s="56">
        <f>IF(Input!$D$19=1,J7200*Input!$C$19,0)+IF(Input!$D$20=1,K7200*Input!$C$20,0)+IF(Input!$D$21=1,L7200*Input!$C$21,0)+IF(Input!$D$22=1,M7200*Input!$C$22,0)</f>
        <v>0.24707965181852623</v>
      </c>
      <c r="O7200" s="59">
        <f>IF(Input!$D$19=2,J7200*Input!$C$19,0)+IF(Input!$D$20=2,K7200*Input!$C$20,0)+IF(Input!$D$21=2,L7200*Input!$C$21,0)+IF(Input!$D$22=2,M7200*Input!$C$22,0)</f>
        <v>0.61769912954631567</v>
      </c>
      <c r="P7200" s="59">
        <f>IF(Input!$D$19=3,J7200*Input!$C$19,0)+IF(Input!$D$20=3,K7200*Input!$C$20,0)+IF(Input!$D$21=3,L7200*Input!$C$21,0)+IF(Input!$D$22=3,M7200*Input!$C$22,0)</f>
        <v>0</v>
      </c>
      <c r="Q7200" s="75">
        <f>IF(Input!$D$19=4,J7200*Input!$C$19,0)+IF(Input!$D$20=4,K7200*Input!$C$20,0)+IF(Input!$D$21=4,L7200*Input!$C$21,0)+IF(Input!$D$22=4,M7200*Input!$C$22,0)</f>
        <v>0</v>
      </c>
      <c r="R7200" s="58">
        <v>46.320244316728449</v>
      </c>
      <c r="S7200" s="124">
        <f t="shared" si="112"/>
        <v>1.0706784912136138</v>
      </c>
    </row>
    <row r="7201" spans="8:19" x14ac:dyDescent="0.3">
      <c r="H7201" s="44">
        <v>7194</v>
      </c>
      <c r="I7201" s="56">
        <f>Bühler!I7227</f>
        <v>0.22237168663667362</v>
      </c>
      <c r="J7201" s="59">
        <f>Bühler!J7227</f>
        <v>0.74123895545557883</v>
      </c>
      <c r="K7201" s="59">
        <f>Bühler!K7227</f>
        <v>1.1118584331833681</v>
      </c>
      <c r="L7201" s="59">
        <f>Bühler!L7227</f>
        <v>11.308760726429448</v>
      </c>
      <c r="M7201" s="58">
        <f>Bühler!M7227</f>
        <v>0</v>
      </c>
      <c r="N7201" s="56">
        <f>IF(Input!$D$19=1,J7201*Input!$C$19,0)+IF(Input!$D$20=1,K7201*Input!$C$20,0)+IF(Input!$D$21=1,L7201*Input!$C$21,0)+IF(Input!$D$22=1,M7201*Input!$C$22,0)</f>
        <v>0.22237168663667364</v>
      </c>
      <c r="O7201" s="59">
        <f>IF(Input!$D$19=2,J7201*Input!$C$19,0)+IF(Input!$D$20=2,K7201*Input!$C$20,0)+IF(Input!$D$21=2,L7201*Input!$C$21,0)+IF(Input!$D$22=2,M7201*Input!$C$22,0)</f>
        <v>0.55592921659168404</v>
      </c>
      <c r="P7201" s="59">
        <f>IF(Input!$D$19=3,J7201*Input!$C$19,0)+IF(Input!$D$20=3,K7201*Input!$C$20,0)+IF(Input!$D$21=3,L7201*Input!$C$21,0)+IF(Input!$D$22=3,M7201*Input!$C$22,0)</f>
        <v>0</v>
      </c>
      <c r="Q7201" s="75">
        <f>IF(Input!$D$19=4,J7201*Input!$C$19,0)+IF(Input!$D$20=4,K7201*Input!$C$20,0)+IF(Input!$D$21=4,L7201*Input!$C$21,0)+IF(Input!$D$22=4,M7201*Input!$C$22,0)</f>
        <v>0</v>
      </c>
      <c r="R7201" s="58">
        <v>45.50724573598071</v>
      </c>
      <c r="S7201" s="124">
        <f t="shared" si="112"/>
        <v>0.96361064209225245</v>
      </c>
    </row>
    <row r="7202" spans="8:19" x14ac:dyDescent="0.3">
      <c r="H7202" s="44">
        <v>7195</v>
      </c>
      <c r="I7202" s="56">
        <f>Bühler!I7228</f>
        <v>0.21413569824272274</v>
      </c>
      <c r="J7202" s="59">
        <f>Bühler!J7228</f>
        <v>0.71378566080907591</v>
      </c>
      <c r="K7202" s="59">
        <f>Bühler!K7228</f>
        <v>1.0706784912136138</v>
      </c>
      <c r="L7202" s="59">
        <f>Bühler!L7228</f>
        <v>10.88991773656169</v>
      </c>
      <c r="M7202" s="58">
        <f>Bühler!M7228</f>
        <v>0</v>
      </c>
      <c r="N7202" s="56">
        <f>IF(Input!$D$19=1,J7202*Input!$C$19,0)+IF(Input!$D$20=1,K7202*Input!$C$20,0)+IF(Input!$D$21=1,L7202*Input!$C$21,0)+IF(Input!$D$22=1,M7202*Input!$C$22,0)</f>
        <v>0.21413569824272277</v>
      </c>
      <c r="O7202" s="59">
        <f>IF(Input!$D$19=2,J7202*Input!$C$19,0)+IF(Input!$D$20=2,K7202*Input!$C$20,0)+IF(Input!$D$21=2,L7202*Input!$C$21,0)+IF(Input!$D$22=2,M7202*Input!$C$22,0)</f>
        <v>0.5353392456068069</v>
      </c>
      <c r="P7202" s="59">
        <f>IF(Input!$D$19=3,J7202*Input!$C$19,0)+IF(Input!$D$20=3,K7202*Input!$C$20,0)+IF(Input!$D$21=3,L7202*Input!$C$21,0)+IF(Input!$D$22=3,M7202*Input!$C$22,0)</f>
        <v>0</v>
      </c>
      <c r="Q7202" s="75">
        <f>IF(Input!$D$19=4,J7202*Input!$C$19,0)+IF(Input!$D$20=4,K7202*Input!$C$20,0)+IF(Input!$D$21=4,L7202*Input!$C$21,0)+IF(Input!$D$22=4,M7202*Input!$C$22,0)</f>
        <v>0</v>
      </c>
      <c r="R7202" s="58">
        <v>44.847080605085878</v>
      </c>
      <c r="S7202" s="124">
        <f t="shared" si="112"/>
        <v>0.92792135905179862</v>
      </c>
    </row>
    <row r="7203" spans="8:19" x14ac:dyDescent="0.3">
      <c r="H7203" s="44">
        <v>7196</v>
      </c>
      <c r="I7203" s="56">
        <f>Bühler!I7229</f>
        <v>0.17295575627296836</v>
      </c>
      <c r="J7203" s="59">
        <f>Bühler!J7229</f>
        <v>0.57651918757656129</v>
      </c>
      <c r="K7203" s="59">
        <f>Bühler!K7229</f>
        <v>0.86477878136484188</v>
      </c>
      <c r="L7203" s="59">
        <f>Bühler!L7229</f>
        <v>8.7957027872229023</v>
      </c>
      <c r="M7203" s="58">
        <f>Bühler!M7229</f>
        <v>0</v>
      </c>
      <c r="N7203" s="56">
        <f>IF(Input!$D$19=1,J7203*Input!$C$19,0)+IF(Input!$D$20=1,K7203*Input!$C$20,0)+IF(Input!$D$21=1,L7203*Input!$C$21,0)+IF(Input!$D$22=1,M7203*Input!$C$22,0)</f>
        <v>0.17295575627296839</v>
      </c>
      <c r="O7203" s="59">
        <f>IF(Input!$D$19=2,J7203*Input!$C$19,0)+IF(Input!$D$20=2,K7203*Input!$C$20,0)+IF(Input!$D$21=2,L7203*Input!$C$21,0)+IF(Input!$D$22=2,M7203*Input!$C$22,0)</f>
        <v>0.43238939068242094</v>
      </c>
      <c r="P7203" s="59">
        <f>IF(Input!$D$19=3,J7203*Input!$C$19,0)+IF(Input!$D$20=3,K7203*Input!$C$20,0)+IF(Input!$D$21=3,L7203*Input!$C$21,0)+IF(Input!$D$22=3,M7203*Input!$C$22,0)</f>
        <v>0</v>
      </c>
      <c r="Q7203" s="75">
        <f>IF(Input!$D$19=4,J7203*Input!$C$19,0)+IF(Input!$D$20=4,K7203*Input!$C$20,0)+IF(Input!$D$21=4,L7203*Input!$C$21,0)+IF(Input!$D$22=4,M7203*Input!$C$22,0)</f>
        <v>0</v>
      </c>
      <c r="R7203" s="58">
        <v>44.698253987607615</v>
      </c>
      <c r="S7203" s="124">
        <f t="shared" si="112"/>
        <v>0.74947494384952962</v>
      </c>
    </row>
    <row r="7204" spans="8:19" x14ac:dyDescent="0.3">
      <c r="H7204" s="44">
        <v>7197</v>
      </c>
      <c r="I7204" s="56">
        <f>Bühler!I7230</f>
        <v>0.12765782010623855</v>
      </c>
      <c r="J7204" s="59">
        <f>Bühler!J7230</f>
        <v>0.42552606702079521</v>
      </c>
      <c r="K7204" s="59">
        <f>Bühler!K7230</f>
        <v>0.63828910053119281</v>
      </c>
      <c r="L7204" s="59">
        <f>Bühler!L7230</f>
        <v>6.4920663429502374</v>
      </c>
      <c r="M7204" s="58">
        <f>Bühler!M7230</f>
        <v>0</v>
      </c>
      <c r="N7204" s="56">
        <f>IF(Input!$D$19=1,J7204*Input!$C$19,0)+IF(Input!$D$20=1,K7204*Input!$C$20,0)+IF(Input!$D$21=1,L7204*Input!$C$21,0)+IF(Input!$D$22=1,M7204*Input!$C$22,0)</f>
        <v>0.12765782010623855</v>
      </c>
      <c r="O7204" s="59">
        <f>IF(Input!$D$19=2,J7204*Input!$C$19,0)+IF(Input!$D$20=2,K7204*Input!$C$20,0)+IF(Input!$D$21=2,L7204*Input!$C$21,0)+IF(Input!$D$22=2,M7204*Input!$C$22,0)</f>
        <v>0.31914455026559641</v>
      </c>
      <c r="P7204" s="59">
        <f>IF(Input!$D$19=3,J7204*Input!$C$19,0)+IF(Input!$D$20=3,K7204*Input!$C$20,0)+IF(Input!$D$21=3,L7204*Input!$C$21,0)+IF(Input!$D$22=3,M7204*Input!$C$22,0)</f>
        <v>0</v>
      </c>
      <c r="Q7204" s="75">
        <f>IF(Input!$D$19=4,J7204*Input!$C$19,0)+IF(Input!$D$20=4,K7204*Input!$C$20,0)+IF(Input!$D$21=4,L7204*Input!$C$21,0)+IF(Input!$D$22=4,M7204*Input!$C$22,0)</f>
        <v>0</v>
      </c>
      <c r="R7204" s="58">
        <v>44.091175801265649</v>
      </c>
      <c r="S7204" s="124">
        <f t="shared" si="112"/>
        <v>0.55318388712703381</v>
      </c>
    </row>
    <row r="7205" spans="8:19" x14ac:dyDescent="0.3">
      <c r="H7205" s="44">
        <v>7198</v>
      </c>
      <c r="I7205" s="56">
        <f>Bühler!I7231</f>
        <v>0.12765782010623855</v>
      </c>
      <c r="J7205" s="59">
        <f>Bühler!J7231</f>
        <v>0.42552606702079521</v>
      </c>
      <c r="K7205" s="59">
        <f>Bühler!K7231</f>
        <v>0.63828910053119281</v>
      </c>
      <c r="L7205" s="59">
        <f>Bühler!L7231</f>
        <v>6.4920663429502374</v>
      </c>
      <c r="M7205" s="58">
        <f>Bühler!M7231</f>
        <v>0</v>
      </c>
      <c r="N7205" s="56">
        <f>IF(Input!$D$19=1,J7205*Input!$C$19,0)+IF(Input!$D$20=1,K7205*Input!$C$20,0)+IF(Input!$D$21=1,L7205*Input!$C$21,0)+IF(Input!$D$22=1,M7205*Input!$C$22,0)</f>
        <v>0.12765782010623855</v>
      </c>
      <c r="O7205" s="59">
        <f>IF(Input!$D$19=2,J7205*Input!$C$19,0)+IF(Input!$D$20=2,K7205*Input!$C$20,0)+IF(Input!$D$21=2,L7205*Input!$C$21,0)+IF(Input!$D$22=2,M7205*Input!$C$22,0)</f>
        <v>0.31914455026559641</v>
      </c>
      <c r="P7205" s="59">
        <f>IF(Input!$D$19=3,J7205*Input!$C$19,0)+IF(Input!$D$20=3,K7205*Input!$C$20,0)+IF(Input!$D$21=3,L7205*Input!$C$21,0)+IF(Input!$D$22=3,M7205*Input!$C$22,0)</f>
        <v>0</v>
      </c>
      <c r="Q7205" s="75">
        <f>IF(Input!$D$19=4,J7205*Input!$C$19,0)+IF(Input!$D$20=4,K7205*Input!$C$20,0)+IF(Input!$D$21=4,L7205*Input!$C$21,0)+IF(Input!$D$22=4,M7205*Input!$C$22,0)</f>
        <v>0</v>
      </c>
      <c r="R7205" s="58">
        <v>43.997402817796925</v>
      </c>
      <c r="S7205" s="124">
        <f t="shared" si="112"/>
        <v>0.55318388712703381</v>
      </c>
    </row>
    <row r="7206" spans="8:19" x14ac:dyDescent="0.3">
      <c r="H7206" s="44">
        <v>7199</v>
      </c>
      <c r="I7206" s="56">
        <f>Bühler!I7232</f>
        <v>0.12765782010623855</v>
      </c>
      <c r="J7206" s="59">
        <f>Bühler!J7232</f>
        <v>0.42552606702079521</v>
      </c>
      <c r="K7206" s="59">
        <f>Bühler!K7232</f>
        <v>0.63828910053119281</v>
      </c>
      <c r="L7206" s="59">
        <f>Bühler!L7232</f>
        <v>6.4920663429502374</v>
      </c>
      <c r="M7206" s="58">
        <f>Bühler!M7232</f>
        <v>0</v>
      </c>
      <c r="N7206" s="56">
        <f>IF(Input!$D$19=1,J7206*Input!$C$19,0)+IF(Input!$D$20=1,K7206*Input!$C$20,0)+IF(Input!$D$21=1,L7206*Input!$C$21,0)+IF(Input!$D$22=1,M7206*Input!$C$22,0)</f>
        <v>0.12765782010623855</v>
      </c>
      <c r="O7206" s="59">
        <f>IF(Input!$D$19=2,J7206*Input!$C$19,0)+IF(Input!$D$20=2,K7206*Input!$C$20,0)+IF(Input!$D$21=2,L7206*Input!$C$21,0)+IF(Input!$D$22=2,M7206*Input!$C$22,0)</f>
        <v>0.31914455026559641</v>
      </c>
      <c r="P7206" s="59">
        <f>IF(Input!$D$19=3,J7206*Input!$C$19,0)+IF(Input!$D$20=3,K7206*Input!$C$20,0)+IF(Input!$D$21=3,L7206*Input!$C$21,0)+IF(Input!$D$22=3,M7206*Input!$C$22,0)</f>
        <v>0</v>
      </c>
      <c r="Q7206" s="75">
        <f>IF(Input!$D$19=4,J7206*Input!$C$19,0)+IF(Input!$D$20=4,K7206*Input!$C$20,0)+IF(Input!$D$21=4,L7206*Input!$C$21,0)+IF(Input!$D$22=4,M7206*Input!$C$22,0)</f>
        <v>0</v>
      </c>
      <c r="R7206" s="58">
        <v>43.679654245707979</v>
      </c>
      <c r="S7206" s="124">
        <f t="shared" si="112"/>
        <v>0.55318388712703381</v>
      </c>
    </row>
    <row r="7207" spans="8:19" x14ac:dyDescent="0.3">
      <c r="H7207" s="44">
        <v>7200</v>
      </c>
      <c r="I7207" s="56">
        <f>Bühler!I7233</f>
        <v>0.12765782010623855</v>
      </c>
      <c r="J7207" s="59">
        <f>Bühler!J7233</f>
        <v>0.42552606702079521</v>
      </c>
      <c r="K7207" s="59">
        <f>Bühler!K7233</f>
        <v>0.63828910053119281</v>
      </c>
      <c r="L7207" s="59">
        <f>Bühler!L7233</f>
        <v>6.4920663429502374</v>
      </c>
      <c r="M7207" s="58">
        <f>Bühler!M7233</f>
        <v>0</v>
      </c>
      <c r="N7207" s="56">
        <f>IF(Input!$D$19=1,J7207*Input!$C$19,0)+IF(Input!$D$20=1,K7207*Input!$C$20,0)+IF(Input!$D$21=1,L7207*Input!$C$21,0)+IF(Input!$D$22=1,M7207*Input!$C$22,0)</f>
        <v>0.12765782010623855</v>
      </c>
      <c r="O7207" s="59">
        <f>IF(Input!$D$19=2,J7207*Input!$C$19,0)+IF(Input!$D$20=2,K7207*Input!$C$20,0)+IF(Input!$D$21=2,L7207*Input!$C$21,0)+IF(Input!$D$22=2,M7207*Input!$C$22,0)</f>
        <v>0.31914455026559641</v>
      </c>
      <c r="P7207" s="59">
        <f>IF(Input!$D$19=3,J7207*Input!$C$19,0)+IF(Input!$D$20=3,K7207*Input!$C$20,0)+IF(Input!$D$21=3,L7207*Input!$C$21,0)+IF(Input!$D$22=3,M7207*Input!$C$22,0)</f>
        <v>0</v>
      </c>
      <c r="Q7207" s="75">
        <f>IF(Input!$D$19=4,J7207*Input!$C$19,0)+IF(Input!$D$20=4,K7207*Input!$C$20,0)+IF(Input!$D$21=4,L7207*Input!$C$21,0)+IF(Input!$D$22=4,M7207*Input!$C$22,0)</f>
        <v>0</v>
      </c>
      <c r="R7207" s="58">
        <v>43.797983280271851</v>
      </c>
      <c r="S7207" s="124">
        <f t="shared" si="112"/>
        <v>0.55318388712703381</v>
      </c>
    </row>
    <row r="7208" spans="8:19" x14ac:dyDescent="0.3">
      <c r="H7208" s="44">
        <v>7201</v>
      </c>
      <c r="I7208" s="56">
        <f>Bühler!I7234</f>
        <v>0.15383732364503883</v>
      </c>
      <c r="J7208" s="59">
        <f>Bühler!J7234</f>
        <v>0.5127910788167962</v>
      </c>
      <c r="K7208" s="59">
        <f>Bühler!K7234</f>
        <v>0.76918661822519419</v>
      </c>
      <c r="L7208" s="59">
        <f>Bühler!L7234</f>
        <v>7.575785010419879</v>
      </c>
      <c r="M7208" s="58">
        <f>Bühler!M7234</f>
        <v>0</v>
      </c>
      <c r="N7208" s="56">
        <f>IF(Input!$D$19=1,J7208*Input!$C$19,0)+IF(Input!$D$20=1,K7208*Input!$C$20,0)+IF(Input!$D$21=1,L7208*Input!$C$21,0)+IF(Input!$D$22=1,M7208*Input!$C$22,0)</f>
        <v>0.15383732364503885</v>
      </c>
      <c r="O7208" s="59">
        <f>IF(Input!$D$19=2,J7208*Input!$C$19,0)+IF(Input!$D$20=2,K7208*Input!$C$20,0)+IF(Input!$D$21=2,L7208*Input!$C$21,0)+IF(Input!$D$22=2,M7208*Input!$C$22,0)</f>
        <v>0.38459330911259709</v>
      </c>
      <c r="P7208" s="59">
        <f>IF(Input!$D$19=3,J7208*Input!$C$19,0)+IF(Input!$D$20=3,K7208*Input!$C$20,0)+IF(Input!$D$21=3,L7208*Input!$C$21,0)+IF(Input!$D$22=3,M7208*Input!$C$22,0)</f>
        <v>0</v>
      </c>
      <c r="Q7208" s="75">
        <f>IF(Input!$D$19=4,J7208*Input!$C$19,0)+IF(Input!$D$20=4,K7208*Input!$C$20,0)+IF(Input!$D$21=4,L7208*Input!$C$21,0)+IF(Input!$D$22=4,M7208*Input!$C$22,0)</f>
        <v>0</v>
      </c>
      <c r="R7208" s="58">
        <v>42.993272505535941</v>
      </c>
      <c r="S7208" s="124">
        <f t="shared" si="112"/>
        <v>0.66662840246183497</v>
      </c>
    </row>
    <row r="7209" spans="8:19" x14ac:dyDescent="0.3">
      <c r="H7209" s="44">
        <v>7202</v>
      </c>
      <c r="I7209" s="56">
        <f>Bühler!I7235</f>
        <v>0.17864979520069024</v>
      </c>
      <c r="J7209" s="59">
        <f>Bühler!J7235</f>
        <v>0.59549931733563422</v>
      </c>
      <c r="K7209" s="59">
        <f>Bühler!K7235</f>
        <v>0.89324897600345132</v>
      </c>
      <c r="L7209" s="59">
        <f>Bühler!L7235</f>
        <v>8.7976858185521163</v>
      </c>
      <c r="M7209" s="58">
        <f>Bühler!M7235</f>
        <v>0</v>
      </c>
      <c r="N7209" s="56">
        <f>IF(Input!$D$19=1,J7209*Input!$C$19,0)+IF(Input!$D$20=1,K7209*Input!$C$20,0)+IF(Input!$D$21=1,L7209*Input!$C$21,0)+IF(Input!$D$22=1,M7209*Input!$C$22,0)</f>
        <v>0.17864979520069027</v>
      </c>
      <c r="O7209" s="59">
        <f>IF(Input!$D$19=2,J7209*Input!$C$19,0)+IF(Input!$D$20=2,K7209*Input!$C$20,0)+IF(Input!$D$21=2,L7209*Input!$C$21,0)+IF(Input!$D$22=2,M7209*Input!$C$22,0)</f>
        <v>0.44662448800172566</v>
      </c>
      <c r="P7209" s="59">
        <f>IF(Input!$D$19=3,J7209*Input!$C$19,0)+IF(Input!$D$20=3,K7209*Input!$C$20,0)+IF(Input!$D$21=3,L7209*Input!$C$21,0)+IF(Input!$D$22=3,M7209*Input!$C$22,0)</f>
        <v>0</v>
      </c>
      <c r="Q7209" s="75">
        <f>IF(Input!$D$19=4,J7209*Input!$C$19,0)+IF(Input!$D$20=4,K7209*Input!$C$20,0)+IF(Input!$D$21=4,L7209*Input!$C$21,0)+IF(Input!$D$22=4,M7209*Input!$C$22,0)</f>
        <v>0</v>
      </c>
      <c r="R7209" s="58">
        <v>42.795707917983201</v>
      </c>
      <c r="S7209" s="124">
        <f t="shared" si="112"/>
        <v>0.77414911253632446</v>
      </c>
    </row>
    <row r="7210" spans="8:19" x14ac:dyDescent="0.3">
      <c r="H7210" s="44">
        <v>7203</v>
      </c>
      <c r="I7210" s="56">
        <f>Bühler!I7236</f>
        <v>0.17864979520069024</v>
      </c>
      <c r="J7210" s="59">
        <f>Bühler!J7236</f>
        <v>0.59549931733563422</v>
      </c>
      <c r="K7210" s="59">
        <f>Bühler!K7236</f>
        <v>0.89324897600345132</v>
      </c>
      <c r="L7210" s="59">
        <f>Bühler!L7236</f>
        <v>8.7976858185521163</v>
      </c>
      <c r="M7210" s="58">
        <f>Bühler!M7236</f>
        <v>0</v>
      </c>
      <c r="N7210" s="56">
        <f>IF(Input!$D$19=1,J7210*Input!$C$19,0)+IF(Input!$D$20=1,K7210*Input!$C$20,0)+IF(Input!$D$21=1,L7210*Input!$C$21,0)+IF(Input!$D$22=1,M7210*Input!$C$22,0)</f>
        <v>0.17864979520069027</v>
      </c>
      <c r="O7210" s="59">
        <f>IF(Input!$D$19=2,J7210*Input!$C$19,0)+IF(Input!$D$20=2,K7210*Input!$C$20,0)+IF(Input!$D$21=2,L7210*Input!$C$21,0)+IF(Input!$D$22=2,M7210*Input!$C$22,0)</f>
        <v>0.44662448800172566</v>
      </c>
      <c r="P7210" s="59">
        <f>IF(Input!$D$19=3,J7210*Input!$C$19,0)+IF(Input!$D$20=3,K7210*Input!$C$20,0)+IF(Input!$D$21=3,L7210*Input!$C$21,0)+IF(Input!$D$22=3,M7210*Input!$C$22,0)</f>
        <v>0</v>
      </c>
      <c r="Q7210" s="75">
        <f>IF(Input!$D$19=4,J7210*Input!$C$19,0)+IF(Input!$D$20=4,K7210*Input!$C$20,0)+IF(Input!$D$21=4,L7210*Input!$C$21,0)+IF(Input!$D$22=4,M7210*Input!$C$22,0)</f>
        <v>0</v>
      </c>
      <c r="R7210" s="58">
        <v>42.777773250209179</v>
      </c>
      <c r="S7210" s="124">
        <f t="shared" si="112"/>
        <v>0.77414911253632446</v>
      </c>
    </row>
    <row r="7211" spans="8:19" x14ac:dyDescent="0.3">
      <c r="H7211" s="44">
        <v>7204</v>
      </c>
      <c r="I7211" s="56">
        <f>Bühler!I7237</f>
        <v>0.17864979520069024</v>
      </c>
      <c r="J7211" s="59">
        <f>Bühler!J7237</f>
        <v>0.59549931733563422</v>
      </c>
      <c r="K7211" s="59">
        <f>Bühler!K7237</f>
        <v>0.89324897600345132</v>
      </c>
      <c r="L7211" s="59">
        <f>Bühler!L7237</f>
        <v>8.7976858185521163</v>
      </c>
      <c r="M7211" s="58">
        <f>Bühler!M7237</f>
        <v>0</v>
      </c>
      <c r="N7211" s="56">
        <f>IF(Input!$D$19=1,J7211*Input!$C$19,0)+IF(Input!$D$20=1,K7211*Input!$C$20,0)+IF(Input!$D$21=1,L7211*Input!$C$21,0)+IF(Input!$D$22=1,M7211*Input!$C$22,0)</f>
        <v>0.17864979520069027</v>
      </c>
      <c r="O7211" s="59">
        <f>IF(Input!$D$19=2,J7211*Input!$C$19,0)+IF(Input!$D$20=2,K7211*Input!$C$20,0)+IF(Input!$D$21=2,L7211*Input!$C$21,0)+IF(Input!$D$22=2,M7211*Input!$C$22,0)</f>
        <v>0.44662448800172566</v>
      </c>
      <c r="P7211" s="59">
        <f>IF(Input!$D$19=3,J7211*Input!$C$19,0)+IF(Input!$D$20=3,K7211*Input!$C$20,0)+IF(Input!$D$21=3,L7211*Input!$C$21,0)+IF(Input!$D$22=3,M7211*Input!$C$22,0)</f>
        <v>0</v>
      </c>
      <c r="Q7211" s="75">
        <f>IF(Input!$D$19=4,J7211*Input!$C$19,0)+IF(Input!$D$20=4,K7211*Input!$C$20,0)+IF(Input!$D$21=4,L7211*Input!$C$21,0)+IF(Input!$D$22=4,M7211*Input!$C$22,0)</f>
        <v>0</v>
      </c>
      <c r="R7211" s="58">
        <v>42.101788597405132</v>
      </c>
      <c r="S7211" s="124">
        <f t="shared" si="112"/>
        <v>0.77414911253632446</v>
      </c>
    </row>
    <row r="7212" spans="8:19" x14ac:dyDescent="0.3">
      <c r="H7212" s="44">
        <v>7205</v>
      </c>
      <c r="I7212" s="56">
        <f>Bühler!I7238</f>
        <v>0.17864979520069024</v>
      </c>
      <c r="J7212" s="59">
        <f>Bühler!J7238</f>
        <v>0.59549931733563422</v>
      </c>
      <c r="K7212" s="59">
        <f>Bühler!K7238</f>
        <v>0.89324897600345132</v>
      </c>
      <c r="L7212" s="59">
        <f>Bühler!L7238</f>
        <v>8.7976858185521163</v>
      </c>
      <c r="M7212" s="58">
        <f>Bühler!M7238</f>
        <v>0</v>
      </c>
      <c r="N7212" s="56">
        <f>IF(Input!$D$19=1,J7212*Input!$C$19,0)+IF(Input!$D$20=1,K7212*Input!$C$20,0)+IF(Input!$D$21=1,L7212*Input!$C$21,0)+IF(Input!$D$22=1,M7212*Input!$C$22,0)</f>
        <v>0.17864979520069027</v>
      </c>
      <c r="O7212" s="59">
        <f>IF(Input!$D$19=2,J7212*Input!$C$19,0)+IF(Input!$D$20=2,K7212*Input!$C$20,0)+IF(Input!$D$21=2,L7212*Input!$C$21,0)+IF(Input!$D$22=2,M7212*Input!$C$22,0)</f>
        <v>0.44662448800172566</v>
      </c>
      <c r="P7212" s="59">
        <f>IF(Input!$D$19=3,J7212*Input!$C$19,0)+IF(Input!$D$20=3,K7212*Input!$C$20,0)+IF(Input!$D$21=3,L7212*Input!$C$21,0)+IF(Input!$D$22=3,M7212*Input!$C$22,0)</f>
        <v>0</v>
      </c>
      <c r="Q7212" s="75">
        <f>IF(Input!$D$19=4,J7212*Input!$C$19,0)+IF(Input!$D$20=4,K7212*Input!$C$20,0)+IF(Input!$D$21=4,L7212*Input!$C$21,0)+IF(Input!$D$22=4,M7212*Input!$C$22,0)</f>
        <v>0</v>
      </c>
      <c r="R7212" s="58">
        <v>42.017521511739673</v>
      </c>
      <c r="S7212" s="124">
        <f t="shared" si="112"/>
        <v>0.77414911253632446</v>
      </c>
    </row>
    <row r="7213" spans="8:19" x14ac:dyDescent="0.3">
      <c r="H7213" s="44">
        <v>7206</v>
      </c>
      <c r="I7213" s="56">
        <f>Bühler!I7239</f>
        <v>0.2233122440008628</v>
      </c>
      <c r="J7213" s="59">
        <f>Bühler!J7239</f>
        <v>0.74437414666954282</v>
      </c>
      <c r="K7213" s="59">
        <f>Bühler!K7239</f>
        <v>1.1165612200043142</v>
      </c>
      <c r="L7213" s="59">
        <f>Bühler!L7239</f>
        <v>10.997107273190146</v>
      </c>
      <c r="M7213" s="58">
        <f>Bühler!M7239</f>
        <v>0</v>
      </c>
      <c r="N7213" s="56">
        <f>IF(Input!$D$19=1,J7213*Input!$C$19,0)+IF(Input!$D$20=1,K7213*Input!$C$20,0)+IF(Input!$D$21=1,L7213*Input!$C$21,0)+IF(Input!$D$22=1,M7213*Input!$C$22,0)</f>
        <v>0.22331224400086283</v>
      </c>
      <c r="O7213" s="59">
        <f>IF(Input!$D$19=2,J7213*Input!$C$19,0)+IF(Input!$D$20=2,K7213*Input!$C$20,0)+IF(Input!$D$21=2,L7213*Input!$C$21,0)+IF(Input!$D$22=2,M7213*Input!$C$22,0)</f>
        <v>0.55828061000215712</v>
      </c>
      <c r="P7213" s="59">
        <f>IF(Input!$D$19=3,J7213*Input!$C$19,0)+IF(Input!$D$20=3,K7213*Input!$C$20,0)+IF(Input!$D$21=3,L7213*Input!$C$21,0)+IF(Input!$D$22=3,M7213*Input!$C$22,0)</f>
        <v>0</v>
      </c>
      <c r="Q7213" s="75">
        <f>IF(Input!$D$19=4,J7213*Input!$C$19,0)+IF(Input!$D$20=4,K7213*Input!$C$20,0)+IF(Input!$D$21=4,L7213*Input!$C$21,0)+IF(Input!$D$22=4,M7213*Input!$C$22,0)</f>
        <v>0</v>
      </c>
      <c r="R7213" s="58">
        <v>41.841353946876346</v>
      </c>
      <c r="S7213" s="124">
        <f t="shared" si="112"/>
        <v>0.96768639067040563</v>
      </c>
    </row>
    <row r="7214" spans="8:19" x14ac:dyDescent="0.3">
      <c r="H7214" s="44">
        <v>7207</v>
      </c>
      <c r="I7214" s="56">
        <f>Bühler!I7240</f>
        <v>0.26301219848990504</v>
      </c>
      <c r="J7214" s="59">
        <f>Bühler!J7240</f>
        <v>0.87670732829968356</v>
      </c>
      <c r="K7214" s="59">
        <f>Bühler!K7240</f>
        <v>1.3150609924495253</v>
      </c>
      <c r="L7214" s="59">
        <f>Bühler!L7240</f>
        <v>12.952148566201727</v>
      </c>
      <c r="M7214" s="58">
        <f>Bühler!M7240</f>
        <v>0</v>
      </c>
      <c r="N7214" s="56">
        <f>IF(Input!$D$19=1,J7214*Input!$C$19,0)+IF(Input!$D$20=1,K7214*Input!$C$20,0)+IF(Input!$D$21=1,L7214*Input!$C$21,0)+IF(Input!$D$22=1,M7214*Input!$C$22,0)</f>
        <v>0.26301219848990504</v>
      </c>
      <c r="O7214" s="59">
        <f>IF(Input!$D$19=2,J7214*Input!$C$19,0)+IF(Input!$D$20=2,K7214*Input!$C$20,0)+IF(Input!$D$21=2,L7214*Input!$C$21,0)+IF(Input!$D$22=2,M7214*Input!$C$22,0)</f>
        <v>0.65753049622476267</v>
      </c>
      <c r="P7214" s="59">
        <f>IF(Input!$D$19=3,J7214*Input!$C$19,0)+IF(Input!$D$20=3,K7214*Input!$C$20,0)+IF(Input!$D$21=3,L7214*Input!$C$21,0)+IF(Input!$D$22=3,M7214*Input!$C$22,0)</f>
        <v>0</v>
      </c>
      <c r="Q7214" s="75">
        <f>IF(Input!$D$19=4,J7214*Input!$C$19,0)+IF(Input!$D$20=4,K7214*Input!$C$20,0)+IF(Input!$D$21=4,L7214*Input!$C$21,0)+IF(Input!$D$22=4,M7214*Input!$C$22,0)</f>
        <v>0</v>
      </c>
      <c r="R7214" s="58">
        <v>42.434860247996561</v>
      </c>
      <c r="S7214" s="124">
        <f t="shared" si="112"/>
        <v>1.1397195267895885</v>
      </c>
    </row>
    <row r="7215" spans="8:19" x14ac:dyDescent="0.3">
      <c r="H7215" s="44">
        <v>7208</v>
      </c>
      <c r="I7215" s="56">
        <f>Bühler!I7241</f>
        <v>0.31263714160120792</v>
      </c>
      <c r="J7215" s="59">
        <f>Bühler!J7241</f>
        <v>1.0421238053373598</v>
      </c>
      <c r="K7215" s="59">
        <f>Bühler!K7241</f>
        <v>1.5631857080060398</v>
      </c>
      <c r="L7215" s="59">
        <f>Bühler!L7241</f>
        <v>15.395950182466205</v>
      </c>
      <c r="M7215" s="58">
        <f>Bühler!M7241</f>
        <v>0</v>
      </c>
      <c r="N7215" s="56">
        <f>IF(Input!$D$19=1,J7215*Input!$C$19,0)+IF(Input!$D$20=1,K7215*Input!$C$20,0)+IF(Input!$D$21=1,L7215*Input!$C$21,0)+IF(Input!$D$22=1,M7215*Input!$C$22,0)</f>
        <v>0.31263714160120792</v>
      </c>
      <c r="O7215" s="59">
        <f>IF(Input!$D$19=2,J7215*Input!$C$19,0)+IF(Input!$D$20=2,K7215*Input!$C$20,0)+IF(Input!$D$21=2,L7215*Input!$C$21,0)+IF(Input!$D$22=2,M7215*Input!$C$22,0)</f>
        <v>0.78159285400301992</v>
      </c>
      <c r="P7215" s="59">
        <f>IF(Input!$D$19=3,J7215*Input!$C$19,0)+IF(Input!$D$20=3,K7215*Input!$C$20,0)+IF(Input!$D$21=3,L7215*Input!$C$21,0)+IF(Input!$D$22=3,M7215*Input!$C$22,0)</f>
        <v>0</v>
      </c>
      <c r="Q7215" s="75">
        <f>IF(Input!$D$19=4,J7215*Input!$C$19,0)+IF(Input!$D$20=4,K7215*Input!$C$20,0)+IF(Input!$D$21=4,L7215*Input!$C$21,0)+IF(Input!$D$22=4,M7215*Input!$C$22,0)</f>
        <v>0</v>
      </c>
      <c r="R7215" s="58">
        <v>41.919193531053679</v>
      </c>
      <c r="S7215" s="124">
        <f t="shared" si="112"/>
        <v>1.3547609469385677</v>
      </c>
    </row>
    <row r="7216" spans="8:19" x14ac:dyDescent="0.3">
      <c r="H7216" s="44">
        <v>7209</v>
      </c>
      <c r="I7216" s="56">
        <f>Bühler!I7242</f>
        <v>0.31263714160120792</v>
      </c>
      <c r="J7216" s="59">
        <f>Bühler!J7242</f>
        <v>1.0421238053373598</v>
      </c>
      <c r="K7216" s="59">
        <f>Bühler!K7242</f>
        <v>1.5631857080060398</v>
      </c>
      <c r="L7216" s="59">
        <f>Bühler!L7242</f>
        <v>15.395950182466205</v>
      </c>
      <c r="M7216" s="58">
        <f>Bühler!M7242</f>
        <v>0</v>
      </c>
      <c r="N7216" s="56">
        <f>IF(Input!$D$19=1,J7216*Input!$C$19,0)+IF(Input!$D$20=1,K7216*Input!$C$20,0)+IF(Input!$D$21=1,L7216*Input!$C$21,0)+IF(Input!$D$22=1,M7216*Input!$C$22,0)</f>
        <v>0.31263714160120792</v>
      </c>
      <c r="O7216" s="59">
        <f>IF(Input!$D$19=2,J7216*Input!$C$19,0)+IF(Input!$D$20=2,K7216*Input!$C$20,0)+IF(Input!$D$21=2,L7216*Input!$C$21,0)+IF(Input!$D$22=2,M7216*Input!$C$22,0)</f>
        <v>0.78159285400301992</v>
      </c>
      <c r="P7216" s="59">
        <f>IF(Input!$D$19=3,J7216*Input!$C$19,0)+IF(Input!$D$20=3,K7216*Input!$C$20,0)+IF(Input!$D$21=3,L7216*Input!$C$21,0)+IF(Input!$D$22=3,M7216*Input!$C$22,0)</f>
        <v>0</v>
      </c>
      <c r="Q7216" s="75">
        <f>IF(Input!$D$19=4,J7216*Input!$C$19,0)+IF(Input!$D$20=4,K7216*Input!$C$20,0)+IF(Input!$D$21=4,L7216*Input!$C$21,0)+IF(Input!$D$22=4,M7216*Input!$C$22,0)</f>
        <v>0</v>
      </c>
      <c r="R7216" s="58">
        <v>41.328190335601732</v>
      </c>
      <c r="S7216" s="124">
        <f t="shared" si="112"/>
        <v>1.3547609469385677</v>
      </c>
    </row>
    <row r="7217" spans="8:19" x14ac:dyDescent="0.3">
      <c r="H7217" s="44">
        <v>7210</v>
      </c>
      <c r="I7217" s="56">
        <f>Bühler!I7243</f>
        <v>0.31263714160120792</v>
      </c>
      <c r="J7217" s="59">
        <f>Bühler!J7243</f>
        <v>1.0421238053373598</v>
      </c>
      <c r="K7217" s="59">
        <f>Bühler!K7243</f>
        <v>1.5631857080060398</v>
      </c>
      <c r="L7217" s="59">
        <f>Bühler!L7243</f>
        <v>15.395950182466205</v>
      </c>
      <c r="M7217" s="58">
        <f>Bühler!M7243</f>
        <v>0</v>
      </c>
      <c r="N7217" s="56">
        <f>IF(Input!$D$19=1,J7217*Input!$C$19,0)+IF(Input!$D$20=1,K7217*Input!$C$20,0)+IF(Input!$D$21=1,L7217*Input!$C$21,0)+IF(Input!$D$22=1,M7217*Input!$C$22,0)</f>
        <v>0.31263714160120792</v>
      </c>
      <c r="O7217" s="59">
        <f>IF(Input!$D$19=2,J7217*Input!$C$19,0)+IF(Input!$D$20=2,K7217*Input!$C$20,0)+IF(Input!$D$21=2,L7217*Input!$C$21,0)+IF(Input!$D$22=2,M7217*Input!$C$22,0)</f>
        <v>0.78159285400301992</v>
      </c>
      <c r="P7217" s="59">
        <f>IF(Input!$D$19=3,J7217*Input!$C$19,0)+IF(Input!$D$20=3,K7217*Input!$C$20,0)+IF(Input!$D$21=3,L7217*Input!$C$21,0)+IF(Input!$D$22=3,M7217*Input!$C$22,0)</f>
        <v>0</v>
      </c>
      <c r="Q7217" s="75">
        <f>IF(Input!$D$19=4,J7217*Input!$C$19,0)+IF(Input!$D$20=4,K7217*Input!$C$20,0)+IF(Input!$D$21=4,L7217*Input!$C$21,0)+IF(Input!$D$22=4,M7217*Input!$C$22,0)</f>
        <v>0</v>
      </c>
      <c r="R7217" s="58">
        <v>41.43551149127893</v>
      </c>
      <c r="S7217" s="124">
        <f t="shared" si="112"/>
        <v>1.3547609469385677</v>
      </c>
    </row>
    <row r="7218" spans="8:19" x14ac:dyDescent="0.3">
      <c r="H7218" s="44">
        <v>7211</v>
      </c>
      <c r="I7218" s="56">
        <f>Bühler!I7244</f>
        <v>0.31263714160120792</v>
      </c>
      <c r="J7218" s="59">
        <f>Bühler!J7244</f>
        <v>1.0421238053373598</v>
      </c>
      <c r="K7218" s="59">
        <f>Bühler!K7244</f>
        <v>1.5631857080060398</v>
      </c>
      <c r="L7218" s="59">
        <f>Bühler!L7244</f>
        <v>15.395950182466205</v>
      </c>
      <c r="M7218" s="58">
        <f>Bühler!M7244</f>
        <v>0</v>
      </c>
      <c r="N7218" s="56">
        <f>IF(Input!$D$19=1,J7218*Input!$C$19,0)+IF(Input!$D$20=1,K7218*Input!$C$20,0)+IF(Input!$D$21=1,L7218*Input!$C$21,0)+IF(Input!$D$22=1,M7218*Input!$C$22,0)</f>
        <v>0.31263714160120792</v>
      </c>
      <c r="O7218" s="59">
        <f>IF(Input!$D$19=2,J7218*Input!$C$19,0)+IF(Input!$D$20=2,K7218*Input!$C$20,0)+IF(Input!$D$21=2,L7218*Input!$C$21,0)+IF(Input!$D$22=2,M7218*Input!$C$22,0)</f>
        <v>0.78159285400301992</v>
      </c>
      <c r="P7218" s="59">
        <f>IF(Input!$D$19=3,J7218*Input!$C$19,0)+IF(Input!$D$20=3,K7218*Input!$C$20,0)+IF(Input!$D$21=3,L7218*Input!$C$21,0)+IF(Input!$D$22=3,M7218*Input!$C$22,0)</f>
        <v>0</v>
      </c>
      <c r="Q7218" s="75">
        <f>IF(Input!$D$19=4,J7218*Input!$C$19,0)+IF(Input!$D$20=4,K7218*Input!$C$20,0)+IF(Input!$D$21=4,L7218*Input!$C$21,0)+IF(Input!$D$22=4,M7218*Input!$C$22,0)</f>
        <v>0</v>
      </c>
      <c r="R7218" s="58">
        <v>41.866571922513835</v>
      </c>
      <c r="S7218" s="124">
        <f t="shared" si="112"/>
        <v>1.3547609469385677</v>
      </c>
    </row>
    <row r="7219" spans="8:19" x14ac:dyDescent="0.3">
      <c r="H7219" s="44">
        <v>7212</v>
      </c>
      <c r="I7219" s="56">
        <f>Bühler!I7245</f>
        <v>0.31263714160120792</v>
      </c>
      <c r="J7219" s="59">
        <f>Bühler!J7245</f>
        <v>1.0421238053373598</v>
      </c>
      <c r="K7219" s="59">
        <f>Bühler!K7245</f>
        <v>1.5631857080060398</v>
      </c>
      <c r="L7219" s="59">
        <f>Bühler!L7245</f>
        <v>15.395950182466205</v>
      </c>
      <c r="M7219" s="58">
        <f>Bühler!M7245</f>
        <v>0</v>
      </c>
      <c r="N7219" s="56">
        <f>IF(Input!$D$19=1,J7219*Input!$C$19,0)+IF(Input!$D$20=1,K7219*Input!$C$20,0)+IF(Input!$D$21=1,L7219*Input!$C$21,0)+IF(Input!$D$22=1,M7219*Input!$C$22,0)</f>
        <v>0.31263714160120792</v>
      </c>
      <c r="O7219" s="59">
        <f>IF(Input!$D$19=2,J7219*Input!$C$19,0)+IF(Input!$D$20=2,K7219*Input!$C$20,0)+IF(Input!$D$21=2,L7219*Input!$C$21,0)+IF(Input!$D$22=2,M7219*Input!$C$22,0)</f>
        <v>0.78159285400301992</v>
      </c>
      <c r="P7219" s="59">
        <f>IF(Input!$D$19=3,J7219*Input!$C$19,0)+IF(Input!$D$20=3,K7219*Input!$C$20,0)+IF(Input!$D$21=3,L7219*Input!$C$21,0)+IF(Input!$D$22=3,M7219*Input!$C$22,0)</f>
        <v>0</v>
      </c>
      <c r="Q7219" s="75">
        <f>IF(Input!$D$19=4,J7219*Input!$C$19,0)+IF(Input!$D$20=4,K7219*Input!$C$20,0)+IF(Input!$D$21=4,L7219*Input!$C$21,0)+IF(Input!$D$22=4,M7219*Input!$C$22,0)</f>
        <v>0</v>
      </c>
      <c r="R7219" s="58">
        <v>42.171091712558088</v>
      </c>
      <c r="S7219" s="124">
        <f t="shared" si="112"/>
        <v>1.3547609469385677</v>
      </c>
    </row>
    <row r="7220" spans="8:19" x14ac:dyDescent="0.3">
      <c r="H7220" s="44">
        <v>7213</v>
      </c>
      <c r="I7220" s="56">
        <f>Bühler!I7246</f>
        <v>0.31263714160120792</v>
      </c>
      <c r="J7220" s="59">
        <f>Bühler!J7246</f>
        <v>1.0421238053373598</v>
      </c>
      <c r="K7220" s="59">
        <f>Bühler!K7246</f>
        <v>1.5631857080060398</v>
      </c>
      <c r="L7220" s="59">
        <f>Bühler!L7246</f>
        <v>15.395950182466205</v>
      </c>
      <c r="M7220" s="58">
        <f>Bühler!M7246</f>
        <v>0</v>
      </c>
      <c r="N7220" s="56">
        <f>IF(Input!$D$19=1,J7220*Input!$C$19,0)+IF(Input!$D$20=1,K7220*Input!$C$20,0)+IF(Input!$D$21=1,L7220*Input!$C$21,0)+IF(Input!$D$22=1,M7220*Input!$C$22,0)</f>
        <v>0.31263714160120792</v>
      </c>
      <c r="O7220" s="59">
        <f>IF(Input!$D$19=2,J7220*Input!$C$19,0)+IF(Input!$D$20=2,K7220*Input!$C$20,0)+IF(Input!$D$21=2,L7220*Input!$C$21,0)+IF(Input!$D$22=2,M7220*Input!$C$22,0)</f>
        <v>0.78159285400301992</v>
      </c>
      <c r="P7220" s="59">
        <f>IF(Input!$D$19=3,J7220*Input!$C$19,0)+IF(Input!$D$20=3,K7220*Input!$C$20,0)+IF(Input!$D$21=3,L7220*Input!$C$21,0)+IF(Input!$D$22=3,M7220*Input!$C$22,0)</f>
        <v>0</v>
      </c>
      <c r="Q7220" s="75">
        <f>IF(Input!$D$19=4,J7220*Input!$C$19,0)+IF(Input!$D$20=4,K7220*Input!$C$20,0)+IF(Input!$D$21=4,L7220*Input!$C$21,0)+IF(Input!$D$22=4,M7220*Input!$C$22,0)</f>
        <v>0</v>
      </c>
      <c r="R7220" s="58">
        <v>41.677833577399852</v>
      </c>
      <c r="S7220" s="124">
        <f t="shared" si="112"/>
        <v>1.3547609469385677</v>
      </c>
    </row>
    <row r="7221" spans="8:19" x14ac:dyDescent="0.3">
      <c r="H7221" s="44">
        <v>7214</v>
      </c>
      <c r="I7221" s="56">
        <f>Bühler!I7247</f>
        <v>0.31263714160120792</v>
      </c>
      <c r="J7221" s="59">
        <f>Bühler!J7247</f>
        <v>1.0421238053373598</v>
      </c>
      <c r="K7221" s="59">
        <f>Bühler!K7247</f>
        <v>1.5631857080060398</v>
      </c>
      <c r="L7221" s="59">
        <f>Bühler!L7247</f>
        <v>15.395950182466205</v>
      </c>
      <c r="M7221" s="58">
        <f>Bühler!M7247</f>
        <v>0</v>
      </c>
      <c r="N7221" s="56">
        <f>IF(Input!$D$19=1,J7221*Input!$C$19,0)+IF(Input!$D$20=1,K7221*Input!$C$20,0)+IF(Input!$D$21=1,L7221*Input!$C$21,0)+IF(Input!$D$22=1,M7221*Input!$C$22,0)</f>
        <v>0.31263714160120792</v>
      </c>
      <c r="O7221" s="59">
        <f>IF(Input!$D$19=2,J7221*Input!$C$19,0)+IF(Input!$D$20=2,K7221*Input!$C$20,0)+IF(Input!$D$21=2,L7221*Input!$C$21,0)+IF(Input!$D$22=2,M7221*Input!$C$22,0)</f>
        <v>0.78159285400301992</v>
      </c>
      <c r="P7221" s="59">
        <f>IF(Input!$D$19=3,J7221*Input!$C$19,0)+IF(Input!$D$20=3,K7221*Input!$C$20,0)+IF(Input!$D$21=3,L7221*Input!$C$21,0)+IF(Input!$D$22=3,M7221*Input!$C$22,0)</f>
        <v>0</v>
      </c>
      <c r="Q7221" s="75">
        <f>IF(Input!$D$19=4,J7221*Input!$C$19,0)+IF(Input!$D$20=4,K7221*Input!$C$20,0)+IF(Input!$D$21=4,L7221*Input!$C$21,0)+IF(Input!$D$22=4,M7221*Input!$C$22,0)</f>
        <v>0</v>
      </c>
      <c r="R7221" s="58">
        <v>42.025153336172799</v>
      </c>
      <c r="S7221" s="124">
        <f t="shared" si="112"/>
        <v>1.3547609469385677</v>
      </c>
    </row>
    <row r="7222" spans="8:19" x14ac:dyDescent="0.3">
      <c r="H7222" s="44">
        <v>7215</v>
      </c>
      <c r="I7222" s="56">
        <f>Bühler!I7248</f>
        <v>0.31263714160120792</v>
      </c>
      <c r="J7222" s="59">
        <f>Bühler!J7248</f>
        <v>1.0421238053373598</v>
      </c>
      <c r="K7222" s="59">
        <f>Bühler!K7248</f>
        <v>1.5631857080060398</v>
      </c>
      <c r="L7222" s="59">
        <f>Bühler!L7248</f>
        <v>15.395950182466205</v>
      </c>
      <c r="M7222" s="58">
        <f>Bühler!M7248</f>
        <v>0</v>
      </c>
      <c r="N7222" s="56">
        <f>IF(Input!$D$19=1,J7222*Input!$C$19,0)+IF(Input!$D$20=1,K7222*Input!$C$20,0)+IF(Input!$D$21=1,L7222*Input!$C$21,0)+IF(Input!$D$22=1,M7222*Input!$C$22,0)</f>
        <v>0.31263714160120792</v>
      </c>
      <c r="O7222" s="59">
        <f>IF(Input!$D$19=2,J7222*Input!$C$19,0)+IF(Input!$D$20=2,K7222*Input!$C$20,0)+IF(Input!$D$21=2,L7222*Input!$C$21,0)+IF(Input!$D$22=2,M7222*Input!$C$22,0)</f>
        <v>0.78159285400301992</v>
      </c>
      <c r="P7222" s="59">
        <f>IF(Input!$D$19=3,J7222*Input!$C$19,0)+IF(Input!$D$20=3,K7222*Input!$C$20,0)+IF(Input!$D$21=3,L7222*Input!$C$21,0)+IF(Input!$D$22=3,M7222*Input!$C$22,0)</f>
        <v>0</v>
      </c>
      <c r="Q7222" s="75">
        <f>IF(Input!$D$19=4,J7222*Input!$C$19,0)+IF(Input!$D$20=4,K7222*Input!$C$20,0)+IF(Input!$D$21=4,L7222*Input!$C$21,0)+IF(Input!$D$22=4,M7222*Input!$C$22,0)</f>
        <v>0</v>
      </c>
      <c r="R7222" s="58">
        <v>42.197916308588965</v>
      </c>
      <c r="S7222" s="124">
        <f t="shared" si="112"/>
        <v>1.3547609469385677</v>
      </c>
    </row>
    <row r="7223" spans="8:19" x14ac:dyDescent="0.3">
      <c r="H7223" s="44">
        <v>7216</v>
      </c>
      <c r="I7223" s="56">
        <f>Bühler!I7249</f>
        <v>0.27789968142329591</v>
      </c>
      <c r="J7223" s="59">
        <f>Bühler!J7249</f>
        <v>0.92633227141098651</v>
      </c>
      <c r="K7223" s="59">
        <f>Bühler!K7249</f>
        <v>1.3894984071164798</v>
      </c>
      <c r="L7223" s="59">
        <f>Bühler!L7249</f>
        <v>13.685289051081071</v>
      </c>
      <c r="M7223" s="58">
        <f>Bühler!M7249</f>
        <v>0</v>
      </c>
      <c r="N7223" s="56">
        <f>IF(Input!$D$19=1,J7223*Input!$C$19,0)+IF(Input!$D$20=1,K7223*Input!$C$20,0)+IF(Input!$D$21=1,L7223*Input!$C$21,0)+IF(Input!$D$22=1,M7223*Input!$C$22,0)</f>
        <v>0.27789968142329596</v>
      </c>
      <c r="O7223" s="59">
        <f>IF(Input!$D$19=2,J7223*Input!$C$19,0)+IF(Input!$D$20=2,K7223*Input!$C$20,0)+IF(Input!$D$21=2,L7223*Input!$C$21,0)+IF(Input!$D$22=2,M7223*Input!$C$22,0)</f>
        <v>0.69474920355823988</v>
      </c>
      <c r="P7223" s="59">
        <f>IF(Input!$D$19=3,J7223*Input!$C$19,0)+IF(Input!$D$20=3,K7223*Input!$C$20,0)+IF(Input!$D$21=3,L7223*Input!$C$21,0)+IF(Input!$D$22=3,M7223*Input!$C$22,0)</f>
        <v>0</v>
      </c>
      <c r="Q7223" s="75">
        <f>IF(Input!$D$19=4,J7223*Input!$C$19,0)+IF(Input!$D$20=4,K7223*Input!$C$20,0)+IF(Input!$D$21=4,L7223*Input!$C$21,0)+IF(Input!$D$22=4,M7223*Input!$C$22,0)</f>
        <v>0</v>
      </c>
      <c r="R7223" s="58">
        <v>41.735403419056865</v>
      </c>
      <c r="S7223" s="124">
        <f t="shared" si="112"/>
        <v>1.2042319528342824</v>
      </c>
    </row>
    <row r="7224" spans="8:19" x14ac:dyDescent="0.3">
      <c r="H7224" s="44">
        <v>7217</v>
      </c>
      <c r="I7224" s="56">
        <f>Bühler!I7250</f>
        <v>0.27293718711216564</v>
      </c>
      <c r="J7224" s="59">
        <f>Bühler!J7250</f>
        <v>0.90979062370721886</v>
      </c>
      <c r="K7224" s="59">
        <f>Bühler!K7250</f>
        <v>1.3646859355608283</v>
      </c>
      <c r="L7224" s="59">
        <f>Bühler!L7250</f>
        <v>13.440908889454624</v>
      </c>
      <c r="M7224" s="58">
        <f>Bühler!M7250</f>
        <v>0</v>
      </c>
      <c r="N7224" s="56">
        <f>IF(Input!$D$19=1,J7224*Input!$C$19,0)+IF(Input!$D$20=1,K7224*Input!$C$20,0)+IF(Input!$D$21=1,L7224*Input!$C$21,0)+IF(Input!$D$22=1,M7224*Input!$C$22,0)</f>
        <v>0.27293718711216564</v>
      </c>
      <c r="O7224" s="59">
        <f>IF(Input!$D$19=2,J7224*Input!$C$19,0)+IF(Input!$D$20=2,K7224*Input!$C$20,0)+IF(Input!$D$21=2,L7224*Input!$C$21,0)+IF(Input!$D$22=2,M7224*Input!$C$22,0)</f>
        <v>0.68234296778041414</v>
      </c>
      <c r="P7224" s="59">
        <f>IF(Input!$D$19=3,J7224*Input!$C$19,0)+IF(Input!$D$20=3,K7224*Input!$C$20,0)+IF(Input!$D$21=3,L7224*Input!$C$21,0)+IF(Input!$D$22=3,M7224*Input!$C$22,0)</f>
        <v>0</v>
      </c>
      <c r="Q7224" s="75">
        <f>IF(Input!$D$19=4,J7224*Input!$C$19,0)+IF(Input!$D$20=4,K7224*Input!$C$20,0)+IF(Input!$D$21=4,L7224*Input!$C$21,0)+IF(Input!$D$22=4,M7224*Input!$C$22,0)</f>
        <v>0</v>
      </c>
      <c r="R7224" s="58">
        <v>41.792388202423815</v>
      </c>
      <c r="S7224" s="124">
        <f t="shared" si="112"/>
        <v>1.1827278108193844</v>
      </c>
    </row>
    <row r="7225" spans="8:19" x14ac:dyDescent="0.3">
      <c r="H7225" s="44">
        <v>7218</v>
      </c>
      <c r="I7225" s="56">
        <f>Bühler!I7251</f>
        <v>0.23323723262312335</v>
      </c>
      <c r="J7225" s="59">
        <f>Bühler!J7251</f>
        <v>0.77745744207707801</v>
      </c>
      <c r="K7225" s="59">
        <f>Bühler!K7251</f>
        <v>1.166186163115617</v>
      </c>
      <c r="L7225" s="59">
        <f>Bühler!L7251</f>
        <v>11.485867596443043</v>
      </c>
      <c r="M7225" s="58">
        <f>Bühler!M7251</f>
        <v>0</v>
      </c>
      <c r="N7225" s="56">
        <f>IF(Input!$D$19=1,J7225*Input!$C$19,0)+IF(Input!$D$20=1,K7225*Input!$C$20,0)+IF(Input!$D$21=1,L7225*Input!$C$21,0)+IF(Input!$D$22=1,M7225*Input!$C$22,0)</f>
        <v>0.2332372326231234</v>
      </c>
      <c r="O7225" s="59">
        <f>IF(Input!$D$19=2,J7225*Input!$C$19,0)+IF(Input!$D$20=2,K7225*Input!$C$20,0)+IF(Input!$D$21=2,L7225*Input!$C$21,0)+IF(Input!$D$22=2,M7225*Input!$C$22,0)</f>
        <v>0.58309308155780848</v>
      </c>
      <c r="P7225" s="59">
        <f>IF(Input!$D$19=3,J7225*Input!$C$19,0)+IF(Input!$D$20=3,K7225*Input!$C$20,0)+IF(Input!$D$21=3,L7225*Input!$C$21,0)+IF(Input!$D$22=3,M7225*Input!$C$22,0)</f>
        <v>0</v>
      </c>
      <c r="Q7225" s="75">
        <f>IF(Input!$D$19=4,J7225*Input!$C$19,0)+IF(Input!$D$20=4,K7225*Input!$C$20,0)+IF(Input!$D$21=4,L7225*Input!$C$21,0)+IF(Input!$D$22=4,M7225*Input!$C$22,0)</f>
        <v>0</v>
      </c>
      <c r="R7225" s="58">
        <v>41.938710851229189</v>
      </c>
      <c r="S7225" s="124">
        <f t="shared" si="112"/>
        <v>1.0106946747002015</v>
      </c>
    </row>
    <row r="7226" spans="8:19" x14ac:dyDescent="0.3">
      <c r="H7226" s="44">
        <v>7219</v>
      </c>
      <c r="I7226" s="56">
        <f>Bühler!I7252</f>
        <v>0.2183497496897325</v>
      </c>
      <c r="J7226" s="59">
        <f>Bühler!J7252</f>
        <v>0.72783249896577518</v>
      </c>
      <c r="K7226" s="59">
        <f>Bühler!K7252</f>
        <v>1.0917487484486628</v>
      </c>
      <c r="L7226" s="59">
        <f>Bühler!L7252</f>
        <v>10.752727111563699</v>
      </c>
      <c r="M7226" s="58">
        <f>Bühler!M7252</f>
        <v>0</v>
      </c>
      <c r="N7226" s="56">
        <f>IF(Input!$D$19=1,J7226*Input!$C$19,0)+IF(Input!$D$20=1,K7226*Input!$C$20,0)+IF(Input!$D$21=1,L7226*Input!$C$21,0)+IF(Input!$D$22=1,M7226*Input!$C$22,0)</f>
        <v>0.21834974968973256</v>
      </c>
      <c r="O7226" s="59">
        <f>IF(Input!$D$19=2,J7226*Input!$C$19,0)+IF(Input!$D$20=2,K7226*Input!$C$20,0)+IF(Input!$D$21=2,L7226*Input!$C$21,0)+IF(Input!$D$22=2,M7226*Input!$C$22,0)</f>
        <v>0.54587437422433138</v>
      </c>
      <c r="P7226" s="59">
        <f>IF(Input!$D$19=3,J7226*Input!$C$19,0)+IF(Input!$D$20=3,K7226*Input!$C$20,0)+IF(Input!$D$21=3,L7226*Input!$C$21,0)+IF(Input!$D$22=3,M7226*Input!$C$22,0)</f>
        <v>0</v>
      </c>
      <c r="Q7226" s="75">
        <f>IF(Input!$D$19=4,J7226*Input!$C$19,0)+IF(Input!$D$20=4,K7226*Input!$C$20,0)+IF(Input!$D$21=4,L7226*Input!$C$21,0)+IF(Input!$D$22=4,M7226*Input!$C$22,0)</f>
        <v>0</v>
      </c>
      <c r="R7226" s="58">
        <v>42.034189877146076</v>
      </c>
      <c r="S7226" s="124">
        <f t="shared" si="112"/>
        <v>0.94618224865550771</v>
      </c>
    </row>
    <row r="7227" spans="8:19" x14ac:dyDescent="0.3">
      <c r="H7227" s="44">
        <v>7220</v>
      </c>
      <c r="I7227" s="56">
        <f>Bühler!I7253</f>
        <v>0.18361228951182054</v>
      </c>
      <c r="J7227" s="59">
        <f>Bühler!J7253</f>
        <v>0.61204096503940186</v>
      </c>
      <c r="K7227" s="59">
        <f>Bühler!K7253</f>
        <v>0.91806144755910279</v>
      </c>
      <c r="L7227" s="59">
        <f>Bühler!L7253</f>
        <v>9.042065980178565</v>
      </c>
      <c r="M7227" s="58">
        <f>Bühler!M7253</f>
        <v>0</v>
      </c>
      <c r="N7227" s="56">
        <f>IF(Input!$D$19=1,J7227*Input!$C$19,0)+IF(Input!$D$20=1,K7227*Input!$C$20,0)+IF(Input!$D$21=1,L7227*Input!$C$21,0)+IF(Input!$D$22=1,M7227*Input!$C$22,0)</f>
        <v>0.18361228951182054</v>
      </c>
      <c r="O7227" s="59">
        <f>IF(Input!$D$19=2,J7227*Input!$C$19,0)+IF(Input!$D$20=2,K7227*Input!$C$20,0)+IF(Input!$D$21=2,L7227*Input!$C$21,0)+IF(Input!$D$22=2,M7227*Input!$C$22,0)</f>
        <v>0.4590307237795514</v>
      </c>
      <c r="P7227" s="59">
        <f>IF(Input!$D$19=3,J7227*Input!$C$19,0)+IF(Input!$D$20=3,K7227*Input!$C$20,0)+IF(Input!$D$21=3,L7227*Input!$C$21,0)+IF(Input!$D$22=3,M7227*Input!$C$22,0)</f>
        <v>0</v>
      </c>
      <c r="Q7227" s="75">
        <f>IF(Input!$D$19=4,J7227*Input!$C$19,0)+IF(Input!$D$20=4,K7227*Input!$C$20,0)+IF(Input!$D$21=4,L7227*Input!$C$21,0)+IF(Input!$D$22=4,M7227*Input!$C$22,0)</f>
        <v>0</v>
      </c>
      <c r="R7227" s="58">
        <v>41.930398076924639</v>
      </c>
      <c r="S7227" s="124">
        <f t="shared" si="112"/>
        <v>0.79565325455122238</v>
      </c>
    </row>
    <row r="7228" spans="8:19" x14ac:dyDescent="0.3">
      <c r="H7228" s="44">
        <v>7221</v>
      </c>
      <c r="I7228" s="56">
        <f>Bühler!I7254</f>
        <v>0.15383732364503883</v>
      </c>
      <c r="J7228" s="59">
        <f>Bühler!J7254</f>
        <v>0.5127910788167962</v>
      </c>
      <c r="K7228" s="59">
        <f>Bühler!K7254</f>
        <v>0.76918661822519419</v>
      </c>
      <c r="L7228" s="59">
        <f>Bühler!L7254</f>
        <v>7.575785010419879</v>
      </c>
      <c r="M7228" s="58">
        <f>Bühler!M7254</f>
        <v>0</v>
      </c>
      <c r="N7228" s="56">
        <f>IF(Input!$D$19=1,J7228*Input!$C$19,0)+IF(Input!$D$20=1,K7228*Input!$C$20,0)+IF(Input!$D$21=1,L7228*Input!$C$21,0)+IF(Input!$D$22=1,M7228*Input!$C$22,0)</f>
        <v>0.15383732364503885</v>
      </c>
      <c r="O7228" s="59">
        <f>IF(Input!$D$19=2,J7228*Input!$C$19,0)+IF(Input!$D$20=2,K7228*Input!$C$20,0)+IF(Input!$D$21=2,L7228*Input!$C$21,0)+IF(Input!$D$22=2,M7228*Input!$C$22,0)</f>
        <v>0.38459330911259709</v>
      </c>
      <c r="P7228" s="59">
        <f>IF(Input!$D$19=3,J7228*Input!$C$19,0)+IF(Input!$D$20=3,K7228*Input!$C$20,0)+IF(Input!$D$21=3,L7228*Input!$C$21,0)+IF(Input!$D$22=3,M7228*Input!$C$22,0)</f>
        <v>0</v>
      </c>
      <c r="Q7228" s="75">
        <f>IF(Input!$D$19=4,J7228*Input!$C$19,0)+IF(Input!$D$20=4,K7228*Input!$C$20,0)+IF(Input!$D$21=4,L7228*Input!$C$21,0)+IF(Input!$D$22=4,M7228*Input!$C$22,0)</f>
        <v>0</v>
      </c>
      <c r="R7228" s="58">
        <v>42.344576941384894</v>
      </c>
      <c r="S7228" s="124">
        <f t="shared" si="112"/>
        <v>0.66662840246183497</v>
      </c>
    </row>
    <row r="7229" spans="8:19" x14ac:dyDescent="0.3">
      <c r="H7229" s="44">
        <v>7222</v>
      </c>
      <c r="I7229" s="56">
        <f>Bühler!I7255</f>
        <v>0.13398734640051768</v>
      </c>
      <c r="J7229" s="59">
        <f>Bühler!J7255</f>
        <v>0.44662448800172572</v>
      </c>
      <c r="K7229" s="59">
        <f>Bühler!K7255</f>
        <v>0.66993673200258852</v>
      </c>
      <c r="L7229" s="59">
        <f>Bühler!L7255</f>
        <v>6.5982643639140885</v>
      </c>
      <c r="M7229" s="58">
        <f>Bühler!M7255</f>
        <v>0</v>
      </c>
      <c r="N7229" s="56">
        <f>IF(Input!$D$19=1,J7229*Input!$C$19,0)+IF(Input!$D$20=1,K7229*Input!$C$20,0)+IF(Input!$D$21=1,L7229*Input!$C$21,0)+IF(Input!$D$22=1,M7229*Input!$C$22,0)</f>
        <v>0.13398734640051771</v>
      </c>
      <c r="O7229" s="59">
        <f>IF(Input!$D$19=2,J7229*Input!$C$19,0)+IF(Input!$D$20=2,K7229*Input!$C$20,0)+IF(Input!$D$21=2,L7229*Input!$C$21,0)+IF(Input!$D$22=2,M7229*Input!$C$22,0)</f>
        <v>0.33496836600129426</v>
      </c>
      <c r="P7229" s="59">
        <f>IF(Input!$D$19=3,J7229*Input!$C$19,0)+IF(Input!$D$20=3,K7229*Input!$C$20,0)+IF(Input!$D$21=3,L7229*Input!$C$21,0)+IF(Input!$D$22=3,M7229*Input!$C$22,0)</f>
        <v>0</v>
      </c>
      <c r="Q7229" s="75">
        <f>IF(Input!$D$19=4,J7229*Input!$C$19,0)+IF(Input!$D$20=4,K7229*Input!$C$20,0)+IF(Input!$D$21=4,L7229*Input!$C$21,0)+IF(Input!$D$22=4,M7229*Input!$C$22,0)</f>
        <v>0</v>
      </c>
      <c r="R7229" s="58">
        <v>42.546506763207582</v>
      </c>
      <c r="S7229" s="124">
        <f t="shared" si="112"/>
        <v>0.5806118344022434</v>
      </c>
    </row>
    <row r="7230" spans="8:19" x14ac:dyDescent="0.3">
      <c r="H7230" s="44">
        <v>7223</v>
      </c>
      <c r="I7230" s="56">
        <f>Bühler!I7256</f>
        <v>0.13398734640051768</v>
      </c>
      <c r="J7230" s="59">
        <f>Bühler!J7256</f>
        <v>0.44662448800172572</v>
      </c>
      <c r="K7230" s="59">
        <f>Bühler!K7256</f>
        <v>0.66993673200258852</v>
      </c>
      <c r="L7230" s="59">
        <f>Bühler!L7256</f>
        <v>6.5982643639140885</v>
      </c>
      <c r="M7230" s="58">
        <f>Bühler!M7256</f>
        <v>0</v>
      </c>
      <c r="N7230" s="56">
        <f>IF(Input!$D$19=1,J7230*Input!$C$19,0)+IF(Input!$D$20=1,K7230*Input!$C$20,0)+IF(Input!$D$21=1,L7230*Input!$C$21,0)+IF(Input!$D$22=1,M7230*Input!$C$22,0)</f>
        <v>0.13398734640051771</v>
      </c>
      <c r="O7230" s="59">
        <f>IF(Input!$D$19=2,J7230*Input!$C$19,0)+IF(Input!$D$20=2,K7230*Input!$C$20,0)+IF(Input!$D$21=2,L7230*Input!$C$21,0)+IF(Input!$D$22=2,M7230*Input!$C$22,0)</f>
        <v>0.33496836600129426</v>
      </c>
      <c r="P7230" s="59">
        <f>IF(Input!$D$19=3,J7230*Input!$C$19,0)+IF(Input!$D$20=3,K7230*Input!$C$20,0)+IF(Input!$D$21=3,L7230*Input!$C$21,0)+IF(Input!$D$22=3,M7230*Input!$C$22,0)</f>
        <v>0</v>
      </c>
      <c r="Q7230" s="75">
        <f>IF(Input!$D$19=4,J7230*Input!$C$19,0)+IF(Input!$D$20=4,K7230*Input!$C$20,0)+IF(Input!$D$21=4,L7230*Input!$C$21,0)+IF(Input!$D$22=4,M7230*Input!$C$22,0)</f>
        <v>0</v>
      </c>
      <c r="R7230" s="58">
        <v>42.844587813089937</v>
      </c>
      <c r="S7230" s="124">
        <f t="shared" si="112"/>
        <v>0.5806118344022434</v>
      </c>
    </row>
    <row r="7231" spans="8:19" x14ac:dyDescent="0.3">
      <c r="H7231" s="44">
        <v>7224</v>
      </c>
      <c r="I7231" s="56">
        <f>Bühler!I7257</f>
        <v>0.13398734640051768</v>
      </c>
      <c r="J7231" s="59">
        <f>Bühler!J7257</f>
        <v>0.44662448800172572</v>
      </c>
      <c r="K7231" s="59">
        <f>Bühler!K7257</f>
        <v>0.66993673200258852</v>
      </c>
      <c r="L7231" s="59">
        <f>Bühler!L7257</f>
        <v>6.5982643639140885</v>
      </c>
      <c r="M7231" s="58">
        <f>Bühler!M7257</f>
        <v>0</v>
      </c>
      <c r="N7231" s="56">
        <f>IF(Input!$D$19=1,J7231*Input!$C$19,0)+IF(Input!$D$20=1,K7231*Input!$C$20,0)+IF(Input!$D$21=1,L7231*Input!$C$21,0)+IF(Input!$D$22=1,M7231*Input!$C$22,0)</f>
        <v>0.13398734640051771</v>
      </c>
      <c r="O7231" s="59">
        <f>IF(Input!$D$19=2,J7231*Input!$C$19,0)+IF(Input!$D$20=2,K7231*Input!$C$20,0)+IF(Input!$D$21=2,L7231*Input!$C$21,0)+IF(Input!$D$22=2,M7231*Input!$C$22,0)</f>
        <v>0.33496836600129426</v>
      </c>
      <c r="P7231" s="59">
        <f>IF(Input!$D$19=3,J7231*Input!$C$19,0)+IF(Input!$D$20=3,K7231*Input!$C$20,0)+IF(Input!$D$21=3,L7231*Input!$C$21,0)+IF(Input!$D$22=3,M7231*Input!$C$22,0)</f>
        <v>0</v>
      </c>
      <c r="Q7231" s="75">
        <f>IF(Input!$D$19=4,J7231*Input!$C$19,0)+IF(Input!$D$20=4,K7231*Input!$C$20,0)+IF(Input!$D$21=4,L7231*Input!$C$21,0)+IF(Input!$D$22=4,M7231*Input!$C$22,0)</f>
        <v>0</v>
      </c>
      <c r="R7231" s="58">
        <v>42.331900933412044</v>
      </c>
      <c r="S7231" s="124">
        <f t="shared" si="112"/>
        <v>0.5806118344022434</v>
      </c>
    </row>
    <row r="7232" spans="8:19" x14ac:dyDescent="0.3">
      <c r="H7232" s="44">
        <v>7225</v>
      </c>
      <c r="I7232" s="56">
        <f>Bühler!I7258</f>
        <v>8.1273850490965013E-2</v>
      </c>
      <c r="J7232" s="59">
        <f>Bühler!J7258</f>
        <v>0.27091283496988339</v>
      </c>
      <c r="K7232" s="59">
        <f>Bühler!K7258</f>
        <v>0.40636925245482503</v>
      </c>
      <c r="L7232" s="59">
        <f>Bühler!L7258</f>
        <v>1.9505724117831602</v>
      </c>
      <c r="M7232" s="58">
        <f>Bühler!M7258</f>
        <v>0</v>
      </c>
      <c r="N7232" s="56">
        <f>IF(Input!$D$19=1,J7232*Input!$C$19,0)+IF(Input!$D$20=1,K7232*Input!$C$20,0)+IF(Input!$D$21=1,L7232*Input!$C$21,0)+IF(Input!$D$22=1,M7232*Input!$C$22,0)</f>
        <v>8.1273850490965013E-2</v>
      </c>
      <c r="O7232" s="59">
        <f>IF(Input!$D$19=2,J7232*Input!$C$19,0)+IF(Input!$D$20=2,K7232*Input!$C$20,0)+IF(Input!$D$21=2,L7232*Input!$C$21,0)+IF(Input!$D$22=2,M7232*Input!$C$22,0)</f>
        <v>0.20318462622741251</v>
      </c>
      <c r="P7232" s="59">
        <f>IF(Input!$D$19=3,J7232*Input!$C$19,0)+IF(Input!$D$20=3,K7232*Input!$C$20,0)+IF(Input!$D$21=3,L7232*Input!$C$21,0)+IF(Input!$D$22=3,M7232*Input!$C$22,0)</f>
        <v>0</v>
      </c>
      <c r="Q7232" s="75">
        <f>IF(Input!$D$19=4,J7232*Input!$C$19,0)+IF(Input!$D$20=4,K7232*Input!$C$20,0)+IF(Input!$D$21=4,L7232*Input!$C$21,0)+IF(Input!$D$22=4,M7232*Input!$C$22,0)</f>
        <v>0</v>
      </c>
      <c r="R7232" s="58">
        <v>42.129028161361283</v>
      </c>
      <c r="S7232" s="124">
        <f t="shared" si="112"/>
        <v>0.35218668546084841</v>
      </c>
    </row>
    <row r="7233" spans="8:19" x14ac:dyDescent="0.3">
      <c r="H7233" s="44">
        <v>7226</v>
      </c>
      <c r="I7233" s="56">
        <f>Bühler!I7259</f>
        <v>8.1273850490965013E-2</v>
      </c>
      <c r="J7233" s="59">
        <f>Bühler!J7259</f>
        <v>0.27091283496988339</v>
      </c>
      <c r="K7233" s="59">
        <f>Bühler!K7259</f>
        <v>0.40636925245482503</v>
      </c>
      <c r="L7233" s="59">
        <f>Bühler!L7259</f>
        <v>1.9505724117831602</v>
      </c>
      <c r="M7233" s="58">
        <f>Bühler!M7259</f>
        <v>0</v>
      </c>
      <c r="N7233" s="56">
        <f>IF(Input!$D$19=1,J7233*Input!$C$19,0)+IF(Input!$D$20=1,K7233*Input!$C$20,0)+IF(Input!$D$21=1,L7233*Input!$C$21,0)+IF(Input!$D$22=1,M7233*Input!$C$22,0)</f>
        <v>8.1273850490965013E-2</v>
      </c>
      <c r="O7233" s="59">
        <f>IF(Input!$D$19=2,J7233*Input!$C$19,0)+IF(Input!$D$20=2,K7233*Input!$C$20,0)+IF(Input!$D$21=2,L7233*Input!$C$21,0)+IF(Input!$D$22=2,M7233*Input!$C$22,0)</f>
        <v>0.20318462622741251</v>
      </c>
      <c r="P7233" s="59">
        <f>IF(Input!$D$19=3,J7233*Input!$C$19,0)+IF(Input!$D$20=3,K7233*Input!$C$20,0)+IF(Input!$D$21=3,L7233*Input!$C$21,0)+IF(Input!$D$22=3,M7233*Input!$C$22,0)</f>
        <v>0</v>
      </c>
      <c r="Q7233" s="75">
        <f>IF(Input!$D$19=4,J7233*Input!$C$19,0)+IF(Input!$D$20=4,K7233*Input!$C$20,0)+IF(Input!$D$21=4,L7233*Input!$C$21,0)+IF(Input!$D$22=4,M7233*Input!$C$22,0)</f>
        <v>0</v>
      </c>
      <c r="R7233" s="58">
        <v>42.345349624724513</v>
      </c>
      <c r="S7233" s="124">
        <f t="shared" si="112"/>
        <v>0.35218668546084841</v>
      </c>
    </row>
    <row r="7234" spans="8:19" x14ac:dyDescent="0.3">
      <c r="H7234" s="44">
        <v>7227</v>
      </c>
      <c r="I7234" s="56">
        <f>Bühler!I7260</f>
        <v>8.1273850490965013E-2</v>
      </c>
      <c r="J7234" s="59">
        <f>Bühler!J7260</f>
        <v>0.27091283496988339</v>
      </c>
      <c r="K7234" s="59">
        <f>Bühler!K7260</f>
        <v>0.40636925245482503</v>
      </c>
      <c r="L7234" s="59">
        <f>Bühler!L7260</f>
        <v>1.9505724117831602</v>
      </c>
      <c r="M7234" s="58">
        <f>Bühler!M7260</f>
        <v>0</v>
      </c>
      <c r="N7234" s="56">
        <f>IF(Input!$D$19=1,J7234*Input!$C$19,0)+IF(Input!$D$20=1,K7234*Input!$C$20,0)+IF(Input!$D$21=1,L7234*Input!$C$21,0)+IF(Input!$D$22=1,M7234*Input!$C$22,0)</f>
        <v>8.1273850490965013E-2</v>
      </c>
      <c r="O7234" s="59">
        <f>IF(Input!$D$19=2,J7234*Input!$C$19,0)+IF(Input!$D$20=2,K7234*Input!$C$20,0)+IF(Input!$D$21=2,L7234*Input!$C$21,0)+IF(Input!$D$22=2,M7234*Input!$C$22,0)</f>
        <v>0.20318462622741251</v>
      </c>
      <c r="P7234" s="59">
        <f>IF(Input!$D$19=3,J7234*Input!$C$19,0)+IF(Input!$D$20=3,K7234*Input!$C$20,0)+IF(Input!$D$21=3,L7234*Input!$C$21,0)+IF(Input!$D$22=3,M7234*Input!$C$22,0)</f>
        <v>0</v>
      </c>
      <c r="Q7234" s="75">
        <f>IF(Input!$D$19=4,J7234*Input!$C$19,0)+IF(Input!$D$20=4,K7234*Input!$C$20,0)+IF(Input!$D$21=4,L7234*Input!$C$21,0)+IF(Input!$D$22=4,M7234*Input!$C$22,0)</f>
        <v>0</v>
      </c>
      <c r="R7234" s="58">
        <v>43.536855029008478</v>
      </c>
      <c r="S7234" s="124">
        <f t="shared" si="112"/>
        <v>0.35218668546084841</v>
      </c>
    </row>
    <row r="7235" spans="8:19" x14ac:dyDescent="0.3">
      <c r="H7235" s="44">
        <v>7228</v>
      </c>
      <c r="I7235" s="56">
        <f>Bühler!I7261</f>
        <v>8.1273850490965013E-2</v>
      </c>
      <c r="J7235" s="59">
        <f>Bühler!J7261</f>
        <v>0.27091283496988339</v>
      </c>
      <c r="K7235" s="59">
        <f>Bühler!K7261</f>
        <v>0.40636925245482503</v>
      </c>
      <c r="L7235" s="59">
        <f>Bühler!L7261</f>
        <v>1.9505724117831602</v>
      </c>
      <c r="M7235" s="58">
        <f>Bühler!M7261</f>
        <v>0</v>
      </c>
      <c r="N7235" s="56">
        <f>IF(Input!$D$19=1,J7235*Input!$C$19,0)+IF(Input!$D$20=1,K7235*Input!$C$20,0)+IF(Input!$D$21=1,L7235*Input!$C$21,0)+IF(Input!$D$22=1,M7235*Input!$C$22,0)</f>
        <v>8.1273850490965013E-2</v>
      </c>
      <c r="O7235" s="59">
        <f>IF(Input!$D$19=2,J7235*Input!$C$19,0)+IF(Input!$D$20=2,K7235*Input!$C$20,0)+IF(Input!$D$21=2,L7235*Input!$C$21,0)+IF(Input!$D$22=2,M7235*Input!$C$22,0)</f>
        <v>0.20318462622741251</v>
      </c>
      <c r="P7235" s="59">
        <f>IF(Input!$D$19=3,J7235*Input!$C$19,0)+IF(Input!$D$20=3,K7235*Input!$C$20,0)+IF(Input!$D$21=3,L7235*Input!$C$21,0)+IF(Input!$D$22=3,M7235*Input!$C$22,0)</f>
        <v>0</v>
      </c>
      <c r="Q7235" s="75">
        <f>IF(Input!$D$19=4,J7235*Input!$C$19,0)+IF(Input!$D$20=4,K7235*Input!$C$20,0)+IF(Input!$D$21=4,L7235*Input!$C$21,0)+IF(Input!$D$22=4,M7235*Input!$C$22,0)</f>
        <v>0</v>
      </c>
      <c r="R7235" s="58">
        <v>44.7515197702539</v>
      </c>
      <c r="S7235" s="124">
        <f t="shared" si="112"/>
        <v>0.35218668546084841</v>
      </c>
    </row>
    <row r="7236" spans="8:19" x14ac:dyDescent="0.3">
      <c r="H7236" s="44">
        <v>7229</v>
      </c>
      <c r="I7236" s="56">
        <f>Bühler!I7262</f>
        <v>8.1273850490965013E-2</v>
      </c>
      <c r="J7236" s="59">
        <f>Bühler!J7262</f>
        <v>0.27091283496988339</v>
      </c>
      <c r="K7236" s="59">
        <f>Bühler!K7262</f>
        <v>0.40636925245482503</v>
      </c>
      <c r="L7236" s="59">
        <f>Bühler!L7262</f>
        <v>1.9505724117831602</v>
      </c>
      <c r="M7236" s="58">
        <f>Bühler!M7262</f>
        <v>0</v>
      </c>
      <c r="N7236" s="56">
        <f>IF(Input!$D$19=1,J7236*Input!$C$19,0)+IF(Input!$D$20=1,K7236*Input!$C$20,0)+IF(Input!$D$21=1,L7236*Input!$C$21,0)+IF(Input!$D$22=1,M7236*Input!$C$22,0)</f>
        <v>8.1273850490965013E-2</v>
      </c>
      <c r="O7236" s="59">
        <f>IF(Input!$D$19=2,J7236*Input!$C$19,0)+IF(Input!$D$20=2,K7236*Input!$C$20,0)+IF(Input!$D$21=2,L7236*Input!$C$21,0)+IF(Input!$D$22=2,M7236*Input!$C$22,0)</f>
        <v>0.20318462622741251</v>
      </c>
      <c r="P7236" s="59">
        <f>IF(Input!$D$19=3,J7236*Input!$C$19,0)+IF(Input!$D$20=3,K7236*Input!$C$20,0)+IF(Input!$D$21=3,L7236*Input!$C$21,0)+IF(Input!$D$22=3,M7236*Input!$C$22,0)</f>
        <v>0</v>
      </c>
      <c r="Q7236" s="75">
        <f>IF(Input!$D$19=4,J7236*Input!$C$19,0)+IF(Input!$D$20=4,K7236*Input!$C$20,0)+IF(Input!$D$21=4,L7236*Input!$C$21,0)+IF(Input!$D$22=4,M7236*Input!$C$22,0)</f>
        <v>0</v>
      </c>
      <c r="R7236" s="58">
        <v>47.291261475214</v>
      </c>
      <c r="S7236" s="124">
        <f t="shared" si="112"/>
        <v>0.35218668546084841</v>
      </c>
    </row>
    <row r="7237" spans="8:19" x14ac:dyDescent="0.3">
      <c r="H7237" s="44">
        <v>7230</v>
      </c>
      <c r="I7237" s="56">
        <f>Bühler!I7263</f>
        <v>0.35218668546084836</v>
      </c>
      <c r="J7237" s="59">
        <f>Bühler!J7263</f>
        <v>1.1739556182028279</v>
      </c>
      <c r="K7237" s="59">
        <f>Bühler!K7263</f>
        <v>1.7609334273042418</v>
      </c>
      <c r="L7237" s="59">
        <f>Bühler!L7263</f>
        <v>8.4524804510603602</v>
      </c>
      <c r="M7237" s="58">
        <f>Bühler!M7263</f>
        <v>0</v>
      </c>
      <c r="N7237" s="56">
        <f>IF(Input!$D$19=1,J7237*Input!$C$19,0)+IF(Input!$D$20=1,K7237*Input!$C$20,0)+IF(Input!$D$21=1,L7237*Input!$C$21,0)+IF(Input!$D$22=1,M7237*Input!$C$22,0)</f>
        <v>0.35218668546084836</v>
      </c>
      <c r="O7237" s="59">
        <f>IF(Input!$D$19=2,J7237*Input!$C$19,0)+IF(Input!$D$20=2,K7237*Input!$C$20,0)+IF(Input!$D$21=2,L7237*Input!$C$21,0)+IF(Input!$D$22=2,M7237*Input!$C$22,0)</f>
        <v>0.88046671365212092</v>
      </c>
      <c r="P7237" s="59">
        <f>IF(Input!$D$19=3,J7237*Input!$C$19,0)+IF(Input!$D$20=3,K7237*Input!$C$20,0)+IF(Input!$D$21=3,L7237*Input!$C$21,0)+IF(Input!$D$22=3,M7237*Input!$C$22,0)</f>
        <v>0</v>
      </c>
      <c r="Q7237" s="75">
        <f>IF(Input!$D$19=4,J7237*Input!$C$19,0)+IF(Input!$D$20=4,K7237*Input!$C$20,0)+IF(Input!$D$21=4,L7237*Input!$C$21,0)+IF(Input!$D$22=4,M7237*Input!$C$22,0)</f>
        <v>0</v>
      </c>
      <c r="R7237" s="58">
        <v>52.927076752358431</v>
      </c>
      <c r="S7237" s="124">
        <f t="shared" si="112"/>
        <v>1.5261423036636763</v>
      </c>
    </row>
    <row r="7238" spans="8:19" x14ac:dyDescent="0.3">
      <c r="H7238" s="44">
        <v>7231</v>
      </c>
      <c r="I7238" s="56">
        <f>Bühler!I7264</f>
        <v>0.39959643158057795</v>
      </c>
      <c r="J7238" s="59">
        <f>Bühler!J7264</f>
        <v>1.3319881052685933</v>
      </c>
      <c r="K7238" s="59">
        <f>Bühler!K7264</f>
        <v>1.9979821579028898</v>
      </c>
      <c r="L7238" s="59">
        <f>Bühler!L7264</f>
        <v>9.5903143579338703</v>
      </c>
      <c r="M7238" s="58">
        <f>Bühler!M7264</f>
        <v>0</v>
      </c>
      <c r="N7238" s="56">
        <f>IF(Input!$D$19=1,J7238*Input!$C$19,0)+IF(Input!$D$20=1,K7238*Input!$C$20,0)+IF(Input!$D$21=1,L7238*Input!$C$21,0)+IF(Input!$D$22=1,M7238*Input!$C$22,0)</f>
        <v>0.399596431580578</v>
      </c>
      <c r="O7238" s="59">
        <f>IF(Input!$D$19=2,J7238*Input!$C$19,0)+IF(Input!$D$20=2,K7238*Input!$C$20,0)+IF(Input!$D$21=2,L7238*Input!$C$21,0)+IF(Input!$D$22=2,M7238*Input!$C$22,0)</f>
        <v>0.9989910789514449</v>
      </c>
      <c r="P7238" s="59">
        <f>IF(Input!$D$19=3,J7238*Input!$C$19,0)+IF(Input!$D$20=3,K7238*Input!$C$20,0)+IF(Input!$D$21=3,L7238*Input!$C$21,0)+IF(Input!$D$22=3,M7238*Input!$C$22,0)</f>
        <v>0</v>
      </c>
      <c r="Q7238" s="75">
        <f>IF(Input!$D$19=4,J7238*Input!$C$19,0)+IF(Input!$D$20=4,K7238*Input!$C$20,0)+IF(Input!$D$21=4,L7238*Input!$C$21,0)+IF(Input!$D$22=4,M7238*Input!$C$22,0)</f>
        <v>0</v>
      </c>
      <c r="R7238" s="58">
        <v>58.940747343393397</v>
      </c>
      <c r="S7238" s="124">
        <f t="shared" si="112"/>
        <v>1.7315845368491714</v>
      </c>
    </row>
    <row r="7239" spans="8:19" x14ac:dyDescent="0.3">
      <c r="H7239" s="44">
        <v>7232</v>
      </c>
      <c r="I7239" s="56">
        <f>Bühler!I7265</f>
        <v>0.39959643158057795</v>
      </c>
      <c r="J7239" s="59">
        <f>Bühler!J7265</f>
        <v>1.3319881052685933</v>
      </c>
      <c r="K7239" s="59">
        <f>Bühler!K7265</f>
        <v>1.9979821579028898</v>
      </c>
      <c r="L7239" s="59">
        <f>Bühler!L7265</f>
        <v>9.5903143579338703</v>
      </c>
      <c r="M7239" s="58">
        <f>Bühler!M7265</f>
        <v>0</v>
      </c>
      <c r="N7239" s="56">
        <f>IF(Input!$D$19=1,J7239*Input!$C$19,0)+IF(Input!$D$20=1,K7239*Input!$C$20,0)+IF(Input!$D$21=1,L7239*Input!$C$21,0)+IF(Input!$D$22=1,M7239*Input!$C$22,0)</f>
        <v>0.399596431580578</v>
      </c>
      <c r="O7239" s="59">
        <f>IF(Input!$D$19=2,J7239*Input!$C$19,0)+IF(Input!$D$20=2,K7239*Input!$C$20,0)+IF(Input!$D$21=2,L7239*Input!$C$21,0)+IF(Input!$D$22=2,M7239*Input!$C$22,0)</f>
        <v>0.9989910789514449</v>
      </c>
      <c r="P7239" s="59">
        <f>IF(Input!$D$19=3,J7239*Input!$C$19,0)+IF(Input!$D$20=3,K7239*Input!$C$20,0)+IF(Input!$D$21=3,L7239*Input!$C$21,0)+IF(Input!$D$22=3,M7239*Input!$C$22,0)</f>
        <v>0</v>
      </c>
      <c r="Q7239" s="75">
        <f>IF(Input!$D$19=4,J7239*Input!$C$19,0)+IF(Input!$D$20=4,K7239*Input!$C$20,0)+IF(Input!$D$21=4,L7239*Input!$C$21,0)+IF(Input!$D$22=4,M7239*Input!$C$22,0)</f>
        <v>0</v>
      </c>
      <c r="R7239" s="58">
        <v>62.176845748952644</v>
      </c>
      <c r="S7239" s="124">
        <f t="shared" si="112"/>
        <v>1.7315845368491714</v>
      </c>
    </row>
    <row r="7240" spans="8:19" x14ac:dyDescent="0.3">
      <c r="H7240" s="44">
        <v>7233</v>
      </c>
      <c r="I7240" s="56">
        <f>Bühler!I7266</f>
        <v>0.39959643158057795</v>
      </c>
      <c r="J7240" s="59">
        <f>Bühler!J7266</f>
        <v>1.3319881052685933</v>
      </c>
      <c r="K7240" s="59">
        <f>Bühler!K7266</f>
        <v>1.9979821579028898</v>
      </c>
      <c r="L7240" s="59">
        <f>Bühler!L7266</f>
        <v>9.5903143579338703</v>
      </c>
      <c r="M7240" s="58">
        <f>Bühler!M7266</f>
        <v>0</v>
      </c>
      <c r="N7240" s="56">
        <f>IF(Input!$D$19=1,J7240*Input!$C$19,0)+IF(Input!$D$20=1,K7240*Input!$C$20,0)+IF(Input!$D$21=1,L7240*Input!$C$21,0)+IF(Input!$D$22=1,M7240*Input!$C$22,0)</f>
        <v>0.399596431580578</v>
      </c>
      <c r="O7240" s="59">
        <f>IF(Input!$D$19=2,J7240*Input!$C$19,0)+IF(Input!$D$20=2,K7240*Input!$C$20,0)+IF(Input!$D$21=2,L7240*Input!$C$21,0)+IF(Input!$D$22=2,M7240*Input!$C$22,0)</f>
        <v>0.9989910789514449</v>
      </c>
      <c r="P7240" s="59">
        <f>IF(Input!$D$19=3,J7240*Input!$C$19,0)+IF(Input!$D$20=3,K7240*Input!$C$20,0)+IF(Input!$D$21=3,L7240*Input!$C$21,0)+IF(Input!$D$22=3,M7240*Input!$C$22,0)</f>
        <v>0</v>
      </c>
      <c r="Q7240" s="75">
        <f>IF(Input!$D$19=4,J7240*Input!$C$19,0)+IF(Input!$D$20=4,K7240*Input!$C$20,0)+IF(Input!$D$21=4,L7240*Input!$C$21,0)+IF(Input!$D$22=4,M7240*Input!$C$22,0)</f>
        <v>0</v>
      </c>
      <c r="R7240" s="58">
        <v>63.408382975810476</v>
      </c>
      <c r="S7240" s="124">
        <f t="shared" si="112"/>
        <v>1.7315845368491714</v>
      </c>
    </row>
    <row r="7241" spans="8:19" x14ac:dyDescent="0.3">
      <c r="H7241" s="44">
        <v>7234</v>
      </c>
      <c r="I7241" s="56">
        <f>Bühler!I7267</f>
        <v>0.42668771507756637</v>
      </c>
      <c r="J7241" s="59">
        <f>Bühler!J7267</f>
        <v>1.4222923835918879</v>
      </c>
      <c r="K7241" s="59">
        <f>Bühler!K7267</f>
        <v>2.1334385753878315</v>
      </c>
      <c r="L7241" s="59">
        <f>Bühler!L7267</f>
        <v>10.240505161861593</v>
      </c>
      <c r="M7241" s="58">
        <f>Bühler!M7267</f>
        <v>0</v>
      </c>
      <c r="N7241" s="56">
        <f>IF(Input!$D$19=1,J7241*Input!$C$19,0)+IF(Input!$D$20=1,K7241*Input!$C$20,0)+IF(Input!$D$21=1,L7241*Input!$C$21,0)+IF(Input!$D$22=1,M7241*Input!$C$22,0)</f>
        <v>0.42668771507756637</v>
      </c>
      <c r="O7241" s="59">
        <f>IF(Input!$D$19=2,J7241*Input!$C$19,0)+IF(Input!$D$20=2,K7241*Input!$C$20,0)+IF(Input!$D$21=2,L7241*Input!$C$21,0)+IF(Input!$D$22=2,M7241*Input!$C$22,0)</f>
        <v>1.0667192876939158</v>
      </c>
      <c r="P7241" s="59">
        <f>IF(Input!$D$19=3,J7241*Input!$C$19,0)+IF(Input!$D$20=3,K7241*Input!$C$20,0)+IF(Input!$D$21=3,L7241*Input!$C$21,0)+IF(Input!$D$22=3,M7241*Input!$C$22,0)</f>
        <v>0</v>
      </c>
      <c r="Q7241" s="75">
        <f>IF(Input!$D$19=4,J7241*Input!$C$19,0)+IF(Input!$D$20=4,K7241*Input!$C$20,0)+IF(Input!$D$21=4,L7241*Input!$C$21,0)+IF(Input!$D$22=4,M7241*Input!$C$22,0)</f>
        <v>0</v>
      </c>
      <c r="R7241" s="58">
        <v>64.465307419080034</v>
      </c>
      <c r="S7241" s="124">
        <f t="shared" ref="S7241:S7304" si="113">I7241+J7241</f>
        <v>1.8489800986694542</v>
      </c>
    </row>
    <row r="7242" spans="8:19" x14ac:dyDescent="0.3">
      <c r="H7242" s="44">
        <v>7235</v>
      </c>
      <c r="I7242" s="56">
        <f>Bühler!I7268</f>
        <v>0.42668771507756637</v>
      </c>
      <c r="J7242" s="59">
        <f>Bühler!J7268</f>
        <v>1.4222923835918879</v>
      </c>
      <c r="K7242" s="59">
        <f>Bühler!K7268</f>
        <v>2.1334385753878315</v>
      </c>
      <c r="L7242" s="59">
        <f>Bühler!L7268</f>
        <v>10.240505161861593</v>
      </c>
      <c r="M7242" s="58">
        <f>Bühler!M7268</f>
        <v>0</v>
      </c>
      <c r="N7242" s="56">
        <f>IF(Input!$D$19=1,J7242*Input!$C$19,0)+IF(Input!$D$20=1,K7242*Input!$C$20,0)+IF(Input!$D$21=1,L7242*Input!$C$21,0)+IF(Input!$D$22=1,M7242*Input!$C$22,0)</f>
        <v>0.42668771507756637</v>
      </c>
      <c r="O7242" s="59">
        <f>IF(Input!$D$19=2,J7242*Input!$C$19,0)+IF(Input!$D$20=2,K7242*Input!$C$20,0)+IF(Input!$D$21=2,L7242*Input!$C$21,0)+IF(Input!$D$22=2,M7242*Input!$C$22,0)</f>
        <v>1.0667192876939158</v>
      </c>
      <c r="P7242" s="59">
        <f>IF(Input!$D$19=3,J7242*Input!$C$19,0)+IF(Input!$D$20=3,K7242*Input!$C$20,0)+IF(Input!$D$21=3,L7242*Input!$C$21,0)+IF(Input!$D$22=3,M7242*Input!$C$22,0)</f>
        <v>0</v>
      </c>
      <c r="Q7242" s="75">
        <f>IF(Input!$D$19=4,J7242*Input!$C$19,0)+IF(Input!$D$20=4,K7242*Input!$C$20,0)+IF(Input!$D$21=4,L7242*Input!$C$21,0)+IF(Input!$D$22=4,M7242*Input!$C$22,0)</f>
        <v>0</v>
      </c>
      <c r="R7242" s="58">
        <v>65.602287544318344</v>
      </c>
      <c r="S7242" s="124">
        <f t="shared" si="113"/>
        <v>1.8489800986694542</v>
      </c>
    </row>
    <row r="7243" spans="8:19" x14ac:dyDescent="0.3">
      <c r="H7243" s="44">
        <v>7236</v>
      </c>
      <c r="I7243" s="56">
        <f>Bühler!I7269</f>
        <v>0.54182566993976677</v>
      </c>
      <c r="J7243" s="59">
        <f>Bühler!J7269</f>
        <v>1.8060855664658892</v>
      </c>
      <c r="K7243" s="59">
        <f>Bühler!K7269</f>
        <v>2.7091283496988336</v>
      </c>
      <c r="L7243" s="59">
        <f>Bühler!L7269</f>
        <v>13.003816078554401</v>
      </c>
      <c r="M7243" s="58">
        <f>Bühler!M7269</f>
        <v>0</v>
      </c>
      <c r="N7243" s="56">
        <f>IF(Input!$D$19=1,J7243*Input!$C$19,0)+IF(Input!$D$20=1,K7243*Input!$C$20,0)+IF(Input!$D$21=1,L7243*Input!$C$21,0)+IF(Input!$D$22=1,M7243*Input!$C$22,0)</f>
        <v>0.54182566993976677</v>
      </c>
      <c r="O7243" s="59">
        <f>IF(Input!$D$19=2,J7243*Input!$C$19,0)+IF(Input!$D$20=2,K7243*Input!$C$20,0)+IF(Input!$D$21=2,L7243*Input!$C$21,0)+IF(Input!$D$22=2,M7243*Input!$C$22,0)</f>
        <v>1.3545641748494168</v>
      </c>
      <c r="P7243" s="59">
        <f>IF(Input!$D$19=3,J7243*Input!$C$19,0)+IF(Input!$D$20=3,K7243*Input!$C$20,0)+IF(Input!$D$21=3,L7243*Input!$C$21,0)+IF(Input!$D$22=3,M7243*Input!$C$22,0)</f>
        <v>0</v>
      </c>
      <c r="Q7243" s="75">
        <f>IF(Input!$D$19=4,J7243*Input!$C$19,0)+IF(Input!$D$20=4,K7243*Input!$C$20,0)+IF(Input!$D$21=4,L7243*Input!$C$21,0)+IF(Input!$D$22=4,M7243*Input!$C$22,0)</f>
        <v>0</v>
      </c>
      <c r="R7243" s="58">
        <v>66.702074465310204</v>
      </c>
      <c r="S7243" s="124">
        <f t="shared" si="113"/>
        <v>2.3479112364056558</v>
      </c>
    </row>
    <row r="7244" spans="8:19" x14ac:dyDescent="0.3">
      <c r="H7244" s="44">
        <v>7237</v>
      </c>
      <c r="I7244" s="56">
        <f>Bühler!I7270</f>
        <v>0.54182566993976677</v>
      </c>
      <c r="J7244" s="59">
        <f>Bühler!J7270</f>
        <v>1.8060855664658892</v>
      </c>
      <c r="K7244" s="59">
        <f>Bühler!K7270</f>
        <v>2.7091283496988336</v>
      </c>
      <c r="L7244" s="59">
        <f>Bühler!L7270</f>
        <v>13.003816078554401</v>
      </c>
      <c r="M7244" s="58">
        <f>Bühler!M7270</f>
        <v>0</v>
      </c>
      <c r="N7244" s="56">
        <f>IF(Input!$D$19=1,J7244*Input!$C$19,0)+IF(Input!$D$20=1,K7244*Input!$C$20,0)+IF(Input!$D$21=1,L7244*Input!$C$21,0)+IF(Input!$D$22=1,M7244*Input!$C$22,0)</f>
        <v>0.54182566993976677</v>
      </c>
      <c r="O7244" s="59">
        <f>IF(Input!$D$19=2,J7244*Input!$C$19,0)+IF(Input!$D$20=2,K7244*Input!$C$20,0)+IF(Input!$D$21=2,L7244*Input!$C$21,0)+IF(Input!$D$22=2,M7244*Input!$C$22,0)</f>
        <v>1.3545641748494168</v>
      </c>
      <c r="P7244" s="59">
        <f>IF(Input!$D$19=3,J7244*Input!$C$19,0)+IF(Input!$D$20=3,K7244*Input!$C$20,0)+IF(Input!$D$21=3,L7244*Input!$C$21,0)+IF(Input!$D$22=3,M7244*Input!$C$22,0)</f>
        <v>0</v>
      </c>
      <c r="Q7244" s="75">
        <f>IF(Input!$D$19=4,J7244*Input!$C$19,0)+IF(Input!$D$20=4,K7244*Input!$C$20,0)+IF(Input!$D$21=4,L7244*Input!$C$21,0)+IF(Input!$D$22=4,M7244*Input!$C$22,0)</f>
        <v>0</v>
      </c>
      <c r="R7244" s="58">
        <v>66.545293514650183</v>
      </c>
      <c r="S7244" s="124">
        <f t="shared" si="113"/>
        <v>2.3479112364056558</v>
      </c>
    </row>
    <row r="7245" spans="8:19" x14ac:dyDescent="0.3">
      <c r="H7245" s="44">
        <v>7238</v>
      </c>
      <c r="I7245" s="56">
        <f>Bühler!I7271</f>
        <v>0.35895950633509549</v>
      </c>
      <c r="J7245" s="59">
        <f>Bühler!J7271</f>
        <v>1.1965316877836516</v>
      </c>
      <c r="K7245" s="59">
        <f>Bühler!K7271</f>
        <v>1.7947975316754774</v>
      </c>
      <c r="L7245" s="59">
        <f>Bühler!L7271</f>
        <v>8.6150281520422904</v>
      </c>
      <c r="M7245" s="58">
        <f>Bühler!M7271</f>
        <v>0</v>
      </c>
      <c r="N7245" s="56">
        <f>IF(Input!$D$19=1,J7245*Input!$C$19,0)+IF(Input!$D$20=1,K7245*Input!$C$20,0)+IF(Input!$D$21=1,L7245*Input!$C$21,0)+IF(Input!$D$22=1,M7245*Input!$C$22,0)</f>
        <v>0.35895950633509549</v>
      </c>
      <c r="O7245" s="59">
        <f>IF(Input!$D$19=2,J7245*Input!$C$19,0)+IF(Input!$D$20=2,K7245*Input!$C$20,0)+IF(Input!$D$21=2,L7245*Input!$C$21,0)+IF(Input!$D$22=2,M7245*Input!$C$22,0)</f>
        <v>0.8973987658377387</v>
      </c>
      <c r="P7245" s="59">
        <f>IF(Input!$D$19=3,J7245*Input!$C$19,0)+IF(Input!$D$20=3,K7245*Input!$C$20,0)+IF(Input!$D$21=3,L7245*Input!$C$21,0)+IF(Input!$D$22=3,M7245*Input!$C$22,0)</f>
        <v>0</v>
      </c>
      <c r="Q7245" s="75">
        <f>IF(Input!$D$19=4,J7245*Input!$C$19,0)+IF(Input!$D$20=4,K7245*Input!$C$20,0)+IF(Input!$D$21=4,L7245*Input!$C$21,0)+IF(Input!$D$22=4,M7245*Input!$C$22,0)</f>
        <v>0</v>
      </c>
      <c r="R7245" s="58">
        <v>66.521964871873578</v>
      </c>
      <c r="S7245" s="124">
        <f t="shared" si="113"/>
        <v>1.555491194118747</v>
      </c>
    </row>
    <row r="7246" spans="8:19" x14ac:dyDescent="0.3">
      <c r="H7246" s="44">
        <v>7239</v>
      </c>
      <c r="I7246" s="56">
        <f>Bühler!I7272</f>
        <v>0.54182566993976677</v>
      </c>
      <c r="J7246" s="59">
        <f>Bühler!J7272</f>
        <v>1.8060855664658892</v>
      </c>
      <c r="K7246" s="59">
        <f>Bühler!K7272</f>
        <v>2.7091283496988336</v>
      </c>
      <c r="L7246" s="59">
        <f>Bühler!L7272</f>
        <v>13.003816078554401</v>
      </c>
      <c r="M7246" s="58">
        <f>Bühler!M7272</f>
        <v>0</v>
      </c>
      <c r="N7246" s="56">
        <f>IF(Input!$D$19=1,J7246*Input!$C$19,0)+IF(Input!$D$20=1,K7246*Input!$C$20,0)+IF(Input!$D$21=1,L7246*Input!$C$21,0)+IF(Input!$D$22=1,M7246*Input!$C$22,0)</f>
        <v>0.54182566993976677</v>
      </c>
      <c r="O7246" s="59">
        <f>IF(Input!$D$19=2,J7246*Input!$C$19,0)+IF(Input!$D$20=2,K7246*Input!$C$20,0)+IF(Input!$D$21=2,L7246*Input!$C$21,0)+IF(Input!$D$22=2,M7246*Input!$C$22,0)</f>
        <v>1.3545641748494168</v>
      </c>
      <c r="P7246" s="59">
        <f>IF(Input!$D$19=3,J7246*Input!$C$19,0)+IF(Input!$D$20=3,K7246*Input!$C$20,0)+IF(Input!$D$21=3,L7246*Input!$C$21,0)+IF(Input!$D$22=3,M7246*Input!$C$22,0)</f>
        <v>0</v>
      </c>
      <c r="Q7246" s="75">
        <f>IF(Input!$D$19=4,J7246*Input!$C$19,0)+IF(Input!$D$20=4,K7246*Input!$C$20,0)+IF(Input!$D$21=4,L7246*Input!$C$21,0)+IF(Input!$D$22=4,M7246*Input!$C$22,0)</f>
        <v>0</v>
      </c>
      <c r="R7246" s="58">
        <v>68.144077178851703</v>
      </c>
      <c r="S7246" s="124">
        <f t="shared" si="113"/>
        <v>2.3479112364056558</v>
      </c>
    </row>
    <row r="7247" spans="8:19" x14ac:dyDescent="0.3">
      <c r="H7247" s="44">
        <v>7240</v>
      </c>
      <c r="I7247" s="56">
        <f>Bühler!I7273</f>
        <v>0.54182566993976677</v>
      </c>
      <c r="J7247" s="59">
        <f>Bühler!J7273</f>
        <v>1.8060855664658892</v>
      </c>
      <c r="K7247" s="59">
        <f>Bühler!K7273</f>
        <v>2.7091283496988336</v>
      </c>
      <c r="L7247" s="59">
        <f>Bühler!L7273</f>
        <v>13.003816078554401</v>
      </c>
      <c r="M7247" s="58">
        <f>Bühler!M7273</f>
        <v>0</v>
      </c>
      <c r="N7247" s="56">
        <f>IF(Input!$D$19=1,J7247*Input!$C$19,0)+IF(Input!$D$20=1,K7247*Input!$C$20,0)+IF(Input!$D$21=1,L7247*Input!$C$21,0)+IF(Input!$D$22=1,M7247*Input!$C$22,0)</f>
        <v>0.54182566993976677</v>
      </c>
      <c r="O7247" s="59">
        <f>IF(Input!$D$19=2,J7247*Input!$C$19,0)+IF(Input!$D$20=2,K7247*Input!$C$20,0)+IF(Input!$D$21=2,L7247*Input!$C$21,0)+IF(Input!$D$22=2,M7247*Input!$C$22,0)</f>
        <v>1.3545641748494168</v>
      </c>
      <c r="P7247" s="59">
        <f>IF(Input!$D$19=3,J7247*Input!$C$19,0)+IF(Input!$D$20=3,K7247*Input!$C$20,0)+IF(Input!$D$21=3,L7247*Input!$C$21,0)+IF(Input!$D$22=3,M7247*Input!$C$22,0)</f>
        <v>0</v>
      </c>
      <c r="Q7247" s="75">
        <f>IF(Input!$D$19=4,J7247*Input!$C$19,0)+IF(Input!$D$20=4,K7247*Input!$C$20,0)+IF(Input!$D$21=4,L7247*Input!$C$21,0)+IF(Input!$D$22=4,M7247*Input!$C$22,0)</f>
        <v>0</v>
      </c>
      <c r="R7247" s="58">
        <v>67.850150809726131</v>
      </c>
      <c r="S7247" s="124">
        <f t="shared" si="113"/>
        <v>2.3479112364056558</v>
      </c>
    </row>
    <row r="7248" spans="8:19" x14ac:dyDescent="0.3">
      <c r="H7248" s="44">
        <v>7241</v>
      </c>
      <c r="I7248" s="56">
        <f>Bühler!I7274</f>
        <v>0.54182566993976677</v>
      </c>
      <c r="J7248" s="59">
        <f>Bühler!J7274</f>
        <v>1.8060855664658892</v>
      </c>
      <c r="K7248" s="59">
        <f>Bühler!K7274</f>
        <v>2.7091283496988336</v>
      </c>
      <c r="L7248" s="59">
        <f>Bühler!L7274</f>
        <v>13.003816078554401</v>
      </c>
      <c r="M7248" s="58">
        <f>Bühler!M7274</f>
        <v>0</v>
      </c>
      <c r="N7248" s="56">
        <f>IF(Input!$D$19=1,J7248*Input!$C$19,0)+IF(Input!$D$20=1,K7248*Input!$C$20,0)+IF(Input!$D$21=1,L7248*Input!$C$21,0)+IF(Input!$D$22=1,M7248*Input!$C$22,0)</f>
        <v>0.54182566993976677</v>
      </c>
      <c r="O7248" s="59">
        <f>IF(Input!$D$19=2,J7248*Input!$C$19,0)+IF(Input!$D$20=2,K7248*Input!$C$20,0)+IF(Input!$D$21=2,L7248*Input!$C$21,0)+IF(Input!$D$22=2,M7248*Input!$C$22,0)</f>
        <v>1.3545641748494168</v>
      </c>
      <c r="P7248" s="59">
        <f>IF(Input!$D$19=3,J7248*Input!$C$19,0)+IF(Input!$D$20=3,K7248*Input!$C$20,0)+IF(Input!$D$21=3,L7248*Input!$C$21,0)+IF(Input!$D$22=3,M7248*Input!$C$22,0)</f>
        <v>0</v>
      </c>
      <c r="Q7248" s="75">
        <f>IF(Input!$D$19=4,J7248*Input!$C$19,0)+IF(Input!$D$20=4,K7248*Input!$C$20,0)+IF(Input!$D$21=4,L7248*Input!$C$21,0)+IF(Input!$D$22=4,M7248*Input!$C$22,0)</f>
        <v>0</v>
      </c>
      <c r="R7248" s="58">
        <v>66.543847805390641</v>
      </c>
      <c r="S7248" s="124">
        <f t="shared" si="113"/>
        <v>2.3479112364056558</v>
      </c>
    </row>
    <row r="7249" spans="8:19" x14ac:dyDescent="0.3">
      <c r="H7249" s="44">
        <v>7242</v>
      </c>
      <c r="I7249" s="56">
        <f>Bühler!I7275</f>
        <v>0.54182566993976677</v>
      </c>
      <c r="J7249" s="59">
        <f>Bühler!J7275</f>
        <v>1.8060855664658892</v>
      </c>
      <c r="K7249" s="59">
        <f>Bühler!K7275</f>
        <v>2.7091283496988336</v>
      </c>
      <c r="L7249" s="59">
        <f>Bühler!L7275</f>
        <v>13.003816078554401</v>
      </c>
      <c r="M7249" s="58">
        <f>Bühler!M7275</f>
        <v>0</v>
      </c>
      <c r="N7249" s="56">
        <f>IF(Input!$D$19=1,J7249*Input!$C$19,0)+IF(Input!$D$20=1,K7249*Input!$C$20,0)+IF(Input!$D$21=1,L7249*Input!$C$21,0)+IF(Input!$D$22=1,M7249*Input!$C$22,0)</f>
        <v>0.54182566993976677</v>
      </c>
      <c r="O7249" s="59">
        <f>IF(Input!$D$19=2,J7249*Input!$C$19,0)+IF(Input!$D$20=2,K7249*Input!$C$20,0)+IF(Input!$D$21=2,L7249*Input!$C$21,0)+IF(Input!$D$22=2,M7249*Input!$C$22,0)</f>
        <v>1.3545641748494168</v>
      </c>
      <c r="P7249" s="59">
        <f>IF(Input!$D$19=3,J7249*Input!$C$19,0)+IF(Input!$D$20=3,K7249*Input!$C$20,0)+IF(Input!$D$21=3,L7249*Input!$C$21,0)+IF(Input!$D$22=3,M7249*Input!$C$22,0)</f>
        <v>0</v>
      </c>
      <c r="Q7249" s="75">
        <f>IF(Input!$D$19=4,J7249*Input!$C$19,0)+IF(Input!$D$20=4,K7249*Input!$C$20,0)+IF(Input!$D$21=4,L7249*Input!$C$21,0)+IF(Input!$D$22=4,M7249*Input!$C$22,0)</f>
        <v>0</v>
      </c>
      <c r="R7249" s="58">
        <v>65.580688441252036</v>
      </c>
      <c r="S7249" s="124">
        <f t="shared" si="113"/>
        <v>2.3479112364056558</v>
      </c>
    </row>
    <row r="7250" spans="8:19" x14ac:dyDescent="0.3">
      <c r="H7250" s="44">
        <v>7243</v>
      </c>
      <c r="I7250" s="56">
        <f>Bühler!I7276</f>
        <v>0.54182566993976677</v>
      </c>
      <c r="J7250" s="59">
        <f>Bühler!J7276</f>
        <v>1.8060855664658892</v>
      </c>
      <c r="K7250" s="59">
        <f>Bühler!K7276</f>
        <v>2.7091283496988336</v>
      </c>
      <c r="L7250" s="59">
        <f>Bühler!L7276</f>
        <v>13.003816078554401</v>
      </c>
      <c r="M7250" s="58">
        <f>Bühler!M7276</f>
        <v>0</v>
      </c>
      <c r="N7250" s="56">
        <f>IF(Input!$D$19=1,J7250*Input!$C$19,0)+IF(Input!$D$20=1,K7250*Input!$C$20,0)+IF(Input!$D$21=1,L7250*Input!$C$21,0)+IF(Input!$D$22=1,M7250*Input!$C$22,0)</f>
        <v>0.54182566993976677</v>
      </c>
      <c r="O7250" s="59">
        <f>IF(Input!$D$19=2,J7250*Input!$C$19,0)+IF(Input!$D$20=2,K7250*Input!$C$20,0)+IF(Input!$D$21=2,L7250*Input!$C$21,0)+IF(Input!$D$22=2,M7250*Input!$C$22,0)</f>
        <v>1.3545641748494168</v>
      </c>
      <c r="P7250" s="59">
        <f>IF(Input!$D$19=3,J7250*Input!$C$19,0)+IF(Input!$D$20=3,K7250*Input!$C$20,0)+IF(Input!$D$21=3,L7250*Input!$C$21,0)+IF(Input!$D$22=3,M7250*Input!$C$22,0)</f>
        <v>0</v>
      </c>
      <c r="Q7250" s="75">
        <f>IF(Input!$D$19=4,J7250*Input!$C$19,0)+IF(Input!$D$20=4,K7250*Input!$C$20,0)+IF(Input!$D$21=4,L7250*Input!$C$21,0)+IF(Input!$D$22=4,M7250*Input!$C$22,0)</f>
        <v>0</v>
      </c>
      <c r="R7250" s="58">
        <v>65.276745707091408</v>
      </c>
      <c r="S7250" s="124">
        <f t="shared" si="113"/>
        <v>2.3479112364056558</v>
      </c>
    </row>
    <row r="7251" spans="8:19" x14ac:dyDescent="0.3">
      <c r="H7251" s="44">
        <v>7244</v>
      </c>
      <c r="I7251" s="56">
        <f>Bühler!I7277</f>
        <v>0.45377899857455467</v>
      </c>
      <c r="J7251" s="59">
        <f>Bühler!J7277</f>
        <v>1.5125966619151825</v>
      </c>
      <c r="K7251" s="59">
        <f>Bühler!K7277</f>
        <v>2.2688949928727733</v>
      </c>
      <c r="L7251" s="59">
        <f>Bühler!L7277</f>
        <v>10.890695965789313</v>
      </c>
      <c r="M7251" s="58">
        <f>Bühler!M7277</f>
        <v>0</v>
      </c>
      <c r="N7251" s="56">
        <f>IF(Input!$D$19=1,J7251*Input!$C$19,0)+IF(Input!$D$20=1,K7251*Input!$C$20,0)+IF(Input!$D$21=1,L7251*Input!$C$21,0)+IF(Input!$D$22=1,M7251*Input!$C$22,0)</f>
        <v>0.45377899857455473</v>
      </c>
      <c r="O7251" s="59">
        <f>IF(Input!$D$19=2,J7251*Input!$C$19,0)+IF(Input!$D$20=2,K7251*Input!$C$20,0)+IF(Input!$D$21=2,L7251*Input!$C$21,0)+IF(Input!$D$22=2,M7251*Input!$C$22,0)</f>
        <v>1.1344474964363866</v>
      </c>
      <c r="P7251" s="59">
        <f>IF(Input!$D$19=3,J7251*Input!$C$19,0)+IF(Input!$D$20=3,K7251*Input!$C$20,0)+IF(Input!$D$21=3,L7251*Input!$C$21,0)+IF(Input!$D$22=3,M7251*Input!$C$22,0)</f>
        <v>0</v>
      </c>
      <c r="Q7251" s="75">
        <f>IF(Input!$D$19=4,J7251*Input!$C$19,0)+IF(Input!$D$20=4,K7251*Input!$C$20,0)+IF(Input!$D$21=4,L7251*Input!$C$21,0)+IF(Input!$D$22=4,M7251*Input!$C$22,0)</f>
        <v>0</v>
      </c>
      <c r="R7251" s="58">
        <v>64.068615421065545</v>
      </c>
      <c r="S7251" s="124">
        <f t="shared" si="113"/>
        <v>1.9663756604897371</v>
      </c>
    </row>
    <row r="7252" spans="8:19" x14ac:dyDescent="0.3">
      <c r="H7252" s="44">
        <v>7245</v>
      </c>
      <c r="I7252" s="56">
        <f>Bühler!I7278</f>
        <v>0.37250514808358964</v>
      </c>
      <c r="J7252" s="59">
        <f>Bühler!J7278</f>
        <v>1.241683826945299</v>
      </c>
      <c r="K7252" s="59">
        <f>Bühler!K7278</f>
        <v>1.8625257404179481</v>
      </c>
      <c r="L7252" s="59">
        <f>Bühler!L7278</f>
        <v>8.940123554006151</v>
      </c>
      <c r="M7252" s="58">
        <f>Bühler!M7278</f>
        <v>0</v>
      </c>
      <c r="N7252" s="56">
        <f>IF(Input!$D$19=1,J7252*Input!$C$19,0)+IF(Input!$D$20=1,K7252*Input!$C$20,0)+IF(Input!$D$21=1,L7252*Input!$C$21,0)+IF(Input!$D$22=1,M7252*Input!$C$22,0)</f>
        <v>0.3725051480835897</v>
      </c>
      <c r="O7252" s="59">
        <f>IF(Input!$D$19=2,J7252*Input!$C$19,0)+IF(Input!$D$20=2,K7252*Input!$C$20,0)+IF(Input!$D$21=2,L7252*Input!$C$21,0)+IF(Input!$D$22=2,M7252*Input!$C$22,0)</f>
        <v>0.93126287020897403</v>
      </c>
      <c r="P7252" s="59">
        <f>IF(Input!$D$19=3,J7252*Input!$C$19,0)+IF(Input!$D$20=3,K7252*Input!$C$20,0)+IF(Input!$D$21=3,L7252*Input!$C$21,0)+IF(Input!$D$22=3,M7252*Input!$C$22,0)</f>
        <v>0</v>
      </c>
      <c r="Q7252" s="75">
        <f>IF(Input!$D$19=4,J7252*Input!$C$19,0)+IF(Input!$D$20=4,K7252*Input!$C$20,0)+IF(Input!$D$21=4,L7252*Input!$C$21,0)+IF(Input!$D$22=4,M7252*Input!$C$22,0)</f>
        <v>0</v>
      </c>
      <c r="R7252" s="58">
        <v>62.632188129247645</v>
      </c>
      <c r="S7252" s="124">
        <f t="shared" si="113"/>
        <v>1.6141889750288887</v>
      </c>
    </row>
    <row r="7253" spans="8:19" x14ac:dyDescent="0.3">
      <c r="H7253" s="44">
        <v>7246</v>
      </c>
      <c r="I7253" s="56">
        <f>Bühler!I7279</f>
        <v>0.27091283496988339</v>
      </c>
      <c r="J7253" s="59">
        <f>Bühler!J7279</f>
        <v>0.90304278323294462</v>
      </c>
      <c r="K7253" s="59">
        <f>Bühler!K7279</f>
        <v>1.3545641748494168</v>
      </c>
      <c r="L7253" s="59">
        <f>Bühler!L7279</f>
        <v>6.5019080392772004</v>
      </c>
      <c r="M7253" s="58">
        <f>Bühler!M7279</f>
        <v>0</v>
      </c>
      <c r="N7253" s="56">
        <f>IF(Input!$D$19=1,J7253*Input!$C$19,0)+IF(Input!$D$20=1,K7253*Input!$C$20,0)+IF(Input!$D$21=1,L7253*Input!$C$21,0)+IF(Input!$D$22=1,M7253*Input!$C$22,0)</f>
        <v>0.27091283496988339</v>
      </c>
      <c r="O7253" s="59">
        <f>IF(Input!$D$19=2,J7253*Input!$C$19,0)+IF(Input!$D$20=2,K7253*Input!$C$20,0)+IF(Input!$D$21=2,L7253*Input!$C$21,0)+IF(Input!$D$22=2,M7253*Input!$C$22,0)</f>
        <v>0.67728208742470841</v>
      </c>
      <c r="P7253" s="59">
        <f>IF(Input!$D$19=3,J7253*Input!$C$19,0)+IF(Input!$D$20=3,K7253*Input!$C$20,0)+IF(Input!$D$21=3,L7253*Input!$C$21,0)+IF(Input!$D$22=3,M7253*Input!$C$22,0)</f>
        <v>0</v>
      </c>
      <c r="Q7253" s="75">
        <f>IF(Input!$D$19=4,J7253*Input!$C$19,0)+IF(Input!$D$20=4,K7253*Input!$C$20,0)+IF(Input!$D$21=4,L7253*Input!$C$21,0)+IF(Input!$D$22=4,M7253*Input!$C$22,0)</f>
        <v>0</v>
      </c>
      <c r="R7253" s="58">
        <v>60.479713862684058</v>
      </c>
      <c r="S7253" s="124">
        <f t="shared" si="113"/>
        <v>1.1739556182028279</v>
      </c>
    </row>
    <row r="7254" spans="8:19" x14ac:dyDescent="0.3">
      <c r="H7254" s="44">
        <v>7247</v>
      </c>
      <c r="I7254" s="56">
        <f>Bühler!I7280</f>
        <v>0.25736719322138918</v>
      </c>
      <c r="J7254" s="59">
        <f>Bühler!J7280</f>
        <v>0.85789064407129745</v>
      </c>
      <c r="K7254" s="59">
        <f>Bühler!K7280</f>
        <v>1.2868359661069459</v>
      </c>
      <c r="L7254" s="59">
        <f>Bühler!L7280</f>
        <v>6.1768126373133407</v>
      </c>
      <c r="M7254" s="58">
        <f>Bühler!M7280</f>
        <v>0</v>
      </c>
      <c r="N7254" s="56">
        <f>IF(Input!$D$19=1,J7254*Input!$C$19,0)+IF(Input!$D$20=1,K7254*Input!$C$20,0)+IF(Input!$D$21=1,L7254*Input!$C$21,0)+IF(Input!$D$22=1,M7254*Input!$C$22,0)</f>
        <v>0.25736719322138923</v>
      </c>
      <c r="O7254" s="59">
        <f>IF(Input!$D$19=2,J7254*Input!$C$19,0)+IF(Input!$D$20=2,K7254*Input!$C$20,0)+IF(Input!$D$21=2,L7254*Input!$C$21,0)+IF(Input!$D$22=2,M7254*Input!$C$22,0)</f>
        <v>0.64341798305347297</v>
      </c>
      <c r="P7254" s="59">
        <f>IF(Input!$D$19=3,J7254*Input!$C$19,0)+IF(Input!$D$20=3,K7254*Input!$C$20,0)+IF(Input!$D$21=3,L7254*Input!$C$21,0)+IF(Input!$D$22=3,M7254*Input!$C$22,0)</f>
        <v>0</v>
      </c>
      <c r="Q7254" s="75">
        <f>IF(Input!$D$19=4,J7254*Input!$C$19,0)+IF(Input!$D$20=4,K7254*Input!$C$20,0)+IF(Input!$D$21=4,L7254*Input!$C$21,0)+IF(Input!$D$22=4,M7254*Input!$C$22,0)</f>
        <v>0</v>
      </c>
      <c r="R7254" s="58">
        <v>60.083158729356555</v>
      </c>
      <c r="S7254" s="124">
        <f t="shared" si="113"/>
        <v>1.1152578372926867</v>
      </c>
    </row>
    <row r="7255" spans="8:19" x14ac:dyDescent="0.3">
      <c r="H7255" s="44">
        <v>7248</v>
      </c>
      <c r="I7255" s="56">
        <f>Bühler!I7281</f>
        <v>0.25736719322138918</v>
      </c>
      <c r="J7255" s="59">
        <f>Bühler!J7281</f>
        <v>0.85789064407129745</v>
      </c>
      <c r="K7255" s="59">
        <f>Bühler!K7281</f>
        <v>1.2868359661069459</v>
      </c>
      <c r="L7255" s="59">
        <f>Bühler!L7281</f>
        <v>6.1768126373133407</v>
      </c>
      <c r="M7255" s="58">
        <f>Bühler!M7281</f>
        <v>0</v>
      </c>
      <c r="N7255" s="56">
        <f>IF(Input!$D$19=1,J7255*Input!$C$19,0)+IF(Input!$D$20=1,K7255*Input!$C$20,0)+IF(Input!$D$21=1,L7255*Input!$C$21,0)+IF(Input!$D$22=1,M7255*Input!$C$22,0)</f>
        <v>0.25736719322138923</v>
      </c>
      <c r="O7255" s="59">
        <f>IF(Input!$D$19=2,J7255*Input!$C$19,0)+IF(Input!$D$20=2,K7255*Input!$C$20,0)+IF(Input!$D$21=2,L7255*Input!$C$21,0)+IF(Input!$D$22=2,M7255*Input!$C$22,0)</f>
        <v>0.64341798305347297</v>
      </c>
      <c r="P7255" s="59">
        <f>IF(Input!$D$19=3,J7255*Input!$C$19,0)+IF(Input!$D$20=3,K7255*Input!$C$20,0)+IF(Input!$D$21=3,L7255*Input!$C$21,0)+IF(Input!$D$22=3,M7255*Input!$C$22,0)</f>
        <v>0</v>
      </c>
      <c r="Q7255" s="75">
        <f>IF(Input!$D$19=4,J7255*Input!$C$19,0)+IF(Input!$D$20=4,K7255*Input!$C$20,0)+IF(Input!$D$21=4,L7255*Input!$C$21,0)+IF(Input!$D$22=4,M7255*Input!$C$22,0)</f>
        <v>0</v>
      </c>
      <c r="R7255" s="58">
        <v>59.573120705058727</v>
      </c>
      <c r="S7255" s="124">
        <f t="shared" si="113"/>
        <v>1.1152578372926867</v>
      </c>
    </row>
    <row r="7256" spans="8:19" x14ac:dyDescent="0.3">
      <c r="H7256" s="44">
        <v>7249</v>
      </c>
      <c r="I7256" s="56">
        <f>Bühler!I7282</f>
        <v>0.24374339579516413</v>
      </c>
      <c r="J7256" s="59">
        <f>Bühler!J7282</f>
        <v>0.81247798598388055</v>
      </c>
      <c r="K7256" s="59">
        <f>Bühler!K7282</f>
        <v>1.2187169789758208</v>
      </c>
      <c r="L7256" s="59">
        <f>Bühler!L7282</f>
        <v>5.8498414990839391</v>
      </c>
      <c r="M7256" s="58">
        <f>Bühler!M7282</f>
        <v>0</v>
      </c>
      <c r="N7256" s="56">
        <f>IF(Input!$D$19=1,J7256*Input!$C$19,0)+IF(Input!$D$20=1,K7256*Input!$C$20,0)+IF(Input!$D$21=1,L7256*Input!$C$21,0)+IF(Input!$D$22=1,M7256*Input!$C$22,0)</f>
        <v>0.24374339579516416</v>
      </c>
      <c r="O7256" s="59">
        <f>IF(Input!$D$19=2,J7256*Input!$C$19,0)+IF(Input!$D$20=2,K7256*Input!$C$20,0)+IF(Input!$D$21=2,L7256*Input!$C$21,0)+IF(Input!$D$22=2,M7256*Input!$C$22,0)</f>
        <v>0.60935848948791038</v>
      </c>
      <c r="P7256" s="59">
        <f>IF(Input!$D$19=3,J7256*Input!$C$19,0)+IF(Input!$D$20=3,K7256*Input!$C$20,0)+IF(Input!$D$21=3,L7256*Input!$C$21,0)+IF(Input!$D$22=3,M7256*Input!$C$22,0)</f>
        <v>0</v>
      </c>
      <c r="Q7256" s="75">
        <f>IF(Input!$D$19=4,J7256*Input!$C$19,0)+IF(Input!$D$20=4,K7256*Input!$C$20,0)+IF(Input!$D$21=4,L7256*Input!$C$21,0)+IF(Input!$D$22=4,M7256*Input!$C$22,0)</f>
        <v>0</v>
      </c>
      <c r="R7256" s="58">
        <v>58.574693519591129</v>
      </c>
      <c r="S7256" s="124">
        <f t="shared" si="113"/>
        <v>1.0562213817790447</v>
      </c>
    </row>
    <row r="7257" spans="8:19" x14ac:dyDescent="0.3">
      <c r="H7257" s="44">
        <v>7250</v>
      </c>
      <c r="I7257" s="56">
        <f>Bühler!I7283</f>
        <v>0.24374339579516413</v>
      </c>
      <c r="J7257" s="59">
        <f>Bühler!J7283</f>
        <v>0.81247798598388055</v>
      </c>
      <c r="K7257" s="59">
        <f>Bühler!K7283</f>
        <v>1.2187169789758208</v>
      </c>
      <c r="L7257" s="59">
        <f>Bühler!L7283</f>
        <v>5.8498414990839391</v>
      </c>
      <c r="M7257" s="58">
        <f>Bühler!M7283</f>
        <v>0</v>
      </c>
      <c r="N7257" s="56">
        <f>IF(Input!$D$19=1,J7257*Input!$C$19,0)+IF(Input!$D$20=1,K7257*Input!$C$20,0)+IF(Input!$D$21=1,L7257*Input!$C$21,0)+IF(Input!$D$22=1,M7257*Input!$C$22,0)</f>
        <v>0.24374339579516416</v>
      </c>
      <c r="O7257" s="59">
        <f>IF(Input!$D$19=2,J7257*Input!$C$19,0)+IF(Input!$D$20=2,K7257*Input!$C$20,0)+IF(Input!$D$21=2,L7257*Input!$C$21,0)+IF(Input!$D$22=2,M7257*Input!$C$22,0)</f>
        <v>0.60935848948791038</v>
      </c>
      <c r="P7257" s="59">
        <f>IF(Input!$D$19=3,J7257*Input!$C$19,0)+IF(Input!$D$20=3,K7257*Input!$C$20,0)+IF(Input!$D$21=3,L7257*Input!$C$21,0)+IF(Input!$D$22=3,M7257*Input!$C$22,0)</f>
        <v>0</v>
      </c>
      <c r="Q7257" s="75">
        <f>IF(Input!$D$19=4,J7257*Input!$C$19,0)+IF(Input!$D$20=4,K7257*Input!$C$20,0)+IF(Input!$D$21=4,L7257*Input!$C$21,0)+IF(Input!$D$22=4,M7257*Input!$C$22,0)</f>
        <v>0</v>
      </c>
      <c r="R7257" s="58">
        <v>58.408897681528231</v>
      </c>
      <c r="S7257" s="124">
        <f t="shared" si="113"/>
        <v>1.0562213817790447</v>
      </c>
    </row>
    <row r="7258" spans="8:19" x14ac:dyDescent="0.3">
      <c r="H7258" s="44">
        <v>7251</v>
      </c>
      <c r="I7258" s="56">
        <f>Bühler!I7284</f>
        <v>0.24374339579516413</v>
      </c>
      <c r="J7258" s="59">
        <f>Bühler!J7284</f>
        <v>0.81247798598388055</v>
      </c>
      <c r="K7258" s="59">
        <f>Bühler!K7284</f>
        <v>1.2187169789758208</v>
      </c>
      <c r="L7258" s="59">
        <f>Bühler!L7284</f>
        <v>5.8498414990839391</v>
      </c>
      <c r="M7258" s="58">
        <f>Bühler!M7284</f>
        <v>0</v>
      </c>
      <c r="N7258" s="56">
        <f>IF(Input!$D$19=1,J7258*Input!$C$19,0)+IF(Input!$D$20=1,K7258*Input!$C$20,0)+IF(Input!$D$21=1,L7258*Input!$C$21,0)+IF(Input!$D$22=1,M7258*Input!$C$22,0)</f>
        <v>0.24374339579516416</v>
      </c>
      <c r="O7258" s="59">
        <f>IF(Input!$D$19=2,J7258*Input!$C$19,0)+IF(Input!$D$20=2,K7258*Input!$C$20,0)+IF(Input!$D$21=2,L7258*Input!$C$21,0)+IF(Input!$D$22=2,M7258*Input!$C$22,0)</f>
        <v>0.60935848948791038</v>
      </c>
      <c r="P7258" s="59">
        <f>IF(Input!$D$19=3,J7258*Input!$C$19,0)+IF(Input!$D$20=3,K7258*Input!$C$20,0)+IF(Input!$D$21=3,L7258*Input!$C$21,0)+IF(Input!$D$22=3,M7258*Input!$C$22,0)</f>
        <v>0</v>
      </c>
      <c r="Q7258" s="75">
        <f>IF(Input!$D$19=4,J7258*Input!$C$19,0)+IF(Input!$D$20=4,K7258*Input!$C$20,0)+IF(Input!$D$21=4,L7258*Input!$C$21,0)+IF(Input!$D$22=4,M7258*Input!$C$22,0)</f>
        <v>0</v>
      </c>
      <c r="R7258" s="58">
        <v>58.883238127810827</v>
      </c>
      <c r="S7258" s="124">
        <f t="shared" si="113"/>
        <v>1.0562213817790447</v>
      </c>
    </row>
    <row r="7259" spans="8:19" x14ac:dyDescent="0.3">
      <c r="H7259" s="44">
        <v>7252</v>
      </c>
      <c r="I7259" s="56">
        <f>Bühler!I7285</f>
        <v>0.24374339579516413</v>
      </c>
      <c r="J7259" s="59">
        <f>Bühler!J7285</f>
        <v>0.81247798598388055</v>
      </c>
      <c r="K7259" s="59">
        <f>Bühler!K7285</f>
        <v>1.2187169789758208</v>
      </c>
      <c r="L7259" s="59">
        <f>Bühler!L7285</f>
        <v>5.8498414990839391</v>
      </c>
      <c r="M7259" s="58">
        <f>Bühler!M7285</f>
        <v>0</v>
      </c>
      <c r="N7259" s="56">
        <f>IF(Input!$D$19=1,J7259*Input!$C$19,0)+IF(Input!$D$20=1,K7259*Input!$C$20,0)+IF(Input!$D$21=1,L7259*Input!$C$21,0)+IF(Input!$D$22=1,M7259*Input!$C$22,0)</f>
        <v>0.24374339579516416</v>
      </c>
      <c r="O7259" s="59">
        <f>IF(Input!$D$19=2,J7259*Input!$C$19,0)+IF(Input!$D$20=2,K7259*Input!$C$20,0)+IF(Input!$D$21=2,L7259*Input!$C$21,0)+IF(Input!$D$22=2,M7259*Input!$C$22,0)</f>
        <v>0.60935848948791038</v>
      </c>
      <c r="P7259" s="59">
        <f>IF(Input!$D$19=3,J7259*Input!$C$19,0)+IF(Input!$D$20=3,K7259*Input!$C$20,0)+IF(Input!$D$21=3,L7259*Input!$C$21,0)+IF(Input!$D$22=3,M7259*Input!$C$22,0)</f>
        <v>0</v>
      </c>
      <c r="Q7259" s="75">
        <f>IF(Input!$D$19=4,J7259*Input!$C$19,0)+IF(Input!$D$20=4,K7259*Input!$C$20,0)+IF(Input!$D$21=4,L7259*Input!$C$21,0)+IF(Input!$D$22=4,M7259*Input!$C$22,0)</f>
        <v>0</v>
      </c>
      <c r="R7259" s="58">
        <v>59.099151527285734</v>
      </c>
      <c r="S7259" s="124">
        <f t="shared" si="113"/>
        <v>1.0562213817790447</v>
      </c>
    </row>
    <row r="7260" spans="8:19" x14ac:dyDescent="0.3">
      <c r="H7260" s="44">
        <v>7253</v>
      </c>
      <c r="I7260" s="56">
        <f>Bühler!I7286</f>
        <v>0.24374339579516413</v>
      </c>
      <c r="J7260" s="59">
        <f>Bühler!J7286</f>
        <v>0.81247798598388055</v>
      </c>
      <c r="K7260" s="59">
        <f>Bühler!K7286</f>
        <v>1.2187169789758208</v>
      </c>
      <c r="L7260" s="59">
        <f>Bühler!L7286</f>
        <v>5.8498414990839391</v>
      </c>
      <c r="M7260" s="58">
        <f>Bühler!M7286</f>
        <v>0</v>
      </c>
      <c r="N7260" s="56">
        <f>IF(Input!$D$19=1,J7260*Input!$C$19,0)+IF(Input!$D$20=1,K7260*Input!$C$20,0)+IF(Input!$D$21=1,L7260*Input!$C$21,0)+IF(Input!$D$22=1,M7260*Input!$C$22,0)</f>
        <v>0.24374339579516416</v>
      </c>
      <c r="O7260" s="59">
        <f>IF(Input!$D$19=2,J7260*Input!$C$19,0)+IF(Input!$D$20=2,K7260*Input!$C$20,0)+IF(Input!$D$21=2,L7260*Input!$C$21,0)+IF(Input!$D$22=2,M7260*Input!$C$22,0)</f>
        <v>0.60935848948791038</v>
      </c>
      <c r="P7260" s="59">
        <f>IF(Input!$D$19=3,J7260*Input!$C$19,0)+IF(Input!$D$20=3,K7260*Input!$C$20,0)+IF(Input!$D$21=3,L7260*Input!$C$21,0)+IF(Input!$D$22=3,M7260*Input!$C$22,0)</f>
        <v>0</v>
      </c>
      <c r="Q7260" s="75">
        <f>IF(Input!$D$19=4,J7260*Input!$C$19,0)+IF(Input!$D$20=4,K7260*Input!$C$20,0)+IF(Input!$D$21=4,L7260*Input!$C$21,0)+IF(Input!$D$22=4,M7260*Input!$C$22,0)</f>
        <v>0</v>
      </c>
      <c r="R7260" s="58">
        <v>61.259177966878909</v>
      </c>
      <c r="S7260" s="124">
        <f t="shared" si="113"/>
        <v>1.0562213817790447</v>
      </c>
    </row>
    <row r="7261" spans="8:19" x14ac:dyDescent="0.3">
      <c r="H7261" s="44">
        <v>7254</v>
      </c>
      <c r="I7261" s="56">
        <f>Bühler!I7287</f>
        <v>0.31686641453371334</v>
      </c>
      <c r="J7261" s="59">
        <f>Bühler!J7287</f>
        <v>1.0562213817790445</v>
      </c>
      <c r="K7261" s="59">
        <f>Bühler!K7287</f>
        <v>1.5843320726685668</v>
      </c>
      <c r="L7261" s="59">
        <f>Bühler!L7287</f>
        <v>7.6047939488091201</v>
      </c>
      <c r="M7261" s="58">
        <f>Bühler!M7287</f>
        <v>0</v>
      </c>
      <c r="N7261" s="56">
        <f>IF(Input!$D$19=1,J7261*Input!$C$19,0)+IF(Input!$D$20=1,K7261*Input!$C$20,0)+IF(Input!$D$21=1,L7261*Input!$C$21,0)+IF(Input!$D$22=1,M7261*Input!$C$22,0)</f>
        <v>0.31686641453371334</v>
      </c>
      <c r="O7261" s="59">
        <f>IF(Input!$D$19=2,J7261*Input!$C$19,0)+IF(Input!$D$20=2,K7261*Input!$C$20,0)+IF(Input!$D$21=2,L7261*Input!$C$21,0)+IF(Input!$D$22=2,M7261*Input!$C$22,0)</f>
        <v>0.7921660363342834</v>
      </c>
      <c r="P7261" s="59">
        <f>IF(Input!$D$19=3,J7261*Input!$C$19,0)+IF(Input!$D$20=3,K7261*Input!$C$20,0)+IF(Input!$D$21=3,L7261*Input!$C$21,0)+IF(Input!$D$22=3,M7261*Input!$C$22,0)</f>
        <v>0</v>
      </c>
      <c r="Q7261" s="75">
        <f>IF(Input!$D$19=4,J7261*Input!$C$19,0)+IF(Input!$D$20=4,K7261*Input!$C$20,0)+IF(Input!$D$21=4,L7261*Input!$C$21,0)+IF(Input!$D$22=4,M7261*Input!$C$22,0)</f>
        <v>0</v>
      </c>
      <c r="R7261" s="58">
        <v>64.972564685587358</v>
      </c>
      <c r="S7261" s="124">
        <f t="shared" si="113"/>
        <v>1.3730877963127579</v>
      </c>
    </row>
    <row r="7262" spans="8:19" x14ac:dyDescent="0.3">
      <c r="H7262" s="44">
        <v>7255</v>
      </c>
      <c r="I7262" s="56">
        <f>Bühler!I7288</f>
        <v>0.35342792390298794</v>
      </c>
      <c r="J7262" s="59">
        <f>Bühler!J7288</f>
        <v>1.1780930796766265</v>
      </c>
      <c r="K7262" s="59">
        <f>Bühler!K7288</f>
        <v>1.7671396195149398</v>
      </c>
      <c r="L7262" s="59">
        <f>Bühler!L7288</f>
        <v>8.4822701736717114</v>
      </c>
      <c r="M7262" s="58">
        <f>Bühler!M7288</f>
        <v>0</v>
      </c>
      <c r="N7262" s="56">
        <f>IF(Input!$D$19=1,J7262*Input!$C$19,0)+IF(Input!$D$20=1,K7262*Input!$C$20,0)+IF(Input!$D$21=1,L7262*Input!$C$21,0)+IF(Input!$D$22=1,M7262*Input!$C$22,0)</f>
        <v>0.35342792390298794</v>
      </c>
      <c r="O7262" s="59">
        <f>IF(Input!$D$19=2,J7262*Input!$C$19,0)+IF(Input!$D$20=2,K7262*Input!$C$20,0)+IF(Input!$D$21=2,L7262*Input!$C$21,0)+IF(Input!$D$22=2,M7262*Input!$C$22,0)</f>
        <v>0.8835698097574699</v>
      </c>
      <c r="P7262" s="59">
        <f>IF(Input!$D$19=3,J7262*Input!$C$19,0)+IF(Input!$D$20=3,K7262*Input!$C$20,0)+IF(Input!$D$21=3,L7262*Input!$C$21,0)+IF(Input!$D$22=3,M7262*Input!$C$22,0)</f>
        <v>0</v>
      </c>
      <c r="Q7262" s="75">
        <f>IF(Input!$D$19=4,J7262*Input!$C$19,0)+IF(Input!$D$20=4,K7262*Input!$C$20,0)+IF(Input!$D$21=4,L7262*Input!$C$21,0)+IF(Input!$D$22=4,M7262*Input!$C$22,0)</f>
        <v>0</v>
      </c>
      <c r="R7262" s="58">
        <v>68.390441343240468</v>
      </c>
      <c r="S7262" s="124">
        <f t="shared" si="113"/>
        <v>1.5315210035796145</v>
      </c>
    </row>
    <row r="7263" spans="8:19" x14ac:dyDescent="0.3">
      <c r="H7263" s="44">
        <v>7256</v>
      </c>
      <c r="I7263" s="56">
        <f>Bühler!I7289</f>
        <v>0.3656150936927462</v>
      </c>
      <c r="J7263" s="59">
        <f>Bühler!J7289</f>
        <v>1.2187169789758208</v>
      </c>
      <c r="K7263" s="59">
        <f>Bühler!K7289</f>
        <v>1.8280754684637308</v>
      </c>
      <c r="L7263" s="59">
        <f>Bühler!L7289</f>
        <v>8.7747622486259083</v>
      </c>
      <c r="M7263" s="58">
        <f>Bühler!M7289</f>
        <v>0</v>
      </c>
      <c r="N7263" s="56">
        <f>IF(Input!$D$19=1,J7263*Input!$C$19,0)+IF(Input!$D$20=1,K7263*Input!$C$20,0)+IF(Input!$D$21=1,L7263*Input!$C$21,0)+IF(Input!$D$22=1,M7263*Input!$C$22,0)</f>
        <v>0.3656150936927462</v>
      </c>
      <c r="O7263" s="59">
        <f>IF(Input!$D$19=2,J7263*Input!$C$19,0)+IF(Input!$D$20=2,K7263*Input!$C$20,0)+IF(Input!$D$21=2,L7263*Input!$C$21,0)+IF(Input!$D$22=2,M7263*Input!$C$22,0)</f>
        <v>0.91403773423186541</v>
      </c>
      <c r="P7263" s="59">
        <f>IF(Input!$D$19=3,J7263*Input!$C$19,0)+IF(Input!$D$20=3,K7263*Input!$C$20,0)+IF(Input!$D$21=3,L7263*Input!$C$21,0)+IF(Input!$D$22=3,M7263*Input!$C$22,0)</f>
        <v>0</v>
      </c>
      <c r="Q7263" s="75">
        <f>IF(Input!$D$19=4,J7263*Input!$C$19,0)+IF(Input!$D$20=4,K7263*Input!$C$20,0)+IF(Input!$D$21=4,L7263*Input!$C$21,0)+IF(Input!$D$22=4,M7263*Input!$C$22,0)</f>
        <v>0</v>
      </c>
      <c r="R7263" s="58">
        <v>69.333784650309383</v>
      </c>
      <c r="S7263" s="124">
        <f t="shared" si="113"/>
        <v>1.584332072668567</v>
      </c>
    </row>
    <row r="7264" spans="8:19" x14ac:dyDescent="0.3">
      <c r="H7264" s="44">
        <v>7257</v>
      </c>
      <c r="I7264" s="56">
        <f>Bühler!I7290</f>
        <v>0.3656150936927462</v>
      </c>
      <c r="J7264" s="59">
        <f>Bühler!J7290</f>
        <v>1.2187169789758208</v>
      </c>
      <c r="K7264" s="59">
        <f>Bühler!K7290</f>
        <v>1.8280754684637308</v>
      </c>
      <c r="L7264" s="59">
        <f>Bühler!L7290</f>
        <v>8.7747622486259083</v>
      </c>
      <c r="M7264" s="58">
        <f>Bühler!M7290</f>
        <v>0</v>
      </c>
      <c r="N7264" s="56">
        <f>IF(Input!$D$19=1,J7264*Input!$C$19,0)+IF(Input!$D$20=1,K7264*Input!$C$20,0)+IF(Input!$D$21=1,L7264*Input!$C$21,0)+IF(Input!$D$22=1,M7264*Input!$C$22,0)</f>
        <v>0.3656150936927462</v>
      </c>
      <c r="O7264" s="59">
        <f>IF(Input!$D$19=2,J7264*Input!$C$19,0)+IF(Input!$D$20=2,K7264*Input!$C$20,0)+IF(Input!$D$21=2,L7264*Input!$C$21,0)+IF(Input!$D$22=2,M7264*Input!$C$22,0)</f>
        <v>0.91403773423186541</v>
      </c>
      <c r="P7264" s="59">
        <f>IF(Input!$D$19=3,J7264*Input!$C$19,0)+IF(Input!$D$20=3,K7264*Input!$C$20,0)+IF(Input!$D$21=3,L7264*Input!$C$21,0)+IF(Input!$D$22=3,M7264*Input!$C$22,0)</f>
        <v>0</v>
      </c>
      <c r="Q7264" s="75">
        <f>IF(Input!$D$19=4,J7264*Input!$C$19,0)+IF(Input!$D$20=4,K7264*Input!$C$20,0)+IF(Input!$D$21=4,L7264*Input!$C$21,0)+IF(Input!$D$22=4,M7264*Input!$C$22,0)</f>
        <v>0</v>
      </c>
      <c r="R7264" s="58">
        <v>70.109062907512481</v>
      </c>
      <c r="S7264" s="124">
        <f t="shared" si="113"/>
        <v>1.584332072668567</v>
      </c>
    </row>
    <row r="7265" spans="8:19" x14ac:dyDescent="0.3">
      <c r="H7265" s="44">
        <v>7258</v>
      </c>
      <c r="I7265" s="56">
        <f>Bühler!I7291</f>
        <v>0.39608301816714164</v>
      </c>
      <c r="J7265" s="59">
        <f>Bühler!J7291</f>
        <v>1.3202767272238056</v>
      </c>
      <c r="K7265" s="59">
        <f>Bühler!K7291</f>
        <v>1.9804150908357083</v>
      </c>
      <c r="L7265" s="59">
        <f>Bühler!L7291</f>
        <v>9.5059924360114003</v>
      </c>
      <c r="M7265" s="58">
        <f>Bühler!M7291</f>
        <v>0</v>
      </c>
      <c r="N7265" s="56">
        <f>IF(Input!$D$19=1,J7265*Input!$C$19,0)+IF(Input!$D$20=1,K7265*Input!$C$20,0)+IF(Input!$D$21=1,L7265*Input!$C$21,0)+IF(Input!$D$22=1,M7265*Input!$C$22,0)</f>
        <v>0.3960830181671417</v>
      </c>
      <c r="O7265" s="59">
        <f>IF(Input!$D$19=2,J7265*Input!$C$19,0)+IF(Input!$D$20=2,K7265*Input!$C$20,0)+IF(Input!$D$21=2,L7265*Input!$C$21,0)+IF(Input!$D$22=2,M7265*Input!$C$22,0)</f>
        <v>0.99020754541785416</v>
      </c>
      <c r="P7265" s="59">
        <f>IF(Input!$D$19=3,J7265*Input!$C$19,0)+IF(Input!$D$20=3,K7265*Input!$C$20,0)+IF(Input!$D$21=3,L7265*Input!$C$21,0)+IF(Input!$D$22=3,M7265*Input!$C$22,0)</f>
        <v>0</v>
      </c>
      <c r="Q7265" s="75">
        <f>IF(Input!$D$19=4,J7265*Input!$C$19,0)+IF(Input!$D$20=4,K7265*Input!$C$20,0)+IF(Input!$D$21=4,L7265*Input!$C$21,0)+IF(Input!$D$22=4,M7265*Input!$C$22,0)</f>
        <v>0</v>
      </c>
      <c r="R7265" s="58">
        <v>70.310737240740622</v>
      </c>
      <c r="S7265" s="124">
        <f t="shared" si="113"/>
        <v>1.7163597453909474</v>
      </c>
    </row>
    <row r="7266" spans="8:19" x14ac:dyDescent="0.3">
      <c r="H7266" s="44">
        <v>7259</v>
      </c>
      <c r="I7266" s="56">
        <f>Bühler!I7292</f>
        <v>0.41436377285177894</v>
      </c>
      <c r="J7266" s="59">
        <f>Bühler!J7292</f>
        <v>1.3812125761725966</v>
      </c>
      <c r="K7266" s="59">
        <f>Bühler!K7292</f>
        <v>2.0718188642588946</v>
      </c>
      <c r="L7266" s="59">
        <f>Bühler!L7292</f>
        <v>9.9447305484426956</v>
      </c>
      <c r="M7266" s="58">
        <f>Bühler!M7292</f>
        <v>0</v>
      </c>
      <c r="N7266" s="56">
        <f>IF(Input!$D$19=1,J7266*Input!$C$19,0)+IF(Input!$D$20=1,K7266*Input!$C$20,0)+IF(Input!$D$21=1,L7266*Input!$C$21,0)+IF(Input!$D$22=1,M7266*Input!$C$22,0)</f>
        <v>0.414363772851779</v>
      </c>
      <c r="O7266" s="59">
        <f>IF(Input!$D$19=2,J7266*Input!$C$19,0)+IF(Input!$D$20=2,K7266*Input!$C$20,0)+IF(Input!$D$21=2,L7266*Input!$C$21,0)+IF(Input!$D$22=2,M7266*Input!$C$22,0)</f>
        <v>1.0359094321294473</v>
      </c>
      <c r="P7266" s="59">
        <f>IF(Input!$D$19=3,J7266*Input!$C$19,0)+IF(Input!$D$20=3,K7266*Input!$C$20,0)+IF(Input!$D$21=3,L7266*Input!$C$21,0)+IF(Input!$D$22=3,M7266*Input!$C$22,0)</f>
        <v>0</v>
      </c>
      <c r="Q7266" s="75">
        <f>IF(Input!$D$19=4,J7266*Input!$C$19,0)+IF(Input!$D$20=4,K7266*Input!$C$20,0)+IF(Input!$D$21=4,L7266*Input!$C$21,0)+IF(Input!$D$22=4,M7266*Input!$C$22,0)</f>
        <v>0</v>
      </c>
      <c r="R7266" s="58">
        <v>71.545341252578737</v>
      </c>
      <c r="S7266" s="124">
        <f t="shared" si="113"/>
        <v>1.7955763490243757</v>
      </c>
    </row>
    <row r="7267" spans="8:19" x14ac:dyDescent="0.3">
      <c r="H7267" s="44">
        <v>7260</v>
      </c>
      <c r="I7267" s="56">
        <f>Bühler!I7293</f>
        <v>0.48748679159032826</v>
      </c>
      <c r="J7267" s="59">
        <f>Bühler!J7293</f>
        <v>1.6249559719677611</v>
      </c>
      <c r="K7267" s="59">
        <f>Bühler!K7293</f>
        <v>2.4374339579516415</v>
      </c>
      <c r="L7267" s="59">
        <f>Bühler!L7293</f>
        <v>11.699682998167878</v>
      </c>
      <c r="M7267" s="58">
        <f>Bühler!M7293</f>
        <v>0</v>
      </c>
      <c r="N7267" s="56">
        <f>IF(Input!$D$19=1,J7267*Input!$C$19,0)+IF(Input!$D$20=1,K7267*Input!$C$20,0)+IF(Input!$D$21=1,L7267*Input!$C$21,0)+IF(Input!$D$22=1,M7267*Input!$C$22,0)</f>
        <v>0.48748679159032832</v>
      </c>
      <c r="O7267" s="59">
        <f>IF(Input!$D$19=2,J7267*Input!$C$19,0)+IF(Input!$D$20=2,K7267*Input!$C$20,0)+IF(Input!$D$21=2,L7267*Input!$C$21,0)+IF(Input!$D$22=2,M7267*Input!$C$22,0)</f>
        <v>1.2187169789758208</v>
      </c>
      <c r="P7267" s="59">
        <f>IF(Input!$D$19=3,J7267*Input!$C$19,0)+IF(Input!$D$20=3,K7267*Input!$C$20,0)+IF(Input!$D$21=3,L7267*Input!$C$21,0)+IF(Input!$D$22=3,M7267*Input!$C$22,0)</f>
        <v>0</v>
      </c>
      <c r="Q7267" s="75">
        <f>IF(Input!$D$19=4,J7267*Input!$C$19,0)+IF(Input!$D$20=4,K7267*Input!$C$20,0)+IF(Input!$D$21=4,L7267*Input!$C$21,0)+IF(Input!$D$22=4,M7267*Input!$C$22,0)</f>
        <v>0</v>
      </c>
      <c r="R7267" s="58">
        <v>71.986830310077679</v>
      </c>
      <c r="S7267" s="124">
        <f t="shared" si="113"/>
        <v>2.1124427635580894</v>
      </c>
    </row>
    <row r="7268" spans="8:19" x14ac:dyDescent="0.3">
      <c r="H7268" s="44">
        <v>7261</v>
      </c>
      <c r="I7268" s="56">
        <f>Bühler!I7294</f>
        <v>0.48748679159032826</v>
      </c>
      <c r="J7268" s="59">
        <f>Bühler!J7294</f>
        <v>1.6249559719677611</v>
      </c>
      <c r="K7268" s="59">
        <f>Bühler!K7294</f>
        <v>2.4374339579516415</v>
      </c>
      <c r="L7268" s="59">
        <f>Bühler!L7294</f>
        <v>11.699682998167878</v>
      </c>
      <c r="M7268" s="58">
        <f>Bühler!M7294</f>
        <v>0</v>
      </c>
      <c r="N7268" s="56">
        <f>IF(Input!$D$19=1,J7268*Input!$C$19,0)+IF(Input!$D$20=1,K7268*Input!$C$20,0)+IF(Input!$D$21=1,L7268*Input!$C$21,0)+IF(Input!$D$22=1,M7268*Input!$C$22,0)</f>
        <v>0.48748679159032832</v>
      </c>
      <c r="O7268" s="59">
        <f>IF(Input!$D$19=2,J7268*Input!$C$19,0)+IF(Input!$D$20=2,K7268*Input!$C$20,0)+IF(Input!$D$21=2,L7268*Input!$C$21,0)+IF(Input!$D$22=2,M7268*Input!$C$22,0)</f>
        <v>1.2187169789758208</v>
      </c>
      <c r="P7268" s="59">
        <f>IF(Input!$D$19=3,J7268*Input!$C$19,0)+IF(Input!$D$20=3,K7268*Input!$C$20,0)+IF(Input!$D$21=3,L7268*Input!$C$21,0)+IF(Input!$D$22=3,M7268*Input!$C$22,0)</f>
        <v>0</v>
      </c>
      <c r="Q7268" s="75">
        <f>IF(Input!$D$19=4,J7268*Input!$C$19,0)+IF(Input!$D$20=4,K7268*Input!$C$20,0)+IF(Input!$D$21=4,L7268*Input!$C$21,0)+IF(Input!$D$22=4,M7268*Input!$C$22,0)</f>
        <v>0</v>
      </c>
      <c r="R7268" s="58">
        <v>70.997934657573254</v>
      </c>
      <c r="S7268" s="124">
        <f t="shared" si="113"/>
        <v>2.1124427635580894</v>
      </c>
    </row>
    <row r="7269" spans="8:19" x14ac:dyDescent="0.3">
      <c r="H7269" s="44">
        <v>7262</v>
      </c>
      <c r="I7269" s="56">
        <f>Bühler!I7295</f>
        <v>0.48748679159032826</v>
      </c>
      <c r="J7269" s="59">
        <f>Bühler!J7295</f>
        <v>1.6249559719677611</v>
      </c>
      <c r="K7269" s="59">
        <f>Bühler!K7295</f>
        <v>2.4374339579516415</v>
      </c>
      <c r="L7269" s="59">
        <f>Bühler!L7295</f>
        <v>11.699682998167878</v>
      </c>
      <c r="M7269" s="58">
        <f>Bühler!M7295</f>
        <v>0</v>
      </c>
      <c r="N7269" s="56">
        <f>IF(Input!$D$19=1,J7269*Input!$C$19,0)+IF(Input!$D$20=1,K7269*Input!$C$20,0)+IF(Input!$D$21=1,L7269*Input!$C$21,0)+IF(Input!$D$22=1,M7269*Input!$C$22,0)</f>
        <v>0.48748679159032832</v>
      </c>
      <c r="O7269" s="59">
        <f>IF(Input!$D$19=2,J7269*Input!$C$19,0)+IF(Input!$D$20=2,K7269*Input!$C$20,0)+IF(Input!$D$21=2,L7269*Input!$C$21,0)+IF(Input!$D$22=2,M7269*Input!$C$22,0)</f>
        <v>1.2187169789758208</v>
      </c>
      <c r="P7269" s="59">
        <f>IF(Input!$D$19=3,J7269*Input!$C$19,0)+IF(Input!$D$20=3,K7269*Input!$C$20,0)+IF(Input!$D$21=3,L7269*Input!$C$21,0)+IF(Input!$D$22=3,M7269*Input!$C$22,0)</f>
        <v>0</v>
      </c>
      <c r="Q7269" s="75">
        <f>IF(Input!$D$19=4,J7269*Input!$C$19,0)+IF(Input!$D$20=4,K7269*Input!$C$20,0)+IF(Input!$D$21=4,L7269*Input!$C$21,0)+IF(Input!$D$22=4,M7269*Input!$C$22,0)</f>
        <v>0</v>
      </c>
      <c r="R7269" s="58">
        <v>70.351268076121357</v>
      </c>
      <c r="S7269" s="124">
        <f t="shared" si="113"/>
        <v>2.1124427635580894</v>
      </c>
    </row>
    <row r="7270" spans="8:19" x14ac:dyDescent="0.3">
      <c r="H7270" s="44">
        <v>7263</v>
      </c>
      <c r="I7270" s="56">
        <f>Bühler!I7296</f>
        <v>0.48748679159032826</v>
      </c>
      <c r="J7270" s="59">
        <f>Bühler!J7296</f>
        <v>1.6249559719677611</v>
      </c>
      <c r="K7270" s="59">
        <f>Bühler!K7296</f>
        <v>2.4374339579516415</v>
      </c>
      <c r="L7270" s="59">
        <f>Bühler!L7296</f>
        <v>11.699682998167878</v>
      </c>
      <c r="M7270" s="58">
        <f>Bühler!M7296</f>
        <v>0</v>
      </c>
      <c r="N7270" s="56">
        <f>IF(Input!$D$19=1,J7270*Input!$C$19,0)+IF(Input!$D$20=1,K7270*Input!$C$20,0)+IF(Input!$D$21=1,L7270*Input!$C$21,0)+IF(Input!$D$22=1,M7270*Input!$C$22,0)</f>
        <v>0.48748679159032832</v>
      </c>
      <c r="O7270" s="59">
        <f>IF(Input!$D$19=2,J7270*Input!$C$19,0)+IF(Input!$D$20=2,K7270*Input!$C$20,0)+IF(Input!$D$21=2,L7270*Input!$C$21,0)+IF(Input!$D$22=2,M7270*Input!$C$22,0)</f>
        <v>1.2187169789758208</v>
      </c>
      <c r="P7270" s="59">
        <f>IF(Input!$D$19=3,J7270*Input!$C$19,0)+IF(Input!$D$20=3,K7270*Input!$C$20,0)+IF(Input!$D$21=3,L7270*Input!$C$21,0)+IF(Input!$D$22=3,M7270*Input!$C$22,0)</f>
        <v>0</v>
      </c>
      <c r="Q7270" s="75">
        <f>IF(Input!$D$19=4,J7270*Input!$C$19,0)+IF(Input!$D$20=4,K7270*Input!$C$20,0)+IF(Input!$D$21=4,L7270*Input!$C$21,0)+IF(Input!$D$22=4,M7270*Input!$C$22,0)</f>
        <v>0</v>
      </c>
      <c r="R7270" s="58">
        <v>70.461272980024447</v>
      </c>
      <c r="S7270" s="124">
        <f t="shared" si="113"/>
        <v>2.1124427635580894</v>
      </c>
    </row>
    <row r="7271" spans="8:19" x14ac:dyDescent="0.3">
      <c r="H7271" s="44">
        <v>7264</v>
      </c>
      <c r="I7271" s="56">
        <f>Bühler!I7297</f>
        <v>0.48748679159032826</v>
      </c>
      <c r="J7271" s="59">
        <f>Bühler!J7297</f>
        <v>1.6249559719677611</v>
      </c>
      <c r="K7271" s="59">
        <f>Bühler!K7297</f>
        <v>2.4374339579516415</v>
      </c>
      <c r="L7271" s="59">
        <f>Bühler!L7297</f>
        <v>11.699682998167878</v>
      </c>
      <c r="M7271" s="58">
        <f>Bühler!M7297</f>
        <v>0</v>
      </c>
      <c r="N7271" s="56">
        <f>IF(Input!$D$19=1,J7271*Input!$C$19,0)+IF(Input!$D$20=1,K7271*Input!$C$20,0)+IF(Input!$D$21=1,L7271*Input!$C$21,0)+IF(Input!$D$22=1,M7271*Input!$C$22,0)</f>
        <v>0.48748679159032832</v>
      </c>
      <c r="O7271" s="59">
        <f>IF(Input!$D$19=2,J7271*Input!$C$19,0)+IF(Input!$D$20=2,K7271*Input!$C$20,0)+IF(Input!$D$21=2,L7271*Input!$C$21,0)+IF(Input!$D$22=2,M7271*Input!$C$22,0)</f>
        <v>1.2187169789758208</v>
      </c>
      <c r="P7271" s="59">
        <f>IF(Input!$D$19=3,J7271*Input!$C$19,0)+IF(Input!$D$20=3,K7271*Input!$C$20,0)+IF(Input!$D$21=3,L7271*Input!$C$21,0)+IF(Input!$D$22=3,M7271*Input!$C$22,0)</f>
        <v>0</v>
      </c>
      <c r="Q7271" s="75">
        <f>IF(Input!$D$19=4,J7271*Input!$C$19,0)+IF(Input!$D$20=4,K7271*Input!$C$20,0)+IF(Input!$D$21=4,L7271*Input!$C$21,0)+IF(Input!$D$22=4,M7271*Input!$C$22,0)</f>
        <v>0</v>
      </c>
      <c r="R7271" s="58">
        <v>69.230207169439424</v>
      </c>
      <c r="S7271" s="124">
        <f t="shared" si="113"/>
        <v>2.1124427635580894</v>
      </c>
    </row>
    <row r="7272" spans="8:19" x14ac:dyDescent="0.3">
      <c r="H7272" s="44">
        <v>7265</v>
      </c>
      <c r="I7272" s="56">
        <f>Bühler!I7298</f>
        <v>0.48748679159032826</v>
      </c>
      <c r="J7272" s="59">
        <f>Bühler!J7298</f>
        <v>1.6249559719677611</v>
      </c>
      <c r="K7272" s="59">
        <f>Bühler!K7298</f>
        <v>2.4374339579516415</v>
      </c>
      <c r="L7272" s="59">
        <f>Bühler!L7298</f>
        <v>11.699682998167878</v>
      </c>
      <c r="M7272" s="58">
        <f>Bühler!M7298</f>
        <v>0</v>
      </c>
      <c r="N7272" s="56">
        <f>IF(Input!$D$19=1,J7272*Input!$C$19,0)+IF(Input!$D$20=1,K7272*Input!$C$20,0)+IF(Input!$D$21=1,L7272*Input!$C$21,0)+IF(Input!$D$22=1,M7272*Input!$C$22,0)</f>
        <v>0.48748679159032832</v>
      </c>
      <c r="O7272" s="59">
        <f>IF(Input!$D$19=2,J7272*Input!$C$19,0)+IF(Input!$D$20=2,K7272*Input!$C$20,0)+IF(Input!$D$21=2,L7272*Input!$C$21,0)+IF(Input!$D$22=2,M7272*Input!$C$22,0)</f>
        <v>1.2187169789758208</v>
      </c>
      <c r="P7272" s="59">
        <f>IF(Input!$D$19=3,J7272*Input!$C$19,0)+IF(Input!$D$20=3,K7272*Input!$C$20,0)+IF(Input!$D$21=3,L7272*Input!$C$21,0)+IF(Input!$D$22=3,M7272*Input!$C$22,0)</f>
        <v>0</v>
      </c>
      <c r="Q7272" s="75">
        <f>IF(Input!$D$19=4,J7272*Input!$C$19,0)+IF(Input!$D$20=4,K7272*Input!$C$20,0)+IF(Input!$D$21=4,L7272*Input!$C$21,0)+IF(Input!$D$22=4,M7272*Input!$C$22,0)</f>
        <v>0</v>
      </c>
      <c r="R7272" s="58">
        <v>68.410098195571763</v>
      </c>
      <c r="S7272" s="124">
        <f t="shared" si="113"/>
        <v>2.1124427635580894</v>
      </c>
    </row>
    <row r="7273" spans="8:19" x14ac:dyDescent="0.3">
      <c r="H7273" s="44">
        <v>7266</v>
      </c>
      <c r="I7273" s="56">
        <f>Bühler!I7299</f>
        <v>0.48748679159032826</v>
      </c>
      <c r="J7273" s="59">
        <f>Bühler!J7299</f>
        <v>1.6249559719677611</v>
      </c>
      <c r="K7273" s="59">
        <f>Bühler!K7299</f>
        <v>2.4374339579516415</v>
      </c>
      <c r="L7273" s="59">
        <f>Bühler!L7299</f>
        <v>11.699682998167878</v>
      </c>
      <c r="M7273" s="58">
        <f>Bühler!M7299</f>
        <v>0</v>
      </c>
      <c r="N7273" s="56">
        <f>IF(Input!$D$19=1,J7273*Input!$C$19,0)+IF(Input!$D$20=1,K7273*Input!$C$20,0)+IF(Input!$D$21=1,L7273*Input!$C$21,0)+IF(Input!$D$22=1,M7273*Input!$C$22,0)</f>
        <v>0.48748679159032832</v>
      </c>
      <c r="O7273" s="59">
        <f>IF(Input!$D$19=2,J7273*Input!$C$19,0)+IF(Input!$D$20=2,K7273*Input!$C$20,0)+IF(Input!$D$21=2,L7273*Input!$C$21,0)+IF(Input!$D$22=2,M7273*Input!$C$22,0)</f>
        <v>1.2187169789758208</v>
      </c>
      <c r="P7273" s="59">
        <f>IF(Input!$D$19=3,J7273*Input!$C$19,0)+IF(Input!$D$20=3,K7273*Input!$C$20,0)+IF(Input!$D$21=3,L7273*Input!$C$21,0)+IF(Input!$D$22=3,M7273*Input!$C$22,0)</f>
        <v>0</v>
      </c>
      <c r="Q7273" s="75">
        <f>IF(Input!$D$19=4,J7273*Input!$C$19,0)+IF(Input!$D$20=4,K7273*Input!$C$20,0)+IF(Input!$D$21=4,L7273*Input!$C$21,0)+IF(Input!$D$22=4,M7273*Input!$C$22,0)</f>
        <v>0</v>
      </c>
      <c r="R7273" s="58">
        <v>67.486809017164745</v>
      </c>
      <c r="S7273" s="124">
        <f t="shared" si="113"/>
        <v>2.1124427635580894</v>
      </c>
    </row>
    <row r="7274" spans="8:19" x14ac:dyDescent="0.3">
      <c r="H7274" s="44">
        <v>7267</v>
      </c>
      <c r="I7274" s="56">
        <f>Bühler!I7300</f>
        <v>0.48748679159032826</v>
      </c>
      <c r="J7274" s="59">
        <f>Bühler!J7300</f>
        <v>1.6249559719677611</v>
      </c>
      <c r="K7274" s="59">
        <f>Bühler!K7300</f>
        <v>2.4374339579516415</v>
      </c>
      <c r="L7274" s="59">
        <f>Bühler!L7300</f>
        <v>11.699682998167878</v>
      </c>
      <c r="M7274" s="58">
        <f>Bühler!M7300</f>
        <v>0</v>
      </c>
      <c r="N7274" s="56">
        <f>IF(Input!$D$19=1,J7274*Input!$C$19,0)+IF(Input!$D$20=1,K7274*Input!$C$20,0)+IF(Input!$D$21=1,L7274*Input!$C$21,0)+IF(Input!$D$22=1,M7274*Input!$C$22,0)</f>
        <v>0.48748679159032832</v>
      </c>
      <c r="O7274" s="59">
        <f>IF(Input!$D$19=2,J7274*Input!$C$19,0)+IF(Input!$D$20=2,K7274*Input!$C$20,0)+IF(Input!$D$21=2,L7274*Input!$C$21,0)+IF(Input!$D$22=2,M7274*Input!$C$22,0)</f>
        <v>1.2187169789758208</v>
      </c>
      <c r="P7274" s="59">
        <f>IF(Input!$D$19=3,J7274*Input!$C$19,0)+IF(Input!$D$20=3,K7274*Input!$C$20,0)+IF(Input!$D$21=3,L7274*Input!$C$21,0)+IF(Input!$D$22=3,M7274*Input!$C$22,0)</f>
        <v>0</v>
      </c>
      <c r="Q7274" s="75">
        <f>IF(Input!$D$19=4,J7274*Input!$C$19,0)+IF(Input!$D$20=4,K7274*Input!$C$20,0)+IF(Input!$D$21=4,L7274*Input!$C$21,0)+IF(Input!$D$22=4,M7274*Input!$C$22,0)</f>
        <v>0</v>
      </c>
      <c r="R7274" s="58">
        <v>66.400809830617959</v>
      </c>
      <c r="S7274" s="124">
        <f t="shared" si="113"/>
        <v>2.1124427635580894</v>
      </c>
    </row>
    <row r="7275" spans="8:19" x14ac:dyDescent="0.3">
      <c r="H7275" s="44">
        <v>7268</v>
      </c>
      <c r="I7275" s="56">
        <f>Bühler!I7301</f>
        <v>0.40827018795689995</v>
      </c>
      <c r="J7275" s="59">
        <f>Bühler!J7301</f>
        <v>1.3609006265229999</v>
      </c>
      <c r="K7275" s="59">
        <f>Bühler!K7301</f>
        <v>2.0413509397844996</v>
      </c>
      <c r="L7275" s="59">
        <f>Bühler!L7301</f>
        <v>9.7984845109655989</v>
      </c>
      <c r="M7275" s="58">
        <f>Bühler!M7301</f>
        <v>0</v>
      </c>
      <c r="N7275" s="56">
        <f>IF(Input!$D$19=1,J7275*Input!$C$19,0)+IF(Input!$D$20=1,K7275*Input!$C$20,0)+IF(Input!$D$21=1,L7275*Input!$C$21,0)+IF(Input!$D$22=1,M7275*Input!$C$22,0)</f>
        <v>0.40827018795689995</v>
      </c>
      <c r="O7275" s="59">
        <f>IF(Input!$D$19=2,J7275*Input!$C$19,0)+IF(Input!$D$20=2,K7275*Input!$C$20,0)+IF(Input!$D$21=2,L7275*Input!$C$21,0)+IF(Input!$D$22=2,M7275*Input!$C$22,0)</f>
        <v>1.0206754698922498</v>
      </c>
      <c r="P7275" s="59">
        <f>IF(Input!$D$19=3,J7275*Input!$C$19,0)+IF(Input!$D$20=3,K7275*Input!$C$20,0)+IF(Input!$D$21=3,L7275*Input!$C$21,0)+IF(Input!$D$22=3,M7275*Input!$C$22,0)</f>
        <v>0</v>
      </c>
      <c r="Q7275" s="75">
        <f>IF(Input!$D$19=4,J7275*Input!$C$19,0)+IF(Input!$D$20=4,K7275*Input!$C$20,0)+IF(Input!$D$21=4,L7275*Input!$C$21,0)+IF(Input!$D$22=4,M7275*Input!$C$22,0)</f>
        <v>0</v>
      </c>
      <c r="R7275" s="58">
        <v>65.027639992781076</v>
      </c>
      <c r="S7275" s="124">
        <f t="shared" si="113"/>
        <v>1.7691708144798999</v>
      </c>
    </row>
    <row r="7276" spans="8:19" x14ac:dyDescent="0.3">
      <c r="H7276" s="44">
        <v>7269</v>
      </c>
      <c r="I7276" s="56">
        <f>Bühler!I7302</f>
        <v>0.33514716921835064</v>
      </c>
      <c r="J7276" s="59">
        <f>Bühler!J7302</f>
        <v>1.1171572307278355</v>
      </c>
      <c r="K7276" s="59">
        <f>Bühler!K7302</f>
        <v>1.6757358460917533</v>
      </c>
      <c r="L7276" s="59">
        <f>Bühler!L7302</f>
        <v>8.0435320612404162</v>
      </c>
      <c r="M7276" s="58">
        <f>Bühler!M7302</f>
        <v>0</v>
      </c>
      <c r="N7276" s="56">
        <f>IF(Input!$D$19=1,J7276*Input!$C$19,0)+IF(Input!$D$20=1,K7276*Input!$C$20,0)+IF(Input!$D$21=1,L7276*Input!$C$21,0)+IF(Input!$D$22=1,M7276*Input!$C$22,0)</f>
        <v>0.33514716921835064</v>
      </c>
      <c r="O7276" s="59">
        <f>IF(Input!$D$19=2,J7276*Input!$C$19,0)+IF(Input!$D$20=2,K7276*Input!$C$20,0)+IF(Input!$D$21=2,L7276*Input!$C$21,0)+IF(Input!$D$22=2,M7276*Input!$C$22,0)</f>
        <v>0.83786792304587665</v>
      </c>
      <c r="P7276" s="59">
        <f>IF(Input!$D$19=3,J7276*Input!$C$19,0)+IF(Input!$D$20=3,K7276*Input!$C$20,0)+IF(Input!$D$21=3,L7276*Input!$C$21,0)+IF(Input!$D$22=3,M7276*Input!$C$22,0)</f>
        <v>0</v>
      </c>
      <c r="Q7276" s="75">
        <f>IF(Input!$D$19=4,J7276*Input!$C$19,0)+IF(Input!$D$20=4,K7276*Input!$C$20,0)+IF(Input!$D$21=4,L7276*Input!$C$21,0)+IF(Input!$D$22=4,M7276*Input!$C$22,0)</f>
        <v>0</v>
      </c>
      <c r="R7276" s="58">
        <v>63.271248305675179</v>
      </c>
      <c r="S7276" s="124">
        <f t="shared" si="113"/>
        <v>1.4523043999461862</v>
      </c>
    </row>
    <row r="7277" spans="8:19" x14ac:dyDescent="0.3">
      <c r="H7277" s="44">
        <v>7270</v>
      </c>
      <c r="I7277" s="56">
        <f>Bühler!I7303</f>
        <v>0.24374339579516413</v>
      </c>
      <c r="J7277" s="59">
        <f>Bühler!J7303</f>
        <v>0.81247798598388055</v>
      </c>
      <c r="K7277" s="59">
        <f>Bühler!K7303</f>
        <v>1.2187169789758208</v>
      </c>
      <c r="L7277" s="59">
        <f>Bühler!L7303</f>
        <v>5.8498414990839391</v>
      </c>
      <c r="M7277" s="58">
        <f>Bühler!M7303</f>
        <v>0</v>
      </c>
      <c r="N7277" s="56">
        <f>IF(Input!$D$19=1,J7277*Input!$C$19,0)+IF(Input!$D$20=1,K7277*Input!$C$20,0)+IF(Input!$D$21=1,L7277*Input!$C$21,0)+IF(Input!$D$22=1,M7277*Input!$C$22,0)</f>
        <v>0.24374339579516416</v>
      </c>
      <c r="O7277" s="59">
        <f>IF(Input!$D$19=2,J7277*Input!$C$19,0)+IF(Input!$D$20=2,K7277*Input!$C$20,0)+IF(Input!$D$21=2,L7277*Input!$C$21,0)+IF(Input!$D$22=2,M7277*Input!$C$22,0)</f>
        <v>0.60935848948791038</v>
      </c>
      <c r="P7277" s="59">
        <f>IF(Input!$D$19=3,J7277*Input!$C$19,0)+IF(Input!$D$20=3,K7277*Input!$C$20,0)+IF(Input!$D$21=3,L7277*Input!$C$21,0)+IF(Input!$D$22=3,M7277*Input!$C$22,0)</f>
        <v>0</v>
      </c>
      <c r="Q7277" s="75">
        <f>IF(Input!$D$19=4,J7277*Input!$C$19,0)+IF(Input!$D$20=4,K7277*Input!$C$20,0)+IF(Input!$D$21=4,L7277*Input!$C$21,0)+IF(Input!$D$22=4,M7277*Input!$C$22,0)</f>
        <v>0</v>
      </c>
      <c r="R7277" s="58">
        <v>61.310956753340157</v>
      </c>
      <c r="S7277" s="124">
        <f t="shared" si="113"/>
        <v>1.0562213817790447</v>
      </c>
    </row>
    <row r="7278" spans="8:19" x14ac:dyDescent="0.3">
      <c r="H7278" s="44">
        <v>7271</v>
      </c>
      <c r="I7278" s="56">
        <f>Bühler!I7304</f>
        <v>0.24374339579516413</v>
      </c>
      <c r="J7278" s="59">
        <f>Bühler!J7304</f>
        <v>0.81247798598388055</v>
      </c>
      <c r="K7278" s="59">
        <f>Bühler!K7304</f>
        <v>1.2187169789758208</v>
      </c>
      <c r="L7278" s="59">
        <f>Bühler!L7304</f>
        <v>5.8498414990839391</v>
      </c>
      <c r="M7278" s="58">
        <f>Bühler!M7304</f>
        <v>0</v>
      </c>
      <c r="N7278" s="56">
        <f>IF(Input!$D$19=1,J7278*Input!$C$19,0)+IF(Input!$D$20=1,K7278*Input!$C$20,0)+IF(Input!$D$21=1,L7278*Input!$C$21,0)+IF(Input!$D$22=1,M7278*Input!$C$22,0)</f>
        <v>0.24374339579516416</v>
      </c>
      <c r="O7278" s="59">
        <f>IF(Input!$D$19=2,J7278*Input!$C$19,0)+IF(Input!$D$20=2,K7278*Input!$C$20,0)+IF(Input!$D$21=2,L7278*Input!$C$21,0)+IF(Input!$D$22=2,M7278*Input!$C$22,0)</f>
        <v>0.60935848948791038</v>
      </c>
      <c r="P7278" s="59">
        <f>IF(Input!$D$19=3,J7278*Input!$C$19,0)+IF(Input!$D$20=3,K7278*Input!$C$20,0)+IF(Input!$D$21=3,L7278*Input!$C$21,0)+IF(Input!$D$22=3,M7278*Input!$C$22,0)</f>
        <v>0</v>
      </c>
      <c r="Q7278" s="75">
        <f>IF(Input!$D$19=4,J7278*Input!$C$19,0)+IF(Input!$D$20=4,K7278*Input!$C$20,0)+IF(Input!$D$21=4,L7278*Input!$C$21,0)+IF(Input!$D$22=4,M7278*Input!$C$22,0)</f>
        <v>0</v>
      </c>
      <c r="R7278" s="58">
        <v>61.496265773079145</v>
      </c>
      <c r="S7278" s="124">
        <f t="shared" si="113"/>
        <v>1.0562213817790447</v>
      </c>
    </row>
    <row r="7279" spans="8:19" x14ac:dyDescent="0.3">
      <c r="H7279" s="44">
        <v>7272</v>
      </c>
      <c r="I7279" s="56">
        <f>Bühler!I7305</f>
        <v>0.24374339579516413</v>
      </c>
      <c r="J7279" s="59">
        <f>Bühler!J7305</f>
        <v>0.81247798598388055</v>
      </c>
      <c r="K7279" s="59">
        <f>Bühler!K7305</f>
        <v>1.2187169789758208</v>
      </c>
      <c r="L7279" s="59">
        <f>Bühler!L7305</f>
        <v>5.8498414990839391</v>
      </c>
      <c r="M7279" s="58">
        <f>Bühler!M7305</f>
        <v>0</v>
      </c>
      <c r="N7279" s="56">
        <f>IF(Input!$D$19=1,J7279*Input!$C$19,0)+IF(Input!$D$20=1,K7279*Input!$C$20,0)+IF(Input!$D$21=1,L7279*Input!$C$21,0)+IF(Input!$D$22=1,M7279*Input!$C$22,0)</f>
        <v>0.24374339579516416</v>
      </c>
      <c r="O7279" s="59">
        <f>IF(Input!$D$19=2,J7279*Input!$C$19,0)+IF(Input!$D$20=2,K7279*Input!$C$20,0)+IF(Input!$D$21=2,L7279*Input!$C$21,0)+IF(Input!$D$22=2,M7279*Input!$C$22,0)</f>
        <v>0.60935848948791038</v>
      </c>
      <c r="P7279" s="59">
        <f>IF(Input!$D$19=3,J7279*Input!$C$19,0)+IF(Input!$D$20=3,K7279*Input!$C$20,0)+IF(Input!$D$21=3,L7279*Input!$C$21,0)+IF(Input!$D$22=3,M7279*Input!$C$22,0)</f>
        <v>0</v>
      </c>
      <c r="Q7279" s="75">
        <f>IF(Input!$D$19=4,J7279*Input!$C$19,0)+IF(Input!$D$20=4,K7279*Input!$C$20,0)+IF(Input!$D$21=4,L7279*Input!$C$21,0)+IF(Input!$D$22=4,M7279*Input!$C$22,0)</f>
        <v>0</v>
      </c>
      <c r="R7279" s="58">
        <v>60.653723229520374</v>
      </c>
      <c r="S7279" s="124">
        <f t="shared" si="113"/>
        <v>1.0562213817790447</v>
      </c>
    </row>
    <row r="7280" spans="8:19" x14ac:dyDescent="0.3">
      <c r="H7280" s="44">
        <v>7273</v>
      </c>
      <c r="I7280" s="56">
        <f>Bühler!I7306</f>
        <v>0.2175473791995135</v>
      </c>
      <c r="J7280" s="59">
        <f>Bühler!J7306</f>
        <v>0.72515793066504508</v>
      </c>
      <c r="K7280" s="59">
        <f>Bühler!K7306</f>
        <v>1.0877368959975675</v>
      </c>
      <c r="L7280" s="59">
        <f>Bühler!L7306</f>
        <v>5.221137100788324</v>
      </c>
      <c r="M7280" s="58">
        <f>Bühler!M7306</f>
        <v>0</v>
      </c>
      <c r="N7280" s="56">
        <f>IF(Input!$D$19=1,J7280*Input!$C$19,0)+IF(Input!$D$20=1,K7280*Input!$C$20,0)+IF(Input!$D$21=1,L7280*Input!$C$21,0)+IF(Input!$D$22=1,M7280*Input!$C$22,0)</f>
        <v>0.21754737919951353</v>
      </c>
      <c r="O7280" s="59">
        <f>IF(Input!$D$19=2,J7280*Input!$C$19,0)+IF(Input!$D$20=2,K7280*Input!$C$20,0)+IF(Input!$D$21=2,L7280*Input!$C$21,0)+IF(Input!$D$22=2,M7280*Input!$C$22,0)</f>
        <v>0.54386844799878376</v>
      </c>
      <c r="P7280" s="59">
        <f>IF(Input!$D$19=3,J7280*Input!$C$19,0)+IF(Input!$D$20=3,K7280*Input!$C$20,0)+IF(Input!$D$21=3,L7280*Input!$C$21,0)+IF(Input!$D$22=3,M7280*Input!$C$22,0)</f>
        <v>0</v>
      </c>
      <c r="Q7280" s="75">
        <f>IF(Input!$D$19=4,J7280*Input!$C$19,0)+IF(Input!$D$20=4,K7280*Input!$C$20,0)+IF(Input!$D$21=4,L7280*Input!$C$21,0)+IF(Input!$D$22=4,M7280*Input!$C$22,0)</f>
        <v>0</v>
      </c>
      <c r="R7280" s="58">
        <v>60.054219418963179</v>
      </c>
      <c r="S7280" s="124">
        <f t="shared" si="113"/>
        <v>0.94270530986455858</v>
      </c>
    </row>
    <row r="7281" spans="8:19" x14ac:dyDescent="0.3">
      <c r="H7281" s="44">
        <v>7274</v>
      </c>
      <c r="I7281" s="56">
        <f>Bühler!I7307</f>
        <v>0.24474080159945266</v>
      </c>
      <c r="J7281" s="59">
        <f>Bühler!J7307</f>
        <v>0.81580267199817558</v>
      </c>
      <c r="K7281" s="59">
        <f>Bühler!K7307</f>
        <v>1.2237040079972632</v>
      </c>
      <c r="L7281" s="59">
        <f>Bühler!L7307</f>
        <v>5.8737792383868639</v>
      </c>
      <c r="M7281" s="58">
        <f>Bühler!M7307</f>
        <v>0</v>
      </c>
      <c r="N7281" s="56">
        <f>IF(Input!$D$19=1,J7281*Input!$C$19,0)+IF(Input!$D$20=1,K7281*Input!$C$20,0)+IF(Input!$D$21=1,L7281*Input!$C$21,0)+IF(Input!$D$22=1,M7281*Input!$C$22,0)</f>
        <v>0.24474080159945266</v>
      </c>
      <c r="O7281" s="59">
        <f>IF(Input!$D$19=2,J7281*Input!$C$19,0)+IF(Input!$D$20=2,K7281*Input!$C$20,0)+IF(Input!$D$21=2,L7281*Input!$C$21,0)+IF(Input!$D$22=2,M7281*Input!$C$22,0)</f>
        <v>0.6118520039986316</v>
      </c>
      <c r="P7281" s="59">
        <f>IF(Input!$D$19=3,J7281*Input!$C$19,0)+IF(Input!$D$20=3,K7281*Input!$C$20,0)+IF(Input!$D$21=3,L7281*Input!$C$21,0)+IF(Input!$D$22=3,M7281*Input!$C$22,0)</f>
        <v>0</v>
      </c>
      <c r="Q7281" s="75">
        <f>IF(Input!$D$19=4,J7281*Input!$C$19,0)+IF(Input!$D$20=4,K7281*Input!$C$20,0)+IF(Input!$D$21=4,L7281*Input!$C$21,0)+IF(Input!$D$22=4,M7281*Input!$C$22,0)</f>
        <v>0</v>
      </c>
      <c r="R7281" s="58">
        <v>59.941724374074838</v>
      </c>
      <c r="S7281" s="124">
        <f t="shared" si="113"/>
        <v>1.0605434735976282</v>
      </c>
    </row>
    <row r="7282" spans="8:19" x14ac:dyDescent="0.3">
      <c r="H7282" s="44">
        <v>7275</v>
      </c>
      <c r="I7282" s="56">
        <f>Bühler!I7308</f>
        <v>0.24474080159945266</v>
      </c>
      <c r="J7282" s="59">
        <f>Bühler!J7308</f>
        <v>0.81580267199817558</v>
      </c>
      <c r="K7282" s="59">
        <f>Bühler!K7308</f>
        <v>1.2237040079972632</v>
      </c>
      <c r="L7282" s="59">
        <f>Bühler!L7308</f>
        <v>5.8737792383868639</v>
      </c>
      <c r="M7282" s="58">
        <f>Bühler!M7308</f>
        <v>0</v>
      </c>
      <c r="N7282" s="56">
        <f>IF(Input!$D$19=1,J7282*Input!$C$19,0)+IF(Input!$D$20=1,K7282*Input!$C$20,0)+IF(Input!$D$21=1,L7282*Input!$C$21,0)+IF(Input!$D$22=1,M7282*Input!$C$22,0)</f>
        <v>0.24474080159945266</v>
      </c>
      <c r="O7282" s="59">
        <f>IF(Input!$D$19=2,J7282*Input!$C$19,0)+IF(Input!$D$20=2,K7282*Input!$C$20,0)+IF(Input!$D$21=2,L7282*Input!$C$21,0)+IF(Input!$D$22=2,M7282*Input!$C$22,0)</f>
        <v>0.6118520039986316</v>
      </c>
      <c r="P7282" s="59">
        <f>IF(Input!$D$19=3,J7282*Input!$C$19,0)+IF(Input!$D$20=3,K7282*Input!$C$20,0)+IF(Input!$D$21=3,L7282*Input!$C$21,0)+IF(Input!$D$22=3,M7282*Input!$C$22,0)</f>
        <v>0</v>
      </c>
      <c r="Q7282" s="75">
        <f>IF(Input!$D$19=4,J7282*Input!$C$19,0)+IF(Input!$D$20=4,K7282*Input!$C$20,0)+IF(Input!$D$21=4,L7282*Input!$C$21,0)+IF(Input!$D$22=4,M7282*Input!$C$22,0)</f>
        <v>0</v>
      </c>
      <c r="R7282" s="58">
        <v>60.28046545505206</v>
      </c>
      <c r="S7282" s="124">
        <f t="shared" si="113"/>
        <v>1.0605434735976282</v>
      </c>
    </row>
    <row r="7283" spans="8:19" x14ac:dyDescent="0.3">
      <c r="H7283" s="44">
        <v>7276</v>
      </c>
      <c r="I7283" s="56">
        <f>Bühler!I7309</f>
        <v>0.24474080159945266</v>
      </c>
      <c r="J7283" s="59">
        <f>Bühler!J7309</f>
        <v>0.81580267199817558</v>
      </c>
      <c r="K7283" s="59">
        <f>Bühler!K7309</f>
        <v>1.2237040079972632</v>
      </c>
      <c r="L7283" s="59">
        <f>Bühler!L7309</f>
        <v>5.8737792383868639</v>
      </c>
      <c r="M7283" s="58">
        <f>Bühler!M7309</f>
        <v>0</v>
      </c>
      <c r="N7283" s="56">
        <f>IF(Input!$D$19=1,J7283*Input!$C$19,0)+IF(Input!$D$20=1,K7283*Input!$C$20,0)+IF(Input!$D$21=1,L7283*Input!$C$21,0)+IF(Input!$D$22=1,M7283*Input!$C$22,0)</f>
        <v>0.24474080159945266</v>
      </c>
      <c r="O7283" s="59">
        <f>IF(Input!$D$19=2,J7283*Input!$C$19,0)+IF(Input!$D$20=2,K7283*Input!$C$20,0)+IF(Input!$D$21=2,L7283*Input!$C$21,0)+IF(Input!$D$22=2,M7283*Input!$C$22,0)</f>
        <v>0.6118520039986316</v>
      </c>
      <c r="P7283" s="59">
        <f>IF(Input!$D$19=3,J7283*Input!$C$19,0)+IF(Input!$D$20=3,K7283*Input!$C$20,0)+IF(Input!$D$21=3,L7283*Input!$C$21,0)+IF(Input!$D$22=3,M7283*Input!$C$22,0)</f>
        <v>0</v>
      </c>
      <c r="Q7283" s="75">
        <f>IF(Input!$D$19=4,J7283*Input!$C$19,0)+IF(Input!$D$20=4,K7283*Input!$C$20,0)+IF(Input!$D$21=4,L7283*Input!$C$21,0)+IF(Input!$D$22=4,M7283*Input!$C$22,0)</f>
        <v>0</v>
      </c>
      <c r="R7283" s="58">
        <v>60.523168557712012</v>
      </c>
      <c r="S7283" s="124">
        <f t="shared" si="113"/>
        <v>1.0605434735976282</v>
      </c>
    </row>
    <row r="7284" spans="8:19" x14ac:dyDescent="0.3">
      <c r="H7284" s="44">
        <v>7277</v>
      </c>
      <c r="I7284" s="56">
        <f>Bühler!I7310</f>
        <v>0.24474080159945266</v>
      </c>
      <c r="J7284" s="59">
        <f>Bühler!J7310</f>
        <v>0.81580267199817558</v>
      </c>
      <c r="K7284" s="59">
        <f>Bühler!K7310</f>
        <v>1.2237040079972632</v>
      </c>
      <c r="L7284" s="59">
        <f>Bühler!L7310</f>
        <v>5.8737792383868639</v>
      </c>
      <c r="M7284" s="58">
        <f>Bühler!M7310</f>
        <v>0</v>
      </c>
      <c r="N7284" s="56">
        <f>IF(Input!$D$19=1,J7284*Input!$C$19,0)+IF(Input!$D$20=1,K7284*Input!$C$20,0)+IF(Input!$D$21=1,L7284*Input!$C$21,0)+IF(Input!$D$22=1,M7284*Input!$C$22,0)</f>
        <v>0.24474080159945266</v>
      </c>
      <c r="O7284" s="59">
        <f>IF(Input!$D$19=2,J7284*Input!$C$19,0)+IF(Input!$D$20=2,K7284*Input!$C$20,0)+IF(Input!$D$21=2,L7284*Input!$C$21,0)+IF(Input!$D$22=2,M7284*Input!$C$22,0)</f>
        <v>0.6118520039986316</v>
      </c>
      <c r="P7284" s="59">
        <f>IF(Input!$D$19=3,J7284*Input!$C$19,0)+IF(Input!$D$20=3,K7284*Input!$C$20,0)+IF(Input!$D$21=3,L7284*Input!$C$21,0)+IF(Input!$D$22=3,M7284*Input!$C$22,0)</f>
        <v>0</v>
      </c>
      <c r="Q7284" s="75">
        <f>IF(Input!$D$19=4,J7284*Input!$C$19,0)+IF(Input!$D$20=4,K7284*Input!$C$20,0)+IF(Input!$D$21=4,L7284*Input!$C$21,0)+IF(Input!$D$22=4,M7284*Input!$C$22,0)</f>
        <v>0</v>
      </c>
      <c r="R7284" s="58">
        <v>61.898582933265239</v>
      </c>
      <c r="S7284" s="124">
        <f t="shared" si="113"/>
        <v>1.0605434735976282</v>
      </c>
    </row>
    <row r="7285" spans="8:19" x14ac:dyDescent="0.3">
      <c r="H7285" s="44">
        <v>7278</v>
      </c>
      <c r="I7285" s="56">
        <f>Bühler!I7311</f>
        <v>0.31544369983929454</v>
      </c>
      <c r="J7285" s="59">
        <f>Bühler!J7311</f>
        <v>1.0514789994643152</v>
      </c>
      <c r="K7285" s="59">
        <f>Bühler!K7311</f>
        <v>1.5772184991964728</v>
      </c>
      <c r="L7285" s="59">
        <f>Bühler!L7311</f>
        <v>7.5706487961430691</v>
      </c>
      <c r="M7285" s="58">
        <f>Bühler!M7311</f>
        <v>0</v>
      </c>
      <c r="N7285" s="56">
        <f>IF(Input!$D$19=1,J7285*Input!$C$19,0)+IF(Input!$D$20=1,K7285*Input!$C$20,0)+IF(Input!$D$21=1,L7285*Input!$C$21,0)+IF(Input!$D$22=1,M7285*Input!$C$22,0)</f>
        <v>0.31544369983929454</v>
      </c>
      <c r="O7285" s="59">
        <f>IF(Input!$D$19=2,J7285*Input!$C$19,0)+IF(Input!$D$20=2,K7285*Input!$C$20,0)+IF(Input!$D$21=2,L7285*Input!$C$21,0)+IF(Input!$D$22=2,M7285*Input!$C$22,0)</f>
        <v>0.78860924959823642</v>
      </c>
      <c r="P7285" s="59">
        <f>IF(Input!$D$19=3,J7285*Input!$C$19,0)+IF(Input!$D$20=3,K7285*Input!$C$20,0)+IF(Input!$D$21=3,L7285*Input!$C$21,0)+IF(Input!$D$22=3,M7285*Input!$C$22,0)</f>
        <v>0</v>
      </c>
      <c r="Q7285" s="75">
        <f>IF(Input!$D$19=4,J7285*Input!$C$19,0)+IF(Input!$D$20=4,K7285*Input!$C$20,0)+IF(Input!$D$21=4,L7285*Input!$C$21,0)+IF(Input!$D$22=4,M7285*Input!$C$22,0)</f>
        <v>0</v>
      </c>
      <c r="R7285" s="58">
        <v>64.460567660419443</v>
      </c>
      <c r="S7285" s="124">
        <f t="shared" si="113"/>
        <v>1.3669226993036099</v>
      </c>
    </row>
    <row r="7286" spans="8:19" x14ac:dyDescent="0.3">
      <c r="H7286" s="44">
        <v>7279</v>
      </c>
      <c r="I7286" s="56">
        <f>Bühler!I7312</f>
        <v>0.36439186015918512</v>
      </c>
      <c r="J7286" s="59">
        <f>Bühler!J7312</f>
        <v>1.2146395338639504</v>
      </c>
      <c r="K7286" s="59">
        <f>Bühler!K7312</f>
        <v>1.8219593007959256</v>
      </c>
      <c r="L7286" s="59">
        <f>Bühler!L7312</f>
        <v>8.7454046438204429</v>
      </c>
      <c r="M7286" s="58">
        <f>Bühler!M7312</f>
        <v>0</v>
      </c>
      <c r="N7286" s="56">
        <f>IF(Input!$D$19=1,J7286*Input!$C$19,0)+IF(Input!$D$20=1,K7286*Input!$C$20,0)+IF(Input!$D$21=1,L7286*Input!$C$21,0)+IF(Input!$D$22=1,M7286*Input!$C$22,0)</f>
        <v>0.36439186015918512</v>
      </c>
      <c r="O7286" s="59">
        <f>IF(Input!$D$19=2,J7286*Input!$C$19,0)+IF(Input!$D$20=2,K7286*Input!$C$20,0)+IF(Input!$D$21=2,L7286*Input!$C$21,0)+IF(Input!$D$22=2,M7286*Input!$C$22,0)</f>
        <v>0.9109796503979628</v>
      </c>
      <c r="P7286" s="59">
        <f>IF(Input!$D$19=3,J7286*Input!$C$19,0)+IF(Input!$D$20=3,K7286*Input!$C$20,0)+IF(Input!$D$21=3,L7286*Input!$C$21,0)+IF(Input!$D$22=3,M7286*Input!$C$22,0)</f>
        <v>0</v>
      </c>
      <c r="Q7286" s="75">
        <f>IF(Input!$D$19=4,J7286*Input!$C$19,0)+IF(Input!$D$20=4,K7286*Input!$C$20,0)+IF(Input!$D$21=4,L7286*Input!$C$21,0)+IF(Input!$D$22=4,M7286*Input!$C$22,0)</f>
        <v>0</v>
      </c>
      <c r="R7286" s="58">
        <v>68.285377081936616</v>
      </c>
      <c r="S7286" s="124">
        <f t="shared" si="113"/>
        <v>1.5790313940231355</v>
      </c>
    </row>
    <row r="7287" spans="8:19" x14ac:dyDescent="0.3">
      <c r="H7287" s="44">
        <v>7280</v>
      </c>
      <c r="I7287" s="56">
        <f>Bühler!I7313</f>
        <v>0.36439186015918512</v>
      </c>
      <c r="J7287" s="59">
        <f>Bühler!J7313</f>
        <v>1.2146395338639504</v>
      </c>
      <c r="K7287" s="59">
        <f>Bühler!K7313</f>
        <v>1.8219593007959256</v>
      </c>
      <c r="L7287" s="59">
        <f>Bühler!L7313</f>
        <v>8.7454046438204429</v>
      </c>
      <c r="M7287" s="58">
        <f>Bühler!M7313</f>
        <v>0</v>
      </c>
      <c r="N7287" s="56">
        <f>IF(Input!$D$19=1,J7287*Input!$C$19,0)+IF(Input!$D$20=1,K7287*Input!$C$20,0)+IF(Input!$D$21=1,L7287*Input!$C$21,0)+IF(Input!$D$22=1,M7287*Input!$C$22,0)</f>
        <v>0.36439186015918512</v>
      </c>
      <c r="O7287" s="59">
        <f>IF(Input!$D$19=2,J7287*Input!$C$19,0)+IF(Input!$D$20=2,K7287*Input!$C$20,0)+IF(Input!$D$21=2,L7287*Input!$C$21,0)+IF(Input!$D$22=2,M7287*Input!$C$22,0)</f>
        <v>0.9109796503979628</v>
      </c>
      <c r="P7287" s="59">
        <f>IF(Input!$D$19=3,J7287*Input!$C$19,0)+IF(Input!$D$20=3,K7287*Input!$C$20,0)+IF(Input!$D$21=3,L7287*Input!$C$21,0)+IF(Input!$D$22=3,M7287*Input!$C$22,0)</f>
        <v>0</v>
      </c>
      <c r="Q7287" s="75">
        <f>IF(Input!$D$19=4,J7287*Input!$C$19,0)+IF(Input!$D$20=4,K7287*Input!$C$20,0)+IF(Input!$D$21=4,L7287*Input!$C$21,0)+IF(Input!$D$22=4,M7287*Input!$C$22,0)</f>
        <v>0</v>
      </c>
      <c r="R7287" s="58">
        <v>69.535752856223837</v>
      </c>
      <c r="S7287" s="124">
        <f t="shared" si="113"/>
        <v>1.5790313940231355</v>
      </c>
    </row>
    <row r="7288" spans="8:19" x14ac:dyDescent="0.3">
      <c r="H7288" s="44">
        <v>7281</v>
      </c>
      <c r="I7288" s="56">
        <f>Bühler!I7314</f>
        <v>0.36439186015918512</v>
      </c>
      <c r="J7288" s="59">
        <f>Bühler!J7314</f>
        <v>1.2146395338639504</v>
      </c>
      <c r="K7288" s="59">
        <f>Bühler!K7314</f>
        <v>1.8219593007959256</v>
      </c>
      <c r="L7288" s="59">
        <f>Bühler!L7314</f>
        <v>8.7454046438204429</v>
      </c>
      <c r="M7288" s="58">
        <f>Bühler!M7314</f>
        <v>0</v>
      </c>
      <c r="N7288" s="56">
        <f>IF(Input!$D$19=1,J7288*Input!$C$19,0)+IF(Input!$D$20=1,K7288*Input!$C$20,0)+IF(Input!$D$21=1,L7288*Input!$C$21,0)+IF(Input!$D$22=1,M7288*Input!$C$22,0)</f>
        <v>0.36439186015918512</v>
      </c>
      <c r="O7288" s="59">
        <f>IF(Input!$D$19=2,J7288*Input!$C$19,0)+IF(Input!$D$20=2,K7288*Input!$C$20,0)+IF(Input!$D$21=2,L7288*Input!$C$21,0)+IF(Input!$D$22=2,M7288*Input!$C$22,0)</f>
        <v>0.9109796503979628</v>
      </c>
      <c r="P7288" s="59">
        <f>IF(Input!$D$19=3,J7288*Input!$C$19,0)+IF(Input!$D$20=3,K7288*Input!$C$20,0)+IF(Input!$D$21=3,L7288*Input!$C$21,0)+IF(Input!$D$22=3,M7288*Input!$C$22,0)</f>
        <v>0</v>
      </c>
      <c r="Q7288" s="75">
        <f>IF(Input!$D$19=4,J7288*Input!$C$19,0)+IF(Input!$D$20=4,K7288*Input!$C$20,0)+IF(Input!$D$21=4,L7288*Input!$C$21,0)+IF(Input!$D$22=4,M7288*Input!$C$22,0)</f>
        <v>0</v>
      </c>
      <c r="R7288" s="58">
        <v>69.959193721613943</v>
      </c>
      <c r="S7288" s="124">
        <f t="shared" si="113"/>
        <v>1.5790313940231355</v>
      </c>
    </row>
    <row r="7289" spans="8:19" x14ac:dyDescent="0.3">
      <c r="H7289" s="44">
        <v>7282</v>
      </c>
      <c r="I7289" s="56">
        <f>Bühler!I7315</f>
        <v>0.39158528255912434</v>
      </c>
      <c r="J7289" s="59">
        <f>Bühler!J7315</f>
        <v>1.3052842751970812</v>
      </c>
      <c r="K7289" s="59">
        <f>Bühler!K7315</f>
        <v>1.9579264127956215</v>
      </c>
      <c r="L7289" s="59">
        <f>Bühler!L7315</f>
        <v>9.3980467814189836</v>
      </c>
      <c r="M7289" s="58">
        <f>Bühler!M7315</f>
        <v>0</v>
      </c>
      <c r="N7289" s="56">
        <f>IF(Input!$D$19=1,J7289*Input!$C$19,0)+IF(Input!$D$20=1,K7289*Input!$C$20,0)+IF(Input!$D$21=1,L7289*Input!$C$21,0)+IF(Input!$D$22=1,M7289*Input!$C$22,0)</f>
        <v>0.39158528255912434</v>
      </c>
      <c r="O7289" s="59">
        <f>IF(Input!$D$19=2,J7289*Input!$C$19,0)+IF(Input!$D$20=2,K7289*Input!$C$20,0)+IF(Input!$D$21=2,L7289*Input!$C$21,0)+IF(Input!$D$22=2,M7289*Input!$C$22,0)</f>
        <v>0.97896320639781076</v>
      </c>
      <c r="P7289" s="59">
        <f>IF(Input!$D$19=3,J7289*Input!$C$19,0)+IF(Input!$D$20=3,K7289*Input!$C$20,0)+IF(Input!$D$21=3,L7289*Input!$C$21,0)+IF(Input!$D$22=3,M7289*Input!$C$22,0)</f>
        <v>0</v>
      </c>
      <c r="Q7289" s="75">
        <f>IF(Input!$D$19=4,J7289*Input!$C$19,0)+IF(Input!$D$20=4,K7289*Input!$C$20,0)+IF(Input!$D$21=4,L7289*Input!$C$21,0)+IF(Input!$D$22=4,M7289*Input!$C$22,0)</f>
        <v>0</v>
      </c>
      <c r="R7289" s="58">
        <v>70.005596538487154</v>
      </c>
      <c r="S7289" s="124">
        <f t="shared" si="113"/>
        <v>1.6968695577562056</v>
      </c>
    </row>
    <row r="7290" spans="8:19" x14ac:dyDescent="0.3">
      <c r="H7290" s="44">
        <v>7283</v>
      </c>
      <c r="I7290" s="56">
        <f>Bühler!I7316</f>
        <v>0.42421738943905135</v>
      </c>
      <c r="J7290" s="59">
        <f>Bühler!J7316</f>
        <v>1.4140579647968379</v>
      </c>
      <c r="K7290" s="59">
        <f>Bühler!K7316</f>
        <v>2.1210869471952565</v>
      </c>
      <c r="L7290" s="59">
        <f>Bühler!L7316</f>
        <v>10.181217346537233</v>
      </c>
      <c r="M7290" s="58">
        <f>Bühler!M7316</f>
        <v>0</v>
      </c>
      <c r="N7290" s="56">
        <f>IF(Input!$D$19=1,J7290*Input!$C$19,0)+IF(Input!$D$20=1,K7290*Input!$C$20,0)+IF(Input!$D$21=1,L7290*Input!$C$21,0)+IF(Input!$D$22=1,M7290*Input!$C$22,0)</f>
        <v>0.42421738943905135</v>
      </c>
      <c r="O7290" s="59">
        <f>IF(Input!$D$19=2,J7290*Input!$C$19,0)+IF(Input!$D$20=2,K7290*Input!$C$20,0)+IF(Input!$D$21=2,L7290*Input!$C$21,0)+IF(Input!$D$22=2,M7290*Input!$C$22,0)</f>
        <v>1.0605434735976282</v>
      </c>
      <c r="P7290" s="59">
        <f>IF(Input!$D$19=3,J7290*Input!$C$19,0)+IF(Input!$D$20=3,K7290*Input!$C$20,0)+IF(Input!$D$21=3,L7290*Input!$C$21,0)+IF(Input!$D$22=3,M7290*Input!$C$22,0)</f>
        <v>0</v>
      </c>
      <c r="Q7290" s="75">
        <f>IF(Input!$D$19=4,J7290*Input!$C$19,0)+IF(Input!$D$20=4,K7290*Input!$C$20,0)+IF(Input!$D$21=4,L7290*Input!$C$21,0)+IF(Input!$D$22=4,M7290*Input!$C$22,0)</f>
        <v>0</v>
      </c>
      <c r="R7290" s="58">
        <v>70.833806536707982</v>
      </c>
      <c r="S7290" s="124">
        <f t="shared" si="113"/>
        <v>1.8382753542358892</v>
      </c>
    </row>
    <row r="7291" spans="8:19" x14ac:dyDescent="0.3">
      <c r="H7291" s="44">
        <v>7284</v>
      </c>
      <c r="I7291" s="56">
        <f>Bühler!I7317</f>
        <v>0.48948160319890532</v>
      </c>
      <c r="J7291" s="59">
        <f>Bühler!J7317</f>
        <v>1.6316053439963512</v>
      </c>
      <c r="K7291" s="59">
        <f>Bühler!K7317</f>
        <v>2.4474080159945264</v>
      </c>
      <c r="L7291" s="59">
        <f>Bühler!L7317</f>
        <v>11.747558476773728</v>
      </c>
      <c r="M7291" s="58">
        <f>Bühler!M7317</f>
        <v>0</v>
      </c>
      <c r="N7291" s="56">
        <f>IF(Input!$D$19=1,J7291*Input!$C$19,0)+IF(Input!$D$20=1,K7291*Input!$C$20,0)+IF(Input!$D$21=1,L7291*Input!$C$21,0)+IF(Input!$D$22=1,M7291*Input!$C$22,0)</f>
        <v>0.48948160319890532</v>
      </c>
      <c r="O7291" s="59">
        <f>IF(Input!$D$19=2,J7291*Input!$C$19,0)+IF(Input!$D$20=2,K7291*Input!$C$20,0)+IF(Input!$D$21=2,L7291*Input!$C$21,0)+IF(Input!$D$22=2,M7291*Input!$C$22,0)</f>
        <v>1.2237040079972632</v>
      </c>
      <c r="P7291" s="59">
        <f>IF(Input!$D$19=3,J7291*Input!$C$19,0)+IF(Input!$D$20=3,K7291*Input!$C$20,0)+IF(Input!$D$21=3,L7291*Input!$C$21,0)+IF(Input!$D$22=3,M7291*Input!$C$22,0)</f>
        <v>0</v>
      </c>
      <c r="Q7291" s="75">
        <f>IF(Input!$D$19=4,J7291*Input!$C$19,0)+IF(Input!$D$20=4,K7291*Input!$C$20,0)+IF(Input!$D$21=4,L7291*Input!$C$21,0)+IF(Input!$D$22=4,M7291*Input!$C$22,0)</f>
        <v>0</v>
      </c>
      <c r="R7291" s="58">
        <v>70.87551990416712</v>
      </c>
      <c r="S7291" s="124">
        <f t="shared" si="113"/>
        <v>2.1210869471952565</v>
      </c>
    </row>
    <row r="7292" spans="8:19" x14ac:dyDescent="0.3">
      <c r="H7292" s="44">
        <v>7285</v>
      </c>
      <c r="I7292" s="56">
        <f>Bühler!I7318</f>
        <v>0.48948160319890532</v>
      </c>
      <c r="J7292" s="59">
        <f>Bühler!J7318</f>
        <v>1.6316053439963512</v>
      </c>
      <c r="K7292" s="59">
        <f>Bühler!K7318</f>
        <v>2.4474080159945264</v>
      </c>
      <c r="L7292" s="59">
        <f>Bühler!L7318</f>
        <v>11.747558476773728</v>
      </c>
      <c r="M7292" s="58">
        <f>Bühler!M7318</f>
        <v>0</v>
      </c>
      <c r="N7292" s="56">
        <f>IF(Input!$D$19=1,J7292*Input!$C$19,0)+IF(Input!$D$20=1,K7292*Input!$C$20,0)+IF(Input!$D$21=1,L7292*Input!$C$21,0)+IF(Input!$D$22=1,M7292*Input!$C$22,0)</f>
        <v>0.48948160319890532</v>
      </c>
      <c r="O7292" s="59">
        <f>IF(Input!$D$19=2,J7292*Input!$C$19,0)+IF(Input!$D$20=2,K7292*Input!$C$20,0)+IF(Input!$D$21=2,L7292*Input!$C$21,0)+IF(Input!$D$22=2,M7292*Input!$C$22,0)</f>
        <v>1.2237040079972632</v>
      </c>
      <c r="P7292" s="59">
        <f>IF(Input!$D$19=3,J7292*Input!$C$19,0)+IF(Input!$D$20=3,K7292*Input!$C$20,0)+IF(Input!$D$21=3,L7292*Input!$C$21,0)+IF(Input!$D$22=3,M7292*Input!$C$22,0)</f>
        <v>0</v>
      </c>
      <c r="Q7292" s="75">
        <f>IF(Input!$D$19=4,J7292*Input!$C$19,0)+IF(Input!$D$20=4,K7292*Input!$C$20,0)+IF(Input!$D$21=4,L7292*Input!$C$21,0)+IF(Input!$D$22=4,M7292*Input!$C$22,0)</f>
        <v>0</v>
      </c>
      <c r="R7292" s="58">
        <v>69.48690444117193</v>
      </c>
      <c r="S7292" s="124">
        <f t="shared" si="113"/>
        <v>2.1210869471952565</v>
      </c>
    </row>
    <row r="7293" spans="8:19" x14ac:dyDescent="0.3">
      <c r="H7293" s="44">
        <v>7286</v>
      </c>
      <c r="I7293" s="56">
        <f>Bühler!I7319</f>
        <v>0.48948160319890532</v>
      </c>
      <c r="J7293" s="59">
        <f>Bühler!J7319</f>
        <v>1.6316053439963512</v>
      </c>
      <c r="K7293" s="59">
        <f>Bühler!K7319</f>
        <v>2.4474080159945264</v>
      </c>
      <c r="L7293" s="59">
        <f>Bühler!L7319</f>
        <v>11.747558476773728</v>
      </c>
      <c r="M7293" s="58">
        <f>Bühler!M7319</f>
        <v>0</v>
      </c>
      <c r="N7293" s="56">
        <f>IF(Input!$D$19=1,J7293*Input!$C$19,0)+IF(Input!$D$20=1,K7293*Input!$C$20,0)+IF(Input!$D$21=1,L7293*Input!$C$21,0)+IF(Input!$D$22=1,M7293*Input!$C$22,0)</f>
        <v>0.48948160319890532</v>
      </c>
      <c r="O7293" s="59">
        <f>IF(Input!$D$19=2,J7293*Input!$C$19,0)+IF(Input!$D$20=2,K7293*Input!$C$20,0)+IF(Input!$D$21=2,L7293*Input!$C$21,0)+IF(Input!$D$22=2,M7293*Input!$C$22,0)</f>
        <v>1.2237040079972632</v>
      </c>
      <c r="P7293" s="59">
        <f>IF(Input!$D$19=3,J7293*Input!$C$19,0)+IF(Input!$D$20=3,K7293*Input!$C$20,0)+IF(Input!$D$21=3,L7293*Input!$C$21,0)+IF(Input!$D$22=3,M7293*Input!$C$22,0)</f>
        <v>0</v>
      </c>
      <c r="Q7293" s="75">
        <f>IF(Input!$D$19=4,J7293*Input!$C$19,0)+IF(Input!$D$20=4,K7293*Input!$C$20,0)+IF(Input!$D$21=4,L7293*Input!$C$21,0)+IF(Input!$D$22=4,M7293*Input!$C$22,0)</f>
        <v>0</v>
      </c>
      <c r="R7293" s="58">
        <v>68.906782733657522</v>
      </c>
      <c r="S7293" s="124">
        <f t="shared" si="113"/>
        <v>2.1210869471952565</v>
      </c>
    </row>
    <row r="7294" spans="8:19" x14ac:dyDescent="0.3">
      <c r="H7294" s="44">
        <v>7287</v>
      </c>
      <c r="I7294" s="56">
        <f>Bühler!I7320</f>
        <v>0.48948160319890532</v>
      </c>
      <c r="J7294" s="59">
        <f>Bühler!J7320</f>
        <v>1.6316053439963512</v>
      </c>
      <c r="K7294" s="59">
        <f>Bühler!K7320</f>
        <v>2.4474080159945264</v>
      </c>
      <c r="L7294" s="59">
        <f>Bühler!L7320</f>
        <v>11.747558476773728</v>
      </c>
      <c r="M7294" s="58">
        <f>Bühler!M7320</f>
        <v>0</v>
      </c>
      <c r="N7294" s="56">
        <f>IF(Input!$D$19=1,J7294*Input!$C$19,0)+IF(Input!$D$20=1,K7294*Input!$C$20,0)+IF(Input!$D$21=1,L7294*Input!$C$21,0)+IF(Input!$D$22=1,M7294*Input!$C$22,0)</f>
        <v>0.48948160319890532</v>
      </c>
      <c r="O7294" s="59">
        <f>IF(Input!$D$19=2,J7294*Input!$C$19,0)+IF(Input!$D$20=2,K7294*Input!$C$20,0)+IF(Input!$D$21=2,L7294*Input!$C$21,0)+IF(Input!$D$22=2,M7294*Input!$C$22,0)</f>
        <v>1.2237040079972632</v>
      </c>
      <c r="P7294" s="59">
        <f>IF(Input!$D$19=3,J7294*Input!$C$19,0)+IF(Input!$D$20=3,K7294*Input!$C$20,0)+IF(Input!$D$21=3,L7294*Input!$C$21,0)+IF(Input!$D$22=3,M7294*Input!$C$22,0)</f>
        <v>0</v>
      </c>
      <c r="Q7294" s="75">
        <f>IF(Input!$D$19=4,J7294*Input!$C$19,0)+IF(Input!$D$20=4,K7294*Input!$C$20,0)+IF(Input!$D$21=4,L7294*Input!$C$21,0)+IF(Input!$D$22=4,M7294*Input!$C$22,0)</f>
        <v>0</v>
      </c>
      <c r="R7294" s="58">
        <v>69.458870795284369</v>
      </c>
      <c r="S7294" s="124">
        <f t="shared" si="113"/>
        <v>2.1210869471952565</v>
      </c>
    </row>
    <row r="7295" spans="8:19" x14ac:dyDescent="0.3">
      <c r="H7295" s="44">
        <v>7288</v>
      </c>
      <c r="I7295" s="56">
        <f>Bühler!I7321</f>
        <v>0.48948160319890532</v>
      </c>
      <c r="J7295" s="59">
        <f>Bühler!J7321</f>
        <v>1.6316053439963512</v>
      </c>
      <c r="K7295" s="59">
        <f>Bühler!K7321</f>
        <v>2.4474080159945264</v>
      </c>
      <c r="L7295" s="59">
        <f>Bühler!L7321</f>
        <v>11.747558476773728</v>
      </c>
      <c r="M7295" s="58">
        <f>Bühler!M7321</f>
        <v>0</v>
      </c>
      <c r="N7295" s="56">
        <f>IF(Input!$D$19=1,J7295*Input!$C$19,0)+IF(Input!$D$20=1,K7295*Input!$C$20,0)+IF(Input!$D$21=1,L7295*Input!$C$21,0)+IF(Input!$D$22=1,M7295*Input!$C$22,0)</f>
        <v>0.48948160319890532</v>
      </c>
      <c r="O7295" s="59">
        <f>IF(Input!$D$19=2,J7295*Input!$C$19,0)+IF(Input!$D$20=2,K7295*Input!$C$20,0)+IF(Input!$D$21=2,L7295*Input!$C$21,0)+IF(Input!$D$22=2,M7295*Input!$C$22,0)</f>
        <v>1.2237040079972632</v>
      </c>
      <c r="P7295" s="59">
        <f>IF(Input!$D$19=3,J7295*Input!$C$19,0)+IF(Input!$D$20=3,K7295*Input!$C$20,0)+IF(Input!$D$21=3,L7295*Input!$C$21,0)+IF(Input!$D$22=3,M7295*Input!$C$22,0)</f>
        <v>0</v>
      </c>
      <c r="Q7295" s="75">
        <f>IF(Input!$D$19=4,J7295*Input!$C$19,0)+IF(Input!$D$20=4,K7295*Input!$C$20,0)+IF(Input!$D$21=4,L7295*Input!$C$21,0)+IF(Input!$D$22=4,M7295*Input!$C$22,0)</f>
        <v>0</v>
      </c>
      <c r="R7295" s="58">
        <v>68.362983262592167</v>
      </c>
      <c r="S7295" s="124">
        <f t="shared" si="113"/>
        <v>2.1210869471952565</v>
      </c>
    </row>
    <row r="7296" spans="8:19" x14ac:dyDescent="0.3">
      <c r="H7296" s="44">
        <v>7289</v>
      </c>
      <c r="I7296" s="56">
        <f>Bühler!I7322</f>
        <v>0.48948160319890532</v>
      </c>
      <c r="J7296" s="59">
        <f>Bühler!J7322</f>
        <v>1.6316053439963512</v>
      </c>
      <c r="K7296" s="59">
        <f>Bühler!K7322</f>
        <v>2.4474080159945264</v>
      </c>
      <c r="L7296" s="59">
        <f>Bühler!L7322</f>
        <v>11.747558476773728</v>
      </c>
      <c r="M7296" s="58">
        <f>Bühler!M7322</f>
        <v>0</v>
      </c>
      <c r="N7296" s="56">
        <f>IF(Input!$D$19=1,J7296*Input!$C$19,0)+IF(Input!$D$20=1,K7296*Input!$C$20,0)+IF(Input!$D$21=1,L7296*Input!$C$21,0)+IF(Input!$D$22=1,M7296*Input!$C$22,0)</f>
        <v>0.48948160319890532</v>
      </c>
      <c r="O7296" s="59">
        <f>IF(Input!$D$19=2,J7296*Input!$C$19,0)+IF(Input!$D$20=2,K7296*Input!$C$20,0)+IF(Input!$D$21=2,L7296*Input!$C$21,0)+IF(Input!$D$22=2,M7296*Input!$C$22,0)</f>
        <v>1.2237040079972632</v>
      </c>
      <c r="P7296" s="59">
        <f>IF(Input!$D$19=3,J7296*Input!$C$19,0)+IF(Input!$D$20=3,K7296*Input!$C$20,0)+IF(Input!$D$21=3,L7296*Input!$C$21,0)+IF(Input!$D$22=3,M7296*Input!$C$22,0)</f>
        <v>0</v>
      </c>
      <c r="Q7296" s="75">
        <f>IF(Input!$D$19=4,J7296*Input!$C$19,0)+IF(Input!$D$20=4,K7296*Input!$C$20,0)+IF(Input!$D$21=4,L7296*Input!$C$21,0)+IF(Input!$D$22=4,M7296*Input!$C$22,0)</f>
        <v>0</v>
      </c>
      <c r="R7296" s="58">
        <v>67.421850600694569</v>
      </c>
      <c r="S7296" s="124">
        <f t="shared" si="113"/>
        <v>2.1210869471952565</v>
      </c>
    </row>
    <row r="7297" spans="8:19" x14ac:dyDescent="0.3">
      <c r="H7297" s="44">
        <v>7290</v>
      </c>
      <c r="I7297" s="56">
        <f>Bühler!I7323</f>
        <v>0.48948160319890532</v>
      </c>
      <c r="J7297" s="59">
        <f>Bühler!J7323</f>
        <v>1.6316053439963512</v>
      </c>
      <c r="K7297" s="59">
        <f>Bühler!K7323</f>
        <v>2.4474080159945264</v>
      </c>
      <c r="L7297" s="59">
        <f>Bühler!L7323</f>
        <v>11.747558476773728</v>
      </c>
      <c r="M7297" s="58">
        <f>Bühler!M7323</f>
        <v>0</v>
      </c>
      <c r="N7297" s="56">
        <f>IF(Input!$D$19=1,J7297*Input!$C$19,0)+IF(Input!$D$20=1,K7297*Input!$C$20,0)+IF(Input!$D$21=1,L7297*Input!$C$21,0)+IF(Input!$D$22=1,M7297*Input!$C$22,0)</f>
        <v>0.48948160319890532</v>
      </c>
      <c r="O7297" s="59">
        <f>IF(Input!$D$19=2,J7297*Input!$C$19,0)+IF(Input!$D$20=2,K7297*Input!$C$20,0)+IF(Input!$D$21=2,L7297*Input!$C$21,0)+IF(Input!$D$22=2,M7297*Input!$C$22,0)</f>
        <v>1.2237040079972632</v>
      </c>
      <c r="P7297" s="59">
        <f>IF(Input!$D$19=3,J7297*Input!$C$19,0)+IF(Input!$D$20=3,K7297*Input!$C$20,0)+IF(Input!$D$21=3,L7297*Input!$C$21,0)+IF(Input!$D$22=3,M7297*Input!$C$22,0)</f>
        <v>0</v>
      </c>
      <c r="Q7297" s="75">
        <f>IF(Input!$D$19=4,J7297*Input!$C$19,0)+IF(Input!$D$20=4,K7297*Input!$C$20,0)+IF(Input!$D$21=4,L7297*Input!$C$21,0)+IF(Input!$D$22=4,M7297*Input!$C$22,0)</f>
        <v>0</v>
      </c>
      <c r="R7297" s="58">
        <v>66.177494617054478</v>
      </c>
      <c r="S7297" s="124">
        <f t="shared" si="113"/>
        <v>2.1210869471952565</v>
      </c>
    </row>
    <row r="7298" spans="8:19" x14ac:dyDescent="0.3">
      <c r="H7298" s="44">
        <v>7291</v>
      </c>
      <c r="I7298" s="56">
        <f>Bühler!I7324</f>
        <v>0.48948160319890532</v>
      </c>
      <c r="J7298" s="59">
        <f>Bühler!J7324</f>
        <v>1.6316053439963512</v>
      </c>
      <c r="K7298" s="59">
        <f>Bühler!K7324</f>
        <v>2.4474080159945264</v>
      </c>
      <c r="L7298" s="59">
        <f>Bühler!L7324</f>
        <v>11.747558476773728</v>
      </c>
      <c r="M7298" s="58">
        <f>Bühler!M7324</f>
        <v>0</v>
      </c>
      <c r="N7298" s="56">
        <f>IF(Input!$D$19=1,J7298*Input!$C$19,0)+IF(Input!$D$20=1,K7298*Input!$C$20,0)+IF(Input!$D$21=1,L7298*Input!$C$21,0)+IF(Input!$D$22=1,M7298*Input!$C$22,0)</f>
        <v>0.48948160319890532</v>
      </c>
      <c r="O7298" s="59">
        <f>IF(Input!$D$19=2,J7298*Input!$C$19,0)+IF(Input!$D$20=2,K7298*Input!$C$20,0)+IF(Input!$D$21=2,L7298*Input!$C$21,0)+IF(Input!$D$22=2,M7298*Input!$C$22,0)</f>
        <v>1.2237040079972632</v>
      </c>
      <c r="P7298" s="59">
        <f>IF(Input!$D$19=3,J7298*Input!$C$19,0)+IF(Input!$D$20=3,K7298*Input!$C$20,0)+IF(Input!$D$21=3,L7298*Input!$C$21,0)+IF(Input!$D$22=3,M7298*Input!$C$22,0)</f>
        <v>0</v>
      </c>
      <c r="Q7298" s="75">
        <f>IF(Input!$D$19=4,J7298*Input!$C$19,0)+IF(Input!$D$20=4,K7298*Input!$C$20,0)+IF(Input!$D$21=4,L7298*Input!$C$21,0)+IF(Input!$D$22=4,M7298*Input!$C$22,0)</f>
        <v>0</v>
      </c>
      <c r="R7298" s="58">
        <v>65.380840774981252</v>
      </c>
      <c r="S7298" s="124">
        <f t="shared" si="113"/>
        <v>2.1210869471952565</v>
      </c>
    </row>
    <row r="7299" spans="8:19" x14ac:dyDescent="0.3">
      <c r="H7299" s="44">
        <v>7292</v>
      </c>
      <c r="I7299" s="56">
        <f>Bühler!I7325</f>
        <v>0.40790133599908784</v>
      </c>
      <c r="J7299" s="59">
        <f>Bühler!J7325</f>
        <v>1.3596711199969596</v>
      </c>
      <c r="K7299" s="59">
        <f>Bühler!K7325</f>
        <v>2.0395066799954393</v>
      </c>
      <c r="L7299" s="59">
        <f>Bühler!L7325</f>
        <v>9.7896320639781091</v>
      </c>
      <c r="M7299" s="58">
        <f>Bühler!M7325</f>
        <v>0</v>
      </c>
      <c r="N7299" s="56">
        <f>IF(Input!$D$19=1,J7299*Input!$C$19,0)+IF(Input!$D$20=1,K7299*Input!$C$20,0)+IF(Input!$D$21=1,L7299*Input!$C$21,0)+IF(Input!$D$22=1,M7299*Input!$C$22,0)</f>
        <v>0.40790133599908784</v>
      </c>
      <c r="O7299" s="59">
        <f>IF(Input!$D$19=2,J7299*Input!$C$19,0)+IF(Input!$D$20=2,K7299*Input!$C$20,0)+IF(Input!$D$21=2,L7299*Input!$C$21,0)+IF(Input!$D$22=2,M7299*Input!$C$22,0)</f>
        <v>1.0197533399977197</v>
      </c>
      <c r="P7299" s="59">
        <f>IF(Input!$D$19=3,J7299*Input!$C$19,0)+IF(Input!$D$20=3,K7299*Input!$C$20,0)+IF(Input!$D$21=3,L7299*Input!$C$21,0)+IF(Input!$D$22=3,M7299*Input!$C$22,0)</f>
        <v>0</v>
      </c>
      <c r="Q7299" s="75">
        <f>IF(Input!$D$19=4,J7299*Input!$C$19,0)+IF(Input!$D$20=4,K7299*Input!$C$20,0)+IF(Input!$D$21=4,L7299*Input!$C$21,0)+IF(Input!$D$22=4,M7299*Input!$C$22,0)</f>
        <v>0</v>
      </c>
      <c r="R7299" s="58">
        <v>64.422327396205958</v>
      </c>
      <c r="S7299" s="124">
        <f t="shared" si="113"/>
        <v>1.7675724559960475</v>
      </c>
    </row>
    <row r="7300" spans="8:19" x14ac:dyDescent="0.3">
      <c r="H7300" s="44">
        <v>7293</v>
      </c>
      <c r="I7300" s="56">
        <f>Bühler!I7326</f>
        <v>0.32632106879927031</v>
      </c>
      <c r="J7300" s="59">
        <f>Bühler!J7326</f>
        <v>1.0877368959975677</v>
      </c>
      <c r="K7300" s="59">
        <f>Bühler!K7326</f>
        <v>1.6316053439963514</v>
      </c>
      <c r="L7300" s="59">
        <f>Bühler!L7326</f>
        <v>7.831705651182487</v>
      </c>
      <c r="M7300" s="58">
        <f>Bühler!M7326</f>
        <v>0</v>
      </c>
      <c r="N7300" s="56">
        <f>IF(Input!$D$19=1,J7300*Input!$C$19,0)+IF(Input!$D$20=1,K7300*Input!$C$20,0)+IF(Input!$D$21=1,L7300*Input!$C$21,0)+IF(Input!$D$22=1,M7300*Input!$C$22,0)</f>
        <v>0.32632106879927031</v>
      </c>
      <c r="O7300" s="59">
        <f>IF(Input!$D$19=2,J7300*Input!$C$19,0)+IF(Input!$D$20=2,K7300*Input!$C$20,0)+IF(Input!$D$21=2,L7300*Input!$C$21,0)+IF(Input!$D$22=2,M7300*Input!$C$22,0)</f>
        <v>0.81580267199817569</v>
      </c>
      <c r="P7300" s="59">
        <f>IF(Input!$D$19=3,J7300*Input!$C$19,0)+IF(Input!$D$20=3,K7300*Input!$C$20,0)+IF(Input!$D$21=3,L7300*Input!$C$21,0)+IF(Input!$D$22=3,M7300*Input!$C$22,0)</f>
        <v>0</v>
      </c>
      <c r="Q7300" s="75">
        <f>IF(Input!$D$19=4,J7300*Input!$C$19,0)+IF(Input!$D$20=4,K7300*Input!$C$20,0)+IF(Input!$D$21=4,L7300*Input!$C$21,0)+IF(Input!$D$22=4,M7300*Input!$C$22,0)</f>
        <v>0</v>
      </c>
      <c r="R7300" s="58">
        <v>62.889505254047329</v>
      </c>
      <c r="S7300" s="124">
        <f t="shared" si="113"/>
        <v>1.4140579647968381</v>
      </c>
    </row>
    <row r="7301" spans="8:19" x14ac:dyDescent="0.3">
      <c r="H7301" s="44">
        <v>7294</v>
      </c>
      <c r="I7301" s="56">
        <f>Bühler!I7327</f>
        <v>0.24474080159945266</v>
      </c>
      <c r="J7301" s="59">
        <f>Bühler!J7327</f>
        <v>0.81580267199817558</v>
      </c>
      <c r="K7301" s="59">
        <f>Bühler!K7327</f>
        <v>1.2237040079972632</v>
      </c>
      <c r="L7301" s="59">
        <f>Bühler!L7327</f>
        <v>5.8737792383868639</v>
      </c>
      <c r="M7301" s="58">
        <f>Bühler!M7327</f>
        <v>0</v>
      </c>
      <c r="N7301" s="56">
        <f>IF(Input!$D$19=1,J7301*Input!$C$19,0)+IF(Input!$D$20=1,K7301*Input!$C$20,0)+IF(Input!$D$21=1,L7301*Input!$C$21,0)+IF(Input!$D$22=1,M7301*Input!$C$22,0)</f>
        <v>0.24474080159945266</v>
      </c>
      <c r="O7301" s="59">
        <f>IF(Input!$D$19=2,J7301*Input!$C$19,0)+IF(Input!$D$20=2,K7301*Input!$C$20,0)+IF(Input!$D$21=2,L7301*Input!$C$21,0)+IF(Input!$D$22=2,M7301*Input!$C$22,0)</f>
        <v>0.6118520039986316</v>
      </c>
      <c r="P7301" s="59">
        <f>IF(Input!$D$19=3,J7301*Input!$C$19,0)+IF(Input!$D$20=3,K7301*Input!$C$20,0)+IF(Input!$D$21=3,L7301*Input!$C$21,0)+IF(Input!$D$22=3,M7301*Input!$C$22,0)</f>
        <v>0</v>
      </c>
      <c r="Q7301" s="75">
        <f>IF(Input!$D$19=4,J7301*Input!$C$19,0)+IF(Input!$D$20=4,K7301*Input!$C$20,0)+IF(Input!$D$21=4,L7301*Input!$C$21,0)+IF(Input!$D$22=4,M7301*Input!$C$22,0)</f>
        <v>0</v>
      </c>
      <c r="R7301" s="58">
        <v>61.043115385287457</v>
      </c>
      <c r="S7301" s="124">
        <f t="shared" si="113"/>
        <v>1.0605434735976282</v>
      </c>
    </row>
    <row r="7302" spans="8:19" x14ac:dyDescent="0.3">
      <c r="H7302" s="44">
        <v>7295</v>
      </c>
      <c r="I7302" s="56">
        <f>Bühler!I7328</f>
        <v>0.24474080159945266</v>
      </c>
      <c r="J7302" s="59">
        <f>Bühler!J7328</f>
        <v>0.81580267199817558</v>
      </c>
      <c r="K7302" s="59">
        <f>Bühler!K7328</f>
        <v>1.2237040079972632</v>
      </c>
      <c r="L7302" s="59">
        <f>Bühler!L7328</f>
        <v>5.8737792383868639</v>
      </c>
      <c r="M7302" s="58">
        <f>Bühler!M7328</f>
        <v>0</v>
      </c>
      <c r="N7302" s="56">
        <f>IF(Input!$D$19=1,J7302*Input!$C$19,0)+IF(Input!$D$20=1,K7302*Input!$C$20,0)+IF(Input!$D$21=1,L7302*Input!$C$21,0)+IF(Input!$D$22=1,M7302*Input!$C$22,0)</f>
        <v>0.24474080159945266</v>
      </c>
      <c r="O7302" s="59">
        <f>IF(Input!$D$19=2,J7302*Input!$C$19,0)+IF(Input!$D$20=2,K7302*Input!$C$20,0)+IF(Input!$D$21=2,L7302*Input!$C$21,0)+IF(Input!$D$22=2,M7302*Input!$C$22,0)</f>
        <v>0.6118520039986316</v>
      </c>
      <c r="P7302" s="59">
        <f>IF(Input!$D$19=3,J7302*Input!$C$19,0)+IF(Input!$D$20=3,K7302*Input!$C$20,0)+IF(Input!$D$21=3,L7302*Input!$C$21,0)+IF(Input!$D$22=3,M7302*Input!$C$22,0)</f>
        <v>0</v>
      </c>
      <c r="Q7302" s="75">
        <f>IF(Input!$D$19=4,J7302*Input!$C$19,0)+IF(Input!$D$20=4,K7302*Input!$C$20,0)+IF(Input!$D$21=4,L7302*Input!$C$21,0)+IF(Input!$D$22=4,M7302*Input!$C$22,0)</f>
        <v>0</v>
      </c>
      <c r="R7302" s="58">
        <v>60.668523072245449</v>
      </c>
      <c r="S7302" s="124">
        <f t="shared" si="113"/>
        <v>1.0605434735976282</v>
      </c>
    </row>
    <row r="7303" spans="8:19" x14ac:dyDescent="0.3">
      <c r="H7303" s="44">
        <v>7296</v>
      </c>
      <c r="I7303" s="56">
        <f>Bühler!I7329</f>
        <v>0.24474080159945266</v>
      </c>
      <c r="J7303" s="59">
        <f>Bühler!J7329</f>
        <v>0.81580267199817558</v>
      </c>
      <c r="K7303" s="59">
        <f>Bühler!K7329</f>
        <v>1.2237040079972632</v>
      </c>
      <c r="L7303" s="59">
        <f>Bühler!L7329</f>
        <v>5.8737792383868639</v>
      </c>
      <c r="M7303" s="58">
        <f>Bühler!M7329</f>
        <v>0</v>
      </c>
      <c r="N7303" s="56">
        <f>IF(Input!$D$19=1,J7303*Input!$C$19,0)+IF(Input!$D$20=1,K7303*Input!$C$20,0)+IF(Input!$D$21=1,L7303*Input!$C$21,0)+IF(Input!$D$22=1,M7303*Input!$C$22,0)</f>
        <v>0.24474080159945266</v>
      </c>
      <c r="O7303" s="59">
        <f>IF(Input!$D$19=2,J7303*Input!$C$19,0)+IF(Input!$D$20=2,K7303*Input!$C$20,0)+IF(Input!$D$21=2,L7303*Input!$C$21,0)+IF(Input!$D$22=2,M7303*Input!$C$22,0)</f>
        <v>0.6118520039986316</v>
      </c>
      <c r="P7303" s="59">
        <f>IF(Input!$D$19=3,J7303*Input!$C$19,0)+IF(Input!$D$20=3,K7303*Input!$C$20,0)+IF(Input!$D$21=3,L7303*Input!$C$21,0)+IF(Input!$D$22=3,M7303*Input!$C$22,0)</f>
        <v>0</v>
      </c>
      <c r="Q7303" s="75">
        <f>IF(Input!$D$19=4,J7303*Input!$C$19,0)+IF(Input!$D$20=4,K7303*Input!$C$20,0)+IF(Input!$D$21=4,L7303*Input!$C$21,0)+IF(Input!$D$22=4,M7303*Input!$C$22,0)</f>
        <v>0</v>
      </c>
      <c r="R7303" s="58">
        <v>59.811572490058381</v>
      </c>
      <c r="S7303" s="124">
        <f t="shared" si="113"/>
        <v>1.0605434735976282</v>
      </c>
    </row>
    <row r="7304" spans="8:19" x14ac:dyDescent="0.3">
      <c r="H7304" s="44">
        <v>7297</v>
      </c>
      <c r="I7304" s="56">
        <f>Bühler!I7330</f>
        <v>0.23759088990508409</v>
      </c>
      <c r="J7304" s="59">
        <f>Bühler!J7330</f>
        <v>0.79196963301694701</v>
      </c>
      <c r="K7304" s="59">
        <f>Bühler!K7330</f>
        <v>1.1879544495254204</v>
      </c>
      <c r="L7304" s="59">
        <f>Bühler!L7330</f>
        <v>5.7021813577220177</v>
      </c>
      <c r="M7304" s="58">
        <f>Bühler!M7330</f>
        <v>0</v>
      </c>
      <c r="N7304" s="56">
        <f>IF(Input!$D$19=1,J7304*Input!$C$19,0)+IF(Input!$D$20=1,K7304*Input!$C$20,0)+IF(Input!$D$21=1,L7304*Input!$C$21,0)+IF(Input!$D$22=1,M7304*Input!$C$22,0)</f>
        <v>0.23759088990508409</v>
      </c>
      <c r="O7304" s="59">
        <f>IF(Input!$D$19=2,J7304*Input!$C$19,0)+IF(Input!$D$20=2,K7304*Input!$C$20,0)+IF(Input!$D$21=2,L7304*Input!$C$21,0)+IF(Input!$D$22=2,M7304*Input!$C$22,0)</f>
        <v>0.5939772247627102</v>
      </c>
      <c r="P7304" s="59">
        <f>IF(Input!$D$19=3,J7304*Input!$C$19,0)+IF(Input!$D$20=3,K7304*Input!$C$20,0)+IF(Input!$D$21=3,L7304*Input!$C$21,0)+IF(Input!$D$22=3,M7304*Input!$C$22,0)</f>
        <v>0</v>
      </c>
      <c r="Q7304" s="75">
        <f>IF(Input!$D$19=4,J7304*Input!$C$19,0)+IF(Input!$D$20=4,K7304*Input!$C$20,0)+IF(Input!$D$21=4,L7304*Input!$C$21,0)+IF(Input!$D$22=4,M7304*Input!$C$22,0)</f>
        <v>0</v>
      </c>
      <c r="R7304" s="58">
        <v>59.207674279597896</v>
      </c>
      <c r="S7304" s="124">
        <f t="shared" si="113"/>
        <v>1.029560522922031</v>
      </c>
    </row>
    <row r="7305" spans="8:19" x14ac:dyDescent="0.3">
      <c r="H7305" s="44">
        <v>7298</v>
      </c>
      <c r="I7305" s="56">
        <f>Bühler!I7331</f>
        <v>0.23759088990508409</v>
      </c>
      <c r="J7305" s="59">
        <f>Bühler!J7331</f>
        <v>0.79196963301694701</v>
      </c>
      <c r="K7305" s="59">
        <f>Bühler!K7331</f>
        <v>1.1879544495254204</v>
      </c>
      <c r="L7305" s="59">
        <f>Bühler!L7331</f>
        <v>5.7021813577220177</v>
      </c>
      <c r="M7305" s="58">
        <f>Bühler!M7331</f>
        <v>0</v>
      </c>
      <c r="N7305" s="56">
        <f>IF(Input!$D$19=1,J7305*Input!$C$19,0)+IF(Input!$D$20=1,K7305*Input!$C$20,0)+IF(Input!$D$21=1,L7305*Input!$C$21,0)+IF(Input!$D$22=1,M7305*Input!$C$22,0)</f>
        <v>0.23759088990508409</v>
      </c>
      <c r="O7305" s="59">
        <f>IF(Input!$D$19=2,J7305*Input!$C$19,0)+IF(Input!$D$20=2,K7305*Input!$C$20,0)+IF(Input!$D$21=2,L7305*Input!$C$21,0)+IF(Input!$D$22=2,M7305*Input!$C$22,0)</f>
        <v>0.5939772247627102</v>
      </c>
      <c r="P7305" s="59">
        <f>IF(Input!$D$19=3,J7305*Input!$C$19,0)+IF(Input!$D$20=3,K7305*Input!$C$20,0)+IF(Input!$D$21=3,L7305*Input!$C$21,0)+IF(Input!$D$22=3,M7305*Input!$C$22,0)</f>
        <v>0</v>
      </c>
      <c r="Q7305" s="75">
        <f>IF(Input!$D$19=4,J7305*Input!$C$19,0)+IF(Input!$D$20=4,K7305*Input!$C$20,0)+IF(Input!$D$21=4,L7305*Input!$C$21,0)+IF(Input!$D$22=4,M7305*Input!$C$22,0)</f>
        <v>0</v>
      </c>
      <c r="R7305" s="58">
        <v>58.744578606969725</v>
      </c>
      <c r="S7305" s="124">
        <f t="shared" ref="S7305:S7368" si="114">I7305+J7305</f>
        <v>1.029560522922031</v>
      </c>
    </row>
    <row r="7306" spans="8:19" x14ac:dyDescent="0.3">
      <c r="H7306" s="44">
        <v>7299</v>
      </c>
      <c r="I7306" s="56">
        <f>Bühler!I7332</f>
        <v>0.23759088990508409</v>
      </c>
      <c r="J7306" s="59">
        <f>Bühler!J7332</f>
        <v>0.79196963301694701</v>
      </c>
      <c r="K7306" s="59">
        <f>Bühler!K7332</f>
        <v>1.1879544495254204</v>
      </c>
      <c r="L7306" s="59">
        <f>Bühler!L7332</f>
        <v>5.7021813577220177</v>
      </c>
      <c r="M7306" s="58">
        <f>Bühler!M7332</f>
        <v>0</v>
      </c>
      <c r="N7306" s="56">
        <f>IF(Input!$D$19=1,J7306*Input!$C$19,0)+IF(Input!$D$20=1,K7306*Input!$C$20,0)+IF(Input!$D$21=1,L7306*Input!$C$21,0)+IF(Input!$D$22=1,M7306*Input!$C$22,0)</f>
        <v>0.23759088990508409</v>
      </c>
      <c r="O7306" s="59">
        <f>IF(Input!$D$19=2,J7306*Input!$C$19,0)+IF(Input!$D$20=2,K7306*Input!$C$20,0)+IF(Input!$D$21=2,L7306*Input!$C$21,0)+IF(Input!$D$22=2,M7306*Input!$C$22,0)</f>
        <v>0.5939772247627102</v>
      </c>
      <c r="P7306" s="59">
        <f>IF(Input!$D$19=3,J7306*Input!$C$19,0)+IF(Input!$D$20=3,K7306*Input!$C$20,0)+IF(Input!$D$21=3,L7306*Input!$C$21,0)+IF(Input!$D$22=3,M7306*Input!$C$22,0)</f>
        <v>0</v>
      </c>
      <c r="Q7306" s="75">
        <f>IF(Input!$D$19=4,J7306*Input!$C$19,0)+IF(Input!$D$20=4,K7306*Input!$C$20,0)+IF(Input!$D$21=4,L7306*Input!$C$21,0)+IF(Input!$D$22=4,M7306*Input!$C$22,0)</f>
        <v>0</v>
      </c>
      <c r="R7306" s="58">
        <v>58.685320022184392</v>
      </c>
      <c r="S7306" s="124">
        <f t="shared" si="114"/>
        <v>1.029560522922031</v>
      </c>
    </row>
    <row r="7307" spans="8:19" x14ac:dyDescent="0.3">
      <c r="H7307" s="44">
        <v>7300</v>
      </c>
      <c r="I7307" s="56">
        <f>Bühler!I7333</f>
        <v>0.23759088990508409</v>
      </c>
      <c r="J7307" s="59">
        <f>Bühler!J7333</f>
        <v>0.79196963301694701</v>
      </c>
      <c r="K7307" s="59">
        <f>Bühler!K7333</f>
        <v>1.1879544495254204</v>
      </c>
      <c r="L7307" s="59">
        <f>Bühler!L7333</f>
        <v>5.7021813577220177</v>
      </c>
      <c r="M7307" s="58">
        <f>Bühler!M7333</f>
        <v>0</v>
      </c>
      <c r="N7307" s="56">
        <f>IF(Input!$D$19=1,J7307*Input!$C$19,0)+IF(Input!$D$20=1,K7307*Input!$C$20,0)+IF(Input!$D$21=1,L7307*Input!$C$21,0)+IF(Input!$D$22=1,M7307*Input!$C$22,0)</f>
        <v>0.23759088990508409</v>
      </c>
      <c r="O7307" s="59">
        <f>IF(Input!$D$19=2,J7307*Input!$C$19,0)+IF(Input!$D$20=2,K7307*Input!$C$20,0)+IF(Input!$D$21=2,L7307*Input!$C$21,0)+IF(Input!$D$22=2,M7307*Input!$C$22,0)</f>
        <v>0.5939772247627102</v>
      </c>
      <c r="P7307" s="59">
        <f>IF(Input!$D$19=3,J7307*Input!$C$19,0)+IF(Input!$D$20=3,K7307*Input!$C$20,0)+IF(Input!$D$21=3,L7307*Input!$C$21,0)+IF(Input!$D$22=3,M7307*Input!$C$22,0)</f>
        <v>0</v>
      </c>
      <c r="Q7307" s="75">
        <f>IF(Input!$D$19=4,J7307*Input!$C$19,0)+IF(Input!$D$20=4,K7307*Input!$C$20,0)+IF(Input!$D$21=4,L7307*Input!$C$21,0)+IF(Input!$D$22=4,M7307*Input!$C$22,0)</f>
        <v>0</v>
      </c>
      <c r="R7307" s="58">
        <v>58.791812359994303</v>
      </c>
      <c r="S7307" s="124">
        <f t="shared" si="114"/>
        <v>1.029560522922031</v>
      </c>
    </row>
    <row r="7308" spans="8:19" x14ac:dyDescent="0.3">
      <c r="H7308" s="44">
        <v>7301</v>
      </c>
      <c r="I7308" s="56">
        <f>Bühler!I7334</f>
        <v>0.23759088990508409</v>
      </c>
      <c r="J7308" s="59">
        <f>Bühler!J7334</f>
        <v>0.79196963301694701</v>
      </c>
      <c r="K7308" s="59">
        <f>Bühler!K7334</f>
        <v>1.1879544495254204</v>
      </c>
      <c r="L7308" s="59">
        <f>Bühler!L7334</f>
        <v>5.7021813577220177</v>
      </c>
      <c r="M7308" s="58">
        <f>Bühler!M7334</f>
        <v>0</v>
      </c>
      <c r="N7308" s="56">
        <f>IF(Input!$D$19=1,J7308*Input!$C$19,0)+IF(Input!$D$20=1,K7308*Input!$C$20,0)+IF(Input!$D$21=1,L7308*Input!$C$21,0)+IF(Input!$D$22=1,M7308*Input!$C$22,0)</f>
        <v>0.23759088990508409</v>
      </c>
      <c r="O7308" s="59">
        <f>IF(Input!$D$19=2,J7308*Input!$C$19,0)+IF(Input!$D$20=2,K7308*Input!$C$20,0)+IF(Input!$D$21=2,L7308*Input!$C$21,0)+IF(Input!$D$22=2,M7308*Input!$C$22,0)</f>
        <v>0.5939772247627102</v>
      </c>
      <c r="P7308" s="59">
        <f>IF(Input!$D$19=3,J7308*Input!$C$19,0)+IF(Input!$D$20=3,K7308*Input!$C$20,0)+IF(Input!$D$21=3,L7308*Input!$C$21,0)+IF(Input!$D$22=3,M7308*Input!$C$22,0)</f>
        <v>0</v>
      </c>
      <c r="Q7308" s="75">
        <f>IF(Input!$D$19=4,J7308*Input!$C$19,0)+IF(Input!$D$20=4,K7308*Input!$C$20,0)+IF(Input!$D$21=4,L7308*Input!$C$21,0)+IF(Input!$D$22=4,M7308*Input!$C$22,0)</f>
        <v>0</v>
      </c>
      <c r="R7308" s="58">
        <v>60.299459460995195</v>
      </c>
      <c r="S7308" s="124">
        <f t="shared" si="114"/>
        <v>1.029560522922031</v>
      </c>
    </row>
    <row r="7309" spans="8:19" x14ac:dyDescent="0.3">
      <c r="H7309" s="44">
        <v>7302</v>
      </c>
      <c r="I7309" s="56">
        <f>Bühler!I7335</f>
        <v>0.30622825809988613</v>
      </c>
      <c r="J7309" s="59">
        <f>Bühler!J7335</f>
        <v>1.0207608603329539</v>
      </c>
      <c r="K7309" s="59">
        <f>Bühler!K7335</f>
        <v>1.5311412904994306</v>
      </c>
      <c r="L7309" s="59">
        <f>Bühler!L7335</f>
        <v>7.3494781943972667</v>
      </c>
      <c r="M7309" s="58">
        <f>Bühler!M7335</f>
        <v>0</v>
      </c>
      <c r="N7309" s="56">
        <f>IF(Input!$D$19=1,J7309*Input!$C$19,0)+IF(Input!$D$20=1,K7309*Input!$C$20,0)+IF(Input!$D$21=1,L7309*Input!$C$21,0)+IF(Input!$D$22=1,M7309*Input!$C$22,0)</f>
        <v>0.30622825809988613</v>
      </c>
      <c r="O7309" s="59">
        <f>IF(Input!$D$19=2,J7309*Input!$C$19,0)+IF(Input!$D$20=2,K7309*Input!$C$20,0)+IF(Input!$D$21=2,L7309*Input!$C$21,0)+IF(Input!$D$22=2,M7309*Input!$C$22,0)</f>
        <v>0.7655706452497153</v>
      </c>
      <c r="P7309" s="59">
        <f>IF(Input!$D$19=3,J7309*Input!$C$19,0)+IF(Input!$D$20=3,K7309*Input!$C$20,0)+IF(Input!$D$21=3,L7309*Input!$C$21,0)+IF(Input!$D$22=3,M7309*Input!$C$22,0)</f>
        <v>0</v>
      </c>
      <c r="Q7309" s="75">
        <f>IF(Input!$D$19=4,J7309*Input!$C$19,0)+IF(Input!$D$20=4,K7309*Input!$C$20,0)+IF(Input!$D$21=4,L7309*Input!$C$21,0)+IF(Input!$D$22=4,M7309*Input!$C$22,0)</f>
        <v>0</v>
      </c>
      <c r="R7309" s="58">
        <v>63.116683864695126</v>
      </c>
      <c r="S7309" s="124">
        <f t="shared" si="114"/>
        <v>1.32698911843284</v>
      </c>
    </row>
    <row r="7310" spans="8:19" x14ac:dyDescent="0.3">
      <c r="H7310" s="44">
        <v>7303</v>
      </c>
      <c r="I7310" s="56">
        <f>Bühler!I7336</f>
        <v>0.353746436080903</v>
      </c>
      <c r="J7310" s="59">
        <f>Bühler!J7336</f>
        <v>1.1791547869363435</v>
      </c>
      <c r="K7310" s="59">
        <f>Bühler!K7336</f>
        <v>1.7687321804045151</v>
      </c>
      <c r="L7310" s="59">
        <f>Bühler!L7336</f>
        <v>8.4899144659416717</v>
      </c>
      <c r="M7310" s="58">
        <f>Bühler!M7336</f>
        <v>0</v>
      </c>
      <c r="N7310" s="56">
        <f>IF(Input!$D$19=1,J7310*Input!$C$19,0)+IF(Input!$D$20=1,K7310*Input!$C$20,0)+IF(Input!$D$21=1,L7310*Input!$C$21,0)+IF(Input!$D$22=1,M7310*Input!$C$22,0)</f>
        <v>0.353746436080903</v>
      </c>
      <c r="O7310" s="59">
        <f>IF(Input!$D$19=2,J7310*Input!$C$19,0)+IF(Input!$D$20=2,K7310*Input!$C$20,0)+IF(Input!$D$21=2,L7310*Input!$C$21,0)+IF(Input!$D$22=2,M7310*Input!$C$22,0)</f>
        <v>0.88436609020225754</v>
      </c>
      <c r="P7310" s="59">
        <f>IF(Input!$D$19=3,J7310*Input!$C$19,0)+IF(Input!$D$20=3,K7310*Input!$C$20,0)+IF(Input!$D$21=3,L7310*Input!$C$21,0)+IF(Input!$D$22=3,M7310*Input!$C$22,0)</f>
        <v>0</v>
      </c>
      <c r="Q7310" s="75">
        <f>IF(Input!$D$19=4,J7310*Input!$C$19,0)+IF(Input!$D$20=4,K7310*Input!$C$20,0)+IF(Input!$D$21=4,L7310*Input!$C$21,0)+IF(Input!$D$22=4,M7310*Input!$C$22,0)</f>
        <v>0</v>
      </c>
      <c r="R7310" s="58">
        <v>66.704016637590243</v>
      </c>
      <c r="S7310" s="124">
        <f t="shared" si="114"/>
        <v>1.5329012230172465</v>
      </c>
    </row>
    <row r="7311" spans="8:19" x14ac:dyDescent="0.3">
      <c r="H7311" s="44">
        <v>7304</v>
      </c>
      <c r="I7311" s="56">
        <f>Bühler!I7337</f>
        <v>0.353746436080903</v>
      </c>
      <c r="J7311" s="59">
        <f>Bühler!J7337</f>
        <v>1.1791547869363435</v>
      </c>
      <c r="K7311" s="59">
        <f>Bühler!K7337</f>
        <v>1.7687321804045151</v>
      </c>
      <c r="L7311" s="59">
        <f>Bühler!L7337</f>
        <v>8.4899144659416717</v>
      </c>
      <c r="M7311" s="58">
        <f>Bühler!M7337</f>
        <v>0</v>
      </c>
      <c r="N7311" s="56">
        <f>IF(Input!$D$19=1,J7311*Input!$C$19,0)+IF(Input!$D$20=1,K7311*Input!$C$20,0)+IF(Input!$D$21=1,L7311*Input!$C$21,0)+IF(Input!$D$22=1,M7311*Input!$C$22,0)</f>
        <v>0.353746436080903</v>
      </c>
      <c r="O7311" s="59">
        <f>IF(Input!$D$19=2,J7311*Input!$C$19,0)+IF(Input!$D$20=2,K7311*Input!$C$20,0)+IF(Input!$D$21=2,L7311*Input!$C$21,0)+IF(Input!$D$22=2,M7311*Input!$C$22,0)</f>
        <v>0.88436609020225754</v>
      </c>
      <c r="P7311" s="59">
        <f>IF(Input!$D$19=3,J7311*Input!$C$19,0)+IF(Input!$D$20=3,K7311*Input!$C$20,0)+IF(Input!$D$21=3,L7311*Input!$C$21,0)+IF(Input!$D$22=3,M7311*Input!$C$22,0)</f>
        <v>0</v>
      </c>
      <c r="Q7311" s="75">
        <f>IF(Input!$D$19=4,J7311*Input!$C$19,0)+IF(Input!$D$20=4,K7311*Input!$C$20,0)+IF(Input!$D$21=4,L7311*Input!$C$21,0)+IF(Input!$D$22=4,M7311*Input!$C$22,0)</f>
        <v>0</v>
      </c>
      <c r="R7311" s="58">
        <v>67.713845232050502</v>
      </c>
      <c r="S7311" s="124">
        <f t="shared" si="114"/>
        <v>1.5329012230172465</v>
      </c>
    </row>
    <row r="7312" spans="8:19" x14ac:dyDescent="0.3">
      <c r="H7312" s="44">
        <v>7305</v>
      </c>
      <c r="I7312" s="56">
        <f>Bühler!I7338</f>
        <v>0.353746436080903</v>
      </c>
      <c r="J7312" s="59">
        <f>Bühler!J7338</f>
        <v>1.1791547869363435</v>
      </c>
      <c r="K7312" s="59">
        <f>Bühler!K7338</f>
        <v>1.7687321804045151</v>
      </c>
      <c r="L7312" s="59">
        <f>Bühler!L7338</f>
        <v>8.4899144659416717</v>
      </c>
      <c r="M7312" s="58">
        <f>Bühler!M7338</f>
        <v>0</v>
      </c>
      <c r="N7312" s="56">
        <f>IF(Input!$D$19=1,J7312*Input!$C$19,0)+IF(Input!$D$20=1,K7312*Input!$C$20,0)+IF(Input!$D$21=1,L7312*Input!$C$21,0)+IF(Input!$D$22=1,M7312*Input!$C$22,0)</f>
        <v>0.353746436080903</v>
      </c>
      <c r="O7312" s="59">
        <f>IF(Input!$D$19=2,J7312*Input!$C$19,0)+IF(Input!$D$20=2,K7312*Input!$C$20,0)+IF(Input!$D$21=2,L7312*Input!$C$21,0)+IF(Input!$D$22=2,M7312*Input!$C$22,0)</f>
        <v>0.88436609020225754</v>
      </c>
      <c r="P7312" s="59">
        <f>IF(Input!$D$19=3,J7312*Input!$C$19,0)+IF(Input!$D$20=3,K7312*Input!$C$20,0)+IF(Input!$D$21=3,L7312*Input!$C$21,0)+IF(Input!$D$22=3,M7312*Input!$C$22,0)</f>
        <v>0</v>
      </c>
      <c r="Q7312" s="75">
        <f>IF(Input!$D$19=4,J7312*Input!$C$19,0)+IF(Input!$D$20=4,K7312*Input!$C$20,0)+IF(Input!$D$21=4,L7312*Input!$C$21,0)+IF(Input!$D$22=4,M7312*Input!$C$22,0)</f>
        <v>0</v>
      </c>
      <c r="R7312" s="58">
        <v>68.098510378088861</v>
      </c>
      <c r="S7312" s="124">
        <f t="shared" si="114"/>
        <v>1.5329012230172465</v>
      </c>
    </row>
    <row r="7313" spans="8:19" x14ac:dyDescent="0.3">
      <c r="H7313" s="44">
        <v>7306</v>
      </c>
      <c r="I7313" s="56">
        <f>Bühler!I7339</f>
        <v>0.38014542384813454</v>
      </c>
      <c r="J7313" s="59">
        <f>Bühler!J7339</f>
        <v>1.2671514128271153</v>
      </c>
      <c r="K7313" s="59">
        <f>Bühler!K7339</f>
        <v>1.9007271192406727</v>
      </c>
      <c r="L7313" s="59">
        <f>Bühler!L7339</f>
        <v>9.1234901723552291</v>
      </c>
      <c r="M7313" s="58">
        <f>Bühler!M7339</f>
        <v>0</v>
      </c>
      <c r="N7313" s="56">
        <f>IF(Input!$D$19=1,J7313*Input!$C$19,0)+IF(Input!$D$20=1,K7313*Input!$C$20,0)+IF(Input!$D$21=1,L7313*Input!$C$21,0)+IF(Input!$D$22=1,M7313*Input!$C$22,0)</f>
        <v>0.3801454238481346</v>
      </c>
      <c r="O7313" s="59">
        <f>IF(Input!$D$19=2,J7313*Input!$C$19,0)+IF(Input!$D$20=2,K7313*Input!$C$20,0)+IF(Input!$D$21=2,L7313*Input!$C$21,0)+IF(Input!$D$22=2,M7313*Input!$C$22,0)</f>
        <v>0.95036355962033636</v>
      </c>
      <c r="P7313" s="59">
        <f>IF(Input!$D$19=3,J7313*Input!$C$19,0)+IF(Input!$D$20=3,K7313*Input!$C$20,0)+IF(Input!$D$21=3,L7313*Input!$C$21,0)+IF(Input!$D$22=3,M7313*Input!$C$22,0)</f>
        <v>0</v>
      </c>
      <c r="Q7313" s="75">
        <f>IF(Input!$D$19=4,J7313*Input!$C$19,0)+IF(Input!$D$20=4,K7313*Input!$C$20,0)+IF(Input!$D$21=4,L7313*Input!$C$21,0)+IF(Input!$D$22=4,M7313*Input!$C$22,0)</f>
        <v>0</v>
      </c>
      <c r="R7313" s="58">
        <v>68.257579252061049</v>
      </c>
      <c r="S7313" s="124">
        <f t="shared" si="114"/>
        <v>1.6472968366752498</v>
      </c>
    </row>
    <row r="7314" spans="8:19" x14ac:dyDescent="0.3">
      <c r="H7314" s="44">
        <v>7307</v>
      </c>
      <c r="I7314" s="56">
        <f>Bühler!I7340</f>
        <v>0.41182420916881241</v>
      </c>
      <c r="J7314" s="59">
        <f>Bühler!J7340</f>
        <v>1.3727473638960415</v>
      </c>
      <c r="K7314" s="59">
        <f>Bühler!K7340</f>
        <v>2.0591210458440621</v>
      </c>
      <c r="L7314" s="59">
        <f>Bühler!L7340</f>
        <v>9.8837810200514973</v>
      </c>
      <c r="M7314" s="58">
        <f>Bühler!M7340</f>
        <v>0</v>
      </c>
      <c r="N7314" s="56">
        <f>IF(Input!$D$19=1,J7314*Input!$C$19,0)+IF(Input!$D$20=1,K7314*Input!$C$20,0)+IF(Input!$D$21=1,L7314*Input!$C$21,0)+IF(Input!$D$22=1,M7314*Input!$C$22,0)</f>
        <v>0.41182420916881241</v>
      </c>
      <c r="O7314" s="59">
        <f>IF(Input!$D$19=2,J7314*Input!$C$19,0)+IF(Input!$D$20=2,K7314*Input!$C$20,0)+IF(Input!$D$21=2,L7314*Input!$C$21,0)+IF(Input!$D$22=2,M7314*Input!$C$22,0)</f>
        <v>1.029560522922031</v>
      </c>
      <c r="P7314" s="59">
        <f>IF(Input!$D$19=3,J7314*Input!$C$19,0)+IF(Input!$D$20=3,K7314*Input!$C$20,0)+IF(Input!$D$21=3,L7314*Input!$C$21,0)+IF(Input!$D$22=3,M7314*Input!$C$22,0)</f>
        <v>0</v>
      </c>
      <c r="Q7314" s="75">
        <f>IF(Input!$D$19=4,J7314*Input!$C$19,0)+IF(Input!$D$20=4,K7314*Input!$C$20,0)+IF(Input!$D$21=4,L7314*Input!$C$21,0)+IF(Input!$D$22=4,M7314*Input!$C$22,0)</f>
        <v>0</v>
      </c>
      <c r="R7314" s="58">
        <v>69.06769932013151</v>
      </c>
      <c r="S7314" s="124">
        <f t="shared" si="114"/>
        <v>1.7845715730648539</v>
      </c>
    </row>
    <row r="7315" spans="8:19" x14ac:dyDescent="0.3">
      <c r="H7315" s="44">
        <v>7308</v>
      </c>
      <c r="I7315" s="56">
        <f>Bühler!I7341</f>
        <v>0.47518177981016818</v>
      </c>
      <c r="J7315" s="59">
        <f>Bühler!J7341</f>
        <v>1.583939266033894</v>
      </c>
      <c r="K7315" s="59">
        <f>Bühler!K7341</f>
        <v>2.3759088990508408</v>
      </c>
      <c r="L7315" s="59">
        <f>Bühler!L7341</f>
        <v>11.404362715444035</v>
      </c>
      <c r="M7315" s="58">
        <f>Bühler!M7341</f>
        <v>0</v>
      </c>
      <c r="N7315" s="56">
        <f>IF(Input!$D$19=1,J7315*Input!$C$19,0)+IF(Input!$D$20=1,K7315*Input!$C$20,0)+IF(Input!$D$21=1,L7315*Input!$C$21,0)+IF(Input!$D$22=1,M7315*Input!$C$22,0)</f>
        <v>0.47518177981016818</v>
      </c>
      <c r="O7315" s="59">
        <f>IF(Input!$D$19=2,J7315*Input!$C$19,0)+IF(Input!$D$20=2,K7315*Input!$C$20,0)+IF(Input!$D$21=2,L7315*Input!$C$21,0)+IF(Input!$D$22=2,M7315*Input!$C$22,0)</f>
        <v>1.1879544495254204</v>
      </c>
      <c r="P7315" s="59">
        <f>IF(Input!$D$19=3,J7315*Input!$C$19,0)+IF(Input!$D$20=3,K7315*Input!$C$20,0)+IF(Input!$D$21=3,L7315*Input!$C$21,0)+IF(Input!$D$22=3,M7315*Input!$C$22,0)</f>
        <v>0</v>
      </c>
      <c r="Q7315" s="75">
        <f>IF(Input!$D$19=4,J7315*Input!$C$19,0)+IF(Input!$D$20=4,K7315*Input!$C$20,0)+IF(Input!$D$21=4,L7315*Input!$C$21,0)+IF(Input!$D$22=4,M7315*Input!$C$22,0)</f>
        <v>0</v>
      </c>
      <c r="R7315" s="58">
        <v>69.367828417269592</v>
      </c>
      <c r="S7315" s="124">
        <f t="shared" si="114"/>
        <v>2.0591210458440621</v>
      </c>
    </row>
    <row r="7316" spans="8:19" x14ac:dyDescent="0.3">
      <c r="H7316" s="44">
        <v>7309</v>
      </c>
      <c r="I7316" s="56">
        <f>Bühler!I7342</f>
        <v>0.47518177981016818</v>
      </c>
      <c r="J7316" s="59">
        <f>Bühler!J7342</f>
        <v>1.583939266033894</v>
      </c>
      <c r="K7316" s="59">
        <f>Bühler!K7342</f>
        <v>2.3759088990508408</v>
      </c>
      <c r="L7316" s="59">
        <f>Bühler!L7342</f>
        <v>11.404362715444035</v>
      </c>
      <c r="M7316" s="58">
        <f>Bühler!M7342</f>
        <v>0</v>
      </c>
      <c r="N7316" s="56">
        <f>IF(Input!$D$19=1,J7316*Input!$C$19,0)+IF(Input!$D$20=1,K7316*Input!$C$20,0)+IF(Input!$D$21=1,L7316*Input!$C$21,0)+IF(Input!$D$22=1,M7316*Input!$C$22,0)</f>
        <v>0.47518177981016818</v>
      </c>
      <c r="O7316" s="59">
        <f>IF(Input!$D$19=2,J7316*Input!$C$19,0)+IF(Input!$D$20=2,K7316*Input!$C$20,0)+IF(Input!$D$21=2,L7316*Input!$C$21,0)+IF(Input!$D$22=2,M7316*Input!$C$22,0)</f>
        <v>1.1879544495254204</v>
      </c>
      <c r="P7316" s="59">
        <f>IF(Input!$D$19=3,J7316*Input!$C$19,0)+IF(Input!$D$20=3,K7316*Input!$C$20,0)+IF(Input!$D$21=3,L7316*Input!$C$21,0)+IF(Input!$D$22=3,M7316*Input!$C$22,0)</f>
        <v>0</v>
      </c>
      <c r="Q7316" s="75">
        <f>IF(Input!$D$19=4,J7316*Input!$C$19,0)+IF(Input!$D$20=4,K7316*Input!$C$20,0)+IF(Input!$D$21=4,L7316*Input!$C$21,0)+IF(Input!$D$22=4,M7316*Input!$C$22,0)</f>
        <v>0</v>
      </c>
      <c r="R7316" s="58">
        <v>67.979387183138627</v>
      </c>
      <c r="S7316" s="124">
        <f t="shared" si="114"/>
        <v>2.0591210458440621</v>
      </c>
    </row>
    <row r="7317" spans="8:19" x14ac:dyDescent="0.3">
      <c r="H7317" s="44">
        <v>7310</v>
      </c>
      <c r="I7317" s="56">
        <f>Bühler!I7343</f>
        <v>0.47518177981016818</v>
      </c>
      <c r="J7317" s="59">
        <f>Bühler!J7343</f>
        <v>1.583939266033894</v>
      </c>
      <c r="K7317" s="59">
        <f>Bühler!K7343</f>
        <v>2.3759088990508408</v>
      </c>
      <c r="L7317" s="59">
        <f>Bühler!L7343</f>
        <v>11.404362715444035</v>
      </c>
      <c r="M7317" s="58">
        <f>Bühler!M7343</f>
        <v>0</v>
      </c>
      <c r="N7317" s="56">
        <f>IF(Input!$D$19=1,J7317*Input!$C$19,0)+IF(Input!$D$20=1,K7317*Input!$C$20,0)+IF(Input!$D$21=1,L7317*Input!$C$21,0)+IF(Input!$D$22=1,M7317*Input!$C$22,0)</f>
        <v>0.47518177981016818</v>
      </c>
      <c r="O7317" s="59">
        <f>IF(Input!$D$19=2,J7317*Input!$C$19,0)+IF(Input!$D$20=2,K7317*Input!$C$20,0)+IF(Input!$D$21=2,L7317*Input!$C$21,0)+IF(Input!$D$22=2,M7317*Input!$C$22,0)</f>
        <v>1.1879544495254204</v>
      </c>
      <c r="P7317" s="59">
        <f>IF(Input!$D$19=3,J7317*Input!$C$19,0)+IF(Input!$D$20=3,K7317*Input!$C$20,0)+IF(Input!$D$21=3,L7317*Input!$C$21,0)+IF(Input!$D$22=3,M7317*Input!$C$22,0)</f>
        <v>0</v>
      </c>
      <c r="Q7317" s="75">
        <f>IF(Input!$D$19=4,J7317*Input!$C$19,0)+IF(Input!$D$20=4,K7317*Input!$C$20,0)+IF(Input!$D$21=4,L7317*Input!$C$21,0)+IF(Input!$D$22=4,M7317*Input!$C$22,0)</f>
        <v>0</v>
      </c>
      <c r="R7317" s="58">
        <v>67.550706702890196</v>
      </c>
      <c r="S7317" s="124">
        <f t="shared" si="114"/>
        <v>2.0591210458440621</v>
      </c>
    </row>
    <row r="7318" spans="8:19" x14ac:dyDescent="0.3">
      <c r="H7318" s="44">
        <v>7311</v>
      </c>
      <c r="I7318" s="56">
        <f>Bühler!I7344</f>
        <v>0.47518177981016818</v>
      </c>
      <c r="J7318" s="59">
        <f>Bühler!J7344</f>
        <v>1.583939266033894</v>
      </c>
      <c r="K7318" s="59">
        <f>Bühler!K7344</f>
        <v>2.3759088990508408</v>
      </c>
      <c r="L7318" s="59">
        <f>Bühler!L7344</f>
        <v>11.404362715444035</v>
      </c>
      <c r="M7318" s="58">
        <f>Bühler!M7344</f>
        <v>0</v>
      </c>
      <c r="N7318" s="56">
        <f>IF(Input!$D$19=1,J7318*Input!$C$19,0)+IF(Input!$D$20=1,K7318*Input!$C$20,0)+IF(Input!$D$21=1,L7318*Input!$C$21,0)+IF(Input!$D$22=1,M7318*Input!$C$22,0)</f>
        <v>0.47518177981016818</v>
      </c>
      <c r="O7318" s="59">
        <f>IF(Input!$D$19=2,J7318*Input!$C$19,0)+IF(Input!$D$20=2,K7318*Input!$C$20,0)+IF(Input!$D$21=2,L7318*Input!$C$21,0)+IF(Input!$D$22=2,M7318*Input!$C$22,0)</f>
        <v>1.1879544495254204</v>
      </c>
      <c r="P7318" s="59">
        <f>IF(Input!$D$19=3,J7318*Input!$C$19,0)+IF(Input!$D$20=3,K7318*Input!$C$20,0)+IF(Input!$D$21=3,L7318*Input!$C$21,0)+IF(Input!$D$22=3,M7318*Input!$C$22,0)</f>
        <v>0</v>
      </c>
      <c r="Q7318" s="75">
        <f>IF(Input!$D$19=4,J7318*Input!$C$19,0)+IF(Input!$D$20=4,K7318*Input!$C$20,0)+IF(Input!$D$21=4,L7318*Input!$C$21,0)+IF(Input!$D$22=4,M7318*Input!$C$22,0)</f>
        <v>0</v>
      </c>
      <c r="R7318" s="58">
        <v>67.261822595157696</v>
      </c>
      <c r="S7318" s="124">
        <f t="shared" si="114"/>
        <v>2.0591210458440621</v>
      </c>
    </row>
    <row r="7319" spans="8:19" x14ac:dyDescent="0.3">
      <c r="H7319" s="44">
        <v>7312</v>
      </c>
      <c r="I7319" s="56">
        <f>Bühler!I7345</f>
        <v>0.47518177981016818</v>
      </c>
      <c r="J7319" s="59">
        <f>Bühler!J7345</f>
        <v>1.583939266033894</v>
      </c>
      <c r="K7319" s="59">
        <f>Bühler!K7345</f>
        <v>2.3759088990508408</v>
      </c>
      <c r="L7319" s="59">
        <f>Bühler!L7345</f>
        <v>11.404362715444035</v>
      </c>
      <c r="M7319" s="58">
        <f>Bühler!M7345</f>
        <v>0</v>
      </c>
      <c r="N7319" s="56">
        <f>IF(Input!$D$19=1,J7319*Input!$C$19,0)+IF(Input!$D$20=1,K7319*Input!$C$20,0)+IF(Input!$D$21=1,L7319*Input!$C$21,0)+IF(Input!$D$22=1,M7319*Input!$C$22,0)</f>
        <v>0.47518177981016818</v>
      </c>
      <c r="O7319" s="59">
        <f>IF(Input!$D$19=2,J7319*Input!$C$19,0)+IF(Input!$D$20=2,K7319*Input!$C$20,0)+IF(Input!$D$21=2,L7319*Input!$C$21,0)+IF(Input!$D$22=2,M7319*Input!$C$22,0)</f>
        <v>1.1879544495254204</v>
      </c>
      <c r="P7319" s="59">
        <f>IF(Input!$D$19=3,J7319*Input!$C$19,0)+IF(Input!$D$20=3,K7319*Input!$C$20,0)+IF(Input!$D$21=3,L7319*Input!$C$21,0)+IF(Input!$D$22=3,M7319*Input!$C$22,0)</f>
        <v>0</v>
      </c>
      <c r="Q7319" s="75">
        <f>IF(Input!$D$19=4,J7319*Input!$C$19,0)+IF(Input!$D$20=4,K7319*Input!$C$20,0)+IF(Input!$D$21=4,L7319*Input!$C$21,0)+IF(Input!$D$22=4,M7319*Input!$C$22,0)</f>
        <v>0</v>
      </c>
      <c r="R7319" s="58">
        <v>66.590682458006668</v>
      </c>
      <c r="S7319" s="124">
        <f t="shared" si="114"/>
        <v>2.0591210458440621</v>
      </c>
    </row>
    <row r="7320" spans="8:19" x14ac:dyDescent="0.3">
      <c r="H7320" s="44">
        <v>7313</v>
      </c>
      <c r="I7320" s="56">
        <f>Bühler!I7346</f>
        <v>0.47518177981016818</v>
      </c>
      <c r="J7320" s="59">
        <f>Bühler!J7346</f>
        <v>1.583939266033894</v>
      </c>
      <c r="K7320" s="59">
        <f>Bühler!K7346</f>
        <v>2.3759088990508408</v>
      </c>
      <c r="L7320" s="59">
        <f>Bühler!L7346</f>
        <v>11.404362715444035</v>
      </c>
      <c r="M7320" s="58">
        <f>Bühler!M7346</f>
        <v>0</v>
      </c>
      <c r="N7320" s="56">
        <f>IF(Input!$D$19=1,J7320*Input!$C$19,0)+IF(Input!$D$20=1,K7320*Input!$C$20,0)+IF(Input!$D$21=1,L7320*Input!$C$21,0)+IF(Input!$D$22=1,M7320*Input!$C$22,0)</f>
        <v>0.47518177981016818</v>
      </c>
      <c r="O7320" s="59">
        <f>IF(Input!$D$19=2,J7320*Input!$C$19,0)+IF(Input!$D$20=2,K7320*Input!$C$20,0)+IF(Input!$D$21=2,L7320*Input!$C$21,0)+IF(Input!$D$22=2,M7320*Input!$C$22,0)</f>
        <v>1.1879544495254204</v>
      </c>
      <c r="P7320" s="59">
        <f>IF(Input!$D$19=3,J7320*Input!$C$19,0)+IF(Input!$D$20=3,K7320*Input!$C$20,0)+IF(Input!$D$21=3,L7320*Input!$C$21,0)+IF(Input!$D$22=3,M7320*Input!$C$22,0)</f>
        <v>0</v>
      </c>
      <c r="Q7320" s="75">
        <f>IF(Input!$D$19=4,J7320*Input!$C$19,0)+IF(Input!$D$20=4,K7320*Input!$C$20,0)+IF(Input!$D$21=4,L7320*Input!$C$21,0)+IF(Input!$D$22=4,M7320*Input!$C$22,0)</f>
        <v>0</v>
      </c>
      <c r="R7320" s="58">
        <v>65.704176125150042</v>
      </c>
      <c r="S7320" s="124">
        <f t="shared" si="114"/>
        <v>2.0591210458440621</v>
      </c>
    </row>
    <row r="7321" spans="8:19" x14ac:dyDescent="0.3">
      <c r="H7321" s="44">
        <v>7314</v>
      </c>
      <c r="I7321" s="56">
        <f>Bühler!I7347</f>
        <v>0.47518177981016818</v>
      </c>
      <c r="J7321" s="59">
        <f>Bühler!J7347</f>
        <v>1.583939266033894</v>
      </c>
      <c r="K7321" s="59">
        <f>Bühler!K7347</f>
        <v>2.3759088990508408</v>
      </c>
      <c r="L7321" s="59">
        <f>Bühler!L7347</f>
        <v>11.404362715444035</v>
      </c>
      <c r="M7321" s="58">
        <f>Bühler!M7347</f>
        <v>0</v>
      </c>
      <c r="N7321" s="56">
        <f>IF(Input!$D$19=1,J7321*Input!$C$19,0)+IF(Input!$D$20=1,K7321*Input!$C$20,0)+IF(Input!$D$21=1,L7321*Input!$C$21,0)+IF(Input!$D$22=1,M7321*Input!$C$22,0)</f>
        <v>0.47518177981016818</v>
      </c>
      <c r="O7321" s="59">
        <f>IF(Input!$D$19=2,J7321*Input!$C$19,0)+IF(Input!$D$20=2,K7321*Input!$C$20,0)+IF(Input!$D$21=2,L7321*Input!$C$21,0)+IF(Input!$D$22=2,M7321*Input!$C$22,0)</f>
        <v>1.1879544495254204</v>
      </c>
      <c r="P7321" s="59">
        <f>IF(Input!$D$19=3,J7321*Input!$C$19,0)+IF(Input!$D$20=3,K7321*Input!$C$20,0)+IF(Input!$D$21=3,L7321*Input!$C$21,0)+IF(Input!$D$22=3,M7321*Input!$C$22,0)</f>
        <v>0</v>
      </c>
      <c r="Q7321" s="75">
        <f>IF(Input!$D$19=4,J7321*Input!$C$19,0)+IF(Input!$D$20=4,K7321*Input!$C$20,0)+IF(Input!$D$21=4,L7321*Input!$C$21,0)+IF(Input!$D$22=4,M7321*Input!$C$22,0)</f>
        <v>0</v>
      </c>
      <c r="R7321" s="58">
        <v>65.810497176156929</v>
      </c>
      <c r="S7321" s="124">
        <f t="shared" si="114"/>
        <v>2.0591210458440621</v>
      </c>
    </row>
    <row r="7322" spans="8:19" x14ac:dyDescent="0.3">
      <c r="H7322" s="44">
        <v>7315</v>
      </c>
      <c r="I7322" s="56">
        <f>Bühler!I7348</f>
        <v>0.47518177981016818</v>
      </c>
      <c r="J7322" s="59">
        <f>Bühler!J7348</f>
        <v>1.583939266033894</v>
      </c>
      <c r="K7322" s="59">
        <f>Bühler!K7348</f>
        <v>2.3759088990508408</v>
      </c>
      <c r="L7322" s="59">
        <f>Bühler!L7348</f>
        <v>11.404362715444035</v>
      </c>
      <c r="M7322" s="58">
        <f>Bühler!M7348</f>
        <v>0</v>
      </c>
      <c r="N7322" s="56">
        <f>IF(Input!$D$19=1,J7322*Input!$C$19,0)+IF(Input!$D$20=1,K7322*Input!$C$20,0)+IF(Input!$D$21=1,L7322*Input!$C$21,0)+IF(Input!$D$22=1,M7322*Input!$C$22,0)</f>
        <v>0.47518177981016818</v>
      </c>
      <c r="O7322" s="59">
        <f>IF(Input!$D$19=2,J7322*Input!$C$19,0)+IF(Input!$D$20=2,K7322*Input!$C$20,0)+IF(Input!$D$21=2,L7322*Input!$C$21,0)+IF(Input!$D$22=2,M7322*Input!$C$22,0)</f>
        <v>1.1879544495254204</v>
      </c>
      <c r="P7322" s="59">
        <f>IF(Input!$D$19=3,J7322*Input!$C$19,0)+IF(Input!$D$20=3,K7322*Input!$C$20,0)+IF(Input!$D$21=3,L7322*Input!$C$21,0)+IF(Input!$D$22=3,M7322*Input!$C$22,0)</f>
        <v>0</v>
      </c>
      <c r="Q7322" s="75">
        <f>IF(Input!$D$19=4,J7322*Input!$C$19,0)+IF(Input!$D$20=4,K7322*Input!$C$20,0)+IF(Input!$D$21=4,L7322*Input!$C$21,0)+IF(Input!$D$22=4,M7322*Input!$C$22,0)</f>
        <v>0</v>
      </c>
      <c r="R7322" s="58">
        <v>65.57056677003979</v>
      </c>
      <c r="S7322" s="124">
        <f t="shared" si="114"/>
        <v>2.0591210458440621</v>
      </c>
    </row>
    <row r="7323" spans="8:19" x14ac:dyDescent="0.3">
      <c r="H7323" s="44">
        <v>7316</v>
      </c>
      <c r="I7323" s="56">
        <f>Bühler!I7349</f>
        <v>0.3959848165084735</v>
      </c>
      <c r="J7323" s="59">
        <f>Bühler!J7349</f>
        <v>1.3199493883615785</v>
      </c>
      <c r="K7323" s="59">
        <f>Bühler!K7349</f>
        <v>1.9799240825423674</v>
      </c>
      <c r="L7323" s="59">
        <f>Bühler!L7349</f>
        <v>9.5036355962033632</v>
      </c>
      <c r="M7323" s="58">
        <f>Bühler!M7349</f>
        <v>0</v>
      </c>
      <c r="N7323" s="56">
        <f>IF(Input!$D$19=1,J7323*Input!$C$19,0)+IF(Input!$D$20=1,K7323*Input!$C$20,0)+IF(Input!$D$21=1,L7323*Input!$C$21,0)+IF(Input!$D$22=1,M7323*Input!$C$22,0)</f>
        <v>0.39598481650847356</v>
      </c>
      <c r="O7323" s="59">
        <f>IF(Input!$D$19=2,J7323*Input!$C$19,0)+IF(Input!$D$20=2,K7323*Input!$C$20,0)+IF(Input!$D$21=2,L7323*Input!$C$21,0)+IF(Input!$D$22=2,M7323*Input!$C$22,0)</f>
        <v>0.9899620412711837</v>
      </c>
      <c r="P7323" s="59">
        <f>IF(Input!$D$19=3,J7323*Input!$C$19,0)+IF(Input!$D$20=3,K7323*Input!$C$20,0)+IF(Input!$D$21=3,L7323*Input!$C$21,0)+IF(Input!$D$22=3,M7323*Input!$C$22,0)</f>
        <v>0</v>
      </c>
      <c r="Q7323" s="75">
        <f>IF(Input!$D$19=4,J7323*Input!$C$19,0)+IF(Input!$D$20=4,K7323*Input!$C$20,0)+IF(Input!$D$21=4,L7323*Input!$C$21,0)+IF(Input!$D$22=4,M7323*Input!$C$22,0)</f>
        <v>0</v>
      </c>
      <c r="R7323" s="58">
        <v>64.195430811544711</v>
      </c>
      <c r="S7323" s="124">
        <f t="shared" si="114"/>
        <v>1.7159342048700519</v>
      </c>
    </row>
    <row r="7324" spans="8:19" x14ac:dyDescent="0.3">
      <c r="H7324" s="44">
        <v>7317</v>
      </c>
      <c r="I7324" s="56">
        <f>Bühler!I7350</f>
        <v>0.31678785320677877</v>
      </c>
      <c r="J7324" s="59">
        <f>Bühler!J7350</f>
        <v>1.0559595106892627</v>
      </c>
      <c r="K7324" s="59">
        <f>Bühler!K7350</f>
        <v>1.5839392660338938</v>
      </c>
      <c r="L7324" s="59">
        <f>Bühler!L7350</f>
        <v>7.6029084769626909</v>
      </c>
      <c r="M7324" s="58">
        <f>Bühler!M7350</f>
        <v>0</v>
      </c>
      <c r="N7324" s="56">
        <f>IF(Input!$D$19=1,J7324*Input!$C$19,0)+IF(Input!$D$20=1,K7324*Input!$C$20,0)+IF(Input!$D$21=1,L7324*Input!$C$21,0)+IF(Input!$D$22=1,M7324*Input!$C$22,0)</f>
        <v>0.31678785320677882</v>
      </c>
      <c r="O7324" s="59">
        <f>IF(Input!$D$19=2,J7324*Input!$C$19,0)+IF(Input!$D$20=2,K7324*Input!$C$20,0)+IF(Input!$D$21=2,L7324*Input!$C$21,0)+IF(Input!$D$22=2,M7324*Input!$C$22,0)</f>
        <v>0.79196963301694689</v>
      </c>
      <c r="P7324" s="59">
        <f>IF(Input!$D$19=3,J7324*Input!$C$19,0)+IF(Input!$D$20=3,K7324*Input!$C$20,0)+IF(Input!$D$21=3,L7324*Input!$C$21,0)+IF(Input!$D$22=3,M7324*Input!$C$22,0)</f>
        <v>0</v>
      </c>
      <c r="Q7324" s="75">
        <f>IF(Input!$D$19=4,J7324*Input!$C$19,0)+IF(Input!$D$20=4,K7324*Input!$C$20,0)+IF(Input!$D$21=4,L7324*Input!$C$21,0)+IF(Input!$D$22=4,M7324*Input!$C$22,0)</f>
        <v>0</v>
      </c>
      <c r="R7324" s="58">
        <v>62.922098957497433</v>
      </c>
      <c r="S7324" s="124">
        <f t="shared" si="114"/>
        <v>1.3727473638960415</v>
      </c>
    </row>
    <row r="7325" spans="8:19" x14ac:dyDescent="0.3">
      <c r="H7325" s="44">
        <v>7318</v>
      </c>
      <c r="I7325" s="56">
        <f>Bühler!I7351</f>
        <v>0.23759088990508409</v>
      </c>
      <c r="J7325" s="59">
        <f>Bühler!J7351</f>
        <v>0.79196963301694701</v>
      </c>
      <c r="K7325" s="59">
        <f>Bühler!K7351</f>
        <v>1.1879544495254204</v>
      </c>
      <c r="L7325" s="59">
        <f>Bühler!L7351</f>
        <v>5.7021813577220177</v>
      </c>
      <c r="M7325" s="58">
        <f>Bühler!M7351</f>
        <v>0</v>
      </c>
      <c r="N7325" s="56">
        <f>IF(Input!$D$19=1,J7325*Input!$C$19,0)+IF(Input!$D$20=1,K7325*Input!$C$20,0)+IF(Input!$D$21=1,L7325*Input!$C$21,0)+IF(Input!$D$22=1,M7325*Input!$C$22,0)</f>
        <v>0.23759088990508409</v>
      </c>
      <c r="O7325" s="59">
        <f>IF(Input!$D$19=2,J7325*Input!$C$19,0)+IF(Input!$D$20=2,K7325*Input!$C$20,0)+IF(Input!$D$21=2,L7325*Input!$C$21,0)+IF(Input!$D$22=2,M7325*Input!$C$22,0)</f>
        <v>0.5939772247627102</v>
      </c>
      <c r="P7325" s="59">
        <f>IF(Input!$D$19=3,J7325*Input!$C$19,0)+IF(Input!$D$20=3,K7325*Input!$C$20,0)+IF(Input!$D$21=3,L7325*Input!$C$21,0)+IF(Input!$D$22=3,M7325*Input!$C$22,0)</f>
        <v>0</v>
      </c>
      <c r="Q7325" s="75">
        <f>IF(Input!$D$19=4,J7325*Input!$C$19,0)+IF(Input!$D$20=4,K7325*Input!$C$20,0)+IF(Input!$D$21=4,L7325*Input!$C$21,0)+IF(Input!$D$22=4,M7325*Input!$C$22,0)</f>
        <v>0</v>
      </c>
      <c r="R7325" s="58">
        <v>60.797614539337005</v>
      </c>
      <c r="S7325" s="124">
        <f t="shared" si="114"/>
        <v>1.029560522922031</v>
      </c>
    </row>
    <row r="7326" spans="8:19" x14ac:dyDescent="0.3">
      <c r="H7326" s="44">
        <v>7319</v>
      </c>
      <c r="I7326" s="56">
        <f>Bühler!I7352</f>
        <v>0.23759088990508409</v>
      </c>
      <c r="J7326" s="59">
        <f>Bühler!J7352</f>
        <v>0.79196963301694701</v>
      </c>
      <c r="K7326" s="59">
        <f>Bühler!K7352</f>
        <v>1.1879544495254204</v>
      </c>
      <c r="L7326" s="59">
        <f>Bühler!L7352</f>
        <v>5.7021813577220177</v>
      </c>
      <c r="M7326" s="58">
        <f>Bühler!M7352</f>
        <v>0</v>
      </c>
      <c r="N7326" s="56">
        <f>IF(Input!$D$19=1,J7326*Input!$C$19,0)+IF(Input!$D$20=1,K7326*Input!$C$20,0)+IF(Input!$D$21=1,L7326*Input!$C$21,0)+IF(Input!$D$22=1,M7326*Input!$C$22,0)</f>
        <v>0.23759088990508409</v>
      </c>
      <c r="O7326" s="59">
        <f>IF(Input!$D$19=2,J7326*Input!$C$19,0)+IF(Input!$D$20=2,K7326*Input!$C$20,0)+IF(Input!$D$21=2,L7326*Input!$C$21,0)+IF(Input!$D$22=2,M7326*Input!$C$22,0)</f>
        <v>0.5939772247627102</v>
      </c>
      <c r="P7326" s="59">
        <f>IF(Input!$D$19=3,J7326*Input!$C$19,0)+IF(Input!$D$20=3,K7326*Input!$C$20,0)+IF(Input!$D$21=3,L7326*Input!$C$21,0)+IF(Input!$D$22=3,M7326*Input!$C$22,0)</f>
        <v>0</v>
      </c>
      <c r="Q7326" s="75">
        <f>IF(Input!$D$19=4,J7326*Input!$C$19,0)+IF(Input!$D$20=4,K7326*Input!$C$20,0)+IF(Input!$D$21=4,L7326*Input!$C$21,0)+IF(Input!$D$22=4,M7326*Input!$C$22,0)</f>
        <v>0</v>
      </c>
      <c r="R7326" s="58">
        <v>60.335386519783967</v>
      </c>
      <c r="S7326" s="124">
        <f t="shared" si="114"/>
        <v>1.029560522922031</v>
      </c>
    </row>
    <row r="7327" spans="8:19" x14ac:dyDescent="0.3">
      <c r="H7327" s="44">
        <v>7320</v>
      </c>
      <c r="I7327" s="56">
        <f>Bühler!I7353</f>
        <v>0.23759088990508409</v>
      </c>
      <c r="J7327" s="59">
        <f>Bühler!J7353</f>
        <v>0.79196963301694701</v>
      </c>
      <c r="K7327" s="59">
        <f>Bühler!K7353</f>
        <v>1.1879544495254204</v>
      </c>
      <c r="L7327" s="59">
        <f>Bühler!L7353</f>
        <v>5.7021813577220177</v>
      </c>
      <c r="M7327" s="58">
        <f>Bühler!M7353</f>
        <v>0</v>
      </c>
      <c r="N7327" s="56">
        <f>IF(Input!$D$19=1,J7327*Input!$C$19,0)+IF(Input!$D$20=1,K7327*Input!$C$20,0)+IF(Input!$D$21=1,L7327*Input!$C$21,0)+IF(Input!$D$22=1,M7327*Input!$C$22,0)</f>
        <v>0.23759088990508409</v>
      </c>
      <c r="O7327" s="59">
        <f>IF(Input!$D$19=2,J7327*Input!$C$19,0)+IF(Input!$D$20=2,K7327*Input!$C$20,0)+IF(Input!$D$21=2,L7327*Input!$C$21,0)+IF(Input!$D$22=2,M7327*Input!$C$22,0)</f>
        <v>0.5939772247627102</v>
      </c>
      <c r="P7327" s="59">
        <f>IF(Input!$D$19=3,J7327*Input!$C$19,0)+IF(Input!$D$20=3,K7327*Input!$C$20,0)+IF(Input!$D$21=3,L7327*Input!$C$21,0)+IF(Input!$D$22=3,M7327*Input!$C$22,0)</f>
        <v>0</v>
      </c>
      <c r="Q7327" s="75">
        <f>IF(Input!$D$19=4,J7327*Input!$C$19,0)+IF(Input!$D$20=4,K7327*Input!$C$20,0)+IF(Input!$D$21=4,L7327*Input!$C$21,0)+IF(Input!$D$22=4,M7327*Input!$C$22,0)</f>
        <v>0</v>
      </c>
      <c r="R7327" s="58">
        <v>59.086661947924192</v>
      </c>
      <c r="S7327" s="124">
        <f t="shared" si="114"/>
        <v>1.029560522922031</v>
      </c>
    </row>
    <row r="7328" spans="8:19" x14ac:dyDescent="0.3">
      <c r="H7328" s="44">
        <v>7321</v>
      </c>
      <c r="I7328" s="56">
        <f>Bühler!I7354</f>
        <v>0.25022660961608872</v>
      </c>
      <c r="J7328" s="59">
        <f>Bühler!J7354</f>
        <v>0.83408869872029578</v>
      </c>
      <c r="K7328" s="59">
        <f>Bühler!K7354</f>
        <v>1.2511330480804435</v>
      </c>
      <c r="L7328" s="59">
        <f>Bühler!L7354</f>
        <v>6.0054386307861289</v>
      </c>
      <c r="M7328" s="58">
        <f>Bühler!M7354</f>
        <v>0</v>
      </c>
      <c r="N7328" s="56">
        <f>IF(Input!$D$19=1,J7328*Input!$C$19,0)+IF(Input!$D$20=1,K7328*Input!$C$20,0)+IF(Input!$D$21=1,L7328*Input!$C$21,0)+IF(Input!$D$22=1,M7328*Input!$C$22,0)</f>
        <v>0.25022660961608872</v>
      </c>
      <c r="O7328" s="59">
        <f>IF(Input!$D$19=2,J7328*Input!$C$19,0)+IF(Input!$D$20=2,K7328*Input!$C$20,0)+IF(Input!$D$21=2,L7328*Input!$C$21,0)+IF(Input!$D$22=2,M7328*Input!$C$22,0)</f>
        <v>0.62556652404022173</v>
      </c>
      <c r="P7328" s="59">
        <f>IF(Input!$D$19=3,J7328*Input!$C$19,0)+IF(Input!$D$20=3,K7328*Input!$C$20,0)+IF(Input!$D$21=3,L7328*Input!$C$21,0)+IF(Input!$D$22=3,M7328*Input!$C$22,0)</f>
        <v>0</v>
      </c>
      <c r="Q7328" s="75">
        <f>IF(Input!$D$19=4,J7328*Input!$C$19,0)+IF(Input!$D$20=4,K7328*Input!$C$20,0)+IF(Input!$D$21=4,L7328*Input!$C$21,0)+IF(Input!$D$22=4,M7328*Input!$C$22,0)</f>
        <v>0</v>
      </c>
      <c r="R7328" s="58">
        <v>57.868711983461317</v>
      </c>
      <c r="S7328" s="124">
        <f t="shared" si="114"/>
        <v>1.0843153083363846</v>
      </c>
    </row>
    <row r="7329" spans="8:19" x14ac:dyDescent="0.3">
      <c r="H7329" s="44">
        <v>7322</v>
      </c>
      <c r="I7329" s="56">
        <f>Bühler!I7355</f>
        <v>0.25022660961608872</v>
      </c>
      <c r="J7329" s="59">
        <f>Bühler!J7355</f>
        <v>0.83408869872029578</v>
      </c>
      <c r="K7329" s="59">
        <f>Bühler!K7355</f>
        <v>1.2511330480804435</v>
      </c>
      <c r="L7329" s="59">
        <f>Bühler!L7355</f>
        <v>6.0054386307861289</v>
      </c>
      <c r="M7329" s="58">
        <f>Bühler!M7355</f>
        <v>0</v>
      </c>
      <c r="N7329" s="56">
        <f>IF(Input!$D$19=1,J7329*Input!$C$19,0)+IF(Input!$D$20=1,K7329*Input!$C$20,0)+IF(Input!$D$21=1,L7329*Input!$C$21,0)+IF(Input!$D$22=1,M7329*Input!$C$22,0)</f>
        <v>0.25022660961608872</v>
      </c>
      <c r="O7329" s="59">
        <f>IF(Input!$D$19=2,J7329*Input!$C$19,0)+IF(Input!$D$20=2,K7329*Input!$C$20,0)+IF(Input!$D$21=2,L7329*Input!$C$21,0)+IF(Input!$D$22=2,M7329*Input!$C$22,0)</f>
        <v>0.62556652404022173</v>
      </c>
      <c r="P7329" s="59">
        <f>IF(Input!$D$19=3,J7329*Input!$C$19,0)+IF(Input!$D$20=3,K7329*Input!$C$20,0)+IF(Input!$D$21=3,L7329*Input!$C$21,0)+IF(Input!$D$22=3,M7329*Input!$C$22,0)</f>
        <v>0</v>
      </c>
      <c r="Q7329" s="75">
        <f>IF(Input!$D$19=4,J7329*Input!$C$19,0)+IF(Input!$D$20=4,K7329*Input!$C$20,0)+IF(Input!$D$21=4,L7329*Input!$C$21,0)+IF(Input!$D$22=4,M7329*Input!$C$22,0)</f>
        <v>0</v>
      </c>
      <c r="R7329" s="58">
        <v>57.458560330052947</v>
      </c>
      <c r="S7329" s="124">
        <f t="shared" si="114"/>
        <v>1.0843153083363846</v>
      </c>
    </row>
    <row r="7330" spans="8:19" x14ac:dyDescent="0.3">
      <c r="H7330" s="44">
        <v>7323</v>
      </c>
      <c r="I7330" s="56">
        <f>Bühler!I7356</f>
        <v>0.25022660961608872</v>
      </c>
      <c r="J7330" s="59">
        <f>Bühler!J7356</f>
        <v>0.83408869872029578</v>
      </c>
      <c r="K7330" s="59">
        <f>Bühler!K7356</f>
        <v>1.2511330480804435</v>
      </c>
      <c r="L7330" s="59">
        <f>Bühler!L7356</f>
        <v>6.0054386307861289</v>
      </c>
      <c r="M7330" s="58">
        <f>Bühler!M7356</f>
        <v>0</v>
      </c>
      <c r="N7330" s="56">
        <f>IF(Input!$D$19=1,J7330*Input!$C$19,0)+IF(Input!$D$20=1,K7330*Input!$C$20,0)+IF(Input!$D$21=1,L7330*Input!$C$21,0)+IF(Input!$D$22=1,M7330*Input!$C$22,0)</f>
        <v>0.25022660961608872</v>
      </c>
      <c r="O7330" s="59">
        <f>IF(Input!$D$19=2,J7330*Input!$C$19,0)+IF(Input!$D$20=2,K7330*Input!$C$20,0)+IF(Input!$D$21=2,L7330*Input!$C$21,0)+IF(Input!$D$22=2,M7330*Input!$C$22,0)</f>
        <v>0.62556652404022173</v>
      </c>
      <c r="P7330" s="59">
        <f>IF(Input!$D$19=3,J7330*Input!$C$19,0)+IF(Input!$D$20=3,K7330*Input!$C$20,0)+IF(Input!$D$21=3,L7330*Input!$C$21,0)+IF(Input!$D$22=3,M7330*Input!$C$22,0)</f>
        <v>0</v>
      </c>
      <c r="Q7330" s="75">
        <f>IF(Input!$D$19=4,J7330*Input!$C$19,0)+IF(Input!$D$20=4,K7330*Input!$C$20,0)+IF(Input!$D$21=4,L7330*Input!$C$21,0)+IF(Input!$D$22=4,M7330*Input!$C$22,0)</f>
        <v>0</v>
      </c>
      <c r="R7330" s="58">
        <v>57.729069892634655</v>
      </c>
      <c r="S7330" s="124">
        <f t="shared" si="114"/>
        <v>1.0843153083363846</v>
      </c>
    </row>
    <row r="7331" spans="8:19" x14ac:dyDescent="0.3">
      <c r="H7331" s="44">
        <v>7324</v>
      </c>
      <c r="I7331" s="56">
        <f>Bühler!I7357</f>
        <v>0.25022660961608872</v>
      </c>
      <c r="J7331" s="59">
        <f>Bühler!J7357</f>
        <v>0.83408869872029578</v>
      </c>
      <c r="K7331" s="59">
        <f>Bühler!K7357</f>
        <v>1.2511330480804435</v>
      </c>
      <c r="L7331" s="59">
        <f>Bühler!L7357</f>
        <v>6.0054386307861289</v>
      </c>
      <c r="M7331" s="58">
        <f>Bühler!M7357</f>
        <v>0</v>
      </c>
      <c r="N7331" s="56">
        <f>IF(Input!$D$19=1,J7331*Input!$C$19,0)+IF(Input!$D$20=1,K7331*Input!$C$20,0)+IF(Input!$D$21=1,L7331*Input!$C$21,0)+IF(Input!$D$22=1,M7331*Input!$C$22,0)</f>
        <v>0.25022660961608872</v>
      </c>
      <c r="O7331" s="59">
        <f>IF(Input!$D$19=2,J7331*Input!$C$19,0)+IF(Input!$D$20=2,K7331*Input!$C$20,0)+IF(Input!$D$21=2,L7331*Input!$C$21,0)+IF(Input!$D$22=2,M7331*Input!$C$22,0)</f>
        <v>0.62556652404022173</v>
      </c>
      <c r="P7331" s="59">
        <f>IF(Input!$D$19=3,J7331*Input!$C$19,0)+IF(Input!$D$20=3,K7331*Input!$C$20,0)+IF(Input!$D$21=3,L7331*Input!$C$21,0)+IF(Input!$D$22=3,M7331*Input!$C$22,0)</f>
        <v>0</v>
      </c>
      <c r="Q7331" s="75">
        <f>IF(Input!$D$19=4,J7331*Input!$C$19,0)+IF(Input!$D$20=4,K7331*Input!$C$20,0)+IF(Input!$D$21=4,L7331*Input!$C$21,0)+IF(Input!$D$22=4,M7331*Input!$C$22,0)</f>
        <v>0</v>
      </c>
      <c r="R7331" s="58">
        <v>58.317636963344981</v>
      </c>
      <c r="S7331" s="124">
        <f t="shared" si="114"/>
        <v>1.0843153083363846</v>
      </c>
    </row>
    <row r="7332" spans="8:19" x14ac:dyDescent="0.3">
      <c r="H7332" s="44">
        <v>7325</v>
      </c>
      <c r="I7332" s="56">
        <f>Bühler!I7358</f>
        <v>0.25022660961608872</v>
      </c>
      <c r="J7332" s="59">
        <f>Bühler!J7358</f>
        <v>0.83408869872029578</v>
      </c>
      <c r="K7332" s="59">
        <f>Bühler!K7358</f>
        <v>1.2511330480804435</v>
      </c>
      <c r="L7332" s="59">
        <f>Bühler!L7358</f>
        <v>6.0054386307861289</v>
      </c>
      <c r="M7332" s="58">
        <f>Bühler!M7358</f>
        <v>0</v>
      </c>
      <c r="N7332" s="56">
        <f>IF(Input!$D$19=1,J7332*Input!$C$19,0)+IF(Input!$D$20=1,K7332*Input!$C$20,0)+IF(Input!$D$21=1,L7332*Input!$C$21,0)+IF(Input!$D$22=1,M7332*Input!$C$22,0)</f>
        <v>0.25022660961608872</v>
      </c>
      <c r="O7332" s="59">
        <f>IF(Input!$D$19=2,J7332*Input!$C$19,0)+IF(Input!$D$20=2,K7332*Input!$C$20,0)+IF(Input!$D$21=2,L7332*Input!$C$21,0)+IF(Input!$D$22=2,M7332*Input!$C$22,0)</f>
        <v>0.62556652404022173</v>
      </c>
      <c r="P7332" s="59">
        <f>IF(Input!$D$19=3,J7332*Input!$C$19,0)+IF(Input!$D$20=3,K7332*Input!$C$20,0)+IF(Input!$D$21=3,L7332*Input!$C$21,0)+IF(Input!$D$22=3,M7332*Input!$C$22,0)</f>
        <v>0</v>
      </c>
      <c r="Q7332" s="75">
        <f>IF(Input!$D$19=4,J7332*Input!$C$19,0)+IF(Input!$D$20=4,K7332*Input!$C$20,0)+IF(Input!$D$21=4,L7332*Input!$C$21,0)+IF(Input!$D$22=4,M7332*Input!$C$22,0)</f>
        <v>0</v>
      </c>
      <c r="R7332" s="58">
        <v>59.24343079690582</v>
      </c>
      <c r="S7332" s="124">
        <f t="shared" si="114"/>
        <v>1.0843153083363846</v>
      </c>
    </row>
    <row r="7333" spans="8:19" x14ac:dyDescent="0.3">
      <c r="H7333" s="44">
        <v>7326</v>
      </c>
      <c r="I7333" s="56">
        <f>Bühler!I7359</f>
        <v>0.32251429683851429</v>
      </c>
      <c r="J7333" s="59">
        <f>Bühler!J7359</f>
        <v>1.075047656128381</v>
      </c>
      <c r="K7333" s="59">
        <f>Bühler!K7359</f>
        <v>1.6125714841925713</v>
      </c>
      <c r="L7333" s="59">
        <f>Bühler!L7359</f>
        <v>7.740343124124343</v>
      </c>
      <c r="M7333" s="58">
        <f>Bühler!M7359</f>
        <v>0</v>
      </c>
      <c r="N7333" s="56">
        <f>IF(Input!$D$19=1,J7333*Input!$C$19,0)+IF(Input!$D$20=1,K7333*Input!$C$20,0)+IF(Input!$D$21=1,L7333*Input!$C$21,0)+IF(Input!$D$22=1,M7333*Input!$C$22,0)</f>
        <v>0.32251429683851429</v>
      </c>
      <c r="O7333" s="59">
        <f>IF(Input!$D$19=2,J7333*Input!$C$19,0)+IF(Input!$D$20=2,K7333*Input!$C$20,0)+IF(Input!$D$21=2,L7333*Input!$C$21,0)+IF(Input!$D$22=2,M7333*Input!$C$22,0)</f>
        <v>0.80628574209628567</v>
      </c>
      <c r="P7333" s="59">
        <f>IF(Input!$D$19=3,J7333*Input!$C$19,0)+IF(Input!$D$20=3,K7333*Input!$C$20,0)+IF(Input!$D$21=3,L7333*Input!$C$21,0)+IF(Input!$D$22=3,M7333*Input!$C$22,0)</f>
        <v>0</v>
      </c>
      <c r="Q7333" s="75">
        <f>IF(Input!$D$19=4,J7333*Input!$C$19,0)+IF(Input!$D$20=4,K7333*Input!$C$20,0)+IF(Input!$D$21=4,L7333*Input!$C$21,0)+IF(Input!$D$22=4,M7333*Input!$C$22,0)</f>
        <v>0</v>
      </c>
      <c r="R7333" s="58">
        <v>62.203729460799877</v>
      </c>
      <c r="S7333" s="124">
        <f t="shared" si="114"/>
        <v>1.3975619529668952</v>
      </c>
    </row>
    <row r="7334" spans="8:19" x14ac:dyDescent="0.3">
      <c r="H7334" s="44">
        <v>7327</v>
      </c>
      <c r="I7334" s="56">
        <f>Bühler!I7360</f>
        <v>0.389241392736138</v>
      </c>
      <c r="J7334" s="59">
        <f>Bühler!J7360</f>
        <v>1.2974713091204602</v>
      </c>
      <c r="K7334" s="59">
        <f>Bühler!K7360</f>
        <v>1.94620696368069</v>
      </c>
      <c r="L7334" s="59">
        <f>Bühler!L7360</f>
        <v>9.3417934256673121</v>
      </c>
      <c r="M7334" s="58">
        <f>Bühler!M7360</f>
        <v>0</v>
      </c>
      <c r="N7334" s="56">
        <f>IF(Input!$D$19=1,J7334*Input!$C$19,0)+IF(Input!$D$20=1,K7334*Input!$C$20,0)+IF(Input!$D$21=1,L7334*Input!$C$21,0)+IF(Input!$D$22=1,M7334*Input!$C$22,0)</f>
        <v>0.38924139273613806</v>
      </c>
      <c r="O7334" s="59">
        <f>IF(Input!$D$19=2,J7334*Input!$C$19,0)+IF(Input!$D$20=2,K7334*Input!$C$20,0)+IF(Input!$D$21=2,L7334*Input!$C$21,0)+IF(Input!$D$22=2,M7334*Input!$C$22,0)</f>
        <v>0.97310348184034501</v>
      </c>
      <c r="P7334" s="59">
        <f>IF(Input!$D$19=3,J7334*Input!$C$19,0)+IF(Input!$D$20=3,K7334*Input!$C$20,0)+IF(Input!$D$21=3,L7334*Input!$C$21,0)+IF(Input!$D$22=3,M7334*Input!$C$22,0)</f>
        <v>0</v>
      </c>
      <c r="Q7334" s="75">
        <f>IF(Input!$D$19=4,J7334*Input!$C$19,0)+IF(Input!$D$20=4,K7334*Input!$C$20,0)+IF(Input!$D$21=4,L7334*Input!$C$21,0)+IF(Input!$D$22=4,M7334*Input!$C$22,0)</f>
        <v>0</v>
      </c>
      <c r="R7334" s="58">
        <v>66.045511064576644</v>
      </c>
      <c r="S7334" s="124">
        <f t="shared" si="114"/>
        <v>1.6867127018565982</v>
      </c>
    </row>
    <row r="7335" spans="8:19" x14ac:dyDescent="0.3">
      <c r="H7335" s="44">
        <v>7328</v>
      </c>
      <c r="I7335" s="56">
        <f>Bühler!I7361</f>
        <v>0.389241392736138</v>
      </c>
      <c r="J7335" s="59">
        <f>Bühler!J7361</f>
        <v>1.2974713091204602</v>
      </c>
      <c r="K7335" s="59">
        <f>Bühler!K7361</f>
        <v>1.94620696368069</v>
      </c>
      <c r="L7335" s="59">
        <f>Bühler!L7361</f>
        <v>9.3417934256673121</v>
      </c>
      <c r="M7335" s="58">
        <f>Bühler!M7361</f>
        <v>0</v>
      </c>
      <c r="N7335" s="56">
        <f>IF(Input!$D$19=1,J7335*Input!$C$19,0)+IF(Input!$D$20=1,K7335*Input!$C$20,0)+IF(Input!$D$21=1,L7335*Input!$C$21,0)+IF(Input!$D$22=1,M7335*Input!$C$22,0)</f>
        <v>0.38924139273613806</v>
      </c>
      <c r="O7335" s="59">
        <f>IF(Input!$D$19=2,J7335*Input!$C$19,0)+IF(Input!$D$20=2,K7335*Input!$C$20,0)+IF(Input!$D$21=2,L7335*Input!$C$21,0)+IF(Input!$D$22=2,M7335*Input!$C$22,0)</f>
        <v>0.97310348184034501</v>
      </c>
      <c r="P7335" s="59">
        <f>IF(Input!$D$19=3,J7335*Input!$C$19,0)+IF(Input!$D$20=3,K7335*Input!$C$20,0)+IF(Input!$D$21=3,L7335*Input!$C$21,0)+IF(Input!$D$22=3,M7335*Input!$C$22,0)</f>
        <v>0</v>
      </c>
      <c r="Q7335" s="75">
        <f>IF(Input!$D$19=4,J7335*Input!$C$19,0)+IF(Input!$D$20=4,K7335*Input!$C$20,0)+IF(Input!$D$21=4,L7335*Input!$C$21,0)+IF(Input!$D$22=4,M7335*Input!$C$22,0)</f>
        <v>0</v>
      </c>
      <c r="R7335" s="58">
        <v>67.353594368984986</v>
      </c>
      <c r="S7335" s="124">
        <f t="shared" si="114"/>
        <v>1.6867127018565982</v>
      </c>
    </row>
    <row r="7336" spans="8:19" x14ac:dyDescent="0.3">
      <c r="H7336" s="44">
        <v>7329</v>
      </c>
      <c r="I7336" s="56">
        <f>Bühler!I7362</f>
        <v>0.389241392736138</v>
      </c>
      <c r="J7336" s="59">
        <f>Bühler!J7362</f>
        <v>1.2974713091204602</v>
      </c>
      <c r="K7336" s="59">
        <f>Bühler!K7362</f>
        <v>1.94620696368069</v>
      </c>
      <c r="L7336" s="59">
        <f>Bühler!L7362</f>
        <v>9.3417934256673121</v>
      </c>
      <c r="M7336" s="58">
        <f>Bühler!M7362</f>
        <v>0</v>
      </c>
      <c r="N7336" s="56">
        <f>IF(Input!$D$19=1,J7336*Input!$C$19,0)+IF(Input!$D$20=1,K7336*Input!$C$20,0)+IF(Input!$D$21=1,L7336*Input!$C$21,0)+IF(Input!$D$22=1,M7336*Input!$C$22,0)</f>
        <v>0.38924139273613806</v>
      </c>
      <c r="O7336" s="59">
        <f>IF(Input!$D$19=2,J7336*Input!$C$19,0)+IF(Input!$D$20=2,K7336*Input!$C$20,0)+IF(Input!$D$21=2,L7336*Input!$C$21,0)+IF(Input!$D$22=2,M7336*Input!$C$22,0)</f>
        <v>0.97310348184034501</v>
      </c>
      <c r="P7336" s="59">
        <f>IF(Input!$D$19=3,J7336*Input!$C$19,0)+IF(Input!$D$20=3,K7336*Input!$C$20,0)+IF(Input!$D$21=3,L7336*Input!$C$21,0)+IF(Input!$D$22=3,M7336*Input!$C$22,0)</f>
        <v>0</v>
      </c>
      <c r="Q7336" s="75">
        <f>IF(Input!$D$19=4,J7336*Input!$C$19,0)+IF(Input!$D$20=4,K7336*Input!$C$20,0)+IF(Input!$D$21=4,L7336*Input!$C$21,0)+IF(Input!$D$22=4,M7336*Input!$C$22,0)</f>
        <v>0</v>
      </c>
      <c r="R7336" s="58">
        <v>67.579278687135982</v>
      </c>
      <c r="S7336" s="124">
        <f t="shared" si="114"/>
        <v>1.6867127018565982</v>
      </c>
    </row>
    <row r="7337" spans="8:19" x14ac:dyDescent="0.3">
      <c r="H7337" s="44">
        <v>7330</v>
      </c>
      <c r="I7337" s="56">
        <f>Bühler!I7363</f>
        <v>0.41704434936014784</v>
      </c>
      <c r="J7337" s="59">
        <f>Bühler!J7363</f>
        <v>1.3901478312004929</v>
      </c>
      <c r="K7337" s="59">
        <f>Bühler!K7363</f>
        <v>2.0852217468007392</v>
      </c>
      <c r="L7337" s="59">
        <f>Bühler!L7363</f>
        <v>10.009064384643548</v>
      </c>
      <c r="M7337" s="58">
        <f>Bühler!M7363</f>
        <v>0</v>
      </c>
      <c r="N7337" s="56">
        <f>IF(Input!$D$19=1,J7337*Input!$C$19,0)+IF(Input!$D$20=1,K7337*Input!$C$20,0)+IF(Input!$D$21=1,L7337*Input!$C$21,0)+IF(Input!$D$22=1,M7337*Input!$C$22,0)</f>
        <v>0.41704434936014784</v>
      </c>
      <c r="O7337" s="59">
        <f>IF(Input!$D$19=2,J7337*Input!$C$19,0)+IF(Input!$D$20=2,K7337*Input!$C$20,0)+IF(Input!$D$21=2,L7337*Input!$C$21,0)+IF(Input!$D$22=2,M7337*Input!$C$22,0)</f>
        <v>1.0426108734003696</v>
      </c>
      <c r="P7337" s="59">
        <f>IF(Input!$D$19=3,J7337*Input!$C$19,0)+IF(Input!$D$20=3,K7337*Input!$C$20,0)+IF(Input!$D$21=3,L7337*Input!$C$21,0)+IF(Input!$D$22=3,M7337*Input!$C$22,0)</f>
        <v>0</v>
      </c>
      <c r="Q7337" s="75">
        <f>IF(Input!$D$19=4,J7337*Input!$C$19,0)+IF(Input!$D$20=4,K7337*Input!$C$20,0)+IF(Input!$D$21=4,L7337*Input!$C$21,0)+IF(Input!$D$22=4,M7337*Input!$C$22,0)</f>
        <v>0</v>
      </c>
      <c r="R7337" s="58">
        <v>66.922605841725797</v>
      </c>
      <c r="S7337" s="124">
        <f t="shared" si="114"/>
        <v>1.8071921805606408</v>
      </c>
    </row>
    <row r="7338" spans="8:19" x14ac:dyDescent="0.3">
      <c r="H7338" s="44">
        <v>7331</v>
      </c>
      <c r="I7338" s="56">
        <f>Bühler!I7364</f>
        <v>0.43372612333455368</v>
      </c>
      <c r="J7338" s="59">
        <f>Bühler!J7364</f>
        <v>1.4457537444485125</v>
      </c>
      <c r="K7338" s="59">
        <f>Bühler!K7364</f>
        <v>2.1686306166727682</v>
      </c>
      <c r="L7338" s="59">
        <f>Bühler!L7364</f>
        <v>10.409426960029288</v>
      </c>
      <c r="M7338" s="58">
        <f>Bühler!M7364</f>
        <v>0</v>
      </c>
      <c r="N7338" s="56">
        <f>IF(Input!$D$19=1,J7338*Input!$C$19,0)+IF(Input!$D$20=1,K7338*Input!$C$20,0)+IF(Input!$D$21=1,L7338*Input!$C$21,0)+IF(Input!$D$22=1,M7338*Input!$C$22,0)</f>
        <v>0.43372612333455374</v>
      </c>
      <c r="O7338" s="59">
        <f>IF(Input!$D$19=2,J7338*Input!$C$19,0)+IF(Input!$D$20=2,K7338*Input!$C$20,0)+IF(Input!$D$21=2,L7338*Input!$C$21,0)+IF(Input!$D$22=2,M7338*Input!$C$22,0)</f>
        <v>1.0843153083363841</v>
      </c>
      <c r="P7338" s="59">
        <f>IF(Input!$D$19=3,J7338*Input!$C$19,0)+IF(Input!$D$20=3,K7338*Input!$C$20,0)+IF(Input!$D$21=3,L7338*Input!$C$21,0)+IF(Input!$D$22=3,M7338*Input!$C$22,0)</f>
        <v>0</v>
      </c>
      <c r="Q7338" s="75">
        <f>IF(Input!$D$19=4,J7338*Input!$C$19,0)+IF(Input!$D$20=4,K7338*Input!$C$20,0)+IF(Input!$D$21=4,L7338*Input!$C$21,0)+IF(Input!$D$22=4,M7338*Input!$C$22,0)</f>
        <v>0</v>
      </c>
      <c r="R7338" s="58">
        <v>67.631204870863314</v>
      </c>
      <c r="S7338" s="124">
        <f t="shared" si="114"/>
        <v>1.8794798677830662</v>
      </c>
    </row>
    <row r="7339" spans="8:19" x14ac:dyDescent="0.3">
      <c r="H7339" s="44">
        <v>7332</v>
      </c>
      <c r="I7339" s="56">
        <f>Bühler!I7365</f>
        <v>0.50045321923217745</v>
      </c>
      <c r="J7339" s="59">
        <f>Bühler!J7365</f>
        <v>1.6681773974405916</v>
      </c>
      <c r="K7339" s="59">
        <f>Bühler!K7365</f>
        <v>2.5022660961608869</v>
      </c>
      <c r="L7339" s="59">
        <f>Bühler!L7365</f>
        <v>12.010877261572258</v>
      </c>
      <c r="M7339" s="58">
        <f>Bühler!M7365</f>
        <v>0</v>
      </c>
      <c r="N7339" s="56">
        <f>IF(Input!$D$19=1,J7339*Input!$C$19,0)+IF(Input!$D$20=1,K7339*Input!$C$20,0)+IF(Input!$D$21=1,L7339*Input!$C$21,0)+IF(Input!$D$22=1,M7339*Input!$C$22,0)</f>
        <v>0.50045321923217745</v>
      </c>
      <c r="O7339" s="59">
        <f>IF(Input!$D$19=2,J7339*Input!$C$19,0)+IF(Input!$D$20=2,K7339*Input!$C$20,0)+IF(Input!$D$21=2,L7339*Input!$C$21,0)+IF(Input!$D$22=2,M7339*Input!$C$22,0)</f>
        <v>1.2511330480804435</v>
      </c>
      <c r="P7339" s="59">
        <f>IF(Input!$D$19=3,J7339*Input!$C$19,0)+IF(Input!$D$20=3,K7339*Input!$C$20,0)+IF(Input!$D$21=3,L7339*Input!$C$21,0)+IF(Input!$D$22=3,M7339*Input!$C$22,0)</f>
        <v>0</v>
      </c>
      <c r="Q7339" s="75">
        <f>IF(Input!$D$19=4,J7339*Input!$C$19,0)+IF(Input!$D$20=4,K7339*Input!$C$20,0)+IF(Input!$D$21=4,L7339*Input!$C$21,0)+IF(Input!$D$22=4,M7339*Input!$C$22,0)</f>
        <v>0</v>
      </c>
      <c r="R7339" s="58">
        <v>67.516001992074706</v>
      </c>
      <c r="S7339" s="124">
        <f t="shared" si="114"/>
        <v>2.1686306166727691</v>
      </c>
    </row>
    <row r="7340" spans="8:19" x14ac:dyDescent="0.3">
      <c r="H7340" s="44">
        <v>7333</v>
      </c>
      <c r="I7340" s="56">
        <f>Bühler!I7366</f>
        <v>0.50045321923217745</v>
      </c>
      <c r="J7340" s="59">
        <f>Bühler!J7366</f>
        <v>1.6681773974405916</v>
      </c>
      <c r="K7340" s="59">
        <f>Bühler!K7366</f>
        <v>2.5022660961608869</v>
      </c>
      <c r="L7340" s="59">
        <f>Bühler!L7366</f>
        <v>12.010877261572258</v>
      </c>
      <c r="M7340" s="58">
        <f>Bühler!M7366</f>
        <v>0</v>
      </c>
      <c r="N7340" s="56">
        <f>IF(Input!$D$19=1,J7340*Input!$C$19,0)+IF(Input!$D$20=1,K7340*Input!$C$20,0)+IF(Input!$D$21=1,L7340*Input!$C$21,0)+IF(Input!$D$22=1,M7340*Input!$C$22,0)</f>
        <v>0.50045321923217745</v>
      </c>
      <c r="O7340" s="59">
        <f>IF(Input!$D$19=2,J7340*Input!$C$19,0)+IF(Input!$D$20=2,K7340*Input!$C$20,0)+IF(Input!$D$21=2,L7340*Input!$C$21,0)+IF(Input!$D$22=2,M7340*Input!$C$22,0)</f>
        <v>1.2511330480804435</v>
      </c>
      <c r="P7340" s="59">
        <f>IF(Input!$D$19=3,J7340*Input!$C$19,0)+IF(Input!$D$20=3,K7340*Input!$C$20,0)+IF(Input!$D$21=3,L7340*Input!$C$21,0)+IF(Input!$D$22=3,M7340*Input!$C$22,0)</f>
        <v>0</v>
      </c>
      <c r="Q7340" s="75">
        <f>IF(Input!$D$19=4,J7340*Input!$C$19,0)+IF(Input!$D$20=4,K7340*Input!$C$20,0)+IF(Input!$D$21=4,L7340*Input!$C$21,0)+IF(Input!$D$22=4,M7340*Input!$C$22,0)</f>
        <v>0</v>
      </c>
      <c r="R7340" s="58">
        <v>66.182267130663092</v>
      </c>
      <c r="S7340" s="124">
        <f t="shared" si="114"/>
        <v>2.1686306166727691</v>
      </c>
    </row>
    <row r="7341" spans="8:19" x14ac:dyDescent="0.3">
      <c r="H7341" s="44">
        <v>7334</v>
      </c>
      <c r="I7341" s="56">
        <f>Bühler!I7367</f>
        <v>0.50045321923217745</v>
      </c>
      <c r="J7341" s="59">
        <f>Bühler!J7367</f>
        <v>1.6681773974405916</v>
      </c>
      <c r="K7341" s="59">
        <f>Bühler!K7367</f>
        <v>2.5022660961608869</v>
      </c>
      <c r="L7341" s="59">
        <f>Bühler!L7367</f>
        <v>12.010877261572258</v>
      </c>
      <c r="M7341" s="58">
        <f>Bühler!M7367</f>
        <v>0</v>
      </c>
      <c r="N7341" s="56">
        <f>IF(Input!$D$19=1,J7341*Input!$C$19,0)+IF(Input!$D$20=1,K7341*Input!$C$20,0)+IF(Input!$D$21=1,L7341*Input!$C$21,0)+IF(Input!$D$22=1,M7341*Input!$C$22,0)</f>
        <v>0.50045321923217745</v>
      </c>
      <c r="O7341" s="59">
        <f>IF(Input!$D$19=2,J7341*Input!$C$19,0)+IF(Input!$D$20=2,K7341*Input!$C$20,0)+IF(Input!$D$21=2,L7341*Input!$C$21,0)+IF(Input!$D$22=2,M7341*Input!$C$22,0)</f>
        <v>1.2511330480804435</v>
      </c>
      <c r="P7341" s="59">
        <f>IF(Input!$D$19=3,J7341*Input!$C$19,0)+IF(Input!$D$20=3,K7341*Input!$C$20,0)+IF(Input!$D$21=3,L7341*Input!$C$21,0)+IF(Input!$D$22=3,M7341*Input!$C$22,0)</f>
        <v>0</v>
      </c>
      <c r="Q7341" s="75">
        <f>IF(Input!$D$19=4,J7341*Input!$C$19,0)+IF(Input!$D$20=4,K7341*Input!$C$20,0)+IF(Input!$D$21=4,L7341*Input!$C$21,0)+IF(Input!$D$22=4,M7341*Input!$C$22,0)</f>
        <v>0</v>
      </c>
      <c r="R7341" s="58">
        <v>64.972643728964911</v>
      </c>
      <c r="S7341" s="124">
        <f t="shared" si="114"/>
        <v>2.1686306166727691</v>
      </c>
    </row>
    <row r="7342" spans="8:19" x14ac:dyDescent="0.3">
      <c r="H7342" s="44">
        <v>7335</v>
      </c>
      <c r="I7342" s="56">
        <f>Bühler!I7368</f>
        <v>0.50045321923217745</v>
      </c>
      <c r="J7342" s="59">
        <f>Bühler!J7368</f>
        <v>1.6681773974405916</v>
      </c>
      <c r="K7342" s="59">
        <f>Bühler!K7368</f>
        <v>2.5022660961608869</v>
      </c>
      <c r="L7342" s="59">
        <f>Bühler!L7368</f>
        <v>12.010877261572258</v>
      </c>
      <c r="M7342" s="58">
        <f>Bühler!M7368</f>
        <v>0</v>
      </c>
      <c r="N7342" s="56">
        <f>IF(Input!$D$19=1,J7342*Input!$C$19,0)+IF(Input!$D$20=1,K7342*Input!$C$20,0)+IF(Input!$D$21=1,L7342*Input!$C$21,0)+IF(Input!$D$22=1,M7342*Input!$C$22,0)</f>
        <v>0.50045321923217745</v>
      </c>
      <c r="O7342" s="59">
        <f>IF(Input!$D$19=2,J7342*Input!$C$19,0)+IF(Input!$D$20=2,K7342*Input!$C$20,0)+IF(Input!$D$21=2,L7342*Input!$C$21,0)+IF(Input!$D$22=2,M7342*Input!$C$22,0)</f>
        <v>1.2511330480804435</v>
      </c>
      <c r="P7342" s="59">
        <f>IF(Input!$D$19=3,J7342*Input!$C$19,0)+IF(Input!$D$20=3,K7342*Input!$C$20,0)+IF(Input!$D$21=3,L7342*Input!$C$21,0)+IF(Input!$D$22=3,M7342*Input!$C$22,0)</f>
        <v>0</v>
      </c>
      <c r="Q7342" s="75">
        <f>IF(Input!$D$19=4,J7342*Input!$C$19,0)+IF(Input!$D$20=4,K7342*Input!$C$20,0)+IF(Input!$D$21=4,L7342*Input!$C$21,0)+IF(Input!$D$22=4,M7342*Input!$C$22,0)</f>
        <v>0</v>
      </c>
      <c r="R7342" s="58">
        <v>64.744004836047779</v>
      </c>
      <c r="S7342" s="124">
        <f t="shared" si="114"/>
        <v>2.1686306166727691</v>
      </c>
    </row>
    <row r="7343" spans="8:19" x14ac:dyDescent="0.3">
      <c r="H7343" s="44">
        <v>7336</v>
      </c>
      <c r="I7343" s="56">
        <f>Bühler!I7369</f>
        <v>0.41704434936014784</v>
      </c>
      <c r="J7343" s="59">
        <f>Bühler!J7369</f>
        <v>1.3901478312004929</v>
      </c>
      <c r="K7343" s="59">
        <f>Bühler!K7369</f>
        <v>2.0852217468007392</v>
      </c>
      <c r="L7343" s="59">
        <f>Bühler!L7369</f>
        <v>10.009064384643548</v>
      </c>
      <c r="M7343" s="58">
        <f>Bühler!M7369</f>
        <v>0</v>
      </c>
      <c r="N7343" s="56">
        <f>IF(Input!$D$19=1,J7343*Input!$C$19,0)+IF(Input!$D$20=1,K7343*Input!$C$20,0)+IF(Input!$D$21=1,L7343*Input!$C$21,0)+IF(Input!$D$22=1,M7343*Input!$C$22,0)</f>
        <v>0.41704434936014784</v>
      </c>
      <c r="O7343" s="59">
        <f>IF(Input!$D$19=2,J7343*Input!$C$19,0)+IF(Input!$D$20=2,K7343*Input!$C$20,0)+IF(Input!$D$21=2,L7343*Input!$C$21,0)+IF(Input!$D$22=2,M7343*Input!$C$22,0)</f>
        <v>1.0426108734003696</v>
      </c>
      <c r="P7343" s="59">
        <f>IF(Input!$D$19=3,J7343*Input!$C$19,0)+IF(Input!$D$20=3,K7343*Input!$C$20,0)+IF(Input!$D$21=3,L7343*Input!$C$21,0)+IF(Input!$D$22=3,M7343*Input!$C$22,0)</f>
        <v>0</v>
      </c>
      <c r="Q7343" s="75">
        <f>IF(Input!$D$19=4,J7343*Input!$C$19,0)+IF(Input!$D$20=4,K7343*Input!$C$20,0)+IF(Input!$D$21=4,L7343*Input!$C$21,0)+IF(Input!$D$22=4,M7343*Input!$C$22,0)</f>
        <v>0</v>
      </c>
      <c r="R7343" s="58">
        <v>63.584276301342562</v>
      </c>
      <c r="S7343" s="124">
        <f t="shared" si="114"/>
        <v>1.8071921805606408</v>
      </c>
    </row>
    <row r="7344" spans="8:19" x14ac:dyDescent="0.3">
      <c r="H7344" s="44">
        <v>7337</v>
      </c>
      <c r="I7344" s="56">
        <f>Bühler!I7370</f>
        <v>0.39480198406093997</v>
      </c>
      <c r="J7344" s="59">
        <f>Bühler!J7370</f>
        <v>1.3160066135364668</v>
      </c>
      <c r="K7344" s="59">
        <f>Bühler!K7370</f>
        <v>1.9740099203046997</v>
      </c>
      <c r="L7344" s="59">
        <f>Bühler!L7370</f>
        <v>9.4752476174625588</v>
      </c>
      <c r="M7344" s="58">
        <f>Bühler!M7370</f>
        <v>0</v>
      </c>
      <c r="N7344" s="56">
        <f>IF(Input!$D$19=1,J7344*Input!$C$19,0)+IF(Input!$D$20=1,K7344*Input!$C$20,0)+IF(Input!$D$21=1,L7344*Input!$C$21,0)+IF(Input!$D$22=1,M7344*Input!$C$22,0)</f>
        <v>0.39480198406094003</v>
      </c>
      <c r="O7344" s="59">
        <f>IF(Input!$D$19=2,J7344*Input!$C$19,0)+IF(Input!$D$20=2,K7344*Input!$C$20,0)+IF(Input!$D$21=2,L7344*Input!$C$21,0)+IF(Input!$D$22=2,M7344*Input!$C$22,0)</f>
        <v>0.98700496015234984</v>
      </c>
      <c r="P7344" s="59">
        <f>IF(Input!$D$19=3,J7344*Input!$C$19,0)+IF(Input!$D$20=3,K7344*Input!$C$20,0)+IF(Input!$D$21=3,L7344*Input!$C$21,0)+IF(Input!$D$22=3,M7344*Input!$C$22,0)</f>
        <v>0</v>
      </c>
      <c r="Q7344" s="75">
        <f>IF(Input!$D$19=4,J7344*Input!$C$19,0)+IF(Input!$D$20=4,K7344*Input!$C$20,0)+IF(Input!$D$21=4,L7344*Input!$C$21,0)+IF(Input!$D$22=4,M7344*Input!$C$22,0)</f>
        <v>0</v>
      </c>
      <c r="R7344" s="58">
        <v>63.238241713356388</v>
      </c>
      <c r="S7344" s="124">
        <f t="shared" si="114"/>
        <v>1.7108085975974068</v>
      </c>
    </row>
    <row r="7345" spans="8:19" x14ac:dyDescent="0.3">
      <c r="H7345" s="44">
        <v>7338</v>
      </c>
      <c r="I7345" s="56">
        <f>Bühler!I7371</f>
        <v>0.39480198406093997</v>
      </c>
      <c r="J7345" s="59">
        <f>Bühler!J7371</f>
        <v>1.3160066135364668</v>
      </c>
      <c r="K7345" s="59">
        <f>Bühler!K7371</f>
        <v>1.9740099203046997</v>
      </c>
      <c r="L7345" s="59">
        <f>Bühler!L7371</f>
        <v>9.4752476174625588</v>
      </c>
      <c r="M7345" s="58">
        <f>Bühler!M7371</f>
        <v>0</v>
      </c>
      <c r="N7345" s="56">
        <f>IF(Input!$D$19=1,J7345*Input!$C$19,0)+IF(Input!$D$20=1,K7345*Input!$C$20,0)+IF(Input!$D$21=1,L7345*Input!$C$21,0)+IF(Input!$D$22=1,M7345*Input!$C$22,0)</f>
        <v>0.39480198406094003</v>
      </c>
      <c r="O7345" s="59">
        <f>IF(Input!$D$19=2,J7345*Input!$C$19,0)+IF(Input!$D$20=2,K7345*Input!$C$20,0)+IF(Input!$D$21=2,L7345*Input!$C$21,0)+IF(Input!$D$22=2,M7345*Input!$C$22,0)</f>
        <v>0.98700496015234984</v>
      </c>
      <c r="P7345" s="59">
        <f>IF(Input!$D$19=3,J7345*Input!$C$19,0)+IF(Input!$D$20=3,K7345*Input!$C$20,0)+IF(Input!$D$21=3,L7345*Input!$C$21,0)+IF(Input!$D$22=3,M7345*Input!$C$22,0)</f>
        <v>0</v>
      </c>
      <c r="Q7345" s="75">
        <f>IF(Input!$D$19=4,J7345*Input!$C$19,0)+IF(Input!$D$20=4,K7345*Input!$C$20,0)+IF(Input!$D$21=4,L7345*Input!$C$21,0)+IF(Input!$D$22=4,M7345*Input!$C$22,0)</f>
        <v>0</v>
      </c>
      <c r="R7345" s="58">
        <v>62.238242466907622</v>
      </c>
      <c r="S7345" s="124">
        <f t="shared" si="114"/>
        <v>1.7108085975974068</v>
      </c>
    </row>
    <row r="7346" spans="8:19" x14ac:dyDescent="0.3">
      <c r="H7346" s="44">
        <v>7339</v>
      </c>
      <c r="I7346" s="56">
        <f>Bühler!I7372</f>
        <v>0.39480198406093997</v>
      </c>
      <c r="J7346" s="59">
        <f>Bühler!J7372</f>
        <v>1.3160066135364668</v>
      </c>
      <c r="K7346" s="59">
        <f>Bühler!K7372</f>
        <v>1.9740099203046997</v>
      </c>
      <c r="L7346" s="59">
        <f>Bühler!L7372</f>
        <v>9.4752476174625588</v>
      </c>
      <c r="M7346" s="58">
        <f>Bühler!M7372</f>
        <v>0</v>
      </c>
      <c r="N7346" s="56">
        <f>IF(Input!$D$19=1,J7346*Input!$C$19,0)+IF(Input!$D$20=1,K7346*Input!$C$20,0)+IF(Input!$D$21=1,L7346*Input!$C$21,0)+IF(Input!$D$22=1,M7346*Input!$C$22,0)</f>
        <v>0.39480198406094003</v>
      </c>
      <c r="O7346" s="59">
        <f>IF(Input!$D$19=2,J7346*Input!$C$19,0)+IF(Input!$D$20=2,K7346*Input!$C$20,0)+IF(Input!$D$21=2,L7346*Input!$C$21,0)+IF(Input!$D$22=2,M7346*Input!$C$22,0)</f>
        <v>0.98700496015234984</v>
      </c>
      <c r="P7346" s="59">
        <f>IF(Input!$D$19=3,J7346*Input!$C$19,0)+IF(Input!$D$20=3,K7346*Input!$C$20,0)+IF(Input!$D$21=3,L7346*Input!$C$21,0)+IF(Input!$D$22=3,M7346*Input!$C$22,0)</f>
        <v>0</v>
      </c>
      <c r="Q7346" s="75">
        <f>IF(Input!$D$19=4,J7346*Input!$C$19,0)+IF(Input!$D$20=4,K7346*Input!$C$20,0)+IF(Input!$D$21=4,L7346*Input!$C$21,0)+IF(Input!$D$22=4,M7346*Input!$C$22,0)</f>
        <v>0</v>
      </c>
      <c r="R7346" s="58">
        <v>61.294087719746223</v>
      </c>
      <c r="S7346" s="124">
        <f t="shared" si="114"/>
        <v>1.7108085975974068</v>
      </c>
    </row>
    <row r="7347" spans="8:19" x14ac:dyDescent="0.3">
      <c r="H7347" s="44">
        <v>7340</v>
      </c>
      <c r="I7347" s="56">
        <f>Bühler!I7373</f>
        <v>0.39480198406093997</v>
      </c>
      <c r="J7347" s="59">
        <f>Bühler!J7373</f>
        <v>1.3160066135364668</v>
      </c>
      <c r="K7347" s="59">
        <f>Bühler!K7373</f>
        <v>1.9740099203046997</v>
      </c>
      <c r="L7347" s="59">
        <f>Bühler!L7373</f>
        <v>9.4752476174625588</v>
      </c>
      <c r="M7347" s="58">
        <f>Bühler!M7373</f>
        <v>0</v>
      </c>
      <c r="N7347" s="56">
        <f>IF(Input!$D$19=1,J7347*Input!$C$19,0)+IF(Input!$D$20=1,K7347*Input!$C$20,0)+IF(Input!$D$21=1,L7347*Input!$C$21,0)+IF(Input!$D$22=1,M7347*Input!$C$22,0)</f>
        <v>0.39480198406094003</v>
      </c>
      <c r="O7347" s="59">
        <f>IF(Input!$D$19=2,J7347*Input!$C$19,0)+IF(Input!$D$20=2,K7347*Input!$C$20,0)+IF(Input!$D$21=2,L7347*Input!$C$21,0)+IF(Input!$D$22=2,M7347*Input!$C$22,0)</f>
        <v>0.98700496015234984</v>
      </c>
      <c r="P7347" s="59">
        <f>IF(Input!$D$19=3,J7347*Input!$C$19,0)+IF(Input!$D$20=3,K7347*Input!$C$20,0)+IF(Input!$D$21=3,L7347*Input!$C$21,0)+IF(Input!$D$22=3,M7347*Input!$C$22,0)</f>
        <v>0</v>
      </c>
      <c r="Q7347" s="75">
        <f>IF(Input!$D$19=4,J7347*Input!$C$19,0)+IF(Input!$D$20=4,K7347*Input!$C$20,0)+IF(Input!$D$21=4,L7347*Input!$C$21,0)+IF(Input!$D$22=4,M7347*Input!$C$22,0)</f>
        <v>0</v>
      </c>
      <c r="R7347" s="58">
        <v>59.504794903408666</v>
      </c>
      <c r="S7347" s="124">
        <f t="shared" si="114"/>
        <v>1.7108085975974068</v>
      </c>
    </row>
    <row r="7348" spans="8:19" x14ac:dyDescent="0.3">
      <c r="H7348" s="44">
        <v>7341</v>
      </c>
      <c r="I7348" s="56">
        <f>Bühler!I7374</f>
        <v>0.30583252286410839</v>
      </c>
      <c r="J7348" s="59">
        <f>Bühler!J7374</f>
        <v>1.0194417428803613</v>
      </c>
      <c r="K7348" s="59">
        <f>Bühler!K7374</f>
        <v>1.5291626143205419</v>
      </c>
      <c r="L7348" s="59">
        <f>Bühler!L7374</f>
        <v>7.339980548738601</v>
      </c>
      <c r="M7348" s="58">
        <f>Bühler!M7374</f>
        <v>0</v>
      </c>
      <c r="N7348" s="56">
        <f>IF(Input!$D$19=1,J7348*Input!$C$19,0)+IF(Input!$D$20=1,K7348*Input!$C$20,0)+IF(Input!$D$21=1,L7348*Input!$C$21,0)+IF(Input!$D$22=1,M7348*Input!$C$22,0)</f>
        <v>0.30583252286410839</v>
      </c>
      <c r="O7348" s="59">
        <f>IF(Input!$D$19=2,J7348*Input!$C$19,0)+IF(Input!$D$20=2,K7348*Input!$C$20,0)+IF(Input!$D$21=2,L7348*Input!$C$21,0)+IF(Input!$D$22=2,M7348*Input!$C$22,0)</f>
        <v>0.76458130716027095</v>
      </c>
      <c r="P7348" s="59">
        <f>IF(Input!$D$19=3,J7348*Input!$C$19,0)+IF(Input!$D$20=3,K7348*Input!$C$20,0)+IF(Input!$D$21=3,L7348*Input!$C$21,0)+IF(Input!$D$22=3,M7348*Input!$C$22,0)</f>
        <v>0</v>
      </c>
      <c r="Q7348" s="75">
        <f>IF(Input!$D$19=4,J7348*Input!$C$19,0)+IF(Input!$D$20=4,K7348*Input!$C$20,0)+IF(Input!$D$21=4,L7348*Input!$C$21,0)+IF(Input!$D$22=4,M7348*Input!$C$22,0)</f>
        <v>0</v>
      </c>
      <c r="R7348" s="58">
        <v>57.508724572169307</v>
      </c>
      <c r="S7348" s="124">
        <f t="shared" si="114"/>
        <v>1.3252742657444696</v>
      </c>
    </row>
    <row r="7349" spans="8:19" x14ac:dyDescent="0.3">
      <c r="H7349" s="44">
        <v>7342</v>
      </c>
      <c r="I7349" s="56">
        <f>Bühler!I7375</f>
        <v>0.11677241782084138</v>
      </c>
      <c r="J7349" s="59">
        <f>Bühler!J7375</f>
        <v>0.389241392736138</v>
      </c>
      <c r="K7349" s="59">
        <f>Bühler!K7375</f>
        <v>0.58386208910420689</v>
      </c>
      <c r="L7349" s="59">
        <f>Bühler!L7375</f>
        <v>2.802538027700193</v>
      </c>
      <c r="M7349" s="58">
        <f>Bühler!M7375</f>
        <v>0</v>
      </c>
      <c r="N7349" s="56">
        <f>IF(Input!$D$19=1,J7349*Input!$C$19,0)+IF(Input!$D$20=1,K7349*Input!$C$20,0)+IF(Input!$D$21=1,L7349*Input!$C$21,0)+IF(Input!$D$22=1,M7349*Input!$C$22,0)</f>
        <v>0.1167724178208414</v>
      </c>
      <c r="O7349" s="59">
        <f>IF(Input!$D$19=2,J7349*Input!$C$19,0)+IF(Input!$D$20=2,K7349*Input!$C$20,0)+IF(Input!$D$21=2,L7349*Input!$C$21,0)+IF(Input!$D$22=2,M7349*Input!$C$22,0)</f>
        <v>0.29193104455210345</v>
      </c>
      <c r="P7349" s="59">
        <f>IF(Input!$D$19=3,J7349*Input!$C$19,0)+IF(Input!$D$20=3,K7349*Input!$C$20,0)+IF(Input!$D$21=3,L7349*Input!$C$21,0)+IF(Input!$D$22=3,M7349*Input!$C$22,0)</f>
        <v>0</v>
      </c>
      <c r="Q7349" s="75">
        <f>IF(Input!$D$19=4,J7349*Input!$C$19,0)+IF(Input!$D$20=4,K7349*Input!$C$20,0)+IF(Input!$D$21=4,L7349*Input!$C$21,0)+IF(Input!$D$22=4,M7349*Input!$C$22,0)</f>
        <v>0</v>
      </c>
      <c r="R7349" s="58">
        <v>55.885492889359845</v>
      </c>
      <c r="S7349" s="124">
        <f t="shared" si="114"/>
        <v>0.50601381055697936</v>
      </c>
    </row>
    <row r="7350" spans="8:19" x14ac:dyDescent="0.3">
      <c r="H7350" s="44">
        <v>7343</v>
      </c>
      <c r="I7350" s="56">
        <f>Bühler!I7376</f>
        <v>0.11677241782084138</v>
      </c>
      <c r="J7350" s="59">
        <f>Bühler!J7376</f>
        <v>0.389241392736138</v>
      </c>
      <c r="K7350" s="59">
        <f>Bühler!K7376</f>
        <v>0.58386208910420689</v>
      </c>
      <c r="L7350" s="59">
        <f>Bühler!L7376</f>
        <v>2.802538027700193</v>
      </c>
      <c r="M7350" s="58">
        <f>Bühler!M7376</f>
        <v>0</v>
      </c>
      <c r="N7350" s="56">
        <f>IF(Input!$D$19=1,J7350*Input!$C$19,0)+IF(Input!$D$20=1,K7350*Input!$C$20,0)+IF(Input!$D$21=1,L7350*Input!$C$21,0)+IF(Input!$D$22=1,M7350*Input!$C$22,0)</f>
        <v>0.1167724178208414</v>
      </c>
      <c r="O7350" s="59">
        <f>IF(Input!$D$19=2,J7350*Input!$C$19,0)+IF(Input!$D$20=2,K7350*Input!$C$20,0)+IF(Input!$D$21=2,L7350*Input!$C$21,0)+IF(Input!$D$22=2,M7350*Input!$C$22,0)</f>
        <v>0.29193104455210345</v>
      </c>
      <c r="P7350" s="59">
        <f>IF(Input!$D$19=3,J7350*Input!$C$19,0)+IF(Input!$D$20=3,K7350*Input!$C$20,0)+IF(Input!$D$21=3,L7350*Input!$C$21,0)+IF(Input!$D$22=3,M7350*Input!$C$22,0)</f>
        <v>0</v>
      </c>
      <c r="Q7350" s="75">
        <f>IF(Input!$D$19=4,J7350*Input!$C$19,0)+IF(Input!$D$20=4,K7350*Input!$C$20,0)+IF(Input!$D$21=4,L7350*Input!$C$21,0)+IF(Input!$D$22=4,M7350*Input!$C$22,0)</f>
        <v>0</v>
      </c>
      <c r="R7350" s="58">
        <v>55.399732224506636</v>
      </c>
      <c r="S7350" s="124">
        <f t="shared" si="114"/>
        <v>0.50601381055697936</v>
      </c>
    </row>
    <row r="7351" spans="8:19" x14ac:dyDescent="0.3">
      <c r="H7351" s="44">
        <v>7344</v>
      </c>
      <c r="I7351" s="56">
        <f>Bühler!I7377</f>
        <v>0.11677241782084138</v>
      </c>
      <c r="J7351" s="59">
        <f>Bühler!J7377</f>
        <v>0.389241392736138</v>
      </c>
      <c r="K7351" s="59">
        <f>Bühler!K7377</f>
        <v>0.58386208910420689</v>
      </c>
      <c r="L7351" s="59">
        <f>Bühler!L7377</f>
        <v>2.802538027700193</v>
      </c>
      <c r="M7351" s="58">
        <f>Bühler!M7377</f>
        <v>0</v>
      </c>
      <c r="N7351" s="56">
        <f>IF(Input!$D$19=1,J7351*Input!$C$19,0)+IF(Input!$D$20=1,K7351*Input!$C$20,0)+IF(Input!$D$21=1,L7351*Input!$C$21,0)+IF(Input!$D$22=1,M7351*Input!$C$22,0)</f>
        <v>0.1167724178208414</v>
      </c>
      <c r="O7351" s="59">
        <f>IF(Input!$D$19=2,J7351*Input!$C$19,0)+IF(Input!$D$20=2,K7351*Input!$C$20,0)+IF(Input!$D$21=2,L7351*Input!$C$21,0)+IF(Input!$D$22=2,M7351*Input!$C$22,0)</f>
        <v>0.29193104455210345</v>
      </c>
      <c r="P7351" s="59">
        <f>IF(Input!$D$19=3,J7351*Input!$C$19,0)+IF(Input!$D$20=3,K7351*Input!$C$20,0)+IF(Input!$D$21=3,L7351*Input!$C$21,0)+IF(Input!$D$22=3,M7351*Input!$C$22,0)</f>
        <v>0</v>
      </c>
      <c r="Q7351" s="75">
        <f>IF(Input!$D$19=4,J7351*Input!$C$19,0)+IF(Input!$D$20=4,K7351*Input!$C$20,0)+IF(Input!$D$21=4,L7351*Input!$C$21,0)+IF(Input!$D$22=4,M7351*Input!$C$22,0)</f>
        <v>0</v>
      </c>
      <c r="R7351" s="58">
        <v>54.450078176551735</v>
      </c>
      <c r="S7351" s="124">
        <f t="shared" si="114"/>
        <v>0.50601381055697936</v>
      </c>
    </row>
    <row r="7352" spans="8:19" x14ac:dyDescent="0.3">
      <c r="H7352" s="44">
        <v>7345</v>
      </c>
      <c r="I7352" s="56">
        <f>Bühler!I7378</f>
        <v>7.8653862374688452E-2</v>
      </c>
      <c r="J7352" s="59">
        <f>Bühler!J7378</f>
        <v>0.26217954124896153</v>
      </c>
      <c r="K7352" s="59">
        <f>Bühler!K7378</f>
        <v>0.39326931187344233</v>
      </c>
      <c r="L7352" s="59">
        <f>Bühler!L7378</f>
        <v>4.2213711494647139</v>
      </c>
      <c r="M7352" s="58">
        <f>Bühler!M7378</f>
        <v>0</v>
      </c>
      <c r="N7352" s="56">
        <f>IF(Input!$D$19=1,J7352*Input!$C$19,0)+IF(Input!$D$20=1,K7352*Input!$C$20,0)+IF(Input!$D$21=1,L7352*Input!$C$21,0)+IF(Input!$D$22=1,M7352*Input!$C$22,0)</f>
        <v>7.8653862374688452E-2</v>
      </c>
      <c r="O7352" s="59">
        <f>IF(Input!$D$19=2,J7352*Input!$C$19,0)+IF(Input!$D$20=2,K7352*Input!$C$20,0)+IF(Input!$D$21=2,L7352*Input!$C$21,0)+IF(Input!$D$22=2,M7352*Input!$C$22,0)</f>
        <v>0.19663465593672116</v>
      </c>
      <c r="P7352" s="59">
        <f>IF(Input!$D$19=3,J7352*Input!$C$19,0)+IF(Input!$D$20=3,K7352*Input!$C$20,0)+IF(Input!$D$21=3,L7352*Input!$C$21,0)+IF(Input!$D$22=3,M7352*Input!$C$22,0)</f>
        <v>0</v>
      </c>
      <c r="Q7352" s="75">
        <f>IF(Input!$D$19=4,J7352*Input!$C$19,0)+IF(Input!$D$20=4,K7352*Input!$C$20,0)+IF(Input!$D$21=4,L7352*Input!$C$21,0)+IF(Input!$D$22=4,M7352*Input!$C$22,0)</f>
        <v>0</v>
      </c>
      <c r="R7352" s="58">
        <v>53.785084495589324</v>
      </c>
      <c r="S7352" s="124">
        <f t="shared" si="114"/>
        <v>0.34083340362365</v>
      </c>
    </row>
    <row r="7353" spans="8:19" x14ac:dyDescent="0.3">
      <c r="H7353" s="44">
        <v>7346</v>
      </c>
      <c r="I7353" s="56">
        <f>Bühler!I7379</f>
        <v>0.15356230273153462</v>
      </c>
      <c r="J7353" s="59">
        <f>Bühler!J7379</f>
        <v>0.51187434243844876</v>
      </c>
      <c r="K7353" s="59">
        <f>Bühler!K7379</f>
        <v>0.76781151365767319</v>
      </c>
      <c r="L7353" s="59">
        <f>Bühler!L7379</f>
        <v>8.2417246251453946</v>
      </c>
      <c r="M7353" s="58">
        <f>Bühler!M7379</f>
        <v>0</v>
      </c>
      <c r="N7353" s="56">
        <f>IF(Input!$D$19=1,J7353*Input!$C$19,0)+IF(Input!$D$20=1,K7353*Input!$C$20,0)+IF(Input!$D$21=1,L7353*Input!$C$21,0)+IF(Input!$D$22=1,M7353*Input!$C$22,0)</f>
        <v>0.15356230273153462</v>
      </c>
      <c r="O7353" s="59">
        <f>IF(Input!$D$19=2,J7353*Input!$C$19,0)+IF(Input!$D$20=2,K7353*Input!$C$20,0)+IF(Input!$D$21=2,L7353*Input!$C$21,0)+IF(Input!$D$22=2,M7353*Input!$C$22,0)</f>
        <v>0.3839057568288366</v>
      </c>
      <c r="P7353" s="59">
        <f>IF(Input!$D$19=3,J7353*Input!$C$19,0)+IF(Input!$D$20=3,K7353*Input!$C$20,0)+IF(Input!$D$21=3,L7353*Input!$C$21,0)+IF(Input!$D$22=3,M7353*Input!$C$22,0)</f>
        <v>0</v>
      </c>
      <c r="Q7353" s="75">
        <f>IF(Input!$D$19=4,J7353*Input!$C$19,0)+IF(Input!$D$20=4,K7353*Input!$C$20,0)+IF(Input!$D$21=4,L7353*Input!$C$21,0)+IF(Input!$D$22=4,M7353*Input!$C$22,0)</f>
        <v>0</v>
      </c>
      <c r="R7353" s="58">
        <v>52.83998079639499</v>
      </c>
      <c r="S7353" s="124">
        <f t="shared" si="114"/>
        <v>0.66543664516998335</v>
      </c>
    </row>
    <row r="7354" spans="8:19" x14ac:dyDescent="0.3">
      <c r="H7354" s="44">
        <v>7347</v>
      </c>
      <c r="I7354" s="56">
        <f>Bühler!I7380</f>
        <v>0.15356230273153462</v>
      </c>
      <c r="J7354" s="59">
        <f>Bühler!J7380</f>
        <v>0.51187434243844876</v>
      </c>
      <c r="K7354" s="59">
        <f>Bühler!K7380</f>
        <v>0.76781151365767319</v>
      </c>
      <c r="L7354" s="59">
        <f>Bühler!L7380</f>
        <v>8.2417246251453946</v>
      </c>
      <c r="M7354" s="58">
        <f>Bühler!M7380</f>
        <v>0</v>
      </c>
      <c r="N7354" s="56">
        <f>IF(Input!$D$19=1,J7354*Input!$C$19,0)+IF(Input!$D$20=1,K7354*Input!$C$20,0)+IF(Input!$D$21=1,L7354*Input!$C$21,0)+IF(Input!$D$22=1,M7354*Input!$C$22,0)</f>
        <v>0.15356230273153462</v>
      </c>
      <c r="O7354" s="59">
        <f>IF(Input!$D$19=2,J7354*Input!$C$19,0)+IF(Input!$D$20=2,K7354*Input!$C$20,0)+IF(Input!$D$21=2,L7354*Input!$C$21,0)+IF(Input!$D$22=2,M7354*Input!$C$22,0)</f>
        <v>0.3839057568288366</v>
      </c>
      <c r="P7354" s="59">
        <f>IF(Input!$D$19=3,J7354*Input!$C$19,0)+IF(Input!$D$20=3,K7354*Input!$C$20,0)+IF(Input!$D$21=3,L7354*Input!$C$21,0)+IF(Input!$D$22=3,M7354*Input!$C$22,0)</f>
        <v>0</v>
      </c>
      <c r="Q7354" s="75">
        <f>IF(Input!$D$19=4,J7354*Input!$C$19,0)+IF(Input!$D$20=4,K7354*Input!$C$20,0)+IF(Input!$D$21=4,L7354*Input!$C$21,0)+IF(Input!$D$22=4,M7354*Input!$C$22,0)</f>
        <v>0</v>
      </c>
      <c r="R7354" s="58">
        <v>52.227869331753467</v>
      </c>
      <c r="S7354" s="124">
        <f t="shared" si="114"/>
        <v>0.66543664516998335</v>
      </c>
    </row>
    <row r="7355" spans="8:19" x14ac:dyDescent="0.3">
      <c r="H7355" s="44">
        <v>7348</v>
      </c>
      <c r="I7355" s="56">
        <f>Bühler!I7381</f>
        <v>0.15356230273153462</v>
      </c>
      <c r="J7355" s="59">
        <f>Bühler!J7381</f>
        <v>0.51187434243844876</v>
      </c>
      <c r="K7355" s="59">
        <f>Bühler!K7381</f>
        <v>0.76781151365767319</v>
      </c>
      <c r="L7355" s="59">
        <f>Bühler!L7381</f>
        <v>8.2417246251453946</v>
      </c>
      <c r="M7355" s="58">
        <f>Bühler!M7381</f>
        <v>0</v>
      </c>
      <c r="N7355" s="56">
        <f>IF(Input!$D$19=1,J7355*Input!$C$19,0)+IF(Input!$D$20=1,K7355*Input!$C$20,0)+IF(Input!$D$21=1,L7355*Input!$C$21,0)+IF(Input!$D$22=1,M7355*Input!$C$22,0)</f>
        <v>0.15356230273153462</v>
      </c>
      <c r="O7355" s="59">
        <f>IF(Input!$D$19=2,J7355*Input!$C$19,0)+IF(Input!$D$20=2,K7355*Input!$C$20,0)+IF(Input!$D$21=2,L7355*Input!$C$21,0)+IF(Input!$D$22=2,M7355*Input!$C$22,0)</f>
        <v>0.3839057568288366</v>
      </c>
      <c r="P7355" s="59">
        <f>IF(Input!$D$19=3,J7355*Input!$C$19,0)+IF(Input!$D$20=3,K7355*Input!$C$20,0)+IF(Input!$D$21=3,L7355*Input!$C$21,0)+IF(Input!$D$22=3,M7355*Input!$C$22,0)</f>
        <v>0</v>
      </c>
      <c r="Q7355" s="75">
        <f>IF(Input!$D$19=4,J7355*Input!$C$19,0)+IF(Input!$D$20=4,K7355*Input!$C$20,0)+IF(Input!$D$21=4,L7355*Input!$C$21,0)+IF(Input!$D$22=4,M7355*Input!$C$22,0)</f>
        <v>0</v>
      </c>
      <c r="R7355" s="58">
        <v>51.18093916844623</v>
      </c>
      <c r="S7355" s="124">
        <f t="shared" si="114"/>
        <v>0.66543664516998335</v>
      </c>
    </row>
    <row r="7356" spans="8:19" x14ac:dyDescent="0.3">
      <c r="H7356" s="44">
        <v>7349</v>
      </c>
      <c r="I7356" s="56">
        <f>Bühler!I7382</f>
        <v>0.15356230273153462</v>
      </c>
      <c r="J7356" s="59">
        <f>Bühler!J7382</f>
        <v>0.51187434243844876</v>
      </c>
      <c r="K7356" s="59">
        <f>Bühler!K7382</f>
        <v>0.76781151365767319</v>
      </c>
      <c r="L7356" s="59">
        <f>Bühler!L7382</f>
        <v>8.2417246251453946</v>
      </c>
      <c r="M7356" s="58">
        <f>Bühler!M7382</f>
        <v>0</v>
      </c>
      <c r="N7356" s="56">
        <f>IF(Input!$D$19=1,J7356*Input!$C$19,0)+IF(Input!$D$20=1,K7356*Input!$C$20,0)+IF(Input!$D$21=1,L7356*Input!$C$21,0)+IF(Input!$D$22=1,M7356*Input!$C$22,0)</f>
        <v>0.15356230273153462</v>
      </c>
      <c r="O7356" s="59">
        <f>IF(Input!$D$19=2,J7356*Input!$C$19,0)+IF(Input!$D$20=2,K7356*Input!$C$20,0)+IF(Input!$D$21=2,L7356*Input!$C$21,0)+IF(Input!$D$22=2,M7356*Input!$C$22,0)</f>
        <v>0.3839057568288366</v>
      </c>
      <c r="P7356" s="59">
        <f>IF(Input!$D$19=3,J7356*Input!$C$19,0)+IF(Input!$D$20=3,K7356*Input!$C$20,0)+IF(Input!$D$21=3,L7356*Input!$C$21,0)+IF(Input!$D$22=3,M7356*Input!$C$22,0)</f>
        <v>0</v>
      </c>
      <c r="Q7356" s="75">
        <f>IF(Input!$D$19=4,J7356*Input!$C$19,0)+IF(Input!$D$20=4,K7356*Input!$C$20,0)+IF(Input!$D$21=4,L7356*Input!$C$21,0)+IF(Input!$D$22=4,M7356*Input!$C$22,0)</f>
        <v>0</v>
      </c>
      <c r="R7356" s="58">
        <v>50.122651805519276</v>
      </c>
      <c r="S7356" s="124">
        <f t="shared" si="114"/>
        <v>0.66543664516998335</v>
      </c>
    </row>
    <row r="7357" spans="8:19" x14ac:dyDescent="0.3">
      <c r="H7357" s="44">
        <v>7350</v>
      </c>
      <c r="I7357" s="56">
        <f>Bühler!I7383</f>
        <v>0.19101652290995769</v>
      </c>
      <c r="J7357" s="59">
        <f>Bühler!J7383</f>
        <v>0.63672174303319229</v>
      </c>
      <c r="K7357" s="59">
        <f>Bühler!K7383</f>
        <v>0.95508261454978849</v>
      </c>
      <c r="L7357" s="59">
        <f>Bühler!L7383</f>
        <v>10.251901362985736</v>
      </c>
      <c r="M7357" s="58">
        <f>Bühler!M7383</f>
        <v>0</v>
      </c>
      <c r="N7357" s="56">
        <f>IF(Input!$D$19=1,J7357*Input!$C$19,0)+IF(Input!$D$20=1,K7357*Input!$C$20,0)+IF(Input!$D$21=1,L7357*Input!$C$21,0)+IF(Input!$D$22=1,M7357*Input!$C$22,0)</f>
        <v>0.19101652290995769</v>
      </c>
      <c r="O7357" s="59">
        <f>IF(Input!$D$19=2,J7357*Input!$C$19,0)+IF(Input!$D$20=2,K7357*Input!$C$20,0)+IF(Input!$D$21=2,L7357*Input!$C$21,0)+IF(Input!$D$22=2,M7357*Input!$C$22,0)</f>
        <v>0.47754130727489424</v>
      </c>
      <c r="P7357" s="59">
        <f>IF(Input!$D$19=3,J7357*Input!$C$19,0)+IF(Input!$D$20=3,K7357*Input!$C$20,0)+IF(Input!$D$21=3,L7357*Input!$C$21,0)+IF(Input!$D$22=3,M7357*Input!$C$22,0)</f>
        <v>0</v>
      </c>
      <c r="Q7357" s="75">
        <f>IF(Input!$D$19=4,J7357*Input!$C$19,0)+IF(Input!$D$20=4,K7357*Input!$C$20,0)+IF(Input!$D$21=4,L7357*Input!$C$21,0)+IF(Input!$D$22=4,M7357*Input!$C$22,0)</f>
        <v>0</v>
      </c>
      <c r="R7357" s="58">
        <v>49.415362856620021</v>
      </c>
      <c r="S7357" s="124">
        <f t="shared" si="114"/>
        <v>0.82773826594315003</v>
      </c>
    </row>
    <row r="7358" spans="8:19" x14ac:dyDescent="0.3">
      <c r="H7358" s="44">
        <v>7351</v>
      </c>
      <c r="I7358" s="56">
        <f>Bühler!I7384</f>
        <v>0.23970700914190771</v>
      </c>
      <c r="J7358" s="59">
        <f>Bühler!J7384</f>
        <v>0.79902336380635908</v>
      </c>
      <c r="K7358" s="59">
        <f>Bühler!K7384</f>
        <v>1.1985350457095387</v>
      </c>
      <c r="L7358" s="59">
        <f>Bühler!L7384</f>
        <v>12.865131122178177</v>
      </c>
      <c r="M7358" s="58">
        <f>Bühler!M7384</f>
        <v>0</v>
      </c>
      <c r="N7358" s="56">
        <f>IF(Input!$D$19=1,J7358*Input!$C$19,0)+IF(Input!$D$20=1,K7358*Input!$C$20,0)+IF(Input!$D$21=1,L7358*Input!$C$21,0)+IF(Input!$D$22=1,M7358*Input!$C$22,0)</f>
        <v>0.23970700914190771</v>
      </c>
      <c r="O7358" s="59">
        <f>IF(Input!$D$19=2,J7358*Input!$C$19,0)+IF(Input!$D$20=2,K7358*Input!$C$20,0)+IF(Input!$D$21=2,L7358*Input!$C$21,0)+IF(Input!$D$22=2,M7358*Input!$C$22,0)</f>
        <v>0.59926752285476936</v>
      </c>
      <c r="P7358" s="59">
        <f>IF(Input!$D$19=3,J7358*Input!$C$19,0)+IF(Input!$D$20=3,K7358*Input!$C$20,0)+IF(Input!$D$21=3,L7358*Input!$C$21,0)+IF(Input!$D$22=3,M7358*Input!$C$22,0)</f>
        <v>0</v>
      </c>
      <c r="Q7358" s="75">
        <f>IF(Input!$D$19=4,J7358*Input!$C$19,0)+IF(Input!$D$20=4,K7358*Input!$C$20,0)+IF(Input!$D$21=4,L7358*Input!$C$21,0)+IF(Input!$D$22=4,M7358*Input!$C$22,0)</f>
        <v>0</v>
      </c>
      <c r="R7358" s="58">
        <v>49.694739281698794</v>
      </c>
      <c r="S7358" s="124">
        <f t="shared" si="114"/>
        <v>1.0387303729482669</v>
      </c>
    </row>
    <row r="7359" spans="8:19" x14ac:dyDescent="0.3">
      <c r="H7359" s="44">
        <v>7352</v>
      </c>
      <c r="I7359" s="56">
        <f>Bühler!I7385</f>
        <v>0.27341580730248849</v>
      </c>
      <c r="J7359" s="59">
        <f>Bühler!J7385</f>
        <v>0.9113860243416283</v>
      </c>
      <c r="K7359" s="59">
        <f>Bühler!K7385</f>
        <v>1.3670790365124426</v>
      </c>
      <c r="L7359" s="59">
        <f>Bühler!L7385</f>
        <v>14.674290186234483</v>
      </c>
      <c r="M7359" s="58">
        <f>Bühler!M7385</f>
        <v>0</v>
      </c>
      <c r="N7359" s="56">
        <f>IF(Input!$D$19=1,J7359*Input!$C$19,0)+IF(Input!$D$20=1,K7359*Input!$C$20,0)+IF(Input!$D$21=1,L7359*Input!$C$21,0)+IF(Input!$D$22=1,M7359*Input!$C$22,0)</f>
        <v>0.27341580730248849</v>
      </c>
      <c r="O7359" s="59">
        <f>IF(Input!$D$19=2,J7359*Input!$C$19,0)+IF(Input!$D$20=2,K7359*Input!$C$20,0)+IF(Input!$D$21=2,L7359*Input!$C$21,0)+IF(Input!$D$22=2,M7359*Input!$C$22,0)</f>
        <v>0.68353951825622128</v>
      </c>
      <c r="P7359" s="59">
        <f>IF(Input!$D$19=3,J7359*Input!$C$19,0)+IF(Input!$D$20=3,K7359*Input!$C$20,0)+IF(Input!$D$21=3,L7359*Input!$C$21,0)+IF(Input!$D$22=3,M7359*Input!$C$22,0)</f>
        <v>0</v>
      </c>
      <c r="Q7359" s="75">
        <f>IF(Input!$D$19=4,J7359*Input!$C$19,0)+IF(Input!$D$20=4,K7359*Input!$C$20,0)+IF(Input!$D$21=4,L7359*Input!$C$21,0)+IF(Input!$D$22=4,M7359*Input!$C$22,0)</f>
        <v>0</v>
      </c>
      <c r="R7359" s="58">
        <v>49.520009325619824</v>
      </c>
      <c r="S7359" s="124">
        <f t="shared" si="114"/>
        <v>1.1848018316441169</v>
      </c>
    </row>
    <row r="7360" spans="8:19" x14ac:dyDescent="0.3">
      <c r="H7360" s="44">
        <v>7353</v>
      </c>
      <c r="I7360" s="56">
        <f>Bühler!I7386</f>
        <v>0.27341580730248849</v>
      </c>
      <c r="J7360" s="59">
        <f>Bühler!J7386</f>
        <v>0.9113860243416283</v>
      </c>
      <c r="K7360" s="59">
        <f>Bühler!K7386</f>
        <v>1.3670790365124426</v>
      </c>
      <c r="L7360" s="59">
        <f>Bühler!L7386</f>
        <v>14.674290186234483</v>
      </c>
      <c r="M7360" s="58">
        <f>Bühler!M7386</f>
        <v>0</v>
      </c>
      <c r="N7360" s="56">
        <f>IF(Input!$D$19=1,J7360*Input!$C$19,0)+IF(Input!$D$20=1,K7360*Input!$C$20,0)+IF(Input!$D$21=1,L7360*Input!$C$21,0)+IF(Input!$D$22=1,M7360*Input!$C$22,0)</f>
        <v>0.27341580730248849</v>
      </c>
      <c r="O7360" s="59">
        <f>IF(Input!$D$19=2,J7360*Input!$C$19,0)+IF(Input!$D$20=2,K7360*Input!$C$20,0)+IF(Input!$D$21=2,L7360*Input!$C$21,0)+IF(Input!$D$22=2,M7360*Input!$C$22,0)</f>
        <v>0.68353951825622128</v>
      </c>
      <c r="P7360" s="59">
        <f>IF(Input!$D$19=3,J7360*Input!$C$19,0)+IF(Input!$D$20=3,K7360*Input!$C$20,0)+IF(Input!$D$21=3,L7360*Input!$C$21,0)+IF(Input!$D$22=3,M7360*Input!$C$22,0)</f>
        <v>0</v>
      </c>
      <c r="Q7360" s="75">
        <f>IF(Input!$D$19=4,J7360*Input!$C$19,0)+IF(Input!$D$20=4,K7360*Input!$C$20,0)+IF(Input!$D$21=4,L7360*Input!$C$21,0)+IF(Input!$D$22=4,M7360*Input!$C$22,0)</f>
        <v>0</v>
      </c>
      <c r="R7360" s="58">
        <v>48.747352170352819</v>
      </c>
      <c r="S7360" s="124">
        <f t="shared" si="114"/>
        <v>1.1848018316441169</v>
      </c>
    </row>
    <row r="7361" spans="8:19" x14ac:dyDescent="0.3">
      <c r="H7361" s="44">
        <v>7354</v>
      </c>
      <c r="I7361" s="56">
        <f>Bühler!I7387</f>
        <v>0.27341580730248849</v>
      </c>
      <c r="J7361" s="59">
        <f>Bühler!J7387</f>
        <v>0.9113860243416283</v>
      </c>
      <c r="K7361" s="59">
        <f>Bühler!K7387</f>
        <v>1.3670790365124426</v>
      </c>
      <c r="L7361" s="59">
        <f>Bühler!L7387</f>
        <v>14.674290186234483</v>
      </c>
      <c r="M7361" s="58">
        <f>Bühler!M7387</f>
        <v>0</v>
      </c>
      <c r="N7361" s="56">
        <f>IF(Input!$D$19=1,J7361*Input!$C$19,0)+IF(Input!$D$20=1,K7361*Input!$C$20,0)+IF(Input!$D$21=1,L7361*Input!$C$21,0)+IF(Input!$D$22=1,M7361*Input!$C$22,0)</f>
        <v>0.27341580730248849</v>
      </c>
      <c r="O7361" s="59">
        <f>IF(Input!$D$19=2,J7361*Input!$C$19,0)+IF(Input!$D$20=2,K7361*Input!$C$20,0)+IF(Input!$D$21=2,L7361*Input!$C$21,0)+IF(Input!$D$22=2,M7361*Input!$C$22,0)</f>
        <v>0.68353951825622128</v>
      </c>
      <c r="P7361" s="59">
        <f>IF(Input!$D$19=3,J7361*Input!$C$19,0)+IF(Input!$D$20=3,K7361*Input!$C$20,0)+IF(Input!$D$21=3,L7361*Input!$C$21,0)+IF(Input!$D$22=3,M7361*Input!$C$22,0)</f>
        <v>0</v>
      </c>
      <c r="Q7361" s="75">
        <f>IF(Input!$D$19=4,J7361*Input!$C$19,0)+IF(Input!$D$20=4,K7361*Input!$C$20,0)+IF(Input!$D$21=4,L7361*Input!$C$21,0)+IF(Input!$D$22=4,M7361*Input!$C$22,0)</f>
        <v>0</v>
      </c>
      <c r="R7361" s="58">
        <v>48.096071868142111</v>
      </c>
      <c r="S7361" s="124">
        <f t="shared" si="114"/>
        <v>1.1848018316441169</v>
      </c>
    </row>
    <row r="7362" spans="8:19" x14ac:dyDescent="0.3">
      <c r="H7362" s="44">
        <v>7355</v>
      </c>
      <c r="I7362" s="56">
        <f>Bühler!I7388</f>
        <v>0.27341580730248849</v>
      </c>
      <c r="J7362" s="59">
        <f>Bühler!J7388</f>
        <v>0.9113860243416283</v>
      </c>
      <c r="K7362" s="59">
        <f>Bühler!K7388</f>
        <v>1.3670790365124426</v>
      </c>
      <c r="L7362" s="59">
        <f>Bühler!L7388</f>
        <v>14.674290186234483</v>
      </c>
      <c r="M7362" s="58">
        <f>Bühler!M7388</f>
        <v>0</v>
      </c>
      <c r="N7362" s="56">
        <f>IF(Input!$D$19=1,J7362*Input!$C$19,0)+IF(Input!$D$20=1,K7362*Input!$C$20,0)+IF(Input!$D$21=1,L7362*Input!$C$21,0)+IF(Input!$D$22=1,M7362*Input!$C$22,0)</f>
        <v>0.27341580730248849</v>
      </c>
      <c r="O7362" s="59">
        <f>IF(Input!$D$19=2,J7362*Input!$C$19,0)+IF(Input!$D$20=2,K7362*Input!$C$20,0)+IF(Input!$D$21=2,L7362*Input!$C$21,0)+IF(Input!$D$22=2,M7362*Input!$C$22,0)</f>
        <v>0.68353951825622128</v>
      </c>
      <c r="P7362" s="59">
        <f>IF(Input!$D$19=3,J7362*Input!$C$19,0)+IF(Input!$D$20=3,K7362*Input!$C$20,0)+IF(Input!$D$21=3,L7362*Input!$C$21,0)+IF(Input!$D$22=3,M7362*Input!$C$22,0)</f>
        <v>0</v>
      </c>
      <c r="Q7362" s="75">
        <f>IF(Input!$D$19=4,J7362*Input!$C$19,0)+IF(Input!$D$20=4,K7362*Input!$C$20,0)+IF(Input!$D$21=4,L7362*Input!$C$21,0)+IF(Input!$D$22=4,M7362*Input!$C$22,0)</f>
        <v>0</v>
      </c>
      <c r="R7362" s="58">
        <v>48.442814767168862</v>
      </c>
      <c r="S7362" s="124">
        <f t="shared" si="114"/>
        <v>1.1848018316441169</v>
      </c>
    </row>
    <row r="7363" spans="8:19" x14ac:dyDescent="0.3">
      <c r="H7363" s="44">
        <v>7356</v>
      </c>
      <c r="I7363" s="56">
        <f>Bühler!I7389</f>
        <v>0.27341580730248849</v>
      </c>
      <c r="J7363" s="59">
        <f>Bühler!J7389</f>
        <v>0.9113860243416283</v>
      </c>
      <c r="K7363" s="59">
        <f>Bühler!K7389</f>
        <v>1.3670790365124426</v>
      </c>
      <c r="L7363" s="59">
        <f>Bühler!L7389</f>
        <v>14.674290186234483</v>
      </c>
      <c r="M7363" s="58">
        <f>Bühler!M7389</f>
        <v>0</v>
      </c>
      <c r="N7363" s="56">
        <f>IF(Input!$D$19=1,J7363*Input!$C$19,0)+IF(Input!$D$20=1,K7363*Input!$C$20,0)+IF(Input!$D$21=1,L7363*Input!$C$21,0)+IF(Input!$D$22=1,M7363*Input!$C$22,0)</f>
        <v>0.27341580730248849</v>
      </c>
      <c r="O7363" s="59">
        <f>IF(Input!$D$19=2,J7363*Input!$C$19,0)+IF(Input!$D$20=2,K7363*Input!$C$20,0)+IF(Input!$D$21=2,L7363*Input!$C$21,0)+IF(Input!$D$22=2,M7363*Input!$C$22,0)</f>
        <v>0.68353951825622128</v>
      </c>
      <c r="P7363" s="59">
        <f>IF(Input!$D$19=3,J7363*Input!$C$19,0)+IF(Input!$D$20=3,K7363*Input!$C$20,0)+IF(Input!$D$21=3,L7363*Input!$C$21,0)+IF(Input!$D$22=3,M7363*Input!$C$22,0)</f>
        <v>0</v>
      </c>
      <c r="Q7363" s="75">
        <f>IF(Input!$D$19=4,J7363*Input!$C$19,0)+IF(Input!$D$20=4,K7363*Input!$C$20,0)+IF(Input!$D$21=4,L7363*Input!$C$21,0)+IF(Input!$D$22=4,M7363*Input!$C$22,0)</f>
        <v>0</v>
      </c>
      <c r="R7363" s="58">
        <v>48.425130233437997</v>
      </c>
      <c r="S7363" s="124">
        <f t="shared" si="114"/>
        <v>1.1848018316441169</v>
      </c>
    </row>
    <row r="7364" spans="8:19" x14ac:dyDescent="0.3">
      <c r="H7364" s="44">
        <v>7357</v>
      </c>
      <c r="I7364" s="56">
        <f>Bühler!I7390</f>
        <v>0.27341580730248849</v>
      </c>
      <c r="J7364" s="59">
        <f>Bühler!J7390</f>
        <v>0.9113860243416283</v>
      </c>
      <c r="K7364" s="59">
        <f>Bühler!K7390</f>
        <v>1.3670790365124426</v>
      </c>
      <c r="L7364" s="59">
        <f>Bühler!L7390</f>
        <v>14.674290186234483</v>
      </c>
      <c r="M7364" s="58">
        <f>Bühler!M7390</f>
        <v>0</v>
      </c>
      <c r="N7364" s="56">
        <f>IF(Input!$D$19=1,J7364*Input!$C$19,0)+IF(Input!$D$20=1,K7364*Input!$C$20,0)+IF(Input!$D$21=1,L7364*Input!$C$21,0)+IF(Input!$D$22=1,M7364*Input!$C$22,0)</f>
        <v>0.27341580730248849</v>
      </c>
      <c r="O7364" s="59">
        <f>IF(Input!$D$19=2,J7364*Input!$C$19,0)+IF(Input!$D$20=2,K7364*Input!$C$20,0)+IF(Input!$D$21=2,L7364*Input!$C$21,0)+IF(Input!$D$22=2,M7364*Input!$C$22,0)</f>
        <v>0.68353951825622128</v>
      </c>
      <c r="P7364" s="59">
        <f>IF(Input!$D$19=3,J7364*Input!$C$19,0)+IF(Input!$D$20=3,K7364*Input!$C$20,0)+IF(Input!$D$21=3,L7364*Input!$C$21,0)+IF(Input!$D$22=3,M7364*Input!$C$22,0)</f>
        <v>0</v>
      </c>
      <c r="Q7364" s="75">
        <f>IF(Input!$D$19=4,J7364*Input!$C$19,0)+IF(Input!$D$20=4,K7364*Input!$C$20,0)+IF(Input!$D$21=4,L7364*Input!$C$21,0)+IF(Input!$D$22=4,M7364*Input!$C$22,0)</f>
        <v>0</v>
      </c>
      <c r="R7364" s="58">
        <v>47.613512950423271</v>
      </c>
      <c r="S7364" s="124">
        <f t="shared" si="114"/>
        <v>1.1848018316441169</v>
      </c>
    </row>
    <row r="7365" spans="8:19" x14ac:dyDescent="0.3">
      <c r="H7365" s="44">
        <v>7358</v>
      </c>
      <c r="I7365" s="56">
        <f>Bühler!I7391</f>
        <v>0.27341580730248849</v>
      </c>
      <c r="J7365" s="59">
        <f>Bühler!J7391</f>
        <v>0.9113860243416283</v>
      </c>
      <c r="K7365" s="59">
        <f>Bühler!K7391</f>
        <v>1.3670790365124426</v>
      </c>
      <c r="L7365" s="59">
        <f>Bühler!L7391</f>
        <v>14.674290186234483</v>
      </c>
      <c r="M7365" s="58">
        <f>Bühler!M7391</f>
        <v>0</v>
      </c>
      <c r="N7365" s="56">
        <f>IF(Input!$D$19=1,J7365*Input!$C$19,0)+IF(Input!$D$20=1,K7365*Input!$C$20,0)+IF(Input!$D$21=1,L7365*Input!$C$21,0)+IF(Input!$D$22=1,M7365*Input!$C$22,0)</f>
        <v>0.27341580730248849</v>
      </c>
      <c r="O7365" s="59">
        <f>IF(Input!$D$19=2,J7365*Input!$C$19,0)+IF(Input!$D$20=2,K7365*Input!$C$20,0)+IF(Input!$D$21=2,L7365*Input!$C$21,0)+IF(Input!$D$22=2,M7365*Input!$C$22,0)</f>
        <v>0.68353951825622128</v>
      </c>
      <c r="P7365" s="59">
        <f>IF(Input!$D$19=3,J7365*Input!$C$19,0)+IF(Input!$D$20=3,K7365*Input!$C$20,0)+IF(Input!$D$21=3,L7365*Input!$C$21,0)+IF(Input!$D$22=3,M7365*Input!$C$22,0)</f>
        <v>0</v>
      </c>
      <c r="Q7365" s="75">
        <f>IF(Input!$D$19=4,J7365*Input!$C$19,0)+IF(Input!$D$20=4,K7365*Input!$C$20,0)+IF(Input!$D$21=4,L7365*Input!$C$21,0)+IF(Input!$D$22=4,M7365*Input!$C$22,0)</f>
        <v>0</v>
      </c>
      <c r="R7365" s="58">
        <v>46.783143283144838</v>
      </c>
      <c r="S7365" s="124">
        <f t="shared" si="114"/>
        <v>1.1848018316441169</v>
      </c>
    </row>
    <row r="7366" spans="8:19" x14ac:dyDescent="0.3">
      <c r="H7366" s="44">
        <v>7359</v>
      </c>
      <c r="I7366" s="56">
        <f>Bühler!I7392</f>
        <v>0.27341580730248849</v>
      </c>
      <c r="J7366" s="59">
        <f>Bühler!J7392</f>
        <v>0.9113860243416283</v>
      </c>
      <c r="K7366" s="59">
        <f>Bühler!K7392</f>
        <v>1.3670790365124426</v>
      </c>
      <c r="L7366" s="59">
        <f>Bühler!L7392</f>
        <v>14.674290186234483</v>
      </c>
      <c r="M7366" s="58">
        <f>Bühler!M7392</f>
        <v>0</v>
      </c>
      <c r="N7366" s="56">
        <f>IF(Input!$D$19=1,J7366*Input!$C$19,0)+IF(Input!$D$20=1,K7366*Input!$C$20,0)+IF(Input!$D$21=1,L7366*Input!$C$21,0)+IF(Input!$D$22=1,M7366*Input!$C$22,0)</f>
        <v>0.27341580730248849</v>
      </c>
      <c r="O7366" s="59">
        <f>IF(Input!$D$19=2,J7366*Input!$C$19,0)+IF(Input!$D$20=2,K7366*Input!$C$20,0)+IF(Input!$D$21=2,L7366*Input!$C$21,0)+IF(Input!$D$22=2,M7366*Input!$C$22,0)</f>
        <v>0.68353951825622128</v>
      </c>
      <c r="P7366" s="59">
        <f>IF(Input!$D$19=3,J7366*Input!$C$19,0)+IF(Input!$D$20=3,K7366*Input!$C$20,0)+IF(Input!$D$21=3,L7366*Input!$C$21,0)+IF(Input!$D$22=3,M7366*Input!$C$22,0)</f>
        <v>0</v>
      </c>
      <c r="Q7366" s="75">
        <f>IF(Input!$D$19=4,J7366*Input!$C$19,0)+IF(Input!$D$20=4,K7366*Input!$C$20,0)+IF(Input!$D$21=4,L7366*Input!$C$21,0)+IF(Input!$D$22=4,M7366*Input!$C$22,0)</f>
        <v>0</v>
      </c>
      <c r="R7366" s="58">
        <v>46.620413641649989</v>
      </c>
      <c r="S7366" s="124">
        <f t="shared" si="114"/>
        <v>1.1848018316441169</v>
      </c>
    </row>
    <row r="7367" spans="8:19" x14ac:dyDescent="0.3">
      <c r="H7367" s="44">
        <v>7360</v>
      </c>
      <c r="I7367" s="56">
        <f>Bühler!I7393</f>
        <v>0.24719785317759227</v>
      </c>
      <c r="J7367" s="59">
        <f>Bühler!J7393</f>
        <v>0.82399284392530769</v>
      </c>
      <c r="K7367" s="59">
        <f>Bühler!K7393</f>
        <v>1.2359892658879614</v>
      </c>
      <c r="L7367" s="59">
        <f>Bühler!L7393</f>
        <v>13.267166469746245</v>
      </c>
      <c r="M7367" s="58">
        <f>Bühler!M7393</f>
        <v>0</v>
      </c>
      <c r="N7367" s="56">
        <f>IF(Input!$D$19=1,J7367*Input!$C$19,0)+IF(Input!$D$20=1,K7367*Input!$C$20,0)+IF(Input!$D$21=1,L7367*Input!$C$21,0)+IF(Input!$D$22=1,M7367*Input!$C$22,0)</f>
        <v>0.2471978531775923</v>
      </c>
      <c r="O7367" s="59">
        <f>IF(Input!$D$19=2,J7367*Input!$C$19,0)+IF(Input!$D$20=2,K7367*Input!$C$20,0)+IF(Input!$D$21=2,L7367*Input!$C$21,0)+IF(Input!$D$22=2,M7367*Input!$C$22,0)</f>
        <v>0.61799463294398072</v>
      </c>
      <c r="P7367" s="59">
        <f>IF(Input!$D$19=3,J7367*Input!$C$19,0)+IF(Input!$D$20=3,K7367*Input!$C$20,0)+IF(Input!$D$21=3,L7367*Input!$C$21,0)+IF(Input!$D$22=3,M7367*Input!$C$22,0)</f>
        <v>0</v>
      </c>
      <c r="Q7367" s="75">
        <f>IF(Input!$D$19=4,J7367*Input!$C$19,0)+IF(Input!$D$20=4,K7367*Input!$C$20,0)+IF(Input!$D$21=4,L7367*Input!$C$21,0)+IF(Input!$D$22=4,M7367*Input!$C$22,0)</f>
        <v>0</v>
      </c>
      <c r="R7367" s="58">
        <v>43.200595125536722</v>
      </c>
      <c r="S7367" s="124">
        <f t="shared" si="114"/>
        <v>1.0711906971028999</v>
      </c>
    </row>
    <row r="7368" spans="8:19" x14ac:dyDescent="0.3">
      <c r="H7368" s="44">
        <v>7361</v>
      </c>
      <c r="I7368" s="56">
        <f>Bühler!I7394</f>
        <v>0.22472532107053844</v>
      </c>
      <c r="J7368" s="59">
        <f>Bühler!J7394</f>
        <v>0.74908440356846151</v>
      </c>
      <c r="K7368" s="59">
        <f>Bühler!K7394</f>
        <v>1.1236266053526924</v>
      </c>
      <c r="L7368" s="59">
        <f>Bühler!L7394</f>
        <v>12.061060427042042</v>
      </c>
      <c r="M7368" s="58">
        <f>Bühler!M7394</f>
        <v>0</v>
      </c>
      <c r="N7368" s="56">
        <f>IF(Input!$D$19=1,J7368*Input!$C$19,0)+IF(Input!$D$20=1,K7368*Input!$C$20,0)+IF(Input!$D$21=1,L7368*Input!$C$21,0)+IF(Input!$D$22=1,M7368*Input!$C$22,0)</f>
        <v>0.22472532107053844</v>
      </c>
      <c r="O7368" s="59">
        <f>IF(Input!$D$19=2,J7368*Input!$C$19,0)+IF(Input!$D$20=2,K7368*Input!$C$20,0)+IF(Input!$D$21=2,L7368*Input!$C$21,0)+IF(Input!$D$22=2,M7368*Input!$C$22,0)</f>
        <v>0.56181330267634622</v>
      </c>
      <c r="P7368" s="59">
        <f>IF(Input!$D$19=3,J7368*Input!$C$19,0)+IF(Input!$D$20=3,K7368*Input!$C$20,0)+IF(Input!$D$21=3,L7368*Input!$C$21,0)+IF(Input!$D$22=3,M7368*Input!$C$22,0)</f>
        <v>0</v>
      </c>
      <c r="Q7368" s="75">
        <f>IF(Input!$D$19=4,J7368*Input!$C$19,0)+IF(Input!$D$20=4,K7368*Input!$C$20,0)+IF(Input!$D$21=4,L7368*Input!$C$21,0)+IF(Input!$D$22=4,M7368*Input!$C$22,0)</f>
        <v>0</v>
      </c>
      <c r="R7368" s="58">
        <v>40.835510491992814</v>
      </c>
      <c r="S7368" s="124">
        <f t="shared" si="114"/>
        <v>0.97380972463899995</v>
      </c>
    </row>
    <row r="7369" spans="8:19" x14ac:dyDescent="0.3">
      <c r="H7369" s="44">
        <v>7362</v>
      </c>
      <c r="I7369" s="56">
        <f>Bühler!I7395</f>
        <v>0.20225278896348461</v>
      </c>
      <c r="J7369" s="59">
        <f>Bühler!J7395</f>
        <v>0.67417596321161544</v>
      </c>
      <c r="K7369" s="59">
        <f>Bühler!K7395</f>
        <v>1.0112639448174232</v>
      </c>
      <c r="L7369" s="59">
        <f>Bühler!L7395</f>
        <v>10.854954384337839</v>
      </c>
      <c r="M7369" s="58">
        <f>Bühler!M7395</f>
        <v>0</v>
      </c>
      <c r="N7369" s="56">
        <f>IF(Input!$D$19=1,J7369*Input!$C$19,0)+IF(Input!$D$20=1,K7369*Input!$C$20,0)+IF(Input!$D$21=1,L7369*Input!$C$21,0)+IF(Input!$D$22=1,M7369*Input!$C$22,0)</f>
        <v>0.20225278896348461</v>
      </c>
      <c r="O7369" s="59">
        <f>IF(Input!$D$19=2,J7369*Input!$C$19,0)+IF(Input!$D$20=2,K7369*Input!$C$20,0)+IF(Input!$D$21=2,L7369*Input!$C$21,0)+IF(Input!$D$22=2,M7369*Input!$C$22,0)</f>
        <v>0.50563197240871161</v>
      </c>
      <c r="P7369" s="59">
        <f>IF(Input!$D$19=3,J7369*Input!$C$19,0)+IF(Input!$D$20=3,K7369*Input!$C$20,0)+IF(Input!$D$21=3,L7369*Input!$C$21,0)+IF(Input!$D$22=3,M7369*Input!$C$22,0)</f>
        <v>0</v>
      </c>
      <c r="Q7369" s="75">
        <f>IF(Input!$D$19=4,J7369*Input!$C$19,0)+IF(Input!$D$20=4,K7369*Input!$C$20,0)+IF(Input!$D$21=4,L7369*Input!$C$21,0)+IF(Input!$D$22=4,M7369*Input!$C$22,0)</f>
        <v>0</v>
      </c>
      <c r="R7369" s="58">
        <v>40.27401630766483</v>
      </c>
      <c r="S7369" s="124">
        <f t="shared" ref="S7369:S7432" si="115">I7369+J7369</f>
        <v>0.87642875217510008</v>
      </c>
    </row>
    <row r="7370" spans="8:19" x14ac:dyDescent="0.3">
      <c r="H7370" s="44">
        <v>7363</v>
      </c>
      <c r="I7370" s="56">
        <f>Bühler!I7396</f>
        <v>0.19476194492779997</v>
      </c>
      <c r="J7370" s="59">
        <f>Bühler!J7396</f>
        <v>0.64920648309266671</v>
      </c>
      <c r="K7370" s="59">
        <f>Bühler!K7396</f>
        <v>0.97380972463899995</v>
      </c>
      <c r="L7370" s="59">
        <f>Bühler!L7396</f>
        <v>10.452919036769769</v>
      </c>
      <c r="M7370" s="58">
        <f>Bühler!M7396</f>
        <v>0</v>
      </c>
      <c r="N7370" s="56">
        <f>IF(Input!$D$19=1,J7370*Input!$C$19,0)+IF(Input!$D$20=1,K7370*Input!$C$20,0)+IF(Input!$D$21=1,L7370*Input!$C$21,0)+IF(Input!$D$22=1,M7370*Input!$C$22,0)</f>
        <v>0.1947619449278</v>
      </c>
      <c r="O7370" s="59">
        <f>IF(Input!$D$19=2,J7370*Input!$C$19,0)+IF(Input!$D$20=2,K7370*Input!$C$20,0)+IF(Input!$D$21=2,L7370*Input!$C$21,0)+IF(Input!$D$22=2,M7370*Input!$C$22,0)</f>
        <v>0.48690486231949998</v>
      </c>
      <c r="P7370" s="59">
        <f>IF(Input!$D$19=3,J7370*Input!$C$19,0)+IF(Input!$D$20=3,K7370*Input!$C$20,0)+IF(Input!$D$21=3,L7370*Input!$C$21,0)+IF(Input!$D$22=3,M7370*Input!$C$22,0)</f>
        <v>0</v>
      </c>
      <c r="Q7370" s="75">
        <f>IF(Input!$D$19=4,J7370*Input!$C$19,0)+IF(Input!$D$20=4,K7370*Input!$C$20,0)+IF(Input!$D$21=4,L7370*Input!$C$21,0)+IF(Input!$D$22=4,M7370*Input!$C$22,0)</f>
        <v>0</v>
      </c>
      <c r="R7370" s="58">
        <v>39.735317939216536</v>
      </c>
      <c r="S7370" s="124">
        <f t="shared" si="115"/>
        <v>0.84396842802046668</v>
      </c>
    </row>
    <row r="7371" spans="8:19" x14ac:dyDescent="0.3">
      <c r="H7371" s="44">
        <v>7364</v>
      </c>
      <c r="I7371" s="56">
        <f>Bühler!I7397</f>
        <v>0.1573077247493769</v>
      </c>
      <c r="J7371" s="59">
        <f>Bühler!J7397</f>
        <v>0.52435908249792307</v>
      </c>
      <c r="K7371" s="59">
        <f>Bühler!K7397</f>
        <v>0.78653862374688466</v>
      </c>
      <c r="L7371" s="59">
        <f>Bühler!L7397</f>
        <v>8.4427422989294278</v>
      </c>
      <c r="M7371" s="58">
        <f>Bühler!M7397</f>
        <v>0</v>
      </c>
      <c r="N7371" s="56">
        <f>IF(Input!$D$19=1,J7371*Input!$C$19,0)+IF(Input!$D$20=1,K7371*Input!$C$20,0)+IF(Input!$D$21=1,L7371*Input!$C$21,0)+IF(Input!$D$22=1,M7371*Input!$C$22,0)</f>
        <v>0.1573077247493769</v>
      </c>
      <c r="O7371" s="59">
        <f>IF(Input!$D$19=2,J7371*Input!$C$19,0)+IF(Input!$D$20=2,K7371*Input!$C$20,0)+IF(Input!$D$21=2,L7371*Input!$C$21,0)+IF(Input!$D$22=2,M7371*Input!$C$22,0)</f>
        <v>0.39326931187344233</v>
      </c>
      <c r="P7371" s="59">
        <f>IF(Input!$D$19=3,J7371*Input!$C$19,0)+IF(Input!$D$20=3,K7371*Input!$C$20,0)+IF(Input!$D$21=3,L7371*Input!$C$21,0)+IF(Input!$D$22=3,M7371*Input!$C$22,0)</f>
        <v>0</v>
      </c>
      <c r="Q7371" s="75">
        <f>IF(Input!$D$19=4,J7371*Input!$C$19,0)+IF(Input!$D$20=4,K7371*Input!$C$20,0)+IF(Input!$D$21=4,L7371*Input!$C$21,0)+IF(Input!$D$22=4,M7371*Input!$C$22,0)</f>
        <v>0</v>
      </c>
      <c r="R7371" s="58">
        <v>38.881590090867064</v>
      </c>
      <c r="S7371" s="124">
        <f t="shared" si="115"/>
        <v>0.6816668072473</v>
      </c>
    </row>
    <row r="7372" spans="8:19" x14ac:dyDescent="0.3">
      <c r="H7372" s="44">
        <v>7365</v>
      </c>
      <c r="I7372" s="56">
        <f>Bühler!I7398</f>
        <v>0.11610808255311153</v>
      </c>
      <c r="J7372" s="59">
        <f>Bühler!J7398</f>
        <v>0.38702694184370517</v>
      </c>
      <c r="K7372" s="59">
        <f>Bühler!K7398</f>
        <v>0.58054041276555779</v>
      </c>
      <c r="L7372" s="59">
        <f>Bühler!L7398</f>
        <v>6.2315478873050552</v>
      </c>
      <c r="M7372" s="58">
        <f>Bühler!M7398</f>
        <v>0</v>
      </c>
      <c r="N7372" s="56">
        <f>IF(Input!$D$19=1,J7372*Input!$C$19,0)+IF(Input!$D$20=1,K7372*Input!$C$20,0)+IF(Input!$D$21=1,L7372*Input!$C$21,0)+IF(Input!$D$22=1,M7372*Input!$C$22,0)</f>
        <v>0.11610808255311154</v>
      </c>
      <c r="O7372" s="59">
        <f>IF(Input!$D$19=2,J7372*Input!$C$19,0)+IF(Input!$D$20=2,K7372*Input!$C$20,0)+IF(Input!$D$21=2,L7372*Input!$C$21,0)+IF(Input!$D$22=2,M7372*Input!$C$22,0)</f>
        <v>0.29027020638277889</v>
      </c>
      <c r="P7372" s="59">
        <f>IF(Input!$D$19=3,J7372*Input!$C$19,0)+IF(Input!$D$20=3,K7372*Input!$C$20,0)+IF(Input!$D$21=3,L7372*Input!$C$21,0)+IF(Input!$D$22=3,M7372*Input!$C$22,0)</f>
        <v>0</v>
      </c>
      <c r="Q7372" s="75">
        <f>IF(Input!$D$19=4,J7372*Input!$C$19,0)+IF(Input!$D$20=4,K7372*Input!$C$20,0)+IF(Input!$D$21=4,L7372*Input!$C$21,0)+IF(Input!$D$22=4,M7372*Input!$C$22,0)</f>
        <v>0</v>
      </c>
      <c r="R7372" s="58">
        <v>38.545936153933631</v>
      </c>
      <c r="S7372" s="124">
        <f t="shared" si="115"/>
        <v>0.50313502439681668</v>
      </c>
    </row>
    <row r="7373" spans="8:19" x14ac:dyDescent="0.3">
      <c r="H7373" s="44">
        <v>7366</v>
      </c>
      <c r="I7373" s="56">
        <f>Bühler!I7399</f>
        <v>0.11610808255311153</v>
      </c>
      <c r="J7373" s="59">
        <f>Bühler!J7399</f>
        <v>0.38702694184370517</v>
      </c>
      <c r="K7373" s="59">
        <f>Bühler!K7399</f>
        <v>0.58054041276555779</v>
      </c>
      <c r="L7373" s="59">
        <f>Bühler!L7399</f>
        <v>6.2315478873050552</v>
      </c>
      <c r="M7373" s="58">
        <f>Bühler!M7399</f>
        <v>0</v>
      </c>
      <c r="N7373" s="56">
        <f>IF(Input!$D$19=1,J7373*Input!$C$19,0)+IF(Input!$D$20=1,K7373*Input!$C$20,0)+IF(Input!$D$21=1,L7373*Input!$C$21,0)+IF(Input!$D$22=1,M7373*Input!$C$22,0)</f>
        <v>0.11610808255311154</v>
      </c>
      <c r="O7373" s="59">
        <f>IF(Input!$D$19=2,J7373*Input!$C$19,0)+IF(Input!$D$20=2,K7373*Input!$C$20,0)+IF(Input!$D$21=2,L7373*Input!$C$21,0)+IF(Input!$D$22=2,M7373*Input!$C$22,0)</f>
        <v>0.29027020638277889</v>
      </c>
      <c r="P7373" s="59">
        <f>IF(Input!$D$19=3,J7373*Input!$C$19,0)+IF(Input!$D$20=3,K7373*Input!$C$20,0)+IF(Input!$D$21=3,L7373*Input!$C$21,0)+IF(Input!$D$22=3,M7373*Input!$C$22,0)</f>
        <v>0</v>
      </c>
      <c r="Q7373" s="75">
        <f>IF(Input!$D$19=4,J7373*Input!$C$19,0)+IF(Input!$D$20=4,K7373*Input!$C$20,0)+IF(Input!$D$21=4,L7373*Input!$C$21,0)+IF(Input!$D$22=4,M7373*Input!$C$22,0)</f>
        <v>0</v>
      </c>
      <c r="R7373" s="58">
        <v>38.318545812948202</v>
      </c>
      <c r="S7373" s="124">
        <f t="shared" si="115"/>
        <v>0.50313502439681668</v>
      </c>
    </row>
    <row r="7374" spans="8:19" x14ac:dyDescent="0.3">
      <c r="H7374" s="44">
        <v>7367</v>
      </c>
      <c r="I7374" s="56">
        <f>Bühler!I7400</f>
        <v>0.11610808255311153</v>
      </c>
      <c r="J7374" s="59">
        <f>Bühler!J7400</f>
        <v>0.38702694184370517</v>
      </c>
      <c r="K7374" s="59">
        <f>Bühler!K7400</f>
        <v>0.58054041276555779</v>
      </c>
      <c r="L7374" s="59">
        <f>Bühler!L7400</f>
        <v>6.2315478873050552</v>
      </c>
      <c r="M7374" s="58">
        <f>Bühler!M7400</f>
        <v>0</v>
      </c>
      <c r="N7374" s="56">
        <f>IF(Input!$D$19=1,J7374*Input!$C$19,0)+IF(Input!$D$20=1,K7374*Input!$C$20,0)+IF(Input!$D$21=1,L7374*Input!$C$21,0)+IF(Input!$D$22=1,M7374*Input!$C$22,0)</f>
        <v>0.11610808255311154</v>
      </c>
      <c r="O7374" s="59">
        <f>IF(Input!$D$19=2,J7374*Input!$C$19,0)+IF(Input!$D$20=2,K7374*Input!$C$20,0)+IF(Input!$D$21=2,L7374*Input!$C$21,0)+IF(Input!$D$22=2,M7374*Input!$C$22,0)</f>
        <v>0.29027020638277889</v>
      </c>
      <c r="P7374" s="59">
        <f>IF(Input!$D$19=3,J7374*Input!$C$19,0)+IF(Input!$D$20=3,K7374*Input!$C$20,0)+IF(Input!$D$21=3,L7374*Input!$C$21,0)+IF(Input!$D$22=3,M7374*Input!$C$22,0)</f>
        <v>0</v>
      </c>
      <c r="Q7374" s="75">
        <f>IF(Input!$D$19=4,J7374*Input!$C$19,0)+IF(Input!$D$20=4,K7374*Input!$C$20,0)+IF(Input!$D$21=4,L7374*Input!$C$21,0)+IF(Input!$D$22=4,M7374*Input!$C$22,0)</f>
        <v>0</v>
      </c>
      <c r="R7374" s="58">
        <v>38.482227093558549</v>
      </c>
      <c r="S7374" s="124">
        <f t="shared" si="115"/>
        <v>0.50313502439681668</v>
      </c>
    </row>
    <row r="7375" spans="8:19" x14ac:dyDescent="0.3">
      <c r="H7375" s="44">
        <v>7368</v>
      </c>
      <c r="I7375" s="56">
        <f>Bühler!I7401</f>
        <v>0.11610808255311153</v>
      </c>
      <c r="J7375" s="59">
        <f>Bühler!J7401</f>
        <v>0.38702694184370517</v>
      </c>
      <c r="K7375" s="59">
        <f>Bühler!K7401</f>
        <v>0.58054041276555779</v>
      </c>
      <c r="L7375" s="59">
        <f>Bühler!L7401</f>
        <v>6.2315478873050552</v>
      </c>
      <c r="M7375" s="58">
        <f>Bühler!M7401</f>
        <v>0</v>
      </c>
      <c r="N7375" s="56">
        <f>IF(Input!$D$19=1,J7375*Input!$C$19,0)+IF(Input!$D$20=1,K7375*Input!$C$20,0)+IF(Input!$D$21=1,L7375*Input!$C$21,0)+IF(Input!$D$22=1,M7375*Input!$C$22,0)</f>
        <v>0.11610808255311154</v>
      </c>
      <c r="O7375" s="59">
        <f>IF(Input!$D$19=2,J7375*Input!$C$19,0)+IF(Input!$D$20=2,K7375*Input!$C$20,0)+IF(Input!$D$21=2,L7375*Input!$C$21,0)+IF(Input!$D$22=2,M7375*Input!$C$22,0)</f>
        <v>0.29027020638277889</v>
      </c>
      <c r="P7375" s="59">
        <f>IF(Input!$D$19=3,J7375*Input!$C$19,0)+IF(Input!$D$20=3,K7375*Input!$C$20,0)+IF(Input!$D$21=3,L7375*Input!$C$21,0)+IF(Input!$D$22=3,M7375*Input!$C$22,0)</f>
        <v>0</v>
      </c>
      <c r="Q7375" s="75">
        <f>IF(Input!$D$19=4,J7375*Input!$C$19,0)+IF(Input!$D$20=4,K7375*Input!$C$20,0)+IF(Input!$D$21=4,L7375*Input!$C$21,0)+IF(Input!$D$22=4,M7375*Input!$C$22,0)</f>
        <v>0</v>
      </c>
      <c r="R7375" s="58">
        <v>38.256071496430934</v>
      </c>
      <c r="S7375" s="124">
        <f t="shared" si="115"/>
        <v>0.50313502439681668</v>
      </c>
    </row>
    <row r="7376" spans="8:19" x14ac:dyDescent="0.3">
      <c r="H7376" s="44">
        <v>7369</v>
      </c>
      <c r="I7376" s="56">
        <f>Bühler!I7402</f>
        <v>0.12952887285847975</v>
      </c>
      <c r="J7376" s="59">
        <f>Bühler!J7402</f>
        <v>0.4317629095282659</v>
      </c>
      <c r="K7376" s="59">
        <f>Bühler!K7402</f>
        <v>0.64764436429239891</v>
      </c>
      <c r="L7376" s="59">
        <f>Bühler!L7402</f>
        <v>7.0274781741033499</v>
      </c>
      <c r="M7376" s="58">
        <f>Bühler!M7402</f>
        <v>0</v>
      </c>
      <c r="N7376" s="56">
        <f>IF(Input!$D$19=1,J7376*Input!$C$19,0)+IF(Input!$D$20=1,K7376*Input!$C$20,0)+IF(Input!$D$21=1,L7376*Input!$C$21,0)+IF(Input!$D$22=1,M7376*Input!$C$22,0)</f>
        <v>0.12952887285847978</v>
      </c>
      <c r="O7376" s="59">
        <f>IF(Input!$D$19=2,J7376*Input!$C$19,0)+IF(Input!$D$20=2,K7376*Input!$C$20,0)+IF(Input!$D$21=2,L7376*Input!$C$21,0)+IF(Input!$D$22=2,M7376*Input!$C$22,0)</f>
        <v>0.32382218214619946</v>
      </c>
      <c r="P7376" s="59">
        <f>IF(Input!$D$19=3,J7376*Input!$C$19,0)+IF(Input!$D$20=3,K7376*Input!$C$20,0)+IF(Input!$D$21=3,L7376*Input!$C$21,0)+IF(Input!$D$22=3,M7376*Input!$C$22,0)</f>
        <v>0</v>
      </c>
      <c r="Q7376" s="75">
        <f>IF(Input!$D$19=4,J7376*Input!$C$19,0)+IF(Input!$D$20=4,K7376*Input!$C$20,0)+IF(Input!$D$21=4,L7376*Input!$C$21,0)+IF(Input!$D$22=4,M7376*Input!$C$22,0)</f>
        <v>0</v>
      </c>
      <c r="R7376" s="58">
        <v>37.484139853455645</v>
      </c>
      <c r="S7376" s="124">
        <f t="shared" si="115"/>
        <v>0.5612917823867456</v>
      </c>
    </row>
    <row r="7377" spans="8:19" x14ac:dyDescent="0.3">
      <c r="H7377" s="44">
        <v>7370</v>
      </c>
      <c r="I7377" s="56">
        <f>Bühler!I7403</f>
        <v>0.15042062654533134</v>
      </c>
      <c r="J7377" s="59">
        <f>Bühler!J7403</f>
        <v>0.5014020884844379</v>
      </c>
      <c r="K7377" s="59">
        <f>Bühler!K7403</f>
        <v>0.75210313272665685</v>
      </c>
      <c r="L7377" s="59">
        <f>Bühler!L7403</f>
        <v>8.1609423957329223</v>
      </c>
      <c r="M7377" s="58">
        <f>Bühler!M7403</f>
        <v>0</v>
      </c>
      <c r="N7377" s="56">
        <f>IF(Input!$D$19=1,J7377*Input!$C$19,0)+IF(Input!$D$20=1,K7377*Input!$C$20,0)+IF(Input!$D$21=1,L7377*Input!$C$21,0)+IF(Input!$D$22=1,M7377*Input!$C$22,0)</f>
        <v>0.15042062654533137</v>
      </c>
      <c r="O7377" s="59">
        <f>IF(Input!$D$19=2,J7377*Input!$C$19,0)+IF(Input!$D$20=2,K7377*Input!$C$20,0)+IF(Input!$D$21=2,L7377*Input!$C$21,0)+IF(Input!$D$22=2,M7377*Input!$C$22,0)</f>
        <v>0.37605156636332843</v>
      </c>
      <c r="P7377" s="59">
        <f>IF(Input!$D$19=3,J7377*Input!$C$19,0)+IF(Input!$D$20=3,K7377*Input!$C$20,0)+IF(Input!$D$21=3,L7377*Input!$C$21,0)+IF(Input!$D$22=3,M7377*Input!$C$22,0)</f>
        <v>0</v>
      </c>
      <c r="Q7377" s="75">
        <f>IF(Input!$D$19=4,J7377*Input!$C$19,0)+IF(Input!$D$20=4,K7377*Input!$C$20,0)+IF(Input!$D$21=4,L7377*Input!$C$21,0)+IF(Input!$D$22=4,M7377*Input!$C$22,0)</f>
        <v>0</v>
      </c>
      <c r="R7377" s="58">
        <v>37.070222145961161</v>
      </c>
      <c r="S7377" s="124">
        <f t="shared" si="115"/>
        <v>0.6518227150297693</v>
      </c>
    </row>
    <row r="7378" spans="8:19" x14ac:dyDescent="0.3">
      <c r="H7378" s="44">
        <v>7371</v>
      </c>
      <c r="I7378" s="56">
        <f>Bühler!I7404</f>
        <v>0.15042062654533134</v>
      </c>
      <c r="J7378" s="59">
        <f>Bühler!J7404</f>
        <v>0.5014020884844379</v>
      </c>
      <c r="K7378" s="59">
        <f>Bühler!K7404</f>
        <v>0.75210313272665685</v>
      </c>
      <c r="L7378" s="59">
        <f>Bühler!L7404</f>
        <v>8.1609423957329223</v>
      </c>
      <c r="M7378" s="58">
        <f>Bühler!M7404</f>
        <v>0</v>
      </c>
      <c r="N7378" s="56">
        <f>IF(Input!$D$19=1,J7378*Input!$C$19,0)+IF(Input!$D$20=1,K7378*Input!$C$20,0)+IF(Input!$D$21=1,L7378*Input!$C$21,0)+IF(Input!$D$22=1,M7378*Input!$C$22,0)</f>
        <v>0.15042062654533137</v>
      </c>
      <c r="O7378" s="59">
        <f>IF(Input!$D$19=2,J7378*Input!$C$19,0)+IF(Input!$D$20=2,K7378*Input!$C$20,0)+IF(Input!$D$21=2,L7378*Input!$C$21,0)+IF(Input!$D$22=2,M7378*Input!$C$22,0)</f>
        <v>0.37605156636332843</v>
      </c>
      <c r="P7378" s="59">
        <f>IF(Input!$D$19=3,J7378*Input!$C$19,0)+IF(Input!$D$20=3,K7378*Input!$C$20,0)+IF(Input!$D$21=3,L7378*Input!$C$21,0)+IF(Input!$D$22=3,M7378*Input!$C$22,0)</f>
        <v>0</v>
      </c>
      <c r="Q7378" s="75">
        <f>IF(Input!$D$19=4,J7378*Input!$C$19,0)+IF(Input!$D$20=4,K7378*Input!$C$20,0)+IF(Input!$D$21=4,L7378*Input!$C$21,0)+IF(Input!$D$22=4,M7378*Input!$C$22,0)</f>
        <v>0</v>
      </c>
      <c r="R7378" s="58">
        <v>37.239532550718863</v>
      </c>
      <c r="S7378" s="124">
        <f t="shared" si="115"/>
        <v>0.6518227150297693</v>
      </c>
    </row>
    <row r="7379" spans="8:19" x14ac:dyDescent="0.3">
      <c r="H7379" s="44">
        <v>7372</v>
      </c>
      <c r="I7379" s="56">
        <f>Bühler!I7405</f>
        <v>0.15042062654533134</v>
      </c>
      <c r="J7379" s="59">
        <f>Bühler!J7405</f>
        <v>0.5014020884844379</v>
      </c>
      <c r="K7379" s="59">
        <f>Bühler!K7405</f>
        <v>0.75210313272665685</v>
      </c>
      <c r="L7379" s="59">
        <f>Bühler!L7405</f>
        <v>8.1609423957329223</v>
      </c>
      <c r="M7379" s="58">
        <f>Bühler!M7405</f>
        <v>0</v>
      </c>
      <c r="N7379" s="56">
        <f>IF(Input!$D$19=1,J7379*Input!$C$19,0)+IF(Input!$D$20=1,K7379*Input!$C$20,0)+IF(Input!$D$21=1,L7379*Input!$C$21,0)+IF(Input!$D$22=1,M7379*Input!$C$22,0)</f>
        <v>0.15042062654533137</v>
      </c>
      <c r="O7379" s="59">
        <f>IF(Input!$D$19=2,J7379*Input!$C$19,0)+IF(Input!$D$20=2,K7379*Input!$C$20,0)+IF(Input!$D$21=2,L7379*Input!$C$21,0)+IF(Input!$D$22=2,M7379*Input!$C$22,0)</f>
        <v>0.37605156636332843</v>
      </c>
      <c r="P7379" s="59">
        <f>IF(Input!$D$19=3,J7379*Input!$C$19,0)+IF(Input!$D$20=3,K7379*Input!$C$20,0)+IF(Input!$D$21=3,L7379*Input!$C$21,0)+IF(Input!$D$22=3,M7379*Input!$C$22,0)</f>
        <v>0</v>
      </c>
      <c r="Q7379" s="75">
        <f>IF(Input!$D$19=4,J7379*Input!$C$19,0)+IF(Input!$D$20=4,K7379*Input!$C$20,0)+IF(Input!$D$21=4,L7379*Input!$C$21,0)+IF(Input!$D$22=4,M7379*Input!$C$22,0)</f>
        <v>0</v>
      </c>
      <c r="R7379" s="58">
        <v>37.084791487998146</v>
      </c>
      <c r="S7379" s="124">
        <f t="shared" si="115"/>
        <v>0.6518227150297693</v>
      </c>
    </row>
    <row r="7380" spans="8:19" x14ac:dyDescent="0.3">
      <c r="H7380" s="44">
        <v>7373</v>
      </c>
      <c r="I7380" s="56">
        <f>Bühler!I7406</f>
        <v>0.15042062654533134</v>
      </c>
      <c r="J7380" s="59">
        <f>Bühler!J7406</f>
        <v>0.5014020884844379</v>
      </c>
      <c r="K7380" s="59">
        <f>Bühler!K7406</f>
        <v>0.75210313272665685</v>
      </c>
      <c r="L7380" s="59">
        <f>Bühler!L7406</f>
        <v>8.1609423957329223</v>
      </c>
      <c r="M7380" s="58">
        <f>Bühler!M7406</f>
        <v>0</v>
      </c>
      <c r="N7380" s="56">
        <f>IF(Input!$D$19=1,J7380*Input!$C$19,0)+IF(Input!$D$20=1,K7380*Input!$C$20,0)+IF(Input!$D$21=1,L7380*Input!$C$21,0)+IF(Input!$D$22=1,M7380*Input!$C$22,0)</f>
        <v>0.15042062654533137</v>
      </c>
      <c r="O7380" s="59">
        <f>IF(Input!$D$19=2,J7380*Input!$C$19,0)+IF(Input!$D$20=2,K7380*Input!$C$20,0)+IF(Input!$D$21=2,L7380*Input!$C$21,0)+IF(Input!$D$22=2,M7380*Input!$C$22,0)</f>
        <v>0.37605156636332843</v>
      </c>
      <c r="P7380" s="59">
        <f>IF(Input!$D$19=3,J7380*Input!$C$19,0)+IF(Input!$D$20=3,K7380*Input!$C$20,0)+IF(Input!$D$21=3,L7380*Input!$C$21,0)+IF(Input!$D$22=3,M7380*Input!$C$22,0)</f>
        <v>0</v>
      </c>
      <c r="Q7380" s="75">
        <f>IF(Input!$D$19=4,J7380*Input!$C$19,0)+IF(Input!$D$20=4,K7380*Input!$C$20,0)+IF(Input!$D$21=4,L7380*Input!$C$21,0)+IF(Input!$D$22=4,M7380*Input!$C$22,0)</f>
        <v>0</v>
      </c>
      <c r="R7380" s="58">
        <v>36.977328132696321</v>
      </c>
      <c r="S7380" s="124">
        <f t="shared" si="115"/>
        <v>0.6518227150297693</v>
      </c>
    </row>
    <row r="7381" spans="8:19" x14ac:dyDescent="0.3">
      <c r="H7381" s="44">
        <v>7374</v>
      </c>
      <c r="I7381" s="56">
        <f>Bühler!I7407</f>
        <v>0.18802578318166416</v>
      </c>
      <c r="J7381" s="59">
        <f>Bühler!J7407</f>
        <v>0.62675261060554721</v>
      </c>
      <c r="K7381" s="59">
        <f>Bühler!K7407</f>
        <v>0.94012891590832082</v>
      </c>
      <c r="L7381" s="59">
        <f>Bühler!L7407</f>
        <v>10.201177994666152</v>
      </c>
      <c r="M7381" s="58">
        <f>Bühler!M7407</f>
        <v>0</v>
      </c>
      <c r="N7381" s="56">
        <f>IF(Input!$D$19=1,J7381*Input!$C$19,0)+IF(Input!$D$20=1,K7381*Input!$C$20,0)+IF(Input!$D$21=1,L7381*Input!$C$21,0)+IF(Input!$D$22=1,M7381*Input!$C$22,0)</f>
        <v>0.18802578318166416</v>
      </c>
      <c r="O7381" s="59">
        <f>IF(Input!$D$19=2,J7381*Input!$C$19,0)+IF(Input!$D$20=2,K7381*Input!$C$20,0)+IF(Input!$D$21=2,L7381*Input!$C$21,0)+IF(Input!$D$22=2,M7381*Input!$C$22,0)</f>
        <v>0.47006445795416041</v>
      </c>
      <c r="P7381" s="59">
        <f>IF(Input!$D$19=3,J7381*Input!$C$19,0)+IF(Input!$D$20=3,K7381*Input!$C$20,0)+IF(Input!$D$21=3,L7381*Input!$C$21,0)+IF(Input!$D$22=3,M7381*Input!$C$22,0)</f>
        <v>0</v>
      </c>
      <c r="Q7381" s="75">
        <f>IF(Input!$D$19=4,J7381*Input!$C$19,0)+IF(Input!$D$20=4,K7381*Input!$C$20,0)+IF(Input!$D$21=4,L7381*Input!$C$21,0)+IF(Input!$D$22=4,M7381*Input!$C$22,0)</f>
        <v>0</v>
      </c>
      <c r="R7381" s="58">
        <v>37.28468634493057</v>
      </c>
      <c r="S7381" s="124">
        <f t="shared" si="115"/>
        <v>0.8147783937872114</v>
      </c>
    </row>
    <row r="7382" spans="8:19" x14ac:dyDescent="0.3">
      <c r="H7382" s="44">
        <v>7375</v>
      </c>
      <c r="I7382" s="56">
        <f>Bühler!I7408</f>
        <v>0.2214525890806267</v>
      </c>
      <c r="J7382" s="59">
        <f>Bühler!J7408</f>
        <v>0.7381752969354225</v>
      </c>
      <c r="K7382" s="59">
        <f>Bühler!K7408</f>
        <v>1.1072629454031337</v>
      </c>
      <c r="L7382" s="59">
        <f>Bühler!L7408</f>
        <v>12.014720749273469</v>
      </c>
      <c r="M7382" s="58">
        <f>Bühler!M7408</f>
        <v>0</v>
      </c>
      <c r="N7382" s="56">
        <f>IF(Input!$D$19=1,J7382*Input!$C$19,0)+IF(Input!$D$20=1,K7382*Input!$C$20,0)+IF(Input!$D$21=1,L7382*Input!$C$21,0)+IF(Input!$D$22=1,M7382*Input!$C$22,0)</f>
        <v>0.22145258908062673</v>
      </c>
      <c r="O7382" s="59">
        <f>IF(Input!$D$19=2,J7382*Input!$C$19,0)+IF(Input!$D$20=2,K7382*Input!$C$20,0)+IF(Input!$D$21=2,L7382*Input!$C$21,0)+IF(Input!$D$22=2,M7382*Input!$C$22,0)</f>
        <v>0.55363147270156687</v>
      </c>
      <c r="P7382" s="59">
        <f>IF(Input!$D$19=3,J7382*Input!$C$19,0)+IF(Input!$D$20=3,K7382*Input!$C$20,0)+IF(Input!$D$21=3,L7382*Input!$C$21,0)+IF(Input!$D$22=3,M7382*Input!$C$22,0)</f>
        <v>0</v>
      </c>
      <c r="Q7382" s="75">
        <f>IF(Input!$D$19=4,J7382*Input!$C$19,0)+IF(Input!$D$20=4,K7382*Input!$C$20,0)+IF(Input!$D$21=4,L7382*Input!$C$21,0)+IF(Input!$D$22=4,M7382*Input!$C$22,0)</f>
        <v>0</v>
      </c>
      <c r="R7382" s="58">
        <v>37.413694904737547</v>
      </c>
      <c r="S7382" s="124">
        <f t="shared" si="115"/>
        <v>0.9596278860160492</v>
      </c>
    </row>
    <row r="7383" spans="8:19" x14ac:dyDescent="0.3">
      <c r="H7383" s="44">
        <v>7376</v>
      </c>
      <c r="I7383" s="56">
        <f>Bühler!I7409</f>
        <v>0.26323609645432983</v>
      </c>
      <c r="J7383" s="59">
        <f>Bühler!J7409</f>
        <v>0.87745365484776616</v>
      </c>
      <c r="K7383" s="59">
        <f>Bühler!K7409</f>
        <v>1.3161804822716492</v>
      </c>
      <c r="L7383" s="59">
        <f>Bühler!L7409</f>
        <v>14.281649192532614</v>
      </c>
      <c r="M7383" s="58">
        <f>Bühler!M7409</f>
        <v>0</v>
      </c>
      <c r="N7383" s="56">
        <f>IF(Input!$D$19=1,J7383*Input!$C$19,0)+IF(Input!$D$20=1,K7383*Input!$C$20,0)+IF(Input!$D$21=1,L7383*Input!$C$21,0)+IF(Input!$D$22=1,M7383*Input!$C$22,0)</f>
        <v>0.26323609645432983</v>
      </c>
      <c r="O7383" s="59">
        <f>IF(Input!$D$19=2,J7383*Input!$C$19,0)+IF(Input!$D$20=2,K7383*Input!$C$20,0)+IF(Input!$D$21=2,L7383*Input!$C$21,0)+IF(Input!$D$22=2,M7383*Input!$C$22,0)</f>
        <v>0.65809024113582459</v>
      </c>
      <c r="P7383" s="59">
        <f>IF(Input!$D$19=3,J7383*Input!$C$19,0)+IF(Input!$D$20=3,K7383*Input!$C$20,0)+IF(Input!$D$21=3,L7383*Input!$C$21,0)+IF(Input!$D$22=3,M7383*Input!$C$22,0)</f>
        <v>0</v>
      </c>
      <c r="Q7383" s="75">
        <f>IF(Input!$D$19=4,J7383*Input!$C$19,0)+IF(Input!$D$20=4,K7383*Input!$C$20,0)+IF(Input!$D$21=4,L7383*Input!$C$21,0)+IF(Input!$D$22=4,M7383*Input!$C$22,0)</f>
        <v>0</v>
      </c>
      <c r="R7383" s="58">
        <v>37.071603835969015</v>
      </c>
      <c r="S7383" s="124">
        <f t="shared" si="115"/>
        <v>1.1406897513020959</v>
      </c>
    </row>
    <row r="7384" spans="8:19" x14ac:dyDescent="0.3">
      <c r="H7384" s="44">
        <v>7377</v>
      </c>
      <c r="I7384" s="56">
        <f>Bühler!I7410</f>
        <v>0.26323609645432983</v>
      </c>
      <c r="J7384" s="59">
        <f>Bühler!J7410</f>
        <v>0.87745365484776616</v>
      </c>
      <c r="K7384" s="59">
        <f>Bühler!K7410</f>
        <v>1.3161804822716492</v>
      </c>
      <c r="L7384" s="59">
        <f>Bühler!L7410</f>
        <v>14.281649192532614</v>
      </c>
      <c r="M7384" s="58">
        <f>Bühler!M7410</f>
        <v>0</v>
      </c>
      <c r="N7384" s="56">
        <f>IF(Input!$D$19=1,J7384*Input!$C$19,0)+IF(Input!$D$20=1,K7384*Input!$C$20,0)+IF(Input!$D$21=1,L7384*Input!$C$21,0)+IF(Input!$D$22=1,M7384*Input!$C$22,0)</f>
        <v>0.26323609645432983</v>
      </c>
      <c r="O7384" s="59">
        <f>IF(Input!$D$19=2,J7384*Input!$C$19,0)+IF(Input!$D$20=2,K7384*Input!$C$20,0)+IF(Input!$D$21=2,L7384*Input!$C$21,0)+IF(Input!$D$22=2,M7384*Input!$C$22,0)</f>
        <v>0.65809024113582459</v>
      </c>
      <c r="P7384" s="59">
        <f>IF(Input!$D$19=3,J7384*Input!$C$19,0)+IF(Input!$D$20=3,K7384*Input!$C$20,0)+IF(Input!$D$21=3,L7384*Input!$C$21,0)+IF(Input!$D$22=3,M7384*Input!$C$22,0)</f>
        <v>0</v>
      </c>
      <c r="Q7384" s="75">
        <f>IF(Input!$D$19=4,J7384*Input!$C$19,0)+IF(Input!$D$20=4,K7384*Input!$C$20,0)+IF(Input!$D$21=4,L7384*Input!$C$21,0)+IF(Input!$D$22=4,M7384*Input!$C$22,0)</f>
        <v>0</v>
      </c>
      <c r="R7384" s="58">
        <v>36.736635948479744</v>
      </c>
      <c r="S7384" s="124">
        <f t="shared" si="115"/>
        <v>1.1406897513020959</v>
      </c>
    </row>
    <row r="7385" spans="8:19" x14ac:dyDescent="0.3">
      <c r="H7385" s="44">
        <v>7378</v>
      </c>
      <c r="I7385" s="56">
        <f>Bühler!I7411</f>
        <v>0.26323609645432983</v>
      </c>
      <c r="J7385" s="59">
        <f>Bühler!J7411</f>
        <v>0.87745365484776616</v>
      </c>
      <c r="K7385" s="59">
        <f>Bühler!K7411</f>
        <v>1.3161804822716492</v>
      </c>
      <c r="L7385" s="59">
        <f>Bühler!L7411</f>
        <v>14.281649192532614</v>
      </c>
      <c r="M7385" s="58">
        <f>Bühler!M7411</f>
        <v>0</v>
      </c>
      <c r="N7385" s="56">
        <f>IF(Input!$D$19=1,J7385*Input!$C$19,0)+IF(Input!$D$20=1,K7385*Input!$C$20,0)+IF(Input!$D$21=1,L7385*Input!$C$21,0)+IF(Input!$D$22=1,M7385*Input!$C$22,0)</f>
        <v>0.26323609645432983</v>
      </c>
      <c r="O7385" s="59">
        <f>IF(Input!$D$19=2,J7385*Input!$C$19,0)+IF(Input!$D$20=2,K7385*Input!$C$20,0)+IF(Input!$D$21=2,L7385*Input!$C$21,0)+IF(Input!$D$22=2,M7385*Input!$C$22,0)</f>
        <v>0.65809024113582459</v>
      </c>
      <c r="P7385" s="59">
        <f>IF(Input!$D$19=3,J7385*Input!$C$19,0)+IF(Input!$D$20=3,K7385*Input!$C$20,0)+IF(Input!$D$21=3,L7385*Input!$C$21,0)+IF(Input!$D$22=3,M7385*Input!$C$22,0)</f>
        <v>0</v>
      </c>
      <c r="Q7385" s="75">
        <f>IF(Input!$D$19=4,J7385*Input!$C$19,0)+IF(Input!$D$20=4,K7385*Input!$C$20,0)+IF(Input!$D$21=4,L7385*Input!$C$21,0)+IF(Input!$D$22=4,M7385*Input!$C$22,0)</f>
        <v>0</v>
      </c>
      <c r="R7385" s="58">
        <v>36.40000560027552</v>
      </c>
      <c r="S7385" s="124">
        <f t="shared" si="115"/>
        <v>1.1406897513020959</v>
      </c>
    </row>
    <row r="7386" spans="8:19" x14ac:dyDescent="0.3">
      <c r="H7386" s="44">
        <v>7379</v>
      </c>
      <c r="I7386" s="56">
        <f>Bühler!I7412</f>
        <v>0.26323609645432983</v>
      </c>
      <c r="J7386" s="59">
        <f>Bühler!J7412</f>
        <v>0.87745365484776616</v>
      </c>
      <c r="K7386" s="59">
        <f>Bühler!K7412</f>
        <v>1.3161804822716492</v>
      </c>
      <c r="L7386" s="59">
        <f>Bühler!L7412</f>
        <v>14.281649192532614</v>
      </c>
      <c r="M7386" s="58">
        <f>Bühler!M7412</f>
        <v>0</v>
      </c>
      <c r="N7386" s="56">
        <f>IF(Input!$D$19=1,J7386*Input!$C$19,0)+IF(Input!$D$20=1,K7386*Input!$C$20,0)+IF(Input!$D$21=1,L7386*Input!$C$21,0)+IF(Input!$D$22=1,M7386*Input!$C$22,0)</f>
        <v>0.26323609645432983</v>
      </c>
      <c r="O7386" s="59">
        <f>IF(Input!$D$19=2,J7386*Input!$C$19,0)+IF(Input!$D$20=2,K7386*Input!$C$20,0)+IF(Input!$D$21=2,L7386*Input!$C$21,0)+IF(Input!$D$22=2,M7386*Input!$C$22,0)</f>
        <v>0.65809024113582459</v>
      </c>
      <c r="P7386" s="59">
        <f>IF(Input!$D$19=3,J7386*Input!$C$19,0)+IF(Input!$D$20=3,K7386*Input!$C$20,0)+IF(Input!$D$21=3,L7386*Input!$C$21,0)+IF(Input!$D$22=3,M7386*Input!$C$22,0)</f>
        <v>0</v>
      </c>
      <c r="Q7386" s="75">
        <f>IF(Input!$D$19=4,J7386*Input!$C$19,0)+IF(Input!$D$20=4,K7386*Input!$C$20,0)+IF(Input!$D$21=4,L7386*Input!$C$21,0)+IF(Input!$D$22=4,M7386*Input!$C$22,0)</f>
        <v>0</v>
      </c>
      <c r="R7386" s="58">
        <v>36.963870203311679</v>
      </c>
      <c r="S7386" s="124">
        <f t="shared" si="115"/>
        <v>1.1406897513020959</v>
      </c>
    </row>
    <row r="7387" spans="8:19" x14ac:dyDescent="0.3">
      <c r="H7387" s="44">
        <v>7380</v>
      </c>
      <c r="I7387" s="56">
        <f>Bühler!I7413</f>
        <v>0.26323609645432983</v>
      </c>
      <c r="J7387" s="59">
        <f>Bühler!J7413</f>
        <v>0.87745365484776616</v>
      </c>
      <c r="K7387" s="59">
        <f>Bühler!K7413</f>
        <v>1.3161804822716492</v>
      </c>
      <c r="L7387" s="59">
        <f>Bühler!L7413</f>
        <v>14.281649192532614</v>
      </c>
      <c r="M7387" s="58">
        <f>Bühler!M7413</f>
        <v>0</v>
      </c>
      <c r="N7387" s="56">
        <f>IF(Input!$D$19=1,J7387*Input!$C$19,0)+IF(Input!$D$20=1,K7387*Input!$C$20,0)+IF(Input!$D$21=1,L7387*Input!$C$21,0)+IF(Input!$D$22=1,M7387*Input!$C$22,0)</f>
        <v>0.26323609645432983</v>
      </c>
      <c r="O7387" s="59">
        <f>IF(Input!$D$19=2,J7387*Input!$C$19,0)+IF(Input!$D$20=2,K7387*Input!$C$20,0)+IF(Input!$D$21=2,L7387*Input!$C$21,0)+IF(Input!$D$22=2,M7387*Input!$C$22,0)</f>
        <v>0.65809024113582459</v>
      </c>
      <c r="P7387" s="59">
        <f>IF(Input!$D$19=3,J7387*Input!$C$19,0)+IF(Input!$D$20=3,K7387*Input!$C$20,0)+IF(Input!$D$21=3,L7387*Input!$C$21,0)+IF(Input!$D$22=3,M7387*Input!$C$22,0)</f>
        <v>0</v>
      </c>
      <c r="Q7387" s="75">
        <f>IF(Input!$D$19=4,J7387*Input!$C$19,0)+IF(Input!$D$20=4,K7387*Input!$C$20,0)+IF(Input!$D$21=4,L7387*Input!$C$21,0)+IF(Input!$D$22=4,M7387*Input!$C$22,0)</f>
        <v>0</v>
      </c>
      <c r="R7387" s="58">
        <v>37.086550938663969</v>
      </c>
      <c r="S7387" s="124">
        <f t="shared" si="115"/>
        <v>1.1406897513020959</v>
      </c>
    </row>
    <row r="7388" spans="8:19" x14ac:dyDescent="0.3">
      <c r="H7388" s="44">
        <v>7381</v>
      </c>
      <c r="I7388" s="56">
        <f>Bühler!I7414</f>
        <v>0.26323609645432983</v>
      </c>
      <c r="J7388" s="59">
        <f>Bühler!J7414</f>
        <v>0.87745365484776616</v>
      </c>
      <c r="K7388" s="59">
        <f>Bühler!K7414</f>
        <v>1.3161804822716492</v>
      </c>
      <c r="L7388" s="59">
        <f>Bühler!L7414</f>
        <v>14.281649192532614</v>
      </c>
      <c r="M7388" s="58">
        <f>Bühler!M7414</f>
        <v>0</v>
      </c>
      <c r="N7388" s="56">
        <f>IF(Input!$D$19=1,J7388*Input!$C$19,0)+IF(Input!$D$20=1,K7388*Input!$C$20,0)+IF(Input!$D$21=1,L7388*Input!$C$21,0)+IF(Input!$D$22=1,M7388*Input!$C$22,0)</f>
        <v>0.26323609645432983</v>
      </c>
      <c r="O7388" s="59">
        <f>IF(Input!$D$19=2,J7388*Input!$C$19,0)+IF(Input!$D$20=2,K7388*Input!$C$20,0)+IF(Input!$D$21=2,L7388*Input!$C$21,0)+IF(Input!$D$22=2,M7388*Input!$C$22,0)</f>
        <v>0.65809024113582459</v>
      </c>
      <c r="P7388" s="59">
        <f>IF(Input!$D$19=3,J7388*Input!$C$19,0)+IF(Input!$D$20=3,K7388*Input!$C$20,0)+IF(Input!$D$21=3,L7388*Input!$C$21,0)+IF(Input!$D$22=3,M7388*Input!$C$22,0)</f>
        <v>0</v>
      </c>
      <c r="Q7388" s="75">
        <f>IF(Input!$D$19=4,J7388*Input!$C$19,0)+IF(Input!$D$20=4,K7388*Input!$C$20,0)+IF(Input!$D$21=4,L7388*Input!$C$21,0)+IF(Input!$D$22=4,M7388*Input!$C$22,0)</f>
        <v>0</v>
      </c>
      <c r="R7388" s="58">
        <v>36.976006048848376</v>
      </c>
      <c r="S7388" s="124">
        <f t="shared" si="115"/>
        <v>1.1406897513020959</v>
      </c>
    </row>
    <row r="7389" spans="8:19" x14ac:dyDescent="0.3">
      <c r="H7389" s="44">
        <v>7382</v>
      </c>
      <c r="I7389" s="56">
        <f>Bühler!I7415</f>
        <v>0.26323609645432983</v>
      </c>
      <c r="J7389" s="59">
        <f>Bühler!J7415</f>
        <v>0.87745365484776616</v>
      </c>
      <c r="K7389" s="59">
        <f>Bühler!K7415</f>
        <v>1.3161804822716492</v>
      </c>
      <c r="L7389" s="59">
        <f>Bühler!L7415</f>
        <v>14.281649192532614</v>
      </c>
      <c r="M7389" s="58">
        <f>Bühler!M7415</f>
        <v>0</v>
      </c>
      <c r="N7389" s="56">
        <f>IF(Input!$D$19=1,J7389*Input!$C$19,0)+IF(Input!$D$20=1,K7389*Input!$C$20,0)+IF(Input!$D$21=1,L7389*Input!$C$21,0)+IF(Input!$D$22=1,M7389*Input!$C$22,0)</f>
        <v>0.26323609645432983</v>
      </c>
      <c r="O7389" s="59">
        <f>IF(Input!$D$19=2,J7389*Input!$C$19,0)+IF(Input!$D$20=2,K7389*Input!$C$20,0)+IF(Input!$D$21=2,L7389*Input!$C$21,0)+IF(Input!$D$22=2,M7389*Input!$C$22,0)</f>
        <v>0.65809024113582459</v>
      </c>
      <c r="P7389" s="59">
        <f>IF(Input!$D$19=3,J7389*Input!$C$19,0)+IF(Input!$D$20=3,K7389*Input!$C$20,0)+IF(Input!$D$21=3,L7389*Input!$C$21,0)+IF(Input!$D$22=3,M7389*Input!$C$22,0)</f>
        <v>0</v>
      </c>
      <c r="Q7389" s="75">
        <f>IF(Input!$D$19=4,J7389*Input!$C$19,0)+IF(Input!$D$20=4,K7389*Input!$C$20,0)+IF(Input!$D$21=4,L7389*Input!$C$21,0)+IF(Input!$D$22=4,M7389*Input!$C$22,0)</f>
        <v>0</v>
      </c>
      <c r="R7389" s="58">
        <v>37.102218807125247</v>
      </c>
      <c r="S7389" s="124">
        <f t="shared" si="115"/>
        <v>1.1406897513020959</v>
      </c>
    </row>
    <row r="7390" spans="8:19" x14ac:dyDescent="0.3">
      <c r="H7390" s="44">
        <v>7383</v>
      </c>
      <c r="I7390" s="56">
        <f>Bühler!I7416</f>
        <v>0.26323609645432983</v>
      </c>
      <c r="J7390" s="59">
        <f>Bühler!J7416</f>
        <v>0.87745365484776616</v>
      </c>
      <c r="K7390" s="59">
        <f>Bühler!K7416</f>
        <v>1.3161804822716492</v>
      </c>
      <c r="L7390" s="59">
        <f>Bühler!L7416</f>
        <v>14.281649192532614</v>
      </c>
      <c r="M7390" s="58">
        <f>Bühler!M7416</f>
        <v>0</v>
      </c>
      <c r="N7390" s="56">
        <f>IF(Input!$D$19=1,J7390*Input!$C$19,0)+IF(Input!$D$20=1,K7390*Input!$C$20,0)+IF(Input!$D$21=1,L7390*Input!$C$21,0)+IF(Input!$D$22=1,M7390*Input!$C$22,0)</f>
        <v>0.26323609645432983</v>
      </c>
      <c r="O7390" s="59">
        <f>IF(Input!$D$19=2,J7390*Input!$C$19,0)+IF(Input!$D$20=2,K7390*Input!$C$20,0)+IF(Input!$D$21=2,L7390*Input!$C$21,0)+IF(Input!$D$22=2,M7390*Input!$C$22,0)</f>
        <v>0.65809024113582459</v>
      </c>
      <c r="P7390" s="59">
        <f>IF(Input!$D$19=3,J7390*Input!$C$19,0)+IF(Input!$D$20=3,K7390*Input!$C$20,0)+IF(Input!$D$21=3,L7390*Input!$C$21,0)+IF(Input!$D$22=3,M7390*Input!$C$22,0)</f>
        <v>0</v>
      </c>
      <c r="Q7390" s="75">
        <f>IF(Input!$D$19=4,J7390*Input!$C$19,0)+IF(Input!$D$20=4,K7390*Input!$C$20,0)+IF(Input!$D$21=4,L7390*Input!$C$21,0)+IF(Input!$D$22=4,M7390*Input!$C$22,0)</f>
        <v>0</v>
      </c>
      <c r="R7390" s="58">
        <v>37.276515162224676</v>
      </c>
      <c r="S7390" s="124">
        <f t="shared" si="115"/>
        <v>1.1406897513020959</v>
      </c>
    </row>
    <row r="7391" spans="8:19" x14ac:dyDescent="0.3">
      <c r="H7391" s="44">
        <v>7384</v>
      </c>
      <c r="I7391" s="56">
        <f>Bühler!I7417</f>
        <v>0.23398764129273764</v>
      </c>
      <c r="J7391" s="59">
        <f>Bühler!J7417</f>
        <v>0.77995880430912556</v>
      </c>
      <c r="K7391" s="59">
        <f>Bühler!K7417</f>
        <v>1.1699382064636883</v>
      </c>
      <c r="L7391" s="59">
        <f>Bühler!L7417</f>
        <v>12.694799282251212</v>
      </c>
      <c r="M7391" s="58">
        <f>Bühler!M7417</f>
        <v>0</v>
      </c>
      <c r="N7391" s="56">
        <f>IF(Input!$D$19=1,J7391*Input!$C$19,0)+IF(Input!$D$20=1,K7391*Input!$C$20,0)+IF(Input!$D$21=1,L7391*Input!$C$21,0)+IF(Input!$D$22=1,M7391*Input!$C$22,0)</f>
        <v>0.23398764129273766</v>
      </c>
      <c r="O7391" s="59">
        <f>IF(Input!$D$19=2,J7391*Input!$C$19,0)+IF(Input!$D$20=2,K7391*Input!$C$20,0)+IF(Input!$D$21=2,L7391*Input!$C$21,0)+IF(Input!$D$22=2,M7391*Input!$C$22,0)</f>
        <v>0.58496910323184415</v>
      </c>
      <c r="P7391" s="59">
        <f>IF(Input!$D$19=3,J7391*Input!$C$19,0)+IF(Input!$D$20=3,K7391*Input!$C$20,0)+IF(Input!$D$21=3,L7391*Input!$C$21,0)+IF(Input!$D$22=3,M7391*Input!$C$22,0)</f>
        <v>0</v>
      </c>
      <c r="Q7391" s="75">
        <f>IF(Input!$D$19=4,J7391*Input!$C$19,0)+IF(Input!$D$20=4,K7391*Input!$C$20,0)+IF(Input!$D$21=4,L7391*Input!$C$21,0)+IF(Input!$D$22=4,M7391*Input!$C$22,0)</f>
        <v>0</v>
      </c>
      <c r="R7391" s="58">
        <v>37.163801502575495</v>
      </c>
      <c r="S7391" s="124">
        <f t="shared" si="115"/>
        <v>1.0139464456018632</v>
      </c>
    </row>
    <row r="7392" spans="8:19" x14ac:dyDescent="0.3">
      <c r="H7392" s="44">
        <v>7385</v>
      </c>
      <c r="I7392" s="56">
        <f>Bühler!I7418</f>
        <v>0.22980929055536733</v>
      </c>
      <c r="J7392" s="59">
        <f>Bühler!J7418</f>
        <v>0.76603096851789121</v>
      </c>
      <c r="K7392" s="59">
        <f>Bühler!K7418</f>
        <v>1.1490464527768367</v>
      </c>
      <c r="L7392" s="59">
        <f>Bühler!L7418</f>
        <v>12.468106437925297</v>
      </c>
      <c r="M7392" s="58">
        <f>Bühler!M7418</f>
        <v>0</v>
      </c>
      <c r="N7392" s="56">
        <f>IF(Input!$D$19=1,J7392*Input!$C$19,0)+IF(Input!$D$20=1,K7392*Input!$C$20,0)+IF(Input!$D$21=1,L7392*Input!$C$21,0)+IF(Input!$D$22=1,M7392*Input!$C$22,0)</f>
        <v>0.22980929055536736</v>
      </c>
      <c r="O7392" s="59">
        <f>IF(Input!$D$19=2,J7392*Input!$C$19,0)+IF(Input!$D$20=2,K7392*Input!$C$20,0)+IF(Input!$D$21=2,L7392*Input!$C$21,0)+IF(Input!$D$22=2,M7392*Input!$C$22,0)</f>
        <v>0.57452322638841835</v>
      </c>
      <c r="P7392" s="59">
        <f>IF(Input!$D$19=3,J7392*Input!$C$19,0)+IF(Input!$D$20=3,K7392*Input!$C$20,0)+IF(Input!$D$21=3,L7392*Input!$C$21,0)+IF(Input!$D$22=3,M7392*Input!$C$22,0)</f>
        <v>0</v>
      </c>
      <c r="Q7392" s="75">
        <f>IF(Input!$D$19=4,J7392*Input!$C$19,0)+IF(Input!$D$20=4,K7392*Input!$C$20,0)+IF(Input!$D$21=4,L7392*Input!$C$21,0)+IF(Input!$D$22=4,M7392*Input!$C$22,0)</f>
        <v>0</v>
      </c>
      <c r="R7392" s="58">
        <v>36.713008823787611</v>
      </c>
      <c r="S7392" s="124">
        <f t="shared" si="115"/>
        <v>0.99584025907325857</v>
      </c>
    </row>
    <row r="7393" spans="8:19" x14ac:dyDescent="0.3">
      <c r="H7393" s="44">
        <v>7386</v>
      </c>
      <c r="I7393" s="56">
        <f>Bühler!I7419</f>
        <v>0.19638248465640479</v>
      </c>
      <c r="J7393" s="59">
        <f>Bühler!J7419</f>
        <v>0.65460828218801603</v>
      </c>
      <c r="K7393" s="59">
        <f>Bühler!K7419</f>
        <v>0.9819124232820241</v>
      </c>
      <c r="L7393" s="59">
        <f>Bühler!L7419</f>
        <v>10.65456368331798</v>
      </c>
      <c r="M7393" s="58">
        <f>Bühler!M7419</f>
        <v>0</v>
      </c>
      <c r="N7393" s="56">
        <f>IF(Input!$D$19=1,J7393*Input!$C$19,0)+IF(Input!$D$20=1,K7393*Input!$C$20,0)+IF(Input!$D$21=1,L7393*Input!$C$21,0)+IF(Input!$D$22=1,M7393*Input!$C$22,0)</f>
        <v>0.19638248465640482</v>
      </c>
      <c r="O7393" s="59">
        <f>IF(Input!$D$19=2,J7393*Input!$C$19,0)+IF(Input!$D$20=2,K7393*Input!$C$20,0)+IF(Input!$D$21=2,L7393*Input!$C$21,0)+IF(Input!$D$22=2,M7393*Input!$C$22,0)</f>
        <v>0.49095621164101205</v>
      </c>
      <c r="P7393" s="59">
        <f>IF(Input!$D$19=3,J7393*Input!$C$19,0)+IF(Input!$D$20=3,K7393*Input!$C$20,0)+IF(Input!$D$21=3,L7393*Input!$C$21,0)+IF(Input!$D$22=3,M7393*Input!$C$22,0)</f>
        <v>0</v>
      </c>
      <c r="Q7393" s="75">
        <f>IF(Input!$D$19=4,J7393*Input!$C$19,0)+IF(Input!$D$20=4,K7393*Input!$C$20,0)+IF(Input!$D$21=4,L7393*Input!$C$21,0)+IF(Input!$D$22=4,M7393*Input!$C$22,0)</f>
        <v>0</v>
      </c>
      <c r="R7393" s="58">
        <v>36.413172108691519</v>
      </c>
      <c r="S7393" s="124">
        <f t="shared" si="115"/>
        <v>0.85099076684442077</v>
      </c>
    </row>
    <row r="7394" spans="8:19" x14ac:dyDescent="0.3">
      <c r="H7394" s="44">
        <v>7387</v>
      </c>
      <c r="I7394" s="56">
        <f>Bühler!I7420</f>
        <v>0.18384743244429388</v>
      </c>
      <c r="J7394" s="59">
        <f>Bühler!J7420</f>
        <v>0.61282477481431297</v>
      </c>
      <c r="K7394" s="59">
        <f>Bühler!K7420</f>
        <v>0.91923716222146956</v>
      </c>
      <c r="L7394" s="59">
        <f>Bühler!L7420</f>
        <v>9.9744851503402394</v>
      </c>
      <c r="M7394" s="58">
        <f>Bühler!M7420</f>
        <v>0</v>
      </c>
      <c r="N7394" s="56">
        <f>IF(Input!$D$19=1,J7394*Input!$C$19,0)+IF(Input!$D$20=1,K7394*Input!$C$20,0)+IF(Input!$D$21=1,L7394*Input!$C$21,0)+IF(Input!$D$22=1,M7394*Input!$C$22,0)</f>
        <v>0.18384743244429388</v>
      </c>
      <c r="O7394" s="59">
        <f>IF(Input!$D$19=2,J7394*Input!$C$19,0)+IF(Input!$D$20=2,K7394*Input!$C$20,0)+IF(Input!$D$21=2,L7394*Input!$C$21,0)+IF(Input!$D$22=2,M7394*Input!$C$22,0)</f>
        <v>0.45961858111073478</v>
      </c>
      <c r="P7394" s="59">
        <f>IF(Input!$D$19=3,J7394*Input!$C$19,0)+IF(Input!$D$20=3,K7394*Input!$C$20,0)+IF(Input!$D$21=3,L7394*Input!$C$21,0)+IF(Input!$D$22=3,M7394*Input!$C$22,0)</f>
        <v>0</v>
      </c>
      <c r="Q7394" s="75">
        <f>IF(Input!$D$19=4,J7394*Input!$C$19,0)+IF(Input!$D$20=4,K7394*Input!$C$20,0)+IF(Input!$D$21=4,L7394*Input!$C$21,0)+IF(Input!$D$22=4,M7394*Input!$C$22,0)</f>
        <v>0</v>
      </c>
      <c r="R7394" s="58">
        <v>36.81752462604269</v>
      </c>
      <c r="S7394" s="124">
        <f t="shared" si="115"/>
        <v>0.79667220725860688</v>
      </c>
    </row>
    <row r="7395" spans="8:19" x14ac:dyDescent="0.3">
      <c r="H7395" s="44">
        <v>7388</v>
      </c>
      <c r="I7395" s="56">
        <f>Bühler!I7421</f>
        <v>0.15459897728270167</v>
      </c>
      <c r="J7395" s="59">
        <f>Bühler!J7421</f>
        <v>0.51532992427567237</v>
      </c>
      <c r="K7395" s="59">
        <f>Bühler!K7421</f>
        <v>0.77299488641350844</v>
      </c>
      <c r="L7395" s="59">
        <f>Bühler!L7421</f>
        <v>8.3876352400588381</v>
      </c>
      <c r="M7395" s="58">
        <f>Bühler!M7421</f>
        <v>0</v>
      </c>
      <c r="N7395" s="56">
        <f>IF(Input!$D$19=1,J7395*Input!$C$19,0)+IF(Input!$D$20=1,K7395*Input!$C$20,0)+IF(Input!$D$21=1,L7395*Input!$C$21,0)+IF(Input!$D$22=1,M7395*Input!$C$22,0)</f>
        <v>0.15459897728270169</v>
      </c>
      <c r="O7395" s="59">
        <f>IF(Input!$D$19=2,J7395*Input!$C$19,0)+IF(Input!$D$20=2,K7395*Input!$C$20,0)+IF(Input!$D$21=2,L7395*Input!$C$21,0)+IF(Input!$D$22=2,M7395*Input!$C$22,0)</f>
        <v>0.38649744320675422</v>
      </c>
      <c r="P7395" s="59">
        <f>IF(Input!$D$19=3,J7395*Input!$C$19,0)+IF(Input!$D$20=3,K7395*Input!$C$20,0)+IF(Input!$D$21=3,L7395*Input!$C$21,0)+IF(Input!$D$22=3,M7395*Input!$C$22,0)</f>
        <v>0</v>
      </c>
      <c r="Q7395" s="75">
        <f>IF(Input!$D$19=4,J7395*Input!$C$19,0)+IF(Input!$D$20=4,K7395*Input!$C$20,0)+IF(Input!$D$21=4,L7395*Input!$C$21,0)+IF(Input!$D$22=4,M7395*Input!$C$22,0)</f>
        <v>0</v>
      </c>
      <c r="R7395" s="58">
        <v>36.372057489913892</v>
      </c>
      <c r="S7395" s="124">
        <f t="shared" si="115"/>
        <v>0.66992890155837403</v>
      </c>
    </row>
    <row r="7396" spans="8:19" x14ac:dyDescent="0.3">
      <c r="H7396" s="44">
        <v>7389</v>
      </c>
      <c r="I7396" s="56">
        <f>Bühler!I7422</f>
        <v>0.12952887285847975</v>
      </c>
      <c r="J7396" s="59">
        <f>Bühler!J7422</f>
        <v>0.4317629095282659</v>
      </c>
      <c r="K7396" s="59">
        <f>Bühler!K7422</f>
        <v>0.64764436429239891</v>
      </c>
      <c r="L7396" s="59">
        <f>Bühler!L7422</f>
        <v>7.0274781741033499</v>
      </c>
      <c r="M7396" s="58">
        <f>Bühler!M7422</f>
        <v>0</v>
      </c>
      <c r="N7396" s="56">
        <f>IF(Input!$D$19=1,J7396*Input!$C$19,0)+IF(Input!$D$20=1,K7396*Input!$C$20,0)+IF(Input!$D$21=1,L7396*Input!$C$21,0)+IF(Input!$D$22=1,M7396*Input!$C$22,0)</f>
        <v>0.12952887285847978</v>
      </c>
      <c r="O7396" s="59">
        <f>IF(Input!$D$19=2,J7396*Input!$C$19,0)+IF(Input!$D$20=2,K7396*Input!$C$20,0)+IF(Input!$D$21=2,L7396*Input!$C$21,0)+IF(Input!$D$22=2,M7396*Input!$C$22,0)</f>
        <v>0.32382218214619946</v>
      </c>
      <c r="P7396" s="59">
        <f>IF(Input!$D$19=3,J7396*Input!$C$19,0)+IF(Input!$D$20=3,K7396*Input!$C$20,0)+IF(Input!$D$21=3,L7396*Input!$C$21,0)+IF(Input!$D$22=3,M7396*Input!$C$22,0)</f>
        <v>0</v>
      </c>
      <c r="Q7396" s="75">
        <f>IF(Input!$D$19=4,J7396*Input!$C$19,0)+IF(Input!$D$20=4,K7396*Input!$C$20,0)+IF(Input!$D$21=4,L7396*Input!$C$21,0)+IF(Input!$D$22=4,M7396*Input!$C$22,0)</f>
        <v>0</v>
      </c>
      <c r="R7396" s="58">
        <v>36.608536897471879</v>
      </c>
      <c r="S7396" s="124">
        <f t="shared" si="115"/>
        <v>0.5612917823867456</v>
      </c>
    </row>
    <row r="7397" spans="8:19" x14ac:dyDescent="0.3">
      <c r="H7397" s="44">
        <v>7390</v>
      </c>
      <c r="I7397" s="56">
        <f>Bühler!I7423</f>
        <v>0.11281546990899852</v>
      </c>
      <c r="J7397" s="59">
        <f>Bühler!J7423</f>
        <v>0.37605156636332843</v>
      </c>
      <c r="K7397" s="59">
        <f>Bühler!K7423</f>
        <v>0.56407734954499267</v>
      </c>
      <c r="L7397" s="59">
        <f>Bühler!L7423</f>
        <v>6.1207067967996922</v>
      </c>
      <c r="M7397" s="58">
        <f>Bühler!M7423</f>
        <v>0</v>
      </c>
      <c r="N7397" s="56">
        <f>IF(Input!$D$19=1,J7397*Input!$C$19,0)+IF(Input!$D$20=1,K7397*Input!$C$20,0)+IF(Input!$D$21=1,L7397*Input!$C$21,0)+IF(Input!$D$22=1,M7397*Input!$C$22,0)</f>
        <v>0.11281546990899852</v>
      </c>
      <c r="O7397" s="59">
        <f>IF(Input!$D$19=2,J7397*Input!$C$19,0)+IF(Input!$D$20=2,K7397*Input!$C$20,0)+IF(Input!$D$21=2,L7397*Input!$C$21,0)+IF(Input!$D$22=2,M7397*Input!$C$22,0)</f>
        <v>0.28203867477249633</v>
      </c>
      <c r="P7397" s="59">
        <f>IF(Input!$D$19=3,J7397*Input!$C$19,0)+IF(Input!$D$20=3,K7397*Input!$C$20,0)+IF(Input!$D$21=3,L7397*Input!$C$21,0)+IF(Input!$D$22=3,M7397*Input!$C$22,0)</f>
        <v>0</v>
      </c>
      <c r="Q7397" s="75">
        <f>IF(Input!$D$19=4,J7397*Input!$C$19,0)+IF(Input!$D$20=4,K7397*Input!$C$20,0)+IF(Input!$D$21=4,L7397*Input!$C$21,0)+IF(Input!$D$22=4,M7397*Input!$C$22,0)</f>
        <v>0</v>
      </c>
      <c r="R7397" s="58">
        <v>37.32108523188073</v>
      </c>
      <c r="S7397" s="124">
        <f t="shared" si="115"/>
        <v>0.48886703627232697</v>
      </c>
    </row>
    <row r="7398" spans="8:19" x14ac:dyDescent="0.3">
      <c r="H7398" s="44">
        <v>7391</v>
      </c>
      <c r="I7398" s="56">
        <f>Bühler!I7424</f>
        <v>0.11281546990899852</v>
      </c>
      <c r="J7398" s="59">
        <f>Bühler!J7424</f>
        <v>0.37605156636332843</v>
      </c>
      <c r="K7398" s="59">
        <f>Bühler!K7424</f>
        <v>0.56407734954499267</v>
      </c>
      <c r="L7398" s="59">
        <f>Bühler!L7424</f>
        <v>6.1207067967996922</v>
      </c>
      <c r="M7398" s="58">
        <f>Bühler!M7424</f>
        <v>0</v>
      </c>
      <c r="N7398" s="56">
        <f>IF(Input!$D$19=1,J7398*Input!$C$19,0)+IF(Input!$D$20=1,K7398*Input!$C$20,0)+IF(Input!$D$21=1,L7398*Input!$C$21,0)+IF(Input!$D$22=1,M7398*Input!$C$22,0)</f>
        <v>0.11281546990899852</v>
      </c>
      <c r="O7398" s="59">
        <f>IF(Input!$D$19=2,J7398*Input!$C$19,0)+IF(Input!$D$20=2,K7398*Input!$C$20,0)+IF(Input!$D$21=2,L7398*Input!$C$21,0)+IF(Input!$D$22=2,M7398*Input!$C$22,0)</f>
        <v>0.28203867477249633</v>
      </c>
      <c r="P7398" s="59">
        <f>IF(Input!$D$19=3,J7398*Input!$C$19,0)+IF(Input!$D$20=3,K7398*Input!$C$20,0)+IF(Input!$D$21=3,L7398*Input!$C$21,0)+IF(Input!$D$22=3,M7398*Input!$C$22,0)</f>
        <v>0</v>
      </c>
      <c r="Q7398" s="75">
        <f>IF(Input!$D$19=4,J7398*Input!$C$19,0)+IF(Input!$D$20=4,K7398*Input!$C$20,0)+IF(Input!$D$21=4,L7398*Input!$C$21,0)+IF(Input!$D$22=4,M7398*Input!$C$22,0)</f>
        <v>0</v>
      </c>
      <c r="R7398" s="58">
        <v>38.131940874092194</v>
      </c>
      <c r="S7398" s="124">
        <f t="shared" si="115"/>
        <v>0.48886703627232697</v>
      </c>
    </row>
    <row r="7399" spans="8:19" x14ac:dyDescent="0.3">
      <c r="H7399" s="44">
        <v>7392</v>
      </c>
      <c r="I7399" s="56">
        <f>Bühler!I7425</f>
        <v>0.11281546990899852</v>
      </c>
      <c r="J7399" s="59">
        <f>Bühler!J7425</f>
        <v>0.37605156636332843</v>
      </c>
      <c r="K7399" s="59">
        <f>Bühler!K7425</f>
        <v>0.56407734954499267</v>
      </c>
      <c r="L7399" s="59">
        <f>Bühler!L7425</f>
        <v>6.1207067967996922</v>
      </c>
      <c r="M7399" s="58">
        <f>Bühler!M7425</f>
        <v>0</v>
      </c>
      <c r="N7399" s="56">
        <f>IF(Input!$D$19=1,J7399*Input!$C$19,0)+IF(Input!$D$20=1,K7399*Input!$C$20,0)+IF(Input!$D$21=1,L7399*Input!$C$21,0)+IF(Input!$D$22=1,M7399*Input!$C$22,0)</f>
        <v>0.11281546990899852</v>
      </c>
      <c r="O7399" s="59">
        <f>IF(Input!$D$19=2,J7399*Input!$C$19,0)+IF(Input!$D$20=2,K7399*Input!$C$20,0)+IF(Input!$D$21=2,L7399*Input!$C$21,0)+IF(Input!$D$22=2,M7399*Input!$C$22,0)</f>
        <v>0.28203867477249633</v>
      </c>
      <c r="P7399" s="59">
        <f>IF(Input!$D$19=3,J7399*Input!$C$19,0)+IF(Input!$D$20=3,K7399*Input!$C$20,0)+IF(Input!$D$21=3,L7399*Input!$C$21,0)+IF(Input!$D$22=3,M7399*Input!$C$22,0)</f>
        <v>0</v>
      </c>
      <c r="Q7399" s="75">
        <f>IF(Input!$D$19=4,J7399*Input!$C$19,0)+IF(Input!$D$20=4,K7399*Input!$C$20,0)+IF(Input!$D$21=4,L7399*Input!$C$21,0)+IF(Input!$D$22=4,M7399*Input!$C$22,0)</f>
        <v>0</v>
      </c>
      <c r="R7399" s="58">
        <v>38.524443514255253</v>
      </c>
      <c r="S7399" s="124">
        <f t="shared" si="115"/>
        <v>0.48886703627232697</v>
      </c>
    </row>
    <row r="7400" spans="8:19" x14ac:dyDescent="0.3">
      <c r="H7400" s="44">
        <v>7393</v>
      </c>
      <c r="I7400" s="56">
        <f>Bühler!I7426</f>
        <v>7.6636275133329559E-2</v>
      </c>
      <c r="J7400" s="59">
        <f>Bühler!J7426</f>
        <v>0.25545425044443187</v>
      </c>
      <c r="K7400" s="59">
        <f>Bühler!K7426</f>
        <v>0.38318137566664784</v>
      </c>
      <c r="L7400" s="59">
        <f>Bühler!L7426</f>
        <v>1.8392706031999095</v>
      </c>
      <c r="M7400" s="58">
        <f>Bühler!M7426</f>
        <v>0</v>
      </c>
      <c r="N7400" s="56">
        <f>IF(Input!$D$19=1,J7400*Input!$C$19,0)+IF(Input!$D$20=1,K7400*Input!$C$20,0)+IF(Input!$D$21=1,L7400*Input!$C$21,0)+IF(Input!$D$22=1,M7400*Input!$C$22,0)</f>
        <v>7.6636275133329559E-2</v>
      </c>
      <c r="O7400" s="59">
        <f>IF(Input!$D$19=2,J7400*Input!$C$19,0)+IF(Input!$D$20=2,K7400*Input!$C$20,0)+IF(Input!$D$21=2,L7400*Input!$C$21,0)+IF(Input!$D$22=2,M7400*Input!$C$22,0)</f>
        <v>0.19159068783332392</v>
      </c>
      <c r="P7400" s="59">
        <f>IF(Input!$D$19=3,J7400*Input!$C$19,0)+IF(Input!$D$20=3,K7400*Input!$C$20,0)+IF(Input!$D$21=3,L7400*Input!$C$21,0)+IF(Input!$D$22=3,M7400*Input!$C$22,0)</f>
        <v>0</v>
      </c>
      <c r="Q7400" s="75">
        <f>IF(Input!$D$19=4,J7400*Input!$C$19,0)+IF(Input!$D$20=4,K7400*Input!$C$20,0)+IF(Input!$D$21=4,L7400*Input!$C$21,0)+IF(Input!$D$22=4,M7400*Input!$C$22,0)</f>
        <v>0</v>
      </c>
      <c r="R7400" s="58">
        <v>38.551244730706465</v>
      </c>
      <c r="S7400" s="124">
        <f t="shared" si="115"/>
        <v>0.33209052557776142</v>
      </c>
    </row>
    <row r="7401" spans="8:19" x14ac:dyDescent="0.3">
      <c r="H7401" s="44">
        <v>7394</v>
      </c>
      <c r="I7401" s="56">
        <f>Bühler!I7427</f>
        <v>7.6636275133329559E-2</v>
      </c>
      <c r="J7401" s="59">
        <f>Bühler!J7427</f>
        <v>0.25545425044443187</v>
      </c>
      <c r="K7401" s="59">
        <f>Bühler!K7427</f>
        <v>0.38318137566664784</v>
      </c>
      <c r="L7401" s="59">
        <f>Bühler!L7427</f>
        <v>1.8392706031999095</v>
      </c>
      <c r="M7401" s="58">
        <f>Bühler!M7427</f>
        <v>0</v>
      </c>
      <c r="N7401" s="56">
        <f>IF(Input!$D$19=1,J7401*Input!$C$19,0)+IF(Input!$D$20=1,K7401*Input!$C$20,0)+IF(Input!$D$21=1,L7401*Input!$C$21,0)+IF(Input!$D$22=1,M7401*Input!$C$22,0)</f>
        <v>7.6636275133329559E-2</v>
      </c>
      <c r="O7401" s="59">
        <f>IF(Input!$D$19=2,J7401*Input!$C$19,0)+IF(Input!$D$20=2,K7401*Input!$C$20,0)+IF(Input!$D$21=2,L7401*Input!$C$21,0)+IF(Input!$D$22=2,M7401*Input!$C$22,0)</f>
        <v>0.19159068783332392</v>
      </c>
      <c r="P7401" s="59">
        <f>IF(Input!$D$19=3,J7401*Input!$C$19,0)+IF(Input!$D$20=3,K7401*Input!$C$20,0)+IF(Input!$D$21=3,L7401*Input!$C$21,0)+IF(Input!$D$22=3,M7401*Input!$C$22,0)</f>
        <v>0</v>
      </c>
      <c r="Q7401" s="75">
        <f>IF(Input!$D$19=4,J7401*Input!$C$19,0)+IF(Input!$D$20=4,K7401*Input!$C$20,0)+IF(Input!$D$21=4,L7401*Input!$C$21,0)+IF(Input!$D$22=4,M7401*Input!$C$22,0)</f>
        <v>0</v>
      </c>
      <c r="R7401" s="58">
        <v>38.66028605072561</v>
      </c>
      <c r="S7401" s="124">
        <f t="shared" si="115"/>
        <v>0.33209052557776142</v>
      </c>
    </row>
    <row r="7402" spans="8:19" x14ac:dyDescent="0.3">
      <c r="H7402" s="44">
        <v>7395</v>
      </c>
      <c r="I7402" s="56">
        <f>Bühler!I7428</f>
        <v>7.6636275133329559E-2</v>
      </c>
      <c r="J7402" s="59">
        <f>Bühler!J7428</f>
        <v>0.25545425044443187</v>
      </c>
      <c r="K7402" s="59">
        <f>Bühler!K7428</f>
        <v>0.38318137566664784</v>
      </c>
      <c r="L7402" s="59">
        <f>Bühler!L7428</f>
        <v>1.8392706031999095</v>
      </c>
      <c r="M7402" s="58">
        <f>Bühler!M7428</f>
        <v>0</v>
      </c>
      <c r="N7402" s="56">
        <f>IF(Input!$D$19=1,J7402*Input!$C$19,0)+IF(Input!$D$20=1,K7402*Input!$C$20,0)+IF(Input!$D$21=1,L7402*Input!$C$21,0)+IF(Input!$D$22=1,M7402*Input!$C$22,0)</f>
        <v>7.6636275133329559E-2</v>
      </c>
      <c r="O7402" s="59">
        <f>IF(Input!$D$19=2,J7402*Input!$C$19,0)+IF(Input!$D$20=2,K7402*Input!$C$20,0)+IF(Input!$D$21=2,L7402*Input!$C$21,0)+IF(Input!$D$22=2,M7402*Input!$C$22,0)</f>
        <v>0.19159068783332392</v>
      </c>
      <c r="P7402" s="59">
        <f>IF(Input!$D$19=3,J7402*Input!$C$19,0)+IF(Input!$D$20=3,K7402*Input!$C$20,0)+IF(Input!$D$21=3,L7402*Input!$C$21,0)+IF(Input!$D$22=3,M7402*Input!$C$22,0)</f>
        <v>0</v>
      </c>
      <c r="Q7402" s="75">
        <f>IF(Input!$D$19=4,J7402*Input!$C$19,0)+IF(Input!$D$20=4,K7402*Input!$C$20,0)+IF(Input!$D$21=4,L7402*Input!$C$21,0)+IF(Input!$D$22=4,M7402*Input!$C$22,0)</f>
        <v>0</v>
      </c>
      <c r="R7402" s="58">
        <v>39.32523846437627</v>
      </c>
      <c r="S7402" s="124">
        <f t="shared" si="115"/>
        <v>0.33209052557776142</v>
      </c>
    </row>
    <row r="7403" spans="8:19" x14ac:dyDescent="0.3">
      <c r="H7403" s="44">
        <v>7396</v>
      </c>
      <c r="I7403" s="56">
        <f>Bühler!I7429</f>
        <v>7.6636275133329559E-2</v>
      </c>
      <c r="J7403" s="59">
        <f>Bühler!J7429</f>
        <v>0.25545425044443187</v>
      </c>
      <c r="K7403" s="59">
        <f>Bühler!K7429</f>
        <v>0.38318137566664784</v>
      </c>
      <c r="L7403" s="59">
        <f>Bühler!L7429</f>
        <v>1.8392706031999095</v>
      </c>
      <c r="M7403" s="58">
        <f>Bühler!M7429</f>
        <v>0</v>
      </c>
      <c r="N7403" s="56">
        <f>IF(Input!$D$19=1,J7403*Input!$C$19,0)+IF(Input!$D$20=1,K7403*Input!$C$20,0)+IF(Input!$D$21=1,L7403*Input!$C$21,0)+IF(Input!$D$22=1,M7403*Input!$C$22,0)</f>
        <v>7.6636275133329559E-2</v>
      </c>
      <c r="O7403" s="59">
        <f>IF(Input!$D$19=2,J7403*Input!$C$19,0)+IF(Input!$D$20=2,K7403*Input!$C$20,0)+IF(Input!$D$21=2,L7403*Input!$C$21,0)+IF(Input!$D$22=2,M7403*Input!$C$22,0)</f>
        <v>0.19159068783332392</v>
      </c>
      <c r="P7403" s="59">
        <f>IF(Input!$D$19=3,J7403*Input!$C$19,0)+IF(Input!$D$20=3,K7403*Input!$C$20,0)+IF(Input!$D$21=3,L7403*Input!$C$21,0)+IF(Input!$D$22=3,M7403*Input!$C$22,0)</f>
        <v>0</v>
      </c>
      <c r="Q7403" s="75">
        <f>IF(Input!$D$19=4,J7403*Input!$C$19,0)+IF(Input!$D$20=4,K7403*Input!$C$20,0)+IF(Input!$D$21=4,L7403*Input!$C$21,0)+IF(Input!$D$22=4,M7403*Input!$C$22,0)</f>
        <v>0</v>
      </c>
      <c r="R7403" s="58">
        <v>40.595761179549349</v>
      </c>
      <c r="S7403" s="124">
        <f t="shared" si="115"/>
        <v>0.33209052557776142</v>
      </c>
    </row>
    <row r="7404" spans="8:19" x14ac:dyDescent="0.3">
      <c r="H7404" s="44">
        <v>7397</v>
      </c>
      <c r="I7404" s="56">
        <f>Bühler!I7430</f>
        <v>7.6636275133329559E-2</v>
      </c>
      <c r="J7404" s="59">
        <f>Bühler!J7430</f>
        <v>0.25545425044443187</v>
      </c>
      <c r="K7404" s="59">
        <f>Bühler!K7430</f>
        <v>0.38318137566664784</v>
      </c>
      <c r="L7404" s="59">
        <f>Bühler!L7430</f>
        <v>1.8392706031999095</v>
      </c>
      <c r="M7404" s="58">
        <f>Bühler!M7430</f>
        <v>0</v>
      </c>
      <c r="N7404" s="56">
        <f>IF(Input!$D$19=1,J7404*Input!$C$19,0)+IF(Input!$D$20=1,K7404*Input!$C$20,0)+IF(Input!$D$21=1,L7404*Input!$C$21,0)+IF(Input!$D$22=1,M7404*Input!$C$22,0)</f>
        <v>7.6636275133329559E-2</v>
      </c>
      <c r="O7404" s="59">
        <f>IF(Input!$D$19=2,J7404*Input!$C$19,0)+IF(Input!$D$20=2,K7404*Input!$C$20,0)+IF(Input!$D$21=2,L7404*Input!$C$21,0)+IF(Input!$D$22=2,M7404*Input!$C$22,0)</f>
        <v>0.19159068783332392</v>
      </c>
      <c r="P7404" s="59">
        <f>IF(Input!$D$19=3,J7404*Input!$C$19,0)+IF(Input!$D$20=3,K7404*Input!$C$20,0)+IF(Input!$D$21=3,L7404*Input!$C$21,0)+IF(Input!$D$22=3,M7404*Input!$C$22,0)</f>
        <v>0</v>
      </c>
      <c r="Q7404" s="75">
        <f>IF(Input!$D$19=4,J7404*Input!$C$19,0)+IF(Input!$D$20=4,K7404*Input!$C$20,0)+IF(Input!$D$21=4,L7404*Input!$C$21,0)+IF(Input!$D$22=4,M7404*Input!$C$22,0)</f>
        <v>0</v>
      </c>
      <c r="R7404" s="58">
        <v>43.762588950311276</v>
      </c>
      <c r="S7404" s="124">
        <f t="shared" si="115"/>
        <v>0.33209052557776142</v>
      </c>
    </row>
    <row r="7405" spans="8:19" x14ac:dyDescent="0.3">
      <c r="H7405" s="44">
        <v>7398</v>
      </c>
      <c r="I7405" s="56">
        <f>Bühler!I7431</f>
        <v>0.33209052557776148</v>
      </c>
      <c r="J7405" s="59">
        <f>Bühler!J7431</f>
        <v>1.1069684185925384</v>
      </c>
      <c r="K7405" s="59">
        <f>Bühler!K7431</f>
        <v>1.6604526278888072</v>
      </c>
      <c r="L7405" s="59">
        <f>Bühler!L7431</f>
        <v>7.970172613866275</v>
      </c>
      <c r="M7405" s="58">
        <f>Bühler!M7431</f>
        <v>0</v>
      </c>
      <c r="N7405" s="56">
        <f>IF(Input!$D$19=1,J7405*Input!$C$19,0)+IF(Input!$D$20=1,K7405*Input!$C$20,0)+IF(Input!$D$21=1,L7405*Input!$C$21,0)+IF(Input!$D$22=1,M7405*Input!$C$22,0)</f>
        <v>0.33209052557776148</v>
      </c>
      <c r="O7405" s="59">
        <f>IF(Input!$D$19=2,J7405*Input!$C$19,0)+IF(Input!$D$20=2,K7405*Input!$C$20,0)+IF(Input!$D$21=2,L7405*Input!$C$21,0)+IF(Input!$D$22=2,M7405*Input!$C$22,0)</f>
        <v>0.8302263139444036</v>
      </c>
      <c r="P7405" s="59">
        <f>IF(Input!$D$19=3,J7405*Input!$C$19,0)+IF(Input!$D$20=3,K7405*Input!$C$20,0)+IF(Input!$D$21=3,L7405*Input!$C$21,0)+IF(Input!$D$22=3,M7405*Input!$C$22,0)</f>
        <v>0</v>
      </c>
      <c r="Q7405" s="75">
        <f>IF(Input!$D$19=4,J7405*Input!$C$19,0)+IF(Input!$D$20=4,K7405*Input!$C$20,0)+IF(Input!$D$21=4,L7405*Input!$C$21,0)+IF(Input!$D$22=4,M7405*Input!$C$22,0)</f>
        <v>0</v>
      </c>
      <c r="R7405" s="58">
        <v>49.718290226619615</v>
      </c>
      <c r="S7405" s="124">
        <f t="shared" si="115"/>
        <v>1.4390589441702999</v>
      </c>
    </row>
    <row r="7406" spans="8:19" x14ac:dyDescent="0.3">
      <c r="H7406" s="44">
        <v>7399</v>
      </c>
      <c r="I7406" s="56">
        <f>Bühler!I7432</f>
        <v>0.376795019405537</v>
      </c>
      <c r="J7406" s="59">
        <f>Bühler!J7432</f>
        <v>1.2559833980184569</v>
      </c>
      <c r="K7406" s="59">
        <f>Bühler!K7432</f>
        <v>1.883975097027685</v>
      </c>
      <c r="L7406" s="59">
        <f>Bühler!L7432</f>
        <v>9.0430804657328885</v>
      </c>
      <c r="M7406" s="58">
        <f>Bühler!M7432</f>
        <v>0</v>
      </c>
      <c r="N7406" s="56">
        <f>IF(Input!$D$19=1,J7406*Input!$C$19,0)+IF(Input!$D$20=1,K7406*Input!$C$20,0)+IF(Input!$D$21=1,L7406*Input!$C$21,0)+IF(Input!$D$22=1,M7406*Input!$C$22,0)</f>
        <v>0.37679501940553706</v>
      </c>
      <c r="O7406" s="59">
        <f>IF(Input!$D$19=2,J7406*Input!$C$19,0)+IF(Input!$D$20=2,K7406*Input!$C$20,0)+IF(Input!$D$21=2,L7406*Input!$C$21,0)+IF(Input!$D$22=2,M7406*Input!$C$22,0)</f>
        <v>0.94198754851384248</v>
      </c>
      <c r="P7406" s="59">
        <f>IF(Input!$D$19=3,J7406*Input!$C$19,0)+IF(Input!$D$20=3,K7406*Input!$C$20,0)+IF(Input!$D$21=3,L7406*Input!$C$21,0)+IF(Input!$D$22=3,M7406*Input!$C$22,0)</f>
        <v>0</v>
      </c>
      <c r="Q7406" s="75">
        <f>IF(Input!$D$19=4,J7406*Input!$C$19,0)+IF(Input!$D$20=4,K7406*Input!$C$20,0)+IF(Input!$D$21=4,L7406*Input!$C$21,0)+IF(Input!$D$22=4,M7406*Input!$C$22,0)</f>
        <v>0</v>
      </c>
      <c r="R7406" s="58">
        <v>55.215295212093345</v>
      </c>
      <c r="S7406" s="124">
        <f t="shared" si="115"/>
        <v>1.6327784174239939</v>
      </c>
    </row>
    <row r="7407" spans="8:19" x14ac:dyDescent="0.3">
      <c r="H7407" s="44">
        <v>7400</v>
      </c>
      <c r="I7407" s="56">
        <f>Bühler!I7433</f>
        <v>0.376795019405537</v>
      </c>
      <c r="J7407" s="59">
        <f>Bühler!J7433</f>
        <v>1.2559833980184569</v>
      </c>
      <c r="K7407" s="59">
        <f>Bühler!K7433</f>
        <v>1.883975097027685</v>
      </c>
      <c r="L7407" s="59">
        <f>Bühler!L7433</f>
        <v>9.0430804657328885</v>
      </c>
      <c r="M7407" s="58">
        <f>Bühler!M7433</f>
        <v>0</v>
      </c>
      <c r="N7407" s="56">
        <f>IF(Input!$D$19=1,J7407*Input!$C$19,0)+IF(Input!$D$20=1,K7407*Input!$C$20,0)+IF(Input!$D$21=1,L7407*Input!$C$21,0)+IF(Input!$D$22=1,M7407*Input!$C$22,0)</f>
        <v>0.37679501940553706</v>
      </c>
      <c r="O7407" s="59">
        <f>IF(Input!$D$19=2,J7407*Input!$C$19,0)+IF(Input!$D$20=2,K7407*Input!$C$20,0)+IF(Input!$D$21=2,L7407*Input!$C$21,0)+IF(Input!$D$22=2,M7407*Input!$C$22,0)</f>
        <v>0.94198754851384248</v>
      </c>
      <c r="P7407" s="59">
        <f>IF(Input!$D$19=3,J7407*Input!$C$19,0)+IF(Input!$D$20=3,K7407*Input!$C$20,0)+IF(Input!$D$21=3,L7407*Input!$C$21,0)+IF(Input!$D$22=3,M7407*Input!$C$22,0)</f>
        <v>0</v>
      </c>
      <c r="Q7407" s="75">
        <f>IF(Input!$D$19=4,J7407*Input!$C$19,0)+IF(Input!$D$20=4,K7407*Input!$C$20,0)+IF(Input!$D$21=4,L7407*Input!$C$21,0)+IF(Input!$D$22=4,M7407*Input!$C$22,0)</f>
        <v>0</v>
      </c>
      <c r="R7407" s="58">
        <v>58.34976778249974</v>
      </c>
      <c r="S7407" s="124">
        <f t="shared" si="115"/>
        <v>1.6327784174239939</v>
      </c>
    </row>
    <row r="7408" spans="8:19" x14ac:dyDescent="0.3">
      <c r="H7408" s="44">
        <v>7401</v>
      </c>
      <c r="I7408" s="56">
        <f>Bühler!I7434</f>
        <v>0.376795019405537</v>
      </c>
      <c r="J7408" s="59">
        <f>Bühler!J7434</f>
        <v>1.2559833980184569</v>
      </c>
      <c r="K7408" s="59">
        <f>Bühler!K7434</f>
        <v>1.883975097027685</v>
      </c>
      <c r="L7408" s="59">
        <f>Bühler!L7434</f>
        <v>9.0430804657328885</v>
      </c>
      <c r="M7408" s="58">
        <f>Bühler!M7434</f>
        <v>0</v>
      </c>
      <c r="N7408" s="56">
        <f>IF(Input!$D$19=1,J7408*Input!$C$19,0)+IF(Input!$D$20=1,K7408*Input!$C$20,0)+IF(Input!$D$21=1,L7408*Input!$C$21,0)+IF(Input!$D$22=1,M7408*Input!$C$22,0)</f>
        <v>0.37679501940553706</v>
      </c>
      <c r="O7408" s="59">
        <f>IF(Input!$D$19=2,J7408*Input!$C$19,0)+IF(Input!$D$20=2,K7408*Input!$C$20,0)+IF(Input!$D$21=2,L7408*Input!$C$21,0)+IF(Input!$D$22=2,M7408*Input!$C$22,0)</f>
        <v>0.94198754851384248</v>
      </c>
      <c r="P7408" s="59">
        <f>IF(Input!$D$19=3,J7408*Input!$C$19,0)+IF(Input!$D$20=3,K7408*Input!$C$20,0)+IF(Input!$D$21=3,L7408*Input!$C$21,0)+IF(Input!$D$22=3,M7408*Input!$C$22,0)</f>
        <v>0</v>
      </c>
      <c r="Q7408" s="75">
        <f>IF(Input!$D$19=4,J7408*Input!$C$19,0)+IF(Input!$D$20=4,K7408*Input!$C$20,0)+IF(Input!$D$21=4,L7408*Input!$C$21,0)+IF(Input!$D$22=4,M7408*Input!$C$22,0)</f>
        <v>0</v>
      </c>
      <c r="R7408" s="58">
        <v>60.161247153070121</v>
      </c>
      <c r="S7408" s="124">
        <f t="shared" si="115"/>
        <v>1.6327784174239939</v>
      </c>
    </row>
    <row r="7409" spans="8:19" x14ac:dyDescent="0.3">
      <c r="H7409" s="44">
        <v>7402</v>
      </c>
      <c r="I7409" s="56">
        <f>Bühler!I7435</f>
        <v>0.40234044444998024</v>
      </c>
      <c r="J7409" s="59">
        <f>Bühler!J7435</f>
        <v>1.3411348148332676</v>
      </c>
      <c r="K7409" s="59">
        <f>Bühler!K7435</f>
        <v>2.0117022222499013</v>
      </c>
      <c r="L7409" s="59">
        <f>Bühler!L7435</f>
        <v>9.6561706667995253</v>
      </c>
      <c r="M7409" s="58">
        <f>Bühler!M7435</f>
        <v>0</v>
      </c>
      <c r="N7409" s="56">
        <f>IF(Input!$D$19=1,J7409*Input!$C$19,0)+IF(Input!$D$20=1,K7409*Input!$C$20,0)+IF(Input!$D$21=1,L7409*Input!$C$21,0)+IF(Input!$D$22=1,M7409*Input!$C$22,0)</f>
        <v>0.40234044444998024</v>
      </c>
      <c r="O7409" s="59">
        <f>IF(Input!$D$19=2,J7409*Input!$C$19,0)+IF(Input!$D$20=2,K7409*Input!$C$20,0)+IF(Input!$D$21=2,L7409*Input!$C$21,0)+IF(Input!$D$22=2,M7409*Input!$C$22,0)</f>
        <v>1.0058511111249506</v>
      </c>
      <c r="P7409" s="59">
        <f>IF(Input!$D$19=3,J7409*Input!$C$19,0)+IF(Input!$D$20=3,K7409*Input!$C$20,0)+IF(Input!$D$21=3,L7409*Input!$C$21,0)+IF(Input!$D$22=3,M7409*Input!$C$22,0)</f>
        <v>0</v>
      </c>
      <c r="Q7409" s="75">
        <f>IF(Input!$D$19=4,J7409*Input!$C$19,0)+IF(Input!$D$20=4,K7409*Input!$C$20,0)+IF(Input!$D$21=4,L7409*Input!$C$21,0)+IF(Input!$D$22=4,M7409*Input!$C$22,0)</f>
        <v>0</v>
      </c>
      <c r="R7409" s="58">
        <v>61.095148816952374</v>
      </c>
      <c r="S7409" s="124">
        <f t="shared" si="115"/>
        <v>1.7434752592832479</v>
      </c>
    </row>
    <row r="7410" spans="8:19" x14ac:dyDescent="0.3">
      <c r="H7410" s="44">
        <v>7403</v>
      </c>
      <c r="I7410" s="56">
        <f>Bühler!I7436</f>
        <v>0.40234044444998024</v>
      </c>
      <c r="J7410" s="59">
        <f>Bühler!J7436</f>
        <v>1.3411348148332676</v>
      </c>
      <c r="K7410" s="59">
        <f>Bühler!K7436</f>
        <v>2.0117022222499013</v>
      </c>
      <c r="L7410" s="59">
        <f>Bühler!L7436</f>
        <v>9.6561706667995253</v>
      </c>
      <c r="M7410" s="58">
        <f>Bühler!M7436</f>
        <v>0</v>
      </c>
      <c r="N7410" s="56">
        <f>IF(Input!$D$19=1,J7410*Input!$C$19,0)+IF(Input!$D$20=1,K7410*Input!$C$20,0)+IF(Input!$D$21=1,L7410*Input!$C$21,0)+IF(Input!$D$22=1,M7410*Input!$C$22,0)</f>
        <v>0.40234044444998024</v>
      </c>
      <c r="O7410" s="59">
        <f>IF(Input!$D$19=2,J7410*Input!$C$19,0)+IF(Input!$D$20=2,K7410*Input!$C$20,0)+IF(Input!$D$21=2,L7410*Input!$C$21,0)+IF(Input!$D$22=2,M7410*Input!$C$22,0)</f>
        <v>1.0058511111249506</v>
      </c>
      <c r="P7410" s="59">
        <f>IF(Input!$D$19=3,J7410*Input!$C$19,0)+IF(Input!$D$20=3,K7410*Input!$C$20,0)+IF(Input!$D$21=3,L7410*Input!$C$21,0)+IF(Input!$D$22=3,M7410*Input!$C$22,0)</f>
        <v>0</v>
      </c>
      <c r="Q7410" s="75">
        <f>IF(Input!$D$19=4,J7410*Input!$C$19,0)+IF(Input!$D$20=4,K7410*Input!$C$20,0)+IF(Input!$D$21=4,L7410*Input!$C$21,0)+IF(Input!$D$22=4,M7410*Input!$C$22,0)</f>
        <v>0</v>
      </c>
      <c r="R7410" s="58">
        <v>62.920266582941352</v>
      </c>
      <c r="S7410" s="124">
        <f t="shared" si="115"/>
        <v>1.7434752592832479</v>
      </c>
    </row>
    <row r="7411" spans="8:19" x14ac:dyDescent="0.3">
      <c r="H7411" s="44">
        <v>7404</v>
      </c>
      <c r="I7411" s="56">
        <f>Bühler!I7437</f>
        <v>0.51090850088886375</v>
      </c>
      <c r="J7411" s="59">
        <f>Bühler!J7437</f>
        <v>1.7030283362962129</v>
      </c>
      <c r="K7411" s="59">
        <f>Bühler!K7437</f>
        <v>2.5545425044443189</v>
      </c>
      <c r="L7411" s="59">
        <f>Bühler!L7437</f>
        <v>12.261804021332731</v>
      </c>
      <c r="M7411" s="58">
        <f>Bühler!M7437</f>
        <v>0</v>
      </c>
      <c r="N7411" s="56">
        <f>IF(Input!$D$19=1,J7411*Input!$C$19,0)+IF(Input!$D$20=1,K7411*Input!$C$20,0)+IF(Input!$D$21=1,L7411*Input!$C$21,0)+IF(Input!$D$22=1,M7411*Input!$C$22,0)</f>
        <v>0.51090850088886386</v>
      </c>
      <c r="O7411" s="59">
        <f>IF(Input!$D$19=2,J7411*Input!$C$19,0)+IF(Input!$D$20=2,K7411*Input!$C$20,0)+IF(Input!$D$21=2,L7411*Input!$C$21,0)+IF(Input!$D$22=2,M7411*Input!$C$22,0)</f>
        <v>1.2772712522221594</v>
      </c>
      <c r="P7411" s="59">
        <f>IF(Input!$D$19=3,J7411*Input!$C$19,0)+IF(Input!$D$20=3,K7411*Input!$C$20,0)+IF(Input!$D$21=3,L7411*Input!$C$21,0)+IF(Input!$D$22=3,M7411*Input!$C$22,0)</f>
        <v>0</v>
      </c>
      <c r="Q7411" s="75">
        <f>IF(Input!$D$19=4,J7411*Input!$C$19,0)+IF(Input!$D$20=4,K7411*Input!$C$20,0)+IF(Input!$D$21=4,L7411*Input!$C$21,0)+IF(Input!$D$22=4,M7411*Input!$C$22,0)</f>
        <v>0</v>
      </c>
      <c r="R7411" s="58">
        <v>63.840390456545393</v>
      </c>
      <c r="S7411" s="124">
        <f t="shared" si="115"/>
        <v>2.2139368371850767</v>
      </c>
    </row>
    <row r="7412" spans="8:19" x14ac:dyDescent="0.3">
      <c r="H7412" s="44">
        <v>7405</v>
      </c>
      <c r="I7412" s="56">
        <f>Bühler!I7438</f>
        <v>0.51090850088886375</v>
      </c>
      <c r="J7412" s="59">
        <f>Bühler!J7438</f>
        <v>1.7030283362962129</v>
      </c>
      <c r="K7412" s="59">
        <f>Bühler!K7438</f>
        <v>2.5545425044443189</v>
      </c>
      <c r="L7412" s="59">
        <f>Bühler!L7438</f>
        <v>12.261804021332731</v>
      </c>
      <c r="M7412" s="58">
        <f>Bühler!M7438</f>
        <v>0</v>
      </c>
      <c r="N7412" s="56">
        <f>IF(Input!$D$19=1,J7412*Input!$C$19,0)+IF(Input!$D$20=1,K7412*Input!$C$20,0)+IF(Input!$D$21=1,L7412*Input!$C$21,0)+IF(Input!$D$22=1,M7412*Input!$C$22,0)</f>
        <v>0.51090850088886386</v>
      </c>
      <c r="O7412" s="59">
        <f>IF(Input!$D$19=2,J7412*Input!$C$19,0)+IF(Input!$D$20=2,K7412*Input!$C$20,0)+IF(Input!$D$21=2,L7412*Input!$C$21,0)+IF(Input!$D$22=2,M7412*Input!$C$22,0)</f>
        <v>1.2772712522221594</v>
      </c>
      <c r="P7412" s="59">
        <f>IF(Input!$D$19=3,J7412*Input!$C$19,0)+IF(Input!$D$20=3,K7412*Input!$C$20,0)+IF(Input!$D$21=3,L7412*Input!$C$21,0)+IF(Input!$D$22=3,M7412*Input!$C$22,0)</f>
        <v>0</v>
      </c>
      <c r="Q7412" s="75">
        <f>IF(Input!$D$19=4,J7412*Input!$C$19,0)+IF(Input!$D$20=4,K7412*Input!$C$20,0)+IF(Input!$D$21=4,L7412*Input!$C$21,0)+IF(Input!$D$22=4,M7412*Input!$C$22,0)</f>
        <v>0</v>
      </c>
      <c r="R7412" s="58">
        <v>63.114934063990042</v>
      </c>
      <c r="S7412" s="124">
        <f t="shared" si="115"/>
        <v>2.2139368371850767</v>
      </c>
    </row>
    <row r="7413" spans="8:19" x14ac:dyDescent="0.3">
      <c r="H7413" s="44">
        <v>7406</v>
      </c>
      <c r="I7413" s="56">
        <f>Bühler!I7439</f>
        <v>0.33847688183887226</v>
      </c>
      <c r="J7413" s="59">
        <f>Bühler!J7439</f>
        <v>1.1282562727962409</v>
      </c>
      <c r="K7413" s="59">
        <f>Bühler!K7439</f>
        <v>1.6923844091943614</v>
      </c>
      <c r="L7413" s="59">
        <f>Bühler!L7439</f>
        <v>8.123445164132935</v>
      </c>
      <c r="M7413" s="58">
        <f>Bühler!M7439</f>
        <v>0</v>
      </c>
      <c r="N7413" s="56">
        <f>IF(Input!$D$19=1,J7413*Input!$C$19,0)+IF(Input!$D$20=1,K7413*Input!$C$20,0)+IF(Input!$D$21=1,L7413*Input!$C$21,0)+IF(Input!$D$22=1,M7413*Input!$C$22,0)</f>
        <v>0.33847688183887226</v>
      </c>
      <c r="O7413" s="59">
        <f>IF(Input!$D$19=2,J7413*Input!$C$19,0)+IF(Input!$D$20=2,K7413*Input!$C$20,0)+IF(Input!$D$21=2,L7413*Input!$C$21,0)+IF(Input!$D$22=2,M7413*Input!$C$22,0)</f>
        <v>0.8461922045971807</v>
      </c>
      <c r="P7413" s="59">
        <f>IF(Input!$D$19=3,J7413*Input!$C$19,0)+IF(Input!$D$20=3,K7413*Input!$C$20,0)+IF(Input!$D$21=3,L7413*Input!$C$21,0)+IF(Input!$D$22=3,M7413*Input!$C$22,0)</f>
        <v>0</v>
      </c>
      <c r="Q7413" s="75">
        <f>IF(Input!$D$19=4,J7413*Input!$C$19,0)+IF(Input!$D$20=4,K7413*Input!$C$20,0)+IF(Input!$D$21=4,L7413*Input!$C$21,0)+IF(Input!$D$22=4,M7413*Input!$C$22,0)</f>
        <v>0</v>
      </c>
      <c r="R7413" s="58">
        <v>63.124062809161309</v>
      </c>
      <c r="S7413" s="124">
        <f t="shared" si="115"/>
        <v>1.4667331546351132</v>
      </c>
    </row>
    <row r="7414" spans="8:19" x14ac:dyDescent="0.3">
      <c r="H7414" s="44">
        <v>7407</v>
      </c>
      <c r="I7414" s="56">
        <f>Bühler!I7440</f>
        <v>0.51090850088886375</v>
      </c>
      <c r="J7414" s="59">
        <f>Bühler!J7440</f>
        <v>1.7030283362962129</v>
      </c>
      <c r="K7414" s="59">
        <f>Bühler!K7440</f>
        <v>2.5545425044443189</v>
      </c>
      <c r="L7414" s="59">
        <f>Bühler!L7440</f>
        <v>12.261804021332731</v>
      </c>
      <c r="M7414" s="58">
        <f>Bühler!M7440</f>
        <v>0</v>
      </c>
      <c r="N7414" s="56">
        <f>IF(Input!$D$19=1,J7414*Input!$C$19,0)+IF(Input!$D$20=1,K7414*Input!$C$20,0)+IF(Input!$D$21=1,L7414*Input!$C$21,0)+IF(Input!$D$22=1,M7414*Input!$C$22,0)</f>
        <v>0.51090850088886386</v>
      </c>
      <c r="O7414" s="59">
        <f>IF(Input!$D$19=2,J7414*Input!$C$19,0)+IF(Input!$D$20=2,K7414*Input!$C$20,0)+IF(Input!$D$21=2,L7414*Input!$C$21,0)+IF(Input!$D$22=2,M7414*Input!$C$22,0)</f>
        <v>1.2772712522221594</v>
      </c>
      <c r="P7414" s="59">
        <f>IF(Input!$D$19=3,J7414*Input!$C$19,0)+IF(Input!$D$20=3,K7414*Input!$C$20,0)+IF(Input!$D$21=3,L7414*Input!$C$21,0)+IF(Input!$D$22=3,M7414*Input!$C$22,0)</f>
        <v>0</v>
      </c>
      <c r="Q7414" s="75">
        <f>IF(Input!$D$19=4,J7414*Input!$C$19,0)+IF(Input!$D$20=4,K7414*Input!$C$20,0)+IF(Input!$D$21=4,L7414*Input!$C$21,0)+IF(Input!$D$22=4,M7414*Input!$C$22,0)</f>
        <v>0</v>
      </c>
      <c r="R7414" s="58">
        <v>63.653809779887418</v>
      </c>
      <c r="S7414" s="124">
        <f t="shared" si="115"/>
        <v>2.2139368371850767</v>
      </c>
    </row>
    <row r="7415" spans="8:19" x14ac:dyDescent="0.3">
      <c r="H7415" s="44">
        <v>7408</v>
      </c>
      <c r="I7415" s="56">
        <f>Bühler!I7441</f>
        <v>0.51090850088886375</v>
      </c>
      <c r="J7415" s="59">
        <f>Bühler!J7441</f>
        <v>1.7030283362962129</v>
      </c>
      <c r="K7415" s="59">
        <f>Bühler!K7441</f>
        <v>2.5545425044443189</v>
      </c>
      <c r="L7415" s="59">
        <f>Bühler!L7441</f>
        <v>12.261804021332731</v>
      </c>
      <c r="M7415" s="58">
        <f>Bühler!M7441</f>
        <v>0</v>
      </c>
      <c r="N7415" s="56">
        <f>IF(Input!$D$19=1,J7415*Input!$C$19,0)+IF(Input!$D$20=1,K7415*Input!$C$20,0)+IF(Input!$D$21=1,L7415*Input!$C$21,0)+IF(Input!$D$22=1,M7415*Input!$C$22,0)</f>
        <v>0.51090850088886386</v>
      </c>
      <c r="O7415" s="59">
        <f>IF(Input!$D$19=2,J7415*Input!$C$19,0)+IF(Input!$D$20=2,K7415*Input!$C$20,0)+IF(Input!$D$21=2,L7415*Input!$C$21,0)+IF(Input!$D$22=2,M7415*Input!$C$22,0)</f>
        <v>1.2772712522221594</v>
      </c>
      <c r="P7415" s="59">
        <f>IF(Input!$D$19=3,J7415*Input!$C$19,0)+IF(Input!$D$20=3,K7415*Input!$C$20,0)+IF(Input!$D$21=3,L7415*Input!$C$21,0)+IF(Input!$D$22=3,M7415*Input!$C$22,0)</f>
        <v>0</v>
      </c>
      <c r="Q7415" s="75">
        <f>IF(Input!$D$19=4,J7415*Input!$C$19,0)+IF(Input!$D$20=4,K7415*Input!$C$20,0)+IF(Input!$D$21=4,L7415*Input!$C$21,0)+IF(Input!$D$22=4,M7415*Input!$C$22,0)</f>
        <v>0</v>
      </c>
      <c r="R7415" s="58">
        <v>62.74269459574397</v>
      </c>
      <c r="S7415" s="124">
        <f t="shared" si="115"/>
        <v>2.2139368371850767</v>
      </c>
    </row>
    <row r="7416" spans="8:19" x14ac:dyDescent="0.3">
      <c r="H7416" s="44">
        <v>7409</v>
      </c>
      <c r="I7416" s="56">
        <f>Bühler!I7442</f>
        <v>0.51090850088886375</v>
      </c>
      <c r="J7416" s="59">
        <f>Bühler!J7442</f>
        <v>1.7030283362962129</v>
      </c>
      <c r="K7416" s="59">
        <f>Bühler!K7442</f>
        <v>2.5545425044443189</v>
      </c>
      <c r="L7416" s="59">
        <f>Bühler!L7442</f>
        <v>12.261804021332731</v>
      </c>
      <c r="M7416" s="58">
        <f>Bühler!M7442</f>
        <v>0</v>
      </c>
      <c r="N7416" s="56">
        <f>IF(Input!$D$19=1,J7416*Input!$C$19,0)+IF(Input!$D$20=1,K7416*Input!$C$20,0)+IF(Input!$D$21=1,L7416*Input!$C$21,0)+IF(Input!$D$22=1,M7416*Input!$C$22,0)</f>
        <v>0.51090850088886386</v>
      </c>
      <c r="O7416" s="59">
        <f>IF(Input!$D$19=2,J7416*Input!$C$19,0)+IF(Input!$D$20=2,K7416*Input!$C$20,0)+IF(Input!$D$21=2,L7416*Input!$C$21,0)+IF(Input!$D$22=2,M7416*Input!$C$22,0)</f>
        <v>1.2772712522221594</v>
      </c>
      <c r="P7416" s="59">
        <f>IF(Input!$D$19=3,J7416*Input!$C$19,0)+IF(Input!$D$20=3,K7416*Input!$C$20,0)+IF(Input!$D$21=3,L7416*Input!$C$21,0)+IF(Input!$D$22=3,M7416*Input!$C$22,0)</f>
        <v>0</v>
      </c>
      <c r="Q7416" s="75">
        <f>IF(Input!$D$19=4,J7416*Input!$C$19,0)+IF(Input!$D$20=4,K7416*Input!$C$20,0)+IF(Input!$D$21=4,L7416*Input!$C$21,0)+IF(Input!$D$22=4,M7416*Input!$C$22,0)</f>
        <v>0</v>
      </c>
      <c r="R7416" s="58">
        <v>61.540468281222708</v>
      </c>
      <c r="S7416" s="124">
        <f t="shared" si="115"/>
        <v>2.2139368371850767</v>
      </c>
    </row>
    <row r="7417" spans="8:19" x14ac:dyDescent="0.3">
      <c r="H7417" s="44">
        <v>7410</v>
      </c>
      <c r="I7417" s="56">
        <f>Bühler!I7443</f>
        <v>0.51090850088886375</v>
      </c>
      <c r="J7417" s="59">
        <f>Bühler!J7443</f>
        <v>1.7030283362962129</v>
      </c>
      <c r="K7417" s="59">
        <f>Bühler!K7443</f>
        <v>2.5545425044443189</v>
      </c>
      <c r="L7417" s="59">
        <f>Bühler!L7443</f>
        <v>12.261804021332731</v>
      </c>
      <c r="M7417" s="58">
        <f>Bühler!M7443</f>
        <v>0</v>
      </c>
      <c r="N7417" s="56">
        <f>IF(Input!$D$19=1,J7417*Input!$C$19,0)+IF(Input!$D$20=1,K7417*Input!$C$20,0)+IF(Input!$D$21=1,L7417*Input!$C$21,0)+IF(Input!$D$22=1,M7417*Input!$C$22,0)</f>
        <v>0.51090850088886386</v>
      </c>
      <c r="O7417" s="59">
        <f>IF(Input!$D$19=2,J7417*Input!$C$19,0)+IF(Input!$D$20=2,K7417*Input!$C$20,0)+IF(Input!$D$21=2,L7417*Input!$C$21,0)+IF(Input!$D$22=2,M7417*Input!$C$22,0)</f>
        <v>1.2772712522221594</v>
      </c>
      <c r="P7417" s="59">
        <f>IF(Input!$D$19=3,J7417*Input!$C$19,0)+IF(Input!$D$20=3,K7417*Input!$C$20,0)+IF(Input!$D$21=3,L7417*Input!$C$21,0)+IF(Input!$D$22=3,M7417*Input!$C$22,0)</f>
        <v>0</v>
      </c>
      <c r="Q7417" s="75">
        <f>IF(Input!$D$19=4,J7417*Input!$C$19,0)+IF(Input!$D$20=4,K7417*Input!$C$20,0)+IF(Input!$D$21=4,L7417*Input!$C$21,0)+IF(Input!$D$22=4,M7417*Input!$C$22,0)</f>
        <v>0</v>
      </c>
      <c r="R7417" s="58">
        <v>60.542698862184281</v>
      </c>
      <c r="S7417" s="124">
        <f t="shared" si="115"/>
        <v>2.2139368371850767</v>
      </c>
    </row>
    <row r="7418" spans="8:19" x14ac:dyDescent="0.3">
      <c r="H7418" s="44">
        <v>7411</v>
      </c>
      <c r="I7418" s="56">
        <f>Bühler!I7444</f>
        <v>0.51090850088886375</v>
      </c>
      <c r="J7418" s="59">
        <f>Bühler!J7444</f>
        <v>1.7030283362962129</v>
      </c>
      <c r="K7418" s="59">
        <f>Bühler!K7444</f>
        <v>2.5545425044443189</v>
      </c>
      <c r="L7418" s="59">
        <f>Bühler!L7444</f>
        <v>12.261804021332731</v>
      </c>
      <c r="M7418" s="58">
        <f>Bühler!M7444</f>
        <v>0</v>
      </c>
      <c r="N7418" s="56">
        <f>IF(Input!$D$19=1,J7418*Input!$C$19,0)+IF(Input!$D$20=1,K7418*Input!$C$20,0)+IF(Input!$D$21=1,L7418*Input!$C$21,0)+IF(Input!$D$22=1,M7418*Input!$C$22,0)</f>
        <v>0.51090850088886386</v>
      </c>
      <c r="O7418" s="59">
        <f>IF(Input!$D$19=2,J7418*Input!$C$19,0)+IF(Input!$D$20=2,K7418*Input!$C$20,0)+IF(Input!$D$21=2,L7418*Input!$C$21,0)+IF(Input!$D$22=2,M7418*Input!$C$22,0)</f>
        <v>1.2772712522221594</v>
      </c>
      <c r="P7418" s="59">
        <f>IF(Input!$D$19=3,J7418*Input!$C$19,0)+IF(Input!$D$20=3,K7418*Input!$C$20,0)+IF(Input!$D$21=3,L7418*Input!$C$21,0)+IF(Input!$D$22=3,M7418*Input!$C$22,0)</f>
        <v>0</v>
      </c>
      <c r="Q7418" s="75">
        <f>IF(Input!$D$19=4,J7418*Input!$C$19,0)+IF(Input!$D$20=4,K7418*Input!$C$20,0)+IF(Input!$D$21=4,L7418*Input!$C$21,0)+IF(Input!$D$22=4,M7418*Input!$C$22,0)</f>
        <v>0</v>
      </c>
      <c r="R7418" s="58">
        <v>60.056640244986575</v>
      </c>
      <c r="S7418" s="124">
        <f t="shared" si="115"/>
        <v>2.2139368371850767</v>
      </c>
    </row>
    <row r="7419" spans="8:19" x14ac:dyDescent="0.3">
      <c r="H7419" s="44">
        <v>7412</v>
      </c>
      <c r="I7419" s="56">
        <f>Bühler!I7445</f>
        <v>0.42788586949442342</v>
      </c>
      <c r="J7419" s="59">
        <f>Bühler!J7445</f>
        <v>1.4262862316480782</v>
      </c>
      <c r="K7419" s="59">
        <f>Bühler!K7445</f>
        <v>2.1394293474721171</v>
      </c>
      <c r="L7419" s="59">
        <f>Bühler!L7445</f>
        <v>10.269260867866162</v>
      </c>
      <c r="M7419" s="58">
        <f>Bühler!M7445</f>
        <v>0</v>
      </c>
      <c r="N7419" s="56">
        <f>IF(Input!$D$19=1,J7419*Input!$C$19,0)+IF(Input!$D$20=1,K7419*Input!$C$20,0)+IF(Input!$D$21=1,L7419*Input!$C$21,0)+IF(Input!$D$22=1,M7419*Input!$C$22,0)</f>
        <v>0.42788586949442348</v>
      </c>
      <c r="O7419" s="59">
        <f>IF(Input!$D$19=2,J7419*Input!$C$19,0)+IF(Input!$D$20=2,K7419*Input!$C$20,0)+IF(Input!$D$21=2,L7419*Input!$C$21,0)+IF(Input!$D$22=2,M7419*Input!$C$22,0)</f>
        <v>1.0697146737360586</v>
      </c>
      <c r="P7419" s="59">
        <f>IF(Input!$D$19=3,J7419*Input!$C$19,0)+IF(Input!$D$20=3,K7419*Input!$C$20,0)+IF(Input!$D$21=3,L7419*Input!$C$21,0)+IF(Input!$D$22=3,M7419*Input!$C$22,0)</f>
        <v>0</v>
      </c>
      <c r="Q7419" s="75">
        <f>IF(Input!$D$19=4,J7419*Input!$C$19,0)+IF(Input!$D$20=4,K7419*Input!$C$20,0)+IF(Input!$D$21=4,L7419*Input!$C$21,0)+IF(Input!$D$22=4,M7419*Input!$C$22,0)</f>
        <v>0</v>
      </c>
      <c r="R7419" s="58">
        <v>58.498692390229671</v>
      </c>
      <c r="S7419" s="124">
        <f t="shared" si="115"/>
        <v>1.8541721011425016</v>
      </c>
    </row>
    <row r="7420" spans="8:19" x14ac:dyDescent="0.3">
      <c r="H7420" s="44">
        <v>7413</v>
      </c>
      <c r="I7420" s="56">
        <f>Bühler!I7446</f>
        <v>0.35124959436109382</v>
      </c>
      <c r="J7420" s="59">
        <f>Bühler!J7446</f>
        <v>1.1708319812036461</v>
      </c>
      <c r="K7420" s="59">
        <f>Bühler!K7446</f>
        <v>1.7562479718054691</v>
      </c>
      <c r="L7420" s="59">
        <f>Bühler!L7446</f>
        <v>8.4299902646662517</v>
      </c>
      <c r="M7420" s="58">
        <f>Bühler!M7446</f>
        <v>0</v>
      </c>
      <c r="N7420" s="56">
        <f>IF(Input!$D$19=1,J7420*Input!$C$19,0)+IF(Input!$D$20=1,K7420*Input!$C$20,0)+IF(Input!$D$21=1,L7420*Input!$C$21,0)+IF(Input!$D$22=1,M7420*Input!$C$22,0)</f>
        <v>0.35124959436109382</v>
      </c>
      <c r="O7420" s="59">
        <f>IF(Input!$D$19=2,J7420*Input!$C$19,0)+IF(Input!$D$20=2,K7420*Input!$C$20,0)+IF(Input!$D$21=2,L7420*Input!$C$21,0)+IF(Input!$D$22=2,M7420*Input!$C$22,0)</f>
        <v>0.87812398590273455</v>
      </c>
      <c r="P7420" s="59">
        <f>IF(Input!$D$19=3,J7420*Input!$C$19,0)+IF(Input!$D$20=3,K7420*Input!$C$20,0)+IF(Input!$D$21=3,L7420*Input!$C$21,0)+IF(Input!$D$22=3,M7420*Input!$C$22,0)</f>
        <v>0</v>
      </c>
      <c r="Q7420" s="75">
        <f>IF(Input!$D$19=4,J7420*Input!$C$19,0)+IF(Input!$D$20=4,K7420*Input!$C$20,0)+IF(Input!$D$21=4,L7420*Input!$C$21,0)+IF(Input!$D$22=4,M7420*Input!$C$22,0)</f>
        <v>0</v>
      </c>
      <c r="R7420" s="58">
        <v>56.927773399534139</v>
      </c>
      <c r="S7420" s="124">
        <f t="shared" si="115"/>
        <v>1.5220815755647399</v>
      </c>
    </row>
    <row r="7421" spans="8:19" x14ac:dyDescent="0.3">
      <c r="H7421" s="44">
        <v>7414</v>
      </c>
      <c r="I7421" s="56">
        <f>Bühler!I7447</f>
        <v>0.25545425044443187</v>
      </c>
      <c r="J7421" s="59">
        <f>Bühler!J7447</f>
        <v>0.85151416814810643</v>
      </c>
      <c r="K7421" s="59">
        <f>Bühler!K7447</f>
        <v>1.2772712522221594</v>
      </c>
      <c r="L7421" s="59">
        <f>Bühler!L7447</f>
        <v>6.1309020106663654</v>
      </c>
      <c r="M7421" s="58">
        <f>Bühler!M7447</f>
        <v>0</v>
      </c>
      <c r="N7421" s="56">
        <f>IF(Input!$D$19=1,J7421*Input!$C$19,0)+IF(Input!$D$20=1,K7421*Input!$C$20,0)+IF(Input!$D$21=1,L7421*Input!$C$21,0)+IF(Input!$D$22=1,M7421*Input!$C$22,0)</f>
        <v>0.25545425044443193</v>
      </c>
      <c r="O7421" s="59">
        <f>IF(Input!$D$19=2,J7421*Input!$C$19,0)+IF(Input!$D$20=2,K7421*Input!$C$20,0)+IF(Input!$D$21=2,L7421*Input!$C$21,0)+IF(Input!$D$22=2,M7421*Input!$C$22,0)</f>
        <v>0.63863562611107971</v>
      </c>
      <c r="P7421" s="59">
        <f>IF(Input!$D$19=3,J7421*Input!$C$19,0)+IF(Input!$D$20=3,K7421*Input!$C$20,0)+IF(Input!$D$21=3,L7421*Input!$C$21,0)+IF(Input!$D$22=3,M7421*Input!$C$22,0)</f>
        <v>0</v>
      </c>
      <c r="Q7421" s="75">
        <f>IF(Input!$D$19=4,J7421*Input!$C$19,0)+IF(Input!$D$20=4,K7421*Input!$C$20,0)+IF(Input!$D$21=4,L7421*Input!$C$21,0)+IF(Input!$D$22=4,M7421*Input!$C$22,0)</f>
        <v>0</v>
      </c>
      <c r="R7421" s="58">
        <v>54.735086255950492</v>
      </c>
      <c r="S7421" s="124">
        <f t="shared" si="115"/>
        <v>1.1069684185925384</v>
      </c>
    </row>
    <row r="7422" spans="8:19" x14ac:dyDescent="0.3">
      <c r="H7422" s="44">
        <v>7415</v>
      </c>
      <c r="I7422" s="56">
        <f>Bühler!I7448</f>
        <v>0.24268153792221028</v>
      </c>
      <c r="J7422" s="59">
        <f>Bühler!J7448</f>
        <v>0.808938459740701</v>
      </c>
      <c r="K7422" s="59">
        <f>Bühler!K7448</f>
        <v>1.2134076896110515</v>
      </c>
      <c r="L7422" s="59">
        <f>Bühler!L7448</f>
        <v>5.824356910133047</v>
      </c>
      <c r="M7422" s="58">
        <f>Bühler!M7448</f>
        <v>0</v>
      </c>
      <c r="N7422" s="56">
        <f>IF(Input!$D$19=1,J7422*Input!$C$19,0)+IF(Input!$D$20=1,K7422*Input!$C$20,0)+IF(Input!$D$21=1,L7422*Input!$C$21,0)+IF(Input!$D$22=1,M7422*Input!$C$22,0)</f>
        <v>0.24268153792221028</v>
      </c>
      <c r="O7422" s="59">
        <f>IF(Input!$D$19=2,J7422*Input!$C$19,0)+IF(Input!$D$20=2,K7422*Input!$C$20,0)+IF(Input!$D$21=2,L7422*Input!$C$21,0)+IF(Input!$D$22=2,M7422*Input!$C$22,0)</f>
        <v>0.60670384480552575</v>
      </c>
      <c r="P7422" s="59">
        <f>IF(Input!$D$19=3,J7422*Input!$C$19,0)+IF(Input!$D$20=3,K7422*Input!$C$20,0)+IF(Input!$D$21=3,L7422*Input!$C$21,0)+IF(Input!$D$22=3,M7422*Input!$C$22,0)</f>
        <v>0</v>
      </c>
      <c r="Q7422" s="75">
        <f>IF(Input!$D$19=4,J7422*Input!$C$19,0)+IF(Input!$D$20=4,K7422*Input!$C$20,0)+IF(Input!$D$21=4,L7422*Input!$C$21,0)+IF(Input!$D$22=4,M7422*Input!$C$22,0)</f>
        <v>0</v>
      </c>
      <c r="R7422" s="58">
        <v>55.284337327190457</v>
      </c>
      <c r="S7422" s="124">
        <f t="shared" si="115"/>
        <v>1.0516199976629113</v>
      </c>
    </row>
    <row r="7423" spans="8:19" x14ac:dyDescent="0.3">
      <c r="H7423" s="44">
        <v>7416</v>
      </c>
      <c r="I7423" s="56">
        <f>Bühler!I7449</f>
        <v>0.24268153792221028</v>
      </c>
      <c r="J7423" s="59">
        <f>Bühler!J7449</f>
        <v>0.808938459740701</v>
      </c>
      <c r="K7423" s="59">
        <f>Bühler!K7449</f>
        <v>1.2134076896110515</v>
      </c>
      <c r="L7423" s="59">
        <f>Bühler!L7449</f>
        <v>5.824356910133047</v>
      </c>
      <c r="M7423" s="58">
        <f>Bühler!M7449</f>
        <v>0</v>
      </c>
      <c r="N7423" s="56">
        <f>IF(Input!$D$19=1,J7423*Input!$C$19,0)+IF(Input!$D$20=1,K7423*Input!$C$20,0)+IF(Input!$D$21=1,L7423*Input!$C$21,0)+IF(Input!$D$22=1,M7423*Input!$C$22,0)</f>
        <v>0.24268153792221028</v>
      </c>
      <c r="O7423" s="59">
        <f>IF(Input!$D$19=2,J7423*Input!$C$19,0)+IF(Input!$D$20=2,K7423*Input!$C$20,0)+IF(Input!$D$21=2,L7423*Input!$C$21,0)+IF(Input!$D$22=2,M7423*Input!$C$22,0)</f>
        <v>0.60670384480552575</v>
      </c>
      <c r="P7423" s="59">
        <f>IF(Input!$D$19=3,J7423*Input!$C$19,0)+IF(Input!$D$20=3,K7423*Input!$C$20,0)+IF(Input!$D$21=3,L7423*Input!$C$21,0)+IF(Input!$D$22=3,M7423*Input!$C$22,0)</f>
        <v>0</v>
      </c>
      <c r="Q7423" s="75">
        <f>IF(Input!$D$19=4,J7423*Input!$C$19,0)+IF(Input!$D$20=4,K7423*Input!$C$20,0)+IF(Input!$D$21=4,L7423*Input!$C$21,0)+IF(Input!$D$22=4,M7423*Input!$C$22,0)</f>
        <v>0</v>
      </c>
      <c r="R7423" s="58">
        <v>54.815641127249783</v>
      </c>
      <c r="S7423" s="124">
        <f t="shared" si="115"/>
        <v>1.0516199976629113</v>
      </c>
    </row>
    <row r="7424" spans="8:19" x14ac:dyDescent="0.3">
      <c r="H7424" s="44">
        <v>7417</v>
      </c>
      <c r="I7424" s="56">
        <f>Bühler!I7450</f>
        <v>0.22427333322436055</v>
      </c>
      <c r="J7424" s="59">
        <f>Bühler!J7450</f>
        <v>0.74757777741453524</v>
      </c>
      <c r="K7424" s="59">
        <f>Bühler!K7450</f>
        <v>1.1213666661218027</v>
      </c>
      <c r="L7424" s="59">
        <f>Bühler!L7450</f>
        <v>5.3825599973846536</v>
      </c>
      <c r="M7424" s="58">
        <f>Bühler!M7450</f>
        <v>0</v>
      </c>
      <c r="N7424" s="56">
        <f>IF(Input!$D$19=1,J7424*Input!$C$19,0)+IF(Input!$D$20=1,K7424*Input!$C$20,0)+IF(Input!$D$21=1,L7424*Input!$C$21,0)+IF(Input!$D$22=1,M7424*Input!$C$22,0)</f>
        <v>0.22427333322436058</v>
      </c>
      <c r="O7424" s="59">
        <f>IF(Input!$D$19=2,J7424*Input!$C$19,0)+IF(Input!$D$20=2,K7424*Input!$C$20,0)+IF(Input!$D$21=2,L7424*Input!$C$21,0)+IF(Input!$D$22=2,M7424*Input!$C$22,0)</f>
        <v>0.56068333306090135</v>
      </c>
      <c r="P7424" s="59">
        <f>IF(Input!$D$19=3,J7424*Input!$C$19,0)+IF(Input!$D$20=3,K7424*Input!$C$20,0)+IF(Input!$D$21=3,L7424*Input!$C$21,0)+IF(Input!$D$22=3,M7424*Input!$C$22,0)</f>
        <v>0</v>
      </c>
      <c r="Q7424" s="75">
        <f>IF(Input!$D$19=4,J7424*Input!$C$19,0)+IF(Input!$D$20=4,K7424*Input!$C$20,0)+IF(Input!$D$21=4,L7424*Input!$C$21,0)+IF(Input!$D$22=4,M7424*Input!$C$22,0)</f>
        <v>0</v>
      </c>
      <c r="R7424" s="58">
        <v>54.378515460329105</v>
      </c>
      <c r="S7424" s="124">
        <f t="shared" si="115"/>
        <v>0.97185111063889584</v>
      </c>
    </row>
    <row r="7425" spans="8:19" x14ac:dyDescent="0.3">
      <c r="H7425" s="44">
        <v>7418</v>
      </c>
      <c r="I7425" s="56">
        <f>Bühler!I7451</f>
        <v>0.22427333322436055</v>
      </c>
      <c r="J7425" s="59">
        <f>Bühler!J7451</f>
        <v>0.74757777741453524</v>
      </c>
      <c r="K7425" s="59">
        <f>Bühler!K7451</f>
        <v>1.1213666661218027</v>
      </c>
      <c r="L7425" s="59">
        <f>Bühler!L7451</f>
        <v>5.3825599973846536</v>
      </c>
      <c r="M7425" s="58">
        <f>Bühler!M7451</f>
        <v>0</v>
      </c>
      <c r="N7425" s="56">
        <f>IF(Input!$D$19=1,J7425*Input!$C$19,0)+IF(Input!$D$20=1,K7425*Input!$C$20,0)+IF(Input!$D$21=1,L7425*Input!$C$21,0)+IF(Input!$D$22=1,M7425*Input!$C$22,0)</f>
        <v>0.22427333322436058</v>
      </c>
      <c r="O7425" s="59">
        <f>IF(Input!$D$19=2,J7425*Input!$C$19,0)+IF(Input!$D$20=2,K7425*Input!$C$20,0)+IF(Input!$D$21=2,L7425*Input!$C$21,0)+IF(Input!$D$22=2,M7425*Input!$C$22,0)</f>
        <v>0.56068333306090135</v>
      </c>
      <c r="P7425" s="59">
        <f>IF(Input!$D$19=3,J7425*Input!$C$19,0)+IF(Input!$D$20=3,K7425*Input!$C$20,0)+IF(Input!$D$21=3,L7425*Input!$C$21,0)+IF(Input!$D$22=3,M7425*Input!$C$22,0)</f>
        <v>0</v>
      </c>
      <c r="Q7425" s="75">
        <f>IF(Input!$D$19=4,J7425*Input!$C$19,0)+IF(Input!$D$20=4,K7425*Input!$C$20,0)+IF(Input!$D$21=4,L7425*Input!$C$21,0)+IF(Input!$D$22=4,M7425*Input!$C$22,0)</f>
        <v>0</v>
      </c>
      <c r="R7425" s="58">
        <v>53.691129849648433</v>
      </c>
      <c r="S7425" s="124">
        <f t="shared" si="115"/>
        <v>0.97185111063889584</v>
      </c>
    </row>
    <row r="7426" spans="8:19" x14ac:dyDescent="0.3">
      <c r="H7426" s="44">
        <v>7419</v>
      </c>
      <c r="I7426" s="56">
        <f>Bühler!I7452</f>
        <v>0.22427333322436055</v>
      </c>
      <c r="J7426" s="59">
        <f>Bühler!J7452</f>
        <v>0.74757777741453524</v>
      </c>
      <c r="K7426" s="59">
        <f>Bühler!K7452</f>
        <v>1.1213666661218027</v>
      </c>
      <c r="L7426" s="59">
        <f>Bühler!L7452</f>
        <v>5.3825599973846536</v>
      </c>
      <c r="M7426" s="58">
        <f>Bühler!M7452</f>
        <v>0</v>
      </c>
      <c r="N7426" s="56">
        <f>IF(Input!$D$19=1,J7426*Input!$C$19,0)+IF(Input!$D$20=1,K7426*Input!$C$20,0)+IF(Input!$D$21=1,L7426*Input!$C$21,0)+IF(Input!$D$22=1,M7426*Input!$C$22,0)</f>
        <v>0.22427333322436058</v>
      </c>
      <c r="O7426" s="59">
        <f>IF(Input!$D$19=2,J7426*Input!$C$19,0)+IF(Input!$D$20=2,K7426*Input!$C$20,0)+IF(Input!$D$21=2,L7426*Input!$C$21,0)+IF(Input!$D$22=2,M7426*Input!$C$22,0)</f>
        <v>0.56068333306090135</v>
      </c>
      <c r="P7426" s="59">
        <f>IF(Input!$D$19=3,J7426*Input!$C$19,0)+IF(Input!$D$20=3,K7426*Input!$C$20,0)+IF(Input!$D$21=3,L7426*Input!$C$21,0)+IF(Input!$D$22=3,M7426*Input!$C$22,0)</f>
        <v>0</v>
      </c>
      <c r="Q7426" s="75">
        <f>IF(Input!$D$19=4,J7426*Input!$C$19,0)+IF(Input!$D$20=4,K7426*Input!$C$20,0)+IF(Input!$D$21=4,L7426*Input!$C$21,0)+IF(Input!$D$22=4,M7426*Input!$C$22,0)</f>
        <v>0</v>
      </c>
      <c r="R7426" s="58">
        <v>54.15436499559118</v>
      </c>
      <c r="S7426" s="124">
        <f t="shared" si="115"/>
        <v>0.97185111063889584</v>
      </c>
    </row>
    <row r="7427" spans="8:19" x14ac:dyDescent="0.3">
      <c r="H7427" s="44">
        <v>7420</v>
      </c>
      <c r="I7427" s="56">
        <f>Bühler!I7453</f>
        <v>0.22427333322436055</v>
      </c>
      <c r="J7427" s="59">
        <f>Bühler!J7453</f>
        <v>0.74757777741453524</v>
      </c>
      <c r="K7427" s="59">
        <f>Bühler!K7453</f>
        <v>1.1213666661218027</v>
      </c>
      <c r="L7427" s="59">
        <f>Bühler!L7453</f>
        <v>5.3825599973846536</v>
      </c>
      <c r="M7427" s="58">
        <f>Bühler!M7453</f>
        <v>0</v>
      </c>
      <c r="N7427" s="56">
        <f>IF(Input!$D$19=1,J7427*Input!$C$19,0)+IF(Input!$D$20=1,K7427*Input!$C$20,0)+IF(Input!$D$21=1,L7427*Input!$C$21,0)+IF(Input!$D$22=1,M7427*Input!$C$22,0)</f>
        <v>0.22427333322436058</v>
      </c>
      <c r="O7427" s="59">
        <f>IF(Input!$D$19=2,J7427*Input!$C$19,0)+IF(Input!$D$20=2,K7427*Input!$C$20,0)+IF(Input!$D$21=2,L7427*Input!$C$21,0)+IF(Input!$D$22=2,M7427*Input!$C$22,0)</f>
        <v>0.56068333306090135</v>
      </c>
      <c r="P7427" s="59">
        <f>IF(Input!$D$19=3,J7427*Input!$C$19,0)+IF(Input!$D$20=3,K7427*Input!$C$20,0)+IF(Input!$D$21=3,L7427*Input!$C$21,0)+IF(Input!$D$22=3,M7427*Input!$C$22,0)</f>
        <v>0</v>
      </c>
      <c r="Q7427" s="75">
        <f>IF(Input!$D$19=4,J7427*Input!$C$19,0)+IF(Input!$D$20=4,K7427*Input!$C$20,0)+IF(Input!$D$21=4,L7427*Input!$C$21,0)+IF(Input!$D$22=4,M7427*Input!$C$22,0)</f>
        <v>0</v>
      </c>
      <c r="R7427" s="58">
        <v>54.330674916989068</v>
      </c>
      <c r="S7427" s="124">
        <f t="shared" si="115"/>
        <v>0.97185111063889584</v>
      </c>
    </row>
    <row r="7428" spans="8:19" x14ac:dyDescent="0.3">
      <c r="H7428" s="44">
        <v>7421</v>
      </c>
      <c r="I7428" s="56">
        <f>Bühler!I7454</f>
        <v>0.22427333322436055</v>
      </c>
      <c r="J7428" s="59">
        <f>Bühler!J7454</f>
        <v>0.74757777741453524</v>
      </c>
      <c r="K7428" s="59">
        <f>Bühler!K7454</f>
        <v>1.1213666661218027</v>
      </c>
      <c r="L7428" s="59">
        <f>Bühler!L7454</f>
        <v>5.3825599973846536</v>
      </c>
      <c r="M7428" s="58">
        <f>Bühler!M7454</f>
        <v>0</v>
      </c>
      <c r="N7428" s="56">
        <f>IF(Input!$D$19=1,J7428*Input!$C$19,0)+IF(Input!$D$20=1,K7428*Input!$C$20,0)+IF(Input!$D$21=1,L7428*Input!$C$21,0)+IF(Input!$D$22=1,M7428*Input!$C$22,0)</f>
        <v>0.22427333322436058</v>
      </c>
      <c r="O7428" s="59">
        <f>IF(Input!$D$19=2,J7428*Input!$C$19,0)+IF(Input!$D$20=2,K7428*Input!$C$20,0)+IF(Input!$D$21=2,L7428*Input!$C$21,0)+IF(Input!$D$22=2,M7428*Input!$C$22,0)</f>
        <v>0.56068333306090135</v>
      </c>
      <c r="P7428" s="59">
        <f>IF(Input!$D$19=3,J7428*Input!$C$19,0)+IF(Input!$D$20=3,K7428*Input!$C$20,0)+IF(Input!$D$21=3,L7428*Input!$C$21,0)+IF(Input!$D$22=3,M7428*Input!$C$22,0)</f>
        <v>0</v>
      </c>
      <c r="Q7428" s="75">
        <f>IF(Input!$D$19=4,J7428*Input!$C$19,0)+IF(Input!$D$20=4,K7428*Input!$C$20,0)+IF(Input!$D$21=4,L7428*Input!$C$21,0)+IF(Input!$D$22=4,M7428*Input!$C$22,0)</f>
        <v>0</v>
      </c>
      <c r="R7428" s="58">
        <v>56.513903667250958</v>
      </c>
      <c r="S7428" s="124">
        <f t="shared" si="115"/>
        <v>0.97185111063889584</v>
      </c>
    </row>
    <row r="7429" spans="8:19" x14ac:dyDescent="0.3">
      <c r="H7429" s="44">
        <v>7422</v>
      </c>
      <c r="I7429" s="56">
        <f>Bühler!I7455</f>
        <v>0.29155533319166871</v>
      </c>
      <c r="J7429" s="59">
        <f>Bühler!J7455</f>
        <v>0.97185111063889584</v>
      </c>
      <c r="K7429" s="59">
        <f>Bühler!K7455</f>
        <v>1.4577766659583435</v>
      </c>
      <c r="L7429" s="59">
        <f>Bühler!L7455</f>
        <v>6.997327996600049</v>
      </c>
      <c r="M7429" s="58">
        <f>Bühler!M7455</f>
        <v>0</v>
      </c>
      <c r="N7429" s="56">
        <f>IF(Input!$D$19=1,J7429*Input!$C$19,0)+IF(Input!$D$20=1,K7429*Input!$C$20,0)+IF(Input!$D$21=1,L7429*Input!$C$21,0)+IF(Input!$D$22=1,M7429*Input!$C$22,0)</f>
        <v>0.29155533319166876</v>
      </c>
      <c r="O7429" s="59">
        <f>IF(Input!$D$19=2,J7429*Input!$C$19,0)+IF(Input!$D$20=2,K7429*Input!$C$20,0)+IF(Input!$D$21=2,L7429*Input!$C$21,0)+IF(Input!$D$22=2,M7429*Input!$C$22,0)</f>
        <v>0.72888833297917177</v>
      </c>
      <c r="P7429" s="59">
        <f>IF(Input!$D$19=3,J7429*Input!$C$19,0)+IF(Input!$D$20=3,K7429*Input!$C$20,0)+IF(Input!$D$21=3,L7429*Input!$C$21,0)+IF(Input!$D$22=3,M7429*Input!$C$22,0)</f>
        <v>0</v>
      </c>
      <c r="Q7429" s="75">
        <f>IF(Input!$D$19=4,J7429*Input!$C$19,0)+IF(Input!$D$20=4,K7429*Input!$C$20,0)+IF(Input!$D$21=4,L7429*Input!$C$21,0)+IF(Input!$D$22=4,M7429*Input!$C$22,0)</f>
        <v>0</v>
      </c>
      <c r="R7429" s="58">
        <v>59.761528676313773</v>
      </c>
      <c r="S7429" s="124">
        <f t="shared" si="115"/>
        <v>1.2634064438305646</v>
      </c>
    </row>
    <row r="7430" spans="8:19" x14ac:dyDescent="0.3">
      <c r="H7430" s="44">
        <v>7423</v>
      </c>
      <c r="I7430" s="56">
        <f>Bühler!I7456</f>
        <v>0.32519633317532276</v>
      </c>
      <c r="J7430" s="59">
        <f>Bühler!J7456</f>
        <v>1.083987777251076</v>
      </c>
      <c r="K7430" s="59">
        <f>Bühler!K7456</f>
        <v>1.6259816658766137</v>
      </c>
      <c r="L7430" s="59">
        <f>Bühler!L7456</f>
        <v>7.8047119962077458</v>
      </c>
      <c r="M7430" s="58">
        <f>Bühler!M7456</f>
        <v>0</v>
      </c>
      <c r="N7430" s="56">
        <f>IF(Input!$D$19=1,J7430*Input!$C$19,0)+IF(Input!$D$20=1,K7430*Input!$C$20,0)+IF(Input!$D$21=1,L7430*Input!$C$21,0)+IF(Input!$D$22=1,M7430*Input!$C$22,0)</f>
        <v>0.32519633317532276</v>
      </c>
      <c r="O7430" s="59">
        <f>IF(Input!$D$19=2,J7430*Input!$C$19,0)+IF(Input!$D$20=2,K7430*Input!$C$20,0)+IF(Input!$D$21=2,L7430*Input!$C$21,0)+IF(Input!$D$22=2,M7430*Input!$C$22,0)</f>
        <v>0.81299083293830687</v>
      </c>
      <c r="P7430" s="59">
        <f>IF(Input!$D$19=3,J7430*Input!$C$19,0)+IF(Input!$D$20=3,K7430*Input!$C$20,0)+IF(Input!$D$21=3,L7430*Input!$C$21,0)+IF(Input!$D$22=3,M7430*Input!$C$22,0)</f>
        <v>0</v>
      </c>
      <c r="Q7430" s="75">
        <f>IF(Input!$D$19=4,J7430*Input!$C$19,0)+IF(Input!$D$20=4,K7430*Input!$C$20,0)+IF(Input!$D$21=4,L7430*Input!$C$21,0)+IF(Input!$D$22=4,M7430*Input!$C$22,0)</f>
        <v>0</v>
      </c>
      <c r="R7430" s="58">
        <v>63.196490256011593</v>
      </c>
      <c r="S7430" s="124">
        <f t="shared" si="115"/>
        <v>1.4091841104263987</v>
      </c>
    </row>
    <row r="7431" spans="8:19" x14ac:dyDescent="0.3">
      <c r="H7431" s="44">
        <v>7424</v>
      </c>
      <c r="I7431" s="56">
        <f>Bühler!I7457</f>
        <v>0.3364099998365408</v>
      </c>
      <c r="J7431" s="59">
        <f>Bühler!J7457</f>
        <v>1.1213666661218029</v>
      </c>
      <c r="K7431" s="59">
        <f>Bühler!K7457</f>
        <v>1.682049999182704</v>
      </c>
      <c r="L7431" s="59">
        <f>Bühler!L7457</f>
        <v>8.0738399960769804</v>
      </c>
      <c r="M7431" s="58">
        <f>Bühler!M7457</f>
        <v>0</v>
      </c>
      <c r="N7431" s="56">
        <f>IF(Input!$D$19=1,J7431*Input!$C$19,0)+IF(Input!$D$20=1,K7431*Input!$C$20,0)+IF(Input!$D$21=1,L7431*Input!$C$21,0)+IF(Input!$D$22=1,M7431*Input!$C$22,0)</f>
        <v>0.33640999983654085</v>
      </c>
      <c r="O7431" s="59">
        <f>IF(Input!$D$19=2,J7431*Input!$C$19,0)+IF(Input!$D$20=2,K7431*Input!$C$20,0)+IF(Input!$D$21=2,L7431*Input!$C$21,0)+IF(Input!$D$22=2,M7431*Input!$C$22,0)</f>
        <v>0.84102499959135202</v>
      </c>
      <c r="P7431" s="59">
        <f>IF(Input!$D$19=3,J7431*Input!$C$19,0)+IF(Input!$D$20=3,K7431*Input!$C$20,0)+IF(Input!$D$21=3,L7431*Input!$C$21,0)+IF(Input!$D$22=3,M7431*Input!$C$22,0)</f>
        <v>0</v>
      </c>
      <c r="Q7431" s="75">
        <f>IF(Input!$D$19=4,J7431*Input!$C$19,0)+IF(Input!$D$20=4,K7431*Input!$C$20,0)+IF(Input!$D$21=4,L7431*Input!$C$21,0)+IF(Input!$D$22=4,M7431*Input!$C$22,0)</f>
        <v>0</v>
      </c>
      <c r="R7431" s="58">
        <v>64.960356033842857</v>
      </c>
      <c r="S7431" s="124">
        <f t="shared" si="115"/>
        <v>1.4577766659583438</v>
      </c>
    </row>
    <row r="7432" spans="8:19" x14ac:dyDescent="0.3">
      <c r="H7432" s="44">
        <v>7425</v>
      </c>
      <c r="I7432" s="56">
        <f>Bühler!I7458</f>
        <v>0.3364099998365408</v>
      </c>
      <c r="J7432" s="59">
        <f>Bühler!J7458</f>
        <v>1.1213666661218029</v>
      </c>
      <c r="K7432" s="59">
        <f>Bühler!K7458</f>
        <v>1.682049999182704</v>
      </c>
      <c r="L7432" s="59">
        <f>Bühler!L7458</f>
        <v>8.0738399960769804</v>
      </c>
      <c r="M7432" s="58">
        <f>Bühler!M7458</f>
        <v>0</v>
      </c>
      <c r="N7432" s="56">
        <f>IF(Input!$D$19=1,J7432*Input!$C$19,0)+IF(Input!$D$20=1,K7432*Input!$C$20,0)+IF(Input!$D$21=1,L7432*Input!$C$21,0)+IF(Input!$D$22=1,M7432*Input!$C$22,0)</f>
        <v>0.33640999983654085</v>
      </c>
      <c r="O7432" s="59">
        <f>IF(Input!$D$19=2,J7432*Input!$C$19,0)+IF(Input!$D$20=2,K7432*Input!$C$20,0)+IF(Input!$D$21=2,L7432*Input!$C$21,0)+IF(Input!$D$22=2,M7432*Input!$C$22,0)</f>
        <v>0.84102499959135202</v>
      </c>
      <c r="P7432" s="59">
        <f>IF(Input!$D$19=3,J7432*Input!$C$19,0)+IF(Input!$D$20=3,K7432*Input!$C$20,0)+IF(Input!$D$21=3,L7432*Input!$C$21,0)+IF(Input!$D$22=3,M7432*Input!$C$22,0)</f>
        <v>0</v>
      </c>
      <c r="Q7432" s="75">
        <f>IF(Input!$D$19=4,J7432*Input!$C$19,0)+IF(Input!$D$20=4,K7432*Input!$C$20,0)+IF(Input!$D$21=4,L7432*Input!$C$21,0)+IF(Input!$D$22=4,M7432*Input!$C$22,0)</f>
        <v>0</v>
      </c>
      <c r="R7432" s="58">
        <v>66.095828078124214</v>
      </c>
      <c r="S7432" s="124">
        <f t="shared" si="115"/>
        <v>1.4577766659583438</v>
      </c>
    </row>
    <row r="7433" spans="8:19" x14ac:dyDescent="0.3">
      <c r="H7433" s="44">
        <v>7426</v>
      </c>
      <c r="I7433" s="56">
        <f>Bühler!I7459</f>
        <v>0.36444416648958583</v>
      </c>
      <c r="J7433" s="59">
        <f>Bühler!J7459</f>
        <v>1.2148138882986197</v>
      </c>
      <c r="K7433" s="59">
        <f>Bühler!K7459</f>
        <v>1.8222208324479292</v>
      </c>
      <c r="L7433" s="59">
        <f>Bühler!L7459</f>
        <v>8.7466599957500613</v>
      </c>
      <c r="M7433" s="58">
        <f>Bühler!M7459</f>
        <v>0</v>
      </c>
      <c r="N7433" s="56">
        <f>IF(Input!$D$19=1,J7433*Input!$C$19,0)+IF(Input!$D$20=1,K7433*Input!$C$20,0)+IF(Input!$D$21=1,L7433*Input!$C$21,0)+IF(Input!$D$22=1,M7433*Input!$C$22,0)</f>
        <v>0.36444416648958589</v>
      </c>
      <c r="O7433" s="59">
        <f>IF(Input!$D$19=2,J7433*Input!$C$19,0)+IF(Input!$D$20=2,K7433*Input!$C$20,0)+IF(Input!$D$21=2,L7433*Input!$C$21,0)+IF(Input!$D$22=2,M7433*Input!$C$22,0)</f>
        <v>0.9111104162239646</v>
      </c>
      <c r="P7433" s="59">
        <f>IF(Input!$D$19=3,J7433*Input!$C$19,0)+IF(Input!$D$20=3,K7433*Input!$C$20,0)+IF(Input!$D$21=3,L7433*Input!$C$21,0)+IF(Input!$D$22=3,M7433*Input!$C$22,0)</f>
        <v>0</v>
      </c>
      <c r="Q7433" s="75">
        <f>IF(Input!$D$19=4,J7433*Input!$C$19,0)+IF(Input!$D$20=4,K7433*Input!$C$20,0)+IF(Input!$D$21=4,L7433*Input!$C$21,0)+IF(Input!$D$22=4,M7433*Input!$C$22,0)</f>
        <v>0</v>
      </c>
      <c r="R7433" s="58">
        <v>66.767690863960723</v>
      </c>
      <c r="S7433" s="124">
        <f t="shared" ref="S7433:S7496" si="116">I7433+J7433</f>
        <v>1.5792580547882056</v>
      </c>
    </row>
    <row r="7434" spans="8:19" x14ac:dyDescent="0.3">
      <c r="H7434" s="44">
        <v>7427</v>
      </c>
      <c r="I7434" s="56">
        <f>Bühler!I7460</f>
        <v>0.38126466648141294</v>
      </c>
      <c r="J7434" s="59">
        <f>Bühler!J7460</f>
        <v>1.27088222160471</v>
      </c>
      <c r="K7434" s="59">
        <f>Bühler!K7460</f>
        <v>1.9063233324070645</v>
      </c>
      <c r="L7434" s="59">
        <f>Bühler!L7460</f>
        <v>9.1503519955539101</v>
      </c>
      <c r="M7434" s="58">
        <f>Bühler!M7460</f>
        <v>0</v>
      </c>
      <c r="N7434" s="56">
        <f>IF(Input!$D$19=1,J7434*Input!$C$19,0)+IF(Input!$D$20=1,K7434*Input!$C$20,0)+IF(Input!$D$21=1,L7434*Input!$C$21,0)+IF(Input!$D$22=1,M7434*Input!$C$22,0)</f>
        <v>0.38126466648141299</v>
      </c>
      <c r="O7434" s="59">
        <f>IF(Input!$D$19=2,J7434*Input!$C$19,0)+IF(Input!$D$20=2,K7434*Input!$C$20,0)+IF(Input!$D$21=2,L7434*Input!$C$21,0)+IF(Input!$D$22=2,M7434*Input!$C$22,0)</f>
        <v>0.95316166620353227</v>
      </c>
      <c r="P7434" s="59">
        <f>IF(Input!$D$19=3,J7434*Input!$C$19,0)+IF(Input!$D$20=3,K7434*Input!$C$20,0)+IF(Input!$D$21=3,L7434*Input!$C$21,0)+IF(Input!$D$22=3,M7434*Input!$C$22,0)</f>
        <v>0</v>
      </c>
      <c r="Q7434" s="75">
        <f>IF(Input!$D$19=4,J7434*Input!$C$19,0)+IF(Input!$D$20=4,K7434*Input!$C$20,0)+IF(Input!$D$21=4,L7434*Input!$C$21,0)+IF(Input!$D$22=4,M7434*Input!$C$22,0)</f>
        <v>0</v>
      </c>
      <c r="R7434" s="58">
        <v>67.775497281690093</v>
      </c>
      <c r="S7434" s="124">
        <f t="shared" si="116"/>
        <v>1.652146888086123</v>
      </c>
    </row>
    <row r="7435" spans="8:19" x14ac:dyDescent="0.3">
      <c r="H7435" s="44">
        <v>7428</v>
      </c>
      <c r="I7435" s="56">
        <f>Bühler!I7461</f>
        <v>0.4485466664487211</v>
      </c>
      <c r="J7435" s="59">
        <f>Bühler!J7461</f>
        <v>1.4951555548290705</v>
      </c>
      <c r="K7435" s="59">
        <f>Bühler!K7461</f>
        <v>2.2427333322436054</v>
      </c>
      <c r="L7435" s="59">
        <f>Bühler!L7461</f>
        <v>10.765119994769307</v>
      </c>
      <c r="M7435" s="58">
        <f>Bühler!M7461</f>
        <v>0</v>
      </c>
      <c r="N7435" s="56">
        <f>IF(Input!$D$19=1,J7435*Input!$C$19,0)+IF(Input!$D$20=1,K7435*Input!$C$20,0)+IF(Input!$D$21=1,L7435*Input!$C$21,0)+IF(Input!$D$22=1,M7435*Input!$C$22,0)</f>
        <v>0.44854666644872115</v>
      </c>
      <c r="O7435" s="59">
        <f>IF(Input!$D$19=2,J7435*Input!$C$19,0)+IF(Input!$D$20=2,K7435*Input!$C$20,0)+IF(Input!$D$21=2,L7435*Input!$C$21,0)+IF(Input!$D$22=2,M7435*Input!$C$22,0)</f>
        <v>1.1213666661218027</v>
      </c>
      <c r="P7435" s="59">
        <f>IF(Input!$D$19=3,J7435*Input!$C$19,0)+IF(Input!$D$20=3,K7435*Input!$C$20,0)+IF(Input!$D$21=3,L7435*Input!$C$21,0)+IF(Input!$D$22=3,M7435*Input!$C$22,0)</f>
        <v>0</v>
      </c>
      <c r="Q7435" s="75">
        <f>IF(Input!$D$19=4,J7435*Input!$C$19,0)+IF(Input!$D$20=4,K7435*Input!$C$20,0)+IF(Input!$D$21=4,L7435*Input!$C$21,0)+IF(Input!$D$22=4,M7435*Input!$C$22,0)</f>
        <v>0</v>
      </c>
      <c r="R7435" s="58">
        <v>68.566663277394753</v>
      </c>
      <c r="S7435" s="124">
        <f t="shared" si="116"/>
        <v>1.9437022212777917</v>
      </c>
    </row>
    <row r="7436" spans="8:19" x14ac:dyDescent="0.3">
      <c r="H7436" s="44">
        <v>7429</v>
      </c>
      <c r="I7436" s="56">
        <f>Bühler!I7462</f>
        <v>0.4485466664487211</v>
      </c>
      <c r="J7436" s="59">
        <f>Bühler!J7462</f>
        <v>1.4951555548290705</v>
      </c>
      <c r="K7436" s="59">
        <f>Bühler!K7462</f>
        <v>2.2427333322436054</v>
      </c>
      <c r="L7436" s="59">
        <f>Bühler!L7462</f>
        <v>10.765119994769307</v>
      </c>
      <c r="M7436" s="58">
        <f>Bühler!M7462</f>
        <v>0</v>
      </c>
      <c r="N7436" s="56">
        <f>IF(Input!$D$19=1,J7436*Input!$C$19,0)+IF(Input!$D$20=1,K7436*Input!$C$20,0)+IF(Input!$D$21=1,L7436*Input!$C$21,0)+IF(Input!$D$22=1,M7436*Input!$C$22,0)</f>
        <v>0.44854666644872115</v>
      </c>
      <c r="O7436" s="59">
        <f>IF(Input!$D$19=2,J7436*Input!$C$19,0)+IF(Input!$D$20=2,K7436*Input!$C$20,0)+IF(Input!$D$21=2,L7436*Input!$C$21,0)+IF(Input!$D$22=2,M7436*Input!$C$22,0)</f>
        <v>1.1213666661218027</v>
      </c>
      <c r="P7436" s="59">
        <f>IF(Input!$D$19=3,J7436*Input!$C$19,0)+IF(Input!$D$20=3,K7436*Input!$C$20,0)+IF(Input!$D$21=3,L7436*Input!$C$21,0)+IF(Input!$D$22=3,M7436*Input!$C$22,0)</f>
        <v>0</v>
      </c>
      <c r="Q7436" s="75">
        <f>IF(Input!$D$19=4,J7436*Input!$C$19,0)+IF(Input!$D$20=4,K7436*Input!$C$20,0)+IF(Input!$D$21=4,L7436*Input!$C$21,0)+IF(Input!$D$22=4,M7436*Input!$C$22,0)</f>
        <v>0</v>
      </c>
      <c r="R7436" s="58">
        <v>67.384596044665244</v>
      </c>
      <c r="S7436" s="124">
        <f t="shared" si="116"/>
        <v>1.9437022212777917</v>
      </c>
    </row>
    <row r="7437" spans="8:19" x14ac:dyDescent="0.3">
      <c r="H7437" s="44">
        <v>7430</v>
      </c>
      <c r="I7437" s="56">
        <f>Bühler!I7463</f>
        <v>0.4485466664487211</v>
      </c>
      <c r="J7437" s="59">
        <f>Bühler!J7463</f>
        <v>1.4951555548290705</v>
      </c>
      <c r="K7437" s="59">
        <f>Bühler!K7463</f>
        <v>2.2427333322436054</v>
      </c>
      <c r="L7437" s="59">
        <f>Bühler!L7463</f>
        <v>10.765119994769307</v>
      </c>
      <c r="M7437" s="58">
        <f>Bühler!M7463</f>
        <v>0</v>
      </c>
      <c r="N7437" s="56">
        <f>IF(Input!$D$19=1,J7437*Input!$C$19,0)+IF(Input!$D$20=1,K7437*Input!$C$20,0)+IF(Input!$D$21=1,L7437*Input!$C$21,0)+IF(Input!$D$22=1,M7437*Input!$C$22,0)</f>
        <v>0.44854666644872115</v>
      </c>
      <c r="O7437" s="59">
        <f>IF(Input!$D$19=2,J7437*Input!$C$19,0)+IF(Input!$D$20=2,K7437*Input!$C$20,0)+IF(Input!$D$21=2,L7437*Input!$C$21,0)+IF(Input!$D$22=2,M7437*Input!$C$22,0)</f>
        <v>1.1213666661218027</v>
      </c>
      <c r="P7437" s="59">
        <f>IF(Input!$D$19=3,J7437*Input!$C$19,0)+IF(Input!$D$20=3,K7437*Input!$C$20,0)+IF(Input!$D$21=3,L7437*Input!$C$21,0)+IF(Input!$D$22=3,M7437*Input!$C$22,0)</f>
        <v>0</v>
      </c>
      <c r="Q7437" s="75">
        <f>IF(Input!$D$19=4,J7437*Input!$C$19,0)+IF(Input!$D$20=4,K7437*Input!$C$20,0)+IF(Input!$D$21=4,L7437*Input!$C$21,0)+IF(Input!$D$22=4,M7437*Input!$C$22,0)</f>
        <v>0</v>
      </c>
      <c r="R7437" s="58">
        <v>66.776678821696748</v>
      </c>
      <c r="S7437" s="124">
        <f t="shared" si="116"/>
        <v>1.9437022212777917</v>
      </c>
    </row>
    <row r="7438" spans="8:19" x14ac:dyDescent="0.3">
      <c r="H7438" s="44">
        <v>7431</v>
      </c>
      <c r="I7438" s="56">
        <f>Bühler!I7464</f>
        <v>0.4485466664487211</v>
      </c>
      <c r="J7438" s="59">
        <f>Bühler!J7464</f>
        <v>1.4951555548290705</v>
      </c>
      <c r="K7438" s="59">
        <f>Bühler!K7464</f>
        <v>2.2427333322436054</v>
      </c>
      <c r="L7438" s="59">
        <f>Bühler!L7464</f>
        <v>10.765119994769307</v>
      </c>
      <c r="M7438" s="58">
        <f>Bühler!M7464</f>
        <v>0</v>
      </c>
      <c r="N7438" s="56">
        <f>IF(Input!$D$19=1,J7438*Input!$C$19,0)+IF(Input!$D$20=1,K7438*Input!$C$20,0)+IF(Input!$D$21=1,L7438*Input!$C$21,0)+IF(Input!$D$22=1,M7438*Input!$C$22,0)</f>
        <v>0.44854666644872115</v>
      </c>
      <c r="O7438" s="59">
        <f>IF(Input!$D$19=2,J7438*Input!$C$19,0)+IF(Input!$D$20=2,K7438*Input!$C$20,0)+IF(Input!$D$21=2,L7438*Input!$C$21,0)+IF(Input!$D$22=2,M7438*Input!$C$22,0)</f>
        <v>1.1213666661218027</v>
      </c>
      <c r="P7438" s="59">
        <f>IF(Input!$D$19=3,J7438*Input!$C$19,0)+IF(Input!$D$20=3,K7438*Input!$C$20,0)+IF(Input!$D$21=3,L7438*Input!$C$21,0)+IF(Input!$D$22=3,M7438*Input!$C$22,0)</f>
        <v>0</v>
      </c>
      <c r="Q7438" s="75">
        <f>IF(Input!$D$19=4,J7438*Input!$C$19,0)+IF(Input!$D$20=4,K7438*Input!$C$20,0)+IF(Input!$D$21=4,L7438*Input!$C$21,0)+IF(Input!$D$22=4,M7438*Input!$C$22,0)</f>
        <v>0</v>
      </c>
      <c r="R7438" s="58">
        <v>66.704075145380628</v>
      </c>
      <c r="S7438" s="124">
        <f t="shared" si="116"/>
        <v>1.9437022212777917</v>
      </c>
    </row>
    <row r="7439" spans="8:19" x14ac:dyDescent="0.3">
      <c r="H7439" s="44">
        <v>7432</v>
      </c>
      <c r="I7439" s="56">
        <f>Bühler!I7465</f>
        <v>0.4485466664487211</v>
      </c>
      <c r="J7439" s="59">
        <f>Bühler!J7465</f>
        <v>1.4951555548290705</v>
      </c>
      <c r="K7439" s="59">
        <f>Bühler!K7465</f>
        <v>2.2427333322436054</v>
      </c>
      <c r="L7439" s="59">
        <f>Bühler!L7465</f>
        <v>10.765119994769307</v>
      </c>
      <c r="M7439" s="58">
        <f>Bühler!M7465</f>
        <v>0</v>
      </c>
      <c r="N7439" s="56">
        <f>IF(Input!$D$19=1,J7439*Input!$C$19,0)+IF(Input!$D$20=1,K7439*Input!$C$20,0)+IF(Input!$D$21=1,L7439*Input!$C$21,0)+IF(Input!$D$22=1,M7439*Input!$C$22,0)</f>
        <v>0.44854666644872115</v>
      </c>
      <c r="O7439" s="59">
        <f>IF(Input!$D$19=2,J7439*Input!$C$19,0)+IF(Input!$D$20=2,K7439*Input!$C$20,0)+IF(Input!$D$21=2,L7439*Input!$C$21,0)+IF(Input!$D$22=2,M7439*Input!$C$22,0)</f>
        <v>1.1213666661218027</v>
      </c>
      <c r="P7439" s="59">
        <f>IF(Input!$D$19=3,J7439*Input!$C$19,0)+IF(Input!$D$20=3,K7439*Input!$C$20,0)+IF(Input!$D$21=3,L7439*Input!$C$21,0)+IF(Input!$D$22=3,M7439*Input!$C$22,0)</f>
        <v>0</v>
      </c>
      <c r="Q7439" s="75">
        <f>IF(Input!$D$19=4,J7439*Input!$C$19,0)+IF(Input!$D$20=4,K7439*Input!$C$20,0)+IF(Input!$D$21=4,L7439*Input!$C$21,0)+IF(Input!$D$22=4,M7439*Input!$C$22,0)</f>
        <v>0</v>
      </c>
      <c r="R7439" s="58">
        <v>66.418016416700155</v>
      </c>
      <c r="S7439" s="124">
        <f t="shared" si="116"/>
        <v>1.9437022212777917</v>
      </c>
    </row>
    <row r="7440" spans="8:19" x14ac:dyDescent="0.3">
      <c r="H7440" s="44">
        <v>7433</v>
      </c>
      <c r="I7440" s="56">
        <f>Bühler!I7466</f>
        <v>0.4485466664487211</v>
      </c>
      <c r="J7440" s="59">
        <f>Bühler!J7466</f>
        <v>1.4951555548290705</v>
      </c>
      <c r="K7440" s="59">
        <f>Bühler!K7466</f>
        <v>2.2427333322436054</v>
      </c>
      <c r="L7440" s="59">
        <f>Bühler!L7466</f>
        <v>10.765119994769307</v>
      </c>
      <c r="M7440" s="58">
        <f>Bühler!M7466</f>
        <v>0</v>
      </c>
      <c r="N7440" s="56">
        <f>IF(Input!$D$19=1,J7440*Input!$C$19,0)+IF(Input!$D$20=1,K7440*Input!$C$20,0)+IF(Input!$D$21=1,L7440*Input!$C$21,0)+IF(Input!$D$22=1,M7440*Input!$C$22,0)</f>
        <v>0.44854666644872115</v>
      </c>
      <c r="O7440" s="59">
        <f>IF(Input!$D$19=2,J7440*Input!$C$19,0)+IF(Input!$D$20=2,K7440*Input!$C$20,0)+IF(Input!$D$21=2,L7440*Input!$C$21,0)+IF(Input!$D$22=2,M7440*Input!$C$22,0)</f>
        <v>1.1213666661218027</v>
      </c>
      <c r="P7440" s="59">
        <f>IF(Input!$D$19=3,J7440*Input!$C$19,0)+IF(Input!$D$20=3,K7440*Input!$C$20,0)+IF(Input!$D$21=3,L7440*Input!$C$21,0)+IF(Input!$D$22=3,M7440*Input!$C$22,0)</f>
        <v>0</v>
      </c>
      <c r="Q7440" s="75">
        <f>IF(Input!$D$19=4,J7440*Input!$C$19,0)+IF(Input!$D$20=4,K7440*Input!$C$20,0)+IF(Input!$D$21=4,L7440*Input!$C$21,0)+IF(Input!$D$22=4,M7440*Input!$C$22,0)</f>
        <v>0</v>
      </c>
      <c r="R7440" s="58">
        <v>65.47983430875172</v>
      </c>
      <c r="S7440" s="124">
        <f t="shared" si="116"/>
        <v>1.9437022212777917</v>
      </c>
    </row>
    <row r="7441" spans="8:19" x14ac:dyDescent="0.3">
      <c r="H7441" s="44">
        <v>7434</v>
      </c>
      <c r="I7441" s="56">
        <f>Bühler!I7467</f>
        <v>0.4485466664487211</v>
      </c>
      <c r="J7441" s="59">
        <f>Bühler!J7467</f>
        <v>1.4951555548290705</v>
      </c>
      <c r="K7441" s="59">
        <f>Bühler!K7467</f>
        <v>2.2427333322436054</v>
      </c>
      <c r="L7441" s="59">
        <f>Bühler!L7467</f>
        <v>10.765119994769307</v>
      </c>
      <c r="M7441" s="58">
        <f>Bühler!M7467</f>
        <v>0</v>
      </c>
      <c r="N7441" s="56">
        <f>IF(Input!$D$19=1,J7441*Input!$C$19,0)+IF(Input!$D$20=1,K7441*Input!$C$20,0)+IF(Input!$D$21=1,L7441*Input!$C$21,0)+IF(Input!$D$22=1,M7441*Input!$C$22,0)</f>
        <v>0.44854666644872115</v>
      </c>
      <c r="O7441" s="59">
        <f>IF(Input!$D$19=2,J7441*Input!$C$19,0)+IF(Input!$D$20=2,K7441*Input!$C$20,0)+IF(Input!$D$21=2,L7441*Input!$C$21,0)+IF(Input!$D$22=2,M7441*Input!$C$22,0)</f>
        <v>1.1213666661218027</v>
      </c>
      <c r="P7441" s="59">
        <f>IF(Input!$D$19=3,J7441*Input!$C$19,0)+IF(Input!$D$20=3,K7441*Input!$C$20,0)+IF(Input!$D$21=3,L7441*Input!$C$21,0)+IF(Input!$D$22=3,M7441*Input!$C$22,0)</f>
        <v>0</v>
      </c>
      <c r="Q7441" s="75">
        <f>IF(Input!$D$19=4,J7441*Input!$C$19,0)+IF(Input!$D$20=4,K7441*Input!$C$20,0)+IF(Input!$D$21=4,L7441*Input!$C$21,0)+IF(Input!$D$22=4,M7441*Input!$C$22,0)</f>
        <v>0</v>
      </c>
      <c r="R7441" s="58">
        <v>64.570167873997732</v>
      </c>
      <c r="S7441" s="124">
        <f t="shared" si="116"/>
        <v>1.9437022212777917</v>
      </c>
    </row>
    <row r="7442" spans="8:19" x14ac:dyDescent="0.3">
      <c r="H7442" s="44">
        <v>7435</v>
      </c>
      <c r="I7442" s="56">
        <f>Bühler!I7468</f>
        <v>0.4485466664487211</v>
      </c>
      <c r="J7442" s="59">
        <f>Bühler!J7468</f>
        <v>1.4951555548290705</v>
      </c>
      <c r="K7442" s="59">
        <f>Bühler!K7468</f>
        <v>2.2427333322436054</v>
      </c>
      <c r="L7442" s="59">
        <f>Bühler!L7468</f>
        <v>10.765119994769307</v>
      </c>
      <c r="M7442" s="58">
        <f>Bühler!M7468</f>
        <v>0</v>
      </c>
      <c r="N7442" s="56">
        <f>IF(Input!$D$19=1,J7442*Input!$C$19,0)+IF(Input!$D$20=1,K7442*Input!$C$20,0)+IF(Input!$D$21=1,L7442*Input!$C$21,0)+IF(Input!$D$22=1,M7442*Input!$C$22,0)</f>
        <v>0.44854666644872115</v>
      </c>
      <c r="O7442" s="59">
        <f>IF(Input!$D$19=2,J7442*Input!$C$19,0)+IF(Input!$D$20=2,K7442*Input!$C$20,0)+IF(Input!$D$21=2,L7442*Input!$C$21,0)+IF(Input!$D$22=2,M7442*Input!$C$22,0)</f>
        <v>1.1213666661218027</v>
      </c>
      <c r="P7442" s="59">
        <f>IF(Input!$D$19=3,J7442*Input!$C$19,0)+IF(Input!$D$20=3,K7442*Input!$C$20,0)+IF(Input!$D$21=3,L7442*Input!$C$21,0)+IF(Input!$D$22=3,M7442*Input!$C$22,0)</f>
        <v>0</v>
      </c>
      <c r="Q7442" s="75">
        <f>IF(Input!$D$19=4,J7442*Input!$C$19,0)+IF(Input!$D$20=4,K7442*Input!$C$20,0)+IF(Input!$D$21=4,L7442*Input!$C$21,0)+IF(Input!$D$22=4,M7442*Input!$C$22,0)</f>
        <v>0</v>
      </c>
      <c r="R7442" s="58">
        <v>63.940108737671665</v>
      </c>
      <c r="S7442" s="124">
        <f t="shared" si="116"/>
        <v>1.9437022212777917</v>
      </c>
    </row>
    <row r="7443" spans="8:19" x14ac:dyDescent="0.3">
      <c r="H7443" s="44">
        <v>7436</v>
      </c>
      <c r="I7443" s="56">
        <f>Bühler!I7469</f>
        <v>0.37565783315080392</v>
      </c>
      <c r="J7443" s="59">
        <f>Bühler!J7469</f>
        <v>1.2521927771693466</v>
      </c>
      <c r="K7443" s="59">
        <f>Bühler!K7469</f>
        <v>1.8782891657540195</v>
      </c>
      <c r="L7443" s="59">
        <f>Bühler!L7469</f>
        <v>9.0157879956192932</v>
      </c>
      <c r="M7443" s="58">
        <f>Bühler!M7469</f>
        <v>0</v>
      </c>
      <c r="N7443" s="56">
        <f>IF(Input!$D$19=1,J7443*Input!$C$19,0)+IF(Input!$D$20=1,K7443*Input!$C$20,0)+IF(Input!$D$21=1,L7443*Input!$C$21,0)+IF(Input!$D$22=1,M7443*Input!$C$22,0)</f>
        <v>0.37565783315080398</v>
      </c>
      <c r="O7443" s="59">
        <f>IF(Input!$D$19=2,J7443*Input!$C$19,0)+IF(Input!$D$20=2,K7443*Input!$C$20,0)+IF(Input!$D$21=2,L7443*Input!$C$21,0)+IF(Input!$D$22=2,M7443*Input!$C$22,0)</f>
        <v>0.93914458287700975</v>
      </c>
      <c r="P7443" s="59">
        <f>IF(Input!$D$19=3,J7443*Input!$C$19,0)+IF(Input!$D$20=3,K7443*Input!$C$20,0)+IF(Input!$D$21=3,L7443*Input!$C$21,0)+IF(Input!$D$22=3,M7443*Input!$C$22,0)</f>
        <v>0</v>
      </c>
      <c r="Q7443" s="75">
        <f>IF(Input!$D$19=4,J7443*Input!$C$19,0)+IF(Input!$D$20=4,K7443*Input!$C$20,0)+IF(Input!$D$21=4,L7443*Input!$C$21,0)+IF(Input!$D$22=4,M7443*Input!$C$22,0)</f>
        <v>0</v>
      </c>
      <c r="R7443" s="58">
        <v>62.12870468386798</v>
      </c>
      <c r="S7443" s="124">
        <f t="shared" si="116"/>
        <v>1.6278506103201504</v>
      </c>
    </row>
    <row r="7444" spans="8:19" x14ac:dyDescent="0.3">
      <c r="H7444" s="44">
        <v>7437</v>
      </c>
      <c r="I7444" s="56">
        <f>Bühler!I7470</f>
        <v>0.30837583318349576</v>
      </c>
      <c r="J7444" s="59">
        <f>Bühler!J7470</f>
        <v>1.0279194439449859</v>
      </c>
      <c r="K7444" s="59">
        <f>Bühler!K7470</f>
        <v>1.5418791659174786</v>
      </c>
      <c r="L7444" s="59">
        <f>Bühler!L7470</f>
        <v>7.4010199964038978</v>
      </c>
      <c r="M7444" s="58">
        <f>Bühler!M7470</f>
        <v>0</v>
      </c>
      <c r="N7444" s="56">
        <f>IF(Input!$D$19=1,J7444*Input!$C$19,0)+IF(Input!$D$20=1,K7444*Input!$C$20,0)+IF(Input!$D$21=1,L7444*Input!$C$21,0)+IF(Input!$D$22=1,M7444*Input!$C$22,0)</f>
        <v>0.30837583318349576</v>
      </c>
      <c r="O7444" s="59">
        <f>IF(Input!$D$19=2,J7444*Input!$C$19,0)+IF(Input!$D$20=2,K7444*Input!$C$20,0)+IF(Input!$D$21=2,L7444*Input!$C$21,0)+IF(Input!$D$22=2,M7444*Input!$C$22,0)</f>
        <v>0.77093958295873932</v>
      </c>
      <c r="P7444" s="59">
        <f>IF(Input!$D$19=3,J7444*Input!$C$19,0)+IF(Input!$D$20=3,K7444*Input!$C$20,0)+IF(Input!$D$21=3,L7444*Input!$C$21,0)+IF(Input!$D$22=3,M7444*Input!$C$22,0)</f>
        <v>0</v>
      </c>
      <c r="Q7444" s="75">
        <f>IF(Input!$D$19=4,J7444*Input!$C$19,0)+IF(Input!$D$20=4,K7444*Input!$C$20,0)+IF(Input!$D$21=4,L7444*Input!$C$21,0)+IF(Input!$D$22=4,M7444*Input!$C$22,0)</f>
        <v>0</v>
      </c>
      <c r="R7444" s="58">
        <v>59.972429725351112</v>
      </c>
      <c r="S7444" s="124">
        <f t="shared" si="116"/>
        <v>1.3362952771284817</v>
      </c>
    </row>
    <row r="7445" spans="8:19" x14ac:dyDescent="0.3">
      <c r="H7445" s="44">
        <v>7438</v>
      </c>
      <c r="I7445" s="56">
        <f>Bühler!I7471</f>
        <v>0.22427333322436055</v>
      </c>
      <c r="J7445" s="59">
        <f>Bühler!J7471</f>
        <v>0.74757777741453524</v>
      </c>
      <c r="K7445" s="59">
        <f>Bühler!K7471</f>
        <v>1.1213666661218027</v>
      </c>
      <c r="L7445" s="59">
        <f>Bühler!L7471</f>
        <v>5.3825599973846536</v>
      </c>
      <c r="M7445" s="58">
        <f>Bühler!M7471</f>
        <v>0</v>
      </c>
      <c r="N7445" s="56">
        <f>IF(Input!$D$19=1,J7445*Input!$C$19,0)+IF(Input!$D$20=1,K7445*Input!$C$20,0)+IF(Input!$D$21=1,L7445*Input!$C$21,0)+IF(Input!$D$22=1,M7445*Input!$C$22,0)</f>
        <v>0.22427333322436058</v>
      </c>
      <c r="O7445" s="59">
        <f>IF(Input!$D$19=2,J7445*Input!$C$19,0)+IF(Input!$D$20=2,K7445*Input!$C$20,0)+IF(Input!$D$21=2,L7445*Input!$C$21,0)+IF(Input!$D$22=2,M7445*Input!$C$22,0)</f>
        <v>0.56068333306090135</v>
      </c>
      <c r="P7445" s="59">
        <f>IF(Input!$D$19=3,J7445*Input!$C$19,0)+IF(Input!$D$20=3,K7445*Input!$C$20,0)+IF(Input!$D$21=3,L7445*Input!$C$21,0)+IF(Input!$D$22=3,M7445*Input!$C$22,0)</f>
        <v>0</v>
      </c>
      <c r="Q7445" s="75">
        <f>IF(Input!$D$19=4,J7445*Input!$C$19,0)+IF(Input!$D$20=4,K7445*Input!$C$20,0)+IF(Input!$D$21=4,L7445*Input!$C$21,0)+IF(Input!$D$22=4,M7445*Input!$C$22,0)</f>
        <v>0</v>
      </c>
      <c r="R7445" s="58">
        <v>57.410645509474506</v>
      </c>
      <c r="S7445" s="124">
        <f t="shared" si="116"/>
        <v>0.97185111063889584</v>
      </c>
    </row>
    <row r="7446" spans="8:19" x14ac:dyDescent="0.3">
      <c r="H7446" s="44">
        <v>7439</v>
      </c>
      <c r="I7446" s="56">
        <f>Bühler!I7472</f>
        <v>0.22427333322436055</v>
      </c>
      <c r="J7446" s="59">
        <f>Bühler!J7472</f>
        <v>0.74757777741453524</v>
      </c>
      <c r="K7446" s="59">
        <f>Bühler!K7472</f>
        <v>1.1213666661218027</v>
      </c>
      <c r="L7446" s="59">
        <f>Bühler!L7472</f>
        <v>5.3825599973846536</v>
      </c>
      <c r="M7446" s="58">
        <f>Bühler!M7472</f>
        <v>0</v>
      </c>
      <c r="N7446" s="56">
        <f>IF(Input!$D$19=1,J7446*Input!$C$19,0)+IF(Input!$D$20=1,K7446*Input!$C$20,0)+IF(Input!$D$21=1,L7446*Input!$C$21,0)+IF(Input!$D$22=1,M7446*Input!$C$22,0)</f>
        <v>0.22427333322436058</v>
      </c>
      <c r="O7446" s="59">
        <f>IF(Input!$D$19=2,J7446*Input!$C$19,0)+IF(Input!$D$20=2,K7446*Input!$C$20,0)+IF(Input!$D$21=2,L7446*Input!$C$21,0)+IF(Input!$D$22=2,M7446*Input!$C$22,0)</f>
        <v>0.56068333306090135</v>
      </c>
      <c r="P7446" s="59">
        <f>IF(Input!$D$19=3,J7446*Input!$C$19,0)+IF(Input!$D$20=3,K7446*Input!$C$20,0)+IF(Input!$D$21=3,L7446*Input!$C$21,0)+IF(Input!$D$22=3,M7446*Input!$C$22,0)</f>
        <v>0</v>
      </c>
      <c r="Q7446" s="75">
        <f>IF(Input!$D$19=4,J7446*Input!$C$19,0)+IF(Input!$D$20=4,K7446*Input!$C$20,0)+IF(Input!$D$21=4,L7446*Input!$C$21,0)+IF(Input!$D$22=4,M7446*Input!$C$22,0)</f>
        <v>0</v>
      </c>
      <c r="R7446" s="58">
        <v>57.153853699508794</v>
      </c>
      <c r="S7446" s="124">
        <f t="shared" si="116"/>
        <v>0.97185111063889584</v>
      </c>
    </row>
    <row r="7447" spans="8:19" x14ac:dyDescent="0.3">
      <c r="H7447" s="44">
        <v>7440</v>
      </c>
      <c r="I7447" s="56">
        <f>Bühler!I7473</f>
        <v>0.22427333322436055</v>
      </c>
      <c r="J7447" s="59">
        <f>Bühler!J7473</f>
        <v>0.74757777741453524</v>
      </c>
      <c r="K7447" s="59">
        <f>Bühler!K7473</f>
        <v>1.1213666661218027</v>
      </c>
      <c r="L7447" s="59">
        <f>Bühler!L7473</f>
        <v>5.3825599973846536</v>
      </c>
      <c r="M7447" s="58">
        <f>Bühler!M7473</f>
        <v>0</v>
      </c>
      <c r="N7447" s="56">
        <f>IF(Input!$D$19=1,J7447*Input!$C$19,0)+IF(Input!$D$20=1,K7447*Input!$C$20,0)+IF(Input!$D$21=1,L7447*Input!$C$21,0)+IF(Input!$D$22=1,M7447*Input!$C$22,0)</f>
        <v>0.22427333322436058</v>
      </c>
      <c r="O7447" s="59">
        <f>IF(Input!$D$19=2,J7447*Input!$C$19,0)+IF(Input!$D$20=2,K7447*Input!$C$20,0)+IF(Input!$D$21=2,L7447*Input!$C$21,0)+IF(Input!$D$22=2,M7447*Input!$C$22,0)</f>
        <v>0.56068333306090135</v>
      </c>
      <c r="P7447" s="59">
        <f>IF(Input!$D$19=3,J7447*Input!$C$19,0)+IF(Input!$D$20=3,K7447*Input!$C$20,0)+IF(Input!$D$21=3,L7447*Input!$C$21,0)+IF(Input!$D$22=3,M7447*Input!$C$22,0)</f>
        <v>0</v>
      </c>
      <c r="Q7447" s="75">
        <f>IF(Input!$D$19=4,J7447*Input!$C$19,0)+IF(Input!$D$20=4,K7447*Input!$C$20,0)+IF(Input!$D$21=4,L7447*Input!$C$21,0)+IF(Input!$D$22=4,M7447*Input!$C$22,0)</f>
        <v>0</v>
      </c>
      <c r="R7447" s="58">
        <v>55.139300810245174</v>
      </c>
      <c r="S7447" s="124">
        <f t="shared" si="116"/>
        <v>0.97185111063889584</v>
      </c>
    </row>
    <row r="7448" spans="8:19" x14ac:dyDescent="0.3">
      <c r="H7448" s="44">
        <v>7441</v>
      </c>
      <c r="I7448" s="56">
        <f>Bühler!I7474</f>
        <v>0.20044568054780826</v>
      </c>
      <c r="J7448" s="59">
        <f>Bühler!J7474</f>
        <v>0.66815226849269427</v>
      </c>
      <c r="K7448" s="59">
        <f>Bühler!K7474</f>
        <v>1.0022284027390413</v>
      </c>
      <c r="L7448" s="59">
        <f>Bühler!L7474</f>
        <v>4.8106963331473978</v>
      </c>
      <c r="M7448" s="58">
        <f>Bühler!M7474</f>
        <v>0</v>
      </c>
      <c r="N7448" s="56">
        <f>IF(Input!$D$19=1,J7448*Input!$C$19,0)+IF(Input!$D$20=1,K7448*Input!$C$20,0)+IF(Input!$D$21=1,L7448*Input!$C$21,0)+IF(Input!$D$22=1,M7448*Input!$C$22,0)</f>
        <v>0.20044568054780829</v>
      </c>
      <c r="O7448" s="59">
        <f>IF(Input!$D$19=2,J7448*Input!$C$19,0)+IF(Input!$D$20=2,K7448*Input!$C$20,0)+IF(Input!$D$21=2,L7448*Input!$C$21,0)+IF(Input!$D$22=2,M7448*Input!$C$22,0)</f>
        <v>0.50111420136952067</v>
      </c>
      <c r="P7448" s="59">
        <f>IF(Input!$D$19=3,J7448*Input!$C$19,0)+IF(Input!$D$20=3,K7448*Input!$C$20,0)+IF(Input!$D$21=3,L7448*Input!$C$21,0)+IF(Input!$D$22=3,M7448*Input!$C$22,0)</f>
        <v>0</v>
      </c>
      <c r="Q7448" s="75">
        <f>IF(Input!$D$19=4,J7448*Input!$C$19,0)+IF(Input!$D$20=4,K7448*Input!$C$20,0)+IF(Input!$D$21=4,L7448*Input!$C$21,0)+IF(Input!$D$22=4,M7448*Input!$C$22,0)</f>
        <v>0</v>
      </c>
      <c r="R7448" s="58">
        <v>53.810568335490522</v>
      </c>
      <c r="S7448" s="124">
        <f t="shared" si="116"/>
        <v>0.86859794904050247</v>
      </c>
    </row>
    <row r="7449" spans="8:19" x14ac:dyDescent="0.3">
      <c r="H7449" s="44">
        <v>7442</v>
      </c>
      <c r="I7449" s="56">
        <f>Bühler!I7475</f>
        <v>0.22550139061628427</v>
      </c>
      <c r="J7449" s="59">
        <f>Bühler!J7475</f>
        <v>0.75167130205428101</v>
      </c>
      <c r="K7449" s="59">
        <f>Bühler!K7475</f>
        <v>1.1275069530814215</v>
      </c>
      <c r="L7449" s="59">
        <f>Bühler!L7475</f>
        <v>5.4120333747908225</v>
      </c>
      <c r="M7449" s="58">
        <f>Bühler!M7475</f>
        <v>0</v>
      </c>
      <c r="N7449" s="56">
        <f>IF(Input!$D$19=1,J7449*Input!$C$19,0)+IF(Input!$D$20=1,K7449*Input!$C$20,0)+IF(Input!$D$21=1,L7449*Input!$C$21,0)+IF(Input!$D$22=1,M7449*Input!$C$22,0)</f>
        <v>0.2255013906162843</v>
      </c>
      <c r="O7449" s="59">
        <f>IF(Input!$D$19=2,J7449*Input!$C$19,0)+IF(Input!$D$20=2,K7449*Input!$C$20,0)+IF(Input!$D$21=2,L7449*Input!$C$21,0)+IF(Input!$D$22=2,M7449*Input!$C$22,0)</f>
        <v>0.56375347654071073</v>
      </c>
      <c r="P7449" s="59">
        <f>IF(Input!$D$19=3,J7449*Input!$C$19,0)+IF(Input!$D$20=3,K7449*Input!$C$20,0)+IF(Input!$D$21=3,L7449*Input!$C$21,0)+IF(Input!$D$22=3,M7449*Input!$C$22,0)</f>
        <v>0</v>
      </c>
      <c r="Q7449" s="75">
        <f>IF(Input!$D$19=4,J7449*Input!$C$19,0)+IF(Input!$D$20=4,K7449*Input!$C$20,0)+IF(Input!$D$21=4,L7449*Input!$C$21,0)+IF(Input!$D$22=4,M7449*Input!$C$22,0)</f>
        <v>0</v>
      </c>
      <c r="R7449" s="58">
        <v>53.86921748210532</v>
      </c>
      <c r="S7449" s="124">
        <f t="shared" si="116"/>
        <v>0.97717269267056528</v>
      </c>
    </row>
    <row r="7450" spans="8:19" x14ac:dyDescent="0.3">
      <c r="H7450" s="44">
        <v>7443</v>
      </c>
      <c r="I7450" s="56">
        <f>Bühler!I7476</f>
        <v>0.22550139061628427</v>
      </c>
      <c r="J7450" s="59">
        <f>Bühler!J7476</f>
        <v>0.75167130205428101</v>
      </c>
      <c r="K7450" s="59">
        <f>Bühler!K7476</f>
        <v>1.1275069530814215</v>
      </c>
      <c r="L7450" s="59">
        <f>Bühler!L7476</f>
        <v>5.4120333747908225</v>
      </c>
      <c r="M7450" s="58">
        <f>Bühler!M7476</f>
        <v>0</v>
      </c>
      <c r="N7450" s="56">
        <f>IF(Input!$D$19=1,J7450*Input!$C$19,0)+IF(Input!$D$20=1,K7450*Input!$C$20,0)+IF(Input!$D$21=1,L7450*Input!$C$21,0)+IF(Input!$D$22=1,M7450*Input!$C$22,0)</f>
        <v>0.2255013906162843</v>
      </c>
      <c r="O7450" s="59">
        <f>IF(Input!$D$19=2,J7450*Input!$C$19,0)+IF(Input!$D$20=2,K7450*Input!$C$20,0)+IF(Input!$D$21=2,L7450*Input!$C$21,0)+IF(Input!$D$22=2,M7450*Input!$C$22,0)</f>
        <v>0.56375347654071073</v>
      </c>
      <c r="P7450" s="59">
        <f>IF(Input!$D$19=3,J7450*Input!$C$19,0)+IF(Input!$D$20=3,K7450*Input!$C$20,0)+IF(Input!$D$21=3,L7450*Input!$C$21,0)+IF(Input!$D$22=3,M7450*Input!$C$22,0)</f>
        <v>0</v>
      </c>
      <c r="Q7450" s="75">
        <f>IF(Input!$D$19=4,J7450*Input!$C$19,0)+IF(Input!$D$20=4,K7450*Input!$C$20,0)+IF(Input!$D$21=4,L7450*Input!$C$21,0)+IF(Input!$D$22=4,M7450*Input!$C$22,0)</f>
        <v>0</v>
      </c>
      <c r="R7450" s="58">
        <v>54.211487977379512</v>
      </c>
      <c r="S7450" s="124">
        <f t="shared" si="116"/>
        <v>0.97717269267056528</v>
      </c>
    </row>
    <row r="7451" spans="8:19" x14ac:dyDescent="0.3">
      <c r="H7451" s="44">
        <v>7444</v>
      </c>
      <c r="I7451" s="56">
        <f>Bühler!I7477</f>
        <v>0.22550139061628427</v>
      </c>
      <c r="J7451" s="59">
        <f>Bühler!J7477</f>
        <v>0.75167130205428101</v>
      </c>
      <c r="K7451" s="59">
        <f>Bühler!K7477</f>
        <v>1.1275069530814215</v>
      </c>
      <c r="L7451" s="59">
        <f>Bühler!L7477</f>
        <v>5.4120333747908225</v>
      </c>
      <c r="M7451" s="58">
        <f>Bühler!M7477</f>
        <v>0</v>
      </c>
      <c r="N7451" s="56">
        <f>IF(Input!$D$19=1,J7451*Input!$C$19,0)+IF(Input!$D$20=1,K7451*Input!$C$20,0)+IF(Input!$D$21=1,L7451*Input!$C$21,0)+IF(Input!$D$22=1,M7451*Input!$C$22,0)</f>
        <v>0.2255013906162843</v>
      </c>
      <c r="O7451" s="59">
        <f>IF(Input!$D$19=2,J7451*Input!$C$19,0)+IF(Input!$D$20=2,K7451*Input!$C$20,0)+IF(Input!$D$21=2,L7451*Input!$C$21,0)+IF(Input!$D$22=2,M7451*Input!$C$22,0)</f>
        <v>0.56375347654071073</v>
      </c>
      <c r="P7451" s="59">
        <f>IF(Input!$D$19=3,J7451*Input!$C$19,0)+IF(Input!$D$20=3,K7451*Input!$C$20,0)+IF(Input!$D$21=3,L7451*Input!$C$21,0)+IF(Input!$D$22=3,M7451*Input!$C$22,0)</f>
        <v>0</v>
      </c>
      <c r="Q7451" s="75">
        <f>IF(Input!$D$19=4,J7451*Input!$C$19,0)+IF(Input!$D$20=4,K7451*Input!$C$20,0)+IF(Input!$D$21=4,L7451*Input!$C$21,0)+IF(Input!$D$22=4,M7451*Input!$C$22,0)</f>
        <v>0</v>
      </c>
      <c r="R7451" s="58">
        <v>54.503892516315474</v>
      </c>
      <c r="S7451" s="124">
        <f t="shared" si="116"/>
        <v>0.97717269267056528</v>
      </c>
    </row>
    <row r="7452" spans="8:19" x14ac:dyDescent="0.3">
      <c r="H7452" s="44">
        <v>7445</v>
      </c>
      <c r="I7452" s="56">
        <f>Bühler!I7478</f>
        <v>0.22550139061628427</v>
      </c>
      <c r="J7452" s="59">
        <f>Bühler!J7478</f>
        <v>0.75167130205428101</v>
      </c>
      <c r="K7452" s="59">
        <f>Bühler!K7478</f>
        <v>1.1275069530814215</v>
      </c>
      <c r="L7452" s="59">
        <f>Bühler!L7478</f>
        <v>5.4120333747908225</v>
      </c>
      <c r="M7452" s="58">
        <f>Bühler!M7478</f>
        <v>0</v>
      </c>
      <c r="N7452" s="56">
        <f>IF(Input!$D$19=1,J7452*Input!$C$19,0)+IF(Input!$D$20=1,K7452*Input!$C$20,0)+IF(Input!$D$21=1,L7452*Input!$C$21,0)+IF(Input!$D$22=1,M7452*Input!$C$22,0)</f>
        <v>0.2255013906162843</v>
      </c>
      <c r="O7452" s="59">
        <f>IF(Input!$D$19=2,J7452*Input!$C$19,0)+IF(Input!$D$20=2,K7452*Input!$C$20,0)+IF(Input!$D$21=2,L7452*Input!$C$21,0)+IF(Input!$D$22=2,M7452*Input!$C$22,0)</f>
        <v>0.56375347654071073</v>
      </c>
      <c r="P7452" s="59">
        <f>IF(Input!$D$19=3,J7452*Input!$C$19,0)+IF(Input!$D$20=3,K7452*Input!$C$20,0)+IF(Input!$D$21=3,L7452*Input!$C$21,0)+IF(Input!$D$22=3,M7452*Input!$C$22,0)</f>
        <v>0</v>
      </c>
      <c r="Q7452" s="75">
        <f>IF(Input!$D$19=4,J7452*Input!$C$19,0)+IF(Input!$D$20=4,K7452*Input!$C$20,0)+IF(Input!$D$21=4,L7452*Input!$C$21,0)+IF(Input!$D$22=4,M7452*Input!$C$22,0)</f>
        <v>0</v>
      </c>
      <c r="R7452" s="58">
        <v>55.570428575454052</v>
      </c>
      <c r="S7452" s="124">
        <f t="shared" si="116"/>
        <v>0.97717269267056528</v>
      </c>
    </row>
    <row r="7453" spans="8:19" x14ac:dyDescent="0.3">
      <c r="H7453" s="44">
        <v>7446</v>
      </c>
      <c r="I7453" s="56">
        <f>Bühler!I7479</f>
        <v>0.29064623679432194</v>
      </c>
      <c r="J7453" s="59">
        <f>Bühler!J7479</f>
        <v>0.96882078931440663</v>
      </c>
      <c r="K7453" s="59">
        <f>Bühler!K7479</f>
        <v>1.4532311839716099</v>
      </c>
      <c r="L7453" s="59">
        <f>Bühler!L7479</f>
        <v>6.9755096830637271</v>
      </c>
      <c r="M7453" s="58">
        <f>Bühler!M7479</f>
        <v>0</v>
      </c>
      <c r="N7453" s="56">
        <f>IF(Input!$D$19=1,J7453*Input!$C$19,0)+IF(Input!$D$20=1,K7453*Input!$C$20,0)+IF(Input!$D$21=1,L7453*Input!$C$21,0)+IF(Input!$D$22=1,M7453*Input!$C$22,0)</f>
        <v>0.290646236794322</v>
      </c>
      <c r="O7453" s="59">
        <f>IF(Input!$D$19=2,J7453*Input!$C$19,0)+IF(Input!$D$20=2,K7453*Input!$C$20,0)+IF(Input!$D$21=2,L7453*Input!$C$21,0)+IF(Input!$D$22=2,M7453*Input!$C$22,0)</f>
        <v>0.72661559198580494</v>
      </c>
      <c r="P7453" s="59">
        <f>IF(Input!$D$19=3,J7453*Input!$C$19,0)+IF(Input!$D$20=3,K7453*Input!$C$20,0)+IF(Input!$D$21=3,L7453*Input!$C$21,0)+IF(Input!$D$22=3,M7453*Input!$C$22,0)</f>
        <v>0</v>
      </c>
      <c r="Q7453" s="75">
        <f>IF(Input!$D$19=4,J7453*Input!$C$19,0)+IF(Input!$D$20=4,K7453*Input!$C$20,0)+IF(Input!$D$21=4,L7453*Input!$C$21,0)+IF(Input!$D$22=4,M7453*Input!$C$22,0)</f>
        <v>0</v>
      </c>
      <c r="R7453" s="58">
        <v>58.657661959829518</v>
      </c>
      <c r="S7453" s="124">
        <f t="shared" si="116"/>
        <v>1.2594670261087286</v>
      </c>
    </row>
    <row r="7454" spans="8:19" x14ac:dyDescent="0.3">
      <c r="H7454" s="44">
        <v>7447</v>
      </c>
      <c r="I7454" s="56">
        <f>Bühler!I7480</f>
        <v>0.33574651491757879</v>
      </c>
      <c r="J7454" s="59">
        <f>Bühler!J7480</f>
        <v>1.1191550497252627</v>
      </c>
      <c r="K7454" s="59">
        <f>Bühler!K7480</f>
        <v>1.6787325745878938</v>
      </c>
      <c r="L7454" s="59">
        <f>Bühler!L7480</f>
        <v>8.05791635802189</v>
      </c>
      <c r="M7454" s="58">
        <f>Bühler!M7480</f>
        <v>0</v>
      </c>
      <c r="N7454" s="56">
        <f>IF(Input!$D$19=1,J7454*Input!$C$19,0)+IF(Input!$D$20=1,K7454*Input!$C$20,0)+IF(Input!$D$21=1,L7454*Input!$C$21,0)+IF(Input!$D$22=1,M7454*Input!$C$22,0)</f>
        <v>0.33574651491757879</v>
      </c>
      <c r="O7454" s="59">
        <f>IF(Input!$D$19=2,J7454*Input!$C$19,0)+IF(Input!$D$20=2,K7454*Input!$C$20,0)+IF(Input!$D$21=2,L7454*Input!$C$21,0)+IF(Input!$D$22=2,M7454*Input!$C$22,0)</f>
        <v>0.83936628729394691</v>
      </c>
      <c r="P7454" s="59">
        <f>IF(Input!$D$19=3,J7454*Input!$C$19,0)+IF(Input!$D$20=3,K7454*Input!$C$20,0)+IF(Input!$D$21=3,L7454*Input!$C$21,0)+IF(Input!$D$22=3,M7454*Input!$C$22,0)</f>
        <v>0</v>
      </c>
      <c r="Q7454" s="75">
        <f>IF(Input!$D$19=4,J7454*Input!$C$19,0)+IF(Input!$D$20=4,K7454*Input!$C$20,0)+IF(Input!$D$21=4,L7454*Input!$C$21,0)+IF(Input!$D$22=4,M7454*Input!$C$22,0)</f>
        <v>0</v>
      </c>
      <c r="R7454" s="58">
        <v>62.144865681013727</v>
      </c>
      <c r="S7454" s="124">
        <f t="shared" si="116"/>
        <v>1.4549015646428414</v>
      </c>
    </row>
    <row r="7455" spans="8:19" x14ac:dyDescent="0.3">
      <c r="H7455" s="44">
        <v>7448</v>
      </c>
      <c r="I7455" s="56">
        <f>Bühler!I7481</f>
        <v>0.33574651491757879</v>
      </c>
      <c r="J7455" s="59">
        <f>Bühler!J7481</f>
        <v>1.1191550497252627</v>
      </c>
      <c r="K7455" s="59">
        <f>Bühler!K7481</f>
        <v>1.6787325745878938</v>
      </c>
      <c r="L7455" s="59">
        <f>Bühler!L7481</f>
        <v>8.05791635802189</v>
      </c>
      <c r="M7455" s="58">
        <f>Bühler!M7481</f>
        <v>0</v>
      </c>
      <c r="N7455" s="56">
        <f>IF(Input!$D$19=1,J7455*Input!$C$19,0)+IF(Input!$D$20=1,K7455*Input!$C$20,0)+IF(Input!$D$21=1,L7455*Input!$C$21,0)+IF(Input!$D$22=1,M7455*Input!$C$22,0)</f>
        <v>0.33574651491757879</v>
      </c>
      <c r="O7455" s="59">
        <f>IF(Input!$D$19=2,J7455*Input!$C$19,0)+IF(Input!$D$20=2,K7455*Input!$C$20,0)+IF(Input!$D$21=2,L7455*Input!$C$21,0)+IF(Input!$D$22=2,M7455*Input!$C$22,0)</f>
        <v>0.83936628729394691</v>
      </c>
      <c r="P7455" s="59">
        <f>IF(Input!$D$19=3,J7455*Input!$C$19,0)+IF(Input!$D$20=3,K7455*Input!$C$20,0)+IF(Input!$D$21=3,L7455*Input!$C$21,0)+IF(Input!$D$22=3,M7455*Input!$C$22,0)</f>
        <v>0</v>
      </c>
      <c r="Q7455" s="75">
        <f>IF(Input!$D$19=4,J7455*Input!$C$19,0)+IF(Input!$D$20=4,K7455*Input!$C$20,0)+IF(Input!$D$21=4,L7455*Input!$C$21,0)+IF(Input!$D$22=4,M7455*Input!$C$22,0)</f>
        <v>0</v>
      </c>
      <c r="R7455" s="58">
        <v>64.102554882149377</v>
      </c>
      <c r="S7455" s="124">
        <f t="shared" si="116"/>
        <v>1.4549015646428414</v>
      </c>
    </row>
    <row r="7456" spans="8:19" x14ac:dyDescent="0.3">
      <c r="H7456" s="44">
        <v>7449</v>
      </c>
      <c r="I7456" s="56">
        <f>Bühler!I7482</f>
        <v>0.33574651491757879</v>
      </c>
      <c r="J7456" s="59">
        <f>Bühler!J7482</f>
        <v>1.1191550497252627</v>
      </c>
      <c r="K7456" s="59">
        <f>Bühler!K7482</f>
        <v>1.6787325745878938</v>
      </c>
      <c r="L7456" s="59">
        <f>Bühler!L7482</f>
        <v>8.05791635802189</v>
      </c>
      <c r="M7456" s="58">
        <f>Bühler!M7482</f>
        <v>0</v>
      </c>
      <c r="N7456" s="56">
        <f>IF(Input!$D$19=1,J7456*Input!$C$19,0)+IF(Input!$D$20=1,K7456*Input!$C$20,0)+IF(Input!$D$21=1,L7456*Input!$C$21,0)+IF(Input!$D$22=1,M7456*Input!$C$22,0)</f>
        <v>0.33574651491757879</v>
      </c>
      <c r="O7456" s="59">
        <f>IF(Input!$D$19=2,J7456*Input!$C$19,0)+IF(Input!$D$20=2,K7456*Input!$C$20,0)+IF(Input!$D$21=2,L7456*Input!$C$21,0)+IF(Input!$D$22=2,M7456*Input!$C$22,0)</f>
        <v>0.83936628729394691</v>
      </c>
      <c r="P7456" s="59">
        <f>IF(Input!$D$19=3,J7456*Input!$C$19,0)+IF(Input!$D$20=3,K7456*Input!$C$20,0)+IF(Input!$D$21=3,L7456*Input!$C$21,0)+IF(Input!$D$22=3,M7456*Input!$C$22,0)</f>
        <v>0</v>
      </c>
      <c r="Q7456" s="75">
        <f>IF(Input!$D$19=4,J7456*Input!$C$19,0)+IF(Input!$D$20=4,K7456*Input!$C$20,0)+IF(Input!$D$21=4,L7456*Input!$C$21,0)+IF(Input!$D$22=4,M7456*Input!$C$22,0)</f>
        <v>0</v>
      </c>
      <c r="R7456" s="58">
        <v>64.098977767233478</v>
      </c>
      <c r="S7456" s="124">
        <f t="shared" si="116"/>
        <v>1.4549015646428414</v>
      </c>
    </row>
    <row r="7457" spans="8:19" x14ac:dyDescent="0.3">
      <c r="H7457" s="44">
        <v>7450</v>
      </c>
      <c r="I7457" s="56">
        <f>Bühler!I7483</f>
        <v>0.3608022249860548</v>
      </c>
      <c r="J7457" s="59">
        <f>Bühler!J7483</f>
        <v>1.2026740832868494</v>
      </c>
      <c r="K7457" s="59">
        <f>Bühler!K7483</f>
        <v>1.8040111249302742</v>
      </c>
      <c r="L7457" s="59">
        <f>Bühler!L7483</f>
        <v>8.6592533996653156</v>
      </c>
      <c r="M7457" s="58">
        <f>Bühler!M7483</f>
        <v>0</v>
      </c>
      <c r="N7457" s="56">
        <f>IF(Input!$D$19=1,J7457*Input!$C$19,0)+IF(Input!$D$20=1,K7457*Input!$C$20,0)+IF(Input!$D$21=1,L7457*Input!$C$21,0)+IF(Input!$D$22=1,M7457*Input!$C$22,0)</f>
        <v>0.3608022249860548</v>
      </c>
      <c r="O7457" s="59">
        <f>IF(Input!$D$19=2,J7457*Input!$C$19,0)+IF(Input!$D$20=2,K7457*Input!$C$20,0)+IF(Input!$D$21=2,L7457*Input!$C$21,0)+IF(Input!$D$22=2,M7457*Input!$C$22,0)</f>
        <v>0.90200556246513708</v>
      </c>
      <c r="P7457" s="59">
        <f>IF(Input!$D$19=3,J7457*Input!$C$19,0)+IF(Input!$D$20=3,K7457*Input!$C$20,0)+IF(Input!$D$21=3,L7457*Input!$C$21,0)+IF(Input!$D$22=3,M7457*Input!$C$22,0)</f>
        <v>0</v>
      </c>
      <c r="Q7457" s="75">
        <f>IF(Input!$D$19=4,J7457*Input!$C$19,0)+IF(Input!$D$20=4,K7457*Input!$C$20,0)+IF(Input!$D$21=4,L7457*Input!$C$21,0)+IF(Input!$D$22=4,M7457*Input!$C$22,0)</f>
        <v>0</v>
      </c>
      <c r="R7457" s="58">
        <v>64.643251694701561</v>
      </c>
      <c r="S7457" s="124">
        <f t="shared" si="116"/>
        <v>1.5634763082729042</v>
      </c>
    </row>
    <row r="7458" spans="8:19" x14ac:dyDescent="0.3">
      <c r="H7458" s="44">
        <v>7451</v>
      </c>
      <c r="I7458" s="56">
        <f>Bühler!I7484</f>
        <v>0.39086907706822599</v>
      </c>
      <c r="J7458" s="59">
        <f>Bühler!J7484</f>
        <v>1.3028969235607535</v>
      </c>
      <c r="K7458" s="59">
        <f>Bühler!K7484</f>
        <v>1.9543453853411299</v>
      </c>
      <c r="L7458" s="59">
        <f>Bühler!L7484</f>
        <v>9.3808578496374242</v>
      </c>
      <c r="M7458" s="58">
        <f>Bühler!M7484</f>
        <v>0</v>
      </c>
      <c r="N7458" s="56">
        <f>IF(Input!$D$19=1,J7458*Input!$C$19,0)+IF(Input!$D$20=1,K7458*Input!$C$20,0)+IF(Input!$D$21=1,L7458*Input!$C$21,0)+IF(Input!$D$22=1,M7458*Input!$C$22,0)</f>
        <v>0.39086907706822605</v>
      </c>
      <c r="O7458" s="59">
        <f>IF(Input!$D$19=2,J7458*Input!$C$19,0)+IF(Input!$D$20=2,K7458*Input!$C$20,0)+IF(Input!$D$21=2,L7458*Input!$C$21,0)+IF(Input!$D$22=2,M7458*Input!$C$22,0)</f>
        <v>0.97717269267056495</v>
      </c>
      <c r="P7458" s="59">
        <f>IF(Input!$D$19=3,J7458*Input!$C$19,0)+IF(Input!$D$20=3,K7458*Input!$C$20,0)+IF(Input!$D$21=3,L7458*Input!$C$21,0)+IF(Input!$D$22=3,M7458*Input!$C$22,0)</f>
        <v>0</v>
      </c>
      <c r="Q7458" s="75">
        <f>IF(Input!$D$19=4,J7458*Input!$C$19,0)+IF(Input!$D$20=4,K7458*Input!$C$20,0)+IF(Input!$D$21=4,L7458*Input!$C$21,0)+IF(Input!$D$22=4,M7458*Input!$C$22,0)</f>
        <v>0</v>
      </c>
      <c r="R7458" s="58">
        <v>65.139474427247748</v>
      </c>
      <c r="S7458" s="124">
        <f t="shared" si="116"/>
        <v>1.6937660006289794</v>
      </c>
    </row>
    <row r="7459" spans="8:19" x14ac:dyDescent="0.3">
      <c r="H7459" s="44">
        <v>7452</v>
      </c>
      <c r="I7459" s="56">
        <f>Bühler!I7485</f>
        <v>0.45100278123256854</v>
      </c>
      <c r="J7459" s="59">
        <f>Bühler!J7485</f>
        <v>1.503342604108562</v>
      </c>
      <c r="K7459" s="59">
        <f>Bühler!K7485</f>
        <v>2.2550139061628429</v>
      </c>
      <c r="L7459" s="59">
        <f>Bühler!L7485</f>
        <v>10.824066749581645</v>
      </c>
      <c r="M7459" s="58">
        <f>Bühler!M7485</f>
        <v>0</v>
      </c>
      <c r="N7459" s="56">
        <f>IF(Input!$D$19=1,J7459*Input!$C$19,0)+IF(Input!$D$20=1,K7459*Input!$C$20,0)+IF(Input!$D$21=1,L7459*Input!$C$21,0)+IF(Input!$D$22=1,M7459*Input!$C$22,0)</f>
        <v>0.45100278123256859</v>
      </c>
      <c r="O7459" s="59">
        <f>IF(Input!$D$19=2,J7459*Input!$C$19,0)+IF(Input!$D$20=2,K7459*Input!$C$20,0)+IF(Input!$D$21=2,L7459*Input!$C$21,0)+IF(Input!$D$22=2,M7459*Input!$C$22,0)</f>
        <v>1.1275069530814215</v>
      </c>
      <c r="P7459" s="59">
        <f>IF(Input!$D$19=3,J7459*Input!$C$19,0)+IF(Input!$D$20=3,K7459*Input!$C$20,0)+IF(Input!$D$21=3,L7459*Input!$C$21,0)+IF(Input!$D$22=3,M7459*Input!$C$22,0)</f>
        <v>0</v>
      </c>
      <c r="Q7459" s="75">
        <f>IF(Input!$D$19=4,J7459*Input!$C$19,0)+IF(Input!$D$20=4,K7459*Input!$C$20,0)+IF(Input!$D$21=4,L7459*Input!$C$21,0)+IF(Input!$D$22=4,M7459*Input!$C$22,0)</f>
        <v>0</v>
      </c>
      <c r="R7459" s="58">
        <v>65.394075088101019</v>
      </c>
      <c r="S7459" s="124">
        <f t="shared" si="116"/>
        <v>1.9543453853411306</v>
      </c>
    </row>
    <row r="7460" spans="8:19" x14ac:dyDescent="0.3">
      <c r="H7460" s="44">
        <v>7453</v>
      </c>
      <c r="I7460" s="56">
        <f>Bühler!I7486</f>
        <v>0.45100278123256854</v>
      </c>
      <c r="J7460" s="59">
        <f>Bühler!J7486</f>
        <v>1.503342604108562</v>
      </c>
      <c r="K7460" s="59">
        <f>Bühler!K7486</f>
        <v>2.2550139061628429</v>
      </c>
      <c r="L7460" s="59">
        <f>Bühler!L7486</f>
        <v>10.824066749581645</v>
      </c>
      <c r="M7460" s="58">
        <f>Bühler!M7486</f>
        <v>0</v>
      </c>
      <c r="N7460" s="56">
        <f>IF(Input!$D$19=1,J7460*Input!$C$19,0)+IF(Input!$D$20=1,K7460*Input!$C$20,0)+IF(Input!$D$21=1,L7460*Input!$C$21,0)+IF(Input!$D$22=1,M7460*Input!$C$22,0)</f>
        <v>0.45100278123256859</v>
      </c>
      <c r="O7460" s="59">
        <f>IF(Input!$D$19=2,J7460*Input!$C$19,0)+IF(Input!$D$20=2,K7460*Input!$C$20,0)+IF(Input!$D$21=2,L7460*Input!$C$21,0)+IF(Input!$D$22=2,M7460*Input!$C$22,0)</f>
        <v>1.1275069530814215</v>
      </c>
      <c r="P7460" s="59">
        <f>IF(Input!$D$19=3,J7460*Input!$C$19,0)+IF(Input!$D$20=3,K7460*Input!$C$20,0)+IF(Input!$D$21=3,L7460*Input!$C$21,0)+IF(Input!$D$22=3,M7460*Input!$C$22,0)</f>
        <v>0</v>
      </c>
      <c r="Q7460" s="75">
        <f>IF(Input!$D$19=4,J7460*Input!$C$19,0)+IF(Input!$D$20=4,K7460*Input!$C$20,0)+IF(Input!$D$21=4,L7460*Input!$C$21,0)+IF(Input!$D$22=4,M7460*Input!$C$22,0)</f>
        <v>0</v>
      </c>
      <c r="R7460" s="58">
        <v>64.316237179320751</v>
      </c>
      <c r="S7460" s="124">
        <f t="shared" si="116"/>
        <v>1.9543453853411306</v>
      </c>
    </row>
    <row r="7461" spans="8:19" x14ac:dyDescent="0.3">
      <c r="H7461" s="44">
        <v>7454</v>
      </c>
      <c r="I7461" s="56">
        <f>Bühler!I7487</f>
        <v>0.45100278123256854</v>
      </c>
      <c r="J7461" s="59">
        <f>Bühler!J7487</f>
        <v>1.503342604108562</v>
      </c>
      <c r="K7461" s="59">
        <f>Bühler!K7487</f>
        <v>2.2550139061628429</v>
      </c>
      <c r="L7461" s="59">
        <f>Bühler!L7487</f>
        <v>10.824066749581645</v>
      </c>
      <c r="M7461" s="58">
        <f>Bühler!M7487</f>
        <v>0</v>
      </c>
      <c r="N7461" s="56">
        <f>IF(Input!$D$19=1,J7461*Input!$C$19,0)+IF(Input!$D$20=1,K7461*Input!$C$20,0)+IF(Input!$D$21=1,L7461*Input!$C$21,0)+IF(Input!$D$22=1,M7461*Input!$C$22,0)</f>
        <v>0.45100278123256859</v>
      </c>
      <c r="O7461" s="59">
        <f>IF(Input!$D$19=2,J7461*Input!$C$19,0)+IF(Input!$D$20=2,K7461*Input!$C$20,0)+IF(Input!$D$21=2,L7461*Input!$C$21,0)+IF(Input!$D$22=2,M7461*Input!$C$22,0)</f>
        <v>1.1275069530814215</v>
      </c>
      <c r="P7461" s="59">
        <f>IF(Input!$D$19=3,J7461*Input!$C$19,0)+IF(Input!$D$20=3,K7461*Input!$C$20,0)+IF(Input!$D$21=3,L7461*Input!$C$21,0)+IF(Input!$D$22=3,M7461*Input!$C$22,0)</f>
        <v>0</v>
      </c>
      <c r="Q7461" s="75">
        <f>IF(Input!$D$19=4,J7461*Input!$C$19,0)+IF(Input!$D$20=4,K7461*Input!$C$20,0)+IF(Input!$D$21=4,L7461*Input!$C$21,0)+IF(Input!$D$22=4,M7461*Input!$C$22,0)</f>
        <v>0</v>
      </c>
      <c r="R7461" s="58">
        <v>63.910116875463686</v>
      </c>
      <c r="S7461" s="124">
        <f t="shared" si="116"/>
        <v>1.9543453853411306</v>
      </c>
    </row>
    <row r="7462" spans="8:19" x14ac:dyDescent="0.3">
      <c r="H7462" s="44">
        <v>7455</v>
      </c>
      <c r="I7462" s="56">
        <f>Bühler!I7488</f>
        <v>0.45100278123256854</v>
      </c>
      <c r="J7462" s="59">
        <f>Bühler!J7488</f>
        <v>1.503342604108562</v>
      </c>
      <c r="K7462" s="59">
        <f>Bühler!K7488</f>
        <v>2.2550139061628429</v>
      </c>
      <c r="L7462" s="59">
        <f>Bühler!L7488</f>
        <v>10.824066749581645</v>
      </c>
      <c r="M7462" s="58">
        <f>Bühler!M7488</f>
        <v>0</v>
      </c>
      <c r="N7462" s="56">
        <f>IF(Input!$D$19=1,J7462*Input!$C$19,0)+IF(Input!$D$20=1,K7462*Input!$C$20,0)+IF(Input!$D$21=1,L7462*Input!$C$21,0)+IF(Input!$D$22=1,M7462*Input!$C$22,0)</f>
        <v>0.45100278123256859</v>
      </c>
      <c r="O7462" s="59">
        <f>IF(Input!$D$19=2,J7462*Input!$C$19,0)+IF(Input!$D$20=2,K7462*Input!$C$20,0)+IF(Input!$D$21=2,L7462*Input!$C$21,0)+IF(Input!$D$22=2,M7462*Input!$C$22,0)</f>
        <v>1.1275069530814215</v>
      </c>
      <c r="P7462" s="59">
        <f>IF(Input!$D$19=3,J7462*Input!$C$19,0)+IF(Input!$D$20=3,K7462*Input!$C$20,0)+IF(Input!$D$21=3,L7462*Input!$C$21,0)+IF(Input!$D$22=3,M7462*Input!$C$22,0)</f>
        <v>0</v>
      </c>
      <c r="Q7462" s="75">
        <f>IF(Input!$D$19=4,J7462*Input!$C$19,0)+IF(Input!$D$20=4,K7462*Input!$C$20,0)+IF(Input!$D$21=4,L7462*Input!$C$21,0)+IF(Input!$D$22=4,M7462*Input!$C$22,0)</f>
        <v>0</v>
      </c>
      <c r="R7462" s="58">
        <v>64.936062767654008</v>
      </c>
      <c r="S7462" s="124">
        <f t="shared" si="116"/>
        <v>1.9543453853411306</v>
      </c>
    </row>
    <row r="7463" spans="8:19" x14ac:dyDescent="0.3">
      <c r="H7463" s="44">
        <v>7456</v>
      </c>
      <c r="I7463" s="56">
        <f>Bühler!I7489</f>
        <v>0.45100278123256854</v>
      </c>
      <c r="J7463" s="59">
        <f>Bühler!J7489</f>
        <v>1.503342604108562</v>
      </c>
      <c r="K7463" s="59">
        <f>Bühler!K7489</f>
        <v>2.2550139061628429</v>
      </c>
      <c r="L7463" s="59">
        <f>Bühler!L7489</f>
        <v>10.824066749581645</v>
      </c>
      <c r="M7463" s="58">
        <f>Bühler!M7489</f>
        <v>0</v>
      </c>
      <c r="N7463" s="56">
        <f>IF(Input!$D$19=1,J7463*Input!$C$19,0)+IF(Input!$D$20=1,K7463*Input!$C$20,0)+IF(Input!$D$21=1,L7463*Input!$C$21,0)+IF(Input!$D$22=1,M7463*Input!$C$22,0)</f>
        <v>0.45100278123256859</v>
      </c>
      <c r="O7463" s="59">
        <f>IF(Input!$D$19=2,J7463*Input!$C$19,0)+IF(Input!$D$20=2,K7463*Input!$C$20,0)+IF(Input!$D$21=2,L7463*Input!$C$21,0)+IF(Input!$D$22=2,M7463*Input!$C$22,0)</f>
        <v>1.1275069530814215</v>
      </c>
      <c r="P7463" s="59">
        <f>IF(Input!$D$19=3,J7463*Input!$C$19,0)+IF(Input!$D$20=3,K7463*Input!$C$20,0)+IF(Input!$D$21=3,L7463*Input!$C$21,0)+IF(Input!$D$22=3,M7463*Input!$C$22,0)</f>
        <v>0</v>
      </c>
      <c r="Q7463" s="75">
        <f>IF(Input!$D$19=4,J7463*Input!$C$19,0)+IF(Input!$D$20=4,K7463*Input!$C$20,0)+IF(Input!$D$21=4,L7463*Input!$C$21,0)+IF(Input!$D$22=4,M7463*Input!$C$22,0)</f>
        <v>0</v>
      </c>
      <c r="R7463" s="58">
        <v>63.59713175543483</v>
      </c>
      <c r="S7463" s="124">
        <f t="shared" si="116"/>
        <v>1.9543453853411306</v>
      </c>
    </row>
    <row r="7464" spans="8:19" x14ac:dyDescent="0.3">
      <c r="H7464" s="44">
        <v>7457</v>
      </c>
      <c r="I7464" s="56">
        <f>Bühler!I7490</f>
        <v>0.45100278123256854</v>
      </c>
      <c r="J7464" s="59">
        <f>Bühler!J7490</f>
        <v>1.503342604108562</v>
      </c>
      <c r="K7464" s="59">
        <f>Bühler!K7490</f>
        <v>2.2550139061628429</v>
      </c>
      <c r="L7464" s="59">
        <f>Bühler!L7490</f>
        <v>10.824066749581645</v>
      </c>
      <c r="M7464" s="58">
        <f>Bühler!M7490</f>
        <v>0</v>
      </c>
      <c r="N7464" s="56">
        <f>IF(Input!$D$19=1,J7464*Input!$C$19,0)+IF(Input!$D$20=1,K7464*Input!$C$20,0)+IF(Input!$D$21=1,L7464*Input!$C$21,0)+IF(Input!$D$22=1,M7464*Input!$C$22,0)</f>
        <v>0.45100278123256859</v>
      </c>
      <c r="O7464" s="59">
        <f>IF(Input!$D$19=2,J7464*Input!$C$19,0)+IF(Input!$D$20=2,K7464*Input!$C$20,0)+IF(Input!$D$21=2,L7464*Input!$C$21,0)+IF(Input!$D$22=2,M7464*Input!$C$22,0)</f>
        <v>1.1275069530814215</v>
      </c>
      <c r="P7464" s="59">
        <f>IF(Input!$D$19=3,J7464*Input!$C$19,0)+IF(Input!$D$20=3,K7464*Input!$C$20,0)+IF(Input!$D$21=3,L7464*Input!$C$21,0)+IF(Input!$D$22=3,M7464*Input!$C$22,0)</f>
        <v>0</v>
      </c>
      <c r="Q7464" s="75">
        <f>IF(Input!$D$19=4,J7464*Input!$C$19,0)+IF(Input!$D$20=4,K7464*Input!$C$20,0)+IF(Input!$D$21=4,L7464*Input!$C$21,0)+IF(Input!$D$22=4,M7464*Input!$C$22,0)</f>
        <v>0</v>
      </c>
      <c r="R7464" s="58">
        <v>62.541601986469885</v>
      </c>
      <c r="S7464" s="124">
        <f t="shared" si="116"/>
        <v>1.9543453853411306</v>
      </c>
    </row>
    <row r="7465" spans="8:19" x14ac:dyDescent="0.3">
      <c r="H7465" s="44">
        <v>7458</v>
      </c>
      <c r="I7465" s="56">
        <f>Bühler!I7491</f>
        <v>0.45100278123256854</v>
      </c>
      <c r="J7465" s="59">
        <f>Bühler!J7491</f>
        <v>1.503342604108562</v>
      </c>
      <c r="K7465" s="59">
        <f>Bühler!K7491</f>
        <v>2.2550139061628429</v>
      </c>
      <c r="L7465" s="59">
        <f>Bühler!L7491</f>
        <v>10.824066749581645</v>
      </c>
      <c r="M7465" s="58">
        <f>Bühler!M7491</f>
        <v>0</v>
      </c>
      <c r="N7465" s="56">
        <f>IF(Input!$D$19=1,J7465*Input!$C$19,0)+IF(Input!$D$20=1,K7465*Input!$C$20,0)+IF(Input!$D$21=1,L7465*Input!$C$21,0)+IF(Input!$D$22=1,M7465*Input!$C$22,0)</f>
        <v>0.45100278123256859</v>
      </c>
      <c r="O7465" s="59">
        <f>IF(Input!$D$19=2,J7465*Input!$C$19,0)+IF(Input!$D$20=2,K7465*Input!$C$20,0)+IF(Input!$D$21=2,L7465*Input!$C$21,0)+IF(Input!$D$22=2,M7465*Input!$C$22,0)</f>
        <v>1.1275069530814215</v>
      </c>
      <c r="P7465" s="59">
        <f>IF(Input!$D$19=3,J7465*Input!$C$19,0)+IF(Input!$D$20=3,K7465*Input!$C$20,0)+IF(Input!$D$21=3,L7465*Input!$C$21,0)+IF(Input!$D$22=3,M7465*Input!$C$22,0)</f>
        <v>0</v>
      </c>
      <c r="Q7465" s="75">
        <f>IF(Input!$D$19=4,J7465*Input!$C$19,0)+IF(Input!$D$20=4,K7465*Input!$C$20,0)+IF(Input!$D$21=4,L7465*Input!$C$21,0)+IF(Input!$D$22=4,M7465*Input!$C$22,0)</f>
        <v>0</v>
      </c>
      <c r="R7465" s="58">
        <v>61.483636504651862</v>
      </c>
      <c r="S7465" s="124">
        <f t="shared" si="116"/>
        <v>1.9543453853411306</v>
      </c>
    </row>
    <row r="7466" spans="8:19" x14ac:dyDescent="0.3">
      <c r="H7466" s="44">
        <v>7459</v>
      </c>
      <c r="I7466" s="56">
        <f>Bühler!I7492</f>
        <v>0.45100278123256854</v>
      </c>
      <c r="J7466" s="59">
        <f>Bühler!J7492</f>
        <v>1.503342604108562</v>
      </c>
      <c r="K7466" s="59">
        <f>Bühler!K7492</f>
        <v>2.2550139061628429</v>
      </c>
      <c r="L7466" s="59">
        <f>Bühler!L7492</f>
        <v>10.824066749581645</v>
      </c>
      <c r="M7466" s="58">
        <f>Bühler!M7492</f>
        <v>0</v>
      </c>
      <c r="N7466" s="56">
        <f>IF(Input!$D$19=1,J7466*Input!$C$19,0)+IF(Input!$D$20=1,K7466*Input!$C$20,0)+IF(Input!$D$21=1,L7466*Input!$C$21,0)+IF(Input!$D$22=1,M7466*Input!$C$22,0)</f>
        <v>0.45100278123256859</v>
      </c>
      <c r="O7466" s="59">
        <f>IF(Input!$D$19=2,J7466*Input!$C$19,0)+IF(Input!$D$20=2,K7466*Input!$C$20,0)+IF(Input!$D$21=2,L7466*Input!$C$21,0)+IF(Input!$D$22=2,M7466*Input!$C$22,0)</f>
        <v>1.1275069530814215</v>
      </c>
      <c r="P7466" s="59">
        <f>IF(Input!$D$19=3,J7466*Input!$C$19,0)+IF(Input!$D$20=3,K7466*Input!$C$20,0)+IF(Input!$D$21=3,L7466*Input!$C$21,0)+IF(Input!$D$22=3,M7466*Input!$C$22,0)</f>
        <v>0</v>
      </c>
      <c r="Q7466" s="75">
        <f>IF(Input!$D$19=4,J7466*Input!$C$19,0)+IF(Input!$D$20=4,K7466*Input!$C$20,0)+IF(Input!$D$21=4,L7466*Input!$C$21,0)+IF(Input!$D$22=4,M7466*Input!$C$22,0)</f>
        <v>0</v>
      </c>
      <c r="R7466" s="58">
        <v>60.918155768557774</v>
      </c>
      <c r="S7466" s="124">
        <f t="shared" si="116"/>
        <v>1.9543453853411306</v>
      </c>
    </row>
    <row r="7467" spans="8:19" x14ac:dyDescent="0.3">
      <c r="H7467" s="44">
        <v>7460</v>
      </c>
      <c r="I7467" s="56">
        <f>Bühler!I7493</f>
        <v>0.37583565102714045</v>
      </c>
      <c r="J7467" s="59">
        <f>Bühler!J7493</f>
        <v>1.2527855034238016</v>
      </c>
      <c r="K7467" s="59">
        <f>Bühler!K7493</f>
        <v>1.8791782551357024</v>
      </c>
      <c r="L7467" s="59">
        <f>Bühler!L7493</f>
        <v>9.0200556246513717</v>
      </c>
      <c r="M7467" s="58">
        <f>Bühler!M7493</f>
        <v>0</v>
      </c>
      <c r="N7467" s="56">
        <f>IF(Input!$D$19=1,J7467*Input!$C$19,0)+IF(Input!$D$20=1,K7467*Input!$C$20,0)+IF(Input!$D$21=1,L7467*Input!$C$21,0)+IF(Input!$D$22=1,M7467*Input!$C$22,0)</f>
        <v>0.37583565102714045</v>
      </c>
      <c r="O7467" s="59">
        <f>IF(Input!$D$19=2,J7467*Input!$C$19,0)+IF(Input!$D$20=2,K7467*Input!$C$20,0)+IF(Input!$D$21=2,L7467*Input!$C$21,0)+IF(Input!$D$22=2,M7467*Input!$C$22,0)</f>
        <v>0.93958912756785118</v>
      </c>
      <c r="P7467" s="59">
        <f>IF(Input!$D$19=3,J7467*Input!$C$19,0)+IF(Input!$D$20=3,K7467*Input!$C$20,0)+IF(Input!$D$21=3,L7467*Input!$C$21,0)+IF(Input!$D$22=3,M7467*Input!$C$22,0)</f>
        <v>0</v>
      </c>
      <c r="Q7467" s="75">
        <f>IF(Input!$D$19=4,J7467*Input!$C$19,0)+IF(Input!$D$20=4,K7467*Input!$C$20,0)+IF(Input!$D$21=4,L7467*Input!$C$21,0)+IF(Input!$D$22=4,M7467*Input!$C$22,0)</f>
        <v>0</v>
      </c>
      <c r="R7467" s="58">
        <v>59.980235700193482</v>
      </c>
      <c r="S7467" s="124">
        <f t="shared" si="116"/>
        <v>1.6286211544509421</v>
      </c>
    </row>
    <row r="7468" spans="8:19" x14ac:dyDescent="0.3">
      <c r="H7468" s="44">
        <v>7461</v>
      </c>
      <c r="I7468" s="56">
        <f>Bühler!I7494</f>
        <v>0.30066852082171236</v>
      </c>
      <c r="J7468" s="59">
        <f>Bühler!J7494</f>
        <v>1.0022284027390413</v>
      </c>
      <c r="K7468" s="59">
        <f>Bühler!K7494</f>
        <v>1.5033426041085618</v>
      </c>
      <c r="L7468" s="59">
        <f>Bühler!L7494</f>
        <v>7.2160444997210966</v>
      </c>
      <c r="M7468" s="58">
        <f>Bühler!M7494</f>
        <v>0</v>
      </c>
      <c r="N7468" s="56">
        <f>IF(Input!$D$19=1,J7468*Input!$C$19,0)+IF(Input!$D$20=1,K7468*Input!$C$20,0)+IF(Input!$D$21=1,L7468*Input!$C$21,0)+IF(Input!$D$22=1,M7468*Input!$C$22,0)</f>
        <v>0.30066852082171242</v>
      </c>
      <c r="O7468" s="59">
        <f>IF(Input!$D$19=2,J7468*Input!$C$19,0)+IF(Input!$D$20=2,K7468*Input!$C$20,0)+IF(Input!$D$21=2,L7468*Input!$C$21,0)+IF(Input!$D$22=2,M7468*Input!$C$22,0)</f>
        <v>0.7516713020542809</v>
      </c>
      <c r="P7468" s="59">
        <f>IF(Input!$D$19=3,J7468*Input!$C$19,0)+IF(Input!$D$20=3,K7468*Input!$C$20,0)+IF(Input!$D$21=3,L7468*Input!$C$21,0)+IF(Input!$D$22=3,M7468*Input!$C$22,0)</f>
        <v>0</v>
      </c>
      <c r="Q7468" s="75">
        <f>IF(Input!$D$19=4,J7468*Input!$C$19,0)+IF(Input!$D$20=4,K7468*Input!$C$20,0)+IF(Input!$D$21=4,L7468*Input!$C$21,0)+IF(Input!$D$22=4,M7468*Input!$C$22,0)</f>
        <v>0</v>
      </c>
      <c r="R7468" s="58">
        <v>58.963542237427234</v>
      </c>
      <c r="S7468" s="124">
        <f t="shared" si="116"/>
        <v>1.3028969235607537</v>
      </c>
    </row>
    <row r="7469" spans="8:19" x14ac:dyDescent="0.3">
      <c r="H7469" s="44">
        <v>7462</v>
      </c>
      <c r="I7469" s="56">
        <f>Bühler!I7495</f>
        <v>0.22550139061628427</v>
      </c>
      <c r="J7469" s="59">
        <f>Bühler!J7495</f>
        <v>0.75167130205428101</v>
      </c>
      <c r="K7469" s="59">
        <f>Bühler!K7495</f>
        <v>1.1275069530814215</v>
      </c>
      <c r="L7469" s="59">
        <f>Bühler!L7495</f>
        <v>5.4120333747908225</v>
      </c>
      <c r="M7469" s="58">
        <f>Bühler!M7495</f>
        <v>0</v>
      </c>
      <c r="N7469" s="56">
        <f>IF(Input!$D$19=1,J7469*Input!$C$19,0)+IF(Input!$D$20=1,K7469*Input!$C$20,0)+IF(Input!$D$21=1,L7469*Input!$C$21,0)+IF(Input!$D$22=1,M7469*Input!$C$22,0)</f>
        <v>0.2255013906162843</v>
      </c>
      <c r="O7469" s="59">
        <f>IF(Input!$D$19=2,J7469*Input!$C$19,0)+IF(Input!$D$20=2,K7469*Input!$C$20,0)+IF(Input!$D$21=2,L7469*Input!$C$21,0)+IF(Input!$D$22=2,M7469*Input!$C$22,0)</f>
        <v>0.56375347654071073</v>
      </c>
      <c r="P7469" s="59">
        <f>IF(Input!$D$19=3,J7469*Input!$C$19,0)+IF(Input!$D$20=3,K7469*Input!$C$20,0)+IF(Input!$D$21=3,L7469*Input!$C$21,0)+IF(Input!$D$22=3,M7469*Input!$C$22,0)</f>
        <v>0</v>
      </c>
      <c r="Q7469" s="75">
        <f>IF(Input!$D$19=4,J7469*Input!$C$19,0)+IF(Input!$D$20=4,K7469*Input!$C$20,0)+IF(Input!$D$21=4,L7469*Input!$C$21,0)+IF(Input!$D$22=4,M7469*Input!$C$22,0)</f>
        <v>0</v>
      </c>
      <c r="R7469" s="58">
        <v>56.563736123319018</v>
      </c>
      <c r="S7469" s="124">
        <f t="shared" si="116"/>
        <v>0.97717269267056528</v>
      </c>
    </row>
    <row r="7470" spans="8:19" x14ac:dyDescent="0.3">
      <c r="H7470" s="44">
        <v>7463</v>
      </c>
      <c r="I7470" s="56">
        <f>Bühler!I7496</f>
        <v>0.22550139061628427</v>
      </c>
      <c r="J7470" s="59">
        <f>Bühler!J7496</f>
        <v>0.75167130205428101</v>
      </c>
      <c r="K7470" s="59">
        <f>Bühler!K7496</f>
        <v>1.1275069530814215</v>
      </c>
      <c r="L7470" s="59">
        <f>Bühler!L7496</f>
        <v>5.4120333747908225</v>
      </c>
      <c r="M7470" s="58">
        <f>Bühler!M7496</f>
        <v>0</v>
      </c>
      <c r="N7470" s="56">
        <f>IF(Input!$D$19=1,J7470*Input!$C$19,0)+IF(Input!$D$20=1,K7470*Input!$C$20,0)+IF(Input!$D$21=1,L7470*Input!$C$21,0)+IF(Input!$D$22=1,M7470*Input!$C$22,0)</f>
        <v>0.2255013906162843</v>
      </c>
      <c r="O7470" s="59">
        <f>IF(Input!$D$19=2,J7470*Input!$C$19,0)+IF(Input!$D$20=2,K7470*Input!$C$20,0)+IF(Input!$D$21=2,L7470*Input!$C$21,0)+IF(Input!$D$22=2,M7470*Input!$C$22,0)</f>
        <v>0.56375347654071073</v>
      </c>
      <c r="P7470" s="59">
        <f>IF(Input!$D$19=3,J7470*Input!$C$19,0)+IF(Input!$D$20=3,K7470*Input!$C$20,0)+IF(Input!$D$21=3,L7470*Input!$C$21,0)+IF(Input!$D$22=3,M7470*Input!$C$22,0)</f>
        <v>0</v>
      </c>
      <c r="Q7470" s="75">
        <f>IF(Input!$D$19=4,J7470*Input!$C$19,0)+IF(Input!$D$20=4,K7470*Input!$C$20,0)+IF(Input!$D$21=4,L7470*Input!$C$21,0)+IF(Input!$D$22=4,M7470*Input!$C$22,0)</f>
        <v>0</v>
      </c>
      <c r="R7470" s="58">
        <v>56.723083120143237</v>
      </c>
      <c r="S7470" s="124">
        <f t="shared" si="116"/>
        <v>0.97717269267056528</v>
      </c>
    </row>
    <row r="7471" spans="8:19" x14ac:dyDescent="0.3">
      <c r="H7471" s="44">
        <v>7464</v>
      </c>
      <c r="I7471" s="56">
        <f>Bühler!I7497</f>
        <v>0.22550139061628427</v>
      </c>
      <c r="J7471" s="59">
        <f>Bühler!J7497</f>
        <v>0.75167130205428101</v>
      </c>
      <c r="K7471" s="59">
        <f>Bühler!K7497</f>
        <v>1.1275069530814215</v>
      </c>
      <c r="L7471" s="59">
        <f>Bühler!L7497</f>
        <v>5.4120333747908225</v>
      </c>
      <c r="M7471" s="58">
        <f>Bühler!M7497</f>
        <v>0</v>
      </c>
      <c r="N7471" s="56">
        <f>IF(Input!$D$19=1,J7471*Input!$C$19,0)+IF(Input!$D$20=1,K7471*Input!$C$20,0)+IF(Input!$D$21=1,L7471*Input!$C$21,0)+IF(Input!$D$22=1,M7471*Input!$C$22,0)</f>
        <v>0.2255013906162843</v>
      </c>
      <c r="O7471" s="59">
        <f>IF(Input!$D$19=2,J7471*Input!$C$19,0)+IF(Input!$D$20=2,K7471*Input!$C$20,0)+IF(Input!$D$21=2,L7471*Input!$C$21,0)+IF(Input!$D$22=2,M7471*Input!$C$22,0)</f>
        <v>0.56375347654071073</v>
      </c>
      <c r="P7471" s="59">
        <f>IF(Input!$D$19=3,J7471*Input!$C$19,0)+IF(Input!$D$20=3,K7471*Input!$C$20,0)+IF(Input!$D$21=3,L7471*Input!$C$21,0)+IF(Input!$D$22=3,M7471*Input!$C$22,0)</f>
        <v>0</v>
      </c>
      <c r="Q7471" s="75">
        <f>IF(Input!$D$19=4,J7471*Input!$C$19,0)+IF(Input!$D$20=4,K7471*Input!$C$20,0)+IF(Input!$D$21=4,L7471*Input!$C$21,0)+IF(Input!$D$22=4,M7471*Input!$C$22,0)</f>
        <v>0</v>
      </c>
      <c r="R7471" s="58">
        <v>55.871625895786075</v>
      </c>
      <c r="S7471" s="124">
        <f t="shared" si="116"/>
        <v>0.97717269267056528</v>
      </c>
    </row>
    <row r="7472" spans="8:19" x14ac:dyDescent="0.3">
      <c r="H7472" s="44">
        <v>7465</v>
      </c>
      <c r="I7472" s="56">
        <f>Bühler!I7498</f>
        <v>0.22619927019080754</v>
      </c>
      <c r="J7472" s="59">
        <f>Bühler!J7498</f>
        <v>0.75399756730269196</v>
      </c>
      <c r="K7472" s="59">
        <f>Bühler!K7498</f>
        <v>1.1309963509540377</v>
      </c>
      <c r="L7472" s="59">
        <f>Bühler!L7498</f>
        <v>5.4287824845793811</v>
      </c>
      <c r="M7472" s="58">
        <f>Bühler!M7498</f>
        <v>0</v>
      </c>
      <c r="N7472" s="56">
        <f>IF(Input!$D$19=1,J7472*Input!$C$19,0)+IF(Input!$D$20=1,K7472*Input!$C$20,0)+IF(Input!$D$21=1,L7472*Input!$C$21,0)+IF(Input!$D$22=1,M7472*Input!$C$22,0)</f>
        <v>0.22619927019080757</v>
      </c>
      <c r="O7472" s="59">
        <f>IF(Input!$D$19=2,J7472*Input!$C$19,0)+IF(Input!$D$20=2,K7472*Input!$C$20,0)+IF(Input!$D$21=2,L7472*Input!$C$21,0)+IF(Input!$D$22=2,M7472*Input!$C$22,0)</f>
        <v>0.56549817547701886</v>
      </c>
      <c r="P7472" s="59">
        <f>IF(Input!$D$19=3,J7472*Input!$C$19,0)+IF(Input!$D$20=3,K7472*Input!$C$20,0)+IF(Input!$D$21=3,L7472*Input!$C$21,0)+IF(Input!$D$22=3,M7472*Input!$C$22,0)</f>
        <v>0</v>
      </c>
      <c r="Q7472" s="75">
        <f>IF(Input!$D$19=4,J7472*Input!$C$19,0)+IF(Input!$D$20=4,K7472*Input!$C$20,0)+IF(Input!$D$21=4,L7472*Input!$C$21,0)+IF(Input!$D$22=4,M7472*Input!$C$22,0)</f>
        <v>0</v>
      </c>
      <c r="R7472" s="58">
        <v>55.173426170369297</v>
      </c>
      <c r="S7472" s="124">
        <f t="shared" si="116"/>
        <v>0.98019683749349951</v>
      </c>
    </row>
    <row r="7473" spans="8:19" x14ac:dyDescent="0.3">
      <c r="H7473" s="44">
        <v>7466</v>
      </c>
      <c r="I7473" s="56">
        <f>Bühler!I7499</f>
        <v>0.22619927019080754</v>
      </c>
      <c r="J7473" s="59">
        <f>Bühler!J7499</f>
        <v>0.75399756730269196</v>
      </c>
      <c r="K7473" s="59">
        <f>Bühler!K7499</f>
        <v>1.1309963509540377</v>
      </c>
      <c r="L7473" s="59">
        <f>Bühler!L7499</f>
        <v>5.4287824845793811</v>
      </c>
      <c r="M7473" s="58">
        <f>Bühler!M7499</f>
        <v>0</v>
      </c>
      <c r="N7473" s="56">
        <f>IF(Input!$D$19=1,J7473*Input!$C$19,0)+IF(Input!$D$20=1,K7473*Input!$C$20,0)+IF(Input!$D$21=1,L7473*Input!$C$21,0)+IF(Input!$D$22=1,M7473*Input!$C$22,0)</f>
        <v>0.22619927019080757</v>
      </c>
      <c r="O7473" s="59">
        <f>IF(Input!$D$19=2,J7473*Input!$C$19,0)+IF(Input!$D$20=2,K7473*Input!$C$20,0)+IF(Input!$D$21=2,L7473*Input!$C$21,0)+IF(Input!$D$22=2,M7473*Input!$C$22,0)</f>
        <v>0.56549817547701886</v>
      </c>
      <c r="P7473" s="59">
        <f>IF(Input!$D$19=3,J7473*Input!$C$19,0)+IF(Input!$D$20=3,K7473*Input!$C$20,0)+IF(Input!$D$21=3,L7473*Input!$C$21,0)+IF(Input!$D$22=3,M7473*Input!$C$22,0)</f>
        <v>0</v>
      </c>
      <c r="Q7473" s="75">
        <f>IF(Input!$D$19=4,J7473*Input!$C$19,0)+IF(Input!$D$20=4,K7473*Input!$C$20,0)+IF(Input!$D$21=4,L7473*Input!$C$21,0)+IF(Input!$D$22=4,M7473*Input!$C$22,0)</f>
        <v>0</v>
      </c>
      <c r="R7473" s="58">
        <v>54.511341776044318</v>
      </c>
      <c r="S7473" s="124">
        <f t="shared" si="116"/>
        <v>0.98019683749349951</v>
      </c>
    </row>
    <row r="7474" spans="8:19" x14ac:dyDescent="0.3">
      <c r="H7474" s="44">
        <v>7467</v>
      </c>
      <c r="I7474" s="56">
        <f>Bühler!I7500</f>
        <v>0.22619927019080754</v>
      </c>
      <c r="J7474" s="59">
        <f>Bühler!J7500</f>
        <v>0.75399756730269196</v>
      </c>
      <c r="K7474" s="59">
        <f>Bühler!K7500</f>
        <v>1.1309963509540377</v>
      </c>
      <c r="L7474" s="59">
        <f>Bühler!L7500</f>
        <v>5.4287824845793811</v>
      </c>
      <c r="M7474" s="58">
        <f>Bühler!M7500</f>
        <v>0</v>
      </c>
      <c r="N7474" s="56">
        <f>IF(Input!$D$19=1,J7474*Input!$C$19,0)+IF(Input!$D$20=1,K7474*Input!$C$20,0)+IF(Input!$D$21=1,L7474*Input!$C$21,0)+IF(Input!$D$22=1,M7474*Input!$C$22,0)</f>
        <v>0.22619927019080757</v>
      </c>
      <c r="O7474" s="59">
        <f>IF(Input!$D$19=2,J7474*Input!$C$19,0)+IF(Input!$D$20=2,K7474*Input!$C$20,0)+IF(Input!$D$21=2,L7474*Input!$C$21,0)+IF(Input!$D$22=2,M7474*Input!$C$22,0)</f>
        <v>0.56549817547701886</v>
      </c>
      <c r="P7474" s="59">
        <f>IF(Input!$D$19=3,J7474*Input!$C$19,0)+IF(Input!$D$20=3,K7474*Input!$C$20,0)+IF(Input!$D$21=3,L7474*Input!$C$21,0)+IF(Input!$D$22=3,M7474*Input!$C$22,0)</f>
        <v>0</v>
      </c>
      <c r="Q7474" s="75">
        <f>IF(Input!$D$19=4,J7474*Input!$C$19,0)+IF(Input!$D$20=4,K7474*Input!$C$20,0)+IF(Input!$D$21=4,L7474*Input!$C$21,0)+IF(Input!$D$22=4,M7474*Input!$C$22,0)</f>
        <v>0</v>
      </c>
      <c r="R7474" s="58">
        <v>55.15918934008905</v>
      </c>
      <c r="S7474" s="124">
        <f t="shared" si="116"/>
        <v>0.98019683749349951</v>
      </c>
    </row>
    <row r="7475" spans="8:19" x14ac:dyDescent="0.3">
      <c r="H7475" s="44">
        <v>7468</v>
      </c>
      <c r="I7475" s="56">
        <f>Bühler!I7501</f>
        <v>0.22619927019080754</v>
      </c>
      <c r="J7475" s="59">
        <f>Bühler!J7501</f>
        <v>0.75399756730269196</v>
      </c>
      <c r="K7475" s="59">
        <f>Bühler!K7501</f>
        <v>1.1309963509540377</v>
      </c>
      <c r="L7475" s="59">
        <f>Bühler!L7501</f>
        <v>5.4287824845793811</v>
      </c>
      <c r="M7475" s="58">
        <f>Bühler!M7501</f>
        <v>0</v>
      </c>
      <c r="N7475" s="56">
        <f>IF(Input!$D$19=1,J7475*Input!$C$19,0)+IF(Input!$D$20=1,K7475*Input!$C$20,0)+IF(Input!$D$21=1,L7475*Input!$C$21,0)+IF(Input!$D$22=1,M7475*Input!$C$22,0)</f>
        <v>0.22619927019080757</v>
      </c>
      <c r="O7475" s="59">
        <f>IF(Input!$D$19=2,J7475*Input!$C$19,0)+IF(Input!$D$20=2,K7475*Input!$C$20,0)+IF(Input!$D$21=2,L7475*Input!$C$21,0)+IF(Input!$D$22=2,M7475*Input!$C$22,0)</f>
        <v>0.56549817547701886</v>
      </c>
      <c r="P7475" s="59">
        <f>IF(Input!$D$19=3,J7475*Input!$C$19,0)+IF(Input!$D$20=3,K7475*Input!$C$20,0)+IF(Input!$D$21=3,L7475*Input!$C$21,0)+IF(Input!$D$22=3,M7475*Input!$C$22,0)</f>
        <v>0</v>
      </c>
      <c r="Q7475" s="75">
        <f>IF(Input!$D$19=4,J7475*Input!$C$19,0)+IF(Input!$D$20=4,K7475*Input!$C$20,0)+IF(Input!$D$21=4,L7475*Input!$C$21,0)+IF(Input!$D$22=4,M7475*Input!$C$22,0)</f>
        <v>0</v>
      </c>
      <c r="R7475" s="58">
        <v>55.29646762203835</v>
      </c>
      <c r="S7475" s="124">
        <f t="shared" si="116"/>
        <v>0.98019683749349951</v>
      </c>
    </row>
    <row r="7476" spans="8:19" x14ac:dyDescent="0.3">
      <c r="H7476" s="44">
        <v>7469</v>
      </c>
      <c r="I7476" s="56">
        <f>Bühler!I7502</f>
        <v>0.22619927019080754</v>
      </c>
      <c r="J7476" s="59">
        <f>Bühler!J7502</f>
        <v>0.75399756730269196</v>
      </c>
      <c r="K7476" s="59">
        <f>Bühler!K7502</f>
        <v>1.1309963509540377</v>
      </c>
      <c r="L7476" s="59">
        <f>Bühler!L7502</f>
        <v>5.4287824845793811</v>
      </c>
      <c r="M7476" s="58">
        <f>Bühler!M7502</f>
        <v>0</v>
      </c>
      <c r="N7476" s="56">
        <f>IF(Input!$D$19=1,J7476*Input!$C$19,0)+IF(Input!$D$20=1,K7476*Input!$C$20,0)+IF(Input!$D$21=1,L7476*Input!$C$21,0)+IF(Input!$D$22=1,M7476*Input!$C$22,0)</f>
        <v>0.22619927019080757</v>
      </c>
      <c r="O7476" s="59">
        <f>IF(Input!$D$19=2,J7476*Input!$C$19,0)+IF(Input!$D$20=2,K7476*Input!$C$20,0)+IF(Input!$D$21=2,L7476*Input!$C$21,0)+IF(Input!$D$22=2,M7476*Input!$C$22,0)</f>
        <v>0.56549817547701886</v>
      </c>
      <c r="P7476" s="59">
        <f>IF(Input!$D$19=3,J7476*Input!$C$19,0)+IF(Input!$D$20=3,K7476*Input!$C$20,0)+IF(Input!$D$21=3,L7476*Input!$C$21,0)+IF(Input!$D$22=3,M7476*Input!$C$22,0)</f>
        <v>0</v>
      </c>
      <c r="Q7476" s="75">
        <f>IF(Input!$D$19=4,J7476*Input!$C$19,0)+IF(Input!$D$20=4,K7476*Input!$C$20,0)+IF(Input!$D$21=4,L7476*Input!$C$21,0)+IF(Input!$D$22=4,M7476*Input!$C$22,0)</f>
        <v>0</v>
      </c>
      <c r="R7476" s="58">
        <v>56.64977087780791</v>
      </c>
      <c r="S7476" s="124">
        <f t="shared" si="116"/>
        <v>0.98019683749349951</v>
      </c>
    </row>
    <row r="7477" spans="8:19" x14ac:dyDescent="0.3">
      <c r="H7477" s="44">
        <v>7470</v>
      </c>
      <c r="I7477" s="56">
        <f>Bühler!I7503</f>
        <v>0.29154572602370749</v>
      </c>
      <c r="J7477" s="59">
        <f>Bühler!J7503</f>
        <v>0.97181908674569173</v>
      </c>
      <c r="K7477" s="59">
        <f>Bühler!K7503</f>
        <v>1.4577286301185375</v>
      </c>
      <c r="L7477" s="59">
        <f>Bühler!L7503</f>
        <v>6.9970974245689801</v>
      </c>
      <c r="M7477" s="58">
        <f>Bühler!M7503</f>
        <v>0</v>
      </c>
      <c r="N7477" s="56">
        <f>IF(Input!$D$19=1,J7477*Input!$C$19,0)+IF(Input!$D$20=1,K7477*Input!$C$20,0)+IF(Input!$D$21=1,L7477*Input!$C$21,0)+IF(Input!$D$22=1,M7477*Input!$C$22,0)</f>
        <v>0.29154572602370749</v>
      </c>
      <c r="O7477" s="59">
        <f>IF(Input!$D$19=2,J7477*Input!$C$19,0)+IF(Input!$D$20=2,K7477*Input!$C$20,0)+IF(Input!$D$21=2,L7477*Input!$C$21,0)+IF(Input!$D$22=2,M7477*Input!$C$22,0)</f>
        <v>0.72886431505926874</v>
      </c>
      <c r="P7477" s="59">
        <f>IF(Input!$D$19=3,J7477*Input!$C$19,0)+IF(Input!$D$20=3,K7477*Input!$C$20,0)+IF(Input!$D$21=3,L7477*Input!$C$21,0)+IF(Input!$D$22=3,M7477*Input!$C$22,0)</f>
        <v>0</v>
      </c>
      <c r="Q7477" s="75">
        <f>IF(Input!$D$19=4,J7477*Input!$C$19,0)+IF(Input!$D$20=4,K7477*Input!$C$20,0)+IF(Input!$D$21=4,L7477*Input!$C$21,0)+IF(Input!$D$22=4,M7477*Input!$C$22,0)</f>
        <v>0</v>
      </c>
      <c r="R7477" s="58">
        <v>59.817056041017615</v>
      </c>
      <c r="S7477" s="124">
        <f t="shared" si="116"/>
        <v>1.2633648127693993</v>
      </c>
    </row>
    <row r="7478" spans="8:19" x14ac:dyDescent="0.3">
      <c r="H7478" s="44">
        <v>7471</v>
      </c>
      <c r="I7478" s="56">
        <f>Bühler!I7504</f>
        <v>0.33678558006186904</v>
      </c>
      <c r="J7478" s="59">
        <f>Bühler!J7504</f>
        <v>1.1226186002062304</v>
      </c>
      <c r="K7478" s="59">
        <f>Bühler!K7504</f>
        <v>1.6839279003093452</v>
      </c>
      <c r="L7478" s="59">
        <f>Bühler!L7504</f>
        <v>8.0828539214848583</v>
      </c>
      <c r="M7478" s="58">
        <f>Bühler!M7504</f>
        <v>0</v>
      </c>
      <c r="N7478" s="56">
        <f>IF(Input!$D$19=1,J7478*Input!$C$19,0)+IF(Input!$D$20=1,K7478*Input!$C$20,0)+IF(Input!$D$21=1,L7478*Input!$C$21,0)+IF(Input!$D$22=1,M7478*Input!$C$22,0)</f>
        <v>0.33678558006186909</v>
      </c>
      <c r="O7478" s="59">
        <f>IF(Input!$D$19=2,J7478*Input!$C$19,0)+IF(Input!$D$20=2,K7478*Input!$C$20,0)+IF(Input!$D$21=2,L7478*Input!$C$21,0)+IF(Input!$D$22=2,M7478*Input!$C$22,0)</f>
        <v>0.84196395015467262</v>
      </c>
      <c r="P7478" s="59">
        <f>IF(Input!$D$19=3,J7478*Input!$C$19,0)+IF(Input!$D$20=3,K7478*Input!$C$20,0)+IF(Input!$D$21=3,L7478*Input!$C$21,0)+IF(Input!$D$22=3,M7478*Input!$C$22,0)</f>
        <v>0</v>
      </c>
      <c r="Q7478" s="75">
        <f>IF(Input!$D$19=4,J7478*Input!$C$19,0)+IF(Input!$D$20=4,K7478*Input!$C$20,0)+IF(Input!$D$21=4,L7478*Input!$C$21,0)+IF(Input!$D$22=4,M7478*Input!$C$22,0)</f>
        <v>0</v>
      </c>
      <c r="R7478" s="58">
        <v>63.95983123719521</v>
      </c>
      <c r="S7478" s="124">
        <f t="shared" si="116"/>
        <v>1.4594041802680995</v>
      </c>
    </row>
    <row r="7479" spans="8:19" x14ac:dyDescent="0.3">
      <c r="H7479" s="44">
        <v>7472</v>
      </c>
      <c r="I7479" s="56">
        <f>Bühler!I7505</f>
        <v>0.33678558006186904</v>
      </c>
      <c r="J7479" s="59">
        <f>Bühler!J7505</f>
        <v>1.1226186002062304</v>
      </c>
      <c r="K7479" s="59">
        <f>Bühler!K7505</f>
        <v>1.6839279003093452</v>
      </c>
      <c r="L7479" s="59">
        <f>Bühler!L7505</f>
        <v>8.0828539214848583</v>
      </c>
      <c r="M7479" s="58">
        <f>Bühler!M7505</f>
        <v>0</v>
      </c>
      <c r="N7479" s="56">
        <f>IF(Input!$D$19=1,J7479*Input!$C$19,0)+IF(Input!$D$20=1,K7479*Input!$C$20,0)+IF(Input!$D$21=1,L7479*Input!$C$21,0)+IF(Input!$D$22=1,M7479*Input!$C$22,0)</f>
        <v>0.33678558006186909</v>
      </c>
      <c r="O7479" s="59">
        <f>IF(Input!$D$19=2,J7479*Input!$C$19,0)+IF(Input!$D$20=2,K7479*Input!$C$20,0)+IF(Input!$D$21=2,L7479*Input!$C$21,0)+IF(Input!$D$22=2,M7479*Input!$C$22,0)</f>
        <v>0.84196395015467262</v>
      </c>
      <c r="P7479" s="59">
        <f>IF(Input!$D$19=3,J7479*Input!$C$19,0)+IF(Input!$D$20=3,K7479*Input!$C$20,0)+IF(Input!$D$21=3,L7479*Input!$C$21,0)+IF(Input!$D$22=3,M7479*Input!$C$22,0)</f>
        <v>0</v>
      </c>
      <c r="Q7479" s="75">
        <f>IF(Input!$D$19=4,J7479*Input!$C$19,0)+IF(Input!$D$20=4,K7479*Input!$C$20,0)+IF(Input!$D$21=4,L7479*Input!$C$21,0)+IF(Input!$D$22=4,M7479*Input!$C$22,0)</f>
        <v>0</v>
      </c>
      <c r="R7479" s="58">
        <v>65.917528440737314</v>
      </c>
      <c r="S7479" s="124">
        <f t="shared" si="116"/>
        <v>1.4594041802680995</v>
      </c>
    </row>
    <row r="7480" spans="8:19" x14ac:dyDescent="0.3">
      <c r="H7480" s="44">
        <v>7473</v>
      </c>
      <c r="I7480" s="56">
        <f>Bühler!I7506</f>
        <v>0.33678558006186904</v>
      </c>
      <c r="J7480" s="59">
        <f>Bühler!J7506</f>
        <v>1.1226186002062304</v>
      </c>
      <c r="K7480" s="59">
        <f>Bühler!K7506</f>
        <v>1.6839279003093452</v>
      </c>
      <c r="L7480" s="59">
        <f>Bühler!L7506</f>
        <v>8.0828539214848583</v>
      </c>
      <c r="M7480" s="58">
        <f>Bühler!M7506</f>
        <v>0</v>
      </c>
      <c r="N7480" s="56">
        <f>IF(Input!$D$19=1,J7480*Input!$C$19,0)+IF(Input!$D$20=1,K7480*Input!$C$20,0)+IF(Input!$D$21=1,L7480*Input!$C$21,0)+IF(Input!$D$22=1,M7480*Input!$C$22,0)</f>
        <v>0.33678558006186909</v>
      </c>
      <c r="O7480" s="59">
        <f>IF(Input!$D$19=2,J7480*Input!$C$19,0)+IF(Input!$D$20=2,K7480*Input!$C$20,0)+IF(Input!$D$21=2,L7480*Input!$C$21,0)+IF(Input!$D$22=2,M7480*Input!$C$22,0)</f>
        <v>0.84196395015467262</v>
      </c>
      <c r="P7480" s="59">
        <f>IF(Input!$D$19=3,J7480*Input!$C$19,0)+IF(Input!$D$20=3,K7480*Input!$C$20,0)+IF(Input!$D$21=3,L7480*Input!$C$21,0)+IF(Input!$D$22=3,M7480*Input!$C$22,0)</f>
        <v>0</v>
      </c>
      <c r="Q7480" s="75">
        <f>IF(Input!$D$19=4,J7480*Input!$C$19,0)+IF(Input!$D$20=4,K7480*Input!$C$20,0)+IF(Input!$D$21=4,L7480*Input!$C$21,0)+IF(Input!$D$22=4,M7480*Input!$C$22,0)</f>
        <v>0</v>
      </c>
      <c r="R7480" s="58">
        <v>65.683924329203023</v>
      </c>
      <c r="S7480" s="124">
        <f t="shared" si="116"/>
        <v>1.4594041802680995</v>
      </c>
    </row>
    <row r="7481" spans="8:19" x14ac:dyDescent="0.3">
      <c r="H7481" s="44">
        <v>7474</v>
      </c>
      <c r="I7481" s="56">
        <f>Bühler!I7507</f>
        <v>0.36191883230529215</v>
      </c>
      <c r="J7481" s="59">
        <f>Bühler!J7507</f>
        <v>1.2063961076843073</v>
      </c>
      <c r="K7481" s="59">
        <f>Bühler!K7507</f>
        <v>1.8095941615264606</v>
      </c>
      <c r="L7481" s="59">
        <f>Bühler!L7507</f>
        <v>8.6860519753270111</v>
      </c>
      <c r="M7481" s="58">
        <f>Bühler!M7507</f>
        <v>0</v>
      </c>
      <c r="N7481" s="56">
        <f>IF(Input!$D$19=1,J7481*Input!$C$19,0)+IF(Input!$D$20=1,K7481*Input!$C$20,0)+IF(Input!$D$21=1,L7481*Input!$C$21,0)+IF(Input!$D$22=1,M7481*Input!$C$22,0)</f>
        <v>0.36191883230529215</v>
      </c>
      <c r="O7481" s="59">
        <f>IF(Input!$D$19=2,J7481*Input!$C$19,0)+IF(Input!$D$20=2,K7481*Input!$C$20,0)+IF(Input!$D$21=2,L7481*Input!$C$21,0)+IF(Input!$D$22=2,M7481*Input!$C$22,0)</f>
        <v>0.90479708076323029</v>
      </c>
      <c r="P7481" s="59">
        <f>IF(Input!$D$19=3,J7481*Input!$C$19,0)+IF(Input!$D$20=3,K7481*Input!$C$20,0)+IF(Input!$D$21=3,L7481*Input!$C$21,0)+IF(Input!$D$22=3,M7481*Input!$C$22,0)</f>
        <v>0</v>
      </c>
      <c r="Q7481" s="75">
        <f>IF(Input!$D$19=4,J7481*Input!$C$19,0)+IF(Input!$D$20=4,K7481*Input!$C$20,0)+IF(Input!$D$21=4,L7481*Input!$C$21,0)+IF(Input!$D$22=4,M7481*Input!$C$22,0)</f>
        <v>0</v>
      </c>
      <c r="R7481" s="58">
        <v>64.790421147175024</v>
      </c>
      <c r="S7481" s="124">
        <f t="shared" si="116"/>
        <v>1.5683149399895995</v>
      </c>
    </row>
    <row r="7482" spans="8:19" x14ac:dyDescent="0.3">
      <c r="H7482" s="44">
        <v>7475</v>
      </c>
      <c r="I7482" s="56">
        <f>Bühler!I7508</f>
        <v>0.39207873499739981</v>
      </c>
      <c r="J7482" s="59">
        <f>Bühler!J7508</f>
        <v>1.3069291166579995</v>
      </c>
      <c r="K7482" s="59">
        <f>Bühler!K7508</f>
        <v>1.960393674986999</v>
      </c>
      <c r="L7482" s="59">
        <f>Bühler!L7508</f>
        <v>9.409889639937596</v>
      </c>
      <c r="M7482" s="58">
        <f>Bühler!M7508</f>
        <v>0</v>
      </c>
      <c r="N7482" s="56">
        <f>IF(Input!$D$19=1,J7482*Input!$C$19,0)+IF(Input!$D$20=1,K7482*Input!$C$20,0)+IF(Input!$D$21=1,L7482*Input!$C$21,0)+IF(Input!$D$22=1,M7482*Input!$C$22,0)</f>
        <v>0.39207873499739981</v>
      </c>
      <c r="O7482" s="59">
        <f>IF(Input!$D$19=2,J7482*Input!$C$19,0)+IF(Input!$D$20=2,K7482*Input!$C$20,0)+IF(Input!$D$21=2,L7482*Input!$C$21,0)+IF(Input!$D$22=2,M7482*Input!$C$22,0)</f>
        <v>0.98019683749349951</v>
      </c>
      <c r="P7482" s="59">
        <f>IF(Input!$D$19=3,J7482*Input!$C$19,0)+IF(Input!$D$20=3,K7482*Input!$C$20,0)+IF(Input!$D$21=3,L7482*Input!$C$21,0)+IF(Input!$D$22=3,M7482*Input!$C$22,0)</f>
        <v>0</v>
      </c>
      <c r="Q7482" s="75">
        <f>IF(Input!$D$19=4,J7482*Input!$C$19,0)+IF(Input!$D$20=4,K7482*Input!$C$20,0)+IF(Input!$D$21=4,L7482*Input!$C$21,0)+IF(Input!$D$22=4,M7482*Input!$C$22,0)</f>
        <v>0</v>
      </c>
      <c r="R7482" s="58">
        <v>65.945894049196838</v>
      </c>
      <c r="S7482" s="124">
        <f t="shared" si="116"/>
        <v>1.6990078516553992</v>
      </c>
    </row>
    <row r="7483" spans="8:19" x14ac:dyDescent="0.3">
      <c r="H7483" s="44">
        <v>7476</v>
      </c>
      <c r="I7483" s="56">
        <f>Bühler!I7509</f>
        <v>0.45239854038161509</v>
      </c>
      <c r="J7483" s="59">
        <f>Bühler!J7509</f>
        <v>1.5079951346053839</v>
      </c>
      <c r="K7483" s="59">
        <f>Bühler!K7509</f>
        <v>2.2619927019080754</v>
      </c>
      <c r="L7483" s="59">
        <f>Bühler!L7509</f>
        <v>10.857564969158762</v>
      </c>
      <c r="M7483" s="58">
        <f>Bühler!M7509</f>
        <v>0</v>
      </c>
      <c r="N7483" s="56">
        <f>IF(Input!$D$19=1,J7483*Input!$C$19,0)+IF(Input!$D$20=1,K7483*Input!$C$20,0)+IF(Input!$D$21=1,L7483*Input!$C$21,0)+IF(Input!$D$22=1,M7483*Input!$C$22,0)</f>
        <v>0.45239854038161514</v>
      </c>
      <c r="O7483" s="59">
        <f>IF(Input!$D$19=2,J7483*Input!$C$19,0)+IF(Input!$D$20=2,K7483*Input!$C$20,0)+IF(Input!$D$21=2,L7483*Input!$C$21,0)+IF(Input!$D$22=2,M7483*Input!$C$22,0)</f>
        <v>1.1309963509540377</v>
      </c>
      <c r="P7483" s="59">
        <f>IF(Input!$D$19=3,J7483*Input!$C$19,0)+IF(Input!$D$20=3,K7483*Input!$C$20,0)+IF(Input!$D$21=3,L7483*Input!$C$21,0)+IF(Input!$D$22=3,M7483*Input!$C$22,0)</f>
        <v>0</v>
      </c>
      <c r="Q7483" s="75">
        <f>IF(Input!$D$19=4,J7483*Input!$C$19,0)+IF(Input!$D$20=4,K7483*Input!$C$20,0)+IF(Input!$D$21=4,L7483*Input!$C$21,0)+IF(Input!$D$22=4,M7483*Input!$C$22,0)</f>
        <v>0</v>
      </c>
      <c r="R7483" s="58">
        <v>66.267293405414122</v>
      </c>
      <c r="S7483" s="124">
        <f t="shared" si="116"/>
        <v>1.960393674986999</v>
      </c>
    </row>
    <row r="7484" spans="8:19" x14ac:dyDescent="0.3">
      <c r="H7484" s="44">
        <v>7477</v>
      </c>
      <c r="I7484" s="56">
        <f>Bühler!I7510</f>
        <v>0.45239854038161509</v>
      </c>
      <c r="J7484" s="59">
        <f>Bühler!J7510</f>
        <v>1.5079951346053839</v>
      </c>
      <c r="K7484" s="59">
        <f>Bühler!K7510</f>
        <v>2.2619927019080754</v>
      </c>
      <c r="L7484" s="59">
        <f>Bühler!L7510</f>
        <v>10.857564969158762</v>
      </c>
      <c r="M7484" s="58">
        <f>Bühler!M7510</f>
        <v>0</v>
      </c>
      <c r="N7484" s="56">
        <f>IF(Input!$D$19=1,J7484*Input!$C$19,0)+IF(Input!$D$20=1,K7484*Input!$C$20,0)+IF(Input!$D$21=1,L7484*Input!$C$21,0)+IF(Input!$D$22=1,M7484*Input!$C$22,0)</f>
        <v>0.45239854038161514</v>
      </c>
      <c r="O7484" s="59">
        <f>IF(Input!$D$19=2,J7484*Input!$C$19,0)+IF(Input!$D$20=2,K7484*Input!$C$20,0)+IF(Input!$D$21=2,L7484*Input!$C$21,0)+IF(Input!$D$22=2,M7484*Input!$C$22,0)</f>
        <v>1.1309963509540377</v>
      </c>
      <c r="P7484" s="59">
        <f>IF(Input!$D$19=3,J7484*Input!$C$19,0)+IF(Input!$D$20=3,K7484*Input!$C$20,0)+IF(Input!$D$21=3,L7484*Input!$C$21,0)+IF(Input!$D$22=3,M7484*Input!$C$22,0)</f>
        <v>0</v>
      </c>
      <c r="Q7484" s="75">
        <f>IF(Input!$D$19=4,J7484*Input!$C$19,0)+IF(Input!$D$20=4,K7484*Input!$C$20,0)+IF(Input!$D$21=4,L7484*Input!$C$21,0)+IF(Input!$D$22=4,M7484*Input!$C$22,0)</f>
        <v>0</v>
      </c>
      <c r="R7484" s="58">
        <v>66.313738686037297</v>
      </c>
      <c r="S7484" s="124">
        <f t="shared" si="116"/>
        <v>1.960393674986999</v>
      </c>
    </row>
    <row r="7485" spans="8:19" x14ac:dyDescent="0.3">
      <c r="H7485" s="44">
        <v>7478</v>
      </c>
      <c r="I7485" s="56">
        <f>Bühler!I7511</f>
        <v>0.45239854038161509</v>
      </c>
      <c r="J7485" s="59">
        <f>Bühler!J7511</f>
        <v>1.5079951346053839</v>
      </c>
      <c r="K7485" s="59">
        <f>Bühler!K7511</f>
        <v>2.2619927019080754</v>
      </c>
      <c r="L7485" s="59">
        <f>Bühler!L7511</f>
        <v>10.857564969158762</v>
      </c>
      <c r="M7485" s="58">
        <f>Bühler!M7511</f>
        <v>0</v>
      </c>
      <c r="N7485" s="56">
        <f>IF(Input!$D$19=1,J7485*Input!$C$19,0)+IF(Input!$D$20=1,K7485*Input!$C$20,0)+IF(Input!$D$21=1,L7485*Input!$C$21,0)+IF(Input!$D$22=1,M7485*Input!$C$22,0)</f>
        <v>0.45239854038161514</v>
      </c>
      <c r="O7485" s="59">
        <f>IF(Input!$D$19=2,J7485*Input!$C$19,0)+IF(Input!$D$20=2,K7485*Input!$C$20,0)+IF(Input!$D$21=2,L7485*Input!$C$21,0)+IF(Input!$D$22=2,M7485*Input!$C$22,0)</f>
        <v>1.1309963509540377</v>
      </c>
      <c r="P7485" s="59">
        <f>IF(Input!$D$19=3,J7485*Input!$C$19,0)+IF(Input!$D$20=3,K7485*Input!$C$20,0)+IF(Input!$D$21=3,L7485*Input!$C$21,0)+IF(Input!$D$22=3,M7485*Input!$C$22,0)</f>
        <v>0</v>
      </c>
      <c r="Q7485" s="75">
        <f>IF(Input!$D$19=4,J7485*Input!$C$19,0)+IF(Input!$D$20=4,K7485*Input!$C$20,0)+IF(Input!$D$21=4,L7485*Input!$C$21,0)+IF(Input!$D$22=4,M7485*Input!$C$22,0)</f>
        <v>0</v>
      </c>
      <c r="R7485" s="58">
        <v>65.777193062995934</v>
      </c>
      <c r="S7485" s="124">
        <f t="shared" si="116"/>
        <v>1.960393674986999</v>
      </c>
    </row>
    <row r="7486" spans="8:19" x14ac:dyDescent="0.3">
      <c r="H7486" s="44">
        <v>7479</v>
      </c>
      <c r="I7486" s="56">
        <f>Bühler!I7512</f>
        <v>0.45239854038161509</v>
      </c>
      <c r="J7486" s="59">
        <f>Bühler!J7512</f>
        <v>1.5079951346053839</v>
      </c>
      <c r="K7486" s="59">
        <f>Bühler!K7512</f>
        <v>2.2619927019080754</v>
      </c>
      <c r="L7486" s="59">
        <f>Bühler!L7512</f>
        <v>10.857564969158762</v>
      </c>
      <c r="M7486" s="58">
        <f>Bühler!M7512</f>
        <v>0</v>
      </c>
      <c r="N7486" s="56">
        <f>IF(Input!$D$19=1,J7486*Input!$C$19,0)+IF(Input!$D$20=1,K7486*Input!$C$20,0)+IF(Input!$D$21=1,L7486*Input!$C$21,0)+IF(Input!$D$22=1,M7486*Input!$C$22,0)</f>
        <v>0.45239854038161514</v>
      </c>
      <c r="O7486" s="59">
        <f>IF(Input!$D$19=2,J7486*Input!$C$19,0)+IF(Input!$D$20=2,K7486*Input!$C$20,0)+IF(Input!$D$21=2,L7486*Input!$C$21,0)+IF(Input!$D$22=2,M7486*Input!$C$22,0)</f>
        <v>1.1309963509540377</v>
      </c>
      <c r="P7486" s="59">
        <f>IF(Input!$D$19=3,J7486*Input!$C$19,0)+IF(Input!$D$20=3,K7486*Input!$C$20,0)+IF(Input!$D$21=3,L7486*Input!$C$21,0)+IF(Input!$D$22=3,M7486*Input!$C$22,0)</f>
        <v>0</v>
      </c>
      <c r="Q7486" s="75">
        <f>IF(Input!$D$19=4,J7486*Input!$C$19,0)+IF(Input!$D$20=4,K7486*Input!$C$20,0)+IF(Input!$D$21=4,L7486*Input!$C$21,0)+IF(Input!$D$22=4,M7486*Input!$C$22,0)</f>
        <v>0</v>
      </c>
      <c r="R7486" s="58">
        <v>66.31849062483127</v>
      </c>
      <c r="S7486" s="124">
        <f t="shared" si="116"/>
        <v>1.960393674986999</v>
      </c>
    </row>
    <row r="7487" spans="8:19" x14ac:dyDescent="0.3">
      <c r="H7487" s="44">
        <v>7480</v>
      </c>
      <c r="I7487" s="56">
        <f>Bühler!I7513</f>
        <v>0.45239854038161509</v>
      </c>
      <c r="J7487" s="59">
        <f>Bühler!J7513</f>
        <v>1.5079951346053839</v>
      </c>
      <c r="K7487" s="59">
        <f>Bühler!K7513</f>
        <v>2.2619927019080754</v>
      </c>
      <c r="L7487" s="59">
        <f>Bühler!L7513</f>
        <v>10.857564969158762</v>
      </c>
      <c r="M7487" s="58">
        <f>Bühler!M7513</f>
        <v>0</v>
      </c>
      <c r="N7487" s="56">
        <f>IF(Input!$D$19=1,J7487*Input!$C$19,0)+IF(Input!$D$20=1,K7487*Input!$C$20,0)+IF(Input!$D$21=1,L7487*Input!$C$21,0)+IF(Input!$D$22=1,M7487*Input!$C$22,0)</f>
        <v>0.45239854038161514</v>
      </c>
      <c r="O7487" s="59">
        <f>IF(Input!$D$19=2,J7487*Input!$C$19,0)+IF(Input!$D$20=2,K7487*Input!$C$20,0)+IF(Input!$D$21=2,L7487*Input!$C$21,0)+IF(Input!$D$22=2,M7487*Input!$C$22,0)</f>
        <v>1.1309963509540377</v>
      </c>
      <c r="P7487" s="59">
        <f>IF(Input!$D$19=3,J7487*Input!$C$19,0)+IF(Input!$D$20=3,K7487*Input!$C$20,0)+IF(Input!$D$21=3,L7487*Input!$C$21,0)+IF(Input!$D$22=3,M7487*Input!$C$22,0)</f>
        <v>0</v>
      </c>
      <c r="Q7487" s="75">
        <f>IF(Input!$D$19=4,J7487*Input!$C$19,0)+IF(Input!$D$20=4,K7487*Input!$C$20,0)+IF(Input!$D$21=4,L7487*Input!$C$21,0)+IF(Input!$D$22=4,M7487*Input!$C$22,0)</f>
        <v>0</v>
      </c>
      <c r="R7487" s="58">
        <v>65.525690255289234</v>
      </c>
      <c r="S7487" s="124">
        <f t="shared" si="116"/>
        <v>1.960393674986999</v>
      </c>
    </row>
    <row r="7488" spans="8:19" x14ac:dyDescent="0.3">
      <c r="H7488" s="44">
        <v>7481</v>
      </c>
      <c r="I7488" s="56">
        <f>Bühler!I7514</f>
        <v>0.45239854038161509</v>
      </c>
      <c r="J7488" s="59">
        <f>Bühler!J7514</f>
        <v>1.5079951346053839</v>
      </c>
      <c r="K7488" s="59">
        <f>Bühler!K7514</f>
        <v>2.2619927019080754</v>
      </c>
      <c r="L7488" s="59">
        <f>Bühler!L7514</f>
        <v>10.857564969158762</v>
      </c>
      <c r="M7488" s="58">
        <f>Bühler!M7514</f>
        <v>0</v>
      </c>
      <c r="N7488" s="56">
        <f>IF(Input!$D$19=1,J7488*Input!$C$19,0)+IF(Input!$D$20=1,K7488*Input!$C$20,0)+IF(Input!$D$21=1,L7488*Input!$C$21,0)+IF(Input!$D$22=1,M7488*Input!$C$22,0)</f>
        <v>0.45239854038161514</v>
      </c>
      <c r="O7488" s="59">
        <f>IF(Input!$D$19=2,J7488*Input!$C$19,0)+IF(Input!$D$20=2,K7488*Input!$C$20,0)+IF(Input!$D$21=2,L7488*Input!$C$21,0)+IF(Input!$D$22=2,M7488*Input!$C$22,0)</f>
        <v>1.1309963509540377</v>
      </c>
      <c r="P7488" s="59">
        <f>IF(Input!$D$19=3,J7488*Input!$C$19,0)+IF(Input!$D$20=3,K7488*Input!$C$20,0)+IF(Input!$D$21=3,L7488*Input!$C$21,0)+IF(Input!$D$22=3,M7488*Input!$C$22,0)</f>
        <v>0</v>
      </c>
      <c r="Q7488" s="75">
        <f>IF(Input!$D$19=4,J7488*Input!$C$19,0)+IF(Input!$D$20=4,K7488*Input!$C$20,0)+IF(Input!$D$21=4,L7488*Input!$C$21,0)+IF(Input!$D$22=4,M7488*Input!$C$22,0)</f>
        <v>0</v>
      </c>
      <c r="R7488" s="58">
        <v>64.238885467345185</v>
      </c>
      <c r="S7488" s="124">
        <f t="shared" si="116"/>
        <v>1.960393674986999</v>
      </c>
    </row>
    <row r="7489" spans="8:19" x14ac:dyDescent="0.3">
      <c r="H7489" s="44">
        <v>7482</v>
      </c>
      <c r="I7489" s="56">
        <f>Bühler!I7515</f>
        <v>0.45239854038161509</v>
      </c>
      <c r="J7489" s="59">
        <f>Bühler!J7515</f>
        <v>1.5079951346053839</v>
      </c>
      <c r="K7489" s="59">
        <f>Bühler!K7515</f>
        <v>2.2619927019080754</v>
      </c>
      <c r="L7489" s="59">
        <f>Bühler!L7515</f>
        <v>10.857564969158762</v>
      </c>
      <c r="M7489" s="58">
        <f>Bühler!M7515</f>
        <v>0</v>
      </c>
      <c r="N7489" s="56">
        <f>IF(Input!$D$19=1,J7489*Input!$C$19,0)+IF(Input!$D$20=1,K7489*Input!$C$20,0)+IF(Input!$D$21=1,L7489*Input!$C$21,0)+IF(Input!$D$22=1,M7489*Input!$C$22,0)</f>
        <v>0.45239854038161514</v>
      </c>
      <c r="O7489" s="59">
        <f>IF(Input!$D$19=2,J7489*Input!$C$19,0)+IF(Input!$D$20=2,K7489*Input!$C$20,0)+IF(Input!$D$21=2,L7489*Input!$C$21,0)+IF(Input!$D$22=2,M7489*Input!$C$22,0)</f>
        <v>1.1309963509540377</v>
      </c>
      <c r="P7489" s="59">
        <f>IF(Input!$D$19=3,J7489*Input!$C$19,0)+IF(Input!$D$20=3,K7489*Input!$C$20,0)+IF(Input!$D$21=3,L7489*Input!$C$21,0)+IF(Input!$D$22=3,M7489*Input!$C$22,0)</f>
        <v>0</v>
      </c>
      <c r="Q7489" s="75">
        <f>IF(Input!$D$19=4,J7489*Input!$C$19,0)+IF(Input!$D$20=4,K7489*Input!$C$20,0)+IF(Input!$D$21=4,L7489*Input!$C$21,0)+IF(Input!$D$22=4,M7489*Input!$C$22,0)</f>
        <v>0</v>
      </c>
      <c r="R7489" s="58">
        <v>63.451730501355819</v>
      </c>
      <c r="S7489" s="124">
        <f t="shared" si="116"/>
        <v>1.960393674986999</v>
      </c>
    </row>
    <row r="7490" spans="8:19" x14ac:dyDescent="0.3">
      <c r="H7490" s="44">
        <v>7483</v>
      </c>
      <c r="I7490" s="56">
        <f>Bühler!I7516</f>
        <v>0.45239854038161509</v>
      </c>
      <c r="J7490" s="59">
        <f>Bühler!J7516</f>
        <v>1.5079951346053839</v>
      </c>
      <c r="K7490" s="59">
        <f>Bühler!K7516</f>
        <v>2.2619927019080754</v>
      </c>
      <c r="L7490" s="59">
        <f>Bühler!L7516</f>
        <v>10.857564969158762</v>
      </c>
      <c r="M7490" s="58">
        <f>Bühler!M7516</f>
        <v>0</v>
      </c>
      <c r="N7490" s="56">
        <f>IF(Input!$D$19=1,J7490*Input!$C$19,0)+IF(Input!$D$20=1,K7490*Input!$C$20,0)+IF(Input!$D$21=1,L7490*Input!$C$21,0)+IF(Input!$D$22=1,M7490*Input!$C$22,0)</f>
        <v>0.45239854038161514</v>
      </c>
      <c r="O7490" s="59">
        <f>IF(Input!$D$19=2,J7490*Input!$C$19,0)+IF(Input!$D$20=2,K7490*Input!$C$20,0)+IF(Input!$D$21=2,L7490*Input!$C$21,0)+IF(Input!$D$22=2,M7490*Input!$C$22,0)</f>
        <v>1.1309963509540377</v>
      </c>
      <c r="P7490" s="59">
        <f>IF(Input!$D$19=3,J7490*Input!$C$19,0)+IF(Input!$D$20=3,K7490*Input!$C$20,0)+IF(Input!$D$21=3,L7490*Input!$C$21,0)+IF(Input!$D$22=3,M7490*Input!$C$22,0)</f>
        <v>0</v>
      </c>
      <c r="Q7490" s="75">
        <f>IF(Input!$D$19=4,J7490*Input!$C$19,0)+IF(Input!$D$20=4,K7490*Input!$C$20,0)+IF(Input!$D$21=4,L7490*Input!$C$21,0)+IF(Input!$D$22=4,M7490*Input!$C$22,0)</f>
        <v>0</v>
      </c>
      <c r="R7490" s="58">
        <v>62.678910022464784</v>
      </c>
      <c r="S7490" s="124">
        <f t="shared" si="116"/>
        <v>1.960393674986999</v>
      </c>
    </row>
    <row r="7491" spans="8:19" x14ac:dyDescent="0.3">
      <c r="H7491" s="44">
        <v>7484</v>
      </c>
      <c r="I7491" s="56">
        <f>Bühler!I7517</f>
        <v>0.37699878365134598</v>
      </c>
      <c r="J7491" s="59">
        <f>Bühler!J7517</f>
        <v>1.2566626121711533</v>
      </c>
      <c r="K7491" s="59">
        <f>Bühler!K7517</f>
        <v>1.8849939182567299</v>
      </c>
      <c r="L7491" s="59">
        <f>Bühler!L7517</f>
        <v>9.0479708076323035</v>
      </c>
      <c r="M7491" s="58">
        <f>Bühler!M7517</f>
        <v>0</v>
      </c>
      <c r="N7491" s="56">
        <f>IF(Input!$D$19=1,J7491*Input!$C$19,0)+IF(Input!$D$20=1,K7491*Input!$C$20,0)+IF(Input!$D$21=1,L7491*Input!$C$21,0)+IF(Input!$D$22=1,M7491*Input!$C$22,0)</f>
        <v>0.37699878365134598</v>
      </c>
      <c r="O7491" s="59">
        <f>IF(Input!$D$19=2,J7491*Input!$C$19,0)+IF(Input!$D$20=2,K7491*Input!$C$20,0)+IF(Input!$D$21=2,L7491*Input!$C$21,0)+IF(Input!$D$22=2,M7491*Input!$C$22,0)</f>
        <v>0.94249695912836495</v>
      </c>
      <c r="P7491" s="59">
        <f>IF(Input!$D$19=3,J7491*Input!$C$19,0)+IF(Input!$D$20=3,K7491*Input!$C$20,0)+IF(Input!$D$21=3,L7491*Input!$C$21,0)+IF(Input!$D$22=3,M7491*Input!$C$22,0)</f>
        <v>0</v>
      </c>
      <c r="Q7491" s="75">
        <f>IF(Input!$D$19=4,J7491*Input!$C$19,0)+IF(Input!$D$20=4,K7491*Input!$C$20,0)+IF(Input!$D$21=4,L7491*Input!$C$21,0)+IF(Input!$D$22=4,M7491*Input!$C$22,0)</f>
        <v>0</v>
      </c>
      <c r="R7491" s="58">
        <v>61.432138783103831</v>
      </c>
      <c r="S7491" s="124">
        <f t="shared" si="116"/>
        <v>1.6336613958224993</v>
      </c>
    </row>
    <row r="7492" spans="8:19" x14ac:dyDescent="0.3">
      <c r="H7492" s="44">
        <v>7485</v>
      </c>
      <c r="I7492" s="56">
        <f>Bühler!I7518</f>
        <v>0.30159902692107676</v>
      </c>
      <c r="J7492" s="59">
        <f>Bühler!J7518</f>
        <v>1.0053300897369226</v>
      </c>
      <c r="K7492" s="59">
        <f>Bühler!K7518</f>
        <v>1.5079951346053839</v>
      </c>
      <c r="L7492" s="59">
        <f>Bühler!L7518</f>
        <v>7.2383766461058423</v>
      </c>
      <c r="M7492" s="58">
        <f>Bühler!M7518</f>
        <v>0</v>
      </c>
      <c r="N7492" s="56">
        <f>IF(Input!$D$19=1,J7492*Input!$C$19,0)+IF(Input!$D$20=1,K7492*Input!$C$20,0)+IF(Input!$D$21=1,L7492*Input!$C$21,0)+IF(Input!$D$22=1,M7492*Input!$C$22,0)</f>
        <v>0.30159902692107676</v>
      </c>
      <c r="O7492" s="59">
        <f>IF(Input!$D$19=2,J7492*Input!$C$19,0)+IF(Input!$D$20=2,K7492*Input!$C$20,0)+IF(Input!$D$21=2,L7492*Input!$C$21,0)+IF(Input!$D$22=2,M7492*Input!$C$22,0)</f>
        <v>0.75399756730269196</v>
      </c>
      <c r="P7492" s="59">
        <f>IF(Input!$D$19=3,J7492*Input!$C$19,0)+IF(Input!$D$20=3,K7492*Input!$C$20,0)+IF(Input!$D$21=3,L7492*Input!$C$21,0)+IF(Input!$D$22=3,M7492*Input!$C$22,0)</f>
        <v>0</v>
      </c>
      <c r="Q7492" s="75">
        <f>IF(Input!$D$19=4,J7492*Input!$C$19,0)+IF(Input!$D$20=4,K7492*Input!$C$20,0)+IF(Input!$D$21=4,L7492*Input!$C$21,0)+IF(Input!$D$22=4,M7492*Input!$C$22,0)</f>
        <v>0</v>
      </c>
      <c r="R7492" s="58">
        <v>59.760316488258489</v>
      </c>
      <c r="S7492" s="124">
        <f t="shared" si="116"/>
        <v>1.3069291166579995</v>
      </c>
    </row>
    <row r="7493" spans="8:19" x14ac:dyDescent="0.3">
      <c r="H7493" s="44">
        <v>7486</v>
      </c>
      <c r="I7493" s="56">
        <f>Bühler!I7519</f>
        <v>0.22619927019080754</v>
      </c>
      <c r="J7493" s="59">
        <f>Bühler!J7519</f>
        <v>0.75399756730269196</v>
      </c>
      <c r="K7493" s="59">
        <f>Bühler!K7519</f>
        <v>1.1309963509540377</v>
      </c>
      <c r="L7493" s="59">
        <f>Bühler!L7519</f>
        <v>5.4287824845793811</v>
      </c>
      <c r="M7493" s="58">
        <f>Bühler!M7519</f>
        <v>0</v>
      </c>
      <c r="N7493" s="56">
        <f>IF(Input!$D$19=1,J7493*Input!$C$19,0)+IF(Input!$D$20=1,K7493*Input!$C$20,0)+IF(Input!$D$21=1,L7493*Input!$C$21,0)+IF(Input!$D$22=1,M7493*Input!$C$22,0)</f>
        <v>0.22619927019080757</v>
      </c>
      <c r="O7493" s="59">
        <f>IF(Input!$D$19=2,J7493*Input!$C$19,0)+IF(Input!$D$20=2,K7493*Input!$C$20,0)+IF(Input!$D$21=2,L7493*Input!$C$21,0)+IF(Input!$D$22=2,M7493*Input!$C$22,0)</f>
        <v>0.56549817547701886</v>
      </c>
      <c r="P7493" s="59">
        <f>IF(Input!$D$19=3,J7493*Input!$C$19,0)+IF(Input!$D$20=3,K7493*Input!$C$20,0)+IF(Input!$D$21=3,L7493*Input!$C$21,0)+IF(Input!$D$22=3,M7493*Input!$C$22,0)</f>
        <v>0</v>
      </c>
      <c r="Q7493" s="75">
        <f>IF(Input!$D$19=4,J7493*Input!$C$19,0)+IF(Input!$D$20=4,K7493*Input!$C$20,0)+IF(Input!$D$21=4,L7493*Input!$C$21,0)+IF(Input!$D$22=4,M7493*Input!$C$22,0)</f>
        <v>0</v>
      </c>
      <c r="R7493" s="58">
        <v>57.589105351900571</v>
      </c>
      <c r="S7493" s="124">
        <f t="shared" si="116"/>
        <v>0.98019683749349951</v>
      </c>
    </row>
    <row r="7494" spans="8:19" x14ac:dyDescent="0.3">
      <c r="H7494" s="44">
        <v>7487</v>
      </c>
      <c r="I7494" s="56">
        <f>Bühler!I7520</f>
        <v>0.22619927019080754</v>
      </c>
      <c r="J7494" s="59">
        <f>Bühler!J7520</f>
        <v>0.75399756730269196</v>
      </c>
      <c r="K7494" s="59">
        <f>Bühler!K7520</f>
        <v>1.1309963509540377</v>
      </c>
      <c r="L7494" s="59">
        <f>Bühler!L7520</f>
        <v>5.4287824845793811</v>
      </c>
      <c r="M7494" s="58">
        <f>Bühler!M7520</f>
        <v>0</v>
      </c>
      <c r="N7494" s="56">
        <f>IF(Input!$D$19=1,J7494*Input!$C$19,0)+IF(Input!$D$20=1,K7494*Input!$C$20,0)+IF(Input!$D$21=1,L7494*Input!$C$21,0)+IF(Input!$D$22=1,M7494*Input!$C$22,0)</f>
        <v>0.22619927019080757</v>
      </c>
      <c r="O7494" s="59">
        <f>IF(Input!$D$19=2,J7494*Input!$C$19,0)+IF(Input!$D$20=2,K7494*Input!$C$20,0)+IF(Input!$D$21=2,L7494*Input!$C$21,0)+IF(Input!$D$22=2,M7494*Input!$C$22,0)</f>
        <v>0.56549817547701886</v>
      </c>
      <c r="P7494" s="59">
        <f>IF(Input!$D$19=3,J7494*Input!$C$19,0)+IF(Input!$D$20=3,K7494*Input!$C$20,0)+IF(Input!$D$21=3,L7494*Input!$C$21,0)+IF(Input!$D$22=3,M7494*Input!$C$22,0)</f>
        <v>0</v>
      </c>
      <c r="Q7494" s="75">
        <f>IF(Input!$D$19=4,J7494*Input!$C$19,0)+IF(Input!$D$20=4,K7494*Input!$C$20,0)+IF(Input!$D$21=4,L7494*Input!$C$21,0)+IF(Input!$D$22=4,M7494*Input!$C$22,0)</f>
        <v>0</v>
      </c>
      <c r="R7494" s="58">
        <v>57.250532086094161</v>
      </c>
      <c r="S7494" s="124">
        <f t="shared" si="116"/>
        <v>0.98019683749349951</v>
      </c>
    </row>
    <row r="7495" spans="8:19" x14ac:dyDescent="0.3">
      <c r="H7495" s="44">
        <v>7488</v>
      </c>
      <c r="I7495" s="56">
        <f>Bühler!I7521</f>
        <v>0.22619927019080754</v>
      </c>
      <c r="J7495" s="59">
        <f>Bühler!J7521</f>
        <v>0.75399756730269196</v>
      </c>
      <c r="K7495" s="59">
        <f>Bühler!K7521</f>
        <v>1.1309963509540377</v>
      </c>
      <c r="L7495" s="59">
        <f>Bühler!L7521</f>
        <v>5.4287824845793811</v>
      </c>
      <c r="M7495" s="58">
        <f>Bühler!M7521</f>
        <v>0</v>
      </c>
      <c r="N7495" s="56">
        <f>IF(Input!$D$19=1,J7495*Input!$C$19,0)+IF(Input!$D$20=1,K7495*Input!$C$20,0)+IF(Input!$D$21=1,L7495*Input!$C$21,0)+IF(Input!$D$22=1,M7495*Input!$C$22,0)</f>
        <v>0.22619927019080757</v>
      </c>
      <c r="O7495" s="59">
        <f>IF(Input!$D$19=2,J7495*Input!$C$19,0)+IF(Input!$D$20=2,K7495*Input!$C$20,0)+IF(Input!$D$21=2,L7495*Input!$C$21,0)+IF(Input!$D$22=2,M7495*Input!$C$22,0)</f>
        <v>0.56549817547701886</v>
      </c>
      <c r="P7495" s="59">
        <f>IF(Input!$D$19=3,J7495*Input!$C$19,0)+IF(Input!$D$20=3,K7495*Input!$C$20,0)+IF(Input!$D$21=3,L7495*Input!$C$21,0)+IF(Input!$D$22=3,M7495*Input!$C$22,0)</f>
        <v>0</v>
      </c>
      <c r="Q7495" s="75">
        <f>IF(Input!$D$19=4,J7495*Input!$C$19,0)+IF(Input!$D$20=4,K7495*Input!$C$20,0)+IF(Input!$D$21=4,L7495*Input!$C$21,0)+IF(Input!$D$22=4,M7495*Input!$C$22,0)</f>
        <v>0</v>
      </c>
      <c r="R7495" s="58">
        <v>56.907645954707156</v>
      </c>
      <c r="S7495" s="124">
        <f t="shared" si="116"/>
        <v>0.98019683749349951</v>
      </c>
    </row>
    <row r="7496" spans="8:19" x14ac:dyDescent="0.3">
      <c r="H7496" s="44">
        <v>7489</v>
      </c>
      <c r="I7496" s="56">
        <f>Bühler!I7522</f>
        <v>0.24652000370376062</v>
      </c>
      <c r="J7496" s="59">
        <f>Bühler!J7522</f>
        <v>0.8217333456792022</v>
      </c>
      <c r="K7496" s="59">
        <f>Bühler!K7522</f>
        <v>1.2326000185188031</v>
      </c>
      <c r="L7496" s="59">
        <f>Bühler!L7522</f>
        <v>5.9164800888902551</v>
      </c>
      <c r="M7496" s="58">
        <f>Bühler!M7522</f>
        <v>0</v>
      </c>
      <c r="N7496" s="56">
        <f>IF(Input!$D$19=1,J7496*Input!$C$19,0)+IF(Input!$D$20=1,K7496*Input!$C$20,0)+IF(Input!$D$21=1,L7496*Input!$C$21,0)+IF(Input!$D$22=1,M7496*Input!$C$22,0)</f>
        <v>0.24652000370376065</v>
      </c>
      <c r="O7496" s="59">
        <f>IF(Input!$D$19=2,J7496*Input!$C$19,0)+IF(Input!$D$20=2,K7496*Input!$C$20,0)+IF(Input!$D$21=2,L7496*Input!$C$21,0)+IF(Input!$D$22=2,M7496*Input!$C$22,0)</f>
        <v>0.61630000925940154</v>
      </c>
      <c r="P7496" s="59">
        <f>IF(Input!$D$19=3,J7496*Input!$C$19,0)+IF(Input!$D$20=3,K7496*Input!$C$20,0)+IF(Input!$D$21=3,L7496*Input!$C$21,0)+IF(Input!$D$22=3,M7496*Input!$C$22,0)</f>
        <v>0</v>
      </c>
      <c r="Q7496" s="75">
        <f>IF(Input!$D$19=4,J7496*Input!$C$19,0)+IF(Input!$D$20=4,K7496*Input!$C$20,0)+IF(Input!$D$21=4,L7496*Input!$C$21,0)+IF(Input!$D$22=4,M7496*Input!$C$22,0)</f>
        <v>0</v>
      </c>
      <c r="R7496" s="58">
        <v>56.143227041527645</v>
      </c>
      <c r="S7496" s="124">
        <f t="shared" si="116"/>
        <v>1.0682533493829629</v>
      </c>
    </row>
    <row r="7497" spans="8:19" x14ac:dyDescent="0.3">
      <c r="H7497" s="44">
        <v>7490</v>
      </c>
      <c r="I7497" s="56">
        <f>Bühler!I7523</f>
        <v>0.24652000370376062</v>
      </c>
      <c r="J7497" s="59">
        <f>Bühler!J7523</f>
        <v>0.8217333456792022</v>
      </c>
      <c r="K7497" s="59">
        <f>Bühler!K7523</f>
        <v>1.2326000185188031</v>
      </c>
      <c r="L7497" s="59">
        <f>Bühler!L7523</f>
        <v>5.9164800888902551</v>
      </c>
      <c r="M7497" s="58">
        <f>Bühler!M7523</f>
        <v>0</v>
      </c>
      <c r="N7497" s="56">
        <f>IF(Input!$D$19=1,J7497*Input!$C$19,0)+IF(Input!$D$20=1,K7497*Input!$C$20,0)+IF(Input!$D$21=1,L7497*Input!$C$21,0)+IF(Input!$D$22=1,M7497*Input!$C$22,0)</f>
        <v>0.24652000370376065</v>
      </c>
      <c r="O7497" s="59">
        <f>IF(Input!$D$19=2,J7497*Input!$C$19,0)+IF(Input!$D$20=2,K7497*Input!$C$20,0)+IF(Input!$D$21=2,L7497*Input!$C$21,0)+IF(Input!$D$22=2,M7497*Input!$C$22,0)</f>
        <v>0.61630000925940154</v>
      </c>
      <c r="P7497" s="59">
        <f>IF(Input!$D$19=3,J7497*Input!$C$19,0)+IF(Input!$D$20=3,K7497*Input!$C$20,0)+IF(Input!$D$21=3,L7497*Input!$C$21,0)+IF(Input!$D$22=3,M7497*Input!$C$22,0)</f>
        <v>0</v>
      </c>
      <c r="Q7497" s="75">
        <f>IF(Input!$D$19=4,J7497*Input!$C$19,0)+IF(Input!$D$20=4,K7497*Input!$C$20,0)+IF(Input!$D$21=4,L7497*Input!$C$21,0)+IF(Input!$D$22=4,M7497*Input!$C$22,0)</f>
        <v>0</v>
      </c>
      <c r="R7497" s="58">
        <v>55.709011759613901</v>
      </c>
      <c r="S7497" s="124">
        <f t="shared" ref="S7497:S7560" si="117">I7497+J7497</f>
        <v>1.0682533493829629</v>
      </c>
    </row>
    <row r="7498" spans="8:19" x14ac:dyDescent="0.3">
      <c r="H7498" s="44">
        <v>7491</v>
      </c>
      <c r="I7498" s="56">
        <f>Bühler!I7524</f>
        <v>0.24652000370376062</v>
      </c>
      <c r="J7498" s="59">
        <f>Bühler!J7524</f>
        <v>0.8217333456792022</v>
      </c>
      <c r="K7498" s="59">
        <f>Bühler!K7524</f>
        <v>1.2326000185188031</v>
      </c>
      <c r="L7498" s="59">
        <f>Bühler!L7524</f>
        <v>5.9164800888902551</v>
      </c>
      <c r="M7498" s="58">
        <f>Bühler!M7524</f>
        <v>0</v>
      </c>
      <c r="N7498" s="56">
        <f>IF(Input!$D$19=1,J7498*Input!$C$19,0)+IF(Input!$D$20=1,K7498*Input!$C$20,0)+IF(Input!$D$21=1,L7498*Input!$C$21,0)+IF(Input!$D$22=1,M7498*Input!$C$22,0)</f>
        <v>0.24652000370376065</v>
      </c>
      <c r="O7498" s="59">
        <f>IF(Input!$D$19=2,J7498*Input!$C$19,0)+IF(Input!$D$20=2,K7498*Input!$C$20,0)+IF(Input!$D$21=2,L7498*Input!$C$21,0)+IF(Input!$D$22=2,M7498*Input!$C$22,0)</f>
        <v>0.61630000925940154</v>
      </c>
      <c r="P7498" s="59">
        <f>IF(Input!$D$19=3,J7498*Input!$C$19,0)+IF(Input!$D$20=3,K7498*Input!$C$20,0)+IF(Input!$D$21=3,L7498*Input!$C$21,0)+IF(Input!$D$22=3,M7498*Input!$C$22,0)</f>
        <v>0</v>
      </c>
      <c r="Q7498" s="75">
        <f>IF(Input!$D$19=4,J7498*Input!$C$19,0)+IF(Input!$D$20=4,K7498*Input!$C$20,0)+IF(Input!$D$21=4,L7498*Input!$C$21,0)+IF(Input!$D$22=4,M7498*Input!$C$22,0)</f>
        <v>0</v>
      </c>
      <c r="R7498" s="58">
        <v>55.439807236538911</v>
      </c>
      <c r="S7498" s="124">
        <f t="shared" si="117"/>
        <v>1.0682533493829629</v>
      </c>
    </row>
    <row r="7499" spans="8:19" x14ac:dyDescent="0.3">
      <c r="H7499" s="44">
        <v>7492</v>
      </c>
      <c r="I7499" s="56">
        <f>Bühler!I7525</f>
        <v>0.24652000370376062</v>
      </c>
      <c r="J7499" s="59">
        <f>Bühler!J7525</f>
        <v>0.8217333456792022</v>
      </c>
      <c r="K7499" s="59">
        <f>Bühler!K7525</f>
        <v>1.2326000185188031</v>
      </c>
      <c r="L7499" s="59">
        <f>Bühler!L7525</f>
        <v>5.9164800888902551</v>
      </c>
      <c r="M7499" s="58">
        <f>Bühler!M7525</f>
        <v>0</v>
      </c>
      <c r="N7499" s="56">
        <f>IF(Input!$D$19=1,J7499*Input!$C$19,0)+IF(Input!$D$20=1,K7499*Input!$C$20,0)+IF(Input!$D$21=1,L7499*Input!$C$21,0)+IF(Input!$D$22=1,M7499*Input!$C$22,0)</f>
        <v>0.24652000370376065</v>
      </c>
      <c r="O7499" s="59">
        <f>IF(Input!$D$19=2,J7499*Input!$C$19,0)+IF(Input!$D$20=2,K7499*Input!$C$20,0)+IF(Input!$D$21=2,L7499*Input!$C$21,0)+IF(Input!$D$22=2,M7499*Input!$C$22,0)</f>
        <v>0.61630000925940154</v>
      </c>
      <c r="P7499" s="59">
        <f>IF(Input!$D$19=3,J7499*Input!$C$19,0)+IF(Input!$D$20=3,K7499*Input!$C$20,0)+IF(Input!$D$21=3,L7499*Input!$C$21,0)+IF(Input!$D$22=3,M7499*Input!$C$22,0)</f>
        <v>0</v>
      </c>
      <c r="Q7499" s="75">
        <f>IF(Input!$D$19=4,J7499*Input!$C$19,0)+IF(Input!$D$20=4,K7499*Input!$C$20,0)+IF(Input!$D$21=4,L7499*Input!$C$21,0)+IF(Input!$D$22=4,M7499*Input!$C$22,0)</f>
        <v>0</v>
      </c>
      <c r="R7499" s="58">
        <v>55.564564792505443</v>
      </c>
      <c r="S7499" s="124">
        <f t="shared" si="117"/>
        <v>1.0682533493829629</v>
      </c>
    </row>
    <row r="7500" spans="8:19" x14ac:dyDescent="0.3">
      <c r="H7500" s="44">
        <v>7493</v>
      </c>
      <c r="I7500" s="56">
        <f>Bühler!I7526</f>
        <v>0.24652000370376062</v>
      </c>
      <c r="J7500" s="59">
        <f>Bühler!J7526</f>
        <v>0.8217333456792022</v>
      </c>
      <c r="K7500" s="59">
        <f>Bühler!K7526</f>
        <v>1.2326000185188031</v>
      </c>
      <c r="L7500" s="59">
        <f>Bühler!L7526</f>
        <v>5.9164800888902551</v>
      </c>
      <c r="M7500" s="58">
        <f>Bühler!M7526</f>
        <v>0</v>
      </c>
      <c r="N7500" s="56">
        <f>IF(Input!$D$19=1,J7500*Input!$C$19,0)+IF(Input!$D$20=1,K7500*Input!$C$20,0)+IF(Input!$D$21=1,L7500*Input!$C$21,0)+IF(Input!$D$22=1,M7500*Input!$C$22,0)</f>
        <v>0.24652000370376065</v>
      </c>
      <c r="O7500" s="59">
        <f>IF(Input!$D$19=2,J7500*Input!$C$19,0)+IF(Input!$D$20=2,K7500*Input!$C$20,0)+IF(Input!$D$21=2,L7500*Input!$C$21,0)+IF(Input!$D$22=2,M7500*Input!$C$22,0)</f>
        <v>0.61630000925940154</v>
      </c>
      <c r="P7500" s="59">
        <f>IF(Input!$D$19=3,J7500*Input!$C$19,0)+IF(Input!$D$20=3,K7500*Input!$C$20,0)+IF(Input!$D$21=3,L7500*Input!$C$21,0)+IF(Input!$D$22=3,M7500*Input!$C$22,0)</f>
        <v>0</v>
      </c>
      <c r="Q7500" s="75">
        <f>IF(Input!$D$19=4,J7500*Input!$C$19,0)+IF(Input!$D$20=4,K7500*Input!$C$20,0)+IF(Input!$D$21=4,L7500*Input!$C$21,0)+IF(Input!$D$22=4,M7500*Input!$C$22,0)</f>
        <v>0</v>
      </c>
      <c r="R7500" s="58">
        <v>56.710046748900957</v>
      </c>
      <c r="S7500" s="124">
        <f t="shared" si="117"/>
        <v>1.0682533493829629</v>
      </c>
    </row>
    <row r="7501" spans="8:19" x14ac:dyDescent="0.3">
      <c r="H7501" s="44">
        <v>7494</v>
      </c>
      <c r="I7501" s="56">
        <f>Bühler!I7527</f>
        <v>0.31773689366262475</v>
      </c>
      <c r="J7501" s="59">
        <f>Bühler!J7527</f>
        <v>1.059122978875416</v>
      </c>
      <c r="K7501" s="59">
        <f>Bühler!K7527</f>
        <v>1.5886844683131238</v>
      </c>
      <c r="L7501" s="59">
        <f>Bühler!L7527</f>
        <v>7.6256854479029945</v>
      </c>
      <c r="M7501" s="58">
        <f>Bühler!M7527</f>
        <v>0</v>
      </c>
      <c r="N7501" s="56">
        <f>IF(Input!$D$19=1,J7501*Input!$C$19,0)+IF(Input!$D$20=1,K7501*Input!$C$20,0)+IF(Input!$D$21=1,L7501*Input!$C$21,0)+IF(Input!$D$22=1,M7501*Input!$C$22,0)</f>
        <v>0.31773689366262475</v>
      </c>
      <c r="O7501" s="59">
        <f>IF(Input!$D$19=2,J7501*Input!$C$19,0)+IF(Input!$D$20=2,K7501*Input!$C$20,0)+IF(Input!$D$21=2,L7501*Input!$C$21,0)+IF(Input!$D$22=2,M7501*Input!$C$22,0)</f>
        <v>0.79434223415656191</v>
      </c>
      <c r="P7501" s="59">
        <f>IF(Input!$D$19=3,J7501*Input!$C$19,0)+IF(Input!$D$20=3,K7501*Input!$C$20,0)+IF(Input!$D$21=3,L7501*Input!$C$21,0)+IF(Input!$D$22=3,M7501*Input!$C$22,0)</f>
        <v>0</v>
      </c>
      <c r="Q7501" s="75">
        <f>IF(Input!$D$19=4,J7501*Input!$C$19,0)+IF(Input!$D$20=4,K7501*Input!$C$20,0)+IF(Input!$D$21=4,L7501*Input!$C$21,0)+IF(Input!$D$22=4,M7501*Input!$C$22,0)</f>
        <v>0</v>
      </c>
      <c r="R7501" s="58">
        <v>59.603948210715991</v>
      </c>
      <c r="S7501" s="124">
        <f t="shared" si="117"/>
        <v>1.3768598725380408</v>
      </c>
    </row>
    <row r="7502" spans="8:19" x14ac:dyDescent="0.3">
      <c r="H7502" s="44">
        <v>7495</v>
      </c>
      <c r="I7502" s="56">
        <f>Bühler!I7528</f>
        <v>0.38347556131696103</v>
      </c>
      <c r="J7502" s="59">
        <f>Bühler!J7528</f>
        <v>1.2782518710565369</v>
      </c>
      <c r="K7502" s="59">
        <f>Bühler!K7528</f>
        <v>1.9173778065848051</v>
      </c>
      <c r="L7502" s="59">
        <f>Bühler!L7528</f>
        <v>9.2034134716070639</v>
      </c>
      <c r="M7502" s="58">
        <f>Bühler!M7528</f>
        <v>0</v>
      </c>
      <c r="N7502" s="56">
        <f>IF(Input!$D$19=1,J7502*Input!$C$19,0)+IF(Input!$D$20=1,K7502*Input!$C$20,0)+IF(Input!$D$21=1,L7502*Input!$C$21,0)+IF(Input!$D$22=1,M7502*Input!$C$22,0)</f>
        <v>0.38347556131696109</v>
      </c>
      <c r="O7502" s="59">
        <f>IF(Input!$D$19=2,J7502*Input!$C$19,0)+IF(Input!$D$20=2,K7502*Input!$C$20,0)+IF(Input!$D$21=2,L7502*Input!$C$21,0)+IF(Input!$D$22=2,M7502*Input!$C$22,0)</f>
        <v>0.95868890329240253</v>
      </c>
      <c r="P7502" s="59">
        <f>IF(Input!$D$19=3,J7502*Input!$C$19,0)+IF(Input!$D$20=3,K7502*Input!$C$20,0)+IF(Input!$D$21=3,L7502*Input!$C$21,0)+IF(Input!$D$22=3,M7502*Input!$C$22,0)</f>
        <v>0</v>
      </c>
      <c r="Q7502" s="75">
        <f>IF(Input!$D$19=4,J7502*Input!$C$19,0)+IF(Input!$D$20=4,K7502*Input!$C$20,0)+IF(Input!$D$21=4,L7502*Input!$C$21,0)+IF(Input!$D$22=4,M7502*Input!$C$22,0)</f>
        <v>0</v>
      </c>
      <c r="R7502" s="58">
        <v>63.082233642173378</v>
      </c>
      <c r="S7502" s="124">
        <f t="shared" si="117"/>
        <v>1.6617274323734978</v>
      </c>
    </row>
    <row r="7503" spans="8:19" x14ac:dyDescent="0.3">
      <c r="H7503" s="44">
        <v>7496</v>
      </c>
      <c r="I7503" s="56">
        <f>Bühler!I7529</f>
        <v>0.38347556131696103</v>
      </c>
      <c r="J7503" s="59">
        <f>Bühler!J7529</f>
        <v>1.2782518710565369</v>
      </c>
      <c r="K7503" s="59">
        <f>Bühler!K7529</f>
        <v>1.9173778065848051</v>
      </c>
      <c r="L7503" s="59">
        <f>Bühler!L7529</f>
        <v>9.2034134716070639</v>
      </c>
      <c r="M7503" s="58">
        <f>Bühler!M7529</f>
        <v>0</v>
      </c>
      <c r="N7503" s="56">
        <f>IF(Input!$D$19=1,J7503*Input!$C$19,0)+IF(Input!$D$20=1,K7503*Input!$C$20,0)+IF(Input!$D$21=1,L7503*Input!$C$21,0)+IF(Input!$D$22=1,M7503*Input!$C$22,0)</f>
        <v>0.38347556131696109</v>
      </c>
      <c r="O7503" s="59">
        <f>IF(Input!$D$19=2,J7503*Input!$C$19,0)+IF(Input!$D$20=2,K7503*Input!$C$20,0)+IF(Input!$D$21=2,L7503*Input!$C$21,0)+IF(Input!$D$22=2,M7503*Input!$C$22,0)</f>
        <v>0.95868890329240253</v>
      </c>
      <c r="P7503" s="59">
        <f>IF(Input!$D$19=3,J7503*Input!$C$19,0)+IF(Input!$D$20=3,K7503*Input!$C$20,0)+IF(Input!$D$21=3,L7503*Input!$C$21,0)+IF(Input!$D$22=3,M7503*Input!$C$22,0)</f>
        <v>0</v>
      </c>
      <c r="Q7503" s="75">
        <f>IF(Input!$D$19=4,J7503*Input!$C$19,0)+IF(Input!$D$20=4,K7503*Input!$C$20,0)+IF(Input!$D$21=4,L7503*Input!$C$21,0)+IF(Input!$D$22=4,M7503*Input!$C$22,0)</f>
        <v>0</v>
      </c>
      <c r="R7503" s="58">
        <v>64.920702893772813</v>
      </c>
      <c r="S7503" s="124">
        <f t="shared" si="117"/>
        <v>1.6617274323734978</v>
      </c>
    </row>
    <row r="7504" spans="8:19" x14ac:dyDescent="0.3">
      <c r="H7504" s="44">
        <v>7497</v>
      </c>
      <c r="I7504" s="56">
        <f>Bühler!I7530</f>
        <v>0.38347556131696103</v>
      </c>
      <c r="J7504" s="59">
        <f>Bühler!J7530</f>
        <v>1.2782518710565369</v>
      </c>
      <c r="K7504" s="59">
        <f>Bühler!K7530</f>
        <v>1.9173778065848051</v>
      </c>
      <c r="L7504" s="59">
        <f>Bühler!L7530</f>
        <v>9.2034134716070639</v>
      </c>
      <c r="M7504" s="58">
        <f>Bühler!M7530</f>
        <v>0</v>
      </c>
      <c r="N7504" s="56">
        <f>IF(Input!$D$19=1,J7504*Input!$C$19,0)+IF(Input!$D$20=1,K7504*Input!$C$20,0)+IF(Input!$D$21=1,L7504*Input!$C$21,0)+IF(Input!$D$22=1,M7504*Input!$C$22,0)</f>
        <v>0.38347556131696109</v>
      </c>
      <c r="O7504" s="59">
        <f>IF(Input!$D$19=2,J7504*Input!$C$19,0)+IF(Input!$D$20=2,K7504*Input!$C$20,0)+IF(Input!$D$21=2,L7504*Input!$C$21,0)+IF(Input!$D$22=2,M7504*Input!$C$22,0)</f>
        <v>0.95868890329240253</v>
      </c>
      <c r="P7504" s="59">
        <f>IF(Input!$D$19=3,J7504*Input!$C$19,0)+IF(Input!$D$20=3,K7504*Input!$C$20,0)+IF(Input!$D$21=3,L7504*Input!$C$21,0)+IF(Input!$D$22=3,M7504*Input!$C$22,0)</f>
        <v>0</v>
      </c>
      <c r="Q7504" s="75">
        <f>IF(Input!$D$19=4,J7504*Input!$C$19,0)+IF(Input!$D$20=4,K7504*Input!$C$20,0)+IF(Input!$D$21=4,L7504*Input!$C$21,0)+IF(Input!$D$22=4,M7504*Input!$C$22,0)</f>
        <v>0</v>
      </c>
      <c r="R7504" s="58">
        <v>65.426403633382094</v>
      </c>
      <c r="S7504" s="124">
        <f t="shared" si="117"/>
        <v>1.6617274323734978</v>
      </c>
    </row>
    <row r="7505" spans="8:19" x14ac:dyDescent="0.3">
      <c r="H7505" s="44">
        <v>7498</v>
      </c>
      <c r="I7505" s="56">
        <f>Bühler!I7531</f>
        <v>0.41086667283960104</v>
      </c>
      <c r="J7505" s="59">
        <f>Bühler!J7531</f>
        <v>1.3695555761320035</v>
      </c>
      <c r="K7505" s="59">
        <f>Bühler!K7531</f>
        <v>2.0543333641980053</v>
      </c>
      <c r="L7505" s="59">
        <f>Bühler!L7531</f>
        <v>9.8608001481504246</v>
      </c>
      <c r="M7505" s="58">
        <f>Bühler!M7531</f>
        <v>0</v>
      </c>
      <c r="N7505" s="56">
        <f>IF(Input!$D$19=1,J7505*Input!$C$19,0)+IF(Input!$D$20=1,K7505*Input!$C$20,0)+IF(Input!$D$21=1,L7505*Input!$C$21,0)+IF(Input!$D$22=1,M7505*Input!$C$22,0)</f>
        <v>0.41086667283960104</v>
      </c>
      <c r="O7505" s="59">
        <f>IF(Input!$D$19=2,J7505*Input!$C$19,0)+IF(Input!$D$20=2,K7505*Input!$C$20,0)+IF(Input!$D$21=2,L7505*Input!$C$21,0)+IF(Input!$D$22=2,M7505*Input!$C$22,0)</f>
        <v>1.0271666820990026</v>
      </c>
      <c r="P7505" s="59">
        <f>IF(Input!$D$19=3,J7505*Input!$C$19,0)+IF(Input!$D$20=3,K7505*Input!$C$20,0)+IF(Input!$D$21=3,L7505*Input!$C$21,0)+IF(Input!$D$22=3,M7505*Input!$C$22,0)</f>
        <v>0</v>
      </c>
      <c r="Q7505" s="75">
        <f>IF(Input!$D$19=4,J7505*Input!$C$19,0)+IF(Input!$D$20=4,K7505*Input!$C$20,0)+IF(Input!$D$21=4,L7505*Input!$C$21,0)+IF(Input!$D$22=4,M7505*Input!$C$22,0)</f>
        <v>0</v>
      </c>
      <c r="R7505" s="58">
        <v>64.52670772634967</v>
      </c>
      <c r="S7505" s="124">
        <f t="shared" si="117"/>
        <v>1.7804222489716046</v>
      </c>
    </row>
    <row r="7506" spans="8:19" x14ac:dyDescent="0.3">
      <c r="H7506" s="44">
        <v>7499</v>
      </c>
      <c r="I7506" s="56">
        <f>Bühler!I7532</f>
        <v>0.42730133975318507</v>
      </c>
      <c r="J7506" s="59">
        <f>Bühler!J7532</f>
        <v>1.4243377991772839</v>
      </c>
      <c r="K7506" s="59">
        <f>Bühler!K7532</f>
        <v>2.1365066987659254</v>
      </c>
      <c r="L7506" s="59">
        <f>Bühler!L7532</f>
        <v>10.255232154076442</v>
      </c>
      <c r="M7506" s="58">
        <f>Bühler!M7532</f>
        <v>0</v>
      </c>
      <c r="N7506" s="56">
        <f>IF(Input!$D$19=1,J7506*Input!$C$19,0)+IF(Input!$D$20=1,K7506*Input!$C$20,0)+IF(Input!$D$21=1,L7506*Input!$C$21,0)+IF(Input!$D$22=1,M7506*Input!$C$22,0)</f>
        <v>0.42730133975318513</v>
      </c>
      <c r="O7506" s="59">
        <f>IF(Input!$D$19=2,J7506*Input!$C$19,0)+IF(Input!$D$20=2,K7506*Input!$C$20,0)+IF(Input!$D$21=2,L7506*Input!$C$21,0)+IF(Input!$D$22=2,M7506*Input!$C$22,0)</f>
        <v>1.0682533493829627</v>
      </c>
      <c r="P7506" s="59">
        <f>IF(Input!$D$19=3,J7506*Input!$C$19,0)+IF(Input!$D$20=3,K7506*Input!$C$20,0)+IF(Input!$D$21=3,L7506*Input!$C$21,0)+IF(Input!$D$22=3,M7506*Input!$C$22,0)</f>
        <v>0</v>
      </c>
      <c r="Q7506" s="75">
        <f>IF(Input!$D$19=4,J7506*Input!$C$19,0)+IF(Input!$D$20=4,K7506*Input!$C$20,0)+IF(Input!$D$21=4,L7506*Input!$C$21,0)+IF(Input!$D$22=4,M7506*Input!$C$22,0)</f>
        <v>0</v>
      </c>
      <c r="R7506" s="58">
        <v>65.348931630330981</v>
      </c>
      <c r="S7506" s="124">
        <f t="shared" si="117"/>
        <v>1.8516391389304689</v>
      </c>
    </row>
    <row r="7507" spans="8:19" x14ac:dyDescent="0.3">
      <c r="H7507" s="44">
        <v>7500</v>
      </c>
      <c r="I7507" s="56">
        <f>Bühler!I7533</f>
        <v>0.49304000740752124</v>
      </c>
      <c r="J7507" s="59">
        <f>Bühler!J7533</f>
        <v>1.6434666913584044</v>
      </c>
      <c r="K7507" s="59">
        <f>Bühler!K7533</f>
        <v>2.4652000370376062</v>
      </c>
      <c r="L7507" s="59">
        <f>Bühler!L7533</f>
        <v>11.83296017778051</v>
      </c>
      <c r="M7507" s="58">
        <f>Bühler!M7533</f>
        <v>0</v>
      </c>
      <c r="N7507" s="56">
        <f>IF(Input!$D$19=1,J7507*Input!$C$19,0)+IF(Input!$D$20=1,K7507*Input!$C$20,0)+IF(Input!$D$21=1,L7507*Input!$C$21,0)+IF(Input!$D$22=1,M7507*Input!$C$22,0)</f>
        <v>0.4930400074075213</v>
      </c>
      <c r="O7507" s="59">
        <f>IF(Input!$D$19=2,J7507*Input!$C$19,0)+IF(Input!$D$20=2,K7507*Input!$C$20,0)+IF(Input!$D$21=2,L7507*Input!$C$21,0)+IF(Input!$D$22=2,M7507*Input!$C$22,0)</f>
        <v>1.2326000185188031</v>
      </c>
      <c r="P7507" s="59">
        <f>IF(Input!$D$19=3,J7507*Input!$C$19,0)+IF(Input!$D$20=3,K7507*Input!$C$20,0)+IF(Input!$D$21=3,L7507*Input!$C$21,0)+IF(Input!$D$22=3,M7507*Input!$C$22,0)</f>
        <v>0</v>
      </c>
      <c r="Q7507" s="75">
        <f>IF(Input!$D$19=4,J7507*Input!$C$19,0)+IF(Input!$D$20=4,K7507*Input!$C$20,0)+IF(Input!$D$21=4,L7507*Input!$C$21,0)+IF(Input!$D$22=4,M7507*Input!$C$22,0)</f>
        <v>0</v>
      </c>
      <c r="R7507" s="58">
        <v>66.28453227571454</v>
      </c>
      <c r="S7507" s="124">
        <f t="shared" si="117"/>
        <v>2.1365066987659258</v>
      </c>
    </row>
    <row r="7508" spans="8:19" x14ac:dyDescent="0.3">
      <c r="H7508" s="44">
        <v>7501</v>
      </c>
      <c r="I7508" s="56">
        <f>Bühler!I7534</f>
        <v>0.49304000740752124</v>
      </c>
      <c r="J7508" s="59">
        <f>Bühler!J7534</f>
        <v>1.6434666913584044</v>
      </c>
      <c r="K7508" s="59">
        <f>Bühler!K7534</f>
        <v>2.4652000370376062</v>
      </c>
      <c r="L7508" s="59">
        <f>Bühler!L7534</f>
        <v>11.83296017778051</v>
      </c>
      <c r="M7508" s="58">
        <f>Bühler!M7534</f>
        <v>0</v>
      </c>
      <c r="N7508" s="56">
        <f>IF(Input!$D$19=1,J7508*Input!$C$19,0)+IF(Input!$D$20=1,K7508*Input!$C$20,0)+IF(Input!$D$21=1,L7508*Input!$C$21,0)+IF(Input!$D$22=1,M7508*Input!$C$22,0)</f>
        <v>0.4930400074075213</v>
      </c>
      <c r="O7508" s="59">
        <f>IF(Input!$D$19=2,J7508*Input!$C$19,0)+IF(Input!$D$20=2,K7508*Input!$C$20,0)+IF(Input!$D$21=2,L7508*Input!$C$21,0)+IF(Input!$D$22=2,M7508*Input!$C$22,0)</f>
        <v>1.2326000185188031</v>
      </c>
      <c r="P7508" s="59">
        <f>IF(Input!$D$19=3,J7508*Input!$C$19,0)+IF(Input!$D$20=3,K7508*Input!$C$20,0)+IF(Input!$D$21=3,L7508*Input!$C$21,0)+IF(Input!$D$22=3,M7508*Input!$C$22,0)</f>
        <v>0</v>
      </c>
      <c r="Q7508" s="75">
        <f>IF(Input!$D$19=4,J7508*Input!$C$19,0)+IF(Input!$D$20=4,K7508*Input!$C$20,0)+IF(Input!$D$21=4,L7508*Input!$C$21,0)+IF(Input!$D$22=4,M7508*Input!$C$22,0)</f>
        <v>0</v>
      </c>
      <c r="R7508" s="58">
        <v>65.518941402263209</v>
      </c>
      <c r="S7508" s="124">
        <f t="shared" si="117"/>
        <v>2.1365066987659258</v>
      </c>
    </row>
    <row r="7509" spans="8:19" x14ac:dyDescent="0.3">
      <c r="H7509" s="44">
        <v>7502</v>
      </c>
      <c r="I7509" s="56">
        <f>Bühler!I7535</f>
        <v>0.49304000740752124</v>
      </c>
      <c r="J7509" s="59">
        <f>Bühler!J7535</f>
        <v>1.6434666913584044</v>
      </c>
      <c r="K7509" s="59">
        <f>Bühler!K7535</f>
        <v>2.4652000370376062</v>
      </c>
      <c r="L7509" s="59">
        <f>Bühler!L7535</f>
        <v>11.83296017778051</v>
      </c>
      <c r="M7509" s="58">
        <f>Bühler!M7535</f>
        <v>0</v>
      </c>
      <c r="N7509" s="56">
        <f>IF(Input!$D$19=1,J7509*Input!$C$19,0)+IF(Input!$D$20=1,K7509*Input!$C$20,0)+IF(Input!$D$21=1,L7509*Input!$C$21,0)+IF(Input!$D$22=1,M7509*Input!$C$22,0)</f>
        <v>0.4930400074075213</v>
      </c>
      <c r="O7509" s="59">
        <f>IF(Input!$D$19=2,J7509*Input!$C$19,0)+IF(Input!$D$20=2,K7509*Input!$C$20,0)+IF(Input!$D$21=2,L7509*Input!$C$21,0)+IF(Input!$D$22=2,M7509*Input!$C$22,0)</f>
        <v>1.2326000185188031</v>
      </c>
      <c r="P7509" s="59">
        <f>IF(Input!$D$19=3,J7509*Input!$C$19,0)+IF(Input!$D$20=3,K7509*Input!$C$20,0)+IF(Input!$D$21=3,L7509*Input!$C$21,0)+IF(Input!$D$22=3,M7509*Input!$C$22,0)</f>
        <v>0</v>
      </c>
      <c r="Q7509" s="75">
        <f>IF(Input!$D$19=4,J7509*Input!$C$19,0)+IF(Input!$D$20=4,K7509*Input!$C$20,0)+IF(Input!$D$21=4,L7509*Input!$C$21,0)+IF(Input!$D$22=4,M7509*Input!$C$22,0)</f>
        <v>0</v>
      </c>
      <c r="R7509" s="58">
        <v>64.222363773496426</v>
      </c>
      <c r="S7509" s="124">
        <f t="shared" si="117"/>
        <v>2.1365066987659258</v>
      </c>
    </row>
    <row r="7510" spans="8:19" x14ac:dyDescent="0.3">
      <c r="H7510" s="44">
        <v>7503</v>
      </c>
      <c r="I7510" s="56">
        <f>Bühler!I7536</f>
        <v>0.49304000740752124</v>
      </c>
      <c r="J7510" s="59">
        <f>Bühler!J7536</f>
        <v>1.6434666913584044</v>
      </c>
      <c r="K7510" s="59">
        <f>Bühler!K7536</f>
        <v>2.4652000370376062</v>
      </c>
      <c r="L7510" s="59">
        <f>Bühler!L7536</f>
        <v>11.83296017778051</v>
      </c>
      <c r="M7510" s="58">
        <f>Bühler!M7536</f>
        <v>0</v>
      </c>
      <c r="N7510" s="56">
        <f>IF(Input!$D$19=1,J7510*Input!$C$19,0)+IF(Input!$D$20=1,K7510*Input!$C$20,0)+IF(Input!$D$21=1,L7510*Input!$C$21,0)+IF(Input!$D$22=1,M7510*Input!$C$22,0)</f>
        <v>0.4930400074075213</v>
      </c>
      <c r="O7510" s="59">
        <f>IF(Input!$D$19=2,J7510*Input!$C$19,0)+IF(Input!$D$20=2,K7510*Input!$C$20,0)+IF(Input!$D$21=2,L7510*Input!$C$21,0)+IF(Input!$D$22=2,M7510*Input!$C$22,0)</f>
        <v>1.2326000185188031</v>
      </c>
      <c r="P7510" s="59">
        <f>IF(Input!$D$19=3,J7510*Input!$C$19,0)+IF(Input!$D$20=3,K7510*Input!$C$20,0)+IF(Input!$D$21=3,L7510*Input!$C$21,0)+IF(Input!$D$22=3,M7510*Input!$C$22,0)</f>
        <v>0</v>
      </c>
      <c r="Q7510" s="75">
        <f>IF(Input!$D$19=4,J7510*Input!$C$19,0)+IF(Input!$D$20=4,K7510*Input!$C$20,0)+IF(Input!$D$21=4,L7510*Input!$C$21,0)+IF(Input!$D$22=4,M7510*Input!$C$22,0)</f>
        <v>0</v>
      </c>
      <c r="R7510" s="58">
        <v>64.317545494322275</v>
      </c>
      <c r="S7510" s="124">
        <f t="shared" si="117"/>
        <v>2.1365066987659258</v>
      </c>
    </row>
    <row r="7511" spans="8:19" x14ac:dyDescent="0.3">
      <c r="H7511" s="44">
        <v>7504</v>
      </c>
      <c r="I7511" s="56">
        <f>Bühler!I7537</f>
        <v>0.41086667283960104</v>
      </c>
      <c r="J7511" s="59">
        <f>Bühler!J7537</f>
        <v>1.3695555761320035</v>
      </c>
      <c r="K7511" s="59">
        <f>Bühler!K7537</f>
        <v>2.0543333641980053</v>
      </c>
      <c r="L7511" s="59">
        <f>Bühler!L7537</f>
        <v>9.8608001481504246</v>
      </c>
      <c r="M7511" s="58">
        <f>Bühler!M7537</f>
        <v>0</v>
      </c>
      <c r="N7511" s="56">
        <f>IF(Input!$D$19=1,J7511*Input!$C$19,0)+IF(Input!$D$20=1,K7511*Input!$C$20,0)+IF(Input!$D$21=1,L7511*Input!$C$21,0)+IF(Input!$D$22=1,M7511*Input!$C$22,0)</f>
        <v>0.41086667283960104</v>
      </c>
      <c r="O7511" s="59">
        <f>IF(Input!$D$19=2,J7511*Input!$C$19,0)+IF(Input!$D$20=2,K7511*Input!$C$20,0)+IF(Input!$D$21=2,L7511*Input!$C$21,0)+IF(Input!$D$22=2,M7511*Input!$C$22,0)</f>
        <v>1.0271666820990026</v>
      </c>
      <c r="P7511" s="59">
        <f>IF(Input!$D$19=3,J7511*Input!$C$19,0)+IF(Input!$D$20=3,K7511*Input!$C$20,0)+IF(Input!$D$21=3,L7511*Input!$C$21,0)+IF(Input!$D$22=3,M7511*Input!$C$22,0)</f>
        <v>0</v>
      </c>
      <c r="Q7511" s="75">
        <f>IF(Input!$D$19=4,J7511*Input!$C$19,0)+IF(Input!$D$20=4,K7511*Input!$C$20,0)+IF(Input!$D$21=4,L7511*Input!$C$21,0)+IF(Input!$D$22=4,M7511*Input!$C$22,0)</f>
        <v>0</v>
      </c>
      <c r="R7511" s="58">
        <v>63.014074518097111</v>
      </c>
      <c r="S7511" s="124">
        <f t="shared" si="117"/>
        <v>1.7804222489716046</v>
      </c>
    </row>
    <row r="7512" spans="8:19" x14ac:dyDescent="0.3">
      <c r="H7512" s="44">
        <v>7505</v>
      </c>
      <c r="I7512" s="56">
        <f>Bühler!I7538</f>
        <v>0.38895378362148902</v>
      </c>
      <c r="J7512" s="59">
        <f>Bühler!J7538</f>
        <v>1.2965126120716302</v>
      </c>
      <c r="K7512" s="59">
        <f>Bühler!K7538</f>
        <v>1.944768918107445</v>
      </c>
      <c r="L7512" s="59">
        <f>Bühler!L7538</f>
        <v>9.3348908069157357</v>
      </c>
      <c r="M7512" s="58">
        <f>Bühler!M7538</f>
        <v>0</v>
      </c>
      <c r="N7512" s="56">
        <f>IF(Input!$D$19=1,J7512*Input!$C$19,0)+IF(Input!$D$20=1,K7512*Input!$C$20,0)+IF(Input!$D$21=1,L7512*Input!$C$21,0)+IF(Input!$D$22=1,M7512*Input!$C$22,0)</f>
        <v>0.38895378362148902</v>
      </c>
      <c r="O7512" s="59">
        <f>IF(Input!$D$19=2,J7512*Input!$C$19,0)+IF(Input!$D$20=2,K7512*Input!$C$20,0)+IF(Input!$D$21=2,L7512*Input!$C$21,0)+IF(Input!$D$22=2,M7512*Input!$C$22,0)</f>
        <v>0.97238445905372251</v>
      </c>
      <c r="P7512" s="59">
        <f>IF(Input!$D$19=3,J7512*Input!$C$19,0)+IF(Input!$D$20=3,K7512*Input!$C$20,0)+IF(Input!$D$21=3,L7512*Input!$C$21,0)+IF(Input!$D$22=3,M7512*Input!$C$22,0)</f>
        <v>0</v>
      </c>
      <c r="Q7512" s="75">
        <f>IF(Input!$D$19=4,J7512*Input!$C$19,0)+IF(Input!$D$20=4,K7512*Input!$C$20,0)+IF(Input!$D$21=4,L7512*Input!$C$21,0)+IF(Input!$D$22=4,M7512*Input!$C$22,0)</f>
        <v>0</v>
      </c>
      <c r="R7512" s="58">
        <v>62.138013071296072</v>
      </c>
      <c r="S7512" s="124">
        <f t="shared" si="117"/>
        <v>1.6854663956931191</v>
      </c>
    </row>
    <row r="7513" spans="8:19" x14ac:dyDescent="0.3">
      <c r="H7513" s="44">
        <v>7506</v>
      </c>
      <c r="I7513" s="56">
        <f>Bühler!I7539</f>
        <v>0.38895378362148902</v>
      </c>
      <c r="J7513" s="59">
        <f>Bühler!J7539</f>
        <v>1.2965126120716302</v>
      </c>
      <c r="K7513" s="59">
        <f>Bühler!K7539</f>
        <v>1.944768918107445</v>
      </c>
      <c r="L7513" s="59">
        <f>Bühler!L7539</f>
        <v>9.3348908069157357</v>
      </c>
      <c r="M7513" s="58">
        <f>Bühler!M7539</f>
        <v>0</v>
      </c>
      <c r="N7513" s="56">
        <f>IF(Input!$D$19=1,J7513*Input!$C$19,0)+IF(Input!$D$20=1,K7513*Input!$C$20,0)+IF(Input!$D$21=1,L7513*Input!$C$21,0)+IF(Input!$D$22=1,M7513*Input!$C$22,0)</f>
        <v>0.38895378362148902</v>
      </c>
      <c r="O7513" s="59">
        <f>IF(Input!$D$19=2,J7513*Input!$C$19,0)+IF(Input!$D$20=2,K7513*Input!$C$20,0)+IF(Input!$D$21=2,L7513*Input!$C$21,0)+IF(Input!$D$22=2,M7513*Input!$C$22,0)</f>
        <v>0.97238445905372251</v>
      </c>
      <c r="P7513" s="59">
        <f>IF(Input!$D$19=3,J7513*Input!$C$19,0)+IF(Input!$D$20=3,K7513*Input!$C$20,0)+IF(Input!$D$21=3,L7513*Input!$C$21,0)+IF(Input!$D$22=3,M7513*Input!$C$22,0)</f>
        <v>0</v>
      </c>
      <c r="Q7513" s="75">
        <f>IF(Input!$D$19=4,J7513*Input!$C$19,0)+IF(Input!$D$20=4,K7513*Input!$C$20,0)+IF(Input!$D$21=4,L7513*Input!$C$21,0)+IF(Input!$D$22=4,M7513*Input!$C$22,0)</f>
        <v>0</v>
      </c>
      <c r="R7513" s="58">
        <v>60.750082598603036</v>
      </c>
      <c r="S7513" s="124">
        <f t="shared" si="117"/>
        <v>1.6854663956931191</v>
      </c>
    </row>
    <row r="7514" spans="8:19" x14ac:dyDescent="0.3">
      <c r="H7514" s="44">
        <v>7507</v>
      </c>
      <c r="I7514" s="56">
        <f>Bühler!I7540</f>
        <v>0.38895378362148902</v>
      </c>
      <c r="J7514" s="59">
        <f>Bühler!J7540</f>
        <v>1.2965126120716302</v>
      </c>
      <c r="K7514" s="59">
        <f>Bühler!K7540</f>
        <v>1.944768918107445</v>
      </c>
      <c r="L7514" s="59">
        <f>Bühler!L7540</f>
        <v>9.3348908069157357</v>
      </c>
      <c r="M7514" s="58">
        <f>Bühler!M7540</f>
        <v>0</v>
      </c>
      <c r="N7514" s="56">
        <f>IF(Input!$D$19=1,J7514*Input!$C$19,0)+IF(Input!$D$20=1,K7514*Input!$C$20,0)+IF(Input!$D$21=1,L7514*Input!$C$21,0)+IF(Input!$D$22=1,M7514*Input!$C$22,0)</f>
        <v>0.38895378362148902</v>
      </c>
      <c r="O7514" s="59">
        <f>IF(Input!$D$19=2,J7514*Input!$C$19,0)+IF(Input!$D$20=2,K7514*Input!$C$20,0)+IF(Input!$D$21=2,L7514*Input!$C$21,0)+IF(Input!$D$22=2,M7514*Input!$C$22,0)</f>
        <v>0.97238445905372251</v>
      </c>
      <c r="P7514" s="59">
        <f>IF(Input!$D$19=3,J7514*Input!$C$19,0)+IF(Input!$D$20=3,K7514*Input!$C$20,0)+IF(Input!$D$21=3,L7514*Input!$C$21,0)+IF(Input!$D$22=3,M7514*Input!$C$22,0)</f>
        <v>0</v>
      </c>
      <c r="Q7514" s="75">
        <f>IF(Input!$D$19=4,J7514*Input!$C$19,0)+IF(Input!$D$20=4,K7514*Input!$C$20,0)+IF(Input!$D$21=4,L7514*Input!$C$21,0)+IF(Input!$D$22=4,M7514*Input!$C$22,0)</f>
        <v>0</v>
      </c>
      <c r="R7514" s="58">
        <v>59.149485702856957</v>
      </c>
      <c r="S7514" s="124">
        <f t="shared" si="117"/>
        <v>1.6854663956931191</v>
      </c>
    </row>
    <row r="7515" spans="8:19" x14ac:dyDescent="0.3">
      <c r="H7515" s="44">
        <v>7508</v>
      </c>
      <c r="I7515" s="56">
        <f>Bühler!I7541</f>
        <v>0.38895378362148902</v>
      </c>
      <c r="J7515" s="59">
        <f>Bühler!J7541</f>
        <v>1.2965126120716302</v>
      </c>
      <c r="K7515" s="59">
        <f>Bühler!K7541</f>
        <v>1.944768918107445</v>
      </c>
      <c r="L7515" s="59">
        <f>Bühler!L7541</f>
        <v>9.3348908069157357</v>
      </c>
      <c r="M7515" s="58">
        <f>Bühler!M7541</f>
        <v>0</v>
      </c>
      <c r="N7515" s="56">
        <f>IF(Input!$D$19=1,J7515*Input!$C$19,0)+IF(Input!$D$20=1,K7515*Input!$C$20,0)+IF(Input!$D$21=1,L7515*Input!$C$21,0)+IF(Input!$D$22=1,M7515*Input!$C$22,0)</f>
        <v>0.38895378362148902</v>
      </c>
      <c r="O7515" s="59">
        <f>IF(Input!$D$19=2,J7515*Input!$C$19,0)+IF(Input!$D$20=2,K7515*Input!$C$20,0)+IF(Input!$D$21=2,L7515*Input!$C$21,0)+IF(Input!$D$22=2,M7515*Input!$C$22,0)</f>
        <v>0.97238445905372251</v>
      </c>
      <c r="P7515" s="59">
        <f>IF(Input!$D$19=3,J7515*Input!$C$19,0)+IF(Input!$D$20=3,K7515*Input!$C$20,0)+IF(Input!$D$21=3,L7515*Input!$C$21,0)+IF(Input!$D$22=3,M7515*Input!$C$22,0)</f>
        <v>0</v>
      </c>
      <c r="Q7515" s="75">
        <f>IF(Input!$D$19=4,J7515*Input!$C$19,0)+IF(Input!$D$20=4,K7515*Input!$C$20,0)+IF(Input!$D$21=4,L7515*Input!$C$21,0)+IF(Input!$D$22=4,M7515*Input!$C$22,0)</f>
        <v>0</v>
      </c>
      <c r="R7515" s="58">
        <v>57.270404395373951</v>
      </c>
      <c r="S7515" s="124">
        <f t="shared" si="117"/>
        <v>1.6854663956931191</v>
      </c>
    </row>
    <row r="7516" spans="8:19" x14ac:dyDescent="0.3">
      <c r="H7516" s="44">
        <v>7509</v>
      </c>
      <c r="I7516" s="56">
        <f>Bühler!I7542</f>
        <v>0.30130222674904078</v>
      </c>
      <c r="J7516" s="59">
        <f>Bühler!J7542</f>
        <v>1.004340755830136</v>
      </c>
      <c r="K7516" s="59">
        <f>Bühler!K7542</f>
        <v>1.5065111337452037</v>
      </c>
      <c r="L7516" s="59">
        <f>Bühler!L7542</f>
        <v>7.2312534419769783</v>
      </c>
      <c r="M7516" s="58">
        <f>Bühler!M7542</f>
        <v>0</v>
      </c>
      <c r="N7516" s="56">
        <f>IF(Input!$D$19=1,J7516*Input!$C$19,0)+IF(Input!$D$20=1,K7516*Input!$C$20,0)+IF(Input!$D$21=1,L7516*Input!$C$21,0)+IF(Input!$D$22=1,M7516*Input!$C$22,0)</f>
        <v>0.30130222674904078</v>
      </c>
      <c r="O7516" s="59">
        <f>IF(Input!$D$19=2,J7516*Input!$C$19,0)+IF(Input!$D$20=2,K7516*Input!$C$20,0)+IF(Input!$D$21=2,L7516*Input!$C$21,0)+IF(Input!$D$22=2,M7516*Input!$C$22,0)</f>
        <v>0.75325556687260187</v>
      </c>
      <c r="P7516" s="59">
        <f>IF(Input!$D$19=3,J7516*Input!$C$19,0)+IF(Input!$D$20=3,K7516*Input!$C$20,0)+IF(Input!$D$21=3,L7516*Input!$C$21,0)+IF(Input!$D$22=3,M7516*Input!$C$22,0)</f>
        <v>0</v>
      </c>
      <c r="Q7516" s="75">
        <f>IF(Input!$D$19=4,J7516*Input!$C$19,0)+IF(Input!$D$20=4,K7516*Input!$C$20,0)+IF(Input!$D$21=4,L7516*Input!$C$21,0)+IF(Input!$D$22=4,M7516*Input!$C$22,0)</f>
        <v>0</v>
      </c>
      <c r="R7516" s="58">
        <v>55.559881442964915</v>
      </c>
      <c r="S7516" s="124">
        <f t="shared" si="117"/>
        <v>1.3056429825791769</v>
      </c>
    </row>
    <row r="7517" spans="8:19" x14ac:dyDescent="0.3">
      <c r="H7517" s="44">
        <v>7510</v>
      </c>
      <c r="I7517" s="56">
        <f>Bühler!I7543</f>
        <v>0.1150426683950883</v>
      </c>
      <c r="J7517" s="59">
        <f>Bühler!J7543</f>
        <v>0.38347556131696103</v>
      </c>
      <c r="K7517" s="59">
        <f>Bühler!K7543</f>
        <v>0.57521334197544149</v>
      </c>
      <c r="L7517" s="59">
        <f>Bühler!L7543</f>
        <v>2.761024041482119</v>
      </c>
      <c r="M7517" s="58">
        <f>Bühler!M7543</f>
        <v>0</v>
      </c>
      <c r="N7517" s="56">
        <f>IF(Input!$D$19=1,J7517*Input!$C$19,0)+IF(Input!$D$20=1,K7517*Input!$C$20,0)+IF(Input!$D$21=1,L7517*Input!$C$21,0)+IF(Input!$D$22=1,M7517*Input!$C$22,0)</f>
        <v>0.11504266839508831</v>
      </c>
      <c r="O7517" s="59">
        <f>IF(Input!$D$19=2,J7517*Input!$C$19,0)+IF(Input!$D$20=2,K7517*Input!$C$20,0)+IF(Input!$D$21=2,L7517*Input!$C$21,0)+IF(Input!$D$22=2,M7517*Input!$C$22,0)</f>
        <v>0.28760667098772075</v>
      </c>
      <c r="P7517" s="59">
        <f>IF(Input!$D$19=3,J7517*Input!$C$19,0)+IF(Input!$D$20=3,K7517*Input!$C$20,0)+IF(Input!$D$21=3,L7517*Input!$C$21,0)+IF(Input!$D$22=3,M7517*Input!$C$22,0)</f>
        <v>0</v>
      </c>
      <c r="Q7517" s="75">
        <f>IF(Input!$D$19=4,J7517*Input!$C$19,0)+IF(Input!$D$20=4,K7517*Input!$C$20,0)+IF(Input!$D$21=4,L7517*Input!$C$21,0)+IF(Input!$D$22=4,M7517*Input!$C$22,0)</f>
        <v>0</v>
      </c>
      <c r="R7517" s="58">
        <v>53.774764215632381</v>
      </c>
      <c r="S7517" s="124">
        <f t="shared" si="117"/>
        <v>0.49851822971204934</v>
      </c>
    </row>
    <row r="7518" spans="8:19" x14ac:dyDescent="0.3">
      <c r="H7518" s="44">
        <v>7511</v>
      </c>
      <c r="I7518" s="56">
        <f>Bühler!I7544</f>
        <v>0.1150426683950883</v>
      </c>
      <c r="J7518" s="59">
        <f>Bühler!J7544</f>
        <v>0.38347556131696103</v>
      </c>
      <c r="K7518" s="59">
        <f>Bühler!K7544</f>
        <v>0.57521334197544149</v>
      </c>
      <c r="L7518" s="59">
        <f>Bühler!L7544</f>
        <v>2.761024041482119</v>
      </c>
      <c r="M7518" s="58">
        <f>Bühler!M7544</f>
        <v>0</v>
      </c>
      <c r="N7518" s="56">
        <f>IF(Input!$D$19=1,J7518*Input!$C$19,0)+IF(Input!$D$20=1,K7518*Input!$C$20,0)+IF(Input!$D$21=1,L7518*Input!$C$21,0)+IF(Input!$D$22=1,M7518*Input!$C$22,0)</f>
        <v>0.11504266839508831</v>
      </c>
      <c r="O7518" s="59">
        <f>IF(Input!$D$19=2,J7518*Input!$C$19,0)+IF(Input!$D$20=2,K7518*Input!$C$20,0)+IF(Input!$D$21=2,L7518*Input!$C$21,0)+IF(Input!$D$22=2,M7518*Input!$C$22,0)</f>
        <v>0.28760667098772075</v>
      </c>
      <c r="P7518" s="59">
        <f>IF(Input!$D$19=3,J7518*Input!$C$19,0)+IF(Input!$D$20=3,K7518*Input!$C$20,0)+IF(Input!$D$21=3,L7518*Input!$C$21,0)+IF(Input!$D$22=3,M7518*Input!$C$22,0)</f>
        <v>0</v>
      </c>
      <c r="Q7518" s="75">
        <f>IF(Input!$D$19=4,J7518*Input!$C$19,0)+IF(Input!$D$20=4,K7518*Input!$C$20,0)+IF(Input!$D$21=4,L7518*Input!$C$21,0)+IF(Input!$D$22=4,M7518*Input!$C$22,0)</f>
        <v>0</v>
      </c>
      <c r="R7518" s="58">
        <v>53.097920539799397</v>
      </c>
      <c r="S7518" s="124">
        <f t="shared" si="117"/>
        <v>0.49851822971204934</v>
      </c>
    </row>
    <row r="7519" spans="8:19" x14ac:dyDescent="0.3">
      <c r="H7519" s="44">
        <v>7512</v>
      </c>
      <c r="I7519" s="56">
        <f>Bühler!I7545</f>
        <v>0.1150426683950883</v>
      </c>
      <c r="J7519" s="59">
        <f>Bühler!J7545</f>
        <v>0.38347556131696103</v>
      </c>
      <c r="K7519" s="59">
        <f>Bühler!K7545</f>
        <v>0.57521334197544149</v>
      </c>
      <c r="L7519" s="59">
        <f>Bühler!L7545</f>
        <v>2.761024041482119</v>
      </c>
      <c r="M7519" s="58">
        <f>Bühler!M7545</f>
        <v>0</v>
      </c>
      <c r="N7519" s="56">
        <f>IF(Input!$D$19=1,J7519*Input!$C$19,0)+IF(Input!$D$20=1,K7519*Input!$C$20,0)+IF(Input!$D$21=1,L7519*Input!$C$21,0)+IF(Input!$D$22=1,M7519*Input!$C$22,0)</f>
        <v>0.11504266839508831</v>
      </c>
      <c r="O7519" s="59">
        <f>IF(Input!$D$19=2,J7519*Input!$C$19,0)+IF(Input!$D$20=2,K7519*Input!$C$20,0)+IF(Input!$D$21=2,L7519*Input!$C$21,0)+IF(Input!$D$22=2,M7519*Input!$C$22,0)</f>
        <v>0.28760667098772075</v>
      </c>
      <c r="P7519" s="59">
        <f>IF(Input!$D$19=3,J7519*Input!$C$19,0)+IF(Input!$D$20=3,K7519*Input!$C$20,0)+IF(Input!$D$21=3,L7519*Input!$C$21,0)+IF(Input!$D$22=3,M7519*Input!$C$22,0)</f>
        <v>0</v>
      </c>
      <c r="Q7519" s="75">
        <f>IF(Input!$D$19=4,J7519*Input!$C$19,0)+IF(Input!$D$20=4,K7519*Input!$C$20,0)+IF(Input!$D$21=4,L7519*Input!$C$21,0)+IF(Input!$D$22=4,M7519*Input!$C$22,0)</f>
        <v>0</v>
      </c>
      <c r="R7519" s="58">
        <v>51.899915357390526</v>
      </c>
      <c r="S7519" s="124">
        <f t="shared" si="117"/>
        <v>0.49851822971204934</v>
      </c>
    </row>
    <row r="7520" spans="8:19" x14ac:dyDescent="0.3">
      <c r="H7520" s="44">
        <v>7513</v>
      </c>
      <c r="I7520" s="56">
        <f>Bühler!I7546</f>
        <v>7.7784527290044481E-2</v>
      </c>
      <c r="J7520" s="59">
        <f>Bühler!J7546</f>
        <v>0.25928175763348166</v>
      </c>
      <c r="K7520" s="59">
        <f>Bühler!K7546</f>
        <v>0.38892263645022246</v>
      </c>
      <c r="L7520" s="59">
        <f>Bühler!L7546</f>
        <v>4.2017622334484095</v>
      </c>
      <c r="M7520" s="58">
        <f>Bühler!M7546</f>
        <v>0</v>
      </c>
      <c r="N7520" s="56">
        <f>IF(Input!$D$19=1,J7520*Input!$C$19,0)+IF(Input!$D$20=1,K7520*Input!$C$20,0)+IF(Input!$D$21=1,L7520*Input!$C$21,0)+IF(Input!$D$22=1,M7520*Input!$C$22,0)</f>
        <v>7.7784527290044495E-2</v>
      </c>
      <c r="O7520" s="59">
        <f>IF(Input!$D$19=2,J7520*Input!$C$19,0)+IF(Input!$D$20=2,K7520*Input!$C$20,0)+IF(Input!$D$21=2,L7520*Input!$C$21,0)+IF(Input!$D$22=2,M7520*Input!$C$22,0)</f>
        <v>0.19446131822511123</v>
      </c>
      <c r="P7520" s="59">
        <f>IF(Input!$D$19=3,J7520*Input!$C$19,0)+IF(Input!$D$20=3,K7520*Input!$C$20,0)+IF(Input!$D$21=3,L7520*Input!$C$21,0)+IF(Input!$D$22=3,M7520*Input!$C$22,0)</f>
        <v>0</v>
      </c>
      <c r="Q7520" s="75">
        <f>IF(Input!$D$19=4,J7520*Input!$C$19,0)+IF(Input!$D$20=4,K7520*Input!$C$20,0)+IF(Input!$D$21=4,L7520*Input!$C$21,0)+IF(Input!$D$22=4,M7520*Input!$C$22,0)</f>
        <v>0</v>
      </c>
      <c r="R7520" s="58">
        <v>55.001077753989854</v>
      </c>
      <c r="S7520" s="124">
        <f t="shared" si="117"/>
        <v>0.33706628492352614</v>
      </c>
    </row>
    <row r="7521" spans="8:19" x14ac:dyDescent="0.3">
      <c r="H7521" s="44">
        <v>7514</v>
      </c>
      <c r="I7521" s="56">
        <f>Bühler!I7547</f>
        <v>0.15186502947103925</v>
      </c>
      <c r="J7521" s="59">
        <f>Bühler!J7547</f>
        <v>0.50621676490346423</v>
      </c>
      <c r="K7521" s="59">
        <f>Bühler!K7547</f>
        <v>0.75932514735519629</v>
      </c>
      <c r="L7521" s="59">
        <f>Bühler!L7547</f>
        <v>8.2034405510183248</v>
      </c>
      <c r="M7521" s="58">
        <f>Bühler!M7547</f>
        <v>0</v>
      </c>
      <c r="N7521" s="56">
        <f>IF(Input!$D$19=1,J7521*Input!$C$19,0)+IF(Input!$D$20=1,K7521*Input!$C$20,0)+IF(Input!$D$21=1,L7521*Input!$C$21,0)+IF(Input!$D$22=1,M7521*Input!$C$22,0)</f>
        <v>0.15186502947103928</v>
      </c>
      <c r="O7521" s="59">
        <f>IF(Input!$D$19=2,J7521*Input!$C$19,0)+IF(Input!$D$20=2,K7521*Input!$C$20,0)+IF(Input!$D$21=2,L7521*Input!$C$21,0)+IF(Input!$D$22=2,M7521*Input!$C$22,0)</f>
        <v>0.37966257367759815</v>
      </c>
      <c r="P7521" s="59">
        <f>IF(Input!$D$19=3,J7521*Input!$C$19,0)+IF(Input!$D$20=3,K7521*Input!$C$20,0)+IF(Input!$D$21=3,L7521*Input!$C$21,0)+IF(Input!$D$22=3,M7521*Input!$C$22,0)</f>
        <v>0</v>
      </c>
      <c r="Q7521" s="75">
        <f>IF(Input!$D$19=4,J7521*Input!$C$19,0)+IF(Input!$D$20=4,K7521*Input!$C$20,0)+IF(Input!$D$21=4,L7521*Input!$C$21,0)+IF(Input!$D$22=4,M7521*Input!$C$22,0)</f>
        <v>0</v>
      </c>
      <c r="R7521" s="58">
        <v>53.816529677188491</v>
      </c>
      <c r="S7521" s="124">
        <f t="shared" si="117"/>
        <v>0.65808179437450343</v>
      </c>
    </row>
    <row r="7522" spans="8:19" x14ac:dyDescent="0.3">
      <c r="H7522" s="44">
        <v>7515</v>
      </c>
      <c r="I7522" s="56">
        <f>Bühler!I7548</f>
        <v>0.15186502947103925</v>
      </c>
      <c r="J7522" s="59">
        <f>Bühler!J7548</f>
        <v>0.50621676490346423</v>
      </c>
      <c r="K7522" s="59">
        <f>Bühler!K7548</f>
        <v>0.75932514735519629</v>
      </c>
      <c r="L7522" s="59">
        <f>Bühler!L7548</f>
        <v>8.2034405510183248</v>
      </c>
      <c r="M7522" s="58">
        <f>Bühler!M7548</f>
        <v>0</v>
      </c>
      <c r="N7522" s="56">
        <f>IF(Input!$D$19=1,J7522*Input!$C$19,0)+IF(Input!$D$20=1,K7522*Input!$C$20,0)+IF(Input!$D$21=1,L7522*Input!$C$21,0)+IF(Input!$D$22=1,M7522*Input!$C$22,0)</f>
        <v>0.15186502947103928</v>
      </c>
      <c r="O7522" s="59">
        <f>IF(Input!$D$19=2,J7522*Input!$C$19,0)+IF(Input!$D$20=2,K7522*Input!$C$20,0)+IF(Input!$D$21=2,L7522*Input!$C$21,0)+IF(Input!$D$22=2,M7522*Input!$C$22,0)</f>
        <v>0.37966257367759815</v>
      </c>
      <c r="P7522" s="59">
        <f>IF(Input!$D$19=3,J7522*Input!$C$19,0)+IF(Input!$D$20=3,K7522*Input!$C$20,0)+IF(Input!$D$21=3,L7522*Input!$C$21,0)+IF(Input!$D$22=3,M7522*Input!$C$22,0)</f>
        <v>0</v>
      </c>
      <c r="Q7522" s="75">
        <f>IF(Input!$D$19=4,J7522*Input!$C$19,0)+IF(Input!$D$20=4,K7522*Input!$C$20,0)+IF(Input!$D$21=4,L7522*Input!$C$21,0)+IF(Input!$D$22=4,M7522*Input!$C$22,0)</f>
        <v>0</v>
      </c>
      <c r="R7522" s="58">
        <v>53.122626165285915</v>
      </c>
      <c r="S7522" s="124">
        <f t="shared" si="117"/>
        <v>0.65808179437450343</v>
      </c>
    </row>
    <row r="7523" spans="8:19" x14ac:dyDescent="0.3">
      <c r="H7523" s="44">
        <v>7516</v>
      </c>
      <c r="I7523" s="56">
        <f>Bühler!I7549</f>
        <v>0.15186502947103925</v>
      </c>
      <c r="J7523" s="59">
        <f>Bühler!J7549</f>
        <v>0.50621676490346423</v>
      </c>
      <c r="K7523" s="59">
        <f>Bühler!K7549</f>
        <v>0.75932514735519629</v>
      </c>
      <c r="L7523" s="59">
        <f>Bühler!L7549</f>
        <v>8.2034405510183248</v>
      </c>
      <c r="M7523" s="58">
        <f>Bühler!M7549</f>
        <v>0</v>
      </c>
      <c r="N7523" s="56">
        <f>IF(Input!$D$19=1,J7523*Input!$C$19,0)+IF(Input!$D$20=1,K7523*Input!$C$20,0)+IF(Input!$D$21=1,L7523*Input!$C$21,0)+IF(Input!$D$22=1,M7523*Input!$C$22,0)</f>
        <v>0.15186502947103928</v>
      </c>
      <c r="O7523" s="59">
        <f>IF(Input!$D$19=2,J7523*Input!$C$19,0)+IF(Input!$D$20=2,K7523*Input!$C$20,0)+IF(Input!$D$21=2,L7523*Input!$C$21,0)+IF(Input!$D$22=2,M7523*Input!$C$22,0)</f>
        <v>0.37966257367759815</v>
      </c>
      <c r="P7523" s="59">
        <f>IF(Input!$D$19=3,J7523*Input!$C$19,0)+IF(Input!$D$20=3,K7523*Input!$C$20,0)+IF(Input!$D$21=3,L7523*Input!$C$21,0)+IF(Input!$D$22=3,M7523*Input!$C$22,0)</f>
        <v>0</v>
      </c>
      <c r="Q7523" s="75">
        <f>IF(Input!$D$19=4,J7523*Input!$C$19,0)+IF(Input!$D$20=4,K7523*Input!$C$20,0)+IF(Input!$D$21=4,L7523*Input!$C$21,0)+IF(Input!$D$22=4,M7523*Input!$C$22,0)</f>
        <v>0</v>
      </c>
      <c r="R7523" s="58">
        <v>52.212787266904428</v>
      </c>
      <c r="S7523" s="124">
        <f t="shared" si="117"/>
        <v>0.65808179437450343</v>
      </c>
    </row>
    <row r="7524" spans="8:19" x14ac:dyDescent="0.3">
      <c r="H7524" s="44">
        <v>7517</v>
      </c>
      <c r="I7524" s="56">
        <f>Bühler!I7550</f>
        <v>0.15186502947103925</v>
      </c>
      <c r="J7524" s="59">
        <f>Bühler!J7550</f>
        <v>0.50621676490346423</v>
      </c>
      <c r="K7524" s="59">
        <f>Bühler!K7550</f>
        <v>0.75932514735519629</v>
      </c>
      <c r="L7524" s="59">
        <f>Bühler!L7550</f>
        <v>8.2034405510183248</v>
      </c>
      <c r="M7524" s="58">
        <f>Bühler!M7550</f>
        <v>0</v>
      </c>
      <c r="N7524" s="56">
        <f>IF(Input!$D$19=1,J7524*Input!$C$19,0)+IF(Input!$D$20=1,K7524*Input!$C$20,0)+IF(Input!$D$21=1,L7524*Input!$C$21,0)+IF(Input!$D$22=1,M7524*Input!$C$22,0)</f>
        <v>0.15186502947103928</v>
      </c>
      <c r="O7524" s="59">
        <f>IF(Input!$D$19=2,J7524*Input!$C$19,0)+IF(Input!$D$20=2,K7524*Input!$C$20,0)+IF(Input!$D$21=2,L7524*Input!$C$21,0)+IF(Input!$D$22=2,M7524*Input!$C$22,0)</f>
        <v>0.37966257367759815</v>
      </c>
      <c r="P7524" s="59">
        <f>IF(Input!$D$19=3,J7524*Input!$C$19,0)+IF(Input!$D$20=3,K7524*Input!$C$20,0)+IF(Input!$D$21=3,L7524*Input!$C$21,0)+IF(Input!$D$22=3,M7524*Input!$C$22,0)</f>
        <v>0</v>
      </c>
      <c r="Q7524" s="75">
        <f>IF(Input!$D$19=4,J7524*Input!$C$19,0)+IF(Input!$D$20=4,K7524*Input!$C$20,0)+IF(Input!$D$21=4,L7524*Input!$C$21,0)+IF(Input!$D$22=4,M7524*Input!$C$22,0)</f>
        <v>0</v>
      </c>
      <c r="R7524" s="58">
        <v>51.539903899651648</v>
      </c>
      <c r="S7524" s="124">
        <f t="shared" si="117"/>
        <v>0.65808179437450343</v>
      </c>
    </row>
    <row r="7525" spans="8:19" x14ac:dyDescent="0.3">
      <c r="H7525" s="44">
        <v>7518</v>
      </c>
      <c r="I7525" s="56">
        <f>Bühler!I7551</f>
        <v>0.18890528056153663</v>
      </c>
      <c r="J7525" s="59">
        <f>Bühler!J7551</f>
        <v>0.62968426853845549</v>
      </c>
      <c r="K7525" s="59">
        <f>Bühler!K7551</f>
        <v>0.9445264028076833</v>
      </c>
      <c r="L7525" s="59">
        <f>Bühler!L7551</f>
        <v>10.204279709803282</v>
      </c>
      <c r="M7525" s="58">
        <f>Bühler!M7551</f>
        <v>0</v>
      </c>
      <c r="N7525" s="56">
        <f>IF(Input!$D$19=1,J7525*Input!$C$19,0)+IF(Input!$D$20=1,K7525*Input!$C$20,0)+IF(Input!$D$21=1,L7525*Input!$C$21,0)+IF(Input!$D$22=1,M7525*Input!$C$22,0)</f>
        <v>0.18890528056153663</v>
      </c>
      <c r="O7525" s="59">
        <f>IF(Input!$D$19=2,J7525*Input!$C$19,0)+IF(Input!$D$20=2,K7525*Input!$C$20,0)+IF(Input!$D$21=2,L7525*Input!$C$21,0)+IF(Input!$D$22=2,M7525*Input!$C$22,0)</f>
        <v>0.47226320140384165</v>
      </c>
      <c r="P7525" s="59">
        <f>IF(Input!$D$19=3,J7525*Input!$C$19,0)+IF(Input!$D$20=3,K7525*Input!$C$20,0)+IF(Input!$D$21=3,L7525*Input!$C$21,0)+IF(Input!$D$22=3,M7525*Input!$C$22,0)</f>
        <v>0</v>
      </c>
      <c r="Q7525" s="75">
        <f>IF(Input!$D$19=4,J7525*Input!$C$19,0)+IF(Input!$D$20=4,K7525*Input!$C$20,0)+IF(Input!$D$21=4,L7525*Input!$C$21,0)+IF(Input!$D$22=4,M7525*Input!$C$22,0)</f>
        <v>0</v>
      </c>
      <c r="R7525" s="58">
        <v>51.786386021080752</v>
      </c>
      <c r="S7525" s="124">
        <f t="shared" si="117"/>
        <v>0.81858954909999215</v>
      </c>
    </row>
    <row r="7526" spans="8:19" x14ac:dyDescent="0.3">
      <c r="H7526" s="44">
        <v>7519</v>
      </c>
      <c r="I7526" s="56">
        <f>Bühler!I7552</f>
        <v>0.23705760697918318</v>
      </c>
      <c r="J7526" s="59">
        <f>Bühler!J7552</f>
        <v>0.79019202326394411</v>
      </c>
      <c r="K7526" s="59">
        <f>Bühler!K7552</f>
        <v>1.1852880348959161</v>
      </c>
      <c r="L7526" s="59">
        <f>Bühler!L7552</f>
        <v>12.805370616223726</v>
      </c>
      <c r="M7526" s="58">
        <f>Bühler!M7552</f>
        <v>0</v>
      </c>
      <c r="N7526" s="56">
        <f>IF(Input!$D$19=1,J7526*Input!$C$19,0)+IF(Input!$D$20=1,K7526*Input!$C$20,0)+IF(Input!$D$21=1,L7526*Input!$C$21,0)+IF(Input!$D$22=1,M7526*Input!$C$22,0)</f>
        <v>0.23705760697918321</v>
      </c>
      <c r="O7526" s="59">
        <f>IF(Input!$D$19=2,J7526*Input!$C$19,0)+IF(Input!$D$20=2,K7526*Input!$C$20,0)+IF(Input!$D$21=2,L7526*Input!$C$21,0)+IF(Input!$D$22=2,M7526*Input!$C$22,0)</f>
        <v>0.59264401744795803</v>
      </c>
      <c r="P7526" s="59">
        <f>IF(Input!$D$19=3,J7526*Input!$C$19,0)+IF(Input!$D$20=3,K7526*Input!$C$20,0)+IF(Input!$D$21=3,L7526*Input!$C$21,0)+IF(Input!$D$22=3,M7526*Input!$C$22,0)</f>
        <v>0</v>
      </c>
      <c r="Q7526" s="75">
        <f>IF(Input!$D$19=4,J7526*Input!$C$19,0)+IF(Input!$D$20=4,K7526*Input!$C$20,0)+IF(Input!$D$21=4,L7526*Input!$C$21,0)+IF(Input!$D$22=4,M7526*Input!$C$22,0)</f>
        <v>0</v>
      </c>
      <c r="R7526" s="58">
        <v>52.278704932621743</v>
      </c>
      <c r="S7526" s="124">
        <f t="shared" si="117"/>
        <v>1.0272496302431273</v>
      </c>
    </row>
    <row r="7527" spans="8:19" x14ac:dyDescent="0.3">
      <c r="H7527" s="44">
        <v>7520</v>
      </c>
      <c r="I7527" s="56">
        <f>Bühler!I7553</f>
        <v>0.2703938329606308</v>
      </c>
      <c r="J7527" s="59">
        <f>Bühler!J7553</f>
        <v>0.90131277653543618</v>
      </c>
      <c r="K7527" s="59">
        <f>Bühler!K7553</f>
        <v>1.3519691648031542</v>
      </c>
      <c r="L7527" s="59">
        <f>Bühler!L7553</f>
        <v>14.606125859130188</v>
      </c>
      <c r="M7527" s="58">
        <f>Bühler!M7553</f>
        <v>0</v>
      </c>
      <c r="N7527" s="56">
        <f>IF(Input!$D$19=1,J7527*Input!$C$19,0)+IF(Input!$D$20=1,K7527*Input!$C$20,0)+IF(Input!$D$21=1,L7527*Input!$C$21,0)+IF(Input!$D$22=1,M7527*Input!$C$22,0)</f>
        <v>0.27039383296063085</v>
      </c>
      <c r="O7527" s="59">
        <f>IF(Input!$D$19=2,J7527*Input!$C$19,0)+IF(Input!$D$20=2,K7527*Input!$C$20,0)+IF(Input!$D$21=2,L7527*Input!$C$21,0)+IF(Input!$D$22=2,M7527*Input!$C$22,0)</f>
        <v>0.67598458240157711</v>
      </c>
      <c r="P7527" s="59">
        <f>IF(Input!$D$19=3,J7527*Input!$C$19,0)+IF(Input!$D$20=3,K7527*Input!$C$20,0)+IF(Input!$D$21=3,L7527*Input!$C$21,0)+IF(Input!$D$22=3,M7527*Input!$C$22,0)</f>
        <v>0</v>
      </c>
      <c r="Q7527" s="75">
        <f>IF(Input!$D$19=4,J7527*Input!$C$19,0)+IF(Input!$D$20=4,K7527*Input!$C$20,0)+IF(Input!$D$21=4,L7527*Input!$C$21,0)+IF(Input!$D$22=4,M7527*Input!$C$22,0)</f>
        <v>0</v>
      </c>
      <c r="R7527" s="58">
        <v>52.194665111377049</v>
      </c>
      <c r="S7527" s="124">
        <f t="shared" si="117"/>
        <v>1.1717066094960669</v>
      </c>
    </row>
    <row r="7528" spans="8:19" x14ac:dyDescent="0.3">
      <c r="H7528" s="44">
        <v>7521</v>
      </c>
      <c r="I7528" s="56">
        <f>Bühler!I7554</f>
        <v>0.2703938329606308</v>
      </c>
      <c r="J7528" s="59">
        <f>Bühler!J7554</f>
        <v>0.90131277653543618</v>
      </c>
      <c r="K7528" s="59">
        <f>Bühler!K7554</f>
        <v>1.3519691648031542</v>
      </c>
      <c r="L7528" s="59">
        <f>Bühler!L7554</f>
        <v>14.606125859130188</v>
      </c>
      <c r="M7528" s="58">
        <f>Bühler!M7554</f>
        <v>0</v>
      </c>
      <c r="N7528" s="56">
        <f>IF(Input!$D$19=1,J7528*Input!$C$19,0)+IF(Input!$D$20=1,K7528*Input!$C$20,0)+IF(Input!$D$21=1,L7528*Input!$C$21,0)+IF(Input!$D$22=1,M7528*Input!$C$22,0)</f>
        <v>0.27039383296063085</v>
      </c>
      <c r="O7528" s="59">
        <f>IF(Input!$D$19=2,J7528*Input!$C$19,0)+IF(Input!$D$20=2,K7528*Input!$C$20,0)+IF(Input!$D$21=2,L7528*Input!$C$21,0)+IF(Input!$D$22=2,M7528*Input!$C$22,0)</f>
        <v>0.67598458240157711</v>
      </c>
      <c r="P7528" s="59">
        <f>IF(Input!$D$19=3,J7528*Input!$C$19,0)+IF(Input!$D$20=3,K7528*Input!$C$20,0)+IF(Input!$D$21=3,L7528*Input!$C$21,0)+IF(Input!$D$22=3,M7528*Input!$C$22,0)</f>
        <v>0</v>
      </c>
      <c r="Q7528" s="75">
        <f>IF(Input!$D$19=4,J7528*Input!$C$19,0)+IF(Input!$D$20=4,K7528*Input!$C$20,0)+IF(Input!$D$21=4,L7528*Input!$C$21,0)+IF(Input!$D$22=4,M7528*Input!$C$22,0)</f>
        <v>0</v>
      </c>
      <c r="R7528" s="58">
        <v>51.228002497672406</v>
      </c>
      <c r="S7528" s="124">
        <f t="shared" si="117"/>
        <v>1.1717066094960669</v>
      </c>
    </row>
    <row r="7529" spans="8:19" x14ac:dyDescent="0.3">
      <c r="H7529" s="44">
        <v>7522</v>
      </c>
      <c r="I7529" s="56">
        <f>Bühler!I7555</f>
        <v>0.2703938329606308</v>
      </c>
      <c r="J7529" s="59">
        <f>Bühler!J7555</f>
        <v>0.90131277653543618</v>
      </c>
      <c r="K7529" s="59">
        <f>Bühler!K7555</f>
        <v>1.3519691648031542</v>
      </c>
      <c r="L7529" s="59">
        <f>Bühler!L7555</f>
        <v>14.606125859130188</v>
      </c>
      <c r="M7529" s="58">
        <f>Bühler!M7555</f>
        <v>0</v>
      </c>
      <c r="N7529" s="56">
        <f>IF(Input!$D$19=1,J7529*Input!$C$19,0)+IF(Input!$D$20=1,K7529*Input!$C$20,0)+IF(Input!$D$21=1,L7529*Input!$C$21,0)+IF(Input!$D$22=1,M7529*Input!$C$22,0)</f>
        <v>0.27039383296063085</v>
      </c>
      <c r="O7529" s="59">
        <f>IF(Input!$D$19=2,J7529*Input!$C$19,0)+IF(Input!$D$20=2,K7529*Input!$C$20,0)+IF(Input!$D$21=2,L7529*Input!$C$21,0)+IF(Input!$D$22=2,M7529*Input!$C$22,0)</f>
        <v>0.67598458240157711</v>
      </c>
      <c r="P7529" s="59">
        <f>IF(Input!$D$19=3,J7529*Input!$C$19,0)+IF(Input!$D$20=3,K7529*Input!$C$20,0)+IF(Input!$D$21=3,L7529*Input!$C$21,0)+IF(Input!$D$22=3,M7529*Input!$C$22,0)</f>
        <v>0</v>
      </c>
      <c r="Q7529" s="75">
        <f>IF(Input!$D$19=4,J7529*Input!$C$19,0)+IF(Input!$D$20=4,K7529*Input!$C$20,0)+IF(Input!$D$21=4,L7529*Input!$C$21,0)+IF(Input!$D$22=4,M7529*Input!$C$22,0)</f>
        <v>0</v>
      </c>
      <c r="R7529" s="58">
        <v>50.408699138616043</v>
      </c>
      <c r="S7529" s="124">
        <f t="shared" si="117"/>
        <v>1.1717066094960669</v>
      </c>
    </row>
    <row r="7530" spans="8:19" x14ac:dyDescent="0.3">
      <c r="H7530" s="44">
        <v>7523</v>
      </c>
      <c r="I7530" s="56">
        <f>Bühler!I7556</f>
        <v>0.2703938329606308</v>
      </c>
      <c r="J7530" s="59">
        <f>Bühler!J7556</f>
        <v>0.90131277653543618</v>
      </c>
      <c r="K7530" s="59">
        <f>Bühler!K7556</f>
        <v>1.3519691648031542</v>
      </c>
      <c r="L7530" s="59">
        <f>Bühler!L7556</f>
        <v>14.606125859130188</v>
      </c>
      <c r="M7530" s="58">
        <f>Bühler!M7556</f>
        <v>0</v>
      </c>
      <c r="N7530" s="56">
        <f>IF(Input!$D$19=1,J7530*Input!$C$19,0)+IF(Input!$D$20=1,K7530*Input!$C$20,0)+IF(Input!$D$21=1,L7530*Input!$C$21,0)+IF(Input!$D$22=1,M7530*Input!$C$22,0)</f>
        <v>0.27039383296063085</v>
      </c>
      <c r="O7530" s="59">
        <f>IF(Input!$D$19=2,J7530*Input!$C$19,0)+IF(Input!$D$20=2,K7530*Input!$C$20,0)+IF(Input!$D$21=2,L7530*Input!$C$21,0)+IF(Input!$D$22=2,M7530*Input!$C$22,0)</f>
        <v>0.67598458240157711</v>
      </c>
      <c r="P7530" s="59">
        <f>IF(Input!$D$19=3,J7530*Input!$C$19,0)+IF(Input!$D$20=3,K7530*Input!$C$20,0)+IF(Input!$D$21=3,L7530*Input!$C$21,0)+IF(Input!$D$22=3,M7530*Input!$C$22,0)</f>
        <v>0</v>
      </c>
      <c r="Q7530" s="75">
        <f>IF(Input!$D$19=4,J7530*Input!$C$19,0)+IF(Input!$D$20=4,K7530*Input!$C$20,0)+IF(Input!$D$21=4,L7530*Input!$C$21,0)+IF(Input!$D$22=4,M7530*Input!$C$22,0)</f>
        <v>0</v>
      </c>
      <c r="R7530" s="58">
        <v>50.624284910155808</v>
      </c>
      <c r="S7530" s="124">
        <f t="shared" si="117"/>
        <v>1.1717066094960669</v>
      </c>
    </row>
    <row r="7531" spans="8:19" x14ac:dyDescent="0.3">
      <c r="H7531" s="44">
        <v>7524</v>
      </c>
      <c r="I7531" s="56">
        <f>Bühler!I7557</f>
        <v>0.2703938329606308</v>
      </c>
      <c r="J7531" s="59">
        <f>Bühler!J7557</f>
        <v>0.90131277653543618</v>
      </c>
      <c r="K7531" s="59">
        <f>Bühler!K7557</f>
        <v>1.3519691648031542</v>
      </c>
      <c r="L7531" s="59">
        <f>Bühler!L7557</f>
        <v>14.606125859130188</v>
      </c>
      <c r="M7531" s="58">
        <f>Bühler!M7557</f>
        <v>0</v>
      </c>
      <c r="N7531" s="56">
        <f>IF(Input!$D$19=1,J7531*Input!$C$19,0)+IF(Input!$D$20=1,K7531*Input!$C$20,0)+IF(Input!$D$21=1,L7531*Input!$C$21,0)+IF(Input!$D$22=1,M7531*Input!$C$22,0)</f>
        <v>0.27039383296063085</v>
      </c>
      <c r="O7531" s="59">
        <f>IF(Input!$D$19=2,J7531*Input!$C$19,0)+IF(Input!$D$20=2,K7531*Input!$C$20,0)+IF(Input!$D$21=2,L7531*Input!$C$21,0)+IF(Input!$D$22=2,M7531*Input!$C$22,0)</f>
        <v>0.67598458240157711</v>
      </c>
      <c r="P7531" s="59">
        <f>IF(Input!$D$19=3,J7531*Input!$C$19,0)+IF(Input!$D$20=3,K7531*Input!$C$20,0)+IF(Input!$D$21=3,L7531*Input!$C$21,0)+IF(Input!$D$22=3,M7531*Input!$C$22,0)</f>
        <v>0</v>
      </c>
      <c r="Q7531" s="75">
        <f>IF(Input!$D$19=4,J7531*Input!$C$19,0)+IF(Input!$D$20=4,K7531*Input!$C$20,0)+IF(Input!$D$21=4,L7531*Input!$C$21,0)+IF(Input!$D$22=4,M7531*Input!$C$22,0)</f>
        <v>0</v>
      </c>
      <c r="R7531" s="58">
        <v>50.002795664669371</v>
      </c>
      <c r="S7531" s="124">
        <f t="shared" si="117"/>
        <v>1.1717066094960669</v>
      </c>
    </row>
    <row r="7532" spans="8:19" x14ac:dyDescent="0.3">
      <c r="H7532" s="44">
        <v>7525</v>
      </c>
      <c r="I7532" s="56">
        <f>Bühler!I7558</f>
        <v>0.2703938329606308</v>
      </c>
      <c r="J7532" s="59">
        <f>Bühler!J7558</f>
        <v>0.90131277653543618</v>
      </c>
      <c r="K7532" s="59">
        <f>Bühler!K7558</f>
        <v>1.3519691648031542</v>
      </c>
      <c r="L7532" s="59">
        <f>Bühler!L7558</f>
        <v>14.606125859130188</v>
      </c>
      <c r="M7532" s="58">
        <f>Bühler!M7558</f>
        <v>0</v>
      </c>
      <c r="N7532" s="56">
        <f>IF(Input!$D$19=1,J7532*Input!$C$19,0)+IF(Input!$D$20=1,K7532*Input!$C$20,0)+IF(Input!$D$21=1,L7532*Input!$C$21,0)+IF(Input!$D$22=1,M7532*Input!$C$22,0)</f>
        <v>0.27039383296063085</v>
      </c>
      <c r="O7532" s="59">
        <f>IF(Input!$D$19=2,J7532*Input!$C$19,0)+IF(Input!$D$20=2,K7532*Input!$C$20,0)+IF(Input!$D$21=2,L7532*Input!$C$21,0)+IF(Input!$D$22=2,M7532*Input!$C$22,0)</f>
        <v>0.67598458240157711</v>
      </c>
      <c r="P7532" s="59">
        <f>IF(Input!$D$19=3,J7532*Input!$C$19,0)+IF(Input!$D$20=3,K7532*Input!$C$20,0)+IF(Input!$D$21=3,L7532*Input!$C$21,0)+IF(Input!$D$22=3,M7532*Input!$C$22,0)</f>
        <v>0</v>
      </c>
      <c r="Q7532" s="75">
        <f>IF(Input!$D$19=4,J7532*Input!$C$19,0)+IF(Input!$D$20=4,K7532*Input!$C$20,0)+IF(Input!$D$21=4,L7532*Input!$C$21,0)+IF(Input!$D$22=4,M7532*Input!$C$22,0)</f>
        <v>0</v>
      </c>
      <c r="R7532" s="58">
        <v>48.819800898112454</v>
      </c>
      <c r="S7532" s="124">
        <f t="shared" si="117"/>
        <v>1.1717066094960669</v>
      </c>
    </row>
    <row r="7533" spans="8:19" x14ac:dyDescent="0.3">
      <c r="H7533" s="44">
        <v>7526</v>
      </c>
      <c r="I7533" s="56">
        <f>Bühler!I7559</f>
        <v>0.2703938329606308</v>
      </c>
      <c r="J7533" s="59">
        <f>Bühler!J7559</f>
        <v>0.90131277653543618</v>
      </c>
      <c r="K7533" s="59">
        <f>Bühler!K7559</f>
        <v>1.3519691648031542</v>
      </c>
      <c r="L7533" s="59">
        <f>Bühler!L7559</f>
        <v>14.606125859130188</v>
      </c>
      <c r="M7533" s="58">
        <f>Bühler!M7559</f>
        <v>0</v>
      </c>
      <c r="N7533" s="56">
        <f>IF(Input!$D$19=1,J7533*Input!$C$19,0)+IF(Input!$D$20=1,K7533*Input!$C$20,0)+IF(Input!$D$21=1,L7533*Input!$C$21,0)+IF(Input!$D$22=1,M7533*Input!$C$22,0)</f>
        <v>0.27039383296063085</v>
      </c>
      <c r="O7533" s="59">
        <f>IF(Input!$D$19=2,J7533*Input!$C$19,0)+IF(Input!$D$20=2,K7533*Input!$C$20,0)+IF(Input!$D$21=2,L7533*Input!$C$21,0)+IF(Input!$D$22=2,M7533*Input!$C$22,0)</f>
        <v>0.67598458240157711</v>
      </c>
      <c r="P7533" s="59">
        <f>IF(Input!$D$19=3,J7533*Input!$C$19,0)+IF(Input!$D$20=3,K7533*Input!$C$20,0)+IF(Input!$D$21=3,L7533*Input!$C$21,0)+IF(Input!$D$22=3,M7533*Input!$C$22,0)</f>
        <v>0</v>
      </c>
      <c r="Q7533" s="75">
        <f>IF(Input!$D$19=4,J7533*Input!$C$19,0)+IF(Input!$D$20=4,K7533*Input!$C$20,0)+IF(Input!$D$21=4,L7533*Input!$C$21,0)+IF(Input!$D$22=4,M7533*Input!$C$22,0)</f>
        <v>0</v>
      </c>
      <c r="R7533" s="58">
        <v>48.58604772214408</v>
      </c>
      <c r="S7533" s="124">
        <f t="shared" si="117"/>
        <v>1.1717066094960669</v>
      </c>
    </row>
    <row r="7534" spans="8:19" x14ac:dyDescent="0.3">
      <c r="H7534" s="44">
        <v>7527</v>
      </c>
      <c r="I7534" s="56">
        <f>Bühler!I7560</f>
        <v>0.2703938329606308</v>
      </c>
      <c r="J7534" s="59">
        <f>Bühler!J7560</f>
        <v>0.90131277653543618</v>
      </c>
      <c r="K7534" s="59">
        <f>Bühler!K7560</f>
        <v>1.3519691648031542</v>
      </c>
      <c r="L7534" s="59">
        <f>Bühler!L7560</f>
        <v>14.606125859130188</v>
      </c>
      <c r="M7534" s="58">
        <f>Bühler!M7560</f>
        <v>0</v>
      </c>
      <c r="N7534" s="56">
        <f>IF(Input!$D$19=1,J7534*Input!$C$19,0)+IF(Input!$D$20=1,K7534*Input!$C$20,0)+IF(Input!$D$21=1,L7534*Input!$C$21,0)+IF(Input!$D$22=1,M7534*Input!$C$22,0)</f>
        <v>0.27039383296063085</v>
      </c>
      <c r="O7534" s="59">
        <f>IF(Input!$D$19=2,J7534*Input!$C$19,0)+IF(Input!$D$20=2,K7534*Input!$C$20,0)+IF(Input!$D$21=2,L7534*Input!$C$21,0)+IF(Input!$D$22=2,M7534*Input!$C$22,0)</f>
        <v>0.67598458240157711</v>
      </c>
      <c r="P7534" s="59">
        <f>IF(Input!$D$19=3,J7534*Input!$C$19,0)+IF(Input!$D$20=3,K7534*Input!$C$20,0)+IF(Input!$D$21=3,L7534*Input!$C$21,0)+IF(Input!$D$22=3,M7534*Input!$C$22,0)</f>
        <v>0</v>
      </c>
      <c r="Q7534" s="75">
        <f>IF(Input!$D$19=4,J7534*Input!$C$19,0)+IF(Input!$D$20=4,K7534*Input!$C$20,0)+IF(Input!$D$21=4,L7534*Input!$C$21,0)+IF(Input!$D$22=4,M7534*Input!$C$22,0)</f>
        <v>0</v>
      </c>
      <c r="R7534" s="58">
        <v>48.914905438866178</v>
      </c>
      <c r="S7534" s="124">
        <f t="shared" si="117"/>
        <v>1.1717066094960669</v>
      </c>
    </row>
    <row r="7535" spans="8:19" x14ac:dyDescent="0.3">
      <c r="H7535" s="44">
        <v>7528</v>
      </c>
      <c r="I7535" s="56">
        <f>Bühler!I7561</f>
        <v>0.24446565719728269</v>
      </c>
      <c r="J7535" s="59">
        <f>Bühler!J7561</f>
        <v>0.81488552399094238</v>
      </c>
      <c r="K7535" s="59">
        <f>Bühler!K7561</f>
        <v>1.2223282859864135</v>
      </c>
      <c r="L7535" s="59">
        <f>Bühler!L7561</f>
        <v>13.205538447980718</v>
      </c>
      <c r="M7535" s="58">
        <f>Bühler!M7561</f>
        <v>0</v>
      </c>
      <c r="N7535" s="56">
        <f>IF(Input!$D$19=1,J7535*Input!$C$19,0)+IF(Input!$D$20=1,K7535*Input!$C$20,0)+IF(Input!$D$21=1,L7535*Input!$C$21,0)+IF(Input!$D$22=1,M7535*Input!$C$22,0)</f>
        <v>0.24446565719728269</v>
      </c>
      <c r="O7535" s="59">
        <f>IF(Input!$D$19=2,J7535*Input!$C$19,0)+IF(Input!$D$20=2,K7535*Input!$C$20,0)+IF(Input!$D$21=2,L7535*Input!$C$21,0)+IF(Input!$D$22=2,M7535*Input!$C$22,0)</f>
        <v>0.61116414299320676</v>
      </c>
      <c r="P7535" s="59">
        <f>IF(Input!$D$19=3,J7535*Input!$C$19,0)+IF(Input!$D$20=3,K7535*Input!$C$20,0)+IF(Input!$D$21=3,L7535*Input!$C$21,0)+IF(Input!$D$22=3,M7535*Input!$C$22,0)</f>
        <v>0</v>
      </c>
      <c r="Q7535" s="75">
        <f>IF(Input!$D$19=4,J7535*Input!$C$19,0)+IF(Input!$D$20=4,K7535*Input!$C$20,0)+IF(Input!$D$21=4,L7535*Input!$C$21,0)+IF(Input!$D$22=4,M7535*Input!$C$22,0)</f>
        <v>0</v>
      </c>
      <c r="R7535" s="58">
        <v>48.175322504098062</v>
      </c>
      <c r="S7535" s="124">
        <f t="shared" si="117"/>
        <v>1.059351181188225</v>
      </c>
    </row>
    <row r="7536" spans="8:19" x14ac:dyDescent="0.3">
      <c r="H7536" s="44">
        <v>7529</v>
      </c>
      <c r="I7536" s="56">
        <f>Bühler!I7562</f>
        <v>0.22224150654298425</v>
      </c>
      <c r="J7536" s="59">
        <f>Bühler!J7562</f>
        <v>0.74080502180994756</v>
      </c>
      <c r="K7536" s="59">
        <f>Bühler!K7562</f>
        <v>1.1112075327149213</v>
      </c>
      <c r="L7536" s="59">
        <f>Bühler!L7562</f>
        <v>12.005034952709744</v>
      </c>
      <c r="M7536" s="58">
        <f>Bühler!M7562</f>
        <v>0</v>
      </c>
      <c r="N7536" s="56">
        <f>IF(Input!$D$19=1,J7536*Input!$C$19,0)+IF(Input!$D$20=1,K7536*Input!$C$20,0)+IF(Input!$D$21=1,L7536*Input!$C$21,0)+IF(Input!$D$22=1,M7536*Input!$C$22,0)</f>
        <v>0.22224150654298427</v>
      </c>
      <c r="O7536" s="59">
        <f>IF(Input!$D$19=2,J7536*Input!$C$19,0)+IF(Input!$D$20=2,K7536*Input!$C$20,0)+IF(Input!$D$21=2,L7536*Input!$C$21,0)+IF(Input!$D$22=2,M7536*Input!$C$22,0)</f>
        <v>0.55560376635746067</v>
      </c>
      <c r="P7536" s="59">
        <f>IF(Input!$D$19=3,J7536*Input!$C$19,0)+IF(Input!$D$20=3,K7536*Input!$C$20,0)+IF(Input!$D$21=3,L7536*Input!$C$21,0)+IF(Input!$D$22=3,M7536*Input!$C$22,0)</f>
        <v>0</v>
      </c>
      <c r="Q7536" s="75">
        <f>IF(Input!$D$19=4,J7536*Input!$C$19,0)+IF(Input!$D$20=4,K7536*Input!$C$20,0)+IF(Input!$D$21=4,L7536*Input!$C$21,0)+IF(Input!$D$22=4,M7536*Input!$C$22,0)</f>
        <v>0</v>
      </c>
      <c r="R7536" s="58">
        <v>47.593650193035494</v>
      </c>
      <c r="S7536" s="124">
        <f t="shared" si="117"/>
        <v>0.96304652835293181</v>
      </c>
    </row>
    <row r="7537" spans="8:19" x14ac:dyDescent="0.3">
      <c r="H7537" s="44">
        <v>7530</v>
      </c>
      <c r="I7537" s="56">
        <f>Bühler!I7563</f>
        <v>0.20001735588868583</v>
      </c>
      <c r="J7537" s="59">
        <f>Bühler!J7563</f>
        <v>0.66672451962895285</v>
      </c>
      <c r="K7537" s="59">
        <f>Bühler!K7563</f>
        <v>1.0000867794434292</v>
      </c>
      <c r="L7537" s="59">
        <f>Bühler!L7563</f>
        <v>10.80453145743877</v>
      </c>
      <c r="M7537" s="58">
        <f>Bühler!M7563</f>
        <v>0</v>
      </c>
      <c r="N7537" s="56">
        <f>IF(Input!$D$19=1,J7537*Input!$C$19,0)+IF(Input!$D$20=1,K7537*Input!$C$20,0)+IF(Input!$D$21=1,L7537*Input!$C$21,0)+IF(Input!$D$22=1,M7537*Input!$C$22,0)</f>
        <v>0.20001735588868585</v>
      </c>
      <c r="O7537" s="59">
        <f>IF(Input!$D$19=2,J7537*Input!$C$19,0)+IF(Input!$D$20=2,K7537*Input!$C$20,0)+IF(Input!$D$21=2,L7537*Input!$C$21,0)+IF(Input!$D$22=2,M7537*Input!$C$22,0)</f>
        <v>0.50004338972171458</v>
      </c>
      <c r="P7537" s="59">
        <f>IF(Input!$D$19=3,J7537*Input!$C$19,0)+IF(Input!$D$20=3,K7537*Input!$C$20,0)+IF(Input!$D$21=3,L7537*Input!$C$21,0)+IF(Input!$D$22=3,M7537*Input!$C$22,0)</f>
        <v>0</v>
      </c>
      <c r="Q7537" s="75">
        <f>IF(Input!$D$19=4,J7537*Input!$C$19,0)+IF(Input!$D$20=4,K7537*Input!$C$20,0)+IF(Input!$D$21=4,L7537*Input!$C$21,0)+IF(Input!$D$22=4,M7537*Input!$C$22,0)</f>
        <v>0</v>
      </c>
      <c r="R7537" s="58">
        <v>47.074971668429285</v>
      </c>
      <c r="S7537" s="124">
        <f t="shared" si="117"/>
        <v>0.8667418755176387</v>
      </c>
    </row>
    <row r="7538" spans="8:19" x14ac:dyDescent="0.3">
      <c r="H7538" s="44">
        <v>7531</v>
      </c>
      <c r="I7538" s="56">
        <f>Bühler!I7564</f>
        <v>0.19260930567058634</v>
      </c>
      <c r="J7538" s="59">
        <f>Bühler!J7564</f>
        <v>0.64203101890195458</v>
      </c>
      <c r="K7538" s="59">
        <f>Bühler!K7564</f>
        <v>0.96304652835293181</v>
      </c>
      <c r="L7538" s="59">
        <f>Bühler!L7564</f>
        <v>10.404363625681778</v>
      </c>
      <c r="M7538" s="58">
        <f>Bühler!M7564</f>
        <v>0</v>
      </c>
      <c r="N7538" s="56">
        <f>IF(Input!$D$19=1,J7538*Input!$C$19,0)+IF(Input!$D$20=1,K7538*Input!$C$20,0)+IF(Input!$D$21=1,L7538*Input!$C$21,0)+IF(Input!$D$22=1,M7538*Input!$C$22,0)</f>
        <v>0.19260930567058637</v>
      </c>
      <c r="O7538" s="59">
        <f>IF(Input!$D$19=2,J7538*Input!$C$19,0)+IF(Input!$D$20=2,K7538*Input!$C$20,0)+IF(Input!$D$21=2,L7538*Input!$C$21,0)+IF(Input!$D$22=2,M7538*Input!$C$22,0)</f>
        <v>0.4815232641764659</v>
      </c>
      <c r="P7538" s="59">
        <f>IF(Input!$D$19=3,J7538*Input!$C$19,0)+IF(Input!$D$20=3,K7538*Input!$C$20,0)+IF(Input!$D$21=3,L7538*Input!$C$21,0)+IF(Input!$D$22=3,M7538*Input!$C$22,0)</f>
        <v>0</v>
      </c>
      <c r="Q7538" s="75">
        <f>IF(Input!$D$19=4,J7538*Input!$C$19,0)+IF(Input!$D$20=4,K7538*Input!$C$20,0)+IF(Input!$D$21=4,L7538*Input!$C$21,0)+IF(Input!$D$22=4,M7538*Input!$C$22,0)</f>
        <v>0</v>
      </c>
      <c r="R7538" s="58">
        <v>46.447174329911938</v>
      </c>
      <c r="S7538" s="124">
        <f t="shared" si="117"/>
        <v>0.83464032457254089</v>
      </c>
    </row>
    <row r="7539" spans="8:19" x14ac:dyDescent="0.3">
      <c r="H7539" s="44">
        <v>7532</v>
      </c>
      <c r="I7539" s="56">
        <f>Bühler!I7565</f>
        <v>0.15556905458008896</v>
      </c>
      <c r="J7539" s="59">
        <f>Bühler!J7565</f>
        <v>0.51856351526696332</v>
      </c>
      <c r="K7539" s="59">
        <f>Bühler!K7565</f>
        <v>0.77784527290044492</v>
      </c>
      <c r="L7539" s="59">
        <f>Bühler!L7565</f>
        <v>8.403524466896819</v>
      </c>
      <c r="M7539" s="58">
        <f>Bühler!M7565</f>
        <v>0</v>
      </c>
      <c r="N7539" s="56">
        <f>IF(Input!$D$19=1,J7539*Input!$C$19,0)+IF(Input!$D$20=1,K7539*Input!$C$20,0)+IF(Input!$D$21=1,L7539*Input!$C$21,0)+IF(Input!$D$22=1,M7539*Input!$C$22,0)</f>
        <v>0.15556905458008899</v>
      </c>
      <c r="O7539" s="59">
        <f>IF(Input!$D$19=2,J7539*Input!$C$19,0)+IF(Input!$D$20=2,K7539*Input!$C$20,0)+IF(Input!$D$21=2,L7539*Input!$C$21,0)+IF(Input!$D$22=2,M7539*Input!$C$22,0)</f>
        <v>0.38892263645022246</v>
      </c>
      <c r="P7539" s="59">
        <f>IF(Input!$D$19=3,J7539*Input!$C$19,0)+IF(Input!$D$20=3,K7539*Input!$C$20,0)+IF(Input!$D$21=3,L7539*Input!$C$21,0)+IF(Input!$D$22=3,M7539*Input!$C$22,0)</f>
        <v>0</v>
      </c>
      <c r="Q7539" s="75">
        <f>IF(Input!$D$19=4,J7539*Input!$C$19,0)+IF(Input!$D$20=4,K7539*Input!$C$20,0)+IF(Input!$D$21=4,L7539*Input!$C$21,0)+IF(Input!$D$22=4,M7539*Input!$C$22,0)</f>
        <v>0</v>
      </c>
      <c r="R7539" s="58">
        <v>45.508130590306969</v>
      </c>
      <c r="S7539" s="124">
        <f t="shared" si="117"/>
        <v>0.67413256984705228</v>
      </c>
    </row>
    <row r="7540" spans="8:19" x14ac:dyDescent="0.3">
      <c r="H7540" s="44">
        <v>7533</v>
      </c>
      <c r="I7540" s="56">
        <f>Bühler!I7566</f>
        <v>0.11482477838054185</v>
      </c>
      <c r="J7540" s="59">
        <f>Bühler!J7566</f>
        <v>0.38274926126847286</v>
      </c>
      <c r="K7540" s="59">
        <f>Bühler!K7566</f>
        <v>0.57412389190270929</v>
      </c>
      <c r="L7540" s="59">
        <f>Bühler!L7566</f>
        <v>6.202601392233368</v>
      </c>
      <c r="M7540" s="58">
        <f>Bühler!M7566</f>
        <v>0</v>
      </c>
      <c r="N7540" s="56">
        <f>IF(Input!$D$19=1,J7540*Input!$C$19,0)+IF(Input!$D$20=1,K7540*Input!$C$20,0)+IF(Input!$D$21=1,L7540*Input!$C$21,0)+IF(Input!$D$22=1,M7540*Input!$C$22,0)</f>
        <v>0.11482477838054185</v>
      </c>
      <c r="O7540" s="59">
        <f>IF(Input!$D$19=2,J7540*Input!$C$19,0)+IF(Input!$D$20=2,K7540*Input!$C$20,0)+IF(Input!$D$21=2,L7540*Input!$C$21,0)+IF(Input!$D$22=2,M7540*Input!$C$22,0)</f>
        <v>0.28706194595135465</v>
      </c>
      <c r="P7540" s="59">
        <f>IF(Input!$D$19=3,J7540*Input!$C$19,0)+IF(Input!$D$20=3,K7540*Input!$C$20,0)+IF(Input!$D$21=3,L7540*Input!$C$21,0)+IF(Input!$D$22=3,M7540*Input!$C$22,0)</f>
        <v>0</v>
      </c>
      <c r="Q7540" s="75">
        <f>IF(Input!$D$19=4,J7540*Input!$C$19,0)+IF(Input!$D$20=4,K7540*Input!$C$20,0)+IF(Input!$D$21=4,L7540*Input!$C$21,0)+IF(Input!$D$22=4,M7540*Input!$C$22,0)</f>
        <v>0</v>
      </c>
      <c r="R7540" s="58">
        <v>45.068520097724949</v>
      </c>
      <c r="S7540" s="124">
        <f t="shared" si="117"/>
        <v>0.4975740396490147</v>
      </c>
    </row>
    <row r="7541" spans="8:19" x14ac:dyDescent="0.3">
      <c r="H7541" s="44">
        <v>7534</v>
      </c>
      <c r="I7541" s="56">
        <f>Bühler!I7567</f>
        <v>0.11482477838054185</v>
      </c>
      <c r="J7541" s="59">
        <f>Bühler!J7567</f>
        <v>0.38274926126847286</v>
      </c>
      <c r="K7541" s="59">
        <f>Bühler!K7567</f>
        <v>0.57412389190270929</v>
      </c>
      <c r="L7541" s="59">
        <f>Bühler!L7567</f>
        <v>6.202601392233368</v>
      </c>
      <c r="M7541" s="58">
        <f>Bühler!M7567</f>
        <v>0</v>
      </c>
      <c r="N7541" s="56">
        <f>IF(Input!$D$19=1,J7541*Input!$C$19,0)+IF(Input!$D$20=1,K7541*Input!$C$20,0)+IF(Input!$D$21=1,L7541*Input!$C$21,0)+IF(Input!$D$22=1,M7541*Input!$C$22,0)</f>
        <v>0.11482477838054185</v>
      </c>
      <c r="O7541" s="59">
        <f>IF(Input!$D$19=2,J7541*Input!$C$19,0)+IF(Input!$D$20=2,K7541*Input!$C$20,0)+IF(Input!$D$21=2,L7541*Input!$C$21,0)+IF(Input!$D$22=2,M7541*Input!$C$22,0)</f>
        <v>0.28706194595135465</v>
      </c>
      <c r="P7541" s="59">
        <f>IF(Input!$D$19=3,J7541*Input!$C$19,0)+IF(Input!$D$20=3,K7541*Input!$C$20,0)+IF(Input!$D$21=3,L7541*Input!$C$21,0)+IF(Input!$D$22=3,M7541*Input!$C$22,0)</f>
        <v>0</v>
      </c>
      <c r="Q7541" s="75">
        <f>IF(Input!$D$19=4,J7541*Input!$C$19,0)+IF(Input!$D$20=4,K7541*Input!$C$20,0)+IF(Input!$D$21=4,L7541*Input!$C$21,0)+IF(Input!$D$22=4,M7541*Input!$C$22,0)</f>
        <v>0</v>
      </c>
      <c r="R7541" s="58">
        <v>44.438257743424984</v>
      </c>
      <c r="S7541" s="124">
        <f t="shared" si="117"/>
        <v>0.4975740396490147</v>
      </c>
    </row>
    <row r="7542" spans="8:19" x14ac:dyDescent="0.3">
      <c r="H7542" s="44">
        <v>7535</v>
      </c>
      <c r="I7542" s="56">
        <f>Bühler!I7568</f>
        <v>0.11482477838054185</v>
      </c>
      <c r="J7542" s="59">
        <f>Bühler!J7568</f>
        <v>0.38274926126847286</v>
      </c>
      <c r="K7542" s="59">
        <f>Bühler!K7568</f>
        <v>0.57412389190270929</v>
      </c>
      <c r="L7542" s="59">
        <f>Bühler!L7568</f>
        <v>6.202601392233368</v>
      </c>
      <c r="M7542" s="58">
        <f>Bühler!M7568</f>
        <v>0</v>
      </c>
      <c r="N7542" s="56">
        <f>IF(Input!$D$19=1,J7542*Input!$C$19,0)+IF(Input!$D$20=1,K7542*Input!$C$20,0)+IF(Input!$D$21=1,L7542*Input!$C$21,0)+IF(Input!$D$22=1,M7542*Input!$C$22,0)</f>
        <v>0.11482477838054185</v>
      </c>
      <c r="O7542" s="59">
        <f>IF(Input!$D$19=2,J7542*Input!$C$19,0)+IF(Input!$D$20=2,K7542*Input!$C$20,0)+IF(Input!$D$21=2,L7542*Input!$C$21,0)+IF(Input!$D$22=2,M7542*Input!$C$22,0)</f>
        <v>0.28706194595135465</v>
      </c>
      <c r="P7542" s="59">
        <f>IF(Input!$D$19=3,J7542*Input!$C$19,0)+IF(Input!$D$20=3,K7542*Input!$C$20,0)+IF(Input!$D$21=3,L7542*Input!$C$21,0)+IF(Input!$D$22=3,M7542*Input!$C$22,0)</f>
        <v>0</v>
      </c>
      <c r="Q7542" s="75">
        <f>IF(Input!$D$19=4,J7542*Input!$C$19,0)+IF(Input!$D$20=4,K7542*Input!$C$20,0)+IF(Input!$D$21=4,L7542*Input!$C$21,0)+IF(Input!$D$22=4,M7542*Input!$C$22,0)</f>
        <v>0</v>
      </c>
      <c r="R7542" s="58">
        <v>44.444093027607444</v>
      </c>
      <c r="S7542" s="124">
        <f t="shared" si="117"/>
        <v>0.4975740396490147</v>
      </c>
    </row>
    <row r="7543" spans="8:19" x14ac:dyDescent="0.3">
      <c r="H7543" s="44">
        <v>7536</v>
      </c>
      <c r="I7543" s="56">
        <f>Bühler!I7569</f>
        <v>0.11482477838054185</v>
      </c>
      <c r="J7543" s="59">
        <f>Bühler!J7569</f>
        <v>0.38274926126847286</v>
      </c>
      <c r="K7543" s="59">
        <f>Bühler!K7569</f>
        <v>0.57412389190270929</v>
      </c>
      <c r="L7543" s="59">
        <f>Bühler!L7569</f>
        <v>6.202601392233368</v>
      </c>
      <c r="M7543" s="58">
        <f>Bühler!M7569</f>
        <v>0</v>
      </c>
      <c r="N7543" s="56">
        <f>IF(Input!$D$19=1,J7543*Input!$C$19,0)+IF(Input!$D$20=1,K7543*Input!$C$20,0)+IF(Input!$D$21=1,L7543*Input!$C$21,0)+IF(Input!$D$22=1,M7543*Input!$C$22,0)</f>
        <v>0.11482477838054185</v>
      </c>
      <c r="O7543" s="59">
        <f>IF(Input!$D$19=2,J7543*Input!$C$19,0)+IF(Input!$D$20=2,K7543*Input!$C$20,0)+IF(Input!$D$21=2,L7543*Input!$C$21,0)+IF(Input!$D$22=2,M7543*Input!$C$22,0)</f>
        <v>0.28706194595135465</v>
      </c>
      <c r="P7543" s="59">
        <f>IF(Input!$D$19=3,J7543*Input!$C$19,0)+IF(Input!$D$20=3,K7543*Input!$C$20,0)+IF(Input!$D$21=3,L7543*Input!$C$21,0)+IF(Input!$D$22=3,M7543*Input!$C$22,0)</f>
        <v>0</v>
      </c>
      <c r="Q7543" s="75">
        <f>IF(Input!$D$19=4,J7543*Input!$C$19,0)+IF(Input!$D$20=4,K7543*Input!$C$20,0)+IF(Input!$D$21=4,L7543*Input!$C$21,0)+IF(Input!$D$22=4,M7543*Input!$C$22,0)</f>
        <v>0</v>
      </c>
      <c r="R7543" s="58">
        <v>44.292893225883482</v>
      </c>
      <c r="S7543" s="124">
        <f t="shared" si="117"/>
        <v>0.4975740396490147</v>
      </c>
    </row>
    <row r="7544" spans="8:19" x14ac:dyDescent="0.3">
      <c r="H7544" s="44">
        <v>7537</v>
      </c>
      <c r="I7544" s="56">
        <f>Bühler!I7570</f>
        <v>0.13876608415737221</v>
      </c>
      <c r="J7544" s="59">
        <f>Bühler!J7570</f>
        <v>0.46255361385790744</v>
      </c>
      <c r="K7544" s="59">
        <f>Bühler!K7570</f>
        <v>0.69383042078686119</v>
      </c>
      <c r="L7544" s="59">
        <f>Bühler!L7570</f>
        <v>7.2358347719036304</v>
      </c>
      <c r="M7544" s="58">
        <f>Bühler!M7570</f>
        <v>0</v>
      </c>
      <c r="N7544" s="56">
        <f>IF(Input!$D$19=1,J7544*Input!$C$19,0)+IF(Input!$D$20=1,K7544*Input!$C$20,0)+IF(Input!$D$21=1,L7544*Input!$C$21,0)+IF(Input!$D$22=1,M7544*Input!$C$22,0)</f>
        <v>0.13876608415737224</v>
      </c>
      <c r="O7544" s="59">
        <f>IF(Input!$D$19=2,J7544*Input!$C$19,0)+IF(Input!$D$20=2,K7544*Input!$C$20,0)+IF(Input!$D$21=2,L7544*Input!$C$21,0)+IF(Input!$D$22=2,M7544*Input!$C$22,0)</f>
        <v>0.3469152103934306</v>
      </c>
      <c r="P7544" s="59">
        <f>IF(Input!$D$19=3,J7544*Input!$C$19,0)+IF(Input!$D$20=3,K7544*Input!$C$20,0)+IF(Input!$D$21=3,L7544*Input!$C$21,0)+IF(Input!$D$22=3,M7544*Input!$C$22,0)</f>
        <v>0</v>
      </c>
      <c r="Q7544" s="75">
        <f>IF(Input!$D$19=4,J7544*Input!$C$19,0)+IF(Input!$D$20=4,K7544*Input!$C$20,0)+IF(Input!$D$21=4,L7544*Input!$C$21,0)+IF(Input!$D$22=4,M7544*Input!$C$22,0)</f>
        <v>0</v>
      </c>
      <c r="R7544" s="58">
        <v>43.835313427660246</v>
      </c>
      <c r="S7544" s="124">
        <f t="shared" si="117"/>
        <v>0.60131969801527962</v>
      </c>
    </row>
    <row r="7545" spans="8:19" x14ac:dyDescent="0.3">
      <c r="H7545" s="44">
        <v>7538</v>
      </c>
      <c r="I7545" s="56">
        <f>Bühler!I7571</f>
        <v>0.16114771063436772</v>
      </c>
      <c r="J7545" s="59">
        <f>Bühler!J7571</f>
        <v>0.53715903544789245</v>
      </c>
      <c r="K7545" s="59">
        <f>Bühler!K7571</f>
        <v>0.80573855317183862</v>
      </c>
      <c r="L7545" s="59">
        <f>Bühler!L7571</f>
        <v>8.4029048964042161</v>
      </c>
      <c r="M7545" s="58">
        <f>Bühler!M7571</f>
        <v>0</v>
      </c>
      <c r="N7545" s="56">
        <f>IF(Input!$D$19=1,J7545*Input!$C$19,0)+IF(Input!$D$20=1,K7545*Input!$C$20,0)+IF(Input!$D$21=1,L7545*Input!$C$21,0)+IF(Input!$D$22=1,M7545*Input!$C$22,0)</f>
        <v>0.16114771063436772</v>
      </c>
      <c r="O7545" s="59">
        <f>IF(Input!$D$19=2,J7545*Input!$C$19,0)+IF(Input!$D$20=2,K7545*Input!$C$20,0)+IF(Input!$D$21=2,L7545*Input!$C$21,0)+IF(Input!$D$22=2,M7545*Input!$C$22,0)</f>
        <v>0.40286927658591931</v>
      </c>
      <c r="P7545" s="59">
        <f>IF(Input!$D$19=3,J7545*Input!$C$19,0)+IF(Input!$D$20=3,K7545*Input!$C$20,0)+IF(Input!$D$21=3,L7545*Input!$C$21,0)+IF(Input!$D$22=3,M7545*Input!$C$22,0)</f>
        <v>0</v>
      </c>
      <c r="Q7545" s="75">
        <f>IF(Input!$D$19=4,J7545*Input!$C$19,0)+IF(Input!$D$20=4,K7545*Input!$C$20,0)+IF(Input!$D$21=4,L7545*Input!$C$21,0)+IF(Input!$D$22=4,M7545*Input!$C$22,0)</f>
        <v>0</v>
      </c>
      <c r="R7545" s="58">
        <v>43.512154130433615</v>
      </c>
      <c r="S7545" s="124">
        <f t="shared" si="117"/>
        <v>0.69830674608226018</v>
      </c>
    </row>
    <row r="7546" spans="8:19" x14ac:dyDescent="0.3">
      <c r="H7546" s="44">
        <v>7539</v>
      </c>
      <c r="I7546" s="56">
        <f>Bühler!I7572</f>
        <v>0.16114771063436772</v>
      </c>
      <c r="J7546" s="59">
        <f>Bühler!J7572</f>
        <v>0.53715903544789245</v>
      </c>
      <c r="K7546" s="59">
        <f>Bühler!K7572</f>
        <v>0.80573855317183862</v>
      </c>
      <c r="L7546" s="59">
        <f>Bühler!L7572</f>
        <v>8.4029048964042161</v>
      </c>
      <c r="M7546" s="58">
        <f>Bühler!M7572</f>
        <v>0</v>
      </c>
      <c r="N7546" s="56">
        <f>IF(Input!$D$19=1,J7546*Input!$C$19,0)+IF(Input!$D$20=1,K7546*Input!$C$20,0)+IF(Input!$D$21=1,L7546*Input!$C$21,0)+IF(Input!$D$22=1,M7546*Input!$C$22,0)</f>
        <v>0.16114771063436772</v>
      </c>
      <c r="O7546" s="59">
        <f>IF(Input!$D$19=2,J7546*Input!$C$19,0)+IF(Input!$D$20=2,K7546*Input!$C$20,0)+IF(Input!$D$21=2,L7546*Input!$C$21,0)+IF(Input!$D$22=2,M7546*Input!$C$22,0)</f>
        <v>0.40286927658591931</v>
      </c>
      <c r="P7546" s="59">
        <f>IF(Input!$D$19=3,J7546*Input!$C$19,0)+IF(Input!$D$20=3,K7546*Input!$C$20,0)+IF(Input!$D$21=3,L7546*Input!$C$21,0)+IF(Input!$D$22=3,M7546*Input!$C$22,0)</f>
        <v>0</v>
      </c>
      <c r="Q7546" s="75">
        <f>IF(Input!$D$19=4,J7546*Input!$C$19,0)+IF(Input!$D$20=4,K7546*Input!$C$20,0)+IF(Input!$D$21=4,L7546*Input!$C$21,0)+IF(Input!$D$22=4,M7546*Input!$C$22,0)</f>
        <v>0</v>
      </c>
      <c r="R7546" s="58">
        <v>43.70868511304586</v>
      </c>
      <c r="S7546" s="124">
        <f t="shared" si="117"/>
        <v>0.69830674608226018</v>
      </c>
    </row>
    <row r="7547" spans="8:19" x14ac:dyDescent="0.3">
      <c r="H7547" s="44">
        <v>7540</v>
      </c>
      <c r="I7547" s="56">
        <f>Bühler!I7573</f>
        <v>0.16114771063436772</v>
      </c>
      <c r="J7547" s="59">
        <f>Bühler!J7573</f>
        <v>0.53715903544789245</v>
      </c>
      <c r="K7547" s="59">
        <f>Bühler!K7573</f>
        <v>0.80573855317183862</v>
      </c>
      <c r="L7547" s="59">
        <f>Bühler!L7573</f>
        <v>8.4029048964042161</v>
      </c>
      <c r="M7547" s="58">
        <f>Bühler!M7573</f>
        <v>0</v>
      </c>
      <c r="N7547" s="56">
        <f>IF(Input!$D$19=1,J7547*Input!$C$19,0)+IF(Input!$D$20=1,K7547*Input!$C$20,0)+IF(Input!$D$21=1,L7547*Input!$C$21,0)+IF(Input!$D$22=1,M7547*Input!$C$22,0)</f>
        <v>0.16114771063436772</v>
      </c>
      <c r="O7547" s="59">
        <f>IF(Input!$D$19=2,J7547*Input!$C$19,0)+IF(Input!$D$20=2,K7547*Input!$C$20,0)+IF(Input!$D$21=2,L7547*Input!$C$21,0)+IF(Input!$D$22=2,M7547*Input!$C$22,0)</f>
        <v>0.40286927658591931</v>
      </c>
      <c r="P7547" s="59">
        <f>IF(Input!$D$19=3,J7547*Input!$C$19,0)+IF(Input!$D$20=3,K7547*Input!$C$20,0)+IF(Input!$D$21=3,L7547*Input!$C$21,0)+IF(Input!$D$22=3,M7547*Input!$C$22,0)</f>
        <v>0</v>
      </c>
      <c r="Q7547" s="75">
        <f>IF(Input!$D$19=4,J7547*Input!$C$19,0)+IF(Input!$D$20=4,K7547*Input!$C$20,0)+IF(Input!$D$21=4,L7547*Input!$C$21,0)+IF(Input!$D$22=4,M7547*Input!$C$22,0)</f>
        <v>0</v>
      </c>
      <c r="R7547" s="58">
        <v>43.149180036680903</v>
      </c>
      <c r="S7547" s="124">
        <f t="shared" si="117"/>
        <v>0.69830674608226018</v>
      </c>
    </row>
    <row r="7548" spans="8:19" x14ac:dyDescent="0.3">
      <c r="H7548" s="44">
        <v>7541</v>
      </c>
      <c r="I7548" s="56">
        <f>Bühler!I7574</f>
        <v>0.16114771063436772</v>
      </c>
      <c r="J7548" s="59">
        <f>Bühler!J7574</f>
        <v>0.53715903544789245</v>
      </c>
      <c r="K7548" s="59">
        <f>Bühler!K7574</f>
        <v>0.80573855317183862</v>
      </c>
      <c r="L7548" s="59">
        <f>Bühler!L7574</f>
        <v>8.4029048964042161</v>
      </c>
      <c r="M7548" s="58">
        <f>Bühler!M7574</f>
        <v>0</v>
      </c>
      <c r="N7548" s="56">
        <f>IF(Input!$D$19=1,J7548*Input!$C$19,0)+IF(Input!$D$20=1,K7548*Input!$C$20,0)+IF(Input!$D$21=1,L7548*Input!$C$21,0)+IF(Input!$D$22=1,M7548*Input!$C$22,0)</f>
        <v>0.16114771063436772</v>
      </c>
      <c r="O7548" s="59">
        <f>IF(Input!$D$19=2,J7548*Input!$C$19,0)+IF(Input!$D$20=2,K7548*Input!$C$20,0)+IF(Input!$D$21=2,L7548*Input!$C$21,0)+IF(Input!$D$22=2,M7548*Input!$C$22,0)</f>
        <v>0.40286927658591931</v>
      </c>
      <c r="P7548" s="59">
        <f>IF(Input!$D$19=3,J7548*Input!$C$19,0)+IF(Input!$D$20=3,K7548*Input!$C$20,0)+IF(Input!$D$21=3,L7548*Input!$C$21,0)+IF(Input!$D$22=3,M7548*Input!$C$22,0)</f>
        <v>0</v>
      </c>
      <c r="Q7548" s="75">
        <f>IF(Input!$D$19=4,J7548*Input!$C$19,0)+IF(Input!$D$20=4,K7548*Input!$C$20,0)+IF(Input!$D$21=4,L7548*Input!$C$21,0)+IF(Input!$D$22=4,M7548*Input!$C$22,0)</f>
        <v>0</v>
      </c>
      <c r="R7548" s="58">
        <v>43.350989704724213</v>
      </c>
      <c r="S7548" s="124">
        <f t="shared" si="117"/>
        <v>0.69830674608226018</v>
      </c>
    </row>
    <row r="7549" spans="8:19" x14ac:dyDescent="0.3">
      <c r="H7549" s="44">
        <v>7542</v>
      </c>
      <c r="I7549" s="56">
        <f>Bühler!I7575</f>
        <v>0.20143463829295963</v>
      </c>
      <c r="J7549" s="59">
        <f>Bühler!J7575</f>
        <v>0.67144879430986548</v>
      </c>
      <c r="K7549" s="59">
        <f>Bühler!K7575</f>
        <v>1.0071731914647983</v>
      </c>
      <c r="L7549" s="59">
        <f>Bühler!L7575</f>
        <v>10.50363112050527</v>
      </c>
      <c r="M7549" s="58">
        <f>Bühler!M7575</f>
        <v>0</v>
      </c>
      <c r="N7549" s="56">
        <f>IF(Input!$D$19=1,J7549*Input!$C$19,0)+IF(Input!$D$20=1,K7549*Input!$C$20,0)+IF(Input!$D$21=1,L7549*Input!$C$21,0)+IF(Input!$D$22=1,M7549*Input!$C$22,0)</f>
        <v>0.20143463829295963</v>
      </c>
      <c r="O7549" s="59">
        <f>IF(Input!$D$19=2,J7549*Input!$C$19,0)+IF(Input!$D$20=2,K7549*Input!$C$20,0)+IF(Input!$D$21=2,L7549*Input!$C$21,0)+IF(Input!$D$22=2,M7549*Input!$C$22,0)</f>
        <v>0.50358659573239917</v>
      </c>
      <c r="P7549" s="59">
        <f>IF(Input!$D$19=3,J7549*Input!$C$19,0)+IF(Input!$D$20=3,K7549*Input!$C$20,0)+IF(Input!$D$21=3,L7549*Input!$C$21,0)+IF(Input!$D$22=3,M7549*Input!$C$22,0)</f>
        <v>0</v>
      </c>
      <c r="Q7549" s="75">
        <f>IF(Input!$D$19=4,J7549*Input!$C$19,0)+IF(Input!$D$20=4,K7549*Input!$C$20,0)+IF(Input!$D$21=4,L7549*Input!$C$21,0)+IF(Input!$D$22=4,M7549*Input!$C$22,0)</f>
        <v>0</v>
      </c>
      <c r="R7549" s="58">
        <v>43.50954177622615</v>
      </c>
      <c r="S7549" s="124">
        <f t="shared" si="117"/>
        <v>0.87288343260282508</v>
      </c>
    </row>
    <row r="7550" spans="8:19" x14ac:dyDescent="0.3">
      <c r="H7550" s="44">
        <v>7543</v>
      </c>
      <c r="I7550" s="56">
        <f>Bühler!I7576</f>
        <v>0.23724524065615243</v>
      </c>
      <c r="J7550" s="59">
        <f>Bühler!J7576</f>
        <v>0.79081746885384163</v>
      </c>
      <c r="K7550" s="59">
        <f>Bühler!K7576</f>
        <v>1.1862262032807624</v>
      </c>
      <c r="L7550" s="59">
        <f>Bühler!L7576</f>
        <v>12.370943319706207</v>
      </c>
      <c r="M7550" s="58">
        <f>Bühler!M7576</f>
        <v>0</v>
      </c>
      <c r="N7550" s="56">
        <f>IF(Input!$D$19=1,J7550*Input!$C$19,0)+IF(Input!$D$20=1,K7550*Input!$C$20,0)+IF(Input!$D$21=1,L7550*Input!$C$21,0)+IF(Input!$D$22=1,M7550*Input!$C$22,0)</f>
        <v>0.23724524065615249</v>
      </c>
      <c r="O7550" s="59">
        <f>IF(Input!$D$19=2,J7550*Input!$C$19,0)+IF(Input!$D$20=2,K7550*Input!$C$20,0)+IF(Input!$D$21=2,L7550*Input!$C$21,0)+IF(Input!$D$22=2,M7550*Input!$C$22,0)</f>
        <v>0.59311310164038122</v>
      </c>
      <c r="P7550" s="59">
        <f>IF(Input!$D$19=3,J7550*Input!$C$19,0)+IF(Input!$D$20=3,K7550*Input!$C$20,0)+IF(Input!$D$21=3,L7550*Input!$C$21,0)+IF(Input!$D$22=3,M7550*Input!$C$22,0)</f>
        <v>0</v>
      </c>
      <c r="Q7550" s="75">
        <f>IF(Input!$D$19=4,J7550*Input!$C$19,0)+IF(Input!$D$20=4,K7550*Input!$C$20,0)+IF(Input!$D$21=4,L7550*Input!$C$21,0)+IF(Input!$D$22=4,M7550*Input!$C$22,0)</f>
        <v>0</v>
      </c>
      <c r="R7550" s="58">
        <v>44.121933972347307</v>
      </c>
      <c r="S7550" s="124">
        <f t="shared" si="117"/>
        <v>1.0280627095099941</v>
      </c>
    </row>
    <row r="7551" spans="8:19" x14ac:dyDescent="0.3">
      <c r="H7551" s="44">
        <v>7544</v>
      </c>
      <c r="I7551" s="56">
        <f>Bühler!I7577</f>
        <v>0.28200849361014352</v>
      </c>
      <c r="J7551" s="59">
        <f>Bühler!J7577</f>
        <v>0.94002831203381187</v>
      </c>
      <c r="K7551" s="59">
        <f>Bühler!K7577</f>
        <v>1.4100424680507178</v>
      </c>
      <c r="L7551" s="59">
        <f>Bühler!L7577</f>
        <v>14.705083568707376</v>
      </c>
      <c r="M7551" s="58">
        <f>Bühler!M7577</f>
        <v>0</v>
      </c>
      <c r="N7551" s="56">
        <f>IF(Input!$D$19=1,J7551*Input!$C$19,0)+IF(Input!$D$20=1,K7551*Input!$C$20,0)+IF(Input!$D$21=1,L7551*Input!$C$21,0)+IF(Input!$D$22=1,M7551*Input!$C$22,0)</f>
        <v>0.28200849361014357</v>
      </c>
      <c r="O7551" s="59">
        <f>IF(Input!$D$19=2,J7551*Input!$C$19,0)+IF(Input!$D$20=2,K7551*Input!$C$20,0)+IF(Input!$D$21=2,L7551*Input!$C$21,0)+IF(Input!$D$22=2,M7551*Input!$C$22,0)</f>
        <v>0.70502123402535888</v>
      </c>
      <c r="P7551" s="59">
        <f>IF(Input!$D$19=3,J7551*Input!$C$19,0)+IF(Input!$D$20=3,K7551*Input!$C$20,0)+IF(Input!$D$21=3,L7551*Input!$C$21,0)+IF(Input!$D$22=3,M7551*Input!$C$22,0)</f>
        <v>0</v>
      </c>
      <c r="Q7551" s="75">
        <f>IF(Input!$D$19=4,J7551*Input!$C$19,0)+IF(Input!$D$20=4,K7551*Input!$C$20,0)+IF(Input!$D$21=4,L7551*Input!$C$21,0)+IF(Input!$D$22=4,M7551*Input!$C$22,0)</f>
        <v>0</v>
      </c>
      <c r="R7551" s="58">
        <v>43.754795312512201</v>
      </c>
      <c r="S7551" s="124">
        <f t="shared" si="117"/>
        <v>1.2220368056439554</v>
      </c>
    </row>
    <row r="7552" spans="8:19" x14ac:dyDescent="0.3">
      <c r="H7552" s="44">
        <v>7545</v>
      </c>
      <c r="I7552" s="56">
        <f>Bühler!I7578</f>
        <v>0.28200849361014352</v>
      </c>
      <c r="J7552" s="59">
        <f>Bühler!J7578</f>
        <v>0.94002831203381187</v>
      </c>
      <c r="K7552" s="59">
        <f>Bühler!K7578</f>
        <v>1.4100424680507178</v>
      </c>
      <c r="L7552" s="59">
        <f>Bühler!L7578</f>
        <v>14.705083568707376</v>
      </c>
      <c r="M7552" s="58">
        <f>Bühler!M7578</f>
        <v>0</v>
      </c>
      <c r="N7552" s="56">
        <f>IF(Input!$D$19=1,J7552*Input!$C$19,0)+IF(Input!$D$20=1,K7552*Input!$C$20,0)+IF(Input!$D$21=1,L7552*Input!$C$21,0)+IF(Input!$D$22=1,M7552*Input!$C$22,0)</f>
        <v>0.28200849361014357</v>
      </c>
      <c r="O7552" s="59">
        <f>IF(Input!$D$19=2,J7552*Input!$C$19,0)+IF(Input!$D$20=2,K7552*Input!$C$20,0)+IF(Input!$D$21=2,L7552*Input!$C$21,0)+IF(Input!$D$22=2,M7552*Input!$C$22,0)</f>
        <v>0.70502123402535888</v>
      </c>
      <c r="P7552" s="59">
        <f>IF(Input!$D$19=3,J7552*Input!$C$19,0)+IF(Input!$D$20=3,K7552*Input!$C$20,0)+IF(Input!$D$21=3,L7552*Input!$C$21,0)+IF(Input!$D$22=3,M7552*Input!$C$22,0)</f>
        <v>0</v>
      </c>
      <c r="Q7552" s="75">
        <f>IF(Input!$D$19=4,J7552*Input!$C$19,0)+IF(Input!$D$20=4,K7552*Input!$C$20,0)+IF(Input!$D$21=4,L7552*Input!$C$21,0)+IF(Input!$D$22=4,M7552*Input!$C$22,0)</f>
        <v>0</v>
      </c>
      <c r="R7552" s="58">
        <v>43.1040030394132</v>
      </c>
      <c r="S7552" s="124">
        <f t="shared" si="117"/>
        <v>1.2220368056439554</v>
      </c>
    </row>
    <row r="7553" spans="8:19" x14ac:dyDescent="0.3">
      <c r="H7553" s="44">
        <v>7546</v>
      </c>
      <c r="I7553" s="56">
        <f>Bühler!I7579</f>
        <v>0.28200849361014352</v>
      </c>
      <c r="J7553" s="59">
        <f>Bühler!J7579</f>
        <v>0.94002831203381187</v>
      </c>
      <c r="K7553" s="59">
        <f>Bühler!K7579</f>
        <v>1.4100424680507178</v>
      </c>
      <c r="L7553" s="59">
        <f>Bühler!L7579</f>
        <v>14.705083568707376</v>
      </c>
      <c r="M7553" s="58">
        <f>Bühler!M7579</f>
        <v>0</v>
      </c>
      <c r="N7553" s="56">
        <f>IF(Input!$D$19=1,J7553*Input!$C$19,0)+IF(Input!$D$20=1,K7553*Input!$C$20,0)+IF(Input!$D$21=1,L7553*Input!$C$21,0)+IF(Input!$D$22=1,M7553*Input!$C$22,0)</f>
        <v>0.28200849361014357</v>
      </c>
      <c r="O7553" s="59">
        <f>IF(Input!$D$19=2,J7553*Input!$C$19,0)+IF(Input!$D$20=2,K7553*Input!$C$20,0)+IF(Input!$D$21=2,L7553*Input!$C$21,0)+IF(Input!$D$22=2,M7553*Input!$C$22,0)</f>
        <v>0.70502123402535888</v>
      </c>
      <c r="P7553" s="59">
        <f>IF(Input!$D$19=3,J7553*Input!$C$19,0)+IF(Input!$D$20=3,K7553*Input!$C$20,0)+IF(Input!$D$21=3,L7553*Input!$C$21,0)+IF(Input!$D$22=3,M7553*Input!$C$22,0)</f>
        <v>0</v>
      </c>
      <c r="Q7553" s="75">
        <f>IF(Input!$D$19=4,J7553*Input!$C$19,0)+IF(Input!$D$20=4,K7553*Input!$C$20,0)+IF(Input!$D$21=4,L7553*Input!$C$21,0)+IF(Input!$D$22=4,M7553*Input!$C$22,0)</f>
        <v>0</v>
      </c>
      <c r="R7553" s="58">
        <v>42.65173638796454</v>
      </c>
      <c r="S7553" s="124">
        <f t="shared" si="117"/>
        <v>1.2220368056439554</v>
      </c>
    </row>
    <row r="7554" spans="8:19" x14ac:dyDescent="0.3">
      <c r="H7554" s="44">
        <v>7547</v>
      </c>
      <c r="I7554" s="56">
        <f>Bühler!I7580</f>
        <v>0.28200849361014352</v>
      </c>
      <c r="J7554" s="59">
        <f>Bühler!J7580</f>
        <v>0.94002831203381187</v>
      </c>
      <c r="K7554" s="59">
        <f>Bühler!K7580</f>
        <v>1.4100424680507178</v>
      </c>
      <c r="L7554" s="59">
        <f>Bühler!L7580</f>
        <v>14.705083568707376</v>
      </c>
      <c r="M7554" s="58">
        <f>Bühler!M7580</f>
        <v>0</v>
      </c>
      <c r="N7554" s="56">
        <f>IF(Input!$D$19=1,J7554*Input!$C$19,0)+IF(Input!$D$20=1,K7554*Input!$C$20,0)+IF(Input!$D$21=1,L7554*Input!$C$21,0)+IF(Input!$D$22=1,M7554*Input!$C$22,0)</f>
        <v>0.28200849361014357</v>
      </c>
      <c r="O7554" s="59">
        <f>IF(Input!$D$19=2,J7554*Input!$C$19,0)+IF(Input!$D$20=2,K7554*Input!$C$20,0)+IF(Input!$D$21=2,L7554*Input!$C$21,0)+IF(Input!$D$22=2,M7554*Input!$C$22,0)</f>
        <v>0.70502123402535888</v>
      </c>
      <c r="P7554" s="59">
        <f>IF(Input!$D$19=3,J7554*Input!$C$19,0)+IF(Input!$D$20=3,K7554*Input!$C$20,0)+IF(Input!$D$21=3,L7554*Input!$C$21,0)+IF(Input!$D$22=3,M7554*Input!$C$22,0)</f>
        <v>0</v>
      </c>
      <c r="Q7554" s="75">
        <f>IF(Input!$D$19=4,J7554*Input!$C$19,0)+IF(Input!$D$20=4,K7554*Input!$C$20,0)+IF(Input!$D$21=4,L7554*Input!$C$21,0)+IF(Input!$D$22=4,M7554*Input!$C$22,0)</f>
        <v>0</v>
      </c>
      <c r="R7554" s="58">
        <v>42.912151777799345</v>
      </c>
      <c r="S7554" s="124">
        <f t="shared" si="117"/>
        <v>1.2220368056439554</v>
      </c>
    </row>
    <row r="7555" spans="8:19" x14ac:dyDescent="0.3">
      <c r="H7555" s="44">
        <v>7548</v>
      </c>
      <c r="I7555" s="56">
        <f>Bühler!I7581</f>
        <v>0.28200849361014352</v>
      </c>
      <c r="J7555" s="59">
        <f>Bühler!J7581</f>
        <v>0.94002831203381187</v>
      </c>
      <c r="K7555" s="59">
        <f>Bühler!K7581</f>
        <v>1.4100424680507178</v>
      </c>
      <c r="L7555" s="59">
        <f>Bühler!L7581</f>
        <v>14.705083568707376</v>
      </c>
      <c r="M7555" s="58">
        <f>Bühler!M7581</f>
        <v>0</v>
      </c>
      <c r="N7555" s="56">
        <f>IF(Input!$D$19=1,J7555*Input!$C$19,0)+IF(Input!$D$20=1,K7555*Input!$C$20,0)+IF(Input!$D$21=1,L7555*Input!$C$21,0)+IF(Input!$D$22=1,M7555*Input!$C$22,0)</f>
        <v>0.28200849361014357</v>
      </c>
      <c r="O7555" s="59">
        <f>IF(Input!$D$19=2,J7555*Input!$C$19,0)+IF(Input!$D$20=2,K7555*Input!$C$20,0)+IF(Input!$D$21=2,L7555*Input!$C$21,0)+IF(Input!$D$22=2,M7555*Input!$C$22,0)</f>
        <v>0.70502123402535888</v>
      </c>
      <c r="P7555" s="59">
        <f>IF(Input!$D$19=3,J7555*Input!$C$19,0)+IF(Input!$D$20=3,K7555*Input!$C$20,0)+IF(Input!$D$21=3,L7555*Input!$C$21,0)+IF(Input!$D$22=3,M7555*Input!$C$22,0)</f>
        <v>0</v>
      </c>
      <c r="Q7555" s="75">
        <f>IF(Input!$D$19=4,J7555*Input!$C$19,0)+IF(Input!$D$20=4,K7555*Input!$C$20,0)+IF(Input!$D$21=4,L7555*Input!$C$21,0)+IF(Input!$D$22=4,M7555*Input!$C$22,0)</f>
        <v>0</v>
      </c>
      <c r="R7555" s="58">
        <v>43.1545925270553</v>
      </c>
      <c r="S7555" s="124">
        <f t="shared" si="117"/>
        <v>1.2220368056439554</v>
      </c>
    </row>
    <row r="7556" spans="8:19" x14ac:dyDescent="0.3">
      <c r="H7556" s="44">
        <v>7549</v>
      </c>
      <c r="I7556" s="56">
        <f>Bühler!I7582</f>
        <v>0.28200849361014352</v>
      </c>
      <c r="J7556" s="59">
        <f>Bühler!J7582</f>
        <v>0.94002831203381187</v>
      </c>
      <c r="K7556" s="59">
        <f>Bühler!K7582</f>
        <v>1.4100424680507178</v>
      </c>
      <c r="L7556" s="59">
        <f>Bühler!L7582</f>
        <v>14.705083568707376</v>
      </c>
      <c r="M7556" s="58">
        <f>Bühler!M7582</f>
        <v>0</v>
      </c>
      <c r="N7556" s="56">
        <f>IF(Input!$D$19=1,J7556*Input!$C$19,0)+IF(Input!$D$20=1,K7556*Input!$C$20,0)+IF(Input!$D$21=1,L7556*Input!$C$21,0)+IF(Input!$D$22=1,M7556*Input!$C$22,0)</f>
        <v>0.28200849361014357</v>
      </c>
      <c r="O7556" s="59">
        <f>IF(Input!$D$19=2,J7556*Input!$C$19,0)+IF(Input!$D$20=2,K7556*Input!$C$20,0)+IF(Input!$D$21=2,L7556*Input!$C$21,0)+IF(Input!$D$22=2,M7556*Input!$C$22,0)</f>
        <v>0.70502123402535888</v>
      </c>
      <c r="P7556" s="59">
        <f>IF(Input!$D$19=3,J7556*Input!$C$19,0)+IF(Input!$D$20=3,K7556*Input!$C$20,0)+IF(Input!$D$21=3,L7556*Input!$C$21,0)+IF(Input!$D$22=3,M7556*Input!$C$22,0)</f>
        <v>0</v>
      </c>
      <c r="Q7556" s="75">
        <f>IF(Input!$D$19=4,J7556*Input!$C$19,0)+IF(Input!$D$20=4,K7556*Input!$C$20,0)+IF(Input!$D$21=4,L7556*Input!$C$21,0)+IF(Input!$D$22=4,M7556*Input!$C$22,0)</f>
        <v>0</v>
      </c>
      <c r="R7556" s="58">
        <v>43.031606523432991</v>
      </c>
      <c r="S7556" s="124">
        <f t="shared" si="117"/>
        <v>1.2220368056439554</v>
      </c>
    </row>
    <row r="7557" spans="8:19" x14ac:dyDescent="0.3">
      <c r="H7557" s="44">
        <v>7550</v>
      </c>
      <c r="I7557" s="56">
        <f>Bühler!I7583</f>
        <v>0.28200849361014352</v>
      </c>
      <c r="J7557" s="59">
        <f>Bühler!J7583</f>
        <v>0.94002831203381187</v>
      </c>
      <c r="K7557" s="59">
        <f>Bühler!K7583</f>
        <v>1.4100424680507178</v>
      </c>
      <c r="L7557" s="59">
        <f>Bühler!L7583</f>
        <v>14.705083568707376</v>
      </c>
      <c r="M7557" s="58">
        <f>Bühler!M7583</f>
        <v>0</v>
      </c>
      <c r="N7557" s="56">
        <f>IF(Input!$D$19=1,J7557*Input!$C$19,0)+IF(Input!$D$20=1,K7557*Input!$C$20,0)+IF(Input!$D$21=1,L7557*Input!$C$21,0)+IF(Input!$D$22=1,M7557*Input!$C$22,0)</f>
        <v>0.28200849361014357</v>
      </c>
      <c r="O7557" s="59">
        <f>IF(Input!$D$19=2,J7557*Input!$C$19,0)+IF(Input!$D$20=2,K7557*Input!$C$20,0)+IF(Input!$D$21=2,L7557*Input!$C$21,0)+IF(Input!$D$22=2,M7557*Input!$C$22,0)</f>
        <v>0.70502123402535888</v>
      </c>
      <c r="P7557" s="59">
        <f>IF(Input!$D$19=3,J7557*Input!$C$19,0)+IF(Input!$D$20=3,K7557*Input!$C$20,0)+IF(Input!$D$21=3,L7557*Input!$C$21,0)+IF(Input!$D$22=3,M7557*Input!$C$22,0)</f>
        <v>0</v>
      </c>
      <c r="Q7557" s="75">
        <f>IF(Input!$D$19=4,J7557*Input!$C$19,0)+IF(Input!$D$20=4,K7557*Input!$C$20,0)+IF(Input!$D$21=4,L7557*Input!$C$21,0)+IF(Input!$D$22=4,M7557*Input!$C$22,0)</f>
        <v>0</v>
      </c>
      <c r="R7557" s="58">
        <v>43.115363789120103</v>
      </c>
      <c r="S7557" s="124">
        <f t="shared" si="117"/>
        <v>1.2220368056439554</v>
      </c>
    </row>
    <row r="7558" spans="8:19" x14ac:dyDescent="0.3">
      <c r="H7558" s="44">
        <v>7551</v>
      </c>
      <c r="I7558" s="56">
        <f>Bühler!I7584</f>
        <v>0.28200849361014352</v>
      </c>
      <c r="J7558" s="59">
        <f>Bühler!J7584</f>
        <v>0.94002831203381187</v>
      </c>
      <c r="K7558" s="59">
        <f>Bühler!K7584</f>
        <v>1.4100424680507178</v>
      </c>
      <c r="L7558" s="59">
        <f>Bühler!L7584</f>
        <v>14.705083568707376</v>
      </c>
      <c r="M7558" s="58">
        <f>Bühler!M7584</f>
        <v>0</v>
      </c>
      <c r="N7558" s="56">
        <f>IF(Input!$D$19=1,J7558*Input!$C$19,0)+IF(Input!$D$20=1,K7558*Input!$C$20,0)+IF(Input!$D$21=1,L7558*Input!$C$21,0)+IF(Input!$D$22=1,M7558*Input!$C$22,0)</f>
        <v>0.28200849361014357</v>
      </c>
      <c r="O7558" s="59">
        <f>IF(Input!$D$19=2,J7558*Input!$C$19,0)+IF(Input!$D$20=2,K7558*Input!$C$20,0)+IF(Input!$D$21=2,L7558*Input!$C$21,0)+IF(Input!$D$22=2,M7558*Input!$C$22,0)</f>
        <v>0.70502123402535888</v>
      </c>
      <c r="P7558" s="59">
        <f>IF(Input!$D$19=3,J7558*Input!$C$19,0)+IF(Input!$D$20=3,K7558*Input!$C$20,0)+IF(Input!$D$21=3,L7558*Input!$C$21,0)+IF(Input!$D$22=3,M7558*Input!$C$22,0)</f>
        <v>0</v>
      </c>
      <c r="Q7558" s="75">
        <f>IF(Input!$D$19=4,J7558*Input!$C$19,0)+IF(Input!$D$20=4,K7558*Input!$C$20,0)+IF(Input!$D$21=4,L7558*Input!$C$21,0)+IF(Input!$D$22=4,M7558*Input!$C$22,0)</f>
        <v>0</v>
      </c>
      <c r="R7558" s="58">
        <v>43.356733922305686</v>
      </c>
      <c r="S7558" s="124">
        <f t="shared" si="117"/>
        <v>1.2220368056439554</v>
      </c>
    </row>
    <row r="7559" spans="8:19" x14ac:dyDescent="0.3">
      <c r="H7559" s="44">
        <v>7552</v>
      </c>
      <c r="I7559" s="56">
        <f>Bühler!I7585</f>
        <v>0.25067421654234978</v>
      </c>
      <c r="J7559" s="59">
        <f>Bühler!J7585</f>
        <v>0.83558072180783283</v>
      </c>
      <c r="K7559" s="59">
        <f>Bühler!K7585</f>
        <v>1.2533710827117492</v>
      </c>
      <c r="L7559" s="59">
        <f>Bühler!L7585</f>
        <v>13.071185394406557</v>
      </c>
      <c r="M7559" s="58">
        <f>Bühler!M7585</f>
        <v>0</v>
      </c>
      <c r="N7559" s="56">
        <f>IF(Input!$D$19=1,J7559*Input!$C$19,0)+IF(Input!$D$20=1,K7559*Input!$C$20,0)+IF(Input!$D$21=1,L7559*Input!$C$21,0)+IF(Input!$D$22=1,M7559*Input!$C$22,0)</f>
        <v>0.25067421654234984</v>
      </c>
      <c r="O7559" s="59">
        <f>IF(Input!$D$19=2,J7559*Input!$C$19,0)+IF(Input!$D$20=2,K7559*Input!$C$20,0)+IF(Input!$D$21=2,L7559*Input!$C$21,0)+IF(Input!$D$22=2,M7559*Input!$C$22,0)</f>
        <v>0.62668554135587462</v>
      </c>
      <c r="P7559" s="59">
        <f>IF(Input!$D$19=3,J7559*Input!$C$19,0)+IF(Input!$D$20=3,K7559*Input!$C$20,0)+IF(Input!$D$21=3,L7559*Input!$C$21,0)+IF(Input!$D$22=3,M7559*Input!$C$22,0)</f>
        <v>0</v>
      </c>
      <c r="Q7559" s="75">
        <f>IF(Input!$D$19=4,J7559*Input!$C$19,0)+IF(Input!$D$20=4,K7559*Input!$C$20,0)+IF(Input!$D$21=4,L7559*Input!$C$21,0)+IF(Input!$D$22=4,M7559*Input!$C$22,0)</f>
        <v>0</v>
      </c>
      <c r="R7559" s="58">
        <v>42.969085624280062</v>
      </c>
      <c r="S7559" s="124">
        <f t="shared" si="117"/>
        <v>1.0862549383501827</v>
      </c>
    </row>
    <row r="7560" spans="8:19" x14ac:dyDescent="0.3">
      <c r="H7560" s="44">
        <v>7553</v>
      </c>
      <c r="I7560" s="56">
        <f>Bühler!I7586</f>
        <v>0.24619789124695071</v>
      </c>
      <c r="J7560" s="59">
        <f>Bühler!J7586</f>
        <v>0.82065963748983584</v>
      </c>
      <c r="K7560" s="59">
        <f>Bühler!K7586</f>
        <v>1.2309894562347536</v>
      </c>
      <c r="L7560" s="59">
        <f>Bühler!L7586</f>
        <v>12.83777136950644</v>
      </c>
      <c r="M7560" s="58">
        <f>Bühler!M7586</f>
        <v>0</v>
      </c>
      <c r="N7560" s="56">
        <f>IF(Input!$D$19=1,J7560*Input!$C$19,0)+IF(Input!$D$20=1,K7560*Input!$C$20,0)+IF(Input!$D$21=1,L7560*Input!$C$21,0)+IF(Input!$D$22=1,M7560*Input!$C$22,0)</f>
        <v>0.24619789124695074</v>
      </c>
      <c r="O7560" s="59">
        <f>IF(Input!$D$19=2,J7560*Input!$C$19,0)+IF(Input!$D$20=2,K7560*Input!$C$20,0)+IF(Input!$D$21=2,L7560*Input!$C$21,0)+IF(Input!$D$22=2,M7560*Input!$C$22,0)</f>
        <v>0.61549472811737682</v>
      </c>
      <c r="P7560" s="59">
        <f>IF(Input!$D$19=3,J7560*Input!$C$19,0)+IF(Input!$D$20=3,K7560*Input!$C$20,0)+IF(Input!$D$21=3,L7560*Input!$C$21,0)+IF(Input!$D$22=3,M7560*Input!$C$22,0)</f>
        <v>0</v>
      </c>
      <c r="Q7560" s="75">
        <f>IF(Input!$D$19=4,J7560*Input!$C$19,0)+IF(Input!$D$20=4,K7560*Input!$C$20,0)+IF(Input!$D$21=4,L7560*Input!$C$21,0)+IF(Input!$D$22=4,M7560*Input!$C$22,0)</f>
        <v>0</v>
      </c>
      <c r="R7560" s="58">
        <v>42.464054321276038</v>
      </c>
      <c r="S7560" s="124">
        <f t="shared" si="117"/>
        <v>1.0668575287367865</v>
      </c>
    </row>
    <row r="7561" spans="8:19" x14ac:dyDescent="0.3">
      <c r="H7561" s="44">
        <v>7554</v>
      </c>
      <c r="I7561" s="56">
        <f>Bühler!I7587</f>
        <v>0.21038728888375785</v>
      </c>
      <c r="J7561" s="59">
        <f>Bühler!J7587</f>
        <v>0.70129096294585958</v>
      </c>
      <c r="K7561" s="59">
        <f>Bühler!K7587</f>
        <v>1.0519364444187895</v>
      </c>
      <c r="L7561" s="59">
        <f>Bühler!L7587</f>
        <v>10.970459170305505</v>
      </c>
      <c r="M7561" s="58">
        <f>Bühler!M7587</f>
        <v>0</v>
      </c>
      <c r="N7561" s="56">
        <f>IF(Input!$D$19=1,J7561*Input!$C$19,0)+IF(Input!$D$20=1,K7561*Input!$C$20,0)+IF(Input!$D$21=1,L7561*Input!$C$21,0)+IF(Input!$D$22=1,M7561*Input!$C$22,0)</f>
        <v>0.21038728888375788</v>
      </c>
      <c r="O7561" s="59">
        <f>IF(Input!$D$19=2,J7561*Input!$C$19,0)+IF(Input!$D$20=2,K7561*Input!$C$20,0)+IF(Input!$D$21=2,L7561*Input!$C$21,0)+IF(Input!$D$22=2,M7561*Input!$C$22,0)</f>
        <v>0.52596822220939476</v>
      </c>
      <c r="P7561" s="59">
        <f>IF(Input!$D$19=3,J7561*Input!$C$19,0)+IF(Input!$D$20=3,K7561*Input!$C$20,0)+IF(Input!$D$21=3,L7561*Input!$C$21,0)+IF(Input!$D$22=3,M7561*Input!$C$22,0)</f>
        <v>0</v>
      </c>
      <c r="Q7561" s="75">
        <f>IF(Input!$D$19=4,J7561*Input!$C$19,0)+IF(Input!$D$20=4,K7561*Input!$C$20,0)+IF(Input!$D$21=4,L7561*Input!$C$21,0)+IF(Input!$D$22=4,M7561*Input!$C$22,0)</f>
        <v>0</v>
      </c>
      <c r="R7561" s="58">
        <v>42.477482045499031</v>
      </c>
      <c r="S7561" s="124">
        <f t="shared" ref="S7561:S7624" si="118">I7561+J7561</f>
        <v>0.91167825182961737</v>
      </c>
    </row>
    <row r="7562" spans="8:19" x14ac:dyDescent="0.3">
      <c r="H7562" s="44">
        <v>7555</v>
      </c>
      <c r="I7562" s="56">
        <f>Bühler!I7588</f>
        <v>0.19695831299756053</v>
      </c>
      <c r="J7562" s="59">
        <f>Bühler!J7588</f>
        <v>0.6565277099918686</v>
      </c>
      <c r="K7562" s="59">
        <f>Bühler!K7588</f>
        <v>0.98479156498780285</v>
      </c>
      <c r="L7562" s="59">
        <f>Bühler!L7588</f>
        <v>10.270217095605153</v>
      </c>
      <c r="M7562" s="58">
        <f>Bühler!M7588</f>
        <v>0</v>
      </c>
      <c r="N7562" s="56">
        <f>IF(Input!$D$19=1,J7562*Input!$C$19,0)+IF(Input!$D$20=1,K7562*Input!$C$20,0)+IF(Input!$D$21=1,L7562*Input!$C$21,0)+IF(Input!$D$22=1,M7562*Input!$C$22,0)</f>
        <v>0.19695831299756059</v>
      </c>
      <c r="O7562" s="59">
        <f>IF(Input!$D$19=2,J7562*Input!$C$19,0)+IF(Input!$D$20=2,K7562*Input!$C$20,0)+IF(Input!$D$21=2,L7562*Input!$C$21,0)+IF(Input!$D$22=2,M7562*Input!$C$22,0)</f>
        <v>0.49239578249390142</v>
      </c>
      <c r="P7562" s="59">
        <f>IF(Input!$D$19=3,J7562*Input!$C$19,0)+IF(Input!$D$20=3,K7562*Input!$C$20,0)+IF(Input!$D$21=3,L7562*Input!$C$21,0)+IF(Input!$D$22=3,M7562*Input!$C$22,0)</f>
        <v>0</v>
      </c>
      <c r="Q7562" s="75">
        <f>IF(Input!$D$19=4,J7562*Input!$C$19,0)+IF(Input!$D$20=4,K7562*Input!$C$20,0)+IF(Input!$D$21=4,L7562*Input!$C$21,0)+IF(Input!$D$22=4,M7562*Input!$C$22,0)</f>
        <v>0</v>
      </c>
      <c r="R7562" s="58">
        <v>43.186377379426773</v>
      </c>
      <c r="S7562" s="124">
        <f t="shared" si="118"/>
        <v>0.85348602298942911</v>
      </c>
    </row>
    <row r="7563" spans="8:19" x14ac:dyDescent="0.3">
      <c r="H7563" s="44">
        <v>7556</v>
      </c>
      <c r="I7563" s="56">
        <f>Bühler!I7589</f>
        <v>0.16562403592976685</v>
      </c>
      <c r="J7563" s="59">
        <f>Bühler!J7589</f>
        <v>0.55208011976588955</v>
      </c>
      <c r="K7563" s="59">
        <f>Bühler!K7589</f>
        <v>0.82812017964883433</v>
      </c>
      <c r="L7563" s="59">
        <f>Bühler!L7589</f>
        <v>8.6363189213043334</v>
      </c>
      <c r="M7563" s="58">
        <f>Bühler!M7589</f>
        <v>0</v>
      </c>
      <c r="N7563" s="56">
        <f>IF(Input!$D$19=1,J7563*Input!$C$19,0)+IF(Input!$D$20=1,K7563*Input!$C$20,0)+IF(Input!$D$21=1,L7563*Input!$C$21,0)+IF(Input!$D$22=1,M7563*Input!$C$22,0)</f>
        <v>0.16562403592976685</v>
      </c>
      <c r="O7563" s="59">
        <f>IF(Input!$D$19=2,J7563*Input!$C$19,0)+IF(Input!$D$20=2,K7563*Input!$C$20,0)+IF(Input!$D$21=2,L7563*Input!$C$21,0)+IF(Input!$D$22=2,M7563*Input!$C$22,0)</f>
        <v>0.41406008982441717</v>
      </c>
      <c r="P7563" s="59">
        <f>IF(Input!$D$19=3,J7563*Input!$C$19,0)+IF(Input!$D$20=3,K7563*Input!$C$20,0)+IF(Input!$D$21=3,L7563*Input!$C$21,0)+IF(Input!$D$22=3,M7563*Input!$C$22,0)</f>
        <v>0</v>
      </c>
      <c r="Q7563" s="75">
        <f>IF(Input!$D$19=4,J7563*Input!$C$19,0)+IF(Input!$D$20=4,K7563*Input!$C$20,0)+IF(Input!$D$21=4,L7563*Input!$C$21,0)+IF(Input!$D$22=4,M7563*Input!$C$22,0)</f>
        <v>0</v>
      </c>
      <c r="R7563" s="58">
        <v>43.198509576807588</v>
      </c>
      <c r="S7563" s="124">
        <f t="shared" si="118"/>
        <v>0.71770415569565638</v>
      </c>
    </row>
    <row r="7564" spans="8:19" x14ac:dyDescent="0.3">
      <c r="H7564" s="44">
        <v>7557</v>
      </c>
      <c r="I7564" s="56">
        <f>Bühler!I7590</f>
        <v>0.13876608415737221</v>
      </c>
      <c r="J7564" s="59">
        <f>Bühler!J7590</f>
        <v>0.46255361385790744</v>
      </c>
      <c r="K7564" s="59">
        <f>Bühler!K7590</f>
        <v>0.69383042078686119</v>
      </c>
      <c r="L7564" s="59">
        <f>Bühler!L7590</f>
        <v>7.2358347719036304</v>
      </c>
      <c r="M7564" s="58">
        <f>Bühler!M7590</f>
        <v>0</v>
      </c>
      <c r="N7564" s="56">
        <f>IF(Input!$D$19=1,J7564*Input!$C$19,0)+IF(Input!$D$20=1,K7564*Input!$C$20,0)+IF(Input!$D$21=1,L7564*Input!$C$21,0)+IF(Input!$D$22=1,M7564*Input!$C$22,0)</f>
        <v>0.13876608415737224</v>
      </c>
      <c r="O7564" s="59">
        <f>IF(Input!$D$19=2,J7564*Input!$C$19,0)+IF(Input!$D$20=2,K7564*Input!$C$20,0)+IF(Input!$D$21=2,L7564*Input!$C$21,0)+IF(Input!$D$22=2,M7564*Input!$C$22,0)</f>
        <v>0.3469152103934306</v>
      </c>
      <c r="P7564" s="59">
        <f>IF(Input!$D$19=3,J7564*Input!$C$19,0)+IF(Input!$D$20=3,K7564*Input!$C$20,0)+IF(Input!$D$21=3,L7564*Input!$C$21,0)+IF(Input!$D$22=3,M7564*Input!$C$22,0)</f>
        <v>0</v>
      </c>
      <c r="Q7564" s="75">
        <f>IF(Input!$D$19=4,J7564*Input!$C$19,0)+IF(Input!$D$20=4,K7564*Input!$C$20,0)+IF(Input!$D$21=4,L7564*Input!$C$21,0)+IF(Input!$D$22=4,M7564*Input!$C$22,0)</f>
        <v>0</v>
      </c>
      <c r="R7564" s="58">
        <v>43.703396758040327</v>
      </c>
      <c r="S7564" s="124">
        <f t="shared" si="118"/>
        <v>0.60131969801527962</v>
      </c>
    </row>
    <row r="7565" spans="8:19" x14ac:dyDescent="0.3">
      <c r="H7565" s="44">
        <v>7558</v>
      </c>
      <c r="I7565" s="56">
        <f>Bühler!I7591</f>
        <v>0.12086078297577579</v>
      </c>
      <c r="J7565" s="59">
        <f>Bühler!J7591</f>
        <v>0.40286927658591937</v>
      </c>
      <c r="K7565" s="59">
        <f>Bühler!K7591</f>
        <v>0.60430391487887902</v>
      </c>
      <c r="L7565" s="59">
        <f>Bühler!L7591</f>
        <v>6.3021786723031621</v>
      </c>
      <c r="M7565" s="58">
        <f>Bühler!M7591</f>
        <v>0</v>
      </c>
      <c r="N7565" s="56">
        <f>IF(Input!$D$19=1,J7565*Input!$C$19,0)+IF(Input!$D$20=1,K7565*Input!$C$20,0)+IF(Input!$D$21=1,L7565*Input!$C$21,0)+IF(Input!$D$22=1,M7565*Input!$C$22,0)</f>
        <v>0.12086078297577581</v>
      </c>
      <c r="O7565" s="59">
        <f>IF(Input!$D$19=2,J7565*Input!$C$19,0)+IF(Input!$D$20=2,K7565*Input!$C$20,0)+IF(Input!$D$21=2,L7565*Input!$C$21,0)+IF(Input!$D$22=2,M7565*Input!$C$22,0)</f>
        <v>0.30215195743943951</v>
      </c>
      <c r="P7565" s="59">
        <f>IF(Input!$D$19=3,J7565*Input!$C$19,0)+IF(Input!$D$20=3,K7565*Input!$C$20,0)+IF(Input!$D$21=3,L7565*Input!$C$21,0)+IF(Input!$D$22=3,M7565*Input!$C$22,0)</f>
        <v>0</v>
      </c>
      <c r="Q7565" s="75">
        <f>IF(Input!$D$19=4,J7565*Input!$C$19,0)+IF(Input!$D$20=4,K7565*Input!$C$20,0)+IF(Input!$D$21=4,L7565*Input!$C$21,0)+IF(Input!$D$22=4,M7565*Input!$C$22,0)</f>
        <v>0</v>
      </c>
      <c r="R7565" s="58">
        <v>44.288506985296593</v>
      </c>
      <c r="S7565" s="124">
        <f t="shared" si="118"/>
        <v>0.52373005956169516</v>
      </c>
    </row>
    <row r="7566" spans="8:19" x14ac:dyDescent="0.3">
      <c r="H7566" s="44">
        <v>7559</v>
      </c>
      <c r="I7566" s="56">
        <f>Bühler!I7592</f>
        <v>0.12086078297577579</v>
      </c>
      <c r="J7566" s="59">
        <f>Bühler!J7592</f>
        <v>0.40286927658591937</v>
      </c>
      <c r="K7566" s="59">
        <f>Bühler!K7592</f>
        <v>0.60430391487887902</v>
      </c>
      <c r="L7566" s="59">
        <f>Bühler!L7592</f>
        <v>6.3021786723031621</v>
      </c>
      <c r="M7566" s="58">
        <f>Bühler!M7592</f>
        <v>0</v>
      </c>
      <c r="N7566" s="56">
        <f>IF(Input!$D$19=1,J7566*Input!$C$19,0)+IF(Input!$D$20=1,K7566*Input!$C$20,0)+IF(Input!$D$21=1,L7566*Input!$C$21,0)+IF(Input!$D$22=1,M7566*Input!$C$22,0)</f>
        <v>0.12086078297577581</v>
      </c>
      <c r="O7566" s="59">
        <f>IF(Input!$D$19=2,J7566*Input!$C$19,0)+IF(Input!$D$20=2,K7566*Input!$C$20,0)+IF(Input!$D$21=2,L7566*Input!$C$21,0)+IF(Input!$D$22=2,M7566*Input!$C$22,0)</f>
        <v>0.30215195743943951</v>
      </c>
      <c r="P7566" s="59">
        <f>IF(Input!$D$19=3,J7566*Input!$C$19,0)+IF(Input!$D$20=3,K7566*Input!$C$20,0)+IF(Input!$D$21=3,L7566*Input!$C$21,0)+IF(Input!$D$22=3,M7566*Input!$C$22,0)</f>
        <v>0</v>
      </c>
      <c r="Q7566" s="75">
        <f>IF(Input!$D$19=4,J7566*Input!$C$19,0)+IF(Input!$D$20=4,K7566*Input!$C$20,0)+IF(Input!$D$21=4,L7566*Input!$C$21,0)+IF(Input!$D$22=4,M7566*Input!$C$22,0)</f>
        <v>0</v>
      </c>
      <c r="R7566" s="58">
        <v>44.797532391357137</v>
      </c>
      <c r="S7566" s="124">
        <f t="shared" si="118"/>
        <v>0.52373005956169516</v>
      </c>
    </row>
    <row r="7567" spans="8:19" x14ac:dyDescent="0.3">
      <c r="H7567" s="44">
        <v>7560</v>
      </c>
      <c r="I7567" s="56">
        <f>Bühler!I7593</f>
        <v>0.12086078297577579</v>
      </c>
      <c r="J7567" s="59">
        <f>Bühler!J7593</f>
        <v>0.40286927658591937</v>
      </c>
      <c r="K7567" s="59">
        <f>Bühler!K7593</f>
        <v>0.60430391487887902</v>
      </c>
      <c r="L7567" s="59">
        <f>Bühler!L7593</f>
        <v>6.3021786723031621</v>
      </c>
      <c r="M7567" s="58">
        <f>Bühler!M7593</f>
        <v>0</v>
      </c>
      <c r="N7567" s="56">
        <f>IF(Input!$D$19=1,J7567*Input!$C$19,0)+IF(Input!$D$20=1,K7567*Input!$C$20,0)+IF(Input!$D$21=1,L7567*Input!$C$21,0)+IF(Input!$D$22=1,M7567*Input!$C$22,0)</f>
        <v>0.12086078297577581</v>
      </c>
      <c r="O7567" s="59">
        <f>IF(Input!$D$19=2,J7567*Input!$C$19,0)+IF(Input!$D$20=2,K7567*Input!$C$20,0)+IF(Input!$D$21=2,L7567*Input!$C$21,0)+IF(Input!$D$22=2,M7567*Input!$C$22,0)</f>
        <v>0.30215195743943951</v>
      </c>
      <c r="P7567" s="59">
        <f>IF(Input!$D$19=3,J7567*Input!$C$19,0)+IF(Input!$D$20=3,K7567*Input!$C$20,0)+IF(Input!$D$21=3,L7567*Input!$C$21,0)+IF(Input!$D$22=3,M7567*Input!$C$22,0)</f>
        <v>0</v>
      </c>
      <c r="Q7567" s="75">
        <f>IF(Input!$D$19=4,J7567*Input!$C$19,0)+IF(Input!$D$20=4,K7567*Input!$C$20,0)+IF(Input!$D$21=4,L7567*Input!$C$21,0)+IF(Input!$D$22=4,M7567*Input!$C$22,0)</f>
        <v>0</v>
      </c>
      <c r="R7567" s="58">
        <v>44.022432638813868</v>
      </c>
      <c r="S7567" s="124">
        <f t="shared" si="118"/>
        <v>0.52373005956169516</v>
      </c>
    </row>
    <row r="7568" spans="8:19" x14ac:dyDescent="0.3">
      <c r="H7568" s="44">
        <v>7561</v>
      </c>
      <c r="I7568" s="56">
        <f>Bühler!I7594</f>
        <v>8.0698048679282555E-2</v>
      </c>
      <c r="J7568" s="59">
        <f>Bühler!J7594</f>
        <v>0.26899349559760855</v>
      </c>
      <c r="K7568" s="59">
        <f>Bühler!K7594</f>
        <v>0.40349024339641282</v>
      </c>
      <c r="L7568" s="59">
        <f>Bühler!L7594</f>
        <v>1.9367531683027814</v>
      </c>
      <c r="M7568" s="58">
        <f>Bühler!M7594</f>
        <v>0</v>
      </c>
      <c r="N7568" s="56">
        <f>IF(Input!$D$19=1,J7568*Input!$C$19,0)+IF(Input!$D$20=1,K7568*Input!$C$20,0)+IF(Input!$D$21=1,L7568*Input!$C$21,0)+IF(Input!$D$22=1,M7568*Input!$C$22,0)</f>
        <v>8.0698048679282555E-2</v>
      </c>
      <c r="O7568" s="59">
        <f>IF(Input!$D$19=2,J7568*Input!$C$19,0)+IF(Input!$D$20=2,K7568*Input!$C$20,0)+IF(Input!$D$21=2,L7568*Input!$C$21,0)+IF(Input!$D$22=2,M7568*Input!$C$22,0)</f>
        <v>0.20174512169820641</v>
      </c>
      <c r="P7568" s="59">
        <f>IF(Input!$D$19=3,J7568*Input!$C$19,0)+IF(Input!$D$20=3,K7568*Input!$C$20,0)+IF(Input!$D$21=3,L7568*Input!$C$21,0)+IF(Input!$D$22=3,M7568*Input!$C$22,0)</f>
        <v>0</v>
      </c>
      <c r="Q7568" s="75">
        <f>IF(Input!$D$19=4,J7568*Input!$C$19,0)+IF(Input!$D$20=4,K7568*Input!$C$20,0)+IF(Input!$D$21=4,L7568*Input!$C$21,0)+IF(Input!$D$22=4,M7568*Input!$C$22,0)</f>
        <v>0</v>
      </c>
      <c r="R7568" s="58">
        <v>43.805798042070343</v>
      </c>
      <c r="S7568" s="124">
        <f t="shared" si="118"/>
        <v>0.34969154427689109</v>
      </c>
    </row>
    <row r="7569" spans="8:19" x14ac:dyDescent="0.3">
      <c r="H7569" s="44">
        <v>7562</v>
      </c>
      <c r="I7569" s="56">
        <f>Bühler!I7595</f>
        <v>8.0698048679282555E-2</v>
      </c>
      <c r="J7569" s="59">
        <f>Bühler!J7595</f>
        <v>0.26899349559760855</v>
      </c>
      <c r="K7569" s="59">
        <f>Bühler!K7595</f>
        <v>0.40349024339641282</v>
      </c>
      <c r="L7569" s="59">
        <f>Bühler!L7595</f>
        <v>1.9367531683027814</v>
      </c>
      <c r="M7569" s="58">
        <f>Bühler!M7595</f>
        <v>0</v>
      </c>
      <c r="N7569" s="56">
        <f>IF(Input!$D$19=1,J7569*Input!$C$19,0)+IF(Input!$D$20=1,K7569*Input!$C$20,0)+IF(Input!$D$21=1,L7569*Input!$C$21,0)+IF(Input!$D$22=1,M7569*Input!$C$22,0)</f>
        <v>8.0698048679282555E-2</v>
      </c>
      <c r="O7569" s="59">
        <f>IF(Input!$D$19=2,J7569*Input!$C$19,0)+IF(Input!$D$20=2,K7569*Input!$C$20,0)+IF(Input!$D$21=2,L7569*Input!$C$21,0)+IF(Input!$D$22=2,M7569*Input!$C$22,0)</f>
        <v>0.20174512169820641</v>
      </c>
      <c r="P7569" s="59">
        <f>IF(Input!$D$19=3,J7569*Input!$C$19,0)+IF(Input!$D$20=3,K7569*Input!$C$20,0)+IF(Input!$D$21=3,L7569*Input!$C$21,0)+IF(Input!$D$22=3,M7569*Input!$C$22,0)</f>
        <v>0</v>
      </c>
      <c r="Q7569" s="75">
        <f>IF(Input!$D$19=4,J7569*Input!$C$19,0)+IF(Input!$D$20=4,K7569*Input!$C$20,0)+IF(Input!$D$21=4,L7569*Input!$C$21,0)+IF(Input!$D$22=4,M7569*Input!$C$22,0)</f>
        <v>0</v>
      </c>
      <c r="R7569" s="58">
        <v>43.9571922355846</v>
      </c>
      <c r="S7569" s="124">
        <f t="shared" si="118"/>
        <v>0.34969154427689109</v>
      </c>
    </row>
    <row r="7570" spans="8:19" x14ac:dyDescent="0.3">
      <c r="H7570" s="44">
        <v>7563</v>
      </c>
      <c r="I7570" s="56">
        <f>Bühler!I7596</f>
        <v>8.0698048679282555E-2</v>
      </c>
      <c r="J7570" s="59">
        <f>Bühler!J7596</f>
        <v>0.26899349559760855</v>
      </c>
      <c r="K7570" s="59">
        <f>Bühler!K7596</f>
        <v>0.40349024339641282</v>
      </c>
      <c r="L7570" s="59">
        <f>Bühler!L7596</f>
        <v>1.9367531683027814</v>
      </c>
      <c r="M7570" s="58">
        <f>Bühler!M7596</f>
        <v>0</v>
      </c>
      <c r="N7570" s="56">
        <f>IF(Input!$D$19=1,J7570*Input!$C$19,0)+IF(Input!$D$20=1,K7570*Input!$C$20,0)+IF(Input!$D$21=1,L7570*Input!$C$21,0)+IF(Input!$D$22=1,M7570*Input!$C$22,0)</f>
        <v>8.0698048679282555E-2</v>
      </c>
      <c r="O7570" s="59">
        <f>IF(Input!$D$19=2,J7570*Input!$C$19,0)+IF(Input!$D$20=2,K7570*Input!$C$20,0)+IF(Input!$D$21=2,L7570*Input!$C$21,0)+IF(Input!$D$22=2,M7570*Input!$C$22,0)</f>
        <v>0.20174512169820641</v>
      </c>
      <c r="P7570" s="59">
        <f>IF(Input!$D$19=3,J7570*Input!$C$19,0)+IF(Input!$D$20=3,K7570*Input!$C$20,0)+IF(Input!$D$21=3,L7570*Input!$C$21,0)+IF(Input!$D$22=3,M7570*Input!$C$22,0)</f>
        <v>0</v>
      </c>
      <c r="Q7570" s="75">
        <f>IF(Input!$D$19=4,J7570*Input!$C$19,0)+IF(Input!$D$20=4,K7570*Input!$C$20,0)+IF(Input!$D$21=4,L7570*Input!$C$21,0)+IF(Input!$D$22=4,M7570*Input!$C$22,0)</f>
        <v>0</v>
      </c>
      <c r="R7570" s="58">
        <v>44.601750555594911</v>
      </c>
      <c r="S7570" s="124">
        <f t="shared" si="118"/>
        <v>0.34969154427689109</v>
      </c>
    </row>
    <row r="7571" spans="8:19" x14ac:dyDescent="0.3">
      <c r="H7571" s="44">
        <v>7564</v>
      </c>
      <c r="I7571" s="56">
        <f>Bühler!I7597</f>
        <v>8.0698048679282555E-2</v>
      </c>
      <c r="J7571" s="59">
        <f>Bühler!J7597</f>
        <v>0.26899349559760855</v>
      </c>
      <c r="K7571" s="59">
        <f>Bühler!K7597</f>
        <v>0.40349024339641282</v>
      </c>
      <c r="L7571" s="59">
        <f>Bühler!L7597</f>
        <v>1.9367531683027814</v>
      </c>
      <c r="M7571" s="58">
        <f>Bühler!M7597</f>
        <v>0</v>
      </c>
      <c r="N7571" s="56">
        <f>IF(Input!$D$19=1,J7571*Input!$C$19,0)+IF(Input!$D$20=1,K7571*Input!$C$20,0)+IF(Input!$D$21=1,L7571*Input!$C$21,0)+IF(Input!$D$22=1,M7571*Input!$C$22,0)</f>
        <v>8.0698048679282555E-2</v>
      </c>
      <c r="O7571" s="59">
        <f>IF(Input!$D$19=2,J7571*Input!$C$19,0)+IF(Input!$D$20=2,K7571*Input!$C$20,0)+IF(Input!$D$21=2,L7571*Input!$C$21,0)+IF(Input!$D$22=2,M7571*Input!$C$22,0)</f>
        <v>0.20174512169820641</v>
      </c>
      <c r="P7571" s="59">
        <f>IF(Input!$D$19=3,J7571*Input!$C$19,0)+IF(Input!$D$20=3,K7571*Input!$C$20,0)+IF(Input!$D$21=3,L7571*Input!$C$21,0)+IF(Input!$D$22=3,M7571*Input!$C$22,0)</f>
        <v>0</v>
      </c>
      <c r="Q7571" s="75">
        <f>IF(Input!$D$19=4,J7571*Input!$C$19,0)+IF(Input!$D$20=4,K7571*Input!$C$20,0)+IF(Input!$D$21=4,L7571*Input!$C$21,0)+IF(Input!$D$22=4,M7571*Input!$C$22,0)</f>
        <v>0</v>
      </c>
      <c r="R7571" s="58">
        <v>46.053135286549448</v>
      </c>
      <c r="S7571" s="124">
        <f t="shared" si="118"/>
        <v>0.34969154427689109</v>
      </c>
    </row>
    <row r="7572" spans="8:19" x14ac:dyDescent="0.3">
      <c r="H7572" s="44">
        <v>7565</v>
      </c>
      <c r="I7572" s="56">
        <f>Bühler!I7598</f>
        <v>8.0698048679282555E-2</v>
      </c>
      <c r="J7572" s="59">
        <f>Bühler!J7598</f>
        <v>0.26899349559760855</v>
      </c>
      <c r="K7572" s="59">
        <f>Bühler!K7598</f>
        <v>0.40349024339641282</v>
      </c>
      <c r="L7572" s="59">
        <f>Bühler!L7598</f>
        <v>1.9367531683027814</v>
      </c>
      <c r="M7572" s="58">
        <f>Bühler!M7598</f>
        <v>0</v>
      </c>
      <c r="N7572" s="56">
        <f>IF(Input!$D$19=1,J7572*Input!$C$19,0)+IF(Input!$D$20=1,K7572*Input!$C$20,0)+IF(Input!$D$21=1,L7572*Input!$C$21,0)+IF(Input!$D$22=1,M7572*Input!$C$22,0)</f>
        <v>8.0698048679282555E-2</v>
      </c>
      <c r="O7572" s="59">
        <f>IF(Input!$D$19=2,J7572*Input!$C$19,0)+IF(Input!$D$20=2,K7572*Input!$C$20,0)+IF(Input!$D$21=2,L7572*Input!$C$21,0)+IF(Input!$D$22=2,M7572*Input!$C$22,0)</f>
        <v>0.20174512169820641</v>
      </c>
      <c r="P7572" s="59">
        <f>IF(Input!$D$19=3,J7572*Input!$C$19,0)+IF(Input!$D$20=3,K7572*Input!$C$20,0)+IF(Input!$D$21=3,L7572*Input!$C$21,0)+IF(Input!$D$22=3,M7572*Input!$C$22,0)</f>
        <v>0</v>
      </c>
      <c r="Q7572" s="75">
        <f>IF(Input!$D$19=4,J7572*Input!$C$19,0)+IF(Input!$D$20=4,K7572*Input!$C$20,0)+IF(Input!$D$21=4,L7572*Input!$C$21,0)+IF(Input!$D$22=4,M7572*Input!$C$22,0)</f>
        <v>0</v>
      </c>
      <c r="R7572" s="58">
        <v>49.157088463561088</v>
      </c>
      <c r="S7572" s="124">
        <f t="shared" si="118"/>
        <v>0.34969154427689109</v>
      </c>
    </row>
    <row r="7573" spans="8:19" x14ac:dyDescent="0.3">
      <c r="H7573" s="44">
        <v>7566</v>
      </c>
      <c r="I7573" s="56">
        <f>Bühler!I7599</f>
        <v>0.34969154427689114</v>
      </c>
      <c r="J7573" s="59">
        <f>Bühler!J7599</f>
        <v>1.1656384809229705</v>
      </c>
      <c r="K7573" s="59">
        <f>Bühler!K7599</f>
        <v>1.7484577213844557</v>
      </c>
      <c r="L7573" s="59">
        <f>Bühler!L7599</f>
        <v>8.3925970626453879</v>
      </c>
      <c r="M7573" s="58">
        <f>Bühler!M7599</f>
        <v>0</v>
      </c>
      <c r="N7573" s="56">
        <f>IF(Input!$D$19=1,J7573*Input!$C$19,0)+IF(Input!$D$20=1,K7573*Input!$C$20,0)+IF(Input!$D$21=1,L7573*Input!$C$21,0)+IF(Input!$D$22=1,M7573*Input!$C$22,0)</f>
        <v>0.34969154427689114</v>
      </c>
      <c r="O7573" s="59">
        <f>IF(Input!$D$19=2,J7573*Input!$C$19,0)+IF(Input!$D$20=2,K7573*Input!$C$20,0)+IF(Input!$D$21=2,L7573*Input!$C$21,0)+IF(Input!$D$22=2,M7573*Input!$C$22,0)</f>
        <v>0.87422886069222783</v>
      </c>
      <c r="P7573" s="59">
        <f>IF(Input!$D$19=3,J7573*Input!$C$19,0)+IF(Input!$D$20=3,K7573*Input!$C$20,0)+IF(Input!$D$21=3,L7573*Input!$C$21,0)+IF(Input!$D$22=3,M7573*Input!$C$22,0)</f>
        <v>0</v>
      </c>
      <c r="Q7573" s="75">
        <f>IF(Input!$D$19=4,J7573*Input!$C$19,0)+IF(Input!$D$20=4,K7573*Input!$C$20,0)+IF(Input!$D$21=4,L7573*Input!$C$21,0)+IF(Input!$D$22=4,M7573*Input!$C$22,0)</f>
        <v>0</v>
      </c>
      <c r="R7573" s="58">
        <v>54.887855549255519</v>
      </c>
      <c r="S7573" s="124">
        <f t="shared" si="118"/>
        <v>1.5153300251998616</v>
      </c>
    </row>
    <row r="7574" spans="8:19" x14ac:dyDescent="0.3">
      <c r="H7574" s="44">
        <v>7567</v>
      </c>
      <c r="I7574" s="56">
        <f>Bühler!I7600</f>
        <v>0.39676540600647259</v>
      </c>
      <c r="J7574" s="59">
        <f>Bühler!J7600</f>
        <v>1.3225513533549087</v>
      </c>
      <c r="K7574" s="59">
        <f>Bühler!K7600</f>
        <v>1.983827030032363</v>
      </c>
      <c r="L7574" s="59">
        <f>Bühler!L7600</f>
        <v>9.522369744155343</v>
      </c>
      <c r="M7574" s="58">
        <f>Bühler!M7600</f>
        <v>0</v>
      </c>
      <c r="N7574" s="56">
        <f>IF(Input!$D$19=1,J7574*Input!$C$19,0)+IF(Input!$D$20=1,K7574*Input!$C$20,0)+IF(Input!$D$21=1,L7574*Input!$C$21,0)+IF(Input!$D$22=1,M7574*Input!$C$22,0)</f>
        <v>0.39676540600647259</v>
      </c>
      <c r="O7574" s="59">
        <f>IF(Input!$D$19=2,J7574*Input!$C$19,0)+IF(Input!$D$20=2,K7574*Input!$C$20,0)+IF(Input!$D$21=2,L7574*Input!$C$21,0)+IF(Input!$D$22=2,M7574*Input!$C$22,0)</f>
        <v>0.99191351501618152</v>
      </c>
      <c r="P7574" s="59">
        <f>IF(Input!$D$19=3,J7574*Input!$C$19,0)+IF(Input!$D$20=3,K7574*Input!$C$20,0)+IF(Input!$D$21=3,L7574*Input!$C$21,0)+IF(Input!$D$22=3,M7574*Input!$C$22,0)</f>
        <v>0</v>
      </c>
      <c r="Q7574" s="75">
        <f>IF(Input!$D$19=4,J7574*Input!$C$19,0)+IF(Input!$D$20=4,K7574*Input!$C$20,0)+IF(Input!$D$21=4,L7574*Input!$C$21,0)+IF(Input!$D$22=4,M7574*Input!$C$22,0)</f>
        <v>0</v>
      </c>
      <c r="R7574" s="58">
        <v>61.057364454542302</v>
      </c>
      <c r="S7574" s="124">
        <f t="shared" si="118"/>
        <v>1.7193167593613814</v>
      </c>
    </row>
    <row r="7575" spans="8:19" x14ac:dyDescent="0.3">
      <c r="H7575" s="44">
        <v>7568</v>
      </c>
      <c r="I7575" s="56">
        <f>Bühler!I7601</f>
        <v>0.39676540600647259</v>
      </c>
      <c r="J7575" s="59">
        <f>Bühler!J7601</f>
        <v>1.3225513533549087</v>
      </c>
      <c r="K7575" s="59">
        <f>Bühler!K7601</f>
        <v>1.983827030032363</v>
      </c>
      <c r="L7575" s="59">
        <f>Bühler!L7601</f>
        <v>9.522369744155343</v>
      </c>
      <c r="M7575" s="58">
        <f>Bühler!M7601</f>
        <v>0</v>
      </c>
      <c r="N7575" s="56">
        <f>IF(Input!$D$19=1,J7575*Input!$C$19,0)+IF(Input!$D$20=1,K7575*Input!$C$20,0)+IF(Input!$D$21=1,L7575*Input!$C$21,0)+IF(Input!$D$22=1,M7575*Input!$C$22,0)</f>
        <v>0.39676540600647259</v>
      </c>
      <c r="O7575" s="59">
        <f>IF(Input!$D$19=2,J7575*Input!$C$19,0)+IF(Input!$D$20=2,K7575*Input!$C$20,0)+IF(Input!$D$21=2,L7575*Input!$C$21,0)+IF(Input!$D$22=2,M7575*Input!$C$22,0)</f>
        <v>0.99191351501618152</v>
      </c>
      <c r="P7575" s="59">
        <f>IF(Input!$D$19=3,J7575*Input!$C$19,0)+IF(Input!$D$20=3,K7575*Input!$C$20,0)+IF(Input!$D$21=3,L7575*Input!$C$21,0)+IF(Input!$D$22=3,M7575*Input!$C$22,0)</f>
        <v>0</v>
      </c>
      <c r="Q7575" s="75">
        <f>IF(Input!$D$19=4,J7575*Input!$C$19,0)+IF(Input!$D$20=4,K7575*Input!$C$20,0)+IF(Input!$D$21=4,L7575*Input!$C$21,0)+IF(Input!$D$22=4,M7575*Input!$C$22,0)</f>
        <v>0</v>
      </c>
      <c r="R7575" s="58">
        <v>64.405812194505572</v>
      </c>
      <c r="S7575" s="124">
        <f t="shared" si="118"/>
        <v>1.7193167593613814</v>
      </c>
    </row>
    <row r="7576" spans="8:19" x14ac:dyDescent="0.3">
      <c r="H7576" s="44">
        <v>7569</v>
      </c>
      <c r="I7576" s="56">
        <f>Bühler!I7602</f>
        <v>0.39676540600647259</v>
      </c>
      <c r="J7576" s="59">
        <f>Bühler!J7602</f>
        <v>1.3225513533549087</v>
      </c>
      <c r="K7576" s="59">
        <f>Bühler!K7602</f>
        <v>1.983827030032363</v>
      </c>
      <c r="L7576" s="59">
        <f>Bühler!L7602</f>
        <v>9.522369744155343</v>
      </c>
      <c r="M7576" s="58">
        <f>Bühler!M7602</f>
        <v>0</v>
      </c>
      <c r="N7576" s="56">
        <f>IF(Input!$D$19=1,J7576*Input!$C$19,0)+IF(Input!$D$20=1,K7576*Input!$C$20,0)+IF(Input!$D$21=1,L7576*Input!$C$21,0)+IF(Input!$D$22=1,M7576*Input!$C$22,0)</f>
        <v>0.39676540600647259</v>
      </c>
      <c r="O7576" s="59">
        <f>IF(Input!$D$19=2,J7576*Input!$C$19,0)+IF(Input!$D$20=2,K7576*Input!$C$20,0)+IF(Input!$D$21=2,L7576*Input!$C$21,0)+IF(Input!$D$22=2,M7576*Input!$C$22,0)</f>
        <v>0.99191351501618152</v>
      </c>
      <c r="P7576" s="59">
        <f>IF(Input!$D$19=3,J7576*Input!$C$19,0)+IF(Input!$D$20=3,K7576*Input!$C$20,0)+IF(Input!$D$21=3,L7576*Input!$C$21,0)+IF(Input!$D$22=3,M7576*Input!$C$22,0)</f>
        <v>0</v>
      </c>
      <c r="Q7576" s="75">
        <f>IF(Input!$D$19=4,J7576*Input!$C$19,0)+IF(Input!$D$20=4,K7576*Input!$C$20,0)+IF(Input!$D$21=4,L7576*Input!$C$21,0)+IF(Input!$D$22=4,M7576*Input!$C$22,0)</f>
        <v>0</v>
      </c>
      <c r="R7576" s="58">
        <v>66.07623247950707</v>
      </c>
      <c r="S7576" s="124">
        <f t="shared" si="118"/>
        <v>1.7193167593613814</v>
      </c>
    </row>
    <row r="7577" spans="8:19" x14ac:dyDescent="0.3">
      <c r="H7577" s="44">
        <v>7570</v>
      </c>
      <c r="I7577" s="56">
        <f>Bühler!I7603</f>
        <v>0.42366475556623345</v>
      </c>
      <c r="J7577" s="59">
        <f>Bühler!J7603</f>
        <v>1.412215851887445</v>
      </c>
      <c r="K7577" s="59">
        <f>Bühler!K7603</f>
        <v>2.1183237778311672</v>
      </c>
      <c r="L7577" s="59">
        <f>Bühler!L7603</f>
        <v>10.167954133589603</v>
      </c>
      <c r="M7577" s="58">
        <f>Bühler!M7603</f>
        <v>0</v>
      </c>
      <c r="N7577" s="56">
        <f>IF(Input!$D$19=1,J7577*Input!$C$19,0)+IF(Input!$D$20=1,K7577*Input!$C$20,0)+IF(Input!$D$21=1,L7577*Input!$C$21,0)+IF(Input!$D$22=1,M7577*Input!$C$22,0)</f>
        <v>0.42366475556623351</v>
      </c>
      <c r="O7577" s="59">
        <f>IF(Input!$D$19=2,J7577*Input!$C$19,0)+IF(Input!$D$20=2,K7577*Input!$C$20,0)+IF(Input!$D$21=2,L7577*Input!$C$21,0)+IF(Input!$D$22=2,M7577*Input!$C$22,0)</f>
        <v>1.0591618889155836</v>
      </c>
      <c r="P7577" s="59">
        <f>IF(Input!$D$19=3,J7577*Input!$C$19,0)+IF(Input!$D$20=3,K7577*Input!$C$20,0)+IF(Input!$D$21=3,L7577*Input!$C$21,0)+IF(Input!$D$22=3,M7577*Input!$C$22,0)</f>
        <v>0</v>
      </c>
      <c r="Q7577" s="75">
        <f>IF(Input!$D$19=4,J7577*Input!$C$19,0)+IF(Input!$D$20=4,K7577*Input!$C$20,0)+IF(Input!$D$21=4,L7577*Input!$C$21,0)+IF(Input!$D$22=4,M7577*Input!$C$22,0)</f>
        <v>0</v>
      </c>
      <c r="R7577" s="58">
        <v>66.687624296365541</v>
      </c>
      <c r="S7577" s="124">
        <f t="shared" si="118"/>
        <v>1.8358806074536784</v>
      </c>
    </row>
    <row r="7578" spans="8:19" x14ac:dyDescent="0.3">
      <c r="H7578" s="44">
        <v>7571</v>
      </c>
      <c r="I7578" s="56">
        <f>Bühler!I7604</f>
        <v>0.42366475556623345</v>
      </c>
      <c r="J7578" s="59">
        <f>Bühler!J7604</f>
        <v>1.412215851887445</v>
      </c>
      <c r="K7578" s="59">
        <f>Bühler!K7604</f>
        <v>2.1183237778311672</v>
      </c>
      <c r="L7578" s="59">
        <f>Bühler!L7604</f>
        <v>10.167954133589603</v>
      </c>
      <c r="M7578" s="58">
        <f>Bühler!M7604</f>
        <v>0</v>
      </c>
      <c r="N7578" s="56">
        <f>IF(Input!$D$19=1,J7578*Input!$C$19,0)+IF(Input!$D$20=1,K7578*Input!$C$20,0)+IF(Input!$D$21=1,L7578*Input!$C$21,0)+IF(Input!$D$22=1,M7578*Input!$C$22,0)</f>
        <v>0.42366475556623351</v>
      </c>
      <c r="O7578" s="59">
        <f>IF(Input!$D$19=2,J7578*Input!$C$19,0)+IF(Input!$D$20=2,K7578*Input!$C$20,0)+IF(Input!$D$21=2,L7578*Input!$C$21,0)+IF(Input!$D$22=2,M7578*Input!$C$22,0)</f>
        <v>1.0591618889155836</v>
      </c>
      <c r="P7578" s="59">
        <f>IF(Input!$D$19=3,J7578*Input!$C$19,0)+IF(Input!$D$20=3,K7578*Input!$C$20,0)+IF(Input!$D$21=3,L7578*Input!$C$21,0)+IF(Input!$D$22=3,M7578*Input!$C$22,0)</f>
        <v>0</v>
      </c>
      <c r="Q7578" s="75">
        <f>IF(Input!$D$19=4,J7578*Input!$C$19,0)+IF(Input!$D$20=4,K7578*Input!$C$20,0)+IF(Input!$D$21=4,L7578*Input!$C$21,0)+IF(Input!$D$22=4,M7578*Input!$C$22,0)</f>
        <v>0</v>
      </c>
      <c r="R7578" s="58">
        <v>68.472161800345646</v>
      </c>
      <c r="S7578" s="124">
        <f t="shared" si="118"/>
        <v>1.8358806074536784</v>
      </c>
    </row>
    <row r="7579" spans="8:19" x14ac:dyDescent="0.3">
      <c r="H7579" s="44">
        <v>7572</v>
      </c>
      <c r="I7579" s="56">
        <f>Bühler!I7605</f>
        <v>0.53798699119521709</v>
      </c>
      <c r="J7579" s="59">
        <f>Bühler!J7605</f>
        <v>1.7932899706507237</v>
      </c>
      <c r="K7579" s="59">
        <f>Bühler!K7605</f>
        <v>2.6899349559760855</v>
      </c>
      <c r="L7579" s="59">
        <f>Bühler!L7605</f>
        <v>12.911687788685208</v>
      </c>
      <c r="M7579" s="58">
        <f>Bühler!M7605</f>
        <v>0</v>
      </c>
      <c r="N7579" s="56">
        <f>IF(Input!$D$19=1,J7579*Input!$C$19,0)+IF(Input!$D$20=1,K7579*Input!$C$20,0)+IF(Input!$D$21=1,L7579*Input!$C$21,0)+IF(Input!$D$22=1,M7579*Input!$C$22,0)</f>
        <v>0.53798699119521709</v>
      </c>
      <c r="O7579" s="59">
        <f>IF(Input!$D$19=2,J7579*Input!$C$19,0)+IF(Input!$D$20=2,K7579*Input!$C$20,0)+IF(Input!$D$21=2,L7579*Input!$C$21,0)+IF(Input!$D$22=2,M7579*Input!$C$22,0)</f>
        <v>1.3449674779880427</v>
      </c>
      <c r="P7579" s="59">
        <f>IF(Input!$D$19=3,J7579*Input!$C$19,0)+IF(Input!$D$20=3,K7579*Input!$C$20,0)+IF(Input!$D$21=3,L7579*Input!$C$21,0)+IF(Input!$D$22=3,M7579*Input!$C$22,0)</f>
        <v>0</v>
      </c>
      <c r="Q7579" s="75">
        <f>IF(Input!$D$19=4,J7579*Input!$C$19,0)+IF(Input!$D$20=4,K7579*Input!$C$20,0)+IF(Input!$D$21=4,L7579*Input!$C$21,0)+IF(Input!$D$22=4,M7579*Input!$C$22,0)</f>
        <v>0</v>
      </c>
      <c r="R7579" s="58">
        <v>69.660583767582935</v>
      </c>
      <c r="S7579" s="124">
        <f t="shared" si="118"/>
        <v>2.3312769618459406</v>
      </c>
    </row>
    <row r="7580" spans="8:19" x14ac:dyDescent="0.3">
      <c r="H7580" s="44">
        <v>7573</v>
      </c>
      <c r="I7580" s="56">
        <f>Bühler!I7606</f>
        <v>0.53798699119521709</v>
      </c>
      <c r="J7580" s="59">
        <f>Bühler!J7606</f>
        <v>1.7932899706507237</v>
      </c>
      <c r="K7580" s="59">
        <f>Bühler!K7606</f>
        <v>2.6899349559760855</v>
      </c>
      <c r="L7580" s="59">
        <f>Bühler!L7606</f>
        <v>12.911687788685208</v>
      </c>
      <c r="M7580" s="58">
        <f>Bühler!M7606</f>
        <v>0</v>
      </c>
      <c r="N7580" s="56">
        <f>IF(Input!$D$19=1,J7580*Input!$C$19,0)+IF(Input!$D$20=1,K7580*Input!$C$20,0)+IF(Input!$D$21=1,L7580*Input!$C$21,0)+IF(Input!$D$22=1,M7580*Input!$C$22,0)</f>
        <v>0.53798699119521709</v>
      </c>
      <c r="O7580" s="59">
        <f>IF(Input!$D$19=2,J7580*Input!$C$19,0)+IF(Input!$D$20=2,K7580*Input!$C$20,0)+IF(Input!$D$21=2,L7580*Input!$C$21,0)+IF(Input!$D$22=2,M7580*Input!$C$22,0)</f>
        <v>1.3449674779880427</v>
      </c>
      <c r="P7580" s="59">
        <f>IF(Input!$D$19=3,J7580*Input!$C$19,0)+IF(Input!$D$20=3,K7580*Input!$C$20,0)+IF(Input!$D$21=3,L7580*Input!$C$21,0)+IF(Input!$D$22=3,M7580*Input!$C$22,0)</f>
        <v>0</v>
      </c>
      <c r="Q7580" s="75">
        <f>IF(Input!$D$19=4,J7580*Input!$C$19,0)+IF(Input!$D$20=4,K7580*Input!$C$20,0)+IF(Input!$D$21=4,L7580*Input!$C$21,0)+IF(Input!$D$22=4,M7580*Input!$C$22,0)</f>
        <v>0</v>
      </c>
      <c r="R7580" s="58">
        <v>69.096049649486545</v>
      </c>
      <c r="S7580" s="124">
        <f t="shared" si="118"/>
        <v>2.3312769618459406</v>
      </c>
    </row>
    <row r="7581" spans="8:19" x14ac:dyDescent="0.3">
      <c r="H7581" s="44">
        <v>7574</v>
      </c>
      <c r="I7581" s="56">
        <f>Bühler!I7607</f>
        <v>0.35641638166683132</v>
      </c>
      <c r="J7581" s="59">
        <f>Bühler!J7607</f>
        <v>1.1880546055561045</v>
      </c>
      <c r="K7581" s="59">
        <f>Bühler!K7607</f>
        <v>1.7820819083341566</v>
      </c>
      <c r="L7581" s="59">
        <f>Bühler!L7607</f>
        <v>8.5539931600039516</v>
      </c>
      <c r="M7581" s="58">
        <f>Bühler!M7607</f>
        <v>0</v>
      </c>
      <c r="N7581" s="56">
        <f>IF(Input!$D$19=1,J7581*Input!$C$19,0)+IF(Input!$D$20=1,K7581*Input!$C$20,0)+IF(Input!$D$21=1,L7581*Input!$C$21,0)+IF(Input!$D$22=1,M7581*Input!$C$22,0)</f>
        <v>0.35641638166683137</v>
      </c>
      <c r="O7581" s="59">
        <f>IF(Input!$D$19=2,J7581*Input!$C$19,0)+IF(Input!$D$20=2,K7581*Input!$C$20,0)+IF(Input!$D$21=2,L7581*Input!$C$21,0)+IF(Input!$D$22=2,M7581*Input!$C$22,0)</f>
        <v>0.89104095416707829</v>
      </c>
      <c r="P7581" s="59">
        <f>IF(Input!$D$19=3,J7581*Input!$C$19,0)+IF(Input!$D$20=3,K7581*Input!$C$20,0)+IF(Input!$D$21=3,L7581*Input!$C$21,0)+IF(Input!$D$22=3,M7581*Input!$C$22,0)</f>
        <v>0</v>
      </c>
      <c r="Q7581" s="75">
        <f>IF(Input!$D$19=4,J7581*Input!$C$19,0)+IF(Input!$D$20=4,K7581*Input!$C$20,0)+IF(Input!$D$21=4,L7581*Input!$C$21,0)+IF(Input!$D$22=4,M7581*Input!$C$22,0)</f>
        <v>0</v>
      </c>
      <c r="R7581" s="58">
        <v>69.877618366967098</v>
      </c>
      <c r="S7581" s="124">
        <f t="shared" si="118"/>
        <v>1.5444709872229359</v>
      </c>
    </row>
    <row r="7582" spans="8:19" x14ac:dyDescent="0.3">
      <c r="H7582" s="44">
        <v>7575</v>
      </c>
      <c r="I7582" s="56">
        <f>Bühler!I7608</f>
        <v>0.53798699119521709</v>
      </c>
      <c r="J7582" s="59">
        <f>Bühler!J7608</f>
        <v>1.7932899706507237</v>
      </c>
      <c r="K7582" s="59">
        <f>Bühler!K7608</f>
        <v>2.6899349559760855</v>
      </c>
      <c r="L7582" s="59">
        <f>Bühler!L7608</f>
        <v>12.911687788685208</v>
      </c>
      <c r="M7582" s="58">
        <f>Bühler!M7608</f>
        <v>0</v>
      </c>
      <c r="N7582" s="56">
        <f>IF(Input!$D$19=1,J7582*Input!$C$19,0)+IF(Input!$D$20=1,K7582*Input!$C$20,0)+IF(Input!$D$21=1,L7582*Input!$C$21,0)+IF(Input!$D$22=1,M7582*Input!$C$22,0)</f>
        <v>0.53798699119521709</v>
      </c>
      <c r="O7582" s="59">
        <f>IF(Input!$D$19=2,J7582*Input!$C$19,0)+IF(Input!$D$20=2,K7582*Input!$C$20,0)+IF(Input!$D$21=2,L7582*Input!$C$21,0)+IF(Input!$D$22=2,M7582*Input!$C$22,0)</f>
        <v>1.3449674779880427</v>
      </c>
      <c r="P7582" s="59">
        <f>IF(Input!$D$19=3,J7582*Input!$C$19,0)+IF(Input!$D$20=3,K7582*Input!$C$20,0)+IF(Input!$D$21=3,L7582*Input!$C$21,0)+IF(Input!$D$22=3,M7582*Input!$C$22,0)</f>
        <v>0</v>
      </c>
      <c r="Q7582" s="75">
        <f>IF(Input!$D$19=4,J7582*Input!$C$19,0)+IF(Input!$D$20=4,K7582*Input!$C$20,0)+IF(Input!$D$21=4,L7582*Input!$C$21,0)+IF(Input!$D$22=4,M7582*Input!$C$22,0)</f>
        <v>0</v>
      </c>
      <c r="R7582" s="58">
        <v>70.382071044988209</v>
      </c>
      <c r="S7582" s="124">
        <f t="shared" si="118"/>
        <v>2.3312769618459406</v>
      </c>
    </row>
    <row r="7583" spans="8:19" x14ac:dyDescent="0.3">
      <c r="H7583" s="44">
        <v>7576</v>
      </c>
      <c r="I7583" s="56">
        <f>Bühler!I7609</f>
        <v>0.53798699119521709</v>
      </c>
      <c r="J7583" s="59">
        <f>Bühler!J7609</f>
        <v>1.7932899706507237</v>
      </c>
      <c r="K7583" s="59">
        <f>Bühler!K7609</f>
        <v>2.6899349559760855</v>
      </c>
      <c r="L7583" s="59">
        <f>Bühler!L7609</f>
        <v>12.911687788685208</v>
      </c>
      <c r="M7583" s="58">
        <f>Bühler!M7609</f>
        <v>0</v>
      </c>
      <c r="N7583" s="56">
        <f>IF(Input!$D$19=1,J7583*Input!$C$19,0)+IF(Input!$D$20=1,K7583*Input!$C$20,0)+IF(Input!$D$21=1,L7583*Input!$C$21,0)+IF(Input!$D$22=1,M7583*Input!$C$22,0)</f>
        <v>0.53798699119521709</v>
      </c>
      <c r="O7583" s="59">
        <f>IF(Input!$D$19=2,J7583*Input!$C$19,0)+IF(Input!$D$20=2,K7583*Input!$C$20,0)+IF(Input!$D$21=2,L7583*Input!$C$21,0)+IF(Input!$D$22=2,M7583*Input!$C$22,0)</f>
        <v>1.3449674779880427</v>
      </c>
      <c r="P7583" s="59">
        <f>IF(Input!$D$19=3,J7583*Input!$C$19,0)+IF(Input!$D$20=3,K7583*Input!$C$20,0)+IF(Input!$D$21=3,L7583*Input!$C$21,0)+IF(Input!$D$22=3,M7583*Input!$C$22,0)</f>
        <v>0</v>
      </c>
      <c r="Q7583" s="75">
        <f>IF(Input!$D$19=4,J7583*Input!$C$19,0)+IF(Input!$D$20=4,K7583*Input!$C$20,0)+IF(Input!$D$21=4,L7583*Input!$C$21,0)+IF(Input!$D$22=4,M7583*Input!$C$22,0)</f>
        <v>0</v>
      </c>
      <c r="R7583" s="58">
        <v>69.706595917956378</v>
      </c>
      <c r="S7583" s="124">
        <f t="shared" si="118"/>
        <v>2.3312769618459406</v>
      </c>
    </row>
    <row r="7584" spans="8:19" x14ac:dyDescent="0.3">
      <c r="H7584" s="44">
        <v>7577</v>
      </c>
      <c r="I7584" s="56">
        <f>Bühler!I7610</f>
        <v>0.53798699119521709</v>
      </c>
      <c r="J7584" s="59">
        <f>Bühler!J7610</f>
        <v>1.7932899706507237</v>
      </c>
      <c r="K7584" s="59">
        <f>Bühler!K7610</f>
        <v>2.6899349559760855</v>
      </c>
      <c r="L7584" s="59">
        <f>Bühler!L7610</f>
        <v>12.911687788685208</v>
      </c>
      <c r="M7584" s="58">
        <f>Bühler!M7610</f>
        <v>0</v>
      </c>
      <c r="N7584" s="56">
        <f>IF(Input!$D$19=1,J7584*Input!$C$19,0)+IF(Input!$D$20=1,K7584*Input!$C$20,0)+IF(Input!$D$21=1,L7584*Input!$C$21,0)+IF(Input!$D$22=1,M7584*Input!$C$22,0)</f>
        <v>0.53798699119521709</v>
      </c>
      <c r="O7584" s="59">
        <f>IF(Input!$D$19=2,J7584*Input!$C$19,0)+IF(Input!$D$20=2,K7584*Input!$C$20,0)+IF(Input!$D$21=2,L7584*Input!$C$21,0)+IF(Input!$D$22=2,M7584*Input!$C$22,0)</f>
        <v>1.3449674779880427</v>
      </c>
      <c r="P7584" s="59">
        <f>IF(Input!$D$19=3,J7584*Input!$C$19,0)+IF(Input!$D$20=3,K7584*Input!$C$20,0)+IF(Input!$D$21=3,L7584*Input!$C$21,0)+IF(Input!$D$22=3,M7584*Input!$C$22,0)</f>
        <v>0</v>
      </c>
      <c r="Q7584" s="75">
        <f>IF(Input!$D$19=4,J7584*Input!$C$19,0)+IF(Input!$D$20=4,K7584*Input!$C$20,0)+IF(Input!$D$21=4,L7584*Input!$C$21,0)+IF(Input!$D$22=4,M7584*Input!$C$22,0)</f>
        <v>0</v>
      </c>
      <c r="R7584" s="58">
        <v>68.305927575550314</v>
      </c>
      <c r="S7584" s="124">
        <f t="shared" si="118"/>
        <v>2.3312769618459406</v>
      </c>
    </row>
    <row r="7585" spans="8:19" x14ac:dyDescent="0.3">
      <c r="H7585" s="44">
        <v>7578</v>
      </c>
      <c r="I7585" s="56">
        <f>Bühler!I7611</f>
        <v>0.53798699119521709</v>
      </c>
      <c r="J7585" s="59">
        <f>Bühler!J7611</f>
        <v>1.7932899706507237</v>
      </c>
      <c r="K7585" s="59">
        <f>Bühler!K7611</f>
        <v>2.6899349559760855</v>
      </c>
      <c r="L7585" s="59">
        <f>Bühler!L7611</f>
        <v>12.911687788685208</v>
      </c>
      <c r="M7585" s="58">
        <f>Bühler!M7611</f>
        <v>0</v>
      </c>
      <c r="N7585" s="56">
        <f>IF(Input!$D$19=1,J7585*Input!$C$19,0)+IF(Input!$D$20=1,K7585*Input!$C$20,0)+IF(Input!$D$21=1,L7585*Input!$C$21,0)+IF(Input!$D$22=1,M7585*Input!$C$22,0)</f>
        <v>0.53798699119521709</v>
      </c>
      <c r="O7585" s="59">
        <f>IF(Input!$D$19=2,J7585*Input!$C$19,0)+IF(Input!$D$20=2,K7585*Input!$C$20,0)+IF(Input!$D$21=2,L7585*Input!$C$21,0)+IF(Input!$D$22=2,M7585*Input!$C$22,0)</f>
        <v>1.3449674779880427</v>
      </c>
      <c r="P7585" s="59">
        <f>IF(Input!$D$19=3,J7585*Input!$C$19,0)+IF(Input!$D$20=3,K7585*Input!$C$20,0)+IF(Input!$D$21=3,L7585*Input!$C$21,0)+IF(Input!$D$22=3,M7585*Input!$C$22,0)</f>
        <v>0</v>
      </c>
      <c r="Q7585" s="75">
        <f>IF(Input!$D$19=4,J7585*Input!$C$19,0)+IF(Input!$D$20=4,K7585*Input!$C$20,0)+IF(Input!$D$21=4,L7585*Input!$C$21,0)+IF(Input!$D$22=4,M7585*Input!$C$22,0)</f>
        <v>0</v>
      </c>
      <c r="R7585" s="58">
        <v>67.387232092272228</v>
      </c>
      <c r="S7585" s="124">
        <f t="shared" si="118"/>
        <v>2.3312769618459406</v>
      </c>
    </row>
    <row r="7586" spans="8:19" x14ac:dyDescent="0.3">
      <c r="H7586" s="44">
        <v>7579</v>
      </c>
      <c r="I7586" s="56">
        <f>Bühler!I7612</f>
        <v>0.53798699119521709</v>
      </c>
      <c r="J7586" s="59">
        <f>Bühler!J7612</f>
        <v>1.7932899706507237</v>
      </c>
      <c r="K7586" s="59">
        <f>Bühler!K7612</f>
        <v>2.6899349559760855</v>
      </c>
      <c r="L7586" s="59">
        <f>Bühler!L7612</f>
        <v>12.911687788685208</v>
      </c>
      <c r="M7586" s="58">
        <f>Bühler!M7612</f>
        <v>0</v>
      </c>
      <c r="N7586" s="56">
        <f>IF(Input!$D$19=1,J7586*Input!$C$19,0)+IF(Input!$D$20=1,K7586*Input!$C$20,0)+IF(Input!$D$21=1,L7586*Input!$C$21,0)+IF(Input!$D$22=1,M7586*Input!$C$22,0)</f>
        <v>0.53798699119521709</v>
      </c>
      <c r="O7586" s="59">
        <f>IF(Input!$D$19=2,J7586*Input!$C$19,0)+IF(Input!$D$20=2,K7586*Input!$C$20,0)+IF(Input!$D$21=2,L7586*Input!$C$21,0)+IF(Input!$D$22=2,M7586*Input!$C$22,0)</f>
        <v>1.3449674779880427</v>
      </c>
      <c r="P7586" s="59">
        <f>IF(Input!$D$19=3,J7586*Input!$C$19,0)+IF(Input!$D$20=3,K7586*Input!$C$20,0)+IF(Input!$D$21=3,L7586*Input!$C$21,0)+IF(Input!$D$22=3,M7586*Input!$C$22,0)</f>
        <v>0</v>
      </c>
      <c r="Q7586" s="75">
        <f>IF(Input!$D$19=4,J7586*Input!$C$19,0)+IF(Input!$D$20=4,K7586*Input!$C$20,0)+IF(Input!$D$21=4,L7586*Input!$C$21,0)+IF(Input!$D$22=4,M7586*Input!$C$22,0)</f>
        <v>0</v>
      </c>
      <c r="R7586" s="58">
        <v>67.124992604880177</v>
      </c>
      <c r="S7586" s="124">
        <f t="shared" si="118"/>
        <v>2.3312769618459406</v>
      </c>
    </row>
    <row r="7587" spans="8:19" x14ac:dyDescent="0.3">
      <c r="H7587" s="44">
        <v>7580</v>
      </c>
      <c r="I7587" s="56">
        <f>Bühler!I7613</f>
        <v>0.45056410512599437</v>
      </c>
      <c r="J7587" s="59">
        <f>Bühler!J7613</f>
        <v>1.5018803504199814</v>
      </c>
      <c r="K7587" s="59">
        <f>Bühler!K7613</f>
        <v>2.2528205256299718</v>
      </c>
      <c r="L7587" s="59">
        <f>Bühler!L7613</f>
        <v>10.813538523023865</v>
      </c>
      <c r="M7587" s="58">
        <f>Bühler!M7613</f>
        <v>0</v>
      </c>
      <c r="N7587" s="56">
        <f>IF(Input!$D$19=1,J7587*Input!$C$19,0)+IF(Input!$D$20=1,K7587*Input!$C$20,0)+IF(Input!$D$21=1,L7587*Input!$C$21,0)+IF(Input!$D$22=1,M7587*Input!$C$22,0)</f>
        <v>0.45056410512599437</v>
      </c>
      <c r="O7587" s="59">
        <f>IF(Input!$D$19=2,J7587*Input!$C$19,0)+IF(Input!$D$20=2,K7587*Input!$C$20,0)+IF(Input!$D$21=2,L7587*Input!$C$21,0)+IF(Input!$D$22=2,M7587*Input!$C$22,0)</f>
        <v>1.1264102628149859</v>
      </c>
      <c r="P7587" s="59">
        <f>IF(Input!$D$19=3,J7587*Input!$C$19,0)+IF(Input!$D$20=3,K7587*Input!$C$20,0)+IF(Input!$D$21=3,L7587*Input!$C$21,0)+IF(Input!$D$22=3,M7587*Input!$C$22,0)</f>
        <v>0</v>
      </c>
      <c r="Q7587" s="75">
        <f>IF(Input!$D$19=4,J7587*Input!$C$19,0)+IF(Input!$D$20=4,K7587*Input!$C$20,0)+IF(Input!$D$21=4,L7587*Input!$C$21,0)+IF(Input!$D$22=4,M7587*Input!$C$22,0)</f>
        <v>0</v>
      </c>
      <c r="R7587" s="58">
        <v>65.771999422747285</v>
      </c>
      <c r="S7587" s="124">
        <f t="shared" si="118"/>
        <v>1.9524444555459757</v>
      </c>
    </row>
    <row r="7588" spans="8:19" x14ac:dyDescent="0.3">
      <c r="H7588" s="44">
        <v>7581</v>
      </c>
      <c r="I7588" s="56">
        <f>Bühler!I7614</f>
        <v>0.36986605644671178</v>
      </c>
      <c r="J7588" s="59">
        <f>Bühler!J7614</f>
        <v>1.2328868548223726</v>
      </c>
      <c r="K7588" s="59">
        <f>Bühler!K7614</f>
        <v>1.8493302822335589</v>
      </c>
      <c r="L7588" s="59">
        <f>Bühler!L7614</f>
        <v>8.8767853547210827</v>
      </c>
      <c r="M7588" s="58">
        <f>Bühler!M7614</f>
        <v>0</v>
      </c>
      <c r="N7588" s="56">
        <f>IF(Input!$D$19=1,J7588*Input!$C$19,0)+IF(Input!$D$20=1,K7588*Input!$C$20,0)+IF(Input!$D$21=1,L7588*Input!$C$21,0)+IF(Input!$D$22=1,M7588*Input!$C$22,0)</f>
        <v>0.36986605644671178</v>
      </c>
      <c r="O7588" s="59">
        <f>IF(Input!$D$19=2,J7588*Input!$C$19,0)+IF(Input!$D$20=2,K7588*Input!$C$20,0)+IF(Input!$D$21=2,L7588*Input!$C$21,0)+IF(Input!$D$22=2,M7588*Input!$C$22,0)</f>
        <v>0.92466514111677944</v>
      </c>
      <c r="P7588" s="59">
        <f>IF(Input!$D$19=3,J7588*Input!$C$19,0)+IF(Input!$D$20=3,K7588*Input!$C$20,0)+IF(Input!$D$21=3,L7588*Input!$C$21,0)+IF(Input!$D$22=3,M7588*Input!$C$22,0)</f>
        <v>0</v>
      </c>
      <c r="Q7588" s="75">
        <f>IF(Input!$D$19=4,J7588*Input!$C$19,0)+IF(Input!$D$20=4,K7588*Input!$C$20,0)+IF(Input!$D$21=4,L7588*Input!$C$21,0)+IF(Input!$D$22=4,M7588*Input!$C$22,0)</f>
        <v>0</v>
      </c>
      <c r="R7588" s="58">
        <v>63.976914570526894</v>
      </c>
      <c r="S7588" s="124">
        <f t="shared" si="118"/>
        <v>1.6027529112690844</v>
      </c>
    </row>
    <row r="7589" spans="8:19" x14ac:dyDescent="0.3">
      <c r="H7589" s="44">
        <v>7582</v>
      </c>
      <c r="I7589" s="56">
        <f>Bühler!I7615</f>
        <v>0.26899349559760855</v>
      </c>
      <c r="J7589" s="59">
        <f>Bühler!J7615</f>
        <v>0.89664498532536185</v>
      </c>
      <c r="K7589" s="59">
        <f>Bühler!K7615</f>
        <v>1.3449674779880427</v>
      </c>
      <c r="L7589" s="59">
        <f>Bühler!L7615</f>
        <v>6.4558438943426042</v>
      </c>
      <c r="M7589" s="58">
        <f>Bühler!M7615</f>
        <v>0</v>
      </c>
      <c r="N7589" s="56">
        <f>IF(Input!$D$19=1,J7589*Input!$C$19,0)+IF(Input!$D$20=1,K7589*Input!$C$20,0)+IF(Input!$D$21=1,L7589*Input!$C$21,0)+IF(Input!$D$22=1,M7589*Input!$C$22,0)</f>
        <v>0.26899349559760855</v>
      </c>
      <c r="O7589" s="59">
        <f>IF(Input!$D$19=2,J7589*Input!$C$19,0)+IF(Input!$D$20=2,K7589*Input!$C$20,0)+IF(Input!$D$21=2,L7589*Input!$C$21,0)+IF(Input!$D$22=2,M7589*Input!$C$22,0)</f>
        <v>0.67248373899402136</v>
      </c>
      <c r="P7589" s="59">
        <f>IF(Input!$D$19=3,J7589*Input!$C$19,0)+IF(Input!$D$20=3,K7589*Input!$C$20,0)+IF(Input!$D$21=3,L7589*Input!$C$21,0)+IF(Input!$D$22=3,M7589*Input!$C$22,0)</f>
        <v>0</v>
      </c>
      <c r="Q7589" s="75">
        <f>IF(Input!$D$19=4,J7589*Input!$C$19,0)+IF(Input!$D$20=4,K7589*Input!$C$20,0)+IF(Input!$D$21=4,L7589*Input!$C$21,0)+IF(Input!$D$22=4,M7589*Input!$C$22,0)</f>
        <v>0</v>
      </c>
      <c r="R7589" s="58">
        <v>61.719982224948957</v>
      </c>
      <c r="S7589" s="124">
        <f t="shared" si="118"/>
        <v>1.1656384809229703</v>
      </c>
    </row>
    <row r="7590" spans="8:19" x14ac:dyDescent="0.3">
      <c r="H7590" s="44">
        <v>7583</v>
      </c>
      <c r="I7590" s="56">
        <f>Bühler!I7616</f>
        <v>0.25554382081772814</v>
      </c>
      <c r="J7590" s="59">
        <f>Bühler!J7616</f>
        <v>0.85181273605909391</v>
      </c>
      <c r="K7590" s="59">
        <f>Bühler!K7616</f>
        <v>1.2777191040886406</v>
      </c>
      <c r="L7590" s="59">
        <f>Bühler!L7616</f>
        <v>6.1330516996254749</v>
      </c>
      <c r="M7590" s="58">
        <f>Bühler!M7616</f>
        <v>0</v>
      </c>
      <c r="N7590" s="56">
        <f>IF(Input!$D$19=1,J7590*Input!$C$19,0)+IF(Input!$D$20=1,K7590*Input!$C$20,0)+IF(Input!$D$21=1,L7590*Input!$C$21,0)+IF(Input!$D$22=1,M7590*Input!$C$22,0)</f>
        <v>0.25554382081772814</v>
      </c>
      <c r="O7590" s="59">
        <f>IF(Input!$D$19=2,J7590*Input!$C$19,0)+IF(Input!$D$20=2,K7590*Input!$C$20,0)+IF(Input!$D$21=2,L7590*Input!$C$21,0)+IF(Input!$D$22=2,M7590*Input!$C$22,0)</f>
        <v>0.63885955204432032</v>
      </c>
      <c r="P7590" s="59">
        <f>IF(Input!$D$19=3,J7590*Input!$C$19,0)+IF(Input!$D$20=3,K7590*Input!$C$20,0)+IF(Input!$D$21=3,L7590*Input!$C$21,0)+IF(Input!$D$22=3,M7590*Input!$C$22,0)</f>
        <v>0</v>
      </c>
      <c r="Q7590" s="75">
        <f>IF(Input!$D$19=4,J7590*Input!$C$19,0)+IF(Input!$D$20=4,K7590*Input!$C$20,0)+IF(Input!$D$21=4,L7590*Input!$C$21,0)+IF(Input!$D$22=4,M7590*Input!$C$22,0)</f>
        <v>0</v>
      </c>
      <c r="R7590" s="58">
        <v>61.219139338336788</v>
      </c>
      <c r="S7590" s="124">
        <f t="shared" si="118"/>
        <v>1.107356556876822</v>
      </c>
    </row>
    <row r="7591" spans="8:19" x14ac:dyDescent="0.3">
      <c r="H7591" s="44">
        <v>7584</v>
      </c>
      <c r="I7591" s="56">
        <f>Bühler!I7617</f>
        <v>0.25554382081772814</v>
      </c>
      <c r="J7591" s="59">
        <f>Bühler!J7617</f>
        <v>0.85181273605909391</v>
      </c>
      <c r="K7591" s="59">
        <f>Bühler!K7617</f>
        <v>1.2777191040886406</v>
      </c>
      <c r="L7591" s="59">
        <f>Bühler!L7617</f>
        <v>6.1330516996254749</v>
      </c>
      <c r="M7591" s="58">
        <f>Bühler!M7617</f>
        <v>0</v>
      </c>
      <c r="N7591" s="56">
        <f>IF(Input!$D$19=1,J7591*Input!$C$19,0)+IF(Input!$D$20=1,K7591*Input!$C$20,0)+IF(Input!$D$21=1,L7591*Input!$C$21,0)+IF(Input!$D$22=1,M7591*Input!$C$22,0)</f>
        <v>0.25554382081772814</v>
      </c>
      <c r="O7591" s="59">
        <f>IF(Input!$D$19=2,J7591*Input!$C$19,0)+IF(Input!$D$20=2,K7591*Input!$C$20,0)+IF(Input!$D$21=2,L7591*Input!$C$21,0)+IF(Input!$D$22=2,M7591*Input!$C$22,0)</f>
        <v>0.63885955204432032</v>
      </c>
      <c r="P7591" s="59">
        <f>IF(Input!$D$19=3,J7591*Input!$C$19,0)+IF(Input!$D$20=3,K7591*Input!$C$20,0)+IF(Input!$D$21=3,L7591*Input!$C$21,0)+IF(Input!$D$22=3,M7591*Input!$C$22,0)</f>
        <v>0</v>
      </c>
      <c r="Q7591" s="75">
        <f>IF(Input!$D$19=4,J7591*Input!$C$19,0)+IF(Input!$D$20=4,K7591*Input!$C$20,0)+IF(Input!$D$21=4,L7591*Input!$C$21,0)+IF(Input!$D$22=4,M7591*Input!$C$22,0)</f>
        <v>0</v>
      </c>
      <c r="R7591" s="58">
        <v>60.445159157762262</v>
      </c>
      <c r="S7591" s="124">
        <f t="shared" si="118"/>
        <v>1.107356556876822</v>
      </c>
    </row>
    <row r="7592" spans="8:19" x14ac:dyDescent="0.3">
      <c r="H7592" s="44">
        <v>7585</v>
      </c>
      <c r="I7592" s="56">
        <f>Bühler!I7618</f>
        <v>0.24105286719137184</v>
      </c>
      <c r="J7592" s="59">
        <f>Bühler!J7618</f>
        <v>0.80350955730457285</v>
      </c>
      <c r="K7592" s="59">
        <f>Bühler!K7618</f>
        <v>1.2052643359568591</v>
      </c>
      <c r="L7592" s="59">
        <f>Bühler!L7618</f>
        <v>5.7852688125929239</v>
      </c>
      <c r="M7592" s="58">
        <f>Bühler!M7618</f>
        <v>0</v>
      </c>
      <c r="N7592" s="56">
        <f>IF(Input!$D$19=1,J7592*Input!$C$19,0)+IF(Input!$D$20=1,K7592*Input!$C$20,0)+IF(Input!$D$21=1,L7592*Input!$C$21,0)+IF(Input!$D$22=1,M7592*Input!$C$22,0)</f>
        <v>0.24105286719137184</v>
      </c>
      <c r="O7592" s="59">
        <f>IF(Input!$D$19=2,J7592*Input!$C$19,0)+IF(Input!$D$20=2,K7592*Input!$C$20,0)+IF(Input!$D$21=2,L7592*Input!$C$21,0)+IF(Input!$D$22=2,M7592*Input!$C$22,0)</f>
        <v>0.60263216797842956</v>
      </c>
      <c r="P7592" s="59">
        <f>IF(Input!$D$19=3,J7592*Input!$C$19,0)+IF(Input!$D$20=3,K7592*Input!$C$20,0)+IF(Input!$D$21=3,L7592*Input!$C$21,0)+IF(Input!$D$22=3,M7592*Input!$C$22,0)</f>
        <v>0</v>
      </c>
      <c r="Q7592" s="75">
        <f>IF(Input!$D$19=4,J7592*Input!$C$19,0)+IF(Input!$D$20=4,K7592*Input!$C$20,0)+IF(Input!$D$21=4,L7592*Input!$C$21,0)+IF(Input!$D$22=4,M7592*Input!$C$22,0)</f>
        <v>0</v>
      </c>
      <c r="R7592" s="58">
        <v>59.759299300019485</v>
      </c>
      <c r="S7592" s="124">
        <f t="shared" si="118"/>
        <v>1.0445624244959446</v>
      </c>
    </row>
    <row r="7593" spans="8:19" x14ac:dyDescent="0.3">
      <c r="H7593" s="44">
        <v>7586</v>
      </c>
      <c r="I7593" s="56">
        <f>Bühler!I7619</f>
        <v>0.24105286719137184</v>
      </c>
      <c r="J7593" s="59">
        <f>Bühler!J7619</f>
        <v>0.80350955730457285</v>
      </c>
      <c r="K7593" s="59">
        <f>Bühler!K7619</f>
        <v>1.2052643359568591</v>
      </c>
      <c r="L7593" s="59">
        <f>Bühler!L7619</f>
        <v>5.7852688125929239</v>
      </c>
      <c r="M7593" s="58">
        <f>Bühler!M7619</f>
        <v>0</v>
      </c>
      <c r="N7593" s="56">
        <f>IF(Input!$D$19=1,J7593*Input!$C$19,0)+IF(Input!$D$20=1,K7593*Input!$C$20,0)+IF(Input!$D$21=1,L7593*Input!$C$21,0)+IF(Input!$D$22=1,M7593*Input!$C$22,0)</f>
        <v>0.24105286719137184</v>
      </c>
      <c r="O7593" s="59">
        <f>IF(Input!$D$19=2,J7593*Input!$C$19,0)+IF(Input!$D$20=2,K7593*Input!$C$20,0)+IF(Input!$D$21=2,L7593*Input!$C$21,0)+IF(Input!$D$22=2,M7593*Input!$C$22,0)</f>
        <v>0.60263216797842956</v>
      </c>
      <c r="P7593" s="59">
        <f>IF(Input!$D$19=3,J7593*Input!$C$19,0)+IF(Input!$D$20=3,K7593*Input!$C$20,0)+IF(Input!$D$21=3,L7593*Input!$C$21,0)+IF(Input!$D$22=3,M7593*Input!$C$22,0)</f>
        <v>0</v>
      </c>
      <c r="Q7593" s="75">
        <f>IF(Input!$D$19=4,J7593*Input!$C$19,0)+IF(Input!$D$20=4,K7593*Input!$C$20,0)+IF(Input!$D$21=4,L7593*Input!$C$21,0)+IF(Input!$D$22=4,M7593*Input!$C$22,0)</f>
        <v>0</v>
      </c>
      <c r="R7593" s="58">
        <v>59.679872944554972</v>
      </c>
      <c r="S7593" s="124">
        <f t="shared" si="118"/>
        <v>1.0445624244959446</v>
      </c>
    </row>
    <row r="7594" spans="8:19" x14ac:dyDescent="0.3">
      <c r="H7594" s="44">
        <v>7587</v>
      </c>
      <c r="I7594" s="56">
        <f>Bühler!I7620</f>
        <v>0.24105286719137184</v>
      </c>
      <c r="J7594" s="59">
        <f>Bühler!J7620</f>
        <v>0.80350955730457285</v>
      </c>
      <c r="K7594" s="59">
        <f>Bühler!K7620</f>
        <v>1.2052643359568591</v>
      </c>
      <c r="L7594" s="59">
        <f>Bühler!L7620</f>
        <v>5.7852688125929239</v>
      </c>
      <c r="M7594" s="58">
        <f>Bühler!M7620</f>
        <v>0</v>
      </c>
      <c r="N7594" s="56">
        <f>IF(Input!$D$19=1,J7594*Input!$C$19,0)+IF(Input!$D$20=1,K7594*Input!$C$20,0)+IF(Input!$D$21=1,L7594*Input!$C$21,0)+IF(Input!$D$22=1,M7594*Input!$C$22,0)</f>
        <v>0.24105286719137184</v>
      </c>
      <c r="O7594" s="59">
        <f>IF(Input!$D$19=2,J7594*Input!$C$19,0)+IF(Input!$D$20=2,K7594*Input!$C$20,0)+IF(Input!$D$21=2,L7594*Input!$C$21,0)+IF(Input!$D$22=2,M7594*Input!$C$22,0)</f>
        <v>0.60263216797842956</v>
      </c>
      <c r="P7594" s="59">
        <f>IF(Input!$D$19=3,J7594*Input!$C$19,0)+IF(Input!$D$20=3,K7594*Input!$C$20,0)+IF(Input!$D$21=3,L7594*Input!$C$21,0)+IF(Input!$D$22=3,M7594*Input!$C$22,0)</f>
        <v>0</v>
      </c>
      <c r="Q7594" s="75">
        <f>IF(Input!$D$19=4,J7594*Input!$C$19,0)+IF(Input!$D$20=4,K7594*Input!$C$20,0)+IF(Input!$D$21=4,L7594*Input!$C$21,0)+IF(Input!$D$22=4,M7594*Input!$C$22,0)</f>
        <v>0</v>
      </c>
      <c r="R7594" s="58">
        <v>59.924041880173071</v>
      </c>
      <c r="S7594" s="124">
        <f t="shared" si="118"/>
        <v>1.0445624244959446</v>
      </c>
    </row>
    <row r="7595" spans="8:19" x14ac:dyDescent="0.3">
      <c r="H7595" s="44">
        <v>7588</v>
      </c>
      <c r="I7595" s="56">
        <f>Bühler!I7621</f>
        <v>0.24105286719137184</v>
      </c>
      <c r="J7595" s="59">
        <f>Bühler!J7621</f>
        <v>0.80350955730457285</v>
      </c>
      <c r="K7595" s="59">
        <f>Bühler!K7621</f>
        <v>1.2052643359568591</v>
      </c>
      <c r="L7595" s="59">
        <f>Bühler!L7621</f>
        <v>5.7852688125929239</v>
      </c>
      <c r="M7595" s="58">
        <f>Bühler!M7621</f>
        <v>0</v>
      </c>
      <c r="N7595" s="56">
        <f>IF(Input!$D$19=1,J7595*Input!$C$19,0)+IF(Input!$D$20=1,K7595*Input!$C$20,0)+IF(Input!$D$21=1,L7595*Input!$C$21,0)+IF(Input!$D$22=1,M7595*Input!$C$22,0)</f>
        <v>0.24105286719137184</v>
      </c>
      <c r="O7595" s="59">
        <f>IF(Input!$D$19=2,J7595*Input!$C$19,0)+IF(Input!$D$20=2,K7595*Input!$C$20,0)+IF(Input!$D$21=2,L7595*Input!$C$21,0)+IF(Input!$D$22=2,M7595*Input!$C$22,0)</f>
        <v>0.60263216797842956</v>
      </c>
      <c r="P7595" s="59">
        <f>IF(Input!$D$19=3,J7595*Input!$C$19,0)+IF(Input!$D$20=3,K7595*Input!$C$20,0)+IF(Input!$D$21=3,L7595*Input!$C$21,0)+IF(Input!$D$22=3,M7595*Input!$C$22,0)</f>
        <v>0</v>
      </c>
      <c r="Q7595" s="75">
        <f>IF(Input!$D$19=4,J7595*Input!$C$19,0)+IF(Input!$D$20=4,K7595*Input!$C$20,0)+IF(Input!$D$21=4,L7595*Input!$C$21,0)+IF(Input!$D$22=4,M7595*Input!$C$22,0)</f>
        <v>0</v>
      </c>
      <c r="R7595" s="58">
        <v>60.176142612784162</v>
      </c>
      <c r="S7595" s="124">
        <f t="shared" si="118"/>
        <v>1.0445624244959446</v>
      </c>
    </row>
    <row r="7596" spans="8:19" x14ac:dyDescent="0.3">
      <c r="H7596" s="44">
        <v>7589</v>
      </c>
      <c r="I7596" s="56">
        <f>Bühler!I7622</f>
        <v>0.24105286719137184</v>
      </c>
      <c r="J7596" s="59">
        <f>Bühler!J7622</f>
        <v>0.80350955730457285</v>
      </c>
      <c r="K7596" s="59">
        <f>Bühler!K7622</f>
        <v>1.2052643359568591</v>
      </c>
      <c r="L7596" s="59">
        <f>Bühler!L7622</f>
        <v>5.7852688125929239</v>
      </c>
      <c r="M7596" s="58">
        <f>Bühler!M7622</f>
        <v>0</v>
      </c>
      <c r="N7596" s="56">
        <f>IF(Input!$D$19=1,J7596*Input!$C$19,0)+IF(Input!$D$20=1,K7596*Input!$C$20,0)+IF(Input!$D$21=1,L7596*Input!$C$21,0)+IF(Input!$D$22=1,M7596*Input!$C$22,0)</f>
        <v>0.24105286719137184</v>
      </c>
      <c r="O7596" s="59">
        <f>IF(Input!$D$19=2,J7596*Input!$C$19,0)+IF(Input!$D$20=2,K7596*Input!$C$20,0)+IF(Input!$D$21=2,L7596*Input!$C$21,0)+IF(Input!$D$22=2,M7596*Input!$C$22,0)</f>
        <v>0.60263216797842956</v>
      </c>
      <c r="P7596" s="59">
        <f>IF(Input!$D$19=3,J7596*Input!$C$19,0)+IF(Input!$D$20=3,K7596*Input!$C$20,0)+IF(Input!$D$21=3,L7596*Input!$C$21,0)+IF(Input!$D$22=3,M7596*Input!$C$22,0)</f>
        <v>0</v>
      </c>
      <c r="Q7596" s="75">
        <f>IF(Input!$D$19=4,J7596*Input!$C$19,0)+IF(Input!$D$20=4,K7596*Input!$C$20,0)+IF(Input!$D$21=4,L7596*Input!$C$21,0)+IF(Input!$D$22=4,M7596*Input!$C$22,0)</f>
        <v>0</v>
      </c>
      <c r="R7596" s="58">
        <v>61.898397779547103</v>
      </c>
      <c r="S7596" s="124">
        <f t="shared" si="118"/>
        <v>1.0445624244959446</v>
      </c>
    </row>
    <row r="7597" spans="8:19" x14ac:dyDescent="0.3">
      <c r="H7597" s="44">
        <v>7590</v>
      </c>
      <c r="I7597" s="56">
        <f>Bühler!I7623</f>
        <v>0.31336872734878335</v>
      </c>
      <c r="J7597" s="59">
        <f>Bühler!J7623</f>
        <v>1.0445624244959446</v>
      </c>
      <c r="K7597" s="59">
        <f>Bühler!K7623</f>
        <v>1.5668436367439167</v>
      </c>
      <c r="L7597" s="59">
        <f>Bühler!L7623</f>
        <v>7.5208494563707999</v>
      </c>
      <c r="M7597" s="58">
        <f>Bühler!M7623</f>
        <v>0</v>
      </c>
      <c r="N7597" s="56">
        <f>IF(Input!$D$19=1,J7597*Input!$C$19,0)+IF(Input!$D$20=1,K7597*Input!$C$20,0)+IF(Input!$D$21=1,L7597*Input!$C$21,0)+IF(Input!$D$22=1,M7597*Input!$C$22,0)</f>
        <v>0.31336872734878335</v>
      </c>
      <c r="O7597" s="59">
        <f>IF(Input!$D$19=2,J7597*Input!$C$19,0)+IF(Input!$D$20=2,K7597*Input!$C$20,0)+IF(Input!$D$21=2,L7597*Input!$C$21,0)+IF(Input!$D$22=2,M7597*Input!$C$22,0)</f>
        <v>0.78342181837195835</v>
      </c>
      <c r="P7597" s="59">
        <f>IF(Input!$D$19=3,J7597*Input!$C$19,0)+IF(Input!$D$20=3,K7597*Input!$C$20,0)+IF(Input!$D$21=3,L7597*Input!$C$21,0)+IF(Input!$D$22=3,M7597*Input!$C$22,0)</f>
        <v>0</v>
      </c>
      <c r="Q7597" s="75">
        <f>IF(Input!$D$19=4,J7597*Input!$C$19,0)+IF(Input!$D$20=4,K7597*Input!$C$20,0)+IF(Input!$D$21=4,L7597*Input!$C$21,0)+IF(Input!$D$22=4,M7597*Input!$C$22,0)</f>
        <v>0</v>
      </c>
      <c r="R7597" s="58">
        <v>65.87043420025482</v>
      </c>
      <c r="S7597" s="124">
        <f t="shared" si="118"/>
        <v>1.3579311518447279</v>
      </c>
    </row>
    <row r="7598" spans="8:19" x14ac:dyDescent="0.3">
      <c r="H7598" s="44">
        <v>7591</v>
      </c>
      <c r="I7598" s="56">
        <f>Bühler!I7624</f>
        <v>0.34952665742748912</v>
      </c>
      <c r="J7598" s="59">
        <f>Bühler!J7624</f>
        <v>1.1650888580916303</v>
      </c>
      <c r="K7598" s="59">
        <f>Bühler!K7624</f>
        <v>1.7476332871374456</v>
      </c>
      <c r="L7598" s="59">
        <f>Bühler!L7624</f>
        <v>8.3886397782597388</v>
      </c>
      <c r="M7598" s="58">
        <f>Bühler!M7624</f>
        <v>0</v>
      </c>
      <c r="N7598" s="56">
        <f>IF(Input!$D$19=1,J7598*Input!$C$19,0)+IF(Input!$D$20=1,K7598*Input!$C$20,0)+IF(Input!$D$21=1,L7598*Input!$C$21,0)+IF(Input!$D$22=1,M7598*Input!$C$22,0)</f>
        <v>0.34952665742748906</v>
      </c>
      <c r="O7598" s="59">
        <f>IF(Input!$D$19=2,J7598*Input!$C$19,0)+IF(Input!$D$20=2,K7598*Input!$C$20,0)+IF(Input!$D$21=2,L7598*Input!$C$21,0)+IF(Input!$D$22=2,M7598*Input!$C$22,0)</f>
        <v>0.8738166435687228</v>
      </c>
      <c r="P7598" s="59">
        <f>IF(Input!$D$19=3,J7598*Input!$C$19,0)+IF(Input!$D$20=3,K7598*Input!$C$20,0)+IF(Input!$D$21=3,L7598*Input!$C$21,0)+IF(Input!$D$22=3,M7598*Input!$C$22,0)</f>
        <v>0</v>
      </c>
      <c r="Q7598" s="75">
        <f>IF(Input!$D$19=4,J7598*Input!$C$19,0)+IF(Input!$D$20=4,K7598*Input!$C$20,0)+IF(Input!$D$21=4,L7598*Input!$C$21,0)+IF(Input!$D$22=4,M7598*Input!$C$22,0)</f>
        <v>0</v>
      </c>
      <c r="R7598" s="58">
        <v>69.788250708255589</v>
      </c>
      <c r="S7598" s="124">
        <f t="shared" si="118"/>
        <v>1.5146155155191194</v>
      </c>
    </row>
    <row r="7599" spans="8:19" x14ac:dyDescent="0.3">
      <c r="H7599" s="44">
        <v>7592</v>
      </c>
      <c r="I7599" s="56">
        <f>Bühler!I7625</f>
        <v>0.36157930078705774</v>
      </c>
      <c r="J7599" s="59">
        <f>Bühler!J7625</f>
        <v>1.2052643359568593</v>
      </c>
      <c r="K7599" s="59">
        <f>Bühler!K7625</f>
        <v>1.8078965039352886</v>
      </c>
      <c r="L7599" s="59">
        <f>Bühler!L7625</f>
        <v>8.6779032188893854</v>
      </c>
      <c r="M7599" s="58">
        <f>Bühler!M7625</f>
        <v>0</v>
      </c>
      <c r="N7599" s="56">
        <f>IF(Input!$D$19=1,J7599*Input!$C$19,0)+IF(Input!$D$20=1,K7599*Input!$C$20,0)+IF(Input!$D$21=1,L7599*Input!$C$21,0)+IF(Input!$D$22=1,M7599*Input!$C$22,0)</f>
        <v>0.3615793007870578</v>
      </c>
      <c r="O7599" s="59">
        <f>IF(Input!$D$19=2,J7599*Input!$C$19,0)+IF(Input!$D$20=2,K7599*Input!$C$20,0)+IF(Input!$D$21=2,L7599*Input!$C$21,0)+IF(Input!$D$22=2,M7599*Input!$C$22,0)</f>
        <v>0.90394825196764428</v>
      </c>
      <c r="P7599" s="59">
        <f>IF(Input!$D$19=3,J7599*Input!$C$19,0)+IF(Input!$D$20=3,K7599*Input!$C$20,0)+IF(Input!$D$21=3,L7599*Input!$C$21,0)+IF(Input!$D$22=3,M7599*Input!$C$22,0)</f>
        <v>0</v>
      </c>
      <c r="Q7599" s="75">
        <f>IF(Input!$D$19=4,J7599*Input!$C$19,0)+IF(Input!$D$20=4,K7599*Input!$C$20,0)+IF(Input!$D$21=4,L7599*Input!$C$21,0)+IF(Input!$D$22=4,M7599*Input!$C$22,0)</f>
        <v>0</v>
      </c>
      <c r="R7599" s="58">
        <v>71.694607041339069</v>
      </c>
      <c r="S7599" s="124">
        <f t="shared" si="118"/>
        <v>1.5668436367439171</v>
      </c>
    </row>
    <row r="7600" spans="8:19" x14ac:dyDescent="0.3">
      <c r="H7600" s="44">
        <v>7593</v>
      </c>
      <c r="I7600" s="56">
        <f>Bühler!I7626</f>
        <v>0.36157930078705774</v>
      </c>
      <c r="J7600" s="59">
        <f>Bühler!J7626</f>
        <v>1.2052643359568593</v>
      </c>
      <c r="K7600" s="59">
        <f>Bühler!K7626</f>
        <v>1.8078965039352886</v>
      </c>
      <c r="L7600" s="59">
        <f>Bühler!L7626</f>
        <v>8.6779032188893854</v>
      </c>
      <c r="M7600" s="58">
        <f>Bühler!M7626</f>
        <v>0</v>
      </c>
      <c r="N7600" s="56">
        <f>IF(Input!$D$19=1,J7600*Input!$C$19,0)+IF(Input!$D$20=1,K7600*Input!$C$20,0)+IF(Input!$D$21=1,L7600*Input!$C$21,0)+IF(Input!$D$22=1,M7600*Input!$C$22,0)</f>
        <v>0.3615793007870578</v>
      </c>
      <c r="O7600" s="59">
        <f>IF(Input!$D$19=2,J7600*Input!$C$19,0)+IF(Input!$D$20=2,K7600*Input!$C$20,0)+IF(Input!$D$21=2,L7600*Input!$C$21,0)+IF(Input!$D$22=2,M7600*Input!$C$22,0)</f>
        <v>0.90394825196764428</v>
      </c>
      <c r="P7600" s="59">
        <f>IF(Input!$D$19=3,J7600*Input!$C$19,0)+IF(Input!$D$20=3,K7600*Input!$C$20,0)+IF(Input!$D$21=3,L7600*Input!$C$21,0)+IF(Input!$D$22=3,M7600*Input!$C$22,0)</f>
        <v>0</v>
      </c>
      <c r="Q7600" s="75">
        <f>IF(Input!$D$19=4,J7600*Input!$C$19,0)+IF(Input!$D$20=4,K7600*Input!$C$20,0)+IF(Input!$D$21=4,L7600*Input!$C$21,0)+IF(Input!$D$22=4,M7600*Input!$C$22,0)</f>
        <v>0</v>
      </c>
      <c r="R7600" s="58">
        <v>72.238973153391385</v>
      </c>
      <c r="S7600" s="124">
        <f t="shared" si="118"/>
        <v>1.5668436367439171</v>
      </c>
    </row>
    <row r="7601" spans="8:19" x14ac:dyDescent="0.3">
      <c r="H7601" s="44">
        <v>7594</v>
      </c>
      <c r="I7601" s="56">
        <f>Bühler!I7627</f>
        <v>0.39171090918597917</v>
      </c>
      <c r="J7601" s="59">
        <f>Bühler!J7627</f>
        <v>1.3057030306199309</v>
      </c>
      <c r="K7601" s="59">
        <f>Bühler!K7627</f>
        <v>1.9585545459298959</v>
      </c>
      <c r="L7601" s="59">
        <f>Bühler!L7627</f>
        <v>9.4010618204635001</v>
      </c>
      <c r="M7601" s="58">
        <f>Bühler!M7627</f>
        <v>0</v>
      </c>
      <c r="N7601" s="56">
        <f>IF(Input!$D$19=1,J7601*Input!$C$19,0)+IF(Input!$D$20=1,K7601*Input!$C$20,0)+IF(Input!$D$21=1,L7601*Input!$C$21,0)+IF(Input!$D$22=1,M7601*Input!$C$22,0)</f>
        <v>0.39171090918597923</v>
      </c>
      <c r="O7601" s="59">
        <f>IF(Input!$D$19=2,J7601*Input!$C$19,0)+IF(Input!$D$20=2,K7601*Input!$C$20,0)+IF(Input!$D$21=2,L7601*Input!$C$21,0)+IF(Input!$D$22=2,M7601*Input!$C$22,0)</f>
        <v>0.97927727296494793</v>
      </c>
      <c r="P7601" s="59">
        <f>IF(Input!$D$19=3,J7601*Input!$C$19,0)+IF(Input!$D$20=3,K7601*Input!$C$20,0)+IF(Input!$D$21=3,L7601*Input!$C$21,0)+IF(Input!$D$22=3,M7601*Input!$C$22,0)</f>
        <v>0</v>
      </c>
      <c r="Q7601" s="75">
        <f>IF(Input!$D$19=4,J7601*Input!$C$19,0)+IF(Input!$D$20=4,K7601*Input!$C$20,0)+IF(Input!$D$21=4,L7601*Input!$C$21,0)+IF(Input!$D$22=4,M7601*Input!$C$22,0)</f>
        <v>0</v>
      </c>
      <c r="R7601" s="58">
        <v>72.318008469695044</v>
      </c>
      <c r="S7601" s="124">
        <f t="shared" si="118"/>
        <v>1.69741393980591</v>
      </c>
    </row>
    <row r="7602" spans="8:19" x14ac:dyDescent="0.3">
      <c r="H7602" s="44">
        <v>7595</v>
      </c>
      <c r="I7602" s="56">
        <f>Bühler!I7628</f>
        <v>0.40978987422533208</v>
      </c>
      <c r="J7602" s="59">
        <f>Bühler!J7628</f>
        <v>1.3659662474177736</v>
      </c>
      <c r="K7602" s="59">
        <f>Bühler!K7628</f>
        <v>2.0489493711266604</v>
      </c>
      <c r="L7602" s="59">
        <f>Bühler!L7628</f>
        <v>9.83495698140797</v>
      </c>
      <c r="M7602" s="58">
        <f>Bühler!M7628</f>
        <v>0</v>
      </c>
      <c r="N7602" s="56">
        <f>IF(Input!$D$19=1,J7602*Input!$C$19,0)+IF(Input!$D$20=1,K7602*Input!$C$20,0)+IF(Input!$D$21=1,L7602*Input!$C$21,0)+IF(Input!$D$22=1,M7602*Input!$C$22,0)</f>
        <v>0.40978987422533208</v>
      </c>
      <c r="O7602" s="59">
        <f>IF(Input!$D$19=2,J7602*Input!$C$19,0)+IF(Input!$D$20=2,K7602*Input!$C$20,0)+IF(Input!$D$21=2,L7602*Input!$C$21,0)+IF(Input!$D$22=2,M7602*Input!$C$22,0)</f>
        <v>1.0244746855633302</v>
      </c>
      <c r="P7602" s="59">
        <f>IF(Input!$D$19=3,J7602*Input!$C$19,0)+IF(Input!$D$20=3,K7602*Input!$C$20,0)+IF(Input!$D$21=3,L7602*Input!$C$21,0)+IF(Input!$D$22=3,M7602*Input!$C$22,0)</f>
        <v>0</v>
      </c>
      <c r="Q7602" s="75">
        <f>IF(Input!$D$19=4,J7602*Input!$C$19,0)+IF(Input!$D$20=4,K7602*Input!$C$20,0)+IF(Input!$D$21=4,L7602*Input!$C$21,0)+IF(Input!$D$22=4,M7602*Input!$C$22,0)</f>
        <v>0</v>
      </c>
      <c r="R7602" s="58">
        <v>73.477700660137572</v>
      </c>
      <c r="S7602" s="124">
        <f t="shared" si="118"/>
        <v>1.7757561216431057</v>
      </c>
    </row>
    <row r="7603" spans="8:19" x14ac:dyDescent="0.3">
      <c r="H7603" s="44">
        <v>7596</v>
      </c>
      <c r="I7603" s="56">
        <f>Bühler!I7629</f>
        <v>0.48210573438274368</v>
      </c>
      <c r="J7603" s="59">
        <f>Bühler!J7629</f>
        <v>1.6070191146091457</v>
      </c>
      <c r="K7603" s="59">
        <f>Bühler!K7629</f>
        <v>2.4105286719137182</v>
      </c>
      <c r="L7603" s="59">
        <f>Bühler!L7629</f>
        <v>11.570537625185848</v>
      </c>
      <c r="M7603" s="58">
        <f>Bühler!M7629</f>
        <v>0</v>
      </c>
      <c r="N7603" s="56">
        <f>IF(Input!$D$19=1,J7603*Input!$C$19,0)+IF(Input!$D$20=1,K7603*Input!$C$20,0)+IF(Input!$D$21=1,L7603*Input!$C$21,0)+IF(Input!$D$22=1,M7603*Input!$C$22,0)</f>
        <v>0.48210573438274368</v>
      </c>
      <c r="O7603" s="59">
        <f>IF(Input!$D$19=2,J7603*Input!$C$19,0)+IF(Input!$D$20=2,K7603*Input!$C$20,0)+IF(Input!$D$21=2,L7603*Input!$C$21,0)+IF(Input!$D$22=2,M7603*Input!$C$22,0)</f>
        <v>1.2052643359568591</v>
      </c>
      <c r="P7603" s="59">
        <f>IF(Input!$D$19=3,J7603*Input!$C$19,0)+IF(Input!$D$20=3,K7603*Input!$C$20,0)+IF(Input!$D$21=3,L7603*Input!$C$21,0)+IF(Input!$D$22=3,M7603*Input!$C$22,0)</f>
        <v>0</v>
      </c>
      <c r="Q7603" s="75">
        <f>IF(Input!$D$19=4,J7603*Input!$C$19,0)+IF(Input!$D$20=4,K7603*Input!$C$20,0)+IF(Input!$D$21=4,L7603*Input!$C$21,0)+IF(Input!$D$22=4,M7603*Input!$C$22,0)</f>
        <v>0</v>
      </c>
      <c r="R7603" s="58">
        <v>73.769664694057056</v>
      </c>
      <c r="S7603" s="124">
        <f t="shared" si="118"/>
        <v>2.0891248489918892</v>
      </c>
    </row>
    <row r="7604" spans="8:19" x14ac:dyDescent="0.3">
      <c r="H7604" s="44">
        <v>7597</v>
      </c>
      <c r="I7604" s="56">
        <f>Bühler!I7630</f>
        <v>0.48210573438274368</v>
      </c>
      <c r="J7604" s="59">
        <f>Bühler!J7630</f>
        <v>1.6070191146091457</v>
      </c>
      <c r="K7604" s="59">
        <f>Bühler!K7630</f>
        <v>2.4105286719137182</v>
      </c>
      <c r="L7604" s="59">
        <f>Bühler!L7630</f>
        <v>11.570537625185848</v>
      </c>
      <c r="M7604" s="58">
        <f>Bühler!M7630</f>
        <v>0</v>
      </c>
      <c r="N7604" s="56">
        <f>IF(Input!$D$19=1,J7604*Input!$C$19,0)+IF(Input!$D$20=1,K7604*Input!$C$20,0)+IF(Input!$D$21=1,L7604*Input!$C$21,0)+IF(Input!$D$22=1,M7604*Input!$C$22,0)</f>
        <v>0.48210573438274368</v>
      </c>
      <c r="O7604" s="59">
        <f>IF(Input!$D$19=2,J7604*Input!$C$19,0)+IF(Input!$D$20=2,K7604*Input!$C$20,0)+IF(Input!$D$21=2,L7604*Input!$C$21,0)+IF(Input!$D$22=2,M7604*Input!$C$22,0)</f>
        <v>1.2052643359568591</v>
      </c>
      <c r="P7604" s="59">
        <f>IF(Input!$D$19=3,J7604*Input!$C$19,0)+IF(Input!$D$20=3,K7604*Input!$C$20,0)+IF(Input!$D$21=3,L7604*Input!$C$21,0)+IF(Input!$D$22=3,M7604*Input!$C$22,0)</f>
        <v>0</v>
      </c>
      <c r="Q7604" s="75">
        <f>IF(Input!$D$19=4,J7604*Input!$C$19,0)+IF(Input!$D$20=4,K7604*Input!$C$20,0)+IF(Input!$D$21=4,L7604*Input!$C$21,0)+IF(Input!$D$22=4,M7604*Input!$C$22,0)</f>
        <v>0</v>
      </c>
      <c r="R7604" s="58">
        <v>72.233194415625164</v>
      </c>
      <c r="S7604" s="124">
        <f t="shared" si="118"/>
        <v>2.0891248489918892</v>
      </c>
    </row>
    <row r="7605" spans="8:19" x14ac:dyDescent="0.3">
      <c r="H7605" s="44">
        <v>7598</v>
      </c>
      <c r="I7605" s="56">
        <f>Bühler!I7631</f>
        <v>0.48210573438274368</v>
      </c>
      <c r="J7605" s="59">
        <f>Bühler!J7631</f>
        <v>1.6070191146091457</v>
      </c>
      <c r="K7605" s="59">
        <f>Bühler!K7631</f>
        <v>2.4105286719137182</v>
      </c>
      <c r="L7605" s="59">
        <f>Bühler!L7631</f>
        <v>11.570537625185848</v>
      </c>
      <c r="M7605" s="58">
        <f>Bühler!M7631</f>
        <v>0</v>
      </c>
      <c r="N7605" s="56">
        <f>IF(Input!$D$19=1,J7605*Input!$C$19,0)+IF(Input!$D$20=1,K7605*Input!$C$20,0)+IF(Input!$D$21=1,L7605*Input!$C$21,0)+IF(Input!$D$22=1,M7605*Input!$C$22,0)</f>
        <v>0.48210573438274368</v>
      </c>
      <c r="O7605" s="59">
        <f>IF(Input!$D$19=2,J7605*Input!$C$19,0)+IF(Input!$D$20=2,K7605*Input!$C$20,0)+IF(Input!$D$21=2,L7605*Input!$C$21,0)+IF(Input!$D$22=2,M7605*Input!$C$22,0)</f>
        <v>1.2052643359568591</v>
      </c>
      <c r="P7605" s="59">
        <f>IF(Input!$D$19=3,J7605*Input!$C$19,0)+IF(Input!$D$20=3,K7605*Input!$C$20,0)+IF(Input!$D$21=3,L7605*Input!$C$21,0)+IF(Input!$D$22=3,M7605*Input!$C$22,0)</f>
        <v>0</v>
      </c>
      <c r="Q7605" s="75">
        <f>IF(Input!$D$19=4,J7605*Input!$C$19,0)+IF(Input!$D$20=4,K7605*Input!$C$20,0)+IF(Input!$D$21=4,L7605*Input!$C$21,0)+IF(Input!$D$22=4,M7605*Input!$C$22,0)</f>
        <v>0</v>
      </c>
      <c r="R7605" s="58">
        <v>71.274958139787358</v>
      </c>
      <c r="S7605" s="124">
        <f t="shared" si="118"/>
        <v>2.0891248489918892</v>
      </c>
    </row>
    <row r="7606" spans="8:19" x14ac:dyDescent="0.3">
      <c r="H7606" s="44">
        <v>7599</v>
      </c>
      <c r="I7606" s="56">
        <f>Bühler!I7632</f>
        <v>0.48210573438274368</v>
      </c>
      <c r="J7606" s="59">
        <f>Bühler!J7632</f>
        <v>1.6070191146091457</v>
      </c>
      <c r="K7606" s="59">
        <f>Bühler!K7632</f>
        <v>2.4105286719137182</v>
      </c>
      <c r="L7606" s="59">
        <f>Bühler!L7632</f>
        <v>11.570537625185848</v>
      </c>
      <c r="M7606" s="58">
        <f>Bühler!M7632</f>
        <v>0</v>
      </c>
      <c r="N7606" s="56">
        <f>IF(Input!$D$19=1,J7606*Input!$C$19,0)+IF(Input!$D$20=1,K7606*Input!$C$20,0)+IF(Input!$D$21=1,L7606*Input!$C$21,0)+IF(Input!$D$22=1,M7606*Input!$C$22,0)</f>
        <v>0.48210573438274368</v>
      </c>
      <c r="O7606" s="59">
        <f>IF(Input!$D$19=2,J7606*Input!$C$19,0)+IF(Input!$D$20=2,K7606*Input!$C$20,0)+IF(Input!$D$21=2,L7606*Input!$C$21,0)+IF(Input!$D$22=2,M7606*Input!$C$22,0)</f>
        <v>1.2052643359568591</v>
      </c>
      <c r="P7606" s="59">
        <f>IF(Input!$D$19=3,J7606*Input!$C$19,0)+IF(Input!$D$20=3,K7606*Input!$C$20,0)+IF(Input!$D$21=3,L7606*Input!$C$21,0)+IF(Input!$D$22=3,M7606*Input!$C$22,0)</f>
        <v>0</v>
      </c>
      <c r="Q7606" s="75">
        <f>IF(Input!$D$19=4,J7606*Input!$C$19,0)+IF(Input!$D$20=4,K7606*Input!$C$20,0)+IF(Input!$D$21=4,L7606*Input!$C$21,0)+IF(Input!$D$22=4,M7606*Input!$C$22,0)</f>
        <v>0</v>
      </c>
      <c r="R7606" s="58">
        <v>71.300095032218195</v>
      </c>
      <c r="S7606" s="124">
        <f t="shared" si="118"/>
        <v>2.0891248489918892</v>
      </c>
    </row>
    <row r="7607" spans="8:19" x14ac:dyDescent="0.3">
      <c r="H7607" s="44">
        <v>7600</v>
      </c>
      <c r="I7607" s="56">
        <f>Bühler!I7633</f>
        <v>0.48210573438274368</v>
      </c>
      <c r="J7607" s="59">
        <f>Bühler!J7633</f>
        <v>1.6070191146091457</v>
      </c>
      <c r="K7607" s="59">
        <f>Bühler!K7633</f>
        <v>2.4105286719137182</v>
      </c>
      <c r="L7607" s="59">
        <f>Bühler!L7633</f>
        <v>11.570537625185848</v>
      </c>
      <c r="M7607" s="58">
        <f>Bühler!M7633</f>
        <v>0</v>
      </c>
      <c r="N7607" s="56">
        <f>IF(Input!$D$19=1,J7607*Input!$C$19,0)+IF(Input!$D$20=1,K7607*Input!$C$20,0)+IF(Input!$D$21=1,L7607*Input!$C$21,0)+IF(Input!$D$22=1,M7607*Input!$C$22,0)</f>
        <v>0.48210573438274368</v>
      </c>
      <c r="O7607" s="59">
        <f>IF(Input!$D$19=2,J7607*Input!$C$19,0)+IF(Input!$D$20=2,K7607*Input!$C$20,0)+IF(Input!$D$21=2,L7607*Input!$C$21,0)+IF(Input!$D$22=2,M7607*Input!$C$22,0)</f>
        <v>1.2052643359568591</v>
      </c>
      <c r="P7607" s="59">
        <f>IF(Input!$D$19=3,J7607*Input!$C$19,0)+IF(Input!$D$20=3,K7607*Input!$C$20,0)+IF(Input!$D$21=3,L7607*Input!$C$21,0)+IF(Input!$D$22=3,M7607*Input!$C$22,0)</f>
        <v>0</v>
      </c>
      <c r="Q7607" s="75">
        <f>IF(Input!$D$19=4,J7607*Input!$C$19,0)+IF(Input!$D$20=4,K7607*Input!$C$20,0)+IF(Input!$D$21=4,L7607*Input!$C$21,0)+IF(Input!$D$22=4,M7607*Input!$C$22,0)</f>
        <v>0</v>
      </c>
      <c r="R7607" s="58">
        <v>70.025946167775899</v>
      </c>
      <c r="S7607" s="124">
        <f t="shared" si="118"/>
        <v>2.0891248489918892</v>
      </c>
    </row>
    <row r="7608" spans="8:19" x14ac:dyDescent="0.3">
      <c r="H7608" s="44">
        <v>7601</v>
      </c>
      <c r="I7608" s="56">
        <f>Bühler!I7634</f>
        <v>0.48210573438274368</v>
      </c>
      <c r="J7608" s="59">
        <f>Bühler!J7634</f>
        <v>1.6070191146091457</v>
      </c>
      <c r="K7608" s="59">
        <f>Bühler!K7634</f>
        <v>2.4105286719137182</v>
      </c>
      <c r="L7608" s="59">
        <f>Bühler!L7634</f>
        <v>11.570537625185848</v>
      </c>
      <c r="M7608" s="58">
        <f>Bühler!M7634</f>
        <v>0</v>
      </c>
      <c r="N7608" s="56">
        <f>IF(Input!$D$19=1,J7608*Input!$C$19,0)+IF(Input!$D$20=1,K7608*Input!$C$20,0)+IF(Input!$D$21=1,L7608*Input!$C$21,0)+IF(Input!$D$22=1,M7608*Input!$C$22,0)</f>
        <v>0.48210573438274368</v>
      </c>
      <c r="O7608" s="59">
        <f>IF(Input!$D$19=2,J7608*Input!$C$19,0)+IF(Input!$D$20=2,K7608*Input!$C$20,0)+IF(Input!$D$21=2,L7608*Input!$C$21,0)+IF(Input!$D$22=2,M7608*Input!$C$22,0)</f>
        <v>1.2052643359568591</v>
      </c>
      <c r="P7608" s="59">
        <f>IF(Input!$D$19=3,J7608*Input!$C$19,0)+IF(Input!$D$20=3,K7608*Input!$C$20,0)+IF(Input!$D$21=3,L7608*Input!$C$21,0)+IF(Input!$D$22=3,M7608*Input!$C$22,0)</f>
        <v>0</v>
      </c>
      <c r="Q7608" s="75">
        <f>IF(Input!$D$19=4,J7608*Input!$C$19,0)+IF(Input!$D$20=4,K7608*Input!$C$20,0)+IF(Input!$D$21=4,L7608*Input!$C$21,0)+IF(Input!$D$22=4,M7608*Input!$C$22,0)</f>
        <v>0</v>
      </c>
      <c r="R7608" s="58">
        <v>68.769935130240285</v>
      </c>
      <c r="S7608" s="124">
        <f t="shared" si="118"/>
        <v>2.0891248489918892</v>
      </c>
    </row>
    <row r="7609" spans="8:19" x14ac:dyDescent="0.3">
      <c r="H7609" s="44">
        <v>7602</v>
      </c>
      <c r="I7609" s="56">
        <f>Bühler!I7635</f>
        <v>0.48210573438274368</v>
      </c>
      <c r="J7609" s="59">
        <f>Bühler!J7635</f>
        <v>1.6070191146091457</v>
      </c>
      <c r="K7609" s="59">
        <f>Bühler!K7635</f>
        <v>2.4105286719137182</v>
      </c>
      <c r="L7609" s="59">
        <f>Bühler!L7635</f>
        <v>11.570537625185848</v>
      </c>
      <c r="M7609" s="58">
        <f>Bühler!M7635</f>
        <v>0</v>
      </c>
      <c r="N7609" s="56">
        <f>IF(Input!$D$19=1,J7609*Input!$C$19,0)+IF(Input!$D$20=1,K7609*Input!$C$20,0)+IF(Input!$D$21=1,L7609*Input!$C$21,0)+IF(Input!$D$22=1,M7609*Input!$C$22,0)</f>
        <v>0.48210573438274368</v>
      </c>
      <c r="O7609" s="59">
        <f>IF(Input!$D$19=2,J7609*Input!$C$19,0)+IF(Input!$D$20=2,K7609*Input!$C$20,0)+IF(Input!$D$21=2,L7609*Input!$C$21,0)+IF(Input!$D$22=2,M7609*Input!$C$22,0)</f>
        <v>1.2052643359568591</v>
      </c>
      <c r="P7609" s="59">
        <f>IF(Input!$D$19=3,J7609*Input!$C$19,0)+IF(Input!$D$20=3,K7609*Input!$C$20,0)+IF(Input!$D$21=3,L7609*Input!$C$21,0)+IF(Input!$D$22=3,M7609*Input!$C$22,0)</f>
        <v>0</v>
      </c>
      <c r="Q7609" s="75">
        <f>IF(Input!$D$19=4,J7609*Input!$C$19,0)+IF(Input!$D$20=4,K7609*Input!$C$20,0)+IF(Input!$D$21=4,L7609*Input!$C$21,0)+IF(Input!$D$22=4,M7609*Input!$C$22,0)</f>
        <v>0</v>
      </c>
      <c r="R7609" s="58">
        <v>67.71348875230187</v>
      </c>
      <c r="S7609" s="124">
        <f t="shared" si="118"/>
        <v>2.0891248489918892</v>
      </c>
    </row>
    <row r="7610" spans="8:19" x14ac:dyDescent="0.3">
      <c r="H7610" s="44">
        <v>7603</v>
      </c>
      <c r="I7610" s="56">
        <f>Bühler!I7636</f>
        <v>0.48210573438274368</v>
      </c>
      <c r="J7610" s="59">
        <f>Bühler!J7636</f>
        <v>1.6070191146091457</v>
      </c>
      <c r="K7610" s="59">
        <f>Bühler!K7636</f>
        <v>2.4105286719137182</v>
      </c>
      <c r="L7610" s="59">
        <f>Bühler!L7636</f>
        <v>11.570537625185848</v>
      </c>
      <c r="M7610" s="58">
        <f>Bühler!M7636</f>
        <v>0</v>
      </c>
      <c r="N7610" s="56">
        <f>IF(Input!$D$19=1,J7610*Input!$C$19,0)+IF(Input!$D$20=1,K7610*Input!$C$20,0)+IF(Input!$D$21=1,L7610*Input!$C$21,0)+IF(Input!$D$22=1,M7610*Input!$C$22,0)</f>
        <v>0.48210573438274368</v>
      </c>
      <c r="O7610" s="59">
        <f>IF(Input!$D$19=2,J7610*Input!$C$19,0)+IF(Input!$D$20=2,K7610*Input!$C$20,0)+IF(Input!$D$21=2,L7610*Input!$C$21,0)+IF(Input!$D$22=2,M7610*Input!$C$22,0)</f>
        <v>1.2052643359568591</v>
      </c>
      <c r="P7610" s="59">
        <f>IF(Input!$D$19=3,J7610*Input!$C$19,0)+IF(Input!$D$20=3,K7610*Input!$C$20,0)+IF(Input!$D$21=3,L7610*Input!$C$21,0)+IF(Input!$D$22=3,M7610*Input!$C$22,0)</f>
        <v>0</v>
      </c>
      <c r="Q7610" s="75">
        <f>IF(Input!$D$19=4,J7610*Input!$C$19,0)+IF(Input!$D$20=4,K7610*Input!$C$20,0)+IF(Input!$D$21=4,L7610*Input!$C$21,0)+IF(Input!$D$22=4,M7610*Input!$C$22,0)</f>
        <v>0</v>
      </c>
      <c r="R7610" s="58">
        <v>66.676145432708367</v>
      </c>
      <c r="S7610" s="124">
        <f t="shared" si="118"/>
        <v>2.0891248489918892</v>
      </c>
    </row>
    <row r="7611" spans="8:19" x14ac:dyDescent="0.3">
      <c r="H7611" s="44">
        <v>7604</v>
      </c>
      <c r="I7611" s="56">
        <f>Bühler!I7637</f>
        <v>0.40376355254554785</v>
      </c>
      <c r="J7611" s="59">
        <f>Bühler!J7637</f>
        <v>1.3458785084851597</v>
      </c>
      <c r="K7611" s="59">
        <f>Bühler!K7637</f>
        <v>2.0188177627277391</v>
      </c>
      <c r="L7611" s="59">
        <f>Bühler!L7637</f>
        <v>9.6903252610931485</v>
      </c>
      <c r="M7611" s="58">
        <f>Bühler!M7637</f>
        <v>0</v>
      </c>
      <c r="N7611" s="56">
        <f>IF(Input!$D$19=1,J7611*Input!$C$19,0)+IF(Input!$D$20=1,K7611*Input!$C$20,0)+IF(Input!$D$21=1,L7611*Input!$C$21,0)+IF(Input!$D$22=1,M7611*Input!$C$22,0)</f>
        <v>0.40376355254554791</v>
      </c>
      <c r="O7611" s="59">
        <f>IF(Input!$D$19=2,J7611*Input!$C$19,0)+IF(Input!$D$20=2,K7611*Input!$C$20,0)+IF(Input!$D$21=2,L7611*Input!$C$21,0)+IF(Input!$D$22=2,M7611*Input!$C$22,0)</f>
        <v>1.0094088813638695</v>
      </c>
      <c r="P7611" s="59">
        <f>IF(Input!$D$19=3,J7611*Input!$C$19,0)+IF(Input!$D$20=3,K7611*Input!$C$20,0)+IF(Input!$D$21=3,L7611*Input!$C$21,0)+IF(Input!$D$22=3,M7611*Input!$C$22,0)</f>
        <v>0</v>
      </c>
      <c r="Q7611" s="75">
        <f>IF(Input!$D$19=4,J7611*Input!$C$19,0)+IF(Input!$D$20=4,K7611*Input!$C$20,0)+IF(Input!$D$21=4,L7611*Input!$C$21,0)+IF(Input!$D$22=4,M7611*Input!$C$22,0)</f>
        <v>0</v>
      </c>
      <c r="R7611" s="58">
        <v>64.636652710273026</v>
      </c>
      <c r="S7611" s="124">
        <f t="shared" si="118"/>
        <v>1.7496420610307075</v>
      </c>
    </row>
    <row r="7612" spans="8:19" x14ac:dyDescent="0.3">
      <c r="H7612" s="44">
        <v>7605</v>
      </c>
      <c r="I7612" s="56">
        <f>Bühler!I7638</f>
        <v>0.33144769238813626</v>
      </c>
      <c r="J7612" s="59">
        <f>Bühler!J7638</f>
        <v>1.1048256412937876</v>
      </c>
      <c r="K7612" s="59">
        <f>Bühler!K7638</f>
        <v>1.6572384619406815</v>
      </c>
      <c r="L7612" s="59">
        <f>Bühler!L7638</f>
        <v>7.9547446173152707</v>
      </c>
      <c r="M7612" s="58">
        <f>Bühler!M7638</f>
        <v>0</v>
      </c>
      <c r="N7612" s="56">
        <f>IF(Input!$D$19=1,J7612*Input!$C$19,0)+IF(Input!$D$20=1,K7612*Input!$C$20,0)+IF(Input!$D$21=1,L7612*Input!$C$21,0)+IF(Input!$D$22=1,M7612*Input!$C$22,0)</f>
        <v>0.33144769238813626</v>
      </c>
      <c r="O7612" s="59">
        <f>IF(Input!$D$19=2,J7612*Input!$C$19,0)+IF(Input!$D$20=2,K7612*Input!$C$20,0)+IF(Input!$D$21=2,L7612*Input!$C$21,0)+IF(Input!$D$22=2,M7612*Input!$C$22,0)</f>
        <v>0.82861923097034074</v>
      </c>
      <c r="P7612" s="59">
        <f>IF(Input!$D$19=3,J7612*Input!$C$19,0)+IF(Input!$D$20=3,K7612*Input!$C$20,0)+IF(Input!$D$21=3,L7612*Input!$C$21,0)+IF(Input!$D$22=3,M7612*Input!$C$22,0)</f>
        <v>0</v>
      </c>
      <c r="Q7612" s="75">
        <f>IF(Input!$D$19=4,J7612*Input!$C$19,0)+IF(Input!$D$20=4,K7612*Input!$C$20,0)+IF(Input!$D$21=4,L7612*Input!$C$21,0)+IF(Input!$D$22=4,M7612*Input!$C$22,0)</f>
        <v>0</v>
      </c>
      <c r="R7612" s="58">
        <v>62.480751570052099</v>
      </c>
      <c r="S7612" s="124">
        <f t="shared" si="118"/>
        <v>1.4362733336819238</v>
      </c>
    </row>
    <row r="7613" spans="8:19" x14ac:dyDescent="0.3">
      <c r="H7613" s="44">
        <v>7606</v>
      </c>
      <c r="I7613" s="56">
        <f>Bühler!I7639</f>
        <v>0.24105286719137184</v>
      </c>
      <c r="J7613" s="59">
        <f>Bühler!J7639</f>
        <v>0.80350955730457285</v>
      </c>
      <c r="K7613" s="59">
        <f>Bühler!K7639</f>
        <v>1.2052643359568591</v>
      </c>
      <c r="L7613" s="59">
        <f>Bühler!L7639</f>
        <v>5.7852688125929239</v>
      </c>
      <c r="M7613" s="58">
        <f>Bühler!M7639</f>
        <v>0</v>
      </c>
      <c r="N7613" s="56">
        <f>IF(Input!$D$19=1,J7613*Input!$C$19,0)+IF(Input!$D$20=1,K7613*Input!$C$20,0)+IF(Input!$D$21=1,L7613*Input!$C$21,0)+IF(Input!$D$22=1,M7613*Input!$C$22,0)</f>
        <v>0.24105286719137184</v>
      </c>
      <c r="O7613" s="59">
        <f>IF(Input!$D$19=2,J7613*Input!$C$19,0)+IF(Input!$D$20=2,K7613*Input!$C$20,0)+IF(Input!$D$21=2,L7613*Input!$C$21,0)+IF(Input!$D$22=2,M7613*Input!$C$22,0)</f>
        <v>0.60263216797842956</v>
      </c>
      <c r="P7613" s="59">
        <f>IF(Input!$D$19=3,J7613*Input!$C$19,0)+IF(Input!$D$20=3,K7613*Input!$C$20,0)+IF(Input!$D$21=3,L7613*Input!$C$21,0)+IF(Input!$D$22=3,M7613*Input!$C$22,0)</f>
        <v>0</v>
      </c>
      <c r="Q7613" s="75">
        <f>IF(Input!$D$19=4,J7613*Input!$C$19,0)+IF(Input!$D$20=4,K7613*Input!$C$20,0)+IF(Input!$D$21=4,L7613*Input!$C$21,0)+IF(Input!$D$22=4,M7613*Input!$C$22,0)</f>
        <v>0</v>
      </c>
      <c r="R7613" s="58">
        <v>59.923684086303773</v>
      </c>
      <c r="S7613" s="124">
        <f t="shared" si="118"/>
        <v>1.0445624244959446</v>
      </c>
    </row>
    <row r="7614" spans="8:19" x14ac:dyDescent="0.3">
      <c r="H7614" s="44">
        <v>7607</v>
      </c>
      <c r="I7614" s="56">
        <f>Bühler!I7640</f>
        <v>0.24105286719137184</v>
      </c>
      <c r="J7614" s="59">
        <f>Bühler!J7640</f>
        <v>0.80350955730457285</v>
      </c>
      <c r="K7614" s="59">
        <f>Bühler!K7640</f>
        <v>1.2052643359568591</v>
      </c>
      <c r="L7614" s="59">
        <f>Bühler!L7640</f>
        <v>5.7852688125929239</v>
      </c>
      <c r="M7614" s="58">
        <f>Bühler!M7640</f>
        <v>0</v>
      </c>
      <c r="N7614" s="56">
        <f>IF(Input!$D$19=1,J7614*Input!$C$19,0)+IF(Input!$D$20=1,K7614*Input!$C$20,0)+IF(Input!$D$21=1,L7614*Input!$C$21,0)+IF(Input!$D$22=1,M7614*Input!$C$22,0)</f>
        <v>0.24105286719137184</v>
      </c>
      <c r="O7614" s="59">
        <f>IF(Input!$D$19=2,J7614*Input!$C$19,0)+IF(Input!$D$20=2,K7614*Input!$C$20,0)+IF(Input!$D$21=2,L7614*Input!$C$21,0)+IF(Input!$D$22=2,M7614*Input!$C$22,0)</f>
        <v>0.60263216797842956</v>
      </c>
      <c r="P7614" s="59">
        <f>IF(Input!$D$19=3,J7614*Input!$C$19,0)+IF(Input!$D$20=3,K7614*Input!$C$20,0)+IF(Input!$D$21=3,L7614*Input!$C$21,0)+IF(Input!$D$22=3,M7614*Input!$C$22,0)</f>
        <v>0</v>
      </c>
      <c r="Q7614" s="75">
        <f>IF(Input!$D$19=4,J7614*Input!$C$19,0)+IF(Input!$D$20=4,K7614*Input!$C$20,0)+IF(Input!$D$21=4,L7614*Input!$C$21,0)+IF(Input!$D$22=4,M7614*Input!$C$22,0)</f>
        <v>0</v>
      </c>
      <c r="R7614" s="58">
        <v>59.259133695509107</v>
      </c>
      <c r="S7614" s="124">
        <f t="shared" si="118"/>
        <v>1.0445624244959446</v>
      </c>
    </row>
    <row r="7615" spans="8:19" x14ac:dyDescent="0.3">
      <c r="H7615" s="44">
        <v>7608</v>
      </c>
      <c r="I7615" s="56">
        <f>Bühler!I7641</f>
        <v>0.24105286719137184</v>
      </c>
      <c r="J7615" s="59">
        <f>Bühler!J7641</f>
        <v>0.80350955730457285</v>
      </c>
      <c r="K7615" s="59">
        <f>Bühler!K7641</f>
        <v>1.2052643359568591</v>
      </c>
      <c r="L7615" s="59">
        <f>Bühler!L7641</f>
        <v>5.7852688125929239</v>
      </c>
      <c r="M7615" s="58">
        <f>Bühler!M7641</f>
        <v>0</v>
      </c>
      <c r="N7615" s="56">
        <f>IF(Input!$D$19=1,J7615*Input!$C$19,0)+IF(Input!$D$20=1,K7615*Input!$C$20,0)+IF(Input!$D$21=1,L7615*Input!$C$21,0)+IF(Input!$D$22=1,M7615*Input!$C$22,0)</f>
        <v>0.24105286719137184</v>
      </c>
      <c r="O7615" s="59">
        <f>IF(Input!$D$19=2,J7615*Input!$C$19,0)+IF(Input!$D$20=2,K7615*Input!$C$20,0)+IF(Input!$D$21=2,L7615*Input!$C$21,0)+IF(Input!$D$22=2,M7615*Input!$C$22,0)</f>
        <v>0.60263216797842956</v>
      </c>
      <c r="P7615" s="59">
        <f>IF(Input!$D$19=3,J7615*Input!$C$19,0)+IF(Input!$D$20=3,K7615*Input!$C$20,0)+IF(Input!$D$21=3,L7615*Input!$C$21,0)+IF(Input!$D$22=3,M7615*Input!$C$22,0)</f>
        <v>0</v>
      </c>
      <c r="Q7615" s="75">
        <f>IF(Input!$D$19=4,J7615*Input!$C$19,0)+IF(Input!$D$20=4,K7615*Input!$C$20,0)+IF(Input!$D$21=4,L7615*Input!$C$21,0)+IF(Input!$D$22=4,M7615*Input!$C$22,0)</f>
        <v>0</v>
      </c>
      <c r="R7615" s="58">
        <v>57.884822337926934</v>
      </c>
      <c r="S7615" s="124">
        <f t="shared" si="118"/>
        <v>1.0445624244959446</v>
      </c>
    </row>
    <row r="7616" spans="8:19" x14ac:dyDescent="0.3">
      <c r="H7616" s="44">
        <v>7609</v>
      </c>
      <c r="I7616" s="56">
        <f>Bühler!I7642</f>
        <v>0.21244447345892067</v>
      </c>
      <c r="J7616" s="59">
        <f>Bühler!J7642</f>
        <v>0.70814824486306893</v>
      </c>
      <c r="K7616" s="59">
        <f>Bühler!K7642</f>
        <v>1.0622223672946034</v>
      </c>
      <c r="L7616" s="59">
        <f>Bühler!L7642</f>
        <v>5.098667363014096</v>
      </c>
      <c r="M7616" s="58">
        <f>Bühler!M7642</f>
        <v>0</v>
      </c>
      <c r="N7616" s="56">
        <f>IF(Input!$D$19=1,J7616*Input!$C$19,0)+IF(Input!$D$20=1,K7616*Input!$C$20,0)+IF(Input!$D$21=1,L7616*Input!$C$21,0)+IF(Input!$D$22=1,M7616*Input!$C$22,0)</f>
        <v>0.21244447345892067</v>
      </c>
      <c r="O7616" s="59">
        <f>IF(Input!$D$19=2,J7616*Input!$C$19,0)+IF(Input!$D$20=2,K7616*Input!$C$20,0)+IF(Input!$D$21=2,L7616*Input!$C$21,0)+IF(Input!$D$22=2,M7616*Input!$C$22,0)</f>
        <v>0.5311111836473017</v>
      </c>
      <c r="P7616" s="59">
        <f>IF(Input!$D$19=3,J7616*Input!$C$19,0)+IF(Input!$D$20=3,K7616*Input!$C$20,0)+IF(Input!$D$21=3,L7616*Input!$C$21,0)+IF(Input!$D$22=3,M7616*Input!$C$22,0)</f>
        <v>0</v>
      </c>
      <c r="Q7616" s="75">
        <f>IF(Input!$D$19=4,J7616*Input!$C$19,0)+IF(Input!$D$20=4,K7616*Input!$C$20,0)+IF(Input!$D$21=4,L7616*Input!$C$21,0)+IF(Input!$D$22=4,M7616*Input!$C$22,0)</f>
        <v>0</v>
      </c>
      <c r="R7616" s="58">
        <v>50.182719574816851</v>
      </c>
      <c r="S7616" s="124">
        <f t="shared" si="118"/>
        <v>0.92059271832198963</v>
      </c>
    </row>
    <row r="7617" spans="8:19" x14ac:dyDescent="0.3">
      <c r="H7617" s="44">
        <v>7610</v>
      </c>
      <c r="I7617" s="56">
        <f>Bühler!I7643</f>
        <v>0.23900003264128575</v>
      </c>
      <c r="J7617" s="59">
        <f>Bühler!J7643</f>
        <v>0.79666677547095255</v>
      </c>
      <c r="K7617" s="59">
        <f>Bühler!K7643</f>
        <v>1.1950001632064287</v>
      </c>
      <c r="L7617" s="59">
        <f>Bühler!L7643</f>
        <v>5.7360007833908577</v>
      </c>
      <c r="M7617" s="58">
        <f>Bühler!M7643</f>
        <v>0</v>
      </c>
      <c r="N7617" s="56">
        <f>IF(Input!$D$19=1,J7617*Input!$C$19,0)+IF(Input!$D$20=1,K7617*Input!$C$20,0)+IF(Input!$D$21=1,L7617*Input!$C$21,0)+IF(Input!$D$22=1,M7617*Input!$C$22,0)</f>
        <v>0.23900003264128575</v>
      </c>
      <c r="O7617" s="59">
        <f>IF(Input!$D$19=2,J7617*Input!$C$19,0)+IF(Input!$D$20=2,K7617*Input!$C$20,0)+IF(Input!$D$21=2,L7617*Input!$C$21,0)+IF(Input!$D$22=2,M7617*Input!$C$22,0)</f>
        <v>0.59750008160321433</v>
      </c>
      <c r="P7617" s="59">
        <f>IF(Input!$D$19=3,J7617*Input!$C$19,0)+IF(Input!$D$20=3,K7617*Input!$C$20,0)+IF(Input!$D$21=3,L7617*Input!$C$21,0)+IF(Input!$D$22=3,M7617*Input!$C$22,0)</f>
        <v>0</v>
      </c>
      <c r="Q7617" s="75">
        <f>IF(Input!$D$19=4,J7617*Input!$C$19,0)+IF(Input!$D$20=4,K7617*Input!$C$20,0)+IF(Input!$D$21=4,L7617*Input!$C$21,0)+IF(Input!$D$22=4,M7617*Input!$C$22,0)</f>
        <v>0</v>
      </c>
      <c r="R7617" s="58">
        <v>50.609268708250148</v>
      </c>
      <c r="S7617" s="124">
        <f t="shared" si="118"/>
        <v>1.0356668081122382</v>
      </c>
    </row>
    <row r="7618" spans="8:19" x14ac:dyDescent="0.3">
      <c r="H7618" s="44">
        <v>7611</v>
      </c>
      <c r="I7618" s="56">
        <f>Bühler!I7644</f>
        <v>0.23900003264128575</v>
      </c>
      <c r="J7618" s="59">
        <f>Bühler!J7644</f>
        <v>0.79666677547095255</v>
      </c>
      <c r="K7618" s="59">
        <f>Bühler!K7644</f>
        <v>1.1950001632064287</v>
      </c>
      <c r="L7618" s="59">
        <f>Bühler!L7644</f>
        <v>5.7360007833908577</v>
      </c>
      <c r="M7618" s="58">
        <f>Bühler!M7644</f>
        <v>0</v>
      </c>
      <c r="N7618" s="56">
        <f>IF(Input!$D$19=1,J7618*Input!$C$19,0)+IF(Input!$D$20=1,K7618*Input!$C$20,0)+IF(Input!$D$21=1,L7618*Input!$C$21,0)+IF(Input!$D$22=1,M7618*Input!$C$22,0)</f>
        <v>0.23900003264128575</v>
      </c>
      <c r="O7618" s="59">
        <f>IF(Input!$D$19=2,J7618*Input!$C$19,0)+IF(Input!$D$20=2,K7618*Input!$C$20,0)+IF(Input!$D$21=2,L7618*Input!$C$21,0)+IF(Input!$D$22=2,M7618*Input!$C$22,0)</f>
        <v>0.59750008160321433</v>
      </c>
      <c r="P7618" s="59">
        <f>IF(Input!$D$19=3,J7618*Input!$C$19,0)+IF(Input!$D$20=3,K7618*Input!$C$20,0)+IF(Input!$D$21=3,L7618*Input!$C$21,0)+IF(Input!$D$22=3,M7618*Input!$C$22,0)</f>
        <v>0</v>
      </c>
      <c r="Q7618" s="75">
        <f>IF(Input!$D$19=4,J7618*Input!$C$19,0)+IF(Input!$D$20=4,K7618*Input!$C$20,0)+IF(Input!$D$21=4,L7618*Input!$C$21,0)+IF(Input!$D$22=4,M7618*Input!$C$22,0)</f>
        <v>0</v>
      </c>
      <c r="R7618" s="58">
        <v>51.30506269061059</v>
      </c>
      <c r="S7618" s="124">
        <f t="shared" si="118"/>
        <v>1.0356668081122382</v>
      </c>
    </row>
    <row r="7619" spans="8:19" x14ac:dyDescent="0.3">
      <c r="H7619" s="44">
        <v>7612</v>
      </c>
      <c r="I7619" s="56">
        <f>Bühler!I7645</f>
        <v>0.23900003264128575</v>
      </c>
      <c r="J7619" s="59">
        <f>Bühler!J7645</f>
        <v>0.79666677547095255</v>
      </c>
      <c r="K7619" s="59">
        <f>Bühler!K7645</f>
        <v>1.1950001632064287</v>
      </c>
      <c r="L7619" s="59">
        <f>Bühler!L7645</f>
        <v>5.7360007833908577</v>
      </c>
      <c r="M7619" s="58">
        <f>Bühler!M7645</f>
        <v>0</v>
      </c>
      <c r="N7619" s="56">
        <f>IF(Input!$D$19=1,J7619*Input!$C$19,0)+IF(Input!$D$20=1,K7619*Input!$C$20,0)+IF(Input!$D$21=1,L7619*Input!$C$21,0)+IF(Input!$D$22=1,M7619*Input!$C$22,0)</f>
        <v>0.23900003264128575</v>
      </c>
      <c r="O7619" s="59">
        <f>IF(Input!$D$19=2,J7619*Input!$C$19,0)+IF(Input!$D$20=2,K7619*Input!$C$20,0)+IF(Input!$D$21=2,L7619*Input!$C$21,0)+IF(Input!$D$22=2,M7619*Input!$C$22,0)</f>
        <v>0.59750008160321433</v>
      </c>
      <c r="P7619" s="59">
        <f>IF(Input!$D$19=3,J7619*Input!$C$19,0)+IF(Input!$D$20=3,K7619*Input!$C$20,0)+IF(Input!$D$21=3,L7619*Input!$C$21,0)+IF(Input!$D$22=3,M7619*Input!$C$22,0)</f>
        <v>0</v>
      </c>
      <c r="Q7619" s="75">
        <f>IF(Input!$D$19=4,J7619*Input!$C$19,0)+IF(Input!$D$20=4,K7619*Input!$C$20,0)+IF(Input!$D$21=4,L7619*Input!$C$21,0)+IF(Input!$D$22=4,M7619*Input!$C$22,0)</f>
        <v>0</v>
      </c>
      <c r="R7619" s="58">
        <v>51.948013370312971</v>
      </c>
      <c r="S7619" s="124">
        <f t="shared" si="118"/>
        <v>1.0356668081122382</v>
      </c>
    </row>
    <row r="7620" spans="8:19" x14ac:dyDescent="0.3">
      <c r="H7620" s="44">
        <v>7613</v>
      </c>
      <c r="I7620" s="56">
        <f>Bühler!I7646</f>
        <v>0.23900003264128575</v>
      </c>
      <c r="J7620" s="59">
        <f>Bühler!J7646</f>
        <v>0.79666677547095255</v>
      </c>
      <c r="K7620" s="59">
        <f>Bühler!K7646</f>
        <v>1.1950001632064287</v>
      </c>
      <c r="L7620" s="59">
        <f>Bühler!L7646</f>
        <v>5.7360007833908577</v>
      </c>
      <c r="M7620" s="58">
        <f>Bühler!M7646</f>
        <v>0</v>
      </c>
      <c r="N7620" s="56">
        <f>IF(Input!$D$19=1,J7620*Input!$C$19,0)+IF(Input!$D$20=1,K7620*Input!$C$20,0)+IF(Input!$D$21=1,L7620*Input!$C$21,0)+IF(Input!$D$22=1,M7620*Input!$C$22,0)</f>
        <v>0.23900003264128575</v>
      </c>
      <c r="O7620" s="59">
        <f>IF(Input!$D$19=2,J7620*Input!$C$19,0)+IF(Input!$D$20=2,K7620*Input!$C$20,0)+IF(Input!$D$21=2,L7620*Input!$C$21,0)+IF(Input!$D$22=2,M7620*Input!$C$22,0)</f>
        <v>0.59750008160321433</v>
      </c>
      <c r="P7620" s="59">
        <f>IF(Input!$D$19=3,J7620*Input!$C$19,0)+IF(Input!$D$20=3,K7620*Input!$C$20,0)+IF(Input!$D$21=3,L7620*Input!$C$21,0)+IF(Input!$D$22=3,M7620*Input!$C$22,0)</f>
        <v>0</v>
      </c>
      <c r="Q7620" s="75">
        <f>IF(Input!$D$19=4,J7620*Input!$C$19,0)+IF(Input!$D$20=4,K7620*Input!$C$20,0)+IF(Input!$D$21=4,L7620*Input!$C$21,0)+IF(Input!$D$22=4,M7620*Input!$C$22,0)</f>
        <v>0</v>
      </c>
      <c r="R7620" s="58">
        <v>54.566846329966992</v>
      </c>
      <c r="S7620" s="124">
        <f t="shared" si="118"/>
        <v>1.0356668081122382</v>
      </c>
    </row>
    <row r="7621" spans="8:19" x14ac:dyDescent="0.3">
      <c r="H7621" s="44">
        <v>7614</v>
      </c>
      <c r="I7621" s="56">
        <f>Bühler!I7647</f>
        <v>0.30804448651543498</v>
      </c>
      <c r="J7621" s="59">
        <f>Bühler!J7647</f>
        <v>1.02681495505145</v>
      </c>
      <c r="K7621" s="59">
        <f>Bühler!K7647</f>
        <v>1.5402224325771747</v>
      </c>
      <c r="L7621" s="59">
        <f>Bühler!L7647</f>
        <v>7.393067676370439</v>
      </c>
      <c r="M7621" s="58">
        <f>Bühler!M7647</f>
        <v>0</v>
      </c>
      <c r="N7621" s="56">
        <f>IF(Input!$D$19=1,J7621*Input!$C$19,0)+IF(Input!$D$20=1,K7621*Input!$C$20,0)+IF(Input!$D$21=1,L7621*Input!$C$21,0)+IF(Input!$D$22=1,M7621*Input!$C$22,0)</f>
        <v>0.30804448651543498</v>
      </c>
      <c r="O7621" s="59">
        <f>IF(Input!$D$19=2,J7621*Input!$C$19,0)+IF(Input!$D$20=2,K7621*Input!$C$20,0)+IF(Input!$D$21=2,L7621*Input!$C$21,0)+IF(Input!$D$22=2,M7621*Input!$C$22,0)</f>
        <v>0.77011121628858736</v>
      </c>
      <c r="P7621" s="59">
        <f>IF(Input!$D$19=3,J7621*Input!$C$19,0)+IF(Input!$D$20=3,K7621*Input!$C$20,0)+IF(Input!$D$21=3,L7621*Input!$C$21,0)+IF(Input!$D$22=3,M7621*Input!$C$22,0)</f>
        <v>0</v>
      </c>
      <c r="Q7621" s="75">
        <f>IF(Input!$D$19=4,J7621*Input!$C$19,0)+IF(Input!$D$20=4,K7621*Input!$C$20,0)+IF(Input!$D$21=4,L7621*Input!$C$21,0)+IF(Input!$D$22=4,M7621*Input!$C$22,0)</f>
        <v>0</v>
      </c>
      <c r="R7621" s="58">
        <v>60.226325919457096</v>
      </c>
      <c r="S7621" s="124">
        <f t="shared" si="118"/>
        <v>1.3348594415668851</v>
      </c>
    </row>
    <row r="7622" spans="8:19" x14ac:dyDescent="0.3">
      <c r="H7622" s="44">
        <v>7615</v>
      </c>
      <c r="I7622" s="56">
        <f>Bühler!I7648</f>
        <v>0.35584449304369209</v>
      </c>
      <c r="J7622" s="59">
        <f>Bühler!J7648</f>
        <v>1.1861483101456405</v>
      </c>
      <c r="K7622" s="59">
        <f>Bühler!K7648</f>
        <v>1.7792224652184605</v>
      </c>
      <c r="L7622" s="59">
        <f>Bühler!L7648</f>
        <v>8.5402678330486097</v>
      </c>
      <c r="M7622" s="58">
        <f>Bühler!M7648</f>
        <v>0</v>
      </c>
      <c r="N7622" s="56">
        <f>IF(Input!$D$19=1,J7622*Input!$C$19,0)+IF(Input!$D$20=1,K7622*Input!$C$20,0)+IF(Input!$D$21=1,L7622*Input!$C$21,0)+IF(Input!$D$22=1,M7622*Input!$C$22,0)</f>
        <v>0.35584449304369214</v>
      </c>
      <c r="O7622" s="59">
        <f>IF(Input!$D$19=2,J7622*Input!$C$19,0)+IF(Input!$D$20=2,K7622*Input!$C$20,0)+IF(Input!$D$21=2,L7622*Input!$C$21,0)+IF(Input!$D$22=2,M7622*Input!$C$22,0)</f>
        <v>0.88961123260923025</v>
      </c>
      <c r="P7622" s="59">
        <f>IF(Input!$D$19=3,J7622*Input!$C$19,0)+IF(Input!$D$20=3,K7622*Input!$C$20,0)+IF(Input!$D$21=3,L7622*Input!$C$21,0)+IF(Input!$D$22=3,M7622*Input!$C$22,0)</f>
        <v>0</v>
      </c>
      <c r="Q7622" s="75">
        <f>IF(Input!$D$19=4,J7622*Input!$C$19,0)+IF(Input!$D$20=4,K7622*Input!$C$20,0)+IF(Input!$D$21=4,L7622*Input!$C$21,0)+IF(Input!$D$22=4,M7622*Input!$C$22,0)</f>
        <v>0</v>
      </c>
      <c r="R7622" s="58">
        <v>66.093720718914724</v>
      </c>
      <c r="S7622" s="124">
        <f t="shared" si="118"/>
        <v>1.5419928031893326</v>
      </c>
    </row>
    <row r="7623" spans="8:19" x14ac:dyDescent="0.3">
      <c r="H7623" s="44">
        <v>7616</v>
      </c>
      <c r="I7623" s="56">
        <f>Bühler!I7649</f>
        <v>0.35584449304369209</v>
      </c>
      <c r="J7623" s="59">
        <f>Bühler!J7649</f>
        <v>1.1861483101456405</v>
      </c>
      <c r="K7623" s="59">
        <f>Bühler!K7649</f>
        <v>1.7792224652184605</v>
      </c>
      <c r="L7623" s="59">
        <f>Bühler!L7649</f>
        <v>8.5402678330486097</v>
      </c>
      <c r="M7623" s="58">
        <f>Bühler!M7649</f>
        <v>0</v>
      </c>
      <c r="N7623" s="56">
        <f>IF(Input!$D$19=1,J7623*Input!$C$19,0)+IF(Input!$D$20=1,K7623*Input!$C$20,0)+IF(Input!$D$21=1,L7623*Input!$C$21,0)+IF(Input!$D$22=1,M7623*Input!$C$22,0)</f>
        <v>0.35584449304369214</v>
      </c>
      <c r="O7623" s="59">
        <f>IF(Input!$D$19=2,J7623*Input!$C$19,0)+IF(Input!$D$20=2,K7623*Input!$C$20,0)+IF(Input!$D$21=2,L7623*Input!$C$21,0)+IF(Input!$D$22=2,M7623*Input!$C$22,0)</f>
        <v>0.88961123260923025</v>
      </c>
      <c r="P7623" s="59">
        <f>IF(Input!$D$19=3,J7623*Input!$C$19,0)+IF(Input!$D$20=3,K7623*Input!$C$20,0)+IF(Input!$D$21=3,L7623*Input!$C$21,0)+IF(Input!$D$22=3,M7623*Input!$C$22,0)</f>
        <v>0</v>
      </c>
      <c r="Q7623" s="75">
        <f>IF(Input!$D$19=4,J7623*Input!$C$19,0)+IF(Input!$D$20=4,K7623*Input!$C$20,0)+IF(Input!$D$21=4,L7623*Input!$C$21,0)+IF(Input!$D$22=4,M7623*Input!$C$22,0)</f>
        <v>0</v>
      </c>
      <c r="R7623" s="58">
        <v>68.635114665830542</v>
      </c>
      <c r="S7623" s="124">
        <f t="shared" si="118"/>
        <v>1.5419928031893326</v>
      </c>
    </row>
    <row r="7624" spans="8:19" x14ac:dyDescent="0.3">
      <c r="H7624" s="44">
        <v>7617</v>
      </c>
      <c r="I7624" s="56">
        <f>Bühler!I7650</f>
        <v>0.35584449304369209</v>
      </c>
      <c r="J7624" s="59">
        <f>Bühler!J7650</f>
        <v>1.1861483101456405</v>
      </c>
      <c r="K7624" s="59">
        <f>Bühler!K7650</f>
        <v>1.7792224652184605</v>
      </c>
      <c r="L7624" s="59">
        <f>Bühler!L7650</f>
        <v>8.5402678330486097</v>
      </c>
      <c r="M7624" s="58">
        <f>Bühler!M7650</f>
        <v>0</v>
      </c>
      <c r="N7624" s="56">
        <f>IF(Input!$D$19=1,J7624*Input!$C$19,0)+IF(Input!$D$20=1,K7624*Input!$C$20,0)+IF(Input!$D$21=1,L7624*Input!$C$21,0)+IF(Input!$D$22=1,M7624*Input!$C$22,0)</f>
        <v>0.35584449304369214</v>
      </c>
      <c r="O7624" s="59">
        <f>IF(Input!$D$19=2,J7624*Input!$C$19,0)+IF(Input!$D$20=2,K7624*Input!$C$20,0)+IF(Input!$D$21=2,L7624*Input!$C$21,0)+IF(Input!$D$22=2,M7624*Input!$C$22,0)</f>
        <v>0.88961123260923025</v>
      </c>
      <c r="P7624" s="59">
        <f>IF(Input!$D$19=3,J7624*Input!$C$19,0)+IF(Input!$D$20=3,K7624*Input!$C$20,0)+IF(Input!$D$21=3,L7624*Input!$C$21,0)+IF(Input!$D$22=3,M7624*Input!$C$22,0)</f>
        <v>0</v>
      </c>
      <c r="Q7624" s="75">
        <f>IF(Input!$D$19=4,J7624*Input!$C$19,0)+IF(Input!$D$20=4,K7624*Input!$C$20,0)+IF(Input!$D$21=4,L7624*Input!$C$21,0)+IF(Input!$D$22=4,M7624*Input!$C$22,0)</f>
        <v>0</v>
      </c>
      <c r="R7624" s="58">
        <v>70.018602429975402</v>
      </c>
      <c r="S7624" s="124">
        <f t="shared" si="118"/>
        <v>1.5419928031893326</v>
      </c>
    </row>
    <row r="7625" spans="8:19" x14ac:dyDescent="0.3">
      <c r="H7625" s="44">
        <v>7618</v>
      </c>
      <c r="I7625" s="56">
        <f>Bühler!I7651</f>
        <v>0.38240005222605716</v>
      </c>
      <c r="J7625" s="59">
        <f>Bühler!J7651</f>
        <v>1.274666840753524</v>
      </c>
      <c r="K7625" s="59">
        <f>Bühler!K7651</f>
        <v>1.9120002611302858</v>
      </c>
      <c r="L7625" s="59">
        <f>Bühler!L7651</f>
        <v>9.1776012534253724</v>
      </c>
      <c r="M7625" s="58">
        <f>Bühler!M7651</f>
        <v>0</v>
      </c>
      <c r="N7625" s="56">
        <f>IF(Input!$D$19=1,J7625*Input!$C$19,0)+IF(Input!$D$20=1,K7625*Input!$C$20,0)+IF(Input!$D$21=1,L7625*Input!$C$21,0)+IF(Input!$D$22=1,M7625*Input!$C$22,0)</f>
        <v>0.38240005222605716</v>
      </c>
      <c r="O7625" s="59">
        <f>IF(Input!$D$19=2,J7625*Input!$C$19,0)+IF(Input!$D$20=2,K7625*Input!$C$20,0)+IF(Input!$D$21=2,L7625*Input!$C$21,0)+IF(Input!$D$22=2,M7625*Input!$C$22,0)</f>
        <v>0.95600013056514288</v>
      </c>
      <c r="P7625" s="59">
        <f>IF(Input!$D$19=3,J7625*Input!$C$19,0)+IF(Input!$D$20=3,K7625*Input!$C$20,0)+IF(Input!$D$21=3,L7625*Input!$C$21,0)+IF(Input!$D$22=3,M7625*Input!$C$22,0)</f>
        <v>0</v>
      </c>
      <c r="Q7625" s="75">
        <f>IF(Input!$D$19=4,J7625*Input!$C$19,0)+IF(Input!$D$20=4,K7625*Input!$C$20,0)+IF(Input!$D$21=4,L7625*Input!$C$21,0)+IF(Input!$D$22=4,M7625*Input!$C$22,0)</f>
        <v>0</v>
      </c>
      <c r="R7625" s="58">
        <v>70.422448520525478</v>
      </c>
      <c r="S7625" s="124">
        <f t="shared" ref="S7625:S7688" si="119">I7625+J7625</f>
        <v>1.6570668929795811</v>
      </c>
    </row>
    <row r="7626" spans="8:19" x14ac:dyDescent="0.3">
      <c r="H7626" s="44">
        <v>7619</v>
      </c>
      <c r="I7626" s="56">
        <f>Bühler!I7652</f>
        <v>0.41426672324489527</v>
      </c>
      <c r="J7626" s="59">
        <f>Bühler!J7652</f>
        <v>1.3808890774829843</v>
      </c>
      <c r="K7626" s="59">
        <f>Bühler!K7652</f>
        <v>2.0713336162244764</v>
      </c>
      <c r="L7626" s="59">
        <f>Bühler!L7652</f>
        <v>9.9424013578774861</v>
      </c>
      <c r="M7626" s="58">
        <f>Bühler!M7652</f>
        <v>0</v>
      </c>
      <c r="N7626" s="56">
        <f>IF(Input!$D$19=1,J7626*Input!$C$19,0)+IF(Input!$D$20=1,K7626*Input!$C$20,0)+IF(Input!$D$21=1,L7626*Input!$C$21,0)+IF(Input!$D$22=1,M7626*Input!$C$22,0)</f>
        <v>0.41426672324489527</v>
      </c>
      <c r="O7626" s="59">
        <f>IF(Input!$D$19=2,J7626*Input!$C$19,0)+IF(Input!$D$20=2,K7626*Input!$C$20,0)+IF(Input!$D$21=2,L7626*Input!$C$21,0)+IF(Input!$D$22=2,M7626*Input!$C$22,0)</f>
        <v>1.0356668081122382</v>
      </c>
      <c r="P7626" s="59">
        <f>IF(Input!$D$19=3,J7626*Input!$C$19,0)+IF(Input!$D$20=3,K7626*Input!$C$20,0)+IF(Input!$D$21=3,L7626*Input!$C$21,0)+IF(Input!$D$22=3,M7626*Input!$C$22,0)</f>
        <v>0</v>
      </c>
      <c r="Q7626" s="75">
        <f>IF(Input!$D$19=4,J7626*Input!$C$19,0)+IF(Input!$D$20=4,K7626*Input!$C$20,0)+IF(Input!$D$21=4,L7626*Input!$C$21,0)+IF(Input!$D$22=4,M7626*Input!$C$22,0)</f>
        <v>0</v>
      </c>
      <c r="R7626" s="58">
        <v>70.967489423734449</v>
      </c>
      <c r="S7626" s="124">
        <f t="shared" si="119"/>
        <v>1.7951558007278796</v>
      </c>
    </row>
    <row r="7627" spans="8:19" x14ac:dyDescent="0.3">
      <c r="H7627" s="44">
        <v>7620</v>
      </c>
      <c r="I7627" s="56">
        <f>Bühler!I7653</f>
        <v>0.4780000652825715</v>
      </c>
      <c r="J7627" s="59">
        <f>Bühler!J7653</f>
        <v>1.5933335509419051</v>
      </c>
      <c r="K7627" s="59">
        <f>Bühler!K7653</f>
        <v>2.3900003264128573</v>
      </c>
      <c r="L7627" s="59">
        <f>Bühler!L7653</f>
        <v>11.472001566781715</v>
      </c>
      <c r="M7627" s="58">
        <f>Bühler!M7653</f>
        <v>0</v>
      </c>
      <c r="N7627" s="56">
        <f>IF(Input!$D$19=1,J7627*Input!$C$19,0)+IF(Input!$D$20=1,K7627*Input!$C$20,0)+IF(Input!$D$21=1,L7627*Input!$C$21,0)+IF(Input!$D$22=1,M7627*Input!$C$22,0)</f>
        <v>0.4780000652825715</v>
      </c>
      <c r="O7627" s="59">
        <f>IF(Input!$D$19=2,J7627*Input!$C$19,0)+IF(Input!$D$20=2,K7627*Input!$C$20,0)+IF(Input!$D$21=2,L7627*Input!$C$21,0)+IF(Input!$D$22=2,M7627*Input!$C$22,0)</f>
        <v>1.1950001632064287</v>
      </c>
      <c r="P7627" s="59">
        <f>IF(Input!$D$19=3,J7627*Input!$C$19,0)+IF(Input!$D$20=3,K7627*Input!$C$20,0)+IF(Input!$D$21=3,L7627*Input!$C$21,0)+IF(Input!$D$22=3,M7627*Input!$C$22,0)</f>
        <v>0</v>
      </c>
      <c r="Q7627" s="75">
        <f>IF(Input!$D$19=4,J7627*Input!$C$19,0)+IF(Input!$D$20=4,K7627*Input!$C$20,0)+IF(Input!$D$21=4,L7627*Input!$C$21,0)+IF(Input!$D$22=4,M7627*Input!$C$22,0)</f>
        <v>0</v>
      </c>
      <c r="R7627" s="58">
        <v>71.39658039997515</v>
      </c>
      <c r="S7627" s="124">
        <f t="shared" si="119"/>
        <v>2.0713336162244764</v>
      </c>
    </row>
    <row r="7628" spans="8:19" x14ac:dyDescent="0.3">
      <c r="H7628" s="44">
        <v>7621</v>
      </c>
      <c r="I7628" s="56">
        <f>Bühler!I7654</f>
        <v>0.4780000652825715</v>
      </c>
      <c r="J7628" s="59">
        <f>Bühler!J7654</f>
        <v>1.5933335509419051</v>
      </c>
      <c r="K7628" s="59">
        <f>Bühler!K7654</f>
        <v>2.3900003264128573</v>
      </c>
      <c r="L7628" s="59">
        <f>Bühler!L7654</f>
        <v>11.472001566781715</v>
      </c>
      <c r="M7628" s="58">
        <f>Bühler!M7654</f>
        <v>0</v>
      </c>
      <c r="N7628" s="56">
        <f>IF(Input!$D$19=1,J7628*Input!$C$19,0)+IF(Input!$D$20=1,K7628*Input!$C$20,0)+IF(Input!$D$21=1,L7628*Input!$C$21,0)+IF(Input!$D$22=1,M7628*Input!$C$22,0)</f>
        <v>0.4780000652825715</v>
      </c>
      <c r="O7628" s="59">
        <f>IF(Input!$D$19=2,J7628*Input!$C$19,0)+IF(Input!$D$20=2,K7628*Input!$C$20,0)+IF(Input!$D$21=2,L7628*Input!$C$21,0)+IF(Input!$D$22=2,M7628*Input!$C$22,0)</f>
        <v>1.1950001632064287</v>
      </c>
      <c r="P7628" s="59">
        <f>IF(Input!$D$19=3,J7628*Input!$C$19,0)+IF(Input!$D$20=3,K7628*Input!$C$20,0)+IF(Input!$D$21=3,L7628*Input!$C$21,0)+IF(Input!$D$22=3,M7628*Input!$C$22,0)</f>
        <v>0</v>
      </c>
      <c r="Q7628" s="75">
        <f>IF(Input!$D$19=4,J7628*Input!$C$19,0)+IF(Input!$D$20=4,K7628*Input!$C$20,0)+IF(Input!$D$21=4,L7628*Input!$C$21,0)+IF(Input!$D$22=4,M7628*Input!$C$22,0)</f>
        <v>0</v>
      </c>
      <c r="R7628" s="58">
        <v>70.953724048954513</v>
      </c>
      <c r="S7628" s="124">
        <f t="shared" si="119"/>
        <v>2.0713336162244764</v>
      </c>
    </row>
    <row r="7629" spans="8:19" x14ac:dyDescent="0.3">
      <c r="H7629" s="44">
        <v>7622</v>
      </c>
      <c r="I7629" s="56">
        <f>Bühler!I7655</f>
        <v>0.4780000652825715</v>
      </c>
      <c r="J7629" s="59">
        <f>Bühler!J7655</f>
        <v>1.5933335509419051</v>
      </c>
      <c r="K7629" s="59">
        <f>Bühler!K7655</f>
        <v>2.3900003264128573</v>
      </c>
      <c r="L7629" s="59">
        <f>Bühler!L7655</f>
        <v>11.472001566781715</v>
      </c>
      <c r="M7629" s="58">
        <f>Bühler!M7655</f>
        <v>0</v>
      </c>
      <c r="N7629" s="56">
        <f>IF(Input!$D$19=1,J7629*Input!$C$19,0)+IF(Input!$D$20=1,K7629*Input!$C$20,0)+IF(Input!$D$21=1,L7629*Input!$C$21,0)+IF(Input!$D$22=1,M7629*Input!$C$22,0)</f>
        <v>0.4780000652825715</v>
      </c>
      <c r="O7629" s="59">
        <f>IF(Input!$D$19=2,J7629*Input!$C$19,0)+IF(Input!$D$20=2,K7629*Input!$C$20,0)+IF(Input!$D$21=2,L7629*Input!$C$21,0)+IF(Input!$D$22=2,M7629*Input!$C$22,0)</f>
        <v>1.1950001632064287</v>
      </c>
      <c r="P7629" s="59">
        <f>IF(Input!$D$19=3,J7629*Input!$C$19,0)+IF(Input!$D$20=3,K7629*Input!$C$20,0)+IF(Input!$D$21=3,L7629*Input!$C$21,0)+IF(Input!$D$22=3,M7629*Input!$C$22,0)</f>
        <v>0</v>
      </c>
      <c r="Q7629" s="75">
        <f>IF(Input!$D$19=4,J7629*Input!$C$19,0)+IF(Input!$D$20=4,K7629*Input!$C$20,0)+IF(Input!$D$21=4,L7629*Input!$C$21,0)+IF(Input!$D$22=4,M7629*Input!$C$22,0)</f>
        <v>0</v>
      </c>
      <c r="R7629" s="58">
        <v>70.460717028526503</v>
      </c>
      <c r="S7629" s="124">
        <f t="shared" si="119"/>
        <v>2.0713336162244764</v>
      </c>
    </row>
    <row r="7630" spans="8:19" x14ac:dyDescent="0.3">
      <c r="H7630" s="44">
        <v>7623</v>
      </c>
      <c r="I7630" s="56">
        <f>Bühler!I7656</f>
        <v>0.4780000652825715</v>
      </c>
      <c r="J7630" s="59">
        <f>Bühler!J7656</f>
        <v>1.5933335509419051</v>
      </c>
      <c r="K7630" s="59">
        <f>Bühler!K7656</f>
        <v>2.3900003264128573</v>
      </c>
      <c r="L7630" s="59">
        <f>Bühler!L7656</f>
        <v>11.472001566781715</v>
      </c>
      <c r="M7630" s="58">
        <f>Bühler!M7656</f>
        <v>0</v>
      </c>
      <c r="N7630" s="56">
        <f>IF(Input!$D$19=1,J7630*Input!$C$19,0)+IF(Input!$D$20=1,K7630*Input!$C$20,0)+IF(Input!$D$21=1,L7630*Input!$C$21,0)+IF(Input!$D$22=1,M7630*Input!$C$22,0)</f>
        <v>0.4780000652825715</v>
      </c>
      <c r="O7630" s="59">
        <f>IF(Input!$D$19=2,J7630*Input!$C$19,0)+IF(Input!$D$20=2,K7630*Input!$C$20,0)+IF(Input!$D$21=2,L7630*Input!$C$21,0)+IF(Input!$D$22=2,M7630*Input!$C$22,0)</f>
        <v>1.1950001632064287</v>
      </c>
      <c r="P7630" s="59">
        <f>IF(Input!$D$19=3,J7630*Input!$C$19,0)+IF(Input!$D$20=3,K7630*Input!$C$20,0)+IF(Input!$D$21=3,L7630*Input!$C$21,0)+IF(Input!$D$22=3,M7630*Input!$C$22,0)</f>
        <v>0</v>
      </c>
      <c r="Q7630" s="75">
        <f>IF(Input!$D$19=4,J7630*Input!$C$19,0)+IF(Input!$D$20=4,K7630*Input!$C$20,0)+IF(Input!$D$21=4,L7630*Input!$C$21,0)+IF(Input!$D$22=4,M7630*Input!$C$22,0)</f>
        <v>0</v>
      </c>
      <c r="R7630" s="58">
        <v>70.883225142834021</v>
      </c>
      <c r="S7630" s="124">
        <f t="shared" si="119"/>
        <v>2.0713336162244764</v>
      </c>
    </row>
    <row r="7631" spans="8:19" x14ac:dyDescent="0.3">
      <c r="H7631" s="44">
        <v>7624</v>
      </c>
      <c r="I7631" s="56">
        <f>Bühler!I7657</f>
        <v>0.4780000652825715</v>
      </c>
      <c r="J7631" s="59">
        <f>Bühler!J7657</f>
        <v>1.5933335509419051</v>
      </c>
      <c r="K7631" s="59">
        <f>Bühler!K7657</f>
        <v>2.3900003264128573</v>
      </c>
      <c r="L7631" s="59">
        <f>Bühler!L7657</f>
        <v>11.472001566781715</v>
      </c>
      <c r="M7631" s="58">
        <f>Bühler!M7657</f>
        <v>0</v>
      </c>
      <c r="N7631" s="56">
        <f>IF(Input!$D$19=1,J7631*Input!$C$19,0)+IF(Input!$D$20=1,K7631*Input!$C$20,0)+IF(Input!$D$21=1,L7631*Input!$C$21,0)+IF(Input!$D$22=1,M7631*Input!$C$22,0)</f>
        <v>0.4780000652825715</v>
      </c>
      <c r="O7631" s="59">
        <f>IF(Input!$D$19=2,J7631*Input!$C$19,0)+IF(Input!$D$20=2,K7631*Input!$C$20,0)+IF(Input!$D$21=2,L7631*Input!$C$21,0)+IF(Input!$D$22=2,M7631*Input!$C$22,0)</f>
        <v>1.1950001632064287</v>
      </c>
      <c r="P7631" s="59">
        <f>IF(Input!$D$19=3,J7631*Input!$C$19,0)+IF(Input!$D$20=3,K7631*Input!$C$20,0)+IF(Input!$D$21=3,L7631*Input!$C$21,0)+IF(Input!$D$22=3,M7631*Input!$C$22,0)</f>
        <v>0</v>
      </c>
      <c r="Q7631" s="75">
        <f>IF(Input!$D$19=4,J7631*Input!$C$19,0)+IF(Input!$D$20=4,K7631*Input!$C$20,0)+IF(Input!$D$21=4,L7631*Input!$C$21,0)+IF(Input!$D$22=4,M7631*Input!$C$22,0)</f>
        <v>0</v>
      </c>
      <c r="R7631" s="58">
        <v>69.222557025771906</v>
      </c>
      <c r="S7631" s="124">
        <f t="shared" si="119"/>
        <v>2.0713336162244764</v>
      </c>
    </row>
    <row r="7632" spans="8:19" x14ac:dyDescent="0.3">
      <c r="H7632" s="44">
        <v>7625</v>
      </c>
      <c r="I7632" s="56">
        <f>Bühler!I7658</f>
        <v>0.4780000652825715</v>
      </c>
      <c r="J7632" s="59">
        <f>Bühler!J7658</f>
        <v>1.5933335509419051</v>
      </c>
      <c r="K7632" s="59">
        <f>Bühler!K7658</f>
        <v>2.3900003264128573</v>
      </c>
      <c r="L7632" s="59">
        <f>Bühler!L7658</f>
        <v>11.472001566781715</v>
      </c>
      <c r="M7632" s="58">
        <f>Bühler!M7658</f>
        <v>0</v>
      </c>
      <c r="N7632" s="56">
        <f>IF(Input!$D$19=1,J7632*Input!$C$19,0)+IF(Input!$D$20=1,K7632*Input!$C$20,0)+IF(Input!$D$21=1,L7632*Input!$C$21,0)+IF(Input!$D$22=1,M7632*Input!$C$22,0)</f>
        <v>0.4780000652825715</v>
      </c>
      <c r="O7632" s="59">
        <f>IF(Input!$D$19=2,J7632*Input!$C$19,0)+IF(Input!$D$20=2,K7632*Input!$C$20,0)+IF(Input!$D$21=2,L7632*Input!$C$21,0)+IF(Input!$D$22=2,M7632*Input!$C$22,0)</f>
        <v>1.1950001632064287</v>
      </c>
      <c r="P7632" s="59">
        <f>IF(Input!$D$19=3,J7632*Input!$C$19,0)+IF(Input!$D$20=3,K7632*Input!$C$20,0)+IF(Input!$D$21=3,L7632*Input!$C$21,0)+IF(Input!$D$22=3,M7632*Input!$C$22,0)</f>
        <v>0</v>
      </c>
      <c r="Q7632" s="75">
        <f>IF(Input!$D$19=4,J7632*Input!$C$19,0)+IF(Input!$D$20=4,K7632*Input!$C$20,0)+IF(Input!$D$21=4,L7632*Input!$C$21,0)+IF(Input!$D$22=4,M7632*Input!$C$22,0)</f>
        <v>0</v>
      </c>
      <c r="R7632" s="58">
        <v>68.346527980871542</v>
      </c>
      <c r="S7632" s="124">
        <f t="shared" si="119"/>
        <v>2.0713336162244764</v>
      </c>
    </row>
    <row r="7633" spans="8:19" x14ac:dyDescent="0.3">
      <c r="H7633" s="44">
        <v>7626</v>
      </c>
      <c r="I7633" s="56">
        <f>Bühler!I7659</f>
        <v>0.4780000652825715</v>
      </c>
      <c r="J7633" s="59">
        <f>Bühler!J7659</f>
        <v>1.5933335509419051</v>
      </c>
      <c r="K7633" s="59">
        <f>Bühler!K7659</f>
        <v>2.3900003264128573</v>
      </c>
      <c r="L7633" s="59">
        <f>Bühler!L7659</f>
        <v>11.472001566781715</v>
      </c>
      <c r="M7633" s="58">
        <f>Bühler!M7659</f>
        <v>0</v>
      </c>
      <c r="N7633" s="56">
        <f>IF(Input!$D$19=1,J7633*Input!$C$19,0)+IF(Input!$D$20=1,K7633*Input!$C$20,0)+IF(Input!$D$21=1,L7633*Input!$C$21,0)+IF(Input!$D$22=1,M7633*Input!$C$22,0)</f>
        <v>0.4780000652825715</v>
      </c>
      <c r="O7633" s="59">
        <f>IF(Input!$D$19=2,J7633*Input!$C$19,0)+IF(Input!$D$20=2,K7633*Input!$C$20,0)+IF(Input!$D$21=2,L7633*Input!$C$21,0)+IF(Input!$D$22=2,M7633*Input!$C$22,0)</f>
        <v>1.1950001632064287</v>
      </c>
      <c r="P7633" s="59">
        <f>IF(Input!$D$19=3,J7633*Input!$C$19,0)+IF(Input!$D$20=3,K7633*Input!$C$20,0)+IF(Input!$D$21=3,L7633*Input!$C$21,0)+IF(Input!$D$22=3,M7633*Input!$C$22,0)</f>
        <v>0</v>
      </c>
      <c r="Q7633" s="75">
        <f>IF(Input!$D$19=4,J7633*Input!$C$19,0)+IF(Input!$D$20=4,K7633*Input!$C$20,0)+IF(Input!$D$21=4,L7633*Input!$C$21,0)+IF(Input!$D$22=4,M7633*Input!$C$22,0)</f>
        <v>0</v>
      </c>
      <c r="R7633" s="58">
        <v>67.222997213812903</v>
      </c>
      <c r="S7633" s="124">
        <f t="shared" si="119"/>
        <v>2.0713336162244764</v>
      </c>
    </row>
    <row r="7634" spans="8:19" x14ac:dyDescent="0.3">
      <c r="H7634" s="44">
        <v>7627</v>
      </c>
      <c r="I7634" s="56">
        <f>Bühler!I7660</f>
        <v>0.4780000652825715</v>
      </c>
      <c r="J7634" s="59">
        <f>Bühler!J7660</f>
        <v>1.5933335509419051</v>
      </c>
      <c r="K7634" s="59">
        <f>Bühler!K7660</f>
        <v>2.3900003264128573</v>
      </c>
      <c r="L7634" s="59">
        <f>Bühler!L7660</f>
        <v>11.472001566781715</v>
      </c>
      <c r="M7634" s="58">
        <f>Bühler!M7660</f>
        <v>0</v>
      </c>
      <c r="N7634" s="56">
        <f>IF(Input!$D$19=1,J7634*Input!$C$19,0)+IF(Input!$D$20=1,K7634*Input!$C$20,0)+IF(Input!$D$21=1,L7634*Input!$C$21,0)+IF(Input!$D$22=1,M7634*Input!$C$22,0)</f>
        <v>0.4780000652825715</v>
      </c>
      <c r="O7634" s="59">
        <f>IF(Input!$D$19=2,J7634*Input!$C$19,0)+IF(Input!$D$20=2,K7634*Input!$C$20,0)+IF(Input!$D$21=2,L7634*Input!$C$21,0)+IF(Input!$D$22=2,M7634*Input!$C$22,0)</f>
        <v>1.1950001632064287</v>
      </c>
      <c r="P7634" s="59">
        <f>IF(Input!$D$19=3,J7634*Input!$C$19,0)+IF(Input!$D$20=3,K7634*Input!$C$20,0)+IF(Input!$D$21=3,L7634*Input!$C$21,0)+IF(Input!$D$22=3,M7634*Input!$C$22,0)</f>
        <v>0</v>
      </c>
      <c r="Q7634" s="75">
        <f>IF(Input!$D$19=4,J7634*Input!$C$19,0)+IF(Input!$D$20=4,K7634*Input!$C$20,0)+IF(Input!$D$21=4,L7634*Input!$C$21,0)+IF(Input!$D$22=4,M7634*Input!$C$22,0)</f>
        <v>0</v>
      </c>
      <c r="R7634" s="58">
        <v>66.656980434168332</v>
      </c>
      <c r="S7634" s="124">
        <f t="shared" si="119"/>
        <v>2.0713336162244764</v>
      </c>
    </row>
    <row r="7635" spans="8:19" x14ac:dyDescent="0.3">
      <c r="H7635" s="44">
        <v>7628</v>
      </c>
      <c r="I7635" s="56">
        <f>Bühler!I7661</f>
        <v>0.39833338773547622</v>
      </c>
      <c r="J7635" s="59">
        <f>Bühler!J7661</f>
        <v>1.3277779591182544</v>
      </c>
      <c r="K7635" s="59">
        <f>Bühler!K7661</f>
        <v>1.9916669386773811</v>
      </c>
      <c r="L7635" s="59">
        <f>Bühler!L7661</f>
        <v>9.5600013056514292</v>
      </c>
      <c r="M7635" s="58">
        <f>Bühler!M7661</f>
        <v>0</v>
      </c>
      <c r="N7635" s="56">
        <f>IF(Input!$D$19=1,J7635*Input!$C$19,0)+IF(Input!$D$20=1,K7635*Input!$C$20,0)+IF(Input!$D$21=1,L7635*Input!$C$21,0)+IF(Input!$D$22=1,M7635*Input!$C$22,0)</f>
        <v>0.39833338773547627</v>
      </c>
      <c r="O7635" s="59">
        <f>IF(Input!$D$19=2,J7635*Input!$C$19,0)+IF(Input!$D$20=2,K7635*Input!$C$20,0)+IF(Input!$D$21=2,L7635*Input!$C$21,0)+IF(Input!$D$22=2,M7635*Input!$C$22,0)</f>
        <v>0.99583346933869055</v>
      </c>
      <c r="P7635" s="59">
        <f>IF(Input!$D$19=3,J7635*Input!$C$19,0)+IF(Input!$D$20=3,K7635*Input!$C$20,0)+IF(Input!$D$21=3,L7635*Input!$C$21,0)+IF(Input!$D$22=3,M7635*Input!$C$22,0)</f>
        <v>0</v>
      </c>
      <c r="Q7635" s="75">
        <f>IF(Input!$D$19=4,J7635*Input!$C$19,0)+IF(Input!$D$20=4,K7635*Input!$C$20,0)+IF(Input!$D$21=4,L7635*Input!$C$21,0)+IF(Input!$D$22=4,M7635*Input!$C$22,0)</f>
        <v>0</v>
      </c>
      <c r="R7635" s="58">
        <v>65.488732925895988</v>
      </c>
      <c r="S7635" s="124">
        <f t="shared" si="119"/>
        <v>1.7261113468537306</v>
      </c>
    </row>
    <row r="7636" spans="8:19" x14ac:dyDescent="0.3">
      <c r="H7636" s="44">
        <v>7629</v>
      </c>
      <c r="I7636" s="56">
        <f>Bühler!I7662</f>
        <v>0.318666710188381</v>
      </c>
      <c r="J7636" s="59">
        <f>Bühler!J7662</f>
        <v>1.0622223672946034</v>
      </c>
      <c r="K7636" s="59">
        <f>Bühler!K7662</f>
        <v>1.5933335509419049</v>
      </c>
      <c r="L7636" s="59">
        <f>Bühler!L7662</f>
        <v>7.6480010445211439</v>
      </c>
      <c r="M7636" s="58">
        <f>Bühler!M7662</f>
        <v>0</v>
      </c>
      <c r="N7636" s="56">
        <f>IF(Input!$D$19=1,J7636*Input!$C$19,0)+IF(Input!$D$20=1,K7636*Input!$C$20,0)+IF(Input!$D$21=1,L7636*Input!$C$21,0)+IF(Input!$D$22=1,M7636*Input!$C$22,0)</f>
        <v>0.318666710188381</v>
      </c>
      <c r="O7636" s="59">
        <f>IF(Input!$D$19=2,J7636*Input!$C$19,0)+IF(Input!$D$20=2,K7636*Input!$C$20,0)+IF(Input!$D$21=2,L7636*Input!$C$21,0)+IF(Input!$D$22=2,M7636*Input!$C$22,0)</f>
        <v>0.79666677547095244</v>
      </c>
      <c r="P7636" s="59">
        <f>IF(Input!$D$19=3,J7636*Input!$C$19,0)+IF(Input!$D$20=3,K7636*Input!$C$20,0)+IF(Input!$D$21=3,L7636*Input!$C$21,0)+IF(Input!$D$22=3,M7636*Input!$C$22,0)</f>
        <v>0</v>
      </c>
      <c r="Q7636" s="75">
        <f>IF(Input!$D$19=4,J7636*Input!$C$19,0)+IF(Input!$D$20=4,K7636*Input!$C$20,0)+IF(Input!$D$21=4,L7636*Input!$C$21,0)+IF(Input!$D$22=4,M7636*Input!$C$22,0)</f>
        <v>0</v>
      </c>
      <c r="R7636" s="58">
        <v>63.766953941545005</v>
      </c>
      <c r="S7636" s="124">
        <f t="shared" si="119"/>
        <v>1.3808890774829843</v>
      </c>
    </row>
    <row r="7637" spans="8:19" x14ac:dyDescent="0.3">
      <c r="H7637" s="44">
        <v>7630</v>
      </c>
      <c r="I7637" s="56">
        <f>Bühler!I7663</f>
        <v>0.23900003264128575</v>
      </c>
      <c r="J7637" s="59">
        <f>Bühler!J7663</f>
        <v>0.79666677547095255</v>
      </c>
      <c r="K7637" s="59">
        <f>Bühler!K7663</f>
        <v>1.1950001632064287</v>
      </c>
      <c r="L7637" s="59">
        <f>Bühler!L7663</f>
        <v>5.7360007833908577</v>
      </c>
      <c r="M7637" s="58">
        <f>Bühler!M7663</f>
        <v>0</v>
      </c>
      <c r="N7637" s="56">
        <f>IF(Input!$D$19=1,J7637*Input!$C$19,0)+IF(Input!$D$20=1,K7637*Input!$C$20,0)+IF(Input!$D$21=1,L7637*Input!$C$21,0)+IF(Input!$D$22=1,M7637*Input!$C$22,0)</f>
        <v>0.23900003264128575</v>
      </c>
      <c r="O7637" s="59">
        <f>IF(Input!$D$19=2,J7637*Input!$C$19,0)+IF(Input!$D$20=2,K7637*Input!$C$20,0)+IF(Input!$D$21=2,L7637*Input!$C$21,0)+IF(Input!$D$22=2,M7637*Input!$C$22,0)</f>
        <v>0.59750008160321433</v>
      </c>
      <c r="P7637" s="59">
        <f>IF(Input!$D$19=3,J7637*Input!$C$19,0)+IF(Input!$D$20=3,K7637*Input!$C$20,0)+IF(Input!$D$21=3,L7637*Input!$C$21,0)+IF(Input!$D$22=3,M7637*Input!$C$22,0)</f>
        <v>0</v>
      </c>
      <c r="Q7637" s="75">
        <f>IF(Input!$D$19=4,J7637*Input!$C$19,0)+IF(Input!$D$20=4,K7637*Input!$C$20,0)+IF(Input!$D$21=4,L7637*Input!$C$21,0)+IF(Input!$D$22=4,M7637*Input!$C$22,0)</f>
        <v>0</v>
      </c>
      <c r="R7637" s="58">
        <v>61.35671359164273</v>
      </c>
      <c r="S7637" s="124">
        <f t="shared" si="119"/>
        <v>1.0356668081122382</v>
      </c>
    </row>
    <row r="7638" spans="8:19" x14ac:dyDescent="0.3">
      <c r="H7638" s="44">
        <v>7631</v>
      </c>
      <c r="I7638" s="56">
        <f>Bühler!I7664</f>
        <v>0.23900003264128575</v>
      </c>
      <c r="J7638" s="59">
        <f>Bühler!J7664</f>
        <v>0.79666677547095255</v>
      </c>
      <c r="K7638" s="59">
        <f>Bühler!K7664</f>
        <v>1.1950001632064287</v>
      </c>
      <c r="L7638" s="59">
        <f>Bühler!L7664</f>
        <v>5.7360007833908577</v>
      </c>
      <c r="M7638" s="58">
        <f>Bühler!M7664</f>
        <v>0</v>
      </c>
      <c r="N7638" s="56">
        <f>IF(Input!$D$19=1,J7638*Input!$C$19,0)+IF(Input!$D$20=1,K7638*Input!$C$20,0)+IF(Input!$D$21=1,L7638*Input!$C$21,0)+IF(Input!$D$22=1,M7638*Input!$C$22,0)</f>
        <v>0.23900003264128575</v>
      </c>
      <c r="O7638" s="59">
        <f>IF(Input!$D$19=2,J7638*Input!$C$19,0)+IF(Input!$D$20=2,K7638*Input!$C$20,0)+IF(Input!$D$21=2,L7638*Input!$C$21,0)+IF(Input!$D$22=2,M7638*Input!$C$22,0)</f>
        <v>0.59750008160321433</v>
      </c>
      <c r="P7638" s="59">
        <f>IF(Input!$D$19=3,J7638*Input!$C$19,0)+IF(Input!$D$20=3,K7638*Input!$C$20,0)+IF(Input!$D$21=3,L7638*Input!$C$21,0)+IF(Input!$D$22=3,M7638*Input!$C$22,0)</f>
        <v>0</v>
      </c>
      <c r="Q7638" s="75">
        <f>IF(Input!$D$19=4,J7638*Input!$C$19,0)+IF(Input!$D$20=4,K7638*Input!$C$20,0)+IF(Input!$D$21=4,L7638*Input!$C$21,0)+IF(Input!$D$22=4,M7638*Input!$C$22,0)</f>
        <v>0</v>
      </c>
      <c r="R7638" s="58">
        <v>60.398086374712769</v>
      </c>
      <c r="S7638" s="124">
        <f t="shared" si="119"/>
        <v>1.0356668081122382</v>
      </c>
    </row>
    <row r="7639" spans="8:19" x14ac:dyDescent="0.3">
      <c r="H7639" s="44">
        <v>7632</v>
      </c>
      <c r="I7639" s="56">
        <f>Bühler!I7665</f>
        <v>0.23900003264128575</v>
      </c>
      <c r="J7639" s="59">
        <f>Bühler!J7665</f>
        <v>0.79666677547095255</v>
      </c>
      <c r="K7639" s="59">
        <f>Bühler!K7665</f>
        <v>1.1950001632064287</v>
      </c>
      <c r="L7639" s="59">
        <f>Bühler!L7665</f>
        <v>5.7360007833908577</v>
      </c>
      <c r="M7639" s="58">
        <f>Bühler!M7665</f>
        <v>0</v>
      </c>
      <c r="N7639" s="56">
        <f>IF(Input!$D$19=1,J7639*Input!$C$19,0)+IF(Input!$D$20=1,K7639*Input!$C$20,0)+IF(Input!$D$21=1,L7639*Input!$C$21,0)+IF(Input!$D$22=1,M7639*Input!$C$22,0)</f>
        <v>0.23900003264128575</v>
      </c>
      <c r="O7639" s="59">
        <f>IF(Input!$D$19=2,J7639*Input!$C$19,0)+IF(Input!$D$20=2,K7639*Input!$C$20,0)+IF(Input!$D$21=2,L7639*Input!$C$21,0)+IF(Input!$D$22=2,M7639*Input!$C$22,0)</f>
        <v>0.59750008160321433</v>
      </c>
      <c r="P7639" s="59">
        <f>IF(Input!$D$19=3,J7639*Input!$C$19,0)+IF(Input!$D$20=3,K7639*Input!$C$20,0)+IF(Input!$D$21=3,L7639*Input!$C$21,0)+IF(Input!$D$22=3,M7639*Input!$C$22,0)</f>
        <v>0</v>
      </c>
      <c r="Q7639" s="75">
        <f>IF(Input!$D$19=4,J7639*Input!$C$19,0)+IF(Input!$D$20=4,K7639*Input!$C$20,0)+IF(Input!$D$21=4,L7639*Input!$C$21,0)+IF(Input!$D$22=4,M7639*Input!$C$22,0)</f>
        <v>0</v>
      </c>
      <c r="R7639" s="58">
        <v>59.504993178719744</v>
      </c>
      <c r="S7639" s="124">
        <f t="shared" si="119"/>
        <v>1.0356668081122382</v>
      </c>
    </row>
    <row r="7640" spans="8:19" x14ac:dyDescent="0.3">
      <c r="H7640" s="44">
        <v>7633</v>
      </c>
      <c r="I7640" s="56">
        <f>Bühler!I7666</f>
        <v>0.24836377306158633</v>
      </c>
      <c r="J7640" s="59">
        <f>Bühler!J7666</f>
        <v>0.82787924353862119</v>
      </c>
      <c r="K7640" s="59">
        <f>Bühler!K7666</f>
        <v>1.2418188653079316</v>
      </c>
      <c r="L7640" s="59">
        <f>Bühler!L7666</f>
        <v>5.9607305534780721</v>
      </c>
      <c r="M7640" s="58">
        <f>Bühler!M7666</f>
        <v>0</v>
      </c>
      <c r="N7640" s="56">
        <f>IF(Input!$D$19=1,J7640*Input!$C$19,0)+IF(Input!$D$20=1,K7640*Input!$C$20,0)+IF(Input!$D$21=1,L7640*Input!$C$21,0)+IF(Input!$D$22=1,M7640*Input!$C$22,0)</f>
        <v>0.24836377306158636</v>
      </c>
      <c r="O7640" s="59">
        <f>IF(Input!$D$19=2,J7640*Input!$C$19,0)+IF(Input!$D$20=2,K7640*Input!$C$20,0)+IF(Input!$D$21=2,L7640*Input!$C$21,0)+IF(Input!$D$22=2,M7640*Input!$C$22,0)</f>
        <v>0.62090943265396581</v>
      </c>
      <c r="P7640" s="59">
        <f>IF(Input!$D$19=3,J7640*Input!$C$19,0)+IF(Input!$D$20=3,K7640*Input!$C$20,0)+IF(Input!$D$21=3,L7640*Input!$C$21,0)+IF(Input!$D$22=3,M7640*Input!$C$22,0)</f>
        <v>0</v>
      </c>
      <c r="Q7640" s="75">
        <f>IF(Input!$D$19=4,J7640*Input!$C$19,0)+IF(Input!$D$20=4,K7640*Input!$C$20,0)+IF(Input!$D$21=4,L7640*Input!$C$21,0)+IF(Input!$D$22=4,M7640*Input!$C$22,0)</f>
        <v>0</v>
      </c>
      <c r="R7640" s="58">
        <v>50.186984406344926</v>
      </c>
      <c r="S7640" s="124">
        <f t="shared" si="119"/>
        <v>1.0762430166002075</v>
      </c>
    </row>
    <row r="7641" spans="8:19" x14ac:dyDescent="0.3">
      <c r="H7641" s="44">
        <v>7634</v>
      </c>
      <c r="I7641" s="56">
        <f>Bühler!I7667</f>
        <v>0.24836377306158633</v>
      </c>
      <c r="J7641" s="59">
        <f>Bühler!J7667</f>
        <v>0.82787924353862119</v>
      </c>
      <c r="K7641" s="59">
        <f>Bühler!K7667</f>
        <v>1.2418188653079316</v>
      </c>
      <c r="L7641" s="59">
        <f>Bühler!L7667</f>
        <v>5.9607305534780721</v>
      </c>
      <c r="M7641" s="58">
        <f>Bühler!M7667</f>
        <v>0</v>
      </c>
      <c r="N7641" s="56">
        <f>IF(Input!$D$19=1,J7641*Input!$C$19,0)+IF(Input!$D$20=1,K7641*Input!$C$20,0)+IF(Input!$D$21=1,L7641*Input!$C$21,0)+IF(Input!$D$22=1,M7641*Input!$C$22,0)</f>
        <v>0.24836377306158636</v>
      </c>
      <c r="O7641" s="59">
        <f>IF(Input!$D$19=2,J7641*Input!$C$19,0)+IF(Input!$D$20=2,K7641*Input!$C$20,0)+IF(Input!$D$21=2,L7641*Input!$C$21,0)+IF(Input!$D$22=2,M7641*Input!$C$22,0)</f>
        <v>0.62090943265396581</v>
      </c>
      <c r="P7641" s="59">
        <f>IF(Input!$D$19=3,J7641*Input!$C$19,0)+IF(Input!$D$20=3,K7641*Input!$C$20,0)+IF(Input!$D$21=3,L7641*Input!$C$21,0)+IF(Input!$D$22=3,M7641*Input!$C$22,0)</f>
        <v>0</v>
      </c>
      <c r="Q7641" s="75">
        <f>IF(Input!$D$19=4,J7641*Input!$C$19,0)+IF(Input!$D$20=4,K7641*Input!$C$20,0)+IF(Input!$D$21=4,L7641*Input!$C$21,0)+IF(Input!$D$22=4,M7641*Input!$C$22,0)</f>
        <v>0</v>
      </c>
      <c r="R7641" s="58">
        <v>50.606800142380358</v>
      </c>
      <c r="S7641" s="124">
        <f t="shared" si="119"/>
        <v>1.0762430166002075</v>
      </c>
    </row>
    <row r="7642" spans="8:19" x14ac:dyDescent="0.3">
      <c r="H7642" s="44">
        <v>7635</v>
      </c>
      <c r="I7642" s="56">
        <f>Bühler!I7668</f>
        <v>0.24836377306158633</v>
      </c>
      <c r="J7642" s="59">
        <f>Bühler!J7668</f>
        <v>0.82787924353862119</v>
      </c>
      <c r="K7642" s="59">
        <f>Bühler!K7668</f>
        <v>1.2418188653079316</v>
      </c>
      <c r="L7642" s="59">
        <f>Bühler!L7668</f>
        <v>5.9607305534780721</v>
      </c>
      <c r="M7642" s="58">
        <f>Bühler!M7668</f>
        <v>0</v>
      </c>
      <c r="N7642" s="56">
        <f>IF(Input!$D$19=1,J7642*Input!$C$19,0)+IF(Input!$D$20=1,K7642*Input!$C$20,0)+IF(Input!$D$21=1,L7642*Input!$C$21,0)+IF(Input!$D$22=1,M7642*Input!$C$22,0)</f>
        <v>0.24836377306158636</v>
      </c>
      <c r="O7642" s="59">
        <f>IF(Input!$D$19=2,J7642*Input!$C$19,0)+IF(Input!$D$20=2,K7642*Input!$C$20,0)+IF(Input!$D$21=2,L7642*Input!$C$21,0)+IF(Input!$D$22=2,M7642*Input!$C$22,0)</f>
        <v>0.62090943265396581</v>
      </c>
      <c r="P7642" s="59">
        <f>IF(Input!$D$19=3,J7642*Input!$C$19,0)+IF(Input!$D$20=3,K7642*Input!$C$20,0)+IF(Input!$D$21=3,L7642*Input!$C$21,0)+IF(Input!$D$22=3,M7642*Input!$C$22,0)</f>
        <v>0</v>
      </c>
      <c r="Q7642" s="75">
        <f>IF(Input!$D$19=4,J7642*Input!$C$19,0)+IF(Input!$D$20=4,K7642*Input!$C$20,0)+IF(Input!$D$21=4,L7642*Input!$C$21,0)+IF(Input!$D$22=4,M7642*Input!$C$22,0)</f>
        <v>0</v>
      </c>
      <c r="R7642" s="58">
        <v>51.299308979978328</v>
      </c>
      <c r="S7642" s="124">
        <f t="shared" si="119"/>
        <v>1.0762430166002075</v>
      </c>
    </row>
    <row r="7643" spans="8:19" x14ac:dyDescent="0.3">
      <c r="H7643" s="44">
        <v>7636</v>
      </c>
      <c r="I7643" s="56">
        <f>Bühler!I7669</f>
        <v>0.24836377306158633</v>
      </c>
      <c r="J7643" s="59">
        <f>Bühler!J7669</f>
        <v>0.82787924353862119</v>
      </c>
      <c r="K7643" s="59">
        <f>Bühler!K7669</f>
        <v>1.2418188653079316</v>
      </c>
      <c r="L7643" s="59">
        <f>Bühler!L7669</f>
        <v>5.9607305534780721</v>
      </c>
      <c r="M7643" s="58">
        <f>Bühler!M7669</f>
        <v>0</v>
      </c>
      <c r="N7643" s="56">
        <f>IF(Input!$D$19=1,J7643*Input!$C$19,0)+IF(Input!$D$20=1,K7643*Input!$C$20,0)+IF(Input!$D$21=1,L7643*Input!$C$21,0)+IF(Input!$D$22=1,M7643*Input!$C$22,0)</f>
        <v>0.24836377306158636</v>
      </c>
      <c r="O7643" s="59">
        <f>IF(Input!$D$19=2,J7643*Input!$C$19,0)+IF(Input!$D$20=2,K7643*Input!$C$20,0)+IF(Input!$D$21=2,L7643*Input!$C$21,0)+IF(Input!$D$22=2,M7643*Input!$C$22,0)</f>
        <v>0.62090943265396581</v>
      </c>
      <c r="P7643" s="59">
        <f>IF(Input!$D$19=3,J7643*Input!$C$19,0)+IF(Input!$D$20=3,K7643*Input!$C$20,0)+IF(Input!$D$21=3,L7643*Input!$C$21,0)+IF(Input!$D$22=3,M7643*Input!$C$22,0)</f>
        <v>0</v>
      </c>
      <c r="Q7643" s="75">
        <f>IF(Input!$D$19=4,J7643*Input!$C$19,0)+IF(Input!$D$20=4,K7643*Input!$C$20,0)+IF(Input!$D$21=4,L7643*Input!$C$21,0)+IF(Input!$D$22=4,M7643*Input!$C$22,0)</f>
        <v>0</v>
      </c>
      <c r="R7643" s="58">
        <v>51.941613014242847</v>
      </c>
      <c r="S7643" s="124">
        <f t="shared" si="119"/>
        <v>1.0762430166002075</v>
      </c>
    </row>
    <row r="7644" spans="8:19" x14ac:dyDescent="0.3">
      <c r="H7644" s="44">
        <v>7637</v>
      </c>
      <c r="I7644" s="56">
        <f>Bühler!I7670</f>
        <v>0.24836377306158633</v>
      </c>
      <c r="J7644" s="59">
        <f>Bühler!J7670</f>
        <v>0.82787924353862119</v>
      </c>
      <c r="K7644" s="59">
        <f>Bühler!K7670</f>
        <v>1.2418188653079316</v>
      </c>
      <c r="L7644" s="59">
        <f>Bühler!L7670</f>
        <v>5.9607305534780721</v>
      </c>
      <c r="M7644" s="58">
        <f>Bühler!M7670</f>
        <v>0</v>
      </c>
      <c r="N7644" s="56">
        <f>IF(Input!$D$19=1,J7644*Input!$C$19,0)+IF(Input!$D$20=1,K7644*Input!$C$20,0)+IF(Input!$D$21=1,L7644*Input!$C$21,0)+IF(Input!$D$22=1,M7644*Input!$C$22,0)</f>
        <v>0.24836377306158636</v>
      </c>
      <c r="O7644" s="59">
        <f>IF(Input!$D$19=2,J7644*Input!$C$19,0)+IF(Input!$D$20=2,K7644*Input!$C$20,0)+IF(Input!$D$21=2,L7644*Input!$C$21,0)+IF(Input!$D$22=2,M7644*Input!$C$22,0)</f>
        <v>0.62090943265396581</v>
      </c>
      <c r="P7644" s="59">
        <f>IF(Input!$D$19=3,J7644*Input!$C$19,0)+IF(Input!$D$20=3,K7644*Input!$C$20,0)+IF(Input!$D$21=3,L7644*Input!$C$21,0)+IF(Input!$D$22=3,M7644*Input!$C$22,0)</f>
        <v>0</v>
      </c>
      <c r="Q7644" s="75">
        <f>IF(Input!$D$19=4,J7644*Input!$C$19,0)+IF(Input!$D$20=4,K7644*Input!$C$20,0)+IF(Input!$D$21=4,L7644*Input!$C$21,0)+IF(Input!$D$22=4,M7644*Input!$C$22,0)</f>
        <v>0</v>
      </c>
      <c r="R7644" s="58">
        <v>54.573833686087561</v>
      </c>
      <c r="S7644" s="124">
        <f t="shared" si="119"/>
        <v>1.0762430166002075</v>
      </c>
    </row>
    <row r="7645" spans="8:19" x14ac:dyDescent="0.3">
      <c r="H7645" s="44">
        <v>7638</v>
      </c>
      <c r="I7645" s="56">
        <f>Bühler!I7671</f>
        <v>0.32011330750160016</v>
      </c>
      <c r="J7645" s="59">
        <f>Bühler!J7671</f>
        <v>1.0670443583386673</v>
      </c>
      <c r="K7645" s="59">
        <f>Bühler!K7671</f>
        <v>1.6005665375080009</v>
      </c>
      <c r="L7645" s="59">
        <f>Bühler!L7671</f>
        <v>7.6827193800384039</v>
      </c>
      <c r="M7645" s="58">
        <f>Bühler!M7671</f>
        <v>0</v>
      </c>
      <c r="N7645" s="56">
        <f>IF(Input!$D$19=1,J7645*Input!$C$19,0)+IF(Input!$D$20=1,K7645*Input!$C$20,0)+IF(Input!$D$21=1,L7645*Input!$C$21,0)+IF(Input!$D$22=1,M7645*Input!$C$22,0)</f>
        <v>0.32011330750160016</v>
      </c>
      <c r="O7645" s="59">
        <f>IF(Input!$D$19=2,J7645*Input!$C$19,0)+IF(Input!$D$20=2,K7645*Input!$C$20,0)+IF(Input!$D$21=2,L7645*Input!$C$21,0)+IF(Input!$D$22=2,M7645*Input!$C$22,0)</f>
        <v>0.80028326875400047</v>
      </c>
      <c r="P7645" s="59">
        <f>IF(Input!$D$19=3,J7645*Input!$C$19,0)+IF(Input!$D$20=3,K7645*Input!$C$20,0)+IF(Input!$D$21=3,L7645*Input!$C$21,0)+IF(Input!$D$22=3,M7645*Input!$C$22,0)</f>
        <v>0</v>
      </c>
      <c r="Q7645" s="75">
        <f>IF(Input!$D$19=4,J7645*Input!$C$19,0)+IF(Input!$D$20=4,K7645*Input!$C$20,0)+IF(Input!$D$21=4,L7645*Input!$C$21,0)+IF(Input!$D$22=4,M7645*Input!$C$22,0)</f>
        <v>0</v>
      </c>
      <c r="R7645" s="58">
        <v>60.246411547787581</v>
      </c>
      <c r="S7645" s="124">
        <f t="shared" si="119"/>
        <v>1.3871576658402676</v>
      </c>
    </row>
    <row r="7646" spans="8:19" x14ac:dyDescent="0.3">
      <c r="H7646" s="44">
        <v>7639</v>
      </c>
      <c r="I7646" s="56">
        <f>Bühler!I7672</f>
        <v>0.36978606211391751</v>
      </c>
      <c r="J7646" s="59">
        <f>Bühler!J7672</f>
        <v>1.2326202070463919</v>
      </c>
      <c r="K7646" s="59">
        <f>Bühler!K7672</f>
        <v>1.8489303105695876</v>
      </c>
      <c r="L7646" s="59">
        <f>Bühler!L7672</f>
        <v>8.8748654907340203</v>
      </c>
      <c r="M7646" s="58">
        <f>Bühler!M7672</f>
        <v>0</v>
      </c>
      <c r="N7646" s="56">
        <f>IF(Input!$D$19=1,J7646*Input!$C$19,0)+IF(Input!$D$20=1,K7646*Input!$C$20,0)+IF(Input!$D$21=1,L7646*Input!$C$21,0)+IF(Input!$D$22=1,M7646*Input!$C$22,0)</f>
        <v>0.36978606211391757</v>
      </c>
      <c r="O7646" s="59">
        <f>IF(Input!$D$19=2,J7646*Input!$C$19,0)+IF(Input!$D$20=2,K7646*Input!$C$20,0)+IF(Input!$D$21=2,L7646*Input!$C$21,0)+IF(Input!$D$22=2,M7646*Input!$C$22,0)</f>
        <v>0.92446515528479378</v>
      </c>
      <c r="P7646" s="59">
        <f>IF(Input!$D$19=3,J7646*Input!$C$19,0)+IF(Input!$D$20=3,K7646*Input!$C$20,0)+IF(Input!$D$21=3,L7646*Input!$C$21,0)+IF(Input!$D$22=3,M7646*Input!$C$22,0)</f>
        <v>0</v>
      </c>
      <c r="Q7646" s="75">
        <f>IF(Input!$D$19=4,J7646*Input!$C$19,0)+IF(Input!$D$20=4,K7646*Input!$C$20,0)+IF(Input!$D$21=4,L7646*Input!$C$21,0)+IF(Input!$D$22=4,M7646*Input!$C$22,0)</f>
        <v>0</v>
      </c>
      <c r="R7646" s="58">
        <v>66.119428528128125</v>
      </c>
      <c r="S7646" s="124">
        <f t="shared" si="119"/>
        <v>1.6024062691603094</v>
      </c>
    </row>
    <row r="7647" spans="8:19" x14ac:dyDescent="0.3">
      <c r="H7647" s="44">
        <v>7640</v>
      </c>
      <c r="I7647" s="56">
        <f>Bühler!I7673</f>
        <v>0.36978606211391751</v>
      </c>
      <c r="J7647" s="59">
        <f>Bühler!J7673</f>
        <v>1.2326202070463919</v>
      </c>
      <c r="K7647" s="59">
        <f>Bühler!K7673</f>
        <v>1.8489303105695876</v>
      </c>
      <c r="L7647" s="59">
        <f>Bühler!L7673</f>
        <v>8.8748654907340203</v>
      </c>
      <c r="M7647" s="58">
        <f>Bühler!M7673</f>
        <v>0</v>
      </c>
      <c r="N7647" s="56">
        <f>IF(Input!$D$19=1,J7647*Input!$C$19,0)+IF(Input!$D$20=1,K7647*Input!$C$20,0)+IF(Input!$D$21=1,L7647*Input!$C$21,0)+IF(Input!$D$22=1,M7647*Input!$C$22,0)</f>
        <v>0.36978606211391757</v>
      </c>
      <c r="O7647" s="59">
        <f>IF(Input!$D$19=2,J7647*Input!$C$19,0)+IF(Input!$D$20=2,K7647*Input!$C$20,0)+IF(Input!$D$21=2,L7647*Input!$C$21,0)+IF(Input!$D$22=2,M7647*Input!$C$22,0)</f>
        <v>0.92446515528479378</v>
      </c>
      <c r="P7647" s="59">
        <f>IF(Input!$D$19=3,J7647*Input!$C$19,0)+IF(Input!$D$20=3,K7647*Input!$C$20,0)+IF(Input!$D$21=3,L7647*Input!$C$21,0)+IF(Input!$D$22=3,M7647*Input!$C$22,0)</f>
        <v>0</v>
      </c>
      <c r="Q7647" s="75">
        <f>IF(Input!$D$19=4,J7647*Input!$C$19,0)+IF(Input!$D$20=4,K7647*Input!$C$20,0)+IF(Input!$D$21=4,L7647*Input!$C$21,0)+IF(Input!$D$22=4,M7647*Input!$C$22,0)</f>
        <v>0</v>
      </c>
      <c r="R7647" s="58">
        <v>68.649998769188358</v>
      </c>
      <c r="S7647" s="124">
        <f t="shared" si="119"/>
        <v>1.6024062691603094</v>
      </c>
    </row>
    <row r="7648" spans="8:19" x14ac:dyDescent="0.3">
      <c r="H7648" s="44">
        <v>7641</v>
      </c>
      <c r="I7648" s="56">
        <f>Bühler!I7674</f>
        <v>0.36978606211391751</v>
      </c>
      <c r="J7648" s="59">
        <f>Bühler!J7674</f>
        <v>1.2326202070463919</v>
      </c>
      <c r="K7648" s="59">
        <f>Bühler!K7674</f>
        <v>1.8489303105695876</v>
      </c>
      <c r="L7648" s="59">
        <f>Bühler!L7674</f>
        <v>8.8748654907340203</v>
      </c>
      <c r="M7648" s="58">
        <f>Bühler!M7674</f>
        <v>0</v>
      </c>
      <c r="N7648" s="56">
        <f>IF(Input!$D$19=1,J7648*Input!$C$19,0)+IF(Input!$D$20=1,K7648*Input!$C$20,0)+IF(Input!$D$21=1,L7648*Input!$C$21,0)+IF(Input!$D$22=1,M7648*Input!$C$22,0)</f>
        <v>0.36978606211391757</v>
      </c>
      <c r="O7648" s="59">
        <f>IF(Input!$D$19=2,J7648*Input!$C$19,0)+IF(Input!$D$20=2,K7648*Input!$C$20,0)+IF(Input!$D$21=2,L7648*Input!$C$21,0)+IF(Input!$D$22=2,M7648*Input!$C$22,0)</f>
        <v>0.92446515528479378</v>
      </c>
      <c r="P7648" s="59">
        <f>IF(Input!$D$19=3,J7648*Input!$C$19,0)+IF(Input!$D$20=3,K7648*Input!$C$20,0)+IF(Input!$D$21=3,L7648*Input!$C$21,0)+IF(Input!$D$22=3,M7648*Input!$C$22,0)</f>
        <v>0</v>
      </c>
      <c r="Q7648" s="75">
        <f>IF(Input!$D$19=4,J7648*Input!$C$19,0)+IF(Input!$D$20=4,K7648*Input!$C$20,0)+IF(Input!$D$21=4,L7648*Input!$C$21,0)+IF(Input!$D$22=4,M7648*Input!$C$22,0)</f>
        <v>0</v>
      </c>
      <c r="R7648" s="58">
        <v>70.039095690691909</v>
      </c>
      <c r="S7648" s="124">
        <f t="shared" si="119"/>
        <v>1.6024062691603094</v>
      </c>
    </row>
    <row r="7649" spans="8:19" x14ac:dyDescent="0.3">
      <c r="H7649" s="44">
        <v>7642</v>
      </c>
      <c r="I7649" s="56">
        <f>Bühler!I7675</f>
        <v>0.39738203689853818</v>
      </c>
      <c r="J7649" s="59">
        <f>Bühler!J7675</f>
        <v>1.3246067896617939</v>
      </c>
      <c r="K7649" s="59">
        <f>Bühler!K7675</f>
        <v>1.9869101844926909</v>
      </c>
      <c r="L7649" s="59">
        <f>Bühler!L7675</f>
        <v>9.537168885564915</v>
      </c>
      <c r="M7649" s="58">
        <f>Bühler!M7675</f>
        <v>0</v>
      </c>
      <c r="N7649" s="56">
        <f>IF(Input!$D$19=1,J7649*Input!$C$19,0)+IF(Input!$D$20=1,K7649*Input!$C$20,0)+IF(Input!$D$21=1,L7649*Input!$C$21,0)+IF(Input!$D$22=1,M7649*Input!$C$22,0)</f>
        <v>0.39738203689853818</v>
      </c>
      <c r="O7649" s="59">
        <f>IF(Input!$D$19=2,J7649*Input!$C$19,0)+IF(Input!$D$20=2,K7649*Input!$C$20,0)+IF(Input!$D$21=2,L7649*Input!$C$21,0)+IF(Input!$D$22=2,M7649*Input!$C$22,0)</f>
        <v>0.99345509224634543</v>
      </c>
      <c r="P7649" s="59">
        <f>IF(Input!$D$19=3,J7649*Input!$C$19,0)+IF(Input!$D$20=3,K7649*Input!$C$20,0)+IF(Input!$D$21=3,L7649*Input!$C$21,0)+IF(Input!$D$22=3,M7649*Input!$C$22,0)</f>
        <v>0</v>
      </c>
      <c r="Q7649" s="75">
        <f>IF(Input!$D$19=4,J7649*Input!$C$19,0)+IF(Input!$D$20=4,K7649*Input!$C$20,0)+IF(Input!$D$21=4,L7649*Input!$C$21,0)+IF(Input!$D$22=4,M7649*Input!$C$22,0)</f>
        <v>0</v>
      </c>
      <c r="R7649" s="58">
        <v>70.417312740813756</v>
      </c>
      <c r="S7649" s="124">
        <f t="shared" si="119"/>
        <v>1.721988826560332</v>
      </c>
    </row>
    <row r="7650" spans="8:19" x14ac:dyDescent="0.3">
      <c r="H7650" s="44">
        <v>7643</v>
      </c>
      <c r="I7650" s="56">
        <f>Bühler!I7676</f>
        <v>0.43049720664008306</v>
      </c>
      <c r="J7650" s="59">
        <f>Bühler!J7676</f>
        <v>1.434990688800277</v>
      </c>
      <c r="K7650" s="59">
        <f>Bühler!K7676</f>
        <v>2.1524860332004154</v>
      </c>
      <c r="L7650" s="59">
        <f>Bühler!L7676</f>
        <v>10.331932959361993</v>
      </c>
      <c r="M7650" s="58">
        <f>Bühler!M7676</f>
        <v>0</v>
      </c>
      <c r="N7650" s="56">
        <f>IF(Input!$D$19=1,J7650*Input!$C$19,0)+IF(Input!$D$20=1,K7650*Input!$C$20,0)+IF(Input!$D$21=1,L7650*Input!$C$21,0)+IF(Input!$D$22=1,M7650*Input!$C$22,0)</f>
        <v>0.43049720664008312</v>
      </c>
      <c r="O7650" s="59">
        <f>IF(Input!$D$19=2,J7650*Input!$C$19,0)+IF(Input!$D$20=2,K7650*Input!$C$20,0)+IF(Input!$D$21=2,L7650*Input!$C$21,0)+IF(Input!$D$22=2,M7650*Input!$C$22,0)</f>
        <v>1.0762430166002077</v>
      </c>
      <c r="P7650" s="59">
        <f>IF(Input!$D$19=3,J7650*Input!$C$19,0)+IF(Input!$D$20=3,K7650*Input!$C$20,0)+IF(Input!$D$21=3,L7650*Input!$C$21,0)+IF(Input!$D$22=3,M7650*Input!$C$22,0)</f>
        <v>0</v>
      </c>
      <c r="Q7650" s="75">
        <f>IF(Input!$D$19=4,J7650*Input!$C$19,0)+IF(Input!$D$20=4,K7650*Input!$C$20,0)+IF(Input!$D$21=4,L7650*Input!$C$21,0)+IF(Input!$D$22=4,M7650*Input!$C$22,0)</f>
        <v>0</v>
      </c>
      <c r="R7650" s="58">
        <v>70.990869474127081</v>
      </c>
      <c r="S7650" s="124">
        <f t="shared" si="119"/>
        <v>1.86548789544036</v>
      </c>
    </row>
    <row r="7651" spans="8:19" x14ac:dyDescent="0.3">
      <c r="H7651" s="44">
        <v>7644</v>
      </c>
      <c r="I7651" s="56">
        <f>Bühler!I7677</f>
        <v>0.49672754612317266</v>
      </c>
      <c r="J7651" s="59">
        <f>Bühler!J7677</f>
        <v>1.6557584870772424</v>
      </c>
      <c r="K7651" s="59">
        <f>Bühler!K7677</f>
        <v>2.4836377306158632</v>
      </c>
      <c r="L7651" s="59">
        <f>Bühler!L7677</f>
        <v>11.921461106956144</v>
      </c>
      <c r="M7651" s="58">
        <f>Bühler!M7677</f>
        <v>0</v>
      </c>
      <c r="N7651" s="56">
        <f>IF(Input!$D$19=1,J7651*Input!$C$19,0)+IF(Input!$D$20=1,K7651*Input!$C$20,0)+IF(Input!$D$21=1,L7651*Input!$C$21,0)+IF(Input!$D$22=1,M7651*Input!$C$22,0)</f>
        <v>0.49672754612317271</v>
      </c>
      <c r="O7651" s="59">
        <f>IF(Input!$D$19=2,J7651*Input!$C$19,0)+IF(Input!$D$20=2,K7651*Input!$C$20,0)+IF(Input!$D$21=2,L7651*Input!$C$21,0)+IF(Input!$D$22=2,M7651*Input!$C$22,0)</f>
        <v>1.2418188653079316</v>
      </c>
      <c r="P7651" s="59">
        <f>IF(Input!$D$19=3,J7651*Input!$C$19,0)+IF(Input!$D$20=3,K7651*Input!$C$20,0)+IF(Input!$D$21=3,L7651*Input!$C$21,0)+IF(Input!$D$22=3,M7651*Input!$C$22,0)</f>
        <v>0</v>
      </c>
      <c r="Q7651" s="75">
        <f>IF(Input!$D$19=4,J7651*Input!$C$19,0)+IF(Input!$D$20=4,K7651*Input!$C$20,0)+IF(Input!$D$21=4,L7651*Input!$C$21,0)+IF(Input!$D$22=4,M7651*Input!$C$22,0)</f>
        <v>0</v>
      </c>
      <c r="R7651" s="58">
        <v>71.435313439825762</v>
      </c>
      <c r="S7651" s="124">
        <f t="shared" si="119"/>
        <v>2.152486033200415</v>
      </c>
    </row>
    <row r="7652" spans="8:19" x14ac:dyDescent="0.3">
      <c r="H7652" s="44">
        <v>7645</v>
      </c>
      <c r="I7652" s="56">
        <f>Bühler!I7678</f>
        <v>0.49672754612317266</v>
      </c>
      <c r="J7652" s="59">
        <f>Bühler!J7678</f>
        <v>1.6557584870772424</v>
      </c>
      <c r="K7652" s="59">
        <f>Bühler!K7678</f>
        <v>2.4836377306158632</v>
      </c>
      <c r="L7652" s="59">
        <f>Bühler!L7678</f>
        <v>11.921461106956144</v>
      </c>
      <c r="M7652" s="58">
        <f>Bühler!M7678</f>
        <v>0</v>
      </c>
      <c r="N7652" s="56">
        <f>IF(Input!$D$19=1,J7652*Input!$C$19,0)+IF(Input!$D$20=1,K7652*Input!$C$20,0)+IF(Input!$D$21=1,L7652*Input!$C$21,0)+IF(Input!$D$22=1,M7652*Input!$C$22,0)</f>
        <v>0.49672754612317271</v>
      </c>
      <c r="O7652" s="59">
        <f>IF(Input!$D$19=2,J7652*Input!$C$19,0)+IF(Input!$D$20=2,K7652*Input!$C$20,0)+IF(Input!$D$21=2,L7652*Input!$C$21,0)+IF(Input!$D$22=2,M7652*Input!$C$22,0)</f>
        <v>1.2418188653079316</v>
      </c>
      <c r="P7652" s="59">
        <f>IF(Input!$D$19=3,J7652*Input!$C$19,0)+IF(Input!$D$20=3,K7652*Input!$C$20,0)+IF(Input!$D$21=3,L7652*Input!$C$21,0)+IF(Input!$D$22=3,M7652*Input!$C$22,0)</f>
        <v>0</v>
      </c>
      <c r="Q7652" s="75">
        <f>IF(Input!$D$19=4,J7652*Input!$C$19,0)+IF(Input!$D$20=4,K7652*Input!$C$20,0)+IF(Input!$D$21=4,L7652*Input!$C$21,0)+IF(Input!$D$22=4,M7652*Input!$C$22,0)</f>
        <v>0</v>
      </c>
      <c r="R7652" s="58">
        <v>70.973167150732834</v>
      </c>
      <c r="S7652" s="124">
        <f t="shared" si="119"/>
        <v>2.152486033200415</v>
      </c>
    </row>
    <row r="7653" spans="8:19" x14ac:dyDescent="0.3">
      <c r="H7653" s="44">
        <v>7646</v>
      </c>
      <c r="I7653" s="56">
        <f>Bühler!I7679</f>
        <v>0.49672754612317266</v>
      </c>
      <c r="J7653" s="59">
        <f>Bühler!J7679</f>
        <v>1.6557584870772424</v>
      </c>
      <c r="K7653" s="59">
        <f>Bühler!K7679</f>
        <v>2.4836377306158632</v>
      </c>
      <c r="L7653" s="59">
        <f>Bühler!L7679</f>
        <v>11.921461106956144</v>
      </c>
      <c r="M7653" s="58">
        <f>Bühler!M7679</f>
        <v>0</v>
      </c>
      <c r="N7653" s="56">
        <f>IF(Input!$D$19=1,J7653*Input!$C$19,0)+IF(Input!$D$20=1,K7653*Input!$C$20,0)+IF(Input!$D$21=1,L7653*Input!$C$21,0)+IF(Input!$D$22=1,M7653*Input!$C$22,0)</f>
        <v>0.49672754612317271</v>
      </c>
      <c r="O7653" s="59">
        <f>IF(Input!$D$19=2,J7653*Input!$C$19,0)+IF(Input!$D$20=2,K7653*Input!$C$20,0)+IF(Input!$D$21=2,L7653*Input!$C$21,0)+IF(Input!$D$22=2,M7653*Input!$C$22,0)</f>
        <v>1.2418188653079316</v>
      </c>
      <c r="P7653" s="59">
        <f>IF(Input!$D$19=3,J7653*Input!$C$19,0)+IF(Input!$D$20=3,K7653*Input!$C$20,0)+IF(Input!$D$21=3,L7653*Input!$C$21,0)+IF(Input!$D$22=3,M7653*Input!$C$22,0)</f>
        <v>0</v>
      </c>
      <c r="Q7653" s="75">
        <f>IF(Input!$D$19=4,J7653*Input!$C$19,0)+IF(Input!$D$20=4,K7653*Input!$C$20,0)+IF(Input!$D$21=4,L7653*Input!$C$21,0)+IF(Input!$D$22=4,M7653*Input!$C$22,0)</f>
        <v>0</v>
      </c>
      <c r="R7653" s="58">
        <v>70.493449283445358</v>
      </c>
      <c r="S7653" s="124">
        <f t="shared" si="119"/>
        <v>2.152486033200415</v>
      </c>
    </row>
    <row r="7654" spans="8:19" x14ac:dyDescent="0.3">
      <c r="H7654" s="44">
        <v>7647</v>
      </c>
      <c r="I7654" s="56">
        <f>Bühler!I7680</f>
        <v>0.49672754612317266</v>
      </c>
      <c r="J7654" s="59">
        <f>Bühler!J7680</f>
        <v>1.6557584870772424</v>
      </c>
      <c r="K7654" s="59">
        <f>Bühler!K7680</f>
        <v>2.4836377306158632</v>
      </c>
      <c r="L7654" s="59">
        <f>Bühler!L7680</f>
        <v>11.921461106956144</v>
      </c>
      <c r="M7654" s="58">
        <f>Bühler!M7680</f>
        <v>0</v>
      </c>
      <c r="N7654" s="56">
        <f>IF(Input!$D$19=1,J7654*Input!$C$19,0)+IF(Input!$D$20=1,K7654*Input!$C$20,0)+IF(Input!$D$21=1,L7654*Input!$C$21,0)+IF(Input!$D$22=1,M7654*Input!$C$22,0)</f>
        <v>0.49672754612317271</v>
      </c>
      <c r="O7654" s="59">
        <f>IF(Input!$D$19=2,J7654*Input!$C$19,0)+IF(Input!$D$20=2,K7654*Input!$C$20,0)+IF(Input!$D$21=2,L7654*Input!$C$21,0)+IF(Input!$D$22=2,M7654*Input!$C$22,0)</f>
        <v>1.2418188653079316</v>
      </c>
      <c r="P7654" s="59">
        <f>IF(Input!$D$19=3,J7654*Input!$C$19,0)+IF(Input!$D$20=3,K7654*Input!$C$20,0)+IF(Input!$D$21=3,L7654*Input!$C$21,0)+IF(Input!$D$22=3,M7654*Input!$C$22,0)</f>
        <v>0</v>
      </c>
      <c r="Q7654" s="75">
        <f>IF(Input!$D$19=4,J7654*Input!$C$19,0)+IF(Input!$D$20=4,K7654*Input!$C$20,0)+IF(Input!$D$21=4,L7654*Input!$C$21,0)+IF(Input!$D$22=4,M7654*Input!$C$22,0)</f>
        <v>0</v>
      </c>
      <c r="R7654" s="58">
        <v>70.875303329235379</v>
      </c>
      <c r="S7654" s="124">
        <f t="shared" si="119"/>
        <v>2.152486033200415</v>
      </c>
    </row>
    <row r="7655" spans="8:19" x14ac:dyDescent="0.3">
      <c r="H7655" s="44">
        <v>7648</v>
      </c>
      <c r="I7655" s="56">
        <f>Bühler!I7681</f>
        <v>0.49672754612317266</v>
      </c>
      <c r="J7655" s="59">
        <f>Bühler!J7681</f>
        <v>1.6557584870772424</v>
      </c>
      <c r="K7655" s="59">
        <f>Bühler!K7681</f>
        <v>2.4836377306158632</v>
      </c>
      <c r="L7655" s="59">
        <f>Bühler!L7681</f>
        <v>11.921461106956144</v>
      </c>
      <c r="M7655" s="58">
        <f>Bühler!M7681</f>
        <v>0</v>
      </c>
      <c r="N7655" s="56">
        <f>IF(Input!$D$19=1,J7655*Input!$C$19,0)+IF(Input!$D$20=1,K7655*Input!$C$20,0)+IF(Input!$D$21=1,L7655*Input!$C$21,0)+IF(Input!$D$22=1,M7655*Input!$C$22,0)</f>
        <v>0.49672754612317271</v>
      </c>
      <c r="O7655" s="59">
        <f>IF(Input!$D$19=2,J7655*Input!$C$19,0)+IF(Input!$D$20=2,K7655*Input!$C$20,0)+IF(Input!$D$21=2,L7655*Input!$C$21,0)+IF(Input!$D$22=2,M7655*Input!$C$22,0)</f>
        <v>1.2418188653079316</v>
      </c>
      <c r="P7655" s="59">
        <f>IF(Input!$D$19=3,J7655*Input!$C$19,0)+IF(Input!$D$20=3,K7655*Input!$C$20,0)+IF(Input!$D$21=3,L7655*Input!$C$21,0)+IF(Input!$D$22=3,M7655*Input!$C$22,0)</f>
        <v>0</v>
      </c>
      <c r="Q7655" s="75">
        <f>IF(Input!$D$19=4,J7655*Input!$C$19,0)+IF(Input!$D$20=4,K7655*Input!$C$20,0)+IF(Input!$D$21=4,L7655*Input!$C$21,0)+IF(Input!$D$22=4,M7655*Input!$C$22,0)</f>
        <v>0</v>
      </c>
      <c r="R7655" s="58">
        <v>69.233241513291546</v>
      </c>
      <c r="S7655" s="124">
        <f t="shared" si="119"/>
        <v>2.152486033200415</v>
      </c>
    </row>
    <row r="7656" spans="8:19" x14ac:dyDescent="0.3">
      <c r="H7656" s="44">
        <v>7649</v>
      </c>
      <c r="I7656" s="56">
        <f>Bühler!I7682</f>
        <v>0.49672754612317266</v>
      </c>
      <c r="J7656" s="59">
        <f>Bühler!J7682</f>
        <v>1.6557584870772424</v>
      </c>
      <c r="K7656" s="59">
        <f>Bühler!K7682</f>
        <v>2.4836377306158632</v>
      </c>
      <c r="L7656" s="59">
        <f>Bühler!L7682</f>
        <v>11.921461106956144</v>
      </c>
      <c r="M7656" s="58">
        <f>Bühler!M7682</f>
        <v>0</v>
      </c>
      <c r="N7656" s="56">
        <f>IF(Input!$D$19=1,J7656*Input!$C$19,0)+IF(Input!$D$20=1,K7656*Input!$C$20,0)+IF(Input!$D$21=1,L7656*Input!$C$21,0)+IF(Input!$D$22=1,M7656*Input!$C$22,0)</f>
        <v>0.49672754612317271</v>
      </c>
      <c r="O7656" s="59">
        <f>IF(Input!$D$19=2,J7656*Input!$C$19,0)+IF(Input!$D$20=2,K7656*Input!$C$20,0)+IF(Input!$D$21=2,L7656*Input!$C$21,0)+IF(Input!$D$22=2,M7656*Input!$C$22,0)</f>
        <v>1.2418188653079316</v>
      </c>
      <c r="P7656" s="59">
        <f>IF(Input!$D$19=3,J7656*Input!$C$19,0)+IF(Input!$D$20=3,K7656*Input!$C$20,0)+IF(Input!$D$21=3,L7656*Input!$C$21,0)+IF(Input!$D$22=3,M7656*Input!$C$22,0)</f>
        <v>0</v>
      </c>
      <c r="Q7656" s="75">
        <f>IF(Input!$D$19=4,J7656*Input!$C$19,0)+IF(Input!$D$20=4,K7656*Input!$C$20,0)+IF(Input!$D$21=4,L7656*Input!$C$21,0)+IF(Input!$D$22=4,M7656*Input!$C$22,0)</f>
        <v>0</v>
      </c>
      <c r="R7656" s="58">
        <v>68.352715743599404</v>
      </c>
      <c r="S7656" s="124">
        <f t="shared" si="119"/>
        <v>2.152486033200415</v>
      </c>
    </row>
    <row r="7657" spans="8:19" x14ac:dyDescent="0.3">
      <c r="H7657" s="44">
        <v>7650</v>
      </c>
      <c r="I7657" s="56">
        <f>Bühler!I7683</f>
        <v>0.49672754612317266</v>
      </c>
      <c r="J7657" s="59">
        <f>Bühler!J7683</f>
        <v>1.6557584870772424</v>
      </c>
      <c r="K7657" s="59">
        <f>Bühler!K7683</f>
        <v>2.4836377306158632</v>
      </c>
      <c r="L7657" s="59">
        <f>Bühler!L7683</f>
        <v>11.921461106956144</v>
      </c>
      <c r="M7657" s="58">
        <f>Bühler!M7683</f>
        <v>0</v>
      </c>
      <c r="N7657" s="56">
        <f>IF(Input!$D$19=1,J7657*Input!$C$19,0)+IF(Input!$D$20=1,K7657*Input!$C$20,0)+IF(Input!$D$21=1,L7657*Input!$C$21,0)+IF(Input!$D$22=1,M7657*Input!$C$22,0)</f>
        <v>0.49672754612317271</v>
      </c>
      <c r="O7657" s="59">
        <f>IF(Input!$D$19=2,J7657*Input!$C$19,0)+IF(Input!$D$20=2,K7657*Input!$C$20,0)+IF(Input!$D$21=2,L7657*Input!$C$21,0)+IF(Input!$D$22=2,M7657*Input!$C$22,0)</f>
        <v>1.2418188653079316</v>
      </c>
      <c r="P7657" s="59">
        <f>IF(Input!$D$19=3,J7657*Input!$C$19,0)+IF(Input!$D$20=3,K7657*Input!$C$20,0)+IF(Input!$D$21=3,L7657*Input!$C$21,0)+IF(Input!$D$22=3,M7657*Input!$C$22,0)</f>
        <v>0</v>
      </c>
      <c r="Q7657" s="75">
        <f>IF(Input!$D$19=4,J7657*Input!$C$19,0)+IF(Input!$D$20=4,K7657*Input!$C$20,0)+IF(Input!$D$21=4,L7657*Input!$C$21,0)+IF(Input!$D$22=4,M7657*Input!$C$22,0)</f>
        <v>0</v>
      </c>
      <c r="R7657" s="58">
        <v>67.235596100554872</v>
      </c>
      <c r="S7657" s="124">
        <f t="shared" si="119"/>
        <v>2.152486033200415</v>
      </c>
    </row>
    <row r="7658" spans="8:19" x14ac:dyDescent="0.3">
      <c r="H7658" s="44">
        <v>7651</v>
      </c>
      <c r="I7658" s="56">
        <f>Bühler!I7684</f>
        <v>0.49672754612317266</v>
      </c>
      <c r="J7658" s="59">
        <f>Bühler!J7684</f>
        <v>1.6557584870772424</v>
      </c>
      <c r="K7658" s="59">
        <f>Bühler!K7684</f>
        <v>2.4836377306158632</v>
      </c>
      <c r="L7658" s="59">
        <f>Bühler!L7684</f>
        <v>11.921461106956144</v>
      </c>
      <c r="M7658" s="58">
        <f>Bühler!M7684</f>
        <v>0</v>
      </c>
      <c r="N7658" s="56">
        <f>IF(Input!$D$19=1,J7658*Input!$C$19,0)+IF(Input!$D$20=1,K7658*Input!$C$20,0)+IF(Input!$D$21=1,L7658*Input!$C$21,0)+IF(Input!$D$22=1,M7658*Input!$C$22,0)</f>
        <v>0.49672754612317271</v>
      </c>
      <c r="O7658" s="59">
        <f>IF(Input!$D$19=2,J7658*Input!$C$19,0)+IF(Input!$D$20=2,K7658*Input!$C$20,0)+IF(Input!$D$21=2,L7658*Input!$C$21,0)+IF(Input!$D$22=2,M7658*Input!$C$22,0)</f>
        <v>1.2418188653079316</v>
      </c>
      <c r="P7658" s="59">
        <f>IF(Input!$D$19=3,J7658*Input!$C$19,0)+IF(Input!$D$20=3,K7658*Input!$C$20,0)+IF(Input!$D$21=3,L7658*Input!$C$21,0)+IF(Input!$D$22=3,M7658*Input!$C$22,0)</f>
        <v>0</v>
      </c>
      <c r="Q7658" s="75">
        <f>IF(Input!$D$19=4,J7658*Input!$C$19,0)+IF(Input!$D$20=4,K7658*Input!$C$20,0)+IF(Input!$D$21=4,L7658*Input!$C$21,0)+IF(Input!$D$22=4,M7658*Input!$C$22,0)</f>
        <v>0</v>
      </c>
      <c r="R7658" s="58">
        <v>66.681476074940193</v>
      </c>
      <c r="S7658" s="124">
        <f t="shared" si="119"/>
        <v>2.152486033200415</v>
      </c>
    </row>
    <row r="7659" spans="8:19" x14ac:dyDescent="0.3">
      <c r="H7659" s="44">
        <v>7652</v>
      </c>
      <c r="I7659" s="56">
        <f>Bühler!I7685</f>
        <v>0.41393962176931065</v>
      </c>
      <c r="J7659" s="59">
        <f>Bühler!J7685</f>
        <v>1.3797987392310356</v>
      </c>
      <c r="K7659" s="59">
        <f>Bühler!K7685</f>
        <v>2.0696981088465534</v>
      </c>
      <c r="L7659" s="59">
        <f>Bühler!L7685</f>
        <v>9.9345509224634565</v>
      </c>
      <c r="M7659" s="58">
        <f>Bühler!M7685</f>
        <v>0</v>
      </c>
      <c r="N7659" s="56">
        <f>IF(Input!$D$19=1,J7659*Input!$C$19,0)+IF(Input!$D$20=1,K7659*Input!$C$20,0)+IF(Input!$D$21=1,L7659*Input!$C$21,0)+IF(Input!$D$22=1,M7659*Input!$C$22,0)</f>
        <v>0.41393962176931065</v>
      </c>
      <c r="O7659" s="59">
        <f>IF(Input!$D$19=2,J7659*Input!$C$19,0)+IF(Input!$D$20=2,K7659*Input!$C$20,0)+IF(Input!$D$21=2,L7659*Input!$C$21,0)+IF(Input!$D$22=2,M7659*Input!$C$22,0)</f>
        <v>1.0348490544232767</v>
      </c>
      <c r="P7659" s="59">
        <f>IF(Input!$D$19=3,J7659*Input!$C$19,0)+IF(Input!$D$20=3,K7659*Input!$C$20,0)+IF(Input!$D$21=3,L7659*Input!$C$21,0)+IF(Input!$D$22=3,M7659*Input!$C$22,0)</f>
        <v>0</v>
      </c>
      <c r="Q7659" s="75">
        <f>IF(Input!$D$19=4,J7659*Input!$C$19,0)+IF(Input!$D$20=4,K7659*Input!$C$20,0)+IF(Input!$D$21=4,L7659*Input!$C$21,0)+IF(Input!$D$22=4,M7659*Input!$C$22,0)</f>
        <v>0</v>
      </c>
      <c r="R7659" s="58">
        <v>65.505481295753285</v>
      </c>
      <c r="S7659" s="124">
        <f t="shared" si="119"/>
        <v>1.7937383610003463</v>
      </c>
    </row>
    <row r="7660" spans="8:19" x14ac:dyDescent="0.3">
      <c r="H7660" s="44">
        <v>7653</v>
      </c>
      <c r="I7660" s="56">
        <f>Bühler!I7686</f>
        <v>0.33115169741544853</v>
      </c>
      <c r="J7660" s="59">
        <f>Bühler!J7686</f>
        <v>1.1038389913848285</v>
      </c>
      <c r="K7660" s="59">
        <f>Bühler!K7686</f>
        <v>1.6557584870772426</v>
      </c>
      <c r="L7660" s="59">
        <f>Bühler!L7686</f>
        <v>7.9476407379707643</v>
      </c>
      <c r="M7660" s="58">
        <f>Bühler!M7686</f>
        <v>0</v>
      </c>
      <c r="N7660" s="56">
        <f>IF(Input!$D$19=1,J7660*Input!$C$19,0)+IF(Input!$D$20=1,K7660*Input!$C$20,0)+IF(Input!$D$21=1,L7660*Input!$C$21,0)+IF(Input!$D$22=1,M7660*Input!$C$22,0)</f>
        <v>0.33115169741544853</v>
      </c>
      <c r="O7660" s="59">
        <f>IF(Input!$D$19=2,J7660*Input!$C$19,0)+IF(Input!$D$20=2,K7660*Input!$C$20,0)+IF(Input!$D$21=2,L7660*Input!$C$21,0)+IF(Input!$D$22=2,M7660*Input!$C$22,0)</f>
        <v>0.8278792435386213</v>
      </c>
      <c r="P7660" s="59">
        <f>IF(Input!$D$19=3,J7660*Input!$C$19,0)+IF(Input!$D$20=3,K7660*Input!$C$20,0)+IF(Input!$D$21=3,L7660*Input!$C$21,0)+IF(Input!$D$22=3,M7660*Input!$C$22,0)</f>
        <v>0</v>
      </c>
      <c r="Q7660" s="75">
        <f>IF(Input!$D$19=4,J7660*Input!$C$19,0)+IF(Input!$D$20=4,K7660*Input!$C$20,0)+IF(Input!$D$21=4,L7660*Input!$C$21,0)+IF(Input!$D$22=4,M7660*Input!$C$22,0)</f>
        <v>0</v>
      </c>
      <c r="R7660" s="58">
        <v>63.770333938360558</v>
      </c>
      <c r="S7660" s="124">
        <f t="shared" si="119"/>
        <v>1.434990688800277</v>
      </c>
    </row>
    <row r="7661" spans="8:19" x14ac:dyDescent="0.3">
      <c r="H7661" s="44">
        <v>7654</v>
      </c>
      <c r="I7661" s="56">
        <f>Bühler!I7687</f>
        <v>0.24836377306158633</v>
      </c>
      <c r="J7661" s="59">
        <f>Bühler!J7687</f>
        <v>0.82787924353862119</v>
      </c>
      <c r="K7661" s="59">
        <f>Bühler!K7687</f>
        <v>1.2418188653079316</v>
      </c>
      <c r="L7661" s="59">
        <f>Bühler!L7687</f>
        <v>5.9607305534780721</v>
      </c>
      <c r="M7661" s="58">
        <f>Bühler!M7687</f>
        <v>0</v>
      </c>
      <c r="N7661" s="56">
        <f>IF(Input!$D$19=1,J7661*Input!$C$19,0)+IF(Input!$D$20=1,K7661*Input!$C$20,0)+IF(Input!$D$21=1,L7661*Input!$C$21,0)+IF(Input!$D$22=1,M7661*Input!$C$22,0)</f>
        <v>0.24836377306158636</v>
      </c>
      <c r="O7661" s="59">
        <f>IF(Input!$D$19=2,J7661*Input!$C$19,0)+IF(Input!$D$20=2,K7661*Input!$C$20,0)+IF(Input!$D$21=2,L7661*Input!$C$21,0)+IF(Input!$D$22=2,M7661*Input!$C$22,0)</f>
        <v>0.62090943265396581</v>
      </c>
      <c r="P7661" s="59">
        <f>IF(Input!$D$19=3,J7661*Input!$C$19,0)+IF(Input!$D$20=3,K7661*Input!$C$20,0)+IF(Input!$D$21=3,L7661*Input!$C$21,0)+IF(Input!$D$22=3,M7661*Input!$C$22,0)</f>
        <v>0</v>
      </c>
      <c r="Q7661" s="75">
        <f>IF(Input!$D$19=4,J7661*Input!$C$19,0)+IF(Input!$D$20=4,K7661*Input!$C$20,0)+IF(Input!$D$21=4,L7661*Input!$C$21,0)+IF(Input!$D$22=4,M7661*Input!$C$22,0)</f>
        <v>0</v>
      </c>
      <c r="R7661" s="58">
        <v>61.368443060072856</v>
      </c>
      <c r="S7661" s="124">
        <f t="shared" si="119"/>
        <v>1.0762430166002075</v>
      </c>
    </row>
    <row r="7662" spans="8:19" x14ac:dyDescent="0.3">
      <c r="H7662" s="44">
        <v>7655</v>
      </c>
      <c r="I7662" s="56">
        <f>Bühler!I7688</f>
        <v>0.24836377306158633</v>
      </c>
      <c r="J7662" s="59">
        <f>Bühler!J7688</f>
        <v>0.82787924353862119</v>
      </c>
      <c r="K7662" s="59">
        <f>Bühler!K7688</f>
        <v>1.2418188653079316</v>
      </c>
      <c r="L7662" s="59">
        <f>Bühler!L7688</f>
        <v>5.9607305534780721</v>
      </c>
      <c r="M7662" s="58">
        <f>Bühler!M7688</f>
        <v>0</v>
      </c>
      <c r="N7662" s="56">
        <f>IF(Input!$D$19=1,J7662*Input!$C$19,0)+IF(Input!$D$20=1,K7662*Input!$C$20,0)+IF(Input!$D$21=1,L7662*Input!$C$21,0)+IF(Input!$D$22=1,M7662*Input!$C$22,0)</f>
        <v>0.24836377306158636</v>
      </c>
      <c r="O7662" s="59">
        <f>IF(Input!$D$19=2,J7662*Input!$C$19,0)+IF(Input!$D$20=2,K7662*Input!$C$20,0)+IF(Input!$D$21=2,L7662*Input!$C$21,0)+IF(Input!$D$22=2,M7662*Input!$C$22,0)</f>
        <v>0.62090943265396581</v>
      </c>
      <c r="P7662" s="59">
        <f>IF(Input!$D$19=3,J7662*Input!$C$19,0)+IF(Input!$D$20=3,K7662*Input!$C$20,0)+IF(Input!$D$21=3,L7662*Input!$C$21,0)+IF(Input!$D$22=3,M7662*Input!$C$22,0)</f>
        <v>0</v>
      </c>
      <c r="Q7662" s="75">
        <f>IF(Input!$D$19=4,J7662*Input!$C$19,0)+IF(Input!$D$20=4,K7662*Input!$C$20,0)+IF(Input!$D$21=4,L7662*Input!$C$21,0)+IF(Input!$D$22=4,M7662*Input!$C$22,0)</f>
        <v>0</v>
      </c>
      <c r="R7662" s="58">
        <v>60.409749332946049</v>
      </c>
      <c r="S7662" s="124">
        <f t="shared" si="119"/>
        <v>1.0762430166002075</v>
      </c>
    </row>
    <row r="7663" spans="8:19" x14ac:dyDescent="0.3">
      <c r="H7663" s="44">
        <v>7656</v>
      </c>
      <c r="I7663" s="56">
        <f>Bühler!I7689</f>
        <v>0.24836377306158633</v>
      </c>
      <c r="J7663" s="59">
        <f>Bühler!J7689</f>
        <v>0.82787924353862119</v>
      </c>
      <c r="K7663" s="59">
        <f>Bühler!K7689</f>
        <v>1.2418188653079316</v>
      </c>
      <c r="L7663" s="59">
        <f>Bühler!L7689</f>
        <v>5.9607305534780721</v>
      </c>
      <c r="M7663" s="58">
        <f>Bühler!M7689</f>
        <v>0</v>
      </c>
      <c r="N7663" s="56">
        <f>IF(Input!$D$19=1,J7663*Input!$C$19,0)+IF(Input!$D$20=1,K7663*Input!$C$20,0)+IF(Input!$D$21=1,L7663*Input!$C$21,0)+IF(Input!$D$22=1,M7663*Input!$C$22,0)</f>
        <v>0.24836377306158636</v>
      </c>
      <c r="O7663" s="59">
        <f>IF(Input!$D$19=2,J7663*Input!$C$19,0)+IF(Input!$D$20=2,K7663*Input!$C$20,0)+IF(Input!$D$21=2,L7663*Input!$C$21,0)+IF(Input!$D$22=2,M7663*Input!$C$22,0)</f>
        <v>0.62090943265396581</v>
      </c>
      <c r="P7663" s="59">
        <f>IF(Input!$D$19=3,J7663*Input!$C$19,0)+IF(Input!$D$20=3,K7663*Input!$C$20,0)+IF(Input!$D$21=3,L7663*Input!$C$21,0)+IF(Input!$D$22=3,M7663*Input!$C$22,0)</f>
        <v>0</v>
      </c>
      <c r="Q7663" s="75">
        <f>IF(Input!$D$19=4,J7663*Input!$C$19,0)+IF(Input!$D$20=4,K7663*Input!$C$20,0)+IF(Input!$D$21=4,L7663*Input!$C$21,0)+IF(Input!$D$22=4,M7663*Input!$C$22,0)</f>
        <v>0</v>
      </c>
      <c r="R7663" s="58">
        <v>59.504857824290838</v>
      </c>
      <c r="S7663" s="124">
        <f t="shared" si="119"/>
        <v>1.0762430166002075</v>
      </c>
    </row>
    <row r="7664" spans="8:19" x14ac:dyDescent="0.3">
      <c r="H7664" s="44">
        <v>7657</v>
      </c>
      <c r="I7664" s="56">
        <f>Bühler!I7690</f>
        <v>0.2752955373120356</v>
      </c>
      <c r="J7664" s="59">
        <f>Bühler!J7690</f>
        <v>0.91765179104011885</v>
      </c>
      <c r="K7664" s="59">
        <f>Bühler!K7690</f>
        <v>1.3764776865601782</v>
      </c>
      <c r="L7664" s="59">
        <f>Bühler!L7690</f>
        <v>6.6070928954888553</v>
      </c>
      <c r="M7664" s="58">
        <f>Bühler!M7690</f>
        <v>0</v>
      </c>
      <c r="N7664" s="56">
        <f>IF(Input!$D$19=1,J7664*Input!$C$19,0)+IF(Input!$D$20=1,K7664*Input!$C$20,0)+IF(Input!$D$21=1,L7664*Input!$C$21,0)+IF(Input!$D$22=1,M7664*Input!$C$22,0)</f>
        <v>0.27529553731203565</v>
      </c>
      <c r="O7664" s="59">
        <f>IF(Input!$D$19=2,J7664*Input!$C$19,0)+IF(Input!$D$20=2,K7664*Input!$C$20,0)+IF(Input!$D$21=2,L7664*Input!$C$21,0)+IF(Input!$D$22=2,M7664*Input!$C$22,0)</f>
        <v>0.68823884328008911</v>
      </c>
      <c r="P7664" s="59">
        <f>IF(Input!$D$19=3,J7664*Input!$C$19,0)+IF(Input!$D$20=3,K7664*Input!$C$20,0)+IF(Input!$D$21=3,L7664*Input!$C$21,0)+IF(Input!$D$22=3,M7664*Input!$C$22,0)</f>
        <v>0</v>
      </c>
      <c r="Q7664" s="75">
        <f>IF(Input!$D$19=4,J7664*Input!$C$19,0)+IF(Input!$D$20=4,K7664*Input!$C$20,0)+IF(Input!$D$21=4,L7664*Input!$C$21,0)+IF(Input!$D$22=4,M7664*Input!$C$22,0)</f>
        <v>0</v>
      </c>
      <c r="R7664" s="58">
        <v>58.544104517028416</v>
      </c>
      <c r="S7664" s="124">
        <f t="shared" si="119"/>
        <v>1.1929473283521546</v>
      </c>
    </row>
    <row r="7665" spans="8:19" x14ac:dyDescent="0.3">
      <c r="H7665" s="44">
        <v>7658</v>
      </c>
      <c r="I7665" s="56">
        <f>Bühler!I7691</f>
        <v>0.2752955373120356</v>
      </c>
      <c r="J7665" s="59">
        <f>Bühler!J7691</f>
        <v>0.91765179104011885</v>
      </c>
      <c r="K7665" s="59">
        <f>Bühler!K7691</f>
        <v>1.3764776865601782</v>
      </c>
      <c r="L7665" s="59">
        <f>Bühler!L7691</f>
        <v>6.6070928954888553</v>
      </c>
      <c r="M7665" s="58">
        <f>Bühler!M7691</f>
        <v>0</v>
      </c>
      <c r="N7665" s="56">
        <f>IF(Input!$D$19=1,J7665*Input!$C$19,0)+IF(Input!$D$20=1,K7665*Input!$C$20,0)+IF(Input!$D$21=1,L7665*Input!$C$21,0)+IF(Input!$D$22=1,M7665*Input!$C$22,0)</f>
        <v>0.27529553731203565</v>
      </c>
      <c r="O7665" s="59">
        <f>IF(Input!$D$19=2,J7665*Input!$C$19,0)+IF(Input!$D$20=2,K7665*Input!$C$20,0)+IF(Input!$D$21=2,L7665*Input!$C$21,0)+IF(Input!$D$22=2,M7665*Input!$C$22,0)</f>
        <v>0.68823884328008911</v>
      </c>
      <c r="P7665" s="59">
        <f>IF(Input!$D$19=3,J7665*Input!$C$19,0)+IF(Input!$D$20=3,K7665*Input!$C$20,0)+IF(Input!$D$21=3,L7665*Input!$C$21,0)+IF(Input!$D$22=3,M7665*Input!$C$22,0)</f>
        <v>0</v>
      </c>
      <c r="Q7665" s="75">
        <f>IF(Input!$D$19=4,J7665*Input!$C$19,0)+IF(Input!$D$20=4,K7665*Input!$C$20,0)+IF(Input!$D$21=4,L7665*Input!$C$21,0)+IF(Input!$D$22=4,M7665*Input!$C$22,0)</f>
        <v>0</v>
      </c>
      <c r="R7665" s="58">
        <v>58.457911518874489</v>
      </c>
      <c r="S7665" s="124">
        <f t="shared" si="119"/>
        <v>1.1929473283521546</v>
      </c>
    </row>
    <row r="7666" spans="8:19" x14ac:dyDescent="0.3">
      <c r="H7666" s="44">
        <v>7659</v>
      </c>
      <c r="I7666" s="56">
        <f>Bühler!I7692</f>
        <v>0.2752955373120356</v>
      </c>
      <c r="J7666" s="59">
        <f>Bühler!J7692</f>
        <v>0.91765179104011885</v>
      </c>
      <c r="K7666" s="59">
        <f>Bühler!K7692</f>
        <v>1.3764776865601782</v>
      </c>
      <c r="L7666" s="59">
        <f>Bühler!L7692</f>
        <v>6.6070928954888553</v>
      </c>
      <c r="M7666" s="58">
        <f>Bühler!M7692</f>
        <v>0</v>
      </c>
      <c r="N7666" s="56">
        <f>IF(Input!$D$19=1,J7666*Input!$C$19,0)+IF(Input!$D$20=1,K7666*Input!$C$20,0)+IF(Input!$D$21=1,L7666*Input!$C$21,0)+IF(Input!$D$22=1,M7666*Input!$C$22,0)</f>
        <v>0.27529553731203565</v>
      </c>
      <c r="O7666" s="59">
        <f>IF(Input!$D$19=2,J7666*Input!$C$19,0)+IF(Input!$D$20=2,K7666*Input!$C$20,0)+IF(Input!$D$21=2,L7666*Input!$C$21,0)+IF(Input!$D$22=2,M7666*Input!$C$22,0)</f>
        <v>0.68823884328008911</v>
      </c>
      <c r="P7666" s="59">
        <f>IF(Input!$D$19=3,J7666*Input!$C$19,0)+IF(Input!$D$20=3,K7666*Input!$C$20,0)+IF(Input!$D$21=3,L7666*Input!$C$21,0)+IF(Input!$D$22=3,M7666*Input!$C$22,0)</f>
        <v>0</v>
      </c>
      <c r="Q7666" s="75">
        <f>IF(Input!$D$19=4,J7666*Input!$C$19,0)+IF(Input!$D$20=4,K7666*Input!$C$20,0)+IF(Input!$D$21=4,L7666*Input!$C$21,0)+IF(Input!$D$22=4,M7666*Input!$C$22,0)</f>
        <v>0</v>
      </c>
      <c r="R7666" s="58">
        <v>59.059381155883756</v>
      </c>
      <c r="S7666" s="124">
        <f t="shared" si="119"/>
        <v>1.1929473283521546</v>
      </c>
    </row>
    <row r="7667" spans="8:19" x14ac:dyDescent="0.3">
      <c r="H7667" s="44">
        <v>7660</v>
      </c>
      <c r="I7667" s="56">
        <f>Bühler!I7693</f>
        <v>0.2752955373120356</v>
      </c>
      <c r="J7667" s="59">
        <f>Bühler!J7693</f>
        <v>0.91765179104011885</v>
      </c>
      <c r="K7667" s="59">
        <f>Bühler!K7693</f>
        <v>1.3764776865601782</v>
      </c>
      <c r="L7667" s="59">
        <f>Bühler!L7693</f>
        <v>6.6070928954888553</v>
      </c>
      <c r="M7667" s="58">
        <f>Bühler!M7693</f>
        <v>0</v>
      </c>
      <c r="N7667" s="56">
        <f>IF(Input!$D$19=1,J7667*Input!$C$19,0)+IF(Input!$D$20=1,K7667*Input!$C$20,0)+IF(Input!$D$21=1,L7667*Input!$C$21,0)+IF(Input!$D$22=1,M7667*Input!$C$22,0)</f>
        <v>0.27529553731203565</v>
      </c>
      <c r="O7667" s="59">
        <f>IF(Input!$D$19=2,J7667*Input!$C$19,0)+IF(Input!$D$20=2,K7667*Input!$C$20,0)+IF(Input!$D$21=2,L7667*Input!$C$21,0)+IF(Input!$D$22=2,M7667*Input!$C$22,0)</f>
        <v>0.68823884328008911</v>
      </c>
      <c r="P7667" s="59">
        <f>IF(Input!$D$19=3,J7667*Input!$C$19,0)+IF(Input!$D$20=3,K7667*Input!$C$20,0)+IF(Input!$D$21=3,L7667*Input!$C$21,0)+IF(Input!$D$22=3,M7667*Input!$C$22,0)</f>
        <v>0</v>
      </c>
      <c r="Q7667" s="75">
        <f>IF(Input!$D$19=4,J7667*Input!$C$19,0)+IF(Input!$D$20=4,K7667*Input!$C$20,0)+IF(Input!$D$21=4,L7667*Input!$C$21,0)+IF(Input!$D$22=4,M7667*Input!$C$22,0)</f>
        <v>0</v>
      </c>
      <c r="R7667" s="58">
        <v>59.171023493367869</v>
      </c>
      <c r="S7667" s="124">
        <f t="shared" si="119"/>
        <v>1.1929473283521546</v>
      </c>
    </row>
    <row r="7668" spans="8:19" x14ac:dyDescent="0.3">
      <c r="H7668" s="44">
        <v>7661</v>
      </c>
      <c r="I7668" s="56">
        <f>Bühler!I7694</f>
        <v>0.2752955373120356</v>
      </c>
      <c r="J7668" s="59">
        <f>Bühler!J7694</f>
        <v>0.91765179104011885</v>
      </c>
      <c r="K7668" s="59">
        <f>Bühler!K7694</f>
        <v>1.3764776865601782</v>
      </c>
      <c r="L7668" s="59">
        <f>Bühler!L7694</f>
        <v>6.6070928954888553</v>
      </c>
      <c r="M7668" s="58">
        <f>Bühler!M7694</f>
        <v>0</v>
      </c>
      <c r="N7668" s="56">
        <f>IF(Input!$D$19=1,J7668*Input!$C$19,0)+IF(Input!$D$20=1,K7668*Input!$C$20,0)+IF(Input!$D$21=1,L7668*Input!$C$21,0)+IF(Input!$D$22=1,M7668*Input!$C$22,0)</f>
        <v>0.27529553731203565</v>
      </c>
      <c r="O7668" s="59">
        <f>IF(Input!$D$19=2,J7668*Input!$C$19,0)+IF(Input!$D$20=2,K7668*Input!$C$20,0)+IF(Input!$D$21=2,L7668*Input!$C$21,0)+IF(Input!$D$22=2,M7668*Input!$C$22,0)</f>
        <v>0.68823884328008911</v>
      </c>
      <c r="P7668" s="59">
        <f>IF(Input!$D$19=3,J7668*Input!$C$19,0)+IF(Input!$D$20=3,K7668*Input!$C$20,0)+IF(Input!$D$21=3,L7668*Input!$C$21,0)+IF(Input!$D$22=3,M7668*Input!$C$22,0)</f>
        <v>0</v>
      </c>
      <c r="Q7668" s="75">
        <f>IF(Input!$D$19=4,J7668*Input!$C$19,0)+IF(Input!$D$20=4,K7668*Input!$C$20,0)+IF(Input!$D$21=4,L7668*Input!$C$21,0)+IF(Input!$D$22=4,M7668*Input!$C$22,0)</f>
        <v>0</v>
      </c>
      <c r="R7668" s="58">
        <v>60.348358459885979</v>
      </c>
      <c r="S7668" s="124">
        <f t="shared" si="119"/>
        <v>1.1929473283521546</v>
      </c>
    </row>
    <row r="7669" spans="8:19" x14ac:dyDescent="0.3">
      <c r="H7669" s="44">
        <v>7662</v>
      </c>
      <c r="I7669" s="56">
        <f>Bühler!I7695</f>
        <v>0.35482535920217922</v>
      </c>
      <c r="J7669" s="59">
        <f>Bühler!J7695</f>
        <v>1.1827511973405975</v>
      </c>
      <c r="K7669" s="59">
        <f>Bühler!K7695</f>
        <v>1.774126796010896</v>
      </c>
      <c r="L7669" s="59">
        <f>Bühler!L7695</f>
        <v>8.5158086208523009</v>
      </c>
      <c r="M7669" s="58">
        <f>Bühler!M7695</f>
        <v>0</v>
      </c>
      <c r="N7669" s="56">
        <f>IF(Input!$D$19=1,J7669*Input!$C$19,0)+IF(Input!$D$20=1,K7669*Input!$C$20,0)+IF(Input!$D$21=1,L7669*Input!$C$21,0)+IF(Input!$D$22=1,M7669*Input!$C$22,0)</f>
        <v>0.35482535920217922</v>
      </c>
      <c r="O7669" s="59">
        <f>IF(Input!$D$19=2,J7669*Input!$C$19,0)+IF(Input!$D$20=2,K7669*Input!$C$20,0)+IF(Input!$D$21=2,L7669*Input!$C$21,0)+IF(Input!$D$22=2,M7669*Input!$C$22,0)</f>
        <v>0.88706339800544798</v>
      </c>
      <c r="P7669" s="59">
        <f>IF(Input!$D$19=3,J7669*Input!$C$19,0)+IF(Input!$D$20=3,K7669*Input!$C$20,0)+IF(Input!$D$21=3,L7669*Input!$C$21,0)+IF(Input!$D$22=3,M7669*Input!$C$22,0)</f>
        <v>0</v>
      </c>
      <c r="Q7669" s="75">
        <f>IF(Input!$D$19=4,J7669*Input!$C$19,0)+IF(Input!$D$20=4,K7669*Input!$C$20,0)+IF(Input!$D$21=4,L7669*Input!$C$21,0)+IF(Input!$D$22=4,M7669*Input!$C$22,0)</f>
        <v>0</v>
      </c>
      <c r="R7669" s="58">
        <v>63.34363989860632</v>
      </c>
      <c r="S7669" s="124">
        <f t="shared" si="119"/>
        <v>1.5375765565427768</v>
      </c>
    </row>
    <row r="7670" spans="8:19" x14ac:dyDescent="0.3">
      <c r="H7670" s="44">
        <v>7663</v>
      </c>
      <c r="I7670" s="56">
        <f>Bühler!I7696</f>
        <v>0.42823750248538872</v>
      </c>
      <c r="J7670" s="59">
        <f>Bühler!J7696</f>
        <v>1.4274583416179625</v>
      </c>
      <c r="K7670" s="59">
        <f>Bühler!K7696</f>
        <v>2.1411875124269435</v>
      </c>
      <c r="L7670" s="59">
        <f>Bühler!L7696</f>
        <v>10.277700059649328</v>
      </c>
      <c r="M7670" s="58">
        <f>Bühler!M7696</f>
        <v>0</v>
      </c>
      <c r="N7670" s="56">
        <f>IF(Input!$D$19=1,J7670*Input!$C$19,0)+IF(Input!$D$20=1,K7670*Input!$C$20,0)+IF(Input!$D$21=1,L7670*Input!$C$21,0)+IF(Input!$D$22=1,M7670*Input!$C$22,0)</f>
        <v>0.42823750248538872</v>
      </c>
      <c r="O7670" s="59">
        <f>IF(Input!$D$19=2,J7670*Input!$C$19,0)+IF(Input!$D$20=2,K7670*Input!$C$20,0)+IF(Input!$D$21=2,L7670*Input!$C$21,0)+IF(Input!$D$22=2,M7670*Input!$C$22,0)</f>
        <v>1.0705937562134717</v>
      </c>
      <c r="P7670" s="59">
        <f>IF(Input!$D$19=3,J7670*Input!$C$19,0)+IF(Input!$D$20=3,K7670*Input!$C$20,0)+IF(Input!$D$21=3,L7670*Input!$C$21,0)+IF(Input!$D$22=3,M7670*Input!$C$22,0)</f>
        <v>0</v>
      </c>
      <c r="Q7670" s="75">
        <f>IF(Input!$D$19=4,J7670*Input!$C$19,0)+IF(Input!$D$20=4,K7670*Input!$C$20,0)+IF(Input!$D$21=4,L7670*Input!$C$21,0)+IF(Input!$D$22=4,M7670*Input!$C$22,0)</f>
        <v>0</v>
      </c>
      <c r="R7670" s="58">
        <v>66.537118056148657</v>
      </c>
      <c r="S7670" s="124">
        <f t="shared" si="119"/>
        <v>1.8556958441033511</v>
      </c>
    </row>
    <row r="7671" spans="8:19" x14ac:dyDescent="0.3">
      <c r="H7671" s="44">
        <v>7664</v>
      </c>
      <c r="I7671" s="56">
        <f>Bühler!I7697</f>
        <v>0.42823750248538872</v>
      </c>
      <c r="J7671" s="59">
        <f>Bühler!J7697</f>
        <v>1.4274583416179625</v>
      </c>
      <c r="K7671" s="59">
        <f>Bühler!K7697</f>
        <v>2.1411875124269435</v>
      </c>
      <c r="L7671" s="59">
        <f>Bühler!L7697</f>
        <v>10.277700059649328</v>
      </c>
      <c r="M7671" s="58">
        <f>Bühler!M7697</f>
        <v>0</v>
      </c>
      <c r="N7671" s="56">
        <f>IF(Input!$D$19=1,J7671*Input!$C$19,0)+IF(Input!$D$20=1,K7671*Input!$C$20,0)+IF(Input!$D$21=1,L7671*Input!$C$21,0)+IF(Input!$D$22=1,M7671*Input!$C$22,0)</f>
        <v>0.42823750248538872</v>
      </c>
      <c r="O7671" s="59">
        <f>IF(Input!$D$19=2,J7671*Input!$C$19,0)+IF(Input!$D$20=2,K7671*Input!$C$20,0)+IF(Input!$D$21=2,L7671*Input!$C$21,0)+IF(Input!$D$22=2,M7671*Input!$C$22,0)</f>
        <v>1.0705937562134717</v>
      </c>
      <c r="P7671" s="59">
        <f>IF(Input!$D$19=3,J7671*Input!$C$19,0)+IF(Input!$D$20=3,K7671*Input!$C$20,0)+IF(Input!$D$21=3,L7671*Input!$C$21,0)+IF(Input!$D$22=3,M7671*Input!$C$22,0)</f>
        <v>0</v>
      </c>
      <c r="Q7671" s="75">
        <f>IF(Input!$D$19=4,J7671*Input!$C$19,0)+IF(Input!$D$20=4,K7671*Input!$C$20,0)+IF(Input!$D$21=4,L7671*Input!$C$21,0)+IF(Input!$D$22=4,M7671*Input!$C$22,0)</f>
        <v>0</v>
      </c>
      <c r="R7671" s="58">
        <v>67.633369364901284</v>
      </c>
      <c r="S7671" s="124">
        <f t="shared" si="119"/>
        <v>1.8556958441033511</v>
      </c>
    </row>
    <row r="7672" spans="8:19" x14ac:dyDescent="0.3">
      <c r="H7672" s="44">
        <v>7665</v>
      </c>
      <c r="I7672" s="56">
        <f>Bühler!I7698</f>
        <v>0.42823750248538872</v>
      </c>
      <c r="J7672" s="59">
        <f>Bühler!J7698</f>
        <v>1.4274583416179625</v>
      </c>
      <c r="K7672" s="59">
        <f>Bühler!K7698</f>
        <v>2.1411875124269435</v>
      </c>
      <c r="L7672" s="59">
        <f>Bühler!L7698</f>
        <v>10.277700059649328</v>
      </c>
      <c r="M7672" s="58">
        <f>Bühler!M7698</f>
        <v>0</v>
      </c>
      <c r="N7672" s="56">
        <f>IF(Input!$D$19=1,J7672*Input!$C$19,0)+IF(Input!$D$20=1,K7672*Input!$C$20,0)+IF(Input!$D$21=1,L7672*Input!$C$21,0)+IF(Input!$D$22=1,M7672*Input!$C$22,0)</f>
        <v>0.42823750248538872</v>
      </c>
      <c r="O7672" s="59">
        <f>IF(Input!$D$19=2,J7672*Input!$C$19,0)+IF(Input!$D$20=2,K7672*Input!$C$20,0)+IF(Input!$D$21=2,L7672*Input!$C$21,0)+IF(Input!$D$22=2,M7672*Input!$C$22,0)</f>
        <v>1.0705937562134717</v>
      </c>
      <c r="P7672" s="59">
        <f>IF(Input!$D$19=3,J7672*Input!$C$19,0)+IF(Input!$D$20=3,K7672*Input!$C$20,0)+IF(Input!$D$21=3,L7672*Input!$C$21,0)+IF(Input!$D$22=3,M7672*Input!$C$22,0)</f>
        <v>0</v>
      </c>
      <c r="Q7672" s="75">
        <f>IF(Input!$D$19=4,J7672*Input!$C$19,0)+IF(Input!$D$20=4,K7672*Input!$C$20,0)+IF(Input!$D$21=4,L7672*Input!$C$21,0)+IF(Input!$D$22=4,M7672*Input!$C$22,0)</f>
        <v>0</v>
      </c>
      <c r="R7672" s="58">
        <v>68.944433428420453</v>
      </c>
      <c r="S7672" s="124">
        <f t="shared" si="119"/>
        <v>1.8556958441033511</v>
      </c>
    </row>
    <row r="7673" spans="8:19" x14ac:dyDescent="0.3">
      <c r="H7673" s="44">
        <v>7666</v>
      </c>
      <c r="I7673" s="56">
        <f>Bühler!I7699</f>
        <v>0.45882589552005931</v>
      </c>
      <c r="J7673" s="59">
        <f>Bühler!J7699</f>
        <v>1.5294196517335312</v>
      </c>
      <c r="K7673" s="59">
        <f>Bühler!K7699</f>
        <v>2.2941294776002965</v>
      </c>
      <c r="L7673" s="59">
        <f>Bühler!L7699</f>
        <v>11.011821492481424</v>
      </c>
      <c r="M7673" s="58">
        <f>Bühler!M7699</f>
        <v>0</v>
      </c>
      <c r="N7673" s="56">
        <f>IF(Input!$D$19=1,J7673*Input!$C$19,0)+IF(Input!$D$20=1,K7673*Input!$C$20,0)+IF(Input!$D$21=1,L7673*Input!$C$21,0)+IF(Input!$D$22=1,M7673*Input!$C$22,0)</f>
        <v>0.45882589552005937</v>
      </c>
      <c r="O7673" s="59">
        <f>IF(Input!$D$19=2,J7673*Input!$C$19,0)+IF(Input!$D$20=2,K7673*Input!$C$20,0)+IF(Input!$D$21=2,L7673*Input!$C$21,0)+IF(Input!$D$22=2,M7673*Input!$C$22,0)</f>
        <v>1.1470647388001483</v>
      </c>
      <c r="P7673" s="59">
        <f>IF(Input!$D$19=3,J7673*Input!$C$19,0)+IF(Input!$D$20=3,K7673*Input!$C$20,0)+IF(Input!$D$21=3,L7673*Input!$C$21,0)+IF(Input!$D$22=3,M7673*Input!$C$22,0)</f>
        <v>0</v>
      </c>
      <c r="Q7673" s="75">
        <f>IF(Input!$D$19=4,J7673*Input!$C$19,0)+IF(Input!$D$20=4,K7673*Input!$C$20,0)+IF(Input!$D$21=4,L7673*Input!$C$21,0)+IF(Input!$D$22=4,M7673*Input!$C$22,0)</f>
        <v>0</v>
      </c>
      <c r="R7673" s="58">
        <v>68.642514479317498</v>
      </c>
      <c r="S7673" s="124">
        <f t="shared" si="119"/>
        <v>1.9882455472535905</v>
      </c>
    </row>
    <row r="7674" spans="8:19" x14ac:dyDescent="0.3">
      <c r="H7674" s="44">
        <v>7667</v>
      </c>
      <c r="I7674" s="56">
        <f>Bühler!I7700</f>
        <v>0.47717893134086176</v>
      </c>
      <c r="J7674" s="59">
        <f>Bühler!J7700</f>
        <v>1.5905964378028727</v>
      </c>
      <c r="K7674" s="59">
        <f>Bühler!K7700</f>
        <v>2.3858946567043087</v>
      </c>
      <c r="L7674" s="59">
        <f>Bühler!L7700</f>
        <v>11.452294352180681</v>
      </c>
      <c r="M7674" s="58">
        <f>Bühler!M7700</f>
        <v>0</v>
      </c>
      <c r="N7674" s="56">
        <f>IF(Input!$D$19=1,J7674*Input!$C$19,0)+IF(Input!$D$20=1,K7674*Input!$C$20,0)+IF(Input!$D$21=1,L7674*Input!$C$21,0)+IF(Input!$D$22=1,M7674*Input!$C$22,0)</f>
        <v>0.47717893134086181</v>
      </c>
      <c r="O7674" s="59">
        <f>IF(Input!$D$19=2,J7674*Input!$C$19,0)+IF(Input!$D$20=2,K7674*Input!$C$20,0)+IF(Input!$D$21=2,L7674*Input!$C$21,0)+IF(Input!$D$22=2,M7674*Input!$C$22,0)</f>
        <v>1.1929473283521543</v>
      </c>
      <c r="P7674" s="59">
        <f>IF(Input!$D$19=3,J7674*Input!$C$19,0)+IF(Input!$D$20=3,K7674*Input!$C$20,0)+IF(Input!$D$21=3,L7674*Input!$C$21,0)+IF(Input!$D$22=3,M7674*Input!$C$22,0)</f>
        <v>0</v>
      </c>
      <c r="Q7674" s="75">
        <f>IF(Input!$D$19=4,J7674*Input!$C$19,0)+IF(Input!$D$20=4,K7674*Input!$C$20,0)+IF(Input!$D$21=4,L7674*Input!$C$21,0)+IF(Input!$D$22=4,M7674*Input!$C$22,0)</f>
        <v>0</v>
      </c>
      <c r="R7674" s="58">
        <v>69.123916990461382</v>
      </c>
      <c r="S7674" s="124">
        <f t="shared" si="119"/>
        <v>2.0677753691437344</v>
      </c>
    </row>
    <row r="7675" spans="8:19" x14ac:dyDescent="0.3">
      <c r="H7675" s="44">
        <v>7668</v>
      </c>
      <c r="I7675" s="56">
        <f>Bühler!I7701</f>
        <v>0.5505910746240712</v>
      </c>
      <c r="J7675" s="59">
        <f>Bühler!J7701</f>
        <v>1.8353035820802377</v>
      </c>
      <c r="K7675" s="59">
        <f>Bühler!K7701</f>
        <v>2.7529553731203564</v>
      </c>
      <c r="L7675" s="59">
        <f>Bühler!L7701</f>
        <v>13.214185790977711</v>
      </c>
      <c r="M7675" s="58">
        <f>Bühler!M7701</f>
        <v>0</v>
      </c>
      <c r="N7675" s="56">
        <f>IF(Input!$D$19=1,J7675*Input!$C$19,0)+IF(Input!$D$20=1,K7675*Input!$C$20,0)+IF(Input!$D$21=1,L7675*Input!$C$21,0)+IF(Input!$D$22=1,M7675*Input!$C$22,0)</f>
        <v>0.55059107462407131</v>
      </c>
      <c r="O7675" s="59">
        <f>IF(Input!$D$19=2,J7675*Input!$C$19,0)+IF(Input!$D$20=2,K7675*Input!$C$20,0)+IF(Input!$D$21=2,L7675*Input!$C$21,0)+IF(Input!$D$22=2,M7675*Input!$C$22,0)</f>
        <v>1.3764776865601782</v>
      </c>
      <c r="P7675" s="59">
        <f>IF(Input!$D$19=3,J7675*Input!$C$19,0)+IF(Input!$D$20=3,K7675*Input!$C$20,0)+IF(Input!$D$21=3,L7675*Input!$C$21,0)+IF(Input!$D$22=3,M7675*Input!$C$22,0)</f>
        <v>0</v>
      </c>
      <c r="Q7675" s="75">
        <f>IF(Input!$D$19=4,J7675*Input!$C$19,0)+IF(Input!$D$20=4,K7675*Input!$C$20,0)+IF(Input!$D$21=4,L7675*Input!$C$21,0)+IF(Input!$D$22=4,M7675*Input!$C$22,0)</f>
        <v>0</v>
      </c>
      <c r="R7675" s="58">
        <v>68.717575816263221</v>
      </c>
      <c r="S7675" s="124">
        <f t="shared" si="119"/>
        <v>2.3858946567043091</v>
      </c>
    </row>
    <row r="7676" spans="8:19" x14ac:dyDescent="0.3">
      <c r="H7676" s="44">
        <v>7669</v>
      </c>
      <c r="I7676" s="56">
        <f>Bühler!I7702</f>
        <v>0.5505910746240712</v>
      </c>
      <c r="J7676" s="59">
        <f>Bühler!J7702</f>
        <v>1.8353035820802377</v>
      </c>
      <c r="K7676" s="59">
        <f>Bühler!K7702</f>
        <v>2.7529553731203564</v>
      </c>
      <c r="L7676" s="59">
        <f>Bühler!L7702</f>
        <v>13.214185790977711</v>
      </c>
      <c r="M7676" s="58">
        <f>Bühler!M7702</f>
        <v>0</v>
      </c>
      <c r="N7676" s="56">
        <f>IF(Input!$D$19=1,J7676*Input!$C$19,0)+IF(Input!$D$20=1,K7676*Input!$C$20,0)+IF(Input!$D$21=1,L7676*Input!$C$21,0)+IF(Input!$D$22=1,M7676*Input!$C$22,0)</f>
        <v>0.55059107462407131</v>
      </c>
      <c r="O7676" s="59">
        <f>IF(Input!$D$19=2,J7676*Input!$C$19,0)+IF(Input!$D$20=2,K7676*Input!$C$20,0)+IF(Input!$D$21=2,L7676*Input!$C$21,0)+IF(Input!$D$22=2,M7676*Input!$C$22,0)</f>
        <v>1.3764776865601782</v>
      </c>
      <c r="P7676" s="59">
        <f>IF(Input!$D$19=3,J7676*Input!$C$19,0)+IF(Input!$D$20=3,K7676*Input!$C$20,0)+IF(Input!$D$21=3,L7676*Input!$C$21,0)+IF(Input!$D$22=3,M7676*Input!$C$22,0)</f>
        <v>0</v>
      </c>
      <c r="Q7676" s="75">
        <f>IF(Input!$D$19=4,J7676*Input!$C$19,0)+IF(Input!$D$20=4,K7676*Input!$C$20,0)+IF(Input!$D$21=4,L7676*Input!$C$21,0)+IF(Input!$D$22=4,M7676*Input!$C$22,0)</f>
        <v>0</v>
      </c>
      <c r="R7676" s="58">
        <v>67.066717492312506</v>
      </c>
      <c r="S7676" s="124">
        <f t="shared" si="119"/>
        <v>2.3858946567043091</v>
      </c>
    </row>
    <row r="7677" spans="8:19" x14ac:dyDescent="0.3">
      <c r="H7677" s="44">
        <v>7670</v>
      </c>
      <c r="I7677" s="56">
        <f>Bühler!I7703</f>
        <v>0.5505910746240712</v>
      </c>
      <c r="J7677" s="59">
        <f>Bühler!J7703</f>
        <v>1.8353035820802377</v>
      </c>
      <c r="K7677" s="59">
        <f>Bühler!K7703</f>
        <v>2.7529553731203564</v>
      </c>
      <c r="L7677" s="59">
        <f>Bühler!L7703</f>
        <v>13.214185790977711</v>
      </c>
      <c r="M7677" s="58">
        <f>Bühler!M7703</f>
        <v>0</v>
      </c>
      <c r="N7677" s="56">
        <f>IF(Input!$D$19=1,J7677*Input!$C$19,0)+IF(Input!$D$20=1,K7677*Input!$C$20,0)+IF(Input!$D$21=1,L7677*Input!$C$21,0)+IF(Input!$D$22=1,M7677*Input!$C$22,0)</f>
        <v>0.55059107462407131</v>
      </c>
      <c r="O7677" s="59">
        <f>IF(Input!$D$19=2,J7677*Input!$C$19,0)+IF(Input!$D$20=2,K7677*Input!$C$20,0)+IF(Input!$D$21=2,L7677*Input!$C$21,0)+IF(Input!$D$22=2,M7677*Input!$C$22,0)</f>
        <v>1.3764776865601782</v>
      </c>
      <c r="P7677" s="59">
        <f>IF(Input!$D$19=3,J7677*Input!$C$19,0)+IF(Input!$D$20=3,K7677*Input!$C$20,0)+IF(Input!$D$21=3,L7677*Input!$C$21,0)+IF(Input!$D$22=3,M7677*Input!$C$22,0)</f>
        <v>0</v>
      </c>
      <c r="Q7677" s="75">
        <f>IF(Input!$D$19=4,J7677*Input!$C$19,0)+IF(Input!$D$20=4,K7677*Input!$C$20,0)+IF(Input!$D$21=4,L7677*Input!$C$21,0)+IF(Input!$D$22=4,M7677*Input!$C$22,0)</f>
        <v>0</v>
      </c>
      <c r="R7677" s="58">
        <v>67.14666339617105</v>
      </c>
      <c r="S7677" s="124">
        <f t="shared" si="119"/>
        <v>2.3858946567043091</v>
      </c>
    </row>
    <row r="7678" spans="8:19" x14ac:dyDescent="0.3">
      <c r="H7678" s="44">
        <v>7671</v>
      </c>
      <c r="I7678" s="56">
        <f>Bühler!I7704</f>
        <v>0.5505910746240712</v>
      </c>
      <c r="J7678" s="59">
        <f>Bühler!J7704</f>
        <v>1.8353035820802377</v>
      </c>
      <c r="K7678" s="59">
        <f>Bühler!K7704</f>
        <v>2.7529553731203564</v>
      </c>
      <c r="L7678" s="59">
        <f>Bühler!L7704</f>
        <v>13.214185790977711</v>
      </c>
      <c r="M7678" s="58">
        <f>Bühler!M7704</f>
        <v>0</v>
      </c>
      <c r="N7678" s="56">
        <f>IF(Input!$D$19=1,J7678*Input!$C$19,0)+IF(Input!$D$20=1,K7678*Input!$C$20,0)+IF(Input!$D$21=1,L7678*Input!$C$21,0)+IF(Input!$D$22=1,M7678*Input!$C$22,0)</f>
        <v>0.55059107462407131</v>
      </c>
      <c r="O7678" s="59">
        <f>IF(Input!$D$19=2,J7678*Input!$C$19,0)+IF(Input!$D$20=2,K7678*Input!$C$20,0)+IF(Input!$D$21=2,L7678*Input!$C$21,0)+IF(Input!$D$22=2,M7678*Input!$C$22,0)</f>
        <v>1.3764776865601782</v>
      </c>
      <c r="P7678" s="59">
        <f>IF(Input!$D$19=3,J7678*Input!$C$19,0)+IF(Input!$D$20=3,K7678*Input!$C$20,0)+IF(Input!$D$21=3,L7678*Input!$C$21,0)+IF(Input!$D$22=3,M7678*Input!$C$22,0)</f>
        <v>0</v>
      </c>
      <c r="Q7678" s="75">
        <f>IF(Input!$D$19=4,J7678*Input!$C$19,0)+IF(Input!$D$20=4,K7678*Input!$C$20,0)+IF(Input!$D$21=4,L7678*Input!$C$21,0)+IF(Input!$D$22=4,M7678*Input!$C$22,0)</f>
        <v>0</v>
      </c>
      <c r="R7678" s="58">
        <v>67.596171296446983</v>
      </c>
      <c r="S7678" s="124">
        <f t="shared" si="119"/>
        <v>2.3858946567043091</v>
      </c>
    </row>
    <row r="7679" spans="8:19" x14ac:dyDescent="0.3">
      <c r="H7679" s="44">
        <v>7672</v>
      </c>
      <c r="I7679" s="56">
        <f>Bühler!I7705</f>
        <v>0.45882589552005931</v>
      </c>
      <c r="J7679" s="59">
        <f>Bühler!J7705</f>
        <v>1.5294196517335312</v>
      </c>
      <c r="K7679" s="59">
        <f>Bühler!K7705</f>
        <v>2.2941294776002965</v>
      </c>
      <c r="L7679" s="59">
        <f>Bühler!L7705</f>
        <v>11.011821492481424</v>
      </c>
      <c r="M7679" s="58">
        <f>Bühler!M7705</f>
        <v>0</v>
      </c>
      <c r="N7679" s="56">
        <f>IF(Input!$D$19=1,J7679*Input!$C$19,0)+IF(Input!$D$20=1,K7679*Input!$C$20,0)+IF(Input!$D$21=1,L7679*Input!$C$21,0)+IF(Input!$D$22=1,M7679*Input!$C$22,0)</f>
        <v>0.45882589552005937</v>
      </c>
      <c r="O7679" s="59">
        <f>IF(Input!$D$19=2,J7679*Input!$C$19,0)+IF(Input!$D$20=2,K7679*Input!$C$20,0)+IF(Input!$D$21=2,L7679*Input!$C$21,0)+IF(Input!$D$22=2,M7679*Input!$C$22,0)</f>
        <v>1.1470647388001483</v>
      </c>
      <c r="P7679" s="59">
        <f>IF(Input!$D$19=3,J7679*Input!$C$19,0)+IF(Input!$D$20=3,K7679*Input!$C$20,0)+IF(Input!$D$21=3,L7679*Input!$C$21,0)+IF(Input!$D$22=3,M7679*Input!$C$22,0)</f>
        <v>0</v>
      </c>
      <c r="Q7679" s="75">
        <f>IF(Input!$D$19=4,J7679*Input!$C$19,0)+IF(Input!$D$20=4,K7679*Input!$C$20,0)+IF(Input!$D$21=4,L7679*Input!$C$21,0)+IF(Input!$D$22=4,M7679*Input!$C$22,0)</f>
        <v>0</v>
      </c>
      <c r="R7679" s="58">
        <v>66.312545464469892</v>
      </c>
      <c r="S7679" s="124">
        <f t="shared" si="119"/>
        <v>1.9882455472535905</v>
      </c>
    </row>
    <row r="7680" spans="8:19" x14ac:dyDescent="0.3">
      <c r="H7680" s="44">
        <v>7673</v>
      </c>
      <c r="I7680" s="56">
        <f>Bühler!I7706</f>
        <v>0.43435518109232296</v>
      </c>
      <c r="J7680" s="59">
        <f>Bühler!J7706</f>
        <v>1.4478506036410765</v>
      </c>
      <c r="K7680" s="59">
        <f>Bühler!K7706</f>
        <v>2.1717759054616148</v>
      </c>
      <c r="L7680" s="59">
        <f>Bühler!L7706</f>
        <v>10.424524346215751</v>
      </c>
      <c r="M7680" s="58">
        <f>Bühler!M7706</f>
        <v>0</v>
      </c>
      <c r="N7680" s="56">
        <f>IF(Input!$D$19=1,J7680*Input!$C$19,0)+IF(Input!$D$20=1,K7680*Input!$C$20,0)+IF(Input!$D$21=1,L7680*Input!$C$21,0)+IF(Input!$D$22=1,M7680*Input!$C$22,0)</f>
        <v>0.43435518109232296</v>
      </c>
      <c r="O7680" s="59">
        <f>IF(Input!$D$19=2,J7680*Input!$C$19,0)+IF(Input!$D$20=2,K7680*Input!$C$20,0)+IF(Input!$D$21=2,L7680*Input!$C$21,0)+IF(Input!$D$22=2,M7680*Input!$C$22,0)</f>
        <v>1.0858879527308074</v>
      </c>
      <c r="P7680" s="59">
        <f>IF(Input!$D$19=3,J7680*Input!$C$19,0)+IF(Input!$D$20=3,K7680*Input!$C$20,0)+IF(Input!$D$21=3,L7680*Input!$C$21,0)+IF(Input!$D$22=3,M7680*Input!$C$22,0)</f>
        <v>0</v>
      </c>
      <c r="Q7680" s="75">
        <f>IF(Input!$D$19=4,J7680*Input!$C$19,0)+IF(Input!$D$20=4,K7680*Input!$C$20,0)+IF(Input!$D$21=4,L7680*Input!$C$21,0)+IF(Input!$D$22=4,M7680*Input!$C$22,0)</f>
        <v>0</v>
      </c>
      <c r="R7680" s="58">
        <v>65.109657754977306</v>
      </c>
      <c r="S7680" s="124">
        <f t="shared" si="119"/>
        <v>1.8822057847333995</v>
      </c>
    </row>
    <row r="7681" spans="8:19" x14ac:dyDescent="0.3">
      <c r="H7681" s="44">
        <v>7674</v>
      </c>
      <c r="I7681" s="56">
        <f>Bühler!I7707</f>
        <v>0.43435518109232296</v>
      </c>
      <c r="J7681" s="59">
        <f>Bühler!J7707</f>
        <v>1.4478506036410765</v>
      </c>
      <c r="K7681" s="59">
        <f>Bühler!K7707</f>
        <v>2.1717759054616148</v>
      </c>
      <c r="L7681" s="59">
        <f>Bühler!L7707</f>
        <v>10.424524346215751</v>
      </c>
      <c r="M7681" s="58">
        <f>Bühler!M7707</f>
        <v>0</v>
      </c>
      <c r="N7681" s="56">
        <f>IF(Input!$D$19=1,J7681*Input!$C$19,0)+IF(Input!$D$20=1,K7681*Input!$C$20,0)+IF(Input!$D$21=1,L7681*Input!$C$21,0)+IF(Input!$D$22=1,M7681*Input!$C$22,0)</f>
        <v>0.43435518109232296</v>
      </c>
      <c r="O7681" s="59">
        <f>IF(Input!$D$19=2,J7681*Input!$C$19,0)+IF(Input!$D$20=2,K7681*Input!$C$20,0)+IF(Input!$D$21=2,L7681*Input!$C$21,0)+IF(Input!$D$22=2,M7681*Input!$C$22,0)</f>
        <v>1.0858879527308074</v>
      </c>
      <c r="P7681" s="59">
        <f>IF(Input!$D$19=3,J7681*Input!$C$19,0)+IF(Input!$D$20=3,K7681*Input!$C$20,0)+IF(Input!$D$21=3,L7681*Input!$C$21,0)+IF(Input!$D$22=3,M7681*Input!$C$22,0)</f>
        <v>0</v>
      </c>
      <c r="Q7681" s="75">
        <f>IF(Input!$D$19=4,J7681*Input!$C$19,0)+IF(Input!$D$20=4,K7681*Input!$C$20,0)+IF(Input!$D$21=4,L7681*Input!$C$21,0)+IF(Input!$D$22=4,M7681*Input!$C$22,0)</f>
        <v>0</v>
      </c>
      <c r="R7681" s="58">
        <v>64.311253798379113</v>
      </c>
      <c r="S7681" s="124">
        <f t="shared" si="119"/>
        <v>1.8822057847333995</v>
      </c>
    </row>
    <row r="7682" spans="8:19" x14ac:dyDescent="0.3">
      <c r="H7682" s="44">
        <v>7675</v>
      </c>
      <c r="I7682" s="56">
        <f>Bühler!I7708</f>
        <v>0.43435518109232296</v>
      </c>
      <c r="J7682" s="59">
        <f>Bühler!J7708</f>
        <v>1.4478506036410765</v>
      </c>
      <c r="K7682" s="59">
        <f>Bühler!K7708</f>
        <v>2.1717759054616148</v>
      </c>
      <c r="L7682" s="59">
        <f>Bühler!L7708</f>
        <v>10.424524346215751</v>
      </c>
      <c r="M7682" s="58">
        <f>Bühler!M7708</f>
        <v>0</v>
      </c>
      <c r="N7682" s="56">
        <f>IF(Input!$D$19=1,J7682*Input!$C$19,0)+IF(Input!$D$20=1,K7682*Input!$C$20,0)+IF(Input!$D$21=1,L7682*Input!$C$21,0)+IF(Input!$D$22=1,M7682*Input!$C$22,0)</f>
        <v>0.43435518109232296</v>
      </c>
      <c r="O7682" s="59">
        <f>IF(Input!$D$19=2,J7682*Input!$C$19,0)+IF(Input!$D$20=2,K7682*Input!$C$20,0)+IF(Input!$D$21=2,L7682*Input!$C$21,0)+IF(Input!$D$22=2,M7682*Input!$C$22,0)</f>
        <v>1.0858879527308074</v>
      </c>
      <c r="P7682" s="59">
        <f>IF(Input!$D$19=3,J7682*Input!$C$19,0)+IF(Input!$D$20=3,K7682*Input!$C$20,0)+IF(Input!$D$21=3,L7682*Input!$C$21,0)+IF(Input!$D$22=3,M7682*Input!$C$22,0)</f>
        <v>0</v>
      </c>
      <c r="Q7682" s="75">
        <f>IF(Input!$D$19=4,J7682*Input!$C$19,0)+IF(Input!$D$20=4,K7682*Input!$C$20,0)+IF(Input!$D$21=4,L7682*Input!$C$21,0)+IF(Input!$D$22=4,M7682*Input!$C$22,0)</f>
        <v>0</v>
      </c>
      <c r="R7682" s="58">
        <v>63.382427641181508</v>
      </c>
      <c r="S7682" s="124">
        <f t="shared" si="119"/>
        <v>1.8822057847333995</v>
      </c>
    </row>
    <row r="7683" spans="8:19" x14ac:dyDescent="0.3">
      <c r="H7683" s="44">
        <v>7676</v>
      </c>
      <c r="I7683" s="56">
        <f>Bühler!I7709</f>
        <v>0.43435518109232296</v>
      </c>
      <c r="J7683" s="59">
        <f>Bühler!J7709</f>
        <v>1.4478506036410765</v>
      </c>
      <c r="K7683" s="59">
        <f>Bühler!K7709</f>
        <v>2.1717759054616148</v>
      </c>
      <c r="L7683" s="59">
        <f>Bühler!L7709</f>
        <v>10.424524346215751</v>
      </c>
      <c r="M7683" s="58">
        <f>Bühler!M7709</f>
        <v>0</v>
      </c>
      <c r="N7683" s="56">
        <f>IF(Input!$D$19=1,J7683*Input!$C$19,0)+IF(Input!$D$20=1,K7683*Input!$C$20,0)+IF(Input!$D$21=1,L7683*Input!$C$21,0)+IF(Input!$D$22=1,M7683*Input!$C$22,0)</f>
        <v>0.43435518109232296</v>
      </c>
      <c r="O7683" s="59">
        <f>IF(Input!$D$19=2,J7683*Input!$C$19,0)+IF(Input!$D$20=2,K7683*Input!$C$20,0)+IF(Input!$D$21=2,L7683*Input!$C$21,0)+IF(Input!$D$22=2,M7683*Input!$C$22,0)</f>
        <v>1.0858879527308074</v>
      </c>
      <c r="P7683" s="59">
        <f>IF(Input!$D$19=3,J7683*Input!$C$19,0)+IF(Input!$D$20=3,K7683*Input!$C$20,0)+IF(Input!$D$21=3,L7683*Input!$C$21,0)+IF(Input!$D$22=3,M7683*Input!$C$22,0)</f>
        <v>0</v>
      </c>
      <c r="Q7683" s="75">
        <f>IF(Input!$D$19=4,J7683*Input!$C$19,0)+IF(Input!$D$20=4,K7683*Input!$C$20,0)+IF(Input!$D$21=4,L7683*Input!$C$21,0)+IF(Input!$D$22=4,M7683*Input!$C$22,0)</f>
        <v>0</v>
      </c>
      <c r="R7683" s="58">
        <v>60.951124114080969</v>
      </c>
      <c r="S7683" s="124">
        <f t="shared" si="119"/>
        <v>1.8822057847333995</v>
      </c>
    </row>
    <row r="7684" spans="8:19" x14ac:dyDescent="0.3">
      <c r="H7684" s="44">
        <v>7677</v>
      </c>
      <c r="I7684" s="56">
        <f>Bühler!I7710</f>
        <v>0.33647232338137684</v>
      </c>
      <c r="J7684" s="59">
        <f>Bühler!J7710</f>
        <v>1.1215744112712562</v>
      </c>
      <c r="K7684" s="59">
        <f>Bühler!K7710</f>
        <v>1.6823616169068842</v>
      </c>
      <c r="L7684" s="59">
        <f>Bühler!L7710</f>
        <v>8.0753357611530436</v>
      </c>
      <c r="M7684" s="58">
        <f>Bühler!M7710</f>
        <v>0</v>
      </c>
      <c r="N7684" s="56">
        <f>IF(Input!$D$19=1,J7684*Input!$C$19,0)+IF(Input!$D$20=1,K7684*Input!$C$20,0)+IF(Input!$D$21=1,L7684*Input!$C$21,0)+IF(Input!$D$22=1,M7684*Input!$C$22,0)</f>
        <v>0.33647232338137684</v>
      </c>
      <c r="O7684" s="59">
        <f>IF(Input!$D$19=2,J7684*Input!$C$19,0)+IF(Input!$D$20=2,K7684*Input!$C$20,0)+IF(Input!$D$21=2,L7684*Input!$C$21,0)+IF(Input!$D$22=2,M7684*Input!$C$22,0)</f>
        <v>0.84118080845344212</v>
      </c>
      <c r="P7684" s="59">
        <f>IF(Input!$D$19=3,J7684*Input!$C$19,0)+IF(Input!$D$20=3,K7684*Input!$C$20,0)+IF(Input!$D$21=3,L7684*Input!$C$21,0)+IF(Input!$D$22=3,M7684*Input!$C$22,0)</f>
        <v>0</v>
      </c>
      <c r="Q7684" s="75">
        <f>IF(Input!$D$19=4,J7684*Input!$C$19,0)+IF(Input!$D$20=4,K7684*Input!$C$20,0)+IF(Input!$D$21=4,L7684*Input!$C$21,0)+IF(Input!$D$22=4,M7684*Input!$C$22,0)</f>
        <v>0</v>
      </c>
      <c r="R7684" s="58">
        <v>59.374186411494094</v>
      </c>
      <c r="S7684" s="124">
        <f t="shared" si="119"/>
        <v>1.4580467346526331</v>
      </c>
    </row>
    <row r="7685" spans="8:19" x14ac:dyDescent="0.3">
      <c r="H7685" s="44">
        <v>7678</v>
      </c>
      <c r="I7685" s="56">
        <f>Bühler!I7711</f>
        <v>0.12847125074561661</v>
      </c>
      <c r="J7685" s="59">
        <f>Bühler!J7711</f>
        <v>0.42823750248538872</v>
      </c>
      <c r="K7685" s="59">
        <f>Bühler!K7711</f>
        <v>0.64235625372808303</v>
      </c>
      <c r="L7685" s="59">
        <f>Bühler!L7711</f>
        <v>3.0833100178947985</v>
      </c>
      <c r="M7685" s="58">
        <f>Bühler!M7711</f>
        <v>0</v>
      </c>
      <c r="N7685" s="56">
        <f>IF(Input!$D$19=1,J7685*Input!$C$19,0)+IF(Input!$D$20=1,K7685*Input!$C$20,0)+IF(Input!$D$21=1,L7685*Input!$C$21,0)+IF(Input!$D$22=1,M7685*Input!$C$22,0)</f>
        <v>0.12847125074561661</v>
      </c>
      <c r="O7685" s="59">
        <f>IF(Input!$D$19=2,J7685*Input!$C$19,0)+IF(Input!$D$20=2,K7685*Input!$C$20,0)+IF(Input!$D$21=2,L7685*Input!$C$21,0)+IF(Input!$D$22=2,M7685*Input!$C$22,0)</f>
        <v>0.32117812686404151</v>
      </c>
      <c r="P7685" s="59">
        <f>IF(Input!$D$19=3,J7685*Input!$C$19,0)+IF(Input!$D$20=3,K7685*Input!$C$20,0)+IF(Input!$D$21=3,L7685*Input!$C$21,0)+IF(Input!$D$22=3,M7685*Input!$C$22,0)</f>
        <v>0</v>
      </c>
      <c r="Q7685" s="75">
        <f>IF(Input!$D$19=4,J7685*Input!$C$19,0)+IF(Input!$D$20=4,K7685*Input!$C$20,0)+IF(Input!$D$21=4,L7685*Input!$C$21,0)+IF(Input!$D$22=4,M7685*Input!$C$22,0)</f>
        <v>0</v>
      </c>
      <c r="R7685" s="58">
        <v>57.698476928096191</v>
      </c>
      <c r="S7685" s="124">
        <f t="shared" si="119"/>
        <v>0.55670875323100533</v>
      </c>
    </row>
    <row r="7686" spans="8:19" x14ac:dyDescent="0.3">
      <c r="H7686" s="44">
        <v>7679</v>
      </c>
      <c r="I7686" s="56">
        <f>Bühler!I7712</f>
        <v>0.12847125074561661</v>
      </c>
      <c r="J7686" s="59">
        <f>Bühler!J7712</f>
        <v>0.42823750248538872</v>
      </c>
      <c r="K7686" s="59">
        <f>Bühler!K7712</f>
        <v>0.64235625372808303</v>
      </c>
      <c r="L7686" s="59">
        <f>Bühler!L7712</f>
        <v>3.0833100178947985</v>
      </c>
      <c r="M7686" s="58">
        <f>Bühler!M7712</f>
        <v>0</v>
      </c>
      <c r="N7686" s="56">
        <f>IF(Input!$D$19=1,J7686*Input!$C$19,0)+IF(Input!$D$20=1,K7686*Input!$C$20,0)+IF(Input!$D$21=1,L7686*Input!$C$21,0)+IF(Input!$D$22=1,M7686*Input!$C$22,0)</f>
        <v>0.12847125074561661</v>
      </c>
      <c r="O7686" s="59">
        <f>IF(Input!$D$19=2,J7686*Input!$C$19,0)+IF(Input!$D$20=2,K7686*Input!$C$20,0)+IF(Input!$D$21=2,L7686*Input!$C$21,0)+IF(Input!$D$22=2,M7686*Input!$C$22,0)</f>
        <v>0.32117812686404151</v>
      </c>
      <c r="P7686" s="59">
        <f>IF(Input!$D$19=3,J7686*Input!$C$19,0)+IF(Input!$D$20=3,K7686*Input!$C$20,0)+IF(Input!$D$21=3,L7686*Input!$C$21,0)+IF(Input!$D$22=3,M7686*Input!$C$22,0)</f>
        <v>0</v>
      </c>
      <c r="Q7686" s="75">
        <f>IF(Input!$D$19=4,J7686*Input!$C$19,0)+IF(Input!$D$20=4,K7686*Input!$C$20,0)+IF(Input!$D$21=4,L7686*Input!$C$21,0)+IF(Input!$D$22=4,M7686*Input!$C$22,0)</f>
        <v>0</v>
      </c>
      <c r="R7686" s="58">
        <v>57.007261655966275</v>
      </c>
      <c r="S7686" s="124">
        <f t="shared" si="119"/>
        <v>0.55670875323100533</v>
      </c>
    </row>
    <row r="7687" spans="8:19" x14ac:dyDescent="0.3">
      <c r="H7687" s="44">
        <v>7680</v>
      </c>
      <c r="I7687" s="56">
        <f>Bühler!I7713</f>
        <v>0.12847125074561661</v>
      </c>
      <c r="J7687" s="59">
        <f>Bühler!J7713</f>
        <v>0.42823750248538872</v>
      </c>
      <c r="K7687" s="59">
        <f>Bühler!K7713</f>
        <v>0.64235625372808303</v>
      </c>
      <c r="L7687" s="59">
        <f>Bühler!L7713</f>
        <v>3.0833100178947985</v>
      </c>
      <c r="M7687" s="58">
        <f>Bühler!M7713</f>
        <v>0</v>
      </c>
      <c r="N7687" s="56">
        <f>IF(Input!$D$19=1,J7687*Input!$C$19,0)+IF(Input!$D$20=1,K7687*Input!$C$20,0)+IF(Input!$D$21=1,L7687*Input!$C$21,0)+IF(Input!$D$22=1,M7687*Input!$C$22,0)</f>
        <v>0.12847125074561661</v>
      </c>
      <c r="O7687" s="59">
        <f>IF(Input!$D$19=2,J7687*Input!$C$19,0)+IF(Input!$D$20=2,K7687*Input!$C$20,0)+IF(Input!$D$21=2,L7687*Input!$C$21,0)+IF(Input!$D$22=2,M7687*Input!$C$22,0)</f>
        <v>0.32117812686404151</v>
      </c>
      <c r="P7687" s="59">
        <f>IF(Input!$D$19=3,J7687*Input!$C$19,0)+IF(Input!$D$20=3,K7687*Input!$C$20,0)+IF(Input!$D$21=3,L7687*Input!$C$21,0)+IF(Input!$D$22=3,M7687*Input!$C$22,0)</f>
        <v>0</v>
      </c>
      <c r="Q7687" s="75">
        <f>IF(Input!$D$19=4,J7687*Input!$C$19,0)+IF(Input!$D$20=4,K7687*Input!$C$20,0)+IF(Input!$D$21=4,L7687*Input!$C$21,0)+IF(Input!$D$22=4,M7687*Input!$C$22,0)</f>
        <v>0</v>
      </c>
      <c r="R7687" s="58">
        <v>55.394908401350726</v>
      </c>
      <c r="S7687" s="124">
        <f t="shared" si="119"/>
        <v>0.55670875323100533</v>
      </c>
    </row>
    <row r="7688" spans="8:19" x14ac:dyDescent="0.3">
      <c r="H7688" s="44">
        <v>7681</v>
      </c>
      <c r="I7688" s="56">
        <f>Bühler!I7714</f>
        <v>9.4881450621375887E-2</v>
      </c>
      <c r="J7688" s="59">
        <f>Bühler!J7714</f>
        <v>0.31627150207125299</v>
      </c>
      <c r="K7688" s="59">
        <f>Bühler!K7714</f>
        <v>0.47440725310687948</v>
      </c>
      <c r="L7688" s="59">
        <f>Bühler!L7714</f>
        <v>4.5874042484357238</v>
      </c>
      <c r="M7688" s="58">
        <f>Bühler!M7714</f>
        <v>0</v>
      </c>
      <c r="N7688" s="56">
        <f>IF(Input!$D$19=1,J7688*Input!$C$19,0)+IF(Input!$D$20=1,K7688*Input!$C$20,0)+IF(Input!$D$21=1,L7688*Input!$C$21,0)+IF(Input!$D$22=1,M7688*Input!$C$22,0)</f>
        <v>9.4881450621375887E-2</v>
      </c>
      <c r="O7688" s="59">
        <f>IF(Input!$D$19=2,J7688*Input!$C$19,0)+IF(Input!$D$20=2,K7688*Input!$C$20,0)+IF(Input!$D$21=2,L7688*Input!$C$21,0)+IF(Input!$D$22=2,M7688*Input!$C$22,0)</f>
        <v>0.23720362655343974</v>
      </c>
      <c r="P7688" s="59">
        <f>IF(Input!$D$19=3,J7688*Input!$C$19,0)+IF(Input!$D$20=3,K7688*Input!$C$20,0)+IF(Input!$D$21=3,L7688*Input!$C$21,0)+IF(Input!$D$22=3,M7688*Input!$C$22,0)</f>
        <v>0</v>
      </c>
      <c r="Q7688" s="75">
        <f>IF(Input!$D$19=4,J7688*Input!$C$19,0)+IF(Input!$D$20=4,K7688*Input!$C$20,0)+IF(Input!$D$21=4,L7688*Input!$C$21,0)+IF(Input!$D$22=4,M7688*Input!$C$22,0)</f>
        <v>0</v>
      </c>
      <c r="R7688" s="58">
        <v>54.546231974011533</v>
      </c>
      <c r="S7688" s="124">
        <f t="shared" si="119"/>
        <v>0.41115295269262886</v>
      </c>
    </row>
    <row r="7689" spans="8:19" x14ac:dyDescent="0.3">
      <c r="H7689" s="44">
        <v>7682</v>
      </c>
      <c r="I7689" s="56">
        <f>Bühler!I7715</f>
        <v>0.18524473692744817</v>
      </c>
      <c r="J7689" s="59">
        <f>Bühler!J7715</f>
        <v>0.61748245642482724</v>
      </c>
      <c r="K7689" s="59">
        <f>Bühler!K7715</f>
        <v>0.92622368463724092</v>
      </c>
      <c r="L7689" s="59">
        <f>Bühler!L7715</f>
        <v>8.9563606755173684</v>
      </c>
      <c r="M7689" s="58">
        <f>Bühler!M7715</f>
        <v>0</v>
      </c>
      <c r="N7689" s="56">
        <f>IF(Input!$D$19=1,J7689*Input!$C$19,0)+IF(Input!$D$20=1,K7689*Input!$C$20,0)+IF(Input!$D$21=1,L7689*Input!$C$21,0)+IF(Input!$D$22=1,M7689*Input!$C$22,0)</f>
        <v>0.18524473692744817</v>
      </c>
      <c r="O7689" s="59">
        <f>IF(Input!$D$19=2,J7689*Input!$C$19,0)+IF(Input!$D$20=2,K7689*Input!$C$20,0)+IF(Input!$D$21=2,L7689*Input!$C$21,0)+IF(Input!$D$22=2,M7689*Input!$C$22,0)</f>
        <v>0.46311184231862046</v>
      </c>
      <c r="P7689" s="59">
        <f>IF(Input!$D$19=3,J7689*Input!$C$19,0)+IF(Input!$D$20=3,K7689*Input!$C$20,0)+IF(Input!$D$21=3,L7689*Input!$C$21,0)+IF(Input!$D$22=3,M7689*Input!$C$22,0)</f>
        <v>0</v>
      </c>
      <c r="Q7689" s="75">
        <f>IF(Input!$D$19=4,J7689*Input!$C$19,0)+IF(Input!$D$20=4,K7689*Input!$C$20,0)+IF(Input!$D$21=4,L7689*Input!$C$21,0)+IF(Input!$D$22=4,M7689*Input!$C$22,0)</f>
        <v>0</v>
      </c>
      <c r="R7689" s="58">
        <v>54.14050343502376</v>
      </c>
      <c r="S7689" s="124">
        <f t="shared" ref="S7689:S7752" si="120">I7689+J7689</f>
        <v>0.80272719335227538</v>
      </c>
    </row>
    <row r="7690" spans="8:19" x14ac:dyDescent="0.3">
      <c r="H7690" s="44">
        <v>7683</v>
      </c>
      <c r="I7690" s="56">
        <f>Bühler!I7716</f>
        <v>0.18524473692744817</v>
      </c>
      <c r="J7690" s="59">
        <f>Bühler!J7716</f>
        <v>0.61748245642482724</v>
      </c>
      <c r="K7690" s="59">
        <f>Bühler!K7716</f>
        <v>0.92622368463724092</v>
      </c>
      <c r="L7690" s="59">
        <f>Bühler!L7716</f>
        <v>8.9563606755173684</v>
      </c>
      <c r="M7690" s="58">
        <f>Bühler!M7716</f>
        <v>0</v>
      </c>
      <c r="N7690" s="56">
        <f>IF(Input!$D$19=1,J7690*Input!$C$19,0)+IF(Input!$D$20=1,K7690*Input!$C$20,0)+IF(Input!$D$21=1,L7690*Input!$C$21,0)+IF(Input!$D$22=1,M7690*Input!$C$22,0)</f>
        <v>0.18524473692744817</v>
      </c>
      <c r="O7690" s="59">
        <f>IF(Input!$D$19=2,J7690*Input!$C$19,0)+IF(Input!$D$20=2,K7690*Input!$C$20,0)+IF(Input!$D$21=2,L7690*Input!$C$21,0)+IF(Input!$D$22=2,M7690*Input!$C$22,0)</f>
        <v>0.46311184231862046</v>
      </c>
      <c r="P7690" s="59">
        <f>IF(Input!$D$19=3,J7690*Input!$C$19,0)+IF(Input!$D$20=3,K7690*Input!$C$20,0)+IF(Input!$D$21=3,L7690*Input!$C$21,0)+IF(Input!$D$22=3,M7690*Input!$C$22,0)</f>
        <v>0</v>
      </c>
      <c r="Q7690" s="75">
        <f>IF(Input!$D$19=4,J7690*Input!$C$19,0)+IF(Input!$D$20=4,K7690*Input!$C$20,0)+IF(Input!$D$21=4,L7690*Input!$C$21,0)+IF(Input!$D$22=4,M7690*Input!$C$22,0)</f>
        <v>0</v>
      </c>
      <c r="R7690" s="58">
        <v>53.609063974944718</v>
      </c>
      <c r="S7690" s="124">
        <f t="shared" si="120"/>
        <v>0.80272719335227538</v>
      </c>
    </row>
    <row r="7691" spans="8:19" x14ac:dyDescent="0.3">
      <c r="H7691" s="44">
        <v>7684</v>
      </c>
      <c r="I7691" s="56">
        <f>Bühler!I7717</f>
        <v>0.18524473692744817</v>
      </c>
      <c r="J7691" s="59">
        <f>Bühler!J7717</f>
        <v>0.61748245642482724</v>
      </c>
      <c r="K7691" s="59">
        <f>Bühler!K7717</f>
        <v>0.92622368463724092</v>
      </c>
      <c r="L7691" s="59">
        <f>Bühler!L7717</f>
        <v>8.9563606755173684</v>
      </c>
      <c r="M7691" s="58">
        <f>Bühler!M7717</f>
        <v>0</v>
      </c>
      <c r="N7691" s="56">
        <f>IF(Input!$D$19=1,J7691*Input!$C$19,0)+IF(Input!$D$20=1,K7691*Input!$C$20,0)+IF(Input!$D$21=1,L7691*Input!$C$21,0)+IF(Input!$D$22=1,M7691*Input!$C$22,0)</f>
        <v>0.18524473692744817</v>
      </c>
      <c r="O7691" s="59">
        <f>IF(Input!$D$19=2,J7691*Input!$C$19,0)+IF(Input!$D$20=2,K7691*Input!$C$20,0)+IF(Input!$D$21=2,L7691*Input!$C$21,0)+IF(Input!$D$22=2,M7691*Input!$C$22,0)</f>
        <v>0.46311184231862046</v>
      </c>
      <c r="P7691" s="59">
        <f>IF(Input!$D$19=3,J7691*Input!$C$19,0)+IF(Input!$D$20=3,K7691*Input!$C$20,0)+IF(Input!$D$21=3,L7691*Input!$C$21,0)+IF(Input!$D$22=3,M7691*Input!$C$22,0)</f>
        <v>0</v>
      </c>
      <c r="Q7691" s="75">
        <f>IF(Input!$D$19=4,J7691*Input!$C$19,0)+IF(Input!$D$20=4,K7691*Input!$C$20,0)+IF(Input!$D$21=4,L7691*Input!$C$21,0)+IF(Input!$D$22=4,M7691*Input!$C$22,0)</f>
        <v>0</v>
      </c>
      <c r="R7691" s="58">
        <v>52.380411282182756</v>
      </c>
      <c r="S7691" s="124">
        <f t="shared" si="120"/>
        <v>0.80272719335227538</v>
      </c>
    </row>
    <row r="7692" spans="8:19" x14ac:dyDescent="0.3">
      <c r="H7692" s="44">
        <v>7685</v>
      </c>
      <c r="I7692" s="56">
        <f>Bühler!I7718</f>
        <v>0.18524473692744817</v>
      </c>
      <c r="J7692" s="59">
        <f>Bühler!J7718</f>
        <v>0.61748245642482724</v>
      </c>
      <c r="K7692" s="59">
        <f>Bühler!K7718</f>
        <v>0.92622368463724092</v>
      </c>
      <c r="L7692" s="59">
        <f>Bühler!L7718</f>
        <v>8.9563606755173684</v>
      </c>
      <c r="M7692" s="58">
        <f>Bühler!M7718</f>
        <v>0</v>
      </c>
      <c r="N7692" s="56">
        <f>IF(Input!$D$19=1,J7692*Input!$C$19,0)+IF(Input!$D$20=1,K7692*Input!$C$20,0)+IF(Input!$D$21=1,L7692*Input!$C$21,0)+IF(Input!$D$22=1,M7692*Input!$C$22,0)</f>
        <v>0.18524473692744817</v>
      </c>
      <c r="O7692" s="59">
        <f>IF(Input!$D$19=2,J7692*Input!$C$19,0)+IF(Input!$D$20=2,K7692*Input!$C$20,0)+IF(Input!$D$21=2,L7692*Input!$C$21,0)+IF(Input!$D$22=2,M7692*Input!$C$22,0)</f>
        <v>0.46311184231862046</v>
      </c>
      <c r="P7692" s="59">
        <f>IF(Input!$D$19=3,J7692*Input!$C$19,0)+IF(Input!$D$20=3,K7692*Input!$C$20,0)+IF(Input!$D$21=3,L7692*Input!$C$21,0)+IF(Input!$D$22=3,M7692*Input!$C$22,0)</f>
        <v>0</v>
      </c>
      <c r="Q7692" s="75">
        <f>IF(Input!$D$19=4,J7692*Input!$C$19,0)+IF(Input!$D$20=4,K7692*Input!$C$20,0)+IF(Input!$D$21=4,L7692*Input!$C$21,0)+IF(Input!$D$22=4,M7692*Input!$C$22,0)</f>
        <v>0</v>
      </c>
      <c r="R7692" s="58">
        <v>51.300126931832914</v>
      </c>
      <c r="S7692" s="124">
        <f t="shared" si="120"/>
        <v>0.80272719335227538</v>
      </c>
    </row>
    <row r="7693" spans="8:19" x14ac:dyDescent="0.3">
      <c r="H7693" s="44">
        <v>7686</v>
      </c>
      <c r="I7693" s="56">
        <f>Bühler!I7719</f>
        <v>0.23042638008048433</v>
      </c>
      <c r="J7693" s="59">
        <f>Bühler!J7719</f>
        <v>0.76808793360161454</v>
      </c>
      <c r="K7693" s="59">
        <f>Bühler!K7719</f>
        <v>1.1521319004024217</v>
      </c>
      <c r="L7693" s="59">
        <f>Bühler!L7719</f>
        <v>11.140838889058189</v>
      </c>
      <c r="M7693" s="58">
        <f>Bühler!M7719</f>
        <v>0</v>
      </c>
      <c r="N7693" s="56">
        <f>IF(Input!$D$19=1,J7693*Input!$C$19,0)+IF(Input!$D$20=1,K7693*Input!$C$20,0)+IF(Input!$D$21=1,L7693*Input!$C$21,0)+IF(Input!$D$22=1,M7693*Input!$C$22,0)</f>
        <v>0.23042638008048436</v>
      </c>
      <c r="O7693" s="59">
        <f>IF(Input!$D$19=2,J7693*Input!$C$19,0)+IF(Input!$D$20=2,K7693*Input!$C$20,0)+IF(Input!$D$21=2,L7693*Input!$C$21,0)+IF(Input!$D$22=2,M7693*Input!$C$22,0)</f>
        <v>0.57606595020121087</v>
      </c>
      <c r="P7693" s="59">
        <f>IF(Input!$D$19=3,J7693*Input!$C$19,0)+IF(Input!$D$20=3,K7693*Input!$C$20,0)+IF(Input!$D$21=3,L7693*Input!$C$21,0)+IF(Input!$D$22=3,M7693*Input!$C$22,0)</f>
        <v>0</v>
      </c>
      <c r="Q7693" s="75">
        <f>IF(Input!$D$19=4,J7693*Input!$C$19,0)+IF(Input!$D$20=4,K7693*Input!$C$20,0)+IF(Input!$D$21=4,L7693*Input!$C$21,0)+IF(Input!$D$22=4,M7693*Input!$C$22,0)</f>
        <v>0</v>
      </c>
      <c r="R7693" s="58">
        <v>51.668333854089454</v>
      </c>
      <c r="S7693" s="124">
        <f t="shared" si="120"/>
        <v>0.99851431368209886</v>
      </c>
    </row>
    <row r="7694" spans="8:19" x14ac:dyDescent="0.3">
      <c r="H7694" s="44">
        <v>7687</v>
      </c>
      <c r="I7694" s="56">
        <f>Bühler!I7720</f>
        <v>0.28916251617943134</v>
      </c>
      <c r="J7694" s="59">
        <f>Bühler!J7720</f>
        <v>0.96387505393143791</v>
      </c>
      <c r="K7694" s="59">
        <f>Bühler!K7720</f>
        <v>1.4458125808971569</v>
      </c>
      <c r="L7694" s="59">
        <f>Bühler!L7720</f>
        <v>13.980660566661255</v>
      </c>
      <c r="M7694" s="58">
        <f>Bühler!M7720</f>
        <v>0</v>
      </c>
      <c r="N7694" s="56">
        <f>IF(Input!$D$19=1,J7694*Input!$C$19,0)+IF(Input!$D$20=1,K7694*Input!$C$20,0)+IF(Input!$D$21=1,L7694*Input!$C$21,0)+IF(Input!$D$22=1,M7694*Input!$C$22,0)</f>
        <v>0.28916251617943134</v>
      </c>
      <c r="O7694" s="59">
        <f>IF(Input!$D$19=2,J7694*Input!$C$19,0)+IF(Input!$D$20=2,K7694*Input!$C$20,0)+IF(Input!$D$21=2,L7694*Input!$C$21,0)+IF(Input!$D$22=2,M7694*Input!$C$22,0)</f>
        <v>0.72290629044857846</v>
      </c>
      <c r="P7694" s="59">
        <f>IF(Input!$D$19=3,J7694*Input!$C$19,0)+IF(Input!$D$20=3,K7694*Input!$C$20,0)+IF(Input!$D$21=3,L7694*Input!$C$21,0)+IF(Input!$D$22=3,M7694*Input!$C$22,0)</f>
        <v>0</v>
      </c>
      <c r="Q7694" s="75">
        <f>IF(Input!$D$19=4,J7694*Input!$C$19,0)+IF(Input!$D$20=4,K7694*Input!$C$20,0)+IF(Input!$D$21=4,L7694*Input!$C$21,0)+IF(Input!$D$22=4,M7694*Input!$C$22,0)</f>
        <v>0</v>
      </c>
      <c r="R7694" s="58">
        <v>52.1243882328084</v>
      </c>
      <c r="S7694" s="124">
        <f t="shared" si="120"/>
        <v>1.2530375701108691</v>
      </c>
    </row>
    <row r="7695" spans="8:19" x14ac:dyDescent="0.3">
      <c r="H7695" s="44">
        <v>7688</v>
      </c>
      <c r="I7695" s="56">
        <f>Bühler!I7721</f>
        <v>0.32982599501716381</v>
      </c>
      <c r="J7695" s="59">
        <f>Bühler!J7721</f>
        <v>1.0994199833905463</v>
      </c>
      <c r="K7695" s="59">
        <f>Bühler!K7721</f>
        <v>1.6491299750858193</v>
      </c>
      <c r="L7695" s="59">
        <f>Bühler!L7721</f>
        <v>15.946690958847993</v>
      </c>
      <c r="M7695" s="58">
        <f>Bühler!M7721</f>
        <v>0</v>
      </c>
      <c r="N7695" s="56">
        <f>IF(Input!$D$19=1,J7695*Input!$C$19,0)+IF(Input!$D$20=1,K7695*Input!$C$20,0)+IF(Input!$D$21=1,L7695*Input!$C$21,0)+IF(Input!$D$22=1,M7695*Input!$C$22,0)</f>
        <v>0.32982599501716386</v>
      </c>
      <c r="O7695" s="59">
        <f>IF(Input!$D$19=2,J7695*Input!$C$19,0)+IF(Input!$D$20=2,K7695*Input!$C$20,0)+IF(Input!$D$21=2,L7695*Input!$C$21,0)+IF(Input!$D$22=2,M7695*Input!$C$22,0)</f>
        <v>0.82456498754290963</v>
      </c>
      <c r="P7695" s="59">
        <f>IF(Input!$D$19=3,J7695*Input!$C$19,0)+IF(Input!$D$20=3,K7695*Input!$C$20,0)+IF(Input!$D$21=3,L7695*Input!$C$21,0)+IF(Input!$D$22=3,M7695*Input!$C$22,0)</f>
        <v>0</v>
      </c>
      <c r="Q7695" s="75">
        <f>IF(Input!$D$19=4,J7695*Input!$C$19,0)+IF(Input!$D$20=4,K7695*Input!$C$20,0)+IF(Input!$D$21=4,L7695*Input!$C$21,0)+IF(Input!$D$22=4,M7695*Input!$C$22,0)</f>
        <v>0</v>
      </c>
      <c r="R7695" s="58">
        <v>51.410317715162577</v>
      </c>
      <c r="S7695" s="124">
        <f t="shared" si="120"/>
        <v>1.4292459784077101</v>
      </c>
    </row>
    <row r="7696" spans="8:19" x14ac:dyDescent="0.3">
      <c r="H7696" s="44">
        <v>7689</v>
      </c>
      <c r="I7696" s="56">
        <f>Bühler!I7722</f>
        <v>0.32982599501716381</v>
      </c>
      <c r="J7696" s="59">
        <f>Bühler!J7722</f>
        <v>1.0994199833905463</v>
      </c>
      <c r="K7696" s="59">
        <f>Bühler!K7722</f>
        <v>1.6491299750858193</v>
      </c>
      <c r="L7696" s="59">
        <f>Bühler!L7722</f>
        <v>15.946690958847993</v>
      </c>
      <c r="M7696" s="58">
        <f>Bühler!M7722</f>
        <v>0</v>
      </c>
      <c r="N7696" s="56">
        <f>IF(Input!$D$19=1,J7696*Input!$C$19,0)+IF(Input!$D$20=1,K7696*Input!$C$20,0)+IF(Input!$D$21=1,L7696*Input!$C$21,0)+IF(Input!$D$22=1,M7696*Input!$C$22,0)</f>
        <v>0.32982599501716386</v>
      </c>
      <c r="O7696" s="59">
        <f>IF(Input!$D$19=2,J7696*Input!$C$19,0)+IF(Input!$D$20=2,K7696*Input!$C$20,0)+IF(Input!$D$21=2,L7696*Input!$C$21,0)+IF(Input!$D$22=2,M7696*Input!$C$22,0)</f>
        <v>0.82456498754290963</v>
      </c>
      <c r="P7696" s="59">
        <f>IF(Input!$D$19=3,J7696*Input!$C$19,0)+IF(Input!$D$20=3,K7696*Input!$C$20,0)+IF(Input!$D$21=3,L7696*Input!$C$21,0)+IF(Input!$D$22=3,M7696*Input!$C$22,0)</f>
        <v>0</v>
      </c>
      <c r="Q7696" s="75">
        <f>IF(Input!$D$19=4,J7696*Input!$C$19,0)+IF(Input!$D$20=4,K7696*Input!$C$20,0)+IF(Input!$D$21=4,L7696*Input!$C$21,0)+IF(Input!$D$22=4,M7696*Input!$C$22,0)</f>
        <v>0</v>
      </c>
      <c r="R7696" s="58">
        <v>50.779656123157899</v>
      </c>
      <c r="S7696" s="124">
        <f t="shared" si="120"/>
        <v>1.4292459784077101</v>
      </c>
    </row>
    <row r="7697" spans="8:19" x14ac:dyDescent="0.3">
      <c r="H7697" s="44">
        <v>7690</v>
      </c>
      <c r="I7697" s="56">
        <f>Bühler!I7723</f>
        <v>0.32982599501716381</v>
      </c>
      <c r="J7697" s="59">
        <f>Bühler!J7723</f>
        <v>1.0994199833905463</v>
      </c>
      <c r="K7697" s="59">
        <f>Bühler!K7723</f>
        <v>1.6491299750858193</v>
      </c>
      <c r="L7697" s="59">
        <f>Bühler!L7723</f>
        <v>15.946690958847993</v>
      </c>
      <c r="M7697" s="58">
        <f>Bühler!M7723</f>
        <v>0</v>
      </c>
      <c r="N7697" s="56">
        <f>IF(Input!$D$19=1,J7697*Input!$C$19,0)+IF(Input!$D$20=1,K7697*Input!$C$20,0)+IF(Input!$D$21=1,L7697*Input!$C$21,0)+IF(Input!$D$22=1,M7697*Input!$C$22,0)</f>
        <v>0.32982599501716386</v>
      </c>
      <c r="O7697" s="59">
        <f>IF(Input!$D$19=2,J7697*Input!$C$19,0)+IF(Input!$D$20=2,K7697*Input!$C$20,0)+IF(Input!$D$21=2,L7697*Input!$C$21,0)+IF(Input!$D$22=2,M7697*Input!$C$22,0)</f>
        <v>0.82456498754290963</v>
      </c>
      <c r="P7697" s="59">
        <f>IF(Input!$D$19=3,J7697*Input!$C$19,0)+IF(Input!$D$20=3,K7697*Input!$C$20,0)+IF(Input!$D$21=3,L7697*Input!$C$21,0)+IF(Input!$D$22=3,M7697*Input!$C$22,0)</f>
        <v>0</v>
      </c>
      <c r="Q7697" s="75">
        <f>IF(Input!$D$19=4,J7697*Input!$C$19,0)+IF(Input!$D$20=4,K7697*Input!$C$20,0)+IF(Input!$D$21=4,L7697*Input!$C$21,0)+IF(Input!$D$22=4,M7697*Input!$C$22,0)</f>
        <v>0</v>
      </c>
      <c r="R7697" s="58">
        <v>49.980266321079355</v>
      </c>
      <c r="S7697" s="124">
        <f t="shared" si="120"/>
        <v>1.4292459784077101</v>
      </c>
    </row>
    <row r="7698" spans="8:19" x14ac:dyDescent="0.3">
      <c r="H7698" s="44">
        <v>7691</v>
      </c>
      <c r="I7698" s="56">
        <f>Bühler!I7724</f>
        <v>0.32982599501716381</v>
      </c>
      <c r="J7698" s="59">
        <f>Bühler!J7724</f>
        <v>1.0994199833905463</v>
      </c>
      <c r="K7698" s="59">
        <f>Bühler!K7724</f>
        <v>1.6491299750858193</v>
      </c>
      <c r="L7698" s="59">
        <f>Bühler!L7724</f>
        <v>15.946690958847993</v>
      </c>
      <c r="M7698" s="58">
        <f>Bühler!M7724</f>
        <v>0</v>
      </c>
      <c r="N7698" s="56">
        <f>IF(Input!$D$19=1,J7698*Input!$C$19,0)+IF(Input!$D$20=1,K7698*Input!$C$20,0)+IF(Input!$D$21=1,L7698*Input!$C$21,0)+IF(Input!$D$22=1,M7698*Input!$C$22,0)</f>
        <v>0.32982599501716386</v>
      </c>
      <c r="O7698" s="59">
        <f>IF(Input!$D$19=2,J7698*Input!$C$19,0)+IF(Input!$D$20=2,K7698*Input!$C$20,0)+IF(Input!$D$21=2,L7698*Input!$C$21,0)+IF(Input!$D$22=2,M7698*Input!$C$22,0)</f>
        <v>0.82456498754290963</v>
      </c>
      <c r="P7698" s="59">
        <f>IF(Input!$D$19=3,J7698*Input!$C$19,0)+IF(Input!$D$20=3,K7698*Input!$C$20,0)+IF(Input!$D$21=3,L7698*Input!$C$21,0)+IF(Input!$D$22=3,M7698*Input!$C$22,0)</f>
        <v>0</v>
      </c>
      <c r="Q7698" s="75">
        <f>IF(Input!$D$19=4,J7698*Input!$C$19,0)+IF(Input!$D$20=4,K7698*Input!$C$20,0)+IF(Input!$D$21=4,L7698*Input!$C$21,0)+IF(Input!$D$22=4,M7698*Input!$C$22,0)</f>
        <v>0</v>
      </c>
      <c r="R7698" s="58">
        <v>50.129553606500181</v>
      </c>
      <c r="S7698" s="124">
        <f t="shared" si="120"/>
        <v>1.4292459784077101</v>
      </c>
    </row>
    <row r="7699" spans="8:19" x14ac:dyDescent="0.3">
      <c r="H7699" s="44">
        <v>7692</v>
      </c>
      <c r="I7699" s="56">
        <f>Bühler!I7725</f>
        <v>0.32982599501716381</v>
      </c>
      <c r="J7699" s="59">
        <f>Bühler!J7725</f>
        <v>1.0994199833905463</v>
      </c>
      <c r="K7699" s="59">
        <f>Bühler!K7725</f>
        <v>1.6491299750858193</v>
      </c>
      <c r="L7699" s="59">
        <f>Bühler!L7725</f>
        <v>15.946690958847993</v>
      </c>
      <c r="M7699" s="58">
        <f>Bühler!M7725</f>
        <v>0</v>
      </c>
      <c r="N7699" s="56">
        <f>IF(Input!$D$19=1,J7699*Input!$C$19,0)+IF(Input!$D$20=1,K7699*Input!$C$20,0)+IF(Input!$D$21=1,L7699*Input!$C$21,0)+IF(Input!$D$22=1,M7699*Input!$C$22,0)</f>
        <v>0.32982599501716386</v>
      </c>
      <c r="O7699" s="59">
        <f>IF(Input!$D$19=2,J7699*Input!$C$19,0)+IF(Input!$D$20=2,K7699*Input!$C$20,0)+IF(Input!$D$21=2,L7699*Input!$C$21,0)+IF(Input!$D$22=2,M7699*Input!$C$22,0)</f>
        <v>0.82456498754290963</v>
      </c>
      <c r="P7699" s="59">
        <f>IF(Input!$D$19=3,J7699*Input!$C$19,0)+IF(Input!$D$20=3,K7699*Input!$C$20,0)+IF(Input!$D$21=3,L7699*Input!$C$21,0)+IF(Input!$D$22=3,M7699*Input!$C$22,0)</f>
        <v>0</v>
      </c>
      <c r="Q7699" s="75">
        <f>IF(Input!$D$19=4,J7699*Input!$C$19,0)+IF(Input!$D$20=4,K7699*Input!$C$20,0)+IF(Input!$D$21=4,L7699*Input!$C$21,0)+IF(Input!$D$22=4,M7699*Input!$C$22,0)</f>
        <v>0</v>
      </c>
      <c r="R7699" s="58">
        <v>49.721691641640689</v>
      </c>
      <c r="S7699" s="124">
        <f t="shared" si="120"/>
        <v>1.4292459784077101</v>
      </c>
    </row>
    <row r="7700" spans="8:19" x14ac:dyDescent="0.3">
      <c r="H7700" s="44">
        <v>7693</v>
      </c>
      <c r="I7700" s="56">
        <f>Bühler!I7726</f>
        <v>0.32982599501716381</v>
      </c>
      <c r="J7700" s="59">
        <f>Bühler!J7726</f>
        <v>1.0994199833905463</v>
      </c>
      <c r="K7700" s="59">
        <f>Bühler!K7726</f>
        <v>1.6491299750858193</v>
      </c>
      <c r="L7700" s="59">
        <f>Bühler!L7726</f>
        <v>15.946690958847993</v>
      </c>
      <c r="M7700" s="58">
        <f>Bühler!M7726</f>
        <v>0</v>
      </c>
      <c r="N7700" s="56">
        <f>IF(Input!$D$19=1,J7700*Input!$C$19,0)+IF(Input!$D$20=1,K7700*Input!$C$20,0)+IF(Input!$D$21=1,L7700*Input!$C$21,0)+IF(Input!$D$22=1,M7700*Input!$C$22,0)</f>
        <v>0.32982599501716386</v>
      </c>
      <c r="O7700" s="59">
        <f>IF(Input!$D$19=2,J7700*Input!$C$19,0)+IF(Input!$D$20=2,K7700*Input!$C$20,0)+IF(Input!$D$21=2,L7700*Input!$C$21,0)+IF(Input!$D$22=2,M7700*Input!$C$22,0)</f>
        <v>0.82456498754290963</v>
      </c>
      <c r="P7700" s="59">
        <f>IF(Input!$D$19=3,J7700*Input!$C$19,0)+IF(Input!$D$20=3,K7700*Input!$C$20,0)+IF(Input!$D$21=3,L7700*Input!$C$21,0)+IF(Input!$D$22=3,M7700*Input!$C$22,0)</f>
        <v>0</v>
      </c>
      <c r="Q7700" s="75">
        <f>IF(Input!$D$19=4,J7700*Input!$C$19,0)+IF(Input!$D$20=4,K7700*Input!$C$20,0)+IF(Input!$D$21=4,L7700*Input!$C$21,0)+IF(Input!$D$22=4,M7700*Input!$C$22,0)</f>
        <v>0</v>
      </c>
      <c r="R7700" s="58">
        <v>48.437134588452828</v>
      </c>
      <c r="S7700" s="124">
        <f t="shared" si="120"/>
        <v>1.4292459784077101</v>
      </c>
    </row>
    <row r="7701" spans="8:19" x14ac:dyDescent="0.3">
      <c r="H7701" s="44">
        <v>7694</v>
      </c>
      <c r="I7701" s="56">
        <f>Bühler!I7727</f>
        <v>0.32982599501716381</v>
      </c>
      <c r="J7701" s="59">
        <f>Bühler!J7727</f>
        <v>1.0994199833905463</v>
      </c>
      <c r="K7701" s="59">
        <f>Bühler!K7727</f>
        <v>1.6491299750858193</v>
      </c>
      <c r="L7701" s="59">
        <f>Bühler!L7727</f>
        <v>15.946690958847993</v>
      </c>
      <c r="M7701" s="58">
        <f>Bühler!M7727</f>
        <v>0</v>
      </c>
      <c r="N7701" s="56">
        <f>IF(Input!$D$19=1,J7701*Input!$C$19,0)+IF(Input!$D$20=1,K7701*Input!$C$20,0)+IF(Input!$D$21=1,L7701*Input!$C$21,0)+IF(Input!$D$22=1,M7701*Input!$C$22,0)</f>
        <v>0.32982599501716386</v>
      </c>
      <c r="O7701" s="59">
        <f>IF(Input!$D$19=2,J7701*Input!$C$19,0)+IF(Input!$D$20=2,K7701*Input!$C$20,0)+IF(Input!$D$21=2,L7701*Input!$C$21,0)+IF(Input!$D$22=2,M7701*Input!$C$22,0)</f>
        <v>0.82456498754290963</v>
      </c>
      <c r="P7701" s="59">
        <f>IF(Input!$D$19=3,J7701*Input!$C$19,0)+IF(Input!$D$20=3,K7701*Input!$C$20,0)+IF(Input!$D$21=3,L7701*Input!$C$21,0)+IF(Input!$D$22=3,M7701*Input!$C$22,0)</f>
        <v>0</v>
      </c>
      <c r="Q7701" s="75">
        <f>IF(Input!$D$19=4,J7701*Input!$C$19,0)+IF(Input!$D$20=4,K7701*Input!$C$20,0)+IF(Input!$D$21=4,L7701*Input!$C$21,0)+IF(Input!$D$22=4,M7701*Input!$C$22,0)</f>
        <v>0</v>
      </c>
      <c r="R7701" s="58">
        <v>47.861052389806126</v>
      </c>
      <c r="S7701" s="124">
        <f t="shared" si="120"/>
        <v>1.4292459784077101</v>
      </c>
    </row>
    <row r="7702" spans="8:19" x14ac:dyDescent="0.3">
      <c r="H7702" s="44">
        <v>7695</v>
      </c>
      <c r="I7702" s="56">
        <f>Bühler!I7728</f>
        <v>0.32982599501716381</v>
      </c>
      <c r="J7702" s="59">
        <f>Bühler!J7728</f>
        <v>1.0994199833905463</v>
      </c>
      <c r="K7702" s="59">
        <f>Bühler!K7728</f>
        <v>1.6491299750858193</v>
      </c>
      <c r="L7702" s="59">
        <f>Bühler!L7728</f>
        <v>15.946690958847993</v>
      </c>
      <c r="M7702" s="58">
        <f>Bühler!M7728</f>
        <v>0</v>
      </c>
      <c r="N7702" s="56">
        <f>IF(Input!$D$19=1,J7702*Input!$C$19,0)+IF(Input!$D$20=1,K7702*Input!$C$20,0)+IF(Input!$D$21=1,L7702*Input!$C$21,0)+IF(Input!$D$22=1,M7702*Input!$C$22,0)</f>
        <v>0.32982599501716386</v>
      </c>
      <c r="O7702" s="59">
        <f>IF(Input!$D$19=2,J7702*Input!$C$19,0)+IF(Input!$D$20=2,K7702*Input!$C$20,0)+IF(Input!$D$21=2,L7702*Input!$C$21,0)+IF(Input!$D$22=2,M7702*Input!$C$22,0)</f>
        <v>0.82456498754290963</v>
      </c>
      <c r="P7702" s="59">
        <f>IF(Input!$D$19=3,J7702*Input!$C$19,0)+IF(Input!$D$20=3,K7702*Input!$C$20,0)+IF(Input!$D$21=3,L7702*Input!$C$21,0)+IF(Input!$D$22=3,M7702*Input!$C$22,0)</f>
        <v>0</v>
      </c>
      <c r="Q7702" s="75">
        <f>IF(Input!$D$19=4,J7702*Input!$C$19,0)+IF(Input!$D$20=4,K7702*Input!$C$20,0)+IF(Input!$D$21=4,L7702*Input!$C$21,0)+IF(Input!$D$22=4,M7702*Input!$C$22,0)</f>
        <v>0</v>
      </c>
      <c r="R7702" s="58">
        <v>47.499547600643766</v>
      </c>
      <c r="S7702" s="124">
        <f t="shared" si="120"/>
        <v>1.4292459784077101</v>
      </c>
    </row>
    <row r="7703" spans="8:19" x14ac:dyDescent="0.3">
      <c r="H7703" s="44">
        <v>7696</v>
      </c>
      <c r="I7703" s="56">
        <f>Bühler!I7729</f>
        <v>0.2981988448100385</v>
      </c>
      <c r="J7703" s="59">
        <f>Bühler!J7729</f>
        <v>0.99399614936679515</v>
      </c>
      <c r="K7703" s="59">
        <f>Bühler!K7729</f>
        <v>1.4909942240501928</v>
      </c>
      <c r="L7703" s="59">
        <f>Bühler!L7729</f>
        <v>14.417556209369419</v>
      </c>
      <c r="M7703" s="58">
        <f>Bühler!M7729</f>
        <v>0</v>
      </c>
      <c r="N7703" s="56">
        <f>IF(Input!$D$19=1,J7703*Input!$C$19,0)+IF(Input!$D$20=1,K7703*Input!$C$20,0)+IF(Input!$D$21=1,L7703*Input!$C$21,0)+IF(Input!$D$22=1,M7703*Input!$C$22,0)</f>
        <v>0.29819884481003855</v>
      </c>
      <c r="O7703" s="59">
        <f>IF(Input!$D$19=2,J7703*Input!$C$19,0)+IF(Input!$D$20=2,K7703*Input!$C$20,0)+IF(Input!$D$21=2,L7703*Input!$C$21,0)+IF(Input!$D$22=2,M7703*Input!$C$22,0)</f>
        <v>0.74549711202509639</v>
      </c>
      <c r="P7703" s="59">
        <f>IF(Input!$D$19=3,J7703*Input!$C$19,0)+IF(Input!$D$20=3,K7703*Input!$C$20,0)+IF(Input!$D$21=3,L7703*Input!$C$21,0)+IF(Input!$D$22=3,M7703*Input!$C$22,0)</f>
        <v>0</v>
      </c>
      <c r="Q7703" s="75">
        <f>IF(Input!$D$19=4,J7703*Input!$C$19,0)+IF(Input!$D$20=4,K7703*Input!$C$20,0)+IF(Input!$D$21=4,L7703*Input!$C$21,0)+IF(Input!$D$22=4,M7703*Input!$C$22,0)</f>
        <v>0</v>
      </c>
      <c r="R7703" s="58">
        <v>46.601180936474876</v>
      </c>
      <c r="S7703" s="124">
        <f t="shared" si="120"/>
        <v>1.2921949941768336</v>
      </c>
    </row>
    <row r="7704" spans="8:19" x14ac:dyDescent="0.3">
      <c r="H7704" s="44">
        <v>7697</v>
      </c>
      <c r="I7704" s="56">
        <f>Bühler!I7730</f>
        <v>0.27108985891821685</v>
      </c>
      <c r="J7704" s="59">
        <f>Bühler!J7730</f>
        <v>0.90363286306072299</v>
      </c>
      <c r="K7704" s="59">
        <f>Bühler!K7730</f>
        <v>1.3554492945910845</v>
      </c>
      <c r="L7704" s="59">
        <f>Bühler!L7730</f>
        <v>13.106869281244927</v>
      </c>
      <c r="M7704" s="58">
        <f>Bühler!M7730</f>
        <v>0</v>
      </c>
      <c r="N7704" s="56">
        <f>IF(Input!$D$19=1,J7704*Input!$C$19,0)+IF(Input!$D$20=1,K7704*Input!$C$20,0)+IF(Input!$D$21=1,L7704*Input!$C$21,0)+IF(Input!$D$22=1,M7704*Input!$C$22,0)</f>
        <v>0.27108985891821691</v>
      </c>
      <c r="O7704" s="59">
        <f>IF(Input!$D$19=2,J7704*Input!$C$19,0)+IF(Input!$D$20=2,K7704*Input!$C$20,0)+IF(Input!$D$21=2,L7704*Input!$C$21,0)+IF(Input!$D$22=2,M7704*Input!$C$22,0)</f>
        <v>0.67772464729554227</v>
      </c>
      <c r="P7704" s="59">
        <f>IF(Input!$D$19=3,J7704*Input!$C$19,0)+IF(Input!$D$20=3,K7704*Input!$C$20,0)+IF(Input!$D$21=3,L7704*Input!$C$21,0)+IF(Input!$D$22=3,M7704*Input!$C$22,0)</f>
        <v>0</v>
      </c>
      <c r="Q7704" s="75">
        <f>IF(Input!$D$19=4,J7704*Input!$C$19,0)+IF(Input!$D$20=4,K7704*Input!$C$20,0)+IF(Input!$D$21=4,L7704*Input!$C$21,0)+IF(Input!$D$22=4,M7704*Input!$C$22,0)</f>
        <v>0</v>
      </c>
      <c r="R7704" s="58">
        <v>45.979544117198685</v>
      </c>
      <c r="S7704" s="124">
        <f t="shared" si="120"/>
        <v>1.1747227219789398</v>
      </c>
    </row>
    <row r="7705" spans="8:19" x14ac:dyDescent="0.3">
      <c r="H7705" s="44">
        <v>7698</v>
      </c>
      <c r="I7705" s="56">
        <f>Bühler!I7731</f>
        <v>0.24398087302639515</v>
      </c>
      <c r="J7705" s="59">
        <f>Bühler!J7731</f>
        <v>0.81326957675465061</v>
      </c>
      <c r="K7705" s="59">
        <f>Bühler!K7731</f>
        <v>1.2199043651319759</v>
      </c>
      <c r="L7705" s="59">
        <f>Bühler!L7731</f>
        <v>11.796182353120434</v>
      </c>
      <c r="M7705" s="58">
        <f>Bühler!M7731</f>
        <v>0</v>
      </c>
      <c r="N7705" s="56">
        <f>IF(Input!$D$19=1,J7705*Input!$C$19,0)+IF(Input!$D$20=1,K7705*Input!$C$20,0)+IF(Input!$D$21=1,L7705*Input!$C$21,0)+IF(Input!$D$22=1,M7705*Input!$C$22,0)</f>
        <v>0.24398087302639518</v>
      </c>
      <c r="O7705" s="59">
        <f>IF(Input!$D$19=2,J7705*Input!$C$19,0)+IF(Input!$D$20=2,K7705*Input!$C$20,0)+IF(Input!$D$21=2,L7705*Input!$C$21,0)+IF(Input!$D$22=2,M7705*Input!$C$22,0)</f>
        <v>0.60995218256598793</v>
      </c>
      <c r="P7705" s="59">
        <f>IF(Input!$D$19=3,J7705*Input!$C$19,0)+IF(Input!$D$20=3,K7705*Input!$C$20,0)+IF(Input!$D$21=3,L7705*Input!$C$21,0)+IF(Input!$D$22=3,M7705*Input!$C$22,0)</f>
        <v>0</v>
      </c>
      <c r="Q7705" s="75">
        <f>IF(Input!$D$19=4,J7705*Input!$C$19,0)+IF(Input!$D$20=4,K7705*Input!$C$20,0)+IF(Input!$D$21=4,L7705*Input!$C$21,0)+IF(Input!$D$22=4,M7705*Input!$C$22,0)</f>
        <v>0</v>
      </c>
      <c r="R7705" s="58">
        <v>45.545671526573415</v>
      </c>
      <c r="S7705" s="124">
        <f t="shared" si="120"/>
        <v>1.0572504497810458</v>
      </c>
    </row>
    <row r="7706" spans="8:19" x14ac:dyDescent="0.3">
      <c r="H7706" s="44">
        <v>7699</v>
      </c>
      <c r="I7706" s="56">
        <f>Bühler!I7732</f>
        <v>0.23494454439578791</v>
      </c>
      <c r="J7706" s="59">
        <f>Bühler!J7732</f>
        <v>0.78314848131929315</v>
      </c>
      <c r="K7706" s="59">
        <f>Bühler!K7732</f>
        <v>1.1747227219789396</v>
      </c>
      <c r="L7706" s="59">
        <f>Bühler!L7732</f>
        <v>11.359286710412269</v>
      </c>
      <c r="M7706" s="58">
        <f>Bühler!M7732</f>
        <v>0</v>
      </c>
      <c r="N7706" s="56">
        <f>IF(Input!$D$19=1,J7706*Input!$C$19,0)+IF(Input!$D$20=1,K7706*Input!$C$20,0)+IF(Input!$D$21=1,L7706*Input!$C$21,0)+IF(Input!$D$22=1,M7706*Input!$C$22,0)</f>
        <v>0.23494454439578794</v>
      </c>
      <c r="O7706" s="59">
        <f>IF(Input!$D$19=2,J7706*Input!$C$19,0)+IF(Input!$D$20=2,K7706*Input!$C$20,0)+IF(Input!$D$21=2,L7706*Input!$C$21,0)+IF(Input!$D$22=2,M7706*Input!$C$22,0)</f>
        <v>0.58736136098946978</v>
      </c>
      <c r="P7706" s="59">
        <f>IF(Input!$D$19=3,J7706*Input!$C$19,0)+IF(Input!$D$20=3,K7706*Input!$C$20,0)+IF(Input!$D$21=3,L7706*Input!$C$21,0)+IF(Input!$D$22=3,M7706*Input!$C$22,0)</f>
        <v>0</v>
      </c>
      <c r="Q7706" s="75">
        <f>IF(Input!$D$19=4,J7706*Input!$C$19,0)+IF(Input!$D$20=4,K7706*Input!$C$20,0)+IF(Input!$D$21=4,L7706*Input!$C$21,0)+IF(Input!$D$22=4,M7706*Input!$C$22,0)</f>
        <v>0</v>
      </c>
      <c r="R7706" s="58">
        <v>45.254717698401045</v>
      </c>
      <c r="S7706" s="124">
        <f t="shared" si="120"/>
        <v>1.0180930257150811</v>
      </c>
    </row>
    <row r="7707" spans="8:19" x14ac:dyDescent="0.3">
      <c r="H7707" s="44">
        <v>7700</v>
      </c>
      <c r="I7707" s="56">
        <f>Bühler!I7733</f>
        <v>0.18976290124275177</v>
      </c>
      <c r="J7707" s="59">
        <f>Bühler!J7733</f>
        <v>0.63254300414250597</v>
      </c>
      <c r="K7707" s="59">
        <f>Bühler!K7733</f>
        <v>0.94881450621375896</v>
      </c>
      <c r="L7707" s="59">
        <f>Bühler!L7733</f>
        <v>9.1748084968714476</v>
      </c>
      <c r="M7707" s="58">
        <f>Bühler!M7733</f>
        <v>0</v>
      </c>
      <c r="N7707" s="56">
        <f>IF(Input!$D$19=1,J7707*Input!$C$19,0)+IF(Input!$D$20=1,K7707*Input!$C$20,0)+IF(Input!$D$21=1,L7707*Input!$C$21,0)+IF(Input!$D$22=1,M7707*Input!$C$22,0)</f>
        <v>0.18976290124275177</v>
      </c>
      <c r="O7707" s="59">
        <f>IF(Input!$D$19=2,J7707*Input!$C$19,0)+IF(Input!$D$20=2,K7707*Input!$C$20,0)+IF(Input!$D$21=2,L7707*Input!$C$21,0)+IF(Input!$D$22=2,M7707*Input!$C$22,0)</f>
        <v>0.47440725310687948</v>
      </c>
      <c r="P7707" s="59">
        <f>IF(Input!$D$19=3,J7707*Input!$C$19,0)+IF(Input!$D$20=3,K7707*Input!$C$20,0)+IF(Input!$D$21=3,L7707*Input!$C$21,0)+IF(Input!$D$22=3,M7707*Input!$C$22,0)</f>
        <v>0</v>
      </c>
      <c r="Q7707" s="75">
        <f>IF(Input!$D$19=4,J7707*Input!$C$19,0)+IF(Input!$D$20=4,K7707*Input!$C$20,0)+IF(Input!$D$21=4,L7707*Input!$C$21,0)+IF(Input!$D$22=4,M7707*Input!$C$22,0)</f>
        <v>0</v>
      </c>
      <c r="R7707" s="58">
        <v>44.30793013989998</v>
      </c>
      <c r="S7707" s="124">
        <f t="shared" si="120"/>
        <v>0.82230590538525772</v>
      </c>
    </row>
    <row r="7708" spans="8:19" x14ac:dyDescent="0.3">
      <c r="H7708" s="44">
        <v>7701</v>
      </c>
      <c r="I7708" s="56">
        <f>Bühler!I7734</f>
        <v>0.14006309377441201</v>
      </c>
      <c r="J7708" s="59">
        <f>Bühler!J7734</f>
        <v>0.46687697924804011</v>
      </c>
      <c r="K7708" s="59">
        <f>Bühler!K7734</f>
        <v>0.7003154688720602</v>
      </c>
      <c r="L7708" s="59">
        <f>Bühler!L7734</f>
        <v>6.7718824619765456</v>
      </c>
      <c r="M7708" s="58">
        <f>Bühler!M7734</f>
        <v>0</v>
      </c>
      <c r="N7708" s="56">
        <f>IF(Input!$D$19=1,J7708*Input!$C$19,0)+IF(Input!$D$20=1,K7708*Input!$C$20,0)+IF(Input!$D$21=1,L7708*Input!$C$21,0)+IF(Input!$D$22=1,M7708*Input!$C$22,0)</f>
        <v>0.14006309377441203</v>
      </c>
      <c r="O7708" s="59">
        <f>IF(Input!$D$19=2,J7708*Input!$C$19,0)+IF(Input!$D$20=2,K7708*Input!$C$20,0)+IF(Input!$D$21=2,L7708*Input!$C$21,0)+IF(Input!$D$22=2,M7708*Input!$C$22,0)</f>
        <v>0.3501577344360301</v>
      </c>
      <c r="P7708" s="59">
        <f>IF(Input!$D$19=3,J7708*Input!$C$19,0)+IF(Input!$D$20=3,K7708*Input!$C$20,0)+IF(Input!$D$21=3,L7708*Input!$C$21,0)+IF(Input!$D$22=3,M7708*Input!$C$22,0)</f>
        <v>0</v>
      </c>
      <c r="Q7708" s="75">
        <f>IF(Input!$D$19=4,J7708*Input!$C$19,0)+IF(Input!$D$20=4,K7708*Input!$C$20,0)+IF(Input!$D$21=4,L7708*Input!$C$21,0)+IF(Input!$D$22=4,M7708*Input!$C$22,0)</f>
        <v>0</v>
      </c>
      <c r="R7708" s="58">
        <v>44.055041170252402</v>
      </c>
      <c r="S7708" s="124">
        <f t="shared" si="120"/>
        <v>0.60694007302245212</v>
      </c>
    </row>
    <row r="7709" spans="8:19" x14ac:dyDescent="0.3">
      <c r="H7709" s="44">
        <v>7702</v>
      </c>
      <c r="I7709" s="56">
        <f>Bühler!I7735</f>
        <v>0.14006309377441201</v>
      </c>
      <c r="J7709" s="59">
        <f>Bühler!J7735</f>
        <v>0.46687697924804011</v>
      </c>
      <c r="K7709" s="59">
        <f>Bühler!K7735</f>
        <v>0.7003154688720602</v>
      </c>
      <c r="L7709" s="59">
        <f>Bühler!L7735</f>
        <v>6.7718824619765456</v>
      </c>
      <c r="M7709" s="58">
        <f>Bühler!M7735</f>
        <v>0</v>
      </c>
      <c r="N7709" s="56">
        <f>IF(Input!$D$19=1,J7709*Input!$C$19,0)+IF(Input!$D$20=1,K7709*Input!$C$20,0)+IF(Input!$D$21=1,L7709*Input!$C$21,0)+IF(Input!$D$22=1,M7709*Input!$C$22,0)</f>
        <v>0.14006309377441203</v>
      </c>
      <c r="O7709" s="59">
        <f>IF(Input!$D$19=2,J7709*Input!$C$19,0)+IF(Input!$D$20=2,K7709*Input!$C$20,0)+IF(Input!$D$21=2,L7709*Input!$C$21,0)+IF(Input!$D$22=2,M7709*Input!$C$22,0)</f>
        <v>0.3501577344360301</v>
      </c>
      <c r="P7709" s="59">
        <f>IF(Input!$D$19=3,J7709*Input!$C$19,0)+IF(Input!$D$20=3,K7709*Input!$C$20,0)+IF(Input!$D$21=3,L7709*Input!$C$21,0)+IF(Input!$D$22=3,M7709*Input!$C$22,0)</f>
        <v>0</v>
      </c>
      <c r="Q7709" s="75">
        <f>IF(Input!$D$19=4,J7709*Input!$C$19,0)+IF(Input!$D$20=4,K7709*Input!$C$20,0)+IF(Input!$D$21=4,L7709*Input!$C$21,0)+IF(Input!$D$22=4,M7709*Input!$C$22,0)</f>
        <v>0</v>
      </c>
      <c r="R7709" s="58">
        <v>43.699303409452689</v>
      </c>
      <c r="S7709" s="124">
        <f t="shared" si="120"/>
        <v>0.60694007302245212</v>
      </c>
    </row>
    <row r="7710" spans="8:19" x14ac:dyDescent="0.3">
      <c r="H7710" s="44">
        <v>7703</v>
      </c>
      <c r="I7710" s="56">
        <f>Bühler!I7736</f>
        <v>0.14006309377441201</v>
      </c>
      <c r="J7710" s="59">
        <f>Bühler!J7736</f>
        <v>0.46687697924804011</v>
      </c>
      <c r="K7710" s="59">
        <f>Bühler!K7736</f>
        <v>0.7003154688720602</v>
      </c>
      <c r="L7710" s="59">
        <f>Bühler!L7736</f>
        <v>6.7718824619765456</v>
      </c>
      <c r="M7710" s="58">
        <f>Bühler!M7736</f>
        <v>0</v>
      </c>
      <c r="N7710" s="56">
        <f>IF(Input!$D$19=1,J7710*Input!$C$19,0)+IF(Input!$D$20=1,K7710*Input!$C$20,0)+IF(Input!$D$21=1,L7710*Input!$C$21,0)+IF(Input!$D$22=1,M7710*Input!$C$22,0)</f>
        <v>0.14006309377441203</v>
      </c>
      <c r="O7710" s="59">
        <f>IF(Input!$D$19=2,J7710*Input!$C$19,0)+IF(Input!$D$20=2,K7710*Input!$C$20,0)+IF(Input!$D$21=2,L7710*Input!$C$21,0)+IF(Input!$D$22=2,M7710*Input!$C$22,0)</f>
        <v>0.3501577344360301</v>
      </c>
      <c r="P7710" s="59">
        <f>IF(Input!$D$19=3,J7710*Input!$C$19,0)+IF(Input!$D$20=3,K7710*Input!$C$20,0)+IF(Input!$D$21=3,L7710*Input!$C$21,0)+IF(Input!$D$22=3,M7710*Input!$C$22,0)</f>
        <v>0</v>
      </c>
      <c r="Q7710" s="75">
        <f>IF(Input!$D$19=4,J7710*Input!$C$19,0)+IF(Input!$D$20=4,K7710*Input!$C$20,0)+IF(Input!$D$21=4,L7710*Input!$C$21,0)+IF(Input!$D$22=4,M7710*Input!$C$22,0)</f>
        <v>0</v>
      </c>
      <c r="R7710" s="58">
        <v>43.868768095899668</v>
      </c>
      <c r="S7710" s="124">
        <f t="shared" si="120"/>
        <v>0.60694007302245212</v>
      </c>
    </row>
    <row r="7711" spans="8:19" x14ac:dyDescent="0.3">
      <c r="H7711" s="44">
        <v>7704</v>
      </c>
      <c r="I7711" s="56">
        <f>Bühler!I7737</f>
        <v>0.14006309377441201</v>
      </c>
      <c r="J7711" s="59">
        <f>Bühler!J7737</f>
        <v>0.46687697924804011</v>
      </c>
      <c r="K7711" s="59">
        <f>Bühler!K7737</f>
        <v>0.7003154688720602</v>
      </c>
      <c r="L7711" s="59">
        <f>Bühler!L7737</f>
        <v>6.7718824619765456</v>
      </c>
      <c r="M7711" s="58">
        <f>Bühler!M7737</f>
        <v>0</v>
      </c>
      <c r="N7711" s="56">
        <f>IF(Input!$D$19=1,J7711*Input!$C$19,0)+IF(Input!$D$20=1,K7711*Input!$C$20,0)+IF(Input!$D$21=1,L7711*Input!$C$21,0)+IF(Input!$D$22=1,M7711*Input!$C$22,0)</f>
        <v>0.14006309377441203</v>
      </c>
      <c r="O7711" s="59">
        <f>IF(Input!$D$19=2,J7711*Input!$C$19,0)+IF(Input!$D$20=2,K7711*Input!$C$20,0)+IF(Input!$D$21=2,L7711*Input!$C$21,0)+IF(Input!$D$22=2,M7711*Input!$C$22,0)</f>
        <v>0.3501577344360301</v>
      </c>
      <c r="P7711" s="59">
        <f>IF(Input!$D$19=3,J7711*Input!$C$19,0)+IF(Input!$D$20=3,K7711*Input!$C$20,0)+IF(Input!$D$21=3,L7711*Input!$C$21,0)+IF(Input!$D$22=3,M7711*Input!$C$22,0)</f>
        <v>0</v>
      </c>
      <c r="Q7711" s="75">
        <f>IF(Input!$D$19=4,J7711*Input!$C$19,0)+IF(Input!$D$20=4,K7711*Input!$C$20,0)+IF(Input!$D$21=4,L7711*Input!$C$21,0)+IF(Input!$D$22=4,M7711*Input!$C$22,0)</f>
        <v>0</v>
      </c>
      <c r="R7711" s="58">
        <v>43.723657144806047</v>
      </c>
      <c r="S7711" s="124">
        <f t="shared" si="120"/>
        <v>0.60694007302245212</v>
      </c>
    </row>
    <row r="7712" spans="8:19" x14ac:dyDescent="0.3">
      <c r="H7712" s="44">
        <v>7705</v>
      </c>
      <c r="I7712" s="56">
        <f>Bühler!I7738</f>
        <v>0.16112985888100653</v>
      </c>
      <c r="J7712" s="59">
        <f>Bühler!J7738</f>
        <v>0.53709952960335516</v>
      </c>
      <c r="K7712" s="59">
        <f>Bühler!K7738</f>
        <v>0.80564929440503275</v>
      </c>
      <c r="L7712" s="59">
        <f>Bühler!L7738</f>
        <v>7.7402770613148393</v>
      </c>
      <c r="M7712" s="58">
        <f>Bühler!M7738</f>
        <v>0</v>
      </c>
      <c r="N7712" s="56">
        <f>IF(Input!$D$19=1,J7712*Input!$C$19,0)+IF(Input!$D$20=1,K7712*Input!$C$20,0)+IF(Input!$D$21=1,L7712*Input!$C$21,0)+IF(Input!$D$22=1,M7712*Input!$C$22,0)</f>
        <v>0.16112985888100653</v>
      </c>
      <c r="O7712" s="59">
        <f>IF(Input!$D$19=2,J7712*Input!$C$19,0)+IF(Input!$D$20=2,K7712*Input!$C$20,0)+IF(Input!$D$21=2,L7712*Input!$C$21,0)+IF(Input!$D$22=2,M7712*Input!$C$22,0)</f>
        <v>0.40282464720251637</v>
      </c>
      <c r="P7712" s="59">
        <f>IF(Input!$D$19=3,J7712*Input!$C$19,0)+IF(Input!$D$20=3,K7712*Input!$C$20,0)+IF(Input!$D$21=3,L7712*Input!$C$21,0)+IF(Input!$D$22=3,M7712*Input!$C$22,0)</f>
        <v>0</v>
      </c>
      <c r="Q7712" s="75">
        <f>IF(Input!$D$19=4,J7712*Input!$C$19,0)+IF(Input!$D$20=4,K7712*Input!$C$20,0)+IF(Input!$D$21=4,L7712*Input!$C$21,0)+IF(Input!$D$22=4,M7712*Input!$C$22,0)</f>
        <v>0</v>
      </c>
      <c r="R7712" s="58">
        <v>50.110102894590227</v>
      </c>
      <c r="S7712" s="124">
        <f t="shared" si="120"/>
        <v>0.69822938848436167</v>
      </c>
    </row>
    <row r="7713" spans="8:19" x14ac:dyDescent="0.3">
      <c r="H7713" s="44">
        <v>7706</v>
      </c>
      <c r="I7713" s="56">
        <f>Bühler!I7739</f>
        <v>0.18711854579729792</v>
      </c>
      <c r="J7713" s="59">
        <f>Bühler!J7739</f>
        <v>0.62372848599099318</v>
      </c>
      <c r="K7713" s="59">
        <f>Bühler!K7739</f>
        <v>0.93559272898648971</v>
      </c>
      <c r="L7713" s="59">
        <f>Bühler!L7739</f>
        <v>8.988708845397877</v>
      </c>
      <c r="M7713" s="58">
        <f>Bühler!M7739</f>
        <v>0</v>
      </c>
      <c r="N7713" s="56">
        <f>IF(Input!$D$19=1,J7713*Input!$C$19,0)+IF(Input!$D$20=1,K7713*Input!$C$20,0)+IF(Input!$D$21=1,L7713*Input!$C$21,0)+IF(Input!$D$22=1,M7713*Input!$C$22,0)</f>
        <v>0.18711854579729795</v>
      </c>
      <c r="O7713" s="59">
        <f>IF(Input!$D$19=2,J7713*Input!$C$19,0)+IF(Input!$D$20=2,K7713*Input!$C$20,0)+IF(Input!$D$21=2,L7713*Input!$C$21,0)+IF(Input!$D$22=2,M7713*Input!$C$22,0)</f>
        <v>0.46779636449324485</v>
      </c>
      <c r="P7713" s="59">
        <f>IF(Input!$D$19=3,J7713*Input!$C$19,0)+IF(Input!$D$20=3,K7713*Input!$C$20,0)+IF(Input!$D$21=3,L7713*Input!$C$21,0)+IF(Input!$D$22=3,M7713*Input!$C$22,0)</f>
        <v>0</v>
      </c>
      <c r="Q7713" s="75">
        <f>IF(Input!$D$19=4,J7713*Input!$C$19,0)+IF(Input!$D$20=4,K7713*Input!$C$20,0)+IF(Input!$D$21=4,L7713*Input!$C$21,0)+IF(Input!$D$22=4,M7713*Input!$C$22,0)</f>
        <v>0</v>
      </c>
      <c r="R7713" s="58">
        <v>49.734694238020403</v>
      </c>
      <c r="S7713" s="124">
        <f t="shared" si="120"/>
        <v>0.81084703178829109</v>
      </c>
    </row>
    <row r="7714" spans="8:19" x14ac:dyDescent="0.3">
      <c r="H7714" s="44">
        <v>7707</v>
      </c>
      <c r="I7714" s="56">
        <f>Bühler!I7740</f>
        <v>0.18711854579729792</v>
      </c>
      <c r="J7714" s="59">
        <f>Bühler!J7740</f>
        <v>0.62372848599099318</v>
      </c>
      <c r="K7714" s="59">
        <f>Bühler!K7740</f>
        <v>0.93559272898648971</v>
      </c>
      <c r="L7714" s="59">
        <f>Bühler!L7740</f>
        <v>8.988708845397877</v>
      </c>
      <c r="M7714" s="58">
        <f>Bühler!M7740</f>
        <v>0</v>
      </c>
      <c r="N7714" s="56">
        <f>IF(Input!$D$19=1,J7714*Input!$C$19,0)+IF(Input!$D$20=1,K7714*Input!$C$20,0)+IF(Input!$D$21=1,L7714*Input!$C$21,0)+IF(Input!$D$22=1,M7714*Input!$C$22,0)</f>
        <v>0.18711854579729795</v>
      </c>
      <c r="O7714" s="59">
        <f>IF(Input!$D$19=2,J7714*Input!$C$19,0)+IF(Input!$D$20=2,K7714*Input!$C$20,0)+IF(Input!$D$21=2,L7714*Input!$C$21,0)+IF(Input!$D$22=2,M7714*Input!$C$22,0)</f>
        <v>0.46779636449324485</v>
      </c>
      <c r="P7714" s="59">
        <f>IF(Input!$D$19=3,J7714*Input!$C$19,0)+IF(Input!$D$20=3,K7714*Input!$C$20,0)+IF(Input!$D$21=3,L7714*Input!$C$21,0)+IF(Input!$D$22=3,M7714*Input!$C$22,0)</f>
        <v>0</v>
      </c>
      <c r="Q7714" s="75">
        <f>IF(Input!$D$19=4,J7714*Input!$C$19,0)+IF(Input!$D$20=4,K7714*Input!$C$20,0)+IF(Input!$D$21=4,L7714*Input!$C$21,0)+IF(Input!$D$22=4,M7714*Input!$C$22,0)</f>
        <v>0</v>
      </c>
      <c r="R7714" s="58">
        <v>49.377199772478662</v>
      </c>
      <c r="S7714" s="124">
        <f t="shared" si="120"/>
        <v>0.81084703178829109</v>
      </c>
    </row>
    <row r="7715" spans="8:19" x14ac:dyDescent="0.3">
      <c r="H7715" s="44">
        <v>7708</v>
      </c>
      <c r="I7715" s="56">
        <f>Bühler!I7741</f>
        <v>0.18711854579729792</v>
      </c>
      <c r="J7715" s="59">
        <f>Bühler!J7741</f>
        <v>0.62372848599099318</v>
      </c>
      <c r="K7715" s="59">
        <f>Bühler!K7741</f>
        <v>0.93559272898648971</v>
      </c>
      <c r="L7715" s="59">
        <f>Bühler!L7741</f>
        <v>8.988708845397877</v>
      </c>
      <c r="M7715" s="58">
        <f>Bühler!M7741</f>
        <v>0</v>
      </c>
      <c r="N7715" s="56">
        <f>IF(Input!$D$19=1,J7715*Input!$C$19,0)+IF(Input!$D$20=1,K7715*Input!$C$20,0)+IF(Input!$D$21=1,L7715*Input!$C$21,0)+IF(Input!$D$22=1,M7715*Input!$C$22,0)</f>
        <v>0.18711854579729795</v>
      </c>
      <c r="O7715" s="59">
        <f>IF(Input!$D$19=2,J7715*Input!$C$19,0)+IF(Input!$D$20=2,K7715*Input!$C$20,0)+IF(Input!$D$21=2,L7715*Input!$C$21,0)+IF(Input!$D$22=2,M7715*Input!$C$22,0)</f>
        <v>0.46779636449324485</v>
      </c>
      <c r="P7715" s="59">
        <f>IF(Input!$D$19=3,J7715*Input!$C$19,0)+IF(Input!$D$20=3,K7715*Input!$C$20,0)+IF(Input!$D$21=3,L7715*Input!$C$21,0)+IF(Input!$D$22=3,M7715*Input!$C$22,0)</f>
        <v>0</v>
      </c>
      <c r="Q7715" s="75">
        <f>IF(Input!$D$19=4,J7715*Input!$C$19,0)+IF(Input!$D$20=4,K7715*Input!$C$20,0)+IF(Input!$D$21=4,L7715*Input!$C$21,0)+IF(Input!$D$22=4,M7715*Input!$C$22,0)</f>
        <v>0</v>
      </c>
      <c r="R7715" s="58">
        <v>48.348412908311943</v>
      </c>
      <c r="S7715" s="124">
        <f t="shared" si="120"/>
        <v>0.81084703178829109</v>
      </c>
    </row>
    <row r="7716" spans="8:19" x14ac:dyDescent="0.3">
      <c r="H7716" s="44">
        <v>7709</v>
      </c>
      <c r="I7716" s="56">
        <f>Bühler!I7742</f>
        <v>0.18711854579729792</v>
      </c>
      <c r="J7716" s="59">
        <f>Bühler!J7742</f>
        <v>0.62372848599099318</v>
      </c>
      <c r="K7716" s="59">
        <f>Bühler!K7742</f>
        <v>0.93559272898648971</v>
      </c>
      <c r="L7716" s="59">
        <f>Bühler!L7742</f>
        <v>8.988708845397877</v>
      </c>
      <c r="M7716" s="58">
        <f>Bühler!M7742</f>
        <v>0</v>
      </c>
      <c r="N7716" s="56">
        <f>IF(Input!$D$19=1,J7716*Input!$C$19,0)+IF(Input!$D$20=1,K7716*Input!$C$20,0)+IF(Input!$D$21=1,L7716*Input!$C$21,0)+IF(Input!$D$22=1,M7716*Input!$C$22,0)</f>
        <v>0.18711854579729795</v>
      </c>
      <c r="O7716" s="59">
        <f>IF(Input!$D$19=2,J7716*Input!$C$19,0)+IF(Input!$D$20=2,K7716*Input!$C$20,0)+IF(Input!$D$21=2,L7716*Input!$C$21,0)+IF(Input!$D$22=2,M7716*Input!$C$22,0)</f>
        <v>0.46779636449324485</v>
      </c>
      <c r="P7716" s="59">
        <f>IF(Input!$D$19=3,J7716*Input!$C$19,0)+IF(Input!$D$20=3,K7716*Input!$C$20,0)+IF(Input!$D$21=3,L7716*Input!$C$21,0)+IF(Input!$D$22=3,M7716*Input!$C$22,0)</f>
        <v>0</v>
      </c>
      <c r="Q7716" s="75">
        <f>IF(Input!$D$19=4,J7716*Input!$C$19,0)+IF(Input!$D$20=4,K7716*Input!$C$20,0)+IF(Input!$D$21=4,L7716*Input!$C$21,0)+IF(Input!$D$22=4,M7716*Input!$C$22,0)</f>
        <v>0</v>
      </c>
      <c r="R7716" s="58">
        <v>47.049680258944257</v>
      </c>
      <c r="S7716" s="124">
        <f t="shared" si="120"/>
        <v>0.81084703178829109</v>
      </c>
    </row>
    <row r="7717" spans="8:19" x14ac:dyDescent="0.3">
      <c r="H7717" s="44">
        <v>7710</v>
      </c>
      <c r="I7717" s="56">
        <f>Bühler!I7743</f>
        <v>0.2338981822466224</v>
      </c>
      <c r="J7717" s="59">
        <f>Bühler!J7743</f>
        <v>0.77966060748874144</v>
      </c>
      <c r="K7717" s="59">
        <f>Bühler!K7743</f>
        <v>1.169490911233112</v>
      </c>
      <c r="L7717" s="59">
        <f>Bühler!L7743</f>
        <v>11.235886056747347</v>
      </c>
      <c r="M7717" s="58">
        <f>Bühler!M7743</f>
        <v>0</v>
      </c>
      <c r="N7717" s="56">
        <f>IF(Input!$D$19=1,J7717*Input!$C$19,0)+IF(Input!$D$20=1,K7717*Input!$C$20,0)+IF(Input!$D$21=1,L7717*Input!$C$21,0)+IF(Input!$D$22=1,M7717*Input!$C$22,0)</f>
        <v>0.23389818224662243</v>
      </c>
      <c r="O7717" s="59">
        <f>IF(Input!$D$19=2,J7717*Input!$C$19,0)+IF(Input!$D$20=2,K7717*Input!$C$20,0)+IF(Input!$D$21=2,L7717*Input!$C$21,0)+IF(Input!$D$22=2,M7717*Input!$C$22,0)</f>
        <v>0.584745455616556</v>
      </c>
      <c r="P7717" s="59">
        <f>IF(Input!$D$19=3,J7717*Input!$C$19,0)+IF(Input!$D$20=3,K7717*Input!$C$20,0)+IF(Input!$D$21=3,L7717*Input!$C$21,0)+IF(Input!$D$22=3,M7717*Input!$C$22,0)</f>
        <v>0</v>
      </c>
      <c r="Q7717" s="75">
        <f>IF(Input!$D$19=4,J7717*Input!$C$19,0)+IF(Input!$D$20=4,K7717*Input!$C$20,0)+IF(Input!$D$21=4,L7717*Input!$C$21,0)+IF(Input!$D$22=4,M7717*Input!$C$22,0)</f>
        <v>0</v>
      </c>
      <c r="R7717" s="58">
        <v>46.589357282858906</v>
      </c>
      <c r="S7717" s="124">
        <f t="shared" si="120"/>
        <v>1.013558789735364</v>
      </c>
    </row>
    <row r="7718" spans="8:19" x14ac:dyDescent="0.3">
      <c r="H7718" s="44">
        <v>7711</v>
      </c>
      <c r="I7718" s="56">
        <f>Bühler!I7744</f>
        <v>0.27548008131268859</v>
      </c>
      <c r="J7718" s="59">
        <f>Bühler!J7744</f>
        <v>0.91826693770896217</v>
      </c>
      <c r="K7718" s="59">
        <f>Bühler!K7744</f>
        <v>1.3774004065634431</v>
      </c>
      <c r="L7718" s="59">
        <f>Bühler!L7744</f>
        <v>13.233376911280208</v>
      </c>
      <c r="M7718" s="58">
        <f>Bühler!M7744</f>
        <v>0</v>
      </c>
      <c r="N7718" s="56">
        <f>IF(Input!$D$19=1,J7718*Input!$C$19,0)+IF(Input!$D$20=1,K7718*Input!$C$20,0)+IF(Input!$D$21=1,L7718*Input!$C$21,0)+IF(Input!$D$22=1,M7718*Input!$C$22,0)</f>
        <v>0.27548008131268864</v>
      </c>
      <c r="O7718" s="59">
        <f>IF(Input!$D$19=2,J7718*Input!$C$19,0)+IF(Input!$D$20=2,K7718*Input!$C$20,0)+IF(Input!$D$21=2,L7718*Input!$C$21,0)+IF(Input!$D$22=2,M7718*Input!$C$22,0)</f>
        <v>0.68870020328172155</v>
      </c>
      <c r="P7718" s="59">
        <f>IF(Input!$D$19=3,J7718*Input!$C$19,0)+IF(Input!$D$20=3,K7718*Input!$C$20,0)+IF(Input!$D$21=3,L7718*Input!$C$21,0)+IF(Input!$D$22=3,M7718*Input!$C$22,0)</f>
        <v>0</v>
      </c>
      <c r="Q7718" s="75">
        <f>IF(Input!$D$19=4,J7718*Input!$C$19,0)+IF(Input!$D$20=4,K7718*Input!$C$20,0)+IF(Input!$D$21=4,L7718*Input!$C$21,0)+IF(Input!$D$22=4,M7718*Input!$C$22,0)</f>
        <v>0</v>
      </c>
      <c r="R7718" s="58">
        <v>47.161475465928284</v>
      </c>
      <c r="S7718" s="124">
        <f t="shared" si="120"/>
        <v>1.1937470190216508</v>
      </c>
    </row>
    <row r="7719" spans="8:19" x14ac:dyDescent="0.3">
      <c r="H7719" s="44">
        <v>7712</v>
      </c>
      <c r="I7719" s="56">
        <f>Bühler!I7745</f>
        <v>0.32745745514527141</v>
      </c>
      <c r="J7719" s="59">
        <f>Bühler!J7745</f>
        <v>1.0915248504842381</v>
      </c>
      <c r="K7719" s="59">
        <f>Bühler!K7745</f>
        <v>1.6372872757263572</v>
      </c>
      <c r="L7719" s="59">
        <f>Bühler!L7745</f>
        <v>15.730240479446287</v>
      </c>
      <c r="M7719" s="58">
        <f>Bühler!M7745</f>
        <v>0</v>
      </c>
      <c r="N7719" s="56">
        <f>IF(Input!$D$19=1,J7719*Input!$C$19,0)+IF(Input!$D$20=1,K7719*Input!$C$20,0)+IF(Input!$D$21=1,L7719*Input!$C$21,0)+IF(Input!$D$22=1,M7719*Input!$C$22,0)</f>
        <v>0.32745745514527141</v>
      </c>
      <c r="O7719" s="59">
        <f>IF(Input!$D$19=2,J7719*Input!$C$19,0)+IF(Input!$D$20=2,K7719*Input!$C$20,0)+IF(Input!$D$21=2,L7719*Input!$C$21,0)+IF(Input!$D$22=2,M7719*Input!$C$22,0)</f>
        <v>0.81864363786317862</v>
      </c>
      <c r="P7719" s="59">
        <f>IF(Input!$D$19=3,J7719*Input!$C$19,0)+IF(Input!$D$20=3,K7719*Input!$C$20,0)+IF(Input!$D$21=3,L7719*Input!$C$21,0)+IF(Input!$D$22=3,M7719*Input!$C$22,0)</f>
        <v>0</v>
      </c>
      <c r="Q7719" s="75">
        <f>IF(Input!$D$19=4,J7719*Input!$C$19,0)+IF(Input!$D$20=4,K7719*Input!$C$20,0)+IF(Input!$D$21=4,L7719*Input!$C$21,0)+IF(Input!$D$22=4,M7719*Input!$C$22,0)</f>
        <v>0</v>
      </c>
      <c r="R7719" s="58">
        <v>46.723811087988281</v>
      </c>
      <c r="S7719" s="124">
        <f t="shared" si="120"/>
        <v>1.4189823056295094</v>
      </c>
    </row>
    <row r="7720" spans="8:19" x14ac:dyDescent="0.3">
      <c r="H7720" s="44">
        <v>7713</v>
      </c>
      <c r="I7720" s="56">
        <f>Bühler!I7746</f>
        <v>0.32745745514527141</v>
      </c>
      <c r="J7720" s="59">
        <f>Bühler!J7746</f>
        <v>1.0915248504842381</v>
      </c>
      <c r="K7720" s="59">
        <f>Bühler!K7746</f>
        <v>1.6372872757263572</v>
      </c>
      <c r="L7720" s="59">
        <f>Bühler!L7746</f>
        <v>15.730240479446287</v>
      </c>
      <c r="M7720" s="58">
        <f>Bühler!M7746</f>
        <v>0</v>
      </c>
      <c r="N7720" s="56">
        <f>IF(Input!$D$19=1,J7720*Input!$C$19,0)+IF(Input!$D$20=1,K7720*Input!$C$20,0)+IF(Input!$D$21=1,L7720*Input!$C$21,0)+IF(Input!$D$22=1,M7720*Input!$C$22,0)</f>
        <v>0.32745745514527141</v>
      </c>
      <c r="O7720" s="59">
        <f>IF(Input!$D$19=2,J7720*Input!$C$19,0)+IF(Input!$D$20=2,K7720*Input!$C$20,0)+IF(Input!$D$21=2,L7720*Input!$C$21,0)+IF(Input!$D$22=2,M7720*Input!$C$22,0)</f>
        <v>0.81864363786317862</v>
      </c>
      <c r="P7720" s="59">
        <f>IF(Input!$D$19=3,J7720*Input!$C$19,0)+IF(Input!$D$20=3,K7720*Input!$C$20,0)+IF(Input!$D$21=3,L7720*Input!$C$21,0)+IF(Input!$D$22=3,M7720*Input!$C$22,0)</f>
        <v>0</v>
      </c>
      <c r="Q7720" s="75">
        <f>IF(Input!$D$19=4,J7720*Input!$C$19,0)+IF(Input!$D$20=4,K7720*Input!$C$20,0)+IF(Input!$D$21=4,L7720*Input!$C$21,0)+IF(Input!$D$22=4,M7720*Input!$C$22,0)</f>
        <v>0</v>
      </c>
      <c r="R7720" s="58">
        <v>46.28384584166686</v>
      </c>
      <c r="S7720" s="124">
        <f t="shared" si="120"/>
        <v>1.4189823056295094</v>
      </c>
    </row>
    <row r="7721" spans="8:19" x14ac:dyDescent="0.3">
      <c r="H7721" s="44">
        <v>7714</v>
      </c>
      <c r="I7721" s="56">
        <f>Bühler!I7747</f>
        <v>0.32745745514527141</v>
      </c>
      <c r="J7721" s="59">
        <f>Bühler!J7747</f>
        <v>1.0915248504842381</v>
      </c>
      <c r="K7721" s="59">
        <f>Bühler!K7747</f>
        <v>1.6372872757263572</v>
      </c>
      <c r="L7721" s="59">
        <f>Bühler!L7747</f>
        <v>15.730240479446287</v>
      </c>
      <c r="M7721" s="58">
        <f>Bühler!M7747</f>
        <v>0</v>
      </c>
      <c r="N7721" s="56">
        <f>IF(Input!$D$19=1,J7721*Input!$C$19,0)+IF(Input!$D$20=1,K7721*Input!$C$20,0)+IF(Input!$D$21=1,L7721*Input!$C$21,0)+IF(Input!$D$22=1,M7721*Input!$C$22,0)</f>
        <v>0.32745745514527141</v>
      </c>
      <c r="O7721" s="59">
        <f>IF(Input!$D$19=2,J7721*Input!$C$19,0)+IF(Input!$D$20=2,K7721*Input!$C$20,0)+IF(Input!$D$21=2,L7721*Input!$C$21,0)+IF(Input!$D$22=2,M7721*Input!$C$22,0)</f>
        <v>0.81864363786317862</v>
      </c>
      <c r="P7721" s="59">
        <f>IF(Input!$D$19=3,J7721*Input!$C$19,0)+IF(Input!$D$20=3,K7721*Input!$C$20,0)+IF(Input!$D$21=3,L7721*Input!$C$21,0)+IF(Input!$D$22=3,M7721*Input!$C$22,0)</f>
        <v>0</v>
      </c>
      <c r="Q7721" s="75">
        <f>IF(Input!$D$19=4,J7721*Input!$C$19,0)+IF(Input!$D$20=4,K7721*Input!$C$20,0)+IF(Input!$D$21=4,L7721*Input!$C$21,0)+IF(Input!$D$22=4,M7721*Input!$C$22,0)</f>
        <v>0</v>
      </c>
      <c r="R7721" s="58">
        <v>45.952812176481842</v>
      </c>
      <c r="S7721" s="124">
        <f t="shared" si="120"/>
        <v>1.4189823056295094</v>
      </c>
    </row>
    <row r="7722" spans="8:19" x14ac:dyDescent="0.3">
      <c r="H7722" s="44">
        <v>7715</v>
      </c>
      <c r="I7722" s="56">
        <f>Bühler!I7748</f>
        <v>0.32745745514527141</v>
      </c>
      <c r="J7722" s="59">
        <f>Bühler!J7748</f>
        <v>1.0915248504842381</v>
      </c>
      <c r="K7722" s="59">
        <f>Bühler!K7748</f>
        <v>1.6372872757263572</v>
      </c>
      <c r="L7722" s="59">
        <f>Bühler!L7748</f>
        <v>15.730240479446287</v>
      </c>
      <c r="M7722" s="58">
        <f>Bühler!M7748</f>
        <v>0</v>
      </c>
      <c r="N7722" s="56">
        <f>IF(Input!$D$19=1,J7722*Input!$C$19,0)+IF(Input!$D$20=1,K7722*Input!$C$20,0)+IF(Input!$D$21=1,L7722*Input!$C$21,0)+IF(Input!$D$22=1,M7722*Input!$C$22,0)</f>
        <v>0.32745745514527141</v>
      </c>
      <c r="O7722" s="59">
        <f>IF(Input!$D$19=2,J7722*Input!$C$19,0)+IF(Input!$D$20=2,K7722*Input!$C$20,0)+IF(Input!$D$21=2,L7722*Input!$C$21,0)+IF(Input!$D$22=2,M7722*Input!$C$22,0)</f>
        <v>0.81864363786317862</v>
      </c>
      <c r="P7722" s="59">
        <f>IF(Input!$D$19=3,J7722*Input!$C$19,0)+IF(Input!$D$20=3,K7722*Input!$C$20,0)+IF(Input!$D$21=3,L7722*Input!$C$21,0)+IF(Input!$D$22=3,M7722*Input!$C$22,0)</f>
        <v>0</v>
      </c>
      <c r="Q7722" s="75">
        <f>IF(Input!$D$19=4,J7722*Input!$C$19,0)+IF(Input!$D$20=4,K7722*Input!$C$20,0)+IF(Input!$D$21=4,L7722*Input!$C$21,0)+IF(Input!$D$22=4,M7722*Input!$C$22,0)</f>
        <v>0</v>
      </c>
      <c r="R7722" s="58">
        <v>46.268448583994676</v>
      </c>
      <c r="S7722" s="124">
        <f t="shared" si="120"/>
        <v>1.4189823056295094</v>
      </c>
    </row>
    <row r="7723" spans="8:19" x14ac:dyDescent="0.3">
      <c r="H7723" s="44">
        <v>7716</v>
      </c>
      <c r="I7723" s="56">
        <f>Bühler!I7749</f>
        <v>0.32745745514527141</v>
      </c>
      <c r="J7723" s="59">
        <f>Bühler!J7749</f>
        <v>1.0915248504842381</v>
      </c>
      <c r="K7723" s="59">
        <f>Bühler!K7749</f>
        <v>1.6372872757263572</v>
      </c>
      <c r="L7723" s="59">
        <f>Bühler!L7749</f>
        <v>15.730240479446287</v>
      </c>
      <c r="M7723" s="58">
        <f>Bühler!M7749</f>
        <v>0</v>
      </c>
      <c r="N7723" s="56">
        <f>IF(Input!$D$19=1,J7723*Input!$C$19,0)+IF(Input!$D$20=1,K7723*Input!$C$20,0)+IF(Input!$D$21=1,L7723*Input!$C$21,0)+IF(Input!$D$22=1,M7723*Input!$C$22,0)</f>
        <v>0.32745745514527141</v>
      </c>
      <c r="O7723" s="59">
        <f>IF(Input!$D$19=2,J7723*Input!$C$19,0)+IF(Input!$D$20=2,K7723*Input!$C$20,0)+IF(Input!$D$21=2,L7723*Input!$C$21,0)+IF(Input!$D$22=2,M7723*Input!$C$22,0)</f>
        <v>0.81864363786317862</v>
      </c>
      <c r="P7723" s="59">
        <f>IF(Input!$D$19=3,J7723*Input!$C$19,0)+IF(Input!$D$20=3,K7723*Input!$C$20,0)+IF(Input!$D$21=3,L7723*Input!$C$21,0)+IF(Input!$D$22=3,M7723*Input!$C$22,0)</f>
        <v>0</v>
      </c>
      <c r="Q7723" s="75">
        <f>IF(Input!$D$19=4,J7723*Input!$C$19,0)+IF(Input!$D$20=4,K7723*Input!$C$20,0)+IF(Input!$D$21=4,L7723*Input!$C$21,0)+IF(Input!$D$22=4,M7723*Input!$C$22,0)</f>
        <v>0</v>
      </c>
      <c r="R7723" s="58">
        <v>46.082861127583804</v>
      </c>
      <c r="S7723" s="124">
        <f t="shared" si="120"/>
        <v>1.4189823056295094</v>
      </c>
    </row>
    <row r="7724" spans="8:19" x14ac:dyDescent="0.3">
      <c r="H7724" s="44">
        <v>7717</v>
      </c>
      <c r="I7724" s="56">
        <f>Bühler!I7750</f>
        <v>0.32745745514527141</v>
      </c>
      <c r="J7724" s="59">
        <f>Bühler!J7750</f>
        <v>1.0915248504842381</v>
      </c>
      <c r="K7724" s="59">
        <f>Bühler!K7750</f>
        <v>1.6372872757263572</v>
      </c>
      <c r="L7724" s="59">
        <f>Bühler!L7750</f>
        <v>15.730240479446287</v>
      </c>
      <c r="M7724" s="58">
        <f>Bühler!M7750</f>
        <v>0</v>
      </c>
      <c r="N7724" s="56">
        <f>IF(Input!$D$19=1,J7724*Input!$C$19,0)+IF(Input!$D$20=1,K7724*Input!$C$20,0)+IF(Input!$D$21=1,L7724*Input!$C$21,0)+IF(Input!$D$22=1,M7724*Input!$C$22,0)</f>
        <v>0.32745745514527141</v>
      </c>
      <c r="O7724" s="59">
        <f>IF(Input!$D$19=2,J7724*Input!$C$19,0)+IF(Input!$D$20=2,K7724*Input!$C$20,0)+IF(Input!$D$21=2,L7724*Input!$C$21,0)+IF(Input!$D$22=2,M7724*Input!$C$22,0)</f>
        <v>0.81864363786317862</v>
      </c>
      <c r="P7724" s="59">
        <f>IF(Input!$D$19=3,J7724*Input!$C$19,0)+IF(Input!$D$20=3,K7724*Input!$C$20,0)+IF(Input!$D$21=3,L7724*Input!$C$21,0)+IF(Input!$D$22=3,M7724*Input!$C$22,0)</f>
        <v>0</v>
      </c>
      <c r="Q7724" s="75">
        <f>IF(Input!$D$19=4,J7724*Input!$C$19,0)+IF(Input!$D$20=4,K7724*Input!$C$20,0)+IF(Input!$D$21=4,L7724*Input!$C$21,0)+IF(Input!$D$22=4,M7724*Input!$C$22,0)</f>
        <v>0</v>
      </c>
      <c r="R7724" s="58">
        <v>45.55897886165215</v>
      </c>
      <c r="S7724" s="124">
        <f t="shared" si="120"/>
        <v>1.4189823056295094</v>
      </c>
    </row>
    <row r="7725" spans="8:19" x14ac:dyDescent="0.3">
      <c r="H7725" s="44">
        <v>7718</v>
      </c>
      <c r="I7725" s="56">
        <f>Bühler!I7751</f>
        <v>0.32745745514527141</v>
      </c>
      <c r="J7725" s="59">
        <f>Bühler!J7751</f>
        <v>1.0915248504842381</v>
      </c>
      <c r="K7725" s="59">
        <f>Bühler!K7751</f>
        <v>1.6372872757263572</v>
      </c>
      <c r="L7725" s="59">
        <f>Bühler!L7751</f>
        <v>15.730240479446287</v>
      </c>
      <c r="M7725" s="58">
        <f>Bühler!M7751</f>
        <v>0</v>
      </c>
      <c r="N7725" s="56">
        <f>IF(Input!$D$19=1,J7725*Input!$C$19,0)+IF(Input!$D$20=1,K7725*Input!$C$20,0)+IF(Input!$D$21=1,L7725*Input!$C$21,0)+IF(Input!$D$22=1,M7725*Input!$C$22,0)</f>
        <v>0.32745745514527141</v>
      </c>
      <c r="O7725" s="59">
        <f>IF(Input!$D$19=2,J7725*Input!$C$19,0)+IF(Input!$D$20=2,K7725*Input!$C$20,0)+IF(Input!$D$21=2,L7725*Input!$C$21,0)+IF(Input!$D$22=2,M7725*Input!$C$22,0)</f>
        <v>0.81864363786317862</v>
      </c>
      <c r="P7725" s="59">
        <f>IF(Input!$D$19=3,J7725*Input!$C$19,0)+IF(Input!$D$20=3,K7725*Input!$C$20,0)+IF(Input!$D$21=3,L7725*Input!$C$21,0)+IF(Input!$D$22=3,M7725*Input!$C$22,0)</f>
        <v>0</v>
      </c>
      <c r="Q7725" s="75">
        <f>IF(Input!$D$19=4,J7725*Input!$C$19,0)+IF(Input!$D$20=4,K7725*Input!$C$20,0)+IF(Input!$D$21=4,L7725*Input!$C$21,0)+IF(Input!$D$22=4,M7725*Input!$C$22,0)</f>
        <v>0</v>
      </c>
      <c r="R7725" s="58">
        <v>45.122085656793679</v>
      </c>
      <c r="S7725" s="124">
        <f t="shared" si="120"/>
        <v>1.4189823056295094</v>
      </c>
    </row>
    <row r="7726" spans="8:19" x14ac:dyDescent="0.3">
      <c r="H7726" s="44">
        <v>7719</v>
      </c>
      <c r="I7726" s="56">
        <f>Bühler!I7752</f>
        <v>0.32745745514527141</v>
      </c>
      <c r="J7726" s="59">
        <f>Bühler!J7752</f>
        <v>1.0915248504842381</v>
      </c>
      <c r="K7726" s="59">
        <f>Bühler!K7752</f>
        <v>1.6372872757263572</v>
      </c>
      <c r="L7726" s="59">
        <f>Bühler!L7752</f>
        <v>15.730240479446287</v>
      </c>
      <c r="M7726" s="58">
        <f>Bühler!M7752</f>
        <v>0</v>
      </c>
      <c r="N7726" s="56">
        <f>IF(Input!$D$19=1,J7726*Input!$C$19,0)+IF(Input!$D$20=1,K7726*Input!$C$20,0)+IF(Input!$D$21=1,L7726*Input!$C$21,0)+IF(Input!$D$22=1,M7726*Input!$C$22,0)</f>
        <v>0.32745745514527141</v>
      </c>
      <c r="O7726" s="59">
        <f>IF(Input!$D$19=2,J7726*Input!$C$19,0)+IF(Input!$D$20=2,K7726*Input!$C$20,0)+IF(Input!$D$21=2,L7726*Input!$C$21,0)+IF(Input!$D$22=2,M7726*Input!$C$22,0)</f>
        <v>0.81864363786317862</v>
      </c>
      <c r="P7726" s="59">
        <f>IF(Input!$D$19=3,J7726*Input!$C$19,0)+IF(Input!$D$20=3,K7726*Input!$C$20,0)+IF(Input!$D$21=3,L7726*Input!$C$21,0)+IF(Input!$D$22=3,M7726*Input!$C$22,0)</f>
        <v>0</v>
      </c>
      <c r="Q7726" s="75">
        <f>IF(Input!$D$19=4,J7726*Input!$C$19,0)+IF(Input!$D$20=4,K7726*Input!$C$20,0)+IF(Input!$D$21=4,L7726*Input!$C$21,0)+IF(Input!$D$22=4,M7726*Input!$C$22,0)</f>
        <v>0</v>
      </c>
      <c r="R7726" s="58">
        <v>45.383974430877032</v>
      </c>
      <c r="S7726" s="124">
        <f t="shared" si="120"/>
        <v>1.4189823056295094</v>
      </c>
    </row>
    <row r="7727" spans="8:19" x14ac:dyDescent="0.3">
      <c r="H7727" s="44">
        <v>7720</v>
      </c>
      <c r="I7727" s="56">
        <f>Bühler!I7753</f>
        <v>0.29107329346246347</v>
      </c>
      <c r="J7727" s="59">
        <f>Bühler!J7753</f>
        <v>0.970244311541545</v>
      </c>
      <c r="K7727" s="59">
        <f>Bühler!K7753</f>
        <v>1.4553664673123174</v>
      </c>
      <c r="L7727" s="59">
        <f>Bühler!L7753</f>
        <v>13.982435981730031</v>
      </c>
      <c r="M7727" s="58">
        <f>Bühler!M7753</f>
        <v>0</v>
      </c>
      <c r="N7727" s="56">
        <f>IF(Input!$D$19=1,J7727*Input!$C$19,0)+IF(Input!$D$20=1,K7727*Input!$C$20,0)+IF(Input!$D$21=1,L7727*Input!$C$21,0)+IF(Input!$D$22=1,M7727*Input!$C$22,0)</f>
        <v>0.29107329346246347</v>
      </c>
      <c r="O7727" s="59">
        <f>IF(Input!$D$19=2,J7727*Input!$C$19,0)+IF(Input!$D$20=2,K7727*Input!$C$20,0)+IF(Input!$D$21=2,L7727*Input!$C$21,0)+IF(Input!$D$22=2,M7727*Input!$C$22,0)</f>
        <v>0.72768323365615872</v>
      </c>
      <c r="P7727" s="59">
        <f>IF(Input!$D$19=3,J7727*Input!$C$19,0)+IF(Input!$D$20=3,K7727*Input!$C$20,0)+IF(Input!$D$21=3,L7727*Input!$C$21,0)+IF(Input!$D$22=3,M7727*Input!$C$22,0)</f>
        <v>0</v>
      </c>
      <c r="Q7727" s="75">
        <f>IF(Input!$D$19=4,J7727*Input!$C$19,0)+IF(Input!$D$20=4,K7727*Input!$C$20,0)+IF(Input!$D$21=4,L7727*Input!$C$21,0)+IF(Input!$D$22=4,M7727*Input!$C$22,0)</f>
        <v>0</v>
      </c>
      <c r="R7727" s="58">
        <v>45.508889897074994</v>
      </c>
      <c r="S7727" s="124">
        <f t="shared" si="120"/>
        <v>1.2613176050040085</v>
      </c>
    </row>
    <row r="7728" spans="8:19" x14ac:dyDescent="0.3">
      <c r="H7728" s="44">
        <v>7721</v>
      </c>
      <c r="I7728" s="56">
        <f>Bühler!I7754</f>
        <v>0.28587555607920512</v>
      </c>
      <c r="J7728" s="59">
        <f>Bühler!J7754</f>
        <v>0.95291852026401724</v>
      </c>
      <c r="K7728" s="59">
        <f>Bühler!K7754</f>
        <v>1.4293777803960259</v>
      </c>
      <c r="L7728" s="59">
        <f>Bühler!L7754</f>
        <v>13.732749624913424</v>
      </c>
      <c r="M7728" s="58">
        <f>Bühler!M7754</f>
        <v>0</v>
      </c>
      <c r="N7728" s="56">
        <f>IF(Input!$D$19=1,J7728*Input!$C$19,0)+IF(Input!$D$20=1,K7728*Input!$C$20,0)+IF(Input!$D$21=1,L7728*Input!$C$21,0)+IF(Input!$D$22=1,M7728*Input!$C$22,0)</f>
        <v>0.28587555607920517</v>
      </c>
      <c r="O7728" s="59">
        <f>IF(Input!$D$19=2,J7728*Input!$C$19,0)+IF(Input!$D$20=2,K7728*Input!$C$20,0)+IF(Input!$D$21=2,L7728*Input!$C$21,0)+IF(Input!$D$22=2,M7728*Input!$C$22,0)</f>
        <v>0.71468889019801296</v>
      </c>
      <c r="P7728" s="59">
        <f>IF(Input!$D$19=3,J7728*Input!$C$19,0)+IF(Input!$D$20=3,K7728*Input!$C$20,0)+IF(Input!$D$21=3,L7728*Input!$C$21,0)+IF(Input!$D$22=3,M7728*Input!$C$22,0)</f>
        <v>0</v>
      </c>
      <c r="Q7728" s="75">
        <f>IF(Input!$D$19=4,J7728*Input!$C$19,0)+IF(Input!$D$20=4,K7728*Input!$C$20,0)+IF(Input!$D$21=4,L7728*Input!$C$21,0)+IF(Input!$D$22=4,M7728*Input!$C$22,0)</f>
        <v>0</v>
      </c>
      <c r="R7728" s="58">
        <v>45.311060190580726</v>
      </c>
      <c r="S7728" s="124">
        <f t="shared" si="120"/>
        <v>1.2387940763432224</v>
      </c>
    </row>
    <row r="7729" spans="8:19" x14ac:dyDescent="0.3">
      <c r="H7729" s="44">
        <v>7722</v>
      </c>
      <c r="I7729" s="56">
        <f>Bühler!I7755</f>
        <v>0.24429365701313896</v>
      </c>
      <c r="J7729" s="59">
        <f>Bühler!J7755</f>
        <v>0.81431219004379662</v>
      </c>
      <c r="K7729" s="59">
        <f>Bühler!K7755</f>
        <v>1.221468285065695</v>
      </c>
      <c r="L7729" s="59">
        <f>Bühler!L7755</f>
        <v>11.735258770380563</v>
      </c>
      <c r="M7729" s="58">
        <f>Bühler!M7755</f>
        <v>0</v>
      </c>
      <c r="N7729" s="56">
        <f>IF(Input!$D$19=1,J7729*Input!$C$19,0)+IF(Input!$D$20=1,K7729*Input!$C$20,0)+IF(Input!$D$21=1,L7729*Input!$C$21,0)+IF(Input!$D$22=1,M7729*Input!$C$22,0)</f>
        <v>0.24429365701313899</v>
      </c>
      <c r="O7729" s="59">
        <f>IF(Input!$D$19=2,J7729*Input!$C$19,0)+IF(Input!$D$20=2,K7729*Input!$C$20,0)+IF(Input!$D$21=2,L7729*Input!$C$21,0)+IF(Input!$D$22=2,M7729*Input!$C$22,0)</f>
        <v>0.61073414253284752</v>
      </c>
      <c r="P7729" s="59">
        <f>IF(Input!$D$19=3,J7729*Input!$C$19,0)+IF(Input!$D$20=3,K7729*Input!$C$20,0)+IF(Input!$D$21=3,L7729*Input!$C$21,0)+IF(Input!$D$22=3,M7729*Input!$C$22,0)</f>
        <v>0</v>
      </c>
      <c r="Q7729" s="75">
        <f>IF(Input!$D$19=4,J7729*Input!$C$19,0)+IF(Input!$D$20=4,K7729*Input!$C$20,0)+IF(Input!$D$21=4,L7729*Input!$C$21,0)+IF(Input!$D$22=4,M7729*Input!$C$22,0)</f>
        <v>0</v>
      </c>
      <c r="R7729" s="58">
        <v>45.285891720026349</v>
      </c>
      <c r="S7729" s="124">
        <f t="shared" si="120"/>
        <v>1.0586058470569355</v>
      </c>
    </row>
    <row r="7730" spans="8:19" x14ac:dyDescent="0.3">
      <c r="H7730" s="44">
        <v>7723</v>
      </c>
      <c r="I7730" s="56">
        <f>Bühler!I7756</f>
        <v>0.22870044486336413</v>
      </c>
      <c r="J7730" s="59">
        <f>Bühler!J7756</f>
        <v>0.76233481621121391</v>
      </c>
      <c r="K7730" s="59">
        <f>Bühler!K7756</f>
        <v>1.1435022243168209</v>
      </c>
      <c r="L7730" s="59">
        <f>Bühler!L7756</f>
        <v>10.986199699930742</v>
      </c>
      <c r="M7730" s="58">
        <f>Bühler!M7756</f>
        <v>0</v>
      </c>
      <c r="N7730" s="56">
        <f>IF(Input!$D$19=1,J7730*Input!$C$19,0)+IF(Input!$D$20=1,K7730*Input!$C$20,0)+IF(Input!$D$21=1,L7730*Input!$C$21,0)+IF(Input!$D$22=1,M7730*Input!$C$22,0)</f>
        <v>0.22870044486336416</v>
      </c>
      <c r="O7730" s="59">
        <f>IF(Input!$D$19=2,J7730*Input!$C$19,0)+IF(Input!$D$20=2,K7730*Input!$C$20,0)+IF(Input!$D$21=2,L7730*Input!$C$21,0)+IF(Input!$D$22=2,M7730*Input!$C$22,0)</f>
        <v>0.57175111215841046</v>
      </c>
      <c r="P7730" s="59">
        <f>IF(Input!$D$19=3,J7730*Input!$C$19,0)+IF(Input!$D$20=3,K7730*Input!$C$20,0)+IF(Input!$D$21=3,L7730*Input!$C$21,0)+IF(Input!$D$22=3,M7730*Input!$C$22,0)</f>
        <v>0</v>
      </c>
      <c r="Q7730" s="75">
        <f>IF(Input!$D$19=4,J7730*Input!$C$19,0)+IF(Input!$D$20=4,K7730*Input!$C$20,0)+IF(Input!$D$21=4,L7730*Input!$C$21,0)+IF(Input!$D$22=4,M7730*Input!$C$22,0)</f>
        <v>0</v>
      </c>
      <c r="R7730" s="58">
        <v>45.561234167312477</v>
      </c>
      <c r="S7730" s="124">
        <f t="shared" si="120"/>
        <v>0.99103526107457807</v>
      </c>
    </row>
    <row r="7731" spans="8:19" x14ac:dyDescent="0.3">
      <c r="H7731" s="44">
        <v>7724</v>
      </c>
      <c r="I7731" s="56">
        <f>Bühler!I7757</f>
        <v>0.19231628318055619</v>
      </c>
      <c r="J7731" s="59">
        <f>Bühler!J7757</f>
        <v>0.64105427726852071</v>
      </c>
      <c r="K7731" s="59">
        <f>Bühler!K7757</f>
        <v>0.96158141590278101</v>
      </c>
      <c r="L7731" s="59">
        <f>Bühler!L7757</f>
        <v>9.238395202214484</v>
      </c>
      <c r="M7731" s="58">
        <f>Bühler!M7757</f>
        <v>0</v>
      </c>
      <c r="N7731" s="56">
        <f>IF(Input!$D$19=1,J7731*Input!$C$19,0)+IF(Input!$D$20=1,K7731*Input!$C$20,0)+IF(Input!$D$21=1,L7731*Input!$C$21,0)+IF(Input!$D$22=1,M7731*Input!$C$22,0)</f>
        <v>0.19231628318055621</v>
      </c>
      <c r="O7731" s="59">
        <f>IF(Input!$D$19=2,J7731*Input!$C$19,0)+IF(Input!$D$20=2,K7731*Input!$C$20,0)+IF(Input!$D$21=2,L7731*Input!$C$21,0)+IF(Input!$D$22=2,M7731*Input!$C$22,0)</f>
        <v>0.48079070795139051</v>
      </c>
      <c r="P7731" s="59">
        <f>IF(Input!$D$19=3,J7731*Input!$C$19,0)+IF(Input!$D$20=3,K7731*Input!$C$20,0)+IF(Input!$D$21=3,L7731*Input!$C$21,0)+IF(Input!$D$22=3,M7731*Input!$C$22,0)</f>
        <v>0</v>
      </c>
      <c r="Q7731" s="75">
        <f>IF(Input!$D$19=4,J7731*Input!$C$19,0)+IF(Input!$D$20=4,K7731*Input!$C$20,0)+IF(Input!$D$21=4,L7731*Input!$C$21,0)+IF(Input!$D$22=4,M7731*Input!$C$22,0)</f>
        <v>0</v>
      </c>
      <c r="R7731" s="58">
        <v>45.345076615985526</v>
      </c>
      <c r="S7731" s="124">
        <f t="shared" si="120"/>
        <v>0.83337056044907687</v>
      </c>
    </row>
    <row r="7732" spans="8:19" x14ac:dyDescent="0.3">
      <c r="H7732" s="44">
        <v>7725</v>
      </c>
      <c r="I7732" s="56">
        <f>Bühler!I7758</f>
        <v>0.16112985888100653</v>
      </c>
      <c r="J7732" s="59">
        <f>Bühler!J7758</f>
        <v>0.53709952960335516</v>
      </c>
      <c r="K7732" s="59">
        <f>Bühler!K7758</f>
        <v>0.80564929440503275</v>
      </c>
      <c r="L7732" s="59">
        <f>Bühler!L7758</f>
        <v>7.7402770613148393</v>
      </c>
      <c r="M7732" s="58">
        <f>Bühler!M7758</f>
        <v>0</v>
      </c>
      <c r="N7732" s="56">
        <f>IF(Input!$D$19=1,J7732*Input!$C$19,0)+IF(Input!$D$20=1,K7732*Input!$C$20,0)+IF(Input!$D$21=1,L7732*Input!$C$21,0)+IF(Input!$D$22=1,M7732*Input!$C$22,0)</f>
        <v>0.16112985888100653</v>
      </c>
      <c r="O7732" s="59">
        <f>IF(Input!$D$19=2,J7732*Input!$C$19,0)+IF(Input!$D$20=2,K7732*Input!$C$20,0)+IF(Input!$D$21=2,L7732*Input!$C$21,0)+IF(Input!$D$22=2,M7732*Input!$C$22,0)</f>
        <v>0.40282464720251637</v>
      </c>
      <c r="P7732" s="59">
        <f>IF(Input!$D$19=3,J7732*Input!$C$19,0)+IF(Input!$D$20=3,K7732*Input!$C$20,0)+IF(Input!$D$21=3,L7732*Input!$C$21,0)+IF(Input!$D$22=3,M7732*Input!$C$22,0)</f>
        <v>0</v>
      </c>
      <c r="Q7732" s="75">
        <f>IF(Input!$D$19=4,J7732*Input!$C$19,0)+IF(Input!$D$20=4,K7732*Input!$C$20,0)+IF(Input!$D$21=4,L7732*Input!$C$21,0)+IF(Input!$D$22=4,M7732*Input!$C$22,0)</f>
        <v>0</v>
      </c>
      <c r="R7732" s="58">
        <v>45.475696052367752</v>
      </c>
      <c r="S7732" s="124">
        <f t="shared" si="120"/>
        <v>0.69822938848436167</v>
      </c>
    </row>
    <row r="7733" spans="8:19" x14ac:dyDescent="0.3">
      <c r="H7733" s="44">
        <v>7726</v>
      </c>
      <c r="I7733" s="56">
        <f>Bühler!I7759</f>
        <v>0.14033890934797344</v>
      </c>
      <c r="J7733" s="59">
        <f>Bühler!J7759</f>
        <v>0.46779636449324485</v>
      </c>
      <c r="K7733" s="59">
        <f>Bühler!K7759</f>
        <v>0.70169454673986731</v>
      </c>
      <c r="L7733" s="59">
        <f>Bühler!L7759</f>
        <v>6.7415316340484086</v>
      </c>
      <c r="M7733" s="58">
        <f>Bühler!M7759</f>
        <v>0</v>
      </c>
      <c r="N7733" s="56">
        <f>IF(Input!$D$19=1,J7733*Input!$C$19,0)+IF(Input!$D$20=1,K7733*Input!$C$20,0)+IF(Input!$D$21=1,L7733*Input!$C$21,0)+IF(Input!$D$22=1,M7733*Input!$C$22,0)</f>
        <v>0.14033890934797344</v>
      </c>
      <c r="O7733" s="59">
        <f>IF(Input!$D$19=2,J7733*Input!$C$19,0)+IF(Input!$D$20=2,K7733*Input!$C$20,0)+IF(Input!$D$21=2,L7733*Input!$C$21,0)+IF(Input!$D$22=2,M7733*Input!$C$22,0)</f>
        <v>0.35084727336993365</v>
      </c>
      <c r="P7733" s="59">
        <f>IF(Input!$D$19=3,J7733*Input!$C$19,0)+IF(Input!$D$20=3,K7733*Input!$C$20,0)+IF(Input!$D$21=3,L7733*Input!$C$21,0)+IF(Input!$D$22=3,M7733*Input!$C$22,0)</f>
        <v>0</v>
      </c>
      <c r="Q7733" s="75">
        <f>IF(Input!$D$19=4,J7733*Input!$C$19,0)+IF(Input!$D$20=4,K7733*Input!$C$20,0)+IF(Input!$D$21=4,L7733*Input!$C$21,0)+IF(Input!$D$22=4,M7733*Input!$C$22,0)</f>
        <v>0</v>
      </c>
      <c r="R7733" s="58">
        <v>46.045433166467404</v>
      </c>
      <c r="S7733" s="124">
        <f t="shared" si="120"/>
        <v>0.60813527384121824</v>
      </c>
    </row>
    <row r="7734" spans="8:19" x14ac:dyDescent="0.3">
      <c r="H7734" s="44">
        <v>7727</v>
      </c>
      <c r="I7734" s="56">
        <f>Bühler!I7760</f>
        <v>0.14033890934797344</v>
      </c>
      <c r="J7734" s="59">
        <f>Bühler!J7760</f>
        <v>0.46779636449324485</v>
      </c>
      <c r="K7734" s="59">
        <f>Bühler!K7760</f>
        <v>0.70169454673986731</v>
      </c>
      <c r="L7734" s="59">
        <f>Bühler!L7760</f>
        <v>6.7415316340484086</v>
      </c>
      <c r="M7734" s="58">
        <f>Bühler!M7760</f>
        <v>0</v>
      </c>
      <c r="N7734" s="56">
        <f>IF(Input!$D$19=1,J7734*Input!$C$19,0)+IF(Input!$D$20=1,K7734*Input!$C$20,0)+IF(Input!$D$21=1,L7734*Input!$C$21,0)+IF(Input!$D$22=1,M7734*Input!$C$22,0)</f>
        <v>0.14033890934797344</v>
      </c>
      <c r="O7734" s="59">
        <f>IF(Input!$D$19=2,J7734*Input!$C$19,0)+IF(Input!$D$20=2,K7734*Input!$C$20,0)+IF(Input!$D$21=2,L7734*Input!$C$21,0)+IF(Input!$D$22=2,M7734*Input!$C$22,0)</f>
        <v>0.35084727336993365</v>
      </c>
      <c r="P7734" s="59">
        <f>IF(Input!$D$19=3,J7734*Input!$C$19,0)+IF(Input!$D$20=3,K7734*Input!$C$20,0)+IF(Input!$D$21=3,L7734*Input!$C$21,0)+IF(Input!$D$22=3,M7734*Input!$C$22,0)</f>
        <v>0</v>
      </c>
      <c r="Q7734" s="75">
        <f>IF(Input!$D$19=4,J7734*Input!$C$19,0)+IF(Input!$D$20=4,K7734*Input!$C$20,0)+IF(Input!$D$21=4,L7734*Input!$C$21,0)+IF(Input!$D$22=4,M7734*Input!$C$22,0)</f>
        <v>0</v>
      </c>
      <c r="R7734" s="58">
        <v>46.78323097618231</v>
      </c>
      <c r="S7734" s="124">
        <f t="shared" si="120"/>
        <v>0.60813527384121824</v>
      </c>
    </row>
    <row r="7735" spans="8:19" x14ac:dyDescent="0.3">
      <c r="H7735" s="44">
        <v>7728</v>
      </c>
      <c r="I7735" s="56">
        <f>Bühler!I7761</f>
        <v>0.14033890934797344</v>
      </c>
      <c r="J7735" s="59">
        <f>Bühler!J7761</f>
        <v>0.46779636449324485</v>
      </c>
      <c r="K7735" s="59">
        <f>Bühler!K7761</f>
        <v>0.70169454673986731</v>
      </c>
      <c r="L7735" s="59">
        <f>Bühler!L7761</f>
        <v>6.7415316340484086</v>
      </c>
      <c r="M7735" s="58">
        <f>Bühler!M7761</f>
        <v>0</v>
      </c>
      <c r="N7735" s="56">
        <f>IF(Input!$D$19=1,J7735*Input!$C$19,0)+IF(Input!$D$20=1,K7735*Input!$C$20,0)+IF(Input!$D$21=1,L7735*Input!$C$21,0)+IF(Input!$D$22=1,M7735*Input!$C$22,0)</f>
        <v>0.14033890934797344</v>
      </c>
      <c r="O7735" s="59">
        <f>IF(Input!$D$19=2,J7735*Input!$C$19,0)+IF(Input!$D$20=2,K7735*Input!$C$20,0)+IF(Input!$D$21=2,L7735*Input!$C$21,0)+IF(Input!$D$22=2,M7735*Input!$C$22,0)</f>
        <v>0.35084727336993365</v>
      </c>
      <c r="P7735" s="59">
        <f>IF(Input!$D$19=3,J7735*Input!$C$19,0)+IF(Input!$D$20=3,K7735*Input!$C$20,0)+IF(Input!$D$21=3,L7735*Input!$C$21,0)+IF(Input!$D$22=3,M7735*Input!$C$22,0)</f>
        <v>0</v>
      </c>
      <c r="Q7735" s="75">
        <f>IF(Input!$D$19=4,J7735*Input!$C$19,0)+IF(Input!$D$20=4,K7735*Input!$C$20,0)+IF(Input!$D$21=4,L7735*Input!$C$21,0)+IF(Input!$D$22=4,M7735*Input!$C$22,0)</f>
        <v>0</v>
      </c>
      <c r="R7735" s="58">
        <v>46.937195825089965</v>
      </c>
      <c r="S7735" s="124">
        <f t="shared" si="120"/>
        <v>0.60813527384121824</v>
      </c>
    </row>
    <row r="7736" spans="8:19" x14ac:dyDescent="0.3">
      <c r="H7736" s="44">
        <v>7729</v>
      </c>
      <c r="I7736" s="56">
        <f>Bühler!I7762</f>
        <v>8.4958982085732715E-2</v>
      </c>
      <c r="J7736" s="59">
        <f>Bühler!J7762</f>
        <v>0.28319660695244242</v>
      </c>
      <c r="K7736" s="59">
        <f>Bühler!K7762</f>
        <v>0.42479491042866357</v>
      </c>
      <c r="L7736" s="59">
        <f>Bühler!L7762</f>
        <v>2.0390155700575852</v>
      </c>
      <c r="M7736" s="58">
        <f>Bühler!M7762</f>
        <v>0</v>
      </c>
      <c r="N7736" s="56">
        <f>IF(Input!$D$19=1,J7736*Input!$C$19,0)+IF(Input!$D$20=1,K7736*Input!$C$20,0)+IF(Input!$D$21=1,L7736*Input!$C$21,0)+IF(Input!$D$22=1,M7736*Input!$C$22,0)</f>
        <v>8.4958982085732729E-2</v>
      </c>
      <c r="O7736" s="59">
        <f>IF(Input!$D$19=2,J7736*Input!$C$19,0)+IF(Input!$D$20=2,K7736*Input!$C$20,0)+IF(Input!$D$21=2,L7736*Input!$C$21,0)+IF(Input!$D$22=2,M7736*Input!$C$22,0)</f>
        <v>0.21239745521433179</v>
      </c>
      <c r="P7736" s="59">
        <f>IF(Input!$D$19=3,J7736*Input!$C$19,0)+IF(Input!$D$20=3,K7736*Input!$C$20,0)+IF(Input!$D$21=3,L7736*Input!$C$21,0)+IF(Input!$D$22=3,M7736*Input!$C$22,0)</f>
        <v>0</v>
      </c>
      <c r="Q7736" s="75">
        <f>IF(Input!$D$19=4,J7736*Input!$C$19,0)+IF(Input!$D$20=4,K7736*Input!$C$20,0)+IF(Input!$D$21=4,L7736*Input!$C$21,0)+IF(Input!$D$22=4,M7736*Input!$C$22,0)</f>
        <v>0</v>
      </c>
      <c r="R7736" s="58">
        <v>44.048759261566175</v>
      </c>
      <c r="S7736" s="124">
        <f t="shared" si="120"/>
        <v>0.36815558903817514</v>
      </c>
    </row>
    <row r="7737" spans="8:19" x14ac:dyDescent="0.3">
      <c r="H7737" s="44">
        <v>7730</v>
      </c>
      <c r="I7737" s="56">
        <f>Bühler!I7763</f>
        <v>8.4958982085732715E-2</v>
      </c>
      <c r="J7737" s="59">
        <f>Bühler!J7763</f>
        <v>0.28319660695244242</v>
      </c>
      <c r="K7737" s="59">
        <f>Bühler!K7763</f>
        <v>0.42479491042866357</v>
      </c>
      <c r="L7737" s="59">
        <f>Bühler!L7763</f>
        <v>2.0390155700575852</v>
      </c>
      <c r="M7737" s="58">
        <f>Bühler!M7763</f>
        <v>0</v>
      </c>
      <c r="N7737" s="56">
        <f>IF(Input!$D$19=1,J7737*Input!$C$19,0)+IF(Input!$D$20=1,K7737*Input!$C$20,0)+IF(Input!$D$21=1,L7737*Input!$C$21,0)+IF(Input!$D$22=1,M7737*Input!$C$22,0)</f>
        <v>8.4958982085732729E-2</v>
      </c>
      <c r="O7737" s="59">
        <f>IF(Input!$D$19=2,J7737*Input!$C$19,0)+IF(Input!$D$20=2,K7737*Input!$C$20,0)+IF(Input!$D$21=2,L7737*Input!$C$21,0)+IF(Input!$D$22=2,M7737*Input!$C$22,0)</f>
        <v>0.21239745521433179</v>
      </c>
      <c r="P7737" s="59">
        <f>IF(Input!$D$19=3,J7737*Input!$C$19,0)+IF(Input!$D$20=3,K7737*Input!$C$20,0)+IF(Input!$D$21=3,L7737*Input!$C$21,0)+IF(Input!$D$22=3,M7737*Input!$C$22,0)</f>
        <v>0</v>
      </c>
      <c r="Q7737" s="75">
        <f>IF(Input!$D$19=4,J7737*Input!$C$19,0)+IF(Input!$D$20=4,K7737*Input!$C$20,0)+IF(Input!$D$21=4,L7737*Input!$C$21,0)+IF(Input!$D$22=4,M7737*Input!$C$22,0)</f>
        <v>0</v>
      </c>
      <c r="R7737" s="58">
        <v>44.456311074334046</v>
      </c>
      <c r="S7737" s="124">
        <f t="shared" si="120"/>
        <v>0.36815558903817514</v>
      </c>
    </row>
    <row r="7738" spans="8:19" x14ac:dyDescent="0.3">
      <c r="H7738" s="44">
        <v>7731</v>
      </c>
      <c r="I7738" s="56">
        <f>Bühler!I7764</f>
        <v>8.4958982085732715E-2</v>
      </c>
      <c r="J7738" s="59">
        <f>Bühler!J7764</f>
        <v>0.28319660695244242</v>
      </c>
      <c r="K7738" s="59">
        <f>Bühler!K7764</f>
        <v>0.42479491042866357</v>
      </c>
      <c r="L7738" s="59">
        <f>Bühler!L7764</f>
        <v>2.0390155700575852</v>
      </c>
      <c r="M7738" s="58">
        <f>Bühler!M7764</f>
        <v>0</v>
      </c>
      <c r="N7738" s="56">
        <f>IF(Input!$D$19=1,J7738*Input!$C$19,0)+IF(Input!$D$20=1,K7738*Input!$C$20,0)+IF(Input!$D$21=1,L7738*Input!$C$21,0)+IF(Input!$D$22=1,M7738*Input!$C$22,0)</f>
        <v>8.4958982085732729E-2</v>
      </c>
      <c r="O7738" s="59">
        <f>IF(Input!$D$19=2,J7738*Input!$C$19,0)+IF(Input!$D$20=2,K7738*Input!$C$20,0)+IF(Input!$D$21=2,L7738*Input!$C$21,0)+IF(Input!$D$22=2,M7738*Input!$C$22,0)</f>
        <v>0.21239745521433179</v>
      </c>
      <c r="P7738" s="59">
        <f>IF(Input!$D$19=3,J7738*Input!$C$19,0)+IF(Input!$D$20=3,K7738*Input!$C$20,0)+IF(Input!$D$21=3,L7738*Input!$C$21,0)+IF(Input!$D$22=3,M7738*Input!$C$22,0)</f>
        <v>0</v>
      </c>
      <c r="Q7738" s="75">
        <f>IF(Input!$D$19=4,J7738*Input!$C$19,0)+IF(Input!$D$20=4,K7738*Input!$C$20,0)+IF(Input!$D$21=4,L7738*Input!$C$21,0)+IF(Input!$D$22=4,M7738*Input!$C$22,0)</f>
        <v>0</v>
      </c>
      <c r="R7738" s="58">
        <v>45.379191678895452</v>
      </c>
      <c r="S7738" s="124">
        <f t="shared" si="120"/>
        <v>0.36815558903817514</v>
      </c>
    </row>
    <row r="7739" spans="8:19" x14ac:dyDescent="0.3">
      <c r="H7739" s="44">
        <v>7732</v>
      </c>
      <c r="I7739" s="56">
        <f>Bühler!I7765</f>
        <v>8.4958982085732715E-2</v>
      </c>
      <c r="J7739" s="59">
        <f>Bühler!J7765</f>
        <v>0.28319660695244242</v>
      </c>
      <c r="K7739" s="59">
        <f>Bühler!K7765</f>
        <v>0.42479491042866357</v>
      </c>
      <c r="L7739" s="59">
        <f>Bühler!L7765</f>
        <v>2.0390155700575852</v>
      </c>
      <c r="M7739" s="58">
        <f>Bühler!M7765</f>
        <v>0</v>
      </c>
      <c r="N7739" s="56">
        <f>IF(Input!$D$19=1,J7739*Input!$C$19,0)+IF(Input!$D$20=1,K7739*Input!$C$20,0)+IF(Input!$D$21=1,L7739*Input!$C$21,0)+IF(Input!$D$22=1,M7739*Input!$C$22,0)</f>
        <v>8.4958982085732729E-2</v>
      </c>
      <c r="O7739" s="59">
        <f>IF(Input!$D$19=2,J7739*Input!$C$19,0)+IF(Input!$D$20=2,K7739*Input!$C$20,0)+IF(Input!$D$21=2,L7739*Input!$C$21,0)+IF(Input!$D$22=2,M7739*Input!$C$22,0)</f>
        <v>0.21239745521433179</v>
      </c>
      <c r="P7739" s="59">
        <f>IF(Input!$D$19=3,J7739*Input!$C$19,0)+IF(Input!$D$20=3,K7739*Input!$C$20,0)+IF(Input!$D$21=3,L7739*Input!$C$21,0)+IF(Input!$D$22=3,M7739*Input!$C$22,0)</f>
        <v>0</v>
      </c>
      <c r="Q7739" s="75">
        <f>IF(Input!$D$19=4,J7739*Input!$C$19,0)+IF(Input!$D$20=4,K7739*Input!$C$20,0)+IF(Input!$D$21=4,L7739*Input!$C$21,0)+IF(Input!$D$22=4,M7739*Input!$C$22,0)</f>
        <v>0</v>
      </c>
      <c r="R7739" s="58">
        <v>46.571188387785945</v>
      </c>
      <c r="S7739" s="124">
        <f t="shared" si="120"/>
        <v>0.36815558903817514</v>
      </c>
    </row>
    <row r="7740" spans="8:19" x14ac:dyDescent="0.3">
      <c r="H7740" s="44">
        <v>7733</v>
      </c>
      <c r="I7740" s="56">
        <f>Bühler!I7766</f>
        <v>8.4958982085732715E-2</v>
      </c>
      <c r="J7740" s="59">
        <f>Bühler!J7766</f>
        <v>0.28319660695244242</v>
      </c>
      <c r="K7740" s="59">
        <f>Bühler!K7766</f>
        <v>0.42479491042866357</v>
      </c>
      <c r="L7740" s="59">
        <f>Bühler!L7766</f>
        <v>2.0390155700575852</v>
      </c>
      <c r="M7740" s="58">
        <f>Bühler!M7766</f>
        <v>0</v>
      </c>
      <c r="N7740" s="56">
        <f>IF(Input!$D$19=1,J7740*Input!$C$19,0)+IF(Input!$D$20=1,K7740*Input!$C$20,0)+IF(Input!$D$21=1,L7740*Input!$C$21,0)+IF(Input!$D$22=1,M7740*Input!$C$22,0)</f>
        <v>8.4958982085732729E-2</v>
      </c>
      <c r="O7740" s="59">
        <f>IF(Input!$D$19=2,J7740*Input!$C$19,0)+IF(Input!$D$20=2,K7740*Input!$C$20,0)+IF(Input!$D$21=2,L7740*Input!$C$21,0)+IF(Input!$D$22=2,M7740*Input!$C$22,0)</f>
        <v>0.21239745521433179</v>
      </c>
      <c r="P7740" s="59">
        <f>IF(Input!$D$19=3,J7740*Input!$C$19,0)+IF(Input!$D$20=3,K7740*Input!$C$20,0)+IF(Input!$D$21=3,L7740*Input!$C$21,0)+IF(Input!$D$22=3,M7740*Input!$C$22,0)</f>
        <v>0</v>
      </c>
      <c r="Q7740" s="75">
        <f>IF(Input!$D$19=4,J7740*Input!$C$19,0)+IF(Input!$D$20=4,K7740*Input!$C$20,0)+IF(Input!$D$21=4,L7740*Input!$C$21,0)+IF(Input!$D$22=4,M7740*Input!$C$22,0)</f>
        <v>0</v>
      </c>
      <c r="R7740" s="58">
        <v>49.852653435877805</v>
      </c>
      <c r="S7740" s="124">
        <f t="shared" si="120"/>
        <v>0.36815558903817514</v>
      </c>
    </row>
    <row r="7741" spans="8:19" x14ac:dyDescent="0.3">
      <c r="H7741" s="44">
        <v>7734</v>
      </c>
      <c r="I7741" s="56">
        <f>Bühler!I7767</f>
        <v>0.36815558903817508</v>
      </c>
      <c r="J7741" s="59">
        <f>Bühler!J7767</f>
        <v>1.227185296793917</v>
      </c>
      <c r="K7741" s="59">
        <f>Bühler!K7767</f>
        <v>1.8407779451908755</v>
      </c>
      <c r="L7741" s="59">
        <f>Bühler!L7767</f>
        <v>8.8357341369162015</v>
      </c>
      <c r="M7741" s="58">
        <f>Bühler!M7767</f>
        <v>0</v>
      </c>
      <c r="N7741" s="56">
        <f>IF(Input!$D$19=1,J7741*Input!$C$19,0)+IF(Input!$D$20=1,K7741*Input!$C$20,0)+IF(Input!$D$21=1,L7741*Input!$C$21,0)+IF(Input!$D$22=1,M7741*Input!$C$22,0)</f>
        <v>0.36815558903817508</v>
      </c>
      <c r="O7741" s="59">
        <f>IF(Input!$D$19=2,J7741*Input!$C$19,0)+IF(Input!$D$20=2,K7741*Input!$C$20,0)+IF(Input!$D$21=2,L7741*Input!$C$21,0)+IF(Input!$D$22=2,M7741*Input!$C$22,0)</f>
        <v>0.92038897259543773</v>
      </c>
      <c r="P7741" s="59">
        <f>IF(Input!$D$19=3,J7741*Input!$C$19,0)+IF(Input!$D$20=3,K7741*Input!$C$20,0)+IF(Input!$D$21=3,L7741*Input!$C$21,0)+IF(Input!$D$22=3,M7741*Input!$C$22,0)</f>
        <v>0</v>
      </c>
      <c r="Q7741" s="75">
        <f>IF(Input!$D$19=4,J7741*Input!$C$19,0)+IF(Input!$D$20=4,K7741*Input!$C$20,0)+IF(Input!$D$21=4,L7741*Input!$C$21,0)+IF(Input!$D$22=4,M7741*Input!$C$22,0)</f>
        <v>0</v>
      </c>
      <c r="R7741" s="58">
        <v>56.219472950380869</v>
      </c>
      <c r="S7741" s="124">
        <f t="shared" si="120"/>
        <v>1.5953408858320921</v>
      </c>
    </row>
    <row r="7742" spans="8:19" x14ac:dyDescent="0.3">
      <c r="H7742" s="44">
        <v>7735</v>
      </c>
      <c r="I7742" s="56">
        <f>Bühler!I7768</f>
        <v>0.41771499525485251</v>
      </c>
      <c r="J7742" s="59">
        <f>Bühler!J7768</f>
        <v>1.3923833175161751</v>
      </c>
      <c r="K7742" s="59">
        <f>Bühler!K7768</f>
        <v>2.0885749762742623</v>
      </c>
      <c r="L7742" s="59">
        <f>Bühler!L7768</f>
        <v>10.025159886116461</v>
      </c>
      <c r="M7742" s="58">
        <f>Bühler!M7768</f>
        <v>0</v>
      </c>
      <c r="N7742" s="56">
        <f>IF(Input!$D$19=1,J7742*Input!$C$19,0)+IF(Input!$D$20=1,K7742*Input!$C$20,0)+IF(Input!$D$21=1,L7742*Input!$C$21,0)+IF(Input!$D$22=1,M7742*Input!$C$22,0)</f>
        <v>0.41771499525485251</v>
      </c>
      <c r="O7742" s="59">
        <f>IF(Input!$D$19=2,J7742*Input!$C$19,0)+IF(Input!$D$20=2,K7742*Input!$C$20,0)+IF(Input!$D$21=2,L7742*Input!$C$21,0)+IF(Input!$D$22=2,M7742*Input!$C$22,0)</f>
        <v>1.0442874881371311</v>
      </c>
      <c r="P7742" s="59">
        <f>IF(Input!$D$19=3,J7742*Input!$C$19,0)+IF(Input!$D$20=3,K7742*Input!$C$20,0)+IF(Input!$D$21=3,L7742*Input!$C$21,0)+IF(Input!$D$22=3,M7742*Input!$C$22,0)</f>
        <v>0</v>
      </c>
      <c r="Q7742" s="75">
        <f>IF(Input!$D$19=4,J7742*Input!$C$19,0)+IF(Input!$D$20=4,K7742*Input!$C$20,0)+IF(Input!$D$21=4,L7742*Input!$C$21,0)+IF(Input!$D$22=4,M7742*Input!$C$22,0)</f>
        <v>0</v>
      </c>
      <c r="R7742" s="58">
        <v>61.64348726080835</v>
      </c>
      <c r="S7742" s="124">
        <f t="shared" si="120"/>
        <v>1.8100983127710275</v>
      </c>
    </row>
    <row r="7743" spans="8:19" x14ac:dyDescent="0.3">
      <c r="H7743" s="44">
        <v>7736</v>
      </c>
      <c r="I7743" s="56">
        <f>Bühler!I7769</f>
        <v>0.41771499525485251</v>
      </c>
      <c r="J7743" s="59">
        <f>Bühler!J7769</f>
        <v>1.3923833175161751</v>
      </c>
      <c r="K7743" s="59">
        <f>Bühler!K7769</f>
        <v>2.0885749762742623</v>
      </c>
      <c r="L7743" s="59">
        <f>Bühler!L7769</f>
        <v>10.025159886116461</v>
      </c>
      <c r="M7743" s="58">
        <f>Bühler!M7769</f>
        <v>0</v>
      </c>
      <c r="N7743" s="56">
        <f>IF(Input!$D$19=1,J7743*Input!$C$19,0)+IF(Input!$D$20=1,K7743*Input!$C$20,0)+IF(Input!$D$21=1,L7743*Input!$C$21,0)+IF(Input!$D$22=1,M7743*Input!$C$22,0)</f>
        <v>0.41771499525485251</v>
      </c>
      <c r="O7743" s="59">
        <f>IF(Input!$D$19=2,J7743*Input!$C$19,0)+IF(Input!$D$20=2,K7743*Input!$C$20,0)+IF(Input!$D$21=2,L7743*Input!$C$21,0)+IF(Input!$D$22=2,M7743*Input!$C$22,0)</f>
        <v>1.0442874881371311</v>
      </c>
      <c r="P7743" s="59">
        <f>IF(Input!$D$19=3,J7743*Input!$C$19,0)+IF(Input!$D$20=3,K7743*Input!$C$20,0)+IF(Input!$D$21=3,L7743*Input!$C$21,0)+IF(Input!$D$22=3,M7743*Input!$C$22,0)</f>
        <v>0</v>
      </c>
      <c r="Q7743" s="75">
        <f>IF(Input!$D$19=4,J7743*Input!$C$19,0)+IF(Input!$D$20=4,K7743*Input!$C$20,0)+IF(Input!$D$21=4,L7743*Input!$C$21,0)+IF(Input!$D$22=4,M7743*Input!$C$22,0)</f>
        <v>0</v>
      </c>
      <c r="R7743" s="58">
        <v>65.209435799173406</v>
      </c>
      <c r="S7743" s="124">
        <f t="shared" si="120"/>
        <v>1.8100983127710275</v>
      </c>
    </row>
    <row r="7744" spans="8:19" x14ac:dyDescent="0.3">
      <c r="H7744" s="44">
        <v>7737</v>
      </c>
      <c r="I7744" s="56">
        <f>Bühler!I7770</f>
        <v>0.41771499525485251</v>
      </c>
      <c r="J7744" s="59">
        <f>Bühler!J7770</f>
        <v>1.3923833175161751</v>
      </c>
      <c r="K7744" s="59">
        <f>Bühler!K7770</f>
        <v>2.0885749762742623</v>
      </c>
      <c r="L7744" s="59">
        <f>Bühler!L7770</f>
        <v>10.025159886116461</v>
      </c>
      <c r="M7744" s="58">
        <f>Bühler!M7770</f>
        <v>0</v>
      </c>
      <c r="N7744" s="56">
        <f>IF(Input!$D$19=1,J7744*Input!$C$19,0)+IF(Input!$D$20=1,K7744*Input!$C$20,0)+IF(Input!$D$21=1,L7744*Input!$C$21,0)+IF(Input!$D$22=1,M7744*Input!$C$22,0)</f>
        <v>0.41771499525485251</v>
      </c>
      <c r="O7744" s="59">
        <f>IF(Input!$D$19=2,J7744*Input!$C$19,0)+IF(Input!$D$20=2,K7744*Input!$C$20,0)+IF(Input!$D$21=2,L7744*Input!$C$21,0)+IF(Input!$D$22=2,M7744*Input!$C$22,0)</f>
        <v>1.0442874881371311</v>
      </c>
      <c r="P7744" s="59">
        <f>IF(Input!$D$19=3,J7744*Input!$C$19,0)+IF(Input!$D$20=3,K7744*Input!$C$20,0)+IF(Input!$D$21=3,L7744*Input!$C$21,0)+IF(Input!$D$22=3,M7744*Input!$C$22,0)</f>
        <v>0</v>
      </c>
      <c r="Q7744" s="75">
        <f>IF(Input!$D$19=4,J7744*Input!$C$19,0)+IF(Input!$D$20=4,K7744*Input!$C$20,0)+IF(Input!$D$21=4,L7744*Input!$C$21,0)+IF(Input!$D$22=4,M7744*Input!$C$22,0)</f>
        <v>0</v>
      </c>
      <c r="R7744" s="58">
        <v>67.018375464834207</v>
      </c>
      <c r="S7744" s="124">
        <f t="shared" si="120"/>
        <v>1.8100983127710275</v>
      </c>
    </row>
    <row r="7745" spans="8:19" x14ac:dyDescent="0.3">
      <c r="H7745" s="44">
        <v>7738</v>
      </c>
      <c r="I7745" s="56">
        <f>Bühler!I7771</f>
        <v>0.44603465595009678</v>
      </c>
      <c r="J7745" s="59">
        <f>Bühler!J7771</f>
        <v>1.4867821865003228</v>
      </c>
      <c r="K7745" s="59">
        <f>Bühler!K7771</f>
        <v>2.2301732797504839</v>
      </c>
      <c r="L7745" s="59">
        <f>Bühler!L7771</f>
        <v>10.704831742802323</v>
      </c>
      <c r="M7745" s="58">
        <f>Bühler!M7771</f>
        <v>0</v>
      </c>
      <c r="N7745" s="56">
        <f>IF(Input!$D$19=1,J7745*Input!$C$19,0)+IF(Input!$D$20=1,K7745*Input!$C$20,0)+IF(Input!$D$21=1,L7745*Input!$C$21,0)+IF(Input!$D$22=1,M7745*Input!$C$22,0)</f>
        <v>0.44603465595009684</v>
      </c>
      <c r="O7745" s="59">
        <f>IF(Input!$D$19=2,J7745*Input!$C$19,0)+IF(Input!$D$20=2,K7745*Input!$C$20,0)+IF(Input!$D$21=2,L7745*Input!$C$21,0)+IF(Input!$D$22=2,M7745*Input!$C$22,0)</f>
        <v>1.1150866398752419</v>
      </c>
      <c r="P7745" s="59">
        <f>IF(Input!$D$19=3,J7745*Input!$C$19,0)+IF(Input!$D$20=3,K7745*Input!$C$20,0)+IF(Input!$D$21=3,L7745*Input!$C$21,0)+IF(Input!$D$22=3,M7745*Input!$C$22,0)</f>
        <v>0</v>
      </c>
      <c r="Q7745" s="75">
        <f>IF(Input!$D$19=4,J7745*Input!$C$19,0)+IF(Input!$D$20=4,K7745*Input!$C$20,0)+IF(Input!$D$21=4,L7745*Input!$C$21,0)+IF(Input!$D$22=4,M7745*Input!$C$22,0)</f>
        <v>0</v>
      </c>
      <c r="R7745" s="58">
        <v>67.987636389307539</v>
      </c>
      <c r="S7745" s="124">
        <f t="shared" si="120"/>
        <v>1.9328168424504195</v>
      </c>
    </row>
    <row r="7746" spans="8:19" x14ac:dyDescent="0.3">
      <c r="H7746" s="44">
        <v>7739</v>
      </c>
      <c r="I7746" s="56">
        <f>Bühler!I7772</f>
        <v>0.44603465595009678</v>
      </c>
      <c r="J7746" s="59">
        <f>Bühler!J7772</f>
        <v>1.4867821865003228</v>
      </c>
      <c r="K7746" s="59">
        <f>Bühler!K7772</f>
        <v>2.2301732797504839</v>
      </c>
      <c r="L7746" s="59">
        <f>Bühler!L7772</f>
        <v>10.704831742802323</v>
      </c>
      <c r="M7746" s="58">
        <f>Bühler!M7772</f>
        <v>0</v>
      </c>
      <c r="N7746" s="56">
        <f>IF(Input!$D$19=1,J7746*Input!$C$19,0)+IF(Input!$D$20=1,K7746*Input!$C$20,0)+IF(Input!$D$21=1,L7746*Input!$C$21,0)+IF(Input!$D$22=1,M7746*Input!$C$22,0)</f>
        <v>0.44603465595009684</v>
      </c>
      <c r="O7746" s="59">
        <f>IF(Input!$D$19=2,J7746*Input!$C$19,0)+IF(Input!$D$20=2,K7746*Input!$C$20,0)+IF(Input!$D$21=2,L7746*Input!$C$21,0)+IF(Input!$D$22=2,M7746*Input!$C$22,0)</f>
        <v>1.1150866398752419</v>
      </c>
      <c r="P7746" s="59">
        <f>IF(Input!$D$19=3,J7746*Input!$C$19,0)+IF(Input!$D$20=3,K7746*Input!$C$20,0)+IF(Input!$D$21=3,L7746*Input!$C$21,0)+IF(Input!$D$22=3,M7746*Input!$C$22,0)</f>
        <v>0</v>
      </c>
      <c r="Q7746" s="75">
        <f>IF(Input!$D$19=4,J7746*Input!$C$19,0)+IF(Input!$D$20=4,K7746*Input!$C$20,0)+IF(Input!$D$21=4,L7746*Input!$C$21,0)+IF(Input!$D$22=4,M7746*Input!$C$22,0)</f>
        <v>0</v>
      </c>
      <c r="R7746" s="58">
        <v>69.864464470186789</v>
      </c>
      <c r="S7746" s="124">
        <f t="shared" si="120"/>
        <v>1.9328168424504195</v>
      </c>
    </row>
    <row r="7747" spans="8:19" x14ac:dyDescent="0.3">
      <c r="H7747" s="44">
        <v>7740</v>
      </c>
      <c r="I7747" s="56">
        <f>Bühler!I7773</f>
        <v>0.56639321390488484</v>
      </c>
      <c r="J7747" s="59">
        <f>Bühler!J7773</f>
        <v>1.8879773796829498</v>
      </c>
      <c r="K7747" s="59">
        <f>Bühler!K7773</f>
        <v>2.8319660695244244</v>
      </c>
      <c r="L7747" s="59">
        <f>Bühler!L7773</f>
        <v>13.593437133717238</v>
      </c>
      <c r="M7747" s="58">
        <f>Bühler!M7773</f>
        <v>0</v>
      </c>
      <c r="N7747" s="56">
        <f>IF(Input!$D$19=1,J7747*Input!$C$19,0)+IF(Input!$D$20=1,K7747*Input!$C$20,0)+IF(Input!$D$21=1,L7747*Input!$C$21,0)+IF(Input!$D$22=1,M7747*Input!$C$22,0)</f>
        <v>0.56639321390488495</v>
      </c>
      <c r="O7747" s="59">
        <f>IF(Input!$D$19=2,J7747*Input!$C$19,0)+IF(Input!$D$20=2,K7747*Input!$C$20,0)+IF(Input!$D$21=2,L7747*Input!$C$21,0)+IF(Input!$D$22=2,M7747*Input!$C$22,0)</f>
        <v>1.4159830347622122</v>
      </c>
      <c r="P7747" s="59">
        <f>IF(Input!$D$19=3,J7747*Input!$C$19,0)+IF(Input!$D$20=3,K7747*Input!$C$20,0)+IF(Input!$D$21=3,L7747*Input!$C$21,0)+IF(Input!$D$22=3,M7747*Input!$C$22,0)</f>
        <v>0</v>
      </c>
      <c r="Q7747" s="75">
        <f>IF(Input!$D$19=4,J7747*Input!$C$19,0)+IF(Input!$D$20=4,K7747*Input!$C$20,0)+IF(Input!$D$21=4,L7747*Input!$C$21,0)+IF(Input!$D$22=4,M7747*Input!$C$22,0)</f>
        <v>0</v>
      </c>
      <c r="R7747" s="58">
        <v>70.541314167438358</v>
      </c>
      <c r="S7747" s="124">
        <f t="shared" si="120"/>
        <v>2.4543705935878348</v>
      </c>
    </row>
    <row r="7748" spans="8:19" x14ac:dyDescent="0.3">
      <c r="H7748" s="44">
        <v>7741</v>
      </c>
      <c r="I7748" s="56">
        <f>Bühler!I7774</f>
        <v>0.56639321390488484</v>
      </c>
      <c r="J7748" s="59">
        <f>Bühler!J7774</f>
        <v>1.8879773796829498</v>
      </c>
      <c r="K7748" s="59">
        <f>Bühler!K7774</f>
        <v>2.8319660695244244</v>
      </c>
      <c r="L7748" s="59">
        <f>Bühler!L7774</f>
        <v>13.593437133717238</v>
      </c>
      <c r="M7748" s="58">
        <f>Bühler!M7774</f>
        <v>0</v>
      </c>
      <c r="N7748" s="56">
        <f>IF(Input!$D$19=1,J7748*Input!$C$19,0)+IF(Input!$D$20=1,K7748*Input!$C$20,0)+IF(Input!$D$21=1,L7748*Input!$C$21,0)+IF(Input!$D$22=1,M7748*Input!$C$22,0)</f>
        <v>0.56639321390488495</v>
      </c>
      <c r="O7748" s="59">
        <f>IF(Input!$D$19=2,J7748*Input!$C$19,0)+IF(Input!$D$20=2,K7748*Input!$C$20,0)+IF(Input!$D$21=2,L7748*Input!$C$21,0)+IF(Input!$D$22=2,M7748*Input!$C$22,0)</f>
        <v>1.4159830347622122</v>
      </c>
      <c r="P7748" s="59">
        <f>IF(Input!$D$19=3,J7748*Input!$C$19,0)+IF(Input!$D$20=3,K7748*Input!$C$20,0)+IF(Input!$D$21=3,L7748*Input!$C$21,0)+IF(Input!$D$22=3,M7748*Input!$C$22,0)</f>
        <v>0</v>
      </c>
      <c r="Q7748" s="75">
        <f>IF(Input!$D$19=4,J7748*Input!$C$19,0)+IF(Input!$D$20=4,K7748*Input!$C$20,0)+IF(Input!$D$21=4,L7748*Input!$C$21,0)+IF(Input!$D$22=4,M7748*Input!$C$22,0)</f>
        <v>0</v>
      </c>
      <c r="R7748" s="58">
        <v>69.179894863189787</v>
      </c>
      <c r="S7748" s="124">
        <f t="shared" si="120"/>
        <v>2.4543705935878348</v>
      </c>
    </row>
    <row r="7749" spans="8:19" x14ac:dyDescent="0.3">
      <c r="H7749" s="44">
        <v>7742</v>
      </c>
      <c r="I7749" s="56">
        <f>Bühler!I7775</f>
        <v>0.37523550421198615</v>
      </c>
      <c r="J7749" s="59">
        <f>Bühler!J7775</f>
        <v>1.2507850140399539</v>
      </c>
      <c r="K7749" s="59">
        <f>Bühler!K7775</f>
        <v>1.8761775210599307</v>
      </c>
      <c r="L7749" s="59">
        <f>Bühler!L7775</f>
        <v>9.0056521010876676</v>
      </c>
      <c r="M7749" s="58">
        <f>Bühler!M7775</f>
        <v>0</v>
      </c>
      <c r="N7749" s="56">
        <f>IF(Input!$D$19=1,J7749*Input!$C$19,0)+IF(Input!$D$20=1,K7749*Input!$C$20,0)+IF(Input!$D$21=1,L7749*Input!$C$21,0)+IF(Input!$D$22=1,M7749*Input!$C$22,0)</f>
        <v>0.37523550421198615</v>
      </c>
      <c r="O7749" s="59">
        <f>IF(Input!$D$19=2,J7749*Input!$C$19,0)+IF(Input!$D$20=2,K7749*Input!$C$20,0)+IF(Input!$D$21=2,L7749*Input!$C$21,0)+IF(Input!$D$22=2,M7749*Input!$C$22,0)</f>
        <v>0.93808876052996537</v>
      </c>
      <c r="P7749" s="59">
        <f>IF(Input!$D$19=3,J7749*Input!$C$19,0)+IF(Input!$D$20=3,K7749*Input!$C$20,0)+IF(Input!$D$21=3,L7749*Input!$C$21,0)+IF(Input!$D$22=3,M7749*Input!$C$22,0)</f>
        <v>0</v>
      </c>
      <c r="Q7749" s="75">
        <f>IF(Input!$D$19=4,J7749*Input!$C$19,0)+IF(Input!$D$20=4,K7749*Input!$C$20,0)+IF(Input!$D$21=4,L7749*Input!$C$21,0)+IF(Input!$D$22=4,M7749*Input!$C$22,0)</f>
        <v>0</v>
      </c>
      <c r="R7749" s="58">
        <v>70.456984886599159</v>
      </c>
      <c r="S7749" s="124">
        <f t="shared" si="120"/>
        <v>1.6260205182519401</v>
      </c>
    </row>
    <row r="7750" spans="8:19" x14ac:dyDescent="0.3">
      <c r="H7750" s="44">
        <v>7743</v>
      </c>
      <c r="I7750" s="56">
        <f>Bühler!I7776</f>
        <v>0.56639321390488484</v>
      </c>
      <c r="J7750" s="59">
        <f>Bühler!J7776</f>
        <v>1.8879773796829498</v>
      </c>
      <c r="K7750" s="59">
        <f>Bühler!K7776</f>
        <v>2.8319660695244244</v>
      </c>
      <c r="L7750" s="59">
        <f>Bühler!L7776</f>
        <v>13.593437133717238</v>
      </c>
      <c r="M7750" s="58">
        <f>Bühler!M7776</f>
        <v>0</v>
      </c>
      <c r="N7750" s="56">
        <f>IF(Input!$D$19=1,J7750*Input!$C$19,0)+IF(Input!$D$20=1,K7750*Input!$C$20,0)+IF(Input!$D$21=1,L7750*Input!$C$21,0)+IF(Input!$D$22=1,M7750*Input!$C$22,0)</f>
        <v>0.56639321390488495</v>
      </c>
      <c r="O7750" s="59">
        <f>IF(Input!$D$19=2,J7750*Input!$C$19,0)+IF(Input!$D$20=2,K7750*Input!$C$20,0)+IF(Input!$D$21=2,L7750*Input!$C$21,0)+IF(Input!$D$22=2,M7750*Input!$C$22,0)</f>
        <v>1.4159830347622122</v>
      </c>
      <c r="P7750" s="59">
        <f>IF(Input!$D$19=3,J7750*Input!$C$19,0)+IF(Input!$D$20=3,K7750*Input!$C$20,0)+IF(Input!$D$21=3,L7750*Input!$C$21,0)+IF(Input!$D$22=3,M7750*Input!$C$22,0)</f>
        <v>0</v>
      </c>
      <c r="Q7750" s="75">
        <f>IF(Input!$D$19=4,J7750*Input!$C$19,0)+IF(Input!$D$20=4,K7750*Input!$C$20,0)+IF(Input!$D$21=4,L7750*Input!$C$21,0)+IF(Input!$D$22=4,M7750*Input!$C$22,0)</f>
        <v>0</v>
      </c>
      <c r="R7750" s="58">
        <v>71.003887800727341</v>
      </c>
      <c r="S7750" s="124">
        <f t="shared" si="120"/>
        <v>2.4543705935878348</v>
      </c>
    </row>
    <row r="7751" spans="8:19" x14ac:dyDescent="0.3">
      <c r="H7751" s="44">
        <v>7744</v>
      </c>
      <c r="I7751" s="56">
        <f>Bühler!I7777</f>
        <v>0.56639321390488484</v>
      </c>
      <c r="J7751" s="59">
        <f>Bühler!J7777</f>
        <v>1.8879773796829498</v>
      </c>
      <c r="K7751" s="59">
        <f>Bühler!K7777</f>
        <v>2.8319660695244244</v>
      </c>
      <c r="L7751" s="59">
        <f>Bühler!L7777</f>
        <v>13.593437133717238</v>
      </c>
      <c r="M7751" s="58">
        <f>Bühler!M7777</f>
        <v>0</v>
      </c>
      <c r="N7751" s="56">
        <f>IF(Input!$D$19=1,J7751*Input!$C$19,0)+IF(Input!$D$20=1,K7751*Input!$C$20,0)+IF(Input!$D$21=1,L7751*Input!$C$21,0)+IF(Input!$D$22=1,M7751*Input!$C$22,0)</f>
        <v>0.56639321390488495</v>
      </c>
      <c r="O7751" s="59">
        <f>IF(Input!$D$19=2,J7751*Input!$C$19,0)+IF(Input!$D$20=2,K7751*Input!$C$20,0)+IF(Input!$D$21=2,L7751*Input!$C$21,0)+IF(Input!$D$22=2,M7751*Input!$C$22,0)</f>
        <v>1.4159830347622122</v>
      </c>
      <c r="P7751" s="59">
        <f>IF(Input!$D$19=3,J7751*Input!$C$19,0)+IF(Input!$D$20=3,K7751*Input!$C$20,0)+IF(Input!$D$21=3,L7751*Input!$C$21,0)+IF(Input!$D$22=3,M7751*Input!$C$22,0)</f>
        <v>0</v>
      </c>
      <c r="Q7751" s="75">
        <f>IF(Input!$D$19=4,J7751*Input!$C$19,0)+IF(Input!$D$20=4,K7751*Input!$C$20,0)+IF(Input!$D$21=4,L7751*Input!$C$21,0)+IF(Input!$D$22=4,M7751*Input!$C$22,0)</f>
        <v>0</v>
      </c>
      <c r="R7751" s="58">
        <v>70.280570149367605</v>
      </c>
      <c r="S7751" s="124">
        <f t="shared" si="120"/>
        <v>2.4543705935878348</v>
      </c>
    </row>
    <row r="7752" spans="8:19" x14ac:dyDescent="0.3">
      <c r="H7752" s="44">
        <v>7745</v>
      </c>
      <c r="I7752" s="56">
        <f>Bühler!I7778</f>
        <v>0.56639321390488484</v>
      </c>
      <c r="J7752" s="59">
        <f>Bühler!J7778</f>
        <v>1.8879773796829498</v>
      </c>
      <c r="K7752" s="59">
        <f>Bühler!K7778</f>
        <v>2.8319660695244244</v>
      </c>
      <c r="L7752" s="59">
        <f>Bühler!L7778</f>
        <v>13.593437133717238</v>
      </c>
      <c r="M7752" s="58">
        <f>Bühler!M7778</f>
        <v>0</v>
      </c>
      <c r="N7752" s="56">
        <f>IF(Input!$D$19=1,J7752*Input!$C$19,0)+IF(Input!$D$20=1,K7752*Input!$C$20,0)+IF(Input!$D$21=1,L7752*Input!$C$21,0)+IF(Input!$D$22=1,M7752*Input!$C$22,0)</f>
        <v>0.56639321390488495</v>
      </c>
      <c r="O7752" s="59">
        <f>IF(Input!$D$19=2,J7752*Input!$C$19,0)+IF(Input!$D$20=2,K7752*Input!$C$20,0)+IF(Input!$D$21=2,L7752*Input!$C$21,0)+IF(Input!$D$22=2,M7752*Input!$C$22,0)</f>
        <v>1.4159830347622122</v>
      </c>
      <c r="P7752" s="59">
        <f>IF(Input!$D$19=3,J7752*Input!$C$19,0)+IF(Input!$D$20=3,K7752*Input!$C$20,0)+IF(Input!$D$21=3,L7752*Input!$C$21,0)+IF(Input!$D$22=3,M7752*Input!$C$22,0)</f>
        <v>0</v>
      </c>
      <c r="Q7752" s="75">
        <f>IF(Input!$D$19=4,J7752*Input!$C$19,0)+IF(Input!$D$20=4,K7752*Input!$C$20,0)+IF(Input!$D$21=4,L7752*Input!$C$21,0)+IF(Input!$D$22=4,M7752*Input!$C$22,0)</f>
        <v>0</v>
      </c>
      <c r="R7752" s="58">
        <v>68.807918258304994</v>
      </c>
      <c r="S7752" s="124">
        <f t="shared" si="120"/>
        <v>2.4543705935878348</v>
      </c>
    </row>
    <row r="7753" spans="8:19" x14ac:dyDescent="0.3">
      <c r="H7753" s="44">
        <v>7746</v>
      </c>
      <c r="I7753" s="56">
        <f>Bühler!I7779</f>
        <v>0.56639321390488484</v>
      </c>
      <c r="J7753" s="59">
        <f>Bühler!J7779</f>
        <v>1.8879773796829498</v>
      </c>
      <c r="K7753" s="59">
        <f>Bühler!K7779</f>
        <v>2.8319660695244244</v>
      </c>
      <c r="L7753" s="59">
        <f>Bühler!L7779</f>
        <v>13.593437133717238</v>
      </c>
      <c r="M7753" s="58">
        <f>Bühler!M7779</f>
        <v>0</v>
      </c>
      <c r="N7753" s="56">
        <f>IF(Input!$D$19=1,J7753*Input!$C$19,0)+IF(Input!$D$20=1,K7753*Input!$C$20,0)+IF(Input!$D$21=1,L7753*Input!$C$21,0)+IF(Input!$D$22=1,M7753*Input!$C$22,0)</f>
        <v>0.56639321390488495</v>
      </c>
      <c r="O7753" s="59">
        <f>IF(Input!$D$19=2,J7753*Input!$C$19,0)+IF(Input!$D$20=2,K7753*Input!$C$20,0)+IF(Input!$D$21=2,L7753*Input!$C$21,0)+IF(Input!$D$22=2,M7753*Input!$C$22,0)</f>
        <v>1.4159830347622122</v>
      </c>
      <c r="P7753" s="59">
        <f>IF(Input!$D$19=3,J7753*Input!$C$19,0)+IF(Input!$D$20=3,K7753*Input!$C$20,0)+IF(Input!$D$21=3,L7753*Input!$C$21,0)+IF(Input!$D$22=3,M7753*Input!$C$22,0)</f>
        <v>0</v>
      </c>
      <c r="Q7753" s="75">
        <f>IF(Input!$D$19=4,J7753*Input!$C$19,0)+IF(Input!$D$20=4,K7753*Input!$C$20,0)+IF(Input!$D$21=4,L7753*Input!$C$21,0)+IF(Input!$D$22=4,M7753*Input!$C$22,0)</f>
        <v>0</v>
      </c>
      <c r="R7753" s="58">
        <v>68.062784772037261</v>
      </c>
      <c r="S7753" s="124">
        <f t="shared" ref="S7753:S7816" si="121">I7753+J7753</f>
        <v>2.4543705935878348</v>
      </c>
    </row>
    <row r="7754" spans="8:19" x14ac:dyDescent="0.3">
      <c r="H7754" s="44">
        <v>7747</v>
      </c>
      <c r="I7754" s="56">
        <f>Bühler!I7780</f>
        <v>0.56639321390488484</v>
      </c>
      <c r="J7754" s="59">
        <f>Bühler!J7780</f>
        <v>1.8879773796829498</v>
      </c>
      <c r="K7754" s="59">
        <f>Bühler!K7780</f>
        <v>2.8319660695244244</v>
      </c>
      <c r="L7754" s="59">
        <f>Bühler!L7780</f>
        <v>13.593437133717238</v>
      </c>
      <c r="M7754" s="58">
        <f>Bühler!M7780</f>
        <v>0</v>
      </c>
      <c r="N7754" s="56">
        <f>IF(Input!$D$19=1,J7754*Input!$C$19,0)+IF(Input!$D$20=1,K7754*Input!$C$20,0)+IF(Input!$D$21=1,L7754*Input!$C$21,0)+IF(Input!$D$22=1,M7754*Input!$C$22,0)</f>
        <v>0.56639321390488495</v>
      </c>
      <c r="O7754" s="59">
        <f>IF(Input!$D$19=2,J7754*Input!$C$19,0)+IF(Input!$D$20=2,K7754*Input!$C$20,0)+IF(Input!$D$21=2,L7754*Input!$C$21,0)+IF(Input!$D$22=2,M7754*Input!$C$22,0)</f>
        <v>1.4159830347622122</v>
      </c>
      <c r="P7754" s="59">
        <f>IF(Input!$D$19=3,J7754*Input!$C$19,0)+IF(Input!$D$20=3,K7754*Input!$C$20,0)+IF(Input!$D$21=3,L7754*Input!$C$21,0)+IF(Input!$D$22=3,M7754*Input!$C$22,0)</f>
        <v>0</v>
      </c>
      <c r="Q7754" s="75">
        <f>IF(Input!$D$19=4,J7754*Input!$C$19,0)+IF(Input!$D$20=4,K7754*Input!$C$20,0)+IF(Input!$D$21=4,L7754*Input!$C$21,0)+IF(Input!$D$22=4,M7754*Input!$C$22,0)</f>
        <v>0</v>
      </c>
      <c r="R7754" s="58">
        <v>67.368090944041654</v>
      </c>
      <c r="S7754" s="124">
        <f t="shared" si="121"/>
        <v>2.4543705935878348</v>
      </c>
    </row>
    <row r="7755" spans="8:19" x14ac:dyDescent="0.3">
      <c r="H7755" s="44">
        <v>7748</v>
      </c>
      <c r="I7755" s="56">
        <f>Bühler!I7781</f>
        <v>0.474354316645341</v>
      </c>
      <c r="J7755" s="59">
        <f>Bühler!J7781</f>
        <v>1.5811810554844703</v>
      </c>
      <c r="K7755" s="59">
        <f>Bühler!K7781</f>
        <v>2.371771583226705</v>
      </c>
      <c r="L7755" s="59">
        <f>Bühler!L7781</f>
        <v>11.384503599488184</v>
      </c>
      <c r="M7755" s="58">
        <f>Bühler!M7781</f>
        <v>0</v>
      </c>
      <c r="N7755" s="56">
        <f>IF(Input!$D$19=1,J7755*Input!$C$19,0)+IF(Input!$D$20=1,K7755*Input!$C$20,0)+IF(Input!$D$21=1,L7755*Input!$C$21,0)+IF(Input!$D$22=1,M7755*Input!$C$22,0)</f>
        <v>0.47435431664534106</v>
      </c>
      <c r="O7755" s="59">
        <f>IF(Input!$D$19=2,J7755*Input!$C$19,0)+IF(Input!$D$20=2,K7755*Input!$C$20,0)+IF(Input!$D$21=2,L7755*Input!$C$21,0)+IF(Input!$D$22=2,M7755*Input!$C$22,0)</f>
        <v>1.1858857916133525</v>
      </c>
      <c r="P7755" s="59">
        <f>IF(Input!$D$19=3,J7755*Input!$C$19,0)+IF(Input!$D$20=3,K7755*Input!$C$20,0)+IF(Input!$D$21=3,L7755*Input!$C$21,0)+IF(Input!$D$22=3,M7755*Input!$C$22,0)</f>
        <v>0</v>
      </c>
      <c r="Q7755" s="75">
        <f>IF(Input!$D$19=4,J7755*Input!$C$19,0)+IF(Input!$D$20=4,K7755*Input!$C$20,0)+IF(Input!$D$21=4,L7755*Input!$C$21,0)+IF(Input!$D$22=4,M7755*Input!$C$22,0)</f>
        <v>0</v>
      </c>
      <c r="R7755" s="58">
        <v>66.179426570575288</v>
      </c>
      <c r="S7755" s="124">
        <f t="shared" si="121"/>
        <v>2.0555353721298113</v>
      </c>
    </row>
    <row r="7756" spans="8:19" x14ac:dyDescent="0.3">
      <c r="H7756" s="44">
        <v>7749</v>
      </c>
      <c r="I7756" s="56">
        <f>Bühler!I7782</f>
        <v>0.38939533455960829</v>
      </c>
      <c r="J7756" s="59">
        <f>Bühler!J7782</f>
        <v>1.2979844485320278</v>
      </c>
      <c r="K7756" s="59">
        <f>Bühler!K7782</f>
        <v>1.9469766727980413</v>
      </c>
      <c r="L7756" s="59">
        <f>Bühler!L7782</f>
        <v>9.345488029430598</v>
      </c>
      <c r="M7756" s="58">
        <f>Bühler!M7782</f>
        <v>0</v>
      </c>
      <c r="N7756" s="56">
        <f>IF(Input!$D$19=1,J7756*Input!$C$19,0)+IF(Input!$D$20=1,K7756*Input!$C$20,0)+IF(Input!$D$21=1,L7756*Input!$C$21,0)+IF(Input!$D$22=1,M7756*Input!$C$22,0)</f>
        <v>0.38939533455960834</v>
      </c>
      <c r="O7756" s="59">
        <f>IF(Input!$D$19=2,J7756*Input!$C$19,0)+IF(Input!$D$20=2,K7756*Input!$C$20,0)+IF(Input!$D$21=2,L7756*Input!$C$21,0)+IF(Input!$D$22=2,M7756*Input!$C$22,0)</f>
        <v>0.97348833639902066</v>
      </c>
      <c r="P7756" s="59">
        <f>IF(Input!$D$19=3,J7756*Input!$C$19,0)+IF(Input!$D$20=3,K7756*Input!$C$20,0)+IF(Input!$D$21=3,L7756*Input!$C$21,0)+IF(Input!$D$22=3,M7756*Input!$C$22,0)</f>
        <v>0</v>
      </c>
      <c r="Q7756" s="75">
        <f>IF(Input!$D$19=4,J7756*Input!$C$19,0)+IF(Input!$D$20=4,K7756*Input!$C$20,0)+IF(Input!$D$21=4,L7756*Input!$C$21,0)+IF(Input!$D$22=4,M7756*Input!$C$22,0)</f>
        <v>0</v>
      </c>
      <c r="R7756" s="58">
        <v>64.344911704206183</v>
      </c>
      <c r="S7756" s="124">
        <f t="shared" si="121"/>
        <v>1.6873797830916359</v>
      </c>
    </row>
    <row r="7757" spans="8:19" x14ac:dyDescent="0.3">
      <c r="H7757" s="44">
        <v>7750</v>
      </c>
      <c r="I7757" s="56">
        <f>Bühler!I7783</f>
        <v>0.28319660695244242</v>
      </c>
      <c r="J7757" s="59">
        <f>Bühler!J7783</f>
        <v>0.94398868984147488</v>
      </c>
      <c r="K7757" s="59">
        <f>Bühler!K7783</f>
        <v>1.4159830347622122</v>
      </c>
      <c r="L7757" s="59">
        <f>Bühler!L7783</f>
        <v>6.796718566858619</v>
      </c>
      <c r="M7757" s="58">
        <f>Bühler!M7783</f>
        <v>0</v>
      </c>
      <c r="N7757" s="56">
        <f>IF(Input!$D$19=1,J7757*Input!$C$19,0)+IF(Input!$D$20=1,K7757*Input!$C$20,0)+IF(Input!$D$21=1,L7757*Input!$C$21,0)+IF(Input!$D$22=1,M7757*Input!$C$22,0)</f>
        <v>0.28319660695244248</v>
      </c>
      <c r="O7757" s="59">
        <f>IF(Input!$D$19=2,J7757*Input!$C$19,0)+IF(Input!$D$20=2,K7757*Input!$C$20,0)+IF(Input!$D$21=2,L7757*Input!$C$21,0)+IF(Input!$D$22=2,M7757*Input!$C$22,0)</f>
        <v>0.70799151738110611</v>
      </c>
      <c r="P7757" s="59">
        <f>IF(Input!$D$19=3,J7757*Input!$C$19,0)+IF(Input!$D$20=3,K7757*Input!$C$20,0)+IF(Input!$D$21=3,L7757*Input!$C$21,0)+IF(Input!$D$22=3,M7757*Input!$C$22,0)</f>
        <v>0</v>
      </c>
      <c r="Q7757" s="75">
        <f>IF(Input!$D$19=4,J7757*Input!$C$19,0)+IF(Input!$D$20=4,K7757*Input!$C$20,0)+IF(Input!$D$21=4,L7757*Input!$C$21,0)+IF(Input!$D$22=4,M7757*Input!$C$22,0)</f>
        <v>0</v>
      </c>
      <c r="R7757" s="58">
        <v>62.107946402278664</v>
      </c>
      <c r="S7757" s="124">
        <f t="shared" si="121"/>
        <v>1.2271852967939174</v>
      </c>
    </row>
    <row r="7758" spans="8:19" x14ac:dyDescent="0.3">
      <c r="H7758" s="44">
        <v>7751</v>
      </c>
      <c r="I7758" s="56">
        <f>Bühler!I7784</f>
        <v>0.26903677660482028</v>
      </c>
      <c r="J7758" s="59">
        <f>Bühler!J7784</f>
        <v>0.8967892553494009</v>
      </c>
      <c r="K7758" s="59">
        <f>Bühler!K7784</f>
        <v>1.3451838830241012</v>
      </c>
      <c r="L7758" s="59">
        <f>Bühler!L7784</f>
        <v>6.4568826385156859</v>
      </c>
      <c r="M7758" s="58">
        <f>Bühler!M7784</f>
        <v>0</v>
      </c>
      <c r="N7758" s="56">
        <f>IF(Input!$D$19=1,J7758*Input!$C$19,0)+IF(Input!$D$20=1,K7758*Input!$C$20,0)+IF(Input!$D$21=1,L7758*Input!$C$21,0)+IF(Input!$D$22=1,M7758*Input!$C$22,0)</f>
        <v>0.26903677660482028</v>
      </c>
      <c r="O7758" s="59">
        <f>IF(Input!$D$19=2,J7758*Input!$C$19,0)+IF(Input!$D$20=2,K7758*Input!$C$20,0)+IF(Input!$D$21=2,L7758*Input!$C$21,0)+IF(Input!$D$22=2,M7758*Input!$C$22,0)</f>
        <v>0.6725919415120506</v>
      </c>
      <c r="P7758" s="59">
        <f>IF(Input!$D$19=3,J7758*Input!$C$19,0)+IF(Input!$D$20=3,K7758*Input!$C$20,0)+IF(Input!$D$21=3,L7758*Input!$C$21,0)+IF(Input!$D$22=3,M7758*Input!$C$22,0)</f>
        <v>0</v>
      </c>
      <c r="Q7758" s="75">
        <f>IF(Input!$D$19=4,J7758*Input!$C$19,0)+IF(Input!$D$20=4,K7758*Input!$C$20,0)+IF(Input!$D$21=4,L7758*Input!$C$21,0)+IF(Input!$D$22=4,M7758*Input!$C$22,0)</f>
        <v>0</v>
      </c>
      <c r="R7758" s="58">
        <v>62.067675939314057</v>
      </c>
      <c r="S7758" s="124">
        <f t="shared" si="121"/>
        <v>1.1658260319542211</v>
      </c>
    </row>
    <row r="7759" spans="8:19" x14ac:dyDescent="0.3">
      <c r="H7759" s="44">
        <v>7752</v>
      </c>
      <c r="I7759" s="56">
        <f>Bühler!I7785</f>
        <v>0.26903677660482028</v>
      </c>
      <c r="J7759" s="59">
        <f>Bühler!J7785</f>
        <v>0.8967892553494009</v>
      </c>
      <c r="K7759" s="59">
        <f>Bühler!K7785</f>
        <v>1.3451838830241012</v>
      </c>
      <c r="L7759" s="59">
        <f>Bühler!L7785</f>
        <v>6.4568826385156859</v>
      </c>
      <c r="M7759" s="58">
        <f>Bühler!M7785</f>
        <v>0</v>
      </c>
      <c r="N7759" s="56">
        <f>IF(Input!$D$19=1,J7759*Input!$C$19,0)+IF(Input!$D$20=1,K7759*Input!$C$20,0)+IF(Input!$D$21=1,L7759*Input!$C$21,0)+IF(Input!$D$22=1,M7759*Input!$C$22,0)</f>
        <v>0.26903677660482028</v>
      </c>
      <c r="O7759" s="59">
        <f>IF(Input!$D$19=2,J7759*Input!$C$19,0)+IF(Input!$D$20=2,K7759*Input!$C$20,0)+IF(Input!$D$21=2,L7759*Input!$C$21,0)+IF(Input!$D$22=2,M7759*Input!$C$22,0)</f>
        <v>0.6725919415120506</v>
      </c>
      <c r="P7759" s="59">
        <f>IF(Input!$D$19=3,J7759*Input!$C$19,0)+IF(Input!$D$20=3,K7759*Input!$C$20,0)+IF(Input!$D$21=3,L7759*Input!$C$21,0)+IF(Input!$D$22=3,M7759*Input!$C$22,0)</f>
        <v>0</v>
      </c>
      <c r="Q7759" s="75">
        <f>IF(Input!$D$19=4,J7759*Input!$C$19,0)+IF(Input!$D$20=4,K7759*Input!$C$20,0)+IF(Input!$D$21=4,L7759*Input!$C$21,0)+IF(Input!$D$22=4,M7759*Input!$C$22,0)</f>
        <v>0</v>
      </c>
      <c r="R7759" s="58">
        <v>61.492001686873238</v>
      </c>
      <c r="S7759" s="124">
        <f t="shared" si="121"/>
        <v>1.1658260319542211</v>
      </c>
    </row>
    <row r="7760" spans="8:19" x14ac:dyDescent="0.3">
      <c r="H7760" s="44">
        <v>7753</v>
      </c>
      <c r="I7760" s="56">
        <f>Bühler!I7786</f>
        <v>0.25551445843675563</v>
      </c>
      <c r="J7760" s="59">
        <f>Bühler!J7786</f>
        <v>0.85171486145585229</v>
      </c>
      <c r="K7760" s="59">
        <f>Bühler!K7786</f>
        <v>1.2775722921837782</v>
      </c>
      <c r="L7760" s="59">
        <f>Bühler!L7786</f>
        <v>6.1323470024821356</v>
      </c>
      <c r="M7760" s="58">
        <f>Bühler!M7786</f>
        <v>0</v>
      </c>
      <c r="N7760" s="56">
        <f>IF(Input!$D$19=1,J7760*Input!$C$19,0)+IF(Input!$D$20=1,K7760*Input!$C$20,0)+IF(Input!$D$21=1,L7760*Input!$C$21,0)+IF(Input!$D$22=1,M7760*Input!$C$22,0)</f>
        <v>0.25551445843675569</v>
      </c>
      <c r="O7760" s="59">
        <f>IF(Input!$D$19=2,J7760*Input!$C$19,0)+IF(Input!$D$20=2,K7760*Input!$C$20,0)+IF(Input!$D$21=2,L7760*Input!$C$21,0)+IF(Input!$D$22=2,M7760*Input!$C$22,0)</f>
        <v>0.63878614609188911</v>
      </c>
      <c r="P7760" s="59">
        <f>IF(Input!$D$19=3,J7760*Input!$C$19,0)+IF(Input!$D$20=3,K7760*Input!$C$20,0)+IF(Input!$D$21=3,L7760*Input!$C$21,0)+IF(Input!$D$22=3,M7760*Input!$C$22,0)</f>
        <v>0</v>
      </c>
      <c r="Q7760" s="75">
        <f>IF(Input!$D$19=4,J7760*Input!$C$19,0)+IF(Input!$D$20=4,K7760*Input!$C$20,0)+IF(Input!$D$21=4,L7760*Input!$C$21,0)+IF(Input!$D$22=4,M7760*Input!$C$22,0)</f>
        <v>0</v>
      </c>
      <c r="R7760" s="58">
        <v>61.116314691700232</v>
      </c>
      <c r="S7760" s="124">
        <f t="shared" si="121"/>
        <v>1.107229319892608</v>
      </c>
    </row>
    <row r="7761" spans="8:19" x14ac:dyDescent="0.3">
      <c r="H7761" s="44">
        <v>7754</v>
      </c>
      <c r="I7761" s="56">
        <f>Bühler!I7787</f>
        <v>0.25551445843675563</v>
      </c>
      <c r="J7761" s="59">
        <f>Bühler!J7787</f>
        <v>0.85171486145585229</v>
      </c>
      <c r="K7761" s="59">
        <f>Bühler!K7787</f>
        <v>1.2775722921837782</v>
      </c>
      <c r="L7761" s="59">
        <f>Bühler!L7787</f>
        <v>6.1323470024821356</v>
      </c>
      <c r="M7761" s="58">
        <f>Bühler!M7787</f>
        <v>0</v>
      </c>
      <c r="N7761" s="56">
        <f>IF(Input!$D$19=1,J7761*Input!$C$19,0)+IF(Input!$D$20=1,K7761*Input!$C$20,0)+IF(Input!$D$21=1,L7761*Input!$C$21,0)+IF(Input!$D$22=1,M7761*Input!$C$22,0)</f>
        <v>0.25551445843675569</v>
      </c>
      <c r="O7761" s="59">
        <f>IF(Input!$D$19=2,J7761*Input!$C$19,0)+IF(Input!$D$20=2,K7761*Input!$C$20,0)+IF(Input!$D$21=2,L7761*Input!$C$21,0)+IF(Input!$D$22=2,M7761*Input!$C$22,0)</f>
        <v>0.63878614609188911</v>
      </c>
      <c r="P7761" s="59">
        <f>IF(Input!$D$19=3,J7761*Input!$C$19,0)+IF(Input!$D$20=3,K7761*Input!$C$20,0)+IF(Input!$D$21=3,L7761*Input!$C$21,0)+IF(Input!$D$22=3,M7761*Input!$C$22,0)</f>
        <v>0</v>
      </c>
      <c r="Q7761" s="75">
        <f>IF(Input!$D$19=4,J7761*Input!$C$19,0)+IF(Input!$D$20=4,K7761*Input!$C$20,0)+IF(Input!$D$21=4,L7761*Input!$C$21,0)+IF(Input!$D$22=4,M7761*Input!$C$22,0)</f>
        <v>0</v>
      </c>
      <c r="R7761" s="58">
        <v>60.646693076216224</v>
      </c>
      <c r="S7761" s="124">
        <f t="shared" si="121"/>
        <v>1.107229319892608</v>
      </c>
    </row>
    <row r="7762" spans="8:19" x14ac:dyDescent="0.3">
      <c r="H7762" s="44">
        <v>7755</v>
      </c>
      <c r="I7762" s="56">
        <f>Bühler!I7788</f>
        <v>0.25551445843675563</v>
      </c>
      <c r="J7762" s="59">
        <f>Bühler!J7788</f>
        <v>0.85171486145585229</v>
      </c>
      <c r="K7762" s="59">
        <f>Bühler!K7788</f>
        <v>1.2775722921837782</v>
      </c>
      <c r="L7762" s="59">
        <f>Bühler!L7788</f>
        <v>6.1323470024821356</v>
      </c>
      <c r="M7762" s="58">
        <f>Bühler!M7788</f>
        <v>0</v>
      </c>
      <c r="N7762" s="56">
        <f>IF(Input!$D$19=1,J7762*Input!$C$19,0)+IF(Input!$D$20=1,K7762*Input!$C$20,0)+IF(Input!$D$21=1,L7762*Input!$C$21,0)+IF(Input!$D$22=1,M7762*Input!$C$22,0)</f>
        <v>0.25551445843675569</v>
      </c>
      <c r="O7762" s="59">
        <f>IF(Input!$D$19=2,J7762*Input!$C$19,0)+IF(Input!$D$20=2,K7762*Input!$C$20,0)+IF(Input!$D$21=2,L7762*Input!$C$21,0)+IF(Input!$D$22=2,M7762*Input!$C$22,0)</f>
        <v>0.63878614609188911</v>
      </c>
      <c r="P7762" s="59">
        <f>IF(Input!$D$19=3,J7762*Input!$C$19,0)+IF(Input!$D$20=3,K7762*Input!$C$20,0)+IF(Input!$D$21=3,L7762*Input!$C$21,0)+IF(Input!$D$22=3,M7762*Input!$C$22,0)</f>
        <v>0</v>
      </c>
      <c r="Q7762" s="75">
        <f>IF(Input!$D$19=4,J7762*Input!$C$19,0)+IF(Input!$D$20=4,K7762*Input!$C$20,0)+IF(Input!$D$21=4,L7762*Input!$C$21,0)+IF(Input!$D$22=4,M7762*Input!$C$22,0)</f>
        <v>0</v>
      </c>
      <c r="R7762" s="58">
        <v>61.157246922297233</v>
      </c>
      <c r="S7762" s="124">
        <f t="shared" si="121"/>
        <v>1.107229319892608</v>
      </c>
    </row>
    <row r="7763" spans="8:19" x14ac:dyDescent="0.3">
      <c r="H7763" s="44">
        <v>7756</v>
      </c>
      <c r="I7763" s="56">
        <f>Bühler!I7789</f>
        <v>0.25551445843675563</v>
      </c>
      <c r="J7763" s="59">
        <f>Bühler!J7789</f>
        <v>0.85171486145585229</v>
      </c>
      <c r="K7763" s="59">
        <f>Bühler!K7789</f>
        <v>1.2775722921837782</v>
      </c>
      <c r="L7763" s="59">
        <f>Bühler!L7789</f>
        <v>6.1323470024821356</v>
      </c>
      <c r="M7763" s="58">
        <f>Bühler!M7789</f>
        <v>0</v>
      </c>
      <c r="N7763" s="56">
        <f>IF(Input!$D$19=1,J7763*Input!$C$19,0)+IF(Input!$D$20=1,K7763*Input!$C$20,0)+IF(Input!$D$21=1,L7763*Input!$C$21,0)+IF(Input!$D$22=1,M7763*Input!$C$22,0)</f>
        <v>0.25551445843675569</v>
      </c>
      <c r="O7763" s="59">
        <f>IF(Input!$D$19=2,J7763*Input!$C$19,0)+IF(Input!$D$20=2,K7763*Input!$C$20,0)+IF(Input!$D$21=2,L7763*Input!$C$21,0)+IF(Input!$D$22=2,M7763*Input!$C$22,0)</f>
        <v>0.63878614609188911</v>
      </c>
      <c r="P7763" s="59">
        <f>IF(Input!$D$19=3,J7763*Input!$C$19,0)+IF(Input!$D$20=3,K7763*Input!$C$20,0)+IF(Input!$D$21=3,L7763*Input!$C$21,0)+IF(Input!$D$22=3,M7763*Input!$C$22,0)</f>
        <v>0</v>
      </c>
      <c r="Q7763" s="75">
        <f>IF(Input!$D$19=4,J7763*Input!$C$19,0)+IF(Input!$D$20=4,K7763*Input!$C$20,0)+IF(Input!$D$21=4,L7763*Input!$C$21,0)+IF(Input!$D$22=4,M7763*Input!$C$22,0)</f>
        <v>0</v>
      </c>
      <c r="R7763" s="58">
        <v>61.214328636773828</v>
      </c>
      <c r="S7763" s="124">
        <f t="shared" si="121"/>
        <v>1.107229319892608</v>
      </c>
    </row>
    <row r="7764" spans="8:19" x14ac:dyDescent="0.3">
      <c r="H7764" s="44">
        <v>7757</v>
      </c>
      <c r="I7764" s="56">
        <f>Bühler!I7790</f>
        <v>0.25551445843675563</v>
      </c>
      <c r="J7764" s="59">
        <f>Bühler!J7790</f>
        <v>0.85171486145585229</v>
      </c>
      <c r="K7764" s="59">
        <f>Bühler!K7790</f>
        <v>1.2775722921837782</v>
      </c>
      <c r="L7764" s="59">
        <f>Bühler!L7790</f>
        <v>6.1323470024821356</v>
      </c>
      <c r="M7764" s="58">
        <f>Bühler!M7790</f>
        <v>0</v>
      </c>
      <c r="N7764" s="56">
        <f>IF(Input!$D$19=1,J7764*Input!$C$19,0)+IF(Input!$D$20=1,K7764*Input!$C$20,0)+IF(Input!$D$21=1,L7764*Input!$C$21,0)+IF(Input!$D$22=1,M7764*Input!$C$22,0)</f>
        <v>0.25551445843675569</v>
      </c>
      <c r="O7764" s="59">
        <f>IF(Input!$D$19=2,J7764*Input!$C$19,0)+IF(Input!$D$20=2,K7764*Input!$C$20,0)+IF(Input!$D$21=2,L7764*Input!$C$21,0)+IF(Input!$D$22=2,M7764*Input!$C$22,0)</f>
        <v>0.63878614609188911</v>
      </c>
      <c r="P7764" s="59">
        <f>IF(Input!$D$19=3,J7764*Input!$C$19,0)+IF(Input!$D$20=3,K7764*Input!$C$20,0)+IF(Input!$D$21=3,L7764*Input!$C$21,0)+IF(Input!$D$22=3,M7764*Input!$C$22,0)</f>
        <v>0</v>
      </c>
      <c r="Q7764" s="75">
        <f>IF(Input!$D$19=4,J7764*Input!$C$19,0)+IF(Input!$D$20=4,K7764*Input!$C$20,0)+IF(Input!$D$21=4,L7764*Input!$C$21,0)+IF(Input!$D$22=4,M7764*Input!$C$22,0)</f>
        <v>0</v>
      </c>
      <c r="R7764" s="58">
        <v>62.963697231522438</v>
      </c>
      <c r="S7764" s="124">
        <f t="shared" si="121"/>
        <v>1.107229319892608</v>
      </c>
    </row>
    <row r="7765" spans="8:19" x14ac:dyDescent="0.3">
      <c r="H7765" s="44">
        <v>7758</v>
      </c>
      <c r="I7765" s="56">
        <f>Bühler!I7791</f>
        <v>0.33216879596778226</v>
      </c>
      <c r="J7765" s="59">
        <f>Bühler!J7791</f>
        <v>1.1072293198926075</v>
      </c>
      <c r="K7765" s="59">
        <f>Bühler!K7791</f>
        <v>1.6608439798389114</v>
      </c>
      <c r="L7765" s="59">
        <f>Bühler!L7791</f>
        <v>7.9720511032267742</v>
      </c>
      <c r="M7765" s="58">
        <f>Bühler!M7791</f>
        <v>0</v>
      </c>
      <c r="N7765" s="56">
        <f>IF(Input!$D$19=1,J7765*Input!$C$19,0)+IF(Input!$D$20=1,K7765*Input!$C$20,0)+IF(Input!$D$21=1,L7765*Input!$C$21,0)+IF(Input!$D$22=1,M7765*Input!$C$22,0)</f>
        <v>0.33216879596778226</v>
      </c>
      <c r="O7765" s="59">
        <f>IF(Input!$D$19=2,J7765*Input!$C$19,0)+IF(Input!$D$20=2,K7765*Input!$C$20,0)+IF(Input!$D$21=2,L7765*Input!$C$21,0)+IF(Input!$D$22=2,M7765*Input!$C$22,0)</f>
        <v>0.83042198991945571</v>
      </c>
      <c r="P7765" s="59">
        <f>IF(Input!$D$19=3,J7765*Input!$C$19,0)+IF(Input!$D$20=3,K7765*Input!$C$20,0)+IF(Input!$D$21=3,L7765*Input!$C$21,0)+IF(Input!$D$22=3,M7765*Input!$C$22,0)</f>
        <v>0</v>
      </c>
      <c r="Q7765" s="75">
        <f>IF(Input!$D$19=4,J7765*Input!$C$19,0)+IF(Input!$D$20=4,K7765*Input!$C$20,0)+IF(Input!$D$21=4,L7765*Input!$C$21,0)+IF(Input!$D$22=4,M7765*Input!$C$22,0)</f>
        <v>0</v>
      </c>
      <c r="R7765" s="58">
        <v>66.133272946285643</v>
      </c>
      <c r="S7765" s="124">
        <f t="shared" si="121"/>
        <v>1.4393981158603899</v>
      </c>
    </row>
    <row r="7766" spans="8:19" x14ac:dyDescent="0.3">
      <c r="H7766" s="44">
        <v>7759</v>
      </c>
      <c r="I7766" s="56">
        <f>Bühler!I7792</f>
        <v>0.3704959647332956</v>
      </c>
      <c r="J7766" s="59">
        <f>Bühler!J7792</f>
        <v>1.2349865491109855</v>
      </c>
      <c r="K7766" s="59">
        <f>Bühler!K7792</f>
        <v>1.8524798236664781</v>
      </c>
      <c r="L7766" s="59">
        <f>Bühler!L7792</f>
        <v>8.8919031535990953</v>
      </c>
      <c r="M7766" s="58">
        <f>Bühler!M7792</f>
        <v>0</v>
      </c>
      <c r="N7766" s="56">
        <f>IF(Input!$D$19=1,J7766*Input!$C$19,0)+IF(Input!$D$20=1,K7766*Input!$C$20,0)+IF(Input!$D$21=1,L7766*Input!$C$21,0)+IF(Input!$D$22=1,M7766*Input!$C$22,0)</f>
        <v>0.37049596473329566</v>
      </c>
      <c r="O7766" s="59">
        <f>IF(Input!$D$19=2,J7766*Input!$C$19,0)+IF(Input!$D$20=2,K7766*Input!$C$20,0)+IF(Input!$D$21=2,L7766*Input!$C$21,0)+IF(Input!$D$22=2,M7766*Input!$C$22,0)</f>
        <v>0.92623991183323906</v>
      </c>
      <c r="P7766" s="59">
        <f>IF(Input!$D$19=3,J7766*Input!$C$19,0)+IF(Input!$D$20=3,K7766*Input!$C$20,0)+IF(Input!$D$21=3,L7766*Input!$C$21,0)+IF(Input!$D$22=3,M7766*Input!$C$22,0)</f>
        <v>0</v>
      </c>
      <c r="Q7766" s="75">
        <f>IF(Input!$D$19=4,J7766*Input!$C$19,0)+IF(Input!$D$20=4,K7766*Input!$C$20,0)+IF(Input!$D$21=4,L7766*Input!$C$21,0)+IF(Input!$D$22=4,M7766*Input!$C$22,0)</f>
        <v>0</v>
      </c>
      <c r="R7766" s="58">
        <v>69.747261440898811</v>
      </c>
      <c r="S7766" s="124">
        <f t="shared" si="121"/>
        <v>1.6054825138442812</v>
      </c>
    </row>
    <row r="7767" spans="8:19" x14ac:dyDescent="0.3">
      <c r="H7767" s="44">
        <v>7760</v>
      </c>
      <c r="I7767" s="56">
        <f>Bühler!I7793</f>
        <v>0.38327168765513348</v>
      </c>
      <c r="J7767" s="59">
        <f>Bühler!J7793</f>
        <v>1.2775722921837784</v>
      </c>
      <c r="K7767" s="59">
        <f>Bühler!K7793</f>
        <v>1.9163584382756673</v>
      </c>
      <c r="L7767" s="59">
        <f>Bühler!L7793</f>
        <v>9.1985205037232038</v>
      </c>
      <c r="M7767" s="58">
        <f>Bühler!M7793</f>
        <v>0</v>
      </c>
      <c r="N7767" s="56">
        <f>IF(Input!$D$19=1,J7767*Input!$C$19,0)+IF(Input!$D$20=1,K7767*Input!$C$20,0)+IF(Input!$D$21=1,L7767*Input!$C$21,0)+IF(Input!$D$22=1,M7767*Input!$C$22,0)</f>
        <v>0.38327168765513353</v>
      </c>
      <c r="O7767" s="59">
        <f>IF(Input!$D$19=2,J7767*Input!$C$19,0)+IF(Input!$D$20=2,K7767*Input!$C$20,0)+IF(Input!$D$21=2,L7767*Input!$C$21,0)+IF(Input!$D$22=2,M7767*Input!$C$22,0)</f>
        <v>0.95817921913783366</v>
      </c>
      <c r="P7767" s="59">
        <f>IF(Input!$D$19=3,J7767*Input!$C$19,0)+IF(Input!$D$20=3,K7767*Input!$C$20,0)+IF(Input!$D$21=3,L7767*Input!$C$21,0)+IF(Input!$D$22=3,M7767*Input!$C$22,0)</f>
        <v>0</v>
      </c>
      <c r="Q7767" s="75">
        <f>IF(Input!$D$19=4,J7767*Input!$C$19,0)+IF(Input!$D$20=4,K7767*Input!$C$20,0)+IF(Input!$D$21=4,L7767*Input!$C$21,0)+IF(Input!$D$22=4,M7767*Input!$C$22,0)</f>
        <v>0</v>
      </c>
      <c r="R7767" s="58">
        <v>71.322553805566912</v>
      </c>
      <c r="S7767" s="124">
        <f t="shared" si="121"/>
        <v>1.6608439798389119</v>
      </c>
    </row>
    <row r="7768" spans="8:19" x14ac:dyDescent="0.3">
      <c r="H7768" s="44">
        <v>7761</v>
      </c>
      <c r="I7768" s="56">
        <f>Bühler!I7794</f>
        <v>0.38327168765513348</v>
      </c>
      <c r="J7768" s="59">
        <f>Bühler!J7794</f>
        <v>1.2775722921837784</v>
      </c>
      <c r="K7768" s="59">
        <f>Bühler!K7794</f>
        <v>1.9163584382756673</v>
      </c>
      <c r="L7768" s="59">
        <f>Bühler!L7794</f>
        <v>9.1985205037232038</v>
      </c>
      <c r="M7768" s="58">
        <f>Bühler!M7794</f>
        <v>0</v>
      </c>
      <c r="N7768" s="56">
        <f>IF(Input!$D$19=1,J7768*Input!$C$19,0)+IF(Input!$D$20=1,K7768*Input!$C$20,0)+IF(Input!$D$21=1,L7768*Input!$C$21,0)+IF(Input!$D$22=1,M7768*Input!$C$22,0)</f>
        <v>0.38327168765513353</v>
      </c>
      <c r="O7768" s="59">
        <f>IF(Input!$D$19=2,J7768*Input!$C$19,0)+IF(Input!$D$20=2,K7768*Input!$C$20,0)+IF(Input!$D$21=2,L7768*Input!$C$21,0)+IF(Input!$D$22=2,M7768*Input!$C$22,0)</f>
        <v>0.95817921913783366</v>
      </c>
      <c r="P7768" s="59">
        <f>IF(Input!$D$19=3,J7768*Input!$C$19,0)+IF(Input!$D$20=3,K7768*Input!$C$20,0)+IF(Input!$D$21=3,L7768*Input!$C$21,0)+IF(Input!$D$22=3,M7768*Input!$C$22,0)</f>
        <v>0</v>
      </c>
      <c r="Q7768" s="75">
        <f>IF(Input!$D$19=4,J7768*Input!$C$19,0)+IF(Input!$D$20=4,K7768*Input!$C$20,0)+IF(Input!$D$21=4,L7768*Input!$C$21,0)+IF(Input!$D$22=4,M7768*Input!$C$22,0)</f>
        <v>0</v>
      </c>
      <c r="R7768" s="58">
        <v>71.353178034409055</v>
      </c>
      <c r="S7768" s="124">
        <f t="shared" si="121"/>
        <v>1.6608439798389119</v>
      </c>
    </row>
    <row r="7769" spans="8:19" x14ac:dyDescent="0.3">
      <c r="H7769" s="44">
        <v>7762</v>
      </c>
      <c r="I7769" s="56">
        <f>Bühler!I7795</f>
        <v>0.41521099495972785</v>
      </c>
      <c r="J7769" s="59">
        <f>Bühler!J7795</f>
        <v>1.3840366498657597</v>
      </c>
      <c r="K7769" s="59">
        <f>Bühler!K7795</f>
        <v>2.0760549747986392</v>
      </c>
      <c r="L7769" s="59">
        <f>Bühler!L7795</f>
        <v>9.9650638790334689</v>
      </c>
      <c r="M7769" s="58">
        <f>Bühler!M7795</f>
        <v>0</v>
      </c>
      <c r="N7769" s="56">
        <f>IF(Input!$D$19=1,J7769*Input!$C$19,0)+IF(Input!$D$20=1,K7769*Input!$C$20,0)+IF(Input!$D$21=1,L7769*Input!$C$21,0)+IF(Input!$D$22=1,M7769*Input!$C$22,0)</f>
        <v>0.41521099495972791</v>
      </c>
      <c r="O7769" s="59">
        <f>IF(Input!$D$19=2,J7769*Input!$C$19,0)+IF(Input!$D$20=2,K7769*Input!$C$20,0)+IF(Input!$D$21=2,L7769*Input!$C$21,0)+IF(Input!$D$22=2,M7769*Input!$C$22,0)</f>
        <v>1.0380274873993196</v>
      </c>
      <c r="P7769" s="59">
        <f>IF(Input!$D$19=3,J7769*Input!$C$19,0)+IF(Input!$D$20=3,K7769*Input!$C$20,0)+IF(Input!$D$21=3,L7769*Input!$C$21,0)+IF(Input!$D$22=3,M7769*Input!$C$22,0)</f>
        <v>0</v>
      </c>
      <c r="Q7769" s="75">
        <f>IF(Input!$D$19=4,J7769*Input!$C$19,0)+IF(Input!$D$20=4,K7769*Input!$C$20,0)+IF(Input!$D$21=4,L7769*Input!$C$21,0)+IF(Input!$D$22=4,M7769*Input!$C$22,0)</f>
        <v>0</v>
      </c>
      <c r="R7769" s="58">
        <v>71.393781695611338</v>
      </c>
      <c r="S7769" s="124">
        <f t="shared" si="121"/>
        <v>1.7992476448254875</v>
      </c>
    </row>
    <row r="7770" spans="8:19" x14ac:dyDescent="0.3">
      <c r="H7770" s="44">
        <v>7763</v>
      </c>
      <c r="I7770" s="56">
        <f>Bühler!I7796</f>
        <v>0.43437457934248458</v>
      </c>
      <c r="J7770" s="59">
        <f>Bühler!J7796</f>
        <v>1.4479152644749487</v>
      </c>
      <c r="K7770" s="59">
        <f>Bühler!K7796</f>
        <v>2.171872896712423</v>
      </c>
      <c r="L7770" s="59">
        <f>Bühler!L7796</f>
        <v>10.424989904219631</v>
      </c>
      <c r="M7770" s="58">
        <f>Bühler!M7796</f>
        <v>0</v>
      </c>
      <c r="N7770" s="56">
        <f>IF(Input!$D$19=1,J7770*Input!$C$19,0)+IF(Input!$D$20=1,K7770*Input!$C$20,0)+IF(Input!$D$21=1,L7770*Input!$C$21,0)+IF(Input!$D$22=1,M7770*Input!$C$22,0)</f>
        <v>0.43437457934248458</v>
      </c>
      <c r="O7770" s="59">
        <f>IF(Input!$D$19=2,J7770*Input!$C$19,0)+IF(Input!$D$20=2,K7770*Input!$C$20,0)+IF(Input!$D$21=2,L7770*Input!$C$21,0)+IF(Input!$D$22=2,M7770*Input!$C$22,0)</f>
        <v>1.0859364483562115</v>
      </c>
      <c r="P7770" s="59">
        <f>IF(Input!$D$19=3,J7770*Input!$C$19,0)+IF(Input!$D$20=3,K7770*Input!$C$20,0)+IF(Input!$D$21=3,L7770*Input!$C$21,0)+IF(Input!$D$22=3,M7770*Input!$C$22,0)</f>
        <v>0</v>
      </c>
      <c r="Q7770" s="75">
        <f>IF(Input!$D$19=4,J7770*Input!$C$19,0)+IF(Input!$D$20=4,K7770*Input!$C$20,0)+IF(Input!$D$21=4,L7770*Input!$C$21,0)+IF(Input!$D$22=4,M7770*Input!$C$22,0)</f>
        <v>0</v>
      </c>
      <c r="R7770" s="58">
        <v>71.796081713387522</v>
      </c>
      <c r="S7770" s="124">
        <f t="shared" si="121"/>
        <v>1.8822898438174334</v>
      </c>
    </row>
    <row r="7771" spans="8:19" x14ac:dyDescent="0.3">
      <c r="H7771" s="44">
        <v>7764</v>
      </c>
      <c r="I7771" s="56">
        <f>Bühler!I7797</f>
        <v>0.51102891687351126</v>
      </c>
      <c r="J7771" s="59">
        <f>Bühler!J7797</f>
        <v>1.7034297229117046</v>
      </c>
      <c r="K7771" s="59">
        <f>Bühler!K7797</f>
        <v>2.5551445843675564</v>
      </c>
      <c r="L7771" s="59">
        <f>Bühler!L7797</f>
        <v>12.264694004964271</v>
      </c>
      <c r="M7771" s="58">
        <f>Bühler!M7797</f>
        <v>0</v>
      </c>
      <c r="N7771" s="56">
        <f>IF(Input!$D$19=1,J7771*Input!$C$19,0)+IF(Input!$D$20=1,K7771*Input!$C$20,0)+IF(Input!$D$21=1,L7771*Input!$C$21,0)+IF(Input!$D$22=1,M7771*Input!$C$22,0)</f>
        <v>0.51102891687351137</v>
      </c>
      <c r="O7771" s="59">
        <f>IF(Input!$D$19=2,J7771*Input!$C$19,0)+IF(Input!$D$20=2,K7771*Input!$C$20,0)+IF(Input!$D$21=2,L7771*Input!$C$21,0)+IF(Input!$D$22=2,M7771*Input!$C$22,0)</f>
        <v>1.2775722921837782</v>
      </c>
      <c r="P7771" s="59">
        <f>IF(Input!$D$19=3,J7771*Input!$C$19,0)+IF(Input!$D$20=3,K7771*Input!$C$20,0)+IF(Input!$D$21=3,L7771*Input!$C$21,0)+IF(Input!$D$22=3,M7771*Input!$C$22,0)</f>
        <v>0</v>
      </c>
      <c r="Q7771" s="75">
        <f>IF(Input!$D$19=4,J7771*Input!$C$19,0)+IF(Input!$D$20=4,K7771*Input!$C$20,0)+IF(Input!$D$21=4,L7771*Input!$C$21,0)+IF(Input!$D$22=4,M7771*Input!$C$22,0)</f>
        <v>0</v>
      </c>
      <c r="R7771" s="58">
        <v>72.259077042115052</v>
      </c>
      <c r="S7771" s="124">
        <f t="shared" si="121"/>
        <v>2.214458639785216</v>
      </c>
    </row>
    <row r="7772" spans="8:19" x14ac:dyDescent="0.3">
      <c r="H7772" s="44">
        <v>7765</v>
      </c>
      <c r="I7772" s="56">
        <f>Bühler!I7798</f>
        <v>0.51102891687351126</v>
      </c>
      <c r="J7772" s="59">
        <f>Bühler!J7798</f>
        <v>1.7034297229117046</v>
      </c>
      <c r="K7772" s="59">
        <f>Bühler!K7798</f>
        <v>2.5551445843675564</v>
      </c>
      <c r="L7772" s="59">
        <f>Bühler!L7798</f>
        <v>12.264694004964271</v>
      </c>
      <c r="M7772" s="58">
        <f>Bühler!M7798</f>
        <v>0</v>
      </c>
      <c r="N7772" s="56">
        <f>IF(Input!$D$19=1,J7772*Input!$C$19,0)+IF(Input!$D$20=1,K7772*Input!$C$20,0)+IF(Input!$D$21=1,L7772*Input!$C$21,0)+IF(Input!$D$22=1,M7772*Input!$C$22,0)</f>
        <v>0.51102891687351137</v>
      </c>
      <c r="O7772" s="59">
        <f>IF(Input!$D$19=2,J7772*Input!$C$19,0)+IF(Input!$D$20=2,K7772*Input!$C$20,0)+IF(Input!$D$21=2,L7772*Input!$C$21,0)+IF(Input!$D$22=2,M7772*Input!$C$22,0)</f>
        <v>1.2775722921837782</v>
      </c>
      <c r="P7772" s="59">
        <f>IF(Input!$D$19=3,J7772*Input!$C$19,0)+IF(Input!$D$20=3,K7772*Input!$C$20,0)+IF(Input!$D$21=3,L7772*Input!$C$21,0)+IF(Input!$D$22=3,M7772*Input!$C$22,0)</f>
        <v>0</v>
      </c>
      <c r="Q7772" s="75">
        <f>IF(Input!$D$19=4,J7772*Input!$C$19,0)+IF(Input!$D$20=4,K7772*Input!$C$20,0)+IF(Input!$D$21=4,L7772*Input!$C$21,0)+IF(Input!$D$22=4,M7772*Input!$C$22,0)</f>
        <v>0</v>
      </c>
      <c r="R7772" s="58">
        <v>71.486562969091025</v>
      </c>
      <c r="S7772" s="124">
        <f t="shared" si="121"/>
        <v>2.214458639785216</v>
      </c>
    </row>
    <row r="7773" spans="8:19" x14ac:dyDescent="0.3">
      <c r="H7773" s="44">
        <v>7766</v>
      </c>
      <c r="I7773" s="56">
        <f>Bühler!I7799</f>
        <v>0.51102891687351126</v>
      </c>
      <c r="J7773" s="59">
        <f>Bühler!J7799</f>
        <v>1.7034297229117046</v>
      </c>
      <c r="K7773" s="59">
        <f>Bühler!K7799</f>
        <v>2.5551445843675564</v>
      </c>
      <c r="L7773" s="59">
        <f>Bühler!L7799</f>
        <v>12.264694004964271</v>
      </c>
      <c r="M7773" s="58">
        <f>Bühler!M7799</f>
        <v>0</v>
      </c>
      <c r="N7773" s="56">
        <f>IF(Input!$D$19=1,J7773*Input!$C$19,0)+IF(Input!$D$20=1,K7773*Input!$C$20,0)+IF(Input!$D$21=1,L7773*Input!$C$21,0)+IF(Input!$D$22=1,M7773*Input!$C$22,0)</f>
        <v>0.51102891687351137</v>
      </c>
      <c r="O7773" s="59">
        <f>IF(Input!$D$19=2,J7773*Input!$C$19,0)+IF(Input!$D$20=2,K7773*Input!$C$20,0)+IF(Input!$D$21=2,L7773*Input!$C$21,0)+IF(Input!$D$22=2,M7773*Input!$C$22,0)</f>
        <v>1.2775722921837782</v>
      </c>
      <c r="P7773" s="59">
        <f>IF(Input!$D$19=3,J7773*Input!$C$19,0)+IF(Input!$D$20=3,K7773*Input!$C$20,0)+IF(Input!$D$21=3,L7773*Input!$C$21,0)+IF(Input!$D$22=3,M7773*Input!$C$22,0)</f>
        <v>0</v>
      </c>
      <c r="Q7773" s="75">
        <f>IF(Input!$D$19=4,J7773*Input!$C$19,0)+IF(Input!$D$20=4,K7773*Input!$C$20,0)+IF(Input!$D$21=4,L7773*Input!$C$21,0)+IF(Input!$D$22=4,M7773*Input!$C$22,0)</f>
        <v>0</v>
      </c>
      <c r="R7773" s="58">
        <v>71.455058848199187</v>
      </c>
      <c r="S7773" s="124">
        <f t="shared" si="121"/>
        <v>2.214458639785216</v>
      </c>
    </row>
    <row r="7774" spans="8:19" x14ac:dyDescent="0.3">
      <c r="H7774" s="44">
        <v>7767</v>
      </c>
      <c r="I7774" s="56">
        <f>Bühler!I7800</f>
        <v>0.51102891687351126</v>
      </c>
      <c r="J7774" s="59">
        <f>Bühler!J7800</f>
        <v>1.7034297229117046</v>
      </c>
      <c r="K7774" s="59">
        <f>Bühler!K7800</f>
        <v>2.5551445843675564</v>
      </c>
      <c r="L7774" s="59">
        <f>Bühler!L7800</f>
        <v>12.264694004964271</v>
      </c>
      <c r="M7774" s="58">
        <f>Bühler!M7800</f>
        <v>0</v>
      </c>
      <c r="N7774" s="56">
        <f>IF(Input!$D$19=1,J7774*Input!$C$19,0)+IF(Input!$D$20=1,K7774*Input!$C$20,0)+IF(Input!$D$21=1,L7774*Input!$C$21,0)+IF(Input!$D$22=1,M7774*Input!$C$22,0)</f>
        <v>0.51102891687351137</v>
      </c>
      <c r="O7774" s="59">
        <f>IF(Input!$D$19=2,J7774*Input!$C$19,0)+IF(Input!$D$20=2,K7774*Input!$C$20,0)+IF(Input!$D$21=2,L7774*Input!$C$21,0)+IF(Input!$D$22=2,M7774*Input!$C$22,0)</f>
        <v>1.2775722921837782</v>
      </c>
      <c r="P7774" s="59">
        <f>IF(Input!$D$19=3,J7774*Input!$C$19,0)+IF(Input!$D$20=3,K7774*Input!$C$20,0)+IF(Input!$D$21=3,L7774*Input!$C$21,0)+IF(Input!$D$22=3,M7774*Input!$C$22,0)</f>
        <v>0</v>
      </c>
      <c r="Q7774" s="75">
        <f>IF(Input!$D$19=4,J7774*Input!$C$19,0)+IF(Input!$D$20=4,K7774*Input!$C$20,0)+IF(Input!$D$21=4,L7774*Input!$C$21,0)+IF(Input!$D$22=4,M7774*Input!$C$22,0)</f>
        <v>0</v>
      </c>
      <c r="R7774" s="58">
        <v>71.204364460068788</v>
      </c>
      <c r="S7774" s="124">
        <f t="shared" si="121"/>
        <v>2.214458639785216</v>
      </c>
    </row>
    <row r="7775" spans="8:19" x14ac:dyDescent="0.3">
      <c r="H7775" s="44">
        <v>7768</v>
      </c>
      <c r="I7775" s="56">
        <f>Bühler!I7801</f>
        <v>0.51102891687351126</v>
      </c>
      <c r="J7775" s="59">
        <f>Bühler!J7801</f>
        <v>1.7034297229117046</v>
      </c>
      <c r="K7775" s="59">
        <f>Bühler!K7801</f>
        <v>2.5551445843675564</v>
      </c>
      <c r="L7775" s="59">
        <f>Bühler!L7801</f>
        <v>12.264694004964271</v>
      </c>
      <c r="M7775" s="58">
        <f>Bühler!M7801</f>
        <v>0</v>
      </c>
      <c r="N7775" s="56">
        <f>IF(Input!$D$19=1,J7775*Input!$C$19,0)+IF(Input!$D$20=1,K7775*Input!$C$20,0)+IF(Input!$D$21=1,L7775*Input!$C$21,0)+IF(Input!$D$22=1,M7775*Input!$C$22,0)</f>
        <v>0.51102891687351137</v>
      </c>
      <c r="O7775" s="59">
        <f>IF(Input!$D$19=2,J7775*Input!$C$19,0)+IF(Input!$D$20=2,K7775*Input!$C$20,0)+IF(Input!$D$21=2,L7775*Input!$C$21,0)+IF(Input!$D$22=2,M7775*Input!$C$22,0)</f>
        <v>1.2775722921837782</v>
      </c>
      <c r="P7775" s="59">
        <f>IF(Input!$D$19=3,J7775*Input!$C$19,0)+IF(Input!$D$20=3,K7775*Input!$C$20,0)+IF(Input!$D$21=3,L7775*Input!$C$21,0)+IF(Input!$D$22=3,M7775*Input!$C$22,0)</f>
        <v>0</v>
      </c>
      <c r="Q7775" s="75">
        <f>IF(Input!$D$19=4,J7775*Input!$C$19,0)+IF(Input!$D$20=4,K7775*Input!$C$20,0)+IF(Input!$D$21=4,L7775*Input!$C$21,0)+IF(Input!$D$22=4,M7775*Input!$C$22,0)</f>
        <v>0</v>
      </c>
      <c r="R7775" s="58">
        <v>70.279321538594687</v>
      </c>
      <c r="S7775" s="124">
        <f t="shared" si="121"/>
        <v>2.214458639785216</v>
      </c>
    </row>
    <row r="7776" spans="8:19" x14ac:dyDescent="0.3">
      <c r="H7776" s="44">
        <v>7769</v>
      </c>
      <c r="I7776" s="56">
        <f>Bühler!I7802</f>
        <v>0.51102891687351126</v>
      </c>
      <c r="J7776" s="59">
        <f>Bühler!J7802</f>
        <v>1.7034297229117046</v>
      </c>
      <c r="K7776" s="59">
        <f>Bühler!K7802</f>
        <v>2.5551445843675564</v>
      </c>
      <c r="L7776" s="59">
        <f>Bühler!L7802</f>
        <v>12.264694004964271</v>
      </c>
      <c r="M7776" s="58">
        <f>Bühler!M7802</f>
        <v>0</v>
      </c>
      <c r="N7776" s="56">
        <f>IF(Input!$D$19=1,J7776*Input!$C$19,0)+IF(Input!$D$20=1,K7776*Input!$C$20,0)+IF(Input!$D$21=1,L7776*Input!$C$21,0)+IF(Input!$D$22=1,M7776*Input!$C$22,0)</f>
        <v>0.51102891687351137</v>
      </c>
      <c r="O7776" s="59">
        <f>IF(Input!$D$19=2,J7776*Input!$C$19,0)+IF(Input!$D$20=2,K7776*Input!$C$20,0)+IF(Input!$D$21=2,L7776*Input!$C$21,0)+IF(Input!$D$22=2,M7776*Input!$C$22,0)</f>
        <v>1.2775722921837782</v>
      </c>
      <c r="P7776" s="59">
        <f>IF(Input!$D$19=3,J7776*Input!$C$19,0)+IF(Input!$D$20=3,K7776*Input!$C$20,0)+IF(Input!$D$21=3,L7776*Input!$C$21,0)+IF(Input!$D$22=3,M7776*Input!$C$22,0)</f>
        <v>0</v>
      </c>
      <c r="Q7776" s="75">
        <f>IF(Input!$D$19=4,J7776*Input!$C$19,0)+IF(Input!$D$20=4,K7776*Input!$C$20,0)+IF(Input!$D$21=4,L7776*Input!$C$21,0)+IF(Input!$D$22=4,M7776*Input!$C$22,0)</f>
        <v>0</v>
      </c>
      <c r="R7776" s="58">
        <v>69.155834529792926</v>
      </c>
      <c r="S7776" s="124">
        <f t="shared" si="121"/>
        <v>2.214458639785216</v>
      </c>
    </row>
    <row r="7777" spans="8:19" x14ac:dyDescent="0.3">
      <c r="H7777" s="44">
        <v>7770</v>
      </c>
      <c r="I7777" s="56">
        <f>Bühler!I7803</f>
        <v>0.51102891687351126</v>
      </c>
      <c r="J7777" s="59">
        <f>Bühler!J7803</f>
        <v>1.7034297229117046</v>
      </c>
      <c r="K7777" s="59">
        <f>Bühler!K7803</f>
        <v>2.5551445843675564</v>
      </c>
      <c r="L7777" s="59">
        <f>Bühler!L7803</f>
        <v>12.264694004964271</v>
      </c>
      <c r="M7777" s="58">
        <f>Bühler!M7803</f>
        <v>0</v>
      </c>
      <c r="N7777" s="56">
        <f>IF(Input!$D$19=1,J7777*Input!$C$19,0)+IF(Input!$D$20=1,K7777*Input!$C$20,0)+IF(Input!$D$21=1,L7777*Input!$C$21,0)+IF(Input!$D$22=1,M7777*Input!$C$22,0)</f>
        <v>0.51102891687351137</v>
      </c>
      <c r="O7777" s="59">
        <f>IF(Input!$D$19=2,J7777*Input!$C$19,0)+IF(Input!$D$20=2,K7777*Input!$C$20,0)+IF(Input!$D$21=2,L7777*Input!$C$21,0)+IF(Input!$D$22=2,M7777*Input!$C$22,0)</f>
        <v>1.2775722921837782</v>
      </c>
      <c r="P7777" s="59">
        <f>IF(Input!$D$19=3,J7777*Input!$C$19,0)+IF(Input!$D$20=3,K7777*Input!$C$20,0)+IF(Input!$D$21=3,L7777*Input!$C$21,0)+IF(Input!$D$22=3,M7777*Input!$C$22,0)</f>
        <v>0</v>
      </c>
      <c r="Q7777" s="75">
        <f>IF(Input!$D$19=4,J7777*Input!$C$19,0)+IF(Input!$D$20=4,K7777*Input!$C$20,0)+IF(Input!$D$21=4,L7777*Input!$C$21,0)+IF(Input!$D$22=4,M7777*Input!$C$22,0)</f>
        <v>0</v>
      </c>
      <c r="R7777" s="58">
        <v>68.498639645043582</v>
      </c>
      <c r="S7777" s="124">
        <f t="shared" si="121"/>
        <v>2.214458639785216</v>
      </c>
    </row>
    <row r="7778" spans="8:19" x14ac:dyDescent="0.3">
      <c r="H7778" s="44">
        <v>7771</v>
      </c>
      <c r="I7778" s="56">
        <f>Bühler!I7804</f>
        <v>0.51102891687351126</v>
      </c>
      <c r="J7778" s="59">
        <f>Bühler!J7804</f>
        <v>1.7034297229117046</v>
      </c>
      <c r="K7778" s="59">
        <f>Bühler!K7804</f>
        <v>2.5551445843675564</v>
      </c>
      <c r="L7778" s="59">
        <f>Bühler!L7804</f>
        <v>12.264694004964271</v>
      </c>
      <c r="M7778" s="58">
        <f>Bühler!M7804</f>
        <v>0</v>
      </c>
      <c r="N7778" s="56">
        <f>IF(Input!$D$19=1,J7778*Input!$C$19,0)+IF(Input!$D$20=1,K7778*Input!$C$20,0)+IF(Input!$D$21=1,L7778*Input!$C$21,0)+IF(Input!$D$22=1,M7778*Input!$C$22,0)</f>
        <v>0.51102891687351137</v>
      </c>
      <c r="O7778" s="59">
        <f>IF(Input!$D$19=2,J7778*Input!$C$19,0)+IF(Input!$D$20=2,K7778*Input!$C$20,0)+IF(Input!$D$21=2,L7778*Input!$C$21,0)+IF(Input!$D$22=2,M7778*Input!$C$22,0)</f>
        <v>1.2775722921837782</v>
      </c>
      <c r="P7778" s="59">
        <f>IF(Input!$D$19=3,J7778*Input!$C$19,0)+IF(Input!$D$20=3,K7778*Input!$C$20,0)+IF(Input!$D$21=3,L7778*Input!$C$21,0)+IF(Input!$D$22=3,M7778*Input!$C$22,0)</f>
        <v>0</v>
      </c>
      <c r="Q7778" s="75">
        <f>IF(Input!$D$19=4,J7778*Input!$C$19,0)+IF(Input!$D$20=4,K7778*Input!$C$20,0)+IF(Input!$D$21=4,L7778*Input!$C$21,0)+IF(Input!$D$22=4,M7778*Input!$C$22,0)</f>
        <v>0</v>
      </c>
      <c r="R7778" s="58">
        <v>68.190875369522615</v>
      </c>
      <c r="S7778" s="124">
        <f t="shared" si="121"/>
        <v>2.214458639785216</v>
      </c>
    </row>
    <row r="7779" spans="8:19" x14ac:dyDescent="0.3">
      <c r="H7779" s="44">
        <v>7772</v>
      </c>
      <c r="I7779" s="56">
        <f>Bühler!I7805</f>
        <v>0.42798671788156573</v>
      </c>
      <c r="J7779" s="59">
        <f>Bühler!J7805</f>
        <v>1.4266223929385526</v>
      </c>
      <c r="K7779" s="59">
        <f>Bühler!K7805</f>
        <v>2.1399335894078289</v>
      </c>
      <c r="L7779" s="59">
        <f>Bühler!L7805</f>
        <v>10.271681229157577</v>
      </c>
      <c r="M7779" s="58">
        <f>Bühler!M7805</f>
        <v>0</v>
      </c>
      <c r="N7779" s="56">
        <f>IF(Input!$D$19=1,J7779*Input!$C$19,0)+IF(Input!$D$20=1,K7779*Input!$C$20,0)+IF(Input!$D$21=1,L7779*Input!$C$21,0)+IF(Input!$D$22=1,M7779*Input!$C$22,0)</f>
        <v>0.42798671788156578</v>
      </c>
      <c r="O7779" s="59">
        <f>IF(Input!$D$19=2,J7779*Input!$C$19,0)+IF(Input!$D$20=2,K7779*Input!$C$20,0)+IF(Input!$D$21=2,L7779*Input!$C$21,0)+IF(Input!$D$22=2,M7779*Input!$C$22,0)</f>
        <v>1.0699667947039144</v>
      </c>
      <c r="P7779" s="59">
        <f>IF(Input!$D$19=3,J7779*Input!$C$19,0)+IF(Input!$D$20=3,K7779*Input!$C$20,0)+IF(Input!$D$21=3,L7779*Input!$C$21,0)+IF(Input!$D$22=3,M7779*Input!$C$22,0)</f>
        <v>0</v>
      </c>
      <c r="Q7779" s="75">
        <f>IF(Input!$D$19=4,J7779*Input!$C$19,0)+IF(Input!$D$20=4,K7779*Input!$C$20,0)+IF(Input!$D$21=4,L7779*Input!$C$21,0)+IF(Input!$D$22=4,M7779*Input!$C$22,0)</f>
        <v>0</v>
      </c>
      <c r="R7779" s="58">
        <v>66.838678956403683</v>
      </c>
      <c r="S7779" s="124">
        <f t="shared" si="121"/>
        <v>1.8546091108201184</v>
      </c>
    </row>
    <row r="7780" spans="8:19" x14ac:dyDescent="0.3">
      <c r="H7780" s="44">
        <v>7773</v>
      </c>
      <c r="I7780" s="56">
        <f>Bühler!I7806</f>
        <v>0.35133238035053899</v>
      </c>
      <c r="J7780" s="59">
        <f>Bühler!J7806</f>
        <v>1.1711079345017967</v>
      </c>
      <c r="K7780" s="59">
        <f>Bühler!K7806</f>
        <v>1.7566619017526948</v>
      </c>
      <c r="L7780" s="59">
        <f>Bühler!L7806</f>
        <v>8.4319771284129352</v>
      </c>
      <c r="M7780" s="58">
        <f>Bühler!M7806</f>
        <v>0</v>
      </c>
      <c r="N7780" s="56">
        <f>IF(Input!$D$19=1,J7780*Input!$C$19,0)+IF(Input!$D$20=1,K7780*Input!$C$20,0)+IF(Input!$D$21=1,L7780*Input!$C$21,0)+IF(Input!$D$22=1,M7780*Input!$C$22,0)</f>
        <v>0.35133238035053899</v>
      </c>
      <c r="O7780" s="59">
        <f>IF(Input!$D$19=2,J7780*Input!$C$19,0)+IF(Input!$D$20=2,K7780*Input!$C$20,0)+IF(Input!$D$21=2,L7780*Input!$C$21,0)+IF(Input!$D$22=2,M7780*Input!$C$22,0)</f>
        <v>0.87833095087634738</v>
      </c>
      <c r="P7780" s="59">
        <f>IF(Input!$D$19=3,J7780*Input!$C$19,0)+IF(Input!$D$20=3,K7780*Input!$C$20,0)+IF(Input!$D$21=3,L7780*Input!$C$21,0)+IF(Input!$D$22=3,M7780*Input!$C$22,0)</f>
        <v>0</v>
      </c>
      <c r="Q7780" s="75">
        <f>IF(Input!$D$19=4,J7780*Input!$C$19,0)+IF(Input!$D$20=4,K7780*Input!$C$20,0)+IF(Input!$D$21=4,L7780*Input!$C$21,0)+IF(Input!$D$22=4,M7780*Input!$C$22,0)</f>
        <v>0</v>
      </c>
      <c r="R7780" s="58">
        <v>64.865344207244391</v>
      </c>
      <c r="S7780" s="124">
        <f t="shared" si="121"/>
        <v>1.5224403148523358</v>
      </c>
    </row>
    <row r="7781" spans="8:19" x14ac:dyDescent="0.3">
      <c r="H7781" s="44">
        <v>7774</v>
      </c>
      <c r="I7781" s="56">
        <f>Bühler!I7807</f>
        <v>0.25551445843675563</v>
      </c>
      <c r="J7781" s="59">
        <f>Bühler!J7807</f>
        <v>0.85171486145585229</v>
      </c>
      <c r="K7781" s="59">
        <f>Bühler!K7807</f>
        <v>1.2775722921837782</v>
      </c>
      <c r="L7781" s="59">
        <f>Bühler!L7807</f>
        <v>6.1323470024821356</v>
      </c>
      <c r="M7781" s="58">
        <f>Bühler!M7807</f>
        <v>0</v>
      </c>
      <c r="N7781" s="56">
        <f>IF(Input!$D$19=1,J7781*Input!$C$19,0)+IF(Input!$D$20=1,K7781*Input!$C$20,0)+IF(Input!$D$21=1,L7781*Input!$C$21,0)+IF(Input!$D$22=1,M7781*Input!$C$22,0)</f>
        <v>0.25551445843675569</v>
      </c>
      <c r="O7781" s="59">
        <f>IF(Input!$D$19=2,J7781*Input!$C$19,0)+IF(Input!$D$20=2,K7781*Input!$C$20,0)+IF(Input!$D$21=2,L7781*Input!$C$21,0)+IF(Input!$D$22=2,M7781*Input!$C$22,0)</f>
        <v>0.63878614609188911</v>
      </c>
      <c r="P7781" s="59">
        <f>IF(Input!$D$19=3,J7781*Input!$C$19,0)+IF(Input!$D$20=3,K7781*Input!$C$20,0)+IF(Input!$D$21=3,L7781*Input!$C$21,0)+IF(Input!$D$22=3,M7781*Input!$C$22,0)</f>
        <v>0</v>
      </c>
      <c r="Q7781" s="75">
        <f>IF(Input!$D$19=4,J7781*Input!$C$19,0)+IF(Input!$D$20=4,K7781*Input!$C$20,0)+IF(Input!$D$21=4,L7781*Input!$C$21,0)+IF(Input!$D$22=4,M7781*Input!$C$22,0)</f>
        <v>0</v>
      </c>
      <c r="R7781" s="58">
        <v>62.78008819358557</v>
      </c>
      <c r="S7781" s="124">
        <f t="shared" si="121"/>
        <v>1.107229319892608</v>
      </c>
    </row>
    <row r="7782" spans="8:19" x14ac:dyDescent="0.3">
      <c r="H7782" s="44">
        <v>7775</v>
      </c>
      <c r="I7782" s="56">
        <f>Bühler!I7808</f>
        <v>0.25551445843675563</v>
      </c>
      <c r="J7782" s="59">
        <f>Bühler!J7808</f>
        <v>0.85171486145585229</v>
      </c>
      <c r="K7782" s="59">
        <f>Bühler!K7808</f>
        <v>1.2775722921837782</v>
      </c>
      <c r="L7782" s="59">
        <f>Bühler!L7808</f>
        <v>6.1323470024821356</v>
      </c>
      <c r="M7782" s="58">
        <f>Bühler!M7808</f>
        <v>0</v>
      </c>
      <c r="N7782" s="56">
        <f>IF(Input!$D$19=1,J7782*Input!$C$19,0)+IF(Input!$D$20=1,K7782*Input!$C$20,0)+IF(Input!$D$21=1,L7782*Input!$C$21,0)+IF(Input!$D$22=1,M7782*Input!$C$22,0)</f>
        <v>0.25551445843675569</v>
      </c>
      <c r="O7782" s="59">
        <f>IF(Input!$D$19=2,J7782*Input!$C$19,0)+IF(Input!$D$20=2,K7782*Input!$C$20,0)+IF(Input!$D$21=2,L7782*Input!$C$21,0)+IF(Input!$D$22=2,M7782*Input!$C$22,0)</f>
        <v>0.63878614609188911</v>
      </c>
      <c r="P7782" s="59">
        <f>IF(Input!$D$19=3,J7782*Input!$C$19,0)+IF(Input!$D$20=3,K7782*Input!$C$20,0)+IF(Input!$D$21=3,L7782*Input!$C$21,0)+IF(Input!$D$22=3,M7782*Input!$C$22,0)</f>
        <v>0</v>
      </c>
      <c r="Q7782" s="75">
        <f>IF(Input!$D$19=4,J7782*Input!$C$19,0)+IF(Input!$D$20=4,K7782*Input!$C$20,0)+IF(Input!$D$21=4,L7782*Input!$C$21,0)+IF(Input!$D$22=4,M7782*Input!$C$22,0)</f>
        <v>0</v>
      </c>
      <c r="R7782" s="58">
        <v>62.502832465060401</v>
      </c>
      <c r="S7782" s="124">
        <f t="shared" si="121"/>
        <v>1.107229319892608</v>
      </c>
    </row>
    <row r="7783" spans="8:19" x14ac:dyDescent="0.3">
      <c r="H7783" s="44">
        <v>7776</v>
      </c>
      <c r="I7783" s="56">
        <f>Bühler!I7809</f>
        <v>0.25551445843675563</v>
      </c>
      <c r="J7783" s="59">
        <f>Bühler!J7809</f>
        <v>0.85171486145585229</v>
      </c>
      <c r="K7783" s="59">
        <f>Bühler!K7809</f>
        <v>1.2775722921837782</v>
      </c>
      <c r="L7783" s="59">
        <f>Bühler!L7809</f>
        <v>6.1323470024821356</v>
      </c>
      <c r="M7783" s="58">
        <f>Bühler!M7809</f>
        <v>0</v>
      </c>
      <c r="N7783" s="56">
        <f>IF(Input!$D$19=1,J7783*Input!$C$19,0)+IF(Input!$D$20=1,K7783*Input!$C$20,0)+IF(Input!$D$21=1,L7783*Input!$C$21,0)+IF(Input!$D$22=1,M7783*Input!$C$22,0)</f>
        <v>0.25551445843675569</v>
      </c>
      <c r="O7783" s="59">
        <f>IF(Input!$D$19=2,J7783*Input!$C$19,0)+IF(Input!$D$20=2,K7783*Input!$C$20,0)+IF(Input!$D$21=2,L7783*Input!$C$21,0)+IF(Input!$D$22=2,M7783*Input!$C$22,0)</f>
        <v>0.63878614609188911</v>
      </c>
      <c r="P7783" s="59">
        <f>IF(Input!$D$19=3,J7783*Input!$C$19,0)+IF(Input!$D$20=3,K7783*Input!$C$20,0)+IF(Input!$D$21=3,L7783*Input!$C$21,0)+IF(Input!$D$22=3,M7783*Input!$C$22,0)</f>
        <v>0</v>
      </c>
      <c r="Q7783" s="75">
        <f>IF(Input!$D$19=4,J7783*Input!$C$19,0)+IF(Input!$D$20=4,K7783*Input!$C$20,0)+IF(Input!$D$21=4,L7783*Input!$C$21,0)+IF(Input!$D$22=4,M7783*Input!$C$22,0)</f>
        <v>0</v>
      </c>
      <c r="R7783" s="58">
        <v>61.460309234837162</v>
      </c>
      <c r="S7783" s="124">
        <f t="shared" si="121"/>
        <v>1.107229319892608</v>
      </c>
    </row>
    <row r="7784" spans="8:19" x14ac:dyDescent="0.3">
      <c r="H7784" s="44">
        <v>7777</v>
      </c>
      <c r="I7784" s="56">
        <f>Bühler!I7810</f>
        <v>0.23015455808803706</v>
      </c>
      <c r="J7784" s="59">
        <f>Bühler!J7810</f>
        <v>0.76718186029345692</v>
      </c>
      <c r="K7784" s="59">
        <f>Bühler!K7810</f>
        <v>1.1507727904401852</v>
      </c>
      <c r="L7784" s="59">
        <f>Bühler!L7810</f>
        <v>5.5237093941128892</v>
      </c>
      <c r="M7784" s="58">
        <f>Bühler!M7810</f>
        <v>0</v>
      </c>
      <c r="N7784" s="56">
        <f>IF(Input!$D$19=1,J7784*Input!$C$19,0)+IF(Input!$D$20=1,K7784*Input!$C$20,0)+IF(Input!$D$21=1,L7784*Input!$C$21,0)+IF(Input!$D$22=1,M7784*Input!$C$22,0)</f>
        <v>0.23015455808803706</v>
      </c>
      <c r="O7784" s="59">
        <f>IF(Input!$D$19=2,J7784*Input!$C$19,0)+IF(Input!$D$20=2,K7784*Input!$C$20,0)+IF(Input!$D$21=2,L7784*Input!$C$21,0)+IF(Input!$D$22=2,M7784*Input!$C$22,0)</f>
        <v>0.57538639522009261</v>
      </c>
      <c r="P7784" s="59">
        <f>IF(Input!$D$19=3,J7784*Input!$C$19,0)+IF(Input!$D$20=3,K7784*Input!$C$20,0)+IF(Input!$D$21=3,L7784*Input!$C$21,0)+IF(Input!$D$22=3,M7784*Input!$C$22,0)</f>
        <v>0</v>
      </c>
      <c r="Q7784" s="75">
        <f>IF(Input!$D$19=4,J7784*Input!$C$19,0)+IF(Input!$D$20=4,K7784*Input!$C$20,0)+IF(Input!$D$21=4,L7784*Input!$C$21,0)+IF(Input!$D$22=4,M7784*Input!$C$22,0)</f>
        <v>0</v>
      </c>
      <c r="R7784" s="58">
        <v>60.284136029445378</v>
      </c>
      <c r="S7784" s="124">
        <f t="shared" si="121"/>
        <v>0.99733641838149401</v>
      </c>
    </row>
    <row r="7785" spans="8:19" x14ac:dyDescent="0.3">
      <c r="H7785" s="44">
        <v>7778</v>
      </c>
      <c r="I7785" s="56">
        <f>Bühler!I7811</f>
        <v>0.25892387784904164</v>
      </c>
      <c r="J7785" s="59">
        <f>Bühler!J7811</f>
        <v>0.86307959283013891</v>
      </c>
      <c r="K7785" s="59">
        <f>Bühler!K7811</f>
        <v>1.2946193892452083</v>
      </c>
      <c r="L7785" s="59">
        <f>Bühler!L7811</f>
        <v>6.2141730683769998</v>
      </c>
      <c r="M7785" s="58">
        <f>Bühler!M7811</f>
        <v>0</v>
      </c>
      <c r="N7785" s="56">
        <f>IF(Input!$D$19=1,J7785*Input!$C$19,0)+IF(Input!$D$20=1,K7785*Input!$C$20,0)+IF(Input!$D$21=1,L7785*Input!$C$21,0)+IF(Input!$D$22=1,M7785*Input!$C$22,0)</f>
        <v>0.25892387784904164</v>
      </c>
      <c r="O7785" s="59">
        <f>IF(Input!$D$19=2,J7785*Input!$C$19,0)+IF(Input!$D$20=2,K7785*Input!$C$20,0)+IF(Input!$D$21=2,L7785*Input!$C$21,0)+IF(Input!$D$22=2,M7785*Input!$C$22,0)</f>
        <v>0.64730969462260413</v>
      </c>
      <c r="P7785" s="59">
        <f>IF(Input!$D$19=3,J7785*Input!$C$19,0)+IF(Input!$D$20=3,K7785*Input!$C$20,0)+IF(Input!$D$21=3,L7785*Input!$C$21,0)+IF(Input!$D$22=3,M7785*Input!$C$22,0)</f>
        <v>0</v>
      </c>
      <c r="Q7785" s="75">
        <f>IF(Input!$D$19=4,J7785*Input!$C$19,0)+IF(Input!$D$20=4,K7785*Input!$C$20,0)+IF(Input!$D$21=4,L7785*Input!$C$21,0)+IF(Input!$D$22=4,M7785*Input!$C$22,0)</f>
        <v>0</v>
      </c>
      <c r="R7785" s="58">
        <v>59.994369421035579</v>
      </c>
      <c r="S7785" s="124">
        <f t="shared" si="121"/>
        <v>1.1220034706791806</v>
      </c>
    </row>
    <row r="7786" spans="8:19" x14ac:dyDescent="0.3">
      <c r="H7786" s="44">
        <v>7779</v>
      </c>
      <c r="I7786" s="56">
        <f>Bühler!I7812</f>
        <v>0.25892387784904164</v>
      </c>
      <c r="J7786" s="59">
        <f>Bühler!J7812</f>
        <v>0.86307959283013891</v>
      </c>
      <c r="K7786" s="59">
        <f>Bühler!K7812</f>
        <v>1.2946193892452083</v>
      </c>
      <c r="L7786" s="59">
        <f>Bühler!L7812</f>
        <v>6.2141730683769998</v>
      </c>
      <c r="M7786" s="58">
        <f>Bühler!M7812</f>
        <v>0</v>
      </c>
      <c r="N7786" s="56">
        <f>IF(Input!$D$19=1,J7786*Input!$C$19,0)+IF(Input!$D$20=1,K7786*Input!$C$20,0)+IF(Input!$D$21=1,L7786*Input!$C$21,0)+IF(Input!$D$22=1,M7786*Input!$C$22,0)</f>
        <v>0.25892387784904164</v>
      </c>
      <c r="O7786" s="59">
        <f>IF(Input!$D$19=2,J7786*Input!$C$19,0)+IF(Input!$D$20=2,K7786*Input!$C$20,0)+IF(Input!$D$21=2,L7786*Input!$C$21,0)+IF(Input!$D$22=2,M7786*Input!$C$22,0)</f>
        <v>0.64730969462260413</v>
      </c>
      <c r="P7786" s="59">
        <f>IF(Input!$D$19=3,J7786*Input!$C$19,0)+IF(Input!$D$20=3,K7786*Input!$C$20,0)+IF(Input!$D$21=3,L7786*Input!$C$21,0)+IF(Input!$D$22=3,M7786*Input!$C$22,0)</f>
        <v>0</v>
      </c>
      <c r="Q7786" s="75">
        <f>IF(Input!$D$19=4,J7786*Input!$C$19,0)+IF(Input!$D$20=4,K7786*Input!$C$20,0)+IF(Input!$D$21=4,L7786*Input!$C$21,0)+IF(Input!$D$22=4,M7786*Input!$C$22,0)</f>
        <v>0</v>
      </c>
      <c r="R7786" s="58">
        <v>60.144027347326279</v>
      </c>
      <c r="S7786" s="124">
        <f t="shared" si="121"/>
        <v>1.1220034706791806</v>
      </c>
    </row>
    <row r="7787" spans="8:19" x14ac:dyDescent="0.3">
      <c r="H7787" s="44">
        <v>7780</v>
      </c>
      <c r="I7787" s="56">
        <f>Bühler!I7813</f>
        <v>0.25892387784904164</v>
      </c>
      <c r="J7787" s="59">
        <f>Bühler!J7813</f>
        <v>0.86307959283013891</v>
      </c>
      <c r="K7787" s="59">
        <f>Bühler!K7813</f>
        <v>1.2946193892452083</v>
      </c>
      <c r="L7787" s="59">
        <f>Bühler!L7813</f>
        <v>6.2141730683769998</v>
      </c>
      <c r="M7787" s="58">
        <f>Bühler!M7813</f>
        <v>0</v>
      </c>
      <c r="N7787" s="56">
        <f>IF(Input!$D$19=1,J7787*Input!$C$19,0)+IF(Input!$D$20=1,K7787*Input!$C$20,0)+IF(Input!$D$21=1,L7787*Input!$C$21,0)+IF(Input!$D$22=1,M7787*Input!$C$22,0)</f>
        <v>0.25892387784904164</v>
      </c>
      <c r="O7787" s="59">
        <f>IF(Input!$D$19=2,J7787*Input!$C$19,0)+IF(Input!$D$20=2,K7787*Input!$C$20,0)+IF(Input!$D$21=2,L7787*Input!$C$21,0)+IF(Input!$D$22=2,M7787*Input!$C$22,0)</f>
        <v>0.64730969462260413</v>
      </c>
      <c r="P7787" s="59">
        <f>IF(Input!$D$19=3,J7787*Input!$C$19,0)+IF(Input!$D$20=3,K7787*Input!$C$20,0)+IF(Input!$D$21=3,L7787*Input!$C$21,0)+IF(Input!$D$22=3,M7787*Input!$C$22,0)</f>
        <v>0</v>
      </c>
      <c r="Q7787" s="75">
        <f>IF(Input!$D$19=4,J7787*Input!$C$19,0)+IF(Input!$D$20=4,K7787*Input!$C$20,0)+IF(Input!$D$21=4,L7787*Input!$C$21,0)+IF(Input!$D$22=4,M7787*Input!$C$22,0)</f>
        <v>0</v>
      </c>
      <c r="R7787" s="58">
        <v>59.766760563358012</v>
      </c>
      <c r="S7787" s="124">
        <f t="shared" si="121"/>
        <v>1.1220034706791806</v>
      </c>
    </row>
    <row r="7788" spans="8:19" x14ac:dyDescent="0.3">
      <c r="H7788" s="44">
        <v>7781</v>
      </c>
      <c r="I7788" s="56">
        <f>Bühler!I7814</f>
        <v>0.25892387784904164</v>
      </c>
      <c r="J7788" s="59">
        <f>Bühler!J7814</f>
        <v>0.86307959283013891</v>
      </c>
      <c r="K7788" s="59">
        <f>Bühler!K7814</f>
        <v>1.2946193892452083</v>
      </c>
      <c r="L7788" s="59">
        <f>Bühler!L7814</f>
        <v>6.2141730683769998</v>
      </c>
      <c r="M7788" s="58">
        <f>Bühler!M7814</f>
        <v>0</v>
      </c>
      <c r="N7788" s="56">
        <f>IF(Input!$D$19=1,J7788*Input!$C$19,0)+IF(Input!$D$20=1,K7788*Input!$C$20,0)+IF(Input!$D$21=1,L7788*Input!$C$21,0)+IF(Input!$D$22=1,M7788*Input!$C$22,0)</f>
        <v>0.25892387784904164</v>
      </c>
      <c r="O7788" s="59">
        <f>IF(Input!$D$19=2,J7788*Input!$C$19,0)+IF(Input!$D$20=2,K7788*Input!$C$20,0)+IF(Input!$D$21=2,L7788*Input!$C$21,0)+IF(Input!$D$22=2,M7788*Input!$C$22,0)</f>
        <v>0.64730969462260413</v>
      </c>
      <c r="P7788" s="59">
        <f>IF(Input!$D$19=3,J7788*Input!$C$19,0)+IF(Input!$D$20=3,K7788*Input!$C$20,0)+IF(Input!$D$21=3,L7788*Input!$C$21,0)+IF(Input!$D$22=3,M7788*Input!$C$22,0)</f>
        <v>0</v>
      </c>
      <c r="Q7788" s="75">
        <f>IF(Input!$D$19=4,J7788*Input!$C$19,0)+IF(Input!$D$20=4,K7788*Input!$C$20,0)+IF(Input!$D$21=4,L7788*Input!$C$21,0)+IF(Input!$D$22=4,M7788*Input!$C$22,0)</f>
        <v>0</v>
      </c>
      <c r="R7788" s="58">
        <v>61.386942564369633</v>
      </c>
      <c r="S7788" s="124">
        <f t="shared" si="121"/>
        <v>1.1220034706791806</v>
      </c>
    </row>
    <row r="7789" spans="8:19" x14ac:dyDescent="0.3">
      <c r="H7789" s="44">
        <v>7782</v>
      </c>
      <c r="I7789" s="56">
        <f>Bühler!I7815</f>
        <v>0.33372410922765372</v>
      </c>
      <c r="J7789" s="59">
        <f>Bühler!J7815</f>
        <v>1.1124136974255125</v>
      </c>
      <c r="K7789" s="59">
        <f>Bühler!K7815</f>
        <v>1.6686205461382686</v>
      </c>
      <c r="L7789" s="59">
        <f>Bühler!L7815</f>
        <v>8.0093786214636893</v>
      </c>
      <c r="M7789" s="58">
        <f>Bühler!M7815</f>
        <v>0</v>
      </c>
      <c r="N7789" s="56">
        <f>IF(Input!$D$19=1,J7789*Input!$C$19,0)+IF(Input!$D$20=1,K7789*Input!$C$20,0)+IF(Input!$D$21=1,L7789*Input!$C$21,0)+IF(Input!$D$22=1,M7789*Input!$C$22,0)</f>
        <v>0.33372410922765378</v>
      </c>
      <c r="O7789" s="59">
        <f>IF(Input!$D$19=2,J7789*Input!$C$19,0)+IF(Input!$D$20=2,K7789*Input!$C$20,0)+IF(Input!$D$21=2,L7789*Input!$C$21,0)+IF(Input!$D$22=2,M7789*Input!$C$22,0)</f>
        <v>0.8343102730691343</v>
      </c>
      <c r="P7789" s="59">
        <f>IF(Input!$D$19=3,J7789*Input!$C$19,0)+IF(Input!$D$20=3,K7789*Input!$C$20,0)+IF(Input!$D$21=3,L7789*Input!$C$21,0)+IF(Input!$D$22=3,M7789*Input!$C$22,0)</f>
        <v>0</v>
      </c>
      <c r="Q7789" s="75">
        <f>IF(Input!$D$19=4,J7789*Input!$C$19,0)+IF(Input!$D$20=4,K7789*Input!$C$20,0)+IF(Input!$D$21=4,L7789*Input!$C$21,0)+IF(Input!$D$22=4,M7789*Input!$C$22,0)</f>
        <v>0</v>
      </c>
      <c r="R7789" s="58">
        <v>64.600402711233286</v>
      </c>
      <c r="S7789" s="124">
        <f t="shared" si="121"/>
        <v>1.4461378066531663</v>
      </c>
    </row>
    <row r="7790" spans="8:19" x14ac:dyDescent="0.3">
      <c r="H7790" s="44">
        <v>7783</v>
      </c>
      <c r="I7790" s="56">
        <f>Bühler!I7816</f>
        <v>0.38550888479746204</v>
      </c>
      <c r="J7790" s="59">
        <f>Bühler!J7816</f>
        <v>1.2850296159915402</v>
      </c>
      <c r="K7790" s="59">
        <f>Bühler!K7816</f>
        <v>1.9275444239873103</v>
      </c>
      <c r="L7790" s="59">
        <f>Bühler!L7816</f>
        <v>9.2522132351390898</v>
      </c>
      <c r="M7790" s="58">
        <f>Bühler!M7816</f>
        <v>0</v>
      </c>
      <c r="N7790" s="56">
        <f>IF(Input!$D$19=1,J7790*Input!$C$19,0)+IF(Input!$D$20=1,K7790*Input!$C$20,0)+IF(Input!$D$21=1,L7790*Input!$C$21,0)+IF(Input!$D$22=1,M7790*Input!$C$22,0)</f>
        <v>0.38550888479746204</v>
      </c>
      <c r="O7790" s="59">
        <f>IF(Input!$D$19=2,J7790*Input!$C$19,0)+IF(Input!$D$20=2,K7790*Input!$C$20,0)+IF(Input!$D$21=2,L7790*Input!$C$21,0)+IF(Input!$D$22=2,M7790*Input!$C$22,0)</f>
        <v>0.96377221199365515</v>
      </c>
      <c r="P7790" s="59">
        <f>IF(Input!$D$19=3,J7790*Input!$C$19,0)+IF(Input!$D$20=3,K7790*Input!$C$20,0)+IF(Input!$D$21=3,L7790*Input!$C$21,0)+IF(Input!$D$22=3,M7790*Input!$C$22,0)</f>
        <v>0</v>
      </c>
      <c r="Q7790" s="75">
        <f>IF(Input!$D$19=4,J7790*Input!$C$19,0)+IF(Input!$D$20=4,K7790*Input!$C$20,0)+IF(Input!$D$21=4,L7790*Input!$C$21,0)+IF(Input!$D$22=4,M7790*Input!$C$22,0)</f>
        <v>0</v>
      </c>
      <c r="R7790" s="58">
        <v>67.716131782400765</v>
      </c>
      <c r="S7790" s="124">
        <f t="shared" si="121"/>
        <v>1.6705385007890023</v>
      </c>
    </row>
    <row r="7791" spans="8:19" x14ac:dyDescent="0.3">
      <c r="H7791" s="44">
        <v>7784</v>
      </c>
      <c r="I7791" s="56">
        <f>Bühler!I7817</f>
        <v>0.38550888479746204</v>
      </c>
      <c r="J7791" s="59">
        <f>Bühler!J7817</f>
        <v>1.2850296159915402</v>
      </c>
      <c r="K7791" s="59">
        <f>Bühler!K7817</f>
        <v>1.9275444239873103</v>
      </c>
      <c r="L7791" s="59">
        <f>Bühler!L7817</f>
        <v>9.2522132351390898</v>
      </c>
      <c r="M7791" s="58">
        <f>Bühler!M7817</f>
        <v>0</v>
      </c>
      <c r="N7791" s="56">
        <f>IF(Input!$D$19=1,J7791*Input!$C$19,0)+IF(Input!$D$20=1,K7791*Input!$C$20,0)+IF(Input!$D$21=1,L7791*Input!$C$21,0)+IF(Input!$D$22=1,M7791*Input!$C$22,0)</f>
        <v>0.38550888479746204</v>
      </c>
      <c r="O7791" s="59">
        <f>IF(Input!$D$19=2,J7791*Input!$C$19,0)+IF(Input!$D$20=2,K7791*Input!$C$20,0)+IF(Input!$D$21=2,L7791*Input!$C$21,0)+IF(Input!$D$22=2,M7791*Input!$C$22,0)</f>
        <v>0.96377221199365515</v>
      </c>
      <c r="P7791" s="59">
        <f>IF(Input!$D$19=3,J7791*Input!$C$19,0)+IF(Input!$D$20=3,K7791*Input!$C$20,0)+IF(Input!$D$21=3,L7791*Input!$C$21,0)+IF(Input!$D$22=3,M7791*Input!$C$22,0)</f>
        <v>0</v>
      </c>
      <c r="Q7791" s="75">
        <f>IF(Input!$D$19=4,J7791*Input!$C$19,0)+IF(Input!$D$20=4,K7791*Input!$C$20,0)+IF(Input!$D$21=4,L7791*Input!$C$21,0)+IF(Input!$D$22=4,M7791*Input!$C$22,0)</f>
        <v>0</v>
      </c>
      <c r="R7791" s="58">
        <v>69.269778049478347</v>
      </c>
      <c r="S7791" s="124">
        <f t="shared" si="121"/>
        <v>1.6705385007890023</v>
      </c>
    </row>
    <row r="7792" spans="8:19" x14ac:dyDescent="0.3">
      <c r="H7792" s="44">
        <v>7785</v>
      </c>
      <c r="I7792" s="56">
        <f>Bühler!I7818</f>
        <v>0.38550888479746204</v>
      </c>
      <c r="J7792" s="59">
        <f>Bühler!J7818</f>
        <v>1.2850296159915402</v>
      </c>
      <c r="K7792" s="59">
        <f>Bühler!K7818</f>
        <v>1.9275444239873103</v>
      </c>
      <c r="L7792" s="59">
        <f>Bühler!L7818</f>
        <v>9.2522132351390898</v>
      </c>
      <c r="M7792" s="58">
        <f>Bühler!M7818</f>
        <v>0</v>
      </c>
      <c r="N7792" s="56">
        <f>IF(Input!$D$19=1,J7792*Input!$C$19,0)+IF(Input!$D$20=1,K7792*Input!$C$20,0)+IF(Input!$D$21=1,L7792*Input!$C$21,0)+IF(Input!$D$22=1,M7792*Input!$C$22,0)</f>
        <v>0.38550888479746204</v>
      </c>
      <c r="O7792" s="59">
        <f>IF(Input!$D$19=2,J7792*Input!$C$19,0)+IF(Input!$D$20=2,K7792*Input!$C$20,0)+IF(Input!$D$21=2,L7792*Input!$C$21,0)+IF(Input!$D$22=2,M7792*Input!$C$22,0)</f>
        <v>0.96377221199365515</v>
      </c>
      <c r="P7792" s="59">
        <f>IF(Input!$D$19=3,J7792*Input!$C$19,0)+IF(Input!$D$20=3,K7792*Input!$C$20,0)+IF(Input!$D$21=3,L7792*Input!$C$21,0)+IF(Input!$D$22=3,M7792*Input!$C$22,0)</f>
        <v>0</v>
      </c>
      <c r="Q7792" s="75">
        <f>IF(Input!$D$19=4,J7792*Input!$C$19,0)+IF(Input!$D$20=4,K7792*Input!$C$20,0)+IF(Input!$D$21=4,L7792*Input!$C$21,0)+IF(Input!$D$22=4,M7792*Input!$C$22,0)</f>
        <v>0</v>
      </c>
      <c r="R7792" s="58">
        <v>70.017161271103859</v>
      </c>
      <c r="S7792" s="124">
        <f t="shared" si="121"/>
        <v>1.6705385007890023</v>
      </c>
    </row>
    <row r="7793" spans="8:19" x14ac:dyDescent="0.3">
      <c r="H7793" s="44">
        <v>7786</v>
      </c>
      <c r="I7793" s="56">
        <f>Bühler!I7819</f>
        <v>0.4142782045584667</v>
      </c>
      <c r="J7793" s="59">
        <f>Bühler!J7819</f>
        <v>1.3809273485282225</v>
      </c>
      <c r="K7793" s="59">
        <f>Bühler!K7819</f>
        <v>2.0713910227923336</v>
      </c>
      <c r="L7793" s="59">
        <f>Bühler!L7819</f>
        <v>9.9426769094032004</v>
      </c>
      <c r="M7793" s="58">
        <f>Bühler!M7819</f>
        <v>0</v>
      </c>
      <c r="N7793" s="56">
        <f>IF(Input!$D$19=1,J7793*Input!$C$19,0)+IF(Input!$D$20=1,K7793*Input!$C$20,0)+IF(Input!$D$21=1,L7793*Input!$C$21,0)+IF(Input!$D$22=1,M7793*Input!$C$22,0)</f>
        <v>0.41427820455846676</v>
      </c>
      <c r="O7793" s="59">
        <f>IF(Input!$D$19=2,J7793*Input!$C$19,0)+IF(Input!$D$20=2,K7793*Input!$C$20,0)+IF(Input!$D$21=2,L7793*Input!$C$21,0)+IF(Input!$D$22=2,M7793*Input!$C$22,0)</f>
        <v>1.0356955113961668</v>
      </c>
      <c r="P7793" s="59">
        <f>IF(Input!$D$19=3,J7793*Input!$C$19,0)+IF(Input!$D$20=3,K7793*Input!$C$20,0)+IF(Input!$D$21=3,L7793*Input!$C$21,0)+IF(Input!$D$22=3,M7793*Input!$C$22,0)</f>
        <v>0</v>
      </c>
      <c r="Q7793" s="75">
        <f>IF(Input!$D$19=4,J7793*Input!$C$19,0)+IF(Input!$D$20=4,K7793*Input!$C$20,0)+IF(Input!$D$21=4,L7793*Input!$C$21,0)+IF(Input!$D$22=4,M7793*Input!$C$22,0)</f>
        <v>0</v>
      </c>
      <c r="R7793" s="58">
        <v>70.463777203675974</v>
      </c>
      <c r="S7793" s="124">
        <f t="shared" si="121"/>
        <v>1.7952055530866893</v>
      </c>
    </row>
    <row r="7794" spans="8:19" x14ac:dyDescent="0.3">
      <c r="H7794" s="44">
        <v>7787</v>
      </c>
      <c r="I7794" s="56">
        <f>Bühler!I7820</f>
        <v>0.44880138827167226</v>
      </c>
      <c r="J7794" s="59">
        <f>Bühler!J7820</f>
        <v>1.496004627572241</v>
      </c>
      <c r="K7794" s="59">
        <f>Bühler!K7820</f>
        <v>2.2440069413583612</v>
      </c>
      <c r="L7794" s="59">
        <f>Bühler!L7820</f>
        <v>10.771233318520133</v>
      </c>
      <c r="M7794" s="58">
        <f>Bühler!M7820</f>
        <v>0</v>
      </c>
      <c r="N7794" s="56">
        <f>IF(Input!$D$19=1,J7794*Input!$C$19,0)+IF(Input!$D$20=1,K7794*Input!$C$20,0)+IF(Input!$D$21=1,L7794*Input!$C$21,0)+IF(Input!$D$22=1,M7794*Input!$C$22,0)</f>
        <v>0.44880138827167226</v>
      </c>
      <c r="O7794" s="59">
        <f>IF(Input!$D$19=2,J7794*Input!$C$19,0)+IF(Input!$D$20=2,K7794*Input!$C$20,0)+IF(Input!$D$21=2,L7794*Input!$C$21,0)+IF(Input!$D$22=2,M7794*Input!$C$22,0)</f>
        <v>1.1220034706791806</v>
      </c>
      <c r="P7794" s="59">
        <f>IF(Input!$D$19=3,J7794*Input!$C$19,0)+IF(Input!$D$20=3,K7794*Input!$C$20,0)+IF(Input!$D$21=3,L7794*Input!$C$21,0)+IF(Input!$D$22=3,M7794*Input!$C$22,0)</f>
        <v>0</v>
      </c>
      <c r="Q7794" s="75">
        <f>IF(Input!$D$19=4,J7794*Input!$C$19,0)+IF(Input!$D$20=4,K7794*Input!$C$20,0)+IF(Input!$D$21=4,L7794*Input!$C$21,0)+IF(Input!$D$22=4,M7794*Input!$C$22,0)</f>
        <v>0</v>
      </c>
      <c r="R7794" s="58">
        <v>70.969254562385274</v>
      </c>
      <c r="S7794" s="124">
        <f t="shared" si="121"/>
        <v>1.9448060158439131</v>
      </c>
    </row>
    <row r="7795" spans="8:19" x14ac:dyDescent="0.3">
      <c r="H7795" s="44">
        <v>7788</v>
      </c>
      <c r="I7795" s="56">
        <f>Bühler!I7821</f>
        <v>0.51784775569808328</v>
      </c>
      <c r="J7795" s="59">
        <f>Bühler!J7821</f>
        <v>1.7261591856602778</v>
      </c>
      <c r="K7795" s="59">
        <f>Bühler!K7821</f>
        <v>2.5892387784904165</v>
      </c>
      <c r="L7795" s="59">
        <f>Bühler!L7821</f>
        <v>12.428346136754</v>
      </c>
      <c r="M7795" s="58">
        <f>Bühler!M7821</f>
        <v>0</v>
      </c>
      <c r="N7795" s="56">
        <f>IF(Input!$D$19=1,J7795*Input!$C$19,0)+IF(Input!$D$20=1,K7795*Input!$C$20,0)+IF(Input!$D$21=1,L7795*Input!$C$21,0)+IF(Input!$D$22=1,M7795*Input!$C$22,0)</f>
        <v>0.51784775569808328</v>
      </c>
      <c r="O7795" s="59">
        <f>IF(Input!$D$19=2,J7795*Input!$C$19,0)+IF(Input!$D$20=2,K7795*Input!$C$20,0)+IF(Input!$D$21=2,L7795*Input!$C$21,0)+IF(Input!$D$22=2,M7795*Input!$C$22,0)</f>
        <v>1.2946193892452083</v>
      </c>
      <c r="P7795" s="59">
        <f>IF(Input!$D$19=3,J7795*Input!$C$19,0)+IF(Input!$D$20=3,K7795*Input!$C$20,0)+IF(Input!$D$21=3,L7795*Input!$C$21,0)+IF(Input!$D$22=3,M7795*Input!$C$22,0)</f>
        <v>0</v>
      </c>
      <c r="Q7795" s="75">
        <f>IF(Input!$D$19=4,J7795*Input!$C$19,0)+IF(Input!$D$20=4,K7795*Input!$C$20,0)+IF(Input!$D$21=4,L7795*Input!$C$21,0)+IF(Input!$D$22=4,M7795*Input!$C$22,0)</f>
        <v>0</v>
      </c>
      <c r="R7795" s="58">
        <v>70.851614597781733</v>
      </c>
      <c r="S7795" s="124">
        <f t="shared" si="121"/>
        <v>2.2440069413583612</v>
      </c>
    </row>
    <row r="7796" spans="8:19" x14ac:dyDescent="0.3">
      <c r="H7796" s="44">
        <v>7789</v>
      </c>
      <c r="I7796" s="56">
        <f>Bühler!I7822</f>
        <v>0.51784775569808328</v>
      </c>
      <c r="J7796" s="59">
        <f>Bühler!J7822</f>
        <v>1.7261591856602778</v>
      </c>
      <c r="K7796" s="59">
        <f>Bühler!K7822</f>
        <v>2.5892387784904165</v>
      </c>
      <c r="L7796" s="59">
        <f>Bühler!L7822</f>
        <v>12.428346136754</v>
      </c>
      <c r="M7796" s="58">
        <f>Bühler!M7822</f>
        <v>0</v>
      </c>
      <c r="N7796" s="56">
        <f>IF(Input!$D$19=1,J7796*Input!$C$19,0)+IF(Input!$D$20=1,K7796*Input!$C$20,0)+IF(Input!$D$21=1,L7796*Input!$C$21,0)+IF(Input!$D$22=1,M7796*Input!$C$22,0)</f>
        <v>0.51784775569808328</v>
      </c>
      <c r="O7796" s="59">
        <f>IF(Input!$D$19=2,J7796*Input!$C$19,0)+IF(Input!$D$20=2,K7796*Input!$C$20,0)+IF(Input!$D$21=2,L7796*Input!$C$21,0)+IF(Input!$D$22=2,M7796*Input!$C$22,0)</f>
        <v>1.2946193892452083</v>
      </c>
      <c r="P7796" s="59">
        <f>IF(Input!$D$19=3,J7796*Input!$C$19,0)+IF(Input!$D$20=3,K7796*Input!$C$20,0)+IF(Input!$D$21=3,L7796*Input!$C$21,0)+IF(Input!$D$22=3,M7796*Input!$C$22,0)</f>
        <v>0</v>
      </c>
      <c r="Q7796" s="75">
        <f>IF(Input!$D$19=4,J7796*Input!$C$19,0)+IF(Input!$D$20=4,K7796*Input!$C$20,0)+IF(Input!$D$21=4,L7796*Input!$C$21,0)+IF(Input!$D$22=4,M7796*Input!$C$22,0)</f>
        <v>0</v>
      </c>
      <c r="R7796" s="58">
        <v>70.003631731949625</v>
      </c>
      <c r="S7796" s="124">
        <f t="shared" si="121"/>
        <v>2.2440069413583612</v>
      </c>
    </row>
    <row r="7797" spans="8:19" x14ac:dyDescent="0.3">
      <c r="H7797" s="44">
        <v>7790</v>
      </c>
      <c r="I7797" s="56">
        <f>Bühler!I7823</f>
        <v>0.51784775569808328</v>
      </c>
      <c r="J7797" s="59">
        <f>Bühler!J7823</f>
        <v>1.7261591856602778</v>
      </c>
      <c r="K7797" s="59">
        <f>Bühler!K7823</f>
        <v>2.5892387784904165</v>
      </c>
      <c r="L7797" s="59">
        <f>Bühler!L7823</f>
        <v>12.428346136754</v>
      </c>
      <c r="M7797" s="58">
        <f>Bühler!M7823</f>
        <v>0</v>
      </c>
      <c r="N7797" s="56">
        <f>IF(Input!$D$19=1,J7797*Input!$C$19,0)+IF(Input!$D$20=1,K7797*Input!$C$20,0)+IF(Input!$D$21=1,L7797*Input!$C$21,0)+IF(Input!$D$22=1,M7797*Input!$C$22,0)</f>
        <v>0.51784775569808328</v>
      </c>
      <c r="O7797" s="59">
        <f>IF(Input!$D$19=2,J7797*Input!$C$19,0)+IF(Input!$D$20=2,K7797*Input!$C$20,0)+IF(Input!$D$21=2,L7797*Input!$C$21,0)+IF(Input!$D$22=2,M7797*Input!$C$22,0)</f>
        <v>1.2946193892452083</v>
      </c>
      <c r="P7797" s="59">
        <f>IF(Input!$D$19=3,J7797*Input!$C$19,0)+IF(Input!$D$20=3,K7797*Input!$C$20,0)+IF(Input!$D$21=3,L7797*Input!$C$21,0)+IF(Input!$D$22=3,M7797*Input!$C$22,0)</f>
        <v>0</v>
      </c>
      <c r="Q7797" s="75">
        <f>IF(Input!$D$19=4,J7797*Input!$C$19,0)+IF(Input!$D$20=4,K7797*Input!$C$20,0)+IF(Input!$D$21=4,L7797*Input!$C$21,0)+IF(Input!$D$22=4,M7797*Input!$C$22,0)</f>
        <v>0</v>
      </c>
      <c r="R7797" s="58">
        <v>70.507394300482119</v>
      </c>
      <c r="S7797" s="124">
        <f t="shared" si="121"/>
        <v>2.2440069413583612</v>
      </c>
    </row>
    <row r="7798" spans="8:19" x14ac:dyDescent="0.3">
      <c r="H7798" s="44">
        <v>7791</v>
      </c>
      <c r="I7798" s="56">
        <f>Bühler!I7824</f>
        <v>0.51784775569808328</v>
      </c>
      <c r="J7798" s="59">
        <f>Bühler!J7824</f>
        <v>1.7261591856602778</v>
      </c>
      <c r="K7798" s="59">
        <f>Bühler!K7824</f>
        <v>2.5892387784904165</v>
      </c>
      <c r="L7798" s="59">
        <f>Bühler!L7824</f>
        <v>12.428346136754</v>
      </c>
      <c r="M7798" s="58">
        <f>Bühler!M7824</f>
        <v>0</v>
      </c>
      <c r="N7798" s="56">
        <f>IF(Input!$D$19=1,J7798*Input!$C$19,0)+IF(Input!$D$20=1,K7798*Input!$C$20,0)+IF(Input!$D$21=1,L7798*Input!$C$21,0)+IF(Input!$D$22=1,M7798*Input!$C$22,0)</f>
        <v>0.51784775569808328</v>
      </c>
      <c r="O7798" s="59">
        <f>IF(Input!$D$19=2,J7798*Input!$C$19,0)+IF(Input!$D$20=2,K7798*Input!$C$20,0)+IF(Input!$D$21=2,L7798*Input!$C$21,0)+IF(Input!$D$22=2,M7798*Input!$C$22,0)</f>
        <v>1.2946193892452083</v>
      </c>
      <c r="P7798" s="59">
        <f>IF(Input!$D$19=3,J7798*Input!$C$19,0)+IF(Input!$D$20=3,K7798*Input!$C$20,0)+IF(Input!$D$21=3,L7798*Input!$C$21,0)+IF(Input!$D$22=3,M7798*Input!$C$22,0)</f>
        <v>0</v>
      </c>
      <c r="Q7798" s="75">
        <f>IF(Input!$D$19=4,J7798*Input!$C$19,0)+IF(Input!$D$20=4,K7798*Input!$C$20,0)+IF(Input!$D$21=4,L7798*Input!$C$21,0)+IF(Input!$D$22=4,M7798*Input!$C$22,0)</f>
        <v>0</v>
      </c>
      <c r="R7798" s="58">
        <v>71.212791876691398</v>
      </c>
      <c r="S7798" s="124">
        <f t="shared" si="121"/>
        <v>2.2440069413583612</v>
      </c>
    </row>
    <row r="7799" spans="8:19" x14ac:dyDescent="0.3">
      <c r="H7799" s="44">
        <v>7792</v>
      </c>
      <c r="I7799" s="56">
        <f>Bühler!I7825</f>
        <v>0.51784775569808328</v>
      </c>
      <c r="J7799" s="59">
        <f>Bühler!J7825</f>
        <v>1.7261591856602778</v>
      </c>
      <c r="K7799" s="59">
        <f>Bühler!K7825</f>
        <v>2.5892387784904165</v>
      </c>
      <c r="L7799" s="59">
        <f>Bühler!L7825</f>
        <v>12.428346136754</v>
      </c>
      <c r="M7799" s="58">
        <f>Bühler!M7825</f>
        <v>0</v>
      </c>
      <c r="N7799" s="56">
        <f>IF(Input!$D$19=1,J7799*Input!$C$19,0)+IF(Input!$D$20=1,K7799*Input!$C$20,0)+IF(Input!$D$21=1,L7799*Input!$C$21,0)+IF(Input!$D$22=1,M7799*Input!$C$22,0)</f>
        <v>0.51784775569808328</v>
      </c>
      <c r="O7799" s="59">
        <f>IF(Input!$D$19=2,J7799*Input!$C$19,0)+IF(Input!$D$20=2,K7799*Input!$C$20,0)+IF(Input!$D$21=2,L7799*Input!$C$21,0)+IF(Input!$D$22=2,M7799*Input!$C$22,0)</f>
        <v>1.2946193892452083</v>
      </c>
      <c r="P7799" s="59">
        <f>IF(Input!$D$19=3,J7799*Input!$C$19,0)+IF(Input!$D$20=3,K7799*Input!$C$20,0)+IF(Input!$D$21=3,L7799*Input!$C$21,0)+IF(Input!$D$22=3,M7799*Input!$C$22,0)</f>
        <v>0</v>
      </c>
      <c r="Q7799" s="75">
        <f>IF(Input!$D$19=4,J7799*Input!$C$19,0)+IF(Input!$D$20=4,K7799*Input!$C$20,0)+IF(Input!$D$21=4,L7799*Input!$C$21,0)+IF(Input!$D$22=4,M7799*Input!$C$22,0)</f>
        <v>0</v>
      </c>
      <c r="R7799" s="58">
        <v>69.786646618034837</v>
      </c>
      <c r="S7799" s="124">
        <f t="shared" si="121"/>
        <v>2.2440069413583612</v>
      </c>
    </row>
    <row r="7800" spans="8:19" x14ac:dyDescent="0.3">
      <c r="H7800" s="44">
        <v>7793</v>
      </c>
      <c r="I7800" s="56">
        <f>Bühler!I7826</f>
        <v>0.51784775569808328</v>
      </c>
      <c r="J7800" s="59">
        <f>Bühler!J7826</f>
        <v>1.7261591856602778</v>
      </c>
      <c r="K7800" s="59">
        <f>Bühler!K7826</f>
        <v>2.5892387784904165</v>
      </c>
      <c r="L7800" s="59">
        <f>Bühler!L7826</f>
        <v>12.428346136754</v>
      </c>
      <c r="M7800" s="58">
        <f>Bühler!M7826</f>
        <v>0</v>
      </c>
      <c r="N7800" s="56">
        <f>IF(Input!$D$19=1,J7800*Input!$C$19,0)+IF(Input!$D$20=1,K7800*Input!$C$20,0)+IF(Input!$D$21=1,L7800*Input!$C$21,0)+IF(Input!$D$22=1,M7800*Input!$C$22,0)</f>
        <v>0.51784775569808328</v>
      </c>
      <c r="O7800" s="59">
        <f>IF(Input!$D$19=2,J7800*Input!$C$19,0)+IF(Input!$D$20=2,K7800*Input!$C$20,0)+IF(Input!$D$21=2,L7800*Input!$C$21,0)+IF(Input!$D$22=2,M7800*Input!$C$22,0)</f>
        <v>1.2946193892452083</v>
      </c>
      <c r="P7800" s="59">
        <f>IF(Input!$D$19=3,J7800*Input!$C$19,0)+IF(Input!$D$20=3,K7800*Input!$C$20,0)+IF(Input!$D$21=3,L7800*Input!$C$21,0)+IF(Input!$D$22=3,M7800*Input!$C$22,0)</f>
        <v>0</v>
      </c>
      <c r="Q7800" s="75">
        <f>IF(Input!$D$19=4,J7800*Input!$C$19,0)+IF(Input!$D$20=4,K7800*Input!$C$20,0)+IF(Input!$D$21=4,L7800*Input!$C$21,0)+IF(Input!$D$22=4,M7800*Input!$C$22,0)</f>
        <v>0</v>
      </c>
      <c r="R7800" s="58">
        <v>69.15385603286397</v>
      </c>
      <c r="S7800" s="124">
        <f t="shared" si="121"/>
        <v>2.2440069413583612</v>
      </c>
    </row>
    <row r="7801" spans="8:19" x14ac:dyDescent="0.3">
      <c r="H7801" s="44">
        <v>7794</v>
      </c>
      <c r="I7801" s="56">
        <f>Bühler!I7827</f>
        <v>0.51784775569808328</v>
      </c>
      <c r="J7801" s="59">
        <f>Bühler!J7827</f>
        <v>1.7261591856602778</v>
      </c>
      <c r="K7801" s="59">
        <f>Bühler!K7827</f>
        <v>2.5892387784904165</v>
      </c>
      <c r="L7801" s="59">
        <f>Bühler!L7827</f>
        <v>12.428346136754</v>
      </c>
      <c r="M7801" s="58">
        <f>Bühler!M7827</f>
        <v>0</v>
      </c>
      <c r="N7801" s="56">
        <f>IF(Input!$D$19=1,J7801*Input!$C$19,0)+IF(Input!$D$20=1,K7801*Input!$C$20,0)+IF(Input!$D$21=1,L7801*Input!$C$21,0)+IF(Input!$D$22=1,M7801*Input!$C$22,0)</f>
        <v>0.51784775569808328</v>
      </c>
      <c r="O7801" s="59">
        <f>IF(Input!$D$19=2,J7801*Input!$C$19,0)+IF(Input!$D$20=2,K7801*Input!$C$20,0)+IF(Input!$D$21=2,L7801*Input!$C$21,0)+IF(Input!$D$22=2,M7801*Input!$C$22,0)</f>
        <v>1.2946193892452083</v>
      </c>
      <c r="P7801" s="59">
        <f>IF(Input!$D$19=3,J7801*Input!$C$19,0)+IF(Input!$D$20=3,K7801*Input!$C$20,0)+IF(Input!$D$21=3,L7801*Input!$C$21,0)+IF(Input!$D$22=3,M7801*Input!$C$22,0)</f>
        <v>0</v>
      </c>
      <c r="Q7801" s="75">
        <f>IF(Input!$D$19=4,J7801*Input!$C$19,0)+IF(Input!$D$20=4,K7801*Input!$C$20,0)+IF(Input!$D$21=4,L7801*Input!$C$21,0)+IF(Input!$D$22=4,M7801*Input!$C$22,0)</f>
        <v>0</v>
      </c>
      <c r="R7801" s="58">
        <v>68.496048101015674</v>
      </c>
      <c r="S7801" s="124">
        <f t="shared" si="121"/>
        <v>2.2440069413583612</v>
      </c>
    </row>
    <row r="7802" spans="8:19" x14ac:dyDescent="0.3">
      <c r="H7802" s="44">
        <v>7795</v>
      </c>
      <c r="I7802" s="56">
        <f>Bühler!I7828</f>
        <v>0.51784775569808328</v>
      </c>
      <c r="J7802" s="59">
        <f>Bühler!J7828</f>
        <v>1.7261591856602778</v>
      </c>
      <c r="K7802" s="59">
        <f>Bühler!K7828</f>
        <v>2.5892387784904165</v>
      </c>
      <c r="L7802" s="59">
        <f>Bühler!L7828</f>
        <v>12.428346136754</v>
      </c>
      <c r="M7802" s="58">
        <f>Bühler!M7828</f>
        <v>0</v>
      </c>
      <c r="N7802" s="56">
        <f>IF(Input!$D$19=1,J7802*Input!$C$19,0)+IF(Input!$D$20=1,K7802*Input!$C$20,0)+IF(Input!$D$21=1,L7802*Input!$C$21,0)+IF(Input!$D$22=1,M7802*Input!$C$22,0)</f>
        <v>0.51784775569808328</v>
      </c>
      <c r="O7802" s="59">
        <f>IF(Input!$D$19=2,J7802*Input!$C$19,0)+IF(Input!$D$20=2,K7802*Input!$C$20,0)+IF(Input!$D$21=2,L7802*Input!$C$21,0)+IF(Input!$D$22=2,M7802*Input!$C$22,0)</f>
        <v>1.2946193892452083</v>
      </c>
      <c r="P7802" s="59">
        <f>IF(Input!$D$19=3,J7802*Input!$C$19,0)+IF(Input!$D$20=3,K7802*Input!$C$20,0)+IF(Input!$D$21=3,L7802*Input!$C$21,0)+IF(Input!$D$22=3,M7802*Input!$C$22,0)</f>
        <v>0</v>
      </c>
      <c r="Q7802" s="75">
        <f>IF(Input!$D$19=4,J7802*Input!$C$19,0)+IF(Input!$D$20=4,K7802*Input!$C$20,0)+IF(Input!$D$21=4,L7802*Input!$C$21,0)+IF(Input!$D$22=4,M7802*Input!$C$22,0)</f>
        <v>0</v>
      </c>
      <c r="R7802" s="58">
        <v>68.053109274212758</v>
      </c>
      <c r="S7802" s="124">
        <f t="shared" si="121"/>
        <v>2.2440069413583612</v>
      </c>
    </row>
    <row r="7803" spans="8:19" x14ac:dyDescent="0.3">
      <c r="H7803" s="44">
        <v>7796</v>
      </c>
      <c r="I7803" s="56">
        <f>Bühler!I7829</f>
        <v>0.43153979641506945</v>
      </c>
      <c r="J7803" s="59">
        <f>Bühler!J7829</f>
        <v>1.4384659880502317</v>
      </c>
      <c r="K7803" s="59">
        <f>Bühler!K7829</f>
        <v>2.1576989820753472</v>
      </c>
      <c r="L7803" s="59">
        <f>Bühler!L7829</f>
        <v>10.356955113961666</v>
      </c>
      <c r="M7803" s="58">
        <f>Bühler!M7829</f>
        <v>0</v>
      </c>
      <c r="N7803" s="56">
        <f>IF(Input!$D$19=1,J7803*Input!$C$19,0)+IF(Input!$D$20=1,K7803*Input!$C$20,0)+IF(Input!$D$21=1,L7803*Input!$C$21,0)+IF(Input!$D$22=1,M7803*Input!$C$22,0)</f>
        <v>0.43153979641506951</v>
      </c>
      <c r="O7803" s="59">
        <f>IF(Input!$D$19=2,J7803*Input!$C$19,0)+IF(Input!$D$20=2,K7803*Input!$C$20,0)+IF(Input!$D$21=2,L7803*Input!$C$21,0)+IF(Input!$D$22=2,M7803*Input!$C$22,0)</f>
        <v>1.0788494910376736</v>
      </c>
      <c r="P7803" s="59">
        <f>IF(Input!$D$19=3,J7803*Input!$C$19,0)+IF(Input!$D$20=3,K7803*Input!$C$20,0)+IF(Input!$D$21=3,L7803*Input!$C$21,0)+IF(Input!$D$22=3,M7803*Input!$C$22,0)</f>
        <v>0</v>
      </c>
      <c r="Q7803" s="75">
        <f>IF(Input!$D$19=4,J7803*Input!$C$19,0)+IF(Input!$D$20=4,K7803*Input!$C$20,0)+IF(Input!$D$21=4,L7803*Input!$C$21,0)+IF(Input!$D$22=4,M7803*Input!$C$22,0)</f>
        <v>0</v>
      </c>
      <c r="R7803" s="58">
        <v>66.108018626385473</v>
      </c>
      <c r="S7803" s="124">
        <f t="shared" si="121"/>
        <v>1.8700057844653011</v>
      </c>
    </row>
    <row r="7804" spans="8:19" x14ac:dyDescent="0.3">
      <c r="H7804" s="44">
        <v>7797</v>
      </c>
      <c r="I7804" s="56">
        <f>Bühler!I7830</f>
        <v>0.34523183713205563</v>
      </c>
      <c r="J7804" s="59">
        <f>Bühler!J7830</f>
        <v>1.1507727904401854</v>
      </c>
      <c r="K7804" s="59">
        <f>Bühler!K7830</f>
        <v>1.726159185660278</v>
      </c>
      <c r="L7804" s="59">
        <f>Bühler!L7830</f>
        <v>8.2855640911693342</v>
      </c>
      <c r="M7804" s="58">
        <f>Bühler!M7830</f>
        <v>0</v>
      </c>
      <c r="N7804" s="56">
        <f>IF(Input!$D$19=1,J7804*Input!$C$19,0)+IF(Input!$D$20=1,K7804*Input!$C$20,0)+IF(Input!$D$21=1,L7804*Input!$C$21,0)+IF(Input!$D$22=1,M7804*Input!$C$22,0)</f>
        <v>0.34523183713205563</v>
      </c>
      <c r="O7804" s="59">
        <f>IF(Input!$D$19=2,J7804*Input!$C$19,0)+IF(Input!$D$20=2,K7804*Input!$C$20,0)+IF(Input!$D$21=2,L7804*Input!$C$21,0)+IF(Input!$D$22=2,M7804*Input!$C$22,0)</f>
        <v>0.86307959283013902</v>
      </c>
      <c r="P7804" s="59">
        <f>IF(Input!$D$19=3,J7804*Input!$C$19,0)+IF(Input!$D$20=3,K7804*Input!$C$20,0)+IF(Input!$D$21=3,L7804*Input!$C$21,0)+IF(Input!$D$22=3,M7804*Input!$C$22,0)</f>
        <v>0</v>
      </c>
      <c r="Q7804" s="75">
        <f>IF(Input!$D$19=4,J7804*Input!$C$19,0)+IF(Input!$D$20=4,K7804*Input!$C$20,0)+IF(Input!$D$21=4,L7804*Input!$C$21,0)+IF(Input!$D$22=4,M7804*Input!$C$22,0)</f>
        <v>0</v>
      </c>
      <c r="R7804" s="58">
        <v>64.252137138626026</v>
      </c>
      <c r="S7804" s="124">
        <f t="shared" si="121"/>
        <v>1.496004627572241</v>
      </c>
    </row>
    <row r="7805" spans="8:19" x14ac:dyDescent="0.3">
      <c r="H7805" s="44">
        <v>7798</v>
      </c>
      <c r="I7805" s="56">
        <f>Bühler!I7831</f>
        <v>0.25892387784904164</v>
      </c>
      <c r="J7805" s="59">
        <f>Bühler!J7831</f>
        <v>0.86307959283013891</v>
      </c>
      <c r="K7805" s="59">
        <f>Bühler!K7831</f>
        <v>1.2946193892452083</v>
      </c>
      <c r="L7805" s="59">
        <f>Bühler!L7831</f>
        <v>6.2141730683769998</v>
      </c>
      <c r="M7805" s="58">
        <f>Bühler!M7831</f>
        <v>0</v>
      </c>
      <c r="N7805" s="56">
        <f>IF(Input!$D$19=1,J7805*Input!$C$19,0)+IF(Input!$D$20=1,K7805*Input!$C$20,0)+IF(Input!$D$21=1,L7805*Input!$C$21,0)+IF(Input!$D$22=1,M7805*Input!$C$22,0)</f>
        <v>0.25892387784904164</v>
      </c>
      <c r="O7805" s="59">
        <f>IF(Input!$D$19=2,J7805*Input!$C$19,0)+IF(Input!$D$20=2,K7805*Input!$C$20,0)+IF(Input!$D$21=2,L7805*Input!$C$21,0)+IF(Input!$D$22=2,M7805*Input!$C$22,0)</f>
        <v>0.64730969462260413</v>
      </c>
      <c r="P7805" s="59">
        <f>IF(Input!$D$19=3,J7805*Input!$C$19,0)+IF(Input!$D$20=3,K7805*Input!$C$20,0)+IF(Input!$D$21=3,L7805*Input!$C$21,0)+IF(Input!$D$22=3,M7805*Input!$C$22,0)</f>
        <v>0</v>
      </c>
      <c r="Q7805" s="75">
        <f>IF(Input!$D$19=4,J7805*Input!$C$19,0)+IF(Input!$D$20=4,K7805*Input!$C$20,0)+IF(Input!$D$21=4,L7805*Input!$C$21,0)+IF(Input!$D$22=4,M7805*Input!$C$22,0)</f>
        <v>0</v>
      </c>
      <c r="R7805" s="58">
        <v>62.253920691424312</v>
      </c>
      <c r="S7805" s="124">
        <f t="shared" si="121"/>
        <v>1.1220034706791806</v>
      </c>
    </row>
    <row r="7806" spans="8:19" x14ac:dyDescent="0.3">
      <c r="H7806" s="44">
        <v>7799</v>
      </c>
      <c r="I7806" s="56">
        <f>Bühler!I7832</f>
        <v>0.25892387784904164</v>
      </c>
      <c r="J7806" s="59">
        <f>Bühler!J7832</f>
        <v>0.86307959283013891</v>
      </c>
      <c r="K7806" s="59">
        <f>Bühler!K7832</f>
        <v>1.2946193892452083</v>
      </c>
      <c r="L7806" s="59">
        <f>Bühler!L7832</f>
        <v>6.2141730683769998</v>
      </c>
      <c r="M7806" s="58">
        <f>Bühler!M7832</f>
        <v>0</v>
      </c>
      <c r="N7806" s="56">
        <f>IF(Input!$D$19=1,J7806*Input!$C$19,0)+IF(Input!$D$20=1,K7806*Input!$C$20,0)+IF(Input!$D$21=1,L7806*Input!$C$21,0)+IF(Input!$D$22=1,M7806*Input!$C$22,0)</f>
        <v>0.25892387784904164</v>
      </c>
      <c r="O7806" s="59">
        <f>IF(Input!$D$19=2,J7806*Input!$C$19,0)+IF(Input!$D$20=2,K7806*Input!$C$20,0)+IF(Input!$D$21=2,L7806*Input!$C$21,0)+IF(Input!$D$22=2,M7806*Input!$C$22,0)</f>
        <v>0.64730969462260413</v>
      </c>
      <c r="P7806" s="59">
        <f>IF(Input!$D$19=3,J7806*Input!$C$19,0)+IF(Input!$D$20=3,K7806*Input!$C$20,0)+IF(Input!$D$21=3,L7806*Input!$C$21,0)+IF(Input!$D$22=3,M7806*Input!$C$22,0)</f>
        <v>0</v>
      </c>
      <c r="Q7806" s="75">
        <f>IF(Input!$D$19=4,J7806*Input!$C$19,0)+IF(Input!$D$20=4,K7806*Input!$C$20,0)+IF(Input!$D$21=4,L7806*Input!$C$21,0)+IF(Input!$D$22=4,M7806*Input!$C$22,0)</f>
        <v>0</v>
      </c>
      <c r="R7806" s="58">
        <v>62.275059499209135</v>
      </c>
      <c r="S7806" s="124">
        <f t="shared" si="121"/>
        <v>1.1220034706791806</v>
      </c>
    </row>
    <row r="7807" spans="8:19" x14ac:dyDescent="0.3">
      <c r="H7807" s="44">
        <v>7800</v>
      </c>
      <c r="I7807" s="56">
        <f>Bühler!I7833</f>
        <v>0.25892387784904164</v>
      </c>
      <c r="J7807" s="59">
        <f>Bühler!J7833</f>
        <v>0.86307959283013891</v>
      </c>
      <c r="K7807" s="59">
        <f>Bühler!K7833</f>
        <v>1.2946193892452083</v>
      </c>
      <c r="L7807" s="59">
        <f>Bühler!L7833</f>
        <v>6.2141730683769998</v>
      </c>
      <c r="M7807" s="58">
        <f>Bühler!M7833</f>
        <v>0</v>
      </c>
      <c r="N7807" s="56">
        <f>IF(Input!$D$19=1,J7807*Input!$C$19,0)+IF(Input!$D$20=1,K7807*Input!$C$20,0)+IF(Input!$D$21=1,L7807*Input!$C$21,0)+IF(Input!$D$22=1,M7807*Input!$C$22,0)</f>
        <v>0.25892387784904164</v>
      </c>
      <c r="O7807" s="59">
        <f>IF(Input!$D$19=2,J7807*Input!$C$19,0)+IF(Input!$D$20=2,K7807*Input!$C$20,0)+IF(Input!$D$21=2,L7807*Input!$C$21,0)+IF(Input!$D$22=2,M7807*Input!$C$22,0)</f>
        <v>0.64730969462260413</v>
      </c>
      <c r="P7807" s="59">
        <f>IF(Input!$D$19=3,J7807*Input!$C$19,0)+IF(Input!$D$20=3,K7807*Input!$C$20,0)+IF(Input!$D$21=3,L7807*Input!$C$21,0)+IF(Input!$D$22=3,M7807*Input!$C$22,0)</f>
        <v>0</v>
      </c>
      <c r="Q7807" s="75">
        <f>IF(Input!$D$19=4,J7807*Input!$C$19,0)+IF(Input!$D$20=4,K7807*Input!$C$20,0)+IF(Input!$D$21=4,L7807*Input!$C$21,0)+IF(Input!$D$22=4,M7807*Input!$C$22,0)</f>
        <v>0</v>
      </c>
      <c r="R7807" s="58">
        <v>61.578001371992627</v>
      </c>
      <c r="S7807" s="124">
        <f t="shared" si="121"/>
        <v>1.1220034706791806</v>
      </c>
    </row>
    <row r="7808" spans="8:19" x14ac:dyDescent="0.3">
      <c r="H7808" s="44">
        <v>7801</v>
      </c>
      <c r="I7808" s="56">
        <f>Bühler!I7834</f>
        <v>0.23355105872139573</v>
      </c>
      <c r="J7808" s="59">
        <f>Bühler!J7834</f>
        <v>0.77850352907131914</v>
      </c>
      <c r="K7808" s="59">
        <f>Bühler!K7834</f>
        <v>1.1677552936069786</v>
      </c>
      <c r="L7808" s="59">
        <f>Bühler!L7834</f>
        <v>5.6052254093134977</v>
      </c>
      <c r="M7808" s="58">
        <f>Bühler!M7834</f>
        <v>0</v>
      </c>
      <c r="N7808" s="56">
        <f>IF(Input!$D$19=1,J7808*Input!$C$19,0)+IF(Input!$D$20=1,K7808*Input!$C$20,0)+IF(Input!$D$21=1,L7808*Input!$C$21,0)+IF(Input!$D$22=1,M7808*Input!$C$22,0)</f>
        <v>0.23355105872139573</v>
      </c>
      <c r="O7808" s="59">
        <f>IF(Input!$D$19=2,J7808*Input!$C$19,0)+IF(Input!$D$20=2,K7808*Input!$C$20,0)+IF(Input!$D$21=2,L7808*Input!$C$21,0)+IF(Input!$D$22=2,M7808*Input!$C$22,0)</f>
        <v>0.5838776468034893</v>
      </c>
      <c r="P7808" s="59">
        <f>IF(Input!$D$19=3,J7808*Input!$C$19,0)+IF(Input!$D$20=3,K7808*Input!$C$20,0)+IF(Input!$D$21=3,L7808*Input!$C$21,0)+IF(Input!$D$22=3,M7808*Input!$C$22,0)</f>
        <v>0</v>
      </c>
      <c r="Q7808" s="75">
        <f>IF(Input!$D$19=4,J7808*Input!$C$19,0)+IF(Input!$D$20=4,K7808*Input!$C$20,0)+IF(Input!$D$21=4,L7808*Input!$C$21,0)+IF(Input!$D$22=4,M7808*Input!$C$22,0)</f>
        <v>0</v>
      </c>
      <c r="R7808" s="58">
        <v>60.935944451255089</v>
      </c>
      <c r="S7808" s="124">
        <f t="shared" si="121"/>
        <v>1.012054587792715</v>
      </c>
    </row>
    <row r="7809" spans="8:19" x14ac:dyDescent="0.3">
      <c r="H7809" s="44">
        <v>7802</v>
      </c>
      <c r="I7809" s="56">
        <f>Bühler!I7835</f>
        <v>0.23355105872139573</v>
      </c>
      <c r="J7809" s="59">
        <f>Bühler!J7835</f>
        <v>0.77850352907131914</v>
      </c>
      <c r="K7809" s="59">
        <f>Bühler!K7835</f>
        <v>1.1677552936069786</v>
      </c>
      <c r="L7809" s="59">
        <f>Bühler!L7835</f>
        <v>5.6052254093134977</v>
      </c>
      <c r="M7809" s="58">
        <f>Bühler!M7835</f>
        <v>0</v>
      </c>
      <c r="N7809" s="56">
        <f>IF(Input!$D$19=1,J7809*Input!$C$19,0)+IF(Input!$D$20=1,K7809*Input!$C$20,0)+IF(Input!$D$21=1,L7809*Input!$C$21,0)+IF(Input!$D$22=1,M7809*Input!$C$22,0)</f>
        <v>0.23355105872139573</v>
      </c>
      <c r="O7809" s="59">
        <f>IF(Input!$D$19=2,J7809*Input!$C$19,0)+IF(Input!$D$20=2,K7809*Input!$C$20,0)+IF(Input!$D$21=2,L7809*Input!$C$21,0)+IF(Input!$D$22=2,M7809*Input!$C$22,0)</f>
        <v>0.5838776468034893</v>
      </c>
      <c r="P7809" s="59">
        <f>IF(Input!$D$19=3,J7809*Input!$C$19,0)+IF(Input!$D$20=3,K7809*Input!$C$20,0)+IF(Input!$D$21=3,L7809*Input!$C$21,0)+IF(Input!$D$22=3,M7809*Input!$C$22,0)</f>
        <v>0</v>
      </c>
      <c r="Q7809" s="75">
        <f>IF(Input!$D$19=4,J7809*Input!$C$19,0)+IF(Input!$D$20=4,K7809*Input!$C$20,0)+IF(Input!$D$21=4,L7809*Input!$C$21,0)+IF(Input!$D$22=4,M7809*Input!$C$22,0)</f>
        <v>0</v>
      </c>
      <c r="R7809" s="58">
        <v>60.441871737805769</v>
      </c>
      <c r="S7809" s="124">
        <f t="shared" si="121"/>
        <v>1.012054587792715</v>
      </c>
    </row>
    <row r="7810" spans="8:19" x14ac:dyDescent="0.3">
      <c r="H7810" s="44">
        <v>7803</v>
      </c>
      <c r="I7810" s="56">
        <f>Bühler!I7836</f>
        <v>0.23355105872139573</v>
      </c>
      <c r="J7810" s="59">
        <f>Bühler!J7836</f>
        <v>0.77850352907131914</v>
      </c>
      <c r="K7810" s="59">
        <f>Bühler!K7836</f>
        <v>1.1677552936069786</v>
      </c>
      <c r="L7810" s="59">
        <f>Bühler!L7836</f>
        <v>5.6052254093134977</v>
      </c>
      <c r="M7810" s="58">
        <f>Bühler!M7836</f>
        <v>0</v>
      </c>
      <c r="N7810" s="56">
        <f>IF(Input!$D$19=1,J7810*Input!$C$19,0)+IF(Input!$D$20=1,K7810*Input!$C$20,0)+IF(Input!$D$21=1,L7810*Input!$C$21,0)+IF(Input!$D$22=1,M7810*Input!$C$22,0)</f>
        <v>0.23355105872139573</v>
      </c>
      <c r="O7810" s="59">
        <f>IF(Input!$D$19=2,J7810*Input!$C$19,0)+IF(Input!$D$20=2,K7810*Input!$C$20,0)+IF(Input!$D$21=2,L7810*Input!$C$21,0)+IF(Input!$D$22=2,M7810*Input!$C$22,0)</f>
        <v>0.5838776468034893</v>
      </c>
      <c r="P7810" s="59">
        <f>IF(Input!$D$19=3,J7810*Input!$C$19,0)+IF(Input!$D$20=3,K7810*Input!$C$20,0)+IF(Input!$D$21=3,L7810*Input!$C$21,0)+IF(Input!$D$22=3,M7810*Input!$C$22,0)</f>
        <v>0</v>
      </c>
      <c r="Q7810" s="75">
        <f>IF(Input!$D$19=4,J7810*Input!$C$19,0)+IF(Input!$D$20=4,K7810*Input!$C$20,0)+IF(Input!$D$21=4,L7810*Input!$C$21,0)+IF(Input!$D$22=4,M7810*Input!$C$22,0)</f>
        <v>0</v>
      </c>
      <c r="R7810" s="58">
        <v>60.433356353553307</v>
      </c>
      <c r="S7810" s="124">
        <f t="shared" si="121"/>
        <v>1.012054587792715</v>
      </c>
    </row>
    <row r="7811" spans="8:19" x14ac:dyDescent="0.3">
      <c r="H7811" s="44">
        <v>7804</v>
      </c>
      <c r="I7811" s="56">
        <f>Bühler!I7837</f>
        <v>0.23355105872139573</v>
      </c>
      <c r="J7811" s="59">
        <f>Bühler!J7837</f>
        <v>0.77850352907131914</v>
      </c>
      <c r="K7811" s="59">
        <f>Bühler!K7837</f>
        <v>1.1677552936069786</v>
      </c>
      <c r="L7811" s="59">
        <f>Bühler!L7837</f>
        <v>5.6052254093134977</v>
      </c>
      <c r="M7811" s="58">
        <f>Bühler!M7837</f>
        <v>0</v>
      </c>
      <c r="N7811" s="56">
        <f>IF(Input!$D$19=1,J7811*Input!$C$19,0)+IF(Input!$D$20=1,K7811*Input!$C$20,0)+IF(Input!$D$21=1,L7811*Input!$C$21,0)+IF(Input!$D$22=1,M7811*Input!$C$22,0)</f>
        <v>0.23355105872139573</v>
      </c>
      <c r="O7811" s="59">
        <f>IF(Input!$D$19=2,J7811*Input!$C$19,0)+IF(Input!$D$20=2,K7811*Input!$C$20,0)+IF(Input!$D$21=2,L7811*Input!$C$21,0)+IF(Input!$D$22=2,M7811*Input!$C$22,0)</f>
        <v>0.5838776468034893</v>
      </c>
      <c r="P7811" s="59">
        <f>IF(Input!$D$19=3,J7811*Input!$C$19,0)+IF(Input!$D$20=3,K7811*Input!$C$20,0)+IF(Input!$D$21=3,L7811*Input!$C$21,0)+IF(Input!$D$22=3,M7811*Input!$C$22,0)</f>
        <v>0</v>
      </c>
      <c r="Q7811" s="75">
        <f>IF(Input!$D$19=4,J7811*Input!$C$19,0)+IF(Input!$D$20=4,K7811*Input!$C$20,0)+IF(Input!$D$21=4,L7811*Input!$C$21,0)+IF(Input!$D$22=4,M7811*Input!$C$22,0)</f>
        <v>0</v>
      </c>
      <c r="R7811" s="58">
        <v>61.030738251504957</v>
      </c>
      <c r="S7811" s="124">
        <f t="shared" si="121"/>
        <v>1.012054587792715</v>
      </c>
    </row>
    <row r="7812" spans="8:19" x14ac:dyDescent="0.3">
      <c r="H7812" s="44">
        <v>7805</v>
      </c>
      <c r="I7812" s="56">
        <f>Bühler!I7838</f>
        <v>0.23355105872139573</v>
      </c>
      <c r="J7812" s="59">
        <f>Bühler!J7838</f>
        <v>0.77850352907131914</v>
      </c>
      <c r="K7812" s="59">
        <f>Bühler!K7838</f>
        <v>1.1677552936069786</v>
      </c>
      <c r="L7812" s="59">
        <f>Bühler!L7838</f>
        <v>5.6052254093134977</v>
      </c>
      <c r="M7812" s="58">
        <f>Bühler!M7838</f>
        <v>0</v>
      </c>
      <c r="N7812" s="56">
        <f>IF(Input!$D$19=1,J7812*Input!$C$19,0)+IF(Input!$D$20=1,K7812*Input!$C$20,0)+IF(Input!$D$21=1,L7812*Input!$C$21,0)+IF(Input!$D$22=1,M7812*Input!$C$22,0)</f>
        <v>0.23355105872139573</v>
      </c>
      <c r="O7812" s="59">
        <f>IF(Input!$D$19=2,J7812*Input!$C$19,0)+IF(Input!$D$20=2,K7812*Input!$C$20,0)+IF(Input!$D$21=2,L7812*Input!$C$21,0)+IF(Input!$D$22=2,M7812*Input!$C$22,0)</f>
        <v>0.5838776468034893</v>
      </c>
      <c r="P7812" s="59">
        <f>IF(Input!$D$19=3,J7812*Input!$C$19,0)+IF(Input!$D$20=3,K7812*Input!$C$20,0)+IF(Input!$D$21=3,L7812*Input!$C$21,0)+IF(Input!$D$22=3,M7812*Input!$C$22,0)</f>
        <v>0</v>
      </c>
      <c r="Q7812" s="75">
        <f>IF(Input!$D$19=4,J7812*Input!$C$19,0)+IF(Input!$D$20=4,K7812*Input!$C$20,0)+IF(Input!$D$21=4,L7812*Input!$C$21,0)+IF(Input!$D$22=4,M7812*Input!$C$22,0)</f>
        <v>0</v>
      </c>
      <c r="R7812" s="58">
        <v>62.32536774541434</v>
      </c>
      <c r="S7812" s="124">
        <f t="shared" si="121"/>
        <v>1.012054587792715</v>
      </c>
    </row>
    <row r="7813" spans="8:19" x14ac:dyDescent="0.3">
      <c r="H7813" s="44">
        <v>7806</v>
      </c>
      <c r="I7813" s="56">
        <f>Bühler!I7839</f>
        <v>0.30102136457424344</v>
      </c>
      <c r="J7813" s="59">
        <f>Bühler!J7839</f>
        <v>1.0034045485808114</v>
      </c>
      <c r="K7813" s="59">
        <f>Bühler!K7839</f>
        <v>1.5051068228712172</v>
      </c>
      <c r="L7813" s="59">
        <f>Bühler!L7839</f>
        <v>7.2245127497818418</v>
      </c>
      <c r="M7813" s="58">
        <f>Bühler!M7839</f>
        <v>0</v>
      </c>
      <c r="N7813" s="56">
        <f>IF(Input!$D$19=1,J7813*Input!$C$19,0)+IF(Input!$D$20=1,K7813*Input!$C$20,0)+IF(Input!$D$21=1,L7813*Input!$C$21,0)+IF(Input!$D$22=1,M7813*Input!$C$22,0)</f>
        <v>0.30102136457424339</v>
      </c>
      <c r="O7813" s="59">
        <f>IF(Input!$D$19=2,J7813*Input!$C$19,0)+IF(Input!$D$20=2,K7813*Input!$C$20,0)+IF(Input!$D$21=2,L7813*Input!$C$21,0)+IF(Input!$D$22=2,M7813*Input!$C$22,0)</f>
        <v>0.75255341143560861</v>
      </c>
      <c r="P7813" s="59">
        <f>IF(Input!$D$19=3,J7813*Input!$C$19,0)+IF(Input!$D$20=3,K7813*Input!$C$20,0)+IF(Input!$D$21=3,L7813*Input!$C$21,0)+IF(Input!$D$22=3,M7813*Input!$C$22,0)</f>
        <v>0</v>
      </c>
      <c r="Q7813" s="75">
        <f>IF(Input!$D$19=4,J7813*Input!$C$19,0)+IF(Input!$D$20=4,K7813*Input!$C$20,0)+IF(Input!$D$21=4,L7813*Input!$C$21,0)+IF(Input!$D$22=4,M7813*Input!$C$22,0)</f>
        <v>0</v>
      </c>
      <c r="R7813" s="58">
        <v>65.292610870176688</v>
      </c>
      <c r="S7813" s="124">
        <f t="shared" si="121"/>
        <v>1.3044259131550549</v>
      </c>
    </row>
    <row r="7814" spans="8:19" x14ac:dyDescent="0.3">
      <c r="H7814" s="44">
        <v>7807</v>
      </c>
      <c r="I7814" s="56">
        <f>Bühler!I7840</f>
        <v>0.34773157631852258</v>
      </c>
      <c r="J7814" s="59">
        <f>Bühler!J7840</f>
        <v>1.1591052543950753</v>
      </c>
      <c r="K7814" s="59">
        <f>Bühler!K7840</f>
        <v>1.7386578815926128</v>
      </c>
      <c r="L7814" s="59">
        <f>Bühler!L7840</f>
        <v>8.3455578316445411</v>
      </c>
      <c r="M7814" s="58">
        <f>Bühler!M7840</f>
        <v>0</v>
      </c>
      <c r="N7814" s="56">
        <f>IF(Input!$D$19=1,J7814*Input!$C$19,0)+IF(Input!$D$20=1,K7814*Input!$C$20,0)+IF(Input!$D$21=1,L7814*Input!$C$21,0)+IF(Input!$D$22=1,M7814*Input!$C$22,0)</f>
        <v>0.34773157631852258</v>
      </c>
      <c r="O7814" s="59">
        <f>IF(Input!$D$19=2,J7814*Input!$C$19,0)+IF(Input!$D$20=2,K7814*Input!$C$20,0)+IF(Input!$D$21=2,L7814*Input!$C$21,0)+IF(Input!$D$22=2,M7814*Input!$C$22,0)</f>
        <v>0.8693289407963064</v>
      </c>
      <c r="P7814" s="59">
        <f>IF(Input!$D$19=3,J7814*Input!$C$19,0)+IF(Input!$D$20=3,K7814*Input!$C$20,0)+IF(Input!$D$21=3,L7814*Input!$C$21,0)+IF(Input!$D$22=3,M7814*Input!$C$22,0)</f>
        <v>0</v>
      </c>
      <c r="Q7814" s="75">
        <f>IF(Input!$D$19=4,J7814*Input!$C$19,0)+IF(Input!$D$20=4,K7814*Input!$C$20,0)+IF(Input!$D$21=4,L7814*Input!$C$21,0)+IF(Input!$D$22=4,M7814*Input!$C$22,0)</f>
        <v>0</v>
      </c>
      <c r="R7814" s="58">
        <v>69.588486890728973</v>
      </c>
      <c r="S7814" s="124">
        <f t="shared" si="121"/>
        <v>1.5068368307135978</v>
      </c>
    </row>
    <row r="7815" spans="8:19" x14ac:dyDescent="0.3">
      <c r="H7815" s="44">
        <v>7808</v>
      </c>
      <c r="I7815" s="56">
        <f>Bühler!I7841</f>
        <v>0.34773157631852258</v>
      </c>
      <c r="J7815" s="59">
        <f>Bühler!J7841</f>
        <v>1.1591052543950753</v>
      </c>
      <c r="K7815" s="59">
        <f>Bühler!K7841</f>
        <v>1.7386578815926128</v>
      </c>
      <c r="L7815" s="59">
        <f>Bühler!L7841</f>
        <v>8.3455578316445411</v>
      </c>
      <c r="M7815" s="58">
        <f>Bühler!M7841</f>
        <v>0</v>
      </c>
      <c r="N7815" s="56">
        <f>IF(Input!$D$19=1,J7815*Input!$C$19,0)+IF(Input!$D$20=1,K7815*Input!$C$20,0)+IF(Input!$D$21=1,L7815*Input!$C$21,0)+IF(Input!$D$22=1,M7815*Input!$C$22,0)</f>
        <v>0.34773157631852258</v>
      </c>
      <c r="O7815" s="59">
        <f>IF(Input!$D$19=2,J7815*Input!$C$19,0)+IF(Input!$D$20=2,K7815*Input!$C$20,0)+IF(Input!$D$21=2,L7815*Input!$C$21,0)+IF(Input!$D$22=2,M7815*Input!$C$22,0)</f>
        <v>0.8693289407963064</v>
      </c>
      <c r="P7815" s="59">
        <f>IF(Input!$D$19=3,J7815*Input!$C$19,0)+IF(Input!$D$20=3,K7815*Input!$C$20,0)+IF(Input!$D$21=3,L7815*Input!$C$21,0)+IF(Input!$D$22=3,M7815*Input!$C$22,0)</f>
        <v>0</v>
      </c>
      <c r="Q7815" s="75">
        <f>IF(Input!$D$19=4,J7815*Input!$C$19,0)+IF(Input!$D$20=4,K7815*Input!$C$20,0)+IF(Input!$D$21=4,L7815*Input!$C$21,0)+IF(Input!$D$22=4,M7815*Input!$C$22,0)</f>
        <v>0</v>
      </c>
      <c r="R7815" s="58">
        <v>71.332228401159341</v>
      </c>
      <c r="S7815" s="124">
        <f t="shared" si="121"/>
        <v>1.5068368307135978</v>
      </c>
    </row>
    <row r="7816" spans="8:19" x14ac:dyDescent="0.3">
      <c r="H7816" s="44">
        <v>7809</v>
      </c>
      <c r="I7816" s="56">
        <f>Bühler!I7842</f>
        <v>0.34773157631852258</v>
      </c>
      <c r="J7816" s="59">
        <f>Bühler!J7842</f>
        <v>1.1591052543950753</v>
      </c>
      <c r="K7816" s="59">
        <f>Bühler!K7842</f>
        <v>1.7386578815926128</v>
      </c>
      <c r="L7816" s="59">
        <f>Bühler!L7842</f>
        <v>8.3455578316445411</v>
      </c>
      <c r="M7816" s="58">
        <f>Bühler!M7842</f>
        <v>0</v>
      </c>
      <c r="N7816" s="56">
        <f>IF(Input!$D$19=1,J7816*Input!$C$19,0)+IF(Input!$D$20=1,K7816*Input!$C$20,0)+IF(Input!$D$21=1,L7816*Input!$C$21,0)+IF(Input!$D$22=1,M7816*Input!$C$22,0)</f>
        <v>0.34773157631852258</v>
      </c>
      <c r="O7816" s="59">
        <f>IF(Input!$D$19=2,J7816*Input!$C$19,0)+IF(Input!$D$20=2,K7816*Input!$C$20,0)+IF(Input!$D$21=2,L7816*Input!$C$21,0)+IF(Input!$D$22=2,M7816*Input!$C$22,0)</f>
        <v>0.8693289407963064</v>
      </c>
      <c r="P7816" s="59">
        <f>IF(Input!$D$19=3,J7816*Input!$C$19,0)+IF(Input!$D$20=3,K7816*Input!$C$20,0)+IF(Input!$D$21=3,L7816*Input!$C$21,0)+IF(Input!$D$22=3,M7816*Input!$C$22,0)</f>
        <v>0</v>
      </c>
      <c r="Q7816" s="75">
        <f>IF(Input!$D$19=4,J7816*Input!$C$19,0)+IF(Input!$D$20=4,K7816*Input!$C$20,0)+IF(Input!$D$21=4,L7816*Input!$C$21,0)+IF(Input!$D$22=4,M7816*Input!$C$22,0)</f>
        <v>0</v>
      </c>
      <c r="R7816" s="58">
        <v>71.963752703576318</v>
      </c>
      <c r="S7816" s="124">
        <f t="shared" si="121"/>
        <v>1.5068368307135978</v>
      </c>
    </row>
    <row r="7817" spans="8:19" x14ac:dyDescent="0.3">
      <c r="H7817" s="44">
        <v>7810</v>
      </c>
      <c r="I7817" s="56">
        <f>Bühler!I7843</f>
        <v>0.37368169395423323</v>
      </c>
      <c r="J7817" s="59">
        <f>Bühler!J7843</f>
        <v>1.245605646514111</v>
      </c>
      <c r="K7817" s="59">
        <f>Bühler!K7843</f>
        <v>1.868408469771166</v>
      </c>
      <c r="L7817" s="59">
        <f>Bühler!L7843</f>
        <v>8.9683606549015966</v>
      </c>
      <c r="M7817" s="58">
        <f>Bühler!M7843</f>
        <v>0</v>
      </c>
      <c r="N7817" s="56">
        <f>IF(Input!$D$19=1,J7817*Input!$C$19,0)+IF(Input!$D$20=1,K7817*Input!$C$20,0)+IF(Input!$D$21=1,L7817*Input!$C$21,0)+IF(Input!$D$22=1,M7817*Input!$C$22,0)</f>
        <v>0.37368169395423328</v>
      </c>
      <c r="O7817" s="59">
        <f>IF(Input!$D$19=2,J7817*Input!$C$19,0)+IF(Input!$D$20=2,K7817*Input!$C$20,0)+IF(Input!$D$21=2,L7817*Input!$C$21,0)+IF(Input!$D$22=2,M7817*Input!$C$22,0)</f>
        <v>0.93420423488558302</v>
      </c>
      <c r="P7817" s="59">
        <f>IF(Input!$D$19=3,J7817*Input!$C$19,0)+IF(Input!$D$20=3,K7817*Input!$C$20,0)+IF(Input!$D$21=3,L7817*Input!$C$21,0)+IF(Input!$D$22=3,M7817*Input!$C$22,0)</f>
        <v>0</v>
      </c>
      <c r="Q7817" s="75">
        <f>IF(Input!$D$19=4,J7817*Input!$C$19,0)+IF(Input!$D$20=4,K7817*Input!$C$20,0)+IF(Input!$D$21=4,L7817*Input!$C$21,0)+IF(Input!$D$22=4,M7817*Input!$C$22,0)</f>
        <v>0</v>
      </c>
      <c r="R7817" s="58">
        <v>71.12526177056364</v>
      </c>
      <c r="S7817" s="124">
        <f t="shared" ref="S7817:S7880" si="122">I7817+J7817</f>
        <v>1.6192873404683441</v>
      </c>
    </row>
    <row r="7818" spans="8:19" x14ac:dyDescent="0.3">
      <c r="H7818" s="44">
        <v>7811</v>
      </c>
      <c r="I7818" s="56">
        <f>Bühler!I7844</f>
        <v>0.40482183511708603</v>
      </c>
      <c r="J7818" s="59">
        <f>Bühler!J7844</f>
        <v>1.3494061170569536</v>
      </c>
      <c r="K7818" s="59">
        <f>Bühler!K7844</f>
        <v>2.0241091755854299</v>
      </c>
      <c r="L7818" s="59">
        <f>Bühler!L7844</f>
        <v>9.7157240428100646</v>
      </c>
      <c r="M7818" s="58">
        <f>Bühler!M7844</f>
        <v>0</v>
      </c>
      <c r="N7818" s="56">
        <f>IF(Input!$D$19=1,J7818*Input!$C$19,0)+IF(Input!$D$20=1,K7818*Input!$C$20,0)+IF(Input!$D$21=1,L7818*Input!$C$21,0)+IF(Input!$D$22=1,M7818*Input!$C$22,0)</f>
        <v>0.40482183511708608</v>
      </c>
      <c r="O7818" s="59">
        <f>IF(Input!$D$19=2,J7818*Input!$C$19,0)+IF(Input!$D$20=2,K7818*Input!$C$20,0)+IF(Input!$D$21=2,L7818*Input!$C$21,0)+IF(Input!$D$22=2,M7818*Input!$C$22,0)</f>
        <v>1.012054587792715</v>
      </c>
      <c r="P7818" s="59">
        <f>IF(Input!$D$19=3,J7818*Input!$C$19,0)+IF(Input!$D$20=3,K7818*Input!$C$20,0)+IF(Input!$D$21=3,L7818*Input!$C$21,0)+IF(Input!$D$22=3,M7818*Input!$C$22,0)</f>
        <v>0</v>
      </c>
      <c r="Q7818" s="75">
        <f>IF(Input!$D$19=4,J7818*Input!$C$19,0)+IF(Input!$D$20=4,K7818*Input!$C$20,0)+IF(Input!$D$21=4,L7818*Input!$C$21,0)+IF(Input!$D$22=4,M7818*Input!$C$22,0)</f>
        <v>0</v>
      </c>
      <c r="R7818" s="58">
        <v>71.820865656543162</v>
      </c>
      <c r="S7818" s="124">
        <f t="shared" si="122"/>
        <v>1.7542279521740396</v>
      </c>
    </row>
    <row r="7819" spans="8:19" x14ac:dyDescent="0.3">
      <c r="H7819" s="44">
        <v>7812</v>
      </c>
      <c r="I7819" s="56">
        <f>Bühler!I7845</f>
        <v>0.46710211744279145</v>
      </c>
      <c r="J7819" s="59">
        <f>Bühler!J7845</f>
        <v>1.5570070581426383</v>
      </c>
      <c r="K7819" s="59">
        <f>Bühler!K7845</f>
        <v>2.3355105872139572</v>
      </c>
      <c r="L7819" s="59">
        <f>Bühler!L7845</f>
        <v>11.210450818626995</v>
      </c>
      <c r="M7819" s="58">
        <f>Bühler!M7845</f>
        <v>0</v>
      </c>
      <c r="N7819" s="56">
        <f>IF(Input!$D$19=1,J7819*Input!$C$19,0)+IF(Input!$D$20=1,K7819*Input!$C$20,0)+IF(Input!$D$21=1,L7819*Input!$C$21,0)+IF(Input!$D$22=1,M7819*Input!$C$22,0)</f>
        <v>0.46710211744279145</v>
      </c>
      <c r="O7819" s="59">
        <f>IF(Input!$D$19=2,J7819*Input!$C$19,0)+IF(Input!$D$20=2,K7819*Input!$C$20,0)+IF(Input!$D$21=2,L7819*Input!$C$21,0)+IF(Input!$D$22=2,M7819*Input!$C$22,0)</f>
        <v>1.1677552936069786</v>
      </c>
      <c r="P7819" s="59">
        <f>IF(Input!$D$19=3,J7819*Input!$C$19,0)+IF(Input!$D$20=3,K7819*Input!$C$20,0)+IF(Input!$D$21=3,L7819*Input!$C$21,0)+IF(Input!$D$22=3,M7819*Input!$C$22,0)</f>
        <v>0</v>
      </c>
      <c r="Q7819" s="75">
        <f>IF(Input!$D$19=4,J7819*Input!$C$19,0)+IF(Input!$D$20=4,K7819*Input!$C$20,0)+IF(Input!$D$21=4,L7819*Input!$C$21,0)+IF(Input!$D$22=4,M7819*Input!$C$22,0)</f>
        <v>0</v>
      </c>
      <c r="R7819" s="58">
        <v>72.649616523294853</v>
      </c>
      <c r="S7819" s="124">
        <f t="shared" si="122"/>
        <v>2.0241091755854299</v>
      </c>
    </row>
    <row r="7820" spans="8:19" x14ac:dyDescent="0.3">
      <c r="H7820" s="44">
        <v>7813</v>
      </c>
      <c r="I7820" s="56">
        <f>Bühler!I7846</f>
        <v>0.46710211744279145</v>
      </c>
      <c r="J7820" s="59">
        <f>Bühler!J7846</f>
        <v>1.5570070581426383</v>
      </c>
      <c r="K7820" s="59">
        <f>Bühler!K7846</f>
        <v>2.3355105872139572</v>
      </c>
      <c r="L7820" s="59">
        <f>Bühler!L7846</f>
        <v>11.210450818626995</v>
      </c>
      <c r="M7820" s="58">
        <f>Bühler!M7846</f>
        <v>0</v>
      </c>
      <c r="N7820" s="56">
        <f>IF(Input!$D$19=1,J7820*Input!$C$19,0)+IF(Input!$D$20=1,K7820*Input!$C$20,0)+IF(Input!$D$21=1,L7820*Input!$C$21,0)+IF(Input!$D$22=1,M7820*Input!$C$22,0)</f>
        <v>0.46710211744279145</v>
      </c>
      <c r="O7820" s="59">
        <f>IF(Input!$D$19=2,J7820*Input!$C$19,0)+IF(Input!$D$20=2,K7820*Input!$C$20,0)+IF(Input!$D$21=2,L7820*Input!$C$21,0)+IF(Input!$D$22=2,M7820*Input!$C$22,0)</f>
        <v>1.1677552936069786</v>
      </c>
      <c r="P7820" s="59">
        <f>IF(Input!$D$19=3,J7820*Input!$C$19,0)+IF(Input!$D$20=3,K7820*Input!$C$20,0)+IF(Input!$D$21=3,L7820*Input!$C$21,0)+IF(Input!$D$22=3,M7820*Input!$C$22,0)</f>
        <v>0</v>
      </c>
      <c r="Q7820" s="75">
        <f>IF(Input!$D$19=4,J7820*Input!$C$19,0)+IF(Input!$D$20=4,K7820*Input!$C$20,0)+IF(Input!$D$21=4,L7820*Input!$C$21,0)+IF(Input!$D$22=4,M7820*Input!$C$22,0)</f>
        <v>0</v>
      </c>
      <c r="R7820" s="58">
        <v>71.504590115655418</v>
      </c>
      <c r="S7820" s="124">
        <f t="shared" si="122"/>
        <v>2.0241091755854299</v>
      </c>
    </row>
    <row r="7821" spans="8:19" x14ac:dyDescent="0.3">
      <c r="H7821" s="44">
        <v>7814</v>
      </c>
      <c r="I7821" s="56">
        <f>Bühler!I7847</f>
        <v>0.46710211744279145</v>
      </c>
      <c r="J7821" s="59">
        <f>Bühler!J7847</f>
        <v>1.5570070581426383</v>
      </c>
      <c r="K7821" s="59">
        <f>Bühler!K7847</f>
        <v>2.3355105872139572</v>
      </c>
      <c r="L7821" s="59">
        <f>Bühler!L7847</f>
        <v>11.210450818626995</v>
      </c>
      <c r="M7821" s="58">
        <f>Bühler!M7847</f>
        <v>0</v>
      </c>
      <c r="N7821" s="56">
        <f>IF(Input!$D$19=1,J7821*Input!$C$19,0)+IF(Input!$D$20=1,K7821*Input!$C$20,0)+IF(Input!$D$21=1,L7821*Input!$C$21,0)+IF(Input!$D$22=1,M7821*Input!$C$22,0)</f>
        <v>0.46710211744279145</v>
      </c>
      <c r="O7821" s="59">
        <f>IF(Input!$D$19=2,J7821*Input!$C$19,0)+IF(Input!$D$20=2,K7821*Input!$C$20,0)+IF(Input!$D$21=2,L7821*Input!$C$21,0)+IF(Input!$D$22=2,M7821*Input!$C$22,0)</f>
        <v>1.1677552936069786</v>
      </c>
      <c r="P7821" s="59">
        <f>IF(Input!$D$19=3,J7821*Input!$C$19,0)+IF(Input!$D$20=3,K7821*Input!$C$20,0)+IF(Input!$D$21=3,L7821*Input!$C$21,0)+IF(Input!$D$22=3,M7821*Input!$C$22,0)</f>
        <v>0</v>
      </c>
      <c r="Q7821" s="75">
        <f>IF(Input!$D$19=4,J7821*Input!$C$19,0)+IF(Input!$D$20=4,K7821*Input!$C$20,0)+IF(Input!$D$21=4,L7821*Input!$C$21,0)+IF(Input!$D$22=4,M7821*Input!$C$22,0)</f>
        <v>0</v>
      </c>
      <c r="R7821" s="58">
        <v>71.489701618819552</v>
      </c>
      <c r="S7821" s="124">
        <f t="shared" si="122"/>
        <v>2.0241091755854299</v>
      </c>
    </row>
    <row r="7822" spans="8:19" x14ac:dyDescent="0.3">
      <c r="H7822" s="44">
        <v>7815</v>
      </c>
      <c r="I7822" s="56">
        <f>Bühler!I7848</f>
        <v>0.46710211744279145</v>
      </c>
      <c r="J7822" s="59">
        <f>Bühler!J7848</f>
        <v>1.5570070581426383</v>
      </c>
      <c r="K7822" s="59">
        <f>Bühler!K7848</f>
        <v>2.3355105872139572</v>
      </c>
      <c r="L7822" s="59">
        <f>Bühler!L7848</f>
        <v>11.210450818626995</v>
      </c>
      <c r="M7822" s="58">
        <f>Bühler!M7848</f>
        <v>0</v>
      </c>
      <c r="N7822" s="56">
        <f>IF(Input!$D$19=1,J7822*Input!$C$19,0)+IF(Input!$D$20=1,K7822*Input!$C$20,0)+IF(Input!$D$21=1,L7822*Input!$C$21,0)+IF(Input!$D$22=1,M7822*Input!$C$22,0)</f>
        <v>0.46710211744279145</v>
      </c>
      <c r="O7822" s="59">
        <f>IF(Input!$D$19=2,J7822*Input!$C$19,0)+IF(Input!$D$20=2,K7822*Input!$C$20,0)+IF(Input!$D$21=2,L7822*Input!$C$21,0)+IF(Input!$D$22=2,M7822*Input!$C$22,0)</f>
        <v>1.1677552936069786</v>
      </c>
      <c r="P7822" s="59">
        <f>IF(Input!$D$19=3,J7822*Input!$C$19,0)+IF(Input!$D$20=3,K7822*Input!$C$20,0)+IF(Input!$D$21=3,L7822*Input!$C$21,0)+IF(Input!$D$22=3,M7822*Input!$C$22,0)</f>
        <v>0</v>
      </c>
      <c r="Q7822" s="75">
        <f>IF(Input!$D$19=4,J7822*Input!$C$19,0)+IF(Input!$D$20=4,K7822*Input!$C$20,0)+IF(Input!$D$21=4,L7822*Input!$C$21,0)+IF(Input!$D$22=4,M7822*Input!$C$22,0)</f>
        <v>0</v>
      </c>
      <c r="R7822" s="58">
        <v>71.587809709851513</v>
      </c>
      <c r="S7822" s="124">
        <f t="shared" si="122"/>
        <v>2.0241091755854299</v>
      </c>
    </row>
    <row r="7823" spans="8:19" x14ac:dyDescent="0.3">
      <c r="H7823" s="44">
        <v>7816</v>
      </c>
      <c r="I7823" s="56">
        <f>Bühler!I7849</f>
        <v>0.46710211744279145</v>
      </c>
      <c r="J7823" s="59">
        <f>Bühler!J7849</f>
        <v>1.5570070581426383</v>
      </c>
      <c r="K7823" s="59">
        <f>Bühler!K7849</f>
        <v>2.3355105872139572</v>
      </c>
      <c r="L7823" s="59">
        <f>Bühler!L7849</f>
        <v>11.210450818626995</v>
      </c>
      <c r="M7823" s="58">
        <f>Bühler!M7849</f>
        <v>0</v>
      </c>
      <c r="N7823" s="56">
        <f>IF(Input!$D$19=1,J7823*Input!$C$19,0)+IF(Input!$D$20=1,K7823*Input!$C$20,0)+IF(Input!$D$21=1,L7823*Input!$C$21,0)+IF(Input!$D$22=1,M7823*Input!$C$22,0)</f>
        <v>0.46710211744279145</v>
      </c>
      <c r="O7823" s="59">
        <f>IF(Input!$D$19=2,J7823*Input!$C$19,0)+IF(Input!$D$20=2,K7823*Input!$C$20,0)+IF(Input!$D$21=2,L7823*Input!$C$21,0)+IF(Input!$D$22=2,M7823*Input!$C$22,0)</f>
        <v>1.1677552936069786</v>
      </c>
      <c r="P7823" s="59">
        <f>IF(Input!$D$19=3,J7823*Input!$C$19,0)+IF(Input!$D$20=3,K7823*Input!$C$20,0)+IF(Input!$D$21=3,L7823*Input!$C$21,0)+IF(Input!$D$22=3,M7823*Input!$C$22,0)</f>
        <v>0</v>
      </c>
      <c r="Q7823" s="75">
        <f>IF(Input!$D$19=4,J7823*Input!$C$19,0)+IF(Input!$D$20=4,K7823*Input!$C$20,0)+IF(Input!$D$21=4,L7823*Input!$C$21,0)+IF(Input!$D$22=4,M7823*Input!$C$22,0)</f>
        <v>0</v>
      </c>
      <c r="R7823" s="58">
        <v>70.035917970390656</v>
      </c>
      <c r="S7823" s="124">
        <f t="shared" si="122"/>
        <v>2.0241091755854299</v>
      </c>
    </row>
    <row r="7824" spans="8:19" x14ac:dyDescent="0.3">
      <c r="H7824" s="44">
        <v>7817</v>
      </c>
      <c r="I7824" s="56">
        <f>Bühler!I7850</f>
        <v>0.46710211744279145</v>
      </c>
      <c r="J7824" s="59">
        <f>Bühler!J7850</f>
        <v>1.5570070581426383</v>
      </c>
      <c r="K7824" s="59">
        <f>Bühler!K7850</f>
        <v>2.3355105872139572</v>
      </c>
      <c r="L7824" s="59">
        <f>Bühler!L7850</f>
        <v>11.210450818626995</v>
      </c>
      <c r="M7824" s="58">
        <f>Bühler!M7850</f>
        <v>0</v>
      </c>
      <c r="N7824" s="56">
        <f>IF(Input!$D$19=1,J7824*Input!$C$19,0)+IF(Input!$D$20=1,K7824*Input!$C$20,0)+IF(Input!$D$21=1,L7824*Input!$C$21,0)+IF(Input!$D$22=1,M7824*Input!$C$22,0)</f>
        <v>0.46710211744279145</v>
      </c>
      <c r="O7824" s="59">
        <f>IF(Input!$D$19=2,J7824*Input!$C$19,0)+IF(Input!$D$20=2,K7824*Input!$C$20,0)+IF(Input!$D$21=2,L7824*Input!$C$21,0)+IF(Input!$D$22=2,M7824*Input!$C$22,0)</f>
        <v>1.1677552936069786</v>
      </c>
      <c r="P7824" s="59">
        <f>IF(Input!$D$19=3,J7824*Input!$C$19,0)+IF(Input!$D$20=3,K7824*Input!$C$20,0)+IF(Input!$D$21=3,L7824*Input!$C$21,0)+IF(Input!$D$22=3,M7824*Input!$C$22,0)</f>
        <v>0</v>
      </c>
      <c r="Q7824" s="75">
        <f>IF(Input!$D$19=4,J7824*Input!$C$19,0)+IF(Input!$D$20=4,K7824*Input!$C$20,0)+IF(Input!$D$21=4,L7824*Input!$C$21,0)+IF(Input!$D$22=4,M7824*Input!$C$22,0)</f>
        <v>0</v>
      </c>
      <c r="R7824" s="58">
        <v>68.605265964320509</v>
      </c>
      <c r="S7824" s="124">
        <f t="shared" si="122"/>
        <v>2.0241091755854299</v>
      </c>
    </row>
    <row r="7825" spans="8:19" x14ac:dyDescent="0.3">
      <c r="H7825" s="44">
        <v>7818</v>
      </c>
      <c r="I7825" s="56">
        <f>Bühler!I7851</f>
        <v>0.46710211744279145</v>
      </c>
      <c r="J7825" s="59">
        <f>Bühler!J7851</f>
        <v>1.5570070581426383</v>
      </c>
      <c r="K7825" s="59">
        <f>Bühler!K7851</f>
        <v>2.3355105872139572</v>
      </c>
      <c r="L7825" s="59">
        <f>Bühler!L7851</f>
        <v>11.210450818626995</v>
      </c>
      <c r="M7825" s="58">
        <f>Bühler!M7851</f>
        <v>0</v>
      </c>
      <c r="N7825" s="56">
        <f>IF(Input!$D$19=1,J7825*Input!$C$19,0)+IF(Input!$D$20=1,K7825*Input!$C$20,0)+IF(Input!$D$21=1,L7825*Input!$C$21,0)+IF(Input!$D$22=1,M7825*Input!$C$22,0)</f>
        <v>0.46710211744279145</v>
      </c>
      <c r="O7825" s="59">
        <f>IF(Input!$D$19=2,J7825*Input!$C$19,0)+IF(Input!$D$20=2,K7825*Input!$C$20,0)+IF(Input!$D$21=2,L7825*Input!$C$21,0)+IF(Input!$D$22=2,M7825*Input!$C$22,0)</f>
        <v>1.1677552936069786</v>
      </c>
      <c r="P7825" s="59">
        <f>IF(Input!$D$19=3,J7825*Input!$C$19,0)+IF(Input!$D$20=3,K7825*Input!$C$20,0)+IF(Input!$D$21=3,L7825*Input!$C$21,0)+IF(Input!$D$22=3,M7825*Input!$C$22,0)</f>
        <v>0</v>
      </c>
      <c r="Q7825" s="75">
        <f>IF(Input!$D$19=4,J7825*Input!$C$19,0)+IF(Input!$D$20=4,K7825*Input!$C$20,0)+IF(Input!$D$21=4,L7825*Input!$C$21,0)+IF(Input!$D$22=4,M7825*Input!$C$22,0)</f>
        <v>0</v>
      </c>
      <c r="R7825" s="58">
        <v>68.236757402336082</v>
      </c>
      <c r="S7825" s="124">
        <f t="shared" si="122"/>
        <v>2.0241091755854299</v>
      </c>
    </row>
    <row r="7826" spans="8:19" x14ac:dyDescent="0.3">
      <c r="H7826" s="44">
        <v>7819</v>
      </c>
      <c r="I7826" s="56">
        <f>Bühler!I7852</f>
        <v>0.46710211744279145</v>
      </c>
      <c r="J7826" s="59">
        <f>Bühler!J7852</f>
        <v>1.5570070581426383</v>
      </c>
      <c r="K7826" s="59">
        <f>Bühler!K7852</f>
        <v>2.3355105872139572</v>
      </c>
      <c r="L7826" s="59">
        <f>Bühler!L7852</f>
        <v>11.210450818626995</v>
      </c>
      <c r="M7826" s="58">
        <f>Bühler!M7852</f>
        <v>0</v>
      </c>
      <c r="N7826" s="56">
        <f>IF(Input!$D$19=1,J7826*Input!$C$19,0)+IF(Input!$D$20=1,K7826*Input!$C$20,0)+IF(Input!$D$21=1,L7826*Input!$C$21,0)+IF(Input!$D$22=1,M7826*Input!$C$22,0)</f>
        <v>0.46710211744279145</v>
      </c>
      <c r="O7826" s="59">
        <f>IF(Input!$D$19=2,J7826*Input!$C$19,0)+IF(Input!$D$20=2,K7826*Input!$C$20,0)+IF(Input!$D$21=2,L7826*Input!$C$21,0)+IF(Input!$D$22=2,M7826*Input!$C$22,0)</f>
        <v>1.1677552936069786</v>
      </c>
      <c r="P7826" s="59">
        <f>IF(Input!$D$19=3,J7826*Input!$C$19,0)+IF(Input!$D$20=3,K7826*Input!$C$20,0)+IF(Input!$D$21=3,L7826*Input!$C$21,0)+IF(Input!$D$22=3,M7826*Input!$C$22,0)</f>
        <v>0</v>
      </c>
      <c r="Q7826" s="75">
        <f>IF(Input!$D$19=4,J7826*Input!$C$19,0)+IF(Input!$D$20=4,K7826*Input!$C$20,0)+IF(Input!$D$21=4,L7826*Input!$C$21,0)+IF(Input!$D$22=4,M7826*Input!$C$22,0)</f>
        <v>0</v>
      </c>
      <c r="R7826" s="58">
        <v>67.765648986804479</v>
      </c>
      <c r="S7826" s="124">
        <f t="shared" si="122"/>
        <v>2.0241091755854299</v>
      </c>
    </row>
    <row r="7827" spans="8:19" x14ac:dyDescent="0.3">
      <c r="H7827" s="44">
        <v>7820</v>
      </c>
      <c r="I7827" s="56">
        <f>Bühler!I7853</f>
        <v>0.38925176453565957</v>
      </c>
      <c r="J7827" s="59">
        <f>Bühler!J7853</f>
        <v>1.2975058817855321</v>
      </c>
      <c r="K7827" s="59">
        <f>Bühler!K7853</f>
        <v>1.946258822678298</v>
      </c>
      <c r="L7827" s="59">
        <f>Bühler!L7853</f>
        <v>9.3420423488558306</v>
      </c>
      <c r="M7827" s="58">
        <f>Bühler!M7853</f>
        <v>0</v>
      </c>
      <c r="N7827" s="56">
        <f>IF(Input!$D$19=1,J7827*Input!$C$19,0)+IF(Input!$D$20=1,K7827*Input!$C$20,0)+IF(Input!$D$21=1,L7827*Input!$C$21,0)+IF(Input!$D$22=1,M7827*Input!$C$22,0)</f>
        <v>0.38925176453565963</v>
      </c>
      <c r="O7827" s="59">
        <f>IF(Input!$D$19=2,J7827*Input!$C$19,0)+IF(Input!$D$20=2,K7827*Input!$C$20,0)+IF(Input!$D$21=2,L7827*Input!$C$21,0)+IF(Input!$D$22=2,M7827*Input!$C$22,0)</f>
        <v>0.97312941133914899</v>
      </c>
      <c r="P7827" s="59">
        <f>IF(Input!$D$19=3,J7827*Input!$C$19,0)+IF(Input!$D$20=3,K7827*Input!$C$20,0)+IF(Input!$D$21=3,L7827*Input!$C$21,0)+IF(Input!$D$22=3,M7827*Input!$C$22,0)</f>
        <v>0</v>
      </c>
      <c r="Q7827" s="75">
        <f>IF(Input!$D$19=4,J7827*Input!$C$19,0)+IF(Input!$D$20=4,K7827*Input!$C$20,0)+IF(Input!$D$21=4,L7827*Input!$C$21,0)+IF(Input!$D$22=4,M7827*Input!$C$22,0)</f>
        <v>0</v>
      </c>
      <c r="R7827" s="58">
        <v>66.304757259677146</v>
      </c>
      <c r="S7827" s="124">
        <f t="shared" si="122"/>
        <v>1.6867576463211917</v>
      </c>
    </row>
    <row r="7828" spans="8:19" x14ac:dyDescent="0.3">
      <c r="H7828" s="44">
        <v>7821</v>
      </c>
      <c r="I7828" s="56">
        <f>Bühler!I7854</f>
        <v>0.31140141162852769</v>
      </c>
      <c r="J7828" s="59">
        <f>Bühler!J7854</f>
        <v>1.0380047054284256</v>
      </c>
      <c r="K7828" s="59">
        <f>Bühler!K7854</f>
        <v>1.5570070581426385</v>
      </c>
      <c r="L7828" s="59">
        <f>Bühler!L7854</f>
        <v>7.4736338790846641</v>
      </c>
      <c r="M7828" s="58">
        <f>Bühler!M7854</f>
        <v>0</v>
      </c>
      <c r="N7828" s="56">
        <f>IF(Input!$D$19=1,J7828*Input!$C$19,0)+IF(Input!$D$20=1,K7828*Input!$C$20,0)+IF(Input!$D$21=1,L7828*Input!$C$21,0)+IF(Input!$D$22=1,M7828*Input!$C$22,0)</f>
        <v>0.31140141162852769</v>
      </c>
      <c r="O7828" s="59">
        <f>IF(Input!$D$19=2,J7828*Input!$C$19,0)+IF(Input!$D$20=2,K7828*Input!$C$20,0)+IF(Input!$D$21=2,L7828*Input!$C$21,0)+IF(Input!$D$22=2,M7828*Input!$C$22,0)</f>
        <v>0.77850352907131926</v>
      </c>
      <c r="P7828" s="59">
        <f>IF(Input!$D$19=3,J7828*Input!$C$19,0)+IF(Input!$D$20=3,K7828*Input!$C$20,0)+IF(Input!$D$21=3,L7828*Input!$C$21,0)+IF(Input!$D$22=3,M7828*Input!$C$22,0)</f>
        <v>0</v>
      </c>
      <c r="Q7828" s="75">
        <f>IF(Input!$D$19=4,J7828*Input!$C$19,0)+IF(Input!$D$20=4,K7828*Input!$C$20,0)+IF(Input!$D$21=4,L7828*Input!$C$21,0)+IF(Input!$D$22=4,M7828*Input!$C$22,0)</f>
        <v>0</v>
      </c>
      <c r="R7828" s="58">
        <v>64.232130632128047</v>
      </c>
      <c r="S7828" s="124">
        <f t="shared" si="122"/>
        <v>1.3494061170569533</v>
      </c>
    </row>
    <row r="7829" spans="8:19" x14ac:dyDescent="0.3">
      <c r="H7829" s="44">
        <v>7822</v>
      </c>
      <c r="I7829" s="56">
        <f>Bühler!I7855</f>
        <v>0.23355105872139573</v>
      </c>
      <c r="J7829" s="59">
        <f>Bühler!J7855</f>
        <v>0.77850352907131914</v>
      </c>
      <c r="K7829" s="59">
        <f>Bühler!K7855</f>
        <v>1.1677552936069786</v>
      </c>
      <c r="L7829" s="59">
        <f>Bühler!L7855</f>
        <v>5.6052254093134977</v>
      </c>
      <c r="M7829" s="58">
        <f>Bühler!M7855</f>
        <v>0</v>
      </c>
      <c r="N7829" s="56">
        <f>IF(Input!$D$19=1,J7829*Input!$C$19,0)+IF(Input!$D$20=1,K7829*Input!$C$20,0)+IF(Input!$D$21=1,L7829*Input!$C$21,0)+IF(Input!$D$22=1,M7829*Input!$C$22,0)</f>
        <v>0.23355105872139573</v>
      </c>
      <c r="O7829" s="59">
        <f>IF(Input!$D$19=2,J7829*Input!$C$19,0)+IF(Input!$D$20=2,K7829*Input!$C$20,0)+IF(Input!$D$21=2,L7829*Input!$C$21,0)+IF(Input!$D$22=2,M7829*Input!$C$22,0)</f>
        <v>0.5838776468034893</v>
      </c>
      <c r="P7829" s="59">
        <f>IF(Input!$D$19=3,J7829*Input!$C$19,0)+IF(Input!$D$20=3,K7829*Input!$C$20,0)+IF(Input!$D$21=3,L7829*Input!$C$21,0)+IF(Input!$D$22=3,M7829*Input!$C$22,0)</f>
        <v>0</v>
      </c>
      <c r="Q7829" s="75">
        <f>IF(Input!$D$19=4,J7829*Input!$C$19,0)+IF(Input!$D$20=4,K7829*Input!$C$20,0)+IF(Input!$D$21=4,L7829*Input!$C$21,0)+IF(Input!$D$22=4,M7829*Input!$C$22,0)</f>
        <v>0</v>
      </c>
      <c r="R7829" s="58">
        <v>61.886092216306707</v>
      </c>
      <c r="S7829" s="124">
        <f t="shared" si="122"/>
        <v>1.012054587792715</v>
      </c>
    </row>
    <row r="7830" spans="8:19" x14ac:dyDescent="0.3">
      <c r="H7830" s="44">
        <v>7823</v>
      </c>
      <c r="I7830" s="56">
        <f>Bühler!I7856</f>
        <v>0.23355105872139573</v>
      </c>
      <c r="J7830" s="59">
        <f>Bühler!J7856</f>
        <v>0.77850352907131914</v>
      </c>
      <c r="K7830" s="59">
        <f>Bühler!K7856</f>
        <v>1.1677552936069786</v>
      </c>
      <c r="L7830" s="59">
        <f>Bühler!L7856</f>
        <v>5.6052254093134977</v>
      </c>
      <c r="M7830" s="58">
        <f>Bühler!M7856</f>
        <v>0</v>
      </c>
      <c r="N7830" s="56">
        <f>IF(Input!$D$19=1,J7830*Input!$C$19,0)+IF(Input!$D$20=1,K7830*Input!$C$20,0)+IF(Input!$D$21=1,L7830*Input!$C$21,0)+IF(Input!$D$22=1,M7830*Input!$C$22,0)</f>
        <v>0.23355105872139573</v>
      </c>
      <c r="O7830" s="59">
        <f>IF(Input!$D$19=2,J7830*Input!$C$19,0)+IF(Input!$D$20=2,K7830*Input!$C$20,0)+IF(Input!$D$21=2,L7830*Input!$C$21,0)+IF(Input!$D$22=2,M7830*Input!$C$22,0)</f>
        <v>0.5838776468034893</v>
      </c>
      <c r="P7830" s="59">
        <f>IF(Input!$D$19=3,J7830*Input!$C$19,0)+IF(Input!$D$20=3,K7830*Input!$C$20,0)+IF(Input!$D$21=3,L7830*Input!$C$21,0)+IF(Input!$D$22=3,M7830*Input!$C$22,0)</f>
        <v>0</v>
      </c>
      <c r="Q7830" s="75">
        <f>IF(Input!$D$19=4,J7830*Input!$C$19,0)+IF(Input!$D$20=4,K7830*Input!$C$20,0)+IF(Input!$D$21=4,L7830*Input!$C$21,0)+IF(Input!$D$22=4,M7830*Input!$C$22,0)</f>
        <v>0</v>
      </c>
      <c r="R7830" s="58">
        <v>61.601194601499095</v>
      </c>
      <c r="S7830" s="124">
        <f t="shared" si="122"/>
        <v>1.012054587792715</v>
      </c>
    </row>
    <row r="7831" spans="8:19" x14ac:dyDescent="0.3">
      <c r="H7831" s="44">
        <v>7824</v>
      </c>
      <c r="I7831" s="56">
        <f>Bühler!I7857</f>
        <v>0.23355105872139573</v>
      </c>
      <c r="J7831" s="59">
        <f>Bühler!J7857</f>
        <v>0.77850352907131914</v>
      </c>
      <c r="K7831" s="59">
        <f>Bühler!K7857</f>
        <v>1.1677552936069786</v>
      </c>
      <c r="L7831" s="59">
        <f>Bühler!L7857</f>
        <v>5.6052254093134977</v>
      </c>
      <c r="M7831" s="58">
        <f>Bühler!M7857</f>
        <v>0</v>
      </c>
      <c r="N7831" s="56">
        <f>IF(Input!$D$19=1,J7831*Input!$C$19,0)+IF(Input!$D$20=1,K7831*Input!$C$20,0)+IF(Input!$D$21=1,L7831*Input!$C$21,0)+IF(Input!$D$22=1,M7831*Input!$C$22,0)</f>
        <v>0.23355105872139573</v>
      </c>
      <c r="O7831" s="59">
        <f>IF(Input!$D$19=2,J7831*Input!$C$19,0)+IF(Input!$D$20=2,K7831*Input!$C$20,0)+IF(Input!$D$21=2,L7831*Input!$C$21,0)+IF(Input!$D$22=2,M7831*Input!$C$22,0)</f>
        <v>0.5838776468034893</v>
      </c>
      <c r="P7831" s="59">
        <f>IF(Input!$D$19=3,J7831*Input!$C$19,0)+IF(Input!$D$20=3,K7831*Input!$C$20,0)+IF(Input!$D$21=3,L7831*Input!$C$21,0)+IF(Input!$D$22=3,M7831*Input!$C$22,0)</f>
        <v>0</v>
      </c>
      <c r="Q7831" s="75">
        <f>IF(Input!$D$19=4,J7831*Input!$C$19,0)+IF(Input!$D$20=4,K7831*Input!$C$20,0)+IF(Input!$D$21=4,L7831*Input!$C$21,0)+IF(Input!$D$22=4,M7831*Input!$C$22,0)</f>
        <v>0</v>
      </c>
      <c r="R7831" s="58">
        <v>61.191514442818516</v>
      </c>
      <c r="S7831" s="124">
        <f t="shared" si="122"/>
        <v>1.012054587792715</v>
      </c>
    </row>
    <row r="7832" spans="8:19" x14ac:dyDescent="0.3">
      <c r="H7832" s="44">
        <v>7825</v>
      </c>
      <c r="I7832" s="56">
        <f>Bühler!I7858</f>
        <v>0.25428187733160951</v>
      </c>
      <c r="J7832" s="59">
        <f>Bühler!J7858</f>
        <v>0.84760625777203169</v>
      </c>
      <c r="K7832" s="59">
        <f>Bühler!K7858</f>
        <v>1.2714093866580474</v>
      </c>
      <c r="L7832" s="59">
        <f>Bühler!L7858</f>
        <v>6.1027650559586277</v>
      </c>
      <c r="M7832" s="58">
        <f>Bühler!M7858</f>
        <v>0</v>
      </c>
      <c r="N7832" s="56">
        <f>IF(Input!$D$19=1,J7832*Input!$C$19,0)+IF(Input!$D$20=1,K7832*Input!$C$20,0)+IF(Input!$D$21=1,L7832*Input!$C$21,0)+IF(Input!$D$22=1,M7832*Input!$C$22,0)</f>
        <v>0.25428187733160951</v>
      </c>
      <c r="O7832" s="59">
        <f>IF(Input!$D$19=2,J7832*Input!$C$19,0)+IF(Input!$D$20=2,K7832*Input!$C$20,0)+IF(Input!$D$21=2,L7832*Input!$C$21,0)+IF(Input!$D$22=2,M7832*Input!$C$22,0)</f>
        <v>0.63570469332902368</v>
      </c>
      <c r="P7832" s="59">
        <f>IF(Input!$D$19=3,J7832*Input!$C$19,0)+IF(Input!$D$20=3,K7832*Input!$C$20,0)+IF(Input!$D$21=3,L7832*Input!$C$21,0)+IF(Input!$D$22=3,M7832*Input!$C$22,0)</f>
        <v>0</v>
      </c>
      <c r="Q7832" s="75">
        <f>IF(Input!$D$19=4,J7832*Input!$C$19,0)+IF(Input!$D$20=4,K7832*Input!$C$20,0)+IF(Input!$D$21=4,L7832*Input!$C$21,0)+IF(Input!$D$22=4,M7832*Input!$C$22,0)</f>
        <v>0</v>
      </c>
      <c r="R7832" s="58">
        <v>60.218022343997234</v>
      </c>
      <c r="S7832" s="124">
        <f t="shared" si="122"/>
        <v>1.1018881351036411</v>
      </c>
    </row>
    <row r="7833" spans="8:19" x14ac:dyDescent="0.3">
      <c r="H7833" s="44">
        <v>7826</v>
      </c>
      <c r="I7833" s="56">
        <f>Bühler!I7859</f>
        <v>0.25428187733160951</v>
      </c>
      <c r="J7833" s="59">
        <f>Bühler!J7859</f>
        <v>0.84760625777203169</v>
      </c>
      <c r="K7833" s="59">
        <f>Bühler!K7859</f>
        <v>1.2714093866580474</v>
      </c>
      <c r="L7833" s="59">
        <f>Bühler!L7859</f>
        <v>6.1027650559586277</v>
      </c>
      <c r="M7833" s="58">
        <f>Bühler!M7859</f>
        <v>0</v>
      </c>
      <c r="N7833" s="56">
        <f>IF(Input!$D$19=1,J7833*Input!$C$19,0)+IF(Input!$D$20=1,K7833*Input!$C$20,0)+IF(Input!$D$21=1,L7833*Input!$C$21,0)+IF(Input!$D$22=1,M7833*Input!$C$22,0)</f>
        <v>0.25428187733160951</v>
      </c>
      <c r="O7833" s="59">
        <f>IF(Input!$D$19=2,J7833*Input!$C$19,0)+IF(Input!$D$20=2,K7833*Input!$C$20,0)+IF(Input!$D$21=2,L7833*Input!$C$21,0)+IF(Input!$D$22=2,M7833*Input!$C$22,0)</f>
        <v>0.63570469332902368</v>
      </c>
      <c r="P7833" s="59">
        <f>IF(Input!$D$19=3,J7833*Input!$C$19,0)+IF(Input!$D$20=3,K7833*Input!$C$20,0)+IF(Input!$D$21=3,L7833*Input!$C$21,0)+IF(Input!$D$22=3,M7833*Input!$C$22,0)</f>
        <v>0</v>
      </c>
      <c r="Q7833" s="75">
        <f>IF(Input!$D$19=4,J7833*Input!$C$19,0)+IF(Input!$D$20=4,K7833*Input!$C$20,0)+IF(Input!$D$21=4,L7833*Input!$C$21,0)+IF(Input!$D$22=4,M7833*Input!$C$22,0)</f>
        <v>0</v>
      </c>
      <c r="R7833" s="58">
        <v>59.966238236012401</v>
      </c>
      <c r="S7833" s="124">
        <f t="shared" si="122"/>
        <v>1.1018881351036411</v>
      </c>
    </row>
    <row r="7834" spans="8:19" x14ac:dyDescent="0.3">
      <c r="H7834" s="44">
        <v>7827</v>
      </c>
      <c r="I7834" s="56">
        <f>Bühler!I7860</f>
        <v>0.25428187733160951</v>
      </c>
      <c r="J7834" s="59">
        <f>Bühler!J7860</f>
        <v>0.84760625777203169</v>
      </c>
      <c r="K7834" s="59">
        <f>Bühler!K7860</f>
        <v>1.2714093866580474</v>
      </c>
      <c r="L7834" s="59">
        <f>Bühler!L7860</f>
        <v>6.1027650559586277</v>
      </c>
      <c r="M7834" s="58">
        <f>Bühler!M7860</f>
        <v>0</v>
      </c>
      <c r="N7834" s="56">
        <f>IF(Input!$D$19=1,J7834*Input!$C$19,0)+IF(Input!$D$20=1,K7834*Input!$C$20,0)+IF(Input!$D$21=1,L7834*Input!$C$21,0)+IF(Input!$D$22=1,M7834*Input!$C$22,0)</f>
        <v>0.25428187733160951</v>
      </c>
      <c r="O7834" s="59">
        <f>IF(Input!$D$19=2,J7834*Input!$C$19,0)+IF(Input!$D$20=2,K7834*Input!$C$20,0)+IF(Input!$D$21=2,L7834*Input!$C$21,0)+IF(Input!$D$22=2,M7834*Input!$C$22,0)</f>
        <v>0.63570469332902368</v>
      </c>
      <c r="P7834" s="59">
        <f>IF(Input!$D$19=3,J7834*Input!$C$19,0)+IF(Input!$D$20=3,K7834*Input!$C$20,0)+IF(Input!$D$21=3,L7834*Input!$C$21,0)+IF(Input!$D$22=3,M7834*Input!$C$22,0)</f>
        <v>0</v>
      </c>
      <c r="Q7834" s="75">
        <f>IF(Input!$D$19=4,J7834*Input!$C$19,0)+IF(Input!$D$20=4,K7834*Input!$C$20,0)+IF(Input!$D$21=4,L7834*Input!$C$21,0)+IF(Input!$D$22=4,M7834*Input!$C$22,0)</f>
        <v>0</v>
      </c>
      <c r="R7834" s="58">
        <v>60.3830272187136</v>
      </c>
      <c r="S7834" s="124">
        <f t="shared" si="122"/>
        <v>1.1018881351036411</v>
      </c>
    </row>
    <row r="7835" spans="8:19" x14ac:dyDescent="0.3">
      <c r="H7835" s="44">
        <v>7828</v>
      </c>
      <c r="I7835" s="56">
        <f>Bühler!I7861</f>
        <v>0.25428187733160951</v>
      </c>
      <c r="J7835" s="59">
        <f>Bühler!J7861</f>
        <v>0.84760625777203169</v>
      </c>
      <c r="K7835" s="59">
        <f>Bühler!K7861</f>
        <v>1.2714093866580474</v>
      </c>
      <c r="L7835" s="59">
        <f>Bühler!L7861</f>
        <v>6.1027650559586277</v>
      </c>
      <c r="M7835" s="58">
        <f>Bühler!M7861</f>
        <v>0</v>
      </c>
      <c r="N7835" s="56">
        <f>IF(Input!$D$19=1,J7835*Input!$C$19,0)+IF(Input!$D$20=1,K7835*Input!$C$20,0)+IF(Input!$D$21=1,L7835*Input!$C$21,0)+IF(Input!$D$22=1,M7835*Input!$C$22,0)</f>
        <v>0.25428187733160951</v>
      </c>
      <c r="O7835" s="59">
        <f>IF(Input!$D$19=2,J7835*Input!$C$19,0)+IF(Input!$D$20=2,K7835*Input!$C$20,0)+IF(Input!$D$21=2,L7835*Input!$C$21,0)+IF(Input!$D$22=2,M7835*Input!$C$22,0)</f>
        <v>0.63570469332902368</v>
      </c>
      <c r="P7835" s="59">
        <f>IF(Input!$D$19=3,J7835*Input!$C$19,0)+IF(Input!$D$20=3,K7835*Input!$C$20,0)+IF(Input!$D$21=3,L7835*Input!$C$21,0)+IF(Input!$D$22=3,M7835*Input!$C$22,0)</f>
        <v>0</v>
      </c>
      <c r="Q7835" s="75">
        <f>IF(Input!$D$19=4,J7835*Input!$C$19,0)+IF(Input!$D$20=4,K7835*Input!$C$20,0)+IF(Input!$D$21=4,L7835*Input!$C$21,0)+IF(Input!$D$22=4,M7835*Input!$C$22,0)</f>
        <v>0</v>
      </c>
      <c r="R7835" s="58">
        <v>60.626523481459124</v>
      </c>
      <c r="S7835" s="124">
        <f t="shared" si="122"/>
        <v>1.1018881351036411</v>
      </c>
    </row>
    <row r="7836" spans="8:19" x14ac:dyDescent="0.3">
      <c r="H7836" s="44">
        <v>7829</v>
      </c>
      <c r="I7836" s="56">
        <f>Bühler!I7862</f>
        <v>0.25428187733160951</v>
      </c>
      <c r="J7836" s="59">
        <f>Bühler!J7862</f>
        <v>0.84760625777203169</v>
      </c>
      <c r="K7836" s="59">
        <f>Bühler!K7862</f>
        <v>1.2714093866580474</v>
      </c>
      <c r="L7836" s="59">
        <f>Bühler!L7862</f>
        <v>6.1027650559586277</v>
      </c>
      <c r="M7836" s="58">
        <f>Bühler!M7862</f>
        <v>0</v>
      </c>
      <c r="N7836" s="56">
        <f>IF(Input!$D$19=1,J7836*Input!$C$19,0)+IF(Input!$D$20=1,K7836*Input!$C$20,0)+IF(Input!$D$21=1,L7836*Input!$C$21,0)+IF(Input!$D$22=1,M7836*Input!$C$22,0)</f>
        <v>0.25428187733160951</v>
      </c>
      <c r="O7836" s="59">
        <f>IF(Input!$D$19=2,J7836*Input!$C$19,0)+IF(Input!$D$20=2,K7836*Input!$C$20,0)+IF(Input!$D$21=2,L7836*Input!$C$21,0)+IF(Input!$D$22=2,M7836*Input!$C$22,0)</f>
        <v>0.63570469332902368</v>
      </c>
      <c r="P7836" s="59">
        <f>IF(Input!$D$19=3,J7836*Input!$C$19,0)+IF(Input!$D$20=3,K7836*Input!$C$20,0)+IF(Input!$D$21=3,L7836*Input!$C$21,0)+IF(Input!$D$22=3,M7836*Input!$C$22,0)</f>
        <v>0</v>
      </c>
      <c r="Q7836" s="75">
        <f>IF(Input!$D$19=4,J7836*Input!$C$19,0)+IF(Input!$D$20=4,K7836*Input!$C$20,0)+IF(Input!$D$21=4,L7836*Input!$C$21,0)+IF(Input!$D$22=4,M7836*Input!$C$22,0)</f>
        <v>0</v>
      </c>
      <c r="R7836" s="58">
        <v>61.802636394210055</v>
      </c>
      <c r="S7836" s="124">
        <f t="shared" si="122"/>
        <v>1.1018881351036411</v>
      </c>
    </row>
    <row r="7837" spans="8:19" x14ac:dyDescent="0.3">
      <c r="H7837" s="44">
        <v>7830</v>
      </c>
      <c r="I7837" s="56">
        <f>Bühler!I7863</f>
        <v>0.32774108633851889</v>
      </c>
      <c r="J7837" s="59">
        <f>Bühler!J7863</f>
        <v>1.0924702877950629</v>
      </c>
      <c r="K7837" s="59">
        <f>Bühler!K7863</f>
        <v>1.6387054316925944</v>
      </c>
      <c r="L7837" s="59">
        <f>Bühler!L7863</f>
        <v>7.865786072124453</v>
      </c>
      <c r="M7837" s="58">
        <f>Bühler!M7863</f>
        <v>0</v>
      </c>
      <c r="N7837" s="56">
        <f>IF(Input!$D$19=1,J7837*Input!$C$19,0)+IF(Input!$D$20=1,K7837*Input!$C$20,0)+IF(Input!$D$21=1,L7837*Input!$C$21,0)+IF(Input!$D$22=1,M7837*Input!$C$22,0)</f>
        <v>0.32774108633851889</v>
      </c>
      <c r="O7837" s="59">
        <f>IF(Input!$D$19=2,J7837*Input!$C$19,0)+IF(Input!$D$20=2,K7837*Input!$C$20,0)+IF(Input!$D$21=2,L7837*Input!$C$21,0)+IF(Input!$D$22=2,M7837*Input!$C$22,0)</f>
        <v>0.81935271584629721</v>
      </c>
      <c r="P7837" s="59">
        <f>IF(Input!$D$19=3,J7837*Input!$C$19,0)+IF(Input!$D$20=3,K7837*Input!$C$20,0)+IF(Input!$D$21=3,L7837*Input!$C$21,0)+IF(Input!$D$22=3,M7837*Input!$C$22,0)</f>
        <v>0</v>
      </c>
      <c r="Q7837" s="75">
        <f>IF(Input!$D$19=4,J7837*Input!$C$19,0)+IF(Input!$D$20=4,K7837*Input!$C$20,0)+IF(Input!$D$21=4,L7837*Input!$C$21,0)+IF(Input!$D$22=4,M7837*Input!$C$22,0)</f>
        <v>0</v>
      </c>
      <c r="R7837" s="58">
        <v>64.903256039359349</v>
      </c>
      <c r="S7837" s="124">
        <f t="shared" si="122"/>
        <v>1.4202113741335818</v>
      </c>
    </row>
    <row r="7838" spans="8:19" x14ac:dyDescent="0.3">
      <c r="H7838" s="44">
        <v>7831</v>
      </c>
      <c r="I7838" s="56">
        <f>Bühler!I7864</f>
        <v>0.39554958696028147</v>
      </c>
      <c r="J7838" s="59">
        <f>Bühler!J7864</f>
        <v>1.3184986232009384</v>
      </c>
      <c r="K7838" s="59">
        <f>Bühler!K7864</f>
        <v>1.9777479348014073</v>
      </c>
      <c r="L7838" s="59">
        <f>Bühler!L7864</f>
        <v>9.4931900870467558</v>
      </c>
      <c r="M7838" s="58">
        <f>Bühler!M7864</f>
        <v>0</v>
      </c>
      <c r="N7838" s="56">
        <f>IF(Input!$D$19=1,J7838*Input!$C$19,0)+IF(Input!$D$20=1,K7838*Input!$C$20,0)+IF(Input!$D$21=1,L7838*Input!$C$21,0)+IF(Input!$D$22=1,M7838*Input!$C$22,0)</f>
        <v>0.39554958696028147</v>
      </c>
      <c r="O7838" s="59">
        <f>IF(Input!$D$19=2,J7838*Input!$C$19,0)+IF(Input!$D$20=2,K7838*Input!$C$20,0)+IF(Input!$D$21=2,L7838*Input!$C$21,0)+IF(Input!$D$22=2,M7838*Input!$C$22,0)</f>
        <v>0.98887396740070366</v>
      </c>
      <c r="P7838" s="59">
        <f>IF(Input!$D$19=3,J7838*Input!$C$19,0)+IF(Input!$D$20=3,K7838*Input!$C$20,0)+IF(Input!$D$21=3,L7838*Input!$C$21,0)+IF(Input!$D$22=3,M7838*Input!$C$22,0)</f>
        <v>0</v>
      </c>
      <c r="Q7838" s="75">
        <f>IF(Input!$D$19=4,J7838*Input!$C$19,0)+IF(Input!$D$20=4,K7838*Input!$C$20,0)+IF(Input!$D$21=4,L7838*Input!$C$21,0)+IF(Input!$D$22=4,M7838*Input!$C$22,0)</f>
        <v>0</v>
      </c>
      <c r="R7838" s="58">
        <v>68.049004628110097</v>
      </c>
      <c r="S7838" s="124">
        <f t="shared" si="122"/>
        <v>1.7140482101612198</v>
      </c>
    </row>
    <row r="7839" spans="8:19" x14ac:dyDescent="0.3">
      <c r="H7839" s="44">
        <v>7832</v>
      </c>
      <c r="I7839" s="56">
        <f>Bühler!I7865</f>
        <v>0.39554958696028147</v>
      </c>
      <c r="J7839" s="59">
        <f>Bühler!J7865</f>
        <v>1.3184986232009384</v>
      </c>
      <c r="K7839" s="59">
        <f>Bühler!K7865</f>
        <v>1.9777479348014073</v>
      </c>
      <c r="L7839" s="59">
        <f>Bühler!L7865</f>
        <v>9.4931900870467558</v>
      </c>
      <c r="M7839" s="58">
        <f>Bühler!M7865</f>
        <v>0</v>
      </c>
      <c r="N7839" s="56">
        <f>IF(Input!$D$19=1,J7839*Input!$C$19,0)+IF(Input!$D$20=1,K7839*Input!$C$20,0)+IF(Input!$D$21=1,L7839*Input!$C$21,0)+IF(Input!$D$22=1,M7839*Input!$C$22,0)</f>
        <v>0.39554958696028147</v>
      </c>
      <c r="O7839" s="59">
        <f>IF(Input!$D$19=2,J7839*Input!$C$19,0)+IF(Input!$D$20=2,K7839*Input!$C$20,0)+IF(Input!$D$21=2,L7839*Input!$C$21,0)+IF(Input!$D$22=2,M7839*Input!$C$22,0)</f>
        <v>0.98887396740070366</v>
      </c>
      <c r="P7839" s="59">
        <f>IF(Input!$D$19=3,J7839*Input!$C$19,0)+IF(Input!$D$20=3,K7839*Input!$C$20,0)+IF(Input!$D$21=3,L7839*Input!$C$21,0)+IF(Input!$D$22=3,M7839*Input!$C$22,0)</f>
        <v>0</v>
      </c>
      <c r="Q7839" s="75">
        <f>IF(Input!$D$19=4,J7839*Input!$C$19,0)+IF(Input!$D$20=4,K7839*Input!$C$20,0)+IF(Input!$D$21=4,L7839*Input!$C$21,0)+IF(Input!$D$22=4,M7839*Input!$C$22,0)</f>
        <v>0</v>
      </c>
      <c r="R7839" s="58">
        <v>69.587972559590142</v>
      </c>
      <c r="S7839" s="124">
        <f t="shared" si="122"/>
        <v>1.7140482101612198</v>
      </c>
    </row>
    <row r="7840" spans="8:19" x14ac:dyDescent="0.3">
      <c r="H7840" s="44">
        <v>7833</v>
      </c>
      <c r="I7840" s="56">
        <f>Bühler!I7866</f>
        <v>0.39554958696028147</v>
      </c>
      <c r="J7840" s="59">
        <f>Bühler!J7866</f>
        <v>1.3184986232009384</v>
      </c>
      <c r="K7840" s="59">
        <f>Bühler!K7866</f>
        <v>1.9777479348014073</v>
      </c>
      <c r="L7840" s="59">
        <f>Bühler!L7866</f>
        <v>9.4931900870467558</v>
      </c>
      <c r="M7840" s="58">
        <f>Bühler!M7866</f>
        <v>0</v>
      </c>
      <c r="N7840" s="56">
        <f>IF(Input!$D$19=1,J7840*Input!$C$19,0)+IF(Input!$D$20=1,K7840*Input!$C$20,0)+IF(Input!$D$21=1,L7840*Input!$C$21,0)+IF(Input!$D$22=1,M7840*Input!$C$22,0)</f>
        <v>0.39554958696028147</v>
      </c>
      <c r="O7840" s="59">
        <f>IF(Input!$D$19=2,J7840*Input!$C$19,0)+IF(Input!$D$20=2,K7840*Input!$C$20,0)+IF(Input!$D$21=2,L7840*Input!$C$21,0)+IF(Input!$D$22=2,M7840*Input!$C$22,0)</f>
        <v>0.98887396740070366</v>
      </c>
      <c r="P7840" s="59">
        <f>IF(Input!$D$19=3,J7840*Input!$C$19,0)+IF(Input!$D$20=3,K7840*Input!$C$20,0)+IF(Input!$D$21=3,L7840*Input!$C$21,0)+IF(Input!$D$22=3,M7840*Input!$C$22,0)</f>
        <v>0</v>
      </c>
      <c r="Q7840" s="75">
        <f>IF(Input!$D$19=4,J7840*Input!$C$19,0)+IF(Input!$D$20=4,K7840*Input!$C$20,0)+IF(Input!$D$21=4,L7840*Input!$C$21,0)+IF(Input!$D$22=4,M7840*Input!$C$22,0)</f>
        <v>0</v>
      </c>
      <c r="R7840" s="58">
        <v>70.146731333097563</v>
      </c>
      <c r="S7840" s="124">
        <f t="shared" si="122"/>
        <v>1.7140482101612198</v>
      </c>
    </row>
    <row r="7841" spans="8:19" x14ac:dyDescent="0.3">
      <c r="H7841" s="44">
        <v>7834</v>
      </c>
      <c r="I7841" s="56">
        <f>Bühler!I7867</f>
        <v>0.42380312888601585</v>
      </c>
      <c r="J7841" s="59">
        <f>Bühler!J7867</f>
        <v>1.4126770962867197</v>
      </c>
      <c r="K7841" s="59">
        <f>Bühler!K7867</f>
        <v>2.1190156444300792</v>
      </c>
      <c r="L7841" s="59">
        <f>Bühler!L7867</f>
        <v>10.171275093264381</v>
      </c>
      <c r="M7841" s="58">
        <f>Bühler!M7867</f>
        <v>0</v>
      </c>
      <c r="N7841" s="56">
        <f>IF(Input!$D$19=1,J7841*Input!$C$19,0)+IF(Input!$D$20=1,K7841*Input!$C$20,0)+IF(Input!$D$21=1,L7841*Input!$C$21,0)+IF(Input!$D$22=1,M7841*Input!$C$22,0)</f>
        <v>0.4238031288860159</v>
      </c>
      <c r="O7841" s="59">
        <f>IF(Input!$D$19=2,J7841*Input!$C$19,0)+IF(Input!$D$20=2,K7841*Input!$C$20,0)+IF(Input!$D$21=2,L7841*Input!$C$21,0)+IF(Input!$D$22=2,M7841*Input!$C$22,0)</f>
        <v>1.0595078222150396</v>
      </c>
      <c r="P7841" s="59">
        <f>IF(Input!$D$19=3,J7841*Input!$C$19,0)+IF(Input!$D$20=3,K7841*Input!$C$20,0)+IF(Input!$D$21=3,L7841*Input!$C$21,0)+IF(Input!$D$22=3,M7841*Input!$C$22,0)</f>
        <v>0</v>
      </c>
      <c r="Q7841" s="75">
        <f>IF(Input!$D$19=4,J7841*Input!$C$19,0)+IF(Input!$D$20=4,K7841*Input!$C$20,0)+IF(Input!$D$21=4,L7841*Input!$C$21,0)+IF(Input!$D$22=4,M7841*Input!$C$22,0)</f>
        <v>0</v>
      </c>
      <c r="R7841" s="58">
        <v>70.111750382349229</v>
      </c>
      <c r="S7841" s="124">
        <f t="shared" si="122"/>
        <v>1.8364802251727355</v>
      </c>
    </row>
    <row r="7842" spans="8:19" x14ac:dyDescent="0.3">
      <c r="H7842" s="44">
        <v>7835</v>
      </c>
      <c r="I7842" s="56">
        <f>Bühler!I7868</f>
        <v>0.44075525404145649</v>
      </c>
      <c r="J7842" s="59">
        <f>Bühler!J7868</f>
        <v>1.4691841801381884</v>
      </c>
      <c r="K7842" s="59">
        <f>Bühler!K7868</f>
        <v>2.2037762702072823</v>
      </c>
      <c r="L7842" s="59">
        <f>Bühler!L7868</f>
        <v>10.578126096994955</v>
      </c>
      <c r="M7842" s="58">
        <f>Bühler!M7868</f>
        <v>0</v>
      </c>
      <c r="N7842" s="56">
        <f>IF(Input!$D$19=1,J7842*Input!$C$19,0)+IF(Input!$D$20=1,K7842*Input!$C$20,0)+IF(Input!$D$21=1,L7842*Input!$C$21,0)+IF(Input!$D$22=1,M7842*Input!$C$22,0)</f>
        <v>0.44075525404145649</v>
      </c>
      <c r="O7842" s="59">
        <f>IF(Input!$D$19=2,J7842*Input!$C$19,0)+IF(Input!$D$20=2,K7842*Input!$C$20,0)+IF(Input!$D$21=2,L7842*Input!$C$21,0)+IF(Input!$D$22=2,M7842*Input!$C$22,0)</f>
        <v>1.1018881351036411</v>
      </c>
      <c r="P7842" s="59">
        <f>IF(Input!$D$19=3,J7842*Input!$C$19,0)+IF(Input!$D$20=3,K7842*Input!$C$20,0)+IF(Input!$D$21=3,L7842*Input!$C$21,0)+IF(Input!$D$22=3,M7842*Input!$C$22,0)</f>
        <v>0</v>
      </c>
      <c r="Q7842" s="75">
        <f>IF(Input!$D$19=4,J7842*Input!$C$19,0)+IF(Input!$D$20=4,K7842*Input!$C$20,0)+IF(Input!$D$21=4,L7842*Input!$C$21,0)+IF(Input!$D$22=4,M7842*Input!$C$22,0)</f>
        <v>0</v>
      </c>
      <c r="R7842" s="58">
        <v>70.111360559240339</v>
      </c>
      <c r="S7842" s="124">
        <f t="shared" si="122"/>
        <v>1.909939434179645</v>
      </c>
    </row>
    <row r="7843" spans="8:19" x14ac:dyDescent="0.3">
      <c r="H7843" s="44">
        <v>7836</v>
      </c>
      <c r="I7843" s="56">
        <f>Bühler!I7869</f>
        <v>0.50856375466321901</v>
      </c>
      <c r="J7843" s="59">
        <f>Bühler!J7869</f>
        <v>1.6952125155440634</v>
      </c>
      <c r="K7843" s="59">
        <f>Bühler!K7869</f>
        <v>2.5428187733160947</v>
      </c>
      <c r="L7843" s="59">
        <f>Bühler!L7869</f>
        <v>12.205530111917255</v>
      </c>
      <c r="M7843" s="58">
        <f>Bühler!M7869</f>
        <v>0</v>
      </c>
      <c r="N7843" s="56">
        <f>IF(Input!$D$19=1,J7843*Input!$C$19,0)+IF(Input!$D$20=1,K7843*Input!$C$20,0)+IF(Input!$D$21=1,L7843*Input!$C$21,0)+IF(Input!$D$22=1,M7843*Input!$C$22,0)</f>
        <v>0.50856375466321901</v>
      </c>
      <c r="O7843" s="59">
        <f>IF(Input!$D$19=2,J7843*Input!$C$19,0)+IF(Input!$D$20=2,K7843*Input!$C$20,0)+IF(Input!$D$21=2,L7843*Input!$C$21,0)+IF(Input!$D$22=2,M7843*Input!$C$22,0)</f>
        <v>1.2714093866580474</v>
      </c>
      <c r="P7843" s="59">
        <f>IF(Input!$D$19=3,J7843*Input!$C$19,0)+IF(Input!$D$20=3,K7843*Input!$C$20,0)+IF(Input!$D$21=3,L7843*Input!$C$21,0)+IF(Input!$D$22=3,M7843*Input!$C$22,0)</f>
        <v>0</v>
      </c>
      <c r="Q7843" s="75">
        <f>IF(Input!$D$19=4,J7843*Input!$C$19,0)+IF(Input!$D$20=4,K7843*Input!$C$20,0)+IF(Input!$D$21=4,L7843*Input!$C$21,0)+IF(Input!$D$22=4,M7843*Input!$C$22,0)</f>
        <v>0</v>
      </c>
      <c r="R7843" s="58">
        <v>69.65004663810187</v>
      </c>
      <c r="S7843" s="124">
        <f t="shared" si="122"/>
        <v>2.2037762702072823</v>
      </c>
    </row>
    <row r="7844" spans="8:19" x14ac:dyDescent="0.3">
      <c r="H7844" s="44">
        <v>7837</v>
      </c>
      <c r="I7844" s="56">
        <f>Bühler!I7870</f>
        <v>0.50856375466321901</v>
      </c>
      <c r="J7844" s="59">
        <f>Bühler!J7870</f>
        <v>1.6952125155440634</v>
      </c>
      <c r="K7844" s="59">
        <f>Bühler!K7870</f>
        <v>2.5428187733160947</v>
      </c>
      <c r="L7844" s="59">
        <f>Bühler!L7870</f>
        <v>12.205530111917255</v>
      </c>
      <c r="M7844" s="58">
        <f>Bühler!M7870</f>
        <v>0</v>
      </c>
      <c r="N7844" s="56">
        <f>IF(Input!$D$19=1,J7844*Input!$C$19,0)+IF(Input!$D$20=1,K7844*Input!$C$20,0)+IF(Input!$D$21=1,L7844*Input!$C$21,0)+IF(Input!$D$22=1,M7844*Input!$C$22,0)</f>
        <v>0.50856375466321901</v>
      </c>
      <c r="O7844" s="59">
        <f>IF(Input!$D$19=2,J7844*Input!$C$19,0)+IF(Input!$D$20=2,K7844*Input!$C$20,0)+IF(Input!$D$21=2,L7844*Input!$C$21,0)+IF(Input!$D$22=2,M7844*Input!$C$22,0)</f>
        <v>1.2714093866580474</v>
      </c>
      <c r="P7844" s="59">
        <f>IF(Input!$D$19=3,J7844*Input!$C$19,0)+IF(Input!$D$20=3,K7844*Input!$C$20,0)+IF(Input!$D$21=3,L7844*Input!$C$21,0)+IF(Input!$D$22=3,M7844*Input!$C$22,0)</f>
        <v>0</v>
      </c>
      <c r="Q7844" s="75">
        <f>IF(Input!$D$19=4,J7844*Input!$C$19,0)+IF(Input!$D$20=4,K7844*Input!$C$20,0)+IF(Input!$D$21=4,L7844*Input!$C$21,0)+IF(Input!$D$22=4,M7844*Input!$C$22,0)</f>
        <v>0</v>
      </c>
      <c r="R7844" s="58">
        <v>68.139977730390513</v>
      </c>
      <c r="S7844" s="124">
        <f t="shared" si="122"/>
        <v>2.2037762702072823</v>
      </c>
    </row>
    <row r="7845" spans="8:19" x14ac:dyDescent="0.3">
      <c r="H7845" s="44">
        <v>7838</v>
      </c>
      <c r="I7845" s="56">
        <f>Bühler!I7871</f>
        <v>0.50856375466321901</v>
      </c>
      <c r="J7845" s="59">
        <f>Bühler!J7871</f>
        <v>1.6952125155440634</v>
      </c>
      <c r="K7845" s="59">
        <f>Bühler!K7871</f>
        <v>2.5428187733160947</v>
      </c>
      <c r="L7845" s="59">
        <f>Bühler!L7871</f>
        <v>12.205530111917255</v>
      </c>
      <c r="M7845" s="58">
        <f>Bühler!M7871</f>
        <v>0</v>
      </c>
      <c r="N7845" s="56">
        <f>IF(Input!$D$19=1,J7845*Input!$C$19,0)+IF(Input!$D$20=1,K7845*Input!$C$20,0)+IF(Input!$D$21=1,L7845*Input!$C$21,0)+IF(Input!$D$22=1,M7845*Input!$C$22,0)</f>
        <v>0.50856375466321901</v>
      </c>
      <c r="O7845" s="59">
        <f>IF(Input!$D$19=2,J7845*Input!$C$19,0)+IF(Input!$D$20=2,K7845*Input!$C$20,0)+IF(Input!$D$21=2,L7845*Input!$C$21,0)+IF(Input!$D$22=2,M7845*Input!$C$22,0)</f>
        <v>1.2714093866580474</v>
      </c>
      <c r="P7845" s="59">
        <f>IF(Input!$D$19=3,J7845*Input!$C$19,0)+IF(Input!$D$20=3,K7845*Input!$C$20,0)+IF(Input!$D$21=3,L7845*Input!$C$21,0)+IF(Input!$D$22=3,M7845*Input!$C$22,0)</f>
        <v>0</v>
      </c>
      <c r="Q7845" s="75">
        <f>IF(Input!$D$19=4,J7845*Input!$C$19,0)+IF(Input!$D$20=4,K7845*Input!$C$20,0)+IF(Input!$D$21=4,L7845*Input!$C$21,0)+IF(Input!$D$22=4,M7845*Input!$C$22,0)</f>
        <v>0</v>
      </c>
      <c r="R7845" s="58">
        <v>66.989602537808523</v>
      </c>
      <c r="S7845" s="124">
        <f t="shared" si="122"/>
        <v>2.2037762702072823</v>
      </c>
    </row>
    <row r="7846" spans="8:19" x14ac:dyDescent="0.3">
      <c r="H7846" s="44">
        <v>7839</v>
      </c>
      <c r="I7846" s="56">
        <f>Bühler!I7872</f>
        <v>0.50856375466321901</v>
      </c>
      <c r="J7846" s="59">
        <f>Bühler!J7872</f>
        <v>1.6952125155440634</v>
      </c>
      <c r="K7846" s="59">
        <f>Bühler!K7872</f>
        <v>2.5428187733160947</v>
      </c>
      <c r="L7846" s="59">
        <f>Bühler!L7872</f>
        <v>12.205530111917255</v>
      </c>
      <c r="M7846" s="58">
        <f>Bühler!M7872</f>
        <v>0</v>
      </c>
      <c r="N7846" s="56">
        <f>IF(Input!$D$19=1,J7846*Input!$C$19,0)+IF(Input!$D$20=1,K7846*Input!$C$20,0)+IF(Input!$D$21=1,L7846*Input!$C$21,0)+IF(Input!$D$22=1,M7846*Input!$C$22,0)</f>
        <v>0.50856375466321901</v>
      </c>
      <c r="O7846" s="59">
        <f>IF(Input!$D$19=2,J7846*Input!$C$19,0)+IF(Input!$D$20=2,K7846*Input!$C$20,0)+IF(Input!$D$21=2,L7846*Input!$C$21,0)+IF(Input!$D$22=2,M7846*Input!$C$22,0)</f>
        <v>1.2714093866580474</v>
      </c>
      <c r="P7846" s="59">
        <f>IF(Input!$D$19=3,J7846*Input!$C$19,0)+IF(Input!$D$20=3,K7846*Input!$C$20,0)+IF(Input!$D$21=3,L7846*Input!$C$21,0)+IF(Input!$D$22=3,M7846*Input!$C$22,0)</f>
        <v>0</v>
      </c>
      <c r="Q7846" s="75">
        <f>IF(Input!$D$19=4,J7846*Input!$C$19,0)+IF(Input!$D$20=4,K7846*Input!$C$20,0)+IF(Input!$D$21=4,L7846*Input!$C$21,0)+IF(Input!$D$22=4,M7846*Input!$C$22,0)</f>
        <v>0</v>
      </c>
      <c r="R7846" s="58">
        <v>66.881520368967799</v>
      </c>
      <c r="S7846" s="124">
        <f t="shared" si="122"/>
        <v>2.2037762702072823</v>
      </c>
    </row>
    <row r="7847" spans="8:19" x14ac:dyDescent="0.3">
      <c r="H7847" s="44">
        <v>7840</v>
      </c>
      <c r="I7847" s="56">
        <f>Bühler!I7873</f>
        <v>0.42380312888601585</v>
      </c>
      <c r="J7847" s="59">
        <f>Bühler!J7873</f>
        <v>1.4126770962867197</v>
      </c>
      <c r="K7847" s="59">
        <f>Bühler!K7873</f>
        <v>2.1190156444300792</v>
      </c>
      <c r="L7847" s="59">
        <f>Bühler!L7873</f>
        <v>10.171275093264381</v>
      </c>
      <c r="M7847" s="58">
        <f>Bühler!M7873</f>
        <v>0</v>
      </c>
      <c r="N7847" s="56">
        <f>IF(Input!$D$19=1,J7847*Input!$C$19,0)+IF(Input!$D$20=1,K7847*Input!$C$20,0)+IF(Input!$D$21=1,L7847*Input!$C$21,0)+IF(Input!$D$22=1,M7847*Input!$C$22,0)</f>
        <v>0.4238031288860159</v>
      </c>
      <c r="O7847" s="59">
        <f>IF(Input!$D$19=2,J7847*Input!$C$19,0)+IF(Input!$D$20=2,K7847*Input!$C$20,0)+IF(Input!$D$21=2,L7847*Input!$C$21,0)+IF(Input!$D$22=2,M7847*Input!$C$22,0)</f>
        <v>1.0595078222150396</v>
      </c>
      <c r="P7847" s="59">
        <f>IF(Input!$D$19=3,J7847*Input!$C$19,0)+IF(Input!$D$20=3,K7847*Input!$C$20,0)+IF(Input!$D$21=3,L7847*Input!$C$21,0)+IF(Input!$D$22=3,M7847*Input!$C$22,0)</f>
        <v>0</v>
      </c>
      <c r="Q7847" s="75">
        <f>IF(Input!$D$19=4,J7847*Input!$C$19,0)+IF(Input!$D$20=4,K7847*Input!$C$20,0)+IF(Input!$D$21=4,L7847*Input!$C$21,0)+IF(Input!$D$22=4,M7847*Input!$C$22,0)</f>
        <v>0</v>
      </c>
      <c r="R7847" s="58">
        <v>65.67928493405681</v>
      </c>
      <c r="S7847" s="124">
        <f t="shared" si="122"/>
        <v>1.8364802251727355</v>
      </c>
    </row>
    <row r="7848" spans="8:19" x14ac:dyDescent="0.3">
      <c r="H7848" s="44">
        <v>7841</v>
      </c>
      <c r="I7848" s="56">
        <f>Bühler!I7874</f>
        <v>0.40120029534542834</v>
      </c>
      <c r="J7848" s="59">
        <f>Bühler!J7874</f>
        <v>1.3373343178180948</v>
      </c>
      <c r="K7848" s="59">
        <f>Bühler!K7874</f>
        <v>2.0060014767271417</v>
      </c>
      <c r="L7848" s="59">
        <f>Bühler!L7874</f>
        <v>9.6288070882902801</v>
      </c>
      <c r="M7848" s="58">
        <f>Bühler!M7874</f>
        <v>0</v>
      </c>
      <c r="N7848" s="56">
        <f>IF(Input!$D$19=1,J7848*Input!$C$19,0)+IF(Input!$D$20=1,K7848*Input!$C$20,0)+IF(Input!$D$21=1,L7848*Input!$C$21,0)+IF(Input!$D$22=1,M7848*Input!$C$22,0)</f>
        <v>0.40120029534542839</v>
      </c>
      <c r="O7848" s="59">
        <f>IF(Input!$D$19=2,J7848*Input!$C$19,0)+IF(Input!$D$20=2,K7848*Input!$C$20,0)+IF(Input!$D$21=2,L7848*Input!$C$21,0)+IF(Input!$D$22=2,M7848*Input!$C$22,0)</f>
        <v>1.0030007383635708</v>
      </c>
      <c r="P7848" s="59">
        <f>IF(Input!$D$19=3,J7848*Input!$C$19,0)+IF(Input!$D$20=3,K7848*Input!$C$20,0)+IF(Input!$D$21=3,L7848*Input!$C$21,0)+IF(Input!$D$22=3,M7848*Input!$C$22,0)</f>
        <v>0</v>
      </c>
      <c r="Q7848" s="75">
        <f>IF(Input!$D$19=4,J7848*Input!$C$19,0)+IF(Input!$D$20=4,K7848*Input!$C$20,0)+IF(Input!$D$21=4,L7848*Input!$C$21,0)+IF(Input!$D$22=4,M7848*Input!$C$22,0)</f>
        <v>0</v>
      </c>
      <c r="R7848" s="58">
        <v>64.530530876036778</v>
      </c>
      <c r="S7848" s="124">
        <f t="shared" si="122"/>
        <v>1.7385346131635231</v>
      </c>
    </row>
    <row r="7849" spans="8:19" x14ac:dyDescent="0.3">
      <c r="H7849" s="44">
        <v>7842</v>
      </c>
      <c r="I7849" s="56">
        <f>Bühler!I7875</f>
        <v>0.40120029534542834</v>
      </c>
      <c r="J7849" s="59">
        <f>Bühler!J7875</f>
        <v>1.3373343178180948</v>
      </c>
      <c r="K7849" s="59">
        <f>Bühler!K7875</f>
        <v>2.0060014767271417</v>
      </c>
      <c r="L7849" s="59">
        <f>Bühler!L7875</f>
        <v>9.6288070882902801</v>
      </c>
      <c r="M7849" s="58">
        <f>Bühler!M7875</f>
        <v>0</v>
      </c>
      <c r="N7849" s="56">
        <f>IF(Input!$D$19=1,J7849*Input!$C$19,0)+IF(Input!$D$20=1,K7849*Input!$C$20,0)+IF(Input!$D$21=1,L7849*Input!$C$21,0)+IF(Input!$D$22=1,M7849*Input!$C$22,0)</f>
        <v>0.40120029534542839</v>
      </c>
      <c r="O7849" s="59">
        <f>IF(Input!$D$19=2,J7849*Input!$C$19,0)+IF(Input!$D$20=2,K7849*Input!$C$20,0)+IF(Input!$D$21=2,L7849*Input!$C$21,0)+IF(Input!$D$22=2,M7849*Input!$C$22,0)</f>
        <v>1.0030007383635708</v>
      </c>
      <c r="P7849" s="59">
        <f>IF(Input!$D$19=3,J7849*Input!$C$19,0)+IF(Input!$D$20=3,K7849*Input!$C$20,0)+IF(Input!$D$21=3,L7849*Input!$C$21,0)+IF(Input!$D$22=3,M7849*Input!$C$22,0)</f>
        <v>0</v>
      </c>
      <c r="Q7849" s="75">
        <f>IF(Input!$D$19=4,J7849*Input!$C$19,0)+IF(Input!$D$20=4,K7849*Input!$C$20,0)+IF(Input!$D$21=4,L7849*Input!$C$21,0)+IF(Input!$D$22=4,M7849*Input!$C$22,0)</f>
        <v>0</v>
      </c>
      <c r="R7849" s="58">
        <v>63.338360310943166</v>
      </c>
      <c r="S7849" s="124">
        <f t="shared" si="122"/>
        <v>1.7385346131635231</v>
      </c>
    </row>
    <row r="7850" spans="8:19" x14ac:dyDescent="0.3">
      <c r="H7850" s="44">
        <v>7843</v>
      </c>
      <c r="I7850" s="56">
        <f>Bühler!I7876</f>
        <v>0.40120029534542834</v>
      </c>
      <c r="J7850" s="59">
        <f>Bühler!J7876</f>
        <v>1.3373343178180948</v>
      </c>
      <c r="K7850" s="59">
        <f>Bühler!K7876</f>
        <v>2.0060014767271417</v>
      </c>
      <c r="L7850" s="59">
        <f>Bühler!L7876</f>
        <v>9.6288070882902801</v>
      </c>
      <c r="M7850" s="58">
        <f>Bühler!M7876</f>
        <v>0</v>
      </c>
      <c r="N7850" s="56">
        <f>IF(Input!$D$19=1,J7850*Input!$C$19,0)+IF(Input!$D$20=1,K7850*Input!$C$20,0)+IF(Input!$D$21=1,L7850*Input!$C$21,0)+IF(Input!$D$22=1,M7850*Input!$C$22,0)</f>
        <v>0.40120029534542839</v>
      </c>
      <c r="O7850" s="59">
        <f>IF(Input!$D$19=2,J7850*Input!$C$19,0)+IF(Input!$D$20=2,K7850*Input!$C$20,0)+IF(Input!$D$21=2,L7850*Input!$C$21,0)+IF(Input!$D$22=2,M7850*Input!$C$22,0)</f>
        <v>1.0030007383635708</v>
      </c>
      <c r="P7850" s="59">
        <f>IF(Input!$D$19=3,J7850*Input!$C$19,0)+IF(Input!$D$20=3,K7850*Input!$C$20,0)+IF(Input!$D$21=3,L7850*Input!$C$21,0)+IF(Input!$D$22=3,M7850*Input!$C$22,0)</f>
        <v>0</v>
      </c>
      <c r="Q7850" s="75">
        <f>IF(Input!$D$19=4,J7850*Input!$C$19,0)+IF(Input!$D$20=4,K7850*Input!$C$20,0)+IF(Input!$D$21=4,L7850*Input!$C$21,0)+IF(Input!$D$22=4,M7850*Input!$C$22,0)</f>
        <v>0</v>
      </c>
      <c r="R7850" s="58">
        <v>62.405019207788072</v>
      </c>
      <c r="S7850" s="124">
        <f t="shared" si="122"/>
        <v>1.7385346131635231</v>
      </c>
    </row>
    <row r="7851" spans="8:19" x14ac:dyDescent="0.3">
      <c r="H7851" s="44">
        <v>7844</v>
      </c>
      <c r="I7851" s="56">
        <f>Bühler!I7877</f>
        <v>0.40120029534542834</v>
      </c>
      <c r="J7851" s="59">
        <f>Bühler!J7877</f>
        <v>1.3373343178180948</v>
      </c>
      <c r="K7851" s="59">
        <f>Bühler!K7877</f>
        <v>2.0060014767271417</v>
      </c>
      <c r="L7851" s="59">
        <f>Bühler!L7877</f>
        <v>9.6288070882902801</v>
      </c>
      <c r="M7851" s="58">
        <f>Bühler!M7877</f>
        <v>0</v>
      </c>
      <c r="N7851" s="56">
        <f>IF(Input!$D$19=1,J7851*Input!$C$19,0)+IF(Input!$D$20=1,K7851*Input!$C$20,0)+IF(Input!$D$21=1,L7851*Input!$C$21,0)+IF(Input!$D$22=1,M7851*Input!$C$22,0)</f>
        <v>0.40120029534542839</v>
      </c>
      <c r="O7851" s="59">
        <f>IF(Input!$D$19=2,J7851*Input!$C$19,0)+IF(Input!$D$20=2,K7851*Input!$C$20,0)+IF(Input!$D$21=2,L7851*Input!$C$21,0)+IF(Input!$D$22=2,M7851*Input!$C$22,0)</f>
        <v>1.0030007383635708</v>
      </c>
      <c r="P7851" s="59">
        <f>IF(Input!$D$19=3,J7851*Input!$C$19,0)+IF(Input!$D$20=3,K7851*Input!$C$20,0)+IF(Input!$D$21=3,L7851*Input!$C$21,0)+IF(Input!$D$22=3,M7851*Input!$C$22,0)</f>
        <v>0</v>
      </c>
      <c r="Q7851" s="75">
        <f>IF(Input!$D$19=4,J7851*Input!$C$19,0)+IF(Input!$D$20=4,K7851*Input!$C$20,0)+IF(Input!$D$21=4,L7851*Input!$C$21,0)+IF(Input!$D$22=4,M7851*Input!$C$22,0)</f>
        <v>0</v>
      </c>
      <c r="R7851" s="58">
        <v>60.837938449746737</v>
      </c>
      <c r="S7851" s="124">
        <f t="shared" si="122"/>
        <v>1.7385346131635231</v>
      </c>
    </row>
    <row r="7852" spans="8:19" x14ac:dyDescent="0.3">
      <c r="H7852" s="44">
        <v>7845</v>
      </c>
      <c r="I7852" s="56">
        <f>Bühler!I7878</f>
        <v>0.3107889611830783</v>
      </c>
      <c r="J7852" s="59">
        <f>Bühler!J7878</f>
        <v>1.0359632039435944</v>
      </c>
      <c r="K7852" s="59">
        <f>Bühler!K7878</f>
        <v>1.5539448059153915</v>
      </c>
      <c r="L7852" s="59">
        <f>Bühler!L7878</f>
        <v>7.4589350683938793</v>
      </c>
      <c r="M7852" s="58">
        <f>Bühler!M7878</f>
        <v>0</v>
      </c>
      <c r="N7852" s="56">
        <f>IF(Input!$D$19=1,J7852*Input!$C$19,0)+IF(Input!$D$20=1,K7852*Input!$C$20,0)+IF(Input!$D$21=1,L7852*Input!$C$21,0)+IF(Input!$D$22=1,M7852*Input!$C$22,0)</f>
        <v>0.3107889611830783</v>
      </c>
      <c r="O7852" s="59">
        <f>IF(Input!$D$19=2,J7852*Input!$C$19,0)+IF(Input!$D$20=2,K7852*Input!$C$20,0)+IF(Input!$D$21=2,L7852*Input!$C$21,0)+IF(Input!$D$22=2,M7852*Input!$C$22,0)</f>
        <v>0.77697240295769576</v>
      </c>
      <c r="P7852" s="59">
        <f>IF(Input!$D$19=3,J7852*Input!$C$19,0)+IF(Input!$D$20=3,K7852*Input!$C$20,0)+IF(Input!$D$21=3,L7852*Input!$C$21,0)+IF(Input!$D$22=3,M7852*Input!$C$22,0)</f>
        <v>0</v>
      </c>
      <c r="Q7852" s="75">
        <f>IF(Input!$D$19=4,J7852*Input!$C$19,0)+IF(Input!$D$20=4,K7852*Input!$C$20,0)+IF(Input!$D$21=4,L7852*Input!$C$21,0)+IF(Input!$D$22=4,M7852*Input!$C$22,0)</f>
        <v>0</v>
      </c>
      <c r="R7852" s="58">
        <v>58.493058480329431</v>
      </c>
      <c r="S7852" s="124">
        <f t="shared" si="122"/>
        <v>1.3467521651266727</v>
      </c>
    </row>
    <row r="7853" spans="8:19" x14ac:dyDescent="0.3">
      <c r="H7853" s="44">
        <v>7846</v>
      </c>
      <c r="I7853" s="56">
        <f>Bühler!I7879</f>
        <v>0.11866487608808442</v>
      </c>
      <c r="J7853" s="59">
        <f>Bühler!J7879</f>
        <v>0.39554958696028142</v>
      </c>
      <c r="K7853" s="59">
        <f>Bühler!K7879</f>
        <v>0.59332438044042213</v>
      </c>
      <c r="L7853" s="59">
        <f>Bühler!L7879</f>
        <v>2.8479570261140261</v>
      </c>
      <c r="M7853" s="58">
        <f>Bühler!M7879</f>
        <v>0</v>
      </c>
      <c r="N7853" s="56">
        <f>IF(Input!$D$19=1,J7853*Input!$C$19,0)+IF(Input!$D$20=1,K7853*Input!$C$20,0)+IF(Input!$D$21=1,L7853*Input!$C$21,0)+IF(Input!$D$22=1,M7853*Input!$C$22,0)</f>
        <v>0.11866487608808442</v>
      </c>
      <c r="O7853" s="59">
        <f>IF(Input!$D$19=2,J7853*Input!$C$19,0)+IF(Input!$D$20=2,K7853*Input!$C$20,0)+IF(Input!$D$21=2,L7853*Input!$C$21,0)+IF(Input!$D$22=2,M7853*Input!$C$22,0)</f>
        <v>0.29666219022021106</v>
      </c>
      <c r="P7853" s="59">
        <f>IF(Input!$D$19=3,J7853*Input!$C$19,0)+IF(Input!$D$20=3,K7853*Input!$C$20,0)+IF(Input!$D$21=3,L7853*Input!$C$21,0)+IF(Input!$D$22=3,M7853*Input!$C$22,0)</f>
        <v>0</v>
      </c>
      <c r="Q7853" s="75">
        <f>IF(Input!$D$19=4,J7853*Input!$C$19,0)+IF(Input!$D$20=4,K7853*Input!$C$20,0)+IF(Input!$D$21=4,L7853*Input!$C$21,0)+IF(Input!$D$22=4,M7853*Input!$C$22,0)</f>
        <v>0</v>
      </c>
      <c r="R7853" s="58">
        <v>56.305294581956488</v>
      </c>
      <c r="S7853" s="124">
        <f t="shared" si="122"/>
        <v>0.51421446304836582</v>
      </c>
    </row>
    <row r="7854" spans="8:19" x14ac:dyDescent="0.3">
      <c r="H7854" s="44">
        <v>7847</v>
      </c>
      <c r="I7854" s="56">
        <f>Bühler!I7880</f>
        <v>0.11866487608808442</v>
      </c>
      <c r="J7854" s="59">
        <f>Bühler!J7880</f>
        <v>0.39554958696028142</v>
      </c>
      <c r="K7854" s="59">
        <f>Bühler!K7880</f>
        <v>0.59332438044042213</v>
      </c>
      <c r="L7854" s="59">
        <f>Bühler!L7880</f>
        <v>2.8479570261140261</v>
      </c>
      <c r="M7854" s="58">
        <f>Bühler!M7880</f>
        <v>0</v>
      </c>
      <c r="N7854" s="56">
        <f>IF(Input!$D$19=1,J7854*Input!$C$19,0)+IF(Input!$D$20=1,K7854*Input!$C$20,0)+IF(Input!$D$21=1,L7854*Input!$C$21,0)+IF(Input!$D$22=1,M7854*Input!$C$22,0)</f>
        <v>0.11866487608808442</v>
      </c>
      <c r="O7854" s="59">
        <f>IF(Input!$D$19=2,J7854*Input!$C$19,0)+IF(Input!$D$20=2,K7854*Input!$C$20,0)+IF(Input!$D$21=2,L7854*Input!$C$21,0)+IF(Input!$D$22=2,M7854*Input!$C$22,0)</f>
        <v>0.29666219022021106</v>
      </c>
      <c r="P7854" s="59">
        <f>IF(Input!$D$19=3,J7854*Input!$C$19,0)+IF(Input!$D$20=3,K7854*Input!$C$20,0)+IF(Input!$D$21=3,L7854*Input!$C$21,0)+IF(Input!$D$22=3,M7854*Input!$C$22,0)</f>
        <v>0</v>
      </c>
      <c r="Q7854" s="75">
        <f>IF(Input!$D$19=4,J7854*Input!$C$19,0)+IF(Input!$D$20=4,K7854*Input!$C$20,0)+IF(Input!$D$21=4,L7854*Input!$C$21,0)+IF(Input!$D$22=4,M7854*Input!$C$22,0)</f>
        <v>0</v>
      </c>
      <c r="R7854" s="58">
        <v>56.105528626532063</v>
      </c>
      <c r="S7854" s="124">
        <f t="shared" si="122"/>
        <v>0.51421446304836582</v>
      </c>
    </row>
    <row r="7855" spans="8:19" x14ac:dyDescent="0.3">
      <c r="H7855" s="44">
        <v>7848</v>
      </c>
      <c r="I7855" s="56">
        <f>Bühler!I7881</f>
        <v>0.11866487608808442</v>
      </c>
      <c r="J7855" s="59">
        <f>Bühler!J7881</f>
        <v>0.39554958696028142</v>
      </c>
      <c r="K7855" s="59">
        <f>Bühler!K7881</f>
        <v>0.59332438044042213</v>
      </c>
      <c r="L7855" s="59">
        <f>Bühler!L7881</f>
        <v>2.8479570261140261</v>
      </c>
      <c r="M7855" s="58">
        <f>Bühler!M7881</f>
        <v>0</v>
      </c>
      <c r="N7855" s="56">
        <f>IF(Input!$D$19=1,J7855*Input!$C$19,0)+IF(Input!$D$20=1,K7855*Input!$C$20,0)+IF(Input!$D$21=1,L7855*Input!$C$21,0)+IF(Input!$D$22=1,M7855*Input!$C$22,0)</f>
        <v>0.11866487608808442</v>
      </c>
      <c r="O7855" s="59">
        <f>IF(Input!$D$19=2,J7855*Input!$C$19,0)+IF(Input!$D$20=2,K7855*Input!$C$20,0)+IF(Input!$D$21=2,L7855*Input!$C$21,0)+IF(Input!$D$22=2,M7855*Input!$C$22,0)</f>
        <v>0.29666219022021106</v>
      </c>
      <c r="P7855" s="59">
        <f>IF(Input!$D$19=3,J7855*Input!$C$19,0)+IF(Input!$D$20=3,K7855*Input!$C$20,0)+IF(Input!$D$21=3,L7855*Input!$C$21,0)+IF(Input!$D$22=3,M7855*Input!$C$22,0)</f>
        <v>0</v>
      </c>
      <c r="Q7855" s="75">
        <f>IF(Input!$D$19=4,J7855*Input!$C$19,0)+IF(Input!$D$20=4,K7855*Input!$C$20,0)+IF(Input!$D$21=4,L7855*Input!$C$21,0)+IF(Input!$D$22=4,M7855*Input!$C$22,0)</f>
        <v>0</v>
      </c>
      <c r="R7855" s="58">
        <v>54.753776229289308</v>
      </c>
      <c r="S7855" s="124">
        <f t="shared" si="122"/>
        <v>0.51421446304836582</v>
      </c>
    </row>
    <row r="7856" spans="8:19" x14ac:dyDescent="0.3">
      <c r="H7856" s="44">
        <v>7849</v>
      </c>
      <c r="I7856" s="56">
        <f>Bühler!I7882</f>
        <v>8.5608543051840208E-2</v>
      </c>
      <c r="J7856" s="59">
        <f>Bühler!J7882</f>
        <v>0.28536181017280071</v>
      </c>
      <c r="K7856" s="59">
        <f>Bühler!K7882</f>
        <v>0.42804271525920107</v>
      </c>
      <c r="L7856" s="59">
        <f>Bühler!L7882</f>
        <v>4.3782424775951476</v>
      </c>
      <c r="M7856" s="58">
        <f>Bühler!M7882</f>
        <v>0</v>
      </c>
      <c r="N7856" s="56">
        <f>IF(Input!$D$19=1,J7856*Input!$C$19,0)+IF(Input!$D$20=1,K7856*Input!$C$20,0)+IF(Input!$D$21=1,L7856*Input!$C$21,0)+IF(Input!$D$22=1,M7856*Input!$C$22,0)</f>
        <v>8.5608543051840208E-2</v>
      </c>
      <c r="O7856" s="59">
        <f>IF(Input!$D$19=2,J7856*Input!$C$19,0)+IF(Input!$D$20=2,K7856*Input!$C$20,0)+IF(Input!$D$21=2,L7856*Input!$C$21,0)+IF(Input!$D$22=2,M7856*Input!$C$22,0)</f>
        <v>0.21402135762960053</v>
      </c>
      <c r="P7856" s="59">
        <f>IF(Input!$D$19=3,J7856*Input!$C$19,0)+IF(Input!$D$20=3,K7856*Input!$C$20,0)+IF(Input!$D$21=3,L7856*Input!$C$21,0)+IF(Input!$D$22=3,M7856*Input!$C$22,0)</f>
        <v>0</v>
      </c>
      <c r="Q7856" s="75">
        <f>IF(Input!$D$19=4,J7856*Input!$C$19,0)+IF(Input!$D$20=4,K7856*Input!$C$20,0)+IF(Input!$D$21=4,L7856*Input!$C$21,0)+IF(Input!$D$22=4,M7856*Input!$C$22,0)</f>
        <v>0</v>
      </c>
      <c r="R7856" s="58">
        <v>53.66288413998965</v>
      </c>
      <c r="S7856" s="124">
        <f t="shared" si="122"/>
        <v>0.37097035322464089</v>
      </c>
    </row>
    <row r="7857" spans="8:19" x14ac:dyDescent="0.3">
      <c r="H7857" s="44">
        <v>7850</v>
      </c>
      <c r="I7857" s="56">
        <f>Bühler!I7883</f>
        <v>0.16714048881549759</v>
      </c>
      <c r="J7857" s="59">
        <f>Bühler!J7883</f>
        <v>0.55713496271832541</v>
      </c>
      <c r="K7857" s="59">
        <f>Bühler!K7883</f>
        <v>0.83570244407748806</v>
      </c>
      <c r="L7857" s="59">
        <f>Bühler!L7883</f>
        <v>8.5479972181619566</v>
      </c>
      <c r="M7857" s="58">
        <f>Bühler!M7883</f>
        <v>0</v>
      </c>
      <c r="N7857" s="56">
        <f>IF(Input!$D$19=1,J7857*Input!$C$19,0)+IF(Input!$D$20=1,K7857*Input!$C$20,0)+IF(Input!$D$21=1,L7857*Input!$C$21,0)+IF(Input!$D$22=1,M7857*Input!$C$22,0)</f>
        <v>0.16714048881549762</v>
      </c>
      <c r="O7857" s="59">
        <f>IF(Input!$D$19=2,J7857*Input!$C$19,0)+IF(Input!$D$20=2,K7857*Input!$C$20,0)+IF(Input!$D$21=2,L7857*Input!$C$21,0)+IF(Input!$D$22=2,M7857*Input!$C$22,0)</f>
        <v>0.41785122203874403</v>
      </c>
      <c r="P7857" s="59">
        <f>IF(Input!$D$19=3,J7857*Input!$C$19,0)+IF(Input!$D$20=3,K7857*Input!$C$20,0)+IF(Input!$D$21=3,L7857*Input!$C$21,0)+IF(Input!$D$22=3,M7857*Input!$C$22,0)</f>
        <v>0</v>
      </c>
      <c r="Q7857" s="75">
        <f>IF(Input!$D$19=4,J7857*Input!$C$19,0)+IF(Input!$D$20=4,K7857*Input!$C$20,0)+IF(Input!$D$21=4,L7857*Input!$C$21,0)+IF(Input!$D$22=4,M7857*Input!$C$22,0)</f>
        <v>0</v>
      </c>
      <c r="R7857" s="58">
        <v>52.986719805701284</v>
      </c>
      <c r="S7857" s="124">
        <f t="shared" si="122"/>
        <v>0.724275451533823</v>
      </c>
    </row>
    <row r="7858" spans="8:19" x14ac:dyDescent="0.3">
      <c r="H7858" s="44">
        <v>7851</v>
      </c>
      <c r="I7858" s="56">
        <f>Bühler!I7884</f>
        <v>0.16714048881549759</v>
      </c>
      <c r="J7858" s="59">
        <f>Bühler!J7884</f>
        <v>0.55713496271832541</v>
      </c>
      <c r="K7858" s="59">
        <f>Bühler!K7884</f>
        <v>0.83570244407748806</v>
      </c>
      <c r="L7858" s="59">
        <f>Bühler!L7884</f>
        <v>8.5479972181619566</v>
      </c>
      <c r="M7858" s="58">
        <f>Bühler!M7884</f>
        <v>0</v>
      </c>
      <c r="N7858" s="56">
        <f>IF(Input!$D$19=1,J7858*Input!$C$19,0)+IF(Input!$D$20=1,K7858*Input!$C$20,0)+IF(Input!$D$21=1,L7858*Input!$C$21,0)+IF(Input!$D$22=1,M7858*Input!$C$22,0)</f>
        <v>0.16714048881549762</v>
      </c>
      <c r="O7858" s="59">
        <f>IF(Input!$D$19=2,J7858*Input!$C$19,0)+IF(Input!$D$20=2,K7858*Input!$C$20,0)+IF(Input!$D$21=2,L7858*Input!$C$21,0)+IF(Input!$D$22=2,M7858*Input!$C$22,0)</f>
        <v>0.41785122203874403</v>
      </c>
      <c r="P7858" s="59">
        <f>IF(Input!$D$19=3,J7858*Input!$C$19,0)+IF(Input!$D$20=3,K7858*Input!$C$20,0)+IF(Input!$D$21=3,L7858*Input!$C$21,0)+IF(Input!$D$22=3,M7858*Input!$C$22,0)</f>
        <v>0</v>
      </c>
      <c r="Q7858" s="75">
        <f>IF(Input!$D$19=4,J7858*Input!$C$19,0)+IF(Input!$D$20=4,K7858*Input!$C$20,0)+IF(Input!$D$21=4,L7858*Input!$C$21,0)+IF(Input!$D$22=4,M7858*Input!$C$22,0)</f>
        <v>0</v>
      </c>
      <c r="R7858" s="58">
        <v>52.642329986835378</v>
      </c>
      <c r="S7858" s="124">
        <f t="shared" si="122"/>
        <v>0.724275451533823</v>
      </c>
    </row>
    <row r="7859" spans="8:19" x14ac:dyDescent="0.3">
      <c r="H7859" s="44">
        <v>7852</v>
      </c>
      <c r="I7859" s="56">
        <f>Bühler!I7885</f>
        <v>0.16714048881549759</v>
      </c>
      <c r="J7859" s="59">
        <f>Bühler!J7885</f>
        <v>0.55713496271832541</v>
      </c>
      <c r="K7859" s="59">
        <f>Bühler!K7885</f>
        <v>0.83570244407748806</v>
      </c>
      <c r="L7859" s="59">
        <f>Bühler!L7885</f>
        <v>8.5479972181619566</v>
      </c>
      <c r="M7859" s="58">
        <f>Bühler!M7885</f>
        <v>0</v>
      </c>
      <c r="N7859" s="56">
        <f>IF(Input!$D$19=1,J7859*Input!$C$19,0)+IF(Input!$D$20=1,K7859*Input!$C$20,0)+IF(Input!$D$21=1,L7859*Input!$C$21,0)+IF(Input!$D$22=1,M7859*Input!$C$22,0)</f>
        <v>0.16714048881549762</v>
      </c>
      <c r="O7859" s="59">
        <f>IF(Input!$D$19=2,J7859*Input!$C$19,0)+IF(Input!$D$20=2,K7859*Input!$C$20,0)+IF(Input!$D$21=2,L7859*Input!$C$21,0)+IF(Input!$D$22=2,M7859*Input!$C$22,0)</f>
        <v>0.41785122203874403</v>
      </c>
      <c r="P7859" s="59">
        <f>IF(Input!$D$19=3,J7859*Input!$C$19,0)+IF(Input!$D$20=3,K7859*Input!$C$20,0)+IF(Input!$D$21=3,L7859*Input!$C$21,0)+IF(Input!$D$22=3,M7859*Input!$C$22,0)</f>
        <v>0</v>
      </c>
      <c r="Q7859" s="75">
        <f>IF(Input!$D$19=4,J7859*Input!$C$19,0)+IF(Input!$D$20=4,K7859*Input!$C$20,0)+IF(Input!$D$21=4,L7859*Input!$C$21,0)+IF(Input!$D$22=4,M7859*Input!$C$22,0)</f>
        <v>0</v>
      </c>
      <c r="R7859" s="58">
        <v>51.091163033957827</v>
      </c>
      <c r="S7859" s="124">
        <f t="shared" si="122"/>
        <v>0.724275451533823</v>
      </c>
    </row>
    <row r="7860" spans="8:19" x14ac:dyDescent="0.3">
      <c r="H7860" s="44">
        <v>7853</v>
      </c>
      <c r="I7860" s="56">
        <f>Bühler!I7886</f>
        <v>0.16714048881549759</v>
      </c>
      <c r="J7860" s="59">
        <f>Bühler!J7886</f>
        <v>0.55713496271832541</v>
      </c>
      <c r="K7860" s="59">
        <f>Bühler!K7886</f>
        <v>0.83570244407748806</v>
      </c>
      <c r="L7860" s="59">
        <f>Bühler!L7886</f>
        <v>8.5479972181619566</v>
      </c>
      <c r="M7860" s="58">
        <f>Bühler!M7886</f>
        <v>0</v>
      </c>
      <c r="N7860" s="56">
        <f>IF(Input!$D$19=1,J7860*Input!$C$19,0)+IF(Input!$D$20=1,K7860*Input!$C$20,0)+IF(Input!$D$21=1,L7860*Input!$C$21,0)+IF(Input!$D$22=1,M7860*Input!$C$22,0)</f>
        <v>0.16714048881549762</v>
      </c>
      <c r="O7860" s="59">
        <f>IF(Input!$D$19=2,J7860*Input!$C$19,0)+IF(Input!$D$20=2,K7860*Input!$C$20,0)+IF(Input!$D$21=2,L7860*Input!$C$21,0)+IF(Input!$D$22=2,M7860*Input!$C$22,0)</f>
        <v>0.41785122203874403</v>
      </c>
      <c r="P7860" s="59">
        <f>IF(Input!$D$19=3,J7860*Input!$C$19,0)+IF(Input!$D$20=3,K7860*Input!$C$20,0)+IF(Input!$D$21=3,L7860*Input!$C$21,0)+IF(Input!$D$22=3,M7860*Input!$C$22,0)</f>
        <v>0</v>
      </c>
      <c r="Q7860" s="75">
        <f>IF(Input!$D$19=4,J7860*Input!$C$19,0)+IF(Input!$D$20=4,K7860*Input!$C$20,0)+IF(Input!$D$21=4,L7860*Input!$C$21,0)+IF(Input!$D$22=4,M7860*Input!$C$22,0)</f>
        <v>0</v>
      </c>
      <c r="R7860" s="58">
        <v>50.131230306791338</v>
      </c>
      <c r="S7860" s="124">
        <f t="shared" si="122"/>
        <v>0.724275451533823</v>
      </c>
    </row>
    <row r="7861" spans="8:19" x14ac:dyDescent="0.3">
      <c r="H7861" s="44">
        <v>7854</v>
      </c>
      <c r="I7861" s="56">
        <f>Bühler!I7887</f>
        <v>0.20790646169732627</v>
      </c>
      <c r="J7861" s="59">
        <f>Bühler!J7887</f>
        <v>0.69302153899108765</v>
      </c>
      <c r="K7861" s="59">
        <f>Bühler!K7887</f>
        <v>1.0395323084866315</v>
      </c>
      <c r="L7861" s="59">
        <f>Bühler!L7887</f>
        <v>10.632874588445359</v>
      </c>
      <c r="M7861" s="58">
        <f>Bühler!M7887</f>
        <v>0</v>
      </c>
      <c r="N7861" s="56">
        <f>IF(Input!$D$19=1,J7861*Input!$C$19,0)+IF(Input!$D$20=1,K7861*Input!$C$20,0)+IF(Input!$D$21=1,L7861*Input!$C$21,0)+IF(Input!$D$22=1,M7861*Input!$C$22,0)</f>
        <v>0.20790646169732629</v>
      </c>
      <c r="O7861" s="59">
        <f>IF(Input!$D$19=2,J7861*Input!$C$19,0)+IF(Input!$D$20=2,K7861*Input!$C$20,0)+IF(Input!$D$21=2,L7861*Input!$C$21,0)+IF(Input!$D$22=2,M7861*Input!$C$22,0)</f>
        <v>0.51976615424331574</v>
      </c>
      <c r="P7861" s="59">
        <f>IF(Input!$D$19=3,J7861*Input!$C$19,0)+IF(Input!$D$20=3,K7861*Input!$C$20,0)+IF(Input!$D$21=3,L7861*Input!$C$21,0)+IF(Input!$D$22=3,M7861*Input!$C$22,0)</f>
        <v>0</v>
      </c>
      <c r="Q7861" s="75">
        <f>IF(Input!$D$19=4,J7861*Input!$C$19,0)+IF(Input!$D$20=4,K7861*Input!$C$20,0)+IF(Input!$D$21=4,L7861*Input!$C$21,0)+IF(Input!$D$22=4,M7861*Input!$C$22,0)</f>
        <v>0</v>
      </c>
      <c r="R7861" s="58">
        <v>49.97195625347112</v>
      </c>
      <c r="S7861" s="124">
        <f t="shared" si="122"/>
        <v>0.90092800068841394</v>
      </c>
    </row>
    <row r="7862" spans="8:19" x14ac:dyDescent="0.3">
      <c r="H7862" s="44">
        <v>7855</v>
      </c>
      <c r="I7862" s="56">
        <f>Bühler!I7888</f>
        <v>0.26090222644370353</v>
      </c>
      <c r="J7862" s="59">
        <f>Bühler!J7888</f>
        <v>0.86967408814567859</v>
      </c>
      <c r="K7862" s="59">
        <f>Bühler!K7888</f>
        <v>1.3045111322185179</v>
      </c>
      <c r="L7862" s="59">
        <f>Bühler!L7888</f>
        <v>13.343215169813783</v>
      </c>
      <c r="M7862" s="58">
        <f>Bühler!M7888</f>
        <v>0</v>
      </c>
      <c r="N7862" s="56">
        <f>IF(Input!$D$19=1,J7862*Input!$C$19,0)+IF(Input!$D$20=1,K7862*Input!$C$20,0)+IF(Input!$D$21=1,L7862*Input!$C$21,0)+IF(Input!$D$22=1,M7862*Input!$C$22,0)</f>
        <v>0.26090222644370359</v>
      </c>
      <c r="O7862" s="59">
        <f>IF(Input!$D$19=2,J7862*Input!$C$19,0)+IF(Input!$D$20=2,K7862*Input!$C$20,0)+IF(Input!$D$21=2,L7862*Input!$C$21,0)+IF(Input!$D$22=2,M7862*Input!$C$22,0)</f>
        <v>0.65225556610925894</v>
      </c>
      <c r="P7862" s="59">
        <f>IF(Input!$D$19=3,J7862*Input!$C$19,0)+IF(Input!$D$20=3,K7862*Input!$C$20,0)+IF(Input!$D$21=3,L7862*Input!$C$21,0)+IF(Input!$D$22=3,M7862*Input!$C$22,0)</f>
        <v>0</v>
      </c>
      <c r="Q7862" s="75">
        <f>IF(Input!$D$19=4,J7862*Input!$C$19,0)+IF(Input!$D$20=4,K7862*Input!$C$20,0)+IF(Input!$D$21=4,L7862*Input!$C$21,0)+IF(Input!$D$22=4,M7862*Input!$C$22,0)</f>
        <v>0</v>
      </c>
      <c r="R7862" s="58">
        <v>50.605943669137794</v>
      </c>
      <c r="S7862" s="124">
        <f t="shared" si="122"/>
        <v>1.1305763145893821</v>
      </c>
    </row>
    <row r="7863" spans="8:19" x14ac:dyDescent="0.3">
      <c r="H7863" s="44">
        <v>7856</v>
      </c>
      <c r="I7863" s="56">
        <f>Bühler!I7889</f>
        <v>0.29759160203734936</v>
      </c>
      <c r="J7863" s="59">
        <f>Bühler!J7889</f>
        <v>0.9919720067911646</v>
      </c>
      <c r="K7863" s="59">
        <f>Bühler!K7889</f>
        <v>1.4879580101867469</v>
      </c>
      <c r="L7863" s="59">
        <f>Bühler!L7889</f>
        <v>15.219604803068847</v>
      </c>
      <c r="M7863" s="58">
        <f>Bühler!M7889</f>
        <v>0</v>
      </c>
      <c r="N7863" s="56">
        <f>IF(Input!$D$19=1,J7863*Input!$C$19,0)+IF(Input!$D$20=1,K7863*Input!$C$20,0)+IF(Input!$D$21=1,L7863*Input!$C$21,0)+IF(Input!$D$22=1,M7863*Input!$C$22,0)</f>
        <v>0.29759160203734936</v>
      </c>
      <c r="O7863" s="59">
        <f>IF(Input!$D$19=2,J7863*Input!$C$19,0)+IF(Input!$D$20=2,K7863*Input!$C$20,0)+IF(Input!$D$21=2,L7863*Input!$C$21,0)+IF(Input!$D$22=2,M7863*Input!$C$22,0)</f>
        <v>0.74397900509337345</v>
      </c>
      <c r="P7863" s="59">
        <f>IF(Input!$D$19=3,J7863*Input!$C$19,0)+IF(Input!$D$20=3,K7863*Input!$C$20,0)+IF(Input!$D$21=3,L7863*Input!$C$21,0)+IF(Input!$D$22=3,M7863*Input!$C$22,0)</f>
        <v>0</v>
      </c>
      <c r="Q7863" s="75">
        <f>IF(Input!$D$19=4,J7863*Input!$C$19,0)+IF(Input!$D$20=4,K7863*Input!$C$20,0)+IF(Input!$D$21=4,L7863*Input!$C$21,0)+IF(Input!$D$22=4,M7863*Input!$C$22,0)</f>
        <v>0</v>
      </c>
      <c r="R7863" s="58">
        <v>50.338899795807492</v>
      </c>
      <c r="S7863" s="124">
        <f t="shared" si="122"/>
        <v>1.2895636088285141</v>
      </c>
    </row>
    <row r="7864" spans="8:19" x14ac:dyDescent="0.3">
      <c r="H7864" s="44">
        <v>7857</v>
      </c>
      <c r="I7864" s="56">
        <f>Bühler!I7890</f>
        <v>0.29759160203734936</v>
      </c>
      <c r="J7864" s="59">
        <f>Bühler!J7890</f>
        <v>0.9919720067911646</v>
      </c>
      <c r="K7864" s="59">
        <f>Bühler!K7890</f>
        <v>1.4879580101867469</v>
      </c>
      <c r="L7864" s="59">
        <f>Bühler!L7890</f>
        <v>15.219604803068847</v>
      </c>
      <c r="M7864" s="58">
        <f>Bühler!M7890</f>
        <v>0</v>
      </c>
      <c r="N7864" s="56">
        <f>IF(Input!$D$19=1,J7864*Input!$C$19,0)+IF(Input!$D$20=1,K7864*Input!$C$20,0)+IF(Input!$D$21=1,L7864*Input!$C$21,0)+IF(Input!$D$22=1,M7864*Input!$C$22,0)</f>
        <v>0.29759160203734936</v>
      </c>
      <c r="O7864" s="59">
        <f>IF(Input!$D$19=2,J7864*Input!$C$19,0)+IF(Input!$D$20=2,K7864*Input!$C$20,0)+IF(Input!$D$21=2,L7864*Input!$C$21,0)+IF(Input!$D$22=2,M7864*Input!$C$22,0)</f>
        <v>0.74397900509337345</v>
      </c>
      <c r="P7864" s="59">
        <f>IF(Input!$D$19=3,J7864*Input!$C$19,0)+IF(Input!$D$20=3,K7864*Input!$C$20,0)+IF(Input!$D$21=3,L7864*Input!$C$21,0)+IF(Input!$D$22=3,M7864*Input!$C$22,0)</f>
        <v>0</v>
      </c>
      <c r="Q7864" s="75">
        <f>IF(Input!$D$19=4,J7864*Input!$C$19,0)+IF(Input!$D$20=4,K7864*Input!$C$20,0)+IF(Input!$D$21=4,L7864*Input!$C$21,0)+IF(Input!$D$22=4,M7864*Input!$C$22,0)</f>
        <v>0</v>
      </c>
      <c r="R7864" s="58">
        <v>49.205938839987134</v>
      </c>
      <c r="S7864" s="124">
        <f t="shared" si="122"/>
        <v>1.2895636088285141</v>
      </c>
    </row>
    <row r="7865" spans="8:19" x14ac:dyDescent="0.3">
      <c r="H7865" s="44">
        <v>7858</v>
      </c>
      <c r="I7865" s="56">
        <f>Bühler!I7891</f>
        <v>0.29759160203734936</v>
      </c>
      <c r="J7865" s="59">
        <f>Bühler!J7891</f>
        <v>0.9919720067911646</v>
      </c>
      <c r="K7865" s="59">
        <f>Bühler!K7891</f>
        <v>1.4879580101867469</v>
      </c>
      <c r="L7865" s="59">
        <f>Bühler!L7891</f>
        <v>15.219604803068847</v>
      </c>
      <c r="M7865" s="58">
        <f>Bühler!M7891</f>
        <v>0</v>
      </c>
      <c r="N7865" s="56">
        <f>IF(Input!$D$19=1,J7865*Input!$C$19,0)+IF(Input!$D$20=1,K7865*Input!$C$20,0)+IF(Input!$D$21=1,L7865*Input!$C$21,0)+IF(Input!$D$22=1,M7865*Input!$C$22,0)</f>
        <v>0.29759160203734936</v>
      </c>
      <c r="O7865" s="59">
        <f>IF(Input!$D$19=2,J7865*Input!$C$19,0)+IF(Input!$D$20=2,K7865*Input!$C$20,0)+IF(Input!$D$21=2,L7865*Input!$C$21,0)+IF(Input!$D$22=2,M7865*Input!$C$22,0)</f>
        <v>0.74397900509337345</v>
      </c>
      <c r="P7865" s="59">
        <f>IF(Input!$D$19=3,J7865*Input!$C$19,0)+IF(Input!$D$20=3,K7865*Input!$C$20,0)+IF(Input!$D$21=3,L7865*Input!$C$21,0)+IF(Input!$D$22=3,M7865*Input!$C$22,0)</f>
        <v>0</v>
      </c>
      <c r="Q7865" s="75">
        <f>IF(Input!$D$19=4,J7865*Input!$C$19,0)+IF(Input!$D$20=4,K7865*Input!$C$20,0)+IF(Input!$D$21=4,L7865*Input!$C$21,0)+IF(Input!$D$22=4,M7865*Input!$C$22,0)</f>
        <v>0</v>
      </c>
      <c r="R7865" s="58">
        <v>48.686859900851701</v>
      </c>
      <c r="S7865" s="124">
        <f t="shared" si="122"/>
        <v>1.2895636088285141</v>
      </c>
    </row>
    <row r="7866" spans="8:19" x14ac:dyDescent="0.3">
      <c r="H7866" s="44">
        <v>7859</v>
      </c>
      <c r="I7866" s="56">
        <f>Bühler!I7892</f>
        <v>0.29759160203734936</v>
      </c>
      <c r="J7866" s="59">
        <f>Bühler!J7892</f>
        <v>0.9919720067911646</v>
      </c>
      <c r="K7866" s="59">
        <f>Bühler!K7892</f>
        <v>1.4879580101867469</v>
      </c>
      <c r="L7866" s="59">
        <f>Bühler!L7892</f>
        <v>15.219604803068847</v>
      </c>
      <c r="M7866" s="58">
        <f>Bühler!M7892</f>
        <v>0</v>
      </c>
      <c r="N7866" s="56">
        <f>IF(Input!$D$19=1,J7866*Input!$C$19,0)+IF(Input!$D$20=1,K7866*Input!$C$20,0)+IF(Input!$D$21=1,L7866*Input!$C$21,0)+IF(Input!$D$22=1,M7866*Input!$C$22,0)</f>
        <v>0.29759160203734936</v>
      </c>
      <c r="O7866" s="59">
        <f>IF(Input!$D$19=2,J7866*Input!$C$19,0)+IF(Input!$D$20=2,K7866*Input!$C$20,0)+IF(Input!$D$21=2,L7866*Input!$C$21,0)+IF(Input!$D$22=2,M7866*Input!$C$22,0)</f>
        <v>0.74397900509337345</v>
      </c>
      <c r="P7866" s="59">
        <f>IF(Input!$D$19=3,J7866*Input!$C$19,0)+IF(Input!$D$20=3,K7866*Input!$C$20,0)+IF(Input!$D$21=3,L7866*Input!$C$21,0)+IF(Input!$D$22=3,M7866*Input!$C$22,0)</f>
        <v>0</v>
      </c>
      <c r="Q7866" s="75">
        <f>IF(Input!$D$19=4,J7866*Input!$C$19,0)+IF(Input!$D$20=4,K7866*Input!$C$20,0)+IF(Input!$D$21=4,L7866*Input!$C$21,0)+IF(Input!$D$22=4,M7866*Input!$C$22,0)</f>
        <v>0</v>
      </c>
      <c r="R7866" s="58">
        <v>48.868091145313656</v>
      </c>
      <c r="S7866" s="124">
        <f t="shared" si="122"/>
        <v>1.2895636088285141</v>
      </c>
    </row>
    <row r="7867" spans="8:19" x14ac:dyDescent="0.3">
      <c r="H7867" s="44">
        <v>7860</v>
      </c>
      <c r="I7867" s="56">
        <f>Bühler!I7893</f>
        <v>0.29759160203734936</v>
      </c>
      <c r="J7867" s="59">
        <f>Bühler!J7893</f>
        <v>0.9919720067911646</v>
      </c>
      <c r="K7867" s="59">
        <f>Bühler!K7893</f>
        <v>1.4879580101867469</v>
      </c>
      <c r="L7867" s="59">
        <f>Bühler!L7893</f>
        <v>15.219604803068847</v>
      </c>
      <c r="M7867" s="58">
        <f>Bühler!M7893</f>
        <v>0</v>
      </c>
      <c r="N7867" s="56">
        <f>IF(Input!$D$19=1,J7867*Input!$C$19,0)+IF(Input!$D$20=1,K7867*Input!$C$20,0)+IF(Input!$D$21=1,L7867*Input!$C$21,0)+IF(Input!$D$22=1,M7867*Input!$C$22,0)</f>
        <v>0.29759160203734936</v>
      </c>
      <c r="O7867" s="59">
        <f>IF(Input!$D$19=2,J7867*Input!$C$19,0)+IF(Input!$D$20=2,K7867*Input!$C$20,0)+IF(Input!$D$21=2,L7867*Input!$C$21,0)+IF(Input!$D$22=2,M7867*Input!$C$22,0)</f>
        <v>0.74397900509337345</v>
      </c>
      <c r="P7867" s="59">
        <f>IF(Input!$D$19=3,J7867*Input!$C$19,0)+IF(Input!$D$20=3,K7867*Input!$C$20,0)+IF(Input!$D$21=3,L7867*Input!$C$21,0)+IF(Input!$D$22=3,M7867*Input!$C$22,0)</f>
        <v>0</v>
      </c>
      <c r="Q7867" s="75">
        <f>IF(Input!$D$19=4,J7867*Input!$C$19,0)+IF(Input!$D$20=4,K7867*Input!$C$20,0)+IF(Input!$D$21=4,L7867*Input!$C$21,0)+IF(Input!$D$22=4,M7867*Input!$C$22,0)</f>
        <v>0</v>
      </c>
      <c r="R7867" s="58">
        <v>47.942634275828823</v>
      </c>
      <c r="S7867" s="124">
        <f t="shared" si="122"/>
        <v>1.2895636088285141</v>
      </c>
    </row>
    <row r="7868" spans="8:19" x14ac:dyDescent="0.3">
      <c r="H7868" s="44">
        <v>7861</v>
      </c>
      <c r="I7868" s="56">
        <f>Bühler!I7894</f>
        <v>0.29759160203734936</v>
      </c>
      <c r="J7868" s="59">
        <f>Bühler!J7894</f>
        <v>0.9919720067911646</v>
      </c>
      <c r="K7868" s="59">
        <f>Bühler!K7894</f>
        <v>1.4879580101867469</v>
      </c>
      <c r="L7868" s="59">
        <f>Bühler!L7894</f>
        <v>15.219604803068847</v>
      </c>
      <c r="M7868" s="58">
        <f>Bühler!M7894</f>
        <v>0</v>
      </c>
      <c r="N7868" s="56">
        <f>IF(Input!$D$19=1,J7868*Input!$C$19,0)+IF(Input!$D$20=1,K7868*Input!$C$20,0)+IF(Input!$D$21=1,L7868*Input!$C$21,0)+IF(Input!$D$22=1,M7868*Input!$C$22,0)</f>
        <v>0.29759160203734936</v>
      </c>
      <c r="O7868" s="59">
        <f>IF(Input!$D$19=2,J7868*Input!$C$19,0)+IF(Input!$D$20=2,K7868*Input!$C$20,0)+IF(Input!$D$21=2,L7868*Input!$C$21,0)+IF(Input!$D$22=2,M7868*Input!$C$22,0)</f>
        <v>0.74397900509337345</v>
      </c>
      <c r="P7868" s="59">
        <f>IF(Input!$D$19=3,J7868*Input!$C$19,0)+IF(Input!$D$20=3,K7868*Input!$C$20,0)+IF(Input!$D$21=3,L7868*Input!$C$21,0)+IF(Input!$D$22=3,M7868*Input!$C$22,0)</f>
        <v>0</v>
      </c>
      <c r="Q7868" s="75">
        <f>IF(Input!$D$19=4,J7868*Input!$C$19,0)+IF(Input!$D$20=4,K7868*Input!$C$20,0)+IF(Input!$D$21=4,L7868*Input!$C$21,0)+IF(Input!$D$22=4,M7868*Input!$C$22,0)</f>
        <v>0</v>
      </c>
      <c r="R7868" s="58">
        <v>47.380211184711555</v>
      </c>
      <c r="S7868" s="124">
        <f t="shared" si="122"/>
        <v>1.2895636088285141</v>
      </c>
    </row>
    <row r="7869" spans="8:19" x14ac:dyDescent="0.3">
      <c r="H7869" s="44">
        <v>7862</v>
      </c>
      <c r="I7869" s="56">
        <f>Bühler!I7895</f>
        <v>0.29759160203734936</v>
      </c>
      <c r="J7869" s="59">
        <f>Bühler!J7895</f>
        <v>0.9919720067911646</v>
      </c>
      <c r="K7869" s="59">
        <f>Bühler!K7895</f>
        <v>1.4879580101867469</v>
      </c>
      <c r="L7869" s="59">
        <f>Bühler!L7895</f>
        <v>15.219604803068847</v>
      </c>
      <c r="M7869" s="58">
        <f>Bühler!M7895</f>
        <v>0</v>
      </c>
      <c r="N7869" s="56">
        <f>IF(Input!$D$19=1,J7869*Input!$C$19,0)+IF(Input!$D$20=1,K7869*Input!$C$20,0)+IF(Input!$D$21=1,L7869*Input!$C$21,0)+IF(Input!$D$22=1,M7869*Input!$C$22,0)</f>
        <v>0.29759160203734936</v>
      </c>
      <c r="O7869" s="59">
        <f>IF(Input!$D$19=2,J7869*Input!$C$19,0)+IF(Input!$D$20=2,K7869*Input!$C$20,0)+IF(Input!$D$21=2,L7869*Input!$C$21,0)+IF(Input!$D$22=2,M7869*Input!$C$22,0)</f>
        <v>0.74397900509337345</v>
      </c>
      <c r="P7869" s="59">
        <f>IF(Input!$D$19=3,J7869*Input!$C$19,0)+IF(Input!$D$20=3,K7869*Input!$C$20,0)+IF(Input!$D$21=3,L7869*Input!$C$21,0)+IF(Input!$D$22=3,M7869*Input!$C$22,0)</f>
        <v>0</v>
      </c>
      <c r="Q7869" s="75">
        <f>IF(Input!$D$19=4,J7869*Input!$C$19,0)+IF(Input!$D$20=4,K7869*Input!$C$20,0)+IF(Input!$D$21=4,L7869*Input!$C$21,0)+IF(Input!$D$22=4,M7869*Input!$C$22,0)</f>
        <v>0</v>
      </c>
      <c r="R7869" s="58">
        <v>46.887864500112833</v>
      </c>
      <c r="S7869" s="124">
        <f t="shared" si="122"/>
        <v>1.2895636088285141</v>
      </c>
    </row>
    <row r="7870" spans="8:19" x14ac:dyDescent="0.3">
      <c r="H7870" s="44">
        <v>7863</v>
      </c>
      <c r="I7870" s="56">
        <f>Bühler!I7896</f>
        <v>0.29759160203734936</v>
      </c>
      <c r="J7870" s="59">
        <f>Bühler!J7896</f>
        <v>0.9919720067911646</v>
      </c>
      <c r="K7870" s="59">
        <f>Bühler!K7896</f>
        <v>1.4879580101867469</v>
      </c>
      <c r="L7870" s="59">
        <f>Bühler!L7896</f>
        <v>15.219604803068847</v>
      </c>
      <c r="M7870" s="58">
        <f>Bühler!M7896</f>
        <v>0</v>
      </c>
      <c r="N7870" s="56">
        <f>IF(Input!$D$19=1,J7870*Input!$C$19,0)+IF(Input!$D$20=1,K7870*Input!$C$20,0)+IF(Input!$D$21=1,L7870*Input!$C$21,0)+IF(Input!$D$22=1,M7870*Input!$C$22,0)</f>
        <v>0.29759160203734936</v>
      </c>
      <c r="O7870" s="59">
        <f>IF(Input!$D$19=2,J7870*Input!$C$19,0)+IF(Input!$D$20=2,K7870*Input!$C$20,0)+IF(Input!$D$21=2,L7870*Input!$C$21,0)+IF(Input!$D$22=2,M7870*Input!$C$22,0)</f>
        <v>0.74397900509337345</v>
      </c>
      <c r="P7870" s="59">
        <f>IF(Input!$D$19=3,J7870*Input!$C$19,0)+IF(Input!$D$20=3,K7870*Input!$C$20,0)+IF(Input!$D$21=3,L7870*Input!$C$21,0)+IF(Input!$D$22=3,M7870*Input!$C$22,0)</f>
        <v>0</v>
      </c>
      <c r="Q7870" s="75">
        <f>IF(Input!$D$19=4,J7870*Input!$C$19,0)+IF(Input!$D$20=4,K7870*Input!$C$20,0)+IF(Input!$D$21=4,L7870*Input!$C$21,0)+IF(Input!$D$22=4,M7870*Input!$C$22,0)</f>
        <v>0</v>
      </c>
      <c r="R7870" s="58">
        <v>47.146576436513314</v>
      </c>
      <c r="S7870" s="124">
        <f t="shared" si="122"/>
        <v>1.2895636088285141</v>
      </c>
    </row>
    <row r="7871" spans="8:19" x14ac:dyDescent="0.3">
      <c r="H7871" s="44">
        <v>7864</v>
      </c>
      <c r="I7871" s="56">
        <f>Bühler!I7897</f>
        <v>0.26905542102006924</v>
      </c>
      <c r="J7871" s="59">
        <f>Bühler!J7897</f>
        <v>0.89685140340023084</v>
      </c>
      <c r="K7871" s="59">
        <f>Bühler!K7897</f>
        <v>1.3452771051003463</v>
      </c>
      <c r="L7871" s="59">
        <f>Bühler!L7897</f>
        <v>13.760190643870464</v>
      </c>
      <c r="M7871" s="58">
        <f>Bühler!M7897</f>
        <v>0</v>
      </c>
      <c r="N7871" s="56">
        <f>IF(Input!$D$19=1,J7871*Input!$C$19,0)+IF(Input!$D$20=1,K7871*Input!$C$20,0)+IF(Input!$D$21=1,L7871*Input!$C$21,0)+IF(Input!$D$22=1,M7871*Input!$C$22,0)</f>
        <v>0.26905542102006924</v>
      </c>
      <c r="O7871" s="59">
        <f>IF(Input!$D$19=2,J7871*Input!$C$19,0)+IF(Input!$D$20=2,K7871*Input!$C$20,0)+IF(Input!$D$21=2,L7871*Input!$C$21,0)+IF(Input!$D$22=2,M7871*Input!$C$22,0)</f>
        <v>0.67263855255017313</v>
      </c>
      <c r="P7871" s="59">
        <f>IF(Input!$D$19=3,J7871*Input!$C$19,0)+IF(Input!$D$20=3,K7871*Input!$C$20,0)+IF(Input!$D$21=3,L7871*Input!$C$21,0)+IF(Input!$D$22=3,M7871*Input!$C$22,0)</f>
        <v>0</v>
      </c>
      <c r="Q7871" s="75">
        <f>IF(Input!$D$19=4,J7871*Input!$C$19,0)+IF(Input!$D$20=4,K7871*Input!$C$20,0)+IF(Input!$D$21=4,L7871*Input!$C$21,0)+IF(Input!$D$22=4,M7871*Input!$C$22,0)</f>
        <v>0</v>
      </c>
      <c r="R7871" s="58">
        <v>46.829401291765819</v>
      </c>
      <c r="S7871" s="124">
        <f t="shared" si="122"/>
        <v>1.1659068244203001</v>
      </c>
    </row>
    <row r="7872" spans="8:19" x14ac:dyDescent="0.3">
      <c r="H7872" s="44">
        <v>7865</v>
      </c>
      <c r="I7872" s="56">
        <f>Bühler!I7898</f>
        <v>0.24459583729097203</v>
      </c>
      <c r="J7872" s="59">
        <f>Bühler!J7898</f>
        <v>0.81531945763657354</v>
      </c>
      <c r="K7872" s="59">
        <f>Bühler!K7898</f>
        <v>1.2229791864548603</v>
      </c>
      <c r="L7872" s="59">
        <f>Bühler!L7898</f>
        <v>12.509264221700423</v>
      </c>
      <c r="M7872" s="58">
        <f>Bühler!M7898</f>
        <v>0</v>
      </c>
      <c r="N7872" s="56">
        <f>IF(Input!$D$19=1,J7872*Input!$C$19,0)+IF(Input!$D$20=1,K7872*Input!$C$20,0)+IF(Input!$D$21=1,L7872*Input!$C$21,0)+IF(Input!$D$22=1,M7872*Input!$C$22,0)</f>
        <v>0.24459583729097206</v>
      </c>
      <c r="O7872" s="59">
        <f>IF(Input!$D$19=2,J7872*Input!$C$19,0)+IF(Input!$D$20=2,K7872*Input!$C$20,0)+IF(Input!$D$21=2,L7872*Input!$C$21,0)+IF(Input!$D$22=2,M7872*Input!$C$22,0)</f>
        <v>0.61148959322743013</v>
      </c>
      <c r="P7872" s="59">
        <f>IF(Input!$D$19=3,J7872*Input!$C$19,0)+IF(Input!$D$20=3,K7872*Input!$C$20,0)+IF(Input!$D$21=3,L7872*Input!$C$21,0)+IF(Input!$D$22=3,M7872*Input!$C$22,0)</f>
        <v>0</v>
      </c>
      <c r="Q7872" s="75">
        <f>IF(Input!$D$19=4,J7872*Input!$C$19,0)+IF(Input!$D$20=4,K7872*Input!$C$20,0)+IF(Input!$D$21=4,L7872*Input!$C$21,0)+IF(Input!$D$22=4,M7872*Input!$C$22,0)</f>
        <v>0</v>
      </c>
      <c r="R7872" s="58">
        <v>46.297823574424164</v>
      </c>
      <c r="S7872" s="124">
        <f t="shared" si="122"/>
        <v>1.0599152949275457</v>
      </c>
    </row>
    <row r="7873" spans="8:19" x14ac:dyDescent="0.3">
      <c r="H7873" s="44">
        <v>7866</v>
      </c>
      <c r="I7873" s="56">
        <f>Bühler!I7899</f>
        <v>0.22013625356187486</v>
      </c>
      <c r="J7873" s="59">
        <f>Bühler!J7899</f>
        <v>0.73378751187291635</v>
      </c>
      <c r="K7873" s="59">
        <f>Bühler!K7899</f>
        <v>1.1006812678093745</v>
      </c>
      <c r="L7873" s="59">
        <f>Bühler!L7899</f>
        <v>11.258337799530381</v>
      </c>
      <c r="M7873" s="58">
        <f>Bühler!M7899</f>
        <v>0</v>
      </c>
      <c r="N7873" s="56">
        <f>IF(Input!$D$19=1,J7873*Input!$C$19,0)+IF(Input!$D$20=1,K7873*Input!$C$20,0)+IF(Input!$D$21=1,L7873*Input!$C$21,0)+IF(Input!$D$22=1,M7873*Input!$C$22,0)</f>
        <v>0.22013625356187491</v>
      </c>
      <c r="O7873" s="59">
        <f>IF(Input!$D$19=2,J7873*Input!$C$19,0)+IF(Input!$D$20=2,K7873*Input!$C$20,0)+IF(Input!$D$21=2,L7873*Input!$C$21,0)+IF(Input!$D$22=2,M7873*Input!$C$22,0)</f>
        <v>0.55034063390468724</v>
      </c>
      <c r="P7873" s="59">
        <f>IF(Input!$D$19=3,J7873*Input!$C$19,0)+IF(Input!$D$20=3,K7873*Input!$C$20,0)+IF(Input!$D$21=3,L7873*Input!$C$21,0)+IF(Input!$D$22=3,M7873*Input!$C$22,0)</f>
        <v>0</v>
      </c>
      <c r="Q7873" s="75">
        <f>IF(Input!$D$19=4,J7873*Input!$C$19,0)+IF(Input!$D$20=4,K7873*Input!$C$20,0)+IF(Input!$D$21=4,L7873*Input!$C$21,0)+IF(Input!$D$22=4,M7873*Input!$C$22,0)</f>
        <v>0</v>
      </c>
      <c r="R7873" s="58">
        <v>45.265635962103588</v>
      </c>
      <c r="S7873" s="124">
        <f t="shared" si="122"/>
        <v>0.95392376543479118</v>
      </c>
    </row>
    <row r="7874" spans="8:19" x14ac:dyDescent="0.3">
      <c r="H7874" s="44">
        <v>7867</v>
      </c>
      <c r="I7874" s="56">
        <f>Bühler!I7900</f>
        <v>0.21198305898550909</v>
      </c>
      <c r="J7874" s="59">
        <f>Bühler!J7900</f>
        <v>0.70661019661836377</v>
      </c>
      <c r="K7874" s="59">
        <f>Bühler!K7900</f>
        <v>1.0599152949275457</v>
      </c>
      <c r="L7874" s="59">
        <f>Bühler!L7900</f>
        <v>10.8413623254737</v>
      </c>
      <c r="M7874" s="58">
        <f>Bühler!M7900</f>
        <v>0</v>
      </c>
      <c r="N7874" s="56">
        <f>IF(Input!$D$19=1,J7874*Input!$C$19,0)+IF(Input!$D$20=1,K7874*Input!$C$20,0)+IF(Input!$D$21=1,L7874*Input!$C$21,0)+IF(Input!$D$22=1,M7874*Input!$C$22,0)</f>
        <v>0.21198305898550912</v>
      </c>
      <c r="O7874" s="59">
        <f>IF(Input!$D$19=2,J7874*Input!$C$19,0)+IF(Input!$D$20=2,K7874*Input!$C$20,0)+IF(Input!$D$21=2,L7874*Input!$C$21,0)+IF(Input!$D$22=2,M7874*Input!$C$22,0)</f>
        <v>0.52995764746377283</v>
      </c>
      <c r="P7874" s="59">
        <f>IF(Input!$D$19=3,J7874*Input!$C$19,0)+IF(Input!$D$20=3,K7874*Input!$C$20,0)+IF(Input!$D$21=3,L7874*Input!$C$21,0)+IF(Input!$D$22=3,M7874*Input!$C$22,0)</f>
        <v>0</v>
      </c>
      <c r="Q7874" s="75">
        <f>IF(Input!$D$19=4,J7874*Input!$C$19,0)+IF(Input!$D$20=4,K7874*Input!$C$20,0)+IF(Input!$D$21=4,L7874*Input!$C$21,0)+IF(Input!$D$22=4,M7874*Input!$C$22,0)</f>
        <v>0</v>
      </c>
      <c r="R7874" s="58">
        <v>45.169261980783638</v>
      </c>
      <c r="S7874" s="124">
        <f t="shared" si="122"/>
        <v>0.91859325560387284</v>
      </c>
    </row>
    <row r="7875" spans="8:19" x14ac:dyDescent="0.3">
      <c r="H7875" s="44">
        <v>7868</v>
      </c>
      <c r="I7875" s="56">
        <f>Bühler!I7901</f>
        <v>0.17121708610368042</v>
      </c>
      <c r="J7875" s="59">
        <f>Bühler!J7901</f>
        <v>0.57072362034560142</v>
      </c>
      <c r="K7875" s="59">
        <f>Bühler!K7901</f>
        <v>0.85608543051840214</v>
      </c>
      <c r="L7875" s="59">
        <f>Bühler!L7901</f>
        <v>8.7564849551902952</v>
      </c>
      <c r="M7875" s="58">
        <f>Bühler!M7901</f>
        <v>0</v>
      </c>
      <c r="N7875" s="56">
        <f>IF(Input!$D$19=1,J7875*Input!$C$19,0)+IF(Input!$D$20=1,K7875*Input!$C$20,0)+IF(Input!$D$21=1,L7875*Input!$C$21,0)+IF(Input!$D$22=1,M7875*Input!$C$22,0)</f>
        <v>0.17121708610368042</v>
      </c>
      <c r="O7875" s="59">
        <f>IF(Input!$D$19=2,J7875*Input!$C$19,0)+IF(Input!$D$20=2,K7875*Input!$C$20,0)+IF(Input!$D$21=2,L7875*Input!$C$21,0)+IF(Input!$D$22=2,M7875*Input!$C$22,0)</f>
        <v>0.42804271525920107</v>
      </c>
      <c r="P7875" s="59">
        <f>IF(Input!$D$19=3,J7875*Input!$C$19,0)+IF(Input!$D$20=3,K7875*Input!$C$20,0)+IF(Input!$D$21=3,L7875*Input!$C$21,0)+IF(Input!$D$22=3,M7875*Input!$C$22,0)</f>
        <v>0</v>
      </c>
      <c r="Q7875" s="75">
        <f>IF(Input!$D$19=4,J7875*Input!$C$19,0)+IF(Input!$D$20=4,K7875*Input!$C$20,0)+IF(Input!$D$21=4,L7875*Input!$C$21,0)+IF(Input!$D$22=4,M7875*Input!$C$22,0)</f>
        <v>0</v>
      </c>
      <c r="R7875" s="58">
        <v>44.718741952613961</v>
      </c>
      <c r="S7875" s="124">
        <f t="shared" si="122"/>
        <v>0.74194070644928178</v>
      </c>
    </row>
    <row r="7876" spans="8:19" x14ac:dyDescent="0.3">
      <c r="H7876" s="44">
        <v>7869</v>
      </c>
      <c r="I7876" s="56">
        <f>Bühler!I7902</f>
        <v>0.12637451593366889</v>
      </c>
      <c r="J7876" s="59">
        <f>Bühler!J7902</f>
        <v>0.42124838644556301</v>
      </c>
      <c r="K7876" s="59">
        <f>Bühler!K7902</f>
        <v>0.63187257966834454</v>
      </c>
      <c r="L7876" s="59">
        <f>Bühler!L7902</f>
        <v>6.4631198478785503</v>
      </c>
      <c r="M7876" s="58">
        <f>Bühler!M7902</f>
        <v>0</v>
      </c>
      <c r="N7876" s="56">
        <f>IF(Input!$D$19=1,J7876*Input!$C$19,0)+IF(Input!$D$20=1,K7876*Input!$C$20,0)+IF(Input!$D$21=1,L7876*Input!$C$21,0)+IF(Input!$D$22=1,M7876*Input!$C$22,0)</f>
        <v>0.12637451593366889</v>
      </c>
      <c r="O7876" s="59">
        <f>IF(Input!$D$19=2,J7876*Input!$C$19,0)+IF(Input!$D$20=2,K7876*Input!$C$20,0)+IF(Input!$D$21=2,L7876*Input!$C$21,0)+IF(Input!$D$22=2,M7876*Input!$C$22,0)</f>
        <v>0.31593628983417227</v>
      </c>
      <c r="P7876" s="59">
        <f>IF(Input!$D$19=3,J7876*Input!$C$19,0)+IF(Input!$D$20=3,K7876*Input!$C$20,0)+IF(Input!$D$21=3,L7876*Input!$C$21,0)+IF(Input!$D$22=3,M7876*Input!$C$22,0)</f>
        <v>0</v>
      </c>
      <c r="Q7876" s="75">
        <f>IF(Input!$D$19=4,J7876*Input!$C$19,0)+IF(Input!$D$20=4,K7876*Input!$C$20,0)+IF(Input!$D$21=4,L7876*Input!$C$21,0)+IF(Input!$D$22=4,M7876*Input!$C$22,0)</f>
        <v>0</v>
      </c>
      <c r="R7876" s="58">
        <v>43.969919533491037</v>
      </c>
      <c r="S7876" s="124">
        <f t="shared" si="122"/>
        <v>0.54762290237923184</v>
      </c>
    </row>
    <row r="7877" spans="8:19" x14ac:dyDescent="0.3">
      <c r="H7877" s="44">
        <v>7870</v>
      </c>
      <c r="I7877" s="56">
        <f>Bühler!I7903</f>
        <v>0.12637451593366889</v>
      </c>
      <c r="J7877" s="59">
        <f>Bühler!J7903</f>
        <v>0.42124838644556301</v>
      </c>
      <c r="K7877" s="59">
        <f>Bühler!K7903</f>
        <v>0.63187257966834454</v>
      </c>
      <c r="L7877" s="59">
        <f>Bühler!L7903</f>
        <v>6.4631198478785503</v>
      </c>
      <c r="M7877" s="58">
        <f>Bühler!M7903</f>
        <v>0</v>
      </c>
      <c r="N7877" s="56">
        <f>IF(Input!$D$19=1,J7877*Input!$C$19,0)+IF(Input!$D$20=1,K7877*Input!$C$20,0)+IF(Input!$D$21=1,L7877*Input!$C$21,0)+IF(Input!$D$22=1,M7877*Input!$C$22,0)</f>
        <v>0.12637451593366889</v>
      </c>
      <c r="O7877" s="59">
        <f>IF(Input!$D$19=2,J7877*Input!$C$19,0)+IF(Input!$D$20=2,K7877*Input!$C$20,0)+IF(Input!$D$21=2,L7877*Input!$C$21,0)+IF(Input!$D$22=2,M7877*Input!$C$22,0)</f>
        <v>0.31593628983417227</v>
      </c>
      <c r="P7877" s="59">
        <f>IF(Input!$D$19=3,J7877*Input!$C$19,0)+IF(Input!$D$20=3,K7877*Input!$C$20,0)+IF(Input!$D$21=3,L7877*Input!$C$21,0)+IF(Input!$D$22=3,M7877*Input!$C$22,0)</f>
        <v>0</v>
      </c>
      <c r="Q7877" s="75">
        <f>IF(Input!$D$19=4,J7877*Input!$C$19,0)+IF(Input!$D$20=4,K7877*Input!$C$20,0)+IF(Input!$D$21=4,L7877*Input!$C$21,0)+IF(Input!$D$22=4,M7877*Input!$C$22,0)</f>
        <v>0</v>
      </c>
      <c r="R7877" s="58">
        <v>43.410554205033044</v>
      </c>
      <c r="S7877" s="124">
        <f t="shared" si="122"/>
        <v>0.54762290237923184</v>
      </c>
    </row>
    <row r="7878" spans="8:19" x14ac:dyDescent="0.3">
      <c r="H7878" s="44">
        <v>7871</v>
      </c>
      <c r="I7878" s="56">
        <f>Bühler!I7904</f>
        <v>0.12637451593366889</v>
      </c>
      <c r="J7878" s="59">
        <f>Bühler!J7904</f>
        <v>0.42124838644556301</v>
      </c>
      <c r="K7878" s="59">
        <f>Bühler!K7904</f>
        <v>0.63187257966834454</v>
      </c>
      <c r="L7878" s="59">
        <f>Bühler!L7904</f>
        <v>6.4631198478785503</v>
      </c>
      <c r="M7878" s="58">
        <f>Bühler!M7904</f>
        <v>0</v>
      </c>
      <c r="N7878" s="56">
        <f>IF(Input!$D$19=1,J7878*Input!$C$19,0)+IF(Input!$D$20=1,K7878*Input!$C$20,0)+IF(Input!$D$21=1,L7878*Input!$C$21,0)+IF(Input!$D$22=1,M7878*Input!$C$22,0)</f>
        <v>0.12637451593366889</v>
      </c>
      <c r="O7878" s="59">
        <f>IF(Input!$D$19=2,J7878*Input!$C$19,0)+IF(Input!$D$20=2,K7878*Input!$C$20,0)+IF(Input!$D$21=2,L7878*Input!$C$21,0)+IF(Input!$D$22=2,M7878*Input!$C$22,0)</f>
        <v>0.31593628983417227</v>
      </c>
      <c r="P7878" s="59">
        <f>IF(Input!$D$19=3,J7878*Input!$C$19,0)+IF(Input!$D$20=3,K7878*Input!$C$20,0)+IF(Input!$D$21=3,L7878*Input!$C$21,0)+IF(Input!$D$22=3,M7878*Input!$C$22,0)</f>
        <v>0</v>
      </c>
      <c r="Q7878" s="75">
        <f>IF(Input!$D$19=4,J7878*Input!$C$19,0)+IF(Input!$D$20=4,K7878*Input!$C$20,0)+IF(Input!$D$21=4,L7878*Input!$C$21,0)+IF(Input!$D$22=4,M7878*Input!$C$22,0)</f>
        <v>0</v>
      </c>
      <c r="R7878" s="58">
        <v>43.611639655291562</v>
      </c>
      <c r="S7878" s="124">
        <f t="shared" si="122"/>
        <v>0.54762290237923184</v>
      </c>
    </row>
    <row r="7879" spans="8:19" x14ac:dyDescent="0.3">
      <c r="H7879" s="44">
        <v>7872</v>
      </c>
      <c r="I7879" s="56">
        <f>Bühler!I7905</f>
        <v>0.12637451593366889</v>
      </c>
      <c r="J7879" s="59">
        <f>Bühler!J7905</f>
        <v>0.42124838644556301</v>
      </c>
      <c r="K7879" s="59">
        <f>Bühler!K7905</f>
        <v>0.63187257966834454</v>
      </c>
      <c r="L7879" s="59">
        <f>Bühler!L7905</f>
        <v>6.4631198478785503</v>
      </c>
      <c r="M7879" s="58">
        <f>Bühler!M7905</f>
        <v>0</v>
      </c>
      <c r="N7879" s="56">
        <f>IF(Input!$D$19=1,J7879*Input!$C$19,0)+IF(Input!$D$20=1,K7879*Input!$C$20,0)+IF(Input!$D$21=1,L7879*Input!$C$21,0)+IF(Input!$D$22=1,M7879*Input!$C$22,0)</f>
        <v>0.12637451593366889</v>
      </c>
      <c r="O7879" s="59">
        <f>IF(Input!$D$19=2,J7879*Input!$C$19,0)+IF(Input!$D$20=2,K7879*Input!$C$20,0)+IF(Input!$D$21=2,L7879*Input!$C$21,0)+IF(Input!$D$22=2,M7879*Input!$C$22,0)</f>
        <v>0.31593628983417227</v>
      </c>
      <c r="P7879" s="59">
        <f>IF(Input!$D$19=3,J7879*Input!$C$19,0)+IF(Input!$D$20=3,K7879*Input!$C$20,0)+IF(Input!$D$21=3,L7879*Input!$C$21,0)+IF(Input!$D$22=3,M7879*Input!$C$22,0)</f>
        <v>0</v>
      </c>
      <c r="Q7879" s="75">
        <f>IF(Input!$D$19=4,J7879*Input!$C$19,0)+IF(Input!$D$20=4,K7879*Input!$C$20,0)+IF(Input!$D$21=4,L7879*Input!$C$21,0)+IF(Input!$D$22=4,M7879*Input!$C$22,0)</f>
        <v>0</v>
      </c>
      <c r="R7879" s="58">
        <v>42.819015829035216</v>
      </c>
      <c r="S7879" s="124">
        <f t="shared" si="122"/>
        <v>0.54762290237923184</v>
      </c>
    </row>
    <row r="7880" spans="8:19" x14ac:dyDescent="0.3">
      <c r="H7880" s="44">
        <v>7873</v>
      </c>
      <c r="I7880" s="56">
        <f>Bühler!I7906</f>
        <v>0.15821284478661946</v>
      </c>
      <c r="J7880" s="59">
        <f>Bühler!J7906</f>
        <v>0.52737614928873155</v>
      </c>
      <c r="K7880" s="59">
        <f>Bühler!K7906</f>
        <v>0.79106422393309739</v>
      </c>
      <c r="L7880" s="59">
        <f>Bühler!L7906</f>
        <v>7.6744802409568553</v>
      </c>
      <c r="M7880" s="58">
        <f>Bühler!M7906</f>
        <v>0</v>
      </c>
      <c r="N7880" s="56">
        <f>IF(Input!$D$19=1,J7880*Input!$C$19,0)+IF(Input!$D$20=1,K7880*Input!$C$20,0)+IF(Input!$D$21=1,L7880*Input!$C$21,0)+IF(Input!$D$22=1,M7880*Input!$C$22,0)</f>
        <v>0.15821284478661946</v>
      </c>
      <c r="O7880" s="59">
        <f>IF(Input!$D$19=2,J7880*Input!$C$19,0)+IF(Input!$D$20=2,K7880*Input!$C$20,0)+IF(Input!$D$21=2,L7880*Input!$C$21,0)+IF(Input!$D$22=2,M7880*Input!$C$22,0)</f>
        <v>0.39553211196654869</v>
      </c>
      <c r="P7880" s="59">
        <f>IF(Input!$D$19=3,J7880*Input!$C$19,0)+IF(Input!$D$20=3,K7880*Input!$C$20,0)+IF(Input!$D$21=3,L7880*Input!$C$21,0)+IF(Input!$D$22=3,M7880*Input!$C$22,0)</f>
        <v>0</v>
      </c>
      <c r="Q7880" s="75">
        <f>IF(Input!$D$19=4,J7880*Input!$C$19,0)+IF(Input!$D$20=4,K7880*Input!$C$20,0)+IF(Input!$D$21=4,L7880*Input!$C$21,0)+IF(Input!$D$22=4,M7880*Input!$C$22,0)</f>
        <v>0</v>
      </c>
      <c r="R7880" s="58">
        <v>42.561424366835574</v>
      </c>
      <c r="S7880" s="124">
        <f t="shared" si="122"/>
        <v>0.68558899407535101</v>
      </c>
    </row>
    <row r="7881" spans="8:19" x14ac:dyDescent="0.3">
      <c r="H7881" s="44">
        <v>7874</v>
      </c>
      <c r="I7881" s="56">
        <f>Bühler!I7907</f>
        <v>0.18373104555865485</v>
      </c>
      <c r="J7881" s="59">
        <f>Bühler!J7907</f>
        <v>0.61243681852884957</v>
      </c>
      <c r="K7881" s="59">
        <f>Bühler!K7907</f>
        <v>0.91865522779327435</v>
      </c>
      <c r="L7881" s="59">
        <f>Bühler!L7907</f>
        <v>8.9122996346595738</v>
      </c>
      <c r="M7881" s="58">
        <f>Bühler!M7907</f>
        <v>0</v>
      </c>
      <c r="N7881" s="56">
        <f>IF(Input!$D$19=1,J7881*Input!$C$19,0)+IF(Input!$D$20=1,K7881*Input!$C$20,0)+IF(Input!$D$21=1,L7881*Input!$C$21,0)+IF(Input!$D$22=1,M7881*Input!$C$22,0)</f>
        <v>0.18373104555865485</v>
      </c>
      <c r="O7881" s="59">
        <f>IF(Input!$D$19=2,J7881*Input!$C$19,0)+IF(Input!$D$20=2,K7881*Input!$C$20,0)+IF(Input!$D$21=2,L7881*Input!$C$21,0)+IF(Input!$D$22=2,M7881*Input!$C$22,0)</f>
        <v>0.45932761389663718</v>
      </c>
      <c r="P7881" s="59">
        <f>IF(Input!$D$19=3,J7881*Input!$C$19,0)+IF(Input!$D$20=3,K7881*Input!$C$20,0)+IF(Input!$D$21=3,L7881*Input!$C$21,0)+IF(Input!$D$22=3,M7881*Input!$C$22,0)</f>
        <v>0</v>
      </c>
      <c r="Q7881" s="75">
        <f>IF(Input!$D$19=4,J7881*Input!$C$19,0)+IF(Input!$D$20=4,K7881*Input!$C$20,0)+IF(Input!$D$21=4,L7881*Input!$C$21,0)+IF(Input!$D$22=4,M7881*Input!$C$22,0)</f>
        <v>0</v>
      </c>
      <c r="R7881" s="58">
        <v>42.930577573656215</v>
      </c>
      <c r="S7881" s="124">
        <f t="shared" ref="S7881:S7944" si="123">I7881+J7881</f>
        <v>0.7961678640875044</v>
      </c>
    </row>
    <row r="7882" spans="8:19" x14ac:dyDescent="0.3">
      <c r="H7882" s="44">
        <v>7875</v>
      </c>
      <c r="I7882" s="56">
        <f>Bühler!I7908</f>
        <v>0.18373104555865485</v>
      </c>
      <c r="J7882" s="59">
        <f>Bühler!J7908</f>
        <v>0.61243681852884957</v>
      </c>
      <c r="K7882" s="59">
        <f>Bühler!K7908</f>
        <v>0.91865522779327435</v>
      </c>
      <c r="L7882" s="59">
        <f>Bühler!L7908</f>
        <v>8.9122996346595738</v>
      </c>
      <c r="M7882" s="58">
        <f>Bühler!M7908</f>
        <v>0</v>
      </c>
      <c r="N7882" s="56">
        <f>IF(Input!$D$19=1,J7882*Input!$C$19,0)+IF(Input!$D$20=1,K7882*Input!$C$20,0)+IF(Input!$D$21=1,L7882*Input!$C$21,0)+IF(Input!$D$22=1,M7882*Input!$C$22,0)</f>
        <v>0.18373104555865485</v>
      </c>
      <c r="O7882" s="59">
        <f>IF(Input!$D$19=2,J7882*Input!$C$19,0)+IF(Input!$D$20=2,K7882*Input!$C$20,0)+IF(Input!$D$21=2,L7882*Input!$C$21,0)+IF(Input!$D$22=2,M7882*Input!$C$22,0)</f>
        <v>0.45932761389663718</v>
      </c>
      <c r="P7882" s="59">
        <f>IF(Input!$D$19=3,J7882*Input!$C$19,0)+IF(Input!$D$20=3,K7882*Input!$C$20,0)+IF(Input!$D$21=3,L7882*Input!$C$21,0)+IF(Input!$D$22=3,M7882*Input!$C$22,0)</f>
        <v>0</v>
      </c>
      <c r="Q7882" s="75">
        <f>IF(Input!$D$19=4,J7882*Input!$C$19,0)+IF(Input!$D$20=4,K7882*Input!$C$20,0)+IF(Input!$D$21=4,L7882*Input!$C$21,0)+IF(Input!$D$22=4,M7882*Input!$C$22,0)</f>
        <v>0</v>
      </c>
      <c r="R7882" s="58">
        <v>43.091488432917735</v>
      </c>
      <c r="S7882" s="124">
        <f t="shared" si="123"/>
        <v>0.7961678640875044</v>
      </c>
    </row>
    <row r="7883" spans="8:19" x14ac:dyDescent="0.3">
      <c r="H7883" s="44">
        <v>7876</v>
      </c>
      <c r="I7883" s="56">
        <f>Bühler!I7909</f>
        <v>0.18373104555865485</v>
      </c>
      <c r="J7883" s="59">
        <f>Bühler!J7909</f>
        <v>0.61243681852884957</v>
      </c>
      <c r="K7883" s="59">
        <f>Bühler!K7909</f>
        <v>0.91865522779327435</v>
      </c>
      <c r="L7883" s="59">
        <f>Bühler!L7909</f>
        <v>8.9122996346595738</v>
      </c>
      <c r="M7883" s="58">
        <f>Bühler!M7909</f>
        <v>0</v>
      </c>
      <c r="N7883" s="56">
        <f>IF(Input!$D$19=1,J7883*Input!$C$19,0)+IF(Input!$D$20=1,K7883*Input!$C$20,0)+IF(Input!$D$21=1,L7883*Input!$C$21,0)+IF(Input!$D$22=1,M7883*Input!$C$22,0)</f>
        <v>0.18373104555865485</v>
      </c>
      <c r="O7883" s="59">
        <f>IF(Input!$D$19=2,J7883*Input!$C$19,0)+IF(Input!$D$20=2,K7883*Input!$C$20,0)+IF(Input!$D$21=2,L7883*Input!$C$21,0)+IF(Input!$D$22=2,M7883*Input!$C$22,0)</f>
        <v>0.45932761389663718</v>
      </c>
      <c r="P7883" s="59">
        <f>IF(Input!$D$19=3,J7883*Input!$C$19,0)+IF(Input!$D$20=3,K7883*Input!$C$20,0)+IF(Input!$D$21=3,L7883*Input!$C$21,0)+IF(Input!$D$22=3,M7883*Input!$C$22,0)</f>
        <v>0</v>
      </c>
      <c r="Q7883" s="75">
        <f>IF(Input!$D$19=4,J7883*Input!$C$19,0)+IF(Input!$D$20=4,K7883*Input!$C$20,0)+IF(Input!$D$21=4,L7883*Input!$C$21,0)+IF(Input!$D$22=4,M7883*Input!$C$22,0)</f>
        <v>0</v>
      </c>
      <c r="R7883" s="58">
        <v>42.348271679907533</v>
      </c>
      <c r="S7883" s="124">
        <f t="shared" si="123"/>
        <v>0.7961678640875044</v>
      </c>
    </row>
    <row r="7884" spans="8:19" x14ac:dyDescent="0.3">
      <c r="H7884" s="44">
        <v>7877</v>
      </c>
      <c r="I7884" s="56">
        <f>Bühler!I7910</f>
        <v>0.18373104555865485</v>
      </c>
      <c r="J7884" s="59">
        <f>Bühler!J7910</f>
        <v>0.61243681852884957</v>
      </c>
      <c r="K7884" s="59">
        <f>Bühler!K7910</f>
        <v>0.91865522779327435</v>
      </c>
      <c r="L7884" s="59">
        <f>Bühler!L7910</f>
        <v>8.9122996346595738</v>
      </c>
      <c r="M7884" s="58">
        <f>Bühler!M7910</f>
        <v>0</v>
      </c>
      <c r="N7884" s="56">
        <f>IF(Input!$D$19=1,J7884*Input!$C$19,0)+IF(Input!$D$20=1,K7884*Input!$C$20,0)+IF(Input!$D$21=1,L7884*Input!$C$21,0)+IF(Input!$D$22=1,M7884*Input!$C$22,0)</f>
        <v>0.18373104555865485</v>
      </c>
      <c r="O7884" s="59">
        <f>IF(Input!$D$19=2,J7884*Input!$C$19,0)+IF(Input!$D$20=2,K7884*Input!$C$20,0)+IF(Input!$D$21=2,L7884*Input!$C$21,0)+IF(Input!$D$22=2,M7884*Input!$C$22,0)</f>
        <v>0.45932761389663718</v>
      </c>
      <c r="P7884" s="59">
        <f>IF(Input!$D$19=3,J7884*Input!$C$19,0)+IF(Input!$D$20=3,K7884*Input!$C$20,0)+IF(Input!$D$21=3,L7884*Input!$C$21,0)+IF(Input!$D$22=3,M7884*Input!$C$22,0)</f>
        <v>0</v>
      </c>
      <c r="Q7884" s="75">
        <f>IF(Input!$D$19=4,J7884*Input!$C$19,0)+IF(Input!$D$20=4,K7884*Input!$C$20,0)+IF(Input!$D$21=4,L7884*Input!$C$21,0)+IF(Input!$D$22=4,M7884*Input!$C$22,0)</f>
        <v>0</v>
      </c>
      <c r="R7884" s="58">
        <v>42.478322023585129</v>
      </c>
      <c r="S7884" s="124">
        <f t="shared" si="123"/>
        <v>0.7961678640875044</v>
      </c>
    </row>
    <row r="7885" spans="8:19" x14ac:dyDescent="0.3">
      <c r="H7885" s="44">
        <v>7878</v>
      </c>
      <c r="I7885" s="56">
        <f>Bühler!I7911</f>
        <v>0.22966380694831853</v>
      </c>
      <c r="J7885" s="59">
        <f>Bühler!J7911</f>
        <v>0.76554602316106179</v>
      </c>
      <c r="K7885" s="59">
        <f>Bühler!K7911</f>
        <v>1.1483190347415928</v>
      </c>
      <c r="L7885" s="59">
        <f>Bühler!L7911</f>
        <v>11.140374543324466</v>
      </c>
      <c r="M7885" s="58">
        <f>Bühler!M7911</f>
        <v>0</v>
      </c>
      <c r="N7885" s="56">
        <f>IF(Input!$D$19=1,J7885*Input!$C$19,0)+IF(Input!$D$20=1,K7885*Input!$C$20,0)+IF(Input!$D$21=1,L7885*Input!$C$21,0)+IF(Input!$D$22=1,M7885*Input!$C$22,0)</f>
        <v>0.22966380694831853</v>
      </c>
      <c r="O7885" s="59">
        <f>IF(Input!$D$19=2,J7885*Input!$C$19,0)+IF(Input!$D$20=2,K7885*Input!$C$20,0)+IF(Input!$D$21=2,L7885*Input!$C$21,0)+IF(Input!$D$22=2,M7885*Input!$C$22,0)</f>
        <v>0.5741595173707964</v>
      </c>
      <c r="P7885" s="59">
        <f>IF(Input!$D$19=3,J7885*Input!$C$19,0)+IF(Input!$D$20=3,K7885*Input!$C$20,0)+IF(Input!$D$21=3,L7885*Input!$C$21,0)+IF(Input!$D$22=3,M7885*Input!$C$22,0)</f>
        <v>0</v>
      </c>
      <c r="Q7885" s="75">
        <f>IF(Input!$D$19=4,J7885*Input!$C$19,0)+IF(Input!$D$20=4,K7885*Input!$C$20,0)+IF(Input!$D$21=4,L7885*Input!$C$21,0)+IF(Input!$D$22=4,M7885*Input!$C$22,0)</f>
        <v>0</v>
      </c>
      <c r="R7885" s="58">
        <v>42.478148147768266</v>
      </c>
      <c r="S7885" s="124">
        <f t="shared" si="123"/>
        <v>0.99520983010938036</v>
      </c>
    </row>
    <row r="7886" spans="8:19" x14ac:dyDescent="0.3">
      <c r="H7886" s="44">
        <v>7879</v>
      </c>
      <c r="I7886" s="56">
        <f>Bühler!I7912</f>
        <v>0.27049292818357523</v>
      </c>
      <c r="J7886" s="59">
        <f>Bühler!J7912</f>
        <v>0.90164309394525088</v>
      </c>
      <c r="K7886" s="59">
        <f>Bühler!K7912</f>
        <v>1.3524646409178762</v>
      </c>
      <c r="L7886" s="59">
        <f>Bühler!L7912</f>
        <v>13.120885573248819</v>
      </c>
      <c r="M7886" s="58">
        <f>Bühler!M7912</f>
        <v>0</v>
      </c>
      <c r="N7886" s="56">
        <f>IF(Input!$D$19=1,J7886*Input!$C$19,0)+IF(Input!$D$20=1,K7886*Input!$C$20,0)+IF(Input!$D$21=1,L7886*Input!$C$21,0)+IF(Input!$D$22=1,M7886*Input!$C$22,0)</f>
        <v>0.27049292818357523</v>
      </c>
      <c r="O7886" s="59">
        <f>IF(Input!$D$19=2,J7886*Input!$C$19,0)+IF(Input!$D$20=2,K7886*Input!$C$20,0)+IF(Input!$D$21=2,L7886*Input!$C$21,0)+IF(Input!$D$22=2,M7886*Input!$C$22,0)</f>
        <v>0.67623232045893811</v>
      </c>
      <c r="P7886" s="59">
        <f>IF(Input!$D$19=3,J7886*Input!$C$19,0)+IF(Input!$D$20=3,K7886*Input!$C$20,0)+IF(Input!$D$21=3,L7886*Input!$C$21,0)+IF(Input!$D$22=3,M7886*Input!$C$22,0)</f>
        <v>0</v>
      </c>
      <c r="Q7886" s="75">
        <f>IF(Input!$D$19=4,J7886*Input!$C$19,0)+IF(Input!$D$20=4,K7886*Input!$C$20,0)+IF(Input!$D$21=4,L7886*Input!$C$21,0)+IF(Input!$D$22=4,M7886*Input!$C$22,0)</f>
        <v>0</v>
      </c>
      <c r="R7886" s="58">
        <v>43.043314397133905</v>
      </c>
      <c r="S7886" s="124">
        <f t="shared" si="123"/>
        <v>1.1721360221288262</v>
      </c>
    </row>
    <row r="7887" spans="8:19" x14ac:dyDescent="0.3">
      <c r="H7887" s="44">
        <v>7880</v>
      </c>
      <c r="I7887" s="56">
        <f>Bühler!I7913</f>
        <v>0.32152932972764603</v>
      </c>
      <c r="J7887" s="59">
        <f>Bühler!J7913</f>
        <v>1.0717644324254869</v>
      </c>
      <c r="K7887" s="59">
        <f>Bühler!K7913</f>
        <v>1.6076466486382301</v>
      </c>
      <c r="L7887" s="59">
        <f>Bühler!L7913</f>
        <v>15.596524360654255</v>
      </c>
      <c r="M7887" s="58">
        <f>Bühler!M7913</f>
        <v>0</v>
      </c>
      <c r="N7887" s="56">
        <f>IF(Input!$D$19=1,J7887*Input!$C$19,0)+IF(Input!$D$20=1,K7887*Input!$C$20,0)+IF(Input!$D$21=1,L7887*Input!$C$21,0)+IF(Input!$D$22=1,M7887*Input!$C$22,0)</f>
        <v>0.32152932972764608</v>
      </c>
      <c r="O7887" s="59">
        <f>IF(Input!$D$19=2,J7887*Input!$C$19,0)+IF(Input!$D$20=2,K7887*Input!$C$20,0)+IF(Input!$D$21=2,L7887*Input!$C$21,0)+IF(Input!$D$22=2,M7887*Input!$C$22,0)</f>
        <v>0.80382332431911507</v>
      </c>
      <c r="P7887" s="59">
        <f>IF(Input!$D$19=3,J7887*Input!$C$19,0)+IF(Input!$D$20=3,K7887*Input!$C$20,0)+IF(Input!$D$21=3,L7887*Input!$C$21,0)+IF(Input!$D$22=3,M7887*Input!$C$22,0)</f>
        <v>0</v>
      </c>
      <c r="Q7887" s="75">
        <f>IF(Input!$D$19=4,J7887*Input!$C$19,0)+IF(Input!$D$20=4,K7887*Input!$C$20,0)+IF(Input!$D$21=4,L7887*Input!$C$21,0)+IF(Input!$D$22=4,M7887*Input!$C$22,0)</f>
        <v>0</v>
      </c>
      <c r="R7887" s="58">
        <v>42.732956655438386</v>
      </c>
      <c r="S7887" s="124">
        <f t="shared" si="123"/>
        <v>1.3932937621531329</v>
      </c>
    </row>
    <row r="7888" spans="8:19" x14ac:dyDescent="0.3">
      <c r="H7888" s="44">
        <v>7881</v>
      </c>
      <c r="I7888" s="56">
        <f>Bühler!I7914</f>
        <v>0.32152932972764603</v>
      </c>
      <c r="J7888" s="59">
        <f>Bühler!J7914</f>
        <v>1.0717644324254869</v>
      </c>
      <c r="K7888" s="59">
        <f>Bühler!K7914</f>
        <v>1.6076466486382301</v>
      </c>
      <c r="L7888" s="59">
        <f>Bühler!L7914</f>
        <v>15.596524360654255</v>
      </c>
      <c r="M7888" s="58">
        <f>Bühler!M7914</f>
        <v>0</v>
      </c>
      <c r="N7888" s="56">
        <f>IF(Input!$D$19=1,J7888*Input!$C$19,0)+IF(Input!$D$20=1,K7888*Input!$C$20,0)+IF(Input!$D$21=1,L7888*Input!$C$21,0)+IF(Input!$D$22=1,M7888*Input!$C$22,0)</f>
        <v>0.32152932972764608</v>
      </c>
      <c r="O7888" s="59">
        <f>IF(Input!$D$19=2,J7888*Input!$C$19,0)+IF(Input!$D$20=2,K7888*Input!$C$20,0)+IF(Input!$D$21=2,L7888*Input!$C$21,0)+IF(Input!$D$22=2,M7888*Input!$C$22,0)</f>
        <v>0.80382332431911507</v>
      </c>
      <c r="P7888" s="59">
        <f>IF(Input!$D$19=3,J7888*Input!$C$19,0)+IF(Input!$D$20=3,K7888*Input!$C$20,0)+IF(Input!$D$21=3,L7888*Input!$C$21,0)+IF(Input!$D$22=3,M7888*Input!$C$22,0)</f>
        <v>0</v>
      </c>
      <c r="Q7888" s="75">
        <f>IF(Input!$D$19=4,J7888*Input!$C$19,0)+IF(Input!$D$20=4,K7888*Input!$C$20,0)+IF(Input!$D$21=4,L7888*Input!$C$21,0)+IF(Input!$D$22=4,M7888*Input!$C$22,0)</f>
        <v>0</v>
      </c>
      <c r="R7888" s="58">
        <v>42.115773881452846</v>
      </c>
      <c r="S7888" s="124">
        <f t="shared" si="123"/>
        <v>1.3932937621531329</v>
      </c>
    </row>
    <row r="7889" spans="8:19" x14ac:dyDescent="0.3">
      <c r="H7889" s="44">
        <v>7882</v>
      </c>
      <c r="I7889" s="56">
        <f>Bühler!I7915</f>
        <v>0.32152932972764603</v>
      </c>
      <c r="J7889" s="59">
        <f>Bühler!J7915</f>
        <v>1.0717644324254869</v>
      </c>
      <c r="K7889" s="59">
        <f>Bühler!K7915</f>
        <v>1.6076466486382301</v>
      </c>
      <c r="L7889" s="59">
        <f>Bühler!L7915</f>
        <v>15.596524360654255</v>
      </c>
      <c r="M7889" s="58">
        <f>Bühler!M7915</f>
        <v>0</v>
      </c>
      <c r="N7889" s="56">
        <f>IF(Input!$D$19=1,J7889*Input!$C$19,0)+IF(Input!$D$20=1,K7889*Input!$C$20,0)+IF(Input!$D$21=1,L7889*Input!$C$21,0)+IF(Input!$D$22=1,M7889*Input!$C$22,0)</f>
        <v>0.32152932972764608</v>
      </c>
      <c r="O7889" s="59">
        <f>IF(Input!$D$19=2,J7889*Input!$C$19,0)+IF(Input!$D$20=2,K7889*Input!$C$20,0)+IF(Input!$D$21=2,L7889*Input!$C$21,0)+IF(Input!$D$22=2,M7889*Input!$C$22,0)</f>
        <v>0.80382332431911507</v>
      </c>
      <c r="P7889" s="59">
        <f>IF(Input!$D$19=3,J7889*Input!$C$19,0)+IF(Input!$D$20=3,K7889*Input!$C$20,0)+IF(Input!$D$21=3,L7889*Input!$C$21,0)+IF(Input!$D$22=3,M7889*Input!$C$22,0)</f>
        <v>0</v>
      </c>
      <c r="Q7889" s="75">
        <f>IF(Input!$D$19=4,J7889*Input!$C$19,0)+IF(Input!$D$20=4,K7889*Input!$C$20,0)+IF(Input!$D$21=4,L7889*Input!$C$21,0)+IF(Input!$D$22=4,M7889*Input!$C$22,0)</f>
        <v>0</v>
      </c>
      <c r="R7889" s="58">
        <v>41.638294824669224</v>
      </c>
      <c r="S7889" s="124">
        <f t="shared" si="123"/>
        <v>1.3932937621531329</v>
      </c>
    </row>
    <row r="7890" spans="8:19" x14ac:dyDescent="0.3">
      <c r="H7890" s="44">
        <v>7883</v>
      </c>
      <c r="I7890" s="56">
        <f>Bühler!I7916</f>
        <v>0.32152932972764603</v>
      </c>
      <c r="J7890" s="59">
        <f>Bühler!J7916</f>
        <v>1.0717644324254869</v>
      </c>
      <c r="K7890" s="59">
        <f>Bühler!K7916</f>
        <v>1.6076466486382301</v>
      </c>
      <c r="L7890" s="59">
        <f>Bühler!L7916</f>
        <v>15.596524360654255</v>
      </c>
      <c r="M7890" s="58">
        <f>Bühler!M7916</f>
        <v>0</v>
      </c>
      <c r="N7890" s="56">
        <f>IF(Input!$D$19=1,J7890*Input!$C$19,0)+IF(Input!$D$20=1,K7890*Input!$C$20,0)+IF(Input!$D$21=1,L7890*Input!$C$21,0)+IF(Input!$D$22=1,M7890*Input!$C$22,0)</f>
        <v>0.32152932972764608</v>
      </c>
      <c r="O7890" s="59">
        <f>IF(Input!$D$19=2,J7890*Input!$C$19,0)+IF(Input!$D$20=2,K7890*Input!$C$20,0)+IF(Input!$D$21=2,L7890*Input!$C$21,0)+IF(Input!$D$22=2,M7890*Input!$C$22,0)</f>
        <v>0.80382332431911507</v>
      </c>
      <c r="P7890" s="59">
        <f>IF(Input!$D$19=3,J7890*Input!$C$19,0)+IF(Input!$D$20=3,K7890*Input!$C$20,0)+IF(Input!$D$21=3,L7890*Input!$C$21,0)+IF(Input!$D$22=3,M7890*Input!$C$22,0)</f>
        <v>0</v>
      </c>
      <c r="Q7890" s="75">
        <f>IF(Input!$D$19=4,J7890*Input!$C$19,0)+IF(Input!$D$20=4,K7890*Input!$C$20,0)+IF(Input!$D$21=4,L7890*Input!$C$21,0)+IF(Input!$D$22=4,M7890*Input!$C$22,0)</f>
        <v>0</v>
      </c>
      <c r="R7890" s="58">
        <v>41.783423192765149</v>
      </c>
      <c r="S7890" s="124">
        <f t="shared" si="123"/>
        <v>1.3932937621531329</v>
      </c>
    </row>
    <row r="7891" spans="8:19" x14ac:dyDescent="0.3">
      <c r="H7891" s="44">
        <v>7884</v>
      </c>
      <c r="I7891" s="56">
        <f>Bühler!I7917</f>
        <v>0.32152932972764603</v>
      </c>
      <c r="J7891" s="59">
        <f>Bühler!J7917</f>
        <v>1.0717644324254869</v>
      </c>
      <c r="K7891" s="59">
        <f>Bühler!K7917</f>
        <v>1.6076466486382301</v>
      </c>
      <c r="L7891" s="59">
        <f>Bühler!L7917</f>
        <v>15.596524360654255</v>
      </c>
      <c r="M7891" s="58">
        <f>Bühler!M7917</f>
        <v>0</v>
      </c>
      <c r="N7891" s="56">
        <f>IF(Input!$D$19=1,J7891*Input!$C$19,0)+IF(Input!$D$20=1,K7891*Input!$C$20,0)+IF(Input!$D$21=1,L7891*Input!$C$21,0)+IF(Input!$D$22=1,M7891*Input!$C$22,0)</f>
        <v>0.32152932972764608</v>
      </c>
      <c r="O7891" s="59">
        <f>IF(Input!$D$19=2,J7891*Input!$C$19,0)+IF(Input!$D$20=2,K7891*Input!$C$20,0)+IF(Input!$D$21=2,L7891*Input!$C$21,0)+IF(Input!$D$22=2,M7891*Input!$C$22,0)</f>
        <v>0.80382332431911507</v>
      </c>
      <c r="P7891" s="59">
        <f>IF(Input!$D$19=3,J7891*Input!$C$19,0)+IF(Input!$D$20=3,K7891*Input!$C$20,0)+IF(Input!$D$21=3,L7891*Input!$C$21,0)+IF(Input!$D$22=3,M7891*Input!$C$22,0)</f>
        <v>0</v>
      </c>
      <c r="Q7891" s="75">
        <f>IF(Input!$D$19=4,J7891*Input!$C$19,0)+IF(Input!$D$20=4,K7891*Input!$C$20,0)+IF(Input!$D$21=4,L7891*Input!$C$21,0)+IF(Input!$D$22=4,M7891*Input!$C$22,0)</f>
        <v>0</v>
      </c>
      <c r="R7891" s="58">
        <v>41.541195978311031</v>
      </c>
      <c r="S7891" s="124">
        <f t="shared" si="123"/>
        <v>1.3932937621531329</v>
      </c>
    </row>
    <row r="7892" spans="8:19" x14ac:dyDescent="0.3">
      <c r="H7892" s="44">
        <v>7885</v>
      </c>
      <c r="I7892" s="56">
        <f>Bühler!I7918</f>
        <v>0.32152932972764603</v>
      </c>
      <c r="J7892" s="59">
        <f>Bühler!J7918</f>
        <v>1.0717644324254869</v>
      </c>
      <c r="K7892" s="59">
        <f>Bühler!K7918</f>
        <v>1.6076466486382301</v>
      </c>
      <c r="L7892" s="59">
        <f>Bühler!L7918</f>
        <v>15.596524360654255</v>
      </c>
      <c r="M7892" s="58">
        <f>Bühler!M7918</f>
        <v>0</v>
      </c>
      <c r="N7892" s="56">
        <f>IF(Input!$D$19=1,J7892*Input!$C$19,0)+IF(Input!$D$20=1,K7892*Input!$C$20,0)+IF(Input!$D$21=1,L7892*Input!$C$21,0)+IF(Input!$D$22=1,M7892*Input!$C$22,0)</f>
        <v>0.32152932972764608</v>
      </c>
      <c r="O7892" s="59">
        <f>IF(Input!$D$19=2,J7892*Input!$C$19,0)+IF(Input!$D$20=2,K7892*Input!$C$20,0)+IF(Input!$D$21=2,L7892*Input!$C$21,0)+IF(Input!$D$22=2,M7892*Input!$C$22,0)</f>
        <v>0.80382332431911507</v>
      </c>
      <c r="P7892" s="59">
        <f>IF(Input!$D$19=3,J7892*Input!$C$19,0)+IF(Input!$D$20=3,K7892*Input!$C$20,0)+IF(Input!$D$21=3,L7892*Input!$C$21,0)+IF(Input!$D$22=3,M7892*Input!$C$22,0)</f>
        <v>0</v>
      </c>
      <c r="Q7892" s="75">
        <f>IF(Input!$D$19=4,J7892*Input!$C$19,0)+IF(Input!$D$20=4,K7892*Input!$C$20,0)+IF(Input!$D$21=4,L7892*Input!$C$21,0)+IF(Input!$D$22=4,M7892*Input!$C$22,0)</f>
        <v>0</v>
      </c>
      <c r="R7892" s="58">
        <v>41.706657990496531</v>
      </c>
      <c r="S7892" s="124">
        <f t="shared" si="123"/>
        <v>1.3932937621531329</v>
      </c>
    </row>
    <row r="7893" spans="8:19" x14ac:dyDescent="0.3">
      <c r="H7893" s="44">
        <v>7886</v>
      </c>
      <c r="I7893" s="56">
        <f>Bühler!I7919</f>
        <v>0.32152932972764603</v>
      </c>
      <c r="J7893" s="59">
        <f>Bühler!J7919</f>
        <v>1.0717644324254869</v>
      </c>
      <c r="K7893" s="59">
        <f>Bühler!K7919</f>
        <v>1.6076466486382301</v>
      </c>
      <c r="L7893" s="59">
        <f>Bühler!L7919</f>
        <v>15.596524360654255</v>
      </c>
      <c r="M7893" s="58">
        <f>Bühler!M7919</f>
        <v>0</v>
      </c>
      <c r="N7893" s="56">
        <f>IF(Input!$D$19=1,J7893*Input!$C$19,0)+IF(Input!$D$20=1,K7893*Input!$C$20,0)+IF(Input!$D$21=1,L7893*Input!$C$21,0)+IF(Input!$D$22=1,M7893*Input!$C$22,0)</f>
        <v>0.32152932972764608</v>
      </c>
      <c r="O7893" s="59">
        <f>IF(Input!$D$19=2,J7893*Input!$C$19,0)+IF(Input!$D$20=2,K7893*Input!$C$20,0)+IF(Input!$D$21=2,L7893*Input!$C$21,0)+IF(Input!$D$22=2,M7893*Input!$C$22,0)</f>
        <v>0.80382332431911507</v>
      </c>
      <c r="P7893" s="59">
        <f>IF(Input!$D$19=3,J7893*Input!$C$19,0)+IF(Input!$D$20=3,K7893*Input!$C$20,0)+IF(Input!$D$21=3,L7893*Input!$C$21,0)+IF(Input!$D$22=3,M7893*Input!$C$22,0)</f>
        <v>0</v>
      </c>
      <c r="Q7893" s="75">
        <f>IF(Input!$D$19=4,J7893*Input!$C$19,0)+IF(Input!$D$20=4,K7893*Input!$C$20,0)+IF(Input!$D$21=4,L7893*Input!$C$21,0)+IF(Input!$D$22=4,M7893*Input!$C$22,0)</f>
        <v>0</v>
      </c>
      <c r="R7893" s="58">
        <v>42.048096470863598</v>
      </c>
      <c r="S7893" s="124">
        <f t="shared" si="123"/>
        <v>1.3932937621531329</v>
      </c>
    </row>
    <row r="7894" spans="8:19" x14ac:dyDescent="0.3">
      <c r="H7894" s="44">
        <v>7887</v>
      </c>
      <c r="I7894" s="56">
        <f>Bühler!I7920</f>
        <v>0.32152932972764603</v>
      </c>
      <c r="J7894" s="59">
        <f>Bühler!J7920</f>
        <v>1.0717644324254869</v>
      </c>
      <c r="K7894" s="59">
        <f>Bühler!K7920</f>
        <v>1.6076466486382301</v>
      </c>
      <c r="L7894" s="59">
        <f>Bühler!L7920</f>
        <v>15.596524360654255</v>
      </c>
      <c r="M7894" s="58">
        <f>Bühler!M7920</f>
        <v>0</v>
      </c>
      <c r="N7894" s="56">
        <f>IF(Input!$D$19=1,J7894*Input!$C$19,0)+IF(Input!$D$20=1,K7894*Input!$C$20,0)+IF(Input!$D$21=1,L7894*Input!$C$21,0)+IF(Input!$D$22=1,M7894*Input!$C$22,0)</f>
        <v>0.32152932972764608</v>
      </c>
      <c r="O7894" s="59">
        <f>IF(Input!$D$19=2,J7894*Input!$C$19,0)+IF(Input!$D$20=2,K7894*Input!$C$20,0)+IF(Input!$D$21=2,L7894*Input!$C$21,0)+IF(Input!$D$22=2,M7894*Input!$C$22,0)</f>
        <v>0.80382332431911507</v>
      </c>
      <c r="P7894" s="59">
        <f>IF(Input!$D$19=3,J7894*Input!$C$19,0)+IF(Input!$D$20=3,K7894*Input!$C$20,0)+IF(Input!$D$21=3,L7894*Input!$C$21,0)+IF(Input!$D$22=3,M7894*Input!$C$22,0)</f>
        <v>0</v>
      </c>
      <c r="Q7894" s="75">
        <f>IF(Input!$D$19=4,J7894*Input!$C$19,0)+IF(Input!$D$20=4,K7894*Input!$C$20,0)+IF(Input!$D$21=4,L7894*Input!$C$21,0)+IF(Input!$D$22=4,M7894*Input!$C$22,0)</f>
        <v>0</v>
      </c>
      <c r="R7894" s="58">
        <v>42.024735818461153</v>
      </c>
      <c r="S7894" s="124">
        <f t="shared" si="123"/>
        <v>1.3932937621531329</v>
      </c>
    </row>
    <row r="7895" spans="8:19" x14ac:dyDescent="0.3">
      <c r="H7895" s="44">
        <v>7888</v>
      </c>
      <c r="I7895" s="56">
        <f>Bühler!I7921</f>
        <v>0.28580384864679642</v>
      </c>
      <c r="J7895" s="59">
        <f>Bühler!J7921</f>
        <v>0.95267949548932163</v>
      </c>
      <c r="K7895" s="59">
        <f>Bühler!K7921</f>
        <v>1.4290192432339823</v>
      </c>
      <c r="L7895" s="59">
        <f>Bühler!L7921</f>
        <v>13.863577209470447</v>
      </c>
      <c r="M7895" s="58">
        <f>Bühler!M7921</f>
        <v>0</v>
      </c>
      <c r="N7895" s="56">
        <f>IF(Input!$D$19=1,J7895*Input!$C$19,0)+IF(Input!$D$20=1,K7895*Input!$C$20,0)+IF(Input!$D$21=1,L7895*Input!$C$21,0)+IF(Input!$D$22=1,M7895*Input!$C$22,0)</f>
        <v>0.28580384864679648</v>
      </c>
      <c r="O7895" s="59">
        <f>IF(Input!$D$19=2,J7895*Input!$C$19,0)+IF(Input!$D$20=2,K7895*Input!$C$20,0)+IF(Input!$D$21=2,L7895*Input!$C$21,0)+IF(Input!$D$22=2,M7895*Input!$C$22,0)</f>
        <v>0.71450962161699116</v>
      </c>
      <c r="P7895" s="59">
        <f>IF(Input!$D$19=3,J7895*Input!$C$19,0)+IF(Input!$D$20=3,K7895*Input!$C$20,0)+IF(Input!$D$21=3,L7895*Input!$C$21,0)+IF(Input!$D$22=3,M7895*Input!$C$22,0)</f>
        <v>0</v>
      </c>
      <c r="Q7895" s="75">
        <f>IF(Input!$D$19=4,J7895*Input!$C$19,0)+IF(Input!$D$20=4,K7895*Input!$C$20,0)+IF(Input!$D$21=4,L7895*Input!$C$21,0)+IF(Input!$D$22=4,M7895*Input!$C$22,0)</f>
        <v>0</v>
      </c>
      <c r="R7895" s="58">
        <v>41.795491645486642</v>
      </c>
      <c r="S7895" s="124">
        <f t="shared" si="123"/>
        <v>1.238483344136118</v>
      </c>
    </row>
    <row r="7896" spans="8:19" x14ac:dyDescent="0.3">
      <c r="H7896" s="44">
        <v>7889</v>
      </c>
      <c r="I7896" s="56">
        <f>Bühler!I7922</f>
        <v>0.28070020849238936</v>
      </c>
      <c r="J7896" s="59">
        <f>Bühler!J7922</f>
        <v>0.93566736164129793</v>
      </c>
      <c r="K7896" s="59">
        <f>Bühler!K7922</f>
        <v>1.403501042461947</v>
      </c>
      <c r="L7896" s="59">
        <f>Bühler!L7922</f>
        <v>13.616013330729904</v>
      </c>
      <c r="M7896" s="58">
        <f>Bühler!M7922</f>
        <v>0</v>
      </c>
      <c r="N7896" s="56">
        <f>IF(Input!$D$19=1,J7896*Input!$C$19,0)+IF(Input!$D$20=1,K7896*Input!$C$20,0)+IF(Input!$D$21=1,L7896*Input!$C$21,0)+IF(Input!$D$22=1,M7896*Input!$C$22,0)</f>
        <v>0.28070020849238936</v>
      </c>
      <c r="O7896" s="59">
        <f>IF(Input!$D$19=2,J7896*Input!$C$19,0)+IF(Input!$D$20=2,K7896*Input!$C$20,0)+IF(Input!$D$21=2,L7896*Input!$C$21,0)+IF(Input!$D$22=2,M7896*Input!$C$22,0)</f>
        <v>0.70175052123097348</v>
      </c>
      <c r="P7896" s="59">
        <f>IF(Input!$D$19=3,J7896*Input!$C$19,0)+IF(Input!$D$20=3,K7896*Input!$C$20,0)+IF(Input!$D$21=3,L7896*Input!$C$21,0)+IF(Input!$D$22=3,M7896*Input!$C$22,0)</f>
        <v>0</v>
      </c>
      <c r="Q7896" s="75">
        <f>IF(Input!$D$19=4,J7896*Input!$C$19,0)+IF(Input!$D$20=4,K7896*Input!$C$20,0)+IF(Input!$D$21=4,L7896*Input!$C$21,0)+IF(Input!$D$22=4,M7896*Input!$C$22,0)</f>
        <v>0</v>
      </c>
      <c r="R7896" s="58">
        <v>41.831931152495081</v>
      </c>
      <c r="S7896" s="124">
        <f t="shared" si="123"/>
        <v>1.2163675701336873</v>
      </c>
    </row>
    <row r="7897" spans="8:19" x14ac:dyDescent="0.3">
      <c r="H7897" s="44">
        <v>7890</v>
      </c>
      <c r="I7897" s="56">
        <f>Bühler!I7923</f>
        <v>0.23987108725713277</v>
      </c>
      <c r="J7897" s="59">
        <f>Bühler!J7923</f>
        <v>0.79957029085710929</v>
      </c>
      <c r="K7897" s="59">
        <f>Bühler!K7923</f>
        <v>1.199355436285664</v>
      </c>
      <c r="L7897" s="59">
        <f>Bühler!L7923</f>
        <v>11.635502300805555</v>
      </c>
      <c r="M7897" s="58">
        <f>Bühler!M7923</f>
        <v>0</v>
      </c>
      <c r="N7897" s="56">
        <f>IF(Input!$D$19=1,J7897*Input!$C$19,0)+IF(Input!$D$20=1,K7897*Input!$C$20,0)+IF(Input!$D$21=1,L7897*Input!$C$21,0)+IF(Input!$D$22=1,M7897*Input!$C$22,0)</f>
        <v>0.23987108725713277</v>
      </c>
      <c r="O7897" s="59">
        <f>IF(Input!$D$19=2,J7897*Input!$C$19,0)+IF(Input!$D$20=2,K7897*Input!$C$20,0)+IF(Input!$D$21=2,L7897*Input!$C$21,0)+IF(Input!$D$22=2,M7897*Input!$C$22,0)</f>
        <v>0.59967771814283199</v>
      </c>
      <c r="P7897" s="59">
        <f>IF(Input!$D$19=3,J7897*Input!$C$19,0)+IF(Input!$D$20=3,K7897*Input!$C$20,0)+IF(Input!$D$21=3,L7897*Input!$C$21,0)+IF(Input!$D$22=3,M7897*Input!$C$22,0)</f>
        <v>0</v>
      </c>
      <c r="Q7897" s="75">
        <f>IF(Input!$D$19=4,J7897*Input!$C$19,0)+IF(Input!$D$20=4,K7897*Input!$C$20,0)+IF(Input!$D$21=4,L7897*Input!$C$21,0)+IF(Input!$D$22=4,M7897*Input!$C$22,0)</f>
        <v>0</v>
      </c>
      <c r="R7897" s="58">
        <v>42.15452714307078</v>
      </c>
      <c r="S7897" s="124">
        <f t="shared" si="123"/>
        <v>1.039441378114242</v>
      </c>
    </row>
    <row r="7898" spans="8:19" x14ac:dyDescent="0.3">
      <c r="H7898" s="44">
        <v>7891</v>
      </c>
      <c r="I7898" s="56">
        <f>Bühler!I7924</f>
        <v>0.2245601667939115</v>
      </c>
      <c r="J7898" s="59">
        <f>Bühler!J7924</f>
        <v>0.74853388931303844</v>
      </c>
      <c r="K7898" s="59">
        <f>Bühler!K7924</f>
        <v>1.1228008339695577</v>
      </c>
      <c r="L7898" s="59">
        <f>Bühler!L7924</f>
        <v>10.892810664583925</v>
      </c>
      <c r="M7898" s="58">
        <f>Bühler!M7924</f>
        <v>0</v>
      </c>
      <c r="N7898" s="56">
        <f>IF(Input!$D$19=1,J7898*Input!$C$19,0)+IF(Input!$D$20=1,K7898*Input!$C$20,0)+IF(Input!$D$21=1,L7898*Input!$C$21,0)+IF(Input!$D$22=1,M7898*Input!$C$22,0)</f>
        <v>0.22456016679391153</v>
      </c>
      <c r="O7898" s="59">
        <f>IF(Input!$D$19=2,J7898*Input!$C$19,0)+IF(Input!$D$20=2,K7898*Input!$C$20,0)+IF(Input!$D$21=2,L7898*Input!$C$21,0)+IF(Input!$D$22=2,M7898*Input!$C$22,0)</f>
        <v>0.56140041698477883</v>
      </c>
      <c r="P7898" s="59">
        <f>IF(Input!$D$19=3,J7898*Input!$C$19,0)+IF(Input!$D$20=3,K7898*Input!$C$20,0)+IF(Input!$D$21=3,L7898*Input!$C$21,0)+IF(Input!$D$22=3,M7898*Input!$C$22,0)</f>
        <v>0</v>
      </c>
      <c r="Q7898" s="75">
        <f>IF(Input!$D$19=4,J7898*Input!$C$19,0)+IF(Input!$D$20=4,K7898*Input!$C$20,0)+IF(Input!$D$21=4,L7898*Input!$C$21,0)+IF(Input!$D$22=4,M7898*Input!$C$22,0)</f>
        <v>0</v>
      </c>
      <c r="R7898" s="58">
        <v>42.624261772932314</v>
      </c>
      <c r="S7898" s="124">
        <f t="shared" si="123"/>
        <v>0.97309405610694988</v>
      </c>
    </row>
    <row r="7899" spans="8:19" x14ac:dyDescent="0.3">
      <c r="H7899" s="44">
        <v>7892</v>
      </c>
      <c r="I7899" s="56">
        <f>Bühler!I7925</f>
        <v>0.18883468571306194</v>
      </c>
      <c r="J7899" s="59">
        <f>Bühler!J7925</f>
        <v>0.62944895237687326</v>
      </c>
      <c r="K7899" s="59">
        <f>Bühler!K7925</f>
        <v>0.94417342856530984</v>
      </c>
      <c r="L7899" s="59">
        <f>Bühler!L7925</f>
        <v>9.1598635134001185</v>
      </c>
      <c r="M7899" s="58">
        <f>Bühler!M7925</f>
        <v>0</v>
      </c>
      <c r="N7899" s="56">
        <f>IF(Input!$D$19=1,J7899*Input!$C$19,0)+IF(Input!$D$20=1,K7899*Input!$C$20,0)+IF(Input!$D$21=1,L7899*Input!$C$21,0)+IF(Input!$D$22=1,M7899*Input!$C$22,0)</f>
        <v>0.18883468571306197</v>
      </c>
      <c r="O7899" s="59">
        <f>IF(Input!$D$19=2,J7899*Input!$C$19,0)+IF(Input!$D$20=2,K7899*Input!$C$20,0)+IF(Input!$D$21=2,L7899*Input!$C$21,0)+IF(Input!$D$22=2,M7899*Input!$C$22,0)</f>
        <v>0.47208671428265492</v>
      </c>
      <c r="P7899" s="59">
        <f>IF(Input!$D$19=3,J7899*Input!$C$19,0)+IF(Input!$D$20=3,K7899*Input!$C$20,0)+IF(Input!$D$21=3,L7899*Input!$C$21,0)+IF(Input!$D$22=3,M7899*Input!$C$22,0)</f>
        <v>0</v>
      </c>
      <c r="Q7899" s="75">
        <f>IF(Input!$D$19=4,J7899*Input!$C$19,0)+IF(Input!$D$20=4,K7899*Input!$C$20,0)+IF(Input!$D$21=4,L7899*Input!$C$21,0)+IF(Input!$D$22=4,M7899*Input!$C$22,0)</f>
        <v>0</v>
      </c>
      <c r="R7899" s="58">
        <v>42.687803037750335</v>
      </c>
      <c r="S7899" s="124">
        <f t="shared" si="123"/>
        <v>0.81828363808993521</v>
      </c>
    </row>
    <row r="7900" spans="8:19" x14ac:dyDescent="0.3">
      <c r="H7900" s="44">
        <v>7893</v>
      </c>
      <c r="I7900" s="56">
        <f>Bühler!I7926</f>
        <v>0.15821284478661946</v>
      </c>
      <c r="J7900" s="59">
        <f>Bühler!J7926</f>
        <v>0.52737614928873155</v>
      </c>
      <c r="K7900" s="59">
        <f>Bühler!K7926</f>
        <v>0.79106422393309739</v>
      </c>
      <c r="L7900" s="59">
        <f>Bühler!L7926</f>
        <v>7.6744802409568553</v>
      </c>
      <c r="M7900" s="58">
        <f>Bühler!M7926</f>
        <v>0</v>
      </c>
      <c r="N7900" s="56">
        <f>IF(Input!$D$19=1,J7900*Input!$C$19,0)+IF(Input!$D$20=1,K7900*Input!$C$20,0)+IF(Input!$D$21=1,L7900*Input!$C$21,0)+IF(Input!$D$22=1,M7900*Input!$C$22,0)</f>
        <v>0.15821284478661946</v>
      </c>
      <c r="O7900" s="59">
        <f>IF(Input!$D$19=2,J7900*Input!$C$19,0)+IF(Input!$D$20=2,K7900*Input!$C$20,0)+IF(Input!$D$21=2,L7900*Input!$C$21,0)+IF(Input!$D$22=2,M7900*Input!$C$22,0)</f>
        <v>0.39553211196654869</v>
      </c>
      <c r="P7900" s="59">
        <f>IF(Input!$D$19=3,J7900*Input!$C$19,0)+IF(Input!$D$20=3,K7900*Input!$C$20,0)+IF(Input!$D$21=3,L7900*Input!$C$21,0)+IF(Input!$D$22=3,M7900*Input!$C$22,0)</f>
        <v>0</v>
      </c>
      <c r="Q7900" s="75">
        <f>IF(Input!$D$19=4,J7900*Input!$C$19,0)+IF(Input!$D$20=4,K7900*Input!$C$20,0)+IF(Input!$D$21=4,L7900*Input!$C$21,0)+IF(Input!$D$22=4,M7900*Input!$C$22,0)</f>
        <v>0</v>
      </c>
      <c r="R7900" s="58">
        <v>42.885946054148583</v>
      </c>
      <c r="S7900" s="124">
        <f t="shared" si="123"/>
        <v>0.68558899407535101</v>
      </c>
    </row>
    <row r="7901" spans="8:19" x14ac:dyDescent="0.3">
      <c r="H7901" s="44">
        <v>7894</v>
      </c>
      <c r="I7901" s="56">
        <f>Bühler!I7927</f>
        <v>0.13779828416899115</v>
      </c>
      <c r="J7901" s="59">
        <f>Bühler!J7927</f>
        <v>0.45932761389663718</v>
      </c>
      <c r="K7901" s="59">
        <f>Bühler!K7927</f>
        <v>0.68899142084495579</v>
      </c>
      <c r="L7901" s="59">
        <f>Bühler!L7927</f>
        <v>6.6842247259946808</v>
      </c>
      <c r="M7901" s="58">
        <f>Bühler!M7927</f>
        <v>0</v>
      </c>
      <c r="N7901" s="56">
        <f>IF(Input!$D$19=1,J7901*Input!$C$19,0)+IF(Input!$D$20=1,K7901*Input!$C$20,0)+IF(Input!$D$21=1,L7901*Input!$C$21,0)+IF(Input!$D$22=1,M7901*Input!$C$22,0)</f>
        <v>0.13779828416899115</v>
      </c>
      <c r="O7901" s="59">
        <f>IF(Input!$D$19=2,J7901*Input!$C$19,0)+IF(Input!$D$20=2,K7901*Input!$C$20,0)+IF(Input!$D$21=2,L7901*Input!$C$21,0)+IF(Input!$D$22=2,M7901*Input!$C$22,0)</f>
        <v>0.3444957104224779</v>
      </c>
      <c r="P7901" s="59">
        <f>IF(Input!$D$19=3,J7901*Input!$C$19,0)+IF(Input!$D$20=3,K7901*Input!$C$20,0)+IF(Input!$D$21=3,L7901*Input!$C$21,0)+IF(Input!$D$22=3,M7901*Input!$C$22,0)</f>
        <v>0</v>
      </c>
      <c r="Q7901" s="75">
        <f>IF(Input!$D$19=4,J7901*Input!$C$19,0)+IF(Input!$D$20=4,K7901*Input!$C$20,0)+IF(Input!$D$21=4,L7901*Input!$C$21,0)+IF(Input!$D$22=4,M7901*Input!$C$22,0)</f>
        <v>0</v>
      </c>
      <c r="R7901" s="58">
        <v>43.151919174112308</v>
      </c>
      <c r="S7901" s="124">
        <f t="shared" si="123"/>
        <v>0.59712589806562832</v>
      </c>
    </row>
    <row r="7902" spans="8:19" x14ac:dyDescent="0.3">
      <c r="H7902" s="44">
        <v>7895</v>
      </c>
      <c r="I7902" s="56">
        <f>Bühler!I7928</f>
        <v>0.13779828416899115</v>
      </c>
      <c r="J7902" s="59">
        <f>Bühler!J7928</f>
        <v>0.45932761389663718</v>
      </c>
      <c r="K7902" s="59">
        <f>Bühler!K7928</f>
        <v>0.68899142084495579</v>
      </c>
      <c r="L7902" s="59">
        <f>Bühler!L7928</f>
        <v>6.6842247259946808</v>
      </c>
      <c r="M7902" s="58">
        <f>Bühler!M7928</f>
        <v>0</v>
      </c>
      <c r="N7902" s="56">
        <f>IF(Input!$D$19=1,J7902*Input!$C$19,0)+IF(Input!$D$20=1,K7902*Input!$C$20,0)+IF(Input!$D$21=1,L7902*Input!$C$21,0)+IF(Input!$D$22=1,M7902*Input!$C$22,0)</f>
        <v>0.13779828416899115</v>
      </c>
      <c r="O7902" s="59">
        <f>IF(Input!$D$19=2,J7902*Input!$C$19,0)+IF(Input!$D$20=2,K7902*Input!$C$20,0)+IF(Input!$D$21=2,L7902*Input!$C$21,0)+IF(Input!$D$22=2,M7902*Input!$C$22,0)</f>
        <v>0.3444957104224779</v>
      </c>
      <c r="P7902" s="59">
        <f>IF(Input!$D$19=3,J7902*Input!$C$19,0)+IF(Input!$D$20=3,K7902*Input!$C$20,0)+IF(Input!$D$21=3,L7902*Input!$C$21,0)+IF(Input!$D$22=3,M7902*Input!$C$22,0)</f>
        <v>0</v>
      </c>
      <c r="Q7902" s="75">
        <f>IF(Input!$D$19=4,J7902*Input!$C$19,0)+IF(Input!$D$20=4,K7902*Input!$C$20,0)+IF(Input!$D$21=4,L7902*Input!$C$21,0)+IF(Input!$D$22=4,M7902*Input!$C$22,0)</f>
        <v>0</v>
      </c>
      <c r="R7902" s="58">
        <v>43.89093674278665</v>
      </c>
      <c r="S7902" s="124">
        <f t="shared" si="123"/>
        <v>0.59712589806562832</v>
      </c>
    </row>
    <row r="7903" spans="8:19" x14ac:dyDescent="0.3">
      <c r="H7903" s="44">
        <v>7896</v>
      </c>
      <c r="I7903" s="56">
        <f>Bühler!I7929</f>
        <v>0.13779828416899115</v>
      </c>
      <c r="J7903" s="59">
        <f>Bühler!J7929</f>
        <v>0.45932761389663718</v>
      </c>
      <c r="K7903" s="59">
        <f>Bühler!K7929</f>
        <v>0.68899142084495579</v>
      </c>
      <c r="L7903" s="59">
        <f>Bühler!L7929</f>
        <v>6.6842247259946808</v>
      </c>
      <c r="M7903" s="58">
        <f>Bühler!M7929</f>
        <v>0</v>
      </c>
      <c r="N7903" s="56">
        <f>IF(Input!$D$19=1,J7903*Input!$C$19,0)+IF(Input!$D$20=1,K7903*Input!$C$20,0)+IF(Input!$D$21=1,L7903*Input!$C$21,0)+IF(Input!$D$22=1,M7903*Input!$C$22,0)</f>
        <v>0.13779828416899115</v>
      </c>
      <c r="O7903" s="59">
        <f>IF(Input!$D$19=2,J7903*Input!$C$19,0)+IF(Input!$D$20=2,K7903*Input!$C$20,0)+IF(Input!$D$21=2,L7903*Input!$C$21,0)+IF(Input!$D$22=2,M7903*Input!$C$22,0)</f>
        <v>0.3444957104224779</v>
      </c>
      <c r="P7903" s="59">
        <f>IF(Input!$D$19=3,J7903*Input!$C$19,0)+IF(Input!$D$20=3,K7903*Input!$C$20,0)+IF(Input!$D$21=3,L7903*Input!$C$21,0)+IF(Input!$D$22=3,M7903*Input!$C$22,0)</f>
        <v>0</v>
      </c>
      <c r="Q7903" s="75">
        <f>IF(Input!$D$19=4,J7903*Input!$C$19,0)+IF(Input!$D$20=4,K7903*Input!$C$20,0)+IF(Input!$D$21=4,L7903*Input!$C$21,0)+IF(Input!$D$22=4,M7903*Input!$C$22,0)</f>
        <v>0</v>
      </c>
      <c r="R7903" s="58">
        <v>43.037588086898275</v>
      </c>
      <c r="S7903" s="124">
        <f t="shared" si="123"/>
        <v>0.59712589806562832</v>
      </c>
    </row>
    <row r="7904" spans="8:19" x14ac:dyDescent="0.3">
      <c r="H7904" s="44">
        <v>7897</v>
      </c>
      <c r="I7904" s="56">
        <f>Bühler!I7930</f>
        <v>8.4613500998723265E-2</v>
      </c>
      <c r="J7904" s="59">
        <f>Bühler!J7930</f>
        <v>0.28204500332907756</v>
      </c>
      <c r="K7904" s="59">
        <f>Bühler!K7930</f>
        <v>0.42306750499361634</v>
      </c>
      <c r="L7904" s="59">
        <f>Bühler!L7930</f>
        <v>2.0307240239693582</v>
      </c>
      <c r="M7904" s="58">
        <f>Bühler!M7930</f>
        <v>0</v>
      </c>
      <c r="N7904" s="56">
        <f>IF(Input!$D$19=1,J7904*Input!$C$19,0)+IF(Input!$D$20=1,K7904*Input!$C$20,0)+IF(Input!$D$21=1,L7904*Input!$C$21,0)+IF(Input!$D$22=1,M7904*Input!$C$22,0)</f>
        <v>8.4613500998723265E-2</v>
      </c>
      <c r="O7904" s="59">
        <f>IF(Input!$D$19=2,J7904*Input!$C$19,0)+IF(Input!$D$20=2,K7904*Input!$C$20,0)+IF(Input!$D$21=2,L7904*Input!$C$21,0)+IF(Input!$D$22=2,M7904*Input!$C$22,0)</f>
        <v>0.21153375249680817</v>
      </c>
      <c r="P7904" s="59">
        <f>IF(Input!$D$19=3,J7904*Input!$C$19,0)+IF(Input!$D$20=3,K7904*Input!$C$20,0)+IF(Input!$D$21=3,L7904*Input!$C$21,0)+IF(Input!$D$22=3,M7904*Input!$C$22,0)</f>
        <v>0</v>
      </c>
      <c r="Q7904" s="75">
        <f>IF(Input!$D$19=4,J7904*Input!$C$19,0)+IF(Input!$D$20=4,K7904*Input!$C$20,0)+IF(Input!$D$21=4,L7904*Input!$C$21,0)+IF(Input!$D$22=4,M7904*Input!$C$22,0)</f>
        <v>0</v>
      </c>
      <c r="R7904" s="58">
        <v>43.470227443923797</v>
      </c>
      <c r="S7904" s="124">
        <f t="shared" si="123"/>
        <v>0.36665850432780084</v>
      </c>
    </row>
    <row r="7905" spans="8:19" x14ac:dyDescent="0.3">
      <c r="H7905" s="44">
        <v>7898</v>
      </c>
      <c r="I7905" s="56">
        <f>Bühler!I7931</f>
        <v>8.4613500998723265E-2</v>
      </c>
      <c r="J7905" s="59">
        <f>Bühler!J7931</f>
        <v>0.28204500332907756</v>
      </c>
      <c r="K7905" s="59">
        <f>Bühler!K7931</f>
        <v>0.42306750499361634</v>
      </c>
      <c r="L7905" s="59">
        <f>Bühler!L7931</f>
        <v>2.0307240239693582</v>
      </c>
      <c r="M7905" s="58">
        <f>Bühler!M7931</f>
        <v>0</v>
      </c>
      <c r="N7905" s="56">
        <f>IF(Input!$D$19=1,J7905*Input!$C$19,0)+IF(Input!$D$20=1,K7905*Input!$C$20,0)+IF(Input!$D$21=1,L7905*Input!$C$21,0)+IF(Input!$D$22=1,M7905*Input!$C$22,0)</f>
        <v>8.4613500998723265E-2</v>
      </c>
      <c r="O7905" s="59">
        <f>IF(Input!$D$19=2,J7905*Input!$C$19,0)+IF(Input!$D$20=2,K7905*Input!$C$20,0)+IF(Input!$D$21=2,L7905*Input!$C$21,0)+IF(Input!$D$22=2,M7905*Input!$C$22,0)</f>
        <v>0.21153375249680817</v>
      </c>
      <c r="P7905" s="59">
        <f>IF(Input!$D$19=3,J7905*Input!$C$19,0)+IF(Input!$D$20=3,K7905*Input!$C$20,0)+IF(Input!$D$21=3,L7905*Input!$C$21,0)+IF(Input!$D$22=3,M7905*Input!$C$22,0)</f>
        <v>0</v>
      </c>
      <c r="Q7905" s="75">
        <f>IF(Input!$D$19=4,J7905*Input!$C$19,0)+IF(Input!$D$20=4,K7905*Input!$C$20,0)+IF(Input!$D$21=4,L7905*Input!$C$21,0)+IF(Input!$D$22=4,M7905*Input!$C$22,0)</f>
        <v>0</v>
      </c>
      <c r="R7905" s="58">
        <v>43.68574264522227</v>
      </c>
      <c r="S7905" s="124">
        <f t="shared" si="123"/>
        <v>0.36665850432780084</v>
      </c>
    </row>
    <row r="7906" spans="8:19" x14ac:dyDescent="0.3">
      <c r="H7906" s="44">
        <v>7899</v>
      </c>
      <c r="I7906" s="56">
        <f>Bühler!I7932</f>
        <v>8.4613500998723265E-2</v>
      </c>
      <c r="J7906" s="59">
        <f>Bühler!J7932</f>
        <v>0.28204500332907756</v>
      </c>
      <c r="K7906" s="59">
        <f>Bühler!K7932</f>
        <v>0.42306750499361634</v>
      </c>
      <c r="L7906" s="59">
        <f>Bühler!L7932</f>
        <v>2.0307240239693582</v>
      </c>
      <c r="M7906" s="58">
        <f>Bühler!M7932</f>
        <v>0</v>
      </c>
      <c r="N7906" s="56">
        <f>IF(Input!$D$19=1,J7906*Input!$C$19,0)+IF(Input!$D$20=1,K7906*Input!$C$20,0)+IF(Input!$D$21=1,L7906*Input!$C$21,0)+IF(Input!$D$22=1,M7906*Input!$C$22,0)</f>
        <v>8.4613500998723265E-2</v>
      </c>
      <c r="O7906" s="59">
        <f>IF(Input!$D$19=2,J7906*Input!$C$19,0)+IF(Input!$D$20=2,K7906*Input!$C$20,0)+IF(Input!$D$21=2,L7906*Input!$C$21,0)+IF(Input!$D$22=2,M7906*Input!$C$22,0)</f>
        <v>0.21153375249680817</v>
      </c>
      <c r="P7906" s="59">
        <f>IF(Input!$D$19=3,J7906*Input!$C$19,0)+IF(Input!$D$20=3,K7906*Input!$C$20,0)+IF(Input!$D$21=3,L7906*Input!$C$21,0)+IF(Input!$D$22=3,M7906*Input!$C$22,0)</f>
        <v>0</v>
      </c>
      <c r="Q7906" s="75">
        <f>IF(Input!$D$19=4,J7906*Input!$C$19,0)+IF(Input!$D$20=4,K7906*Input!$C$20,0)+IF(Input!$D$21=4,L7906*Input!$C$21,0)+IF(Input!$D$22=4,M7906*Input!$C$22,0)</f>
        <v>0</v>
      </c>
      <c r="R7906" s="58">
        <v>44.897473759177288</v>
      </c>
      <c r="S7906" s="124">
        <f t="shared" si="123"/>
        <v>0.36665850432780084</v>
      </c>
    </row>
    <row r="7907" spans="8:19" x14ac:dyDescent="0.3">
      <c r="H7907" s="44">
        <v>7900</v>
      </c>
      <c r="I7907" s="56">
        <f>Bühler!I7933</f>
        <v>8.4613500998723265E-2</v>
      </c>
      <c r="J7907" s="59">
        <f>Bühler!J7933</f>
        <v>0.28204500332907756</v>
      </c>
      <c r="K7907" s="59">
        <f>Bühler!K7933</f>
        <v>0.42306750499361634</v>
      </c>
      <c r="L7907" s="59">
        <f>Bühler!L7933</f>
        <v>2.0307240239693582</v>
      </c>
      <c r="M7907" s="58">
        <f>Bühler!M7933</f>
        <v>0</v>
      </c>
      <c r="N7907" s="56">
        <f>IF(Input!$D$19=1,J7907*Input!$C$19,0)+IF(Input!$D$20=1,K7907*Input!$C$20,0)+IF(Input!$D$21=1,L7907*Input!$C$21,0)+IF(Input!$D$22=1,M7907*Input!$C$22,0)</f>
        <v>8.4613500998723265E-2</v>
      </c>
      <c r="O7907" s="59">
        <f>IF(Input!$D$19=2,J7907*Input!$C$19,0)+IF(Input!$D$20=2,K7907*Input!$C$20,0)+IF(Input!$D$21=2,L7907*Input!$C$21,0)+IF(Input!$D$22=2,M7907*Input!$C$22,0)</f>
        <v>0.21153375249680817</v>
      </c>
      <c r="P7907" s="59">
        <f>IF(Input!$D$19=3,J7907*Input!$C$19,0)+IF(Input!$D$20=3,K7907*Input!$C$20,0)+IF(Input!$D$21=3,L7907*Input!$C$21,0)+IF(Input!$D$22=3,M7907*Input!$C$22,0)</f>
        <v>0</v>
      </c>
      <c r="Q7907" s="75">
        <f>IF(Input!$D$19=4,J7907*Input!$C$19,0)+IF(Input!$D$20=4,K7907*Input!$C$20,0)+IF(Input!$D$21=4,L7907*Input!$C$21,0)+IF(Input!$D$22=4,M7907*Input!$C$22,0)</f>
        <v>0</v>
      </c>
      <c r="R7907" s="58">
        <v>45.938232811823035</v>
      </c>
      <c r="S7907" s="124">
        <f t="shared" si="123"/>
        <v>0.36665850432780084</v>
      </c>
    </row>
    <row r="7908" spans="8:19" x14ac:dyDescent="0.3">
      <c r="H7908" s="44">
        <v>7901</v>
      </c>
      <c r="I7908" s="56">
        <f>Bühler!I7934</f>
        <v>8.4613500998723265E-2</v>
      </c>
      <c r="J7908" s="59">
        <f>Bühler!J7934</f>
        <v>0.28204500332907756</v>
      </c>
      <c r="K7908" s="59">
        <f>Bühler!K7934</f>
        <v>0.42306750499361634</v>
      </c>
      <c r="L7908" s="59">
        <f>Bühler!L7934</f>
        <v>2.0307240239693582</v>
      </c>
      <c r="M7908" s="58">
        <f>Bühler!M7934</f>
        <v>0</v>
      </c>
      <c r="N7908" s="56">
        <f>IF(Input!$D$19=1,J7908*Input!$C$19,0)+IF(Input!$D$20=1,K7908*Input!$C$20,0)+IF(Input!$D$21=1,L7908*Input!$C$21,0)+IF(Input!$D$22=1,M7908*Input!$C$22,0)</f>
        <v>8.4613500998723265E-2</v>
      </c>
      <c r="O7908" s="59">
        <f>IF(Input!$D$19=2,J7908*Input!$C$19,0)+IF(Input!$D$20=2,K7908*Input!$C$20,0)+IF(Input!$D$21=2,L7908*Input!$C$21,0)+IF(Input!$D$22=2,M7908*Input!$C$22,0)</f>
        <v>0.21153375249680817</v>
      </c>
      <c r="P7908" s="59">
        <f>IF(Input!$D$19=3,J7908*Input!$C$19,0)+IF(Input!$D$20=3,K7908*Input!$C$20,0)+IF(Input!$D$21=3,L7908*Input!$C$21,0)+IF(Input!$D$22=3,M7908*Input!$C$22,0)</f>
        <v>0</v>
      </c>
      <c r="Q7908" s="75">
        <f>IF(Input!$D$19=4,J7908*Input!$C$19,0)+IF(Input!$D$20=4,K7908*Input!$C$20,0)+IF(Input!$D$21=4,L7908*Input!$C$21,0)+IF(Input!$D$22=4,M7908*Input!$C$22,0)</f>
        <v>0</v>
      </c>
      <c r="R7908" s="58">
        <v>48.564776403922842</v>
      </c>
      <c r="S7908" s="124">
        <f t="shared" si="123"/>
        <v>0.36665850432780084</v>
      </c>
    </row>
    <row r="7909" spans="8:19" x14ac:dyDescent="0.3">
      <c r="H7909" s="44">
        <v>7902</v>
      </c>
      <c r="I7909" s="56">
        <f>Bühler!I7935</f>
        <v>0.36665850432780084</v>
      </c>
      <c r="J7909" s="59">
        <f>Bühler!J7935</f>
        <v>1.2221950144260028</v>
      </c>
      <c r="K7909" s="59">
        <f>Bühler!K7935</f>
        <v>1.8332925216390041</v>
      </c>
      <c r="L7909" s="59">
        <f>Bühler!L7935</f>
        <v>8.7998041038672188</v>
      </c>
      <c r="M7909" s="58">
        <f>Bühler!M7935</f>
        <v>0</v>
      </c>
      <c r="N7909" s="56">
        <f>IF(Input!$D$19=1,J7909*Input!$C$19,0)+IF(Input!$D$20=1,K7909*Input!$C$20,0)+IF(Input!$D$21=1,L7909*Input!$C$21,0)+IF(Input!$D$22=1,M7909*Input!$C$22,0)</f>
        <v>0.36665850432780084</v>
      </c>
      <c r="O7909" s="59">
        <f>IF(Input!$D$19=2,J7909*Input!$C$19,0)+IF(Input!$D$20=2,K7909*Input!$C$20,0)+IF(Input!$D$21=2,L7909*Input!$C$21,0)+IF(Input!$D$22=2,M7909*Input!$C$22,0)</f>
        <v>0.91664626081950207</v>
      </c>
      <c r="P7909" s="59">
        <f>IF(Input!$D$19=3,J7909*Input!$C$19,0)+IF(Input!$D$20=3,K7909*Input!$C$20,0)+IF(Input!$D$21=3,L7909*Input!$C$21,0)+IF(Input!$D$22=3,M7909*Input!$C$22,0)</f>
        <v>0</v>
      </c>
      <c r="Q7909" s="75">
        <f>IF(Input!$D$19=4,J7909*Input!$C$19,0)+IF(Input!$D$20=4,K7909*Input!$C$20,0)+IF(Input!$D$21=4,L7909*Input!$C$21,0)+IF(Input!$D$22=4,M7909*Input!$C$22,0)</f>
        <v>0</v>
      </c>
      <c r="R7909" s="58">
        <v>54.191092550004754</v>
      </c>
      <c r="S7909" s="124">
        <f t="shared" si="123"/>
        <v>1.5888535187538035</v>
      </c>
    </row>
    <row r="7910" spans="8:19" x14ac:dyDescent="0.3">
      <c r="H7910" s="44">
        <v>7903</v>
      </c>
      <c r="I7910" s="56">
        <f>Bühler!I7936</f>
        <v>0.41601637991038937</v>
      </c>
      <c r="J7910" s="59">
        <f>Bühler!J7936</f>
        <v>1.3867212663679647</v>
      </c>
      <c r="K7910" s="59">
        <f>Bühler!K7936</f>
        <v>2.080081899551947</v>
      </c>
      <c r="L7910" s="59">
        <f>Bühler!L7936</f>
        <v>9.9843931178493452</v>
      </c>
      <c r="M7910" s="58">
        <f>Bühler!M7936</f>
        <v>0</v>
      </c>
      <c r="N7910" s="56">
        <f>IF(Input!$D$19=1,J7910*Input!$C$19,0)+IF(Input!$D$20=1,K7910*Input!$C$20,0)+IF(Input!$D$21=1,L7910*Input!$C$21,0)+IF(Input!$D$22=1,M7910*Input!$C$22,0)</f>
        <v>0.41601637991038937</v>
      </c>
      <c r="O7910" s="59">
        <f>IF(Input!$D$19=2,J7910*Input!$C$19,0)+IF(Input!$D$20=2,K7910*Input!$C$20,0)+IF(Input!$D$21=2,L7910*Input!$C$21,0)+IF(Input!$D$22=2,M7910*Input!$C$22,0)</f>
        <v>1.0400409497759735</v>
      </c>
      <c r="P7910" s="59">
        <f>IF(Input!$D$19=3,J7910*Input!$C$19,0)+IF(Input!$D$20=3,K7910*Input!$C$20,0)+IF(Input!$D$21=3,L7910*Input!$C$21,0)+IF(Input!$D$22=3,M7910*Input!$C$22,0)</f>
        <v>0</v>
      </c>
      <c r="Q7910" s="75">
        <f>IF(Input!$D$19=4,J7910*Input!$C$19,0)+IF(Input!$D$20=4,K7910*Input!$C$20,0)+IF(Input!$D$21=4,L7910*Input!$C$21,0)+IF(Input!$D$22=4,M7910*Input!$C$22,0)</f>
        <v>0</v>
      </c>
      <c r="R7910" s="58">
        <v>59.354297901263955</v>
      </c>
      <c r="S7910" s="124">
        <f t="shared" si="123"/>
        <v>1.802737646278354</v>
      </c>
    </row>
    <row r="7911" spans="8:19" x14ac:dyDescent="0.3">
      <c r="H7911" s="44">
        <v>7904</v>
      </c>
      <c r="I7911" s="56">
        <f>Bühler!I7937</f>
        <v>0.41601637991038937</v>
      </c>
      <c r="J7911" s="59">
        <f>Bühler!J7937</f>
        <v>1.3867212663679647</v>
      </c>
      <c r="K7911" s="59">
        <f>Bühler!K7937</f>
        <v>2.080081899551947</v>
      </c>
      <c r="L7911" s="59">
        <f>Bühler!L7937</f>
        <v>9.9843931178493452</v>
      </c>
      <c r="M7911" s="58">
        <f>Bühler!M7937</f>
        <v>0</v>
      </c>
      <c r="N7911" s="56">
        <f>IF(Input!$D$19=1,J7911*Input!$C$19,0)+IF(Input!$D$20=1,K7911*Input!$C$20,0)+IF(Input!$D$21=1,L7911*Input!$C$21,0)+IF(Input!$D$22=1,M7911*Input!$C$22,0)</f>
        <v>0.41601637991038937</v>
      </c>
      <c r="O7911" s="59">
        <f>IF(Input!$D$19=2,J7911*Input!$C$19,0)+IF(Input!$D$20=2,K7911*Input!$C$20,0)+IF(Input!$D$21=2,L7911*Input!$C$21,0)+IF(Input!$D$22=2,M7911*Input!$C$22,0)</f>
        <v>1.0400409497759735</v>
      </c>
      <c r="P7911" s="59">
        <f>IF(Input!$D$19=3,J7911*Input!$C$19,0)+IF(Input!$D$20=3,K7911*Input!$C$20,0)+IF(Input!$D$21=3,L7911*Input!$C$21,0)+IF(Input!$D$22=3,M7911*Input!$C$22,0)</f>
        <v>0</v>
      </c>
      <c r="Q7911" s="75">
        <f>IF(Input!$D$19=4,J7911*Input!$C$19,0)+IF(Input!$D$20=4,K7911*Input!$C$20,0)+IF(Input!$D$21=4,L7911*Input!$C$21,0)+IF(Input!$D$22=4,M7911*Input!$C$22,0)</f>
        <v>0</v>
      </c>
      <c r="R7911" s="58">
        <v>61.29304199351359</v>
      </c>
      <c r="S7911" s="124">
        <f t="shared" si="123"/>
        <v>1.802737646278354</v>
      </c>
    </row>
    <row r="7912" spans="8:19" x14ac:dyDescent="0.3">
      <c r="H7912" s="44">
        <v>7905</v>
      </c>
      <c r="I7912" s="56">
        <f>Bühler!I7938</f>
        <v>0.41601637991038937</v>
      </c>
      <c r="J7912" s="59">
        <f>Bühler!J7938</f>
        <v>1.3867212663679647</v>
      </c>
      <c r="K7912" s="59">
        <f>Bühler!K7938</f>
        <v>2.080081899551947</v>
      </c>
      <c r="L7912" s="59">
        <f>Bühler!L7938</f>
        <v>9.9843931178493452</v>
      </c>
      <c r="M7912" s="58">
        <f>Bühler!M7938</f>
        <v>0</v>
      </c>
      <c r="N7912" s="56">
        <f>IF(Input!$D$19=1,J7912*Input!$C$19,0)+IF(Input!$D$20=1,K7912*Input!$C$20,0)+IF(Input!$D$21=1,L7912*Input!$C$21,0)+IF(Input!$D$22=1,M7912*Input!$C$22,0)</f>
        <v>0.41601637991038937</v>
      </c>
      <c r="O7912" s="59">
        <f>IF(Input!$D$19=2,J7912*Input!$C$19,0)+IF(Input!$D$20=2,K7912*Input!$C$20,0)+IF(Input!$D$21=2,L7912*Input!$C$21,0)+IF(Input!$D$22=2,M7912*Input!$C$22,0)</f>
        <v>1.0400409497759735</v>
      </c>
      <c r="P7912" s="59">
        <f>IF(Input!$D$19=3,J7912*Input!$C$19,0)+IF(Input!$D$20=3,K7912*Input!$C$20,0)+IF(Input!$D$21=3,L7912*Input!$C$21,0)+IF(Input!$D$22=3,M7912*Input!$C$22,0)</f>
        <v>0</v>
      </c>
      <c r="Q7912" s="75">
        <f>IF(Input!$D$19=4,J7912*Input!$C$19,0)+IF(Input!$D$20=4,K7912*Input!$C$20,0)+IF(Input!$D$21=4,L7912*Input!$C$21,0)+IF(Input!$D$22=4,M7912*Input!$C$22,0)</f>
        <v>0</v>
      </c>
      <c r="R7912" s="58">
        <v>62.245808134191243</v>
      </c>
      <c r="S7912" s="124">
        <f t="shared" si="123"/>
        <v>1.802737646278354</v>
      </c>
    </row>
    <row r="7913" spans="8:19" x14ac:dyDescent="0.3">
      <c r="H7913" s="44">
        <v>7906</v>
      </c>
      <c r="I7913" s="56">
        <f>Bühler!I7939</f>
        <v>0.44422088024329714</v>
      </c>
      <c r="J7913" s="59">
        <f>Bühler!J7939</f>
        <v>1.4807362674776572</v>
      </c>
      <c r="K7913" s="59">
        <f>Bühler!K7939</f>
        <v>2.2211044012164858</v>
      </c>
      <c r="L7913" s="59">
        <f>Bühler!L7939</f>
        <v>10.661301125839131</v>
      </c>
      <c r="M7913" s="58">
        <f>Bühler!M7939</f>
        <v>0</v>
      </c>
      <c r="N7913" s="56">
        <f>IF(Input!$D$19=1,J7913*Input!$C$19,0)+IF(Input!$D$20=1,K7913*Input!$C$20,0)+IF(Input!$D$21=1,L7913*Input!$C$21,0)+IF(Input!$D$22=1,M7913*Input!$C$22,0)</f>
        <v>0.44422088024329714</v>
      </c>
      <c r="O7913" s="59">
        <f>IF(Input!$D$19=2,J7913*Input!$C$19,0)+IF(Input!$D$20=2,K7913*Input!$C$20,0)+IF(Input!$D$21=2,L7913*Input!$C$21,0)+IF(Input!$D$22=2,M7913*Input!$C$22,0)</f>
        <v>1.1105522006082429</v>
      </c>
      <c r="P7913" s="59">
        <f>IF(Input!$D$19=3,J7913*Input!$C$19,0)+IF(Input!$D$20=3,K7913*Input!$C$20,0)+IF(Input!$D$21=3,L7913*Input!$C$21,0)+IF(Input!$D$22=3,M7913*Input!$C$22,0)</f>
        <v>0</v>
      </c>
      <c r="Q7913" s="75">
        <f>IF(Input!$D$19=4,J7913*Input!$C$19,0)+IF(Input!$D$20=4,K7913*Input!$C$20,0)+IF(Input!$D$21=4,L7913*Input!$C$21,0)+IF(Input!$D$22=4,M7913*Input!$C$22,0)</f>
        <v>0</v>
      </c>
      <c r="R7913" s="58">
        <v>63.118750113502784</v>
      </c>
      <c r="S7913" s="124">
        <f t="shared" si="123"/>
        <v>1.9249571477209544</v>
      </c>
    </row>
    <row r="7914" spans="8:19" x14ac:dyDescent="0.3">
      <c r="H7914" s="44">
        <v>7907</v>
      </c>
      <c r="I7914" s="56">
        <f>Bühler!I7940</f>
        <v>0.44422088024329714</v>
      </c>
      <c r="J7914" s="59">
        <f>Bühler!J7940</f>
        <v>1.4807362674776572</v>
      </c>
      <c r="K7914" s="59">
        <f>Bühler!K7940</f>
        <v>2.2211044012164858</v>
      </c>
      <c r="L7914" s="59">
        <f>Bühler!L7940</f>
        <v>10.661301125839131</v>
      </c>
      <c r="M7914" s="58">
        <f>Bühler!M7940</f>
        <v>0</v>
      </c>
      <c r="N7914" s="56">
        <f>IF(Input!$D$19=1,J7914*Input!$C$19,0)+IF(Input!$D$20=1,K7914*Input!$C$20,0)+IF(Input!$D$21=1,L7914*Input!$C$21,0)+IF(Input!$D$22=1,M7914*Input!$C$22,0)</f>
        <v>0.44422088024329714</v>
      </c>
      <c r="O7914" s="59">
        <f>IF(Input!$D$19=2,J7914*Input!$C$19,0)+IF(Input!$D$20=2,K7914*Input!$C$20,0)+IF(Input!$D$21=2,L7914*Input!$C$21,0)+IF(Input!$D$22=2,M7914*Input!$C$22,0)</f>
        <v>1.1105522006082429</v>
      </c>
      <c r="P7914" s="59">
        <f>IF(Input!$D$19=3,J7914*Input!$C$19,0)+IF(Input!$D$20=3,K7914*Input!$C$20,0)+IF(Input!$D$21=3,L7914*Input!$C$21,0)+IF(Input!$D$22=3,M7914*Input!$C$22,0)</f>
        <v>0</v>
      </c>
      <c r="Q7914" s="75">
        <f>IF(Input!$D$19=4,J7914*Input!$C$19,0)+IF(Input!$D$20=4,K7914*Input!$C$20,0)+IF(Input!$D$21=4,L7914*Input!$C$21,0)+IF(Input!$D$22=4,M7914*Input!$C$22,0)</f>
        <v>0</v>
      </c>
      <c r="R7914" s="58">
        <v>64.719733615704186</v>
      </c>
      <c r="S7914" s="124">
        <f t="shared" si="123"/>
        <v>1.9249571477209544</v>
      </c>
    </row>
    <row r="7915" spans="8:19" x14ac:dyDescent="0.3">
      <c r="H7915" s="44">
        <v>7908</v>
      </c>
      <c r="I7915" s="56">
        <f>Bühler!I7941</f>
        <v>0.56409000665815512</v>
      </c>
      <c r="J7915" s="59">
        <f>Bühler!J7941</f>
        <v>1.8803000221938504</v>
      </c>
      <c r="K7915" s="59">
        <f>Bühler!K7941</f>
        <v>2.8204500332907756</v>
      </c>
      <c r="L7915" s="59">
        <f>Bühler!L7941</f>
        <v>13.538160159795723</v>
      </c>
      <c r="M7915" s="58">
        <f>Bühler!M7941</f>
        <v>0</v>
      </c>
      <c r="N7915" s="56">
        <f>IF(Input!$D$19=1,J7915*Input!$C$19,0)+IF(Input!$D$20=1,K7915*Input!$C$20,0)+IF(Input!$D$21=1,L7915*Input!$C$21,0)+IF(Input!$D$22=1,M7915*Input!$C$22,0)</f>
        <v>0.56409000665815512</v>
      </c>
      <c r="O7915" s="59">
        <f>IF(Input!$D$19=2,J7915*Input!$C$19,0)+IF(Input!$D$20=2,K7915*Input!$C$20,0)+IF(Input!$D$21=2,L7915*Input!$C$21,0)+IF(Input!$D$22=2,M7915*Input!$C$22,0)</f>
        <v>1.4102250166453878</v>
      </c>
      <c r="P7915" s="59">
        <f>IF(Input!$D$19=3,J7915*Input!$C$19,0)+IF(Input!$D$20=3,K7915*Input!$C$20,0)+IF(Input!$D$21=3,L7915*Input!$C$21,0)+IF(Input!$D$22=3,M7915*Input!$C$22,0)</f>
        <v>0</v>
      </c>
      <c r="Q7915" s="75">
        <f>IF(Input!$D$19=4,J7915*Input!$C$19,0)+IF(Input!$D$20=4,K7915*Input!$C$20,0)+IF(Input!$D$21=4,L7915*Input!$C$21,0)+IF(Input!$D$22=4,M7915*Input!$C$22,0)</f>
        <v>0</v>
      </c>
      <c r="R7915" s="58">
        <v>65.545380470594537</v>
      </c>
      <c r="S7915" s="124">
        <f t="shared" si="123"/>
        <v>2.4443900288520055</v>
      </c>
    </row>
    <row r="7916" spans="8:19" x14ac:dyDescent="0.3">
      <c r="H7916" s="44">
        <v>7909</v>
      </c>
      <c r="I7916" s="56">
        <f>Bühler!I7942</f>
        <v>0.56409000665815512</v>
      </c>
      <c r="J7916" s="59">
        <f>Bühler!J7942</f>
        <v>1.8803000221938504</v>
      </c>
      <c r="K7916" s="59">
        <f>Bühler!K7942</f>
        <v>2.8204500332907756</v>
      </c>
      <c r="L7916" s="59">
        <f>Bühler!L7942</f>
        <v>13.538160159795723</v>
      </c>
      <c r="M7916" s="58">
        <f>Bühler!M7942</f>
        <v>0</v>
      </c>
      <c r="N7916" s="56">
        <f>IF(Input!$D$19=1,J7916*Input!$C$19,0)+IF(Input!$D$20=1,K7916*Input!$C$20,0)+IF(Input!$D$21=1,L7916*Input!$C$21,0)+IF(Input!$D$22=1,M7916*Input!$C$22,0)</f>
        <v>0.56409000665815512</v>
      </c>
      <c r="O7916" s="59">
        <f>IF(Input!$D$19=2,J7916*Input!$C$19,0)+IF(Input!$D$20=2,K7916*Input!$C$20,0)+IF(Input!$D$21=2,L7916*Input!$C$21,0)+IF(Input!$D$22=2,M7916*Input!$C$22,0)</f>
        <v>1.4102250166453878</v>
      </c>
      <c r="P7916" s="59">
        <f>IF(Input!$D$19=3,J7916*Input!$C$19,0)+IF(Input!$D$20=3,K7916*Input!$C$20,0)+IF(Input!$D$21=3,L7916*Input!$C$21,0)+IF(Input!$D$22=3,M7916*Input!$C$22,0)</f>
        <v>0</v>
      </c>
      <c r="Q7916" s="75">
        <f>IF(Input!$D$19=4,J7916*Input!$C$19,0)+IF(Input!$D$20=4,K7916*Input!$C$20,0)+IF(Input!$D$21=4,L7916*Input!$C$21,0)+IF(Input!$D$22=4,M7916*Input!$C$22,0)</f>
        <v>0</v>
      </c>
      <c r="R7916" s="58">
        <v>64.719988241294104</v>
      </c>
      <c r="S7916" s="124">
        <f t="shared" si="123"/>
        <v>2.4443900288520055</v>
      </c>
    </row>
    <row r="7917" spans="8:19" x14ac:dyDescent="0.3">
      <c r="H7917" s="44">
        <v>7910</v>
      </c>
      <c r="I7917" s="56">
        <f>Bühler!I7943</f>
        <v>0.37370962941102781</v>
      </c>
      <c r="J7917" s="59">
        <f>Bühler!J7943</f>
        <v>1.2456987647034261</v>
      </c>
      <c r="K7917" s="59">
        <f>Bühler!K7943</f>
        <v>1.8685481470551391</v>
      </c>
      <c r="L7917" s="59">
        <f>Bühler!L7943</f>
        <v>8.9690311058646675</v>
      </c>
      <c r="M7917" s="58">
        <f>Bühler!M7943</f>
        <v>0</v>
      </c>
      <c r="N7917" s="56">
        <f>IF(Input!$D$19=1,J7917*Input!$C$19,0)+IF(Input!$D$20=1,K7917*Input!$C$20,0)+IF(Input!$D$21=1,L7917*Input!$C$21,0)+IF(Input!$D$22=1,M7917*Input!$C$22,0)</f>
        <v>0.37370962941102781</v>
      </c>
      <c r="O7917" s="59">
        <f>IF(Input!$D$19=2,J7917*Input!$C$19,0)+IF(Input!$D$20=2,K7917*Input!$C$20,0)+IF(Input!$D$21=2,L7917*Input!$C$21,0)+IF(Input!$D$22=2,M7917*Input!$C$22,0)</f>
        <v>0.93427407352756953</v>
      </c>
      <c r="P7917" s="59">
        <f>IF(Input!$D$19=3,J7917*Input!$C$19,0)+IF(Input!$D$20=3,K7917*Input!$C$20,0)+IF(Input!$D$21=3,L7917*Input!$C$21,0)+IF(Input!$D$22=3,M7917*Input!$C$22,0)</f>
        <v>0</v>
      </c>
      <c r="Q7917" s="75">
        <f>IF(Input!$D$19=4,J7917*Input!$C$19,0)+IF(Input!$D$20=4,K7917*Input!$C$20,0)+IF(Input!$D$21=4,L7917*Input!$C$21,0)+IF(Input!$D$22=4,M7917*Input!$C$22,0)</f>
        <v>0</v>
      </c>
      <c r="R7917" s="58">
        <v>65.076126063575686</v>
      </c>
      <c r="S7917" s="124">
        <f t="shared" si="123"/>
        <v>1.6194083941144539</v>
      </c>
    </row>
    <row r="7918" spans="8:19" x14ac:dyDescent="0.3">
      <c r="H7918" s="44">
        <v>7911</v>
      </c>
      <c r="I7918" s="56">
        <f>Bühler!I7944</f>
        <v>0.56409000665815512</v>
      </c>
      <c r="J7918" s="59">
        <f>Bühler!J7944</f>
        <v>1.8803000221938504</v>
      </c>
      <c r="K7918" s="59">
        <f>Bühler!K7944</f>
        <v>2.8204500332907756</v>
      </c>
      <c r="L7918" s="59">
        <f>Bühler!L7944</f>
        <v>13.538160159795723</v>
      </c>
      <c r="M7918" s="58">
        <f>Bühler!M7944</f>
        <v>0</v>
      </c>
      <c r="N7918" s="56">
        <f>IF(Input!$D$19=1,J7918*Input!$C$19,0)+IF(Input!$D$20=1,K7918*Input!$C$20,0)+IF(Input!$D$21=1,L7918*Input!$C$21,0)+IF(Input!$D$22=1,M7918*Input!$C$22,0)</f>
        <v>0.56409000665815512</v>
      </c>
      <c r="O7918" s="59">
        <f>IF(Input!$D$19=2,J7918*Input!$C$19,0)+IF(Input!$D$20=2,K7918*Input!$C$20,0)+IF(Input!$D$21=2,L7918*Input!$C$21,0)+IF(Input!$D$22=2,M7918*Input!$C$22,0)</f>
        <v>1.4102250166453878</v>
      </c>
      <c r="P7918" s="59">
        <f>IF(Input!$D$19=3,J7918*Input!$C$19,0)+IF(Input!$D$20=3,K7918*Input!$C$20,0)+IF(Input!$D$21=3,L7918*Input!$C$21,0)+IF(Input!$D$22=3,M7918*Input!$C$22,0)</f>
        <v>0</v>
      </c>
      <c r="Q7918" s="75">
        <f>IF(Input!$D$19=4,J7918*Input!$C$19,0)+IF(Input!$D$20=4,K7918*Input!$C$20,0)+IF(Input!$D$21=4,L7918*Input!$C$21,0)+IF(Input!$D$22=4,M7918*Input!$C$22,0)</f>
        <v>0</v>
      </c>
      <c r="R7918" s="58">
        <v>65.672620733938359</v>
      </c>
      <c r="S7918" s="124">
        <f t="shared" si="123"/>
        <v>2.4443900288520055</v>
      </c>
    </row>
    <row r="7919" spans="8:19" x14ac:dyDescent="0.3">
      <c r="H7919" s="44">
        <v>7912</v>
      </c>
      <c r="I7919" s="56">
        <f>Bühler!I7945</f>
        <v>0.56409000665815512</v>
      </c>
      <c r="J7919" s="59">
        <f>Bühler!J7945</f>
        <v>1.8803000221938504</v>
      </c>
      <c r="K7919" s="59">
        <f>Bühler!K7945</f>
        <v>2.8204500332907756</v>
      </c>
      <c r="L7919" s="59">
        <f>Bühler!L7945</f>
        <v>13.538160159795723</v>
      </c>
      <c r="M7919" s="58">
        <f>Bühler!M7945</f>
        <v>0</v>
      </c>
      <c r="N7919" s="56">
        <f>IF(Input!$D$19=1,J7919*Input!$C$19,0)+IF(Input!$D$20=1,K7919*Input!$C$20,0)+IF(Input!$D$21=1,L7919*Input!$C$21,0)+IF(Input!$D$22=1,M7919*Input!$C$22,0)</f>
        <v>0.56409000665815512</v>
      </c>
      <c r="O7919" s="59">
        <f>IF(Input!$D$19=2,J7919*Input!$C$19,0)+IF(Input!$D$20=2,K7919*Input!$C$20,0)+IF(Input!$D$21=2,L7919*Input!$C$21,0)+IF(Input!$D$22=2,M7919*Input!$C$22,0)</f>
        <v>1.4102250166453878</v>
      </c>
      <c r="P7919" s="59">
        <f>IF(Input!$D$19=3,J7919*Input!$C$19,0)+IF(Input!$D$20=3,K7919*Input!$C$20,0)+IF(Input!$D$21=3,L7919*Input!$C$21,0)+IF(Input!$D$22=3,M7919*Input!$C$22,0)</f>
        <v>0</v>
      </c>
      <c r="Q7919" s="75">
        <f>IF(Input!$D$19=4,J7919*Input!$C$19,0)+IF(Input!$D$20=4,K7919*Input!$C$20,0)+IF(Input!$D$21=4,L7919*Input!$C$21,0)+IF(Input!$D$22=4,M7919*Input!$C$22,0)</f>
        <v>0</v>
      </c>
      <c r="R7919" s="58">
        <v>64.941725352844074</v>
      </c>
      <c r="S7919" s="124">
        <f t="shared" si="123"/>
        <v>2.4443900288520055</v>
      </c>
    </row>
    <row r="7920" spans="8:19" x14ac:dyDescent="0.3">
      <c r="H7920" s="44">
        <v>7913</v>
      </c>
      <c r="I7920" s="56">
        <f>Bühler!I7946</f>
        <v>0.56409000665815512</v>
      </c>
      <c r="J7920" s="59">
        <f>Bühler!J7946</f>
        <v>1.8803000221938504</v>
      </c>
      <c r="K7920" s="59">
        <f>Bühler!K7946</f>
        <v>2.8204500332907756</v>
      </c>
      <c r="L7920" s="59">
        <f>Bühler!L7946</f>
        <v>13.538160159795723</v>
      </c>
      <c r="M7920" s="58">
        <f>Bühler!M7946</f>
        <v>0</v>
      </c>
      <c r="N7920" s="56">
        <f>IF(Input!$D$19=1,J7920*Input!$C$19,0)+IF(Input!$D$20=1,K7920*Input!$C$20,0)+IF(Input!$D$21=1,L7920*Input!$C$21,0)+IF(Input!$D$22=1,M7920*Input!$C$22,0)</f>
        <v>0.56409000665815512</v>
      </c>
      <c r="O7920" s="59">
        <f>IF(Input!$D$19=2,J7920*Input!$C$19,0)+IF(Input!$D$20=2,K7920*Input!$C$20,0)+IF(Input!$D$21=2,L7920*Input!$C$21,0)+IF(Input!$D$22=2,M7920*Input!$C$22,0)</f>
        <v>1.4102250166453878</v>
      </c>
      <c r="P7920" s="59">
        <f>IF(Input!$D$19=3,J7920*Input!$C$19,0)+IF(Input!$D$20=3,K7920*Input!$C$20,0)+IF(Input!$D$21=3,L7920*Input!$C$21,0)+IF(Input!$D$22=3,M7920*Input!$C$22,0)</f>
        <v>0</v>
      </c>
      <c r="Q7920" s="75">
        <f>IF(Input!$D$19=4,J7920*Input!$C$19,0)+IF(Input!$D$20=4,K7920*Input!$C$20,0)+IF(Input!$D$21=4,L7920*Input!$C$21,0)+IF(Input!$D$22=4,M7920*Input!$C$22,0)</f>
        <v>0</v>
      </c>
      <c r="R7920" s="58">
        <v>64.258983511173938</v>
      </c>
      <c r="S7920" s="124">
        <f t="shared" si="123"/>
        <v>2.4443900288520055</v>
      </c>
    </row>
    <row r="7921" spans="8:19" x14ac:dyDescent="0.3">
      <c r="H7921" s="44">
        <v>7914</v>
      </c>
      <c r="I7921" s="56">
        <f>Bühler!I7947</f>
        <v>0.56409000665815512</v>
      </c>
      <c r="J7921" s="59">
        <f>Bühler!J7947</f>
        <v>1.8803000221938504</v>
      </c>
      <c r="K7921" s="59">
        <f>Bühler!K7947</f>
        <v>2.8204500332907756</v>
      </c>
      <c r="L7921" s="59">
        <f>Bühler!L7947</f>
        <v>13.538160159795723</v>
      </c>
      <c r="M7921" s="58">
        <f>Bühler!M7947</f>
        <v>0</v>
      </c>
      <c r="N7921" s="56">
        <f>IF(Input!$D$19=1,J7921*Input!$C$19,0)+IF(Input!$D$20=1,K7921*Input!$C$20,0)+IF(Input!$D$21=1,L7921*Input!$C$21,0)+IF(Input!$D$22=1,M7921*Input!$C$22,0)</f>
        <v>0.56409000665815512</v>
      </c>
      <c r="O7921" s="59">
        <f>IF(Input!$D$19=2,J7921*Input!$C$19,0)+IF(Input!$D$20=2,K7921*Input!$C$20,0)+IF(Input!$D$21=2,L7921*Input!$C$21,0)+IF(Input!$D$22=2,M7921*Input!$C$22,0)</f>
        <v>1.4102250166453878</v>
      </c>
      <c r="P7921" s="59">
        <f>IF(Input!$D$19=3,J7921*Input!$C$19,0)+IF(Input!$D$20=3,K7921*Input!$C$20,0)+IF(Input!$D$21=3,L7921*Input!$C$21,0)+IF(Input!$D$22=3,M7921*Input!$C$22,0)</f>
        <v>0</v>
      </c>
      <c r="Q7921" s="75">
        <f>IF(Input!$D$19=4,J7921*Input!$C$19,0)+IF(Input!$D$20=4,K7921*Input!$C$20,0)+IF(Input!$D$21=4,L7921*Input!$C$21,0)+IF(Input!$D$22=4,M7921*Input!$C$22,0)</f>
        <v>0</v>
      </c>
      <c r="R7921" s="58">
        <v>64.446413188239021</v>
      </c>
      <c r="S7921" s="124">
        <f t="shared" si="123"/>
        <v>2.4443900288520055</v>
      </c>
    </row>
    <row r="7922" spans="8:19" x14ac:dyDescent="0.3">
      <c r="H7922" s="44">
        <v>7915</v>
      </c>
      <c r="I7922" s="56">
        <f>Bühler!I7948</f>
        <v>0.56409000665815512</v>
      </c>
      <c r="J7922" s="59">
        <f>Bühler!J7948</f>
        <v>1.8803000221938504</v>
      </c>
      <c r="K7922" s="59">
        <f>Bühler!K7948</f>
        <v>2.8204500332907756</v>
      </c>
      <c r="L7922" s="59">
        <f>Bühler!L7948</f>
        <v>13.538160159795723</v>
      </c>
      <c r="M7922" s="58">
        <f>Bühler!M7948</f>
        <v>0</v>
      </c>
      <c r="N7922" s="56">
        <f>IF(Input!$D$19=1,J7922*Input!$C$19,0)+IF(Input!$D$20=1,K7922*Input!$C$20,0)+IF(Input!$D$21=1,L7922*Input!$C$21,0)+IF(Input!$D$22=1,M7922*Input!$C$22,0)</f>
        <v>0.56409000665815512</v>
      </c>
      <c r="O7922" s="59">
        <f>IF(Input!$D$19=2,J7922*Input!$C$19,0)+IF(Input!$D$20=2,K7922*Input!$C$20,0)+IF(Input!$D$21=2,L7922*Input!$C$21,0)+IF(Input!$D$22=2,M7922*Input!$C$22,0)</f>
        <v>1.4102250166453878</v>
      </c>
      <c r="P7922" s="59">
        <f>IF(Input!$D$19=3,J7922*Input!$C$19,0)+IF(Input!$D$20=3,K7922*Input!$C$20,0)+IF(Input!$D$21=3,L7922*Input!$C$21,0)+IF(Input!$D$22=3,M7922*Input!$C$22,0)</f>
        <v>0</v>
      </c>
      <c r="Q7922" s="75">
        <f>IF(Input!$D$19=4,J7922*Input!$C$19,0)+IF(Input!$D$20=4,K7922*Input!$C$20,0)+IF(Input!$D$21=4,L7922*Input!$C$21,0)+IF(Input!$D$22=4,M7922*Input!$C$22,0)</f>
        <v>0</v>
      </c>
      <c r="R7922" s="58">
        <v>63.837011165824528</v>
      </c>
      <c r="S7922" s="124">
        <f t="shared" si="123"/>
        <v>2.4443900288520055</v>
      </c>
    </row>
    <row r="7923" spans="8:19" x14ac:dyDescent="0.3">
      <c r="H7923" s="44">
        <v>7916</v>
      </c>
      <c r="I7923" s="56">
        <f>Bühler!I7949</f>
        <v>0.47242538057620487</v>
      </c>
      <c r="J7923" s="59">
        <f>Bühler!J7949</f>
        <v>1.5747512685873497</v>
      </c>
      <c r="K7923" s="59">
        <f>Bühler!K7949</f>
        <v>2.3621269028810246</v>
      </c>
      <c r="L7923" s="59">
        <f>Bühler!L7949</f>
        <v>11.338209133828917</v>
      </c>
      <c r="M7923" s="58">
        <f>Bühler!M7949</f>
        <v>0</v>
      </c>
      <c r="N7923" s="56">
        <f>IF(Input!$D$19=1,J7923*Input!$C$19,0)+IF(Input!$D$20=1,K7923*Input!$C$20,0)+IF(Input!$D$21=1,L7923*Input!$C$21,0)+IF(Input!$D$22=1,M7923*Input!$C$22,0)</f>
        <v>0.47242538057620487</v>
      </c>
      <c r="O7923" s="59">
        <f>IF(Input!$D$19=2,J7923*Input!$C$19,0)+IF(Input!$D$20=2,K7923*Input!$C$20,0)+IF(Input!$D$21=2,L7923*Input!$C$21,0)+IF(Input!$D$22=2,M7923*Input!$C$22,0)</f>
        <v>1.1810634514405123</v>
      </c>
      <c r="P7923" s="59">
        <f>IF(Input!$D$19=3,J7923*Input!$C$19,0)+IF(Input!$D$20=3,K7923*Input!$C$20,0)+IF(Input!$D$21=3,L7923*Input!$C$21,0)+IF(Input!$D$22=3,M7923*Input!$C$22,0)</f>
        <v>0</v>
      </c>
      <c r="Q7923" s="75">
        <f>IF(Input!$D$19=4,J7923*Input!$C$19,0)+IF(Input!$D$20=4,K7923*Input!$C$20,0)+IF(Input!$D$21=4,L7923*Input!$C$21,0)+IF(Input!$D$22=4,M7923*Input!$C$22,0)</f>
        <v>0</v>
      </c>
      <c r="R7923" s="58">
        <v>62.216560476170464</v>
      </c>
      <c r="S7923" s="124">
        <f t="shared" si="123"/>
        <v>2.0471766491635544</v>
      </c>
    </row>
    <row r="7924" spans="8:19" x14ac:dyDescent="0.3">
      <c r="H7924" s="44">
        <v>7917</v>
      </c>
      <c r="I7924" s="56">
        <f>Bühler!I7950</f>
        <v>0.38781187957748164</v>
      </c>
      <c r="J7924" s="59">
        <f>Bühler!J7950</f>
        <v>1.2927062652582721</v>
      </c>
      <c r="K7924" s="59">
        <f>Bühler!K7950</f>
        <v>1.9390593978874082</v>
      </c>
      <c r="L7924" s="59">
        <f>Bühler!L7950</f>
        <v>9.3074851098595595</v>
      </c>
      <c r="M7924" s="58">
        <f>Bühler!M7950</f>
        <v>0</v>
      </c>
      <c r="N7924" s="56">
        <f>IF(Input!$D$19=1,J7924*Input!$C$19,0)+IF(Input!$D$20=1,K7924*Input!$C$20,0)+IF(Input!$D$21=1,L7924*Input!$C$21,0)+IF(Input!$D$22=1,M7924*Input!$C$22,0)</f>
        <v>0.38781187957748164</v>
      </c>
      <c r="O7924" s="59">
        <f>IF(Input!$D$19=2,J7924*Input!$C$19,0)+IF(Input!$D$20=2,K7924*Input!$C$20,0)+IF(Input!$D$21=2,L7924*Input!$C$21,0)+IF(Input!$D$22=2,M7924*Input!$C$22,0)</f>
        <v>0.96952969894370411</v>
      </c>
      <c r="P7924" s="59">
        <f>IF(Input!$D$19=3,J7924*Input!$C$19,0)+IF(Input!$D$20=3,K7924*Input!$C$20,0)+IF(Input!$D$21=3,L7924*Input!$C$21,0)+IF(Input!$D$22=3,M7924*Input!$C$22,0)</f>
        <v>0</v>
      </c>
      <c r="Q7924" s="75">
        <f>IF(Input!$D$19=4,J7924*Input!$C$19,0)+IF(Input!$D$20=4,K7924*Input!$C$20,0)+IF(Input!$D$21=4,L7924*Input!$C$21,0)+IF(Input!$D$22=4,M7924*Input!$C$22,0)</f>
        <v>0</v>
      </c>
      <c r="R7924" s="58">
        <v>61.272529236738208</v>
      </c>
      <c r="S7924" s="124">
        <f t="shared" si="123"/>
        <v>1.6805181448357538</v>
      </c>
    </row>
    <row r="7925" spans="8:19" x14ac:dyDescent="0.3">
      <c r="H7925" s="44">
        <v>7918</v>
      </c>
      <c r="I7925" s="56">
        <f>Bühler!I7951</f>
        <v>0.28204500332907756</v>
      </c>
      <c r="J7925" s="59">
        <f>Bühler!J7951</f>
        <v>0.9401500110969252</v>
      </c>
      <c r="K7925" s="59">
        <f>Bühler!K7951</f>
        <v>1.4102250166453878</v>
      </c>
      <c r="L7925" s="59">
        <f>Bühler!L7951</f>
        <v>6.7690800798978614</v>
      </c>
      <c r="M7925" s="58">
        <f>Bühler!M7951</f>
        <v>0</v>
      </c>
      <c r="N7925" s="56">
        <f>IF(Input!$D$19=1,J7925*Input!$C$19,0)+IF(Input!$D$20=1,K7925*Input!$C$20,0)+IF(Input!$D$21=1,L7925*Input!$C$21,0)+IF(Input!$D$22=1,M7925*Input!$C$22,0)</f>
        <v>0.28204500332907756</v>
      </c>
      <c r="O7925" s="59">
        <f>IF(Input!$D$19=2,J7925*Input!$C$19,0)+IF(Input!$D$20=2,K7925*Input!$C$20,0)+IF(Input!$D$21=2,L7925*Input!$C$21,0)+IF(Input!$D$22=2,M7925*Input!$C$22,0)</f>
        <v>0.7051125083226939</v>
      </c>
      <c r="P7925" s="59">
        <f>IF(Input!$D$19=3,J7925*Input!$C$19,0)+IF(Input!$D$20=3,K7925*Input!$C$20,0)+IF(Input!$D$21=3,L7925*Input!$C$21,0)+IF(Input!$D$22=3,M7925*Input!$C$22,0)</f>
        <v>0</v>
      </c>
      <c r="Q7925" s="75">
        <f>IF(Input!$D$19=4,J7925*Input!$C$19,0)+IF(Input!$D$20=4,K7925*Input!$C$20,0)+IF(Input!$D$21=4,L7925*Input!$C$21,0)+IF(Input!$D$22=4,M7925*Input!$C$22,0)</f>
        <v>0</v>
      </c>
      <c r="R7925" s="58">
        <v>59.2062267854879</v>
      </c>
      <c r="S7925" s="124">
        <f t="shared" si="123"/>
        <v>1.2221950144260028</v>
      </c>
    </row>
    <row r="7926" spans="8:19" x14ac:dyDescent="0.3">
      <c r="H7926" s="44">
        <v>7919</v>
      </c>
      <c r="I7926" s="56">
        <f>Bühler!I7952</f>
        <v>0.26794275316262367</v>
      </c>
      <c r="J7926" s="59">
        <f>Bühler!J7952</f>
        <v>0.89314251054207894</v>
      </c>
      <c r="K7926" s="59">
        <f>Bühler!K7952</f>
        <v>1.3397137658131184</v>
      </c>
      <c r="L7926" s="59">
        <f>Bühler!L7952</f>
        <v>6.4306260759029685</v>
      </c>
      <c r="M7926" s="58">
        <f>Bühler!M7952</f>
        <v>0</v>
      </c>
      <c r="N7926" s="56">
        <f>IF(Input!$D$19=1,J7926*Input!$C$19,0)+IF(Input!$D$20=1,K7926*Input!$C$20,0)+IF(Input!$D$21=1,L7926*Input!$C$21,0)+IF(Input!$D$22=1,M7926*Input!$C$22,0)</f>
        <v>0.26794275316262367</v>
      </c>
      <c r="O7926" s="59">
        <f>IF(Input!$D$19=2,J7926*Input!$C$19,0)+IF(Input!$D$20=2,K7926*Input!$C$20,0)+IF(Input!$D$21=2,L7926*Input!$C$21,0)+IF(Input!$D$22=2,M7926*Input!$C$22,0)</f>
        <v>0.6698568829065592</v>
      </c>
      <c r="P7926" s="59">
        <f>IF(Input!$D$19=3,J7926*Input!$C$19,0)+IF(Input!$D$20=3,K7926*Input!$C$20,0)+IF(Input!$D$21=3,L7926*Input!$C$21,0)+IF(Input!$D$22=3,M7926*Input!$C$22,0)</f>
        <v>0</v>
      </c>
      <c r="Q7926" s="75">
        <f>IF(Input!$D$19=4,J7926*Input!$C$19,0)+IF(Input!$D$20=4,K7926*Input!$C$20,0)+IF(Input!$D$21=4,L7926*Input!$C$21,0)+IF(Input!$D$22=4,M7926*Input!$C$22,0)</f>
        <v>0</v>
      </c>
      <c r="R7926" s="58">
        <v>58.969886949313199</v>
      </c>
      <c r="S7926" s="124">
        <f t="shared" si="123"/>
        <v>1.1610852637047027</v>
      </c>
    </row>
    <row r="7927" spans="8:19" x14ac:dyDescent="0.3">
      <c r="H7927" s="44">
        <v>7920</v>
      </c>
      <c r="I7927" s="56">
        <f>Bühler!I7953</f>
        <v>0.26794275316262367</v>
      </c>
      <c r="J7927" s="59">
        <f>Bühler!J7953</f>
        <v>0.89314251054207894</v>
      </c>
      <c r="K7927" s="59">
        <f>Bühler!K7953</f>
        <v>1.3397137658131184</v>
      </c>
      <c r="L7927" s="59">
        <f>Bühler!L7953</f>
        <v>6.4306260759029685</v>
      </c>
      <c r="M7927" s="58">
        <f>Bühler!M7953</f>
        <v>0</v>
      </c>
      <c r="N7927" s="56">
        <f>IF(Input!$D$19=1,J7927*Input!$C$19,0)+IF(Input!$D$20=1,K7927*Input!$C$20,0)+IF(Input!$D$21=1,L7927*Input!$C$21,0)+IF(Input!$D$22=1,M7927*Input!$C$22,0)</f>
        <v>0.26794275316262367</v>
      </c>
      <c r="O7927" s="59">
        <f>IF(Input!$D$19=2,J7927*Input!$C$19,0)+IF(Input!$D$20=2,K7927*Input!$C$20,0)+IF(Input!$D$21=2,L7927*Input!$C$21,0)+IF(Input!$D$22=2,M7927*Input!$C$22,0)</f>
        <v>0.6698568829065592</v>
      </c>
      <c r="P7927" s="59">
        <f>IF(Input!$D$19=3,J7927*Input!$C$19,0)+IF(Input!$D$20=3,K7927*Input!$C$20,0)+IF(Input!$D$21=3,L7927*Input!$C$21,0)+IF(Input!$D$22=3,M7927*Input!$C$22,0)</f>
        <v>0</v>
      </c>
      <c r="Q7927" s="75">
        <f>IF(Input!$D$19=4,J7927*Input!$C$19,0)+IF(Input!$D$20=4,K7927*Input!$C$20,0)+IF(Input!$D$21=4,L7927*Input!$C$21,0)+IF(Input!$D$22=4,M7927*Input!$C$22,0)</f>
        <v>0</v>
      </c>
      <c r="R7927" s="58">
        <v>58.338375631192967</v>
      </c>
      <c r="S7927" s="124">
        <f t="shared" si="123"/>
        <v>1.1610852637047027</v>
      </c>
    </row>
    <row r="7928" spans="8:19" x14ac:dyDescent="0.3">
      <c r="H7928" s="44">
        <v>7921</v>
      </c>
      <c r="I7928" s="56">
        <f>Bühler!I7954</f>
        <v>0.25585077451222965</v>
      </c>
      <c r="J7928" s="59">
        <f>Bühler!J7954</f>
        <v>0.85283591504076561</v>
      </c>
      <c r="K7928" s="59">
        <f>Bühler!K7954</f>
        <v>1.2792538725611484</v>
      </c>
      <c r="L7928" s="59">
        <f>Bühler!L7954</f>
        <v>6.1404185882935121</v>
      </c>
      <c r="M7928" s="58">
        <f>Bühler!M7954</f>
        <v>0</v>
      </c>
      <c r="N7928" s="56">
        <f>IF(Input!$D$19=1,J7928*Input!$C$19,0)+IF(Input!$D$20=1,K7928*Input!$C$20,0)+IF(Input!$D$21=1,L7928*Input!$C$21,0)+IF(Input!$D$22=1,M7928*Input!$C$22,0)</f>
        <v>0.25585077451222965</v>
      </c>
      <c r="O7928" s="59">
        <f>IF(Input!$D$19=2,J7928*Input!$C$19,0)+IF(Input!$D$20=2,K7928*Input!$C$20,0)+IF(Input!$D$21=2,L7928*Input!$C$21,0)+IF(Input!$D$22=2,M7928*Input!$C$22,0)</f>
        <v>0.63962693628057421</v>
      </c>
      <c r="P7928" s="59">
        <f>IF(Input!$D$19=3,J7928*Input!$C$19,0)+IF(Input!$D$20=3,K7928*Input!$C$20,0)+IF(Input!$D$21=3,L7928*Input!$C$21,0)+IF(Input!$D$22=3,M7928*Input!$C$22,0)</f>
        <v>0</v>
      </c>
      <c r="Q7928" s="75">
        <f>IF(Input!$D$19=4,J7928*Input!$C$19,0)+IF(Input!$D$20=4,K7928*Input!$C$20,0)+IF(Input!$D$21=4,L7928*Input!$C$21,0)+IF(Input!$D$22=4,M7928*Input!$C$22,0)</f>
        <v>0</v>
      </c>
      <c r="R7928" s="58">
        <v>57.966470086893018</v>
      </c>
      <c r="S7928" s="124">
        <f t="shared" si="123"/>
        <v>1.1086866895529952</v>
      </c>
    </row>
    <row r="7929" spans="8:19" x14ac:dyDescent="0.3">
      <c r="H7929" s="44">
        <v>7922</v>
      </c>
      <c r="I7929" s="56">
        <f>Bühler!I7955</f>
        <v>0.25585077451222965</v>
      </c>
      <c r="J7929" s="59">
        <f>Bühler!J7955</f>
        <v>0.85283591504076561</v>
      </c>
      <c r="K7929" s="59">
        <f>Bühler!K7955</f>
        <v>1.2792538725611484</v>
      </c>
      <c r="L7929" s="59">
        <f>Bühler!L7955</f>
        <v>6.1404185882935121</v>
      </c>
      <c r="M7929" s="58">
        <f>Bühler!M7955</f>
        <v>0</v>
      </c>
      <c r="N7929" s="56">
        <f>IF(Input!$D$19=1,J7929*Input!$C$19,0)+IF(Input!$D$20=1,K7929*Input!$C$20,0)+IF(Input!$D$21=1,L7929*Input!$C$21,0)+IF(Input!$D$22=1,M7929*Input!$C$22,0)</f>
        <v>0.25585077451222965</v>
      </c>
      <c r="O7929" s="59">
        <f>IF(Input!$D$19=2,J7929*Input!$C$19,0)+IF(Input!$D$20=2,K7929*Input!$C$20,0)+IF(Input!$D$21=2,L7929*Input!$C$21,0)+IF(Input!$D$22=2,M7929*Input!$C$22,0)</f>
        <v>0.63962693628057421</v>
      </c>
      <c r="P7929" s="59">
        <f>IF(Input!$D$19=3,J7929*Input!$C$19,0)+IF(Input!$D$20=3,K7929*Input!$C$20,0)+IF(Input!$D$21=3,L7929*Input!$C$21,0)+IF(Input!$D$22=3,M7929*Input!$C$22,0)</f>
        <v>0</v>
      </c>
      <c r="Q7929" s="75">
        <f>IF(Input!$D$19=4,J7929*Input!$C$19,0)+IF(Input!$D$20=4,K7929*Input!$C$20,0)+IF(Input!$D$21=4,L7929*Input!$C$21,0)+IF(Input!$D$22=4,M7929*Input!$C$22,0)</f>
        <v>0</v>
      </c>
      <c r="R7929" s="58">
        <v>58.966551397235499</v>
      </c>
      <c r="S7929" s="124">
        <f t="shared" si="123"/>
        <v>1.1086866895529952</v>
      </c>
    </row>
    <row r="7930" spans="8:19" x14ac:dyDescent="0.3">
      <c r="H7930" s="44">
        <v>7923</v>
      </c>
      <c r="I7930" s="56">
        <f>Bühler!I7956</f>
        <v>0.25585077451222965</v>
      </c>
      <c r="J7930" s="59">
        <f>Bühler!J7956</f>
        <v>0.85283591504076561</v>
      </c>
      <c r="K7930" s="59">
        <f>Bühler!K7956</f>
        <v>1.2792538725611484</v>
      </c>
      <c r="L7930" s="59">
        <f>Bühler!L7956</f>
        <v>6.1404185882935121</v>
      </c>
      <c r="M7930" s="58">
        <f>Bühler!M7956</f>
        <v>0</v>
      </c>
      <c r="N7930" s="56">
        <f>IF(Input!$D$19=1,J7930*Input!$C$19,0)+IF(Input!$D$20=1,K7930*Input!$C$20,0)+IF(Input!$D$21=1,L7930*Input!$C$21,0)+IF(Input!$D$22=1,M7930*Input!$C$22,0)</f>
        <v>0.25585077451222965</v>
      </c>
      <c r="O7930" s="59">
        <f>IF(Input!$D$19=2,J7930*Input!$C$19,0)+IF(Input!$D$20=2,K7930*Input!$C$20,0)+IF(Input!$D$21=2,L7930*Input!$C$21,0)+IF(Input!$D$22=2,M7930*Input!$C$22,0)</f>
        <v>0.63962693628057421</v>
      </c>
      <c r="P7930" s="59">
        <f>IF(Input!$D$19=3,J7930*Input!$C$19,0)+IF(Input!$D$20=3,K7930*Input!$C$20,0)+IF(Input!$D$21=3,L7930*Input!$C$21,0)+IF(Input!$D$22=3,M7930*Input!$C$22,0)</f>
        <v>0</v>
      </c>
      <c r="Q7930" s="75">
        <f>IF(Input!$D$19=4,J7930*Input!$C$19,0)+IF(Input!$D$20=4,K7930*Input!$C$20,0)+IF(Input!$D$21=4,L7930*Input!$C$21,0)+IF(Input!$D$22=4,M7930*Input!$C$22,0)</f>
        <v>0</v>
      </c>
      <c r="R7930" s="58">
        <v>59.844686624520875</v>
      </c>
      <c r="S7930" s="124">
        <f t="shared" si="123"/>
        <v>1.1086866895529952</v>
      </c>
    </row>
    <row r="7931" spans="8:19" x14ac:dyDescent="0.3">
      <c r="H7931" s="44">
        <v>7924</v>
      </c>
      <c r="I7931" s="56">
        <f>Bühler!I7957</f>
        <v>0.25585077451222965</v>
      </c>
      <c r="J7931" s="59">
        <f>Bühler!J7957</f>
        <v>0.85283591504076561</v>
      </c>
      <c r="K7931" s="59">
        <f>Bühler!K7957</f>
        <v>1.2792538725611484</v>
      </c>
      <c r="L7931" s="59">
        <f>Bühler!L7957</f>
        <v>6.1404185882935121</v>
      </c>
      <c r="M7931" s="58">
        <f>Bühler!M7957</f>
        <v>0</v>
      </c>
      <c r="N7931" s="56">
        <f>IF(Input!$D$19=1,J7931*Input!$C$19,0)+IF(Input!$D$20=1,K7931*Input!$C$20,0)+IF(Input!$D$21=1,L7931*Input!$C$21,0)+IF(Input!$D$22=1,M7931*Input!$C$22,0)</f>
        <v>0.25585077451222965</v>
      </c>
      <c r="O7931" s="59">
        <f>IF(Input!$D$19=2,J7931*Input!$C$19,0)+IF(Input!$D$20=2,K7931*Input!$C$20,0)+IF(Input!$D$21=2,L7931*Input!$C$21,0)+IF(Input!$D$22=2,M7931*Input!$C$22,0)</f>
        <v>0.63962693628057421</v>
      </c>
      <c r="P7931" s="59">
        <f>IF(Input!$D$19=3,J7931*Input!$C$19,0)+IF(Input!$D$20=3,K7931*Input!$C$20,0)+IF(Input!$D$21=3,L7931*Input!$C$21,0)+IF(Input!$D$22=3,M7931*Input!$C$22,0)</f>
        <v>0</v>
      </c>
      <c r="Q7931" s="75">
        <f>IF(Input!$D$19=4,J7931*Input!$C$19,0)+IF(Input!$D$20=4,K7931*Input!$C$20,0)+IF(Input!$D$21=4,L7931*Input!$C$21,0)+IF(Input!$D$22=4,M7931*Input!$C$22,0)</f>
        <v>0</v>
      </c>
      <c r="R7931" s="58">
        <v>60.068576677615184</v>
      </c>
      <c r="S7931" s="124">
        <f t="shared" si="123"/>
        <v>1.1086866895529952</v>
      </c>
    </row>
    <row r="7932" spans="8:19" x14ac:dyDescent="0.3">
      <c r="H7932" s="44">
        <v>7925</v>
      </c>
      <c r="I7932" s="56">
        <f>Bühler!I7958</f>
        <v>0.25585077451222965</v>
      </c>
      <c r="J7932" s="59">
        <f>Bühler!J7958</f>
        <v>0.85283591504076561</v>
      </c>
      <c r="K7932" s="59">
        <f>Bühler!K7958</f>
        <v>1.2792538725611484</v>
      </c>
      <c r="L7932" s="59">
        <f>Bühler!L7958</f>
        <v>6.1404185882935121</v>
      </c>
      <c r="M7932" s="58">
        <f>Bühler!M7958</f>
        <v>0</v>
      </c>
      <c r="N7932" s="56">
        <f>IF(Input!$D$19=1,J7932*Input!$C$19,0)+IF(Input!$D$20=1,K7932*Input!$C$20,0)+IF(Input!$D$21=1,L7932*Input!$C$21,0)+IF(Input!$D$22=1,M7932*Input!$C$22,0)</f>
        <v>0.25585077451222965</v>
      </c>
      <c r="O7932" s="59">
        <f>IF(Input!$D$19=2,J7932*Input!$C$19,0)+IF(Input!$D$20=2,K7932*Input!$C$20,0)+IF(Input!$D$21=2,L7932*Input!$C$21,0)+IF(Input!$D$22=2,M7932*Input!$C$22,0)</f>
        <v>0.63962693628057421</v>
      </c>
      <c r="P7932" s="59">
        <f>IF(Input!$D$19=3,J7932*Input!$C$19,0)+IF(Input!$D$20=3,K7932*Input!$C$20,0)+IF(Input!$D$21=3,L7932*Input!$C$21,0)+IF(Input!$D$22=3,M7932*Input!$C$22,0)</f>
        <v>0</v>
      </c>
      <c r="Q7932" s="75">
        <f>IF(Input!$D$19=4,J7932*Input!$C$19,0)+IF(Input!$D$20=4,K7932*Input!$C$20,0)+IF(Input!$D$21=4,L7932*Input!$C$21,0)+IF(Input!$D$22=4,M7932*Input!$C$22,0)</f>
        <v>0</v>
      </c>
      <c r="R7932" s="58">
        <v>61.818243381618252</v>
      </c>
      <c r="S7932" s="124">
        <f t="shared" si="123"/>
        <v>1.1086866895529952</v>
      </c>
    </row>
    <row r="7933" spans="8:19" x14ac:dyDescent="0.3">
      <c r="H7933" s="44">
        <v>7926</v>
      </c>
      <c r="I7933" s="56">
        <f>Bühler!I7959</f>
        <v>0.33260600686589847</v>
      </c>
      <c r="J7933" s="59">
        <f>Bühler!J7959</f>
        <v>1.108686689552995</v>
      </c>
      <c r="K7933" s="59">
        <f>Bühler!K7959</f>
        <v>1.6630300343294924</v>
      </c>
      <c r="L7933" s="59">
        <f>Bühler!L7959</f>
        <v>7.9825441647815634</v>
      </c>
      <c r="M7933" s="58">
        <f>Bühler!M7959</f>
        <v>0</v>
      </c>
      <c r="N7933" s="56">
        <f>IF(Input!$D$19=1,J7933*Input!$C$19,0)+IF(Input!$D$20=1,K7933*Input!$C$20,0)+IF(Input!$D$21=1,L7933*Input!$C$21,0)+IF(Input!$D$22=1,M7933*Input!$C$22,0)</f>
        <v>0.33260600686589847</v>
      </c>
      <c r="O7933" s="59">
        <f>IF(Input!$D$19=2,J7933*Input!$C$19,0)+IF(Input!$D$20=2,K7933*Input!$C$20,0)+IF(Input!$D$21=2,L7933*Input!$C$21,0)+IF(Input!$D$22=2,M7933*Input!$C$22,0)</f>
        <v>0.83151501716474618</v>
      </c>
      <c r="P7933" s="59">
        <f>IF(Input!$D$19=3,J7933*Input!$C$19,0)+IF(Input!$D$20=3,K7933*Input!$C$20,0)+IF(Input!$D$21=3,L7933*Input!$C$21,0)+IF(Input!$D$22=3,M7933*Input!$C$22,0)</f>
        <v>0</v>
      </c>
      <c r="Q7933" s="75">
        <f>IF(Input!$D$19=4,J7933*Input!$C$19,0)+IF(Input!$D$20=4,K7933*Input!$C$20,0)+IF(Input!$D$21=4,L7933*Input!$C$21,0)+IF(Input!$D$22=4,M7933*Input!$C$22,0)</f>
        <v>0</v>
      </c>
      <c r="R7933" s="58">
        <v>65.125976740809435</v>
      </c>
      <c r="S7933" s="124">
        <f t="shared" si="123"/>
        <v>1.4412926964188935</v>
      </c>
    </row>
    <row r="7934" spans="8:19" x14ac:dyDescent="0.3">
      <c r="H7934" s="44">
        <v>7927</v>
      </c>
      <c r="I7934" s="56">
        <f>Bühler!I7960</f>
        <v>0.37098362304273291</v>
      </c>
      <c r="J7934" s="59">
        <f>Bühler!J7960</f>
        <v>1.2366120768091098</v>
      </c>
      <c r="K7934" s="59">
        <f>Bühler!K7960</f>
        <v>1.8549181152136645</v>
      </c>
      <c r="L7934" s="59">
        <f>Bühler!L7960</f>
        <v>8.903606953025589</v>
      </c>
      <c r="M7934" s="58">
        <f>Bühler!M7960</f>
        <v>0</v>
      </c>
      <c r="N7934" s="56">
        <f>IF(Input!$D$19=1,J7934*Input!$C$19,0)+IF(Input!$D$20=1,K7934*Input!$C$20,0)+IF(Input!$D$21=1,L7934*Input!$C$21,0)+IF(Input!$D$22=1,M7934*Input!$C$22,0)</f>
        <v>0.37098362304273291</v>
      </c>
      <c r="O7934" s="59">
        <f>IF(Input!$D$19=2,J7934*Input!$C$19,0)+IF(Input!$D$20=2,K7934*Input!$C$20,0)+IF(Input!$D$21=2,L7934*Input!$C$21,0)+IF(Input!$D$22=2,M7934*Input!$C$22,0)</f>
        <v>0.92745905760683223</v>
      </c>
      <c r="P7934" s="59">
        <f>IF(Input!$D$19=3,J7934*Input!$C$19,0)+IF(Input!$D$20=3,K7934*Input!$C$20,0)+IF(Input!$D$21=3,L7934*Input!$C$21,0)+IF(Input!$D$22=3,M7934*Input!$C$22,0)</f>
        <v>0</v>
      </c>
      <c r="Q7934" s="75">
        <f>IF(Input!$D$19=4,J7934*Input!$C$19,0)+IF(Input!$D$20=4,K7934*Input!$C$20,0)+IF(Input!$D$21=4,L7934*Input!$C$21,0)+IF(Input!$D$22=4,M7934*Input!$C$22,0)</f>
        <v>0</v>
      </c>
      <c r="R7934" s="58">
        <v>67.857972044059252</v>
      </c>
      <c r="S7934" s="124">
        <f t="shared" si="123"/>
        <v>1.6075956998518426</v>
      </c>
    </row>
    <row r="7935" spans="8:19" x14ac:dyDescent="0.3">
      <c r="H7935" s="44">
        <v>7928</v>
      </c>
      <c r="I7935" s="56">
        <f>Bühler!I7961</f>
        <v>0.38377616176834445</v>
      </c>
      <c r="J7935" s="59">
        <f>Bühler!J7961</f>
        <v>1.2792538725611484</v>
      </c>
      <c r="K7935" s="59">
        <f>Bühler!K7961</f>
        <v>1.9188808088417222</v>
      </c>
      <c r="L7935" s="59">
        <f>Bühler!L7961</f>
        <v>9.2106278824402672</v>
      </c>
      <c r="M7935" s="58">
        <f>Bühler!M7961</f>
        <v>0</v>
      </c>
      <c r="N7935" s="56">
        <f>IF(Input!$D$19=1,J7935*Input!$C$19,0)+IF(Input!$D$20=1,K7935*Input!$C$20,0)+IF(Input!$D$21=1,L7935*Input!$C$21,0)+IF(Input!$D$22=1,M7935*Input!$C$22,0)</f>
        <v>0.3837761617683445</v>
      </c>
      <c r="O7935" s="59">
        <f>IF(Input!$D$19=2,J7935*Input!$C$19,0)+IF(Input!$D$20=2,K7935*Input!$C$20,0)+IF(Input!$D$21=2,L7935*Input!$C$21,0)+IF(Input!$D$22=2,M7935*Input!$C$22,0)</f>
        <v>0.95944040442086109</v>
      </c>
      <c r="P7935" s="59">
        <f>IF(Input!$D$19=3,J7935*Input!$C$19,0)+IF(Input!$D$20=3,K7935*Input!$C$20,0)+IF(Input!$D$21=3,L7935*Input!$C$21,0)+IF(Input!$D$22=3,M7935*Input!$C$22,0)</f>
        <v>0</v>
      </c>
      <c r="Q7935" s="75">
        <f>IF(Input!$D$19=4,J7935*Input!$C$19,0)+IF(Input!$D$20=4,K7935*Input!$C$20,0)+IF(Input!$D$21=4,L7935*Input!$C$21,0)+IF(Input!$D$22=4,M7935*Input!$C$22,0)</f>
        <v>0</v>
      </c>
      <c r="R7935" s="58">
        <v>68.432551143639301</v>
      </c>
      <c r="S7935" s="124">
        <f t="shared" si="123"/>
        <v>1.6630300343294928</v>
      </c>
    </row>
    <row r="7936" spans="8:19" x14ac:dyDescent="0.3">
      <c r="H7936" s="44">
        <v>7929</v>
      </c>
      <c r="I7936" s="56">
        <f>Bühler!I7962</f>
        <v>0.38377616176834445</v>
      </c>
      <c r="J7936" s="59">
        <f>Bühler!J7962</f>
        <v>1.2792538725611484</v>
      </c>
      <c r="K7936" s="59">
        <f>Bühler!K7962</f>
        <v>1.9188808088417222</v>
      </c>
      <c r="L7936" s="59">
        <f>Bühler!L7962</f>
        <v>9.2106278824402672</v>
      </c>
      <c r="M7936" s="58">
        <f>Bühler!M7962</f>
        <v>0</v>
      </c>
      <c r="N7936" s="56">
        <f>IF(Input!$D$19=1,J7936*Input!$C$19,0)+IF(Input!$D$20=1,K7936*Input!$C$20,0)+IF(Input!$D$21=1,L7936*Input!$C$21,0)+IF(Input!$D$22=1,M7936*Input!$C$22,0)</f>
        <v>0.3837761617683445</v>
      </c>
      <c r="O7936" s="59">
        <f>IF(Input!$D$19=2,J7936*Input!$C$19,0)+IF(Input!$D$20=2,K7936*Input!$C$20,0)+IF(Input!$D$21=2,L7936*Input!$C$21,0)+IF(Input!$D$22=2,M7936*Input!$C$22,0)</f>
        <v>0.95944040442086109</v>
      </c>
      <c r="P7936" s="59">
        <f>IF(Input!$D$19=3,J7936*Input!$C$19,0)+IF(Input!$D$20=3,K7936*Input!$C$20,0)+IF(Input!$D$21=3,L7936*Input!$C$21,0)+IF(Input!$D$22=3,M7936*Input!$C$22,0)</f>
        <v>0</v>
      </c>
      <c r="Q7936" s="75">
        <f>IF(Input!$D$19=4,J7936*Input!$C$19,0)+IF(Input!$D$20=4,K7936*Input!$C$20,0)+IF(Input!$D$21=4,L7936*Input!$C$21,0)+IF(Input!$D$22=4,M7936*Input!$C$22,0)</f>
        <v>0</v>
      </c>
      <c r="R7936" s="58">
        <v>67.189735505560662</v>
      </c>
      <c r="S7936" s="124">
        <f t="shared" si="123"/>
        <v>1.6630300343294928</v>
      </c>
    </row>
    <row r="7937" spans="8:19" x14ac:dyDescent="0.3">
      <c r="H7937" s="44">
        <v>7930</v>
      </c>
      <c r="I7937" s="56">
        <f>Bühler!I7963</f>
        <v>0.41575750858237309</v>
      </c>
      <c r="J7937" s="59">
        <f>Bühler!J7963</f>
        <v>1.3858583619412439</v>
      </c>
      <c r="K7937" s="59">
        <f>Bühler!K7963</f>
        <v>2.0787875429118654</v>
      </c>
      <c r="L7937" s="59">
        <f>Bühler!L7963</f>
        <v>9.9781802059769547</v>
      </c>
      <c r="M7937" s="58">
        <f>Bühler!M7963</f>
        <v>0</v>
      </c>
      <c r="N7937" s="56">
        <f>IF(Input!$D$19=1,J7937*Input!$C$19,0)+IF(Input!$D$20=1,K7937*Input!$C$20,0)+IF(Input!$D$21=1,L7937*Input!$C$21,0)+IF(Input!$D$22=1,M7937*Input!$C$22,0)</f>
        <v>0.41575750858237315</v>
      </c>
      <c r="O7937" s="59">
        <f>IF(Input!$D$19=2,J7937*Input!$C$19,0)+IF(Input!$D$20=2,K7937*Input!$C$20,0)+IF(Input!$D$21=2,L7937*Input!$C$21,0)+IF(Input!$D$22=2,M7937*Input!$C$22,0)</f>
        <v>1.0393937714559327</v>
      </c>
      <c r="P7937" s="59">
        <f>IF(Input!$D$19=3,J7937*Input!$C$19,0)+IF(Input!$D$20=3,K7937*Input!$C$20,0)+IF(Input!$D$21=3,L7937*Input!$C$21,0)+IF(Input!$D$22=3,M7937*Input!$C$22,0)</f>
        <v>0</v>
      </c>
      <c r="Q7937" s="75">
        <f>IF(Input!$D$19=4,J7937*Input!$C$19,0)+IF(Input!$D$20=4,K7937*Input!$C$20,0)+IF(Input!$D$21=4,L7937*Input!$C$21,0)+IF(Input!$D$22=4,M7937*Input!$C$22,0)</f>
        <v>0</v>
      </c>
      <c r="R7937" s="58">
        <v>67.429144872639426</v>
      </c>
      <c r="S7937" s="124">
        <f t="shared" si="123"/>
        <v>1.8016158705236169</v>
      </c>
    </row>
    <row r="7938" spans="8:19" x14ac:dyDescent="0.3">
      <c r="H7938" s="44">
        <v>7931</v>
      </c>
      <c r="I7938" s="56">
        <f>Bühler!I7964</f>
        <v>0.43494631667079037</v>
      </c>
      <c r="J7938" s="59">
        <f>Bühler!J7964</f>
        <v>1.4498210555693012</v>
      </c>
      <c r="K7938" s="59">
        <f>Bühler!K7964</f>
        <v>2.1747315833539518</v>
      </c>
      <c r="L7938" s="59">
        <f>Bühler!L7964</f>
        <v>10.438711600098967</v>
      </c>
      <c r="M7938" s="58">
        <f>Bühler!M7964</f>
        <v>0</v>
      </c>
      <c r="N7938" s="56">
        <f>IF(Input!$D$19=1,J7938*Input!$C$19,0)+IF(Input!$D$20=1,K7938*Input!$C$20,0)+IF(Input!$D$21=1,L7938*Input!$C$21,0)+IF(Input!$D$22=1,M7938*Input!$C$22,0)</f>
        <v>0.43494631667079037</v>
      </c>
      <c r="O7938" s="59">
        <f>IF(Input!$D$19=2,J7938*Input!$C$19,0)+IF(Input!$D$20=2,K7938*Input!$C$20,0)+IF(Input!$D$21=2,L7938*Input!$C$21,0)+IF(Input!$D$22=2,M7938*Input!$C$22,0)</f>
        <v>1.0873657916769759</v>
      </c>
      <c r="P7938" s="59">
        <f>IF(Input!$D$19=3,J7938*Input!$C$19,0)+IF(Input!$D$20=3,K7938*Input!$C$20,0)+IF(Input!$D$21=3,L7938*Input!$C$21,0)+IF(Input!$D$22=3,M7938*Input!$C$22,0)</f>
        <v>0</v>
      </c>
      <c r="Q7938" s="75">
        <f>IF(Input!$D$19=4,J7938*Input!$C$19,0)+IF(Input!$D$20=4,K7938*Input!$C$20,0)+IF(Input!$D$21=4,L7938*Input!$C$21,0)+IF(Input!$D$22=4,M7938*Input!$C$22,0)</f>
        <v>0</v>
      </c>
      <c r="R7938" s="58">
        <v>69.983605533255371</v>
      </c>
      <c r="S7938" s="124">
        <f t="shared" si="123"/>
        <v>1.8847673722400915</v>
      </c>
    </row>
    <row r="7939" spans="8:19" x14ac:dyDescent="0.3">
      <c r="H7939" s="44">
        <v>7932</v>
      </c>
      <c r="I7939" s="56">
        <f>Bühler!I7965</f>
        <v>0.5117015490244593</v>
      </c>
      <c r="J7939" s="59">
        <f>Bühler!J7965</f>
        <v>1.7056718300815312</v>
      </c>
      <c r="K7939" s="59">
        <f>Bühler!K7965</f>
        <v>2.5585077451222968</v>
      </c>
      <c r="L7939" s="59">
        <f>Bühler!L7965</f>
        <v>12.280837176587024</v>
      </c>
      <c r="M7939" s="58">
        <f>Bühler!M7965</f>
        <v>0</v>
      </c>
      <c r="N7939" s="56">
        <f>IF(Input!$D$19=1,J7939*Input!$C$19,0)+IF(Input!$D$20=1,K7939*Input!$C$20,0)+IF(Input!$D$21=1,L7939*Input!$C$21,0)+IF(Input!$D$22=1,M7939*Input!$C$22,0)</f>
        <v>0.5117015490244593</v>
      </c>
      <c r="O7939" s="59">
        <f>IF(Input!$D$19=2,J7939*Input!$C$19,0)+IF(Input!$D$20=2,K7939*Input!$C$20,0)+IF(Input!$D$21=2,L7939*Input!$C$21,0)+IF(Input!$D$22=2,M7939*Input!$C$22,0)</f>
        <v>1.2792538725611484</v>
      </c>
      <c r="P7939" s="59">
        <f>IF(Input!$D$19=3,J7939*Input!$C$19,0)+IF(Input!$D$20=3,K7939*Input!$C$20,0)+IF(Input!$D$21=3,L7939*Input!$C$21,0)+IF(Input!$D$22=3,M7939*Input!$C$22,0)</f>
        <v>0</v>
      </c>
      <c r="Q7939" s="75">
        <f>IF(Input!$D$19=4,J7939*Input!$C$19,0)+IF(Input!$D$20=4,K7939*Input!$C$20,0)+IF(Input!$D$21=4,L7939*Input!$C$21,0)+IF(Input!$D$22=4,M7939*Input!$C$22,0)</f>
        <v>0</v>
      </c>
      <c r="R7939" s="58">
        <v>69.949646360361513</v>
      </c>
      <c r="S7939" s="124">
        <f t="shared" si="123"/>
        <v>2.2173733791059904</v>
      </c>
    </row>
    <row r="7940" spans="8:19" x14ac:dyDescent="0.3">
      <c r="H7940" s="44">
        <v>7933</v>
      </c>
      <c r="I7940" s="56">
        <f>Bühler!I7966</f>
        <v>0.5117015490244593</v>
      </c>
      <c r="J7940" s="59">
        <f>Bühler!J7966</f>
        <v>1.7056718300815312</v>
      </c>
      <c r="K7940" s="59">
        <f>Bühler!K7966</f>
        <v>2.5585077451222968</v>
      </c>
      <c r="L7940" s="59">
        <f>Bühler!L7966</f>
        <v>12.280837176587024</v>
      </c>
      <c r="M7940" s="58">
        <f>Bühler!M7966</f>
        <v>0</v>
      </c>
      <c r="N7940" s="56">
        <f>IF(Input!$D$19=1,J7940*Input!$C$19,0)+IF(Input!$D$20=1,K7940*Input!$C$20,0)+IF(Input!$D$21=1,L7940*Input!$C$21,0)+IF(Input!$D$22=1,M7940*Input!$C$22,0)</f>
        <v>0.5117015490244593</v>
      </c>
      <c r="O7940" s="59">
        <f>IF(Input!$D$19=2,J7940*Input!$C$19,0)+IF(Input!$D$20=2,K7940*Input!$C$20,0)+IF(Input!$D$21=2,L7940*Input!$C$21,0)+IF(Input!$D$22=2,M7940*Input!$C$22,0)</f>
        <v>1.2792538725611484</v>
      </c>
      <c r="P7940" s="59">
        <f>IF(Input!$D$19=3,J7940*Input!$C$19,0)+IF(Input!$D$20=3,K7940*Input!$C$20,0)+IF(Input!$D$21=3,L7940*Input!$C$21,0)+IF(Input!$D$22=3,M7940*Input!$C$22,0)</f>
        <v>0</v>
      </c>
      <c r="Q7940" s="75">
        <f>IF(Input!$D$19=4,J7940*Input!$C$19,0)+IF(Input!$D$20=4,K7940*Input!$C$20,0)+IF(Input!$D$21=4,L7940*Input!$C$21,0)+IF(Input!$D$22=4,M7940*Input!$C$22,0)</f>
        <v>0</v>
      </c>
      <c r="R7940" s="58">
        <v>68.508794443864929</v>
      </c>
      <c r="S7940" s="124">
        <f t="shared" si="123"/>
        <v>2.2173733791059904</v>
      </c>
    </row>
    <row r="7941" spans="8:19" x14ac:dyDescent="0.3">
      <c r="H7941" s="44">
        <v>7934</v>
      </c>
      <c r="I7941" s="56">
        <f>Bühler!I7967</f>
        <v>0.5117015490244593</v>
      </c>
      <c r="J7941" s="59">
        <f>Bühler!J7967</f>
        <v>1.7056718300815312</v>
      </c>
      <c r="K7941" s="59">
        <f>Bühler!K7967</f>
        <v>2.5585077451222968</v>
      </c>
      <c r="L7941" s="59">
        <f>Bühler!L7967</f>
        <v>12.280837176587024</v>
      </c>
      <c r="M7941" s="58">
        <f>Bühler!M7967</f>
        <v>0</v>
      </c>
      <c r="N7941" s="56">
        <f>IF(Input!$D$19=1,J7941*Input!$C$19,0)+IF(Input!$D$20=1,K7941*Input!$C$20,0)+IF(Input!$D$21=1,L7941*Input!$C$21,0)+IF(Input!$D$22=1,M7941*Input!$C$22,0)</f>
        <v>0.5117015490244593</v>
      </c>
      <c r="O7941" s="59">
        <f>IF(Input!$D$19=2,J7941*Input!$C$19,0)+IF(Input!$D$20=2,K7941*Input!$C$20,0)+IF(Input!$D$21=2,L7941*Input!$C$21,0)+IF(Input!$D$22=2,M7941*Input!$C$22,0)</f>
        <v>1.2792538725611484</v>
      </c>
      <c r="P7941" s="59">
        <f>IF(Input!$D$19=3,J7941*Input!$C$19,0)+IF(Input!$D$20=3,K7941*Input!$C$20,0)+IF(Input!$D$21=3,L7941*Input!$C$21,0)+IF(Input!$D$22=3,M7941*Input!$C$22,0)</f>
        <v>0</v>
      </c>
      <c r="Q7941" s="75">
        <f>IF(Input!$D$19=4,J7941*Input!$C$19,0)+IF(Input!$D$20=4,K7941*Input!$C$20,0)+IF(Input!$D$21=4,L7941*Input!$C$21,0)+IF(Input!$D$22=4,M7941*Input!$C$22,0)</f>
        <v>0</v>
      </c>
      <c r="R7941" s="58">
        <v>67.850476927403193</v>
      </c>
      <c r="S7941" s="124">
        <f t="shared" si="123"/>
        <v>2.2173733791059904</v>
      </c>
    </row>
    <row r="7942" spans="8:19" x14ac:dyDescent="0.3">
      <c r="H7942" s="44">
        <v>7935</v>
      </c>
      <c r="I7942" s="56">
        <f>Bühler!I7968</f>
        <v>0.5117015490244593</v>
      </c>
      <c r="J7942" s="59">
        <f>Bühler!J7968</f>
        <v>1.7056718300815312</v>
      </c>
      <c r="K7942" s="59">
        <f>Bühler!K7968</f>
        <v>2.5585077451222968</v>
      </c>
      <c r="L7942" s="59">
        <f>Bühler!L7968</f>
        <v>12.280837176587024</v>
      </c>
      <c r="M7942" s="58">
        <f>Bühler!M7968</f>
        <v>0</v>
      </c>
      <c r="N7942" s="56">
        <f>IF(Input!$D$19=1,J7942*Input!$C$19,0)+IF(Input!$D$20=1,K7942*Input!$C$20,0)+IF(Input!$D$21=1,L7942*Input!$C$21,0)+IF(Input!$D$22=1,M7942*Input!$C$22,0)</f>
        <v>0.5117015490244593</v>
      </c>
      <c r="O7942" s="59">
        <f>IF(Input!$D$19=2,J7942*Input!$C$19,0)+IF(Input!$D$20=2,K7942*Input!$C$20,0)+IF(Input!$D$21=2,L7942*Input!$C$21,0)+IF(Input!$D$22=2,M7942*Input!$C$22,0)</f>
        <v>1.2792538725611484</v>
      </c>
      <c r="P7942" s="59">
        <f>IF(Input!$D$19=3,J7942*Input!$C$19,0)+IF(Input!$D$20=3,K7942*Input!$C$20,0)+IF(Input!$D$21=3,L7942*Input!$C$21,0)+IF(Input!$D$22=3,M7942*Input!$C$22,0)</f>
        <v>0</v>
      </c>
      <c r="Q7942" s="75">
        <f>IF(Input!$D$19=4,J7942*Input!$C$19,0)+IF(Input!$D$20=4,K7942*Input!$C$20,0)+IF(Input!$D$21=4,L7942*Input!$C$21,0)+IF(Input!$D$22=4,M7942*Input!$C$22,0)</f>
        <v>0</v>
      </c>
      <c r="R7942" s="58">
        <v>68.221387505833064</v>
      </c>
      <c r="S7942" s="124">
        <f t="shared" si="123"/>
        <v>2.2173733791059904</v>
      </c>
    </row>
    <row r="7943" spans="8:19" x14ac:dyDescent="0.3">
      <c r="H7943" s="44">
        <v>7936</v>
      </c>
      <c r="I7943" s="56">
        <f>Bühler!I7969</f>
        <v>0.5117015490244593</v>
      </c>
      <c r="J7943" s="59">
        <f>Bühler!J7969</f>
        <v>1.7056718300815312</v>
      </c>
      <c r="K7943" s="59">
        <f>Bühler!K7969</f>
        <v>2.5585077451222968</v>
      </c>
      <c r="L7943" s="59">
        <f>Bühler!L7969</f>
        <v>12.280837176587024</v>
      </c>
      <c r="M7943" s="58">
        <f>Bühler!M7969</f>
        <v>0</v>
      </c>
      <c r="N7943" s="56">
        <f>IF(Input!$D$19=1,J7943*Input!$C$19,0)+IF(Input!$D$20=1,K7943*Input!$C$20,0)+IF(Input!$D$21=1,L7943*Input!$C$21,0)+IF(Input!$D$22=1,M7943*Input!$C$22,0)</f>
        <v>0.5117015490244593</v>
      </c>
      <c r="O7943" s="59">
        <f>IF(Input!$D$19=2,J7943*Input!$C$19,0)+IF(Input!$D$20=2,K7943*Input!$C$20,0)+IF(Input!$D$21=2,L7943*Input!$C$21,0)+IF(Input!$D$22=2,M7943*Input!$C$22,0)</f>
        <v>1.2792538725611484</v>
      </c>
      <c r="P7943" s="59">
        <f>IF(Input!$D$19=3,J7943*Input!$C$19,0)+IF(Input!$D$20=3,K7943*Input!$C$20,0)+IF(Input!$D$21=3,L7943*Input!$C$21,0)+IF(Input!$D$22=3,M7943*Input!$C$22,0)</f>
        <v>0</v>
      </c>
      <c r="Q7943" s="75">
        <f>IF(Input!$D$19=4,J7943*Input!$C$19,0)+IF(Input!$D$20=4,K7943*Input!$C$20,0)+IF(Input!$D$21=4,L7943*Input!$C$21,0)+IF(Input!$D$22=4,M7943*Input!$C$22,0)</f>
        <v>0</v>
      </c>
      <c r="R7943" s="58">
        <v>66.972803211451264</v>
      </c>
      <c r="S7943" s="124">
        <f t="shared" si="123"/>
        <v>2.2173733791059904</v>
      </c>
    </row>
    <row r="7944" spans="8:19" x14ac:dyDescent="0.3">
      <c r="H7944" s="44">
        <v>7937</v>
      </c>
      <c r="I7944" s="56">
        <f>Bühler!I7970</f>
        <v>0.5117015490244593</v>
      </c>
      <c r="J7944" s="59">
        <f>Bühler!J7970</f>
        <v>1.7056718300815312</v>
      </c>
      <c r="K7944" s="59">
        <f>Bühler!K7970</f>
        <v>2.5585077451222968</v>
      </c>
      <c r="L7944" s="59">
        <f>Bühler!L7970</f>
        <v>12.280837176587024</v>
      </c>
      <c r="M7944" s="58">
        <f>Bühler!M7970</f>
        <v>0</v>
      </c>
      <c r="N7944" s="56">
        <f>IF(Input!$D$19=1,J7944*Input!$C$19,0)+IF(Input!$D$20=1,K7944*Input!$C$20,0)+IF(Input!$D$21=1,L7944*Input!$C$21,0)+IF(Input!$D$22=1,M7944*Input!$C$22,0)</f>
        <v>0.5117015490244593</v>
      </c>
      <c r="O7944" s="59">
        <f>IF(Input!$D$19=2,J7944*Input!$C$19,0)+IF(Input!$D$20=2,K7944*Input!$C$20,0)+IF(Input!$D$21=2,L7944*Input!$C$21,0)+IF(Input!$D$22=2,M7944*Input!$C$22,0)</f>
        <v>1.2792538725611484</v>
      </c>
      <c r="P7944" s="59">
        <f>IF(Input!$D$19=3,J7944*Input!$C$19,0)+IF(Input!$D$20=3,K7944*Input!$C$20,0)+IF(Input!$D$21=3,L7944*Input!$C$21,0)+IF(Input!$D$22=3,M7944*Input!$C$22,0)</f>
        <v>0</v>
      </c>
      <c r="Q7944" s="75">
        <f>IF(Input!$D$19=4,J7944*Input!$C$19,0)+IF(Input!$D$20=4,K7944*Input!$C$20,0)+IF(Input!$D$21=4,L7944*Input!$C$21,0)+IF(Input!$D$22=4,M7944*Input!$C$22,0)</f>
        <v>0</v>
      </c>
      <c r="R7944" s="58">
        <v>66.333292330861752</v>
      </c>
      <c r="S7944" s="124">
        <f t="shared" si="123"/>
        <v>2.2173733791059904</v>
      </c>
    </row>
    <row r="7945" spans="8:19" x14ac:dyDescent="0.3">
      <c r="H7945" s="44">
        <v>7938</v>
      </c>
      <c r="I7945" s="56">
        <f>Bühler!I7971</f>
        <v>0.5117015490244593</v>
      </c>
      <c r="J7945" s="59">
        <f>Bühler!J7971</f>
        <v>1.7056718300815312</v>
      </c>
      <c r="K7945" s="59">
        <f>Bühler!K7971</f>
        <v>2.5585077451222968</v>
      </c>
      <c r="L7945" s="59">
        <f>Bühler!L7971</f>
        <v>12.280837176587024</v>
      </c>
      <c r="M7945" s="58">
        <f>Bühler!M7971</f>
        <v>0</v>
      </c>
      <c r="N7945" s="56">
        <f>IF(Input!$D$19=1,J7945*Input!$C$19,0)+IF(Input!$D$20=1,K7945*Input!$C$20,0)+IF(Input!$D$21=1,L7945*Input!$C$21,0)+IF(Input!$D$22=1,M7945*Input!$C$22,0)</f>
        <v>0.5117015490244593</v>
      </c>
      <c r="O7945" s="59">
        <f>IF(Input!$D$19=2,J7945*Input!$C$19,0)+IF(Input!$D$20=2,K7945*Input!$C$20,0)+IF(Input!$D$21=2,L7945*Input!$C$21,0)+IF(Input!$D$22=2,M7945*Input!$C$22,0)</f>
        <v>1.2792538725611484</v>
      </c>
      <c r="P7945" s="59">
        <f>IF(Input!$D$19=3,J7945*Input!$C$19,0)+IF(Input!$D$20=3,K7945*Input!$C$20,0)+IF(Input!$D$21=3,L7945*Input!$C$21,0)+IF(Input!$D$22=3,M7945*Input!$C$22,0)</f>
        <v>0</v>
      </c>
      <c r="Q7945" s="75">
        <f>IF(Input!$D$19=4,J7945*Input!$C$19,0)+IF(Input!$D$20=4,K7945*Input!$C$20,0)+IF(Input!$D$21=4,L7945*Input!$C$21,0)+IF(Input!$D$22=4,M7945*Input!$C$22,0)</f>
        <v>0</v>
      </c>
      <c r="R7945" s="58">
        <v>65.383751944537835</v>
      </c>
      <c r="S7945" s="124">
        <f t="shared" ref="S7945:S8008" si="124">I7945+J7945</f>
        <v>2.2173733791059904</v>
      </c>
    </row>
    <row r="7946" spans="8:19" x14ac:dyDescent="0.3">
      <c r="H7946" s="44">
        <v>7939</v>
      </c>
      <c r="I7946" s="56">
        <f>Bühler!I7972</f>
        <v>0.5117015490244593</v>
      </c>
      <c r="J7946" s="59">
        <f>Bühler!J7972</f>
        <v>1.7056718300815312</v>
      </c>
      <c r="K7946" s="59">
        <f>Bühler!K7972</f>
        <v>2.5585077451222968</v>
      </c>
      <c r="L7946" s="59">
        <f>Bühler!L7972</f>
        <v>12.280837176587024</v>
      </c>
      <c r="M7946" s="58">
        <f>Bühler!M7972</f>
        <v>0</v>
      </c>
      <c r="N7946" s="56">
        <f>IF(Input!$D$19=1,J7946*Input!$C$19,0)+IF(Input!$D$20=1,K7946*Input!$C$20,0)+IF(Input!$D$21=1,L7946*Input!$C$21,0)+IF(Input!$D$22=1,M7946*Input!$C$22,0)</f>
        <v>0.5117015490244593</v>
      </c>
      <c r="O7946" s="59">
        <f>IF(Input!$D$19=2,J7946*Input!$C$19,0)+IF(Input!$D$20=2,K7946*Input!$C$20,0)+IF(Input!$D$21=2,L7946*Input!$C$21,0)+IF(Input!$D$22=2,M7946*Input!$C$22,0)</f>
        <v>1.2792538725611484</v>
      </c>
      <c r="P7946" s="59">
        <f>IF(Input!$D$19=3,J7946*Input!$C$19,0)+IF(Input!$D$20=3,K7946*Input!$C$20,0)+IF(Input!$D$21=3,L7946*Input!$C$21,0)+IF(Input!$D$22=3,M7946*Input!$C$22,0)</f>
        <v>0</v>
      </c>
      <c r="Q7946" s="75">
        <f>IF(Input!$D$19=4,J7946*Input!$C$19,0)+IF(Input!$D$20=4,K7946*Input!$C$20,0)+IF(Input!$D$21=4,L7946*Input!$C$21,0)+IF(Input!$D$22=4,M7946*Input!$C$22,0)</f>
        <v>0</v>
      </c>
      <c r="R7946" s="58">
        <v>65.047568828863376</v>
      </c>
      <c r="S7946" s="124">
        <f t="shared" si="124"/>
        <v>2.2173733791059904</v>
      </c>
    </row>
    <row r="7947" spans="8:19" x14ac:dyDescent="0.3">
      <c r="H7947" s="44">
        <v>7940</v>
      </c>
      <c r="I7947" s="56">
        <f>Bühler!I7973</f>
        <v>0.42855004730798463</v>
      </c>
      <c r="J7947" s="59">
        <f>Bühler!J7973</f>
        <v>1.4285001576932821</v>
      </c>
      <c r="K7947" s="59">
        <f>Bühler!K7973</f>
        <v>2.1427502365399231</v>
      </c>
      <c r="L7947" s="59">
        <f>Bühler!L7973</f>
        <v>10.285201135391631</v>
      </c>
      <c r="M7947" s="58">
        <f>Bühler!M7973</f>
        <v>0</v>
      </c>
      <c r="N7947" s="56">
        <f>IF(Input!$D$19=1,J7947*Input!$C$19,0)+IF(Input!$D$20=1,K7947*Input!$C$20,0)+IF(Input!$D$21=1,L7947*Input!$C$21,0)+IF(Input!$D$22=1,M7947*Input!$C$22,0)</f>
        <v>0.42855004730798463</v>
      </c>
      <c r="O7947" s="59">
        <f>IF(Input!$D$19=2,J7947*Input!$C$19,0)+IF(Input!$D$20=2,K7947*Input!$C$20,0)+IF(Input!$D$21=2,L7947*Input!$C$21,0)+IF(Input!$D$22=2,M7947*Input!$C$22,0)</f>
        <v>1.0713751182699616</v>
      </c>
      <c r="P7947" s="59">
        <f>IF(Input!$D$19=3,J7947*Input!$C$19,0)+IF(Input!$D$20=3,K7947*Input!$C$20,0)+IF(Input!$D$21=3,L7947*Input!$C$21,0)+IF(Input!$D$22=3,M7947*Input!$C$22,0)</f>
        <v>0</v>
      </c>
      <c r="Q7947" s="75">
        <f>IF(Input!$D$19=4,J7947*Input!$C$19,0)+IF(Input!$D$20=4,K7947*Input!$C$20,0)+IF(Input!$D$21=4,L7947*Input!$C$21,0)+IF(Input!$D$22=4,M7947*Input!$C$22,0)</f>
        <v>0</v>
      </c>
      <c r="R7947" s="58">
        <v>63.842155830561097</v>
      </c>
      <c r="S7947" s="124">
        <f t="shared" si="124"/>
        <v>1.8570502050012667</v>
      </c>
    </row>
    <row r="7948" spans="8:19" x14ac:dyDescent="0.3">
      <c r="H7948" s="44">
        <v>7941</v>
      </c>
      <c r="I7948" s="56">
        <f>Bühler!I7974</f>
        <v>0.35179481495431569</v>
      </c>
      <c r="J7948" s="59">
        <f>Bühler!J7974</f>
        <v>1.1726493831810525</v>
      </c>
      <c r="K7948" s="59">
        <f>Bühler!K7974</f>
        <v>1.7589740747715785</v>
      </c>
      <c r="L7948" s="59">
        <f>Bühler!L7974</f>
        <v>8.4430755589035762</v>
      </c>
      <c r="M7948" s="58">
        <f>Bühler!M7974</f>
        <v>0</v>
      </c>
      <c r="N7948" s="56">
        <f>IF(Input!$D$19=1,J7948*Input!$C$19,0)+IF(Input!$D$20=1,K7948*Input!$C$20,0)+IF(Input!$D$21=1,L7948*Input!$C$21,0)+IF(Input!$D$22=1,M7948*Input!$C$22,0)</f>
        <v>0.35179481495431575</v>
      </c>
      <c r="O7948" s="59">
        <f>IF(Input!$D$19=2,J7948*Input!$C$19,0)+IF(Input!$D$20=2,K7948*Input!$C$20,0)+IF(Input!$D$21=2,L7948*Input!$C$21,0)+IF(Input!$D$22=2,M7948*Input!$C$22,0)</f>
        <v>0.87948703738578926</v>
      </c>
      <c r="P7948" s="59">
        <f>IF(Input!$D$19=3,J7948*Input!$C$19,0)+IF(Input!$D$20=3,K7948*Input!$C$20,0)+IF(Input!$D$21=3,L7948*Input!$C$21,0)+IF(Input!$D$22=3,M7948*Input!$C$22,0)</f>
        <v>0</v>
      </c>
      <c r="Q7948" s="75">
        <f>IF(Input!$D$19=4,J7948*Input!$C$19,0)+IF(Input!$D$20=4,K7948*Input!$C$20,0)+IF(Input!$D$21=4,L7948*Input!$C$21,0)+IF(Input!$D$22=4,M7948*Input!$C$22,0)</f>
        <v>0</v>
      </c>
      <c r="R7948" s="58">
        <v>61.689616662127456</v>
      </c>
      <c r="S7948" s="124">
        <f t="shared" si="124"/>
        <v>1.5244441981353682</v>
      </c>
    </row>
    <row r="7949" spans="8:19" x14ac:dyDescent="0.3">
      <c r="H7949" s="44">
        <v>7942</v>
      </c>
      <c r="I7949" s="56">
        <f>Bühler!I7975</f>
        <v>0.25585077451222965</v>
      </c>
      <c r="J7949" s="59">
        <f>Bühler!J7975</f>
        <v>0.85283591504076561</v>
      </c>
      <c r="K7949" s="59">
        <f>Bühler!K7975</f>
        <v>1.2792538725611484</v>
      </c>
      <c r="L7949" s="59">
        <f>Bühler!L7975</f>
        <v>6.1404185882935121</v>
      </c>
      <c r="M7949" s="58">
        <f>Bühler!M7975</f>
        <v>0</v>
      </c>
      <c r="N7949" s="56">
        <f>IF(Input!$D$19=1,J7949*Input!$C$19,0)+IF(Input!$D$20=1,K7949*Input!$C$20,0)+IF(Input!$D$21=1,L7949*Input!$C$21,0)+IF(Input!$D$22=1,M7949*Input!$C$22,0)</f>
        <v>0.25585077451222965</v>
      </c>
      <c r="O7949" s="59">
        <f>IF(Input!$D$19=2,J7949*Input!$C$19,0)+IF(Input!$D$20=2,K7949*Input!$C$20,0)+IF(Input!$D$21=2,L7949*Input!$C$21,0)+IF(Input!$D$22=2,M7949*Input!$C$22,0)</f>
        <v>0.63962693628057421</v>
      </c>
      <c r="P7949" s="59">
        <f>IF(Input!$D$19=3,J7949*Input!$C$19,0)+IF(Input!$D$20=3,K7949*Input!$C$20,0)+IF(Input!$D$21=3,L7949*Input!$C$21,0)+IF(Input!$D$22=3,M7949*Input!$C$22,0)</f>
        <v>0</v>
      </c>
      <c r="Q7949" s="75">
        <f>IF(Input!$D$19=4,J7949*Input!$C$19,0)+IF(Input!$D$20=4,K7949*Input!$C$20,0)+IF(Input!$D$21=4,L7949*Input!$C$21,0)+IF(Input!$D$22=4,M7949*Input!$C$22,0)</f>
        <v>0</v>
      </c>
      <c r="R7949" s="58">
        <v>59.562969279800889</v>
      </c>
      <c r="S7949" s="124">
        <f t="shared" si="124"/>
        <v>1.1086866895529952</v>
      </c>
    </row>
    <row r="7950" spans="8:19" x14ac:dyDescent="0.3">
      <c r="H7950" s="44">
        <v>7943</v>
      </c>
      <c r="I7950" s="56">
        <f>Bühler!I7976</f>
        <v>0.25585077451222965</v>
      </c>
      <c r="J7950" s="59">
        <f>Bühler!J7976</f>
        <v>0.85283591504076561</v>
      </c>
      <c r="K7950" s="59">
        <f>Bühler!K7976</f>
        <v>1.2792538725611484</v>
      </c>
      <c r="L7950" s="59">
        <f>Bühler!L7976</f>
        <v>6.1404185882935121</v>
      </c>
      <c r="M7950" s="58">
        <f>Bühler!M7976</f>
        <v>0</v>
      </c>
      <c r="N7950" s="56">
        <f>IF(Input!$D$19=1,J7950*Input!$C$19,0)+IF(Input!$D$20=1,K7950*Input!$C$20,0)+IF(Input!$D$21=1,L7950*Input!$C$21,0)+IF(Input!$D$22=1,M7950*Input!$C$22,0)</f>
        <v>0.25585077451222965</v>
      </c>
      <c r="O7950" s="59">
        <f>IF(Input!$D$19=2,J7950*Input!$C$19,0)+IF(Input!$D$20=2,K7950*Input!$C$20,0)+IF(Input!$D$21=2,L7950*Input!$C$21,0)+IF(Input!$D$22=2,M7950*Input!$C$22,0)</f>
        <v>0.63962693628057421</v>
      </c>
      <c r="P7950" s="59">
        <f>IF(Input!$D$19=3,J7950*Input!$C$19,0)+IF(Input!$D$20=3,K7950*Input!$C$20,0)+IF(Input!$D$21=3,L7950*Input!$C$21,0)+IF(Input!$D$22=3,M7950*Input!$C$22,0)</f>
        <v>0</v>
      </c>
      <c r="Q7950" s="75">
        <f>IF(Input!$D$19=4,J7950*Input!$C$19,0)+IF(Input!$D$20=4,K7950*Input!$C$20,0)+IF(Input!$D$21=4,L7950*Input!$C$21,0)+IF(Input!$D$22=4,M7950*Input!$C$22,0)</f>
        <v>0</v>
      </c>
      <c r="R7950" s="58">
        <v>59.699557040372994</v>
      </c>
      <c r="S7950" s="124">
        <f t="shared" si="124"/>
        <v>1.1086866895529952</v>
      </c>
    </row>
    <row r="7951" spans="8:19" x14ac:dyDescent="0.3">
      <c r="H7951" s="44">
        <v>7944</v>
      </c>
      <c r="I7951" s="56">
        <f>Bühler!I7977</f>
        <v>0.25585077451222965</v>
      </c>
      <c r="J7951" s="59">
        <f>Bühler!J7977</f>
        <v>0.85283591504076561</v>
      </c>
      <c r="K7951" s="59">
        <f>Bühler!K7977</f>
        <v>1.2792538725611484</v>
      </c>
      <c r="L7951" s="59">
        <f>Bühler!L7977</f>
        <v>6.1404185882935121</v>
      </c>
      <c r="M7951" s="58">
        <f>Bühler!M7977</f>
        <v>0</v>
      </c>
      <c r="N7951" s="56">
        <f>IF(Input!$D$19=1,J7951*Input!$C$19,0)+IF(Input!$D$20=1,K7951*Input!$C$20,0)+IF(Input!$D$21=1,L7951*Input!$C$21,0)+IF(Input!$D$22=1,M7951*Input!$C$22,0)</f>
        <v>0.25585077451222965</v>
      </c>
      <c r="O7951" s="59">
        <f>IF(Input!$D$19=2,J7951*Input!$C$19,0)+IF(Input!$D$20=2,K7951*Input!$C$20,0)+IF(Input!$D$21=2,L7951*Input!$C$21,0)+IF(Input!$D$22=2,M7951*Input!$C$22,0)</f>
        <v>0.63962693628057421</v>
      </c>
      <c r="P7951" s="59">
        <f>IF(Input!$D$19=3,J7951*Input!$C$19,0)+IF(Input!$D$20=3,K7951*Input!$C$20,0)+IF(Input!$D$21=3,L7951*Input!$C$21,0)+IF(Input!$D$22=3,M7951*Input!$C$22,0)</f>
        <v>0</v>
      </c>
      <c r="Q7951" s="75">
        <f>IF(Input!$D$19=4,J7951*Input!$C$19,0)+IF(Input!$D$20=4,K7951*Input!$C$20,0)+IF(Input!$D$21=4,L7951*Input!$C$21,0)+IF(Input!$D$22=4,M7951*Input!$C$22,0)</f>
        <v>0</v>
      </c>
      <c r="R7951" s="58">
        <v>58.87506967141497</v>
      </c>
      <c r="S7951" s="124">
        <f t="shared" si="124"/>
        <v>1.1086866895529952</v>
      </c>
    </row>
    <row r="7952" spans="8:19" x14ac:dyDescent="0.3">
      <c r="H7952" s="44">
        <v>7945</v>
      </c>
      <c r="I7952" s="56">
        <f>Bühler!I7978</f>
        <v>0.23345643827312659</v>
      </c>
      <c r="J7952" s="59">
        <f>Bühler!J7978</f>
        <v>0.77818812757708866</v>
      </c>
      <c r="K7952" s="59">
        <f>Bühler!K7978</f>
        <v>1.1672821913656328</v>
      </c>
      <c r="L7952" s="59">
        <f>Bühler!L7978</f>
        <v>5.6029545185550376</v>
      </c>
      <c r="M7952" s="58">
        <f>Bühler!M7978</f>
        <v>0</v>
      </c>
      <c r="N7952" s="56">
        <f>IF(Input!$D$19=1,J7952*Input!$C$19,0)+IF(Input!$D$20=1,K7952*Input!$C$20,0)+IF(Input!$D$21=1,L7952*Input!$C$21,0)+IF(Input!$D$22=1,M7952*Input!$C$22,0)</f>
        <v>0.23345643827312659</v>
      </c>
      <c r="O7952" s="59">
        <f>IF(Input!$D$19=2,J7952*Input!$C$19,0)+IF(Input!$D$20=2,K7952*Input!$C$20,0)+IF(Input!$D$21=2,L7952*Input!$C$21,0)+IF(Input!$D$22=2,M7952*Input!$C$22,0)</f>
        <v>0.58364109568281641</v>
      </c>
      <c r="P7952" s="59">
        <f>IF(Input!$D$19=3,J7952*Input!$C$19,0)+IF(Input!$D$20=3,K7952*Input!$C$20,0)+IF(Input!$D$21=3,L7952*Input!$C$21,0)+IF(Input!$D$22=3,M7952*Input!$C$22,0)</f>
        <v>0</v>
      </c>
      <c r="Q7952" s="75">
        <f>IF(Input!$D$19=4,J7952*Input!$C$19,0)+IF(Input!$D$20=4,K7952*Input!$C$20,0)+IF(Input!$D$21=4,L7952*Input!$C$21,0)+IF(Input!$D$22=4,M7952*Input!$C$22,0)</f>
        <v>0</v>
      </c>
      <c r="R7952" s="58">
        <v>58.495218051318332</v>
      </c>
      <c r="S7952" s="124">
        <f t="shared" si="124"/>
        <v>1.0116445658502153</v>
      </c>
    </row>
    <row r="7953" spans="8:19" x14ac:dyDescent="0.3">
      <c r="H7953" s="44">
        <v>7946</v>
      </c>
      <c r="I7953" s="56">
        <f>Bühler!I7979</f>
        <v>0.26263849305726733</v>
      </c>
      <c r="J7953" s="59">
        <f>Bühler!J7979</f>
        <v>0.87546164352422451</v>
      </c>
      <c r="K7953" s="59">
        <f>Bühler!K7979</f>
        <v>1.3131924652863367</v>
      </c>
      <c r="L7953" s="59">
        <f>Bühler!L7979</f>
        <v>6.3033238333744155</v>
      </c>
      <c r="M7953" s="58">
        <f>Bühler!M7979</f>
        <v>0</v>
      </c>
      <c r="N7953" s="56">
        <f>IF(Input!$D$19=1,J7953*Input!$C$19,0)+IF(Input!$D$20=1,K7953*Input!$C$20,0)+IF(Input!$D$21=1,L7953*Input!$C$21,0)+IF(Input!$D$22=1,M7953*Input!$C$22,0)</f>
        <v>0.26263849305726733</v>
      </c>
      <c r="O7953" s="59">
        <f>IF(Input!$D$19=2,J7953*Input!$C$19,0)+IF(Input!$D$20=2,K7953*Input!$C$20,0)+IF(Input!$D$21=2,L7953*Input!$C$21,0)+IF(Input!$D$22=2,M7953*Input!$C$22,0)</f>
        <v>0.65659623264316835</v>
      </c>
      <c r="P7953" s="59">
        <f>IF(Input!$D$19=3,J7953*Input!$C$19,0)+IF(Input!$D$20=3,K7953*Input!$C$20,0)+IF(Input!$D$21=3,L7953*Input!$C$21,0)+IF(Input!$D$22=3,M7953*Input!$C$22,0)</f>
        <v>0</v>
      </c>
      <c r="Q7953" s="75">
        <f>IF(Input!$D$19=4,J7953*Input!$C$19,0)+IF(Input!$D$20=4,K7953*Input!$C$20,0)+IF(Input!$D$21=4,L7953*Input!$C$21,0)+IF(Input!$D$22=4,M7953*Input!$C$22,0)</f>
        <v>0</v>
      </c>
      <c r="R7953" s="58">
        <v>59.666224291149661</v>
      </c>
      <c r="S7953" s="124">
        <f t="shared" si="124"/>
        <v>1.1381001365814918</v>
      </c>
    </row>
    <row r="7954" spans="8:19" x14ac:dyDescent="0.3">
      <c r="H7954" s="44">
        <v>7947</v>
      </c>
      <c r="I7954" s="56">
        <f>Bühler!I7980</f>
        <v>0.26263849305726733</v>
      </c>
      <c r="J7954" s="59">
        <f>Bühler!J7980</f>
        <v>0.87546164352422451</v>
      </c>
      <c r="K7954" s="59">
        <f>Bühler!K7980</f>
        <v>1.3131924652863367</v>
      </c>
      <c r="L7954" s="59">
        <f>Bühler!L7980</f>
        <v>6.3033238333744155</v>
      </c>
      <c r="M7954" s="58">
        <f>Bühler!M7980</f>
        <v>0</v>
      </c>
      <c r="N7954" s="56">
        <f>IF(Input!$D$19=1,J7954*Input!$C$19,0)+IF(Input!$D$20=1,K7954*Input!$C$20,0)+IF(Input!$D$21=1,L7954*Input!$C$21,0)+IF(Input!$D$22=1,M7954*Input!$C$22,0)</f>
        <v>0.26263849305726733</v>
      </c>
      <c r="O7954" s="59">
        <f>IF(Input!$D$19=2,J7954*Input!$C$19,0)+IF(Input!$D$20=2,K7954*Input!$C$20,0)+IF(Input!$D$21=2,L7954*Input!$C$21,0)+IF(Input!$D$22=2,M7954*Input!$C$22,0)</f>
        <v>0.65659623264316835</v>
      </c>
      <c r="P7954" s="59">
        <f>IF(Input!$D$19=3,J7954*Input!$C$19,0)+IF(Input!$D$20=3,K7954*Input!$C$20,0)+IF(Input!$D$21=3,L7954*Input!$C$21,0)+IF(Input!$D$22=3,M7954*Input!$C$22,0)</f>
        <v>0</v>
      </c>
      <c r="Q7954" s="75">
        <f>IF(Input!$D$19=4,J7954*Input!$C$19,0)+IF(Input!$D$20=4,K7954*Input!$C$20,0)+IF(Input!$D$21=4,L7954*Input!$C$21,0)+IF(Input!$D$22=4,M7954*Input!$C$22,0)</f>
        <v>0</v>
      </c>
      <c r="R7954" s="58">
        <v>60.487885241527366</v>
      </c>
      <c r="S7954" s="124">
        <f t="shared" si="124"/>
        <v>1.1381001365814918</v>
      </c>
    </row>
    <row r="7955" spans="8:19" x14ac:dyDescent="0.3">
      <c r="H7955" s="44">
        <v>7948</v>
      </c>
      <c r="I7955" s="56">
        <f>Bühler!I7981</f>
        <v>0.26263849305726733</v>
      </c>
      <c r="J7955" s="59">
        <f>Bühler!J7981</f>
        <v>0.87546164352422451</v>
      </c>
      <c r="K7955" s="59">
        <f>Bühler!K7981</f>
        <v>1.3131924652863367</v>
      </c>
      <c r="L7955" s="59">
        <f>Bühler!L7981</f>
        <v>6.3033238333744155</v>
      </c>
      <c r="M7955" s="58">
        <f>Bühler!M7981</f>
        <v>0</v>
      </c>
      <c r="N7955" s="56">
        <f>IF(Input!$D$19=1,J7955*Input!$C$19,0)+IF(Input!$D$20=1,K7955*Input!$C$20,0)+IF(Input!$D$21=1,L7955*Input!$C$21,0)+IF(Input!$D$22=1,M7955*Input!$C$22,0)</f>
        <v>0.26263849305726733</v>
      </c>
      <c r="O7955" s="59">
        <f>IF(Input!$D$19=2,J7955*Input!$C$19,0)+IF(Input!$D$20=2,K7955*Input!$C$20,0)+IF(Input!$D$21=2,L7955*Input!$C$21,0)+IF(Input!$D$22=2,M7955*Input!$C$22,0)</f>
        <v>0.65659623264316835</v>
      </c>
      <c r="P7955" s="59">
        <f>IF(Input!$D$19=3,J7955*Input!$C$19,0)+IF(Input!$D$20=3,K7955*Input!$C$20,0)+IF(Input!$D$21=3,L7955*Input!$C$21,0)+IF(Input!$D$22=3,M7955*Input!$C$22,0)</f>
        <v>0</v>
      </c>
      <c r="Q7955" s="75">
        <f>IF(Input!$D$19=4,J7955*Input!$C$19,0)+IF(Input!$D$20=4,K7955*Input!$C$20,0)+IF(Input!$D$21=4,L7955*Input!$C$21,0)+IF(Input!$D$22=4,M7955*Input!$C$22,0)</f>
        <v>0</v>
      </c>
      <c r="R7955" s="58">
        <v>61.017984592730173</v>
      </c>
      <c r="S7955" s="124">
        <f t="shared" si="124"/>
        <v>1.1381001365814918</v>
      </c>
    </row>
    <row r="7956" spans="8:19" x14ac:dyDescent="0.3">
      <c r="H7956" s="44">
        <v>7949</v>
      </c>
      <c r="I7956" s="56">
        <f>Bühler!I7982</f>
        <v>0.26263849305726733</v>
      </c>
      <c r="J7956" s="59">
        <f>Bühler!J7982</f>
        <v>0.87546164352422451</v>
      </c>
      <c r="K7956" s="59">
        <f>Bühler!K7982</f>
        <v>1.3131924652863367</v>
      </c>
      <c r="L7956" s="59">
        <f>Bühler!L7982</f>
        <v>6.3033238333744155</v>
      </c>
      <c r="M7956" s="58">
        <f>Bühler!M7982</f>
        <v>0</v>
      </c>
      <c r="N7956" s="56">
        <f>IF(Input!$D$19=1,J7956*Input!$C$19,0)+IF(Input!$D$20=1,K7956*Input!$C$20,0)+IF(Input!$D$21=1,L7956*Input!$C$21,0)+IF(Input!$D$22=1,M7956*Input!$C$22,0)</f>
        <v>0.26263849305726733</v>
      </c>
      <c r="O7956" s="59">
        <f>IF(Input!$D$19=2,J7956*Input!$C$19,0)+IF(Input!$D$20=2,K7956*Input!$C$20,0)+IF(Input!$D$21=2,L7956*Input!$C$21,0)+IF(Input!$D$22=2,M7956*Input!$C$22,0)</f>
        <v>0.65659623264316835</v>
      </c>
      <c r="P7956" s="59">
        <f>IF(Input!$D$19=3,J7956*Input!$C$19,0)+IF(Input!$D$20=3,K7956*Input!$C$20,0)+IF(Input!$D$21=3,L7956*Input!$C$21,0)+IF(Input!$D$22=3,M7956*Input!$C$22,0)</f>
        <v>0</v>
      </c>
      <c r="Q7956" s="75">
        <f>IF(Input!$D$19=4,J7956*Input!$C$19,0)+IF(Input!$D$20=4,K7956*Input!$C$20,0)+IF(Input!$D$21=4,L7956*Input!$C$21,0)+IF(Input!$D$22=4,M7956*Input!$C$22,0)</f>
        <v>0</v>
      </c>
      <c r="R7956" s="58">
        <v>62.071983234592103</v>
      </c>
      <c r="S7956" s="124">
        <f t="shared" si="124"/>
        <v>1.1381001365814918</v>
      </c>
    </row>
    <row r="7957" spans="8:19" x14ac:dyDescent="0.3">
      <c r="H7957" s="44">
        <v>7950</v>
      </c>
      <c r="I7957" s="56">
        <f>Bühler!I7983</f>
        <v>0.33851183549603353</v>
      </c>
      <c r="J7957" s="59">
        <f>Bühler!J7983</f>
        <v>1.1283727849867784</v>
      </c>
      <c r="K7957" s="59">
        <f>Bühler!K7983</f>
        <v>1.6925591774801676</v>
      </c>
      <c r="L7957" s="59">
        <f>Bühler!L7983</f>
        <v>8.1242840519048034</v>
      </c>
      <c r="M7957" s="58">
        <f>Bühler!M7983</f>
        <v>0</v>
      </c>
      <c r="N7957" s="56">
        <f>IF(Input!$D$19=1,J7957*Input!$C$19,0)+IF(Input!$D$20=1,K7957*Input!$C$20,0)+IF(Input!$D$21=1,L7957*Input!$C$21,0)+IF(Input!$D$22=1,M7957*Input!$C$22,0)</f>
        <v>0.33851183549603353</v>
      </c>
      <c r="O7957" s="59">
        <f>IF(Input!$D$19=2,J7957*Input!$C$19,0)+IF(Input!$D$20=2,K7957*Input!$C$20,0)+IF(Input!$D$21=2,L7957*Input!$C$21,0)+IF(Input!$D$22=2,M7957*Input!$C$22,0)</f>
        <v>0.8462795887400838</v>
      </c>
      <c r="P7957" s="59">
        <f>IF(Input!$D$19=3,J7957*Input!$C$19,0)+IF(Input!$D$20=3,K7957*Input!$C$20,0)+IF(Input!$D$21=3,L7957*Input!$C$21,0)+IF(Input!$D$22=3,M7957*Input!$C$22,0)</f>
        <v>0</v>
      </c>
      <c r="Q7957" s="75">
        <f>IF(Input!$D$19=4,J7957*Input!$C$19,0)+IF(Input!$D$20=4,K7957*Input!$C$20,0)+IF(Input!$D$21=4,L7957*Input!$C$21,0)+IF(Input!$D$22=4,M7957*Input!$C$22,0)</f>
        <v>0</v>
      </c>
      <c r="R7957" s="58">
        <v>64.91766035137681</v>
      </c>
      <c r="S7957" s="124">
        <f t="shared" si="124"/>
        <v>1.4668846204828119</v>
      </c>
    </row>
    <row r="7958" spans="8:19" x14ac:dyDescent="0.3">
      <c r="H7958" s="44">
        <v>7951</v>
      </c>
      <c r="I7958" s="56">
        <f>Bühler!I7984</f>
        <v>0.39103953410748699</v>
      </c>
      <c r="J7958" s="59">
        <f>Bühler!J7984</f>
        <v>1.3034651136916233</v>
      </c>
      <c r="K7958" s="59">
        <f>Bühler!K7984</f>
        <v>1.955197670537435</v>
      </c>
      <c r="L7958" s="59">
        <f>Bühler!L7984</f>
        <v>9.3849488185796872</v>
      </c>
      <c r="M7958" s="58">
        <f>Bühler!M7984</f>
        <v>0</v>
      </c>
      <c r="N7958" s="56">
        <f>IF(Input!$D$19=1,J7958*Input!$C$19,0)+IF(Input!$D$20=1,K7958*Input!$C$20,0)+IF(Input!$D$21=1,L7958*Input!$C$21,0)+IF(Input!$D$22=1,M7958*Input!$C$22,0)</f>
        <v>0.39103953410748699</v>
      </c>
      <c r="O7958" s="59">
        <f>IF(Input!$D$19=2,J7958*Input!$C$19,0)+IF(Input!$D$20=2,K7958*Input!$C$20,0)+IF(Input!$D$21=2,L7958*Input!$C$21,0)+IF(Input!$D$22=2,M7958*Input!$C$22,0)</f>
        <v>0.97759883526871749</v>
      </c>
      <c r="P7958" s="59">
        <f>IF(Input!$D$19=3,J7958*Input!$C$19,0)+IF(Input!$D$20=3,K7958*Input!$C$20,0)+IF(Input!$D$21=3,L7958*Input!$C$21,0)+IF(Input!$D$22=3,M7958*Input!$C$22,0)</f>
        <v>0</v>
      </c>
      <c r="Q7958" s="75">
        <f>IF(Input!$D$19=4,J7958*Input!$C$19,0)+IF(Input!$D$20=4,K7958*Input!$C$20,0)+IF(Input!$D$21=4,L7958*Input!$C$21,0)+IF(Input!$D$22=4,M7958*Input!$C$22,0)</f>
        <v>0</v>
      </c>
      <c r="R7958" s="58">
        <v>67.94261122201145</v>
      </c>
      <c r="S7958" s="124">
        <f t="shared" si="124"/>
        <v>1.6945046477991104</v>
      </c>
    </row>
    <row r="7959" spans="8:19" x14ac:dyDescent="0.3">
      <c r="H7959" s="44">
        <v>7952</v>
      </c>
      <c r="I7959" s="56">
        <f>Bühler!I7985</f>
        <v>0.39103953410748699</v>
      </c>
      <c r="J7959" s="59">
        <f>Bühler!J7985</f>
        <v>1.3034651136916233</v>
      </c>
      <c r="K7959" s="59">
        <f>Bühler!K7985</f>
        <v>1.955197670537435</v>
      </c>
      <c r="L7959" s="59">
        <f>Bühler!L7985</f>
        <v>9.3849488185796872</v>
      </c>
      <c r="M7959" s="58">
        <f>Bühler!M7985</f>
        <v>0</v>
      </c>
      <c r="N7959" s="56">
        <f>IF(Input!$D$19=1,J7959*Input!$C$19,0)+IF(Input!$D$20=1,K7959*Input!$C$20,0)+IF(Input!$D$21=1,L7959*Input!$C$21,0)+IF(Input!$D$22=1,M7959*Input!$C$22,0)</f>
        <v>0.39103953410748699</v>
      </c>
      <c r="O7959" s="59">
        <f>IF(Input!$D$19=2,J7959*Input!$C$19,0)+IF(Input!$D$20=2,K7959*Input!$C$20,0)+IF(Input!$D$21=2,L7959*Input!$C$21,0)+IF(Input!$D$22=2,M7959*Input!$C$22,0)</f>
        <v>0.97759883526871749</v>
      </c>
      <c r="P7959" s="59">
        <f>IF(Input!$D$19=3,J7959*Input!$C$19,0)+IF(Input!$D$20=3,K7959*Input!$C$20,0)+IF(Input!$D$21=3,L7959*Input!$C$21,0)+IF(Input!$D$22=3,M7959*Input!$C$22,0)</f>
        <v>0</v>
      </c>
      <c r="Q7959" s="75">
        <f>IF(Input!$D$19=4,J7959*Input!$C$19,0)+IF(Input!$D$20=4,K7959*Input!$C$20,0)+IF(Input!$D$21=4,L7959*Input!$C$21,0)+IF(Input!$D$22=4,M7959*Input!$C$22,0)</f>
        <v>0</v>
      </c>
      <c r="R7959" s="58">
        <v>69.032401332868346</v>
      </c>
      <c r="S7959" s="124">
        <f t="shared" si="124"/>
        <v>1.6945046477991104</v>
      </c>
    </row>
    <row r="7960" spans="8:19" x14ac:dyDescent="0.3">
      <c r="H7960" s="44">
        <v>7953</v>
      </c>
      <c r="I7960" s="56">
        <f>Bühler!I7986</f>
        <v>0.39103953410748699</v>
      </c>
      <c r="J7960" s="59">
        <f>Bühler!J7986</f>
        <v>1.3034651136916233</v>
      </c>
      <c r="K7960" s="59">
        <f>Bühler!K7986</f>
        <v>1.955197670537435</v>
      </c>
      <c r="L7960" s="59">
        <f>Bühler!L7986</f>
        <v>9.3849488185796872</v>
      </c>
      <c r="M7960" s="58">
        <f>Bühler!M7986</f>
        <v>0</v>
      </c>
      <c r="N7960" s="56">
        <f>IF(Input!$D$19=1,J7960*Input!$C$19,0)+IF(Input!$D$20=1,K7960*Input!$C$20,0)+IF(Input!$D$21=1,L7960*Input!$C$21,0)+IF(Input!$D$22=1,M7960*Input!$C$22,0)</f>
        <v>0.39103953410748699</v>
      </c>
      <c r="O7960" s="59">
        <f>IF(Input!$D$19=2,J7960*Input!$C$19,0)+IF(Input!$D$20=2,K7960*Input!$C$20,0)+IF(Input!$D$21=2,L7960*Input!$C$21,0)+IF(Input!$D$22=2,M7960*Input!$C$22,0)</f>
        <v>0.97759883526871749</v>
      </c>
      <c r="P7960" s="59">
        <f>IF(Input!$D$19=3,J7960*Input!$C$19,0)+IF(Input!$D$20=3,K7960*Input!$C$20,0)+IF(Input!$D$21=3,L7960*Input!$C$21,0)+IF(Input!$D$22=3,M7960*Input!$C$22,0)</f>
        <v>0</v>
      </c>
      <c r="Q7960" s="75">
        <f>IF(Input!$D$19=4,J7960*Input!$C$19,0)+IF(Input!$D$20=4,K7960*Input!$C$20,0)+IF(Input!$D$21=4,L7960*Input!$C$21,0)+IF(Input!$D$22=4,M7960*Input!$C$22,0)</f>
        <v>0</v>
      </c>
      <c r="R7960" s="58">
        <v>70.287572176566684</v>
      </c>
      <c r="S7960" s="124">
        <f t="shared" si="124"/>
        <v>1.6945046477991104</v>
      </c>
    </row>
    <row r="7961" spans="8:19" x14ac:dyDescent="0.3">
      <c r="H7961" s="44">
        <v>7954</v>
      </c>
      <c r="I7961" s="56">
        <f>Bühler!I7987</f>
        <v>0.42022158889162781</v>
      </c>
      <c r="J7961" s="59">
        <f>Bühler!J7987</f>
        <v>1.4007386296387594</v>
      </c>
      <c r="K7961" s="59">
        <f>Bühler!K7987</f>
        <v>2.1011079444581391</v>
      </c>
      <c r="L7961" s="59">
        <f>Bühler!L7987</f>
        <v>10.085318133399067</v>
      </c>
      <c r="M7961" s="58">
        <f>Bühler!M7987</f>
        <v>0</v>
      </c>
      <c r="N7961" s="56">
        <f>IF(Input!$D$19=1,J7961*Input!$C$19,0)+IF(Input!$D$20=1,K7961*Input!$C$20,0)+IF(Input!$D$21=1,L7961*Input!$C$21,0)+IF(Input!$D$22=1,M7961*Input!$C$22,0)</f>
        <v>0.42022158889162781</v>
      </c>
      <c r="O7961" s="59">
        <f>IF(Input!$D$19=2,J7961*Input!$C$19,0)+IF(Input!$D$20=2,K7961*Input!$C$20,0)+IF(Input!$D$21=2,L7961*Input!$C$21,0)+IF(Input!$D$22=2,M7961*Input!$C$22,0)</f>
        <v>1.0505539722290695</v>
      </c>
      <c r="P7961" s="59">
        <f>IF(Input!$D$19=3,J7961*Input!$C$19,0)+IF(Input!$D$20=3,K7961*Input!$C$20,0)+IF(Input!$D$21=3,L7961*Input!$C$21,0)+IF(Input!$D$22=3,M7961*Input!$C$22,0)</f>
        <v>0</v>
      </c>
      <c r="Q7961" s="75">
        <f>IF(Input!$D$19=4,J7961*Input!$C$19,0)+IF(Input!$D$20=4,K7961*Input!$C$20,0)+IF(Input!$D$21=4,L7961*Input!$C$21,0)+IF(Input!$D$22=4,M7961*Input!$C$22,0)</f>
        <v>0</v>
      </c>
      <c r="R7961" s="58">
        <v>70.483473911129664</v>
      </c>
      <c r="S7961" s="124">
        <f t="shared" si="124"/>
        <v>1.8209602185303873</v>
      </c>
    </row>
    <row r="7962" spans="8:19" x14ac:dyDescent="0.3">
      <c r="H7962" s="44">
        <v>7955</v>
      </c>
      <c r="I7962" s="56">
        <f>Bühler!I7988</f>
        <v>0.45524005463259676</v>
      </c>
      <c r="J7962" s="59">
        <f>Bühler!J7988</f>
        <v>1.5174668487753227</v>
      </c>
      <c r="K7962" s="59">
        <f>Bühler!K7988</f>
        <v>2.276200273162984</v>
      </c>
      <c r="L7962" s="59">
        <f>Bühler!L7988</f>
        <v>10.925761311182322</v>
      </c>
      <c r="M7962" s="58">
        <f>Bühler!M7988</f>
        <v>0</v>
      </c>
      <c r="N7962" s="56">
        <f>IF(Input!$D$19=1,J7962*Input!$C$19,0)+IF(Input!$D$20=1,K7962*Input!$C$20,0)+IF(Input!$D$21=1,L7962*Input!$C$21,0)+IF(Input!$D$22=1,M7962*Input!$C$22,0)</f>
        <v>0.45524005463259676</v>
      </c>
      <c r="O7962" s="59">
        <f>IF(Input!$D$19=2,J7962*Input!$C$19,0)+IF(Input!$D$20=2,K7962*Input!$C$20,0)+IF(Input!$D$21=2,L7962*Input!$C$21,0)+IF(Input!$D$22=2,M7962*Input!$C$22,0)</f>
        <v>1.138100136581492</v>
      </c>
      <c r="P7962" s="59">
        <f>IF(Input!$D$19=3,J7962*Input!$C$19,0)+IF(Input!$D$20=3,K7962*Input!$C$20,0)+IF(Input!$D$21=3,L7962*Input!$C$21,0)+IF(Input!$D$22=3,M7962*Input!$C$22,0)</f>
        <v>0</v>
      </c>
      <c r="Q7962" s="75">
        <f>IF(Input!$D$19=4,J7962*Input!$C$19,0)+IF(Input!$D$20=4,K7962*Input!$C$20,0)+IF(Input!$D$21=4,L7962*Input!$C$21,0)+IF(Input!$D$22=4,M7962*Input!$C$22,0)</f>
        <v>0</v>
      </c>
      <c r="R7962" s="58">
        <v>71.080941109242346</v>
      </c>
      <c r="S7962" s="124">
        <f t="shared" si="124"/>
        <v>1.9727069034079194</v>
      </c>
    </row>
    <row r="7963" spans="8:19" x14ac:dyDescent="0.3">
      <c r="H7963" s="44">
        <v>7956</v>
      </c>
      <c r="I7963" s="56">
        <f>Bühler!I7989</f>
        <v>0.52527698611453466</v>
      </c>
      <c r="J7963" s="59">
        <f>Bühler!J7989</f>
        <v>1.750923287048449</v>
      </c>
      <c r="K7963" s="59">
        <f>Bühler!K7989</f>
        <v>2.6263849305726734</v>
      </c>
      <c r="L7963" s="59">
        <f>Bühler!L7989</f>
        <v>12.606647666748831</v>
      </c>
      <c r="M7963" s="58">
        <f>Bühler!M7989</f>
        <v>0</v>
      </c>
      <c r="N7963" s="56">
        <f>IF(Input!$D$19=1,J7963*Input!$C$19,0)+IF(Input!$D$20=1,K7963*Input!$C$20,0)+IF(Input!$D$21=1,L7963*Input!$C$21,0)+IF(Input!$D$22=1,M7963*Input!$C$22,0)</f>
        <v>0.52527698611453466</v>
      </c>
      <c r="O7963" s="59">
        <f>IF(Input!$D$19=2,J7963*Input!$C$19,0)+IF(Input!$D$20=2,K7963*Input!$C$20,0)+IF(Input!$D$21=2,L7963*Input!$C$21,0)+IF(Input!$D$22=2,M7963*Input!$C$22,0)</f>
        <v>1.3131924652863367</v>
      </c>
      <c r="P7963" s="59">
        <f>IF(Input!$D$19=3,J7963*Input!$C$19,0)+IF(Input!$D$20=3,K7963*Input!$C$20,0)+IF(Input!$D$21=3,L7963*Input!$C$21,0)+IF(Input!$D$22=3,M7963*Input!$C$22,0)</f>
        <v>0</v>
      </c>
      <c r="Q7963" s="75">
        <f>IF(Input!$D$19=4,J7963*Input!$C$19,0)+IF(Input!$D$20=4,K7963*Input!$C$20,0)+IF(Input!$D$21=4,L7963*Input!$C$21,0)+IF(Input!$D$22=4,M7963*Input!$C$22,0)</f>
        <v>0</v>
      </c>
      <c r="R7963" s="58">
        <v>70.793399032532719</v>
      </c>
      <c r="S7963" s="124">
        <f t="shared" si="124"/>
        <v>2.2762002731629836</v>
      </c>
    </row>
    <row r="7964" spans="8:19" x14ac:dyDescent="0.3">
      <c r="H7964" s="44">
        <v>7957</v>
      </c>
      <c r="I7964" s="56">
        <f>Bühler!I7990</f>
        <v>0.52527698611453466</v>
      </c>
      <c r="J7964" s="59">
        <f>Bühler!J7990</f>
        <v>1.750923287048449</v>
      </c>
      <c r="K7964" s="59">
        <f>Bühler!K7990</f>
        <v>2.6263849305726734</v>
      </c>
      <c r="L7964" s="59">
        <f>Bühler!L7990</f>
        <v>12.606647666748831</v>
      </c>
      <c r="M7964" s="58">
        <f>Bühler!M7990</f>
        <v>0</v>
      </c>
      <c r="N7964" s="56">
        <f>IF(Input!$D$19=1,J7964*Input!$C$19,0)+IF(Input!$D$20=1,K7964*Input!$C$20,0)+IF(Input!$D$21=1,L7964*Input!$C$21,0)+IF(Input!$D$22=1,M7964*Input!$C$22,0)</f>
        <v>0.52527698611453466</v>
      </c>
      <c r="O7964" s="59">
        <f>IF(Input!$D$19=2,J7964*Input!$C$19,0)+IF(Input!$D$20=2,K7964*Input!$C$20,0)+IF(Input!$D$21=2,L7964*Input!$C$21,0)+IF(Input!$D$22=2,M7964*Input!$C$22,0)</f>
        <v>1.3131924652863367</v>
      </c>
      <c r="P7964" s="59">
        <f>IF(Input!$D$19=3,J7964*Input!$C$19,0)+IF(Input!$D$20=3,K7964*Input!$C$20,0)+IF(Input!$D$21=3,L7964*Input!$C$21,0)+IF(Input!$D$22=3,M7964*Input!$C$22,0)</f>
        <v>0</v>
      </c>
      <c r="Q7964" s="75">
        <f>IF(Input!$D$19=4,J7964*Input!$C$19,0)+IF(Input!$D$20=4,K7964*Input!$C$20,0)+IF(Input!$D$21=4,L7964*Input!$C$21,0)+IF(Input!$D$22=4,M7964*Input!$C$22,0)</f>
        <v>0</v>
      </c>
      <c r="R7964" s="58">
        <v>69.635999492314014</v>
      </c>
      <c r="S7964" s="124">
        <f t="shared" si="124"/>
        <v>2.2762002731629836</v>
      </c>
    </row>
    <row r="7965" spans="8:19" x14ac:dyDescent="0.3">
      <c r="H7965" s="44">
        <v>7958</v>
      </c>
      <c r="I7965" s="56">
        <f>Bühler!I7991</f>
        <v>0.52527698611453466</v>
      </c>
      <c r="J7965" s="59">
        <f>Bühler!J7991</f>
        <v>1.750923287048449</v>
      </c>
      <c r="K7965" s="59">
        <f>Bühler!K7991</f>
        <v>2.6263849305726734</v>
      </c>
      <c r="L7965" s="59">
        <f>Bühler!L7991</f>
        <v>12.606647666748831</v>
      </c>
      <c r="M7965" s="58">
        <f>Bühler!M7991</f>
        <v>0</v>
      </c>
      <c r="N7965" s="56">
        <f>IF(Input!$D$19=1,J7965*Input!$C$19,0)+IF(Input!$D$20=1,K7965*Input!$C$20,0)+IF(Input!$D$21=1,L7965*Input!$C$21,0)+IF(Input!$D$22=1,M7965*Input!$C$22,0)</f>
        <v>0.52527698611453466</v>
      </c>
      <c r="O7965" s="59">
        <f>IF(Input!$D$19=2,J7965*Input!$C$19,0)+IF(Input!$D$20=2,K7965*Input!$C$20,0)+IF(Input!$D$21=2,L7965*Input!$C$21,0)+IF(Input!$D$22=2,M7965*Input!$C$22,0)</f>
        <v>1.3131924652863367</v>
      </c>
      <c r="P7965" s="59">
        <f>IF(Input!$D$19=3,J7965*Input!$C$19,0)+IF(Input!$D$20=3,K7965*Input!$C$20,0)+IF(Input!$D$21=3,L7965*Input!$C$21,0)+IF(Input!$D$22=3,M7965*Input!$C$22,0)</f>
        <v>0</v>
      </c>
      <c r="Q7965" s="75">
        <f>IF(Input!$D$19=4,J7965*Input!$C$19,0)+IF(Input!$D$20=4,K7965*Input!$C$20,0)+IF(Input!$D$21=4,L7965*Input!$C$21,0)+IF(Input!$D$22=4,M7965*Input!$C$22,0)</f>
        <v>0</v>
      </c>
      <c r="R7965" s="58">
        <v>69.643258616434423</v>
      </c>
      <c r="S7965" s="124">
        <f t="shared" si="124"/>
        <v>2.2762002731629836</v>
      </c>
    </row>
    <row r="7966" spans="8:19" x14ac:dyDescent="0.3">
      <c r="H7966" s="44">
        <v>7959</v>
      </c>
      <c r="I7966" s="56">
        <f>Bühler!I7992</f>
        <v>0.52527698611453466</v>
      </c>
      <c r="J7966" s="59">
        <f>Bühler!J7992</f>
        <v>1.750923287048449</v>
      </c>
      <c r="K7966" s="59">
        <f>Bühler!K7992</f>
        <v>2.6263849305726734</v>
      </c>
      <c r="L7966" s="59">
        <f>Bühler!L7992</f>
        <v>12.606647666748831</v>
      </c>
      <c r="M7966" s="58">
        <f>Bühler!M7992</f>
        <v>0</v>
      </c>
      <c r="N7966" s="56">
        <f>IF(Input!$D$19=1,J7966*Input!$C$19,0)+IF(Input!$D$20=1,K7966*Input!$C$20,0)+IF(Input!$D$21=1,L7966*Input!$C$21,0)+IF(Input!$D$22=1,M7966*Input!$C$22,0)</f>
        <v>0.52527698611453466</v>
      </c>
      <c r="O7966" s="59">
        <f>IF(Input!$D$19=2,J7966*Input!$C$19,0)+IF(Input!$D$20=2,K7966*Input!$C$20,0)+IF(Input!$D$21=2,L7966*Input!$C$21,0)+IF(Input!$D$22=2,M7966*Input!$C$22,0)</f>
        <v>1.3131924652863367</v>
      </c>
      <c r="P7966" s="59">
        <f>IF(Input!$D$19=3,J7966*Input!$C$19,0)+IF(Input!$D$20=3,K7966*Input!$C$20,0)+IF(Input!$D$21=3,L7966*Input!$C$21,0)+IF(Input!$D$22=3,M7966*Input!$C$22,0)</f>
        <v>0</v>
      </c>
      <c r="Q7966" s="75">
        <f>IF(Input!$D$19=4,J7966*Input!$C$19,0)+IF(Input!$D$20=4,K7966*Input!$C$20,0)+IF(Input!$D$21=4,L7966*Input!$C$21,0)+IF(Input!$D$22=4,M7966*Input!$C$22,0)</f>
        <v>0</v>
      </c>
      <c r="R7966" s="58">
        <v>69.752672126809003</v>
      </c>
      <c r="S7966" s="124">
        <f t="shared" si="124"/>
        <v>2.2762002731629836</v>
      </c>
    </row>
    <row r="7967" spans="8:19" x14ac:dyDescent="0.3">
      <c r="H7967" s="44">
        <v>7960</v>
      </c>
      <c r="I7967" s="56">
        <f>Bühler!I7993</f>
        <v>0.52527698611453466</v>
      </c>
      <c r="J7967" s="59">
        <f>Bühler!J7993</f>
        <v>1.750923287048449</v>
      </c>
      <c r="K7967" s="59">
        <f>Bühler!K7993</f>
        <v>2.6263849305726734</v>
      </c>
      <c r="L7967" s="59">
        <f>Bühler!L7993</f>
        <v>12.606647666748831</v>
      </c>
      <c r="M7967" s="58">
        <f>Bühler!M7993</f>
        <v>0</v>
      </c>
      <c r="N7967" s="56">
        <f>IF(Input!$D$19=1,J7967*Input!$C$19,0)+IF(Input!$D$20=1,K7967*Input!$C$20,0)+IF(Input!$D$21=1,L7967*Input!$C$21,0)+IF(Input!$D$22=1,M7967*Input!$C$22,0)</f>
        <v>0.52527698611453466</v>
      </c>
      <c r="O7967" s="59">
        <f>IF(Input!$D$19=2,J7967*Input!$C$19,0)+IF(Input!$D$20=2,K7967*Input!$C$20,0)+IF(Input!$D$21=2,L7967*Input!$C$21,0)+IF(Input!$D$22=2,M7967*Input!$C$22,0)</f>
        <v>1.3131924652863367</v>
      </c>
      <c r="P7967" s="59">
        <f>IF(Input!$D$19=3,J7967*Input!$C$19,0)+IF(Input!$D$20=3,K7967*Input!$C$20,0)+IF(Input!$D$21=3,L7967*Input!$C$21,0)+IF(Input!$D$22=3,M7967*Input!$C$22,0)</f>
        <v>0</v>
      </c>
      <c r="Q7967" s="75">
        <f>IF(Input!$D$19=4,J7967*Input!$C$19,0)+IF(Input!$D$20=4,K7967*Input!$C$20,0)+IF(Input!$D$21=4,L7967*Input!$C$21,0)+IF(Input!$D$22=4,M7967*Input!$C$22,0)</f>
        <v>0</v>
      </c>
      <c r="R7967" s="58">
        <v>68.850901360536469</v>
      </c>
      <c r="S7967" s="124">
        <f t="shared" si="124"/>
        <v>2.2762002731629836</v>
      </c>
    </row>
    <row r="7968" spans="8:19" x14ac:dyDescent="0.3">
      <c r="H7968" s="44">
        <v>7961</v>
      </c>
      <c r="I7968" s="56">
        <f>Bühler!I7994</f>
        <v>0.52527698611453466</v>
      </c>
      <c r="J7968" s="59">
        <f>Bühler!J7994</f>
        <v>1.750923287048449</v>
      </c>
      <c r="K7968" s="59">
        <f>Bühler!K7994</f>
        <v>2.6263849305726734</v>
      </c>
      <c r="L7968" s="59">
        <f>Bühler!L7994</f>
        <v>12.606647666748831</v>
      </c>
      <c r="M7968" s="58">
        <f>Bühler!M7994</f>
        <v>0</v>
      </c>
      <c r="N7968" s="56">
        <f>IF(Input!$D$19=1,J7968*Input!$C$19,0)+IF(Input!$D$20=1,K7968*Input!$C$20,0)+IF(Input!$D$21=1,L7968*Input!$C$21,0)+IF(Input!$D$22=1,M7968*Input!$C$22,0)</f>
        <v>0.52527698611453466</v>
      </c>
      <c r="O7968" s="59">
        <f>IF(Input!$D$19=2,J7968*Input!$C$19,0)+IF(Input!$D$20=2,K7968*Input!$C$20,0)+IF(Input!$D$21=2,L7968*Input!$C$21,0)+IF(Input!$D$22=2,M7968*Input!$C$22,0)</f>
        <v>1.3131924652863367</v>
      </c>
      <c r="P7968" s="59">
        <f>IF(Input!$D$19=3,J7968*Input!$C$19,0)+IF(Input!$D$20=3,K7968*Input!$C$20,0)+IF(Input!$D$21=3,L7968*Input!$C$21,0)+IF(Input!$D$22=3,M7968*Input!$C$22,0)</f>
        <v>0</v>
      </c>
      <c r="Q7968" s="75">
        <f>IF(Input!$D$19=4,J7968*Input!$C$19,0)+IF(Input!$D$20=4,K7968*Input!$C$20,0)+IF(Input!$D$21=4,L7968*Input!$C$21,0)+IF(Input!$D$22=4,M7968*Input!$C$22,0)</f>
        <v>0</v>
      </c>
      <c r="R7968" s="58">
        <v>67.80569397019876</v>
      </c>
      <c r="S7968" s="124">
        <f t="shared" si="124"/>
        <v>2.2762002731629836</v>
      </c>
    </row>
    <row r="7969" spans="8:19" x14ac:dyDescent="0.3">
      <c r="H7969" s="44">
        <v>7962</v>
      </c>
      <c r="I7969" s="56">
        <f>Bühler!I7995</f>
        <v>0.52527698611453466</v>
      </c>
      <c r="J7969" s="59">
        <f>Bühler!J7995</f>
        <v>1.750923287048449</v>
      </c>
      <c r="K7969" s="59">
        <f>Bühler!K7995</f>
        <v>2.6263849305726734</v>
      </c>
      <c r="L7969" s="59">
        <f>Bühler!L7995</f>
        <v>12.606647666748831</v>
      </c>
      <c r="M7969" s="58">
        <f>Bühler!M7995</f>
        <v>0</v>
      </c>
      <c r="N7969" s="56">
        <f>IF(Input!$D$19=1,J7969*Input!$C$19,0)+IF(Input!$D$20=1,K7969*Input!$C$20,0)+IF(Input!$D$21=1,L7969*Input!$C$21,0)+IF(Input!$D$22=1,M7969*Input!$C$22,0)</f>
        <v>0.52527698611453466</v>
      </c>
      <c r="O7969" s="59">
        <f>IF(Input!$D$19=2,J7969*Input!$C$19,0)+IF(Input!$D$20=2,K7969*Input!$C$20,0)+IF(Input!$D$21=2,L7969*Input!$C$21,0)+IF(Input!$D$22=2,M7969*Input!$C$22,0)</f>
        <v>1.3131924652863367</v>
      </c>
      <c r="P7969" s="59">
        <f>IF(Input!$D$19=3,J7969*Input!$C$19,0)+IF(Input!$D$20=3,K7969*Input!$C$20,0)+IF(Input!$D$21=3,L7969*Input!$C$21,0)+IF(Input!$D$22=3,M7969*Input!$C$22,0)</f>
        <v>0</v>
      </c>
      <c r="Q7969" s="75">
        <f>IF(Input!$D$19=4,J7969*Input!$C$19,0)+IF(Input!$D$20=4,K7969*Input!$C$20,0)+IF(Input!$D$21=4,L7969*Input!$C$21,0)+IF(Input!$D$22=4,M7969*Input!$C$22,0)</f>
        <v>0</v>
      </c>
      <c r="R7969" s="58">
        <v>66.805279226253703</v>
      </c>
      <c r="S7969" s="124">
        <f t="shared" si="124"/>
        <v>2.2762002731629836</v>
      </c>
    </row>
    <row r="7970" spans="8:19" x14ac:dyDescent="0.3">
      <c r="H7970" s="44">
        <v>7963</v>
      </c>
      <c r="I7970" s="56">
        <f>Bühler!I7996</f>
        <v>0.52527698611453466</v>
      </c>
      <c r="J7970" s="59">
        <f>Bühler!J7996</f>
        <v>1.750923287048449</v>
      </c>
      <c r="K7970" s="59">
        <f>Bühler!K7996</f>
        <v>2.6263849305726734</v>
      </c>
      <c r="L7970" s="59">
        <f>Bühler!L7996</f>
        <v>12.606647666748831</v>
      </c>
      <c r="M7970" s="58">
        <f>Bühler!M7996</f>
        <v>0</v>
      </c>
      <c r="N7970" s="56">
        <f>IF(Input!$D$19=1,J7970*Input!$C$19,0)+IF(Input!$D$20=1,K7970*Input!$C$20,0)+IF(Input!$D$21=1,L7970*Input!$C$21,0)+IF(Input!$D$22=1,M7970*Input!$C$22,0)</f>
        <v>0.52527698611453466</v>
      </c>
      <c r="O7970" s="59">
        <f>IF(Input!$D$19=2,J7970*Input!$C$19,0)+IF(Input!$D$20=2,K7970*Input!$C$20,0)+IF(Input!$D$21=2,L7970*Input!$C$21,0)+IF(Input!$D$22=2,M7970*Input!$C$22,0)</f>
        <v>1.3131924652863367</v>
      </c>
      <c r="P7970" s="59">
        <f>IF(Input!$D$19=3,J7970*Input!$C$19,0)+IF(Input!$D$20=3,K7970*Input!$C$20,0)+IF(Input!$D$21=3,L7970*Input!$C$21,0)+IF(Input!$D$22=3,M7970*Input!$C$22,0)</f>
        <v>0</v>
      </c>
      <c r="Q7970" s="75">
        <f>IF(Input!$D$19=4,J7970*Input!$C$19,0)+IF(Input!$D$20=4,K7970*Input!$C$20,0)+IF(Input!$D$21=4,L7970*Input!$C$21,0)+IF(Input!$D$22=4,M7970*Input!$C$22,0)</f>
        <v>0</v>
      </c>
      <c r="R7970" s="58">
        <v>66.973502715921981</v>
      </c>
      <c r="S7970" s="124">
        <f t="shared" si="124"/>
        <v>2.2762002731629836</v>
      </c>
    </row>
    <row r="7971" spans="8:19" x14ac:dyDescent="0.3">
      <c r="H7971" s="44">
        <v>7964</v>
      </c>
      <c r="I7971" s="56">
        <f>Bühler!I7997</f>
        <v>0.43773082176211225</v>
      </c>
      <c r="J7971" s="59">
        <f>Bühler!J7997</f>
        <v>1.459102739207041</v>
      </c>
      <c r="K7971" s="59">
        <f>Bühler!K7997</f>
        <v>2.1886541088105611</v>
      </c>
      <c r="L7971" s="59">
        <f>Bühler!L7997</f>
        <v>10.505539722290694</v>
      </c>
      <c r="M7971" s="58">
        <f>Bühler!M7997</f>
        <v>0</v>
      </c>
      <c r="N7971" s="56">
        <f>IF(Input!$D$19=1,J7971*Input!$C$19,0)+IF(Input!$D$20=1,K7971*Input!$C$20,0)+IF(Input!$D$21=1,L7971*Input!$C$21,0)+IF(Input!$D$22=1,M7971*Input!$C$22,0)</f>
        <v>0.43773082176211231</v>
      </c>
      <c r="O7971" s="59">
        <f>IF(Input!$D$19=2,J7971*Input!$C$19,0)+IF(Input!$D$20=2,K7971*Input!$C$20,0)+IF(Input!$D$21=2,L7971*Input!$C$21,0)+IF(Input!$D$22=2,M7971*Input!$C$22,0)</f>
        <v>1.0943270544052806</v>
      </c>
      <c r="P7971" s="59">
        <f>IF(Input!$D$19=3,J7971*Input!$C$19,0)+IF(Input!$D$20=3,K7971*Input!$C$20,0)+IF(Input!$D$21=3,L7971*Input!$C$21,0)+IF(Input!$D$22=3,M7971*Input!$C$22,0)</f>
        <v>0</v>
      </c>
      <c r="Q7971" s="75">
        <f>IF(Input!$D$19=4,J7971*Input!$C$19,0)+IF(Input!$D$20=4,K7971*Input!$C$20,0)+IF(Input!$D$21=4,L7971*Input!$C$21,0)+IF(Input!$D$22=4,M7971*Input!$C$22,0)</f>
        <v>0</v>
      </c>
      <c r="R7971" s="58">
        <v>64.695304897017721</v>
      </c>
      <c r="S7971" s="124">
        <f t="shared" si="124"/>
        <v>1.8968335609691533</v>
      </c>
    </row>
    <row r="7972" spans="8:19" x14ac:dyDescent="0.3">
      <c r="H7972" s="44">
        <v>7965</v>
      </c>
      <c r="I7972" s="56">
        <f>Bühler!I7998</f>
        <v>0.35018465740968985</v>
      </c>
      <c r="J7972" s="59">
        <f>Bühler!J7998</f>
        <v>1.1672821913656328</v>
      </c>
      <c r="K7972" s="59">
        <f>Bühler!K7998</f>
        <v>1.7509232870484492</v>
      </c>
      <c r="L7972" s="59">
        <f>Bühler!L7998</f>
        <v>8.4044317778325563</v>
      </c>
      <c r="M7972" s="58">
        <f>Bühler!M7998</f>
        <v>0</v>
      </c>
      <c r="N7972" s="56">
        <f>IF(Input!$D$19=1,J7972*Input!$C$19,0)+IF(Input!$D$20=1,K7972*Input!$C$20,0)+IF(Input!$D$21=1,L7972*Input!$C$21,0)+IF(Input!$D$22=1,M7972*Input!$C$22,0)</f>
        <v>0.35018465740968985</v>
      </c>
      <c r="O7972" s="59">
        <f>IF(Input!$D$19=2,J7972*Input!$C$19,0)+IF(Input!$D$20=2,K7972*Input!$C$20,0)+IF(Input!$D$21=2,L7972*Input!$C$21,0)+IF(Input!$D$22=2,M7972*Input!$C$22,0)</f>
        <v>0.87546164352422462</v>
      </c>
      <c r="P7972" s="59">
        <f>IF(Input!$D$19=3,J7972*Input!$C$19,0)+IF(Input!$D$20=3,K7972*Input!$C$20,0)+IF(Input!$D$21=3,L7972*Input!$C$21,0)+IF(Input!$D$22=3,M7972*Input!$C$22,0)</f>
        <v>0</v>
      </c>
      <c r="Q7972" s="75">
        <f>IF(Input!$D$19=4,J7972*Input!$C$19,0)+IF(Input!$D$20=4,K7972*Input!$C$20,0)+IF(Input!$D$21=4,L7972*Input!$C$21,0)+IF(Input!$D$22=4,M7972*Input!$C$22,0)</f>
        <v>0</v>
      </c>
      <c r="R7972" s="58">
        <v>62.664734877400996</v>
      </c>
      <c r="S7972" s="124">
        <f t="shared" si="124"/>
        <v>1.5174668487753227</v>
      </c>
    </row>
    <row r="7973" spans="8:19" x14ac:dyDescent="0.3">
      <c r="H7973" s="44">
        <v>7966</v>
      </c>
      <c r="I7973" s="56">
        <f>Bühler!I7999</f>
        <v>0.26263849305726733</v>
      </c>
      <c r="J7973" s="59">
        <f>Bühler!J7999</f>
        <v>0.87546164352422451</v>
      </c>
      <c r="K7973" s="59">
        <f>Bühler!K7999</f>
        <v>1.3131924652863367</v>
      </c>
      <c r="L7973" s="59">
        <f>Bühler!L7999</f>
        <v>6.3033238333744155</v>
      </c>
      <c r="M7973" s="58">
        <f>Bühler!M7999</f>
        <v>0</v>
      </c>
      <c r="N7973" s="56">
        <f>IF(Input!$D$19=1,J7973*Input!$C$19,0)+IF(Input!$D$20=1,K7973*Input!$C$20,0)+IF(Input!$D$21=1,L7973*Input!$C$21,0)+IF(Input!$D$22=1,M7973*Input!$C$22,0)</f>
        <v>0.26263849305726733</v>
      </c>
      <c r="O7973" s="59">
        <f>IF(Input!$D$19=2,J7973*Input!$C$19,0)+IF(Input!$D$20=2,K7973*Input!$C$20,0)+IF(Input!$D$21=2,L7973*Input!$C$21,0)+IF(Input!$D$22=2,M7973*Input!$C$22,0)</f>
        <v>0.65659623264316835</v>
      </c>
      <c r="P7973" s="59">
        <f>IF(Input!$D$19=3,J7973*Input!$C$19,0)+IF(Input!$D$20=3,K7973*Input!$C$20,0)+IF(Input!$D$21=3,L7973*Input!$C$21,0)+IF(Input!$D$22=3,M7973*Input!$C$22,0)</f>
        <v>0</v>
      </c>
      <c r="Q7973" s="75">
        <f>IF(Input!$D$19=4,J7973*Input!$C$19,0)+IF(Input!$D$20=4,K7973*Input!$C$20,0)+IF(Input!$D$21=4,L7973*Input!$C$21,0)+IF(Input!$D$22=4,M7973*Input!$C$22,0)</f>
        <v>0</v>
      </c>
      <c r="R7973" s="58">
        <v>60.510287115412488</v>
      </c>
      <c r="S7973" s="124">
        <f t="shared" si="124"/>
        <v>1.1381001365814918</v>
      </c>
    </row>
    <row r="7974" spans="8:19" x14ac:dyDescent="0.3">
      <c r="H7974" s="44">
        <v>7967</v>
      </c>
      <c r="I7974" s="56">
        <f>Bühler!I8000</f>
        <v>0.26263849305726733</v>
      </c>
      <c r="J7974" s="59">
        <f>Bühler!J8000</f>
        <v>0.87546164352422451</v>
      </c>
      <c r="K7974" s="59">
        <f>Bühler!K8000</f>
        <v>1.3131924652863367</v>
      </c>
      <c r="L7974" s="59">
        <f>Bühler!L8000</f>
        <v>6.3033238333744155</v>
      </c>
      <c r="M7974" s="58">
        <f>Bühler!M8000</f>
        <v>0</v>
      </c>
      <c r="N7974" s="56">
        <f>IF(Input!$D$19=1,J7974*Input!$C$19,0)+IF(Input!$D$20=1,K7974*Input!$C$20,0)+IF(Input!$D$21=1,L7974*Input!$C$21,0)+IF(Input!$D$22=1,M7974*Input!$C$22,0)</f>
        <v>0.26263849305726733</v>
      </c>
      <c r="O7974" s="59">
        <f>IF(Input!$D$19=2,J7974*Input!$C$19,0)+IF(Input!$D$20=2,K7974*Input!$C$20,0)+IF(Input!$D$21=2,L7974*Input!$C$21,0)+IF(Input!$D$22=2,M7974*Input!$C$22,0)</f>
        <v>0.65659623264316835</v>
      </c>
      <c r="P7974" s="59">
        <f>IF(Input!$D$19=3,J7974*Input!$C$19,0)+IF(Input!$D$20=3,K7974*Input!$C$20,0)+IF(Input!$D$21=3,L7974*Input!$C$21,0)+IF(Input!$D$22=3,M7974*Input!$C$22,0)</f>
        <v>0</v>
      </c>
      <c r="Q7974" s="75">
        <f>IF(Input!$D$19=4,J7974*Input!$C$19,0)+IF(Input!$D$20=4,K7974*Input!$C$20,0)+IF(Input!$D$21=4,L7974*Input!$C$21,0)+IF(Input!$D$22=4,M7974*Input!$C$22,0)</f>
        <v>0</v>
      </c>
      <c r="R7974" s="58">
        <v>60.089172282833935</v>
      </c>
      <c r="S7974" s="124">
        <f t="shared" si="124"/>
        <v>1.1381001365814918</v>
      </c>
    </row>
    <row r="7975" spans="8:19" x14ac:dyDescent="0.3">
      <c r="H7975" s="44">
        <v>7968</v>
      </c>
      <c r="I7975" s="56">
        <f>Bühler!I8001</f>
        <v>0.26263849305726733</v>
      </c>
      <c r="J7975" s="59">
        <f>Bühler!J8001</f>
        <v>0.87546164352422451</v>
      </c>
      <c r="K7975" s="59">
        <f>Bühler!K8001</f>
        <v>1.3131924652863367</v>
      </c>
      <c r="L7975" s="59">
        <f>Bühler!L8001</f>
        <v>6.3033238333744155</v>
      </c>
      <c r="M7975" s="58">
        <f>Bühler!M8001</f>
        <v>0</v>
      </c>
      <c r="N7975" s="56">
        <f>IF(Input!$D$19=1,J7975*Input!$C$19,0)+IF(Input!$D$20=1,K7975*Input!$C$20,0)+IF(Input!$D$21=1,L7975*Input!$C$21,0)+IF(Input!$D$22=1,M7975*Input!$C$22,0)</f>
        <v>0.26263849305726733</v>
      </c>
      <c r="O7975" s="59">
        <f>IF(Input!$D$19=2,J7975*Input!$C$19,0)+IF(Input!$D$20=2,K7975*Input!$C$20,0)+IF(Input!$D$21=2,L7975*Input!$C$21,0)+IF(Input!$D$22=2,M7975*Input!$C$22,0)</f>
        <v>0.65659623264316835</v>
      </c>
      <c r="P7975" s="59">
        <f>IF(Input!$D$19=3,J7975*Input!$C$19,0)+IF(Input!$D$20=3,K7975*Input!$C$20,0)+IF(Input!$D$21=3,L7975*Input!$C$21,0)+IF(Input!$D$22=3,M7975*Input!$C$22,0)</f>
        <v>0</v>
      </c>
      <c r="Q7975" s="75">
        <f>IF(Input!$D$19=4,J7975*Input!$C$19,0)+IF(Input!$D$20=4,K7975*Input!$C$20,0)+IF(Input!$D$21=4,L7975*Input!$C$21,0)+IF(Input!$D$22=4,M7975*Input!$C$22,0)</f>
        <v>0</v>
      </c>
      <c r="R7975" s="58">
        <v>59.881841385834321</v>
      </c>
      <c r="S7975" s="124">
        <f t="shared" si="124"/>
        <v>1.1381001365814918</v>
      </c>
    </row>
    <row r="7976" spans="8:19" x14ac:dyDescent="0.3">
      <c r="H7976" s="44">
        <v>7969</v>
      </c>
      <c r="I7976" s="56">
        <f>Bühler!I8002</f>
        <v>0.2510569938507119</v>
      </c>
      <c r="J7976" s="59">
        <f>Bühler!J8002</f>
        <v>0.83685664616903976</v>
      </c>
      <c r="K7976" s="59">
        <f>Bühler!K8002</f>
        <v>1.2552849692535595</v>
      </c>
      <c r="L7976" s="59">
        <f>Bühler!L8002</f>
        <v>6.0253678524170855</v>
      </c>
      <c r="M7976" s="58">
        <f>Bühler!M8002</f>
        <v>0</v>
      </c>
      <c r="N7976" s="56">
        <f>IF(Input!$D$19=1,J7976*Input!$C$19,0)+IF(Input!$D$20=1,K7976*Input!$C$20,0)+IF(Input!$D$21=1,L7976*Input!$C$21,0)+IF(Input!$D$22=1,M7976*Input!$C$22,0)</f>
        <v>0.2510569938507119</v>
      </c>
      <c r="O7976" s="59">
        <f>IF(Input!$D$19=2,J7976*Input!$C$19,0)+IF(Input!$D$20=2,K7976*Input!$C$20,0)+IF(Input!$D$21=2,L7976*Input!$C$21,0)+IF(Input!$D$22=2,M7976*Input!$C$22,0)</f>
        <v>0.62764248462677974</v>
      </c>
      <c r="P7976" s="59">
        <f>IF(Input!$D$19=3,J7976*Input!$C$19,0)+IF(Input!$D$20=3,K7976*Input!$C$20,0)+IF(Input!$D$21=3,L7976*Input!$C$21,0)+IF(Input!$D$22=3,M7976*Input!$C$22,0)</f>
        <v>0</v>
      </c>
      <c r="Q7976" s="75">
        <f>IF(Input!$D$19=4,J7976*Input!$C$19,0)+IF(Input!$D$20=4,K7976*Input!$C$20,0)+IF(Input!$D$21=4,L7976*Input!$C$21,0)+IF(Input!$D$22=4,M7976*Input!$C$22,0)</f>
        <v>0</v>
      </c>
      <c r="R7976" s="58">
        <v>59.525798062558458</v>
      </c>
      <c r="S7976" s="124">
        <f t="shared" si="124"/>
        <v>1.0879136400197518</v>
      </c>
    </row>
    <row r="7977" spans="8:19" x14ac:dyDescent="0.3">
      <c r="H7977" s="44">
        <v>7970</v>
      </c>
      <c r="I7977" s="56">
        <f>Bühler!I8003</f>
        <v>0.2510569938507119</v>
      </c>
      <c r="J7977" s="59">
        <f>Bühler!J8003</f>
        <v>0.83685664616903976</v>
      </c>
      <c r="K7977" s="59">
        <f>Bühler!K8003</f>
        <v>1.2552849692535595</v>
      </c>
      <c r="L7977" s="59">
        <f>Bühler!L8003</f>
        <v>6.0253678524170855</v>
      </c>
      <c r="M7977" s="58">
        <f>Bühler!M8003</f>
        <v>0</v>
      </c>
      <c r="N7977" s="56">
        <f>IF(Input!$D$19=1,J7977*Input!$C$19,0)+IF(Input!$D$20=1,K7977*Input!$C$20,0)+IF(Input!$D$21=1,L7977*Input!$C$21,0)+IF(Input!$D$22=1,M7977*Input!$C$22,0)</f>
        <v>0.2510569938507119</v>
      </c>
      <c r="O7977" s="59">
        <f>IF(Input!$D$19=2,J7977*Input!$C$19,0)+IF(Input!$D$20=2,K7977*Input!$C$20,0)+IF(Input!$D$21=2,L7977*Input!$C$21,0)+IF(Input!$D$22=2,M7977*Input!$C$22,0)</f>
        <v>0.62764248462677974</v>
      </c>
      <c r="P7977" s="59">
        <f>IF(Input!$D$19=3,J7977*Input!$C$19,0)+IF(Input!$D$20=3,K7977*Input!$C$20,0)+IF(Input!$D$21=3,L7977*Input!$C$21,0)+IF(Input!$D$22=3,M7977*Input!$C$22,0)</f>
        <v>0</v>
      </c>
      <c r="Q7977" s="75">
        <f>IF(Input!$D$19=4,J7977*Input!$C$19,0)+IF(Input!$D$20=4,K7977*Input!$C$20,0)+IF(Input!$D$21=4,L7977*Input!$C$21,0)+IF(Input!$D$22=4,M7977*Input!$C$22,0)</f>
        <v>0</v>
      </c>
      <c r="R7977" s="58">
        <v>60.312991314570901</v>
      </c>
      <c r="S7977" s="124">
        <f t="shared" si="124"/>
        <v>1.0879136400197518</v>
      </c>
    </row>
    <row r="7978" spans="8:19" x14ac:dyDescent="0.3">
      <c r="H7978" s="44">
        <v>7971</v>
      </c>
      <c r="I7978" s="56">
        <f>Bühler!I8004</f>
        <v>0.2510569938507119</v>
      </c>
      <c r="J7978" s="59">
        <f>Bühler!J8004</f>
        <v>0.83685664616903976</v>
      </c>
      <c r="K7978" s="59">
        <f>Bühler!K8004</f>
        <v>1.2552849692535595</v>
      </c>
      <c r="L7978" s="59">
        <f>Bühler!L8004</f>
        <v>6.0253678524170855</v>
      </c>
      <c r="M7978" s="58">
        <f>Bühler!M8004</f>
        <v>0</v>
      </c>
      <c r="N7978" s="56">
        <f>IF(Input!$D$19=1,J7978*Input!$C$19,0)+IF(Input!$D$20=1,K7978*Input!$C$20,0)+IF(Input!$D$21=1,L7978*Input!$C$21,0)+IF(Input!$D$22=1,M7978*Input!$C$22,0)</f>
        <v>0.2510569938507119</v>
      </c>
      <c r="O7978" s="59">
        <f>IF(Input!$D$19=2,J7978*Input!$C$19,0)+IF(Input!$D$20=2,K7978*Input!$C$20,0)+IF(Input!$D$21=2,L7978*Input!$C$21,0)+IF(Input!$D$22=2,M7978*Input!$C$22,0)</f>
        <v>0.62764248462677974</v>
      </c>
      <c r="P7978" s="59">
        <f>IF(Input!$D$19=3,J7978*Input!$C$19,0)+IF(Input!$D$20=3,K7978*Input!$C$20,0)+IF(Input!$D$21=3,L7978*Input!$C$21,0)+IF(Input!$D$22=3,M7978*Input!$C$22,0)</f>
        <v>0</v>
      </c>
      <c r="Q7978" s="75">
        <f>IF(Input!$D$19=4,J7978*Input!$C$19,0)+IF(Input!$D$20=4,K7978*Input!$C$20,0)+IF(Input!$D$21=4,L7978*Input!$C$21,0)+IF(Input!$D$22=4,M7978*Input!$C$22,0)</f>
        <v>0</v>
      </c>
      <c r="R7978" s="58">
        <v>60.484653661892452</v>
      </c>
      <c r="S7978" s="124">
        <f t="shared" si="124"/>
        <v>1.0879136400197518</v>
      </c>
    </row>
    <row r="7979" spans="8:19" x14ac:dyDescent="0.3">
      <c r="H7979" s="44">
        <v>7972</v>
      </c>
      <c r="I7979" s="56">
        <f>Bühler!I8005</f>
        <v>0.2510569938507119</v>
      </c>
      <c r="J7979" s="59">
        <f>Bühler!J8005</f>
        <v>0.83685664616903976</v>
      </c>
      <c r="K7979" s="59">
        <f>Bühler!K8005</f>
        <v>1.2552849692535595</v>
      </c>
      <c r="L7979" s="59">
        <f>Bühler!L8005</f>
        <v>6.0253678524170855</v>
      </c>
      <c r="M7979" s="58">
        <f>Bühler!M8005</f>
        <v>0</v>
      </c>
      <c r="N7979" s="56">
        <f>IF(Input!$D$19=1,J7979*Input!$C$19,0)+IF(Input!$D$20=1,K7979*Input!$C$20,0)+IF(Input!$D$21=1,L7979*Input!$C$21,0)+IF(Input!$D$22=1,M7979*Input!$C$22,0)</f>
        <v>0.2510569938507119</v>
      </c>
      <c r="O7979" s="59">
        <f>IF(Input!$D$19=2,J7979*Input!$C$19,0)+IF(Input!$D$20=2,K7979*Input!$C$20,0)+IF(Input!$D$21=2,L7979*Input!$C$21,0)+IF(Input!$D$22=2,M7979*Input!$C$22,0)</f>
        <v>0.62764248462677974</v>
      </c>
      <c r="P7979" s="59">
        <f>IF(Input!$D$19=3,J7979*Input!$C$19,0)+IF(Input!$D$20=3,K7979*Input!$C$20,0)+IF(Input!$D$21=3,L7979*Input!$C$21,0)+IF(Input!$D$22=3,M7979*Input!$C$22,0)</f>
        <v>0</v>
      </c>
      <c r="Q7979" s="75">
        <f>IF(Input!$D$19=4,J7979*Input!$C$19,0)+IF(Input!$D$20=4,K7979*Input!$C$20,0)+IF(Input!$D$21=4,L7979*Input!$C$21,0)+IF(Input!$D$22=4,M7979*Input!$C$22,0)</f>
        <v>0</v>
      </c>
      <c r="R7979" s="58">
        <v>60.114997872564025</v>
      </c>
      <c r="S7979" s="124">
        <f t="shared" si="124"/>
        <v>1.0879136400197518</v>
      </c>
    </row>
    <row r="7980" spans="8:19" x14ac:dyDescent="0.3">
      <c r="H7980" s="44">
        <v>7973</v>
      </c>
      <c r="I7980" s="56">
        <f>Bühler!I8006</f>
        <v>0.2510569938507119</v>
      </c>
      <c r="J7980" s="59">
        <f>Bühler!J8006</f>
        <v>0.83685664616903976</v>
      </c>
      <c r="K7980" s="59">
        <f>Bühler!K8006</f>
        <v>1.2552849692535595</v>
      </c>
      <c r="L7980" s="59">
        <f>Bühler!L8006</f>
        <v>6.0253678524170855</v>
      </c>
      <c r="M7980" s="58">
        <f>Bühler!M8006</f>
        <v>0</v>
      </c>
      <c r="N7980" s="56">
        <f>IF(Input!$D$19=1,J7980*Input!$C$19,0)+IF(Input!$D$20=1,K7980*Input!$C$20,0)+IF(Input!$D$21=1,L7980*Input!$C$21,0)+IF(Input!$D$22=1,M7980*Input!$C$22,0)</f>
        <v>0.2510569938507119</v>
      </c>
      <c r="O7980" s="59">
        <f>IF(Input!$D$19=2,J7980*Input!$C$19,0)+IF(Input!$D$20=2,K7980*Input!$C$20,0)+IF(Input!$D$21=2,L7980*Input!$C$21,0)+IF(Input!$D$22=2,M7980*Input!$C$22,0)</f>
        <v>0.62764248462677974</v>
      </c>
      <c r="P7980" s="59">
        <f>IF(Input!$D$19=3,J7980*Input!$C$19,0)+IF(Input!$D$20=3,K7980*Input!$C$20,0)+IF(Input!$D$21=3,L7980*Input!$C$21,0)+IF(Input!$D$22=3,M7980*Input!$C$22,0)</f>
        <v>0</v>
      </c>
      <c r="Q7980" s="75">
        <f>IF(Input!$D$19=4,J7980*Input!$C$19,0)+IF(Input!$D$20=4,K7980*Input!$C$20,0)+IF(Input!$D$21=4,L7980*Input!$C$21,0)+IF(Input!$D$22=4,M7980*Input!$C$22,0)</f>
        <v>0</v>
      </c>
      <c r="R7980" s="58">
        <v>61.176688337293804</v>
      </c>
      <c r="S7980" s="124">
        <f t="shared" si="124"/>
        <v>1.0879136400197518</v>
      </c>
    </row>
    <row r="7981" spans="8:19" x14ac:dyDescent="0.3">
      <c r="H7981" s="44">
        <v>7974</v>
      </c>
      <c r="I7981" s="56">
        <f>Bühler!I8007</f>
        <v>0.32358456985202871</v>
      </c>
      <c r="J7981" s="59">
        <f>Bühler!J8007</f>
        <v>1.0786152328400958</v>
      </c>
      <c r="K7981" s="59">
        <f>Bühler!K8007</f>
        <v>1.6179228492601436</v>
      </c>
      <c r="L7981" s="59">
        <f>Bühler!L8007</f>
        <v>7.7660296764486887</v>
      </c>
      <c r="M7981" s="58">
        <f>Bühler!M8007</f>
        <v>0</v>
      </c>
      <c r="N7981" s="56">
        <f>IF(Input!$D$19=1,J7981*Input!$C$19,0)+IF(Input!$D$20=1,K7981*Input!$C$20,0)+IF(Input!$D$21=1,L7981*Input!$C$21,0)+IF(Input!$D$22=1,M7981*Input!$C$22,0)</f>
        <v>0.32358456985202871</v>
      </c>
      <c r="O7981" s="59">
        <f>IF(Input!$D$19=2,J7981*Input!$C$19,0)+IF(Input!$D$20=2,K7981*Input!$C$20,0)+IF(Input!$D$21=2,L7981*Input!$C$21,0)+IF(Input!$D$22=2,M7981*Input!$C$22,0)</f>
        <v>0.80896142463007181</v>
      </c>
      <c r="P7981" s="59">
        <f>IF(Input!$D$19=3,J7981*Input!$C$19,0)+IF(Input!$D$20=3,K7981*Input!$C$20,0)+IF(Input!$D$21=3,L7981*Input!$C$21,0)+IF(Input!$D$22=3,M7981*Input!$C$22,0)</f>
        <v>0</v>
      </c>
      <c r="Q7981" s="75">
        <f>IF(Input!$D$19=4,J7981*Input!$C$19,0)+IF(Input!$D$20=4,K7981*Input!$C$20,0)+IF(Input!$D$21=4,L7981*Input!$C$21,0)+IF(Input!$D$22=4,M7981*Input!$C$22,0)</f>
        <v>0</v>
      </c>
      <c r="R7981" s="58">
        <v>64.441663818845186</v>
      </c>
      <c r="S7981" s="124">
        <f t="shared" si="124"/>
        <v>1.4021998026921245</v>
      </c>
    </row>
    <row r="7982" spans="8:19" x14ac:dyDescent="0.3">
      <c r="H7982" s="44">
        <v>7975</v>
      </c>
      <c r="I7982" s="56">
        <f>Bühler!I8008</f>
        <v>0.37379596862217118</v>
      </c>
      <c r="J7982" s="59">
        <f>Bühler!J8008</f>
        <v>1.2459865620739041</v>
      </c>
      <c r="K7982" s="59">
        <f>Bühler!K8008</f>
        <v>1.8689798431108557</v>
      </c>
      <c r="L7982" s="59">
        <f>Bühler!L8008</f>
        <v>8.9711032469321079</v>
      </c>
      <c r="M7982" s="58">
        <f>Bühler!M8008</f>
        <v>0</v>
      </c>
      <c r="N7982" s="56">
        <f>IF(Input!$D$19=1,J7982*Input!$C$19,0)+IF(Input!$D$20=1,K7982*Input!$C$20,0)+IF(Input!$D$21=1,L7982*Input!$C$21,0)+IF(Input!$D$22=1,M7982*Input!$C$22,0)</f>
        <v>0.37379596862217124</v>
      </c>
      <c r="O7982" s="59">
        <f>IF(Input!$D$19=2,J7982*Input!$C$19,0)+IF(Input!$D$20=2,K7982*Input!$C$20,0)+IF(Input!$D$21=2,L7982*Input!$C$21,0)+IF(Input!$D$22=2,M7982*Input!$C$22,0)</f>
        <v>0.93448992155542787</v>
      </c>
      <c r="P7982" s="59">
        <f>IF(Input!$D$19=3,J7982*Input!$C$19,0)+IF(Input!$D$20=3,K7982*Input!$C$20,0)+IF(Input!$D$21=3,L7982*Input!$C$21,0)+IF(Input!$D$22=3,M7982*Input!$C$22,0)</f>
        <v>0</v>
      </c>
      <c r="Q7982" s="75">
        <f>IF(Input!$D$19=4,J7982*Input!$C$19,0)+IF(Input!$D$20=4,K7982*Input!$C$20,0)+IF(Input!$D$21=4,L7982*Input!$C$21,0)+IF(Input!$D$22=4,M7982*Input!$C$22,0)</f>
        <v>0</v>
      </c>
      <c r="R7982" s="58">
        <v>67.185046860309967</v>
      </c>
      <c r="S7982" s="124">
        <f t="shared" si="124"/>
        <v>1.6197825306960754</v>
      </c>
    </row>
    <row r="7983" spans="8:19" x14ac:dyDescent="0.3">
      <c r="H7983" s="44">
        <v>7976</v>
      </c>
      <c r="I7983" s="56">
        <f>Bühler!I8009</f>
        <v>0.37379596862217118</v>
      </c>
      <c r="J7983" s="59">
        <f>Bühler!J8009</f>
        <v>1.2459865620739041</v>
      </c>
      <c r="K7983" s="59">
        <f>Bühler!K8009</f>
        <v>1.8689798431108557</v>
      </c>
      <c r="L7983" s="59">
        <f>Bühler!L8009</f>
        <v>8.9711032469321079</v>
      </c>
      <c r="M7983" s="58">
        <f>Bühler!M8009</f>
        <v>0</v>
      </c>
      <c r="N7983" s="56">
        <f>IF(Input!$D$19=1,J7983*Input!$C$19,0)+IF(Input!$D$20=1,K7983*Input!$C$20,0)+IF(Input!$D$21=1,L7983*Input!$C$21,0)+IF(Input!$D$22=1,M7983*Input!$C$22,0)</f>
        <v>0.37379596862217124</v>
      </c>
      <c r="O7983" s="59">
        <f>IF(Input!$D$19=2,J7983*Input!$C$19,0)+IF(Input!$D$20=2,K7983*Input!$C$20,0)+IF(Input!$D$21=2,L7983*Input!$C$21,0)+IF(Input!$D$22=2,M7983*Input!$C$22,0)</f>
        <v>0.93448992155542787</v>
      </c>
      <c r="P7983" s="59">
        <f>IF(Input!$D$19=3,J7983*Input!$C$19,0)+IF(Input!$D$20=3,K7983*Input!$C$20,0)+IF(Input!$D$21=3,L7983*Input!$C$21,0)+IF(Input!$D$22=3,M7983*Input!$C$22,0)</f>
        <v>0</v>
      </c>
      <c r="Q7983" s="75">
        <f>IF(Input!$D$19=4,J7983*Input!$C$19,0)+IF(Input!$D$20=4,K7983*Input!$C$20,0)+IF(Input!$D$21=4,L7983*Input!$C$21,0)+IF(Input!$D$22=4,M7983*Input!$C$22,0)</f>
        <v>0</v>
      </c>
      <c r="R7983" s="58">
        <v>67.758179897583148</v>
      </c>
      <c r="S7983" s="124">
        <f t="shared" si="124"/>
        <v>1.6197825306960754</v>
      </c>
    </row>
    <row r="7984" spans="8:19" x14ac:dyDescent="0.3">
      <c r="H7984" s="44">
        <v>7977</v>
      </c>
      <c r="I7984" s="56">
        <f>Bühler!I8010</f>
        <v>0.37379596862217118</v>
      </c>
      <c r="J7984" s="59">
        <f>Bühler!J8010</f>
        <v>1.2459865620739041</v>
      </c>
      <c r="K7984" s="59">
        <f>Bühler!K8010</f>
        <v>1.8689798431108557</v>
      </c>
      <c r="L7984" s="59">
        <f>Bühler!L8010</f>
        <v>8.9711032469321079</v>
      </c>
      <c r="M7984" s="58">
        <f>Bühler!M8010</f>
        <v>0</v>
      </c>
      <c r="N7984" s="56">
        <f>IF(Input!$D$19=1,J7984*Input!$C$19,0)+IF(Input!$D$20=1,K7984*Input!$C$20,0)+IF(Input!$D$21=1,L7984*Input!$C$21,0)+IF(Input!$D$22=1,M7984*Input!$C$22,0)</f>
        <v>0.37379596862217124</v>
      </c>
      <c r="O7984" s="59">
        <f>IF(Input!$D$19=2,J7984*Input!$C$19,0)+IF(Input!$D$20=2,K7984*Input!$C$20,0)+IF(Input!$D$21=2,L7984*Input!$C$21,0)+IF(Input!$D$22=2,M7984*Input!$C$22,0)</f>
        <v>0.93448992155542787</v>
      </c>
      <c r="P7984" s="59">
        <f>IF(Input!$D$19=3,J7984*Input!$C$19,0)+IF(Input!$D$20=3,K7984*Input!$C$20,0)+IF(Input!$D$21=3,L7984*Input!$C$21,0)+IF(Input!$D$22=3,M7984*Input!$C$22,0)</f>
        <v>0</v>
      </c>
      <c r="Q7984" s="75">
        <f>IF(Input!$D$19=4,J7984*Input!$C$19,0)+IF(Input!$D$20=4,K7984*Input!$C$20,0)+IF(Input!$D$21=4,L7984*Input!$C$21,0)+IF(Input!$D$22=4,M7984*Input!$C$22,0)</f>
        <v>0</v>
      </c>
      <c r="R7984" s="58">
        <v>68.183714588701221</v>
      </c>
      <c r="S7984" s="124">
        <f t="shared" si="124"/>
        <v>1.6197825306960754</v>
      </c>
    </row>
    <row r="7985" spans="8:19" x14ac:dyDescent="0.3">
      <c r="H7985" s="44">
        <v>7978</v>
      </c>
      <c r="I7985" s="56">
        <f>Bühler!I8011</f>
        <v>0.40169119016113908</v>
      </c>
      <c r="J7985" s="59">
        <f>Bühler!J8011</f>
        <v>1.3389706338704637</v>
      </c>
      <c r="K7985" s="59">
        <f>Bühler!K8011</f>
        <v>2.0084559508056952</v>
      </c>
      <c r="L7985" s="59">
        <f>Bühler!L8011</f>
        <v>9.6405885638673379</v>
      </c>
      <c r="M7985" s="58">
        <f>Bühler!M8011</f>
        <v>0</v>
      </c>
      <c r="N7985" s="56">
        <f>IF(Input!$D$19=1,J7985*Input!$C$19,0)+IF(Input!$D$20=1,K7985*Input!$C$20,0)+IF(Input!$D$21=1,L7985*Input!$C$21,0)+IF(Input!$D$22=1,M7985*Input!$C$22,0)</f>
        <v>0.40169119016113908</v>
      </c>
      <c r="O7985" s="59">
        <f>IF(Input!$D$19=2,J7985*Input!$C$19,0)+IF(Input!$D$20=2,K7985*Input!$C$20,0)+IF(Input!$D$21=2,L7985*Input!$C$21,0)+IF(Input!$D$22=2,M7985*Input!$C$22,0)</f>
        <v>1.0042279754028476</v>
      </c>
      <c r="P7985" s="59">
        <f>IF(Input!$D$19=3,J7985*Input!$C$19,0)+IF(Input!$D$20=3,K7985*Input!$C$20,0)+IF(Input!$D$21=3,L7985*Input!$C$21,0)+IF(Input!$D$22=3,M7985*Input!$C$22,0)</f>
        <v>0</v>
      </c>
      <c r="Q7985" s="75">
        <f>IF(Input!$D$19=4,J7985*Input!$C$19,0)+IF(Input!$D$20=4,K7985*Input!$C$20,0)+IF(Input!$D$21=4,L7985*Input!$C$21,0)+IF(Input!$D$22=4,M7985*Input!$C$22,0)</f>
        <v>0</v>
      </c>
      <c r="R7985" s="58">
        <v>68.501643214935569</v>
      </c>
      <c r="S7985" s="124">
        <f t="shared" si="124"/>
        <v>1.7406618240316027</v>
      </c>
    </row>
    <row r="7986" spans="8:19" x14ac:dyDescent="0.3">
      <c r="H7986" s="44">
        <v>7979</v>
      </c>
      <c r="I7986" s="56">
        <f>Bühler!I8012</f>
        <v>0.43516545600790069</v>
      </c>
      <c r="J7986" s="59">
        <f>Bühler!J8012</f>
        <v>1.4505515200263357</v>
      </c>
      <c r="K7986" s="59">
        <f>Bühler!K8012</f>
        <v>2.1758272800395035</v>
      </c>
      <c r="L7986" s="59">
        <f>Bühler!L8012</f>
        <v>10.443970944189617</v>
      </c>
      <c r="M7986" s="58">
        <f>Bühler!M8012</f>
        <v>0</v>
      </c>
      <c r="N7986" s="56">
        <f>IF(Input!$D$19=1,J7986*Input!$C$19,0)+IF(Input!$D$20=1,K7986*Input!$C$20,0)+IF(Input!$D$21=1,L7986*Input!$C$21,0)+IF(Input!$D$22=1,M7986*Input!$C$22,0)</f>
        <v>0.43516545600790069</v>
      </c>
      <c r="O7986" s="59">
        <f>IF(Input!$D$19=2,J7986*Input!$C$19,0)+IF(Input!$D$20=2,K7986*Input!$C$20,0)+IF(Input!$D$21=2,L7986*Input!$C$21,0)+IF(Input!$D$22=2,M7986*Input!$C$22,0)</f>
        <v>1.0879136400197518</v>
      </c>
      <c r="P7986" s="59">
        <f>IF(Input!$D$19=3,J7986*Input!$C$19,0)+IF(Input!$D$20=3,K7986*Input!$C$20,0)+IF(Input!$D$21=3,L7986*Input!$C$21,0)+IF(Input!$D$22=3,M7986*Input!$C$22,0)</f>
        <v>0</v>
      </c>
      <c r="Q7986" s="75">
        <f>IF(Input!$D$19=4,J7986*Input!$C$19,0)+IF(Input!$D$20=4,K7986*Input!$C$20,0)+IF(Input!$D$21=4,L7986*Input!$C$21,0)+IF(Input!$D$22=4,M7986*Input!$C$22,0)</f>
        <v>0</v>
      </c>
      <c r="R7986" s="58">
        <v>69.021404104243231</v>
      </c>
      <c r="S7986" s="124">
        <f t="shared" si="124"/>
        <v>1.8857169760342365</v>
      </c>
    </row>
    <row r="7987" spans="8:19" x14ac:dyDescent="0.3">
      <c r="H7987" s="44">
        <v>7980</v>
      </c>
      <c r="I7987" s="56">
        <f>Bühler!I8013</f>
        <v>0.50211398770142379</v>
      </c>
      <c r="J7987" s="59">
        <f>Bühler!J8013</f>
        <v>1.6737132923380795</v>
      </c>
      <c r="K7987" s="59">
        <f>Bühler!K8013</f>
        <v>2.510569938507119</v>
      </c>
      <c r="L7987" s="59">
        <f>Bühler!L8013</f>
        <v>12.050735704834171</v>
      </c>
      <c r="M7987" s="58">
        <f>Bühler!M8013</f>
        <v>0</v>
      </c>
      <c r="N7987" s="56">
        <f>IF(Input!$D$19=1,J7987*Input!$C$19,0)+IF(Input!$D$20=1,K7987*Input!$C$20,0)+IF(Input!$D$21=1,L7987*Input!$C$21,0)+IF(Input!$D$22=1,M7987*Input!$C$22,0)</f>
        <v>0.50211398770142379</v>
      </c>
      <c r="O7987" s="59">
        <f>IF(Input!$D$19=2,J7987*Input!$C$19,0)+IF(Input!$D$20=2,K7987*Input!$C$20,0)+IF(Input!$D$21=2,L7987*Input!$C$21,0)+IF(Input!$D$22=2,M7987*Input!$C$22,0)</f>
        <v>1.2552849692535595</v>
      </c>
      <c r="P7987" s="59">
        <f>IF(Input!$D$19=3,J7987*Input!$C$19,0)+IF(Input!$D$20=3,K7987*Input!$C$20,0)+IF(Input!$D$21=3,L7987*Input!$C$21,0)+IF(Input!$D$22=3,M7987*Input!$C$22,0)</f>
        <v>0</v>
      </c>
      <c r="Q7987" s="75">
        <f>IF(Input!$D$19=4,J7987*Input!$C$19,0)+IF(Input!$D$20=4,K7987*Input!$C$20,0)+IF(Input!$D$21=4,L7987*Input!$C$21,0)+IF(Input!$D$22=4,M7987*Input!$C$22,0)</f>
        <v>0</v>
      </c>
      <c r="R7987" s="58">
        <v>68.877942609954047</v>
      </c>
      <c r="S7987" s="124">
        <f t="shared" si="124"/>
        <v>2.1758272800395035</v>
      </c>
    </row>
    <row r="7988" spans="8:19" x14ac:dyDescent="0.3">
      <c r="H7988" s="44">
        <v>7981</v>
      </c>
      <c r="I7988" s="56">
        <f>Bühler!I8014</f>
        <v>0.50211398770142379</v>
      </c>
      <c r="J7988" s="59">
        <f>Bühler!J8014</f>
        <v>1.6737132923380795</v>
      </c>
      <c r="K7988" s="59">
        <f>Bühler!K8014</f>
        <v>2.510569938507119</v>
      </c>
      <c r="L7988" s="59">
        <f>Bühler!L8014</f>
        <v>12.050735704834171</v>
      </c>
      <c r="M7988" s="58">
        <f>Bühler!M8014</f>
        <v>0</v>
      </c>
      <c r="N7988" s="56">
        <f>IF(Input!$D$19=1,J7988*Input!$C$19,0)+IF(Input!$D$20=1,K7988*Input!$C$20,0)+IF(Input!$D$21=1,L7988*Input!$C$21,0)+IF(Input!$D$22=1,M7988*Input!$C$22,0)</f>
        <v>0.50211398770142379</v>
      </c>
      <c r="O7988" s="59">
        <f>IF(Input!$D$19=2,J7988*Input!$C$19,0)+IF(Input!$D$20=2,K7988*Input!$C$20,0)+IF(Input!$D$21=2,L7988*Input!$C$21,0)+IF(Input!$D$22=2,M7988*Input!$C$22,0)</f>
        <v>1.2552849692535595</v>
      </c>
      <c r="P7988" s="59">
        <f>IF(Input!$D$19=3,J7988*Input!$C$19,0)+IF(Input!$D$20=3,K7988*Input!$C$20,0)+IF(Input!$D$21=3,L7988*Input!$C$21,0)+IF(Input!$D$22=3,M7988*Input!$C$22,0)</f>
        <v>0</v>
      </c>
      <c r="Q7988" s="75">
        <f>IF(Input!$D$19=4,J7988*Input!$C$19,0)+IF(Input!$D$20=4,K7988*Input!$C$20,0)+IF(Input!$D$21=4,L7988*Input!$C$21,0)+IF(Input!$D$22=4,M7988*Input!$C$22,0)</f>
        <v>0</v>
      </c>
      <c r="R7988" s="58">
        <v>67.662771579203735</v>
      </c>
      <c r="S7988" s="124">
        <f t="shared" si="124"/>
        <v>2.1758272800395035</v>
      </c>
    </row>
    <row r="7989" spans="8:19" x14ac:dyDescent="0.3">
      <c r="H7989" s="44">
        <v>7982</v>
      </c>
      <c r="I7989" s="56">
        <f>Bühler!I8015</f>
        <v>0.50211398770142379</v>
      </c>
      <c r="J7989" s="59">
        <f>Bühler!J8015</f>
        <v>1.6737132923380795</v>
      </c>
      <c r="K7989" s="59">
        <f>Bühler!K8015</f>
        <v>2.510569938507119</v>
      </c>
      <c r="L7989" s="59">
        <f>Bühler!L8015</f>
        <v>12.050735704834171</v>
      </c>
      <c r="M7989" s="58">
        <f>Bühler!M8015</f>
        <v>0</v>
      </c>
      <c r="N7989" s="56">
        <f>IF(Input!$D$19=1,J7989*Input!$C$19,0)+IF(Input!$D$20=1,K7989*Input!$C$20,0)+IF(Input!$D$21=1,L7989*Input!$C$21,0)+IF(Input!$D$22=1,M7989*Input!$C$22,0)</f>
        <v>0.50211398770142379</v>
      </c>
      <c r="O7989" s="59">
        <f>IF(Input!$D$19=2,J7989*Input!$C$19,0)+IF(Input!$D$20=2,K7989*Input!$C$20,0)+IF(Input!$D$21=2,L7989*Input!$C$21,0)+IF(Input!$D$22=2,M7989*Input!$C$22,0)</f>
        <v>1.2552849692535595</v>
      </c>
      <c r="P7989" s="59">
        <f>IF(Input!$D$19=3,J7989*Input!$C$19,0)+IF(Input!$D$20=3,K7989*Input!$C$20,0)+IF(Input!$D$21=3,L7989*Input!$C$21,0)+IF(Input!$D$22=3,M7989*Input!$C$22,0)</f>
        <v>0</v>
      </c>
      <c r="Q7989" s="75">
        <f>IF(Input!$D$19=4,J7989*Input!$C$19,0)+IF(Input!$D$20=4,K7989*Input!$C$20,0)+IF(Input!$D$21=4,L7989*Input!$C$21,0)+IF(Input!$D$22=4,M7989*Input!$C$22,0)</f>
        <v>0</v>
      </c>
      <c r="R7989" s="58">
        <v>67.429925068041982</v>
      </c>
      <c r="S7989" s="124">
        <f t="shared" si="124"/>
        <v>2.1758272800395035</v>
      </c>
    </row>
    <row r="7990" spans="8:19" x14ac:dyDescent="0.3">
      <c r="H7990" s="44">
        <v>7983</v>
      </c>
      <c r="I7990" s="56">
        <f>Bühler!I8016</f>
        <v>0.50211398770142379</v>
      </c>
      <c r="J7990" s="59">
        <f>Bühler!J8016</f>
        <v>1.6737132923380795</v>
      </c>
      <c r="K7990" s="59">
        <f>Bühler!K8016</f>
        <v>2.510569938507119</v>
      </c>
      <c r="L7990" s="59">
        <f>Bühler!L8016</f>
        <v>12.050735704834171</v>
      </c>
      <c r="M7990" s="58">
        <f>Bühler!M8016</f>
        <v>0</v>
      </c>
      <c r="N7990" s="56">
        <f>IF(Input!$D$19=1,J7990*Input!$C$19,0)+IF(Input!$D$20=1,K7990*Input!$C$20,0)+IF(Input!$D$21=1,L7990*Input!$C$21,0)+IF(Input!$D$22=1,M7990*Input!$C$22,0)</f>
        <v>0.50211398770142379</v>
      </c>
      <c r="O7990" s="59">
        <f>IF(Input!$D$19=2,J7990*Input!$C$19,0)+IF(Input!$D$20=2,K7990*Input!$C$20,0)+IF(Input!$D$21=2,L7990*Input!$C$21,0)+IF(Input!$D$22=2,M7990*Input!$C$22,0)</f>
        <v>1.2552849692535595</v>
      </c>
      <c r="P7990" s="59">
        <f>IF(Input!$D$19=3,J7990*Input!$C$19,0)+IF(Input!$D$20=3,K7990*Input!$C$20,0)+IF(Input!$D$21=3,L7990*Input!$C$21,0)+IF(Input!$D$22=3,M7990*Input!$C$22,0)</f>
        <v>0</v>
      </c>
      <c r="Q7990" s="75">
        <f>IF(Input!$D$19=4,J7990*Input!$C$19,0)+IF(Input!$D$20=4,K7990*Input!$C$20,0)+IF(Input!$D$21=4,L7990*Input!$C$21,0)+IF(Input!$D$22=4,M7990*Input!$C$22,0)</f>
        <v>0</v>
      </c>
      <c r="R7990" s="58">
        <v>67.000868513917325</v>
      </c>
      <c r="S7990" s="124">
        <f t="shared" si="124"/>
        <v>2.1758272800395035</v>
      </c>
    </row>
    <row r="7991" spans="8:19" x14ac:dyDescent="0.3">
      <c r="H7991" s="44">
        <v>7984</v>
      </c>
      <c r="I7991" s="56">
        <f>Bühler!I8017</f>
        <v>0.50211398770142379</v>
      </c>
      <c r="J7991" s="59">
        <f>Bühler!J8017</f>
        <v>1.6737132923380795</v>
      </c>
      <c r="K7991" s="59">
        <f>Bühler!K8017</f>
        <v>2.510569938507119</v>
      </c>
      <c r="L7991" s="59">
        <f>Bühler!L8017</f>
        <v>12.050735704834171</v>
      </c>
      <c r="M7991" s="58">
        <f>Bühler!M8017</f>
        <v>0</v>
      </c>
      <c r="N7991" s="56">
        <f>IF(Input!$D$19=1,J7991*Input!$C$19,0)+IF(Input!$D$20=1,K7991*Input!$C$20,0)+IF(Input!$D$21=1,L7991*Input!$C$21,0)+IF(Input!$D$22=1,M7991*Input!$C$22,0)</f>
        <v>0.50211398770142379</v>
      </c>
      <c r="O7991" s="59">
        <f>IF(Input!$D$19=2,J7991*Input!$C$19,0)+IF(Input!$D$20=2,K7991*Input!$C$20,0)+IF(Input!$D$21=2,L7991*Input!$C$21,0)+IF(Input!$D$22=2,M7991*Input!$C$22,0)</f>
        <v>1.2552849692535595</v>
      </c>
      <c r="P7991" s="59">
        <f>IF(Input!$D$19=3,J7991*Input!$C$19,0)+IF(Input!$D$20=3,K7991*Input!$C$20,0)+IF(Input!$D$21=3,L7991*Input!$C$21,0)+IF(Input!$D$22=3,M7991*Input!$C$22,0)</f>
        <v>0</v>
      </c>
      <c r="Q7991" s="75">
        <f>IF(Input!$D$19=4,J7991*Input!$C$19,0)+IF(Input!$D$20=4,K7991*Input!$C$20,0)+IF(Input!$D$21=4,L7991*Input!$C$21,0)+IF(Input!$D$22=4,M7991*Input!$C$22,0)</f>
        <v>0</v>
      </c>
      <c r="R7991" s="58">
        <v>65.73309778317622</v>
      </c>
      <c r="S7991" s="124">
        <f t="shared" si="124"/>
        <v>2.1758272800395035</v>
      </c>
    </row>
    <row r="7992" spans="8:19" x14ac:dyDescent="0.3">
      <c r="H7992" s="44">
        <v>7985</v>
      </c>
      <c r="I7992" s="56">
        <f>Bühler!I8018</f>
        <v>0.50211398770142379</v>
      </c>
      <c r="J7992" s="59">
        <f>Bühler!J8018</f>
        <v>1.6737132923380795</v>
      </c>
      <c r="K7992" s="59">
        <f>Bühler!K8018</f>
        <v>2.510569938507119</v>
      </c>
      <c r="L7992" s="59">
        <f>Bühler!L8018</f>
        <v>12.050735704834171</v>
      </c>
      <c r="M7992" s="58">
        <f>Bühler!M8018</f>
        <v>0</v>
      </c>
      <c r="N7992" s="56">
        <f>IF(Input!$D$19=1,J7992*Input!$C$19,0)+IF(Input!$D$20=1,K7992*Input!$C$20,0)+IF(Input!$D$21=1,L7992*Input!$C$21,0)+IF(Input!$D$22=1,M7992*Input!$C$22,0)</f>
        <v>0.50211398770142379</v>
      </c>
      <c r="O7992" s="59">
        <f>IF(Input!$D$19=2,J7992*Input!$C$19,0)+IF(Input!$D$20=2,K7992*Input!$C$20,0)+IF(Input!$D$21=2,L7992*Input!$C$21,0)+IF(Input!$D$22=2,M7992*Input!$C$22,0)</f>
        <v>1.2552849692535595</v>
      </c>
      <c r="P7992" s="59">
        <f>IF(Input!$D$19=3,J7992*Input!$C$19,0)+IF(Input!$D$20=3,K7992*Input!$C$20,0)+IF(Input!$D$21=3,L7992*Input!$C$21,0)+IF(Input!$D$22=3,M7992*Input!$C$22,0)</f>
        <v>0</v>
      </c>
      <c r="Q7992" s="75">
        <f>IF(Input!$D$19=4,J7992*Input!$C$19,0)+IF(Input!$D$20=4,K7992*Input!$C$20,0)+IF(Input!$D$21=4,L7992*Input!$C$21,0)+IF(Input!$D$22=4,M7992*Input!$C$22,0)</f>
        <v>0</v>
      </c>
      <c r="R7992" s="58">
        <v>65.077031021986812</v>
      </c>
      <c r="S7992" s="124">
        <f t="shared" si="124"/>
        <v>2.1758272800395035</v>
      </c>
    </row>
    <row r="7993" spans="8:19" x14ac:dyDescent="0.3">
      <c r="H7993" s="44">
        <v>7986</v>
      </c>
      <c r="I7993" s="56">
        <f>Bühler!I8019</f>
        <v>0.50211398770142379</v>
      </c>
      <c r="J7993" s="59">
        <f>Bühler!J8019</f>
        <v>1.6737132923380795</v>
      </c>
      <c r="K7993" s="59">
        <f>Bühler!K8019</f>
        <v>2.510569938507119</v>
      </c>
      <c r="L7993" s="59">
        <f>Bühler!L8019</f>
        <v>12.050735704834171</v>
      </c>
      <c r="M7993" s="58">
        <f>Bühler!M8019</f>
        <v>0</v>
      </c>
      <c r="N7993" s="56">
        <f>IF(Input!$D$19=1,J7993*Input!$C$19,0)+IF(Input!$D$20=1,K7993*Input!$C$20,0)+IF(Input!$D$21=1,L7993*Input!$C$21,0)+IF(Input!$D$22=1,M7993*Input!$C$22,0)</f>
        <v>0.50211398770142379</v>
      </c>
      <c r="O7993" s="59">
        <f>IF(Input!$D$19=2,J7993*Input!$C$19,0)+IF(Input!$D$20=2,K7993*Input!$C$20,0)+IF(Input!$D$21=2,L7993*Input!$C$21,0)+IF(Input!$D$22=2,M7993*Input!$C$22,0)</f>
        <v>1.2552849692535595</v>
      </c>
      <c r="P7993" s="59">
        <f>IF(Input!$D$19=3,J7993*Input!$C$19,0)+IF(Input!$D$20=3,K7993*Input!$C$20,0)+IF(Input!$D$21=3,L7993*Input!$C$21,0)+IF(Input!$D$22=3,M7993*Input!$C$22,0)</f>
        <v>0</v>
      </c>
      <c r="Q7993" s="75">
        <f>IF(Input!$D$19=4,J7993*Input!$C$19,0)+IF(Input!$D$20=4,K7993*Input!$C$20,0)+IF(Input!$D$21=4,L7993*Input!$C$21,0)+IF(Input!$D$22=4,M7993*Input!$C$22,0)</f>
        <v>0</v>
      </c>
      <c r="R7993" s="58">
        <v>64.762441380234904</v>
      </c>
      <c r="S7993" s="124">
        <f t="shared" si="124"/>
        <v>2.1758272800395035</v>
      </c>
    </row>
    <row r="7994" spans="8:19" x14ac:dyDescent="0.3">
      <c r="H7994" s="44">
        <v>7987</v>
      </c>
      <c r="I7994" s="56">
        <f>Bühler!I8020</f>
        <v>0.50211398770142379</v>
      </c>
      <c r="J7994" s="59">
        <f>Bühler!J8020</f>
        <v>1.6737132923380795</v>
      </c>
      <c r="K7994" s="59">
        <f>Bühler!K8020</f>
        <v>2.510569938507119</v>
      </c>
      <c r="L7994" s="59">
        <f>Bühler!L8020</f>
        <v>12.050735704834171</v>
      </c>
      <c r="M7994" s="58">
        <f>Bühler!M8020</f>
        <v>0</v>
      </c>
      <c r="N7994" s="56">
        <f>IF(Input!$D$19=1,J7994*Input!$C$19,0)+IF(Input!$D$20=1,K7994*Input!$C$20,0)+IF(Input!$D$21=1,L7994*Input!$C$21,0)+IF(Input!$D$22=1,M7994*Input!$C$22,0)</f>
        <v>0.50211398770142379</v>
      </c>
      <c r="O7994" s="59">
        <f>IF(Input!$D$19=2,J7994*Input!$C$19,0)+IF(Input!$D$20=2,K7994*Input!$C$20,0)+IF(Input!$D$21=2,L7994*Input!$C$21,0)+IF(Input!$D$22=2,M7994*Input!$C$22,0)</f>
        <v>1.2552849692535595</v>
      </c>
      <c r="P7994" s="59">
        <f>IF(Input!$D$19=3,J7994*Input!$C$19,0)+IF(Input!$D$20=3,K7994*Input!$C$20,0)+IF(Input!$D$21=3,L7994*Input!$C$21,0)+IF(Input!$D$22=3,M7994*Input!$C$22,0)</f>
        <v>0</v>
      </c>
      <c r="Q7994" s="75">
        <f>IF(Input!$D$19=4,J7994*Input!$C$19,0)+IF(Input!$D$20=4,K7994*Input!$C$20,0)+IF(Input!$D$21=4,L7994*Input!$C$21,0)+IF(Input!$D$22=4,M7994*Input!$C$22,0)</f>
        <v>0</v>
      </c>
      <c r="R7994" s="58">
        <v>64.604691903028097</v>
      </c>
      <c r="S7994" s="124">
        <f t="shared" si="124"/>
        <v>2.1758272800395035</v>
      </c>
    </row>
    <row r="7995" spans="8:19" x14ac:dyDescent="0.3">
      <c r="H7995" s="44">
        <v>7988</v>
      </c>
      <c r="I7995" s="56">
        <f>Bühler!I8021</f>
        <v>0.41842832308451988</v>
      </c>
      <c r="J7995" s="59">
        <f>Bühler!J8021</f>
        <v>1.3947610769483996</v>
      </c>
      <c r="K7995" s="59">
        <f>Bühler!K8021</f>
        <v>2.0921416154225994</v>
      </c>
      <c r="L7995" s="59">
        <f>Bühler!L8021</f>
        <v>10.042279754028476</v>
      </c>
      <c r="M7995" s="58">
        <f>Bühler!M8021</f>
        <v>0</v>
      </c>
      <c r="N7995" s="56">
        <f>IF(Input!$D$19=1,J7995*Input!$C$19,0)+IF(Input!$D$20=1,K7995*Input!$C$20,0)+IF(Input!$D$21=1,L7995*Input!$C$21,0)+IF(Input!$D$22=1,M7995*Input!$C$22,0)</f>
        <v>0.41842832308451988</v>
      </c>
      <c r="O7995" s="59">
        <f>IF(Input!$D$19=2,J7995*Input!$C$19,0)+IF(Input!$D$20=2,K7995*Input!$C$20,0)+IF(Input!$D$21=2,L7995*Input!$C$21,0)+IF(Input!$D$22=2,M7995*Input!$C$22,0)</f>
        <v>1.0460708077112997</v>
      </c>
      <c r="P7995" s="59">
        <f>IF(Input!$D$19=3,J7995*Input!$C$19,0)+IF(Input!$D$20=3,K7995*Input!$C$20,0)+IF(Input!$D$21=3,L7995*Input!$C$21,0)+IF(Input!$D$22=3,M7995*Input!$C$22,0)</f>
        <v>0</v>
      </c>
      <c r="Q7995" s="75">
        <f>IF(Input!$D$19=4,J7995*Input!$C$19,0)+IF(Input!$D$20=4,K7995*Input!$C$20,0)+IF(Input!$D$21=4,L7995*Input!$C$21,0)+IF(Input!$D$22=4,M7995*Input!$C$22,0)</f>
        <v>0</v>
      </c>
      <c r="R7995" s="58">
        <v>63.829260148685357</v>
      </c>
      <c r="S7995" s="124">
        <f t="shared" si="124"/>
        <v>1.8131894000329194</v>
      </c>
    </row>
    <row r="7996" spans="8:19" x14ac:dyDescent="0.3">
      <c r="H7996" s="44">
        <v>7989</v>
      </c>
      <c r="I7996" s="56">
        <f>Bühler!I8022</f>
        <v>0.33474265846761592</v>
      </c>
      <c r="J7996" s="59">
        <f>Bühler!J8022</f>
        <v>1.1158088615587198</v>
      </c>
      <c r="K7996" s="59">
        <f>Bühler!K8022</f>
        <v>1.6737132923380798</v>
      </c>
      <c r="L7996" s="59">
        <f>Bühler!L8022</f>
        <v>8.0338238032227824</v>
      </c>
      <c r="M7996" s="58">
        <f>Bühler!M8022</f>
        <v>0</v>
      </c>
      <c r="N7996" s="56">
        <f>IF(Input!$D$19=1,J7996*Input!$C$19,0)+IF(Input!$D$20=1,K7996*Input!$C$20,0)+IF(Input!$D$21=1,L7996*Input!$C$21,0)+IF(Input!$D$22=1,M7996*Input!$C$22,0)</f>
        <v>0.33474265846761592</v>
      </c>
      <c r="O7996" s="59">
        <f>IF(Input!$D$19=2,J7996*Input!$C$19,0)+IF(Input!$D$20=2,K7996*Input!$C$20,0)+IF(Input!$D$21=2,L7996*Input!$C$21,0)+IF(Input!$D$22=2,M7996*Input!$C$22,0)</f>
        <v>0.83685664616903988</v>
      </c>
      <c r="P7996" s="59">
        <f>IF(Input!$D$19=3,J7996*Input!$C$19,0)+IF(Input!$D$20=3,K7996*Input!$C$20,0)+IF(Input!$D$21=3,L7996*Input!$C$21,0)+IF(Input!$D$22=3,M7996*Input!$C$22,0)</f>
        <v>0</v>
      </c>
      <c r="Q7996" s="75">
        <f>IF(Input!$D$19=4,J7996*Input!$C$19,0)+IF(Input!$D$20=4,K7996*Input!$C$20,0)+IF(Input!$D$21=4,L7996*Input!$C$21,0)+IF(Input!$D$22=4,M7996*Input!$C$22,0)</f>
        <v>0</v>
      </c>
      <c r="R7996" s="58">
        <v>61.462947126135823</v>
      </c>
      <c r="S7996" s="124">
        <f t="shared" si="124"/>
        <v>1.4505515200263357</v>
      </c>
    </row>
    <row r="7997" spans="8:19" x14ac:dyDescent="0.3">
      <c r="H7997" s="44">
        <v>7990</v>
      </c>
      <c r="I7997" s="56">
        <f>Bühler!I8023</f>
        <v>0.2510569938507119</v>
      </c>
      <c r="J7997" s="59">
        <f>Bühler!J8023</f>
        <v>0.83685664616903976</v>
      </c>
      <c r="K7997" s="59">
        <f>Bühler!K8023</f>
        <v>1.2552849692535595</v>
      </c>
      <c r="L7997" s="59">
        <f>Bühler!L8023</f>
        <v>6.0253678524170855</v>
      </c>
      <c r="M7997" s="58">
        <f>Bühler!M8023</f>
        <v>0</v>
      </c>
      <c r="N7997" s="56">
        <f>IF(Input!$D$19=1,J7997*Input!$C$19,0)+IF(Input!$D$20=1,K7997*Input!$C$20,0)+IF(Input!$D$21=1,L7997*Input!$C$21,0)+IF(Input!$D$22=1,M7997*Input!$C$22,0)</f>
        <v>0.2510569938507119</v>
      </c>
      <c r="O7997" s="59">
        <f>IF(Input!$D$19=2,J7997*Input!$C$19,0)+IF(Input!$D$20=2,K7997*Input!$C$20,0)+IF(Input!$D$21=2,L7997*Input!$C$21,0)+IF(Input!$D$22=2,M7997*Input!$C$22,0)</f>
        <v>0.62764248462677974</v>
      </c>
      <c r="P7997" s="59">
        <f>IF(Input!$D$19=3,J7997*Input!$C$19,0)+IF(Input!$D$20=3,K7997*Input!$C$20,0)+IF(Input!$D$21=3,L7997*Input!$C$21,0)+IF(Input!$D$22=3,M7997*Input!$C$22,0)</f>
        <v>0</v>
      </c>
      <c r="Q7997" s="75">
        <f>IF(Input!$D$19=4,J7997*Input!$C$19,0)+IF(Input!$D$20=4,K7997*Input!$C$20,0)+IF(Input!$D$21=4,L7997*Input!$C$21,0)+IF(Input!$D$22=4,M7997*Input!$C$22,0)</f>
        <v>0</v>
      </c>
      <c r="R7997" s="58">
        <v>59.637777932917082</v>
      </c>
      <c r="S7997" s="124">
        <f t="shared" si="124"/>
        <v>1.0879136400197518</v>
      </c>
    </row>
    <row r="7998" spans="8:19" x14ac:dyDescent="0.3">
      <c r="H7998" s="44">
        <v>7991</v>
      </c>
      <c r="I7998" s="56">
        <f>Bühler!I8024</f>
        <v>0.2510569938507119</v>
      </c>
      <c r="J7998" s="59">
        <f>Bühler!J8024</f>
        <v>0.83685664616903976</v>
      </c>
      <c r="K7998" s="59">
        <f>Bühler!K8024</f>
        <v>1.2552849692535595</v>
      </c>
      <c r="L7998" s="59">
        <f>Bühler!L8024</f>
        <v>6.0253678524170855</v>
      </c>
      <c r="M7998" s="58">
        <f>Bühler!M8024</f>
        <v>0</v>
      </c>
      <c r="N7998" s="56">
        <f>IF(Input!$D$19=1,J7998*Input!$C$19,0)+IF(Input!$D$20=1,K7998*Input!$C$20,0)+IF(Input!$D$21=1,L7998*Input!$C$21,0)+IF(Input!$D$22=1,M7998*Input!$C$22,0)</f>
        <v>0.2510569938507119</v>
      </c>
      <c r="O7998" s="59">
        <f>IF(Input!$D$19=2,J7998*Input!$C$19,0)+IF(Input!$D$20=2,K7998*Input!$C$20,0)+IF(Input!$D$21=2,L7998*Input!$C$21,0)+IF(Input!$D$22=2,M7998*Input!$C$22,0)</f>
        <v>0.62764248462677974</v>
      </c>
      <c r="P7998" s="59">
        <f>IF(Input!$D$19=3,J7998*Input!$C$19,0)+IF(Input!$D$20=3,K7998*Input!$C$20,0)+IF(Input!$D$21=3,L7998*Input!$C$21,0)+IF(Input!$D$22=3,M7998*Input!$C$22,0)</f>
        <v>0</v>
      </c>
      <c r="Q7998" s="75">
        <f>IF(Input!$D$19=4,J7998*Input!$C$19,0)+IF(Input!$D$20=4,K7998*Input!$C$20,0)+IF(Input!$D$21=4,L7998*Input!$C$21,0)+IF(Input!$D$22=4,M7998*Input!$C$22,0)</f>
        <v>0</v>
      </c>
      <c r="R7998" s="58">
        <v>58.692077799462716</v>
      </c>
      <c r="S7998" s="124">
        <f t="shared" si="124"/>
        <v>1.0879136400197518</v>
      </c>
    </row>
    <row r="7999" spans="8:19" x14ac:dyDescent="0.3">
      <c r="H7999" s="44">
        <v>7992</v>
      </c>
      <c r="I7999" s="56">
        <f>Bühler!I8025</f>
        <v>0.2510569938507119</v>
      </c>
      <c r="J7999" s="59">
        <f>Bühler!J8025</f>
        <v>0.83685664616903976</v>
      </c>
      <c r="K7999" s="59">
        <f>Bühler!K8025</f>
        <v>1.2552849692535595</v>
      </c>
      <c r="L7999" s="59">
        <f>Bühler!L8025</f>
        <v>6.0253678524170855</v>
      </c>
      <c r="M7999" s="58">
        <f>Bühler!M8025</f>
        <v>0</v>
      </c>
      <c r="N7999" s="56">
        <f>IF(Input!$D$19=1,J7999*Input!$C$19,0)+IF(Input!$D$20=1,K7999*Input!$C$20,0)+IF(Input!$D$21=1,L7999*Input!$C$21,0)+IF(Input!$D$22=1,M7999*Input!$C$22,0)</f>
        <v>0.2510569938507119</v>
      </c>
      <c r="O7999" s="59">
        <f>IF(Input!$D$19=2,J7999*Input!$C$19,0)+IF(Input!$D$20=2,K7999*Input!$C$20,0)+IF(Input!$D$21=2,L7999*Input!$C$21,0)+IF(Input!$D$22=2,M7999*Input!$C$22,0)</f>
        <v>0.62764248462677974</v>
      </c>
      <c r="P7999" s="59">
        <f>IF(Input!$D$19=3,J7999*Input!$C$19,0)+IF(Input!$D$20=3,K7999*Input!$C$20,0)+IF(Input!$D$21=3,L7999*Input!$C$21,0)+IF(Input!$D$22=3,M7999*Input!$C$22,0)</f>
        <v>0</v>
      </c>
      <c r="Q7999" s="75">
        <f>IF(Input!$D$19=4,J7999*Input!$C$19,0)+IF(Input!$D$20=4,K7999*Input!$C$20,0)+IF(Input!$D$21=4,L7999*Input!$C$21,0)+IF(Input!$D$22=4,M7999*Input!$C$22,0)</f>
        <v>0</v>
      </c>
      <c r="R7999" s="58">
        <v>57.778142453522463</v>
      </c>
      <c r="S7999" s="124">
        <f t="shared" si="124"/>
        <v>1.0879136400197518</v>
      </c>
    </row>
    <row r="8000" spans="8:19" x14ac:dyDescent="0.3">
      <c r="H8000" s="44">
        <v>7993</v>
      </c>
      <c r="I8000" s="56">
        <f>Bühler!I8026</f>
        <v>0.28193142993743331</v>
      </c>
      <c r="J8000" s="59">
        <f>Bühler!J8026</f>
        <v>0.93977143312477784</v>
      </c>
      <c r="K8000" s="59">
        <f>Bühler!K8026</f>
        <v>1.4096571496871666</v>
      </c>
      <c r="L8000" s="59">
        <f>Bühler!L8026</f>
        <v>6.7663543184983999</v>
      </c>
      <c r="M8000" s="58">
        <f>Bühler!M8026</f>
        <v>0</v>
      </c>
      <c r="N8000" s="56">
        <f>IF(Input!$D$19=1,J8000*Input!$C$19,0)+IF(Input!$D$20=1,K8000*Input!$C$20,0)+IF(Input!$D$21=1,L8000*Input!$C$21,0)+IF(Input!$D$22=1,M8000*Input!$C$22,0)</f>
        <v>0.28193142993743336</v>
      </c>
      <c r="O8000" s="59">
        <f>IF(Input!$D$19=2,J8000*Input!$C$19,0)+IF(Input!$D$20=2,K8000*Input!$C$20,0)+IF(Input!$D$21=2,L8000*Input!$C$21,0)+IF(Input!$D$22=2,M8000*Input!$C$22,0)</f>
        <v>0.7048285748435833</v>
      </c>
      <c r="P8000" s="59">
        <f>IF(Input!$D$19=3,J8000*Input!$C$19,0)+IF(Input!$D$20=3,K8000*Input!$C$20,0)+IF(Input!$D$21=3,L8000*Input!$C$21,0)+IF(Input!$D$22=3,M8000*Input!$C$22,0)</f>
        <v>0</v>
      </c>
      <c r="Q8000" s="75">
        <f>IF(Input!$D$19=4,J8000*Input!$C$19,0)+IF(Input!$D$20=4,K8000*Input!$C$20,0)+IF(Input!$D$21=4,L8000*Input!$C$21,0)+IF(Input!$D$22=4,M8000*Input!$C$22,0)</f>
        <v>0</v>
      </c>
      <c r="R8000" s="58">
        <v>56.850050066001643</v>
      </c>
      <c r="S8000" s="124">
        <f t="shared" si="124"/>
        <v>1.2217028630622111</v>
      </c>
    </row>
    <row r="8001" spans="8:19" x14ac:dyDescent="0.3">
      <c r="H8001" s="44">
        <v>7994</v>
      </c>
      <c r="I8001" s="56">
        <f>Bühler!I8027</f>
        <v>0.28193142993743331</v>
      </c>
      <c r="J8001" s="59">
        <f>Bühler!J8027</f>
        <v>0.93977143312477784</v>
      </c>
      <c r="K8001" s="59">
        <f>Bühler!K8027</f>
        <v>1.4096571496871666</v>
      </c>
      <c r="L8001" s="59">
        <f>Bühler!L8027</f>
        <v>6.7663543184983999</v>
      </c>
      <c r="M8001" s="58">
        <f>Bühler!M8027</f>
        <v>0</v>
      </c>
      <c r="N8001" s="56">
        <f>IF(Input!$D$19=1,J8001*Input!$C$19,0)+IF(Input!$D$20=1,K8001*Input!$C$20,0)+IF(Input!$D$21=1,L8001*Input!$C$21,0)+IF(Input!$D$22=1,M8001*Input!$C$22,0)</f>
        <v>0.28193142993743336</v>
      </c>
      <c r="O8001" s="59">
        <f>IF(Input!$D$19=2,J8001*Input!$C$19,0)+IF(Input!$D$20=2,K8001*Input!$C$20,0)+IF(Input!$D$21=2,L8001*Input!$C$21,0)+IF(Input!$D$22=2,M8001*Input!$C$22,0)</f>
        <v>0.7048285748435833</v>
      </c>
      <c r="P8001" s="59">
        <f>IF(Input!$D$19=3,J8001*Input!$C$19,0)+IF(Input!$D$20=3,K8001*Input!$C$20,0)+IF(Input!$D$21=3,L8001*Input!$C$21,0)+IF(Input!$D$22=3,M8001*Input!$C$22,0)</f>
        <v>0</v>
      </c>
      <c r="Q8001" s="75">
        <f>IF(Input!$D$19=4,J8001*Input!$C$19,0)+IF(Input!$D$20=4,K8001*Input!$C$20,0)+IF(Input!$D$21=4,L8001*Input!$C$21,0)+IF(Input!$D$22=4,M8001*Input!$C$22,0)</f>
        <v>0</v>
      </c>
      <c r="R8001" s="58">
        <v>57.795186480916527</v>
      </c>
      <c r="S8001" s="124">
        <f t="shared" si="124"/>
        <v>1.2217028630622111</v>
      </c>
    </row>
    <row r="8002" spans="8:19" x14ac:dyDescent="0.3">
      <c r="H8002" s="44">
        <v>7995</v>
      </c>
      <c r="I8002" s="56">
        <f>Bühler!I8028</f>
        <v>0.28193142993743331</v>
      </c>
      <c r="J8002" s="59">
        <f>Bühler!J8028</f>
        <v>0.93977143312477784</v>
      </c>
      <c r="K8002" s="59">
        <f>Bühler!K8028</f>
        <v>1.4096571496871666</v>
      </c>
      <c r="L8002" s="59">
        <f>Bühler!L8028</f>
        <v>6.7663543184983999</v>
      </c>
      <c r="M8002" s="58">
        <f>Bühler!M8028</f>
        <v>0</v>
      </c>
      <c r="N8002" s="56">
        <f>IF(Input!$D$19=1,J8002*Input!$C$19,0)+IF(Input!$D$20=1,K8002*Input!$C$20,0)+IF(Input!$D$21=1,L8002*Input!$C$21,0)+IF(Input!$D$22=1,M8002*Input!$C$22,0)</f>
        <v>0.28193142993743336</v>
      </c>
      <c r="O8002" s="59">
        <f>IF(Input!$D$19=2,J8002*Input!$C$19,0)+IF(Input!$D$20=2,K8002*Input!$C$20,0)+IF(Input!$D$21=2,L8002*Input!$C$21,0)+IF(Input!$D$22=2,M8002*Input!$C$22,0)</f>
        <v>0.7048285748435833</v>
      </c>
      <c r="P8002" s="59">
        <f>IF(Input!$D$19=3,J8002*Input!$C$19,0)+IF(Input!$D$20=3,K8002*Input!$C$20,0)+IF(Input!$D$21=3,L8002*Input!$C$21,0)+IF(Input!$D$22=3,M8002*Input!$C$22,0)</f>
        <v>0</v>
      </c>
      <c r="Q8002" s="75">
        <f>IF(Input!$D$19=4,J8002*Input!$C$19,0)+IF(Input!$D$20=4,K8002*Input!$C$20,0)+IF(Input!$D$21=4,L8002*Input!$C$21,0)+IF(Input!$D$22=4,M8002*Input!$C$22,0)</f>
        <v>0</v>
      </c>
      <c r="R8002" s="58">
        <v>58.739950058222476</v>
      </c>
      <c r="S8002" s="124">
        <f t="shared" si="124"/>
        <v>1.2217028630622111</v>
      </c>
    </row>
    <row r="8003" spans="8:19" x14ac:dyDescent="0.3">
      <c r="H8003" s="44">
        <v>7996</v>
      </c>
      <c r="I8003" s="56">
        <f>Bühler!I8029</f>
        <v>0.28193142993743331</v>
      </c>
      <c r="J8003" s="59">
        <f>Bühler!J8029</f>
        <v>0.93977143312477784</v>
      </c>
      <c r="K8003" s="59">
        <f>Bühler!K8029</f>
        <v>1.4096571496871666</v>
      </c>
      <c r="L8003" s="59">
        <f>Bühler!L8029</f>
        <v>6.7663543184983999</v>
      </c>
      <c r="M8003" s="58">
        <f>Bühler!M8029</f>
        <v>0</v>
      </c>
      <c r="N8003" s="56">
        <f>IF(Input!$D$19=1,J8003*Input!$C$19,0)+IF(Input!$D$20=1,K8003*Input!$C$20,0)+IF(Input!$D$21=1,L8003*Input!$C$21,0)+IF(Input!$D$22=1,M8003*Input!$C$22,0)</f>
        <v>0.28193142993743336</v>
      </c>
      <c r="O8003" s="59">
        <f>IF(Input!$D$19=2,J8003*Input!$C$19,0)+IF(Input!$D$20=2,K8003*Input!$C$20,0)+IF(Input!$D$21=2,L8003*Input!$C$21,0)+IF(Input!$D$22=2,M8003*Input!$C$22,0)</f>
        <v>0.7048285748435833</v>
      </c>
      <c r="P8003" s="59">
        <f>IF(Input!$D$19=3,J8003*Input!$C$19,0)+IF(Input!$D$20=3,K8003*Input!$C$20,0)+IF(Input!$D$21=3,L8003*Input!$C$21,0)+IF(Input!$D$22=3,M8003*Input!$C$22,0)</f>
        <v>0</v>
      </c>
      <c r="Q8003" s="75">
        <f>IF(Input!$D$19=4,J8003*Input!$C$19,0)+IF(Input!$D$20=4,K8003*Input!$C$20,0)+IF(Input!$D$21=4,L8003*Input!$C$21,0)+IF(Input!$D$22=4,M8003*Input!$C$22,0)</f>
        <v>0</v>
      </c>
      <c r="R8003" s="58">
        <v>59.044550970700854</v>
      </c>
      <c r="S8003" s="124">
        <f t="shared" si="124"/>
        <v>1.2217028630622111</v>
      </c>
    </row>
    <row r="8004" spans="8:19" x14ac:dyDescent="0.3">
      <c r="H8004" s="44">
        <v>7997</v>
      </c>
      <c r="I8004" s="56">
        <f>Bühler!I8030</f>
        <v>0.28193142993743331</v>
      </c>
      <c r="J8004" s="59">
        <f>Bühler!J8030</f>
        <v>0.93977143312477784</v>
      </c>
      <c r="K8004" s="59">
        <f>Bühler!K8030</f>
        <v>1.4096571496871666</v>
      </c>
      <c r="L8004" s="59">
        <f>Bühler!L8030</f>
        <v>6.7663543184983999</v>
      </c>
      <c r="M8004" s="58">
        <f>Bühler!M8030</f>
        <v>0</v>
      </c>
      <c r="N8004" s="56">
        <f>IF(Input!$D$19=1,J8004*Input!$C$19,0)+IF(Input!$D$20=1,K8004*Input!$C$20,0)+IF(Input!$D$21=1,L8004*Input!$C$21,0)+IF(Input!$D$22=1,M8004*Input!$C$22,0)</f>
        <v>0.28193142993743336</v>
      </c>
      <c r="O8004" s="59">
        <f>IF(Input!$D$19=2,J8004*Input!$C$19,0)+IF(Input!$D$20=2,K8004*Input!$C$20,0)+IF(Input!$D$21=2,L8004*Input!$C$21,0)+IF(Input!$D$22=2,M8004*Input!$C$22,0)</f>
        <v>0.7048285748435833</v>
      </c>
      <c r="P8004" s="59">
        <f>IF(Input!$D$19=3,J8004*Input!$C$19,0)+IF(Input!$D$20=3,K8004*Input!$C$20,0)+IF(Input!$D$21=3,L8004*Input!$C$21,0)+IF(Input!$D$22=3,M8004*Input!$C$22,0)</f>
        <v>0</v>
      </c>
      <c r="Q8004" s="75">
        <f>IF(Input!$D$19=4,J8004*Input!$C$19,0)+IF(Input!$D$20=4,K8004*Input!$C$20,0)+IF(Input!$D$21=4,L8004*Input!$C$21,0)+IF(Input!$D$22=4,M8004*Input!$C$22,0)</f>
        <v>0</v>
      </c>
      <c r="R8004" s="58">
        <v>60.106997976661141</v>
      </c>
      <c r="S8004" s="124">
        <f t="shared" si="124"/>
        <v>1.2217028630622111</v>
      </c>
    </row>
    <row r="8005" spans="8:19" x14ac:dyDescent="0.3">
      <c r="H8005" s="44">
        <v>7998</v>
      </c>
      <c r="I8005" s="56">
        <f>Bühler!I8031</f>
        <v>0.36337828747491413</v>
      </c>
      <c r="J8005" s="59">
        <f>Bühler!J8031</f>
        <v>1.2112609582497138</v>
      </c>
      <c r="K8005" s="59">
        <f>Bühler!K8031</f>
        <v>1.8168914373745706</v>
      </c>
      <c r="L8005" s="59">
        <f>Bühler!L8031</f>
        <v>8.7210788993979396</v>
      </c>
      <c r="M8005" s="58">
        <f>Bühler!M8031</f>
        <v>0</v>
      </c>
      <c r="N8005" s="56">
        <f>IF(Input!$D$19=1,J8005*Input!$C$19,0)+IF(Input!$D$20=1,K8005*Input!$C$20,0)+IF(Input!$D$21=1,L8005*Input!$C$21,0)+IF(Input!$D$22=1,M8005*Input!$C$22,0)</f>
        <v>0.36337828747491413</v>
      </c>
      <c r="O8005" s="59">
        <f>IF(Input!$D$19=2,J8005*Input!$C$19,0)+IF(Input!$D$20=2,K8005*Input!$C$20,0)+IF(Input!$D$21=2,L8005*Input!$C$21,0)+IF(Input!$D$22=2,M8005*Input!$C$22,0)</f>
        <v>0.9084457186872853</v>
      </c>
      <c r="P8005" s="59">
        <f>IF(Input!$D$19=3,J8005*Input!$C$19,0)+IF(Input!$D$20=3,K8005*Input!$C$20,0)+IF(Input!$D$21=3,L8005*Input!$C$21,0)+IF(Input!$D$22=3,M8005*Input!$C$22,0)</f>
        <v>0</v>
      </c>
      <c r="Q8005" s="75">
        <f>IF(Input!$D$19=4,J8005*Input!$C$19,0)+IF(Input!$D$20=4,K8005*Input!$C$20,0)+IF(Input!$D$21=4,L8005*Input!$C$21,0)+IF(Input!$D$22=4,M8005*Input!$C$22,0)</f>
        <v>0</v>
      </c>
      <c r="R8005" s="58">
        <v>63.020248845412162</v>
      </c>
      <c r="S8005" s="124">
        <f t="shared" si="124"/>
        <v>1.5746392457246279</v>
      </c>
    </row>
    <row r="8006" spans="8:19" x14ac:dyDescent="0.3">
      <c r="H8006" s="44">
        <v>7999</v>
      </c>
      <c r="I8006" s="56">
        <f>Bühler!I8032</f>
        <v>0.43856000212489632</v>
      </c>
      <c r="J8006" s="59">
        <f>Bühler!J8032</f>
        <v>1.4618666737496546</v>
      </c>
      <c r="K8006" s="59">
        <f>Bühler!K8032</f>
        <v>2.1928000106244818</v>
      </c>
      <c r="L8006" s="59">
        <f>Bühler!L8032</f>
        <v>10.525440050997512</v>
      </c>
      <c r="M8006" s="58">
        <f>Bühler!M8032</f>
        <v>0</v>
      </c>
      <c r="N8006" s="56">
        <f>IF(Input!$D$19=1,J8006*Input!$C$19,0)+IF(Input!$D$20=1,K8006*Input!$C$20,0)+IF(Input!$D$21=1,L8006*Input!$C$21,0)+IF(Input!$D$22=1,M8006*Input!$C$22,0)</f>
        <v>0.43856000212489638</v>
      </c>
      <c r="O8006" s="59">
        <f>IF(Input!$D$19=2,J8006*Input!$C$19,0)+IF(Input!$D$20=2,K8006*Input!$C$20,0)+IF(Input!$D$21=2,L8006*Input!$C$21,0)+IF(Input!$D$22=2,M8006*Input!$C$22,0)</f>
        <v>1.0964000053122409</v>
      </c>
      <c r="P8006" s="59">
        <f>IF(Input!$D$19=3,J8006*Input!$C$19,0)+IF(Input!$D$20=3,K8006*Input!$C$20,0)+IF(Input!$D$21=3,L8006*Input!$C$21,0)+IF(Input!$D$22=3,M8006*Input!$C$22,0)</f>
        <v>0</v>
      </c>
      <c r="Q8006" s="75">
        <f>IF(Input!$D$19=4,J8006*Input!$C$19,0)+IF(Input!$D$20=4,K8006*Input!$C$20,0)+IF(Input!$D$21=4,L8006*Input!$C$21,0)+IF(Input!$D$22=4,M8006*Input!$C$22,0)</f>
        <v>0</v>
      </c>
      <c r="R8006" s="58">
        <v>65.323314201237594</v>
      </c>
      <c r="S8006" s="124">
        <f t="shared" si="124"/>
        <v>1.9004266758745509</v>
      </c>
    </row>
    <row r="8007" spans="8:19" x14ac:dyDescent="0.3">
      <c r="H8007" s="44">
        <v>8000</v>
      </c>
      <c r="I8007" s="56">
        <f>Bühler!I8033</f>
        <v>0.43856000212489632</v>
      </c>
      <c r="J8007" s="59">
        <f>Bühler!J8033</f>
        <v>1.4618666737496546</v>
      </c>
      <c r="K8007" s="59">
        <f>Bühler!K8033</f>
        <v>2.1928000106244818</v>
      </c>
      <c r="L8007" s="59">
        <f>Bühler!L8033</f>
        <v>10.525440050997512</v>
      </c>
      <c r="M8007" s="58">
        <f>Bühler!M8033</f>
        <v>0</v>
      </c>
      <c r="N8007" s="56">
        <f>IF(Input!$D$19=1,J8007*Input!$C$19,0)+IF(Input!$D$20=1,K8007*Input!$C$20,0)+IF(Input!$D$21=1,L8007*Input!$C$21,0)+IF(Input!$D$22=1,M8007*Input!$C$22,0)</f>
        <v>0.43856000212489638</v>
      </c>
      <c r="O8007" s="59">
        <f>IF(Input!$D$19=2,J8007*Input!$C$19,0)+IF(Input!$D$20=2,K8007*Input!$C$20,0)+IF(Input!$D$21=2,L8007*Input!$C$21,0)+IF(Input!$D$22=2,M8007*Input!$C$22,0)</f>
        <v>1.0964000053122409</v>
      </c>
      <c r="P8007" s="59">
        <f>IF(Input!$D$19=3,J8007*Input!$C$19,0)+IF(Input!$D$20=3,K8007*Input!$C$20,0)+IF(Input!$D$21=3,L8007*Input!$C$21,0)+IF(Input!$D$22=3,M8007*Input!$C$22,0)</f>
        <v>0</v>
      </c>
      <c r="Q8007" s="75">
        <f>IF(Input!$D$19=4,J8007*Input!$C$19,0)+IF(Input!$D$20=4,K8007*Input!$C$20,0)+IF(Input!$D$21=4,L8007*Input!$C$21,0)+IF(Input!$D$22=4,M8007*Input!$C$22,0)</f>
        <v>0</v>
      </c>
      <c r="R8007" s="58">
        <v>65.917320966581542</v>
      </c>
      <c r="S8007" s="124">
        <f t="shared" si="124"/>
        <v>1.9004266758745509</v>
      </c>
    </row>
    <row r="8008" spans="8:19" x14ac:dyDescent="0.3">
      <c r="H8008" s="44">
        <v>8001</v>
      </c>
      <c r="I8008" s="56">
        <f>Bühler!I8034</f>
        <v>0.43856000212489632</v>
      </c>
      <c r="J8008" s="59">
        <f>Bühler!J8034</f>
        <v>1.4618666737496546</v>
      </c>
      <c r="K8008" s="59">
        <f>Bühler!K8034</f>
        <v>2.1928000106244818</v>
      </c>
      <c r="L8008" s="59">
        <f>Bühler!L8034</f>
        <v>10.525440050997512</v>
      </c>
      <c r="M8008" s="58">
        <f>Bühler!M8034</f>
        <v>0</v>
      </c>
      <c r="N8008" s="56">
        <f>IF(Input!$D$19=1,J8008*Input!$C$19,0)+IF(Input!$D$20=1,K8008*Input!$C$20,0)+IF(Input!$D$21=1,L8008*Input!$C$21,0)+IF(Input!$D$22=1,M8008*Input!$C$22,0)</f>
        <v>0.43856000212489638</v>
      </c>
      <c r="O8008" s="59">
        <f>IF(Input!$D$19=2,J8008*Input!$C$19,0)+IF(Input!$D$20=2,K8008*Input!$C$20,0)+IF(Input!$D$21=2,L8008*Input!$C$21,0)+IF(Input!$D$22=2,M8008*Input!$C$22,0)</f>
        <v>1.0964000053122409</v>
      </c>
      <c r="P8008" s="59">
        <f>IF(Input!$D$19=3,J8008*Input!$C$19,0)+IF(Input!$D$20=3,K8008*Input!$C$20,0)+IF(Input!$D$21=3,L8008*Input!$C$21,0)+IF(Input!$D$22=3,M8008*Input!$C$22,0)</f>
        <v>0</v>
      </c>
      <c r="Q8008" s="75">
        <f>IF(Input!$D$19=4,J8008*Input!$C$19,0)+IF(Input!$D$20=4,K8008*Input!$C$20,0)+IF(Input!$D$21=4,L8008*Input!$C$21,0)+IF(Input!$D$22=4,M8008*Input!$C$22,0)</f>
        <v>0</v>
      </c>
      <c r="R8008" s="58">
        <v>65.689041397405546</v>
      </c>
      <c r="S8008" s="124">
        <f t="shared" si="124"/>
        <v>1.9004266758745509</v>
      </c>
    </row>
    <row r="8009" spans="8:19" x14ac:dyDescent="0.3">
      <c r="H8009" s="44">
        <v>8002</v>
      </c>
      <c r="I8009" s="56">
        <f>Bühler!I8035</f>
        <v>0.46988571656238887</v>
      </c>
      <c r="J8009" s="59">
        <f>Bühler!J8035</f>
        <v>1.5662857218746298</v>
      </c>
      <c r="K8009" s="59">
        <f>Bühler!K8035</f>
        <v>2.3494285828119446</v>
      </c>
      <c r="L8009" s="59">
        <f>Bühler!L8035</f>
        <v>11.277257197497333</v>
      </c>
      <c r="M8009" s="58">
        <f>Bühler!M8035</f>
        <v>0</v>
      </c>
      <c r="N8009" s="56">
        <f>IF(Input!$D$19=1,J8009*Input!$C$19,0)+IF(Input!$D$20=1,K8009*Input!$C$20,0)+IF(Input!$D$21=1,L8009*Input!$C$21,0)+IF(Input!$D$22=1,M8009*Input!$C$22,0)</f>
        <v>0.46988571656238892</v>
      </c>
      <c r="O8009" s="59">
        <f>IF(Input!$D$19=2,J8009*Input!$C$19,0)+IF(Input!$D$20=2,K8009*Input!$C$20,0)+IF(Input!$D$21=2,L8009*Input!$C$21,0)+IF(Input!$D$22=2,M8009*Input!$C$22,0)</f>
        <v>1.1747142914059723</v>
      </c>
      <c r="P8009" s="59">
        <f>IF(Input!$D$19=3,J8009*Input!$C$19,0)+IF(Input!$D$20=3,K8009*Input!$C$20,0)+IF(Input!$D$21=3,L8009*Input!$C$21,0)+IF(Input!$D$22=3,M8009*Input!$C$22,0)</f>
        <v>0</v>
      </c>
      <c r="Q8009" s="75">
        <f>IF(Input!$D$19=4,J8009*Input!$C$19,0)+IF(Input!$D$20=4,K8009*Input!$C$20,0)+IF(Input!$D$21=4,L8009*Input!$C$21,0)+IF(Input!$D$22=4,M8009*Input!$C$22,0)</f>
        <v>0</v>
      </c>
      <c r="R8009" s="58">
        <v>65.556110579676528</v>
      </c>
      <c r="S8009" s="124">
        <f t="shared" ref="S8009:S8072" si="125">I8009+J8009</f>
        <v>2.0361714384370186</v>
      </c>
    </row>
    <row r="8010" spans="8:19" x14ac:dyDescent="0.3">
      <c r="H8010" s="44">
        <v>8003</v>
      </c>
      <c r="I8010" s="56">
        <f>Bühler!I8036</f>
        <v>0.48868114522488448</v>
      </c>
      <c r="J8010" s="59">
        <f>Bühler!J8036</f>
        <v>1.6289371507496151</v>
      </c>
      <c r="K8010" s="59">
        <f>Bühler!K8036</f>
        <v>2.4434057261244222</v>
      </c>
      <c r="L8010" s="59">
        <f>Bühler!L8036</f>
        <v>11.728347485397228</v>
      </c>
      <c r="M8010" s="58">
        <f>Bühler!M8036</f>
        <v>0</v>
      </c>
      <c r="N8010" s="56">
        <f>IF(Input!$D$19=1,J8010*Input!$C$19,0)+IF(Input!$D$20=1,K8010*Input!$C$20,0)+IF(Input!$D$21=1,L8010*Input!$C$21,0)+IF(Input!$D$22=1,M8010*Input!$C$22,0)</f>
        <v>0.48868114522488448</v>
      </c>
      <c r="O8010" s="59">
        <f>IF(Input!$D$19=2,J8010*Input!$C$19,0)+IF(Input!$D$20=2,K8010*Input!$C$20,0)+IF(Input!$D$21=2,L8010*Input!$C$21,0)+IF(Input!$D$22=2,M8010*Input!$C$22,0)</f>
        <v>1.2217028630622111</v>
      </c>
      <c r="P8010" s="59">
        <f>IF(Input!$D$19=3,J8010*Input!$C$19,0)+IF(Input!$D$20=3,K8010*Input!$C$20,0)+IF(Input!$D$21=3,L8010*Input!$C$21,0)+IF(Input!$D$22=3,M8010*Input!$C$22,0)</f>
        <v>0</v>
      </c>
      <c r="Q8010" s="75">
        <f>IF(Input!$D$19=4,J8010*Input!$C$19,0)+IF(Input!$D$20=4,K8010*Input!$C$20,0)+IF(Input!$D$21=4,L8010*Input!$C$21,0)+IF(Input!$D$22=4,M8010*Input!$C$22,0)</f>
        <v>0</v>
      </c>
      <c r="R8010" s="58">
        <v>65.876650245997666</v>
      </c>
      <c r="S8010" s="124">
        <f t="shared" si="125"/>
        <v>2.1176182959744994</v>
      </c>
    </row>
    <row r="8011" spans="8:19" x14ac:dyDescent="0.3">
      <c r="H8011" s="44">
        <v>8004</v>
      </c>
      <c r="I8011" s="56">
        <f>Bühler!I8037</f>
        <v>0.56386285987486662</v>
      </c>
      <c r="J8011" s="59">
        <f>Bühler!J8037</f>
        <v>1.8795428662495557</v>
      </c>
      <c r="K8011" s="59">
        <f>Bühler!K8037</f>
        <v>2.8193142993743332</v>
      </c>
      <c r="L8011" s="59">
        <f>Bühler!L8037</f>
        <v>13.5327086369968</v>
      </c>
      <c r="M8011" s="58">
        <f>Bühler!M8037</f>
        <v>0</v>
      </c>
      <c r="N8011" s="56">
        <f>IF(Input!$D$19=1,J8011*Input!$C$19,0)+IF(Input!$D$20=1,K8011*Input!$C$20,0)+IF(Input!$D$21=1,L8011*Input!$C$21,0)+IF(Input!$D$22=1,M8011*Input!$C$22,0)</f>
        <v>0.56386285987486673</v>
      </c>
      <c r="O8011" s="59">
        <f>IF(Input!$D$19=2,J8011*Input!$C$19,0)+IF(Input!$D$20=2,K8011*Input!$C$20,0)+IF(Input!$D$21=2,L8011*Input!$C$21,0)+IF(Input!$D$22=2,M8011*Input!$C$22,0)</f>
        <v>1.4096571496871666</v>
      </c>
      <c r="P8011" s="59">
        <f>IF(Input!$D$19=3,J8011*Input!$C$19,0)+IF(Input!$D$20=3,K8011*Input!$C$20,0)+IF(Input!$D$21=3,L8011*Input!$C$21,0)+IF(Input!$D$22=3,M8011*Input!$C$22,0)</f>
        <v>0</v>
      </c>
      <c r="Q8011" s="75">
        <f>IF(Input!$D$19=4,J8011*Input!$C$19,0)+IF(Input!$D$20=4,K8011*Input!$C$20,0)+IF(Input!$D$21=4,L8011*Input!$C$21,0)+IF(Input!$D$22=4,M8011*Input!$C$22,0)</f>
        <v>0</v>
      </c>
      <c r="R8011" s="58">
        <v>65.797844861583599</v>
      </c>
      <c r="S8011" s="124">
        <f t="shared" si="125"/>
        <v>2.4434057261244222</v>
      </c>
    </row>
    <row r="8012" spans="8:19" x14ac:dyDescent="0.3">
      <c r="H8012" s="44">
        <v>8005</v>
      </c>
      <c r="I8012" s="56">
        <f>Bühler!I8038</f>
        <v>0.56386285987486662</v>
      </c>
      <c r="J8012" s="59">
        <f>Bühler!J8038</f>
        <v>1.8795428662495557</v>
      </c>
      <c r="K8012" s="59">
        <f>Bühler!K8038</f>
        <v>2.8193142993743332</v>
      </c>
      <c r="L8012" s="59">
        <f>Bühler!L8038</f>
        <v>13.5327086369968</v>
      </c>
      <c r="M8012" s="58">
        <f>Bühler!M8038</f>
        <v>0</v>
      </c>
      <c r="N8012" s="56">
        <f>IF(Input!$D$19=1,J8012*Input!$C$19,0)+IF(Input!$D$20=1,K8012*Input!$C$20,0)+IF(Input!$D$21=1,L8012*Input!$C$21,0)+IF(Input!$D$22=1,M8012*Input!$C$22,0)</f>
        <v>0.56386285987486673</v>
      </c>
      <c r="O8012" s="59">
        <f>IF(Input!$D$19=2,J8012*Input!$C$19,0)+IF(Input!$D$20=2,K8012*Input!$C$20,0)+IF(Input!$D$21=2,L8012*Input!$C$21,0)+IF(Input!$D$22=2,M8012*Input!$C$22,0)</f>
        <v>1.4096571496871666</v>
      </c>
      <c r="P8012" s="59">
        <f>IF(Input!$D$19=3,J8012*Input!$C$19,0)+IF(Input!$D$20=3,K8012*Input!$C$20,0)+IF(Input!$D$21=3,L8012*Input!$C$21,0)+IF(Input!$D$22=3,M8012*Input!$C$22,0)</f>
        <v>0</v>
      </c>
      <c r="Q8012" s="75">
        <f>IF(Input!$D$19=4,J8012*Input!$C$19,0)+IF(Input!$D$20=4,K8012*Input!$C$20,0)+IF(Input!$D$21=4,L8012*Input!$C$21,0)+IF(Input!$D$22=4,M8012*Input!$C$22,0)</f>
        <v>0</v>
      </c>
      <c r="R8012" s="58">
        <v>64.647406277389621</v>
      </c>
      <c r="S8012" s="124">
        <f t="shared" si="125"/>
        <v>2.4434057261244222</v>
      </c>
    </row>
    <row r="8013" spans="8:19" x14ac:dyDescent="0.3">
      <c r="H8013" s="44">
        <v>8006</v>
      </c>
      <c r="I8013" s="56">
        <f>Bühler!I8039</f>
        <v>0.56386285987486662</v>
      </c>
      <c r="J8013" s="59">
        <f>Bühler!J8039</f>
        <v>1.8795428662495557</v>
      </c>
      <c r="K8013" s="59">
        <f>Bühler!K8039</f>
        <v>2.8193142993743332</v>
      </c>
      <c r="L8013" s="59">
        <f>Bühler!L8039</f>
        <v>13.5327086369968</v>
      </c>
      <c r="M8013" s="58">
        <f>Bühler!M8039</f>
        <v>0</v>
      </c>
      <c r="N8013" s="56">
        <f>IF(Input!$D$19=1,J8013*Input!$C$19,0)+IF(Input!$D$20=1,K8013*Input!$C$20,0)+IF(Input!$D$21=1,L8013*Input!$C$21,0)+IF(Input!$D$22=1,M8013*Input!$C$22,0)</f>
        <v>0.56386285987486673</v>
      </c>
      <c r="O8013" s="59">
        <f>IF(Input!$D$19=2,J8013*Input!$C$19,0)+IF(Input!$D$20=2,K8013*Input!$C$20,0)+IF(Input!$D$21=2,L8013*Input!$C$21,0)+IF(Input!$D$22=2,M8013*Input!$C$22,0)</f>
        <v>1.4096571496871666</v>
      </c>
      <c r="P8013" s="59">
        <f>IF(Input!$D$19=3,J8013*Input!$C$19,0)+IF(Input!$D$20=3,K8013*Input!$C$20,0)+IF(Input!$D$21=3,L8013*Input!$C$21,0)+IF(Input!$D$22=3,M8013*Input!$C$22,0)</f>
        <v>0</v>
      </c>
      <c r="Q8013" s="75">
        <f>IF(Input!$D$19=4,J8013*Input!$C$19,0)+IF(Input!$D$20=4,K8013*Input!$C$20,0)+IF(Input!$D$21=4,L8013*Input!$C$21,0)+IF(Input!$D$22=4,M8013*Input!$C$22,0)</f>
        <v>0</v>
      </c>
      <c r="R8013" s="58">
        <v>64.061048145455132</v>
      </c>
      <c r="S8013" s="124">
        <f t="shared" si="125"/>
        <v>2.4434057261244222</v>
      </c>
    </row>
    <row r="8014" spans="8:19" x14ac:dyDescent="0.3">
      <c r="H8014" s="44">
        <v>8007</v>
      </c>
      <c r="I8014" s="56">
        <f>Bühler!I8040</f>
        <v>0.56386285987486662</v>
      </c>
      <c r="J8014" s="59">
        <f>Bühler!J8040</f>
        <v>1.8795428662495557</v>
      </c>
      <c r="K8014" s="59">
        <f>Bühler!K8040</f>
        <v>2.8193142993743332</v>
      </c>
      <c r="L8014" s="59">
        <f>Bühler!L8040</f>
        <v>13.5327086369968</v>
      </c>
      <c r="M8014" s="58">
        <f>Bühler!M8040</f>
        <v>0</v>
      </c>
      <c r="N8014" s="56">
        <f>IF(Input!$D$19=1,J8014*Input!$C$19,0)+IF(Input!$D$20=1,K8014*Input!$C$20,0)+IF(Input!$D$21=1,L8014*Input!$C$21,0)+IF(Input!$D$22=1,M8014*Input!$C$22,0)</f>
        <v>0.56386285987486673</v>
      </c>
      <c r="O8014" s="59">
        <f>IF(Input!$D$19=2,J8014*Input!$C$19,0)+IF(Input!$D$20=2,K8014*Input!$C$20,0)+IF(Input!$D$21=2,L8014*Input!$C$21,0)+IF(Input!$D$22=2,M8014*Input!$C$22,0)</f>
        <v>1.4096571496871666</v>
      </c>
      <c r="P8014" s="59">
        <f>IF(Input!$D$19=3,J8014*Input!$C$19,0)+IF(Input!$D$20=3,K8014*Input!$C$20,0)+IF(Input!$D$21=3,L8014*Input!$C$21,0)+IF(Input!$D$22=3,M8014*Input!$C$22,0)</f>
        <v>0</v>
      </c>
      <c r="Q8014" s="75">
        <f>IF(Input!$D$19=4,J8014*Input!$C$19,0)+IF(Input!$D$20=4,K8014*Input!$C$20,0)+IF(Input!$D$21=4,L8014*Input!$C$21,0)+IF(Input!$D$22=4,M8014*Input!$C$22,0)</f>
        <v>0</v>
      </c>
      <c r="R8014" s="58">
        <v>63.715668107244547</v>
      </c>
      <c r="S8014" s="124">
        <f t="shared" si="125"/>
        <v>2.4434057261244222</v>
      </c>
    </row>
    <row r="8015" spans="8:19" x14ac:dyDescent="0.3">
      <c r="H8015" s="44">
        <v>8008</v>
      </c>
      <c r="I8015" s="56">
        <f>Bühler!I8041</f>
        <v>0.46988571656238887</v>
      </c>
      <c r="J8015" s="59">
        <f>Bühler!J8041</f>
        <v>1.5662857218746298</v>
      </c>
      <c r="K8015" s="59">
        <f>Bühler!K8041</f>
        <v>2.3494285828119446</v>
      </c>
      <c r="L8015" s="59">
        <f>Bühler!L8041</f>
        <v>11.277257197497333</v>
      </c>
      <c r="M8015" s="58">
        <f>Bühler!M8041</f>
        <v>0</v>
      </c>
      <c r="N8015" s="56">
        <f>IF(Input!$D$19=1,J8015*Input!$C$19,0)+IF(Input!$D$20=1,K8015*Input!$C$20,0)+IF(Input!$D$21=1,L8015*Input!$C$21,0)+IF(Input!$D$22=1,M8015*Input!$C$22,0)</f>
        <v>0.46988571656238892</v>
      </c>
      <c r="O8015" s="59">
        <f>IF(Input!$D$19=2,J8015*Input!$C$19,0)+IF(Input!$D$20=2,K8015*Input!$C$20,0)+IF(Input!$D$21=2,L8015*Input!$C$21,0)+IF(Input!$D$22=2,M8015*Input!$C$22,0)</f>
        <v>1.1747142914059723</v>
      </c>
      <c r="P8015" s="59">
        <f>IF(Input!$D$19=3,J8015*Input!$C$19,0)+IF(Input!$D$20=3,K8015*Input!$C$20,0)+IF(Input!$D$21=3,L8015*Input!$C$21,0)+IF(Input!$D$22=3,M8015*Input!$C$22,0)</f>
        <v>0</v>
      </c>
      <c r="Q8015" s="75">
        <f>IF(Input!$D$19=4,J8015*Input!$C$19,0)+IF(Input!$D$20=4,K8015*Input!$C$20,0)+IF(Input!$D$21=4,L8015*Input!$C$21,0)+IF(Input!$D$22=4,M8015*Input!$C$22,0)</f>
        <v>0</v>
      </c>
      <c r="R8015" s="58">
        <v>62.66253535322101</v>
      </c>
      <c r="S8015" s="124">
        <f t="shared" si="125"/>
        <v>2.0361714384370186</v>
      </c>
    </row>
    <row r="8016" spans="8:19" x14ac:dyDescent="0.3">
      <c r="H8016" s="44">
        <v>8009</v>
      </c>
      <c r="I8016" s="56">
        <f>Bühler!I8042</f>
        <v>0.44482514501239484</v>
      </c>
      <c r="J8016" s="59">
        <f>Bühler!J8042</f>
        <v>1.4827504833746497</v>
      </c>
      <c r="K8016" s="59">
        <f>Bühler!K8042</f>
        <v>2.2241257250619744</v>
      </c>
      <c r="L8016" s="59">
        <f>Bühler!L8042</f>
        <v>10.675803480297477</v>
      </c>
      <c r="M8016" s="58">
        <f>Bühler!M8042</f>
        <v>0</v>
      </c>
      <c r="N8016" s="56">
        <f>IF(Input!$D$19=1,J8016*Input!$C$19,0)+IF(Input!$D$20=1,K8016*Input!$C$20,0)+IF(Input!$D$21=1,L8016*Input!$C$21,0)+IF(Input!$D$22=1,M8016*Input!$C$22,0)</f>
        <v>0.4448251450123949</v>
      </c>
      <c r="O8016" s="59">
        <f>IF(Input!$D$19=2,J8016*Input!$C$19,0)+IF(Input!$D$20=2,K8016*Input!$C$20,0)+IF(Input!$D$21=2,L8016*Input!$C$21,0)+IF(Input!$D$22=2,M8016*Input!$C$22,0)</f>
        <v>1.1120628625309872</v>
      </c>
      <c r="P8016" s="59">
        <f>IF(Input!$D$19=3,J8016*Input!$C$19,0)+IF(Input!$D$20=3,K8016*Input!$C$20,0)+IF(Input!$D$21=3,L8016*Input!$C$21,0)+IF(Input!$D$22=3,M8016*Input!$C$22,0)</f>
        <v>0</v>
      </c>
      <c r="Q8016" s="75">
        <f>IF(Input!$D$19=4,J8016*Input!$C$19,0)+IF(Input!$D$20=4,K8016*Input!$C$20,0)+IF(Input!$D$21=4,L8016*Input!$C$21,0)+IF(Input!$D$22=4,M8016*Input!$C$22,0)</f>
        <v>0</v>
      </c>
      <c r="R8016" s="58">
        <v>61.352540081694286</v>
      </c>
      <c r="S8016" s="124">
        <f t="shared" si="125"/>
        <v>1.9275756283870444</v>
      </c>
    </row>
    <row r="8017" spans="8:19" x14ac:dyDescent="0.3">
      <c r="H8017" s="44">
        <v>8010</v>
      </c>
      <c r="I8017" s="56">
        <f>Bühler!I8043</f>
        <v>0.44482514501239484</v>
      </c>
      <c r="J8017" s="59">
        <f>Bühler!J8043</f>
        <v>1.4827504833746497</v>
      </c>
      <c r="K8017" s="59">
        <f>Bühler!K8043</f>
        <v>2.2241257250619744</v>
      </c>
      <c r="L8017" s="59">
        <f>Bühler!L8043</f>
        <v>10.675803480297477</v>
      </c>
      <c r="M8017" s="58">
        <f>Bühler!M8043</f>
        <v>0</v>
      </c>
      <c r="N8017" s="56">
        <f>IF(Input!$D$19=1,J8017*Input!$C$19,0)+IF(Input!$D$20=1,K8017*Input!$C$20,0)+IF(Input!$D$21=1,L8017*Input!$C$21,0)+IF(Input!$D$22=1,M8017*Input!$C$22,0)</f>
        <v>0.4448251450123949</v>
      </c>
      <c r="O8017" s="59">
        <f>IF(Input!$D$19=2,J8017*Input!$C$19,0)+IF(Input!$D$20=2,K8017*Input!$C$20,0)+IF(Input!$D$21=2,L8017*Input!$C$21,0)+IF(Input!$D$22=2,M8017*Input!$C$22,0)</f>
        <v>1.1120628625309872</v>
      </c>
      <c r="P8017" s="59">
        <f>IF(Input!$D$19=3,J8017*Input!$C$19,0)+IF(Input!$D$20=3,K8017*Input!$C$20,0)+IF(Input!$D$21=3,L8017*Input!$C$21,0)+IF(Input!$D$22=3,M8017*Input!$C$22,0)</f>
        <v>0</v>
      </c>
      <c r="Q8017" s="75">
        <f>IF(Input!$D$19=4,J8017*Input!$C$19,0)+IF(Input!$D$20=4,K8017*Input!$C$20,0)+IF(Input!$D$21=4,L8017*Input!$C$21,0)+IF(Input!$D$22=4,M8017*Input!$C$22,0)</f>
        <v>0</v>
      </c>
      <c r="R8017" s="58">
        <v>60.840142896975799</v>
      </c>
      <c r="S8017" s="124">
        <f t="shared" si="125"/>
        <v>1.9275756283870444</v>
      </c>
    </row>
    <row r="8018" spans="8:19" x14ac:dyDescent="0.3">
      <c r="H8018" s="44">
        <v>8011</v>
      </c>
      <c r="I8018" s="56">
        <f>Bühler!I8044</f>
        <v>0.44482514501239484</v>
      </c>
      <c r="J8018" s="59">
        <f>Bühler!J8044</f>
        <v>1.4827504833746497</v>
      </c>
      <c r="K8018" s="59">
        <f>Bühler!K8044</f>
        <v>2.2241257250619744</v>
      </c>
      <c r="L8018" s="59">
        <f>Bühler!L8044</f>
        <v>10.675803480297477</v>
      </c>
      <c r="M8018" s="58">
        <f>Bühler!M8044</f>
        <v>0</v>
      </c>
      <c r="N8018" s="56">
        <f>IF(Input!$D$19=1,J8018*Input!$C$19,0)+IF(Input!$D$20=1,K8018*Input!$C$20,0)+IF(Input!$D$21=1,L8018*Input!$C$21,0)+IF(Input!$D$22=1,M8018*Input!$C$22,0)</f>
        <v>0.4448251450123949</v>
      </c>
      <c r="O8018" s="59">
        <f>IF(Input!$D$19=2,J8018*Input!$C$19,0)+IF(Input!$D$20=2,K8018*Input!$C$20,0)+IF(Input!$D$21=2,L8018*Input!$C$21,0)+IF(Input!$D$22=2,M8018*Input!$C$22,0)</f>
        <v>1.1120628625309872</v>
      </c>
      <c r="P8018" s="59">
        <f>IF(Input!$D$19=3,J8018*Input!$C$19,0)+IF(Input!$D$20=3,K8018*Input!$C$20,0)+IF(Input!$D$21=3,L8018*Input!$C$21,0)+IF(Input!$D$22=3,M8018*Input!$C$22,0)</f>
        <v>0</v>
      </c>
      <c r="Q8018" s="75">
        <f>IF(Input!$D$19=4,J8018*Input!$C$19,0)+IF(Input!$D$20=4,K8018*Input!$C$20,0)+IF(Input!$D$21=4,L8018*Input!$C$21,0)+IF(Input!$D$22=4,M8018*Input!$C$22,0)</f>
        <v>0</v>
      </c>
      <c r="R8018" s="58">
        <v>59.841033722108484</v>
      </c>
      <c r="S8018" s="124">
        <f t="shared" si="125"/>
        <v>1.9275756283870444</v>
      </c>
    </row>
    <row r="8019" spans="8:19" x14ac:dyDescent="0.3">
      <c r="H8019" s="44">
        <v>8012</v>
      </c>
      <c r="I8019" s="56">
        <f>Bühler!I8045</f>
        <v>0.44482514501239484</v>
      </c>
      <c r="J8019" s="59">
        <f>Bühler!J8045</f>
        <v>1.4827504833746497</v>
      </c>
      <c r="K8019" s="59">
        <f>Bühler!K8045</f>
        <v>2.2241257250619744</v>
      </c>
      <c r="L8019" s="59">
        <f>Bühler!L8045</f>
        <v>10.675803480297477</v>
      </c>
      <c r="M8019" s="58">
        <f>Bühler!M8045</f>
        <v>0</v>
      </c>
      <c r="N8019" s="56">
        <f>IF(Input!$D$19=1,J8019*Input!$C$19,0)+IF(Input!$D$20=1,K8019*Input!$C$20,0)+IF(Input!$D$21=1,L8019*Input!$C$21,0)+IF(Input!$D$22=1,M8019*Input!$C$22,0)</f>
        <v>0.4448251450123949</v>
      </c>
      <c r="O8019" s="59">
        <f>IF(Input!$D$19=2,J8019*Input!$C$19,0)+IF(Input!$D$20=2,K8019*Input!$C$20,0)+IF(Input!$D$21=2,L8019*Input!$C$21,0)+IF(Input!$D$22=2,M8019*Input!$C$22,0)</f>
        <v>1.1120628625309872</v>
      </c>
      <c r="P8019" s="59">
        <f>IF(Input!$D$19=3,J8019*Input!$C$19,0)+IF(Input!$D$20=3,K8019*Input!$C$20,0)+IF(Input!$D$21=3,L8019*Input!$C$21,0)+IF(Input!$D$22=3,M8019*Input!$C$22,0)</f>
        <v>0</v>
      </c>
      <c r="Q8019" s="75">
        <f>IF(Input!$D$19=4,J8019*Input!$C$19,0)+IF(Input!$D$20=4,K8019*Input!$C$20,0)+IF(Input!$D$21=4,L8019*Input!$C$21,0)+IF(Input!$D$22=4,M8019*Input!$C$22,0)</f>
        <v>0</v>
      </c>
      <c r="R8019" s="58">
        <v>57.922023152305023</v>
      </c>
      <c r="S8019" s="124">
        <f t="shared" si="125"/>
        <v>1.9275756283870444</v>
      </c>
    </row>
    <row r="8020" spans="8:19" x14ac:dyDescent="0.3">
      <c r="H8020" s="44">
        <v>8013</v>
      </c>
      <c r="I8020" s="56">
        <f>Bühler!I8046</f>
        <v>0.34458285881241851</v>
      </c>
      <c r="J8020" s="59">
        <f>Bühler!J8046</f>
        <v>1.1486095293747285</v>
      </c>
      <c r="K8020" s="59">
        <f>Bühler!K8046</f>
        <v>1.7229142940620927</v>
      </c>
      <c r="L8020" s="59">
        <f>Bühler!L8046</f>
        <v>8.2699886114980448</v>
      </c>
      <c r="M8020" s="58">
        <f>Bühler!M8046</f>
        <v>0</v>
      </c>
      <c r="N8020" s="56">
        <f>IF(Input!$D$19=1,J8020*Input!$C$19,0)+IF(Input!$D$20=1,K8020*Input!$C$20,0)+IF(Input!$D$21=1,L8020*Input!$C$21,0)+IF(Input!$D$22=1,M8020*Input!$C$22,0)</f>
        <v>0.34458285881241851</v>
      </c>
      <c r="O8020" s="59">
        <f>IF(Input!$D$19=2,J8020*Input!$C$19,0)+IF(Input!$D$20=2,K8020*Input!$C$20,0)+IF(Input!$D$21=2,L8020*Input!$C$21,0)+IF(Input!$D$22=2,M8020*Input!$C$22,0)</f>
        <v>0.86145714703104637</v>
      </c>
      <c r="P8020" s="59">
        <f>IF(Input!$D$19=3,J8020*Input!$C$19,0)+IF(Input!$D$20=3,K8020*Input!$C$20,0)+IF(Input!$D$21=3,L8020*Input!$C$21,0)+IF(Input!$D$22=3,M8020*Input!$C$22,0)</f>
        <v>0</v>
      </c>
      <c r="Q8020" s="75">
        <f>IF(Input!$D$19=4,J8020*Input!$C$19,0)+IF(Input!$D$20=4,K8020*Input!$C$20,0)+IF(Input!$D$21=4,L8020*Input!$C$21,0)+IF(Input!$D$22=4,M8020*Input!$C$22,0)</f>
        <v>0</v>
      </c>
      <c r="R8020" s="58">
        <v>55.718727897110448</v>
      </c>
      <c r="S8020" s="124">
        <f t="shared" si="125"/>
        <v>1.4931923881871469</v>
      </c>
    </row>
    <row r="8021" spans="8:19" x14ac:dyDescent="0.3">
      <c r="H8021" s="44">
        <v>8014</v>
      </c>
      <c r="I8021" s="56">
        <f>Bühler!I8047</f>
        <v>0.1315680006374689</v>
      </c>
      <c r="J8021" s="59">
        <f>Bühler!J8047</f>
        <v>0.43856000212489638</v>
      </c>
      <c r="K8021" s="59">
        <f>Bühler!K8047</f>
        <v>0.65784000318734448</v>
      </c>
      <c r="L8021" s="59">
        <f>Bühler!L8047</f>
        <v>3.1576320152992539</v>
      </c>
      <c r="M8021" s="58">
        <f>Bühler!M8047</f>
        <v>0</v>
      </c>
      <c r="N8021" s="56">
        <f>IF(Input!$D$19=1,J8021*Input!$C$19,0)+IF(Input!$D$20=1,K8021*Input!$C$20,0)+IF(Input!$D$21=1,L8021*Input!$C$21,0)+IF(Input!$D$22=1,M8021*Input!$C$22,0)</f>
        <v>0.1315680006374689</v>
      </c>
      <c r="O8021" s="59">
        <f>IF(Input!$D$19=2,J8021*Input!$C$19,0)+IF(Input!$D$20=2,K8021*Input!$C$20,0)+IF(Input!$D$21=2,L8021*Input!$C$21,0)+IF(Input!$D$22=2,M8021*Input!$C$22,0)</f>
        <v>0.32892000159367224</v>
      </c>
      <c r="P8021" s="59">
        <f>IF(Input!$D$19=3,J8021*Input!$C$19,0)+IF(Input!$D$20=3,K8021*Input!$C$20,0)+IF(Input!$D$21=3,L8021*Input!$C$21,0)+IF(Input!$D$22=3,M8021*Input!$C$22,0)</f>
        <v>0</v>
      </c>
      <c r="Q8021" s="75">
        <f>IF(Input!$D$19=4,J8021*Input!$C$19,0)+IF(Input!$D$20=4,K8021*Input!$C$20,0)+IF(Input!$D$21=4,L8021*Input!$C$21,0)+IF(Input!$D$22=4,M8021*Input!$C$22,0)</f>
        <v>0</v>
      </c>
      <c r="R8021" s="58">
        <v>54.41662790179037</v>
      </c>
      <c r="S8021" s="124">
        <f t="shared" si="125"/>
        <v>0.5701280027623653</v>
      </c>
    </row>
    <row r="8022" spans="8:19" x14ac:dyDescent="0.3">
      <c r="H8022" s="44">
        <v>8015</v>
      </c>
      <c r="I8022" s="56">
        <f>Bühler!I8048</f>
        <v>0.1315680006374689</v>
      </c>
      <c r="J8022" s="59">
        <f>Bühler!J8048</f>
        <v>0.43856000212489638</v>
      </c>
      <c r="K8022" s="59">
        <f>Bühler!K8048</f>
        <v>0.65784000318734448</v>
      </c>
      <c r="L8022" s="59">
        <f>Bühler!L8048</f>
        <v>3.1576320152992539</v>
      </c>
      <c r="M8022" s="58">
        <f>Bühler!M8048</f>
        <v>0</v>
      </c>
      <c r="N8022" s="56">
        <f>IF(Input!$D$19=1,J8022*Input!$C$19,0)+IF(Input!$D$20=1,K8022*Input!$C$20,0)+IF(Input!$D$21=1,L8022*Input!$C$21,0)+IF(Input!$D$22=1,M8022*Input!$C$22,0)</f>
        <v>0.1315680006374689</v>
      </c>
      <c r="O8022" s="59">
        <f>IF(Input!$D$19=2,J8022*Input!$C$19,0)+IF(Input!$D$20=2,K8022*Input!$C$20,0)+IF(Input!$D$21=2,L8022*Input!$C$21,0)+IF(Input!$D$22=2,M8022*Input!$C$22,0)</f>
        <v>0.32892000159367224</v>
      </c>
      <c r="P8022" s="59">
        <f>IF(Input!$D$19=3,J8022*Input!$C$19,0)+IF(Input!$D$20=3,K8022*Input!$C$20,0)+IF(Input!$D$21=3,L8022*Input!$C$21,0)+IF(Input!$D$22=3,M8022*Input!$C$22,0)</f>
        <v>0</v>
      </c>
      <c r="Q8022" s="75">
        <f>IF(Input!$D$19=4,J8022*Input!$C$19,0)+IF(Input!$D$20=4,K8022*Input!$C$20,0)+IF(Input!$D$21=4,L8022*Input!$C$21,0)+IF(Input!$D$22=4,M8022*Input!$C$22,0)</f>
        <v>0</v>
      </c>
      <c r="R8022" s="58">
        <v>54.226123143132398</v>
      </c>
      <c r="S8022" s="124">
        <f t="shared" si="125"/>
        <v>0.5701280027623653</v>
      </c>
    </row>
    <row r="8023" spans="8:19" x14ac:dyDescent="0.3">
      <c r="H8023" s="44">
        <v>8016</v>
      </c>
      <c r="I8023" s="56">
        <f>Bühler!I8049</f>
        <v>0.1315680006374689</v>
      </c>
      <c r="J8023" s="59">
        <f>Bühler!J8049</f>
        <v>0.43856000212489638</v>
      </c>
      <c r="K8023" s="59">
        <f>Bühler!K8049</f>
        <v>0.65784000318734448</v>
      </c>
      <c r="L8023" s="59">
        <f>Bühler!L8049</f>
        <v>3.1576320152992539</v>
      </c>
      <c r="M8023" s="58">
        <f>Bühler!M8049</f>
        <v>0</v>
      </c>
      <c r="N8023" s="56">
        <f>IF(Input!$D$19=1,J8023*Input!$C$19,0)+IF(Input!$D$20=1,K8023*Input!$C$20,0)+IF(Input!$D$21=1,L8023*Input!$C$21,0)+IF(Input!$D$22=1,M8023*Input!$C$22,0)</f>
        <v>0.1315680006374689</v>
      </c>
      <c r="O8023" s="59">
        <f>IF(Input!$D$19=2,J8023*Input!$C$19,0)+IF(Input!$D$20=2,K8023*Input!$C$20,0)+IF(Input!$D$21=2,L8023*Input!$C$21,0)+IF(Input!$D$22=2,M8023*Input!$C$22,0)</f>
        <v>0.32892000159367224</v>
      </c>
      <c r="P8023" s="59">
        <f>IF(Input!$D$19=3,J8023*Input!$C$19,0)+IF(Input!$D$20=3,K8023*Input!$C$20,0)+IF(Input!$D$21=3,L8023*Input!$C$21,0)+IF(Input!$D$22=3,M8023*Input!$C$22,0)</f>
        <v>0</v>
      </c>
      <c r="Q8023" s="75">
        <f>IF(Input!$D$19=4,J8023*Input!$C$19,0)+IF(Input!$D$20=4,K8023*Input!$C$20,0)+IF(Input!$D$21=4,L8023*Input!$C$21,0)+IF(Input!$D$22=4,M8023*Input!$C$22,0)</f>
        <v>0</v>
      </c>
      <c r="R8023" s="58">
        <v>53.01952125789952</v>
      </c>
      <c r="S8023" s="124">
        <f t="shared" si="125"/>
        <v>0.5701280027623653</v>
      </c>
    </row>
    <row r="8024" spans="8:19" x14ac:dyDescent="0.3">
      <c r="H8024" s="44">
        <v>8017</v>
      </c>
      <c r="I8024" s="56">
        <f>Bühler!I8050</f>
        <v>0.10850103361413144</v>
      </c>
      <c r="J8024" s="59">
        <f>Bühler!J8050</f>
        <v>0.36167011204710481</v>
      </c>
      <c r="K8024" s="59">
        <f>Bühler!K8050</f>
        <v>0.54250516807065718</v>
      </c>
      <c r="L8024" s="59">
        <f>Bühler!L8050</f>
        <v>4.8946105993578222</v>
      </c>
      <c r="M8024" s="58">
        <f>Bühler!M8050</f>
        <v>0</v>
      </c>
      <c r="N8024" s="56">
        <f>IF(Input!$D$19=1,J8024*Input!$C$19,0)+IF(Input!$D$20=1,K8024*Input!$C$20,0)+IF(Input!$D$21=1,L8024*Input!$C$21,0)+IF(Input!$D$22=1,M8024*Input!$C$22,0)</f>
        <v>0.10850103361413144</v>
      </c>
      <c r="O8024" s="59">
        <f>IF(Input!$D$19=2,J8024*Input!$C$19,0)+IF(Input!$D$20=2,K8024*Input!$C$20,0)+IF(Input!$D$21=2,L8024*Input!$C$21,0)+IF(Input!$D$22=2,M8024*Input!$C$22,0)</f>
        <v>0.27125258403532859</v>
      </c>
      <c r="P8024" s="59">
        <f>IF(Input!$D$19=3,J8024*Input!$C$19,0)+IF(Input!$D$20=3,K8024*Input!$C$20,0)+IF(Input!$D$21=3,L8024*Input!$C$21,0)+IF(Input!$D$22=3,M8024*Input!$C$22,0)</f>
        <v>0</v>
      </c>
      <c r="Q8024" s="75">
        <f>IF(Input!$D$19=4,J8024*Input!$C$19,0)+IF(Input!$D$20=4,K8024*Input!$C$20,0)+IF(Input!$D$21=4,L8024*Input!$C$21,0)+IF(Input!$D$22=4,M8024*Input!$C$22,0)</f>
        <v>0</v>
      </c>
      <c r="R8024" s="58">
        <v>52.179232588197969</v>
      </c>
      <c r="S8024" s="124">
        <f t="shared" si="125"/>
        <v>0.47017114566123624</v>
      </c>
    </row>
    <row r="8025" spans="8:19" x14ac:dyDescent="0.3">
      <c r="H8025" s="44">
        <v>8018</v>
      </c>
      <c r="I8025" s="56">
        <f>Bühler!I8051</f>
        <v>0.21183535134187564</v>
      </c>
      <c r="J8025" s="59">
        <f>Bühler!J8051</f>
        <v>0.70611783780625226</v>
      </c>
      <c r="K8025" s="59">
        <f>Bühler!K8051</f>
        <v>1.0591767567093784</v>
      </c>
      <c r="L8025" s="59">
        <f>Bühler!L8051</f>
        <v>9.5561445035081292</v>
      </c>
      <c r="M8025" s="58">
        <f>Bühler!M8051</f>
        <v>0</v>
      </c>
      <c r="N8025" s="56">
        <f>IF(Input!$D$19=1,J8025*Input!$C$19,0)+IF(Input!$D$20=1,K8025*Input!$C$20,0)+IF(Input!$D$21=1,L8025*Input!$C$21,0)+IF(Input!$D$22=1,M8025*Input!$C$22,0)</f>
        <v>0.21183535134187567</v>
      </c>
      <c r="O8025" s="59">
        <f>IF(Input!$D$19=2,J8025*Input!$C$19,0)+IF(Input!$D$20=2,K8025*Input!$C$20,0)+IF(Input!$D$21=2,L8025*Input!$C$21,0)+IF(Input!$D$22=2,M8025*Input!$C$22,0)</f>
        <v>0.52958837835468919</v>
      </c>
      <c r="P8025" s="59">
        <f>IF(Input!$D$19=3,J8025*Input!$C$19,0)+IF(Input!$D$20=3,K8025*Input!$C$20,0)+IF(Input!$D$21=3,L8025*Input!$C$21,0)+IF(Input!$D$22=3,M8025*Input!$C$22,0)</f>
        <v>0</v>
      </c>
      <c r="Q8025" s="75">
        <f>IF(Input!$D$19=4,J8025*Input!$C$19,0)+IF(Input!$D$20=4,K8025*Input!$C$20,0)+IF(Input!$D$21=4,L8025*Input!$C$21,0)+IF(Input!$D$22=4,M8025*Input!$C$22,0)</f>
        <v>0</v>
      </c>
      <c r="R8025" s="58">
        <v>53.193706128493254</v>
      </c>
      <c r="S8025" s="124">
        <f t="shared" si="125"/>
        <v>0.91795318914812785</v>
      </c>
    </row>
    <row r="8026" spans="8:19" x14ac:dyDescent="0.3">
      <c r="H8026" s="44">
        <v>8019</v>
      </c>
      <c r="I8026" s="56">
        <f>Bühler!I8052</f>
        <v>0.21183535134187564</v>
      </c>
      <c r="J8026" s="59">
        <f>Bühler!J8052</f>
        <v>0.70611783780625226</v>
      </c>
      <c r="K8026" s="59">
        <f>Bühler!K8052</f>
        <v>1.0591767567093784</v>
      </c>
      <c r="L8026" s="59">
        <f>Bühler!L8052</f>
        <v>9.5561445035081292</v>
      </c>
      <c r="M8026" s="58">
        <f>Bühler!M8052</f>
        <v>0</v>
      </c>
      <c r="N8026" s="56">
        <f>IF(Input!$D$19=1,J8026*Input!$C$19,0)+IF(Input!$D$20=1,K8026*Input!$C$20,0)+IF(Input!$D$21=1,L8026*Input!$C$21,0)+IF(Input!$D$22=1,M8026*Input!$C$22,0)</f>
        <v>0.21183535134187567</v>
      </c>
      <c r="O8026" s="59">
        <f>IF(Input!$D$19=2,J8026*Input!$C$19,0)+IF(Input!$D$20=2,K8026*Input!$C$20,0)+IF(Input!$D$21=2,L8026*Input!$C$21,0)+IF(Input!$D$22=2,M8026*Input!$C$22,0)</f>
        <v>0.52958837835468919</v>
      </c>
      <c r="P8026" s="59">
        <f>IF(Input!$D$19=3,J8026*Input!$C$19,0)+IF(Input!$D$20=3,K8026*Input!$C$20,0)+IF(Input!$D$21=3,L8026*Input!$C$21,0)+IF(Input!$D$22=3,M8026*Input!$C$22,0)</f>
        <v>0</v>
      </c>
      <c r="Q8026" s="75">
        <f>IF(Input!$D$19=4,J8026*Input!$C$19,0)+IF(Input!$D$20=4,K8026*Input!$C$20,0)+IF(Input!$D$21=4,L8026*Input!$C$21,0)+IF(Input!$D$22=4,M8026*Input!$C$22,0)</f>
        <v>0</v>
      </c>
      <c r="R8026" s="58">
        <v>53.658826409956241</v>
      </c>
      <c r="S8026" s="124">
        <f t="shared" si="125"/>
        <v>0.91795318914812785</v>
      </c>
    </row>
    <row r="8027" spans="8:19" x14ac:dyDescent="0.3">
      <c r="H8027" s="44">
        <v>8020</v>
      </c>
      <c r="I8027" s="56">
        <f>Bühler!I8053</f>
        <v>0.21183535134187564</v>
      </c>
      <c r="J8027" s="59">
        <f>Bühler!J8053</f>
        <v>0.70611783780625226</v>
      </c>
      <c r="K8027" s="59">
        <f>Bühler!K8053</f>
        <v>1.0591767567093784</v>
      </c>
      <c r="L8027" s="59">
        <f>Bühler!L8053</f>
        <v>9.5561445035081292</v>
      </c>
      <c r="M8027" s="58">
        <f>Bühler!M8053</f>
        <v>0</v>
      </c>
      <c r="N8027" s="56">
        <f>IF(Input!$D$19=1,J8027*Input!$C$19,0)+IF(Input!$D$20=1,K8027*Input!$C$20,0)+IF(Input!$D$21=1,L8027*Input!$C$21,0)+IF(Input!$D$22=1,M8027*Input!$C$22,0)</f>
        <v>0.21183535134187567</v>
      </c>
      <c r="O8027" s="59">
        <f>IF(Input!$D$19=2,J8027*Input!$C$19,0)+IF(Input!$D$20=2,K8027*Input!$C$20,0)+IF(Input!$D$21=2,L8027*Input!$C$21,0)+IF(Input!$D$22=2,M8027*Input!$C$22,0)</f>
        <v>0.52958837835468919</v>
      </c>
      <c r="P8027" s="59">
        <f>IF(Input!$D$19=3,J8027*Input!$C$19,0)+IF(Input!$D$20=3,K8027*Input!$C$20,0)+IF(Input!$D$21=3,L8027*Input!$C$21,0)+IF(Input!$D$22=3,M8027*Input!$C$22,0)</f>
        <v>0</v>
      </c>
      <c r="Q8027" s="75">
        <f>IF(Input!$D$19=4,J8027*Input!$C$19,0)+IF(Input!$D$20=4,K8027*Input!$C$20,0)+IF(Input!$D$21=4,L8027*Input!$C$21,0)+IF(Input!$D$22=4,M8027*Input!$C$22,0)</f>
        <v>0</v>
      </c>
      <c r="R8027" s="58">
        <v>52.856795578380421</v>
      </c>
      <c r="S8027" s="124">
        <f t="shared" si="125"/>
        <v>0.91795318914812785</v>
      </c>
    </row>
    <row r="8028" spans="8:19" x14ac:dyDescent="0.3">
      <c r="H8028" s="44">
        <v>8021</v>
      </c>
      <c r="I8028" s="56">
        <f>Bühler!I8054</f>
        <v>0.21183535134187564</v>
      </c>
      <c r="J8028" s="59">
        <f>Bühler!J8054</f>
        <v>0.70611783780625226</v>
      </c>
      <c r="K8028" s="59">
        <f>Bühler!K8054</f>
        <v>1.0591767567093784</v>
      </c>
      <c r="L8028" s="59">
        <f>Bühler!L8054</f>
        <v>9.5561445035081292</v>
      </c>
      <c r="M8028" s="58">
        <f>Bühler!M8054</f>
        <v>0</v>
      </c>
      <c r="N8028" s="56">
        <f>IF(Input!$D$19=1,J8028*Input!$C$19,0)+IF(Input!$D$20=1,K8028*Input!$C$20,0)+IF(Input!$D$21=1,L8028*Input!$C$21,0)+IF(Input!$D$22=1,M8028*Input!$C$22,0)</f>
        <v>0.21183535134187567</v>
      </c>
      <c r="O8028" s="59">
        <f>IF(Input!$D$19=2,J8028*Input!$C$19,0)+IF(Input!$D$20=2,K8028*Input!$C$20,0)+IF(Input!$D$21=2,L8028*Input!$C$21,0)+IF(Input!$D$22=2,M8028*Input!$C$22,0)</f>
        <v>0.52958837835468919</v>
      </c>
      <c r="P8028" s="59">
        <f>IF(Input!$D$19=3,J8028*Input!$C$19,0)+IF(Input!$D$20=3,K8028*Input!$C$20,0)+IF(Input!$D$21=3,L8028*Input!$C$21,0)+IF(Input!$D$22=3,M8028*Input!$C$22,0)</f>
        <v>0</v>
      </c>
      <c r="Q8028" s="75">
        <f>IF(Input!$D$19=4,J8028*Input!$C$19,0)+IF(Input!$D$20=4,K8028*Input!$C$20,0)+IF(Input!$D$21=4,L8028*Input!$C$21,0)+IF(Input!$D$22=4,M8028*Input!$C$22,0)</f>
        <v>0</v>
      </c>
      <c r="R8028" s="58">
        <v>51.442296214002191</v>
      </c>
      <c r="S8028" s="124">
        <f t="shared" si="125"/>
        <v>0.91795318914812785</v>
      </c>
    </row>
    <row r="8029" spans="8:19" x14ac:dyDescent="0.3">
      <c r="H8029" s="44">
        <v>8022</v>
      </c>
      <c r="I8029" s="56">
        <f>Bühler!I8055</f>
        <v>0.26350251020574778</v>
      </c>
      <c r="J8029" s="59">
        <f>Bühler!J8055</f>
        <v>0.87834170068582607</v>
      </c>
      <c r="K8029" s="59">
        <f>Bühler!K8055</f>
        <v>1.3175125510287391</v>
      </c>
      <c r="L8029" s="59">
        <f>Bühler!L8055</f>
        <v>11.886911455583283</v>
      </c>
      <c r="M8029" s="58">
        <f>Bühler!M8055</f>
        <v>0</v>
      </c>
      <c r="N8029" s="56">
        <f>IF(Input!$D$19=1,J8029*Input!$C$19,0)+IF(Input!$D$20=1,K8029*Input!$C$20,0)+IF(Input!$D$21=1,L8029*Input!$C$21,0)+IF(Input!$D$22=1,M8029*Input!$C$22,0)</f>
        <v>0.26350251020574783</v>
      </c>
      <c r="O8029" s="59">
        <f>IF(Input!$D$19=2,J8029*Input!$C$19,0)+IF(Input!$D$20=2,K8029*Input!$C$20,0)+IF(Input!$D$21=2,L8029*Input!$C$21,0)+IF(Input!$D$22=2,M8029*Input!$C$22,0)</f>
        <v>0.65875627551436955</v>
      </c>
      <c r="P8029" s="59">
        <f>IF(Input!$D$19=3,J8029*Input!$C$19,0)+IF(Input!$D$20=3,K8029*Input!$C$20,0)+IF(Input!$D$21=3,L8029*Input!$C$21,0)+IF(Input!$D$22=3,M8029*Input!$C$22,0)</f>
        <v>0</v>
      </c>
      <c r="Q8029" s="75">
        <f>IF(Input!$D$19=4,J8029*Input!$C$19,0)+IF(Input!$D$20=4,K8029*Input!$C$20,0)+IF(Input!$D$21=4,L8029*Input!$C$21,0)+IF(Input!$D$22=4,M8029*Input!$C$22,0)</f>
        <v>0</v>
      </c>
      <c r="R8029" s="58">
        <v>51.250671432259438</v>
      </c>
      <c r="S8029" s="124">
        <f t="shared" si="125"/>
        <v>1.1418442108915738</v>
      </c>
    </row>
    <row r="8030" spans="8:19" x14ac:dyDescent="0.3">
      <c r="H8030" s="44">
        <v>8023</v>
      </c>
      <c r="I8030" s="56">
        <f>Bühler!I8056</f>
        <v>0.33066981672878154</v>
      </c>
      <c r="J8030" s="59">
        <f>Bühler!J8056</f>
        <v>1.1022327224292718</v>
      </c>
      <c r="K8030" s="59">
        <f>Bühler!K8056</f>
        <v>1.6533490836439078</v>
      </c>
      <c r="L8030" s="59">
        <f>Bühler!L8056</f>
        <v>14.916908493280983</v>
      </c>
      <c r="M8030" s="58">
        <f>Bühler!M8056</f>
        <v>0</v>
      </c>
      <c r="N8030" s="56">
        <f>IF(Input!$D$19=1,J8030*Input!$C$19,0)+IF(Input!$D$20=1,K8030*Input!$C$20,0)+IF(Input!$D$21=1,L8030*Input!$C$21,0)+IF(Input!$D$22=1,M8030*Input!$C$22,0)</f>
        <v>0.33066981672878154</v>
      </c>
      <c r="O8030" s="59">
        <f>IF(Input!$D$19=2,J8030*Input!$C$19,0)+IF(Input!$D$20=2,K8030*Input!$C$20,0)+IF(Input!$D$21=2,L8030*Input!$C$21,0)+IF(Input!$D$22=2,M8030*Input!$C$22,0)</f>
        <v>0.82667454182195388</v>
      </c>
      <c r="P8030" s="59">
        <f>IF(Input!$D$19=3,J8030*Input!$C$19,0)+IF(Input!$D$20=3,K8030*Input!$C$20,0)+IF(Input!$D$21=3,L8030*Input!$C$21,0)+IF(Input!$D$22=3,M8030*Input!$C$22,0)</f>
        <v>0</v>
      </c>
      <c r="Q8030" s="75">
        <f>IF(Input!$D$19=4,J8030*Input!$C$19,0)+IF(Input!$D$20=4,K8030*Input!$C$20,0)+IF(Input!$D$21=4,L8030*Input!$C$21,0)+IF(Input!$D$22=4,M8030*Input!$C$22,0)</f>
        <v>0</v>
      </c>
      <c r="R8030" s="58">
        <v>51.696541630772522</v>
      </c>
      <c r="S8030" s="124">
        <f t="shared" si="125"/>
        <v>1.4329025391580534</v>
      </c>
    </row>
    <row r="8031" spans="8:19" x14ac:dyDescent="0.3">
      <c r="H8031" s="44">
        <v>8024</v>
      </c>
      <c r="I8031" s="56">
        <f>Bühler!I8057</f>
        <v>0.37717025970626639</v>
      </c>
      <c r="J8031" s="59">
        <f>Bühler!J8057</f>
        <v>1.2572341990208882</v>
      </c>
      <c r="K8031" s="59">
        <f>Bühler!K8057</f>
        <v>1.8858512985313323</v>
      </c>
      <c r="L8031" s="59">
        <f>Bühler!L8057</f>
        <v>17.014598750148618</v>
      </c>
      <c r="M8031" s="58">
        <f>Bühler!M8057</f>
        <v>0</v>
      </c>
      <c r="N8031" s="56">
        <f>IF(Input!$D$19=1,J8031*Input!$C$19,0)+IF(Input!$D$20=1,K8031*Input!$C$20,0)+IF(Input!$D$21=1,L8031*Input!$C$21,0)+IF(Input!$D$22=1,M8031*Input!$C$22,0)</f>
        <v>0.37717025970626644</v>
      </c>
      <c r="O8031" s="59">
        <f>IF(Input!$D$19=2,J8031*Input!$C$19,0)+IF(Input!$D$20=2,K8031*Input!$C$20,0)+IF(Input!$D$21=2,L8031*Input!$C$21,0)+IF(Input!$D$22=2,M8031*Input!$C$22,0)</f>
        <v>0.94292564926566613</v>
      </c>
      <c r="P8031" s="59">
        <f>IF(Input!$D$19=3,J8031*Input!$C$19,0)+IF(Input!$D$20=3,K8031*Input!$C$20,0)+IF(Input!$D$21=3,L8031*Input!$C$21,0)+IF(Input!$D$22=3,M8031*Input!$C$22,0)</f>
        <v>0</v>
      </c>
      <c r="Q8031" s="75">
        <f>IF(Input!$D$19=4,J8031*Input!$C$19,0)+IF(Input!$D$20=4,K8031*Input!$C$20,0)+IF(Input!$D$21=4,L8031*Input!$C$21,0)+IF(Input!$D$22=4,M8031*Input!$C$22,0)</f>
        <v>0</v>
      </c>
      <c r="R8031" s="58">
        <v>51.429421695353348</v>
      </c>
      <c r="S8031" s="124">
        <f t="shared" si="125"/>
        <v>1.6344044587271545</v>
      </c>
    </row>
    <row r="8032" spans="8:19" x14ac:dyDescent="0.3">
      <c r="H8032" s="44">
        <v>8025</v>
      </c>
      <c r="I8032" s="56">
        <f>Bühler!I8058</f>
        <v>0.37717025970626639</v>
      </c>
      <c r="J8032" s="59">
        <f>Bühler!J8058</f>
        <v>1.2572341990208882</v>
      </c>
      <c r="K8032" s="59">
        <f>Bühler!K8058</f>
        <v>1.8858512985313323</v>
      </c>
      <c r="L8032" s="59">
        <f>Bühler!L8058</f>
        <v>17.014598750148618</v>
      </c>
      <c r="M8032" s="58">
        <f>Bühler!M8058</f>
        <v>0</v>
      </c>
      <c r="N8032" s="56">
        <f>IF(Input!$D$19=1,J8032*Input!$C$19,0)+IF(Input!$D$20=1,K8032*Input!$C$20,0)+IF(Input!$D$21=1,L8032*Input!$C$21,0)+IF(Input!$D$22=1,M8032*Input!$C$22,0)</f>
        <v>0.37717025970626644</v>
      </c>
      <c r="O8032" s="59">
        <f>IF(Input!$D$19=2,J8032*Input!$C$19,0)+IF(Input!$D$20=2,K8032*Input!$C$20,0)+IF(Input!$D$21=2,L8032*Input!$C$21,0)+IF(Input!$D$22=2,M8032*Input!$C$22,0)</f>
        <v>0.94292564926566613</v>
      </c>
      <c r="P8032" s="59">
        <f>IF(Input!$D$19=3,J8032*Input!$C$19,0)+IF(Input!$D$20=3,K8032*Input!$C$20,0)+IF(Input!$D$21=3,L8032*Input!$C$21,0)+IF(Input!$D$22=3,M8032*Input!$C$22,0)</f>
        <v>0</v>
      </c>
      <c r="Q8032" s="75">
        <f>IF(Input!$D$19=4,J8032*Input!$C$19,0)+IF(Input!$D$20=4,K8032*Input!$C$20,0)+IF(Input!$D$21=4,L8032*Input!$C$21,0)+IF(Input!$D$22=4,M8032*Input!$C$22,0)</f>
        <v>0</v>
      </c>
      <c r="R8032" s="58">
        <v>50.619224133390908</v>
      </c>
      <c r="S8032" s="124">
        <f t="shared" si="125"/>
        <v>1.6344044587271545</v>
      </c>
    </row>
    <row r="8033" spans="8:19" x14ac:dyDescent="0.3">
      <c r="H8033" s="44">
        <v>8026</v>
      </c>
      <c r="I8033" s="56">
        <f>Bühler!I8059</f>
        <v>0.37717025970626639</v>
      </c>
      <c r="J8033" s="59">
        <f>Bühler!J8059</f>
        <v>1.2572341990208882</v>
      </c>
      <c r="K8033" s="59">
        <f>Bühler!K8059</f>
        <v>1.8858512985313323</v>
      </c>
      <c r="L8033" s="59">
        <f>Bühler!L8059</f>
        <v>17.014598750148618</v>
      </c>
      <c r="M8033" s="58">
        <f>Bühler!M8059</f>
        <v>0</v>
      </c>
      <c r="N8033" s="56">
        <f>IF(Input!$D$19=1,J8033*Input!$C$19,0)+IF(Input!$D$20=1,K8033*Input!$C$20,0)+IF(Input!$D$21=1,L8033*Input!$C$21,0)+IF(Input!$D$22=1,M8033*Input!$C$22,0)</f>
        <v>0.37717025970626644</v>
      </c>
      <c r="O8033" s="59">
        <f>IF(Input!$D$19=2,J8033*Input!$C$19,0)+IF(Input!$D$20=2,K8033*Input!$C$20,0)+IF(Input!$D$21=2,L8033*Input!$C$21,0)+IF(Input!$D$22=2,M8033*Input!$C$22,0)</f>
        <v>0.94292564926566613</v>
      </c>
      <c r="P8033" s="59">
        <f>IF(Input!$D$19=3,J8033*Input!$C$19,0)+IF(Input!$D$20=3,K8033*Input!$C$20,0)+IF(Input!$D$21=3,L8033*Input!$C$21,0)+IF(Input!$D$22=3,M8033*Input!$C$22,0)</f>
        <v>0</v>
      </c>
      <c r="Q8033" s="75">
        <f>IF(Input!$D$19=4,J8033*Input!$C$19,0)+IF(Input!$D$20=4,K8033*Input!$C$20,0)+IF(Input!$D$21=4,L8033*Input!$C$21,0)+IF(Input!$D$22=4,M8033*Input!$C$22,0)</f>
        <v>0</v>
      </c>
      <c r="R8033" s="58">
        <v>50.030196610489163</v>
      </c>
      <c r="S8033" s="124">
        <f t="shared" si="125"/>
        <v>1.6344044587271545</v>
      </c>
    </row>
    <row r="8034" spans="8:19" x14ac:dyDescent="0.3">
      <c r="H8034" s="44">
        <v>8027</v>
      </c>
      <c r="I8034" s="56">
        <f>Bühler!I8060</f>
        <v>0.37717025970626639</v>
      </c>
      <c r="J8034" s="59">
        <f>Bühler!J8060</f>
        <v>1.2572341990208882</v>
      </c>
      <c r="K8034" s="59">
        <f>Bühler!K8060</f>
        <v>1.8858512985313323</v>
      </c>
      <c r="L8034" s="59">
        <f>Bühler!L8060</f>
        <v>17.014598750148618</v>
      </c>
      <c r="M8034" s="58">
        <f>Bühler!M8060</f>
        <v>0</v>
      </c>
      <c r="N8034" s="56">
        <f>IF(Input!$D$19=1,J8034*Input!$C$19,0)+IF(Input!$D$20=1,K8034*Input!$C$20,0)+IF(Input!$D$21=1,L8034*Input!$C$21,0)+IF(Input!$D$22=1,M8034*Input!$C$22,0)</f>
        <v>0.37717025970626644</v>
      </c>
      <c r="O8034" s="59">
        <f>IF(Input!$D$19=2,J8034*Input!$C$19,0)+IF(Input!$D$20=2,K8034*Input!$C$20,0)+IF(Input!$D$21=2,L8034*Input!$C$21,0)+IF(Input!$D$22=2,M8034*Input!$C$22,0)</f>
        <v>0.94292564926566613</v>
      </c>
      <c r="P8034" s="59">
        <f>IF(Input!$D$19=3,J8034*Input!$C$19,0)+IF(Input!$D$20=3,K8034*Input!$C$20,0)+IF(Input!$D$21=3,L8034*Input!$C$21,0)+IF(Input!$D$22=3,M8034*Input!$C$22,0)</f>
        <v>0</v>
      </c>
      <c r="Q8034" s="75">
        <f>IF(Input!$D$19=4,J8034*Input!$C$19,0)+IF(Input!$D$20=4,K8034*Input!$C$20,0)+IF(Input!$D$21=4,L8034*Input!$C$21,0)+IF(Input!$D$22=4,M8034*Input!$C$22,0)</f>
        <v>0</v>
      </c>
      <c r="R8034" s="58">
        <v>49.866529863661142</v>
      </c>
      <c r="S8034" s="124">
        <f t="shared" si="125"/>
        <v>1.6344044587271545</v>
      </c>
    </row>
    <row r="8035" spans="8:19" x14ac:dyDescent="0.3">
      <c r="H8035" s="44">
        <v>8028</v>
      </c>
      <c r="I8035" s="56">
        <f>Bühler!I8061</f>
        <v>0.37717025970626639</v>
      </c>
      <c r="J8035" s="59">
        <f>Bühler!J8061</f>
        <v>1.2572341990208882</v>
      </c>
      <c r="K8035" s="59">
        <f>Bühler!K8061</f>
        <v>1.8858512985313323</v>
      </c>
      <c r="L8035" s="59">
        <f>Bühler!L8061</f>
        <v>17.014598750148618</v>
      </c>
      <c r="M8035" s="58">
        <f>Bühler!M8061</f>
        <v>0</v>
      </c>
      <c r="N8035" s="56">
        <f>IF(Input!$D$19=1,J8035*Input!$C$19,0)+IF(Input!$D$20=1,K8035*Input!$C$20,0)+IF(Input!$D$21=1,L8035*Input!$C$21,0)+IF(Input!$D$22=1,M8035*Input!$C$22,0)</f>
        <v>0.37717025970626644</v>
      </c>
      <c r="O8035" s="59">
        <f>IF(Input!$D$19=2,J8035*Input!$C$19,0)+IF(Input!$D$20=2,K8035*Input!$C$20,0)+IF(Input!$D$21=2,L8035*Input!$C$21,0)+IF(Input!$D$22=2,M8035*Input!$C$22,0)</f>
        <v>0.94292564926566613</v>
      </c>
      <c r="P8035" s="59">
        <f>IF(Input!$D$19=3,J8035*Input!$C$19,0)+IF(Input!$D$20=3,K8035*Input!$C$20,0)+IF(Input!$D$21=3,L8035*Input!$C$21,0)+IF(Input!$D$22=3,M8035*Input!$C$22,0)</f>
        <v>0</v>
      </c>
      <c r="Q8035" s="75">
        <f>IF(Input!$D$19=4,J8035*Input!$C$19,0)+IF(Input!$D$20=4,K8035*Input!$C$20,0)+IF(Input!$D$21=4,L8035*Input!$C$21,0)+IF(Input!$D$22=4,M8035*Input!$C$22,0)</f>
        <v>0</v>
      </c>
      <c r="R8035" s="58">
        <v>49.198393747518146</v>
      </c>
      <c r="S8035" s="124">
        <f t="shared" si="125"/>
        <v>1.6344044587271545</v>
      </c>
    </row>
    <row r="8036" spans="8:19" x14ac:dyDescent="0.3">
      <c r="H8036" s="44">
        <v>8029</v>
      </c>
      <c r="I8036" s="56">
        <f>Bühler!I8062</f>
        <v>0.37717025970626639</v>
      </c>
      <c r="J8036" s="59">
        <f>Bühler!J8062</f>
        <v>1.2572341990208882</v>
      </c>
      <c r="K8036" s="59">
        <f>Bühler!K8062</f>
        <v>1.8858512985313323</v>
      </c>
      <c r="L8036" s="59">
        <f>Bühler!L8062</f>
        <v>17.014598750148618</v>
      </c>
      <c r="M8036" s="58">
        <f>Bühler!M8062</f>
        <v>0</v>
      </c>
      <c r="N8036" s="56">
        <f>IF(Input!$D$19=1,J8036*Input!$C$19,0)+IF(Input!$D$20=1,K8036*Input!$C$20,0)+IF(Input!$D$21=1,L8036*Input!$C$21,0)+IF(Input!$D$22=1,M8036*Input!$C$22,0)</f>
        <v>0.37717025970626644</v>
      </c>
      <c r="O8036" s="59">
        <f>IF(Input!$D$19=2,J8036*Input!$C$19,0)+IF(Input!$D$20=2,K8036*Input!$C$20,0)+IF(Input!$D$21=2,L8036*Input!$C$21,0)+IF(Input!$D$22=2,M8036*Input!$C$22,0)</f>
        <v>0.94292564926566613</v>
      </c>
      <c r="P8036" s="59">
        <f>IF(Input!$D$19=3,J8036*Input!$C$19,0)+IF(Input!$D$20=3,K8036*Input!$C$20,0)+IF(Input!$D$21=3,L8036*Input!$C$21,0)+IF(Input!$D$22=3,M8036*Input!$C$22,0)</f>
        <v>0</v>
      </c>
      <c r="Q8036" s="75">
        <f>IF(Input!$D$19=4,J8036*Input!$C$19,0)+IF(Input!$D$20=4,K8036*Input!$C$20,0)+IF(Input!$D$21=4,L8036*Input!$C$21,0)+IF(Input!$D$22=4,M8036*Input!$C$22,0)</f>
        <v>0</v>
      </c>
      <c r="R8036" s="58">
        <v>48.256182310233768</v>
      </c>
      <c r="S8036" s="124">
        <f t="shared" si="125"/>
        <v>1.6344044587271545</v>
      </c>
    </row>
    <row r="8037" spans="8:19" x14ac:dyDescent="0.3">
      <c r="H8037" s="44">
        <v>8030</v>
      </c>
      <c r="I8037" s="56">
        <f>Bühler!I8063</f>
        <v>0.37717025970626639</v>
      </c>
      <c r="J8037" s="59">
        <f>Bühler!J8063</f>
        <v>1.2572341990208882</v>
      </c>
      <c r="K8037" s="59">
        <f>Bühler!K8063</f>
        <v>1.8858512985313323</v>
      </c>
      <c r="L8037" s="59">
        <f>Bühler!L8063</f>
        <v>17.014598750148618</v>
      </c>
      <c r="M8037" s="58">
        <f>Bühler!M8063</f>
        <v>0</v>
      </c>
      <c r="N8037" s="56">
        <f>IF(Input!$D$19=1,J8037*Input!$C$19,0)+IF(Input!$D$20=1,K8037*Input!$C$20,0)+IF(Input!$D$21=1,L8037*Input!$C$21,0)+IF(Input!$D$22=1,M8037*Input!$C$22,0)</f>
        <v>0.37717025970626644</v>
      </c>
      <c r="O8037" s="59">
        <f>IF(Input!$D$19=2,J8037*Input!$C$19,0)+IF(Input!$D$20=2,K8037*Input!$C$20,0)+IF(Input!$D$21=2,L8037*Input!$C$21,0)+IF(Input!$D$22=2,M8037*Input!$C$22,0)</f>
        <v>0.94292564926566613</v>
      </c>
      <c r="P8037" s="59">
        <f>IF(Input!$D$19=3,J8037*Input!$C$19,0)+IF(Input!$D$20=3,K8037*Input!$C$20,0)+IF(Input!$D$21=3,L8037*Input!$C$21,0)+IF(Input!$D$22=3,M8037*Input!$C$22,0)</f>
        <v>0</v>
      </c>
      <c r="Q8037" s="75">
        <f>IF(Input!$D$19=4,J8037*Input!$C$19,0)+IF(Input!$D$20=4,K8037*Input!$C$20,0)+IF(Input!$D$21=4,L8037*Input!$C$21,0)+IF(Input!$D$22=4,M8037*Input!$C$22,0)</f>
        <v>0</v>
      </c>
      <c r="R8037" s="58">
        <v>47.679669374213766</v>
      </c>
      <c r="S8037" s="124">
        <f t="shared" si="125"/>
        <v>1.6344044587271545</v>
      </c>
    </row>
    <row r="8038" spans="8:19" x14ac:dyDescent="0.3">
      <c r="H8038" s="44">
        <v>8031</v>
      </c>
      <c r="I8038" s="56">
        <f>Bühler!I8064</f>
        <v>0.37717025970626639</v>
      </c>
      <c r="J8038" s="59">
        <f>Bühler!J8064</f>
        <v>1.2572341990208882</v>
      </c>
      <c r="K8038" s="59">
        <f>Bühler!K8064</f>
        <v>1.8858512985313323</v>
      </c>
      <c r="L8038" s="59">
        <f>Bühler!L8064</f>
        <v>17.014598750148618</v>
      </c>
      <c r="M8038" s="58">
        <f>Bühler!M8064</f>
        <v>0</v>
      </c>
      <c r="N8038" s="56">
        <f>IF(Input!$D$19=1,J8038*Input!$C$19,0)+IF(Input!$D$20=1,K8038*Input!$C$20,0)+IF(Input!$D$21=1,L8038*Input!$C$21,0)+IF(Input!$D$22=1,M8038*Input!$C$22,0)</f>
        <v>0.37717025970626644</v>
      </c>
      <c r="O8038" s="59">
        <f>IF(Input!$D$19=2,J8038*Input!$C$19,0)+IF(Input!$D$20=2,K8038*Input!$C$20,0)+IF(Input!$D$21=2,L8038*Input!$C$21,0)+IF(Input!$D$22=2,M8038*Input!$C$22,0)</f>
        <v>0.94292564926566613</v>
      </c>
      <c r="P8038" s="59">
        <f>IF(Input!$D$19=3,J8038*Input!$C$19,0)+IF(Input!$D$20=3,K8038*Input!$C$20,0)+IF(Input!$D$21=3,L8038*Input!$C$21,0)+IF(Input!$D$22=3,M8038*Input!$C$22,0)</f>
        <v>0</v>
      </c>
      <c r="Q8038" s="75">
        <f>IF(Input!$D$19=4,J8038*Input!$C$19,0)+IF(Input!$D$20=4,K8038*Input!$C$20,0)+IF(Input!$D$21=4,L8038*Input!$C$21,0)+IF(Input!$D$22=4,M8038*Input!$C$22,0)</f>
        <v>0</v>
      </c>
      <c r="R8038" s="58">
        <v>47.729725407319229</v>
      </c>
      <c r="S8038" s="124">
        <f t="shared" si="125"/>
        <v>1.6344044587271545</v>
      </c>
    </row>
    <row r="8039" spans="8:19" x14ac:dyDescent="0.3">
      <c r="H8039" s="44">
        <v>8032</v>
      </c>
      <c r="I8039" s="56">
        <f>Bühler!I8065</f>
        <v>0.34100324850155594</v>
      </c>
      <c r="J8039" s="59">
        <f>Bühler!J8065</f>
        <v>1.1366774950051866</v>
      </c>
      <c r="K8039" s="59">
        <f>Bühler!K8065</f>
        <v>1.7050162425077797</v>
      </c>
      <c r="L8039" s="59">
        <f>Bühler!L8065</f>
        <v>15.383061883696012</v>
      </c>
      <c r="M8039" s="58">
        <f>Bühler!M8065</f>
        <v>0</v>
      </c>
      <c r="N8039" s="56">
        <f>IF(Input!$D$19=1,J8039*Input!$C$19,0)+IF(Input!$D$20=1,K8039*Input!$C$20,0)+IF(Input!$D$21=1,L8039*Input!$C$21,0)+IF(Input!$D$22=1,M8039*Input!$C$22,0)</f>
        <v>0.34100324850155594</v>
      </c>
      <c r="O8039" s="59">
        <f>IF(Input!$D$19=2,J8039*Input!$C$19,0)+IF(Input!$D$20=2,K8039*Input!$C$20,0)+IF(Input!$D$21=2,L8039*Input!$C$21,0)+IF(Input!$D$22=2,M8039*Input!$C$22,0)</f>
        <v>0.85250812125388986</v>
      </c>
      <c r="P8039" s="59">
        <f>IF(Input!$D$19=3,J8039*Input!$C$19,0)+IF(Input!$D$20=3,K8039*Input!$C$20,0)+IF(Input!$D$21=3,L8039*Input!$C$21,0)+IF(Input!$D$22=3,M8039*Input!$C$22,0)</f>
        <v>0</v>
      </c>
      <c r="Q8039" s="75">
        <f>IF(Input!$D$19=4,J8039*Input!$C$19,0)+IF(Input!$D$20=4,K8039*Input!$C$20,0)+IF(Input!$D$21=4,L8039*Input!$C$21,0)+IF(Input!$D$22=4,M8039*Input!$C$22,0)</f>
        <v>0</v>
      </c>
      <c r="R8039" s="58">
        <v>47.095886487288134</v>
      </c>
      <c r="S8039" s="124">
        <f t="shared" si="125"/>
        <v>1.4776807435067425</v>
      </c>
    </row>
    <row r="8040" spans="8:19" x14ac:dyDescent="0.3">
      <c r="H8040" s="44">
        <v>8033</v>
      </c>
      <c r="I8040" s="56">
        <f>Bühler!I8066</f>
        <v>0.31000295318323262</v>
      </c>
      <c r="J8040" s="59">
        <f>Bühler!J8066</f>
        <v>1.0333431772774422</v>
      </c>
      <c r="K8040" s="59">
        <f>Bühler!K8066</f>
        <v>1.5500147659161634</v>
      </c>
      <c r="L8040" s="59">
        <f>Bühler!L8066</f>
        <v>13.984601712450921</v>
      </c>
      <c r="M8040" s="58">
        <f>Bühler!M8066</f>
        <v>0</v>
      </c>
      <c r="N8040" s="56">
        <f>IF(Input!$D$19=1,J8040*Input!$C$19,0)+IF(Input!$D$20=1,K8040*Input!$C$20,0)+IF(Input!$D$21=1,L8040*Input!$C$21,0)+IF(Input!$D$22=1,M8040*Input!$C$22,0)</f>
        <v>0.31000295318323262</v>
      </c>
      <c r="O8040" s="59">
        <f>IF(Input!$D$19=2,J8040*Input!$C$19,0)+IF(Input!$D$20=2,K8040*Input!$C$20,0)+IF(Input!$D$21=2,L8040*Input!$C$21,0)+IF(Input!$D$22=2,M8040*Input!$C$22,0)</f>
        <v>0.77500738295808169</v>
      </c>
      <c r="P8040" s="59">
        <f>IF(Input!$D$19=3,J8040*Input!$C$19,0)+IF(Input!$D$20=3,K8040*Input!$C$20,0)+IF(Input!$D$21=3,L8040*Input!$C$21,0)+IF(Input!$D$22=3,M8040*Input!$C$22,0)</f>
        <v>0</v>
      </c>
      <c r="Q8040" s="75">
        <f>IF(Input!$D$19=4,J8040*Input!$C$19,0)+IF(Input!$D$20=4,K8040*Input!$C$20,0)+IF(Input!$D$21=4,L8040*Input!$C$21,0)+IF(Input!$D$22=4,M8040*Input!$C$22,0)</f>
        <v>0</v>
      </c>
      <c r="R8040" s="58">
        <v>46.538859254092614</v>
      </c>
      <c r="S8040" s="124">
        <f t="shared" si="125"/>
        <v>1.3433461304606749</v>
      </c>
    </row>
    <row r="8041" spans="8:19" x14ac:dyDescent="0.3">
      <c r="H8041" s="44">
        <v>8034</v>
      </c>
      <c r="I8041" s="56">
        <f>Bühler!I8067</f>
        <v>0.27900265786490941</v>
      </c>
      <c r="J8041" s="59">
        <f>Bühler!J8067</f>
        <v>0.93000885954969825</v>
      </c>
      <c r="K8041" s="59">
        <f>Bühler!K8067</f>
        <v>1.3950132893245473</v>
      </c>
      <c r="L8041" s="59">
        <f>Bühler!L8067</f>
        <v>12.58614154120583</v>
      </c>
      <c r="M8041" s="58">
        <f>Bühler!M8067</f>
        <v>0</v>
      </c>
      <c r="N8041" s="56">
        <f>IF(Input!$D$19=1,J8041*Input!$C$19,0)+IF(Input!$D$20=1,K8041*Input!$C$20,0)+IF(Input!$D$21=1,L8041*Input!$C$21,0)+IF(Input!$D$22=1,M8041*Input!$C$22,0)</f>
        <v>0.27900265786490946</v>
      </c>
      <c r="O8041" s="59">
        <f>IF(Input!$D$19=2,J8041*Input!$C$19,0)+IF(Input!$D$20=2,K8041*Input!$C$20,0)+IF(Input!$D$21=2,L8041*Input!$C$21,0)+IF(Input!$D$22=2,M8041*Input!$C$22,0)</f>
        <v>0.69750664466227363</v>
      </c>
      <c r="P8041" s="59">
        <f>IF(Input!$D$19=3,J8041*Input!$C$19,0)+IF(Input!$D$20=3,K8041*Input!$C$20,0)+IF(Input!$D$21=3,L8041*Input!$C$21,0)+IF(Input!$D$22=3,M8041*Input!$C$22,0)</f>
        <v>0</v>
      </c>
      <c r="Q8041" s="75">
        <f>IF(Input!$D$19=4,J8041*Input!$C$19,0)+IF(Input!$D$20=4,K8041*Input!$C$20,0)+IF(Input!$D$21=4,L8041*Input!$C$21,0)+IF(Input!$D$22=4,M8041*Input!$C$22,0)</f>
        <v>0</v>
      </c>
      <c r="R8041" s="58">
        <v>46.053191891806918</v>
      </c>
      <c r="S8041" s="124">
        <f t="shared" si="125"/>
        <v>1.2090115174146077</v>
      </c>
    </row>
    <row r="8042" spans="8:19" x14ac:dyDescent="0.3">
      <c r="H8042" s="44">
        <v>8035</v>
      </c>
      <c r="I8042" s="56">
        <f>Bühler!I8068</f>
        <v>0.26866922609213495</v>
      </c>
      <c r="J8042" s="59">
        <f>Bühler!J8068</f>
        <v>0.89556408697378331</v>
      </c>
      <c r="K8042" s="59">
        <f>Bühler!K8068</f>
        <v>1.3433461304606749</v>
      </c>
      <c r="L8042" s="59">
        <f>Bühler!L8068</f>
        <v>12.119988150790798</v>
      </c>
      <c r="M8042" s="58">
        <f>Bühler!M8068</f>
        <v>0</v>
      </c>
      <c r="N8042" s="56">
        <f>IF(Input!$D$19=1,J8042*Input!$C$19,0)+IF(Input!$D$20=1,K8042*Input!$C$20,0)+IF(Input!$D$21=1,L8042*Input!$C$21,0)+IF(Input!$D$22=1,M8042*Input!$C$22,0)</f>
        <v>0.26866922609213501</v>
      </c>
      <c r="O8042" s="59">
        <f>IF(Input!$D$19=2,J8042*Input!$C$19,0)+IF(Input!$D$20=2,K8042*Input!$C$20,0)+IF(Input!$D$21=2,L8042*Input!$C$21,0)+IF(Input!$D$22=2,M8042*Input!$C$22,0)</f>
        <v>0.67167306523033743</v>
      </c>
      <c r="P8042" s="59">
        <f>IF(Input!$D$19=3,J8042*Input!$C$19,0)+IF(Input!$D$20=3,K8042*Input!$C$20,0)+IF(Input!$D$21=3,L8042*Input!$C$21,0)+IF(Input!$D$22=3,M8042*Input!$C$22,0)</f>
        <v>0</v>
      </c>
      <c r="Q8042" s="75">
        <f>IF(Input!$D$19=4,J8042*Input!$C$19,0)+IF(Input!$D$20=4,K8042*Input!$C$20,0)+IF(Input!$D$21=4,L8042*Input!$C$21,0)+IF(Input!$D$22=4,M8042*Input!$C$22,0)</f>
        <v>0</v>
      </c>
      <c r="R8042" s="58">
        <v>45.815266010053485</v>
      </c>
      <c r="S8042" s="124">
        <f t="shared" si="125"/>
        <v>1.1642333130659184</v>
      </c>
    </row>
    <row r="8043" spans="8:19" x14ac:dyDescent="0.3">
      <c r="H8043" s="44">
        <v>8036</v>
      </c>
      <c r="I8043" s="56">
        <f>Bühler!I8069</f>
        <v>0.21700206722826287</v>
      </c>
      <c r="J8043" s="59">
        <f>Bühler!J8069</f>
        <v>0.72334022409420962</v>
      </c>
      <c r="K8043" s="59">
        <f>Bühler!K8069</f>
        <v>1.0850103361413144</v>
      </c>
      <c r="L8043" s="59">
        <f>Bühler!L8069</f>
        <v>9.7892211987156443</v>
      </c>
      <c r="M8043" s="58">
        <f>Bühler!M8069</f>
        <v>0</v>
      </c>
      <c r="N8043" s="56">
        <f>IF(Input!$D$19=1,J8043*Input!$C$19,0)+IF(Input!$D$20=1,K8043*Input!$C$20,0)+IF(Input!$D$21=1,L8043*Input!$C$21,0)+IF(Input!$D$22=1,M8043*Input!$C$22,0)</f>
        <v>0.21700206722826287</v>
      </c>
      <c r="O8043" s="59">
        <f>IF(Input!$D$19=2,J8043*Input!$C$19,0)+IF(Input!$D$20=2,K8043*Input!$C$20,0)+IF(Input!$D$21=2,L8043*Input!$C$21,0)+IF(Input!$D$22=2,M8043*Input!$C$22,0)</f>
        <v>0.54250516807065718</v>
      </c>
      <c r="P8043" s="59">
        <f>IF(Input!$D$19=3,J8043*Input!$C$19,0)+IF(Input!$D$20=3,K8043*Input!$C$20,0)+IF(Input!$D$21=3,L8043*Input!$C$21,0)+IF(Input!$D$22=3,M8043*Input!$C$22,0)</f>
        <v>0</v>
      </c>
      <c r="Q8043" s="75">
        <f>IF(Input!$D$19=4,J8043*Input!$C$19,0)+IF(Input!$D$20=4,K8043*Input!$C$20,0)+IF(Input!$D$21=4,L8043*Input!$C$21,0)+IF(Input!$D$22=4,M8043*Input!$C$22,0)</f>
        <v>0</v>
      </c>
      <c r="R8043" s="58">
        <v>45.396169137251448</v>
      </c>
      <c r="S8043" s="124">
        <f t="shared" si="125"/>
        <v>0.94034229132247249</v>
      </c>
    </row>
    <row r="8044" spans="8:19" x14ac:dyDescent="0.3">
      <c r="H8044" s="44">
        <v>8037</v>
      </c>
      <c r="I8044" s="56">
        <f>Bühler!I8070</f>
        <v>0.16016819247800354</v>
      </c>
      <c r="J8044" s="59">
        <f>Bühler!J8070</f>
        <v>0.53389397492667856</v>
      </c>
      <c r="K8044" s="59">
        <f>Bühler!K8070</f>
        <v>0.80084096239001779</v>
      </c>
      <c r="L8044" s="59">
        <f>Bühler!L8070</f>
        <v>7.2253775514329757</v>
      </c>
      <c r="M8044" s="58">
        <f>Bühler!M8070</f>
        <v>0</v>
      </c>
      <c r="N8044" s="56">
        <f>IF(Input!$D$19=1,J8044*Input!$C$19,0)+IF(Input!$D$20=1,K8044*Input!$C$20,0)+IF(Input!$D$21=1,L8044*Input!$C$21,0)+IF(Input!$D$22=1,M8044*Input!$C$22,0)</f>
        <v>0.16016819247800357</v>
      </c>
      <c r="O8044" s="59">
        <f>IF(Input!$D$19=2,J8044*Input!$C$19,0)+IF(Input!$D$20=2,K8044*Input!$C$20,0)+IF(Input!$D$21=2,L8044*Input!$C$21,0)+IF(Input!$D$22=2,M8044*Input!$C$22,0)</f>
        <v>0.40042048119500889</v>
      </c>
      <c r="P8044" s="59">
        <f>IF(Input!$D$19=3,J8044*Input!$C$19,0)+IF(Input!$D$20=3,K8044*Input!$C$20,0)+IF(Input!$D$21=3,L8044*Input!$C$21,0)+IF(Input!$D$22=3,M8044*Input!$C$22,0)</f>
        <v>0</v>
      </c>
      <c r="Q8044" s="75">
        <f>IF(Input!$D$19=4,J8044*Input!$C$19,0)+IF(Input!$D$20=4,K8044*Input!$C$20,0)+IF(Input!$D$21=4,L8044*Input!$C$21,0)+IF(Input!$D$22=4,M8044*Input!$C$22,0)</f>
        <v>0</v>
      </c>
      <c r="R8044" s="58">
        <v>44.646864690821651</v>
      </c>
      <c r="S8044" s="124">
        <f t="shared" si="125"/>
        <v>0.69406216740468207</v>
      </c>
    </row>
    <row r="8045" spans="8:19" x14ac:dyDescent="0.3">
      <c r="H8045" s="44">
        <v>8038</v>
      </c>
      <c r="I8045" s="56">
        <f>Bühler!I8071</f>
        <v>0.16016819247800354</v>
      </c>
      <c r="J8045" s="59">
        <f>Bühler!J8071</f>
        <v>0.53389397492667856</v>
      </c>
      <c r="K8045" s="59">
        <f>Bühler!K8071</f>
        <v>0.80084096239001779</v>
      </c>
      <c r="L8045" s="59">
        <f>Bühler!L8071</f>
        <v>7.2253775514329757</v>
      </c>
      <c r="M8045" s="58">
        <f>Bühler!M8071</f>
        <v>0</v>
      </c>
      <c r="N8045" s="56">
        <f>IF(Input!$D$19=1,J8045*Input!$C$19,0)+IF(Input!$D$20=1,K8045*Input!$C$20,0)+IF(Input!$D$21=1,L8045*Input!$C$21,0)+IF(Input!$D$22=1,M8045*Input!$C$22,0)</f>
        <v>0.16016819247800357</v>
      </c>
      <c r="O8045" s="59">
        <f>IF(Input!$D$19=2,J8045*Input!$C$19,0)+IF(Input!$D$20=2,K8045*Input!$C$20,0)+IF(Input!$D$21=2,L8045*Input!$C$21,0)+IF(Input!$D$22=2,M8045*Input!$C$22,0)</f>
        <v>0.40042048119500889</v>
      </c>
      <c r="P8045" s="59">
        <f>IF(Input!$D$19=3,J8045*Input!$C$19,0)+IF(Input!$D$20=3,K8045*Input!$C$20,0)+IF(Input!$D$21=3,L8045*Input!$C$21,0)+IF(Input!$D$22=3,M8045*Input!$C$22,0)</f>
        <v>0</v>
      </c>
      <c r="Q8045" s="75">
        <f>IF(Input!$D$19=4,J8045*Input!$C$19,0)+IF(Input!$D$20=4,K8045*Input!$C$20,0)+IF(Input!$D$21=4,L8045*Input!$C$21,0)+IF(Input!$D$22=4,M8045*Input!$C$22,0)</f>
        <v>0</v>
      </c>
      <c r="R8045" s="58">
        <v>44.467995823433931</v>
      </c>
      <c r="S8045" s="124">
        <f t="shared" si="125"/>
        <v>0.69406216740468207</v>
      </c>
    </row>
    <row r="8046" spans="8:19" x14ac:dyDescent="0.3">
      <c r="H8046" s="44">
        <v>8039</v>
      </c>
      <c r="I8046" s="56">
        <f>Bühler!I8072</f>
        <v>0.16016819247800354</v>
      </c>
      <c r="J8046" s="59">
        <f>Bühler!J8072</f>
        <v>0.53389397492667856</v>
      </c>
      <c r="K8046" s="59">
        <f>Bühler!K8072</f>
        <v>0.80084096239001779</v>
      </c>
      <c r="L8046" s="59">
        <f>Bühler!L8072</f>
        <v>7.2253775514329757</v>
      </c>
      <c r="M8046" s="58">
        <f>Bühler!M8072</f>
        <v>0</v>
      </c>
      <c r="N8046" s="56">
        <f>IF(Input!$D$19=1,J8046*Input!$C$19,0)+IF(Input!$D$20=1,K8046*Input!$C$20,0)+IF(Input!$D$21=1,L8046*Input!$C$21,0)+IF(Input!$D$22=1,M8046*Input!$C$22,0)</f>
        <v>0.16016819247800357</v>
      </c>
      <c r="O8046" s="59">
        <f>IF(Input!$D$19=2,J8046*Input!$C$19,0)+IF(Input!$D$20=2,K8046*Input!$C$20,0)+IF(Input!$D$21=2,L8046*Input!$C$21,0)+IF(Input!$D$22=2,M8046*Input!$C$22,0)</f>
        <v>0.40042048119500889</v>
      </c>
      <c r="P8046" s="59">
        <f>IF(Input!$D$19=3,J8046*Input!$C$19,0)+IF(Input!$D$20=3,K8046*Input!$C$20,0)+IF(Input!$D$21=3,L8046*Input!$C$21,0)+IF(Input!$D$22=3,M8046*Input!$C$22,0)</f>
        <v>0</v>
      </c>
      <c r="Q8046" s="75">
        <f>IF(Input!$D$19=4,J8046*Input!$C$19,0)+IF(Input!$D$20=4,K8046*Input!$C$20,0)+IF(Input!$D$21=4,L8046*Input!$C$21,0)+IF(Input!$D$22=4,M8046*Input!$C$22,0)</f>
        <v>0</v>
      </c>
      <c r="R8046" s="58">
        <v>44.695327715470206</v>
      </c>
      <c r="S8046" s="124">
        <f t="shared" si="125"/>
        <v>0.69406216740468207</v>
      </c>
    </row>
    <row r="8047" spans="8:19" x14ac:dyDescent="0.3">
      <c r="H8047" s="44">
        <v>8040</v>
      </c>
      <c r="I8047" s="56">
        <f>Bühler!I8073</f>
        <v>0.16016819247800354</v>
      </c>
      <c r="J8047" s="59">
        <f>Bühler!J8073</f>
        <v>0.53389397492667856</v>
      </c>
      <c r="K8047" s="59">
        <f>Bühler!K8073</f>
        <v>0.80084096239001779</v>
      </c>
      <c r="L8047" s="59">
        <f>Bühler!L8073</f>
        <v>7.2253775514329757</v>
      </c>
      <c r="M8047" s="58">
        <f>Bühler!M8073</f>
        <v>0</v>
      </c>
      <c r="N8047" s="56">
        <f>IF(Input!$D$19=1,J8047*Input!$C$19,0)+IF(Input!$D$20=1,K8047*Input!$C$20,0)+IF(Input!$D$21=1,L8047*Input!$C$21,0)+IF(Input!$D$22=1,M8047*Input!$C$22,0)</f>
        <v>0.16016819247800357</v>
      </c>
      <c r="O8047" s="59">
        <f>IF(Input!$D$19=2,J8047*Input!$C$19,0)+IF(Input!$D$20=2,K8047*Input!$C$20,0)+IF(Input!$D$21=2,L8047*Input!$C$21,0)+IF(Input!$D$22=2,M8047*Input!$C$22,0)</f>
        <v>0.40042048119500889</v>
      </c>
      <c r="P8047" s="59">
        <f>IF(Input!$D$19=3,J8047*Input!$C$19,0)+IF(Input!$D$20=3,K8047*Input!$C$20,0)+IF(Input!$D$21=3,L8047*Input!$C$21,0)+IF(Input!$D$22=3,M8047*Input!$C$22,0)</f>
        <v>0</v>
      </c>
      <c r="Q8047" s="75">
        <f>IF(Input!$D$19=4,J8047*Input!$C$19,0)+IF(Input!$D$20=4,K8047*Input!$C$20,0)+IF(Input!$D$21=4,L8047*Input!$C$21,0)+IF(Input!$D$22=4,M8047*Input!$C$22,0)</f>
        <v>0</v>
      </c>
      <c r="R8047" s="58">
        <v>44.42894439372035</v>
      </c>
      <c r="S8047" s="124">
        <f t="shared" si="125"/>
        <v>0.69406216740468207</v>
      </c>
    </row>
    <row r="8048" spans="8:19" x14ac:dyDescent="0.3">
      <c r="H8048" s="44">
        <v>8041</v>
      </c>
      <c r="I8048" s="56">
        <f>Bühler!I8074</f>
        <v>0.18884149277768392</v>
      </c>
      <c r="J8048" s="59">
        <f>Bühler!J8074</f>
        <v>0.62947164259227972</v>
      </c>
      <c r="K8048" s="59">
        <f>Bühler!K8074</f>
        <v>0.9442074638884197</v>
      </c>
      <c r="L8048" s="59">
        <f>Bühler!L8074</f>
        <v>8.365346854715682</v>
      </c>
      <c r="M8048" s="58">
        <f>Bühler!M8074</f>
        <v>0</v>
      </c>
      <c r="N8048" s="56">
        <f>IF(Input!$D$19=1,J8048*Input!$C$19,0)+IF(Input!$D$20=1,K8048*Input!$C$20,0)+IF(Input!$D$21=1,L8048*Input!$C$21,0)+IF(Input!$D$22=1,M8048*Input!$C$22,0)</f>
        <v>0.18884149277768392</v>
      </c>
      <c r="O8048" s="59">
        <f>IF(Input!$D$19=2,J8048*Input!$C$19,0)+IF(Input!$D$20=2,K8048*Input!$C$20,0)+IF(Input!$D$21=2,L8048*Input!$C$21,0)+IF(Input!$D$22=2,M8048*Input!$C$22,0)</f>
        <v>0.47210373194420985</v>
      </c>
      <c r="P8048" s="59">
        <f>IF(Input!$D$19=3,J8048*Input!$C$19,0)+IF(Input!$D$20=3,K8048*Input!$C$20,0)+IF(Input!$D$21=3,L8048*Input!$C$21,0)+IF(Input!$D$22=3,M8048*Input!$C$22,0)</f>
        <v>0</v>
      </c>
      <c r="Q8048" s="75">
        <f>IF(Input!$D$19=4,J8048*Input!$C$19,0)+IF(Input!$D$20=4,K8048*Input!$C$20,0)+IF(Input!$D$21=4,L8048*Input!$C$21,0)+IF(Input!$D$22=4,M8048*Input!$C$22,0)</f>
        <v>0</v>
      </c>
      <c r="R8048" s="58">
        <v>44.12683776072663</v>
      </c>
      <c r="S8048" s="124">
        <f t="shared" si="125"/>
        <v>0.81831313536996364</v>
      </c>
    </row>
    <row r="8049" spans="8:19" x14ac:dyDescent="0.3">
      <c r="H8049" s="44">
        <v>8042</v>
      </c>
      <c r="I8049" s="56">
        <f>Bühler!I8075</f>
        <v>0.21929979806440711</v>
      </c>
      <c r="J8049" s="59">
        <f>Bühler!J8075</f>
        <v>0.73099932688135716</v>
      </c>
      <c r="K8049" s="59">
        <f>Bühler!K8075</f>
        <v>1.0964989903220357</v>
      </c>
      <c r="L8049" s="59">
        <f>Bühler!L8075</f>
        <v>9.7145963474117618</v>
      </c>
      <c r="M8049" s="58">
        <f>Bühler!M8075</f>
        <v>0</v>
      </c>
      <c r="N8049" s="56">
        <f>IF(Input!$D$19=1,J8049*Input!$C$19,0)+IF(Input!$D$20=1,K8049*Input!$C$20,0)+IF(Input!$D$21=1,L8049*Input!$C$21,0)+IF(Input!$D$22=1,M8049*Input!$C$22,0)</f>
        <v>0.21929979806440714</v>
      </c>
      <c r="O8049" s="59">
        <f>IF(Input!$D$19=2,J8049*Input!$C$19,0)+IF(Input!$D$20=2,K8049*Input!$C$20,0)+IF(Input!$D$21=2,L8049*Input!$C$21,0)+IF(Input!$D$22=2,M8049*Input!$C$22,0)</f>
        <v>0.54824949516101784</v>
      </c>
      <c r="P8049" s="59">
        <f>IF(Input!$D$19=3,J8049*Input!$C$19,0)+IF(Input!$D$20=3,K8049*Input!$C$20,0)+IF(Input!$D$21=3,L8049*Input!$C$21,0)+IF(Input!$D$22=3,M8049*Input!$C$22,0)</f>
        <v>0</v>
      </c>
      <c r="Q8049" s="75">
        <f>IF(Input!$D$19=4,J8049*Input!$C$19,0)+IF(Input!$D$20=4,K8049*Input!$C$20,0)+IF(Input!$D$21=4,L8049*Input!$C$21,0)+IF(Input!$D$22=4,M8049*Input!$C$22,0)</f>
        <v>0</v>
      </c>
      <c r="R8049" s="58">
        <v>44.028505602313722</v>
      </c>
      <c r="S8049" s="124">
        <f t="shared" si="125"/>
        <v>0.9502991249457643</v>
      </c>
    </row>
    <row r="8050" spans="8:19" x14ac:dyDescent="0.3">
      <c r="H8050" s="44">
        <v>8043</v>
      </c>
      <c r="I8050" s="56">
        <f>Bühler!I8076</f>
        <v>0.21929979806440711</v>
      </c>
      <c r="J8050" s="59">
        <f>Bühler!J8076</f>
        <v>0.73099932688135716</v>
      </c>
      <c r="K8050" s="59">
        <f>Bühler!K8076</f>
        <v>1.0964989903220357</v>
      </c>
      <c r="L8050" s="59">
        <f>Bühler!L8076</f>
        <v>9.7145963474117618</v>
      </c>
      <c r="M8050" s="58">
        <f>Bühler!M8076</f>
        <v>0</v>
      </c>
      <c r="N8050" s="56">
        <f>IF(Input!$D$19=1,J8050*Input!$C$19,0)+IF(Input!$D$20=1,K8050*Input!$C$20,0)+IF(Input!$D$21=1,L8050*Input!$C$21,0)+IF(Input!$D$22=1,M8050*Input!$C$22,0)</f>
        <v>0.21929979806440714</v>
      </c>
      <c r="O8050" s="59">
        <f>IF(Input!$D$19=2,J8050*Input!$C$19,0)+IF(Input!$D$20=2,K8050*Input!$C$20,0)+IF(Input!$D$21=2,L8050*Input!$C$21,0)+IF(Input!$D$22=2,M8050*Input!$C$22,0)</f>
        <v>0.54824949516101784</v>
      </c>
      <c r="P8050" s="59">
        <f>IF(Input!$D$19=3,J8050*Input!$C$19,0)+IF(Input!$D$20=3,K8050*Input!$C$20,0)+IF(Input!$D$21=3,L8050*Input!$C$21,0)+IF(Input!$D$22=3,M8050*Input!$C$22,0)</f>
        <v>0</v>
      </c>
      <c r="Q8050" s="75">
        <f>IF(Input!$D$19=4,J8050*Input!$C$19,0)+IF(Input!$D$20=4,K8050*Input!$C$20,0)+IF(Input!$D$21=4,L8050*Input!$C$21,0)+IF(Input!$D$22=4,M8050*Input!$C$22,0)</f>
        <v>0</v>
      </c>
      <c r="R8050" s="58">
        <v>44.228032642755032</v>
      </c>
      <c r="S8050" s="124">
        <f t="shared" si="125"/>
        <v>0.9502991249457643</v>
      </c>
    </row>
    <row r="8051" spans="8:19" x14ac:dyDescent="0.3">
      <c r="H8051" s="44">
        <v>8044</v>
      </c>
      <c r="I8051" s="56">
        <f>Bühler!I8077</f>
        <v>0.21929979806440711</v>
      </c>
      <c r="J8051" s="59">
        <f>Bühler!J8077</f>
        <v>0.73099932688135716</v>
      </c>
      <c r="K8051" s="59">
        <f>Bühler!K8077</f>
        <v>1.0964989903220357</v>
      </c>
      <c r="L8051" s="59">
        <f>Bühler!L8077</f>
        <v>9.7145963474117618</v>
      </c>
      <c r="M8051" s="58">
        <f>Bühler!M8077</f>
        <v>0</v>
      </c>
      <c r="N8051" s="56">
        <f>IF(Input!$D$19=1,J8051*Input!$C$19,0)+IF(Input!$D$20=1,K8051*Input!$C$20,0)+IF(Input!$D$21=1,L8051*Input!$C$21,0)+IF(Input!$D$22=1,M8051*Input!$C$22,0)</f>
        <v>0.21929979806440714</v>
      </c>
      <c r="O8051" s="59">
        <f>IF(Input!$D$19=2,J8051*Input!$C$19,0)+IF(Input!$D$20=2,K8051*Input!$C$20,0)+IF(Input!$D$21=2,L8051*Input!$C$21,0)+IF(Input!$D$22=2,M8051*Input!$C$22,0)</f>
        <v>0.54824949516101784</v>
      </c>
      <c r="P8051" s="59">
        <f>IF(Input!$D$19=3,J8051*Input!$C$19,0)+IF(Input!$D$20=3,K8051*Input!$C$20,0)+IF(Input!$D$21=3,L8051*Input!$C$21,0)+IF(Input!$D$22=3,M8051*Input!$C$22,0)</f>
        <v>0</v>
      </c>
      <c r="Q8051" s="75">
        <f>IF(Input!$D$19=4,J8051*Input!$C$19,0)+IF(Input!$D$20=4,K8051*Input!$C$20,0)+IF(Input!$D$21=4,L8051*Input!$C$21,0)+IF(Input!$D$22=4,M8051*Input!$C$22,0)</f>
        <v>0</v>
      </c>
      <c r="R8051" s="58">
        <v>43.506912201153803</v>
      </c>
      <c r="S8051" s="124">
        <f t="shared" si="125"/>
        <v>0.9502991249457643</v>
      </c>
    </row>
    <row r="8052" spans="8:19" x14ac:dyDescent="0.3">
      <c r="H8052" s="44">
        <v>8045</v>
      </c>
      <c r="I8052" s="56">
        <f>Bühler!I8078</f>
        <v>0.21929979806440711</v>
      </c>
      <c r="J8052" s="59">
        <f>Bühler!J8078</f>
        <v>0.73099932688135716</v>
      </c>
      <c r="K8052" s="59">
        <f>Bühler!K8078</f>
        <v>1.0964989903220357</v>
      </c>
      <c r="L8052" s="59">
        <f>Bühler!L8078</f>
        <v>9.7145963474117618</v>
      </c>
      <c r="M8052" s="58">
        <f>Bühler!M8078</f>
        <v>0</v>
      </c>
      <c r="N8052" s="56">
        <f>IF(Input!$D$19=1,J8052*Input!$C$19,0)+IF(Input!$D$20=1,K8052*Input!$C$20,0)+IF(Input!$D$21=1,L8052*Input!$C$21,0)+IF(Input!$D$22=1,M8052*Input!$C$22,0)</f>
        <v>0.21929979806440714</v>
      </c>
      <c r="O8052" s="59">
        <f>IF(Input!$D$19=2,J8052*Input!$C$19,0)+IF(Input!$D$20=2,K8052*Input!$C$20,0)+IF(Input!$D$21=2,L8052*Input!$C$21,0)+IF(Input!$D$22=2,M8052*Input!$C$22,0)</f>
        <v>0.54824949516101784</v>
      </c>
      <c r="P8052" s="59">
        <f>IF(Input!$D$19=3,J8052*Input!$C$19,0)+IF(Input!$D$20=3,K8052*Input!$C$20,0)+IF(Input!$D$21=3,L8052*Input!$C$21,0)+IF(Input!$D$22=3,M8052*Input!$C$22,0)</f>
        <v>0</v>
      </c>
      <c r="Q8052" s="75">
        <f>IF(Input!$D$19=4,J8052*Input!$C$19,0)+IF(Input!$D$20=4,K8052*Input!$C$20,0)+IF(Input!$D$21=4,L8052*Input!$C$21,0)+IF(Input!$D$22=4,M8052*Input!$C$22,0)</f>
        <v>0</v>
      </c>
      <c r="R8052" s="58">
        <v>43.188848612765383</v>
      </c>
      <c r="S8052" s="124">
        <f t="shared" si="125"/>
        <v>0.9502991249457643</v>
      </c>
    </row>
    <row r="8053" spans="8:19" x14ac:dyDescent="0.3">
      <c r="H8053" s="44">
        <v>8046</v>
      </c>
      <c r="I8053" s="56">
        <f>Bühler!I8079</f>
        <v>0.27412474758050892</v>
      </c>
      <c r="J8053" s="59">
        <f>Bühler!J8079</f>
        <v>0.91374915860169648</v>
      </c>
      <c r="K8053" s="59">
        <f>Bühler!K8079</f>
        <v>1.3706237379025445</v>
      </c>
      <c r="L8053" s="59">
        <f>Bühler!L8079</f>
        <v>12.143245434264699</v>
      </c>
      <c r="M8053" s="58">
        <f>Bühler!M8079</f>
        <v>0</v>
      </c>
      <c r="N8053" s="56">
        <f>IF(Input!$D$19=1,J8053*Input!$C$19,0)+IF(Input!$D$20=1,K8053*Input!$C$20,0)+IF(Input!$D$21=1,L8053*Input!$C$21,0)+IF(Input!$D$22=1,M8053*Input!$C$22,0)</f>
        <v>0.27412474758050892</v>
      </c>
      <c r="O8053" s="59">
        <f>IF(Input!$D$19=2,J8053*Input!$C$19,0)+IF(Input!$D$20=2,K8053*Input!$C$20,0)+IF(Input!$D$21=2,L8053*Input!$C$21,0)+IF(Input!$D$22=2,M8053*Input!$C$22,0)</f>
        <v>0.68531186895127227</v>
      </c>
      <c r="P8053" s="59">
        <f>IF(Input!$D$19=3,J8053*Input!$C$19,0)+IF(Input!$D$20=3,K8053*Input!$C$20,0)+IF(Input!$D$21=3,L8053*Input!$C$21,0)+IF(Input!$D$22=3,M8053*Input!$C$22,0)</f>
        <v>0</v>
      </c>
      <c r="Q8053" s="75">
        <f>IF(Input!$D$19=4,J8053*Input!$C$19,0)+IF(Input!$D$20=4,K8053*Input!$C$20,0)+IF(Input!$D$21=4,L8053*Input!$C$21,0)+IF(Input!$D$22=4,M8053*Input!$C$22,0)</f>
        <v>0</v>
      </c>
      <c r="R8053" s="58">
        <v>43.022980674589363</v>
      </c>
      <c r="S8053" s="124">
        <f t="shared" si="125"/>
        <v>1.1878739061822055</v>
      </c>
    </row>
    <row r="8054" spans="8:19" x14ac:dyDescent="0.3">
      <c r="H8054" s="44">
        <v>8047</v>
      </c>
      <c r="I8054" s="56">
        <f>Bühler!I8080</f>
        <v>0.32285803603926605</v>
      </c>
      <c r="J8054" s="59">
        <f>Bühler!J8080</f>
        <v>1.0761934534642201</v>
      </c>
      <c r="K8054" s="59">
        <f>Bühler!K8080</f>
        <v>1.6142901801963303</v>
      </c>
      <c r="L8054" s="59">
        <f>Bühler!L8080</f>
        <v>14.302044622578425</v>
      </c>
      <c r="M8054" s="58">
        <f>Bühler!M8080</f>
        <v>0</v>
      </c>
      <c r="N8054" s="56">
        <f>IF(Input!$D$19=1,J8054*Input!$C$19,0)+IF(Input!$D$20=1,K8054*Input!$C$20,0)+IF(Input!$D$21=1,L8054*Input!$C$21,0)+IF(Input!$D$22=1,M8054*Input!$C$22,0)</f>
        <v>0.32285803603926605</v>
      </c>
      <c r="O8054" s="59">
        <f>IF(Input!$D$19=2,J8054*Input!$C$19,0)+IF(Input!$D$20=2,K8054*Input!$C$20,0)+IF(Input!$D$21=2,L8054*Input!$C$21,0)+IF(Input!$D$22=2,M8054*Input!$C$22,0)</f>
        <v>0.80714509009816515</v>
      </c>
      <c r="P8054" s="59">
        <f>IF(Input!$D$19=3,J8054*Input!$C$19,0)+IF(Input!$D$20=3,K8054*Input!$C$20,0)+IF(Input!$D$21=3,L8054*Input!$C$21,0)+IF(Input!$D$22=3,M8054*Input!$C$22,0)</f>
        <v>0</v>
      </c>
      <c r="Q8054" s="75">
        <f>IF(Input!$D$19=4,J8054*Input!$C$19,0)+IF(Input!$D$20=4,K8054*Input!$C$20,0)+IF(Input!$D$21=4,L8054*Input!$C$21,0)+IF(Input!$D$22=4,M8054*Input!$C$22,0)</f>
        <v>0</v>
      </c>
      <c r="R8054" s="58">
        <v>43.564925313364839</v>
      </c>
      <c r="S8054" s="124">
        <f t="shared" si="125"/>
        <v>1.3990514895034862</v>
      </c>
    </row>
    <row r="8055" spans="8:19" x14ac:dyDescent="0.3">
      <c r="H8055" s="44">
        <v>8048</v>
      </c>
      <c r="I8055" s="56">
        <f>Bühler!I8081</f>
        <v>0.38377464661271243</v>
      </c>
      <c r="J8055" s="59">
        <f>Bühler!J8081</f>
        <v>1.279248822042375</v>
      </c>
      <c r="K8055" s="59">
        <f>Bühler!K8081</f>
        <v>1.9188732330635625</v>
      </c>
      <c r="L8055" s="59">
        <f>Bühler!L8081</f>
        <v>17.000543607970581</v>
      </c>
      <c r="M8055" s="58">
        <f>Bühler!M8081</f>
        <v>0</v>
      </c>
      <c r="N8055" s="56">
        <f>IF(Input!$D$19=1,J8055*Input!$C$19,0)+IF(Input!$D$20=1,K8055*Input!$C$20,0)+IF(Input!$D$21=1,L8055*Input!$C$21,0)+IF(Input!$D$22=1,M8055*Input!$C$22,0)</f>
        <v>0.38377464661271249</v>
      </c>
      <c r="O8055" s="59">
        <f>IF(Input!$D$19=2,J8055*Input!$C$19,0)+IF(Input!$D$20=2,K8055*Input!$C$20,0)+IF(Input!$D$21=2,L8055*Input!$C$21,0)+IF(Input!$D$22=2,M8055*Input!$C$22,0)</f>
        <v>0.95943661653178125</v>
      </c>
      <c r="P8055" s="59">
        <f>IF(Input!$D$19=3,J8055*Input!$C$19,0)+IF(Input!$D$20=3,K8055*Input!$C$20,0)+IF(Input!$D$21=3,L8055*Input!$C$21,0)+IF(Input!$D$22=3,M8055*Input!$C$22,0)</f>
        <v>0</v>
      </c>
      <c r="Q8055" s="75">
        <f>IF(Input!$D$19=4,J8055*Input!$C$19,0)+IF(Input!$D$20=4,K8055*Input!$C$20,0)+IF(Input!$D$21=4,L8055*Input!$C$21,0)+IF(Input!$D$22=4,M8055*Input!$C$22,0)</f>
        <v>0</v>
      </c>
      <c r="R8055" s="58">
        <v>43.336514900920427</v>
      </c>
      <c r="S8055" s="124">
        <f t="shared" si="125"/>
        <v>1.6630234686550875</v>
      </c>
    </row>
    <row r="8056" spans="8:19" x14ac:dyDescent="0.3">
      <c r="H8056" s="44">
        <v>8049</v>
      </c>
      <c r="I8056" s="56">
        <f>Bühler!I8082</f>
        <v>0.38377464661271243</v>
      </c>
      <c r="J8056" s="59">
        <f>Bühler!J8082</f>
        <v>1.279248822042375</v>
      </c>
      <c r="K8056" s="59">
        <f>Bühler!K8082</f>
        <v>1.9188732330635625</v>
      </c>
      <c r="L8056" s="59">
        <f>Bühler!L8082</f>
        <v>17.000543607970581</v>
      </c>
      <c r="M8056" s="58">
        <f>Bühler!M8082</f>
        <v>0</v>
      </c>
      <c r="N8056" s="56">
        <f>IF(Input!$D$19=1,J8056*Input!$C$19,0)+IF(Input!$D$20=1,K8056*Input!$C$20,0)+IF(Input!$D$21=1,L8056*Input!$C$21,0)+IF(Input!$D$22=1,M8056*Input!$C$22,0)</f>
        <v>0.38377464661271249</v>
      </c>
      <c r="O8056" s="59">
        <f>IF(Input!$D$19=2,J8056*Input!$C$19,0)+IF(Input!$D$20=2,K8056*Input!$C$20,0)+IF(Input!$D$21=2,L8056*Input!$C$21,0)+IF(Input!$D$22=2,M8056*Input!$C$22,0)</f>
        <v>0.95943661653178125</v>
      </c>
      <c r="P8056" s="59">
        <f>IF(Input!$D$19=3,J8056*Input!$C$19,0)+IF(Input!$D$20=3,K8056*Input!$C$20,0)+IF(Input!$D$21=3,L8056*Input!$C$21,0)+IF(Input!$D$22=3,M8056*Input!$C$22,0)</f>
        <v>0</v>
      </c>
      <c r="Q8056" s="75">
        <f>IF(Input!$D$19=4,J8056*Input!$C$19,0)+IF(Input!$D$20=4,K8056*Input!$C$20,0)+IF(Input!$D$21=4,L8056*Input!$C$21,0)+IF(Input!$D$22=4,M8056*Input!$C$22,0)</f>
        <v>0</v>
      </c>
      <c r="R8056" s="58">
        <v>43.172643563156626</v>
      </c>
      <c r="S8056" s="124">
        <f t="shared" si="125"/>
        <v>1.6630234686550875</v>
      </c>
    </row>
    <row r="8057" spans="8:19" x14ac:dyDescent="0.3">
      <c r="H8057" s="44">
        <v>8050</v>
      </c>
      <c r="I8057" s="56">
        <f>Bühler!I8083</f>
        <v>0.38377464661271243</v>
      </c>
      <c r="J8057" s="59">
        <f>Bühler!J8083</f>
        <v>1.279248822042375</v>
      </c>
      <c r="K8057" s="59">
        <f>Bühler!K8083</f>
        <v>1.9188732330635625</v>
      </c>
      <c r="L8057" s="59">
        <f>Bühler!L8083</f>
        <v>17.000543607970581</v>
      </c>
      <c r="M8057" s="58">
        <f>Bühler!M8083</f>
        <v>0</v>
      </c>
      <c r="N8057" s="56">
        <f>IF(Input!$D$19=1,J8057*Input!$C$19,0)+IF(Input!$D$20=1,K8057*Input!$C$20,0)+IF(Input!$D$21=1,L8057*Input!$C$21,0)+IF(Input!$D$22=1,M8057*Input!$C$22,0)</f>
        <v>0.38377464661271249</v>
      </c>
      <c r="O8057" s="59">
        <f>IF(Input!$D$19=2,J8057*Input!$C$19,0)+IF(Input!$D$20=2,K8057*Input!$C$20,0)+IF(Input!$D$21=2,L8057*Input!$C$21,0)+IF(Input!$D$22=2,M8057*Input!$C$22,0)</f>
        <v>0.95943661653178125</v>
      </c>
      <c r="P8057" s="59">
        <f>IF(Input!$D$19=3,J8057*Input!$C$19,0)+IF(Input!$D$20=3,K8057*Input!$C$20,0)+IF(Input!$D$21=3,L8057*Input!$C$21,0)+IF(Input!$D$22=3,M8057*Input!$C$22,0)</f>
        <v>0</v>
      </c>
      <c r="Q8057" s="75">
        <f>IF(Input!$D$19=4,J8057*Input!$C$19,0)+IF(Input!$D$20=4,K8057*Input!$C$20,0)+IF(Input!$D$21=4,L8057*Input!$C$21,0)+IF(Input!$D$22=4,M8057*Input!$C$22,0)</f>
        <v>0</v>
      </c>
      <c r="R8057" s="58">
        <v>42.898566084503692</v>
      </c>
      <c r="S8057" s="124">
        <f t="shared" si="125"/>
        <v>1.6630234686550875</v>
      </c>
    </row>
    <row r="8058" spans="8:19" x14ac:dyDescent="0.3">
      <c r="H8058" s="44">
        <v>8051</v>
      </c>
      <c r="I8058" s="56">
        <f>Bühler!I8084</f>
        <v>0.38377464661271243</v>
      </c>
      <c r="J8058" s="59">
        <f>Bühler!J8084</f>
        <v>1.279248822042375</v>
      </c>
      <c r="K8058" s="59">
        <f>Bühler!K8084</f>
        <v>1.9188732330635625</v>
      </c>
      <c r="L8058" s="59">
        <f>Bühler!L8084</f>
        <v>17.000543607970581</v>
      </c>
      <c r="M8058" s="58">
        <f>Bühler!M8084</f>
        <v>0</v>
      </c>
      <c r="N8058" s="56">
        <f>IF(Input!$D$19=1,J8058*Input!$C$19,0)+IF(Input!$D$20=1,K8058*Input!$C$20,0)+IF(Input!$D$21=1,L8058*Input!$C$21,0)+IF(Input!$D$22=1,M8058*Input!$C$22,0)</f>
        <v>0.38377464661271249</v>
      </c>
      <c r="O8058" s="59">
        <f>IF(Input!$D$19=2,J8058*Input!$C$19,0)+IF(Input!$D$20=2,K8058*Input!$C$20,0)+IF(Input!$D$21=2,L8058*Input!$C$21,0)+IF(Input!$D$22=2,M8058*Input!$C$22,0)</f>
        <v>0.95943661653178125</v>
      </c>
      <c r="P8058" s="59">
        <f>IF(Input!$D$19=3,J8058*Input!$C$19,0)+IF(Input!$D$20=3,K8058*Input!$C$20,0)+IF(Input!$D$21=3,L8058*Input!$C$21,0)+IF(Input!$D$22=3,M8058*Input!$C$22,0)</f>
        <v>0</v>
      </c>
      <c r="Q8058" s="75">
        <f>IF(Input!$D$19=4,J8058*Input!$C$19,0)+IF(Input!$D$20=4,K8058*Input!$C$20,0)+IF(Input!$D$21=4,L8058*Input!$C$21,0)+IF(Input!$D$22=4,M8058*Input!$C$22,0)</f>
        <v>0</v>
      </c>
      <c r="R8058" s="58">
        <v>43.11929026399654</v>
      </c>
      <c r="S8058" s="124">
        <f t="shared" si="125"/>
        <v>1.6630234686550875</v>
      </c>
    </row>
    <row r="8059" spans="8:19" x14ac:dyDescent="0.3">
      <c r="H8059" s="44">
        <v>8052</v>
      </c>
      <c r="I8059" s="56">
        <f>Bühler!I8085</f>
        <v>0.38377464661271243</v>
      </c>
      <c r="J8059" s="59">
        <f>Bühler!J8085</f>
        <v>1.279248822042375</v>
      </c>
      <c r="K8059" s="59">
        <f>Bühler!K8085</f>
        <v>1.9188732330635625</v>
      </c>
      <c r="L8059" s="59">
        <f>Bühler!L8085</f>
        <v>17.000543607970581</v>
      </c>
      <c r="M8059" s="58">
        <f>Bühler!M8085</f>
        <v>0</v>
      </c>
      <c r="N8059" s="56">
        <f>IF(Input!$D$19=1,J8059*Input!$C$19,0)+IF(Input!$D$20=1,K8059*Input!$C$20,0)+IF(Input!$D$21=1,L8059*Input!$C$21,0)+IF(Input!$D$22=1,M8059*Input!$C$22,0)</f>
        <v>0.38377464661271249</v>
      </c>
      <c r="O8059" s="59">
        <f>IF(Input!$D$19=2,J8059*Input!$C$19,0)+IF(Input!$D$20=2,K8059*Input!$C$20,0)+IF(Input!$D$21=2,L8059*Input!$C$21,0)+IF(Input!$D$22=2,M8059*Input!$C$22,0)</f>
        <v>0.95943661653178125</v>
      </c>
      <c r="P8059" s="59">
        <f>IF(Input!$D$19=3,J8059*Input!$C$19,0)+IF(Input!$D$20=3,K8059*Input!$C$20,0)+IF(Input!$D$21=3,L8059*Input!$C$21,0)+IF(Input!$D$22=3,M8059*Input!$C$22,0)</f>
        <v>0</v>
      </c>
      <c r="Q8059" s="75">
        <f>IF(Input!$D$19=4,J8059*Input!$C$19,0)+IF(Input!$D$20=4,K8059*Input!$C$20,0)+IF(Input!$D$21=4,L8059*Input!$C$21,0)+IF(Input!$D$22=4,M8059*Input!$C$22,0)</f>
        <v>0</v>
      </c>
      <c r="R8059" s="58">
        <v>42.649505638708348</v>
      </c>
      <c r="S8059" s="124">
        <f t="shared" si="125"/>
        <v>1.6630234686550875</v>
      </c>
    </row>
    <row r="8060" spans="8:19" x14ac:dyDescent="0.3">
      <c r="H8060" s="44">
        <v>8053</v>
      </c>
      <c r="I8060" s="56">
        <f>Bühler!I8086</f>
        <v>0.38377464661271243</v>
      </c>
      <c r="J8060" s="59">
        <f>Bühler!J8086</f>
        <v>1.279248822042375</v>
      </c>
      <c r="K8060" s="59">
        <f>Bühler!K8086</f>
        <v>1.9188732330635625</v>
      </c>
      <c r="L8060" s="59">
        <f>Bühler!L8086</f>
        <v>17.000543607970581</v>
      </c>
      <c r="M8060" s="58">
        <f>Bühler!M8086</f>
        <v>0</v>
      </c>
      <c r="N8060" s="56">
        <f>IF(Input!$D$19=1,J8060*Input!$C$19,0)+IF(Input!$D$20=1,K8060*Input!$C$20,0)+IF(Input!$D$21=1,L8060*Input!$C$21,0)+IF(Input!$D$22=1,M8060*Input!$C$22,0)</f>
        <v>0.38377464661271249</v>
      </c>
      <c r="O8060" s="59">
        <f>IF(Input!$D$19=2,J8060*Input!$C$19,0)+IF(Input!$D$20=2,K8060*Input!$C$20,0)+IF(Input!$D$21=2,L8060*Input!$C$21,0)+IF(Input!$D$22=2,M8060*Input!$C$22,0)</f>
        <v>0.95943661653178125</v>
      </c>
      <c r="P8060" s="59">
        <f>IF(Input!$D$19=3,J8060*Input!$C$19,0)+IF(Input!$D$20=3,K8060*Input!$C$20,0)+IF(Input!$D$21=3,L8060*Input!$C$21,0)+IF(Input!$D$22=3,M8060*Input!$C$22,0)</f>
        <v>0</v>
      </c>
      <c r="Q8060" s="75">
        <f>IF(Input!$D$19=4,J8060*Input!$C$19,0)+IF(Input!$D$20=4,K8060*Input!$C$20,0)+IF(Input!$D$21=4,L8060*Input!$C$21,0)+IF(Input!$D$22=4,M8060*Input!$C$22,0)</f>
        <v>0</v>
      </c>
      <c r="R8060" s="58">
        <v>42.271068287043903</v>
      </c>
      <c r="S8060" s="124">
        <f t="shared" si="125"/>
        <v>1.6630234686550875</v>
      </c>
    </row>
    <row r="8061" spans="8:19" x14ac:dyDescent="0.3">
      <c r="H8061" s="44">
        <v>8054</v>
      </c>
      <c r="I8061" s="56">
        <f>Bühler!I8087</f>
        <v>0.38377464661271243</v>
      </c>
      <c r="J8061" s="59">
        <f>Bühler!J8087</f>
        <v>1.279248822042375</v>
      </c>
      <c r="K8061" s="59">
        <f>Bühler!K8087</f>
        <v>1.9188732330635625</v>
      </c>
      <c r="L8061" s="59">
        <f>Bühler!L8087</f>
        <v>17.000543607970581</v>
      </c>
      <c r="M8061" s="58">
        <f>Bühler!M8087</f>
        <v>0</v>
      </c>
      <c r="N8061" s="56">
        <f>IF(Input!$D$19=1,J8061*Input!$C$19,0)+IF(Input!$D$20=1,K8061*Input!$C$20,0)+IF(Input!$D$21=1,L8061*Input!$C$21,0)+IF(Input!$D$22=1,M8061*Input!$C$22,0)</f>
        <v>0.38377464661271249</v>
      </c>
      <c r="O8061" s="59">
        <f>IF(Input!$D$19=2,J8061*Input!$C$19,0)+IF(Input!$D$20=2,K8061*Input!$C$20,0)+IF(Input!$D$21=2,L8061*Input!$C$21,0)+IF(Input!$D$22=2,M8061*Input!$C$22,0)</f>
        <v>0.95943661653178125</v>
      </c>
      <c r="P8061" s="59">
        <f>IF(Input!$D$19=3,J8061*Input!$C$19,0)+IF(Input!$D$20=3,K8061*Input!$C$20,0)+IF(Input!$D$21=3,L8061*Input!$C$21,0)+IF(Input!$D$22=3,M8061*Input!$C$22,0)</f>
        <v>0</v>
      </c>
      <c r="Q8061" s="75">
        <f>IF(Input!$D$19=4,J8061*Input!$C$19,0)+IF(Input!$D$20=4,K8061*Input!$C$20,0)+IF(Input!$D$21=4,L8061*Input!$C$21,0)+IF(Input!$D$22=4,M8061*Input!$C$22,0)</f>
        <v>0</v>
      </c>
      <c r="R8061" s="58">
        <v>42.322187012268259</v>
      </c>
      <c r="S8061" s="124">
        <f t="shared" si="125"/>
        <v>1.6630234686550875</v>
      </c>
    </row>
    <row r="8062" spans="8:19" x14ac:dyDescent="0.3">
      <c r="H8062" s="44">
        <v>8055</v>
      </c>
      <c r="I8062" s="56">
        <f>Bühler!I8088</f>
        <v>0.38377464661271243</v>
      </c>
      <c r="J8062" s="59">
        <f>Bühler!J8088</f>
        <v>1.279248822042375</v>
      </c>
      <c r="K8062" s="59">
        <f>Bühler!K8088</f>
        <v>1.9188732330635625</v>
      </c>
      <c r="L8062" s="59">
        <f>Bühler!L8088</f>
        <v>17.000543607970581</v>
      </c>
      <c r="M8062" s="58">
        <f>Bühler!M8088</f>
        <v>0</v>
      </c>
      <c r="N8062" s="56">
        <f>IF(Input!$D$19=1,J8062*Input!$C$19,0)+IF(Input!$D$20=1,K8062*Input!$C$20,0)+IF(Input!$D$21=1,L8062*Input!$C$21,0)+IF(Input!$D$22=1,M8062*Input!$C$22,0)</f>
        <v>0.38377464661271249</v>
      </c>
      <c r="O8062" s="59">
        <f>IF(Input!$D$19=2,J8062*Input!$C$19,0)+IF(Input!$D$20=2,K8062*Input!$C$20,0)+IF(Input!$D$21=2,L8062*Input!$C$21,0)+IF(Input!$D$22=2,M8062*Input!$C$22,0)</f>
        <v>0.95943661653178125</v>
      </c>
      <c r="P8062" s="59">
        <f>IF(Input!$D$19=3,J8062*Input!$C$19,0)+IF(Input!$D$20=3,K8062*Input!$C$20,0)+IF(Input!$D$21=3,L8062*Input!$C$21,0)+IF(Input!$D$22=3,M8062*Input!$C$22,0)</f>
        <v>0</v>
      </c>
      <c r="Q8062" s="75">
        <f>IF(Input!$D$19=4,J8062*Input!$C$19,0)+IF(Input!$D$20=4,K8062*Input!$C$20,0)+IF(Input!$D$21=4,L8062*Input!$C$21,0)+IF(Input!$D$22=4,M8062*Input!$C$22,0)</f>
        <v>0</v>
      </c>
      <c r="R8062" s="58">
        <v>42.652097163122527</v>
      </c>
      <c r="S8062" s="124">
        <f t="shared" si="125"/>
        <v>1.6630234686550875</v>
      </c>
    </row>
    <row r="8063" spans="8:19" x14ac:dyDescent="0.3">
      <c r="H8063" s="44">
        <v>8056</v>
      </c>
      <c r="I8063" s="56">
        <f>Bühler!I8089</f>
        <v>0.34113301921129996</v>
      </c>
      <c r="J8063" s="59">
        <f>Bühler!J8089</f>
        <v>1.1371100640376666</v>
      </c>
      <c r="K8063" s="59">
        <f>Bühler!K8089</f>
        <v>1.7056650960565001</v>
      </c>
      <c r="L8063" s="59">
        <f>Bühler!L8089</f>
        <v>15.111594318196071</v>
      </c>
      <c r="M8063" s="58">
        <f>Bühler!M8089</f>
        <v>0</v>
      </c>
      <c r="N8063" s="56">
        <f>IF(Input!$D$19=1,J8063*Input!$C$19,0)+IF(Input!$D$20=1,K8063*Input!$C$20,0)+IF(Input!$D$21=1,L8063*Input!$C$21,0)+IF(Input!$D$22=1,M8063*Input!$C$22,0)</f>
        <v>0.34113301921129996</v>
      </c>
      <c r="O8063" s="59">
        <f>IF(Input!$D$19=2,J8063*Input!$C$19,0)+IF(Input!$D$20=2,K8063*Input!$C$20,0)+IF(Input!$D$21=2,L8063*Input!$C$21,0)+IF(Input!$D$22=2,M8063*Input!$C$22,0)</f>
        <v>0.85283254802825004</v>
      </c>
      <c r="P8063" s="59">
        <f>IF(Input!$D$19=3,J8063*Input!$C$19,0)+IF(Input!$D$20=3,K8063*Input!$C$20,0)+IF(Input!$D$21=3,L8063*Input!$C$21,0)+IF(Input!$D$22=3,M8063*Input!$C$22,0)</f>
        <v>0</v>
      </c>
      <c r="Q8063" s="75">
        <f>IF(Input!$D$19=4,J8063*Input!$C$19,0)+IF(Input!$D$20=4,K8063*Input!$C$20,0)+IF(Input!$D$21=4,L8063*Input!$C$21,0)+IF(Input!$D$22=4,M8063*Input!$C$22,0)</f>
        <v>0</v>
      </c>
      <c r="R8063" s="58">
        <v>42.560191290145774</v>
      </c>
      <c r="S8063" s="124">
        <f t="shared" si="125"/>
        <v>1.4782430832489666</v>
      </c>
    </row>
    <row r="8064" spans="8:19" x14ac:dyDescent="0.3">
      <c r="H8064" s="44">
        <v>8057</v>
      </c>
      <c r="I8064" s="56">
        <f>Bühler!I8090</f>
        <v>0.33504135815395525</v>
      </c>
      <c r="J8064" s="59">
        <f>Bühler!J8090</f>
        <v>1.116804527179851</v>
      </c>
      <c r="K8064" s="59">
        <f>Bühler!K8090</f>
        <v>1.6752067907697765</v>
      </c>
      <c r="L8064" s="59">
        <f>Bühler!L8090</f>
        <v>14.841744419656855</v>
      </c>
      <c r="M8064" s="58">
        <f>Bühler!M8090</f>
        <v>0</v>
      </c>
      <c r="N8064" s="56">
        <f>IF(Input!$D$19=1,J8064*Input!$C$19,0)+IF(Input!$D$20=1,K8064*Input!$C$20,0)+IF(Input!$D$21=1,L8064*Input!$C$21,0)+IF(Input!$D$22=1,M8064*Input!$C$22,0)</f>
        <v>0.3350413581539553</v>
      </c>
      <c r="O8064" s="59">
        <f>IF(Input!$D$19=2,J8064*Input!$C$19,0)+IF(Input!$D$20=2,K8064*Input!$C$20,0)+IF(Input!$D$21=2,L8064*Input!$C$21,0)+IF(Input!$D$22=2,M8064*Input!$C$22,0)</f>
        <v>0.83760339538488826</v>
      </c>
      <c r="P8064" s="59">
        <f>IF(Input!$D$19=3,J8064*Input!$C$19,0)+IF(Input!$D$20=3,K8064*Input!$C$20,0)+IF(Input!$D$21=3,L8064*Input!$C$21,0)+IF(Input!$D$22=3,M8064*Input!$C$22,0)</f>
        <v>0</v>
      </c>
      <c r="Q8064" s="75">
        <f>IF(Input!$D$19=4,J8064*Input!$C$19,0)+IF(Input!$D$20=4,K8064*Input!$C$20,0)+IF(Input!$D$21=4,L8064*Input!$C$21,0)+IF(Input!$D$22=4,M8064*Input!$C$22,0)</f>
        <v>0</v>
      </c>
      <c r="R8064" s="58">
        <v>42.54785250122756</v>
      </c>
      <c r="S8064" s="124">
        <f t="shared" si="125"/>
        <v>1.4518458853338063</v>
      </c>
    </row>
    <row r="8065" spans="8:19" x14ac:dyDescent="0.3">
      <c r="H8065" s="44">
        <v>8058</v>
      </c>
      <c r="I8065" s="56">
        <f>Bühler!I8091</f>
        <v>0.28630806969519823</v>
      </c>
      <c r="J8065" s="59">
        <f>Bühler!J8091</f>
        <v>0.95436023231732747</v>
      </c>
      <c r="K8065" s="59">
        <f>Bühler!K8091</f>
        <v>1.4315403484759912</v>
      </c>
      <c r="L8065" s="59">
        <f>Bühler!L8091</f>
        <v>12.682945231343131</v>
      </c>
      <c r="M8065" s="58">
        <f>Bühler!M8091</f>
        <v>0</v>
      </c>
      <c r="N8065" s="56">
        <f>IF(Input!$D$19=1,J8065*Input!$C$19,0)+IF(Input!$D$20=1,K8065*Input!$C$20,0)+IF(Input!$D$21=1,L8065*Input!$C$21,0)+IF(Input!$D$22=1,M8065*Input!$C$22,0)</f>
        <v>0.28630806969519823</v>
      </c>
      <c r="O8065" s="59">
        <f>IF(Input!$D$19=2,J8065*Input!$C$19,0)+IF(Input!$D$20=2,K8065*Input!$C$20,0)+IF(Input!$D$21=2,L8065*Input!$C$21,0)+IF(Input!$D$22=2,M8065*Input!$C$22,0)</f>
        <v>0.7157701742379956</v>
      </c>
      <c r="P8065" s="59">
        <f>IF(Input!$D$19=3,J8065*Input!$C$19,0)+IF(Input!$D$20=3,K8065*Input!$C$20,0)+IF(Input!$D$21=3,L8065*Input!$C$21,0)+IF(Input!$D$22=3,M8065*Input!$C$22,0)</f>
        <v>0</v>
      </c>
      <c r="Q8065" s="75">
        <f>IF(Input!$D$19=4,J8065*Input!$C$19,0)+IF(Input!$D$20=4,K8065*Input!$C$20,0)+IF(Input!$D$21=4,L8065*Input!$C$21,0)+IF(Input!$D$22=4,M8065*Input!$C$22,0)</f>
        <v>0</v>
      </c>
      <c r="R8065" s="58">
        <v>42.897545699224857</v>
      </c>
      <c r="S8065" s="124">
        <f t="shared" si="125"/>
        <v>1.2406683020125258</v>
      </c>
    </row>
    <row r="8066" spans="8:19" x14ac:dyDescent="0.3">
      <c r="H8066" s="44">
        <v>8059</v>
      </c>
      <c r="I8066" s="56">
        <f>Bühler!I8092</f>
        <v>0.26803308652316427</v>
      </c>
      <c r="J8066" s="59">
        <f>Bühler!J8092</f>
        <v>0.89344362174388092</v>
      </c>
      <c r="K8066" s="59">
        <f>Bühler!K8092</f>
        <v>1.3401654326158214</v>
      </c>
      <c r="L8066" s="59">
        <f>Bühler!L8092</f>
        <v>11.873395535725484</v>
      </c>
      <c r="M8066" s="58">
        <f>Bühler!M8092</f>
        <v>0</v>
      </c>
      <c r="N8066" s="56">
        <f>IF(Input!$D$19=1,J8066*Input!$C$19,0)+IF(Input!$D$20=1,K8066*Input!$C$20,0)+IF(Input!$D$21=1,L8066*Input!$C$21,0)+IF(Input!$D$22=1,M8066*Input!$C$22,0)</f>
        <v>0.26803308652316427</v>
      </c>
      <c r="O8066" s="59">
        <f>IF(Input!$D$19=2,J8066*Input!$C$19,0)+IF(Input!$D$20=2,K8066*Input!$C$20,0)+IF(Input!$D$21=2,L8066*Input!$C$21,0)+IF(Input!$D$22=2,M8066*Input!$C$22,0)</f>
        <v>0.67008271630791072</v>
      </c>
      <c r="P8066" s="59">
        <f>IF(Input!$D$19=3,J8066*Input!$C$19,0)+IF(Input!$D$20=3,K8066*Input!$C$20,0)+IF(Input!$D$21=3,L8066*Input!$C$21,0)+IF(Input!$D$22=3,M8066*Input!$C$22,0)</f>
        <v>0</v>
      </c>
      <c r="Q8066" s="75">
        <f>IF(Input!$D$19=4,J8066*Input!$C$19,0)+IF(Input!$D$20=4,K8066*Input!$C$20,0)+IF(Input!$D$21=4,L8066*Input!$C$21,0)+IF(Input!$D$22=4,M8066*Input!$C$22,0)</f>
        <v>0</v>
      </c>
      <c r="R8066" s="58">
        <v>43.470459827531059</v>
      </c>
      <c r="S8066" s="124">
        <f t="shared" si="125"/>
        <v>1.1614767082670452</v>
      </c>
    </row>
    <row r="8067" spans="8:19" x14ac:dyDescent="0.3">
      <c r="H8067" s="44">
        <v>8060</v>
      </c>
      <c r="I8067" s="56">
        <f>Bühler!I8093</f>
        <v>0.22539145912175176</v>
      </c>
      <c r="J8067" s="59">
        <f>Bühler!J8093</f>
        <v>0.7513048637391726</v>
      </c>
      <c r="K8067" s="59">
        <f>Bühler!K8093</f>
        <v>1.126957295608759</v>
      </c>
      <c r="L8067" s="59">
        <f>Bühler!L8093</f>
        <v>9.9844462459509771</v>
      </c>
      <c r="M8067" s="58">
        <f>Bühler!M8093</f>
        <v>0</v>
      </c>
      <c r="N8067" s="56">
        <f>IF(Input!$D$19=1,J8067*Input!$C$19,0)+IF(Input!$D$20=1,K8067*Input!$C$20,0)+IF(Input!$D$21=1,L8067*Input!$C$21,0)+IF(Input!$D$22=1,M8067*Input!$C$22,0)</f>
        <v>0.22539145912175176</v>
      </c>
      <c r="O8067" s="59">
        <f>IF(Input!$D$19=2,J8067*Input!$C$19,0)+IF(Input!$D$20=2,K8067*Input!$C$20,0)+IF(Input!$D$21=2,L8067*Input!$C$21,0)+IF(Input!$D$22=2,M8067*Input!$C$22,0)</f>
        <v>0.56347864780437951</v>
      </c>
      <c r="P8067" s="59">
        <f>IF(Input!$D$19=3,J8067*Input!$C$19,0)+IF(Input!$D$20=3,K8067*Input!$C$20,0)+IF(Input!$D$21=3,L8067*Input!$C$21,0)+IF(Input!$D$22=3,M8067*Input!$C$22,0)</f>
        <v>0</v>
      </c>
      <c r="Q8067" s="75">
        <f>IF(Input!$D$19=4,J8067*Input!$C$19,0)+IF(Input!$D$20=4,K8067*Input!$C$20,0)+IF(Input!$D$21=4,L8067*Input!$C$21,0)+IF(Input!$D$22=4,M8067*Input!$C$22,0)</f>
        <v>0</v>
      </c>
      <c r="R8067" s="58">
        <v>43.318382565861306</v>
      </c>
      <c r="S8067" s="124">
        <f t="shared" si="125"/>
        <v>0.97669632286092434</v>
      </c>
    </row>
    <row r="8068" spans="8:19" x14ac:dyDescent="0.3">
      <c r="H8068" s="44">
        <v>8061</v>
      </c>
      <c r="I8068" s="56">
        <f>Bühler!I8094</f>
        <v>0.18884149277768392</v>
      </c>
      <c r="J8068" s="59">
        <f>Bühler!J8094</f>
        <v>0.62947164259227972</v>
      </c>
      <c r="K8068" s="59">
        <f>Bühler!K8094</f>
        <v>0.9442074638884197</v>
      </c>
      <c r="L8068" s="59">
        <f>Bühler!L8094</f>
        <v>8.365346854715682</v>
      </c>
      <c r="M8068" s="58">
        <f>Bühler!M8094</f>
        <v>0</v>
      </c>
      <c r="N8068" s="56">
        <f>IF(Input!$D$19=1,J8068*Input!$C$19,0)+IF(Input!$D$20=1,K8068*Input!$C$20,0)+IF(Input!$D$21=1,L8068*Input!$C$21,0)+IF(Input!$D$22=1,M8068*Input!$C$22,0)</f>
        <v>0.18884149277768392</v>
      </c>
      <c r="O8068" s="59">
        <f>IF(Input!$D$19=2,J8068*Input!$C$19,0)+IF(Input!$D$20=2,K8068*Input!$C$20,0)+IF(Input!$D$21=2,L8068*Input!$C$21,0)+IF(Input!$D$22=2,M8068*Input!$C$22,0)</f>
        <v>0.47210373194420985</v>
      </c>
      <c r="P8068" s="59">
        <f>IF(Input!$D$19=3,J8068*Input!$C$19,0)+IF(Input!$D$20=3,K8068*Input!$C$20,0)+IF(Input!$D$21=3,L8068*Input!$C$21,0)+IF(Input!$D$22=3,M8068*Input!$C$22,0)</f>
        <v>0</v>
      </c>
      <c r="Q8068" s="75">
        <f>IF(Input!$D$19=4,J8068*Input!$C$19,0)+IF(Input!$D$20=4,K8068*Input!$C$20,0)+IF(Input!$D$21=4,L8068*Input!$C$21,0)+IF(Input!$D$22=4,M8068*Input!$C$22,0)</f>
        <v>0</v>
      </c>
      <c r="R8068" s="58">
        <v>43.330425226512951</v>
      </c>
      <c r="S8068" s="124">
        <f t="shared" si="125"/>
        <v>0.81831313536996364</v>
      </c>
    </row>
    <row r="8069" spans="8:19" x14ac:dyDescent="0.3">
      <c r="H8069" s="44">
        <v>8062</v>
      </c>
      <c r="I8069" s="56">
        <f>Bühler!I8095</f>
        <v>0.16447484854830532</v>
      </c>
      <c r="J8069" s="59">
        <f>Bühler!J8095</f>
        <v>0.54824949516101784</v>
      </c>
      <c r="K8069" s="59">
        <f>Bühler!K8095</f>
        <v>0.82237424274152682</v>
      </c>
      <c r="L8069" s="59">
        <f>Bühler!L8095</f>
        <v>7.28594726055882</v>
      </c>
      <c r="M8069" s="58">
        <f>Bühler!M8095</f>
        <v>0</v>
      </c>
      <c r="N8069" s="56">
        <f>IF(Input!$D$19=1,J8069*Input!$C$19,0)+IF(Input!$D$20=1,K8069*Input!$C$20,0)+IF(Input!$D$21=1,L8069*Input!$C$21,0)+IF(Input!$D$22=1,M8069*Input!$C$22,0)</f>
        <v>0.16447484854830535</v>
      </c>
      <c r="O8069" s="59">
        <f>IF(Input!$D$19=2,J8069*Input!$C$19,0)+IF(Input!$D$20=2,K8069*Input!$C$20,0)+IF(Input!$D$21=2,L8069*Input!$C$21,0)+IF(Input!$D$22=2,M8069*Input!$C$22,0)</f>
        <v>0.41118712137076341</v>
      </c>
      <c r="P8069" s="59">
        <f>IF(Input!$D$19=3,J8069*Input!$C$19,0)+IF(Input!$D$20=3,K8069*Input!$C$20,0)+IF(Input!$D$21=3,L8069*Input!$C$21,0)+IF(Input!$D$22=3,M8069*Input!$C$22,0)</f>
        <v>0</v>
      </c>
      <c r="Q8069" s="75">
        <f>IF(Input!$D$19=4,J8069*Input!$C$19,0)+IF(Input!$D$20=4,K8069*Input!$C$20,0)+IF(Input!$D$21=4,L8069*Input!$C$21,0)+IF(Input!$D$22=4,M8069*Input!$C$22,0)</f>
        <v>0</v>
      </c>
      <c r="R8069" s="58">
        <v>43.827564921079961</v>
      </c>
      <c r="S8069" s="124">
        <f t="shared" si="125"/>
        <v>0.71272434370932314</v>
      </c>
    </row>
    <row r="8070" spans="8:19" x14ac:dyDescent="0.3">
      <c r="H8070" s="44">
        <v>8063</v>
      </c>
      <c r="I8070" s="56">
        <f>Bühler!I8096</f>
        <v>0.16447484854830532</v>
      </c>
      <c r="J8070" s="59">
        <f>Bühler!J8096</f>
        <v>0.54824949516101784</v>
      </c>
      <c r="K8070" s="59">
        <f>Bühler!K8096</f>
        <v>0.82237424274152682</v>
      </c>
      <c r="L8070" s="59">
        <f>Bühler!L8096</f>
        <v>7.28594726055882</v>
      </c>
      <c r="M8070" s="58">
        <f>Bühler!M8096</f>
        <v>0</v>
      </c>
      <c r="N8070" s="56">
        <f>IF(Input!$D$19=1,J8070*Input!$C$19,0)+IF(Input!$D$20=1,K8070*Input!$C$20,0)+IF(Input!$D$21=1,L8070*Input!$C$21,0)+IF(Input!$D$22=1,M8070*Input!$C$22,0)</f>
        <v>0.16447484854830535</v>
      </c>
      <c r="O8070" s="59">
        <f>IF(Input!$D$19=2,J8070*Input!$C$19,0)+IF(Input!$D$20=2,K8070*Input!$C$20,0)+IF(Input!$D$21=2,L8070*Input!$C$21,0)+IF(Input!$D$22=2,M8070*Input!$C$22,0)</f>
        <v>0.41118712137076341</v>
      </c>
      <c r="P8070" s="59">
        <f>IF(Input!$D$19=3,J8070*Input!$C$19,0)+IF(Input!$D$20=3,K8070*Input!$C$20,0)+IF(Input!$D$21=3,L8070*Input!$C$21,0)+IF(Input!$D$22=3,M8070*Input!$C$22,0)</f>
        <v>0</v>
      </c>
      <c r="Q8070" s="75">
        <f>IF(Input!$D$19=4,J8070*Input!$C$19,0)+IF(Input!$D$20=4,K8070*Input!$C$20,0)+IF(Input!$D$21=4,L8070*Input!$C$21,0)+IF(Input!$D$22=4,M8070*Input!$C$22,0)</f>
        <v>0</v>
      </c>
      <c r="R8070" s="58">
        <v>44.349265060220183</v>
      </c>
      <c r="S8070" s="124">
        <f t="shared" si="125"/>
        <v>0.71272434370932314</v>
      </c>
    </row>
    <row r="8071" spans="8:19" x14ac:dyDescent="0.3">
      <c r="H8071" s="44">
        <v>8064</v>
      </c>
      <c r="I8071" s="56">
        <f>Bühler!I8097</f>
        <v>0.16447484854830532</v>
      </c>
      <c r="J8071" s="59">
        <f>Bühler!J8097</f>
        <v>0.54824949516101784</v>
      </c>
      <c r="K8071" s="59">
        <f>Bühler!K8097</f>
        <v>0.82237424274152682</v>
      </c>
      <c r="L8071" s="59">
        <f>Bühler!L8097</f>
        <v>7.28594726055882</v>
      </c>
      <c r="M8071" s="58">
        <f>Bühler!M8097</f>
        <v>0</v>
      </c>
      <c r="N8071" s="56">
        <f>IF(Input!$D$19=1,J8071*Input!$C$19,0)+IF(Input!$D$20=1,K8071*Input!$C$20,0)+IF(Input!$D$21=1,L8071*Input!$C$21,0)+IF(Input!$D$22=1,M8071*Input!$C$22,0)</f>
        <v>0.16447484854830535</v>
      </c>
      <c r="O8071" s="59">
        <f>IF(Input!$D$19=2,J8071*Input!$C$19,0)+IF(Input!$D$20=2,K8071*Input!$C$20,0)+IF(Input!$D$21=2,L8071*Input!$C$21,0)+IF(Input!$D$22=2,M8071*Input!$C$22,0)</f>
        <v>0.41118712137076341</v>
      </c>
      <c r="P8071" s="59">
        <f>IF(Input!$D$19=3,J8071*Input!$C$19,0)+IF(Input!$D$20=3,K8071*Input!$C$20,0)+IF(Input!$D$21=3,L8071*Input!$C$21,0)+IF(Input!$D$22=3,M8071*Input!$C$22,0)</f>
        <v>0</v>
      </c>
      <c r="Q8071" s="75">
        <f>IF(Input!$D$19=4,J8071*Input!$C$19,0)+IF(Input!$D$20=4,K8071*Input!$C$20,0)+IF(Input!$D$21=4,L8071*Input!$C$21,0)+IF(Input!$D$22=4,M8071*Input!$C$22,0)</f>
        <v>0</v>
      </c>
      <c r="R8071" s="58">
        <v>44.554126783324037</v>
      </c>
      <c r="S8071" s="124">
        <f t="shared" si="125"/>
        <v>0.71272434370932314</v>
      </c>
    </row>
    <row r="8072" spans="8:19" x14ac:dyDescent="0.3">
      <c r="H8072" s="44">
        <v>8065</v>
      </c>
      <c r="I8072" s="56">
        <f>Bühler!I8098</f>
        <v>8.9680556941528836E-2</v>
      </c>
      <c r="J8072" s="59">
        <f>Bühler!J8098</f>
        <v>0.29893518980509615</v>
      </c>
      <c r="K8072" s="59">
        <f>Bühler!K8098</f>
        <v>0.44840278470764416</v>
      </c>
      <c r="L8072" s="59">
        <f>Bühler!L8098</f>
        <v>2.1523333665966922</v>
      </c>
      <c r="M8072" s="58">
        <f>Bühler!M8098</f>
        <v>0</v>
      </c>
      <c r="N8072" s="56">
        <f>IF(Input!$D$19=1,J8072*Input!$C$19,0)+IF(Input!$D$20=1,K8072*Input!$C$20,0)+IF(Input!$D$21=1,L8072*Input!$C$21,0)+IF(Input!$D$22=1,M8072*Input!$C$22,0)</f>
        <v>8.9680556941528836E-2</v>
      </c>
      <c r="O8072" s="59">
        <f>IF(Input!$D$19=2,J8072*Input!$C$19,0)+IF(Input!$D$20=2,K8072*Input!$C$20,0)+IF(Input!$D$21=2,L8072*Input!$C$21,0)+IF(Input!$D$22=2,M8072*Input!$C$22,0)</f>
        <v>0.22420139235382208</v>
      </c>
      <c r="P8072" s="59">
        <f>IF(Input!$D$19=3,J8072*Input!$C$19,0)+IF(Input!$D$20=3,K8072*Input!$C$20,0)+IF(Input!$D$21=3,L8072*Input!$C$21,0)+IF(Input!$D$22=3,M8072*Input!$C$22,0)</f>
        <v>0</v>
      </c>
      <c r="Q8072" s="75">
        <f>IF(Input!$D$19=4,J8072*Input!$C$19,0)+IF(Input!$D$20=4,K8072*Input!$C$20,0)+IF(Input!$D$21=4,L8072*Input!$C$21,0)+IF(Input!$D$22=4,M8072*Input!$C$22,0)</f>
        <v>0</v>
      </c>
      <c r="R8072" s="58">
        <v>44.82913399254339</v>
      </c>
      <c r="S8072" s="124">
        <f t="shared" si="125"/>
        <v>0.38861574674662497</v>
      </c>
    </row>
    <row r="8073" spans="8:19" x14ac:dyDescent="0.3">
      <c r="H8073" s="44">
        <v>8066</v>
      </c>
      <c r="I8073" s="56">
        <f>Bühler!I8099</f>
        <v>8.9680556941528836E-2</v>
      </c>
      <c r="J8073" s="59">
        <f>Bühler!J8099</f>
        <v>0.29893518980509615</v>
      </c>
      <c r="K8073" s="59">
        <f>Bühler!K8099</f>
        <v>0.44840278470764416</v>
      </c>
      <c r="L8073" s="59">
        <f>Bühler!L8099</f>
        <v>2.1523333665966922</v>
      </c>
      <c r="M8073" s="58">
        <f>Bühler!M8099</f>
        <v>0</v>
      </c>
      <c r="N8073" s="56">
        <f>IF(Input!$D$19=1,J8073*Input!$C$19,0)+IF(Input!$D$20=1,K8073*Input!$C$20,0)+IF(Input!$D$21=1,L8073*Input!$C$21,0)+IF(Input!$D$22=1,M8073*Input!$C$22,0)</f>
        <v>8.9680556941528836E-2</v>
      </c>
      <c r="O8073" s="59">
        <f>IF(Input!$D$19=2,J8073*Input!$C$19,0)+IF(Input!$D$20=2,K8073*Input!$C$20,0)+IF(Input!$D$21=2,L8073*Input!$C$21,0)+IF(Input!$D$22=2,M8073*Input!$C$22,0)</f>
        <v>0.22420139235382208</v>
      </c>
      <c r="P8073" s="59">
        <f>IF(Input!$D$19=3,J8073*Input!$C$19,0)+IF(Input!$D$20=3,K8073*Input!$C$20,0)+IF(Input!$D$21=3,L8073*Input!$C$21,0)+IF(Input!$D$22=3,M8073*Input!$C$22,0)</f>
        <v>0</v>
      </c>
      <c r="Q8073" s="75">
        <f>IF(Input!$D$19=4,J8073*Input!$C$19,0)+IF(Input!$D$20=4,K8073*Input!$C$20,0)+IF(Input!$D$21=4,L8073*Input!$C$21,0)+IF(Input!$D$22=4,M8073*Input!$C$22,0)</f>
        <v>0</v>
      </c>
      <c r="R8073" s="58">
        <v>45.1973816721544</v>
      </c>
      <c r="S8073" s="124">
        <f t="shared" ref="S8073:S8136" si="126">I8073+J8073</f>
        <v>0.38861574674662497</v>
      </c>
    </row>
    <row r="8074" spans="8:19" x14ac:dyDescent="0.3">
      <c r="H8074" s="44">
        <v>8067</v>
      </c>
      <c r="I8074" s="56">
        <f>Bühler!I8100</f>
        <v>8.9680556941528836E-2</v>
      </c>
      <c r="J8074" s="59">
        <f>Bühler!J8100</f>
        <v>0.29893518980509615</v>
      </c>
      <c r="K8074" s="59">
        <f>Bühler!K8100</f>
        <v>0.44840278470764416</v>
      </c>
      <c r="L8074" s="59">
        <f>Bühler!L8100</f>
        <v>2.1523333665966922</v>
      </c>
      <c r="M8074" s="58">
        <f>Bühler!M8100</f>
        <v>0</v>
      </c>
      <c r="N8074" s="56">
        <f>IF(Input!$D$19=1,J8074*Input!$C$19,0)+IF(Input!$D$20=1,K8074*Input!$C$20,0)+IF(Input!$D$21=1,L8074*Input!$C$21,0)+IF(Input!$D$22=1,M8074*Input!$C$22,0)</f>
        <v>8.9680556941528836E-2</v>
      </c>
      <c r="O8074" s="59">
        <f>IF(Input!$D$19=2,J8074*Input!$C$19,0)+IF(Input!$D$20=2,K8074*Input!$C$20,0)+IF(Input!$D$21=2,L8074*Input!$C$21,0)+IF(Input!$D$22=2,M8074*Input!$C$22,0)</f>
        <v>0.22420139235382208</v>
      </c>
      <c r="P8074" s="59">
        <f>IF(Input!$D$19=3,J8074*Input!$C$19,0)+IF(Input!$D$20=3,K8074*Input!$C$20,0)+IF(Input!$D$21=3,L8074*Input!$C$21,0)+IF(Input!$D$22=3,M8074*Input!$C$22,0)</f>
        <v>0</v>
      </c>
      <c r="Q8074" s="75">
        <f>IF(Input!$D$19=4,J8074*Input!$C$19,0)+IF(Input!$D$20=4,K8074*Input!$C$20,0)+IF(Input!$D$21=4,L8074*Input!$C$21,0)+IF(Input!$D$22=4,M8074*Input!$C$22,0)</f>
        <v>0</v>
      </c>
      <c r="R8074" s="58">
        <v>46.24067236846205</v>
      </c>
      <c r="S8074" s="124">
        <f t="shared" si="126"/>
        <v>0.38861574674662497</v>
      </c>
    </row>
    <row r="8075" spans="8:19" x14ac:dyDescent="0.3">
      <c r="H8075" s="44">
        <v>8068</v>
      </c>
      <c r="I8075" s="56">
        <f>Bühler!I8101</f>
        <v>8.9680556941528836E-2</v>
      </c>
      <c r="J8075" s="59">
        <f>Bühler!J8101</f>
        <v>0.29893518980509615</v>
      </c>
      <c r="K8075" s="59">
        <f>Bühler!K8101</f>
        <v>0.44840278470764416</v>
      </c>
      <c r="L8075" s="59">
        <f>Bühler!L8101</f>
        <v>2.1523333665966922</v>
      </c>
      <c r="M8075" s="58">
        <f>Bühler!M8101</f>
        <v>0</v>
      </c>
      <c r="N8075" s="56">
        <f>IF(Input!$D$19=1,J8075*Input!$C$19,0)+IF(Input!$D$20=1,K8075*Input!$C$20,0)+IF(Input!$D$21=1,L8075*Input!$C$21,0)+IF(Input!$D$22=1,M8075*Input!$C$22,0)</f>
        <v>8.9680556941528836E-2</v>
      </c>
      <c r="O8075" s="59">
        <f>IF(Input!$D$19=2,J8075*Input!$C$19,0)+IF(Input!$D$20=2,K8075*Input!$C$20,0)+IF(Input!$D$21=2,L8075*Input!$C$21,0)+IF(Input!$D$22=2,M8075*Input!$C$22,0)</f>
        <v>0.22420139235382208</v>
      </c>
      <c r="P8075" s="59">
        <f>IF(Input!$D$19=3,J8075*Input!$C$19,0)+IF(Input!$D$20=3,K8075*Input!$C$20,0)+IF(Input!$D$21=3,L8075*Input!$C$21,0)+IF(Input!$D$22=3,M8075*Input!$C$22,0)</f>
        <v>0</v>
      </c>
      <c r="Q8075" s="75">
        <f>IF(Input!$D$19=4,J8075*Input!$C$19,0)+IF(Input!$D$20=4,K8075*Input!$C$20,0)+IF(Input!$D$21=4,L8075*Input!$C$21,0)+IF(Input!$D$22=4,M8075*Input!$C$22,0)</f>
        <v>0</v>
      </c>
      <c r="R8075" s="58">
        <v>47.404221914956572</v>
      </c>
      <c r="S8075" s="124">
        <f t="shared" si="126"/>
        <v>0.38861574674662497</v>
      </c>
    </row>
    <row r="8076" spans="8:19" x14ac:dyDescent="0.3">
      <c r="H8076" s="44">
        <v>8069</v>
      </c>
      <c r="I8076" s="56">
        <f>Bühler!I8102</f>
        <v>8.9680556941528836E-2</v>
      </c>
      <c r="J8076" s="59">
        <f>Bühler!J8102</f>
        <v>0.29893518980509615</v>
      </c>
      <c r="K8076" s="59">
        <f>Bühler!K8102</f>
        <v>0.44840278470764416</v>
      </c>
      <c r="L8076" s="59">
        <f>Bühler!L8102</f>
        <v>2.1523333665966922</v>
      </c>
      <c r="M8076" s="58">
        <f>Bühler!M8102</f>
        <v>0</v>
      </c>
      <c r="N8076" s="56">
        <f>IF(Input!$D$19=1,J8076*Input!$C$19,0)+IF(Input!$D$20=1,K8076*Input!$C$20,0)+IF(Input!$D$21=1,L8076*Input!$C$21,0)+IF(Input!$D$22=1,M8076*Input!$C$22,0)</f>
        <v>8.9680556941528836E-2</v>
      </c>
      <c r="O8076" s="59">
        <f>IF(Input!$D$19=2,J8076*Input!$C$19,0)+IF(Input!$D$20=2,K8076*Input!$C$20,0)+IF(Input!$D$21=2,L8076*Input!$C$21,0)+IF(Input!$D$22=2,M8076*Input!$C$22,0)</f>
        <v>0.22420139235382208</v>
      </c>
      <c r="P8076" s="59">
        <f>IF(Input!$D$19=3,J8076*Input!$C$19,0)+IF(Input!$D$20=3,K8076*Input!$C$20,0)+IF(Input!$D$21=3,L8076*Input!$C$21,0)+IF(Input!$D$22=3,M8076*Input!$C$22,0)</f>
        <v>0</v>
      </c>
      <c r="Q8076" s="75">
        <f>IF(Input!$D$19=4,J8076*Input!$C$19,0)+IF(Input!$D$20=4,K8076*Input!$C$20,0)+IF(Input!$D$21=4,L8076*Input!$C$21,0)+IF(Input!$D$22=4,M8076*Input!$C$22,0)</f>
        <v>0</v>
      </c>
      <c r="R8076" s="58">
        <v>50.111948586876657</v>
      </c>
      <c r="S8076" s="124">
        <f t="shared" si="126"/>
        <v>0.38861574674662497</v>
      </c>
    </row>
    <row r="8077" spans="8:19" x14ac:dyDescent="0.3">
      <c r="H8077" s="44">
        <v>8070</v>
      </c>
      <c r="I8077" s="56">
        <f>Bühler!I8103</f>
        <v>0.38861574674662502</v>
      </c>
      <c r="J8077" s="59">
        <f>Bühler!J8103</f>
        <v>1.2953858224887502</v>
      </c>
      <c r="K8077" s="59">
        <f>Bühler!K8103</f>
        <v>1.943078733733125</v>
      </c>
      <c r="L8077" s="59">
        <f>Bühler!L8103</f>
        <v>9.3267779219189997</v>
      </c>
      <c r="M8077" s="58">
        <f>Bühler!M8103</f>
        <v>0</v>
      </c>
      <c r="N8077" s="56">
        <f>IF(Input!$D$19=1,J8077*Input!$C$19,0)+IF(Input!$D$20=1,K8077*Input!$C$20,0)+IF(Input!$D$21=1,L8077*Input!$C$21,0)+IF(Input!$D$22=1,M8077*Input!$C$22,0)</f>
        <v>0.38861574674662508</v>
      </c>
      <c r="O8077" s="59">
        <f>IF(Input!$D$19=2,J8077*Input!$C$19,0)+IF(Input!$D$20=2,K8077*Input!$C$20,0)+IF(Input!$D$21=2,L8077*Input!$C$21,0)+IF(Input!$D$22=2,M8077*Input!$C$22,0)</f>
        <v>0.9715393668665625</v>
      </c>
      <c r="P8077" s="59">
        <f>IF(Input!$D$19=3,J8077*Input!$C$19,0)+IF(Input!$D$20=3,K8077*Input!$C$20,0)+IF(Input!$D$21=3,L8077*Input!$C$21,0)+IF(Input!$D$22=3,M8077*Input!$C$22,0)</f>
        <v>0</v>
      </c>
      <c r="Q8077" s="75">
        <f>IF(Input!$D$19=4,J8077*Input!$C$19,0)+IF(Input!$D$20=4,K8077*Input!$C$20,0)+IF(Input!$D$21=4,L8077*Input!$C$21,0)+IF(Input!$D$22=4,M8077*Input!$C$22,0)</f>
        <v>0</v>
      </c>
      <c r="R8077" s="58">
        <v>55.929974814862362</v>
      </c>
      <c r="S8077" s="124">
        <f t="shared" si="126"/>
        <v>1.6840015692353751</v>
      </c>
    </row>
    <row r="8078" spans="8:19" x14ac:dyDescent="0.3">
      <c r="H8078" s="44">
        <v>8071</v>
      </c>
      <c r="I8078" s="56">
        <f>Bühler!I8104</f>
        <v>0.44092940496251681</v>
      </c>
      <c r="J8078" s="59">
        <f>Bühler!J8104</f>
        <v>1.4697646832083895</v>
      </c>
      <c r="K8078" s="59">
        <f>Bühler!K8104</f>
        <v>2.204647024812584</v>
      </c>
      <c r="L8078" s="59">
        <f>Bühler!L8104</f>
        <v>10.582305719100404</v>
      </c>
      <c r="M8078" s="58">
        <f>Bühler!M8104</f>
        <v>0</v>
      </c>
      <c r="N8078" s="56">
        <f>IF(Input!$D$19=1,J8078*Input!$C$19,0)+IF(Input!$D$20=1,K8078*Input!$C$20,0)+IF(Input!$D$21=1,L8078*Input!$C$21,0)+IF(Input!$D$22=1,M8078*Input!$C$22,0)</f>
        <v>0.44092940496251681</v>
      </c>
      <c r="O8078" s="59">
        <f>IF(Input!$D$19=2,J8078*Input!$C$19,0)+IF(Input!$D$20=2,K8078*Input!$C$20,0)+IF(Input!$D$21=2,L8078*Input!$C$21,0)+IF(Input!$D$22=2,M8078*Input!$C$22,0)</f>
        <v>1.102323512406292</v>
      </c>
      <c r="P8078" s="59">
        <f>IF(Input!$D$19=3,J8078*Input!$C$19,0)+IF(Input!$D$20=3,K8078*Input!$C$20,0)+IF(Input!$D$21=3,L8078*Input!$C$21,0)+IF(Input!$D$22=3,M8078*Input!$C$22,0)</f>
        <v>0</v>
      </c>
      <c r="Q8078" s="75">
        <f>IF(Input!$D$19=4,J8078*Input!$C$19,0)+IF(Input!$D$20=4,K8078*Input!$C$20,0)+IF(Input!$D$21=4,L8078*Input!$C$21,0)+IF(Input!$D$22=4,M8078*Input!$C$22,0)</f>
        <v>0</v>
      </c>
      <c r="R8078" s="58">
        <v>62.536119710403845</v>
      </c>
      <c r="S8078" s="124">
        <f t="shared" si="126"/>
        <v>1.9106940881709062</v>
      </c>
    </row>
    <row r="8079" spans="8:19" x14ac:dyDescent="0.3">
      <c r="H8079" s="44">
        <v>8072</v>
      </c>
      <c r="I8079" s="56">
        <f>Bühler!I8105</f>
        <v>0.44092940496251681</v>
      </c>
      <c r="J8079" s="59">
        <f>Bühler!J8105</f>
        <v>1.4697646832083895</v>
      </c>
      <c r="K8079" s="59">
        <f>Bühler!K8105</f>
        <v>2.204647024812584</v>
      </c>
      <c r="L8079" s="59">
        <f>Bühler!L8105</f>
        <v>10.582305719100404</v>
      </c>
      <c r="M8079" s="58">
        <f>Bühler!M8105</f>
        <v>0</v>
      </c>
      <c r="N8079" s="56">
        <f>IF(Input!$D$19=1,J8079*Input!$C$19,0)+IF(Input!$D$20=1,K8079*Input!$C$20,0)+IF(Input!$D$21=1,L8079*Input!$C$21,0)+IF(Input!$D$22=1,M8079*Input!$C$22,0)</f>
        <v>0.44092940496251681</v>
      </c>
      <c r="O8079" s="59">
        <f>IF(Input!$D$19=2,J8079*Input!$C$19,0)+IF(Input!$D$20=2,K8079*Input!$C$20,0)+IF(Input!$D$21=2,L8079*Input!$C$21,0)+IF(Input!$D$22=2,M8079*Input!$C$22,0)</f>
        <v>1.102323512406292</v>
      </c>
      <c r="P8079" s="59">
        <f>IF(Input!$D$19=3,J8079*Input!$C$19,0)+IF(Input!$D$20=3,K8079*Input!$C$20,0)+IF(Input!$D$21=3,L8079*Input!$C$21,0)+IF(Input!$D$22=3,M8079*Input!$C$22,0)</f>
        <v>0</v>
      </c>
      <c r="Q8079" s="75">
        <f>IF(Input!$D$19=4,J8079*Input!$C$19,0)+IF(Input!$D$20=4,K8079*Input!$C$20,0)+IF(Input!$D$21=4,L8079*Input!$C$21,0)+IF(Input!$D$22=4,M8079*Input!$C$22,0)</f>
        <v>0</v>
      </c>
      <c r="R8079" s="58">
        <v>65.718673092481524</v>
      </c>
      <c r="S8079" s="124">
        <f t="shared" si="126"/>
        <v>1.9106940881709062</v>
      </c>
    </row>
    <row r="8080" spans="8:19" x14ac:dyDescent="0.3">
      <c r="H8080" s="44">
        <v>8073</v>
      </c>
      <c r="I8080" s="56">
        <f>Bühler!I8106</f>
        <v>0.44092940496251681</v>
      </c>
      <c r="J8080" s="59">
        <f>Bühler!J8106</f>
        <v>1.4697646832083895</v>
      </c>
      <c r="K8080" s="59">
        <f>Bühler!K8106</f>
        <v>2.204647024812584</v>
      </c>
      <c r="L8080" s="59">
        <f>Bühler!L8106</f>
        <v>10.582305719100404</v>
      </c>
      <c r="M8080" s="58">
        <f>Bühler!M8106</f>
        <v>0</v>
      </c>
      <c r="N8080" s="56">
        <f>IF(Input!$D$19=1,J8080*Input!$C$19,0)+IF(Input!$D$20=1,K8080*Input!$C$20,0)+IF(Input!$D$21=1,L8080*Input!$C$21,0)+IF(Input!$D$22=1,M8080*Input!$C$22,0)</f>
        <v>0.44092940496251681</v>
      </c>
      <c r="O8080" s="59">
        <f>IF(Input!$D$19=2,J8080*Input!$C$19,0)+IF(Input!$D$20=2,K8080*Input!$C$20,0)+IF(Input!$D$21=2,L8080*Input!$C$21,0)+IF(Input!$D$22=2,M8080*Input!$C$22,0)</f>
        <v>1.102323512406292</v>
      </c>
      <c r="P8080" s="59">
        <f>IF(Input!$D$19=3,J8080*Input!$C$19,0)+IF(Input!$D$20=3,K8080*Input!$C$20,0)+IF(Input!$D$21=3,L8080*Input!$C$21,0)+IF(Input!$D$22=3,M8080*Input!$C$22,0)</f>
        <v>0</v>
      </c>
      <c r="Q8080" s="75">
        <f>IF(Input!$D$19=4,J8080*Input!$C$19,0)+IF(Input!$D$20=4,K8080*Input!$C$20,0)+IF(Input!$D$21=4,L8080*Input!$C$21,0)+IF(Input!$D$22=4,M8080*Input!$C$22,0)</f>
        <v>0</v>
      </c>
      <c r="R8080" s="58">
        <v>67.519913893941322</v>
      </c>
      <c r="S8080" s="124">
        <f t="shared" si="126"/>
        <v>1.9106940881709062</v>
      </c>
    </row>
    <row r="8081" spans="8:19" x14ac:dyDescent="0.3">
      <c r="H8081" s="44">
        <v>8074</v>
      </c>
      <c r="I8081" s="56">
        <f>Bühler!I8107</f>
        <v>0.47082292394302644</v>
      </c>
      <c r="J8081" s="59">
        <f>Bühler!J8107</f>
        <v>1.5694097464767549</v>
      </c>
      <c r="K8081" s="59">
        <f>Bühler!K8107</f>
        <v>2.3541146197151321</v>
      </c>
      <c r="L8081" s="59">
        <f>Bühler!L8107</f>
        <v>11.299750174632635</v>
      </c>
      <c r="M8081" s="58">
        <f>Bühler!M8107</f>
        <v>0</v>
      </c>
      <c r="N8081" s="56">
        <f>IF(Input!$D$19=1,J8081*Input!$C$19,0)+IF(Input!$D$20=1,K8081*Input!$C$20,0)+IF(Input!$D$21=1,L8081*Input!$C$21,0)+IF(Input!$D$22=1,M8081*Input!$C$22,0)</f>
        <v>0.47082292394302644</v>
      </c>
      <c r="O8081" s="59">
        <f>IF(Input!$D$19=2,J8081*Input!$C$19,0)+IF(Input!$D$20=2,K8081*Input!$C$20,0)+IF(Input!$D$21=2,L8081*Input!$C$21,0)+IF(Input!$D$22=2,M8081*Input!$C$22,0)</f>
        <v>1.1770573098575661</v>
      </c>
      <c r="P8081" s="59">
        <f>IF(Input!$D$19=3,J8081*Input!$C$19,0)+IF(Input!$D$20=3,K8081*Input!$C$20,0)+IF(Input!$D$21=3,L8081*Input!$C$21,0)+IF(Input!$D$22=3,M8081*Input!$C$22,0)</f>
        <v>0</v>
      </c>
      <c r="Q8081" s="75">
        <f>IF(Input!$D$19=4,J8081*Input!$C$19,0)+IF(Input!$D$20=4,K8081*Input!$C$20,0)+IF(Input!$D$21=4,L8081*Input!$C$21,0)+IF(Input!$D$22=4,M8081*Input!$C$22,0)</f>
        <v>0</v>
      </c>
      <c r="R8081" s="58">
        <v>68.487299019035291</v>
      </c>
      <c r="S8081" s="124">
        <f t="shared" si="126"/>
        <v>2.0402326704197815</v>
      </c>
    </row>
    <row r="8082" spans="8:19" x14ac:dyDescent="0.3">
      <c r="H8082" s="44">
        <v>8075</v>
      </c>
      <c r="I8082" s="56">
        <f>Bühler!I8108</f>
        <v>0.47082292394302644</v>
      </c>
      <c r="J8082" s="59">
        <f>Bühler!J8108</f>
        <v>1.5694097464767549</v>
      </c>
      <c r="K8082" s="59">
        <f>Bühler!K8108</f>
        <v>2.3541146197151321</v>
      </c>
      <c r="L8082" s="59">
        <f>Bühler!L8108</f>
        <v>11.299750174632635</v>
      </c>
      <c r="M8082" s="58">
        <f>Bühler!M8108</f>
        <v>0</v>
      </c>
      <c r="N8082" s="56">
        <f>IF(Input!$D$19=1,J8082*Input!$C$19,0)+IF(Input!$D$20=1,K8082*Input!$C$20,0)+IF(Input!$D$21=1,L8082*Input!$C$21,0)+IF(Input!$D$22=1,M8082*Input!$C$22,0)</f>
        <v>0.47082292394302644</v>
      </c>
      <c r="O8082" s="59">
        <f>IF(Input!$D$19=2,J8082*Input!$C$19,0)+IF(Input!$D$20=2,K8082*Input!$C$20,0)+IF(Input!$D$21=2,L8082*Input!$C$21,0)+IF(Input!$D$22=2,M8082*Input!$C$22,0)</f>
        <v>1.1770573098575661</v>
      </c>
      <c r="P8082" s="59">
        <f>IF(Input!$D$19=3,J8082*Input!$C$19,0)+IF(Input!$D$20=3,K8082*Input!$C$20,0)+IF(Input!$D$21=3,L8082*Input!$C$21,0)+IF(Input!$D$22=3,M8082*Input!$C$22,0)</f>
        <v>0</v>
      </c>
      <c r="Q8082" s="75">
        <f>IF(Input!$D$19=4,J8082*Input!$C$19,0)+IF(Input!$D$20=4,K8082*Input!$C$20,0)+IF(Input!$D$21=4,L8082*Input!$C$21,0)+IF(Input!$D$22=4,M8082*Input!$C$22,0)</f>
        <v>0</v>
      </c>
      <c r="R8082" s="58">
        <v>69.345437723217017</v>
      </c>
      <c r="S8082" s="124">
        <f t="shared" si="126"/>
        <v>2.0402326704197815</v>
      </c>
    </row>
    <row r="8083" spans="8:19" x14ac:dyDescent="0.3">
      <c r="H8083" s="44">
        <v>8076</v>
      </c>
      <c r="I8083" s="56">
        <f>Bühler!I8109</f>
        <v>0.59787037961019229</v>
      </c>
      <c r="J8083" s="59">
        <f>Bühler!J8109</f>
        <v>1.9929012653673077</v>
      </c>
      <c r="K8083" s="59">
        <f>Bühler!K8109</f>
        <v>2.9893518980509612</v>
      </c>
      <c r="L8083" s="59">
        <f>Bühler!L8109</f>
        <v>14.348889110644615</v>
      </c>
      <c r="M8083" s="58">
        <f>Bühler!M8109</f>
        <v>0</v>
      </c>
      <c r="N8083" s="56">
        <f>IF(Input!$D$19=1,J8083*Input!$C$19,0)+IF(Input!$D$20=1,K8083*Input!$C$20,0)+IF(Input!$D$21=1,L8083*Input!$C$21,0)+IF(Input!$D$22=1,M8083*Input!$C$22,0)</f>
        <v>0.59787037961019229</v>
      </c>
      <c r="O8083" s="59">
        <f>IF(Input!$D$19=2,J8083*Input!$C$19,0)+IF(Input!$D$20=2,K8083*Input!$C$20,0)+IF(Input!$D$21=2,L8083*Input!$C$21,0)+IF(Input!$D$22=2,M8083*Input!$C$22,0)</f>
        <v>1.4946759490254806</v>
      </c>
      <c r="P8083" s="59">
        <f>IF(Input!$D$19=3,J8083*Input!$C$19,0)+IF(Input!$D$20=3,K8083*Input!$C$20,0)+IF(Input!$D$21=3,L8083*Input!$C$21,0)+IF(Input!$D$22=3,M8083*Input!$C$22,0)</f>
        <v>0</v>
      </c>
      <c r="Q8083" s="75">
        <f>IF(Input!$D$19=4,J8083*Input!$C$19,0)+IF(Input!$D$20=4,K8083*Input!$C$20,0)+IF(Input!$D$21=4,L8083*Input!$C$21,0)+IF(Input!$D$22=4,M8083*Input!$C$22,0)</f>
        <v>0</v>
      </c>
      <c r="R8083" s="58">
        <v>69.4551312393628</v>
      </c>
      <c r="S8083" s="124">
        <f t="shared" si="126"/>
        <v>2.5907716449775</v>
      </c>
    </row>
    <row r="8084" spans="8:19" x14ac:dyDescent="0.3">
      <c r="H8084" s="44">
        <v>8077</v>
      </c>
      <c r="I8084" s="56">
        <f>Bühler!I8110</f>
        <v>0.59787037961019229</v>
      </c>
      <c r="J8084" s="59">
        <f>Bühler!J8110</f>
        <v>1.9929012653673077</v>
      </c>
      <c r="K8084" s="59">
        <f>Bühler!K8110</f>
        <v>2.9893518980509612</v>
      </c>
      <c r="L8084" s="59">
        <f>Bühler!L8110</f>
        <v>14.348889110644615</v>
      </c>
      <c r="M8084" s="58">
        <f>Bühler!M8110</f>
        <v>0</v>
      </c>
      <c r="N8084" s="56">
        <f>IF(Input!$D$19=1,J8084*Input!$C$19,0)+IF(Input!$D$20=1,K8084*Input!$C$20,0)+IF(Input!$D$21=1,L8084*Input!$C$21,0)+IF(Input!$D$22=1,M8084*Input!$C$22,0)</f>
        <v>0.59787037961019229</v>
      </c>
      <c r="O8084" s="59">
        <f>IF(Input!$D$19=2,J8084*Input!$C$19,0)+IF(Input!$D$20=2,K8084*Input!$C$20,0)+IF(Input!$D$21=2,L8084*Input!$C$21,0)+IF(Input!$D$22=2,M8084*Input!$C$22,0)</f>
        <v>1.4946759490254806</v>
      </c>
      <c r="P8084" s="59">
        <f>IF(Input!$D$19=3,J8084*Input!$C$19,0)+IF(Input!$D$20=3,K8084*Input!$C$20,0)+IF(Input!$D$21=3,L8084*Input!$C$21,0)+IF(Input!$D$22=3,M8084*Input!$C$22,0)</f>
        <v>0</v>
      </c>
      <c r="Q8084" s="75">
        <f>IF(Input!$D$19=4,J8084*Input!$C$19,0)+IF(Input!$D$20=4,K8084*Input!$C$20,0)+IF(Input!$D$21=4,L8084*Input!$C$21,0)+IF(Input!$D$22=4,M8084*Input!$C$22,0)</f>
        <v>0</v>
      </c>
      <c r="R8084" s="58">
        <v>68.476390032632395</v>
      </c>
      <c r="S8084" s="124">
        <f t="shared" si="126"/>
        <v>2.5907716449775</v>
      </c>
    </row>
    <row r="8085" spans="8:19" x14ac:dyDescent="0.3">
      <c r="H8085" s="44">
        <v>8078</v>
      </c>
      <c r="I8085" s="56">
        <f>Bühler!I8111</f>
        <v>0.39608912649175243</v>
      </c>
      <c r="J8085" s="59">
        <f>Bühler!J8111</f>
        <v>1.3202970883058416</v>
      </c>
      <c r="K8085" s="59">
        <f>Bühler!K8111</f>
        <v>1.980445632458762</v>
      </c>
      <c r="L8085" s="59">
        <f>Bühler!L8111</f>
        <v>9.5061390358020574</v>
      </c>
      <c r="M8085" s="58">
        <f>Bühler!M8111</f>
        <v>0</v>
      </c>
      <c r="N8085" s="56">
        <f>IF(Input!$D$19=1,J8085*Input!$C$19,0)+IF(Input!$D$20=1,K8085*Input!$C$20,0)+IF(Input!$D$21=1,L8085*Input!$C$21,0)+IF(Input!$D$22=1,M8085*Input!$C$22,0)</f>
        <v>0.39608912649175249</v>
      </c>
      <c r="O8085" s="59">
        <f>IF(Input!$D$19=2,J8085*Input!$C$19,0)+IF(Input!$D$20=2,K8085*Input!$C$20,0)+IF(Input!$D$21=2,L8085*Input!$C$21,0)+IF(Input!$D$22=2,M8085*Input!$C$22,0)</f>
        <v>0.99022281622938102</v>
      </c>
      <c r="P8085" s="59">
        <f>IF(Input!$D$19=3,J8085*Input!$C$19,0)+IF(Input!$D$20=3,K8085*Input!$C$20,0)+IF(Input!$D$21=3,L8085*Input!$C$21,0)+IF(Input!$D$22=3,M8085*Input!$C$22,0)</f>
        <v>0</v>
      </c>
      <c r="Q8085" s="75">
        <f>IF(Input!$D$19=4,J8085*Input!$C$19,0)+IF(Input!$D$20=4,K8085*Input!$C$20,0)+IF(Input!$D$21=4,L8085*Input!$C$21,0)+IF(Input!$D$22=4,M8085*Input!$C$22,0)</f>
        <v>0</v>
      </c>
      <c r="R8085" s="58">
        <v>68.895805452207341</v>
      </c>
      <c r="S8085" s="124">
        <f t="shared" si="126"/>
        <v>1.7163862147975939</v>
      </c>
    </row>
    <row r="8086" spans="8:19" x14ac:dyDescent="0.3">
      <c r="H8086" s="44">
        <v>8079</v>
      </c>
      <c r="I8086" s="56">
        <f>Bühler!I8112</f>
        <v>0.59787037961019229</v>
      </c>
      <c r="J8086" s="59">
        <f>Bühler!J8112</f>
        <v>1.9929012653673077</v>
      </c>
      <c r="K8086" s="59">
        <f>Bühler!K8112</f>
        <v>2.9893518980509612</v>
      </c>
      <c r="L8086" s="59">
        <f>Bühler!L8112</f>
        <v>14.348889110644615</v>
      </c>
      <c r="M8086" s="58">
        <f>Bühler!M8112</f>
        <v>0</v>
      </c>
      <c r="N8086" s="56">
        <f>IF(Input!$D$19=1,J8086*Input!$C$19,0)+IF(Input!$D$20=1,K8086*Input!$C$20,0)+IF(Input!$D$21=1,L8086*Input!$C$21,0)+IF(Input!$D$22=1,M8086*Input!$C$22,0)</f>
        <v>0.59787037961019229</v>
      </c>
      <c r="O8086" s="59">
        <f>IF(Input!$D$19=2,J8086*Input!$C$19,0)+IF(Input!$D$20=2,K8086*Input!$C$20,0)+IF(Input!$D$21=2,L8086*Input!$C$21,0)+IF(Input!$D$22=2,M8086*Input!$C$22,0)</f>
        <v>1.4946759490254806</v>
      </c>
      <c r="P8086" s="59">
        <f>IF(Input!$D$19=3,J8086*Input!$C$19,0)+IF(Input!$D$20=3,K8086*Input!$C$20,0)+IF(Input!$D$21=3,L8086*Input!$C$21,0)+IF(Input!$D$22=3,M8086*Input!$C$22,0)</f>
        <v>0</v>
      </c>
      <c r="Q8086" s="75">
        <f>IF(Input!$D$19=4,J8086*Input!$C$19,0)+IF(Input!$D$20=4,K8086*Input!$C$20,0)+IF(Input!$D$21=4,L8086*Input!$C$21,0)+IF(Input!$D$22=4,M8086*Input!$C$22,0)</f>
        <v>0</v>
      </c>
      <c r="R8086" s="58">
        <v>69.930045622944135</v>
      </c>
      <c r="S8086" s="124">
        <f t="shared" si="126"/>
        <v>2.5907716449775</v>
      </c>
    </row>
    <row r="8087" spans="8:19" x14ac:dyDescent="0.3">
      <c r="H8087" s="44">
        <v>8080</v>
      </c>
      <c r="I8087" s="56">
        <f>Bühler!I8113</f>
        <v>0.59787037961019229</v>
      </c>
      <c r="J8087" s="59">
        <f>Bühler!J8113</f>
        <v>1.9929012653673077</v>
      </c>
      <c r="K8087" s="59">
        <f>Bühler!K8113</f>
        <v>2.9893518980509612</v>
      </c>
      <c r="L8087" s="59">
        <f>Bühler!L8113</f>
        <v>14.348889110644615</v>
      </c>
      <c r="M8087" s="58">
        <f>Bühler!M8113</f>
        <v>0</v>
      </c>
      <c r="N8087" s="56">
        <f>IF(Input!$D$19=1,J8087*Input!$C$19,0)+IF(Input!$D$20=1,K8087*Input!$C$20,0)+IF(Input!$D$21=1,L8087*Input!$C$21,0)+IF(Input!$D$22=1,M8087*Input!$C$22,0)</f>
        <v>0.59787037961019229</v>
      </c>
      <c r="O8087" s="59">
        <f>IF(Input!$D$19=2,J8087*Input!$C$19,0)+IF(Input!$D$20=2,K8087*Input!$C$20,0)+IF(Input!$D$21=2,L8087*Input!$C$21,0)+IF(Input!$D$22=2,M8087*Input!$C$22,0)</f>
        <v>1.4946759490254806</v>
      </c>
      <c r="P8087" s="59">
        <f>IF(Input!$D$19=3,J8087*Input!$C$19,0)+IF(Input!$D$20=3,K8087*Input!$C$20,0)+IF(Input!$D$21=3,L8087*Input!$C$21,0)+IF(Input!$D$22=3,M8087*Input!$C$22,0)</f>
        <v>0</v>
      </c>
      <c r="Q8087" s="75">
        <f>IF(Input!$D$19=4,J8087*Input!$C$19,0)+IF(Input!$D$20=4,K8087*Input!$C$20,0)+IF(Input!$D$21=4,L8087*Input!$C$21,0)+IF(Input!$D$22=4,M8087*Input!$C$22,0)</f>
        <v>0</v>
      </c>
      <c r="R8087" s="58">
        <v>68.942386067645685</v>
      </c>
      <c r="S8087" s="124">
        <f t="shared" si="126"/>
        <v>2.5907716449775</v>
      </c>
    </row>
    <row r="8088" spans="8:19" x14ac:dyDescent="0.3">
      <c r="H8088" s="44">
        <v>8081</v>
      </c>
      <c r="I8088" s="56">
        <f>Bühler!I8114</f>
        <v>0.59787037961019229</v>
      </c>
      <c r="J8088" s="59">
        <f>Bühler!J8114</f>
        <v>1.9929012653673077</v>
      </c>
      <c r="K8088" s="59">
        <f>Bühler!K8114</f>
        <v>2.9893518980509612</v>
      </c>
      <c r="L8088" s="59">
        <f>Bühler!L8114</f>
        <v>14.348889110644615</v>
      </c>
      <c r="M8088" s="58">
        <f>Bühler!M8114</f>
        <v>0</v>
      </c>
      <c r="N8088" s="56">
        <f>IF(Input!$D$19=1,J8088*Input!$C$19,0)+IF(Input!$D$20=1,K8088*Input!$C$20,0)+IF(Input!$D$21=1,L8088*Input!$C$21,0)+IF(Input!$D$22=1,M8088*Input!$C$22,0)</f>
        <v>0.59787037961019229</v>
      </c>
      <c r="O8088" s="59">
        <f>IF(Input!$D$19=2,J8088*Input!$C$19,0)+IF(Input!$D$20=2,K8088*Input!$C$20,0)+IF(Input!$D$21=2,L8088*Input!$C$21,0)+IF(Input!$D$22=2,M8088*Input!$C$22,0)</f>
        <v>1.4946759490254806</v>
      </c>
      <c r="P8088" s="59">
        <f>IF(Input!$D$19=3,J8088*Input!$C$19,0)+IF(Input!$D$20=3,K8088*Input!$C$20,0)+IF(Input!$D$21=3,L8088*Input!$C$21,0)+IF(Input!$D$22=3,M8088*Input!$C$22,0)</f>
        <v>0</v>
      </c>
      <c r="Q8088" s="75">
        <f>IF(Input!$D$19=4,J8088*Input!$C$19,0)+IF(Input!$D$20=4,K8088*Input!$C$20,0)+IF(Input!$D$21=4,L8088*Input!$C$21,0)+IF(Input!$D$22=4,M8088*Input!$C$22,0)</f>
        <v>0</v>
      </c>
      <c r="R8088" s="58">
        <v>67.615826128562944</v>
      </c>
      <c r="S8088" s="124">
        <f t="shared" si="126"/>
        <v>2.5907716449775</v>
      </c>
    </row>
    <row r="8089" spans="8:19" x14ac:dyDescent="0.3">
      <c r="H8089" s="44">
        <v>8082</v>
      </c>
      <c r="I8089" s="56">
        <f>Bühler!I8115</f>
        <v>0.59787037961019229</v>
      </c>
      <c r="J8089" s="59">
        <f>Bühler!J8115</f>
        <v>1.9929012653673077</v>
      </c>
      <c r="K8089" s="59">
        <f>Bühler!K8115</f>
        <v>2.9893518980509612</v>
      </c>
      <c r="L8089" s="59">
        <f>Bühler!L8115</f>
        <v>14.348889110644615</v>
      </c>
      <c r="M8089" s="58">
        <f>Bühler!M8115</f>
        <v>0</v>
      </c>
      <c r="N8089" s="56">
        <f>IF(Input!$D$19=1,J8089*Input!$C$19,0)+IF(Input!$D$20=1,K8089*Input!$C$20,0)+IF(Input!$D$21=1,L8089*Input!$C$21,0)+IF(Input!$D$22=1,M8089*Input!$C$22,0)</f>
        <v>0.59787037961019229</v>
      </c>
      <c r="O8089" s="59">
        <f>IF(Input!$D$19=2,J8089*Input!$C$19,0)+IF(Input!$D$20=2,K8089*Input!$C$20,0)+IF(Input!$D$21=2,L8089*Input!$C$21,0)+IF(Input!$D$22=2,M8089*Input!$C$22,0)</f>
        <v>1.4946759490254806</v>
      </c>
      <c r="P8089" s="59">
        <f>IF(Input!$D$19=3,J8089*Input!$C$19,0)+IF(Input!$D$20=3,K8089*Input!$C$20,0)+IF(Input!$D$21=3,L8089*Input!$C$21,0)+IF(Input!$D$22=3,M8089*Input!$C$22,0)</f>
        <v>0</v>
      </c>
      <c r="Q8089" s="75">
        <f>IF(Input!$D$19=4,J8089*Input!$C$19,0)+IF(Input!$D$20=4,K8089*Input!$C$20,0)+IF(Input!$D$21=4,L8089*Input!$C$21,0)+IF(Input!$D$22=4,M8089*Input!$C$22,0)</f>
        <v>0</v>
      </c>
      <c r="R8089" s="58">
        <v>67.070300001007269</v>
      </c>
      <c r="S8089" s="124">
        <f t="shared" si="126"/>
        <v>2.5907716449775</v>
      </c>
    </row>
    <row r="8090" spans="8:19" x14ac:dyDescent="0.3">
      <c r="H8090" s="44">
        <v>8083</v>
      </c>
      <c r="I8090" s="56">
        <f>Bühler!I8116</f>
        <v>0.59787037961019229</v>
      </c>
      <c r="J8090" s="59">
        <f>Bühler!J8116</f>
        <v>1.9929012653673077</v>
      </c>
      <c r="K8090" s="59">
        <f>Bühler!K8116</f>
        <v>2.9893518980509612</v>
      </c>
      <c r="L8090" s="59">
        <f>Bühler!L8116</f>
        <v>14.348889110644615</v>
      </c>
      <c r="M8090" s="58">
        <f>Bühler!M8116</f>
        <v>0</v>
      </c>
      <c r="N8090" s="56">
        <f>IF(Input!$D$19=1,J8090*Input!$C$19,0)+IF(Input!$D$20=1,K8090*Input!$C$20,0)+IF(Input!$D$21=1,L8090*Input!$C$21,0)+IF(Input!$D$22=1,M8090*Input!$C$22,0)</f>
        <v>0.59787037961019229</v>
      </c>
      <c r="O8090" s="59">
        <f>IF(Input!$D$19=2,J8090*Input!$C$19,0)+IF(Input!$D$20=2,K8090*Input!$C$20,0)+IF(Input!$D$21=2,L8090*Input!$C$21,0)+IF(Input!$D$22=2,M8090*Input!$C$22,0)</f>
        <v>1.4946759490254806</v>
      </c>
      <c r="P8090" s="59">
        <f>IF(Input!$D$19=3,J8090*Input!$C$19,0)+IF(Input!$D$20=3,K8090*Input!$C$20,0)+IF(Input!$D$21=3,L8090*Input!$C$21,0)+IF(Input!$D$22=3,M8090*Input!$C$22,0)</f>
        <v>0</v>
      </c>
      <c r="Q8090" s="75">
        <f>IF(Input!$D$19=4,J8090*Input!$C$19,0)+IF(Input!$D$20=4,K8090*Input!$C$20,0)+IF(Input!$D$21=4,L8090*Input!$C$21,0)+IF(Input!$D$22=4,M8090*Input!$C$22,0)</f>
        <v>0</v>
      </c>
      <c r="R8090" s="58">
        <v>67.353932823705335</v>
      </c>
      <c r="S8090" s="124">
        <f t="shared" si="126"/>
        <v>2.5907716449775</v>
      </c>
    </row>
    <row r="8091" spans="8:19" x14ac:dyDescent="0.3">
      <c r="H8091" s="44">
        <v>8084</v>
      </c>
      <c r="I8091" s="56">
        <f>Bühler!I8117</f>
        <v>0.50071644292353601</v>
      </c>
      <c r="J8091" s="59">
        <f>Bühler!J8117</f>
        <v>1.6690548097451203</v>
      </c>
      <c r="K8091" s="59">
        <f>Bühler!K8117</f>
        <v>2.5035822146176803</v>
      </c>
      <c r="L8091" s="59">
        <f>Bühler!L8117</f>
        <v>12.017194630164866</v>
      </c>
      <c r="M8091" s="58">
        <f>Bühler!M8117</f>
        <v>0</v>
      </c>
      <c r="N8091" s="56">
        <f>IF(Input!$D$19=1,J8091*Input!$C$19,0)+IF(Input!$D$20=1,K8091*Input!$C$20,0)+IF(Input!$D$21=1,L8091*Input!$C$21,0)+IF(Input!$D$22=1,M8091*Input!$C$22,0)</f>
        <v>0.50071644292353612</v>
      </c>
      <c r="O8091" s="59">
        <f>IF(Input!$D$19=2,J8091*Input!$C$19,0)+IF(Input!$D$20=2,K8091*Input!$C$20,0)+IF(Input!$D$21=2,L8091*Input!$C$21,0)+IF(Input!$D$22=2,M8091*Input!$C$22,0)</f>
        <v>1.2517911073088401</v>
      </c>
      <c r="P8091" s="59">
        <f>IF(Input!$D$19=3,J8091*Input!$C$19,0)+IF(Input!$D$20=3,K8091*Input!$C$20,0)+IF(Input!$D$21=3,L8091*Input!$C$21,0)+IF(Input!$D$22=3,M8091*Input!$C$22,0)</f>
        <v>0</v>
      </c>
      <c r="Q8091" s="75">
        <f>IF(Input!$D$19=4,J8091*Input!$C$19,0)+IF(Input!$D$20=4,K8091*Input!$C$20,0)+IF(Input!$D$21=4,L8091*Input!$C$21,0)+IF(Input!$D$22=4,M8091*Input!$C$22,0)</f>
        <v>0</v>
      </c>
      <c r="R8091" s="58">
        <v>66.224006152895882</v>
      </c>
      <c r="S8091" s="124">
        <f t="shared" si="126"/>
        <v>2.1697712526686566</v>
      </c>
    </row>
    <row r="8092" spans="8:19" x14ac:dyDescent="0.3">
      <c r="H8092" s="44">
        <v>8085</v>
      </c>
      <c r="I8092" s="56">
        <f>Bühler!I8118</f>
        <v>0.41103588598200719</v>
      </c>
      <c r="J8092" s="59">
        <f>Bühler!J8118</f>
        <v>1.3701196199400241</v>
      </c>
      <c r="K8092" s="59">
        <f>Bühler!K8118</f>
        <v>2.0551794299100359</v>
      </c>
      <c r="L8092" s="59">
        <f>Bühler!L8118</f>
        <v>9.8648612635681729</v>
      </c>
      <c r="M8092" s="58">
        <f>Bühler!M8118</f>
        <v>0</v>
      </c>
      <c r="N8092" s="56">
        <f>IF(Input!$D$19=1,J8092*Input!$C$19,0)+IF(Input!$D$20=1,K8092*Input!$C$20,0)+IF(Input!$D$21=1,L8092*Input!$C$21,0)+IF(Input!$D$22=1,M8092*Input!$C$22,0)</f>
        <v>0.41103588598200719</v>
      </c>
      <c r="O8092" s="59">
        <f>IF(Input!$D$19=2,J8092*Input!$C$19,0)+IF(Input!$D$20=2,K8092*Input!$C$20,0)+IF(Input!$D$21=2,L8092*Input!$C$21,0)+IF(Input!$D$22=2,M8092*Input!$C$22,0)</f>
        <v>1.0275897149550179</v>
      </c>
      <c r="P8092" s="59">
        <f>IF(Input!$D$19=3,J8092*Input!$C$19,0)+IF(Input!$D$20=3,K8092*Input!$C$20,0)+IF(Input!$D$21=3,L8092*Input!$C$21,0)+IF(Input!$D$22=3,M8092*Input!$C$22,0)</f>
        <v>0</v>
      </c>
      <c r="Q8092" s="75">
        <f>IF(Input!$D$19=4,J8092*Input!$C$19,0)+IF(Input!$D$20=4,K8092*Input!$C$20,0)+IF(Input!$D$21=4,L8092*Input!$C$21,0)+IF(Input!$D$22=4,M8092*Input!$C$22,0)</f>
        <v>0</v>
      </c>
      <c r="R8092" s="58">
        <v>64.187948071159411</v>
      </c>
      <c r="S8092" s="124">
        <f t="shared" si="126"/>
        <v>1.7811555059220312</v>
      </c>
    </row>
    <row r="8093" spans="8:19" x14ac:dyDescent="0.3">
      <c r="H8093" s="44">
        <v>8086</v>
      </c>
      <c r="I8093" s="56">
        <f>Bühler!I8119</f>
        <v>0.29893518980509615</v>
      </c>
      <c r="J8093" s="59">
        <f>Bühler!J8119</f>
        <v>0.99645063268365386</v>
      </c>
      <c r="K8093" s="59">
        <f>Bühler!K8119</f>
        <v>1.4946759490254806</v>
      </c>
      <c r="L8093" s="59">
        <f>Bühler!L8119</f>
        <v>7.1744445553223075</v>
      </c>
      <c r="M8093" s="58">
        <f>Bühler!M8119</f>
        <v>0</v>
      </c>
      <c r="N8093" s="56">
        <f>IF(Input!$D$19=1,J8093*Input!$C$19,0)+IF(Input!$D$20=1,K8093*Input!$C$20,0)+IF(Input!$D$21=1,L8093*Input!$C$21,0)+IF(Input!$D$22=1,M8093*Input!$C$22,0)</f>
        <v>0.29893518980509615</v>
      </c>
      <c r="O8093" s="59">
        <f>IF(Input!$D$19=2,J8093*Input!$C$19,0)+IF(Input!$D$20=2,K8093*Input!$C$20,0)+IF(Input!$D$21=2,L8093*Input!$C$21,0)+IF(Input!$D$22=2,M8093*Input!$C$22,0)</f>
        <v>0.74733797451274031</v>
      </c>
      <c r="P8093" s="59">
        <f>IF(Input!$D$19=3,J8093*Input!$C$19,0)+IF(Input!$D$20=3,K8093*Input!$C$20,0)+IF(Input!$D$21=3,L8093*Input!$C$21,0)+IF(Input!$D$22=3,M8093*Input!$C$22,0)</f>
        <v>0</v>
      </c>
      <c r="Q8093" s="75">
        <f>IF(Input!$D$19=4,J8093*Input!$C$19,0)+IF(Input!$D$20=4,K8093*Input!$C$20,0)+IF(Input!$D$21=4,L8093*Input!$C$21,0)+IF(Input!$D$22=4,M8093*Input!$C$22,0)</f>
        <v>0</v>
      </c>
      <c r="R8093" s="58">
        <v>62.148687967696226</v>
      </c>
      <c r="S8093" s="124">
        <f t="shared" si="126"/>
        <v>1.29538582248875</v>
      </c>
    </row>
    <row r="8094" spans="8:19" x14ac:dyDescent="0.3">
      <c r="H8094" s="44">
        <v>8087</v>
      </c>
      <c r="I8094" s="56">
        <f>Bühler!I8120</f>
        <v>0.28398843031484133</v>
      </c>
      <c r="J8094" s="59">
        <f>Bühler!J8120</f>
        <v>0.94662810104947115</v>
      </c>
      <c r="K8094" s="59">
        <f>Bühler!K8120</f>
        <v>1.4199421515742066</v>
      </c>
      <c r="L8094" s="59">
        <f>Bühler!L8120</f>
        <v>6.815722327556192</v>
      </c>
      <c r="M8094" s="58">
        <f>Bühler!M8120</f>
        <v>0</v>
      </c>
      <c r="N8094" s="56">
        <f>IF(Input!$D$19=1,J8094*Input!$C$19,0)+IF(Input!$D$20=1,K8094*Input!$C$20,0)+IF(Input!$D$21=1,L8094*Input!$C$21,0)+IF(Input!$D$22=1,M8094*Input!$C$22,0)</f>
        <v>0.28398843031484133</v>
      </c>
      <c r="O8094" s="59">
        <f>IF(Input!$D$19=2,J8094*Input!$C$19,0)+IF(Input!$D$20=2,K8094*Input!$C$20,0)+IF(Input!$D$21=2,L8094*Input!$C$21,0)+IF(Input!$D$22=2,M8094*Input!$C$22,0)</f>
        <v>0.70997107578710328</v>
      </c>
      <c r="P8094" s="59">
        <f>IF(Input!$D$19=3,J8094*Input!$C$19,0)+IF(Input!$D$20=3,K8094*Input!$C$20,0)+IF(Input!$D$21=3,L8094*Input!$C$21,0)+IF(Input!$D$22=3,M8094*Input!$C$22,0)</f>
        <v>0</v>
      </c>
      <c r="Q8094" s="75">
        <f>IF(Input!$D$19=4,J8094*Input!$C$19,0)+IF(Input!$D$20=4,K8094*Input!$C$20,0)+IF(Input!$D$21=4,L8094*Input!$C$21,0)+IF(Input!$D$22=4,M8094*Input!$C$22,0)</f>
        <v>0</v>
      </c>
      <c r="R8094" s="58">
        <v>61.788277350707588</v>
      </c>
      <c r="S8094" s="124">
        <f t="shared" si="126"/>
        <v>1.2306165313643125</v>
      </c>
    </row>
    <row r="8095" spans="8:19" x14ac:dyDescent="0.3">
      <c r="H8095" s="44">
        <v>8088</v>
      </c>
      <c r="I8095" s="56">
        <f>Bühler!I8121</f>
        <v>0.28398843031484133</v>
      </c>
      <c r="J8095" s="59">
        <f>Bühler!J8121</f>
        <v>0.94662810104947115</v>
      </c>
      <c r="K8095" s="59">
        <f>Bühler!K8121</f>
        <v>1.4199421515742066</v>
      </c>
      <c r="L8095" s="59">
        <f>Bühler!L8121</f>
        <v>6.815722327556192</v>
      </c>
      <c r="M8095" s="58">
        <f>Bühler!M8121</f>
        <v>0</v>
      </c>
      <c r="N8095" s="56">
        <f>IF(Input!$D$19=1,J8095*Input!$C$19,0)+IF(Input!$D$20=1,K8095*Input!$C$20,0)+IF(Input!$D$21=1,L8095*Input!$C$21,0)+IF(Input!$D$22=1,M8095*Input!$C$22,0)</f>
        <v>0.28398843031484133</v>
      </c>
      <c r="O8095" s="59">
        <f>IF(Input!$D$19=2,J8095*Input!$C$19,0)+IF(Input!$D$20=2,K8095*Input!$C$20,0)+IF(Input!$D$21=2,L8095*Input!$C$21,0)+IF(Input!$D$22=2,M8095*Input!$C$22,0)</f>
        <v>0.70997107578710328</v>
      </c>
      <c r="P8095" s="59">
        <f>IF(Input!$D$19=3,J8095*Input!$C$19,0)+IF(Input!$D$20=3,K8095*Input!$C$20,0)+IF(Input!$D$21=3,L8095*Input!$C$21,0)+IF(Input!$D$22=3,M8095*Input!$C$22,0)</f>
        <v>0</v>
      </c>
      <c r="Q8095" s="75">
        <f>IF(Input!$D$19=4,J8095*Input!$C$19,0)+IF(Input!$D$20=4,K8095*Input!$C$20,0)+IF(Input!$D$21=4,L8095*Input!$C$21,0)+IF(Input!$D$22=4,M8095*Input!$C$22,0)</f>
        <v>0</v>
      </c>
      <c r="R8095" s="58">
        <v>60.863229486570667</v>
      </c>
      <c r="S8095" s="124">
        <f t="shared" si="126"/>
        <v>1.2306165313643125</v>
      </c>
    </row>
    <row r="8096" spans="8:19" x14ac:dyDescent="0.3">
      <c r="H8096" s="44">
        <v>8089</v>
      </c>
      <c r="I8096" s="56">
        <f>Bühler!I8122</f>
        <v>0.26257709602171053</v>
      </c>
      <c r="J8096" s="59">
        <f>Bühler!J8122</f>
        <v>0.87525698673903518</v>
      </c>
      <c r="K8096" s="59">
        <f>Bühler!K8122</f>
        <v>1.3128854801085525</v>
      </c>
      <c r="L8096" s="59">
        <f>Bühler!L8122</f>
        <v>6.3018503045210528</v>
      </c>
      <c r="M8096" s="58">
        <f>Bühler!M8122</f>
        <v>0</v>
      </c>
      <c r="N8096" s="56">
        <f>IF(Input!$D$19=1,J8096*Input!$C$19,0)+IF(Input!$D$20=1,K8096*Input!$C$20,0)+IF(Input!$D$21=1,L8096*Input!$C$21,0)+IF(Input!$D$22=1,M8096*Input!$C$22,0)</f>
        <v>0.26257709602171053</v>
      </c>
      <c r="O8096" s="59">
        <f>IF(Input!$D$19=2,J8096*Input!$C$19,0)+IF(Input!$D$20=2,K8096*Input!$C$20,0)+IF(Input!$D$21=2,L8096*Input!$C$21,0)+IF(Input!$D$22=2,M8096*Input!$C$22,0)</f>
        <v>0.65644274005427627</v>
      </c>
      <c r="P8096" s="59">
        <f>IF(Input!$D$19=3,J8096*Input!$C$19,0)+IF(Input!$D$20=3,K8096*Input!$C$20,0)+IF(Input!$D$21=3,L8096*Input!$C$21,0)+IF(Input!$D$22=3,M8096*Input!$C$22,0)</f>
        <v>0</v>
      </c>
      <c r="Q8096" s="75">
        <f>IF(Input!$D$19=4,J8096*Input!$C$19,0)+IF(Input!$D$20=4,K8096*Input!$C$20,0)+IF(Input!$D$21=4,L8096*Input!$C$21,0)+IF(Input!$D$22=4,M8096*Input!$C$22,0)</f>
        <v>0</v>
      </c>
      <c r="R8096" s="58">
        <v>60.478181480301586</v>
      </c>
      <c r="S8096" s="124">
        <f t="shared" si="126"/>
        <v>1.1378340827607456</v>
      </c>
    </row>
    <row r="8097" spans="8:19" x14ac:dyDescent="0.3">
      <c r="H8097" s="44">
        <v>8090</v>
      </c>
      <c r="I8097" s="56">
        <f>Bühler!I8123</f>
        <v>0.26257709602171053</v>
      </c>
      <c r="J8097" s="59">
        <f>Bühler!J8123</f>
        <v>0.87525698673903518</v>
      </c>
      <c r="K8097" s="59">
        <f>Bühler!K8123</f>
        <v>1.3128854801085525</v>
      </c>
      <c r="L8097" s="59">
        <f>Bühler!L8123</f>
        <v>6.3018503045210528</v>
      </c>
      <c r="M8097" s="58">
        <f>Bühler!M8123</f>
        <v>0</v>
      </c>
      <c r="N8097" s="56">
        <f>IF(Input!$D$19=1,J8097*Input!$C$19,0)+IF(Input!$D$20=1,K8097*Input!$C$20,0)+IF(Input!$D$21=1,L8097*Input!$C$21,0)+IF(Input!$D$22=1,M8097*Input!$C$22,0)</f>
        <v>0.26257709602171053</v>
      </c>
      <c r="O8097" s="59">
        <f>IF(Input!$D$19=2,J8097*Input!$C$19,0)+IF(Input!$D$20=2,K8097*Input!$C$20,0)+IF(Input!$D$21=2,L8097*Input!$C$21,0)+IF(Input!$D$22=2,M8097*Input!$C$22,0)</f>
        <v>0.65644274005427627</v>
      </c>
      <c r="P8097" s="59">
        <f>IF(Input!$D$19=3,J8097*Input!$C$19,0)+IF(Input!$D$20=3,K8097*Input!$C$20,0)+IF(Input!$D$21=3,L8097*Input!$C$21,0)+IF(Input!$D$22=3,M8097*Input!$C$22,0)</f>
        <v>0</v>
      </c>
      <c r="Q8097" s="75">
        <f>IF(Input!$D$19=4,J8097*Input!$C$19,0)+IF(Input!$D$20=4,K8097*Input!$C$20,0)+IF(Input!$D$21=4,L8097*Input!$C$21,0)+IF(Input!$D$22=4,M8097*Input!$C$22,0)</f>
        <v>0</v>
      </c>
      <c r="R8097" s="58">
        <v>60.071331506039655</v>
      </c>
      <c r="S8097" s="124">
        <f t="shared" si="126"/>
        <v>1.1378340827607456</v>
      </c>
    </row>
    <row r="8098" spans="8:19" x14ac:dyDescent="0.3">
      <c r="H8098" s="44">
        <v>8091</v>
      </c>
      <c r="I8098" s="56">
        <f>Bühler!I8124</f>
        <v>0.26257709602171053</v>
      </c>
      <c r="J8098" s="59">
        <f>Bühler!J8124</f>
        <v>0.87525698673903518</v>
      </c>
      <c r="K8098" s="59">
        <f>Bühler!K8124</f>
        <v>1.3128854801085525</v>
      </c>
      <c r="L8098" s="59">
        <f>Bühler!L8124</f>
        <v>6.3018503045210528</v>
      </c>
      <c r="M8098" s="58">
        <f>Bühler!M8124</f>
        <v>0</v>
      </c>
      <c r="N8098" s="56">
        <f>IF(Input!$D$19=1,J8098*Input!$C$19,0)+IF(Input!$D$20=1,K8098*Input!$C$20,0)+IF(Input!$D$21=1,L8098*Input!$C$21,0)+IF(Input!$D$22=1,M8098*Input!$C$22,0)</f>
        <v>0.26257709602171053</v>
      </c>
      <c r="O8098" s="59">
        <f>IF(Input!$D$19=2,J8098*Input!$C$19,0)+IF(Input!$D$20=2,K8098*Input!$C$20,0)+IF(Input!$D$21=2,L8098*Input!$C$21,0)+IF(Input!$D$22=2,M8098*Input!$C$22,0)</f>
        <v>0.65644274005427627</v>
      </c>
      <c r="P8098" s="59">
        <f>IF(Input!$D$19=3,J8098*Input!$C$19,0)+IF(Input!$D$20=3,K8098*Input!$C$20,0)+IF(Input!$D$21=3,L8098*Input!$C$21,0)+IF(Input!$D$22=3,M8098*Input!$C$22,0)</f>
        <v>0</v>
      </c>
      <c r="Q8098" s="75">
        <f>IF(Input!$D$19=4,J8098*Input!$C$19,0)+IF(Input!$D$20=4,K8098*Input!$C$20,0)+IF(Input!$D$21=4,L8098*Input!$C$21,0)+IF(Input!$D$22=4,M8098*Input!$C$22,0)</f>
        <v>0</v>
      </c>
      <c r="R8098" s="58">
        <v>60.580024969141974</v>
      </c>
      <c r="S8098" s="124">
        <f t="shared" si="126"/>
        <v>1.1378340827607456</v>
      </c>
    </row>
    <row r="8099" spans="8:19" x14ac:dyDescent="0.3">
      <c r="H8099" s="44">
        <v>8092</v>
      </c>
      <c r="I8099" s="56">
        <f>Bühler!I8125</f>
        <v>0.26257709602171053</v>
      </c>
      <c r="J8099" s="59">
        <f>Bühler!J8125</f>
        <v>0.87525698673903518</v>
      </c>
      <c r="K8099" s="59">
        <f>Bühler!K8125</f>
        <v>1.3128854801085525</v>
      </c>
      <c r="L8099" s="59">
        <f>Bühler!L8125</f>
        <v>6.3018503045210528</v>
      </c>
      <c r="M8099" s="58">
        <f>Bühler!M8125</f>
        <v>0</v>
      </c>
      <c r="N8099" s="56">
        <f>IF(Input!$D$19=1,J8099*Input!$C$19,0)+IF(Input!$D$20=1,K8099*Input!$C$20,0)+IF(Input!$D$21=1,L8099*Input!$C$21,0)+IF(Input!$D$22=1,M8099*Input!$C$22,0)</f>
        <v>0.26257709602171053</v>
      </c>
      <c r="O8099" s="59">
        <f>IF(Input!$D$19=2,J8099*Input!$C$19,0)+IF(Input!$D$20=2,K8099*Input!$C$20,0)+IF(Input!$D$21=2,L8099*Input!$C$21,0)+IF(Input!$D$22=2,M8099*Input!$C$22,0)</f>
        <v>0.65644274005427627</v>
      </c>
      <c r="P8099" s="59">
        <f>IF(Input!$D$19=3,J8099*Input!$C$19,0)+IF(Input!$D$20=3,K8099*Input!$C$20,0)+IF(Input!$D$21=3,L8099*Input!$C$21,0)+IF(Input!$D$22=3,M8099*Input!$C$22,0)</f>
        <v>0</v>
      </c>
      <c r="Q8099" s="75">
        <f>IF(Input!$D$19=4,J8099*Input!$C$19,0)+IF(Input!$D$20=4,K8099*Input!$C$20,0)+IF(Input!$D$21=4,L8099*Input!$C$21,0)+IF(Input!$D$22=4,M8099*Input!$C$22,0)</f>
        <v>0</v>
      </c>
      <c r="R8099" s="58">
        <v>60.864648501528258</v>
      </c>
      <c r="S8099" s="124">
        <f t="shared" si="126"/>
        <v>1.1378340827607456</v>
      </c>
    </row>
    <row r="8100" spans="8:19" x14ac:dyDescent="0.3">
      <c r="H8100" s="44">
        <v>8093</v>
      </c>
      <c r="I8100" s="56">
        <f>Bühler!I8126</f>
        <v>0.26257709602171053</v>
      </c>
      <c r="J8100" s="59">
        <f>Bühler!J8126</f>
        <v>0.87525698673903518</v>
      </c>
      <c r="K8100" s="59">
        <f>Bühler!K8126</f>
        <v>1.3128854801085525</v>
      </c>
      <c r="L8100" s="59">
        <f>Bühler!L8126</f>
        <v>6.3018503045210528</v>
      </c>
      <c r="M8100" s="58">
        <f>Bühler!M8126</f>
        <v>0</v>
      </c>
      <c r="N8100" s="56">
        <f>IF(Input!$D$19=1,J8100*Input!$C$19,0)+IF(Input!$D$20=1,K8100*Input!$C$20,0)+IF(Input!$D$21=1,L8100*Input!$C$21,0)+IF(Input!$D$22=1,M8100*Input!$C$22,0)</f>
        <v>0.26257709602171053</v>
      </c>
      <c r="O8100" s="59">
        <f>IF(Input!$D$19=2,J8100*Input!$C$19,0)+IF(Input!$D$20=2,K8100*Input!$C$20,0)+IF(Input!$D$21=2,L8100*Input!$C$21,0)+IF(Input!$D$22=2,M8100*Input!$C$22,0)</f>
        <v>0.65644274005427627</v>
      </c>
      <c r="P8100" s="59">
        <f>IF(Input!$D$19=3,J8100*Input!$C$19,0)+IF(Input!$D$20=3,K8100*Input!$C$20,0)+IF(Input!$D$21=3,L8100*Input!$C$21,0)+IF(Input!$D$22=3,M8100*Input!$C$22,0)</f>
        <v>0</v>
      </c>
      <c r="Q8100" s="75">
        <f>IF(Input!$D$19=4,J8100*Input!$C$19,0)+IF(Input!$D$20=4,K8100*Input!$C$20,0)+IF(Input!$D$21=4,L8100*Input!$C$21,0)+IF(Input!$D$22=4,M8100*Input!$C$22,0)</f>
        <v>0</v>
      </c>
      <c r="R8100" s="58">
        <v>62.848687842292065</v>
      </c>
      <c r="S8100" s="124">
        <f t="shared" si="126"/>
        <v>1.1378340827607456</v>
      </c>
    </row>
    <row r="8101" spans="8:19" x14ac:dyDescent="0.3">
      <c r="H8101" s="44">
        <v>8094</v>
      </c>
      <c r="I8101" s="56">
        <f>Bühler!I8127</f>
        <v>0.34135022482822369</v>
      </c>
      <c r="J8101" s="59">
        <f>Bühler!J8127</f>
        <v>1.1378340827607456</v>
      </c>
      <c r="K8101" s="59">
        <f>Bühler!K8127</f>
        <v>1.7067511241411184</v>
      </c>
      <c r="L8101" s="59">
        <f>Bühler!L8127</f>
        <v>8.1924053958773673</v>
      </c>
      <c r="M8101" s="58">
        <f>Bühler!M8127</f>
        <v>0</v>
      </c>
      <c r="N8101" s="56">
        <f>IF(Input!$D$19=1,J8101*Input!$C$19,0)+IF(Input!$D$20=1,K8101*Input!$C$20,0)+IF(Input!$D$21=1,L8101*Input!$C$21,0)+IF(Input!$D$22=1,M8101*Input!$C$22,0)</f>
        <v>0.34135022482822369</v>
      </c>
      <c r="O8101" s="59">
        <f>IF(Input!$D$19=2,J8101*Input!$C$19,0)+IF(Input!$D$20=2,K8101*Input!$C$20,0)+IF(Input!$D$21=2,L8101*Input!$C$21,0)+IF(Input!$D$22=2,M8101*Input!$C$22,0)</f>
        <v>0.8533755620705592</v>
      </c>
      <c r="P8101" s="59">
        <f>IF(Input!$D$19=3,J8101*Input!$C$19,0)+IF(Input!$D$20=3,K8101*Input!$C$20,0)+IF(Input!$D$21=3,L8101*Input!$C$21,0)+IF(Input!$D$22=3,M8101*Input!$C$22,0)</f>
        <v>0</v>
      </c>
      <c r="Q8101" s="75">
        <f>IF(Input!$D$19=4,J8101*Input!$C$19,0)+IF(Input!$D$20=4,K8101*Input!$C$20,0)+IF(Input!$D$21=4,L8101*Input!$C$21,0)+IF(Input!$D$22=4,M8101*Input!$C$22,0)</f>
        <v>0</v>
      </c>
      <c r="R8101" s="58">
        <v>66.34511882847022</v>
      </c>
      <c r="S8101" s="124">
        <f t="shared" si="126"/>
        <v>1.4791843075889692</v>
      </c>
    </row>
    <row r="8102" spans="8:19" x14ac:dyDescent="0.3">
      <c r="H8102" s="44">
        <v>8095</v>
      </c>
      <c r="I8102" s="56">
        <f>Bühler!I8128</f>
        <v>0.38073678923148024</v>
      </c>
      <c r="J8102" s="59">
        <f>Bühler!J8128</f>
        <v>1.2691226307716008</v>
      </c>
      <c r="K8102" s="59">
        <f>Bühler!K8128</f>
        <v>1.9036839461574011</v>
      </c>
      <c r="L8102" s="59">
        <f>Bühler!L8128</f>
        <v>9.137682941555525</v>
      </c>
      <c r="M8102" s="58">
        <f>Bühler!M8128</f>
        <v>0</v>
      </c>
      <c r="N8102" s="56">
        <f>IF(Input!$D$19=1,J8102*Input!$C$19,0)+IF(Input!$D$20=1,K8102*Input!$C$20,0)+IF(Input!$D$21=1,L8102*Input!$C$21,0)+IF(Input!$D$22=1,M8102*Input!$C$22,0)</f>
        <v>0.38073678923148024</v>
      </c>
      <c r="O8102" s="59">
        <f>IF(Input!$D$19=2,J8102*Input!$C$19,0)+IF(Input!$D$20=2,K8102*Input!$C$20,0)+IF(Input!$D$21=2,L8102*Input!$C$21,0)+IF(Input!$D$22=2,M8102*Input!$C$22,0)</f>
        <v>0.95184197307870055</v>
      </c>
      <c r="P8102" s="59">
        <f>IF(Input!$D$19=3,J8102*Input!$C$19,0)+IF(Input!$D$20=3,K8102*Input!$C$20,0)+IF(Input!$D$21=3,L8102*Input!$C$21,0)+IF(Input!$D$22=3,M8102*Input!$C$22,0)</f>
        <v>0</v>
      </c>
      <c r="Q8102" s="75">
        <f>IF(Input!$D$19=4,J8102*Input!$C$19,0)+IF(Input!$D$20=4,K8102*Input!$C$20,0)+IF(Input!$D$21=4,L8102*Input!$C$21,0)+IF(Input!$D$22=4,M8102*Input!$C$22,0)</f>
        <v>0</v>
      </c>
      <c r="R8102" s="58">
        <v>69.686860120316226</v>
      </c>
      <c r="S8102" s="124">
        <f t="shared" si="126"/>
        <v>1.6498594200030809</v>
      </c>
    </row>
    <row r="8103" spans="8:19" x14ac:dyDescent="0.3">
      <c r="H8103" s="44">
        <v>8096</v>
      </c>
      <c r="I8103" s="56">
        <f>Bühler!I8129</f>
        <v>0.39386564403256574</v>
      </c>
      <c r="J8103" s="59">
        <f>Bühler!J8129</f>
        <v>1.3128854801085525</v>
      </c>
      <c r="K8103" s="59">
        <f>Bühler!K8129</f>
        <v>1.9693282201628288</v>
      </c>
      <c r="L8103" s="59">
        <f>Bühler!L8129</f>
        <v>9.4527754567815787</v>
      </c>
      <c r="M8103" s="58">
        <f>Bühler!M8129</f>
        <v>0</v>
      </c>
      <c r="N8103" s="56">
        <f>IF(Input!$D$19=1,J8103*Input!$C$19,0)+IF(Input!$D$20=1,K8103*Input!$C$20,0)+IF(Input!$D$21=1,L8103*Input!$C$21,0)+IF(Input!$D$22=1,M8103*Input!$C$22,0)</f>
        <v>0.39386564403256574</v>
      </c>
      <c r="O8103" s="59">
        <f>IF(Input!$D$19=2,J8103*Input!$C$19,0)+IF(Input!$D$20=2,K8103*Input!$C$20,0)+IF(Input!$D$21=2,L8103*Input!$C$21,0)+IF(Input!$D$22=2,M8103*Input!$C$22,0)</f>
        <v>0.98466411008141441</v>
      </c>
      <c r="P8103" s="59">
        <f>IF(Input!$D$19=3,J8103*Input!$C$19,0)+IF(Input!$D$20=3,K8103*Input!$C$20,0)+IF(Input!$D$21=3,L8103*Input!$C$21,0)+IF(Input!$D$22=3,M8103*Input!$C$22,0)</f>
        <v>0</v>
      </c>
      <c r="Q8103" s="75">
        <f>IF(Input!$D$19=4,J8103*Input!$C$19,0)+IF(Input!$D$20=4,K8103*Input!$C$20,0)+IF(Input!$D$21=4,L8103*Input!$C$21,0)+IF(Input!$D$22=4,M8103*Input!$C$22,0)</f>
        <v>0</v>
      </c>
      <c r="R8103" s="58">
        <v>71.138035513809555</v>
      </c>
      <c r="S8103" s="124">
        <f t="shared" si="126"/>
        <v>1.7067511241411184</v>
      </c>
    </row>
    <row r="8104" spans="8:19" x14ac:dyDescent="0.3">
      <c r="H8104" s="44">
        <v>8097</v>
      </c>
      <c r="I8104" s="56">
        <f>Bühler!I8130</f>
        <v>0.39386564403256574</v>
      </c>
      <c r="J8104" s="59">
        <f>Bühler!J8130</f>
        <v>1.3128854801085525</v>
      </c>
      <c r="K8104" s="59">
        <f>Bühler!K8130</f>
        <v>1.9693282201628288</v>
      </c>
      <c r="L8104" s="59">
        <f>Bühler!L8130</f>
        <v>9.4527754567815787</v>
      </c>
      <c r="M8104" s="58">
        <f>Bühler!M8130</f>
        <v>0</v>
      </c>
      <c r="N8104" s="56">
        <f>IF(Input!$D$19=1,J8104*Input!$C$19,0)+IF(Input!$D$20=1,K8104*Input!$C$20,0)+IF(Input!$D$21=1,L8104*Input!$C$21,0)+IF(Input!$D$22=1,M8104*Input!$C$22,0)</f>
        <v>0.39386564403256574</v>
      </c>
      <c r="O8104" s="59">
        <f>IF(Input!$D$19=2,J8104*Input!$C$19,0)+IF(Input!$D$20=2,K8104*Input!$C$20,0)+IF(Input!$D$21=2,L8104*Input!$C$21,0)+IF(Input!$D$22=2,M8104*Input!$C$22,0)</f>
        <v>0.98466411008141441</v>
      </c>
      <c r="P8104" s="59">
        <f>IF(Input!$D$19=3,J8104*Input!$C$19,0)+IF(Input!$D$20=3,K8104*Input!$C$20,0)+IF(Input!$D$21=3,L8104*Input!$C$21,0)+IF(Input!$D$22=3,M8104*Input!$C$22,0)</f>
        <v>0</v>
      </c>
      <c r="Q8104" s="75">
        <f>IF(Input!$D$19=4,J8104*Input!$C$19,0)+IF(Input!$D$20=4,K8104*Input!$C$20,0)+IF(Input!$D$21=4,L8104*Input!$C$21,0)+IF(Input!$D$22=4,M8104*Input!$C$22,0)</f>
        <v>0</v>
      </c>
      <c r="R8104" s="58">
        <v>71.245473665453787</v>
      </c>
      <c r="S8104" s="124">
        <f t="shared" si="126"/>
        <v>1.7067511241411184</v>
      </c>
    </row>
    <row r="8105" spans="8:19" x14ac:dyDescent="0.3">
      <c r="H8105" s="44">
        <v>8098</v>
      </c>
      <c r="I8105" s="56">
        <f>Bühler!I8131</f>
        <v>0.42668778103527955</v>
      </c>
      <c r="J8105" s="59">
        <f>Bühler!J8131</f>
        <v>1.422292603450932</v>
      </c>
      <c r="K8105" s="59">
        <f>Bühler!K8131</f>
        <v>2.1334389051763978</v>
      </c>
      <c r="L8105" s="59">
        <f>Bühler!L8131</f>
        <v>10.240506744846709</v>
      </c>
      <c r="M8105" s="58">
        <f>Bühler!M8131</f>
        <v>0</v>
      </c>
      <c r="N8105" s="56">
        <f>IF(Input!$D$19=1,J8105*Input!$C$19,0)+IF(Input!$D$20=1,K8105*Input!$C$20,0)+IF(Input!$D$21=1,L8105*Input!$C$21,0)+IF(Input!$D$22=1,M8105*Input!$C$22,0)</f>
        <v>0.4266877810352796</v>
      </c>
      <c r="O8105" s="59">
        <f>IF(Input!$D$19=2,J8105*Input!$C$19,0)+IF(Input!$D$20=2,K8105*Input!$C$20,0)+IF(Input!$D$21=2,L8105*Input!$C$21,0)+IF(Input!$D$22=2,M8105*Input!$C$22,0)</f>
        <v>1.0667194525881989</v>
      </c>
      <c r="P8105" s="59">
        <f>IF(Input!$D$19=3,J8105*Input!$C$19,0)+IF(Input!$D$20=3,K8105*Input!$C$20,0)+IF(Input!$D$21=3,L8105*Input!$C$21,0)+IF(Input!$D$22=3,M8105*Input!$C$22,0)</f>
        <v>0</v>
      </c>
      <c r="Q8105" s="75">
        <f>IF(Input!$D$19=4,J8105*Input!$C$19,0)+IF(Input!$D$20=4,K8105*Input!$C$20,0)+IF(Input!$D$21=4,L8105*Input!$C$21,0)+IF(Input!$D$22=4,M8105*Input!$C$22,0)</f>
        <v>0</v>
      </c>
      <c r="R8105" s="58">
        <v>70.798943327248836</v>
      </c>
      <c r="S8105" s="124">
        <f t="shared" si="126"/>
        <v>1.8489803844862116</v>
      </c>
    </row>
    <row r="8106" spans="8:19" x14ac:dyDescent="0.3">
      <c r="H8106" s="44">
        <v>8099</v>
      </c>
      <c r="I8106" s="56">
        <f>Bühler!I8132</f>
        <v>0.44638106323690785</v>
      </c>
      <c r="J8106" s="59">
        <f>Bühler!J8132</f>
        <v>1.4879368774563595</v>
      </c>
      <c r="K8106" s="59">
        <f>Bühler!K8132</f>
        <v>2.2319053161845392</v>
      </c>
      <c r="L8106" s="59">
        <f>Bühler!L8132</f>
        <v>10.713145517685788</v>
      </c>
      <c r="M8106" s="58">
        <f>Bühler!M8132</f>
        <v>0</v>
      </c>
      <c r="N8106" s="56">
        <f>IF(Input!$D$19=1,J8106*Input!$C$19,0)+IF(Input!$D$20=1,K8106*Input!$C$20,0)+IF(Input!$D$21=1,L8106*Input!$C$21,0)+IF(Input!$D$22=1,M8106*Input!$C$22,0)</f>
        <v>0.44638106323690785</v>
      </c>
      <c r="O8106" s="59">
        <f>IF(Input!$D$19=2,J8106*Input!$C$19,0)+IF(Input!$D$20=2,K8106*Input!$C$20,0)+IF(Input!$D$21=2,L8106*Input!$C$21,0)+IF(Input!$D$22=2,M8106*Input!$C$22,0)</f>
        <v>1.1159526580922696</v>
      </c>
      <c r="P8106" s="59">
        <f>IF(Input!$D$19=3,J8106*Input!$C$19,0)+IF(Input!$D$20=3,K8106*Input!$C$20,0)+IF(Input!$D$21=3,L8106*Input!$C$21,0)+IF(Input!$D$22=3,M8106*Input!$C$22,0)</f>
        <v>0</v>
      </c>
      <c r="Q8106" s="75">
        <f>IF(Input!$D$19=4,J8106*Input!$C$19,0)+IF(Input!$D$20=4,K8106*Input!$C$20,0)+IF(Input!$D$21=4,L8106*Input!$C$21,0)+IF(Input!$D$22=4,M8106*Input!$C$22,0)</f>
        <v>0</v>
      </c>
      <c r="R8106" s="58">
        <v>71.782529736113219</v>
      </c>
      <c r="S8106" s="124">
        <f t="shared" si="126"/>
        <v>1.9343179406932673</v>
      </c>
    </row>
    <row r="8107" spans="8:19" x14ac:dyDescent="0.3">
      <c r="H8107" s="44">
        <v>8100</v>
      </c>
      <c r="I8107" s="56">
        <f>Bühler!I8133</f>
        <v>0.52515419204342106</v>
      </c>
      <c r="J8107" s="59">
        <f>Bühler!J8133</f>
        <v>1.7505139734780704</v>
      </c>
      <c r="K8107" s="59">
        <f>Bühler!K8133</f>
        <v>2.6257709602171051</v>
      </c>
      <c r="L8107" s="59">
        <f>Bühler!L8133</f>
        <v>12.603700609042106</v>
      </c>
      <c r="M8107" s="58">
        <f>Bühler!M8133</f>
        <v>0</v>
      </c>
      <c r="N8107" s="56">
        <f>IF(Input!$D$19=1,J8107*Input!$C$19,0)+IF(Input!$D$20=1,K8107*Input!$C$20,0)+IF(Input!$D$21=1,L8107*Input!$C$21,0)+IF(Input!$D$22=1,M8107*Input!$C$22,0)</f>
        <v>0.52515419204342106</v>
      </c>
      <c r="O8107" s="59">
        <f>IF(Input!$D$19=2,J8107*Input!$C$19,0)+IF(Input!$D$20=2,K8107*Input!$C$20,0)+IF(Input!$D$21=2,L8107*Input!$C$21,0)+IF(Input!$D$22=2,M8107*Input!$C$22,0)</f>
        <v>1.3128854801085525</v>
      </c>
      <c r="P8107" s="59">
        <f>IF(Input!$D$19=3,J8107*Input!$C$19,0)+IF(Input!$D$20=3,K8107*Input!$C$20,0)+IF(Input!$D$21=3,L8107*Input!$C$21,0)+IF(Input!$D$22=3,M8107*Input!$C$22,0)</f>
        <v>0</v>
      </c>
      <c r="Q8107" s="75">
        <f>IF(Input!$D$19=4,J8107*Input!$C$19,0)+IF(Input!$D$20=4,K8107*Input!$C$20,0)+IF(Input!$D$21=4,L8107*Input!$C$21,0)+IF(Input!$D$22=4,M8107*Input!$C$22,0)</f>
        <v>0</v>
      </c>
      <c r="R8107" s="58">
        <v>72.268002765449836</v>
      </c>
      <c r="S8107" s="124">
        <f t="shared" si="126"/>
        <v>2.2756681655214912</v>
      </c>
    </row>
    <row r="8108" spans="8:19" x14ac:dyDescent="0.3">
      <c r="H8108" s="44">
        <v>8101</v>
      </c>
      <c r="I8108" s="56">
        <f>Bühler!I8134</f>
        <v>0.52515419204342106</v>
      </c>
      <c r="J8108" s="59">
        <f>Bühler!J8134</f>
        <v>1.7505139734780704</v>
      </c>
      <c r="K8108" s="59">
        <f>Bühler!K8134</f>
        <v>2.6257709602171051</v>
      </c>
      <c r="L8108" s="59">
        <f>Bühler!L8134</f>
        <v>12.603700609042106</v>
      </c>
      <c r="M8108" s="58">
        <f>Bühler!M8134</f>
        <v>0</v>
      </c>
      <c r="N8108" s="56">
        <f>IF(Input!$D$19=1,J8108*Input!$C$19,0)+IF(Input!$D$20=1,K8108*Input!$C$20,0)+IF(Input!$D$21=1,L8108*Input!$C$21,0)+IF(Input!$D$22=1,M8108*Input!$C$22,0)</f>
        <v>0.52515419204342106</v>
      </c>
      <c r="O8108" s="59">
        <f>IF(Input!$D$19=2,J8108*Input!$C$19,0)+IF(Input!$D$20=2,K8108*Input!$C$20,0)+IF(Input!$D$21=2,L8108*Input!$C$21,0)+IF(Input!$D$22=2,M8108*Input!$C$22,0)</f>
        <v>1.3128854801085525</v>
      </c>
      <c r="P8108" s="59">
        <f>IF(Input!$D$19=3,J8108*Input!$C$19,0)+IF(Input!$D$20=3,K8108*Input!$C$20,0)+IF(Input!$D$21=3,L8108*Input!$C$21,0)+IF(Input!$D$22=3,M8108*Input!$C$22,0)</f>
        <v>0</v>
      </c>
      <c r="Q8108" s="75">
        <f>IF(Input!$D$19=4,J8108*Input!$C$19,0)+IF(Input!$D$20=4,K8108*Input!$C$20,0)+IF(Input!$D$21=4,L8108*Input!$C$21,0)+IF(Input!$D$22=4,M8108*Input!$C$22,0)</f>
        <v>0</v>
      </c>
      <c r="R8108" s="58">
        <v>71.223225877120555</v>
      </c>
      <c r="S8108" s="124">
        <f t="shared" si="126"/>
        <v>2.2756681655214912</v>
      </c>
    </row>
    <row r="8109" spans="8:19" x14ac:dyDescent="0.3">
      <c r="H8109" s="44">
        <v>8102</v>
      </c>
      <c r="I8109" s="56">
        <f>Bühler!I8135</f>
        <v>0.52515419204342106</v>
      </c>
      <c r="J8109" s="59">
        <f>Bühler!J8135</f>
        <v>1.7505139734780704</v>
      </c>
      <c r="K8109" s="59">
        <f>Bühler!K8135</f>
        <v>2.6257709602171051</v>
      </c>
      <c r="L8109" s="59">
        <f>Bühler!L8135</f>
        <v>12.603700609042106</v>
      </c>
      <c r="M8109" s="58">
        <f>Bühler!M8135</f>
        <v>0</v>
      </c>
      <c r="N8109" s="56">
        <f>IF(Input!$D$19=1,J8109*Input!$C$19,0)+IF(Input!$D$20=1,K8109*Input!$C$20,0)+IF(Input!$D$21=1,L8109*Input!$C$21,0)+IF(Input!$D$22=1,M8109*Input!$C$22,0)</f>
        <v>0.52515419204342106</v>
      </c>
      <c r="O8109" s="59">
        <f>IF(Input!$D$19=2,J8109*Input!$C$19,0)+IF(Input!$D$20=2,K8109*Input!$C$20,0)+IF(Input!$D$21=2,L8109*Input!$C$21,0)+IF(Input!$D$22=2,M8109*Input!$C$22,0)</f>
        <v>1.3128854801085525</v>
      </c>
      <c r="P8109" s="59">
        <f>IF(Input!$D$19=3,J8109*Input!$C$19,0)+IF(Input!$D$20=3,K8109*Input!$C$20,0)+IF(Input!$D$21=3,L8109*Input!$C$21,0)+IF(Input!$D$22=3,M8109*Input!$C$22,0)</f>
        <v>0</v>
      </c>
      <c r="Q8109" s="75">
        <f>IF(Input!$D$19=4,J8109*Input!$C$19,0)+IF(Input!$D$20=4,K8109*Input!$C$20,0)+IF(Input!$D$21=4,L8109*Input!$C$21,0)+IF(Input!$D$22=4,M8109*Input!$C$22,0)</f>
        <v>0</v>
      </c>
      <c r="R8109" s="58">
        <v>70.581796380354348</v>
      </c>
      <c r="S8109" s="124">
        <f t="shared" si="126"/>
        <v>2.2756681655214912</v>
      </c>
    </row>
    <row r="8110" spans="8:19" x14ac:dyDescent="0.3">
      <c r="H8110" s="44">
        <v>8103</v>
      </c>
      <c r="I8110" s="56">
        <f>Bühler!I8136</f>
        <v>0.52515419204342106</v>
      </c>
      <c r="J8110" s="59">
        <f>Bühler!J8136</f>
        <v>1.7505139734780704</v>
      </c>
      <c r="K8110" s="59">
        <f>Bühler!K8136</f>
        <v>2.6257709602171051</v>
      </c>
      <c r="L8110" s="59">
        <f>Bühler!L8136</f>
        <v>12.603700609042106</v>
      </c>
      <c r="M8110" s="58">
        <f>Bühler!M8136</f>
        <v>0</v>
      </c>
      <c r="N8110" s="56">
        <f>IF(Input!$D$19=1,J8110*Input!$C$19,0)+IF(Input!$D$20=1,K8110*Input!$C$20,0)+IF(Input!$D$21=1,L8110*Input!$C$21,0)+IF(Input!$D$22=1,M8110*Input!$C$22,0)</f>
        <v>0.52515419204342106</v>
      </c>
      <c r="O8110" s="59">
        <f>IF(Input!$D$19=2,J8110*Input!$C$19,0)+IF(Input!$D$20=2,K8110*Input!$C$20,0)+IF(Input!$D$21=2,L8110*Input!$C$21,0)+IF(Input!$D$22=2,M8110*Input!$C$22,0)</f>
        <v>1.3128854801085525</v>
      </c>
      <c r="P8110" s="59">
        <f>IF(Input!$D$19=3,J8110*Input!$C$19,0)+IF(Input!$D$20=3,K8110*Input!$C$20,0)+IF(Input!$D$21=3,L8110*Input!$C$21,0)+IF(Input!$D$22=3,M8110*Input!$C$22,0)</f>
        <v>0</v>
      </c>
      <c r="Q8110" s="75">
        <f>IF(Input!$D$19=4,J8110*Input!$C$19,0)+IF(Input!$D$20=4,K8110*Input!$C$20,0)+IF(Input!$D$21=4,L8110*Input!$C$21,0)+IF(Input!$D$22=4,M8110*Input!$C$22,0)</f>
        <v>0</v>
      </c>
      <c r="R8110" s="58">
        <v>70.895553967971651</v>
      </c>
      <c r="S8110" s="124">
        <f t="shared" si="126"/>
        <v>2.2756681655214912</v>
      </c>
    </row>
    <row r="8111" spans="8:19" x14ac:dyDescent="0.3">
      <c r="H8111" s="44">
        <v>8104</v>
      </c>
      <c r="I8111" s="56">
        <f>Bühler!I8137</f>
        <v>0.52515419204342106</v>
      </c>
      <c r="J8111" s="59">
        <f>Bühler!J8137</f>
        <v>1.7505139734780704</v>
      </c>
      <c r="K8111" s="59">
        <f>Bühler!K8137</f>
        <v>2.6257709602171051</v>
      </c>
      <c r="L8111" s="59">
        <f>Bühler!L8137</f>
        <v>12.603700609042106</v>
      </c>
      <c r="M8111" s="58">
        <f>Bühler!M8137</f>
        <v>0</v>
      </c>
      <c r="N8111" s="56">
        <f>IF(Input!$D$19=1,J8111*Input!$C$19,0)+IF(Input!$D$20=1,K8111*Input!$C$20,0)+IF(Input!$D$21=1,L8111*Input!$C$21,0)+IF(Input!$D$22=1,M8111*Input!$C$22,0)</f>
        <v>0.52515419204342106</v>
      </c>
      <c r="O8111" s="59">
        <f>IF(Input!$D$19=2,J8111*Input!$C$19,0)+IF(Input!$D$20=2,K8111*Input!$C$20,0)+IF(Input!$D$21=2,L8111*Input!$C$21,0)+IF(Input!$D$22=2,M8111*Input!$C$22,0)</f>
        <v>1.3128854801085525</v>
      </c>
      <c r="P8111" s="59">
        <f>IF(Input!$D$19=3,J8111*Input!$C$19,0)+IF(Input!$D$20=3,K8111*Input!$C$20,0)+IF(Input!$D$21=3,L8111*Input!$C$21,0)+IF(Input!$D$22=3,M8111*Input!$C$22,0)</f>
        <v>0</v>
      </c>
      <c r="Q8111" s="75">
        <f>IF(Input!$D$19=4,J8111*Input!$C$19,0)+IF(Input!$D$20=4,K8111*Input!$C$20,0)+IF(Input!$D$21=4,L8111*Input!$C$21,0)+IF(Input!$D$22=4,M8111*Input!$C$22,0)</f>
        <v>0</v>
      </c>
      <c r="R8111" s="58">
        <v>69.773546149085888</v>
      </c>
      <c r="S8111" s="124">
        <f t="shared" si="126"/>
        <v>2.2756681655214912</v>
      </c>
    </row>
    <row r="8112" spans="8:19" x14ac:dyDescent="0.3">
      <c r="H8112" s="44">
        <v>8105</v>
      </c>
      <c r="I8112" s="56">
        <f>Bühler!I8138</f>
        <v>0.52515419204342106</v>
      </c>
      <c r="J8112" s="59">
        <f>Bühler!J8138</f>
        <v>1.7505139734780704</v>
      </c>
      <c r="K8112" s="59">
        <f>Bühler!K8138</f>
        <v>2.6257709602171051</v>
      </c>
      <c r="L8112" s="59">
        <f>Bühler!L8138</f>
        <v>12.603700609042106</v>
      </c>
      <c r="M8112" s="58">
        <f>Bühler!M8138</f>
        <v>0</v>
      </c>
      <c r="N8112" s="56">
        <f>IF(Input!$D$19=1,J8112*Input!$C$19,0)+IF(Input!$D$20=1,K8112*Input!$C$20,0)+IF(Input!$D$21=1,L8112*Input!$C$21,0)+IF(Input!$D$22=1,M8112*Input!$C$22,0)</f>
        <v>0.52515419204342106</v>
      </c>
      <c r="O8112" s="59">
        <f>IF(Input!$D$19=2,J8112*Input!$C$19,0)+IF(Input!$D$20=2,K8112*Input!$C$20,0)+IF(Input!$D$21=2,L8112*Input!$C$21,0)+IF(Input!$D$22=2,M8112*Input!$C$22,0)</f>
        <v>1.3128854801085525</v>
      </c>
      <c r="P8112" s="59">
        <f>IF(Input!$D$19=3,J8112*Input!$C$19,0)+IF(Input!$D$20=3,K8112*Input!$C$20,0)+IF(Input!$D$21=3,L8112*Input!$C$21,0)+IF(Input!$D$22=3,M8112*Input!$C$22,0)</f>
        <v>0</v>
      </c>
      <c r="Q8112" s="75">
        <f>IF(Input!$D$19=4,J8112*Input!$C$19,0)+IF(Input!$D$20=4,K8112*Input!$C$20,0)+IF(Input!$D$21=4,L8112*Input!$C$21,0)+IF(Input!$D$22=4,M8112*Input!$C$22,0)</f>
        <v>0</v>
      </c>
      <c r="R8112" s="58">
        <v>68.40103405806444</v>
      </c>
      <c r="S8112" s="124">
        <f t="shared" si="126"/>
        <v>2.2756681655214912</v>
      </c>
    </row>
    <row r="8113" spans="8:19" x14ac:dyDescent="0.3">
      <c r="H8113" s="44">
        <v>8106</v>
      </c>
      <c r="I8113" s="56">
        <f>Bühler!I8139</f>
        <v>0.52515419204342106</v>
      </c>
      <c r="J8113" s="59">
        <f>Bühler!J8139</f>
        <v>1.7505139734780704</v>
      </c>
      <c r="K8113" s="59">
        <f>Bühler!K8139</f>
        <v>2.6257709602171051</v>
      </c>
      <c r="L8113" s="59">
        <f>Bühler!L8139</f>
        <v>12.603700609042106</v>
      </c>
      <c r="M8113" s="58">
        <f>Bühler!M8139</f>
        <v>0</v>
      </c>
      <c r="N8113" s="56">
        <f>IF(Input!$D$19=1,J8113*Input!$C$19,0)+IF(Input!$D$20=1,K8113*Input!$C$20,0)+IF(Input!$D$21=1,L8113*Input!$C$21,0)+IF(Input!$D$22=1,M8113*Input!$C$22,0)</f>
        <v>0.52515419204342106</v>
      </c>
      <c r="O8113" s="59">
        <f>IF(Input!$D$19=2,J8113*Input!$C$19,0)+IF(Input!$D$20=2,K8113*Input!$C$20,0)+IF(Input!$D$21=2,L8113*Input!$C$21,0)+IF(Input!$D$22=2,M8113*Input!$C$22,0)</f>
        <v>1.3128854801085525</v>
      </c>
      <c r="P8113" s="59">
        <f>IF(Input!$D$19=3,J8113*Input!$C$19,0)+IF(Input!$D$20=3,K8113*Input!$C$20,0)+IF(Input!$D$21=3,L8113*Input!$C$21,0)+IF(Input!$D$22=3,M8113*Input!$C$22,0)</f>
        <v>0</v>
      </c>
      <c r="Q8113" s="75">
        <f>IF(Input!$D$19=4,J8113*Input!$C$19,0)+IF(Input!$D$20=4,K8113*Input!$C$20,0)+IF(Input!$D$21=4,L8113*Input!$C$21,0)+IF(Input!$D$22=4,M8113*Input!$C$22,0)</f>
        <v>0</v>
      </c>
      <c r="R8113" s="58">
        <v>68.017624603359636</v>
      </c>
      <c r="S8113" s="124">
        <f t="shared" si="126"/>
        <v>2.2756681655214912</v>
      </c>
    </row>
    <row r="8114" spans="8:19" x14ac:dyDescent="0.3">
      <c r="H8114" s="44">
        <v>8107</v>
      </c>
      <c r="I8114" s="56">
        <f>Bühler!I8140</f>
        <v>0.52515419204342106</v>
      </c>
      <c r="J8114" s="59">
        <f>Bühler!J8140</f>
        <v>1.7505139734780704</v>
      </c>
      <c r="K8114" s="59">
        <f>Bühler!K8140</f>
        <v>2.6257709602171051</v>
      </c>
      <c r="L8114" s="59">
        <f>Bühler!L8140</f>
        <v>12.603700609042106</v>
      </c>
      <c r="M8114" s="58">
        <f>Bühler!M8140</f>
        <v>0</v>
      </c>
      <c r="N8114" s="56">
        <f>IF(Input!$D$19=1,J8114*Input!$C$19,0)+IF(Input!$D$20=1,K8114*Input!$C$20,0)+IF(Input!$D$21=1,L8114*Input!$C$21,0)+IF(Input!$D$22=1,M8114*Input!$C$22,0)</f>
        <v>0.52515419204342106</v>
      </c>
      <c r="O8114" s="59">
        <f>IF(Input!$D$19=2,J8114*Input!$C$19,0)+IF(Input!$D$20=2,K8114*Input!$C$20,0)+IF(Input!$D$21=2,L8114*Input!$C$21,0)+IF(Input!$D$22=2,M8114*Input!$C$22,0)</f>
        <v>1.3128854801085525</v>
      </c>
      <c r="P8114" s="59">
        <f>IF(Input!$D$19=3,J8114*Input!$C$19,0)+IF(Input!$D$20=3,K8114*Input!$C$20,0)+IF(Input!$D$21=3,L8114*Input!$C$21,0)+IF(Input!$D$22=3,M8114*Input!$C$22,0)</f>
        <v>0</v>
      </c>
      <c r="Q8114" s="75">
        <f>IF(Input!$D$19=4,J8114*Input!$C$19,0)+IF(Input!$D$20=4,K8114*Input!$C$20,0)+IF(Input!$D$21=4,L8114*Input!$C$21,0)+IF(Input!$D$22=4,M8114*Input!$C$22,0)</f>
        <v>0</v>
      </c>
      <c r="R8114" s="58">
        <v>66.751359913746384</v>
      </c>
      <c r="S8114" s="124">
        <f t="shared" si="126"/>
        <v>2.2756681655214912</v>
      </c>
    </row>
    <row r="8115" spans="8:19" x14ac:dyDescent="0.3">
      <c r="H8115" s="44">
        <v>8108</v>
      </c>
      <c r="I8115" s="56">
        <f>Bühler!I8141</f>
        <v>0.43981663583636521</v>
      </c>
      <c r="J8115" s="59">
        <f>Bühler!J8141</f>
        <v>1.4660554527878842</v>
      </c>
      <c r="K8115" s="59">
        <f>Bühler!K8141</f>
        <v>2.1990831791818262</v>
      </c>
      <c r="L8115" s="59">
        <f>Bühler!L8141</f>
        <v>10.555599260072764</v>
      </c>
      <c r="M8115" s="58">
        <f>Bühler!M8141</f>
        <v>0</v>
      </c>
      <c r="N8115" s="56">
        <f>IF(Input!$D$19=1,J8115*Input!$C$19,0)+IF(Input!$D$20=1,K8115*Input!$C$20,0)+IF(Input!$D$21=1,L8115*Input!$C$21,0)+IF(Input!$D$22=1,M8115*Input!$C$22,0)</f>
        <v>0.43981663583636527</v>
      </c>
      <c r="O8115" s="59">
        <f>IF(Input!$D$19=2,J8115*Input!$C$19,0)+IF(Input!$D$20=2,K8115*Input!$C$20,0)+IF(Input!$D$21=2,L8115*Input!$C$21,0)+IF(Input!$D$22=2,M8115*Input!$C$22,0)</f>
        <v>1.0995415895909131</v>
      </c>
      <c r="P8115" s="59">
        <f>IF(Input!$D$19=3,J8115*Input!$C$19,0)+IF(Input!$D$20=3,K8115*Input!$C$20,0)+IF(Input!$D$21=3,L8115*Input!$C$21,0)+IF(Input!$D$22=3,M8115*Input!$C$22,0)</f>
        <v>0</v>
      </c>
      <c r="Q8115" s="75">
        <f>IF(Input!$D$19=4,J8115*Input!$C$19,0)+IF(Input!$D$20=4,K8115*Input!$C$20,0)+IF(Input!$D$21=4,L8115*Input!$C$21,0)+IF(Input!$D$22=4,M8115*Input!$C$22,0)</f>
        <v>0</v>
      </c>
      <c r="R8115" s="58">
        <v>65.586778978664142</v>
      </c>
      <c r="S8115" s="124">
        <f t="shared" si="126"/>
        <v>1.9058720886242493</v>
      </c>
    </row>
    <row r="8116" spans="8:19" x14ac:dyDescent="0.3">
      <c r="H8116" s="44">
        <v>8109</v>
      </c>
      <c r="I8116" s="56">
        <f>Bühler!I8142</f>
        <v>0.36104350702985194</v>
      </c>
      <c r="J8116" s="59">
        <f>Bühler!J8142</f>
        <v>1.2034783567661733</v>
      </c>
      <c r="K8116" s="59">
        <f>Bühler!K8142</f>
        <v>1.8052175351492596</v>
      </c>
      <c r="L8116" s="59">
        <f>Bühler!L8142</f>
        <v>8.665044168716447</v>
      </c>
      <c r="M8116" s="58">
        <f>Bühler!M8142</f>
        <v>0</v>
      </c>
      <c r="N8116" s="56">
        <f>IF(Input!$D$19=1,J8116*Input!$C$19,0)+IF(Input!$D$20=1,K8116*Input!$C$20,0)+IF(Input!$D$21=1,L8116*Input!$C$21,0)+IF(Input!$D$22=1,M8116*Input!$C$22,0)</f>
        <v>0.361043507029852</v>
      </c>
      <c r="O8116" s="59">
        <f>IF(Input!$D$19=2,J8116*Input!$C$19,0)+IF(Input!$D$20=2,K8116*Input!$C$20,0)+IF(Input!$D$21=2,L8116*Input!$C$21,0)+IF(Input!$D$22=2,M8116*Input!$C$22,0)</f>
        <v>0.90260876757462982</v>
      </c>
      <c r="P8116" s="59">
        <f>IF(Input!$D$19=3,J8116*Input!$C$19,0)+IF(Input!$D$20=3,K8116*Input!$C$20,0)+IF(Input!$D$21=3,L8116*Input!$C$21,0)+IF(Input!$D$22=3,M8116*Input!$C$22,0)</f>
        <v>0</v>
      </c>
      <c r="Q8116" s="75">
        <f>IF(Input!$D$19=4,J8116*Input!$C$19,0)+IF(Input!$D$20=4,K8116*Input!$C$20,0)+IF(Input!$D$21=4,L8116*Input!$C$21,0)+IF(Input!$D$22=4,M8116*Input!$C$22,0)</f>
        <v>0</v>
      </c>
      <c r="R8116" s="58">
        <v>64.132308221649069</v>
      </c>
      <c r="S8116" s="124">
        <f t="shared" si="126"/>
        <v>1.5645218637960252</v>
      </c>
    </row>
    <row r="8117" spans="8:19" x14ac:dyDescent="0.3">
      <c r="H8117" s="44">
        <v>8110</v>
      </c>
      <c r="I8117" s="56">
        <f>Bühler!I8143</f>
        <v>0.26257709602171053</v>
      </c>
      <c r="J8117" s="59">
        <f>Bühler!J8143</f>
        <v>0.87525698673903518</v>
      </c>
      <c r="K8117" s="59">
        <f>Bühler!K8143</f>
        <v>1.3128854801085525</v>
      </c>
      <c r="L8117" s="59">
        <f>Bühler!L8143</f>
        <v>6.3018503045210528</v>
      </c>
      <c r="M8117" s="58">
        <f>Bühler!M8143</f>
        <v>0</v>
      </c>
      <c r="N8117" s="56">
        <f>IF(Input!$D$19=1,J8117*Input!$C$19,0)+IF(Input!$D$20=1,K8117*Input!$C$20,0)+IF(Input!$D$21=1,L8117*Input!$C$21,0)+IF(Input!$D$22=1,M8117*Input!$C$22,0)</f>
        <v>0.26257709602171053</v>
      </c>
      <c r="O8117" s="59">
        <f>IF(Input!$D$19=2,J8117*Input!$C$19,0)+IF(Input!$D$20=2,K8117*Input!$C$20,0)+IF(Input!$D$21=2,L8117*Input!$C$21,0)+IF(Input!$D$22=2,M8117*Input!$C$22,0)</f>
        <v>0.65644274005427627</v>
      </c>
      <c r="P8117" s="59">
        <f>IF(Input!$D$19=3,J8117*Input!$C$19,0)+IF(Input!$D$20=3,K8117*Input!$C$20,0)+IF(Input!$D$21=3,L8117*Input!$C$21,0)+IF(Input!$D$22=3,M8117*Input!$C$22,0)</f>
        <v>0</v>
      </c>
      <c r="Q8117" s="75">
        <f>IF(Input!$D$19=4,J8117*Input!$C$19,0)+IF(Input!$D$20=4,K8117*Input!$C$20,0)+IF(Input!$D$21=4,L8117*Input!$C$21,0)+IF(Input!$D$22=4,M8117*Input!$C$22,0)</f>
        <v>0</v>
      </c>
      <c r="R8117" s="58">
        <v>61.906569531051503</v>
      </c>
      <c r="S8117" s="124">
        <f t="shared" si="126"/>
        <v>1.1378340827607456</v>
      </c>
    </row>
    <row r="8118" spans="8:19" x14ac:dyDescent="0.3">
      <c r="H8118" s="44">
        <v>8111</v>
      </c>
      <c r="I8118" s="56">
        <f>Bühler!I8144</f>
        <v>0.26257709602171053</v>
      </c>
      <c r="J8118" s="59">
        <f>Bühler!J8144</f>
        <v>0.87525698673903518</v>
      </c>
      <c r="K8118" s="59">
        <f>Bühler!K8144</f>
        <v>1.3128854801085525</v>
      </c>
      <c r="L8118" s="59">
        <f>Bühler!L8144</f>
        <v>6.3018503045210528</v>
      </c>
      <c r="M8118" s="58">
        <f>Bühler!M8144</f>
        <v>0</v>
      </c>
      <c r="N8118" s="56">
        <f>IF(Input!$D$19=1,J8118*Input!$C$19,0)+IF(Input!$D$20=1,K8118*Input!$C$20,0)+IF(Input!$D$21=1,L8118*Input!$C$21,0)+IF(Input!$D$22=1,M8118*Input!$C$22,0)</f>
        <v>0.26257709602171053</v>
      </c>
      <c r="O8118" s="59">
        <f>IF(Input!$D$19=2,J8118*Input!$C$19,0)+IF(Input!$D$20=2,K8118*Input!$C$20,0)+IF(Input!$D$21=2,L8118*Input!$C$21,0)+IF(Input!$D$22=2,M8118*Input!$C$22,0)</f>
        <v>0.65644274005427627</v>
      </c>
      <c r="P8118" s="59">
        <f>IF(Input!$D$19=3,J8118*Input!$C$19,0)+IF(Input!$D$20=3,K8118*Input!$C$20,0)+IF(Input!$D$21=3,L8118*Input!$C$21,0)+IF(Input!$D$22=3,M8118*Input!$C$22,0)</f>
        <v>0</v>
      </c>
      <c r="Q8118" s="75">
        <f>IF(Input!$D$19=4,J8118*Input!$C$19,0)+IF(Input!$D$20=4,K8118*Input!$C$20,0)+IF(Input!$D$21=4,L8118*Input!$C$21,0)+IF(Input!$D$22=4,M8118*Input!$C$22,0)</f>
        <v>0</v>
      </c>
      <c r="R8118" s="58">
        <v>61.30695043092279</v>
      </c>
      <c r="S8118" s="124">
        <f t="shared" si="126"/>
        <v>1.1378340827607456</v>
      </c>
    </row>
    <row r="8119" spans="8:19" x14ac:dyDescent="0.3">
      <c r="H8119" s="44">
        <v>8112</v>
      </c>
      <c r="I8119" s="56">
        <f>Bühler!I8145</f>
        <v>0.26257709602171053</v>
      </c>
      <c r="J8119" s="59">
        <f>Bühler!J8145</f>
        <v>0.87525698673903518</v>
      </c>
      <c r="K8119" s="59">
        <f>Bühler!K8145</f>
        <v>1.3128854801085525</v>
      </c>
      <c r="L8119" s="59">
        <f>Bühler!L8145</f>
        <v>6.3018503045210528</v>
      </c>
      <c r="M8119" s="58">
        <f>Bühler!M8145</f>
        <v>0</v>
      </c>
      <c r="N8119" s="56">
        <f>IF(Input!$D$19=1,J8119*Input!$C$19,0)+IF(Input!$D$20=1,K8119*Input!$C$20,0)+IF(Input!$D$21=1,L8119*Input!$C$21,0)+IF(Input!$D$22=1,M8119*Input!$C$22,0)</f>
        <v>0.26257709602171053</v>
      </c>
      <c r="O8119" s="59">
        <f>IF(Input!$D$19=2,J8119*Input!$C$19,0)+IF(Input!$D$20=2,K8119*Input!$C$20,0)+IF(Input!$D$21=2,L8119*Input!$C$21,0)+IF(Input!$D$22=2,M8119*Input!$C$22,0)</f>
        <v>0.65644274005427627</v>
      </c>
      <c r="P8119" s="59">
        <f>IF(Input!$D$19=3,J8119*Input!$C$19,0)+IF(Input!$D$20=3,K8119*Input!$C$20,0)+IF(Input!$D$21=3,L8119*Input!$C$21,0)+IF(Input!$D$22=3,M8119*Input!$C$22,0)</f>
        <v>0</v>
      </c>
      <c r="Q8119" s="75">
        <f>IF(Input!$D$19=4,J8119*Input!$C$19,0)+IF(Input!$D$20=4,K8119*Input!$C$20,0)+IF(Input!$D$21=4,L8119*Input!$C$21,0)+IF(Input!$D$22=4,M8119*Input!$C$22,0)</f>
        <v>0</v>
      </c>
      <c r="R8119" s="58">
        <v>59.933020031038424</v>
      </c>
      <c r="S8119" s="124">
        <f t="shared" si="126"/>
        <v>1.1378340827607456</v>
      </c>
    </row>
    <row r="8120" spans="8:19" x14ac:dyDescent="0.3">
      <c r="H8120" s="44">
        <v>8113</v>
      </c>
      <c r="I8120" s="56">
        <f>Bühler!I8146</f>
        <v>0.22505165234744423</v>
      </c>
      <c r="J8120" s="59">
        <f>Bühler!J8146</f>
        <v>0.75017217449148088</v>
      </c>
      <c r="K8120" s="59">
        <f>Bühler!K8146</f>
        <v>1.1252582617372211</v>
      </c>
      <c r="L8120" s="59">
        <f>Bühler!L8146</f>
        <v>5.4012396563386611</v>
      </c>
      <c r="M8120" s="58">
        <f>Bühler!M8146</f>
        <v>0</v>
      </c>
      <c r="N8120" s="56">
        <f>IF(Input!$D$19=1,J8120*Input!$C$19,0)+IF(Input!$D$20=1,K8120*Input!$C$20,0)+IF(Input!$D$21=1,L8120*Input!$C$21,0)+IF(Input!$D$22=1,M8120*Input!$C$22,0)</f>
        <v>0.22505165234744426</v>
      </c>
      <c r="O8120" s="59">
        <f>IF(Input!$D$19=2,J8120*Input!$C$19,0)+IF(Input!$D$20=2,K8120*Input!$C$20,0)+IF(Input!$D$21=2,L8120*Input!$C$21,0)+IF(Input!$D$22=2,M8120*Input!$C$22,0)</f>
        <v>0.56262913086861055</v>
      </c>
      <c r="P8120" s="59">
        <f>IF(Input!$D$19=3,J8120*Input!$C$19,0)+IF(Input!$D$20=3,K8120*Input!$C$20,0)+IF(Input!$D$21=3,L8120*Input!$C$21,0)+IF(Input!$D$22=3,M8120*Input!$C$22,0)</f>
        <v>0</v>
      </c>
      <c r="Q8120" s="75">
        <f>IF(Input!$D$19=4,J8120*Input!$C$19,0)+IF(Input!$D$20=4,K8120*Input!$C$20,0)+IF(Input!$D$21=4,L8120*Input!$C$21,0)+IF(Input!$D$22=4,M8120*Input!$C$22,0)</f>
        <v>0</v>
      </c>
      <c r="R8120" s="58">
        <v>59.245237300937085</v>
      </c>
      <c r="S8120" s="124">
        <f t="shared" si="126"/>
        <v>0.97522382683892506</v>
      </c>
    </row>
    <row r="8121" spans="8:19" x14ac:dyDescent="0.3">
      <c r="H8121" s="44">
        <v>8114</v>
      </c>
      <c r="I8121" s="56">
        <f>Bühler!I8147</f>
        <v>0.2531831088908747</v>
      </c>
      <c r="J8121" s="59">
        <f>Bühler!J8147</f>
        <v>0.84394369630291577</v>
      </c>
      <c r="K8121" s="59">
        <f>Bühler!K8147</f>
        <v>1.2659155444543735</v>
      </c>
      <c r="L8121" s="59">
        <f>Bühler!L8147</f>
        <v>6.0763946133809927</v>
      </c>
      <c r="M8121" s="58">
        <f>Bühler!M8147</f>
        <v>0</v>
      </c>
      <c r="N8121" s="56">
        <f>IF(Input!$D$19=1,J8121*Input!$C$19,0)+IF(Input!$D$20=1,K8121*Input!$C$20,0)+IF(Input!$D$21=1,L8121*Input!$C$21,0)+IF(Input!$D$22=1,M8121*Input!$C$22,0)</f>
        <v>0.2531831088908747</v>
      </c>
      <c r="O8121" s="59">
        <f>IF(Input!$D$19=2,J8121*Input!$C$19,0)+IF(Input!$D$20=2,K8121*Input!$C$20,0)+IF(Input!$D$21=2,L8121*Input!$C$21,0)+IF(Input!$D$22=2,M8121*Input!$C$22,0)</f>
        <v>0.63295777222718674</v>
      </c>
      <c r="P8121" s="59">
        <f>IF(Input!$D$19=3,J8121*Input!$C$19,0)+IF(Input!$D$20=3,K8121*Input!$C$20,0)+IF(Input!$D$21=3,L8121*Input!$C$21,0)+IF(Input!$D$22=3,M8121*Input!$C$22,0)</f>
        <v>0</v>
      </c>
      <c r="Q8121" s="75">
        <f>IF(Input!$D$19=4,J8121*Input!$C$19,0)+IF(Input!$D$20=4,K8121*Input!$C$20,0)+IF(Input!$D$21=4,L8121*Input!$C$21,0)+IF(Input!$D$22=4,M8121*Input!$C$22,0)</f>
        <v>0</v>
      </c>
      <c r="R8121" s="58">
        <v>59.285949308446469</v>
      </c>
      <c r="S8121" s="124">
        <f t="shared" si="126"/>
        <v>1.0971268051937906</v>
      </c>
    </row>
    <row r="8122" spans="8:19" x14ac:dyDescent="0.3">
      <c r="H8122" s="44">
        <v>8115</v>
      </c>
      <c r="I8122" s="56">
        <f>Bühler!I8148</f>
        <v>0.2531831088908747</v>
      </c>
      <c r="J8122" s="59">
        <f>Bühler!J8148</f>
        <v>0.84394369630291577</v>
      </c>
      <c r="K8122" s="59">
        <f>Bühler!K8148</f>
        <v>1.2659155444543735</v>
      </c>
      <c r="L8122" s="59">
        <f>Bühler!L8148</f>
        <v>6.0763946133809927</v>
      </c>
      <c r="M8122" s="58">
        <f>Bühler!M8148</f>
        <v>0</v>
      </c>
      <c r="N8122" s="56">
        <f>IF(Input!$D$19=1,J8122*Input!$C$19,0)+IF(Input!$D$20=1,K8122*Input!$C$20,0)+IF(Input!$D$21=1,L8122*Input!$C$21,0)+IF(Input!$D$22=1,M8122*Input!$C$22,0)</f>
        <v>0.2531831088908747</v>
      </c>
      <c r="O8122" s="59">
        <f>IF(Input!$D$19=2,J8122*Input!$C$19,0)+IF(Input!$D$20=2,K8122*Input!$C$20,0)+IF(Input!$D$21=2,L8122*Input!$C$21,0)+IF(Input!$D$22=2,M8122*Input!$C$22,0)</f>
        <v>0.63295777222718674</v>
      </c>
      <c r="P8122" s="59">
        <f>IF(Input!$D$19=3,J8122*Input!$C$19,0)+IF(Input!$D$20=3,K8122*Input!$C$20,0)+IF(Input!$D$21=3,L8122*Input!$C$21,0)+IF(Input!$D$22=3,M8122*Input!$C$22,0)</f>
        <v>0</v>
      </c>
      <c r="Q8122" s="75">
        <f>IF(Input!$D$19=4,J8122*Input!$C$19,0)+IF(Input!$D$20=4,K8122*Input!$C$20,0)+IF(Input!$D$21=4,L8122*Input!$C$21,0)+IF(Input!$D$22=4,M8122*Input!$C$22,0)</f>
        <v>0</v>
      </c>
      <c r="R8122" s="58">
        <v>59.524468976604858</v>
      </c>
      <c r="S8122" s="124">
        <f t="shared" si="126"/>
        <v>1.0971268051937906</v>
      </c>
    </row>
    <row r="8123" spans="8:19" x14ac:dyDescent="0.3">
      <c r="H8123" s="44">
        <v>8116</v>
      </c>
      <c r="I8123" s="56">
        <f>Bühler!I8149</f>
        <v>0.2531831088908747</v>
      </c>
      <c r="J8123" s="59">
        <f>Bühler!J8149</f>
        <v>0.84394369630291577</v>
      </c>
      <c r="K8123" s="59">
        <f>Bühler!K8149</f>
        <v>1.2659155444543735</v>
      </c>
      <c r="L8123" s="59">
        <f>Bühler!L8149</f>
        <v>6.0763946133809927</v>
      </c>
      <c r="M8123" s="58">
        <f>Bühler!M8149</f>
        <v>0</v>
      </c>
      <c r="N8123" s="56">
        <f>IF(Input!$D$19=1,J8123*Input!$C$19,0)+IF(Input!$D$20=1,K8123*Input!$C$20,0)+IF(Input!$D$21=1,L8123*Input!$C$21,0)+IF(Input!$D$22=1,M8123*Input!$C$22,0)</f>
        <v>0.2531831088908747</v>
      </c>
      <c r="O8123" s="59">
        <f>IF(Input!$D$19=2,J8123*Input!$C$19,0)+IF(Input!$D$20=2,K8123*Input!$C$20,0)+IF(Input!$D$21=2,L8123*Input!$C$21,0)+IF(Input!$D$22=2,M8123*Input!$C$22,0)</f>
        <v>0.63295777222718674</v>
      </c>
      <c r="P8123" s="59">
        <f>IF(Input!$D$19=3,J8123*Input!$C$19,0)+IF(Input!$D$20=3,K8123*Input!$C$20,0)+IF(Input!$D$21=3,L8123*Input!$C$21,0)+IF(Input!$D$22=3,M8123*Input!$C$22,0)</f>
        <v>0</v>
      </c>
      <c r="Q8123" s="75">
        <f>IF(Input!$D$19=4,J8123*Input!$C$19,0)+IF(Input!$D$20=4,K8123*Input!$C$20,0)+IF(Input!$D$21=4,L8123*Input!$C$21,0)+IF(Input!$D$22=4,M8123*Input!$C$22,0)</f>
        <v>0</v>
      </c>
      <c r="R8123" s="58">
        <v>59.60624870643634</v>
      </c>
      <c r="S8123" s="124">
        <f t="shared" si="126"/>
        <v>1.0971268051937906</v>
      </c>
    </row>
    <row r="8124" spans="8:19" x14ac:dyDescent="0.3">
      <c r="H8124" s="44">
        <v>8117</v>
      </c>
      <c r="I8124" s="56">
        <f>Bühler!I8150</f>
        <v>0.2531831088908747</v>
      </c>
      <c r="J8124" s="59">
        <f>Bühler!J8150</f>
        <v>0.84394369630291577</v>
      </c>
      <c r="K8124" s="59">
        <f>Bühler!K8150</f>
        <v>1.2659155444543735</v>
      </c>
      <c r="L8124" s="59">
        <f>Bühler!L8150</f>
        <v>6.0763946133809927</v>
      </c>
      <c r="M8124" s="58">
        <f>Bühler!M8150</f>
        <v>0</v>
      </c>
      <c r="N8124" s="56">
        <f>IF(Input!$D$19=1,J8124*Input!$C$19,0)+IF(Input!$D$20=1,K8124*Input!$C$20,0)+IF(Input!$D$21=1,L8124*Input!$C$21,0)+IF(Input!$D$22=1,M8124*Input!$C$22,0)</f>
        <v>0.2531831088908747</v>
      </c>
      <c r="O8124" s="59">
        <f>IF(Input!$D$19=2,J8124*Input!$C$19,0)+IF(Input!$D$20=2,K8124*Input!$C$20,0)+IF(Input!$D$21=2,L8124*Input!$C$21,0)+IF(Input!$D$22=2,M8124*Input!$C$22,0)</f>
        <v>0.63295777222718674</v>
      </c>
      <c r="P8124" s="59">
        <f>IF(Input!$D$19=3,J8124*Input!$C$19,0)+IF(Input!$D$20=3,K8124*Input!$C$20,0)+IF(Input!$D$21=3,L8124*Input!$C$21,0)+IF(Input!$D$22=3,M8124*Input!$C$22,0)</f>
        <v>0</v>
      </c>
      <c r="Q8124" s="75">
        <f>IF(Input!$D$19=4,J8124*Input!$C$19,0)+IF(Input!$D$20=4,K8124*Input!$C$20,0)+IF(Input!$D$21=4,L8124*Input!$C$21,0)+IF(Input!$D$22=4,M8124*Input!$C$22,0)</f>
        <v>0</v>
      </c>
      <c r="R8124" s="58">
        <v>60.673766766761972</v>
      </c>
      <c r="S8124" s="124">
        <f t="shared" si="126"/>
        <v>1.0971268051937906</v>
      </c>
    </row>
    <row r="8125" spans="8:19" x14ac:dyDescent="0.3">
      <c r="H8125" s="44">
        <v>8118</v>
      </c>
      <c r="I8125" s="56">
        <f>Bühler!I8151</f>
        <v>0.32632489590379415</v>
      </c>
      <c r="J8125" s="59">
        <f>Bühler!J8151</f>
        <v>1.0877496530126471</v>
      </c>
      <c r="K8125" s="59">
        <f>Bühler!K8151</f>
        <v>1.6316244795189707</v>
      </c>
      <c r="L8125" s="59">
        <f>Bühler!L8151</f>
        <v>7.8317975016910593</v>
      </c>
      <c r="M8125" s="58">
        <f>Bühler!M8151</f>
        <v>0</v>
      </c>
      <c r="N8125" s="56">
        <f>IF(Input!$D$19=1,J8125*Input!$C$19,0)+IF(Input!$D$20=1,K8125*Input!$C$20,0)+IF(Input!$D$21=1,L8125*Input!$C$21,0)+IF(Input!$D$22=1,M8125*Input!$C$22,0)</f>
        <v>0.32632489590379415</v>
      </c>
      <c r="O8125" s="59">
        <f>IF(Input!$D$19=2,J8125*Input!$C$19,0)+IF(Input!$D$20=2,K8125*Input!$C$20,0)+IF(Input!$D$21=2,L8125*Input!$C$21,0)+IF(Input!$D$22=2,M8125*Input!$C$22,0)</f>
        <v>0.81581223975948536</v>
      </c>
      <c r="P8125" s="59">
        <f>IF(Input!$D$19=3,J8125*Input!$C$19,0)+IF(Input!$D$20=3,K8125*Input!$C$20,0)+IF(Input!$D$21=3,L8125*Input!$C$21,0)+IF(Input!$D$22=3,M8125*Input!$C$22,0)</f>
        <v>0</v>
      </c>
      <c r="Q8125" s="75">
        <f>IF(Input!$D$19=4,J8125*Input!$C$19,0)+IF(Input!$D$20=4,K8125*Input!$C$20,0)+IF(Input!$D$21=4,L8125*Input!$C$21,0)+IF(Input!$D$22=4,M8125*Input!$C$22,0)</f>
        <v>0</v>
      </c>
      <c r="R8125" s="58">
        <v>63.432297520268023</v>
      </c>
      <c r="S8125" s="124">
        <f t="shared" si="126"/>
        <v>1.4140745489164412</v>
      </c>
    </row>
    <row r="8126" spans="8:19" x14ac:dyDescent="0.3">
      <c r="H8126" s="44">
        <v>8119</v>
      </c>
      <c r="I8126" s="56">
        <f>Bühler!I8152</f>
        <v>0.37696151768196912</v>
      </c>
      <c r="J8126" s="59">
        <f>Bühler!J8152</f>
        <v>1.2565383922732305</v>
      </c>
      <c r="K8126" s="59">
        <f>Bühler!K8152</f>
        <v>1.8848075884098454</v>
      </c>
      <c r="L8126" s="59">
        <f>Bühler!L8152</f>
        <v>9.0470764243672583</v>
      </c>
      <c r="M8126" s="58">
        <f>Bühler!M8152</f>
        <v>0</v>
      </c>
      <c r="N8126" s="56">
        <f>IF(Input!$D$19=1,J8126*Input!$C$19,0)+IF(Input!$D$20=1,K8126*Input!$C$20,0)+IF(Input!$D$21=1,L8126*Input!$C$21,0)+IF(Input!$D$22=1,M8126*Input!$C$22,0)</f>
        <v>0.37696151768196912</v>
      </c>
      <c r="O8126" s="59">
        <f>IF(Input!$D$19=2,J8126*Input!$C$19,0)+IF(Input!$D$20=2,K8126*Input!$C$20,0)+IF(Input!$D$21=2,L8126*Input!$C$21,0)+IF(Input!$D$22=2,M8126*Input!$C$22,0)</f>
        <v>0.94240379420492271</v>
      </c>
      <c r="P8126" s="59">
        <f>IF(Input!$D$19=3,J8126*Input!$C$19,0)+IF(Input!$D$20=3,K8126*Input!$C$20,0)+IF(Input!$D$21=3,L8126*Input!$C$21,0)+IF(Input!$D$22=3,M8126*Input!$C$22,0)</f>
        <v>0</v>
      </c>
      <c r="Q8126" s="75">
        <f>IF(Input!$D$19=4,J8126*Input!$C$19,0)+IF(Input!$D$20=4,K8126*Input!$C$20,0)+IF(Input!$D$21=4,L8126*Input!$C$21,0)+IF(Input!$D$22=4,M8126*Input!$C$22,0)</f>
        <v>0</v>
      </c>
      <c r="R8126" s="58">
        <v>67.075647707194051</v>
      </c>
      <c r="S8126" s="124">
        <f t="shared" si="126"/>
        <v>1.6334999099551997</v>
      </c>
    </row>
    <row r="8127" spans="8:19" x14ac:dyDescent="0.3">
      <c r="H8127" s="44">
        <v>8120</v>
      </c>
      <c r="I8127" s="56">
        <f>Bühler!I8153</f>
        <v>0.37696151768196912</v>
      </c>
      <c r="J8127" s="59">
        <f>Bühler!J8153</f>
        <v>1.2565383922732305</v>
      </c>
      <c r="K8127" s="59">
        <f>Bühler!K8153</f>
        <v>1.8848075884098454</v>
      </c>
      <c r="L8127" s="59">
        <f>Bühler!L8153</f>
        <v>9.0470764243672583</v>
      </c>
      <c r="M8127" s="58">
        <f>Bühler!M8153</f>
        <v>0</v>
      </c>
      <c r="N8127" s="56">
        <f>IF(Input!$D$19=1,J8127*Input!$C$19,0)+IF(Input!$D$20=1,K8127*Input!$C$20,0)+IF(Input!$D$21=1,L8127*Input!$C$21,0)+IF(Input!$D$22=1,M8127*Input!$C$22,0)</f>
        <v>0.37696151768196912</v>
      </c>
      <c r="O8127" s="59">
        <f>IF(Input!$D$19=2,J8127*Input!$C$19,0)+IF(Input!$D$20=2,K8127*Input!$C$20,0)+IF(Input!$D$21=2,L8127*Input!$C$21,0)+IF(Input!$D$22=2,M8127*Input!$C$22,0)</f>
        <v>0.94240379420492271</v>
      </c>
      <c r="P8127" s="59">
        <f>IF(Input!$D$19=3,J8127*Input!$C$19,0)+IF(Input!$D$20=3,K8127*Input!$C$20,0)+IF(Input!$D$21=3,L8127*Input!$C$21,0)+IF(Input!$D$22=3,M8127*Input!$C$22,0)</f>
        <v>0</v>
      </c>
      <c r="Q8127" s="75">
        <f>IF(Input!$D$19=4,J8127*Input!$C$19,0)+IF(Input!$D$20=4,K8127*Input!$C$20,0)+IF(Input!$D$21=4,L8127*Input!$C$21,0)+IF(Input!$D$22=4,M8127*Input!$C$22,0)</f>
        <v>0</v>
      </c>
      <c r="R8127" s="58">
        <v>68.659367311961105</v>
      </c>
      <c r="S8127" s="124">
        <f t="shared" si="126"/>
        <v>1.6334999099551997</v>
      </c>
    </row>
    <row r="8128" spans="8:19" x14ac:dyDescent="0.3">
      <c r="H8128" s="44">
        <v>8121</v>
      </c>
      <c r="I8128" s="56">
        <f>Bühler!I8154</f>
        <v>0.37696151768196912</v>
      </c>
      <c r="J8128" s="59">
        <f>Bühler!J8154</f>
        <v>1.2565383922732305</v>
      </c>
      <c r="K8128" s="59">
        <f>Bühler!K8154</f>
        <v>1.8848075884098454</v>
      </c>
      <c r="L8128" s="59">
        <f>Bühler!L8154</f>
        <v>9.0470764243672583</v>
      </c>
      <c r="M8128" s="58">
        <f>Bühler!M8154</f>
        <v>0</v>
      </c>
      <c r="N8128" s="56">
        <f>IF(Input!$D$19=1,J8128*Input!$C$19,0)+IF(Input!$D$20=1,K8128*Input!$C$20,0)+IF(Input!$D$21=1,L8128*Input!$C$21,0)+IF(Input!$D$22=1,M8128*Input!$C$22,0)</f>
        <v>0.37696151768196912</v>
      </c>
      <c r="O8128" s="59">
        <f>IF(Input!$D$19=2,J8128*Input!$C$19,0)+IF(Input!$D$20=2,K8128*Input!$C$20,0)+IF(Input!$D$21=2,L8128*Input!$C$21,0)+IF(Input!$D$22=2,M8128*Input!$C$22,0)</f>
        <v>0.94240379420492271</v>
      </c>
      <c r="P8128" s="59">
        <f>IF(Input!$D$19=3,J8128*Input!$C$19,0)+IF(Input!$D$20=3,K8128*Input!$C$20,0)+IF(Input!$D$21=3,L8128*Input!$C$21,0)+IF(Input!$D$22=3,M8128*Input!$C$22,0)</f>
        <v>0</v>
      </c>
      <c r="Q8128" s="75">
        <f>IF(Input!$D$19=4,J8128*Input!$C$19,0)+IF(Input!$D$20=4,K8128*Input!$C$20,0)+IF(Input!$D$21=4,L8128*Input!$C$21,0)+IF(Input!$D$22=4,M8128*Input!$C$22,0)</f>
        <v>0</v>
      </c>
      <c r="R8128" s="58">
        <v>69.189894850750832</v>
      </c>
      <c r="S8128" s="124">
        <f t="shared" si="126"/>
        <v>1.6334999099551997</v>
      </c>
    </row>
    <row r="8129" spans="8:19" x14ac:dyDescent="0.3">
      <c r="H8129" s="44">
        <v>8122</v>
      </c>
      <c r="I8129" s="56">
        <f>Bühler!I8155</f>
        <v>0.40509297422539953</v>
      </c>
      <c r="J8129" s="59">
        <f>Bühler!J8155</f>
        <v>1.3503099140846653</v>
      </c>
      <c r="K8129" s="59">
        <f>Bühler!K8155</f>
        <v>2.0254648711269976</v>
      </c>
      <c r="L8129" s="59">
        <f>Bühler!L8155</f>
        <v>9.7222313814095891</v>
      </c>
      <c r="M8129" s="58">
        <f>Bühler!M8155</f>
        <v>0</v>
      </c>
      <c r="N8129" s="56">
        <f>IF(Input!$D$19=1,J8129*Input!$C$19,0)+IF(Input!$D$20=1,K8129*Input!$C$20,0)+IF(Input!$D$21=1,L8129*Input!$C$21,0)+IF(Input!$D$22=1,M8129*Input!$C$22,0)</f>
        <v>0.40509297422539958</v>
      </c>
      <c r="O8129" s="59">
        <f>IF(Input!$D$19=2,J8129*Input!$C$19,0)+IF(Input!$D$20=2,K8129*Input!$C$20,0)+IF(Input!$D$21=2,L8129*Input!$C$21,0)+IF(Input!$D$22=2,M8129*Input!$C$22,0)</f>
        <v>1.0127324355634988</v>
      </c>
      <c r="P8129" s="59">
        <f>IF(Input!$D$19=3,J8129*Input!$C$19,0)+IF(Input!$D$20=3,K8129*Input!$C$20,0)+IF(Input!$D$21=3,L8129*Input!$C$21,0)+IF(Input!$D$22=3,M8129*Input!$C$22,0)</f>
        <v>0</v>
      </c>
      <c r="Q8129" s="75">
        <f>IF(Input!$D$19=4,J8129*Input!$C$19,0)+IF(Input!$D$20=4,K8129*Input!$C$20,0)+IF(Input!$D$21=4,L8129*Input!$C$21,0)+IF(Input!$D$22=4,M8129*Input!$C$22,0)</f>
        <v>0</v>
      </c>
      <c r="R8129" s="58">
        <v>68.577553218854817</v>
      </c>
      <c r="S8129" s="124">
        <f t="shared" si="126"/>
        <v>1.7554028883100647</v>
      </c>
    </row>
    <row r="8130" spans="8:19" x14ac:dyDescent="0.3">
      <c r="H8130" s="44">
        <v>8123</v>
      </c>
      <c r="I8130" s="56">
        <f>Bühler!I8156</f>
        <v>0.43885072207751624</v>
      </c>
      <c r="J8130" s="59">
        <f>Bühler!J8156</f>
        <v>1.4628357402583876</v>
      </c>
      <c r="K8130" s="59">
        <f>Bühler!K8156</f>
        <v>2.1942536103875812</v>
      </c>
      <c r="L8130" s="59">
        <f>Bühler!L8156</f>
        <v>10.53241732986039</v>
      </c>
      <c r="M8130" s="58">
        <f>Bühler!M8156</f>
        <v>0</v>
      </c>
      <c r="N8130" s="56">
        <f>IF(Input!$D$19=1,J8130*Input!$C$19,0)+IF(Input!$D$20=1,K8130*Input!$C$20,0)+IF(Input!$D$21=1,L8130*Input!$C$21,0)+IF(Input!$D$22=1,M8130*Input!$C$22,0)</f>
        <v>0.43885072207751624</v>
      </c>
      <c r="O8130" s="59">
        <f>IF(Input!$D$19=2,J8130*Input!$C$19,0)+IF(Input!$D$20=2,K8130*Input!$C$20,0)+IF(Input!$D$21=2,L8130*Input!$C$21,0)+IF(Input!$D$22=2,M8130*Input!$C$22,0)</f>
        <v>1.0971268051937906</v>
      </c>
      <c r="P8130" s="59">
        <f>IF(Input!$D$19=3,J8130*Input!$C$19,0)+IF(Input!$D$20=3,K8130*Input!$C$20,0)+IF(Input!$D$21=3,L8130*Input!$C$21,0)+IF(Input!$D$22=3,M8130*Input!$C$22,0)</f>
        <v>0</v>
      </c>
      <c r="Q8130" s="75">
        <f>IF(Input!$D$19=4,J8130*Input!$C$19,0)+IF(Input!$D$20=4,K8130*Input!$C$20,0)+IF(Input!$D$21=4,L8130*Input!$C$21,0)+IF(Input!$D$22=4,M8130*Input!$C$22,0)</f>
        <v>0</v>
      </c>
      <c r="R8130" s="58">
        <v>69.68585683821982</v>
      </c>
      <c r="S8130" s="124">
        <f t="shared" si="126"/>
        <v>1.9016864623359038</v>
      </c>
    </row>
    <row r="8131" spans="8:19" x14ac:dyDescent="0.3">
      <c r="H8131" s="44">
        <v>8124</v>
      </c>
      <c r="I8131" s="56">
        <f>Bühler!I8157</f>
        <v>0.50636621778174939</v>
      </c>
      <c r="J8131" s="59">
        <f>Bühler!J8157</f>
        <v>1.6878873926058315</v>
      </c>
      <c r="K8131" s="59">
        <f>Bühler!K8157</f>
        <v>2.531831088908747</v>
      </c>
      <c r="L8131" s="59">
        <f>Bühler!L8157</f>
        <v>12.152789226761985</v>
      </c>
      <c r="M8131" s="58">
        <f>Bühler!M8157</f>
        <v>0</v>
      </c>
      <c r="N8131" s="56">
        <f>IF(Input!$D$19=1,J8131*Input!$C$19,0)+IF(Input!$D$20=1,K8131*Input!$C$20,0)+IF(Input!$D$21=1,L8131*Input!$C$21,0)+IF(Input!$D$22=1,M8131*Input!$C$22,0)</f>
        <v>0.50636621778174939</v>
      </c>
      <c r="O8131" s="59">
        <f>IF(Input!$D$19=2,J8131*Input!$C$19,0)+IF(Input!$D$20=2,K8131*Input!$C$20,0)+IF(Input!$D$21=2,L8131*Input!$C$21,0)+IF(Input!$D$22=2,M8131*Input!$C$22,0)</f>
        <v>1.2659155444543735</v>
      </c>
      <c r="P8131" s="59">
        <f>IF(Input!$D$19=3,J8131*Input!$C$19,0)+IF(Input!$D$20=3,K8131*Input!$C$20,0)+IF(Input!$D$21=3,L8131*Input!$C$21,0)+IF(Input!$D$22=3,M8131*Input!$C$22,0)</f>
        <v>0</v>
      </c>
      <c r="Q8131" s="75">
        <f>IF(Input!$D$19=4,J8131*Input!$C$19,0)+IF(Input!$D$20=4,K8131*Input!$C$20,0)+IF(Input!$D$21=4,L8131*Input!$C$21,0)+IF(Input!$D$22=4,M8131*Input!$C$22,0)</f>
        <v>0</v>
      </c>
      <c r="R8131" s="58">
        <v>69.508162912392592</v>
      </c>
      <c r="S8131" s="124">
        <f t="shared" si="126"/>
        <v>2.1942536103875812</v>
      </c>
    </row>
    <row r="8132" spans="8:19" x14ac:dyDescent="0.3">
      <c r="H8132" s="44">
        <v>8125</v>
      </c>
      <c r="I8132" s="56">
        <f>Bühler!I8158</f>
        <v>0.50636621778174939</v>
      </c>
      <c r="J8132" s="59">
        <f>Bühler!J8158</f>
        <v>1.6878873926058315</v>
      </c>
      <c r="K8132" s="59">
        <f>Bühler!K8158</f>
        <v>2.531831088908747</v>
      </c>
      <c r="L8132" s="59">
        <f>Bühler!L8158</f>
        <v>12.152789226761985</v>
      </c>
      <c r="M8132" s="58">
        <f>Bühler!M8158</f>
        <v>0</v>
      </c>
      <c r="N8132" s="56">
        <f>IF(Input!$D$19=1,J8132*Input!$C$19,0)+IF(Input!$D$20=1,K8132*Input!$C$20,0)+IF(Input!$D$21=1,L8132*Input!$C$21,0)+IF(Input!$D$22=1,M8132*Input!$C$22,0)</f>
        <v>0.50636621778174939</v>
      </c>
      <c r="O8132" s="59">
        <f>IF(Input!$D$19=2,J8132*Input!$C$19,0)+IF(Input!$D$20=2,K8132*Input!$C$20,0)+IF(Input!$D$21=2,L8132*Input!$C$21,0)+IF(Input!$D$22=2,M8132*Input!$C$22,0)</f>
        <v>1.2659155444543735</v>
      </c>
      <c r="P8132" s="59">
        <f>IF(Input!$D$19=3,J8132*Input!$C$19,0)+IF(Input!$D$20=3,K8132*Input!$C$20,0)+IF(Input!$D$21=3,L8132*Input!$C$21,0)+IF(Input!$D$22=3,M8132*Input!$C$22,0)</f>
        <v>0</v>
      </c>
      <c r="Q8132" s="75">
        <f>IF(Input!$D$19=4,J8132*Input!$C$19,0)+IF(Input!$D$20=4,K8132*Input!$C$20,0)+IF(Input!$D$21=4,L8132*Input!$C$21,0)+IF(Input!$D$22=4,M8132*Input!$C$22,0)</f>
        <v>0</v>
      </c>
      <c r="R8132" s="58">
        <v>68.580754965989186</v>
      </c>
      <c r="S8132" s="124">
        <f t="shared" si="126"/>
        <v>2.1942536103875812</v>
      </c>
    </row>
    <row r="8133" spans="8:19" x14ac:dyDescent="0.3">
      <c r="H8133" s="44">
        <v>8126</v>
      </c>
      <c r="I8133" s="56">
        <f>Bühler!I8159</f>
        <v>0.50636621778174939</v>
      </c>
      <c r="J8133" s="59">
        <f>Bühler!J8159</f>
        <v>1.6878873926058315</v>
      </c>
      <c r="K8133" s="59">
        <f>Bühler!K8159</f>
        <v>2.531831088908747</v>
      </c>
      <c r="L8133" s="59">
        <f>Bühler!L8159</f>
        <v>12.152789226761985</v>
      </c>
      <c r="M8133" s="58">
        <f>Bühler!M8159</f>
        <v>0</v>
      </c>
      <c r="N8133" s="56">
        <f>IF(Input!$D$19=1,J8133*Input!$C$19,0)+IF(Input!$D$20=1,K8133*Input!$C$20,0)+IF(Input!$D$21=1,L8133*Input!$C$21,0)+IF(Input!$D$22=1,M8133*Input!$C$22,0)</f>
        <v>0.50636621778174939</v>
      </c>
      <c r="O8133" s="59">
        <f>IF(Input!$D$19=2,J8133*Input!$C$19,0)+IF(Input!$D$20=2,K8133*Input!$C$20,0)+IF(Input!$D$21=2,L8133*Input!$C$21,0)+IF(Input!$D$22=2,M8133*Input!$C$22,0)</f>
        <v>1.2659155444543735</v>
      </c>
      <c r="P8133" s="59">
        <f>IF(Input!$D$19=3,J8133*Input!$C$19,0)+IF(Input!$D$20=3,K8133*Input!$C$20,0)+IF(Input!$D$21=3,L8133*Input!$C$21,0)+IF(Input!$D$22=3,M8133*Input!$C$22,0)</f>
        <v>0</v>
      </c>
      <c r="Q8133" s="75">
        <f>IF(Input!$D$19=4,J8133*Input!$C$19,0)+IF(Input!$D$20=4,K8133*Input!$C$20,0)+IF(Input!$D$21=4,L8133*Input!$C$21,0)+IF(Input!$D$22=4,M8133*Input!$C$22,0)</f>
        <v>0</v>
      </c>
      <c r="R8133" s="58">
        <v>68.68680056161287</v>
      </c>
      <c r="S8133" s="124">
        <f t="shared" si="126"/>
        <v>2.1942536103875812</v>
      </c>
    </row>
    <row r="8134" spans="8:19" x14ac:dyDescent="0.3">
      <c r="H8134" s="44">
        <v>8127</v>
      </c>
      <c r="I8134" s="56">
        <f>Bühler!I8160</f>
        <v>0.50636621778174939</v>
      </c>
      <c r="J8134" s="59">
        <f>Bühler!J8160</f>
        <v>1.6878873926058315</v>
      </c>
      <c r="K8134" s="59">
        <f>Bühler!K8160</f>
        <v>2.531831088908747</v>
      </c>
      <c r="L8134" s="59">
        <f>Bühler!L8160</f>
        <v>12.152789226761985</v>
      </c>
      <c r="M8134" s="58">
        <f>Bühler!M8160</f>
        <v>0</v>
      </c>
      <c r="N8134" s="56">
        <f>IF(Input!$D$19=1,J8134*Input!$C$19,0)+IF(Input!$D$20=1,K8134*Input!$C$20,0)+IF(Input!$D$21=1,L8134*Input!$C$21,0)+IF(Input!$D$22=1,M8134*Input!$C$22,0)</f>
        <v>0.50636621778174939</v>
      </c>
      <c r="O8134" s="59">
        <f>IF(Input!$D$19=2,J8134*Input!$C$19,0)+IF(Input!$D$20=2,K8134*Input!$C$20,0)+IF(Input!$D$21=2,L8134*Input!$C$21,0)+IF(Input!$D$22=2,M8134*Input!$C$22,0)</f>
        <v>1.2659155444543735</v>
      </c>
      <c r="P8134" s="59">
        <f>IF(Input!$D$19=3,J8134*Input!$C$19,0)+IF(Input!$D$20=3,K8134*Input!$C$20,0)+IF(Input!$D$21=3,L8134*Input!$C$21,0)+IF(Input!$D$22=3,M8134*Input!$C$22,0)</f>
        <v>0</v>
      </c>
      <c r="Q8134" s="75">
        <f>IF(Input!$D$19=4,J8134*Input!$C$19,0)+IF(Input!$D$20=4,K8134*Input!$C$20,0)+IF(Input!$D$21=4,L8134*Input!$C$21,0)+IF(Input!$D$22=4,M8134*Input!$C$22,0)</f>
        <v>0</v>
      </c>
      <c r="R8134" s="58">
        <v>69.194499823781015</v>
      </c>
      <c r="S8134" s="124">
        <f t="shared" si="126"/>
        <v>2.1942536103875812</v>
      </c>
    </row>
    <row r="8135" spans="8:19" x14ac:dyDescent="0.3">
      <c r="H8135" s="44">
        <v>8128</v>
      </c>
      <c r="I8135" s="56">
        <f>Bühler!I8161</f>
        <v>0.50636621778174939</v>
      </c>
      <c r="J8135" s="59">
        <f>Bühler!J8161</f>
        <v>1.6878873926058315</v>
      </c>
      <c r="K8135" s="59">
        <f>Bühler!K8161</f>
        <v>2.531831088908747</v>
      </c>
      <c r="L8135" s="59">
        <f>Bühler!L8161</f>
        <v>12.152789226761985</v>
      </c>
      <c r="M8135" s="58">
        <f>Bühler!M8161</f>
        <v>0</v>
      </c>
      <c r="N8135" s="56">
        <f>IF(Input!$D$19=1,J8135*Input!$C$19,0)+IF(Input!$D$20=1,K8135*Input!$C$20,0)+IF(Input!$D$21=1,L8135*Input!$C$21,0)+IF(Input!$D$22=1,M8135*Input!$C$22,0)</f>
        <v>0.50636621778174939</v>
      </c>
      <c r="O8135" s="59">
        <f>IF(Input!$D$19=2,J8135*Input!$C$19,0)+IF(Input!$D$20=2,K8135*Input!$C$20,0)+IF(Input!$D$21=2,L8135*Input!$C$21,0)+IF(Input!$D$22=2,M8135*Input!$C$22,0)</f>
        <v>1.2659155444543735</v>
      </c>
      <c r="P8135" s="59">
        <f>IF(Input!$D$19=3,J8135*Input!$C$19,0)+IF(Input!$D$20=3,K8135*Input!$C$20,0)+IF(Input!$D$21=3,L8135*Input!$C$21,0)+IF(Input!$D$22=3,M8135*Input!$C$22,0)</f>
        <v>0</v>
      </c>
      <c r="Q8135" s="75">
        <f>IF(Input!$D$19=4,J8135*Input!$C$19,0)+IF(Input!$D$20=4,K8135*Input!$C$20,0)+IF(Input!$D$21=4,L8135*Input!$C$21,0)+IF(Input!$D$22=4,M8135*Input!$C$22,0)</f>
        <v>0</v>
      </c>
      <c r="R8135" s="58">
        <v>68.56751739698835</v>
      </c>
      <c r="S8135" s="124">
        <f t="shared" si="126"/>
        <v>2.1942536103875812</v>
      </c>
    </row>
    <row r="8136" spans="8:19" x14ac:dyDescent="0.3">
      <c r="H8136" s="44">
        <v>8129</v>
      </c>
      <c r="I8136" s="56">
        <f>Bühler!I8162</f>
        <v>0.50636621778174939</v>
      </c>
      <c r="J8136" s="59">
        <f>Bühler!J8162</f>
        <v>1.6878873926058315</v>
      </c>
      <c r="K8136" s="59">
        <f>Bühler!K8162</f>
        <v>2.531831088908747</v>
      </c>
      <c r="L8136" s="59">
        <f>Bühler!L8162</f>
        <v>12.152789226761985</v>
      </c>
      <c r="M8136" s="58">
        <f>Bühler!M8162</f>
        <v>0</v>
      </c>
      <c r="N8136" s="56">
        <f>IF(Input!$D$19=1,J8136*Input!$C$19,0)+IF(Input!$D$20=1,K8136*Input!$C$20,0)+IF(Input!$D$21=1,L8136*Input!$C$21,0)+IF(Input!$D$22=1,M8136*Input!$C$22,0)</f>
        <v>0.50636621778174939</v>
      </c>
      <c r="O8136" s="59">
        <f>IF(Input!$D$19=2,J8136*Input!$C$19,0)+IF(Input!$D$20=2,K8136*Input!$C$20,0)+IF(Input!$D$21=2,L8136*Input!$C$21,0)+IF(Input!$D$22=2,M8136*Input!$C$22,0)</f>
        <v>1.2659155444543735</v>
      </c>
      <c r="P8136" s="59">
        <f>IF(Input!$D$19=3,J8136*Input!$C$19,0)+IF(Input!$D$20=3,K8136*Input!$C$20,0)+IF(Input!$D$21=3,L8136*Input!$C$21,0)+IF(Input!$D$22=3,M8136*Input!$C$22,0)</f>
        <v>0</v>
      </c>
      <c r="Q8136" s="75">
        <f>IF(Input!$D$19=4,J8136*Input!$C$19,0)+IF(Input!$D$20=4,K8136*Input!$C$20,0)+IF(Input!$D$21=4,L8136*Input!$C$21,0)+IF(Input!$D$22=4,M8136*Input!$C$22,0)</f>
        <v>0</v>
      </c>
      <c r="R8136" s="58">
        <v>68.061224263549747</v>
      </c>
      <c r="S8136" s="124">
        <f t="shared" si="126"/>
        <v>2.1942536103875812</v>
      </c>
    </row>
    <row r="8137" spans="8:19" x14ac:dyDescent="0.3">
      <c r="H8137" s="44">
        <v>8130</v>
      </c>
      <c r="I8137" s="56">
        <f>Bühler!I8163</f>
        <v>0.50636621778174939</v>
      </c>
      <c r="J8137" s="59">
        <f>Bühler!J8163</f>
        <v>1.6878873926058315</v>
      </c>
      <c r="K8137" s="59">
        <f>Bühler!K8163</f>
        <v>2.531831088908747</v>
      </c>
      <c r="L8137" s="59">
        <f>Bühler!L8163</f>
        <v>12.152789226761985</v>
      </c>
      <c r="M8137" s="58">
        <f>Bühler!M8163</f>
        <v>0</v>
      </c>
      <c r="N8137" s="56">
        <f>IF(Input!$D$19=1,J8137*Input!$C$19,0)+IF(Input!$D$20=1,K8137*Input!$C$20,0)+IF(Input!$D$21=1,L8137*Input!$C$21,0)+IF(Input!$D$22=1,M8137*Input!$C$22,0)</f>
        <v>0.50636621778174939</v>
      </c>
      <c r="O8137" s="59">
        <f>IF(Input!$D$19=2,J8137*Input!$C$19,0)+IF(Input!$D$20=2,K8137*Input!$C$20,0)+IF(Input!$D$21=2,L8137*Input!$C$21,0)+IF(Input!$D$22=2,M8137*Input!$C$22,0)</f>
        <v>1.2659155444543735</v>
      </c>
      <c r="P8137" s="59">
        <f>IF(Input!$D$19=3,J8137*Input!$C$19,0)+IF(Input!$D$20=3,K8137*Input!$C$20,0)+IF(Input!$D$21=3,L8137*Input!$C$21,0)+IF(Input!$D$22=3,M8137*Input!$C$22,0)</f>
        <v>0</v>
      </c>
      <c r="Q8137" s="75">
        <f>IF(Input!$D$19=4,J8137*Input!$C$19,0)+IF(Input!$D$20=4,K8137*Input!$C$20,0)+IF(Input!$D$21=4,L8137*Input!$C$21,0)+IF(Input!$D$22=4,M8137*Input!$C$22,0)</f>
        <v>0</v>
      </c>
      <c r="R8137" s="58">
        <v>67.458589413395671</v>
      </c>
      <c r="S8137" s="124">
        <f t="shared" ref="S8137:S8200" si="127">I8137+J8137</f>
        <v>2.1942536103875812</v>
      </c>
    </row>
    <row r="8138" spans="8:19" x14ac:dyDescent="0.3">
      <c r="H8138" s="44">
        <v>8131</v>
      </c>
      <c r="I8138" s="56">
        <f>Bühler!I8164</f>
        <v>0.50636621778174939</v>
      </c>
      <c r="J8138" s="59">
        <f>Bühler!J8164</f>
        <v>1.6878873926058315</v>
      </c>
      <c r="K8138" s="59">
        <f>Bühler!K8164</f>
        <v>2.531831088908747</v>
      </c>
      <c r="L8138" s="59">
        <f>Bühler!L8164</f>
        <v>12.152789226761985</v>
      </c>
      <c r="M8138" s="58">
        <f>Bühler!M8164</f>
        <v>0</v>
      </c>
      <c r="N8138" s="56">
        <f>IF(Input!$D$19=1,J8138*Input!$C$19,0)+IF(Input!$D$20=1,K8138*Input!$C$20,0)+IF(Input!$D$21=1,L8138*Input!$C$21,0)+IF(Input!$D$22=1,M8138*Input!$C$22,0)</f>
        <v>0.50636621778174939</v>
      </c>
      <c r="O8138" s="59">
        <f>IF(Input!$D$19=2,J8138*Input!$C$19,0)+IF(Input!$D$20=2,K8138*Input!$C$20,0)+IF(Input!$D$21=2,L8138*Input!$C$21,0)+IF(Input!$D$22=2,M8138*Input!$C$22,0)</f>
        <v>1.2659155444543735</v>
      </c>
      <c r="P8138" s="59">
        <f>IF(Input!$D$19=3,J8138*Input!$C$19,0)+IF(Input!$D$20=3,K8138*Input!$C$20,0)+IF(Input!$D$21=3,L8138*Input!$C$21,0)+IF(Input!$D$22=3,M8138*Input!$C$22,0)</f>
        <v>0</v>
      </c>
      <c r="Q8138" s="75">
        <f>IF(Input!$D$19=4,J8138*Input!$C$19,0)+IF(Input!$D$20=4,K8138*Input!$C$20,0)+IF(Input!$D$21=4,L8138*Input!$C$21,0)+IF(Input!$D$22=4,M8138*Input!$C$22,0)</f>
        <v>0</v>
      </c>
      <c r="R8138" s="58">
        <v>65.830685109762186</v>
      </c>
      <c r="S8138" s="124">
        <f t="shared" si="127"/>
        <v>2.1942536103875812</v>
      </c>
    </row>
    <row r="8139" spans="8:19" x14ac:dyDescent="0.3">
      <c r="H8139" s="44">
        <v>8132</v>
      </c>
      <c r="I8139" s="56">
        <f>Bühler!I8165</f>
        <v>0.42197184815145783</v>
      </c>
      <c r="J8139" s="59">
        <f>Bühler!J8165</f>
        <v>1.4065728271715263</v>
      </c>
      <c r="K8139" s="59">
        <f>Bühler!K8165</f>
        <v>2.1098592407572894</v>
      </c>
      <c r="L8139" s="59">
        <f>Bühler!L8165</f>
        <v>10.127324355634988</v>
      </c>
      <c r="M8139" s="58">
        <f>Bühler!M8165</f>
        <v>0</v>
      </c>
      <c r="N8139" s="56">
        <f>IF(Input!$D$19=1,J8139*Input!$C$19,0)+IF(Input!$D$20=1,K8139*Input!$C$20,0)+IF(Input!$D$21=1,L8139*Input!$C$21,0)+IF(Input!$D$22=1,M8139*Input!$C$22,0)</f>
        <v>0.42197184815145788</v>
      </c>
      <c r="O8139" s="59">
        <f>IF(Input!$D$19=2,J8139*Input!$C$19,0)+IF(Input!$D$20=2,K8139*Input!$C$20,0)+IF(Input!$D$21=2,L8139*Input!$C$21,0)+IF(Input!$D$22=2,M8139*Input!$C$22,0)</f>
        <v>1.0549296203786447</v>
      </c>
      <c r="P8139" s="59">
        <f>IF(Input!$D$19=3,J8139*Input!$C$19,0)+IF(Input!$D$20=3,K8139*Input!$C$20,0)+IF(Input!$D$21=3,L8139*Input!$C$21,0)+IF(Input!$D$22=3,M8139*Input!$C$22,0)</f>
        <v>0</v>
      </c>
      <c r="Q8139" s="75">
        <f>IF(Input!$D$19=4,J8139*Input!$C$19,0)+IF(Input!$D$20=4,K8139*Input!$C$20,0)+IF(Input!$D$21=4,L8139*Input!$C$21,0)+IF(Input!$D$22=4,M8139*Input!$C$22,0)</f>
        <v>0</v>
      </c>
      <c r="R8139" s="58">
        <v>64.122994832716941</v>
      </c>
      <c r="S8139" s="124">
        <f t="shared" si="127"/>
        <v>1.8285446753229841</v>
      </c>
    </row>
    <row r="8140" spans="8:19" x14ac:dyDescent="0.3">
      <c r="H8140" s="44">
        <v>8133</v>
      </c>
      <c r="I8140" s="56">
        <f>Bühler!I8166</f>
        <v>0.33757747852116632</v>
      </c>
      <c r="J8140" s="59">
        <f>Bühler!J8166</f>
        <v>1.1252582617372211</v>
      </c>
      <c r="K8140" s="59">
        <f>Bühler!K8166</f>
        <v>1.6878873926058315</v>
      </c>
      <c r="L8140" s="59">
        <f>Bühler!L8166</f>
        <v>8.1018594845079921</v>
      </c>
      <c r="M8140" s="58">
        <f>Bühler!M8166</f>
        <v>0</v>
      </c>
      <c r="N8140" s="56">
        <f>IF(Input!$D$19=1,J8140*Input!$C$19,0)+IF(Input!$D$20=1,K8140*Input!$C$20,0)+IF(Input!$D$21=1,L8140*Input!$C$21,0)+IF(Input!$D$22=1,M8140*Input!$C$22,0)</f>
        <v>0.33757747852116632</v>
      </c>
      <c r="O8140" s="59">
        <f>IF(Input!$D$19=2,J8140*Input!$C$19,0)+IF(Input!$D$20=2,K8140*Input!$C$20,0)+IF(Input!$D$21=2,L8140*Input!$C$21,0)+IF(Input!$D$22=2,M8140*Input!$C$22,0)</f>
        <v>0.84394369630291577</v>
      </c>
      <c r="P8140" s="59">
        <f>IF(Input!$D$19=3,J8140*Input!$C$19,0)+IF(Input!$D$20=3,K8140*Input!$C$20,0)+IF(Input!$D$21=3,L8140*Input!$C$21,0)+IF(Input!$D$22=3,M8140*Input!$C$22,0)</f>
        <v>0</v>
      </c>
      <c r="Q8140" s="75">
        <f>IF(Input!$D$19=4,J8140*Input!$C$19,0)+IF(Input!$D$20=4,K8140*Input!$C$20,0)+IF(Input!$D$21=4,L8140*Input!$C$21,0)+IF(Input!$D$22=4,M8140*Input!$C$22,0)</f>
        <v>0</v>
      </c>
      <c r="R8140" s="58">
        <v>62.519625534634159</v>
      </c>
      <c r="S8140" s="124">
        <f t="shared" si="127"/>
        <v>1.4628357402583874</v>
      </c>
    </row>
    <row r="8141" spans="8:19" x14ac:dyDescent="0.3">
      <c r="H8141" s="44">
        <v>8134</v>
      </c>
      <c r="I8141" s="56">
        <f>Bühler!I8167</f>
        <v>0.2531831088908747</v>
      </c>
      <c r="J8141" s="59">
        <f>Bühler!J8167</f>
        <v>0.84394369630291577</v>
      </c>
      <c r="K8141" s="59">
        <f>Bühler!K8167</f>
        <v>1.2659155444543735</v>
      </c>
      <c r="L8141" s="59">
        <f>Bühler!L8167</f>
        <v>6.0763946133809927</v>
      </c>
      <c r="M8141" s="58">
        <f>Bühler!M8167</f>
        <v>0</v>
      </c>
      <c r="N8141" s="56">
        <f>IF(Input!$D$19=1,J8141*Input!$C$19,0)+IF(Input!$D$20=1,K8141*Input!$C$20,0)+IF(Input!$D$21=1,L8141*Input!$C$21,0)+IF(Input!$D$22=1,M8141*Input!$C$22,0)</f>
        <v>0.2531831088908747</v>
      </c>
      <c r="O8141" s="59">
        <f>IF(Input!$D$19=2,J8141*Input!$C$19,0)+IF(Input!$D$20=2,K8141*Input!$C$20,0)+IF(Input!$D$21=2,L8141*Input!$C$21,0)+IF(Input!$D$22=2,M8141*Input!$C$22,0)</f>
        <v>0.63295777222718674</v>
      </c>
      <c r="P8141" s="59">
        <f>IF(Input!$D$19=3,J8141*Input!$C$19,0)+IF(Input!$D$20=3,K8141*Input!$C$20,0)+IF(Input!$D$21=3,L8141*Input!$C$21,0)+IF(Input!$D$22=3,M8141*Input!$C$22,0)</f>
        <v>0</v>
      </c>
      <c r="Q8141" s="75">
        <f>IF(Input!$D$19=4,J8141*Input!$C$19,0)+IF(Input!$D$20=4,K8141*Input!$C$20,0)+IF(Input!$D$21=4,L8141*Input!$C$21,0)+IF(Input!$D$22=4,M8141*Input!$C$22,0)</f>
        <v>0</v>
      </c>
      <c r="R8141" s="58">
        <v>61.021233236320057</v>
      </c>
      <c r="S8141" s="124">
        <f t="shared" si="127"/>
        <v>1.0971268051937906</v>
      </c>
    </row>
    <row r="8142" spans="8:19" x14ac:dyDescent="0.3">
      <c r="H8142" s="44">
        <v>8135</v>
      </c>
      <c r="I8142" s="56">
        <f>Bühler!I8168</f>
        <v>0.2531831088908747</v>
      </c>
      <c r="J8142" s="59">
        <f>Bühler!J8168</f>
        <v>0.84394369630291577</v>
      </c>
      <c r="K8142" s="59">
        <f>Bühler!K8168</f>
        <v>1.2659155444543735</v>
      </c>
      <c r="L8142" s="59">
        <f>Bühler!L8168</f>
        <v>6.0763946133809927</v>
      </c>
      <c r="M8142" s="58">
        <f>Bühler!M8168</f>
        <v>0</v>
      </c>
      <c r="N8142" s="56">
        <f>IF(Input!$D$19=1,J8142*Input!$C$19,0)+IF(Input!$D$20=1,K8142*Input!$C$20,0)+IF(Input!$D$21=1,L8142*Input!$C$21,0)+IF(Input!$D$22=1,M8142*Input!$C$22,0)</f>
        <v>0.2531831088908747</v>
      </c>
      <c r="O8142" s="59">
        <f>IF(Input!$D$19=2,J8142*Input!$C$19,0)+IF(Input!$D$20=2,K8142*Input!$C$20,0)+IF(Input!$D$21=2,L8142*Input!$C$21,0)+IF(Input!$D$22=2,M8142*Input!$C$22,0)</f>
        <v>0.63295777222718674</v>
      </c>
      <c r="P8142" s="59">
        <f>IF(Input!$D$19=3,J8142*Input!$C$19,0)+IF(Input!$D$20=3,K8142*Input!$C$20,0)+IF(Input!$D$21=3,L8142*Input!$C$21,0)+IF(Input!$D$22=3,M8142*Input!$C$22,0)</f>
        <v>0</v>
      </c>
      <c r="Q8142" s="75">
        <f>IF(Input!$D$19=4,J8142*Input!$C$19,0)+IF(Input!$D$20=4,K8142*Input!$C$20,0)+IF(Input!$D$21=4,L8142*Input!$C$21,0)+IF(Input!$D$22=4,M8142*Input!$C$22,0)</f>
        <v>0</v>
      </c>
      <c r="R8142" s="58">
        <v>61.066520168607894</v>
      </c>
      <c r="S8142" s="124">
        <f t="shared" si="127"/>
        <v>1.0971268051937906</v>
      </c>
    </row>
    <row r="8143" spans="8:19" x14ac:dyDescent="0.3">
      <c r="H8143" s="44">
        <v>8136</v>
      </c>
      <c r="I8143" s="56">
        <f>Bühler!I8169</f>
        <v>0.2531831088908747</v>
      </c>
      <c r="J8143" s="59">
        <f>Bühler!J8169</f>
        <v>0.84394369630291577</v>
      </c>
      <c r="K8143" s="59">
        <f>Bühler!K8169</f>
        <v>1.2659155444543735</v>
      </c>
      <c r="L8143" s="59">
        <f>Bühler!L8169</f>
        <v>6.0763946133809927</v>
      </c>
      <c r="M8143" s="58">
        <f>Bühler!M8169</f>
        <v>0</v>
      </c>
      <c r="N8143" s="56">
        <f>IF(Input!$D$19=1,J8143*Input!$C$19,0)+IF(Input!$D$20=1,K8143*Input!$C$20,0)+IF(Input!$D$21=1,L8143*Input!$C$21,0)+IF(Input!$D$22=1,M8143*Input!$C$22,0)</f>
        <v>0.2531831088908747</v>
      </c>
      <c r="O8143" s="59">
        <f>IF(Input!$D$19=2,J8143*Input!$C$19,0)+IF(Input!$D$20=2,K8143*Input!$C$20,0)+IF(Input!$D$21=2,L8143*Input!$C$21,0)+IF(Input!$D$22=2,M8143*Input!$C$22,0)</f>
        <v>0.63295777222718674</v>
      </c>
      <c r="P8143" s="59">
        <f>IF(Input!$D$19=3,J8143*Input!$C$19,0)+IF(Input!$D$20=3,K8143*Input!$C$20,0)+IF(Input!$D$21=3,L8143*Input!$C$21,0)+IF(Input!$D$22=3,M8143*Input!$C$22,0)</f>
        <v>0</v>
      </c>
      <c r="Q8143" s="75">
        <f>IF(Input!$D$19=4,J8143*Input!$C$19,0)+IF(Input!$D$20=4,K8143*Input!$C$20,0)+IF(Input!$D$21=4,L8143*Input!$C$21,0)+IF(Input!$D$22=4,M8143*Input!$C$22,0)</f>
        <v>0</v>
      </c>
      <c r="R8143" s="58">
        <v>60.429254943717986</v>
      </c>
      <c r="S8143" s="124">
        <f t="shared" si="127"/>
        <v>1.0971268051937906</v>
      </c>
    </row>
    <row r="8144" spans="8:19" x14ac:dyDescent="0.3">
      <c r="H8144" s="44">
        <v>8137</v>
      </c>
      <c r="I8144" s="56">
        <f>Bühler!I8170</f>
        <v>0.25139364644935258</v>
      </c>
      <c r="J8144" s="59">
        <f>Bühler!J8170</f>
        <v>0.83797882149784209</v>
      </c>
      <c r="K8144" s="59">
        <f>Bühler!K8170</f>
        <v>1.256968232246763</v>
      </c>
      <c r="L8144" s="59">
        <f>Bühler!L8170</f>
        <v>6.0334475147844628</v>
      </c>
      <c r="M8144" s="58">
        <f>Bühler!M8170</f>
        <v>0</v>
      </c>
      <c r="N8144" s="56">
        <f>IF(Input!$D$19=1,J8144*Input!$C$19,0)+IF(Input!$D$20=1,K8144*Input!$C$20,0)+IF(Input!$D$21=1,L8144*Input!$C$21,0)+IF(Input!$D$22=1,M8144*Input!$C$22,0)</f>
        <v>0.25139364644935264</v>
      </c>
      <c r="O8144" s="59">
        <f>IF(Input!$D$19=2,J8144*Input!$C$19,0)+IF(Input!$D$20=2,K8144*Input!$C$20,0)+IF(Input!$D$21=2,L8144*Input!$C$21,0)+IF(Input!$D$22=2,M8144*Input!$C$22,0)</f>
        <v>0.62848411612338151</v>
      </c>
      <c r="P8144" s="59">
        <f>IF(Input!$D$19=3,J8144*Input!$C$19,0)+IF(Input!$D$20=3,K8144*Input!$C$20,0)+IF(Input!$D$21=3,L8144*Input!$C$21,0)+IF(Input!$D$22=3,M8144*Input!$C$22,0)</f>
        <v>0</v>
      </c>
      <c r="Q8144" s="75">
        <f>IF(Input!$D$19=4,J8144*Input!$C$19,0)+IF(Input!$D$20=4,K8144*Input!$C$20,0)+IF(Input!$D$21=4,L8144*Input!$C$21,0)+IF(Input!$D$22=4,M8144*Input!$C$22,0)</f>
        <v>0</v>
      </c>
      <c r="R8144" s="58">
        <v>59.877299902484815</v>
      </c>
      <c r="S8144" s="124">
        <f t="shared" si="127"/>
        <v>1.0893724679471948</v>
      </c>
    </row>
    <row r="8145" spans="8:19" x14ac:dyDescent="0.3">
      <c r="H8145" s="44">
        <v>8138</v>
      </c>
      <c r="I8145" s="56">
        <f>Bühler!I8171</f>
        <v>0.25139364644935258</v>
      </c>
      <c r="J8145" s="59">
        <f>Bühler!J8171</f>
        <v>0.83797882149784209</v>
      </c>
      <c r="K8145" s="59">
        <f>Bühler!K8171</f>
        <v>1.256968232246763</v>
      </c>
      <c r="L8145" s="59">
        <f>Bühler!L8171</f>
        <v>6.0334475147844628</v>
      </c>
      <c r="M8145" s="58">
        <f>Bühler!M8171</f>
        <v>0</v>
      </c>
      <c r="N8145" s="56">
        <f>IF(Input!$D$19=1,J8145*Input!$C$19,0)+IF(Input!$D$20=1,K8145*Input!$C$20,0)+IF(Input!$D$21=1,L8145*Input!$C$21,0)+IF(Input!$D$22=1,M8145*Input!$C$22,0)</f>
        <v>0.25139364644935264</v>
      </c>
      <c r="O8145" s="59">
        <f>IF(Input!$D$19=2,J8145*Input!$C$19,0)+IF(Input!$D$20=2,K8145*Input!$C$20,0)+IF(Input!$D$21=2,L8145*Input!$C$21,0)+IF(Input!$D$22=2,M8145*Input!$C$22,0)</f>
        <v>0.62848411612338151</v>
      </c>
      <c r="P8145" s="59">
        <f>IF(Input!$D$19=3,J8145*Input!$C$19,0)+IF(Input!$D$20=3,K8145*Input!$C$20,0)+IF(Input!$D$21=3,L8145*Input!$C$21,0)+IF(Input!$D$22=3,M8145*Input!$C$22,0)</f>
        <v>0</v>
      </c>
      <c r="Q8145" s="75">
        <f>IF(Input!$D$19=4,J8145*Input!$C$19,0)+IF(Input!$D$20=4,K8145*Input!$C$20,0)+IF(Input!$D$21=4,L8145*Input!$C$21,0)+IF(Input!$D$22=4,M8145*Input!$C$22,0)</f>
        <v>0</v>
      </c>
      <c r="R8145" s="58">
        <v>59.388225084145709</v>
      </c>
      <c r="S8145" s="124">
        <f t="shared" si="127"/>
        <v>1.0893724679471948</v>
      </c>
    </row>
    <row r="8146" spans="8:19" x14ac:dyDescent="0.3">
      <c r="H8146" s="44">
        <v>8139</v>
      </c>
      <c r="I8146" s="56">
        <f>Bühler!I8172</f>
        <v>0.25139364644935258</v>
      </c>
      <c r="J8146" s="59">
        <f>Bühler!J8172</f>
        <v>0.83797882149784209</v>
      </c>
      <c r="K8146" s="59">
        <f>Bühler!K8172</f>
        <v>1.256968232246763</v>
      </c>
      <c r="L8146" s="59">
        <f>Bühler!L8172</f>
        <v>6.0334475147844628</v>
      </c>
      <c r="M8146" s="58">
        <f>Bühler!M8172</f>
        <v>0</v>
      </c>
      <c r="N8146" s="56">
        <f>IF(Input!$D$19=1,J8146*Input!$C$19,0)+IF(Input!$D$20=1,K8146*Input!$C$20,0)+IF(Input!$D$21=1,L8146*Input!$C$21,0)+IF(Input!$D$22=1,M8146*Input!$C$22,0)</f>
        <v>0.25139364644935264</v>
      </c>
      <c r="O8146" s="59">
        <f>IF(Input!$D$19=2,J8146*Input!$C$19,0)+IF(Input!$D$20=2,K8146*Input!$C$20,0)+IF(Input!$D$21=2,L8146*Input!$C$21,0)+IF(Input!$D$22=2,M8146*Input!$C$22,0)</f>
        <v>0.62848411612338151</v>
      </c>
      <c r="P8146" s="59">
        <f>IF(Input!$D$19=3,J8146*Input!$C$19,0)+IF(Input!$D$20=3,K8146*Input!$C$20,0)+IF(Input!$D$21=3,L8146*Input!$C$21,0)+IF(Input!$D$22=3,M8146*Input!$C$22,0)</f>
        <v>0</v>
      </c>
      <c r="Q8146" s="75">
        <f>IF(Input!$D$19=4,J8146*Input!$C$19,0)+IF(Input!$D$20=4,K8146*Input!$C$20,0)+IF(Input!$D$21=4,L8146*Input!$C$21,0)+IF(Input!$D$22=4,M8146*Input!$C$22,0)</f>
        <v>0</v>
      </c>
      <c r="R8146" s="58">
        <v>59.805728477761036</v>
      </c>
      <c r="S8146" s="124">
        <f t="shared" si="127"/>
        <v>1.0893724679471948</v>
      </c>
    </row>
    <row r="8147" spans="8:19" x14ac:dyDescent="0.3">
      <c r="H8147" s="44">
        <v>8140</v>
      </c>
      <c r="I8147" s="56">
        <f>Bühler!I8173</f>
        <v>0.25139364644935258</v>
      </c>
      <c r="J8147" s="59">
        <f>Bühler!J8173</f>
        <v>0.83797882149784209</v>
      </c>
      <c r="K8147" s="59">
        <f>Bühler!K8173</f>
        <v>1.256968232246763</v>
      </c>
      <c r="L8147" s="59">
        <f>Bühler!L8173</f>
        <v>6.0334475147844628</v>
      </c>
      <c r="M8147" s="58">
        <f>Bühler!M8173</f>
        <v>0</v>
      </c>
      <c r="N8147" s="56">
        <f>IF(Input!$D$19=1,J8147*Input!$C$19,0)+IF(Input!$D$20=1,K8147*Input!$C$20,0)+IF(Input!$D$21=1,L8147*Input!$C$21,0)+IF(Input!$D$22=1,M8147*Input!$C$22,0)</f>
        <v>0.25139364644935264</v>
      </c>
      <c r="O8147" s="59">
        <f>IF(Input!$D$19=2,J8147*Input!$C$19,0)+IF(Input!$D$20=2,K8147*Input!$C$20,0)+IF(Input!$D$21=2,L8147*Input!$C$21,0)+IF(Input!$D$22=2,M8147*Input!$C$22,0)</f>
        <v>0.62848411612338151</v>
      </c>
      <c r="P8147" s="59">
        <f>IF(Input!$D$19=3,J8147*Input!$C$19,0)+IF(Input!$D$20=3,K8147*Input!$C$20,0)+IF(Input!$D$21=3,L8147*Input!$C$21,0)+IF(Input!$D$22=3,M8147*Input!$C$22,0)</f>
        <v>0</v>
      </c>
      <c r="Q8147" s="75">
        <f>IF(Input!$D$19=4,J8147*Input!$C$19,0)+IF(Input!$D$20=4,K8147*Input!$C$20,0)+IF(Input!$D$21=4,L8147*Input!$C$21,0)+IF(Input!$D$22=4,M8147*Input!$C$22,0)</f>
        <v>0</v>
      </c>
      <c r="R8147" s="58">
        <v>60.253562168690976</v>
      </c>
      <c r="S8147" s="124">
        <f t="shared" si="127"/>
        <v>1.0893724679471948</v>
      </c>
    </row>
    <row r="8148" spans="8:19" x14ac:dyDescent="0.3">
      <c r="H8148" s="44">
        <v>8141</v>
      </c>
      <c r="I8148" s="56">
        <f>Bühler!I8174</f>
        <v>0.25139364644935258</v>
      </c>
      <c r="J8148" s="59">
        <f>Bühler!J8174</f>
        <v>0.83797882149784209</v>
      </c>
      <c r="K8148" s="59">
        <f>Bühler!K8174</f>
        <v>1.256968232246763</v>
      </c>
      <c r="L8148" s="59">
        <f>Bühler!L8174</f>
        <v>6.0334475147844628</v>
      </c>
      <c r="M8148" s="58">
        <f>Bühler!M8174</f>
        <v>0</v>
      </c>
      <c r="N8148" s="56">
        <f>IF(Input!$D$19=1,J8148*Input!$C$19,0)+IF(Input!$D$20=1,K8148*Input!$C$20,0)+IF(Input!$D$21=1,L8148*Input!$C$21,0)+IF(Input!$D$22=1,M8148*Input!$C$22,0)</f>
        <v>0.25139364644935264</v>
      </c>
      <c r="O8148" s="59">
        <f>IF(Input!$D$19=2,J8148*Input!$C$19,0)+IF(Input!$D$20=2,K8148*Input!$C$20,0)+IF(Input!$D$21=2,L8148*Input!$C$21,0)+IF(Input!$D$22=2,M8148*Input!$C$22,0)</f>
        <v>0.62848411612338151</v>
      </c>
      <c r="P8148" s="59">
        <f>IF(Input!$D$19=3,J8148*Input!$C$19,0)+IF(Input!$D$20=3,K8148*Input!$C$20,0)+IF(Input!$D$21=3,L8148*Input!$C$21,0)+IF(Input!$D$22=3,M8148*Input!$C$22,0)</f>
        <v>0</v>
      </c>
      <c r="Q8148" s="75">
        <f>IF(Input!$D$19=4,J8148*Input!$C$19,0)+IF(Input!$D$20=4,K8148*Input!$C$20,0)+IF(Input!$D$21=4,L8148*Input!$C$21,0)+IF(Input!$D$22=4,M8148*Input!$C$22,0)</f>
        <v>0</v>
      </c>
      <c r="R8148" s="58">
        <v>61.642915539862386</v>
      </c>
      <c r="S8148" s="124">
        <f t="shared" si="127"/>
        <v>1.0893724679471948</v>
      </c>
    </row>
    <row r="8149" spans="8:19" x14ac:dyDescent="0.3">
      <c r="H8149" s="44">
        <v>8142</v>
      </c>
      <c r="I8149" s="56">
        <f>Bühler!I8175</f>
        <v>0.32401847764583225</v>
      </c>
      <c r="J8149" s="59">
        <f>Bühler!J8175</f>
        <v>1.0800615921527743</v>
      </c>
      <c r="K8149" s="59">
        <f>Bühler!K8175</f>
        <v>1.6200923882291611</v>
      </c>
      <c r="L8149" s="59">
        <f>Bühler!L8175</f>
        <v>7.776443463499974</v>
      </c>
      <c r="M8149" s="58">
        <f>Bühler!M8175</f>
        <v>0</v>
      </c>
      <c r="N8149" s="56">
        <f>IF(Input!$D$19=1,J8149*Input!$C$19,0)+IF(Input!$D$20=1,K8149*Input!$C$20,0)+IF(Input!$D$21=1,L8149*Input!$C$21,0)+IF(Input!$D$22=1,M8149*Input!$C$22,0)</f>
        <v>0.3240184776458323</v>
      </c>
      <c r="O8149" s="59">
        <f>IF(Input!$D$19=2,J8149*Input!$C$19,0)+IF(Input!$D$20=2,K8149*Input!$C$20,0)+IF(Input!$D$21=2,L8149*Input!$C$21,0)+IF(Input!$D$22=2,M8149*Input!$C$22,0)</f>
        <v>0.81004619411458056</v>
      </c>
      <c r="P8149" s="59">
        <f>IF(Input!$D$19=3,J8149*Input!$C$19,0)+IF(Input!$D$20=3,K8149*Input!$C$20,0)+IF(Input!$D$21=3,L8149*Input!$C$21,0)+IF(Input!$D$22=3,M8149*Input!$C$22,0)</f>
        <v>0</v>
      </c>
      <c r="Q8149" s="75">
        <f>IF(Input!$D$19=4,J8149*Input!$C$19,0)+IF(Input!$D$20=4,K8149*Input!$C$20,0)+IF(Input!$D$21=4,L8149*Input!$C$21,0)+IF(Input!$D$22=4,M8149*Input!$C$22,0)</f>
        <v>0</v>
      </c>
      <c r="R8149" s="58">
        <v>65.002411327654556</v>
      </c>
      <c r="S8149" s="124">
        <f t="shared" si="127"/>
        <v>1.4040800697986064</v>
      </c>
    </row>
    <row r="8150" spans="8:19" x14ac:dyDescent="0.3">
      <c r="H8150" s="44">
        <v>8143</v>
      </c>
      <c r="I8150" s="56">
        <f>Bühler!I8176</f>
        <v>0.37429720693570284</v>
      </c>
      <c r="J8150" s="59">
        <f>Bühler!J8176</f>
        <v>1.247657356452343</v>
      </c>
      <c r="K8150" s="59">
        <f>Bühler!K8176</f>
        <v>1.8714860346785143</v>
      </c>
      <c r="L8150" s="59">
        <f>Bühler!L8176</f>
        <v>8.9831329664568678</v>
      </c>
      <c r="M8150" s="58">
        <f>Bühler!M8176</f>
        <v>0</v>
      </c>
      <c r="N8150" s="56">
        <f>IF(Input!$D$19=1,J8150*Input!$C$19,0)+IF(Input!$D$20=1,K8150*Input!$C$20,0)+IF(Input!$D$21=1,L8150*Input!$C$21,0)+IF(Input!$D$22=1,M8150*Input!$C$22,0)</f>
        <v>0.3742972069357029</v>
      </c>
      <c r="O8150" s="59">
        <f>IF(Input!$D$19=2,J8150*Input!$C$19,0)+IF(Input!$D$20=2,K8150*Input!$C$20,0)+IF(Input!$D$21=2,L8150*Input!$C$21,0)+IF(Input!$D$22=2,M8150*Input!$C$22,0)</f>
        <v>0.93574301733925713</v>
      </c>
      <c r="P8150" s="59">
        <f>IF(Input!$D$19=3,J8150*Input!$C$19,0)+IF(Input!$D$20=3,K8150*Input!$C$20,0)+IF(Input!$D$21=3,L8150*Input!$C$21,0)+IF(Input!$D$22=3,M8150*Input!$C$22,0)</f>
        <v>0</v>
      </c>
      <c r="Q8150" s="75">
        <f>IF(Input!$D$19=4,J8150*Input!$C$19,0)+IF(Input!$D$20=4,K8150*Input!$C$20,0)+IF(Input!$D$21=4,L8150*Input!$C$21,0)+IF(Input!$D$22=4,M8150*Input!$C$22,0)</f>
        <v>0</v>
      </c>
      <c r="R8150" s="58">
        <v>68.686096487140418</v>
      </c>
      <c r="S8150" s="124">
        <f t="shared" si="127"/>
        <v>1.6219545633880459</v>
      </c>
    </row>
    <row r="8151" spans="8:19" x14ac:dyDescent="0.3">
      <c r="H8151" s="44">
        <v>8144</v>
      </c>
      <c r="I8151" s="56">
        <f>Bühler!I8177</f>
        <v>0.37429720693570284</v>
      </c>
      <c r="J8151" s="59">
        <f>Bühler!J8177</f>
        <v>1.247657356452343</v>
      </c>
      <c r="K8151" s="59">
        <f>Bühler!K8177</f>
        <v>1.8714860346785143</v>
      </c>
      <c r="L8151" s="59">
        <f>Bühler!L8177</f>
        <v>8.9831329664568678</v>
      </c>
      <c r="M8151" s="58">
        <f>Bühler!M8177</f>
        <v>0</v>
      </c>
      <c r="N8151" s="56">
        <f>IF(Input!$D$19=1,J8151*Input!$C$19,0)+IF(Input!$D$20=1,K8151*Input!$C$20,0)+IF(Input!$D$21=1,L8151*Input!$C$21,0)+IF(Input!$D$22=1,M8151*Input!$C$22,0)</f>
        <v>0.3742972069357029</v>
      </c>
      <c r="O8151" s="59">
        <f>IF(Input!$D$19=2,J8151*Input!$C$19,0)+IF(Input!$D$20=2,K8151*Input!$C$20,0)+IF(Input!$D$21=2,L8151*Input!$C$21,0)+IF(Input!$D$22=2,M8151*Input!$C$22,0)</f>
        <v>0.93574301733925713</v>
      </c>
      <c r="P8151" s="59">
        <f>IF(Input!$D$19=3,J8151*Input!$C$19,0)+IF(Input!$D$20=3,K8151*Input!$C$20,0)+IF(Input!$D$21=3,L8151*Input!$C$21,0)+IF(Input!$D$22=3,M8151*Input!$C$22,0)</f>
        <v>0</v>
      </c>
      <c r="Q8151" s="75">
        <f>IF(Input!$D$19=4,J8151*Input!$C$19,0)+IF(Input!$D$20=4,K8151*Input!$C$20,0)+IF(Input!$D$21=4,L8151*Input!$C$21,0)+IF(Input!$D$22=4,M8151*Input!$C$22,0)</f>
        <v>0</v>
      </c>
      <c r="R8151" s="58">
        <v>70.440157159544455</v>
      </c>
      <c r="S8151" s="124">
        <f t="shared" si="127"/>
        <v>1.6219545633880459</v>
      </c>
    </row>
    <row r="8152" spans="8:19" x14ac:dyDescent="0.3">
      <c r="H8152" s="44">
        <v>8145</v>
      </c>
      <c r="I8152" s="56">
        <f>Bühler!I8178</f>
        <v>0.37429720693570284</v>
      </c>
      <c r="J8152" s="59">
        <f>Bühler!J8178</f>
        <v>1.247657356452343</v>
      </c>
      <c r="K8152" s="59">
        <f>Bühler!K8178</f>
        <v>1.8714860346785143</v>
      </c>
      <c r="L8152" s="59">
        <f>Bühler!L8178</f>
        <v>8.9831329664568678</v>
      </c>
      <c r="M8152" s="58">
        <f>Bühler!M8178</f>
        <v>0</v>
      </c>
      <c r="N8152" s="56">
        <f>IF(Input!$D$19=1,J8152*Input!$C$19,0)+IF(Input!$D$20=1,K8152*Input!$C$20,0)+IF(Input!$D$21=1,L8152*Input!$C$21,0)+IF(Input!$D$22=1,M8152*Input!$C$22,0)</f>
        <v>0.3742972069357029</v>
      </c>
      <c r="O8152" s="59">
        <f>IF(Input!$D$19=2,J8152*Input!$C$19,0)+IF(Input!$D$20=2,K8152*Input!$C$20,0)+IF(Input!$D$21=2,L8152*Input!$C$21,0)+IF(Input!$D$22=2,M8152*Input!$C$22,0)</f>
        <v>0.93574301733925713</v>
      </c>
      <c r="P8152" s="59">
        <f>IF(Input!$D$19=3,J8152*Input!$C$19,0)+IF(Input!$D$20=3,K8152*Input!$C$20,0)+IF(Input!$D$21=3,L8152*Input!$C$21,0)+IF(Input!$D$22=3,M8152*Input!$C$22,0)</f>
        <v>0</v>
      </c>
      <c r="Q8152" s="75">
        <f>IF(Input!$D$19=4,J8152*Input!$C$19,0)+IF(Input!$D$20=4,K8152*Input!$C$20,0)+IF(Input!$D$21=4,L8152*Input!$C$21,0)+IF(Input!$D$22=4,M8152*Input!$C$22,0)</f>
        <v>0</v>
      </c>
      <c r="R8152" s="58">
        <v>70.87600177456406</v>
      </c>
      <c r="S8152" s="124">
        <f t="shared" si="127"/>
        <v>1.6219545633880459</v>
      </c>
    </row>
    <row r="8153" spans="8:19" x14ac:dyDescent="0.3">
      <c r="H8153" s="44">
        <v>8146</v>
      </c>
      <c r="I8153" s="56">
        <f>Bühler!I8179</f>
        <v>0.4022298343189642</v>
      </c>
      <c r="J8153" s="59">
        <f>Bühler!J8179</f>
        <v>1.3407661143965475</v>
      </c>
      <c r="K8153" s="59">
        <f>Bühler!K8179</f>
        <v>2.0111491715948211</v>
      </c>
      <c r="L8153" s="59">
        <f>Bühler!L8179</f>
        <v>9.6535160236551398</v>
      </c>
      <c r="M8153" s="58">
        <f>Bühler!M8179</f>
        <v>0</v>
      </c>
      <c r="N8153" s="56">
        <f>IF(Input!$D$19=1,J8153*Input!$C$19,0)+IF(Input!$D$20=1,K8153*Input!$C$20,0)+IF(Input!$D$21=1,L8153*Input!$C$21,0)+IF(Input!$D$22=1,M8153*Input!$C$22,0)</f>
        <v>0.40222983431896425</v>
      </c>
      <c r="O8153" s="59">
        <f>IF(Input!$D$19=2,J8153*Input!$C$19,0)+IF(Input!$D$20=2,K8153*Input!$C$20,0)+IF(Input!$D$21=2,L8153*Input!$C$21,0)+IF(Input!$D$22=2,M8153*Input!$C$22,0)</f>
        <v>1.0055745857974105</v>
      </c>
      <c r="P8153" s="59">
        <f>IF(Input!$D$19=3,J8153*Input!$C$19,0)+IF(Input!$D$20=3,K8153*Input!$C$20,0)+IF(Input!$D$21=3,L8153*Input!$C$21,0)+IF(Input!$D$22=3,M8153*Input!$C$22,0)</f>
        <v>0</v>
      </c>
      <c r="Q8153" s="75">
        <f>IF(Input!$D$19=4,J8153*Input!$C$19,0)+IF(Input!$D$20=4,K8153*Input!$C$20,0)+IF(Input!$D$21=4,L8153*Input!$C$21,0)+IF(Input!$D$22=4,M8153*Input!$C$22,0)</f>
        <v>0</v>
      </c>
      <c r="R8153" s="58">
        <v>70.404165002748215</v>
      </c>
      <c r="S8153" s="124">
        <f t="shared" si="127"/>
        <v>1.7429959487155116</v>
      </c>
    </row>
    <row r="8154" spans="8:19" x14ac:dyDescent="0.3">
      <c r="H8154" s="44">
        <v>8147</v>
      </c>
      <c r="I8154" s="56">
        <f>Bühler!I8180</f>
        <v>0.43574898717887789</v>
      </c>
      <c r="J8154" s="59">
        <f>Bühler!J8180</f>
        <v>1.4524966239295931</v>
      </c>
      <c r="K8154" s="59">
        <f>Bühler!K8180</f>
        <v>2.1787449358943896</v>
      </c>
      <c r="L8154" s="59">
        <f>Bühler!L8180</f>
        <v>10.457975692293068</v>
      </c>
      <c r="M8154" s="58">
        <f>Bühler!M8180</f>
        <v>0</v>
      </c>
      <c r="N8154" s="56">
        <f>IF(Input!$D$19=1,J8154*Input!$C$19,0)+IF(Input!$D$20=1,K8154*Input!$C$20,0)+IF(Input!$D$21=1,L8154*Input!$C$21,0)+IF(Input!$D$22=1,M8154*Input!$C$22,0)</f>
        <v>0.43574898717887794</v>
      </c>
      <c r="O8154" s="59">
        <f>IF(Input!$D$19=2,J8154*Input!$C$19,0)+IF(Input!$D$20=2,K8154*Input!$C$20,0)+IF(Input!$D$21=2,L8154*Input!$C$21,0)+IF(Input!$D$22=2,M8154*Input!$C$22,0)</f>
        <v>1.0893724679471948</v>
      </c>
      <c r="P8154" s="59">
        <f>IF(Input!$D$19=3,J8154*Input!$C$19,0)+IF(Input!$D$20=3,K8154*Input!$C$20,0)+IF(Input!$D$21=3,L8154*Input!$C$21,0)+IF(Input!$D$22=3,M8154*Input!$C$22,0)</f>
        <v>0</v>
      </c>
      <c r="Q8154" s="75">
        <f>IF(Input!$D$19=4,J8154*Input!$C$19,0)+IF(Input!$D$20=4,K8154*Input!$C$20,0)+IF(Input!$D$21=4,L8154*Input!$C$21,0)+IF(Input!$D$22=4,M8154*Input!$C$22,0)</f>
        <v>0</v>
      </c>
      <c r="R8154" s="58">
        <v>71.12006616894088</v>
      </c>
      <c r="S8154" s="124">
        <f t="shared" si="127"/>
        <v>1.8882456111084709</v>
      </c>
    </row>
    <row r="8155" spans="8:19" x14ac:dyDescent="0.3">
      <c r="H8155" s="44">
        <v>8148</v>
      </c>
      <c r="I8155" s="56">
        <f>Bühler!I8181</f>
        <v>0.50278729289870516</v>
      </c>
      <c r="J8155" s="59">
        <f>Bühler!J8181</f>
        <v>1.6759576429956842</v>
      </c>
      <c r="K8155" s="59">
        <f>Bühler!K8181</f>
        <v>2.513936464493526</v>
      </c>
      <c r="L8155" s="59">
        <f>Bühler!L8181</f>
        <v>12.066895029568926</v>
      </c>
      <c r="M8155" s="58">
        <f>Bühler!M8181</f>
        <v>0</v>
      </c>
      <c r="N8155" s="56">
        <f>IF(Input!$D$19=1,J8155*Input!$C$19,0)+IF(Input!$D$20=1,K8155*Input!$C$20,0)+IF(Input!$D$21=1,L8155*Input!$C$21,0)+IF(Input!$D$22=1,M8155*Input!$C$22,0)</f>
        <v>0.50278729289870527</v>
      </c>
      <c r="O8155" s="59">
        <f>IF(Input!$D$19=2,J8155*Input!$C$19,0)+IF(Input!$D$20=2,K8155*Input!$C$20,0)+IF(Input!$D$21=2,L8155*Input!$C$21,0)+IF(Input!$D$22=2,M8155*Input!$C$22,0)</f>
        <v>1.256968232246763</v>
      </c>
      <c r="P8155" s="59">
        <f>IF(Input!$D$19=3,J8155*Input!$C$19,0)+IF(Input!$D$20=3,K8155*Input!$C$20,0)+IF(Input!$D$21=3,L8155*Input!$C$21,0)+IF(Input!$D$22=3,M8155*Input!$C$22,0)</f>
        <v>0</v>
      </c>
      <c r="Q8155" s="75">
        <f>IF(Input!$D$19=4,J8155*Input!$C$19,0)+IF(Input!$D$20=4,K8155*Input!$C$20,0)+IF(Input!$D$21=4,L8155*Input!$C$21,0)+IF(Input!$D$22=4,M8155*Input!$C$22,0)</f>
        <v>0</v>
      </c>
      <c r="R8155" s="58">
        <v>71.404661418312159</v>
      </c>
      <c r="S8155" s="124">
        <f t="shared" si="127"/>
        <v>2.1787449358943896</v>
      </c>
    </row>
    <row r="8156" spans="8:19" x14ac:dyDescent="0.3">
      <c r="H8156" s="44">
        <v>8149</v>
      </c>
      <c r="I8156" s="56">
        <f>Bühler!I8182</f>
        <v>0.50278729289870516</v>
      </c>
      <c r="J8156" s="59">
        <f>Bühler!J8182</f>
        <v>1.6759576429956842</v>
      </c>
      <c r="K8156" s="59">
        <f>Bühler!K8182</f>
        <v>2.513936464493526</v>
      </c>
      <c r="L8156" s="59">
        <f>Bühler!L8182</f>
        <v>12.066895029568926</v>
      </c>
      <c r="M8156" s="58">
        <f>Bühler!M8182</f>
        <v>0</v>
      </c>
      <c r="N8156" s="56">
        <f>IF(Input!$D$19=1,J8156*Input!$C$19,0)+IF(Input!$D$20=1,K8156*Input!$C$20,0)+IF(Input!$D$21=1,L8156*Input!$C$21,0)+IF(Input!$D$22=1,M8156*Input!$C$22,0)</f>
        <v>0.50278729289870527</v>
      </c>
      <c r="O8156" s="59">
        <f>IF(Input!$D$19=2,J8156*Input!$C$19,0)+IF(Input!$D$20=2,K8156*Input!$C$20,0)+IF(Input!$D$21=2,L8156*Input!$C$21,0)+IF(Input!$D$22=2,M8156*Input!$C$22,0)</f>
        <v>1.256968232246763</v>
      </c>
      <c r="P8156" s="59">
        <f>IF(Input!$D$19=3,J8156*Input!$C$19,0)+IF(Input!$D$20=3,K8156*Input!$C$20,0)+IF(Input!$D$21=3,L8156*Input!$C$21,0)+IF(Input!$D$22=3,M8156*Input!$C$22,0)</f>
        <v>0</v>
      </c>
      <c r="Q8156" s="75">
        <f>IF(Input!$D$19=4,J8156*Input!$C$19,0)+IF(Input!$D$20=4,K8156*Input!$C$20,0)+IF(Input!$D$21=4,L8156*Input!$C$21,0)+IF(Input!$D$22=4,M8156*Input!$C$22,0)</f>
        <v>0</v>
      </c>
      <c r="R8156" s="58">
        <v>70.705514074596891</v>
      </c>
      <c r="S8156" s="124">
        <f t="shared" si="127"/>
        <v>2.1787449358943896</v>
      </c>
    </row>
    <row r="8157" spans="8:19" x14ac:dyDescent="0.3">
      <c r="H8157" s="44">
        <v>8150</v>
      </c>
      <c r="I8157" s="56">
        <f>Bühler!I8183</f>
        <v>0.50278729289870516</v>
      </c>
      <c r="J8157" s="59">
        <f>Bühler!J8183</f>
        <v>1.6759576429956842</v>
      </c>
      <c r="K8157" s="59">
        <f>Bühler!K8183</f>
        <v>2.513936464493526</v>
      </c>
      <c r="L8157" s="59">
        <f>Bühler!L8183</f>
        <v>12.066895029568926</v>
      </c>
      <c r="M8157" s="58">
        <f>Bühler!M8183</f>
        <v>0</v>
      </c>
      <c r="N8157" s="56">
        <f>IF(Input!$D$19=1,J8157*Input!$C$19,0)+IF(Input!$D$20=1,K8157*Input!$C$20,0)+IF(Input!$D$21=1,L8157*Input!$C$21,0)+IF(Input!$D$22=1,M8157*Input!$C$22,0)</f>
        <v>0.50278729289870527</v>
      </c>
      <c r="O8157" s="59">
        <f>IF(Input!$D$19=2,J8157*Input!$C$19,0)+IF(Input!$D$20=2,K8157*Input!$C$20,0)+IF(Input!$D$21=2,L8157*Input!$C$21,0)+IF(Input!$D$22=2,M8157*Input!$C$22,0)</f>
        <v>1.256968232246763</v>
      </c>
      <c r="P8157" s="59">
        <f>IF(Input!$D$19=3,J8157*Input!$C$19,0)+IF(Input!$D$20=3,K8157*Input!$C$20,0)+IF(Input!$D$21=3,L8157*Input!$C$21,0)+IF(Input!$D$22=3,M8157*Input!$C$22,0)</f>
        <v>0</v>
      </c>
      <c r="Q8157" s="75">
        <f>IF(Input!$D$19=4,J8157*Input!$C$19,0)+IF(Input!$D$20=4,K8157*Input!$C$20,0)+IF(Input!$D$21=4,L8157*Input!$C$21,0)+IF(Input!$D$22=4,M8157*Input!$C$22,0)</f>
        <v>0</v>
      </c>
      <c r="R8157" s="58">
        <v>70.899644943296593</v>
      </c>
      <c r="S8157" s="124">
        <f t="shared" si="127"/>
        <v>2.1787449358943896</v>
      </c>
    </row>
    <row r="8158" spans="8:19" x14ac:dyDescent="0.3">
      <c r="H8158" s="44">
        <v>8151</v>
      </c>
      <c r="I8158" s="56">
        <f>Bühler!I8184</f>
        <v>0.50278729289870516</v>
      </c>
      <c r="J8158" s="59">
        <f>Bühler!J8184</f>
        <v>1.6759576429956842</v>
      </c>
      <c r="K8158" s="59">
        <f>Bühler!K8184</f>
        <v>2.513936464493526</v>
      </c>
      <c r="L8158" s="59">
        <f>Bühler!L8184</f>
        <v>12.066895029568926</v>
      </c>
      <c r="M8158" s="58">
        <f>Bühler!M8184</f>
        <v>0</v>
      </c>
      <c r="N8158" s="56">
        <f>IF(Input!$D$19=1,J8158*Input!$C$19,0)+IF(Input!$D$20=1,K8158*Input!$C$20,0)+IF(Input!$D$21=1,L8158*Input!$C$21,0)+IF(Input!$D$22=1,M8158*Input!$C$22,0)</f>
        <v>0.50278729289870527</v>
      </c>
      <c r="O8158" s="59">
        <f>IF(Input!$D$19=2,J8158*Input!$C$19,0)+IF(Input!$D$20=2,K8158*Input!$C$20,0)+IF(Input!$D$21=2,L8158*Input!$C$21,0)+IF(Input!$D$22=2,M8158*Input!$C$22,0)</f>
        <v>1.256968232246763</v>
      </c>
      <c r="P8158" s="59">
        <f>IF(Input!$D$19=3,J8158*Input!$C$19,0)+IF(Input!$D$20=3,K8158*Input!$C$20,0)+IF(Input!$D$21=3,L8158*Input!$C$21,0)+IF(Input!$D$22=3,M8158*Input!$C$22,0)</f>
        <v>0</v>
      </c>
      <c r="Q8158" s="75">
        <f>IF(Input!$D$19=4,J8158*Input!$C$19,0)+IF(Input!$D$20=4,K8158*Input!$C$20,0)+IF(Input!$D$21=4,L8158*Input!$C$21,0)+IF(Input!$D$22=4,M8158*Input!$C$22,0)</f>
        <v>0</v>
      </c>
      <c r="R8158" s="58">
        <v>71.167497295044427</v>
      </c>
      <c r="S8158" s="124">
        <f t="shared" si="127"/>
        <v>2.1787449358943896</v>
      </c>
    </row>
    <row r="8159" spans="8:19" x14ac:dyDescent="0.3">
      <c r="H8159" s="44">
        <v>8152</v>
      </c>
      <c r="I8159" s="56">
        <f>Bühler!I8185</f>
        <v>0.50278729289870516</v>
      </c>
      <c r="J8159" s="59">
        <f>Bühler!J8185</f>
        <v>1.6759576429956842</v>
      </c>
      <c r="K8159" s="59">
        <f>Bühler!K8185</f>
        <v>2.513936464493526</v>
      </c>
      <c r="L8159" s="59">
        <f>Bühler!L8185</f>
        <v>12.066895029568926</v>
      </c>
      <c r="M8159" s="58">
        <f>Bühler!M8185</f>
        <v>0</v>
      </c>
      <c r="N8159" s="56">
        <f>IF(Input!$D$19=1,J8159*Input!$C$19,0)+IF(Input!$D$20=1,K8159*Input!$C$20,0)+IF(Input!$D$21=1,L8159*Input!$C$21,0)+IF(Input!$D$22=1,M8159*Input!$C$22,0)</f>
        <v>0.50278729289870527</v>
      </c>
      <c r="O8159" s="59">
        <f>IF(Input!$D$19=2,J8159*Input!$C$19,0)+IF(Input!$D$20=2,K8159*Input!$C$20,0)+IF(Input!$D$21=2,L8159*Input!$C$21,0)+IF(Input!$D$22=2,M8159*Input!$C$22,0)</f>
        <v>1.256968232246763</v>
      </c>
      <c r="P8159" s="59">
        <f>IF(Input!$D$19=3,J8159*Input!$C$19,0)+IF(Input!$D$20=3,K8159*Input!$C$20,0)+IF(Input!$D$21=3,L8159*Input!$C$21,0)+IF(Input!$D$22=3,M8159*Input!$C$22,0)</f>
        <v>0</v>
      </c>
      <c r="Q8159" s="75">
        <f>IF(Input!$D$19=4,J8159*Input!$C$19,0)+IF(Input!$D$20=4,K8159*Input!$C$20,0)+IF(Input!$D$21=4,L8159*Input!$C$21,0)+IF(Input!$D$22=4,M8159*Input!$C$22,0)</f>
        <v>0</v>
      </c>
      <c r="R8159" s="58">
        <v>70.036740766839372</v>
      </c>
      <c r="S8159" s="124">
        <f t="shared" si="127"/>
        <v>2.1787449358943896</v>
      </c>
    </row>
    <row r="8160" spans="8:19" x14ac:dyDescent="0.3">
      <c r="H8160" s="44">
        <v>8153</v>
      </c>
      <c r="I8160" s="56">
        <f>Bühler!I8186</f>
        <v>0.50278729289870516</v>
      </c>
      <c r="J8160" s="59">
        <f>Bühler!J8186</f>
        <v>1.6759576429956842</v>
      </c>
      <c r="K8160" s="59">
        <f>Bühler!K8186</f>
        <v>2.513936464493526</v>
      </c>
      <c r="L8160" s="59">
        <f>Bühler!L8186</f>
        <v>12.066895029568926</v>
      </c>
      <c r="M8160" s="58">
        <f>Bühler!M8186</f>
        <v>0</v>
      </c>
      <c r="N8160" s="56">
        <f>IF(Input!$D$19=1,J8160*Input!$C$19,0)+IF(Input!$D$20=1,K8160*Input!$C$20,0)+IF(Input!$D$21=1,L8160*Input!$C$21,0)+IF(Input!$D$22=1,M8160*Input!$C$22,0)</f>
        <v>0.50278729289870527</v>
      </c>
      <c r="O8160" s="59">
        <f>IF(Input!$D$19=2,J8160*Input!$C$19,0)+IF(Input!$D$20=2,K8160*Input!$C$20,0)+IF(Input!$D$21=2,L8160*Input!$C$21,0)+IF(Input!$D$22=2,M8160*Input!$C$22,0)</f>
        <v>1.256968232246763</v>
      </c>
      <c r="P8160" s="59">
        <f>IF(Input!$D$19=3,J8160*Input!$C$19,0)+IF(Input!$D$20=3,K8160*Input!$C$20,0)+IF(Input!$D$21=3,L8160*Input!$C$21,0)+IF(Input!$D$22=3,M8160*Input!$C$22,0)</f>
        <v>0</v>
      </c>
      <c r="Q8160" s="75">
        <f>IF(Input!$D$19=4,J8160*Input!$C$19,0)+IF(Input!$D$20=4,K8160*Input!$C$20,0)+IF(Input!$D$21=4,L8160*Input!$C$21,0)+IF(Input!$D$22=4,M8160*Input!$C$22,0)</f>
        <v>0</v>
      </c>
      <c r="R8160" s="58">
        <v>68.633816903021838</v>
      </c>
      <c r="S8160" s="124">
        <f t="shared" si="127"/>
        <v>2.1787449358943896</v>
      </c>
    </row>
    <row r="8161" spans="8:19" x14ac:dyDescent="0.3">
      <c r="H8161" s="44">
        <v>8154</v>
      </c>
      <c r="I8161" s="56">
        <f>Bühler!I8187</f>
        <v>0.50278729289870516</v>
      </c>
      <c r="J8161" s="59">
        <f>Bühler!J8187</f>
        <v>1.6759576429956842</v>
      </c>
      <c r="K8161" s="59">
        <f>Bühler!K8187</f>
        <v>2.513936464493526</v>
      </c>
      <c r="L8161" s="59">
        <f>Bühler!L8187</f>
        <v>12.066895029568926</v>
      </c>
      <c r="M8161" s="58">
        <f>Bühler!M8187</f>
        <v>0</v>
      </c>
      <c r="N8161" s="56">
        <f>IF(Input!$D$19=1,J8161*Input!$C$19,0)+IF(Input!$D$20=1,K8161*Input!$C$20,0)+IF(Input!$D$21=1,L8161*Input!$C$21,0)+IF(Input!$D$22=1,M8161*Input!$C$22,0)</f>
        <v>0.50278729289870527</v>
      </c>
      <c r="O8161" s="59">
        <f>IF(Input!$D$19=2,J8161*Input!$C$19,0)+IF(Input!$D$20=2,K8161*Input!$C$20,0)+IF(Input!$D$21=2,L8161*Input!$C$21,0)+IF(Input!$D$22=2,M8161*Input!$C$22,0)</f>
        <v>1.256968232246763</v>
      </c>
      <c r="P8161" s="59">
        <f>IF(Input!$D$19=3,J8161*Input!$C$19,0)+IF(Input!$D$20=3,K8161*Input!$C$20,0)+IF(Input!$D$21=3,L8161*Input!$C$21,0)+IF(Input!$D$22=3,M8161*Input!$C$22,0)</f>
        <v>0</v>
      </c>
      <c r="Q8161" s="75">
        <f>IF(Input!$D$19=4,J8161*Input!$C$19,0)+IF(Input!$D$20=4,K8161*Input!$C$20,0)+IF(Input!$D$21=4,L8161*Input!$C$21,0)+IF(Input!$D$22=4,M8161*Input!$C$22,0)</f>
        <v>0</v>
      </c>
      <c r="R8161" s="58">
        <v>68.273168606715799</v>
      </c>
      <c r="S8161" s="124">
        <f t="shared" si="127"/>
        <v>2.1787449358943896</v>
      </c>
    </row>
    <row r="8162" spans="8:19" x14ac:dyDescent="0.3">
      <c r="H8162" s="44">
        <v>8155</v>
      </c>
      <c r="I8162" s="56">
        <f>Bühler!I8188</f>
        <v>0.50278729289870516</v>
      </c>
      <c r="J8162" s="59">
        <f>Bühler!J8188</f>
        <v>1.6759576429956842</v>
      </c>
      <c r="K8162" s="59">
        <f>Bühler!K8188</f>
        <v>2.513936464493526</v>
      </c>
      <c r="L8162" s="59">
        <f>Bühler!L8188</f>
        <v>12.066895029568926</v>
      </c>
      <c r="M8162" s="58">
        <f>Bühler!M8188</f>
        <v>0</v>
      </c>
      <c r="N8162" s="56">
        <f>IF(Input!$D$19=1,J8162*Input!$C$19,0)+IF(Input!$D$20=1,K8162*Input!$C$20,0)+IF(Input!$D$21=1,L8162*Input!$C$21,0)+IF(Input!$D$22=1,M8162*Input!$C$22,0)</f>
        <v>0.50278729289870527</v>
      </c>
      <c r="O8162" s="59">
        <f>IF(Input!$D$19=2,J8162*Input!$C$19,0)+IF(Input!$D$20=2,K8162*Input!$C$20,0)+IF(Input!$D$21=2,L8162*Input!$C$21,0)+IF(Input!$D$22=2,M8162*Input!$C$22,0)</f>
        <v>1.256968232246763</v>
      </c>
      <c r="P8162" s="59">
        <f>IF(Input!$D$19=3,J8162*Input!$C$19,0)+IF(Input!$D$20=3,K8162*Input!$C$20,0)+IF(Input!$D$21=3,L8162*Input!$C$21,0)+IF(Input!$D$22=3,M8162*Input!$C$22,0)</f>
        <v>0</v>
      </c>
      <c r="Q8162" s="75">
        <f>IF(Input!$D$19=4,J8162*Input!$C$19,0)+IF(Input!$D$20=4,K8162*Input!$C$20,0)+IF(Input!$D$21=4,L8162*Input!$C$21,0)+IF(Input!$D$22=4,M8162*Input!$C$22,0)</f>
        <v>0</v>
      </c>
      <c r="R8162" s="58">
        <v>66.929150221498475</v>
      </c>
      <c r="S8162" s="124">
        <f t="shared" si="127"/>
        <v>2.1787449358943896</v>
      </c>
    </row>
    <row r="8163" spans="8:19" x14ac:dyDescent="0.3">
      <c r="H8163" s="44">
        <v>8156</v>
      </c>
      <c r="I8163" s="56">
        <f>Bühler!I8189</f>
        <v>0.41898941074892099</v>
      </c>
      <c r="J8163" s="59">
        <f>Bühler!J8189</f>
        <v>1.3966313691630701</v>
      </c>
      <c r="K8163" s="59">
        <f>Bühler!K8189</f>
        <v>2.0949470537446051</v>
      </c>
      <c r="L8163" s="59">
        <f>Bühler!L8189</f>
        <v>10.055745857974104</v>
      </c>
      <c r="M8163" s="58">
        <f>Bühler!M8189</f>
        <v>0</v>
      </c>
      <c r="N8163" s="56">
        <f>IF(Input!$D$19=1,J8163*Input!$C$19,0)+IF(Input!$D$20=1,K8163*Input!$C$20,0)+IF(Input!$D$21=1,L8163*Input!$C$21,0)+IF(Input!$D$22=1,M8163*Input!$C$22,0)</f>
        <v>0.41898941074892099</v>
      </c>
      <c r="O8163" s="59">
        <f>IF(Input!$D$19=2,J8163*Input!$C$19,0)+IF(Input!$D$20=2,K8163*Input!$C$20,0)+IF(Input!$D$21=2,L8163*Input!$C$21,0)+IF(Input!$D$22=2,M8163*Input!$C$22,0)</f>
        <v>1.0474735268723026</v>
      </c>
      <c r="P8163" s="59">
        <f>IF(Input!$D$19=3,J8163*Input!$C$19,0)+IF(Input!$D$20=3,K8163*Input!$C$20,0)+IF(Input!$D$21=3,L8163*Input!$C$21,0)+IF(Input!$D$22=3,M8163*Input!$C$22,0)</f>
        <v>0</v>
      </c>
      <c r="Q8163" s="75">
        <f>IF(Input!$D$19=4,J8163*Input!$C$19,0)+IF(Input!$D$20=4,K8163*Input!$C$20,0)+IF(Input!$D$21=4,L8163*Input!$C$21,0)+IF(Input!$D$22=4,M8163*Input!$C$22,0)</f>
        <v>0</v>
      </c>
      <c r="R8163" s="58">
        <v>65.548813934468953</v>
      </c>
      <c r="S8163" s="124">
        <f t="shared" si="127"/>
        <v>1.815620779911991</v>
      </c>
    </row>
    <row r="8164" spans="8:19" x14ac:dyDescent="0.3">
      <c r="H8164" s="44">
        <v>8157</v>
      </c>
      <c r="I8164" s="56">
        <f>Bühler!I8190</f>
        <v>0.33519152859913687</v>
      </c>
      <c r="J8164" s="59">
        <f>Bühler!J8190</f>
        <v>1.1173050953304562</v>
      </c>
      <c r="K8164" s="59">
        <f>Bühler!K8190</f>
        <v>1.6759576429956844</v>
      </c>
      <c r="L8164" s="59">
        <f>Bühler!L8190</f>
        <v>8.0445966863792844</v>
      </c>
      <c r="M8164" s="58">
        <f>Bühler!M8190</f>
        <v>0</v>
      </c>
      <c r="N8164" s="56">
        <f>IF(Input!$D$19=1,J8164*Input!$C$19,0)+IF(Input!$D$20=1,K8164*Input!$C$20,0)+IF(Input!$D$21=1,L8164*Input!$C$21,0)+IF(Input!$D$22=1,M8164*Input!$C$22,0)</f>
        <v>0.33519152859913687</v>
      </c>
      <c r="O8164" s="59">
        <f>IF(Input!$D$19=2,J8164*Input!$C$19,0)+IF(Input!$D$20=2,K8164*Input!$C$20,0)+IF(Input!$D$21=2,L8164*Input!$C$21,0)+IF(Input!$D$22=2,M8164*Input!$C$22,0)</f>
        <v>0.8379788214978422</v>
      </c>
      <c r="P8164" s="59">
        <f>IF(Input!$D$19=3,J8164*Input!$C$19,0)+IF(Input!$D$20=3,K8164*Input!$C$20,0)+IF(Input!$D$21=3,L8164*Input!$C$21,0)+IF(Input!$D$22=3,M8164*Input!$C$22,0)</f>
        <v>0</v>
      </c>
      <c r="Q8164" s="75">
        <f>IF(Input!$D$19=4,J8164*Input!$C$19,0)+IF(Input!$D$20=4,K8164*Input!$C$20,0)+IF(Input!$D$21=4,L8164*Input!$C$21,0)+IF(Input!$D$22=4,M8164*Input!$C$22,0)</f>
        <v>0</v>
      </c>
      <c r="R8164" s="58">
        <v>63.918626826709804</v>
      </c>
      <c r="S8164" s="124">
        <f t="shared" si="127"/>
        <v>1.4524966239295931</v>
      </c>
    </row>
    <row r="8165" spans="8:19" x14ac:dyDescent="0.3">
      <c r="H8165" s="44">
        <v>8158</v>
      </c>
      <c r="I8165" s="56">
        <f>Bühler!I8191</f>
        <v>0.25139364644935258</v>
      </c>
      <c r="J8165" s="59">
        <f>Bühler!J8191</f>
        <v>0.83797882149784209</v>
      </c>
      <c r="K8165" s="59">
        <f>Bühler!K8191</f>
        <v>1.256968232246763</v>
      </c>
      <c r="L8165" s="59">
        <f>Bühler!L8191</f>
        <v>6.0334475147844628</v>
      </c>
      <c r="M8165" s="58">
        <f>Bühler!M8191</f>
        <v>0</v>
      </c>
      <c r="N8165" s="56">
        <f>IF(Input!$D$19=1,J8165*Input!$C$19,0)+IF(Input!$D$20=1,K8165*Input!$C$20,0)+IF(Input!$D$21=1,L8165*Input!$C$21,0)+IF(Input!$D$22=1,M8165*Input!$C$22,0)</f>
        <v>0.25139364644935264</v>
      </c>
      <c r="O8165" s="59">
        <f>IF(Input!$D$19=2,J8165*Input!$C$19,0)+IF(Input!$D$20=2,K8165*Input!$C$20,0)+IF(Input!$D$21=2,L8165*Input!$C$21,0)+IF(Input!$D$22=2,M8165*Input!$C$22,0)</f>
        <v>0.62848411612338151</v>
      </c>
      <c r="P8165" s="59">
        <f>IF(Input!$D$19=3,J8165*Input!$C$19,0)+IF(Input!$D$20=3,K8165*Input!$C$20,0)+IF(Input!$D$21=3,L8165*Input!$C$21,0)+IF(Input!$D$22=3,M8165*Input!$C$22,0)</f>
        <v>0</v>
      </c>
      <c r="Q8165" s="75">
        <f>IF(Input!$D$19=4,J8165*Input!$C$19,0)+IF(Input!$D$20=4,K8165*Input!$C$20,0)+IF(Input!$D$21=4,L8165*Input!$C$21,0)+IF(Input!$D$22=4,M8165*Input!$C$22,0)</f>
        <v>0</v>
      </c>
      <c r="R8165" s="58">
        <v>62.090183335127527</v>
      </c>
      <c r="S8165" s="124">
        <f t="shared" si="127"/>
        <v>1.0893724679471948</v>
      </c>
    </row>
    <row r="8166" spans="8:19" x14ac:dyDescent="0.3">
      <c r="H8166" s="44">
        <v>8159</v>
      </c>
      <c r="I8166" s="56">
        <f>Bühler!I8192</f>
        <v>0.25139364644935258</v>
      </c>
      <c r="J8166" s="59">
        <f>Bühler!J8192</f>
        <v>0.83797882149784209</v>
      </c>
      <c r="K8166" s="59">
        <f>Bühler!K8192</f>
        <v>1.256968232246763</v>
      </c>
      <c r="L8166" s="59">
        <f>Bühler!L8192</f>
        <v>6.0334475147844628</v>
      </c>
      <c r="M8166" s="58">
        <f>Bühler!M8192</f>
        <v>0</v>
      </c>
      <c r="N8166" s="56">
        <f>IF(Input!$D$19=1,J8166*Input!$C$19,0)+IF(Input!$D$20=1,K8166*Input!$C$20,0)+IF(Input!$D$21=1,L8166*Input!$C$21,0)+IF(Input!$D$22=1,M8166*Input!$C$22,0)</f>
        <v>0.25139364644935264</v>
      </c>
      <c r="O8166" s="59">
        <f>IF(Input!$D$19=2,J8166*Input!$C$19,0)+IF(Input!$D$20=2,K8166*Input!$C$20,0)+IF(Input!$D$21=2,L8166*Input!$C$21,0)+IF(Input!$D$22=2,M8166*Input!$C$22,0)</f>
        <v>0.62848411612338151</v>
      </c>
      <c r="P8166" s="59">
        <f>IF(Input!$D$19=3,J8166*Input!$C$19,0)+IF(Input!$D$20=3,K8166*Input!$C$20,0)+IF(Input!$D$21=3,L8166*Input!$C$21,0)+IF(Input!$D$22=3,M8166*Input!$C$22,0)</f>
        <v>0</v>
      </c>
      <c r="Q8166" s="75">
        <f>IF(Input!$D$19=4,J8166*Input!$C$19,0)+IF(Input!$D$20=4,K8166*Input!$C$20,0)+IF(Input!$D$21=4,L8166*Input!$C$21,0)+IF(Input!$D$22=4,M8166*Input!$C$22,0)</f>
        <v>0</v>
      </c>
      <c r="R8166" s="58">
        <v>62.126374120282179</v>
      </c>
      <c r="S8166" s="124">
        <f t="shared" si="127"/>
        <v>1.0893724679471948</v>
      </c>
    </row>
    <row r="8167" spans="8:19" x14ac:dyDescent="0.3">
      <c r="H8167" s="44">
        <v>8160</v>
      </c>
      <c r="I8167" s="56">
        <f>Bühler!I8193</f>
        <v>0.25139364644935258</v>
      </c>
      <c r="J8167" s="59">
        <f>Bühler!J8193</f>
        <v>0.83797882149784209</v>
      </c>
      <c r="K8167" s="59">
        <f>Bühler!K8193</f>
        <v>1.256968232246763</v>
      </c>
      <c r="L8167" s="59">
        <f>Bühler!L8193</f>
        <v>6.0334475147844628</v>
      </c>
      <c r="M8167" s="58">
        <f>Bühler!M8193</f>
        <v>0</v>
      </c>
      <c r="N8167" s="56">
        <f>IF(Input!$D$19=1,J8167*Input!$C$19,0)+IF(Input!$D$20=1,K8167*Input!$C$20,0)+IF(Input!$D$21=1,L8167*Input!$C$21,0)+IF(Input!$D$22=1,M8167*Input!$C$22,0)</f>
        <v>0.25139364644935264</v>
      </c>
      <c r="O8167" s="59">
        <f>IF(Input!$D$19=2,J8167*Input!$C$19,0)+IF(Input!$D$20=2,K8167*Input!$C$20,0)+IF(Input!$D$21=2,L8167*Input!$C$21,0)+IF(Input!$D$22=2,M8167*Input!$C$22,0)</f>
        <v>0.62848411612338151</v>
      </c>
      <c r="P8167" s="59">
        <f>IF(Input!$D$19=3,J8167*Input!$C$19,0)+IF(Input!$D$20=3,K8167*Input!$C$20,0)+IF(Input!$D$21=3,L8167*Input!$C$21,0)+IF(Input!$D$22=3,M8167*Input!$C$22,0)</f>
        <v>0</v>
      </c>
      <c r="Q8167" s="75">
        <f>IF(Input!$D$19=4,J8167*Input!$C$19,0)+IF(Input!$D$20=4,K8167*Input!$C$20,0)+IF(Input!$D$21=4,L8167*Input!$C$21,0)+IF(Input!$D$22=4,M8167*Input!$C$22,0)</f>
        <v>0</v>
      </c>
      <c r="R8167" s="58">
        <v>61.457737383005536</v>
      </c>
      <c r="S8167" s="124">
        <f t="shared" si="127"/>
        <v>1.0893724679471948</v>
      </c>
    </row>
    <row r="8168" spans="8:19" x14ac:dyDescent="0.3">
      <c r="H8168" s="44">
        <v>8161</v>
      </c>
      <c r="I8168" s="56">
        <f>Bühler!I8194</f>
        <v>0.28377473344448823</v>
      </c>
      <c r="J8168" s="59">
        <f>Bühler!J8194</f>
        <v>0.9459157781482942</v>
      </c>
      <c r="K8168" s="59">
        <f>Bühler!K8194</f>
        <v>1.4188736672224411</v>
      </c>
      <c r="L8168" s="59">
        <f>Bühler!L8194</f>
        <v>6.8105936026677174</v>
      </c>
      <c r="M8168" s="58">
        <f>Bühler!M8194</f>
        <v>0</v>
      </c>
      <c r="N8168" s="56">
        <f>IF(Input!$D$19=1,J8168*Input!$C$19,0)+IF(Input!$D$20=1,K8168*Input!$C$20,0)+IF(Input!$D$21=1,L8168*Input!$C$21,0)+IF(Input!$D$22=1,M8168*Input!$C$22,0)</f>
        <v>0.28377473344448823</v>
      </c>
      <c r="O8168" s="59">
        <f>IF(Input!$D$19=2,J8168*Input!$C$19,0)+IF(Input!$D$20=2,K8168*Input!$C$20,0)+IF(Input!$D$21=2,L8168*Input!$C$21,0)+IF(Input!$D$22=2,M8168*Input!$C$22,0)</f>
        <v>0.70943683361122056</v>
      </c>
      <c r="P8168" s="59">
        <f>IF(Input!$D$19=3,J8168*Input!$C$19,0)+IF(Input!$D$20=3,K8168*Input!$C$20,0)+IF(Input!$D$21=3,L8168*Input!$C$21,0)+IF(Input!$D$22=3,M8168*Input!$C$22,0)</f>
        <v>0</v>
      </c>
      <c r="Q8168" s="75">
        <f>IF(Input!$D$19=4,J8168*Input!$C$19,0)+IF(Input!$D$20=4,K8168*Input!$C$20,0)+IF(Input!$D$21=4,L8168*Input!$C$21,0)+IF(Input!$D$22=4,M8168*Input!$C$22,0)</f>
        <v>0</v>
      </c>
      <c r="R8168" s="58">
        <v>60.973853105943959</v>
      </c>
      <c r="S8168" s="124">
        <f t="shared" si="127"/>
        <v>1.2296905115927825</v>
      </c>
    </row>
    <row r="8169" spans="8:19" x14ac:dyDescent="0.3">
      <c r="H8169" s="44">
        <v>8162</v>
      </c>
      <c r="I8169" s="56">
        <f>Bühler!I8195</f>
        <v>0.28377473344448823</v>
      </c>
      <c r="J8169" s="59">
        <f>Bühler!J8195</f>
        <v>0.9459157781482942</v>
      </c>
      <c r="K8169" s="59">
        <f>Bühler!K8195</f>
        <v>1.4188736672224411</v>
      </c>
      <c r="L8169" s="59">
        <f>Bühler!L8195</f>
        <v>6.8105936026677174</v>
      </c>
      <c r="M8169" s="58">
        <f>Bühler!M8195</f>
        <v>0</v>
      </c>
      <c r="N8169" s="56">
        <f>IF(Input!$D$19=1,J8169*Input!$C$19,0)+IF(Input!$D$20=1,K8169*Input!$C$20,0)+IF(Input!$D$21=1,L8169*Input!$C$21,0)+IF(Input!$D$22=1,M8169*Input!$C$22,0)</f>
        <v>0.28377473344448823</v>
      </c>
      <c r="O8169" s="59">
        <f>IF(Input!$D$19=2,J8169*Input!$C$19,0)+IF(Input!$D$20=2,K8169*Input!$C$20,0)+IF(Input!$D$21=2,L8169*Input!$C$21,0)+IF(Input!$D$22=2,M8169*Input!$C$22,0)</f>
        <v>0.70943683361122056</v>
      </c>
      <c r="P8169" s="59">
        <f>IF(Input!$D$19=3,J8169*Input!$C$19,0)+IF(Input!$D$20=3,K8169*Input!$C$20,0)+IF(Input!$D$21=3,L8169*Input!$C$21,0)+IF(Input!$D$22=3,M8169*Input!$C$22,0)</f>
        <v>0</v>
      </c>
      <c r="Q8169" s="75">
        <f>IF(Input!$D$19=4,J8169*Input!$C$19,0)+IF(Input!$D$20=4,K8169*Input!$C$20,0)+IF(Input!$D$21=4,L8169*Input!$C$21,0)+IF(Input!$D$22=4,M8169*Input!$C$22,0)</f>
        <v>0</v>
      </c>
      <c r="R8169" s="58">
        <v>60.480378709673843</v>
      </c>
      <c r="S8169" s="124">
        <f t="shared" si="127"/>
        <v>1.2296905115927825</v>
      </c>
    </row>
    <row r="8170" spans="8:19" x14ac:dyDescent="0.3">
      <c r="H8170" s="44">
        <v>8163</v>
      </c>
      <c r="I8170" s="56">
        <f>Bühler!I8196</f>
        <v>0.28377473344448823</v>
      </c>
      <c r="J8170" s="59">
        <f>Bühler!J8196</f>
        <v>0.9459157781482942</v>
      </c>
      <c r="K8170" s="59">
        <f>Bühler!K8196</f>
        <v>1.4188736672224411</v>
      </c>
      <c r="L8170" s="59">
        <f>Bühler!L8196</f>
        <v>6.8105936026677174</v>
      </c>
      <c r="M8170" s="58">
        <f>Bühler!M8196</f>
        <v>0</v>
      </c>
      <c r="N8170" s="56">
        <f>IF(Input!$D$19=1,J8170*Input!$C$19,0)+IF(Input!$D$20=1,K8170*Input!$C$20,0)+IF(Input!$D$21=1,L8170*Input!$C$21,0)+IF(Input!$D$22=1,M8170*Input!$C$22,0)</f>
        <v>0.28377473344448823</v>
      </c>
      <c r="O8170" s="59">
        <f>IF(Input!$D$19=2,J8170*Input!$C$19,0)+IF(Input!$D$20=2,K8170*Input!$C$20,0)+IF(Input!$D$21=2,L8170*Input!$C$21,0)+IF(Input!$D$22=2,M8170*Input!$C$22,0)</f>
        <v>0.70943683361122056</v>
      </c>
      <c r="P8170" s="59">
        <f>IF(Input!$D$19=3,J8170*Input!$C$19,0)+IF(Input!$D$20=3,K8170*Input!$C$20,0)+IF(Input!$D$21=3,L8170*Input!$C$21,0)+IF(Input!$D$22=3,M8170*Input!$C$22,0)</f>
        <v>0</v>
      </c>
      <c r="Q8170" s="75">
        <f>IF(Input!$D$19=4,J8170*Input!$C$19,0)+IF(Input!$D$20=4,K8170*Input!$C$20,0)+IF(Input!$D$21=4,L8170*Input!$C$21,0)+IF(Input!$D$22=4,M8170*Input!$C$22,0)</f>
        <v>0</v>
      </c>
      <c r="R8170" s="58">
        <v>60.664493370248415</v>
      </c>
      <c r="S8170" s="124">
        <f t="shared" si="127"/>
        <v>1.2296905115927825</v>
      </c>
    </row>
    <row r="8171" spans="8:19" x14ac:dyDescent="0.3">
      <c r="H8171" s="44">
        <v>8164</v>
      </c>
      <c r="I8171" s="56">
        <f>Bühler!I8197</f>
        <v>0.28377473344448823</v>
      </c>
      <c r="J8171" s="59">
        <f>Bühler!J8197</f>
        <v>0.9459157781482942</v>
      </c>
      <c r="K8171" s="59">
        <f>Bühler!K8197</f>
        <v>1.4188736672224411</v>
      </c>
      <c r="L8171" s="59">
        <f>Bühler!L8197</f>
        <v>6.8105936026677174</v>
      </c>
      <c r="M8171" s="58">
        <f>Bühler!M8197</f>
        <v>0</v>
      </c>
      <c r="N8171" s="56">
        <f>IF(Input!$D$19=1,J8171*Input!$C$19,0)+IF(Input!$D$20=1,K8171*Input!$C$20,0)+IF(Input!$D$21=1,L8171*Input!$C$21,0)+IF(Input!$D$22=1,M8171*Input!$C$22,0)</f>
        <v>0.28377473344448823</v>
      </c>
      <c r="O8171" s="59">
        <f>IF(Input!$D$19=2,J8171*Input!$C$19,0)+IF(Input!$D$20=2,K8171*Input!$C$20,0)+IF(Input!$D$21=2,L8171*Input!$C$21,0)+IF(Input!$D$22=2,M8171*Input!$C$22,0)</f>
        <v>0.70943683361122056</v>
      </c>
      <c r="P8171" s="59">
        <f>IF(Input!$D$19=3,J8171*Input!$C$19,0)+IF(Input!$D$20=3,K8171*Input!$C$20,0)+IF(Input!$D$21=3,L8171*Input!$C$21,0)+IF(Input!$D$22=3,M8171*Input!$C$22,0)</f>
        <v>0</v>
      </c>
      <c r="Q8171" s="75">
        <f>IF(Input!$D$19=4,J8171*Input!$C$19,0)+IF(Input!$D$20=4,K8171*Input!$C$20,0)+IF(Input!$D$21=4,L8171*Input!$C$21,0)+IF(Input!$D$22=4,M8171*Input!$C$22,0)</f>
        <v>0</v>
      </c>
      <c r="R8171" s="58">
        <v>60.83076462578736</v>
      </c>
      <c r="S8171" s="124">
        <f t="shared" si="127"/>
        <v>1.2296905115927825</v>
      </c>
    </row>
    <row r="8172" spans="8:19" x14ac:dyDescent="0.3">
      <c r="H8172" s="44">
        <v>8165</v>
      </c>
      <c r="I8172" s="56">
        <f>Bühler!I8198</f>
        <v>0.28377473344448823</v>
      </c>
      <c r="J8172" s="59">
        <f>Bühler!J8198</f>
        <v>0.9459157781482942</v>
      </c>
      <c r="K8172" s="59">
        <f>Bühler!K8198</f>
        <v>1.4188736672224411</v>
      </c>
      <c r="L8172" s="59">
        <f>Bühler!L8198</f>
        <v>6.8105936026677174</v>
      </c>
      <c r="M8172" s="58">
        <f>Bühler!M8198</f>
        <v>0</v>
      </c>
      <c r="N8172" s="56">
        <f>IF(Input!$D$19=1,J8172*Input!$C$19,0)+IF(Input!$D$20=1,K8172*Input!$C$20,0)+IF(Input!$D$21=1,L8172*Input!$C$21,0)+IF(Input!$D$22=1,M8172*Input!$C$22,0)</f>
        <v>0.28377473344448823</v>
      </c>
      <c r="O8172" s="59">
        <f>IF(Input!$D$19=2,J8172*Input!$C$19,0)+IF(Input!$D$20=2,K8172*Input!$C$20,0)+IF(Input!$D$21=2,L8172*Input!$C$21,0)+IF(Input!$D$22=2,M8172*Input!$C$22,0)</f>
        <v>0.70943683361122056</v>
      </c>
      <c r="P8172" s="59">
        <f>IF(Input!$D$19=3,J8172*Input!$C$19,0)+IF(Input!$D$20=3,K8172*Input!$C$20,0)+IF(Input!$D$21=3,L8172*Input!$C$21,0)+IF(Input!$D$22=3,M8172*Input!$C$22,0)</f>
        <v>0</v>
      </c>
      <c r="Q8172" s="75">
        <f>IF(Input!$D$19=4,J8172*Input!$C$19,0)+IF(Input!$D$20=4,K8172*Input!$C$20,0)+IF(Input!$D$21=4,L8172*Input!$C$21,0)+IF(Input!$D$22=4,M8172*Input!$C$22,0)</f>
        <v>0</v>
      </c>
      <c r="R8172" s="58">
        <v>61.879505843513847</v>
      </c>
      <c r="S8172" s="124">
        <f t="shared" si="127"/>
        <v>1.2296905115927825</v>
      </c>
    </row>
    <row r="8173" spans="8:19" x14ac:dyDescent="0.3">
      <c r="H8173" s="44">
        <v>8166</v>
      </c>
      <c r="I8173" s="56">
        <f>Bühler!I8199</f>
        <v>0.36575410088400706</v>
      </c>
      <c r="J8173" s="59">
        <f>Bühler!J8199</f>
        <v>1.2191803362800238</v>
      </c>
      <c r="K8173" s="59">
        <f>Bühler!K8199</f>
        <v>1.8287705044200353</v>
      </c>
      <c r="L8173" s="59">
        <f>Bühler!L8199</f>
        <v>8.7780984212161695</v>
      </c>
      <c r="M8173" s="58">
        <f>Bühler!M8199</f>
        <v>0</v>
      </c>
      <c r="N8173" s="56">
        <f>IF(Input!$D$19=1,J8173*Input!$C$19,0)+IF(Input!$D$20=1,K8173*Input!$C$20,0)+IF(Input!$D$21=1,L8173*Input!$C$21,0)+IF(Input!$D$22=1,M8173*Input!$C$22,0)</f>
        <v>0.36575410088400712</v>
      </c>
      <c r="O8173" s="59">
        <f>IF(Input!$D$19=2,J8173*Input!$C$19,0)+IF(Input!$D$20=2,K8173*Input!$C$20,0)+IF(Input!$D$21=2,L8173*Input!$C$21,0)+IF(Input!$D$22=2,M8173*Input!$C$22,0)</f>
        <v>0.91438525221001765</v>
      </c>
      <c r="P8173" s="59">
        <f>IF(Input!$D$19=3,J8173*Input!$C$19,0)+IF(Input!$D$20=3,K8173*Input!$C$20,0)+IF(Input!$D$21=3,L8173*Input!$C$21,0)+IF(Input!$D$22=3,M8173*Input!$C$22,0)</f>
        <v>0</v>
      </c>
      <c r="Q8173" s="75">
        <f>IF(Input!$D$19=4,J8173*Input!$C$19,0)+IF(Input!$D$20=4,K8173*Input!$C$20,0)+IF(Input!$D$21=4,L8173*Input!$C$21,0)+IF(Input!$D$22=4,M8173*Input!$C$22,0)</f>
        <v>0</v>
      </c>
      <c r="R8173" s="58">
        <v>64.788419211825172</v>
      </c>
      <c r="S8173" s="124">
        <f t="shared" si="127"/>
        <v>1.5849344371640308</v>
      </c>
    </row>
    <row r="8174" spans="8:19" x14ac:dyDescent="0.3">
      <c r="H8174" s="44">
        <v>8167</v>
      </c>
      <c r="I8174" s="56">
        <f>Bühler!I8200</f>
        <v>0.44142736313587061</v>
      </c>
      <c r="J8174" s="59">
        <f>Bühler!J8200</f>
        <v>1.4714245437862354</v>
      </c>
      <c r="K8174" s="59">
        <f>Bühler!K8200</f>
        <v>2.2071368156793532</v>
      </c>
      <c r="L8174" s="59">
        <f>Bühler!L8200</f>
        <v>10.594256715260896</v>
      </c>
      <c r="M8174" s="58">
        <f>Bühler!M8200</f>
        <v>0</v>
      </c>
      <c r="N8174" s="56">
        <f>IF(Input!$D$19=1,J8174*Input!$C$19,0)+IF(Input!$D$20=1,K8174*Input!$C$20,0)+IF(Input!$D$21=1,L8174*Input!$C$21,0)+IF(Input!$D$22=1,M8174*Input!$C$22,0)</f>
        <v>0.44142736313587061</v>
      </c>
      <c r="O8174" s="59">
        <f>IF(Input!$D$19=2,J8174*Input!$C$19,0)+IF(Input!$D$20=2,K8174*Input!$C$20,0)+IF(Input!$D$21=2,L8174*Input!$C$21,0)+IF(Input!$D$22=2,M8174*Input!$C$22,0)</f>
        <v>1.1035684078396766</v>
      </c>
      <c r="P8174" s="59">
        <f>IF(Input!$D$19=3,J8174*Input!$C$19,0)+IF(Input!$D$20=3,K8174*Input!$C$20,0)+IF(Input!$D$21=3,L8174*Input!$C$21,0)+IF(Input!$D$22=3,M8174*Input!$C$22,0)</f>
        <v>0</v>
      </c>
      <c r="Q8174" s="75">
        <f>IF(Input!$D$19=4,J8174*Input!$C$19,0)+IF(Input!$D$20=4,K8174*Input!$C$20,0)+IF(Input!$D$21=4,L8174*Input!$C$21,0)+IF(Input!$D$22=4,M8174*Input!$C$22,0)</f>
        <v>0</v>
      </c>
      <c r="R8174" s="58">
        <v>68.065215934502348</v>
      </c>
      <c r="S8174" s="124">
        <f t="shared" si="127"/>
        <v>1.9128519069221062</v>
      </c>
    </row>
    <row r="8175" spans="8:19" x14ac:dyDescent="0.3">
      <c r="H8175" s="44">
        <v>8168</v>
      </c>
      <c r="I8175" s="56">
        <f>Bühler!I8201</f>
        <v>0.44142736313587061</v>
      </c>
      <c r="J8175" s="59">
        <f>Bühler!J8201</f>
        <v>1.4714245437862354</v>
      </c>
      <c r="K8175" s="59">
        <f>Bühler!K8201</f>
        <v>2.2071368156793532</v>
      </c>
      <c r="L8175" s="59">
        <f>Bühler!L8201</f>
        <v>10.594256715260896</v>
      </c>
      <c r="M8175" s="58">
        <f>Bühler!M8201</f>
        <v>0</v>
      </c>
      <c r="N8175" s="56">
        <f>IF(Input!$D$19=1,J8175*Input!$C$19,0)+IF(Input!$D$20=1,K8175*Input!$C$20,0)+IF(Input!$D$21=1,L8175*Input!$C$21,0)+IF(Input!$D$22=1,M8175*Input!$C$22,0)</f>
        <v>0.44142736313587061</v>
      </c>
      <c r="O8175" s="59">
        <f>IF(Input!$D$19=2,J8175*Input!$C$19,0)+IF(Input!$D$20=2,K8175*Input!$C$20,0)+IF(Input!$D$21=2,L8175*Input!$C$21,0)+IF(Input!$D$22=2,M8175*Input!$C$22,0)</f>
        <v>1.1035684078396766</v>
      </c>
      <c r="P8175" s="59">
        <f>IF(Input!$D$19=3,J8175*Input!$C$19,0)+IF(Input!$D$20=3,K8175*Input!$C$20,0)+IF(Input!$D$21=3,L8175*Input!$C$21,0)+IF(Input!$D$22=3,M8175*Input!$C$22,0)</f>
        <v>0</v>
      </c>
      <c r="Q8175" s="75">
        <f>IF(Input!$D$19=4,J8175*Input!$C$19,0)+IF(Input!$D$20=4,K8175*Input!$C$20,0)+IF(Input!$D$21=4,L8175*Input!$C$21,0)+IF(Input!$D$22=4,M8175*Input!$C$22,0)</f>
        <v>0</v>
      </c>
      <c r="R8175" s="58">
        <v>69.890327620231503</v>
      </c>
      <c r="S8175" s="124">
        <f t="shared" si="127"/>
        <v>1.9128519069221062</v>
      </c>
    </row>
    <row r="8176" spans="8:19" x14ac:dyDescent="0.3">
      <c r="H8176" s="44">
        <v>8169</v>
      </c>
      <c r="I8176" s="56">
        <f>Bühler!I8202</f>
        <v>0.44142736313587061</v>
      </c>
      <c r="J8176" s="59">
        <f>Bühler!J8202</f>
        <v>1.4714245437862354</v>
      </c>
      <c r="K8176" s="59">
        <f>Bühler!K8202</f>
        <v>2.2071368156793532</v>
      </c>
      <c r="L8176" s="59">
        <f>Bühler!L8202</f>
        <v>10.594256715260896</v>
      </c>
      <c r="M8176" s="58">
        <f>Bühler!M8202</f>
        <v>0</v>
      </c>
      <c r="N8176" s="56">
        <f>IF(Input!$D$19=1,J8176*Input!$C$19,0)+IF(Input!$D$20=1,K8176*Input!$C$20,0)+IF(Input!$D$21=1,L8176*Input!$C$21,0)+IF(Input!$D$22=1,M8176*Input!$C$22,0)</f>
        <v>0.44142736313587061</v>
      </c>
      <c r="O8176" s="59">
        <f>IF(Input!$D$19=2,J8176*Input!$C$19,0)+IF(Input!$D$20=2,K8176*Input!$C$20,0)+IF(Input!$D$21=2,L8176*Input!$C$21,0)+IF(Input!$D$22=2,M8176*Input!$C$22,0)</f>
        <v>1.1035684078396766</v>
      </c>
      <c r="P8176" s="59">
        <f>IF(Input!$D$19=3,J8176*Input!$C$19,0)+IF(Input!$D$20=3,K8176*Input!$C$20,0)+IF(Input!$D$21=3,L8176*Input!$C$21,0)+IF(Input!$D$22=3,M8176*Input!$C$22,0)</f>
        <v>0</v>
      </c>
      <c r="Q8176" s="75">
        <f>IF(Input!$D$19=4,J8176*Input!$C$19,0)+IF(Input!$D$20=4,K8176*Input!$C$20,0)+IF(Input!$D$21=4,L8176*Input!$C$21,0)+IF(Input!$D$22=4,M8176*Input!$C$22,0)</f>
        <v>0</v>
      </c>
      <c r="R8176" s="58">
        <v>70.591483450286248</v>
      </c>
      <c r="S8176" s="124">
        <f t="shared" si="127"/>
        <v>1.9128519069221062</v>
      </c>
    </row>
    <row r="8177" spans="8:19" x14ac:dyDescent="0.3">
      <c r="H8177" s="44">
        <v>8170</v>
      </c>
      <c r="I8177" s="56">
        <f>Bühler!I8203</f>
        <v>0.47295788907414704</v>
      </c>
      <c r="J8177" s="59">
        <f>Bühler!J8203</f>
        <v>1.5765262969138236</v>
      </c>
      <c r="K8177" s="59">
        <f>Bühler!K8203</f>
        <v>2.3647894453707354</v>
      </c>
      <c r="L8177" s="59">
        <f>Bühler!L8203</f>
        <v>11.350989337779529</v>
      </c>
      <c r="M8177" s="58">
        <f>Bühler!M8203</f>
        <v>0</v>
      </c>
      <c r="N8177" s="56">
        <f>IF(Input!$D$19=1,J8177*Input!$C$19,0)+IF(Input!$D$20=1,K8177*Input!$C$20,0)+IF(Input!$D$21=1,L8177*Input!$C$21,0)+IF(Input!$D$22=1,M8177*Input!$C$22,0)</f>
        <v>0.47295788907414704</v>
      </c>
      <c r="O8177" s="59">
        <f>IF(Input!$D$19=2,J8177*Input!$C$19,0)+IF(Input!$D$20=2,K8177*Input!$C$20,0)+IF(Input!$D$21=2,L8177*Input!$C$21,0)+IF(Input!$D$22=2,M8177*Input!$C$22,0)</f>
        <v>1.1823947226853677</v>
      </c>
      <c r="P8177" s="59">
        <f>IF(Input!$D$19=3,J8177*Input!$C$19,0)+IF(Input!$D$20=3,K8177*Input!$C$20,0)+IF(Input!$D$21=3,L8177*Input!$C$21,0)+IF(Input!$D$22=3,M8177*Input!$C$22,0)</f>
        <v>0</v>
      </c>
      <c r="Q8177" s="75">
        <f>IF(Input!$D$19=4,J8177*Input!$C$19,0)+IF(Input!$D$20=4,K8177*Input!$C$20,0)+IF(Input!$D$21=4,L8177*Input!$C$21,0)+IF(Input!$D$22=4,M8177*Input!$C$22,0)</f>
        <v>0</v>
      </c>
      <c r="R8177" s="58">
        <v>69.916563509816427</v>
      </c>
      <c r="S8177" s="124">
        <f t="shared" si="127"/>
        <v>2.0494841859879704</v>
      </c>
    </row>
    <row r="8178" spans="8:19" x14ac:dyDescent="0.3">
      <c r="H8178" s="44">
        <v>8171</v>
      </c>
      <c r="I8178" s="56">
        <f>Bühler!I8204</f>
        <v>0.49187620463711301</v>
      </c>
      <c r="J8178" s="59">
        <f>Bühler!J8204</f>
        <v>1.6395873487903767</v>
      </c>
      <c r="K8178" s="59">
        <f>Bühler!K8204</f>
        <v>2.4593810231855651</v>
      </c>
      <c r="L8178" s="59">
        <f>Bühler!L8204</f>
        <v>11.805028911290712</v>
      </c>
      <c r="M8178" s="58">
        <f>Bühler!M8204</f>
        <v>0</v>
      </c>
      <c r="N8178" s="56">
        <f>IF(Input!$D$19=1,J8178*Input!$C$19,0)+IF(Input!$D$20=1,K8178*Input!$C$20,0)+IF(Input!$D$21=1,L8178*Input!$C$21,0)+IF(Input!$D$22=1,M8178*Input!$C$22,0)</f>
        <v>0.49187620463711301</v>
      </c>
      <c r="O8178" s="59">
        <f>IF(Input!$D$19=2,J8178*Input!$C$19,0)+IF(Input!$D$20=2,K8178*Input!$C$20,0)+IF(Input!$D$21=2,L8178*Input!$C$21,0)+IF(Input!$D$22=2,M8178*Input!$C$22,0)</f>
        <v>1.2296905115927825</v>
      </c>
      <c r="P8178" s="59">
        <f>IF(Input!$D$19=3,J8178*Input!$C$19,0)+IF(Input!$D$20=3,K8178*Input!$C$20,0)+IF(Input!$D$21=3,L8178*Input!$C$21,0)+IF(Input!$D$22=3,M8178*Input!$C$22,0)</f>
        <v>0</v>
      </c>
      <c r="Q8178" s="75">
        <f>IF(Input!$D$19=4,J8178*Input!$C$19,0)+IF(Input!$D$20=4,K8178*Input!$C$20,0)+IF(Input!$D$21=4,L8178*Input!$C$21,0)+IF(Input!$D$22=4,M8178*Input!$C$22,0)</f>
        <v>0</v>
      </c>
      <c r="R8178" s="58">
        <v>69.700003190311321</v>
      </c>
      <c r="S8178" s="124">
        <f t="shared" si="127"/>
        <v>2.1314635534274897</v>
      </c>
    </row>
    <row r="8179" spans="8:19" x14ac:dyDescent="0.3">
      <c r="H8179" s="44">
        <v>8172</v>
      </c>
      <c r="I8179" s="56">
        <f>Bühler!I8205</f>
        <v>0.56754946688897645</v>
      </c>
      <c r="J8179" s="59">
        <f>Bühler!J8205</f>
        <v>1.8918315562965884</v>
      </c>
      <c r="K8179" s="59">
        <f>Bühler!K8205</f>
        <v>2.8377473344448823</v>
      </c>
      <c r="L8179" s="59">
        <f>Bühler!L8205</f>
        <v>13.621187205335435</v>
      </c>
      <c r="M8179" s="58">
        <f>Bühler!M8205</f>
        <v>0</v>
      </c>
      <c r="N8179" s="56">
        <f>IF(Input!$D$19=1,J8179*Input!$C$19,0)+IF(Input!$D$20=1,K8179*Input!$C$20,0)+IF(Input!$D$21=1,L8179*Input!$C$21,0)+IF(Input!$D$22=1,M8179*Input!$C$22,0)</f>
        <v>0.56754946688897645</v>
      </c>
      <c r="O8179" s="59">
        <f>IF(Input!$D$19=2,J8179*Input!$C$19,0)+IF(Input!$D$20=2,K8179*Input!$C$20,0)+IF(Input!$D$21=2,L8179*Input!$C$21,0)+IF(Input!$D$22=2,M8179*Input!$C$22,0)</f>
        <v>1.4188736672224411</v>
      </c>
      <c r="P8179" s="59">
        <f>IF(Input!$D$19=3,J8179*Input!$C$19,0)+IF(Input!$D$20=3,K8179*Input!$C$20,0)+IF(Input!$D$21=3,L8179*Input!$C$21,0)+IF(Input!$D$22=3,M8179*Input!$C$22,0)</f>
        <v>0</v>
      </c>
      <c r="Q8179" s="75">
        <f>IF(Input!$D$19=4,J8179*Input!$C$19,0)+IF(Input!$D$20=4,K8179*Input!$C$20,0)+IF(Input!$D$21=4,L8179*Input!$C$21,0)+IF(Input!$D$22=4,M8179*Input!$C$22,0)</f>
        <v>0</v>
      </c>
      <c r="R8179" s="58">
        <v>69.568042429000911</v>
      </c>
      <c r="S8179" s="124">
        <f t="shared" si="127"/>
        <v>2.4593810231855651</v>
      </c>
    </row>
    <row r="8180" spans="8:19" x14ac:dyDescent="0.3">
      <c r="H8180" s="44">
        <v>8173</v>
      </c>
      <c r="I8180" s="56">
        <f>Bühler!I8206</f>
        <v>0.56754946688897645</v>
      </c>
      <c r="J8180" s="59">
        <f>Bühler!J8206</f>
        <v>1.8918315562965884</v>
      </c>
      <c r="K8180" s="59">
        <f>Bühler!K8206</f>
        <v>2.8377473344448823</v>
      </c>
      <c r="L8180" s="59">
        <f>Bühler!L8206</f>
        <v>13.621187205335435</v>
      </c>
      <c r="M8180" s="58">
        <f>Bühler!M8206</f>
        <v>0</v>
      </c>
      <c r="N8180" s="56">
        <f>IF(Input!$D$19=1,J8180*Input!$C$19,0)+IF(Input!$D$20=1,K8180*Input!$C$20,0)+IF(Input!$D$21=1,L8180*Input!$C$21,0)+IF(Input!$D$22=1,M8180*Input!$C$22,0)</f>
        <v>0.56754946688897645</v>
      </c>
      <c r="O8180" s="59">
        <f>IF(Input!$D$19=2,J8180*Input!$C$19,0)+IF(Input!$D$20=2,K8180*Input!$C$20,0)+IF(Input!$D$21=2,L8180*Input!$C$21,0)+IF(Input!$D$22=2,M8180*Input!$C$22,0)</f>
        <v>1.4188736672224411</v>
      </c>
      <c r="P8180" s="59">
        <f>IF(Input!$D$19=3,J8180*Input!$C$19,0)+IF(Input!$D$20=3,K8180*Input!$C$20,0)+IF(Input!$D$21=3,L8180*Input!$C$21,0)+IF(Input!$D$22=3,M8180*Input!$C$22,0)</f>
        <v>0</v>
      </c>
      <c r="Q8180" s="75">
        <f>IF(Input!$D$19=4,J8180*Input!$C$19,0)+IF(Input!$D$20=4,K8180*Input!$C$20,0)+IF(Input!$D$21=4,L8180*Input!$C$21,0)+IF(Input!$D$22=4,M8180*Input!$C$22,0)</f>
        <v>0</v>
      </c>
      <c r="R8180" s="58">
        <v>68.115343538149901</v>
      </c>
      <c r="S8180" s="124">
        <f t="shared" si="127"/>
        <v>2.4593810231855651</v>
      </c>
    </row>
    <row r="8181" spans="8:19" x14ac:dyDescent="0.3">
      <c r="H8181" s="44">
        <v>8174</v>
      </c>
      <c r="I8181" s="56">
        <f>Bühler!I8207</f>
        <v>0.56754946688897645</v>
      </c>
      <c r="J8181" s="59">
        <f>Bühler!J8207</f>
        <v>1.8918315562965884</v>
      </c>
      <c r="K8181" s="59">
        <f>Bühler!K8207</f>
        <v>2.8377473344448823</v>
      </c>
      <c r="L8181" s="59">
        <f>Bühler!L8207</f>
        <v>13.621187205335435</v>
      </c>
      <c r="M8181" s="58">
        <f>Bühler!M8207</f>
        <v>0</v>
      </c>
      <c r="N8181" s="56">
        <f>IF(Input!$D$19=1,J8181*Input!$C$19,0)+IF(Input!$D$20=1,K8181*Input!$C$20,0)+IF(Input!$D$21=1,L8181*Input!$C$21,0)+IF(Input!$D$22=1,M8181*Input!$C$22,0)</f>
        <v>0.56754946688897645</v>
      </c>
      <c r="O8181" s="59">
        <f>IF(Input!$D$19=2,J8181*Input!$C$19,0)+IF(Input!$D$20=2,K8181*Input!$C$20,0)+IF(Input!$D$21=2,L8181*Input!$C$21,0)+IF(Input!$D$22=2,M8181*Input!$C$22,0)</f>
        <v>1.4188736672224411</v>
      </c>
      <c r="P8181" s="59">
        <f>IF(Input!$D$19=3,J8181*Input!$C$19,0)+IF(Input!$D$20=3,K8181*Input!$C$20,0)+IF(Input!$D$21=3,L8181*Input!$C$21,0)+IF(Input!$D$22=3,M8181*Input!$C$22,0)</f>
        <v>0</v>
      </c>
      <c r="Q8181" s="75">
        <f>IF(Input!$D$19=4,J8181*Input!$C$19,0)+IF(Input!$D$20=4,K8181*Input!$C$20,0)+IF(Input!$D$21=4,L8181*Input!$C$21,0)+IF(Input!$D$22=4,M8181*Input!$C$22,0)</f>
        <v>0</v>
      </c>
      <c r="R8181" s="58">
        <v>67.188048017711779</v>
      </c>
      <c r="S8181" s="124">
        <f t="shared" si="127"/>
        <v>2.4593810231855651</v>
      </c>
    </row>
    <row r="8182" spans="8:19" x14ac:dyDescent="0.3">
      <c r="H8182" s="44">
        <v>8175</v>
      </c>
      <c r="I8182" s="56">
        <f>Bühler!I8208</f>
        <v>0.56754946688897645</v>
      </c>
      <c r="J8182" s="59">
        <f>Bühler!J8208</f>
        <v>1.8918315562965884</v>
      </c>
      <c r="K8182" s="59">
        <f>Bühler!K8208</f>
        <v>2.8377473344448823</v>
      </c>
      <c r="L8182" s="59">
        <f>Bühler!L8208</f>
        <v>13.621187205335435</v>
      </c>
      <c r="M8182" s="58">
        <f>Bühler!M8208</f>
        <v>0</v>
      </c>
      <c r="N8182" s="56">
        <f>IF(Input!$D$19=1,J8182*Input!$C$19,0)+IF(Input!$D$20=1,K8182*Input!$C$20,0)+IF(Input!$D$21=1,L8182*Input!$C$21,0)+IF(Input!$D$22=1,M8182*Input!$C$22,0)</f>
        <v>0.56754946688897645</v>
      </c>
      <c r="O8182" s="59">
        <f>IF(Input!$D$19=2,J8182*Input!$C$19,0)+IF(Input!$D$20=2,K8182*Input!$C$20,0)+IF(Input!$D$21=2,L8182*Input!$C$21,0)+IF(Input!$D$22=2,M8182*Input!$C$22,0)</f>
        <v>1.4188736672224411</v>
      </c>
      <c r="P8182" s="59">
        <f>IF(Input!$D$19=3,J8182*Input!$C$19,0)+IF(Input!$D$20=3,K8182*Input!$C$20,0)+IF(Input!$D$21=3,L8182*Input!$C$21,0)+IF(Input!$D$22=3,M8182*Input!$C$22,0)</f>
        <v>0</v>
      </c>
      <c r="Q8182" s="75">
        <f>IF(Input!$D$19=4,J8182*Input!$C$19,0)+IF(Input!$D$20=4,K8182*Input!$C$20,0)+IF(Input!$D$21=4,L8182*Input!$C$21,0)+IF(Input!$D$22=4,M8182*Input!$C$22,0)</f>
        <v>0</v>
      </c>
      <c r="R8182" s="58">
        <v>67.893606426599945</v>
      </c>
      <c r="S8182" s="124">
        <f t="shared" si="127"/>
        <v>2.4593810231855651</v>
      </c>
    </row>
    <row r="8183" spans="8:19" x14ac:dyDescent="0.3">
      <c r="H8183" s="44">
        <v>8176</v>
      </c>
      <c r="I8183" s="56">
        <f>Bühler!I8209</f>
        <v>0.47295788907414704</v>
      </c>
      <c r="J8183" s="59">
        <f>Bühler!J8209</f>
        <v>1.5765262969138236</v>
      </c>
      <c r="K8183" s="59">
        <f>Bühler!K8209</f>
        <v>2.3647894453707354</v>
      </c>
      <c r="L8183" s="59">
        <f>Bühler!L8209</f>
        <v>11.350989337779529</v>
      </c>
      <c r="M8183" s="58">
        <f>Bühler!M8209</f>
        <v>0</v>
      </c>
      <c r="N8183" s="56">
        <f>IF(Input!$D$19=1,J8183*Input!$C$19,0)+IF(Input!$D$20=1,K8183*Input!$C$20,0)+IF(Input!$D$21=1,L8183*Input!$C$21,0)+IF(Input!$D$22=1,M8183*Input!$C$22,0)</f>
        <v>0.47295788907414704</v>
      </c>
      <c r="O8183" s="59">
        <f>IF(Input!$D$19=2,J8183*Input!$C$19,0)+IF(Input!$D$20=2,K8183*Input!$C$20,0)+IF(Input!$D$21=2,L8183*Input!$C$21,0)+IF(Input!$D$22=2,M8183*Input!$C$22,0)</f>
        <v>1.1823947226853677</v>
      </c>
      <c r="P8183" s="59">
        <f>IF(Input!$D$19=3,J8183*Input!$C$19,0)+IF(Input!$D$20=3,K8183*Input!$C$20,0)+IF(Input!$D$21=3,L8183*Input!$C$21,0)+IF(Input!$D$22=3,M8183*Input!$C$22,0)</f>
        <v>0</v>
      </c>
      <c r="Q8183" s="75">
        <f>IF(Input!$D$19=4,J8183*Input!$C$19,0)+IF(Input!$D$20=4,K8183*Input!$C$20,0)+IF(Input!$D$21=4,L8183*Input!$C$21,0)+IF(Input!$D$22=4,M8183*Input!$C$22,0)</f>
        <v>0</v>
      </c>
      <c r="R8183" s="58">
        <v>66.641505761059136</v>
      </c>
      <c r="S8183" s="124">
        <f t="shared" si="127"/>
        <v>2.0494841859879704</v>
      </c>
    </row>
    <row r="8184" spans="8:19" x14ac:dyDescent="0.3">
      <c r="H8184" s="44">
        <v>8177</v>
      </c>
      <c r="I8184" s="56">
        <f>Bühler!I8210</f>
        <v>0.44773346832352595</v>
      </c>
      <c r="J8184" s="59">
        <f>Bühler!J8210</f>
        <v>1.4924448944117534</v>
      </c>
      <c r="K8184" s="59">
        <f>Bühler!K8210</f>
        <v>2.2386673416176297</v>
      </c>
      <c r="L8184" s="59">
        <f>Bühler!L8210</f>
        <v>10.745603239764623</v>
      </c>
      <c r="M8184" s="58">
        <f>Bühler!M8210</f>
        <v>0</v>
      </c>
      <c r="N8184" s="56">
        <f>IF(Input!$D$19=1,J8184*Input!$C$19,0)+IF(Input!$D$20=1,K8184*Input!$C$20,0)+IF(Input!$D$21=1,L8184*Input!$C$21,0)+IF(Input!$D$22=1,M8184*Input!$C$22,0)</f>
        <v>0.44773346832352601</v>
      </c>
      <c r="O8184" s="59">
        <f>IF(Input!$D$19=2,J8184*Input!$C$19,0)+IF(Input!$D$20=2,K8184*Input!$C$20,0)+IF(Input!$D$21=2,L8184*Input!$C$21,0)+IF(Input!$D$22=2,M8184*Input!$C$22,0)</f>
        <v>1.1193336708088149</v>
      </c>
      <c r="P8184" s="59">
        <f>IF(Input!$D$19=3,J8184*Input!$C$19,0)+IF(Input!$D$20=3,K8184*Input!$C$20,0)+IF(Input!$D$21=3,L8184*Input!$C$21,0)+IF(Input!$D$22=3,M8184*Input!$C$22,0)</f>
        <v>0</v>
      </c>
      <c r="Q8184" s="75">
        <f>IF(Input!$D$19=4,J8184*Input!$C$19,0)+IF(Input!$D$20=4,K8184*Input!$C$20,0)+IF(Input!$D$21=4,L8184*Input!$C$21,0)+IF(Input!$D$22=4,M8184*Input!$C$22,0)</f>
        <v>0</v>
      </c>
      <c r="R8184" s="58">
        <v>65.296250572541169</v>
      </c>
      <c r="S8184" s="124">
        <f t="shared" si="127"/>
        <v>1.9401783627352793</v>
      </c>
    </row>
    <row r="8185" spans="8:19" x14ac:dyDescent="0.3">
      <c r="H8185" s="44">
        <v>8178</v>
      </c>
      <c r="I8185" s="56">
        <f>Bühler!I8211</f>
        <v>0.44773346832352595</v>
      </c>
      <c r="J8185" s="59">
        <f>Bühler!J8211</f>
        <v>1.4924448944117534</v>
      </c>
      <c r="K8185" s="59">
        <f>Bühler!K8211</f>
        <v>2.2386673416176297</v>
      </c>
      <c r="L8185" s="59">
        <f>Bühler!L8211</f>
        <v>10.745603239764623</v>
      </c>
      <c r="M8185" s="58">
        <f>Bühler!M8211</f>
        <v>0</v>
      </c>
      <c r="N8185" s="56">
        <f>IF(Input!$D$19=1,J8185*Input!$C$19,0)+IF(Input!$D$20=1,K8185*Input!$C$20,0)+IF(Input!$D$21=1,L8185*Input!$C$21,0)+IF(Input!$D$22=1,M8185*Input!$C$22,0)</f>
        <v>0.44773346832352601</v>
      </c>
      <c r="O8185" s="59">
        <f>IF(Input!$D$19=2,J8185*Input!$C$19,0)+IF(Input!$D$20=2,K8185*Input!$C$20,0)+IF(Input!$D$21=2,L8185*Input!$C$21,0)+IF(Input!$D$22=2,M8185*Input!$C$22,0)</f>
        <v>1.1193336708088149</v>
      </c>
      <c r="P8185" s="59">
        <f>IF(Input!$D$19=3,J8185*Input!$C$19,0)+IF(Input!$D$20=3,K8185*Input!$C$20,0)+IF(Input!$D$21=3,L8185*Input!$C$21,0)+IF(Input!$D$22=3,M8185*Input!$C$22,0)</f>
        <v>0</v>
      </c>
      <c r="Q8185" s="75">
        <f>IF(Input!$D$19=4,J8185*Input!$C$19,0)+IF(Input!$D$20=4,K8185*Input!$C$20,0)+IF(Input!$D$21=4,L8185*Input!$C$21,0)+IF(Input!$D$22=4,M8185*Input!$C$22,0)</f>
        <v>0</v>
      </c>
      <c r="R8185" s="58">
        <v>64.049831321382101</v>
      </c>
      <c r="S8185" s="124">
        <f t="shared" si="127"/>
        <v>1.9401783627352793</v>
      </c>
    </row>
    <row r="8186" spans="8:19" x14ac:dyDescent="0.3">
      <c r="H8186" s="44">
        <v>8179</v>
      </c>
      <c r="I8186" s="56">
        <f>Bühler!I8212</f>
        <v>0.44773346832352595</v>
      </c>
      <c r="J8186" s="59">
        <f>Bühler!J8212</f>
        <v>1.4924448944117534</v>
      </c>
      <c r="K8186" s="59">
        <f>Bühler!K8212</f>
        <v>2.2386673416176297</v>
      </c>
      <c r="L8186" s="59">
        <f>Bühler!L8212</f>
        <v>10.745603239764623</v>
      </c>
      <c r="M8186" s="58">
        <f>Bühler!M8212</f>
        <v>0</v>
      </c>
      <c r="N8186" s="56">
        <f>IF(Input!$D$19=1,J8186*Input!$C$19,0)+IF(Input!$D$20=1,K8186*Input!$C$20,0)+IF(Input!$D$21=1,L8186*Input!$C$21,0)+IF(Input!$D$22=1,M8186*Input!$C$22,0)</f>
        <v>0.44773346832352601</v>
      </c>
      <c r="O8186" s="59">
        <f>IF(Input!$D$19=2,J8186*Input!$C$19,0)+IF(Input!$D$20=2,K8186*Input!$C$20,0)+IF(Input!$D$21=2,L8186*Input!$C$21,0)+IF(Input!$D$22=2,M8186*Input!$C$22,0)</f>
        <v>1.1193336708088149</v>
      </c>
      <c r="P8186" s="59">
        <f>IF(Input!$D$19=3,J8186*Input!$C$19,0)+IF(Input!$D$20=3,K8186*Input!$C$20,0)+IF(Input!$D$21=3,L8186*Input!$C$21,0)+IF(Input!$D$22=3,M8186*Input!$C$22,0)</f>
        <v>0</v>
      </c>
      <c r="Q8186" s="75">
        <f>IF(Input!$D$19=4,J8186*Input!$C$19,0)+IF(Input!$D$20=4,K8186*Input!$C$20,0)+IF(Input!$D$21=4,L8186*Input!$C$21,0)+IF(Input!$D$22=4,M8186*Input!$C$22,0)</f>
        <v>0</v>
      </c>
      <c r="R8186" s="58">
        <v>61.880621218141926</v>
      </c>
      <c r="S8186" s="124">
        <f t="shared" si="127"/>
        <v>1.9401783627352793</v>
      </c>
    </row>
    <row r="8187" spans="8:19" x14ac:dyDescent="0.3">
      <c r="H8187" s="44">
        <v>8180</v>
      </c>
      <c r="I8187" s="56">
        <f>Bühler!I8213</f>
        <v>0.44773346832352595</v>
      </c>
      <c r="J8187" s="59">
        <f>Bühler!J8213</f>
        <v>1.4924448944117534</v>
      </c>
      <c r="K8187" s="59">
        <f>Bühler!K8213</f>
        <v>2.2386673416176297</v>
      </c>
      <c r="L8187" s="59">
        <f>Bühler!L8213</f>
        <v>10.745603239764623</v>
      </c>
      <c r="M8187" s="58">
        <f>Bühler!M8213</f>
        <v>0</v>
      </c>
      <c r="N8187" s="56">
        <f>IF(Input!$D$19=1,J8187*Input!$C$19,0)+IF(Input!$D$20=1,K8187*Input!$C$20,0)+IF(Input!$D$21=1,L8187*Input!$C$21,0)+IF(Input!$D$22=1,M8187*Input!$C$22,0)</f>
        <v>0.44773346832352601</v>
      </c>
      <c r="O8187" s="59">
        <f>IF(Input!$D$19=2,J8187*Input!$C$19,0)+IF(Input!$D$20=2,K8187*Input!$C$20,0)+IF(Input!$D$21=2,L8187*Input!$C$21,0)+IF(Input!$D$22=2,M8187*Input!$C$22,0)</f>
        <v>1.1193336708088149</v>
      </c>
      <c r="P8187" s="59">
        <f>IF(Input!$D$19=3,J8187*Input!$C$19,0)+IF(Input!$D$20=3,K8187*Input!$C$20,0)+IF(Input!$D$21=3,L8187*Input!$C$21,0)+IF(Input!$D$22=3,M8187*Input!$C$22,0)</f>
        <v>0</v>
      </c>
      <c r="Q8187" s="75">
        <f>IF(Input!$D$19=4,J8187*Input!$C$19,0)+IF(Input!$D$20=4,K8187*Input!$C$20,0)+IF(Input!$D$21=4,L8187*Input!$C$21,0)+IF(Input!$D$22=4,M8187*Input!$C$22,0)</f>
        <v>0</v>
      </c>
      <c r="R8187" s="58">
        <v>60.707961461461693</v>
      </c>
      <c r="S8187" s="124">
        <f t="shared" si="127"/>
        <v>1.9401783627352793</v>
      </c>
    </row>
    <row r="8188" spans="8:19" x14ac:dyDescent="0.3">
      <c r="H8188" s="44">
        <v>8181</v>
      </c>
      <c r="I8188" s="56">
        <f>Bühler!I8214</f>
        <v>0.3468357853210412</v>
      </c>
      <c r="J8188" s="59">
        <f>Bühler!J8214</f>
        <v>1.1561192844034707</v>
      </c>
      <c r="K8188" s="59">
        <f>Bühler!K8214</f>
        <v>1.7341789266052061</v>
      </c>
      <c r="L8188" s="59">
        <f>Bühler!L8214</f>
        <v>8.3240588477049897</v>
      </c>
      <c r="M8188" s="58">
        <f>Bühler!M8214</f>
        <v>0</v>
      </c>
      <c r="N8188" s="56">
        <f>IF(Input!$D$19=1,J8188*Input!$C$19,0)+IF(Input!$D$20=1,K8188*Input!$C$20,0)+IF(Input!$D$21=1,L8188*Input!$C$21,0)+IF(Input!$D$22=1,M8188*Input!$C$22,0)</f>
        <v>0.3468357853210412</v>
      </c>
      <c r="O8188" s="59">
        <f>IF(Input!$D$19=2,J8188*Input!$C$19,0)+IF(Input!$D$20=2,K8188*Input!$C$20,0)+IF(Input!$D$21=2,L8188*Input!$C$21,0)+IF(Input!$D$22=2,M8188*Input!$C$22,0)</f>
        <v>0.86708946330260306</v>
      </c>
      <c r="P8188" s="59">
        <f>IF(Input!$D$19=3,J8188*Input!$C$19,0)+IF(Input!$D$20=3,K8188*Input!$C$20,0)+IF(Input!$D$21=3,L8188*Input!$C$21,0)+IF(Input!$D$22=3,M8188*Input!$C$22,0)</f>
        <v>0</v>
      </c>
      <c r="Q8188" s="75">
        <f>IF(Input!$D$19=4,J8188*Input!$C$19,0)+IF(Input!$D$20=4,K8188*Input!$C$20,0)+IF(Input!$D$21=4,L8188*Input!$C$21,0)+IF(Input!$D$22=4,M8188*Input!$C$22,0)</f>
        <v>0</v>
      </c>
      <c r="R8188" s="58">
        <v>59.022262209261982</v>
      </c>
      <c r="S8188" s="124">
        <f t="shared" si="127"/>
        <v>1.502955069724512</v>
      </c>
    </row>
    <row r="8189" spans="8:19" x14ac:dyDescent="0.3">
      <c r="H8189" s="44">
        <v>8182</v>
      </c>
      <c r="I8189" s="56">
        <f>Bühler!I8215</f>
        <v>0.13242820894076118</v>
      </c>
      <c r="J8189" s="59">
        <f>Bühler!J8215</f>
        <v>0.44142736313587067</v>
      </c>
      <c r="K8189" s="59">
        <f>Bühler!K8215</f>
        <v>0.66214104470380597</v>
      </c>
      <c r="L8189" s="59">
        <f>Bühler!L8215</f>
        <v>3.1782770145782684</v>
      </c>
      <c r="M8189" s="58">
        <f>Bühler!M8215</f>
        <v>0</v>
      </c>
      <c r="N8189" s="56">
        <f>IF(Input!$D$19=1,J8189*Input!$C$19,0)+IF(Input!$D$20=1,K8189*Input!$C$20,0)+IF(Input!$D$21=1,L8189*Input!$C$21,0)+IF(Input!$D$22=1,M8189*Input!$C$22,0)</f>
        <v>0.13242820894076118</v>
      </c>
      <c r="O8189" s="59">
        <f>IF(Input!$D$19=2,J8189*Input!$C$19,0)+IF(Input!$D$20=2,K8189*Input!$C$20,0)+IF(Input!$D$21=2,L8189*Input!$C$21,0)+IF(Input!$D$22=2,M8189*Input!$C$22,0)</f>
        <v>0.33107052235190298</v>
      </c>
      <c r="P8189" s="59">
        <f>IF(Input!$D$19=3,J8189*Input!$C$19,0)+IF(Input!$D$20=3,K8189*Input!$C$20,0)+IF(Input!$D$21=3,L8189*Input!$C$21,0)+IF(Input!$D$22=3,M8189*Input!$C$22,0)</f>
        <v>0</v>
      </c>
      <c r="Q8189" s="75">
        <f>IF(Input!$D$19=4,J8189*Input!$C$19,0)+IF(Input!$D$20=4,K8189*Input!$C$20,0)+IF(Input!$D$21=4,L8189*Input!$C$21,0)+IF(Input!$D$22=4,M8189*Input!$C$22,0)</f>
        <v>0</v>
      </c>
      <c r="R8189" s="58">
        <v>57.421105458883439</v>
      </c>
      <c r="S8189" s="124">
        <f t="shared" si="127"/>
        <v>0.57385557207663185</v>
      </c>
    </row>
    <row r="8190" spans="8:19" x14ac:dyDescent="0.3">
      <c r="H8190" s="44">
        <v>8183</v>
      </c>
      <c r="I8190" s="56">
        <f>Bühler!I8216</f>
        <v>0.13242820894076118</v>
      </c>
      <c r="J8190" s="59">
        <f>Bühler!J8216</f>
        <v>0.44142736313587067</v>
      </c>
      <c r="K8190" s="59">
        <f>Bühler!K8216</f>
        <v>0.66214104470380597</v>
      </c>
      <c r="L8190" s="59">
        <f>Bühler!L8216</f>
        <v>3.1782770145782684</v>
      </c>
      <c r="M8190" s="58">
        <f>Bühler!M8216</f>
        <v>0</v>
      </c>
      <c r="N8190" s="56">
        <f>IF(Input!$D$19=1,J8190*Input!$C$19,0)+IF(Input!$D$20=1,K8190*Input!$C$20,0)+IF(Input!$D$21=1,L8190*Input!$C$21,0)+IF(Input!$D$22=1,M8190*Input!$C$22,0)</f>
        <v>0.13242820894076118</v>
      </c>
      <c r="O8190" s="59">
        <f>IF(Input!$D$19=2,J8190*Input!$C$19,0)+IF(Input!$D$20=2,K8190*Input!$C$20,0)+IF(Input!$D$21=2,L8190*Input!$C$21,0)+IF(Input!$D$22=2,M8190*Input!$C$22,0)</f>
        <v>0.33107052235190298</v>
      </c>
      <c r="P8190" s="59">
        <f>IF(Input!$D$19=3,J8190*Input!$C$19,0)+IF(Input!$D$20=3,K8190*Input!$C$20,0)+IF(Input!$D$21=3,L8190*Input!$C$21,0)+IF(Input!$D$22=3,M8190*Input!$C$22,0)</f>
        <v>0</v>
      </c>
      <c r="Q8190" s="75">
        <f>IF(Input!$D$19=4,J8190*Input!$C$19,0)+IF(Input!$D$20=4,K8190*Input!$C$20,0)+IF(Input!$D$21=4,L8190*Input!$C$21,0)+IF(Input!$D$22=4,M8190*Input!$C$22,0)</f>
        <v>0</v>
      </c>
      <c r="R8190" s="58">
        <v>57.004636611668197</v>
      </c>
      <c r="S8190" s="124">
        <f t="shared" si="127"/>
        <v>0.57385557207663185</v>
      </c>
    </row>
    <row r="8191" spans="8:19" x14ac:dyDescent="0.3">
      <c r="H8191" s="44">
        <v>8184</v>
      </c>
      <c r="I8191" s="56">
        <f>Bühler!I8217</f>
        <v>0.13242820894076118</v>
      </c>
      <c r="J8191" s="59">
        <f>Bühler!J8217</f>
        <v>0.44142736313587067</v>
      </c>
      <c r="K8191" s="59">
        <f>Bühler!K8217</f>
        <v>0.66214104470380597</v>
      </c>
      <c r="L8191" s="59">
        <f>Bühler!L8217</f>
        <v>3.1782770145782684</v>
      </c>
      <c r="M8191" s="58">
        <f>Bühler!M8217</f>
        <v>0</v>
      </c>
      <c r="N8191" s="56">
        <f>IF(Input!$D$19=1,J8191*Input!$C$19,0)+IF(Input!$D$20=1,K8191*Input!$C$20,0)+IF(Input!$D$21=1,L8191*Input!$C$21,0)+IF(Input!$D$22=1,M8191*Input!$C$22,0)</f>
        <v>0.13242820894076118</v>
      </c>
      <c r="O8191" s="59">
        <f>IF(Input!$D$19=2,J8191*Input!$C$19,0)+IF(Input!$D$20=2,K8191*Input!$C$20,0)+IF(Input!$D$21=2,L8191*Input!$C$21,0)+IF(Input!$D$22=2,M8191*Input!$C$22,0)</f>
        <v>0.33107052235190298</v>
      </c>
      <c r="P8191" s="59">
        <f>IF(Input!$D$19=3,J8191*Input!$C$19,0)+IF(Input!$D$20=3,K8191*Input!$C$20,0)+IF(Input!$D$21=3,L8191*Input!$C$21,0)+IF(Input!$D$22=3,M8191*Input!$C$22,0)</f>
        <v>0</v>
      </c>
      <c r="Q8191" s="75">
        <f>IF(Input!$D$19=4,J8191*Input!$C$19,0)+IF(Input!$D$20=4,K8191*Input!$C$20,0)+IF(Input!$D$21=4,L8191*Input!$C$21,0)+IF(Input!$D$22=4,M8191*Input!$C$22,0)</f>
        <v>0</v>
      </c>
      <c r="R8191" s="58">
        <v>56.039793388222847</v>
      </c>
      <c r="S8191" s="124">
        <f t="shared" si="127"/>
        <v>0.57385557207663185</v>
      </c>
    </row>
    <row r="8192" spans="8:19" x14ac:dyDescent="0.3">
      <c r="H8192" s="44">
        <v>8185</v>
      </c>
      <c r="I8192" s="56">
        <f>Bühler!I8218</f>
        <v>0.11081926050651533</v>
      </c>
      <c r="J8192" s="59">
        <f>Bühler!J8218</f>
        <v>0.36939753502171779</v>
      </c>
      <c r="K8192" s="59">
        <f>Bühler!K8218</f>
        <v>0.55409630253257669</v>
      </c>
      <c r="L8192" s="59">
        <f>Bühler!L8218</f>
        <v>4.9469010420679655</v>
      </c>
      <c r="M8192" s="58">
        <f>Bühler!M8218</f>
        <v>0</v>
      </c>
      <c r="N8192" s="56">
        <f>IF(Input!$D$19=1,J8192*Input!$C$19,0)+IF(Input!$D$20=1,K8192*Input!$C$20,0)+IF(Input!$D$21=1,L8192*Input!$C$21,0)+IF(Input!$D$22=1,M8192*Input!$C$22,0)</f>
        <v>0.11081926050651533</v>
      </c>
      <c r="O8192" s="59">
        <f>IF(Input!$D$19=2,J8192*Input!$C$19,0)+IF(Input!$D$20=2,K8192*Input!$C$20,0)+IF(Input!$D$21=2,L8192*Input!$C$21,0)+IF(Input!$D$22=2,M8192*Input!$C$22,0)</f>
        <v>0.27704815126628834</v>
      </c>
      <c r="P8192" s="59">
        <f>IF(Input!$D$19=3,J8192*Input!$C$19,0)+IF(Input!$D$20=3,K8192*Input!$C$20,0)+IF(Input!$D$21=3,L8192*Input!$C$21,0)+IF(Input!$D$22=3,M8192*Input!$C$22,0)</f>
        <v>0</v>
      </c>
      <c r="Q8192" s="75">
        <f>IF(Input!$D$19=4,J8192*Input!$C$19,0)+IF(Input!$D$20=4,K8192*Input!$C$20,0)+IF(Input!$D$21=4,L8192*Input!$C$21,0)+IF(Input!$D$22=4,M8192*Input!$C$22,0)</f>
        <v>0</v>
      </c>
      <c r="R8192" s="58">
        <v>54.857976093399081</v>
      </c>
      <c r="S8192" s="124">
        <f t="shared" si="127"/>
        <v>0.48021679552823315</v>
      </c>
    </row>
    <row r="8193" spans="8:19" x14ac:dyDescent="0.3">
      <c r="H8193" s="44">
        <v>8186</v>
      </c>
      <c r="I8193" s="56">
        <f>Bühler!I8219</f>
        <v>0.21636141336986328</v>
      </c>
      <c r="J8193" s="59">
        <f>Bühler!J8219</f>
        <v>0.72120471123287777</v>
      </c>
      <c r="K8193" s="59">
        <f>Bühler!K8219</f>
        <v>1.0818070668493165</v>
      </c>
      <c r="L8193" s="59">
        <f>Bühler!L8219</f>
        <v>9.6582353678469808</v>
      </c>
      <c r="M8193" s="58">
        <f>Bühler!M8219</f>
        <v>0</v>
      </c>
      <c r="N8193" s="56">
        <f>IF(Input!$D$19=1,J8193*Input!$C$19,0)+IF(Input!$D$20=1,K8193*Input!$C$20,0)+IF(Input!$D$21=1,L8193*Input!$C$21,0)+IF(Input!$D$22=1,M8193*Input!$C$22,0)</f>
        <v>0.21636141336986334</v>
      </c>
      <c r="O8193" s="59">
        <f>IF(Input!$D$19=2,J8193*Input!$C$19,0)+IF(Input!$D$20=2,K8193*Input!$C$20,0)+IF(Input!$D$21=2,L8193*Input!$C$21,0)+IF(Input!$D$22=2,M8193*Input!$C$22,0)</f>
        <v>0.54090353342465824</v>
      </c>
      <c r="P8193" s="59">
        <f>IF(Input!$D$19=3,J8193*Input!$C$19,0)+IF(Input!$D$20=3,K8193*Input!$C$20,0)+IF(Input!$D$21=3,L8193*Input!$C$21,0)+IF(Input!$D$22=3,M8193*Input!$C$22,0)</f>
        <v>0</v>
      </c>
      <c r="Q8193" s="75">
        <f>IF(Input!$D$19=4,J8193*Input!$C$19,0)+IF(Input!$D$20=4,K8193*Input!$C$20,0)+IF(Input!$D$21=4,L8193*Input!$C$21,0)+IF(Input!$D$22=4,M8193*Input!$C$22,0)</f>
        <v>0</v>
      </c>
      <c r="R8193" s="58">
        <v>54.049260114229057</v>
      </c>
      <c r="S8193" s="124">
        <f t="shared" si="127"/>
        <v>0.93756612460274102</v>
      </c>
    </row>
    <row r="8194" spans="8:19" x14ac:dyDescent="0.3">
      <c r="H8194" s="44">
        <v>8187</v>
      </c>
      <c r="I8194" s="56">
        <f>Bühler!I8220</f>
        <v>0.21636141336986328</v>
      </c>
      <c r="J8194" s="59">
        <f>Bühler!J8220</f>
        <v>0.72120471123287777</v>
      </c>
      <c r="K8194" s="59">
        <f>Bühler!K8220</f>
        <v>1.0818070668493165</v>
      </c>
      <c r="L8194" s="59">
        <f>Bühler!L8220</f>
        <v>9.6582353678469808</v>
      </c>
      <c r="M8194" s="58">
        <f>Bühler!M8220</f>
        <v>0</v>
      </c>
      <c r="N8194" s="56">
        <f>IF(Input!$D$19=1,J8194*Input!$C$19,0)+IF(Input!$D$20=1,K8194*Input!$C$20,0)+IF(Input!$D$21=1,L8194*Input!$C$21,0)+IF(Input!$D$22=1,M8194*Input!$C$22,0)</f>
        <v>0.21636141336986334</v>
      </c>
      <c r="O8194" s="59">
        <f>IF(Input!$D$19=2,J8194*Input!$C$19,0)+IF(Input!$D$20=2,K8194*Input!$C$20,0)+IF(Input!$D$21=2,L8194*Input!$C$21,0)+IF(Input!$D$22=2,M8194*Input!$C$22,0)</f>
        <v>0.54090353342465824</v>
      </c>
      <c r="P8194" s="59">
        <f>IF(Input!$D$19=3,J8194*Input!$C$19,0)+IF(Input!$D$20=3,K8194*Input!$C$20,0)+IF(Input!$D$21=3,L8194*Input!$C$21,0)+IF(Input!$D$22=3,M8194*Input!$C$22,0)</f>
        <v>0</v>
      </c>
      <c r="Q8194" s="75">
        <f>IF(Input!$D$19=4,J8194*Input!$C$19,0)+IF(Input!$D$20=4,K8194*Input!$C$20,0)+IF(Input!$D$21=4,L8194*Input!$C$21,0)+IF(Input!$D$22=4,M8194*Input!$C$22,0)</f>
        <v>0</v>
      </c>
      <c r="R8194" s="58">
        <v>53.72580874878031</v>
      </c>
      <c r="S8194" s="124">
        <f t="shared" si="127"/>
        <v>0.93756612460274102</v>
      </c>
    </row>
    <row r="8195" spans="8:19" x14ac:dyDescent="0.3">
      <c r="H8195" s="44">
        <v>8188</v>
      </c>
      <c r="I8195" s="56">
        <f>Bühler!I8221</f>
        <v>0.21636141336986328</v>
      </c>
      <c r="J8195" s="59">
        <f>Bühler!J8221</f>
        <v>0.72120471123287777</v>
      </c>
      <c r="K8195" s="59">
        <f>Bühler!K8221</f>
        <v>1.0818070668493165</v>
      </c>
      <c r="L8195" s="59">
        <f>Bühler!L8221</f>
        <v>9.6582353678469808</v>
      </c>
      <c r="M8195" s="58">
        <f>Bühler!M8221</f>
        <v>0</v>
      </c>
      <c r="N8195" s="56">
        <f>IF(Input!$D$19=1,J8195*Input!$C$19,0)+IF(Input!$D$20=1,K8195*Input!$C$20,0)+IF(Input!$D$21=1,L8195*Input!$C$21,0)+IF(Input!$D$22=1,M8195*Input!$C$22,0)</f>
        <v>0.21636141336986334</v>
      </c>
      <c r="O8195" s="59">
        <f>IF(Input!$D$19=2,J8195*Input!$C$19,0)+IF(Input!$D$20=2,K8195*Input!$C$20,0)+IF(Input!$D$21=2,L8195*Input!$C$21,0)+IF(Input!$D$22=2,M8195*Input!$C$22,0)</f>
        <v>0.54090353342465824</v>
      </c>
      <c r="P8195" s="59">
        <f>IF(Input!$D$19=3,J8195*Input!$C$19,0)+IF(Input!$D$20=3,K8195*Input!$C$20,0)+IF(Input!$D$21=3,L8195*Input!$C$21,0)+IF(Input!$D$22=3,M8195*Input!$C$22,0)</f>
        <v>0</v>
      </c>
      <c r="Q8195" s="75">
        <f>IF(Input!$D$19=4,J8195*Input!$C$19,0)+IF(Input!$D$20=4,K8195*Input!$C$20,0)+IF(Input!$D$21=4,L8195*Input!$C$21,0)+IF(Input!$D$22=4,M8195*Input!$C$22,0)</f>
        <v>0</v>
      </c>
      <c r="R8195" s="58">
        <v>52.645398733189801</v>
      </c>
      <c r="S8195" s="124">
        <f t="shared" si="127"/>
        <v>0.93756612460274102</v>
      </c>
    </row>
    <row r="8196" spans="8:19" x14ac:dyDescent="0.3">
      <c r="H8196" s="44">
        <v>8189</v>
      </c>
      <c r="I8196" s="56">
        <f>Bühler!I8222</f>
        <v>0.21636141336986328</v>
      </c>
      <c r="J8196" s="59">
        <f>Bühler!J8222</f>
        <v>0.72120471123287777</v>
      </c>
      <c r="K8196" s="59">
        <f>Bühler!K8222</f>
        <v>1.0818070668493165</v>
      </c>
      <c r="L8196" s="59">
        <f>Bühler!L8222</f>
        <v>9.6582353678469808</v>
      </c>
      <c r="M8196" s="58">
        <f>Bühler!M8222</f>
        <v>0</v>
      </c>
      <c r="N8196" s="56">
        <f>IF(Input!$D$19=1,J8196*Input!$C$19,0)+IF(Input!$D$20=1,K8196*Input!$C$20,0)+IF(Input!$D$21=1,L8196*Input!$C$21,0)+IF(Input!$D$22=1,M8196*Input!$C$22,0)</f>
        <v>0.21636141336986334</v>
      </c>
      <c r="O8196" s="59">
        <f>IF(Input!$D$19=2,J8196*Input!$C$19,0)+IF(Input!$D$20=2,K8196*Input!$C$20,0)+IF(Input!$D$21=2,L8196*Input!$C$21,0)+IF(Input!$D$22=2,M8196*Input!$C$22,0)</f>
        <v>0.54090353342465824</v>
      </c>
      <c r="P8196" s="59">
        <f>IF(Input!$D$19=3,J8196*Input!$C$19,0)+IF(Input!$D$20=3,K8196*Input!$C$20,0)+IF(Input!$D$21=3,L8196*Input!$C$21,0)+IF(Input!$D$22=3,M8196*Input!$C$22,0)</f>
        <v>0</v>
      </c>
      <c r="Q8196" s="75">
        <f>IF(Input!$D$19=4,J8196*Input!$C$19,0)+IF(Input!$D$20=4,K8196*Input!$C$20,0)+IF(Input!$D$21=4,L8196*Input!$C$21,0)+IF(Input!$D$22=4,M8196*Input!$C$22,0)</f>
        <v>0</v>
      </c>
      <c r="R8196" s="58">
        <v>50.828713856057263</v>
      </c>
      <c r="S8196" s="124">
        <f t="shared" si="127"/>
        <v>0.93756612460274102</v>
      </c>
    </row>
    <row r="8197" spans="8:19" x14ac:dyDescent="0.3">
      <c r="H8197" s="44">
        <v>8190</v>
      </c>
      <c r="I8197" s="56">
        <f>Bühler!I8223</f>
        <v>0.26913248980153726</v>
      </c>
      <c r="J8197" s="59">
        <f>Bühler!J8223</f>
        <v>0.89710829933845759</v>
      </c>
      <c r="K8197" s="59">
        <f>Bühler!K8223</f>
        <v>1.3456624490076863</v>
      </c>
      <c r="L8197" s="59">
        <f>Bühler!L8223</f>
        <v>12.013902530736488</v>
      </c>
      <c r="M8197" s="58">
        <f>Bühler!M8223</f>
        <v>0</v>
      </c>
      <c r="N8197" s="56">
        <f>IF(Input!$D$19=1,J8197*Input!$C$19,0)+IF(Input!$D$20=1,K8197*Input!$C$20,0)+IF(Input!$D$21=1,L8197*Input!$C$21,0)+IF(Input!$D$22=1,M8197*Input!$C$22,0)</f>
        <v>0.26913248980153726</v>
      </c>
      <c r="O8197" s="59">
        <f>IF(Input!$D$19=2,J8197*Input!$C$19,0)+IF(Input!$D$20=2,K8197*Input!$C$20,0)+IF(Input!$D$21=2,L8197*Input!$C$21,0)+IF(Input!$D$22=2,M8197*Input!$C$22,0)</f>
        <v>0.67283122450384314</v>
      </c>
      <c r="P8197" s="59">
        <f>IF(Input!$D$19=3,J8197*Input!$C$19,0)+IF(Input!$D$20=3,K8197*Input!$C$20,0)+IF(Input!$D$21=3,L8197*Input!$C$21,0)+IF(Input!$D$22=3,M8197*Input!$C$22,0)</f>
        <v>0</v>
      </c>
      <c r="Q8197" s="75">
        <f>IF(Input!$D$19=4,J8197*Input!$C$19,0)+IF(Input!$D$20=4,K8197*Input!$C$20,0)+IF(Input!$D$21=4,L8197*Input!$C$21,0)+IF(Input!$D$22=4,M8197*Input!$C$22,0)</f>
        <v>0</v>
      </c>
      <c r="R8197" s="58">
        <v>50.745513875602477</v>
      </c>
      <c r="S8197" s="124">
        <f t="shared" si="127"/>
        <v>1.1662407891399948</v>
      </c>
    </row>
    <row r="8198" spans="8:19" x14ac:dyDescent="0.3">
      <c r="H8198" s="44">
        <v>8191</v>
      </c>
      <c r="I8198" s="56">
        <f>Bühler!I8224</f>
        <v>0.33773488916271344</v>
      </c>
      <c r="J8198" s="59">
        <f>Bühler!J8224</f>
        <v>1.1257829638757115</v>
      </c>
      <c r="K8198" s="59">
        <f>Bühler!K8224</f>
        <v>1.6886744458135674</v>
      </c>
      <c r="L8198" s="59">
        <f>Bühler!L8224</f>
        <v>15.076269842492847</v>
      </c>
      <c r="M8198" s="58">
        <f>Bühler!M8224</f>
        <v>0</v>
      </c>
      <c r="N8198" s="56">
        <f>IF(Input!$D$19=1,J8198*Input!$C$19,0)+IF(Input!$D$20=1,K8198*Input!$C$20,0)+IF(Input!$D$21=1,L8198*Input!$C$21,0)+IF(Input!$D$22=1,M8198*Input!$C$22,0)</f>
        <v>0.33773488916271344</v>
      </c>
      <c r="O8198" s="59">
        <f>IF(Input!$D$19=2,J8198*Input!$C$19,0)+IF(Input!$D$20=2,K8198*Input!$C$20,0)+IF(Input!$D$21=2,L8198*Input!$C$21,0)+IF(Input!$D$22=2,M8198*Input!$C$22,0)</f>
        <v>0.8443372229067837</v>
      </c>
      <c r="P8198" s="59">
        <f>IF(Input!$D$19=3,J8198*Input!$C$19,0)+IF(Input!$D$20=3,K8198*Input!$C$20,0)+IF(Input!$D$21=3,L8198*Input!$C$21,0)+IF(Input!$D$22=3,M8198*Input!$C$22,0)</f>
        <v>0</v>
      </c>
      <c r="Q8198" s="75">
        <f>IF(Input!$D$19=4,J8198*Input!$C$19,0)+IF(Input!$D$20=4,K8198*Input!$C$20,0)+IF(Input!$D$21=4,L8198*Input!$C$21,0)+IF(Input!$D$22=4,M8198*Input!$C$22,0)</f>
        <v>0</v>
      </c>
      <c r="R8198" s="58">
        <v>51.354563380244095</v>
      </c>
      <c r="S8198" s="124">
        <f t="shared" si="127"/>
        <v>1.463517853038425</v>
      </c>
    </row>
    <row r="8199" spans="8:19" x14ac:dyDescent="0.3">
      <c r="H8199" s="44">
        <v>8192</v>
      </c>
      <c r="I8199" s="56">
        <f>Bühler!I8225</f>
        <v>0.38522885795122003</v>
      </c>
      <c r="J8199" s="59">
        <f>Bühler!J8225</f>
        <v>1.2840961931707335</v>
      </c>
      <c r="K8199" s="59">
        <f>Bühler!K8225</f>
        <v>1.9261442897561003</v>
      </c>
      <c r="L8199" s="59">
        <f>Bühler!L8225</f>
        <v>17.196370289093405</v>
      </c>
      <c r="M8199" s="58">
        <f>Bühler!M8225</f>
        <v>0</v>
      </c>
      <c r="N8199" s="56">
        <f>IF(Input!$D$19=1,J8199*Input!$C$19,0)+IF(Input!$D$20=1,K8199*Input!$C$20,0)+IF(Input!$D$21=1,L8199*Input!$C$21,0)+IF(Input!$D$22=1,M8199*Input!$C$22,0)</f>
        <v>0.38522885795122003</v>
      </c>
      <c r="O8199" s="59">
        <f>IF(Input!$D$19=2,J8199*Input!$C$19,0)+IF(Input!$D$20=2,K8199*Input!$C$20,0)+IF(Input!$D$21=2,L8199*Input!$C$21,0)+IF(Input!$D$22=2,M8199*Input!$C$22,0)</f>
        <v>0.96307214487805015</v>
      </c>
      <c r="P8199" s="59">
        <f>IF(Input!$D$19=3,J8199*Input!$C$19,0)+IF(Input!$D$20=3,K8199*Input!$C$20,0)+IF(Input!$D$21=3,L8199*Input!$C$21,0)+IF(Input!$D$22=3,M8199*Input!$C$22,0)</f>
        <v>0</v>
      </c>
      <c r="Q8199" s="75">
        <f>IF(Input!$D$19=4,J8199*Input!$C$19,0)+IF(Input!$D$20=4,K8199*Input!$C$20,0)+IF(Input!$D$21=4,L8199*Input!$C$21,0)+IF(Input!$D$22=4,M8199*Input!$C$22,0)</f>
        <v>0</v>
      </c>
      <c r="R8199" s="58">
        <v>50.830417603697697</v>
      </c>
      <c r="S8199" s="124">
        <f t="shared" si="127"/>
        <v>1.6693250511219535</v>
      </c>
    </row>
    <row r="8200" spans="8:19" x14ac:dyDescent="0.3">
      <c r="H8200" s="44">
        <v>8193</v>
      </c>
      <c r="I8200" s="56">
        <f>Bühler!I8226</f>
        <v>0.38522885795122003</v>
      </c>
      <c r="J8200" s="59">
        <f>Bühler!J8226</f>
        <v>1.2840961931707335</v>
      </c>
      <c r="K8200" s="59">
        <f>Bühler!K8226</f>
        <v>1.9261442897561003</v>
      </c>
      <c r="L8200" s="59">
        <f>Bühler!L8226</f>
        <v>17.196370289093405</v>
      </c>
      <c r="M8200" s="58">
        <f>Bühler!M8226</f>
        <v>0</v>
      </c>
      <c r="N8200" s="56">
        <f>IF(Input!$D$19=1,J8200*Input!$C$19,0)+IF(Input!$D$20=1,K8200*Input!$C$20,0)+IF(Input!$D$21=1,L8200*Input!$C$21,0)+IF(Input!$D$22=1,M8200*Input!$C$22,0)</f>
        <v>0.38522885795122003</v>
      </c>
      <c r="O8200" s="59">
        <f>IF(Input!$D$19=2,J8200*Input!$C$19,0)+IF(Input!$D$20=2,K8200*Input!$C$20,0)+IF(Input!$D$21=2,L8200*Input!$C$21,0)+IF(Input!$D$22=2,M8200*Input!$C$22,0)</f>
        <v>0.96307214487805015</v>
      </c>
      <c r="P8200" s="59">
        <f>IF(Input!$D$19=3,J8200*Input!$C$19,0)+IF(Input!$D$20=3,K8200*Input!$C$20,0)+IF(Input!$D$21=3,L8200*Input!$C$21,0)+IF(Input!$D$22=3,M8200*Input!$C$22,0)</f>
        <v>0</v>
      </c>
      <c r="Q8200" s="75">
        <f>IF(Input!$D$19=4,J8200*Input!$C$19,0)+IF(Input!$D$20=4,K8200*Input!$C$20,0)+IF(Input!$D$21=4,L8200*Input!$C$21,0)+IF(Input!$D$22=4,M8200*Input!$C$22,0)</f>
        <v>0</v>
      </c>
      <c r="R8200" s="58">
        <v>49.874852856724921</v>
      </c>
      <c r="S8200" s="124">
        <f t="shared" si="127"/>
        <v>1.6693250511219535</v>
      </c>
    </row>
    <row r="8201" spans="8:19" x14ac:dyDescent="0.3">
      <c r="H8201" s="44">
        <v>8194</v>
      </c>
      <c r="I8201" s="56">
        <f>Bühler!I8227</f>
        <v>0.38522885795122003</v>
      </c>
      <c r="J8201" s="59">
        <f>Bühler!J8227</f>
        <v>1.2840961931707335</v>
      </c>
      <c r="K8201" s="59">
        <f>Bühler!K8227</f>
        <v>1.9261442897561003</v>
      </c>
      <c r="L8201" s="59">
        <f>Bühler!L8227</f>
        <v>17.196370289093405</v>
      </c>
      <c r="M8201" s="58">
        <f>Bühler!M8227</f>
        <v>0</v>
      </c>
      <c r="N8201" s="56">
        <f>IF(Input!$D$19=1,J8201*Input!$C$19,0)+IF(Input!$D$20=1,K8201*Input!$C$20,0)+IF(Input!$D$21=1,L8201*Input!$C$21,0)+IF(Input!$D$22=1,M8201*Input!$C$22,0)</f>
        <v>0.38522885795122003</v>
      </c>
      <c r="O8201" s="59">
        <f>IF(Input!$D$19=2,J8201*Input!$C$19,0)+IF(Input!$D$20=2,K8201*Input!$C$20,0)+IF(Input!$D$21=2,L8201*Input!$C$21,0)+IF(Input!$D$22=2,M8201*Input!$C$22,0)</f>
        <v>0.96307214487805015</v>
      </c>
      <c r="P8201" s="59">
        <f>IF(Input!$D$19=3,J8201*Input!$C$19,0)+IF(Input!$D$20=3,K8201*Input!$C$20,0)+IF(Input!$D$21=3,L8201*Input!$C$21,0)+IF(Input!$D$22=3,M8201*Input!$C$22,0)</f>
        <v>0</v>
      </c>
      <c r="Q8201" s="75">
        <f>IF(Input!$D$19=4,J8201*Input!$C$19,0)+IF(Input!$D$20=4,K8201*Input!$C$20,0)+IF(Input!$D$21=4,L8201*Input!$C$21,0)+IF(Input!$D$22=4,M8201*Input!$C$22,0)</f>
        <v>0</v>
      </c>
      <c r="R8201" s="58">
        <v>49.166102762551716</v>
      </c>
      <c r="S8201" s="124">
        <f t="shared" ref="S8201:S8264" si="128">I8201+J8201</f>
        <v>1.6693250511219535</v>
      </c>
    </row>
    <row r="8202" spans="8:19" x14ac:dyDescent="0.3">
      <c r="H8202" s="44">
        <v>8195</v>
      </c>
      <c r="I8202" s="56">
        <f>Bühler!I8228</f>
        <v>0.38522885795122003</v>
      </c>
      <c r="J8202" s="59">
        <f>Bühler!J8228</f>
        <v>1.2840961931707335</v>
      </c>
      <c r="K8202" s="59">
        <f>Bühler!K8228</f>
        <v>1.9261442897561003</v>
      </c>
      <c r="L8202" s="59">
        <f>Bühler!L8228</f>
        <v>17.196370289093405</v>
      </c>
      <c r="M8202" s="58">
        <f>Bühler!M8228</f>
        <v>0</v>
      </c>
      <c r="N8202" s="56">
        <f>IF(Input!$D$19=1,J8202*Input!$C$19,0)+IF(Input!$D$20=1,K8202*Input!$C$20,0)+IF(Input!$D$21=1,L8202*Input!$C$21,0)+IF(Input!$D$22=1,M8202*Input!$C$22,0)</f>
        <v>0.38522885795122003</v>
      </c>
      <c r="O8202" s="59">
        <f>IF(Input!$D$19=2,J8202*Input!$C$19,0)+IF(Input!$D$20=2,K8202*Input!$C$20,0)+IF(Input!$D$21=2,L8202*Input!$C$21,0)+IF(Input!$D$22=2,M8202*Input!$C$22,0)</f>
        <v>0.96307214487805015</v>
      </c>
      <c r="P8202" s="59">
        <f>IF(Input!$D$19=3,J8202*Input!$C$19,0)+IF(Input!$D$20=3,K8202*Input!$C$20,0)+IF(Input!$D$21=3,L8202*Input!$C$21,0)+IF(Input!$D$22=3,M8202*Input!$C$22,0)</f>
        <v>0</v>
      </c>
      <c r="Q8202" s="75">
        <f>IF(Input!$D$19=4,J8202*Input!$C$19,0)+IF(Input!$D$20=4,K8202*Input!$C$20,0)+IF(Input!$D$21=4,L8202*Input!$C$21,0)+IF(Input!$D$22=4,M8202*Input!$C$22,0)</f>
        <v>0</v>
      </c>
      <c r="R8202" s="58">
        <v>49.596925082966891</v>
      </c>
      <c r="S8202" s="124">
        <f t="shared" si="128"/>
        <v>1.6693250511219535</v>
      </c>
    </row>
    <row r="8203" spans="8:19" x14ac:dyDescent="0.3">
      <c r="H8203" s="44">
        <v>8196</v>
      </c>
      <c r="I8203" s="56">
        <f>Bühler!I8229</f>
        <v>0.38522885795122003</v>
      </c>
      <c r="J8203" s="59">
        <f>Bühler!J8229</f>
        <v>1.2840961931707335</v>
      </c>
      <c r="K8203" s="59">
        <f>Bühler!K8229</f>
        <v>1.9261442897561003</v>
      </c>
      <c r="L8203" s="59">
        <f>Bühler!L8229</f>
        <v>17.196370289093405</v>
      </c>
      <c r="M8203" s="58">
        <f>Bühler!M8229</f>
        <v>0</v>
      </c>
      <c r="N8203" s="56">
        <f>IF(Input!$D$19=1,J8203*Input!$C$19,0)+IF(Input!$D$20=1,K8203*Input!$C$20,0)+IF(Input!$D$21=1,L8203*Input!$C$21,0)+IF(Input!$D$22=1,M8203*Input!$C$22,0)</f>
        <v>0.38522885795122003</v>
      </c>
      <c r="O8203" s="59">
        <f>IF(Input!$D$19=2,J8203*Input!$C$19,0)+IF(Input!$D$20=2,K8203*Input!$C$20,0)+IF(Input!$D$21=2,L8203*Input!$C$21,0)+IF(Input!$D$22=2,M8203*Input!$C$22,0)</f>
        <v>0.96307214487805015</v>
      </c>
      <c r="P8203" s="59">
        <f>IF(Input!$D$19=3,J8203*Input!$C$19,0)+IF(Input!$D$20=3,K8203*Input!$C$20,0)+IF(Input!$D$21=3,L8203*Input!$C$21,0)+IF(Input!$D$22=3,M8203*Input!$C$22,0)</f>
        <v>0</v>
      </c>
      <c r="Q8203" s="75">
        <f>IF(Input!$D$19=4,J8203*Input!$C$19,0)+IF(Input!$D$20=4,K8203*Input!$C$20,0)+IF(Input!$D$21=4,L8203*Input!$C$21,0)+IF(Input!$D$22=4,M8203*Input!$C$22,0)</f>
        <v>0</v>
      </c>
      <c r="R8203" s="58">
        <v>48.933383858391032</v>
      </c>
      <c r="S8203" s="124">
        <f t="shared" si="128"/>
        <v>1.6693250511219535</v>
      </c>
    </row>
    <row r="8204" spans="8:19" x14ac:dyDescent="0.3">
      <c r="H8204" s="44">
        <v>8197</v>
      </c>
      <c r="I8204" s="56">
        <f>Bühler!I8230</f>
        <v>0.38522885795122003</v>
      </c>
      <c r="J8204" s="59">
        <f>Bühler!J8230</f>
        <v>1.2840961931707335</v>
      </c>
      <c r="K8204" s="59">
        <f>Bühler!K8230</f>
        <v>1.9261442897561003</v>
      </c>
      <c r="L8204" s="59">
        <f>Bühler!L8230</f>
        <v>17.196370289093405</v>
      </c>
      <c r="M8204" s="58">
        <f>Bühler!M8230</f>
        <v>0</v>
      </c>
      <c r="N8204" s="56">
        <f>IF(Input!$D$19=1,J8204*Input!$C$19,0)+IF(Input!$D$20=1,K8204*Input!$C$20,0)+IF(Input!$D$21=1,L8204*Input!$C$21,0)+IF(Input!$D$22=1,M8204*Input!$C$22,0)</f>
        <v>0.38522885795122003</v>
      </c>
      <c r="O8204" s="59">
        <f>IF(Input!$D$19=2,J8204*Input!$C$19,0)+IF(Input!$D$20=2,K8204*Input!$C$20,0)+IF(Input!$D$21=2,L8204*Input!$C$21,0)+IF(Input!$D$22=2,M8204*Input!$C$22,0)</f>
        <v>0.96307214487805015</v>
      </c>
      <c r="P8204" s="59">
        <f>IF(Input!$D$19=3,J8204*Input!$C$19,0)+IF(Input!$D$20=3,K8204*Input!$C$20,0)+IF(Input!$D$21=3,L8204*Input!$C$21,0)+IF(Input!$D$22=3,M8204*Input!$C$22,0)</f>
        <v>0</v>
      </c>
      <c r="Q8204" s="75">
        <f>IF(Input!$D$19=4,J8204*Input!$C$19,0)+IF(Input!$D$20=4,K8204*Input!$C$20,0)+IF(Input!$D$21=4,L8204*Input!$C$21,0)+IF(Input!$D$22=4,M8204*Input!$C$22,0)</f>
        <v>0</v>
      </c>
      <c r="R8204" s="58">
        <v>48.342115916658635</v>
      </c>
      <c r="S8204" s="124">
        <f t="shared" si="128"/>
        <v>1.6693250511219535</v>
      </c>
    </row>
    <row r="8205" spans="8:19" x14ac:dyDescent="0.3">
      <c r="H8205" s="44">
        <v>8198</v>
      </c>
      <c r="I8205" s="56">
        <f>Bühler!I8231</f>
        <v>0.38522885795122003</v>
      </c>
      <c r="J8205" s="59">
        <f>Bühler!J8231</f>
        <v>1.2840961931707335</v>
      </c>
      <c r="K8205" s="59">
        <f>Bühler!K8231</f>
        <v>1.9261442897561003</v>
      </c>
      <c r="L8205" s="59">
        <f>Bühler!L8231</f>
        <v>17.196370289093405</v>
      </c>
      <c r="M8205" s="58">
        <f>Bühler!M8231</f>
        <v>0</v>
      </c>
      <c r="N8205" s="56">
        <f>IF(Input!$D$19=1,J8205*Input!$C$19,0)+IF(Input!$D$20=1,K8205*Input!$C$20,0)+IF(Input!$D$21=1,L8205*Input!$C$21,0)+IF(Input!$D$22=1,M8205*Input!$C$22,0)</f>
        <v>0.38522885795122003</v>
      </c>
      <c r="O8205" s="59">
        <f>IF(Input!$D$19=2,J8205*Input!$C$19,0)+IF(Input!$D$20=2,K8205*Input!$C$20,0)+IF(Input!$D$21=2,L8205*Input!$C$21,0)+IF(Input!$D$22=2,M8205*Input!$C$22,0)</f>
        <v>0.96307214487805015</v>
      </c>
      <c r="P8205" s="59">
        <f>IF(Input!$D$19=3,J8205*Input!$C$19,0)+IF(Input!$D$20=3,K8205*Input!$C$20,0)+IF(Input!$D$21=3,L8205*Input!$C$21,0)+IF(Input!$D$22=3,M8205*Input!$C$22,0)</f>
        <v>0</v>
      </c>
      <c r="Q8205" s="75">
        <f>IF(Input!$D$19=4,J8205*Input!$C$19,0)+IF(Input!$D$20=4,K8205*Input!$C$20,0)+IF(Input!$D$21=4,L8205*Input!$C$21,0)+IF(Input!$D$22=4,M8205*Input!$C$22,0)</f>
        <v>0</v>
      </c>
      <c r="R8205" s="58">
        <v>47.323954424195222</v>
      </c>
      <c r="S8205" s="124">
        <f t="shared" si="128"/>
        <v>1.6693250511219535</v>
      </c>
    </row>
    <row r="8206" spans="8:19" x14ac:dyDescent="0.3">
      <c r="H8206" s="44">
        <v>8199</v>
      </c>
      <c r="I8206" s="56">
        <f>Bühler!I8232</f>
        <v>0.38522885795122003</v>
      </c>
      <c r="J8206" s="59">
        <f>Bühler!J8232</f>
        <v>1.2840961931707335</v>
      </c>
      <c r="K8206" s="59">
        <f>Bühler!K8232</f>
        <v>1.9261442897561003</v>
      </c>
      <c r="L8206" s="59">
        <f>Bühler!L8232</f>
        <v>17.196370289093405</v>
      </c>
      <c r="M8206" s="58">
        <f>Bühler!M8232</f>
        <v>0</v>
      </c>
      <c r="N8206" s="56">
        <f>IF(Input!$D$19=1,J8206*Input!$C$19,0)+IF(Input!$D$20=1,K8206*Input!$C$20,0)+IF(Input!$D$21=1,L8206*Input!$C$21,0)+IF(Input!$D$22=1,M8206*Input!$C$22,0)</f>
        <v>0.38522885795122003</v>
      </c>
      <c r="O8206" s="59">
        <f>IF(Input!$D$19=2,J8206*Input!$C$19,0)+IF(Input!$D$20=2,K8206*Input!$C$20,0)+IF(Input!$D$21=2,L8206*Input!$C$21,0)+IF(Input!$D$22=2,M8206*Input!$C$22,0)</f>
        <v>0.96307214487805015</v>
      </c>
      <c r="P8206" s="59">
        <f>IF(Input!$D$19=3,J8206*Input!$C$19,0)+IF(Input!$D$20=3,K8206*Input!$C$20,0)+IF(Input!$D$21=3,L8206*Input!$C$21,0)+IF(Input!$D$22=3,M8206*Input!$C$22,0)</f>
        <v>0</v>
      </c>
      <c r="Q8206" s="75">
        <f>IF(Input!$D$19=4,J8206*Input!$C$19,0)+IF(Input!$D$20=4,K8206*Input!$C$20,0)+IF(Input!$D$21=4,L8206*Input!$C$21,0)+IF(Input!$D$22=4,M8206*Input!$C$22,0)</f>
        <v>0</v>
      </c>
      <c r="R8206" s="58">
        <v>47.254278118386019</v>
      </c>
      <c r="S8206" s="124">
        <f t="shared" si="128"/>
        <v>1.6693250511219535</v>
      </c>
    </row>
    <row r="8207" spans="8:19" x14ac:dyDescent="0.3">
      <c r="H8207" s="44">
        <v>8200</v>
      </c>
      <c r="I8207" s="56">
        <f>Bühler!I8233</f>
        <v>0.3482891044490482</v>
      </c>
      <c r="J8207" s="59">
        <f>Bühler!J8233</f>
        <v>1.1609636814968274</v>
      </c>
      <c r="K8207" s="59">
        <f>Bühler!K8233</f>
        <v>1.7414455222452412</v>
      </c>
      <c r="L8207" s="59">
        <f>Bühler!L8233</f>
        <v>15.547403275070748</v>
      </c>
      <c r="M8207" s="58">
        <f>Bühler!M8233</f>
        <v>0</v>
      </c>
      <c r="N8207" s="56">
        <f>IF(Input!$D$19=1,J8207*Input!$C$19,0)+IF(Input!$D$20=1,K8207*Input!$C$20,0)+IF(Input!$D$21=1,L8207*Input!$C$21,0)+IF(Input!$D$22=1,M8207*Input!$C$22,0)</f>
        <v>0.3482891044490482</v>
      </c>
      <c r="O8207" s="59">
        <f>IF(Input!$D$19=2,J8207*Input!$C$19,0)+IF(Input!$D$20=2,K8207*Input!$C$20,0)+IF(Input!$D$21=2,L8207*Input!$C$21,0)+IF(Input!$D$22=2,M8207*Input!$C$22,0)</f>
        <v>0.87072276112262059</v>
      </c>
      <c r="P8207" s="59">
        <f>IF(Input!$D$19=3,J8207*Input!$C$19,0)+IF(Input!$D$20=3,K8207*Input!$C$20,0)+IF(Input!$D$21=3,L8207*Input!$C$21,0)+IF(Input!$D$22=3,M8207*Input!$C$22,0)</f>
        <v>0</v>
      </c>
      <c r="Q8207" s="75">
        <f>IF(Input!$D$19=4,J8207*Input!$C$19,0)+IF(Input!$D$20=4,K8207*Input!$C$20,0)+IF(Input!$D$21=4,L8207*Input!$C$21,0)+IF(Input!$D$22=4,M8207*Input!$C$22,0)</f>
        <v>0</v>
      </c>
      <c r="R8207" s="58">
        <v>46.976218677582452</v>
      </c>
      <c r="S8207" s="124">
        <f t="shared" si="128"/>
        <v>1.5092527859458755</v>
      </c>
    </row>
    <row r="8208" spans="8:19" x14ac:dyDescent="0.3">
      <c r="H8208" s="44">
        <v>8201</v>
      </c>
      <c r="I8208" s="56">
        <f>Bühler!I8234</f>
        <v>0.31662645859004385</v>
      </c>
      <c r="J8208" s="59">
        <f>Bühler!J8234</f>
        <v>1.0554215286334796</v>
      </c>
      <c r="K8208" s="59">
        <f>Bühler!K8234</f>
        <v>1.5831322929502194</v>
      </c>
      <c r="L8208" s="59">
        <f>Bühler!L8234</f>
        <v>14.134002977337044</v>
      </c>
      <c r="M8208" s="58">
        <f>Bühler!M8234</f>
        <v>0</v>
      </c>
      <c r="N8208" s="56">
        <f>IF(Input!$D$19=1,J8208*Input!$C$19,0)+IF(Input!$D$20=1,K8208*Input!$C$20,0)+IF(Input!$D$21=1,L8208*Input!$C$21,0)+IF(Input!$D$22=1,M8208*Input!$C$22,0)</f>
        <v>0.31662645859004385</v>
      </c>
      <c r="O8208" s="59">
        <f>IF(Input!$D$19=2,J8208*Input!$C$19,0)+IF(Input!$D$20=2,K8208*Input!$C$20,0)+IF(Input!$D$21=2,L8208*Input!$C$21,0)+IF(Input!$D$22=2,M8208*Input!$C$22,0)</f>
        <v>0.7915661464751097</v>
      </c>
      <c r="P8208" s="59">
        <f>IF(Input!$D$19=3,J8208*Input!$C$19,0)+IF(Input!$D$20=3,K8208*Input!$C$20,0)+IF(Input!$D$21=3,L8208*Input!$C$21,0)+IF(Input!$D$22=3,M8208*Input!$C$22,0)</f>
        <v>0</v>
      </c>
      <c r="Q8208" s="75">
        <f>IF(Input!$D$19=4,J8208*Input!$C$19,0)+IF(Input!$D$20=4,K8208*Input!$C$20,0)+IF(Input!$D$21=4,L8208*Input!$C$21,0)+IF(Input!$D$22=4,M8208*Input!$C$22,0)</f>
        <v>0</v>
      </c>
      <c r="R8208" s="58">
        <v>46.328461081769184</v>
      </c>
      <c r="S8208" s="124">
        <f t="shared" si="128"/>
        <v>1.3720479872235234</v>
      </c>
    </row>
    <row r="8209" spans="8:19" x14ac:dyDescent="0.3">
      <c r="H8209" s="44">
        <v>8202</v>
      </c>
      <c r="I8209" s="56">
        <f>Bühler!I8235</f>
        <v>0.28496381273103943</v>
      </c>
      <c r="J8209" s="59">
        <f>Bühler!J8235</f>
        <v>0.9498793757701316</v>
      </c>
      <c r="K8209" s="59">
        <f>Bühler!K8235</f>
        <v>1.4248190636551974</v>
      </c>
      <c r="L8209" s="59">
        <f>Bühler!L8235</f>
        <v>12.72060267960334</v>
      </c>
      <c r="M8209" s="58">
        <f>Bühler!M8235</f>
        <v>0</v>
      </c>
      <c r="N8209" s="56">
        <f>IF(Input!$D$19=1,J8209*Input!$C$19,0)+IF(Input!$D$20=1,K8209*Input!$C$20,0)+IF(Input!$D$21=1,L8209*Input!$C$21,0)+IF(Input!$D$22=1,M8209*Input!$C$22,0)</f>
        <v>0.28496381273103949</v>
      </c>
      <c r="O8209" s="59">
        <f>IF(Input!$D$19=2,J8209*Input!$C$19,0)+IF(Input!$D$20=2,K8209*Input!$C$20,0)+IF(Input!$D$21=2,L8209*Input!$C$21,0)+IF(Input!$D$22=2,M8209*Input!$C$22,0)</f>
        <v>0.7124095318275987</v>
      </c>
      <c r="P8209" s="59">
        <f>IF(Input!$D$19=3,J8209*Input!$C$19,0)+IF(Input!$D$20=3,K8209*Input!$C$20,0)+IF(Input!$D$21=3,L8209*Input!$C$21,0)+IF(Input!$D$22=3,M8209*Input!$C$22,0)</f>
        <v>0</v>
      </c>
      <c r="Q8209" s="75">
        <f>IF(Input!$D$19=4,J8209*Input!$C$19,0)+IF(Input!$D$20=4,K8209*Input!$C$20,0)+IF(Input!$D$21=4,L8209*Input!$C$21,0)+IF(Input!$D$22=4,M8209*Input!$C$22,0)</f>
        <v>0</v>
      </c>
      <c r="R8209" s="58">
        <v>45.80870205576695</v>
      </c>
      <c r="S8209" s="124">
        <f t="shared" si="128"/>
        <v>1.234843188501171</v>
      </c>
    </row>
    <row r="8210" spans="8:19" x14ac:dyDescent="0.3">
      <c r="H8210" s="44">
        <v>8203</v>
      </c>
      <c r="I8210" s="56">
        <f>Bühler!I8236</f>
        <v>0.27440959744470461</v>
      </c>
      <c r="J8210" s="59">
        <f>Bühler!J8236</f>
        <v>0.91469865814901552</v>
      </c>
      <c r="K8210" s="59">
        <f>Bühler!K8236</f>
        <v>1.3720479872235234</v>
      </c>
      <c r="L8210" s="59">
        <f>Bühler!L8236</f>
        <v>12.249469247025438</v>
      </c>
      <c r="M8210" s="58">
        <f>Bühler!M8236</f>
        <v>0</v>
      </c>
      <c r="N8210" s="56">
        <f>IF(Input!$D$19=1,J8210*Input!$C$19,0)+IF(Input!$D$20=1,K8210*Input!$C$20,0)+IF(Input!$D$21=1,L8210*Input!$C$21,0)+IF(Input!$D$22=1,M8210*Input!$C$22,0)</f>
        <v>0.27440959744470467</v>
      </c>
      <c r="O8210" s="59">
        <f>IF(Input!$D$19=2,J8210*Input!$C$19,0)+IF(Input!$D$20=2,K8210*Input!$C$20,0)+IF(Input!$D$21=2,L8210*Input!$C$21,0)+IF(Input!$D$22=2,M8210*Input!$C$22,0)</f>
        <v>0.6860239936117617</v>
      </c>
      <c r="P8210" s="59">
        <f>IF(Input!$D$19=3,J8210*Input!$C$19,0)+IF(Input!$D$20=3,K8210*Input!$C$20,0)+IF(Input!$D$21=3,L8210*Input!$C$21,0)+IF(Input!$D$22=3,M8210*Input!$C$22,0)</f>
        <v>0</v>
      </c>
      <c r="Q8210" s="75">
        <f>IF(Input!$D$19=4,J8210*Input!$C$19,0)+IF(Input!$D$20=4,K8210*Input!$C$20,0)+IF(Input!$D$21=4,L8210*Input!$C$21,0)+IF(Input!$D$22=4,M8210*Input!$C$22,0)</f>
        <v>0</v>
      </c>
      <c r="R8210" s="58">
        <v>45.215065480176833</v>
      </c>
      <c r="S8210" s="124">
        <f t="shared" si="128"/>
        <v>1.18910825559372</v>
      </c>
    </row>
    <row r="8211" spans="8:19" x14ac:dyDescent="0.3">
      <c r="H8211" s="44">
        <v>8204</v>
      </c>
      <c r="I8211" s="56">
        <f>Bühler!I8237</f>
        <v>0.22163852101303066</v>
      </c>
      <c r="J8211" s="59">
        <f>Bühler!J8237</f>
        <v>0.73879507004343559</v>
      </c>
      <c r="K8211" s="59">
        <f>Bühler!K8237</f>
        <v>1.1081926050651534</v>
      </c>
      <c r="L8211" s="59">
        <f>Bühler!L8237</f>
        <v>9.8938020841359311</v>
      </c>
      <c r="M8211" s="58">
        <f>Bühler!M8237</f>
        <v>0</v>
      </c>
      <c r="N8211" s="56">
        <f>IF(Input!$D$19=1,J8211*Input!$C$19,0)+IF(Input!$D$20=1,K8211*Input!$C$20,0)+IF(Input!$D$21=1,L8211*Input!$C$21,0)+IF(Input!$D$22=1,M8211*Input!$C$22,0)</f>
        <v>0.22163852101303066</v>
      </c>
      <c r="O8211" s="59">
        <f>IF(Input!$D$19=2,J8211*Input!$C$19,0)+IF(Input!$D$20=2,K8211*Input!$C$20,0)+IF(Input!$D$21=2,L8211*Input!$C$21,0)+IF(Input!$D$22=2,M8211*Input!$C$22,0)</f>
        <v>0.55409630253257669</v>
      </c>
      <c r="P8211" s="59">
        <f>IF(Input!$D$19=3,J8211*Input!$C$19,0)+IF(Input!$D$20=3,K8211*Input!$C$20,0)+IF(Input!$D$21=3,L8211*Input!$C$21,0)+IF(Input!$D$22=3,M8211*Input!$C$22,0)</f>
        <v>0</v>
      </c>
      <c r="Q8211" s="75">
        <f>IF(Input!$D$19=4,J8211*Input!$C$19,0)+IF(Input!$D$20=4,K8211*Input!$C$20,0)+IF(Input!$D$21=4,L8211*Input!$C$21,0)+IF(Input!$D$22=4,M8211*Input!$C$22,0)</f>
        <v>0</v>
      </c>
      <c r="R8211" s="58">
        <v>44.640782626545814</v>
      </c>
      <c r="S8211" s="124">
        <f t="shared" si="128"/>
        <v>0.96043359105646631</v>
      </c>
    </row>
    <row r="8212" spans="8:19" x14ac:dyDescent="0.3">
      <c r="H8212" s="44">
        <v>8205</v>
      </c>
      <c r="I8212" s="56">
        <f>Bühler!I8238</f>
        <v>0.16359033693818928</v>
      </c>
      <c r="J8212" s="59">
        <f>Bühler!J8238</f>
        <v>0.54530112312729773</v>
      </c>
      <c r="K8212" s="59">
        <f>Bühler!K8238</f>
        <v>0.81795168469094659</v>
      </c>
      <c r="L8212" s="59">
        <f>Bühler!L8238</f>
        <v>7.3025682049574723</v>
      </c>
      <c r="M8212" s="58">
        <f>Bühler!M8238</f>
        <v>0</v>
      </c>
      <c r="N8212" s="56">
        <f>IF(Input!$D$19=1,J8212*Input!$C$19,0)+IF(Input!$D$20=1,K8212*Input!$C$20,0)+IF(Input!$D$21=1,L8212*Input!$C$21,0)+IF(Input!$D$22=1,M8212*Input!$C$22,0)</f>
        <v>0.16359033693818931</v>
      </c>
      <c r="O8212" s="59">
        <f>IF(Input!$D$19=2,J8212*Input!$C$19,0)+IF(Input!$D$20=2,K8212*Input!$C$20,0)+IF(Input!$D$21=2,L8212*Input!$C$21,0)+IF(Input!$D$22=2,M8212*Input!$C$22,0)</f>
        <v>0.40897584234547329</v>
      </c>
      <c r="P8212" s="59">
        <f>IF(Input!$D$19=3,J8212*Input!$C$19,0)+IF(Input!$D$20=3,K8212*Input!$C$20,0)+IF(Input!$D$21=3,L8212*Input!$C$21,0)+IF(Input!$D$22=3,M8212*Input!$C$22,0)</f>
        <v>0</v>
      </c>
      <c r="Q8212" s="75">
        <f>IF(Input!$D$19=4,J8212*Input!$C$19,0)+IF(Input!$D$20=4,K8212*Input!$C$20,0)+IF(Input!$D$21=4,L8212*Input!$C$21,0)+IF(Input!$D$22=4,M8212*Input!$C$22,0)</f>
        <v>0</v>
      </c>
      <c r="R8212" s="58">
        <v>44.222756507110354</v>
      </c>
      <c r="S8212" s="124">
        <f t="shared" si="128"/>
        <v>0.70889146006548698</v>
      </c>
    </row>
    <row r="8213" spans="8:19" x14ac:dyDescent="0.3">
      <c r="H8213" s="44">
        <v>8206</v>
      </c>
      <c r="I8213" s="56">
        <f>Bühler!I8239</f>
        <v>0.16359033693818928</v>
      </c>
      <c r="J8213" s="59">
        <f>Bühler!J8239</f>
        <v>0.54530112312729773</v>
      </c>
      <c r="K8213" s="59">
        <f>Bühler!K8239</f>
        <v>0.81795168469094659</v>
      </c>
      <c r="L8213" s="59">
        <f>Bühler!L8239</f>
        <v>7.3025682049574723</v>
      </c>
      <c r="M8213" s="58">
        <f>Bühler!M8239</f>
        <v>0</v>
      </c>
      <c r="N8213" s="56">
        <f>IF(Input!$D$19=1,J8213*Input!$C$19,0)+IF(Input!$D$20=1,K8213*Input!$C$20,0)+IF(Input!$D$21=1,L8213*Input!$C$21,0)+IF(Input!$D$22=1,M8213*Input!$C$22,0)</f>
        <v>0.16359033693818931</v>
      </c>
      <c r="O8213" s="59">
        <f>IF(Input!$D$19=2,J8213*Input!$C$19,0)+IF(Input!$D$20=2,K8213*Input!$C$20,0)+IF(Input!$D$21=2,L8213*Input!$C$21,0)+IF(Input!$D$22=2,M8213*Input!$C$22,0)</f>
        <v>0.40897584234547329</v>
      </c>
      <c r="P8213" s="59">
        <f>IF(Input!$D$19=3,J8213*Input!$C$19,0)+IF(Input!$D$20=3,K8213*Input!$C$20,0)+IF(Input!$D$21=3,L8213*Input!$C$21,0)+IF(Input!$D$22=3,M8213*Input!$C$22,0)</f>
        <v>0</v>
      </c>
      <c r="Q8213" s="75">
        <f>IF(Input!$D$19=4,J8213*Input!$C$19,0)+IF(Input!$D$20=4,K8213*Input!$C$20,0)+IF(Input!$D$21=4,L8213*Input!$C$21,0)+IF(Input!$D$22=4,M8213*Input!$C$22,0)</f>
        <v>0</v>
      </c>
      <c r="R8213" s="58">
        <v>43.801784168362545</v>
      </c>
      <c r="S8213" s="124">
        <f t="shared" si="128"/>
        <v>0.70889146006548698</v>
      </c>
    </row>
    <row r="8214" spans="8:19" x14ac:dyDescent="0.3">
      <c r="H8214" s="44">
        <v>8207</v>
      </c>
      <c r="I8214" s="56">
        <f>Bühler!I8240</f>
        <v>0.16359033693818928</v>
      </c>
      <c r="J8214" s="59">
        <f>Bühler!J8240</f>
        <v>0.54530112312729773</v>
      </c>
      <c r="K8214" s="59">
        <f>Bühler!K8240</f>
        <v>0.81795168469094659</v>
      </c>
      <c r="L8214" s="59">
        <f>Bühler!L8240</f>
        <v>7.3025682049574723</v>
      </c>
      <c r="M8214" s="58">
        <f>Bühler!M8240</f>
        <v>0</v>
      </c>
      <c r="N8214" s="56">
        <f>IF(Input!$D$19=1,J8214*Input!$C$19,0)+IF(Input!$D$20=1,K8214*Input!$C$20,0)+IF(Input!$D$21=1,L8214*Input!$C$21,0)+IF(Input!$D$22=1,M8214*Input!$C$22,0)</f>
        <v>0.16359033693818931</v>
      </c>
      <c r="O8214" s="59">
        <f>IF(Input!$D$19=2,J8214*Input!$C$19,0)+IF(Input!$D$20=2,K8214*Input!$C$20,0)+IF(Input!$D$21=2,L8214*Input!$C$21,0)+IF(Input!$D$22=2,M8214*Input!$C$22,0)</f>
        <v>0.40897584234547329</v>
      </c>
      <c r="P8214" s="59">
        <f>IF(Input!$D$19=3,J8214*Input!$C$19,0)+IF(Input!$D$20=3,K8214*Input!$C$20,0)+IF(Input!$D$21=3,L8214*Input!$C$21,0)+IF(Input!$D$22=3,M8214*Input!$C$22,0)</f>
        <v>0</v>
      </c>
      <c r="Q8214" s="75">
        <f>IF(Input!$D$19=4,J8214*Input!$C$19,0)+IF(Input!$D$20=4,K8214*Input!$C$20,0)+IF(Input!$D$21=4,L8214*Input!$C$21,0)+IF(Input!$D$22=4,M8214*Input!$C$22,0)</f>
        <v>0</v>
      </c>
      <c r="R8214" s="58">
        <v>44.170840502914771</v>
      </c>
      <c r="S8214" s="124">
        <f t="shared" si="128"/>
        <v>0.70889146006548698</v>
      </c>
    </row>
    <row r="8215" spans="8:19" x14ac:dyDescent="0.3">
      <c r="H8215" s="44">
        <v>8208</v>
      </c>
      <c r="I8215" s="56">
        <f>Bühler!I8241</f>
        <v>0.16359033693818928</v>
      </c>
      <c r="J8215" s="59">
        <f>Bühler!J8241</f>
        <v>0.54530112312729773</v>
      </c>
      <c r="K8215" s="59">
        <f>Bühler!K8241</f>
        <v>0.81795168469094659</v>
      </c>
      <c r="L8215" s="59">
        <f>Bühler!L8241</f>
        <v>7.3025682049574723</v>
      </c>
      <c r="M8215" s="58">
        <f>Bühler!M8241</f>
        <v>0</v>
      </c>
      <c r="N8215" s="56">
        <f>IF(Input!$D$19=1,J8215*Input!$C$19,0)+IF(Input!$D$20=1,K8215*Input!$C$20,0)+IF(Input!$D$21=1,L8215*Input!$C$21,0)+IF(Input!$D$22=1,M8215*Input!$C$22,0)</f>
        <v>0.16359033693818931</v>
      </c>
      <c r="O8215" s="59">
        <f>IF(Input!$D$19=2,J8215*Input!$C$19,0)+IF(Input!$D$20=2,K8215*Input!$C$20,0)+IF(Input!$D$21=2,L8215*Input!$C$21,0)+IF(Input!$D$22=2,M8215*Input!$C$22,0)</f>
        <v>0.40897584234547329</v>
      </c>
      <c r="P8215" s="59">
        <f>IF(Input!$D$19=3,J8215*Input!$C$19,0)+IF(Input!$D$20=3,K8215*Input!$C$20,0)+IF(Input!$D$21=3,L8215*Input!$C$21,0)+IF(Input!$D$22=3,M8215*Input!$C$22,0)</f>
        <v>0</v>
      </c>
      <c r="Q8215" s="75">
        <f>IF(Input!$D$19=4,J8215*Input!$C$19,0)+IF(Input!$D$20=4,K8215*Input!$C$20,0)+IF(Input!$D$21=4,L8215*Input!$C$21,0)+IF(Input!$D$22=4,M8215*Input!$C$22,0)</f>
        <v>0</v>
      </c>
      <c r="R8215" s="58">
        <v>43.91468627683841</v>
      </c>
      <c r="S8215" s="124">
        <f t="shared" si="128"/>
        <v>0.70889146006548698</v>
      </c>
    </row>
    <row r="8216" spans="8:19" x14ac:dyDescent="0.3">
      <c r="H8216" s="44">
        <v>8209</v>
      </c>
      <c r="I8216" s="56">
        <f>Bühler!I8242</f>
        <v>0.1586990138023506</v>
      </c>
      <c r="J8216" s="59">
        <f>Bühler!J8242</f>
        <v>0.5289967126745021</v>
      </c>
      <c r="K8216" s="59">
        <f>Bühler!K8242</f>
        <v>0.79349506901175304</v>
      </c>
      <c r="L8216" s="59">
        <f>Bühler!L8242</f>
        <v>7.6854463776831849</v>
      </c>
      <c r="M8216" s="58">
        <f>Bühler!M8242</f>
        <v>0</v>
      </c>
      <c r="N8216" s="56">
        <f>IF(Input!$D$19=1,J8216*Input!$C$19,0)+IF(Input!$D$20=1,K8216*Input!$C$20,0)+IF(Input!$D$21=1,L8216*Input!$C$21,0)+IF(Input!$D$22=1,M8216*Input!$C$22,0)</f>
        <v>0.15869901380235063</v>
      </c>
      <c r="O8216" s="59">
        <f>IF(Input!$D$19=2,J8216*Input!$C$19,0)+IF(Input!$D$20=2,K8216*Input!$C$20,0)+IF(Input!$D$21=2,L8216*Input!$C$21,0)+IF(Input!$D$22=2,M8216*Input!$C$22,0)</f>
        <v>0.39674753450587652</v>
      </c>
      <c r="P8216" s="59">
        <f>IF(Input!$D$19=3,J8216*Input!$C$19,0)+IF(Input!$D$20=3,K8216*Input!$C$20,0)+IF(Input!$D$21=3,L8216*Input!$C$21,0)+IF(Input!$D$22=3,M8216*Input!$C$22,0)</f>
        <v>0</v>
      </c>
      <c r="Q8216" s="75">
        <f>IF(Input!$D$19=4,J8216*Input!$C$19,0)+IF(Input!$D$20=4,K8216*Input!$C$20,0)+IF(Input!$D$21=4,L8216*Input!$C$21,0)+IF(Input!$D$22=4,M8216*Input!$C$22,0)</f>
        <v>0</v>
      </c>
      <c r="R8216" s="58">
        <v>43.647128503871578</v>
      </c>
      <c r="S8216" s="124">
        <f t="shared" si="128"/>
        <v>0.68769572647685273</v>
      </c>
    </row>
    <row r="8217" spans="8:19" x14ac:dyDescent="0.3">
      <c r="H8217" s="44">
        <v>8210</v>
      </c>
      <c r="I8217" s="56">
        <f>Bühler!I8243</f>
        <v>0.18429562893176199</v>
      </c>
      <c r="J8217" s="59">
        <f>Bühler!J8243</f>
        <v>0.6143187631058733</v>
      </c>
      <c r="K8217" s="59">
        <f>Bühler!K8243</f>
        <v>0.92147814465881006</v>
      </c>
      <c r="L8217" s="59">
        <f>Bühler!L8243</f>
        <v>8.9250345031159579</v>
      </c>
      <c r="M8217" s="58">
        <f>Bühler!M8243</f>
        <v>0</v>
      </c>
      <c r="N8217" s="56">
        <f>IF(Input!$D$19=1,J8217*Input!$C$19,0)+IF(Input!$D$20=1,K8217*Input!$C$20,0)+IF(Input!$D$21=1,L8217*Input!$C$21,0)+IF(Input!$D$22=1,M8217*Input!$C$22,0)</f>
        <v>0.18429562893176199</v>
      </c>
      <c r="O8217" s="59">
        <f>IF(Input!$D$19=2,J8217*Input!$C$19,0)+IF(Input!$D$20=2,K8217*Input!$C$20,0)+IF(Input!$D$21=2,L8217*Input!$C$21,0)+IF(Input!$D$22=2,M8217*Input!$C$22,0)</f>
        <v>0.46073907232940503</v>
      </c>
      <c r="P8217" s="59">
        <f>IF(Input!$D$19=3,J8217*Input!$C$19,0)+IF(Input!$D$20=3,K8217*Input!$C$20,0)+IF(Input!$D$21=3,L8217*Input!$C$21,0)+IF(Input!$D$22=3,M8217*Input!$C$22,0)</f>
        <v>0</v>
      </c>
      <c r="Q8217" s="75">
        <f>IF(Input!$D$19=4,J8217*Input!$C$19,0)+IF(Input!$D$20=4,K8217*Input!$C$20,0)+IF(Input!$D$21=4,L8217*Input!$C$21,0)+IF(Input!$D$22=4,M8217*Input!$C$22,0)</f>
        <v>0</v>
      </c>
      <c r="R8217" s="58">
        <v>43.624554892067401</v>
      </c>
      <c r="S8217" s="124">
        <f t="shared" si="128"/>
        <v>0.79861439203763529</v>
      </c>
    </row>
    <row r="8218" spans="8:19" x14ac:dyDescent="0.3">
      <c r="H8218" s="44">
        <v>8211</v>
      </c>
      <c r="I8218" s="56">
        <f>Bühler!I8244</f>
        <v>0.18429562893176199</v>
      </c>
      <c r="J8218" s="59">
        <f>Bühler!J8244</f>
        <v>0.6143187631058733</v>
      </c>
      <c r="K8218" s="59">
        <f>Bühler!K8244</f>
        <v>0.92147814465881006</v>
      </c>
      <c r="L8218" s="59">
        <f>Bühler!L8244</f>
        <v>8.9250345031159579</v>
      </c>
      <c r="M8218" s="58">
        <f>Bühler!M8244</f>
        <v>0</v>
      </c>
      <c r="N8218" s="56">
        <f>IF(Input!$D$19=1,J8218*Input!$C$19,0)+IF(Input!$D$20=1,K8218*Input!$C$20,0)+IF(Input!$D$21=1,L8218*Input!$C$21,0)+IF(Input!$D$22=1,M8218*Input!$C$22,0)</f>
        <v>0.18429562893176199</v>
      </c>
      <c r="O8218" s="59">
        <f>IF(Input!$D$19=2,J8218*Input!$C$19,0)+IF(Input!$D$20=2,K8218*Input!$C$20,0)+IF(Input!$D$21=2,L8218*Input!$C$21,0)+IF(Input!$D$22=2,M8218*Input!$C$22,0)</f>
        <v>0.46073907232940503</v>
      </c>
      <c r="P8218" s="59">
        <f>IF(Input!$D$19=3,J8218*Input!$C$19,0)+IF(Input!$D$20=3,K8218*Input!$C$20,0)+IF(Input!$D$21=3,L8218*Input!$C$21,0)+IF(Input!$D$22=3,M8218*Input!$C$22,0)</f>
        <v>0</v>
      </c>
      <c r="Q8218" s="75">
        <f>IF(Input!$D$19=4,J8218*Input!$C$19,0)+IF(Input!$D$20=4,K8218*Input!$C$20,0)+IF(Input!$D$21=4,L8218*Input!$C$21,0)+IF(Input!$D$22=4,M8218*Input!$C$22,0)</f>
        <v>0</v>
      </c>
      <c r="R8218" s="58">
        <v>43.918331647574128</v>
      </c>
      <c r="S8218" s="124">
        <f t="shared" si="128"/>
        <v>0.79861439203763529</v>
      </c>
    </row>
    <row r="8219" spans="8:19" x14ac:dyDescent="0.3">
      <c r="H8219" s="44">
        <v>8212</v>
      </c>
      <c r="I8219" s="56">
        <f>Bühler!I8245</f>
        <v>0.18429562893176199</v>
      </c>
      <c r="J8219" s="59">
        <f>Bühler!J8245</f>
        <v>0.6143187631058733</v>
      </c>
      <c r="K8219" s="59">
        <f>Bühler!K8245</f>
        <v>0.92147814465881006</v>
      </c>
      <c r="L8219" s="59">
        <f>Bühler!L8245</f>
        <v>8.9250345031159579</v>
      </c>
      <c r="M8219" s="58">
        <f>Bühler!M8245</f>
        <v>0</v>
      </c>
      <c r="N8219" s="56">
        <f>IF(Input!$D$19=1,J8219*Input!$C$19,0)+IF(Input!$D$20=1,K8219*Input!$C$20,0)+IF(Input!$D$21=1,L8219*Input!$C$21,0)+IF(Input!$D$22=1,M8219*Input!$C$22,0)</f>
        <v>0.18429562893176199</v>
      </c>
      <c r="O8219" s="59">
        <f>IF(Input!$D$19=2,J8219*Input!$C$19,0)+IF(Input!$D$20=2,K8219*Input!$C$20,0)+IF(Input!$D$21=2,L8219*Input!$C$21,0)+IF(Input!$D$22=2,M8219*Input!$C$22,0)</f>
        <v>0.46073907232940503</v>
      </c>
      <c r="P8219" s="59">
        <f>IF(Input!$D$19=3,J8219*Input!$C$19,0)+IF(Input!$D$20=3,K8219*Input!$C$20,0)+IF(Input!$D$21=3,L8219*Input!$C$21,0)+IF(Input!$D$22=3,M8219*Input!$C$22,0)</f>
        <v>0</v>
      </c>
      <c r="Q8219" s="75">
        <f>IF(Input!$D$19=4,J8219*Input!$C$19,0)+IF(Input!$D$20=4,K8219*Input!$C$20,0)+IF(Input!$D$21=4,L8219*Input!$C$21,0)+IF(Input!$D$22=4,M8219*Input!$C$22,0)</f>
        <v>0</v>
      </c>
      <c r="R8219" s="58">
        <v>43.509434763653466</v>
      </c>
      <c r="S8219" s="124">
        <f t="shared" si="128"/>
        <v>0.79861439203763529</v>
      </c>
    </row>
    <row r="8220" spans="8:19" x14ac:dyDescent="0.3">
      <c r="H8220" s="44">
        <v>8213</v>
      </c>
      <c r="I8220" s="56">
        <f>Bühler!I8246</f>
        <v>0.18429562893176199</v>
      </c>
      <c r="J8220" s="59">
        <f>Bühler!J8246</f>
        <v>0.6143187631058733</v>
      </c>
      <c r="K8220" s="59">
        <f>Bühler!K8246</f>
        <v>0.92147814465881006</v>
      </c>
      <c r="L8220" s="59">
        <f>Bühler!L8246</f>
        <v>8.9250345031159579</v>
      </c>
      <c r="M8220" s="58">
        <f>Bühler!M8246</f>
        <v>0</v>
      </c>
      <c r="N8220" s="56">
        <f>IF(Input!$D$19=1,J8220*Input!$C$19,0)+IF(Input!$D$20=1,K8220*Input!$C$20,0)+IF(Input!$D$21=1,L8220*Input!$C$21,0)+IF(Input!$D$22=1,M8220*Input!$C$22,0)</f>
        <v>0.18429562893176199</v>
      </c>
      <c r="O8220" s="59">
        <f>IF(Input!$D$19=2,J8220*Input!$C$19,0)+IF(Input!$D$20=2,K8220*Input!$C$20,0)+IF(Input!$D$21=2,L8220*Input!$C$21,0)+IF(Input!$D$22=2,M8220*Input!$C$22,0)</f>
        <v>0.46073907232940503</v>
      </c>
      <c r="P8220" s="59">
        <f>IF(Input!$D$19=3,J8220*Input!$C$19,0)+IF(Input!$D$20=3,K8220*Input!$C$20,0)+IF(Input!$D$21=3,L8220*Input!$C$21,0)+IF(Input!$D$22=3,M8220*Input!$C$22,0)</f>
        <v>0</v>
      </c>
      <c r="Q8220" s="75">
        <f>IF(Input!$D$19=4,J8220*Input!$C$19,0)+IF(Input!$D$20=4,K8220*Input!$C$20,0)+IF(Input!$D$21=4,L8220*Input!$C$21,0)+IF(Input!$D$22=4,M8220*Input!$C$22,0)</f>
        <v>0</v>
      </c>
      <c r="R8220" s="58">
        <v>42.986869266245861</v>
      </c>
      <c r="S8220" s="124">
        <f t="shared" si="128"/>
        <v>0.79861439203763529</v>
      </c>
    </row>
    <row r="8221" spans="8:19" x14ac:dyDescent="0.3">
      <c r="H8221" s="44">
        <v>8214</v>
      </c>
      <c r="I8221" s="56">
        <f>Bühler!I8247</f>
        <v>0.23036953616470252</v>
      </c>
      <c r="J8221" s="59">
        <f>Bühler!J8247</f>
        <v>0.76789845388234179</v>
      </c>
      <c r="K8221" s="59">
        <f>Bühler!K8247</f>
        <v>1.1518476808235127</v>
      </c>
      <c r="L8221" s="59">
        <f>Bühler!L8247</f>
        <v>11.156293128894946</v>
      </c>
      <c r="M8221" s="58">
        <f>Bühler!M8247</f>
        <v>0</v>
      </c>
      <c r="N8221" s="56">
        <f>IF(Input!$D$19=1,J8221*Input!$C$19,0)+IF(Input!$D$20=1,K8221*Input!$C$20,0)+IF(Input!$D$21=1,L8221*Input!$C$21,0)+IF(Input!$D$22=1,M8221*Input!$C$22,0)</f>
        <v>0.23036953616470252</v>
      </c>
      <c r="O8221" s="59">
        <f>IF(Input!$D$19=2,J8221*Input!$C$19,0)+IF(Input!$D$20=2,K8221*Input!$C$20,0)+IF(Input!$D$21=2,L8221*Input!$C$21,0)+IF(Input!$D$22=2,M8221*Input!$C$22,0)</f>
        <v>0.57592384041175637</v>
      </c>
      <c r="P8221" s="59">
        <f>IF(Input!$D$19=3,J8221*Input!$C$19,0)+IF(Input!$D$20=3,K8221*Input!$C$20,0)+IF(Input!$D$21=3,L8221*Input!$C$21,0)+IF(Input!$D$22=3,M8221*Input!$C$22,0)</f>
        <v>0</v>
      </c>
      <c r="Q8221" s="75">
        <f>IF(Input!$D$19=4,J8221*Input!$C$19,0)+IF(Input!$D$20=4,K8221*Input!$C$20,0)+IF(Input!$D$21=4,L8221*Input!$C$21,0)+IF(Input!$D$22=4,M8221*Input!$C$22,0)</f>
        <v>0</v>
      </c>
      <c r="R8221" s="58">
        <v>43.134528669977691</v>
      </c>
      <c r="S8221" s="124">
        <f t="shared" si="128"/>
        <v>0.99826799004704436</v>
      </c>
    </row>
    <row r="8222" spans="8:19" x14ac:dyDescent="0.3">
      <c r="H8222" s="44">
        <v>8215</v>
      </c>
      <c r="I8222" s="56">
        <f>Bühler!I8248</f>
        <v>0.27132412037176074</v>
      </c>
      <c r="J8222" s="59">
        <f>Bühler!J8248</f>
        <v>0.90441373457253593</v>
      </c>
      <c r="K8222" s="59">
        <f>Bühler!K8248</f>
        <v>1.3566206018588038</v>
      </c>
      <c r="L8222" s="59">
        <f>Bühler!L8248</f>
        <v>13.139634129587384</v>
      </c>
      <c r="M8222" s="58">
        <f>Bühler!M8248</f>
        <v>0</v>
      </c>
      <c r="N8222" s="56">
        <f>IF(Input!$D$19=1,J8222*Input!$C$19,0)+IF(Input!$D$20=1,K8222*Input!$C$20,0)+IF(Input!$D$21=1,L8222*Input!$C$21,0)+IF(Input!$D$22=1,M8222*Input!$C$22,0)</f>
        <v>0.27132412037176079</v>
      </c>
      <c r="O8222" s="59">
        <f>IF(Input!$D$19=2,J8222*Input!$C$19,0)+IF(Input!$D$20=2,K8222*Input!$C$20,0)+IF(Input!$D$21=2,L8222*Input!$C$21,0)+IF(Input!$D$22=2,M8222*Input!$C$22,0)</f>
        <v>0.67831030092940192</v>
      </c>
      <c r="P8222" s="59">
        <f>IF(Input!$D$19=3,J8222*Input!$C$19,0)+IF(Input!$D$20=3,K8222*Input!$C$20,0)+IF(Input!$D$21=3,L8222*Input!$C$21,0)+IF(Input!$D$22=3,M8222*Input!$C$22,0)</f>
        <v>0</v>
      </c>
      <c r="Q8222" s="75">
        <f>IF(Input!$D$19=4,J8222*Input!$C$19,0)+IF(Input!$D$20=4,K8222*Input!$C$20,0)+IF(Input!$D$21=4,L8222*Input!$C$21,0)+IF(Input!$D$22=4,M8222*Input!$C$22,0)</f>
        <v>0</v>
      </c>
      <c r="R8222" s="58">
        <v>43.811345298461397</v>
      </c>
      <c r="S8222" s="124">
        <f t="shared" si="128"/>
        <v>1.1757378549442967</v>
      </c>
    </row>
    <row r="8223" spans="8:19" x14ac:dyDescent="0.3">
      <c r="H8223" s="44">
        <v>8216</v>
      </c>
      <c r="I8223" s="56">
        <f>Bühler!I8249</f>
        <v>0.32251735063058345</v>
      </c>
      <c r="J8223" s="59">
        <f>Bühler!J8249</f>
        <v>1.0750578354352784</v>
      </c>
      <c r="K8223" s="59">
        <f>Bühler!K8249</f>
        <v>1.6125867531529177</v>
      </c>
      <c r="L8223" s="59">
        <f>Bühler!L8249</f>
        <v>15.618810380452928</v>
      </c>
      <c r="M8223" s="58">
        <f>Bühler!M8249</f>
        <v>0</v>
      </c>
      <c r="N8223" s="56">
        <f>IF(Input!$D$19=1,J8223*Input!$C$19,0)+IF(Input!$D$20=1,K8223*Input!$C$20,0)+IF(Input!$D$21=1,L8223*Input!$C$21,0)+IF(Input!$D$22=1,M8223*Input!$C$22,0)</f>
        <v>0.32251735063058351</v>
      </c>
      <c r="O8223" s="59">
        <f>IF(Input!$D$19=2,J8223*Input!$C$19,0)+IF(Input!$D$20=2,K8223*Input!$C$20,0)+IF(Input!$D$21=2,L8223*Input!$C$21,0)+IF(Input!$D$22=2,M8223*Input!$C$22,0)</f>
        <v>0.80629337657645883</v>
      </c>
      <c r="P8223" s="59">
        <f>IF(Input!$D$19=3,J8223*Input!$C$19,0)+IF(Input!$D$20=3,K8223*Input!$C$20,0)+IF(Input!$D$21=3,L8223*Input!$C$21,0)+IF(Input!$D$22=3,M8223*Input!$C$22,0)</f>
        <v>0</v>
      </c>
      <c r="Q8223" s="75">
        <f>IF(Input!$D$19=4,J8223*Input!$C$19,0)+IF(Input!$D$20=4,K8223*Input!$C$20,0)+IF(Input!$D$21=4,L8223*Input!$C$21,0)+IF(Input!$D$22=4,M8223*Input!$C$22,0)</f>
        <v>0</v>
      </c>
      <c r="R8223" s="58">
        <v>43.562126040202521</v>
      </c>
      <c r="S8223" s="124">
        <f t="shared" si="128"/>
        <v>1.3975751860658618</v>
      </c>
    </row>
    <row r="8224" spans="8:19" x14ac:dyDescent="0.3">
      <c r="H8224" s="44">
        <v>8217</v>
      </c>
      <c r="I8224" s="56">
        <f>Bühler!I8250</f>
        <v>0.32251735063058345</v>
      </c>
      <c r="J8224" s="59">
        <f>Bühler!J8250</f>
        <v>1.0750578354352784</v>
      </c>
      <c r="K8224" s="59">
        <f>Bühler!K8250</f>
        <v>1.6125867531529177</v>
      </c>
      <c r="L8224" s="59">
        <f>Bühler!L8250</f>
        <v>15.618810380452928</v>
      </c>
      <c r="M8224" s="58">
        <f>Bühler!M8250</f>
        <v>0</v>
      </c>
      <c r="N8224" s="56">
        <f>IF(Input!$D$19=1,J8224*Input!$C$19,0)+IF(Input!$D$20=1,K8224*Input!$C$20,0)+IF(Input!$D$21=1,L8224*Input!$C$21,0)+IF(Input!$D$22=1,M8224*Input!$C$22,0)</f>
        <v>0.32251735063058351</v>
      </c>
      <c r="O8224" s="59">
        <f>IF(Input!$D$19=2,J8224*Input!$C$19,0)+IF(Input!$D$20=2,K8224*Input!$C$20,0)+IF(Input!$D$21=2,L8224*Input!$C$21,0)+IF(Input!$D$22=2,M8224*Input!$C$22,0)</f>
        <v>0.80629337657645883</v>
      </c>
      <c r="P8224" s="59">
        <f>IF(Input!$D$19=3,J8224*Input!$C$19,0)+IF(Input!$D$20=3,K8224*Input!$C$20,0)+IF(Input!$D$21=3,L8224*Input!$C$21,0)+IF(Input!$D$22=3,M8224*Input!$C$22,0)</f>
        <v>0</v>
      </c>
      <c r="Q8224" s="75">
        <f>IF(Input!$D$19=4,J8224*Input!$C$19,0)+IF(Input!$D$20=4,K8224*Input!$C$20,0)+IF(Input!$D$21=4,L8224*Input!$C$21,0)+IF(Input!$D$22=4,M8224*Input!$C$22,0)</f>
        <v>0</v>
      </c>
      <c r="R8224" s="58">
        <v>43.116319978623579</v>
      </c>
      <c r="S8224" s="124">
        <f t="shared" si="128"/>
        <v>1.3975751860658618</v>
      </c>
    </row>
    <row r="8225" spans="8:19" x14ac:dyDescent="0.3">
      <c r="H8225" s="44">
        <v>8218</v>
      </c>
      <c r="I8225" s="56">
        <f>Bühler!I8251</f>
        <v>0.32251735063058345</v>
      </c>
      <c r="J8225" s="59">
        <f>Bühler!J8251</f>
        <v>1.0750578354352784</v>
      </c>
      <c r="K8225" s="59">
        <f>Bühler!K8251</f>
        <v>1.6125867531529177</v>
      </c>
      <c r="L8225" s="59">
        <f>Bühler!L8251</f>
        <v>15.618810380452928</v>
      </c>
      <c r="M8225" s="58">
        <f>Bühler!M8251</f>
        <v>0</v>
      </c>
      <c r="N8225" s="56">
        <f>IF(Input!$D$19=1,J8225*Input!$C$19,0)+IF(Input!$D$20=1,K8225*Input!$C$20,0)+IF(Input!$D$21=1,L8225*Input!$C$21,0)+IF(Input!$D$22=1,M8225*Input!$C$22,0)</f>
        <v>0.32251735063058351</v>
      </c>
      <c r="O8225" s="59">
        <f>IF(Input!$D$19=2,J8225*Input!$C$19,0)+IF(Input!$D$20=2,K8225*Input!$C$20,0)+IF(Input!$D$21=2,L8225*Input!$C$21,0)+IF(Input!$D$22=2,M8225*Input!$C$22,0)</f>
        <v>0.80629337657645883</v>
      </c>
      <c r="P8225" s="59">
        <f>IF(Input!$D$19=3,J8225*Input!$C$19,0)+IF(Input!$D$20=3,K8225*Input!$C$20,0)+IF(Input!$D$21=3,L8225*Input!$C$21,0)+IF(Input!$D$22=3,M8225*Input!$C$22,0)</f>
        <v>0</v>
      </c>
      <c r="Q8225" s="75">
        <f>IF(Input!$D$19=4,J8225*Input!$C$19,0)+IF(Input!$D$20=4,K8225*Input!$C$20,0)+IF(Input!$D$21=4,L8225*Input!$C$21,0)+IF(Input!$D$22=4,M8225*Input!$C$22,0)</f>
        <v>0</v>
      </c>
      <c r="R8225" s="58">
        <v>42.718092361959307</v>
      </c>
      <c r="S8225" s="124">
        <f t="shared" si="128"/>
        <v>1.3975751860658618</v>
      </c>
    </row>
    <row r="8226" spans="8:19" x14ac:dyDescent="0.3">
      <c r="H8226" s="44">
        <v>8219</v>
      </c>
      <c r="I8226" s="56">
        <f>Bühler!I8252</f>
        <v>0.32251735063058345</v>
      </c>
      <c r="J8226" s="59">
        <f>Bühler!J8252</f>
        <v>1.0750578354352784</v>
      </c>
      <c r="K8226" s="59">
        <f>Bühler!K8252</f>
        <v>1.6125867531529177</v>
      </c>
      <c r="L8226" s="59">
        <f>Bühler!L8252</f>
        <v>15.618810380452928</v>
      </c>
      <c r="M8226" s="58">
        <f>Bühler!M8252</f>
        <v>0</v>
      </c>
      <c r="N8226" s="56">
        <f>IF(Input!$D$19=1,J8226*Input!$C$19,0)+IF(Input!$D$20=1,K8226*Input!$C$20,0)+IF(Input!$D$21=1,L8226*Input!$C$21,0)+IF(Input!$D$22=1,M8226*Input!$C$22,0)</f>
        <v>0.32251735063058351</v>
      </c>
      <c r="O8226" s="59">
        <f>IF(Input!$D$19=2,J8226*Input!$C$19,0)+IF(Input!$D$20=2,K8226*Input!$C$20,0)+IF(Input!$D$21=2,L8226*Input!$C$21,0)+IF(Input!$D$22=2,M8226*Input!$C$22,0)</f>
        <v>0.80629337657645883</v>
      </c>
      <c r="P8226" s="59">
        <f>IF(Input!$D$19=3,J8226*Input!$C$19,0)+IF(Input!$D$20=3,K8226*Input!$C$20,0)+IF(Input!$D$21=3,L8226*Input!$C$21,0)+IF(Input!$D$22=3,M8226*Input!$C$22,0)</f>
        <v>0</v>
      </c>
      <c r="Q8226" s="75">
        <f>IF(Input!$D$19=4,J8226*Input!$C$19,0)+IF(Input!$D$20=4,K8226*Input!$C$20,0)+IF(Input!$D$21=4,L8226*Input!$C$21,0)+IF(Input!$D$22=4,M8226*Input!$C$22,0)</f>
        <v>0</v>
      </c>
      <c r="R8226" s="58">
        <v>43.238538398479029</v>
      </c>
      <c r="S8226" s="124">
        <f t="shared" si="128"/>
        <v>1.3975751860658618</v>
      </c>
    </row>
    <row r="8227" spans="8:19" x14ac:dyDescent="0.3">
      <c r="H8227" s="44">
        <v>8220</v>
      </c>
      <c r="I8227" s="56">
        <f>Bühler!I8253</f>
        <v>0.32251735063058345</v>
      </c>
      <c r="J8227" s="59">
        <f>Bühler!J8253</f>
        <v>1.0750578354352784</v>
      </c>
      <c r="K8227" s="59">
        <f>Bühler!K8253</f>
        <v>1.6125867531529177</v>
      </c>
      <c r="L8227" s="59">
        <f>Bühler!L8253</f>
        <v>15.618810380452928</v>
      </c>
      <c r="M8227" s="58">
        <f>Bühler!M8253</f>
        <v>0</v>
      </c>
      <c r="N8227" s="56">
        <f>IF(Input!$D$19=1,J8227*Input!$C$19,0)+IF(Input!$D$20=1,K8227*Input!$C$20,0)+IF(Input!$D$21=1,L8227*Input!$C$21,0)+IF(Input!$D$22=1,M8227*Input!$C$22,0)</f>
        <v>0.32251735063058351</v>
      </c>
      <c r="O8227" s="59">
        <f>IF(Input!$D$19=2,J8227*Input!$C$19,0)+IF(Input!$D$20=2,K8227*Input!$C$20,0)+IF(Input!$D$21=2,L8227*Input!$C$21,0)+IF(Input!$D$22=2,M8227*Input!$C$22,0)</f>
        <v>0.80629337657645883</v>
      </c>
      <c r="P8227" s="59">
        <f>IF(Input!$D$19=3,J8227*Input!$C$19,0)+IF(Input!$D$20=3,K8227*Input!$C$20,0)+IF(Input!$D$21=3,L8227*Input!$C$21,0)+IF(Input!$D$22=3,M8227*Input!$C$22,0)</f>
        <v>0</v>
      </c>
      <c r="Q8227" s="75">
        <f>IF(Input!$D$19=4,J8227*Input!$C$19,0)+IF(Input!$D$20=4,K8227*Input!$C$20,0)+IF(Input!$D$21=4,L8227*Input!$C$21,0)+IF(Input!$D$22=4,M8227*Input!$C$22,0)</f>
        <v>0</v>
      </c>
      <c r="R8227" s="58">
        <v>42.828051546231372</v>
      </c>
      <c r="S8227" s="124">
        <f t="shared" si="128"/>
        <v>1.3975751860658618</v>
      </c>
    </row>
    <row r="8228" spans="8:19" x14ac:dyDescent="0.3">
      <c r="H8228" s="44">
        <v>8221</v>
      </c>
      <c r="I8228" s="56">
        <f>Bühler!I8254</f>
        <v>0.32251735063058345</v>
      </c>
      <c r="J8228" s="59">
        <f>Bühler!J8254</f>
        <v>1.0750578354352784</v>
      </c>
      <c r="K8228" s="59">
        <f>Bühler!K8254</f>
        <v>1.6125867531529177</v>
      </c>
      <c r="L8228" s="59">
        <f>Bühler!L8254</f>
        <v>15.618810380452928</v>
      </c>
      <c r="M8228" s="58">
        <f>Bühler!M8254</f>
        <v>0</v>
      </c>
      <c r="N8228" s="56">
        <f>IF(Input!$D$19=1,J8228*Input!$C$19,0)+IF(Input!$D$20=1,K8228*Input!$C$20,0)+IF(Input!$D$21=1,L8228*Input!$C$21,0)+IF(Input!$D$22=1,M8228*Input!$C$22,0)</f>
        <v>0.32251735063058351</v>
      </c>
      <c r="O8228" s="59">
        <f>IF(Input!$D$19=2,J8228*Input!$C$19,0)+IF(Input!$D$20=2,K8228*Input!$C$20,0)+IF(Input!$D$21=2,L8228*Input!$C$21,0)+IF(Input!$D$22=2,M8228*Input!$C$22,0)</f>
        <v>0.80629337657645883</v>
      </c>
      <c r="P8228" s="59">
        <f>IF(Input!$D$19=3,J8228*Input!$C$19,0)+IF(Input!$D$20=3,K8228*Input!$C$20,0)+IF(Input!$D$21=3,L8228*Input!$C$21,0)+IF(Input!$D$22=3,M8228*Input!$C$22,0)</f>
        <v>0</v>
      </c>
      <c r="Q8228" s="75">
        <f>IF(Input!$D$19=4,J8228*Input!$C$19,0)+IF(Input!$D$20=4,K8228*Input!$C$20,0)+IF(Input!$D$21=4,L8228*Input!$C$21,0)+IF(Input!$D$22=4,M8228*Input!$C$22,0)</f>
        <v>0</v>
      </c>
      <c r="R8228" s="58">
        <v>42.708552787362187</v>
      </c>
      <c r="S8228" s="124">
        <f t="shared" si="128"/>
        <v>1.3975751860658618</v>
      </c>
    </row>
    <row r="8229" spans="8:19" x14ac:dyDescent="0.3">
      <c r="H8229" s="44">
        <v>8222</v>
      </c>
      <c r="I8229" s="56">
        <f>Bühler!I8255</f>
        <v>0.32251735063058345</v>
      </c>
      <c r="J8229" s="59">
        <f>Bühler!J8255</f>
        <v>1.0750578354352784</v>
      </c>
      <c r="K8229" s="59">
        <f>Bühler!K8255</f>
        <v>1.6125867531529177</v>
      </c>
      <c r="L8229" s="59">
        <f>Bühler!L8255</f>
        <v>15.618810380452928</v>
      </c>
      <c r="M8229" s="58">
        <f>Bühler!M8255</f>
        <v>0</v>
      </c>
      <c r="N8229" s="56">
        <f>IF(Input!$D$19=1,J8229*Input!$C$19,0)+IF(Input!$D$20=1,K8229*Input!$C$20,0)+IF(Input!$D$21=1,L8229*Input!$C$21,0)+IF(Input!$D$22=1,M8229*Input!$C$22,0)</f>
        <v>0.32251735063058351</v>
      </c>
      <c r="O8229" s="59">
        <f>IF(Input!$D$19=2,J8229*Input!$C$19,0)+IF(Input!$D$20=2,K8229*Input!$C$20,0)+IF(Input!$D$21=2,L8229*Input!$C$21,0)+IF(Input!$D$22=2,M8229*Input!$C$22,0)</f>
        <v>0.80629337657645883</v>
      </c>
      <c r="P8229" s="59">
        <f>IF(Input!$D$19=3,J8229*Input!$C$19,0)+IF(Input!$D$20=3,K8229*Input!$C$20,0)+IF(Input!$D$21=3,L8229*Input!$C$21,0)+IF(Input!$D$22=3,M8229*Input!$C$22,0)</f>
        <v>0</v>
      </c>
      <c r="Q8229" s="75">
        <f>IF(Input!$D$19=4,J8229*Input!$C$19,0)+IF(Input!$D$20=4,K8229*Input!$C$20,0)+IF(Input!$D$21=4,L8229*Input!$C$21,0)+IF(Input!$D$22=4,M8229*Input!$C$22,0)</f>
        <v>0</v>
      </c>
      <c r="R8229" s="58">
        <v>43.091489531287245</v>
      </c>
      <c r="S8229" s="124">
        <f t="shared" si="128"/>
        <v>1.3975751860658618</v>
      </c>
    </row>
    <row r="8230" spans="8:19" x14ac:dyDescent="0.3">
      <c r="H8230" s="44">
        <v>8223</v>
      </c>
      <c r="I8230" s="56">
        <f>Bühler!I8256</f>
        <v>0.32251735063058345</v>
      </c>
      <c r="J8230" s="59">
        <f>Bühler!J8256</f>
        <v>1.0750578354352784</v>
      </c>
      <c r="K8230" s="59">
        <f>Bühler!K8256</f>
        <v>1.6125867531529177</v>
      </c>
      <c r="L8230" s="59">
        <f>Bühler!L8256</f>
        <v>15.618810380452928</v>
      </c>
      <c r="M8230" s="58">
        <f>Bühler!M8256</f>
        <v>0</v>
      </c>
      <c r="N8230" s="56">
        <f>IF(Input!$D$19=1,J8230*Input!$C$19,0)+IF(Input!$D$20=1,K8230*Input!$C$20,0)+IF(Input!$D$21=1,L8230*Input!$C$21,0)+IF(Input!$D$22=1,M8230*Input!$C$22,0)</f>
        <v>0.32251735063058351</v>
      </c>
      <c r="O8230" s="59">
        <f>IF(Input!$D$19=2,J8230*Input!$C$19,0)+IF(Input!$D$20=2,K8230*Input!$C$20,0)+IF(Input!$D$21=2,L8230*Input!$C$21,0)+IF(Input!$D$22=2,M8230*Input!$C$22,0)</f>
        <v>0.80629337657645883</v>
      </c>
      <c r="P8230" s="59">
        <f>IF(Input!$D$19=3,J8230*Input!$C$19,0)+IF(Input!$D$20=3,K8230*Input!$C$20,0)+IF(Input!$D$21=3,L8230*Input!$C$21,0)+IF(Input!$D$22=3,M8230*Input!$C$22,0)</f>
        <v>0</v>
      </c>
      <c r="Q8230" s="75">
        <f>IF(Input!$D$19=4,J8230*Input!$C$19,0)+IF(Input!$D$20=4,K8230*Input!$C$20,0)+IF(Input!$D$21=4,L8230*Input!$C$21,0)+IF(Input!$D$22=4,M8230*Input!$C$22,0)</f>
        <v>0</v>
      </c>
      <c r="R8230" s="58">
        <v>43.111168154871429</v>
      </c>
      <c r="S8230" s="124">
        <f t="shared" si="128"/>
        <v>1.3975751860658618</v>
      </c>
    </row>
    <row r="8231" spans="8:19" x14ac:dyDescent="0.3">
      <c r="H8231" s="44">
        <v>8224</v>
      </c>
      <c r="I8231" s="56">
        <f>Bühler!I8257</f>
        <v>0.28668208944940754</v>
      </c>
      <c r="J8231" s="59">
        <f>Bühler!J8257</f>
        <v>0.95560696483135854</v>
      </c>
      <c r="K8231" s="59">
        <f>Bühler!K8257</f>
        <v>1.4334104472470379</v>
      </c>
      <c r="L8231" s="59">
        <f>Bühler!L8257</f>
        <v>13.883387004847044</v>
      </c>
      <c r="M8231" s="58">
        <f>Bühler!M8257</f>
        <v>0</v>
      </c>
      <c r="N8231" s="56">
        <f>IF(Input!$D$19=1,J8231*Input!$C$19,0)+IF(Input!$D$20=1,K8231*Input!$C$20,0)+IF(Input!$D$21=1,L8231*Input!$C$21,0)+IF(Input!$D$22=1,M8231*Input!$C$22,0)</f>
        <v>0.28668208944940754</v>
      </c>
      <c r="O8231" s="59">
        <f>IF(Input!$D$19=2,J8231*Input!$C$19,0)+IF(Input!$D$20=2,K8231*Input!$C$20,0)+IF(Input!$D$21=2,L8231*Input!$C$21,0)+IF(Input!$D$22=2,M8231*Input!$C$22,0)</f>
        <v>0.71670522362351896</v>
      </c>
      <c r="P8231" s="59">
        <f>IF(Input!$D$19=3,J8231*Input!$C$19,0)+IF(Input!$D$20=3,K8231*Input!$C$20,0)+IF(Input!$D$21=3,L8231*Input!$C$21,0)+IF(Input!$D$22=3,M8231*Input!$C$22,0)</f>
        <v>0</v>
      </c>
      <c r="Q8231" s="75">
        <f>IF(Input!$D$19=4,J8231*Input!$C$19,0)+IF(Input!$D$20=4,K8231*Input!$C$20,0)+IF(Input!$D$21=4,L8231*Input!$C$21,0)+IF(Input!$D$22=4,M8231*Input!$C$22,0)</f>
        <v>0</v>
      </c>
      <c r="R8231" s="58">
        <v>42.911760993617129</v>
      </c>
      <c r="S8231" s="124">
        <f t="shared" si="128"/>
        <v>1.2422890542807661</v>
      </c>
    </row>
    <row r="8232" spans="8:19" x14ac:dyDescent="0.3">
      <c r="H8232" s="44">
        <v>8225</v>
      </c>
      <c r="I8232" s="56">
        <f>Bühler!I8258</f>
        <v>0.28156276642352523</v>
      </c>
      <c r="J8232" s="59">
        <f>Bühler!J8258</f>
        <v>0.93854255474508419</v>
      </c>
      <c r="K8232" s="59">
        <f>Bühler!K8258</f>
        <v>1.4078138321176263</v>
      </c>
      <c r="L8232" s="59">
        <f>Bühler!L8258</f>
        <v>13.63546937976049</v>
      </c>
      <c r="M8232" s="58">
        <f>Bühler!M8258</f>
        <v>0</v>
      </c>
      <c r="N8232" s="56">
        <f>IF(Input!$D$19=1,J8232*Input!$C$19,0)+IF(Input!$D$20=1,K8232*Input!$C$20,0)+IF(Input!$D$21=1,L8232*Input!$C$21,0)+IF(Input!$D$22=1,M8232*Input!$C$22,0)</f>
        <v>0.28156276642352523</v>
      </c>
      <c r="O8232" s="59">
        <f>IF(Input!$D$19=2,J8232*Input!$C$19,0)+IF(Input!$D$20=2,K8232*Input!$C$20,0)+IF(Input!$D$21=2,L8232*Input!$C$21,0)+IF(Input!$D$22=2,M8232*Input!$C$22,0)</f>
        <v>0.70390691605881317</v>
      </c>
      <c r="P8232" s="59">
        <f>IF(Input!$D$19=3,J8232*Input!$C$19,0)+IF(Input!$D$20=3,K8232*Input!$C$20,0)+IF(Input!$D$21=3,L8232*Input!$C$21,0)+IF(Input!$D$22=3,M8232*Input!$C$22,0)</f>
        <v>0</v>
      </c>
      <c r="Q8232" s="75">
        <f>IF(Input!$D$19=4,J8232*Input!$C$19,0)+IF(Input!$D$20=4,K8232*Input!$C$20,0)+IF(Input!$D$21=4,L8232*Input!$C$21,0)+IF(Input!$D$22=4,M8232*Input!$C$22,0)</f>
        <v>0</v>
      </c>
      <c r="R8232" s="58">
        <v>42.784495899276791</v>
      </c>
      <c r="S8232" s="124">
        <f t="shared" si="128"/>
        <v>1.2201053211686095</v>
      </c>
    </row>
    <row r="8233" spans="8:19" x14ac:dyDescent="0.3">
      <c r="H8233" s="44">
        <v>8226</v>
      </c>
      <c r="I8233" s="56">
        <f>Bühler!I8259</f>
        <v>0.2406081822164671</v>
      </c>
      <c r="J8233" s="59">
        <f>Bühler!J8259</f>
        <v>0.80202727405489038</v>
      </c>
      <c r="K8233" s="59">
        <f>Bühler!K8259</f>
        <v>1.2030409110823357</v>
      </c>
      <c r="L8233" s="59">
        <f>Bühler!L8259</f>
        <v>11.652128379068055</v>
      </c>
      <c r="M8233" s="58">
        <f>Bühler!M8259</f>
        <v>0</v>
      </c>
      <c r="N8233" s="56">
        <f>IF(Input!$D$19=1,J8233*Input!$C$19,0)+IF(Input!$D$20=1,K8233*Input!$C$20,0)+IF(Input!$D$21=1,L8233*Input!$C$21,0)+IF(Input!$D$22=1,M8233*Input!$C$22,0)</f>
        <v>0.2406081822164671</v>
      </c>
      <c r="O8233" s="59">
        <f>IF(Input!$D$19=2,J8233*Input!$C$19,0)+IF(Input!$D$20=2,K8233*Input!$C$20,0)+IF(Input!$D$21=2,L8233*Input!$C$21,0)+IF(Input!$D$22=2,M8233*Input!$C$22,0)</f>
        <v>0.60152045554116784</v>
      </c>
      <c r="P8233" s="59">
        <f>IF(Input!$D$19=3,J8233*Input!$C$19,0)+IF(Input!$D$20=3,K8233*Input!$C$20,0)+IF(Input!$D$21=3,L8233*Input!$C$21,0)+IF(Input!$D$22=3,M8233*Input!$C$22,0)</f>
        <v>0</v>
      </c>
      <c r="Q8233" s="75">
        <f>IF(Input!$D$19=4,J8233*Input!$C$19,0)+IF(Input!$D$20=4,K8233*Input!$C$20,0)+IF(Input!$D$21=4,L8233*Input!$C$21,0)+IF(Input!$D$22=4,M8233*Input!$C$22,0)</f>
        <v>0</v>
      </c>
      <c r="R8233" s="58">
        <v>43.176176998270584</v>
      </c>
      <c r="S8233" s="124">
        <f t="shared" si="128"/>
        <v>1.0426354562713576</v>
      </c>
    </row>
    <row r="8234" spans="8:19" x14ac:dyDescent="0.3">
      <c r="H8234" s="44">
        <v>8227</v>
      </c>
      <c r="I8234" s="56">
        <f>Bühler!I8260</f>
        <v>0.22525021313882027</v>
      </c>
      <c r="J8234" s="59">
        <f>Bühler!J8260</f>
        <v>0.75083404379606766</v>
      </c>
      <c r="K8234" s="59">
        <f>Bühler!K8260</f>
        <v>1.1262510656941014</v>
      </c>
      <c r="L8234" s="59">
        <f>Bühler!L8260</f>
        <v>10.908375503808394</v>
      </c>
      <c r="M8234" s="58">
        <f>Bühler!M8260</f>
        <v>0</v>
      </c>
      <c r="N8234" s="56">
        <f>IF(Input!$D$19=1,J8234*Input!$C$19,0)+IF(Input!$D$20=1,K8234*Input!$C$20,0)+IF(Input!$D$21=1,L8234*Input!$C$21,0)+IF(Input!$D$22=1,M8234*Input!$C$22,0)</f>
        <v>0.22525021313882029</v>
      </c>
      <c r="O8234" s="59">
        <f>IF(Input!$D$19=2,J8234*Input!$C$19,0)+IF(Input!$D$20=2,K8234*Input!$C$20,0)+IF(Input!$D$21=2,L8234*Input!$C$21,0)+IF(Input!$D$22=2,M8234*Input!$C$22,0)</f>
        <v>0.56312553284705069</v>
      </c>
      <c r="P8234" s="59">
        <f>IF(Input!$D$19=3,J8234*Input!$C$19,0)+IF(Input!$D$20=3,K8234*Input!$C$20,0)+IF(Input!$D$21=3,L8234*Input!$C$21,0)+IF(Input!$D$22=3,M8234*Input!$C$22,0)</f>
        <v>0</v>
      </c>
      <c r="Q8234" s="75">
        <f>IF(Input!$D$19=4,J8234*Input!$C$19,0)+IF(Input!$D$20=4,K8234*Input!$C$20,0)+IF(Input!$D$21=4,L8234*Input!$C$21,0)+IF(Input!$D$22=4,M8234*Input!$C$22,0)</f>
        <v>0</v>
      </c>
      <c r="R8234" s="58">
        <v>43.801252126015285</v>
      </c>
      <c r="S8234" s="124">
        <f t="shared" si="128"/>
        <v>0.97608425693488798</v>
      </c>
    </row>
    <row r="8235" spans="8:19" x14ac:dyDescent="0.3">
      <c r="H8235" s="44">
        <v>8228</v>
      </c>
      <c r="I8235" s="56">
        <f>Bühler!I8261</f>
        <v>0.1894149519576443</v>
      </c>
      <c r="J8235" s="59">
        <f>Bühler!J8261</f>
        <v>0.63138317319214776</v>
      </c>
      <c r="K8235" s="59">
        <f>Bühler!K8261</f>
        <v>0.94707475978822164</v>
      </c>
      <c r="L8235" s="59">
        <f>Bühler!L8261</f>
        <v>9.1729521282025122</v>
      </c>
      <c r="M8235" s="58">
        <f>Bühler!M8261</f>
        <v>0</v>
      </c>
      <c r="N8235" s="56">
        <f>IF(Input!$D$19=1,J8235*Input!$C$19,0)+IF(Input!$D$20=1,K8235*Input!$C$20,0)+IF(Input!$D$21=1,L8235*Input!$C$21,0)+IF(Input!$D$22=1,M8235*Input!$C$22,0)</f>
        <v>0.18941495195764432</v>
      </c>
      <c r="O8235" s="59">
        <f>IF(Input!$D$19=2,J8235*Input!$C$19,0)+IF(Input!$D$20=2,K8235*Input!$C$20,0)+IF(Input!$D$21=2,L8235*Input!$C$21,0)+IF(Input!$D$22=2,M8235*Input!$C$22,0)</f>
        <v>0.47353737989411082</v>
      </c>
      <c r="P8235" s="59">
        <f>IF(Input!$D$19=3,J8235*Input!$C$19,0)+IF(Input!$D$20=3,K8235*Input!$C$20,0)+IF(Input!$D$21=3,L8235*Input!$C$21,0)+IF(Input!$D$22=3,M8235*Input!$C$22,0)</f>
        <v>0</v>
      </c>
      <c r="Q8235" s="75">
        <f>IF(Input!$D$19=4,J8235*Input!$C$19,0)+IF(Input!$D$20=4,K8235*Input!$C$20,0)+IF(Input!$D$21=4,L8235*Input!$C$21,0)+IF(Input!$D$22=4,M8235*Input!$C$22,0)</f>
        <v>0</v>
      </c>
      <c r="R8235" s="58">
        <v>43.700394737633914</v>
      </c>
      <c r="S8235" s="124">
        <f t="shared" si="128"/>
        <v>0.820798125149792</v>
      </c>
    </row>
    <row r="8236" spans="8:19" x14ac:dyDescent="0.3">
      <c r="H8236" s="44">
        <v>8229</v>
      </c>
      <c r="I8236" s="56">
        <f>Bühler!I8262</f>
        <v>0.1586990138023506</v>
      </c>
      <c r="J8236" s="59">
        <f>Bühler!J8262</f>
        <v>0.5289967126745021</v>
      </c>
      <c r="K8236" s="59">
        <f>Bühler!K8262</f>
        <v>0.79349506901175304</v>
      </c>
      <c r="L8236" s="59">
        <f>Bühler!L8262</f>
        <v>7.6854463776831849</v>
      </c>
      <c r="M8236" s="58">
        <f>Bühler!M8262</f>
        <v>0</v>
      </c>
      <c r="N8236" s="56">
        <f>IF(Input!$D$19=1,J8236*Input!$C$19,0)+IF(Input!$D$20=1,K8236*Input!$C$20,0)+IF(Input!$D$21=1,L8236*Input!$C$21,0)+IF(Input!$D$22=1,M8236*Input!$C$22,0)</f>
        <v>0.15869901380235063</v>
      </c>
      <c r="O8236" s="59">
        <f>IF(Input!$D$19=2,J8236*Input!$C$19,0)+IF(Input!$D$20=2,K8236*Input!$C$20,0)+IF(Input!$D$21=2,L8236*Input!$C$21,0)+IF(Input!$D$22=2,M8236*Input!$C$22,0)</f>
        <v>0.39674753450587652</v>
      </c>
      <c r="P8236" s="59">
        <f>IF(Input!$D$19=3,J8236*Input!$C$19,0)+IF(Input!$D$20=3,K8236*Input!$C$20,0)+IF(Input!$D$21=3,L8236*Input!$C$21,0)+IF(Input!$D$22=3,M8236*Input!$C$22,0)</f>
        <v>0</v>
      </c>
      <c r="Q8236" s="75">
        <f>IF(Input!$D$19=4,J8236*Input!$C$19,0)+IF(Input!$D$20=4,K8236*Input!$C$20,0)+IF(Input!$D$21=4,L8236*Input!$C$21,0)+IF(Input!$D$22=4,M8236*Input!$C$22,0)</f>
        <v>0</v>
      </c>
      <c r="R8236" s="58">
        <v>43.741963885253057</v>
      </c>
      <c r="S8236" s="124">
        <f t="shared" si="128"/>
        <v>0.68769572647685273</v>
      </c>
    </row>
    <row r="8237" spans="8:19" x14ac:dyDescent="0.3">
      <c r="H8237" s="44">
        <v>8230</v>
      </c>
      <c r="I8237" s="56">
        <f>Bühler!I8263</f>
        <v>0.13822172169882149</v>
      </c>
      <c r="J8237" s="59">
        <f>Bühler!J8263</f>
        <v>0.46073907232940503</v>
      </c>
      <c r="K8237" s="59">
        <f>Bühler!K8263</f>
        <v>0.6911086084941076</v>
      </c>
      <c r="L8237" s="59">
        <f>Bühler!L8263</f>
        <v>6.6937758773369689</v>
      </c>
      <c r="M8237" s="58">
        <f>Bühler!M8263</f>
        <v>0</v>
      </c>
      <c r="N8237" s="56">
        <f>IF(Input!$D$19=1,J8237*Input!$C$19,0)+IF(Input!$D$20=1,K8237*Input!$C$20,0)+IF(Input!$D$21=1,L8237*Input!$C$21,0)+IF(Input!$D$22=1,M8237*Input!$C$22,0)</f>
        <v>0.13822172169882149</v>
      </c>
      <c r="O8237" s="59">
        <f>IF(Input!$D$19=2,J8237*Input!$C$19,0)+IF(Input!$D$20=2,K8237*Input!$C$20,0)+IF(Input!$D$21=2,L8237*Input!$C$21,0)+IF(Input!$D$22=2,M8237*Input!$C$22,0)</f>
        <v>0.3455543042470538</v>
      </c>
      <c r="P8237" s="59">
        <f>IF(Input!$D$19=3,J8237*Input!$C$19,0)+IF(Input!$D$20=3,K8237*Input!$C$20,0)+IF(Input!$D$21=3,L8237*Input!$C$21,0)+IF(Input!$D$22=3,M8237*Input!$C$22,0)</f>
        <v>0</v>
      </c>
      <c r="Q8237" s="75">
        <f>IF(Input!$D$19=4,J8237*Input!$C$19,0)+IF(Input!$D$20=4,K8237*Input!$C$20,0)+IF(Input!$D$21=4,L8237*Input!$C$21,0)+IF(Input!$D$22=4,M8237*Input!$C$22,0)</f>
        <v>0</v>
      </c>
      <c r="R8237" s="58">
        <v>44.091076555734517</v>
      </c>
      <c r="S8237" s="124">
        <f t="shared" si="128"/>
        <v>0.59896079402822655</v>
      </c>
    </row>
    <row r="8238" spans="8:19" x14ac:dyDescent="0.3">
      <c r="H8238" s="44">
        <v>8231</v>
      </c>
      <c r="I8238" s="56">
        <f>Bühler!I8264</f>
        <v>0.13822172169882149</v>
      </c>
      <c r="J8238" s="59">
        <f>Bühler!J8264</f>
        <v>0.46073907232940503</v>
      </c>
      <c r="K8238" s="59">
        <f>Bühler!K8264</f>
        <v>0.6911086084941076</v>
      </c>
      <c r="L8238" s="59">
        <f>Bühler!L8264</f>
        <v>6.6937758773369689</v>
      </c>
      <c r="M8238" s="58">
        <f>Bühler!M8264</f>
        <v>0</v>
      </c>
      <c r="N8238" s="56">
        <f>IF(Input!$D$19=1,J8238*Input!$C$19,0)+IF(Input!$D$20=1,K8238*Input!$C$20,0)+IF(Input!$D$21=1,L8238*Input!$C$21,0)+IF(Input!$D$22=1,M8238*Input!$C$22,0)</f>
        <v>0.13822172169882149</v>
      </c>
      <c r="O8238" s="59">
        <f>IF(Input!$D$19=2,J8238*Input!$C$19,0)+IF(Input!$D$20=2,K8238*Input!$C$20,0)+IF(Input!$D$21=2,L8238*Input!$C$21,0)+IF(Input!$D$22=2,M8238*Input!$C$22,0)</f>
        <v>0.3455543042470538</v>
      </c>
      <c r="P8238" s="59">
        <f>IF(Input!$D$19=3,J8238*Input!$C$19,0)+IF(Input!$D$20=3,K8238*Input!$C$20,0)+IF(Input!$D$21=3,L8238*Input!$C$21,0)+IF(Input!$D$22=3,M8238*Input!$C$22,0)</f>
        <v>0</v>
      </c>
      <c r="Q8238" s="75">
        <f>IF(Input!$D$19=4,J8238*Input!$C$19,0)+IF(Input!$D$20=4,K8238*Input!$C$20,0)+IF(Input!$D$21=4,L8238*Input!$C$21,0)+IF(Input!$D$22=4,M8238*Input!$C$22,0)</f>
        <v>0</v>
      </c>
      <c r="R8238" s="58">
        <v>44.472758922446701</v>
      </c>
      <c r="S8238" s="124">
        <f t="shared" si="128"/>
        <v>0.59896079402822655</v>
      </c>
    </row>
    <row r="8239" spans="8:19" x14ac:dyDescent="0.3">
      <c r="H8239" s="44">
        <v>8232</v>
      </c>
      <c r="I8239" s="56">
        <f>Bühler!I8265</f>
        <v>0.13822172169882149</v>
      </c>
      <c r="J8239" s="59">
        <f>Bühler!J8265</f>
        <v>0.46073907232940503</v>
      </c>
      <c r="K8239" s="59">
        <f>Bühler!K8265</f>
        <v>0.6911086084941076</v>
      </c>
      <c r="L8239" s="59">
        <f>Bühler!L8265</f>
        <v>6.6937758773369689</v>
      </c>
      <c r="M8239" s="58">
        <f>Bühler!M8265</f>
        <v>0</v>
      </c>
      <c r="N8239" s="56">
        <f>IF(Input!$D$19=1,J8239*Input!$C$19,0)+IF(Input!$D$20=1,K8239*Input!$C$20,0)+IF(Input!$D$21=1,L8239*Input!$C$21,0)+IF(Input!$D$22=1,M8239*Input!$C$22,0)</f>
        <v>0.13822172169882149</v>
      </c>
      <c r="O8239" s="59">
        <f>IF(Input!$D$19=2,J8239*Input!$C$19,0)+IF(Input!$D$20=2,K8239*Input!$C$20,0)+IF(Input!$D$21=2,L8239*Input!$C$21,0)+IF(Input!$D$22=2,M8239*Input!$C$22,0)</f>
        <v>0.3455543042470538</v>
      </c>
      <c r="P8239" s="59">
        <f>IF(Input!$D$19=3,J8239*Input!$C$19,0)+IF(Input!$D$20=3,K8239*Input!$C$20,0)+IF(Input!$D$21=3,L8239*Input!$C$21,0)+IF(Input!$D$22=3,M8239*Input!$C$22,0)</f>
        <v>0</v>
      </c>
      <c r="Q8239" s="75">
        <f>IF(Input!$D$19=4,J8239*Input!$C$19,0)+IF(Input!$D$20=4,K8239*Input!$C$20,0)+IF(Input!$D$21=4,L8239*Input!$C$21,0)+IF(Input!$D$22=4,M8239*Input!$C$22,0)</f>
        <v>0</v>
      </c>
      <c r="R8239" s="58">
        <v>44.044969337556864</v>
      </c>
      <c r="S8239" s="124">
        <f t="shared" si="128"/>
        <v>0.59896079402822655</v>
      </c>
    </row>
    <row r="8240" spans="8:19" x14ac:dyDescent="0.3">
      <c r="H8240" s="44">
        <v>8233</v>
      </c>
      <c r="I8240" s="56">
        <f>Bühler!I8266</f>
        <v>8.2195133389656949E-2</v>
      </c>
      <c r="J8240" s="59">
        <f>Bühler!J8266</f>
        <v>0.27398377796552315</v>
      </c>
      <c r="K8240" s="59">
        <f>Bühler!K8266</f>
        <v>0.41097566694828475</v>
      </c>
      <c r="L8240" s="59">
        <f>Bühler!L8266</f>
        <v>1.9726832013517666</v>
      </c>
      <c r="M8240" s="58">
        <f>Bühler!M8266</f>
        <v>0</v>
      </c>
      <c r="N8240" s="56">
        <f>IF(Input!$D$19=1,J8240*Input!$C$19,0)+IF(Input!$D$20=1,K8240*Input!$C$20,0)+IF(Input!$D$21=1,L8240*Input!$C$21,0)+IF(Input!$D$22=1,M8240*Input!$C$22,0)</f>
        <v>8.2195133389656935E-2</v>
      </c>
      <c r="O8240" s="59">
        <f>IF(Input!$D$19=2,J8240*Input!$C$19,0)+IF(Input!$D$20=2,K8240*Input!$C$20,0)+IF(Input!$D$21=2,L8240*Input!$C$21,0)+IF(Input!$D$22=2,M8240*Input!$C$22,0)</f>
        <v>0.20548783347414237</v>
      </c>
      <c r="P8240" s="59">
        <f>IF(Input!$D$19=3,J8240*Input!$C$19,0)+IF(Input!$D$20=3,K8240*Input!$C$20,0)+IF(Input!$D$21=3,L8240*Input!$C$21,0)+IF(Input!$D$22=3,M8240*Input!$C$22,0)</f>
        <v>0</v>
      </c>
      <c r="Q8240" s="75">
        <f>IF(Input!$D$19=4,J8240*Input!$C$19,0)+IF(Input!$D$20=4,K8240*Input!$C$20,0)+IF(Input!$D$21=4,L8240*Input!$C$21,0)+IF(Input!$D$22=4,M8240*Input!$C$22,0)</f>
        <v>0</v>
      </c>
      <c r="R8240" s="58">
        <v>44.040099892838626</v>
      </c>
      <c r="S8240" s="124">
        <f t="shared" si="128"/>
        <v>0.35617891135518009</v>
      </c>
    </row>
    <row r="8241" spans="8:19" x14ac:dyDescent="0.3">
      <c r="H8241" s="44">
        <v>8234</v>
      </c>
      <c r="I8241" s="56">
        <f>Bühler!I8267</f>
        <v>8.2195133389656949E-2</v>
      </c>
      <c r="J8241" s="59">
        <f>Bühler!J8267</f>
        <v>0.27398377796552315</v>
      </c>
      <c r="K8241" s="59">
        <f>Bühler!K8267</f>
        <v>0.41097566694828475</v>
      </c>
      <c r="L8241" s="59">
        <f>Bühler!L8267</f>
        <v>1.9726832013517666</v>
      </c>
      <c r="M8241" s="58">
        <f>Bühler!M8267</f>
        <v>0</v>
      </c>
      <c r="N8241" s="56">
        <f>IF(Input!$D$19=1,J8241*Input!$C$19,0)+IF(Input!$D$20=1,K8241*Input!$C$20,0)+IF(Input!$D$21=1,L8241*Input!$C$21,0)+IF(Input!$D$22=1,M8241*Input!$C$22,0)</f>
        <v>8.2195133389656935E-2</v>
      </c>
      <c r="O8241" s="59">
        <f>IF(Input!$D$19=2,J8241*Input!$C$19,0)+IF(Input!$D$20=2,K8241*Input!$C$20,0)+IF(Input!$D$21=2,L8241*Input!$C$21,0)+IF(Input!$D$22=2,M8241*Input!$C$22,0)</f>
        <v>0.20548783347414237</v>
      </c>
      <c r="P8241" s="59">
        <f>IF(Input!$D$19=3,J8241*Input!$C$19,0)+IF(Input!$D$20=3,K8241*Input!$C$20,0)+IF(Input!$D$21=3,L8241*Input!$C$21,0)+IF(Input!$D$22=3,M8241*Input!$C$22,0)</f>
        <v>0</v>
      </c>
      <c r="Q8241" s="75">
        <f>IF(Input!$D$19=4,J8241*Input!$C$19,0)+IF(Input!$D$20=4,K8241*Input!$C$20,0)+IF(Input!$D$21=4,L8241*Input!$C$21,0)+IF(Input!$D$22=4,M8241*Input!$C$22,0)</f>
        <v>0</v>
      </c>
      <c r="R8241" s="58">
        <v>44.660828948938672</v>
      </c>
      <c r="S8241" s="124">
        <f t="shared" si="128"/>
        <v>0.35617891135518009</v>
      </c>
    </row>
    <row r="8242" spans="8:19" x14ac:dyDescent="0.3">
      <c r="H8242" s="44">
        <v>8235</v>
      </c>
      <c r="I8242" s="56">
        <f>Bühler!I8268</f>
        <v>8.2195133389656949E-2</v>
      </c>
      <c r="J8242" s="59">
        <f>Bühler!J8268</f>
        <v>0.27398377796552315</v>
      </c>
      <c r="K8242" s="59">
        <f>Bühler!K8268</f>
        <v>0.41097566694828475</v>
      </c>
      <c r="L8242" s="59">
        <f>Bühler!L8268</f>
        <v>1.9726832013517666</v>
      </c>
      <c r="M8242" s="58">
        <f>Bühler!M8268</f>
        <v>0</v>
      </c>
      <c r="N8242" s="56">
        <f>IF(Input!$D$19=1,J8242*Input!$C$19,0)+IF(Input!$D$20=1,K8242*Input!$C$20,0)+IF(Input!$D$21=1,L8242*Input!$C$21,0)+IF(Input!$D$22=1,M8242*Input!$C$22,0)</f>
        <v>8.2195133389656935E-2</v>
      </c>
      <c r="O8242" s="59">
        <f>IF(Input!$D$19=2,J8242*Input!$C$19,0)+IF(Input!$D$20=2,K8242*Input!$C$20,0)+IF(Input!$D$21=2,L8242*Input!$C$21,0)+IF(Input!$D$22=2,M8242*Input!$C$22,0)</f>
        <v>0.20548783347414237</v>
      </c>
      <c r="P8242" s="59">
        <f>IF(Input!$D$19=3,J8242*Input!$C$19,0)+IF(Input!$D$20=3,K8242*Input!$C$20,0)+IF(Input!$D$21=3,L8242*Input!$C$21,0)+IF(Input!$D$22=3,M8242*Input!$C$22,0)</f>
        <v>0</v>
      </c>
      <c r="Q8242" s="75">
        <f>IF(Input!$D$19=4,J8242*Input!$C$19,0)+IF(Input!$D$20=4,K8242*Input!$C$20,0)+IF(Input!$D$21=4,L8242*Input!$C$21,0)+IF(Input!$D$22=4,M8242*Input!$C$22,0)</f>
        <v>0</v>
      </c>
      <c r="R8242" s="58">
        <v>45.474436242148521</v>
      </c>
      <c r="S8242" s="124">
        <f t="shared" si="128"/>
        <v>0.35617891135518009</v>
      </c>
    </row>
    <row r="8243" spans="8:19" x14ac:dyDescent="0.3">
      <c r="H8243" s="44">
        <v>8236</v>
      </c>
      <c r="I8243" s="56">
        <f>Bühler!I8269</f>
        <v>8.2195133389656949E-2</v>
      </c>
      <c r="J8243" s="59">
        <f>Bühler!J8269</f>
        <v>0.27398377796552315</v>
      </c>
      <c r="K8243" s="59">
        <f>Bühler!K8269</f>
        <v>0.41097566694828475</v>
      </c>
      <c r="L8243" s="59">
        <f>Bühler!L8269</f>
        <v>1.9726832013517666</v>
      </c>
      <c r="M8243" s="58">
        <f>Bühler!M8269</f>
        <v>0</v>
      </c>
      <c r="N8243" s="56">
        <f>IF(Input!$D$19=1,J8243*Input!$C$19,0)+IF(Input!$D$20=1,K8243*Input!$C$20,0)+IF(Input!$D$21=1,L8243*Input!$C$21,0)+IF(Input!$D$22=1,M8243*Input!$C$22,0)</f>
        <v>8.2195133389656935E-2</v>
      </c>
      <c r="O8243" s="59">
        <f>IF(Input!$D$19=2,J8243*Input!$C$19,0)+IF(Input!$D$20=2,K8243*Input!$C$20,0)+IF(Input!$D$21=2,L8243*Input!$C$21,0)+IF(Input!$D$22=2,M8243*Input!$C$22,0)</f>
        <v>0.20548783347414237</v>
      </c>
      <c r="P8243" s="59">
        <f>IF(Input!$D$19=3,J8243*Input!$C$19,0)+IF(Input!$D$20=3,K8243*Input!$C$20,0)+IF(Input!$D$21=3,L8243*Input!$C$21,0)+IF(Input!$D$22=3,M8243*Input!$C$22,0)</f>
        <v>0</v>
      </c>
      <c r="Q8243" s="75">
        <f>IF(Input!$D$19=4,J8243*Input!$C$19,0)+IF(Input!$D$20=4,K8243*Input!$C$20,0)+IF(Input!$D$21=4,L8243*Input!$C$21,0)+IF(Input!$D$22=4,M8243*Input!$C$22,0)</f>
        <v>0</v>
      </c>
      <c r="R8243" s="58">
        <v>46.408422421642157</v>
      </c>
      <c r="S8243" s="124">
        <f t="shared" si="128"/>
        <v>0.35617891135518009</v>
      </c>
    </row>
    <row r="8244" spans="8:19" x14ac:dyDescent="0.3">
      <c r="H8244" s="44">
        <v>8237</v>
      </c>
      <c r="I8244" s="56">
        <f>Bühler!I8270</f>
        <v>8.2195133389656949E-2</v>
      </c>
      <c r="J8244" s="59">
        <f>Bühler!J8270</f>
        <v>0.27398377796552315</v>
      </c>
      <c r="K8244" s="59">
        <f>Bühler!K8270</f>
        <v>0.41097566694828475</v>
      </c>
      <c r="L8244" s="59">
        <f>Bühler!L8270</f>
        <v>1.9726832013517666</v>
      </c>
      <c r="M8244" s="58">
        <f>Bühler!M8270</f>
        <v>0</v>
      </c>
      <c r="N8244" s="56">
        <f>IF(Input!$D$19=1,J8244*Input!$C$19,0)+IF(Input!$D$20=1,K8244*Input!$C$20,0)+IF(Input!$D$21=1,L8244*Input!$C$21,0)+IF(Input!$D$22=1,M8244*Input!$C$22,0)</f>
        <v>8.2195133389656935E-2</v>
      </c>
      <c r="O8244" s="59">
        <f>IF(Input!$D$19=2,J8244*Input!$C$19,0)+IF(Input!$D$20=2,K8244*Input!$C$20,0)+IF(Input!$D$21=2,L8244*Input!$C$21,0)+IF(Input!$D$22=2,M8244*Input!$C$22,0)</f>
        <v>0.20548783347414237</v>
      </c>
      <c r="P8244" s="59">
        <f>IF(Input!$D$19=3,J8244*Input!$C$19,0)+IF(Input!$D$20=3,K8244*Input!$C$20,0)+IF(Input!$D$21=3,L8244*Input!$C$21,0)+IF(Input!$D$22=3,M8244*Input!$C$22,0)</f>
        <v>0</v>
      </c>
      <c r="Q8244" s="75">
        <f>IF(Input!$D$19=4,J8244*Input!$C$19,0)+IF(Input!$D$20=4,K8244*Input!$C$20,0)+IF(Input!$D$21=4,L8244*Input!$C$21,0)+IF(Input!$D$22=4,M8244*Input!$C$22,0)</f>
        <v>0</v>
      </c>
      <c r="R8244" s="58">
        <v>49.617618698051047</v>
      </c>
      <c r="S8244" s="124">
        <f t="shared" si="128"/>
        <v>0.35617891135518009</v>
      </c>
    </row>
    <row r="8245" spans="8:19" x14ac:dyDescent="0.3">
      <c r="H8245" s="44">
        <v>8238</v>
      </c>
      <c r="I8245" s="56">
        <f>Bühler!I8271</f>
        <v>0.35617891135518004</v>
      </c>
      <c r="J8245" s="59">
        <f>Bühler!J8271</f>
        <v>1.1872630378506004</v>
      </c>
      <c r="K8245" s="59">
        <f>Bühler!K8271</f>
        <v>1.7808945567759003</v>
      </c>
      <c r="L8245" s="59">
        <f>Bühler!L8271</f>
        <v>8.5482938725243223</v>
      </c>
      <c r="M8245" s="58">
        <f>Bühler!M8271</f>
        <v>0</v>
      </c>
      <c r="N8245" s="56">
        <f>IF(Input!$D$19=1,J8245*Input!$C$19,0)+IF(Input!$D$20=1,K8245*Input!$C$20,0)+IF(Input!$D$21=1,L8245*Input!$C$21,0)+IF(Input!$D$22=1,M8245*Input!$C$22,0)</f>
        <v>0.35617891135518009</v>
      </c>
      <c r="O8245" s="59">
        <f>IF(Input!$D$19=2,J8245*Input!$C$19,0)+IF(Input!$D$20=2,K8245*Input!$C$20,0)+IF(Input!$D$21=2,L8245*Input!$C$21,0)+IF(Input!$D$22=2,M8245*Input!$C$22,0)</f>
        <v>0.89044727838795013</v>
      </c>
      <c r="P8245" s="59">
        <f>IF(Input!$D$19=3,J8245*Input!$C$19,0)+IF(Input!$D$20=3,K8245*Input!$C$20,0)+IF(Input!$D$21=3,L8245*Input!$C$21,0)+IF(Input!$D$22=3,M8245*Input!$C$22,0)</f>
        <v>0</v>
      </c>
      <c r="Q8245" s="75">
        <f>IF(Input!$D$19=4,J8245*Input!$C$19,0)+IF(Input!$D$20=4,K8245*Input!$C$20,0)+IF(Input!$D$21=4,L8245*Input!$C$21,0)+IF(Input!$D$22=4,M8245*Input!$C$22,0)</f>
        <v>0</v>
      </c>
      <c r="R8245" s="58">
        <v>55.334236234614139</v>
      </c>
      <c r="S8245" s="124">
        <f t="shared" si="128"/>
        <v>1.5434419492057805</v>
      </c>
    </row>
    <row r="8246" spans="8:19" x14ac:dyDescent="0.3">
      <c r="H8246" s="44">
        <v>8239</v>
      </c>
      <c r="I8246" s="56">
        <f>Bühler!I8272</f>
        <v>0.40412607249914662</v>
      </c>
      <c r="J8246" s="59">
        <f>Bühler!J8272</f>
        <v>1.3470869083304888</v>
      </c>
      <c r="K8246" s="59">
        <f>Bühler!K8272</f>
        <v>2.0206303624957331</v>
      </c>
      <c r="L8246" s="59">
        <f>Bühler!L8272</f>
        <v>9.6990257399795183</v>
      </c>
      <c r="M8246" s="58">
        <f>Bühler!M8272</f>
        <v>0</v>
      </c>
      <c r="N8246" s="56">
        <f>IF(Input!$D$19=1,J8246*Input!$C$19,0)+IF(Input!$D$20=1,K8246*Input!$C$20,0)+IF(Input!$D$21=1,L8246*Input!$C$21,0)+IF(Input!$D$22=1,M8246*Input!$C$22,0)</f>
        <v>0.40412607249914662</v>
      </c>
      <c r="O8246" s="59">
        <f>IF(Input!$D$19=2,J8246*Input!$C$19,0)+IF(Input!$D$20=2,K8246*Input!$C$20,0)+IF(Input!$D$21=2,L8246*Input!$C$21,0)+IF(Input!$D$22=2,M8246*Input!$C$22,0)</f>
        <v>1.0103151812478666</v>
      </c>
      <c r="P8246" s="59">
        <f>IF(Input!$D$19=3,J8246*Input!$C$19,0)+IF(Input!$D$20=3,K8246*Input!$C$20,0)+IF(Input!$D$21=3,L8246*Input!$C$21,0)+IF(Input!$D$22=3,M8246*Input!$C$22,0)</f>
        <v>0</v>
      </c>
      <c r="Q8246" s="75">
        <f>IF(Input!$D$19=4,J8246*Input!$C$19,0)+IF(Input!$D$20=4,K8246*Input!$C$20,0)+IF(Input!$D$21=4,L8246*Input!$C$21,0)+IF(Input!$D$22=4,M8246*Input!$C$22,0)</f>
        <v>0</v>
      </c>
      <c r="R8246" s="58">
        <v>61.063003777835156</v>
      </c>
      <c r="S8246" s="124">
        <f t="shared" si="128"/>
        <v>1.7512129808296355</v>
      </c>
    </row>
    <row r="8247" spans="8:19" x14ac:dyDescent="0.3">
      <c r="H8247" s="44">
        <v>8240</v>
      </c>
      <c r="I8247" s="56">
        <f>Bühler!I8273</f>
        <v>0.40412607249914662</v>
      </c>
      <c r="J8247" s="59">
        <f>Bühler!J8273</f>
        <v>1.3470869083304888</v>
      </c>
      <c r="K8247" s="59">
        <f>Bühler!K8273</f>
        <v>2.0206303624957331</v>
      </c>
      <c r="L8247" s="59">
        <f>Bühler!L8273</f>
        <v>9.6990257399795183</v>
      </c>
      <c r="M8247" s="58">
        <f>Bühler!M8273</f>
        <v>0</v>
      </c>
      <c r="N8247" s="56">
        <f>IF(Input!$D$19=1,J8247*Input!$C$19,0)+IF(Input!$D$20=1,K8247*Input!$C$20,0)+IF(Input!$D$21=1,L8247*Input!$C$21,0)+IF(Input!$D$22=1,M8247*Input!$C$22,0)</f>
        <v>0.40412607249914662</v>
      </c>
      <c r="O8247" s="59">
        <f>IF(Input!$D$19=2,J8247*Input!$C$19,0)+IF(Input!$D$20=2,K8247*Input!$C$20,0)+IF(Input!$D$21=2,L8247*Input!$C$21,0)+IF(Input!$D$22=2,M8247*Input!$C$22,0)</f>
        <v>1.0103151812478666</v>
      </c>
      <c r="P8247" s="59">
        <f>IF(Input!$D$19=3,J8247*Input!$C$19,0)+IF(Input!$D$20=3,K8247*Input!$C$20,0)+IF(Input!$D$21=3,L8247*Input!$C$21,0)+IF(Input!$D$22=3,M8247*Input!$C$22,0)</f>
        <v>0</v>
      </c>
      <c r="Q8247" s="75">
        <f>IF(Input!$D$19=4,J8247*Input!$C$19,0)+IF(Input!$D$20=4,K8247*Input!$C$20,0)+IF(Input!$D$21=4,L8247*Input!$C$21,0)+IF(Input!$D$22=4,M8247*Input!$C$22,0)</f>
        <v>0</v>
      </c>
      <c r="R8247" s="58">
        <v>64.386055606299607</v>
      </c>
      <c r="S8247" s="124">
        <f t="shared" si="128"/>
        <v>1.7512129808296355</v>
      </c>
    </row>
    <row r="8248" spans="8:19" x14ac:dyDescent="0.3">
      <c r="H8248" s="44">
        <v>8241</v>
      </c>
      <c r="I8248" s="56">
        <f>Bühler!I8274</f>
        <v>0.40412607249914662</v>
      </c>
      <c r="J8248" s="59">
        <f>Bühler!J8274</f>
        <v>1.3470869083304888</v>
      </c>
      <c r="K8248" s="59">
        <f>Bühler!K8274</f>
        <v>2.0206303624957331</v>
      </c>
      <c r="L8248" s="59">
        <f>Bühler!L8274</f>
        <v>9.6990257399795183</v>
      </c>
      <c r="M8248" s="58">
        <f>Bühler!M8274</f>
        <v>0</v>
      </c>
      <c r="N8248" s="56">
        <f>IF(Input!$D$19=1,J8248*Input!$C$19,0)+IF(Input!$D$20=1,K8248*Input!$C$20,0)+IF(Input!$D$21=1,L8248*Input!$C$21,0)+IF(Input!$D$22=1,M8248*Input!$C$22,0)</f>
        <v>0.40412607249914662</v>
      </c>
      <c r="O8248" s="59">
        <f>IF(Input!$D$19=2,J8248*Input!$C$19,0)+IF(Input!$D$20=2,K8248*Input!$C$20,0)+IF(Input!$D$21=2,L8248*Input!$C$21,0)+IF(Input!$D$22=2,M8248*Input!$C$22,0)</f>
        <v>1.0103151812478666</v>
      </c>
      <c r="P8248" s="59">
        <f>IF(Input!$D$19=3,J8248*Input!$C$19,0)+IF(Input!$D$20=3,K8248*Input!$C$20,0)+IF(Input!$D$21=3,L8248*Input!$C$21,0)+IF(Input!$D$22=3,M8248*Input!$C$22,0)</f>
        <v>0</v>
      </c>
      <c r="Q8248" s="75">
        <f>IF(Input!$D$19=4,J8248*Input!$C$19,0)+IF(Input!$D$20=4,K8248*Input!$C$20,0)+IF(Input!$D$21=4,L8248*Input!$C$21,0)+IF(Input!$D$22=4,M8248*Input!$C$22,0)</f>
        <v>0</v>
      </c>
      <c r="R8248" s="58">
        <v>65.51053540384612</v>
      </c>
      <c r="S8248" s="124">
        <f t="shared" si="128"/>
        <v>1.7512129808296355</v>
      </c>
    </row>
    <row r="8249" spans="8:19" x14ac:dyDescent="0.3">
      <c r="H8249" s="44">
        <v>8242</v>
      </c>
      <c r="I8249" s="56">
        <f>Bühler!I8275</f>
        <v>0.43152445029569891</v>
      </c>
      <c r="J8249" s="59">
        <f>Bühler!J8275</f>
        <v>1.4384148343189966</v>
      </c>
      <c r="K8249" s="59">
        <f>Bühler!K8275</f>
        <v>2.1576222514784948</v>
      </c>
      <c r="L8249" s="59">
        <f>Bühler!L8275</f>
        <v>10.356586807096775</v>
      </c>
      <c r="M8249" s="58">
        <f>Bühler!M8275</f>
        <v>0</v>
      </c>
      <c r="N8249" s="56">
        <f>IF(Input!$D$19=1,J8249*Input!$C$19,0)+IF(Input!$D$20=1,K8249*Input!$C$20,0)+IF(Input!$D$21=1,L8249*Input!$C$21,0)+IF(Input!$D$22=1,M8249*Input!$C$22,0)</f>
        <v>0.43152445029569897</v>
      </c>
      <c r="O8249" s="59">
        <f>IF(Input!$D$19=2,J8249*Input!$C$19,0)+IF(Input!$D$20=2,K8249*Input!$C$20,0)+IF(Input!$D$21=2,L8249*Input!$C$21,0)+IF(Input!$D$22=2,M8249*Input!$C$22,0)</f>
        <v>1.0788111257392474</v>
      </c>
      <c r="P8249" s="59">
        <f>IF(Input!$D$19=3,J8249*Input!$C$19,0)+IF(Input!$D$20=3,K8249*Input!$C$20,0)+IF(Input!$D$21=3,L8249*Input!$C$21,0)+IF(Input!$D$22=3,M8249*Input!$C$22,0)</f>
        <v>0</v>
      </c>
      <c r="Q8249" s="75">
        <f>IF(Input!$D$19=4,J8249*Input!$C$19,0)+IF(Input!$D$20=4,K8249*Input!$C$20,0)+IF(Input!$D$21=4,L8249*Input!$C$21,0)+IF(Input!$D$22=4,M8249*Input!$C$22,0)</f>
        <v>0</v>
      </c>
      <c r="R8249" s="58">
        <v>66.396535466811599</v>
      </c>
      <c r="S8249" s="124">
        <f t="shared" si="128"/>
        <v>1.8699392846146956</v>
      </c>
    </row>
    <row r="8250" spans="8:19" x14ac:dyDescent="0.3">
      <c r="H8250" s="44">
        <v>8243</v>
      </c>
      <c r="I8250" s="56">
        <f>Bühler!I8276</f>
        <v>0.43152445029569891</v>
      </c>
      <c r="J8250" s="59">
        <f>Bühler!J8276</f>
        <v>1.4384148343189966</v>
      </c>
      <c r="K8250" s="59">
        <f>Bühler!K8276</f>
        <v>2.1576222514784948</v>
      </c>
      <c r="L8250" s="59">
        <f>Bühler!L8276</f>
        <v>10.356586807096775</v>
      </c>
      <c r="M8250" s="58">
        <f>Bühler!M8276</f>
        <v>0</v>
      </c>
      <c r="N8250" s="56">
        <f>IF(Input!$D$19=1,J8250*Input!$C$19,0)+IF(Input!$D$20=1,K8250*Input!$C$20,0)+IF(Input!$D$21=1,L8250*Input!$C$21,0)+IF(Input!$D$22=1,M8250*Input!$C$22,0)</f>
        <v>0.43152445029569897</v>
      </c>
      <c r="O8250" s="59">
        <f>IF(Input!$D$19=2,J8250*Input!$C$19,0)+IF(Input!$D$20=2,K8250*Input!$C$20,0)+IF(Input!$D$21=2,L8250*Input!$C$21,0)+IF(Input!$D$22=2,M8250*Input!$C$22,0)</f>
        <v>1.0788111257392474</v>
      </c>
      <c r="P8250" s="59">
        <f>IF(Input!$D$19=3,J8250*Input!$C$19,0)+IF(Input!$D$20=3,K8250*Input!$C$20,0)+IF(Input!$D$21=3,L8250*Input!$C$21,0)+IF(Input!$D$22=3,M8250*Input!$C$22,0)</f>
        <v>0</v>
      </c>
      <c r="Q8250" s="75">
        <f>IF(Input!$D$19=4,J8250*Input!$C$19,0)+IF(Input!$D$20=4,K8250*Input!$C$20,0)+IF(Input!$D$21=4,L8250*Input!$C$21,0)+IF(Input!$D$22=4,M8250*Input!$C$22,0)</f>
        <v>0</v>
      </c>
      <c r="R8250" s="58">
        <v>67.561647149734171</v>
      </c>
      <c r="S8250" s="124">
        <f t="shared" si="128"/>
        <v>1.8699392846146956</v>
      </c>
    </row>
    <row r="8251" spans="8:19" x14ac:dyDescent="0.3">
      <c r="H8251" s="44">
        <v>8244</v>
      </c>
      <c r="I8251" s="56">
        <f>Bühler!I8277</f>
        <v>0.54796755593104629</v>
      </c>
      <c r="J8251" s="59">
        <f>Bühler!J8277</f>
        <v>1.8265585197701544</v>
      </c>
      <c r="K8251" s="59">
        <f>Bühler!K8277</f>
        <v>2.7398377796552316</v>
      </c>
      <c r="L8251" s="59">
        <f>Bühler!L8277</f>
        <v>13.151221342345112</v>
      </c>
      <c r="M8251" s="58">
        <f>Bühler!M8277</f>
        <v>0</v>
      </c>
      <c r="N8251" s="56">
        <f>IF(Input!$D$19=1,J8251*Input!$C$19,0)+IF(Input!$D$20=1,K8251*Input!$C$20,0)+IF(Input!$D$21=1,L8251*Input!$C$21,0)+IF(Input!$D$22=1,M8251*Input!$C$22,0)</f>
        <v>0.54796755593104629</v>
      </c>
      <c r="O8251" s="59">
        <f>IF(Input!$D$19=2,J8251*Input!$C$19,0)+IF(Input!$D$20=2,K8251*Input!$C$20,0)+IF(Input!$D$21=2,L8251*Input!$C$21,0)+IF(Input!$D$22=2,M8251*Input!$C$22,0)</f>
        <v>1.3699188898276158</v>
      </c>
      <c r="P8251" s="59">
        <f>IF(Input!$D$19=3,J8251*Input!$C$19,0)+IF(Input!$D$20=3,K8251*Input!$C$20,0)+IF(Input!$D$21=3,L8251*Input!$C$21,0)+IF(Input!$D$22=3,M8251*Input!$C$22,0)</f>
        <v>0</v>
      </c>
      <c r="Q8251" s="75">
        <f>IF(Input!$D$19=4,J8251*Input!$C$19,0)+IF(Input!$D$20=4,K8251*Input!$C$20,0)+IF(Input!$D$21=4,L8251*Input!$C$21,0)+IF(Input!$D$22=4,M8251*Input!$C$22,0)</f>
        <v>0</v>
      </c>
      <c r="R8251" s="58">
        <v>68.128434612116763</v>
      </c>
      <c r="S8251" s="124">
        <f t="shared" si="128"/>
        <v>2.3745260757012008</v>
      </c>
    </row>
    <row r="8252" spans="8:19" x14ac:dyDescent="0.3">
      <c r="H8252" s="44">
        <v>8245</v>
      </c>
      <c r="I8252" s="56">
        <f>Bühler!I8278</f>
        <v>0.54796755593104629</v>
      </c>
      <c r="J8252" s="59">
        <f>Bühler!J8278</f>
        <v>1.8265585197701544</v>
      </c>
      <c r="K8252" s="59">
        <f>Bühler!K8278</f>
        <v>2.7398377796552316</v>
      </c>
      <c r="L8252" s="59">
        <f>Bühler!L8278</f>
        <v>13.151221342345112</v>
      </c>
      <c r="M8252" s="58">
        <f>Bühler!M8278</f>
        <v>0</v>
      </c>
      <c r="N8252" s="56">
        <f>IF(Input!$D$19=1,J8252*Input!$C$19,0)+IF(Input!$D$20=1,K8252*Input!$C$20,0)+IF(Input!$D$21=1,L8252*Input!$C$21,0)+IF(Input!$D$22=1,M8252*Input!$C$22,0)</f>
        <v>0.54796755593104629</v>
      </c>
      <c r="O8252" s="59">
        <f>IF(Input!$D$19=2,J8252*Input!$C$19,0)+IF(Input!$D$20=2,K8252*Input!$C$20,0)+IF(Input!$D$21=2,L8252*Input!$C$21,0)+IF(Input!$D$22=2,M8252*Input!$C$22,0)</f>
        <v>1.3699188898276158</v>
      </c>
      <c r="P8252" s="59">
        <f>IF(Input!$D$19=3,J8252*Input!$C$19,0)+IF(Input!$D$20=3,K8252*Input!$C$20,0)+IF(Input!$D$21=3,L8252*Input!$C$21,0)+IF(Input!$D$22=3,M8252*Input!$C$22,0)</f>
        <v>0</v>
      </c>
      <c r="Q8252" s="75">
        <f>IF(Input!$D$19=4,J8252*Input!$C$19,0)+IF(Input!$D$20=4,K8252*Input!$C$20,0)+IF(Input!$D$21=4,L8252*Input!$C$21,0)+IF(Input!$D$22=4,M8252*Input!$C$22,0)</f>
        <v>0</v>
      </c>
      <c r="R8252" s="58">
        <v>67.944189284797474</v>
      </c>
      <c r="S8252" s="124">
        <f t="shared" si="128"/>
        <v>2.3745260757012008</v>
      </c>
    </row>
    <row r="8253" spans="8:19" x14ac:dyDescent="0.3">
      <c r="H8253" s="44">
        <v>8246</v>
      </c>
      <c r="I8253" s="56">
        <f>Bühler!I8279</f>
        <v>0.36302850580431817</v>
      </c>
      <c r="J8253" s="59">
        <f>Bühler!J8279</f>
        <v>1.2100950193477273</v>
      </c>
      <c r="K8253" s="59">
        <f>Bühler!K8279</f>
        <v>1.8151425290215908</v>
      </c>
      <c r="L8253" s="59">
        <f>Bühler!L8279</f>
        <v>8.7126841393036365</v>
      </c>
      <c r="M8253" s="58">
        <f>Bühler!M8279</f>
        <v>0</v>
      </c>
      <c r="N8253" s="56">
        <f>IF(Input!$D$19=1,J8253*Input!$C$19,0)+IF(Input!$D$20=1,K8253*Input!$C$20,0)+IF(Input!$D$21=1,L8253*Input!$C$21,0)+IF(Input!$D$22=1,M8253*Input!$C$22,0)</f>
        <v>0.36302850580431817</v>
      </c>
      <c r="O8253" s="59">
        <f>IF(Input!$D$19=2,J8253*Input!$C$19,0)+IF(Input!$D$20=2,K8253*Input!$C$20,0)+IF(Input!$D$21=2,L8253*Input!$C$21,0)+IF(Input!$D$22=2,M8253*Input!$C$22,0)</f>
        <v>0.90757126451079539</v>
      </c>
      <c r="P8253" s="59">
        <f>IF(Input!$D$19=3,J8253*Input!$C$19,0)+IF(Input!$D$20=3,K8253*Input!$C$20,0)+IF(Input!$D$21=3,L8253*Input!$C$21,0)+IF(Input!$D$22=3,M8253*Input!$C$22,0)</f>
        <v>0</v>
      </c>
      <c r="Q8253" s="75">
        <f>IF(Input!$D$19=4,J8253*Input!$C$19,0)+IF(Input!$D$20=4,K8253*Input!$C$20,0)+IF(Input!$D$21=4,L8253*Input!$C$21,0)+IF(Input!$D$22=4,M8253*Input!$C$22,0)</f>
        <v>0</v>
      </c>
      <c r="R8253" s="58">
        <v>68.145281442955508</v>
      </c>
      <c r="S8253" s="124">
        <f t="shared" si="128"/>
        <v>1.5731235251520455</v>
      </c>
    </row>
    <row r="8254" spans="8:19" x14ac:dyDescent="0.3">
      <c r="H8254" s="44">
        <v>8247</v>
      </c>
      <c r="I8254" s="56">
        <f>Bühler!I8280</f>
        <v>0.54796755593104629</v>
      </c>
      <c r="J8254" s="59">
        <f>Bühler!J8280</f>
        <v>1.8265585197701544</v>
      </c>
      <c r="K8254" s="59">
        <f>Bühler!K8280</f>
        <v>2.7398377796552316</v>
      </c>
      <c r="L8254" s="59">
        <f>Bühler!L8280</f>
        <v>13.151221342345112</v>
      </c>
      <c r="M8254" s="58">
        <f>Bühler!M8280</f>
        <v>0</v>
      </c>
      <c r="N8254" s="56">
        <f>IF(Input!$D$19=1,J8254*Input!$C$19,0)+IF(Input!$D$20=1,K8254*Input!$C$20,0)+IF(Input!$D$21=1,L8254*Input!$C$21,0)+IF(Input!$D$22=1,M8254*Input!$C$22,0)</f>
        <v>0.54796755593104629</v>
      </c>
      <c r="O8254" s="59">
        <f>IF(Input!$D$19=2,J8254*Input!$C$19,0)+IF(Input!$D$20=2,K8254*Input!$C$20,0)+IF(Input!$D$21=2,L8254*Input!$C$21,0)+IF(Input!$D$22=2,M8254*Input!$C$22,0)</f>
        <v>1.3699188898276158</v>
      </c>
      <c r="P8254" s="59">
        <f>IF(Input!$D$19=3,J8254*Input!$C$19,0)+IF(Input!$D$20=3,K8254*Input!$C$20,0)+IF(Input!$D$21=3,L8254*Input!$C$21,0)+IF(Input!$D$22=3,M8254*Input!$C$22,0)</f>
        <v>0</v>
      </c>
      <c r="Q8254" s="75">
        <f>IF(Input!$D$19=4,J8254*Input!$C$19,0)+IF(Input!$D$20=4,K8254*Input!$C$20,0)+IF(Input!$D$21=4,L8254*Input!$C$21,0)+IF(Input!$D$22=4,M8254*Input!$C$22,0)</f>
        <v>0</v>
      </c>
      <c r="R8254" s="58">
        <v>68.843697507939112</v>
      </c>
      <c r="S8254" s="124">
        <f t="shared" si="128"/>
        <v>2.3745260757012008</v>
      </c>
    </row>
    <row r="8255" spans="8:19" x14ac:dyDescent="0.3">
      <c r="H8255" s="44">
        <v>8248</v>
      </c>
      <c r="I8255" s="56">
        <f>Bühler!I8281</f>
        <v>0.54796755593104629</v>
      </c>
      <c r="J8255" s="59">
        <f>Bühler!J8281</f>
        <v>1.8265585197701544</v>
      </c>
      <c r="K8255" s="59">
        <f>Bühler!K8281</f>
        <v>2.7398377796552316</v>
      </c>
      <c r="L8255" s="59">
        <f>Bühler!L8281</f>
        <v>13.151221342345112</v>
      </c>
      <c r="M8255" s="58">
        <f>Bühler!M8281</f>
        <v>0</v>
      </c>
      <c r="N8255" s="56">
        <f>IF(Input!$D$19=1,J8255*Input!$C$19,0)+IF(Input!$D$20=1,K8255*Input!$C$20,0)+IF(Input!$D$21=1,L8255*Input!$C$21,0)+IF(Input!$D$22=1,M8255*Input!$C$22,0)</f>
        <v>0.54796755593104629</v>
      </c>
      <c r="O8255" s="59">
        <f>IF(Input!$D$19=2,J8255*Input!$C$19,0)+IF(Input!$D$20=2,K8255*Input!$C$20,0)+IF(Input!$D$21=2,L8255*Input!$C$21,0)+IF(Input!$D$22=2,M8255*Input!$C$22,0)</f>
        <v>1.3699188898276158</v>
      </c>
      <c r="P8255" s="59">
        <f>IF(Input!$D$19=3,J8255*Input!$C$19,0)+IF(Input!$D$20=3,K8255*Input!$C$20,0)+IF(Input!$D$21=3,L8255*Input!$C$21,0)+IF(Input!$D$22=3,M8255*Input!$C$22,0)</f>
        <v>0</v>
      </c>
      <c r="Q8255" s="75">
        <f>IF(Input!$D$19=4,J8255*Input!$C$19,0)+IF(Input!$D$20=4,K8255*Input!$C$20,0)+IF(Input!$D$21=4,L8255*Input!$C$21,0)+IF(Input!$D$22=4,M8255*Input!$C$22,0)</f>
        <v>0</v>
      </c>
      <c r="R8255" s="58">
        <v>68.498709313052785</v>
      </c>
      <c r="S8255" s="124">
        <f t="shared" si="128"/>
        <v>2.3745260757012008</v>
      </c>
    </row>
    <row r="8256" spans="8:19" x14ac:dyDescent="0.3">
      <c r="H8256" s="44">
        <v>8249</v>
      </c>
      <c r="I8256" s="56">
        <f>Bühler!I8282</f>
        <v>0.54796755593104629</v>
      </c>
      <c r="J8256" s="59">
        <f>Bühler!J8282</f>
        <v>1.8265585197701544</v>
      </c>
      <c r="K8256" s="59">
        <f>Bühler!K8282</f>
        <v>2.7398377796552316</v>
      </c>
      <c r="L8256" s="59">
        <f>Bühler!L8282</f>
        <v>13.151221342345112</v>
      </c>
      <c r="M8256" s="58">
        <f>Bühler!M8282</f>
        <v>0</v>
      </c>
      <c r="N8256" s="56">
        <f>IF(Input!$D$19=1,J8256*Input!$C$19,0)+IF(Input!$D$20=1,K8256*Input!$C$20,0)+IF(Input!$D$21=1,L8256*Input!$C$21,0)+IF(Input!$D$22=1,M8256*Input!$C$22,0)</f>
        <v>0.54796755593104629</v>
      </c>
      <c r="O8256" s="59">
        <f>IF(Input!$D$19=2,J8256*Input!$C$19,0)+IF(Input!$D$20=2,K8256*Input!$C$20,0)+IF(Input!$D$21=2,L8256*Input!$C$21,0)+IF(Input!$D$22=2,M8256*Input!$C$22,0)</f>
        <v>1.3699188898276158</v>
      </c>
      <c r="P8256" s="59">
        <f>IF(Input!$D$19=3,J8256*Input!$C$19,0)+IF(Input!$D$20=3,K8256*Input!$C$20,0)+IF(Input!$D$21=3,L8256*Input!$C$21,0)+IF(Input!$D$22=3,M8256*Input!$C$22,0)</f>
        <v>0</v>
      </c>
      <c r="Q8256" s="75">
        <f>IF(Input!$D$19=4,J8256*Input!$C$19,0)+IF(Input!$D$20=4,K8256*Input!$C$20,0)+IF(Input!$D$21=4,L8256*Input!$C$21,0)+IF(Input!$D$22=4,M8256*Input!$C$22,0)</f>
        <v>0</v>
      </c>
      <c r="R8256" s="58">
        <v>67.755305484177796</v>
      </c>
      <c r="S8256" s="124">
        <f t="shared" si="128"/>
        <v>2.3745260757012008</v>
      </c>
    </row>
    <row r="8257" spans="8:19" x14ac:dyDescent="0.3">
      <c r="H8257" s="44">
        <v>8250</v>
      </c>
      <c r="I8257" s="56">
        <f>Bühler!I8283</f>
        <v>0.54796755593104629</v>
      </c>
      <c r="J8257" s="59">
        <f>Bühler!J8283</f>
        <v>1.8265585197701544</v>
      </c>
      <c r="K8257" s="59">
        <f>Bühler!K8283</f>
        <v>2.7398377796552316</v>
      </c>
      <c r="L8257" s="59">
        <f>Bühler!L8283</f>
        <v>13.151221342345112</v>
      </c>
      <c r="M8257" s="58">
        <f>Bühler!M8283</f>
        <v>0</v>
      </c>
      <c r="N8257" s="56">
        <f>IF(Input!$D$19=1,J8257*Input!$C$19,0)+IF(Input!$D$20=1,K8257*Input!$C$20,0)+IF(Input!$D$21=1,L8257*Input!$C$21,0)+IF(Input!$D$22=1,M8257*Input!$C$22,0)</f>
        <v>0.54796755593104629</v>
      </c>
      <c r="O8257" s="59">
        <f>IF(Input!$D$19=2,J8257*Input!$C$19,0)+IF(Input!$D$20=2,K8257*Input!$C$20,0)+IF(Input!$D$21=2,L8257*Input!$C$21,0)+IF(Input!$D$22=2,M8257*Input!$C$22,0)</f>
        <v>1.3699188898276158</v>
      </c>
      <c r="P8257" s="59">
        <f>IF(Input!$D$19=3,J8257*Input!$C$19,0)+IF(Input!$D$20=3,K8257*Input!$C$20,0)+IF(Input!$D$21=3,L8257*Input!$C$21,0)+IF(Input!$D$22=3,M8257*Input!$C$22,0)</f>
        <v>0</v>
      </c>
      <c r="Q8257" s="75">
        <f>IF(Input!$D$19=4,J8257*Input!$C$19,0)+IF(Input!$D$20=4,K8257*Input!$C$20,0)+IF(Input!$D$21=4,L8257*Input!$C$21,0)+IF(Input!$D$22=4,M8257*Input!$C$22,0)</f>
        <v>0</v>
      </c>
      <c r="R8257" s="58">
        <v>67.299905106049692</v>
      </c>
      <c r="S8257" s="124">
        <f t="shared" si="128"/>
        <v>2.3745260757012008</v>
      </c>
    </row>
    <row r="8258" spans="8:19" x14ac:dyDescent="0.3">
      <c r="H8258" s="44">
        <v>8251</v>
      </c>
      <c r="I8258" s="56">
        <f>Bühler!I8284</f>
        <v>0.54796755593104629</v>
      </c>
      <c r="J8258" s="59">
        <f>Bühler!J8284</f>
        <v>1.8265585197701544</v>
      </c>
      <c r="K8258" s="59">
        <f>Bühler!K8284</f>
        <v>2.7398377796552316</v>
      </c>
      <c r="L8258" s="59">
        <f>Bühler!L8284</f>
        <v>13.151221342345112</v>
      </c>
      <c r="M8258" s="58">
        <f>Bühler!M8284</f>
        <v>0</v>
      </c>
      <c r="N8258" s="56">
        <f>IF(Input!$D$19=1,J8258*Input!$C$19,0)+IF(Input!$D$20=1,K8258*Input!$C$20,0)+IF(Input!$D$21=1,L8258*Input!$C$21,0)+IF(Input!$D$22=1,M8258*Input!$C$22,0)</f>
        <v>0.54796755593104629</v>
      </c>
      <c r="O8258" s="59">
        <f>IF(Input!$D$19=2,J8258*Input!$C$19,0)+IF(Input!$D$20=2,K8258*Input!$C$20,0)+IF(Input!$D$21=2,L8258*Input!$C$21,0)+IF(Input!$D$22=2,M8258*Input!$C$22,0)</f>
        <v>1.3699188898276158</v>
      </c>
      <c r="P8258" s="59">
        <f>IF(Input!$D$19=3,J8258*Input!$C$19,0)+IF(Input!$D$20=3,K8258*Input!$C$20,0)+IF(Input!$D$21=3,L8258*Input!$C$21,0)+IF(Input!$D$22=3,M8258*Input!$C$22,0)</f>
        <v>0</v>
      </c>
      <c r="Q8258" s="75">
        <f>IF(Input!$D$19=4,J8258*Input!$C$19,0)+IF(Input!$D$20=4,K8258*Input!$C$20,0)+IF(Input!$D$21=4,L8258*Input!$C$21,0)+IF(Input!$D$22=4,M8258*Input!$C$22,0)</f>
        <v>0</v>
      </c>
      <c r="R8258" s="58">
        <v>65.824923867453236</v>
      </c>
      <c r="S8258" s="124">
        <f t="shared" si="128"/>
        <v>2.3745260757012008</v>
      </c>
    </row>
    <row r="8259" spans="8:19" x14ac:dyDescent="0.3">
      <c r="H8259" s="44">
        <v>8252</v>
      </c>
      <c r="I8259" s="56">
        <f>Bühler!I8285</f>
        <v>0.45892282809225127</v>
      </c>
      <c r="J8259" s="59">
        <f>Bühler!J8285</f>
        <v>1.5297427603075044</v>
      </c>
      <c r="K8259" s="59">
        <f>Bühler!K8285</f>
        <v>2.2946141404612566</v>
      </c>
      <c r="L8259" s="59">
        <f>Bühler!L8285</f>
        <v>11.01414787421403</v>
      </c>
      <c r="M8259" s="58">
        <f>Bühler!M8285</f>
        <v>0</v>
      </c>
      <c r="N8259" s="56">
        <f>IF(Input!$D$19=1,J8259*Input!$C$19,0)+IF(Input!$D$20=1,K8259*Input!$C$20,0)+IF(Input!$D$21=1,L8259*Input!$C$21,0)+IF(Input!$D$22=1,M8259*Input!$C$22,0)</f>
        <v>0.45892282809225132</v>
      </c>
      <c r="O8259" s="59">
        <f>IF(Input!$D$19=2,J8259*Input!$C$19,0)+IF(Input!$D$20=2,K8259*Input!$C$20,0)+IF(Input!$D$21=2,L8259*Input!$C$21,0)+IF(Input!$D$22=2,M8259*Input!$C$22,0)</f>
        <v>1.1473070702306283</v>
      </c>
      <c r="P8259" s="59">
        <f>IF(Input!$D$19=3,J8259*Input!$C$19,0)+IF(Input!$D$20=3,K8259*Input!$C$20,0)+IF(Input!$D$21=3,L8259*Input!$C$21,0)+IF(Input!$D$22=3,M8259*Input!$C$22,0)</f>
        <v>0</v>
      </c>
      <c r="Q8259" s="75">
        <f>IF(Input!$D$19=4,J8259*Input!$C$19,0)+IF(Input!$D$20=4,K8259*Input!$C$20,0)+IF(Input!$D$21=4,L8259*Input!$C$21,0)+IF(Input!$D$22=4,M8259*Input!$C$22,0)</f>
        <v>0</v>
      </c>
      <c r="R8259" s="58">
        <v>64.693694314648596</v>
      </c>
      <c r="S8259" s="124">
        <f t="shared" si="128"/>
        <v>1.9886655883997557</v>
      </c>
    </row>
    <row r="8260" spans="8:19" x14ac:dyDescent="0.3">
      <c r="H8260" s="44">
        <v>8253</v>
      </c>
      <c r="I8260" s="56">
        <f>Bühler!I8286</f>
        <v>0.37672769470259432</v>
      </c>
      <c r="J8260" s="59">
        <f>Bühler!J8286</f>
        <v>1.2557589823419812</v>
      </c>
      <c r="K8260" s="59">
        <f>Bühler!K8286</f>
        <v>1.8836384735129714</v>
      </c>
      <c r="L8260" s="59">
        <f>Bühler!L8286</f>
        <v>9.0414646728622632</v>
      </c>
      <c r="M8260" s="58">
        <f>Bühler!M8286</f>
        <v>0</v>
      </c>
      <c r="N8260" s="56">
        <f>IF(Input!$D$19=1,J8260*Input!$C$19,0)+IF(Input!$D$20=1,K8260*Input!$C$20,0)+IF(Input!$D$21=1,L8260*Input!$C$21,0)+IF(Input!$D$22=1,M8260*Input!$C$22,0)</f>
        <v>0.37672769470259437</v>
      </c>
      <c r="O8260" s="59">
        <f>IF(Input!$D$19=2,J8260*Input!$C$19,0)+IF(Input!$D$20=2,K8260*Input!$C$20,0)+IF(Input!$D$21=2,L8260*Input!$C$21,0)+IF(Input!$D$22=2,M8260*Input!$C$22,0)</f>
        <v>0.94181923675648571</v>
      </c>
      <c r="P8260" s="59">
        <f>IF(Input!$D$19=3,J8260*Input!$C$19,0)+IF(Input!$D$20=3,K8260*Input!$C$20,0)+IF(Input!$D$21=3,L8260*Input!$C$21,0)+IF(Input!$D$22=3,M8260*Input!$C$22,0)</f>
        <v>0</v>
      </c>
      <c r="Q8260" s="75">
        <f>IF(Input!$D$19=4,J8260*Input!$C$19,0)+IF(Input!$D$20=4,K8260*Input!$C$20,0)+IF(Input!$D$21=4,L8260*Input!$C$21,0)+IF(Input!$D$22=4,M8260*Input!$C$22,0)</f>
        <v>0</v>
      </c>
      <c r="R8260" s="58">
        <v>63.37637727271165</v>
      </c>
      <c r="S8260" s="124">
        <f t="shared" si="128"/>
        <v>1.6324866770445756</v>
      </c>
    </row>
    <row r="8261" spans="8:19" x14ac:dyDescent="0.3">
      <c r="H8261" s="44">
        <v>8254</v>
      </c>
      <c r="I8261" s="56">
        <f>Bühler!I8287</f>
        <v>0.27398377796552315</v>
      </c>
      <c r="J8261" s="59">
        <f>Bühler!J8287</f>
        <v>0.91327925988507719</v>
      </c>
      <c r="K8261" s="59">
        <f>Bühler!K8287</f>
        <v>1.3699188898276158</v>
      </c>
      <c r="L8261" s="59">
        <f>Bühler!L8287</f>
        <v>6.5756106711725559</v>
      </c>
      <c r="M8261" s="58">
        <f>Bühler!M8287</f>
        <v>0</v>
      </c>
      <c r="N8261" s="56">
        <f>IF(Input!$D$19=1,J8261*Input!$C$19,0)+IF(Input!$D$20=1,K8261*Input!$C$20,0)+IF(Input!$D$21=1,L8261*Input!$C$21,0)+IF(Input!$D$22=1,M8261*Input!$C$22,0)</f>
        <v>0.27398377796552315</v>
      </c>
      <c r="O8261" s="59">
        <f>IF(Input!$D$19=2,J8261*Input!$C$19,0)+IF(Input!$D$20=2,K8261*Input!$C$20,0)+IF(Input!$D$21=2,L8261*Input!$C$21,0)+IF(Input!$D$22=2,M8261*Input!$C$22,0)</f>
        <v>0.68495944491380789</v>
      </c>
      <c r="P8261" s="59">
        <f>IF(Input!$D$19=3,J8261*Input!$C$19,0)+IF(Input!$D$20=3,K8261*Input!$C$20,0)+IF(Input!$D$21=3,L8261*Input!$C$21,0)+IF(Input!$D$22=3,M8261*Input!$C$22,0)</f>
        <v>0</v>
      </c>
      <c r="Q8261" s="75">
        <f>IF(Input!$D$19=4,J8261*Input!$C$19,0)+IF(Input!$D$20=4,K8261*Input!$C$20,0)+IF(Input!$D$21=4,L8261*Input!$C$21,0)+IF(Input!$D$22=4,M8261*Input!$C$22,0)</f>
        <v>0</v>
      </c>
      <c r="R8261" s="58">
        <v>61.452207269024406</v>
      </c>
      <c r="S8261" s="124">
        <f t="shared" si="128"/>
        <v>1.1872630378506004</v>
      </c>
    </row>
    <row r="8262" spans="8:19" x14ac:dyDescent="0.3">
      <c r="H8262" s="44">
        <v>8255</v>
      </c>
      <c r="I8262" s="56">
        <f>Bühler!I8288</f>
        <v>0.260284589067247</v>
      </c>
      <c r="J8262" s="59">
        <f>Bühler!J8288</f>
        <v>0.8676152968908234</v>
      </c>
      <c r="K8262" s="59">
        <f>Bühler!K8288</f>
        <v>1.3014229453362349</v>
      </c>
      <c r="L8262" s="59">
        <f>Bühler!L8288</f>
        <v>6.2468301376139284</v>
      </c>
      <c r="M8262" s="58">
        <f>Bühler!M8288</f>
        <v>0</v>
      </c>
      <c r="N8262" s="56">
        <f>IF(Input!$D$19=1,J8262*Input!$C$19,0)+IF(Input!$D$20=1,K8262*Input!$C$20,0)+IF(Input!$D$21=1,L8262*Input!$C$21,0)+IF(Input!$D$22=1,M8262*Input!$C$22,0)</f>
        <v>0.260284589067247</v>
      </c>
      <c r="O8262" s="59">
        <f>IF(Input!$D$19=2,J8262*Input!$C$19,0)+IF(Input!$D$20=2,K8262*Input!$C$20,0)+IF(Input!$D$21=2,L8262*Input!$C$21,0)+IF(Input!$D$22=2,M8262*Input!$C$22,0)</f>
        <v>0.65071147266811746</v>
      </c>
      <c r="P8262" s="59">
        <f>IF(Input!$D$19=3,J8262*Input!$C$19,0)+IF(Input!$D$20=3,K8262*Input!$C$20,0)+IF(Input!$D$21=3,L8262*Input!$C$21,0)+IF(Input!$D$22=3,M8262*Input!$C$22,0)</f>
        <v>0</v>
      </c>
      <c r="Q8262" s="75">
        <f>IF(Input!$D$19=4,J8262*Input!$C$19,0)+IF(Input!$D$20=4,K8262*Input!$C$20,0)+IF(Input!$D$21=4,L8262*Input!$C$21,0)+IF(Input!$D$22=4,M8262*Input!$C$22,0)</f>
        <v>0</v>
      </c>
      <c r="R8262" s="58">
        <v>61.550046985233777</v>
      </c>
      <c r="S8262" s="124">
        <f t="shared" si="128"/>
        <v>1.1278998859580704</v>
      </c>
    </row>
    <row r="8263" spans="8:19" x14ac:dyDescent="0.3">
      <c r="H8263" s="44">
        <v>8256</v>
      </c>
      <c r="I8263" s="56">
        <f>Bühler!I8289</f>
        <v>0.260284589067247</v>
      </c>
      <c r="J8263" s="59">
        <f>Bühler!J8289</f>
        <v>0.8676152968908234</v>
      </c>
      <c r="K8263" s="59">
        <f>Bühler!K8289</f>
        <v>1.3014229453362349</v>
      </c>
      <c r="L8263" s="59">
        <f>Bühler!L8289</f>
        <v>6.2468301376139284</v>
      </c>
      <c r="M8263" s="58">
        <f>Bühler!M8289</f>
        <v>0</v>
      </c>
      <c r="N8263" s="56">
        <f>IF(Input!$D$19=1,J8263*Input!$C$19,0)+IF(Input!$D$20=1,K8263*Input!$C$20,0)+IF(Input!$D$21=1,L8263*Input!$C$21,0)+IF(Input!$D$22=1,M8263*Input!$C$22,0)</f>
        <v>0.260284589067247</v>
      </c>
      <c r="O8263" s="59">
        <f>IF(Input!$D$19=2,J8263*Input!$C$19,0)+IF(Input!$D$20=2,K8263*Input!$C$20,0)+IF(Input!$D$21=2,L8263*Input!$C$21,0)+IF(Input!$D$22=2,M8263*Input!$C$22,0)</f>
        <v>0.65071147266811746</v>
      </c>
      <c r="P8263" s="59">
        <f>IF(Input!$D$19=3,J8263*Input!$C$19,0)+IF(Input!$D$20=3,K8263*Input!$C$20,0)+IF(Input!$D$21=3,L8263*Input!$C$21,0)+IF(Input!$D$22=3,M8263*Input!$C$22,0)</f>
        <v>0</v>
      </c>
      <c r="Q8263" s="75">
        <f>IF(Input!$D$19=4,J8263*Input!$C$19,0)+IF(Input!$D$20=4,K8263*Input!$C$20,0)+IF(Input!$D$21=4,L8263*Input!$C$21,0)+IF(Input!$D$22=4,M8263*Input!$C$22,0)</f>
        <v>0</v>
      </c>
      <c r="R8263" s="58">
        <v>60.94015744366483</v>
      </c>
      <c r="S8263" s="124">
        <f t="shared" si="128"/>
        <v>1.1278998859580704</v>
      </c>
    </row>
    <row r="8264" spans="8:19" x14ac:dyDescent="0.3">
      <c r="H8264" s="44">
        <v>8257</v>
      </c>
      <c r="I8264" s="56">
        <f>Bühler!I8290</f>
        <v>0.24609760832348246</v>
      </c>
      <c r="J8264" s="59">
        <f>Bühler!J8290</f>
        <v>0.82032536107827492</v>
      </c>
      <c r="K8264" s="59">
        <f>Bühler!K8290</f>
        <v>1.2304880416174122</v>
      </c>
      <c r="L8264" s="59">
        <f>Bühler!L8290</f>
        <v>5.9063425997635788</v>
      </c>
      <c r="M8264" s="58">
        <f>Bühler!M8290</f>
        <v>0</v>
      </c>
      <c r="N8264" s="56">
        <f>IF(Input!$D$19=1,J8264*Input!$C$19,0)+IF(Input!$D$20=1,K8264*Input!$C$20,0)+IF(Input!$D$21=1,L8264*Input!$C$21,0)+IF(Input!$D$22=1,M8264*Input!$C$22,0)</f>
        <v>0.24609760832348246</v>
      </c>
      <c r="O8264" s="59">
        <f>IF(Input!$D$19=2,J8264*Input!$C$19,0)+IF(Input!$D$20=2,K8264*Input!$C$20,0)+IF(Input!$D$21=2,L8264*Input!$C$21,0)+IF(Input!$D$22=2,M8264*Input!$C$22,0)</f>
        <v>0.6152440208087061</v>
      </c>
      <c r="P8264" s="59">
        <f>IF(Input!$D$19=3,J8264*Input!$C$19,0)+IF(Input!$D$20=3,K8264*Input!$C$20,0)+IF(Input!$D$21=3,L8264*Input!$C$21,0)+IF(Input!$D$22=3,M8264*Input!$C$22,0)</f>
        <v>0</v>
      </c>
      <c r="Q8264" s="75">
        <f>IF(Input!$D$19=4,J8264*Input!$C$19,0)+IF(Input!$D$20=4,K8264*Input!$C$20,0)+IF(Input!$D$21=4,L8264*Input!$C$21,0)+IF(Input!$D$22=4,M8264*Input!$C$22,0)</f>
        <v>0</v>
      </c>
      <c r="R8264" s="58">
        <v>60.759047569034209</v>
      </c>
      <c r="S8264" s="124">
        <f t="shared" si="128"/>
        <v>1.0664229694017573</v>
      </c>
    </row>
    <row r="8265" spans="8:19" x14ac:dyDescent="0.3">
      <c r="H8265" s="44">
        <v>8258</v>
      </c>
      <c r="I8265" s="56">
        <f>Bühler!I8291</f>
        <v>0.24609760832348246</v>
      </c>
      <c r="J8265" s="59">
        <f>Bühler!J8291</f>
        <v>0.82032536107827492</v>
      </c>
      <c r="K8265" s="59">
        <f>Bühler!K8291</f>
        <v>1.2304880416174122</v>
      </c>
      <c r="L8265" s="59">
        <f>Bühler!L8291</f>
        <v>5.9063425997635788</v>
      </c>
      <c r="M8265" s="58">
        <f>Bühler!M8291</f>
        <v>0</v>
      </c>
      <c r="N8265" s="56">
        <f>IF(Input!$D$19=1,J8265*Input!$C$19,0)+IF(Input!$D$20=1,K8265*Input!$C$20,0)+IF(Input!$D$21=1,L8265*Input!$C$21,0)+IF(Input!$D$22=1,M8265*Input!$C$22,0)</f>
        <v>0.24609760832348246</v>
      </c>
      <c r="O8265" s="59">
        <f>IF(Input!$D$19=2,J8265*Input!$C$19,0)+IF(Input!$D$20=2,K8265*Input!$C$20,0)+IF(Input!$D$21=2,L8265*Input!$C$21,0)+IF(Input!$D$22=2,M8265*Input!$C$22,0)</f>
        <v>0.6152440208087061</v>
      </c>
      <c r="P8265" s="59">
        <f>IF(Input!$D$19=3,J8265*Input!$C$19,0)+IF(Input!$D$20=3,K8265*Input!$C$20,0)+IF(Input!$D$21=3,L8265*Input!$C$21,0)+IF(Input!$D$22=3,M8265*Input!$C$22,0)</f>
        <v>0</v>
      </c>
      <c r="Q8265" s="75">
        <f>IF(Input!$D$19=4,J8265*Input!$C$19,0)+IF(Input!$D$20=4,K8265*Input!$C$20,0)+IF(Input!$D$21=4,L8265*Input!$C$21,0)+IF(Input!$D$22=4,M8265*Input!$C$22,0)</f>
        <v>0</v>
      </c>
      <c r="R8265" s="58">
        <v>60.740805024362572</v>
      </c>
      <c r="S8265" s="124">
        <f t="shared" ref="S8265:S8328" si="129">I8265+J8265</f>
        <v>1.0664229694017573</v>
      </c>
    </row>
    <row r="8266" spans="8:19" x14ac:dyDescent="0.3">
      <c r="H8266" s="44">
        <v>8259</v>
      </c>
      <c r="I8266" s="56">
        <f>Bühler!I8292</f>
        <v>0.24609760832348246</v>
      </c>
      <c r="J8266" s="59">
        <f>Bühler!J8292</f>
        <v>0.82032536107827492</v>
      </c>
      <c r="K8266" s="59">
        <f>Bühler!K8292</f>
        <v>1.2304880416174122</v>
      </c>
      <c r="L8266" s="59">
        <f>Bühler!L8292</f>
        <v>5.9063425997635788</v>
      </c>
      <c r="M8266" s="58">
        <f>Bühler!M8292</f>
        <v>0</v>
      </c>
      <c r="N8266" s="56">
        <f>IF(Input!$D$19=1,J8266*Input!$C$19,0)+IF(Input!$D$20=1,K8266*Input!$C$20,0)+IF(Input!$D$21=1,L8266*Input!$C$21,0)+IF(Input!$D$22=1,M8266*Input!$C$22,0)</f>
        <v>0.24609760832348246</v>
      </c>
      <c r="O8266" s="59">
        <f>IF(Input!$D$19=2,J8266*Input!$C$19,0)+IF(Input!$D$20=2,K8266*Input!$C$20,0)+IF(Input!$D$21=2,L8266*Input!$C$21,0)+IF(Input!$D$22=2,M8266*Input!$C$22,0)</f>
        <v>0.6152440208087061</v>
      </c>
      <c r="P8266" s="59">
        <f>IF(Input!$D$19=3,J8266*Input!$C$19,0)+IF(Input!$D$20=3,K8266*Input!$C$20,0)+IF(Input!$D$21=3,L8266*Input!$C$21,0)+IF(Input!$D$22=3,M8266*Input!$C$22,0)</f>
        <v>0</v>
      </c>
      <c r="Q8266" s="75">
        <f>IF(Input!$D$19=4,J8266*Input!$C$19,0)+IF(Input!$D$20=4,K8266*Input!$C$20,0)+IF(Input!$D$21=4,L8266*Input!$C$21,0)+IF(Input!$D$22=4,M8266*Input!$C$22,0)</f>
        <v>0</v>
      </c>
      <c r="R8266" s="58">
        <v>61.555055491378042</v>
      </c>
      <c r="S8266" s="124">
        <f t="shared" si="129"/>
        <v>1.0664229694017573</v>
      </c>
    </row>
    <row r="8267" spans="8:19" x14ac:dyDescent="0.3">
      <c r="H8267" s="44">
        <v>8260</v>
      </c>
      <c r="I8267" s="56">
        <f>Bühler!I8293</f>
        <v>0.24609760832348246</v>
      </c>
      <c r="J8267" s="59">
        <f>Bühler!J8293</f>
        <v>0.82032536107827492</v>
      </c>
      <c r="K8267" s="59">
        <f>Bühler!K8293</f>
        <v>1.2304880416174122</v>
      </c>
      <c r="L8267" s="59">
        <f>Bühler!L8293</f>
        <v>5.9063425997635788</v>
      </c>
      <c r="M8267" s="58">
        <f>Bühler!M8293</f>
        <v>0</v>
      </c>
      <c r="N8267" s="56">
        <f>IF(Input!$D$19=1,J8267*Input!$C$19,0)+IF(Input!$D$20=1,K8267*Input!$C$20,0)+IF(Input!$D$21=1,L8267*Input!$C$21,0)+IF(Input!$D$22=1,M8267*Input!$C$22,0)</f>
        <v>0.24609760832348246</v>
      </c>
      <c r="O8267" s="59">
        <f>IF(Input!$D$19=2,J8267*Input!$C$19,0)+IF(Input!$D$20=2,K8267*Input!$C$20,0)+IF(Input!$D$21=2,L8267*Input!$C$21,0)+IF(Input!$D$22=2,M8267*Input!$C$22,0)</f>
        <v>0.6152440208087061</v>
      </c>
      <c r="P8267" s="59">
        <f>IF(Input!$D$19=3,J8267*Input!$C$19,0)+IF(Input!$D$20=3,K8267*Input!$C$20,0)+IF(Input!$D$21=3,L8267*Input!$C$21,0)+IF(Input!$D$22=3,M8267*Input!$C$22,0)</f>
        <v>0</v>
      </c>
      <c r="Q8267" s="75">
        <f>IF(Input!$D$19=4,J8267*Input!$C$19,0)+IF(Input!$D$20=4,K8267*Input!$C$20,0)+IF(Input!$D$21=4,L8267*Input!$C$21,0)+IF(Input!$D$22=4,M8267*Input!$C$22,0)</f>
        <v>0</v>
      </c>
      <c r="R8267" s="58">
        <v>61.710508925183788</v>
      </c>
      <c r="S8267" s="124">
        <f t="shared" si="129"/>
        <v>1.0664229694017573</v>
      </c>
    </row>
    <row r="8268" spans="8:19" x14ac:dyDescent="0.3">
      <c r="H8268" s="44">
        <v>8261</v>
      </c>
      <c r="I8268" s="56">
        <f>Bühler!I8294</f>
        <v>0.24609760832348246</v>
      </c>
      <c r="J8268" s="59">
        <f>Bühler!J8294</f>
        <v>0.82032536107827492</v>
      </c>
      <c r="K8268" s="59">
        <f>Bühler!K8294</f>
        <v>1.2304880416174122</v>
      </c>
      <c r="L8268" s="59">
        <f>Bühler!L8294</f>
        <v>5.9063425997635788</v>
      </c>
      <c r="M8268" s="58">
        <f>Bühler!M8294</f>
        <v>0</v>
      </c>
      <c r="N8268" s="56">
        <f>IF(Input!$D$19=1,J8268*Input!$C$19,0)+IF(Input!$D$20=1,K8268*Input!$C$20,0)+IF(Input!$D$21=1,L8268*Input!$C$21,0)+IF(Input!$D$22=1,M8268*Input!$C$22,0)</f>
        <v>0.24609760832348246</v>
      </c>
      <c r="O8268" s="59">
        <f>IF(Input!$D$19=2,J8268*Input!$C$19,0)+IF(Input!$D$20=2,K8268*Input!$C$20,0)+IF(Input!$D$21=2,L8268*Input!$C$21,0)+IF(Input!$D$22=2,M8268*Input!$C$22,0)</f>
        <v>0.6152440208087061</v>
      </c>
      <c r="P8268" s="59">
        <f>IF(Input!$D$19=3,J8268*Input!$C$19,0)+IF(Input!$D$20=3,K8268*Input!$C$20,0)+IF(Input!$D$21=3,L8268*Input!$C$21,0)+IF(Input!$D$22=3,M8268*Input!$C$22,0)</f>
        <v>0</v>
      </c>
      <c r="Q8268" s="75">
        <f>IF(Input!$D$19=4,J8268*Input!$C$19,0)+IF(Input!$D$20=4,K8268*Input!$C$20,0)+IF(Input!$D$21=4,L8268*Input!$C$21,0)+IF(Input!$D$22=4,M8268*Input!$C$22,0)</f>
        <v>0</v>
      </c>
      <c r="R8268" s="58">
        <v>63.641239588049018</v>
      </c>
      <c r="S8268" s="124">
        <f t="shared" si="129"/>
        <v>1.0664229694017573</v>
      </c>
    </row>
    <row r="8269" spans="8:19" x14ac:dyDescent="0.3">
      <c r="H8269" s="44">
        <v>8262</v>
      </c>
      <c r="I8269" s="56">
        <f>Bühler!I8295</f>
        <v>0.31992689082052717</v>
      </c>
      <c r="J8269" s="59">
        <f>Bühler!J8295</f>
        <v>1.0664229694017573</v>
      </c>
      <c r="K8269" s="59">
        <f>Bühler!K8295</f>
        <v>1.5996344541026359</v>
      </c>
      <c r="L8269" s="59">
        <f>Bühler!L8295</f>
        <v>7.678245379692652</v>
      </c>
      <c r="M8269" s="58">
        <f>Bühler!M8295</f>
        <v>0</v>
      </c>
      <c r="N8269" s="56">
        <f>IF(Input!$D$19=1,J8269*Input!$C$19,0)+IF(Input!$D$20=1,K8269*Input!$C$20,0)+IF(Input!$D$21=1,L8269*Input!$C$21,0)+IF(Input!$D$22=1,M8269*Input!$C$22,0)</f>
        <v>0.31992689082052717</v>
      </c>
      <c r="O8269" s="59">
        <f>IF(Input!$D$19=2,J8269*Input!$C$19,0)+IF(Input!$D$20=2,K8269*Input!$C$20,0)+IF(Input!$D$21=2,L8269*Input!$C$21,0)+IF(Input!$D$22=2,M8269*Input!$C$22,0)</f>
        <v>0.79981722705131797</v>
      </c>
      <c r="P8269" s="59">
        <f>IF(Input!$D$19=3,J8269*Input!$C$19,0)+IF(Input!$D$20=3,K8269*Input!$C$20,0)+IF(Input!$D$21=3,L8269*Input!$C$21,0)+IF(Input!$D$22=3,M8269*Input!$C$22,0)</f>
        <v>0</v>
      </c>
      <c r="Q8269" s="75">
        <f>IF(Input!$D$19=4,J8269*Input!$C$19,0)+IF(Input!$D$20=4,K8269*Input!$C$20,0)+IF(Input!$D$21=4,L8269*Input!$C$21,0)+IF(Input!$D$22=4,M8269*Input!$C$22,0)</f>
        <v>0</v>
      </c>
      <c r="R8269" s="58">
        <v>67.070357783089221</v>
      </c>
      <c r="S8269" s="124">
        <f t="shared" si="129"/>
        <v>1.3863498602222846</v>
      </c>
    </row>
    <row r="8270" spans="8:19" x14ac:dyDescent="0.3">
      <c r="H8270" s="44">
        <v>8263</v>
      </c>
      <c r="I8270" s="56">
        <f>Bühler!I8296</f>
        <v>0.35684153206904951</v>
      </c>
      <c r="J8270" s="59">
        <f>Bühler!J8296</f>
        <v>1.1894717735634985</v>
      </c>
      <c r="K8270" s="59">
        <f>Bühler!K8296</f>
        <v>1.7842076603452475</v>
      </c>
      <c r="L8270" s="59">
        <f>Bühler!L8296</f>
        <v>8.5641967696571886</v>
      </c>
      <c r="M8270" s="58">
        <f>Bühler!M8296</f>
        <v>0</v>
      </c>
      <c r="N8270" s="56">
        <f>IF(Input!$D$19=1,J8270*Input!$C$19,0)+IF(Input!$D$20=1,K8270*Input!$C$20,0)+IF(Input!$D$21=1,L8270*Input!$C$21,0)+IF(Input!$D$22=1,M8270*Input!$C$22,0)</f>
        <v>0.35684153206904956</v>
      </c>
      <c r="O8270" s="59">
        <f>IF(Input!$D$19=2,J8270*Input!$C$19,0)+IF(Input!$D$20=2,K8270*Input!$C$20,0)+IF(Input!$D$21=2,L8270*Input!$C$21,0)+IF(Input!$D$22=2,M8270*Input!$C$22,0)</f>
        <v>0.89210383017262374</v>
      </c>
      <c r="P8270" s="59">
        <f>IF(Input!$D$19=3,J8270*Input!$C$19,0)+IF(Input!$D$20=3,K8270*Input!$C$20,0)+IF(Input!$D$21=3,L8270*Input!$C$21,0)+IF(Input!$D$22=3,M8270*Input!$C$22,0)</f>
        <v>0</v>
      </c>
      <c r="Q8270" s="75">
        <f>IF(Input!$D$19=4,J8270*Input!$C$19,0)+IF(Input!$D$20=4,K8270*Input!$C$20,0)+IF(Input!$D$21=4,L8270*Input!$C$21,0)+IF(Input!$D$22=4,M8270*Input!$C$22,0)</f>
        <v>0</v>
      </c>
      <c r="R8270" s="58">
        <v>70.967417519758754</v>
      </c>
      <c r="S8270" s="124">
        <f t="shared" si="129"/>
        <v>1.546313305632548</v>
      </c>
    </row>
    <row r="8271" spans="8:19" x14ac:dyDescent="0.3">
      <c r="H8271" s="44">
        <v>8264</v>
      </c>
      <c r="I8271" s="56">
        <f>Bühler!I8297</f>
        <v>0.36914641248522362</v>
      </c>
      <c r="J8271" s="59">
        <f>Bühler!J8297</f>
        <v>1.2304880416174122</v>
      </c>
      <c r="K8271" s="59">
        <f>Bühler!K8297</f>
        <v>1.8457320624261182</v>
      </c>
      <c r="L8271" s="59">
        <f>Bühler!L8297</f>
        <v>8.8595138996453677</v>
      </c>
      <c r="M8271" s="58">
        <f>Bühler!M8297</f>
        <v>0</v>
      </c>
      <c r="N8271" s="56">
        <f>IF(Input!$D$19=1,J8271*Input!$C$19,0)+IF(Input!$D$20=1,K8271*Input!$C$20,0)+IF(Input!$D$21=1,L8271*Input!$C$21,0)+IF(Input!$D$22=1,M8271*Input!$C$22,0)</f>
        <v>0.36914641248522367</v>
      </c>
      <c r="O8271" s="59">
        <f>IF(Input!$D$19=2,J8271*Input!$C$19,0)+IF(Input!$D$20=2,K8271*Input!$C$20,0)+IF(Input!$D$21=2,L8271*Input!$C$21,0)+IF(Input!$D$22=2,M8271*Input!$C$22,0)</f>
        <v>0.9228660312130591</v>
      </c>
      <c r="P8271" s="59">
        <f>IF(Input!$D$19=3,J8271*Input!$C$19,0)+IF(Input!$D$20=3,K8271*Input!$C$20,0)+IF(Input!$D$21=3,L8271*Input!$C$21,0)+IF(Input!$D$22=3,M8271*Input!$C$22,0)</f>
        <v>0</v>
      </c>
      <c r="Q8271" s="75">
        <f>IF(Input!$D$19=4,J8271*Input!$C$19,0)+IF(Input!$D$20=4,K8271*Input!$C$20,0)+IF(Input!$D$21=4,L8271*Input!$C$21,0)+IF(Input!$D$22=4,M8271*Input!$C$22,0)</f>
        <v>0</v>
      </c>
      <c r="R8271" s="58">
        <v>72.295993692608789</v>
      </c>
      <c r="S8271" s="124">
        <f t="shared" si="129"/>
        <v>1.5996344541026359</v>
      </c>
    </row>
    <row r="8272" spans="8:19" x14ac:dyDescent="0.3">
      <c r="H8272" s="44">
        <v>8265</v>
      </c>
      <c r="I8272" s="56">
        <f>Bühler!I8298</f>
        <v>0.36914641248522362</v>
      </c>
      <c r="J8272" s="59">
        <f>Bühler!J8298</f>
        <v>1.2304880416174122</v>
      </c>
      <c r="K8272" s="59">
        <f>Bühler!K8298</f>
        <v>1.8457320624261182</v>
      </c>
      <c r="L8272" s="59">
        <f>Bühler!L8298</f>
        <v>8.8595138996453677</v>
      </c>
      <c r="M8272" s="58">
        <f>Bühler!M8298</f>
        <v>0</v>
      </c>
      <c r="N8272" s="56">
        <f>IF(Input!$D$19=1,J8272*Input!$C$19,0)+IF(Input!$D$20=1,K8272*Input!$C$20,0)+IF(Input!$D$21=1,L8272*Input!$C$21,0)+IF(Input!$D$22=1,M8272*Input!$C$22,0)</f>
        <v>0.36914641248522367</v>
      </c>
      <c r="O8272" s="59">
        <f>IF(Input!$D$19=2,J8272*Input!$C$19,0)+IF(Input!$D$20=2,K8272*Input!$C$20,0)+IF(Input!$D$21=2,L8272*Input!$C$21,0)+IF(Input!$D$22=2,M8272*Input!$C$22,0)</f>
        <v>0.9228660312130591</v>
      </c>
      <c r="P8272" s="59">
        <f>IF(Input!$D$19=3,J8272*Input!$C$19,0)+IF(Input!$D$20=3,K8272*Input!$C$20,0)+IF(Input!$D$21=3,L8272*Input!$C$21,0)+IF(Input!$D$22=3,M8272*Input!$C$22,0)</f>
        <v>0</v>
      </c>
      <c r="Q8272" s="75">
        <f>IF(Input!$D$19=4,J8272*Input!$C$19,0)+IF(Input!$D$20=4,K8272*Input!$C$20,0)+IF(Input!$D$21=4,L8272*Input!$C$21,0)+IF(Input!$D$22=4,M8272*Input!$C$22,0)</f>
        <v>0</v>
      </c>
      <c r="R8272" s="58">
        <v>72.562177954497898</v>
      </c>
      <c r="S8272" s="124">
        <f t="shared" si="129"/>
        <v>1.5996344541026359</v>
      </c>
    </row>
    <row r="8273" spans="8:19" x14ac:dyDescent="0.3">
      <c r="H8273" s="44">
        <v>8266</v>
      </c>
      <c r="I8273" s="56">
        <f>Bühler!I8299</f>
        <v>0.39990861352565893</v>
      </c>
      <c r="J8273" s="59">
        <f>Bühler!J8299</f>
        <v>1.3330287117521966</v>
      </c>
      <c r="K8273" s="59">
        <f>Bühler!K8299</f>
        <v>1.9995430676282948</v>
      </c>
      <c r="L8273" s="59">
        <f>Bühler!L8299</f>
        <v>9.5978067246158147</v>
      </c>
      <c r="M8273" s="58">
        <f>Bühler!M8299</f>
        <v>0</v>
      </c>
      <c r="N8273" s="56">
        <f>IF(Input!$D$19=1,J8273*Input!$C$19,0)+IF(Input!$D$20=1,K8273*Input!$C$20,0)+IF(Input!$D$21=1,L8273*Input!$C$21,0)+IF(Input!$D$22=1,M8273*Input!$C$22,0)</f>
        <v>0.39990861352565898</v>
      </c>
      <c r="O8273" s="59">
        <f>IF(Input!$D$19=2,J8273*Input!$C$19,0)+IF(Input!$D$20=2,K8273*Input!$C$20,0)+IF(Input!$D$21=2,L8273*Input!$C$21,0)+IF(Input!$D$22=2,M8273*Input!$C$22,0)</f>
        <v>0.99977153381414741</v>
      </c>
      <c r="P8273" s="59">
        <f>IF(Input!$D$19=3,J8273*Input!$C$19,0)+IF(Input!$D$20=3,K8273*Input!$C$20,0)+IF(Input!$D$21=3,L8273*Input!$C$21,0)+IF(Input!$D$22=3,M8273*Input!$C$22,0)</f>
        <v>0</v>
      </c>
      <c r="Q8273" s="75">
        <f>IF(Input!$D$19=4,J8273*Input!$C$19,0)+IF(Input!$D$20=4,K8273*Input!$C$20,0)+IF(Input!$D$21=4,L8273*Input!$C$21,0)+IF(Input!$D$22=4,M8273*Input!$C$22,0)</f>
        <v>0</v>
      </c>
      <c r="R8273" s="58">
        <v>72.027654155140098</v>
      </c>
      <c r="S8273" s="124">
        <f t="shared" si="129"/>
        <v>1.7329373252778555</v>
      </c>
    </row>
    <row r="8274" spans="8:19" x14ac:dyDescent="0.3">
      <c r="H8274" s="44">
        <v>8267</v>
      </c>
      <c r="I8274" s="56">
        <f>Bühler!I8300</f>
        <v>0.41836593414992007</v>
      </c>
      <c r="J8274" s="59">
        <f>Bühler!J8300</f>
        <v>1.3945531138330671</v>
      </c>
      <c r="K8274" s="59">
        <f>Bühler!K8300</f>
        <v>2.0918296707496005</v>
      </c>
      <c r="L8274" s="59">
        <f>Bühler!L8300</f>
        <v>10.040782419598083</v>
      </c>
      <c r="M8274" s="58">
        <f>Bühler!M8300</f>
        <v>0</v>
      </c>
      <c r="N8274" s="56">
        <f>IF(Input!$D$19=1,J8274*Input!$C$19,0)+IF(Input!$D$20=1,K8274*Input!$C$20,0)+IF(Input!$D$21=1,L8274*Input!$C$21,0)+IF(Input!$D$22=1,M8274*Input!$C$22,0)</f>
        <v>0.41836593414992013</v>
      </c>
      <c r="O8274" s="59">
        <f>IF(Input!$D$19=2,J8274*Input!$C$19,0)+IF(Input!$D$20=2,K8274*Input!$C$20,0)+IF(Input!$D$21=2,L8274*Input!$C$21,0)+IF(Input!$D$22=2,M8274*Input!$C$22,0)</f>
        <v>1.0459148353748002</v>
      </c>
      <c r="P8274" s="59">
        <f>IF(Input!$D$19=3,J8274*Input!$C$19,0)+IF(Input!$D$20=3,K8274*Input!$C$20,0)+IF(Input!$D$21=3,L8274*Input!$C$21,0)+IF(Input!$D$22=3,M8274*Input!$C$22,0)</f>
        <v>0</v>
      </c>
      <c r="Q8274" s="75">
        <f>IF(Input!$D$19=4,J8274*Input!$C$19,0)+IF(Input!$D$20=4,K8274*Input!$C$20,0)+IF(Input!$D$21=4,L8274*Input!$C$21,0)+IF(Input!$D$22=4,M8274*Input!$C$22,0)</f>
        <v>0</v>
      </c>
      <c r="R8274" s="58">
        <v>73.052183935206557</v>
      </c>
      <c r="S8274" s="124">
        <f t="shared" si="129"/>
        <v>1.8129190479829873</v>
      </c>
    </row>
    <row r="8275" spans="8:19" x14ac:dyDescent="0.3">
      <c r="H8275" s="44">
        <v>8268</v>
      </c>
      <c r="I8275" s="56">
        <f>Bühler!I8301</f>
        <v>0.49219521664696492</v>
      </c>
      <c r="J8275" s="59">
        <f>Bühler!J8301</f>
        <v>1.6406507221565498</v>
      </c>
      <c r="K8275" s="59">
        <f>Bühler!K8301</f>
        <v>2.4609760832348244</v>
      </c>
      <c r="L8275" s="59">
        <f>Bühler!L8301</f>
        <v>11.812685199527158</v>
      </c>
      <c r="M8275" s="58">
        <f>Bühler!M8301</f>
        <v>0</v>
      </c>
      <c r="N8275" s="56">
        <f>IF(Input!$D$19=1,J8275*Input!$C$19,0)+IF(Input!$D$20=1,K8275*Input!$C$20,0)+IF(Input!$D$21=1,L8275*Input!$C$21,0)+IF(Input!$D$22=1,M8275*Input!$C$22,0)</f>
        <v>0.49219521664696492</v>
      </c>
      <c r="O8275" s="59">
        <f>IF(Input!$D$19=2,J8275*Input!$C$19,0)+IF(Input!$D$20=2,K8275*Input!$C$20,0)+IF(Input!$D$21=2,L8275*Input!$C$21,0)+IF(Input!$D$22=2,M8275*Input!$C$22,0)</f>
        <v>1.2304880416174122</v>
      </c>
      <c r="P8275" s="59">
        <f>IF(Input!$D$19=3,J8275*Input!$C$19,0)+IF(Input!$D$20=3,K8275*Input!$C$20,0)+IF(Input!$D$21=3,L8275*Input!$C$21,0)+IF(Input!$D$22=3,M8275*Input!$C$22,0)</f>
        <v>0</v>
      </c>
      <c r="Q8275" s="75">
        <f>IF(Input!$D$19=4,J8275*Input!$C$19,0)+IF(Input!$D$20=4,K8275*Input!$C$20,0)+IF(Input!$D$21=4,L8275*Input!$C$21,0)+IF(Input!$D$22=4,M8275*Input!$C$22,0)</f>
        <v>0</v>
      </c>
      <c r="R8275" s="58">
        <v>73.469078577132294</v>
      </c>
      <c r="S8275" s="124">
        <f t="shared" si="129"/>
        <v>2.1328459388035146</v>
      </c>
    </row>
    <row r="8276" spans="8:19" x14ac:dyDescent="0.3">
      <c r="H8276" s="44">
        <v>8269</v>
      </c>
      <c r="I8276" s="56">
        <f>Bühler!I8302</f>
        <v>0.49219521664696492</v>
      </c>
      <c r="J8276" s="59">
        <f>Bühler!J8302</f>
        <v>1.6406507221565498</v>
      </c>
      <c r="K8276" s="59">
        <f>Bühler!K8302</f>
        <v>2.4609760832348244</v>
      </c>
      <c r="L8276" s="59">
        <f>Bühler!L8302</f>
        <v>11.812685199527158</v>
      </c>
      <c r="M8276" s="58">
        <f>Bühler!M8302</f>
        <v>0</v>
      </c>
      <c r="N8276" s="56">
        <f>IF(Input!$D$19=1,J8276*Input!$C$19,0)+IF(Input!$D$20=1,K8276*Input!$C$20,0)+IF(Input!$D$21=1,L8276*Input!$C$21,0)+IF(Input!$D$22=1,M8276*Input!$C$22,0)</f>
        <v>0.49219521664696492</v>
      </c>
      <c r="O8276" s="59">
        <f>IF(Input!$D$19=2,J8276*Input!$C$19,0)+IF(Input!$D$20=2,K8276*Input!$C$20,0)+IF(Input!$D$21=2,L8276*Input!$C$21,0)+IF(Input!$D$22=2,M8276*Input!$C$22,0)</f>
        <v>1.2304880416174122</v>
      </c>
      <c r="P8276" s="59">
        <f>IF(Input!$D$19=3,J8276*Input!$C$19,0)+IF(Input!$D$20=3,K8276*Input!$C$20,0)+IF(Input!$D$21=3,L8276*Input!$C$21,0)+IF(Input!$D$22=3,M8276*Input!$C$22,0)</f>
        <v>0</v>
      </c>
      <c r="Q8276" s="75">
        <f>IF(Input!$D$19=4,J8276*Input!$C$19,0)+IF(Input!$D$20=4,K8276*Input!$C$20,0)+IF(Input!$D$21=4,L8276*Input!$C$21,0)+IF(Input!$D$22=4,M8276*Input!$C$22,0)</f>
        <v>0</v>
      </c>
      <c r="R8276" s="58">
        <v>72.266510944284434</v>
      </c>
      <c r="S8276" s="124">
        <f t="shared" si="129"/>
        <v>2.1328459388035146</v>
      </c>
    </row>
    <row r="8277" spans="8:19" x14ac:dyDescent="0.3">
      <c r="H8277" s="44">
        <v>8270</v>
      </c>
      <c r="I8277" s="56">
        <f>Bühler!I8303</f>
        <v>0.49219521664696492</v>
      </c>
      <c r="J8277" s="59">
        <f>Bühler!J8303</f>
        <v>1.6406507221565498</v>
      </c>
      <c r="K8277" s="59">
        <f>Bühler!K8303</f>
        <v>2.4609760832348244</v>
      </c>
      <c r="L8277" s="59">
        <f>Bühler!L8303</f>
        <v>11.812685199527158</v>
      </c>
      <c r="M8277" s="58">
        <f>Bühler!M8303</f>
        <v>0</v>
      </c>
      <c r="N8277" s="56">
        <f>IF(Input!$D$19=1,J8277*Input!$C$19,0)+IF(Input!$D$20=1,K8277*Input!$C$20,0)+IF(Input!$D$21=1,L8277*Input!$C$21,0)+IF(Input!$D$22=1,M8277*Input!$C$22,0)</f>
        <v>0.49219521664696492</v>
      </c>
      <c r="O8277" s="59">
        <f>IF(Input!$D$19=2,J8277*Input!$C$19,0)+IF(Input!$D$20=2,K8277*Input!$C$20,0)+IF(Input!$D$21=2,L8277*Input!$C$21,0)+IF(Input!$D$22=2,M8277*Input!$C$22,0)</f>
        <v>1.2304880416174122</v>
      </c>
      <c r="P8277" s="59">
        <f>IF(Input!$D$19=3,J8277*Input!$C$19,0)+IF(Input!$D$20=3,K8277*Input!$C$20,0)+IF(Input!$D$21=3,L8277*Input!$C$21,0)+IF(Input!$D$22=3,M8277*Input!$C$22,0)</f>
        <v>0</v>
      </c>
      <c r="Q8277" s="75">
        <f>IF(Input!$D$19=4,J8277*Input!$C$19,0)+IF(Input!$D$20=4,K8277*Input!$C$20,0)+IF(Input!$D$21=4,L8277*Input!$C$21,0)+IF(Input!$D$22=4,M8277*Input!$C$22,0)</f>
        <v>0</v>
      </c>
      <c r="R8277" s="58">
        <v>71.765135015024214</v>
      </c>
      <c r="S8277" s="124">
        <f t="shared" si="129"/>
        <v>2.1328459388035146</v>
      </c>
    </row>
    <row r="8278" spans="8:19" x14ac:dyDescent="0.3">
      <c r="H8278" s="44">
        <v>8271</v>
      </c>
      <c r="I8278" s="56">
        <f>Bühler!I8304</f>
        <v>0.49219521664696492</v>
      </c>
      <c r="J8278" s="59">
        <f>Bühler!J8304</f>
        <v>1.6406507221565498</v>
      </c>
      <c r="K8278" s="59">
        <f>Bühler!K8304</f>
        <v>2.4609760832348244</v>
      </c>
      <c r="L8278" s="59">
        <f>Bühler!L8304</f>
        <v>11.812685199527158</v>
      </c>
      <c r="M8278" s="58">
        <f>Bühler!M8304</f>
        <v>0</v>
      </c>
      <c r="N8278" s="56">
        <f>IF(Input!$D$19=1,J8278*Input!$C$19,0)+IF(Input!$D$20=1,K8278*Input!$C$20,0)+IF(Input!$D$21=1,L8278*Input!$C$21,0)+IF(Input!$D$22=1,M8278*Input!$C$22,0)</f>
        <v>0.49219521664696492</v>
      </c>
      <c r="O8278" s="59">
        <f>IF(Input!$D$19=2,J8278*Input!$C$19,0)+IF(Input!$D$20=2,K8278*Input!$C$20,0)+IF(Input!$D$21=2,L8278*Input!$C$21,0)+IF(Input!$D$22=2,M8278*Input!$C$22,0)</f>
        <v>1.2304880416174122</v>
      </c>
      <c r="P8278" s="59">
        <f>IF(Input!$D$19=3,J8278*Input!$C$19,0)+IF(Input!$D$20=3,K8278*Input!$C$20,0)+IF(Input!$D$21=3,L8278*Input!$C$21,0)+IF(Input!$D$22=3,M8278*Input!$C$22,0)</f>
        <v>0</v>
      </c>
      <c r="Q8278" s="75">
        <f>IF(Input!$D$19=4,J8278*Input!$C$19,0)+IF(Input!$D$20=4,K8278*Input!$C$20,0)+IF(Input!$D$21=4,L8278*Input!$C$21,0)+IF(Input!$D$22=4,M8278*Input!$C$22,0)</f>
        <v>0</v>
      </c>
      <c r="R8278" s="58">
        <v>72.161554538944173</v>
      </c>
      <c r="S8278" s="124">
        <f t="shared" si="129"/>
        <v>2.1328459388035146</v>
      </c>
    </row>
    <row r="8279" spans="8:19" x14ac:dyDescent="0.3">
      <c r="H8279" s="44">
        <v>8272</v>
      </c>
      <c r="I8279" s="56">
        <f>Bühler!I8305</f>
        <v>0.49219521664696492</v>
      </c>
      <c r="J8279" s="59">
        <f>Bühler!J8305</f>
        <v>1.6406507221565498</v>
      </c>
      <c r="K8279" s="59">
        <f>Bühler!K8305</f>
        <v>2.4609760832348244</v>
      </c>
      <c r="L8279" s="59">
        <f>Bühler!L8305</f>
        <v>11.812685199527158</v>
      </c>
      <c r="M8279" s="58">
        <f>Bühler!M8305</f>
        <v>0</v>
      </c>
      <c r="N8279" s="56">
        <f>IF(Input!$D$19=1,J8279*Input!$C$19,0)+IF(Input!$D$20=1,K8279*Input!$C$20,0)+IF(Input!$D$21=1,L8279*Input!$C$21,0)+IF(Input!$D$22=1,M8279*Input!$C$22,0)</f>
        <v>0.49219521664696492</v>
      </c>
      <c r="O8279" s="59">
        <f>IF(Input!$D$19=2,J8279*Input!$C$19,0)+IF(Input!$D$20=2,K8279*Input!$C$20,0)+IF(Input!$D$21=2,L8279*Input!$C$21,0)+IF(Input!$D$22=2,M8279*Input!$C$22,0)</f>
        <v>1.2304880416174122</v>
      </c>
      <c r="P8279" s="59">
        <f>IF(Input!$D$19=3,J8279*Input!$C$19,0)+IF(Input!$D$20=3,K8279*Input!$C$20,0)+IF(Input!$D$21=3,L8279*Input!$C$21,0)+IF(Input!$D$22=3,M8279*Input!$C$22,0)</f>
        <v>0</v>
      </c>
      <c r="Q8279" s="75">
        <f>IF(Input!$D$19=4,J8279*Input!$C$19,0)+IF(Input!$D$20=4,K8279*Input!$C$20,0)+IF(Input!$D$21=4,L8279*Input!$C$21,0)+IF(Input!$D$22=4,M8279*Input!$C$22,0)</f>
        <v>0</v>
      </c>
      <c r="R8279" s="58">
        <v>70.848299640132424</v>
      </c>
      <c r="S8279" s="124">
        <f t="shared" si="129"/>
        <v>2.1328459388035146</v>
      </c>
    </row>
    <row r="8280" spans="8:19" x14ac:dyDescent="0.3">
      <c r="H8280" s="44">
        <v>8273</v>
      </c>
      <c r="I8280" s="56">
        <f>Bühler!I8306</f>
        <v>0.49219521664696492</v>
      </c>
      <c r="J8280" s="59">
        <f>Bühler!J8306</f>
        <v>1.6406507221565498</v>
      </c>
      <c r="K8280" s="59">
        <f>Bühler!K8306</f>
        <v>2.4609760832348244</v>
      </c>
      <c r="L8280" s="59">
        <f>Bühler!L8306</f>
        <v>11.812685199527158</v>
      </c>
      <c r="M8280" s="58">
        <f>Bühler!M8306</f>
        <v>0</v>
      </c>
      <c r="N8280" s="56">
        <f>IF(Input!$D$19=1,J8280*Input!$C$19,0)+IF(Input!$D$20=1,K8280*Input!$C$20,0)+IF(Input!$D$21=1,L8280*Input!$C$21,0)+IF(Input!$D$22=1,M8280*Input!$C$22,0)</f>
        <v>0.49219521664696492</v>
      </c>
      <c r="O8280" s="59">
        <f>IF(Input!$D$19=2,J8280*Input!$C$19,0)+IF(Input!$D$20=2,K8280*Input!$C$20,0)+IF(Input!$D$21=2,L8280*Input!$C$21,0)+IF(Input!$D$22=2,M8280*Input!$C$22,0)</f>
        <v>1.2304880416174122</v>
      </c>
      <c r="P8280" s="59">
        <f>IF(Input!$D$19=3,J8280*Input!$C$19,0)+IF(Input!$D$20=3,K8280*Input!$C$20,0)+IF(Input!$D$21=3,L8280*Input!$C$21,0)+IF(Input!$D$22=3,M8280*Input!$C$22,0)</f>
        <v>0</v>
      </c>
      <c r="Q8280" s="75">
        <f>IF(Input!$D$19=4,J8280*Input!$C$19,0)+IF(Input!$D$20=4,K8280*Input!$C$20,0)+IF(Input!$D$21=4,L8280*Input!$C$21,0)+IF(Input!$D$22=4,M8280*Input!$C$22,0)</f>
        <v>0</v>
      </c>
      <c r="R8280" s="58">
        <v>69.464460417356705</v>
      </c>
      <c r="S8280" s="124">
        <f t="shared" si="129"/>
        <v>2.1328459388035146</v>
      </c>
    </row>
    <row r="8281" spans="8:19" x14ac:dyDescent="0.3">
      <c r="H8281" s="44">
        <v>8274</v>
      </c>
      <c r="I8281" s="56">
        <f>Bühler!I8307</f>
        <v>0.49219521664696492</v>
      </c>
      <c r="J8281" s="59">
        <f>Bühler!J8307</f>
        <v>1.6406507221565498</v>
      </c>
      <c r="K8281" s="59">
        <f>Bühler!K8307</f>
        <v>2.4609760832348244</v>
      </c>
      <c r="L8281" s="59">
        <f>Bühler!L8307</f>
        <v>11.812685199527158</v>
      </c>
      <c r="M8281" s="58">
        <f>Bühler!M8307</f>
        <v>0</v>
      </c>
      <c r="N8281" s="56">
        <f>IF(Input!$D$19=1,J8281*Input!$C$19,0)+IF(Input!$D$20=1,K8281*Input!$C$20,0)+IF(Input!$D$21=1,L8281*Input!$C$21,0)+IF(Input!$D$22=1,M8281*Input!$C$22,0)</f>
        <v>0.49219521664696492</v>
      </c>
      <c r="O8281" s="59">
        <f>IF(Input!$D$19=2,J8281*Input!$C$19,0)+IF(Input!$D$20=2,K8281*Input!$C$20,0)+IF(Input!$D$21=2,L8281*Input!$C$21,0)+IF(Input!$D$22=2,M8281*Input!$C$22,0)</f>
        <v>1.2304880416174122</v>
      </c>
      <c r="P8281" s="59">
        <f>IF(Input!$D$19=3,J8281*Input!$C$19,0)+IF(Input!$D$20=3,K8281*Input!$C$20,0)+IF(Input!$D$21=3,L8281*Input!$C$21,0)+IF(Input!$D$22=3,M8281*Input!$C$22,0)</f>
        <v>0</v>
      </c>
      <c r="Q8281" s="75">
        <f>IF(Input!$D$19=4,J8281*Input!$C$19,0)+IF(Input!$D$20=4,K8281*Input!$C$20,0)+IF(Input!$D$21=4,L8281*Input!$C$21,0)+IF(Input!$D$22=4,M8281*Input!$C$22,0)</f>
        <v>0</v>
      </c>
      <c r="R8281" s="58">
        <v>68.394443095656101</v>
      </c>
      <c r="S8281" s="124">
        <f t="shared" si="129"/>
        <v>2.1328459388035146</v>
      </c>
    </row>
    <row r="8282" spans="8:19" x14ac:dyDescent="0.3">
      <c r="H8282" s="44">
        <v>8275</v>
      </c>
      <c r="I8282" s="56">
        <f>Bühler!I8308</f>
        <v>0.49219521664696492</v>
      </c>
      <c r="J8282" s="59">
        <f>Bühler!J8308</f>
        <v>1.6406507221565498</v>
      </c>
      <c r="K8282" s="59">
        <f>Bühler!K8308</f>
        <v>2.4609760832348244</v>
      </c>
      <c r="L8282" s="59">
        <f>Bühler!L8308</f>
        <v>11.812685199527158</v>
      </c>
      <c r="M8282" s="58">
        <f>Bühler!M8308</f>
        <v>0</v>
      </c>
      <c r="N8282" s="56">
        <f>IF(Input!$D$19=1,J8282*Input!$C$19,0)+IF(Input!$D$20=1,K8282*Input!$C$20,0)+IF(Input!$D$21=1,L8282*Input!$C$21,0)+IF(Input!$D$22=1,M8282*Input!$C$22,0)</f>
        <v>0.49219521664696492</v>
      </c>
      <c r="O8282" s="59">
        <f>IF(Input!$D$19=2,J8282*Input!$C$19,0)+IF(Input!$D$20=2,K8282*Input!$C$20,0)+IF(Input!$D$21=2,L8282*Input!$C$21,0)+IF(Input!$D$22=2,M8282*Input!$C$22,0)</f>
        <v>1.2304880416174122</v>
      </c>
      <c r="P8282" s="59">
        <f>IF(Input!$D$19=3,J8282*Input!$C$19,0)+IF(Input!$D$20=3,K8282*Input!$C$20,0)+IF(Input!$D$21=3,L8282*Input!$C$21,0)+IF(Input!$D$22=3,M8282*Input!$C$22,0)</f>
        <v>0</v>
      </c>
      <c r="Q8282" s="75">
        <f>IF(Input!$D$19=4,J8282*Input!$C$19,0)+IF(Input!$D$20=4,K8282*Input!$C$20,0)+IF(Input!$D$21=4,L8282*Input!$C$21,0)+IF(Input!$D$22=4,M8282*Input!$C$22,0)</f>
        <v>0</v>
      </c>
      <c r="R8282" s="58">
        <v>65.909729350318145</v>
      </c>
      <c r="S8282" s="124">
        <f t="shared" si="129"/>
        <v>2.1328459388035146</v>
      </c>
    </row>
    <row r="8283" spans="8:19" x14ac:dyDescent="0.3">
      <c r="H8283" s="44">
        <v>8276</v>
      </c>
      <c r="I8283" s="56">
        <f>Bühler!I8309</f>
        <v>0.4122134939418331</v>
      </c>
      <c r="J8283" s="59">
        <f>Bühler!J8309</f>
        <v>1.3740449798061105</v>
      </c>
      <c r="K8283" s="59">
        <f>Bühler!K8309</f>
        <v>2.0610674697091653</v>
      </c>
      <c r="L8283" s="59">
        <f>Bühler!L8309</f>
        <v>9.8931238546039939</v>
      </c>
      <c r="M8283" s="58">
        <f>Bühler!M8309</f>
        <v>0</v>
      </c>
      <c r="N8283" s="56">
        <f>IF(Input!$D$19=1,J8283*Input!$C$19,0)+IF(Input!$D$20=1,K8283*Input!$C$20,0)+IF(Input!$D$21=1,L8283*Input!$C$21,0)+IF(Input!$D$22=1,M8283*Input!$C$22,0)</f>
        <v>0.41221349394183315</v>
      </c>
      <c r="O8283" s="59">
        <f>IF(Input!$D$19=2,J8283*Input!$C$19,0)+IF(Input!$D$20=2,K8283*Input!$C$20,0)+IF(Input!$D$21=2,L8283*Input!$C$21,0)+IF(Input!$D$22=2,M8283*Input!$C$22,0)</f>
        <v>1.0305337348545827</v>
      </c>
      <c r="P8283" s="59">
        <f>IF(Input!$D$19=3,J8283*Input!$C$19,0)+IF(Input!$D$20=3,K8283*Input!$C$20,0)+IF(Input!$D$21=3,L8283*Input!$C$21,0)+IF(Input!$D$22=3,M8283*Input!$C$22,0)</f>
        <v>0</v>
      </c>
      <c r="Q8283" s="75">
        <f>IF(Input!$D$19=4,J8283*Input!$C$19,0)+IF(Input!$D$20=4,K8283*Input!$C$20,0)+IF(Input!$D$21=4,L8283*Input!$C$21,0)+IF(Input!$D$22=4,M8283*Input!$C$22,0)</f>
        <v>0</v>
      </c>
      <c r="R8283" s="58">
        <v>64.547824860950328</v>
      </c>
      <c r="S8283" s="124">
        <f t="shared" si="129"/>
        <v>1.7862584737479437</v>
      </c>
    </row>
    <row r="8284" spans="8:19" x14ac:dyDescent="0.3">
      <c r="H8284" s="44">
        <v>8277</v>
      </c>
      <c r="I8284" s="56">
        <f>Bühler!I8310</f>
        <v>0.33838421144478831</v>
      </c>
      <c r="J8284" s="59">
        <f>Bühler!J8310</f>
        <v>1.1279473714826278</v>
      </c>
      <c r="K8284" s="59">
        <f>Bühler!K8310</f>
        <v>1.6919210572239416</v>
      </c>
      <c r="L8284" s="59">
        <f>Bühler!L8310</f>
        <v>8.1212210746749189</v>
      </c>
      <c r="M8284" s="58">
        <f>Bühler!M8310</f>
        <v>0</v>
      </c>
      <c r="N8284" s="56">
        <f>IF(Input!$D$19=1,J8284*Input!$C$19,0)+IF(Input!$D$20=1,K8284*Input!$C$20,0)+IF(Input!$D$21=1,L8284*Input!$C$21,0)+IF(Input!$D$22=1,M8284*Input!$C$22,0)</f>
        <v>0.33838421144478831</v>
      </c>
      <c r="O8284" s="59">
        <f>IF(Input!$D$19=2,J8284*Input!$C$19,0)+IF(Input!$D$20=2,K8284*Input!$C$20,0)+IF(Input!$D$21=2,L8284*Input!$C$21,0)+IF(Input!$D$22=2,M8284*Input!$C$22,0)</f>
        <v>0.8459605286119708</v>
      </c>
      <c r="P8284" s="59">
        <f>IF(Input!$D$19=3,J8284*Input!$C$19,0)+IF(Input!$D$20=3,K8284*Input!$C$20,0)+IF(Input!$D$21=3,L8284*Input!$C$21,0)+IF(Input!$D$22=3,M8284*Input!$C$22,0)</f>
        <v>0</v>
      </c>
      <c r="Q8284" s="75">
        <f>IF(Input!$D$19=4,J8284*Input!$C$19,0)+IF(Input!$D$20=4,K8284*Input!$C$20,0)+IF(Input!$D$21=4,L8284*Input!$C$21,0)+IF(Input!$D$22=4,M8284*Input!$C$22,0)</f>
        <v>0</v>
      </c>
      <c r="R8284" s="58">
        <v>64.406160338414139</v>
      </c>
      <c r="S8284" s="124">
        <f t="shared" si="129"/>
        <v>1.4663315829274162</v>
      </c>
    </row>
    <row r="8285" spans="8:19" x14ac:dyDescent="0.3">
      <c r="H8285" s="44">
        <v>8278</v>
      </c>
      <c r="I8285" s="56">
        <f>Bühler!I8311</f>
        <v>0.24609760832348246</v>
      </c>
      <c r="J8285" s="59">
        <f>Bühler!J8311</f>
        <v>0.82032536107827492</v>
      </c>
      <c r="K8285" s="59">
        <f>Bühler!K8311</f>
        <v>1.2304880416174122</v>
      </c>
      <c r="L8285" s="59">
        <f>Bühler!L8311</f>
        <v>5.9063425997635788</v>
      </c>
      <c r="M8285" s="58">
        <f>Bühler!M8311</f>
        <v>0</v>
      </c>
      <c r="N8285" s="56">
        <f>IF(Input!$D$19=1,J8285*Input!$C$19,0)+IF(Input!$D$20=1,K8285*Input!$C$20,0)+IF(Input!$D$21=1,L8285*Input!$C$21,0)+IF(Input!$D$22=1,M8285*Input!$C$22,0)</f>
        <v>0.24609760832348246</v>
      </c>
      <c r="O8285" s="59">
        <f>IF(Input!$D$19=2,J8285*Input!$C$19,0)+IF(Input!$D$20=2,K8285*Input!$C$20,0)+IF(Input!$D$21=2,L8285*Input!$C$21,0)+IF(Input!$D$22=2,M8285*Input!$C$22,0)</f>
        <v>0.6152440208087061</v>
      </c>
      <c r="P8285" s="59">
        <f>IF(Input!$D$19=3,J8285*Input!$C$19,0)+IF(Input!$D$20=3,K8285*Input!$C$20,0)+IF(Input!$D$21=3,L8285*Input!$C$21,0)+IF(Input!$D$22=3,M8285*Input!$C$22,0)</f>
        <v>0</v>
      </c>
      <c r="Q8285" s="75">
        <f>IF(Input!$D$19=4,J8285*Input!$C$19,0)+IF(Input!$D$20=4,K8285*Input!$C$20,0)+IF(Input!$D$21=4,L8285*Input!$C$21,0)+IF(Input!$D$22=4,M8285*Input!$C$22,0)</f>
        <v>0</v>
      </c>
      <c r="R8285" s="58">
        <v>62.417828334223316</v>
      </c>
      <c r="S8285" s="124">
        <f t="shared" si="129"/>
        <v>1.0664229694017573</v>
      </c>
    </row>
    <row r="8286" spans="8:19" x14ac:dyDescent="0.3">
      <c r="H8286" s="44">
        <v>8279</v>
      </c>
      <c r="I8286" s="56">
        <f>Bühler!I8312</f>
        <v>0.24609760832348246</v>
      </c>
      <c r="J8286" s="59">
        <f>Bühler!J8312</f>
        <v>0.82032536107827492</v>
      </c>
      <c r="K8286" s="59">
        <f>Bühler!K8312</f>
        <v>1.2304880416174122</v>
      </c>
      <c r="L8286" s="59">
        <f>Bühler!L8312</f>
        <v>5.9063425997635788</v>
      </c>
      <c r="M8286" s="58">
        <f>Bühler!M8312</f>
        <v>0</v>
      </c>
      <c r="N8286" s="56">
        <f>IF(Input!$D$19=1,J8286*Input!$C$19,0)+IF(Input!$D$20=1,K8286*Input!$C$20,0)+IF(Input!$D$21=1,L8286*Input!$C$21,0)+IF(Input!$D$22=1,M8286*Input!$C$22,0)</f>
        <v>0.24609760832348246</v>
      </c>
      <c r="O8286" s="59">
        <f>IF(Input!$D$19=2,J8286*Input!$C$19,0)+IF(Input!$D$20=2,K8286*Input!$C$20,0)+IF(Input!$D$21=2,L8286*Input!$C$21,0)+IF(Input!$D$22=2,M8286*Input!$C$22,0)</f>
        <v>0.6152440208087061</v>
      </c>
      <c r="P8286" s="59">
        <f>IF(Input!$D$19=3,J8286*Input!$C$19,0)+IF(Input!$D$20=3,K8286*Input!$C$20,0)+IF(Input!$D$21=3,L8286*Input!$C$21,0)+IF(Input!$D$22=3,M8286*Input!$C$22,0)</f>
        <v>0</v>
      </c>
      <c r="Q8286" s="75">
        <f>IF(Input!$D$19=4,J8286*Input!$C$19,0)+IF(Input!$D$20=4,K8286*Input!$C$20,0)+IF(Input!$D$21=4,L8286*Input!$C$21,0)+IF(Input!$D$22=4,M8286*Input!$C$22,0)</f>
        <v>0</v>
      </c>
      <c r="R8286" s="58">
        <v>62.660360326603943</v>
      </c>
      <c r="S8286" s="124">
        <f t="shared" si="129"/>
        <v>1.0664229694017573</v>
      </c>
    </row>
    <row r="8287" spans="8:19" x14ac:dyDescent="0.3">
      <c r="H8287" s="44">
        <v>8280</v>
      </c>
      <c r="I8287" s="56">
        <f>Bühler!I8313</f>
        <v>0.24609760832348246</v>
      </c>
      <c r="J8287" s="59">
        <f>Bühler!J8313</f>
        <v>0.82032536107827492</v>
      </c>
      <c r="K8287" s="59">
        <f>Bühler!K8313</f>
        <v>1.2304880416174122</v>
      </c>
      <c r="L8287" s="59">
        <f>Bühler!L8313</f>
        <v>5.9063425997635788</v>
      </c>
      <c r="M8287" s="58">
        <f>Bühler!M8313</f>
        <v>0</v>
      </c>
      <c r="N8287" s="56">
        <f>IF(Input!$D$19=1,J8287*Input!$C$19,0)+IF(Input!$D$20=1,K8287*Input!$C$20,0)+IF(Input!$D$21=1,L8287*Input!$C$21,0)+IF(Input!$D$22=1,M8287*Input!$C$22,0)</f>
        <v>0.24609760832348246</v>
      </c>
      <c r="O8287" s="59">
        <f>IF(Input!$D$19=2,J8287*Input!$C$19,0)+IF(Input!$D$20=2,K8287*Input!$C$20,0)+IF(Input!$D$21=2,L8287*Input!$C$21,0)+IF(Input!$D$22=2,M8287*Input!$C$22,0)</f>
        <v>0.6152440208087061</v>
      </c>
      <c r="P8287" s="59">
        <f>IF(Input!$D$19=3,J8287*Input!$C$19,0)+IF(Input!$D$20=3,K8287*Input!$C$20,0)+IF(Input!$D$21=3,L8287*Input!$C$21,0)+IF(Input!$D$22=3,M8287*Input!$C$22,0)</f>
        <v>0</v>
      </c>
      <c r="Q8287" s="75">
        <f>IF(Input!$D$19=4,J8287*Input!$C$19,0)+IF(Input!$D$20=4,K8287*Input!$C$20,0)+IF(Input!$D$21=4,L8287*Input!$C$21,0)+IF(Input!$D$22=4,M8287*Input!$C$22,0)</f>
        <v>0</v>
      </c>
      <c r="R8287" s="58">
        <v>62.261831540941571</v>
      </c>
      <c r="S8287" s="124">
        <f t="shared" si="129"/>
        <v>1.0664229694017573</v>
      </c>
    </row>
    <row r="8288" spans="8:19" x14ac:dyDescent="0.3">
      <c r="H8288" s="44">
        <v>8281</v>
      </c>
      <c r="I8288" s="56">
        <f>Bühler!I8314</f>
        <v>0.22775319068069921</v>
      </c>
      <c r="J8288" s="59">
        <f>Bühler!J8314</f>
        <v>0.75917730226899749</v>
      </c>
      <c r="K8288" s="59">
        <f>Bühler!K8314</f>
        <v>1.1387659534034962</v>
      </c>
      <c r="L8288" s="59">
        <f>Bühler!L8314</f>
        <v>5.4660765763367811</v>
      </c>
      <c r="M8288" s="58">
        <f>Bühler!M8314</f>
        <v>0</v>
      </c>
      <c r="N8288" s="56">
        <f>IF(Input!$D$19=1,J8288*Input!$C$19,0)+IF(Input!$D$20=1,K8288*Input!$C$20,0)+IF(Input!$D$21=1,L8288*Input!$C$21,0)+IF(Input!$D$22=1,M8288*Input!$C$22,0)</f>
        <v>0.22775319068069924</v>
      </c>
      <c r="O8288" s="59">
        <f>IF(Input!$D$19=2,J8288*Input!$C$19,0)+IF(Input!$D$20=2,K8288*Input!$C$20,0)+IF(Input!$D$21=2,L8288*Input!$C$21,0)+IF(Input!$D$22=2,M8288*Input!$C$22,0)</f>
        <v>0.56938297670174809</v>
      </c>
      <c r="P8288" s="59">
        <f>IF(Input!$D$19=3,J8288*Input!$C$19,0)+IF(Input!$D$20=3,K8288*Input!$C$20,0)+IF(Input!$D$21=3,L8288*Input!$C$21,0)+IF(Input!$D$22=3,M8288*Input!$C$22,0)</f>
        <v>0</v>
      </c>
      <c r="Q8288" s="75">
        <f>IF(Input!$D$19=4,J8288*Input!$C$19,0)+IF(Input!$D$20=4,K8288*Input!$C$20,0)+IF(Input!$D$21=4,L8288*Input!$C$21,0)+IF(Input!$D$22=4,M8288*Input!$C$22,0)</f>
        <v>0</v>
      </c>
      <c r="R8288" s="58">
        <v>61.361036695596297</v>
      </c>
      <c r="S8288" s="124">
        <f t="shared" si="129"/>
        <v>0.9869304929496967</v>
      </c>
    </row>
    <row r="8289" spans="8:19" x14ac:dyDescent="0.3">
      <c r="H8289" s="44">
        <v>8282</v>
      </c>
      <c r="I8289" s="56">
        <f>Bühler!I8315</f>
        <v>0.25622233951578666</v>
      </c>
      <c r="J8289" s="59">
        <f>Bühler!J8315</f>
        <v>0.85407446505262219</v>
      </c>
      <c r="K8289" s="59">
        <f>Bühler!K8315</f>
        <v>1.2811116975789332</v>
      </c>
      <c r="L8289" s="59">
        <f>Bühler!L8315</f>
        <v>6.1493361483788789</v>
      </c>
      <c r="M8289" s="58">
        <f>Bühler!M8315</f>
        <v>0</v>
      </c>
      <c r="N8289" s="56">
        <f>IF(Input!$D$19=1,J8289*Input!$C$19,0)+IF(Input!$D$20=1,K8289*Input!$C$20,0)+IF(Input!$D$21=1,L8289*Input!$C$21,0)+IF(Input!$D$22=1,M8289*Input!$C$22,0)</f>
        <v>0.25622233951578666</v>
      </c>
      <c r="O8289" s="59">
        <f>IF(Input!$D$19=2,J8289*Input!$C$19,0)+IF(Input!$D$20=2,K8289*Input!$C$20,0)+IF(Input!$D$21=2,L8289*Input!$C$21,0)+IF(Input!$D$22=2,M8289*Input!$C$22,0)</f>
        <v>0.64055584878946659</v>
      </c>
      <c r="P8289" s="59">
        <f>IF(Input!$D$19=3,J8289*Input!$C$19,0)+IF(Input!$D$20=3,K8289*Input!$C$20,0)+IF(Input!$D$21=3,L8289*Input!$C$21,0)+IF(Input!$D$22=3,M8289*Input!$C$22,0)</f>
        <v>0</v>
      </c>
      <c r="Q8289" s="75">
        <f>IF(Input!$D$19=4,J8289*Input!$C$19,0)+IF(Input!$D$20=4,K8289*Input!$C$20,0)+IF(Input!$D$21=4,L8289*Input!$C$21,0)+IF(Input!$D$22=4,M8289*Input!$C$22,0)</f>
        <v>0</v>
      </c>
      <c r="R8289" s="58">
        <v>61.224717368687998</v>
      </c>
      <c r="S8289" s="124">
        <f t="shared" si="129"/>
        <v>1.1102968045684087</v>
      </c>
    </row>
    <row r="8290" spans="8:19" x14ac:dyDescent="0.3">
      <c r="H8290" s="44">
        <v>8283</v>
      </c>
      <c r="I8290" s="56">
        <f>Bühler!I8316</f>
        <v>0.25622233951578666</v>
      </c>
      <c r="J8290" s="59">
        <f>Bühler!J8316</f>
        <v>0.85407446505262219</v>
      </c>
      <c r="K8290" s="59">
        <f>Bühler!K8316</f>
        <v>1.2811116975789332</v>
      </c>
      <c r="L8290" s="59">
        <f>Bühler!L8316</f>
        <v>6.1493361483788789</v>
      </c>
      <c r="M8290" s="58">
        <f>Bühler!M8316</f>
        <v>0</v>
      </c>
      <c r="N8290" s="56">
        <f>IF(Input!$D$19=1,J8290*Input!$C$19,0)+IF(Input!$D$20=1,K8290*Input!$C$20,0)+IF(Input!$D$21=1,L8290*Input!$C$21,0)+IF(Input!$D$22=1,M8290*Input!$C$22,0)</f>
        <v>0.25622233951578666</v>
      </c>
      <c r="O8290" s="59">
        <f>IF(Input!$D$19=2,J8290*Input!$C$19,0)+IF(Input!$D$20=2,K8290*Input!$C$20,0)+IF(Input!$D$21=2,L8290*Input!$C$21,0)+IF(Input!$D$22=2,M8290*Input!$C$22,0)</f>
        <v>0.64055584878946659</v>
      </c>
      <c r="P8290" s="59">
        <f>IF(Input!$D$19=3,J8290*Input!$C$19,0)+IF(Input!$D$20=3,K8290*Input!$C$20,0)+IF(Input!$D$21=3,L8290*Input!$C$21,0)+IF(Input!$D$22=3,M8290*Input!$C$22,0)</f>
        <v>0</v>
      </c>
      <c r="Q8290" s="75">
        <f>IF(Input!$D$19=4,J8290*Input!$C$19,0)+IF(Input!$D$20=4,K8290*Input!$C$20,0)+IF(Input!$D$21=4,L8290*Input!$C$21,0)+IF(Input!$D$22=4,M8290*Input!$C$22,0)</f>
        <v>0</v>
      </c>
      <c r="R8290" s="58">
        <v>61.67229294278205</v>
      </c>
      <c r="S8290" s="124">
        <f t="shared" si="129"/>
        <v>1.1102968045684087</v>
      </c>
    </row>
    <row r="8291" spans="8:19" x14ac:dyDescent="0.3">
      <c r="H8291" s="44">
        <v>8284</v>
      </c>
      <c r="I8291" s="56">
        <f>Bühler!I8317</f>
        <v>0.25622233951578666</v>
      </c>
      <c r="J8291" s="59">
        <f>Bühler!J8317</f>
        <v>0.85407446505262219</v>
      </c>
      <c r="K8291" s="59">
        <f>Bühler!K8317</f>
        <v>1.2811116975789332</v>
      </c>
      <c r="L8291" s="59">
        <f>Bühler!L8317</f>
        <v>6.1493361483788789</v>
      </c>
      <c r="M8291" s="58">
        <f>Bühler!M8317</f>
        <v>0</v>
      </c>
      <c r="N8291" s="56">
        <f>IF(Input!$D$19=1,J8291*Input!$C$19,0)+IF(Input!$D$20=1,K8291*Input!$C$20,0)+IF(Input!$D$21=1,L8291*Input!$C$21,0)+IF(Input!$D$22=1,M8291*Input!$C$22,0)</f>
        <v>0.25622233951578666</v>
      </c>
      <c r="O8291" s="59">
        <f>IF(Input!$D$19=2,J8291*Input!$C$19,0)+IF(Input!$D$20=2,K8291*Input!$C$20,0)+IF(Input!$D$21=2,L8291*Input!$C$21,0)+IF(Input!$D$22=2,M8291*Input!$C$22,0)</f>
        <v>0.64055584878946659</v>
      </c>
      <c r="P8291" s="59">
        <f>IF(Input!$D$19=3,J8291*Input!$C$19,0)+IF(Input!$D$20=3,K8291*Input!$C$20,0)+IF(Input!$D$21=3,L8291*Input!$C$21,0)+IF(Input!$D$22=3,M8291*Input!$C$22,0)</f>
        <v>0</v>
      </c>
      <c r="Q8291" s="75">
        <f>IF(Input!$D$19=4,J8291*Input!$C$19,0)+IF(Input!$D$20=4,K8291*Input!$C$20,0)+IF(Input!$D$21=4,L8291*Input!$C$21,0)+IF(Input!$D$22=4,M8291*Input!$C$22,0)</f>
        <v>0</v>
      </c>
      <c r="R8291" s="58">
        <v>61.615293468722854</v>
      </c>
      <c r="S8291" s="124">
        <f t="shared" si="129"/>
        <v>1.1102968045684087</v>
      </c>
    </row>
    <row r="8292" spans="8:19" x14ac:dyDescent="0.3">
      <c r="H8292" s="44">
        <v>8285</v>
      </c>
      <c r="I8292" s="56">
        <f>Bühler!I8318</f>
        <v>0.25622233951578666</v>
      </c>
      <c r="J8292" s="59">
        <f>Bühler!J8318</f>
        <v>0.85407446505262219</v>
      </c>
      <c r="K8292" s="59">
        <f>Bühler!K8318</f>
        <v>1.2811116975789332</v>
      </c>
      <c r="L8292" s="59">
        <f>Bühler!L8318</f>
        <v>6.1493361483788789</v>
      </c>
      <c r="M8292" s="58">
        <f>Bühler!M8318</f>
        <v>0</v>
      </c>
      <c r="N8292" s="56">
        <f>IF(Input!$D$19=1,J8292*Input!$C$19,0)+IF(Input!$D$20=1,K8292*Input!$C$20,0)+IF(Input!$D$21=1,L8292*Input!$C$21,0)+IF(Input!$D$22=1,M8292*Input!$C$22,0)</f>
        <v>0.25622233951578666</v>
      </c>
      <c r="O8292" s="59">
        <f>IF(Input!$D$19=2,J8292*Input!$C$19,0)+IF(Input!$D$20=2,K8292*Input!$C$20,0)+IF(Input!$D$21=2,L8292*Input!$C$21,0)+IF(Input!$D$22=2,M8292*Input!$C$22,0)</f>
        <v>0.64055584878946659</v>
      </c>
      <c r="P8292" s="59">
        <f>IF(Input!$D$19=3,J8292*Input!$C$19,0)+IF(Input!$D$20=3,K8292*Input!$C$20,0)+IF(Input!$D$21=3,L8292*Input!$C$21,0)+IF(Input!$D$22=3,M8292*Input!$C$22,0)</f>
        <v>0</v>
      </c>
      <c r="Q8292" s="75">
        <f>IF(Input!$D$19=4,J8292*Input!$C$19,0)+IF(Input!$D$20=4,K8292*Input!$C$20,0)+IF(Input!$D$21=4,L8292*Input!$C$21,0)+IF(Input!$D$22=4,M8292*Input!$C$22,0)</f>
        <v>0</v>
      </c>
      <c r="R8292" s="58">
        <v>62.795813196875336</v>
      </c>
      <c r="S8292" s="124">
        <f t="shared" si="129"/>
        <v>1.1102968045684087</v>
      </c>
    </row>
    <row r="8293" spans="8:19" x14ac:dyDescent="0.3">
      <c r="H8293" s="44">
        <v>8286</v>
      </c>
      <c r="I8293" s="56">
        <f>Bühler!I8319</f>
        <v>0.33024212648701384</v>
      </c>
      <c r="J8293" s="59">
        <f>Bühler!J8319</f>
        <v>1.1008070882900463</v>
      </c>
      <c r="K8293" s="59">
        <f>Bühler!K8319</f>
        <v>1.6512106324350693</v>
      </c>
      <c r="L8293" s="59">
        <f>Bühler!L8319</f>
        <v>7.9258110356883327</v>
      </c>
      <c r="M8293" s="58">
        <f>Bühler!M8319</f>
        <v>0</v>
      </c>
      <c r="N8293" s="56">
        <f>IF(Input!$D$19=1,J8293*Input!$C$19,0)+IF(Input!$D$20=1,K8293*Input!$C$20,0)+IF(Input!$D$21=1,L8293*Input!$C$21,0)+IF(Input!$D$22=1,M8293*Input!$C$22,0)</f>
        <v>0.33024212648701384</v>
      </c>
      <c r="O8293" s="59">
        <f>IF(Input!$D$19=2,J8293*Input!$C$19,0)+IF(Input!$D$20=2,K8293*Input!$C$20,0)+IF(Input!$D$21=2,L8293*Input!$C$21,0)+IF(Input!$D$22=2,M8293*Input!$C$22,0)</f>
        <v>0.82560531621753463</v>
      </c>
      <c r="P8293" s="59">
        <f>IF(Input!$D$19=3,J8293*Input!$C$19,0)+IF(Input!$D$20=3,K8293*Input!$C$20,0)+IF(Input!$D$21=3,L8293*Input!$C$21,0)+IF(Input!$D$22=3,M8293*Input!$C$22,0)</f>
        <v>0</v>
      </c>
      <c r="Q8293" s="75">
        <f>IF(Input!$D$19=4,J8293*Input!$C$19,0)+IF(Input!$D$20=4,K8293*Input!$C$20,0)+IF(Input!$D$21=4,L8293*Input!$C$21,0)+IF(Input!$D$22=4,M8293*Input!$C$22,0)</f>
        <v>0</v>
      </c>
      <c r="R8293" s="58">
        <v>65.653293902418625</v>
      </c>
      <c r="S8293" s="124">
        <f t="shared" si="129"/>
        <v>1.4310492147770602</v>
      </c>
    </row>
    <row r="8294" spans="8:19" x14ac:dyDescent="0.3">
      <c r="H8294" s="44">
        <v>8287</v>
      </c>
      <c r="I8294" s="56">
        <f>Bühler!I8320</f>
        <v>0.38148659439017124</v>
      </c>
      <c r="J8294" s="59">
        <f>Bühler!J8320</f>
        <v>1.2716219813005709</v>
      </c>
      <c r="K8294" s="59">
        <f>Bühler!K8320</f>
        <v>1.907432971950856</v>
      </c>
      <c r="L8294" s="59">
        <f>Bühler!L8320</f>
        <v>9.1556782653641093</v>
      </c>
      <c r="M8294" s="58">
        <f>Bühler!M8320</f>
        <v>0</v>
      </c>
      <c r="N8294" s="56">
        <f>IF(Input!$D$19=1,J8294*Input!$C$19,0)+IF(Input!$D$20=1,K8294*Input!$C$20,0)+IF(Input!$D$21=1,L8294*Input!$C$21,0)+IF(Input!$D$22=1,M8294*Input!$C$22,0)</f>
        <v>0.38148659439017124</v>
      </c>
      <c r="O8294" s="59">
        <f>IF(Input!$D$19=2,J8294*Input!$C$19,0)+IF(Input!$D$20=2,K8294*Input!$C$20,0)+IF(Input!$D$21=2,L8294*Input!$C$21,0)+IF(Input!$D$22=2,M8294*Input!$C$22,0)</f>
        <v>0.95371648597542802</v>
      </c>
      <c r="P8294" s="59">
        <f>IF(Input!$D$19=3,J8294*Input!$C$19,0)+IF(Input!$D$20=3,K8294*Input!$C$20,0)+IF(Input!$D$21=3,L8294*Input!$C$21,0)+IF(Input!$D$22=3,M8294*Input!$C$22,0)</f>
        <v>0</v>
      </c>
      <c r="Q8294" s="75">
        <f>IF(Input!$D$19=4,J8294*Input!$C$19,0)+IF(Input!$D$20=4,K8294*Input!$C$20,0)+IF(Input!$D$21=4,L8294*Input!$C$21,0)+IF(Input!$D$22=4,M8294*Input!$C$22,0)</f>
        <v>0</v>
      </c>
      <c r="R8294" s="58">
        <v>69.440338516425825</v>
      </c>
      <c r="S8294" s="124">
        <f t="shared" si="129"/>
        <v>1.6531085756907422</v>
      </c>
    </row>
    <row r="8295" spans="8:19" x14ac:dyDescent="0.3">
      <c r="H8295" s="44">
        <v>8288</v>
      </c>
      <c r="I8295" s="56">
        <f>Bühler!I8321</f>
        <v>0.38148659439017124</v>
      </c>
      <c r="J8295" s="59">
        <f>Bühler!J8321</f>
        <v>1.2716219813005709</v>
      </c>
      <c r="K8295" s="59">
        <f>Bühler!K8321</f>
        <v>1.907432971950856</v>
      </c>
      <c r="L8295" s="59">
        <f>Bühler!L8321</f>
        <v>9.1556782653641093</v>
      </c>
      <c r="M8295" s="58">
        <f>Bühler!M8321</f>
        <v>0</v>
      </c>
      <c r="N8295" s="56">
        <f>IF(Input!$D$19=1,J8295*Input!$C$19,0)+IF(Input!$D$20=1,K8295*Input!$C$20,0)+IF(Input!$D$21=1,L8295*Input!$C$21,0)+IF(Input!$D$22=1,M8295*Input!$C$22,0)</f>
        <v>0.38148659439017124</v>
      </c>
      <c r="O8295" s="59">
        <f>IF(Input!$D$19=2,J8295*Input!$C$19,0)+IF(Input!$D$20=2,K8295*Input!$C$20,0)+IF(Input!$D$21=2,L8295*Input!$C$21,0)+IF(Input!$D$22=2,M8295*Input!$C$22,0)</f>
        <v>0.95371648597542802</v>
      </c>
      <c r="P8295" s="59">
        <f>IF(Input!$D$19=3,J8295*Input!$C$19,0)+IF(Input!$D$20=3,K8295*Input!$C$20,0)+IF(Input!$D$21=3,L8295*Input!$C$21,0)+IF(Input!$D$22=3,M8295*Input!$C$22,0)</f>
        <v>0</v>
      </c>
      <c r="Q8295" s="75">
        <f>IF(Input!$D$19=4,J8295*Input!$C$19,0)+IF(Input!$D$20=4,K8295*Input!$C$20,0)+IF(Input!$D$21=4,L8295*Input!$C$21,0)+IF(Input!$D$22=4,M8295*Input!$C$22,0)</f>
        <v>0</v>
      </c>
      <c r="R8295" s="58">
        <v>70.924191913229507</v>
      </c>
      <c r="S8295" s="124">
        <f t="shared" si="129"/>
        <v>1.6531085756907422</v>
      </c>
    </row>
    <row r="8296" spans="8:19" x14ac:dyDescent="0.3">
      <c r="H8296" s="44">
        <v>8289</v>
      </c>
      <c r="I8296" s="56">
        <f>Bühler!I8322</f>
        <v>0.38148659439017124</v>
      </c>
      <c r="J8296" s="59">
        <f>Bühler!J8322</f>
        <v>1.2716219813005709</v>
      </c>
      <c r="K8296" s="59">
        <f>Bühler!K8322</f>
        <v>1.907432971950856</v>
      </c>
      <c r="L8296" s="59">
        <f>Bühler!L8322</f>
        <v>9.1556782653641093</v>
      </c>
      <c r="M8296" s="58">
        <f>Bühler!M8322</f>
        <v>0</v>
      </c>
      <c r="N8296" s="56">
        <f>IF(Input!$D$19=1,J8296*Input!$C$19,0)+IF(Input!$D$20=1,K8296*Input!$C$20,0)+IF(Input!$D$21=1,L8296*Input!$C$21,0)+IF(Input!$D$22=1,M8296*Input!$C$22,0)</f>
        <v>0.38148659439017124</v>
      </c>
      <c r="O8296" s="59">
        <f>IF(Input!$D$19=2,J8296*Input!$C$19,0)+IF(Input!$D$20=2,K8296*Input!$C$20,0)+IF(Input!$D$21=2,L8296*Input!$C$21,0)+IF(Input!$D$22=2,M8296*Input!$C$22,0)</f>
        <v>0.95371648597542802</v>
      </c>
      <c r="P8296" s="59">
        <f>IF(Input!$D$19=3,J8296*Input!$C$19,0)+IF(Input!$D$20=3,K8296*Input!$C$20,0)+IF(Input!$D$21=3,L8296*Input!$C$21,0)+IF(Input!$D$22=3,M8296*Input!$C$22,0)</f>
        <v>0</v>
      </c>
      <c r="Q8296" s="75">
        <f>IF(Input!$D$19=4,J8296*Input!$C$19,0)+IF(Input!$D$20=4,K8296*Input!$C$20,0)+IF(Input!$D$21=4,L8296*Input!$C$21,0)+IF(Input!$D$22=4,M8296*Input!$C$22,0)</f>
        <v>0</v>
      </c>
      <c r="R8296" s="58">
        <v>71.644623579076523</v>
      </c>
      <c r="S8296" s="124">
        <f t="shared" si="129"/>
        <v>1.6531085756907422</v>
      </c>
    </row>
    <row r="8297" spans="8:19" x14ac:dyDescent="0.3">
      <c r="H8297" s="44">
        <v>8290</v>
      </c>
      <c r="I8297" s="56">
        <f>Bühler!I8323</f>
        <v>0.40995574322525857</v>
      </c>
      <c r="J8297" s="59">
        <f>Bühler!J8323</f>
        <v>1.3665191440841955</v>
      </c>
      <c r="K8297" s="59">
        <f>Bühler!K8323</f>
        <v>2.0497787161262928</v>
      </c>
      <c r="L8297" s="59">
        <f>Bühler!L8323</f>
        <v>9.8389378374062062</v>
      </c>
      <c r="M8297" s="58">
        <f>Bühler!M8323</f>
        <v>0</v>
      </c>
      <c r="N8297" s="56">
        <f>IF(Input!$D$19=1,J8297*Input!$C$19,0)+IF(Input!$D$20=1,K8297*Input!$C$20,0)+IF(Input!$D$21=1,L8297*Input!$C$21,0)+IF(Input!$D$22=1,M8297*Input!$C$22,0)</f>
        <v>0.40995574322525863</v>
      </c>
      <c r="O8297" s="59">
        <f>IF(Input!$D$19=2,J8297*Input!$C$19,0)+IF(Input!$D$20=2,K8297*Input!$C$20,0)+IF(Input!$D$21=2,L8297*Input!$C$21,0)+IF(Input!$D$22=2,M8297*Input!$C$22,0)</f>
        <v>1.0248893580631464</v>
      </c>
      <c r="P8297" s="59">
        <f>IF(Input!$D$19=3,J8297*Input!$C$19,0)+IF(Input!$D$20=3,K8297*Input!$C$20,0)+IF(Input!$D$21=3,L8297*Input!$C$21,0)+IF(Input!$D$22=3,M8297*Input!$C$22,0)</f>
        <v>0</v>
      </c>
      <c r="Q8297" s="75">
        <f>IF(Input!$D$19=4,J8297*Input!$C$19,0)+IF(Input!$D$20=4,K8297*Input!$C$20,0)+IF(Input!$D$21=4,L8297*Input!$C$21,0)+IF(Input!$D$22=4,M8297*Input!$C$22,0)</f>
        <v>0</v>
      </c>
      <c r="R8297" s="58">
        <v>71.721062918646723</v>
      </c>
      <c r="S8297" s="124">
        <f t="shared" si="129"/>
        <v>1.776474887309454</v>
      </c>
    </row>
    <row r="8298" spans="8:19" x14ac:dyDescent="0.3">
      <c r="H8298" s="44">
        <v>8291</v>
      </c>
      <c r="I8298" s="56">
        <f>Bühler!I8324</f>
        <v>0.44411872182736345</v>
      </c>
      <c r="J8298" s="59">
        <f>Bühler!J8324</f>
        <v>1.4803957394245451</v>
      </c>
      <c r="K8298" s="59">
        <f>Bühler!K8324</f>
        <v>2.2205936091368175</v>
      </c>
      <c r="L8298" s="59">
        <f>Bühler!L8324</f>
        <v>10.658849323856723</v>
      </c>
      <c r="M8298" s="58">
        <f>Bühler!M8324</f>
        <v>0</v>
      </c>
      <c r="N8298" s="56">
        <f>IF(Input!$D$19=1,J8298*Input!$C$19,0)+IF(Input!$D$20=1,K8298*Input!$C$20,0)+IF(Input!$D$21=1,L8298*Input!$C$21,0)+IF(Input!$D$22=1,M8298*Input!$C$22,0)</f>
        <v>0.44411872182736351</v>
      </c>
      <c r="O8298" s="59">
        <f>IF(Input!$D$19=2,J8298*Input!$C$19,0)+IF(Input!$D$20=2,K8298*Input!$C$20,0)+IF(Input!$D$21=2,L8298*Input!$C$21,0)+IF(Input!$D$22=2,M8298*Input!$C$22,0)</f>
        <v>1.1102968045684087</v>
      </c>
      <c r="P8298" s="59">
        <f>IF(Input!$D$19=3,J8298*Input!$C$19,0)+IF(Input!$D$20=3,K8298*Input!$C$20,0)+IF(Input!$D$21=3,L8298*Input!$C$21,0)+IF(Input!$D$22=3,M8298*Input!$C$22,0)</f>
        <v>0</v>
      </c>
      <c r="Q8298" s="75">
        <f>IF(Input!$D$19=4,J8298*Input!$C$19,0)+IF(Input!$D$20=4,K8298*Input!$C$20,0)+IF(Input!$D$21=4,L8298*Input!$C$21,0)+IF(Input!$D$22=4,M8298*Input!$C$22,0)</f>
        <v>0</v>
      </c>
      <c r="R8298" s="58">
        <v>72.057161773688449</v>
      </c>
      <c r="S8298" s="124">
        <f t="shared" si="129"/>
        <v>1.9245144612519085</v>
      </c>
    </row>
    <row r="8299" spans="8:19" x14ac:dyDescent="0.3">
      <c r="H8299" s="44">
        <v>8292</v>
      </c>
      <c r="I8299" s="56">
        <f>Bühler!I8325</f>
        <v>0.51244467903157331</v>
      </c>
      <c r="J8299" s="59">
        <f>Bühler!J8325</f>
        <v>1.7081489301052444</v>
      </c>
      <c r="K8299" s="59">
        <f>Bühler!K8325</f>
        <v>2.5622233951578663</v>
      </c>
      <c r="L8299" s="59">
        <f>Bühler!L8325</f>
        <v>12.298672296757758</v>
      </c>
      <c r="M8299" s="58">
        <f>Bühler!M8325</f>
        <v>0</v>
      </c>
      <c r="N8299" s="56">
        <f>IF(Input!$D$19=1,J8299*Input!$C$19,0)+IF(Input!$D$20=1,K8299*Input!$C$20,0)+IF(Input!$D$21=1,L8299*Input!$C$21,0)+IF(Input!$D$22=1,M8299*Input!$C$22,0)</f>
        <v>0.51244467903157331</v>
      </c>
      <c r="O8299" s="59">
        <f>IF(Input!$D$19=2,J8299*Input!$C$19,0)+IF(Input!$D$20=2,K8299*Input!$C$20,0)+IF(Input!$D$21=2,L8299*Input!$C$21,0)+IF(Input!$D$22=2,M8299*Input!$C$22,0)</f>
        <v>1.2811116975789332</v>
      </c>
      <c r="P8299" s="59">
        <f>IF(Input!$D$19=3,J8299*Input!$C$19,0)+IF(Input!$D$20=3,K8299*Input!$C$20,0)+IF(Input!$D$21=3,L8299*Input!$C$21,0)+IF(Input!$D$22=3,M8299*Input!$C$22,0)</f>
        <v>0</v>
      </c>
      <c r="Q8299" s="75">
        <f>IF(Input!$D$19=4,J8299*Input!$C$19,0)+IF(Input!$D$20=4,K8299*Input!$C$20,0)+IF(Input!$D$21=4,L8299*Input!$C$21,0)+IF(Input!$D$22=4,M8299*Input!$C$22,0)</f>
        <v>0</v>
      </c>
      <c r="R8299" s="58">
        <v>71.531288693398267</v>
      </c>
      <c r="S8299" s="124">
        <f t="shared" si="129"/>
        <v>2.2205936091368175</v>
      </c>
    </row>
    <row r="8300" spans="8:19" x14ac:dyDescent="0.3">
      <c r="H8300" s="44">
        <v>8293</v>
      </c>
      <c r="I8300" s="56">
        <f>Bühler!I8326</f>
        <v>0.51244467903157331</v>
      </c>
      <c r="J8300" s="59">
        <f>Bühler!J8326</f>
        <v>1.7081489301052444</v>
      </c>
      <c r="K8300" s="59">
        <f>Bühler!K8326</f>
        <v>2.5622233951578663</v>
      </c>
      <c r="L8300" s="59">
        <f>Bühler!L8326</f>
        <v>12.298672296757758</v>
      </c>
      <c r="M8300" s="58">
        <f>Bühler!M8326</f>
        <v>0</v>
      </c>
      <c r="N8300" s="56">
        <f>IF(Input!$D$19=1,J8300*Input!$C$19,0)+IF(Input!$D$20=1,K8300*Input!$C$20,0)+IF(Input!$D$21=1,L8300*Input!$C$21,0)+IF(Input!$D$22=1,M8300*Input!$C$22,0)</f>
        <v>0.51244467903157331</v>
      </c>
      <c r="O8300" s="59">
        <f>IF(Input!$D$19=2,J8300*Input!$C$19,0)+IF(Input!$D$20=2,K8300*Input!$C$20,0)+IF(Input!$D$21=2,L8300*Input!$C$21,0)+IF(Input!$D$22=2,M8300*Input!$C$22,0)</f>
        <v>1.2811116975789332</v>
      </c>
      <c r="P8300" s="59">
        <f>IF(Input!$D$19=3,J8300*Input!$C$19,0)+IF(Input!$D$20=3,K8300*Input!$C$20,0)+IF(Input!$D$21=3,L8300*Input!$C$21,0)+IF(Input!$D$22=3,M8300*Input!$C$22,0)</f>
        <v>0</v>
      </c>
      <c r="Q8300" s="75">
        <f>IF(Input!$D$19=4,J8300*Input!$C$19,0)+IF(Input!$D$20=4,K8300*Input!$C$20,0)+IF(Input!$D$21=4,L8300*Input!$C$21,0)+IF(Input!$D$22=4,M8300*Input!$C$22,0)</f>
        <v>0</v>
      </c>
      <c r="R8300" s="58">
        <v>70.87247891125665</v>
      </c>
      <c r="S8300" s="124">
        <f t="shared" si="129"/>
        <v>2.2205936091368175</v>
      </c>
    </row>
    <row r="8301" spans="8:19" x14ac:dyDescent="0.3">
      <c r="H8301" s="44">
        <v>8294</v>
      </c>
      <c r="I8301" s="56">
        <f>Bühler!I8327</f>
        <v>0.51244467903157331</v>
      </c>
      <c r="J8301" s="59">
        <f>Bühler!J8327</f>
        <v>1.7081489301052444</v>
      </c>
      <c r="K8301" s="59">
        <f>Bühler!K8327</f>
        <v>2.5622233951578663</v>
      </c>
      <c r="L8301" s="59">
        <f>Bühler!L8327</f>
        <v>12.298672296757758</v>
      </c>
      <c r="M8301" s="58">
        <f>Bühler!M8327</f>
        <v>0</v>
      </c>
      <c r="N8301" s="56">
        <f>IF(Input!$D$19=1,J8301*Input!$C$19,0)+IF(Input!$D$20=1,K8301*Input!$C$20,0)+IF(Input!$D$21=1,L8301*Input!$C$21,0)+IF(Input!$D$22=1,M8301*Input!$C$22,0)</f>
        <v>0.51244467903157331</v>
      </c>
      <c r="O8301" s="59">
        <f>IF(Input!$D$19=2,J8301*Input!$C$19,0)+IF(Input!$D$20=2,K8301*Input!$C$20,0)+IF(Input!$D$21=2,L8301*Input!$C$21,0)+IF(Input!$D$22=2,M8301*Input!$C$22,0)</f>
        <v>1.2811116975789332</v>
      </c>
      <c r="P8301" s="59">
        <f>IF(Input!$D$19=3,J8301*Input!$C$19,0)+IF(Input!$D$20=3,K8301*Input!$C$20,0)+IF(Input!$D$21=3,L8301*Input!$C$21,0)+IF(Input!$D$22=3,M8301*Input!$C$22,0)</f>
        <v>0</v>
      </c>
      <c r="Q8301" s="75">
        <f>IF(Input!$D$19=4,J8301*Input!$C$19,0)+IF(Input!$D$20=4,K8301*Input!$C$20,0)+IF(Input!$D$21=4,L8301*Input!$C$21,0)+IF(Input!$D$22=4,M8301*Input!$C$22,0)</f>
        <v>0</v>
      </c>
      <c r="R8301" s="58">
        <v>70.658282439856393</v>
      </c>
      <c r="S8301" s="124">
        <f t="shared" si="129"/>
        <v>2.2205936091368175</v>
      </c>
    </row>
    <row r="8302" spans="8:19" x14ac:dyDescent="0.3">
      <c r="H8302" s="44">
        <v>8295</v>
      </c>
      <c r="I8302" s="56">
        <f>Bühler!I8328</f>
        <v>0.51244467903157331</v>
      </c>
      <c r="J8302" s="59">
        <f>Bühler!J8328</f>
        <v>1.7081489301052444</v>
      </c>
      <c r="K8302" s="59">
        <f>Bühler!K8328</f>
        <v>2.5622233951578663</v>
      </c>
      <c r="L8302" s="59">
        <f>Bühler!L8328</f>
        <v>12.298672296757758</v>
      </c>
      <c r="M8302" s="58">
        <f>Bühler!M8328</f>
        <v>0</v>
      </c>
      <c r="N8302" s="56">
        <f>IF(Input!$D$19=1,J8302*Input!$C$19,0)+IF(Input!$D$20=1,K8302*Input!$C$20,0)+IF(Input!$D$21=1,L8302*Input!$C$21,0)+IF(Input!$D$22=1,M8302*Input!$C$22,0)</f>
        <v>0.51244467903157331</v>
      </c>
      <c r="O8302" s="59">
        <f>IF(Input!$D$19=2,J8302*Input!$C$19,0)+IF(Input!$D$20=2,K8302*Input!$C$20,0)+IF(Input!$D$21=2,L8302*Input!$C$21,0)+IF(Input!$D$22=2,M8302*Input!$C$22,0)</f>
        <v>1.2811116975789332</v>
      </c>
      <c r="P8302" s="59">
        <f>IF(Input!$D$19=3,J8302*Input!$C$19,0)+IF(Input!$D$20=3,K8302*Input!$C$20,0)+IF(Input!$D$21=3,L8302*Input!$C$21,0)+IF(Input!$D$22=3,M8302*Input!$C$22,0)</f>
        <v>0</v>
      </c>
      <c r="Q8302" s="75">
        <f>IF(Input!$D$19=4,J8302*Input!$C$19,0)+IF(Input!$D$20=4,K8302*Input!$C$20,0)+IF(Input!$D$21=4,L8302*Input!$C$21,0)+IF(Input!$D$22=4,M8302*Input!$C$22,0)</f>
        <v>0</v>
      </c>
      <c r="R8302" s="58">
        <v>70.730820037477969</v>
      </c>
      <c r="S8302" s="124">
        <f t="shared" si="129"/>
        <v>2.2205936091368175</v>
      </c>
    </row>
    <row r="8303" spans="8:19" x14ac:dyDescent="0.3">
      <c r="H8303" s="44">
        <v>8296</v>
      </c>
      <c r="I8303" s="56">
        <f>Bühler!I8329</f>
        <v>0.51244467903157331</v>
      </c>
      <c r="J8303" s="59">
        <f>Bühler!J8329</f>
        <v>1.7081489301052444</v>
      </c>
      <c r="K8303" s="59">
        <f>Bühler!K8329</f>
        <v>2.5622233951578663</v>
      </c>
      <c r="L8303" s="59">
        <f>Bühler!L8329</f>
        <v>12.298672296757758</v>
      </c>
      <c r="M8303" s="58">
        <f>Bühler!M8329</f>
        <v>0</v>
      </c>
      <c r="N8303" s="56">
        <f>IF(Input!$D$19=1,J8303*Input!$C$19,0)+IF(Input!$D$20=1,K8303*Input!$C$20,0)+IF(Input!$D$21=1,L8303*Input!$C$21,0)+IF(Input!$D$22=1,M8303*Input!$C$22,0)</f>
        <v>0.51244467903157331</v>
      </c>
      <c r="O8303" s="59">
        <f>IF(Input!$D$19=2,J8303*Input!$C$19,0)+IF(Input!$D$20=2,K8303*Input!$C$20,0)+IF(Input!$D$21=2,L8303*Input!$C$21,0)+IF(Input!$D$22=2,M8303*Input!$C$22,0)</f>
        <v>1.2811116975789332</v>
      </c>
      <c r="P8303" s="59">
        <f>IF(Input!$D$19=3,J8303*Input!$C$19,0)+IF(Input!$D$20=3,K8303*Input!$C$20,0)+IF(Input!$D$21=3,L8303*Input!$C$21,0)+IF(Input!$D$22=3,M8303*Input!$C$22,0)</f>
        <v>0</v>
      </c>
      <c r="Q8303" s="75">
        <f>IF(Input!$D$19=4,J8303*Input!$C$19,0)+IF(Input!$D$20=4,K8303*Input!$C$20,0)+IF(Input!$D$21=4,L8303*Input!$C$21,0)+IF(Input!$D$22=4,M8303*Input!$C$22,0)</f>
        <v>0</v>
      </c>
      <c r="R8303" s="58">
        <v>69.94563848845857</v>
      </c>
      <c r="S8303" s="124">
        <f t="shared" si="129"/>
        <v>2.2205936091368175</v>
      </c>
    </row>
    <row r="8304" spans="8:19" x14ac:dyDescent="0.3">
      <c r="H8304" s="44">
        <v>8297</v>
      </c>
      <c r="I8304" s="56">
        <f>Bühler!I8330</f>
        <v>0.51244467903157331</v>
      </c>
      <c r="J8304" s="59">
        <f>Bühler!J8330</f>
        <v>1.7081489301052444</v>
      </c>
      <c r="K8304" s="59">
        <f>Bühler!K8330</f>
        <v>2.5622233951578663</v>
      </c>
      <c r="L8304" s="59">
        <f>Bühler!L8330</f>
        <v>12.298672296757758</v>
      </c>
      <c r="M8304" s="58">
        <f>Bühler!M8330</f>
        <v>0</v>
      </c>
      <c r="N8304" s="56">
        <f>IF(Input!$D$19=1,J8304*Input!$C$19,0)+IF(Input!$D$20=1,K8304*Input!$C$20,0)+IF(Input!$D$21=1,L8304*Input!$C$21,0)+IF(Input!$D$22=1,M8304*Input!$C$22,0)</f>
        <v>0.51244467903157331</v>
      </c>
      <c r="O8304" s="59">
        <f>IF(Input!$D$19=2,J8304*Input!$C$19,0)+IF(Input!$D$20=2,K8304*Input!$C$20,0)+IF(Input!$D$21=2,L8304*Input!$C$21,0)+IF(Input!$D$22=2,M8304*Input!$C$22,0)</f>
        <v>1.2811116975789332</v>
      </c>
      <c r="P8304" s="59">
        <f>IF(Input!$D$19=3,J8304*Input!$C$19,0)+IF(Input!$D$20=3,K8304*Input!$C$20,0)+IF(Input!$D$21=3,L8304*Input!$C$21,0)+IF(Input!$D$22=3,M8304*Input!$C$22,0)</f>
        <v>0</v>
      </c>
      <c r="Q8304" s="75">
        <f>IF(Input!$D$19=4,J8304*Input!$C$19,0)+IF(Input!$D$20=4,K8304*Input!$C$20,0)+IF(Input!$D$21=4,L8304*Input!$C$21,0)+IF(Input!$D$22=4,M8304*Input!$C$22,0)</f>
        <v>0</v>
      </c>
      <c r="R8304" s="58">
        <v>68.875313270246608</v>
      </c>
      <c r="S8304" s="124">
        <f t="shared" si="129"/>
        <v>2.2205936091368175</v>
      </c>
    </row>
    <row r="8305" spans="8:19" x14ac:dyDescent="0.3">
      <c r="H8305" s="44">
        <v>8298</v>
      </c>
      <c r="I8305" s="56">
        <f>Bühler!I8331</f>
        <v>0.51244467903157331</v>
      </c>
      <c r="J8305" s="59">
        <f>Bühler!J8331</f>
        <v>1.7081489301052444</v>
      </c>
      <c r="K8305" s="59">
        <f>Bühler!K8331</f>
        <v>2.5622233951578663</v>
      </c>
      <c r="L8305" s="59">
        <f>Bühler!L8331</f>
        <v>12.298672296757758</v>
      </c>
      <c r="M8305" s="58">
        <f>Bühler!M8331</f>
        <v>0</v>
      </c>
      <c r="N8305" s="56">
        <f>IF(Input!$D$19=1,J8305*Input!$C$19,0)+IF(Input!$D$20=1,K8305*Input!$C$20,0)+IF(Input!$D$21=1,L8305*Input!$C$21,0)+IF(Input!$D$22=1,M8305*Input!$C$22,0)</f>
        <v>0.51244467903157331</v>
      </c>
      <c r="O8305" s="59">
        <f>IF(Input!$D$19=2,J8305*Input!$C$19,0)+IF(Input!$D$20=2,K8305*Input!$C$20,0)+IF(Input!$D$21=2,L8305*Input!$C$21,0)+IF(Input!$D$22=2,M8305*Input!$C$22,0)</f>
        <v>1.2811116975789332</v>
      </c>
      <c r="P8305" s="59">
        <f>IF(Input!$D$19=3,J8305*Input!$C$19,0)+IF(Input!$D$20=3,K8305*Input!$C$20,0)+IF(Input!$D$21=3,L8305*Input!$C$21,0)+IF(Input!$D$22=3,M8305*Input!$C$22,0)</f>
        <v>0</v>
      </c>
      <c r="Q8305" s="75">
        <f>IF(Input!$D$19=4,J8305*Input!$C$19,0)+IF(Input!$D$20=4,K8305*Input!$C$20,0)+IF(Input!$D$21=4,L8305*Input!$C$21,0)+IF(Input!$D$22=4,M8305*Input!$C$22,0)</f>
        <v>0</v>
      </c>
      <c r="R8305" s="58">
        <v>67.876955438968338</v>
      </c>
      <c r="S8305" s="124">
        <f t="shared" si="129"/>
        <v>2.2205936091368175</v>
      </c>
    </row>
    <row r="8306" spans="8:19" x14ac:dyDescent="0.3">
      <c r="H8306" s="44">
        <v>8299</v>
      </c>
      <c r="I8306" s="56">
        <f>Bühler!I8332</f>
        <v>0.51244467903157331</v>
      </c>
      <c r="J8306" s="59">
        <f>Bühler!J8332</f>
        <v>1.7081489301052444</v>
      </c>
      <c r="K8306" s="59">
        <f>Bühler!K8332</f>
        <v>2.5622233951578663</v>
      </c>
      <c r="L8306" s="59">
        <f>Bühler!L8332</f>
        <v>12.298672296757758</v>
      </c>
      <c r="M8306" s="58">
        <f>Bühler!M8332</f>
        <v>0</v>
      </c>
      <c r="N8306" s="56">
        <f>IF(Input!$D$19=1,J8306*Input!$C$19,0)+IF(Input!$D$20=1,K8306*Input!$C$20,0)+IF(Input!$D$21=1,L8306*Input!$C$21,0)+IF(Input!$D$22=1,M8306*Input!$C$22,0)</f>
        <v>0.51244467903157331</v>
      </c>
      <c r="O8306" s="59">
        <f>IF(Input!$D$19=2,J8306*Input!$C$19,0)+IF(Input!$D$20=2,K8306*Input!$C$20,0)+IF(Input!$D$21=2,L8306*Input!$C$21,0)+IF(Input!$D$22=2,M8306*Input!$C$22,0)</f>
        <v>1.2811116975789332</v>
      </c>
      <c r="P8306" s="59">
        <f>IF(Input!$D$19=3,J8306*Input!$C$19,0)+IF(Input!$D$20=3,K8306*Input!$C$20,0)+IF(Input!$D$21=3,L8306*Input!$C$21,0)+IF(Input!$D$22=3,M8306*Input!$C$22,0)</f>
        <v>0</v>
      </c>
      <c r="Q8306" s="75">
        <f>IF(Input!$D$19=4,J8306*Input!$C$19,0)+IF(Input!$D$20=4,K8306*Input!$C$20,0)+IF(Input!$D$21=4,L8306*Input!$C$21,0)+IF(Input!$D$22=4,M8306*Input!$C$22,0)</f>
        <v>0</v>
      </c>
      <c r="R8306" s="58">
        <v>66.207380408149376</v>
      </c>
      <c r="S8306" s="124">
        <f t="shared" si="129"/>
        <v>2.2205936091368175</v>
      </c>
    </row>
    <row r="8307" spans="8:19" x14ac:dyDescent="0.3">
      <c r="H8307" s="44">
        <v>8300</v>
      </c>
      <c r="I8307" s="56">
        <f>Bühler!I8333</f>
        <v>0.42703723252631104</v>
      </c>
      <c r="J8307" s="59">
        <f>Bühler!J8333</f>
        <v>1.4234574417543702</v>
      </c>
      <c r="K8307" s="59">
        <f>Bühler!K8333</f>
        <v>2.1351861626315549</v>
      </c>
      <c r="L8307" s="59">
        <f>Bühler!L8333</f>
        <v>10.248893580631465</v>
      </c>
      <c r="M8307" s="58">
        <f>Bühler!M8333</f>
        <v>0</v>
      </c>
      <c r="N8307" s="56">
        <f>IF(Input!$D$19=1,J8307*Input!$C$19,0)+IF(Input!$D$20=1,K8307*Input!$C$20,0)+IF(Input!$D$21=1,L8307*Input!$C$21,0)+IF(Input!$D$22=1,M8307*Input!$C$22,0)</f>
        <v>0.42703723252631104</v>
      </c>
      <c r="O8307" s="59">
        <f>IF(Input!$D$19=2,J8307*Input!$C$19,0)+IF(Input!$D$20=2,K8307*Input!$C$20,0)+IF(Input!$D$21=2,L8307*Input!$C$21,0)+IF(Input!$D$22=2,M8307*Input!$C$22,0)</f>
        <v>1.0675930813157775</v>
      </c>
      <c r="P8307" s="59">
        <f>IF(Input!$D$19=3,J8307*Input!$C$19,0)+IF(Input!$D$20=3,K8307*Input!$C$20,0)+IF(Input!$D$21=3,L8307*Input!$C$21,0)+IF(Input!$D$22=3,M8307*Input!$C$22,0)</f>
        <v>0</v>
      </c>
      <c r="Q8307" s="75">
        <f>IF(Input!$D$19=4,J8307*Input!$C$19,0)+IF(Input!$D$20=4,K8307*Input!$C$20,0)+IF(Input!$D$21=4,L8307*Input!$C$21,0)+IF(Input!$D$22=4,M8307*Input!$C$22,0)</f>
        <v>0</v>
      </c>
      <c r="R8307" s="58">
        <v>65.127000597720496</v>
      </c>
      <c r="S8307" s="124">
        <f t="shared" si="129"/>
        <v>1.8504946742806812</v>
      </c>
    </row>
    <row r="8308" spans="8:19" x14ac:dyDescent="0.3">
      <c r="H8308" s="44">
        <v>8301</v>
      </c>
      <c r="I8308" s="56">
        <f>Bühler!I8334</f>
        <v>0.34162978602104882</v>
      </c>
      <c r="J8308" s="59">
        <f>Bühler!J8334</f>
        <v>1.1387659534034962</v>
      </c>
      <c r="K8308" s="59">
        <f>Bühler!K8334</f>
        <v>1.7081489301052442</v>
      </c>
      <c r="L8308" s="59">
        <f>Bühler!L8334</f>
        <v>8.1991148645051712</v>
      </c>
      <c r="M8308" s="58">
        <f>Bühler!M8334</f>
        <v>0</v>
      </c>
      <c r="N8308" s="56">
        <f>IF(Input!$D$19=1,J8308*Input!$C$19,0)+IF(Input!$D$20=1,K8308*Input!$C$20,0)+IF(Input!$D$21=1,L8308*Input!$C$21,0)+IF(Input!$D$22=1,M8308*Input!$C$22,0)</f>
        <v>0.34162978602104882</v>
      </c>
      <c r="O8308" s="59">
        <f>IF(Input!$D$19=2,J8308*Input!$C$19,0)+IF(Input!$D$20=2,K8308*Input!$C$20,0)+IF(Input!$D$21=2,L8308*Input!$C$21,0)+IF(Input!$D$22=2,M8308*Input!$C$22,0)</f>
        <v>0.85407446505262208</v>
      </c>
      <c r="P8308" s="59">
        <f>IF(Input!$D$19=3,J8308*Input!$C$19,0)+IF(Input!$D$20=3,K8308*Input!$C$20,0)+IF(Input!$D$21=3,L8308*Input!$C$21,0)+IF(Input!$D$22=3,M8308*Input!$C$22,0)</f>
        <v>0</v>
      </c>
      <c r="Q8308" s="75">
        <f>IF(Input!$D$19=4,J8308*Input!$C$19,0)+IF(Input!$D$20=4,K8308*Input!$C$20,0)+IF(Input!$D$21=4,L8308*Input!$C$21,0)+IF(Input!$D$22=4,M8308*Input!$C$22,0)</f>
        <v>0</v>
      </c>
      <c r="R8308" s="58">
        <v>63.896387746877707</v>
      </c>
      <c r="S8308" s="124">
        <f t="shared" si="129"/>
        <v>1.4803957394245451</v>
      </c>
    </row>
    <row r="8309" spans="8:19" x14ac:dyDescent="0.3">
      <c r="H8309" s="44">
        <v>8302</v>
      </c>
      <c r="I8309" s="56">
        <f>Bühler!I8335</f>
        <v>0.25622233951578666</v>
      </c>
      <c r="J8309" s="59">
        <f>Bühler!J8335</f>
        <v>0.85407446505262219</v>
      </c>
      <c r="K8309" s="59">
        <f>Bühler!K8335</f>
        <v>1.2811116975789332</v>
      </c>
      <c r="L8309" s="59">
        <f>Bühler!L8335</f>
        <v>6.1493361483788789</v>
      </c>
      <c r="M8309" s="58">
        <f>Bühler!M8335</f>
        <v>0</v>
      </c>
      <c r="N8309" s="56">
        <f>IF(Input!$D$19=1,J8309*Input!$C$19,0)+IF(Input!$D$20=1,K8309*Input!$C$20,0)+IF(Input!$D$21=1,L8309*Input!$C$21,0)+IF(Input!$D$22=1,M8309*Input!$C$22,0)</f>
        <v>0.25622233951578666</v>
      </c>
      <c r="O8309" s="59">
        <f>IF(Input!$D$19=2,J8309*Input!$C$19,0)+IF(Input!$D$20=2,K8309*Input!$C$20,0)+IF(Input!$D$21=2,L8309*Input!$C$21,0)+IF(Input!$D$22=2,M8309*Input!$C$22,0)</f>
        <v>0.64055584878946659</v>
      </c>
      <c r="P8309" s="59">
        <f>IF(Input!$D$19=3,J8309*Input!$C$19,0)+IF(Input!$D$20=3,K8309*Input!$C$20,0)+IF(Input!$D$21=3,L8309*Input!$C$21,0)+IF(Input!$D$22=3,M8309*Input!$C$22,0)</f>
        <v>0</v>
      </c>
      <c r="Q8309" s="75">
        <f>IF(Input!$D$19=4,J8309*Input!$C$19,0)+IF(Input!$D$20=4,K8309*Input!$C$20,0)+IF(Input!$D$21=4,L8309*Input!$C$21,0)+IF(Input!$D$22=4,M8309*Input!$C$22,0)</f>
        <v>0</v>
      </c>
      <c r="R8309" s="58">
        <v>62.123275561040955</v>
      </c>
      <c r="S8309" s="124">
        <f t="shared" si="129"/>
        <v>1.1102968045684087</v>
      </c>
    </row>
    <row r="8310" spans="8:19" x14ac:dyDescent="0.3">
      <c r="H8310" s="44">
        <v>8303</v>
      </c>
      <c r="I8310" s="56">
        <f>Bühler!I8336</f>
        <v>0.25622233951578666</v>
      </c>
      <c r="J8310" s="59">
        <f>Bühler!J8336</f>
        <v>0.85407446505262219</v>
      </c>
      <c r="K8310" s="59">
        <f>Bühler!K8336</f>
        <v>1.2811116975789332</v>
      </c>
      <c r="L8310" s="59">
        <f>Bühler!L8336</f>
        <v>6.1493361483788789</v>
      </c>
      <c r="M8310" s="58">
        <f>Bühler!M8336</f>
        <v>0</v>
      </c>
      <c r="N8310" s="56">
        <f>IF(Input!$D$19=1,J8310*Input!$C$19,0)+IF(Input!$D$20=1,K8310*Input!$C$20,0)+IF(Input!$D$21=1,L8310*Input!$C$21,0)+IF(Input!$D$22=1,M8310*Input!$C$22,0)</f>
        <v>0.25622233951578666</v>
      </c>
      <c r="O8310" s="59">
        <f>IF(Input!$D$19=2,J8310*Input!$C$19,0)+IF(Input!$D$20=2,K8310*Input!$C$20,0)+IF(Input!$D$21=2,L8310*Input!$C$21,0)+IF(Input!$D$22=2,M8310*Input!$C$22,0)</f>
        <v>0.64055584878946659</v>
      </c>
      <c r="P8310" s="59">
        <f>IF(Input!$D$19=3,J8310*Input!$C$19,0)+IF(Input!$D$20=3,K8310*Input!$C$20,0)+IF(Input!$D$21=3,L8310*Input!$C$21,0)+IF(Input!$D$22=3,M8310*Input!$C$22,0)</f>
        <v>0</v>
      </c>
      <c r="Q8310" s="75">
        <f>IF(Input!$D$19=4,J8310*Input!$C$19,0)+IF(Input!$D$20=4,K8310*Input!$C$20,0)+IF(Input!$D$21=4,L8310*Input!$C$21,0)+IF(Input!$D$22=4,M8310*Input!$C$22,0)</f>
        <v>0</v>
      </c>
      <c r="R8310" s="58">
        <v>62.652107491892885</v>
      </c>
      <c r="S8310" s="124">
        <f t="shared" si="129"/>
        <v>1.1102968045684087</v>
      </c>
    </row>
    <row r="8311" spans="8:19" x14ac:dyDescent="0.3">
      <c r="H8311" s="44">
        <v>8304</v>
      </c>
      <c r="I8311" s="56">
        <f>Bühler!I8337</f>
        <v>0.25622233951578666</v>
      </c>
      <c r="J8311" s="59">
        <f>Bühler!J8337</f>
        <v>0.85407446505262219</v>
      </c>
      <c r="K8311" s="59">
        <f>Bühler!K8337</f>
        <v>1.2811116975789332</v>
      </c>
      <c r="L8311" s="59">
        <f>Bühler!L8337</f>
        <v>6.1493361483788789</v>
      </c>
      <c r="M8311" s="58">
        <f>Bühler!M8337</f>
        <v>0</v>
      </c>
      <c r="N8311" s="56">
        <f>IF(Input!$D$19=1,J8311*Input!$C$19,0)+IF(Input!$D$20=1,K8311*Input!$C$20,0)+IF(Input!$D$21=1,L8311*Input!$C$21,0)+IF(Input!$D$22=1,M8311*Input!$C$22,0)</f>
        <v>0.25622233951578666</v>
      </c>
      <c r="O8311" s="59">
        <f>IF(Input!$D$19=2,J8311*Input!$C$19,0)+IF(Input!$D$20=2,K8311*Input!$C$20,0)+IF(Input!$D$21=2,L8311*Input!$C$21,0)+IF(Input!$D$22=2,M8311*Input!$C$22,0)</f>
        <v>0.64055584878946659</v>
      </c>
      <c r="P8311" s="59">
        <f>IF(Input!$D$19=3,J8311*Input!$C$19,0)+IF(Input!$D$20=3,K8311*Input!$C$20,0)+IF(Input!$D$21=3,L8311*Input!$C$21,0)+IF(Input!$D$22=3,M8311*Input!$C$22,0)</f>
        <v>0</v>
      </c>
      <c r="Q8311" s="75">
        <f>IF(Input!$D$19=4,J8311*Input!$C$19,0)+IF(Input!$D$20=4,K8311*Input!$C$20,0)+IF(Input!$D$21=4,L8311*Input!$C$21,0)+IF(Input!$D$22=4,M8311*Input!$C$22,0)</f>
        <v>0</v>
      </c>
      <c r="R8311" s="58">
        <v>61.910463388276099</v>
      </c>
      <c r="S8311" s="124">
        <f t="shared" si="129"/>
        <v>1.1102968045684087</v>
      </c>
    </row>
    <row r="8312" spans="8:19" x14ac:dyDescent="0.3">
      <c r="H8312" s="44">
        <v>8305</v>
      </c>
      <c r="I8312" s="56">
        <f>Bühler!I8338</f>
        <v>0.25947330881672931</v>
      </c>
      <c r="J8312" s="59">
        <f>Bühler!J8338</f>
        <v>0.86491102938909781</v>
      </c>
      <c r="K8312" s="59">
        <f>Bühler!K8338</f>
        <v>1.2973665440836466</v>
      </c>
      <c r="L8312" s="59">
        <f>Bühler!L8338</f>
        <v>6.2273594116015039</v>
      </c>
      <c r="M8312" s="58">
        <f>Bühler!M8338</f>
        <v>0</v>
      </c>
      <c r="N8312" s="56">
        <f>IF(Input!$D$19=1,J8312*Input!$C$19,0)+IF(Input!$D$20=1,K8312*Input!$C$20,0)+IF(Input!$D$21=1,L8312*Input!$C$21,0)+IF(Input!$D$22=1,M8312*Input!$C$22,0)</f>
        <v>0.25947330881672931</v>
      </c>
      <c r="O8312" s="59">
        <f>IF(Input!$D$19=2,J8312*Input!$C$19,0)+IF(Input!$D$20=2,K8312*Input!$C$20,0)+IF(Input!$D$21=2,L8312*Input!$C$21,0)+IF(Input!$D$22=2,M8312*Input!$C$22,0)</f>
        <v>0.6486832720418233</v>
      </c>
      <c r="P8312" s="59">
        <f>IF(Input!$D$19=3,J8312*Input!$C$19,0)+IF(Input!$D$20=3,K8312*Input!$C$20,0)+IF(Input!$D$21=3,L8312*Input!$C$21,0)+IF(Input!$D$22=3,M8312*Input!$C$22,0)</f>
        <v>0</v>
      </c>
      <c r="Q8312" s="75">
        <f>IF(Input!$D$19=4,J8312*Input!$C$19,0)+IF(Input!$D$20=4,K8312*Input!$C$20,0)+IF(Input!$D$21=4,L8312*Input!$C$21,0)+IF(Input!$D$22=4,M8312*Input!$C$22,0)</f>
        <v>0</v>
      </c>
      <c r="R8312" s="58">
        <v>61.198262334771215</v>
      </c>
      <c r="S8312" s="124">
        <f t="shared" si="129"/>
        <v>1.1243843382058272</v>
      </c>
    </row>
    <row r="8313" spans="8:19" x14ac:dyDescent="0.3">
      <c r="H8313" s="44">
        <v>8306</v>
      </c>
      <c r="I8313" s="56">
        <f>Bühler!I8339</f>
        <v>0.25947330881672931</v>
      </c>
      <c r="J8313" s="59">
        <f>Bühler!J8339</f>
        <v>0.86491102938909781</v>
      </c>
      <c r="K8313" s="59">
        <f>Bühler!K8339</f>
        <v>1.2973665440836466</v>
      </c>
      <c r="L8313" s="59">
        <f>Bühler!L8339</f>
        <v>6.2273594116015039</v>
      </c>
      <c r="M8313" s="58">
        <f>Bühler!M8339</f>
        <v>0</v>
      </c>
      <c r="N8313" s="56">
        <f>IF(Input!$D$19=1,J8313*Input!$C$19,0)+IF(Input!$D$20=1,K8313*Input!$C$20,0)+IF(Input!$D$21=1,L8313*Input!$C$21,0)+IF(Input!$D$22=1,M8313*Input!$C$22,0)</f>
        <v>0.25947330881672931</v>
      </c>
      <c r="O8313" s="59">
        <f>IF(Input!$D$19=2,J8313*Input!$C$19,0)+IF(Input!$D$20=2,K8313*Input!$C$20,0)+IF(Input!$D$21=2,L8313*Input!$C$21,0)+IF(Input!$D$22=2,M8313*Input!$C$22,0)</f>
        <v>0.6486832720418233</v>
      </c>
      <c r="P8313" s="59">
        <f>IF(Input!$D$19=3,J8313*Input!$C$19,0)+IF(Input!$D$20=3,K8313*Input!$C$20,0)+IF(Input!$D$21=3,L8313*Input!$C$21,0)+IF(Input!$D$22=3,M8313*Input!$C$22,0)</f>
        <v>0</v>
      </c>
      <c r="Q8313" s="75">
        <f>IF(Input!$D$19=4,J8313*Input!$C$19,0)+IF(Input!$D$20=4,K8313*Input!$C$20,0)+IF(Input!$D$21=4,L8313*Input!$C$21,0)+IF(Input!$D$22=4,M8313*Input!$C$22,0)</f>
        <v>0</v>
      </c>
      <c r="R8313" s="58">
        <v>60.827622818246496</v>
      </c>
      <c r="S8313" s="124">
        <f t="shared" si="129"/>
        <v>1.1243843382058272</v>
      </c>
    </row>
    <row r="8314" spans="8:19" x14ac:dyDescent="0.3">
      <c r="H8314" s="44">
        <v>8307</v>
      </c>
      <c r="I8314" s="56">
        <f>Bühler!I8340</f>
        <v>0.25947330881672931</v>
      </c>
      <c r="J8314" s="59">
        <f>Bühler!J8340</f>
        <v>0.86491102938909781</v>
      </c>
      <c r="K8314" s="59">
        <f>Bühler!K8340</f>
        <v>1.2973665440836466</v>
      </c>
      <c r="L8314" s="59">
        <f>Bühler!L8340</f>
        <v>6.2273594116015039</v>
      </c>
      <c r="M8314" s="58">
        <f>Bühler!M8340</f>
        <v>0</v>
      </c>
      <c r="N8314" s="56">
        <f>IF(Input!$D$19=1,J8314*Input!$C$19,0)+IF(Input!$D$20=1,K8314*Input!$C$20,0)+IF(Input!$D$21=1,L8314*Input!$C$21,0)+IF(Input!$D$22=1,M8314*Input!$C$22,0)</f>
        <v>0.25947330881672931</v>
      </c>
      <c r="O8314" s="59">
        <f>IF(Input!$D$19=2,J8314*Input!$C$19,0)+IF(Input!$D$20=2,K8314*Input!$C$20,0)+IF(Input!$D$21=2,L8314*Input!$C$21,0)+IF(Input!$D$22=2,M8314*Input!$C$22,0)</f>
        <v>0.6486832720418233</v>
      </c>
      <c r="P8314" s="59">
        <f>IF(Input!$D$19=3,J8314*Input!$C$19,0)+IF(Input!$D$20=3,K8314*Input!$C$20,0)+IF(Input!$D$21=3,L8314*Input!$C$21,0)+IF(Input!$D$22=3,M8314*Input!$C$22,0)</f>
        <v>0</v>
      </c>
      <c r="Q8314" s="75">
        <f>IF(Input!$D$19=4,J8314*Input!$C$19,0)+IF(Input!$D$20=4,K8314*Input!$C$20,0)+IF(Input!$D$21=4,L8314*Input!$C$21,0)+IF(Input!$D$22=4,M8314*Input!$C$22,0)</f>
        <v>0</v>
      </c>
      <c r="R8314" s="58">
        <v>61.336957650690231</v>
      </c>
      <c r="S8314" s="124">
        <f t="shared" si="129"/>
        <v>1.1243843382058272</v>
      </c>
    </row>
    <row r="8315" spans="8:19" x14ac:dyDescent="0.3">
      <c r="H8315" s="44">
        <v>8308</v>
      </c>
      <c r="I8315" s="56">
        <f>Bühler!I8341</f>
        <v>0.25947330881672931</v>
      </c>
      <c r="J8315" s="59">
        <f>Bühler!J8341</f>
        <v>0.86491102938909781</v>
      </c>
      <c r="K8315" s="59">
        <f>Bühler!K8341</f>
        <v>1.2973665440836466</v>
      </c>
      <c r="L8315" s="59">
        <f>Bühler!L8341</f>
        <v>6.2273594116015039</v>
      </c>
      <c r="M8315" s="58">
        <f>Bühler!M8341</f>
        <v>0</v>
      </c>
      <c r="N8315" s="56">
        <f>IF(Input!$D$19=1,J8315*Input!$C$19,0)+IF(Input!$D$20=1,K8315*Input!$C$20,0)+IF(Input!$D$21=1,L8315*Input!$C$21,0)+IF(Input!$D$22=1,M8315*Input!$C$22,0)</f>
        <v>0.25947330881672931</v>
      </c>
      <c r="O8315" s="59">
        <f>IF(Input!$D$19=2,J8315*Input!$C$19,0)+IF(Input!$D$20=2,K8315*Input!$C$20,0)+IF(Input!$D$21=2,L8315*Input!$C$21,0)+IF(Input!$D$22=2,M8315*Input!$C$22,0)</f>
        <v>0.6486832720418233</v>
      </c>
      <c r="P8315" s="59">
        <f>IF(Input!$D$19=3,J8315*Input!$C$19,0)+IF(Input!$D$20=3,K8315*Input!$C$20,0)+IF(Input!$D$21=3,L8315*Input!$C$21,0)+IF(Input!$D$22=3,M8315*Input!$C$22,0)</f>
        <v>0</v>
      </c>
      <c r="Q8315" s="75">
        <f>IF(Input!$D$19=4,J8315*Input!$C$19,0)+IF(Input!$D$20=4,K8315*Input!$C$20,0)+IF(Input!$D$21=4,L8315*Input!$C$21,0)+IF(Input!$D$22=4,M8315*Input!$C$22,0)</f>
        <v>0</v>
      </c>
      <c r="R8315" s="58">
        <v>61.573048196212653</v>
      </c>
      <c r="S8315" s="124">
        <f t="shared" si="129"/>
        <v>1.1243843382058272</v>
      </c>
    </row>
    <row r="8316" spans="8:19" x14ac:dyDescent="0.3">
      <c r="H8316" s="44">
        <v>8309</v>
      </c>
      <c r="I8316" s="56">
        <f>Bühler!I8342</f>
        <v>0.25947330881672931</v>
      </c>
      <c r="J8316" s="59">
        <f>Bühler!J8342</f>
        <v>0.86491102938909781</v>
      </c>
      <c r="K8316" s="59">
        <f>Bühler!K8342</f>
        <v>1.2973665440836466</v>
      </c>
      <c r="L8316" s="59">
        <f>Bühler!L8342</f>
        <v>6.2273594116015039</v>
      </c>
      <c r="M8316" s="58">
        <f>Bühler!M8342</f>
        <v>0</v>
      </c>
      <c r="N8316" s="56">
        <f>IF(Input!$D$19=1,J8316*Input!$C$19,0)+IF(Input!$D$20=1,K8316*Input!$C$20,0)+IF(Input!$D$21=1,L8316*Input!$C$21,0)+IF(Input!$D$22=1,M8316*Input!$C$22,0)</f>
        <v>0.25947330881672931</v>
      </c>
      <c r="O8316" s="59">
        <f>IF(Input!$D$19=2,J8316*Input!$C$19,0)+IF(Input!$D$20=2,K8316*Input!$C$20,0)+IF(Input!$D$21=2,L8316*Input!$C$21,0)+IF(Input!$D$22=2,M8316*Input!$C$22,0)</f>
        <v>0.6486832720418233</v>
      </c>
      <c r="P8316" s="59">
        <f>IF(Input!$D$19=3,J8316*Input!$C$19,0)+IF(Input!$D$20=3,K8316*Input!$C$20,0)+IF(Input!$D$21=3,L8316*Input!$C$21,0)+IF(Input!$D$22=3,M8316*Input!$C$22,0)</f>
        <v>0</v>
      </c>
      <c r="Q8316" s="75">
        <f>IF(Input!$D$19=4,J8316*Input!$C$19,0)+IF(Input!$D$20=4,K8316*Input!$C$20,0)+IF(Input!$D$21=4,L8316*Input!$C$21,0)+IF(Input!$D$22=4,M8316*Input!$C$22,0)</f>
        <v>0</v>
      </c>
      <c r="R8316" s="58">
        <v>62.804761574081347</v>
      </c>
      <c r="S8316" s="124">
        <f t="shared" si="129"/>
        <v>1.1243843382058272</v>
      </c>
    </row>
    <row r="8317" spans="8:19" x14ac:dyDescent="0.3">
      <c r="H8317" s="44">
        <v>8310</v>
      </c>
      <c r="I8317" s="56">
        <f>Bühler!I8343</f>
        <v>0.33443226469711773</v>
      </c>
      <c r="J8317" s="59">
        <f>Bühler!J8343</f>
        <v>1.1147742156570593</v>
      </c>
      <c r="K8317" s="59">
        <f>Bühler!K8343</f>
        <v>1.6721613234855888</v>
      </c>
      <c r="L8317" s="59">
        <f>Bühler!L8343</f>
        <v>8.0263743527308264</v>
      </c>
      <c r="M8317" s="58">
        <f>Bühler!M8343</f>
        <v>0</v>
      </c>
      <c r="N8317" s="56">
        <f>IF(Input!$D$19=1,J8317*Input!$C$19,0)+IF(Input!$D$20=1,K8317*Input!$C$20,0)+IF(Input!$D$21=1,L8317*Input!$C$21,0)+IF(Input!$D$22=1,M8317*Input!$C$22,0)</f>
        <v>0.33443226469711779</v>
      </c>
      <c r="O8317" s="59">
        <f>IF(Input!$D$19=2,J8317*Input!$C$19,0)+IF(Input!$D$20=2,K8317*Input!$C$20,0)+IF(Input!$D$21=2,L8317*Input!$C$21,0)+IF(Input!$D$22=2,M8317*Input!$C$22,0)</f>
        <v>0.83608066174279438</v>
      </c>
      <c r="P8317" s="59">
        <f>IF(Input!$D$19=3,J8317*Input!$C$19,0)+IF(Input!$D$20=3,K8317*Input!$C$20,0)+IF(Input!$D$21=3,L8317*Input!$C$21,0)+IF(Input!$D$22=3,M8317*Input!$C$22,0)</f>
        <v>0</v>
      </c>
      <c r="Q8317" s="75">
        <f>IF(Input!$D$19=4,J8317*Input!$C$19,0)+IF(Input!$D$20=4,K8317*Input!$C$20,0)+IF(Input!$D$21=4,L8317*Input!$C$21,0)+IF(Input!$D$22=4,M8317*Input!$C$22,0)</f>
        <v>0</v>
      </c>
      <c r="R8317" s="58">
        <v>65.404331486102436</v>
      </c>
      <c r="S8317" s="124">
        <f t="shared" si="129"/>
        <v>1.4492064803541771</v>
      </c>
    </row>
    <row r="8318" spans="8:19" x14ac:dyDescent="0.3">
      <c r="H8318" s="44">
        <v>8311</v>
      </c>
      <c r="I8318" s="56">
        <f>Bühler!I8344</f>
        <v>0.38632692646046368</v>
      </c>
      <c r="J8318" s="59">
        <f>Bühler!J8344</f>
        <v>1.2877564215348789</v>
      </c>
      <c r="K8318" s="59">
        <f>Bühler!K8344</f>
        <v>1.9316346323023184</v>
      </c>
      <c r="L8318" s="59">
        <f>Bühler!L8344</f>
        <v>9.271846235051127</v>
      </c>
      <c r="M8318" s="58">
        <f>Bühler!M8344</f>
        <v>0</v>
      </c>
      <c r="N8318" s="56">
        <f>IF(Input!$D$19=1,J8318*Input!$C$19,0)+IF(Input!$D$20=1,K8318*Input!$C$20,0)+IF(Input!$D$21=1,L8318*Input!$C$21,0)+IF(Input!$D$22=1,M8318*Input!$C$22,0)</f>
        <v>0.38632692646046368</v>
      </c>
      <c r="O8318" s="59">
        <f>IF(Input!$D$19=2,J8318*Input!$C$19,0)+IF(Input!$D$20=2,K8318*Input!$C$20,0)+IF(Input!$D$21=2,L8318*Input!$C$21,0)+IF(Input!$D$22=2,M8318*Input!$C$22,0)</f>
        <v>0.96581731615115918</v>
      </c>
      <c r="P8318" s="59">
        <f>IF(Input!$D$19=3,J8318*Input!$C$19,0)+IF(Input!$D$20=3,K8318*Input!$C$20,0)+IF(Input!$D$21=3,L8318*Input!$C$21,0)+IF(Input!$D$22=3,M8318*Input!$C$22,0)</f>
        <v>0</v>
      </c>
      <c r="Q8318" s="75">
        <f>IF(Input!$D$19=4,J8318*Input!$C$19,0)+IF(Input!$D$20=4,K8318*Input!$C$20,0)+IF(Input!$D$21=4,L8318*Input!$C$21,0)+IF(Input!$D$22=4,M8318*Input!$C$22,0)</f>
        <v>0</v>
      </c>
      <c r="R8318" s="58">
        <v>69.031153683168753</v>
      </c>
      <c r="S8318" s="124">
        <f t="shared" si="129"/>
        <v>1.6740833479953425</v>
      </c>
    </row>
    <row r="8319" spans="8:19" x14ac:dyDescent="0.3">
      <c r="H8319" s="44">
        <v>8312</v>
      </c>
      <c r="I8319" s="56">
        <f>Bühler!I8345</f>
        <v>0.38632692646046368</v>
      </c>
      <c r="J8319" s="59">
        <f>Bühler!J8345</f>
        <v>1.2877564215348789</v>
      </c>
      <c r="K8319" s="59">
        <f>Bühler!K8345</f>
        <v>1.9316346323023184</v>
      </c>
      <c r="L8319" s="59">
        <f>Bühler!L8345</f>
        <v>9.271846235051127</v>
      </c>
      <c r="M8319" s="58">
        <f>Bühler!M8345</f>
        <v>0</v>
      </c>
      <c r="N8319" s="56">
        <f>IF(Input!$D$19=1,J8319*Input!$C$19,0)+IF(Input!$D$20=1,K8319*Input!$C$20,0)+IF(Input!$D$21=1,L8319*Input!$C$21,0)+IF(Input!$D$22=1,M8319*Input!$C$22,0)</f>
        <v>0.38632692646046368</v>
      </c>
      <c r="O8319" s="59">
        <f>IF(Input!$D$19=2,J8319*Input!$C$19,0)+IF(Input!$D$20=2,K8319*Input!$C$20,0)+IF(Input!$D$21=2,L8319*Input!$C$21,0)+IF(Input!$D$22=2,M8319*Input!$C$22,0)</f>
        <v>0.96581731615115918</v>
      </c>
      <c r="P8319" s="59">
        <f>IF(Input!$D$19=3,J8319*Input!$C$19,0)+IF(Input!$D$20=3,K8319*Input!$C$20,0)+IF(Input!$D$21=3,L8319*Input!$C$21,0)+IF(Input!$D$22=3,M8319*Input!$C$22,0)</f>
        <v>0</v>
      </c>
      <c r="Q8319" s="75">
        <f>IF(Input!$D$19=4,J8319*Input!$C$19,0)+IF(Input!$D$20=4,K8319*Input!$C$20,0)+IF(Input!$D$21=4,L8319*Input!$C$21,0)+IF(Input!$D$22=4,M8319*Input!$C$22,0)</f>
        <v>0</v>
      </c>
      <c r="R8319" s="58">
        <v>70.834903572487931</v>
      </c>
      <c r="S8319" s="124">
        <f t="shared" si="129"/>
        <v>1.6740833479953425</v>
      </c>
    </row>
    <row r="8320" spans="8:19" x14ac:dyDescent="0.3">
      <c r="H8320" s="44">
        <v>8313</v>
      </c>
      <c r="I8320" s="56">
        <f>Bühler!I8346</f>
        <v>0.38632692646046368</v>
      </c>
      <c r="J8320" s="59">
        <f>Bühler!J8346</f>
        <v>1.2877564215348789</v>
      </c>
      <c r="K8320" s="59">
        <f>Bühler!K8346</f>
        <v>1.9316346323023184</v>
      </c>
      <c r="L8320" s="59">
        <f>Bühler!L8346</f>
        <v>9.271846235051127</v>
      </c>
      <c r="M8320" s="58">
        <f>Bühler!M8346</f>
        <v>0</v>
      </c>
      <c r="N8320" s="56">
        <f>IF(Input!$D$19=1,J8320*Input!$C$19,0)+IF(Input!$D$20=1,K8320*Input!$C$20,0)+IF(Input!$D$21=1,L8320*Input!$C$21,0)+IF(Input!$D$22=1,M8320*Input!$C$22,0)</f>
        <v>0.38632692646046368</v>
      </c>
      <c r="O8320" s="59">
        <f>IF(Input!$D$19=2,J8320*Input!$C$19,0)+IF(Input!$D$20=2,K8320*Input!$C$20,0)+IF(Input!$D$21=2,L8320*Input!$C$21,0)+IF(Input!$D$22=2,M8320*Input!$C$22,0)</f>
        <v>0.96581731615115918</v>
      </c>
      <c r="P8320" s="59">
        <f>IF(Input!$D$19=3,J8320*Input!$C$19,0)+IF(Input!$D$20=3,K8320*Input!$C$20,0)+IF(Input!$D$21=3,L8320*Input!$C$21,0)+IF(Input!$D$22=3,M8320*Input!$C$22,0)</f>
        <v>0</v>
      </c>
      <c r="Q8320" s="75">
        <f>IF(Input!$D$19=4,J8320*Input!$C$19,0)+IF(Input!$D$20=4,K8320*Input!$C$20,0)+IF(Input!$D$21=4,L8320*Input!$C$21,0)+IF(Input!$D$22=4,M8320*Input!$C$22,0)</f>
        <v>0</v>
      </c>
      <c r="R8320" s="58">
        <v>71.506240808125568</v>
      </c>
      <c r="S8320" s="124">
        <f t="shared" si="129"/>
        <v>1.6740833479953425</v>
      </c>
    </row>
    <row r="8321" spans="8:19" x14ac:dyDescent="0.3">
      <c r="H8321" s="44">
        <v>8314</v>
      </c>
      <c r="I8321" s="56">
        <f>Bühler!I8347</f>
        <v>0.41515729410676694</v>
      </c>
      <c r="J8321" s="59">
        <f>Bühler!J8347</f>
        <v>1.3838576470225565</v>
      </c>
      <c r="K8321" s="59">
        <f>Bühler!K8347</f>
        <v>2.0757864705338345</v>
      </c>
      <c r="L8321" s="59">
        <f>Bühler!L8347</f>
        <v>9.9637750585624065</v>
      </c>
      <c r="M8321" s="58">
        <f>Bühler!M8347</f>
        <v>0</v>
      </c>
      <c r="N8321" s="56">
        <f>IF(Input!$D$19=1,J8321*Input!$C$19,0)+IF(Input!$D$20=1,K8321*Input!$C$20,0)+IF(Input!$D$21=1,L8321*Input!$C$21,0)+IF(Input!$D$22=1,M8321*Input!$C$22,0)</f>
        <v>0.41515729410676694</v>
      </c>
      <c r="O8321" s="59">
        <f>IF(Input!$D$19=2,J8321*Input!$C$19,0)+IF(Input!$D$20=2,K8321*Input!$C$20,0)+IF(Input!$D$21=2,L8321*Input!$C$21,0)+IF(Input!$D$22=2,M8321*Input!$C$22,0)</f>
        <v>1.0378932352669172</v>
      </c>
      <c r="P8321" s="59">
        <f>IF(Input!$D$19=3,J8321*Input!$C$19,0)+IF(Input!$D$20=3,K8321*Input!$C$20,0)+IF(Input!$D$21=3,L8321*Input!$C$21,0)+IF(Input!$D$22=3,M8321*Input!$C$22,0)</f>
        <v>0</v>
      </c>
      <c r="Q8321" s="75">
        <f>IF(Input!$D$19=4,J8321*Input!$C$19,0)+IF(Input!$D$20=4,K8321*Input!$C$20,0)+IF(Input!$D$21=4,L8321*Input!$C$21,0)+IF(Input!$D$22=4,M8321*Input!$C$22,0)</f>
        <v>0</v>
      </c>
      <c r="R8321" s="58">
        <v>71.029865848068766</v>
      </c>
      <c r="S8321" s="124">
        <f t="shared" si="129"/>
        <v>1.7990149411293235</v>
      </c>
    </row>
    <row r="8322" spans="8:19" x14ac:dyDescent="0.3">
      <c r="H8322" s="44">
        <v>8315</v>
      </c>
      <c r="I8322" s="56">
        <f>Bühler!I8348</f>
        <v>0.44975373528233081</v>
      </c>
      <c r="J8322" s="59">
        <f>Bühler!J8348</f>
        <v>1.4991791176077696</v>
      </c>
      <c r="K8322" s="59">
        <f>Bühler!K8348</f>
        <v>2.2487686764116539</v>
      </c>
      <c r="L8322" s="59">
        <f>Bühler!L8348</f>
        <v>10.794089646775939</v>
      </c>
      <c r="M8322" s="58">
        <f>Bühler!M8348</f>
        <v>0</v>
      </c>
      <c r="N8322" s="56">
        <f>IF(Input!$D$19=1,J8322*Input!$C$19,0)+IF(Input!$D$20=1,K8322*Input!$C$20,0)+IF(Input!$D$21=1,L8322*Input!$C$21,0)+IF(Input!$D$22=1,M8322*Input!$C$22,0)</f>
        <v>0.44975373528233087</v>
      </c>
      <c r="O8322" s="59">
        <f>IF(Input!$D$19=2,J8322*Input!$C$19,0)+IF(Input!$D$20=2,K8322*Input!$C$20,0)+IF(Input!$D$21=2,L8322*Input!$C$21,0)+IF(Input!$D$22=2,M8322*Input!$C$22,0)</f>
        <v>1.1243843382058269</v>
      </c>
      <c r="P8322" s="59">
        <f>IF(Input!$D$19=3,J8322*Input!$C$19,0)+IF(Input!$D$20=3,K8322*Input!$C$20,0)+IF(Input!$D$21=3,L8322*Input!$C$21,0)+IF(Input!$D$22=3,M8322*Input!$C$22,0)</f>
        <v>0</v>
      </c>
      <c r="Q8322" s="75">
        <f>IF(Input!$D$19=4,J8322*Input!$C$19,0)+IF(Input!$D$20=4,K8322*Input!$C$20,0)+IF(Input!$D$21=4,L8322*Input!$C$21,0)+IF(Input!$D$22=4,M8322*Input!$C$22,0)</f>
        <v>0</v>
      </c>
      <c r="R8322" s="58">
        <v>71.196803990426616</v>
      </c>
      <c r="S8322" s="124">
        <f t="shared" si="129"/>
        <v>1.9489328528901004</v>
      </c>
    </row>
    <row r="8323" spans="8:19" x14ac:dyDescent="0.3">
      <c r="H8323" s="44">
        <v>8316</v>
      </c>
      <c r="I8323" s="56">
        <f>Bühler!I8349</f>
        <v>0.51894661763345862</v>
      </c>
      <c r="J8323" s="59">
        <f>Bühler!J8349</f>
        <v>1.7298220587781956</v>
      </c>
      <c r="K8323" s="59">
        <f>Bühler!K8349</f>
        <v>2.5947330881672932</v>
      </c>
      <c r="L8323" s="59">
        <f>Bühler!L8349</f>
        <v>12.454718823203008</v>
      </c>
      <c r="M8323" s="58">
        <f>Bühler!M8349</f>
        <v>0</v>
      </c>
      <c r="N8323" s="56">
        <f>IF(Input!$D$19=1,J8323*Input!$C$19,0)+IF(Input!$D$20=1,K8323*Input!$C$20,0)+IF(Input!$D$21=1,L8323*Input!$C$21,0)+IF(Input!$D$22=1,M8323*Input!$C$22,0)</f>
        <v>0.51894661763345862</v>
      </c>
      <c r="O8323" s="59">
        <f>IF(Input!$D$19=2,J8323*Input!$C$19,0)+IF(Input!$D$20=2,K8323*Input!$C$20,0)+IF(Input!$D$21=2,L8323*Input!$C$21,0)+IF(Input!$D$22=2,M8323*Input!$C$22,0)</f>
        <v>1.2973665440836466</v>
      </c>
      <c r="P8323" s="59">
        <f>IF(Input!$D$19=3,J8323*Input!$C$19,0)+IF(Input!$D$20=3,K8323*Input!$C$20,0)+IF(Input!$D$21=3,L8323*Input!$C$21,0)+IF(Input!$D$22=3,M8323*Input!$C$22,0)</f>
        <v>0</v>
      </c>
      <c r="Q8323" s="75">
        <f>IF(Input!$D$19=4,J8323*Input!$C$19,0)+IF(Input!$D$20=4,K8323*Input!$C$20,0)+IF(Input!$D$21=4,L8323*Input!$C$21,0)+IF(Input!$D$22=4,M8323*Input!$C$22,0)</f>
        <v>0</v>
      </c>
      <c r="R8323" s="58">
        <v>71.615847847285821</v>
      </c>
      <c r="S8323" s="124">
        <f t="shared" si="129"/>
        <v>2.2487686764116543</v>
      </c>
    </row>
    <row r="8324" spans="8:19" x14ac:dyDescent="0.3">
      <c r="H8324" s="44">
        <v>8317</v>
      </c>
      <c r="I8324" s="56">
        <f>Bühler!I8350</f>
        <v>0.51894661763345862</v>
      </c>
      <c r="J8324" s="59">
        <f>Bühler!J8350</f>
        <v>1.7298220587781956</v>
      </c>
      <c r="K8324" s="59">
        <f>Bühler!K8350</f>
        <v>2.5947330881672932</v>
      </c>
      <c r="L8324" s="59">
        <f>Bühler!L8350</f>
        <v>12.454718823203008</v>
      </c>
      <c r="M8324" s="58">
        <f>Bühler!M8350</f>
        <v>0</v>
      </c>
      <c r="N8324" s="56">
        <f>IF(Input!$D$19=1,J8324*Input!$C$19,0)+IF(Input!$D$20=1,K8324*Input!$C$20,0)+IF(Input!$D$21=1,L8324*Input!$C$21,0)+IF(Input!$D$22=1,M8324*Input!$C$22,0)</f>
        <v>0.51894661763345862</v>
      </c>
      <c r="O8324" s="59">
        <f>IF(Input!$D$19=2,J8324*Input!$C$19,0)+IF(Input!$D$20=2,K8324*Input!$C$20,0)+IF(Input!$D$21=2,L8324*Input!$C$21,0)+IF(Input!$D$22=2,M8324*Input!$C$22,0)</f>
        <v>1.2973665440836466</v>
      </c>
      <c r="P8324" s="59">
        <f>IF(Input!$D$19=3,J8324*Input!$C$19,0)+IF(Input!$D$20=3,K8324*Input!$C$20,0)+IF(Input!$D$21=3,L8324*Input!$C$21,0)+IF(Input!$D$22=3,M8324*Input!$C$22,0)</f>
        <v>0</v>
      </c>
      <c r="Q8324" s="75">
        <f>IF(Input!$D$19=4,J8324*Input!$C$19,0)+IF(Input!$D$20=4,K8324*Input!$C$20,0)+IF(Input!$D$21=4,L8324*Input!$C$21,0)+IF(Input!$D$22=4,M8324*Input!$C$22,0)</f>
        <v>0</v>
      </c>
      <c r="R8324" s="58">
        <v>70.959332323694852</v>
      </c>
      <c r="S8324" s="124">
        <f t="shared" si="129"/>
        <v>2.2487686764116543</v>
      </c>
    </row>
    <row r="8325" spans="8:19" x14ac:dyDescent="0.3">
      <c r="H8325" s="44">
        <v>8318</v>
      </c>
      <c r="I8325" s="56">
        <f>Bühler!I8351</f>
        <v>0.51894661763345862</v>
      </c>
      <c r="J8325" s="59">
        <f>Bühler!J8351</f>
        <v>1.7298220587781956</v>
      </c>
      <c r="K8325" s="59">
        <f>Bühler!K8351</f>
        <v>2.5947330881672932</v>
      </c>
      <c r="L8325" s="59">
        <f>Bühler!L8351</f>
        <v>12.454718823203008</v>
      </c>
      <c r="M8325" s="58">
        <f>Bühler!M8351</f>
        <v>0</v>
      </c>
      <c r="N8325" s="56">
        <f>IF(Input!$D$19=1,J8325*Input!$C$19,0)+IF(Input!$D$20=1,K8325*Input!$C$20,0)+IF(Input!$D$21=1,L8325*Input!$C$21,0)+IF(Input!$D$22=1,M8325*Input!$C$22,0)</f>
        <v>0.51894661763345862</v>
      </c>
      <c r="O8325" s="59">
        <f>IF(Input!$D$19=2,J8325*Input!$C$19,0)+IF(Input!$D$20=2,K8325*Input!$C$20,0)+IF(Input!$D$21=2,L8325*Input!$C$21,0)+IF(Input!$D$22=2,M8325*Input!$C$22,0)</f>
        <v>1.2973665440836466</v>
      </c>
      <c r="P8325" s="59">
        <f>IF(Input!$D$19=3,J8325*Input!$C$19,0)+IF(Input!$D$20=3,K8325*Input!$C$20,0)+IF(Input!$D$21=3,L8325*Input!$C$21,0)+IF(Input!$D$22=3,M8325*Input!$C$22,0)</f>
        <v>0</v>
      </c>
      <c r="Q8325" s="75">
        <f>IF(Input!$D$19=4,J8325*Input!$C$19,0)+IF(Input!$D$20=4,K8325*Input!$C$20,0)+IF(Input!$D$21=4,L8325*Input!$C$21,0)+IF(Input!$D$22=4,M8325*Input!$C$22,0)</f>
        <v>0</v>
      </c>
      <c r="R8325" s="58">
        <v>70.855194223256518</v>
      </c>
      <c r="S8325" s="124">
        <f t="shared" si="129"/>
        <v>2.2487686764116543</v>
      </c>
    </row>
    <row r="8326" spans="8:19" x14ac:dyDescent="0.3">
      <c r="H8326" s="44">
        <v>8319</v>
      </c>
      <c r="I8326" s="56">
        <f>Bühler!I8352</f>
        <v>0.51894661763345862</v>
      </c>
      <c r="J8326" s="59">
        <f>Bühler!J8352</f>
        <v>1.7298220587781956</v>
      </c>
      <c r="K8326" s="59">
        <f>Bühler!K8352</f>
        <v>2.5947330881672932</v>
      </c>
      <c r="L8326" s="59">
        <f>Bühler!L8352</f>
        <v>12.454718823203008</v>
      </c>
      <c r="M8326" s="58">
        <f>Bühler!M8352</f>
        <v>0</v>
      </c>
      <c r="N8326" s="56">
        <f>IF(Input!$D$19=1,J8326*Input!$C$19,0)+IF(Input!$D$20=1,K8326*Input!$C$20,0)+IF(Input!$D$21=1,L8326*Input!$C$21,0)+IF(Input!$D$22=1,M8326*Input!$C$22,0)</f>
        <v>0.51894661763345862</v>
      </c>
      <c r="O8326" s="59">
        <f>IF(Input!$D$19=2,J8326*Input!$C$19,0)+IF(Input!$D$20=2,K8326*Input!$C$20,0)+IF(Input!$D$21=2,L8326*Input!$C$21,0)+IF(Input!$D$22=2,M8326*Input!$C$22,0)</f>
        <v>1.2973665440836466</v>
      </c>
      <c r="P8326" s="59">
        <f>IF(Input!$D$19=3,J8326*Input!$C$19,0)+IF(Input!$D$20=3,K8326*Input!$C$20,0)+IF(Input!$D$21=3,L8326*Input!$C$21,0)+IF(Input!$D$22=3,M8326*Input!$C$22,0)</f>
        <v>0</v>
      </c>
      <c r="Q8326" s="75">
        <f>IF(Input!$D$19=4,J8326*Input!$C$19,0)+IF(Input!$D$20=4,K8326*Input!$C$20,0)+IF(Input!$D$21=4,L8326*Input!$C$21,0)+IF(Input!$D$22=4,M8326*Input!$C$22,0)</f>
        <v>0</v>
      </c>
      <c r="R8326" s="58">
        <v>71.03350309871557</v>
      </c>
      <c r="S8326" s="124">
        <f t="shared" si="129"/>
        <v>2.2487686764116543</v>
      </c>
    </row>
    <row r="8327" spans="8:19" x14ac:dyDescent="0.3">
      <c r="H8327" s="44">
        <v>8320</v>
      </c>
      <c r="I8327" s="56">
        <f>Bühler!I8353</f>
        <v>0.51894661763345862</v>
      </c>
      <c r="J8327" s="59">
        <f>Bühler!J8353</f>
        <v>1.7298220587781956</v>
      </c>
      <c r="K8327" s="59">
        <f>Bühler!K8353</f>
        <v>2.5947330881672932</v>
      </c>
      <c r="L8327" s="59">
        <f>Bühler!L8353</f>
        <v>12.454718823203008</v>
      </c>
      <c r="M8327" s="58">
        <f>Bühler!M8353</f>
        <v>0</v>
      </c>
      <c r="N8327" s="56">
        <f>IF(Input!$D$19=1,J8327*Input!$C$19,0)+IF(Input!$D$20=1,K8327*Input!$C$20,0)+IF(Input!$D$21=1,L8327*Input!$C$21,0)+IF(Input!$D$22=1,M8327*Input!$C$22,0)</f>
        <v>0.51894661763345862</v>
      </c>
      <c r="O8327" s="59">
        <f>IF(Input!$D$19=2,J8327*Input!$C$19,0)+IF(Input!$D$20=2,K8327*Input!$C$20,0)+IF(Input!$D$21=2,L8327*Input!$C$21,0)+IF(Input!$D$22=2,M8327*Input!$C$22,0)</f>
        <v>1.2973665440836466</v>
      </c>
      <c r="P8327" s="59">
        <f>IF(Input!$D$19=3,J8327*Input!$C$19,0)+IF(Input!$D$20=3,K8327*Input!$C$20,0)+IF(Input!$D$21=3,L8327*Input!$C$21,0)+IF(Input!$D$22=3,M8327*Input!$C$22,0)</f>
        <v>0</v>
      </c>
      <c r="Q8327" s="75">
        <f>IF(Input!$D$19=4,J8327*Input!$C$19,0)+IF(Input!$D$20=4,K8327*Input!$C$20,0)+IF(Input!$D$21=4,L8327*Input!$C$21,0)+IF(Input!$D$22=4,M8327*Input!$C$22,0)</f>
        <v>0</v>
      </c>
      <c r="R8327" s="58">
        <v>69.658003540683765</v>
      </c>
      <c r="S8327" s="124">
        <f t="shared" si="129"/>
        <v>2.2487686764116543</v>
      </c>
    </row>
    <row r="8328" spans="8:19" x14ac:dyDescent="0.3">
      <c r="H8328" s="44">
        <v>8321</v>
      </c>
      <c r="I8328" s="56">
        <f>Bühler!I8354</f>
        <v>0.51894661763345862</v>
      </c>
      <c r="J8328" s="59">
        <f>Bühler!J8354</f>
        <v>1.7298220587781956</v>
      </c>
      <c r="K8328" s="59">
        <f>Bühler!K8354</f>
        <v>2.5947330881672932</v>
      </c>
      <c r="L8328" s="59">
        <f>Bühler!L8354</f>
        <v>12.454718823203008</v>
      </c>
      <c r="M8328" s="58">
        <f>Bühler!M8354</f>
        <v>0</v>
      </c>
      <c r="N8328" s="56">
        <f>IF(Input!$D$19=1,J8328*Input!$C$19,0)+IF(Input!$D$20=1,K8328*Input!$C$20,0)+IF(Input!$D$21=1,L8328*Input!$C$21,0)+IF(Input!$D$22=1,M8328*Input!$C$22,0)</f>
        <v>0.51894661763345862</v>
      </c>
      <c r="O8328" s="59">
        <f>IF(Input!$D$19=2,J8328*Input!$C$19,0)+IF(Input!$D$20=2,K8328*Input!$C$20,0)+IF(Input!$D$21=2,L8328*Input!$C$21,0)+IF(Input!$D$22=2,M8328*Input!$C$22,0)</f>
        <v>1.2973665440836466</v>
      </c>
      <c r="P8328" s="59">
        <f>IF(Input!$D$19=3,J8328*Input!$C$19,0)+IF(Input!$D$20=3,K8328*Input!$C$20,0)+IF(Input!$D$21=3,L8328*Input!$C$21,0)+IF(Input!$D$22=3,M8328*Input!$C$22,0)</f>
        <v>0</v>
      </c>
      <c r="Q8328" s="75">
        <f>IF(Input!$D$19=4,J8328*Input!$C$19,0)+IF(Input!$D$20=4,K8328*Input!$C$20,0)+IF(Input!$D$21=4,L8328*Input!$C$21,0)+IF(Input!$D$22=4,M8328*Input!$C$22,0)</f>
        <v>0</v>
      </c>
      <c r="R8328" s="58">
        <v>68.915948548799904</v>
      </c>
      <c r="S8328" s="124">
        <f t="shared" si="129"/>
        <v>2.2487686764116543</v>
      </c>
    </row>
    <row r="8329" spans="8:19" x14ac:dyDescent="0.3">
      <c r="H8329" s="44">
        <v>8322</v>
      </c>
      <c r="I8329" s="56">
        <f>Bühler!I8355</f>
        <v>0.51894661763345862</v>
      </c>
      <c r="J8329" s="59">
        <f>Bühler!J8355</f>
        <v>1.7298220587781956</v>
      </c>
      <c r="K8329" s="59">
        <f>Bühler!K8355</f>
        <v>2.5947330881672932</v>
      </c>
      <c r="L8329" s="59">
        <f>Bühler!L8355</f>
        <v>12.454718823203008</v>
      </c>
      <c r="M8329" s="58">
        <f>Bühler!M8355</f>
        <v>0</v>
      </c>
      <c r="N8329" s="56">
        <f>IF(Input!$D$19=1,J8329*Input!$C$19,0)+IF(Input!$D$20=1,K8329*Input!$C$20,0)+IF(Input!$D$21=1,L8329*Input!$C$21,0)+IF(Input!$D$22=1,M8329*Input!$C$22,0)</f>
        <v>0.51894661763345862</v>
      </c>
      <c r="O8329" s="59">
        <f>IF(Input!$D$19=2,J8329*Input!$C$19,0)+IF(Input!$D$20=2,K8329*Input!$C$20,0)+IF(Input!$D$21=2,L8329*Input!$C$21,0)+IF(Input!$D$22=2,M8329*Input!$C$22,0)</f>
        <v>1.2973665440836466</v>
      </c>
      <c r="P8329" s="59">
        <f>IF(Input!$D$19=3,J8329*Input!$C$19,0)+IF(Input!$D$20=3,K8329*Input!$C$20,0)+IF(Input!$D$21=3,L8329*Input!$C$21,0)+IF(Input!$D$22=3,M8329*Input!$C$22,0)</f>
        <v>0</v>
      </c>
      <c r="Q8329" s="75">
        <f>IF(Input!$D$19=4,J8329*Input!$C$19,0)+IF(Input!$D$20=4,K8329*Input!$C$20,0)+IF(Input!$D$21=4,L8329*Input!$C$21,0)+IF(Input!$D$22=4,M8329*Input!$C$22,0)</f>
        <v>0</v>
      </c>
      <c r="R8329" s="58">
        <v>67.91728342903626</v>
      </c>
      <c r="S8329" s="124">
        <f t="shared" ref="S8329:S8392" si="130">I8329+J8329</f>
        <v>2.2487686764116543</v>
      </c>
    </row>
    <row r="8330" spans="8:19" x14ac:dyDescent="0.3">
      <c r="H8330" s="44">
        <v>8323</v>
      </c>
      <c r="I8330" s="56">
        <f>Bühler!I8356</f>
        <v>0.51894661763345862</v>
      </c>
      <c r="J8330" s="59">
        <f>Bühler!J8356</f>
        <v>1.7298220587781956</v>
      </c>
      <c r="K8330" s="59">
        <f>Bühler!K8356</f>
        <v>2.5947330881672932</v>
      </c>
      <c r="L8330" s="59">
        <f>Bühler!L8356</f>
        <v>12.454718823203008</v>
      </c>
      <c r="M8330" s="58">
        <f>Bühler!M8356</f>
        <v>0</v>
      </c>
      <c r="N8330" s="56">
        <f>IF(Input!$D$19=1,J8330*Input!$C$19,0)+IF(Input!$D$20=1,K8330*Input!$C$20,0)+IF(Input!$D$21=1,L8330*Input!$C$21,0)+IF(Input!$D$22=1,M8330*Input!$C$22,0)</f>
        <v>0.51894661763345862</v>
      </c>
      <c r="O8330" s="59">
        <f>IF(Input!$D$19=2,J8330*Input!$C$19,0)+IF(Input!$D$20=2,K8330*Input!$C$20,0)+IF(Input!$D$21=2,L8330*Input!$C$21,0)+IF(Input!$D$22=2,M8330*Input!$C$22,0)</f>
        <v>1.2973665440836466</v>
      </c>
      <c r="P8330" s="59">
        <f>IF(Input!$D$19=3,J8330*Input!$C$19,0)+IF(Input!$D$20=3,K8330*Input!$C$20,0)+IF(Input!$D$21=3,L8330*Input!$C$21,0)+IF(Input!$D$22=3,M8330*Input!$C$22,0)</f>
        <v>0</v>
      </c>
      <c r="Q8330" s="75">
        <f>IF(Input!$D$19=4,J8330*Input!$C$19,0)+IF(Input!$D$20=4,K8330*Input!$C$20,0)+IF(Input!$D$21=4,L8330*Input!$C$21,0)+IF(Input!$D$22=4,M8330*Input!$C$22,0)</f>
        <v>0</v>
      </c>
      <c r="R8330" s="58">
        <v>66.30030762747829</v>
      </c>
      <c r="S8330" s="124">
        <f t="shared" si="130"/>
        <v>2.2487686764116543</v>
      </c>
    </row>
    <row r="8331" spans="8:19" x14ac:dyDescent="0.3">
      <c r="H8331" s="44">
        <v>8324</v>
      </c>
      <c r="I8331" s="56">
        <f>Bühler!I8357</f>
        <v>0.43245551469454879</v>
      </c>
      <c r="J8331" s="59">
        <f>Bühler!J8357</f>
        <v>1.4415183823151629</v>
      </c>
      <c r="K8331" s="59">
        <f>Bühler!K8357</f>
        <v>2.162277573472744</v>
      </c>
      <c r="L8331" s="59">
        <f>Bühler!L8357</f>
        <v>10.378932352669171</v>
      </c>
      <c r="M8331" s="58">
        <f>Bühler!M8357</f>
        <v>0</v>
      </c>
      <c r="N8331" s="56">
        <f>IF(Input!$D$19=1,J8331*Input!$C$19,0)+IF(Input!$D$20=1,K8331*Input!$C$20,0)+IF(Input!$D$21=1,L8331*Input!$C$21,0)+IF(Input!$D$22=1,M8331*Input!$C$22,0)</f>
        <v>0.43245551469454885</v>
      </c>
      <c r="O8331" s="59">
        <f>IF(Input!$D$19=2,J8331*Input!$C$19,0)+IF(Input!$D$20=2,K8331*Input!$C$20,0)+IF(Input!$D$21=2,L8331*Input!$C$21,0)+IF(Input!$D$22=2,M8331*Input!$C$22,0)</f>
        <v>1.081138786736372</v>
      </c>
      <c r="P8331" s="59">
        <f>IF(Input!$D$19=3,J8331*Input!$C$19,0)+IF(Input!$D$20=3,K8331*Input!$C$20,0)+IF(Input!$D$21=3,L8331*Input!$C$21,0)+IF(Input!$D$22=3,M8331*Input!$C$22,0)</f>
        <v>0</v>
      </c>
      <c r="Q8331" s="75">
        <f>IF(Input!$D$19=4,J8331*Input!$C$19,0)+IF(Input!$D$20=4,K8331*Input!$C$20,0)+IF(Input!$D$21=4,L8331*Input!$C$21,0)+IF(Input!$D$22=4,M8331*Input!$C$22,0)</f>
        <v>0</v>
      </c>
      <c r="R8331" s="58">
        <v>65.473233264880349</v>
      </c>
      <c r="S8331" s="124">
        <f t="shared" si="130"/>
        <v>1.8739738970097117</v>
      </c>
    </row>
    <row r="8332" spans="8:19" x14ac:dyDescent="0.3">
      <c r="H8332" s="44">
        <v>8325</v>
      </c>
      <c r="I8332" s="56">
        <f>Bühler!I8358</f>
        <v>0.34596441175563908</v>
      </c>
      <c r="J8332" s="59">
        <f>Bühler!J8358</f>
        <v>1.1532147058521305</v>
      </c>
      <c r="K8332" s="59">
        <f>Bühler!K8358</f>
        <v>1.7298220587781954</v>
      </c>
      <c r="L8332" s="59">
        <f>Bühler!L8358</f>
        <v>8.3031458821353379</v>
      </c>
      <c r="M8332" s="58">
        <f>Bühler!M8358</f>
        <v>0</v>
      </c>
      <c r="N8332" s="56">
        <f>IF(Input!$D$19=1,J8332*Input!$C$19,0)+IF(Input!$D$20=1,K8332*Input!$C$20,0)+IF(Input!$D$21=1,L8332*Input!$C$21,0)+IF(Input!$D$22=1,M8332*Input!$C$22,0)</f>
        <v>0.34596441175563913</v>
      </c>
      <c r="O8332" s="59">
        <f>IF(Input!$D$19=2,J8332*Input!$C$19,0)+IF(Input!$D$20=2,K8332*Input!$C$20,0)+IF(Input!$D$21=2,L8332*Input!$C$21,0)+IF(Input!$D$22=2,M8332*Input!$C$22,0)</f>
        <v>0.8649110293890977</v>
      </c>
      <c r="P8332" s="59">
        <f>IF(Input!$D$19=3,J8332*Input!$C$19,0)+IF(Input!$D$20=3,K8332*Input!$C$20,0)+IF(Input!$D$21=3,L8332*Input!$C$21,0)+IF(Input!$D$22=3,M8332*Input!$C$22,0)</f>
        <v>0</v>
      </c>
      <c r="Q8332" s="75">
        <f>IF(Input!$D$19=4,J8332*Input!$C$19,0)+IF(Input!$D$20=4,K8332*Input!$C$20,0)+IF(Input!$D$21=4,L8332*Input!$C$21,0)+IF(Input!$D$22=4,M8332*Input!$C$22,0)</f>
        <v>0</v>
      </c>
      <c r="R8332" s="58">
        <v>64.147855426373695</v>
      </c>
      <c r="S8332" s="124">
        <f t="shared" si="130"/>
        <v>1.4991791176077696</v>
      </c>
    </row>
    <row r="8333" spans="8:19" x14ac:dyDescent="0.3">
      <c r="H8333" s="44">
        <v>8326</v>
      </c>
      <c r="I8333" s="56">
        <f>Bühler!I8359</f>
        <v>0.25947330881672931</v>
      </c>
      <c r="J8333" s="59">
        <f>Bühler!J8359</f>
        <v>0.86491102938909781</v>
      </c>
      <c r="K8333" s="59">
        <f>Bühler!K8359</f>
        <v>1.2973665440836466</v>
      </c>
      <c r="L8333" s="59">
        <f>Bühler!L8359</f>
        <v>6.2273594116015039</v>
      </c>
      <c r="M8333" s="58">
        <f>Bühler!M8359</f>
        <v>0</v>
      </c>
      <c r="N8333" s="56">
        <f>IF(Input!$D$19=1,J8333*Input!$C$19,0)+IF(Input!$D$20=1,K8333*Input!$C$20,0)+IF(Input!$D$21=1,L8333*Input!$C$21,0)+IF(Input!$D$22=1,M8333*Input!$C$22,0)</f>
        <v>0.25947330881672931</v>
      </c>
      <c r="O8333" s="59">
        <f>IF(Input!$D$19=2,J8333*Input!$C$19,0)+IF(Input!$D$20=2,K8333*Input!$C$20,0)+IF(Input!$D$21=2,L8333*Input!$C$21,0)+IF(Input!$D$22=2,M8333*Input!$C$22,0)</f>
        <v>0.6486832720418233</v>
      </c>
      <c r="P8333" s="59">
        <f>IF(Input!$D$19=3,J8333*Input!$C$19,0)+IF(Input!$D$20=3,K8333*Input!$C$20,0)+IF(Input!$D$21=3,L8333*Input!$C$21,0)+IF(Input!$D$22=3,M8333*Input!$C$22,0)</f>
        <v>0</v>
      </c>
      <c r="Q8333" s="75">
        <f>IF(Input!$D$19=4,J8333*Input!$C$19,0)+IF(Input!$D$20=4,K8333*Input!$C$20,0)+IF(Input!$D$21=4,L8333*Input!$C$21,0)+IF(Input!$D$22=4,M8333*Input!$C$22,0)</f>
        <v>0</v>
      </c>
      <c r="R8333" s="58">
        <v>61.817708691415909</v>
      </c>
      <c r="S8333" s="124">
        <f t="shared" si="130"/>
        <v>1.1243843382058272</v>
      </c>
    </row>
    <row r="8334" spans="8:19" x14ac:dyDescent="0.3">
      <c r="H8334" s="44">
        <v>8327</v>
      </c>
      <c r="I8334" s="56">
        <f>Bühler!I8360</f>
        <v>0.25947330881672931</v>
      </c>
      <c r="J8334" s="59">
        <f>Bühler!J8360</f>
        <v>0.86491102938909781</v>
      </c>
      <c r="K8334" s="59">
        <f>Bühler!K8360</f>
        <v>1.2973665440836466</v>
      </c>
      <c r="L8334" s="59">
        <f>Bühler!L8360</f>
        <v>6.2273594116015039</v>
      </c>
      <c r="M8334" s="58">
        <f>Bühler!M8360</f>
        <v>0</v>
      </c>
      <c r="N8334" s="56">
        <f>IF(Input!$D$19=1,J8334*Input!$C$19,0)+IF(Input!$D$20=1,K8334*Input!$C$20,0)+IF(Input!$D$21=1,L8334*Input!$C$21,0)+IF(Input!$D$22=1,M8334*Input!$C$22,0)</f>
        <v>0.25947330881672931</v>
      </c>
      <c r="O8334" s="59">
        <f>IF(Input!$D$19=2,J8334*Input!$C$19,0)+IF(Input!$D$20=2,K8334*Input!$C$20,0)+IF(Input!$D$21=2,L8334*Input!$C$21,0)+IF(Input!$D$22=2,M8334*Input!$C$22,0)</f>
        <v>0.6486832720418233</v>
      </c>
      <c r="P8334" s="59">
        <f>IF(Input!$D$19=3,J8334*Input!$C$19,0)+IF(Input!$D$20=3,K8334*Input!$C$20,0)+IF(Input!$D$21=3,L8334*Input!$C$21,0)+IF(Input!$D$22=3,M8334*Input!$C$22,0)</f>
        <v>0</v>
      </c>
      <c r="Q8334" s="75">
        <f>IF(Input!$D$19=4,J8334*Input!$C$19,0)+IF(Input!$D$20=4,K8334*Input!$C$20,0)+IF(Input!$D$21=4,L8334*Input!$C$21,0)+IF(Input!$D$22=4,M8334*Input!$C$22,0)</f>
        <v>0</v>
      </c>
      <c r="R8334" s="58">
        <v>61.256393619773746</v>
      </c>
      <c r="S8334" s="124">
        <f t="shared" si="130"/>
        <v>1.1243843382058272</v>
      </c>
    </row>
    <row r="8335" spans="8:19" x14ac:dyDescent="0.3">
      <c r="H8335" s="44">
        <v>8328</v>
      </c>
      <c r="I8335" s="56">
        <f>Bühler!I8361</f>
        <v>0.25947330881672931</v>
      </c>
      <c r="J8335" s="59">
        <f>Bühler!J8361</f>
        <v>0.86491102938909781</v>
      </c>
      <c r="K8335" s="59">
        <f>Bühler!K8361</f>
        <v>1.2973665440836466</v>
      </c>
      <c r="L8335" s="59">
        <f>Bühler!L8361</f>
        <v>6.2273594116015039</v>
      </c>
      <c r="M8335" s="58">
        <f>Bühler!M8361</f>
        <v>0</v>
      </c>
      <c r="N8335" s="56">
        <f>IF(Input!$D$19=1,J8335*Input!$C$19,0)+IF(Input!$D$20=1,K8335*Input!$C$20,0)+IF(Input!$D$21=1,L8335*Input!$C$21,0)+IF(Input!$D$22=1,M8335*Input!$C$22,0)</f>
        <v>0.25947330881672931</v>
      </c>
      <c r="O8335" s="59">
        <f>IF(Input!$D$19=2,J8335*Input!$C$19,0)+IF(Input!$D$20=2,K8335*Input!$C$20,0)+IF(Input!$D$21=2,L8335*Input!$C$21,0)+IF(Input!$D$22=2,M8335*Input!$C$22,0)</f>
        <v>0.6486832720418233</v>
      </c>
      <c r="P8335" s="59">
        <f>IF(Input!$D$19=3,J8335*Input!$C$19,0)+IF(Input!$D$20=3,K8335*Input!$C$20,0)+IF(Input!$D$21=3,L8335*Input!$C$21,0)+IF(Input!$D$22=3,M8335*Input!$C$22,0)</f>
        <v>0</v>
      </c>
      <c r="Q8335" s="75">
        <f>IF(Input!$D$19=4,J8335*Input!$C$19,0)+IF(Input!$D$20=4,K8335*Input!$C$20,0)+IF(Input!$D$21=4,L8335*Input!$C$21,0)+IF(Input!$D$22=4,M8335*Input!$C$22,0)</f>
        <v>0</v>
      </c>
      <c r="R8335" s="58">
        <v>59.29750760775601</v>
      </c>
      <c r="S8335" s="124">
        <f t="shared" si="130"/>
        <v>1.1243843382058272</v>
      </c>
    </row>
    <row r="8336" spans="8:19" x14ac:dyDescent="0.3">
      <c r="H8336" s="44">
        <v>8329</v>
      </c>
      <c r="I8336" s="56">
        <f>Bühler!I8362</f>
        <v>0.2856180369515432</v>
      </c>
      <c r="J8336" s="59">
        <f>Bühler!J8362</f>
        <v>0.95206012317181077</v>
      </c>
      <c r="K8336" s="59">
        <f>Bühler!K8362</f>
        <v>1.4280901847577161</v>
      </c>
      <c r="L8336" s="59">
        <f>Bühler!L8362</f>
        <v>6.8548328868370367</v>
      </c>
      <c r="M8336" s="58">
        <f>Bühler!M8362</f>
        <v>0</v>
      </c>
      <c r="N8336" s="56">
        <f>IF(Input!$D$19=1,J8336*Input!$C$19,0)+IF(Input!$D$20=1,K8336*Input!$C$20,0)+IF(Input!$D$21=1,L8336*Input!$C$21,0)+IF(Input!$D$22=1,M8336*Input!$C$22,0)</f>
        <v>0.2856180369515432</v>
      </c>
      <c r="O8336" s="59">
        <f>IF(Input!$D$19=2,J8336*Input!$C$19,0)+IF(Input!$D$20=2,K8336*Input!$C$20,0)+IF(Input!$D$21=2,L8336*Input!$C$21,0)+IF(Input!$D$22=2,M8336*Input!$C$22,0)</f>
        <v>0.71404509237885805</v>
      </c>
      <c r="P8336" s="59">
        <f>IF(Input!$D$19=3,J8336*Input!$C$19,0)+IF(Input!$D$20=3,K8336*Input!$C$20,0)+IF(Input!$D$21=3,L8336*Input!$C$21,0)+IF(Input!$D$22=3,M8336*Input!$C$22,0)</f>
        <v>0</v>
      </c>
      <c r="Q8336" s="75">
        <f>IF(Input!$D$19=4,J8336*Input!$C$19,0)+IF(Input!$D$20=4,K8336*Input!$C$20,0)+IF(Input!$D$21=4,L8336*Input!$C$21,0)+IF(Input!$D$22=4,M8336*Input!$C$22,0)</f>
        <v>0</v>
      </c>
      <c r="R8336" s="58">
        <v>58.761029004868767</v>
      </c>
      <c r="S8336" s="124">
        <f t="shared" si="130"/>
        <v>1.237678160123354</v>
      </c>
    </row>
    <row r="8337" spans="8:19" x14ac:dyDescent="0.3">
      <c r="H8337" s="44">
        <v>8330</v>
      </c>
      <c r="I8337" s="56">
        <f>Bühler!I8363</f>
        <v>0.2856180369515432</v>
      </c>
      <c r="J8337" s="59">
        <f>Bühler!J8363</f>
        <v>0.95206012317181077</v>
      </c>
      <c r="K8337" s="59">
        <f>Bühler!K8363</f>
        <v>1.4280901847577161</v>
      </c>
      <c r="L8337" s="59">
        <f>Bühler!L8363</f>
        <v>6.8548328868370367</v>
      </c>
      <c r="M8337" s="58">
        <f>Bühler!M8363</f>
        <v>0</v>
      </c>
      <c r="N8337" s="56">
        <f>IF(Input!$D$19=1,J8337*Input!$C$19,0)+IF(Input!$D$20=1,K8337*Input!$C$20,0)+IF(Input!$D$21=1,L8337*Input!$C$21,0)+IF(Input!$D$22=1,M8337*Input!$C$22,0)</f>
        <v>0.2856180369515432</v>
      </c>
      <c r="O8337" s="59">
        <f>IF(Input!$D$19=2,J8337*Input!$C$19,0)+IF(Input!$D$20=2,K8337*Input!$C$20,0)+IF(Input!$D$21=2,L8337*Input!$C$21,0)+IF(Input!$D$22=2,M8337*Input!$C$22,0)</f>
        <v>0.71404509237885805</v>
      </c>
      <c r="P8337" s="59">
        <f>IF(Input!$D$19=3,J8337*Input!$C$19,0)+IF(Input!$D$20=3,K8337*Input!$C$20,0)+IF(Input!$D$21=3,L8337*Input!$C$21,0)+IF(Input!$D$22=3,M8337*Input!$C$22,0)</f>
        <v>0</v>
      </c>
      <c r="Q8337" s="75">
        <f>IF(Input!$D$19=4,J8337*Input!$C$19,0)+IF(Input!$D$20=4,K8337*Input!$C$20,0)+IF(Input!$D$21=4,L8337*Input!$C$21,0)+IF(Input!$D$22=4,M8337*Input!$C$22,0)</f>
        <v>0</v>
      </c>
      <c r="R8337" s="58">
        <v>58.299132673295318</v>
      </c>
      <c r="S8337" s="124">
        <f t="shared" si="130"/>
        <v>1.237678160123354</v>
      </c>
    </row>
    <row r="8338" spans="8:19" x14ac:dyDescent="0.3">
      <c r="H8338" s="44">
        <v>8331</v>
      </c>
      <c r="I8338" s="56">
        <f>Bühler!I8364</f>
        <v>0.2856180369515432</v>
      </c>
      <c r="J8338" s="59">
        <f>Bühler!J8364</f>
        <v>0.95206012317181077</v>
      </c>
      <c r="K8338" s="59">
        <f>Bühler!K8364</f>
        <v>1.4280901847577161</v>
      </c>
      <c r="L8338" s="59">
        <f>Bühler!L8364</f>
        <v>6.8548328868370367</v>
      </c>
      <c r="M8338" s="58">
        <f>Bühler!M8364</f>
        <v>0</v>
      </c>
      <c r="N8338" s="56">
        <f>IF(Input!$D$19=1,J8338*Input!$C$19,0)+IF(Input!$D$20=1,K8338*Input!$C$20,0)+IF(Input!$D$21=1,L8338*Input!$C$21,0)+IF(Input!$D$22=1,M8338*Input!$C$22,0)</f>
        <v>0.2856180369515432</v>
      </c>
      <c r="O8338" s="59">
        <f>IF(Input!$D$19=2,J8338*Input!$C$19,0)+IF(Input!$D$20=2,K8338*Input!$C$20,0)+IF(Input!$D$21=2,L8338*Input!$C$21,0)+IF(Input!$D$22=2,M8338*Input!$C$22,0)</f>
        <v>0.71404509237885805</v>
      </c>
      <c r="P8338" s="59">
        <f>IF(Input!$D$19=3,J8338*Input!$C$19,0)+IF(Input!$D$20=3,K8338*Input!$C$20,0)+IF(Input!$D$21=3,L8338*Input!$C$21,0)+IF(Input!$D$22=3,M8338*Input!$C$22,0)</f>
        <v>0</v>
      </c>
      <c r="Q8338" s="75">
        <f>IF(Input!$D$19=4,J8338*Input!$C$19,0)+IF(Input!$D$20=4,K8338*Input!$C$20,0)+IF(Input!$D$21=4,L8338*Input!$C$21,0)+IF(Input!$D$22=4,M8338*Input!$C$22,0)</f>
        <v>0</v>
      </c>
      <c r="R8338" s="58">
        <v>58.793741606818791</v>
      </c>
      <c r="S8338" s="124">
        <f t="shared" si="130"/>
        <v>1.237678160123354</v>
      </c>
    </row>
    <row r="8339" spans="8:19" x14ac:dyDescent="0.3">
      <c r="H8339" s="44">
        <v>8332</v>
      </c>
      <c r="I8339" s="56">
        <f>Bühler!I8365</f>
        <v>0.2856180369515432</v>
      </c>
      <c r="J8339" s="59">
        <f>Bühler!J8365</f>
        <v>0.95206012317181077</v>
      </c>
      <c r="K8339" s="59">
        <f>Bühler!K8365</f>
        <v>1.4280901847577161</v>
      </c>
      <c r="L8339" s="59">
        <f>Bühler!L8365</f>
        <v>6.8548328868370367</v>
      </c>
      <c r="M8339" s="58">
        <f>Bühler!M8365</f>
        <v>0</v>
      </c>
      <c r="N8339" s="56">
        <f>IF(Input!$D$19=1,J8339*Input!$C$19,0)+IF(Input!$D$20=1,K8339*Input!$C$20,0)+IF(Input!$D$21=1,L8339*Input!$C$21,0)+IF(Input!$D$22=1,M8339*Input!$C$22,0)</f>
        <v>0.2856180369515432</v>
      </c>
      <c r="O8339" s="59">
        <f>IF(Input!$D$19=2,J8339*Input!$C$19,0)+IF(Input!$D$20=2,K8339*Input!$C$20,0)+IF(Input!$D$21=2,L8339*Input!$C$21,0)+IF(Input!$D$22=2,M8339*Input!$C$22,0)</f>
        <v>0.71404509237885805</v>
      </c>
      <c r="P8339" s="59">
        <f>IF(Input!$D$19=3,J8339*Input!$C$19,0)+IF(Input!$D$20=3,K8339*Input!$C$20,0)+IF(Input!$D$21=3,L8339*Input!$C$21,0)+IF(Input!$D$22=3,M8339*Input!$C$22,0)</f>
        <v>0</v>
      </c>
      <c r="Q8339" s="75">
        <f>IF(Input!$D$19=4,J8339*Input!$C$19,0)+IF(Input!$D$20=4,K8339*Input!$C$20,0)+IF(Input!$D$21=4,L8339*Input!$C$21,0)+IF(Input!$D$22=4,M8339*Input!$C$22,0)</f>
        <v>0</v>
      </c>
      <c r="R8339" s="58">
        <v>58.797213945128512</v>
      </c>
      <c r="S8339" s="124">
        <f t="shared" si="130"/>
        <v>1.237678160123354</v>
      </c>
    </row>
    <row r="8340" spans="8:19" x14ac:dyDescent="0.3">
      <c r="H8340" s="44">
        <v>8333</v>
      </c>
      <c r="I8340" s="56">
        <f>Bühler!I8366</f>
        <v>0.2856180369515432</v>
      </c>
      <c r="J8340" s="59">
        <f>Bühler!J8366</f>
        <v>0.95206012317181077</v>
      </c>
      <c r="K8340" s="59">
        <f>Bühler!K8366</f>
        <v>1.4280901847577161</v>
      </c>
      <c r="L8340" s="59">
        <f>Bühler!L8366</f>
        <v>6.8548328868370367</v>
      </c>
      <c r="M8340" s="58">
        <f>Bühler!M8366</f>
        <v>0</v>
      </c>
      <c r="N8340" s="56">
        <f>IF(Input!$D$19=1,J8340*Input!$C$19,0)+IF(Input!$D$20=1,K8340*Input!$C$20,0)+IF(Input!$D$21=1,L8340*Input!$C$21,0)+IF(Input!$D$22=1,M8340*Input!$C$22,0)</f>
        <v>0.2856180369515432</v>
      </c>
      <c r="O8340" s="59">
        <f>IF(Input!$D$19=2,J8340*Input!$C$19,0)+IF(Input!$D$20=2,K8340*Input!$C$20,0)+IF(Input!$D$21=2,L8340*Input!$C$21,0)+IF(Input!$D$22=2,M8340*Input!$C$22,0)</f>
        <v>0.71404509237885805</v>
      </c>
      <c r="P8340" s="59">
        <f>IF(Input!$D$19=3,J8340*Input!$C$19,0)+IF(Input!$D$20=3,K8340*Input!$C$20,0)+IF(Input!$D$21=3,L8340*Input!$C$21,0)+IF(Input!$D$22=3,M8340*Input!$C$22,0)</f>
        <v>0</v>
      </c>
      <c r="Q8340" s="75">
        <f>IF(Input!$D$19=4,J8340*Input!$C$19,0)+IF(Input!$D$20=4,K8340*Input!$C$20,0)+IF(Input!$D$21=4,L8340*Input!$C$21,0)+IF(Input!$D$22=4,M8340*Input!$C$22,0)</f>
        <v>0</v>
      </c>
      <c r="R8340" s="58">
        <v>60.079549271381211</v>
      </c>
      <c r="S8340" s="124">
        <f t="shared" si="130"/>
        <v>1.237678160123354</v>
      </c>
    </row>
    <row r="8341" spans="8:19" x14ac:dyDescent="0.3">
      <c r="H8341" s="44">
        <v>8334</v>
      </c>
      <c r="I8341" s="56">
        <f>Bühler!I8367</f>
        <v>0.3681299142931001</v>
      </c>
      <c r="J8341" s="59">
        <f>Bühler!J8367</f>
        <v>1.2270997143103337</v>
      </c>
      <c r="K8341" s="59">
        <f>Bühler!K8367</f>
        <v>1.8406495714655005</v>
      </c>
      <c r="L8341" s="59">
        <f>Bühler!L8367</f>
        <v>8.8351179430344029</v>
      </c>
      <c r="M8341" s="58">
        <f>Bühler!M8367</f>
        <v>0</v>
      </c>
      <c r="N8341" s="56">
        <f>IF(Input!$D$19=1,J8341*Input!$C$19,0)+IF(Input!$D$20=1,K8341*Input!$C$20,0)+IF(Input!$D$21=1,L8341*Input!$C$21,0)+IF(Input!$D$22=1,M8341*Input!$C$22,0)</f>
        <v>0.3681299142931001</v>
      </c>
      <c r="O8341" s="59">
        <f>IF(Input!$D$19=2,J8341*Input!$C$19,0)+IF(Input!$D$20=2,K8341*Input!$C$20,0)+IF(Input!$D$21=2,L8341*Input!$C$21,0)+IF(Input!$D$22=2,M8341*Input!$C$22,0)</f>
        <v>0.92032478573275023</v>
      </c>
      <c r="P8341" s="59">
        <f>IF(Input!$D$19=3,J8341*Input!$C$19,0)+IF(Input!$D$20=3,K8341*Input!$C$20,0)+IF(Input!$D$21=3,L8341*Input!$C$21,0)+IF(Input!$D$22=3,M8341*Input!$C$22,0)</f>
        <v>0</v>
      </c>
      <c r="Q8341" s="75">
        <f>IF(Input!$D$19=4,J8341*Input!$C$19,0)+IF(Input!$D$20=4,K8341*Input!$C$20,0)+IF(Input!$D$21=4,L8341*Input!$C$21,0)+IF(Input!$D$22=4,M8341*Input!$C$22,0)</f>
        <v>0</v>
      </c>
      <c r="R8341" s="58">
        <v>63.067714668224127</v>
      </c>
      <c r="S8341" s="124">
        <f t="shared" si="130"/>
        <v>1.5952296286034338</v>
      </c>
    </row>
    <row r="8342" spans="8:19" x14ac:dyDescent="0.3">
      <c r="H8342" s="44">
        <v>8335</v>
      </c>
      <c r="I8342" s="56">
        <f>Bühler!I8368</f>
        <v>0.44429472414684501</v>
      </c>
      <c r="J8342" s="59">
        <f>Bühler!J8368</f>
        <v>1.4809824138228169</v>
      </c>
      <c r="K8342" s="59">
        <f>Bühler!K8368</f>
        <v>2.2214736207342249</v>
      </c>
      <c r="L8342" s="59">
        <f>Bühler!L8368</f>
        <v>10.663073379524279</v>
      </c>
      <c r="M8342" s="58">
        <f>Bühler!M8368</f>
        <v>0</v>
      </c>
      <c r="N8342" s="56">
        <f>IF(Input!$D$19=1,J8342*Input!$C$19,0)+IF(Input!$D$20=1,K8342*Input!$C$20,0)+IF(Input!$D$21=1,L8342*Input!$C$21,0)+IF(Input!$D$22=1,M8342*Input!$C$22,0)</f>
        <v>0.44429472414684507</v>
      </c>
      <c r="O8342" s="59">
        <f>IF(Input!$D$19=2,J8342*Input!$C$19,0)+IF(Input!$D$20=2,K8342*Input!$C$20,0)+IF(Input!$D$21=2,L8342*Input!$C$21,0)+IF(Input!$D$22=2,M8342*Input!$C$22,0)</f>
        <v>1.1107368103671125</v>
      </c>
      <c r="P8342" s="59">
        <f>IF(Input!$D$19=3,J8342*Input!$C$19,0)+IF(Input!$D$20=3,K8342*Input!$C$20,0)+IF(Input!$D$21=3,L8342*Input!$C$21,0)+IF(Input!$D$22=3,M8342*Input!$C$22,0)</f>
        <v>0</v>
      </c>
      <c r="Q8342" s="75">
        <f>IF(Input!$D$19=4,J8342*Input!$C$19,0)+IF(Input!$D$20=4,K8342*Input!$C$20,0)+IF(Input!$D$21=4,L8342*Input!$C$21,0)+IF(Input!$D$22=4,M8342*Input!$C$22,0)</f>
        <v>0</v>
      </c>
      <c r="R8342" s="58">
        <v>66.823413228480845</v>
      </c>
      <c r="S8342" s="124">
        <f t="shared" si="130"/>
        <v>1.9252771379696618</v>
      </c>
    </row>
    <row r="8343" spans="8:19" x14ac:dyDescent="0.3">
      <c r="H8343" s="44">
        <v>8336</v>
      </c>
      <c r="I8343" s="56">
        <f>Bühler!I8369</f>
        <v>0.44429472414684501</v>
      </c>
      <c r="J8343" s="59">
        <f>Bühler!J8369</f>
        <v>1.4809824138228169</v>
      </c>
      <c r="K8343" s="59">
        <f>Bühler!K8369</f>
        <v>2.2214736207342249</v>
      </c>
      <c r="L8343" s="59">
        <f>Bühler!L8369</f>
        <v>10.663073379524279</v>
      </c>
      <c r="M8343" s="58">
        <f>Bühler!M8369</f>
        <v>0</v>
      </c>
      <c r="N8343" s="56">
        <f>IF(Input!$D$19=1,J8343*Input!$C$19,0)+IF(Input!$D$20=1,K8343*Input!$C$20,0)+IF(Input!$D$21=1,L8343*Input!$C$21,0)+IF(Input!$D$22=1,M8343*Input!$C$22,0)</f>
        <v>0.44429472414684507</v>
      </c>
      <c r="O8343" s="59">
        <f>IF(Input!$D$19=2,J8343*Input!$C$19,0)+IF(Input!$D$20=2,K8343*Input!$C$20,0)+IF(Input!$D$21=2,L8343*Input!$C$21,0)+IF(Input!$D$22=2,M8343*Input!$C$22,0)</f>
        <v>1.1107368103671125</v>
      </c>
      <c r="P8343" s="59">
        <f>IF(Input!$D$19=3,J8343*Input!$C$19,0)+IF(Input!$D$20=3,K8343*Input!$C$20,0)+IF(Input!$D$21=3,L8343*Input!$C$21,0)+IF(Input!$D$22=3,M8343*Input!$C$22,0)</f>
        <v>0</v>
      </c>
      <c r="Q8343" s="75">
        <f>IF(Input!$D$19=4,J8343*Input!$C$19,0)+IF(Input!$D$20=4,K8343*Input!$C$20,0)+IF(Input!$D$21=4,L8343*Input!$C$21,0)+IF(Input!$D$22=4,M8343*Input!$C$22,0)</f>
        <v>0</v>
      </c>
      <c r="R8343" s="58">
        <v>68.448096700809657</v>
      </c>
      <c r="S8343" s="124">
        <f t="shared" si="130"/>
        <v>1.9252771379696618</v>
      </c>
    </row>
    <row r="8344" spans="8:19" x14ac:dyDescent="0.3">
      <c r="H8344" s="44">
        <v>8337</v>
      </c>
      <c r="I8344" s="56">
        <f>Bühler!I8370</f>
        <v>0.44429472414684501</v>
      </c>
      <c r="J8344" s="59">
        <f>Bühler!J8370</f>
        <v>1.4809824138228169</v>
      </c>
      <c r="K8344" s="59">
        <f>Bühler!K8370</f>
        <v>2.2214736207342249</v>
      </c>
      <c r="L8344" s="59">
        <f>Bühler!L8370</f>
        <v>10.663073379524279</v>
      </c>
      <c r="M8344" s="58">
        <f>Bühler!M8370</f>
        <v>0</v>
      </c>
      <c r="N8344" s="56">
        <f>IF(Input!$D$19=1,J8344*Input!$C$19,0)+IF(Input!$D$20=1,K8344*Input!$C$20,0)+IF(Input!$D$21=1,L8344*Input!$C$21,0)+IF(Input!$D$22=1,M8344*Input!$C$22,0)</f>
        <v>0.44429472414684507</v>
      </c>
      <c r="O8344" s="59">
        <f>IF(Input!$D$19=2,J8344*Input!$C$19,0)+IF(Input!$D$20=2,K8344*Input!$C$20,0)+IF(Input!$D$21=2,L8344*Input!$C$21,0)+IF(Input!$D$22=2,M8344*Input!$C$22,0)</f>
        <v>1.1107368103671125</v>
      </c>
      <c r="P8344" s="59">
        <f>IF(Input!$D$19=3,J8344*Input!$C$19,0)+IF(Input!$D$20=3,K8344*Input!$C$20,0)+IF(Input!$D$21=3,L8344*Input!$C$21,0)+IF(Input!$D$22=3,M8344*Input!$C$22,0)</f>
        <v>0</v>
      </c>
      <c r="Q8344" s="75">
        <f>IF(Input!$D$19=4,J8344*Input!$C$19,0)+IF(Input!$D$20=4,K8344*Input!$C$20,0)+IF(Input!$D$21=4,L8344*Input!$C$21,0)+IF(Input!$D$22=4,M8344*Input!$C$22,0)</f>
        <v>0</v>
      </c>
      <c r="R8344" s="58">
        <v>68.709574567012183</v>
      </c>
      <c r="S8344" s="124">
        <f t="shared" si="130"/>
        <v>1.9252771379696618</v>
      </c>
    </row>
    <row r="8345" spans="8:19" x14ac:dyDescent="0.3">
      <c r="H8345" s="44">
        <v>8338</v>
      </c>
      <c r="I8345" s="56">
        <f>Bühler!I8371</f>
        <v>0.47603006158590533</v>
      </c>
      <c r="J8345" s="59">
        <f>Bühler!J8371</f>
        <v>1.5867668719530179</v>
      </c>
      <c r="K8345" s="59">
        <f>Bühler!K8371</f>
        <v>2.3801503079295268</v>
      </c>
      <c r="L8345" s="59">
        <f>Bühler!L8371</f>
        <v>11.424721478061727</v>
      </c>
      <c r="M8345" s="58">
        <f>Bühler!M8371</f>
        <v>0</v>
      </c>
      <c r="N8345" s="56">
        <f>IF(Input!$D$19=1,J8345*Input!$C$19,0)+IF(Input!$D$20=1,K8345*Input!$C$20,0)+IF(Input!$D$21=1,L8345*Input!$C$21,0)+IF(Input!$D$22=1,M8345*Input!$C$22,0)</f>
        <v>0.47603006158590533</v>
      </c>
      <c r="O8345" s="59">
        <f>IF(Input!$D$19=2,J8345*Input!$C$19,0)+IF(Input!$D$20=2,K8345*Input!$C$20,0)+IF(Input!$D$21=2,L8345*Input!$C$21,0)+IF(Input!$D$22=2,M8345*Input!$C$22,0)</f>
        <v>1.1900751539647634</v>
      </c>
      <c r="P8345" s="59">
        <f>IF(Input!$D$19=3,J8345*Input!$C$19,0)+IF(Input!$D$20=3,K8345*Input!$C$20,0)+IF(Input!$D$21=3,L8345*Input!$C$21,0)+IF(Input!$D$22=3,M8345*Input!$C$22,0)</f>
        <v>0</v>
      </c>
      <c r="Q8345" s="75">
        <f>IF(Input!$D$19=4,J8345*Input!$C$19,0)+IF(Input!$D$20=4,K8345*Input!$C$20,0)+IF(Input!$D$21=4,L8345*Input!$C$21,0)+IF(Input!$D$22=4,M8345*Input!$C$22,0)</f>
        <v>0</v>
      </c>
      <c r="R8345" s="58">
        <v>67.580174113268825</v>
      </c>
      <c r="S8345" s="124">
        <f t="shared" si="130"/>
        <v>2.0627969335389231</v>
      </c>
    </row>
    <row r="8346" spans="8:19" x14ac:dyDescent="0.3">
      <c r="H8346" s="44">
        <v>8339</v>
      </c>
      <c r="I8346" s="56">
        <f>Bühler!I8372</f>
        <v>0.49507126404934154</v>
      </c>
      <c r="J8346" s="59">
        <f>Bühler!J8372</f>
        <v>1.6502375468311385</v>
      </c>
      <c r="K8346" s="59">
        <f>Bühler!K8372</f>
        <v>2.4753563202467075</v>
      </c>
      <c r="L8346" s="59">
        <f>Bühler!L8372</f>
        <v>11.881710337184197</v>
      </c>
      <c r="M8346" s="58">
        <f>Bühler!M8372</f>
        <v>0</v>
      </c>
      <c r="N8346" s="56">
        <f>IF(Input!$D$19=1,J8346*Input!$C$19,0)+IF(Input!$D$20=1,K8346*Input!$C$20,0)+IF(Input!$D$21=1,L8346*Input!$C$21,0)+IF(Input!$D$22=1,M8346*Input!$C$22,0)</f>
        <v>0.49507126404934154</v>
      </c>
      <c r="O8346" s="59">
        <f>IF(Input!$D$19=2,J8346*Input!$C$19,0)+IF(Input!$D$20=2,K8346*Input!$C$20,0)+IF(Input!$D$21=2,L8346*Input!$C$21,0)+IF(Input!$D$22=2,M8346*Input!$C$22,0)</f>
        <v>1.2376781601233537</v>
      </c>
      <c r="P8346" s="59">
        <f>IF(Input!$D$19=3,J8346*Input!$C$19,0)+IF(Input!$D$20=3,K8346*Input!$C$20,0)+IF(Input!$D$21=3,L8346*Input!$C$21,0)+IF(Input!$D$22=3,M8346*Input!$C$22,0)</f>
        <v>0</v>
      </c>
      <c r="Q8346" s="75">
        <f>IF(Input!$D$19=4,J8346*Input!$C$19,0)+IF(Input!$D$20=4,K8346*Input!$C$20,0)+IF(Input!$D$21=4,L8346*Input!$C$21,0)+IF(Input!$D$22=4,M8346*Input!$C$22,0)</f>
        <v>0</v>
      </c>
      <c r="R8346" s="58">
        <v>67.541508564302106</v>
      </c>
      <c r="S8346" s="124">
        <f t="shared" si="130"/>
        <v>2.1453088108804801</v>
      </c>
    </row>
    <row r="8347" spans="8:19" x14ac:dyDescent="0.3">
      <c r="H8347" s="44">
        <v>8340</v>
      </c>
      <c r="I8347" s="56">
        <f>Bühler!I8373</f>
        <v>0.57123607390308639</v>
      </c>
      <c r="J8347" s="59">
        <f>Bühler!J8373</f>
        <v>1.9041202463436215</v>
      </c>
      <c r="K8347" s="59">
        <f>Bühler!K8373</f>
        <v>2.8561803695154322</v>
      </c>
      <c r="L8347" s="59">
        <f>Bühler!L8373</f>
        <v>13.709665773674073</v>
      </c>
      <c r="M8347" s="58">
        <f>Bühler!M8373</f>
        <v>0</v>
      </c>
      <c r="N8347" s="56">
        <f>IF(Input!$D$19=1,J8347*Input!$C$19,0)+IF(Input!$D$20=1,K8347*Input!$C$20,0)+IF(Input!$D$21=1,L8347*Input!$C$21,0)+IF(Input!$D$22=1,M8347*Input!$C$22,0)</f>
        <v>0.57123607390308639</v>
      </c>
      <c r="O8347" s="59">
        <f>IF(Input!$D$19=2,J8347*Input!$C$19,0)+IF(Input!$D$20=2,K8347*Input!$C$20,0)+IF(Input!$D$21=2,L8347*Input!$C$21,0)+IF(Input!$D$22=2,M8347*Input!$C$22,0)</f>
        <v>1.4280901847577161</v>
      </c>
      <c r="P8347" s="59">
        <f>IF(Input!$D$19=3,J8347*Input!$C$19,0)+IF(Input!$D$20=3,K8347*Input!$C$20,0)+IF(Input!$D$21=3,L8347*Input!$C$21,0)+IF(Input!$D$22=3,M8347*Input!$C$22,0)</f>
        <v>0</v>
      </c>
      <c r="Q8347" s="75">
        <f>IF(Input!$D$19=4,J8347*Input!$C$19,0)+IF(Input!$D$20=4,K8347*Input!$C$20,0)+IF(Input!$D$21=4,L8347*Input!$C$21,0)+IF(Input!$D$22=4,M8347*Input!$C$22,0)</f>
        <v>0</v>
      </c>
      <c r="R8347" s="58">
        <v>67.798384046488309</v>
      </c>
      <c r="S8347" s="124">
        <f t="shared" si="130"/>
        <v>2.4753563202467079</v>
      </c>
    </row>
    <row r="8348" spans="8:19" x14ac:dyDescent="0.3">
      <c r="H8348" s="44">
        <v>8341</v>
      </c>
      <c r="I8348" s="56">
        <f>Bühler!I8374</f>
        <v>0.57123607390308639</v>
      </c>
      <c r="J8348" s="59">
        <f>Bühler!J8374</f>
        <v>1.9041202463436215</v>
      </c>
      <c r="K8348" s="59">
        <f>Bühler!K8374</f>
        <v>2.8561803695154322</v>
      </c>
      <c r="L8348" s="59">
        <f>Bühler!L8374</f>
        <v>13.709665773674073</v>
      </c>
      <c r="M8348" s="58">
        <f>Bühler!M8374</f>
        <v>0</v>
      </c>
      <c r="N8348" s="56">
        <f>IF(Input!$D$19=1,J8348*Input!$C$19,0)+IF(Input!$D$20=1,K8348*Input!$C$20,0)+IF(Input!$D$21=1,L8348*Input!$C$21,0)+IF(Input!$D$22=1,M8348*Input!$C$22,0)</f>
        <v>0.57123607390308639</v>
      </c>
      <c r="O8348" s="59">
        <f>IF(Input!$D$19=2,J8348*Input!$C$19,0)+IF(Input!$D$20=2,K8348*Input!$C$20,0)+IF(Input!$D$21=2,L8348*Input!$C$21,0)+IF(Input!$D$22=2,M8348*Input!$C$22,0)</f>
        <v>1.4280901847577161</v>
      </c>
      <c r="P8348" s="59">
        <f>IF(Input!$D$19=3,J8348*Input!$C$19,0)+IF(Input!$D$20=3,K8348*Input!$C$20,0)+IF(Input!$D$21=3,L8348*Input!$C$21,0)+IF(Input!$D$22=3,M8348*Input!$C$22,0)</f>
        <v>0</v>
      </c>
      <c r="Q8348" s="75">
        <f>IF(Input!$D$19=4,J8348*Input!$C$19,0)+IF(Input!$D$20=4,K8348*Input!$C$20,0)+IF(Input!$D$21=4,L8348*Input!$C$21,0)+IF(Input!$D$22=4,M8348*Input!$C$22,0)</f>
        <v>0</v>
      </c>
      <c r="R8348" s="58">
        <v>66.950067511688758</v>
      </c>
      <c r="S8348" s="124">
        <f t="shared" si="130"/>
        <v>2.4753563202467079</v>
      </c>
    </row>
    <row r="8349" spans="8:19" x14ac:dyDescent="0.3">
      <c r="H8349" s="44">
        <v>8342</v>
      </c>
      <c r="I8349" s="56">
        <f>Bühler!I8375</f>
        <v>0.57123607390308639</v>
      </c>
      <c r="J8349" s="59">
        <f>Bühler!J8375</f>
        <v>1.9041202463436215</v>
      </c>
      <c r="K8349" s="59">
        <f>Bühler!K8375</f>
        <v>2.8561803695154322</v>
      </c>
      <c r="L8349" s="59">
        <f>Bühler!L8375</f>
        <v>13.709665773674073</v>
      </c>
      <c r="M8349" s="58">
        <f>Bühler!M8375</f>
        <v>0</v>
      </c>
      <c r="N8349" s="56">
        <f>IF(Input!$D$19=1,J8349*Input!$C$19,0)+IF(Input!$D$20=1,K8349*Input!$C$20,0)+IF(Input!$D$21=1,L8349*Input!$C$21,0)+IF(Input!$D$22=1,M8349*Input!$C$22,0)</f>
        <v>0.57123607390308639</v>
      </c>
      <c r="O8349" s="59">
        <f>IF(Input!$D$19=2,J8349*Input!$C$19,0)+IF(Input!$D$20=2,K8349*Input!$C$20,0)+IF(Input!$D$21=2,L8349*Input!$C$21,0)+IF(Input!$D$22=2,M8349*Input!$C$22,0)</f>
        <v>1.4280901847577161</v>
      </c>
      <c r="P8349" s="59">
        <f>IF(Input!$D$19=3,J8349*Input!$C$19,0)+IF(Input!$D$20=3,K8349*Input!$C$20,0)+IF(Input!$D$21=3,L8349*Input!$C$21,0)+IF(Input!$D$22=3,M8349*Input!$C$22,0)</f>
        <v>0</v>
      </c>
      <c r="Q8349" s="75">
        <f>IF(Input!$D$19=4,J8349*Input!$C$19,0)+IF(Input!$D$20=4,K8349*Input!$C$20,0)+IF(Input!$D$21=4,L8349*Input!$C$21,0)+IF(Input!$D$22=4,M8349*Input!$C$22,0)</f>
        <v>0</v>
      </c>
      <c r="R8349" s="58">
        <v>66.225942597963439</v>
      </c>
      <c r="S8349" s="124">
        <f t="shared" si="130"/>
        <v>2.4753563202467079</v>
      </c>
    </row>
    <row r="8350" spans="8:19" x14ac:dyDescent="0.3">
      <c r="H8350" s="44">
        <v>8343</v>
      </c>
      <c r="I8350" s="56">
        <f>Bühler!I8376</f>
        <v>0.57123607390308639</v>
      </c>
      <c r="J8350" s="59">
        <f>Bühler!J8376</f>
        <v>1.9041202463436215</v>
      </c>
      <c r="K8350" s="59">
        <f>Bühler!K8376</f>
        <v>2.8561803695154322</v>
      </c>
      <c r="L8350" s="59">
        <f>Bühler!L8376</f>
        <v>13.709665773674073</v>
      </c>
      <c r="M8350" s="58">
        <f>Bühler!M8376</f>
        <v>0</v>
      </c>
      <c r="N8350" s="56">
        <f>IF(Input!$D$19=1,J8350*Input!$C$19,0)+IF(Input!$D$20=1,K8350*Input!$C$20,0)+IF(Input!$D$21=1,L8350*Input!$C$21,0)+IF(Input!$D$22=1,M8350*Input!$C$22,0)</f>
        <v>0.57123607390308639</v>
      </c>
      <c r="O8350" s="59">
        <f>IF(Input!$D$19=2,J8350*Input!$C$19,0)+IF(Input!$D$20=2,K8350*Input!$C$20,0)+IF(Input!$D$21=2,L8350*Input!$C$21,0)+IF(Input!$D$22=2,M8350*Input!$C$22,0)</f>
        <v>1.4280901847577161</v>
      </c>
      <c r="P8350" s="59">
        <f>IF(Input!$D$19=3,J8350*Input!$C$19,0)+IF(Input!$D$20=3,K8350*Input!$C$20,0)+IF(Input!$D$21=3,L8350*Input!$C$21,0)+IF(Input!$D$22=3,M8350*Input!$C$22,0)</f>
        <v>0</v>
      </c>
      <c r="Q8350" s="75">
        <f>IF(Input!$D$19=4,J8350*Input!$C$19,0)+IF(Input!$D$20=4,K8350*Input!$C$20,0)+IF(Input!$D$21=4,L8350*Input!$C$21,0)+IF(Input!$D$22=4,M8350*Input!$C$22,0)</f>
        <v>0</v>
      </c>
      <c r="R8350" s="58">
        <v>66.400971663597659</v>
      </c>
      <c r="S8350" s="124">
        <f t="shared" si="130"/>
        <v>2.4753563202467079</v>
      </c>
    </row>
    <row r="8351" spans="8:19" x14ac:dyDescent="0.3">
      <c r="H8351" s="44">
        <v>8344</v>
      </c>
      <c r="I8351" s="56">
        <f>Bühler!I8377</f>
        <v>0.47603006158590533</v>
      </c>
      <c r="J8351" s="59">
        <f>Bühler!J8377</f>
        <v>1.5867668719530179</v>
      </c>
      <c r="K8351" s="59">
        <f>Bühler!K8377</f>
        <v>2.3801503079295268</v>
      </c>
      <c r="L8351" s="59">
        <f>Bühler!L8377</f>
        <v>11.424721478061727</v>
      </c>
      <c r="M8351" s="58">
        <f>Bühler!M8377</f>
        <v>0</v>
      </c>
      <c r="N8351" s="56">
        <f>IF(Input!$D$19=1,J8351*Input!$C$19,0)+IF(Input!$D$20=1,K8351*Input!$C$20,0)+IF(Input!$D$21=1,L8351*Input!$C$21,0)+IF(Input!$D$22=1,M8351*Input!$C$22,0)</f>
        <v>0.47603006158590533</v>
      </c>
      <c r="O8351" s="59">
        <f>IF(Input!$D$19=2,J8351*Input!$C$19,0)+IF(Input!$D$20=2,K8351*Input!$C$20,0)+IF(Input!$D$21=2,L8351*Input!$C$21,0)+IF(Input!$D$22=2,M8351*Input!$C$22,0)</f>
        <v>1.1900751539647634</v>
      </c>
      <c r="P8351" s="59">
        <f>IF(Input!$D$19=3,J8351*Input!$C$19,0)+IF(Input!$D$20=3,K8351*Input!$C$20,0)+IF(Input!$D$21=3,L8351*Input!$C$21,0)+IF(Input!$D$22=3,M8351*Input!$C$22,0)</f>
        <v>0</v>
      </c>
      <c r="Q8351" s="75">
        <f>IF(Input!$D$19=4,J8351*Input!$C$19,0)+IF(Input!$D$20=4,K8351*Input!$C$20,0)+IF(Input!$D$21=4,L8351*Input!$C$21,0)+IF(Input!$D$22=4,M8351*Input!$C$22,0)</f>
        <v>0</v>
      </c>
      <c r="R8351" s="58">
        <v>65.573350509118967</v>
      </c>
      <c r="S8351" s="124">
        <f t="shared" si="130"/>
        <v>2.0627969335389231</v>
      </c>
    </row>
    <row r="8352" spans="8:19" x14ac:dyDescent="0.3">
      <c r="H8352" s="44">
        <v>8345</v>
      </c>
      <c r="I8352" s="56">
        <f>Bühler!I8378</f>
        <v>0.45064179163465712</v>
      </c>
      <c r="J8352" s="59">
        <f>Bühler!J8378</f>
        <v>1.5021393054488572</v>
      </c>
      <c r="K8352" s="59">
        <f>Bühler!K8378</f>
        <v>2.2532089581732855</v>
      </c>
      <c r="L8352" s="59">
        <f>Bühler!L8378</f>
        <v>10.815402999231772</v>
      </c>
      <c r="M8352" s="58">
        <f>Bühler!M8378</f>
        <v>0</v>
      </c>
      <c r="N8352" s="56">
        <f>IF(Input!$D$19=1,J8352*Input!$C$19,0)+IF(Input!$D$20=1,K8352*Input!$C$20,0)+IF(Input!$D$21=1,L8352*Input!$C$21,0)+IF(Input!$D$22=1,M8352*Input!$C$22,0)</f>
        <v>0.45064179163465712</v>
      </c>
      <c r="O8352" s="59">
        <f>IF(Input!$D$19=2,J8352*Input!$C$19,0)+IF(Input!$D$20=2,K8352*Input!$C$20,0)+IF(Input!$D$21=2,L8352*Input!$C$21,0)+IF(Input!$D$22=2,M8352*Input!$C$22,0)</f>
        <v>1.1266044790866427</v>
      </c>
      <c r="P8352" s="59">
        <f>IF(Input!$D$19=3,J8352*Input!$C$19,0)+IF(Input!$D$20=3,K8352*Input!$C$20,0)+IF(Input!$D$21=3,L8352*Input!$C$21,0)+IF(Input!$D$22=3,M8352*Input!$C$22,0)</f>
        <v>0</v>
      </c>
      <c r="Q8352" s="75">
        <f>IF(Input!$D$19=4,J8352*Input!$C$19,0)+IF(Input!$D$20=4,K8352*Input!$C$20,0)+IF(Input!$D$21=4,L8352*Input!$C$21,0)+IF(Input!$D$22=4,M8352*Input!$C$22,0)</f>
        <v>0</v>
      </c>
      <c r="R8352" s="58">
        <v>64.33497085207523</v>
      </c>
      <c r="S8352" s="124">
        <f t="shared" si="130"/>
        <v>1.9527810970835144</v>
      </c>
    </row>
    <row r="8353" spans="8:19" x14ac:dyDescent="0.3">
      <c r="H8353" s="44">
        <v>8346</v>
      </c>
      <c r="I8353" s="56">
        <f>Bühler!I8379</f>
        <v>0.45064179163465712</v>
      </c>
      <c r="J8353" s="59">
        <f>Bühler!J8379</f>
        <v>1.5021393054488572</v>
      </c>
      <c r="K8353" s="59">
        <f>Bühler!K8379</f>
        <v>2.2532089581732855</v>
      </c>
      <c r="L8353" s="59">
        <f>Bühler!L8379</f>
        <v>10.815402999231772</v>
      </c>
      <c r="M8353" s="58">
        <f>Bühler!M8379</f>
        <v>0</v>
      </c>
      <c r="N8353" s="56">
        <f>IF(Input!$D$19=1,J8353*Input!$C$19,0)+IF(Input!$D$20=1,K8353*Input!$C$20,0)+IF(Input!$D$21=1,L8353*Input!$C$21,0)+IF(Input!$D$22=1,M8353*Input!$C$22,0)</f>
        <v>0.45064179163465712</v>
      </c>
      <c r="O8353" s="59">
        <f>IF(Input!$D$19=2,J8353*Input!$C$19,0)+IF(Input!$D$20=2,K8353*Input!$C$20,0)+IF(Input!$D$21=2,L8353*Input!$C$21,0)+IF(Input!$D$22=2,M8353*Input!$C$22,0)</f>
        <v>1.1266044790866427</v>
      </c>
      <c r="P8353" s="59">
        <f>IF(Input!$D$19=3,J8353*Input!$C$19,0)+IF(Input!$D$20=3,K8353*Input!$C$20,0)+IF(Input!$D$21=3,L8353*Input!$C$21,0)+IF(Input!$D$22=3,M8353*Input!$C$22,0)</f>
        <v>0</v>
      </c>
      <c r="Q8353" s="75">
        <f>IF(Input!$D$19=4,J8353*Input!$C$19,0)+IF(Input!$D$20=4,K8353*Input!$C$20,0)+IF(Input!$D$21=4,L8353*Input!$C$21,0)+IF(Input!$D$22=4,M8353*Input!$C$22,0)</f>
        <v>0</v>
      </c>
      <c r="R8353" s="58">
        <v>63.399278218244852</v>
      </c>
      <c r="S8353" s="124">
        <f t="shared" si="130"/>
        <v>1.9527810970835144</v>
      </c>
    </row>
    <row r="8354" spans="8:19" x14ac:dyDescent="0.3">
      <c r="H8354" s="44">
        <v>8347</v>
      </c>
      <c r="I8354" s="56">
        <f>Bühler!I8380</f>
        <v>0.45064179163465712</v>
      </c>
      <c r="J8354" s="59">
        <f>Bühler!J8380</f>
        <v>1.5021393054488572</v>
      </c>
      <c r="K8354" s="59">
        <f>Bühler!K8380</f>
        <v>2.2532089581732855</v>
      </c>
      <c r="L8354" s="59">
        <f>Bühler!L8380</f>
        <v>10.815402999231772</v>
      </c>
      <c r="M8354" s="58">
        <f>Bühler!M8380</f>
        <v>0</v>
      </c>
      <c r="N8354" s="56">
        <f>IF(Input!$D$19=1,J8354*Input!$C$19,0)+IF(Input!$D$20=1,K8354*Input!$C$20,0)+IF(Input!$D$21=1,L8354*Input!$C$21,0)+IF(Input!$D$22=1,M8354*Input!$C$22,0)</f>
        <v>0.45064179163465712</v>
      </c>
      <c r="O8354" s="59">
        <f>IF(Input!$D$19=2,J8354*Input!$C$19,0)+IF(Input!$D$20=2,K8354*Input!$C$20,0)+IF(Input!$D$21=2,L8354*Input!$C$21,0)+IF(Input!$D$22=2,M8354*Input!$C$22,0)</f>
        <v>1.1266044790866427</v>
      </c>
      <c r="P8354" s="59">
        <f>IF(Input!$D$19=3,J8354*Input!$C$19,0)+IF(Input!$D$20=3,K8354*Input!$C$20,0)+IF(Input!$D$21=3,L8354*Input!$C$21,0)+IF(Input!$D$22=3,M8354*Input!$C$22,0)</f>
        <v>0</v>
      </c>
      <c r="Q8354" s="75">
        <f>IF(Input!$D$19=4,J8354*Input!$C$19,0)+IF(Input!$D$20=4,K8354*Input!$C$20,0)+IF(Input!$D$21=4,L8354*Input!$C$21,0)+IF(Input!$D$22=4,M8354*Input!$C$22,0)</f>
        <v>0</v>
      </c>
      <c r="R8354" s="58">
        <v>61.931914191844236</v>
      </c>
      <c r="S8354" s="124">
        <f t="shared" si="130"/>
        <v>1.9527810970835144</v>
      </c>
    </row>
    <row r="8355" spans="8:19" x14ac:dyDescent="0.3">
      <c r="H8355" s="44">
        <v>8348</v>
      </c>
      <c r="I8355" s="56">
        <f>Bühler!I8381</f>
        <v>0.45064179163465712</v>
      </c>
      <c r="J8355" s="59">
        <f>Bühler!J8381</f>
        <v>1.5021393054488572</v>
      </c>
      <c r="K8355" s="59">
        <f>Bühler!K8381</f>
        <v>2.2532089581732855</v>
      </c>
      <c r="L8355" s="59">
        <f>Bühler!L8381</f>
        <v>10.815402999231772</v>
      </c>
      <c r="M8355" s="58">
        <f>Bühler!M8381</f>
        <v>0</v>
      </c>
      <c r="N8355" s="56">
        <f>IF(Input!$D$19=1,J8355*Input!$C$19,0)+IF(Input!$D$20=1,K8355*Input!$C$20,0)+IF(Input!$D$21=1,L8355*Input!$C$21,0)+IF(Input!$D$22=1,M8355*Input!$C$22,0)</f>
        <v>0.45064179163465712</v>
      </c>
      <c r="O8355" s="59">
        <f>IF(Input!$D$19=2,J8355*Input!$C$19,0)+IF(Input!$D$20=2,K8355*Input!$C$20,0)+IF(Input!$D$21=2,L8355*Input!$C$21,0)+IF(Input!$D$22=2,M8355*Input!$C$22,0)</f>
        <v>1.1266044790866427</v>
      </c>
      <c r="P8355" s="59">
        <f>IF(Input!$D$19=3,J8355*Input!$C$19,0)+IF(Input!$D$20=3,K8355*Input!$C$20,0)+IF(Input!$D$21=3,L8355*Input!$C$21,0)+IF(Input!$D$22=3,M8355*Input!$C$22,0)</f>
        <v>0</v>
      </c>
      <c r="Q8355" s="75">
        <f>IF(Input!$D$19=4,J8355*Input!$C$19,0)+IF(Input!$D$20=4,K8355*Input!$C$20,0)+IF(Input!$D$21=4,L8355*Input!$C$21,0)+IF(Input!$D$22=4,M8355*Input!$C$22,0)</f>
        <v>0</v>
      </c>
      <c r="R8355" s="58">
        <v>60.084318352585079</v>
      </c>
      <c r="S8355" s="124">
        <f t="shared" si="130"/>
        <v>1.9527810970835144</v>
      </c>
    </row>
    <row r="8356" spans="8:19" x14ac:dyDescent="0.3">
      <c r="H8356" s="44">
        <v>8349</v>
      </c>
      <c r="I8356" s="56">
        <f>Bühler!I8382</f>
        <v>0.34908871182966394</v>
      </c>
      <c r="J8356" s="59">
        <f>Bühler!J8382</f>
        <v>1.1636290394322131</v>
      </c>
      <c r="K8356" s="59">
        <f>Bühler!K8382</f>
        <v>1.7454435591483197</v>
      </c>
      <c r="L8356" s="59">
        <f>Bühler!L8382</f>
        <v>8.3781290839119347</v>
      </c>
      <c r="M8356" s="58">
        <f>Bühler!M8382</f>
        <v>0</v>
      </c>
      <c r="N8356" s="56">
        <f>IF(Input!$D$19=1,J8356*Input!$C$19,0)+IF(Input!$D$20=1,K8356*Input!$C$20,0)+IF(Input!$D$21=1,L8356*Input!$C$21,0)+IF(Input!$D$22=1,M8356*Input!$C$22,0)</f>
        <v>0.34908871182966389</v>
      </c>
      <c r="O8356" s="59">
        <f>IF(Input!$D$19=2,J8356*Input!$C$19,0)+IF(Input!$D$20=2,K8356*Input!$C$20,0)+IF(Input!$D$21=2,L8356*Input!$C$21,0)+IF(Input!$D$22=2,M8356*Input!$C$22,0)</f>
        <v>0.87272177957415986</v>
      </c>
      <c r="P8356" s="59">
        <f>IF(Input!$D$19=3,J8356*Input!$C$19,0)+IF(Input!$D$20=3,K8356*Input!$C$20,0)+IF(Input!$D$21=3,L8356*Input!$C$21,0)+IF(Input!$D$22=3,M8356*Input!$C$22,0)</f>
        <v>0</v>
      </c>
      <c r="Q8356" s="75">
        <f>IF(Input!$D$19=4,J8356*Input!$C$19,0)+IF(Input!$D$20=4,K8356*Input!$C$20,0)+IF(Input!$D$21=4,L8356*Input!$C$21,0)+IF(Input!$D$22=4,M8356*Input!$C$22,0)</f>
        <v>0</v>
      </c>
      <c r="R8356" s="58">
        <v>58.774623426279312</v>
      </c>
      <c r="S8356" s="124">
        <f t="shared" si="130"/>
        <v>1.512717751261877</v>
      </c>
    </row>
    <row r="8357" spans="8:19" x14ac:dyDescent="0.3">
      <c r="H8357" s="44">
        <v>8350</v>
      </c>
      <c r="I8357" s="56">
        <f>Bühler!I8383</f>
        <v>0.13328841724405349</v>
      </c>
      <c r="J8357" s="59">
        <f>Bühler!J8383</f>
        <v>0.44429472414684501</v>
      </c>
      <c r="K8357" s="59">
        <f>Bühler!K8383</f>
        <v>0.66644208622026746</v>
      </c>
      <c r="L8357" s="59">
        <f>Bühler!L8383</f>
        <v>3.1989220138572838</v>
      </c>
      <c r="M8357" s="58">
        <f>Bühler!M8383</f>
        <v>0</v>
      </c>
      <c r="N8357" s="56">
        <f>IF(Input!$D$19=1,J8357*Input!$C$19,0)+IF(Input!$D$20=1,K8357*Input!$C$20,0)+IF(Input!$D$21=1,L8357*Input!$C$21,0)+IF(Input!$D$22=1,M8357*Input!$C$22,0)</f>
        <v>0.13328841724405349</v>
      </c>
      <c r="O8357" s="59">
        <f>IF(Input!$D$19=2,J8357*Input!$C$19,0)+IF(Input!$D$20=2,K8357*Input!$C$20,0)+IF(Input!$D$21=2,L8357*Input!$C$21,0)+IF(Input!$D$22=2,M8357*Input!$C$22,0)</f>
        <v>0.33322104311013373</v>
      </c>
      <c r="P8357" s="59">
        <f>IF(Input!$D$19=3,J8357*Input!$C$19,0)+IF(Input!$D$20=3,K8357*Input!$C$20,0)+IF(Input!$D$21=3,L8357*Input!$C$21,0)+IF(Input!$D$22=3,M8357*Input!$C$22,0)</f>
        <v>0</v>
      </c>
      <c r="Q8357" s="75">
        <f>IF(Input!$D$19=4,J8357*Input!$C$19,0)+IF(Input!$D$20=4,K8357*Input!$C$20,0)+IF(Input!$D$21=4,L8357*Input!$C$21,0)+IF(Input!$D$22=4,M8357*Input!$C$22,0)</f>
        <v>0</v>
      </c>
      <c r="R8357" s="58">
        <v>57.402826883768967</v>
      </c>
      <c r="S8357" s="124">
        <f t="shared" si="130"/>
        <v>0.5775831413908985</v>
      </c>
    </row>
    <row r="8358" spans="8:19" x14ac:dyDescent="0.3">
      <c r="H8358" s="44">
        <v>8351</v>
      </c>
      <c r="I8358" s="56">
        <f>Bühler!I8384</f>
        <v>0.13328841724405349</v>
      </c>
      <c r="J8358" s="59">
        <f>Bühler!J8384</f>
        <v>0.44429472414684501</v>
      </c>
      <c r="K8358" s="59">
        <f>Bühler!K8384</f>
        <v>0.66644208622026746</v>
      </c>
      <c r="L8358" s="59">
        <f>Bühler!L8384</f>
        <v>3.1989220138572838</v>
      </c>
      <c r="M8358" s="58">
        <f>Bühler!M8384</f>
        <v>0</v>
      </c>
      <c r="N8358" s="56">
        <f>IF(Input!$D$19=1,J8358*Input!$C$19,0)+IF(Input!$D$20=1,K8358*Input!$C$20,0)+IF(Input!$D$21=1,L8358*Input!$C$21,0)+IF(Input!$D$22=1,M8358*Input!$C$22,0)</f>
        <v>0.13328841724405349</v>
      </c>
      <c r="O8358" s="59">
        <f>IF(Input!$D$19=2,J8358*Input!$C$19,0)+IF(Input!$D$20=2,K8358*Input!$C$20,0)+IF(Input!$D$21=2,L8358*Input!$C$21,0)+IF(Input!$D$22=2,M8358*Input!$C$22,0)</f>
        <v>0.33322104311013373</v>
      </c>
      <c r="P8358" s="59">
        <f>IF(Input!$D$19=3,J8358*Input!$C$19,0)+IF(Input!$D$20=3,K8358*Input!$C$20,0)+IF(Input!$D$21=3,L8358*Input!$C$21,0)+IF(Input!$D$22=3,M8358*Input!$C$22,0)</f>
        <v>0</v>
      </c>
      <c r="Q8358" s="75">
        <f>IF(Input!$D$19=4,J8358*Input!$C$19,0)+IF(Input!$D$20=4,K8358*Input!$C$20,0)+IF(Input!$D$21=4,L8358*Input!$C$21,0)+IF(Input!$D$22=4,M8358*Input!$C$22,0)</f>
        <v>0</v>
      </c>
      <c r="R8358" s="58">
        <v>57.060138321598359</v>
      </c>
      <c r="S8358" s="124">
        <f t="shared" si="130"/>
        <v>0.5775831413908985</v>
      </c>
    </row>
    <row r="8359" spans="8:19" x14ac:dyDescent="0.3">
      <c r="H8359" s="44">
        <v>8352</v>
      </c>
      <c r="I8359" s="56">
        <f>Bühler!I8385</f>
        <v>0.13328841724405349</v>
      </c>
      <c r="J8359" s="59">
        <f>Bühler!J8385</f>
        <v>0.44429472414684501</v>
      </c>
      <c r="K8359" s="59">
        <f>Bühler!K8385</f>
        <v>0.66644208622026746</v>
      </c>
      <c r="L8359" s="59">
        <f>Bühler!L8385</f>
        <v>3.1989220138572838</v>
      </c>
      <c r="M8359" s="58">
        <f>Bühler!M8385</f>
        <v>0</v>
      </c>
      <c r="N8359" s="56">
        <f>IF(Input!$D$19=1,J8359*Input!$C$19,0)+IF(Input!$D$20=1,K8359*Input!$C$20,0)+IF(Input!$D$21=1,L8359*Input!$C$21,0)+IF(Input!$D$22=1,M8359*Input!$C$22,0)</f>
        <v>0.13328841724405349</v>
      </c>
      <c r="O8359" s="59">
        <f>IF(Input!$D$19=2,J8359*Input!$C$19,0)+IF(Input!$D$20=2,K8359*Input!$C$20,0)+IF(Input!$D$21=2,L8359*Input!$C$21,0)+IF(Input!$D$22=2,M8359*Input!$C$22,0)</f>
        <v>0.33322104311013373</v>
      </c>
      <c r="P8359" s="59">
        <f>IF(Input!$D$19=3,J8359*Input!$C$19,0)+IF(Input!$D$20=3,K8359*Input!$C$20,0)+IF(Input!$D$21=3,L8359*Input!$C$21,0)+IF(Input!$D$22=3,M8359*Input!$C$22,0)</f>
        <v>0</v>
      </c>
      <c r="Q8359" s="75">
        <f>IF(Input!$D$19=4,J8359*Input!$C$19,0)+IF(Input!$D$20=4,K8359*Input!$C$20,0)+IF(Input!$D$21=4,L8359*Input!$C$21,0)+IF(Input!$D$22=4,M8359*Input!$C$22,0)</f>
        <v>0</v>
      </c>
      <c r="R8359" s="58">
        <v>55.813485745372454</v>
      </c>
      <c r="S8359" s="124">
        <f t="shared" si="130"/>
        <v>0.5775831413908985</v>
      </c>
    </row>
    <row r="8360" spans="8:19" x14ac:dyDescent="0.3">
      <c r="H8360" s="44">
        <v>8353</v>
      </c>
      <c r="I8360" s="56">
        <f>Bühler!I8386</f>
        <v>8.9085883390416079E-2</v>
      </c>
      <c r="J8360" s="59">
        <f>Bühler!J8386</f>
        <v>0.29695294463472027</v>
      </c>
      <c r="K8360" s="59">
        <f>Bühler!K8386</f>
        <v>0.44542941695208044</v>
      </c>
      <c r="L8360" s="59">
        <f>Bühler!L8386</f>
        <v>4.4566781416603636</v>
      </c>
      <c r="M8360" s="58">
        <f>Bühler!M8386</f>
        <v>0</v>
      </c>
      <c r="N8360" s="56">
        <f>IF(Input!$D$19=1,J8360*Input!$C$19,0)+IF(Input!$D$20=1,K8360*Input!$C$20,0)+IF(Input!$D$21=1,L8360*Input!$C$21,0)+IF(Input!$D$22=1,M8360*Input!$C$22,0)</f>
        <v>8.9085883390416079E-2</v>
      </c>
      <c r="O8360" s="59">
        <f>IF(Input!$D$19=2,J8360*Input!$C$19,0)+IF(Input!$D$20=2,K8360*Input!$C$20,0)+IF(Input!$D$21=2,L8360*Input!$C$21,0)+IF(Input!$D$22=2,M8360*Input!$C$22,0)</f>
        <v>0.22271470847604022</v>
      </c>
      <c r="P8360" s="59">
        <f>IF(Input!$D$19=3,J8360*Input!$C$19,0)+IF(Input!$D$20=3,K8360*Input!$C$20,0)+IF(Input!$D$21=3,L8360*Input!$C$21,0)+IF(Input!$D$22=3,M8360*Input!$C$22,0)</f>
        <v>0</v>
      </c>
      <c r="Q8360" s="75">
        <f>IF(Input!$D$19=4,J8360*Input!$C$19,0)+IF(Input!$D$20=4,K8360*Input!$C$20,0)+IF(Input!$D$21=4,L8360*Input!$C$21,0)+IF(Input!$D$22=4,M8360*Input!$C$22,0)</f>
        <v>0</v>
      </c>
      <c r="R8360" s="58">
        <v>54.879533340741389</v>
      </c>
      <c r="S8360" s="124">
        <f t="shared" si="130"/>
        <v>0.38603882802513634</v>
      </c>
    </row>
    <row r="8361" spans="8:19" x14ac:dyDescent="0.3">
      <c r="H8361" s="44">
        <v>8354</v>
      </c>
      <c r="I8361" s="56">
        <f>Bühler!I8387</f>
        <v>0.17392958185747903</v>
      </c>
      <c r="J8361" s="59">
        <f>Bühler!J8387</f>
        <v>0.57976527285826351</v>
      </c>
      <c r="K8361" s="59">
        <f>Bühler!K8387</f>
        <v>0.86964790928739533</v>
      </c>
      <c r="L8361" s="59">
        <f>Bühler!L8387</f>
        <v>8.7011335146702358</v>
      </c>
      <c r="M8361" s="58">
        <f>Bühler!M8387</f>
        <v>0</v>
      </c>
      <c r="N8361" s="56">
        <f>IF(Input!$D$19=1,J8361*Input!$C$19,0)+IF(Input!$D$20=1,K8361*Input!$C$20,0)+IF(Input!$D$21=1,L8361*Input!$C$21,0)+IF(Input!$D$22=1,M8361*Input!$C$22,0)</f>
        <v>0.17392958185747906</v>
      </c>
      <c r="O8361" s="59">
        <f>IF(Input!$D$19=2,J8361*Input!$C$19,0)+IF(Input!$D$20=2,K8361*Input!$C$20,0)+IF(Input!$D$21=2,L8361*Input!$C$21,0)+IF(Input!$D$22=2,M8361*Input!$C$22,0)</f>
        <v>0.43482395464369766</v>
      </c>
      <c r="P8361" s="59">
        <f>IF(Input!$D$19=3,J8361*Input!$C$19,0)+IF(Input!$D$20=3,K8361*Input!$C$20,0)+IF(Input!$D$21=3,L8361*Input!$C$21,0)+IF(Input!$D$22=3,M8361*Input!$C$22,0)</f>
        <v>0</v>
      </c>
      <c r="Q8361" s="75">
        <f>IF(Input!$D$19=4,J8361*Input!$C$19,0)+IF(Input!$D$20=4,K8361*Input!$C$20,0)+IF(Input!$D$21=4,L8361*Input!$C$21,0)+IF(Input!$D$22=4,M8361*Input!$C$22,0)</f>
        <v>0</v>
      </c>
      <c r="R8361" s="58">
        <v>53.804390183495897</v>
      </c>
      <c r="S8361" s="124">
        <f t="shared" si="130"/>
        <v>0.75369485471574249</v>
      </c>
    </row>
    <row r="8362" spans="8:19" x14ac:dyDescent="0.3">
      <c r="H8362" s="44">
        <v>8355</v>
      </c>
      <c r="I8362" s="56">
        <f>Bühler!I8388</f>
        <v>0.17392958185747903</v>
      </c>
      <c r="J8362" s="59">
        <f>Bühler!J8388</f>
        <v>0.57976527285826351</v>
      </c>
      <c r="K8362" s="59">
        <f>Bühler!K8388</f>
        <v>0.86964790928739533</v>
      </c>
      <c r="L8362" s="59">
        <f>Bühler!L8388</f>
        <v>8.7011335146702358</v>
      </c>
      <c r="M8362" s="58">
        <f>Bühler!M8388</f>
        <v>0</v>
      </c>
      <c r="N8362" s="56">
        <f>IF(Input!$D$19=1,J8362*Input!$C$19,0)+IF(Input!$D$20=1,K8362*Input!$C$20,0)+IF(Input!$D$21=1,L8362*Input!$C$21,0)+IF(Input!$D$22=1,M8362*Input!$C$22,0)</f>
        <v>0.17392958185747906</v>
      </c>
      <c r="O8362" s="59">
        <f>IF(Input!$D$19=2,J8362*Input!$C$19,0)+IF(Input!$D$20=2,K8362*Input!$C$20,0)+IF(Input!$D$21=2,L8362*Input!$C$21,0)+IF(Input!$D$22=2,M8362*Input!$C$22,0)</f>
        <v>0.43482395464369766</v>
      </c>
      <c r="P8362" s="59">
        <f>IF(Input!$D$19=3,J8362*Input!$C$19,0)+IF(Input!$D$20=3,K8362*Input!$C$20,0)+IF(Input!$D$21=3,L8362*Input!$C$21,0)+IF(Input!$D$22=3,M8362*Input!$C$22,0)</f>
        <v>0</v>
      </c>
      <c r="Q8362" s="75">
        <f>IF(Input!$D$19=4,J8362*Input!$C$19,0)+IF(Input!$D$20=4,K8362*Input!$C$20,0)+IF(Input!$D$21=4,L8362*Input!$C$21,0)+IF(Input!$D$22=4,M8362*Input!$C$22,0)</f>
        <v>0</v>
      </c>
      <c r="R8362" s="58">
        <v>53.393439544720799</v>
      </c>
      <c r="S8362" s="124">
        <f t="shared" si="130"/>
        <v>0.75369485471574249</v>
      </c>
    </row>
    <row r="8363" spans="8:19" x14ac:dyDescent="0.3">
      <c r="H8363" s="44">
        <v>8356</v>
      </c>
      <c r="I8363" s="56">
        <f>Bühler!I8389</f>
        <v>0.17392958185747903</v>
      </c>
      <c r="J8363" s="59">
        <f>Bühler!J8389</f>
        <v>0.57976527285826351</v>
      </c>
      <c r="K8363" s="59">
        <f>Bühler!K8389</f>
        <v>0.86964790928739533</v>
      </c>
      <c r="L8363" s="59">
        <f>Bühler!L8389</f>
        <v>8.7011335146702358</v>
      </c>
      <c r="M8363" s="58">
        <f>Bühler!M8389</f>
        <v>0</v>
      </c>
      <c r="N8363" s="56">
        <f>IF(Input!$D$19=1,J8363*Input!$C$19,0)+IF(Input!$D$20=1,K8363*Input!$C$20,0)+IF(Input!$D$21=1,L8363*Input!$C$21,0)+IF(Input!$D$22=1,M8363*Input!$C$22,0)</f>
        <v>0.17392958185747906</v>
      </c>
      <c r="O8363" s="59">
        <f>IF(Input!$D$19=2,J8363*Input!$C$19,0)+IF(Input!$D$20=2,K8363*Input!$C$20,0)+IF(Input!$D$21=2,L8363*Input!$C$21,0)+IF(Input!$D$22=2,M8363*Input!$C$22,0)</f>
        <v>0.43482395464369766</v>
      </c>
      <c r="P8363" s="59">
        <f>IF(Input!$D$19=3,J8363*Input!$C$19,0)+IF(Input!$D$20=3,K8363*Input!$C$20,0)+IF(Input!$D$21=3,L8363*Input!$C$21,0)+IF(Input!$D$22=3,M8363*Input!$C$22,0)</f>
        <v>0</v>
      </c>
      <c r="Q8363" s="75">
        <f>IF(Input!$D$19=4,J8363*Input!$C$19,0)+IF(Input!$D$20=4,K8363*Input!$C$20,0)+IF(Input!$D$21=4,L8363*Input!$C$21,0)+IF(Input!$D$22=4,M8363*Input!$C$22,0)</f>
        <v>0</v>
      </c>
      <c r="R8363" s="58">
        <v>52.602135311367263</v>
      </c>
      <c r="S8363" s="124">
        <f t="shared" si="130"/>
        <v>0.75369485471574249</v>
      </c>
    </row>
    <row r="8364" spans="8:19" x14ac:dyDescent="0.3">
      <c r="H8364" s="44">
        <v>8357</v>
      </c>
      <c r="I8364" s="56">
        <f>Bühler!I8390</f>
        <v>0.17392958185747903</v>
      </c>
      <c r="J8364" s="59">
        <f>Bühler!J8390</f>
        <v>0.57976527285826351</v>
      </c>
      <c r="K8364" s="59">
        <f>Bühler!K8390</f>
        <v>0.86964790928739533</v>
      </c>
      <c r="L8364" s="59">
        <f>Bühler!L8390</f>
        <v>8.7011335146702358</v>
      </c>
      <c r="M8364" s="58">
        <f>Bühler!M8390</f>
        <v>0</v>
      </c>
      <c r="N8364" s="56">
        <f>IF(Input!$D$19=1,J8364*Input!$C$19,0)+IF(Input!$D$20=1,K8364*Input!$C$20,0)+IF(Input!$D$21=1,L8364*Input!$C$21,0)+IF(Input!$D$22=1,M8364*Input!$C$22,0)</f>
        <v>0.17392958185747906</v>
      </c>
      <c r="O8364" s="59">
        <f>IF(Input!$D$19=2,J8364*Input!$C$19,0)+IF(Input!$D$20=2,K8364*Input!$C$20,0)+IF(Input!$D$21=2,L8364*Input!$C$21,0)+IF(Input!$D$22=2,M8364*Input!$C$22,0)</f>
        <v>0.43482395464369766</v>
      </c>
      <c r="P8364" s="59">
        <f>IF(Input!$D$19=3,J8364*Input!$C$19,0)+IF(Input!$D$20=3,K8364*Input!$C$20,0)+IF(Input!$D$21=3,L8364*Input!$C$21,0)+IF(Input!$D$22=3,M8364*Input!$C$22,0)</f>
        <v>0</v>
      </c>
      <c r="Q8364" s="75">
        <f>IF(Input!$D$19=4,J8364*Input!$C$19,0)+IF(Input!$D$20=4,K8364*Input!$C$20,0)+IF(Input!$D$21=4,L8364*Input!$C$21,0)+IF(Input!$D$22=4,M8364*Input!$C$22,0)</f>
        <v>0</v>
      </c>
      <c r="R8364" s="58">
        <v>51.253414394370395</v>
      </c>
      <c r="S8364" s="124">
        <f t="shared" si="130"/>
        <v>0.75369485471574249</v>
      </c>
    </row>
    <row r="8365" spans="8:19" x14ac:dyDescent="0.3">
      <c r="H8365" s="44">
        <v>8358</v>
      </c>
      <c r="I8365" s="56">
        <f>Bühler!I8391</f>
        <v>0.21635143109101049</v>
      </c>
      <c r="J8365" s="59">
        <f>Bühler!J8391</f>
        <v>0.72117143697003505</v>
      </c>
      <c r="K8365" s="59">
        <f>Bühler!K8391</f>
        <v>1.0817571554550525</v>
      </c>
      <c r="L8365" s="59">
        <f>Bühler!L8391</f>
        <v>10.823361201175171</v>
      </c>
      <c r="M8365" s="58">
        <f>Bühler!M8391</f>
        <v>0</v>
      </c>
      <c r="N8365" s="56">
        <f>IF(Input!$D$19=1,J8365*Input!$C$19,0)+IF(Input!$D$20=1,K8365*Input!$C$20,0)+IF(Input!$D$21=1,L8365*Input!$C$21,0)+IF(Input!$D$22=1,M8365*Input!$C$22,0)</f>
        <v>0.21635143109101052</v>
      </c>
      <c r="O8365" s="59">
        <f>IF(Input!$D$19=2,J8365*Input!$C$19,0)+IF(Input!$D$20=2,K8365*Input!$C$20,0)+IF(Input!$D$21=2,L8365*Input!$C$21,0)+IF(Input!$D$22=2,M8365*Input!$C$22,0)</f>
        <v>0.54087857772752623</v>
      </c>
      <c r="P8365" s="59">
        <f>IF(Input!$D$19=3,J8365*Input!$C$19,0)+IF(Input!$D$20=3,K8365*Input!$C$20,0)+IF(Input!$D$21=3,L8365*Input!$C$21,0)+IF(Input!$D$22=3,M8365*Input!$C$22,0)</f>
        <v>0</v>
      </c>
      <c r="Q8365" s="75">
        <f>IF(Input!$D$19=4,J8365*Input!$C$19,0)+IF(Input!$D$20=4,K8365*Input!$C$20,0)+IF(Input!$D$21=4,L8365*Input!$C$21,0)+IF(Input!$D$22=4,M8365*Input!$C$22,0)</f>
        <v>0</v>
      </c>
      <c r="R8365" s="58">
        <v>51.353749645343889</v>
      </c>
      <c r="S8365" s="124">
        <f t="shared" si="130"/>
        <v>0.93752286806104557</v>
      </c>
    </row>
    <row r="8366" spans="8:19" x14ac:dyDescent="0.3">
      <c r="H8366" s="44">
        <v>8359</v>
      </c>
      <c r="I8366" s="56">
        <f>Bühler!I8392</f>
        <v>0.2714998350946014</v>
      </c>
      <c r="J8366" s="59">
        <f>Bühler!J8392</f>
        <v>0.90499945031533813</v>
      </c>
      <c r="K8366" s="59">
        <f>Bühler!K8392</f>
        <v>1.3574991754730072</v>
      </c>
      <c r="L8366" s="59">
        <f>Bühler!L8392</f>
        <v>13.582257193631587</v>
      </c>
      <c r="M8366" s="58">
        <f>Bühler!M8392</f>
        <v>0</v>
      </c>
      <c r="N8366" s="56">
        <f>IF(Input!$D$19=1,J8366*Input!$C$19,0)+IF(Input!$D$20=1,K8366*Input!$C$20,0)+IF(Input!$D$21=1,L8366*Input!$C$21,0)+IF(Input!$D$22=1,M8366*Input!$C$22,0)</f>
        <v>0.2714998350946014</v>
      </c>
      <c r="O8366" s="59">
        <f>IF(Input!$D$19=2,J8366*Input!$C$19,0)+IF(Input!$D$20=2,K8366*Input!$C$20,0)+IF(Input!$D$21=2,L8366*Input!$C$21,0)+IF(Input!$D$22=2,M8366*Input!$C$22,0)</f>
        <v>0.67874958773650362</v>
      </c>
      <c r="P8366" s="59">
        <f>IF(Input!$D$19=3,J8366*Input!$C$19,0)+IF(Input!$D$20=3,K8366*Input!$C$20,0)+IF(Input!$D$21=3,L8366*Input!$C$21,0)+IF(Input!$D$22=3,M8366*Input!$C$22,0)</f>
        <v>0</v>
      </c>
      <c r="Q8366" s="75">
        <f>IF(Input!$D$19=4,J8366*Input!$C$19,0)+IF(Input!$D$20=4,K8366*Input!$C$20,0)+IF(Input!$D$21=4,L8366*Input!$C$21,0)+IF(Input!$D$22=4,M8366*Input!$C$22,0)</f>
        <v>0</v>
      </c>
      <c r="R8366" s="58">
        <v>52.014529098230852</v>
      </c>
      <c r="S8366" s="124">
        <f t="shared" si="130"/>
        <v>1.1764992854099394</v>
      </c>
    </row>
    <row r="8367" spans="8:19" x14ac:dyDescent="0.3">
      <c r="H8367" s="44">
        <v>8360</v>
      </c>
      <c r="I8367" s="56">
        <f>Bühler!I8393</f>
        <v>0.30967949940477973</v>
      </c>
      <c r="J8367" s="59">
        <f>Bühler!J8393</f>
        <v>1.0322649980159326</v>
      </c>
      <c r="K8367" s="59">
        <f>Bühler!K8393</f>
        <v>1.5483974970238989</v>
      </c>
      <c r="L8367" s="59">
        <f>Bühler!L8393</f>
        <v>15.492262111486028</v>
      </c>
      <c r="M8367" s="58">
        <f>Bühler!M8393</f>
        <v>0</v>
      </c>
      <c r="N8367" s="56">
        <f>IF(Input!$D$19=1,J8367*Input!$C$19,0)+IF(Input!$D$20=1,K8367*Input!$C$20,0)+IF(Input!$D$21=1,L8367*Input!$C$21,0)+IF(Input!$D$22=1,M8367*Input!$C$22,0)</f>
        <v>0.30967949940477979</v>
      </c>
      <c r="O8367" s="59">
        <f>IF(Input!$D$19=2,J8367*Input!$C$19,0)+IF(Input!$D$20=2,K8367*Input!$C$20,0)+IF(Input!$D$21=2,L8367*Input!$C$21,0)+IF(Input!$D$22=2,M8367*Input!$C$22,0)</f>
        <v>0.77419874851194947</v>
      </c>
      <c r="P8367" s="59">
        <f>IF(Input!$D$19=3,J8367*Input!$C$19,0)+IF(Input!$D$20=3,K8367*Input!$C$20,0)+IF(Input!$D$21=3,L8367*Input!$C$21,0)+IF(Input!$D$22=3,M8367*Input!$C$22,0)</f>
        <v>0</v>
      </c>
      <c r="Q8367" s="75">
        <f>IF(Input!$D$19=4,J8367*Input!$C$19,0)+IF(Input!$D$20=4,K8367*Input!$C$20,0)+IF(Input!$D$21=4,L8367*Input!$C$21,0)+IF(Input!$D$22=4,M8367*Input!$C$22,0)</f>
        <v>0</v>
      </c>
      <c r="R8367" s="58">
        <v>51.90175049748413</v>
      </c>
      <c r="S8367" s="124">
        <f t="shared" si="130"/>
        <v>1.3419444974207124</v>
      </c>
    </row>
    <row r="8368" spans="8:19" x14ac:dyDescent="0.3">
      <c r="H8368" s="44">
        <v>8361</v>
      </c>
      <c r="I8368" s="56">
        <f>Bühler!I8394</f>
        <v>0.30967949940477973</v>
      </c>
      <c r="J8368" s="59">
        <f>Bühler!J8394</f>
        <v>1.0322649980159326</v>
      </c>
      <c r="K8368" s="59">
        <f>Bühler!K8394</f>
        <v>1.5483974970238989</v>
      </c>
      <c r="L8368" s="59">
        <f>Bühler!L8394</f>
        <v>15.492262111486028</v>
      </c>
      <c r="M8368" s="58">
        <f>Bühler!M8394</f>
        <v>0</v>
      </c>
      <c r="N8368" s="56">
        <f>IF(Input!$D$19=1,J8368*Input!$C$19,0)+IF(Input!$D$20=1,K8368*Input!$C$20,0)+IF(Input!$D$21=1,L8368*Input!$C$21,0)+IF(Input!$D$22=1,M8368*Input!$C$22,0)</f>
        <v>0.30967949940477979</v>
      </c>
      <c r="O8368" s="59">
        <f>IF(Input!$D$19=2,J8368*Input!$C$19,0)+IF(Input!$D$20=2,K8368*Input!$C$20,0)+IF(Input!$D$21=2,L8368*Input!$C$21,0)+IF(Input!$D$22=2,M8368*Input!$C$22,0)</f>
        <v>0.77419874851194947</v>
      </c>
      <c r="P8368" s="59">
        <f>IF(Input!$D$19=3,J8368*Input!$C$19,0)+IF(Input!$D$20=3,K8368*Input!$C$20,0)+IF(Input!$D$21=3,L8368*Input!$C$21,0)+IF(Input!$D$22=3,M8368*Input!$C$22,0)</f>
        <v>0</v>
      </c>
      <c r="Q8368" s="75">
        <f>IF(Input!$D$19=4,J8368*Input!$C$19,0)+IF(Input!$D$20=4,K8368*Input!$C$20,0)+IF(Input!$D$21=4,L8368*Input!$C$21,0)+IF(Input!$D$22=4,M8368*Input!$C$22,0)</f>
        <v>0</v>
      </c>
      <c r="R8368" s="58">
        <v>51.087437462633822</v>
      </c>
      <c r="S8368" s="124">
        <f t="shared" si="130"/>
        <v>1.3419444974207124</v>
      </c>
    </row>
    <row r="8369" spans="8:19" x14ac:dyDescent="0.3">
      <c r="H8369" s="44">
        <v>8362</v>
      </c>
      <c r="I8369" s="56">
        <f>Bühler!I8395</f>
        <v>0.30967949940477973</v>
      </c>
      <c r="J8369" s="59">
        <f>Bühler!J8395</f>
        <v>1.0322649980159326</v>
      </c>
      <c r="K8369" s="59">
        <f>Bühler!K8395</f>
        <v>1.5483974970238989</v>
      </c>
      <c r="L8369" s="59">
        <f>Bühler!L8395</f>
        <v>15.492262111486028</v>
      </c>
      <c r="M8369" s="58">
        <f>Bühler!M8395</f>
        <v>0</v>
      </c>
      <c r="N8369" s="56">
        <f>IF(Input!$D$19=1,J8369*Input!$C$19,0)+IF(Input!$D$20=1,K8369*Input!$C$20,0)+IF(Input!$D$21=1,L8369*Input!$C$21,0)+IF(Input!$D$22=1,M8369*Input!$C$22,0)</f>
        <v>0.30967949940477979</v>
      </c>
      <c r="O8369" s="59">
        <f>IF(Input!$D$19=2,J8369*Input!$C$19,0)+IF(Input!$D$20=2,K8369*Input!$C$20,0)+IF(Input!$D$21=2,L8369*Input!$C$21,0)+IF(Input!$D$22=2,M8369*Input!$C$22,0)</f>
        <v>0.77419874851194947</v>
      </c>
      <c r="P8369" s="59">
        <f>IF(Input!$D$19=3,J8369*Input!$C$19,0)+IF(Input!$D$20=3,K8369*Input!$C$20,0)+IF(Input!$D$21=3,L8369*Input!$C$21,0)+IF(Input!$D$22=3,M8369*Input!$C$22,0)</f>
        <v>0</v>
      </c>
      <c r="Q8369" s="75">
        <f>IF(Input!$D$19=4,J8369*Input!$C$19,0)+IF(Input!$D$20=4,K8369*Input!$C$20,0)+IF(Input!$D$21=4,L8369*Input!$C$21,0)+IF(Input!$D$22=4,M8369*Input!$C$22,0)</f>
        <v>0</v>
      </c>
      <c r="R8369" s="58">
        <v>50.31708647145841</v>
      </c>
      <c r="S8369" s="124">
        <f t="shared" si="130"/>
        <v>1.3419444974207124</v>
      </c>
    </row>
    <row r="8370" spans="8:19" x14ac:dyDescent="0.3">
      <c r="H8370" s="44">
        <v>8363</v>
      </c>
      <c r="I8370" s="56">
        <f>Bühler!I8396</f>
        <v>0.30967949940477973</v>
      </c>
      <c r="J8370" s="59">
        <f>Bühler!J8396</f>
        <v>1.0322649980159326</v>
      </c>
      <c r="K8370" s="59">
        <f>Bühler!K8396</f>
        <v>1.5483974970238989</v>
      </c>
      <c r="L8370" s="59">
        <f>Bühler!L8396</f>
        <v>15.492262111486028</v>
      </c>
      <c r="M8370" s="58">
        <f>Bühler!M8396</f>
        <v>0</v>
      </c>
      <c r="N8370" s="56">
        <f>IF(Input!$D$19=1,J8370*Input!$C$19,0)+IF(Input!$D$20=1,K8370*Input!$C$20,0)+IF(Input!$D$21=1,L8370*Input!$C$21,0)+IF(Input!$D$22=1,M8370*Input!$C$22,0)</f>
        <v>0.30967949940477979</v>
      </c>
      <c r="O8370" s="59">
        <f>IF(Input!$D$19=2,J8370*Input!$C$19,0)+IF(Input!$D$20=2,K8370*Input!$C$20,0)+IF(Input!$D$21=2,L8370*Input!$C$21,0)+IF(Input!$D$22=2,M8370*Input!$C$22,0)</f>
        <v>0.77419874851194947</v>
      </c>
      <c r="P8370" s="59">
        <f>IF(Input!$D$19=3,J8370*Input!$C$19,0)+IF(Input!$D$20=3,K8370*Input!$C$20,0)+IF(Input!$D$21=3,L8370*Input!$C$21,0)+IF(Input!$D$22=3,M8370*Input!$C$22,0)</f>
        <v>0</v>
      </c>
      <c r="Q8370" s="75">
        <f>IF(Input!$D$19=4,J8370*Input!$C$19,0)+IF(Input!$D$20=4,K8370*Input!$C$20,0)+IF(Input!$D$21=4,L8370*Input!$C$21,0)+IF(Input!$D$22=4,M8370*Input!$C$22,0)</f>
        <v>0</v>
      </c>
      <c r="R8370" s="58">
        <v>50.214715745637399</v>
      </c>
      <c r="S8370" s="124">
        <f t="shared" si="130"/>
        <v>1.3419444974207124</v>
      </c>
    </row>
    <row r="8371" spans="8:19" x14ac:dyDescent="0.3">
      <c r="H8371" s="44">
        <v>8364</v>
      </c>
      <c r="I8371" s="56">
        <f>Bühler!I8397</f>
        <v>0.30967949940477973</v>
      </c>
      <c r="J8371" s="59">
        <f>Bühler!J8397</f>
        <v>1.0322649980159326</v>
      </c>
      <c r="K8371" s="59">
        <f>Bühler!K8397</f>
        <v>1.5483974970238989</v>
      </c>
      <c r="L8371" s="59">
        <f>Bühler!L8397</f>
        <v>15.492262111486028</v>
      </c>
      <c r="M8371" s="58">
        <f>Bühler!M8397</f>
        <v>0</v>
      </c>
      <c r="N8371" s="56">
        <f>IF(Input!$D$19=1,J8371*Input!$C$19,0)+IF(Input!$D$20=1,K8371*Input!$C$20,0)+IF(Input!$D$21=1,L8371*Input!$C$21,0)+IF(Input!$D$22=1,M8371*Input!$C$22,0)</f>
        <v>0.30967949940477979</v>
      </c>
      <c r="O8371" s="59">
        <f>IF(Input!$D$19=2,J8371*Input!$C$19,0)+IF(Input!$D$20=2,K8371*Input!$C$20,0)+IF(Input!$D$21=2,L8371*Input!$C$21,0)+IF(Input!$D$22=2,M8371*Input!$C$22,0)</f>
        <v>0.77419874851194947</v>
      </c>
      <c r="P8371" s="59">
        <f>IF(Input!$D$19=3,J8371*Input!$C$19,0)+IF(Input!$D$20=3,K8371*Input!$C$20,0)+IF(Input!$D$21=3,L8371*Input!$C$21,0)+IF(Input!$D$22=3,M8371*Input!$C$22,0)</f>
        <v>0</v>
      </c>
      <c r="Q8371" s="75">
        <f>IF(Input!$D$19=4,J8371*Input!$C$19,0)+IF(Input!$D$20=4,K8371*Input!$C$20,0)+IF(Input!$D$21=4,L8371*Input!$C$21,0)+IF(Input!$D$22=4,M8371*Input!$C$22,0)</f>
        <v>0</v>
      </c>
      <c r="R8371" s="58">
        <v>49.891115668801902</v>
      </c>
      <c r="S8371" s="124">
        <f t="shared" si="130"/>
        <v>1.3419444974207124</v>
      </c>
    </row>
    <row r="8372" spans="8:19" x14ac:dyDescent="0.3">
      <c r="H8372" s="44">
        <v>8365</v>
      </c>
      <c r="I8372" s="56">
        <f>Bühler!I8398</f>
        <v>0.30967949940477973</v>
      </c>
      <c r="J8372" s="59">
        <f>Bühler!J8398</f>
        <v>1.0322649980159326</v>
      </c>
      <c r="K8372" s="59">
        <f>Bühler!K8398</f>
        <v>1.5483974970238989</v>
      </c>
      <c r="L8372" s="59">
        <f>Bühler!L8398</f>
        <v>15.492262111486028</v>
      </c>
      <c r="M8372" s="58">
        <f>Bühler!M8398</f>
        <v>0</v>
      </c>
      <c r="N8372" s="56">
        <f>IF(Input!$D$19=1,J8372*Input!$C$19,0)+IF(Input!$D$20=1,K8372*Input!$C$20,0)+IF(Input!$D$21=1,L8372*Input!$C$21,0)+IF(Input!$D$22=1,M8372*Input!$C$22,0)</f>
        <v>0.30967949940477979</v>
      </c>
      <c r="O8372" s="59">
        <f>IF(Input!$D$19=2,J8372*Input!$C$19,0)+IF(Input!$D$20=2,K8372*Input!$C$20,0)+IF(Input!$D$21=2,L8372*Input!$C$21,0)+IF(Input!$D$22=2,M8372*Input!$C$22,0)</f>
        <v>0.77419874851194947</v>
      </c>
      <c r="P8372" s="59">
        <f>IF(Input!$D$19=3,J8372*Input!$C$19,0)+IF(Input!$D$20=3,K8372*Input!$C$20,0)+IF(Input!$D$21=3,L8372*Input!$C$21,0)+IF(Input!$D$22=3,M8372*Input!$C$22,0)</f>
        <v>0</v>
      </c>
      <c r="Q8372" s="75">
        <f>IF(Input!$D$19=4,J8372*Input!$C$19,0)+IF(Input!$D$20=4,K8372*Input!$C$20,0)+IF(Input!$D$21=4,L8372*Input!$C$21,0)+IF(Input!$D$22=4,M8372*Input!$C$22,0)</f>
        <v>0</v>
      </c>
      <c r="R8372" s="58">
        <v>48.717071848851127</v>
      </c>
      <c r="S8372" s="124">
        <f t="shared" si="130"/>
        <v>1.3419444974207124</v>
      </c>
    </row>
    <row r="8373" spans="8:19" x14ac:dyDescent="0.3">
      <c r="H8373" s="44">
        <v>8366</v>
      </c>
      <c r="I8373" s="56">
        <f>Bühler!I8399</f>
        <v>0.30967949940477973</v>
      </c>
      <c r="J8373" s="59">
        <f>Bühler!J8399</f>
        <v>1.0322649980159326</v>
      </c>
      <c r="K8373" s="59">
        <f>Bühler!K8399</f>
        <v>1.5483974970238989</v>
      </c>
      <c r="L8373" s="59">
        <f>Bühler!L8399</f>
        <v>15.492262111486028</v>
      </c>
      <c r="M8373" s="58">
        <f>Bühler!M8399</f>
        <v>0</v>
      </c>
      <c r="N8373" s="56">
        <f>IF(Input!$D$19=1,J8373*Input!$C$19,0)+IF(Input!$D$20=1,K8373*Input!$C$20,0)+IF(Input!$D$21=1,L8373*Input!$C$21,0)+IF(Input!$D$22=1,M8373*Input!$C$22,0)</f>
        <v>0.30967949940477979</v>
      </c>
      <c r="O8373" s="59">
        <f>IF(Input!$D$19=2,J8373*Input!$C$19,0)+IF(Input!$D$20=2,K8373*Input!$C$20,0)+IF(Input!$D$21=2,L8373*Input!$C$21,0)+IF(Input!$D$22=2,M8373*Input!$C$22,0)</f>
        <v>0.77419874851194947</v>
      </c>
      <c r="P8373" s="59">
        <f>IF(Input!$D$19=3,J8373*Input!$C$19,0)+IF(Input!$D$20=3,K8373*Input!$C$20,0)+IF(Input!$D$21=3,L8373*Input!$C$21,0)+IF(Input!$D$22=3,M8373*Input!$C$22,0)</f>
        <v>0</v>
      </c>
      <c r="Q8373" s="75">
        <f>IF(Input!$D$19=4,J8373*Input!$C$19,0)+IF(Input!$D$20=4,K8373*Input!$C$20,0)+IF(Input!$D$21=4,L8373*Input!$C$21,0)+IF(Input!$D$22=4,M8373*Input!$C$22,0)</f>
        <v>0</v>
      </c>
      <c r="R8373" s="58">
        <v>48.019431742701926</v>
      </c>
      <c r="S8373" s="124">
        <f t="shared" si="130"/>
        <v>1.3419444974207124</v>
      </c>
    </row>
    <row r="8374" spans="8:19" x14ac:dyDescent="0.3">
      <c r="H8374" s="44">
        <v>8367</v>
      </c>
      <c r="I8374" s="56">
        <f>Bühler!I8400</f>
        <v>0.30967949940477973</v>
      </c>
      <c r="J8374" s="59">
        <f>Bühler!J8400</f>
        <v>1.0322649980159326</v>
      </c>
      <c r="K8374" s="59">
        <f>Bühler!K8400</f>
        <v>1.5483974970238989</v>
      </c>
      <c r="L8374" s="59">
        <f>Bühler!L8400</f>
        <v>15.492262111486028</v>
      </c>
      <c r="M8374" s="58">
        <f>Bühler!M8400</f>
        <v>0</v>
      </c>
      <c r="N8374" s="56">
        <f>IF(Input!$D$19=1,J8374*Input!$C$19,0)+IF(Input!$D$20=1,K8374*Input!$C$20,0)+IF(Input!$D$21=1,L8374*Input!$C$21,0)+IF(Input!$D$22=1,M8374*Input!$C$22,0)</f>
        <v>0.30967949940477979</v>
      </c>
      <c r="O8374" s="59">
        <f>IF(Input!$D$19=2,J8374*Input!$C$19,0)+IF(Input!$D$20=2,K8374*Input!$C$20,0)+IF(Input!$D$21=2,L8374*Input!$C$21,0)+IF(Input!$D$22=2,M8374*Input!$C$22,0)</f>
        <v>0.77419874851194947</v>
      </c>
      <c r="P8374" s="59">
        <f>IF(Input!$D$19=3,J8374*Input!$C$19,0)+IF(Input!$D$20=3,K8374*Input!$C$20,0)+IF(Input!$D$21=3,L8374*Input!$C$21,0)+IF(Input!$D$22=3,M8374*Input!$C$22,0)</f>
        <v>0</v>
      </c>
      <c r="Q8374" s="75">
        <f>IF(Input!$D$19=4,J8374*Input!$C$19,0)+IF(Input!$D$20=4,K8374*Input!$C$20,0)+IF(Input!$D$21=4,L8374*Input!$C$21,0)+IF(Input!$D$22=4,M8374*Input!$C$22,0)</f>
        <v>0</v>
      </c>
      <c r="R8374" s="58">
        <v>48.202237774455099</v>
      </c>
      <c r="S8374" s="124">
        <f t="shared" si="130"/>
        <v>1.3419444974207124</v>
      </c>
    </row>
    <row r="8375" spans="8:19" x14ac:dyDescent="0.3">
      <c r="H8375" s="44">
        <v>8368</v>
      </c>
      <c r="I8375" s="56">
        <f>Bühler!I8401</f>
        <v>0.27998420494130771</v>
      </c>
      <c r="J8375" s="59">
        <f>Bühler!J8401</f>
        <v>0.93328068313769252</v>
      </c>
      <c r="K8375" s="59">
        <f>Bühler!K8401</f>
        <v>1.3999210247065388</v>
      </c>
      <c r="L8375" s="59">
        <f>Bühler!L8401</f>
        <v>14.006702730932574</v>
      </c>
      <c r="M8375" s="58">
        <f>Bühler!M8401</f>
        <v>0</v>
      </c>
      <c r="N8375" s="56">
        <f>IF(Input!$D$19=1,J8375*Input!$C$19,0)+IF(Input!$D$20=1,K8375*Input!$C$20,0)+IF(Input!$D$21=1,L8375*Input!$C$21,0)+IF(Input!$D$22=1,M8375*Input!$C$22,0)</f>
        <v>0.27998420494130777</v>
      </c>
      <c r="O8375" s="59">
        <f>IF(Input!$D$19=2,J8375*Input!$C$19,0)+IF(Input!$D$20=2,K8375*Input!$C$20,0)+IF(Input!$D$21=2,L8375*Input!$C$21,0)+IF(Input!$D$22=2,M8375*Input!$C$22,0)</f>
        <v>0.69996051235326939</v>
      </c>
      <c r="P8375" s="59">
        <f>IF(Input!$D$19=3,J8375*Input!$C$19,0)+IF(Input!$D$20=3,K8375*Input!$C$20,0)+IF(Input!$D$21=3,L8375*Input!$C$21,0)+IF(Input!$D$22=3,M8375*Input!$C$22,0)</f>
        <v>0</v>
      </c>
      <c r="Q8375" s="75">
        <f>IF(Input!$D$19=4,J8375*Input!$C$19,0)+IF(Input!$D$20=4,K8375*Input!$C$20,0)+IF(Input!$D$21=4,L8375*Input!$C$21,0)+IF(Input!$D$22=4,M8375*Input!$C$22,0)</f>
        <v>0</v>
      </c>
      <c r="R8375" s="58">
        <v>47.4912780942526</v>
      </c>
      <c r="S8375" s="124">
        <f t="shared" si="130"/>
        <v>1.2132648880790002</v>
      </c>
    </row>
    <row r="8376" spans="8:19" x14ac:dyDescent="0.3">
      <c r="H8376" s="44">
        <v>8369</v>
      </c>
      <c r="I8376" s="56">
        <f>Bühler!I8402</f>
        <v>0.25453109540118884</v>
      </c>
      <c r="J8376" s="59">
        <f>Bühler!J8402</f>
        <v>0.84843698467062956</v>
      </c>
      <c r="K8376" s="59">
        <f>Bühler!K8402</f>
        <v>1.2726554770059442</v>
      </c>
      <c r="L8376" s="59">
        <f>Bühler!L8402</f>
        <v>12.733366119029613</v>
      </c>
      <c r="M8376" s="58">
        <f>Bühler!M8402</f>
        <v>0</v>
      </c>
      <c r="N8376" s="56">
        <f>IF(Input!$D$19=1,J8376*Input!$C$19,0)+IF(Input!$D$20=1,K8376*Input!$C$20,0)+IF(Input!$D$21=1,L8376*Input!$C$21,0)+IF(Input!$D$22=1,M8376*Input!$C$22,0)</f>
        <v>0.25453109540118884</v>
      </c>
      <c r="O8376" s="59">
        <f>IF(Input!$D$19=2,J8376*Input!$C$19,0)+IF(Input!$D$20=2,K8376*Input!$C$20,0)+IF(Input!$D$21=2,L8376*Input!$C$21,0)+IF(Input!$D$22=2,M8376*Input!$C$22,0)</f>
        <v>0.63632773850297208</v>
      </c>
      <c r="P8376" s="59">
        <f>IF(Input!$D$19=3,J8376*Input!$C$19,0)+IF(Input!$D$20=3,K8376*Input!$C$20,0)+IF(Input!$D$21=3,L8376*Input!$C$21,0)+IF(Input!$D$22=3,M8376*Input!$C$22,0)</f>
        <v>0</v>
      </c>
      <c r="Q8376" s="75">
        <f>IF(Input!$D$19=4,J8376*Input!$C$19,0)+IF(Input!$D$20=4,K8376*Input!$C$20,0)+IF(Input!$D$21=4,L8376*Input!$C$21,0)+IF(Input!$D$22=4,M8376*Input!$C$22,0)</f>
        <v>0</v>
      </c>
      <c r="R8376" s="58">
        <v>46.636381737649756</v>
      </c>
      <c r="S8376" s="124">
        <f t="shared" si="130"/>
        <v>1.1029680800718185</v>
      </c>
    </row>
    <row r="8377" spans="8:19" x14ac:dyDescent="0.3">
      <c r="H8377" s="44">
        <v>8370</v>
      </c>
      <c r="I8377" s="56">
        <f>Bühler!I8403</f>
        <v>0.22907798586106992</v>
      </c>
      <c r="J8377" s="59">
        <f>Bühler!J8403</f>
        <v>0.76359328620356648</v>
      </c>
      <c r="K8377" s="59">
        <f>Bühler!K8403</f>
        <v>1.1453899293053498</v>
      </c>
      <c r="L8377" s="59">
        <f>Bühler!L8403</f>
        <v>11.460029507126652</v>
      </c>
      <c r="M8377" s="58">
        <f>Bühler!M8403</f>
        <v>0</v>
      </c>
      <c r="N8377" s="56">
        <f>IF(Input!$D$19=1,J8377*Input!$C$19,0)+IF(Input!$D$20=1,K8377*Input!$C$20,0)+IF(Input!$D$21=1,L8377*Input!$C$21,0)+IF(Input!$D$22=1,M8377*Input!$C$22,0)</f>
        <v>0.22907798586106992</v>
      </c>
      <c r="O8377" s="59">
        <f>IF(Input!$D$19=2,J8377*Input!$C$19,0)+IF(Input!$D$20=2,K8377*Input!$C$20,0)+IF(Input!$D$21=2,L8377*Input!$C$21,0)+IF(Input!$D$22=2,M8377*Input!$C$22,0)</f>
        <v>0.57269496465267489</v>
      </c>
      <c r="P8377" s="59">
        <f>IF(Input!$D$19=3,J8377*Input!$C$19,0)+IF(Input!$D$20=3,K8377*Input!$C$20,0)+IF(Input!$D$21=3,L8377*Input!$C$21,0)+IF(Input!$D$22=3,M8377*Input!$C$22,0)</f>
        <v>0</v>
      </c>
      <c r="Q8377" s="75">
        <f>IF(Input!$D$19=4,J8377*Input!$C$19,0)+IF(Input!$D$20=4,K8377*Input!$C$20,0)+IF(Input!$D$21=4,L8377*Input!$C$21,0)+IF(Input!$D$22=4,M8377*Input!$C$22,0)</f>
        <v>0</v>
      </c>
      <c r="R8377" s="58">
        <v>46.41341959104394</v>
      </c>
      <c r="S8377" s="124">
        <f t="shared" si="130"/>
        <v>0.99267127206463646</v>
      </c>
    </row>
    <row r="8378" spans="8:19" x14ac:dyDescent="0.3">
      <c r="H8378" s="44">
        <v>8371</v>
      </c>
      <c r="I8378" s="56">
        <f>Bühler!I8404</f>
        <v>0.22059361601436361</v>
      </c>
      <c r="J8378" s="59">
        <f>Bühler!J8404</f>
        <v>0.73531205338121219</v>
      </c>
      <c r="K8378" s="59">
        <f>Bühler!K8404</f>
        <v>1.1029680800718182</v>
      </c>
      <c r="L8378" s="59">
        <f>Bühler!L8404</f>
        <v>11.035583969825662</v>
      </c>
      <c r="M8378" s="58">
        <f>Bühler!M8404</f>
        <v>0</v>
      </c>
      <c r="N8378" s="56">
        <f>IF(Input!$D$19=1,J8378*Input!$C$19,0)+IF(Input!$D$20=1,K8378*Input!$C$20,0)+IF(Input!$D$21=1,L8378*Input!$C$21,0)+IF(Input!$D$22=1,M8378*Input!$C$22,0)</f>
        <v>0.22059361601436364</v>
      </c>
      <c r="O8378" s="59">
        <f>IF(Input!$D$19=2,J8378*Input!$C$19,0)+IF(Input!$D$20=2,K8378*Input!$C$20,0)+IF(Input!$D$21=2,L8378*Input!$C$21,0)+IF(Input!$D$22=2,M8378*Input!$C$22,0)</f>
        <v>0.55148404003590912</v>
      </c>
      <c r="P8378" s="59">
        <f>IF(Input!$D$19=3,J8378*Input!$C$19,0)+IF(Input!$D$20=3,K8378*Input!$C$20,0)+IF(Input!$D$21=3,L8378*Input!$C$21,0)+IF(Input!$D$22=3,M8378*Input!$C$22,0)</f>
        <v>0</v>
      </c>
      <c r="Q8378" s="75">
        <f>IF(Input!$D$19=4,J8378*Input!$C$19,0)+IF(Input!$D$20=4,K8378*Input!$C$20,0)+IF(Input!$D$21=4,L8378*Input!$C$21,0)+IF(Input!$D$22=4,M8378*Input!$C$22,0)</f>
        <v>0</v>
      </c>
      <c r="R8378" s="58">
        <v>45.45277019738306</v>
      </c>
      <c r="S8378" s="124">
        <f t="shared" si="130"/>
        <v>0.95590566939557586</v>
      </c>
    </row>
    <row r="8379" spans="8:19" x14ac:dyDescent="0.3">
      <c r="H8379" s="44">
        <v>8372</v>
      </c>
      <c r="I8379" s="56">
        <f>Bühler!I8405</f>
        <v>0.17817176678083216</v>
      </c>
      <c r="J8379" s="59">
        <f>Bühler!J8405</f>
        <v>0.59390588926944055</v>
      </c>
      <c r="K8379" s="59">
        <f>Bühler!K8405</f>
        <v>0.89085883390416087</v>
      </c>
      <c r="L8379" s="59">
        <f>Bühler!L8405</f>
        <v>8.9133562833207272</v>
      </c>
      <c r="M8379" s="58">
        <f>Bühler!M8405</f>
        <v>0</v>
      </c>
      <c r="N8379" s="56">
        <f>IF(Input!$D$19=1,J8379*Input!$C$19,0)+IF(Input!$D$20=1,K8379*Input!$C$20,0)+IF(Input!$D$21=1,L8379*Input!$C$21,0)+IF(Input!$D$22=1,M8379*Input!$C$22,0)</f>
        <v>0.17817176678083216</v>
      </c>
      <c r="O8379" s="59">
        <f>IF(Input!$D$19=2,J8379*Input!$C$19,0)+IF(Input!$D$20=2,K8379*Input!$C$20,0)+IF(Input!$D$21=2,L8379*Input!$C$21,0)+IF(Input!$D$22=2,M8379*Input!$C$22,0)</f>
        <v>0.44542941695208044</v>
      </c>
      <c r="P8379" s="59">
        <f>IF(Input!$D$19=3,J8379*Input!$C$19,0)+IF(Input!$D$20=3,K8379*Input!$C$20,0)+IF(Input!$D$21=3,L8379*Input!$C$21,0)+IF(Input!$D$22=3,M8379*Input!$C$22,0)</f>
        <v>0</v>
      </c>
      <c r="Q8379" s="75">
        <f>IF(Input!$D$19=4,J8379*Input!$C$19,0)+IF(Input!$D$20=4,K8379*Input!$C$20,0)+IF(Input!$D$21=4,L8379*Input!$C$21,0)+IF(Input!$D$22=4,M8379*Input!$C$22,0)</f>
        <v>0</v>
      </c>
      <c r="R8379" s="58">
        <v>45.031973891963681</v>
      </c>
      <c r="S8379" s="124">
        <f t="shared" si="130"/>
        <v>0.77207765605027268</v>
      </c>
    </row>
    <row r="8380" spans="8:19" x14ac:dyDescent="0.3">
      <c r="H8380" s="44">
        <v>8373</v>
      </c>
      <c r="I8380" s="56">
        <f>Bühler!I8406</f>
        <v>0.13150773262394755</v>
      </c>
      <c r="J8380" s="59">
        <f>Bühler!J8406</f>
        <v>0.43835910874649187</v>
      </c>
      <c r="K8380" s="59">
        <f>Bühler!K8406</f>
        <v>0.65753866311973785</v>
      </c>
      <c r="L8380" s="59">
        <f>Bühler!L8406</f>
        <v>6.5789058281652988</v>
      </c>
      <c r="M8380" s="58">
        <f>Bühler!M8406</f>
        <v>0</v>
      </c>
      <c r="N8380" s="56">
        <f>IF(Input!$D$19=1,J8380*Input!$C$19,0)+IF(Input!$D$20=1,K8380*Input!$C$20,0)+IF(Input!$D$21=1,L8380*Input!$C$21,0)+IF(Input!$D$22=1,M8380*Input!$C$22,0)</f>
        <v>0.13150773262394755</v>
      </c>
      <c r="O8380" s="59">
        <f>IF(Input!$D$19=2,J8380*Input!$C$19,0)+IF(Input!$D$20=2,K8380*Input!$C$20,0)+IF(Input!$D$21=2,L8380*Input!$C$21,0)+IF(Input!$D$22=2,M8380*Input!$C$22,0)</f>
        <v>0.32876933155986893</v>
      </c>
      <c r="P8380" s="59">
        <f>IF(Input!$D$19=3,J8380*Input!$C$19,0)+IF(Input!$D$20=3,K8380*Input!$C$20,0)+IF(Input!$D$21=3,L8380*Input!$C$21,0)+IF(Input!$D$22=3,M8380*Input!$C$22,0)</f>
        <v>0</v>
      </c>
      <c r="Q8380" s="75">
        <f>IF(Input!$D$19=4,J8380*Input!$C$19,0)+IF(Input!$D$20=4,K8380*Input!$C$20,0)+IF(Input!$D$21=4,L8380*Input!$C$21,0)+IF(Input!$D$22=4,M8380*Input!$C$22,0)</f>
        <v>0</v>
      </c>
      <c r="R8380" s="58">
        <v>44.4453268888469</v>
      </c>
      <c r="S8380" s="124">
        <f t="shared" si="130"/>
        <v>0.56986684137043941</v>
      </c>
    </row>
    <row r="8381" spans="8:19" x14ac:dyDescent="0.3">
      <c r="H8381" s="44">
        <v>8374</v>
      </c>
      <c r="I8381" s="56">
        <f>Bühler!I8407</f>
        <v>0.13150773262394755</v>
      </c>
      <c r="J8381" s="59">
        <f>Bühler!J8407</f>
        <v>0.43835910874649187</v>
      </c>
      <c r="K8381" s="59">
        <f>Bühler!K8407</f>
        <v>0.65753866311973785</v>
      </c>
      <c r="L8381" s="59">
        <f>Bühler!L8407</f>
        <v>6.5789058281652988</v>
      </c>
      <c r="M8381" s="58">
        <f>Bühler!M8407</f>
        <v>0</v>
      </c>
      <c r="N8381" s="56">
        <f>IF(Input!$D$19=1,J8381*Input!$C$19,0)+IF(Input!$D$20=1,K8381*Input!$C$20,0)+IF(Input!$D$21=1,L8381*Input!$C$21,0)+IF(Input!$D$22=1,M8381*Input!$C$22,0)</f>
        <v>0.13150773262394755</v>
      </c>
      <c r="O8381" s="59">
        <f>IF(Input!$D$19=2,J8381*Input!$C$19,0)+IF(Input!$D$20=2,K8381*Input!$C$20,0)+IF(Input!$D$21=2,L8381*Input!$C$21,0)+IF(Input!$D$22=2,M8381*Input!$C$22,0)</f>
        <v>0.32876933155986893</v>
      </c>
      <c r="P8381" s="59">
        <f>IF(Input!$D$19=3,J8381*Input!$C$19,0)+IF(Input!$D$20=3,K8381*Input!$C$20,0)+IF(Input!$D$21=3,L8381*Input!$C$21,0)+IF(Input!$D$22=3,M8381*Input!$C$22,0)</f>
        <v>0</v>
      </c>
      <c r="Q8381" s="75">
        <f>IF(Input!$D$19=4,J8381*Input!$C$19,0)+IF(Input!$D$20=4,K8381*Input!$C$20,0)+IF(Input!$D$21=4,L8381*Input!$C$21,0)+IF(Input!$D$22=4,M8381*Input!$C$22,0)</f>
        <v>0</v>
      </c>
      <c r="R8381" s="58">
        <v>43.795608154265743</v>
      </c>
      <c r="S8381" s="124">
        <f t="shared" si="130"/>
        <v>0.56986684137043941</v>
      </c>
    </row>
    <row r="8382" spans="8:19" x14ac:dyDescent="0.3">
      <c r="H8382" s="44">
        <v>8375</v>
      </c>
      <c r="I8382" s="56">
        <f>Bühler!I8408</f>
        <v>0.13150773262394755</v>
      </c>
      <c r="J8382" s="59">
        <f>Bühler!J8408</f>
        <v>0.43835910874649187</v>
      </c>
      <c r="K8382" s="59">
        <f>Bühler!K8408</f>
        <v>0.65753866311973785</v>
      </c>
      <c r="L8382" s="59">
        <f>Bühler!L8408</f>
        <v>6.5789058281652988</v>
      </c>
      <c r="M8382" s="58">
        <f>Bühler!M8408</f>
        <v>0</v>
      </c>
      <c r="N8382" s="56">
        <f>IF(Input!$D$19=1,J8382*Input!$C$19,0)+IF(Input!$D$20=1,K8382*Input!$C$20,0)+IF(Input!$D$21=1,L8382*Input!$C$21,0)+IF(Input!$D$22=1,M8382*Input!$C$22,0)</f>
        <v>0.13150773262394755</v>
      </c>
      <c r="O8382" s="59">
        <f>IF(Input!$D$19=2,J8382*Input!$C$19,0)+IF(Input!$D$20=2,K8382*Input!$C$20,0)+IF(Input!$D$21=2,L8382*Input!$C$21,0)+IF(Input!$D$22=2,M8382*Input!$C$22,0)</f>
        <v>0.32876933155986893</v>
      </c>
      <c r="P8382" s="59">
        <f>IF(Input!$D$19=3,J8382*Input!$C$19,0)+IF(Input!$D$20=3,K8382*Input!$C$20,0)+IF(Input!$D$21=3,L8382*Input!$C$21,0)+IF(Input!$D$22=3,M8382*Input!$C$22,0)</f>
        <v>0</v>
      </c>
      <c r="Q8382" s="75">
        <f>IF(Input!$D$19=4,J8382*Input!$C$19,0)+IF(Input!$D$20=4,K8382*Input!$C$20,0)+IF(Input!$D$21=4,L8382*Input!$C$21,0)+IF(Input!$D$22=4,M8382*Input!$C$22,0)</f>
        <v>0</v>
      </c>
      <c r="R8382" s="58">
        <v>44.209423713395381</v>
      </c>
      <c r="S8382" s="124">
        <f t="shared" si="130"/>
        <v>0.56986684137043941</v>
      </c>
    </row>
    <row r="8383" spans="8:19" x14ac:dyDescent="0.3">
      <c r="H8383" s="44">
        <v>8376</v>
      </c>
      <c r="I8383" s="56">
        <f>Bühler!I8409</f>
        <v>0.13150773262394755</v>
      </c>
      <c r="J8383" s="59">
        <f>Bühler!J8409</f>
        <v>0.43835910874649187</v>
      </c>
      <c r="K8383" s="59">
        <f>Bühler!K8409</f>
        <v>0.65753866311973785</v>
      </c>
      <c r="L8383" s="59">
        <f>Bühler!L8409</f>
        <v>6.5789058281652988</v>
      </c>
      <c r="M8383" s="58">
        <f>Bühler!M8409</f>
        <v>0</v>
      </c>
      <c r="N8383" s="56">
        <f>IF(Input!$D$19=1,J8383*Input!$C$19,0)+IF(Input!$D$20=1,K8383*Input!$C$20,0)+IF(Input!$D$21=1,L8383*Input!$C$21,0)+IF(Input!$D$22=1,M8383*Input!$C$22,0)</f>
        <v>0.13150773262394755</v>
      </c>
      <c r="O8383" s="59">
        <f>IF(Input!$D$19=2,J8383*Input!$C$19,0)+IF(Input!$D$20=2,K8383*Input!$C$20,0)+IF(Input!$D$21=2,L8383*Input!$C$21,0)+IF(Input!$D$22=2,M8383*Input!$C$22,0)</f>
        <v>0.32876933155986893</v>
      </c>
      <c r="P8383" s="59">
        <f>IF(Input!$D$19=3,J8383*Input!$C$19,0)+IF(Input!$D$20=3,K8383*Input!$C$20,0)+IF(Input!$D$21=3,L8383*Input!$C$21,0)+IF(Input!$D$22=3,M8383*Input!$C$22,0)</f>
        <v>0</v>
      </c>
      <c r="Q8383" s="75">
        <f>IF(Input!$D$19=4,J8383*Input!$C$19,0)+IF(Input!$D$20=4,K8383*Input!$C$20,0)+IF(Input!$D$21=4,L8383*Input!$C$21,0)+IF(Input!$D$22=4,M8383*Input!$C$22,0)</f>
        <v>0</v>
      </c>
      <c r="R8383" s="58">
        <v>44.098938390512203</v>
      </c>
      <c r="S8383" s="124">
        <f t="shared" si="130"/>
        <v>0.56986684137043941</v>
      </c>
    </row>
    <row r="8384" spans="8:19" x14ac:dyDescent="0.3">
      <c r="H8384" s="44">
        <v>8377</v>
      </c>
      <c r="I8384" s="56">
        <f>Bühler!I8410</f>
        <v>0.12904270384274857</v>
      </c>
      <c r="J8384" s="59">
        <f>Bühler!J8410</f>
        <v>0.4301423461424953</v>
      </c>
      <c r="K8384" s="59">
        <f>Bühler!K8410</f>
        <v>0.64521351921374293</v>
      </c>
      <c r="L8384" s="59">
        <f>Bühler!L8410</f>
        <v>7.0165120373770185</v>
      </c>
      <c r="M8384" s="58">
        <f>Bühler!M8410</f>
        <v>0</v>
      </c>
      <c r="N8384" s="56">
        <f>IF(Input!$D$19=1,J8384*Input!$C$19,0)+IF(Input!$D$20=1,K8384*Input!$C$20,0)+IF(Input!$D$21=1,L8384*Input!$C$21,0)+IF(Input!$D$22=1,M8384*Input!$C$22,0)</f>
        <v>0.12904270384274857</v>
      </c>
      <c r="O8384" s="59">
        <f>IF(Input!$D$19=2,J8384*Input!$C$19,0)+IF(Input!$D$20=2,K8384*Input!$C$20,0)+IF(Input!$D$21=2,L8384*Input!$C$21,0)+IF(Input!$D$22=2,M8384*Input!$C$22,0)</f>
        <v>0.32260675960687146</v>
      </c>
      <c r="P8384" s="59">
        <f>IF(Input!$D$19=3,J8384*Input!$C$19,0)+IF(Input!$D$20=3,K8384*Input!$C$20,0)+IF(Input!$D$21=3,L8384*Input!$C$21,0)+IF(Input!$D$22=3,M8384*Input!$C$22,0)</f>
        <v>0</v>
      </c>
      <c r="Q8384" s="75">
        <f>IF(Input!$D$19=4,J8384*Input!$C$19,0)+IF(Input!$D$20=4,K8384*Input!$C$20,0)+IF(Input!$D$21=4,L8384*Input!$C$21,0)+IF(Input!$D$22=4,M8384*Input!$C$22,0)</f>
        <v>0</v>
      </c>
      <c r="R8384" s="58">
        <v>43.570928118511972</v>
      </c>
      <c r="S8384" s="124">
        <f t="shared" si="130"/>
        <v>0.55918504998524388</v>
      </c>
    </row>
    <row r="8385" spans="8:19" x14ac:dyDescent="0.3">
      <c r="H8385" s="44">
        <v>8378</v>
      </c>
      <c r="I8385" s="56">
        <f>Bühler!I8411</f>
        <v>0.14985604317222415</v>
      </c>
      <c r="J8385" s="59">
        <f>Bühler!J8411</f>
        <v>0.49952014390741389</v>
      </c>
      <c r="K8385" s="59">
        <f>Bühler!K8411</f>
        <v>0.74928021586112092</v>
      </c>
      <c r="L8385" s="59">
        <f>Bühler!L8411</f>
        <v>8.1482075272765382</v>
      </c>
      <c r="M8385" s="58">
        <f>Bühler!M8411</f>
        <v>0</v>
      </c>
      <c r="N8385" s="56">
        <f>IF(Input!$D$19=1,J8385*Input!$C$19,0)+IF(Input!$D$20=1,K8385*Input!$C$20,0)+IF(Input!$D$21=1,L8385*Input!$C$21,0)+IF(Input!$D$22=1,M8385*Input!$C$22,0)</f>
        <v>0.14985604317222417</v>
      </c>
      <c r="O8385" s="59">
        <f>IF(Input!$D$19=2,J8385*Input!$C$19,0)+IF(Input!$D$20=2,K8385*Input!$C$20,0)+IF(Input!$D$21=2,L8385*Input!$C$21,0)+IF(Input!$D$22=2,M8385*Input!$C$22,0)</f>
        <v>0.37464010793056046</v>
      </c>
      <c r="P8385" s="59">
        <f>IF(Input!$D$19=3,J8385*Input!$C$19,0)+IF(Input!$D$20=3,K8385*Input!$C$20,0)+IF(Input!$D$21=3,L8385*Input!$C$21,0)+IF(Input!$D$22=3,M8385*Input!$C$22,0)</f>
        <v>0</v>
      </c>
      <c r="Q8385" s="75">
        <f>IF(Input!$D$19=4,J8385*Input!$C$19,0)+IF(Input!$D$20=4,K8385*Input!$C$20,0)+IF(Input!$D$21=4,L8385*Input!$C$21,0)+IF(Input!$D$22=4,M8385*Input!$C$22,0)</f>
        <v>0</v>
      </c>
      <c r="R8385" s="58">
        <v>43.598301703162626</v>
      </c>
      <c r="S8385" s="124">
        <f t="shared" si="130"/>
        <v>0.64937618707963807</v>
      </c>
    </row>
    <row r="8386" spans="8:19" x14ac:dyDescent="0.3">
      <c r="H8386" s="44">
        <v>8379</v>
      </c>
      <c r="I8386" s="56">
        <f>Bühler!I8412</f>
        <v>0.14985604317222415</v>
      </c>
      <c r="J8386" s="59">
        <f>Bühler!J8412</f>
        <v>0.49952014390741389</v>
      </c>
      <c r="K8386" s="59">
        <f>Bühler!K8412</f>
        <v>0.74928021586112092</v>
      </c>
      <c r="L8386" s="59">
        <f>Bühler!L8412</f>
        <v>8.1482075272765382</v>
      </c>
      <c r="M8386" s="58">
        <f>Bühler!M8412</f>
        <v>0</v>
      </c>
      <c r="N8386" s="56">
        <f>IF(Input!$D$19=1,J8386*Input!$C$19,0)+IF(Input!$D$20=1,K8386*Input!$C$20,0)+IF(Input!$D$21=1,L8386*Input!$C$21,0)+IF(Input!$D$22=1,M8386*Input!$C$22,0)</f>
        <v>0.14985604317222417</v>
      </c>
      <c r="O8386" s="59">
        <f>IF(Input!$D$19=2,J8386*Input!$C$19,0)+IF(Input!$D$20=2,K8386*Input!$C$20,0)+IF(Input!$D$21=2,L8386*Input!$C$21,0)+IF(Input!$D$22=2,M8386*Input!$C$22,0)</f>
        <v>0.37464010793056046</v>
      </c>
      <c r="P8386" s="59">
        <f>IF(Input!$D$19=3,J8386*Input!$C$19,0)+IF(Input!$D$20=3,K8386*Input!$C$20,0)+IF(Input!$D$21=3,L8386*Input!$C$21,0)+IF(Input!$D$22=3,M8386*Input!$C$22,0)</f>
        <v>0</v>
      </c>
      <c r="Q8386" s="75">
        <f>IF(Input!$D$19=4,J8386*Input!$C$19,0)+IF(Input!$D$20=4,K8386*Input!$C$20,0)+IF(Input!$D$21=4,L8386*Input!$C$21,0)+IF(Input!$D$22=4,M8386*Input!$C$22,0)</f>
        <v>0</v>
      </c>
      <c r="R8386" s="58">
        <v>43.605310752081103</v>
      </c>
      <c r="S8386" s="124">
        <f t="shared" si="130"/>
        <v>0.64937618707963807</v>
      </c>
    </row>
    <row r="8387" spans="8:19" x14ac:dyDescent="0.3">
      <c r="H8387" s="44">
        <v>8380</v>
      </c>
      <c r="I8387" s="56">
        <f>Bühler!I8413</f>
        <v>0.14985604317222415</v>
      </c>
      <c r="J8387" s="59">
        <f>Bühler!J8413</f>
        <v>0.49952014390741389</v>
      </c>
      <c r="K8387" s="59">
        <f>Bühler!K8413</f>
        <v>0.74928021586112092</v>
      </c>
      <c r="L8387" s="59">
        <f>Bühler!L8413</f>
        <v>8.1482075272765382</v>
      </c>
      <c r="M8387" s="58">
        <f>Bühler!M8413</f>
        <v>0</v>
      </c>
      <c r="N8387" s="56">
        <f>IF(Input!$D$19=1,J8387*Input!$C$19,0)+IF(Input!$D$20=1,K8387*Input!$C$20,0)+IF(Input!$D$21=1,L8387*Input!$C$21,0)+IF(Input!$D$22=1,M8387*Input!$C$22,0)</f>
        <v>0.14985604317222417</v>
      </c>
      <c r="O8387" s="59">
        <f>IF(Input!$D$19=2,J8387*Input!$C$19,0)+IF(Input!$D$20=2,K8387*Input!$C$20,0)+IF(Input!$D$21=2,L8387*Input!$C$21,0)+IF(Input!$D$22=2,M8387*Input!$C$22,0)</f>
        <v>0.37464010793056046</v>
      </c>
      <c r="P8387" s="59">
        <f>IF(Input!$D$19=3,J8387*Input!$C$19,0)+IF(Input!$D$20=3,K8387*Input!$C$20,0)+IF(Input!$D$21=3,L8387*Input!$C$21,0)+IF(Input!$D$22=3,M8387*Input!$C$22,0)</f>
        <v>0</v>
      </c>
      <c r="Q8387" s="75">
        <f>IF(Input!$D$19=4,J8387*Input!$C$19,0)+IF(Input!$D$20=4,K8387*Input!$C$20,0)+IF(Input!$D$21=4,L8387*Input!$C$21,0)+IF(Input!$D$22=4,M8387*Input!$C$22,0)</f>
        <v>0</v>
      </c>
      <c r="R8387" s="58">
        <v>43.109377381060717</v>
      </c>
      <c r="S8387" s="124">
        <f t="shared" si="130"/>
        <v>0.64937618707963807</v>
      </c>
    </row>
    <row r="8388" spans="8:19" x14ac:dyDescent="0.3">
      <c r="H8388" s="44">
        <v>8381</v>
      </c>
      <c r="I8388" s="56">
        <f>Bühler!I8414</f>
        <v>0.14985604317222415</v>
      </c>
      <c r="J8388" s="59">
        <f>Bühler!J8414</f>
        <v>0.49952014390741389</v>
      </c>
      <c r="K8388" s="59">
        <f>Bühler!K8414</f>
        <v>0.74928021586112092</v>
      </c>
      <c r="L8388" s="59">
        <f>Bühler!L8414</f>
        <v>8.1482075272765382</v>
      </c>
      <c r="M8388" s="58">
        <f>Bühler!M8414</f>
        <v>0</v>
      </c>
      <c r="N8388" s="56">
        <f>IF(Input!$D$19=1,J8388*Input!$C$19,0)+IF(Input!$D$20=1,K8388*Input!$C$20,0)+IF(Input!$D$21=1,L8388*Input!$C$21,0)+IF(Input!$D$22=1,M8388*Input!$C$22,0)</f>
        <v>0.14985604317222417</v>
      </c>
      <c r="O8388" s="59">
        <f>IF(Input!$D$19=2,J8388*Input!$C$19,0)+IF(Input!$D$20=2,K8388*Input!$C$20,0)+IF(Input!$D$21=2,L8388*Input!$C$21,0)+IF(Input!$D$22=2,M8388*Input!$C$22,0)</f>
        <v>0.37464010793056046</v>
      </c>
      <c r="P8388" s="59">
        <f>IF(Input!$D$19=3,J8388*Input!$C$19,0)+IF(Input!$D$20=3,K8388*Input!$C$20,0)+IF(Input!$D$21=3,L8388*Input!$C$21,0)+IF(Input!$D$22=3,M8388*Input!$C$22,0)</f>
        <v>0</v>
      </c>
      <c r="Q8388" s="75">
        <f>IF(Input!$D$19=4,J8388*Input!$C$19,0)+IF(Input!$D$20=4,K8388*Input!$C$20,0)+IF(Input!$D$21=4,L8388*Input!$C$21,0)+IF(Input!$D$22=4,M8388*Input!$C$22,0)</f>
        <v>0</v>
      </c>
      <c r="R8388" s="58">
        <v>43.213045516643092</v>
      </c>
      <c r="S8388" s="124">
        <f t="shared" si="130"/>
        <v>0.64937618707963807</v>
      </c>
    </row>
    <row r="8389" spans="8:19" x14ac:dyDescent="0.3">
      <c r="H8389" s="44">
        <v>8382</v>
      </c>
      <c r="I8389" s="56">
        <f>Bühler!I8415</f>
        <v>0.1873200539652802</v>
      </c>
      <c r="J8389" s="59">
        <f>Bühler!J8415</f>
        <v>0.62440017988426744</v>
      </c>
      <c r="K8389" s="59">
        <f>Bühler!K8415</f>
        <v>0.93660026982640121</v>
      </c>
      <c r="L8389" s="59">
        <f>Bühler!L8415</f>
        <v>10.185259409095671</v>
      </c>
      <c r="M8389" s="58">
        <f>Bühler!M8415</f>
        <v>0</v>
      </c>
      <c r="N8389" s="56">
        <f>IF(Input!$D$19=1,J8389*Input!$C$19,0)+IF(Input!$D$20=1,K8389*Input!$C$20,0)+IF(Input!$D$21=1,L8389*Input!$C$21,0)+IF(Input!$D$22=1,M8389*Input!$C$22,0)</f>
        <v>0.18732005396528023</v>
      </c>
      <c r="O8389" s="59">
        <f>IF(Input!$D$19=2,J8389*Input!$C$19,0)+IF(Input!$D$20=2,K8389*Input!$C$20,0)+IF(Input!$D$21=2,L8389*Input!$C$21,0)+IF(Input!$D$22=2,M8389*Input!$C$22,0)</f>
        <v>0.46830013491320061</v>
      </c>
      <c r="P8389" s="59">
        <f>IF(Input!$D$19=3,J8389*Input!$C$19,0)+IF(Input!$D$20=3,K8389*Input!$C$20,0)+IF(Input!$D$21=3,L8389*Input!$C$21,0)+IF(Input!$D$22=3,M8389*Input!$C$22,0)</f>
        <v>0</v>
      </c>
      <c r="Q8389" s="75">
        <f>IF(Input!$D$19=4,J8389*Input!$C$19,0)+IF(Input!$D$20=4,K8389*Input!$C$20,0)+IF(Input!$D$21=4,L8389*Input!$C$21,0)+IF(Input!$D$22=4,M8389*Input!$C$22,0)</f>
        <v>0</v>
      </c>
      <c r="R8389" s="58">
        <v>43.583647276715752</v>
      </c>
      <c r="S8389" s="124">
        <f t="shared" si="130"/>
        <v>0.81172023384954761</v>
      </c>
    </row>
    <row r="8390" spans="8:19" x14ac:dyDescent="0.3">
      <c r="H8390" s="44">
        <v>8383</v>
      </c>
      <c r="I8390" s="56">
        <f>Bühler!I8416</f>
        <v>0.22062139689244115</v>
      </c>
      <c r="J8390" s="59">
        <f>Bühler!J8416</f>
        <v>0.73540465630813723</v>
      </c>
      <c r="K8390" s="59">
        <f>Bühler!K8416</f>
        <v>1.1031069844622059</v>
      </c>
      <c r="L8390" s="59">
        <f>Bühler!L8416</f>
        <v>11.995972192934904</v>
      </c>
      <c r="M8390" s="58">
        <f>Bühler!M8416</f>
        <v>0</v>
      </c>
      <c r="N8390" s="56">
        <f>IF(Input!$D$19=1,J8390*Input!$C$19,0)+IF(Input!$D$20=1,K8390*Input!$C$20,0)+IF(Input!$D$21=1,L8390*Input!$C$21,0)+IF(Input!$D$22=1,M8390*Input!$C$22,0)</f>
        <v>0.22062139689244117</v>
      </c>
      <c r="O8390" s="59">
        <f>IF(Input!$D$19=2,J8390*Input!$C$19,0)+IF(Input!$D$20=2,K8390*Input!$C$20,0)+IF(Input!$D$21=2,L8390*Input!$C$21,0)+IF(Input!$D$22=2,M8390*Input!$C$22,0)</f>
        <v>0.55155349223110295</v>
      </c>
      <c r="P8390" s="59">
        <f>IF(Input!$D$19=3,J8390*Input!$C$19,0)+IF(Input!$D$20=3,K8390*Input!$C$20,0)+IF(Input!$D$21=3,L8390*Input!$C$21,0)+IF(Input!$D$22=3,M8390*Input!$C$22,0)</f>
        <v>0</v>
      </c>
      <c r="Q8390" s="75">
        <f>IF(Input!$D$19=4,J8390*Input!$C$19,0)+IF(Input!$D$20=4,K8390*Input!$C$20,0)+IF(Input!$D$21=4,L8390*Input!$C$21,0)+IF(Input!$D$22=4,M8390*Input!$C$22,0)</f>
        <v>0</v>
      </c>
      <c r="R8390" s="58">
        <v>44.145144618856094</v>
      </c>
      <c r="S8390" s="124">
        <f t="shared" si="130"/>
        <v>0.95602605320057843</v>
      </c>
    </row>
    <row r="8391" spans="8:19" x14ac:dyDescent="0.3">
      <c r="H8391" s="44">
        <v>8384</v>
      </c>
      <c r="I8391" s="56">
        <f>Bühler!I8417</f>
        <v>0.26224807555139229</v>
      </c>
      <c r="J8391" s="59">
        <f>Bühler!J8417</f>
        <v>0.87416025183797441</v>
      </c>
      <c r="K8391" s="59">
        <f>Bühler!K8417</f>
        <v>1.3112403777569615</v>
      </c>
      <c r="L8391" s="59">
        <f>Bühler!L8417</f>
        <v>14.25936317273394</v>
      </c>
      <c r="M8391" s="58">
        <f>Bühler!M8417</f>
        <v>0</v>
      </c>
      <c r="N8391" s="56">
        <f>IF(Input!$D$19=1,J8391*Input!$C$19,0)+IF(Input!$D$20=1,K8391*Input!$C$20,0)+IF(Input!$D$21=1,L8391*Input!$C$21,0)+IF(Input!$D$22=1,M8391*Input!$C$22,0)</f>
        <v>0.26224807555139229</v>
      </c>
      <c r="O8391" s="59">
        <f>IF(Input!$D$19=2,J8391*Input!$C$19,0)+IF(Input!$D$20=2,K8391*Input!$C$20,0)+IF(Input!$D$21=2,L8391*Input!$C$21,0)+IF(Input!$D$22=2,M8391*Input!$C$22,0)</f>
        <v>0.65562018887848073</v>
      </c>
      <c r="P8391" s="59">
        <f>IF(Input!$D$19=3,J8391*Input!$C$19,0)+IF(Input!$D$20=3,K8391*Input!$C$20,0)+IF(Input!$D$21=3,L8391*Input!$C$21,0)+IF(Input!$D$22=3,M8391*Input!$C$22,0)</f>
        <v>0</v>
      </c>
      <c r="Q8391" s="75">
        <f>IF(Input!$D$19=4,J8391*Input!$C$19,0)+IF(Input!$D$20=4,K8391*Input!$C$20,0)+IF(Input!$D$21=4,L8391*Input!$C$21,0)+IF(Input!$D$22=4,M8391*Input!$C$22,0)</f>
        <v>0</v>
      </c>
      <c r="R8391" s="58">
        <v>43.651171092096668</v>
      </c>
      <c r="S8391" s="124">
        <f t="shared" si="130"/>
        <v>1.1364083273893666</v>
      </c>
    </row>
    <row r="8392" spans="8:19" x14ac:dyDescent="0.3">
      <c r="H8392" s="44">
        <v>8385</v>
      </c>
      <c r="I8392" s="56">
        <f>Bühler!I8418</f>
        <v>0.26224807555139229</v>
      </c>
      <c r="J8392" s="59">
        <f>Bühler!J8418</f>
        <v>0.87416025183797441</v>
      </c>
      <c r="K8392" s="59">
        <f>Bühler!K8418</f>
        <v>1.3112403777569615</v>
      </c>
      <c r="L8392" s="59">
        <f>Bühler!L8418</f>
        <v>14.25936317273394</v>
      </c>
      <c r="M8392" s="58">
        <f>Bühler!M8418</f>
        <v>0</v>
      </c>
      <c r="N8392" s="56">
        <f>IF(Input!$D$19=1,J8392*Input!$C$19,0)+IF(Input!$D$20=1,K8392*Input!$C$20,0)+IF(Input!$D$21=1,L8392*Input!$C$21,0)+IF(Input!$D$22=1,M8392*Input!$C$22,0)</f>
        <v>0.26224807555139229</v>
      </c>
      <c r="O8392" s="59">
        <f>IF(Input!$D$19=2,J8392*Input!$C$19,0)+IF(Input!$D$20=2,K8392*Input!$C$20,0)+IF(Input!$D$21=2,L8392*Input!$C$21,0)+IF(Input!$D$22=2,M8392*Input!$C$22,0)</f>
        <v>0.65562018887848073</v>
      </c>
      <c r="P8392" s="59">
        <f>IF(Input!$D$19=3,J8392*Input!$C$19,0)+IF(Input!$D$20=3,K8392*Input!$C$20,0)+IF(Input!$D$21=3,L8392*Input!$C$21,0)+IF(Input!$D$22=3,M8392*Input!$C$22,0)</f>
        <v>0</v>
      </c>
      <c r="Q8392" s="75">
        <f>IF(Input!$D$19=4,J8392*Input!$C$19,0)+IF(Input!$D$20=4,K8392*Input!$C$20,0)+IF(Input!$D$21=4,L8392*Input!$C$21,0)+IF(Input!$D$22=4,M8392*Input!$C$22,0)</f>
        <v>0</v>
      </c>
      <c r="R8392" s="58">
        <v>43.231450659230333</v>
      </c>
      <c r="S8392" s="124">
        <f t="shared" si="130"/>
        <v>1.1364083273893666</v>
      </c>
    </row>
    <row r="8393" spans="8:19" x14ac:dyDescent="0.3">
      <c r="H8393" s="44">
        <v>8386</v>
      </c>
      <c r="I8393" s="56">
        <f>Bühler!I8419</f>
        <v>0.26224807555139229</v>
      </c>
      <c r="J8393" s="59">
        <f>Bühler!J8419</f>
        <v>0.87416025183797441</v>
      </c>
      <c r="K8393" s="59">
        <f>Bühler!K8419</f>
        <v>1.3112403777569615</v>
      </c>
      <c r="L8393" s="59">
        <f>Bühler!L8419</f>
        <v>14.25936317273394</v>
      </c>
      <c r="M8393" s="58">
        <f>Bühler!M8419</f>
        <v>0</v>
      </c>
      <c r="N8393" s="56">
        <f>IF(Input!$D$19=1,J8393*Input!$C$19,0)+IF(Input!$D$20=1,K8393*Input!$C$20,0)+IF(Input!$D$21=1,L8393*Input!$C$21,0)+IF(Input!$D$22=1,M8393*Input!$C$22,0)</f>
        <v>0.26224807555139229</v>
      </c>
      <c r="O8393" s="59">
        <f>IF(Input!$D$19=2,J8393*Input!$C$19,0)+IF(Input!$D$20=2,K8393*Input!$C$20,0)+IF(Input!$D$21=2,L8393*Input!$C$21,0)+IF(Input!$D$22=2,M8393*Input!$C$22,0)</f>
        <v>0.65562018887848073</v>
      </c>
      <c r="P8393" s="59">
        <f>IF(Input!$D$19=3,J8393*Input!$C$19,0)+IF(Input!$D$20=3,K8393*Input!$C$20,0)+IF(Input!$D$21=3,L8393*Input!$C$21,0)+IF(Input!$D$22=3,M8393*Input!$C$22,0)</f>
        <v>0</v>
      </c>
      <c r="Q8393" s="75">
        <f>IF(Input!$D$19=4,J8393*Input!$C$19,0)+IF(Input!$D$20=4,K8393*Input!$C$20,0)+IF(Input!$D$21=4,L8393*Input!$C$21,0)+IF(Input!$D$22=4,M8393*Input!$C$22,0)</f>
        <v>0</v>
      </c>
      <c r="R8393" s="58">
        <v>42.625898284667485</v>
      </c>
      <c r="S8393" s="124">
        <f t="shared" ref="S8393:S8456" si="131">I8393+J8393</f>
        <v>1.1364083273893666</v>
      </c>
    </row>
    <row r="8394" spans="8:19" x14ac:dyDescent="0.3">
      <c r="H8394" s="44">
        <v>8387</v>
      </c>
      <c r="I8394" s="56">
        <f>Bühler!I8420</f>
        <v>0.26224807555139229</v>
      </c>
      <c r="J8394" s="59">
        <f>Bühler!J8420</f>
        <v>0.87416025183797441</v>
      </c>
      <c r="K8394" s="59">
        <f>Bühler!K8420</f>
        <v>1.3112403777569615</v>
      </c>
      <c r="L8394" s="59">
        <f>Bühler!L8420</f>
        <v>14.25936317273394</v>
      </c>
      <c r="M8394" s="58">
        <f>Bühler!M8420</f>
        <v>0</v>
      </c>
      <c r="N8394" s="56">
        <f>IF(Input!$D$19=1,J8394*Input!$C$19,0)+IF(Input!$D$20=1,K8394*Input!$C$20,0)+IF(Input!$D$21=1,L8394*Input!$C$21,0)+IF(Input!$D$22=1,M8394*Input!$C$22,0)</f>
        <v>0.26224807555139229</v>
      </c>
      <c r="O8394" s="59">
        <f>IF(Input!$D$19=2,J8394*Input!$C$19,0)+IF(Input!$D$20=2,K8394*Input!$C$20,0)+IF(Input!$D$21=2,L8394*Input!$C$21,0)+IF(Input!$D$22=2,M8394*Input!$C$22,0)</f>
        <v>0.65562018887848073</v>
      </c>
      <c r="P8394" s="59">
        <f>IF(Input!$D$19=3,J8394*Input!$C$19,0)+IF(Input!$D$20=3,K8394*Input!$C$20,0)+IF(Input!$D$21=3,L8394*Input!$C$21,0)+IF(Input!$D$22=3,M8394*Input!$C$22,0)</f>
        <v>0</v>
      </c>
      <c r="Q8394" s="75">
        <f>IF(Input!$D$19=4,J8394*Input!$C$19,0)+IF(Input!$D$20=4,K8394*Input!$C$20,0)+IF(Input!$D$21=4,L8394*Input!$C$21,0)+IF(Input!$D$22=4,M8394*Input!$C$22,0)</f>
        <v>0</v>
      </c>
      <c r="R8394" s="58">
        <v>43.028139480833431</v>
      </c>
      <c r="S8394" s="124">
        <f t="shared" si="131"/>
        <v>1.1364083273893666</v>
      </c>
    </row>
    <row r="8395" spans="8:19" x14ac:dyDescent="0.3">
      <c r="H8395" s="44">
        <v>8388</v>
      </c>
      <c r="I8395" s="56">
        <f>Bühler!I8421</f>
        <v>0.26224807555139229</v>
      </c>
      <c r="J8395" s="59">
        <f>Bühler!J8421</f>
        <v>0.87416025183797441</v>
      </c>
      <c r="K8395" s="59">
        <f>Bühler!K8421</f>
        <v>1.3112403777569615</v>
      </c>
      <c r="L8395" s="59">
        <f>Bühler!L8421</f>
        <v>14.25936317273394</v>
      </c>
      <c r="M8395" s="58">
        <f>Bühler!M8421</f>
        <v>0</v>
      </c>
      <c r="N8395" s="56">
        <f>IF(Input!$D$19=1,J8395*Input!$C$19,0)+IF(Input!$D$20=1,K8395*Input!$C$20,0)+IF(Input!$D$21=1,L8395*Input!$C$21,0)+IF(Input!$D$22=1,M8395*Input!$C$22,0)</f>
        <v>0.26224807555139229</v>
      </c>
      <c r="O8395" s="59">
        <f>IF(Input!$D$19=2,J8395*Input!$C$19,0)+IF(Input!$D$20=2,K8395*Input!$C$20,0)+IF(Input!$D$21=2,L8395*Input!$C$21,0)+IF(Input!$D$22=2,M8395*Input!$C$22,0)</f>
        <v>0.65562018887848073</v>
      </c>
      <c r="P8395" s="59">
        <f>IF(Input!$D$19=3,J8395*Input!$C$19,0)+IF(Input!$D$20=3,K8395*Input!$C$20,0)+IF(Input!$D$21=3,L8395*Input!$C$21,0)+IF(Input!$D$22=3,M8395*Input!$C$22,0)</f>
        <v>0</v>
      </c>
      <c r="Q8395" s="75">
        <f>IF(Input!$D$19=4,J8395*Input!$C$19,0)+IF(Input!$D$20=4,K8395*Input!$C$20,0)+IF(Input!$D$21=4,L8395*Input!$C$21,0)+IF(Input!$D$22=4,M8395*Input!$C$22,0)</f>
        <v>0</v>
      </c>
      <c r="R8395" s="58">
        <v>41.963379387130864</v>
      </c>
      <c r="S8395" s="124">
        <f t="shared" si="131"/>
        <v>1.1364083273893666</v>
      </c>
    </row>
    <row r="8396" spans="8:19" x14ac:dyDescent="0.3">
      <c r="H8396" s="44">
        <v>8389</v>
      </c>
      <c r="I8396" s="56">
        <f>Bühler!I8422</f>
        <v>0.26224807555139229</v>
      </c>
      <c r="J8396" s="59">
        <f>Bühler!J8422</f>
        <v>0.87416025183797441</v>
      </c>
      <c r="K8396" s="59">
        <f>Bühler!K8422</f>
        <v>1.3112403777569615</v>
      </c>
      <c r="L8396" s="59">
        <f>Bühler!L8422</f>
        <v>14.25936317273394</v>
      </c>
      <c r="M8396" s="58">
        <f>Bühler!M8422</f>
        <v>0</v>
      </c>
      <c r="N8396" s="56">
        <f>IF(Input!$D$19=1,J8396*Input!$C$19,0)+IF(Input!$D$20=1,K8396*Input!$C$20,0)+IF(Input!$D$21=1,L8396*Input!$C$21,0)+IF(Input!$D$22=1,M8396*Input!$C$22,0)</f>
        <v>0.26224807555139229</v>
      </c>
      <c r="O8396" s="59">
        <f>IF(Input!$D$19=2,J8396*Input!$C$19,0)+IF(Input!$D$20=2,K8396*Input!$C$20,0)+IF(Input!$D$21=2,L8396*Input!$C$21,0)+IF(Input!$D$22=2,M8396*Input!$C$22,0)</f>
        <v>0.65562018887848073</v>
      </c>
      <c r="P8396" s="59">
        <f>IF(Input!$D$19=3,J8396*Input!$C$19,0)+IF(Input!$D$20=3,K8396*Input!$C$20,0)+IF(Input!$D$21=3,L8396*Input!$C$21,0)+IF(Input!$D$22=3,M8396*Input!$C$22,0)</f>
        <v>0</v>
      </c>
      <c r="Q8396" s="75">
        <f>IF(Input!$D$19=4,J8396*Input!$C$19,0)+IF(Input!$D$20=4,K8396*Input!$C$20,0)+IF(Input!$D$21=4,L8396*Input!$C$21,0)+IF(Input!$D$22=4,M8396*Input!$C$22,0)</f>
        <v>0</v>
      </c>
      <c r="R8396" s="58">
        <v>42.188593897335821</v>
      </c>
      <c r="S8396" s="124">
        <f t="shared" si="131"/>
        <v>1.1364083273893666</v>
      </c>
    </row>
    <row r="8397" spans="8:19" x14ac:dyDescent="0.3">
      <c r="H8397" s="44">
        <v>8390</v>
      </c>
      <c r="I8397" s="56">
        <f>Bühler!I8423</f>
        <v>0.26224807555139229</v>
      </c>
      <c r="J8397" s="59">
        <f>Bühler!J8423</f>
        <v>0.87416025183797441</v>
      </c>
      <c r="K8397" s="59">
        <f>Bühler!K8423</f>
        <v>1.3112403777569615</v>
      </c>
      <c r="L8397" s="59">
        <f>Bühler!L8423</f>
        <v>14.25936317273394</v>
      </c>
      <c r="M8397" s="58">
        <f>Bühler!M8423</f>
        <v>0</v>
      </c>
      <c r="N8397" s="56">
        <f>IF(Input!$D$19=1,J8397*Input!$C$19,0)+IF(Input!$D$20=1,K8397*Input!$C$20,0)+IF(Input!$D$21=1,L8397*Input!$C$21,0)+IF(Input!$D$22=1,M8397*Input!$C$22,0)</f>
        <v>0.26224807555139229</v>
      </c>
      <c r="O8397" s="59">
        <f>IF(Input!$D$19=2,J8397*Input!$C$19,0)+IF(Input!$D$20=2,K8397*Input!$C$20,0)+IF(Input!$D$21=2,L8397*Input!$C$21,0)+IF(Input!$D$22=2,M8397*Input!$C$22,0)</f>
        <v>0.65562018887848073</v>
      </c>
      <c r="P8397" s="59">
        <f>IF(Input!$D$19=3,J8397*Input!$C$19,0)+IF(Input!$D$20=3,K8397*Input!$C$20,0)+IF(Input!$D$21=3,L8397*Input!$C$21,0)+IF(Input!$D$22=3,M8397*Input!$C$22,0)</f>
        <v>0</v>
      </c>
      <c r="Q8397" s="75">
        <f>IF(Input!$D$19=4,J8397*Input!$C$19,0)+IF(Input!$D$20=4,K8397*Input!$C$20,0)+IF(Input!$D$21=4,L8397*Input!$C$21,0)+IF(Input!$D$22=4,M8397*Input!$C$22,0)</f>
        <v>0</v>
      </c>
      <c r="R8397" s="58">
        <v>42.289727859083655</v>
      </c>
      <c r="S8397" s="124">
        <f t="shared" si="131"/>
        <v>1.1364083273893666</v>
      </c>
    </row>
    <row r="8398" spans="8:19" x14ac:dyDescent="0.3">
      <c r="H8398" s="44">
        <v>8391</v>
      </c>
      <c r="I8398" s="56">
        <f>Bühler!I8424</f>
        <v>0.26224807555139229</v>
      </c>
      <c r="J8398" s="59">
        <f>Bühler!J8424</f>
        <v>0.87416025183797441</v>
      </c>
      <c r="K8398" s="59">
        <f>Bühler!K8424</f>
        <v>1.3112403777569615</v>
      </c>
      <c r="L8398" s="59">
        <f>Bühler!L8424</f>
        <v>14.25936317273394</v>
      </c>
      <c r="M8398" s="58">
        <f>Bühler!M8424</f>
        <v>0</v>
      </c>
      <c r="N8398" s="56">
        <f>IF(Input!$D$19=1,J8398*Input!$C$19,0)+IF(Input!$D$20=1,K8398*Input!$C$20,0)+IF(Input!$D$21=1,L8398*Input!$C$21,0)+IF(Input!$D$22=1,M8398*Input!$C$22,0)</f>
        <v>0.26224807555139229</v>
      </c>
      <c r="O8398" s="59">
        <f>IF(Input!$D$19=2,J8398*Input!$C$19,0)+IF(Input!$D$20=2,K8398*Input!$C$20,0)+IF(Input!$D$21=2,L8398*Input!$C$21,0)+IF(Input!$D$22=2,M8398*Input!$C$22,0)</f>
        <v>0.65562018887848073</v>
      </c>
      <c r="P8398" s="59">
        <f>IF(Input!$D$19=3,J8398*Input!$C$19,0)+IF(Input!$D$20=3,K8398*Input!$C$20,0)+IF(Input!$D$21=3,L8398*Input!$C$21,0)+IF(Input!$D$22=3,M8398*Input!$C$22,0)</f>
        <v>0</v>
      </c>
      <c r="Q8398" s="75">
        <f>IF(Input!$D$19=4,J8398*Input!$C$19,0)+IF(Input!$D$20=4,K8398*Input!$C$20,0)+IF(Input!$D$21=4,L8398*Input!$C$21,0)+IF(Input!$D$22=4,M8398*Input!$C$22,0)</f>
        <v>0</v>
      </c>
      <c r="R8398" s="58">
        <v>42.397371543123263</v>
      </c>
      <c r="S8398" s="124">
        <f t="shared" si="131"/>
        <v>1.1364083273893666</v>
      </c>
    </row>
    <row r="8399" spans="8:19" x14ac:dyDescent="0.3">
      <c r="H8399" s="44">
        <v>8392</v>
      </c>
      <c r="I8399" s="56">
        <f>Bühler!I8425</f>
        <v>0.23310940049012649</v>
      </c>
      <c r="J8399" s="59">
        <f>Bühler!J8425</f>
        <v>0.77703133496708843</v>
      </c>
      <c r="K8399" s="59">
        <f>Bühler!K8425</f>
        <v>1.1655470024506327</v>
      </c>
      <c r="L8399" s="59">
        <f>Bühler!L8425</f>
        <v>12.674989486874612</v>
      </c>
      <c r="M8399" s="58">
        <f>Bühler!M8425</f>
        <v>0</v>
      </c>
      <c r="N8399" s="56">
        <f>IF(Input!$D$19=1,J8399*Input!$C$19,0)+IF(Input!$D$20=1,K8399*Input!$C$20,0)+IF(Input!$D$21=1,L8399*Input!$C$21,0)+IF(Input!$D$22=1,M8399*Input!$C$22,0)</f>
        <v>0.23310940049012652</v>
      </c>
      <c r="O8399" s="59">
        <f>IF(Input!$D$19=2,J8399*Input!$C$19,0)+IF(Input!$D$20=2,K8399*Input!$C$20,0)+IF(Input!$D$21=2,L8399*Input!$C$21,0)+IF(Input!$D$22=2,M8399*Input!$C$22,0)</f>
        <v>0.58277350122531635</v>
      </c>
      <c r="P8399" s="59">
        <f>IF(Input!$D$19=3,J8399*Input!$C$19,0)+IF(Input!$D$20=3,K8399*Input!$C$20,0)+IF(Input!$D$21=3,L8399*Input!$C$21,0)+IF(Input!$D$22=3,M8399*Input!$C$22,0)</f>
        <v>0</v>
      </c>
      <c r="Q8399" s="75">
        <f>IF(Input!$D$19=4,J8399*Input!$C$19,0)+IF(Input!$D$20=4,K8399*Input!$C$20,0)+IF(Input!$D$21=4,L8399*Input!$C$21,0)+IF(Input!$D$22=4,M8399*Input!$C$22,0)</f>
        <v>0</v>
      </c>
      <c r="R8399" s="58">
        <v>42.215998824745107</v>
      </c>
      <c r="S8399" s="124">
        <f t="shared" si="131"/>
        <v>1.0101407354572149</v>
      </c>
    </row>
    <row r="8400" spans="8:19" x14ac:dyDescent="0.3">
      <c r="H8400" s="44">
        <v>8393</v>
      </c>
      <c r="I8400" s="56">
        <f>Bühler!I8426</f>
        <v>0.22894673262423132</v>
      </c>
      <c r="J8400" s="59">
        <f>Bühler!J8426</f>
        <v>0.76315577541410451</v>
      </c>
      <c r="K8400" s="59">
        <f>Bühler!K8426</f>
        <v>1.1447336631211569</v>
      </c>
      <c r="L8400" s="59">
        <f>Bühler!L8426</f>
        <v>12.448650388894711</v>
      </c>
      <c r="M8400" s="58">
        <f>Bühler!M8426</f>
        <v>0</v>
      </c>
      <c r="N8400" s="56">
        <f>IF(Input!$D$19=1,J8400*Input!$C$19,0)+IF(Input!$D$20=1,K8400*Input!$C$20,0)+IF(Input!$D$21=1,L8400*Input!$C$21,0)+IF(Input!$D$22=1,M8400*Input!$C$22,0)</f>
        <v>0.22894673262423135</v>
      </c>
      <c r="O8400" s="59">
        <f>IF(Input!$D$19=2,J8400*Input!$C$19,0)+IF(Input!$D$20=2,K8400*Input!$C$20,0)+IF(Input!$D$21=2,L8400*Input!$C$21,0)+IF(Input!$D$22=2,M8400*Input!$C$22,0)</f>
        <v>0.57236683156057844</v>
      </c>
      <c r="P8400" s="59">
        <f>IF(Input!$D$19=3,J8400*Input!$C$19,0)+IF(Input!$D$20=3,K8400*Input!$C$20,0)+IF(Input!$D$21=3,L8400*Input!$C$21,0)+IF(Input!$D$22=3,M8400*Input!$C$22,0)</f>
        <v>0</v>
      </c>
      <c r="Q8400" s="75">
        <f>IF(Input!$D$19=4,J8400*Input!$C$19,0)+IF(Input!$D$20=4,K8400*Input!$C$20,0)+IF(Input!$D$21=4,L8400*Input!$C$21,0)+IF(Input!$D$22=4,M8400*Input!$C$22,0)</f>
        <v>0</v>
      </c>
      <c r="R8400" s="58">
        <v>42.252195709773332</v>
      </c>
      <c r="S8400" s="124">
        <f t="shared" si="131"/>
        <v>0.99210250803833588</v>
      </c>
    </row>
    <row r="8401" spans="8:19" x14ac:dyDescent="0.3">
      <c r="H8401" s="44">
        <v>8394</v>
      </c>
      <c r="I8401" s="56">
        <f>Bühler!I8427</f>
        <v>0.19564538969707046</v>
      </c>
      <c r="J8401" s="59">
        <f>Bühler!J8427</f>
        <v>0.65215129899023494</v>
      </c>
      <c r="K8401" s="59">
        <f>Bühler!K8427</f>
        <v>0.97822694848535241</v>
      </c>
      <c r="L8401" s="59">
        <f>Bühler!L8427</f>
        <v>10.63793760505548</v>
      </c>
      <c r="M8401" s="58">
        <f>Bühler!M8427</f>
        <v>0</v>
      </c>
      <c r="N8401" s="56">
        <f>IF(Input!$D$19=1,J8401*Input!$C$19,0)+IF(Input!$D$20=1,K8401*Input!$C$20,0)+IF(Input!$D$21=1,L8401*Input!$C$21,0)+IF(Input!$D$22=1,M8401*Input!$C$22,0)</f>
        <v>0.19564538969707049</v>
      </c>
      <c r="O8401" s="59">
        <f>IF(Input!$D$19=2,J8401*Input!$C$19,0)+IF(Input!$D$20=2,K8401*Input!$C$20,0)+IF(Input!$D$21=2,L8401*Input!$C$21,0)+IF(Input!$D$22=2,M8401*Input!$C$22,0)</f>
        <v>0.4891134742426762</v>
      </c>
      <c r="P8401" s="59">
        <f>IF(Input!$D$19=3,J8401*Input!$C$19,0)+IF(Input!$D$20=3,K8401*Input!$C$20,0)+IF(Input!$D$21=3,L8401*Input!$C$21,0)+IF(Input!$D$22=3,M8401*Input!$C$22,0)</f>
        <v>0</v>
      </c>
      <c r="Q8401" s="75">
        <f>IF(Input!$D$19=4,J8401*Input!$C$19,0)+IF(Input!$D$20=4,K8401*Input!$C$20,0)+IF(Input!$D$21=4,L8401*Input!$C$21,0)+IF(Input!$D$22=4,M8401*Input!$C$22,0)</f>
        <v>0</v>
      </c>
      <c r="R8401" s="58">
        <v>42.633716027754652</v>
      </c>
      <c r="S8401" s="124">
        <f t="shared" si="131"/>
        <v>0.8477966886873054</v>
      </c>
    </row>
    <row r="8402" spans="8:19" x14ac:dyDescent="0.3">
      <c r="H8402" s="44">
        <v>8395</v>
      </c>
      <c r="I8402" s="56">
        <f>Bühler!I8428</f>
        <v>0.18315738609938509</v>
      </c>
      <c r="J8402" s="59">
        <f>Bühler!J8428</f>
        <v>0.61052462033128363</v>
      </c>
      <c r="K8402" s="59">
        <f>Bühler!K8428</f>
        <v>0.9157869304969255</v>
      </c>
      <c r="L8402" s="59">
        <f>Bühler!L8428</f>
        <v>9.9589203111157687</v>
      </c>
      <c r="M8402" s="58">
        <f>Bühler!M8428</f>
        <v>0</v>
      </c>
      <c r="N8402" s="56">
        <f>IF(Input!$D$19=1,J8402*Input!$C$19,0)+IF(Input!$D$20=1,K8402*Input!$C$20,0)+IF(Input!$D$21=1,L8402*Input!$C$21,0)+IF(Input!$D$22=1,M8402*Input!$C$22,0)</f>
        <v>0.18315738609938509</v>
      </c>
      <c r="O8402" s="59">
        <f>IF(Input!$D$19=2,J8402*Input!$C$19,0)+IF(Input!$D$20=2,K8402*Input!$C$20,0)+IF(Input!$D$21=2,L8402*Input!$C$21,0)+IF(Input!$D$22=2,M8402*Input!$C$22,0)</f>
        <v>0.45789346524846275</v>
      </c>
      <c r="P8402" s="59">
        <f>IF(Input!$D$19=3,J8402*Input!$C$19,0)+IF(Input!$D$20=3,K8402*Input!$C$20,0)+IF(Input!$D$21=3,L8402*Input!$C$21,0)+IF(Input!$D$22=3,M8402*Input!$C$22,0)</f>
        <v>0</v>
      </c>
      <c r="Q8402" s="75">
        <f>IF(Input!$D$19=4,J8402*Input!$C$19,0)+IF(Input!$D$20=4,K8402*Input!$C$20,0)+IF(Input!$D$21=4,L8402*Input!$C$21,0)+IF(Input!$D$22=4,M8402*Input!$C$22,0)</f>
        <v>0</v>
      </c>
      <c r="R8402" s="58">
        <v>43.085402857782192</v>
      </c>
      <c r="S8402" s="124">
        <f t="shared" si="131"/>
        <v>0.79368200643066866</v>
      </c>
    </row>
    <row r="8403" spans="8:19" x14ac:dyDescent="0.3">
      <c r="H8403" s="44">
        <v>8396</v>
      </c>
      <c r="I8403" s="56">
        <f>Bühler!I8429</f>
        <v>0.15401871103811932</v>
      </c>
      <c r="J8403" s="59">
        <f>Bühler!J8429</f>
        <v>0.51339570346039776</v>
      </c>
      <c r="K8403" s="59">
        <f>Bühler!K8429</f>
        <v>0.77009355519059663</v>
      </c>
      <c r="L8403" s="59">
        <f>Bühler!L8429</f>
        <v>8.3745466252564427</v>
      </c>
      <c r="M8403" s="58">
        <f>Bühler!M8429</f>
        <v>0</v>
      </c>
      <c r="N8403" s="56">
        <f>IF(Input!$D$19=1,J8403*Input!$C$19,0)+IF(Input!$D$20=1,K8403*Input!$C$20,0)+IF(Input!$D$21=1,L8403*Input!$C$21,0)+IF(Input!$D$22=1,M8403*Input!$C$22,0)</f>
        <v>0.15401871103811932</v>
      </c>
      <c r="O8403" s="59">
        <f>IF(Input!$D$19=2,J8403*Input!$C$19,0)+IF(Input!$D$20=2,K8403*Input!$C$20,0)+IF(Input!$D$21=2,L8403*Input!$C$21,0)+IF(Input!$D$22=2,M8403*Input!$C$22,0)</f>
        <v>0.38504677759529832</v>
      </c>
      <c r="P8403" s="59">
        <f>IF(Input!$D$19=3,J8403*Input!$C$19,0)+IF(Input!$D$20=3,K8403*Input!$C$20,0)+IF(Input!$D$21=3,L8403*Input!$C$21,0)+IF(Input!$D$22=3,M8403*Input!$C$22,0)</f>
        <v>0</v>
      </c>
      <c r="Q8403" s="75">
        <f>IF(Input!$D$19=4,J8403*Input!$C$19,0)+IF(Input!$D$20=4,K8403*Input!$C$20,0)+IF(Input!$D$21=4,L8403*Input!$C$21,0)+IF(Input!$D$22=4,M8403*Input!$C$22,0)</f>
        <v>0</v>
      </c>
      <c r="R8403" s="58">
        <v>42.803907658296481</v>
      </c>
      <c r="S8403" s="124">
        <f t="shared" si="131"/>
        <v>0.66741441449851702</v>
      </c>
    </row>
    <row r="8404" spans="8:19" x14ac:dyDescent="0.3">
      <c r="H8404" s="44">
        <v>8397</v>
      </c>
      <c r="I8404" s="56">
        <f>Bühler!I8430</f>
        <v>0.12904270384274857</v>
      </c>
      <c r="J8404" s="59">
        <f>Bühler!J8430</f>
        <v>0.4301423461424953</v>
      </c>
      <c r="K8404" s="59">
        <f>Bühler!K8430</f>
        <v>0.64521351921374293</v>
      </c>
      <c r="L8404" s="59">
        <f>Bühler!L8430</f>
        <v>7.0165120373770185</v>
      </c>
      <c r="M8404" s="58">
        <f>Bühler!M8430</f>
        <v>0</v>
      </c>
      <c r="N8404" s="56">
        <f>IF(Input!$D$19=1,J8404*Input!$C$19,0)+IF(Input!$D$20=1,K8404*Input!$C$20,0)+IF(Input!$D$21=1,L8404*Input!$C$21,0)+IF(Input!$D$22=1,M8404*Input!$C$22,0)</f>
        <v>0.12904270384274857</v>
      </c>
      <c r="O8404" s="59">
        <f>IF(Input!$D$19=2,J8404*Input!$C$19,0)+IF(Input!$D$20=2,K8404*Input!$C$20,0)+IF(Input!$D$21=2,L8404*Input!$C$21,0)+IF(Input!$D$22=2,M8404*Input!$C$22,0)</f>
        <v>0.32260675960687146</v>
      </c>
      <c r="P8404" s="59">
        <f>IF(Input!$D$19=3,J8404*Input!$C$19,0)+IF(Input!$D$20=3,K8404*Input!$C$20,0)+IF(Input!$D$21=3,L8404*Input!$C$21,0)+IF(Input!$D$22=3,M8404*Input!$C$22,0)</f>
        <v>0</v>
      </c>
      <c r="Q8404" s="75">
        <f>IF(Input!$D$19=4,J8404*Input!$C$19,0)+IF(Input!$D$20=4,K8404*Input!$C$20,0)+IF(Input!$D$21=4,L8404*Input!$C$21,0)+IF(Input!$D$22=4,M8404*Input!$C$22,0)</f>
        <v>0</v>
      </c>
      <c r="R8404" s="58">
        <v>43.038904639671159</v>
      </c>
      <c r="S8404" s="124">
        <f t="shared" si="131"/>
        <v>0.55918504998524388</v>
      </c>
    </row>
    <row r="8405" spans="8:19" x14ac:dyDescent="0.3">
      <c r="H8405" s="44">
        <v>8398</v>
      </c>
      <c r="I8405" s="56">
        <f>Bühler!I8431</f>
        <v>0.11239203237916812</v>
      </c>
      <c r="J8405" s="59">
        <f>Bühler!J8431</f>
        <v>0.37464010793056046</v>
      </c>
      <c r="K8405" s="59">
        <f>Bühler!K8431</f>
        <v>0.56196016189584064</v>
      </c>
      <c r="L8405" s="59">
        <f>Bühler!L8431</f>
        <v>6.1111556454574041</v>
      </c>
      <c r="M8405" s="58">
        <f>Bühler!M8431</f>
        <v>0</v>
      </c>
      <c r="N8405" s="56">
        <f>IF(Input!$D$19=1,J8405*Input!$C$19,0)+IF(Input!$D$20=1,K8405*Input!$C$20,0)+IF(Input!$D$21=1,L8405*Input!$C$21,0)+IF(Input!$D$22=1,M8405*Input!$C$22,0)</f>
        <v>0.11239203237916813</v>
      </c>
      <c r="O8405" s="59">
        <f>IF(Input!$D$19=2,J8405*Input!$C$19,0)+IF(Input!$D$20=2,K8405*Input!$C$20,0)+IF(Input!$D$21=2,L8405*Input!$C$21,0)+IF(Input!$D$22=2,M8405*Input!$C$22,0)</f>
        <v>0.28098008094792032</v>
      </c>
      <c r="P8405" s="59">
        <f>IF(Input!$D$19=3,J8405*Input!$C$19,0)+IF(Input!$D$20=3,K8405*Input!$C$20,0)+IF(Input!$D$21=3,L8405*Input!$C$21,0)+IF(Input!$D$22=3,M8405*Input!$C$22,0)</f>
        <v>0</v>
      </c>
      <c r="Q8405" s="75">
        <f>IF(Input!$D$19=4,J8405*Input!$C$19,0)+IF(Input!$D$20=4,K8405*Input!$C$20,0)+IF(Input!$D$21=4,L8405*Input!$C$21,0)+IF(Input!$D$22=4,M8405*Input!$C$22,0)</f>
        <v>0</v>
      </c>
      <c r="R8405" s="58">
        <v>43.649965710009624</v>
      </c>
      <c r="S8405" s="124">
        <f t="shared" si="131"/>
        <v>0.48703214030972858</v>
      </c>
    </row>
    <row r="8406" spans="8:19" x14ac:dyDescent="0.3">
      <c r="H8406" s="44">
        <v>8399</v>
      </c>
      <c r="I8406" s="56">
        <f>Bühler!I8432</f>
        <v>0.11239203237916812</v>
      </c>
      <c r="J8406" s="59">
        <f>Bühler!J8432</f>
        <v>0.37464010793056046</v>
      </c>
      <c r="K8406" s="59">
        <f>Bühler!K8432</f>
        <v>0.56196016189584064</v>
      </c>
      <c r="L8406" s="59">
        <f>Bühler!L8432</f>
        <v>6.1111556454574041</v>
      </c>
      <c r="M8406" s="58">
        <f>Bühler!M8432</f>
        <v>0</v>
      </c>
      <c r="N8406" s="56">
        <f>IF(Input!$D$19=1,J8406*Input!$C$19,0)+IF(Input!$D$20=1,K8406*Input!$C$20,0)+IF(Input!$D$21=1,L8406*Input!$C$21,0)+IF(Input!$D$22=1,M8406*Input!$C$22,0)</f>
        <v>0.11239203237916813</v>
      </c>
      <c r="O8406" s="59">
        <f>IF(Input!$D$19=2,J8406*Input!$C$19,0)+IF(Input!$D$20=2,K8406*Input!$C$20,0)+IF(Input!$D$21=2,L8406*Input!$C$21,0)+IF(Input!$D$22=2,M8406*Input!$C$22,0)</f>
        <v>0.28098008094792032</v>
      </c>
      <c r="P8406" s="59">
        <f>IF(Input!$D$19=3,J8406*Input!$C$19,0)+IF(Input!$D$20=3,K8406*Input!$C$20,0)+IF(Input!$D$21=3,L8406*Input!$C$21,0)+IF(Input!$D$22=3,M8406*Input!$C$22,0)</f>
        <v>0</v>
      </c>
      <c r="Q8406" s="75">
        <f>IF(Input!$D$19=4,J8406*Input!$C$19,0)+IF(Input!$D$20=4,K8406*Input!$C$20,0)+IF(Input!$D$21=4,L8406*Input!$C$21,0)+IF(Input!$D$22=4,M8406*Input!$C$22,0)</f>
        <v>0</v>
      </c>
      <c r="R8406" s="58">
        <v>44.456768584464264</v>
      </c>
      <c r="S8406" s="124">
        <f t="shared" si="131"/>
        <v>0.48703214030972858</v>
      </c>
    </row>
    <row r="8407" spans="8:19" x14ac:dyDescent="0.3">
      <c r="H8407" s="44">
        <v>8400</v>
      </c>
      <c r="I8407" s="56">
        <f>Bühler!I8433</f>
        <v>0.11239203237916812</v>
      </c>
      <c r="J8407" s="59">
        <f>Bühler!J8433</f>
        <v>0.37464010793056046</v>
      </c>
      <c r="K8407" s="59">
        <f>Bühler!K8433</f>
        <v>0.56196016189584064</v>
      </c>
      <c r="L8407" s="59">
        <f>Bühler!L8433</f>
        <v>6.1111556454574041</v>
      </c>
      <c r="M8407" s="58">
        <f>Bühler!M8433</f>
        <v>0</v>
      </c>
      <c r="N8407" s="56">
        <f>IF(Input!$D$19=1,J8407*Input!$C$19,0)+IF(Input!$D$20=1,K8407*Input!$C$20,0)+IF(Input!$D$21=1,L8407*Input!$C$21,0)+IF(Input!$D$22=1,M8407*Input!$C$22,0)</f>
        <v>0.11239203237916813</v>
      </c>
      <c r="O8407" s="59">
        <f>IF(Input!$D$19=2,J8407*Input!$C$19,0)+IF(Input!$D$20=2,K8407*Input!$C$20,0)+IF(Input!$D$21=2,L8407*Input!$C$21,0)+IF(Input!$D$22=2,M8407*Input!$C$22,0)</f>
        <v>0.28098008094792032</v>
      </c>
      <c r="P8407" s="59">
        <f>IF(Input!$D$19=3,J8407*Input!$C$19,0)+IF(Input!$D$20=3,K8407*Input!$C$20,0)+IF(Input!$D$21=3,L8407*Input!$C$21,0)+IF(Input!$D$22=3,M8407*Input!$C$22,0)</f>
        <v>0</v>
      </c>
      <c r="Q8407" s="75">
        <f>IF(Input!$D$19=4,J8407*Input!$C$19,0)+IF(Input!$D$20=4,K8407*Input!$C$20,0)+IF(Input!$D$21=4,L8407*Input!$C$21,0)+IF(Input!$D$22=4,M8407*Input!$C$22,0)</f>
        <v>0</v>
      </c>
      <c r="R8407" s="58">
        <v>44.807309370679285</v>
      </c>
      <c r="S8407" s="124">
        <f t="shared" si="131"/>
        <v>0.48703214030972858</v>
      </c>
    </row>
    <row r="8408" spans="8:19" x14ac:dyDescent="0.3">
      <c r="H8408" s="44">
        <v>8401</v>
      </c>
      <c r="I8408" s="56">
        <f>Bühler!I8434</f>
        <v>7.758871889619734E-2</v>
      </c>
      <c r="J8408" s="59">
        <f>Bühler!J8434</f>
        <v>0.25862906298732447</v>
      </c>
      <c r="K8408" s="59">
        <f>Bühler!K8434</f>
        <v>0.3879435944809867</v>
      </c>
      <c r="L8408" s="59">
        <f>Bühler!L8434</f>
        <v>1.8621292535087361</v>
      </c>
      <c r="M8408" s="58">
        <f>Bühler!M8434</f>
        <v>0</v>
      </c>
      <c r="N8408" s="56">
        <f>IF(Input!$D$19=1,J8408*Input!$C$19,0)+IF(Input!$D$20=1,K8408*Input!$C$20,0)+IF(Input!$D$21=1,L8408*Input!$C$21,0)+IF(Input!$D$22=1,M8408*Input!$C$22,0)</f>
        <v>7.758871889619734E-2</v>
      </c>
      <c r="O8408" s="59">
        <f>IF(Input!$D$19=2,J8408*Input!$C$19,0)+IF(Input!$D$20=2,K8408*Input!$C$20,0)+IF(Input!$D$21=2,L8408*Input!$C$21,0)+IF(Input!$D$22=2,M8408*Input!$C$22,0)</f>
        <v>0.19397179724049335</v>
      </c>
      <c r="P8408" s="59">
        <f>IF(Input!$D$19=3,J8408*Input!$C$19,0)+IF(Input!$D$20=3,K8408*Input!$C$20,0)+IF(Input!$D$21=3,L8408*Input!$C$21,0)+IF(Input!$D$22=3,M8408*Input!$C$22,0)</f>
        <v>0</v>
      </c>
      <c r="Q8408" s="75">
        <f>IF(Input!$D$19=4,J8408*Input!$C$19,0)+IF(Input!$D$20=4,K8408*Input!$C$20,0)+IF(Input!$D$21=4,L8408*Input!$C$21,0)+IF(Input!$D$22=4,M8408*Input!$C$22,0)</f>
        <v>0</v>
      </c>
      <c r="R8408" s="58">
        <v>44.994672929822372</v>
      </c>
      <c r="S8408" s="124">
        <f t="shared" si="131"/>
        <v>0.3362177818835218</v>
      </c>
    </row>
    <row r="8409" spans="8:19" x14ac:dyDescent="0.3">
      <c r="H8409" s="44">
        <v>8402</v>
      </c>
      <c r="I8409" s="56">
        <f>Bühler!I8435</f>
        <v>7.758871889619734E-2</v>
      </c>
      <c r="J8409" s="59">
        <f>Bühler!J8435</f>
        <v>0.25862906298732447</v>
      </c>
      <c r="K8409" s="59">
        <f>Bühler!K8435</f>
        <v>0.3879435944809867</v>
      </c>
      <c r="L8409" s="59">
        <f>Bühler!L8435</f>
        <v>1.8621292535087361</v>
      </c>
      <c r="M8409" s="58">
        <f>Bühler!M8435</f>
        <v>0</v>
      </c>
      <c r="N8409" s="56">
        <f>IF(Input!$D$19=1,J8409*Input!$C$19,0)+IF(Input!$D$20=1,K8409*Input!$C$20,0)+IF(Input!$D$21=1,L8409*Input!$C$21,0)+IF(Input!$D$22=1,M8409*Input!$C$22,0)</f>
        <v>7.758871889619734E-2</v>
      </c>
      <c r="O8409" s="59">
        <f>IF(Input!$D$19=2,J8409*Input!$C$19,0)+IF(Input!$D$20=2,K8409*Input!$C$20,0)+IF(Input!$D$21=2,L8409*Input!$C$21,0)+IF(Input!$D$22=2,M8409*Input!$C$22,0)</f>
        <v>0.19397179724049335</v>
      </c>
      <c r="P8409" s="59">
        <f>IF(Input!$D$19=3,J8409*Input!$C$19,0)+IF(Input!$D$20=3,K8409*Input!$C$20,0)+IF(Input!$D$21=3,L8409*Input!$C$21,0)+IF(Input!$D$22=3,M8409*Input!$C$22,0)</f>
        <v>0</v>
      </c>
      <c r="Q8409" s="75">
        <f>IF(Input!$D$19=4,J8409*Input!$C$19,0)+IF(Input!$D$20=4,K8409*Input!$C$20,0)+IF(Input!$D$21=4,L8409*Input!$C$21,0)+IF(Input!$D$22=4,M8409*Input!$C$22,0)</f>
        <v>0</v>
      </c>
      <c r="R8409" s="58">
        <v>45.379028453340133</v>
      </c>
      <c r="S8409" s="124">
        <f t="shared" si="131"/>
        <v>0.3362177818835218</v>
      </c>
    </row>
    <row r="8410" spans="8:19" x14ac:dyDescent="0.3">
      <c r="H8410" s="44">
        <v>8403</v>
      </c>
      <c r="I8410" s="56">
        <f>Bühler!I8436</f>
        <v>7.758871889619734E-2</v>
      </c>
      <c r="J8410" s="59">
        <f>Bühler!J8436</f>
        <v>0.25862906298732447</v>
      </c>
      <c r="K8410" s="59">
        <f>Bühler!K8436</f>
        <v>0.3879435944809867</v>
      </c>
      <c r="L8410" s="59">
        <f>Bühler!L8436</f>
        <v>1.8621292535087361</v>
      </c>
      <c r="M8410" s="58">
        <f>Bühler!M8436</f>
        <v>0</v>
      </c>
      <c r="N8410" s="56">
        <f>IF(Input!$D$19=1,J8410*Input!$C$19,0)+IF(Input!$D$20=1,K8410*Input!$C$20,0)+IF(Input!$D$21=1,L8410*Input!$C$21,0)+IF(Input!$D$22=1,M8410*Input!$C$22,0)</f>
        <v>7.758871889619734E-2</v>
      </c>
      <c r="O8410" s="59">
        <f>IF(Input!$D$19=2,J8410*Input!$C$19,0)+IF(Input!$D$20=2,K8410*Input!$C$20,0)+IF(Input!$D$21=2,L8410*Input!$C$21,0)+IF(Input!$D$22=2,M8410*Input!$C$22,0)</f>
        <v>0.19397179724049335</v>
      </c>
      <c r="P8410" s="59">
        <f>IF(Input!$D$19=3,J8410*Input!$C$19,0)+IF(Input!$D$20=3,K8410*Input!$C$20,0)+IF(Input!$D$21=3,L8410*Input!$C$21,0)+IF(Input!$D$22=3,M8410*Input!$C$22,0)</f>
        <v>0</v>
      </c>
      <c r="Q8410" s="75">
        <f>IF(Input!$D$19=4,J8410*Input!$C$19,0)+IF(Input!$D$20=4,K8410*Input!$C$20,0)+IF(Input!$D$21=4,L8410*Input!$C$21,0)+IF(Input!$D$22=4,M8410*Input!$C$22,0)</f>
        <v>0</v>
      </c>
      <c r="R8410" s="58">
        <v>46.364819623253432</v>
      </c>
      <c r="S8410" s="124">
        <f t="shared" si="131"/>
        <v>0.3362177818835218</v>
      </c>
    </row>
    <row r="8411" spans="8:19" x14ac:dyDescent="0.3">
      <c r="H8411" s="44">
        <v>8404</v>
      </c>
      <c r="I8411" s="56">
        <f>Bühler!I8437</f>
        <v>7.758871889619734E-2</v>
      </c>
      <c r="J8411" s="59">
        <f>Bühler!J8437</f>
        <v>0.25862906298732447</v>
      </c>
      <c r="K8411" s="59">
        <f>Bühler!K8437</f>
        <v>0.3879435944809867</v>
      </c>
      <c r="L8411" s="59">
        <f>Bühler!L8437</f>
        <v>1.8621292535087361</v>
      </c>
      <c r="M8411" s="58">
        <f>Bühler!M8437</f>
        <v>0</v>
      </c>
      <c r="N8411" s="56">
        <f>IF(Input!$D$19=1,J8411*Input!$C$19,0)+IF(Input!$D$20=1,K8411*Input!$C$20,0)+IF(Input!$D$21=1,L8411*Input!$C$21,0)+IF(Input!$D$22=1,M8411*Input!$C$22,0)</f>
        <v>7.758871889619734E-2</v>
      </c>
      <c r="O8411" s="59">
        <f>IF(Input!$D$19=2,J8411*Input!$C$19,0)+IF(Input!$D$20=2,K8411*Input!$C$20,0)+IF(Input!$D$21=2,L8411*Input!$C$21,0)+IF(Input!$D$22=2,M8411*Input!$C$22,0)</f>
        <v>0.19397179724049335</v>
      </c>
      <c r="P8411" s="59">
        <f>IF(Input!$D$19=3,J8411*Input!$C$19,0)+IF(Input!$D$20=3,K8411*Input!$C$20,0)+IF(Input!$D$21=3,L8411*Input!$C$21,0)+IF(Input!$D$22=3,M8411*Input!$C$22,0)</f>
        <v>0</v>
      </c>
      <c r="Q8411" s="75">
        <f>IF(Input!$D$19=4,J8411*Input!$C$19,0)+IF(Input!$D$20=4,K8411*Input!$C$20,0)+IF(Input!$D$21=4,L8411*Input!$C$21,0)+IF(Input!$D$22=4,M8411*Input!$C$22,0)</f>
        <v>0</v>
      </c>
      <c r="R8411" s="58">
        <v>47.493001985205389</v>
      </c>
      <c r="S8411" s="124">
        <f t="shared" si="131"/>
        <v>0.3362177818835218</v>
      </c>
    </row>
    <row r="8412" spans="8:19" x14ac:dyDescent="0.3">
      <c r="H8412" s="44">
        <v>8405</v>
      </c>
      <c r="I8412" s="56">
        <f>Bühler!I8438</f>
        <v>7.758871889619734E-2</v>
      </c>
      <c r="J8412" s="59">
        <f>Bühler!J8438</f>
        <v>0.25862906298732447</v>
      </c>
      <c r="K8412" s="59">
        <f>Bühler!K8438</f>
        <v>0.3879435944809867</v>
      </c>
      <c r="L8412" s="59">
        <f>Bühler!L8438</f>
        <v>1.8621292535087361</v>
      </c>
      <c r="M8412" s="58">
        <f>Bühler!M8438</f>
        <v>0</v>
      </c>
      <c r="N8412" s="56">
        <f>IF(Input!$D$19=1,J8412*Input!$C$19,0)+IF(Input!$D$20=1,K8412*Input!$C$20,0)+IF(Input!$D$21=1,L8412*Input!$C$21,0)+IF(Input!$D$22=1,M8412*Input!$C$22,0)</f>
        <v>7.758871889619734E-2</v>
      </c>
      <c r="O8412" s="59">
        <f>IF(Input!$D$19=2,J8412*Input!$C$19,0)+IF(Input!$D$20=2,K8412*Input!$C$20,0)+IF(Input!$D$21=2,L8412*Input!$C$21,0)+IF(Input!$D$22=2,M8412*Input!$C$22,0)</f>
        <v>0.19397179724049335</v>
      </c>
      <c r="P8412" s="59">
        <f>IF(Input!$D$19=3,J8412*Input!$C$19,0)+IF(Input!$D$20=3,K8412*Input!$C$20,0)+IF(Input!$D$21=3,L8412*Input!$C$21,0)+IF(Input!$D$22=3,M8412*Input!$C$22,0)</f>
        <v>0</v>
      </c>
      <c r="Q8412" s="75">
        <f>IF(Input!$D$19=4,J8412*Input!$C$19,0)+IF(Input!$D$20=4,K8412*Input!$C$20,0)+IF(Input!$D$21=4,L8412*Input!$C$21,0)+IF(Input!$D$22=4,M8412*Input!$C$22,0)</f>
        <v>0</v>
      </c>
      <c r="R8412" s="58">
        <v>50.669643805260577</v>
      </c>
      <c r="S8412" s="124">
        <f t="shared" si="131"/>
        <v>0.3362177818835218</v>
      </c>
    </row>
    <row r="8413" spans="8:19" x14ac:dyDescent="0.3">
      <c r="H8413" s="44">
        <v>8406</v>
      </c>
      <c r="I8413" s="56">
        <f>Bühler!I8439</f>
        <v>0.33621778188352186</v>
      </c>
      <c r="J8413" s="59">
        <f>Bühler!J8439</f>
        <v>1.1207259396117395</v>
      </c>
      <c r="K8413" s="59">
        <f>Bühler!K8439</f>
        <v>1.6810889094176094</v>
      </c>
      <c r="L8413" s="59">
        <f>Bühler!L8439</f>
        <v>8.0692267652045242</v>
      </c>
      <c r="M8413" s="58">
        <f>Bühler!M8439</f>
        <v>0</v>
      </c>
      <c r="N8413" s="56">
        <f>IF(Input!$D$19=1,J8413*Input!$C$19,0)+IF(Input!$D$20=1,K8413*Input!$C$20,0)+IF(Input!$D$21=1,L8413*Input!$C$21,0)+IF(Input!$D$22=1,M8413*Input!$C$22,0)</f>
        <v>0.33621778188352186</v>
      </c>
      <c r="O8413" s="59">
        <f>IF(Input!$D$19=2,J8413*Input!$C$19,0)+IF(Input!$D$20=2,K8413*Input!$C$20,0)+IF(Input!$D$21=2,L8413*Input!$C$21,0)+IF(Input!$D$22=2,M8413*Input!$C$22,0)</f>
        <v>0.84054445470880468</v>
      </c>
      <c r="P8413" s="59">
        <f>IF(Input!$D$19=3,J8413*Input!$C$19,0)+IF(Input!$D$20=3,K8413*Input!$C$20,0)+IF(Input!$D$21=3,L8413*Input!$C$21,0)+IF(Input!$D$22=3,M8413*Input!$C$22,0)</f>
        <v>0</v>
      </c>
      <c r="Q8413" s="75">
        <f>IF(Input!$D$19=4,J8413*Input!$C$19,0)+IF(Input!$D$20=4,K8413*Input!$C$20,0)+IF(Input!$D$21=4,L8413*Input!$C$21,0)+IF(Input!$D$22=4,M8413*Input!$C$22,0)</f>
        <v>0</v>
      </c>
      <c r="R8413" s="58">
        <v>56.271961224707184</v>
      </c>
      <c r="S8413" s="124">
        <f t="shared" si="131"/>
        <v>1.4569437214952614</v>
      </c>
    </row>
    <row r="8414" spans="8:19" x14ac:dyDescent="0.3">
      <c r="H8414" s="44">
        <v>8407</v>
      </c>
      <c r="I8414" s="56">
        <f>Bühler!I8440</f>
        <v>0.38147786790630361</v>
      </c>
      <c r="J8414" s="59">
        <f>Bühler!J8440</f>
        <v>1.2715928930210121</v>
      </c>
      <c r="K8414" s="59">
        <f>Bühler!K8440</f>
        <v>1.907389339531518</v>
      </c>
      <c r="L8414" s="59">
        <f>Bühler!L8440</f>
        <v>9.1554688297512872</v>
      </c>
      <c r="M8414" s="58">
        <f>Bühler!M8440</f>
        <v>0</v>
      </c>
      <c r="N8414" s="56">
        <f>IF(Input!$D$19=1,J8414*Input!$C$19,0)+IF(Input!$D$20=1,K8414*Input!$C$20,0)+IF(Input!$D$21=1,L8414*Input!$C$21,0)+IF(Input!$D$22=1,M8414*Input!$C$22,0)</f>
        <v>0.38147786790630361</v>
      </c>
      <c r="O8414" s="59">
        <f>IF(Input!$D$19=2,J8414*Input!$C$19,0)+IF(Input!$D$20=2,K8414*Input!$C$20,0)+IF(Input!$D$21=2,L8414*Input!$C$21,0)+IF(Input!$D$22=2,M8414*Input!$C$22,0)</f>
        <v>0.95369466976575901</v>
      </c>
      <c r="P8414" s="59">
        <f>IF(Input!$D$19=3,J8414*Input!$C$19,0)+IF(Input!$D$20=3,K8414*Input!$C$20,0)+IF(Input!$D$21=3,L8414*Input!$C$21,0)+IF(Input!$D$22=3,M8414*Input!$C$22,0)</f>
        <v>0</v>
      </c>
      <c r="Q8414" s="75">
        <f>IF(Input!$D$19=4,J8414*Input!$C$19,0)+IF(Input!$D$20=4,K8414*Input!$C$20,0)+IF(Input!$D$21=4,L8414*Input!$C$21,0)+IF(Input!$D$22=4,M8414*Input!$C$22,0)</f>
        <v>0</v>
      </c>
      <c r="R8414" s="58">
        <v>62.595810895867913</v>
      </c>
      <c r="S8414" s="124">
        <f t="shared" si="131"/>
        <v>1.6530707609273156</v>
      </c>
    </row>
    <row r="8415" spans="8:19" x14ac:dyDescent="0.3">
      <c r="H8415" s="44">
        <v>8408</v>
      </c>
      <c r="I8415" s="56">
        <f>Bühler!I8441</f>
        <v>0.38147786790630361</v>
      </c>
      <c r="J8415" s="59">
        <f>Bühler!J8441</f>
        <v>1.2715928930210121</v>
      </c>
      <c r="K8415" s="59">
        <f>Bühler!K8441</f>
        <v>1.907389339531518</v>
      </c>
      <c r="L8415" s="59">
        <f>Bühler!L8441</f>
        <v>9.1554688297512872</v>
      </c>
      <c r="M8415" s="58">
        <f>Bühler!M8441</f>
        <v>0</v>
      </c>
      <c r="N8415" s="56">
        <f>IF(Input!$D$19=1,J8415*Input!$C$19,0)+IF(Input!$D$20=1,K8415*Input!$C$20,0)+IF(Input!$D$21=1,L8415*Input!$C$21,0)+IF(Input!$D$22=1,M8415*Input!$C$22,0)</f>
        <v>0.38147786790630361</v>
      </c>
      <c r="O8415" s="59">
        <f>IF(Input!$D$19=2,J8415*Input!$C$19,0)+IF(Input!$D$20=2,K8415*Input!$C$20,0)+IF(Input!$D$21=2,L8415*Input!$C$21,0)+IF(Input!$D$22=2,M8415*Input!$C$22,0)</f>
        <v>0.95369466976575901</v>
      </c>
      <c r="P8415" s="59">
        <f>IF(Input!$D$19=3,J8415*Input!$C$19,0)+IF(Input!$D$20=3,K8415*Input!$C$20,0)+IF(Input!$D$21=3,L8415*Input!$C$21,0)+IF(Input!$D$22=3,M8415*Input!$C$22,0)</f>
        <v>0</v>
      </c>
      <c r="Q8415" s="75">
        <f>IF(Input!$D$19=4,J8415*Input!$C$19,0)+IF(Input!$D$20=4,K8415*Input!$C$20,0)+IF(Input!$D$21=4,L8415*Input!$C$21,0)+IF(Input!$D$22=4,M8415*Input!$C$22,0)</f>
        <v>0</v>
      </c>
      <c r="R8415" s="58">
        <v>65.982667656675062</v>
      </c>
      <c r="S8415" s="124">
        <f t="shared" si="131"/>
        <v>1.6530707609273156</v>
      </c>
    </row>
    <row r="8416" spans="8:19" x14ac:dyDescent="0.3">
      <c r="H8416" s="44">
        <v>8409</v>
      </c>
      <c r="I8416" s="56">
        <f>Bühler!I8442</f>
        <v>0.38147786790630361</v>
      </c>
      <c r="J8416" s="59">
        <f>Bühler!J8442</f>
        <v>1.2715928930210121</v>
      </c>
      <c r="K8416" s="59">
        <f>Bühler!K8442</f>
        <v>1.907389339531518</v>
      </c>
      <c r="L8416" s="59">
        <f>Bühler!L8442</f>
        <v>9.1554688297512872</v>
      </c>
      <c r="M8416" s="58">
        <f>Bühler!M8442</f>
        <v>0</v>
      </c>
      <c r="N8416" s="56">
        <f>IF(Input!$D$19=1,J8416*Input!$C$19,0)+IF(Input!$D$20=1,K8416*Input!$C$20,0)+IF(Input!$D$21=1,L8416*Input!$C$21,0)+IF(Input!$D$22=1,M8416*Input!$C$22,0)</f>
        <v>0.38147786790630361</v>
      </c>
      <c r="O8416" s="59">
        <f>IF(Input!$D$19=2,J8416*Input!$C$19,0)+IF(Input!$D$20=2,K8416*Input!$C$20,0)+IF(Input!$D$21=2,L8416*Input!$C$21,0)+IF(Input!$D$22=2,M8416*Input!$C$22,0)</f>
        <v>0.95369466976575901</v>
      </c>
      <c r="P8416" s="59">
        <f>IF(Input!$D$19=3,J8416*Input!$C$19,0)+IF(Input!$D$20=3,K8416*Input!$C$20,0)+IF(Input!$D$21=3,L8416*Input!$C$21,0)+IF(Input!$D$22=3,M8416*Input!$C$22,0)</f>
        <v>0</v>
      </c>
      <c r="Q8416" s="75">
        <f>IF(Input!$D$19=4,J8416*Input!$C$19,0)+IF(Input!$D$20=4,K8416*Input!$C$20,0)+IF(Input!$D$21=4,L8416*Input!$C$21,0)+IF(Input!$D$22=4,M8416*Input!$C$22,0)</f>
        <v>0</v>
      </c>
      <c r="R8416" s="58">
        <v>67.730749315400189</v>
      </c>
      <c r="S8416" s="124">
        <f t="shared" si="131"/>
        <v>1.6530707609273156</v>
      </c>
    </row>
    <row r="8417" spans="8:19" x14ac:dyDescent="0.3">
      <c r="H8417" s="44">
        <v>8410</v>
      </c>
      <c r="I8417" s="56">
        <f>Bühler!I8443</f>
        <v>0.40734077420503606</v>
      </c>
      <c r="J8417" s="59">
        <f>Bühler!J8443</f>
        <v>1.3578025806834537</v>
      </c>
      <c r="K8417" s="59">
        <f>Bühler!K8443</f>
        <v>2.0367038710251801</v>
      </c>
      <c r="L8417" s="59">
        <f>Bühler!L8443</f>
        <v>9.776178580920865</v>
      </c>
      <c r="M8417" s="58">
        <f>Bühler!M8443</f>
        <v>0</v>
      </c>
      <c r="N8417" s="56">
        <f>IF(Input!$D$19=1,J8417*Input!$C$19,0)+IF(Input!$D$20=1,K8417*Input!$C$20,0)+IF(Input!$D$21=1,L8417*Input!$C$21,0)+IF(Input!$D$22=1,M8417*Input!$C$22,0)</f>
        <v>0.40734077420503612</v>
      </c>
      <c r="O8417" s="59">
        <f>IF(Input!$D$19=2,J8417*Input!$C$19,0)+IF(Input!$D$20=2,K8417*Input!$C$20,0)+IF(Input!$D$21=2,L8417*Input!$C$21,0)+IF(Input!$D$22=2,M8417*Input!$C$22,0)</f>
        <v>1.0183519355125901</v>
      </c>
      <c r="P8417" s="59">
        <f>IF(Input!$D$19=3,J8417*Input!$C$19,0)+IF(Input!$D$20=3,K8417*Input!$C$20,0)+IF(Input!$D$21=3,L8417*Input!$C$21,0)+IF(Input!$D$22=3,M8417*Input!$C$22,0)</f>
        <v>0</v>
      </c>
      <c r="Q8417" s="75">
        <f>IF(Input!$D$19=4,J8417*Input!$C$19,0)+IF(Input!$D$20=4,K8417*Input!$C$20,0)+IF(Input!$D$21=4,L8417*Input!$C$21,0)+IF(Input!$D$22=4,M8417*Input!$C$22,0)</f>
        <v>0</v>
      </c>
      <c r="R8417" s="58">
        <v>67.639617577179919</v>
      </c>
      <c r="S8417" s="124">
        <f t="shared" si="131"/>
        <v>1.7651433548884898</v>
      </c>
    </row>
    <row r="8418" spans="8:19" x14ac:dyDescent="0.3">
      <c r="H8418" s="44">
        <v>8411</v>
      </c>
      <c r="I8418" s="56">
        <f>Bühler!I8444</f>
        <v>0.40734077420503606</v>
      </c>
      <c r="J8418" s="59">
        <f>Bühler!J8444</f>
        <v>1.3578025806834537</v>
      </c>
      <c r="K8418" s="59">
        <f>Bühler!K8444</f>
        <v>2.0367038710251801</v>
      </c>
      <c r="L8418" s="59">
        <f>Bühler!L8444</f>
        <v>9.776178580920865</v>
      </c>
      <c r="M8418" s="58">
        <f>Bühler!M8444</f>
        <v>0</v>
      </c>
      <c r="N8418" s="56">
        <f>IF(Input!$D$19=1,J8418*Input!$C$19,0)+IF(Input!$D$20=1,K8418*Input!$C$20,0)+IF(Input!$D$21=1,L8418*Input!$C$21,0)+IF(Input!$D$22=1,M8418*Input!$C$22,0)</f>
        <v>0.40734077420503612</v>
      </c>
      <c r="O8418" s="59">
        <f>IF(Input!$D$19=2,J8418*Input!$C$19,0)+IF(Input!$D$20=2,K8418*Input!$C$20,0)+IF(Input!$D$21=2,L8418*Input!$C$21,0)+IF(Input!$D$22=2,M8418*Input!$C$22,0)</f>
        <v>1.0183519355125901</v>
      </c>
      <c r="P8418" s="59">
        <f>IF(Input!$D$19=3,J8418*Input!$C$19,0)+IF(Input!$D$20=3,K8418*Input!$C$20,0)+IF(Input!$D$21=3,L8418*Input!$C$21,0)+IF(Input!$D$22=3,M8418*Input!$C$22,0)</f>
        <v>0</v>
      </c>
      <c r="Q8418" s="75">
        <f>IF(Input!$D$19=4,J8418*Input!$C$19,0)+IF(Input!$D$20=4,K8418*Input!$C$20,0)+IF(Input!$D$21=4,L8418*Input!$C$21,0)+IF(Input!$D$22=4,M8418*Input!$C$22,0)</f>
        <v>0</v>
      </c>
      <c r="R8418" s="58">
        <v>69.250697448867243</v>
      </c>
      <c r="S8418" s="124">
        <f t="shared" si="131"/>
        <v>1.7651433548884898</v>
      </c>
    </row>
    <row r="8419" spans="8:19" x14ac:dyDescent="0.3">
      <c r="H8419" s="44">
        <v>8412</v>
      </c>
      <c r="I8419" s="56">
        <f>Bühler!I8445</f>
        <v>0.51725812597464893</v>
      </c>
      <c r="J8419" s="59">
        <f>Bühler!J8445</f>
        <v>1.7241937532488298</v>
      </c>
      <c r="K8419" s="59">
        <f>Bühler!K8445</f>
        <v>2.5862906298732447</v>
      </c>
      <c r="L8419" s="59">
        <f>Bühler!L8445</f>
        <v>12.414195023391574</v>
      </c>
      <c r="M8419" s="58">
        <f>Bühler!M8445</f>
        <v>0</v>
      </c>
      <c r="N8419" s="56">
        <f>IF(Input!$D$19=1,J8419*Input!$C$19,0)+IF(Input!$D$20=1,K8419*Input!$C$20,0)+IF(Input!$D$21=1,L8419*Input!$C$21,0)+IF(Input!$D$22=1,M8419*Input!$C$22,0)</f>
        <v>0.51725812597464893</v>
      </c>
      <c r="O8419" s="59">
        <f>IF(Input!$D$19=2,J8419*Input!$C$19,0)+IF(Input!$D$20=2,K8419*Input!$C$20,0)+IF(Input!$D$21=2,L8419*Input!$C$21,0)+IF(Input!$D$22=2,M8419*Input!$C$22,0)</f>
        <v>1.2931453149366223</v>
      </c>
      <c r="P8419" s="59">
        <f>IF(Input!$D$19=3,J8419*Input!$C$19,0)+IF(Input!$D$20=3,K8419*Input!$C$20,0)+IF(Input!$D$21=3,L8419*Input!$C$21,0)+IF(Input!$D$22=3,M8419*Input!$C$22,0)</f>
        <v>0</v>
      </c>
      <c r="Q8419" s="75">
        <f>IF(Input!$D$19=4,J8419*Input!$C$19,0)+IF(Input!$D$20=4,K8419*Input!$C$20,0)+IF(Input!$D$21=4,L8419*Input!$C$21,0)+IF(Input!$D$22=4,M8419*Input!$C$22,0)</f>
        <v>0</v>
      </c>
      <c r="R8419" s="58">
        <v>70.341869936212944</v>
      </c>
      <c r="S8419" s="124">
        <f t="shared" si="131"/>
        <v>2.2414518792234785</v>
      </c>
    </row>
    <row r="8420" spans="8:19" x14ac:dyDescent="0.3">
      <c r="H8420" s="44">
        <v>8413</v>
      </c>
      <c r="I8420" s="56">
        <f>Bühler!I8446</f>
        <v>0.51725812597464893</v>
      </c>
      <c r="J8420" s="59">
        <f>Bühler!J8446</f>
        <v>1.7241937532488298</v>
      </c>
      <c r="K8420" s="59">
        <f>Bühler!K8446</f>
        <v>2.5862906298732447</v>
      </c>
      <c r="L8420" s="59">
        <f>Bühler!L8446</f>
        <v>12.414195023391574</v>
      </c>
      <c r="M8420" s="58">
        <f>Bühler!M8446</f>
        <v>0</v>
      </c>
      <c r="N8420" s="56">
        <f>IF(Input!$D$19=1,J8420*Input!$C$19,0)+IF(Input!$D$20=1,K8420*Input!$C$20,0)+IF(Input!$D$21=1,L8420*Input!$C$21,0)+IF(Input!$D$22=1,M8420*Input!$C$22,0)</f>
        <v>0.51725812597464893</v>
      </c>
      <c r="O8420" s="59">
        <f>IF(Input!$D$19=2,J8420*Input!$C$19,0)+IF(Input!$D$20=2,K8420*Input!$C$20,0)+IF(Input!$D$21=2,L8420*Input!$C$21,0)+IF(Input!$D$22=2,M8420*Input!$C$22,0)</f>
        <v>1.2931453149366223</v>
      </c>
      <c r="P8420" s="59">
        <f>IF(Input!$D$19=3,J8420*Input!$C$19,0)+IF(Input!$D$20=3,K8420*Input!$C$20,0)+IF(Input!$D$21=3,L8420*Input!$C$21,0)+IF(Input!$D$22=3,M8420*Input!$C$22,0)</f>
        <v>0</v>
      </c>
      <c r="Q8420" s="75">
        <f>IF(Input!$D$19=4,J8420*Input!$C$19,0)+IF(Input!$D$20=4,K8420*Input!$C$20,0)+IF(Input!$D$21=4,L8420*Input!$C$21,0)+IF(Input!$D$22=4,M8420*Input!$C$22,0)</f>
        <v>0</v>
      </c>
      <c r="R8420" s="58">
        <v>69.574309097810129</v>
      </c>
      <c r="S8420" s="124">
        <f t="shared" si="131"/>
        <v>2.2414518792234785</v>
      </c>
    </row>
    <row r="8421" spans="8:19" x14ac:dyDescent="0.3">
      <c r="H8421" s="44">
        <v>8414</v>
      </c>
      <c r="I8421" s="56">
        <f>Bühler!I8447</f>
        <v>0.34268350845820489</v>
      </c>
      <c r="J8421" s="59">
        <f>Bühler!J8447</f>
        <v>1.1422783615273497</v>
      </c>
      <c r="K8421" s="59">
        <f>Bühler!K8447</f>
        <v>1.7134175422910245</v>
      </c>
      <c r="L8421" s="59">
        <f>Bühler!L8447</f>
        <v>8.2244042029969169</v>
      </c>
      <c r="M8421" s="58">
        <f>Bühler!M8447</f>
        <v>0</v>
      </c>
      <c r="N8421" s="56">
        <f>IF(Input!$D$19=1,J8421*Input!$C$19,0)+IF(Input!$D$20=1,K8421*Input!$C$20,0)+IF(Input!$D$21=1,L8421*Input!$C$21,0)+IF(Input!$D$22=1,M8421*Input!$C$22,0)</f>
        <v>0.34268350845820489</v>
      </c>
      <c r="O8421" s="59">
        <f>IF(Input!$D$19=2,J8421*Input!$C$19,0)+IF(Input!$D$20=2,K8421*Input!$C$20,0)+IF(Input!$D$21=2,L8421*Input!$C$21,0)+IF(Input!$D$22=2,M8421*Input!$C$22,0)</f>
        <v>0.85670877114551225</v>
      </c>
      <c r="P8421" s="59">
        <f>IF(Input!$D$19=3,J8421*Input!$C$19,0)+IF(Input!$D$20=3,K8421*Input!$C$20,0)+IF(Input!$D$21=3,L8421*Input!$C$21,0)+IF(Input!$D$22=3,M8421*Input!$C$22,0)</f>
        <v>0</v>
      </c>
      <c r="Q8421" s="75">
        <f>IF(Input!$D$19=4,J8421*Input!$C$19,0)+IF(Input!$D$20=4,K8421*Input!$C$20,0)+IF(Input!$D$21=4,L8421*Input!$C$21,0)+IF(Input!$D$22=4,M8421*Input!$C$22,0)</f>
        <v>0</v>
      </c>
      <c r="R8421" s="58">
        <v>69.910716320093002</v>
      </c>
      <c r="S8421" s="124">
        <f t="shared" si="131"/>
        <v>1.4849618699855547</v>
      </c>
    </row>
    <row r="8422" spans="8:19" x14ac:dyDescent="0.3">
      <c r="H8422" s="44">
        <v>8415</v>
      </c>
      <c r="I8422" s="56">
        <f>Bühler!I8448</f>
        <v>0.51725812597464893</v>
      </c>
      <c r="J8422" s="59">
        <f>Bühler!J8448</f>
        <v>1.7241937532488298</v>
      </c>
      <c r="K8422" s="59">
        <f>Bühler!K8448</f>
        <v>2.5862906298732447</v>
      </c>
      <c r="L8422" s="59">
        <f>Bühler!L8448</f>
        <v>12.414195023391574</v>
      </c>
      <c r="M8422" s="58">
        <f>Bühler!M8448</f>
        <v>0</v>
      </c>
      <c r="N8422" s="56">
        <f>IF(Input!$D$19=1,J8422*Input!$C$19,0)+IF(Input!$D$20=1,K8422*Input!$C$20,0)+IF(Input!$D$21=1,L8422*Input!$C$21,0)+IF(Input!$D$22=1,M8422*Input!$C$22,0)</f>
        <v>0.51725812597464893</v>
      </c>
      <c r="O8422" s="59">
        <f>IF(Input!$D$19=2,J8422*Input!$C$19,0)+IF(Input!$D$20=2,K8422*Input!$C$20,0)+IF(Input!$D$21=2,L8422*Input!$C$21,0)+IF(Input!$D$22=2,M8422*Input!$C$22,0)</f>
        <v>1.2931453149366223</v>
      </c>
      <c r="P8422" s="59">
        <f>IF(Input!$D$19=3,J8422*Input!$C$19,0)+IF(Input!$D$20=3,K8422*Input!$C$20,0)+IF(Input!$D$21=3,L8422*Input!$C$21,0)+IF(Input!$D$22=3,M8422*Input!$C$22,0)</f>
        <v>0</v>
      </c>
      <c r="Q8422" s="75">
        <f>IF(Input!$D$19=4,J8422*Input!$C$19,0)+IF(Input!$D$20=4,K8422*Input!$C$20,0)+IF(Input!$D$21=4,L8422*Input!$C$21,0)+IF(Input!$D$22=4,M8422*Input!$C$22,0)</f>
        <v>0</v>
      </c>
      <c r="R8422" s="58">
        <v>70.755891792673864</v>
      </c>
      <c r="S8422" s="124">
        <f t="shared" si="131"/>
        <v>2.2414518792234785</v>
      </c>
    </row>
    <row r="8423" spans="8:19" x14ac:dyDescent="0.3">
      <c r="H8423" s="44">
        <v>8416</v>
      </c>
      <c r="I8423" s="56">
        <f>Bühler!I8449</f>
        <v>0.51725812597464893</v>
      </c>
      <c r="J8423" s="59">
        <f>Bühler!J8449</f>
        <v>1.7241937532488298</v>
      </c>
      <c r="K8423" s="59">
        <f>Bühler!K8449</f>
        <v>2.5862906298732447</v>
      </c>
      <c r="L8423" s="59">
        <f>Bühler!L8449</f>
        <v>12.414195023391574</v>
      </c>
      <c r="M8423" s="58">
        <f>Bühler!M8449</f>
        <v>0</v>
      </c>
      <c r="N8423" s="56">
        <f>IF(Input!$D$19=1,J8423*Input!$C$19,0)+IF(Input!$D$20=1,K8423*Input!$C$20,0)+IF(Input!$D$21=1,L8423*Input!$C$21,0)+IF(Input!$D$22=1,M8423*Input!$C$22,0)</f>
        <v>0.51725812597464893</v>
      </c>
      <c r="O8423" s="59">
        <f>IF(Input!$D$19=2,J8423*Input!$C$19,0)+IF(Input!$D$20=2,K8423*Input!$C$20,0)+IF(Input!$D$21=2,L8423*Input!$C$21,0)+IF(Input!$D$22=2,M8423*Input!$C$22,0)</f>
        <v>1.2931453149366223</v>
      </c>
      <c r="P8423" s="59">
        <f>IF(Input!$D$19=3,J8423*Input!$C$19,0)+IF(Input!$D$20=3,K8423*Input!$C$20,0)+IF(Input!$D$21=3,L8423*Input!$C$21,0)+IF(Input!$D$22=3,M8423*Input!$C$22,0)</f>
        <v>0</v>
      </c>
      <c r="Q8423" s="75">
        <f>IF(Input!$D$19=4,J8423*Input!$C$19,0)+IF(Input!$D$20=4,K8423*Input!$C$20,0)+IF(Input!$D$21=4,L8423*Input!$C$21,0)+IF(Input!$D$22=4,M8423*Input!$C$22,0)</f>
        <v>0</v>
      </c>
      <c r="R8423" s="58">
        <v>69.791534578124896</v>
      </c>
      <c r="S8423" s="124">
        <f t="shared" si="131"/>
        <v>2.2414518792234785</v>
      </c>
    </row>
    <row r="8424" spans="8:19" x14ac:dyDescent="0.3">
      <c r="H8424" s="44">
        <v>8417</v>
      </c>
      <c r="I8424" s="56">
        <f>Bühler!I8450</f>
        <v>0.51725812597464893</v>
      </c>
      <c r="J8424" s="59">
        <f>Bühler!J8450</f>
        <v>1.7241937532488298</v>
      </c>
      <c r="K8424" s="59">
        <f>Bühler!K8450</f>
        <v>2.5862906298732447</v>
      </c>
      <c r="L8424" s="59">
        <f>Bühler!L8450</f>
        <v>12.414195023391574</v>
      </c>
      <c r="M8424" s="58">
        <f>Bühler!M8450</f>
        <v>0</v>
      </c>
      <c r="N8424" s="56">
        <f>IF(Input!$D$19=1,J8424*Input!$C$19,0)+IF(Input!$D$20=1,K8424*Input!$C$20,0)+IF(Input!$D$21=1,L8424*Input!$C$21,0)+IF(Input!$D$22=1,M8424*Input!$C$22,0)</f>
        <v>0.51725812597464893</v>
      </c>
      <c r="O8424" s="59">
        <f>IF(Input!$D$19=2,J8424*Input!$C$19,0)+IF(Input!$D$20=2,K8424*Input!$C$20,0)+IF(Input!$D$21=2,L8424*Input!$C$21,0)+IF(Input!$D$22=2,M8424*Input!$C$22,0)</f>
        <v>1.2931453149366223</v>
      </c>
      <c r="P8424" s="59">
        <f>IF(Input!$D$19=3,J8424*Input!$C$19,0)+IF(Input!$D$20=3,K8424*Input!$C$20,0)+IF(Input!$D$21=3,L8424*Input!$C$21,0)+IF(Input!$D$22=3,M8424*Input!$C$22,0)</f>
        <v>0</v>
      </c>
      <c r="Q8424" s="75">
        <f>IF(Input!$D$19=4,J8424*Input!$C$19,0)+IF(Input!$D$20=4,K8424*Input!$C$20,0)+IF(Input!$D$21=4,L8424*Input!$C$21,0)+IF(Input!$D$22=4,M8424*Input!$C$22,0)</f>
        <v>0</v>
      </c>
      <c r="R8424" s="58">
        <v>69.050394724183903</v>
      </c>
      <c r="S8424" s="124">
        <f t="shared" si="131"/>
        <v>2.2414518792234785</v>
      </c>
    </row>
    <row r="8425" spans="8:19" x14ac:dyDescent="0.3">
      <c r="H8425" s="44">
        <v>8418</v>
      </c>
      <c r="I8425" s="56">
        <f>Bühler!I8451</f>
        <v>0.51725812597464893</v>
      </c>
      <c r="J8425" s="59">
        <f>Bühler!J8451</f>
        <v>1.7241937532488298</v>
      </c>
      <c r="K8425" s="59">
        <f>Bühler!K8451</f>
        <v>2.5862906298732447</v>
      </c>
      <c r="L8425" s="59">
        <f>Bühler!L8451</f>
        <v>12.414195023391574</v>
      </c>
      <c r="M8425" s="58">
        <f>Bühler!M8451</f>
        <v>0</v>
      </c>
      <c r="N8425" s="56">
        <f>IF(Input!$D$19=1,J8425*Input!$C$19,0)+IF(Input!$D$20=1,K8425*Input!$C$20,0)+IF(Input!$D$21=1,L8425*Input!$C$21,0)+IF(Input!$D$22=1,M8425*Input!$C$22,0)</f>
        <v>0.51725812597464893</v>
      </c>
      <c r="O8425" s="59">
        <f>IF(Input!$D$19=2,J8425*Input!$C$19,0)+IF(Input!$D$20=2,K8425*Input!$C$20,0)+IF(Input!$D$21=2,L8425*Input!$C$21,0)+IF(Input!$D$22=2,M8425*Input!$C$22,0)</f>
        <v>1.2931453149366223</v>
      </c>
      <c r="P8425" s="59">
        <f>IF(Input!$D$19=3,J8425*Input!$C$19,0)+IF(Input!$D$20=3,K8425*Input!$C$20,0)+IF(Input!$D$21=3,L8425*Input!$C$21,0)+IF(Input!$D$22=3,M8425*Input!$C$22,0)</f>
        <v>0</v>
      </c>
      <c r="Q8425" s="75">
        <f>IF(Input!$D$19=4,J8425*Input!$C$19,0)+IF(Input!$D$20=4,K8425*Input!$C$20,0)+IF(Input!$D$21=4,L8425*Input!$C$21,0)+IF(Input!$D$22=4,M8425*Input!$C$22,0)</f>
        <v>0</v>
      </c>
      <c r="R8425" s="58">
        <v>67.709358549494269</v>
      </c>
      <c r="S8425" s="124">
        <f t="shared" si="131"/>
        <v>2.2414518792234785</v>
      </c>
    </row>
    <row r="8426" spans="8:19" x14ac:dyDescent="0.3">
      <c r="H8426" s="44">
        <v>8419</v>
      </c>
      <c r="I8426" s="56">
        <f>Bühler!I8452</f>
        <v>0.51725812597464893</v>
      </c>
      <c r="J8426" s="59">
        <f>Bühler!J8452</f>
        <v>1.7241937532488298</v>
      </c>
      <c r="K8426" s="59">
        <f>Bühler!K8452</f>
        <v>2.5862906298732447</v>
      </c>
      <c r="L8426" s="59">
        <f>Bühler!L8452</f>
        <v>12.414195023391574</v>
      </c>
      <c r="M8426" s="58">
        <f>Bühler!M8452</f>
        <v>0</v>
      </c>
      <c r="N8426" s="56">
        <f>IF(Input!$D$19=1,J8426*Input!$C$19,0)+IF(Input!$D$20=1,K8426*Input!$C$20,0)+IF(Input!$D$21=1,L8426*Input!$C$21,0)+IF(Input!$D$22=1,M8426*Input!$C$22,0)</f>
        <v>0.51725812597464893</v>
      </c>
      <c r="O8426" s="59">
        <f>IF(Input!$D$19=2,J8426*Input!$C$19,0)+IF(Input!$D$20=2,K8426*Input!$C$20,0)+IF(Input!$D$21=2,L8426*Input!$C$21,0)+IF(Input!$D$22=2,M8426*Input!$C$22,0)</f>
        <v>1.2931453149366223</v>
      </c>
      <c r="P8426" s="59">
        <f>IF(Input!$D$19=3,J8426*Input!$C$19,0)+IF(Input!$D$20=3,K8426*Input!$C$20,0)+IF(Input!$D$21=3,L8426*Input!$C$21,0)+IF(Input!$D$22=3,M8426*Input!$C$22,0)</f>
        <v>0</v>
      </c>
      <c r="Q8426" s="75">
        <f>IF(Input!$D$19=4,J8426*Input!$C$19,0)+IF(Input!$D$20=4,K8426*Input!$C$20,0)+IF(Input!$D$21=4,L8426*Input!$C$21,0)+IF(Input!$D$22=4,M8426*Input!$C$22,0)</f>
        <v>0</v>
      </c>
      <c r="R8426" s="58">
        <v>66.443568806627283</v>
      </c>
      <c r="S8426" s="124">
        <f t="shared" si="131"/>
        <v>2.2414518792234785</v>
      </c>
    </row>
    <row r="8427" spans="8:19" x14ac:dyDescent="0.3">
      <c r="H8427" s="44">
        <v>8420</v>
      </c>
      <c r="I8427" s="56">
        <f>Bühler!I8453</f>
        <v>0.43320368050376851</v>
      </c>
      <c r="J8427" s="59">
        <f>Bühler!J8453</f>
        <v>1.4440122683458951</v>
      </c>
      <c r="K8427" s="59">
        <f>Bühler!K8453</f>
        <v>2.1660184025188425</v>
      </c>
      <c r="L8427" s="59">
        <f>Bühler!L8453</f>
        <v>10.396888332090445</v>
      </c>
      <c r="M8427" s="58">
        <f>Bühler!M8453</f>
        <v>0</v>
      </c>
      <c r="N8427" s="56">
        <f>IF(Input!$D$19=1,J8427*Input!$C$19,0)+IF(Input!$D$20=1,K8427*Input!$C$20,0)+IF(Input!$D$21=1,L8427*Input!$C$21,0)+IF(Input!$D$22=1,M8427*Input!$C$22,0)</f>
        <v>0.43320368050376851</v>
      </c>
      <c r="O8427" s="59">
        <f>IF(Input!$D$19=2,J8427*Input!$C$19,0)+IF(Input!$D$20=2,K8427*Input!$C$20,0)+IF(Input!$D$21=2,L8427*Input!$C$21,0)+IF(Input!$D$22=2,M8427*Input!$C$22,0)</f>
        <v>1.0830092012594212</v>
      </c>
      <c r="P8427" s="59">
        <f>IF(Input!$D$19=3,J8427*Input!$C$19,0)+IF(Input!$D$20=3,K8427*Input!$C$20,0)+IF(Input!$D$21=3,L8427*Input!$C$21,0)+IF(Input!$D$22=3,M8427*Input!$C$22,0)</f>
        <v>0</v>
      </c>
      <c r="Q8427" s="75">
        <f>IF(Input!$D$19=4,J8427*Input!$C$19,0)+IF(Input!$D$20=4,K8427*Input!$C$20,0)+IF(Input!$D$21=4,L8427*Input!$C$21,0)+IF(Input!$D$22=4,M8427*Input!$C$22,0)</f>
        <v>0</v>
      </c>
      <c r="R8427" s="58">
        <v>65.532340765016244</v>
      </c>
      <c r="S8427" s="124">
        <f t="shared" si="131"/>
        <v>1.8772159488496636</v>
      </c>
    </row>
    <row r="8428" spans="8:19" x14ac:dyDescent="0.3">
      <c r="H8428" s="44">
        <v>8421</v>
      </c>
      <c r="I8428" s="56">
        <f>Bühler!I8454</f>
        <v>0.35561496160757117</v>
      </c>
      <c r="J8428" s="59">
        <f>Bühler!J8454</f>
        <v>1.1853832053585707</v>
      </c>
      <c r="K8428" s="59">
        <f>Bühler!K8454</f>
        <v>1.7780748080378557</v>
      </c>
      <c r="L8428" s="59">
        <f>Bühler!L8454</f>
        <v>8.5347590785817076</v>
      </c>
      <c r="M8428" s="58">
        <f>Bühler!M8454</f>
        <v>0</v>
      </c>
      <c r="N8428" s="56">
        <f>IF(Input!$D$19=1,J8428*Input!$C$19,0)+IF(Input!$D$20=1,K8428*Input!$C$20,0)+IF(Input!$D$21=1,L8428*Input!$C$21,0)+IF(Input!$D$22=1,M8428*Input!$C$22,0)</f>
        <v>0.35561496160757117</v>
      </c>
      <c r="O8428" s="59">
        <f>IF(Input!$D$19=2,J8428*Input!$C$19,0)+IF(Input!$D$20=2,K8428*Input!$C$20,0)+IF(Input!$D$21=2,L8428*Input!$C$21,0)+IF(Input!$D$22=2,M8428*Input!$C$22,0)</f>
        <v>0.88903740401892783</v>
      </c>
      <c r="P8428" s="59">
        <f>IF(Input!$D$19=3,J8428*Input!$C$19,0)+IF(Input!$D$20=3,K8428*Input!$C$20,0)+IF(Input!$D$21=3,L8428*Input!$C$21,0)+IF(Input!$D$22=3,M8428*Input!$C$22,0)</f>
        <v>0</v>
      </c>
      <c r="Q8428" s="75">
        <f>IF(Input!$D$19=4,J8428*Input!$C$19,0)+IF(Input!$D$20=4,K8428*Input!$C$20,0)+IF(Input!$D$21=4,L8428*Input!$C$21,0)+IF(Input!$D$22=4,M8428*Input!$C$22,0)</f>
        <v>0</v>
      </c>
      <c r="R8428" s="58">
        <v>64.23138052420471</v>
      </c>
      <c r="S8428" s="124">
        <f t="shared" si="131"/>
        <v>1.5409981669661419</v>
      </c>
    </row>
    <row r="8429" spans="8:19" x14ac:dyDescent="0.3">
      <c r="H8429" s="44">
        <v>8422</v>
      </c>
      <c r="I8429" s="56">
        <f>Bühler!I8455</f>
        <v>0.25862906298732447</v>
      </c>
      <c r="J8429" s="59">
        <f>Bühler!J8455</f>
        <v>0.86209687662441492</v>
      </c>
      <c r="K8429" s="59">
        <f>Bühler!K8455</f>
        <v>1.2931453149366223</v>
      </c>
      <c r="L8429" s="59">
        <f>Bühler!L8455</f>
        <v>6.2070975116957872</v>
      </c>
      <c r="M8429" s="58">
        <f>Bühler!M8455</f>
        <v>0</v>
      </c>
      <c r="N8429" s="56">
        <f>IF(Input!$D$19=1,J8429*Input!$C$19,0)+IF(Input!$D$20=1,K8429*Input!$C$20,0)+IF(Input!$D$21=1,L8429*Input!$C$21,0)+IF(Input!$D$22=1,M8429*Input!$C$22,0)</f>
        <v>0.25862906298732447</v>
      </c>
      <c r="O8429" s="59">
        <f>IF(Input!$D$19=2,J8429*Input!$C$19,0)+IF(Input!$D$20=2,K8429*Input!$C$20,0)+IF(Input!$D$21=2,L8429*Input!$C$21,0)+IF(Input!$D$22=2,M8429*Input!$C$22,0)</f>
        <v>0.64657265746831116</v>
      </c>
      <c r="P8429" s="59">
        <f>IF(Input!$D$19=3,J8429*Input!$C$19,0)+IF(Input!$D$20=3,K8429*Input!$C$20,0)+IF(Input!$D$21=3,L8429*Input!$C$21,0)+IF(Input!$D$22=3,M8429*Input!$C$22,0)</f>
        <v>0</v>
      </c>
      <c r="Q8429" s="75">
        <f>IF(Input!$D$19=4,J8429*Input!$C$19,0)+IF(Input!$D$20=4,K8429*Input!$C$20,0)+IF(Input!$D$21=4,L8429*Input!$C$21,0)+IF(Input!$D$22=4,M8429*Input!$C$22,0)</f>
        <v>0</v>
      </c>
      <c r="R8429" s="58">
        <v>62.735244453396774</v>
      </c>
      <c r="S8429" s="124">
        <f t="shared" si="131"/>
        <v>1.1207259396117393</v>
      </c>
    </row>
    <row r="8430" spans="8:19" x14ac:dyDescent="0.3">
      <c r="H8430" s="44">
        <v>8423</v>
      </c>
      <c r="I8430" s="56">
        <f>Bühler!I8456</f>
        <v>0.24569760983795824</v>
      </c>
      <c r="J8430" s="59">
        <f>Bühler!J8456</f>
        <v>0.81899203279319421</v>
      </c>
      <c r="K8430" s="59">
        <f>Bühler!K8456</f>
        <v>1.2284880491897912</v>
      </c>
      <c r="L8430" s="59">
        <f>Bühler!L8456</f>
        <v>5.8967426361109982</v>
      </c>
      <c r="M8430" s="58">
        <f>Bühler!M8456</f>
        <v>0</v>
      </c>
      <c r="N8430" s="56">
        <f>IF(Input!$D$19=1,J8430*Input!$C$19,0)+IF(Input!$D$20=1,K8430*Input!$C$20,0)+IF(Input!$D$21=1,L8430*Input!$C$21,0)+IF(Input!$D$22=1,M8430*Input!$C$22,0)</f>
        <v>0.24569760983795824</v>
      </c>
      <c r="O8430" s="59">
        <f>IF(Input!$D$19=2,J8430*Input!$C$19,0)+IF(Input!$D$20=2,K8430*Input!$C$20,0)+IF(Input!$D$21=2,L8430*Input!$C$21,0)+IF(Input!$D$22=2,M8430*Input!$C$22,0)</f>
        <v>0.61424402459489558</v>
      </c>
      <c r="P8430" s="59">
        <f>IF(Input!$D$19=3,J8430*Input!$C$19,0)+IF(Input!$D$20=3,K8430*Input!$C$20,0)+IF(Input!$D$21=3,L8430*Input!$C$21,0)+IF(Input!$D$22=3,M8430*Input!$C$22,0)</f>
        <v>0</v>
      </c>
      <c r="Q8430" s="75">
        <f>IF(Input!$D$19=4,J8430*Input!$C$19,0)+IF(Input!$D$20=4,K8430*Input!$C$20,0)+IF(Input!$D$21=4,L8430*Input!$C$21,0)+IF(Input!$D$22=4,M8430*Input!$C$22,0)</f>
        <v>0</v>
      </c>
      <c r="R8430" s="58">
        <v>62.390160111950451</v>
      </c>
      <c r="S8430" s="124">
        <f t="shared" si="131"/>
        <v>1.0646896426311525</v>
      </c>
    </row>
    <row r="8431" spans="8:19" x14ac:dyDescent="0.3">
      <c r="H8431" s="44">
        <v>8424</v>
      </c>
      <c r="I8431" s="56">
        <f>Bühler!I8457</f>
        <v>0.24569760983795824</v>
      </c>
      <c r="J8431" s="59">
        <f>Bühler!J8457</f>
        <v>0.81899203279319421</v>
      </c>
      <c r="K8431" s="59">
        <f>Bühler!K8457</f>
        <v>1.2284880491897912</v>
      </c>
      <c r="L8431" s="59">
        <f>Bühler!L8457</f>
        <v>5.8967426361109982</v>
      </c>
      <c r="M8431" s="58">
        <f>Bühler!M8457</f>
        <v>0</v>
      </c>
      <c r="N8431" s="56">
        <f>IF(Input!$D$19=1,J8431*Input!$C$19,0)+IF(Input!$D$20=1,K8431*Input!$C$20,0)+IF(Input!$D$21=1,L8431*Input!$C$21,0)+IF(Input!$D$22=1,M8431*Input!$C$22,0)</f>
        <v>0.24569760983795824</v>
      </c>
      <c r="O8431" s="59">
        <f>IF(Input!$D$19=2,J8431*Input!$C$19,0)+IF(Input!$D$20=2,K8431*Input!$C$20,0)+IF(Input!$D$21=2,L8431*Input!$C$21,0)+IF(Input!$D$22=2,M8431*Input!$C$22,0)</f>
        <v>0.61424402459489558</v>
      </c>
      <c r="P8431" s="59">
        <f>IF(Input!$D$19=3,J8431*Input!$C$19,0)+IF(Input!$D$20=3,K8431*Input!$C$20,0)+IF(Input!$D$21=3,L8431*Input!$C$21,0)+IF(Input!$D$22=3,M8431*Input!$C$22,0)</f>
        <v>0</v>
      </c>
      <c r="Q8431" s="75">
        <f>IF(Input!$D$19=4,J8431*Input!$C$19,0)+IF(Input!$D$20=4,K8431*Input!$C$20,0)+IF(Input!$D$21=4,L8431*Input!$C$21,0)+IF(Input!$D$22=4,M8431*Input!$C$22,0)</f>
        <v>0</v>
      </c>
      <c r="R8431" s="58">
        <v>61.783544770676329</v>
      </c>
      <c r="S8431" s="124">
        <f t="shared" si="131"/>
        <v>1.0646896426311525</v>
      </c>
    </row>
    <row r="8432" spans="8:19" x14ac:dyDescent="0.3">
      <c r="H8432" s="44">
        <v>8425</v>
      </c>
      <c r="I8432" s="56">
        <f>Bühler!I8458</f>
        <v>0.22411880370958542</v>
      </c>
      <c r="J8432" s="59">
        <f>Bühler!J8458</f>
        <v>0.74706267903195145</v>
      </c>
      <c r="K8432" s="59">
        <f>Bühler!K8458</f>
        <v>1.1205940185479271</v>
      </c>
      <c r="L8432" s="59">
        <f>Bühler!L8458</f>
        <v>5.3788512890300497</v>
      </c>
      <c r="M8432" s="58">
        <f>Bühler!M8458</f>
        <v>0</v>
      </c>
      <c r="N8432" s="56">
        <f>IF(Input!$D$19=1,J8432*Input!$C$19,0)+IF(Input!$D$20=1,K8432*Input!$C$20,0)+IF(Input!$D$21=1,L8432*Input!$C$21,0)+IF(Input!$D$22=1,M8432*Input!$C$22,0)</f>
        <v>0.22411880370958542</v>
      </c>
      <c r="O8432" s="59">
        <f>IF(Input!$D$19=2,J8432*Input!$C$19,0)+IF(Input!$D$20=2,K8432*Input!$C$20,0)+IF(Input!$D$21=2,L8432*Input!$C$21,0)+IF(Input!$D$22=2,M8432*Input!$C$22,0)</f>
        <v>0.56029700927396353</v>
      </c>
      <c r="P8432" s="59">
        <f>IF(Input!$D$19=3,J8432*Input!$C$19,0)+IF(Input!$D$20=3,K8432*Input!$C$20,0)+IF(Input!$D$21=3,L8432*Input!$C$21,0)+IF(Input!$D$22=3,M8432*Input!$C$22,0)</f>
        <v>0</v>
      </c>
      <c r="Q8432" s="75">
        <f>IF(Input!$D$19=4,J8432*Input!$C$19,0)+IF(Input!$D$20=4,K8432*Input!$C$20,0)+IF(Input!$D$21=4,L8432*Input!$C$21,0)+IF(Input!$D$22=4,M8432*Input!$C$22,0)</f>
        <v>0</v>
      </c>
      <c r="R8432" s="58">
        <v>61.030023075654917</v>
      </c>
      <c r="S8432" s="124">
        <f t="shared" si="131"/>
        <v>0.97118148274153682</v>
      </c>
    </row>
    <row r="8433" spans="8:19" x14ac:dyDescent="0.3">
      <c r="H8433" s="44">
        <v>8426</v>
      </c>
      <c r="I8433" s="56">
        <f>Bühler!I8459</f>
        <v>0.22411880370958542</v>
      </c>
      <c r="J8433" s="59">
        <f>Bühler!J8459</f>
        <v>0.74706267903195145</v>
      </c>
      <c r="K8433" s="59">
        <f>Bühler!K8459</f>
        <v>1.1205940185479271</v>
      </c>
      <c r="L8433" s="59">
        <f>Bühler!L8459</f>
        <v>5.3788512890300497</v>
      </c>
      <c r="M8433" s="58">
        <f>Bühler!M8459</f>
        <v>0</v>
      </c>
      <c r="N8433" s="56">
        <f>IF(Input!$D$19=1,J8433*Input!$C$19,0)+IF(Input!$D$20=1,K8433*Input!$C$20,0)+IF(Input!$D$21=1,L8433*Input!$C$21,0)+IF(Input!$D$22=1,M8433*Input!$C$22,0)</f>
        <v>0.22411880370958542</v>
      </c>
      <c r="O8433" s="59">
        <f>IF(Input!$D$19=2,J8433*Input!$C$19,0)+IF(Input!$D$20=2,K8433*Input!$C$20,0)+IF(Input!$D$21=2,L8433*Input!$C$21,0)+IF(Input!$D$22=2,M8433*Input!$C$22,0)</f>
        <v>0.56029700927396353</v>
      </c>
      <c r="P8433" s="59">
        <f>IF(Input!$D$19=3,J8433*Input!$C$19,0)+IF(Input!$D$20=3,K8433*Input!$C$20,0)+IF(Input!$D$21=3,L8433*Input!$C$21,0)+IF(Input!$D$22=3,M8433*Input!$C$22,0)</f>
        <v>0</v>
      </c>
      <c r="Q8433" s="75">
        <f>IF(Input!$D$19=4,J8433*Input!$C$19,0)+IF(Input!$D$20=4,K8433*Input!$C$20,0)+IF(Input!$D$21=4,L8433*Input!$C$21,0)+IF(Input!$D$22=4,M8433*Input!$C$22,0)</f>
        <v>0</v>
      </c>
      <c r="R8433" s="58">
        <v>61.046698698145626</v>
      </c>
      <c r="S8433" s="124">
        <f t="shared" si="131"/>
        <v>0.97118148274153682</v>
      </c>
    </row>
    <row r="8434" spans="8:19" x14ac:dyDescent="0.3">
      <c r="H8434" s="44">
        <v>8427</v>
      </c>
      <c r="I8434" s="56">
        <f>Bühler!I8460</f>
        <v>0.22411880370958542</v>
      </c>
      <c r="J8434" s="59">
        <f>Bühler!J8460</f>
        <v>0.74706267903195145</v>
      </c>
      <c r="K8434" s="59">
        <f>Bühler!K8460</f>
        <v>1.1205940185479271</v>
      </c>
      <c r="L8434" s="59">
        <f>Bühler!L8460</f>
        <v>5.3788512890300497</v>
      </c>
      <c r="M8434" s="58">
        <f>Bühler!M8460</f>
        <v>0</v>
      </c>
      <c r="N8434" s="56">
        <f>IF(Input!$D$19=1,J8434*Input!$C$19,0)+IF(Input!$D$20=1,K8434*Input!$C$20,0)+IF(Input!$D$21=1,L8434*Input!$C$21,0)+IF(Input!$D$22=1,M8434*Input!$C$22,0)</f>
        <v>0.22411880370958542</v>
      </c>
      <c r="O8434" s="59">
        <f>IF(Input!$D$19=2,J8434*Input!$C$19,0)+IF(Input!$D$20=2,K8434*Input!$C$20,0)+IF(Input!$D$21=2,L8434*Input!$C$21,0)+IF(Input!$D$22=2,M8434*Input!$C$22,0)</f>
        <v>0.56029700927396353</v>
      </c>
      <c r="P8434" s="59">
        <f>IF(Input!$D$19=3,J8434*Input!$C$19,0)+IF(Input!$D$20=3,K8434*Input!$C$20,0)+IF(Input!$D$21=3,L8434*Input!$C$21,0)+IF(Input!$D$22=3,M8434*Input!$C$22,0)</f>
        <v>0</v>
      </c>
      <c r="Q8434" s="75">
        <f>IF(Input!$D$19=4,J8434*Input!$C$19,0)+IF(Input!$D$20=4,K8434*Input!$C$20,0)+IF(Input!$D$21=4,L8434*Input!$C$21,0)+IF(Input!$D$22=4,M8434*Input!$C$22,0)</f>
        <v>0</v>
      </c>
      <c r="R8434" s="58">
        <v>61.822075161351542</v>
      </c>
      <c r="S8434" s="124">
        <f t="shared" si="131"/>
        <v>0.97118148274153682</v>
      </c>
    </row>
    <row r="8435" spans="8:19" x14ac:dyDescent="0.3">
      <c r="H8435" s="44">
        <v>8428</v>
      </c>
      <c r="I8435" s="56">
        <f>Bühler!I8461</f>
        <v>0.22411880370958542</v>
      </c>
      <c r="J8435" s="59">
        <f>Bühler!J8461</f>
        <v>0.74706267903195145</v>
      </c>
      <c r="K8435" s="59">
        <f>Bühler!K8461</f>
        <v>1.1205940185479271</v>
      </c>
      <c r="L8435" s="59">
        <f>Bühler!L8461</f>
        <v>5.3788512890300497</v>
      </c>
      <c r="M8435" s="58">
        <f>Bühler!M8461</f>
        <v>0</v>
      </c>
      <c r="N8435" s="56">
        <f>IF(Input!$D$19=1,J8435*Input!$C$19,0)+IF(Input!$D$20=1,K8435*Input!$C$20,0)+IF(Input!$D$21=1,L8435*Input!$C$21,0)+IF(Input!$D$22=1,M8435*Input!$C$22,0)</f>
        <v>0.22411880370958542</v>
      </c>
      <c r="O8435" s="59">
        <f>IF(Input!$D$19=2,J8435*Input!$C$19,0)+IF(Input!$D$20=2,K8435*Input!$C$20,0)+IF(Input!$D$21=2,L8435*Input!$C$21,0)+IF(Input!$D$22=2,M8435*Input!$C$22,0)</f>
        <v>0.56029700927396353</v>
      </c>
      <c r="P8435" s="59">
        <f>IF(Input!$D$19=3,J8435*Input!$C$19,0)+IF(Input!$D$20=3,K8435*Input!$C$20,0)+IF(Input!$D$21=3,L8435*Input!$C$21,0)+IF(Input!$D$22=3,M8435*Input!$C$22,0)</f>
        <v>0</v>
      </c>
      <c r="Q8435" s="75">
        <f>IF(Input!$D$19=4,J8435*Input!$C$19,0)+IF(Input!$D$20=4,K8435*Input!$C$20,0)+IF(Input!$D$21=4,L8435*Input!$C$21,0)+IF(Input!$D$22=4,M8435*Input!$C$22,0)</f>
        <v>0</v>
      </c>
      <c r="R8435" s="58">
        <v>62.046716420738711</v>
      </c>
      <c r="S8435" s="124">
        <f t="shared" si="131"/>
        <v>0.97118148274153682</v>
      </c>
    </row>
    <row r="8436" spans="8:19" x14ac:dyDescent="0.3">
      <c r="H8436" s="44">
        <v>8429</v>
      </c>
      <c r="I8436" s="56">
        <f>Bühler!I8462</f>
        <v>0.22411880370958542</v>
      </c>
      <c r="J8436" s="59">
        <f>Bühler!J8462</f>
        <v>0.74706267903195145</v>
      </c>
      <c r="K8436" s="59">
        <f>Bühler!K8462</f>
        <v>1.1205940185479271</v>
      </c>
      <c r="L8436" s="59">
        <f>Bühler!L8462</f>
        <v>5.3788512890300497</v>
      </c>
      <c r="M8436" s="58">
        <f>Bühler!M8462</f>
        <v>0</v>
      </c>
      <c r="N8436" s="56">
        <f>IF(Input!$D$19=1,J8436*Input!$C$19,0)+IF(Input!$D$20=1,K8436*Input!$C$20,0)+IF(Input!$D$21=1,L8436*Input!$C$21,0)+IF(Input!$D$22=1,M8436*Input!$C$22,0)</f>
        <v>0.22411880370958542</v>
      </c>
      <c r="O8436" s="59">
        <f>IF(Input!$D$19=2,J8436*Input!$C$19,0)+IF(Input!$D$20=2,K8436*Input!$C$20,0)+IF(Input!$D$21=2,L8436*Input!$C$21,0)+IF(Input!$D$22=2,M8436*Input!$C$22,0)</f>
        <v>0.56029700927396353</v>
      </c>
      <c r="P8436" s="59">
        <f>IF(Input!$D$19=3,J8436*Input!$C$19,0)+IF(Input!$D$20=3,K8436*Input!$C$20,0)+IF(Input!$D$21=3,L8436*Input!$C$21,0)+IF(Input!$D$22=3,M8436*Input!$C$22,0)</f>
        <v>0</v>
      </c>
      <c r="Q8436" s="75">
        <f>IF(Input!$D$19=4,J8436*Input!$C$19,0)+IF(Input!$D$20=4,K8436*Input!$C$20,0)+IF(Input!$D$21=4,L8436*Input!$C$21,0)+IF(Input!$D$22=4,M8436*Input!$C$22,0)</f>
        <v>0</v>
      </c>
      <c r="R8436" s="58">
        <v>63.409720848720198</v>
      </c>
      <c r="S8436" s="124">
        <f t="shared" si="131"/>
        <v>0.97118148274153682</v>
      </c>
    </row>
    <row r="8437" spans="8:19" x14ac:dyDescent="0.3">
      <c r="H8437" s="44">
        <v>8430</v>
      </c>
      <c r="I8437" s="56">
        <f>Bühler!I8463</f>
        <v>0.29135444482246103</v>
      </c>
      <c r="J8437" s="59">
        <f>Bühler!J8463</f>
        <v>0.97118148274153693</v>
      </c>
      <c r="K8437" s="59">
        <f>Bühler!K8463</f>
        <v>1.4567722241123053</v>
      </c>
      <c r="L8437" s="59">
        <f>Bühler!L8463</f>
        <v>6.9925066757390653</v>
      </c>
      <c r="M8437" s="58">
        <f>Bühler!M8463</f>
        <v>0</v>
      </c>
      <c r="N8437" s="56">
        <f>IF(Input!$D$19=1,J8437*Input!$C$19,0)+IF(Input!$D$20=1,K8437*Input!$C$20,0)+IF(Input!$D$21=1,L8437*Input!$C$21,0)+IF(Input!$D$22=1,M8437*Input!$C$22,0)</f>
        <v>0.29135444482246109</v>
      </c>
      <c r="O8437" s="59">
        <f>IF(Input!$D$19=2,J8437*Input!$C$19,0)+IF(Input!$D$20=2,K8437*Input!$C$20,0)+IF(Input!$D$21=2,L8437*Input!$C$21,0)+IF(Input!$D$22=2,M8437*Input!$C$22,0)</f>
        <v>0.72838611205615267</v>
      </c>
      <c r="P8437" s="59">
        <f>IF(Input!$D$19=3,J8437*Input!$C$19,0)+IF(Input!$D$20=3,K8437*Input!$C$20,0)+IF(Input!$D$21=3,L8437*Input!$C$21,0)+IF(Input!$D$22=3,M8437*Input!$C$22,0)</f>
        <v>0</v>
      </c>
      <c r="Q8437" s="75">
        <f>IF(Input!$D$19=4,J8437*Input!$C$19,0)+IF(Input!$D$20=4,K8437*Input!$C$20,0)+IF(Input!$D$21=4,L8437*Input!$C$21,0)+IF(Input!$D$22=4,M8437*Input!$C$22,0)</f>
        <v>0</v>
      </c>
      <c r="R8437" s="58">
        <v>66.850991580590957</v>
      </c>
      <c r="S8437" s="124">
        <f t="shared" si="131"/>
        <v>1.262535927563998</v>
      </c>
    </row>
    <row r="8438" spans="8:19" x14ac:dyDescent="0.3">
      <c r="H8438" s="44">
        <v>8431</v>
      </c>
      <c r="I8438" s="56">
        <f>Bühler!I8464</f>
        <v>0.32497226537889884</v>
      </c>
      <c r="J8438" s="59">
        <f>Bühler!J8464</f>
        <v>1.0832408845963295</v>
      </c>
      <c r="K8438" s="59">
        <f>Bühler!K8464</f>
        <v>1.6248613268944943</v>
      </c>
      <c r="L8438" s="59">
        <f>Bühler!L8464</f>
        <v>7.7993343690935717</v>
      </c>
      <c r="M8438" s="58">
        <f>Bühler!M8464</f>
        <v>0</v>
      </c>
      <c r="N8438" s="56">
        <f>IF(Input!$D$19=1,J8438*Input!$C$19,0)+IF(Input!$D$20=1,K8438*Input!$C$20,0)+IF(Input!$D$21=1,L8438*Input!$C$21,0)+IF(Input!$D$22=1,M8438*Input!$C$22,0)</f>
        <v>0.32497226537889884</v>
      </c>
      <c r="O8438" s="59">
        <f>IF(Input!$D$19=2,J8438*Input!$C$19,0)+IF(Input!$D$20=2,K8438*Input!$C$20,0)+IF(Input!$D$21=2,L8438*Input!$C$21,0)+IF(Input!$D$22=2,M8438*Input!$C$22,0)</f>
        <v>0.81243066344724713</v>
      </c>
      <c r="P8438" s="59">
        <f>IF(Input!$D$19=3,J8438*Input!$C$19,0)+IF(Input!$D$20=3,K8438*Input!$C$20,0)+IF(Input!$D$21=3,L8438*Input!$C$21,0)+IF(Input!$D$22=3,M8438*Input!$C$22,0)</f>
        <v>0</v>
      </c>
      <c r="Q8438" s="75">
        <f>IF(Input!$D$19=4,J8438*Input!$C$19,0)+IF(Input!$D$20=4,K8438*Input!$C$20,0)+IF(Input!$D$21=4,L8438*Input!$C$21,0)+IF(Input!$D$22=4,M8438*Input!$C$22,0)</f>
        <v>0</v>
      </c>
      <c r="R8438" s="58">
        <v>69.425828290205203</v>
      </c>
      <c r="S8438" s="124">
        <f t="shared" si="131"/>
        <v>1.4082131499752284</v>
      </c>
    </row>
    <row r="8439" spans="8:19" x14ac:dyDescent="0.3">
      <c r="H8439" s="44">
        <v>8432</v>
      </c>
      <c r="I8439" s="56">
        <f>Bühler!I8465</f>
        <v>0.33617820556437811</v>
      </c>
      <c r="J8439" s="59">
        <f>Bühler!J8465</f>
        <v>1.1205940185479271</v>
      </c>
      <c r="K8439" s="59">
        <f>Bühler!K8465</f>
        <v>1.6808910278218907</v>
      </c>
      <c r="L8439" s="59">
        <f>Bühler!L8465</f>
        <v>8.068276933545075</v>
      </c>
      <c r="M8439" s="58">
        <f>Bühler!M8465</f>
        <v>0</v>
      </c>
      <c r="N8439" s="56">
        <f>IF(Input!$D$19=1,J8439*Input!$C$19,0)+IF(Input!$D$20=1,K8439*Input!$C$20,0)+IF(Input!$D$21=1,L8439*Input!$C$21,0)+IF(Input!$D$22=1,M8439*Input!$C$22,0)</f>
        <v>0.33617820556437811</v>
      </c>
      <c r="O8439" s="59">
        <f>IF(Input!$D$19=2,J8439*Input!$C$19,0)+IF(Input!$D$20=2,K8439*Input!$C$20,0)+IF(Input!$D$21=2,L8439*Input!$C$21,0)+IF(Input!$D$22=2,M8439*Input!$C$22,0)</f>
        <v>0.84044551391094535</v>
      </c>
      <c r="P8439" s="59">
        <f>IF(Input!$D$19=3,J8439*Input!$C$19,0)+IF(Input!$D$20=3,K8439*Input!$C$20,0)+IF(Input!$D$21=3,L8439*Input!$C$21,0)+IF(Input!$D$22=3,M8439*Input!$C$22,0)</f>
        <v>0</v>
      </c>
      <c r="Q8439" s="75">
        <f>IF(Input!$D$19=4,J8439*Input!$C$19,0)+IF(Input!$D$20=4,K8439*Input!$C$20,0)+IF(Input!$D$21=4,L8439*Input!$C$21,0)+IF(Input!$D$22=4,M8439*Input!$C$22,0)</f>
        <v>0</v>
      </c>
      <c r="R8439" s="58">
        <v>71.079538197166372</v>
      </c>
      <c r="S8439" s="124">
        <f t="shared" si="131"/>
        <v>1.4567722241123051</v>
      </c>
    </row>
    <row r="8440" spans="8:19" x14ac:dyDescent="0.3">
      <c r="H8440" s="44">
        <v>8433</v>
      </c>
      <c r="I8440" s="56">
        <f>Bühler!I8466</f>
        <v>0.33617820556437811</v>
      </c>
      <c r="J8440" s="59">
        <f>Bühler!J8466</f>
        <v>1.1205940185479271</v>
      </c>
      <c r="K8440" s="59">
        <f>Bühler!K8466</f>
        <v>1.6808910278218907</v>
      </c>
      <c r="L8440" s="59">
        <f>Bühler!L8466</f>
        <v>8.068276933545075</v>
      </c>
      <c r="M8440" s="58">
        <f>Bühler!M8466</f>
        <v>0</v>
      </c>
      <c r="N8440" s="56">
        <f>IF(Input!$D$19=1,J8440*Input!$C$19,0)+IF(Input!$D$20=1,K8440*Input!$C$20,0)+IF(Input!$D$21=1,L8440*Input!$C$21,0)+IF(Input!$D$22=1,M8440*Input!$C$22,0)</f>
        <v>0.33617820556437811</v>
      </c>
      <c r="O8440" s="59">
        <f>IF(Input!$D$19=2,J8440*Input!$C$19,0)+IF(Input!$D$20=2,K8440*Input!$C$20,0)+IF(Input!$D$21=2,L8440*Input!$C$21,0)+IF(Input!$D$22=2,M8440*Input!$C$22,0)</f>
        <v>0.84044551391094535</v>
      </c>
      <c r="P8440" s="59">
        <f>IF(Input!$D$19=3,J8440*Input!$C$19,0)+IF(Input!$D$20=3,K8440*Input!$C$20,0)+IF(Input!$D$21=3,L8440*Input!$C$21,0)+IF(Input!$D$22=3,M8440*Input!$C$22,0)</f>
        <v>0</v>
      </c>
      <c r="Q8440" s="75">
        <f>IF(Input!$D$19=4,J8440*Input!$C$19,0)+IF(Input!$D$20=4,K8440*Input!$C$20,0)+IF(Input!$D$21=4,L8440*Input!$C$21,0)+IF(Input!$D$22=4,M8440*Input!$C$22,0)</f>
        <v>0</v>
      </c>
      <c r="R8440" s="58">
        <v>71.755797834623849</v>
      </c>
      <c r="S8440" s="124">
        <f t="shared" si="131"/>
        <v>1.4567722241123051</v>
      </c>
    </row>
    <row r="8441" spans="8:19" x14ac:dyDescent="0.3">
      <c r="H8441" s="44">
        <v>8434</v>
      </c>
      <c r="I8441" s="56">
        <f>Bühler!I8467</f>
        <v>0.36419305602807628</v>
      </c>
      <c r="J8441" s="59">
        <f>Bühler!J8467</f>
        <v>1.2139768534269211</v>
      </c>
      <c r="K8441" s="59">
        <f>Bühler!K8467</f>
        <v>1.8209652801403815</v>
      </c>
      <c r="L8441" s="59">
        <f>Bühler!L8467</f>
        <v>8.7406333446738316</v>
      </c>
      <c r="M8441" s="58">
        <f>Bühler!M8467</f>
        <v>0</v>
      </c>
      <c r="N8441" s="56">
        <f>IF(Input!$D$19=1,J8441*Input!$C$19,0)+IF(Input!$D$20=1,K8441*Input!$C$20,0)+IF(Input!$D$21=1,L8441*Input!$C$21,0)+IF(Input!$D$22=1,M8441*Input!$C$22,0)</f>
        <v>0.36419305602807633</v>
      </c>
      <c r="O8441" s="59">
        <f>IF(Input!$D$19=2,J8441*Input!$C$19,0)+IF(Input!$D$20=2,K8441*Input!$C$20,0)+IF(Input!$D$21=2,L8441*Input!$C$21,0)+IF(Input!$D$22=2,M8441*Input!$C$22,0)</f>
        <v>0.91048264007019075</v>
      </c>
      <c r="P8441" s="59">
        <f>IF(Input!$D$19=3,J8441*Input!$C$19,0)+IF(Input!$D$20=3,K8441*Input!$C$20,0)+IF(Input!$D$21=3,L8441*Input!$C$21,0)+IF(Input!$D$22=3,M8441*Input!$C$22,0)</f>
        <v>0</v>
      </c>
      <c r="Q8441" s="75">
        <f>IF(Input!$D$19=4,J8441*Input!$C$19,0)+IF(Input!$D$20=4,K8441*Input!$C$20,0)+IF(Input!$D$21=4,L8441*Input!$C$21,0)+IF(Input!$D$22=4,M8441*Input!$C$22,0)</f>
        <v>0</v>
      </c>
      <c r="R8441" s="58">
        <v>71.682143881687082</v>
      </c>
      <c r="S8441" s="124">
        <f t="shared" si="131"/>
        <v>1.5781699094549975</v>
      </c>
    </row>
    <row r="8442" spans="8:19" x14ac:dyDescent="0.3">
      <c r="H8442" s="44">
        <v>8435</v>
      </c>
      <c r="I8442" s="56">
        <f>Bühler!I8468</f>
        <v>0.38100196630629518</v>
      </c>
      <c r="J8442" s="59">
        <f>Bühler!J8468</f>
        <v>1.2700065543543175</v>
      </c>
      <c r="K8442" s="59">
        <f>Bühler!K8468</f>
        <v>1.9050098315314759</v>
      </c>
      <c r="L8442" s="59">
        <f>Bühler!L8468</f>
        <v>9.1440471913510848</v>
      </c>
      <c r="M8442" s="58">
        <f>Bühler!M8468</f>
        <v>0</v>
      </c>
      <c r="N8442" s="56">
        <f>IF(Input!$D$19=1,J8442*Input!$C$19,0)+IF(Input!$D$20=1,K8442*Input!$C$20,0)+IF(Input!$D$21=1,L8442*Input!$C$21,0)+IF(Input!$D$22=1,M8442*Input!$C$22,0)</f>
        <v>0.38100196630629524</v>
      </c>
      <c r="O8442" s="59">
        <f>IF(Input!$D$19=2,J8442*Input!$C$19,0)+IF(Input!$D$20=2,K8442*Input!$C$20,0)+IF(Input!$D$21=2,L8442*Input!$C$21,0)+IF(Input!$D$22=2,M8442*Input!$C$22,0)</f>
        <v>0.95250491576573793</v>
      </c>
      <c r="P8442" s="59">
        <f>IF(Input!$D$19=3,J8442*Input!$C$19,0)+IF(Input!$D$20=3,K8442*Input!$C$20,0)+IF(Input!$D$21=3,L8442*Input!$C$21,0)+IF(Input!$D$22=3,M8442*Input!$C$22,0)</f>
        <v>0</v>
      </c>
      <c r="Q8442" s="75">
        <f>IF(Input!$D$19=4,J8442*Input!$C$19,0)+IF(Input!$D$20=4,K8442*Input!$C$20,0)+IF(Input!$D$21=4,L8442*Input!$C$21,0)+IF(Input!$D$22=4,M8442*Input!$C$22,0)</f>
        <v>0</v>
      </c>
      <c r="R8442" s="58">
        <v>72.77944817375662</v>
      </c>
      <c r="S8442" s="124">
        <f t="shared" si="131"/>
        <v>1.6510085206606127</v>
      </c>
    </row>
    <row r="8443" spans="8:19" x14ac:dyDescent="0.3">
      <c r="H8443" s="44">
        <v>8436</v>
      </c>
      <c r="I8443" s="56">
        <f>Bühler!I8469</f>
        <v>0.44823760741917085</v>
      </c>
      <c r="J8443" s="59">
        <f>Bühler!J8469</f>
        <v>1.4941253580639029</v>
      </c>
      <c r="K8443" s="59">
        <f>Bühler!K8469</f>
        <v>2.2411880370958541</v>
      </c>
      <c r="L8443" s="59">
        <f>Bühler!L8469</f>
        <v>10.757702578060099</v>
      </c>
      <c r="M8443" s="58">
        <f>Bühler!M8469</f>
        <v>0</v>
      </c>
      <c r="N8443" s="56">
        <f>IF(Input!$D$19=1,J8443*Input!$C$19,0)+IF(Input!$D$20=1,K8443*Input!$C$20,0)+IF(Input!$D$21=1,L8443*Input!$C$21,0)+IF(Input!$D$22=1,M8443*Input!$C$22,0)</f>
        <v>0.44823760741917085</v>
      </c>
      <c r="O8443" s="59">
        <f>IF(Input!$D$19=2,J8443*Input!$C$19,0)+IF(Input!$D$20=2,K8443*Input!$C$20,0)+IF(Input!$D$21=2,L8443*Input!$C$21,0)+IF(Input!$D$22=2,M8443*Input!$C$22,0)</f>
        <v>1.1205940185479271</v>
      </c>
      <c r="P8443" s="59">
        <f>IF(Input!$D$19=3,J8443*Input!$C$19,0)+IF(Input!$D$20=3,K8443*Input!$C$20,0)+IF(Input!$D$21=3,L8443*Input!$C$21,0)+IF(Input!$D$22=3,M8443*Input!$C$22,0)</f>
        <v>0</v>
      </c>
      <c r="Q8443" s="75">
        <f>IF(Input!$D$19=4,J8443*Input!$C$19,0)+IF(Input!$D$20=4,K8443*Input!$C$20,0)+IF(Input!$D$21=4,L8443*Input!$C$21,0)+IF(Input!$D$22=4,M8443*Input!$C$22,0)</f>
        <v>0</v>
      </c>
      <c r="R8443" s="58">
        <v>72.836134416366846</v>
      </c>
      <c r="S8443" s="124">
        <f t="shared" si="131"/>
        <v>1.9423629654830736</v>
      </c>
    </row>
    <row r="8444" spans="8:19" x14ac:dyDescent="0.3">
      <c r="H8444" s="44">
        <v>8437</v>
      </c>
      <c r="I8444" s="56">
        <f>Bühler!I8470</f>
        <v>0.44823760741917085</v>
      </c>
      <c r="J8444" s="59">
        <f>Bühler!J8470</f>
        <v>1.4941253580639029</v>
      </c>
      <c r="K8444" s="59">
        <f>Bühler!K8470</f>
        <v>2.2411880370958541</v>
      </c>
      <c r="L8444" s="59">
        <f>Bühler!L8470</f>
        <v>10.757702578060099</v>
      </c>
      <c r="M8444" s="58">
        <f>Bühler!M8470</f>
        <v>0</v>
      </c>
      <c r="N8444" s="56">
        <f>IF(Input!$D$19=1,J8444*Input!$C$19,0)+IF(Input!$D$20=1,K8444*Input!$C$20,0)+IF(Input!$D$21=1,L8444*Input!$C$21,0)+IF(Input!$D$22=1,M8444*Input!$C$22,0)</f>
        <v>0.44823760741917085</v>
      </c>
      <c r="O8444" s="59">
        <f>IF(Input!$D$19=2,J8444*Input!$C$19,0)+IF(Input!$D$20=2,K8444*Input!$C$20,0)+IF(Input!$D$21=2,L8444*Input!$C$21,0)+IF(Input!$D$22=2,M8444*Input!$C$22,0)</f>
        <v>1.1205940185479271</v>
      </c>
      <c r="P8444" s="59">
        <f>IF(Input!$D$19=3,J8444*Input!$C$19,0)+IF(Input!$D$20=3,K8444*Input!$C$20,0)+IF(Input!$D$21=3,L8444*Input!$C$21,0)+IF(Input!$D$22=3,M8444*Input!$C$22,0)</f>
        <v>0</v>
      </c>
      <c r="Q8444" s="75">
        <f>IF(Input!$D$19=4,J8444*Input!$C$19,0)+IF(Input!$D$20=4,K8444*Input!$C$20,0)+IF(Input!$D$21=4,L8444*Input!$C$21,0)+IF(Input!$D$22=4,M8444*Input!$C$22,0)</f>
        <v>0</v>
      </c>
      <c r="R8444" s="58">
        <v>71.500013641391376</v>
      </c>
      <c r="S8444" s="124">
        <f t="shared" si="131"/>
        <v>1.9423629654830736</v>
      </c>
    </row>
    <row r="8445" spans="8:19" x14ac:dyDescent="0.3">
      <c r="H8445" s="44">
        <v>8438</v>
      </c>
      <c r="I8445" s="56">
        <f>Bühler!I8471</f>
        <v>0.44823760741917085</v>
      </c>
      <c r="J8445" s="59">
        <f>Bühler!J8471</f>
        <v>1.4941253580639029</v>
      </c>
      <c r="K8445" s="59">
        <f>Bühler!K8471</f>
        <v>2.2411880370958541</v>
      </c>
      <c r="L8445" s="59">
        <f>Bühler!L8471</f>
        <v>10.757702578060099</v>
      </c>
      <c r="M8445" s="58">
        <f>Bühler!M8471</f>
        <v>0</v>
      </c>
      <c r="N8445" s="56">
        <f>IF(Input!$D$19=1,J8445*Input!$C$19,0)+IF(Input!$D$20=1,K8445*Input!$C$20,0)+IF(Input!$D$21=1,L8445*Input!$C$21,0)+IF(Input!$D$22=1,M8445*Input!$C$22,0)</f>
        <v>0.44823760741917085</v>
      </c>
      <c r="O8445" s="59">
        <f>IF(Input!$D$19=2,J8445*Input!$C$19,0)+IF(Input!$D$20=2,K8445*Input!$C$20,0)+IF(Input!$D$21=2,L8445*Input!$C$21,0)+IF(Input!$D$22=2,M8445*Input!$C$22,0)</f>
        <v>1.1205940185479271</v>
      </c>
      <c r="P8445" s="59">
        <f>IF(Input!$D$19=3,J8445*Input!$C$19,0)+IF(Input!$D$20=3,K8445*Input!$C$20,0)+IF(Input!$D$21=3,L8445*Input!$C$21,0)+IF(Input!$D$22=3,M8445*Input!$C$22,0)</f>
        <v>0</v>
      </c>
      <c r="Q8445" s="75">
        <f>IF(Input!$D$19=4,J8445*Input!$C$19,0)+IF(Input!$D$20=4,K8445*Input!$C$20,0)+IF(Input!$D$21=4,L8445*Input!$C$21,0)+IF(Input!$D$22=4,M8445*Input!$C$22,0)</f>
        <v>0</v>
      </c>
      <c r="R8445" s="58">
        <v>71.076782329213628</v>
      </c>
      <c r="S8445" s="124">
        <f t="shared" si="131"/>
        <v>1.9423629654830736</v>
      </c>
    </row>
    <row r="8446" spans="8:19" x14ac:dyDescent="0.3">
      <c r="H8446" s="44">
        <v>8439</v>
      </c>
      <c r="I8446" s="56">
        <f>Bühler!I8472</f>
        <v>0.44823760741917085</v>
      </c>
      <c r="J8446" s="59">
        <f>Bühler!J8472</f>
        <v>1.4941253580639029</v>
      </c>
      <c r="K8446" s="59">
        <f>Bühler!K8472</f>
        <v>2.2411880370958541</v>
      </c>
      <c r="L8446" s="59">
        <f>Bühler!L8472</f>
        <v>10.757702578060099</v>
      </c>
      <c r="M8446" s="58">
        <f>Bühler!M8472</f>
        <v>0</v>
      </c>
      <c r="N8446" s="56">
        <f>IF(Input!$D$19=1,J8446*Input!$C$19,0)+IF(Input!$D$20=1,K8446*Input!$C$20,0)+IF(Input!$D$21=1,L8446*Input!$C$21,0)+IF(Input!$D$22=1,M8446*Input!$C$22,0)</f>
        <v>0.44823760741917085</v>
      </c>
      <c r="O8446" s="59">
        <f>IF(Input!$D$19=2,J8446*Input!$C$19,0)+IF(Input!$D$20=2,K8446*Input!$C$20,0)+IF(Input!$D$21=2,L8446*Input!$C$21,0)+IF(Input!$D$22=2,M8446*Input!$C$22,0)</f>
        <v>1.1205940185479271</v>
      </c>
      <c r="P8446" s="59">
        <f>IF(Input!$D$19=3,J8446*Input!$C$19,0)+IF(Input!$D$20=3,K8446*Input!$C$20,0)+IF(Input!$D$21=3,L8446*Input!$C$21,0)+IF(Input!$D$22=3,M8446*Input!$C$22,0)</f>
        <v>0</v>
      </c>
      <c r="Q8446" s="75">
        <f>IF(Input!$D$19=4,J8446*Input!$C$19,0)+IF(Input!$D$20=4,K8446*Input!$C$20,0)+IF(Input!$D$21=4,L8446*Input!$C$21,0)+IF(Input!$D$22=4,M8446*Input!$C$22,0)</f>
        <v>0</v>
      </c>
      <c r="R8446" s="58">
        <v>71.674342672983855</v>
      </c>
      <c r="S8446" s="124">
        <f t="shared" si="131"/>
        <v>1.9423629654830736</v>
      </c>
    </row>
    <row r="8447" spans="8:19" x14ac:dyDescent="0.3">
      <c r="H8447" s="44">
        <v>8440</v>
      </c>
      <c r="I8447" s="56">
        <f>Bühler!I8473</f>
        <v>0.44823760741917085</v>
      </c>
      <c r="J8447" s="59">
        <f>Bühler!J8473</f>
        <v>1.4941253580639029</v>
      </c>
      <c r="K8447" s="59">
        <f>Bühler!K8473</f>
        <v>2.2411880370958541</v>
      </c>
      <c r="L8447" s="59">
        <f>Bühler!L8473</f>
        <v>10.757702578060099</v>
      </c>
      <c r="M8447" s="58">
        <f>Bühler!M8473</f>
        <v>0</v>
      </c>
      <c r="N8447" s="56">
        <f>IF(Input!$D$19=1,J8447*Input!$C$19,0)+IF(Input!$D$20=1,K8447*Input!$C$20,0)+IF(Input!$D$21=1,L8447*Input!$C$21,0)+IF(Input!$D$22=1,M8447*Input!$C$22,0)</f>
        <v>0.44823760741917085</v>
      </c>
      <c r="O8447" s="59">
        <f>IF(Input!$D$19=2,J8447*Input!$C$19,0)+IF(Input!$D$20=2,K8447*Input!$C$20,0)+IF(Input!$D$21=2,L8447*Input!$C$21,0)+IF(Input!$D$22=2,M8447*Input!$C$22,0)</f>
        <v>1.1205940185479271</v>
      </c>
      <c r="P8447" s="59">
        <f>IF(Input!$D$19=3,J8447*Input!$C$19,0)+IF(Input!$D$20=3,K8447*Input!$C$20,0)+IF(Input!$D$21=3,L8447*Input!$C$21,0)+IF(Input!$D$22=3,M8447*Input!$C$22,0)</f>
        <v>0</v>
      </c>
      <c r="Q8447" s="75">
        <f>IF(Input!$D$19=4,J8447*Input!$C$19,0)+IF(Input!$D$20=4,K8447*Input!$C$20,0)+IF(Input!$D$21=4,L8447*Input!$C$21,0)+IF(Input!$D$22=4,M8447*Input!$C$22,0)</f>
        <v>0</v>
      </c>
      <c r="R8447" s="58">
        <v>70.443498968405635</v>
      </c>
      <c r="S8447" s="124">
        <f t="shared" si="131"/>
        <v>1.9423629654830736</v>
      </c>
    </row>
    <row r="8448" spans="8:19" x14ac:dyDescent="0.3">
      <c r="H8448" s="44">
        <v>8441</v>
      </c>
      <c r="I8448" s="56">
        <f>Bühler!I8474</f>
        <v>0.44823760741917085</v>
      </c>
      <c r="J8448" s="59">
        <f>Bühler!J8474</f>
        <v>1.4941253580639029</v>
      </c>
      <c r="K8448" s="59">
        <f>Bühler!K8474</f>
        <v>2.2411880370958541</v>
      </c>
      <c r="L8448" s="59">
        <f>Bühler!L8474</f>
        <v>10.757702578060099</v>
      </c>
      <c r="M8448" s="58">
        <f>Bühler!M8474</f>
        <v>0</v>
      </c>
      <c r="N8448" s="56">
        <f>IF(Input!$D$19=1,J8448*Input!$C$19,0)+IF(Input!$D$20=1,K8448*Input!$C$20,0)+IF(Input!$D$21=1,L8448*Input!$C$21,0)+IF(Input!$D$22=1,M8448*Input!$C$22,0)</f>
        <v>0.44823760741917085</v>
      </c>
      <c r="O8448" s="59">
        <f>IF(Input!$D$19=2,J8448*Input!$C$19,0)+IF(Input!$D$20=2,K8448*Input!$C$20,0)+IF(Input!$D$21=2,L8448*Input!$C$21,0)+IF(Input!$D$22=2,M8448*Input!$C$22,0)</f>
        <v>1.1205940185479271</v>
      </c>
      <c r="P8448" s="59">
        <f>IF(Input!$D$19=3,J8448*Input!$C$19,0)+IF(Input!$D$20=3,K8448*Input!$C$20,0)+IF(Input!$D$21=3,L8448*Input!$C$21,0)+IF(Input!$D$22=3,M8448*Input!$C$22,0)</f>
        <v>0</v>
      </c>
      <c r="Q8448" s="75">
        <f>IF(Input!$D$19=4,J8448*Input!$C$19,0)+IF(Input!$D$20=4,K8448*Input!$C$20,0)+IF(Input!$D$21=4,L8448*Input!$C$21,0)+IF(Input!$D$22=4,M8448*Input!$C$22,0)</f>
        <v>0</v>
      </c>
      <c r="R8448" s="58">
        <v>69.998497344813529</v>
      </c>
      <c r="S8448" s="124">
        <f t="shared" si="131"/>
        <v>1.9423629654830736</v>
      </c>
    </row>
    <row r="8449" spans="8:19" x14ac:dyDescent="0.3">
      <c r="H8449" s="44">
        <v>8442</v>
      </c>
      <c r="I8449" s="56">
        <f>Bühler!I8475</f>
        <v>0.44823760741917085</v>
      </c>
      <c r="J8449" s="59">
        <f>Bühler!J8475</f>
        <v>1.4941253580639029</v>
      </c>
      <c r="K8449" s="59">
        <f>Bühler!K8475</f>
        <v>2.2411880370958541</v>
      </c>
      <c r="L8449" s="59">
        <f>Bühler!L8475</f>
        <v>10.757702578060099</v>
      </c>
      <c r="M8449" s="58">
        <f>Bühler!M8475</f>
        <v>0</v>
      </c>
      <c r="N8449" s="56">
        <f>IF(Input!$D$19=1,J8449*Input!$C$19,0)+IF(Input!$D$20=1,K8449*Input!$C$20,0)+IF(Input!$D$21=1,L8449*Input!$C$21,0)+IF(Input!$D$22=1,M8449*Input!$C$22,0)</f>
        <v>0.44823760741917085</v>
      </c>
      <c r="O8449" s="59">
        <f>IF(Input!$D$19=2,J8449*Input!$C$19,0)+IF(Input!$D$20=2,K8449*Input!$C$20,0)+IF(Input!$D$21=2,L8449*Input!$C$21,0)+IF(Input!$D$22=2,M8449*Input!$C$22,0)</f>
        <v>1.1205940185479271</v>
      </c>
      <c r="P8449" s="59">
        <f>IF(Input!$D$19=3,J8449*Input!$C$19,0)+IF(Input!$D$20=3,K8449*Input!$C$20,0)+IF(Input!$D$21=3,L8449*Input!$C$21,0)+IF(Input!$D$22=3,M8449*Input!$C$22,0)</f>
        <v>0</v>
      </c>
      <c r="Q8449" s="75">
        <f>IF(Input!$D$19=4,J8449*Input!$C$19,0)+IF(Input!$D$20=4,K8449*Input!$C$20,0)+IF(Input!$D$21=4,L8449*Input!$C$21,0)+IF(Input!$D$22=4,M8449*Input!$C$22,0)</f>
        <v>0</v>
      </c>
      <c r="R8449" s="58">
        <v>69.431883424814217</v>
      </c>
      <c r="S8449" s="124">
        <f t="shared" si="131"/>
        <v>1.9423629654830736</v>
      </c>
    </row>
    <row r="8450" spans="8:19" x14ac:dyDescent="0.3">
      <c r="H8450" s="44">
        <v>8443</v>
      </c>
      <c r="I8450" s="56">
        <f>Bühler!I8476</f>
        <v>0.44823760741917085</v>
      </c>
      <c r="J8450" s="59">
        <f>Bühler!J8476</f>
        <v>1.4941253580639029</v>
      </c>
      <c r="K8450" s="59">
        <f>Bühler!K8476</f>
        <v>2.2411880370958541</v>
      </c>
      <c r="L8450" s="59">
        <f>Bühler!L8476</f>
        <v>10.757702578060099</v>
      </c>
      <c r="M8450" s="58">
        <f>Bühler!M8476</f>
        <v>0</v>
      </c>
      <c r="N8450" s="56">
        <f>IF(Input!$D$19=1,J8450*Input!$C$19,0)+IF(Input!$D$20=1,K8450*Input!$C$20,0)+IF(Input!$D$21=1,L8450*Input!$C$21,0)+IF(Input!$D$22=1,M8450*Input!$C$22,0)</f>
        <v>0.44823760741917085</v>
      </c>
      <c r="O8450" s="59">
        <f>IF(Input!$D$19=2,J8450*Input!$C$19,0)+IF(Input!$D$20=2,K8450*Input!$C$20,0)+IF(Input!$D$21=2,L8450*Input!$C$21,0)+IF(Input!$D$22=2,M8450*Input!$C$22,0)</f>
        <v>1.1205940185479271</v>
      </c>
      <c r="P8450" s="59">
        <f>IF(Input!$D$19=3,J8450*Input!$C$19,0)+IF(Input!$D$20=3,K8450*Input!$C$20,0)+IF(Input!$D$21=3,L8450*Input!$C$21,0)+IF(Input!$D$22=3,M8450*Input!$C$22,0)</f>
        <v>0</v>
      </c>
      <c r="Q8450" s="75">
        <f>IF(Input!$D$19=4,J8450*Input!$C$19,0)+IF(Input!$D$20=4,K8450*Input!$C$20,0)+IF(Input!$D$21=4,L8450*Input!$C$21,0)+IF(Input!$D$22=4,M8450*Input!$C$22,0)</f>
        <v>0</v>
      </c>
      <c r="R8450" s="58">
        <v>67.416036420897782</v>
      </c>
      <c r="S8450" s="124">
        <f t="shared" si="131"/>
        <v>1.9423629654830736</v>
      </c>
    </row>
    <row r="8451" spans="8:19" x14ac:dyDescent="0.3">
      <c r="H8451" s="44">
        <v>8444</v>
      </c>
      <c r="I8451" s="56">
        <f>Bühler!I8477</f>
        <v>0.3753989962135556</v>
      </c>
      <c r="J8451" s="59">
        <f>Bühler!J8477</f>
        <v>1.2513299873785186</v>
      </c>
      <c r="K8451" s="59">
        <f>Bühler!K8477</f>
        <v>1.876994981067778</v>
      </c>
      <c r="L8451" s="59">
        <f>Bühler!L8477</f>
        <v>9.0095759091253331</v>
      </c>
      <c r="M8451" s="58">
        <f>Bühler!M8477</f>
        <v>0</v>
      </c>
      <c r="N8451" s="56">
        <f>IF(Input!$D$19=1,J8451*Input!$C$19,0)+IF(Input!$D$20=1,K8451*Input!$C$20,0)+IF(Input!$D$21=1,L8451*Input!$C$21,0)+IF(Input!$D$22=1,M8451*Input!$C$22,0)</f>
        <v>0.3753989962135556</v>
      </c>
      <c r="O8451" s="59">
        <f>IF(Input!$D$19=2,J8451*Input!$C$19,0)+IF(Input!$D$20=2,K8451*Input!$C$20,0)+IF(Input!$D$21=2,L8451*Input!$C$21,0)+IF(Input!$D$22=2,M8451*Input!$C$22,0)</f>
        <v>0.93849749053388898</v>
      </c>
      <c r="P8451" s="59">
        <f>IF(Input!$D$19=3,J8451*Input!$C$19,0)+IF(Input!$D$20=3,K8451*Input!$C$20,0)+IF(Input!$D$21=3,L8451*Input!$C$21,0)+IF(Input!$D$22=3,M8451*Input!$C$22,0)</f>
        <v>0</v>
      </c>
      <c r="Q8451" s="75">
        <f>IF(Input!$D$19=4,J8451*Input!$C$19,0)+IF(Input!$D$20=4,K8451*Input!$C$20,0)+IF(Input!$D$21=4,L8451*Input!$C$21,0)+IF(Input!$D$22=4,M8451*Input!$C$22,0)</f>
        <v>0</v>
      </c>
      <c r="R8451" s="58">
        <v>66.171500265429856</v>
      </c>
      <c r="S8451" s="124">
        <f t="shared" si="131"/>
        <v>1.6267289835920742</v>
      </c>
    </row>
    <row r="8452" spans="8:19" x14ac:dyDescent="0.3">
      <c r="H8452" s="44">
        <v>8445</v>
      </c>
      <c r="I8452" s="56">
        <f>Bühler!I8478</f>
        <v>0.30816335510067994</v>
      </c>
      <c r="J8452" s="59">
        <f>Bühler!J8478</f>
        <v>1.0272111836689333</v>
      </c>
      <c r="K8452" s="59">
        <f>Bühler!K8478</f>
        <v>1.5408167755033997</v>
      </c>
      <c r="L8452" s="59">
        <f>Bühler!L8478</f>
        <v>7.3959205224163185</v>
      </c>
      <c r="M8452" s="58">
        <f>Bühler!M8478</f>
        <v>0</v>
      </c>
      <c r="N8452" s="56">
        <f>IF(Input!$D$19=1,J8452*Input!$C$19,0)+IF(Input!$D$20=1,K8452*Input!$C$20,0)+IF(Input!$D$21=1,L8452*Input!$C$21,0)+IF(Input!$D$22=1,M8452*Input!$C$22,0)</f>
        <v>0.30816335510067999</v>
      </c>
      <c r="O8452" s="59">
        <f>IF(Input!$D$19=2,J8452*Input!$C$19,0)+IF(Input!$D$20=2,K8452*Input!$C$20,0)+IF(Input!$D$21=2,L8452*Input!$C$21,0)+IF(Input!$D$22=2,M8452*Input!$C$22,0)</f>
        <v>0.77040838775169984</v>
      </c>
      <c r="P8452" s="59">
        <f>IF(Input!$D$19=3,J8452*Input!$C$19,0)+IF(Input!$D$20=3,K8452*Input!$C$20,0)+IF(Input!$D$21=3,L8452*Input!$C$21,0)+IF(Input!$D$22=3,M8452*Input!$C$22,0)</f>
        <v>0</v>
      </c>
      <c r="Q8452" s="75">
        <f>IF(Input!$D$19=4,J8452*Input!$C$19,0)+IF(Input!$D$20=4,K8452*Input!$C$20,0)+IF(Input!$D$21=4,L8452*Input!$C$21,0)+IF(Input!$D$22=4,M8452*Input!$C$22,0)</f>
        <v>0</v>
      </c>
      <c r="R8452" s="58">
        <v>64.171109791911888</v>
      </c>
      <c r="S8452" s="124">
        <f t="shared" si="131"/>
        <v>1.3353745387696132</v>
      </c>
    </row>
    <row r="8453" spans="8:19" x14ac:dyDescent="0.3">
      <c r="H8453" s="44">
        <v>8446</v>
      </c>
      <c r="I8453" s="56">
        <f>Bühler!I8479</f>
        <v>0.22411880370958542</v>
      </c>
      <c r="J8453" s="59">
        <f>Bühler!J8479</f>
        <v>0.74706267903195145</v>
      </c>
      <c r="K8453" s="59">
        <f>Bühler!K8479</f>
        <v>1.1205940185479271</v>
      </c>
      <c r="L8453" s="59">
        <f>Bühler!L8479</f>
        <v>5.3788512890300497</v>
      </c>
      <c r="M8453" s="58">
        <f>Bühler!M8479</f>
        <v>0</v>
      </c>
      <c r="N8453" s="56">
        <f>IF(Input!$D$19=1,J8453*Input!$C$19,0)+IF(Input!$D$20=1,K8453*Input!$C$20,0)+IF(Input!$D$21=1,L8453*Input!$C$21,0)+IF(Input!$D$22=1,M8453*Input!$C$22,0)</f>
        <v>0.22411880370958542</v>
      </c>
      <c r="O8453" s="59">
        <f>IF(Input!$D$19=2,J8453*Input!$C$19,0)+IF(Input!$D$20=2,K8453*Input!$C$20,0)+IF(Input!$D$21=2,L8453*Input!$C$21,0)+IF(Input!$D$22=2,M8453*Input!$C$22,0)</f>
        <v>0.56029700927396353</v>
      </c>
      <c r="P8453" s="59">
        <f>IF(Input!$D$19=3,J8453*Input!$C$19,0)+IF(Input!$D$20=3,K8453*Input!$C$20,0)+IF(Input!$D$21=3,L8453*Input!$C$21,0)+IF(Input!$D$22=3,M8453*Input!$C$22,0)</f>
        <v>0</v>
      </c>
      <c r="Q8453" s="75">
        <f>IF(Input!$D$19=4,J8453*Input!$C$19,0)+IF(Input!$D$20=4,K8453*Input!$C$20,0)+IF(Input!$D$21=4,L8453*Input!$C$21,0)+IF(Input!$D$22=4,M8453*Input!$C$22,0)</f>
        <v>0</v>
      </c>
      <c r="R8453" s="58">
        <v>62.429122338368472</v>
      </c>
      <c r="S8453" s="124">
        <f t="shared" si="131"/>
        <v>0.97118148274153682</v>
      </c>
    </row>
    <row r="8454" spans="8:19" x14ac:dyDescent="0.3">
      <c r="H8454" s="44">
        <v>8447</v>
      </c>
      <c r="I8454" s="56">
        <f>Bühler!I8480</f>
        <v>0.22411880370958542</v>
      </c>
      <c r="J8454" s="59">
        <f>Bühler!J8480</f>
        <v>0.74706267903195145</v>
      </c>
      <c r="K8454" s="59">
        <f>Bühler!K8480</f>
        <v>1.1205940185479271</v>
      </c>
      <c r="L8454" s="59">
        <f>Bühler!L8480</f>
        <v>5.3788512890300497</v>
      </c>
      <c r="M8454" s="58">
        <f>Bühler!M8480</f>
        <v>0</v>
      </c>
      <c r="N8454" s="56">
        <f>IF(Input!$D$19=1,J8454*Input!$C$19,0)+IF(Input!$D$20=1,K8454*Input!$C$20,0)+IF(Input!$D$21=1,L8454*Input!$C$21,0)+IF(Input!$D$22=1,M8454*Input!$C$22,0)</f>
        <v>0.22411880370958542</v>
      </c>
      <c r="O8454" s="59">
        <f>IF(Input!$D$19=2,J8454*Input!$C$19,0)+IF(Input!$D$20=2,K8454*Input!$C$20,0)+IF(Input!$D$21=2,L8454*Input!$C$21,0)+IF(Input!$D$22=2,M8454*Input!$C$22,0)</f>
        <v>0.56029700927396353</v>
      </c>
      <c r="P8454" s="59">
        <f>IF(Input!$D$19=3,J8454*Input!$C$19,0)+IF(Input!$D$20=3,K8454*Input!$C$20,0)+IF(Input!$D$21=3,L8454*Input!$C$21,0)+IF(Input!$D$22=3,M8454*Input!$C$22,0)</f>
        <v>0</v>
      </c>
      <c r="Q8454" s="75">
        <f>IF(Input!$D$19=4,J8454*Input!$C$19,0)+IF(Input!$D$20=4,K8454*Input!$C$20,0)+IF(Input!$D$21=4,L8454*Input!$C$21,0)+IF(Input!$D$22=4,M8454*Input!$C$22,0)</f>
        <v>0</v>
      </c>
      <c r="R8454" s="58">
        <v>61.058385859735694</v>
      </c>
      <c r="S8454" s="124">
        <f t="shared" si="131"/>
        <v>0.97118148274153682</v>
      </c>
    </row>
    <row r="8455" spans="8:19" x14ac:dyDescent="0.3">
      <c r="H8455" s="44">
        <v>8448</v>
      </c>
      <c r="I8455" s="56">
        <f>Bühler!I8481</f>
        <v>0.22411880370958542</v>
      </c>
      <c r="J8455" s="59">
        <f>Bühler!J8481</f>
        <v>0.74706267903195145</v>
      </c>
      <c r="K8455" s="59">
        <f>Bühler!K8481</f>
        <v>1.1205940185479271</v>
      </c>
      <c r="L8455" s="59">
        <f>Bühler!L8481</f>
        <v>5.3788512890300497</v>
      </c>
      <c r="M8455" s="58">
        <f>Bühler!M8481</f>
        <v>0</v>
      </c>
      <c r="N8455" s="56">
        <f>IF(Input!$D$19=1,J8455*Input!$C$19,0)+IF(Input!$D$20=1,K8455*Input!$C$20,0)+IF(Input!$D$21=1,L8455*Input!$C$21,0)+IF(Input!$D$22=1,M8455*Input!$C$22,0)</f>
        <v>0.22411880370958542</v>
      </c>
      <c r="O8455" s="59">
        <f>IF(Input!$D$19=2,J8455*Input!$C$19,0)+IF(Input!$D$20=2,K8455*Input!$C$20,0)+IF(Input!$D$21=2,L8455*Input!$C$21,0)+IF(Input!$D$22=2,M8455*Input!$C$22,0)</f>
        <v>0.56029700927396353</v>
      </c>
      <c r="P8455" s="59">
        <f>IF(Input!$D$19=3,J8455*Input!$C$19,0)+IF(Input!$D$20=3,K8455*Input!$C$20,0)+IF(Input!$D$21=3,L8455*Input!$C$21,0)+IF(Input!$D$22=3,M8455*Input!$C$22,0)</f>
        <v>0</v>
      </c>
      <c r="Q8455" s="75">
        <f>IF(Input!$D$19=4,J8455*Input!$C$19,0)+IF(Input!$D$20=4,K8455*Input!$C$20,0)+IF(Input!$D$21=4,L8455*Input!$C$21,0)+IF(Input!$D$22=4,M8455*Input!$C$22,0)</f>
        <v>0</v>
      </c>
      <c r="R8455" s="58">
        <v>60.059705303957621</v>
      </c>
      <c r="S8455" s="124">
        <f t="shared" si="131"/>
        <v>0.97118148274153682</v>
      </c>
    </row>
    <row r="8456" spans="8:19" x14ac:dyDescent="0.3">
      <c r="H8456" s="44">
        <v>8449</v>
      </c>
      <c r="I8456" s="56">
        <f>Bühler!I8482</f>
        <v>0.20524037123690719</v>
      </c>
      <c r="J8456" s="59">
        <f>Bühler!J8482</f>
        <v>0.68413457078969075</v>
      </c>
      <c r="K8456" s="59">
        <f>Bühler!K8482</f>
        <v>1.0262018561845361</v>
      </c>
      <c r="L8456" s="59">
        <f>Bühler!L8482</f>
        <v>4.9257689096857726</v>
      </c>
      <c r="M8456" s="58">
        <f>Bühler!M8482</f>
        <v>0</v>
      </c>
      <c r="N8456" s="56">
        <f>IF(Input!$D$19=1,J8456*Input!$C$19,0)+IF(Input!$D$20=1,K8456*Input!$C$20,0)+IF(Input!$D$21=1,L8456*Input!$C$21,0)+IF(Input!$D$22=1,M8456*Input!$C$22,0)</f>
        <v>0.20524037123690722</v>
      </c>
      <c r="O8456" s="59">
        <f>IF(Input!$D$19=2,J8456*Input!$C$19,0)+IF(Input!$D$20=2,K8456*Input!$C$20,0)+IF(Input!$D$21=2,L8456*Input!$C$21,0)+IF(Input!$D$22=2,M8456*Input!$C$22,0)</f>
        <v>0.51310092809226804</v>
      </c>
      <c r="P8456" s="59">
        <f>IF(Input!$D$19=3,J8456*Input!$C$19,0)+IF(Input!$D$20=3,K8456*Input!$C$20,0)+IF(Input!$D$21=3,L8456*Input!$C$21,0)+IF(Input!$D$22=3,M8456*Input!$C$22,0)</f>
        <v>0</v>
      </c>
      <c r="Q8456" s="75">
        <f>IF(Input!$D$19=4,J8456*Input!$C$19,0)+IF(Input!$D$20=4,K8456*Input!$C$20,0)+IF(Input!$D$21=4,L8456*Input!$C$21,0)+IF(Input!$D$22=4,M8456*Input!$C$22,0)</f>
        <v>0</v>
      </c>
      <c r="R8456" s="58">
        <v>59.013677627730111</v>
      </c>
      <c r="S8456" s="124">
        <f t="shared" si="131"/>
        <v>0.88937494202659795</v>
      </c>
    </row>
    <row r="8457" spans="8:19" x14ac:dyDescent="0.3">
      <c r="H8457" s="44">
        <v>8450</v>
      </c>
      <c r="I8457" s="56">
        <f>Bühler!I8483</f>
        <v>0.23089541764152061</v>
      </c>
      <c r="J8457" s="59">
        <f>Bühler!J8483</f>
        <v>0.76965139213840206</v>
      </c>
      <c r="K8457" s="59">
        <f>Bühler!K8483</f>
        <v>1.154477088207603</v>
      </c>
      <c r="L8457" s="59">
        <f>Bühler!L8483</f>
        <v>5.5414900233964941</v>
      </c>
      <c r="M8457" s="58">
        <f>Bühler!M8483</f>
        <v>0</v>
      </c>
      <c r="N8457" s="56">
        <f>IF(Input!$D$19=1,J8457*Input!$C$19,0)+IF(Input!$D$20=1,K8457*Input!$C$20,0)+IF(Input!$D$21=1,L8457*Input!$C$21,0)+IF(Input!$D$22=1,M8457*Input!$C$22,0)</f>
        <v>0.23089541764152061</v>
      </c>
      <c r="O8457" s="59">
        <f>IF(Input!$D$19=2,J8457*Input!$C$19,0)+IF(Input!$D$20=2,K8457*Input!$C$20,0)+IF(Input!$D$21=2,L8457*Input!$C$21,0)+IF(Input!$D$22=2,M8457*Input!$C$22,0)</f>
        <v>0.57723854410380149</v>
      </c>
      <c r="P8457" s="59">
        <f>IF(Input!$D$19=3,J8457*Input!$C$19,0)+IF(Input!$D$20=3,K8457*Input!$C$20,0)+IF(Input!$D$21=3,L8457*Input!$C$21,0)+IF(Input!$D$22=3,M8457*Input!$C$22,0)</f>
        <v>0</v>
      </c>
      <c r="Q8457" s="75">
        <f>IF(Input!$D$19=4,J8457*Input!$C$19,0)+IF(Input!$D$20=4,K8457*Input!$C$20,0)+IF(Input!$D$21=4,L8457*Input!$C$21,0)+IF(Input!$D$22=4,M8457*Input!$C$22,0)</f>
        <v>0</v>
      </c>
      <c r="R8457" s="58">
        <v>56.531041369873606</v>
      </c>
      <c r="S8457" s="124">
        <f t="shared" ref="S8457:S8520" si="132">I8457+J8457</f>
        <v>1.0005468097799226</v>
      </c>
    </row>
    <row r="8458" spans="8:19" x14ac:dyDescent="0.3">
      <c r="H8458" s="44">
        <v>8451</v>
      </c>
      <c r="I8458" s="56">
        <f>Bühler!I8484</f>
        <v>0.23089541764152061</v>
      </c>
      <c r="J8458" s="59">
        <f>Bühler!J8484</f>
        <v>0.76965139213840206</v>
      </c>
      <c r="K8458" s="59">
        <f>Bühler!K8484</f>
        <v>1.154477088207603</v>
      </c>
      <c r="L8458" s="59">
        <f>Bühler!L8484</f>
        <v>5.5414900233964941</v>
      </c>
      <c r="M8458" s="58">
        <f>Bühler!M8484</f>
        <v>0</v>
      </c>
      <c r="N8458" s="56">
        <f>IF(Input!$D$19=1,J8458*Input!$C$19,0)+IF(Input!$D$20=1,K8458*Input!$C$20,0)+IF(Input!$D$21=1,L8458*Input!$C$21,0)+IF(Input!$D$22=1,M8458*Input!$C$22,0)</f>
        <v>0.23089541764152061</v>
      </c>
      <c r="O8458" s="59">
        <f>IF(Input!$D$19=2,J8458*Input!$C$19,0)+IF(Input!$D$20=2,K8458*Input!$C$20,0)+IF(Input!$D$21=2,L8458*Input!$C$21,0)+IF(Input!$D$22=2,M8458*Input!$C$22,0)</f>
        <v>0.57723854410380149</v>
      </c>
      <c r="P8458" s="59">
        <f>IF(Input!$D$19=3,J8458*Input!$C$19,0)+IF(Input!$D$20=3,K8458*Input!$C$20,0)+IF(Input!$D$21=3,L8458*Input!$C$21,0)+IF(Input!$D$22=3,M8458*Input!$C$22,0)</f>
        <v>0</v>
      </c>
      <c r="Q8458" s="75">
        <f>IF(Input!$D$19=4,J8458*Input!$C$19,0)+IF(Input!$D$20=4,K8458*Input!$C$20,0)+IF(Input!$D$21=4,L8458*Input!$C$21,0)+IF(Input!$D$22=4,M8458*Input!$C$22,0)</f>
        <v>0</v>
      </c>
      <c r="R8458" s="58">
        <v>55.919329417529177</v>
      </c>
      <c r="S8458" s="124">
        <f t="shared" si="132"/>
        <v>1.0005468097799226</v>
      </c>
    </row>
    <row r="8459" spans="8:19" x14ac:dyDescent="0.3">
      <c r="H8459" s="44">
        <v>8452</v>
      </c>
      <c r="I8459" s="56">
        <f>Bühler!I8485</f>
        <v>0.23089541764152061</v>
      </c>
      <c r="J8459" s="59">
        <f>Bühler!J8485</f>
        <v>0.76965139213840206</v>
      </c>
      <c r="K8459" s="59">
        <f>Bühler!K8485</f>
        <v>1.154477088207603</v>
      </c>
      <c r="L8459" s="59">
        <f>Bühler!L8485</f>
        <v>5.5414900233964941</v>
      </c>
      <c r="M8459" s="58">
        <f>Bühler!M8485</f>
        <v>0</v>
      </c>
      <c r="N8459" s="56">
        <f>IF(Input!$D$19=1,J8459*Input!$C$19,0)+IF(Input!$D$20=1,K8459*Input!$C$20,0)+IF(Input!$D$21=1,L8459*Input!$C$21,0)+IF(Input!$D$22=1,M8459*Input!$C$22,0)</f>
        <v>0.23089541764152061</v>
      </c>
      <c r="O8459" s="59">
        <f>IF(Input!$D$19=2,J8459*Input!$C$19,0)+IF(Input!$D$20=2,K8459*Input!$C$20,0)+IF(Input!$D$21=2,L8459*Input!$C$21,0)+IF(Input!$D$22=2,M8459*Input!$C$22,0)</f>
        <v>0.57723854410380149</v>
      </c>
      <c r="P8459" s="59">
        <f>IF(Input!$D$19=3,J8459*Input!$C$19,0)+IF(Input!$D$20=3,K8459*Input!$C$20,0)+IF(Input!$D$21=3,L8459*Input!$C$21,0)+IF(Input!$D$22=3,M8459*Input!$C$22,0)</f>
        <v>0</v>
      </c>
      <c r="Q8459" s="75">
        <f>IF(Input!$D$19=4,J8459*Input!$C$19,0)+IF(Input!$D$20=4,K8459*Input!$C$20,0)+IF(Input!$D$21=4,L8459*Input!$C$21,0)+IF(Input!$D$22=4,M8459*Input!$C$22,0)</f>
        <v>0</v>
      </c>
      <c r="R8459" s="58">
        <v>54.867953642840043</v>
      </c>
      <c r="S8459" s="124">
        <f t="shared" si="132"/>
        <v>1.0005468097799226</v>
      </c>
    </row>
    <row r="8460" spans="8:19" x14ac:dyDescent="0.3">
      <c r="H8460" s="44">
        <v>8453</v>
      </c>
      <c r="I8460" s="56">
        <f>Bühler!I8486</f>
        <v>0.23089541764152061</v>
      </c>
      <c r="J8460" s="59">
        <f>Bühler!J8486</f>
        <v>0.76965139213840206</v>
      </c>
      <c r="K8460" s="59">
        <f>Bühler!K8486</f>
        <v>1.154477088207603</v>
      </c>
      <c r="L8460" s="59">
        <f>Bühler!L8486</f>
        <v>5.5414900233964941</v>
      </c>
      <c r="M8460" s="58">
        <f>Bühler!M8486</f>
        <v>0</v>
      </c>
      <c r="N8460" s="56">
        <f>IF(Input!$D$19=1,J8460*Input!$C$19,0)+IF(Input!$D$20=1,K8460*Input!$C$20,0)+IF(Input!$D$21=1,L8460*Input!$C$21,0)+IF(Input!$D$22=1,M8460*Input!$C$22,0)</f>
        <v>0.23089541764152061</v>
      </c>
      <c r="O8460" s="59">
        <f>IF(Input!$D$19=2,J8460*Input!$C$19,0)+IF(Input!$D$20=2,K8460*Input!$C$20,0)+IF(Input!$D$21=2,L8460*Input!$C$21,0)+IF(Input!$D$22=2,M8460*Input!$C$22,0)</f>
        <v>0.57723854410380149</v>
      </c>
      <c r="P8460" s="59">
        <f>IF(Input!$D$19=3,J8460*Input!$C$19,0)+IF(Input!$D$20=3,K8460*Input!$C$20,0)+IF(Input!$D$21=3,L8460*Input!$C$21,0)+IF(Input!$D$22=3,M8460*Input!$C$22,0)</f>
        <v>0</v>
      </c>
      <c r="Q8460" s="75">
        <f>IF(Input!$D$19=4,J8460*Input!$C$19,0)+IF(Input!$D$20=4,K8460*Input!$C$20,0)+IF(Input!$D$21=4,L8460*Input!$C$21,0)+IF(Input!$D$22=4,M8460*Input!$C$22,0)</f>
        <v>0</v>
      </c>
      <c r="R8460" s="58">
        <v>55.491958389879272</v>
      </c>
      <c r="S8460" s="124">
        <f t="shared" si="132"/>
        <v>1.0005468097799226</v>
      </c>
    </row>
    <row r="8461" spans="8:19" x14ac:dyDescent="0.3">
      <c r="H8461" s="44">
        <v>8454</v>
      </c>
      <c r="I8461" s="56">
        <f>Bühler!I8487</f>
        <v>0.29759853829351546</v>
      </c>
      <c r="J8461" s="59">
        <f>Bühler!J8487</f>
        <v>0.9919951276450516</v>
      </c>
      <c r="K8461" s="59">
        <f>Bühler!K8487</f>
        <v>1.4879926914675772</v>
      </c>
      <c r="L8461" s="59">
        <f>Bühler!L8487</f>
        <v>7.142364919044371</v>
      </c>
      <c r="M8461" s="58">
        <f>Bühler!M8487</f>
        <v>0</v>
      </c>
      <c r="N8461" s="56">
        <f>IF(Input!$D$19=1,J8461*Input!$C$19,0)+IF(Input!$D$20=1,K8461*Input!$C$20,0)+IF(Input!$D$21=1,L8461*Input!$C$21,0)+IF(Input!$D$22=1,M8461*Input!$C$22,0)</f>
        <v>0.29759853829351546</v>
      </c>
      <c r="O8461" s="59">
        <f>IF(Input!$D$19=2,J8461*Input!$C$19,0)+IF(Input!$D$20=2,K8461*Input!$C$20,0)+IF(Input!$D$21=2,L8461*Input!$C$21,0)+IF(Input!$D$22=2,M8461*Input!$C$22,0)</f>
        <v>0.74399634573378859</v>
      </c>
      <c r="P8461" s="59">
        <f>IF(Input!$D$19=3,J8461*Input!$C$19,0)+IF(Input!$D$20=3,K8461*Input!$C$20,0)+IF(Input!$D$21=3,L8461*Input!$C$21,0)+IF(Input!$D$22=3,M8461*Input!$C$22,0)</f>
        <v>0</v>
      </c>
      <c r="Q8461" s="75">
        <f>IF(Input!$D$19=4,J8461*Input!$C$19,0)+IF(Input!$D$20=4,K8461*Input!$C$20,0)+IF(Input!$D$21=4,L8461*Input!$C$21,0)+IF(Input!$D$22=4,M8461*Input!$C$22,0)</f>
        <v>0</v>
      </c>
      <c r="R8461" s="58">
        <v>58.094304607371583</v>
      </c>
      <c r="S8461" s="124">
        <f t="shared" si="132"/>
        <v>1.2895936659385669</v>
      </c>
    </row>
    <row r="8462" spans="8:19" x14ac:dyDescent="0.3">
      <c r="H8462" s="44">
        <v>8455</v>
      </c>
      <c r="I8462" s="56">
        <f>Bühler!I8488</f>
        <v>0.34377762182181959</v>
      </c>
      <c r="J8462" s="59">
        <f>Bühler!J8488</f>
        <v>1.145925406072732</v>
      </c>
      <c r="K8462" s="59">
        <f>Bühler!K8488</f>
        <v>1.718888109109098</v>
      </c>
      <c r="L8462" s="59">
        <f>Bühler!L8488</f>
        <v>8.2506629237236702</v>
      </c>
      <c r="M8462" s="58">
        <f>Bühler!M8488</f>
        <v>0</v>
      </c>
      <c r="N8462" s="56">
        <f>IF(Input!$D$19=1,J8462*Input!$C$19,0)+IF(Input!$D$20=1,K8462*Input!$C$20,0)+IF(Input!$D$21=1,L8462*Input!$C$21,0)+IF(Input!$D$22=1,M8462*Input!$C$22,0)</f>
        <v>0.34377762182181959</v>
      </c>
      <c r="O8462" s="59">
        <f>IF(Input!$D$19=2,J8462*Input!$C$19,0)+IF(Input!$D$20=2,K8462*Input!$C$20,0)+IF(Input!$D$21=2,L8462*Input!$C$21,0)+IF(Input!$D$22=2,M8462*Input!$C$22,0)</f>
        <v>0.85944405455454898</v>
      </c>
      <c r="P8462" s="59">
        <f>IF(Input!$D$19=3,J8462*Input!$C$19,0)+IF(Input!$D$20=3,K8462*Input!$C$20,0)+IF(Input!$D$21=3,L8462*Input!$C$21,0)+IF(Input!$D$22=3,M8462*Input!$C$22,0)</f>
        <v>0</v>
      </c>
      <c r="Q8462" s="75">
        <f>IF(Input!$D$19=4,J8462*Input!$C$19,0)+IF(Input!$D$20=4,K8462*Input!$C$20,0)+IF(Input!$D$21=4,L8462*Input!$C$21,0)+IF(Input!$D$22=4,M8462*Input!$C$22,0)</f>
        <v>0</v>
      </c>
      <c r="R8462" s="58">
        <v>62.111473678677839</v>
      </c>
      <c r="S8462" s="124">
        <f t="shared" si="132"/>
        <v>1.4897030278945516</v>
      </c>
    </row>
    <row r="8463" spans="8:19" x14ac:dyDescent="0.3">
      <c r="H8463" s="44">
        <v>8456</v>
      </c>
      <c r="I8463" s="56">
        <f>Bühler!I8489</f>
        <v>0.34377762182181959</v>
      </c>
      <c r="J8463" s="59">
        <f>Bühler!J8489</f>
        <v>1.145925406072732</v>
      </c>
      <c r="K8463" s="59">
        <f>Bühler!K8489</f>
        <v>1.718888109109098</v>
      </c>
      <c r="L8463" s="59">
        <f>Bühler!L8489</f>
        <v>8.2506629237236702</v>
      </c>
      <c r="M8463" s="58">
        <f>Bühler!M8489</f>
        <v>0</v>
      </c>
      <c r="N8463" s="56">
        <f>IF(Input!$D$19=1,J8463*Input!$C$19,0)+IF(Input!$D$20=1,K8463*Input!$C$20,0)+IF(Input!$D$21=1,L8463*Input!$C$21,0)+IF(Input!$D$22=1,M8463*Input!$C$22,0)</f>
        <v>0.34377762182181959</v>
      </c>
      <c r="O8463" s="59">
        <f>IF(Input!$D$19=2,J8463*Input!$C$19,0)+IF(Input!$D$20=2,K8463*Input!$C$20,0)+IF(Input!$D$21=2,L8463*Input!$C$21,0)+IF(Input!$D$22=2,M8463*Input!$C$22,0)</f>
        <v>0.85944405455454898</v>
      </c>
      <c r="P8463" s="59">
        <f>IF(Input!$D$19=3,J8463*Input!$C$19,0)+IF(Input!$D$20=3,K8463*Input!$C$20,0)+IF(Input!$D$21=3,L8463*Input!$C$21,0)+IF(Input!$D$22=3,M8463*Input!$C$22,0)</f>
        <v>0</v>
      </c>
      <c r="Q8463" s="75">
        <f>IF(Input!$D$19=4,J8463*Input!$C$19,0)+IF(Input!$D$20=4,K8463*Input!$C$20,0)+IF(Input!$D$21=4,L8463*Input!$C$21,0)+IF(Input!$D$22=4,M8463*Input!$C$22,0)</f>
        <v>0</v>
      </c>
      <c r="R8463" s="58">
        <v>64.720564002670784</v>
      </c>
      <c r="S8463" s="124">
        <f t="shared" si="132"/>
        <v>1.4897030278945516</v>
      </c>
    </row>
    <row r="8464" spans="8:19" x14ac:dyDescent="0.3">
      <c r="H8464" s="44">
        <v>8457</v>
      </c>
      <c r="I8464" s="56">
        <f>Bühler!I8490</f>
        <v>0.34377762182181959</v>
      </c>
      <c r="J8464" s="59">
        <f>Bühler!J8490</f>
        <v>1.145925406072732</v>
      </c>
      <c r="K8464" s="59">
        <f>Bühler!K8490</f>
        <v>1.718888109109098</v>
      </c>
      <c r="L8464" s="59">
        <f>Bühler!L8490</f>
        <v>8.2506629237236702</v>
      </c>
      <c r="M8464" s="58">
        <f>Bühler!M8490</f>
        <v>0</v>
      </c>
      <c r="N8464" s="56">
        <f>IF(Input!$D$19=1,J8464*Input!$C$19,0)+IF(Input!$D$20=1,K8464*Input!$C$20,0)+IF(Input!$D$21=1,L8464*Input!$C$21,0)+IF(Input!$D$22=1,M8464*Input!$C$22,0)</f>
        <v>0.34377762182181959</v>
      </c>
      <c r="O8464" s="59">
        <f>IF(Input!$D$19=2,J8464*Input!$C$19,0)+IF(Input!$D$20=2,K8464*Input!$C$20,0)+IF(Input!$D$21=2,L8464*Input!$C$21,0)+IF(Input!$D$22=2,M8464*Input!$C$22,0)</f>
        <v>0.85944405455454898</v>
      </c>
      <c r="P8464" s="59">
        <f>IF(Input!$D$19=3,J8464*Input!$C$19,0)+IF(Input!$D$20=3,K8464*Input!$C$20,0)+IF(Input!$D$21=3,L8464*Input!$C$21,0)+IF(Input!$D$22=3,M8464*Input!$C$22,0)</f>
        <v>0</v>
      </c>
      <c r="Q8464" s="75">
        <f>IF(Input!$D$19=4,J8464*Input!$C$19,0)+IF(Input!$D$20=4,K8464*Input!$C$20,0)+IF(Input!$D$21=4,L8464*Input!$C$21,0)+IF(Input!$D$22=4,M8464*Input!$C$22,0)</f>
        <v>0</v>
      </c>
      <c r="R8464" s="58">
        <v>65.81422008001212</v>
      </c>
      <c r="S8464" s="124">
        <f t="shared" si="132"/>
        <v>1.4897030278945516</v>
      </c>
    </row>
    <row r="8465" spans="8:19" x14ac:dyDescent="0.3">
      <c r="H8465" s="44">
        <v>8458</v>
      </c>
      <c r="I8465" s="56">
        <f>Bühler!I8491</f>
        <v>0.36943266822643295</v>
      </c>
      <c r="J8465" s="59">
        <f>Bühler!J8491</f>
        <v>1.2314422274214434</v>
      </c>
      <c r="K8465" s="59">
        <f>Bühler!K8491</f>
        <v>1.8471633411321648</v>
      </c>
      <c r="L8465" s="59">
        <f>Bühler!L8491</f>
        <v>8.8663840374343916</v>
      </c>
      <c r="M8465" s="58">
        <f>Bühler!M8491</f>
        <v>0</v>
      </c>
      <c r="N8465" s="56">
        <f>IF(Input!$D$19=1,J8465*Input!$C$19,0)+IF(Input!$D$20=1,K8465*Input!$C$20,0)+IF(Input!$D$21=1,L8465*Input!$C$21,0)+IF(Input!$D$22=1,M8465*Input!$C$22,0)</f>
        <v>0.369432668226433</v>
      </c>
      <c r="O8465" s="59">
        <f>IF(Input!$D$19=2,J8465*Input!$C$19,0)+IF(Input!$D$20=2,K8465*Input!$C$20,0)+IF(Input!$D$21=2,L8465*Input!$C$21,0)+IF(Input!$D$22=2,M8465*Input!$C$22,0)</f>
        <v>0.92358167056608242</v>
      </c>
      <c r="P8465" s="59">
        <f>IF(Input!$D$19=3,J8465*Input!$C$19,0)+IF(Input!$D$20=3,K8465*Input!$C$20,0)+IF(Input!$D$21=3,L8465*Input!$C$21,0)+IF(Input!$D$22=3,M8465*Input!$C$22,0)</f>
        <v>0</v>
      </c>
      <c r="Q8465" s="75">
        <f>IF(Input!$D$19=4,J8465*Input!$C$19,0)+IF(Input!$D$20=4,K8465*Input!$C$20,0)+IF(Input!$D$21=4,L8465*Input!$C$21,0)+IF(Input!$D$22=4,M8465*Input!$C$22,0)</f>
        <v>0</v>
      </c>
      <c r="R8465" s="58">
        <v>65.955010673075975</v>
      </c>
      <c r="S8465" s="124">
        <f t="shared" si="132"/>
        <v>1.6008748956478764</v>
      </c>
    </row>
    <row r="8466" spans="8:19" x14ac:dyDescent="0.3">
      <c r="H8466" s="44">
        <v>8459</v>
      </c>
      <c r="I8466" s="56">
        <f>Bühler!I8492</f>
        <v>0.40021872391196905</v>
      </c>
      <c r="J8466" s="59">
        <f>Bühler!J8492</f>
        <v>1.3340624130398968</v>
      </c>
      <c r="K8466" s="59">
        <f>Bühler!K8492</f>
        <v>2.0010936195598452</v>
      </c>
      <c r="L8466" s="59">
        <f>Bühler!L8492</f>
        <v>9.605249373887256</v>
      </c>
      <c r="M8466" s="58">
        <f>Bühler!M8492</f>
        <v>0</v>
      </c>
      <c r="N8466" s="56">
        <f>IF(Input!$D$19=1,J8466*Input!$C$19,0)+IF(Input!$D$20=1,K8466*Input!$C$20,0)+IF(Input!$D$21=1,L8466*Input!$C$21,0)+IF(Input!$D$22=1,M8466*Input!$C$22,0)</f>
        <v>0.40021872391196905</v>
      </c>
      <c r="O8466" s="59">
        <f>IF(Input!$D$19=2,J8466*Input!$C$19,0)+IF(Input!$D$20=2,K8466*Input!$C$20,0)+IF(Input!$D$21=2,L8466*Input!$C$21,0)+IF(Input!$D$22=2,M8466*Input!$C$22,0)</f>
        <v>1.0005468097799226</v>
      </c>
      <c r="P8466" s="59">
        <f>IF(Input!$D$19=3,J8466*Input!$C$19,0)+IF(Input!$D$20=3,K8466*Input!$C$20,0)+IF(Input!$D$21=3,L8466*Input!$C$21,0)+IF(Input!$D$22=3,M8466*Input!$C$22,0)</f>
        <v>0</v>
      </c>
      <c r="Q8466" s="75">
        <f>IF(Input!$D$19=4,J8466*Input!$C$19,0)+IF(Input!$D$20=4,K8466*Input!$C$20,0)+IF(Input!$D$21=4,L8466*Input!$C$21,0)+IF(Input!$D$22=4,M8466*Input!$C$22,0)</f>
        <v>0</v>
      </c>
      <c r="R8466" s="58">
        <v>66.868152309745909</v>
      </c>
      <c r="S8466" s="124">
        <f t="shared" si="132"/>
        <v>1.7342811369518658</v>
      </c>
    </row>
    <row r="8467" spans="8:19" x14ac:dyDescent="0.3">
      <c r="H8467" s="44">
        <v>8460</v>
      </c>
      <c r="I8467" s="56">
        <f>Bühler!I8493</f>
        <v>0.46179083528304121</v>
      </c>
      <c r="J8467" s="59">
        <f>Bühler!J8493</f>
        <v>1.5393027842768041</v>
      </c>
      <c r="K8467" s="59">
        <f>Bühler!K8493</f>
        <v>2.3089541764152059</v>
      </c>
      <c r="L8467" s="59">
        <f>Bühler!L8493</f>
        <v>11.082980046792988</v>
      </c>
      <c r="M8467" s="58">
        <f>Bühler!M8493</f>
        <v>0</v>
      </c>
      <c r="N8467" s="56">
        <f>IF(Input!$D$19=1,J8467*Input!$C$19,0)+IF(Input!$D$20=1,K8467*Input!$C$20,0)+IF(Input!$D$21=1,L8467*Input!$C$21,0)+IF(Input!$D$22=1,M8467*Input!$C$22,0)</f>
        <v>0.46179083528304121</v>
      </c>
      <c r="O8467" s="59">
        <f>IF(Input!$D$19=2,J8467*Input!$C$19,0)+IF(Input!$D$20=2,K8467*Input!$C$20,0)+IF(Input!$D$21=2,L8467*Input!$C$21,0)+IF(Input!$D$22=2,M8467*Input!$C$22,0)</f>
        <v>1.154477088207603</v>
      </c>
      <c r="P8467" s="59">
        <f>IF(Input!$D$19=3,J8467*Input!$C$19,0)+IF(Input!$D$20=3,K8467*Input!$C$20,0)+IF(Input!$D$21=3,L8467*Input!$C$21,0)+IF(Input!$D$22=3,M8467*Input!$C$22,0)</f>
        <v>0</v>
      </c>
      <c r="Q8467" s="75">
        <f>IF(Input!$D$19=4,J8467*Input!$C$19,0)+IF(Input!$D$20=4,K8467*Input!$C$20,0)+IF(Input!$D$21=4,L8467*Input!$C$21,0)+IF(Input!$D$22=4,M8467*Input!$C$22,0)</f>
        <v>0</v>
      </c>
      <c r="R8467" s="58">
        <v>68.22233667361715</v>
      </c>
      <c r="S8467" s="124">
        <f t="shared" si="132"/>
        <v>2.0010936195598452</v>
      </c>
    </row>
    <row r="8468" spans="8:19" x14ac:dyDescent="0.3">
      <c r="H8468" s="44">
        <v>8461</v>
      </c>
      <c r="I8468" s="56">
        <f>Bühler!I8494</f>
        <v>0.46179083528304121</v>
      </c>
      <c r="J8468" s="59">
        <f>Bühler!J8494</f>
        <v>1.5393027842768041</v>
      </c>
      <c r="K8468" s="59">
        <f>Bühler!K8494</f>
        <v>2.3089541764152059</v>
      </c>
      <c r="L8468" s="59">
        <f>Bühler!L8494</f>
        <v>11.082980046792988</v>
      </c>
      <c r="M8468" s="58">
        <f>Bühler!M8494</f>
        <v>0</v>
      </c>
      <c r="N8468" s="56">
        <f>IF(Input!$D$19=1,J8468*Input!$C$19,0)+IF(Input!$D$20=1,K8468*Input!$C$20,0)+IF(Input!$D$21=1,L8468*Input!$C$21,0)+IF(Input!$D$22=1,M8468*Input!$C$22,0)</f>
        <v>0.46179083528304121</v>
      </c>
      <c r="O8468" s="59">
        <f>IF(Input!$D$19=2,J8468*Input!$C$19,0)+IF(Input!$D$20=2,K8468*Input!$C$20,0)+IF(Input!$D$21=2,L8468*Input!$C$21,0)+IF(Input!$D$22=2,M8468*Input!$C$22,0)</f>
        <v>1.154477088207603</v>
      </c>
      <c r="P8468" s="59">
        <f>IF(Input!$D$19=3,J8468*Input!$C$19,0)+IF(Input!$D$20=3,K8468*Input!$C$20,0)+IF(Input!$D$21=3,L8468*Input!$C$21,0)+IF(Input!$D$22=3,M8468*Input!$C$22,0)</f>
        <v>0</v>
      </c>
      <c r="Q8468" s="75">
        <f>IF(Input!$D$19=4,J8468*Input!$C$19,0)+IF(Input!$D$20=4,K8468*Input!$C$20,0)+IF(Input!$D$21=4,L8468*Input!$C$21,0)+IF(Input!$D$22=4,M8468*Input!$C$22,0)</f>
        <v>0</v>
      </c>
      <c r="R8468" s="58">
        <v>67.698239990265293</v>
      </c>
      <c r="S8468" s="124">
        <f t="shared" si="132"/>
        <v>2.0010936195598452</v>
      </c>
    </row>
    <row r="8469" spans="8:19" x14ac:dyDescent="0.3">
      <c r="H8469" s="44">
        <v>8462</v>
      </c>
      <c r="I8469" s="56">
        <f>Bühler!I8495</f>
        <v>0.46179083528304121</v>
      </c>
      <c r="J8469" s="59">
        <f>Bühler!J8495</f>
        <v>1.5393027842768041</v>
      </c>
      <c r="K8469" s="59">
        <f>Bühler!K8495</f>
        <v>2.3089541764152059</v>
      </c>
      <c r="L8469" s="59">
        <f>Bühler!L8495</f>
        <v>11.082980046792988</v>
      </c>
      <c r="M8469" s="58">
        <f>Bühler!M8495</f>
        <v>0</v>
      </c>
      <c r="N8469" s="56">
        <f>IF(Input!$D$19=1,J8469*Input!$C$19,0)+IF(Input!$D$20=1,K8469*Input!$C$20,0)+IF(Input!$D$21=1,L8469*Input!$C$21,0)+IF(Input!$D$22=1,M8469*Input!$C$22,0)</f>
        <v>0.46179083528304121</v>
      </c>
      <c r="O8469" s="59">
        <f>IF(Input!$D$19=2,J8469*Input!$C$19,0)+IF(Input!$D$20=2,K8469*Input!$C$20,0)+IF(Input!$D$21=2,L8469*Input!$C$21,0)+IF(Input!$D$22=2,M8469*Input!$C$22,0)</f>
        <v>1.154477088207603</v>
      </c>
      <c r="P8469" s="59">
        <f>IF(Input!$D$19=3,J8469*Input!$C$19,0)+IF(Input!$D$20=3,K8469*Input!$C$20,0)+IF(Input!$D$21=3,L8469*Input!$C$21,0)+IF(Input!$D$22=3,M8469*Input!$C$22,0)</f>
        <v>0</v>
      </c>
      <c r="Q8469" s="75">
        <f>IF(Input!$D$19=4,J8469*Input!$C$19,0)+IF(Input!$D$20=4,K8469*Input!$C$20,0)+IF(Input!$D$21=4,L8469*Input!$C$21,0)+IF(Input!$D$22=4,M8469*Input!$C$22,0)</f>
        <v>0</v>
      </c>
      <c r="R8469" s="58">
        <v>68.319217454399251</v>
      </c>
      <c r="S8469" s="124">
        <f t="shared" si="132"/>
        <v>2.0010936195598452</v>
      </c>
    </row>
    <row r="8470" spans="8:19" x14ac:dyDescent="0.3">
      <c r="H8470" s="44">
        <v>8463</v>
      </c>
      <c r="I8470" s="56">
        <f>Bühler!I8496</f>
        <v>0.46179083528304121</v>
      </c>
      <c r="J8470" s="59">
        <f>Bühler!J8496</f>
        <v>1.5393027842768041</v>
      </c>
      <c r="K8470" s="59">
        <f>Bühler!K8496</f>
        <v>2.3089541764152059</v>
      </c>
      <c r="L8470" s="59">
        <f>Bühler!L8496</f>
        <v>11.082980046792988</v>
      </c>
      <c r="M8470" s="58">
        <f>Bühler!M8496</f>
        <v>0</v>
      </c>
      <c r="N8470" s="56">
        <f>IF(Input!$D$19=1,J8470*Input!$C$19,0)+IF(Input!$D$20=1,K8470*Input!$C$20,0)+IF(Input!$D$21=1,L8470*Input!$C$21,0)+IF(Input!$D$22=1,M8470*Input!$C$22,0)</f>
        <v>0.46179083528304121</v>
      </c>
      <c r="O8470" s="59">
        <f>IF(Input!$D$19=2,J8470*Input!$C$19,0)+IF(Input!$D$20=2,K8470*Input!$C$20,0)+IF(Input!$D$21=2,L8470*Input!$C$21,0)+IF(Input!$D$22=2,M8470*Input!$C$22,0)</f>
        <v>1.154477088207603</v>
      </c>
      <c r="P8470" s="59">
        <f>IF(Input!$D$19=3,J8470*Input!$C$19,0)+IF(Input!$D$20=3,K8470*Input!$C$20,0)+IF(Input!$D$21=3,L8470*Input!$C$21,0)+IF(Input!$D$22=3,M8470*Input!$C$22,0)</f>
        <v>0</v>
      </c>
      <c r="Q8470" s="75">
        <f>IF(Input!$D$19=4,J8470*Input!$C$19,0)+IF(Input!$D$20=4,K8470*Input!$C$20,0)+IF(Input!$D$21=4,L8470*Input!$C$21,0)+IF(Input!$D$22=4,M8470*Input!$C$22,0)</f>
        <v>0</v>
      </c>
      <c r="R8470" s="58">
        <v>68.884766309016982</v>
      </c>
      <c r="S8470" s="124">
        <f t="shared" si="132"/>
        <v>2.0010936195598452</v>
      </c>
    </row>
    <row r="8471" spans="8:19" x14ac:dyDescent="0.3">
      <c r="H8471" s="44">
        <v>8464</v>
      </c>
      <c r="I8471" s="56">
        <f>Bühler!I8497</f>
        <v>0.46179083528304121</v>
      </c>
      <c r="J8471" s="59">
        <f>Bühler!J8497</f>
        <v>1.5393027842768041</v>
      </c>
      <c r="K8471" s="59">
        <f>Bühler!K8497</f>
        <v>2.3089541764152059</v>
      </c>
      <c r="L8471" s="59">
        <f>Bühler!L8497</f>
        <v>11.082980046792988</v>
      </c>
      <c r="M8471" s="58">
        <f>Bühler!M8497</f>
        <v>0</v>
      </c>
      <c r="N8471" s="56">
        <f>IF(Input!$D$19=1,J8471*Input!$C$19,0)+IF(Input!$D$20=1,K8471*Input!$C$20,0)+IF(Input!$D$21=1,L8471*Input!$C$21,0)+IF(Input!$D$22=1,M8471*Input!$C$22,0)</f>
        <v>0.46179083528304121</v>
      </c>
      <c r="O8471" s="59">
        <f>IF(Input!$D$19=2,J8471*Input!$C$19,0)+IF(Input!$D$20=2,K8471*Input!$C$20,0)+IF(Input!$D$21=2,L8471*Input!$C$21,0)+IF(Input!$D$22=2,M8471*Input!$C$22,0)</f>
        <v>1.154477088207603</v>
      </c>
      <c r="P8471" s="59">
        <f>IF(Input!$D$19=3,J8471*Input!$C$19,0)+IF(Input!$D$20=3,K8471*Input!$C$20,0)+IF(Input!$D$21=3,L8471*Input!$C$21,0)+IF(Input!$D$22=3,M8471*Input!$C$22,0)</f>
        <v>0</v>
      </c>
      <c r="Q8471" s="75">
        <f>IF(Input!$D$19=4,J8471*Input!$C$19,0)+IF(Input!$D$20=4,K8471*Input!$C$20,0)+IF(Input!$D$21=4,L8471*Input!$C$21,0)+IF(Input!$D$22=4,M8471*Input!$C$22,0)</f>
        <v>0</v>
      </c>
      <c r="R8471" s="58">
        <v>69.057653554098181</v>
      </c>
      <c r="S8471" s="124">
        <f t="shared" si="132"/>
        <v>2.0010936195598452</v>
      </c>
    </row>
    <row r="8472" spans="8:19" x14ac:dyDescent="0.3">
      <c r="H8472" s="44">
        <v>8465</v>
      </c>
      <c r="I8472" s="56">
        <f>Bühler!I8498</f>
        <v>0.46179083528304121</v>
      </c>
      <c r="J8472" s="59">
        <f>Bühler!J8498</f>
        <v>1.5393027842768041</v>
      </c>
      <c r="K8472" s="59">
        <f>Bühler!K8498</f>
        <v>2.3089541764152059</v>
      </c>
      <c r="L8472" s="59">
        <f>Bühler!L8498</f>
        <v>11.082980046792988</v>
      </c>
      <c r="M8472" s="58">
        <f>Bühler!M8498</f>
        <v>0</v>
      </c>
      <c r="N8472" s="56">
        <f>IF(Input!$D$19=1,J8472*Input!$C$19,0)+IF(Input!$D$20=1,K8472*Input!$C$20,0)+IF(Input!$D$21=1,L8472*Input!$C$21,0)+IF(Input!$D$22=1,M8472*Input!$C$22,0)</f>
        <v>0.46179083528304121</v>
      </c>
      <c r="O8472" s="59">
        <f>IF(Input!$D$19=2,J8472*Input!$C$19,0)+IF(Input!$D$20=2,K8472*Input!$C$20,0)+IF(Input!$D$21=2,L8472*Input!$C$21,0)+IF(Input!$D$22=2,M8472*Input!$C$22,0)</f>
        <v>1.154477088207603</v>
      </c>
      <c r="P8472" s="59">
        <f>IF(Input!$D$19=3,J8472*Input!$C$19,0)+IF(Input!$D$20=3,K8472*Input!$C$20,0)+IF(Input!$D$21=3,L8472*Input!$C$21,0)+IF(Input!$D$22=3,M8472*Input!$C$22,0)</f>
        <v>0</v>
      </c>
      <c r="Q8472" s="75">
        <f>IF(Input!$D$19=4,J8472*Input!$C$19,0)+IF(Input!$D$20=4,K8472*Input!$C$20,0)+IF(Input!$D$21=4,L8472*Input!$C$21,0)+IF(Input!$D$22=4,M8472*Input!$C$22,0)</f>
        <v>0</v>
      </c>
      <c r="R8472" s="58">
        <v>68.79270146666677</v>
      </c>
      <c r="S8472" s="124">
        <f t="shared" si="132"/>
        <v>2.0010936195598452</v>
      </c>
    </row>
    <row r="8473" spans="8:19" x14ac:dyDescent="0.3">
      <c r="H8473" s="44">
        <v>8466</v>
      </c>
      <c r="I8473" s="56">
        <f>Bühler!I8499</f>
        <v>0.46179083528304121</v>
      </c>
      <c r="J8473" s="59">
        <f>Bühler!J8499</f>
        <v>1.5393027842768041</v>
      </c>
      <c r="K8473" s="59">
        <f>Bühler!K8499</f>
        <v>2.3089541764152059</v>
      </c>
      <c r="L8473" s="59">
        <f>Bühler!L8499</f>
        <v>11.082980046792988</v>
      </c>
      <c r="M8473" s="58">
        <f>Bühler!M8499</f>
        <v>0</v>
      </c>
      <c r="N8473" s="56">
        <f>IF(Input!$D$19=1,J8473*Input!$C$19,0)+IF(Input!$D$20=1,K8473*Input!$C$20,0)+IF(Input!$D$21=1,L8473*Input!$C$21,0)+IF(Input!$D$22=1,M8473*Input!$C$22,0)</f>
        <v>0.46179083528304121</v>
      </c>
      <c r="O8473" s="59">
        <f>IF(Input!$D$19=2,J8473*Input!$C$19,0)+IF(Input!$D$20=2,K8473*Input!$C$20,0)+IF(Input!$D$21=2,L8473*Input!$C$21,0)+IF(Input!$D$22=2,M8473*Input!$C$22,0)</f>
        <v>1.154477088207603</v>
      </c>
      <c r="P8473" s="59">
        <f>IF(Input!$D$19=3,J8473*Input!$C$19,0)+IF(Input!$D$20=3,K8473*Input!$C$20,0)+IF(Input!$D$21=3,L8473*Input!$C$21,0)+IF(Input!$D$22=3,M8473*Input!$C$22,0)</f>
        <v>0</v>
      </c>
      <c r="Q8473" s="75">
        <f>IF(Input!$D$19=4,J8473*Input!$C$19,0)+IF(Input!$D$20=4,K8473*Input!$C$20,0)+IF(Input!$D$21=4,L8473*Input!$C$21,0)+IF(Input!$D$22=4,M8473*Input!$C$22,0)</f>
        <v>0</v>
      </c>
      <c r="R8473" s="58">
        <v>67.880174975766082</v>
      </c>
      <c r="S8473" s="124">
        <f t="shared" si="132"/>
        <v>2.0010936195598452</v>
      </c>
    </row>
    <row r="8474" spans="8:19" x14ac:dyDescent="0.3">
      <c r="H8474" s="44">
        <v>8467</v>
      </c>
      <c r="I8474" s="56">
        <f>Bühler!I8500</f>
        <v>0.46179083528304121</v>
      </c>
      <c r="J8474" s="59">
        <f>Bühler!J8500</f>
        <v>1.5393027842768041</v>
      </c>
      <c r="K8474" s="59">
        <f>Bühler!K8500</f>
        <v>2.3089541764152059</v>
      </c>
      <c r="L8474" s="59">
        <f>Bühler!L8500</f>
        <v>11.082980046792988</v>
      </c>
      <c r="M8474" s="58">
        <f>Bühler!M8500</f>
        <v>0</v>
      </c>
      <c r="N8474" s="56">
        <f>IF(Input!$D$19=1,J8474*Input!$C$19,0)+IF(Input!$D$20=1,K8474*Input!$C$20,0)+IF(Input!$D$21=1,L8474*Input!$C$21,0)+IF(Input!$D$22=1,M8474*Input!$C$22,0)</f>
        <v>0.46179083528304121</v>
      </c>
      <c r="O8474" s="59">
        <f>IF(Input!$D$19=2,J8474*Input!$C$19,0)+IF(Input!$D$20=2,K8474*Input!$C$20,0)+IF(Input!$D$21=2,L8474*Input!$C$21,0)+IF(Input!$D$22=2,M8474*Input!$C$22,0)</f>
        <v>1.154477088207603</v>
      </c>
      <c r="P8474" s="59">
        <f>IF(Input!$D$19=3,J8474*Input!$C$19,0)+IF(Input!$D$20=3,K8474*Input!$C$20,0)+IF(Input!$D$21=3,L8474*Input!$C$21,0)+IF(Input!$D$22=3,M8474*Input!$C$22,0)</f>
        <v>0</v>
      </c>
      <c r="Q8474" s="75">
        <f>IF(Input!$D$19=4,J8474*Input!$C$19,0)+IF(Input!$D$20=4,K8474*Input!$C$20,0)+IF(Input!$D$21=4,L8474*Input!$C$21,0)+IF(Input!$D$22=4,M8474*Input!$C$22,0)</f>
        <v>0</v>
      </c>
      <c r="R8474" s="58">
        <v>66.492963346692704</v>
      </c>
      <c r="S8474" s="124">
        <f t="shared" si="132"/>
        <v>2.0010936195598452</v>
      </c>
    </row>
    <row r="8475" spans="8:19" x14ac:dyDescent="0.3">
      <c r="H8475" s="44">
        <v>8468</v>
      </c>
      <c r="I8475" s="56">
        <f>Bühler!I8501</f>
        <v>0.38482569606920103</v>
      </c>
      <c r="J8475" s="59">
        <f>Bühler!J8501</f>
        <v>1.2827523202306703</v>
      </c>
      <c r="K8475" s="59">
        <f>Bühler!K8501</f>
        <v>1.9241284803460053</v>
      </c>
      <c r="L8475" s="59">
        <f>Bühler!L8501</f>
        <v>9.2358167056608256</v>
      </c>
      <c r="M8475" s="58">
        <f>Bühler!M8501</f>
        <v>0</v>
      </c>
      <c r="N8475" s="56">
        <f>IF(Input!$D$19=1,J8475*Input!$C$19,0)+IF(Input!$D$20=1,K8475*Input!$C$20,0)+IF(Input!$D$21=1,L8475*Input!$C$21,0)+IF(Input!$D$22=1,M8475*Input!$C$22,0)</f>
        <v>0.38482569606920108</v>
      </c>
      <c r="O8475" s="59">
        <f>IF(Input!$D$19=2,J8475*Input!$C$19,0)+IF(Input!$D$20=2,K8475*Input!$C$20,0)+IF(Input!$D$21=2,L8475*Input!$C$21,0)+IF(Input!$D$22=2,M8475*Input!$C$22,0)</f>
        <v>0.96206424017300263</v>
      </c>
      <c r="P8475" s="59">
        <f>IF(Input!$D$19=3,J8475*Input!$C$19,0)+IF(Input!$D$20=3,K8475*Input!$C$20,0)+IF(Input!$D$21=3,L8475*Input!$C$21,0)+IF(Input!$D$22=3,M8475*Input!$C$22,0)</f>
        <v>0</v>
      </c>
      <c r="Q8475" s="75">
        <f>IF(Input!$D$19=4,J8475*Input!$C$19,0)+IF(Input!$D$20=4,K8475*Input!$C$20,0)+IF(Input!$D$21=4,L8475*Input!$C$21,0)+IF(Input!$D$22=4,M8475*Input!$C$22,0)</f>
        <v>0</v>
      </c>
      <c r="R8475" s="58">
        <v>64.780413333731175</v>
      </c>
      <c r="S8475" s="124">
        <f t="shared" si="132"/>
        <v>1.6675780162998715</v>
      </c>
    </row>
    <row r="8476" spans="8:19" x14ac:dyDescent="0.3">
      <c r="H8476" s="44">
        <v>8469</v>
      </c>
      <c r="I8476" s="56">
        <f>Bühler!I8502</f>
        <v>0.30786055685536079</v>
      </c>
      <c r="J8476" s="59">
        <f>Bühler!J8502</f>
        <v>1.0262018561845361</v>
      </c>
      <c r="K8476" s="59">
        <f>Bühler!K8502</f>
        <v>1.5393027842768041</v>
      </c>
      <c r="L8476" s="59">
        <f>Bühler!L8502</f>
        <v>7.3886533645286594</v>
      </c>
      <c r="M8476" s="58">
        <f>Bühler!M8502</f>
        <v>0</v>
      </c>
      <c r="N8476" s="56">
        <f>IF(Input!$D$19=1,J8476*Input!$C$19,0)+IF(Input!$D$20=1,K8476*Input!$C$20,0)+IF(Input!$D$21=1,L8476*Input!$C$21,0)+IF(Input!$D$22=1,M8476*Input!$C$22,0)</f>
        <v>0.30786055685536079</v>
      </c>
      <c r="O8476" s="59">
        <f>IF(Input!$D$19=2,J8476*Input!$C$19,0)+IF(Input!$D$20=2,K8476*Input!$C$20,0)+IF(Input!$D$21=2,L8476*Input!$C$21,0)+IF(Input!$D$22=2,M8476*Input!$C$22,0)</f>
        <v>0.76965139213840206</v>
      </c>
      <c r="P8476" s="59">
        <f>IF(Input!$D$19=3,J8476*Input!$C$19,0)+IF(Input!$D$20=3,K8476*Input!$C$20,0)+IF(Input!$D$21=3,L8476*Input!$C$21,0)+IF(Input!$D$22=3,M8476*Input!$C$22,0)</f>
        <v>0</v>
      </c>
      <c r="Q8476" s="75">
        <f>IF(Input!$D$19=4,J8476*Input!$C$19,0)+IF(Input!$D$20=4,K8476*Input!$C$20,0)+IF(Input!$D$21=4,L8476*Input!$C$21,0)+IF(Input!$D$22=4,M8476*Input!$C$22,0)</f>
        <v>0</v>
      </c>
      <c r="R8476" s="58">
        <v>63.649383841088067</v>
      </c>
      <c r="S8476" s="124">
        <f t="shared" si="132"/>
        <v>1.3340624130398968</v>
      </c>
    </row>
    <row r="8477" spans="8:19" x14ac:dyDescent="0.3">
      <c r="H8477" s="44">
        <v>8470</v>
      </c>
      <c r="I8477" s="56">
        <f>Bühler!I8503</f>
        <v>0.23089541764152061</v>
      </c>
      <c r="J8477" s="59">
        <f>Bühler!J8503</f>
        <v>0.76965139213840206</v>
      </c>
      <c r="K8477" s="59">
        <f>Bühler!K8503</f>
        <v>1.154477088207603</v>
      </c>
      <c r="L8477" s="59">
        <f>Bühler!L8503</f>
        <v>5.5414900233964941</v>
      </c>
      <c r="M8477" s="58">
        <f>Bühler!M8503</f>
        <v>0</v>
      </c>
      <c r="N8477" s="56">
        <f>IF(Input!$D$19=1,J8477*Input!$C$19,0)+IF(Input!$D$20=1,K8477*Input!$C$20,0)+IF(Input!$D$21=1,L8477*Input!$C$21,0)+IF(Input!$D$22=1,M8477*Input!$C$22,0)</f>
        <v>0.23089541764152061</v>
      </c>
      <c r="O8477" s="59">
        <f>IF(Input!$D$19=2,J8477*Input!$C$19,0)+IF(Input!$D$20=2,K8477*Input!$C$20,0)+IF(Input!$D$21=2,L8477*Input!$C$21,0)+IF(Input!$D$22=2,M8477*Input!$C$22,0)</f>
        <v>0.57723854410380149</v>
      </c>
      <c r="P8477" s="59">
        <f>IF(Input!$D$19=3,J8477*Input!$C$19,0)+IF(Input!$D$20=3,K8477*Input!$C$20,0)+IF(Input!$D$21=3,L8477*Input!$C$21,0)+IF(Input!$D$22=3,M8477*Input!$C$22,0)</f>
        <v>0</v>
      </c>
      <c r="Q8477" s="75">
        <f>IF(Input!$D$19=4,J8477*Input!$C$19,0)+IF(Input!$D$20=4,K8477*Input!$C$20,0)+IF(Input!$D$21=4,L8477*Input!$C$21,0)+IF(Input!$D$22=4,M8477*Input!$C$22,0)</f>
        <v>0</v>
      </c>
      <c r="R8477" s="58">
        <v>61.888765431953502</v>
      </c>
      <c r="S8477" s="124">
        <f t="shared" si="132"/>
        <v>1.0005468097799226</v>
      </c>
    </row>
    <row r="8478" spans="8:19" x14ac:dyDescent="0.3">
      <c r="H8478" s="44">
        <v>8471</v>
      </c>
      <c r="I8478" s="56">
        <f>Bühler!I8504</f>
        <v>0.23089541764152061</v>
      </c>
      <c r="J8478" s="59">
        <f>Bühler!J8504</f>
        <v>0.76965139213840206</v>
      </c>
      <c r="K8478" s="59">
        <f>Bühler!K8504</f>
        <v>1.154477088207603</v>
      </c>
      <c r="L8478" s="59">
        <f>Bühler!L8504</f>
        <v>5.5414900233964941</v>
      </c>
      <c r="M8478" s="58">
        <f>Bühler!M8504</f>
        <v>0</v>
      </c>
      <c r="N8478" s="56">
        <f>IF(Input!$D$19=1,J8478*Input!$C$19,0)+IF(Input!$D$20=1,K8478*Input!$C$20,0)+IF(Input!$D$21=1,L8478*Input!$C$21,0)+IF(Input!$D$22=1,M8478*Input!$C$22,0)</f>
        <v>0.23089541764152061</v>
      </c>
      <c r="O8478" s="59">
        <f>IF(Input!$D$19=2,J8478*Input!$C$19,0)+IF(Input!$D$20=2,K8478*Input!$C$20,0)+IF(Input!$D$21=2,L8478*Input!$C$21,0)+IF(Input!$D$22=2,M8478*Input!$C$22,0)</f>
        <v>0.57723854410380149</v>
      </c>
      <c r="P8478" s="59">
        <f>IF(Input!$D$19=3,J8478*Input!$C$19,0)+IF(Input!$D$20=3,K8478*Input!$C$20,0)+IF(Input!$D$21=3,L8478*Input!$C$21,0)+IF(Input!$D$22=3,M8478*Input!$C$22,0)</f>
        <v>0</v>
      </c>
      <c r="Q8478" s="75">
        <f>IF(Input!$D$19=4,J8478*Input!$C$19,0)+IF(Input!$D$20=4,K8478*Input!$C$20,0)+IF(Input!$D$21=4,L8478*Input!$C$21,0)+IF(Input!$D$22=4,M8478*Input!$C$22,0)</f>
        <v>0</v>
      </c>
      <c r="R8478" s="58">
        <v>61.824161945746376</v>
      </c>
      <c r="S8478" s="124">
        <f t="shared" si="132"/>
        <v>1.0005468097799226</v>
      </c>
    </row>
    <row r="8479" spans="8:19" x14ac:dyDescent="0.3">
      <c r="H8479" s="44">
        <v>8472</v>
      </c>
      <c r="I8479" s="56">
        <f>Bühler!I8505</f>
        <v>0.23089541764152061</v>
      </c>
      <c r="J8479" s="59">
        <f>Bühler!J8505</f>
        <v>0.76965139213840206</v>
      </c>
      <c r="K8479" s="59">
        <f>Bühler!K8505</f>
        <v>1.154477088207603</v>
      </c>
      <c r="L8479" s="59">
        <f>Bühler!L8505</f>
        <v>5.5414900233964941</v>
      </c>
      <c r="M8479" s="58">
        <f>Bühler!M8505</f>
        <v>0</v>
      </c>
      <c r="N8479" s="56">
        <f>IF(Input!$D$19=1,J8479*Input!$C$19,0)+IF(Input!$D$20=1,K8479*Input!$C$20,0)+IF(Input!$D$21=1,L8479*Input!$C$21,0)+IF(Input!$D$22=1,M8479*Input!$C$22,0)</f>
        <v>0.23089541764152061</v>
      </c>
      <c r="O8479" s="59">
        <f>IF(Input!$D$19=2,J8479*Input!$C$19,0)+IF(Input!$D$20=2,K8479*Input!$C$20,0)+IF(Input!$D$21=2,L8479*Input!$C$21,0)+IF(Input!$D$22=2,M8479*Input!$C$22,0)</f>
        <v>0.57723854410380149</v>
      </c>
      <c r="P8479" s="59">
        <f>IF(Input!$D$19=3,J8479*Input!$C$19,0)+IF(Input!$D$20=3,K8479*Input!$C$20,0)+IF(Input!$D$21=3,L8479*Input!$C$21,0)+IF(Input!$D$22=3,M8479*Input!$C$22,0)</f>
        <v>0</v>
      </c>
      <c r="Q8479" s="75">
        <f>IF(Input!$D$19=4,J8479*Input!$C$19,0)+IF(Input!$D$20=4,K8479*Input!$C$20,0)+IF(Input!$D$21=4,L8479*Input!$C$21,0)+IF(Input!$D$22=4,M8479*Input!$C$22,0)</f>
        <v>0</v>
      </c>
      <c r="R8479" s="58">
        <v>60.783950822578355</v>
      </c>
      <c r="S8479" s="124">
        <f t="shared" si="132"/>
        <v>1.0005468097799226</v>
      </c>
    </row>
    <row r="8480" spans="8:19" x14ac:dyDescent="0.3">
      <c r="H8480" s="44">
        <v>8473</v>
      </c>
      <c r="I8480" s="56">
        <f>Bühler!I8506</f>
        <v>0.2412940684901318</v>
      </c>
      <c r="J8480" s="59">
        <f>Bühler!J8506</f>
        <v>0.80431356163377277</v>
      </c>
      <c r="K8480" s="59">
        <f>Bühler!K8506</f>
        <v>1.2064703424506591</v>
      </c>
      <c r="L8480" s="59">
        <f>Bühler!L8506</f>
        <v>5.7910576437631631</v>
      </c>
      <c r="M8480" s="58">
        <f>Bühler!M8506</f>
        <v>0</v>
      </c>
      <c r="N8480" s="56">
        <f>IF(Input!$D$19=1,J8480*Input!$C$19,0)+IF(Input!$D$20=1,K8480*Input!$C$20,0)+IF(Input!$D$21=1,L8480*Input!$C$21,0)+IF(Input!$D$22=1,M8480*Input!$C$22,0)</f>
        <v>0.24129406849013182</v>
      </c>
      <c r="O8480" s="59">
        <f>IF(Input!$D$19=2,J8480*Input!$C$19,0)+IF(Input!$D$20=2,K8480*Input!$C$20,0)+IF(Input!$D$21=2,L8480*Input!$C$21,0)+IF(Input!$D$22=2,M8480*Input!$C$22,0)</f>
        <v>0.60323517122532955</v>
      </c>
      <c r="P8480" s="59">
        <f>IF(Input!$D$19=3,J8480*Input!$C$19,0)+IF(Input!$D$20=3,K8480*Input!$C$20,0)+IF(Input!$D$21=3,L8480*Input!$C$21,0)+IF(Input!$D$22=3,M8480*Input!$C$22,0)</f>
        <v>0</v>
      </c>
      <c r="Q8480" s="75">
        <f>IF(Input!$D$19=4,J8480*Input!$C$19,0)+IF(Input!$D$20=4,K8480*Input!$C$20,0)+IF(Input!$D$21=4,L8480*Input!$C$21,0)+IF(Input!$D$22=4,M8480*Input!$C$22,0)</f>
        <v>0</v>
      </c>
      <c r="R8480" s="58">
        <v>59.933964844571925</v>
      </c>
      <c r="S8480" s="124">
        <f t="shared" si="132"/>
        <v>1.0456076301239046</v>
      </c>
    </row>
    <row r="8481" spans="8:19" x14ac:dyDescent="0.3">
      <c r="H8481" s="44">
        <v>8474</v>
      </c>
      <c r="I8481" s="56">
        <f>Bühler!I8507</f>
        <v>0.2412940684901318</v>
      </c>
      <c r="J8481" s="59">
        <f>Bühler!J8507</f>
        <v>0.80431356163377277</v>
      </c>
      <c r="K8481" s="59">
        <f>Bühler!K8507</f>
        <v>1.2064703424506591</v>
      </c>
      <c r="L8481" s="59">
        <f>Bühler!L8507</f>
        <v>5.7910576437631631</v>
      </c>
      <c r="M8481" s="58">
        <f>Bühler!M8507</f>
        <v>0</v>
      </c>
      <c r="N8481" s="56">
        <f>IF(Input!$D$19=1,J8481*Input!$C$19,0)+IF(Input!$D$20=1,K8481*Input!$C$20,0)+IF(Input!$D$21=1,L8481*Input!$C$21,0)+IF(Input!$D$22=1,M8481*Input!$C$22,0)</f>
        <v>0.24129406849013182</v>
      </c>
      <c r="O8481" s="59">
        <f>IF(Input!$D$19=2,J8481*Input!$C$19,0)+IF(Input!$D$20=2,K8481*Input!$C$20,0)+IF(Input!$D$21=2,L8481*Input!$C$21,0)+IF(Input!$D$22=2,M8481*Input!$C$22,0)</f>
        <v>0.60323517122532955</v>
      </c>
      <c r="P8481" s="59">
        <f>IF(Input!$D$19=3,J8481*Input!$C$19,0)+IF(Input!$D$20=3,K8481*Input!$C$20,0)+IF(Input!$D$21=3,L8481*Input!$C$21,0)+IF(Input!$D$22=3,M8481*Input!$C$22,0)</f>
        <v>0</v>
      </c>
      <c r="Q8481" s="75">
        <f>IF(Input!$D$19=4,J8481*Input!$C$19,0)+IF(Input!$D$20=4,K8481*Input!$C$20,0)+IF(Input!$D$21=4,L8481*Input!$C$21,0)+IF(Input!$D$22=4,M8481*Input!$C$22,0)</f>
        <v>0</v>
      </c>
      <c r="R8481" s="58">
        <v>59.697976231663191</v>
      </c>
      <c r="S8481" s="124">
        <f t="shared" si="132"/>
        <v>1.0456076301239046</v>
      </c>
    </row>
    <row r="8482" spans="8:19" x14ac:dyDescent="0.3">
      <c r="H8482" s="44">
        <v>8475</v>
      </c>
      <c r="I8482" s="56">
        <f>Bühler!I8508</f>
        <v>0.2412940684901318</v>
      </c>
      <c r="J8482" s="59">
        <f>Bühler!J8508</f>
        <v>0.80431356163377277</v>
      </c>
      <c r="K8482" s="59">
        <f>Bühler!K8508</f>
        <v>1.2064703424506591</v>
      </c>
      <c r="L8482" s="59">
        <f>Bühler!L8508</f>
        <v>5.7910576437631631</v>
      </c>
      <c r="M8482" s="58">
        <f>Bühler!M8508</f>
        <v>0</v>
      </c>
      <c r="N8482" s="56">
        <f>IF(Input!$D$19=1,J8482*Input!$C$19,0)+IF(Input!$D$20=1,K8482*Input!$C$20,0)+IF(Input!$D$21=1,L8482*Input!$C$21,0)+IF(Input!$D$22=1,M8482*Input!$C$22,0)</f>
        <v>0.24129406849013182</v>
      </c>
      <c r="O8482" s="59">
        <f>IF(Input!$D$19=2,J8482*Input!$C$19,0)+IF(Input!$D$20=2,K8482*Input!$C$20,0)+IF(Input!$D$21=2,L8482*Input!$C$21,0)+IF(Input!$D$22=2,M8482*Input!$C$22,0)</f>
        <v>0.60323517122532955</v>
      </c>
      <c r="P8482" s="59">
        <f>IF(Input!$D$19=3,J8482*Input!$C$19,0)+IF(Input!$D$20=3,K8482*Input!$C$20,0)+IF(Input!$D$21=3,L8482*Input!$C$21,0)+IF(Input!$D$22=3,M8482*Input!$C$22,0)</f>
        <v>0</v>
      </c>
      <c r="Q8482" s="75">
        <f>IF(Input!$D$19=4,J8482*Input!$C$19,0)+IF(Input!$D$20=4,K8482*Input!$C$20,0)+IF(Input!$D$21=4,L8482*Input!$C$21,0)+IF(Input!$D$22=4,M8482*Input!$C$22,0)</f>
        <v>0</v>
      </c>
      <c r="R8482" s="58">
        <v>60.040210382674715</v>
      </c>
      <c r="S8482" s="124">
        <f t="shared" si="132"/>
        <v>1.0456076301239046</v>
      </c>
    </row>
    <row r="8483" spans="8:19" x14ac:dyDescent="0.3">
      <c r="H8483" s="44">
        <v>8476</v>
      </c>
      <c r="I8483" s="56">
        <f>Bühler!I8509</f>
        <v>0.2412940684901318</v>
      </c>
      <c r="J8483" s="59">
        <f>Bühler!J8509</f>
        <v>0.80431356163377277</v>
      </c>
      <c r="K8483" s="59">
        <f>Bühler!K8509</f>
        <v>1.2064703424506591</v>
      </c>
      <c r="L8483" s="59">
        <f>Bühler!L8509</f>
        <v>5.7910576437631631</v>
      </c>
      <c r="M8483" s="58">
        <f>Bühler!M8509</f>
        <v>0</v>
      </c>
      <c r="N8483" s="56">
        <f>IF(Input!$D$19=1,J8483*Input!$C$19,0)+IF(Input!$D$20=1,K8483*Input!$C$20,0)+IF(Input!$D$21=1,L8483*Input!$C$21,0)+IF(Input!$D$22=1,M8483*Input!$C$22,0)</f>
        <v>0.24129406849013182</v>
      </c>
      <c r="O8483" s="59">
        <f>IF(Input!$D$19=2,J8483*Input!$C$19,0)+IF(Input!$D$20=2,K8483*Input!$C$20,0)+IF(Input!$D$21=2,L8483*Input!$C$21,0)+IF(Input!$D$22=2,M8483*Input!$C$22,0)</f>
        <v>0.60323517122532955</v>
      </c>
      <c r="P8483" s="59">
        <f>IF(Input!$D$19=3,J8483*Input!$C$19,0)+IF(Input!$D$20=3,K8483*Input!$C$20,0)+IF(Input!$D$21=3,L8483*Input!$C$21,0)+IF(Input!$D$22=3,M8483*Input!$C$22,0)</f>
        <v>0</v>
      </c>
      <c r="Q8483" s="75">
        <f>IF(Input!$D$19=4,J8483*Input!$C$19,0)+IF(Input!$D$20=4,K8483*Input!$C$20,0)+IF(Input!$D$21=4,L8483*Input!$C$21,0)+IF(Input!$D$22=4,M8483*Input!$C$22,0)</f>
        <v>0</v>
      </c>
      <c r="R8483" s="58">
        <v>60.38626591813663</v>
      </c>
      <c r="S8483" s="124">
        <f t="shared" si="132"/>
        <v>1.0456076301239046</v>
      </c>
    </row>
    <row r="8484" spans="8:19" x14ac:dyDescent="0.3">
      <c r="H8484" s="44">
        <v>8477</v>
      </c>
      <c r="I8484" s="56">
        <f>Bühler!I8510</f>
        <v>0.2412940684901318</v>
      </c>
      <c r="J8484" s="59">
        <f>Bühler!J8510</f>
        <v>0.80431356163377277</v>
      </c>
      <c r="K8484" s="59">
        <f>Bühler!K8510</f>
        <v>1.2064703424506591</v>
      </c>
      <c r="L8484" s="59">
        <f>Bühler!L8510</f>
        <v>5.7910576437631631</v>
      </c>
      <c r="M8484" s="58">
        <f>Bühler!M8510</f>
        <v>0</v>
      </c>
      <c r="N8484" s="56">
        <f>IF(Input!$D$19=1,J8484*Input!$C$19,0)+IF(Input!$D$20=1,K8484*Input!$C$20,0)+IF(Input!$D$21=1,L8484*Input!$C$21,0)+IF(Input!$D$22=1,M8484*Input!$C$22,0)</f>
        <v>0.24129406849013182</v>
      </c>
      <c r="O8484" s="59">
        <f>IF(Input!$D$19=2,J8484*Input!$C$19,0)+IF(Input!$D$20=2,K8484*Input!$C$20,0)+IF(Input!$D$21=2,L8484*Input!$C$21,0)+IF(Input!$D$22=2,M8484*Input!$C$22,0)</f>
        <v>0.60323517122532955</v>
      </c>
      <c r="P8484" s="59">
        <f>IF(Input!$D$19=3,J8484*Input!$C$19,0)+IF(Input!$D$20=3,K8484*Input!$C$20,0)+IF(Input!$D$21=3,L8484*Input!$C$21,0)+IF(Input!$D$22=3,M8484*Input!$C$22,0)</f>
        <v>0</v>
      </c>
      <c r="Q8484" s="75">
        <f>IF(Input!$D$19=4,J8484*Input!$C$19,0)+IF(Input!$D$20=4,K8484*Input!$C$20,0)+IF(Input!$D$21=4,L8484*Input!$C$21,0)+IF(Input!$D$22=4,M8484*Input!$C$22,0)</f>
        <v>0</v>
      </c>
      <c r="R8484" s="58">
        <v>61.10333396464209</v>
      </c>
      <c r="S8484" s="124">
        <f t="shared" si="132"/>
        <v>1.0456076301239046</v>
      </c>
    </row>
    <row r="8485" spans="8:19" x14ac:dyDescent="0.3">
      <c r="H8485" s="44">
        <v>8478</v>
      </c>
      <c r="I8485" s="56">
        <f>Bühler!I8511</f>
        <v>0.31100124383172539</v>
      </c>
      <c r="J8485" s="59">
        <f>Bühler!J8511</f>
        <v>1.036670812772418</v>
      </c>
      <c r="K8485" s="59">
        <f>Bühler!K8511</f>
        <v>1.5550062191586271</v>
      </c>
      <c r="L8485" s="59">
        <f>Bühler!L8511</f>
        <v>7.4640298519614099</v>
      </c>
      <c r="M8485" s="58">
        <f>Bühler!M8511</f>
        <v>0</v>
      </c>
      <c r="N8485" s="56">
        <f>IF(Input!$D$19=1,J8485*Input!$C$19,0)+IF(Input!$D$20=1,K8485*Input!$C$20,0)+IF(Input!$D$21=1,L8485*Input!$C$21,0)+IF(Input!$D$22=1,M8485*Input!$C$22,0)</f>
        <v>0.31100124383172539</v>
      </c>
      <c r="O8485" s="59">
        <f>IF(Input!$D$19=2,J8485*Input!$C$19,0)+IF(Input!$D$20=2,K8485*Input!$C$20,0)+IF(Input!$D$21=2,L8485*Input!$C$21,0)+IF(Input!$D$22=2,M8485*Input!$C$22,0)</f>
        <v>0.77750310957931357</v>
      </c>
      <c r="P8485" s="59">
        <f>IF(Input!$D$19=3,J8485*Input!$C$19,0)+IF(Input!$D$20=3,K8485*Input!$C$20,0)+IF(Input!$D$21=3,L8485*Input!$C$21,0)+IF(Input!$D$22=3,M8485*Input!$C$22,0)</f>
        <v>0</v>
      </c>
      <c r="Q8485" s="75">
        <f>IF(Input!$D$19=4,J8485*Input!$C$19,0)+IF(Input!$D$20=4,K8485*Input!$C$20,0)+IF(Input!$D$21=4,L8485*Input!$C$21,0)+IF(Input!$D$22=4,M8485*Input!$C$22,0)</f>
        <v>0</v>
      </c>
      <c r="R8485" s="58">
        <v>63.628680595656917</v>
      </c>
      <c r="S8485" s="124">
        <f t="shared" si="132"/>
        <v>1.3476720566041434</v>
      </c>
    </row>
    <row r="8486" spans="8:19" x14ac:dyDescent="0.3">
      <c r="H8486" s="44">
        <v>8479</v>
      </c>
      <c r="I8486" s="56">
        <f>Bühler!I8512</f>
        <v>0.35926005752975176</v>
      </c>
      <c r="J8486" s="59">
        <f>Bühler!J8512</f>
        <v>1.1975335250991728</v>
      </c>
      <c r="K8486" s="59">
        <f>Bühler!K8512</f>
        <v>1.7963002876487588</v>
      </c>
      <c r="L8486" s="59">
        <f>Bühler!L8512</f>
        <v>8.6222413807140423</v>
      </c>
      <c r="M8486" s="58">
        <f>Bühler!M8512</f>
        <v>0</v>
      </c>
      <c r="N8486" s="56">
        <f>IF(Input!$D$19=1,J8486*Input!$C$19,0)+IF(Input!$D$20=1,K8486*Input!$C$20,0)+IF(Input!$D$21=1,L8486*Input!$C$21,0)+IF(Input!$D$22=1,M8486*Input!$C$22,0)</f>
        <v>0.35926005752975182</v>
      </c>
      <c r="O8486" s="59">
        <f>IF(Input!$D$19=2,J8486*Input!$C$19,0)+IF(Input!$D$20=2,K8486*Input!$C$20,0)+IF(Input!$D$21=2,L8486*Input!$C$21,0)+IF(Input!$D$22=2,M8486*Input!$C$22,0)</f>
        <v>0.89815014382437941</v>
      </c>
      <c r="P8486" s="59">
        <f>IF(Input!$D$19=3,J8486*Input!$C$19,0)+IF(Input!$D$20=3,K8486*Input!$C$20,0)+IF(Input!$D$21=3,L8486*Input!$C$21,0)+IF(Input!$D$22=3,M8486*Input!$C$22,0)</f>
        <v>0</v>
      </c>
      <c r="Q8486" s="75">
        <f>IF(Input!$D$19=4,J8486*Input!$C$19,0)+IF(Input!$D$20=4,K8486*Input!$C$20,0)+IF(Input!$D$21=4,L8486*Input!$C$21,0)+IF(Input!$D$22=4,M8486*Input!$C$22,0)</f>
        <v>0</v>
      </c>
      <c r="R8486" s="58">
        <v>67.333186074995922</v>
      </c>
      <c r="S8486" s="124">
        <f t="shared" si="132"/>
        <v>1.5567935826289245</v>
      </c>
    </row>
    <row r="8487" spans="8:19" x14ac:dyDescent="0.3">
      <c r="H8487" s="44">
        <v>8480</v>
      </c>
      <c r="I8487" s="56">
        <f>Bühler!I8513</f>
        <v>0.35926005752975176</v>
      </c>
      <c r="J8487" s="59">
        <f>Bühler!J8513</f>
        <v>1.1975335250991728</v>
      </c>
      <c r="K8487" s="59">
        <f>Bühler!K8513</f>
        <v>1.7963002876487588</v>
      </c>
      <c r="L8487" s="59">
        <f>Bühler!L8513</f>
        <v>8.6222413807140423</v>
      </c>
      <c r="M8487" s="58">
        <f>Bühler!M8513</f>
        <v>0</v>
      </c>
      <c r="N8487" s="56">
        <f>IF(Input!$D$19=1,J8487*Input!$C$19,0)+IF(Input!$D$20=1,K8487*Input!$C$20,0)+IF(Input!$D$21=1,L8487*Input!$C$21,0)+IF(Input!$D$22=1,M8487*Input!$C$22,0)</f>
        <v>0.35926005752975182</v>
      </c>
      <c r="O8487" s="59">
        <f>IF(Input!$D$19=2,J8487*Input!$C$19,0)+IF(Input!$D$20=2,K8487*Input!$C$20,0)+IF(Input!$D$21=2,L8487*Input!$C$21,0)+IF(Input!$D$22=2,M8487*Input!$C$22,0)</f>
        <v>0.89815014382437941</v>
      </c>
      <c r="P8487" s="59">
        <f>IF(Input!$D$19=3,J8487*Input!$C$19,0)+IF(Input!$D$20=3,K8487*Input!$C$20,0)+IF(Input!$D$21=3,L8487*Input!$C$21,0)+IF(Input!$D$22=3,M8487*Input!$C$22,0)</f>
        <v>0</v>
      </c>
      <c r="Q8487" s="75">
        <f>IF(Input!$D$19=4,J8487*Input!$C$19,0)+IF(Input!$D$20=4,K8487*Input!$C$20,0)+IF(Input!$D$21=4,L8487*Input!$C$21,0)+IF(Input!$D$22=4,M8487*Input!$C$22,0)</f>
        <v>0</v>
      </c>
      <c r="R8487" s="58">
        <v>69.114720734792471</v>
      </c>
      <c r="S8487" s="124">
        <f t="shared" si="132"/>
        <v>1.5567935826289245</v>
      </c>
    </row>
    <row r="8488" spans="8:19" x14ac:dyDescent="0.3">
      <c r="H8488" s="44">
        <v>8481</v>
      </c>
      <c r="I8488" s="56">
        <f>Bühler!I8514</f>
        <v>0.35926005752975176</v>
      </c>
      <c r="J8488" s="59">
        <f>Bühler!J8514</f>
        <v>1.1975335250991728</v>
      </c>
      <c r="K8488" s="59">
        <f>Bühler!K8514</f>
        <v>1.7963002876487588</v>
      </c>
      <c r="L8488" s="59">
        <f>Bühler!L8514</f>
        <v>8.6222413807140423</v>
      </c>
      <c r="M8488" s="58">
        <f>Bühler!M8514</f>
        <v>0</v>
      </c>
      <c r="N8488" s="56">
        <f>IF(Input!$D$19=1,J8488*Input!$C$19,0)+IF(Input!$D$20=1,K8488*Input!$C$20,0)+IF(Input!$D$21=1,L8488*Input!$C$21,0)+IF(Input!$D$22=1,M8488*Input!$C$22,0)</f>
        <v>0.35926005752975182</v>
      </c>
      <c r="O8488" s="59">
        <f>IF(Input!$D$19=2,J8488*Input!$C$19,0)+IF(Input!$D$20=2,K8488*Input!$C$20,0)+IF(Input!$D$21=2,L8488*Input!$C$21,0)+IF(Input!$D$22=2,M8488*Input!$C$22,0)</f>
        <v>0.89815014382437941</v>
      </c>
      <c r="P8488" s="59">
        <f>IF(Input!$D$19=3,J8488*Input!$C$19,0)+IF(Input!$D$20=3,K8488*Input!$C$20,0)+IF(Input!$D$21=3,L8488*Input!$C$21,0)+IF(Input!$D$22=3,M8488*Input!$C$22,0)</f>
        <v>0</v>
      </c>
      <c r="Q8488" s="75">
        <f>IF(Input!$D$19=4,J8488*Input!$C$19,0)+IF(Input!$D$20=4,K8488*Input!$C$20,0)+IF(Input!$D$21=4,L8488*Input!$C$21,0)+IF(Input!$D$22=4,M8488*Input!$C$22,0)</f>
        <v>0</v>
      </c>
      <c r="R8488" s="58">
        <v>69.219168673502551</v>
      </c>
      <c r="S8488" s="124">
        <f t="shared" si="132"/>
        <v>1.5567935826289245</v>
      </c>
    </row>
    <row r="8489" spans="8:19" x14ac:dyDescent="0.3">
      <c r="H8489" s="44">
        <v>8482</v>
      </c>
      <c r="I8489" s="56">
        <f>Bühler!I8515</f>
        <v>0.38607050958421085</v>
      </c>
      <c r="J8489" s="59">
        <f>Bühler!J8515</f>
        <v>1.2869016986140362</v>
      </c>
      <c r="K8489" s="59">
        <f>Bühler!K8515</f>
        <v>1.9303525479210544</v>
      </c>
      <c r="L8489" s="59">
        <f>Bühler!L8515</f>
        <v>9.2656922300210613</v>
      </c>
      <c r="M8489" s="58">
        <f>Bühler!M8515</f>
        <v>0</v>
      </c>
      <c r="N8489" s="56">
        <f>IF(Input!$D$19=1,J8489*Input!$C$19,0)+IF(Input!$D$20=1,K8489*Input!$C$20,0)+IF(Input!$D$21=1,L8489*Input!$C$21,0)+IF(Input!$D$22=1,M8489*Input!$C$22,0)</f>
        <v>0.38607050958421085</v>
      </c>
      <c r="O8489" s="59">
        <f>IF(Input!$D$19=2,J8489*Input!$C$19,0)+IF(Input!$D$20=2,K8489*Input!$C$20,0)+IF(Input!$D$21=2,L8489*Input!$C$21,0)+IF(Input!$D$22=2,M8489*Input!$C$22,0)</f>
        <v>0.96517627396052719</v>
      </c>
      <c r="P8489" s="59">
        <f>IF(Input!$D$19=3,J8489*Input!$C$19,0)+IF(Input!$D$20=3,K8489*Input!$C$20,0)+IF(Input!$D$21=3,L8489*Input!$C$21,0)+IF(Input!$D$22=3,M8489*Input!$C$22,0)</f>
        <v>0</v>
      </c>
      <c r="Q8489" s="75">
        <f>IF(Input!$D$19=4,J8489*Input!$C$19,0)+IF(Input!$D$20=4,K8489*Input!$C$20,0)+IF(Input!$D$21=4,L8489*Input!$C$21,0)+IF(Input!$D$22=4,M8489*Input!$C$22,0)</f>
        <v>0</v>
      </c>
      <c r="R8489" s="58">
        <v>68.430575000359298</v>
      </c>
      <c r="S8489" s="124">
        <f t="shared" si="132"/>
        <v>1.6729722081982472</v>
      </c>
    </row>
    <row r="8490" spans="8:19" x14ac:dyDescent="0.3">
      <c r="H8490" s="44">
        <v>8483</v>
      </c>
      <c r="I8490" s="56">
        <f>Bühler!I8516</f>
        <v>0.41824305204956175</v>
      </c>
      <c r="J8490" s="59">
        <f>Bühler!J8516</f>
        <v>1.3941435068318726</v>
      </c>
      <c r="K8490" s="59">
        <f>Bühler!K8516</f>
        <v>2.0912152602478087</v>
      </c>
      <c r="L8490" s="59">
        <f>Bühler!L8516</f>
        <v>10.037833249189482</v>
      </c>
      <c r="M8490" s="58">
        <f>Bühler!M8516</f>
        <v>0</v>
      </c>
      <c r="N8490" s="56">
        <f>IF(Input!$D$19=1,J8490*Input!$C$19,0)+IF(Input!$D$20=1,K8490*Input!$C$20,0)+IF(Input!$D$21=1,L8490*Input!$C$21,0)+IF(Input!$D$22=1,M8490*Input!$C$22,0)</f>
        <v>0.41824305204956175</v>
      </c>
      <c r="O8490" s="59">
        <f>IF(Input!$D$19=2,J8490*Input!$C$19,0)+IF(Input!$D$20=2,K8490*Input!$C$20,0)+IF(Input!$D$21=2,L8490*Input!$C$21,0)+IF(Input!$D$22=2,M8490*Input!$C$22,0)</f>
        <v>1.0456076301239043</v>
      </c>
      <c r="P8490" s="59">
        <f>IF(Input!$D$19=3,J8490*Input!$C$19,0)+IF(Input!$D$20=3,K8490*Input!$C$20,0)+IF(Input!$D$21=3,L8490*Input!$C$21,0)+IF(Input!$D$22=3,M8490*Input!$C$22,0)</f>
        <v>0</v>
      </c>
      <c r="Q8490" s="75">
        <f>IF(Input!$D$19=4,J8490*Input!$C$19,0)+IF(Input!$D$20=4,K8490*Input!$C$20,0)+IF(Input!$D$21=4,L8490*Input!$C$21,0)+IF(Input!$D$22=4,M8490*Input!$C$22,0)</f>
        <v>0</v>
      </c>
      <c r="R8490" s="58">
        <v>69.347956382582169</v>
      </c>
      <c r="S8490" s="124">
        <f t="shared" si="132"/>
        <v>1.8123865588814343</v>
      </c>
    </row>
    <row r="8491" spans="8:19" x14ac:dyDescent="0.3">
      <c r="H8491" s="44">
        <v>8484</v>
      </c>
      <c r="I8491" s="56">
        <f>Bühler!I8517</f>
        <v>0.48258813698026359</v>
      </c>
      <c r="J8491" s="59">
        <f>Bühler!J8517</f>
        <v>1.6086271232675455</v>
      </c>
      <c r="K8491" s="59">
        <f>Bühler!K8517</f>
        <v>2.4129406849013182</v>
      </c>
      <c r="L8491" s="59">
        <f>Bühler!L8517</f>
        <v>11.582115287526326</v>
      </c>
      <c r="M8491" s="58">
        <f>Bühler!M8517</f>
        <v>0</v>
      </c>
      <c r="N8491" s="56">
        <f>IF(Input!$D$19=1,J8491*Input!$C$19,0)+IF(Input!$D$20=1,K8491*Input!$C$20,0)+IF(Input!$D$21=1,L8491*Input!$C$21,0)+IF(Input!$D$22=1,M8491*Input!$C$22,0)</f>
        <v>0.48258813698026365</v>
      </c>
      <c r="O8491" s="59">
        <f>IF(Input!$D$19=2,J8491*Input!$C$19,0)+IF(Input!$D$20=2,K8491*Input!$C$20,0)+IF(Input!$D$21=2,L8491*Input!$C$21,0)+IF(Input!$D$22=2,M8491*Input!$C$22,0)</f>
        <v>1.2064703424506591</v>
      </c>
      <c r="P8491" s="59">
        <f>IF(Input!$D$19=3,J8491*Input!$C$19,0)+IF(Input!$D$20=3,K8491*Input!$C$20,0)+IF(Input!$D$21=3,L8491*Input!$C$21,0)+IF(Input!$D$22=3,M8491*Input!$C$22,0)</f>
        <v>0</v>
      </c>
      <c r="Q8491" s="75">
        <f>IF(Input!$D$19=4,J8491*Input!$C$19,0)+IF(Input!$D$20=4,K8491*Input!$C$20,0)+IF(Input!$D$21=4,L8491*Input!$C$21,0)+IF(Input!$D$22=4,M8491*Input!$C$22,0)</f>
        <v>0</v>
      </c>
      <c r="R8491" s="58">
        <v>68.986946958070789</v>
      </c>
      <c r="S8491" s="124">
        <f t="shared" si="132"/>
        <v>2.0912152602478091</v>
      </c>
    </row>
    <row r="8492" spans="8:19" x14ac:dyDescent="0.3">
      <c r="H8492" s="44">
        <v>8485</v>
      </c>
      <c r="I8492" s="56">
        <f>Bühler!I8518</f>
        <v>0.48258813698026359</v>
      </c>
      <c r="J8492" s="59">
        <f>Bühler!J8518</f>
        <v>1.6086271232675455</v>
      </c>
      <c r="K8492" s="59">
        <f>Bühler!K8518</f>
        <v>2.4129406849013182</v>
      </c>
      <c r="L8492" s="59">
        <f>Bühler!L8518</f>
        <v>11.582115287526326</v>
      </c>
      <c r="M8492" s="58">
        <f>Bühler!M8518</f>
        <v>0</v>
      </c>
      <c r="N8492" s="56">
        <f>IF(Input!$D$19=1,J8492*Input!$C$19,0)+IF(Input!$D$20=1,K8492*Input!$C$20,0)+IF(Input!$D$21=1,L8492*Input!$C$21,0)+IF(Input!$D$22=1,M8492*Input!$C$22,0)</f>
        <v>0.48258813698026365</v>
      </c>
      <c r="O8492" s="59">
        <f>IF(Input!$D$19=2,J8492*Input!$C$19,0)+IF(Input!$D$20=2,K8492*Input!$C$20,0)+IF(Input!$D$21=2,L8492*Input!$C$21,0)+IF(Input!$D$22=2,M8492*Input!$C$22,0)</f>
        <v>1.2064703424506591</v>
      </c>
      <c r="P8492" s="59">
        <f>IF(Input!$D$19=3,J8492*Input!$C$19,0)+IF(Input!$D$20=3,K8492*Input!$C$20,0)+IF(Input!$D$21=3,L8492*Input!$C$21,0)+IF(Input!$D$22=3,M8492*Input!$C$22,0)</f>
        <v>0</v>
      </c>
      <c r="Q8492" s="75">
        <f>IF(Input!$D$19=4,J8492*Input!$C$19,0)+IF(Input!$D$20=4,K8492*Input!$C$20,0)+IF(Input!$D$21=4,L8492*Input!$C$21,0)+IF(Input!$D$22=4,M8492*Input!$C$22,0)</f>
        <v>0</v>
      </c>
      <c r="R8492" s="58">
        <v>68.921116475433678</v>
      </c>
      <c r="S8492" s="124">
        <f t="shared" si="132"/>
        <v>2.0912152602478091</v>
      </c>
    </row>
    <row r="8493" spans="8:19" x14ac:dyDescent="0.3">
      <c r="H8493" s="44">
        <v>8486</v>
      </c>
      <c r="I8493" s="56">
        <f>Bühler!I8519</f>
        <v>0.48258813698026359</v>
      </c>
      <c r="J8493" s="59">
        <f>Bühler!J8519</f>
        <v>1.6086271232675455</v>
      </c>
      <c r="K8493" s="59">
        <f>Bühler!K8519</f>
        <v>2.4129406849013182</v>
      </c>
      <c r="L8493" s="59">
        <f>Bühler!L8519</f>
        <v>11.582115287526326</v>
      </c>
      <c r="M8493" s="58">
        <f>Bühler!M8519</f>
        <v>0</v>
      </c>
      <c r="N8493" s="56">
        <f>IF(Input!$D$19=1,J8493*Input!$C$19,0)+IF(Input!$D$20=1,K8493*Input!$C$20,0)+IF(Input!$D$21=1,L8493*Input!$C$21,0)+IF(Input!$D$22=1,M8493*Input!$C$22,0)</f>
        <v>0.48258813698026365</v>
      </c>
      <c r="O8493" s="59">
        <f>IF(Input!$D$19=2,J8493*Input!$C$19,0)+IF(Input!$D$20=2,K8493*Input!$C$20,0)+IF(Input!$D$21=2,L8493*Input!$C$21,0)+IF(Input!$D$22=2,M8493*Input!$C$22,0)</f>
        <v>1.2064703424506591</v>
      </c>
      <c r="P8493" s="59">
        <f>IF(Input!$D$19=3,J8493*Input!$C$19,0)+IF(Input!$D$20=3,K8493*Input!$C$20,0)+IF(Input!$D$21=3,L8493*Input!$C$21,0)+IF(Input!$D$22=3,M8493*Input!$C$22,0)</f>
        <v>0</v>
      </c>
      <c r="Q8493" s="75">
        <f>IF(Input!$D$19=4,J8493*Input!$C$19,0)+IF(Input!$D$20=4,K8493*Input!$C$20,0)+IF(Input!$D$21=4,L8493*Input!$C$21,0)+IF(Input!$D$22=4,M8493*Input!$C$22,0)</f>
        <v>0</v>
      </c>
      <c r="R8493" s="58">
        <v>68.945846931916734</v>
      </c>
      <c r="S8493" s="124">
        <f t="shared" si="132"/>
        <v>2.0912152602478091</v>
      </c>
    </row>
    <row r="8494" spans="8:19" x14ac:dyDescent="0.3">
      <c r="H8494" s="44">
        <v>8487</v>
      </c>
      <c r="I8494" s="56">
        <f>Bühler!I8520</f>
        <v>0.48258813698026359</v>
      </c>
      <c r="J8494" s="59">
        <f>Bühler!J8520</f>
        <v>1.6086271232675455</v>
      </c>
      <c r="K8494" s="59">
        <f>Bühler!K8520</f>
        <v>2.4129406849013182</v>
      </c>
      <c r="L8494" s="59">
        <f>Bühler!L8520</f>
        <v>11.582115287526326</v>
      </c>
      <c r="M8494" s="58">
        <f>Bühler!M8520</f>
        <v>0</v>
      </c>
      <c r="N8494" s="56">
        <f>IF(Input!$D$19=1,J8494*Input!$C$19,0)+IF(Input!$D$20=1,K8494*Input!$C$20,0)+IF(Input!$D$21=1,L8494*Input!$C$21,0)+IF(Input!$D$22=1,M8494*Input!$C$22,0)</f>
        <v>0.48258813698026365</v>
      </c>
      <c r="O8494" s="59">
        <f>IF(Input!$D$19=2,J8494*Input!$C$19,0)+IF(Input!$D$20=2,K8494*Input!$C$20,0)+IF(Input!$D$21=2,L8494*Input!$C$21,0)+IF(Input!$D$22=2,M8494*Input!$C$22,0)</f>
        <v>1.2064703424506591</v>
      </c>
      <c r="P8494" s="59">
        <f>IF(Input!$D$19=3,J8494*Input!$C$19,0)+IF(Input!$D$20=3,K8494*Input!$C$20,0)+IF(Input!$D$21=3,L8494*Input!$C$21,0)+IF(Input!$D$22=3,M8494*Input!$C$22,0)</f>
        <v>0</v>
      </c>
      <c r="Q8494" s="75">
        <f>IF(Input!$D$19=4,J8494*Input!$C$19,0)+IF(Input!$D$20=4,K8494*Input!$C$20,0)+IF(Input!$D$21=4,L8494*Input!$C$21,0)+IF(Input!$D$22=4,M8494*Input!$C$22,0)</f>
        <v>0</v>
      </c>
      <c r="R8494" s="58">
        <v>69.312925357952224</v>
      </c>
      <c r="S8494" s="124">
        <f t="shared" si="132"/>
        <v>2.0912152602478091</v>
      </c>
    </row>
    <row r="8495" spans="8:19" x14ac:dyDescent="0.3">
      <c r="H8495" s="44">
        <v>8488</v>
      </c>
      <c r="I8495" s="56">
        <f>Bühler!I8521</f>
        <v>0.48258813698026359</v>
      </c>
      <c r="J8495" s="59">
        <f>Bühler!J8521</f>
        <v>1.6086271232675455</v>
      </c>
      <c r="K8495" s="59">
        <f>Bühler!K8521</f>
        <v>2.4129406849013182</v>
      </c>
      <c r="L8495" s="59">
        <f>Bühler!L8521</f>
        <v>11.582115287526326</v>
      </c>
      <c r="M8495" s="58">
        <f>Bühler!M8521</f>
        <v>0</v>
      </c>
      <c r="N8495" s="56">
        <f>IF(Input!$D$19=1,J8495*Input!$C$19,0)+IF(Input!$D$20=1,K8495*Input!$C$20,0)+IF(Input!$D$21=1,L8495*Input!$C$21,0)+IF(Input!$D$22=1,M8495*Input!$C$22,0)</f>
        <v>0.48258813698026365</v>
      </c>
      <c r="O8495" s="59">
        <f>IF(Input!$D$19=2,J8495*Input!$C$19,0)+IF(Input!$D$20=2,K8495*Input!$C$20,0)+IF(Input!$D$21=2,L8495*Input!$C$21,0)+IF(Input!$D$22=2,M8495*Input!$C$22,0)</f>
        <v>1.2064703424506591</v>
      </c>
      <c r="P8495" s="59">
        <f>IF(Input!$D$19=3,J8495*Input!$C$19,0)+IF(Input!$D$20=3,K8495*Input!$C$20,0)+IF(Input!$D$21=3,L8495*Input!$C$21,0)+IF(Input!$D$22=3,M8495*Input!$C$22,0)</f>
        <v>0</v>
      </c>
      <c r="Q8495" s="75">
        <f>IF(Input!$D$19=4,J8495*Input!$C$19,0)+IF(Input!$D$20=4,K8495*Input!$C$20,0)+IF(Input!$D$21=4,L8495*Input!$C$21,0)+IF(Input!$D$22=4,M8495*Input!$C$22,0)</f>
        <v>0</v>
      </c>
      <c r="R8495" s="58">
        <v>68.69882962994177</v>
      </c>
      <c r="S8495" s="124">
        <f t="shared" si="132"/>
        <v>2.0912152602478091</v>
      </c>
    </row>
    <row r="8496" spans="8:19" x14ac:dyDescent="0.3">
      <c r="H8496" s="44">
        <v>8489</v>
      </c>
      <c r="I8496" s="56">
        <f>Bühler!I8522</f>
        <v>0.48258813698026359</v>
      </c>
      <c r="J8496" s="59">
        <f>Bühler!J8522</f>
        <v>1.6086271232675455</v>
      </c>
      <c r="K8496" s="59">
        <f>Bühler!K8522</f>
        <v>2.4129406849013182</v>
      </c>
      <c r="L8496" s="59">
        <f>Bühler!L8522</f>
        <v>11.582115287526326</v>
      </c>
      <c r="M8496" s="58">
        <f>Bühler!M8522</f>
        <v>0</v>
      </c>
      <c r="N8496" s="56">
        <f>IF(Input!$D$19=1,J8496*Input!$C$19,0)+IF(Input!$D$20=1,K8496*Input!$C$20,0)+IF(Input!$D$21=1,L8496*Input!$C$21,0)+IF(Input!$D$22=1,M8496*Input!$C$22,0)</f>
        <v>0.48258813698026365</v>
      </c>
      <c r="O8496" s="59">
        <f>IF(Input!$D$19=2,J8496*Input!$C$19,0)+IF(Input!$D$20=2,K8496*Input!$C$20,0)+IF(Input!$D$21=2,L8496*Input!$C$21,0)+IF(Input!$D$22=2,M8496*Input!$C$22,0)</f>
        <v>1.2064703424506591</v>
      </c>
      <c r="P8496" s="59">
        <f>IF(Input!$D$19=3,J8496*Input!$C$19,0)+IF(Input!$D$20=3,K8496*Input!$C$20,0)+IF(Input!$D$21=3,L8496*Input!$C$21,0)+IF(Input!$D$22=3,M8496*Input!$C$22,0)</f>
        <v>0</v>
      </c>
      <c r="Q8496" s="75">
        <f>IF(Input!$D$19=4,J8496*Input!$C$19,0)+IF(Input!$D$20=4,K8496*Input!$C$20,0)+IF(Input!$D$21=4,L8496*Input!$C$21,0)+IF(Input!$D$22=4,M8496*Input!$C$22,0)</f>
        <v>0</v>
      </c>
      <c r="R8496" s="58">
        <v>68.055004746174674</v>
      </c>
      <c r="S8496" s="124">
        <f t="shared" si="132"/>
        <v>2.0912152602478091</v>
      </c>
    </row>
    <row r="8497" spans="8:19" x14ac:dyDescent="0.3">
      <c r="H8497" s="44">
        <v>8490</v>
      </c>
      <c r="I8497" s="56">
        <f>Bühler!I8523</f>
        <v>0.48258813698026359</v>
      </c>
      <c r="J8497" s="59">
        <f>Bühler!J8523</f>
        <v>1.6086271232675455</v>
      </c>
      <c r="K8497" s="59">
        <f>Bühler!K8523</f>
        <v>2.4129406849013182</v>
      </c>
      <c r="L8497" s="59">
        <f>Bühler!L8523</f>
        <v>11.582115287526326</v>
      </c>
      <c r="M8497" s="58">
        <f>Bühler!M8523</f>
        <v>0</v>
      </c>
      <c r="N8497" s="56">
        <f>IF(Input!$D$19=1,J8497*Input!$C$19,0)+IF(Input!$D$20=1,K8497*Input!$C$20,0)+IF(Input!$D$21=1,L8497*Input!$C$21,0)+IF(Input!$D$22=1,M8497*Input!$C$22,0)</f>
        <v>0.48258813698026365</v>
      </c>
      <c r="O8497" s="59">
        <f>IF(Input!$D$19=2,J8497*Input!$C$19,0)+IF(Input!$D$20=2,K8497*Input!$C$20,0)+IF(Input!$D$21=2,L8497*Input!$C$21,0)+IF(Input!$D$22=2,M8497*Input!$C$22,0)</f>
        <v>1.2064703424506591</v>
      </c>
      <c r="P8497" s="59">
        <f>IF(Input!$D$19=3,J8497*Input!$C$19,0)+IF(Input!$D$20=3,K8497*Input!$C$20,0)+IF(Input!$D$21=3,L8497*Input!$C$21,0)+IF(Input!$D$22=3,M8497*Input!$C$22,0)</f>
        <v>0</v>
      </c>
      <c r="Q8497" s="75">
        <f>IF(Input!$D$19=4,J8497*Input!$C$19,0)+IF(Input!$D$20=4,K8497*Input!$C$20,0)+IF(Input!$D$21=4,L8497*Input!$C$21,0)+IF(Input!$D$22=4,M8497*Input!$C$22,0)</f>
        <v>0</v>
      </c>
      <c r="R8497" s="58">
        <v>67.993038739377653</v>
      </c>
      <c r="S8497" s="124">
        <f t="shared" si="132"/>
        <v>2.0912152602478091</v>
      </c>
    </row>
    <row r="8498" spans="8:19" x14ac:dyDescent="0.3">
      <c r="H8498" s="44">
        <v>8491</v>
      </c>
      <c r="I8498" s="56">
        <f>Bühler!I8524</f>
        <v>0.48258813698026359</v>
      </c>
      <c r="J8498" s="59">
        <f>Bühler!J8524</f>
        <v>1.6086271232675455</v>
      </c>
      <c r="K8498" s="59">
        <f>Bühler!K8524</f>
        <v>2.4129406849013182</v>
      </c>
      <c r="L8498" s="59">
        <f>Bühler!L8524</f>
        <v>11.582115287526326</v>
      </c>
      <c r="M8498" s="58">
        <f>Bühler!M8524</f>
        <v>0</v>
      </c>
      <c r="N8498" s="56">
        <f>IF(Input!$D$19=1,J8498*Input!$C$19,0)+IF(Input!$D$20=1,K8498*Input!$C$20,0)+IF(Input!$D$21=1,L8498*Input!$C$21,0)+IF(Input!$D$22=1,M8498*Input!$C$22,0)</f>
        <v>0.48258813698026365</v>
      </c>
      <c r="O8498" s="59">
        <f>IF(Input!$D$19=2,J8498*Input!$C$19,0)+IF(Input!$D$20=2,K8498*Input!$C$20,0)+IF(Input!$D$21=2,L8498*Input!$C$21,0)+IF(Input!$D$22=2,M8498*Input!$C$22,0)</f>
        <v>1.2064703424506591</v>
      </c>
      <c r="P8498" s="59">
        <f>IF(Input!$D$19=3,J8498*Input!$C$19,0)+IF(Input!$D$20=3,K8498*Input!$C$20,0)+IF(Input!$D$21=3,L8498*Input!$C$21,0)+IF(Input!$D$22=3,M8498*Input!$C$22,0)</f>
        <v>0</v>
      </c>
      <c r="Q8498" s="75">
        <f>IF(Input!$D$19=4,J8498*Input!$C$19,0)+IF(Input!$D$20=4,K8498*Input!$C$20,0)+IF(Input!$D$21=4,L8498*Input!$C$21,0)+IF(Input!$D$22=4,M8498*Input!$C$22,0)</f>
        <v>0</v>
      </c>
      <c r="R8498" s="58">
        <v>66.134928856010987</v>
      </c>
      <c r="S8498" s="124">
        <f t="shared" si="132"/>
        <v>2.0912152602478091</v>
      </c>
    </row>
    <row r="8499" spans="8:19" x14ac:dyDescent="0.3">
      <c r="H8499" s="44">
        <v>8492</v>
      </c>
      <c r="I8499" s="56">
        <f>Bühler!I8525</f>
        <v>0.40215678081688633</v>
      </c>
      <c r="J8499" s="59">
        <f>Bühler!J8525</f>
        <v>1.3405226027229546</v>
      </c>
      <c r="K8499" s="59">
        <f>Bühler!K8525</f>
        <v>2.0107839040844318</v>
      </c>
      <c r="L8499" s="59">
        <f>Bühler!L8525</f>
        <v>9.6517627396052728</v>
      </c>
      <c r="M8499" s="58">
        <f>Bühler!M8525</f>
        <v>0</v>
      </c>
      <c r="N8499" s="56">
        <f>IF(Input!$D$19=1,J8499*Input!$C$19,0)+IF(Input!$D$20=1,K8499*Input!$C$20,0)+IF(Input!$D$21=1,L8499*Input!$C$21,0)+IF(Input!$D$22=1,M8499*Input!$C$22,0)</f>
        <v>0.40215678081688638</v>
      </c>
      <c r="O8499" s="59">
        <f>IF(Input!$D$19=2,J8499*Input!$C$19,0)+IF(Input!$D$20=2,K8499*Input!$C$20,0)+IF(Input!$D$21=2,L8499*Input!$C$21,0)+IF(Input!$D$22=2,M8499*Input!$C$22,0)</f>
        <v>1.0053919520422159</v>
      </c>
      <c r="P8499" s="59">
        <f>IF(Input!$D$19=3,J8499*Input!$C$19,0)+IF(Input!$D$20=3,K8499*Input!$C$20,0)+IF(Input!$D$21=3,L8499*Input!$C$21,0)+IF(Input!$D$22=3,M8499*Input!$C$22,0)</f>
        <v>0</v>
      </c>
      <c r="Q8499" s="75">
        <f>IF(Input!$D$19=4,J8499*Input!$C$19,0)+IF(Input!$D$20=4,K8499*Input!$C$20,0)+IF(Input!$D$21=4,L8499*Input!$C$21,0)+IF(Input!$D$22=4,M8499*Input!$C$22,0)</f>
        <v>0</v>
      </c>
      <c r="R8499" s="58">
        <v>64.653887226322851</v>
      </c>
      <c r="S8499" s="124">
        <f t="shared" si="132"/>
        <v>1.7426793835398411</v>
      </c>
    </row>
    <row r="8500" spans="8:19" x14ac:dyDescent="0.3">
      <c r="H8500" s="44">
        <v>8493</v>
      </c>
      <c r="I8500" s="56">
        <f>Bühler!I8526</f>
        <v>0.32172542465350912</v>
      </c>
      <c r="J8500" s="59">
        <f>Bühler!J8526</f>
        <v>1.0724180821783638</v>
      </c>
      <c r="K8500" s="59">
        <f>Bühler!K8526</f>
        <v>1.6086271232675455</v>
      </c>
      <c r="L8500" s="59">
        <f>Bühler!L8526</f>
        <v>7.7214101916842184</v>
      </c>
      <c r="M8500" s="58">
        <f>Bühler!M8526</f>
        <v>0</v>
      </c>
      <c r="N8500" s="56">
        <f>IF(Input!$D$19=1,J8500*Input!$C$19,0)+IF(Input!$D$20=1,K8500*Input!$C$20,0)+IF(Input!$D$21=1,L8500*Input!$C$21,0)+IF(Input!$D$22=1,M8500*Input!$C$22,0)</f>
        <v>0.32172542465350912</v>
      </c>
      <c r="O8500" s="59">
        <f>IF(Input!$D$19=2,J8500*Input!$C$19,0)+IF(Input!$D$20=2,K8500*Input!$C$20,0)+IF(Input!$D$21=2,L8500*Input!$C$21,0)+IF(Input!$D$22=2,M8500*Input!$C$22,0)</f>
        <v>0.80431356163377277</v>
      </c>
      <c r="P8500" s="59">
        <f>IF(Input!$D$19=3,J8500*Input!$C$19,0)+IF(Input!$D$20=3,K8500*Input!$C$20,0)+IF(Input!$D$21=3,L8500*Input!$C$21,0)+IF(Input!$D$22=3,M8500*Input!$C$22,0)</f>
        <v>0</v>
      </c>
      <c r="Q8500" s="75">
        <f>IF(Input!$D$19=4,J8500*Input!$C$19,0)+IF(Input!$D$20=4,K8500*Input!$C$20,0)+IF(Input!$D$21=4,L8500*Input!$C$21,0)+IF(Input!$D$22=4,M8500*Input!$C$22,0)</f>
        <v>0</v>
      </c>
      <c r="R8500" s="58">
        <v>63.330893359619644</v>
      </c>
      <c r="S8500" s="124">
        <f t="shared" si="132"/>
        <v>1.3941435068318728</v>
      </c>
    </row>
    <row r="8501" spans="8:19" x14ac:dyDescent="0.3">
      <c r="H8501" s="44">
        <v>8494</v>
      </c>
      <c r="I8501" s="56">
        <f>Bühler!I8527</f>
        <v>0.2412940684901318</v>
      </c>
      <c r="J8501" s="59">
        <f>Bühler!J8527</f>
        <v>0.80431356163377277</v>
      </c>
      <c r="K8501" s="59">
        <f>Bühler!K8527</f>
        <v>1.2064703424506591</v>
      </c>
      <c r="L8501" s="59">
        <f>Bühler!L8527</f>
        <v>5.7910576437631631</v>
      </c>
      <c r="M8501" s="58">
        <f>Bühler!M8527</f>
        <v>0</v>
      </c>
      <c r="N8501" s="56">
        <f>IF(Input!$D$19=1,J8501*Input!$C$19,0)+IF(Input!$D$20=1,K8501*Input!$C$20,0)+IF(Input!$D$21=1,L8501*Input!$C$21,0)+IF(Input!$D$22=1,M8501*Input!$C$22,0)</f>
        <v>0.24129406849013182</v>
      </c>
      <c r="O8501" s="59">
        <f>IF(Input!$D$19=2,J8501*Input!$C$19,0)+IF(Input!$D$20=2,K8501*Input!$C$20,0)+IF(Input!$D$21=2,L8501*Input!$C$21,0)+IF(Input!$D$22=2,M8501*Input!$C$22,0)</f>
        <v>0.60323517122532955</v>
      </c>
      <c r="P8501" s="59">
        <f>IF(Input!$D$19=3,J8501*Input!$C$19,0)+IF(Input!$D$20=3,K8501*Input!$C$20,0)+IF(Input!$D$21=3,L8501*Input!$C$21,0)+IF(Input!$D$22=3,M8501*Input!$C$22,0)</f>
        <v>0</v>
      </c>
      <c r="Q8501" s="75">
        <f>IF(Input!$D$19=4,J8501*Input!$C$19,0)+IF(Input!$D$20=4,K8501*Input!$C$20,0)+IF(Input!$D$21=4,L8501*Input!$C$21,0)+IF(Input!$D$22=4,M8501*Input!$C$22,0)</f>
        <v>0</v>
      </c>
      <c r="R8501" s="58">
        <v>61.580765399261779</v>
      </c>
      <c r="S8501" s="124">
        <f t="shared" si="132"/>
        <v>1.0456076301239046</v>
      </c>
    </row>
    <row r="8502" spans="8:19" x14ac:dyDescent="0.3">
      <c r="H8502" s="44">
        <v>8495</v>
      </c>
      <c r="I8502" s="56">
        <f>Bühler!I8528</f>
        <v>0.2412940684901318</v>
      </c>
      <c r="J8502" s="59">
        <f>Bühler!J8528</f>
        <v>0.80431356163377277</v>
      </c>
      <c r="K8502" s="59">
        <f>Bühler!K8528</f>
        <v>1.2064703424506591</v>
      </c>
      <c r="L8502" s="59">
        <f>Bühler!L8528</f>
        <v>5.7910576437631631</v>
      </c>
      <c r="M8502" s="58">
        <f>Bühler!M8528</f>
        <v>0</v>
      </c>
      <c r="N8502" s="56">
        <f>IF(Input!$D$19=1,J8502*Input!$C$19,0)+IF(Input!$D$20=1,K8502*Input!$C$20,0)+IF(Input!$D$21=1,L8502*Input!$C$21,0)+IF(Input!$D$22=1,M8502*Input!$C$22,0)</f>
        <v>0.24129406849013182</v>
      </c>
      <c r="O8502" s="59">
        <f>IF(Input!$D$19=2,J8502*Input!$C$19,0)+IF(Input!$D$20=2,K8502*Input!$C$20,0)+IF(Input!$D$21=2,L8502*Input!$C$21,0)+IF(Input!$D$22=2,M8502*Input!$C$22,0)</f>
        <v>0.60323517122532955</v>
      </c>
      <c r="P8502" s="59">
        <f>IF(Input!$D$19=3,J8502*Input!$C$19,0)+IF(Input!$D$20=3,K8502*Input!$C$20,0)+IF(Input!$D$21=3,L8502*Input!$C$21,0)+IF(Input!$D$22=3,M8502*Input!$C$22,0)</f>
        <v>0</v>
      </c>
      <c r="Q8502" s="75">
        <f>IF(Input!$D$19=4,J8502*Input!$C$19,0)+IF(Input!$D$20=4,K8502*Input!$C$20,0)+IF(Input!$D$21=4,L8502*Input!$C$21,0)+IF(Input!$D$22=4,M8502*Input!$C$22,0)</f>
        <v>0</v>
      </c>
      <c r="R8502" s="58">
        <v>61.552540068280223</v>
      </c>
      <c r="S8502" s="124">
        <f t="shared" si="132"/>
        <v>1.0456076301239046</v>
      </c>
    </row>
    <row r="8503" spans="8:19" x14ac:dyDescent="0.3">
      <c r="H8503" s="44">
        <v>8496</v>
      </c>
      <c r="I8503" s="56">
        <f>Bühler!I8529</f>
        <v>0.2412940684901318</v>
      </c>
      <c r="J8503" s="59">
        <f>Bühler!J8529</f>
        <v>0.80431356163377277</v>
      </c>
      <c r="K8503" s="59">
        <f>Bühler!K8529</f>
        <v>1.2064703424506591</v>
      </c>
      <c r="L8503" s="59">
        <f>Bühler!L8529</f>
        <v>5.7910576437631631</v>
      </c>
      <c r="M8503" s="58">
        <f>Bühler!M8529</f>
        <v>0</v>
      </c>
      <c r="N8503" s="56">
        <f>IF(Input!$D$19=1,J8503*Input!$C$19,0)+IF(Input!$D$20=1,K8503*Input!$C$20,0)+IF(Input!$D$21=1,L8503*Input!$C$21,0)+IF(Input!$D$22=1,M8503*Input!$C$22,0)</f>
        <v>0.24129406849013182</v>
      </c>
      <c r="O8503" s="59">
        <f>IF(Input!$D$19=2,J8503*Input!$C$19,0)+IF(Input!$D$20=2,K8503*Input!$C$20,0)+IF(Input!$D$21=2,L8503*Input!$C$21,0)+IF(Input!$D$22=2,M8503*Input!$C$22,0)</f>
        <v>0.60323517122532955</v>
      </c>
      <c r="P8503" s="59">
        <f>IF(Input!$D$19=3,J8503*Input!$C$19,0)+IF(Input!$D$20=3,K8503*Input!$C$20,0)+IF(Input!$D$21=3,L8503*Input!$C$21,0)+IF(Input!$D$22=3,M8503*Input!$C$22,0)</f>
        <v>0</v>
      </c>
      <c r="Q8503" s="75">
        <f>IF(Input!$D$19=4,J8503*Input!$C$19,0)+IF(Input!$D$20=4,K8503*Input!$C$20,0)+IF(Input!$D$21=4,L8503*Input!$C$21,0)+IF(Input!$D$22=4,M8503*Input!$C$22,0)</f>
        <v>0</v>
      </c>
      <c r="R8503" s="58">
        <v>60.911531796222782</v>
      </c>
      <c r="S8503" s="124">
        <f t="shared" si="132"/>
        <v>1.0456076301239046</v>
      </c>
    </row>
    <row r="8504" spans="8:19" x14ac:dyDescent="0.3">
      <c r="H8504" s="44">
        <v>8497</v>
      </c>
      <c r="I8504" s="56">
        <f>Bühler!I8530</f>
        <v>0.26792232328381588</v>
      </c>
      <c r="J8504" s="59">
        <f>Bühler!J8530</f>
        <v>0.89307441094605311</v>
      </c>
      <c r="K8504" s="59">
        <f>Bühler!K8530</f>
        <v>1.3396116164190794</v>
      </c>
      <c r="L8504" s="59">
        <f>Bühler!L8530</f>
        <v>6.4301357588115815</v>
      </c>
      <c r="M8504" s="58">
        <f>Bühler!M8530</f>
        <v>0</v>
      </c>
      <c r="N8504" s="56">
        <f>IF(Input!$D$19=1,J8504*Input!$C$19,0)+IF(Input!$D$20=1,K8504*Input!$C$20,0)+IF(Input!$D$21=1,L8504*Input!$C$21,0)+IF(Input!$D$22=1,M8504*Input!$C$22,0)</f>
        <v>0.26792232328381593</v>
      </c>
      <c r="O8504" s="59">
        <f>IF(Input!$D$19=2,J8504*Input!$C$19,0)+IF(Input!$D$20=2,K8504*Input!$C$20,0)+IF(Input!$D$21=2,L8504*Input!$C$21,0)+IF(Input!$D$22=2,M8504*Input!$C$22,0)</f>
        <v>0.66980580820953972</v>
      </c>
      <c r="P8504" s="59">
        <f>IF(Input!$D$19=3,J8504*Input!$C$19,0)+IF(Input!$D$20=3,K8504*Input!$C$20,0)+IF(Input!$D$21=3,L8504*Input!$C$21,0)+IF(Input!$D$22=3,M8504*Input!$C$22,0)</f>
        <v>0</v>
      </c>
      <c r="Q8504" s="75">
        <f>IF(Input!$D$19=4,J8504*Input!$C$19,0)+IF(Input!$D$20=4,K8504*Input!$C$20,0)+IF(Input!$D$21=4,L8504*Input!$C$21,0)+IF(Input!$D$22=4,M8504*Input!$C$22,0)</f>
        <v>0</v>
      </c>
      <c r="R8504" s="58">
        <v>60.621680103403101</v>
      </c>
      <c r="S8504" s="124">
        <f t="shared" si="132"/>
        <v>1.160996734229869</v>
      </c>
    </row>
    <row r="8505" spans="8:19" x14ac:dyDescent="0.3">
      <c r="H8505" s="44">
        <v>8498</v>
      </c>
      <c r="I8505" s="56">
        <f>Bühler!I8531</f>
        <v>0.26792232328381588</v>
      </c>
      <c r="J8505" s="59">
        <f>Bühler!J8531</f>
        <v>0.89307441094605311</v>
      </c>
      <c r="K8505" s="59">
        <f>Bühler!K8531</f>
        <v>1.3396116164190794</v>
      </c>
      <c r="L8505" s="59">
        <f>Bühler!L8531</f>
        <v>6.4301357588115815</v>
      </c>
      <c r="M8505" s="58">
        <f>Bühler!M8531</f>
        <v>0</v>
      </c>
      <c r="N8505" s="56">
        <f>IF(Input!$D$19=1,J8505*Input!$C$19,0)+IF(Input!$D$20=1,K8505*Input!$C$20,0)+IF(Input!$D$21=1,L8505*Input!$C$21,0)+IF(Input!$D$22=1,M8505*Input!$C$22,0)</f>
        <v>0.26792232328381593</v>
      </c>
      <c r="O8505" s="59">
        <f>IF(Input!$D$19=2,J8505*Input!$C$19,0)+IF(Input!$D$20=2,K8505*Input!$C$20,0)+IF(Input!$D$21=2,L8505*Input!$C$21,0)+IF(Input!$D$22=2,M8505*Input!$C$22,0)</f>
        <v>0.66980580820953972</v>
      </c>
      <c r="P8505" s="59">
        <f>IF(Input!$D$19=3,J8505*Input!$C$19,0)+IF(Input!$D$20=3,K8505*Input!$C$20,0)+IF(Input!$D$21=3,L8505*Input!$C$21,0)+IF(Input!$D$22=3,M8505*Input!$C$22,0)</f>
        <v>0</v>
      </c>
      <c r="Q8505" s="75">
        <f>IF(Input!$D$19=4,J8505*Input!$C$19,0)+IF(Input!$D$20=4,K8505*Input!$C$20,0)+IF(Input!$D$21=4,L8505*Input!$C$21,0)+IF(Input!$D$22=4,M8505*Input!$C$22,0)</f>
        <v>0</v>
      </c>
      <c r="R8505" s="58">
        <v>60.43180688760215</v>
      </c>
      <c r="S8505" s="124">
        <f t="shared" si="132"/>
        <v>1.160996734229869</v>
      </c>
    </row>
    <row r="8506" spans="8:19" x14ac:dyDescent="0.3">
      <c r="H8506" s="44">
        <v>8499</v>
      </c>
      <c r="I8506" s="56">
        <f>Bühler!I8532</f>
        <v>0.26792232328381588</v>
      </c>
      <c r="J8506" s="59">
        <f>Bühler!J8532</f>
        <v>0.89307441094605311</v>
      </c>
      <c r="K8506" s="59">
        <f>Bühler!K8532</f>
        <v>1.3396116164190794</v>
      </c>
      <c r="L8506" s="59">
        <f>Bühler!L8532</f>
        <v>6.4301357588115815</v>
      </c>
      <c r="M8506" s="58">
        <f>Bühler!M8532</f>
        <v>0</v>
      </c>
      <c r="N8506" s="56">
        <f>IF(Input!$D$19=1,J8506*Input!$C$19,0)+IF(Input!$D$20=1,K8506*Input!$C$20,0)+IF(Input!$D$21=1,L8506*Input!$C$21,0)+IF(Input!$D$22=1,M8506*Input!$C$22,0)</f>
        <v>0.26792232328381593</v>
      </c>
      <c r="O8506" s="59">
        <f>IF(Input!$D$19=2,J8506*Input!$C$19,0)+IF(Input!$D$20=2,K8506*Input!$C$20,0)+IF(Input!$D$21=2,L8506*Input!$C$21,0)+IF(Input!$D$22=2,M8506*Input!$C$22,0)</f>
        <v>0.66980580820953972</v>
      </c>
      <c r="P8506" s="59">
        <f>IF(Input!$D$19=3,J8506*Input!$C$19,0)+IF(Input!$D$20=3,K8506*Input!$C$20,0)+IF(Input!$D$21=3,L8506*Input!$C$21,0)+IF(Input!$D$22=3,M8506*Input!$C$22,0)</f>
        <v>0</v>
      </c>
      <c r="Q8506" s="75">
        <f>IF(Input!$D$19=4,J8506*Input!$C$19,0)+IF(Input!$D$20=4,K8506*Input!$C$20,0)+IF(Input!$D$21=4,L8506*Input!$C$21,0)+IF(Input!$D$22=4,M8506*Input!$C$22,0)</f>
        <v>0</v>
      </c>
      <c r="R8506" s="58">
        <v>60.997187927049076</v>
      </c>
      <c r="S8506" s="124">
        <f t="shared" si="132"/>
        <v>1.160996734229869</v>
      </c>
    </row>
    <row r="8507" spans="8:19" x14ac:dyDescent="0.3">
      <c r="H8507" s="44">
        <v>8500</v>
      </c>
      <c r="I8507" s="56">
        <f>Bühler!I8533</f>
        <v>0.26792232328381588</v>
      </c>
      <c r="J8507" s="59">
        <f>Bühler!J8533</f>
        <v>0.89307441094605311</v>
      </c>
      <c r="K8507" s="59">
        <f>Bühler!K8533</f>
        <v>1.3396116164190794</v>
      </c>
      <c r="L8507" s="59">
        <f>Bühler!L8533</f>
        <v>6.4301357588115815</v>
      </c>
      <c r="M8507" s="58">
        <f>Bühler!M8533</f>
        <v>0</v>
      </c>
      <c r="N8507" s="56">
        <f>IF(Input!$D$19=1,J8507*Input!$C$19,0)+IF(Input!$D$20=1,K8507*Input!$C$20,0)+IF(Input!$D$21=1,L8507*Input!$C$21,0)+IF(Input!$D$22=1,M8507*Input!$C$22,0)</f>
        <v>0.26792232328381593</v>
      </c>
      <c r="O8507" s="59">
        <f>IF(Input!$D$19=2,J8507*Input!$C$19,0)+IF(Input!$D$20=2,K8507*Input!$C$20,0)+IF(Input!$D$21=2,L8507*Input!$C$21,0)+IF(Input!$D$22=2,M8507*Input!$C$22,0)</f>
        <v>0.66980580820953972</v>
      </c>
      <c r="P8507" s="59">
        <f>IF(Input!$D$19=3,J8507*Input!$C$19,0)+IF(Input!$D$20=3,K8507*Input!$C$20,0)+IF(Input!$D$21=3,L8507*Input!$C$21,0)+IF(Input!$D$22=3,M8507*Input!$C$22,0)</f>
        <v>0</v>
      </c>
      <c r="Q8507" s="75">
        <f>IF(Input!$D$19=4,J8507*Input!$C$19,0)+IF(Input!$D$20=4,K8507*Input!$C$20,0)+IF(Input!$D$21=4,L8507*Input!$C$21,0)+IF(Input!$D$22=4,M8507*Input!$C$22,0)</f>
        <v>0</v>
      </c>
      <c r="R8507" s="58">
        <v>61.482532427538771</v>
      </c>
      <c r="S8507" s="124">
        <f t="shared" si="132"/>
        <v>1.160996734229869</v>
      </c>
    </row>
    <row r="8508" spans="8:19" x14ac:dyDescent="0.3">
      <c r="H8508" s="44">
        <v>8501</v>
      </c>
      <c r="I8508" s="56">
        <f>Bühler!I8534</f>
        <v>0.26792232328381588</v>
      </c>
      <c r="J8508" s="59">
        <f>Bühler!J8534</f>
        <v>0.89307441094605311</v>
      </c>
      <c r="K8508" s="59">
        <f>Bühler!K8534</f>
        <v>1.3396116164190794</v>
      </c>
      <c r="L8508" s="59">
        <f>Bühler!L8534</f>
        <v>6.4301357588115815</v>
      </c>
      <c r="M8508" s="58">
        <f>Bühler!M8534</f>
        <v>0</v>
      </c>
      <c r="N8508" s="56">
        <f>IF(Input!$D$19=1,J8508*Input!$C$19,0)+IF(Input!$D$20=1,K8508*Input!$C$20,0)+IF(Input!$D$21=1,L8508*Input!$C$21,0)+IF(Input!$D$22=1,M8508*Input!$C$22,0)</f>
        <v>0.26792232328381593</v>
      </c>
      <c r="O8508" s="59">
        <f>IF(Input!$D$19=2,J8508*Input!$C$19,0)+IF(Input!$D$20=2,K8508*Input!$C$20,0)+IF(Input!$D$21=2,L8508*Input!$C$21,0)+IF(Input!$D$22=2,M8508*Input!$C$22,0)</f>
        <v>0.66980580820953972</v>
      </c>
      <c r="P8508" s="59">
        <f>IF(Input!$D$19=3,J8508*Input!$C$19,0)+IF(Input!$D$20=3,K8508*Input!$C$20,0)+IF(Input!$D$21=3,L8508*Input!$C$21,0)+IF(Input!$D$22=3,M8508*Input!$C$22,0)</f>
        <v>0</v>
      </c>
      <c r="Q8508" s="75">
        <f>IF(Input!$D$19=4,J8508*Input!$C$19,0)+IF(Input!$D$20=4,K8508*Input!$C$20,0)+IF(Input!$D$21=4,L8508*Input!$C$21,0)+IF(Input!$D$22=4,M8508*Input!$C$22,0)</f>
        <v>0</v>
      </c>
      <c r="R8508" s="58">
        <v>62.283576158354791</v>
      </c>
      <c r="S8508" s="124">
        <f t="shared" si="132"/>
        <v>1.160996734229869</v>
      </c>
    </row>
    <row r="8509" spans="8:19" x14ac:dyDescent="0.3">
      <c r="H8509" s="44">
        <v>8502</v>
      </c>
      <c r="I8509" s="56">
        <f>Bühler!I8535</f>
        <v>0.34532210556580717</v>
      </c>
      <c r="J8509" s="59">
        <f>Bühler!J8535</f>
        <v>1.1510736852193573</v>
      </c>
      <c r="K8509" s="59">
        <f>Bühler!K8535</f>
        <v>1.7266105278290358</v>
      </c>
      <c r="L8509" s="59">
        <f>Bühler!L8535</f>
        <v>8.2877305335793725</v>
      </c>
      <c r="M8509" s="58">
        <f>Bühler!M8535</f>
        <v>0</v>
      </c>
      <c r="N8509" s="56">
        <f>IF(Input!$D$19=1,J8509*Input!$C$19,0)+IF(Input!$D$20=1,K8509*Input!$C$20,0)+IF(Input!$D$21=1,L8509*Input!$C$21,0)+IF(Input!$D$22=1,M8509*Input!$C$22,0)</f>
        <v>0.34532210556580717</v>
      </c>
      <c r="O8509" s="59">
        <f>IF(Input!$D$19=2,J8509*Input!$C$19,0)+IF(Input!$D$20=2,K8509*Input!$C$20,0)+IF(Input!$D$21=2,L8509*Input!$C$21,0)+IF(Input!$D$22=2,M8509*Input!$C$22,0)</f>
        <v>0.8633052639145179</v>
      </c>
      <c r="P8509" s="59">
        <f>IF(Input!$D$19=3,J8509*Input!$C$19,0)+IF(Input!$D$20=3,K8509*Input!$C$20,0)+IF(Input!$D$21=3,L8509*Input!$C$21,0)+IF(Input!$D$22=3,M8509*Input!$C$22,0)</f>
        <v>0</v>
      </c>
      <c r="Q8509" s="75">
        <f>IF(Input!$D$19=4,J8509*Input!$C$19,0)+IF(Input!$D$20=4,K8509*Input!$C$20,0)+IF(Input!$D$21=4,L8509*Input!$C$21,0)+IF(Input!$D$22=4,M8509*Input!$C$22,0)</f>
        <v>0</v>
      </c>
      <c r="R8509" s="58">
        <v>65.270114085397282</v>
      </c>
      <c r="S8509" s="124">
        <f t="shared" si="132"/>
        <v>1.4963957907851644</v>
      </c>
    </row>
    <row r="8510" spans="8:19" x14ac:dyDescent="0.3">
      <c r="H8510" s="44">
        <v>8503</v>
      </c>
      <c r="I8510" s="56">
        <f>Bühler!I8536</f>
        <v>0.41676805844149151</v>
      </c>
      <c r="J8510" s="59">
        <f>Bühler!J8536</f>
        <v>1.3892268614716385</v>
      </c>
      <c r="K8510" s="59">
        <f>Bühler!K8536</f>
        <v>2.0838402922074577</v>
      </c>
      <c r="L8510" s="59">
        <f>Bühler!L8536</f>
        <v>10.002433402595797</v>
      </c>
      <c r="M8510" s="58">
        <f>Bühler!M8536</f>
        <v>0</v>
      </c>
      <c r="N8510" s="56">
        <f>IF(Input!$D$19=1,J8510*Input!$C$19,0)+IF(Input!$D$20=1,K8510*Input!$C$20,0)+IF(Input!$D$21=1,L8510*Input!$C$21,0)+IF(Input!$D$22=1,M8510*Input!$C$22,0)</f>
        <v>0.41676805844149156</v>
      </c>
      <c r="O8510" s="59">
        <f>IF(Input!$D$19=2,J8510*Input!$C$19,0)+IF(Input!$D$20=2,K8510*Input!$C$20,0)+IF(Input!$D$21=2,L8510*Input!$C$21,0)+IF(Input!$D$22=2,M8510*Input!$C$22,0)</f>
        <v>1.0419201461037289</v>
      </c>
      <c r="P8510" s="59">
        <f>IF(Input!$D$19=3,J8510*Input!$C$19,0)+IF(Input!$D$20=3,K8510*Input!$C$20,0)+IF(Input!$D$21=3,L8510*Input!$C$21,0)+IF(Input!$D$22=3,M8510*Input!$C$22,0)</f>
        <v>0</v>
      </c>
      <c r="Q8510" s="75">
        <f>IF(Input!$D$19=4,J8510*Input!$C$19,0)+IF(Input!$D$20=4,K8510*Input!$C$20,0)+IF(Input!$D$21=4,L8510*Input!$C$21,0)+IF(Input!$D$22=4,M8510*Input!$C$22,0)</f>
        <v>0</v>
      </c>
      <c r="R8510" s="58">
        <v>68.481387711991445</v>
      </c>
      <c r="S8510" s="124">
        <f t="shared" si="132"/>
        <v>1.80599491991313</v>
      </c>
    </row>
    <row r="8511" spans="8:19" x14ac:dyDescent="0.3">
      <c r="H8511" s="44">
        <v>8504</v>
      </c>
      <c r="I8511" s="56">
        <f>Bühler!I8537</f>
        <v>0.41676805844149151</v>
      </c>
      <c r="J8511" s="59">
        <f>Bühler!J8537</f>
        <v>1.3892268614716385</v>
      </c>
      <c r="K8511" s="59">
        <f>Bühler!K8537</f>
        <v>2.0838402922074577</v>
      </c>
      <c r="L8511" s="59">
        <f>Bühler!L8537</f>
        <v>10.002433402595797</v>
      </c>
      <c r="M8511" s="58">
        <f>Bühler!M8537</f>
        <v>0</v>
      </c>
      <c r="N8511" s="56">
        <f>IF(Input!$D$19=1,J8511*Input!$C$19,0)+IF(Input!$D$20=1,K8511*Input!$C$20,0)+IF(Input!$D$21=1,L8511*Input!$C$21,0)+IF(Input!$D$22=1,M8511*Input!$C$22,0)</f>
        <v>0.41676805844149156</v>
      </c>
      <c r="O8511" s="59">
        <f>IF(Input!$D$19=2,J8511*Input!$C$19,0)+IF(Input!$D$20=2,K8511*Input!$C$20,0)+IF(Input!$D$21=2,L8511*Input!$C$21,0)+IF(Input!$D$22=2,M8511*Input!$C$22,0)</f>
        <v>1.0419201461037289</v>
      </c>
      <c r="P8511" s="59">
        <f>IF(Input!$D$19=3,J8511*Input!$C$19,0)+IF(Input!$D$20=3,K8511*Input!$C$20,0)+IF(Input!$D$21=3,L8511*Input!$C$21,0)+IF(Input!$D$22=3,M8511*Input!$C$22,0)</f>
        <v>0</v>
      </c>
      <c r="Q8511" s="75">
        <f>IF(Input!$D$19=4,J8511*Input!$C$19,0)+IF(Input!$D$20=4,K8511*Input!$C$20,0)+IF(Input!$D$21=4,L8511*Input!$C$21,0)+IF(Input!$D$22=4,M8511*Input!$C$22,0)</f>
        <v>0</v>
      </c>
      <c r="R8511" s="58">
        <v>69.76868617780471</v>
      </c>
      <c r="S8511" s="124">
        <f t="shared" si="132"/>
        <v>1.80599491991313</v>
      </c>
    </row>
    <row r="8512" spans="8:19" x14ac:dyDescent="0.3">
      <c r="H8512" s="44">
        <v>8505</v>
      </c>
      <c r="I8512" s="56">
        <f>Bühler!I8538</f>
        <v>0.41676805844149151</v>
      </c>
      <c r="J8512" s="59">
        <f>Bühler!J8538</f>
        <v>1.3892268614716385</v>
      </c>
      <c r="K8512" s="59">
        <f>Bühler!K8538</f>
        <v>2.0838402922074577</v>
      </c>
      <c r="L8512" s="59">
        <f>Bühler!L8538</f>
        <v>10.002433402595797</v>
      </c>
      <c r="M8512" s="58">
        <f>Bühler!M8538</f>
        <v>0</v>
      </c>
      <c r="N8512" s="56">
        <f>IF(Input!$D$19=1,J8512*Input!$C$19,0)+IF(Input!$D$20=1,K8512*Input!$C$20,0)+IF(Input!$D$21=1,L8512*Input!$C$21,0)+IF(Input!$D$22=1,M8512*Input!$C$22,0)</f>
        <v>0.41676805844149156</v>
      </c>
      <c r="O8512" s="59">
        <f>IF(Input!$D$19=2,J8512*Input!$C$19,0)+IF(Input!$D$20=2,K8512*Input!$C$20,0)+IF(Input!$D$21=2,L8512*Input!$C$21,0)+IF(Input!$D$22=2,M8512*Input!$C$22,0)</f>
        <v>1.0419201461037289</v>
      </c>
      <c r="P8512" s="59">
        <f>IF(Input!$D$19=3,J8512*Input!$C$19,0)+IF(Input!$D$20=3,K8512*Input!$C$20,0)+IF(Input!$D$21=3,L8512*Input!$C$21,0)+IF(Input!$D$22=3,M8512*Input!$C$22,0)</f>
        <v>0</v>
      </c>
      <c r="Q8512" s="75">
        <f>IF(Input!$D$19=4,J8512*Input!$C$19,0)+IF(Input!$D$20=4,K8512*Input!$C$20,0)+IF(Input!$D$21=4,L8512*Input!$C$21,0)+IF(Input!$D$22=4,M8512*Input!$C$22,0)</f>
        <v>0</v>
      </c>
      <c r="R8512" s="58">
        <v>70.090750282943063</v>
      </c>
      <c r="S8512" s="124">
        <f t="shared" si="132"/>
        <v>1.80599491991313</v>
      </c>
    </row>
    <row r="8513" spans="8:19" x14ac:dyDescent="0.3">
      <c r="H8513" s="44">
        <v>8506</v>
      </c>
      <c r="I8513" s="56">
        <f>Bühler!I8539</f>
        <v>0.44653720547302655</v>
      </c>
      <c r="J8513" s="59">
        <f>Bühler!J8539</f>
        <v>1.4884573515767554</v>
      </c>
      <c r="K8513" s="59">
        <f>Bühler!K8539</f>
        <v>2.232686027365133</v>
      </c>
      <c r="L8513" s="59">
        <f>Bühler!L8539</f>
        <v>10.716892931352637</v>
      </c>
      <c r="M8513" s="58">
        <f>Bühler!M8539</f>
        <v>0</v>
      </c>
      <c r="N8513" s="56">
        <f>IF(Input!$D$19=1,J8513*Input!$C$19,0)+IF(Input!$D$20=1,K8513*Input!$C$20,0)+IF(Input!$D$21=1,L8513*Input!$C$21,0)+IF(Input!$D$22=1,M8513*Input!$C$22,0)</f>
        <v>0.44653720547302661</v>
      </c>
      <c r="O8513" s="59">
        <f>IF(Input!$D$19=2,J8513*Input!$C$19,0)+IF(Input!$D$20=2,K8513*Input!$C$20,0)+IF(Input!$D$21=2,L8513*Input!$C$21,0)+IF(Input!$D$22=2,M8513*Input!$C$22,0)</f>
        <v>1.1163430136825665</v>
      </c>
      <c r="P8513" s="59">
        <f>IF(Input!$D$19=3,J8513*Input!$C$19,0)+IF(Input!$D$20=3,K8513*Input!$C$20,0)+IF(Input!$D$21=3,L8513*Input!$C$21,0)+IF(Input!$D$22=3,M8513*Input!$C$22,0)</f>
        <v>0</v>
      </c>
      <c r="Q8513" s="75">
        <f>IF(Input!$D$19=4,J8513*Input!$C$19,0)+IF(Input!$D$20=4,K8513*Input!$C$20,0)+IF(Input!$D$21=4,L8513*Input!$C$21,0)+IF(Input!$D$22=4,M8513*Input!$C$22,0)</f>
        <v>0</v>
      </c>
      <c r="R8513" s="58">
        <v>69.75496950394448</v>
      </c>
      <c r="S8513" s="124">
        <f t="shared" si="132"/>
        <v>1.934994557049782</v>
      </c>
    </row>
    <row r="8514" spans="8:19" x14ac:dyDescent="0.3">
      <c r="H8514" s="44">
        <v>8507</v>
      </c>
      <c r="I8514" s="56">
        <f>Bühler!I8540</f>
        <v>0.46439869369194758</v>
      </c>
      <c r="J8514" s="59">
        <f>Bühler!J8540</f>
        <v>1.5479956456398254</v>
      </c>
      <c r="K8514" s="59">
        <f>Bühler!K8540</f>
        <v>2.3219934684597381</v>
      </c>
      <c r="L8514" s="59">
        <f>Bühler!L8540</f>
        <v>11.145568648606742</v>
      </c>
      <c r="M8514" s="58">
        <f>Bühler!M8540</f>
        <v>0</v>
      </c>
      <c r="N8514" s="56">
        <f>IF(Input!$D$19=1,J8514*Input!$C$19,0)+IF(Input!$D$20=1,K8514*Input!$C$20,0)+IF(Input!$D$21=1,L8514*Input!$C$21,0)+IF(Input!$D$22=1,M8514*Input!$C$22,0)</f>
        <v>0.46439869369194758</v>
      </c>
      <c r="O8514" s="59">
        <f>IF(Input!$D$19=2,J8514*Input!$C$19,0)+IF(Input!$D$20=2,K8514*Input!$C$20,0)+IF(Input!$D$21=2,L8514*Input!$C$21,0)+IF(Input!$D$22=2,M8514*Input!$C$22,0)</f>
        <v>1.160996734229869</v>
      </c>
      <c r="P8514" s="59">
        <f>IF(Input!$D$19=3,J8514*Input!$C$19,0)+IF(Input!$D$20=3,K8514*Input!$C$20,0)+IF(Input!$D$21=3,L8514*Input!$C$21,0)+IF(Input!$D$22=3,M8514*Input!$C$22,0)</f>
        <v>0</v>
      </c>
      <c r="Q8514" s="75">
        <f>IF(Input!$D$19=4,J8514*Input!$C$19,0)+IF(Input!$D$20=4,K8514*Input!$C$20,0)+IF(Input!$D$21=4,L8514*Input!$C$21,0)+IF(Input!$D$22=4,M8514*Input!$C$22,0)</f>
        <v>0</v>
      </c>
      <c r="R8514" s="58">
        <v>70.551190254995447</v>
      </c>
      <c r="S8514" s="124">
        <f t="shared" si="132"/>
        <v>2.0123943393317729</v>
      </c>
    </row>
    <row r="8515" spans="8:19" x14ac:dyDescent="0.3">
      <c r="H8515" s="44">
        <v>8508</v>
      </c>
      <c r="I8515" s="56">
        <f>Bühler!I8541</f>
        <v>0.53584464656763175</v>
      </c>
      <c r="J8515" s="59">
        <f>Bühler!J8541</f>
        <v>1.7861488218921062</v>
      </c>
      <c r="K8515" s="59">
        <f>Bühler!K8541</f>
        <v>2.6792232328381589</v>
      </c>
      <c r="L8515" s="59">
        <f>Bühler!L8541</f>
        <v>12.860271517623163</v>
      </c>
      <c r="M8515" s="58">
        <f>Bühler!M8541</f>
        <v>0</v>
      </c>
      <c r="N8515" s="56">
        <f>IF(Input!$D$19=1,J8515*Input!$C$19,0)+IF(Input!$D$20=1,K8515*Input!$C$20,0)+IF(Input!$D$21=1,L8515*Input!$C$21,0)+IF(Input!$D$22=1,M8515*Input!$C$22,0)</f>
        <v>0.53584464656763187</v>
      </c>
      <c r="O8515" s="59">
        <f>IF(Input!$D$19=2,J8515*Input!$C$19,0)+IF(Input!$D$20=2,K8515*Input!$C$20,0)+IF(Input!$D$21=2,L8515*Input!$C$21,0)+IF(Input!$D$22=2,M8515*Input!$C$22,0)</f>
        <v>1.3396116164190794</v>
      </c>
      <c r="P8515" s="59">
        <f>IF(Input!$D$19=3,J8515*Input!$C$19,0)+IF(Input!$D$20=3,K8515*Input!$C$20,0)+IF(Input!$D$21=3,L8515*Input!$C$21,0)+IF(Input!$D$22=3,M8515*Input!$C$22,0)</f>
        <v>0</v>
      </c>
      <c r="Q8515" s="75">
        <f>IF(Input!$D$19=4,J8515*Input!$C$19,0)+IF(Input!$D$20=4,K8515*Input!$C$20,0)+IF(Input!$D$21=4,L8515*Input!$C$21,0)+IF(Input!$D$22=4,M8515*Input!$C$22,0)</f>
        <v>0</v>
      </c>
      <c r="R8515" s="58">
        <v>70.147348538309657</v>
      </c>
      <c r="S8515" s="124">
        <f t="shared" si="132"/>
        <v>2.3219934684597381</v>
      </c>
    </row>
    <row r="8516" spans="8:19" x14ac:dyDescent="0.3">
      <c r="H8516" s="44">
        <v>8509</v>
      </c>
      <c r="I8516" s="56">
        <f>Bühler!I8542</f>
        <v>0.53584464656763175</v>
      </c>
      <c r="J8516" s="59">
        <f>Bühler!J8542</f>
        <v>1.7861488218921062</v>
      </c>
      <c r="K8516" s="59">
        <f>Bühler!K8542</f>
        <v>2.6792232328381589</v>
      </c>
      <c r="L8516" s="59">
        <f>Bühler!L8542</f>
        <v>12.860271517623163</v>
      </c>
      <c r="M8516" s="58">
        <f>Bühler!M8542</f>
        <v>0</v>
      </c>
      <c r="N8516" s="56">
        <f>IF(Input!$D$19=1,J8516*Input!$C$19,0)+IF(Input!$D$20=1,K8516*Input!$C$20,0)+IF(Input!$D$21=1,L8516*Input!$C$21,0)+IF(Input!$D$22=1,M8516*Input!$C$22,0)</f>
        <v>0.53584464656763187</v>
      </c>
      <c r="O8516" s="59">
        <f>IF(Input!$D$19=2,J8516*Input!$C$19,0)+IF(Input!$D$20=2,K8516*Input!$C$20,0)+IF(Input!$D$21=2,L8516*Input!$C$21,0)+IF(Input!$D$22=2,M8516*Input!$C$22,0)</f>
        <v>1.3396116164190794</v>
      </c>
      <c r="P8516" s="59">
        <f>IF(Input!$D$19=3,J8516*Input!$C$19,0)+IF(Input!$D$20=3,K8516*Input!$C$20,0)+IF(Input!$D$21=3,L8516*Input!$C$21,0)+IF(Input!$D$22=3,M8516*Input!$C$22,0)</f>
        <v>0</v>
      </c>
      <c r="Q8516" s="75">
        <f>IF(Input!$D$19=4,J8516*Input!$C$19,0)+IF(Input!$D$20=4,K8516*Input!$C$20,0)+IF(Input!$D$21=4,L8516*Input!$C$21,0)+IF(Input!$D$22=4,M8516*Input!$C$22,0)</f>
        <v>0</v>
      </c>
      <c r="R8516" s="58">
        <v>67.759924324123105</v>
      </c>
      <c r="S8516" s="124">
        <f t="shared" si="132"/>
        <v>2.3219934684597381</v>
      </c>
    </row>
    <row r="8517" spans="8:19" x14ac:dyDescent="0.3">
      <c r="H8517" s="44">
        <v>8510</v>
      </c>
      <c r="I8517" s="56">
        <f>Bühler!I8543</f>
        <v>0.53584464656763175</v>
      </c>
      <c r="J8517" s="59">
        <f>Bühler!J8543</f>
        <v>1.7861488218921062</v>
      </c>
      <c r="K8517" s="59">
        <f>Bühler!K8543</f>
        <v>2.6792232328381589</v>
      </c>
      <c r="L8517" s="59">
        <f>Bühler!L8543</f>
        <v>12.860271517623163</v>
      </c>
      <c r="M8517" s="58">
        <f>Bühler!M8543</f>
        <v>0</v>
      </c>
      <c r="N8517" s="56">
        <f>IF(Input!$D$19=1,J8517*Input!$C$19,0)+IF(Input!$D$20=1,K8517*Input!$C$20,0)+IF(Input!$D$21=1,L8517*Input!$C$21,0)+IF(Input!$D$22=1,M8517*Input!$C$22,0)</f>
        <v>0.53584464656763187</v>
      </c>
      <c r="O8517" s="59">
        <f>IF(Input!$D$19=2,J8517*Input!$C$19,0)+IF(Input!$D$20=2,K8517*Input!$C$20,0)+IF(Input!$D$21=2,L8517*Input!$C$21,0)+IF(Input!$D$22=2,M8517*Input!$C$22,0)</f>
        <v>1.3396116164190794</v>
      </c>
      <c r="P8517" s="59">
        <f>IF(Input!$D$19=3,J8517*Input!$C$19,0)+IF(Input!$D$20=3,K8517*Input!$C$20,0)+IF(Input!$D$21=3,L8517*Input!$C$21,0)+IF(Input!$D$22=3,M8517*Input!$C$22,0)</f>
        <v>0</v>
      </c>
      <c r="Q8517" s="75">
        <f>IF(Input!$D$19=4,J8517*Input!$C$19,0)+IF(Input!$D$20=4,K8517*Input!$C$20,0)+IF(Input!$D$21=4,L8517*Input!$C$21,0)+IF(Input!$D$22=4,M8517*Input!$C$22,0)</f>
        <v>0</v>
      </c>
      <c r="R8517" s="58">
        <v>66.454508645445273</v>
      </c>
      <c r="S8517" s="124">
        <f t="shared" si="132"/>
        <v>2.3219934684597381</v>
      </c>
    </row>
    <row r="8518" spans="8:19" x14ac:dyDescent="0.3">
      <c r="H8518" s="44">
        <v>8511</v>
      </c>
      <c r="I8518" s="56">
        <f>Bühler!I8544</f>
        <v>0.53584464656763175</v>
      </c>
      <c r="J8518" s="59">
        <f>Bühler!J8544</f>
        <v>1.7861488218921062</v>
      </c>
      <c r="K8518" s="59">
        <f>Bühler!K8544</f>
        <v>2.6792232328381589</v>
      </c>
      <c r="L8518" s="59">
        <f>Bühler!L8544</f>
        <v>12.860271517623163</v>
      </c>
      <c r="M8518" s="58">
        <f>Bühler!M8544</f>
        <v>0</v>
      </c>
      <c r="N8518" s="56">
        <f>IF(Input!$D$19=1,J8518*Input!$C$19,0)+IF(Input!$D$20=1,K8518*Input!$C$20,0)+IF(Input!$D$21=1,L8518*Input!$C$21,0)+IF(Input!$D$22=1,M8518*Input!$C$22,0)</f>
        <v>0.53584464656763187</v>
      </c>
      <c r="O8518" s="59">
        <f>IF(Input!$D$19=2,J8518*Input!$C$19,0)+IF(Input!$D$20=2,K8518*Input!$C$20,0)+IF(Input!$D$21=2,L8518*Input!$C$21,0)+IF(Input!$D$22=2,M8518*Input!$C$22,0)</f>
        <v>1.3396116164190794</v>
      </c>
      <c r="P8518" s="59">
        <f>IF(Input!$D$19=3,J8518*Input!$C$19,0)+IF(Input!$D$20=3,K8518*Input!$C$20,0)+IF(Input!$D$21=3,L8518*Input!$C$21,0)+IF(Input!$D$22=3,M8518*Input!$C$22,0)</f>
        <v>0</v>
      </c>
      <c r="Q8518" s="75">
        <f>IF(Input!$D$19=4,J8518*Input!$C$19,0)+IF(Input!$D$20=4,K8518*Input!$C$20,0)+IF(Input!$D$21=4,L8518*Input!$C$21,0)+IF(Input!$D$22=4,M8518*Input!$C$22,0)</f>
        <v>0</v>
      </c>
      <c r="R8518" s="58">
        <v>67.003334726138149</v>
      </c>
      <c r="S8518" s="124">
        <f t="shared" si="132"/>
        <v>2.3219934684597381</v>
      </c>
    </row>
    <row r="8519" spans="8:19" x14ac:dyDescent="0.3">
      <c r="H8519" s="44">
        <v>8512</v>
      </c>
      <c r="I8519" s="56">
        <f>Bühler!I8545</f>
        <v>0.44653720547302655</v>
      </c>
      <c r="J8519" s="59">
        <f>Bühler!J8545</f>
        <v>1.4884573515767554</v>
      </c>
      <c r="K8519" s="59">
        <f>Bühler!K8545</f>
        <v>2.232686027365133</v>
      </c>
      <c r="L8519" s="59">
        <f>Bühler!L8545</f>
        <v>10.716892931352637</v>
      </c>
      <c r="M8519" s="58">
        <f>Bühler!M8545</f>
        <v>0</v>
      </c>
      <c r="N8519" s="56">
        <f>IF(Input!$D$19=1,J8519*Input!$C$19,0)+IF(Input!$D$20=1,K8519*Input!$C$20,0)+IF(Input!$D$21=1,L8519*Input!$C$21,0)+IF(Input!$D$22=1,M8519*Input!$C$22,0)</f>
        <v>0.44653720547302661</v>
      </c>
      <c r="O8519" s="59">
        <f>IF(Input!$D$19=2,J8519*Input!$C$19,0)+IF(Input!$D$20=2,K8519*Input!$C$20,0)+IF(Input!$D$21=2,L8519*Input!$C$21,0)+IF(Input!$D$22=2,M8519*Input!$C$22,0)</f>
        <v>1.1163430136825665</v>
      </c>
      <c r="P8519" s="59">
        <f>IF(Input!$D$19=3,J8519*Input!$C$19,0)+IF(Input!$D$20=3,K8519*Input!$C$20,0)+IF(Input!$D$21=3,L8519*Input!$C$21,0)+IF(Input!$D$22=3,M8519*Input!$C$22,0)</f>
        <v>0</v>
      </c>
      <c r="Q8519" s="75">
        <f>IF(Input!$D$19=4,J8519*Input!$C$19,0)+IF(Input!$D$20=4,K8519*Input!$C$20,0)+IF(Input!$D$21=4,L8519*Input!$C$21,0)+IF(Input!$D$22=4,M8519*Input!$C$22,0)</f>
        <v>0</v>
      </c>
      <c r="R8519" s="58">
        <v>65.688175960683182</v>
      </c>
      <c r="S8519" s="124">
        <f t="shared" si="132"/>
        <v>1.934994557049782</v>
      </c>
    </row>
    <row r="8520" spans="8:19" x14ac:dyDescent="0.3">
      <c r="H8520" s="44">
        <v>8513</v>
      </c>
      <c r="I8520" s="56">
        <f>Bühler!I8546</f>
        <v>0.42272188784779846</v>
      </c>
      <c r="J8520" s="59">
        <f>Bühler!J8546</f>
        <v>1.4090729594926616</v>
      </c>
      <c r="K8520" s="59">
        <f>Bühler!K8546</f>
        <v>2.1136094392389921</v>
      </c>
      <c r="L8520" s="59">
        <f>Bühler!L8546</f>
        <v>10.145325308347163</v>
      </c>
      <c r="M8520" s="58">
        <f>Bühler!M8546</f>
        <v>0</v>
      </c>
      <c r="N8520" s="56">
        <f>IF(Input!$D$19=1,J8520*Input!$C$19,0)+IF(Input!$D$20=1,K8520*Input!$C$20,0)+IF(Input!$D$21=1,L8520*Input!$C$21,0)+IF(Input!$D$22=1,M8520*Input!$C$22,0)</f>
        <v>0.42272188784779846</v>
      </c>
      <c r="O8520" s="59">
        <f>IF(Input!$D$19=2,J8520*Input!$C$19,0)+IF(Input!$D$20=2,K8520*Input!$C$20,0)+IF(Input!$D$21=2,L8520*Input!$C$21,0)+IF(Input!$D$22=2,M8520*Input!$C$22,0)</f>
        <v>1.0568047196194961</v>
      </c>
      <c r="P8520" s="59">
        <f>IF(Input!$D$19=3,J8520*Input!$C$19,0)+IF(Input!$D$20=3,K8520*Input!$C$20,0)+IF(Input!$D$21=3,L8520*Input!$C$21,0)+IF(Input!$D$22=3,M8520*Input!$C$22,0)</f>
        <v>0</v>
      </c>
      <c r="Q8520" s="75">
        <f>IF(Input!$D$19=4,J8520*Input!$C$19,0)+IF(Input!$D$20=4,K8520*Input!$C$20,0)+IF(Input!$D$21=4,L8520*Input!$C$21,0)+IF(Input!$D$22=4,M8520*Input!$C$22,0)</f>
        <v>0</v>
      </c>
      <c r="R8520" s="58">
        <v>64.320219514132475</v>
      </c>
      <c r="S8520" s="124">
        <f t="shared" si="132"/>
        <v>1.8317948473404602</v>
      </c>
    </row>
    <row r="8521" spans="8:19" x14ac:dyDescent="0.3">
      <c r="H8521" s="44">
        <v>8514</v>
      </c>
      <c r="I8521" s="56">
        <f>Bühler!I8547</f>
        <v>0.42272188784779846</v>
      </c>
      <c r="J8521" s="59">
        <f>Bühler!J8547</f>
        <v>1.4090729594926616</v>
      </c>
      <c r="K8521" s="59">
        <f>Bühler!K8547</f>
        <v>2.1136094392389921</v>
      </c>
      <c r="L8521" s="59">
        <f>Bühler!L8547</f>
        <v>10.145325308347163</v>
      </c>
      <c r="M8521" s="58">
        <f>Bühler!M8547</f>
        <v>0</v>
      </c>
      <c r="N8521" s="56">
        <f>IF(Input!$D$19=1,J8521*Input!$C$19,0)+IF(Input!$D$20=1,K8521*Input!$C$20,0)+IF(Input!$D$21=1,L8521*Input!$C$21,0)+IF(Input!$D$22=1,M8521*Input!$C$22,0)</f>
        <v>0.42272188784779846</v>
      </c>
      <c r="O8521" s="59">
        <f>IF(Input!$D$19=2,J8521*Input!$C$19,0)+IF(Input!$D$20=2,K8521*Input!$C$20,0)+IF(Input!$D$21=2,L8521*Input!$C$21,0)+IF(Input!$D$22=2,M8521*Input!$C$22,0)</f>
        <v>1.0568047196194961</v>
      </c>
      <c r="P8521" s="59">
        <f>IF(Input!$D$19=3,J8521*Input!$C$19,0)+IF(Input!$D$20=3,K8521*Input!$C$20,0)+IF(Input!$D$21=3,L8521*Input!$C$21,0)+IF(Input!$D$22=3,M8521*Input!$C$22,0)</f>
        <v>0</v>
      </c>
      <c r="Q8521" s="75">
        <f>IF(Input!$D$19=4,J8521*Input!$C$19,0)+IF(Input!$D$20=4,K8521*Input!$C$20,0)+IF(Input!$D$21=4,L8521*Input!$C$21,0)+IF(Input!$D$22=4,M8521*Input!$C$22,0)</f>
        <v>0</v>
      </c>
      <c r="R8521" s="58">
        <v>62.965016530219124</v>
      </c>
      <c r="S8521" s="124">
        <f t="shared" ref="S8521:S8584" si="133">I8521+J8521</f>
        <v>1.8317948473404602</v>
      </c>
    </row>
    <row r="8522" spans="8:19" x14ac:dyDescent="0.3">
      <c r="H8522" s="44">
        <v>8515</v>
      </c>
      <c r="I8522" s="56">
        <f>Bühler!I8548</f>
        <v>0.42272188784779846</v>
      </c>
      <c r="J8522" s="59">
        <f>Bühler!J8548</f>
        <v>1.4090729594926616</v>
      </c>
      <c r="K8522" s="59">
        <f>Bühler!K8548</f>
        <v>2.1136094392389921</v>
      </c>
      <c r="L8522" s="59">
        <f>Bühler!L8548</f>
        <v>10.145325308347163</v>
      </c>
      <c r="M8522" s="58">
        <f>Bühler!M8548</f>
        <v>0</v>
      </c>
      <c r="N8522" s="56">
        <f>IF(Input!$D$19=1,J8522*Input!$C$19,0)+IF(Input!$D$20=1,K8522*Input!$C$20,0)+IF(Input!$D$21=1,L8522*Input!$C$21,0)+IF(Input!$D$22=1,M8522*Input!$C$22,0)</f>
        <v>0.42272188784779846</v>
      </c>
      <c r="O8522" s="59">
        <f>IF(Input!$D$19=2,J8522*Input!$C$19,0)+IF(Input!$D$20=2,K8522*Input!$C$20,0)+IF(Input!$D$21=2,L8522*Input!$C$21,0)+IF(Input!$D$22=2,M8522*Input!$C$22,0)</f>
        <v>1.0568047196194961</v>
      </c>
      <c r="P8522" s="59">
        <f>IF(Input!$D$19=3,J8522*Input!$C$19,0)+IF(Input!$D$20=3,K8522*Input!$C$20,0)+IF(Input!$D$21=3,L8522*Input!$C$21,0)+IF(Input!$D$22=3,M8522*Input!$C$22,0)</f>
        <v>0</v>
      </c>
      <c r="Q8522" s="75">
        <f>IF(Input!$D$19=4,J8522*Input!$C$19,0)+IF(Input!$D$20=4,K8522*Input!$C$20,0)+IF(Input!$D$21=4,L8522*Input!$C$21,0)+IF(Input!$D$22=4,M8522*Input!$C$22,0)</f>
        <v>0</v>
      </c>
      <c r="R8522" s="58">
        <v>61.016491124010507</v>
      </c>
      <c r="S8522" s="124">
        <f t="shared" si="133"/>
        <v>1.8317948473404602</v>
      </c>
    </row>
    <row r="8523" spans="8:19" x14ac:dyDescent="0.3">
      <c r="H8523" s="44">
        <v>8516</v>
      </c>
      <c r="I8523" s="56">
        <f>Bühler!I8549</f>
        <v>0.42272188784779846</v>
      </c>
      <c r="J8523" s="59">
        <f>Bühler!J8549</f>
        <v>1.4090729594926616</v>
      </c>
      <c r="K8523" s="59">
        <f>Bühler!K8549</f>
        <v>2.1136094392389921</v>
      </c>
      <c r="L8523" s="59">
        <f>Bühler!L8549</f>
        <v>10.145325308347163</v>
      </c>
      <c r="M8523" s="58">
        <f>Bühler!M8549</f>
        <v>0</v>
      </c>
      <c r="N8523" s="56">
        <f>IF(Input!$D$19=1,J8523*Input!$C$19,0)+IF(Input!$D$20=1,K8523*Input!$C$20,0)+IF(Input!$D$21=1,L8523*Input!$C$21,0)+IF(Input!$D$22=1,M8523*Input!$C$22,0)</f>
        <v>0.42272188784779846</v>
      </c>
      <c r="O8523" s="59">
        <f>IF(Input!$D$19=2,J8523*Input!$C$19,0)+IF(Input!$D$20=2,K8523*Input!$C$20,0)+IF(Input!$D$21=2,L8523*Input!$C$21,0)+IF(Input!$D$22=2,M8523*Input!$C$22,0)</f>
        <v>1.0568047196194961</v>
      </c>
      <c r="P8523" s="59">
        <f>IF(Input!$D$19=3,J8523*Input!$C$19,0)+IF(Input!$D$20=3,K8523*Input!$C$20,0)+IF(Input!$D$21=3,L8523*Input!$C$21,0)+IF(Input!$D$22=3,M8523*Input!$C$22,0)</f>
        <v>0</v>
      </c>
      <c r="Q8523" s="75">
        <f>IF(Input!$D$19=4,J8523*Input!$C$19,0)+IF(Input!$D$20=4,K8523*Input!$C$20,0)+IF(Input!$D$21=4,L8523*Input!$C$21,0)+IF(Input!$D$22=4,M8523*Input!$C$22,0)</f>
        <v>0</v>
      </c>
      <c r="R8523" s="58">
        <v>59.578725704304254</v>
      </c>
      <c r="S8523" s="124">
        <f t="shared" si="133"/>
        <v>1.8317948473404602</v>
      </c>
    </row>
    <row r="8524" spans="8:19" x14ac:dyDescent="0.3">
      <c r="H8524" s="44">
        <v>8517</v>
      </c>
      <c r="I8524" s="56">
        <f>Bühler!I8550</f>
        <v>0.32746061734688614</v>
      </c>
      <c r="J8524" s="59">
        <f>Bühler!J8550</f>
        <v>1.0915353911562871</v>
      </c>
      <c r="K8524" s="59">
        <f>Bühler!K8550</f>
        <v>1.6373030867344307</v>
      </c>
      <c r="L8524" s="59">
        <f>Bühler!L8550</f>
        <v>7.8590548163252665</v>
      </c>
      <c r="M8524" s="58">
        <f>Bühler!M8550</f>
        <v>0</v>
      </c>
      <c r="N8524" s="56">
        <f>IF(Input!$D$19=1,J8524*Input!$C$19,0)+IF(Input!$D$20=1,K8524*Input!$C$20,0)+IF(Input!$D$21=1,L8524*Input!$C$21,0)+IF(Input!$D$22=1,M8524*Input!$C$22,0)</f>
        <v>0.32746061734688608</v>
      </c>
      <c r="O8524" s="59">
        <f>IF(Input!$D$19=2,J8524*Input!$C$19,0)+IF(Input!$D$20=2,K8524*Input!$C$20,0)+IF(Input!$D$21=2,L8524*Input!$C$21,0)+IF(Input!$D$22=2,M8524*Input!$C$22,0)</f>
        <v>0.81865154336721535</v>
      </c>
      <c r="P8524" s="59">
        <f>IF(Input!$D$19=3,J8524*Input!$C$19,0)+IF(Input!$D$20=3,K8524*Input!$C$20,0)+IF(Input!$D$21=3,L8524*Input!$C$21,0)+IF(Input!$D$22=3,M8524*Input!$C$22,0)</f>
        <v>0</v>
      </c>
      <c r="Q8524" s="75">
        <f>IF(Input!$D$19=4,J8524*Input!$C$19,0)+IF(Input!$D$20=4,K8524*Input!$C$20,0)+IF(Input!$D$21=4,L8524*Input!$C$21,0)+IF(Input!$D$22=4,M8524*Input!$C$22,0)</f>
        <v>0</v>
      </c>
      <c r="R8524" s="58">
        <v>58.062808528113685</v>
      </c>
      <c r="S8524" s="124">
        <f t="shared" si="133"/>
        <v>1.4189960085031732</v>
      </c>
    </row>
    <row r="8525" spans="8:19" x14ac:dyDescent="0.3">
      <c r="H8525" s="44">
        <v>8518</v>
      </c>
      <c r="I8525" s="56">
        <f>Bühler!I8551</f>
        <v>0.12503041753244742</v>
      </c>
      <c r="J8525" s="59">
        <f>Bühler!J8551</f>
        <v>0.41676805844149145</v>
      </c>
      <c r="K8525" s="59">
        <f>Bühler!K8551</f>
        <v>0.62515208766223718</v>
      </c>
      <c r="L8525" s="59">
        <f>Bühler!L8551</f>
        <v>3.0007300207787382</v>
      </c>
      <c r="M8525" s="58">
        <f>Bühler!M8551</f>
        <v>0</v>
      </c>
      <c r="N8525" s="56">
        <f>IF(Input!$D$19=1,J8525*Input!$C$19,0)+IF(Input!$D$20=1,K8525*Input!$C$20,0)+IF(Input!$D$21=1,L8525*Input!$C$21,0)+IF(Input!$D$22=1,M8525*Input!$C$22,0)</f>
        <v>0.12503041753244742</v>
      </c>
      <c r="O8525" s="59">
        <f>IF(Input!$D$19=2,J8525*Input!$C$19,0)+IF(Input!$D$20=2,K8525*Input!$C$20,0)+IF(Input!$D$21=2,L8525*Input!$C$21,0)+IF(Input!$D$22=2,M8525*Input!$C$22,0)</f>
        <v>0.31257604383111859</v>
      </c>
      <c r="P8525" s="59">
        <f>IF(Input!$D$19=3,J8525*Input!$C$19,0)+IF(Input!$D$20=3,K8525*Input!$C$20,0)+IF(Input!$D$21=3,L8525*Input!$C$21,0)+IF(Input!$D$22=3,M8525*Input!$C$22,0)</f>
        <v>0</v>
      </c>
      <c r="Q8525" s="75">
        <f>IF(Input!$D$19=4,J8525*Input!$C$19,0)+IF(Input!$D$20=4,K8525*Input!$C$20,0)+IF(Input!$D$21=4,L8525*Input!$C$21,0)+IF(Input!$D$22=4,M8525*Input!$C$22,0)</f>
        <v>0</v>
      </c>
      <c r="R8525" s="58">
        <v>56.724418815927663</v>
      </c>
      <c r="S8525" s="124">
        <f t="shared" si="133"/>
        <v>0.54179847597393893</v>
      </c>
    </row>
    <row r="8526" spans="8:19" x14ac:dyDescent="0.3">
      <c r="H8526" s="44">
        <v>8519</v>
      </c>
      <c r="I8526" s="56">
        <f>Bühler!I8552</f>
        <v>0.12503041753244742</v>
      </c>
      <c r="J8526" s="59">
        <f>Bühler!J8552</f>
        <v>0.41676805844149145</v>
      </c>
      <c r="K8526" s="59">
        <f>Bühler!K8552</f>
        <v>0.62515208766223718</v>
      </c>
      <c r="L8526" s="59">
        <f>Bühler!L8552</f>
        <v>3.0007300207787382</v>
      </c>
      <c r="M8526" s="58">
        <f>Bühler!M8552</f>
        <v>0</v>
      </c>
      <c r="N8526" s="56">
        <f>IF(Input!$D$19=1,J8526*Input!$C$19,0)+IF(Input!$D$20=1,K8526*Input!$C$20,0)+IF(Input!$D$21=1,L8526*Input!$C$21,0)+IF(Input!$D$22=1,M8526*Input!$C$22,0)</f>
        <v>0.12503041753244742</v>
      </c>
      <c r="O8526" s="59">
        <f>IF(Input!$D$19=2,J8526*Input!$C$19,0)+IF(Input!$D$20=2,K8526*Input!$C$20,0)+IF(Input!$D$21=2,L8526*Input!$C$21,0)+IF(Input!$D$22=2,M8526*Input!$C$22,0)</f>
        <v>0.31257604383111859</v>
      </c>
      <c r="P8526" s="59">
        <f>IF(Input!$D$19=3,J8526*Input!$C$19,0)+IF(Input!$D$20=3,K8526*Input!$C$20,0)+IF(Input!$D$21=3,L8526*Input!$C$21,0)+IF(Input!$D$22=3,M8526*Input!$C$22,0)</f>
        <v>0</v>
      </c>
      <c r="Q8526" s="75">
        <f>IF(Input!$D$19=4,J8526*Input!$C$19,0)+IF(Input!$D$20=4,K8526*Input!$C$20,0)+IF(Input!$D$21=4,L8526*Input!$C$21,0)+IF(Input!$D$22=4,M8526*Input!$C$22,0)</f>
        <v>0</v>
      </c>
      <c r="R8526" s="58">
        <v>56.570702630032557</v>
      </c>
      <c r="S8526" s="124">
        <f t="shared" si="133"/>
        <v>0.54179847597393893</v>
      </c>
    </row>
    <row r="8527" spans="8:19" x14ac:dyDescent="0.3">
      <c r="H8527" s="44">
        <v>8520</v>
      </c>
      <c r="I8527" s="56">
        <f>Bühler!I8553</f>
        <v>0.12503041753244742</v>
      </c>
      <c r="J8527" s="59">
        <f>Bühler!J8553</f>
        <v>0.41676805844149145</v>
      </c>
      <c r="K8527" s="59">
        <f>Bühler!K8553</f>
        <v>0.62515208766223718</v>
      </c>
      <c r="L8527" s="59">
        <f>Bühler!L8553</f>
        <v>3.0007300207787382</v>
      </c>
      <c r="M8527" s="58">
        <f>Bühler!M8553</f>
        <v>0</v>
      </c>
      <c r="N8527" s="56">
        <f>IF(Input!$D$19=1,J8527*Input!$C$19,0)+IF(Input!$D$20=1,K8527*Input!$C$20,0)+IF(Input!$D$21=1,L8527*Input!$C$21,0)+IF(Input!$D$22=1,M8527*Input!$C$22,0)</f>
        <v>0.12503041753244742</v>
      </c>
      <c r="O8527" s="59">
        <f>IF(Input!$D$19=2,J8527*Input!$C$19,0)+IF(Input!$D$20=2,K8527*Input!$C$20,0)+IF(Input!$D$21=2,L8527*Input!$C$21,0)+IF(Input!$D$22=2,M8527*Input!$C$22,0)</f>
        <v>0.31257604383111859</v>
      </c>
      <c r="P8527" s="59">
        <f>IF(Input!$D$19=3,J8527*Input!$C$19,0)+IF(Input!$D$20=3,K8527*Input!$C$20,0)+IF(Input!$D$21=3,L8527*Input!$C$21,0)+IF(Input!$D$22=3,M8527*Input!$C$22,0)</f>
        <v>0</v>
      </c>
      <c r="Q8527" s="75">
        <f>IF(Input!$D$19=4,J8527*Input!$C$19,0)+IF(Input!$D$20=4,K8527*Input!$C$20,0)+IF(Input!$D$21=4,L8527*Input!$C$21,0)+IF(Input!$D$22=4,M8527*Input!$C$22,0)</f>
        <v>0</v>
      </c>
      <c r="R8527" s="58">
        <v>55.435249218805474</v>
      </c>
      <c r="S8527" s="124">
        <f t="shared" si="133"/>
        <v>0.54179847597393893</v>
      </c>
    </row>
    <row r="8528" spans="8:19" x14ac:dyDescent="0.3">
      <c r="H8528" s="44">
        <v>8521</v>
      </c>
      <c r="I8528" s="56">
        <f>Bühler!I8554</f>
        <v>9.2853002090539941E-2</v>
      </c>
      <c r="J8528" s="59">
        <f>Bühler!J8554</f>
        <v>0.30951000696846653</v>
      </c>
      <c r="K8528" s="59">
        <f>Bühler!K8554</f>
        <v>0.4642650104526998</v>
      </c>
      <c r="L8528" s="59">
        <f>Bühler!L8554</f>
        <v>4.5416501110643477</v>
      </c>
      <c r="M8528" s="58">
        <f>Bühler!M8554</f>
        <v>0</v>
      </c>
      <c r="N8528" s="56">
        <f>IF(Input!$D$19=1,J8528*Input!$C$19,0)+IF(Input!$D$20=1,K8528*Input!$C$20,0)+IF(Input!$D$21=1,L8528*Input!$C$21,0)+IF(Input!$D$22=1,M8528*Input!$C$22,0)</f>
        <v>9.2853002090539954E-2</v>
      </c>
      <c r="O8528" s="59">
        <f>IF(Input!$D$19=2,J8528*Input!$C$19,0)+IF(Input!$D$20=2,K8528*Input!$C$20,0)+IF(Input!$D$21=2,L8528*Input!$C$21,0)+IF(Input!$D$22=2,M8528*Input!$C$22,0)</f>
        <v>0.2321325052263499</v>
      </c>
      <c r="P8528" s="59">
        <f>IF(Input!$D$19=3,J8528*Input!$C$19,0)+IF(Input!$D$20=3,K8528*Input!$C$20,0)+IF(Input!$D$21=3,L8528*Input!$C$21,0)+IF(Input!$D$22=3,M8528*Input!$C$22,0)</f>
        <v>0</v>
      </c>
      <c r="Q8528" s="75">
        <f>IF(Input!$D$19=4,J8528*Input!$C$19,0)+IF(Input!$D$20=4,K8528*Input!$C$20,0)+IF(Input!$D$21=4,L8528*Input!$C$21,0)+IF(Input!$D$22=4,M8528*Input!$C$22,0)</f>
        <v>0</v>
      </c>
      <c r="R8528" s="58">
        <v>54.181501293199233</v>
      </c>
      <c r="S8528" s="124">
        <f t="shared" si="133"/>
        <v>0.40236300905900646</v>
      </c>
    </row>
    <row r="8529" spans="8:19" x14ac:dyDescent="0.3">
      <c r="H8529" s="44">
        <v>8522</v>
      </c>
      <c r="I8529" s="56">
        <f>Bühler!I8555</f>
        <v>0.18128443265295899</v>
      </c>
      <c r="J8529" s="59">
        <f>Bühler!J8555</f>
        <v>0.60428144217653001</v>
      </c>
      <c r="K8529" s="59">
        <f>Bühler!K8555</f>
        <v>0.90642216326479508</v>
      </c>
      <c r="L8529" s="59">
        <f>Bühler!L8555</f>
        <v>8.867031169220871</v>
      </c>
      <c r="M8529" s="58">
        <f>Bühler!M8555</f>
        <v>0</v>
      </c>
      <c r="N8529" s="56">
        <f>IF(Input!$D$19=1,J8529*Input!$C$19,0)+IF(Input!$D$20=1,K8529*Input!$C$20,0)+IF(Input!$D$21=1,L8529*Input!$C$21,0)+IF(Input!$D$22=1,M8529*Input!$C$22,0)</f>
        <v>0.18128443265295899</v>
      </c>
      <c r="O8529" s="59">
        <f>IF(Input!$D$19=2,J8529*Input!$C$19,0)+IF(Input!$D$20=2,K8529*Input!$C$20,0)+IF(Input!$D$21=2,L8529*Input!$C$21,0)+IF(Input!$D$22=2,M8529*Input!$C$22,0)</f>
        <v>0.45321108163239754</v>
      </c>
      <c r="P8529" s="59">
        <f>IF(Input!$D$19=3,J8529*Input!$C$19,0)+IF(Input!$D$20=3,K8529*Input!$C$20,0)+IF(Input!$D$21=3,L8529*Input!$C$21,0)+IF(Input!$D$22=3,M8529*Input!$C$22,0)</f>
        <v>0</v>
      </c>
      <c r="Q8529" s="75">
        <f>IF(Input!$D$19=4,J8529*Input!$C$19,0)+IF(Input!$D$20=4,K8529*Input!$C$20,0)+IF(Input!$D$21=4,L8529*Input!$C$21,0)+IF(Input!$D$22=4,M8529*Input!$C$22,0)</f>
        <v>0</v>
      </c>
      <c r="R8529" s="58">
        <v>53.094884881826594</v>
      </c>
      <c r="S8529" s="124">
        <f t="shared" si="133"/>
        <v>0.78556587482948903</v>
      </c>
    </row>
    <row r="8530" spans="8:19" x14ac:dyDescent="0.3">
      <c r="H8530" s="44">
        <v>8523</v>
      </c>
      <c r="I8530" s="56">
        <f>Bühler!I8556</f>
        <v>0.18128443265295899</v>
      </c>
      <c r="J8530" s="59">
        <f>Bühler!J8556</f>
        <v>0.60428144217653001</v>
      </c>
      <c r="K8530" s="59">
        <f>Bühler!K8556</f>
        <v>0.90642216326479508</v>
      </c>
      <c r="L8530" s="59">
        <f>Bühler!L8556</f>
        <v>8.867031169220871</v>
      </c>
      <c r="M8530" s="58">
        <f>Bühler!M8556</f>
        <v>0</v>
      </c>
      <c r="N8530" s="56">
        <f>IF(Input!$D$19=1,J8530*Input!$C$19,0)+IF(Input!$D$20=1,K8530*Input!$C$20,0)+IF(Input!$D$21=1,L8530*Input!$C$21,0)+IF(Input!$D$22=1,M8530*Input!$C$22,0)</f>
        <v>0.18128443265295899</v>
      </c>
      <c r="O8530" s="59">
        <f>IF(Input!$D$19=2,J8530*Input!$C$19,0)+IF(Input!$D$20=2,K8530*Input!$C$20,0)+IF(Input!$D$21=2,L8530*Input!$C$21,0)+IF(Input!$D$22=2,M8530*Input!$C$22,0)</f>
        <v>0.45321108163239754</v>
      </c>
      <c r="P8530" s="59">
        <f>IF(Input!$D$19=3,J8530*Input!$C$19,0)+IF(Input!$D$20=3,K8530*Input!$C$20,0)+IF(Input!$D$21=3,L8530*Input!$C$21,0)+IF(Input!$D$22=3,M8530*Input!$C$22,0)</f>
        <v>0</v>
      </c>
      <c r="Q8530" s="75">
        <f>IF(Input!$D$19=4,J8530*Input!$C$19,0)+IF(Input!$D$20=4,K8530*Input!$C$20,0)+IF(Input!$D$21=4,L8530*Input!$C$21,0)+IF(Input!$D$22=4,M8530*Input!$C$22,0)</f>
        <v>0</v>
      </c>
      <c r="R8530" s="58">
        <v>53.327270980024416</v>
      </c>
      <c r="S8530" s="124">
        <f t="shared" si="133"/>
        <v>0.78556587482948903</v>
      </c>
    </row>
    <row r="8531" spans="8:19" x14ac:dyDescent="0.3">
      <c r="H8531" s="44">
        <v>8524</v>
      </c>
      <c r="I8531" s="56">
        <f>Bühler!I8557</f>
        <v>0.18128443265295899</v>
      </c>
      <c r="J8531" s="59">
        <f>Bühler!J8557</f>
        <v>0.60428144217653001</v>
      </c>
      <c r="K8531" s="59">
        <f>Bühler!K8557</f>
        <v>0.90642216326479508</v>
      </c>
      <c r="L8531" s="59">
        <f>Bühler!L8557</f>
        <v>8.867031169220871</v>
      </c>
      <c r="M8531" s="58">
        <f>Bühler!M8557</f>
        <v>0</v>
      </c>
      <c r="N8531" s="56">
        <f>IF(Input!$D$19=1,J8531*Input!$C$19,0)+IF(Input!$D$20=1,K8531*Input!$C$20,0)+IF(Input!$D$21=1,L8531*Input!$C$21,0)+IF(Input!$D$22=1,M8531*Input!$C$22,0)</f>
        <v>0.18128443265295899</v>
      </c>
      <c r="O8531" s="59">
        <f>IF(Input!$D$19=2,J8531*Input!$C$19,0)+IF(Input!$D$20=2,K8531*Input!$C$20,0)+IF(Input!$D$21=2,L8531*Input!$C$21,0)+IF(Input!$D$22=2,M8531*Input!$C$22,0)</f>
        <v>0.45321108163239754</v>
      </c>
      <c r="P8531" s="59">
        <f>IF(Input!$D$19=3,J8531*Input!$C$19,0)+IF(Input!$D$20=3,K8531*Input!$C$20,0)+IF(Input!$D$21=3,L8531*Input!$C$21,0)+IF(Input!$D$22=3,M8531*Input!$C$22,0)</f>
        <v>0</v>
      </c>
      <c r="Q8531" s="75">
        <f>IF(Input!$D$19=4,J8531*Input!$C$19,0)+IF(Input!$D$20=4,K8531*Input!$C$20,0)+IF(Input!$D$21=4,L8531*Input!$C$21,0)+IF(Input!$D$22=4,M8531*Input!$C$22,0)</f>
        <v>0</v>
      </c>
      <c r="R8531" s="58">
        <v>52.281646876138474</v>
      </c>
      <c r="S8531" s="124">
        <f t="shared" si="133"/>
        <v>0.78556587482948903</v>
      </c>
    </row>
    <row r="8532" spans="8:19" x14ac:dyDescent="0.3">
      <c r="H8532" s="44">
        <v>8525</v>
      </c>
      <c r="I8532" s="56">
        <f>Bühler!I8558</f>
        <v>0.18128443265295899</v>
      </c>
      <c r="J8532" s="59">
        <f>Bühler!J8558</f>
        <v>0.60428144217653001</v>
      </c>
      <c r="K8532" s="59">
        <f>Bühler!K8558</f>
        <v>0.90642216326479508</v>
      </c>
      <c r="L8532" s="59">
        <f>Bühler!L8558</f>
        <v>8.867031169220871</v>
      </c>
      <c r="M8532" s="58">
        <f>Bühler!M8558</f>
        <v>0</v>
      </c>
      <c r="N8532" s="56">
        <f>IF(Input!$D$19=1,J8532*Input!$C$19,0)+IF(Input!$D$20=1,K8532*Input!$C$20,0)+IF(Input!$D$21=1,L8532*Input!$C$21,0)+IF(Input!$D$22=1,M8532*Input!$C$22,0)</f>
        <v>0.18128443265295899</v>
      </c>
      <c r="O8532" s="59">
        <f>IF(Input!$D$19=2,J8532*Input!$C$19,0)+IF(Input!$D$20=2,K8532*Input!$C$20,0)+IF(Input!$D$21=2,L8532*Input!$C$21,0)+IF(Input!$D$22=2,M8532*Input!$C$22,0)</f>
        <v>0.45321108163239754</v>
      </c>
      <c r="P8532" s="59">
        <f>IF(Input!$D$19=3,J8532*Input!$C$19,0)+IF(Input!$D$20=3,K8532*Input!$C$20,0)+IF(Input!$D$21=3,L8532*Input!$C$21,0)+IF(Input!$D$22=3,M8532*Input!$C$22,0)</f>
        <v>0</v>
      </c>
      <c r="Q8532" s="75">
        <f>IF(Input!$D$19=4,J8532*Input!$C$19,0)+IF(Input!$D$20=4,K8532*Input!$C$20,0)+IF(Input!$D$21=4,L8532*Input!$C$21,0)+IF(Input!$D$22=4,M8532*Input!$C$22,0)</f>
        <v>0</v>
      </c>
      <c r="R8532" s="58">
        <v>51.537838180415001</v>
      </c>
      <c r="S8532" s="124">
        <f t="shared" si="133"/>
        <v>0.78556587482948903</v>
      </c>
    </row>
    <row r="8533" spans="8:19" x14ac:dyDescent="0.3">
      <c r="H8533" s="44">
        <v>8526</v>
      </c>
      <c r="I8533" s="56">
        <f>Bühler!I8559</f>
        <v>0.22550014793416848</v>
      </c>
      <c r="J8533" s="59">
        <f>Bühler!J8559</f>
        <v>0.75166715978056164</v>
      </c>
      <c r="K8533" s="59">
        <f>Bühler!K8559</f>
        <v>1.1275007396708425</v>
      </c>
      <c r="L8533" s="59">
        <f>Bühler!L8559</f>
        <v>11.029721698299131</v>
      </c>
      <c r="M8533" s="58">
        <f>Bühler!M8559</f>
        <v>0</v>
      </c>
      <c r="N8533" s="56">
        <f>IF(Input!$D$19=1,J8533*Input!$C$19,0)+IF(Input!$D$20=1,K8533*Input!$C$20,0)+IF(Input!$D$21=1,L8533*Input!$C$21,0)+IF(Input!$D$22=1,M8533*Input!$C$22,0)</f>
        <v>0.22550014793416848</v>
      </c>
      <c r="O8533" s="59">
        <f>IF(Input!$D$19=2,J8533*Input!$C$19,0)+IF(Input!$D$20=2,K8533*Input!$C$20,0)+IF(Input!$D$21=2,L8533*Input!$C$21,0)+IF(Input!$D$22=2,M8533*Input!$C$22,0)</f>
        <v>0.56375036983542126</v>
      </c>
      <c r="P8533" s="59">
        <f>IF(Input!$D$19=3,J8533*Input!$C$19,0)+IF(Input!$D$20=3,K8533*Input!$C$20,0)+IF(Input!$D$21=3,L8533*Input!$C$21,0)+IF(Input!$D$22=3,M8533*Input!$C$22,0)</f>
        <v>0</v>
      </c>
      <c r="Q8533" s="75">
        <f>IF(Input!$D$19=4,J8533*Input!$C$19,0)+IF(Input!$D$20=4,K8533*Input!$C$20,0)+IF(Input!$D$21=4,L8533*Input!$C$21,0)+IF(Input!$D$22=4,M8533*Input!$C$22,0)</f>
        <v>0</v>
      </c>
      <c r="R8533" s="58">
        <v>51.338150797638342</v>
      </c>
      <c r="S8533" s="124">
        <f t="shared" si="133"/>
        <v>0.97716730771473015</v>
      </c>
    </row>
    <row r="8534" spans="8:19" x14ac:dyDescent="0.3">
      <c r="H8534" s="44">
        <v>8527</v>
      </c>
      <c r="I8534" s="56">
        <f>Bühler!I8560</f>
        <v>0.28298057779974084</v>
      </c>
      <c r="J8534" s="59">
        <f>Bühler!J8560</f>
        <v>0.94326859266580287</v>
      </c>
      <c r="K8534" s="59">
        <f>Bühler!K8560</f>
        <v>1.4149028889987043</v>
      </c>
      <c r="L8534" s="59">
        <f>Bühler!L8560</f>
        <v>13.841219386100873</v>
      </c>
      <c r="M8534" s="58">
        <f>Bühler!M8560</f>
        <v>0</v>
      </c>
      <c r="N8534" s="56">
        <f>IF(Input!$D$19=1,J8534*Input!$C$19,0)+IF(Input!$D$20=1,K8534*Input!$C$20,0)+IF(Input!$D$21=1,L8534*Input!$C$21,0)+IF(Input!$D$22=1,M8534*Input!$C$22,0)</f>
        <v>0.28298057779974084</v>
      </c>
      <c r="O8534" s="59">
        <f>IF(Input!$D$19=2,J8534*Input!$C$19,0)+IF(Input!$D$20=2,K8534*Input!$C$20,0)+IF(Input!$D$21=2,L8534*Input!$C$21,0)+IF(Input!$D$22=2,M8534*Input!$C$22,0)</f>
        <v>0.70745144449935216</v>
      </c>
      <c r="P8534" s="59">
        <f>IF(Input!$D$19=3,J8534*Input!$C$19,0)+IF(Input!$D$20=3,K8534*Input!$C$20,0)+IF(Input!$D$21=3,L8534*Input!$C$21,0)+IF(Input!$D$22=3,M8534*Input!$C$22,0)</f>
        <v>0</v>
      </c>
      <c r="Q8534" s="75">
        <f>IF(Input!$D$19=4,J8534*Input!$C$19,0)+IF(Input!$D$20=4,K8534*Input!$C$20,0)+IF(Input!$D$21=4,L8534*Input!$C$21,0)+IF(Input!$D$22=4,M8534*Input!$C$22,0)</f>
        <v>0</v>
      </c>
      <c r="R8534" s="58">
        <v>52.072456282641113</v>
      </c>
      <c r="S8534" s="124">
        <f t="shared" si="133"/>
        <v>1.2262491704655436</v>
      </c>
    </row>
    <row r="8535" spans="8:19" x14ac:dyDescent="0.3">
      <c r="H8535" s="44">
        <v>8528</v>
      </c>
      <c r="I8535" s="56">
        <f>Bühler!I8561</f>
        <v>0.32277472155282938</v>
      </c>
      <c r="J8535" s="59">
        <f>Bühler!J8561</f>
        <v>1.0759157385094313</v>
      </c>
      <c r="K8535" s="59">
        <f>Bühler!K8561</f>
        <v>1.6138736077641471</v>
      </c>
      <c r="L8535" s="59">
        <f>Bühler!L8561</f>
        <v>15.787640862271306</v>
      </c>
      <c r="M8535" s="58">
        <f>Bühler!M8561</f>
        <v>0</v>
      </c>
      <c r="N8535" s="56">
        <f>IF(Input!$D$19=1,J8535*Input!$C$19,0)+IF(Input!$D$20=1,K8535*Input!$C$20,0)+IF(Input!$D$21=1,L8535*Input!$C$21,0)+IF(Input!$D$22=1,M8535*Input!$C$22,0)</f>
        <v>0.32277472155282938</v>
      </c>
      <c r="O8535" s="59">
        <f>IF(Input!$D$19=2,J8535*Input!$C$19,0)+IF(Input!$D$20=2,K8535*Input!$C$20,0)+IF(Input!$D$21=2,L8535*Input!$C$21,0)+IF(Input!$D$22=2,M8535*Input!$C$22,0)</f>
        <v>0.80693680388207356</v>
      </c>
      <c r="P8535" s="59">
        <f>IF(Input!$D$19=3,J8535*Input!$C$19,0)+IF(Input!$D$20=3,K8535*Input!$C$20,0)+IF(Input!$D$21=3,L8535*Input!$C$21,0)+IF(Input!$D$22=3,M8535*Input!$C$22,0)</f>
        <v>0</v>
      </c>
      <c r="Q8535" s="75">
        <f>IF(Input!$D$19=4,J8535*Input!$C$19,0)+IF(Input!$D$20=4,K8535*Input!$C$20,0)+IF(Input!$D$21=4,L8535*Input!$C$21,0)+IF(Input!$D$22=4,M8535*Input!$C$22,0)</f>
        <v>0</v>
      </c>
      <c r="R8535" s="58">
        <v>51.447412634951235</v>
      </c>
      <c r="S8535" s="124">
        <f t="shared" si="133"/>
        <v>1.3986904600622607</v>
      </c>
    </row>
    <row r="8536" spans="8:19" x14ac:dyDescent="0.3">
      <c r="H8536" s="44">
        <v>8529</v>
      </c>
      <c r="I8536" s="56">
        <f>Bühler!I8562</f>
        <v>0.32277472155282938</v>
      </c>
      <c r="J8536" s="59">
        <f>Bühler!J8562</f>
        <v>1.0759157385094313</v>
      </c>
      <c r="K8536" s="59">
        <f>Bühler!K8562</f>
        <v>1.6138736077641471</v>
      </c>
      <c r="L8536" s="59">
        <f>Bühler!L8562</f>
        <v>15.787640862271306</v>
      </c>
      <c r="M8536" s="58">
        <f>Bühler!M8562</f>
        <v>0</v>
      </c>
      <c r="N8536" s="56">
        <f>IF(Input!$D$19=1,J8536*Input!$C$19,0)+IF(Input!$D$20=1,K8536*Input!$C$20,0)+IF(Input!$D$21=1,L8536*Input!$C$21,0)+IF(Input!$D$22=1,M8536*Input!$C$22,0)</f>
        <v>0.32277472155282938</v>
      </c>
      <c r="O8536" s="59">
        <f>IF(Input!$D$19=2,J8536*Input!$C$19,0)+IF(Input!$D$20=2,K8536*Input!$C$20,0)+IF(Input!$D$21=2,L8536*Input!$C$21,0)+IF(Input!$D$22=2,M8536*Input!$C$22,0)</f>
        <v>0.80693680388207356</v>
      </c>
      <c r="P8536" s="59">
        <f>IF(Input!$D$19=3,J8536*Input!$C$19,0)+IF(Input!$D$20=3,K8536*Input!$C$20,0)+IF(Input!$D$21=3,L8536*Input!$C$21,0)+IF(Input!$D$22=3,M8536*Input!$C$22,0)</f>
        <v>0</v>
      </c>
      <c r="Q8536" s="75">
        <f>IF(Input!$D$19=4,J8536*Input!$C$19,0)+IF(Input!$D$20=4,K8536*Input!$C$20,0)+IF(Input!$D$21=4,L8536*Input!$C$21,0)+IF(Input!$D$22=4,M8536*Input!$C$22,0)</f>
        <v>0</v>
      </c>
      <c r="R8536" s="58">
        <v>50.946770691118971</v>
      </c>
      <c r="S8536" s="124">
        <f t="shared" si="133"/>
        <v>1.3986904600622607</v>
      </c>
    </row>
    <row r="8537" spans="8:19" x14ac:dyDescent="0.3">
      <c r="H8537" s="44">
        <v>8530</v>
      </c>
      <c r="I8537" s="56">
        <f>Bühler!I8563</f>
        <v>0.32277472155282938</v>
      </c>
      <c r="J8537" s="59">
        <f>Bühler!J8563</f>
        <v>1.0759157385094313</v>
      </c>
      <c r="K8537" s="59">
        <f>Bühler!K8563</f>
        <v>1.6138736077641471</v>
      </c>
      <c r="L8537" s="59">
        <f>Bühler!L8563</f>
        <v>15.787640862271306</v>
      </c>
      <c r="M8537" s="58">
        <f>Bühler!M8563</f>
        <v>0</v>
      </c>
      <c r="N8537" s="56">
        <f>IF(Input!$D$19=1,J8537*Input!$C$19,0)+IF(Input!$D$20=1,K8537*Input!$C$20,0)+IF(Input!$D$21=1,L8537*Input!$C$21,0)+IF(Input!$D$22=1,M8537*Input!$C$22,0)</f>
        <v>0.32277472155282938</v>
      </c>
      <c r="O8537" s="59">
        <f>IF(Input!$D$19=2,J8537*Input!$C$19,0)+IF(Input!$D$20=2,K8537*Input!$C$20,0)+IF(Input!$D$21=2,L8537*Input!$C$21,0)+IF(Input!$D$22=2,M8537*Input!$C$22,0)</f>
        <v>0.80693680388207356</v>
      </c>
      <c r="P8537" s="59">
        <f>IF(Input!$D$19=3,J8537*Input!$C$19,0)+IF(Input!$D$20=3,K8537*Input!$C$20,0)+IF(Input!$D$21=3,L8537*Input!$C$21,0)+IF(Input!$D$22=3,M8537*Input!$C$22,0)</f>
        <v>0</v>
      </c>
      <c r="Q8537" s="75">
        <f>IF(Input!$D$19=4,J8537*Input!$C$19,0)+IF(Input!$D$20=4,K8537*Input!$C$20,0)+IF(Input!$D$21=4,L8537*Input!$C$21,0)+IF(Input!$D$22=4,M8537*Input!$C$22,0)</f>
        <v>0</v>
      </c>
      <c r="R8537" s="58">
        <v>50.012393570533199</v>
      </c>
      <c r="S8537" s="124">
        <f t="shared" si="133"/>
        <v>1.3986904600622607</v>
      </c>
    </row>
    <row r="8538" spans="8:19" x14ac:dyDescent="0.3">
      <c r="H8538" s="44">
        <v>8531</v>
      </c>
      <c r="I8538" s="56">
        <f>Bühler!I8564</f>
        <v>0.32277472155282938</v>
      </c>
      <c r="J8538" s="59">
        <f>Bühler!J8564</f>
        <v>1.0759157385094313</v>
      </c>
      <c r="K8538" s="59">
        <f>Bühler!K8564</f>
        <v>1.6138736077641471</v>
      </c>
      <c r="L8538" s="59">
        <f>Bühler!L8564</f>
        <v>15.787640862271306</v>
      </c>
      <c r="M8538" s="58">
        <f>Bühler!M8564</f>
        <v>0</v>
      </c>
      <c r="N8538" s="56">
        <f>IF(Input!$D$19=1,J8538*Input!$C$19,0)+IF(Input!$D$20=1,K8538*Input!$C$20,0)+IF(Input!$D$21=1,L8538*Input!$C$21,0)+IF(Input!$D$22=1,M8538*Input!$C$22,0)</f>
        <v>0.32277472155282938</v>
      </c>
      <c r="O8538" s="59">
        <f>IF(Input!$D$19=2,J8538*Input!$C$19,0)+IF(Input!$D$20=2,K8538*Input!$C$20,0)+IF(Input!$D$21=2,L8538*Input!$C$21,0)+IF(Input!$D$22=2,M8538*Input!$C$22,0)</f>
        <v>0.80693680388207356</v>
      </c>
      <c r="P8538" s="59">
        <f>IF(Input!$D$19=3,J8538*Input!$C$19,0)+IF(Input!$D$20=3,K8538*Input!$C$20,0)+IF(Input!$D$21=3,L8538*Input!$C$21,0)+IF(Input!$D$22=3,M8538*Input!$C$22,0)</f>
        <v>0</v>
      </c>
      <c r="Q8538" s="75">
        <f>IF(Input!$D$19=4,J8538*Input!$C$19,0)+IF(Input!$D$20=4,K8538*Input!$C$20,0)+IF(Input!$D$21=4,L8538*Input!$C$21,0)+IF(Input!$D$22=4,M8538*Input!$C$22,0)</f>
        <v>0</v>
      </c>
      <c r="R8538" s="58">
        <v>50.094694241334331</v>
      </c>
      <c r="S8538" s="124">
        <f t="shared" si="133"/>
        <v>1.3986904600622607</v>
      </c>
    </row>
    <row r="8539" spans="8:19" x14ac:dyDescent="0.3">
      <c r="H8539" s="44">
        <v>8532</v>
      </c>
      <c r="I8539" s="56">
        <f>Bühler!I8565</f>
        <v>0.32277472155282938</v>
      </c>
      <c r="J8539" s="59">
        <f>Bühler!J8565</f>
        <v>1.0759157385094313</v>
      </c>
      <c r="K8539" s="59">
        <f>Bühler!K8565</f>
        <v>1.6138736077641471</v>
      </c>
      <c r="L8539" s="59">
        <f>Bühler!L8565</f>
        <v>15.787640862271306</v>
      </c>
      <c r="M8539" s="58">
        <f>Bühler!M8565</f>
        <v>0</v>
      </c>
      <c r="N8539" s="56">
        <f>IF(Input!$D$19=1,J8539*Input!$C$19,0)+IF(Input!$D$20=1,K8539*Input!$C$20,0)+IF(Input!$D$21=1,L8539*Input!$C$21,0)+IF(Input!$D$22=1,M8539*Input!$C$22,0)</f>
        <v>0.32277472155282938</v>
      </c>
      <c r="O8539" s="59">
        <f>IF(Input!$D$19=2,J8539*Input!$C$19,0)+IF(Input!$D$20=2,K8539*Input!$C$20,0)+IF(Input!$D$21=2,L8539*Input!$C$21,0)+IF(Input!$D$22=2,M8539*Input!$C$22,0)</f>
        <v>0.80693680388207356</v>
      </c>
      <c r="P8539" s="59">
        <f>IF(Input!$D$19=3,J8539*Input!$C$19,0)+IF(Input!$D$20=3,K8539*Input!$C$20,0)+IF(Input!$D$21=3,L8539*Input!$C$21,0)+IF(Input!$D$22=3,M8539*Input!$C$22,0)</f>
        <v>0</v>
      </c>
      <c r="Q8539" s="75">
        <f>IF(Input!$D$19=4,J8539*Input!$C$19,0)+IF(Input!$D$20=4,K8539*Input!$C$20,0)+IF(Input!$D$21=4,L8539*Input!$C$21,0)+IF(Input!$D$22=4,M8539*Input!$C$22,0)</f>
        <v>0</v>
      </c>
      <c r="R8539" s="58">
        <v>49.524455368504029</v>
      </c>
      <c r="S8539" s="124">
        <f t="shared" si="133"/>
        <v>1.3986904600622607</v>
      </c>
    </row>
    <row r="8540" spans="8:19" x14ac:dyDescent="0.3">
      <c r="H8540" s="44">
        <v>8533</v>
      </c>
      <c r="I8540" s="56">
        <f>Bühler!I8566</f>
        <v>0.32277472155282938</v>
      </c>
      <c r="J8540" s="59">
        <f>Bühler!J8566</f>
        <v>1.0759157385094313</v>
      </c>
      <c r="K8540" s="59">
        <f>Bühler!K8566</f>
        <v>1.6138736077641471</v>
      </c>
      <c r="L8540" s="59">
        <f>Bühler!L8566</f>
        <v>15.787640862271306</v>
      </c>
      <c r="M8540" s="58">
        <f>Bühler!M8566</f>
        <v>0</v>
      </c>
      <c r="N8540" s="56">
        <f>IF(Input!$D$19=1,J8540*Input!$C$19,0)+IF(Input!$D$20=1,K8540*Input!$C$20,0)+IF(Input!$D$21=1,L8540*Input!$C$21,0)+IF(Input!$D$22=1,M8540*Input!$C$22,0)</f>
        <v>0.32277472155282938</v>
      </c>
      <c r="O8540" s="59">
        <f>IF(Input!$D$19=2,J8540*Input!$C$19,0)+IF(Input!$D$20=2,K8540*Input!$C$20,0)+IF(Input!$D$21=2,L8540*Input!$C$21,0)+IF(Input!$D$22=2,M8540*Input!$C$22,0)</f>
        <v>0.80693680388207356</v>
      </c>
      <c r="P8540" s="59">
        <f>IF(Input!$D$19=3,J8540*Input!$C$19,0)+IF(Input!$D$20=3,K8540*Input!$C$20,0)+IF(Input!$D$21=3,L8540*Input!$C$21,0)+IF(Input!$D$22=3,M8540*Input!$C$22,0)</f>
        <v>0</v>
      </c>
      <c r="Q8540" s="75">
        <f>IF(Input!$D$19=4,J8540*Input!$C$19,0)+IF(Input!$D$20=4,K8540*Input!$C$20,0)+IF(Input!$D$21=4,L8540*Input!$C$21,0)+IF(Input!$D$22=4,M8540*Input!$C$22,0)</f>
        <v>0</v>
      </c>
      <c r="R8540" s="58">
        <v>48.746565208209525</v>
      </c>
      <c r="S8540" s="124">
        <f t="shared" si="133"/>
        <v>1.3986904600622607</v>
      </c>
    </row>
    <row r="8541" spans="8:19" x14ac:dyDescent="0.3">
      <c r="H8541" s="44">
        <v>8534</v>
      </c>
      <c r="I8541" s="56">
        <f>Bühler!I8567</f>
        <v>0.32277472155282938</v>
      </c>
      <c r="J8541" s="59">
        <f>Bühler!J8567</f>
        <v>1.0759157385094313</v>
      </c>
      <c r="K8541" s="59">
        <f>Bühler!K8567</f>
        <v>1.6138736077641471</v>
      </c>
      <c r="L8541" s="59">
        <f>Bühler!L8567</f>
        <v>15.787640862271306</v>
      </c>
      <c r="M8541" s="58">
        <f>Bühler!M8567</f>
        <v>0</v>
      </c>
      <c r="N8541" s="56">
        <f>IF(Input!$D$19=1,J8541*Input!$C$19,0)+IF(Input!$D$20=1,K8541*Input!$C$20,0)+IF(Input!$D$21=1,L8541*Input!$C$21,0)+IF(Input!$D$22=1,M8541*Input!$C$22,0)</f>
        <v>0.32277472155282938</v>
      </c>
      <c r="O8541" s="59">
        <f>IF(Input!$D$19=2,J8541*Input!$C$19,0)+IF(Input!$D$20=2,K8541*Input!$C$20,0)+IF(Input!$D$21=2,L8541*Input!$C$21,0)+IF(Input!$D$22=2,M8541*Input!$C$22,0)</f>
        <v>0.80693680388207356</v>
      </c>
      <c r="P8541" s="59">
        <f>IF(Input!$D$19=3,J8541*Input!$C$19,0)+IF(Input!$D$20=3,K8541*Input!$C$20,0)+IF(Input!$D$21=3,L8541*Input!$C$21,0)+IF(Input!$D$22=3,M8541*Input!$C$22,0)</f>
        <v>0</v>
      </c>
      <c r="Q8541" s="75">
        <f>IF(Input!$D$19=4,J8541*Input!$C$19,0)+IF(Input!$D$20=4,K8541*Input!$C$20,0)+IF(Input!$D$21=4,L8541*Input!$C$21,0)+IF(Input!$D$22=4,M8541*Input!$C$22,0)</f>
        <v>0</v>
      </c>
      <c r="R8541" s="58">
        <v>48.480484291123453</v>
      </c>
      <c r="S8541" s="124">
        <f t="shared" si="133"/>
        <v>1.3986904600622607</v>
      </c>
    </row>
    <row r="8542" spans="8:19" x14ac:dyDescent="0.3">
      <c r="H8542" s="44">
        <v>8535</v>
      </c>
      <c r="I8542" s="56">
        <f>Bühler!I8568</f>
        <v>0.32277472155282938</v>
      </c>
      <c r="J8542" s="59">
        <f>Bühler!J8568</f>
        <v>1.0759157385094313</v>
      </c>
      <c r="K8542" s="59">
        <f>Bühler!K8568</f>
        <v>1.6138736077641471</v>
      </c>
      <c r="L8542" s="59">
        <f>Bühler!L8568</f>
        <v>15.787640862271306</v>
      </c>
      <c r="M8542" s="58">
        <f>Bühler!M8568</f>
        <v>0</v>
      </c>
      <c r="N8542" s="56">
        <f>IF(Input!$D$19=1,J8542*Input!$C$19,0)+IF(Input!$D$20=1,K8542*Input!$C$20,0)+IF(Input!$D$21=1,L8542*Input!$C$21,0)+IF(Input!$D$22=1,M8542*Input!$C$22,0)</f>
        <v>0.32277472155282938</v>
      </c>
      <c r="O8542" s="59">
        <f>IF(Input!$D$19=2,J8542*Input!$C$19,0)+IF(Input!$D$20=2,K8542*Input!$C$20,0)+IF(Input!$D$21=2,L8542*Input!$C$21,0)+IF(Input!$D$22=2,M8542*Input!$C$22,0)</f>
        <v>0.80693680388207356</v>
      </c>
      <c r="P8542" s="59">
        <f>IF(Input!$D$19=3,J8542*Input!$C$19,0)+IF(Input!$D$20=3,K8542*Input!$C$20,0)+IF(Input!$D$21=3,L8542*Input!$C$21,0)+IF(Input!$D$22=3,M8542*Input!$C$22,0)</f>
        <v>0</v>
      </c>
      <c r="Q8542" s="75">
        <f>IF(Input!$D$19=4,J8542*Input!$C$19,0)+IF(Input!$D$20=4,K8542*Input!$C$20,0)+IF(Input!$D$21=4,L8542*Input!$C$21,0)+IF(Input!$D$22=4,M8542*Input!$C$22,0)</f>
        <v>0</v>
      </c>
      <c r="R8542" s="58">
        <v>47.877794267515029</v>
      </c>
      <c r="S8542" s="124">
        <f t="shared" si="133"/>
        <v>1.3986904600622607</v>
      </c>
    </row>
    <row r="8543" spans="8:19" x14ac:dyDescent="0.3">
      <c r="H8543" s="44">
        <v>8536</v>
      </c>
      <c r="I8543" s="56">
        <f>Bühler!I8569</f>
        <v>0.29182372085598274</v>
      </c>
      <c r="J8543" s="59">
        <f>Bühler!J8569</f>
        <v>0.9727457361866092</v>
      </c>
      <c r="K8543" s="59">
        <f>Bühler!K8569</f>
        <v>1.4591186042799138</v>
      </c>
      <c r="L8543" s="59">
        <f>Bühler!L8569</f>
        <v>14.273757491916522</v>
      </c>
      <c r="M8543" s="58">
        <f>Bühler!M8569</f>
        <v>0</v>
      </c>
      <c r="N8543" s="56">
        <f>IF(Input!$D$19=1,J8543*Input!$C$19,0)+IF(Input!$D$20=1,K8543*Input!$C$20,0)+IF(Input!$D$21=1,L8543*Input!$C$21,0)+IF(Input!$D$22=1,M8543*Input!$C$22,0)</f>
        <v>0.29182372085598274</v>
      </c>
      <c r="O8543" s="59">
        <f>IF(Input!$D$19=2,J8543*Input!$C$19,0)+IF(Input!$D$20=2,K8543*Input!$C$20,0)+IF(Input!$D$21=2,L8543*Input!$C$21,0)+IF(Input!$D$22=2,M8543*Input!$C$22,0)</f>
        <v>0.7295593021399569</v>
      </c>
      <c r="P8543" s="59">
        <f>IF(Input!$D$19=3,J8543*Input!$C$19,0)+IF(Input!$D$20=3,K8543*Input!$C$20,0)+IF(Input!$D$21=3,L8543*Input!$C$21,0)+IF(Input!$D$22=3,M8543*Input!$C$22,0)</f>
        <v>0</v>
      </c>
      <c r="Q8543" s="75">
        <f>IF(Input!$D$19=4,J8543*Input!$C$19,0)+IF(Input!$D$20=4,K8543*Input!$C$20,0)+IF(Input!$D$21=4,L8543*Input!$C$21,0)+IF(Input!$D$22=4,M8543*Input!$C$22,0)</f>
        <v>0</v>
      </c>
      <c r="R8543" s="58">
        <v>47.108168670948885</v>
      </c>
      <c r="S8543" s="124">
        <f t="shared" si="133"/>
        <v>1.264569457042592</v>
      </c>
    </row>
    <row r="8544" spans="8:19" x14ac:dyDescent="0.3">
      <c r="H8544" s="44">
        <v>8537</v>
      </c>
      <c r="I8544" s="56">
        <f>Bühler!I8570</f>
        <v>0.26529429168725704</v>
      </c>
      <c r="J8544" s="59">
        <f>Bühler!J8570</f>
        <v>0.88431430562419022</v>
      </c>
      <c r="K8544" s="59">
        <f>Bühler!K8570</f>
        <v>1.3264714584362853</v>
      </c>
      <c r="L8544" s="59">
        <f>Bühler!L8570</f>
        <v>12.976143174469568</v>
      </c>
      <c r="M8544" s="58">
        <f>Bühler!M8570</f>
        <v>0</v>
      </c>
      <c r="N8544" s="56">
        <f>IF(Input!$D$19=1,J8544*Input!$C$19,0)+IF(Input!$D$20=1,K8544*Input!$C$20,0)+IF(Input!$D$21=1,L8544*Input!$C$21,0)+IF(Input!$D$22=1,M8544*Input!$C$22,0)</f>
        <v>0.26529429168725704</v>
      </c>
      <c r="O8544" s="59">
        <f>IF(Input!$D$19=2,J8544*Input!$C$19,0)+IF(Input!$D$20=2,K8544*Input!$C$20,0)+IF(Input!$D$21=2,L8544*Input!$C$21,0)+IF(Input!$D$22=2,M8544*Input!$C$22,0)</f>
        <v>0.66323572921814267</v>
      </c>
      <c r="P8544" s="59">
        <f>IF(Input!$D$19=3,J8544*Input!$C$19,0)+IF(Input!$D$20=3,K8544*Input!$C$20,0)+IF(Input!$D$21=3,L8544*Input!$C$21,0)+IF(Input!$D$22=3,M8544*Input!$C$22,0)</f>
        <v>0</v>
      </c>
      <c r="Q8544" s="75">
        <f>IF(Input!$D$19=4,J8544*Input!$C$19,0)+IF(Input!$D$20=4,K8544*Input!$C$20,0)+IF(Input!$D$21=4,L8544*Input!$C$21,0)+IF(Input!$D$22=4,M8544*Input!$C$22,0)</f>
        <v>0</v>
      </c>
      <c r="R8544" s="58">
        <v>46.424527970741167</v>
      </c>
      <c r="S8544" s="124">
        <f t="shared" si="133"/>
        <v>1.1496085973114472</v>
      </c>
    </row>
    <row r="8545" spans="8:19" x14ac:dyDescent="0.3">
      <c r="H8545" s="44">
        <v>8538</v>
      </c>
      <c r="I8545" s="56">
        <f>Bühler!I8571</f>
        <v>0.23876486251853132</v>
      </c>
      <c r="J8545" s="59">
        <f>Bühler!J8571</f>
        <v>0.79588287506177113</v>
      </c>
      <c r="K8545" s="59">
        <f>Bühler!K8571</f>
        <v>1.1938243125926566</v>
      </c>
      <c r="L8545" s="59">
        <f>Bühler!L8571</f>
        <v>11.678528857022611</v>
      </c>
      <c r="M8545" s="58">
        <f>Bühler!M8571</f>
        <v>0</v>
      </c>
      <c r="N8545" s="56">
        <f>IF(Input!$D$19=1,J8545*Input!$C$19,0)+IF(Input!$D$20=1,K8545*Input!$C$20,0)+IF(Input!$D$21=1,L8545*Input!$C$21,0)+IF(Input!$D$22=1,M8545*Input!$C$22,0)</f>
        <v>0.23876486251853132</v>
      </c>
      <c r="O8545" s="59">
        <f>IF(Input!$D$19=2,J8545*Input!$C$19,0)+IF(Input!$D$20=2,K8545*Input!$C$20,0)+IF(Input!$D$21=2,L8545*Input!$C$21,0)+IF(Input!$D$22=2,M8545*Input!$C$22,0)</f>
        <v>0.59691215629632832</v>
      </c>
      <c r="P8545" s="59">
        <f>IF(Input!$D$19=3,J8545*Input!$C$19,0)+IF(Input!$D$20=3,K8545*Input!$C$20,0)+IF(Input!$D$21=3,L8545*Input!$C$21,0)+IF(Input!$D$22=3,M8545*Input!$C$22,0)</f>
        <v>0</v>
      </c>
      <c r="Q8545" s="75">
        <f>IF(Input!$D$19=4,J8545*Input!$C$19,0)+IF(Input!$D$20=4,K8545*Input!$C$20,0)+IF(Input!$D$21=4,L8545*Input!$C$21,0)+IF(Input!$D$22=4,M8545*Input!$C$22,0)</f>
        <v>0</v>
      </c>
      <c r="R8545" s="58">
        <v>46.289875125364794</v>
      </c>
      <c r="S8545" s="124">
        <f t="shared" si="133"/>
        <v>1.0346477375803025</v>
      </c>
    </row>
    <row r="8546" spans="8:19" x14ac:dyDescent="0.3">
      <c r="H8546" s="44">
        <v>8539</v>
      </c>
      <c r="I8546" s="56">
        <f>Bühler!I8572</f>
        <v>0.22992171946228943</v>
      </c>
      <c r="J8546" s="59">
        <f>Bühler!J8572</f>
        <v>0.76640573154096481</v>
      </c>
      <c r="K8546" s="59">
        <f>Bühler!K8572</f>
        <v>1.1496085973114472</v>
      </c>
      <c r="L8546" s="59">
        <f>Bühler!L8572</f>
        <v>11.245990751206955</v>
      </c>
      <c r="M8546" s="58">
        <f>Bühler!M8572</f>
        <v>0</v>
      </c>
      <c r="N8546" s="56">
        <f>IF(Input!$D$19=1,J8546*Input!$C$19,0)+IF(Input!$D$20=1,K8546*Input!$C$20,0)+IF(Input!$D$21=1,L8546*Input!$C$21,0)+IF(Input!$D$22=1,M8546*Input!$C$22,0)</f>
        <v>0.22992171946228943</v>
      </c>
      <c r="O8546" s="59">
        <f>IF(Input!$D$19=2,J8546*Input!$C$19,0)+IF(Input!$D$20=2,K8546*Input!$C$20,0)+IF(Input!$D$21=2,L8546*Input!$C$21,0)+IF(Input!$D$22=2,M8546*Input!$C$22,0)</f>
        <v>0.57480429865572358</v>
      </c>
      <c r="P8546" s="59">
        <f>IF(Input!$D$19=3,J8546*Input!$C$19,0)+IF(Input!$D$20=3,K8546*Input!$C$20,0)+IF(Input!$D$21=3,L8546*Input!$C$21,0)+IF(Input!$D$22=3,M8546*Input!$C$22,0)</f>
        <v>0</v>
      </c>
      <c r="Q8546" s="75">
        <f>IF(Input!$D$19=4,J8546*Input!$C$19,0)+IF(Input!$D$20=4,K8546*Input!$C$20,0)+IF(Input!$D$21=4,L8546*Input!$C$21,0)+IF(Input!$D$22=4,M8546*Input!$C$22,0)</f>
        <v>0</v>
      </c>
      <c r="R8546" s="58">
        <v>45.678663715699052</v>
      </c>
      <c r="S8546" s="124">
        <f t="shared" si="133"/>
        <v>0.99632745100325426</v>
      </c>
    </row>
    <row r="8547" spans="8:19" x14ac:dyDescent="0.3">
      <c r="H8547" s="44">
        <v>8540</v>
      </c>
      <c r="I8547" s="56">
        <f>Bühler!I8573</f>
        <v>0.18570600418107988</v>
      </c>
      <c r="J8547" s="59">
        <f>Bühler!J8573</f>
        <v>0.61902001393693307</v>
      </c>
      <c r="K8547" s="59">
        <f>Bühler!K8573</f>
        <v>0.9285300209053996</v>
      </c>
      <c r="L8547" s="59">
        <f>Bühler!L8573</f>
        <v>9.0833002221286954</v>
      </c>
      <c r="M8547" s="58">
        <f>Bühler!M8573</f>
        <v>0</v>
      </c>
      <c r="N8547" s="56">
        <f>IF(Input!$D$19=1,J8547*Input!$C$19,0)+IF(Input!$D$20=1,K8547*Input!$C$20,0)+IF(Input!$D$21=1,L8547*Input!$C$21,0)+IF(Input!$D$22=1,M8547*Input!$C$22,0)</f>
        <v>0.18570600418107991</v>
      </c>
      <c r="O8547" s="59">
        <f>IF(Input!$D$19=2,J8547*Input!$C$19,0)+IF(Input!$D$20=2,K8547*Input!$C$20,0)+IF(Input!$D$21=2,L8547*Input!$C$21,0)+IF(Input!$D$22=2,M8547*Input!$C$22,0)</f>
        <v>0.4642650104526998</v>
      </c>
      <c r="P8547" s="59">
        <f>IF(Input!$D$19=3,J8547*Input!$C$19,0)+IF(Input!$D$20=3,K8547*Input!$C$20,0)+IF(Input!$D$21=3,L8547*Input!$C$21,0)+IF(Input!$D$22=3,M8547*Input!$C$22,0)</f>
        <v>0</v>
      </c>
      <c r="Q8547" s="75">
        <f>IF(Input!$D$19=4,J8547*Input!$C$19,0)+IF(Input!$D$20=4,K8547*Input!$C$20,0)+IF(Input!$D$21=4,L8547*Input!$C$21,0)+IF(Input!$D$22=4,M8547*Input!$C$22,0)</f>
        <v>0</v>
      </c>
      <c r="R8547" s="58">
        <v>45.065824267434394</v>
      </c>
      <c r="S8547" s="124">
        <f t="shared" si="133"/>
        <v>0.80472601811801292</v>
      </c>
    </row>
    <row r="8548" spans="8:19" x14ac:dyDescent="0.3">
      <c r="H8548" s="44">
        <v>8541</v>
      </c>
      <c r="I8548" s="56">
        <f>Bühler!I8574</f>
        <v>0.13706871737174944</v>
      </c>
      <c r="J8548" s="59">
        <f>Bühler!J8574</f>
        <v>0.45689572457249822</v>
      </c>
      <c r="K8548" s="59">
        <f>Bühler!K8574</f>
        <v>0.68534358685874741</v>
      </c>
      <c r="L8548" s="59">
        <f>Bühler!L8574</f>
        <v>6.7043406401426084</v>
      </c>
      <c r="M8548" s="58">
        <f>Bühler!M8574</f>
        <v>0</v>
      </c>
      <c r="N8548" s="56">
        <f>IF(Input!$D$19=1,J8548*Input!$C$19,0)+IF(Input!$D$20=1,K8548*Input!$C$20,0)+IF(Input!$D$21=1,L8548*Input!$C$21,0)+IF(Input!$D$22=1,M8548*Input!$C$22,0)</f>
        <v>0.13706871737174947</v>
      </c>
      <c r="O8548" s="59">
        <f>IF(Input!$D$19=2,J8548*Input!$C$19,0)+IF(Input!$D$20=2,K8548*Input!$C$20,0)+IF(Input!$D$21=2,L8548*Input!$C$21,0)+IF(Input!$D$22=2,M8548*Input!$C$22,0)</f>
        <v>0.34267179342937371</v>
      </c>
      <c r="P8548" s="59">
        <f>IF(Input!$D$19=3,J8548*Input!$C$19,0)+IF(Input!$D$20=3,K8548*Input!$C$20,0)+IF(Input!$D$21=3,L8548*Input!$C$21,0)+IF(Input!$D$22=3,M8548*Input!$C$22,0)</f>
        <v>0</v>
      </c>
      <c r="Q8548" s="75">
        <f>IF(Input!$D$19=4,J8548*Input!$C$19,0)+IF(Input!$D$20=4,K8548*Input!$C$20,0)+IF(Input!$D$21=4,L8548*Input!$C$21,0)+IF(Input!$D$22=4,M8548*Input!$C$22,0)</f>
        <v>0</v>
      </c>
      <c r="R8548" s="58">
        <v>44.70432200844467</v>
      </c>
      <c r="S8548" s="124">
        <f t="shared" si="133"/>
        <v>0.59396444194424769</v>
      </c>
    </row>
    <row r="8549" spans="8:19" x14ac:dyDescent="0.3">
      <c r="H8549" s="44">
        <v>8542</v>
      </c>
      <c r="I8549" s="56">
        <f>Bühler!I8575</f>
        <v>0.13706871737174944</v>
      </c>
      <c r="J8549" s="59">
        <f>Bühler!J8575</f>
        <v>0.45689572457249822</v>
      </c>
      <c r="K8549" s="59">
        <f>Bühler!K8575</f>
        <v>0.68534358685874741</v>
      </c>
      <c r="L8549" s="59">
        <f>Bühler!L8575</f>
        <v>6.7043406401426084</v>
      </c>
      <c r="M8549" s="58">
        <f>Bühler!M8575</f>
        <v>0</v>
      </c>
      <c r="N8549" s="56">
        <f>IF(Input!$D$19=1,J8549*Input!$C$19,0)+IF(Input!$D$20=1,K8549*Input!$C$20,0)+IF(Input!$D$21=1,L8549*Input!$C$21,0)+IF(Input!$D$22=1,M8549*Input!$C$22,0)</f>
        <v>0.13706871737174947</v>
      </c>
      <c r="O8549" s="59">
        <f>IF(Input!$D$19=2,J8549*Input!$C$19,0)+IF(Input!$D$20=2,K8549*Input!$C$20,0)+IF(Input!$D$21=2,L8549*Input!$C$21,0)+IF(Input!$D$22=2,M8549*Input!$C$22,0)</f>
        <v>0.34267179342937371</v>
      </c>
      <c r="P8549" s="59">
        <f>IF(Input!$D$19=3,J8549*Input!$C$19,0)+IF(Input!$D$20=3,K8549*Input!$C$20,0)+IF(Input!$D$21=3,L8549*Input!$C$21,0)+IF(Input!$D$22=3,M8549*Input!$C$22,0)</f>
        <v>0</v>
      </c>
      <c r="Q8549" s="75">
        <f>IF(Input!$D$19=4,J8549*Input!$C$19,0)+IF(Input!$D$20=4,K8549*Input!$C$20,0)+IF(Input!$D$21=4,L8549*Input!$C$21,0)+IF(Input!$D$22=4,M8549*Input!$C$22,0)</f>
        <v>0</v>
      </c>
      <c r="R8549" s="58">
        <v>44.209768562195407</v>
      </c>
      <c r="S8549" s="124">
        <f t="shared" si="133"/>
        <v>0.59396444194424769</v>
      </c>
    </row>
    <row r="8550" spans="8:19" x14ac:dyDescent="0.3">
      <c r="H8550" s="44">
        <v>8543</v>
      </c>
      <c r="I8550" s="56">
        <f>Bühler!I8576</f>
        <v>0.13706871737174944</v>
      </c>
      <c r="J8550" s="59">
        <f>Bühler!J8576</f>
        <v>0.45689572457249822</v>
      </c>
      <c r="K8550" s="59">
        <f>Bühler!K8576</f>
        <v>0.68534358685874741</v>
      </c>
      <c r="L8550" s="59">
        <f>Bühler!L8576</f>
        <v>6.7043406401426084</v>
      </c>
      <c r="M8550" s="58">
        <f>Bühler!M8576</f>
        <v>0</v>
      </c>
      <c r="N8550" s="56">
        <f>IF(Input!$D$19=1,J8550*Input!$C$19,0)+IF(Input!$D$20=1,K8550*Input!$C$20,0)+IF(Input!$D$21=1,L8550*Input!$C$21,0)+IF(Input!$D$22=1,M8550*Input!$C$22,0)</f>
        <v>0.13706871737174947</v>
      </c>
      <c r="O8550" s="59">
        <f>IF(Input!$D$19=2,J8550*Input!$C$19,0)+IF(Input!$D$20=2,K8550*Input!$C$20,0)+IF(Input!$D$21=2,L8550*Input!$C$21,0)+IF(Input!$D$22=2,M8550*Input!$C$22,0)</f>
        <v>0.34267179342937371</v>
      </c>
      <c r="P8550" s="59">
        <f>IF(Input!$D$19=3,J8550*Input!$C$19,0)+IF(Input!$D$20=3,K8550*Input!$C$20,0)+IF(Input!$D$21=3,L8550*Input!$C$21,0)+IF(Input!$D$22=3,M8550*Input!$C$22,0)</f>
        <v>0</v>
      </c>
      <c r="Q8550" s="75">
        <f>IF(Input!$D$19=4,J8550*Input!$C$19,0)+IF(Input!$D$20=4,K8550*Input!$C$20,0)+IF(Input!$D$21=4,L8550*Input!$C$21,0)+IF(Input!$D$22=4,M8550*Input!$C$22,0)</f>
        <v>0</v>
      </c>
      <c r="R8550" s="58">
        <v>44.392697630947929</v>
      </c>
      <c r="S8550" s="124">
        <f t="shared" si="133"/>
        <v>0.59396444194424769</v>
      </c>
    </row>
    <row r="8551" spans="8:19" x14ac:dyDescent="0.3">
      <c r="H8551" s="44">
        <v>8544</v>
      </c>
      <c r="I8551" s="56">
        <f>Bühler!I8577</f>
        <v>0.13706871737174944</v>
      </c>
      <c r="J8551" s="59">
        <f>Bühler!J8577</f>
        <v>0.45689572457249822</v>
      </c>
      <c r="K8551" s="59">
        <f>Bühler!K8577</f>
        <v>0.68534358685874741</v>
      </c>
      <c r="L8551" s="59">
        <f>Bühler!L8577</f>
        <v>6.7043406401426084</v>
      </c>
      <c r="M8551" s="58">
        <f>Bühler!M8577</f>
        <v>0</v>
      </c>
      <c r="N8551" s="56">
        <f>IF(Input!$D$19=1,J8551*Input!$C$19,0)+IF(Input!$D$20=1,K8551*Input!$C$20,0)+IF(Input!$D$21=1,L8551*Input!$C$21,0)+IF(Input!$D$22=1,M8551*Input!$C$22,0)</f>
        <v>0.13706871737174947</v>
      </c>
      <c r="O8551" s="59">
        <f>IF(Input!$D$19=2,J8551*Input!$C$19,0)+IF(Input!$D$20=2,K8551*Input!$C$20,0)+IF(Input!$D$21=2,L8551*Input!$C$21,0)+IF(Input!$D$22=2,M8551*Input!$C$22,0)</f>
        <v>0.34267179342937371</v>
      </c>
      <c r="P8551" s="59">
        <f>IF(Input!$D$19=3,J8551*Input!$C$19,0)+IF(Input!$D$20=3,K8551*Input!$C$20,0)+IF(Input!$D$21=3,L8551*Input!$C$21,0)+IF(Input!$D$22=3,M8551*Input!$C$22,0)</f>
        <v>0</v>
      </c>
      <c r="Q8551" s="75">
        <f>IF(Input!$D$19=4,J8551*Input!$C$19,0)+IF(Input!$D$20=4,K8551*Input!$C$20,0)+IF(Input!$D$21=4,L8551*Input!$C$21,0)+IF(Input!$D$22=4,M8551*Input!$C$22,0)</f>
        <v>0</v>
      </c>
      <c r="R8551" s="58">
        <v>43.857491685280486</v>
      </c>
      <c r="S8551" s="124">
        <f t="shared" si="133"/>
        <v>0.59396444194424769</v>
      </c>
    </row>
    <row r="8552" spans="8:19" x14ac:dyDescent="0.3">
      <c r="H8552" s="44">
        <v>8545</v>
      </c>
      <c r="I8552" s="56">
        <f>Bühler!I8578</f>
        <v>0.16112985888100653</v>
      </c>
      <c r="J8552" s="59">
        <f>Bühler!J8578</f>
        <v>0.53709952960335516</v>
      </c>
      <c r="K8552" s="59">
        <f>Bühler!K8578</f>
        <v>0.80564929440503275</v>
      </c>
      <c r="L8552" s="59">
        <f>Bühler!L8578</f>
        <v>7.7402770613148393</v>
      </c>
      <c r="M8552" s="58">
        <f>Bühler!M8578</f>
        <v>0</v>
      </c>
      <c r="N8552" s="56">
        <f>IF(Input!$D$19=1,J8552*Input!$C$19,0)+IF(Input!$D$20=1,K8552*Input!$C$20,0)+IF(Input!$D$21=1,L8552*Input!$C$21,0)+IF(Input!$D$22=1,M8552*Input!$C$22,0)</f>
        <v>0.16112985888100653</v>
      </c>
      <c r="O8552" s="59">
        <f>IF(Input!$D$19=2,J8552*Input!$C$19,0)+IF(Input!$D$20=2,K8552*Input!$C$20,0)+IF(Input!$D$21=2,L8552*Input!$C$21,0)+IF(Input!$D$22=2,M8552*Input!$C$22,0)</f>
        <v>0.40282464720251637</v>
      </c>
      <c r="P8552" s="59">
        <f>IF(Input!$D$19=3,J8552*Input!$C$19,0)+IF(Input!$D$20=3,K8552*Input!$C$20,0)+IF(Input!$D$21=3,L8552*Input!$C$21,0)+IF(Input!$D$22=3,M8552*Input!$C$22,0)</f>
        <v>0</v>
      </c>
      <c r="Q8552" s="75">
        <f>IF(Input!$D$19=4,J8552*Input!$C$19,0)+IF(Input!$D$20=4,K8552*Input!$C$20,0)+IF(Input!$D$21=4,L8552*Input!$C$21,0)+IF(Input!$D$22=4,M8552*Input!$C$22,0)</f>
        <v>0</v>
      </c>
      <c r="R8552" s="58">
        <v>43.518607580901502</v>
      </c>
      <c r="S8552" s="124">
        <f t="shared" si="133"/>
        <v>0.69822938848436167</v>
      </c>
    </row>
    <row r="8553" spans="8:19" x14ac:dyDescent="0.3">
      <c r="H8553" s="44">
        <v>8546</v>
      </c>
      <c r="I8553" s="56">
        <f>Bühler!I8579</f>
        <v>0.18711854579729792</v>
      </c>
      <c r="J8553" s="59">
        <f>Bühler!J8579</f>
        <v>0.62372848599099318</v>
      </c>
      <c r="K8553" s="59">
        <f>Bühler!K8579</f>
        <v>0.93559272898648971</v>
      </c>
      <c r="L8553" s="59">
        <f>Bühler!L8579</f>
        <v>8.988708845397877</v>
      </c>
      <c r="M8553" s="58">
        <f>Bühler!M8579</f>
        <v>0</v>
      </c>
      <c r="N8553" s="56">
        <f>IF(Input!$D$19=1,J8553*Input!$C$19,0)+IF(Input!$D$20=1,K8553*Input!$C$20,0)+IF(Input!$D$21=1,L8553*Input!$C$21,0)+IF(Input!$D$22=1,M8553*Input!$C$22,0)</f>
        <v>0.18711854579729795</v>
      </c>
      <c r="O8553" s="59">
        <f>IF(Input!$D$19=2,J8553*Input!$C$19,0)+IF(Input!$D$20=2,K8553*Input!$C$20,0)+IF(Input!$D$21=2,L8553*Input!$C$21,0)+IF(Input!$D$22=2,M8553*Input!$C$22,0)</f>
        <v>0.46779636449324485</v>
      </c>
      <c r="P8553" s="59">
        <f>IF(Input!$D$19=3,J8553*Input!$C$19,0)+IF(Input!$D$20=3,K8553*Input!$C$20,0)+IF(Input!$D$21=3,L8553*Input!$C$21,0)+IF(Input!$D$22=3,M8553*Input!$C$22,0)</f>
        <v>0</v>
      </c>
      <c r="Q8553" s="75">
        <f>IF(Input!$D$19=4,J8553*Input!$C$19,0)+IF(Input!$D$20=4,K8553*Input!$C$20,0)+IF(Input!$D$21=4,L8553*Input!$C$21,0)+IF(Input!$D$22=4,M8553*Input!$C$22,0)</f>
        <v>0</v>
      </c>
      <c r="R8553" s="58">
        <v>43.578583754027065</v>
      </c>
      <c r="S8553" s="124">
        <f t="shared" si="133"/>
        <v>0.81084703178829109</v>
      </c>
    </row>
    <row r="8554" spans="8:19" x14ac:dyDescent="0.3">
      <c r="H8554" s="44">
        <v>8547</v>
      </c>
      <c r="I8554" s="56">
        <f>Bühler!I8580</f>
        <v>0.18711854579729792</v>
      </c>
      <c r="J8554" s="59">
        <f>Bühler!J8580</f>
        <v>0.62372848599099318</v>
      </c>
      <c r="K8554" s="59">
        <f>Bühler!K8580</f>
        <v>0.93559272898648971</v>
      </c>
      <c r="L8554" s="59">
        <f>Bühler!L8580</f>
        <v>8.988708845397877</v>
      </c>
      <c r="M8554" s="58">
        <f>Bühler!M8580</f>
        <v>0</v>
      </c>
      <c r="N8554" s="56">
        <f>IF(Input!$D$19=1,J8554*Input!$C$19,0)+IF(Input!$D$20=1,K8554*Input!$C$20,0)+IF(Input!$D$21=1,L8554*Input!$C$21,0)+IF(Input!$D$22=1,M8554*Input!$C$22,0)</f>
        <v>0.18711854579729795</v>
      </c>
      <c r="O8554" s="59">
        <f>IF(Input!$D$19=2,J8554*Input!$C$19,0)+IF(Input!$D$20=2,K8554*Input!$C$20,0)+IF(Input!$D$21=2,L8554*Input!$C$21,0)+IF(Input!$D$22=2,M8554*Input!$C$22,0)</f>
        <v>0.46779636449324485</v>
      </c>
      <c r="P8554" s="59">
        <f>IF(Input!$D$19=3,J8554*Input!$C$19,0)+IF(Input!$D$20=3,K8554*Input!$C$20,0)+IF(Input!$D$21=3,L8554*Input!$C$21,0)+IF(Input!$D$22=3,M8554*Input!$C$22,0)</f>
        <v>0</v>
      </c>
      <c r="Q8554" s="75">
        <f>IF(Input!$D$19=4,J8554*Input!$C$19,0)+IF(Input!$D$20=4,K8554*Input!$C$20,0)+IF(Input!$D$21=4,L8554*Input!$C$21,0)+IF(Input!$D$22=4,M8554*Input!$C$22,0)</f>
        <v>0</v>
      </c>
      <c r="R8554" s="58">
        <v>43.927727276923648</v>
      </c>
      <c r="S8554" s="124">
        <f t="shared" si="133"/>
        <v>0.81084703178829109</v>
      </c>
    </row>
    <row r="8555" spans="8:19" x14ac:dyDescent="0.3">
      <c r="H8555" s="44">
        <v>8548</v>
      </c>
      <c r="I8555" s="56">
        <f>Bühler!I8581</f>
        <v>0.18711854579729792</v>
      </c>
      <c r="J8555" s="59">
        <f>Bühler!J8581</f>
        <v>0.62372848599099318</v>
      </c>
      <c r="K8555" s="59">
        <f>Bühler!K8581</f>
        <v>0.93559272898648971</v>
      </c>
      <c r="L8555" s="59">
        <f>Bühler!L8581</f>
        <v>8.988708845397877</v>
      </c>
      <c r="M8555" s="58">
        <f>Bühler!M8581</f>
        <v>0</v>
      </c>
      <c r="N8555" s="56">
        <f>IF(Input!$D$19=1,J8555*Input!$C$19,0)+IF(Input!$D$20=1,K8555*Input!$C$20,0)+IF(Input!$D$21=1,L8555*Input!$C$21,0)+IF(Input!$D$22=1,M8555*Input!$C$22,0)</f>
        <v>0.18711854579729795</v>
      </c>
      <c r="O8555" s="59">
        <f>IF(Input!$D$19=2,J8555*Input!$C$19,0)+IF(Input!$D$20=2,K8555*Input!$C$20,0)+IF(Input!$D$21=2,L8555*Input!$C$21,0)+IF(Input!$D$22=2,M8555*Input!$C$22,0)</f>
        <v>0.46779636449324485</v>
      </c>
      <c r="P8555" s="59">
        <f>IF(Input!$D$19=3,J8555*Input!$C$19,0)+IF(Input!$D$20=3,K8555*Input!$C$20,0)+IF(Input!$D$21=3,L8555*Input!$C$21,0)+IF(Input!$D$22=3,M8555*Input!$C$22,0)</f>
        <v>0</v>
      </c>
      <c r="Q8555" s="75">
        <f>IF(Input!$D$19=4,J8555*Input!$C$19,0)+IF(Input!$D$20=4,K8555*Input!$C$20,0)+IF(Input!$D$21=4,L8555*Input!$C$21,0)+IF(Input!$D$22=4,M8555*Input!$C$22,0)</f>
        <v>0</v>
      </c>
      <c r="R8555" s="58">
        <v>43.334769846740741</v>
      </c>
      <c r="S8555" s="124">
        <f t="shared" si="133"/>
        <v>0.81084703178829109</v>
      </c>
    </row>
    <row r="8556" spans="8:19" x14ac:dyDescent="0.3">
      <c r="H8556" s="44">
        <v>8549</v>
      </c>
      <c r="I8556" s="56">
        <f>Bühler!I8582</f>
        <v>0.18711854579729792</v>
      </c>
      <c r="J8556" s="59">
        <f>Bühler!J8582</f>
        <v>0.62372848599099318</v>
      </c>
      <c r="K8556" s="59">
        <f>Bühler!K8582</f>
        <v>0.93559272898648971</v>
      </c>
      <c r="L8556" s="59">
        <f>Bühler!L8582</f>
        <v>8.988708845397877</v>
      </c>
      <c r="M8556" s="58">
        <f>Bühler!M8582</f>
        <v>0</v>
      </c>
      <c r="N8556" s="56">
        <f>IF(Input!$D$19=1,J8556*Input!$C$19,0)+IF(Input!$D$20=1,K8556*Input!$C$20,0)+IF(Input!$D$21=1,L8556*Input!$C$21,0)+IF(Input!$D$22=1,M8556*Input!$C$22,0)</f>
        <v>0.18711854579729795</v>
      </c>
      <c r="O8556" s="59">
        <f>IF(Input!$D$19=2,J8556*Input!$C$19,0)+IF(Input!$D$20=2,K8556*Input!$C$20,0)+IF(Input!$D$21=2,L8556*Input!$C$21,0)+IF(Input!$D$22=2,M8556*Input!$C$22,0)</f>
        <v>0.46779636449324485</v>
      </c>
      <c r="P8556" s="59">
        <f>IF(Input!$D$19=3,J8556*Input!$C$19,0)+IF(Input!$D$20=3,K8556*Input!$C$20,0)+IF(Input!$D$21=3,L8556*Input!$C$21,0)+IF(Input!$D$22=3,M8556*Input!$C$22,0)</f>
        <v>0</v>
      </c>
      <c r="Q8556" s="75">
        <f>IF(Input!$D$19=4,J8556*Input!$C$19,0)+IF(Input!$D$20=4,K8556*Input!$C$20,0)+IF(Input!$D$21=4,L8556*Input!$C$21,0)+IF(Input!$D$22=4,M8556*Input!$C$22,0)</f>
        <v>0</v>
      </c>
      <c r="R8556" s="58">
        <v>43.165182260590605</v>
      </c>
      <c r="S8556" s="124">
        <f t="shared" si="133"/>
        <v>0.81084703178829109</v>
      </c>
    </row>
    <row r="8557" spans="8:19" x14ac:dyDescent="0.3">
      <c r="H8557" s="44">
        <v>8550</v>
      </c>
      <c r="I8557" s="56">
        <f>Bühler!I8583</f>
        <v>0.2338981822466224</v>
      </c>
      <c r="J8557" s="59">
        <f>Bühler!J8583</f>
        <v>0.77966060748874144</v>
      </c>
      <c r="K8557" s="59">
        <f>Bühler!K8583</f>
        <v>1.169490911233112</v>
      </c>
      <c r="L8557" s="59">
        <f>Bühler!L8583</f>
        <v>11.235886056747347</v>
      </c>
      <c r="M8557" s="58">
        <f>Bühler!M8583</f>
        <v>0</v>
      </c>
      <c r="N8557" s="56">
        <f>IF(Input!$D$19=1,J8557*Input!$C$19,0)+IF(Input!$D$20=1,K8557*Input!$C$20,0)+IF(Input!$D$21=1,L8557*Input!$C$21,0)+IF(Input!$D$22=1,M8557*Input!$C$22,0)</f>
        <v>0.23389818224662243</v>
      </c>
      <c r="O8557" s="59">
        <f>IF(Input!$D$19=2,J8557*Input!$C$19,0)+IF(Input!$D$20=2,K8557*Input!$C$20,0)+IF(Input!$D$21=2,L8557*Input!$C$21,0)+IF(Input!$D$22=2,M8557*Input!$C$22,0)</f>
        <v>0.584745455616556</v>
      </c>
      <c r="P8557" s="59">
        <f>IF(Input!$D$19=3,J8557*Input!$C$19,0)+IF(Input!$D$20=3,K8557*Input!$C$20,0)+IF(Input!$D$21=3,L8557*Input!$C$21,0)+IF(Input!$D$22=3,M8557*Input!$C$22,0)</f>
        <v>0</v>
      </c>
      <c r="Q8557" s="75">
        <f>IF(Input!$D$19=4,J8557*Input!$C$19,0)+IF(Input!$D$20=4,K8557*Input!$C$20,0)+IF(Input!$D$21=4,L8557*Input!$C$21,0)+IF(Input!$D$22=4,M8557*Input!$C$22,0)</f>
        <v>0</v>
      </c>
      <c r="R8557" s="58">
        <v>43.291589410657778</v>
      </c>
      <c r="S8557" s="124">
        <f t="shared" si="133"/>
        <v>1.013558789735364</v>
      </c>
    </row>
    <row r="8558" spans="8:19" x14ac:dyDescent="0.3">
      <c r="H8558" s="44">
        <v>8551</v>
      </c>
      <c r="I8558" s="56">
        <f>Bühler!I8584</f>
        <v>0.27548008131268859</v>
      </c>
      <c r="J8558" s="59">
        <f>Bühler!J8584</f>
        <v>0.91826693770896217</v>
      </c>
      <c r="K8558" s="59">
        <f>Bühler!K8584</f>
        <v>1.3774004065634431</v>
      </c>
      <c r="L8558" s="59">
        <f>Bühler!L8584</f>
        <v>13.233376911280208</v>
      </c>
      <c r="M8558" s="58">
        <f>Bühler!M8584</f>
        <v>0</v>
      </c>
      <c r="N8558" s="56">
        <f>IF(Input!$D$19=1,J8558*Input!$C$19,0)+IF(Input!$D$20=1,K8558*Input!$C$20,0)+IF(Input!$D$21=1,L8558*Input!$C$21,0)+IF(Input!$D$22=1,M8558*Input!$C$22,0)</f>
        <v>0.27548008131268864</v>
      </c>
      <c r="O8558" s="59">
        <f>IF(Input!$D$19=2,J8558*Input!$C$19,0)+IF(Input!$D$20=2,K8558*Input!$C$20,0)+IF(Input!$D$21=2,L8558*Input!$C$21,0)+IF(Input!$D$22=2,M8558*Input!$C$22,0)</f>
        <v>0.68870020328172155</v>
      </c>
      <c r="P8558" s="59">
        <f>IF(Input!$D$19=3,J8558*Input!$C$19,0)+IF(Input!$D$20=3,K8558*Input!$C$20,0)+IF(Input!$D$21=3,L8558*Input!$C$21,0)+IF(Input!$D$22=3,M8558*Input!$C$22,0)</f>
        <v>0</v>
      </c>
      <c r="Q8558" s="75">
        <f>IF(Input!$D$19=4,J8558*Input!$C$19,0)+IF(Input!$D$20=4,K8558*Input!$C$20,0)+IF(Input!$D$21=4,L8558*Input!$C$21,0)+IF(Input!$D$22=4,M8558*Input!$C$22,0)</f>
        <v>0</v>
      </c>
      <c r="R8558" s="58">
        <v>43.748813729433181</v>
      </c>
      <c r="S8558" s="124">
        <f t="shared" si="133"/>
        <v>1.1937470190216508</v>
      </c>
    </row>
    <row r="8559" spans="8:19" x14ac:dyDescent="0.3">
      <c r="H8559" s="44">
        <v>8552</v>
      </c>
      <c r="I8559" s="56">
        <f>Bühler!I8585</f>
        <v>0.32745745514527141</v>
      </c>
      <c r="J8559" s="59">
        <f>Bühler!J8585</f>
        <v>1.0915248504842381</v>
      </c>
      <c r="K8559" s="59">
        <f>Bühler!K8585</f>
        <v>1.6372872757263572</v>
      </c>
      <c r="L8559" s="59">
        <f>Bühler!L8585</f>
        <v>15.730240479446287</v>
      </c>
      <c r="M8559" s="58">
        <f>Bühler!M8585</f>
        <v>0</v>
      </c>
      <c r="N8559" s="56">
        <f>IF(Input!$D$19=1,J8559*Input!$C$19,0)+IF(Input!$D$20=1,K8559*Input!$C$20,0)+IF(Input!$D$21=1,L8559*Input!$C$21,0)+IF(Input!$D$22=1,M8559*Input!$C$22,0)</f>
        <v>0.32745745514527141</v>
      </c>
      <c r="O8559" s="59">
        <f>IF(Input!$D$19=2,J8559*Input!$C$19,0)+IF(Input!$D$20=2,K8559*Input!$C$20,0)+IF(Input!$D$21=2,L8559*Input!$C$21,0)+IF(Input!$D$22=2,M8559*Input!$C$22,0)</f>
        <v>0.81864363786317862</v>
      </c>
      <c r="P8559" s="59">
        <f>IF(Input!$D$19=3,J8559*Input!$C$19,0)+IF(Input!$D$20=3,K8559*Input!$C$20,0)+IF(Input!$D$21=3,L8559*Input!$C$21,0)+IF(Input!$D$22=3,M8559*Input!$C$22,0)</f>
        <v>0</v>
      </c>
      <c r="Q8559" s="75">
        <f>IF(Input!$D$19=4,J8559*Input!$C$19,0)+IF(Input!$D$20=4,K8559*Input!$C$20,0)+IF(Input!$D$21=4,L8559*Input!$C$21,0)+IF(Input!$D$22=4,M8559*Input!$C$22,0)</f>
        <v>0</v>
      </c>
      <c r="R8559" s="58">
        <v>43.94665443923634</v>
      </c>
      <c r="S8559" s="124">
        <f t="shared" si="133"/>
        <v>1.4189823056295094</v>
      </c>
    </row>
    <row r="8560" spans="8:19" x14ac:dyDescent="0.3">
      <c r="H8560" s="44">
        <v>8553</v>
      </c>
      <c r="I8560" s="56">
        <f>Bühler!I8586</f>
        <v>0.32745745514527141</v>
      </c>
      <c r="J8560" s="59">
        <f>Bühler!J8586</f>
        <v>1.0915248504842381</v>
      </c>
      <c r="K8560" s="59">
        <f>Bühler!K8586</f>
        <v>1.6372872757263572</v>
      </c>
      <c r="L8560" s="59">
        <f>Bühler!L8586</f>
        <v>15.730240479446287</v>
      </c>
      <c r="M8560" s="58">
        <f>Bühler!M8586</f>
        <v>0</v>
      </c>
      <c r="N8560" s="56">
        <f>IF(Input!$D$19=1,J8560*Input!$C$19,0)+IF(Input!$D$20=1,K8560*Input!$C$20,0)+IF(Input!$D$21=1,L8560*Input!$C$21,0)+IF(Input!$D$22=1,M8560*Input!$C$22,0)</f>
        <v>0.32745745514527141</v>
      </c>
      <c r="O8560" s="59">
        <f>IF(Input!$D$19=2,J8560*Input!$C$19,0)+IF(Input!$D$20=2,K8560*Input!$C$20,0)+IF(Input!$D$21=2,L8560*Input!$C$21,0)+IF(Input!$D$22=2,M8560*Input!$C$22,0)</f>
        <v>0.81864363786317862</v>
      </c>
      <c r="P8560" s="59">
        <f>IF(Input!$D$19=3,J8560*Input!$C$19,0)+IF(Input!$D$20=3,K8560*Input!$C$20,0)+IF(Input!$D$21=3,L8560*Input!$C$21,0)+IF(Input!$D$22=3,M8560*Input!$C$22,0)</f>
        <v>0</v>
      </c>
      <c r="Q8560" s="75">
        <f>IF(Input!$D$19=4,J8560*Input!$C$19,0)+IF(Input!$D$20=4,K8560*Input!$C$20,0)+IF(Input!$D$21=4,L8560*Input!$C$21,0)+IF(Input!$D$22=4,M8560*Input!$C$22,0)</f>
        <v>0</v>
      </c>
      <c r="R8560" s="58">
        <v>43.646579476024328</v>
      </c>
      <c r="S8560" s="124">
        <f t="shared" si="133"/>
        <v>1.4189823056295094</v>
      </c>
    </row>
    <row r="8561" spans="8:19" x14ac:dyDescent="0.3">
      <c r="H8561" s="44">
        <v>8554</v>
      </c>
      <c r="I8561" s="56">
        <f>Bühler!I8587</f>
        <v>0.32745745514527141</v>
      </c>
      <c r="J8561" s="59">
        <f>Bühler!J8587</f>
        <v>1.0915248504842381</v>
      </c>
      <c r="K8561" s="59">
        <f>Bühler!K8587</f>
        <v>1.6372872757263572</v>
      </c>
      <c r="L8561" s="59">
        <f>Bühler!L8587</f>
        <v>15.730240479446287</v>
      </c>
      <c r="M8561" s="58">
        <f>Bühler!M8587</f>
        <v>0</v>
      </c>
      <c r="N8561" s="56">
        <f>IF(Input!$D$19=1,J8561*Input!$C$19,0)+IF(Input!$D$20=1,K8561*Input!$C$20,0)+IF(Input!$D$21=1,L8561*Input!$C$21,0)+IF(Input!$D$22=1,M8561*Input!$C$22,0)</f>
        <v>0.32745745514527141</v>
      </c>
      <c r="O8561" s="59">
        <f>IF(Input!$D$19=2,J8561*Input!$C$19,0)+IF(Input!$D$20=2,K8561*Input!$C$20,0)+IF(Input!$D$21=2,L8561*Input!$C$21,0)+IF(Input!$D$22=2,M8561*Input!$C$22,0)</f>
        <v>0.81864363786317862</v>
      </c>
      <c r="P8561" s="59">
        <f>IF(Input!$D$19=3,J8561*Input!$C$19,0)+IF(Input!$D$20=3,K8561*Input!$C$20,0)+IF(Input!$D$21=3,L8561*Input!$C$21,0)+IF(Input!$D$22=3,M8561*Input!$C$22,0)</f>
        <v>0</v>
      </c>
      <c r="Q8561" s="75">
        <f>IF(Input!$D$19=4,J8561*Input!$C$19,0)+IF(Input!$D$20=4,K8561*Input!$C$20,0)+IF(Input!$D$21=4,L8561*Input!$C$21,0)+IF(Input!$D$22=4,M8561*Input!$C$22,0)</f>
        <v>0</v>
      </c>
      <c r="R8561" s="58">
        <v>43.217243700678132</v>
      </c>
      <c r="S8561" s="124">
        <f t="shared" si="133"/>
        <v>1.4189823056295094</v>
      </c>
    </row>
    <row r="8562" spans="8:19" x14ac:dyDescent="0.3">
      <c r="H8562" s="44">
        <v>8555</v>
      </c>
      <c r="I8562" s="56">
        <f>Bühler!I8588</f>
        <v>0.32745745514527141</v>
      </c>
      <c r="J8562" s="59">
        <f>Bühler!J8588</f>
        <v>1.0915248504842381</v>
      </c>
      <c r="K8562" s="59">
        <f>Bühler!K8588</f>
        <v>1.6372872757263572</v>
      </c>
      <c r="L8562" s="59">
        <f>Bühler!L8588</f>
        <v>15.730240479446287</v>
      </c>
      <c r="M8562" s="58">
        <f>Bühler!M8588</f>
        <v>0</v>
      </c>
      <c r="N8562" s="56">
        <f>IF(Input!$D$19=1,J8562*Input!$C$19,0)+IF(Input!$D$20=1,K8562*Input!$C$20,0)+IF(Input!$D$21=1,L8562*Input!$C$21,0)+IF(Input!$D$22=1,M8562*Input!$C$22,0)</f>
        <v>0.32745745514527141</v>
      </c>
      <c r="O8562" s="59">
        <f>IF(Input!$D$19=2,J8562*Input!$C$19,0)+IF(Input!$D$20=2,K8562*Input!$C$20,0)+IF(Input!$D$21=2,L8562*Input!$C$21,0)+IF(Input!$D$22=2,M8562*Input!$C$22,0)</f>
        <v>0.81864363786317862</v>
      </c>
      <c r="P8562" s="59">
        <f>IF(Input!$D$19=3,J8562*Input!$C$19,0)+IF(Input!$D$20=3,K8562*Input!$C$20,0)+IF(Input!$D$21=3,L8562*Input!$C$21,0)+IF(Input!$D$22=3,M8562*Input!$C$22,0)</f>
        <v>0</v>
      </c>
      <c r="Q8562" s="75">
        <f>IF(Input!$D$19=4,J8562*Input!$C$19,0)+IF(Input!$D$20=4,K8562*Input!$C$20,0)+IF(Input!$D$21=4,L8562*Input!$C$21,0)+IF(Input!$D$22=4,M8562*Input!$C$22,0)</f>
        <v>0</v>
      </c>
      <c r="R8562" s="58">
        <v>43.454322053055044</v>
      </c>
      <c r="S8562" s="124">
        <f t="shared" si="133"/>
        <v>1.4189823056295094</v>
      </c>
    </row>
    <row r="8563" spans="8:19" x14ac:dyDescent="0.3">
      <c r="H8563" s="44">
        <v>8556</v>
      </c>
      <c r="I8563" s="56">
        <f>Bühler!I8589</f>
        <v>0.32745745514527141</v>
      </c>
      <c r="J8563" s="59">
        <f>Bühler!J8589</f>
        <v>1.0915248504842381</v>
      </c>
      <c r="K8563" s="59">
        <f>Bühler!K8589</f>
        <v>1.6372872757263572</v>
      </c>
      <c r="L8563" s="59">
        <f>Bühler!L8589</f>
        <v>15.730240479446287</v>
      </c>
      <c r="M8563" s="58">
        <f>Bühler!M8589</f>
        <v>0</v>
      </c>
      <c r="N8563" s="56">
        <f>IF(Input!$D$19=1,J8563*Input!$C$19,0)+IF(Input!$D$20=1,K8563*Input!$C$20,0)+IF(Input!$D$21=1,L8563*Input!$C$21,0)+IF(Input!$D$22=1,M8563*Input!$C$22,0)</f>
        <v>0.32745745514527141</v>
      </c>
      <c r="O8563" s="59">
        <f>IF(Input!$D$19=2,J8563*Input!$C$19,0)+IF(Input!$D$20=2,K8563*Input!$C$20,0)+IF(Input!$D$21=2,L8563*Input!$C$21,0)+IF(Input!$D$22=2,M8563*Input!$C$22,0)</f>
        <v>0.81864363786317862</v>
      </c>
      <c r="P8563" s="59">
        <f>IF(Input!$D$19=3,J8563*Input!$C$19,0)+IF(Input!$D$20=3,K8563*Input!$C$20,0)+IF(Input!$D$21=3,L8563*Input!$C$21,0)+IF(Input!$D$22=3,M8563*Input!$C$22,0)</f>
        <v>0</v>
      </c>
      <c r="Q8563" s="75">
        <f>IF(Input!$D$19=4,J8563*Input!$C$19,0)+IF(Input!$D$20=4,K8563*Input!$C$20,0)+IF(Input!$D$21=4,L8563*Input!$C$21,0)+IF(Input!$D$22=4,M8563*Input!$C$22,0)</f>
        <v>0</v>
      </c>
      <c r="R8563" s="58">
        <v>43.149821249112399</v>
      </c>
      <c r="S8563" s="124">
        <f t="shared" si="133"/>
        <v>1.4189823056295094</v>
      </c>
    </row>
    <row r="8564" spans="8:19" x14ac:dyDescent="0.3">
      <c r="H8564" s="44">
        <v>8557</v>
      </c>
      <c r="I8564" s="56">
        <f>Bühler!I8590</f>
        <v>0.32745745514527141</v>
      </c>
      <c r="J8564" s="59">
        <f>Bühler!J8590</f>
        <v>1.0915248504842381</v>
      </c>
      <c r="K8564" s="59">
        <f>Bühler!K8590</f>
        <v>1.6372872757263572</v>
      </c>
      <c r="L8564" s="59">
        <f>Bühler!L8590</f>
        <v>15.730240479446287</v>
      </c>
      <c r="M8564" s="58">
        <f>Bühler!M8590</f>
        <v>0</v>
      </c>
      <c r="N8564" s="56">
        <f>IF(Input!$D$19=1,J8564*Input!$C$19,0)+IF(Input!$D$20=1,K8564*Input!$C$20,0)+IF(Input!$D$21=1,L8564*Input!$C$21,0)+IF(Input!$D$22=1,M8564*Input!$C$22,0)</f>
        <v>0.32745745514527141</v>
      </c>
      <c r="O8564" s="59">
        <f>IF(Input!$D$19=2,J8564*Input!$C$19,0)+IF(Input!$D$20=2,K8564*Input!$C$20,0)+IF(Input!$D$21=2,L8564*Input!$C$21,0)+IF(Input!$D$22=2,M8564*Input!$C$22,0)</f>
        <v>0.81864363786317862</v>
      </c>
      <c r="P8564" s="59">
        <f>IF(Input!$D$19=3,J8564*Input!$C$19,0)+IF(Input!$D$20=3,K8564*Input!$C$20,0)+IF(Input!$D$21=3,L8564*Input!$C$21,0)+IF(Input!$D$22=3,M8564*Input!$C$22,0)</f>
        <v>0</v>
      </c>
      <c r="Q8564" s="75">
        <f>IF(Input!$D$19=4,J8564*Input!$C$19,0)+IF(Input!$D$20=4,K8564*Input!$C$20,0)+IF(Input!$D$21=4,L8564*Input!$C$21,0)+IF(Input!$D$22=4,M8564*Input!$C$22,0)</f>
        <v>0</v>
      </c>
      <c r="R8564" s="58">
        <v>42.948853167481992</v>
      </c>
      <c r="S8564" s="124">
        <f t="shared" si="133"/>
        <v>1.4189823056295094</v>
      </c>
    </row>
    <row r="8565" spans="8:19" x14ac:dyDescent="0.3">
      <c r="H8565" s="44">
        <v>8558</v>
      </c>
      <c r="I8565" s="56">
        <f>Bühler!I8591</f>
        <v>0.32745745514527141</v>
      </c>
      <c r="J8565" s="59">
        <f>Bühler!J8591</f>
        <v>1.0915248504842381</v>
      </c>
      <c r="K8565" s="59">
        <f>Bühler!K8591</f>
        <v>1.6372872757263572</v>
      </c>
      <c r="L8565" s="59">
        <f>Bühler!L8591</f>
        <v>15.730240479446287</v>
      </c>
      <c r="M8565" s="58">
        <f>Bühler!M8591</f>
        <v>0</v>
      </c>
      <c r="N8565" s="56">
        <f>IF(Input!$D$19=1,J8565*Input!$C$19,0)+IF(Input!$D$20=1,K8565*Input!$C$20,0)+IF(Input!$D$21=1,L8565*Input!$C$21,0)+IF(Input!$D$22=1,M8565*Input!$C$22,0)</f>
        <v>0.32745745514527141</v>
      </c>
      <c r="O8565" s="59">
        <f>IF(Input!$D$19=2,J8565*Input!$C$19,0)+IF(Input!$D$20=2,K8565*Input!$C$20,0)+IF(Input!$D$21=2,L8565*Input!$C$21,0)+IF(Input!$D$22=2,M8565*Input!$C$22,0)</f>
        <v>0.81864363786317862</v>
      </c>
      <c r="P8565" s="59">
        <f>IF(Input!$D$19=3,J8565*Input!$C$19,0)+IF(Input!$D$20=3,K8565*Input!$C$20,0)+IF(Input!$D$21=3,L8565*Input!$C$21,0)+IF(Input!$D$22=3,M8565*Input!$C$22,0)</f>
        <v>0</v>
      </c>
      <c r="Q8565" s="75">
        <f>IF(Input!$D$19=4,J8565*Input!$C$19,0)+IF(Input!$D$20=4,K8565*Input!$C$20,0)+IF(Input!$D$21=4,L8565*Input!$C$21,0)+IF(Input!$D$22=4,M8565*Input!$C$22,0)</f>
        <v>0</v>
      </c>
      <c r="R8565" s="58">
        <v>43.05284390988173</v>
      </c>
      <c r="S8565" s="124">
        <f t="shared" si="133"/>
        <v>1.4189823056295094</v>
      </c>
    </row>
    <row r="8566" spans="8:19" x14ac:dyDescent="0.3">
      <c r="H8566" s="44">
        <v>8559</v>
      </c>
      <c r="I8566" s="56">
        <f>Bühler!I8592</f>
        <v>0.32745745514527141</v>
      </c>
      <c r="J8566" s="59">
        <f>Bühler!J8592</f>
        <v>1.0915248504842381</v>
      </c>
      <c r="K8566" s="59">
        <f>Bühler!K8592</f>
        <v>1.6372872757263572</v>
      </c>
      <c r="L8566" s="59">
        <f>Bühler!L8592</f>
        <v>15.730240479446287</v>
      </c>
      <c r="M8566" s="58">
        <f>Bühler!M8592</f>
        <v>0</v>
      </c>
      <c r="N8566" s="56">
        <f>IF(Input!$D$19=1,J8566*Input!$C$19,0)+IF(Input!$D$20=1,K8566*Input!$C$20,0)+IF(Input!$D$21=1,L8566*Input!$C$21,0)+IF(Input!$D$22=1,M8566*Input!$C$22,0)</f>
        <v>0.32745745514527141</v>
      </c>
      <c r="O8566" s="59">
        <f>IF(Input!$D$19=2,J8566*Input!$C$19,0)+IF(Input!$D$20=2,K8566*Input!$C$20,0)+IF(Input!$D$21=2,L8566*Input!$C$21,0)+IF(Input!$D$22=2,M8566*Input!$C$22,0)</f>
        <v>0.81864363786317862</v>
      </c>
      <c r="P8566" s="59">
        <f>IF(Input!$D$19=3,J8566*Input!$C$19,0)+IF(Input!$D$20=3,K8566*Input!$C$20,0)+IF(Input!$D$21=3,L8566*Input!$C$21,0)+IF(Input!$D$22=3,M8566*Input!$C$22,0)</f>
        <v>0</v>
      </c>
      <c r="Q8566" s="75">
        <f>IF(Input!$D$19=4,J8566*Input!$C$19,0)+IF(Input!$D$20=4,K8566*Input!$C$20,0)+IF(Input!$D$21=4,L8566*Input!$C$21,0)+IF(Input!$D$22=4,M8566*Input!$C$22,0)</f>
        <v>0</v>
      </c>
      <c r="R8566" s="58">
        <v>43.463349355956161</v>
      </c>
      <c r="S8566" s="124">
        <f t="shared" si="133"/>
        <v>1.4189823056295094</v>
      </c>
    </row>
    <row r="8567" spans="8:19" x14ac:dyDescent="0.3">
      <c r="H8567" s="44">
        <v>8560</v>
      </c>
      <c r="I8567" s="56">
        <f>Bühler!I8593</f>
        <v>0.29107329346246347</v>
      </c>
      <c r="J8567" s="59">
        <f>Bühler!J8593</f>
        <v>0.970244311541545</v>
      </c>
      <c r="K8567" s="59">
        <f>Bühler!K8593</f>
        <v>1.4553664673123174</v>
      </c>
      <c r="L8567" s="59">
        <f>Bühler!L8593</f>
        <v>13.982435981730031</v>
      </c>
      <c r="M8567" s="58">
        <f>Bühler!M8593</f>
        <v>0</v>
      </c>
      <c r="N8567" s="56">
        <f>IF(Input!$D$19=1,J8567*Input!$C$19,0)+IF(Input!$D$20=1,K8567*Input!$C$20,0)+IF(Input!$D$21=1,L8567*Input!$C$21,0)+IF(Input!$D$22=1,M8567*Input!$C$22,0)</f>
        <v>0.29107329346246347</v>
      </c>
      <c r="O8567" s="59">
        <f>IF(Input!$D$19=2,J8567*Input!$C$19,0)+IF(Input!$D$20=2,K8567*Input!$C$20,0)+IF(Input!$D$21=2,L8567*Input!$C$21,0)+IF(Input!$D$22=2,M8567*Input!$C$22,0)</f>
        <v>0.72768323365615872</v>
      </c>
      <c r="P8567" s="59">
        <f>IF(Input!$D$19=3,J8567*Input!$C$19,0)+IF(Input!$D$20=3,K8567*Input!$C$20,0)+IF(Input!$D$21=3,L8567*Input!$C$21,0)+IF(Input!$D$22=3,M8567*Input!$C$22,0)</f>
        <v>0</v>
      </c>
      <c r="Q8567" s="75">
        <f>IF(Input!$D$19=4,J8567*Input!$C$19,0)+IF(Input!$D$20=4,K8567*Input!$C$20,0)+IF(Input!$D$21=4,L8567*Input!$C$21,0)+IF(Input!$D$22=4,M8567*Input!$C$22,0)</f>
        <v>0</v>
      </c>
      <c r="R8567" s="58">
        <v>42.772525868309287</v>
      </c>
      <c r="S8567" s="124">
        <f t="shared" si="133"/>
        <v>1.2613176050040085</v>
      </c>
    </row>
    <row r="8568" spans="8:19" x14ac:dyDescent="0.3">
      <c r="H8568" s="44">
        <v>8561</v>
      </c>
      <c r="I8568" s="56">
        <f>Bühler!I8594</f>
        <v>0.28587555607920512</v>
      </c>
      <c r="J8568" s="59">
        <f>Bühler!J8594</f>
        <v>0.95291852026401724</v>
      </c>
      <c r="K8568" s="59">
        <f>Bühler!K8594</f>
        <v>1.4293777803960259</v>
      </c>
      <c r="L8568" s="59">
        <f>Bühler!L8594</f>
        <v>13.732749624913424</v>
      </c>
      <c r="M8568" s="58">
        <f>Bühler!M8594</f>
        <v>0</v>
      </c>
      <c r="N8568" s="56">
        <f>IF(Input!$D$19=1,J8568*Input!$C$19,0)+IF(Input!$D$20=1,K8568*Input!$C$20,0)+IF(Input!$D$21=1,L8568*Input!$C$21,0)+IF(Input!$D$22=1,M8568*Input!$C$22,0)</f>
        <v>0.28587555607920517</v>
      </c>
      <c r="O8568" s="59">
        <f>IF(Input!$D$19=2,J8568*Input!$C$19,0)+IF(Input!$D$20=2,K8568*Input!$C$20,0)+IF(Input!$D$21=2,L8568*Input!$C$21,0)+IF(Input!$D$22=2,M8568*Input!$C$22,0)</f>
        <v>0.71468889019801296</v>
      </c>
      <c r="P8568" s="59">
        <f>IF(Input!$D$19=3,J8568*Input!$C$19,0)+IF(Input!$D$20=3,K8568*Input!$C$20,0)+IF(Input!$D$21=3,L8568*Input!$C$21,0)+IF(Input!$D$22=3,M8568*Input!$C$22,0)</f>
        <v>0</v>
      </c>
      <c r="Q8568" s="75">
        <f>IF(Input!$D$19=4,J8568*Input!$C$19,0)+IF(Input!$D$20=4,K8568*Input!$C$20,0)+IF(Input!$D$21=4,L8568*Input!$C$21,0)+IF(Input!$D$22=4,M8568*Input!$C$22,0)</f>
        <v>0</v>
      </c>
      <c r="R8568" s="58">
        <v>42.439173427397002</v>
      </c>
      <c r="S8568" s="124">
        <f t="shared" si="133"/>
        <v>1.2387940763432224</v>
      </c>
    </row>
    <row r="8569" spans="8:19" x14ac:dyDescent="0.3">
      <c r="H8569" s="44">
        <v>8562</v>
      </c>
      <c r="I8569" s="56">
        <f>Bühler!I8595</f>
        <v>0.24429365701313896</v>
      </c>
      <c r="J8569" s="59">
        <f>Bühler!J8595</f>
        <v>0.81431219004379662</v>
      </c>
      <c r="K8569" s="59">
        <f>Bühler!K8595</f>
        <v>1.221468285065695</v>
      </c>
      <c r="L8569" s="59">
        <f>Bühler!L8595</f>
        <v>11.735258770380563</v>
      </c>
      <c r="M8569" s="58">
        <f>Bühler!M8595</f>
        <v>0</v>
      </c>
      <c r="N8569" s="56">
        <f>IF(Input!$D$19=1,J8569*Input!$C$19,0)+IF(Input!$D$20=1,K8569*Input!$C$20,0)+IF(Input!$D$21=1,L8569*Input!$C$21,0)+IF(Input!$D$22=1,M8569*Input!$C$22,0)</f>
        <v>0.24429365701313899</v>
      </c>
      <c r="O8569" s="59">
        <f>IF(Input!$D$19=2,J8569*Input!$C$19,0)+IF(Input!$D$20=2,K8569*Input!$C$20,0)+IF(Input!$D$21=2,L8569*Input!$C$21,0)+IF(Input!$D$22=2,M8569*Input!$C$22,0)</f>
        <v>0.61073414253284752</v>
      </c>
      <c r="P8569" s="59">
        <f>IF(Input!$D$19=3,J8569*Input!$C$19,0)+IF(Input!$D$20=3,K8569*Input!$C$20,0)+IF(Input!$D$21=3,L8569*Input!$C$21,0)+IF(Input!$D$22=3,M8569*Input!$C$22,0)</f>
        <v>0</v>
      </c>
      <c r="Q8569" s="75">
        <f>IF(Input!$D$19=4,J8569*Input!$C$19,0)+IF(Input!$D$20=4,K8569*Input!$C$20,0)+IF(Input!$D$21=4,L8569*Input!$C$21,0)+IF(Input!$D$22=4,M8569*Input!$C$22,0)</f>
        <v>0</v>
      </c>
      <c r="R8569" s="58">
        <v>43.244632780184432</v>
      </c>
      <c r="S8569" s="124">
        <f t="shared" si="133"/>
        <v>1.0586058470569355</v>
      </c>
    </row>
    <row r="8570" spans="8:19" x14ac:dyDescent="0.3">
      <c r="H8570" s="44">
        <v>8563</v>
      </c>
      <c r="I8570" s="56">
        <f>Bühler!I8596</f>
        <v>0.22870044486336413</v>
      </c>
      <c r="J8570" s="59">
        <f>Bühler!J8596</f>
        <v>0.76233481621121391</v>
      </c>
      <c r="K8570" s="59">
        <f>Bühler!K8596</f>
        <v>1.1435022243168209</v>
      </c>
      <c r="L8570" s="59">
        <f>Bühler!L8596</f>
        <v>10.986199699930742</v>
      </c>
      <c r="M8570" s="58">
        <f>Bühler!M8596</f>
        <v>0</v>
      </c>
      <c r="N8570" s="56">
        <f>IF(Input!$D$19=1,J8570*Input!$C$19,0)+IF(Input!$D$20=1,K8570*Input!$C$20,0)+IF(Input!$D$21=1,L8570*Input!$C$21,0)+IF(Input!$D$22=1,M8570*Input!$C$22,0)</f>
        <v>0.22870044486336416</v>
      </c>
      <c r="O8570" s="59">
        <f>IF(Input!$D$19=2,J8570*Input!$C$19,0)+IF(Input!$D$20=2,K8570*Input!$C$20,0)+IF(Input!$D$21=2,L8570*Input!$C$21,0)+IF(Input!$D$22=2,M8570*Input!$C$22,0)</f>
        <v>0.57175111215841046</v>
      </c>
      <c r="P8570" s="59">
        <f>IF(Input!$D$19=3,J8570*Input!$C$19,0)+IF(Input!$D$20=3,K8570*Input!$C$20,0)+IF(Input!$D$21=3,L8570*Input!$C$21,0)+IF(Input!$D$22=3,M8570*Input!$C$22,0)</f>
        <v>0</v>
      </c>
      <c r="Q8570" s="75">
        <f>IF(Input!$D$19=4,J8570*Input!$C$19,0)+IF(Input!$D$20=4,K8570*Input!$C$20,0)+IF(Input!$D$21=4,L8570*Input!$C$21,0)+IF(Input!$D$22=4,M8570*Input!$C$22,0)</f>
        <v>0</v>
      </c>
      <c r="R8570" s="58">
        <v>43.705246843804829</v>
      </c>
      <c r="S8570" s="124">
        <f t="shared" si="133"/>
        <v>0.99103526107457807</v>
      </c>
    </row>
    <row r="8571" spans="8:19" x14ac:dyDescent="0.3">
      <c r="H8571" s="44">
        <v>8564</v>
      </c>
      <c r="I8571" s="56">
        <f>Bühler!I8597</f>
        <v>0.19231628318055619</v>
      </c>
      <c r="J8571" s="59">
        <f>Bühler!J8597</f>
        <v>0.64105427726852071</v>
      </c>
      <c r="K8571" s="59">
        <f>Bühler!K8597</f>
        <v>0.96158141590278101</v>
      </c>
      <c r="L8571" s="59">
        <f>Bühler!L8597</f>
        <v>9.238395202214484</v>
      </c>
      <c r="M8571" s="58">
        <f>Bühler!M8597</f>
        <v>0</v>
      </c>
      <c r="N8571" s="56">
        <f>IF(Input!$D$19=1,J8571*Input!$C$19,0)+IF(Input!$D$20=1,K8571*Input!$C$20,0)+IF(Input!$D$21=1,L8571*Input!$C$21,0)+IF(Input!$D$22=1,M8571*Input!$C$22,0)</f>
        <v>0.19231628318055621</v>
      </c>
      <c r="O8571" s="59">
        <f>IF(Input!$D$19=2,J8571*Input!$C$19,0)+IF(Input!$D$20=2,K8571*Input!$C$20,0)+IF(Input!$D$21=2,L8571*Input!$C$21,0)+IF(Input!$D$22=2,M8571*Input!$C$22,0)</f>
        <v>0.48079070795139051</v>
      </c>
      <c r="P8571" s="59">
        <f>IF(Input!$D$19=3,J8571*Input!$C$19,0)+IF(Input!$D$20=3,K8571*Input!$C$20,0)+IF(Input!$D$21=3,L8571*Input!$C$21,0)+IF(Input!$D$22=3,M8571*Input!$C$22,0)</f>
        <v>0</v>
      </c>
      <c r="Q8571" s="75">
        <f>IF(Input!$D$19=4,J8571*Input!$C$19,0)+IF(Input!$D$20=4,K8571*Input!$C$20,0)+IF(Input!$D$21=4,L8571*Input!$C$21,0)+IF(Input!$D$22=4,M8571*Input!$C$22,0)</f>
        <v>0</v>
      </c>
      <c r="R8571" s="58">
        <v>43.597595216199991</v>
      </c>
      <c r="S8571" s="124">
        <f t="shared" si="133"/>
        <v>0.83337056044907687</v>
      </c>
    </row>
    <row r="8572" spans="8:19" x14ac:dyDescent="0.3">
      <c r="H8572" s="44">
        <v>8565</v>
      </c>
      <c r="I8572" s="56">
        <f>Bühler!I8598</f>
        <v>0.16112985888100653</v>
      </c>
      <c r="J8572" s="59">
        <f>Bühler!J8598</f>
        <v>0.53709952960335516</v>
      </c>
      <c r="K8572" s="59">
        <f>Bühler!K8598</f>
        <v>0.80564929440503275</v>
      </c>
      <c r="L8572" s="59">
        <f>Bühler!L8598</f>
        <v>7.7402770613148393</v>
      </c>
      <c r="M8572" s="58">
        <f>Bühler!M8598</f>
        <v>0</v>
      </c>
      <c r="N8572" s="56">
        <f>IF(Input!$D$19=1,J8572*Input!$C$19,0)+IF(Input!$D$20=1,K8572*Input!$C$20,0)+IF(Input!$D$21=1,L8572*Input!$C$21,0)+IF(Input!$D$22=1,M8572*Input!$C$22,0)</f>
        <v>0.16112985888100653</v>
      </c>
      <c r="O8572" s="59">
        <f>IF(Input!$D$19=2,J8572*Input!$C$19,0)+IF(Input!$D$20=2,K8572*Input!$C$20,0)+IF(Input!$D$21=2,L8572*Input!$C$21,0)+IF(Input!$D$22=2,M8572*Input!$C$22,0)</f>
        <v>0.40282464720251637</v>
      </c>
      <c r="P8572" s="59">
        <f>IF(Input!$D$19=3,J8572*Input!$C$19,0)+IF(Input!$D$20=3,K8572*Input!$C$20,0)+IF(Input!$D$21=3,L8572*Input!$C$21,0)+IF(Input!$D$22=3,M8572*Input!$C$22,0)</f>
        <v>0</v>
      </c>
      <c r="Q8572" s="75">
        <f>IF(Input!$D$19=4,J8572*Input!$C$19,0)+IF(Input!$D$20=4,K8572*Input!$C$20,0)+IF(Input!$D$21=4,L8572*Input!$C$21,0)+IF(Input!$D$22=4,M8572*Input!$C$22,0)</f>
        <v>0</v>
      </c>
      <c r="R8572" s="58">
        <v>43.619315630256402</v>
      </c>
      <c r="S8572" s="124">
        <f t="shared" si="133"/>
        <v>0.69822938848436167</v>
      </c>
    </row>
    <row r="8573" spans="8:19" x14ac:dyDescent="0.3">
      <c r="H8573" s="44">
        <v>8566</v>
      </c>
      <c r="I8573" s="56">
        <f>Bühler!I8599</f>
        <v>0.14033890934797344</v>
      </c>
      <c r="J8573" s="59">
        <f>Bühler!J8599</f>
        <v>0.46779636449324485</v>
      </c>
      <c r="K8573" s="59">
        <f>Bühler!K8599</f>
        <v>0.70169454673986731</v>
      </c>
      <c r="L8573" s="59">
        <f>Bühler!L8599</f>
        <v>6.7415316340484086</v>
      </c>
      <c r="M8573" s="58">
        <f>Bühler!M8599</f>
        <v>0</v>
      </c>
      <c r="N8573" s="56">
        <f>IF(Input!$D$19=1,J8573*Input!$C$19,0)+IF(Input!$D$20=1,K8573*Input!$C$20,0)+IF(Input!$D$21=1,L8573*Input!$C$21,0)+IF(Input!$D$22=1,M8573*Input!$C$22,0)</f>
        <v>0.14033890934797344</v>
      </c>
      <c r="O8573" s="59">
        <f>IF(Input!$D$19=2,J8573*Input!$C$19,0)+IF(Input!$D$20=2,K8573*Input!$C$20,0)+IF(Input!$D$21=2,L8573*Input!$C$21,0)+IF(Input!$D$22=2,M8573*Input!$C$22,0)</f>
        <v>0.35084727336993365</v>
      </c>
      <c r="P8573" s="59">
        <f>IF(Input!$D$19=3,J8573*Input!$C$19,0)+IF(Input!$D$20=3,K8573*Input!$C$20,0)+IF(Input!$D$21=3,L8573*Input!$C$21,0)+IF(Input!$D$22=3,M8573*Input!$C$22,0)</f>
        <v>0</v>
      </c>
      <c r="Q8573" s="75">
        <f>IF(Input!$D$19=4,J8573*Input!$C$19,0)+IF(Input!$D$20=4,K8573*Input!$C$20,0)+IF(Input!$D$21=4,L8573*Input!$C$21,0)+IF(Input!$D$22=4,M8573*Input!$C$22,0)</f>
        <v>0</v>
      </c>
      <c r="R8573" s="58">
        <v>44.358967723076454</v>
      </c>
      <c r="S8573" s="124">
        <f t="shared" si="133"/>
        <v>0.60813527384121824</v>
      </c>
    </row>
    <row r="8574" spans="8:19" x14ac:dyDescent="0.3">
      <c r="H8574" s="44">
        <v>8567</v>
      </c>
      <c r="I8574" s="56">
        <f>Bühler!I8600</f>
        <v>0.14033890934797344</v>
      </c>
      <c r="J8574" s="59">
        <f>Bühler!J8600</f>
        <v>0.46779636449324485</v>
      </c>
      <c r="K8574" s="59">
        <f>Bühler!K8600</f>
        <v>0.70169454673986731</v>
      </c>
      <c r="L8574" s="59">
        <f>Bühler!L8600</f>
        <v>6.7415316340484086</v>
      </c>
      <c r="M8574" s="58">
        <f>Bühler!M8600</f>
        <v>0</v>
      </c>
      <c r="N8574" s="56">
        <f>IF(Input!$D$19=1,J8574*Input!$C$19,0)+IF(Input!$D$20=1,K8574*Input!$C$20,0)+IF(Input!$D$21=1,L8574*Input!$C$21,0)+IF(Input!$D$22=1,M8574*Input!$C$22,0)</f>
        <v>0.14033890934797344</v>
      </c>
      <c r="O8574" s="59">
        <f>IF(Input!$D$19=2,J8574*Input!$C$19,0)+IF(Input!$D$20=2,K8574*Input!$C$20,0)+IF(Input!$D$21=2,L8574*Input!$C$21,0)+IF(Input!$D$22=2,M8574*Input!$C$22,0)</f>
        <v>0.35084727336993365</v>
      </c>
      <c r="P8574" s="59">
        <f>IF(Input!$D$19=3,J8574*Input!$C$19,0)+IF(Input!$D$20=3,K8574*Input!$C$20,0)+IF(Input!$D$21=3,L8574*Input!$C$21,0)+IF(Input!$D$22=3,M8574*Input!$C$22,0)</f>
        <v>0</v>
      </c>
      <c r="Q8574" s="75">
        <f>IF(Input!$D$19=4,J8574*Input!$C$19,0)+IF(Input!$D$20=4,K8574*Input!$C$20,0)+IF(Input!$D$21=4,L8574*Input!$C$21,0)+IF(Input!$D$22=4,M8574*Input!$C$22,0)</f>
        <v>0</v>
      </c>
      <c r="R8574" s="58">
        <v>45.385433320570741</v>
      </c>
      <c r="S8574" s="124">
        <f t="shared" si="133"/>
        <v>0.60813527384121824</v>
      </c>
    </row>
    <row r="8575" spans="8:19" x14ac:dyDescent="0.3">
      <c r="H8575" s="44">
        <v>8568</v>
      </c>
      <c r="I8575" s="56">
        <f>Bühler!I8601</f>
        <v>0.14033890934797344</v>
      </c>
      <c r="J8575" s="59">
        <f>Bühler!J8601</f>
        <v>0.46779636449324485</v>
      </c>
      <c r="K8575" s="59">
        <f>Bühler!K8601</f>
        <v>0.70169454673986731</v>
      </c>
      <c r="L8575" s="59">
        <f>Bühler!L8601</f>
        <v>6.7415316340484086</v>
      </c>
      <c r="M8575" s="58">
        <f>Bühler!M8601</f>
        <v>0</v>
      </c>
      <c r="N8575" s="56">
        <f>IF(Input!$D$19=1,J8575*Input!$C$19,0)+IF(Input!$D$20=1,K8575*Input!$C$20,0)+IF(Input!$D$21=1,L8575*Input!$C$21,0)+IF(Input!$D$22=1,M8575*Input!$C$22,0)</f>
        <v>0.14033890934797344</v>
      </c>
      <c r="O8575" s="59">
        <f>IF(Input!$D$19=2,J8575*Input!$C$19,0)+IF(Input!$D$20=2,K8575*Input!$C$20,0)+IF(Input!$D$21=2,L8575*Input!$C$21,0)+IF(Input!$D$22=2,M8575*Input!$C$22,0)</f>
        <v>0.35084727336993365</v>
      </c>
      <c r="P8575" s="59">
        <f>IF(Input!$D$19=3,J8575*Input!$C$19,0)+IF(Input!$D$20=3,K8575*Input!$C$20,0)+IF(Input!$D$21=3,L8575*Input!$C$21,0)+IF(Input!$D$22=3,M8575*Input!$C$22,0)</f>
        <v>0</v>
      </c>
      <c r="Q8575" s="75">
        <f>IF(Input!$D$19=4,J8575*Input!$C$19,0)+IF(Input!$D$20=4,K8575*Input!$C$20,0)+IF(Input!$D$21=4,L8575*Input!$C$21,0)+IF(Input!$D$22=4,M8575*Input!$C$22,0)</f>
        <v>0</v>
      </c>
      <c r="R8575" s="58">
        <v>45.673424355819364</v>
      </c>
      <c r="S8575" s="124">
        <f t="shared" si="133"/>
        <v>0.60813527384121824</v>
      </c>
    </row>
    <row r="8576" spans="8:19" x14ac:dyDescent="0.3">
      <c r="H8576" s="44">
        <v>8569</v>
      </c>
      <c r="I8576" s="56">
        <f>Bühler!I8602</f>
        <v>8.5304463172742206E-2</v>
      </c>
      <c r="J8576" s="59">
        <f>Bühler!J8602</f>
        <v>0.28434821057580739</v>
      </c>
      <c r="K8576" s="59">
        <f>Bühler!K8602</f>
        <v>0.42652231586371103</v>
      </c>
      <c r="L8576" s="59">
        <f>Bühler!L8602</f>
        <v>2.047307116145813</v>
      </c>
      <c r="M8576" s="58">
        <f>Bühler!M8602</f>
        <v>0</v>
      </c>
      <c r="N8576" s="56">
        <f>IF(Input!$D$19=1,J8576*Input!$C$19,0)+IF(Input!$D$20=1,K8576*Input!$C$20,0)+IF(Input!$D$21=1,L8576*Input!$C$21,0)+IF(Input!$D$22=1,M8576*Input!$C$22,0)</f>
        <v>8.530446317274222E-2</v>
      </c>
      <c r="O8576" s="59">
        <f>IF(Input!$D$19=2,J8576*Input!$C$19,0)+IF(Input!$D$20=2,K8576*Input!$C$20,0)+IF(Input!$D$21=2,L8576*Input!$C$21,0)+IF(Input!$D$22=2,M8576*Input!$C$22,0)</f>
        <v>0.21326115793185552</v>
      </c>
      <c r="P8576" s="59">
        <f>IF(Input!$D$19=3,J8576*Input!$C$19,0)+IF(Input!$D$20=3,K8576*Input!$C$20,0)+IF(Input!$D$21=3,L8576*Input!$C$21,0)+IF(Input!$D$22=3,M8576*Input!$C$22,0)</f>
        <v>0</v>
      </c>
      <c r="Q8576" s="75">
        <f>IF(Input!$D$19=4,J8576*Input!$C$19,0)+IF(Input!$D$20=4,K8576*Input!$C$20,0)+IF(Input!$D$21=4,L8576*Input!$C$21,0)+IF(Input!$D$22=4,M8576*Input!$C$22,0)</f>
        <v>0</v>
      </c>
      <c r="R8576" s="58">
        <v>46.10263760412348</v>
      </c>
      <c r="S8576" s="124">
        <f t="shared" si="133"/>
        <v>0.3696526737485496</v>
      </c>
    </row>
    <row r="8577" spans="8:19" x14ac:dyDescent="0.3">
      <c r="H8577" s="44">
        <v>8570</v>
      </c>
      <c r="I8577" s="56">
        <f>Bühler!I8603</f>
        <v>8.5304463172742206E-2</v>
      </c>
      <c r="J8577" s="59">
        <f>Bühler!J8603</f>
        <v>0.28434821057580739</v>
      </c>
      <c r="K8577" s="59">
        <f>Bühler!K8603</f>
        <v>0.42652231586371103</v>
      </c>
      <c r="L8577" s="59">
        <f>Bühler!L8603</f>
        <v>2.047307116145813</v>
      </c>
      <c r="M8577" s="58">
        <f>Bühler!M8603</f>
        <v>0</v>
      </c>
      <c r="N8577" s="56">
        <f>IF(Input!$D$19=1,J8577*Input!$C$19,0)+IF(Input!$D$20=1,K8577*Input!$C$20,0)+IF(Input!$D$21=1,L8577*Input!$C$21,0)+IF(Input!$D$22=1,M8577*Input!$C$22,0)</f>
        <v>8.530446317274222E-2</v>
      </c>
      <c r="O8577" s="59">
        <f>IF(Input!$D$19=2,J8577*Input!$C$19,0)+IF(Input!$D$20=2,K8577*Input!$C$20,0)+IF(Input!$D$21=2,L8577*Input!$C$21,0)+IF(Input!$D$22=2,M8577*Input!$C$22,0)</f>
        <v>0.21326115793185552</v>
      </c>
      <c r="P8577" s="59">
        <f>IF(Input!$D$19=3,J8577*Input!$C$19,0)+IF(Input!$D$20=3,K8577*Input!$C$20,0)+IF(Input!$D$21=3,L8577*Input!$C$21,0)+IF(Input!$D$22=3,M8577*Input!$C$22,0)</f>
        <v>0</v>
      </c>
      <c r="Q8577" s="75">
        <f>IF(Input!$D$19=4,J8577*Input!$C$19,0)+IF(Input!$D$20=4,K8577*Input!$C$20,0)+IF(Input!$D$21=4,L8577*Input!$C$21,0)+IF(Input!$D$22=4,M8577*Input!$C$22,0)</f>
        <v>0</v>
      </c>
      <c r="R8577" s="58">
        <v>46.694919929329885</v>
      </c>
      <c r="S8577" s="124">
        <f t="shared" si="133"/>
        <v>0.3696526737485496</v>
      </c>
    </row>
    <row r="8578" spans="8:19" x14ac:dyDescent="0.3">
      <c r="H8578" s="44">
        <v>8571</v>
      </c>
      <c r="I8578" s="56">
        <f>Bühler!I8604</f>
        <v>8.5304463172742206E-2</v>
      </c>
      <c r="J8578" s="59">
        <f>Bühler!J8604</f>
        <v>0.28434821057580739</v>
      </c>
      <c r="K8578" s="59">
        <f>Bühler!K8604</f>
        <v>0.42652231586371103</v>
      </c>
      <c r="L8578" s="59">
        <f>Bühler!L8604</f>
        <v>2.047307116145813</v>
      </c>
      <c r="M8578" s="58">
        <f>Bühler!M8604</f>
        <v>0</v>
      </c>
      <c r="N8578" s="56">
        <f>IF(Input!$D$19=1,J8578*Input!$C$19,0)+IF(Input!$D$20=1,K8578*Input!$C$20,0)+IF(Input!$D$21=1,L8578*Input!$C$21,0)+IF(Input!$D$22=1,M8578*Input!$C$22,0)</f>
        <v>8.530446317274222E-2</v>
      </c>
      <c r="O8578" s="59">
        <f>IF(Input!$D$19=2,J8578*Input!$C$19,0)+IF(Input!$D$20=2,K8578*Input!$C$20,0)+IF(Input!$D$21=2,L8578*Input!$C$21,0)+IF(Input!$D$22=2,M8578*Input!$C$22,0)</f>
        <v>0.21326115793185552</v>
      </c>
      <c r="P8578" s="59">
        <f>IF(Input!$D$19=3,J8578*Input!$C$19,0)+IF(Input!$D$20=3,K8578*Input!$C$20,0)+IF(Input!$D$21=3,L8578*Input!$C$21,0)+IF(Input!$D$22=3,M8578*Input!$C$22,0)</f>
        <v>0</v>
      </c>
      <c r="Q8578" s="75">
        <f>IF(Input!$D$19=4,J8578*Input!$C$19,0)+IF(Input!$D$20=4,K8578*Input!$C$20,0)+IF(Input!$D$21=4,L8578*Input!$C$21,0)+IF(Input!$D$22=4,M8578*Input!$C$22,0)</f>
        <v>0</v>
      </c>
      <c r="R8578" s="58">
        <v>47.612957548110096</v>
      </c>
      <c r="S8578" s="124">
        <f t="shared" si="133"/>
        <v>0.3696526737485496</v>
      </c>
    </row>
    <row r="8579" spans="8:19" x14ac:dyDescent="0.3">
      <c r="H8579" s="44">
        <v>8572</v>
      </c>
      <c r="I8579" s="56">
        <f>Bühler!I8605</f>
        <v>8.5304463172742206E-2</v>
      </c>
      <c r="J8579" s="59">
        <f>Bühler!J8605</f>
        <v>0.28434821057580739</v>
      </c>
      <c r="K8579" s="59">
        <f>Bühler!K8605</f>
        <v>0.42652231586371103</v>
      </c>
      <c r="L8579" s="59">
        <f>Bühler!L8605</f>
        <v>2.047307116145813</v>
      </c>
      <c r="M8579" s="58">
        <f>Bühler!M8605</f>
        <v>0</v>
      </c>
      <c r="N8579" s="56">
        <f>IF(Input!$D$19=1,J8579*Input!$C$19,0)+IF(Input!$D$20=1,K8579*Input!$C$20,0)+IF(Input!$D$21=1,L8579*Input!$C$21,0)+IF(Input!$D$22=1,M8579*Input!$C$22,0)</f>
        <v>8.530446317274222E-2</v>
      </c>
      <c r="O8579" s="59">
        <f>IF(Input!$D$19=2,J8579*Input!$C$19,0)+IF(Input!$D$20=2,K8579*Input!$C$20,0)+IF(Input!$D$21=2,L8579*Input!$C$21,0)+IF(Input!$D$22=2,M8579*Input!$C$22,0)</f>
        <v>0.21326115793185552</v>
      </c>
      <c r="P8579" s="59">
        <f>IF(Input!$D$19=3,J8579*Input!$C$19,0)+IF(Input!$D$20=3,K8579*Input!$C$20,0)+IF(Input!$D$21=3,L8579*Input!$C$21,0)+IF(Input!$D$22=3,M8579*Input!$C$22,0)</f>
        <v>0</v>
      </c>
      <c r="Q8579" s="75">
        <f>IF(Input!$D$19=4,J8579*Input!$C$19,0)+IF(Input!$D$20=4,K8579*Input!$C$20,0)+IF(Input!$D$21=4,L8579*Input!$C$21,0)+IF(Input!$D$22=4,M8579*Input!$C$22,0)</f>
        <v>0</v>
      </c>
      <c r="R8579" s="58">
        <v>48.676548015576046</v>
      </c>
      <c r="S8579" s="124">
        <f t="shared" si="133"/>
        <v>0.3696526737485496</v>
      </c>
    </row>
    <row r="8580" spans="8:19" x14ac:dyDescent="0.3">
      <c r="H8580" s="44">
        <v>8573</v>
      </c>
      <c r="I8580" s="56">
        <f>Bühler!I8606</f>
        <v>8.5304463172742206E-2</v>
      </c>
      <c r="J8580" s="59">
        <f>Bühler!J8606</f>
        <v>0.28434821057580739</v>
      </c>
      <c r="K8580" s="59">
        <f>Bühler!K8606</f>
        <v>0.42652231586371103</v>
      </c>
      <c r="L8580" s="59">
        <f>Bühler!L8606</f>
        <v>2.047307116145813</v>
      </c>
      <c r="M8580" s="58">
        <f>Bühler!M8606</f>
        <v>0</v>
      </c>
      <c r="N8580" s="56">
        <f>IF(Input!$D$19=1,J8580*Input!$C$19,0)+IF(Input!$D$20=1,K8580*Input!$C$20,0)+IF(Input!$D$21=1,L8580*Input!$C$21,0)+IF(Input!$D$22=1,M8580*Input!$C$22,0)</f>
        <v>8.530446317274222E-2</v>
      </c>
      <c r="O8580" s="59">
        <f>IF(Input!$D$19=2,J8580*Input!$C$19,0)+IF(Input!$D$20=2,K8580*Input!$C$20,0)+IF(Input!$D$21=2,L8580*Input!$C$21,0)+IF(Input!$D$22=2,M8580*Input!$C$22,0)</f>
        <v>0.21326115793185552</v>
      </c>
      <c r="P8580" s="59">
        <f>IF(Input!$D$19=3,J8580*Input!$C$19,0)+IF(Input!$D$20=3,K8580*Input!$C$20,0)+IF(Input!$D$21=3,L8580*Input!$C$21,0)+IF(Input!$D$22=3,M8580*Input!$C$22,0)</f>
        <v>0</v>
      </c>
      <c r="Q8580" s="75">
        <f>IF(Input!$D$19=4,J8580*Input!$C$19,0)+IF(Input!$D$20=4,K8580*Input!$C$20,0)+IF(Input!$D$21=4,L8580*Input!$C$21,0)+IF(Input!$D$22=4,M8580*Input!$C$22,0)</f>
        <v>0</v>
      </c>
      <c r="R8580" s="58">
        <v>51.529557023461479</v>
      </c>
      <c r="S8580" s="124">
        <f t="shared" si="133"/>
        <v>0.3696526737485496</v>
      </c>
    </row>
    <row r="8581" spans="8:19" x14ac:dyDescent="0.3">
      <c r="H8581" s="44">
        <v>8574</v>
      </c>
      <c r="I8581" s="56">
        <f>Bühler!I8607</f>
        <v>0.36965267374854949</v>
      </c>
      <c r="J8581" s="59">
        <f>Bühler!J8607</f>
        <v>1.2321755791618318</v>
      </c>
      <c r="K8581" s="59">
        <f>Bühler!K8607</f>
        <v>1.8482633687427474</v>
      </c>
      <c r="L8581" s="59">
        <f>Bühler!L8607</f>
        <v>8.8716641699651877</v>
      </c>
      <c r="M8581" s="58">
        <f>Bühler!M8607</f>
        <v>0</v>
      </c>
      <c r="N8581" s="56">
        <f>IF(Input!$D$19=1,J8581*Input!$C$19,0)+IF(Input!$D$20=1,K8581*Input!$C$20,0)+IF(Input!$D$21=1,L8581*Input!$C$21,0)+IF(Input!$D$22=1,M8581*Input!$C$22,0)</f>
        <v>0.36965267374854954</v>
      </c>
      <c r="O8581" s="59">
        <f>IF(Input!$D$19=2,J8581*Input!$C$19,0)+IF(Input!$D$20=2,K8581*Input!$C$20,0)+IF(Input!$D$21=2,L8581*Input!$C$21,0)+IF(Input!$D$22=2,M8581*Input!$C$22,0)</f>
        <v>0.92413168437137372</v>
      </c>
      <c r="P8581" s="59">
        <f>IF(Input!$D$19=3,J8581*Input!$C$19,0)+IF(Input!$D$20=3,K8581*Input!$C$20,0)+IF(Input!$D$21=3,L8581*Input!$C$21,0)+IF(Input!$D$22=3,M8581*Input!$C$22,0)</f>
        <v>0</v>
      </c>
      <c r="Q8581" s="75">
        <f>IF(Input!$D$19=4,J8581*Input!$C$19,0)+IF(Input!$D$20=4,K8581*Input!$C$20,0)+IF(Input!$D$21=4,L8581*Input!$C$21,0)+IF(Input!$D$22=4,M8581*Input!$C$22,0)</f>
        <v>0</v>
      </c>
      <c r="R8581" s="58">
        <v>56.300971026886877</v>
      </c>
      <c r="S8581" s="124">
        <f t="shared" si="133"/>
        <v>1.6018282529103813</v>
      </c>
    </row>
    <row r="8582" spans="8:19" x14ac:dyDescent="0.3">
      <c r="H8582" s="44">
        <v>8575</v>
      </c>
      <c r="I8582" s="56">
        <f>Bühler!I8608</f>
        <v>0.41941361059931581</v>
      </c>
      <c r="J8582" s="59">
        <f>Bühler!J8608</f>
        <v>1.3980453686643861</v>
      </c>
      <c r="K8582" s="59">
        <f>Bühler!K8608</f>
        <v>2.0970680529965788</v>
      </c>
      <c r="L8582" s="59">
        <f>Bühler!L8608</f>
        <v>10.065926654383579</v>
      </c>
      <c r="M8582" s="58">
        <f>Bühler!M8608</f>
        <v>0</v>
      </c>
      <c r="N8582" s="56">
        <f>IF(Input!$D$19=1,J8582*Input!$C$19,0)+IF(Input!$D$20=1,K8582*Input!$C$20,0)+IF(Input!$D$21=1,L8582*Input!$C$21,0)+IF(Input!$D$22=1,M8582*Input!$C$22,0)</f>
        <v>0.41941361059931581</v>
      </c>
      <c r="O8582" s="59">
        <f>IF(Input!$D$19=2,J8582*Input!$C$19,0)+IF(Input!$D$20=2,K8582*Input!$C$20,0)+IF(Input!$D$21=2,L8582*Input!$C$21,0)+IF(Input!$D$22=2,M8582*Input!$C$22,0)</f>
        <v>1.0485340264982894</v>
      </c>
      <c r="P8582" s="59">
        <f>IF(Input!$D$19=3,J8582*Input!$C$19,0)+IF(Input!$D$20=3,K8582*Input!$C$20,0)+IF(Input!$D$21=3,L8582*Input!$C$21,0)+IF(Input!$D$22=3,M8582*Input!$C$22,0)</f>
        <v>0</v>
      </c>
      <c r="Q8582" s="75">
        <f>IF(Input!$D$19=4,J8582*Input!$C$19,0)+IF(Input!$D$20=4,K8582*Input!$C$20,0)+IF(Input!$D$21=4,L8582*Input!$C$21,0)+IF(Input!$D$22=4,M8582*Input!$C$22,0)</f>
        <v>0</v>
      </c>
      <c r="R8582" s="58">
        <v>61.670609809183745</v>
      </c>
      <c r="S8582" s="124">
        <f t="shared" si="133"/>
        <v>1.8174589792637019</v>
      </c>
    </row>
    <row r="8583" spans="8:19" x14ac:dyDescent="0.3">
      <c r="H8583" s="44">
        <v>8576</v>
      </c>
      <c r="I8583" s="56">
        <f>Bühler!I8609</f>
        <v>0.41941361059931581</v>
      </c>
      <c r="J8583" s="59">
        <f>Bühler!J8609</f>
        <v>1.3980453686643861</v>
      </c>
      <c r="K8583" s="59">
        <f>Bühler!K8609</f>
        <v>2.0970680529965788</v>
      </c>
      <c r="L8583" s="59">
        <f>Bühler!L8609</f>
        <v>10.065926654383579</v>
      </c>
      <c r="M8583" s="58">
        <f>Bühler!M8609</f>
        <v>0</v>
      </c>
      <c r="N8583" s="56">
        <f>IF(Input!$D$19=1,J8583*Input!$C$19,0)+IF(Input!$D$20=1,K8583*Input!$C$20,0)+IF(Input!$D$21=1,L8583*Input!$C$21,0)+IF(Input!$D$22=1,M8583*Input!$C$22,0)</f>
        <v>0.41941361059931581</v>
      </c>
      <c r="O8583" s="59">
        <f>IF(Input!$D$19=2,J8583*Input!$C$19,0)+IF(Input!$D$20=2,K8583*Input!$C$20,0)+IF(Input!$D$21=2,L8583*Input!$C$21,0)+IF(Input!$D$22=2,M8583*Input!$C$22,0)</f>
        <v>1.0485340264982894</v>
      </c>
      <c r="P8583" s="59">
        <f>IF(Input!$D$19=3,J8583*Input!$C$19,0)+IF(Input!$D$20=3,K8583*Input!$C$20,0)+IF(Input!$D$21=3,L8583*Input!$C$21,0)+IF(Input!$D$22=3,M8583*Input!$C$22,0)</f>
        <v>0</v>
      </c>
      <c r="Q8583" s="75">
        <f>IF(Input!$D$19=4,J8583*Input!$C$19,0)+IF(Input!$D$20=4,K8583*Input!$C$20,0)+IF(Input!$D$21=4,L8583*Input!$C$21,0)+IF(Input!$D$22=4,M8583*Input!$C$22,0)</f>
        <v>0</v>
      </c>
      <c r="R8583" s="58">
        <v>65.136744037544972</v>
      </c>
      <c r="S8583" s="124">
        <f t="shared" si="133"/>
        <v>1.8174589792637019</v>
      </c>
    </row>
    <row r="8584" spans="8:19" x14ac:dyDescent="0.3">
      <c r="H8584" s="44">
        <v>8577</v>
      </c>
      <c r="I8584" s="56">
        <f>Bühler!I8610</f>
        <v>0.41941361059931581</v>
      </c>
      <c r="J8584" s="59">
        <f>Bühler!J8610</f>
        <v>1.3980453686643861</v>
      </c>
      <c r="K8584" s="59">
        <f>Bühler!K8610</f>
        <v>2.0970680529965788</v>
      </c>
      <c r="L8584" s="59">
        <f>Bühler!L8610</f>
        <v>10.065926654383579</v>
      </c>
      <c r="M8584" s="58">
        <f>Bühler!M8610</f>
        <v>0</v>
      </c>
      <c r="N8584" s="56">
        <f>IF(Input!$D$19=1,J8584*Input!$C$19,0)+IF(Input!$D$20=1,K8584*Input!$C$20,0)+IF(Input!$D$21=1,L8584*Input!$C$21,0)+IF(Input!$D$22=1,M8584*Input!$C$22,0)</f>
        <v>0.41941361059931581</v>
      </c>
      <c r="O8584" s="59">
        <f>IF(Input!$D$19=2,J8584*Input!$C$19,0)+IF(Input!$D$20=2,K8584*Input!$C$20,0)+IF(Input!$D$21=2,L8584*Input!$C$21,0)+IF(Input!$D$22=2,M8584*Input!$C$22,0)</f>
        <v>1.0485340264982894</v>
      </c>
      <c r="P8584" s="59">
        <f>IF(Input!$D$19=3,J8584*Input!$C$19,0)+IF(Input!$D$20=3,K8584*Input!$C$20,0)+IF(Input!$D$21=3,L8584*Input!$C$21,0)+IF(Input!$D$22=3,M8584*Input!$C$22,0)</f>
        <v>0</v>
      </c>
      <c r="Q8584" s="75">
        <f>IF(Input!$D$19=4,J8584*Input!$C$19,0)+IF(Input!$D$20=4,K8584*Input!$C$20,0)+IF(Input!$D$21=4,L8584*Input!$C$21,0)+IF(Input!$D$22=4,M8584*Input!$C$22,0)</f>
        <v>0</v>
      </c>
      <c r="R8584" s="58">
        <v>67.039395119140465</v>
      </c>
      <c r="S8584" s="124">
        <f t="shared" si="133"/>
        <v>1.8174589792637019</v>
      </c>
    </row>
    <row r="8585" spans="8:19" x14ac:dyDescent="0.3">
      <c r="H8585" s="44">
        <v>8578</v>
      </c>
      <c r="I8585" s="56">
        <f>Bühler!I8611</f>
        <v>0.44784843165689653</v>
      </c>
      <c r="J8585" s="59">
        <f>Bühler!J8611</f>
        <v>1.4928281055229886</v>
      </c>
      <c r="K8585" s="59">
        <f>Bühler!K8611</f>
        <v>2.2392421582844828</v>
      </c>
      <c r="L8585" s="59">
        <f>Bühler!L8611</f>
        <v>10.748362359765517</v>
      </c>
      <c r="M8585" s="58">
        <f>Bühler!M8611</f>
        <v>0</v>
      </c>
      <c r="N8585" s="56">
        <f>IF(Input!$D$19=1,J8585*Input!$C$19,0)+IF(Input!$D$20=1,K8585*Input!$C$20,0)+IF(Input!$D$21=1,L8585*Input!$C$21,0)+IF(Input!$D$22=1,M8585*Input!$C$22,0)</f>
        <v>0.44784843165689658</v>
      </c>
      <c r="O8585" s="59">
        <f>IF(Input!$D$19=2,J8585*Input!$C$19,0)+IF(Input!$D$20=2,K8585*Input!$C$20,0)+IF(Input!$D$21=2,L8585*Input!$C$21,0)+IF(Input!$D$22=2,M8585*Input!$C$22,0)</f>
        <v>1.1196210791422414</v>
      </c>
      <c r="P8585" s="59">
        <f>IF(Input!$D$19=3,J8585*Input!$C$19,0)+IF(Input!$D$20=3,K8585*Input!$C$20,0)+IF(Input!$D$21=3,L8585*Input!$C$21,0)+IF(Input!$D$22=3,M8585*Input!$C$22,0)</f>
        <v>0</v>
      </c>
      <c r="Q8585" s="75">
        <f>IF(Input!$D$19=4,J8585*Input!$C$19,0)+IF(Input!$D$20=4,K8585*Input!$C$20,0)+IF(Input!$D$21=4,L8585*Input!$C$21,0)+IF(Input!$D$22=4,M8585*Input!$C$22,0)</f>
        <v>0</v>
      </c>
      <c r="R8585" s="58">
        <v>67.341556278335077</v>
      </c>
      <c r="S8585" s="124">
        <f t="shared" ref="S8585:S8648" si="134">I8585+J8585</f>
        <v>1.9406765371798851</v>
      </c>
    </row>
    <row r="8586" spans="8:19" x14ac:dyDescent="0.3">
      <c r="H8586" s="44">
        <v>8579</v>
      </c>
      <c r="I8586" s="56">
        <f>Bühler!I8612</f>
        <v>0.44784843165689653</v>
      </c>
      <c r="J8586" s="59">
        <f>Bühler!J8612</f>
        <v>1.4928281055229886</v>
      </c>
      <c r="K8586" s="59">
        <f>Bühler!K8612</f>
        <v>2.2392421582844828</v>
      </c>
      <c r="L8586" s="59">
        <f>Bühler!L8612</f>
        <v>10.748362359765517</v>
      </c>
      <c r="M8586" s="58">
        <f>Bühler!M8612</f>
        <v>0</v>
      </c>
      <c r="N8586" s="56">
        <f>IF(Input!$D$19=1,J8586*Input!$C$19,0)+IF(Input!$D$20=1,K8586*Input!$C$20,0)+IF(Input!$D$21=1,L8586*Input!$C$21,0)+IF(Input!$D$22=1,M8586*Input!$C$22,0)</f>
        <v>0.44784843165689658</v>
      </c>
      <c r="O8586" s="59">
        <f>IF(Input!$D$19=2,J8586*Input!$C$19,0)+IF(Input!$D$20=2,K8586*Input!$C$20,0)+IF(Input!$D$21=2,L8586*Input!$C$21,0)+IF(Input!$D$22=2,M8586*Input!$C$22,0)</f>
        <v>1.1196210791422414</v>
      </c>
      <c r="P8586" s="59">
        <f>IF(Input!$D$19=3,J8586*Input!$C$19,0)+IF(Input!$D$20=3,K8586*Input!$C$20,0)+IF(Input!$D$21=3,L8586*Input!$C$21,0)+IF(Input!$D$22=3,M8586*Input!$C$22,0)</f>
        <v>0</v>
      </c>
      <c r="Q8586" s="75">
        <f>IF(Input!$D$19=4,J8586*Input!$C$19,0)+IF(Input!$D$20=4,K8586*Input!$C$20,0)+IF(Input!$D$21=4,L8586*Input!$C$21,0)+IF(Input!$D$22=4,M8586*Input!$C$22,0)</f>
        <v>0</v>
      </c>
      <c r="R8586" s="58">
        <v>68.228492818993985</v>
      </c>
      <c r="S8586" s="124">
        <f t="shared" si="134"/>
        <v>1.9406765371798851</v>
      </c>
    </row>
    <row r="8587" spans="8:19" x14ac:dyDescent="0.3">
      <c r="H8587" s="44">
        <v>8580</v>
      </c>
      <c r="I8587" s="56">
        <f>Bühler!I8613</f>
        <v>0.56869642115161478</v>
      </c>
      <c r="J8587" s="59">
        <f>Bühler!J8613</f>
        <v>1.8956547371720494</v>
      </c>
      <c r="K8587" s="59">
        <f>Bühler!K8613</f>
        <v>2.8434821057580737</v>
      </c>
      <c r="L8587" s="59">
        <f>Bühler!L8613</f>
        <v>13.648714107638755</v>
      </c>
      <c r="M8587" s="58">
        <f>Bühler!M8613</f>
        <v>0</v>
      </c>
      <c r="N8587" s="56">
        <f>IF(Input!$D$19=1,J8587*Input!$C$19,0)+IF(Input!$D$20=1,K8587*Input!$C$20,0)+IF(Input!$D$21=1,L8587*Input!$C$21,0)+IF(Input!$D$22=1,M8587*Input!$C$22,0)</f>
        <v>0.56869642115161478</v>
      </c>
      <c r="O8587" s="59">
        <f>IF(Input!$D$19=2,J8587*Input!$C$19,0)+IF(Input!$D$20=2,K8587*Input!$C$20,0)+IF(Input!$D$21=2,L8587*Input!$C$21,0)+IF(Input!$D$22=2,M8587*Input!$C$22,0)</f>
        <v>1.4217410528790368</v>
      </c>
      <c r="P8587" s="59">
        <f>IF(Input!$D$19=3,J8587*Input!$C$19,0)+IF(Input!$D$20=3,K8587*Input!$C$20,0)+IF(Input!$D$21=3,L8587*Input!$C$21,0)+IF(Input!$D$22=3,M8587*Input!$C$22,0)</f>
        <v>0</v>
      </c>
      <c r="Q8587" s="75">
        <f>IF(Input!$D$19=4,J8587*Input!$C$19,0)+IF(Input!$D$20=4,K8587*Input!$C$20,0)+IF(Input!$D$21=4,L8587*Input!$C$21,0)+IF(Input!$D$22=4,M8587*Input!$C$22,0)</f>
        <v>0</v>
      </c>
      <c r="R8587" s="58">
        <v>69.003502662147014</v>
      </c>
      <c r="S8587" s="124">
        <f t="shared" si="134"/>
        <v>2.4643511583236641</v>
      </c>
    </row>
    <row r="8588" spans="8:19" x14ac:dyDescent="0.3">
      <c r="H8588" s="44">
        <v>8581</v>
      </c>
      <c r="I8588" s="56">
        <f>Bühler!I8614</f>
        <v>0.56869642115161478</v>
      </c>
      <c r="J8588" s="59">
        <f>Bühler!J8614</f>
        <v>1.8956547371720494</v>
      </c>
      <c r="K8588" s="59">
        <f>Bühler!K8614</f>
        <v>2.8434821057580737</v>
      </c>
      <c r="L8588" s="59">
        <f>Bühler!L8614</f>
        <v>13.648714107638755</v>
      </c>
      <c r="M8588" s="58">
        <f>Bühler!M8614</f>
        <v>0</v>
      </c>
      <c r="N8588" s="56">
        <f>IF(Input!$D$19=1,J8588*Input!$C$19,0)+IF(Input!$D$20=1,K8588*Input!$C$20,0)+IF(Input!$D$21=1,L8588*Input!$C$21,0)+IF(Input!$D$22=1,M8588*Input!$C$22,0)</f>
        <v>0.56869642115161478</v>
      </c>
      <c r="O8588" s="59">
        <f>IF(Input!$D$19=2,J8588*Input!$C$19,0)+IF(Input!$D$20=2,K8588*Input!$C$20,0)+IF(Input!$D$21=2,L8588*Input!$C$21,0)+IF(Input!$D$22=2,M8588*Input!$C$22,0)</f>
        <v>1.4217410528790368</v>
      </c>
      <c r="P8588" s="59">
        <f>IF(Input!$D$19=3,J8588*Input!$C$19,0)+IF(Input!$D$20=3,K8588*Input!$C$20,0)+IF(Input!$D$21=3,L8588*Input!$C$21,0)+IF(Input!$D$22=3,M8588*Input!$C$22,0)</f>
        <v>0</v>
      </c>
      <c r="Q8588" s="75">
        <f>IF(Input!$D$19=4,J8588*Input!$C$19,0)+IF(Input!$D$20=4,K8588*Input!$C$20,0)+IF(Input!$D$21=4,L8588*Input!$C$21,0)+IF(Input!$D$22=4,M8588*Input!$C$22,0)</f>
        <v>0</v>
      </c>
      <c r="R8588" s="58">
        <v>68.66174877320563</v>
      </c>
      <c r="S8588" s="124">
        <f t="shared" si="134"/>
        <v>2.4643511583236641</v>
      </c>
    </row>
    <row r="8589" spans="8:19" x14ac:dyDescent="0.3">
      <c r="H8589" s="44">
        <v>8582</v>
      </c>
      <c r="I8589" s="56">
        <f>Bühler!I8615</f>
        <v>0.37676137901294476</v>
      </c>
      <c r="J8589" s="59">
        <f>Bühler!J8615</f>
        <v>1.2558712633764826</v>
      </c>
      <c r="K8589" s="59">
        <f>Bühler!K8615</f>
        <v>1.8838068950647238</v>
      </c>
      <c r="L8589" s="59">
        <f>Bühler!L8615</f>
        <v>9.0422730963106748</v>
      </c>
      <c r="M8589" s="58">
        <f>Bühler!M8615</f>
        <v>0</v>
      </c>
      <c r="N8589" s="56">
        <f>IF(Input!$D$19=1,J8589*Input!$C$19,0)+IF(Input!$D$20=1,K8589*Input!$C$20,0)+IF(Input!$D$21=1,L8589*Input!$C$21,0)+IF(Input!$D$22=1,M8589*Input!$C$22,0)</f>
        <v>0.37676137901294476</v>
      </c>
      <c r="O8589" s="59">
        <f>IF(Input!$D$19=2,J8589*Input!$C$19,0)+IF(Input!$D$20=2,K8589*Input!$C$20,0)+IF(Input!$D$21=2,L8589*Input!$C$21,0)+IF(Input!$D$22=2,M8589*Input!$C$22,0)</f>
        <v>0.94190344753236188</v>
      </c>
      <c r="P8589" s="59">
        <f>IF(Input!$D$19=3,J8589*Input!$C$19,0)+IF(Input!$D$20=3,K8589*Input!$C$20,0)+IF(Input!$D$21=3,L8589*Input!$C$21,0)+IF(Input!$D$22=3,M8589*Input!$C$22,0)</f>
        <v>0</v>
      </c>
      <c r="Q8589" s="75">
        <f>IF(Input!$D$19=4,J8589*Input!$C$19,0)+IF(Input!$D$20=4,K8589*Input!$C$20,0)+IF(Input!$D$21=4,L8589*Input!$C$21,0)+IF(Input!$D$22=4,M8589*Input!$C$22,0)</f>
        <v>0</v>
      </c>
      <c r="R8589" s="58">
        <v>68.287088792756052</v>
      </c>
      <c r="S8589" s="124">
        <f t="shared" si="134"/>
        <v>1.6326326423894273</v>
      </c>
    </row>
    <row r="8590" spans="8:19" x14ac:dyDescent="0.3">
      <c r="H8590" s="44">
        <v>8583</v>
      </c>
      <c r="I8590" s="56">
        <f>Bühler!I8616</f>
        <v>0.56869642115161478</v>
      </c>
      <c r="J8590" s="59">
        <f>Bühler!J8616</f>
        <v>1.8956547371720494</v>
      </c>
      <c r="K8590" s="59">
        <f>Bühler!K8616</f>
        <v>2.8434821057580737</v>
      </c>
      <c r="L8590" s="59">
        <f>Bühler!L8616</f>
        <v>13.648714107638755</v>
      </c>
      <c r="M8590" s="58">
        <f>Bühler!M8616</f>
        <v>0</v>
      </c>
      <c r="N8590" s="56">
        <f>IF(Input!$D$19=1,J8590*Input!$C$19,0)+IF(Input!$D$20=1,K8590*Input!$C$20,0)+IF(Input!$D$21=1,L8590*Input!$C$21,0)+IF(Input!$D$22=1,M8590*Input!$C$22,0)</f>
        <v>0.56869642115161478</v>
      </c>
      <c r="O8590" s="59">
        <f>IF(Input!$D$19=2,J8590*Input!$C$19,0)+IF(Input!$D$20=2,K8590*Input!$C$20,0)+IF(Input!$D$21=2,L8590*Input!$C$21,0)+IF(Input!$D$22=2,M8590*Input!$C$22,0)</f>
        <v>1.4217410528790368</v>
      </c>
      <c r="P8590" s="59">
        <f>IF(Input!$D$19=3,J8590*Input!$C$19,0)+IF(Input!$D$20=3,K8590*Input!$C$20,0)+IF(Input!$D$21=3,L8590*Input!$C$21,0)+IF(Input!$D$22=3,M8590*Input!$C$22,0)</f>
        <v>0</v>
      </c>
      <c r="Q8590" s="75">
        <f>IF(Input!$D$19=4,J8590*Input!$C$19,0)+IF(Input!$D$20=4,K8590*Input!$C$20,0)+IF(Input!$D$21=4,L8590*Input!$C$21,0)+IF(Input!$D$22=4,M8590*Input!$C$22,0)</f>
        <v>0</v>
      </c>
      <c r="R8590" s="58">
        <v>68.549626350175046</v>
      </c>
      <c r="S8590" s="124">
        <f t="shared" si="134"/>
        <v>2.4643511583236641</v>
      </c>
    </row>
    <row r="8591" spans="8:19" x14ac:dyDescent="0.3">
      <c r="H8591" s="44">
        <v>8584</v>
      </c>
      <c r="I8591" s="56">
        <f>Bühler!I8617</f>
        <v>0.56869642115161478</v>
      </c>
      <c r="J8591" s="59">
        <f>Bühler!J8617</f>
        <v>1.8956547371720494</v>
      </c>
      <c r="K8591" s="59">
        <f>Bühler!K8617</f>
        <v>2.8434821057580737</v>
      </c>
      <c r="L8591" s="59">
        <f>Bühler!L8617</f>
        <v>13.648714107638755</v>
      </c>
      <c r="M8591" s="58">
        <f>Bühler!M8617</f>
        <v>0</v>
      </c>
      <c r="N8591" s="56">
        <f>IF(Input!$D$19=1,J8591*Input!$C$19,0)+IF(Input!$D$20=1,K8591*Input!$C$20,0)+IF(Input!$D$21=1,L8591*Input!$C$21,0)+IF(Input!$D$22=1,M8591*Input!$C$22,0)</f>
        <v>0.56869642115161478</v>
      </c>
      <c r="O8591" s="59">
        <f>IF(Input!$D$19=2,J8591*Input!$C$19,0)+IF(Input!$D$20=2,K8591*Input!$C$20,0)+IF(Input!$D$21=2,L8591*Input!$C$21,0)+IF(Input!$D$22=2,M8591*Input!$C$22,0)</f>
        <v>1.4217410528790368</v>
      </c>
      <c r="P8591" s="59">
        <f>IF(Input!$D$19=3,J8591*Input!$C$19,0)+IF(Input!$D$20=3,K8591*Input!$C$20,0)+IF(Input!$D$21=3,L8591*Input!$C$21,0)+IF(Input!$D$22=3,M8591*Input!$C$22,0)</f>
        <v>0</v>
      </c>
      <c r="Q8591" s="75">
        <f>IF(Input!$D$19=4,J8591*Input!$C$19,0)+IF(Input!$D$20=4,K8591*Input!$C$20,0)+IF(Input!$D$21=4,L8591*Input!$C$21,0)+IF(Input!$D$22=4,M8591*Input!$C$22,0)</f>
        <v>0</v>
      </c>
      <c r="R8591" s="58">
        <v>67.843895222680771</v>
      </c>
      <c r="S8591" s="124">
        <f t="shared" si="134"/>
        <v>2.4643511583236641</v>
      </c>
    </row>
    <row r="8592" spans="8:19" x14ac:dyDescent="0.3">
      <c r="H8592" s="44">
        <v>8585</v>
      </c>
      <c r="I8592" s="56">
        <f>Bühler!I8618</f>
        <v>0.56869642115161478</v>
      </c>
      <c r="J8592" s="59">
        <f>Bühler!J8618</f>
        <v>1.8956547371720494</v>
      </c>
      <c r="K8592" s="59">
        <f>Bühler!K8618</f>
        <v>2.8434821057580737</v>
      </c>
      <c r="L8592" s="59">
        <f>Bühler!L8618</f>
        <v>13.648714107638755</v>
      </c>
      <c r="M8592" s="58">
        <f>Bühler!M8618</f>
        <v>0</v>
      </c>
      <c r="N8592" s="56">
        <f>IF(Input!$D$19=1,J8592*Input!$C$19,0)+IF(Input!$D$20=1,K8592*Input!$C$20,0)+IF(Input!$D$21=1,L8592*Input!$C$21,0)+IF(Input!$D$22=1,M8592*Input!$C$22,0)</f>
        <v>0.56869642115161478</v>
      </c>
      <c r="O8592" s="59">
        <f>IF(Input!$D$19=2,J8592*Input!$C$19,0)+IF(Input!$D$20=2,K8592*Input!$C$20,0)+IF(Input!$D$21=2,L8592*Input!$C$21,0)+IF(Input!$D$22=2,M8592*Input!$C$22,0)</f>
        <v>1.4217410528790368</v>
      </c>
      <c r="P8592" s="59">
        <f>IF(Input!$D$19=3,J8592*Input!$C$19,0)+IF(Input!$D$20=3,K8592*Input!$C$20,0)+IF(Input!$D$21=3,L8592*Input!$C$21,0)+IF(Input!$D$22=3,M8592*Input!$C$22,0)</f>
        <v>0</v>
      </c>
      <c r="Q8592" s="75">
        <f>IF(Input!$D$19=4,J8592*Input!$C$19,0)+IF(Input!$D$20=4,K8592*Input!$C$20,0)+IF(Input!$D$21=4,L8592*Input!$C$21,0)+IF(Input!$D$22=4,M8592*Input!$C$22,0)</f>
        <v>0</v>
      </c>
      <c r="R8592" s="58">
        <v>67.216071856728675</v>
      </c>
      <c r="S8592" s="124">
        <f t="shared" si="134"/>
        <v>2.4643511583236641</v>
      </c>
    </row>
    <row r="8593" spans="8:19" x14ac:dyDescent="0.3">
      <c r="H8593" s="44">
        <v>8586</v>
      </c>
      <c r="I8593" s="56">
        <f>Bühler!I8619</f>
        <v>0.56869642115161478</v>
      </c>
      <c r="J8593" s="59">
        <f>Bühler!J8619</f>
        <v>1.8956547371720494</v>
      </c>
      <c r="K8593" s="59">
        <f>Bühler!K8619</f>
        <v>2.8434821057580737</v>
      </c>
      <c r="L8593" s="59">
        <f>Bühler!L8619</f>
        <v>13.648714107638755</v>
      </c>
      <c r="M8593" s="58">
        <f>Bühler!M8619</f>
        <v>0</v>
      </c>
      <c r="N8593" s="56">
        <f>IF(Input!$D$19=1,J8593*Input!$C$19,0)+IF(Input!$D$20=1,K8593*Input!$C$20,0)+IF(Input!$D$21=1,L8593*Input!$C$21,0)+IF(Input!$D$22=1,M8593*Input!$C$22,0)</f>
        <v>0.56869642115161478</v>
      </c>
      <c r="O8593" s="59">
        <f>IF(Input!$D$19=2,J8593*Input!$C$19,0)+IF(Input!$D$20=2,K8593*Input!$C$20,0)+IF(Input!$D$21=2,L8593*Input!$C$21,0)+IF(Input!$D$22=2,M8593*Input!$C$22,0)</f>
        <v>1.4217410528790368</v>
      </c>
      <c r="P8593" s="59">
        <f>IF(Input!$D$19=3,J8593*Input!$C$19,0)+IF(Input!$D$20=3,K8593*Input!$C$20,0)+IF(Input!$D$21=3,L8593*Input!$C$21,0)+IF(Input!$D$22=3,M8593*Input!$C$22,0)</f>
        <v>0</v>
      </c>
      <c r="Q8593" s="75">
        <f>IF(Input!$D$19=4,J8593*Input!$C$19,0)+IF(Input!$D$20=4,K8593*Input!$C$20,0)+IF(Input!$D$21=4,L8593*Input!$C$21,0)+IF(Input!$D$22=4,M8593*Input!$C$22,0)</f>
        <v>0</v>
      </c>
      <c r="R8593" s="58">
        <v>66.791048927349323</v>
      </c>
      <c r="S8593" s="124">
        <f t="shared" si="134"/>
        <v>2.4643511583236641</v>
      </c>
    </row>
    <row r="8594" spans="8:19" x14ac:dyDescent="0.3">
      <c r="H8594" s="44">
        <v>8587</v>
      </c>
      <c r="I8594" s="56">
        <f>Bühler!I8620</f>
        <v>0.56869642115161478</v>
      </c>
      <c r="J8594" s="59">
        <f>Bühler!J8620</f>
        <v>1.8956547371720494</v>
      </c>
      <c r="K8594" s="59">
        <f>Bühler!K8620</f>
        <v>2.8434821057580737</v>
      </c>
      <c r="L8594" s="59">
        <f>Bühler!L8620</f>
        <v>13.648714107638755</v>
      </c>
      <c r="M8594" s="58">
        <f>Bühler!M8620</f>
        <v>0</v>
      </c>
      <c r="N8594" s="56">
        <f>IF(Input!$D$19=1,J8594*Input!$C$19,0)+IF(Input!$D$20=1,K8594*Input!$C$20,0)+IF(Input!$D$21=1,L8594*Input!$C$21,0)+IF(Input!$D$22=1,M8594*Input!$C$22,0)</f>
        <v>0.56869642115161478</v>
      </c>
      <c r="O8594" s="59">
        <f>IF(Input!$D$19=2,J8594*Input!$C$19,0)+IF(Input!$D$20=2,K8594*Input!$C$20,0)+IF(Input!$D$21=2,L8594*Input!$C$21,0)+IF(Input!$D$22=2,M8594*Input!$C$22,0)</f>
        <v>1.4217410528790368</v>
      </c>
      <c r="P8594" s="59">
        <f>IF(Input!$D$19=3,J8594*Input!$C$19,0)+IF(Input!$D$20=3,K8594*Input!$C$20,0)+IF(Input!$D$21=3,L8594*Input!$C$21,0)+IF(Input!$D$22=3,M8594*Input!$C$22,0)</f>
        <v>0</v>
      </c>
      <c r="Q8594" s="75">
        <f>IF(Input!$D$19=4,J8594*Input!$C$19,0)+IF(Input!$D$20=4,K8594*Input!$C$20,0)+IF(Input!$D$21=4,L8594*Input!$C$21,0)+IF(Input!$D$22=4,M8594*Input!$C$22,0)</f>
        <v>0</v>
      </c>
      <c r="R8594" s="58">
        <v>65.116757438994469</v>
      </c>
      <c r="S8594" s="124">
        <f t="shared" si="134"/>
        <v>2.4643511583236641</v>
      </c>
    </row>
    <row r="8595" spans="8:19" x14ac:dyDescent="0.3">
      <c r="H8595" s="44">
        <v>8588</v>
      </c>
      <c r="I8595" s="56">
        <f>Bühler!I8621</f>
        <v>0.47628325271447725</v>
      </c>
      <c r="J8595" s="59">
        <f>Bühler!J8621</f>
        <v>1.5876108423815909</v>
      </c>
      <c r="K8595" s="59">
        <f>Bühler!K8621</f>
        <v>2.3814162635723863</v>
      </c>
      <c r="L8595" s="59">
        <f>Bühler!L8621</f>
        <v>11.430798065147455</v>
      </c>
      <c r="M8595" s="58">
        <f>Bühler!M8621</f>
        <v>0</v>
      </c>
      <c r="N8595" s="56">
        <f>IF(Input!$D$19=1,J8595*Input!$C$19,0)+IF(Input!$D$20=1,K8595*Input!$C$20,0)+IF(Input!$D$21=1,L8595*Input!$C$21,0)+IF(Input!$D$22=1,M8595*Input!$C$22,0)</f>
        <v>0.47628325271447725</v>
      </c>
      <c r="O8595" s="59">
        <f>IF(Input!$D$19=2,J8595*Input!$C$19,0)+IF(Input!$D$20=2,K8595*Input!$C$20,0)+IF(Input!$D$21=2,L8595*Input!$C$21,0)+IF(Input!$D$22=2,M8595*Input!$C$22,0)</f>
        <v>1.1907081317861932</v>
      </c>
      <c r="P8595" s="59">
        <f>IF(Input!$D$19=3,J8595*Input!$C$19,0)+IF(Input!$D$20=3,K8595*Input!$C$20,0)+IF(Input!$D$21=3,L8595*Input!$C$21,0)+IF(Input!$D$22=3,M8595*Input!$C$22,0)</f>
        <v>0</v>
      </c>
      <c r="Q8595" s="75">
        <f>IF(Input!$D$19=4,J8595*Input!$C$19,0)+IF(Input!$D$20=4,K8595*Input!$C$20,0)+IF(Input!$D$21=4,L8595*Input!$C$21,0)+IF(Input!$D$22=4,M8595*Input!$C$22,0)</f>
        <v>0</v>
      </c>
      <c r="R8595" s="58">
        <v>63.795863537120269</v>
      </c>
      <c r="S8595" s="124">
        <f t="shared" si="134"/>
        <v>2.0638940950960682</v>
      </c>
    </row>
    <row r="8596" spans="8:19" x14ac:dyDescent="0.3">
      <c r="H8596" s="44">
        <v>8589</v>
      </c>
      <c r="I8596" s="56">
        <f>Bühler!I8622</f>
        <v>0.39097878954173509</v>
      </c>
      <c r="J8596" s="59">
        <f>Bühler!J8622</f>
        <v>1.3032626318057838</v>
      </c>
      <c r="K8596" s="59">
        <f>Bühler!K8622</f>
        <v>1.9548939477086753</v>
      </c>
      <c r="L8596" s="59">
        <f>Bühler!L8622</f>
        <v>9.3834909490016418</v>
      </c>
      <c r="M8596" s="58">
        <f>Bühler!M8622</f>
        <v>0</v>
      </c>
      <c r="N8596" s="56">
        <f>IF(Input!$D$19=1,J8596*Input!$C$19,0)+IF(Input!$D$20=1,K8596*Input!$C$20,0)+IF(Input!$D$21=1,L8596*Input!$C$21,0)+IF(Input!$D$22=1,M8596*Input!$C$22,0)</f>
        <v>0.39097878954173515</v>
      </c>
      <c r="O8596" s="59">
        <f>IF(Input!$D$19=2,J8596*Input!$C$19,0)+IF(Input!$D$20=2,K8596*Input!$C$20,0)+IF(Input!$D$21=2,L8596*Input!$C$21,0)+IF(Input!$D$22=2,M8596*Input!$C$22,0)</f>
        <v>0.97744697385433765</v>
      </c>
      <c r="P8596" s="59">
        <f>IF(Input!$D$19=3,J8596*Input!$C$19,0)+IF(Input!$D$20=3,K8596*Input!$C$20,0)+IF(Input!$D$21=3,L8596*Input!$C$21,0)+IF(Input!$D$22=3,M8596*Input!$C$22,0)</f>
        <v>0</v>
      </c>
      <c r="Q8596" s="75">
        <f>IF(Input!$D$19=4,J8596*Input!$C$19,0)+IF(Input!$D$20=4,K8596*Input!$C$20,0)+IF(Input!$D$21=4,L8596*Input!$C$21,0)+IF(Input!$D$22=4,M8596*Input!$C$22,0)</f>
        <v>0</v>
      </c>
      <c r="R8596" s="58">
        <v>62.758405830187321</v>
      </c>
      <c r="S8596" s="124">
        <f t="shared" si="134"/>
        <v>1.694241421347519</v>
      </c>
    </row>
    <row r="8597" spans="8:19" x14ac:dyDescent="0.3">
      <c r="H8597" s="44">
        <v>8590</v>
      </c>
      <c r="I8597" s="56">
        <f>Bühler!I8623</f>
        <v>0.28434821057580739</v>
      </c>
      <c r="J8597" s="59">
        <f>Bühler!J8623</f>
        <v>0.94782736858602468</v>
      </c>
      <c r="K8597" s="59">
        <f>Bühler!K8623</f>
        <v>1.4217410528790368</v>
      </c>
      <c r="L8597" s="59">
        <f>Bühler!L8623</f>
        <v>6.8243570538193774</v>
      </c>
      <c r="M8597" s="58">
        <f>Bühler!M8623</f>
        <v>0</v>
      </c>
      <c r="N8597" s="56">
        <f>IF(Input!$D$19=1,J8597*Input!$C$19,0)+IF(Input!$D$20=1,K8597*Input!$C$20,0)+IF(Input!$D$21=1,L8597*Input!$C$21,0)+IF(Input!$D$22=1,M8597*Input!$C$22,0)</f>
        <v>0.28434821057580739</v>
      </c>
      <c r="O8597" s="59">
        <f>IF(Input!$D$19=2,J8597*Input!$C$19,0)+IF(Input!$D$20=2,K8597*Input!$C$20,0)+IF(Input!$D$21=2,L8597*Input!$C$21,0)+IF(Input!$D$22=2,M8597*Input!$C$22,0)</f>
        <v>0.71087052643951842</v>
      </c>
      <c r="P8597" s="59">
        <f>IF(Input!$D$19=3,J8597*Input!$C$19,0)+IF(Input!$D$20=3,K8597*Input!$C$20,0)+IF(Input!$D$21=3,L8597*Input!$C$21,0)+IF(Input!$D$22=3,M8597*Input!$C$22,0)</f>
        <v>0</v>
      </c>
      <c r="Q8597" s="75">
        <f>IF(Input!$D$19=4,J8597*Input!$C$19,0)+IF(Input!$D$20=4,K8597*Input!$C$20,0)+IF(Input!$D$21=4,L8597*Input!$C$21,0)+IF(Input!$D$22=4,M8597*Input!$C$22,0)</f>
        <v>0</v>
      </c>
      <c r="R8597" s="58">
        <v>60.828727228793184</v>
      </c>
      <c r="S8597" s="124">
        <f t="shared" si="134"/>
        <v>1.2321755791618321</v>
      </c>
    </row>
    <row r="8598" spans="8:19" x14ac:dyDescent="0.3">
      <c r="H8598" s="44">
        <v>8591</v>
      </c>
      <c r="I8598" s="56">
        <f>Bühler!I8624</f>
        <v>0.27013080004701695</v>
      </c>
      <c r="J8598" s="59">
        <f>Bühler!J8624</f>
        <v>0.9004360001567232</v>
      </c>
      <c r="K8598" s="59">
        <f>Bühler!K8624</f>
        <v>1.3506540002350846</v>
      </c>
      <c r="L8598" s="59">
        <f>Bühler!L8624</f>
        <v>6.4831392011284068</v>
      </c>
      <c r="M8598" s="58">
        <f>Bühler!M8624</f>
        <v>0</v>
      </c>
      <c r="N8598" s="56">
        <f>IF(Input!$D$19=1,J8598*Input!$C$19,0)+IF(Input!$D$20=1,K8598*Input!$C$20,0)+IF(Input!$D$21=1,L8598*Input!$C$21,0)+IF(Input!$D$22=1,M8598*Input!$C$22,0)</f>
        <v>0.27013080004701695</v>
      </c>
      <c r="O8598" s="59">
        <f>IF(Input!$D$19=2,J8598*Input!$C$19,0)+IF(Input!$D$20=2,K8598*Input!$C$20,0)+IF(Input!$D$21=2,L8598*Input!$C$21,0)+IF(Input!$D$22=2,M8598*Input!$C$22,0)</f>
        <v>0.67532700011754232</v>
      </c>
      <c r="P8598" s="59">
        <f>IF(Input!$D$19=3,J8598*Input!$C$19,0)+IF(Input!$D$20=3,K8598*Input!$C$20,0)+IF(Input!$D$21=3,L8598*Input!$C$21,0)+IF(Input!$D$22=3,M8598*Input!$C$22,0)</f>
        <v>0</v>
      </c>
      <c r="Q8598" s="75">
        <f>IF(Input!$D$19=4,J8598*Input!$C$19,0)+IF(Input!$D$20=4,K8598*Input!$C$20,0)+IF(Input!$D$21=4,L8598*Input!$C$21,0)+IF(Input!$D$22=4,M8598*Input!$C$22,0)</f>
        <v>0</v>
      </c>
      <c r="R8598" s="58">
        <v>60.645608769754396</v>
      </c>
      <c r="S8598" s="124">
        <f t="shared" si="134"/>
        <v>1.1705668002037402</v>
      </c>
    </row>
    <row r="8599" spans="8:19" x14ac:dyDescent="0.3">
      <c r="H8599" s="44">
        <v>8592</v>
      </c>
      <c r="I8599" s="56">
        <f>Bühler!I8625</f>
        <v>0.27013080004701695</v>
      </c>
      <c r="J8599" s="59">
        <f>Bühler!J8625</f>
        <v>0.9004360001567232</v>
      </c>
      <c r="K8599" s="59">
        <f>Bühler!K8625</f>
        <v>1.3506540002350846</v>
      </c>
      <c r="L8599" s="59">
        <f>Bühler!L8625</f>
        <v>6.4831392011284068</v>
      </c>
      <c r="M8599" s="58">
        <f>Bühler!M8625</f>
        <v>0</v>
      </c>
      <c r="N8599" s="56">
        <f>IF(Input!$D$19=1,J8599*Input!$C$19,0)+IF(Input!$D$20=1,K8599*Input!$C$20,0)+IF(Input!$D$21=1,L8599*Input!$C$21,0)+IF(Input!$D$22=1,M8599*Input!$C$22,0)</f>
        <v>0.27013080004701695</v>
      </c>
      <c r="O8599" s="59">
        <f>IF(Input!$D$19=2,J8599*Input!$C$19,0)+IF(Input!$D$20=2,K8599*Input!$C$20,0)+IF(Input!$D$21=2,L8599*Input!$C$21,0)+IF(Input!$D$22=2,M8599*Input!$C$22,0)</f>
        <v>0.67532700011754232</v>
      </c>
      <c r="P8599" s="59">
        <f>IF(Input!$D$19=3,J8599*Input!$C$19,0)+IF(Input!$D$20=3,K8599*Input!$C$20,0)+IF(Input!$D$21=3,L8599*Input!$C$21,0)+IF(Input!$D$22=3,M8599*Input!$C$22,0)</f>
        <v>0</v>
      </c>
      <c r="Q8599" s="75">
        <f>IF(Input!$D$19=4,J8599*Input!$C$19,0)+IF(Input!$D$20=4,K8599*Input!$C$20,0)+IF(Input!$D$21=4,L8599*Input!$C$21,0)+IF(Input!$D$22=4,M8599*Input!$C$22,0)</f>
        <v>0</v>
      </c>
      <c r="R8599" s="58">
        <v>59.865839005014692</v>
      </c>
      <c r="S8599" s="124">
        <f t="shared" si="134"/>
        <v>1.1705668002037402</v>
      </c>
    </row>
    <row r="8600" spans="8:19" x14ac:dyDescent="0.3">
      <c r="H8600" s="44">
        <v>8593</v>
      </c>
      <c r="I8600" s="56">
        <f>Bühler!I8626</f>
        <v>0.24071655111589776</v>
      </c>
      <c r="J8600" s="59">
        <f>Bühler!J8626</f>
        <v>0.80238850371965931</v>
      </c>
      <c r="K8600" s="59">
        <f>Bühler!K8626</f>
        <v>1.2035827555794889</v>
      </c>
      <c r="L8600" s="59">
        <f>Bühler!L8626</f>
        <v>5.7771972267815466</v>
      </c>
      <c r="M8600" s="58">
        <f>Bühler!M8626</f>
        <v>0</v>
      </c>
      <c r="N8600" s="56">
        <f>IF(Input!$D$19=1,J8600*Input!$C$19,0)+IF(Input!$D$20=1,K8600*Input!$C$20,0)+IF(Input!$D$21=1,L8600*Input!$C$21,0)+IF(Input!$D$22=1,M8600*Input!$C$22,0)</f>
        <v>0.24071655111589779</v>
      </c>
      <c r="O8600" s="59">
        <f>IF(Input!$D$19=2,J8600*Input!$C$19,0)+IF(Input!$D$20=2,K8600*Input!$C$20,0)+IF(Input!$D$21=2,L8600*Input!$C$21,0)+IF(Input!$D$22=2,M8600*Input!$C$22,0)</f>
        <v>0.60179137778974445</v>
      </c>
      <c r="P8600" s="59">
        <f>IF(Input!$D$19=3,J8600*Input!$C$19,0)+IF(Input!$D$20=3,K8600*Input!$C$20,0)+IF(Input!$D$21=3,L8600*Input!$C$21,0)+IF(Input!$D$22=3,M8600*Input!$C$22,0)</f>
        <v>0</v>
      </c>
      <c r="Q8600" s="75">
        <f>IF(Input!$D$19=4,J8600*Input!$C$19,0)+IF(Input!$D$20=4,K8600*Input!$C$20,0)+IF(Input!$D$21=4,L8600*Input!$C$21,0)+IF(Input!$D$22=4,M8600*Input!$C$22,0)</f>
        <v>0</v>
      </c>
      <c r="R8600" s="58">
        <v>59.044830976472056</v>
      </c>
      <c r="S8600" s="124">
        <f t="shared" si="134"/>
        <v>1.0431050548355572</v>
      </c>
    </row>
    <row r="8601" spans="8:19" x14ac:dyDescent="0.3">
      <c r="H8601" s="44">
        <v>8594</v>
      </c>
      <c r="I8601" s="56">
        <f>Bühler!I8627</f>
        <v>0.24071655111589776</v>
      </c>
      <c r="J8601" s="59">
        <f>Bühler!J8627</f>
        <v>0.80238850371965931</v>
      </c>
      <c r="K8601" s="59">
        <f>Bühler!K8627</f>
        <v>1.2035827555794889</v>
      </c>
      <c r="L8601" s="59">
        <f>Bühler!L8627</f>
        <v>5.7771972267815466</v>
      </c>
      <c r="M8601" s="58">
        <f>Bühler!M8627</f>
        <v>0</v>
      </c>
      <c r="N8601" s="56">
        <f>IF(Input!$D$19=1,J8601*Input!$C$19,0)+IF(Input!$D$20=1,K8601*Input!$C$20,0)+IF(Input!$D$21=1,L8601*Input!$C$21,0)+IF(Input!$D$22=1,M8601*Input!$C$22,0)</f>
        <v>0.24071655111589779</v>
      </c>
      <c r="O8601" s="59">
        <f>IF(Input!$D$19=2,J8601*Input!$C$19,0)+IF(Input!$D$20=2,K8601*Input!$C$20,0)+IF(Input!$D$21=2,L8601*Input!$C$21,0)+IF(Input!$D$22=2,M8601*Input!$C$22,0)</f>
        <v>0.60179137778974445</v>
      </c>
      <c r="P8601" s="59">
        <f>IF(Input!$D$19=3,J8601*Input!$C$19,0)+IF(Input!$D$20=3,K8601*Input!$C$20,0)+IF(Input!$D$21=3,L8601*Input!$C$21,0)+IF(Input!$D$22=3,M8601*Input!$C$22,0)</f>
        <v>0</v>
      </c>
      <c r="Q8601" s="75">
        <f>IF(Input!$D$19=4,J8601*Input!$C$19,0)+IF(Input!$D$20=4,K8601*Input!$C$20,0)+IF(Input!$D$21=4,L8601*Input!$C$21,0)+IF(Input!$D$22=4,M8601*Input!$C$22,0)</f>
        <v>0</v>
      </c>
      <c r="R8601" s="58">
        <v>58.962981755155049</v>
      </c>
      <c r="S8601" s="124">
        <f t="shared" si="134"/>
        <v>1.0431050548355572</v>
      </c>
    </row>
    <row r="8602" spans="8:19" x14ac:dyDescent="0.3">
      <c r="H8602" s="44">
        <v>8595</v>
      </c>
      <c r="I8602" s="56">
        <f>Bühler!I8628</f>
        <v>0.24071655111589776</v>
      </c>
      <c r="J8602" s="59">
        <f>Bühler!J8628</f>
        <v>0.80238850371965931</v>
      </c>
      <c r="K8602" s="59">
        <f>Bühler!K8628</f>
        <v>1.2035827555794889</v>
      </c>
      <c r="L8602" s="59">
        <f>Bühler!L8628</f>
        <v>5.7771972267815466</v>
      </c>
      <c r="M8602" s="58">
        <f>Bühler!M8628</f>
        <v>0</v>
      </c>
      <c r="N8602" s="56">
        <f>IF(Input!$D$19=1,J8602*Input!$C$19,0)+IF(Input!$D$20=1,K8602*Input!$C$20,0)+IF(Input!$D$21=1,L8602*Input!$C$21,0)+IF(Input!$D$22=1,M8602*Input!$C$22,0)</f>
        <v>0.24071655111589779</v>
      </c>
      <c r="O8602" s="59">
        <f>IF(Input!$D$19=2,J8602*Input!$C$19,0)+IF(Input!$D$20=2,K8602*Input!$C$20,0)+IF(Input!$D$21=2,L8602*Input!$C$21,0)+IF(Input!$D$22=2,M8602*Input!$C$22,0)</f>
        <v>0.60179137778974445</v>
      </c>
      <c r="P8602" s="59">
        <f>IF(Input!$D$19=3,J8602*Input!$C$19,0)+IF(Input!$D$20=3,K8602*Input!$C$20,0)+IF(Input!$D$21=3,L8602*Input!$C$21,0)+IF(Input!$D$22=3,M8602*Input!$C$22,0)</f>
        <v>0</v>
      </c>
      <c r="Q8602" s="75">
        <f>IF(Input!$D$19=4,J8602*Input!$C$19,0)+IF(Input!$D$20=4,K8602*Input!$C$20,0)+IF(Input!$D$21=4,L8602*Input!$C$21,0)+IF(Input!$D$22=4,M8602*Input!$C$22,0)</f>
        <v>0</v>
      </c>
      <c r="R8602" s="58">
        <v>59.642735423720154</v>
      </c>
      <c r="S8602" s="124">
        <f t="shared" si="134"/>
        <v>1.0431050548355572</v>
      </c>
    </row>
    <row r="8603" spans="8:19" x14ac:dyDescent="0.3">
      <c r="H8603" s="44">
        <v>8596</v>
      </c>
      <c r="I8603" s="56">
        <f>Bühler!I8629</f>
        <v>0.24071655111589776</v>
      </c>
      <c r="J8603" s="59">
        <f>Bühler!J8629</f>
        <v>0.80238850371965931</v>
      </c>
      <c r="K8603" s="59">
        <f>Bühler!K8629</f>
        <v>1.2035827555794889</v>
      </c>
      <c r="L8603" s="59">
        <f>Bühler!L8629</f>
        <v>5.7771972267815466</v>
      </c>
      <c r="M8603" s="58">
        <f>Bühler!M8629</f>
        <v>0</v>
      </c>
      <c r="N8603" s="56">
        <f>IF(Input!$D$19=1,J8603*Input!$C$19,0)+IF(Input!$D$20=1,K8603*Input!$C$20,0)+IF(Input!$D$21=1,L8603*Input!$C$21,0)+IF(Input!$D$22=1,M8603*Input!$C$22,0)</f>
        <v>0.24071655111589779</v>
      </c>
      <c r="O8603" s="59">
        <f>IF(Input!$D$19=2,J8603*Input!$C$19,0)+IF(Input!$D$20=2,K8603*Input!$C$20,0)+IF(Input!$D$21=2,L8603*Input!$C$21,0)+IF(Input!$D$22=2,M8603*Input!$C$22,0)</f>
        <v>0.60179137778974445</v>
      </c>
      <c r="P8603" s="59">
        <f>IF(Input!$D$19=3,J8603*Input!$C$19,0)+IF(Input!$D$20=3,K8603*Input!$C$20,0)+IF(Input!$D$21=3,L8603*Input!$C$21,0)+IF(Input!$D$22=3,M8603*Input!$C$22,0)</f>
        <v>0</v>
      </c>
      <c r="Q8603" s="75">
        <f>IF(Input!$D$19=4,J8603*Input!$C$19,0)+IF(Input!$D$20=4,K8603*Input!$C$20,0)+IF(Input!$D$21=4,L8603*Input!$C$21,0)+IF(Input!$D$22=4,M8603*Input!$C$22,0)</f>
        <v>0</v>
      </c>
      <c r="R8603" s="58">
        <v>60.516093802760089</v>
      </c>
      <c r="S8603" s="124">
        <f t="shared" si="134"/>
        <v>1.0431050548355572</v>
      </c>
    </row>
    <row r="8604" spans="8:19" x14ac:dyDescent="0.3">
      <c r="H8604" s="44">
        <v>8597</v>
      </c>
      <c r="I8604" s="56">
        <f>Bühler!I8630</f>
        <v>0.24071655111589776</v>
      </c>
      <c r="J8604" s="59">
        <f>Bühler!J8630</f>
        <v>0.80238850371965931</v>
      </c>
      <c r="K8604" s="59">
        <f>Bühler!K8630</f>
        <v>1.2035827555794889</v>
      </c>
      <c r="L8604" s="59">
        <f>Bühler!L8630</f>
        <v>5.7771972267815466</v>
      </c>
      <c r="M8604" s="58">
        <f>Bühler!M8630</f>
        <v>0</v>
      </c>
      <c r="N8604" s="56">
        <f>IF(Input!$D$19=1,J8604*Input!$C$19,0)+IF(Input!$D$20=1,K8604*Input!$C$20,0)+IF(Input!$D$21=1,L8604*Input!$C$21,0)+IF(Input!$D$22=1,M8604*Input!$C$22,0)</f>
        <v>0.24071655111589779</v>
      </c>
      <c r="O8604" s="59">
        <f>IF(Input!$D$19=2,J8604*Input!$C$19,0)+IF(Input!$D$20=2,K8604*Input!$C$20,0)+IF(Input!$D$21=2,L8604*Input!$C$21,0)+IF(Input!$D$22=2,M8604*Input!$C$22,0)</f>
        <v>0.60179137778974445</v>
      </c>
      <c r="P8604" s="59">
        <f>IF(Input!$D$19=3,J8604*Input!$C$19,0)+IF(Input!$D$20=3,K8604*Input!$C$20,0)+IF(Input!$D$21=3,L8604*Input!$C$21,0)+IF(Input!$D$22=3,M8604*Input!$C$22,0)</f>
        <v>0</v>
      </c>
      <c r="Q8604" s="75">
        <f>IF(Input!$D$19=4,J8604*Input!$C$19,0)+IF(Input!$D$20=4,K8604*Input!$C$20,0)+IF(Input!$D$21=4,L8604*Input!$C$21,0)+IF(Input!$D$22=4,M8604*Input!$C$22,0)</f>
        <v>0</v>
      </c>
      <c r="R8604" s="58">
        <v>61.936425607328275</v>
      </c>
      <c r="S8604" s="124">
        <f t="shared" si="134"/>
        <v>1.0431050548355572</v>
      </c>
    </row>
    <row r="8605" spans="8:19" x14ac:dyDescent="0.3">
      <c r="H8605" s="44">
        <v>8598</v>
      </c>
      <c r="I8605" s="56">
        <f>Bühler!I8631</f>
        <v>0.31293151645066708</v>
      </c>
      <c r="J8605" s="59">
        <f>Bühler!J8631</f>
        <v>1.0431050548355569</v>
      </c>
      <c r="K8605" s="59">
        <f>Bühler!K8631</f>
        <v>1.5646575822533355</v>
      </c>
      <c r="L8605" s="59">
        <f>Bühler!L8631</f>
        <v>7.5103563948160099</v>
      </c>
      <c r="M8605" s="58">
        <f>Bühler!M8631</f>
        <v>0</v>
      </c>
      <c r="N8605" s="56">
        <f>IF(Input!$D$19=1,J8605*Input!$C$19,0)+IF(Input!$D$20=1,K8605*Input!$C$20,0)+IF(Input!$D$21=1,L8605*Input!$C$21,0)+IF(Input!$D$22=1,M8605*Input!$C$22,0)</f>
        <v>0.31293151645066708</v>
      </c>
      <c r="O8605" s="59">
        <f>IF(Input!$D$19=2,J8605*Input!$C$19,0)+IF(Input!$D$20=2,K8605*Input!$C$20,0)+IF(Input!$D$21=2,L8605*Input!$C$21,0)+IF(Input!$D$22=2,M8605*Input!$C$22,0)</f>
        <v>0.78232879112666776</v>
      </c>
      <c r="P8605" s="59">
        <f>IF(Input!$D$19=3,J8605*Input!$C$19,0)+IF(Input!$D$20=3,K8605*Input!$C$20,0)+IF(Input!$D$21=3,L8605*Input!$C$21,0)+IF(Input!$D$22=3,M8605*Input!$C$22,0)</f>
        <v>0</v>
      </c>
      <c r="Q8605" s="75">
        <f>IF(Input!$D$19=4,J8605*Input!$C$19,0)+IF(Input!$D$20=4,K8605*Input!$C$20,0)+IF(Input!$D$21=4,L8605*Input!$C$21,0)+IF(Input!$D$22=4,M8605*Input!$C$22,0)</f>
        <v>0</v>
      </c>
      <c r="R8605" s="58">
        <v>65.039395155212333</v>
      </c>
      <c r="S8605" s="124">
        <f t="shared" si="134"/>
        <v>1.3560365712862241</v>
      </c>
    </row>
    <row r="8606" spans="8:19" x14ac:dyDescent="0.3">
      <c r="H8606" s="44">
        <v>8599</v>
      </c>
      <c r="I8606" s="56">
        <f>Bühler!I8632</f>
        <v>0.3490389991180517</v>
      </c>
      <c r="J8606" s="59">
        <f>Bühler!J8632</f>
        <v>1.1634633303935058</v>
      </c>
      <c r="K8606" s="59">
        <f>Bühler!K8632</f>
        <v>1.7451949955902586</v>
      </c>
      <c r="L8606" s="59">
        <f>Bühler!L8632</f>
        <v>8.3769359788332416</v>
      </c>
      <c r="M8606" s="58">
        <f>Bühler!M8632</f>
        <v>0</v>
      </c>
      <c r="N8606" s="56">
        <f>IF(Input!$D$19=1,J8606*Input!$C$19,0)+IF(Input!$D$20=1,K8606*Input!$C$20,0)+IF(Input!$D$21=1,L8606*Input!$C$21,0)+IF(Input!$D$22=1,M8606*Input!$C$22,0)</f>
        <v>0.34903899911805175</v>
      </c>
      <c r="O8606" s="59">
        <f>IF(Input!$D$19=2,J8606*Input!$C$19,0)+IF(Input!$D$20=2,K8606*Input!$C$20,0)+IF(Input!$D$21=2,L8606*Input!$C$21,0)+IF(Input!$D$22=2,M8606*Input!$C$22,0)</f>
        <v>0.8725974977951293</v>
      </c>
      <c r="P8606" s="59">
        <f>IF(Input!$D$19=3,J8606*Input!$C$19,0)+IF(Input!$D$20=3,K8606*Input!$C$20,0)+IF(Input!$D$21=3,L8606*Input!$C$21,0)+IF(Input!$D$22=3,M8606*Input!$C$22,0)</f>
        <v>0</v>
      </c>
      <c r="Q8606" s="75">
        <f>IF(Input!$D$19=4,J8606*Input!$C$19,0)+IF(Input!$D$20=4,K8606*Input!$C$20,0)+IF(Input!$D$21=4,L8606*Input!$C$21,0)+IF(Input!$D$22=4,M8606*Input!$C$22,0)</f>
        <v>0</v>
      </c>
      <c r="R8606" s="58">
        <v>68.256108692191262</v>
      </c>
      <c r="S8606" s="124">
        <f t="shared" si="134"/>
        <v>1.5125023295115576</v>
      </c>
    </row>
    <row r="8607" spans="8:19" x14ac:dyDescent="0.3">
      <c r="H8607" s="44">
        <v>8600</v>
      </c>
      <c r="I8607" s="56">
        <f>Bühler!I8633</f>
        <v>0.36107482667384672</v>
      </c>
      <c r="J8607" s="59">
        <f>Bühler!J8633</f>
        <v>1.2035827555794891</v>
      </c>
      <c r="K8607" s="59">
        <f>Bühler!K8633</f>
        <v>1.8053741333692335</v>
      </c>
      <c r="L8607" s="59">
        <f>Bühler!L8633</f>
        <v>8.6657958401723203</v>
      </c>
      <c r="M8607" s="58">
        <f>Bühler!M8633</f>
        <v>0</v>
      </c>
      <c r="N8607" s="56">
        <f>IF(Input!$D$19=1,J8607*Input!$C$19,0)+IF(Input!$D$20=1,K8607*Input!$C$20,0)+IF(Input!$D$21=1,L8607*Input!$C$21,0)+IF(Input!$D$22=1,M8607*Input!$C$22,0)</f>
        <v>0.36107482667384672</v>
      </c>
      <c r="O8607" s="59">
        <f>IF(Input!$D$19=2,J8607*Input!$C$19,0)+IF(Input!$D$20=2,K8607*Input!$C$20,0)+IF(Input!$D$21=2,L8607*Input!$C$21,0)+IF(Input!$D$22=2,M8607*Input!$C$22,0)</f>
        <v>0.90268706668461673</v>
      </c>
      <c r="P8607" s="59">
        <f>IF(Input!$D$19=3,J8607*Input!$C$19,0)+IF(Input!$D$20=3,K8607*Input!$C$20,0)+IF(Input!$D$21=3,L8607*Input!$C$21,0)+IF(Input!$D$22=3,M8607*Input!$C$22,0)</f>
        <v>0</v>
      </c>
      <c r="Q8607" s="75">
        <f>IF(Input!$D$19=4,J8607*Input!$C$19,0)+IF(Input!$D$20=4,K8607*Input!$C$20,0)+IF(Input!$D$21=4,L8607*Input!$C$21,0)+IF(Input!$D$22=4,M8607*Input!$C$22,0)</f>
        <v>0</v>
      </c>
      <c r="R8607" s="58">
        <v>69.675527124053303</v>
      </c>
      <c r="S8607" s="124">
        <f t="shared" si="134"/>
        <v>1.5646575822533357</v>
      </c>
    </row>
    <row r="8608" spans="8:19" x14ac:dyDescent="0.3">
      <c r="H8608" s="44">
        <v>8601</v>
      </c>
      <c r="I8608" s="56">
        <f>Bühler!I8634</f>
        <v>0.36107482667384672</v>
      </c>
      <c r="J8608" s="59">
        <f>Bühler!J8634</f>
        <v>1.2035827555794891</v>
      </c>
      <c r="K8608" s="59">
        <f>Bühler!K8634</f>
        <v>1.8053741333692335</v>
      </c>
      <c r="L8608" s="59">
        <f>Bühler!L8634</f>
        <v>8.6657958401723203</v>
      </c>
      <c r="M8608" s="58">
        <f>Bühler!M8634</f>
        <v>0</v>
      </c>
      <c r="N8608" s="56">
        <f>IF(Input!$D$19=1,J8608*Input!$C$19,0)+IF(Input!$D$20=1,K8608*Input!$C$20,0)+IF(Input!$D$21=1,L8608*Input!$C$21,0)+IF(Input!$D$22=1,M8608*Input!$C$22,0)</f>
        <v>0.36107482667384672</v>
      </c>
      <c r="O8608" s="59">
        <f>IF(Input!$D$19=2,J8608*Input!$C$19,0)+IF(Input!$D$20=2,K8608*Input!$C$20,0)+IF(Input!$D$21=2,L8608*Input!$C$21,0)+IF(Input!$D$22=2,M8608*Input!$C$22,0)</f>
        <v>0.90268706668461673</v>
      </c>
      <c r="P8608" s="59">
        <f>IF(Input!$D$19=3,J8608*Input!$C$19,0)+IF(Input!$D$20=3,K8608*Input!$C$20,0)+IF(Input!$D$21=3,L8608*Input!$C$21,0)+IF(Input!$D$22=3,M8608*Input!$C$22,0)</f>
        <v>0</v>
      </c>
      <c r="Q8608" s="75">
        <f>IF(Input!$D$19=4,J8608*Input!$C$19,0)+IF(Input!$D$20=4,K8608*Input!$C$20,0)+IF(Input!$D$21=4,L8608*Input!$C$21,0)+IF(Input!$D$22=4,M8608*Input!$C$22,0)</f>
        <v>0</v>
      </c>
      <c r="R8608" s="58">
        <v>70.281514119510234</v>
      </c>
      <c r="S8608" s="124">
        <f t="shared" si="134"/>
        <v>1.5646575822533357</v>
      </c>
    </row>
    <row r="8609" spans="8:19" x14ac:dyDescent="0.3">
      <c r="H8609" s="44">
        <v>8602</v>
      </c>
      <c r="I8609" s="56">
        <f>Bühler!I8635</f>
        <v>0.39116439556333388</v>
      </c>
      <c r="J8609" s="59">
        <f>Bühler!J8635</f>
        <v>1.3038813185444464</v>
      </c>
      <c r="K8609" s="59">
        <f>Bühler!K8635</f>
        <v>1.9558219778166692</v>
      </c>
      <c r="L8609" s="59">
        <f>Bühler!L8635</f>
        <v>9.3879454935200126</v>
      </c>
      <c r="M8609" s="58">
        <f>Bühler!M8635</f>
        <v>0</v>
      </c>
      <c r="N8609" s="56">
        <f>IF(Input!$D$19=1,J8609*Input!$C$19,0)+IF(Input!$D$20=1,K8609*Input!$C$20,0)+IF(Input!$D$21=1,L8609*Input!$C$21,0)+IF(Input!$D$22=1,M8609*Input!$C$22,0)</f>
        <v>0.39116439556333393</v>
      </c>
      <c r="O8609" s="59">
        <f>IF(Input!$D$19=2,J8609*Input!$C$19,0)+IF(Input!$D$20=2,K8609*Input!$C$20,0)+IF(Input!$D$21=2,L8609*Input!$C$21,0)+IF(Input!$D$22=2,M8609*Input!$C$22,0)</f>
        <v>0.97791098890833461</v>
      </c>
      <c r="P8609" s="59">
        <f>IF(Input!$D$19=3,J8609*Input!$C$19,0)+IF(Input!$D$20=3,K8609*Input!$C$20,0)+IF(Input!$D$21=3,L8609*Input!$C$21,0)+IF(Input!$D$22=3,M8609*Input!$C$22,0)</f>
        <v>0</v>
      </c>
      <c r="Q8609" s="75">
        <f>IF(Input!$D$19=4,J8609*Input!$C$19,0)+IF(Input!$D$20=4,K8609*Input!$C$20,0)+IF(Input!$D$21=4,L8609*Input!$C$21,0)+IF(Input!$D$22=4,M8609*Input!$C$22,0)</f>
        <v>0</v>
      </c>
      <c r="R8609" s="58">
        <v>69.620219040977517</v>
      </c>
      <c r="S8609" s="124">
        <f t="shared" si="134"/>
        <v>1.6950457141077804</v>
      </c>
    </row>
    <row r="8610" spans="8:19" x14ac:dyDescent="0.3">
      <c r="H8610" s="44">
        <v>8603</v>
      </c>
      <c r="I8610" s="56">
        <f>Bühler!I8636</f>
        <v>0.40921813689702619</v>
      </c>
      <c r="J8610" s="59">
        <f>Bühler!J8636</f>
        <v>1.3640604563234209</v>
      </c>
      <c r="K8610" s="59">
        <f>Bühler!K8636</f>
        <v>2.0460906844851312</v>
      </c>
      <c r="L8610" s="59">
        <f>Bühler!L8636</f>
        <v>9.8212352855286298</v>
      </c>
      <c r="M8610" s="58">
        <f>Bühler!M8636</f>
        <v>0</v>
      </c>
      <c r="N8610" s="56">
        <f>IF(Input!$D$19=1,J8610*Input!$C$19,0)+IF(Input!$D$20=1,K8610*Input!$C$20,0)+IF(Input!$D$21=1,L8610*Input!$C$21,0)+IF(Input!$D$22=1,M8610*Input!$C$22,0)</f>
        <v>0.40921813689702624</v>
      </c>
      <c r="O8610" s="59">
        <f>IF(Input!$D$19=2,J8610*Input!$C$19,0)+IF(Input!$D$20=2,K8610*Input!$C$20,0)+IF(Input!$D$21=2,L8610*Input!$C$21,0)+IF(Input!$D$22=2,M8610*Input!$C$22,0)</f>
        <v>1.0230453422425656</v>
      </c>
      <c r="P8610" s="59">
        <f>IF(Input!$D$19=3,J8610*Input!$C$19,0)+IF(Input!$D$20=3,K8610*Input!$C$20,0)+IF(Input!$D$21=3,L8610*Input!$C$21,0)+IF(Input!$D$22=3,M8610*Input!$C$22,0)</f>
        <v>0</v>
      </c>
      <c r="Q8610" s="75">
        <f>IF(Input!$D$19=4,J8610*Input!$C$19,0)+IF(Input!$D$20=4,K8610*Input!$C$20,0)+IF(Input!$D$21=4,L8610*Input!$C$21,0)+IF(Input!$D$22=4,M8610*Input!$C$22,0)</f>
        <v>0</v>
      </c>
      <c r="R8610" s="58">
        <v>70.994665674533621</v>
      </c>
      <c r="S8610" s="124">
        <f t="shared" si="134"/>
        <v>1.7732785932204471</v>
      </c>
    </row>
    <row r="8611" spans="8:19" x14ac:dyDescent="0.3">
      <c r="H8611" s="44">
        <v>8604</v>
      </c>
      <c r="I8611" s="56">
        <f>Bühler!I8637</f>
        <v>0.48143310223179553</v>
      </c>
      <c r="J8611" s="59">
        <f>Bühler!J8637</f>
        <v>1.6047770074393186</v>
      </c>
      <c r="K8611" s="59">
        <f>Bühler!K8637</f>
        <v>2.4071655111589778</v>
      </c>
      <c r="L8611" s="59">
        <f>Bühler!L8637</f>
        <v>11.554394453563093</v>
      </c>
      <c r="M8611" s="58">
        <f>Bühler!M8637</f>
        <v>0</v>
      </c>
      <c r="N8611" s="56">
        <f>IF(Input!$D$19=1,J8611*Input!$C$19,0)+IF(Input!$D$20=1,K8611*Input!$C$20,0)+IF(Input!$D$21=1,L8611*Input!$C$21,0)+IF(Input!$D$22=1,M8611*Input!$C$22,0)</f>
        <v>0.48143310223179558</v>
      </c>
      <c r="O8611" s="59">
        <f>IF(Input!$D$19=2,J8611*Input!$C$19,0)+IF(Input!$D$20=2,K8611*Input!$C$20,0)+IF(Input!$D$21=2,L8611*Input!$C$21,0)+IF(Input!$D$22=2,M8611*Input!$C$22,0)</f>
        <v>1.2035827555794889</v>
      </c>
      <c r="P8611" s="59">
        <f>IF(Input!$D$19=3,J8611*Input!$C$19,0)+IF(Input!$D$20=3,K8611*Input!$C$20,0)+IF(Input!$D$21=3,L8611*Input!$C$21,0)+IF(Input!$D$22=3,M8611*Input!$C$22,0)</f>
        <v>0</v>
      </c>
      <c r="Q8611" s="75">
        <f>IF(Input!$D$19=4,J8611*Input!$C$19,0)+IF(Input!$D$20=4,K8611*Input!$C$20,0)+IF(Input!$D$21=4,L8611*Input!$C$21,0)+IF(Input!$D$22=4,M8611*Input!$C$22,0)</f>
        <v>0</v>
      </c>
      <c r="R8611" s="58">
        <v>71.173056260839061</v>
      </c>
      <c r="S8611" s="124">
        <f t="shared" si="134"/>
        <v>2.0862101096711143</v>
      </c>
    </row>
    <row r="8612" spans="8:19" x14ac:dyDescent="0.3">
      <c r="H8612" s="44">
        <v>8605</v>
      </c>
      <c r="I8612" s="56">
        <f>Bühler!I8638</f>
        <v>0.48143310223179553</v>
      </c>
      <c r="J8612" s="59">
        <f>Bühler!J8638</f>
        <v>1.6047770074393186</v>
      </c>
      <c r="K8612" s="59">
        <f>Bühler!K8638</f>
        <v>2.4071655111589778</v>
      </c>
      <c r="L8612" s="59">
        <f>Bühler!L8638</f>
        <v>11.554394453563093</v>
      </c>
      <c r="M8612" s="58">
        <f>Bühler!M8638</f>
        <v>0</v>
      </c>
      <c r="N8612" s="56">
        <f>IF(Input!$D$19=1,J8612*Input!$C$19,0)+IF(Input!$D$20=1,K8612*Input!$C$20,0)+IF(Input!$D$21=1,L8612*Input!$C$21,0)+IF(Input!$D$22=1,M8612*Input!$C$22,0)</f>
        <v>0.48143310223179558</v>
      </c>
      <c r="O8612" s="59">
        <f>IF(Input!$D$19=2,J8612*Input!$C$19,0)+IF(Input!$D$20=2,K8612*Input!$C$20,0)+IF(Input!$D$21=2,L8612*Input!$C$21,0)+IF(Input!$D$22=2,M8612*Input!$C$22,0)</f>
        <v>1.2035827555794889</v>
      </c>
      <c r="P8612" s="59">
        <f>IF(Input!$D$19=3,J8612*Input!$C$19,0)+IF(Input!$D$20=3,K8612*Input!$C$20,0)+IF(Input!$D$21=3,L8612*Input!$C$21,0)+IF(Input!$D$22=3,M8612*Input!$C$22,0)</f>
        <v>0</v>
      </c>
      <c r="Q8612" s="75">
        <f>IF(Input!$D$19=4,J8612*Input!$C$19,0)+IF(Input!$D$20=4,K8612*Input!$C$20,0)+IF(Input!$D$21=4,L8612*Input!$C$21,0)+IF(Input!$D$22=4,M8612*Input!$C$22,0)</f>
        <v>0</v>
      </c>
      <c r="R8612" s="58">
        <v>69.94043388412851</v>
      </c>
      <c r="S8612" s="124">
        <f t="shared" si="134"/>
        <v>2.0862101096711143</v>
      </c>
    </row>
    <row r="8613" spans="8:19" x14ac:dyDescent="0.3">
      <c r="H8613" s="44">
        <v>8606</v>
      </c>
      <c r="I8613" s="56">
        <f>Bühler!I8639</f>
        <v>0.48143310223179553</v>
      </c>
      <c r="J8613" s="59">
        <f>Bühler!J8639</f>
        <v>1.6047770074393186</v>
      </c>
      <c r="K8613" s="59">
        <f>Bühler!K8639</f>
        <v>2.4071655111589778</v>
      </c>
      <c r="L8613" s="59">
        <f>Bühler!L8639</f>
        <v>11.554394453563093</v>
      </c>
      <c r="M8613" s="58">
        <f>Bühler!M8639</f>
        <v>0</v>
      </c>
      <c r="N8613" s="56">
        <f>IF(Input!$D$19=1,J8613*Input!$C$19,0)+IF(Input!$D$20=1,K8613*Input!$C$20,0)+IF(Input!$D$21=1,L8613*Input!$C$21,0)+IF(Input!$D$22=1,M8613*Input!$C$22,0)</f>
        <v>0.48143310223179558</v>
      </c>
      <c r="O8613" s="59">
        <f>IF(Input!$D$19=2,J8613*Input!$C$19,0)+IF(Input!$D$20=2,K8613*Input!$C$20,0)+IF(Input!$D$21=2,L8613*Input!$C$21,0)+IF(Input!$D$22=2,M8613*Input!$C$22,0)</f>
        <v>1.2035827555794889</v>
      </c>
      <c r="P8613" s="59">
        <f>IF(Input!$D$19=3,J8613*Input!$C$19,0)+IF(Input!$D$20=3,K8613*Input!$C$20,0)+IF(Input!$D$21=3,L8613*Input!$C$21,0)+IF(Input!$D$22=3,M8613*Input!$C$22,0)</f>
        <v>0</v>
      </c>
      <c r="Q8613" s="75">
        <f>IF(Input!$D$19=4,J8613*Input!$C$19,0)+IF(Input!$D$20=4,K8613*Input!$C$20,0)+IF(Input!$D$21=4,L8613*Input!$C$21,0)+IF(Input!$D$22=4,M8613*Input!$C$22,0)</f>
        <v>0</v>
      </c>
      <c r="R8613" s="58">
        <v>69.855218199477477</v>
      </c>
      <c r="S8613" s="124">
        <f t="shared" si="134"/>
        <v>2.0862101096711143</v>
      </c>
    </row>
    <row r="8614" spans="8:19" x14ac:dyDescent="0.3">
      <c r="H8614" s="44">
        <v>8607</v>
      </c>
      <c r="I8614" s="56">
        <f>Bühler!I8640</f>
        <v>0.48143310223179553</v>
      </c>
      <c r="J8614" s="59">
        <f>Bühler!J8640</f>
        <v>1.6047770074393186</v>
      </c>
      <c r="K8614" s="59">
        <f>Bühler!K8640</f>
        <v>2.4071655111589778</v>
      </c>
      <c r="L8614" s="59">
        <f>Bühler!L8640</f>
        <v>11.554394453563093</v>
      </c>
      <c r="M8614" s="58">
        <f>Bühler!M8640</f>
        <v>0</v>
      </c>
      <c r="N8614" s="56">
        <f>IF(Input!$D$19=1,J8614*Input!$C$19,0)+IF(Input!$D$20=1,K8614*Input!$C$20,0)+IF(Input!$D$21=1,L8614*Input!$C$21,0)+IF(Input!$D$22=1,M8614*Input!$C$22,0)</f>
        <v>0.48143310223179558</v>
      </c>
      <c r="O8614" s="59">
        <f>IF(Input!$D$19=2,J8614*Input!$C$19,0)+IF(Input!$D$20=2,K8614*Input!$C$20,0)+IF(Input!$D$21=2,L8614*Input!$C$21,0)+IF(Input!$D$22=2,M8614*Input!$C$22,0)</f>
        <v>1.2035827555794889</v>
      </c>
      <c r="P8614" s="59">
        <f>IF(Input!$D$19=3,J8614*Input!$C$19,0)+IF(Input!$D$20=3,K8614*Input!$C$20,0)+IF(Input!$D$21=3,L8614*Input!$C$21,0)+IF(Input!$D$22=3,M8614*Input!$C$22,0)</f>
        <v>0</v>
      </c>
      <c r="Q8614" s="75">
        <f>IF(Input!$D$19=4,J8614*Input!$C$19,0)+IF(Input!$D$20=4,K8614*Input!$C$20,0)+IF(Input!$D$21=4,L8614*Input!$C$21,0)+IF(Input!$D$22=4,M8614*Input!$C$22,0)</f>
        <v>0</v>
      </c>
      <c r="R8614" s="58">
        <v>70.05662843367864</v>
      </c>
      <c r="S8614" s="124">
        <f t="shared" si="134"/>
        <v>2.0862101096711143</v>
      </c>
    </row>
    <row r="8615" spans="8:19" x14ac:dyDescent="0.3">
      <c r="H8615" s="44">
        <v>8608</v>
      </c>
      <c r="I8615" s="56">
        <f>Bühler!I8641</f>
        <v>0.48143310223179553</v>
      </c>
      <c r="J8615" s="59">
        <f>Bühler!J8641</f>
        <v>1.6047770074393186</v>
      </c>
      <c r="K8615" s="59">
        <f>Bühler!K8641</f>
        <v>2.4071655111589778</v>
      </c>
      <c r="L8615" s="59">
        <f>Bühler!L8641</f>
        <v>11.554394453563093</v>
      </c>
      <c r="M8615" s="58">
        <f>Bühler!M8641</f>
        <v>0</v>
      </c>
      <c r="N8615" s="56">
        <f>IF(Input!$D$19=1,J8615*Input!$C$19,0)+IF(Input!$D$20=1,K8615*Input!$C$20,0)+IF(Input!$D$21=1,L8615*Input!$C$21,0)+IF(Input!$D$22=1,M8615*Input!$C$22,0)</f>
        <v>0.48143310223179558</v>
      </c>
      <c r="O8615" s="59">
        <f>IF(Input!$D$19=2,J8615*Input!$C$19,0)+IF(Input!$D$20=2,K8615*Input!$C$20,0)+IF(Input!$D$21=2,L8615*Input!$C$21,0)+IF(Input!$D$22=2,M8615*Input!$C$22,0)</f>
        <v>1.2035827555794889</v>
      </c>
      <c r="P8615" s="59">
        <f>IF(Input!$D$19=3,J8615*Input!$C$19,0)+IF(Input!$D$20=3,K8615*Input!$C$20,0)+IF(Input!$D$21=3,L8615*Input!$C$21,0)+IF(Input!$D$22=3,M8615*Input!$C$22,0)</f>
        <v>0</v>
      </c>
      <c r="Q8615" s="75">
        <f>IF(Input!$D$19=4,J8615*Input!$C$19,0)+IF(Input!$D$20=4,K8615*Input!$C$20,0)+IF(Input!$D$21=4,L8615*Input!$C$21,0)+IF(Input!$D$22=4,M8615*Input!$C$22,0)</f>
        <v>0</v>
      </c>
      <c r="R8615" s="58">
        <v>68.617770352056752</v>
      </c>
      <c r="S8615" s="124">
        <f t="shared" si="134"/>
        <v>2.0862101096711143</v>
      </c>
    </row>
    <row r="8616" spans="8:19" x14ac:dyDescent="0.3">
      <c r="H8616" s="44">
        <v>8609</v>
      </c>
      <c r="I8616" s="56">
        <f>Bühler!I8642</f>
        <v>0.48143310223179553</v>
      </c>
      <c r="J8616" s="59">
        <f>Bühler!J8642</f>
        <v>1.6047770074393186</v>
      </c>
      <c r="K8616" s="59">
        <f>Bühler!K8642</f>
        <v>2.4071655111589778</v>
      </c>
      <c r="L8616" s="59">
        <f>Bühler!L8642</f>
        <v>11.554394453563093</v>
      </c>
      <c r="M8616" s="58">
        <f>Bühler!M8642</f>
        <v>0</v>
      </c>
      <c r="N8616" s="56">
        <f>IF(Input!$D$19=1,J8616*Input!$C$19,0)+IF(Input!$D$20=1,K8616*Input!$C$20,0)+IF(Input!$D$21=1,L8616*Input!$C$21,0)+IF(Input!$D$22=1,M8616*Input!$C$22,0)</f>
        <v>0.48143310223179558</v>
      </c>
      <c r="O8616" s="59">
        <f>IF(Input!$D$19=2,J8616*Input!$C$19,0)+IF(Input!$D$20=2,K8616*Input!$C$20,0)+IF(Input!$D$21=2,L8616*Input!$C$21,0)+IF(Input!$D$22=2,M8616*Input!$C$22,0)</f>
        <v>1.2035827555794889</v>
      </c>
      <c r="P8616" s="59">
        <f>IF(Input!$D$19=3,J8616*Input!$C$19,0)+IF(Input!$D$20=3,K8616*Input!$C$20,0)+IF(Input!$D$21=3,L8616*Input!$C$21,0)+IF(Input!$D$22=3,M8616*Input!$C$22,0)</f>
        <v>0</v>
      </c>
      <c r="Q8616" s="75">
        <f>IF(Input!$D$19=4,J8616*Input!$C$19,0)+IF(Input!$D$20=4,K8616*Input!$C$20,0)+IF(Input!$D$21=4,L8616*Input!$C$21,0)+IF(Input!$D$22=4,M8616*Input!$C$22,0)</f>
        <v>0</v>
      </c>
      <c r="R8616" s="58">
        <v>67.414971041696319</v>
      </c>
      <c r="S8616" s="124">
        <f t="shared" si="134"/>
        <v>2.0862101096711143</v>
      </c>
    </row>
    <row r="8617" spans="8:19" x14ac:dyDescent="0.3">
      <c r="H8617" s="44">
        <v>8610</v>
      </c>
      <c r="I8617" s="56">
        <f>Bühler!I8643</f>
        <v>0.48143310223179553</v>
      </c>
      <c r="J8617" s="59">
        <f>Bühler!J8643</f>
        <v>1.6047770074393186</v>
      </c>
      <c r="K8617" s="59">
        <f>Bühler!K8643</f>
        <v>2.4071655111589778</v>
      </c>
      <c r="L8617" s="59">
        <f>Bühler!L8643</f>
        <v>11.554394453563093</v>
      </c>
      <c r="M8617" s="58">
        <f>Bühler!M8643</f>
        <v>0</v>
      </c>
      <c r="N8617" s="56">
        <f>IF(Input!$D$19=1,J8617*Input!$C$19,0)+IF(Input!$D$20=1,K8617*Input!$C$20,0)+IF(Input!$D$21=1,L8617*Input!$C$21,0)+IF(Input!$D$22=1,M8617*Input!$C$22,0)</f>
        <v>0.48143310223179558</v>
      </c>
      <c r="O8617" s="59">
        <f>IF(Input!$D$19=2,J8617*Input!$C$19,0)+IF(Input!$D$20=2,K8617*Input!$C$20,0)+IF(Input!$D$21=2,L8617*Input!$C$21,0)+IF(Input!$D$22=2,M8617*Input!$C$22,0)</f>
        <v>1.2035827555794889</v>
      </c>
      <c r="P8617" s="59">
        <f>IF(Input!$D$19=3,J8617*Input!$C$19,0)+IF(Input!$D$20=3,K8617*Input!$C$20,0)+IF(Input!$D$21=3,L8617*Input!$C$21,0)+IF(Input!$D$22=3,M8617*Input!$C$22,0)</f>
        <v>0</v>
      </c>
      <c r="Q8617" s="75">
        <f>IF(Input!$D$19=4,J8617*Input!$C$19,0)+IF(Input!$D$20=4,K8617*Input!$C$20,0)+IF(Input!$D$21=4,L8617*Input!$C$21,0)+IF(Input!$D$22=4,M8617*Input!$C$22,0)</f>
        <v>0</v>
      </c>
      <c r="R8617" s="58">
        <v>66.796042017092901</v>
      </c>
      <c r="S8617" s="124">
        <f t="shared" si="134"/>
        <v>2.0862101096711143</v>
      </c>
    </row>
    <row r="8618" spans="8:19" x14ac:dyDescent="0.3">
      <c r="H8618" s="44">
        <v>8611</v>
      </c>
      <c r="I8618" s="56">
        <f>Bühler!I8644</f>
        <v>0.48143310223179553</v>
      </c>
      <c r="J8618" s="59">
        <f>Bühler!J8644</f>
        <v>1.6047770074393186</v>
      </c>
      <c r="K8618" s="59">
        <f>Bühler!K8644</f>
        <v>2.4071655111589778</v>
      </c>
      <c r="L8618" s="59">
        <f>Bühler!L8644</f>
        <v>11.554394453563093</v>
      </c>
      <c r="M8618" s="58">
        <f>Bühler!M8644</f>
        <v>0</v>
      </c>
      <c r="N8618" s="56">
        <f>IF(Input!$D$19=1,J8618*Input!$C$19,0)+IF(Input!$D$20=1,K8618*Input!$C$20,0)+IF(Input!$D$21=1,L8618*Input!$C$21,0)+IF(Input!$D$22=1,M8618*Input!$C$22,0)</f>
        <v>0.48143310223179558</v>
      </c>
      <c r="O8618" s="59">
        <f>IF(Input!$D$19=2,J8618*Input!$C$19,0)+IF(Input!$D$20=2,K8618*Input!$C$20,0)+IF(Input!$D$21=2,L8618*Input!$C$21,0)+IF(Input!$D$22=2,M8618*Input!$C$22,0)</f>
        <v>1.2035827555794889</v>
      </c>
      <c r="P8618" s="59">
        <f>IF(Input!$D$19=3,J8618*Input!$C$19,0)+IF(Input!$D$20=3,K8618*Input!$C$20,0)+IF(Input!$D$21=3,L8618*Input!$C$21,0)+IF(Input!$D$22=3,M8618*Input!$C$22,0)</f>
        <v>0</v>
      </c>
      <c r="Q8618" s="75">
        <f>IF(Input!$D$19=4,J8618*Input!$C$19,0)+IF(Input!$D$20=4,K8618*Input!$C$20,0)+IF(Input!$D$21=4,L8618*Input!$C$21,0)+IF(Input!$D$22=4,M8618*Input!$C$22,0)</f>
        <v>0</v>
      </c>
      <c r="R8618" s="58">
        <v>65.18782951747778</v>
      </c>
      <c r="S8618" s="124">
        <f t="shared" si="134"/>
        <v>2.0862101096711143</v>
      </c>
    </row>
    <row r="8619" spans="8:19" x14ac:dyDescent="0.3">
      <c r="H8619" s="44">
        <v>8612</v>
      </c>
      <c r="I8619" s="56">
        <f>Bühler!I8645</f>
        <v>0.40320022311912879</v>
      </c>
      <c r="J8619" s="59">
        <f>Bühler!J8645</f>
        <v>1.3440007437304295</v>
      </c>
      <c r="K8619" s="59">
        <f>Bühler!K8645</f>
        <v>2.0160011155956439</v>
      </c>
      <c r="L8619" s="59">
        <f>Bühler!L8645</f>
        <v>9.6768053548590913</v>
      </c>
      <c r="M8619" s="58">
        <f>Bühler!M8645</f>
        <v>0</v>
      </c>
      <c r="N8619" s="56">
        <f>IF(Input!$D$19=1,J8619*Input!$C$19,0)+IF(Input!$D$20=1,K8619*Input!$C$20,0)+IF(Input!$D$21=1,L8619*Input!$C$21,0)+IF(Input!$D$22=1,M8619*Input!$C$22,0)</f>
        <v>0.40320022311912884</v>
      </c>
      <c r="O8619" s="59">
        <f>IF(Input!$D$19=2,J8619*Input!$C$19,0)+IF(Input!$D$20=2,K8619*Input!$C$20,0)+IF(Input!$D$21=2,L8619*Input!$C$21,0)+IF(Input!$D$22=2,M8619*Input!$C$22,0)</f>
        <v>1.0080005577978219</v>
      </c>
      <c r="P8619" s="59">
        <f>IF(Input!$D$19=3,J8619*Input!$C$19,0)+IF(Input!$D$20=3,K8619*Input!$C$20,0)+IF(Input!$D$21=3,L8619*Input!$C$21,0)+IF(Input!$D$22=3,M8619*Input!$C$22,0)</f>
        <v>0</v>
      </c>
      <c r="Q8619" s="75">
        <f>IF(Input!$D$19=4,J8619*Input!$C$19,0)+IF(Input!$D$20=4,K8619*Input!$C$20,0)+IF(Input!$D$21=4,L8619*Input!$C$21,0)+IF(Input!$D$22=4,M8619*Input!$C$22,0)</f>
        <v>0</v>
      </c>
      <c r="R8619" s="58">
        <v>64.052860036090465</v>
      </c>
      <c r="S8619" s="124">
        <f t="shared" si="134"/>
        <v>1.7472009668495583</v>
      </c>
    </row>
    <row r="8620" spans="8:19" x14ac:dyDescent="0.3">
      <c r="H8620" s="44">
        <v>8613</v>
      </c>
      <c r="I8620" s="56">
        <f>Bühler!I8646</f>
        <v>0.33098525778435944</v>
      </c>
      <c r="J8620" s="59">
        <f>Bühler!J8646</f>
        <v>1.1032841926145316</v>
      </c>
      <c r="K8620" s="59">
        <f>Bühler!K8646</f>
        <v>1.6549262889217971</v>
      </c>
      <c r="L8620" s="59">
        <f>Bühler!L8646</f>
        <v>7.9436461868246262</v>
      </c>
      <c r="M8620" s="58">
        <f>Bühler!M8646</f>
        <v>0</v>
      </c>
      <c r="N8620" s="56">
        <f>IF(Input!$D$19=1,J8620*Input!$C$19,0)+IF(Input!$D$20=1,K8620*Input!$C$20,0)+IF(Input!$D$21=1,L8620*Input!$C$21,0)+IF(Input!$D$22=1,M8620*Input!$C$22,0)</f>
        <v>0.33098525778435944</v>
      </c>
      <c r="O8620" s="59">
        <f>IF(Input!$D$19=2,J8620*Input!$C$19,0)+IF(Input!$D$20=2,K8620*Input!$C$20,0)+IF(Input!$D$21=2,L8620*Input!$C$21,0)+IF(Input!$D$22=2,M8620*Input!$C$22,0)</f>
        <v>0.82746314446089853</v>
      </c>
      <c r="P8620" s="59">
        <f>IF(Input!$D$19=3,J8620*Input!$C$19,0)+IF(Input!$D$20=3,K8620*Input!$C$20,0)+IF(Input!$D$21=3,L8620*Input!$C$21,0)+IF(Input!$D$22=3,M8620*Input!$C$22,0)</f>
        <v>0</v>
      </c>
      <c r="Q8620" s="75">
        <f>IF(Input!$D$19=4,J8620*Input!$C$19,0)+IF(Input!$D$20=4,K8620*Input!$C$20,0)+IF(Input!$D$21=4,L8620*Input!$C$21,0)+IF(Input!$D$22=4,M8620*Input!$C$22,0)</f>
        <v>0</v>
      </c>
      <c r="R8620" s="58">
        <v>62.682252145145817</v>
      </c>
      <c r="S8620" s="124">
        <f t="shared" si="134"/>
        <v>1.4342694503988911</v>
      </c>
    </row>
    <row r="8621" spans="8:19" x14ac:dyDescent="0.3">
      <c r="H8621" s="44">
        <v>8614</v>
      </c>
      <c r="I8621" s="56">
        <f>Bühler!I8647</f>
        <v>0.24071655111589776</v>
      </c>
      <c r="J8621" s="59">
        <f>Bühler!J8647</f>
        <v>0.80238850371965931</v>
      </c>
      <c r="K8621" s="59">
        <f>Bühler!K8647</f>
        <v>1.2035827555794889</v>
      </c>
      <c r="L8621" s="59">
        <f>Bühler!L8647</f>
        <v>5.7771972267815466</v>
      </c>
      <c r="M8621" s="58">
        <f>Bühler!M8647</f>
        <v>0</v>
      </c>
      <c r="N8621" s="56">
        <f>IF(Input!$D$19=1,J8621*Input!$C$19,0)+IF(Input!$D$20=1,K8621*Input!$C$20,0)+IF(Input!$D$21=1,L8621*Input!$C$21,0)+IF(Input!$D$22=1,M8621*Input!$C$22,0)</f>
        <v>0.24071655111589779</v>
      </c>
      <c r="O8621" s="59">
        <f>IF(Input!$D$19=2,J8621*Input!$C$19,0)+IF(Input!$D$20=2,K8621*Input!$C$20,0)+IF(Input!$D$21=2,L8621*Input!$C$21,0)+IF(Input!$D$22=2,M8621*Input!$C$22,0)</f>
        <v>0.60179137778974445</v>
      </c>
      <c r="P8621" s="59">
        <f>IF(Input!$D$19=3,J8621*Input!$C$19,0)+IF(Input!$D$20=3,K8621*Input!$C$20,0)+IF(Input!$D$21=3,L8621*Input!$C$21,0)+IF(Input!$D$22=3,M8621*Input!$C$22,0)</f>
        <v>0</v>
      </c>
      <c r="Q8621" s="75">
        <f>IF(Input!$D$19=4,J8621*Input!$C$19,0)+IF(Input!$D$20=4,K8621*Input!$C$20,0)+IF(Input!$D$21=4,L8621*Input!$C$21,0)+IF(Input!$D$22=4,M8621*Input!$C$22,0)</f>
        <v>0</v>
      </c>
      <c r="R8621" s="58">
        <v>60.300180069851578</v>
      </c>
      <c r="S8621" s="124">
        <f t="shared" si="134"/>
        <v>1.0431050548355572</v>
      </c>
    </row>
    <row r="8622" spans="8:19" x14ac:dyDescent="0.3">
      <c r="H8622" s="44">
        <v>8615</v>
      </c>
      <c r="I8622" s="56">
        <f>Bühler!I8648</f>
        <v>0.24071655111589776</v>
      </c>
      <c r="J8622" s="59">
        <f>Bühler!J8648</f>
        <v>0.80238850371965931</v>
      </c>
      <c r="K8622" s="59">
        <f>Bühler!K8648</f>
        <v>1.2035827555794889</v>
      </c>
      <c r="L8622" s="59">
        <f>Bühler!L8648</f>
        <v>5.7771972267815466</v>
      </c>
      <c r="M8622" s="58">
        <f>Bühler!M8648</f>
        <v>0</v>
      </c>
      <c r="N8622" s="56">
        <f>IF(Input!$D$19=1,J8622*Input!$C$19,0)+IF(Input!$D$20=1,K8622*Input!$C$20,0)+IF(Input!$D$21=1,L8622*Input!$C$21,0)+IF(Input!$D$22=1,M8622*Input!$C$22,0)</f>
        <v>0.24071655111589779</v>
      </c>
      <c r="O8622" s="59">
        <f>IF(Input!$D$19=2,J8622*Input!$C$19,0)+IF(Input!$D$20=2,K8622*Input!$C$20,0)+IF(Input!$D$21=2,L8622*Input!$C$21,0)+IF(Input!$D$22=2,M8622*Input!$C$22,0)</f>
        <v>0.60179137778974445</v>
      </c>
      <c r="P8622" s="59">
        <f>IF(Input!$D$19=3,J8622*Input!$C$19,0)+IF(Input!$D$20=3,K8622*Input!$C$20,0)+IF(Input!$D$21=3,L8622*Input!$C$21,0)+IF(Input!$D$22=3,M8622*Input!$C$22,0)</f>
        <v>0</v>
      </c>
      <c r="Q8622" s="75">
        <f>IF(Input!$D$19=4,J8622*Input!$C$19,0)+IF(Input!$D$20=4,K8622*Input!$C$20,0)+IF(Input!$D$21=4,L8622*Input!$C$21,0)+IF(Input!$D$22=4,M8622*Input!$C$22,0)</f>
        <v>0</v>
      </c>
      <c r="R8622" s="58">
        <v>59.726114634543165</v>
      </c>
      <c r="S8622" s="124">
        <f t="shared" si="134"/>
        <v>1.0431050548355572</v>
      </c>
    </row>
    <row r="8623" spans="8:19" x14ac:dyDescent="0.3">
      <c r="H8623" s="44">
        <v>8616</v>
      </c>
      <c r="I8623" s="56">
        <f>Bühler!I8649</f>
        <v>0.24071655111589776</v>
      </c>
      <c r="J8623" s="59">
        <f>Bühler!J8649</f>
        <v>0.80238850371965931</v>
      </c>
      <c r="K8623" s="59">
        <f>Bühler!K8649</f>
        <v>1.2035827555794889</v>
      </c>
      <c r="L8623" s="59">
        <f>Bühler!L8649</f>
        <v>5.7771972267815466</v>
      </c>
      <c r="M8623" s="58">
        <f>Bühler!M8649</f>
        <v>0</v>
      </c>
      <c r="N8623" s="56">
        <f>IF(Input!$D$19=1,J8623*Input!$C$19,0)+IF(Input!$D$20=1,K8623*Input!$C$20,0)+IF(Input!$D$21=1,L8623*Input!$C$21,0)+IF(Input!$D$22=1,M8623*Input!$C$22,0)</f>
        <v>0.24071655111589779</v>
      </c>
      <c r="O8623" s="59">
        <f>IF(Input!$D$19=2,J8623*Input!$C$19,0)+IF(Input!$D$20=2,K8623*Input!$C$20,0)+IF(Input!$D$21=2,L8623*Input!$C$21,0)+IF(Input!$D$22=2,M8623*Input!$C$22,0)</f>
        <v>0.60179137778974445</v>
      </c>
      <c r="P8623" s="59">
        <f>IF(Input!$D$19=3,J8623*Input!$C$19,0)+IF(Input!$D$20=3,K8623*Input!$C$20,0)+IF(Input!$D$21=3,L8623*Input!$C$21,0)+IF(Input!$D$22=3,M8623*Input!$C$22,0)</f>
        <v>0</v>
      </c>
      <c r="Q8623" s="75">
        <f>IF(Input!$D$19=4,J8623*Input!$C$19,0)+IF(Input!$D$20=4,K8623*Input!$C$20,0)+IF(Input!$D$21=4,L8623*Input!$C$21,0)+IF(Input!$D$22=4,M8623*Input!$C$22,0)</f>
        <v>0</v>
      </c>
      <c r="R8623" s="58">
        <v>58.244197290532234</v>
      </c>
      <c r="S8623" s="124">
        <f t="shared" si="134"/>
        <v>1.0431050548355572</v>
      </c>
    </row>
    <row r="8624" spans="8:19" x14ac:dyDescent="0.3">
      <c r="H8624" s="44">
        <v>8617</v>
      </c>
      <c r="I8624" s="56">
        <f>Bühler!I8650</f>
        <v>0.20974293512566566</v>
      </c>
      <c r="J8624" s="59">
        <f>Bühler!J8650</f>
        <v>0.69914311708555221</v>
      </c>
      <c r="K8624" s="59">
        <f>Bühler!K8650</f>
        <v>1.0487146756283283</v>
      </c>
      <c r="L8624" s="59">
        <f>Bühler!L8650</f>
        <v>5.0338304430159759</v>
      </c>
      <c r="M8624" s="58">
        <f>Bühler!M8650</f>
        <v>0</v>
      </c>
      <c r="N8624" s="56">
        <f>IF(Input!$D$19=1,J8624*Input!$C$19,0)+IF(Input!$D$20=1,K8624*Input!$C$20,0)+IF(Input!$D$21=1,L8624*Input!$C$21,0)+IF(Input!$D$22=1,M8624*Input!$C$22,0)</f>
        <v>0.20974293512566566</v>
      </c>
      <c r="O8624" s="59">
        <f>IF(Input!$D$19=2,J8624*Input!$C$19,0)+IF(Input!$D$20=2,K8624*Input!$C$20,0)+IF(Input!$D$21=2,L8624*Input!$C$21,0)+IF(Input!$D$22=2,M8624*Input!$C$22,0)</f>
        <v>0.52435733781416416</v>
      </c>
      <c r="P8624" s="59">
        <f>IF(Input!$D$19=3,J8624*Input!$C$19,0)+IF(Input!$D$20=3,K8624*Input!$C$20,0)+IF(Input!$D$21=3,L8624*Input!$C$21,0)+IF(Input!$D$22=3,M8624*Input!$C$22,0)</f>
        <v>0</v>
      </c>
      <c r="Q8624" s="75">
        <f>IF(Input!$D$19=4,J8624*Input!$C$19,0)+IF(Input!$D$20=4,K8624*Input!$C$20,0)+IF(Input!$D$21=4,L8624*Input!$C$21,0)+IF(Input!$D$22=4,M8624*Input!$C$22,0)</f>
        <v>0</v>
      </c>
      <c r="R8624" s="58">
        <v>57.728206279990253</v>
      </c>
      <c r="S8624" s="124">
        <f t="shared" si="134"/>
        <v>0.90888605221121788</v>
      </c>
    </row>
    <row r="8625" spans="8:19" x14ac:dyDescent="0.3">
      <c r="H8625" s="44">
        <v>8618</v>
      </c>
      <c r="I8625" s="56">
        <f>Bühler!I8651</f>
        <v>0.23596080201637382</v>
      </c>
      <c r="J8625" s="59">
        <f>Bühler!J8651</f>
        <v>0.78653600672124613</v>
      </c>
      <c r="K8625" s="59">
        <f>Bühler!K8651</f>
        <v>1.1798040100818692</v>
      </c>
      <c r="L8625" s="59">
        <f>Bühler!L8651</f>
        <v>5.6630592483929716</v>
      </c>
      <c r="M8625" s="58">
        <f>Bühler!M8651</f>
        <v>0</v>
      </c>
      <c r="N8625" s="56">
        <f>IF(Input!$D$19=1,J8625*Input!$C$19,0)+IF(Input!$D$20=1,K8625*Input!$C$20,0)+IF(Input!$D$21=1,L8625*Input!$C$21,0)+IF(Input!$D$22=1,M8625*Input!$C$22,0)</f>
        <v>0.23596080201637382</v>
      </c>
      <c r="O8625" s="59">
        <f>IF(Input!$D$19=2,J8625*Input!$C$19,0)+IF(Input!$D$20=2,K8625*Input!$C$20,0)+IF(Input!$D$21=2,L8625*Input!$C$21,0)+IF(Input!$D$22=2,M8625*Input!$C$22,0)</f>
        <v>0.5899020050409346</v>
      </c>
      <c r="P8625" s="59">
        <f>IF(Input!$D$19=3,J8625*Input!$C$19,0)+IF(Input!$D$20=3,K8625*Input!$C$20,0)+IF(Input!$D$21=3,L8625*Input!$C$21,0)+IF(Input!$D$22=3,M8625*Input!$C$22,0)</f>
        <v>0</v>
      </c>
      <c r="Q8625" s="75">
        <f>IF(Input!$D$19=4,J8625*Input!$C$19,0)+IF(Input!$D$20=4,K8625*Input!$C$20,0)+IF(Input!$D$21=4,L8625*Input!$C$21,0)+IF(Input!$D$22=4,M8625*Input!$C$22,0)</f>
        <v>0</v>
      </c>
      <c r="R8625" s="58">
        <v>57.606878147467413</v>
      </c>
      <c r="S8625" s="124">
        <f t="shared" si="134"/>
        <v>1.0224968087376198</v>
      </c>
    </row>
    <row r="8626" spans="8:19" x14ac:dyDescent="0.3">
      <c r="H8626" s="44">
        <v>8619</v>
      </c>
      <c r="I8626" s="56">
        <f>Bühler!I8652</f>
        <v>0.23596080201637382</v>
      </c>
      <c r="J8626" s="59">
        <f>Bühler!J8652</f>
        <v>0.78653600672124613</v>
      </c>
      <c r="K8626" s="59">
        <f>Bühler!K8652</f>
        <v>1.1798040100818692</v>
      </c>
      <c r="L8626" s="59">
        <f>Bühler!L8652</f>
        <v>5.6630592483929716</v>
      </c>
      <c r="M8626" s="58">
        <f>Bühler!M8652</f>
        <v>0</v>
      </c>
      <c r="N8626" s="56">
        <f>IF(Input!$D$19=1,J8626*Input!$C$19,0)+IF(Input!$D$20=1,K8626*Input!$C$20,0)+IF(Input!$D$21=1,L8626*Input!$C$21,0)+IF(Input!$D$22=1,M8626*Input!$C$22,0)</f>
        <v>0.23596080201637382</v>
      </c>
      <c r="O8626" s="59">
        <f>IF(Input!$D$19=2,J8626*Input!$C$19,0)+IF(Input!$D$20=2,K8626*Input!$C$20,0)+IF(Input!$D$21=2,L8626*Input!$C$21,0)+IF(Input!$D$22=2,M8626*Input!$C$22,0)</f>
        <v>0.5899020050409346</v>
      </c>
      <c r="P8626" s="59">
        <f>IF(Input!$D$19=3,J8626*Input!$C$19,0)+IF(Input!$D$20=3,K8626*Input!$C$20,0)+IF(Input!$D$21=3,L8626*Input!$C$21,0)+IF(Input!$D$22=3,M8626*Input!$C$22,0)</f>
        <v>0</v>
      </c>
      <c r="Q8626" s="75">
        <f>IF(Input!$D$19=4,J8626*Input!$C$19,0)+IF(Input!$D$20=4,K8626*Input!$C$20,0)+IF(Input!$D$21=4,L8626*Input!$C$21,0)+IF(Input!$D$22=4,M8626*Input!$C$22,0)</f>
        <v>0</v>
      </c>
      <c r="R8626" s="58">
        <v>57.829569997104002</v>
      </c>
      <c r="S8626" s="124">
        <f t="shared" si="134"/>
        <v>1.0224968087376198</v>
      </c>
    </row>
    <row r="8627" spans="8:19" x14ac:dyDescent="0.3">
      <c r="H8627" s="44">
        <v>8620</v>
      </c>
      <c r="I8627" s="56">
        <f>Bühler!I8653</f>
        <v>0.23596080201637382</v>
      </c>
      <c r="J8627" s="59">
        <f>Bühler!J8653</f>
        <v>0.78653600672124613</v>
      </c>
      <c r="K8627" s="59">
        <f>Bühler!K8653</f>
        <v>1.1798040100818692</v>
      </c>
      <c r="L8627" s="59">
        <f>Bühler!L8653</f>
        <v>5.6630592483929716</v>
      </c>
      <c r="M8627" s="58">
        <f>Bühler!M8653</f>
        <v>0</v>
      </c>
      <c r="N8627" s="56">
        <f>IF(Input!$D$19=1,J8627*Input!$C$19,0)+IF(Input!$D$20=1,K8627*Input!$C$20,0)+IF(Input!$D$21=1,L8627*Input!$C$21,0)+IF(Input!$D$22=1,M8627*Input!$C$22,0)</f>
        <v>0.23596080201637382</v>
      </c>
      <c r="O8627" s="59">
        <f>IF(Input!$D$19=2,J8627*Input!$C$19,0)+IF(Input!$D$20=2,K8627*Input!$C$20,0)+IF(Input!$D$21=2,L8627*Input!$C$21,0)+IF(Input!$D$22=2,M8627*Input!$C$22,0)</f>
        <v>0.5899020050409346</v>
      </c>
      <c r="P8627" s="59">
        <f>IF(Input!$D$19=3,J8627*Input!$C$19,0)+IF(Input!$D$20=3,K8627*Input!$C$20,0)+IF(Input!$D$21=3,L8627*Input!$C$21,0)+IF(Input!$D$22=3,M8627*Input!$C$22,0)</f>
        <v>0</v>
      </c>
      <c r="Q8627" s="75">
        <f>IF(Input!$D$19=4,J8627*Input!$C$19,0)+IF(Input!$D$20=4,K8627*Input!$C$20,0)+IF(Input!$D$21=4,L8627*Input!$C$21,0)+IF(Input!$D$22=4,M8627*Input!$C$22,0)</f>
        <v>0</v>
      </c>
      <c r="R8627" s="58">
        <v>58.286071294532846</v>
      </c>
      <c r="S8627" s="124">
        <f t="shared" si="134"/>
        <v>1.0224968087376198</v>
      </c>
    </row>
    <row r="8628" spans="8:19" x14ac:dyDescent="0.3">
      <c r="H8628" s="44">
        <v>8621</v>
      </c>
      <c r="I8628" s="56">
        <f>Bühler!I8654</f>
        <v>0.23596080201637382</v>
      </c>
      <c r="J8628" s="59">
        <f>Bühler!J8654</f>
        <v>0.78653600672124613</v>
      </c>
      <c r="K8628" s="59">
        <f>Bühler!K8654</f>
        <v>1.1798040100818692</v>
      </c>
      <c r="L8628" s="59">
        <f>Bühler!L8654</f>
        <v>5.6630592483929716</v>
      </c>
      <c r="M8628" s="58">
        <f>Bühler!M8654</f>
        <v>0</v>
      </c>
      <c r="N8628" s="56">
        <f>IF(Input!$D$19=1,J8628*Input!$C$19,0)+IF(Input!$D$20=1,K8628*Input!$C$20,0)+IF(Input!$D$21=1,L8628*Input!$C$21,0)+IF(Input!$D$22=1,M8628*Input!$C$22,0)</f>
        <v>0.23596080201637382</v>
      </c>
      <c r="O8628" s="59">
        <f>IF(Input!$D$19=2,J8628*Input!$C$19,0)+IF(Input!$D$20=2,K8628*Input!$C$20,0)+IF(Input!$D$21=2,L8628*Input!$C$21,0)+IF(Input!$D$22=2,M8628*Input!$C$22,0)</f>
        <v>0.5899020050409346</v>
      </c>
      <c r="P8628" s="59">
        <f>IF(Input!$D$19=3,J8628*Input!$C$19,0)+IF(Input!$D$20=3,K8628*Input!$C$20,0)+IF(Input!$D$21=3,L8628*Input!$C$21,0)+IF(Input!$D$22=3,M8628*Input!$C$22,0)</f>
        <v>0</v>
      </c>
      <c r="Q8628" s="75">
        <f>IF(Input!$D$19=4,J8628*Input!$C$19,0)+IF(Input!$D$20=4,K8628*Input!$C$20,0)+IF(Input!$D$21=4,L8628*Input!$C$21,0)+IF(Input!$D$22=4,M8628*Input!$C$22,0)</f>
        <v>0</v>
      </c>
      <c r="R8628" s="58">
        <v>59.145930300352717</v>
      </c>
      <c r="S8628" s="124">
        <f t="shared" si="134"/>
        <v>1.0224968087376198</v>
      </c>
    </row>
    <row r="8629" spans="8:19" x14ac:dyDescent="0.3">
      <c r="H8629" s="44">
        <v>8622</v>
      </c>
      <c r="I8629" s="56">
        <f>Bühler!I8655</f>
        <v>0.30412725593221518</v>
      </c>
      <c r="J8629" s="59">
        <f>Bühler!J8655</f>
        <v>1.0137575197740507</v>
      </c>
      <c r="K8629" s="59">
        <f>Bühler!K8655</f>
        <v>1.520636279661076</v>
      </c>
      <c r="L8629" s="59">
        <f>Bühler!L8655</f>
        <v>7.2990541423731647</v>
      </c>
      <c r="M8629" s="58">
        <f>Bühler!M8655</f>
        <v>0</v>
      </c>
      <c r="N8629" s="56">
        <f>IF(Input!$D$19=1,J8629*Input!$C$19,0)+IF(Input!$D$20=1,K8629*Input!$C$20,0)+IF(Input!$D$21=1,L8629*Input!$C$21,0)+IF(Input!$D$22=1,M8629*Input!$C$22,0)</f>
        <v>0.30412725593221518</v>
      </c>
      <c r="O8629" s="59">
        <f>IF(Input!$D$19=2,J8629*Input!$C$19,0)+IF(Input!$D$20=2,K8629*Input!$C$20,0)+IF(Input!$D$21=2,L8629*Input!$C$21,0)+IF(Input!$D$22=2,M8629*Input!$C$22,0)</f>
        <v>0.76031813983053798</v>
      </c>
      <c r="P8629" s="59">
        <f>IF(Input!$D$19=3,J8629*Input!$C$19,0)+IF(Input!$D$20=3,K8629*Input!$C$20,0)+IF(Input!$D$21=3,L8629*Input!$C$21,0)+IF(Input!$D$22=3,M8629*Input!$C$22,0)</f>
        <v>0</v>
      </c>
      <c r="Q8629" s="75">
        <f>IF(Input!$D$19=4,J8629*Input!$C$19,0)+IF(Input!$D$20=4,K8629*Input!$C$20,0)+IF(Input!$D$21=4,L8629*Input!$C$21,0)+IF(Input!$D$22=4,M8629*Input!$C$22,0)</f>
        <v>0</v>
      </c>
      <c r="R8629" s="58">
        <v>61.763030680166537</v>
      </c>
      <c r="S8629" s="124">
        <f t="shared" si="134"/>
        <v>1.3178847757062659</v>
      </c>
    </row>
    <row r="8630" spans="8:19" x14ac:dyDescent="0.3">
      <c r="H8630" s="44">
        <v>8623</v>
      </c>
      <c r="I8630" s="56">
        <f>Bühler!I8656</f>
        <v>0.35131941633548996</v>
      </c>
      <c r="J8630" s="59">
        <f>Bühler!J8656</f>
        <v>1.1710647211183001</v>
      </c>
      <c r="K8630" s="59">
        <f>Bühler!K8656</f>
        <v>1.7565970816774499</v>
      </c>
      <c r="L8630" s="59">
        <f>Bühler!L8656</f>
        <v>8.4316659920517587</v>
      </c>
      <c r="M8630" s="58">
        <f>Bühler!M8656</f>
        <v>0</v>
      </c>
      <c r="N8630" s="56">
        <f>IF(Input!$D$19=1,J8630*Input!$C$19,0)+IF(Input!$D$20=1,K8630*Input!$C$20,0)+IF(Input!$D$21=1,L8630*Input!$C$21,0)+IF(Input!$D$22=1,M8630*Input!$C$22,0)</f>
        <v>0.35131941633549002</v>
      </c>
      <c r="O8630" s="59">
        <f>IF(Input!$D$19=2,J8630*Input!$C$19,0)+IF(Input!$D$20=2,K8630*Input!$C$20,0)+IF(Input!$D$21=2,L8630*Input!$C$21,0)+IF(Input!$D$22=2,M8630*Input!$C$22,0)</f>
        <v>0.87829854083872494</v>
      </c>
      <c r="P8630" s="59">
        <f>IF(Input!$D$19=3,J8630*Input!$C$19,0)+IF(Input!$D$20=3,K8630*Input!$C$20,0)+IF(Input!$D$21=3,L8630*Input!$C$21,0)+IF(Input!$D$22=3,M8630*Input!$C$22,0)</f>
        <v>0</v>
      </c>
      <c r="Q8630" s="75">
        <f>IF(Input!$D$19=4,J8630*Input!$C$19,0)+IF(Input!$D$20=4,K8630*Input!$C$20,0)+IF(Input!$D$21=4,L8630*Input!$C$21,0)+IF(Input!$D$22=4,M8630*Input!$C$22,0)</f>
        <v>0</v>
      </c>
      <c r="R8630" s="58">
        <v>65.489624076233213</v>
      </c>
      <c r="S8630" s="124">
        <f t="shared" si="134"/>
        <v>1.5223841374537901</v>
      </c>
    </row>
    <row r="8631" spans="8:19" x14ac:dyDescent="0.3">
      <c r="H8631" s="44">
        <v>8624</v>
      </c>
      <c r="I8631" s="56">
        <f>Bühler!I8657</f>
        <v>0.35131941633548996</v>
      </c>
      <c r="J8631" s="59">
        <f>Bühler!J8657</f>
        <v>1.1710647211183001</v>
      </c>
      <c r="K8631" s="59">
        <f>Bühler!K8657</f>
        <v>1.7565970816774499</v>
      </c>
      <c r="L8631" s="59">
        <f>Bühler!L8657</f>
        <v>8.4316659920517587</v>
      </c>
      <c r="M8631" s="58">
        <f>Bühler!M8657</f>
        <v>0</v>
      </c>
      <c r="N8631" s="56">
        <f>IF(Input!$D$19=1,J8631*Input!$C$19,0)+IF(Input!$D$20=1,K8631*Input!$C$20,0)+IF(Input!$D$21=1,L8631*Input!$C$21,0)+IF(Input!$D$22=1,M8631*Input!$C$22,0)</f>
        <v>0.35131941633549002</v>
      </c>
      <c r="O8631" s="59">
        <f>IF(Input!$D$19=2,J8631*Input!$C$19,0)+IF(Input!$D$20=2,K8631*Input!$C$20,0)+IF(Input!$D$21=2,L8631*Input!$C$21,0)+IF(Input!$D$22=2,M8631*Input!$C$22,0)</f>
        <v>0.87829854083872494</v>
      </c>
      <c r="P8631" s="59">
        <f>IF(Input!$D$19=3,J8631*Input!$C$19,0)+IF(Input!$D$20=3,K8631*Input!$C$20,0)+IF(Input!$D$21=3,L8631*Input!$C$21,0)+IF(Input!$D$22=3,M8631*Input!$C$22,0)</f>
        <v>0</v>
      </c>
      <c r="Q8631" s="75">
        <f>IF(Input!$D$19=4,J8631*Input!$C$19,0)+IF(Input!$D$20=4,K8631*Input!$C$20,0)+IF(Input!$D$21=4,L8631*Input!$C$21,0)+IF(Input!$D$22=4,M8631*Input!$C$22,0)</f>
        <v>0</v>
      </c>
      <c r="R8631" s="58">
        <v>66.801093712695575</v>
      </c>
      <c r="S8631" s="124">
        <f t="shared" si="134"/>
        <v>1.5223841374537901</v>
      </c>
    </row>
    <row r="8632" spans="8:19" x14ac:dyDescent="0.3">
      <c r="H8632" s="44">
        <v>8625</v>
      </c>
      <c r="I8632" s="56">
        <f>Bühler!I8658</f>
        <v>0.35131941633548996</v>
      </c>
      <c r="J8632" s="59">
        <f>Bühler!J8658</f>
        <v>1.1710647211183001</v>
      </c>
      <c r="K8632" s="59">
        <f>Bühler!K8658</f>
        <v>1.7565970816774499</v>
      </c>
      <c r="L8632" s="59">
        <f>Bühler!L8658</f>
        <v>8.4316659920517587</v>
      </c>
      <c r="M8632" s="58">
        <f>Bühler!M8658</f>
        <v>0</v>
      </c>
      <c r="N8632" s="56">
        <f>IF(Input!$D$19=1,J8632*Input!$C$19,0)+IF(Input!$D$20=1,K8632*Input!$C$20,0)+IF(Input!$D$21=1,L8632*Input!$C$21,0)+IF(Input!$D$22=1,M8632*Input!$C$22,0)</f>
        <v>0.35131941633549002</v>
      </c>
      <c r="O8632" s="59">
        <f>IF(Input!$D$19=2,J8632*Input!$C$19,0)+IF(Input!$D$20=2,K8632*Input!$C$20,0)+IF(Input!$D$21=2,L8632*Input!$C$21,0)+IF(Input!$D$22=2,M8632*Input!$C$22,0)</f>
        <v>0.87829854083872494</v>
      </c>
      <c r="P8632" s="59">
        <f>IF(Input!$D$19=3,J8632*Input!$C$19,0)+IF(Input!$D$20=3,K8632*Input!$C$20,0)+IF(Input!$D$21=3,L8632*Input!$C$21,0)+IF(Input!$D$22=3,M8632*Input!$C$22,0)</f>
        <v>0</v>
      </c>
      <c r="Q8632" s="75">
        <f>IF(Input!$D$19=4,J8632*Input!$C$19,0)+IF(Input!$D$20=4,K8632*Input!$C$20,0)+IF(Input!$D$21=4,L8632*Input!$C$21,0)+IF(Input!$D$22=4,M8632*Input!$C$22,0)</f>
        <v>0</v>
      </c>
      <c r="R8632" s="58">
        <v>66.70099774936628</v>
      </c>
      <c r="S8632" s="124">
        <f t="shared" si="134"/>
        <v>1.5223841374537901</v>
      </c>
    </row>
    <row r="8633" spans="8:19" x14ac:dyDescent="0.3">
      <c r="H8633" s="44">
        <v>8626</v>
      </c>
      <c r="I8633" s="56">
        <f>Bühler!I8659</f>
        <v>0.37753728322619817</v>
      </c>
      <c r="J8633" s="59">
        <f>Bühler!J8659</f>
        <v>1.258457610753994</v>
      </c>
      <c r="K8633" s="59">
        <f>Bühler!K8659</f>
        <v>1.887686416130991</v>
      </c>
      <c r="L8633" s="59">
        <f>Bühler!L8659</f>
        <v>9.060894797428757</v>
      </c>
      <c r="M8633" s="58">
        <f>Bühler!M8659</f>
        <v>0</v>
      </c>
      <c r="N8633" s="56">
        <f>IF(Input!$D$19=1,J8633*Input!$C$19,0)+IF(Input!$D$20=1,K8633*Input!$C$20,0)+IF(Input!$D$21=1,L8633*Input!$C$21,0)+IF(Input!$D$22=1,M8633*Input!$C$22,0)</f>
        <v>0.37753728322619817</v>
      </c>
      <c r="O8633" s="59">
        <f>IF(Input!$D$19=2,J8633*Input!$C$19,0)+IF(Input!$D$20=2,K8633*Input!$C$20,0)+IF(Input!$D$21=2,L8633*Input!$C$21,0)+IF(Input!$D$22=2,M8633*Input!$C$22,0)</f>
        <v>0.94384320806549549</v>
      </c>
      <c r="P8633" s="59">
        <f>IF(Input!$D$19=3,J8633*Input!$C$19,0)+IF(Input!$D$20=3,K8633*Input!$C$20,0)+IF(Input!$D$21=3,L8633*Input!$C$21,0)+IF(Input!$D$22=3,M8633*Input!$C$22,0)</f>
        <v>0</v>
      </c>
      <c r="Q8633" s="75">
        <f>IF(Input!$D$19=4,J8633*Input!$C$19,0)+IF(Input!$D$20=4,K8633*Input!$C$20,0)+IF(Input!$D$21=4,L8633*Input!$C$21,0)+IF(Input!$D$22=4,M8633*Input!$C$22,0)</f>
        <v>0</v>
      </c>
      <c r="R8633" s="58">
        <v>66.260412238089103</v>
      </c>
      <c r="S8633" s="124">
        <f t="shared" si="134"/>
        <v>1.6359948939801923</v>
      </c>
    </row>
    <row r="8634" spans="8:19" x14ac:dyDescent="0.3">
      <c r="H8634" s="44">
        <v>8627</v>
      </c>
      <c r="I8634" s="56">
        <f>Bühler!I8660</f>
        <v>0.40899872349504801</v>
      </c>
      <c r="J8634" s="59">
        <f>Bühler!J8660</f>
        <v>1.3633290783168268</v>
      </c>
      <c r="K8634" s="59">
        <f>Bühler!K8660</f>
        <v>2.0449936174752401</v>
      </c>
      <c r="L8634" s="59">
        <f>Bühler!L8660</f>
        <v>9.8159693638811518</v>
      </c>
      <c r="M8634" s="58">
        <f>Bühler!M8660</f>
        <v>0</v>
      </c>
      <c r="N8634" s="56">
        <f>IF(Input!$D$19=1,J8634*Input!$C$19,0)+IF(Input!$D$20=1,K8634*Input!$C$20,0)+IF(Input!$D$21=1,L8634*Input!$C$21,0)+IF(Input!$D$22=1,M8634*Input!$C$22,0)</f>
        <v>0.40899872349504801</v>
      </c>
      <c r="O8634" s="59">
        <f>IF(Input!$D$19=2,J8634*Input!$C$19,0)+IF(Input!$D$20=2,K8634*Input!$C$20,0)+IF(Input!$D$21=2,L8634*Input!$C$21,0)+IF(Input!$D$22=2,M8634*Input!$C$22,0)</f>
        <v>1.0224968087376201</v>
      </c>
      <c r="P8634" s="59">
        <f>IF(Input!$D$19=3,J8634*Input!$C$19,0)+IF(Input!$D$20=3,K8634*Input!$C$20,0)+IF(Input!$D$21=3,L8634*Input!$C$21,0)+IF(Input!$D$22=3,M8634*Input!$C$22,0)</f>
        <v>0</v>
      </c>
      <c r="Q8634" s="75">
        <f>IF(Input!$D$19=4,J8634*Input!$C$19,0)+IF(Input!$D$20=4,K8634*Input!$C$20,0)+IF(Input!$D$21=4,L8634*Input!$C$21,0)+IF(Input!$D$22=4,M8634*Input!$C$22,0)</f>
        <v>0</v>
      </c>
      <c r="R8634" s="58">
        <v>67.140045621778327</v>
      </c>
      <c r="S8634" s="124">
        <f t="shared" si="134"/>
        <v>1.7723278018118749</v>
      </c>
    </row>
    <row r="8635" spans="8:19" x14ac:dyDescent="0.3">
      <c r="H8635" s="44">
        <v>8628</v>
      </c>
      <c r="I8635" s="56">
        <f>Bühler!I8661</f>
        <v>0.47192160403274763</v>
      </c>
      <c r="J8635" s="59">
        <f>Bühler!J8661</f>
        <v>1.5730720134424923</v>
      </c>
      <c r="K8635" s="59">
        <f>Bühler!K8661</f>
        <v>2.3596080201637384</v>
      </c>
      <c r="L8635" s="59">
        <f>Bühler!L8661</f>
        <v>11.326118496785943</v>
      </c>
      <c r="M8635" s="58">
        <f>Bühler!M8661</f>
        <v>0</v>
      </c>
      <c r="N8635" s="56">
        <f>IF(Input!$D$19=1,J8635*Input!$C$19,0)+IF(Input!$D$20=1,K8635*Input!$C$20,0)+IF(Input!$D$21=1,L8635*Input!$C$21,0)+IF(Input!$D$22=1,M8635*Input!$C$22,0)</f>
        <v>0.47192160403274763</v>
      </c>
      <c r="O8635" s="59">
        <f>IF(Input!$D$19=2,J8635*Input!$C$19,0)+IF(Input!$D$20=2,K8635*Input!$C$20,0)+IF(Input!$D$21=2,L8635*Input!$C$21,0)+IF(Input!$D$22=2,M8635*Input!$C$22,0)</f>
        <v>1.1798040100818692</v>
      </c>
      <c r="P8635" s="59">
        <f>IF(Input!$D$19=3,J8635*Input!$C$19,0)+IF(Input!$D$20=3,K8635*Input!$C$20,0)+IF(Input!$D$21=3,L8635*Input!$C$21,0)+IF(Input!$D$22=3,M8635*Input!$C$22,0)</f>
        <v>0</v>
      </c>
      <c r="Q8635" s="75">
        <f>IF(Input!$D$19=4,J8635*Input!$C$19,0)+IF(Input!$D$20=4,K8635*Input!$C$20,0)+IF(Input!$D$21=4,L8635*Input!$C$21,0)+IF(Input!$D$22=4,M8635*Input!$C$22,0)</f>
        <v>0</v>
      </c>
      <c r="R8635" s="58">
        <v>67.459075991090515</v>
      </c>
      <c r="S8635" s="124">
        <f t="shared" si="134"/>
        <v>2.0449936174752397</v>
      </c>
    </row>
    <row r="8636" spans="8:19" x14ac:dyDescent="0.3">
      <c r="H8636" s="44">
        <v>8629</v>
      </c>
      <c r="I8636" s="56">
        <f>Bühler!I8662</f>
        <v>0.47192160403274763</v>
      </c>
      <c r="J8636" s="59">
        <f>Bühler!J8662</f>
        <v>1.5730720134424923</v>
      </c>
      <c r="K8636" s="59">
        <f>Bühler!K8662</f>
        <v>2.3596080201637384</v>
      </c>
      <c r="L8636" s="59">
        <f>Bühler!L8662</f>
        <v>11.326118496785943</v>
      </c>
      <c r="M8636" s="58">
        <f>Bühler!M8662</f>
        <v>0</v>
      </c>
      <c r="N8636" s="56">
        <f>IF(Input!$D$19=1,J8636*Input!$C$19,0)+IF(Input!$D$20=1,K8636*Input!$C$20,0)+IF(Input!$D$21=1,L8636*Input!$C$21,0)+IF(Input!$D$22=1,M8636*Input!$C$22,0)</f>
        <v>0.47192160403274763</v>
      </c>
      <c r="O8636" s="59">
        <f>IF(Input!$D$19=2,J8636*Input!$C$19,0)+IF(Input!$D$20=2,K8636*Input!$C$20,0)+IF(Input!$D$21=2,L8636*Input!$C$21,0)+IF(Input!$D$22=2,M8636*Input!$C$22,0)</f>
        <v>1.1798040100818692</v>
      </c>
      <c r="P8636" s="59">
        <f>IF(Input!$D$19=3,J8636*Input!$C$19,0)+IF(Input!$D$20=3,K8636*Input!$C$20,0)+IF(Input!$D$21=3,L8636*Input!$C$21,0)+IF(Input!$D$22=3,M8636*Input!$C$22,0)</f>
        <v>0</v>
      </c>
      <c r="Q8636" s="75">
        <f>IF(Input!$D$19=4,J8636*Input!$C$19,0)+IF(Input!$D$20=4,K8636*Input!$C$20,0)+IF(Input!$D$21=4,L8636*Input!$C$21,0)+IF(Input!$D$22=4,M8636*Input!$C$22,0)</f>
        <v>0</v>
      </c>
      <c r="R8636" s="58">
        <v>65.996992317288985</v>
      </c>
      <c r="S8636" s="124">
        <f t="shared" si="134"/>
        <v>2.0449936174752397</v>
      </c>
    </row>
    <row r="8637" spans="8:19" x14ac:dyDescent="0.3">
      <c r="H8637" s="44">
        <v>8630</v>
      </c>
      <c r="I8637" s="56">
        <f>Bühler!I8663</f>
        <v>0.47192160403274763</v>
      </c>
      <c r="J8637" s="59">
        <f>Bühler!J8663</f>
        <v>1.5730720134424923</v>
      </c>
      <c r="K8637" s="59">
        <f>Bühler!K8663</f>
        <v>2.3596080201637384</v>
      </c>
      <c r="L8637" s="59">
        <f>Bühler!L8663</f>
        <v>11.326118496785943</v>
      </c>
      <c r="M8637" s="58">
        <f>Bühler!M8663</f>
        <v>0</v>
      </c>
      <c r="N8637" s="56">
        <f>IF(Input!$D$19=1,J8637*Input!$C$19,0)+IF(Input!$D$20=1,K8637*Input!$C$20,0)+IF(Input!$D$21=1,L8637*Input!$C$21,0)+IF(Input!$D$22=1,M8637*Input!$C$22,0)</f>
        <v>0.47192160403274763</v>
      </c>
      <c r="O8637" s="59">
        <f>IF(Input!$D$19=2,J8637*Input!$C$19,0)+IF(Input!$D$20=2,K8637*Input!$C$20,0)+IF(Input!$D$21=2,L8637*Input!$C$21,0)+IF(Input!$D$22=2,M8637*Input!$C$22,0)</f>
        <v>1.1798040100818692</v>
      </c>
      <c r="P8637" s="59">
        <f>IF(Input!$D$19=3,J8637*Input!$C$19,0)+IF(Input!$D$20=3,K8637*Input!$C$20,0)+IF(Input!$D$21=3,L8637*Input!$C$21,0)+IF(Input!$D$22=3,M8637*Input!$C$22,0)</f>
        <v>0</v>
      </c>
      <c r="Q8637" s="75">
        <f>IF(Input!$D$19=4,J8637*Input!$C$19,0)+IF(Input!$D$20=4,K8637*Input!$C$20,0)+IF(Input!$D$21=4,L8637*Input!$C$21,0)+IF(Input!$D$22=4,M8637*Input!$C$22,0)</f>
        <v>0</v>
      </c>
      <c r="R8637" s="58">
        <v>65.964821407646951</v>
      </c>
      <c r="S8637" s="124">
        <f t="shared" si="134"/>
        <v>2.0449936174752397</v>
      </c>
    </row>
    <row r="8638" spans="8:19" x14ac:dyDescent="0.3">
      <c r="H8638" s="44">
        <v>8631</v>
      </c>
      <c r="I8638" s="56">
        <f>Bühler!I8664</f>
        <v>0.47192160403274763</v>
      </c>
      <c r="J8638" s="59">
        <f>Bühler!J8664</f>
        <v>1.5730720134424923</v>
      </c>
      <c r="K8638" s="59">
        <f>Bühler!K8664</f>
        <v>2.3596080201637384</v>
      </c>
      <c r="L8638" s="59">
        <f>Bühler!L8664</f>
        <v>11.326118496785943</v>
      </c>
      <c r="M8638" s="58">
        <f>Bühler!M8664</f>
        <v>0</v>
      </c>
      <c r="N8638" s="56">
        <f>IF(Input!$D$19=1,J8638*Input!$C$19,0)+IF(Input!$D$20=1,K8638*Input!$C$20,0)+IF(Input!$D$21=1,L8638*Input!$C$21,0)+IF(Input!$D$22=1,M8638*Input!$C$22,0)</f>
        <v>0.47192160403274763</v>
      </c>
      <c r="O8638" s="59">
        <f>IF(Input!$D$19=2,J8638*Input!$C$19,0)+IF(Input!$D$20=2,K8638*Input!$C$20,0)+IF(Input!$D$21=2,L8638*Input!$C$21,0)+IF(Input!$D$22=2,M8638*Input!$C$22,0)</f>
        <v>1.1798040100818692</v>
      </c>
      <c r="P8638" s="59">
        <f>IF(Input!$D$19=3,J8638*Input!$C$19,0)+IF(Input!$D$20=3,K8638*Input!$C$20,0)+IF(Input!$D$21=3,L8638*Input!$C$21,0)+IF(Input!$D$22=3,M8638*Input!$C$22,0)</f>
        <v>0</v>
      </c>
      <c r="Q8638" s="75">
        <f>IF(Input!$D$19=4,J8638*Input!$C$19,0)+IF(Input!$D$20=4,K8638*Input!$C$20,0)+IF(Input!$D$21=4,L8638*Input!$C$21,0)+IF(Input!$D$22=4,M8638*Input!$C$22,0)</f>
        <v>0</v>
      </c>
      <c r="R8638" s="58">
        <v>65.819144776639689</v>
      </c>
      <c r="S8638" s="124">
        <f t="shared" si="134"/>
        <v>2.0449936174752397</v>
      </c>
    </row>
    <row r="8639" spans="8:19" x14ac:dyDescent="0.3">
      <c r="H8639" s="44">
        <v>8632</v>
      </c>
      <c r="I8639" s="56">
        <f>Bühler!I8665</f>
        <v>0.47192160403274763</v>
      </c>
      <c r="J8639" s="59">
        <f>Bühler!J8665</f>
        <v>1.5730720134424923</v>
      </c>
      <c r="K8639" s="59">
        <f>Bühler!K8665</f>
        <v>2.3596080201637384</v>
      </c>
      <c r="L8639" s="59">
        <f>Bühler!L8665</f>
        <v>11.326118496785943</v>
      </c>
      <c r="M8639" s="58">
        <f>Bühler!M8665</f>
        <v>0</v>
      </c>
      <c r="N8639" s="56">
        <f>IF(Input!$D$19=1,J8639*Input!$C$19,0)+IF(Input!$D$20=1,K8639*Input!$C$20,0)+IF(Input!$D$21=1,L8639*Input!$C$21,0)+IF(Input!$D$22=1,M8639*Input!$C$22,0)</f>
        <v>0.47192160403274763</v>
      </c>
      <c r="O8639" s="59">
        <f>IF(Input!$D$19=2,J8639*Input!$C$19,0)+IF(Input!$D$20=2,K8639*Input!$C$20,0)+IF(Input!$D$21=2,L8639*Input!$C$21,0)+IF(Input!$D$22=2,M8639*Input!$C$22,0)</f>
        <v>1.1798040100818692</v>
      </c>
      <c r="P8639" s="59">
        <f>IF(Input!$D$19=3,J8639*Input!$C$19,0)+IF(Input!$D$20=3,K8639*Input!$C$20,0)+IF(Input!$D$21=3,L8639*Input!$C$21,0)+IF(Input!$D$22=3,M8639*Input!$C$22,0)</f>
        <v>0</v>
      </c>
      <c r="Q8639" s="75">
        <f>IF(Input!$D$19=4,J8639*Input!$C$19,0)+IF(Input!$D$20=4,K8639*Input!$C$20,0)+IF(Input!$D$21=4,L8639*Input!$C$21,0)+IF(Input!$D$22=4,M8639*Input!$C$22,0)</f>
        <v>0</v>
      </c>
      <c r="R8639" s="58">
        <v>64.575847228936624</v>
      </c>
      <c r="S8639" s="124">
        <f t="shared" si="134"/>
        <v>2.0449936174752397</v>
      </c>
    </row>
    <row r="8640" spans="8:19" x14ac:dyDescent="0.3">
      <c r="H8640" s="44">
        <v>8633</v>
      </c>
      <c r="I8640" s="56">
        <f>Bühler!I8666</f>
        <v>0.47192160403274763</v>
      </c>
      <c r="J8640" s="59">
        <f>Bühler!J8666</f>
        <v>1.5730720134424923</v>
      </c>
      <c r="K8640" s="59">
        <f>Bühler!K8666</f>
        <v>2.3596080201637384</v>
      </c>
      <c r="L8640" s="59">
        <f>Bühler!L8666</f>
        <v>11.326118496785943</v>
      </c>
      <c r="M8640" s="58">
        <f>Bühler!M8666</f>
        <v>0</v>
      </c>
      <c r="N8640" s="56">
        <f>IF(Input!$D$19=1,J8640*Input!$C$19,0)+IF(Input!$D$20=1,K8640*Input!$C$20,0)+IF(Input!$D$21=1,L8640*Input!$C$21,0)+IF(Input!$D$22=1,M8640*Input!$C$22,0)</f>
        <v>0.47192160403274763</v>
      </c>
      <c r="O8640" s="59">
        <f>IF(Input!$D$19=2,J8640*Input!$C$19,0)+IF(Input!$D$20=2,K8640*Input!$C$20,0)+IF(Input!$D$21=2,L8640*Input!$C$21,0)+IF(Input!$D$22=2,M8640*Input!$C$22,0)</f>
        <v>1.1798040100818692</v>
      </c>
      <c r="P8640" s="59">
        <f>IF(Input!$D$19=3,J8640*Input!$C$19,0)+IF(Input!$D$20=3,K8640*Input!$C$20,0)+IF(Input!$D$21=3,L8640*Input!$C$21,0)+IF(Input!$D$22=3,M8640*Input!$C$22,0)</f>
        <v>0</v>
      </c>
      <c r="Q8640" s="75">
        <f>IF(Input!$D$19=4,J8640*Input!$C$19,0)+IF(Input!$D$20=4,K8640*Input!$C$20,0)+IF(Input!$D$21=4,L8640*Input!$C$21,0)+IF(Input!$D$22=4,M8640*Input!$C$22,0)</f>
        <v>0</v>
      </c>
      <c r="R8640" s="58">
        <v>63.187555078853492</v>
      </c>
      <c r="S8640" s="124">
        <f t="shared" si="134"/>
        <v>2.0449936174752397</v>
      </c>
    </row>
    <row r="8641" spans="8:19" x14ac:dyDescent="0.3">
      <c r="H8641" s="44">
        <v>8634</v>
      </c>
      <c r="I8641" s="56">
        <f>Bühler!I8667</f>
        <v>0.47192160403274763</v>
      </c>
      <c r="J8641" s="59">
        <f>Bühler!J8667</f>
        <v>1.5730720134424923</v>
      </c>
      <c r="K8641" s="59">
        <f>Bühler!K8667</f>
        <v>2.3596080201637384</v>
      </c>
      <c r="L8641" s="59">
        <f>Bühler!L8667</f>
        <v>11.326118496785943</v>
      </c>
      <c r="M8641" s="58">
        <f>Bühler!M8667</f>
        <v>0</v>
      </c>
      <c r="N8641" s="56">
        <f>IF(Input!$D$19=1,J8641*Input!$C$19,0)+IF(Input!$D$20=1,K8641*Input!$C$20,0)+IF(Input!$D$21=1,L8641*Input!$C$21,0)+IF(Input!$D$22=1,M8641*Input!$C$22,0)</f>
        <v>0.47192160403274763</v>
      </c>
      <c r="O8641" s="59">
        <f>IF(Input!$D$19=2,J8641*Input!$C$19,0)+IF(Input!$D$20=2,K8641*Input!$C$20,0)+IF(Input!$D$21=2,L8641*Input!$C$21,0)+IF(Input!$D$22=2,M8641*Input!$C$22,0)</f>
        <v>1.1798040100818692</v>
      </c>
      <c r="P8641" s="59">
        <f>IF(Input!$D$19=3,J8641*Input!$C$19,0)+IF(Input!$D$20=3,K8641*Input!$C$20,0)+IF(Input!$D$21=3,L8641*Input!$C$21,0)+IF(Input!$D$22=3,M8641*Input!$C$22,0)</f>
        <v>0</v>
      </c>
      <c r="Q8641" s="75">
        <f>IF(Input!$D$19=4,J8641*Input!$C$19,0)+IF(Input!$D$20=4,K8641*Input!$C$20,0)+IF(Input!$D$21=4,L8641*Input!$C$21,0)+IF(Input!$D$22=4,M8641*Input!$C$22,0)</f>
        <v>0</v>
      </c>
      <c r="R8641" s="58">
        <v>62.393670167484743</v>
      </c>
      <c r="S8641" s="124">
        <f t="shared" si="134"/>
        <v>2.0449936174752397</v>
      </c>
    </row>
    <row r="8642" spans="8:19" x14ac:dyDescent="0.3">
      <c r="H8642" s="44">
        <v>8635</v>
      </c>
      <c r="I8642" s="56">
        <f>Bühler!I8668</f>
        <v>0.47192160403274763</v>
      </c>
      <c r="J8642" s="59">
        <f>Bühler!J8668</f>
        <v>1.5730720134424923</v>
      </c>
      <c r="K8642" s="59">
        <f>Bühler!K8668</f>
        <v>2.3596080201637384</v>
      </c>
      <c r="L8642" s="59">
        <f>Bühler!L8668</f>
        <v>11.326118496785943</v>
      </c>
      <c r="M8642" s="58">
        <f>Bühler!M8668</f>
        <v>0</v>
      </c>
      <c r="N8642" s="56">
        <f>IF(Input!$D$19=1,J8642*Input!$C$19,0)+IF(Input!$D$20=1,K8642*Input!$C$20,0)+IF(Input!$D$21=1,L8642*Input!$C$21,0)+IF(Input!$D$22=1,M8642*Input!$C$22,0)</f>
        <v>0.47192160403274763</v>
      </c>
      <c r="O8642" s="59">
        <f>IF(Input!$D$19=2,J8642*Input!$C$19,0)+IF(Input!$D$20=2,K8642*Input!$C$20,0)+IF(Input!$D$21=2,L8642*Input!$C$21,0)+IF(Input!$D$22=2,M8642*Input!$C$22,0)</f>
        <v>1.1798040100818692</v>
      </c>
      <c r="P8642" s="59">
        <f>IF(Input!$D$19=3,J8642*Input!$C$19,0)+IF(Input!$D$20=3,K8642*Input!$C$20,0)+IF(Input!$D$21=3,L8642*Input!$C$21,0)+IF(Input!$D$22=3,M8642*Input!$C$22,0)</f>
        <v>0</v>
      </c>
      <c r="Q8642" s="75">
        <f>IF(Input!$D$19=4,J8642*Input!$C$19,0)+IF(Input!$D$20=4,K8642*Input!$C$20,0)+IF(Input!$D$21=4,L8642*Input!$C$21,0)+IF(Input!$D$22=4,M8642*Input!$C$22,0)</f>
        <v>0</v>
      </c>
      <c r="R8642" s="58">
        <v>60.705183724187364</v>
      </c>
      <c r="S8642" s="124">
        <f t="shared" si="134"/>
        <v>2.0449936174752397</v>
      </c>
    </row>
    <row r="8643" spans="8:19" x14ac:dyDescent="0.3">
      <c r="H8643" s="44">
        <v>8636</v>
      </c>
      <c r="I8643" s="56">
        <f>Bühler!I8669</f>
        <v>0.39326800336062312</v>
      </c>
      <c r="J8643" s="59">
        <f>Bühler!J8669</f>
        <v>1.3108933445354105</v>
      </c>
      <c r="K8643" s="59">
        <f>Bühler!K8669</f>
        <v>1.9663400168031155</v>
      </c>
      <c r="L8643" s="59">
        <f>Bühler!L8669</f>
        <v>9.4384320806549553</v>
      </c>
      <c r="M8643" s="58">
        <f>Bühler!M8669</f>
        <v>0</v>
      </c>
      <c r="N8643" s="56">
        <f>IF(Input!$D$19=1,J8643*Input!$C$19,0)+IF(Input!$D$20=1,K8643*Input!$C$20,0)+IF(Input!$D$21=1,L8643*Input!$C$21,0)+IF(Input!$D$22=1,M8643*Input!$C$22,0)</f>
        <v>0.39326800336062312</v>
      </c>
      <c r="O8643" s="59">
        <f>IF(Input!$D$19=2,J8643*Input!$C$19,0)+IF(Input!$D$20=2,K8643*Input!$C$20,0)+IF(Input!$D$21=2,L8643*Input!$C$21,0)+IF(Input!$D$22=2,M8643*Input!$C$22,0)</f>
        <v>0.98317000840155777</v>
      </c>
      <c r="P8643" s="59">
        <f>IF(Input!$D$19=3,J8643*Input!$C$19,0)+IF(Input!$D$20=3,K8643*Input!$C$20,0)+IF(Input!$D$21=3,L8643*Input!$C$21,0)+IF(Input!$D$22=3,M8643*Input!$C$22,0)</f>
        <v>0</v>
      </c>
      <c r="Q8643" s="75">
        <f>IF(Input!$D$19=4,J8643*Input!$C$19,0)+IF(Input!$D$20=4,K8643*Input!$C$20,0)+IF(Input!$D$21=4,L8643*Input!$C$21,0)+IF(Input!$D$22=4,M8643*Input!$C$22,0)</f>
        <v>0</v>
      </c>
      <c r="R8643" s="58">
        <v>59.4884258829224</v>
      </c>
      <c r="S8643" s="124">
        <f t="shared" si="134"/>
        <v>1.7041613478960336</v>
      </c>
    </row>
    <row r="8644" spans="8:19" x14ac:dyDescent="0.3">
      <c r="H8644" s="44">
        <v>8637</v>
      </c>
      <c r="I8644" s="56">
        <f>Bühler!I8670</f>
        <v>0.3146144026884985</v>
      </c>
      <c r="J8644" s="59">
        <f>Bühler!J8670</f>
        <v>1.0487146756283285</v>
      </c>
      <c r="K8644" s="59">
        <f>Bühler!K8670</f>
        <v>1.5730720134424925</v>
      </c>
      <c r="L8644" s="59">
        <f>Bühler!L8670</f>
        <v>7.5507456645239639</v>
      </c>
      <c r="M8644" s="58">
        <f>Bühler!M8670</f>
        <v>0</v>
      </c>
      <c r="N8644" s="56">
        <f>IF(Input!$D$19=1,J8644*Input!$C$19,0)+IF(Input!$D$20=1,K8644*Input!$C$20,0)+IF(Input!$D$21=1,L8644*Input!$C$21,0)+IF(Input!$D$22=1,M8644*Input!$C$22,0)</f>
        <v>0.31461440268849855</v>
      </c>
      <c r="O8644" s="59">
        <f>IF(Input!$D$19=2,J8644*Input!$C$19,0)+IF(Input!$D$20=2,K8644*Input!$C$20,0)+IF(Input!$D$21=2,L8644*Input!$C$21,0)+IF(Input!$D$22=2,M8644*Input!$C$22,0)</f>
        <v>0.78653600672124624</v>
      </c>
      <c r="P8644" s="59">
        <f>IF(Input!$D$19=3,J8644*Input!$C$19,0)+IF(Input!$D$20=3,K8644*Input!$C$20,0)+IF(Input!$D$21=3,L8644*Input!$C$21,0)+IF(Input!$D$22=3,M8644*Input!$C$22,0)</f>
        <v>0</v>
      </c>
      <c r="Q8644" s="75">
        <f>IF(Input!$D$19=4,J8644*Input!$C$19,0)+IF(Input!$D$20=4,K8644*Input!$C$20,0)+IF(Input!$D$21=4,L8644*Input!$C$21,0)+IF(Input!$D$22=4,M8644*Input!$C$22,0)</f>
        <v>0</v>
      </c>
      <c r="R8644" s="58">
        <v>58.577755773797172</v>
      </c>
      <c r="S8644" s="124">
        <f t="shared" si="134"/>
        <v>1.363329078316827</v>
      </c>
    </row>
    <row r="8645" spans="8:19" x14ac:dyDescent="0.3">
      <c r="H8645" s="44">
        <v>8638</v>
      </c>
      <c r="I8645" s="56">
        <f>Bühler!I8671</f>
        <v>0.23596080201637382</v>
      </c>
      <c r="J8645" s="59">
        <f>Bühler!J8671</f>
        <v>0.78653600672124613</v>
      </c>
      <c r="K8645" s="59">
        <f>Bühler!K8671</f>
        <v>1.1798040100818692</v>
      </c>
      <c r="L8645" s="59">
        <f>Bühler!L8671</f>
        <v>5.6630592483929716</v>
      </c>
      <c r="M8645" s="58">
        <f>Bühler!M8671</f>
        <v>0</v>
      </c>
      <c r="N8645" s="56">
        <f>IF(Input!$D$19=1,J8645*Input!$C$19,0)+IF(Input!$D$20=1,K8645*Input!$C$20,0)+IF(Input!$D$21=1,L8645*Input!$C$21,0)+IF(Input!$D$22=1,M8645*Input!$C$22,0)</f>
        <v>0.23596080201637382</v>
      </c>
      <c r="O8645" s="59">
        <f>IF(Input!$D$19=2,J8645*Input!$C$19,0)+IF(Input!$D$20=2,K8645*Input!$C$20,0)+IF(Input!$D$21=2,L8645*Input!$C$21,0)+IF(Input!$D$22=2,M8645*Input!$C$22,0)</f>
        <v>0.5899020050409346</v>
      </c>
      <c r="P8645" s="59">
        <f>IF(Input!$D$19=3,J8645*Input!$C$19,0)+IF(Input!$D$20=3,K8645*Input!$C$20,0)+IF(Input!$D$21=3,L8645*Input!$C$21,0)+IF(Input!$D$22=3,M8645*Input!$C$22,0)</f>
        <v>0</v>
      </c>
      <c r="Q8645" s="75">
        <f>IF(Input!$D$19=4,J8645*Input!$C$19,0)+IF(Input!$D$20=4,K8645*Input!$C$20,0)+IF(Input!$D$21=4,L8645*Input!$C$21,0)+IF(Input!$D$22=4,M8645*Input!$C$22,0)</f>
        <v>0</v>
      </c>
      <c r="R8645" s="58">
        <v>56.632266496291138</v>
      </c>
      <c r="S8645" s="124">
        <f t="shared" si="134"/>
        <v>1.0224968087376198</v>
      </c>
    </row>
    <row r="8646" spans="8:19" x14ac:dyDescent="0.3">
      <c r="H8646" s="44">
        <v>8639</v>
      </c>
      <c r="I8646" s="56">
        <f>Bühler!I8672</f>
        <v>0.23596080201637382</v>
      </c>
      <c r="J8646" s="59">
        <f>Bühler!J8672</f>
        <v>0.78653600672124613</v>
      </c>
      <c r="K8646" s="59">
        <f>Bühler!K8672</f>
        <v>1.1798040100818692</v>
      </c>
      <c r="L8646" s="59">
        <f>Bühler!L8672</f>
        <v>5.6630592483929716</v>
      </c>
      <c r="M8646" s="58">
        <f>Bühler!M8672</f>
        <v>0</v>
      </c>
      <c r="N8646" s="56">
        <f>IF(Input!$D$19=1,J8646*Input!$C$19,0)+IF(Input!$D$20=1,K8646*Input!$C$20,0)+IF(Input!$D$21=1,L8646*Input!$C$21,0)+IF(Input!$D$22=1,M8646*Input!$C$22,0)</f>
        <v>0.23596080201637382</v>
      </c>
      <c r="O8646" s="59">
        <f>IF(Input!$D$19=2,J8646*Input!$C$19,0)+IF(Input!$D$20=2,K8646*Input!$C$20,0)+IF(Input!$D$21=2,L8646*Input!$C$21,0)+IF(Input!$D$22=2,M8646*Input!$C$22,0)</f>
        <v>0.5899020050409346</v>
      </c>
      <c r="P8646" s="59">
        <f>IF(Input!$D$19=3,J8646*Input!$C$19,0)+IF(Input!$D$20=3,K8646*Input!$C$20,0)+IF(Input!$D$21=3,L8646*Input!$C$21,0)+IF(Input!$D$22=3,M8646*Input!$C$22,0)</f>
        <v>0</v>
      </c>
      <c r="Q8646" s="75">
        <f>IF(Input!$D$19=4,J8646*Input!$C$19,0)+IF(Input!$D$20=4,K8646*Input!$C$20,0)+IF(Input!$D$21=4,L8646*Input!$C$21,0)+IF(Input!$D$22=4,M8646*Input!$C$22,0)</f>
        <v>0</v>
      </c>
      <c r="R8646" s="58">
        <v>56.648588757618079</v>
      </c>
      <c r="S8646" s="124">
        <f t="shared" si="134"/>
        <v>1.0224968087376198</v>
      </c>
    </row>
    <row r="8647" spans="8:19" x14ac:dyDescent="0.3">
      <c r="H8647" s="44">
        <v>8640</v>
      </c>
      <c r="I8647" s="56">
        <f>Bühler!I8673</f>
        <v>0.23596080201637382</v>
      </c>
      <c r="J8647" s="59">
        <f>Bühler!J8673</f>
        <v>0.78653600672124613</v>
      </c>
      <c r="K8647" s="59">
        <f>Bühler!K8673</f>
        <v>1.1798040100818692</v>
      </c>
      <c r="L8647" s="59">
        <f>Bühler!L8673</f>
        <v>5.6630592483929716</v>
      </c>
      <c r="M8647" s="58">
        <f>Bühler!M8673</f>
        <v>0</v>
      </c>
      <c r="N8647" s="56">
        <f>IF(Input!$D$19=1,J8647*Input!$C$19,0)+IF(Input!$D$20=1,K8647*Input!$C$20,0)+IF(Input!$D$21=1,L8647*Input!$C$21,0)+IF(Input!$D$22=1,M8647*Input!$C$22,0)</f>
        <v>0.23596080201637382</v>
      </c>
      <c r="O8647" s="59">
        <f>IF(Input!$D$19=2,J8647*Input!$C$19,0)+IF(Input!$D$20=2,K8647*Input!$C$20,0)+IF(Input!$D$21=2,L8647*Input!$C$21,0)+IF(Input!$D$22=2,M8647*Input!$C$22,0)</f>
        <v>0.5899020050409346</v>
      </c>
      <c r="P8647" s="59">
        <f>IF(Input!$D$19=3,J8647*Input!$C$19,0)+IF(Input!$D$20=3,K8647*Input!$C$20,0)+IF(Input!$D$21=3,L8647*Input!$C$21,0)+IF(Input!$D$22=3,M8647*Input!$C$22,0)</f>
        <v>0</v>
      </c>
      <c r="Q8647" s="75">
        <f>IF(Input!$D$19=4,J8647*Input!$C$19,0)+IF(Input!$D$20=4,K8647*Input!$C$20,0)+IF(Input!$D$21=4,L8647*Input!$C$21,0)+IF(Input!$D$22=4,M8647*Input!$C$22,0)</f>
        <v>0</v>
      </c>
      <c r="R8647" s="58">
        <v>55.727323070062631</v>
      </c>
      <c r="S8647" s="124">
        <f t="shared" si="134"/>
        <v>1.0224968087376198</v>
      </c>
    </row>
    <row r="8648" spans="8:19" x14ac:dyDescent="0.3">
      <c r="H8648" s="44">
        <v>8641</v>
      </c>
      <c r="I8648" s="56">
        <f>Bühler!I8674</f>
        <v>0.23725423730644338</v>
      </c>
      <c r="J8648" s="59">
        <f>Bühler!J8674</f>
        <v>0.79084745768814468</v>
      </c>
      <c r="K8648" s="59">
        <f>Bühler!K8674</f>
        <v>1.1862711865322169</v>
      </c>
      <c r="L8648" s="59">
        <f>Bühler!L8674</f>
        <v>5.6941016953546413</v>
      </c>
      <c r="M8648" s="58">
        <f>Bühler!M8674</f>
        <v>0</v>
      </c>
      <c r="N8648" s="56">
        <f>IF(Input!$D$19=1,J8648*Input!$C$19,0)+IF(Input!$D$20=1,K8648*Input!$C$20,0)+IF(Input!$D$21=1,L8648*Input!$C$21,0)+IF(Input!$D$22=1,M8648*Input!$C$22,0)</f>
        <v>0.23725423730644341</v>
      </c>
      <c r="O8648" s="59">
        <f>IF(Input!$D$19=2,J8648*Input!$C$19,0)+IF(Input!$D$20=2,K8648*Input!$C$20,0)+IF(Input!$D$21=2,L8648*Input!$C$21,0)+IF(Input!$D$22=2,M8648*Input!$C$22,0)</f>
        <v>0.59313559326610843</v>
      </c>
      <c r="P8648" s="59">
        <f>IF(Input!$D$19=3,J8648*Input!$C$19,0)+IF(Input!$D$20=3,K8648*Input!$C$20,0)+IF(Input!$D$21=3,L8648*Input!$C$21,0)+IF(Input!$D$22=3,M8648*Input!$C$22,0)</f>
        <v>0</v>
      </c>
      <c r="Q8648" s="75">
        <f>IF(Input!$D$19=4,J8648*Input!$C$19,0)+IF(Input!$D$20=4,K8648*Input!$C$20,0)+IF(Input!$D$21=4,L8648*Input!$C$21,0)+IF(Input!$D$22=4,M8648*Input!$C$22,0)</f>
        <v>0</v>
      </c>
      <c r="R8648" s="58">
        <v>55.083728647756139</v>
      </c>
      <c r="S8648" s="124">
        <f t="shared" si="134"/>
        <v>1.028101694994588</v>
      </c>
    </row>
    <row r="8649" spans="8:19" x14ac:dyDescent="0.3">
      <c r="H8649" s="44">
        <v>8642</v>
      </c>
      <c r="I8649" s="56">
        <f>Bühler!I8675</f>
        <v>0.23725423730644338</v>
      </c>
      <c r="J8649" s="59">
        <f>Bühler!J8675</f>
        <v>0.79084745768814468</v>
      </c>
      <c r="K8649" s="59">
        <f>Bühler!K8675</f>
        <v>1.1862711865322169</v>
      </c>
      <c r="L8649" s="59">
        <f>Bühler!L8675</f>
        <v>5.6941016953546413</v>
      </c>
      <c r="M8649" s="58">
        <f>Bühler!M8675</f>
        <v>0</v>
      </c>
      <c r="N8649" s="56">
        <f>IF(Input!$D$19=1,J8649*Input!$C$19,0)+IF(Input!$D$20=1,K8649*Input!$C$20,0)+IF(Input!$D$21=1,L8649*Input!$C$21,0)+IF(Input!$D$22=1,M8649*Input!$C$22,0)</f>
        <v>0.23725423730644341</v>
      </c>
      <c r="O8649" s="59">
        <f>IF(Input!$D$19=2,J8649*Input!$C$19,0)+IF(Input!$D$20=2,K8649*Input!$C$20,0)+IF(Input!$D$21=2,L8649*Input!$C$21,0)+IF(Input!$D$22=2,M8649*Input!$C$22,0)</f>
        <v>0.59313559326610843</v>
      </c>
      <c r="P8649" s="59">
        <f>IF(Input!$D$19=3,J8649*Input!$C$19,0)+IF(Input!$D$20=3,K8649*Input!$C$20,0)+IF(Input!$D$21=3,L8649*Input!$C$21,0)+IF(Input!$D$22=3,M8649*Input!$C$22,0)</f>
        <v>0</v>
      </c>
      <c r="Q8649" s="75">
        <f>IF(Input!$D$19=4,J8649*Input!$C$19,0)+IF(Input!$D$20=4,K8649*Input!$C$20,0)+IF(Input!$D$21=4,L8649*Input!$C$21,0)+IF(Input!$D$22=4,M8649*Input!$C$22,0)</f>
        <v>0</v>
      </c>
      <c r="R8649" s="58">
        <v>54.133195492301169</v>
      </c>
      <c r="S8649" s="124">
        <f t="shared" ref="S8649:S8712" si="135">I8649+J8649</f>
        <v>1.028101694994588</v>
      </c>
    </row>
    <row r="8650" spans="8:19" x14ac:dyDescent="0.3">
      <c r="H8650" s="44">
        <v>8643</v>
      </c>
      <c r="I8650" s="56">
        <f>Bühler!I8676</f>
        <v>0.23725423730644338</v>
      </c>
      <c r="J8650" s="59">
        <f>Bühler!J8676</f>
        <v>0.79084745768814468</v>
      </c>
      <c r="K8650" s="59">
        <f>Bühler!K8676</f>
        <v>1.1862711865322169</v>
      </c>
      <c r="L8650" s="59">
        <f>Bühler!L8676</f>
        <v>5.6941016953546413</v>
      </c>
      <c r="M8650" s="58">
        <f>Bühler!M8676</f>
        <v>0</v>
      </c>
      <c r="N8650" s="56">
        <f>IF(Input!$D$19=1,J8650*Input!$C$19,0)+IF(Input!$D$20=1,K8650*Input!$C$20,0)+IF(Input!$D$21=1,L8650*Input!$C$21,0)+IF(Input!$D$22=1,M8650*Input!$C$22,0)</f>
        <v>0.23725423730644341</v>
      </c>
      <c r="O8650" s="59">
        <f>IF(Input!$D$19=2,J8650*Input!$C$19,0)+IF(Input!$D$20=2,K8650*Input!$C$20,0)+IF(Input!$D$21=2,L8650*Input!$C$21,0)+IF(Input!$D$22=2,M8650*Input!$C$22,0)</f>
        <v>0.59313559326610843</v>
      </c>
      <c r="P8650" s="59">
        <f>IF(Input!$D$19=3,J8650*Input!$C$19,0)+IF(Input!$D$20=3,K8650*Input!$C$20,0)+IF(Input!$D$21=3,L8650*Input!$C$21,0)+IF(Input!$D$22=3,M8650*Input!$C$22,0)</f>
        <v>0</v>
      </c>
      <c r="Q8650" s="75">
        <f>IF(Input!$D$19=4,J8650*Input!$C$19,0)+IF(Input!$D$20=4,K8650*Input!$C$20,0)+IF(Input!$D$21=4,L8650*Input!$C$21,0)+IF(Input!$D$22=4,M8650*Input!$C$22,0)</f>
        <v>0</v>
      </c>
      <c r="R8650" s="58">
        <v>54.028711778126905</v>
      </c>
      <c r="S8650" s="124">
        <f t="shared" si="135"/>
        <v>1.028101694994588</v>
      </c>
    </row>
    <row r="8651" spans="8:19" x14ac:dyDescent="0.3">
      <c r="H8651" s="44">
        <v>8644</v>
      </c>
      <c r="I8651" s="56">
        <f>Bühler!I8677</f>
        <v>0.23725423730644338</v>
      </c>
      <c r="J8651" s="59">
        <f>Bühler!J8677</f>
        <v>0.79084745768814468</v>
      </c>
      <c r="K8651" s="59">
        <f>Bühler!K8677</f>
        <v>1.1862711865322169</v>
      </c>
      <c r="L8651" s="59">
        <f>Bühler!L8677</f>
        <v>5.6941016953546413</v>
      </c>
      <c r="M8651" s="58">
        <f>Bühler!M8677</f>
        <v>0</v>
      </c>
      <c r="N8651" s="56">
        <f>IF(Input!$D$19=1,J8651*Input!$C$19,0)+IF(Input!$D$20=1,K8651*Input!$C$20,0)+IF(Input!$D$21=1,L8651*Input!$C$21,0)+IF(Input!$D$22=1,M8651*Input!$C$22,0)</f>
        <v>0.23725423730644341</v>
      </c>
      <c r="O8651" s="59">
        <f>IF(Input!$D$19=2,J8651*Input!$C$19,0)+IF(Input!$D$20=2,K8651*Input!$C$20,0)+IF(Input!$D$21=2,L8651*Input!$C$21,0)+IF(Input!$D$22=2,M8651*Input!$C$22,0)</f>
        <v>0.59313559326610843</v>
      </c>
      <c r="P8651" s="59">
        <f>IF(Input!$D$19=3,J8651*Input!$C$19,0)+IF(Input!$D$20=3,K8651*Input!$C$20,0)+IF(Input!$D$21=3,L8651*Input!$C$21,0)+IF(Input!$D$22=3,M8651*Input!$C$22,0)</f>
        <v>0</v>
      </c>
      <c r="Q8651" s="75">
        <f>IF(Input!$D$19=4,J8651*Input!$C$19,0)+IF(Input!$D$20=4,K8651*Input!$C$20,0)+IF(Input!$D$21=4,L8651*Input!$C$21,0)+IF(Input!$D$22=4,M8651*Input!$C$22,0)</f>
        <v>0</v>
      </c>
      <c r="R8651" s="58">
        <v>54.023509919720638</v>
      </c>
      <c r="S8651" s="124">
        <f t="shared" si="135"/>
        <v>1.028101694994588</v>
      </c>
    </row>
    <row r="8652" spans="8:19" x14ac:dyDescent="0.3">
      <c r="H8652" s="44">
        <v>8645</v>
      </c>
      <c r="I8652" s="56">
        <f>Bühler!I8678</f>
        <v>0.23725423730644338</v>
      </c>
      <c r="J8652" s="59">
        <f>Bühler!J8678</f>
        <v>0.79084745768814468</v>
      </c>
      <c r="K8652" s="59">
        <f>Bühler!K8678</f>
        <v>1.1862711865322169</v>
      </c>
      <c r="L8652" s="59">
        <f>Bühler!L8678</f>
        <v>5.6941016953546413</v>
      </c>
      <c r="M8652" s="58">
        <f>Bühler!M8678</f>
        <v>0</v>
      </c>
      <c r="N8652" s="56">
        <f>IF(Input!$D$19=1,J8652*Input!$C$19,0)+IF(Input!$D$20=1,K8652*Input!$C$20,0)+IF(Input!$D$21=1,L8652*Input!$C$21,0)+IF(Input!$D$22=1,M8652*Input!$C$22,0)</f>
        <v>0.23725423730644341</v>
      </c>
      <c r="O8652" s="59">
        <f>IF(Input!$D$19=2,J8652*Input!$C$19,0)+IF(Input!$D$20=2,K8652*Input!$C$20,0)+IF(Input!$D$21=2,L8652*Input!$C$21,0)+IF(Input!$D$22=2,M8652*Input!$C$22,0)</f>
        <v>0.59313559326610843</v>
      </c>
      <c r="P8652" s="59">
        <f>IF(Input!$D$19=3,J8652*Input!$C$19,0)+IF(Input!$D$20=3,K8652*Input!$C$20,0)+IF(Input!$D$21=3,L8652*Input!$C$21,0)+IF(Input!$D$22=3,M8652*Input!$C$22,0)</f>
        <v>0</v>
      </c>
      <c r="Q8652" s="75">
        <f>IF(Input!$D$19=4,J8652*Input!$C$19,0)+IF(Input!$D$20=4,K8652*Input!$C$20,0)+IF(Input!$D$21=4,L8652*Input!$C$21,0)+IF(Input!$D$22=4,M8652*Input!$C$22,0)</f>
        <v>0</v>
      </c>
      <c r="R8652" s="58">
        <v>54.745220774163315</v>
      </c>
      <c r="S8652" s="124">
        <f t="shared" si="135"/>
        <v>1.028101694994588</v>
      </c>
    </row>
    <row r="8653" spans="8:19" x14ac:dyDescent="0.3">
      <c r="H8653" s="44">
        <v>8646</v>
      </c>
      <c r="I8653" s="56">
        <f>Bühler!I8679</f>
        <v>0.3057943503060826</v>
      </c>
      <c r="J8653" s="59">
        <f>Bühler!J8679</f>
        <v>1.0193145010202753</v>
      </c>
      <c r="K8653" s="59">
        <f>Bühler!K8679</f>
        <v>1.5289717515304131</v>
      </c>
      <c r="L8653" s="59">
        <f>Bühler!L8679</f>
        <v>7.3390644073459823</v>
      </c>
      <c r="M8653" s="58">
        <f>Bühler!M8679</f>
        <v>0</v>
      </c>
      <c r="N8653" s="56">
        <f>IF(Input!$D$19=1,J8653*Input!$C$19,0)+IF(Input!$D$20=1,K8653*Input!$C$20,0)+IF(Input!$D$21=1,L8653*Input!$C$21,0)+IF(Input!$D$22=1,M8653*Input!$C$22,0)</f>
        <v>0.3057943503060826</v>
      </c>
      <c r="O8653" s="59">
        <f>IF(Input!$D$19=2,J8653*Input!$C$19,0)+IF(Input!$D$20=2,K8653*Input!$C$20,0)+IF(Input!$D$21=2,L8653*Input!$C$21,0)+IF(Input!$D$22=2,M8653*Input!$C$22,0)</f>
        <v>0.76448587576520655</v>
      </c>
      <c r="P8653" s="59">
        <f>IF(Input!$D$19=3,J8653*Input!$C$19,0)+IF(Input!$D$20=3,K8653*Input!$C$20,0)+IF(Input!$D$21=3,L8653*Input!$C$21,0)+IF(Input!$D$22=3,M8653*Input!$C$22,0)</f>
        <v>0</v>
      </c>
      <c r="Q8653" s="75">
        <f>IF(Input!$D$19=4,J8653*Input!$C$19,0)+IF(Input!$D$20=4,K8653*Input!$C$20,0)+IF(Input!$D$21=4,L8653*Input!$C$21,0)+IF(Input!$D$22=4,M8653*Input!$C$22,0)</f>
        <v>0</v>
      </c>
      <c r="R8653" s="58">
        <v>57.135914579415491</v>
      </c>
      <c r="S8653" s="124">
        <f t="shared" si="135"/>
        <v>1.325108851326358</v>
      </c>
    </row>
    <row r="8654" spans="8:19" x14ac:dyDescent="0.3">
      <c r="H8654" s="44">
        <v>8647</v>
      </c>
      <c r="I8654" s="56">
        <f>Bühler!I8680</f>
        <v>0.35324519776737134</v>
      </c>
      <c r="J8654" s="59">
        <f>Bühler!J8680</f>
        <v>1.1774839925579046</v>
      </c>
      <c r="K8654" s="59">
        <f>Bühler!K8680</f>
        <v>1.7662259888368566</v>
      </c>
      <c r="L8654" s="59">
        <f>Bühler!L8680</f>
        <v>8.4778847464169118</v>
      </c>
      <c r="M8654" s="58">
        <f>Bühler!M8680</f>
        <v>0</v>
      </c>
      <c r="N8654" s="56">
        <f>IF(Input!$D$19=1,J8654*Input!$C$19,0)+IF(Input!$D$20=1,K8654*Input!$C$20,0)+IF(Input!$D$21=1,L8654*Input!$C$21,0)+IF(Input!$D$22=1,M8654*Input!$C$22,0)</f>
        <v>0.35324519776737134</v>
      </c>
      <c r="O8654" s="59">
        <f>IF(Input!$D$19=2,J8654*Input!$C$19,0)+IF(Input!$D$20=2,K8654*Input!$C$20,0)+IF(Input!$D$21=2,L8654*Input!$C$21,0)+IF(Input!$D$22=2,M8654*Input!$C$22,0)</f>
        <v>0.88311299441842828</v>
      </c>
      <c r="P8654" s="59">
        <f>IF(Input!$D$19=3,J8654*Input!$C$19,0)+IF(Input!$D$20=3,K8654*Input!$C$20,0)+IF(Input!$D$21=3,L8654*Input!$C$21,0)+IF(Input!$D$22=3,M8654*Input!$C$22,0)</f>
        <v>0</v>
      </c>
      <c r="Q8654" s="75">
        <f>IF(Input!$D$19=4,J8654*Input!$C$19,0)+IF(Input!$D$20=4,K8654*Input!$C$20,0)+IF(Input!$D$21=4,L8654*Input!$C$21,0)+IF(Input!$D$22=4,M8654*Input!$C$22,0)</f>
        <v>0</v>
      </c>
      <c r="R8654" s="58">
        <v>59.760373328880846</v>
      </c>
      <c r="S8654" s="124">
        <f t="shared" si="135"/>
        <v>1.530729190325276</v>
      </c>
    </row>
    <row r="8655" spans="8:19" x14ac:dyDescent="0.3">
      <c r="H8655" s="44">
        <v>8648</v>
      </c>
      <c r="I8655" s="56">
        <f>Bühler!I8681</f>
        <v>0.35324519776737134</v>
      </c>
      <c r="J8655" s="59">
        <f>Bühler!J8681</f>
        <v>1.1774839925579046</v>
      </c>
      <c r="K8655" s="59">
        <f>Bühler!K8681</f>
        <v>1.7662259888368566</v>
      </c>
      <c r="L8655" s="59">
        <f>Bühler!L8681</f>
        <v>8.4778847464169118</v>
      </c>
      <c r="M8655" s="58">
        <f>Bühler!M8681</f>
        <v>0</v>
      </c>
      <c r="N8655" s="56">
        <f>IF(Input!$D$19=1,J8655*Input!$C$19,0)+IF(Input!$D$20=1,K8655*Input!$C$20,0)+IF(Input!$D$21=1,L8655*Input!$C$21,0)+IF(Input!$D$22=1,M8655*Input!$C$22,0)</f>
        <v>0.35324519776737134</v>
      </c>
      <c r="O8655" s="59">
        <f>IF(Input!$D$19=2,J8655*Input!$C$19,0)+IF(Input!$D$20=2,K8655*Input!$C$20,0)+IF(Input!$D$21=2,L8655*Input!$C$21,0)+IF(Input!$D$22=2,M8655*Input!$C$22,0)</f>
        <v>0.88311299441842828</v>
      </c>
      <c r="P8655" s="59">
        <f>IF(Input!$D$19=3,J8655*Input!$C$19,0)+IF(Input!$D$20=3,K8655*Input!$C$20,0)+IF(Input!$D$21=3,L8655*Input!$C$21,0)+IF(Input!$D$22=3,M8655*Input!$C$22,0)</f>
        <v>0</v>
      </c>
      <c r="Q8655" s="75">
        <f>IF(Input!$D$19=4,J8655*Input!$C$19,0)+IF(Input!$D$20=4,K8655*Input!$C$20,0)+IF(Input!$D$21=4,L8655*Input!$C$21,0)+IF(Input!$D$22=4,M8655*Input!$C$22,0)</f>
        <v>0</v>
      </c>
      <c r="R8655" s="58">
        <v>60.854490309529652</v>
      </c>
      <c r="S8655" s="124">
        <f t="shared" si="135"/>
        <v>1.530729190325276</v>
      </c>
    </row>
    <row r="8656" spans="8:19" x14ac:dyDescent="0.3">
      <c r="H8656" s="44">
        <v>8649</v>
      </c>
      <c r="I8656" s="56">
        <f>Bühler!I8682</f>
        <v>0.35324519776737134</v>
      </c>
      <c r="J8656" s="59">
        <f>Bühler!J8682</f>
        <v>1.1774839925579046</v>
      </c>
      <c r="K8656" s="59">
        <f>Bühler!K8682</f>
        <v>1.7662259888368566</v>
      </c>
      <c r="L8656" s="59">
        <f>Bühler!L8682</f>
        <v>8.4778847464169118</v>
      </c>
      <c r="M8656" s="58">
        <f>Bühler!M8682</f>
        <v>0</v>
      </c>
      <c r="N8656" s="56">
        <f>IF(Input!$D$19=1,J8656*Input!$C$19,0)+IF(Input!$D$20=1,K8656*Input!$C$20,0)+IF(Input!$D$21=1,L8656*Input!$C$21,0)+IF(Input!$D$22=1,M8656*Input!$C$22,0)</f>
        <v>0.35324519776737134</v>
      </c>
      <c r="O8656" s="59">
        <f>IF(Input!$D$19=2,J8656*Input!$C$19,0)+IF(Input!$D$20=2,K8656*Input!$C$20,0)+IF(Input!$D$21=2,L8656*Input!$C$21,0)+IF(Input!$D$22=2,M8656*Input!$C$22,0)</f>
        <v>0.88311299441842828</v>
      </c>
      <c r="P8656" s="59">
        <f>IF(Input!$D$19=3,J8656*Input!$C$19,0)+IF(Input!$D$20=3,K8656*Input!$C$20,0)+IF(Input!$D$21=3,L8656*Input!$C$21,0)+IF(Input!$D$22=3,M8656*Input!$C$22,0)</f>
        <v>0</v>
      </c>
      <c r="Q8656" s="75">
        <f>IF(Input!$D$19=4,J8656*Input!$C$19,0)+IF(Input!$D$20=4,K8656*Input!$C$20,0)+IF(Input!$D$21=4,L8656*Input!$C$21,0)+IF(Input!$D$22=4,M8656*Input!$C$22,0)</f>
        <v>0</v>
      </c>
      <c r="R8656" s="58">
        <v>60.487895264149195</v>
      </c>
      <c r="S8656" s="124">
        <f t="shared" si="135"/>
        <v>1.530729190325276</v>
      </c>
    </row>
    <row r="8657" spans="8:19" x14ac:dyDescent="0.3">
      <c r="H8657" s="44">
        <v>8650</v>
      </c>
      <c r="I8657" s="56">
        <f>Bühler!I8683</f>
        <v>0.37960677969030943</v>
      </c>
      <c r="J8657" s="59">
        <f>Bühler!J8683</f>
        <v>1.2653559323010315</v>
      </c>
      <c r="K8657" s="59">
        <f>Bühler!K8683</f>
        <v>1.8980338984515472</v>
      </c>
      <c r="L8657" s="59">
        <f>Bühler!L8683</f>
        <v>9.1105627125674271</v>
      </c>
      <c r="M8657" s="58">
        <f>Bühler!M8683</f>
        <v>0</v>
      </c>
      <c r="N8657" s="56">
        <f>IF(Input!$D$19=1,J8657*Input!$C$19,0)+IF(Input!$D$20=1,K8657*Input!$C$20,0)+IF(Input!$D$21=1,L8657*Input!$C$21,0)+IF(Input!$D$22=1,M8657*Input!$C$22,0)</f>
        <v>0.37960677969030943</v>
      </c>
      <c r="O8657" s="59">
        <f>IF(Input!$D$19=2,J8657*Input!$C$19,0)+IF(Input!$D$20=2,K8657*Input!$C$20,0)+IF(Input!$D$21=2,L8657*Input!$C$21,0)+IF(Input!$D$22=2,M8657*Input!$C$22,0)</f>
        <v>0.94901694922577362</v>
      </c>
      <c r="P8657" s="59">
        <f>IF(Input!$D$19=3,J8657*Input!$C$19,0)+IF(Input!$D$20=3,K8657*Input!$C$20,0)+IF(Input!$D$21=3,L8657*Input!$C$21,0)+IF(Input!$D$22=3,M8657*Input!$C$22,0)</f>
        <v>0</v>
      </c>
      <c r="Q8657" s="75">
        <f>IF(Input!$D$19=4,J8657*Input!$C$19,0)+IF(Input!$D$20=4,K8657*Input!$C$20,0)+IF(Input!$D$21=4,L8657*Input!$C$21,0)+IF(Input!$D$22=4,M8657*Input!$C$22,0)</f>
        <v>0</v>
      </c>
      <c r="R8657" s="58">
        <v>59.435616217830685</v>
      </c>
      <c r="S8657" s="124">
        <f t="shared" si="135"/>
        <v>1.644962711991341</v>
      </c>
    </row>
    <row r="8658" spans="8:19" x14ac:dyDescent="0.3">
      <c r="H8658" s="44">
        <v>8651</v>
      </c>
      <c r="I8658" s="56">
        <f>Bühler!I8684</f>
        <v>0.4112406779978352</v>
      </c>
      <c r="J8658" s="59">
        <f>Bühler!J8684</f>
        <v>1.370802259992784</v>
      </c>
      <c r="K8658" s="59">
        <f>Bühler!K8684</f>
        <v>2.0562033899891761</v>
      </c>
      <c r="L8658" s="59">
        <f>Bühler!L8684</f>
        <v>9.8697762719480444</v>
      </c>
      <c r="M8658" s="58">
        <f>Bühler!M8684</f>
        <v>0</v>
      </c>
      <c r="N8658" s="56">
        <f>IF(Input!$D$19=1,J8658*Input!$C$19,0)+IF(Input!$D$20=1,K8658*Input!$C$20,0)+IF(Input!$D$21=1,L8658*Input!$C$21,0)+IF(Input!$D$22=1,M8658*Input!$C$22,0)</f>
        <v>0.4112406779978352</v>
      </c>
      <c r="O8658" s="59">
        <f>IF(Input!$D$19=2,J8658*Input!$C$19,0)+IF(Input!$D$20=2,K8658*Input!$C$20,0)+IF(Input!$D$21=2,L8658*Input!$C$21,0)+IF(Input!$D$22=2,M8658*Input!$C$22,0)</f>
        <v>1.028101694994588</v>
      </c>
      <c r="P8658" s="59">
        <f>IF(Input!$D$19=3,J8658*Input!$C$19,0)+IF(Input!$D$20=3,K8658*Input!$C$20,0)+IF(Input!$D$21=3,L8658*Input!$C$21,0)+IF(Input!$D$22=3,M8658*Input!$C$22,0)</f>
        <v>0</v>
      </c>
      <c r="Q8658" s="75">
        <f>IF(Input!$D$19=4,J8658*Input!$C$19,0)+IF(Input!$D$20=4,K8658*Input!$C$20,0)+IF(Input!$D$21=4,L8658*Input!$C$21,0)+IF(Input!$D$22=4,M8658*Input!$C$22,0)</f>
        <v>0</v>
      </c>
      <c r="R8658" s="58">
        <v>58.907852941674996</v>
      </c>
      <c r="S8658" s="124">
        <f t="shared" si="135"/>
        <v>1.7820429379906193</v>
      </c>
    </row>
    <row r="8659" spans="8:19" x14ac:dyDescent="0.3">
      <c r="H8659" s="44">
        <v>8652</v>
      </c>
      <c r="I8659" s="56">
        <f>Bühler!I8685</f>
        <v>0.47450847461288675</v>
      </c>
      <c r="J8659" s="59">
        <f>Bühler!J8685</f>
        <v>1.5816949153762894</v>
      </c>
      <c r="K8659" s="59">
        <f>Bühler!K8685</f>
        <v>2.3725423730644337</v>
      </c>
      <c r="L8659" s="59">
        <f>Bühler!L8685</f>
        <v>11.388203390709283</v>
      </c>
      <c r="M8659" s="58">
        <f>Bühler!M8685</f>
        <v>0</v>
      </c>
      <c r="N8659" s="56">
        <f>IF(Input!$D$19=1,J8659*Input!$C$19,0)+IF(Input!$D$20=1,K8659*Input!$C$20,0)+IF(Input!$D$21=1,L8659*Input!$C$21,0)+IF(Input!$D$22=1,M8659*Input!$C$22,0)</f>
        <v>0.47450847461288681</v>
      </c>
      <c r="O8659" s="59">
        <f>IF(Input!$D$19=2,J8659*Input!$C$19,0)+IF(Input!$D$20=2,K8659*Input!$C$20,0)+IF(Input!$D$21=2,L8659*Input!$C$21,0)+IF(Input!$D$22=2,M8659*Input!$C$22,0)</f>
        <v>1.1862711865322169</v>
      </c>
      <c r="P8659" s="59">
        <f>IF(Input!$D$19=3,J8659*Input!$C$19,0)+IF(Input!$D$20=3,K8659*Input!$C$20,0)+IF(Input!$D$21=3,L8659*Input!$C$21,0)+IF(Input!$D$22=3,M8659*Input!$C$22,0)</f>
        <v>0</v>
      </c>
      <c r="Q8659" s="75">
        <f>IF(Input!$D$19=4,J8659*Input!$C$19,0)+IF(Input!$D$20=4,K8659*Input!$C$20,0)+IF(Input!$D$21=4,L8659*Input!$C$21,0)+IF(Input!$D$22=4,M8659*Input!$C$22,0)</f>
        <v>0</v>
      </c>
      <c r="R8659" s="58">
        <v>57.760845840367573</v>
      </c>
      <c r="S8659" s="124">
        <f t="shared" si="135"/>
        <v>2.0562033899891761</v>
      </c>
    </row>
    <row r="8660" spans="8:19" x14ac:dyDescent="0.3">
      <c r="H8660" s="44">
        <v>8653</v>
      </c>
      <c r="I8660" s="56">
        <f>Bühler!I8686</f>
        <v>0.47450847461288675</v>
      </c>
      <c r="J8660" s="59">
        <f>Bühler!J8686</f>
        <v>1.5816949153762894</v>
      </c>
      <c r="K8660" s="59">
        <f>Bühler!K8686</f>
        <v>2.3725423730644337</v>
      </c>
      <c r="L8660" s="59">
        <f>Bühler!L8686</f>
        <v>11.388203390709283</v>
      </c>
      <c r="M8660" s="58">
        <f>Bühler!M8686</f>
        <v>0</v>
      </c>
      <c r="N8660" s="56">
        <f>IF(Input!$D$19=1,J8660*Input!$C$19,0)+IF(Input!$D$20=1,K8660*Input!$C$20,0)+IF(Input!$D$21=1,L8660*Input!$C$21,0)+IF(Input!$D$22=1,M8660*Input!$C$22,0)</f>
        <v>0.47450847461288681</v>
      </c>
      <c r="O8660" s="59">
        <f>IF(Input!$D$19=2,J8660*Input!$C$19,0)+IF(Input!$D$20=2,K8660*Input!$C$20,0)+IF(Input!$D$21=2,L8660*Input!$C$21,0)+IF(Input!$D$22=2,M8660*Input!$C$22,0)</f>
        <v>1.1862711865322169</v>
      </c>
      <c r="P8660" s="59">
        <f>IF(Input!$D$19=3,J8660*Input!$C$19,0)+IF(Input!$D$20=3,K8660*Input!$C$20,0)+IF(Input!$D$21=3,L8660*Input!$C$21,0)+IF(Input!$D$22=3,M8660*Input!$C$22,0)</f>
        <v>0</v>
      </c>
      <c r="Q8660" s="75">
        <f>IF(Input!$D$19=4,J8660*Input!$C$19,0)+IF(Input!$D$20=4,K8660*Input!$C$20,0)+IF(Input!$D$21=4,L8660*Input!$C$21,0)+IF(Input!$D$22=4,M8660*Input!$C$22,0)</f>
        <v>0</v>
      </c>
      <c r="R8660" s="58">
        <v>54.532598109367171</v>
      </c>
      <c r="S8660" s="124">
        <f t="shared" si="135"/>
        <v>2.0562033899891761</v>
      </c>
    </row>
    <row r="8661" spans="8:19" x14ac:dyDescent="0.3">
      <c r="H8661" s="44">
        <v>8654</v>
      </c>
      <c r="I8661" s="56">
        <f>Bühler!I8687</f>
        <v>0.47450847461288675</v>
      </c>
      <c r="J8661" s="59">
        <f>Bühler!J8687</f>
        <v>1.5816949153762894</v>
      </c>
      <c r="K8661" s="59">
        <f>Bühler!K8687</f>
        <v>2.3725423730644337</v>
      </c>
      <c r="L8661" s="59">
        <f>Bühler!L8687</f>
        <v>11.388203390709283</v>
      </c>
      <c r="M8661" s="58">
        <f>Bühler!M8687</f>
        <v>0</v>
      </c>
      <c r="N8661" s="56">
        <f>IF(Input!$D$19=1,J8661*Input!$C$19,0)+IF(Input!$D$20=1,K8661*Input!$C$20,0)+IF(Input!$D$21=1,L8661*Input!$C$21,0)+IF(Input!$D$22=1,M8661*Input!$C$22,0)</f>
        <v>0.47450847461288681</v>
      </c>
      <c r="O8661" s="59">
        <f>IF(Input!$D$19=2,J8661*Input!$C$19,0)+IF(Input!$D$20=2,K8661*Input!$C$20,0)+IF(Input!$D$21=2,L8661*Input!$C$21,0)+IF(Input!$D$22=2,M8661*Input!$C$22,0)</f>
        <v>1.1862711865322169</v>
      </c>
      <c r="P8661" s="59">
        <f>IF(Input!$D$19=3,J8661*Input!$C$19,0)+IF(Input!$D$20=3,K8661*Input!$C$20,0)+IF(Input!$D$21=3,L8661*Input!$C$21,0)+IF(Input!$D$22=3,M8661*Input!$C$22,0)</f>
        <v>0</v>
      </c>
      <c r="Q8661" s="75">
        <f>IF(Input!$D$19=4,J8661*Input!$C$19,0)+IF(Input!$D$20=4,K8661*Input!$C$20,0)+IF(Input!$D$21=4,L8661*Input!$C$21,0)+IF(Input!$D$22=4,M8661*Input!$C$22,0)</f>
        <v>0</v>
      </c>
      <c r="R8661" s="58">
        <v>52.847725301772044</v>
      </c>
      <c r="S8661" s="124">
        <f t="shared" si="135"/>
        <v>2.0562033899891761</v>
      </c>
    </row>
    <row r="8662" spans="8:19" x14ac:dyDescent="0.3">
      <c r="H8662" s="44">
        <v>8655</v>
      </c>
      <c r="I8662" s="56">
        <f>Bühler!I8688</f>
        <v>0.47450847461288675</v>
      </c>
      <c r="J8662" s="59">
        <f>Bühler!J8688</f>
        <v>1.5816949153762894</v>
      </c>
      <c r="K8662" s="59">
        <f>Bühler!K8688</f>
        <v>2.3725423730644337</v>
      </c>
      <c r="L8662" s="59">
        <f>Bühler!L8688</f>
        <v>11.388203390709283</v>
      </c>
      <c r="M8662" s="58">
        <f>Bühler!M8688</f>
        <v>0</v>
      </c>
      <c r="N8662" s="56">
        <f>IF(Input!$D$19=1,J8662*Input!$C$19,0)+IF(Input!$D$20=1,K8662*Input!$C$20,0)+IF(Input!$D$21=1,L8662*Input!$C$21,0)+IF(Input!$D$22=1,M8662*Input!$C$22,0)</f>
        <v>0.47450847461288681</v>
      </c>
      <c r="O8662" s="59">
        <f>IF(Input!$D$19=2,J8662*Input!$C$19,0)+IF(Input!$D$20=2,K8662*Input!$C$20,0)+IF(Input!$D$21=2,L8662*Input!$C$21,0)+IF(Input!$D$22=2,M8662*Input!$C$22,0)</f>
        <v>1.1862711865322169</v>
      </c>
      <c r="P8662" s="59">
        <f>IF(Input!$D$19=3,J8662*Input!$C$19,0)+IF(Input!$D$20=3,K8662*Input!$C$20,0)+IF(Input!$D$21=3,L8662*Input!$C$21,0)+IF(Input!$D$22=3,M8662*Input!$C$22,0)</f>
        <v>0</v>
      </c>
      <c r="Q8662" s="75">
        <f>IF(Input!$D$19=4,J8662*Input!$C$19,0)+IF(Input!$D$20=4,K8662*Input!$C$20,0)+IF(Input!$D$21=4,L8662*Input!$C$21,0)+IF(Input!$D$22=4,M8662*Input!$C$22,0)</f>
        <v>0</v>
      </c>
      <c r="R8662" s="58">
        <v>51.44760949807295</v>
      </c>
      <c r="S8662" s="124">
        <f t="shared" si="135"/>
        <v>2.0562033899891761</v>
      </c>
    </row>
    <row r="8663" spans="8:19" x14ac:dyDescent="0.3">
      <c r="H8663" s="44">
        <v>8656</v>
      </c>
      <c r="I8663" s="56">
        <f>Bühler!I8689</f>
        <v>0.47450847461288675</v>
      </c>
      <c r="J8663" s="59">
        <f>Bühler!J8689</f>
        <v>1.5816949153762894</v>
      </c>
      <c r="K8663" s="59">
        <f>Bühler!K8689</f>
        <v>2.3725423730644337</v>
      </c>
      <c r="L8663" s="59">
        <f>Bühler!L8689</f>
        <v>11.388203390709283</v>
      </c>
      <c r="M8663" s="58">
        <f>Bühler!M8689</f>
        <v>0</v>
      </c>
      <c r="N8663" s="56">
        <f>IF(Input!$D$19=1,J8663*Input!$C$19,0)+IF(Input!$D$20=1,K8663*Input!$C$20,0)+IF(Input!$D$21=1,L8663*Input!$C$21,0)+IF(Input!$D$22=1,M8663*Input!$C$22,0)</f>
        <v>0.47450847461288681</v>
      </c>
      <c r="O8663" s="59">
        <f>IF(Input!$D$19=2,J8663*Input!$C$19,0)+IF(Input!$D$20=2,K8663*Input!$C$20,0)+IF(Input!$D$21=2,L8663*Input!$C$21,0)+IF(Input!$D$22=2,M8663*Input!$C$22,0)</f>
        <v>1.1862711865322169</v>
      </c>
      <c r="P8663" s="59">
        <f>IF(Input!$D$19=3,J8663*Input!$C$19,0)+IF(Input!$D$20=3,K8663*Input!$C$20,0)+IF(Input!$D$21=3,L8663*Input!$C$21,0)+IF(Input!$D$22=3,M8663*Input!$C$22,0)</f>
        <v>0</v>
      </c>
      <c r="Q8663" s="75">
        <f>IF(Input!$D$19=4,J8663*Input!$C$19,0)+IF(Input!$D$20=4,K8663*Input!$C$20,0)+IF(Input!$D$21=4,L8663*Input!$C$21,0)+IF(Input!$D$22=4,M8663*Input!$C$22,0)</f>
        <v>0</v>
      </c>
      <c r="R8663" s="58">
        <v>49.268409174914908</v>
      </c>
      <c r="S8663" s="124">
        <f t="shared" si="135"/>
        <v>2.0562033899891761</v>
      </c>
    </row>
    <row r="8664" spans="8:19" x14ac:dyDescent="0.3">
      <c r="H8664" s="44">
        <v>8657</v>
      </c>
      <c r="I8664" s="56">
        <f>Bühler!I8690</f>
        <v>0.47450847461288675</v>
      </c>
      <c r="J8664" s="59">
        <f>Bühler!J8690</f>
        <v>1.5816949153762894</v>
      </c>
      <c r="K8664" s="59">
        <f>Bühler!K8690</f>
        <v>2.3725423730644337</v>
      </c>
      <c r="L8664" s="59">
        <f>Bühler!L8690</f>
        <v>11.388203390709283</v>
      </c>
      <c r="M8664" s="58">
        <f>Bühler!M8690</f>
        <v>0</v>
      </c>
      <c r="N8664" s="56">
        <f>IF(Input!$D$19=1,J8664*Input!$C$19,0)+IF(Input!$D$20=1,K8664*Input!$C$20,0)+IF(Input!$D$21=1,L8664*Input!$C$21,0)+IF(Input!$D$22=1,M8664*Input!$C$22,0)</f>
        <v>0.47450847461288681</v>
      </c>
      <c r="O8664" s="59">
        <f>IF(Input!$D$19=2,J8664*Input!$C$19,0)+IF(Input!$D$20=2,K8664*Input!$C$20,0)+IF(Input!$D$21=2,L8664*Input!$C$21,0)+IF(Input!$D$22=2,M8664*Input!$C$22,0)</f>
        <v>1.1862711865322169</v>
      </c>
      <c r="P8664" s="59">
        <f>IF(Input!$D$19=3,J8664*Input!$C$19,0)+IF(Input!$D$20=3,K8664*Input!$C$20,0)+IF(Input!$D$21=3,L8664*Input!$C$21,0)+IF(Input!$D$22=3,M8664*Input!$C$22,0)</f>
        <v>0</v>
      </c>
      <c r="Q8664" s="75">
        <f>IF(Input!$D$19=4,J8664*Input!$C$19,0)+IF(Input!$D$20=4,K8664*Input!$C$20,0)+IF(Input!$D$21=4,L8664*Input!$C$21,0)+IF(Input!$D$22=4,M8664*Input!$C$22,0)</f>
        <v>0</v>
      </c>
      <c r="R8664" s="58">
        <v>46.7506702042039</v>
      </c>
      <c r="S8664" s="124">
        <f t="shared" si="135"/>
        <v>2.0562033899891761</v>
      </c>
    </row>
    <row r="8665" spans="8:19" x14ac:dyDescent="0.3">
      <c r="H8665" s="44">
        <v>8658</v>
      </c>
      <c r="I8665" s="56">
        <f>Bühler!I8691</f>
        <v>0.47450847461288675</v>
      </c>
      <c r="J8665" s="59">
        <f>Bühler!J8691</f>
        <v>1.5816949153762894</v>
      </c>
      <c r="K8665" s="59">
        <f>Bühler!K8691</f>
        <v>2.3725423730644337</v>
      </c>
      <c r="L8665" s="59">
        <f>Bühler!L8691</f>
        <v>11.388203390709283</v>
      </c>
      <c r="M8665" s="58">
        <f>Bühler!M8691</f>
        <v>0</v>
      </c>
      <c r="N8665" s="56">
        <f>IF(Input!$D$19=1,J8665*Input!$C$19,0)+IF(Input!$D$20=1,K8665*Input!$C$20,0)+IF(Input!$D$21=1,L8665*Input!$C$21,0)+IF(Input!$D$22=1,M8665*Input!$C$22,0)</f>
        <v>0.47450847461288681</v>
      </c>
      <c r="O8665" s="59">
        <f>IF(Input!$D$19=2,J8665*Input!$C$19,0)+IF(Input!$D$20=2,K8665*Input!$C$20,0)+IF(Input!$D$21=2,L8665*Input!$C$21,0)+IF(Input!$D$22=2,M8665*Input!$C$22,0)</f>
        <v>1.1862711865322169</v>
      </c>
      <c r="P8665" s="59">
        <f>IF(Input!$D$19=3,J8665*Input!$C$19,0)+IF(Input!$D$20=3,K8665*Input!$C$20,0)+IF(Input!$D$21=3,L8665*Input!$C$21,0)+IF(Input!$D$22=3,M8665*Input!$C$22,0)</f>
        <v>0</v>
      </c>
      <c r="Q8665" s="75">
        <f>IF(Input!$D$19=4,J8665*Input!$C$19,0)+IF(Input!$D$20=4,K8665*Input!$C$20,0)+IF(Input!$D$21=4,L8665*Input!$C$21,0)+IF(Input!$D$22=4,M8665*Input!$C$22,0)</f>
        <v>0</v>
      </c>
      <c r="R8665" s="58">
        <v>43.908665368208034</v>
      </c>
      <c r="S8665" s="124">
        <f t="shared" si="135"/>
        <v>2.0562033899891761</v>
      </c>
    </row>
    <row r="8666" spans="8:19" x14ac:dyDescent="0.3">
      <c r="H8666" s="44">
        <v>8659</v>
      </c>
      <c r="I8666" s="56">
        <f>Bühler!I8692</f>
        <v>0.47450847461288675</v>
      </c>
      <c r="J8666" s="59">
        <f>Bühler!J8692</f>
        <v>1.5816949153762894</v>
      </c>
      <c r="K8666" s="59">
        <f>Bühler!K8692</f>
        <v>2.3725423730644337</v>
      </c>
      <c r="L8666" s="59">
        <f>Bühler!L8692</f>
        <v>11.388203390709283</v>
      </c>
      <c r="M8666" s="58">
        <f>Bühler!M8692</f>
        <v>0</v>
      </c>
      <c r="N8666" s="56">
        <f>IF(Input!$D$19=1,J8666*Input!$C$19,0)+IF(Input!$D$20=1,K8666*Input!$C$20,0)+IF(Input!$D$21=1,L8666*Input!$C$21,0)+IF(Input!$D$22=1,M8666*Input!$C$22,0)</f>
        <v>0.47450847461288681</v>
      </c>
      <c r="O8666" s="59">
        <f>IF(Input!$D$19=2,J8666*Input!$C$19,0)+IF(Input!$D$20=2,K8666*Input!$C$20,0)+IF(Input!$D$21=2,L8666*Input!$C$21,0)+IF(Input!$D$22=2,M8666*Input!$C$22,0)</f>
        <v>1.1862711865322169</v>
      </c>
      <c r="P8666" s="59">
        <f>IF(Input!$D$19=3,J8666*Input!$C$19,0)+IF(Input!$D$20=3,K8666*Input!$C$20,0)+IF(Input!$D$21=3,L8666*Input!$C$21,0)+IF(Input!$D$22=3,M8666*Input!$C$22,0)</f>
        <v>0</v>
      </c>
      <c r="Q8666" s="75">
        <f>IF(Input!$D$19=4,J8666*Input!$C$19,0)+IF(Input!$D$20=4,K8666*Input!$C$20,0)+IF(Input!$D$21=4,L8666*Input!$C$21,0)+IF(Input!$D$22=4,M8666*Input!$C$22,0)</f>
        <v>0</v>
      </c>
      <c r="R8666" s="58">
        <v>40.824124911289395</v>
      </c>
      <c r="S8666" s="124">
        <f t="shared" si="135"/>
        <v>2.0562033899891761</v>
      </c>
    </row>
    <row r="8667" spans="8:19" x14ac:dyDescent="0.3">
      <c r="H8667" s="44">
        <v>8660</v>
      </c>
      <c r="I8667" s="56">
        <f>Bühler!I8693</f>
        <v>0.39542372884407234</v>
      </c>
      <c r="J8667" s="59">
        <f>Bühler!J8693</f>
        <v>1.318079096146908</v>
      </c>
      <c r="K8667" s="59">
        <f>Bühler!K8693</f>
        <v>1.9771186442203617</v>
      </c>
      <c r="L8667" s="59">
        <f>Bühler!L8693</f>
        <v>9.4901694922577366</v>
      </c>
      <c r="M8667" s="58">
        <f>Bühler!M8693</f>
        <v>0</v>
      </c>
      <c r="N8667" s="56">
        <f>IF(Input!$D$19=1,J8667*Input!$C$19,0)+IF(Input!$D$20=1,K8667*Input!$C$20,0)+IF(Input!$D$21=1,L8667*Input!$C$21,0)+IF(Input!$D$22=1,M8667*Input!$C$22,0)</f>
        <v>0.3954237288440724</v>
      </c>
      <c r="O8667" s="59">
        <f>IF(Input!$D$19=2,J8667*Input!$C$19,0)+IF(Input!$D$20=2,K8667*Input!$C$20,0)+IF(Input!$D$21=2,L8667*Input!$C$21,0)+IF(Input!$D$22=2,M8667*Input!$C$22,0)</f>
        <v>0.98855932211018083</v>
      </c>
      <c r="P8667" s="59">
        <f>IF(Input!$D$19=3,J8667*Input!$C$19,0)+IF(Input!$D$20=3,K8667*Input!$C$20,0)+IF(Input!$D$21=3,L8667*Input!$C$21,0)+IF(Input!$D$22=3,M8667*Input!$C$22,0)</f>
        <v>0</v>
      </c>
      <c r="Q8667" s="75">
        <f>IF(Input!$D$19=4,J8667*Input!$C$19,0)+IF(Input!$D$20=4,K8667*Input!$C$20,0)+IF(Input!$D$21=4,L8667*Input!$C$21,0)+IF(Input!$D$22=4,M8667*Input!$C$22,0)</f>
        <v>0</v>
      </c>
      <c r="R8667" s="58">
        <v>39.124011912862649</v>
      </c>
      <c r="S8667" s="124">
        <f t="shared" si="135"/>
        <v>1.7135028249909803</v>
      </c>
    </row>
    <row r="8668" spans="8:19" x14ac:dyDescent="0.3">
      <c r="H8668" s="44">
        <v>8661</v>
      </c>
      <c r="I8668" s="56">
        <f>Bühler!I8694</f>
        <v>0.31633898307525793</v>
      </c>
      <c r="J8668" s="59">
        <f>Bühler!J8694</f>
        <v>1.0544632769175264</v>
      </c>
      <c r="K8668" s="59">
        <f>Bühler!K8694</f>
        <v>1.5816949153762896</v>
      </c>
      <c r="L8668" s="59">
        <f>Bühler!L8694</f>
        <v>7.5921355938061899</v>
      </c>
      <c r="M8668" s="58">
        <f>Bühler!M8694</f>
        <v>0</v>
      </c>
      <c r="N8668" s="56">
        <f>IF(Input!$D$19=1,J8668*Input!$C$19,0)+IF(Input!$D$20=1,K8668*Input!$C$20,0)+IF(Input!$D$21=1,L8668*Input!$C$21,0)+IF(Input!$D$22=1,M8668*Input!$C$22,0)</f>
        <v>0.31633898307525793</v>
      </c>
      <c r="O8668" s="59">
        <f>IF(Input!$D$19=2,J8668*Input!$C$19,0)+IF(Input!$D$20=2,K8668*Input!$C$20,0)+IF(Input!$D$21=2,L8668*Input!$C$21,0)+IF(Input!$D$22=2,M8668*Input!$C$22,0)</f>
        <v>0.79084745768814479</v>
      </c>
      <c r="P8668" s="59">
        <f>IF(Input!$D$19=3,J8668*Input!$C$19,0)+IF(Input!$D$20=3,K8668*Input!$C$20,0)+IF(Input!$D$21=3,L8668*Input!$C$21,0)+IF(Input!$D$22=3,M8668*Input!$C$22,0)</f>
        <v>0</v>
      </c>
      <c r="Q8668" s="75">
        <f>IF(Input!$D$19=4,J8668*Input!$C$19,0)+IF(Input!$D$20=4,K8668*Input!$C$20,0)+IF(Input!$D$21=4,L8668*Input!$C$21,0)+IF(Input!$D$22=4,M8668*Input!$C$22,0)</f>
        <v>0</v>
      </c>
      <c r="R8668" s="58">
        <v>38.837261348684308</v>
      </c>
      <c r="S8668" s="124">
        <f t="shared" si="135"/>
        <v>1.3708022599927843</v>
      </c>
    </row>
    <row r="8669" spans="8:19" x14ac:dyDescent="0.3">
      <c r="H8669" s="44">
        <v>8662</v>
      </c>
      <c r="I8669" s="56">
        <f>Bühler!I8695</f>
        <v>0.23725423730644338</v>
      </c>
      <c r="J8669" s="59">
        <f>Bühler!J8695</f>
        <v>0.79084745768814468</v>
      </c>
      <c r="K8669" s="59">
        <f>Bühler!K8695</f>
        <v>1.1862711865322169</v>
      </c>
      <c r="L8669" s="59">
        <f>Bühler!L8695</f>
        <v>5.6941016953546413</v>
      </c>
      <c r="M8669" s="58">
        <f>Bühler!M8695</f>
        <v>0</v>
      </c>
      <c r="N8669" s="56">
        <f>IF(Input!$D$19=1,J8669*Input!$C$19,0)+IF(Input!$D$20=1,K8669*Input!$C$20,0)+IF(Input!$D$21=1,L8669*Input!$C$21,0)+IF(Input!$D$22=1,M8669*Input!$C$22,0)</f>
        <v>0.23725423730644341</v>
      </c>
      <c r="O8669" s="59">
        <f>IF(Input!$D$19=2,J8669*Input!$C$19,0)+IF(Input!$D$20=2,K8669*Input!$C$20,0)+IF(Input!$D$21=2,L8669*Input!$C$21,0)+IF(Input!$D$22=2,M8669*Input!$C$22,0)</f>
        <v>0.59313559326610843</v>
      </c>
      <c r="P8669" s="59">
        <f>IF(Input!$D$19=3,J8669*Input!$C$19,0)+IF(Input!$D$20=3,K8669*Input!$C$20,0)+IF(Input!$D$21=3,L8669*Input!$C$21,0)+IF(Input!$D$22=3,M8669*Input!$C$22,0)</f>
        <v>0</v>
      </c>
      <c r="Q8669" s="75">
        <f>IF(Input!$D$19=4,J8669*Input!$C$19,0)+IF(Input!$D$20=4,K8669*Input!$C$20,0)+IF(Input!$D$21=4,L8669*Input!$C$21,0)+IF(Input!$D$22=4,M8669*Input!$C$22,0)</f>
        <v>0</v>
      </c>
      <c r="R8669" s="58">
        <v>37.815464272742105</v>
      </c>
      <c r="S8669" s="124">
        <f t="shared" si="135"/>
        <v>1.028101694994588</v>
      </c>
    </row>
    <row r="8670" spans="8:19" x14ac:dyDescent="0.3">
      <c r="H8670" s="44">
        <v>8663</v>
      </c>
      <c r="I8670" s="56">
        <f>Bühler!I8696</f>
        <v>0.23725423730644338</v>
      </c>
      <c r="J8670" s="59">
        <f>Bühler!J8696</f>
        <v>0.79084745768814468</v>
      </c>
      <c r="K8670" s="59">
        <f>Bühler!K8696</f>
        <v>1.1862711865322169</v>
      </c>
      <c r="L8670" s="59">
        <f>Bühler!L8696</f>
        <v>5.6941016953546413</v>
      </c>
      <c r="M8670" s="58">
        <f>Bühler!M8696</f>
        <v>0</v>
      </c>
      <c r="N8670" s="56">
        <f>IF(Input!$D$19=1,J8670*Input!$C$19,0)+IF(Input!$D$20=1,K8670*Input!$C$20,0)+IF(Input!$D$21=1,L8670*Input!$C$21,0)+IF(Input!$D$22=1,M8670*Input!$C$22,0)</f>
        <v>0.23725423730644341</v>
      </c>
      <c r="O8670" s="59">
        <f>IF(Input!$D$19=2,J8670*Input!$C$19,0)+IF(Input!$D$20=2,K8670*Input!$C$20,0)+IF(Input!$D$21=2,L8670*Input!$C$21,0)+IF(Input!$D$22=2,M8670*Input!$C$22,0)</f>
        <v>0.59313559326610843</v>
      </c>
      <c r="P8670" s="59">
        <f>IF(Input!$D$19=3,J8670*Input!$C$19,0)+IF(Input!$D$20=3,K8670*Input!$C$20,0)+IF(Input!$D$21=3,L8670*Input!$C$21,0)+IF(Input!$D$22=3,M8670*Input!$C$22,0)</f>
        <v>0</v>
      </c>
      <c r="Q8670" s="75">
        <f>IF(Input!$D$19=4,J8670*Input!$C$19,0)+IF(Input!$D$20=4,K8670*Input!$C$20,0)+IF(Input!$D$21=4,L8670*Input!$C$21,0)+IF(Input!$D$22=4,M8670*Input!$C$22,0)</f>
        <v>0</v>
      </c>
      <c r="R8670" s="58">
        <v>38.255647839618248</v>
      </c>
      <c r="S8670" s="124">
        <f t="shared" si="135"/>
        <v>1.028101694994588</v>
      </c>
    </row>
    <row r="8671" spans="8:19" x14ac:dyDescent="0.3">
      <c r="H8671" s="44">
        <v>8664</v>
      </c>
      <c r="I8671" s="56">
        <f>Bühler!I8697</f>
        <v>0.23725423730644338</v>
      </c>
      <c r="J8671" s="59">
        <f>Bühler!J8697</f>
        <v>0.79084745768814468</v>
      </c>
      <c r="K8671" s="59">
        <f>Bühler!K8697</f>
        <v>1.1862711865322169</v>
      </c>
      <c r="L8671" s="59">
        <f>Bühler!L8697</f>
        <v>5.6941016953546413</v>
      </c>
      <c r="M8671" s="58">
        <f>Bühler!M8697</f>
        <v>0</v>
      </c>
      <c r="N8671" s="56">
        <f>IF(Input!$D$19=1,J8671*Input!$C$19,0)+IF(Input!$D$20=1,K8671*Input!$C$20,0)+IF(Input!$D$21=1,L8671*Input!$C$21,0)+IF(Input!$D$22=1,M8671*Input!$C$22,0)</f>
        <v>0.23725423730644341</v>
      </c>
      <c r="O8671" s="59">
        <f>IF(Input!$D$19=2,J8671*Input!$C$19,0)+IF(Input!$D$20=2,K8671*Input!$C$20,0)+IF(Input!$D$21=2,L8671*Input!$C$21,0)+IF(Input!$D$22=2,M8671*Input!$C$22,0)</f>
        <v>0.59313559326610843</v>
      </c>
      <c r="P8671" s="59">
        <f>IF(Input!$D$19=3,J8671*Input!$C$19,0)+IF(Input!$D$20=3,K8671*Input!$C$20,0)+IF(Input!$D$21=3,L8671*Input!$C$21,0)+IF(Input!$D$22=3,M8671*Input!$C$22,0)</f>
        <v>0</v>
      </c>
      <c r="Q8671" s="75">
        <f>IF(Input!$D$19=4,J8671*Input!$C$19,0)+IF(Input!$D$20=4,K8671*Input!$C$20,0)+IF(Input!$D$21=4,L8671*Input!$C$21,0)+IF(Input!$D$22=4,M8671*Input!$C$22,0)</f>
        <v>0</v>
      </c>
      <c r="R8671" s="58">
        <v>37.704309611322365</v>
      </c>
      <c r="S8671" s="124">
        <f t="shared" si="135"/>
        <v>1.028101694994588</v>
      </c>
    </row>
    <row r="8672" spans="8:19" x14ac:dyDescent="0.3">
      <c r="H8672" s="44">
        <v>8665</v>
      </c>
      <c r="I8672" s="56">
        <f>Bühler!I8698</f>
        <v>0.27013428749228191</v>
      </c>
      <c r="J8672" s="59">
        <f>Bühler!J8698</f>
        <v>0.900447624974273</v>
      </c>
      <c r="K8672" s="59">
        <f>Bühler!K8698</f>
        <v>1.3506714374614095</v>
      </c>
      <c r="L8672" s="59">
        <f>Bühler!L8698</f>
        <v>6.4832228998147654</v>
      </c>
      <c r="M8672" s="58">
        <f>Bühler!M8698</f>
        <v>0</v>
      </c>
      <c r="N8672" s="56">
        <f>IF(Input!$D$19=1,J8672*Input!$C$19,0)+IF(Input!$D$20=1,K8672*Input!$C$20,0)+IF(Input!$D$21=1,L8672*Input!$C$21,0)+IF(Input!$D$22=1,M8672*Input!$C$22,0)</f>
        <v>0.27013428749228191</v>
      </c>
      <c r="O8672" s="59">
        <f>IF(Input!$D$19=2,J8672*Input!$C$19,0)+IF(Input!$D$20=2,K8672*Input!$C$20,0)+IF(Input!$D$21=2,L8672*Input!$C$21,0)+IF(Input!$D$22=2,M8672*Input!$C$22,0)</f>
        <v>0.67533571873070475</v>
      </c>
      <c r="P8672" s="59">
        <f>IF(Input!$D$19=3,J8672*Input!$C$19,0)+IF(Input!$D$20=3,K8672*Input!$C$20,0)+IF(Input!$D$21=3,L8672*Input!$C$21,0)+IF(Input!$D$22=3,M8672*Input!$C$22,0)</f>
        <v>0</v>
      </c>
      <c r="Q8672" s="75">
        <f>IF(Input!$D$19=4,J8672*Input!$C$19,0)+IF(Input!$D$20=4,K8672*Input!$C$20,0)+IF(Input!$D$21=4,L8672*Input!$C$21,0)+IF(Input!$D$22=4,M8672*Input!$C$22,0)</f>
        <v>0</v>
      </c>
      <c r="R8672" s="58">
        <v>39.285581087738095</v>
      </c>
      <c r="S8672" s="124">
        <f t="shared" si="135"/>
        <v>1.1705819124665549</v>
      </c>
    </row>
    <row r="8673" spans="8:19" x14ac:dyDescent="0.3">
      <c r="H8673" s="44">
        <v>8666</v>
      </c>
      <c r="I8673" s="56">
        <f>Bühler!I8699</f>
        <v>0.27013428749228191</v>
      </c>
      <c r="J8673" s="59">
        <f>Bühler!J8699</f>
        <v>0.900447624974273</v>
      </c>
      <c r="K8673" s="59">
        <f>Bühler!K8699</f>
        <v>1.3506714374614095</v>
      </c>
      <c r="L8673" s="59">
        <f>Bühler!L8699</f>
        <v>6.4832228998147654</v>
      </c>
      <c r="M8673" s="58">
        <f>Bühler!M8699</f>
        <v>0</v>
      </c>
      <c r="N8673" s="56">
        <f>IF(Input!$D$19=1,J8673*Input!$C$19,0)+IF(Input!$D$20=1,K8673*Input!$C$20,0)+IF(Input!$D$21=1,L8673*Input!$C$21,0)+IF(Input!$D$22=1,M8673*Input!$C$22,0)</f>
        <v>0.27013428749228191</v>
      </c>
      <c r="O8673" s="59">
        <f>IF(Input!$D$19=2,J8673*Input!$C$19,0)+IF(Input!$D$20=2,K8673*Input!$C$20,0)+IF(Input!$D$21=2,L8673*Input!$C$21,0)+IF(Input!$D$22=2,M8673*Input!$C$22,0)</f>
        <v>0.67533571873070475</v>
      </c>
      <c r="P8673" s="59">
        <f>IF(Input!$D$19=3,J8673*Input!$C$19,0)+IF(Input!$D$20=3,K8673*Input!$C$20,0)+IF(Input!$D$21=3,L8673*Input!$C$21,0)+IF(Input!$D$22=3,M8673*Input!$C$22,0)</f>
        <v>0</v>
      </c>
      <c r="Q8673" s="75">
        <f>IF(Input!$D$19=4,J8673*Input!$C$19,0)+IF(Input!$D$20=4,K8673*Input!$C$20,0)+IF(Input!$D$21=4,L8673*Input!$C$21,0)+IF(Input!$D$22=4,M8673*Input!$C$22,0)</f>
        <v>0</v>
      </c>
      <c r="R8673" s="58">
        <v>39.695978834758897</v>
      </c>
      <c r="S8673" s="124">
        <f t="shared" si="135"/>
        <v>1.1705819124665549</v>
      </c>
    </row>
    <row r="8674" spans="8:19" x14ac:dyDescent="0.3">
      <c r="H8674" s="44">
        <v>8667</v>
      </c>
      <c r="I8674" s="56">
        <f>Bühler!I8700</f>
        <v>0.27013428749228191</v>
      </c>
      <c r="J8674" s="59">
        <f>Bühler!J8700</f>
        <v>0.900447624974273</v>
      </c>
      <c r="K8674" s="59">
        <f>Bühler!K8700</f>
        <v>1.3506714374614095</v>
      </c>
      <c r="L8674" s="59">
        <f>Bühler!L8700</f>
        <v>6.4832228998147654</v>
      </c>
      <c r="M8674" s="58">
        <f>Bühler!M8700</f>
        <v>0</v>
      </c>
      <c r="N8674" s="56">
        <f>IF(Input!$D$19=1,J8674*Input!$C$19,0)+IF(Input!$D$20=1,K8674*Input!$C$20,0)+IF(Input!$D$21=1,L8674*Input!$C$21,0)+IF(Input!$D$22=1,M8674*Input!$C$22,0)</f>
        <v>0.27013428749228191</v>
      </c>
      <c r="O8674" s="59">
        <f>IF(Input!$D$19=2,J8674*Input!$C$19,0)+IF(Input!$D$20=2,K8674*Input!$C$20,0)+IF(Input!$D$21=2,L8674*Input!$C$21,0)+IF(Input!$D$22=2,M8674*Input!$C$22,0)</f>
        <v>0.67533571873070475</v>
      </c>
      <c r="P8674" s="59">
        <f>IF(Input!$D$19=3,J8674*Input!$C$19,0)+IF(Input!$D$20=3,K8674*Input!$C$20,0)+IF(Input!$D$21=3,L8674*Input!$C$21,0)+IF(Input!$D$22=3,M8674*Input!$C$22,0)</f>
        <v>0</v>
      </c>
      <c r="Q8674" s="75">
        <f>IF(Input!$D$19=4,J8674*Input!$C$19,0)+IF(Input!$D$20=4,K8674*Input!$C$20,0)+IF(Input!$D$21=4,L8674*Input!$C$21,0)+IF(Input!$D$22=4,M8674*Input!$C$22,0)</f>
        <v>0</v>
      </c>
      <c r="R8674" s="58">
        <v>40.412236539541404</v>
      </c>
      <c r="S8674" s="124">
        <f t="shared" si="135"/>
        <v>1.1705819124665549</v>
      </c>
    </row>
    <row r="8675" spans="8:19" x14ac:dyDescent="0.3">
      <c r="H8675" s="44">
        <v>8668</v>
      </c>
      <c r="I8675" s="56">
        <f>Bühler!I8701</f>
        <v>0.27013428749228191</v>
      </c>
      <c r="J8675" s="59">
        <f>Bühler!J8701</f>
        <v>0.900447624974273</v>
      </c>
      <c r="K8675" s="59">
        <f>Bühler!K8701</f>
        <v>1.3506714374614095</v>
      </c>
      <c r="L8675" s="59">
        <f>Bühler!L8701</f>
        <v>6.4832228998147654</v>
      </c>
      <c r="M8675" s="58">
        <f>Bühler!M8701</f>
        <v>0</v>
      </c>
      <c r="N8675" s="56">
        <f>IF(Input!$D$19=1,J8675*Input!$C$19,0)+IF(Input!$D$20=1,K8675*Input!$C$20,0)+IF(Input!$D$21=1,L8675*Input!$C$21,0)+IF(Input!$D$22=1,M8675*Input!$C$22,0)</f>
        <v>0.27013428749228191</v>
      </c>
      <c r="O8675" s="59">
        <f>IF(Input!$D$19=2,J8675*Input!$C$19,0)+IF(Input!$D$20=2,K8675*Input!$C$20,0)+IF(Input!$D$21=2,L8675*Input!$C$21,0)+IF(Input!$D$22=2,M8675*Input!$C$22,0)</f>
        <v>0.67533571873070475</v>
      </c>
      <c r="P8675" s="59">
        <f>IF(Input!$D$19=3,J8675*Input!$C$19,0)+IF(Input!$D$20=3,K8675*Input!$C$20,0)+IF(Input!$D$21=3,L8675*Input!$C$21,0)+IF(Input!$D$22=3,M8675*Input!$C$22,0)</f>
        <v>0</v>
      </c>
      <c r="Q8675" s="75">
        <f>IF(Input!$D$19=4,J8675*Input!$C$19,0)+IF(Input!$D$20=4,K8675*Input!$C$20,0)+IF(Input!$D$21=4,L8675*Input!$C$21,0)+IF(Input!$D$22=4,M8675*Input!$C$22,0)</f>
        <v>0</v>
      </c>
      <c r="R8675" s="58">
        <v>40.156877611448415</v>
      </c>
      <c r="S8675" s="124">
        <f t="shared" si="135"/>
        <v>1.1705819124665549</v>
      </c>
    </row>
    <row r="8676" spans="8:19" x14ac:dyDescent="0.3">
      <c r="H8676" s="44">
        <v>8669</v>
      </c>
      <c r="I8676" s="56">
        <f>Bühler!I8702</f>
        <v>0.27013428749228191</v>
      </c>
      <c r="J8676" s="59">
        <f>Bühler!J8702</f>
        <v>0.900447624974273</v>
      </c>
      <c r="K8676" s="59">
        <f>Bühler!K8702</f>
        <v>1.3506714374614095</v>
      </c>
      <c r="L8676" s="59">
        <f>Bühler!L8702</f>
        <v>6.4832228998147654</v>
      </c>
      <c r="M8676" s="58">
        <f>Bühler!M8702</f>
        <v>0</v>
      </c>
      <c r="N8676" s="56">
        <f>IF(Input!$D$19=1,J8676*Input!$C$19,0)+IF(Input!$D$20=1,K8676*Input!$C$20,0)+IF(Input!$D$21=1,L8676*Input!$C$21,0)+IF(Input!$D$22=1,M8676*Input!$C$22,0)</f>
        <v>0.27013428749228191</v>
      </c>
      <c r="O8676" s="59">
        <f>IF(Input!$D$19=2,J8676*Input!$C$19,0)+IF(Input!$D$20=2,K8676*Input!$C$20,0)+IF(Input!$D$21=2,L8676*Input!$C$21,0)+IF(Input!$D$22=2,M8676*Input!$C$22,0)</f>
        <v>0.67533571873070475</v>
      </c>
      <c r="P8676" s="59">
        <f>IF(Input!$D$19=3,J8676*Input!$C$19,0)+IF(Input!$D$20=3,K8676*Input!$C$20,0)+IF(Input!$D$21=3,L8676*Input!$C$21,0)+IF(Input!$D$22=3,M8676*Input!$C$22,0)</f>
        <v>0</v>
      </c>
      <c r="Q8676" s="75">
        <f>IF(Input!$D$19=4,J8676*Input!$C$19,0)+IF(Input!$D$20=4,K8676*Input!$C$20,0)+IF(Input!$D$21=4,L8676*Input!$C$21,0)+IF(Input!$D$22=4,M8676*Input!$C$22,0)</f>
        <v>0</v>
      </c>
      <c r="R8676" s="58">
        <v>40.846294107361139</v>
      </c>
      <c r="S8676" s="124">
        <f t="shared" si="135"/>
        <v>1.1705819124665549</v>
      </c>
    </row>
    <row r="8677" spans="8:19" x14ac:dyDescent="0.3">
      <c r="H8677" s="44">
        <v>8670</v>
      </c>
      <c r="I8677" s="56">
        <f>Bühler!I8703</f>
        <v>0.3481730816567189</v>
      </c>
      <c r="J8677" s="59">
        <f>Bühler!J8703</f>
        <v>1.1605769388557297</v>
      </c>
      <c r="K8677" s="59">
        <f>Bühler!K8703</f>
        <v>1.7408654082835946</v>
      </c>
      <c r="L8677" s="59">
        <f>Bühler!L8703</f>
        <v>8.3561539597612544</v>
      </c>
      <c r="M8677" s="58">
        <f>Bühler!M8703</f>
        <v>0</v>
      </c>
      <c r="N8677" s="56">
        <f>IF(Input!$D$19=1,J8677*Input!$C$19,0)+IF(Input!$D$20=1,K8677*Input!$C$20,0)+IF(Input!$D$21=1,L8677*Input!$C$21,0)+IF(Input!$D$22=1,M8677*Input!$C$22,0)</f>
        <v>0.3481730816567189</v>
      </c>
      <c r="O8677" s="59">
        <f>IF(Input!$D$19=2,J8677*Input!$C$19,0)+IF(Input!$D$20=2,K8677*Input!$C$20,0)+IF(Input!$D$21=2,L8677*Input!$C$21,0)+IF(Input!$D$22=2,M8677*Input!$C$22,0)</f>
        <v>0.8704327041417973</v>
      </c>
      <c r="P8677" s="59">
        <f>IF(Input!$D$19=3,J8677*Input!$C$19,0)+IF(Input!$D$20=3,K8677*Input!$C$20,0)+IF(Input!$D$21=3,L8677*Input!$C$21,0)+IF(Input!$D$22=3,M8677*Input!$C$22,0)</f>
        <v>0</v>
      </c>
      <c r="Q8677" s="75">
        <f>IF(Input!$D$19=4,J8677*Input!$C$19,0)+IF(Input!$D$20=4,K8677*Input!$C$20,0)+IF(Input!$D$21=4,L8677*Input!$C$21,0)+IF(Input!$D$22=4,M8677*Input!$C$22,0)</f>
        <v>0</v>
      </c>
      <c r="R8677" s="58">
        <v>42.43414334613729</v>
      </c>
      <c r="S8677" s="124">
        <f t="shared" si="135"/>
        <v>1.5087500205124487</v>
      </c>
    </row>
    <row r="8678" spans="8:19" x14ac:dyDescent="0.3">
      <c r="H8678" s="44">
        <v>8671</v>
      </c>
      <c r="I8678" s="56">
        <f>Bühler!I8704</f>
        <v>0.4202088916546608</v>
      </c>
      <c r="J8678" s="59">
        <f>Bühler!J8704</f>
        <v>1.4006963055155361</v>
      </c>
      <c r="K8678" s="59">
        <f>Bühler!K8704</f>
        <v>2.1010444582733041</v>
      </c>
      <c r="L8678" s="59">
        <f>Bühler!L8704</f>
        <v>10.085013399711858</v>
      </c>
      <c r="M8678" s="58">
        <f>Bühler!M8704</f>
        <v>0</v>
      </c>
      <c r="N8678" s="56">
        <f>IF(Input!$D$19=1,J8678*Input!$C$19,0)+IF(Input!$D$20=1,K8678*Input!$C$20,0)+IF(Input!$D$21=1,L8678*Input!$C$21,0)+IF(Input!$D$22=1,M8678*Input!$C$22,0)</f>
        <v>0.42020889165466085</v>
      </c>
      <c r="O8678" s="59">
        <f>IF(Input!$D$19=2,J8678*Input!$C$19,0)+IF(Input!$D$20=2,K8678*Input!$C$20,0)+IF(Input!$D$21=2,L8678*Input!$C$21,0)+IF(Input!$D$22=2,M8678*Input!$C$22,0)</f>
        <v>1.0505222291366521</v>
      </c>
      <c r="P8678" s="59">
        <f>IF(Input!$D$19=3,J8678*Input!$C$19,0)+IF(Input!$D$20=3,K8678*Input!$C$20,0)+IF(Input!$D$21=3,L8678*Input!$C$21,0)+IF(Input!$D$22=3,M8678*Input!$C$22,0)</f>
        <v>0</v>
      </c>
      <c r="Q8678" s="75">
        <f>IF(Input!$D$19=4,J8678*Input!$C$19,0)+IF(Input!$D$20=4,K8678*Input!$C$20,0)+IF(Input!$D$21=4,L8678*Input!$C$21,0)+IF(Input!$D$22=4,M8678*Input!$C$22,0)</f>
        <v>0</v>
      </c>
      <c r="R8678" s="58">
        <v>43.631431509004436</v>
      </c>
      <c r="S8678" s="124">
        <f t="shared" si="135"/>
        <v>1.8209051971701968</v>
      </c>
    </row>
    <row r="8679" spans="8:19" x14ac:dyDescent="0.3">
      <c r="H8679" s="44">
        <v>8672</v>
      </c>
      <c r="I8679" s="56">
        <f>Bühler!I8705</f>
        <v>0.4202088916546608</v>
      </c>
      <c r="J8679" s="59">
        <f>Bühler!J8705</f>
        <v>1.4006963055155361</v>
      </c>
      <c r="K8679" s="59">
        <f>Bühler!K8705</f>
        <v>2.1010444582733041</v>
      </c>
      <c r="L8679" s="59">
        <f>Bühler!L8705</f>
        <v>10.085013399711858</v>
      </c>
      <c r="M8679" s="58">
        <f>Bühler!M8705</f>
        <v>0</v>
      </c>
      <c r="N8679" s="56">
        <f>IF(Input!$D$19=1,J8679*Input!$C$19,0)+IF(Input!$D$20=1,K8679*Input!$C$20,0)+IF(Input!$D$21=1,L8679*Input!$C$21,0)+IF(Input!$D$22=1,M8679*Input!$C$22,0)</f>
        <v>0.42020889165466085</v>
      </c>
      <c r="O8679" s="59">
        <f>IF(Input!$D$19=2,J8679*Input!$C$19,0)+IF(Input!$D$20=2,K8679*Input!$C$20,0)+IF(Input!$D$21=2,L8679*Input!$C$21,0)+IF(Input!$D$22=2,M8679*Input!$C$22,0)</f>
        <v>1.0505222291366521</v>
      </c>
      <c r="P8679" s="59">
        <f>IF(Input!$D$19=3,J8679*Input!$C$19,0)+IF(Input!$D$20=3,K8679*Input!$C$20,0)+IF(Input!$D$21=3,L8679*Input!$C$21,0)+IF(Input!$D$22=3,M8679*Input!$C$22,0)</f>
        <v>0</v>
      </c>
      <c r="Q8679" s="75">
        <f>IF(Input!$D$19=4,J8679*Input!$C$19,0)+IF(Input!$D$20=4,K8679*Input!$C$20,0)+IF(Input!$D$21=4,L8679*Input!$C$21,0)+IF(Input!$D$22=4,M8679*Input!$C$22,0)</f>
        <v>0</v>
      </c>
      <c r="R8679" s="58">
        <v>44.666346313987944</v>
      </c>
      <c r="S8679" s="124">
        <f t="shared" si="135"/>
        <v>1.8209051971701968</v>
      </c>
    </row>
    <row r="8680" spans="8:19" x14ac:dyDescent="0.3">
      <c r="H8680" s="44">
        <v>8673</v>
      </c>
      <c r="I8680" s="56">
        <f>Bühler!I8706</f>
        <v>0.4202088916546608</v>
      </c>
      <c r="J8680" s="59">
        <f>Bühler!J8706</f>
        <v>1.4006963055155361</v>
      </c>
      <c r="K8680" s="59">
        <f>Bühler!K8706</f>
        <v>2.1010444582733041</v>
      </c>
      <c r="L8680" s="59">
        <f>Bühler!L8706</f>
        <v>10.085013399711858</v>
      </c>
      <c r="M8680" s="58">
        <f>Bühler!M8706</f>
        <v>0</v>
      </c>
      <c r="N8680" s="56">
        <f>IF(Input!$D$19=1,J8680*Input!$C$19,0)+IF(Input!$D$20=1,K8680*Input!$C$20,0)+IF(Input!$D$21=1,L8680*Input!$C$21,0)+IF(Input!$D$22=1,M8680*Input!$C$22,0)</f>
        <v>0.42020889165466085</v>
      </c>
      <c r="O8680" s="59">
        <f>IF(Input!$D$19=2,J8680*Input!$C$19,0)+IF(Input!$D$20=2,K8680*Input!$C$20,0)+IF(Input!$D$21=2,L8680*Input!$C$21,0)+IF(Input!$D$22=2,M8680*Input!$C$22,0)</f>
        <v>1.0505222291366521</v>
      </c>
      <c r="P8680" s="59">
        <f>IF(Input!$D$19=3,J8680*Input!$C$19,0)+IF(Input!$D$20=3,K8680*Input!$C$20,0)+IF(Input!$D$21=3,L8680*Input!$C$21,0)+IF(Input!$D$22=3,M8680*Input!$C$22,0)</f>
        <v>0</v>
      </c>
      <c r="Q8680" s="75">
        <f>IF(Input!$D$19=4,J8680*Input!$C$19,0)+IF(Input!$D$20=4,K8680*Input!$C$20,0)+IF(Input!$D$21=4,L8680*Input!$C$21,0)+IF(Input!$D$22=4,M8680*Input!$C$22,0)</f>
        <v>0</v>
      </c>
      <c r="R8680" s="58">
        <v>44.985012632647368</v>
      </c>
      <c r="S8680" s="124">
        <f t="shared" si="135"/>
        <v>1.8209051971701968</v>
      </c>
    </row>
    <row r="8681" spans="8:19" x14ac:dyDescent="0.3">
      <c r="H8681" s="44">
        <v>8674</v>
      </c>
      <c r="I8681" s="56">
        <f>Bühler!I8707</f>
        <v>0.4502238124871365</v>
      </c>
      <c r="J8681" s="59">
        <f>Bühler!J8707</f>
        <v>1.5007460416237883</v>
      </c>
      <c r="K8681" s="59">
        <f>Bühler!K8707</f>
        <v>2.2511190624356825</v>
      </c>
      <c r="L8681" s="59">
        <f>Bühler!L8707</f>
        <v>10.805371499691276</v>
      </c>
      <c r="M8681" s="58">
        <f>Bühler!M8707</f>
        <v>0</v>
      </c>
      <c r="N8681" s="56">
        <f>IF(Input!$D$19=1,J8681*Input!$C$19,0)+IF(Input!$D$20=1,K8681*Input!$C$20,0)+IF(Input!$D$21=1,L8681*Input!$C$21,0)+IF(Input!$D$22=1,M8681*Input!$C$22,0)</f>
        <v>0.4502238124871365</v>
      </c>
      <c r="O8681" s="59">
        <f>IF(Input!$D$19=2,J8681*Input!$C$19,0)+IF(Input!$D$20=2,K8681*Input!$C$20,0)+IF(Input!$D$21=2,L8681*Input!$C$21,0)+IF(Input!$D$22=2,M8681*Input!$C$22,0)</f>
        <v>1.1255595312178412</v>
      </c>
      <c r="P8681" s="59">
        <f>IF(Input!$D$19=3,J8681*Input!$C$19,0)+IF(Input!$D$20=3,K8681*Input!$C$20,0)+IF(Input!$D$21=3,L8681*Input!$C$21,0)+IF(Input!$D$22=3,M8681*Input!$C$22,0)</f>
        <v>0</v>
      </c>
      <c r="Q8681" s="75">
        <f>IF(Input!$D$19=4,J8681*Input!$C$19,0)+IF(Input!$D$20=4,K8681*Input!$C$20,0)+IF(Input!$D$21=4,L8681*Input!$C$21,0)+IF(Input!$D$22=4,M8681*Input!$C$22,0)</f>
        <v>0</v>
      </c>
      <c r="R8681" s="58">
        <v>44.567306256423038</v>
      </c>
      <c r="S8681" s="124">
        <f t="shared" si="135"/>
        <v>1.9509698541109248</v>
      </c>
    </row>
    <row r="8682" spans="8:19" x14ac:dyDescent="0.3">
      <c r="H8682" s="44">
        <v>8675</v>
      </c>
      <c r="I8682" s="56">
        <f>Bühler!I8708</f>
        <v>0.46823276498662197</v>
      </c>
      <c r="J8682" s="59">
        <f>Bühler!J8708</f>
        <v>1.5607758832887402</v>
      </c>
      <c r="K8682" s="59">
        <f>Bühler!K8708</f>
        <v>2.3411638249331101</v>
      </c>
      <c r="L8682" s="59">
        <f>Bühler!L8708</f>
        <v>11.237586359678929</v>
      </c>
      <c r="M8682" s="58">
        <f>Bühler!M8708</f>
        <v>0</v>
      </c>
      <c r="N8682" s="56">
        <f>IF(Input!$D$19=1,J8682*Input!$C$19,0)+IF(Input!$D$20=1,K8682*Input!$C$20,0)+IF(Input!$D$21=1,L8682*Input!$C$21,0)+IF(Input!$D$22=1,M8682*Input!$C$22,0)</f>
        <v>0.46823276498662203</v>
      </c>
      <c r="O8682" s="59">
        <f>IF(Input!$D$19=2,J8682*Input!$C$19,0)+IF(Input!$D$20=2,K8682*Input!$C$20,0)+IF(Input!$D$21=2,L8682*Input!$C$21,0)+IF(Input!$D$22=2,M8682*Input!$C$22,0)</f>
        <v>1.1705819124665551</v>
      </c>
      <c r="P8682" s="59">
        <f>IF(Input!$D$19=3,J8682*Input!$C$19,0)+IF(Input!$D$20=3,K8682*Input!$C$20,0)+IF(Input!$D$21=3,L8682*Input!$C$21,0)+IF(Input!$D$22=3,M8682*Input!$C$22,0)</f>
        <v>0</v>
      </c>
      <c r="Q8682" s="75">
        <f>IF(Input!$D$19=4,J8682*Input!$C$19,0)+IF(Input!$D$20=4,K8682*Input!$C$20,0)+IF(Input!$D$21=4,L8682*Input!$C$21,0)+IF(Input!$D$22=4,M8682*Input!$C$22,0)</f>
        <v>0</v>
      </c>
      <c r="R8682" s="58">
        <v>44.973278378464371</v>
      </c>
      <c r="S8682" s="124">
        <f t="shared" si="135"/>
        <v>2.029008648275362</v>
      </c>
    </row>
    <row r="8683" spans="8:19" x14ac:dyDescent="0.3">
      <c r="H8683" s="44">
        <v>8676</v>
      </c>
      <c r="I8683" s="56">
        <f>Bühler!I8709</f>
        <v>0.54026857498456382</v>
      </c>
      <c r="J8683" s="59">
        <f>Bühler!J8709</f>
        <v>1.800895249948546</v>
      </c>
      <c r="K8683" s="59">
        <f>Bühler!K8709</f>
        <v>2.701342874922819</v>
      </c>
      <c r="L8683" s="59">
        <f>Bühler!L8709</f>
        <v>12.966445799629531</v>
      </c>
      <c r="M8683" s="58">
        <f>Bühler!M8709</f>
        <v>0</v>
      </c>
      <c r="N8683" s="56">
        <f>IF(Input!$D$19=1,J8683*Input!$C$19,0)+IF(Input!$D$20=1,K8683*Input!$C$20,0)+IF(Input!$D$21=1,L8683*Input!$C$21,0)+IF(Input!$D$22=1,M8683*Input!$C$22,0)</f>
        <v>0.54026857498456382</v>
      </c>
      <c r="O8683" s="59">
        <f>IF(Input!$D$19=2,J8683*Input!$C$19,0)+IF(Input!$D$20=2,K8683*Input!$C$20,0)+IF(Input!$D$21=2,L8683*Input!$C$21,0)+IF(Input!$D$22=2,M8683*Input!$C$22,0)</f>
        <v>1.3506714374614095</v>
      </c>
      <c r="P8683" s="59">
        <f>IF(Input!$D$19=3,J8683*Input!$C$19,0)+IF(Input!$D$20=3,K8683*Input!$C$20,0)+IF(Input!$D$21=3,L8683*Input!$C$21,0)+IF(Input!$D$22=3,M8683*Input!$C$22,0)</f>
        <v>0</v>
      </c>
      <c r="Q8683" s="75">
        <f>IF(Input!$D$19=4,J8683*Input!$C$19,0)+IF(Input!$D$20=4,K8683*Input!$C$20,0)+IF(Input!$D$21=4,L8683*Input!$C$21,0)+IF(Input!$D$22=4,M8683*Input!$C$22,0)</f>
        <v>0</v>
      </c>
      <c r="R8683" s="58">
        <v>45.265687860063139</v>
      </c>
      <c r="S8683" s="124">
        <f t="shared" si="135"/>
        <v>2.3411638249331097</v>
      </c>
    </row>
    <row r="8684" spans="8:19" x14ac:dyDescent="0.3">
      <c r="H8684" s="44">
        <v>8677</v>
      </c>
      <c r="I8684" s="56">
        <f>Bühler!I8710</f>
        <v>0.54026857498456382</v>
      </c>
      <c r="J8684" s="59">
        <f>Bühler!J8710</f>
        <v>1.800895249948546</v>
      </c>
      <c r="K8684" s="59">
        <f>Bühler!K8710</f>
        <v>2.701342874922819</v>
      </c>
      <c r="L8684" s="59">
        <f>Bühler!L8710</f>
        <v>12.966445799629531</v>
      </c>
      <c r="M8684" s="58">
        <f>Bühler!M8710</f>
        <v>0</v>
      </c>
      <c r="N8684" s="56">
        <f>IF(Input!$D$19=1,J8684*Input!$C$19,0)+IF(Input!$D$20=1,K8684*Input!$C$20,0)+IF(Input!$D$21=1,L8684*Input!$C$21,0)+IF(Input!$D$22=1,M8684*Input!$C$22,0)</f>
        <v>0.54026857498456382</v>
      </c>
      <c r="O8684" s="59">
        <f>IF(Input!$D$19=2,J8684*Input!$C$19,0)+IF(Input!$D$20=2,K8684*Input!$C$20,0)+IF(Input!$D$21=2,L8684*Input!$C$21,0)+IF(Input!$D$22=2,M8684*Input!$C$22,0)</f>
        <v>1.3506714374614095</v>
      </c>
      <c r="P8684" s="59">
        <f>IF(Input!$D$19=3,J8684*Input!$C$19,0)+IF(Input!$D$20=3,K8684*Input!$C$20,0)+IF(Input!$D$21=3,L8684*Input!$C$21,0)+IF(Input!$D$22=3,M8684*Input!$C$22,0)</f>
        <v>0</v>
      </c>
      <c r="Q8684" s="75">
        <f>IF(Input!$D$19=4,J8684*Input!$C$19,0)+IF(Input!$D$20=4,K8684*Input!$C$20,0)+IF(Input!$D$21=4,L8684*Input!$C$21,0)+IF(Input!$D$22=4,M8684*Input!$C$22,0)</f>
        <v>0</v>
      </c>
      <c r="R8684" s="58">
        <v>44.503824597764911</v>
      </c>
      <c r="S8684" s="124">
        <f t="shared" si="135"/>
        <v>2.3411638249331097</v>
      </c>
    </row>
    <row r="8685" spans="8:19" x14ac:dyDescent="0.3">
      <c r="H8685" s="44">
        <v>8678</v>
      </c>
      <c r="I8685" s="56">
        <f>Bühler!I8711</f>
        <v>0.54026857498456382</v>
      </c>
      <c r="J8685" s="59">
        <f>Bühler!J8711</f>
        <v>1.800895249948546</v>
      </c>
      <c r="K8685" s="59">
        <f>Bühler!K8711</f>
        <v>2.701342874922819</v>
      </c>
      <c r="L8685" s="59">
        <f>Bühler!L8711</f>
        <v>12.966445799629531</v>
      </c>
      <c r="M8685" s="58">
        <f>Bühler!M8711</f>
        <v>0</v>
      </c>
      <c r="N8685" s="56">
        <f>IF(Input!$D$19=1,J8685*Input!$C$19,0)+IF(Input!$D$20=1,K8685*Input!$C$20,0)+IF(Input!$D$21=1,L8685*Input!$C$21,0)+IF(Input!$D$22=1,M8685*Input!$C$22,0)</f>
        <v>0.54026857498456382</v>
      </c>
      <c r="O8685" s="59">
        <f>IF(Input!$D$19=2,J8685*Input!$C$19,0)+IF(Input!$D$20=2,K8685*Input!$C$20,0)+IF(Input!$D$21=2,L8685*Input!$C$21,0)+IF(Input!$D$22=2,M8685*Input!$C$22,0)</f>
        <v>1.3506714374614095</v>
      </c>
      <c r="P8685" s="59">
        <f>IF(Input!$D$19=3,J8685*Input!$C$19,0)+IF(Input!$D$20=3,K8685*Input!$C$20,0)+IF(Input!$D$21=3,L8685*Input!$C$21,0)+IF(Input!$D$22=3,M8685*Input!$C$22,0)</f>
        <v>0</v>
      </c>
      <c r="Q8685" s="75">
        <f>IF(Input!$D$19=4,J8685*Input!$C$19,0)+IF(Input!$D$20=4,K8685*Input!$C$20,0)+IF(Input!$D$21=4,L8685*Input!$C$21,0)+IF(Input!$D$22=4,M8685*Input!$C$22,0)</f>
        <v>0</v>
      </c>
      <c r="R8685" s="58">
        <v>44.318336053451553</v>
      </c>
      <c r="S8685" s="124">
        <f t="shared" si="135"/>
        <v>2.3411638249331097</v>
      </c>
    </row>
    <row r="8686" spans="8:19" x14ac:dyDescent="0.3">
      <c r="H8686" s="44">
        <v>8679</v>
      </c>
      <c r="I8686" s="56">
        <f>Bühler!I8712</f>
        <v>0.54026857498456382</v>
      </c>
      <c r="J8686" s="59">
        <f>Bühler!J8712</f>
        <v>1.800895249948546</v>
      </c>
      <c r="K8686" s="59">
        <f>Bühler!K8712</f>
        <v>2.701342874922819</v>
      </c>
      <c r="L8686" s="59">
        <f>Bühler!L8712</f>
        <v>12.966445799629531</v>
      </c>
      <c r="M8686" s="58">
        <f>Bühler!M8712</f>
        <v>0</v>
      </c>
      <c r="N8686" s="56">
        <f>IF(Input!$D$19=1,J8686*Input!$C$19,0)+IF(Input!$D$20=1,K8686*Input!$C$20,0)+IF(Input!$D$21=1,L8686*Input!$C$21,0)+IF(Input!$D$22=1,M8686*Input!$C$22,0)</f>
        <v>0.54026857498456382</v>
      </c>
      <c r="O8686" s="59">
        <f>IF(Input!$D$19=2,J8686*Input!$C$19,0)+IF(Input!$D$20=2,K8686*Input!$C$20,0)+IF(Input!$D$21=2,L8686*Input!$C$21,0)+IF(Input!$D$22=2,M8686*Input!$C$22,0)</f>
        <v>1.3506714374614095</v>
      </c>
      <c r="P8686" s="59">
        <f>IF(Input!$D$19=3,J8686*Input!$C$19,0)+IF(Input!$D$20=3,K8686*Input!$C$20,0)+IF(Input!$D$21=3,L8686*Input!$C$21,0)+IF(Input!$D$22=3,M8686*Input!$C$22,0)</f>
        <v>0</v>
      </c>
      <c r="Q8686" s="75">
        <f>IF(Input!$D$19=4,J8686*Input!$C$19,0)+IF(Input!$D$20=4,K8686*Input!$C$20,0)+IF(Input!$D$21=4,L8686*Input!$C$21,0)+IF(Input!$D$22=4,M8686*Input!$C$22,0)</f>
        <v>0</v>
      </c>
      <c r="R8686" s="58">
        <v>44.144544301075271</v>
      </c>
      <c r="S8686" s="124">
        <f t="shared" si="135"/>
        <v>2.3411638249331097</v>
      </c>
    </row>
    <row r="8687" spans="8:19" x14ac:dyDescent="0.3">
      <c r="H8687" s="44">
        <v>8680</v>
      </c>
      <c r="I8687" s="56">
        <f>Bühler!I8713</f>
        <v>0.4502238124871365</v>
      </c>
      <c r="J8687" s="59">
        <f>Bühler!J8713</f>
        <v>1.5007460416237883</v>
      </c>
      <c r="K8687" s="59">
        <f>Bühler!K8713</f>
        <v>2.2511190624356825</v>
      </c>
      <c r="L8687" s="59">
        <f>Bühler!L8713</f>
        <v>10.805371499691276</v>
      </c>
      <c r="M8687" s="58">
        <f>Bühler!M8713</f>
        <v>0</v>
      </c>
      <c r="N8687" s="56">
        <f>IF(Input!$D$19=1,J8687*Input!$C$19,0)+IF(Input!$D$20=1,K8687*Input!$C$20,0)+IF(Input!$D$21=1,L8687*Input!$C$21,0)+IF(Input!$D$22=1,M8687*Input!$C$22,0)</f>
        <v>0.4502238124871365</v>
      </c>
      <c r="O8687" s="59">
        <f>IF(Input!$D$19=2,J8687*Input!$C$19,0)+IF(Input!$D$20=2,K8687*Input!$C$20,0)+IF(Input!$D$21=2,L8687*Input!$C$21,0)+IF(Input!$D$22=2,M8687*Input!$C$22,0)</f>
        <v>1.1255595312178412</v>
      </c>
      <c r="P8687" s="59">
        <f>IF(Input!$D$19=3,J8687*Input!$C$19,0)+IF(Input!$D$20=3,K8687*Input!$C$20,0)+IF(Input!$D$21=3,L8687*Input!$C$21,0)+IF(Input!$D$22=3,M8687*Input!$C$22,0)</f>
        <v>0</v>
      </c>
      <c r="Q8687" s="75">
        <f>IF(Input!$D$19=4,J8687*Input!$C$19,0)+IF(Input!$D$20=4,K8687*Input!$C$20,0)+IF(Input!$D$21=4,L8687*Input!$C$21,0)+IF(Input!$D$22=4,M8687*Input!$C$22,0)</f>
        <v>0</v>
      </c>
      <c r="R8687" s="58">
        <v>43.704228243376448</v>
      </c>
      <c r="S8687" s="124">
        <f t="shared" si="135"/>
        <v>1.9509698541109248</v>
      </c>
    </row>
    <row r="8688" spans="8:19" x14ac:dyDescent="0.3">
      <c r="H8688" s="44">
        <v>8681</v>
      </c>
      <c r="I8688" s="56">
        <f>Bühler!I8714</f>
        <v>0.42621187582115594</v>
      </c>
      <c r="J8688" s="59">
        <f>Bühler!J8714</f>
        <v>1.4207062527371868</v>
      </c>
      <c r="K8688" s="59">
        <f>Bühler!K8714</f>
        <v>2.1310593791057797</v>
      </c>
      <c r="L8688" s="59">
        <f>Bühler!L8714</f>
        <v>10.229085019707743</v>
      </c>
      <c r="M8688" s="58">
        <f>Bühler!M8714</f>
        <v>0</v>
      </c>
      <c r="N8688" s="56">
        <f>IF(Input!$D$19=1,J8688*Input!$C$19,0)+IF(Input!$D$20=1,K8688*Input!$C$20,0)+IF(Input!$D$21=1,L8688*Input!$C$21,0)+IF(Input!$D$22=1,M8688*Input!$C$22,0)</f>
        <v>0.42621187582115599</v>
      </c>
      <c r="O8688" s="59">
        <f>IF(Input!$D$19=2,J8688*Input!$C$19,0)+IF(Input!$D$20=2,K8688*Input!$C$20,0)+IF(Input!$D$21=2,L8688*Input!$C$21,0)+IF(Input!$D$22=2,M8688*Input!$C$22,0)</f>
        <v>1.0655296895528898</v>
      </c>
      <c r="P8688" s="59">
        <f>IF(Input!$D$19=3,J8688*Input!$C$19,0)+IF(Input!$D$20=3,K8688*Input!$C$20,0)+IF(Input!$D$21=3,L8688*Input!$C$21,0)+IF(Input!$D$22=3,M8688*Input!$C$22,0)</f>
        <v>0</v>
      </c>
      <c r="Q8688" s="75">
        <f>IF(Input!$D$19=4,J8688*Input!$C$19,0)+IF(Input!$D$20=4,K8688*Input!$C$20,0)+IF(Input!$D$21=4,L8688*Input!$C$21,0)+IF(Input!$D$22=4,M8688*Input!$C$22,0)</f>
        <v>0</v>
      </c>
      <c r="R8688" s="58">
        <v>43.25557332509711</v>
      </c>
      <c r="S8688" s="124">
        <f t="shared" si="135"/>
        <v>1.8469181285583427</v>
      </c>
    </row>
    <row r="8689" spans="8:19" x14ac:dyDescent="0.3">
      <c r="H8689" s="44">
        <v>8682</v>
      </c>
      <c r="I8689" s="56">
        <f>Bühler!I8715</f>
        <v>0.42621187582115594</v>
      </c>
      <c r="J8689" s="59">
        <f>Bühler!J8715</f>
        <v>1.4207062527371868</v>
      </c>
      <c r="K8689" s="59">
        <f>Bühler!K8715</f>
        <v>2.1310593791057797</v>
      </c>
      <c r="L8689" s="59">
        <f>Bühler!L8715</f>
        <v>10.229085019707743</v>
      </c>
      <c r="M8689" s="58">
        <f>Bühler!M8715</f>
        <v>0</v>
      </c>
      <c r="N8689" s="56">
        <f>IF(Input!$D$19=1,J8689*Input!$C$19,0)+IF(Input!$D$20=1,K8689*Input!$C$20,0)+IF(Input!$D$21=1,L8689*Input!$C$21,0)+IF(Input!$D$22=1,M8689*Input!$C$22,0)</f>
        <v>0.42621187582115599</v>
      </c>
      <c r="O8689" s="59">
        <f>IF(Input!$D$19=2,J8689*Input!$C$19,0)+IF(Input!$D$20=2,K8689*Input!$C$20,0)+IF(Input!$D$21=2,L8689*Input!$C$21,0)+IF(Input!$D$22=2,M8689*Input!$C$22,0)</f>
        <v>1.0655296895528898</v>
      </c>
      <c r="P8689" s="59">
        <f>IF(Input!$D$19=3,J8689*Input!$C$19,0)+IF(Input!$D$20=3,K8689*Input!$C$20,0)+IF(Input!$D$21=3,L8689*Input!$C$21,0)+IF(Input!$D$22=3,M8689*Input!$C$22,0)</f>
        <v>0</v>
      </c>
      <c r="Q8689" s="75">
        <f>IF(Input!$D$19=4,J8689*Input!$C$19,0)+IF(Input!$D$20=4,K8689*Input!$C$20,0)+IF(Input!$D$21=4,L8689*Input!$C$21,0)+IF(Input!$D$22=4,M8689*Input!$C$22,0)</f>
        <v>0</v>
      </c>
      <c r="R8689" s="58">
        <v>43.02622639573179</v>
      </c>
      <c r="S8689" s="124">
        <f t="shared" si="135"/>
        <v>1.8469181285583427</v>
      </c>
    </row>
    <row r="8690" spans="8:19" x14ac:dyDescent="0.3">
      <c r="H8690" s="44">
        <v>8683</v>
      </c>
      <c r="I8690" s="56">
        <f>Bühler!I8716</f>
        <v>0.42621187582115594</v>
      </c>
      <c r="J8690" s="59">
        <f>Bühler!J8716</f>
        <v>1.4207062527371868</v>
      </c>
      <c r="K8690" s="59">
        <f>Bühler!K8716</f>
        <v>2.1310593791057797</v>
      </c>
      <c r="L8690" s="59">
        <f>Bühler!L8716</f>
        <v>10.229085019707743</v>
      </c>
      <c r="M8690" s="58">
        <f>Bühler!M8716</f>
        <v>0</v>
      </c>
      <c r="N8690" s="56">
        <f>IF(Input!$D$19=1,J8690*Input!$C$19,0)+IF(Input!$D$20=1,K8690*Input!$C$20,0)+IF(Input!$D$21=1,L8690*Input!$C$21,0)+IF(Input!$D$22=1,M8690*Input!$C$22,0)</f>
        <v>0.42621187582115599</v>
      </c>
      <c r="O8690" s="59">
        <f>IF(Input!$D$19=2,J8690*Input!$C$19,0)+IF(Input!$D$20=2,K8690*Input!$C$20,0)+IF(Input!$D$21=2,L8690*Input!$C$21,0)+IF(Input!$D$22=2,M8690*Input!$C$22,0)</f>
        <v>1.0655296895528898</v>
      </c>
      <c r="P8690" s="59">
        <f>IF(Input!$D$19=3,J8690*Input!$C$19,0)+IF(Input!$D$20=3,K8690*Input!$C$20,0)+IF(Input!$D$21=3,L8690*Input!$C$21,0)+IF(Input!$D$22=3,M8690*Input!$C$22,0)</f>
        <v>0</v>
      </c>
      <c r="Q8690" s="75">
        <f>IF(Input!$D$19=4,J8690*Input!$C$19,0)+IF(Input!$D$20=4,K8690*Input!$C$20,0)+IF(Input!$D$21=4,L8690*Input!$C$21,0)+IF(Input!$D$22=4,M8690*Input!$C$22,0)</f>
        <v>0</v>
      </c>
      <c r="R8690" s="58">
        <v>42.512282039869874</v>
      </c>
      <c r="S8690" s="124">
        <f t="shared" si="135"/>
        <v>1.8469181285583427</v>
      </c>
    </row>
    <row r="8691" spans="8:19" x14ac:dyDescent="0.3">
      <c r="H8691" s="44">
        <v>8684</v>
      </c>
      <c r="I8691" s="56">
        <f>Bühler!I8717</f>
        <v>0.42621187582115594</v>
      </c>
      <c r="J8691" s="59">
        <f>Bühler!J8717</f>
        <v>1.4207062527371868</v>
      </c>
      <c r="K8691" s="59">
        <f>Bühler!K8717</f>
        <v>2.1310593791057797</v>
      </c>
      <c r="L8691" s="59">
        <f>Bühler!L8717</f>
        <v>10.229085019707743</v>
      </c>
      <c r="M8691" s="58">
        <f>Bühler!M8717</f>
        <v>0</v>
      </c>
      <c r="N8691" s="56">
        <f>IF(Input!$D$19=1,J8691*Input!$C$19,0)+IF(Input!$D$20=1,K8691*Input!$C$20,0)+IF(Input!$D$21=1,L8691*Input!$C$21,0)+IF(Input!$D$22=1,M8691*Input!$C$22,0)</f>
        <v>0.42621187582115599</v>
      </c>
      <c r="O8691" s="59">
        <f>IF(Input!$D$19=2,J8691*Input!$C$19,0)+IF(Input!$D$20=2,K8691*Input!$C$20,0)+IF(Input!$D$21=2,L8691*Input!$C$21,0)+IF(Input!$D$22=2,M8691*Input!$C$22,0)</f>
        <v>1.0655296895528898</v>
      </c>
      <c r="P8691" s="59">
        <f>IF(Input!$D$19=3,J8691*Input!$C$19,0)+IF(Input!$D$20=3,K8691*Input!$C$20,0)+IF(Input!$D$21=3,L8691*Input!$C$21,0)+IF(Input!$D$22=3,M8691*Input!$C$22,0)</f>
        <v>0</v>
      </c>
      <c r="Q8691" s="75">
        <f>IF(Input!$D$19=4,J8691*Input!$C$19,0)+IF(Input!$D$20=4,K8691*Input!$C$20,0)+IF(Input!$D$21=4,L8691*Input!$C$21,0)+IF(Input!$D$22=4,M8691*Input!$C$22,0)</f>
        <v>0</v>
      </c>
      <c r="R8691" s="58">
        <v>42.19880351656419</v>
      </c>
      <c r="S8691" s="124">
        <f t="shared" si="135"/>
        <v>1.8469181285583427</v>
      </c>
    </row>
    <row r="8692" spans="8:19" x14ac:dyDescent="0.3">
      <c r="H8692" s="44">
        <v>8685</v>
      </c>
      <c r="I8692" s="56">
        <f>Bühler!I8718</f>
        <v>0.33016412915723342</v>
      </c>
      <c r="J8692" s="59">
        <f>Bühler!J8718</f>
        <v>1.1005470971907783</v>
      </c>
      <c r="K8692" s="59">
        <f>Bühler!K8718</f>
        <v>1.6508206457861672</v>
      </c>
      <c r="L8692" s="59">
        <f>Bühler!L8718</f>
        <v>7.9239390997736026</v>
      </c>
      <c r="M8692" s="58">
        <f>Bühler!M8718</f>
        <v>0</v>
      </c>
      <c r="N8692" s="56">
        <f>IF(Input!$D$19=1,J8692*Input!$C$19,0)+IF(Input!$D$20=1,K8692*Input!$C$20,0)+IF(Input!$D$21=1,L8692*Input!$C$21,0)+IF(Input!$D$22=1,M8692*Input!$C$22,0)</f>
        <v>0.33016412915723348</v>
      </c>
      <c r="O8692" s="59">
        <f>IF(Input!$D$19=2,J8692*Input!$C$19,0)+IF(Input!$D$20=2,K8692*Input!$C$20,0)+IF(Input!$D$21=2,L8692*Input!$C$21,0)+IF(Input!$D$22=2,M8692*Input!$C$22,0)</f>
        <v>0.82541032289308358</v>
      </c>
      <c r="P8692" s="59">
        <f>IF(Input!$D$19=3,J8692*Input!$C$19,0)+IF(Input!$D$20=3,K8692*Input!$C$20,0)+IF(Input!$D$21=3,L8692*Input!$C$21,0)+IF(Input!$D$22=3,M8692*Input!$C$22,0)</f>
        <v>0</v>
      </c>
      <c r="Q8692" s="75">
        <f>IF(Input!$D$19=4,J8692*Input!$C$19,0)+IF(Input!$D$20=4,K8692*Input!$C$20,0)+IF(Input!$D$21=4,L8692*Input!$C$21,0)+IF(Input!$D$22=4,M8692*Input!$C$22,0)</f>
        <v>0</v>
      </c>
      <c r="R8692" s="58">
        <v>42.379276493786406</v>
      </c>
      <c r="S8692" s="124">
        <f t="shared" si="135"/>
        <v>1.4307112263480117</v>
      </c>
    </row>
    <row r="8693" spans="8:19" x14ac:dyDescent="0.3">
      <c r="H8693" s="44">
        <v>8686</v>
      </c>
      <c r="I8693" s="56">
        <f>Bühler!I8719</f>
        <v>0.12606266749639822</v>
      </c>
      <c r="J8693" s="59">
        <f>Bühler!J8719</f>
        <v>0.42020889165466074</v>
      </c>
      <c r="K8693" s="59">
        <f>Bühler!K8719</f>
        <v>0.63031333748199103</v>
      </c>
      <c r="L8693" s="59">
        <f>Bühler!L8719</f>
        <v>3.0255040199135572</v>
      </c>
      <c r="M8693" s="58">
        <f>Bühler!M8719</f>
        <v>0</v>
      </c>
      <c r="N8693" s="56">
        <f>IF(Input!$D$19=1,J8693*Input!$C$19,0)+IF(Input!$D$20=1,K8693*Input!$C$20,0)+IF(Input!$D$21=1,L8693*Input!$C$21,0)+IF(Input!$D$22=1,M8693*Input!$C$22,0)</f>
        <v>0.12606266749639822</v>
      </c>
      <c r="O8693" s="59">
        <f>IF(Input!$D$19=2,J8693*Input!$C$19,0)+IF(Input!$D$20=2,K8693*Input!$C$20,0)+IF(Input!$D$21=2,L8693*Input!$C$21,0)+IF(Input!$D$22=2,M8693*Input!$C$22,0)</f>
        <v>0.31515666874099552</v>
      </c>
      <c r="P8693" s="59">
        <f>IF(Input!$D$19=3,J8693*Input!$C$19,0)+IF(Input!$D$20=3,K8693*Input!$C$20,0)+IF(Input!$D$21=3,L8693*Input!$C$21,0)+IF(Input!$D$22=3,M8693*Input!$C$22,0)</f>
        <v>0</v>
      </c>
      <c r="Q8693" s="75">
        <f>IF(Input!$D$19=4,J8693*Input!$C$19,0)+IF(Input!$D$20=4,K8693*Input!$C$20,0)+IF(Input!$D$21=4,L8693*Input!$C$21,0)+IF(Input!$D$22=4,M8693*Input!$C$22,0)</f>
        <v>0</v>
      </c>
      <c r="R8693" s="58">
        <v>41.814655781022061</v>
      </c>
      <c r="S8693" s="124">
        <f t="shared" si="135"/>
        <v>0.54627155915105896</v>
      </c>
    </row>
    <row r="8694" spans="8:19" x14ac:dyDescent="0.3">
      <c r="H8694" s="44">
        <v>8687</v>
      </c>
      <c r="I8694" s="56">
        <f>Bühler!I8720</f>
        <v>0.12606266749639822</v>
      </c>
      <c r="J8694" s="59">
        <f>Bühler!J8720</f>
        <v>0.42020889165466074</v>
      </c>
      <c r="K8694" s="59">
        <f>Bühler!K8720</f>
        <v>0.63031333748199103</v>
      </c>
      <c r="L8694" s="59">
        <f>Bühler!L8720</f>
        <v>3.0255040199135572</v>
      </c>
      <c r="M8694" s="58">
        <f>Bühler!M8720</f>
        <v>0</v>
      </c>
      <c r="N8694" s="56">
        <f>IF(Input!$D$19=1,J8694*Input!$C$19,0)+IF(Input!$D$20=1,K8694*Input!$C$20,0)+IF(Input!$D$21=1,L8694*Input!$C$21,0)+IF(Input!$D$22=1,M8694*Input!$C$22,0)</f>
        <v>0.12606266749639822</v>
      </c>
      <c r="O8694" s="59">
        <f>IF(Input!$D$19=2,J8694*Input!$C$19,0)+IF(Input!$D$20=2,K8694*Input!$C$20,0)+IF(Input!$D$21=2,L8694*Input!$C$21,0)+IF(Input!$D$22=2,M8694*Input!$C$22,0)</f>
        <v>0.31515666874099552</v>
      </c>
      <c r="P8694" s="59">
        <f>IF(Input!$D$19=3,J8694*Input!$C$19,0)+IF(Input!$D$20=3,K8694*Input!$C$20,0)+IF(Input!$D$21=3,L8694*Input!$C$21,0)+IF(Input!$D$22=3,M8694*Input!$C$22,0)</f>
        <v>0</v>
      </c>
      <c r="Q8694" s="75">
        <f>IF(Input!$D$19=4,J8694*Input!$C$19,0)+IF(Input!$D$20=4,K8694*Input!$C$20,0)+IF(Input!$D$21=4,L8694*Input!$C$21,0)+IF(Input!$D$22=4,M8694*Input!$C$22,0)</f>
        <v>0</v>
      </c>
      <c r="R8694" s="58">
        <v>42.26356659978449</v>
      </c>
      <c r="S8694" s="124">
        <f t="shared" si="135"/>
        <v>0.54627155915105896</v>
      </c>
    </row>
    <row r="8695" spans="8:19" x14ac:dyDescent="0.3">
      <c r="H8695" s="44">
        <v>8688</v>
      </c>
      <c r="I8695" s="56">
        <f>Bühler!I8721</f>
        <v>0.12606266749639822</v>
      </c>
      <c r="J8695" s="59">
        <f>Bühler!J8721</f>
        <v>0.42020889165466074</v>
      </c>
      <c r="K8695" s="59">
        <f>Bühler!K8721</f>
        <v>0.63031333748199103</v>
      </c>
      <c r="L8695" s="59">
        <f>Bühler!L8721</f>
        <v>3.0255040199135572</v>
      </c>
      <c r="M8695" s="58">
        <f>Bühler!M8721</f>
        <v>0</v>
      </c>
      <c r="N8695" s="56">
        <f>IF(Input!$D$19=1,J8695*Input!$C$19,0)+IF(Input!$D$20=1,K8695*Input!$C$20,0)+IF(Input!$D$21=1,L8695*Input!$C$21,0)+IF(Input!$D$22=1,M8695*Input!$C$22,0)</f>
        <v>0.12606266749639822</v>
      </c>
      <c r="O8695" s="59">
        <f>IF(Input!$D$19=2,J8695*Input!$C$19,0)+IF(Input!$D$20=2,K8695*Input!$C$20,0)+IF(Input!$D$21=2,L8695*Input!$C$21,0)+IF(Input!$D$22=2,M8695*Input!$C$22,0)</f>
        <v>0.31515666874099552</v>
      </c>
      <c r="P8695" s="59">
        <f>IF(Input!$D$19=3,J8695*Input!$C$19,0)+IF(Input!$D$20=3,K8695*Input!$C$20,0)+IF(Input!$D$21=3,L8695*Input!$C$21,0)+IF(Input!$D$22=3,M8695*Input!$C$22,0)</f>
        <v>0</v>
      </c>
      <c r="Q8695" s="75">
        <f>IF(Input!$D$19=4,J8695*Input!$C$19,0)+IF(Input!$D$20=4,K8695*Input!$C$20,0)+IF(Input!$D$21=4,L8695*Input!$C$21,0)+IF(Input!$D$22=4,M8695*Input!$C$22,0)</f>
        <v>0</v>
      </c>
      <c r="R8695" s="58">
        <v>42.044605519113361</v>
      </c>
      <c r="S8695" s="124">
        <f t="shared" si="135"/>
        <v>0.54627155915105896</v>
      </c>
    </row>
    <row r="8696" spans="8:19" x14ac:dyDescent="0.3">
      <c r="H8696" s="44">
        <v>8689</v>
      </c>
      <c r="I8696" s="56">
        <f>Bühler!I8722</f>
        <v>9.5171228982923878E-2</v>
      </c>
      <c r="J8696" s="59">
        <f>Bühler!J8722</f>
        <v>0.31723742994307963</v>
      </c>
      <c r="K8696" s="59">
        <f>Bühler!K8722</f>
        <v>0.47585614491461947</v>
      </c>
      <c r="L8696" s="59">
        <f>Bühler!L8722</f>
        <v>4.5939405537744928</v>
      </c>
      <c r="M8696" s="58">
        <f>Bühler!M8722</f>
        <v>0</v>
      </c>
      <c r="N8696" s="56">
        <f>IF(Input!$D$19=1,J8696*Input!$C$19,0)+IF(Input!$D$20=1,K8696*Input!$C$20,0)+IF(Input!$D$21=1,L8696*Input!$C$21,0)+IF(Input!$D$22=1,M8696*Input!$C$22,0)</f>
        <v>9.5171228982923892E-2</v>
      </c>
      <c r="O8696" s="59">
        <f>IF(Input!$D$19=2,J8696*Input!$C$19,0)+IF(Input!$D$20=2,K8696*Input!$C$20,0)+IF(Input!$D$21=2,L8696*Input!$C$21,0)+IF(Input!$D$22=2,M8696*Input!$C$22,0)</f>
        <v>0.23792807245730974</v>
      </c>
      <c r="P8696" s="59">
        <f>IF(Input!$D$19=3,J8696*Input!$C$19,0)+IF(Input!$D$20=3,K8696*Input!$C$20,0)+IF(Input!$D$21=3,L8696*Input!$C$21,0)+IF(Input!$D$22=3,M8696*Input!$C$22,0)</f>
        <v>0</v>
      </c>
      <c r="Q8696" s="75">
        <f>IF(Input!$D$19=4,J8696*Input!$C$19,0)+IF(Input!$D$20=4,K8696*Input!$C$20,0)+IF(Input!$D$21=4,L8696*Input!$C$21,0)+IF(Input!$D$22=4,M8696*Input!$C$22,0)</f>
        <v>0</v>
      </c>
      <c r="R8696" s="58">
        <v>39.285554923007155</v>
      </c>
      <c r="S8696" s="124">
        <f t="shared" si="135"/>
        <v>0.41240865892600354</v>
      </c>
    </row>
    <row r="8697" spans="8:19" x14ac:dyDescent="0.3">
      <c r="H8697" s="44">
        <v>8690</v>
      </c>
      <c r="I8697" s="56">
        <f>Bühler!I8723</f>
        <v>0.18581049468094663</v>
      </c>
      <c r="J8697" s="59">
        <f>Bühler!J8723</f>
        <v>0.61936831560315553</v>
      </c>
      <c r="K8697" s="59">
        <f>Bühler!K8723</f>
        <v>0.92905247340473329</v>
      </c>
      <c r="L8697" s="59">
        <f>Bühler!L8723</f>
        <v>8.9691220335597244</v>
      </c>
      <c r="M8697" s="58">
        <f>Bühler!M8723</f>
        <v>0</v>
      </c>
      <c r="N8697" s="56">
        <f>IF(Input!$D$19=1,J8697*Input!$C$19,0)+IF(Input!$D$20=1,K8697*Input!$C$20,0)+IF(Input!$D$21=1,L8697*Input!$C$21,0)+IF(Input!$D$22=1,M8697*Input!$C$22,0)</f>
        <v>0.18581049468094665</v>
      </c>
      <c r="O8697" s="59">
        <f>IF(Input!$D$19=2,J8697*Input!$C$19,0)+IF(Input!$D$20=2,K8697*Input!$C$20,0)+IF(Input!$D$21=2,L8697*Input!$C$21,0)+IF(Input!$D$22=2,M8697*Input!$C$22,0)</f>
        <v>0.46452623670236665</v>
      </c>
      <c r="P8697" s="59">
        <f>IF(Input!$D$19=3,J8697*Input!$C$19,0)+IF(Input!$D$20=3,K8697*Input!$C$20,0)+IF(Input!$D$21=3,L8697*Input!$C$21,0)+IF(Input!$D$22=3,M8697*Input!$C$22,0)</f>
        <v>0</v>
      </c>
      <c r="Q8697" s="75">
        <f>IF(Input!$D$19=4,J8697*Input!$C$19,0)+IF(Input!$D$20=4,K8697*Input!$C$20,0)+IF(Input!$D$21=4,L8697*Input!$C$21,0)+IF(Input!$D$22=4,M8697*Input!$C$22,0)</f>
        <v>0</v>
      </c>
      <c r="R8697" s="58">
        <v>39.698112868656594</v>
      </c>
      <c r="S8697" s="124">
        <f t="shared" si="135"/>
        <v>0.80517881028410221</v>
      </c>
    </row>
    <row r="8698" spans="8:19" x14ac:dyDescent="0.3">
      <c r="H8698" s="44">
        <v>8691</v>
      </c>
      <c r="I8698" s="56">
        <f>Bühler!I8724</f>
        <v>0.18581049468094663</v>
      </c>
      <c r="J8698" s="59">
        <f>Bühler!J8724</f>
        <v>0.61936831560315553</v>
      </c>
      <c r="K8698" s="59">
        <f>Bühler!K8724</f>
        <v>0.92905247340473329</v>
      </c>
      <c r="L8698" s="59">
        <f>Bühler!L8724</f>
        <v>8.9691220335597244</v>
      </c>
      <c r="M8698" s="58">
        <f>Bühler!M8724</f>
        <v>0</v>
      </c>
      <c r="N8698" s="56">
        <f>IF(Input!$D$19=1,J8698*Input!$C$19,0)+IF(Input!$D$20=1,K8698*Input!$C$20,0)+IF(Input!$D$21=1,L8698*Input!$C$21,0)+IF(Input!$D$22=1,M8698*Input!$C$22,0)</f>
        <v>0.18581049468094665</v>
      </c>
      <c r="O8698" s="59">
        <f>IF(Input!$D$19=2,J8698*Input!$C$19,0)+IF(Input!$D$20=2,K8698*Input!$C$20,0)+IF(Input!$D$21=2,L8698*Input!$C$21,0)+IF(Input!$D$22=2,M8698*Input!$C$22,0)</f>
        <v>0.46452623670236665</v>
      </c>
      <c r="P8698" s="59">
        <f>IF(Input!$D$19=3,J8698*Input!$C$19,0)+IF(Input!$D$20=3,K8698*Input!$C$20,0)+IF(Input!$D$21=3,L8698*Input!$C$21,0)+IF(Input!$D$22=3,M8698*Input!$C$22,0)</f>
        <v>0</v>
      </c>
      <c r="Q8698" s="75">
        <f>IF(Input!$D$19=4,J8698*Input!$C$19,0)+IF(Input!$D$20=4,K8698*Input!$C$20,0)+IF(Input!$D$21=4,L8698*Input!$C$21,0)+IF(Input!$D$22=4,M8698*Input!$C$22,0)</f>
        <v>0</v>
      </c>
      <c r="R8698" s="58">
        <v>40.40996654318883</v>
      </c>
      <c r="S8698" s="124">
        <f t="shared" si="135"/>
        <v>0.80517881028410221</v>
      </c>
    </row>
    <row r="8699" spans="8:19" x14ac:dyDescent="0.3">
      <c r="H8699" s="44">
        <v>8692</v>
      </c>
      <c r="I8699" s="56">
        <f>Bühler!I8725</f>
        <v>0.18581049468094663</v>
      </c>
      <c r="J8699" s="59">
        <f>Bühler!J8725</f>
        <v>0.61936831560315553</v>
      </c>
      <c r="K8699" s="59">
        <f>Bühler!K8725</f>
        <v>0.92905247340473329</v>
      </c>
      <c r="L8699" s="59">
        <f>Bühler!L8725</f>
        <v>8.9691220335597244</v>
      </c>
      <c r="M8699" s="58">
        <f>Bühler!M8725</f>
        <v>0</v>
      </c>
      <c r="N8699" s="56">
        <f>IF(Input!$D$19=1,J8699*Input!$C$19,0)+IF(Input!$D$20=1,K8699*Input!$C$20,0)+IF(Input!$D$21=1,L8699*Input!$C$21,0)+IF(Input!$D$22=1,M8699*Input!$C$22,0)</f>
        <v>0.18581049468094665</v>
      </c>
      <c r="O8699" s="59">
        <f>IF(Input!$D$19=2,J8699*Input!$C$19,0)+IF(Input!$D$20=2,K8699*Input!$C$20,0)+IF(Input!$D$21=2,L8699*Input!$C$21,0)+IF(Input!$D$22=2,M8699*Input!$C$22,0)</f>
        <v>0.46452623670236665</v>
      </c>
      <c r="P8699" s="59">
        <f>IF(Input!$D$19=3,J8699*Input!$C$19,0)+IF(Input!$D$20=3,K8699*Input!$C$20,0)+IF(Input!$D$21=3,L8699*Input!$C$21,0)+IF(Input!$D$22=3,M8699*Input!$C$22,0)</f>
        <v>0</v>
      </c>
      <c r="Q8699" s="75">
        <f>IF(Input!$D$19=4,J8699*Input!$C$19,0)+IF(Input!$D$20=4,K8699*Input!$C$20,0)+IF(Input!$D$21=4,L8699*Input!$C$21,0)+IF(Input!$D$22=4,M8699*Input!$C$22,0)</f>
        <v>0</v>
      </c>
      <c r="R8699" s="58">
        <v>40.159916172254917</v>
      </c>
      <c r="S8699" s="124">
        <f t="shared" si="135"/>
        <v>0.80517881028410221</v>
      </c>
    </row>
    <row r="8700" spans="8:19" x14ac:dyDescent="0.3">
      <c r="H8700" s="44">
        <v>8693</v>
      </c>
      <c r="I8700" s="56">
        <f>Bühler!I8726</f>
        <v>0.18581049468094663</v>
      </c>
      <c r="J8700" s="59">
        <f>Bühler!J8726</f>
        <v>0.61936831560315553</v>
      </c>
      <c r="K8700" s="59">
        <f>Bühler!K8726</f>
        <v>0.92905247340473329</v>
      </c>
      <c r="L8700" s="59">
        <f>Bühler!L8726</f>
        <v>8.9691220335597244</v>
      </c>
      <c r="M8700" s="58">
        <f>Bühler!M8726</f>
        <v>0</v>
      </c>
      <c r="N8700" s="56">
        <f>IF(Input!$D$19=1,J8700*Input!$C$19,0)+IF(Input!$D$20=1,K8700*Input!$C$20,0)+IF(Input!$D$21=1,L8700*Input!$C$21,0)+IF(Input!$D$22=1,M8700*Input!$C$22,0)</f>
        <v>0.18581049468094665</v>
      </c>
      <c r="O8700" s="59">
        <f>IF(Input!$D$19=2,J8700*Input!$C$19,0)+IF(Input!$D$20=2,K8700*Input!$C$20,0)+IF(Input!$D$21=2,L8700*Input!$C$21,0)+IF(Input!$D$22=2,M8700*Input!$C$22,0)</f>
        <v>0.46452623670236665</v>
      </c>
      <c r="P8700" s="59">
        <f>IF(Input!$D$19=3,J8700*Input!$C$19,0)+IF(Input!$D$20=3,K8700*Input!$C$20,0)+IF(Input!$D$21=3,L8700*Input!$C$21,0)+IF(Input!$D$22=3,M8700*Input!$C$22,0)</f>
        <v>0</v>
      </c>
      <c r="Q8700" s="75">
        <f>IF(Input!$D$19=4,J8700*Input!$C$19,0)+IF(Input!$D$20=4,K8700*Input!$C$20,0)+IF(Input!$D$21=4,L8700*Input!$C$21,0)+IF(Input!$D$22=4,M8700*Input!$C$22,0)</f>
        <v>0</v>
      </c>
      <c r="R8700" s="58">
        <v>40.847065319670143</v>
      </c>
      <c r="S8700" s="124">
        <f t="shared" si="135"/>
        <v>0.80517881028410221</v>
      </c>
    </row>
    <row r="8701" spans="8:19" x14ac:dyDescent="0.3">
      <c r="H8701" s="44">
        <v>8694</v>
      </c>
      <c r="I8701" s="56">
        <f>Bühler!I8727</f>
        <v>0.23113012752995801</v>
      </c>
      <c r="J8701" s="59">
        <f>Bühler!J8727</f>
        <v>0.77043375843319351</v>
      </c>
      <c r="K8701" s="59">
        <f>Bühler!K8727</f>
        <v>1.1556506376497901</v>
      </c>
      <c r="L8701" s="59">
        <f>Bühler!L8727</f>
        <v>11.156712773452341</v>
      </c>
      <c r="M8701" s="58">
        <f>Bühler!M8727</f>
        <v>0</v>
      </c>
      <c r="N8701" s="56">
        <f>IF(Input!$D$19=1,J8701*Input!$C$19,0)+IF(Input!$D$20=1,K8701*Input!$C$20,0)+IF(Input!$D$21=1,L8701*Input!$C$21,0)+IF(Input!$D$22=1,M8701*Input!$C$22,0)</f>
        <v>0.23113012752995804</v>
      </c>
      <c r="O8701" s="59">
        <f>IF(Input!$D$19=2,J8701*Input!$C$19,0)+IF(Input!$D$20=2,K8701*Input!$C$20,0)+IF(Input!$D$21=2,L8701*Input!$C$21,0)+IF(Input!$D$22=2,M8701*Input!$C$22,0)</f>
        <v>0.57782531882489507</v>
      </c>
      <c r="P8701" s="59">
        <f>IF(Input!$D$19=3,J8701*Input!$C$19,0)+IF(Input!$D$20=3,K8701*Input!$C$20,0)+IF(Input!$D$21=3,L8701*Input!$C$21,0)+IF(Input!$D$22=3,M8701*Input!$C$22,0)</f>
        <v>0</v>
      </c>
      <c r="Q8701" s="75">
        <f>IF(Input!$D$19=4,J8701*Input!$C$19,0)+IF(Input!$D$20=4,K8701*Input!$C$20,0)+IF(Input!$D$21=4,L8701*Input!$C$21,0)+IF(Input!$D$22=4,M8701*Input!$C$22,0)</f>
        <v>0</v>
      </c>
      <c r="R8701" s="58">
        <v>42.418516607691572</v>
      </c>
      <c r="S8701" s="124">
        <f t="shared" si="135"/>
        <v>1.0015638859631515</v>
      </c>
    </row>
    <row r="8702" spans="8:19" x14ac:dyDescent="0.3">
      <c r="H8702" s="44">
        <v>8695</v>
      </c>
      <c r="I8702" s="56">
        <f>Bühler!I8728</f>
        <v>0.29004565023367285</v>
      </c>
      <c r="J8702" s="59">
        <f>Bühler!J8728</f>
        <v>0.96681883411224301</v>
      </c>
      <c r="K8702" s="59">
        <f>Bühler!K8728</f>
        <v>1.4502282511683644</v>
      </c>
      <c r="L8702" s="59">
        <f>Bühler!L8728</f>
        <v>14.000580735312742</v>
      </c>
      <c r="M8702" s="58">
        <f>Bühler!M8728</f>
        <v>0</v>
      </c>
      <c r="N8702" s="56">
        <f>IF(Input!$D$19=1,J8702*Input!$C$19,0)+IF(Input!$D$20=1,K8702*Input!$C$20,0)+IF(Input!$D$21=1,L8702*Input!$C$21,0)+IF(Input!$D$22=1,M8702*Input!$C$22,0)</f>
        <v>0.2900456502336729</v>
      </c>
      <c r="O8702" s="59">
        <f>IF(Input!$D$19=2,J8702*Input!$C$19,0)+IF(Input!$D$20=2,K8702*Input!$C$20,0)+IF(Input!$D$21=2,L8702*Input!$C$21,0)+IF(Input!$D$22=2,M8702*Input!$C$22,0)</f>
        <v>0.7251141255841822</v>
      </c>
      <c r="P8702" s="59">
        <f>IF(Input!$D$19=3,J8702*Input!$C$19,0)+IF(Input!$D$20=3,K8702*Input!$C$20,0)+IF(Input!$D$21=3,L8702*Input!$C$21,0)+IF(Input!$D$22=3,M8702*Input!$C$22,0)</f>
        <v>0</v>
      </c>
      <c r="Q8702" s="75">
        <f>IF(Input!$D$19=4,J8702*Input!$C$19,0)+IF(Input!$D$20=4,K8702*Input!$C$20,0)+IF(Input!$D$21=4,L8702*Input!$C$21,0)+IF(Input!$D$22=4,M8702*Input!$C$22,0)</f>
        <v>0</v>
      </c>
      <c r="R8702" s="58">
        <v>43.644532311386968</v>
      </c>
      <c r="S8702" s="124">
        <f t="shared" si="135"/>
        <v>1.2568644843459158</v>
      </c>
    </row>
    <row r="8703" spans="8:19" x14ac:dyDescent="0.3">
      <c r="H8703" s="44">
        <v>8696</v>
      </c>
      <c r="I8703" s="56">
        <f>Bühler!I8729</f>
        <v>0.33083331979778308</v>
      </c>
      <c r="J8703" s="59">
        <f>Bühler!J8729</f>
        <v>1.1027777326592771</v>
      </c>
      <c r="K8703" s="59">
        <f>Bühler!K8729</f>
        <v>1.6541665989889156</v>
      </c>
      <c r="L8703" s="59">
        <f>Bühler!L8729</f>
        <v>15.969412401216093</v>
      </c>
      <c r="M8703" s="58">
        <f>Bühler!M8729</f>
        <v>0</v>
      </c>
      <c r="N8703" s="56">
        <f>IF(Input!$D$19=1,J8703*Input!$C$19,0)+IF(Input!$D$20=1,K8703*Input!$C$20,0)+IF(Input!$D$21=1,L8703*Input!$C$21,0)+IF(Input!$D$22=1,M8703*Input!$C$22,0)</f>
        <v>0.33083331979778313</v>
      </c>
      <c r="O8703" s="59">
        <f>IF(Input!$D$19=2,J8703*Input!$C$19,0)+IF(Input!$D$20=2,K8703*Input!$C$20,0)+IF(Input!$D$21=2,L8703*Input!$C$21,0)+IF(Input!$D$22=2,M8703*Input!$C$22,0)</f>
        <v>0.8270832994944578</v>
      </c>
      <c r="P8703" s="59">
        <f>IF(Input!$D$19=3,J8703*Input!$C$19,0)+IF(Input!$D$20=3,K8703*Input!$C$20,0)+IF(Input!$D$21=3,L8703*Input!$C$21,0)+IF(Input!$D$22=3,M8703*Input!$C$22,0)</f>
        <v>0</v>
      </c>
      <c r="Q8703" s="75">
        <f>IF(Input!$D$19=4,J8703*Input!$C$19,0)+IF(Input!$D$20=4,K8703*Input!$C$20,0)+IF(Input!$D$21=4,L8703*Input!$C$21,0)+IF(Input!$D$22=4,M8703*Input!$C$22,0)</f>
        <v>0</v>
      </c>
      <c r="R8703" s="58">
        <v>44.658482439381174</v>
      </c>
      <c r="S8703" s="124">
        <f t="shared" si="135"/>
        <v>1.4336110524570602</v>
      </c>
    </row>
    <row r="8704" spans="8:19" x14ac:dyDescent="0.3">
      <c r="H8704" s="44">
        <v>8697</v>
      </c>
      <c r="I8704" s="56">
        <f>Bühler!I8730</f>
        <v>0.33083331979778308</v>
      </c>
      <c r="J8704" s="59">
        <f>Bühler!J8730</f>
        <v>1.1027777326592771</v>
      </c>
      <c r="K8704" s="59">
        <f>Bühler!K8730</f>
        <v>1.6541665989889156</v>
      </c>
      <c r="L8704" s="59">
        <f>Bühler!L8730</f>
        <v>15.969412401216093</v>
      </c>
      <c r="M8704" s="58">
        <f>Bühler!M8730</f>
        <v>0</v>
      </c>
      <c r="N8704" s="56">
        <f>IF(Input!$D$19=1,J8704*Input!$C$19,0)+IF(Input!$D$20=1,K8704*Input!$C$20,0)+IF(Input!$D$21=1,L8704*Input!$C$21,0)+IF(Input!$D$22=1,M8704*Input!$C$22,0)</f>
        <v>0.33083331979778313</v>
      </c>
      <c r="O8704" s="59">
        <f>IF(Input!$D$19=2,J8704*Input!$C$19,0)+IF(Input!$D$20=2,K8704*Input!$C$20,0)+IF(Input!$D$21=2,L8704*Input!$C$21,0)+IF(Input!$D$22=2,M8704*Input!$C$22,0)</f>
        <v>0.8270832994944578</v>
      </c>
      <c r="P8704" s="59">
        <f>IF(Input!$D$19=3,J8704*Input!$C$19,0)+IF(Input!$D$20=3,K8704*Input!$C$20,0)+IF(Input!$D$21=3,L8704*Input!$C$21,0)+IF(Input!$D$22=3,M8704*Input!$C$22,0)</f>
        <v>0</v>
      </c>
      <c r="Q8704" s="75">
        <f>IF(Input!$D$19=4,J8704*Input!$C$19,0)+IF(Input!$D$20=4,K8704*Input!$C$20,0)+IF(Input!$D$21=4,L8704*Input!$C$21,0)+IF(Input!$D$22=4,M8704*Input!$C$22,0)</f>
        <v>0</v>
      </c>
      <c r="R8704" s="58">
        <v>44.953676817269859</v>
      </c>
      <c r="S8704" s="124">
        <f t="shared" si="135"/>
        <v>1.4336110524570602</v>
      </c>
    </row>
    <row r="8705" spans="8:19" x14ac:dyDescent="0.3">
      <c r="H8705" s="44">
        <v>8698</v>
      </c>
      <c r="I8705" s="56">
        <f>Bühler!I8731</f>
        <v>0.33083331979778308</v>
      </c>
      <c r="J8705" s="59">
        <f>Bühler!J8731</f>
        <v>1.1027777326592771</v>
      </c>
      <c r="K8705" s="59">
        <f>Bühler!K8731</f>
        <v>1.6541665989889156</v>
      </c>
      <c r="L8705" s="59">
        <f>Bühler!L8731</f>
        <v>15.969412401216093</v>
      </c>
      <c r="M8705" s="58">
        <f>Bühler!M8731</f>
        <v>0</v>
      </c>
      <c r="N8705" s="56">
        <f>IF(Input!$D$19=1,J8705*Input!$C$19,0)+IF(Input!$D$20=1,K8705*Input!$C$20,0)+IF(Input!$D$21=1,L8705*Input!$C$21,0)+IF(Input!$D$22=1,M8705*Input!$C$22,0)</f>
        <v>0.33083331979778313</v>
      </c>
      <c r="O8705" s="59">
        <f>IF(Input!$D$19=2,J8705*Input!$C$19,0)+IF(Input!$D$20=2,K8705*Input!$C$20,0)+IF(Input!$D$21=2,L8705*Input!$C$21,0)+IF(Input!$D$22=2,M8705*Input!$C$22,0)</f>
        <v>0.8270832994944578</v>
      </c>
      <c r="P8705" s="59">
        <f>IF(Input!$D$19=3,J8705*Input!$C$19,0)+IF(Input!$D$20=3,K8705*Input!$C$20,0)+IF(Input!$D$21=3,L8705*Input!$C$21,0)+IF(Input!$D$22=3,M8705*Input!$C$22,0)</f>
        <v>0</v>
      </c>
      <c r="Q8705" s="75">
        <f>IF(Input!$D$19=4,J8705*Input!$C$19,0)+IF(Input!$D$20=4,K8705*Input!$C$20,0)+IF(Input!$D$21=4,L8705*Input!$C$21,0)+IF(Input!$D$22=4,M8705*Input!$C$22,0)</f>
        <v>0</v>
      </c>
      <c r="R8705" s="58">
        <v>44.556201779860338</v>
      </c>
      <c r="S8705" s="124">
        <f t="shared" si="135"/>
        <v>1.4336110524570602</v>
      </c>
    </row>
    <row r="8706" spans="8:19" x14ac:dyDescent="0.3">
      <c r="H8706" s="44">
        <v>8699</v>
      </c>
      <c r="I8706" s="56">
        <f>Bühler!I8732</f>
        <v>0.33083331979778308</v>
      </c>
      <c r="J8706" s="59">
        <f>Bühler!J8732</f>
        <v>1.1027777326592771</v>
      </c>
      <c r="K8706" s="59">
        <f>Bühler!K8732</f>
        <v>1.6541665989889156</v>
      </c>
      <c r="L8706" s="59">
        <f>Bühler!L8732</f>
        <v>15.969412401216093</v>
      </c>
      <c r="M8706" s="58">
        <f>Bühler!M8732</f>
        <v>0</v>
      </c>
      <c r="N8706" s="56">
        <f>IF(Input!$D$19=1,J8706*Input!$C$19,0)+IF(Input!$D$20=1,K8706*Input!$C$20,0)+IF(Input!$D$21=1,L8706*Input!$C$21,0)+IF(Input!$D$22=1,M8706*Input!$C$22,0)</f>
        <v>0.33083331979778313</v>
      </c>
      <c r="O8706" s="59">
        <f>IF(Input!$D$19=2,J8706*Input!$C$19,0)+IF(Input!$D$20=2,K8706*Input!$C$20,0)+IF(Input!$D$21=2,L8706*Input!$C$21,0)+IF(Input!$D$22=2,M8706*Input!$C$22,0)</f>
        <v>0.8270832994944578</v>
      </c>
      <c r="P8706" s="59">
        <f>IF(Input!$D$19=3,J8706*Input!$C$19,0)+IF(Input!$D$20=3,K8706*Input!$C$20,0)+IF(Input!$D$21=3,L8706*Input!$C$21,0)+IF(Input!$D$22=3,M8706*Input!$C$22,0)</f>
        <v>0</v>
      </c>
      <c r="Q8706" s="75">
        <f>IF(Input!$D$19=4,J8706*Input!$C$19,0)+IF(Input!$D$20=4,K8706*Input!$C$20,0)+IF(Input!$D$21=4,L8706*Input!$C$21,0)+IF(Input!$D$22=4,M8706*Input!$C$22,0)</f>
        <v>0</v>
      </c>
      <c r="R8706" s="58">
        <v>44.950303587195073</v>
      </c>
      <c r="S8706" s="124">
        <f t="shared" si="135"/>
        <v>1.4336110524570602</v>
      </c>
    </row>
    <row r="8707" spans="8:19" x14ac:dyDescent="0.3">
      <c r="H8707" s="44">
        <v>8700</v>
      </c>
      <c r="I8707" s="56">
        <f>Bühler!I8733</f>
        <v>0.33083331979778308</v>
      </c>
      <c r="J8707" s="59">
        <f>Bühler!J8733</f>
        <v>1.1027777326592771</v>
      </c>
      <c r="K8707" s="59">
        <f>Bühler!K8733</f>
        <v>1.6541665989889156</v>
      </c>
      <c r="L8707" s="59">
        <f>Bühler!L8733</f>
        <v>15.969412401216093</v>
      </c>
      <c r="M8707" s="58">
        <f>Bühler!M8733</f>
        <v>0</v>
      </c>
      <c r="N8707" s="56">
        <f>IF(Input!$D$19=1,J8707*Input!$C$19,0)+IF(Input!$D$20=1,K8707*Input!$C$20,0)+IF(Input!$D$21=1,L8707*Input!$C$21,0)+IF(Input!$D$22=1,M8707*Input!$C$22,0)</f>
        <v>0.33083331979778313</v>
      </c>
      <c r="O8707" s="59">
        <f>IF(Input!$D$19=2,J8707*Input!$C$19,0)+IF(Input!$D$20=2,K8707*Input!$C$20,0)+IF(Input!$D$21=2,L8707*Input!$C$21,0)+IF(Input!$D$22=2,M8707*Input!$C$22,0)</f>
        <v>0.8270832994944578</v>
      </c>
      <c r="P8707" s="59">
        <f>IF(Input!$D$19=3,J8707*Input!$C$19,0)+IF(Input!$D$20=3,K8707*Input!$C$20,0)+IF(Input!$D$21=3,L8707*Input!$C$21,0)+IF(Input!$D$22=3,M8707*Input!$C$22,0)</f>
        <v>0</v>
      </c>
      <c r="Q8707" s="75">
        <f>IF(Input!$D$19=4,J8707*Input!$C$19,0)+IF(Input!$D$20=4,K8707*Input!$C$20,0)+IF(Input!$D$21=4,L8707*Input!$C$21,0)+IF(Input!$D$22=4,M8707*Input!$C$22,0)</f>
        <v>0</v>
      </c>
      <c r="R8707" s="58">
        <v>45.252441641402392</v>
      </c>
      <c r="S8707" s="124">
        <f t="shared" si="135"/>
        <v>1.4336110524570602</v>
      </c>
    </row>
    <row r="8708" spans="8:19" x14ac:dyDescent="0.3">
      <c r="H8708" s="44">
        <v>8701</v>
      </c>
      <c r="I8708" s="56">
        <f>Bühler!I8734</f>
        <v>0.33083331979778308</v>
      </c>
      <c r="J8708" s="59">
        <f>Bühler!J8734</f>
        <v>1.1027777326592771</v>
      </c>
      <c r="K8708" s="59">
        <f>Bühler!K8734</f>
        <v>1.6541665989889156</v>
      </c>
      <c r="L8708" s="59">
        <f>Bühler!L8734</f>
        <v>15.969412401216093</v>
      </c>
      <c r="M8708" s="58">
        <f>Bühler!M8734</f>
        <v>0</v>
      </c>
      <c r="N8708" s="56">
        <f>IF(Input!$D$19=1,J8708*Input!$C$19,0)+IF(Input!$D$20=1,K8708*Input!$C$20,0)+IF(Input!$D$21=1,L8708*Input!$C$21,0)+IF(Input!$D$22=1,M8708*Input!$C$22,0)</f>
        <v>0.33083331979778313</v>
      </c>
      <c r="O8708" s="59">
        <f>IF(Input!$D$19=2,J8708*Input!$C$19,0)+IF(Input!$D$20=2,K8708*Input!$C$20,0)+IF(Input!$D$21=2,L8708*Input!$C$21,0)+IF(Input!$D$22=2,M8708*Input!$C$22,0)</f>
        <v>0.8270832994944578</v>
      </c>
      <c r="P8708" s="59">
        <f>IF(Input!$D$19=3,J8708*Input!$C$19,0)+IF(Input!$D$20=3,K8708*Input!$C$20,0)+IF(Input!$D$21=3,L8708*Input!$C$21,0)+IF(Input!$D$22=3,M8708*Input!$C$22,0)</f>
        <v>0</v>
      </c>
      <c r="Q8708" s="75">
        <f>IF(Input!$D$19=4,J8708*Input!$C$19,0)+IF(Input!$D$20=4,K8708*Input!$C$20,0)+IF(Input!$D$21=4,L8708*Input!$C$21,0)+IF(Input!$D$22=4,M8708*Input!$C$22,0)</f>
        <v>0</v>
      </c>
      <c r="R8708" s="58">
        <v>44.491828755113822</v>
      </c>
      <c r="S8708" s="124">
        <f t="shared" si="135"/>
        <v>1.4336110524570602</v>
      </c>
    </row>
    <row r="8709" spans="8:19" x14ac:dyDescent="0.3">
      <c r="H8709" s="44">
        <v>8702</v>
      </c>
      <c r="I8709" s="56">
        <f>Bühler!I8735</f>
        <v>0.33083331979778308</v>
      </c>
      <c r="J8709" s="59">
        <f>Bühler!J8735</f>
        <v>1.1027777326592771</v>
      </c>
      <c r="K8709" s="59">
        <f>Bühler!K8735</f>
        <v>1.6541665989889156</v>
      </c>
      <c r="L8709" s="59">
        <f>Bühler!L8735</f>
        <v>15.969412401216093</v>
      </c>
      <c r="M8709" s="58">
        <f>Bühler!M8735</f>
        <v>0</v>
      </c>
      <c r="N8709" s="56">
        <f>IF(Input!$D$19=1,J8709*Input!$C$19,0)+IF(Input!$D$20=1,K8709*Input!$C$20,0)+IF(Input!$D$21=1,L8709*Input!$C$21,0)+IF(Input!$D$22=1,M8709*Input!$C$22,0)</f>
        <v>0.33083331979778313</v>
      </c>
      <c r="O8709" s="59">
        <f>IF(Input!$D$19=2,J8709*Input!$C$19,0)+IF(Input!$D$20=2,K8709*Input!$C$20,0)+IF(Input!$D$21=2,L8709*Input!$C$21,0)+IF(Input!$D$22=2,M8709*Input!$C$22,0)</f>
        <v>0.8270832994944578</v>
      </c>
      <c r="P8709" s="59">
        <f>IF(Input!$D$19=3,J8709*Input!$C$19,0)+IF(Input!$D$20=3,K8709*Input!$C$20,0)+IF(Input!$D$21=3,L8709*Input!$C$21,0)+IF(Input!$D$22=3,M8709*Input!$C$22,0)</f>
        <v>0</v>
      </c>
      <c r="Q8709" s="75">
        <f>IF(Input!$D$19=4,J8709*Input!$C$19,0)+IF(Input!$D$20=4,K8709*Input!$C$20,0)+IF(Input!$D$21=4,L8709*Input!$C$21,0)+IF(Input!$D$22=4,M8709*Input!$C$22,0)</f>
        <v>0</v>
      </c>
      <c r="R8709" s="58">
        <v>44.318033766470208</v>
      </c>
      <c r="S8709" s="124">
        <f t="shared" si="135"/>
        <v>1.4336110524570602</v>
      </c>
    </row>
    <row r="8710" spans="8:19" x14ac:dyDescent="0.3">
      <c r="H8710" s="44">
        <v>8703</v>
      </c>
      <c r="I8710" s="56">
        <f>Bühler!I8736</f>
        <v>0.33083331979778308</v>
      </c>
      <c r="J8710" s="59">
        <f>Bühler!J8736</f>
        <v>1.1027777326592771</v>
      </c>
      <c r="K8710" s="59">
        <f>Bühler!K8736</f>
        <v>1.6541665989889156</v>
      </c>
      <c r="L8710" s="59">
        <f>Bühler!L8736</f>
        <v>15.969412401216093</v>
      </c>
      <c r="M8710" s="58">
        <f>Bühler!M8736</f>
        <v>0</v>
      </c>
      <c r="N8710" s="56">
        <f>IF(Input!$D$19=1,J8710*Input!$C$19,0)+IF(Input!$D$20=1,K8710*Input!$C$20,0)+IF(Input!$D$21=1,L8710*Input!$C$21,0)+IF(Input!$D$22=1,M8710*Input!$C$22,0)</f>
        <v>0.33083331979778313</v>
      </c>
      <c r="O8710" s="59">
        <f>IF(Input!$D$19=2,J8710*Input!$C$19,0)+IF(Input!$D$20=2,K8710*Input!$C$20,0)+IF(Input!$D$21=2,L8710*Input!$C$21,0)+IF(Input!$D$22=2,M8710*Input!$C$22,0)</f>
        <v>0.8270832994944578</v>
      </c>
      <c r="P8710" s="59">
        <f>IF(Input!$D$19=3,J8710*Input!$C$19,0)+IF(Input!$D$20=3,K8710*Input!$C$20,0)+IF(Input!$D$21=3,L8710*Input!$C$21,0)+IF(Input!$D$22=3,M8710*Input!$C$22,0)</f>
        <v>0</v>
      </c>
      <c r="Q8710" s="75">
        <f>IF(Input!$D$19=4,J8710*Input!$C$19,0)+IF(Input!$D$20=4,K8710*Input!$C$20,0)+IF(Input!$D$21=4,L8710*Input!$C$21,0)+IF(Input!$D$22=4,M8710*Input!$C$22,0)</f>
        <v>0</v>
      </c>
      <c r="R8710" s="58">
        <v>44.117053857753788</v>
      </c>
      <c r="S8710" s="124">
        <f t="shared" si="135"/>
        <v>1.4336110524570602</v>
      </c>
    </row>
    <row r="8711" spans="8:19" x14ac:dyDescent="0.3">
      <c r="H8711" s="44">
        <v>8704</v>
      </c>
      <c r="I8711" s="56">
        <f>Bühler!I8737</f>
        <v>0.29910957680347511</v>
      </c>
      <c r="J8711" s="59">
        <f>Bühler!J8737</f>
        <v>0.99703192267825047</v>
      </c>
      <c r="K8711" s="59">
        <f>Bühler!K8737</f>
        <v>1.4955478840173757</v>
      </c>
      <c r="L8711" s="59">
        <f>Bühler!L8737</f>
        <v>14.438098883291264</v>
      </c>
      <c r="M8711" s="58">
        <f>Bühler!M8737</f>
        <v>0</v>
      </c>
      <c r="N8711" s="56">
        <f>IF(Input!$D$19=1,J8711*Input!$C$19,0)+IF(Input!$D$20=1,K8711*Input!$C$20,0)+IF(Input!$D$21=1,L8711*Input!$C$21,0)+IF(Input!$D$22=1,M8711*Input!$C$22,0)</f>
        <v>0.29910957680347511</v>
      </c>
      <c r="O8711" s="59">
        <f>IF(Input!$D$19=2,J8711*Input!$C$19,0)+IF(Input!$D$20=2,K8711*Input!$C$20,0)+IF(Input!$D$21=2,L8711*Input!$C$21,0)+IF(Input!$D$22=2,M8711*Input!$C$22,0)</f>
        <v>0.74777394200868785</v>
      </c>
      <c r="P8711" s="59">
        <f>IF(Input!$D$19=3,J8711*Input!$C$19,0)+IF(Input!$D$20=3,K8711*Input!$C$20,0)+IF(Input!$D$21=3,L8711*Input!$C$21,0)+IF(Input!$D$22=3,M8711*Input!$C$22,0)</f>
        <v>0</v>
      </c>
      <c r="Q8711" s="75">
        <f>IF(Input!$D$19=4,J8711*Input!$C$19,0)+IF(Input!$D$20=4,K8711*Input!$C$20,0)+IF(Input!$D$21=4,L8711*Input!$C$21,0)+IF(Input!$D$22=4,M8711*Input!$C$22,0)</f>
        <v>0</v>
      </c>
      <c r="R8711" s="58">
        <v>43.696330338928469</v>
      </c>
      <c r="S8711" s="124">
        <f t="shared" si="135"/>
        <v>1.2961414994817255</v>
      </c>
    </row>
    <row r="8712" spans="8:19" x14ac:dyDescent="0.3">
      <c r="H8712" s="44">
        <v>8705</v>
      </c>
      <c r="I8712" s="56">
        <f>Bühler!I8738</f>
        <v>0.27191779709406821</v>
      </c>
      <c r="J8712" s="59">
        <f>Bühler!J8738</f>
        <v>0.90639265698022753</v>
      </c>
      <c r="K8712" s="59">
        <f>Bühler!K8738</f>
        <v>1.3595889854703413</v>
      </c>
      <c r="L8712" s="59">
        <f>Bühler!L8738</f>
        <v>13.125544439355695</v>
      </c>
      <c r="M8712" s="58">
        <f>Bühler!M8738</f>
        <v>0</v>
      </c>
      <c r="N8712" s="56">
        <f>IF(Input!$D$19=1,J8712*Input!$C$19,0)+IF(Input!$D$20=1,K8712*Input!$C$20,0)+IF(Input!$D$21=1,L8712*Input!$C$21,0)+IF(Input!$D$22=1,M8712*Input!$C$22,0)</f>
        <v>0.27191779709406827</v>
      </c>
      <c r="O8712" s="59">
        <f>IF(Input!$D$19=2,J8712*Input!$C$19,0)+IF(Input!$D$20=2,K8712*Input!$C$20,0)+IF(Input!$D$21=2,L8712*Input!$C$21,0)+IF(Input!$D$22=2,M8712*Input!$C$22,0)</f>
        <v>0.67979449273517067</v>
      </c>
      <c r="P8712" s="59">
        <f>IF(Input!$D$19=3,J8712*Input!$C$19,0)+IF(Input!$D$20=3,K8712*Input!$C$20,0)+IF(Input!$D$21=3,L8712*Input!$C$21,0)+IF(Input!$D$22=3,M8712*Input!$C$22,0)</f>
        <v>0</v>
      </c>
      <c r="Q8712" s="75">
        <f>IF(Input!$D$19=4,J8712*Input!$C$19,0)+IF(Input!$D$20=4,K8712*Input!$C$20,0)+IF(Input!$D$21=4,L8712*Input!$C$21,0)+IF(Input!$D$22=4,M8712*Input!$C$22,0)</f>
        <v>0</v>
      </c>
      <c r="R8712" s="58">
        <v>43.238627935208193</v>
      </c>
      <c r="S8712" s="124">
        <f t="shared" si="135"/>
        <v>1.1783104540742957</v>
      </c>
    </row>
    <row r="8713" spans="8:19" x14ac:dyDescent="0.3">
      <c r="H8713" s="44">
        <v>8706</v>
      </c>
      <c r="I8713" s="56">
        <f>Bühler!I8739</f>
        <v>0.24472601738466143</v>
      </c>
      <c r="J8713" s="59">
        <f>Bühler!J8739</f>
        <v>0.81575339128220492</v>
      </c>
      <c r="K8713" s="59">
        <f>Bühler!K8739</f>
        <v>1.2236300869233074</v>
      </c>
      <c r="L8713" s="59">
        <f>Bühler!L8739</f>
        <v>11.812989995420125</v>
      </c>
      <c r="M8713" s="58">
        <f>Bühler!M8739</f>
        <v>0</v>
      </c>
      <c r="N8713" s="56">
        <f>IF(Input!$D$19=1,J8713*Input!$C$19,0)+IF(Input!$D$20=1,K8713*Input!$C$20,0)+IF(Input!$D$21=1,L8713*Input!$C$21,0)+IF(Input!$D$22=1,M8713*Input!$C$22,0)</f>
        <v>0.24472601738466146</v>
      </c>
      <c r="O8713" s="59">
        <f>IF(Input!$D$19=2,J8713*Input!$C$19,0)+IF(Input!$D$20=2,K8713*Input!$C$20,0)+IF(Input!$D$21=2,L8713*Input!$C$21,0)+IF(Input!$D$22=2,M8713*Input!$C$22,0)</f>
        <v>0.61181504346165372</v>
      </c>
      <c r="P8713" s="59">
        <f>IF(Input!$D$19=3,J8713*Input!$C$19,0)+IF(Input!$D$20=3,K8713*Input!$C$20,0)+IF(Input!$D$21=3,L8713*Input!$C$21,0)+IF(Input!$D$22=3,M8713*Input!$C$22,0)</f>
        <v>0</v>
      </c>
      <c r="Q8713" s="75">
        <f>IF(Input!$D$19=4,J8713*Input!$C$19,0)+IF(Input!$D$20=4,K8713*Input!$C$20,0)+IF(Input!$D$21=4,L8713*Input!$C$21,0)+IF(Input!$D$22=4,M8713*Input!$C$22,0)</f>
        <v>0</v>
      </c>
      <c r="R8713" s="58">
        <v>43.02088255345204</v>
      </c>
      <c r="S8713" s="124">
        <f t="shared" ref="S8713:S8767" si="136">I8713+J8713</f>
        <v>1.0604794086668663</v>
      </c>
    </row>
    <row r="8714" spans="8:19" x14ac:dyDescent="0.3">
      <c r="H8714" s="44">
        <v>8707</v>
      </c>
      <c r="I8714" s="56">
        <f>Bühler!I8740</f>
        <v>0.23566209081485914</v>
      </c>
      <c r="J8714" s="59">
        <f>Bühler!J8740</f>
        <v>0.78554030271619724</v>
      </c>
      <c r="K8714" s="59">
        <f>Bühler!K8740</f>
        <v>1.1783104540742959</v>
      </c>
      <c r="L8714" s="59">
        <f>Bühler!L8740</f>
        <v>11.375471847441601</v>
      </c>
      <c r="M8714" s="58">
        <f>Bühler!M8740</f>
        <v>0</v>
      </c>
      <c r="N8714" s="56">
        <f>IF(Input!$D$19=1,J8714*Input!$C$19,0)+IF(Input!$D$20=1,K8714*Input!$C$20,0)+IF(Input!$D$21=1,L8714*Input!$C$21,0)+IF(Input!$D$22=1,M8714*Input!$C$22,0)</f>
        <v>0.23566209081485917</v>
      </c>
      <c r="O8714" s="59">
        <f>IF(Input!$D$19=2,J8714*Input!$C$19,0)+IF(Input!$D$20=2,K8714*Input!$C$20,0)+IF(Input!$D$21=2,L8714*Input!$C$21,0)+IF(Input!$D$22=2,M8714*Input!$C$22,0)</f>
        <v>0.58915522703714795</v>
      </c>
      <c r="P8714" s="59">
        <f>IF(Input!$D$19=3,J8714*Input!$C$19,0)+IF(Input!$D$20=3,K8714*Input!$C$20,0)+IF(Input!$D$21=3,L8714*Input!$C$21,0)+IF(Input!$D$22=3,M8714*Input!$C$22,0)</f>
        <v>0</v>
      </c>
      <c r="Q8714" s="75">
        <f>IF(Input!$D$19=4,J8714*Input!$C$19,0)+IF(Input!$D$20=4,K8714*Input!$C$20,0)+IF(Input!$D$21=4,L8714*Input!$C$21,0)+IF(Input!$D$22=4,M8714*Input!$C$22,0)</f>
        <v>0</v>
      </c>
      <c r="R8714" s="58">
        <v>42.508492017791866</v>
      </c>
      <c r="S8714" s="124">
        <f t="shared" si="136"/>
        <v>1.0212023935310564</v>
      </c>
    </row>
    <row r="8715" spans="8:19" x14ac:dyDescent="0.3">
      <c r="H8715" s="44">
        <v>8708</v>
      </c>
      <c r="I8715" s="56">
        <f>Bühler!I8741</f>
        <v>0.19034245796584776</v>
      </c>
      <c r="J8715" s="59">
        <f>Bühler!J8741</f>
        <v>0.63447485988615926</v>
      </c>
      <c r="K8715" s="59">
        <f>Bühler!K8741</f>
        <v>0.95171228982923894</v>
      </c>
      <c r="L8715" s="59">
        <f>Bühler!L8741</f>
        <v>9.1878811075489857</v>
      </c>
      <c r="M8715" s="58">
        <f>Bühler!M8741</f>
        <v>0</v>
      </c>
      <c r="N8715" s="56">
        <f>IF(Input!$D$19=1,J8715*Input!$C$19,0)+IF(Input!$D$20=1,K8715*Input!$C$20,0)+IF(Input!$D$21=1,L8715*Input!$C$21,0)+IF(Input!$D$22=1,M8715*Input!$C$22,0)</f>
        <v>0.19034245796584778</v>
      </c>
      <c r="O8715" s="59">
        <f>IF(Input!$D$19=2,J8715*Input!$C$19,0)+IF(Input!$D$20=2,K8715*Input!$C$20,0)+IF(Input!$D$21=2,L8715*Input!$C$21,0)+IF(Input!$D$22=2,M8715*Input!$C$22,0)</f>
        <v>0.47585614491461947</v>
      </c>
      <c r="P8715" s="59">
        <f>IF(Input!$D$19=3,J8715*Input!$C$19,0)+IF(Input!$D$20=3,K8715*Input!$C$20,0)+IF(Input!$D$21=3,L8715*Input!$C$21,0)+IF(Input!$D$22=3,M8715*Input!$C$22,0)</f>
        <v>0</v>
      </c>
      <c r="Q8715" s="75">
        <f>IF(Input!$D$19=4,J8715*Input!$C$19,0)+IF(Input!$D$20=4,K8715*Input!$C$20,0)+IF(Input!$D$21=4,L8715*Input!$C$21,0)+IF(Input!$D$22=4,M8715*Input!$C$22,0)</f>
        <v>0</v>
      </c>
      <c r="R8715" s="58">
        <v>42.202077187287998</v>
      </c>
      <c r="S8715" s="124">
        <f t="shared" si="136"/>
        <v>0.82481731785200707</v>
      </c>
    </row>
    <row r="8716" spans="8:19" x14ac:dyDescent="0.3">
      <c r="H8716" s="44">
        <v>8709</v>
      </c>
      <c r="I8716" s="56">
        <f>Bühler!I8742</f>
        <v>0.14049086183193527</v>
      </c>
      <c r="J8716" s="59">
        <f>Bühler!J8742</f>
        <v>0.46830287277311761</v>
      </c>
      <c r="K8716" s="59">
        <f>Bühler!K8742</f>
        <v>0.70245430915967644</v>
      </c>
      <c r="L8716" s="59">
        <f>Bühler!L8742</f>
        <v>6.7815312936671077</v>
      </c>
      <c r="M8716" s="58">
        <f>Bühler!M8742</f>
        <v>0</v>
      </c>
      <c r="N8716" s="56">
        <f>IF(Input!$D$19=1,J8716*Input!$C$19,0)+IF(Input!$D$20=1,K8716*Input!$C$20,0)+IF(Input!$D$21=1,L8716*Input!$C$21,0)+IF(Input!$D$22=1,M8716*Input!$C$22,0)</f>
        <v>0.14049086183193527</v>
      </c>
      <c r="O8716" s="59">
        <f>IF(Input!$D$19=2,J8716*Input!$C$19,0)+IF(Input!$D$20=2,K8716*Input!$C$20,0)+IF(Input!$D$21=2,L8716*Input!$C$21,0)+IF(Input!$D$22=2,M8716*Input!$C$22,0)</f>
        <v>0.35122715457983822</v>
      </c>
      <c r="P8716" s="59">
        <f>IF(Input!$D$19=3,J8716*Input!$C$19,0)+IF(Input!$D$20=3,K8716*Input!$C$20,0)+IF(Input!$D$21=3,L8716*Input!$C$21,0)+IF(Input!$D$22=3,M8716*Input!$C$22,0)</f>
        <v>0</v>
      </c>
      <c r="Q8716" s="75">
        <f>IF(Input!$D$19=4,J8716*Input!$C$19,0)+IF(Input!$D$20=4,K8716*Input!$C$20,0)+IF(Input!$D$21=4,L8716*Input!$C$21,0)+IF(Input!$D$22=4,M8716*Input!$C$22,0)</f>
        <v>0</v>
      </c>
      <c r="R8716" s="58">
        <v>42.382834740283144</v>
      </c>
      <c r="S8716" s="124">
        <f t="shared" si="136"/>
        <v>0.60879373460505293</v>
      </c>
    </row>
    <row r="8717" spans="8:19" x14ac:dyDescent="0.3">
      <c r="H8717" s="44">
        <v>8710</v>
      </c>
      <c r="I8717" s="56">
        <f>Bühler!I8743</f>
        <v>0.14049086183193527</v>
      </c>
      <c r="J8717" s="59">
        <f>Bühler!J8743</f>
        <v>0.46830287277311761</v>
      </c>
      <c r="K8717" s="59">
        <f>Bühler!K8743</f>
        <v>0.70245430915967644</v>
      </c>
      <c r="L8717" s="59">
        <f>Bühler!L8743</f>
        <v>6.7815312936671077</v>
      </c>
      <c r="M8717" s="58">
        <f>Bühler!M8743</f>
        <v>0</v>
      </c>
      <c r="N8717" s="56">
        <f>IF(Input!$D$19=1,J8717*Input!$C$19,0)+IF(Input!$D$20=1,K8717*Input!$C$20,0)+IF(Input!$D$21=1,L8717*Input!$C$21,0)+IF(Input!$D$22=1,M8717*Input!$C$22,0)</f>
        <v>0.14049086183193527</v>
      </c>
      <c r="O8717" s="59">
        <f>IF(Input!$D$19=2,J8717*Input!$C$19,0)+IF(Input!$D$20=2,K8717*Input!$C$20,0)+IF(Input!$D$21=2,L8717*Input!$C$21,0)+IF(Input!$D$22=2,M8717*Input!$C$22,0)</f>
        <v>0.35122715457983822</v>
      </c>
      <c r="P8717" s="59">
        <f>IF(Input!$D$19=3,J8717*Input!$C$19,0)+IF(Input!$D$20=3,K8717*Input!$C$20,0)+IF(Input!$D$21=3,L8717*Input!$C$21,0)+IF(Input!$D$22=3,M8717*Input!$C$22,0)</f>
        <v>0</v>
      </c>
      <c r="Q8717" s="75">
        <f>IF(Input!$D$19=4,J8717*Input!$C$19,0)+IF(Input!$D$20=4,K8717*Input!$C$20,0)+IF(Input!$D$21=4,L8717*Input!$C$21,0)+IF(Input!$D$22=4,M8717*Input!$C$22,0)</f>
        <v>0</v>
      </c>
      <c r="R8717" s="58">
        <v>41.814367655161959</v>
      </c>
      <c r="S8717" s="124">
        <f t="shared" si="136"/>
        <v>0.60879373460505293</v>
      </c>
    </row>
    <row r="8718" spans="8:19" x14ac:dyDescent="0.3">
      <c r="H8718" s="44">
        <v>8711</v>
      </c>
      <c r="I8718" s="56">
        <f>Bühler!I8744</f>
        <v>0.14049086183193527</v>
      </c>
      <c r="J8718" s="59">
        <f>Bühler!J8744</f>
        <v>0.46830287277311761</v>
      </c>
      <c r="K8718" s="59">
        <f>Bühler!K8744</f>
        <v>0.70245430915967644</v>
      </c>
      <c r="L8718" s="59">
        <f>Bühler!L8744</f>
        <v>6.7815312936671077</v>
      </c>
      <c r="M8718" s="58">
        <f>Bühler!M8744</f>
        <v>0</v>
      </c>
      <c r="N8718" s="56">
        <f>IF(Input!$D$19=1,J8718*Input!$C$19,0)+IF(Input!$D$20=1,K8718*Input!$C$20,0)+IF(Input!$D$21=1,L8718*Input!$C$21,0)+IF(Input!$D$22=1,M8718*Input!$C$22,0)</f>
        <v>0.14049086183193527</v>
      </c>
      <c r="O8718" s="59">
        <f>IF(Input!$D$19=2,J8718*Input!$C$19,0)+IF(Input!$D$20=2,K8718*Input!$C$20,0)+IF(Input!$D$21=2,L8718*Input!$C$21,0)+IF(Input!$D$22=2,M8718*Input!$C$22,0)</f>
        <v>0.35122715457983822</v>
      </c>
      <c r="P8718" s="59">
        <f>IF(Input!$D$19=3,J8718*Input!$C$19,0)+IF(Input!$D$20=3,K8718*Input!$C$20,0)+IF(Input!$D$21=3,L8718*Input!$C$21,0)+IF(Input!$D$22=3,M8718*Input!$C$22,0)</f>
        <v>0</v>
      </c>
      <c r="Q8718" s="75">
        <f>IF(Input!$D$19=4,J8718*Input!$C$19,0)+IF(Input!$D$20=4,K8718*Input!$C$20,0)+IF(Input!$D$21=4,L8718*Input!$C$21,0)+IF(Input!$D$22=4,M8718*Input!$C$22,0)</f>
        <v>0</v>
      </c>
      <c r="R8718" s="58">
        <v>42.259376633907067</v>
      </c>
      <c r="S8718" s="124">
        <f t="shared" si="136"/>
        <v>0.60879373460505293</v>
      </c>
    </row>
    <row r="8719" spans="8:19" x14ac:dyDescent="0.3">
      <c r="H8719" s="44">
        <v>8712</v>
      </c>
      <c r="I8719" s="56">
        <f>Bühler!I8745</f>
        <v>0.14049086183193527</v>
      </c>
      <c r="J8719" s="59">
        <f>Bühler!J8745</f>
        <v>0.46830287277311761</v>
      </c>
      <c r="K8719" s="59">
        <f>Bühler!K8745</f>
        <v>0.70245430915967644</v>
      </c>
      <c r="L8719" s="59">
        <f>Bühler!L8745</f>
        <v>6.7815312936671077</v>
      </c>
      <c r="M8719" s="58">
        <f>Bühler!M8745</f>
        <v>0</v>
      </c>
      <c r="N8719" s="56">
        <f>IF(Input!$D$19=1,J8719*Input!$C$19,0)+IF(Input!$D$20=1,K8719*Input!$C$20,0)+IF(Input!$D$21=1,L8719*Input!$C$21,0)+IF(Input!$D$22=1,M8719*Input!$C$22,0)</f>
        <v>0.14049086183193527</v>
      </c>
      <c r="O8719" s="59">
        <f>IF(Input!$D$19=2,J8719*Input!$C$19,0)+IF(Input!$D$20=2,K8719*Input!$C$20,0)+IF(Input!$D$21=2,L8719*Input!$C$21,0)+IF(Input!$D$22=2,M8719*Input!$C$22,0)</f>
        <v>0.35122715457983822</v>
      </c>
      <c r="P8719" s="59">
        <f>IF(Input!$D$19=3,J8719*Input!$C$19,0)+IF(Input!$D$20=3,K8719*Input!$C$20,0)+IF(Input!$D$21=3,L8719*Input!$C$21,0)+IF(Input!$D$22=3,M8719*Input!$C$22,0)</f>
        <v>0</v>
      </c>
      <c r="Q8719" s="75">
        <f>IF(Input!$D$19=4,J8719*Input!$C$19,0)+IF(Input!$D$20=4,K8719*Input!$C$20,0)+IF(Input!$D$21=4,L8719*Input!$C$21,0)+IF(Input!$D$22=4,M8719*Input!$C$22,0)</f>
        <v>0</v>
      </c>
      <c r="R8719" s="58">
        <v>42.041400496484187</v>
      </c>
      <c r="S8719" s="124">
        <f t="shared" si="136"/>
        <v>0.60879373460505293</v>
      </c>
    </row>
    <row r="8720" spans="8:19" x14ac:dyDescent="0.3">
      <c r="H8720" s="44">
        <v>8713</v>
      </c>
      <c r="I8720" s="56">
        <f>Bühler!I8746</f>
        <v>0.15626816872369473</v>
      </c>
      <c r="J8720" s="59">
        <f>Bühler!J8746</f>
        <v>0.52089389574564915</v>
      </c>
      <c r="K8720" s="59">
        <f>Bühler!K8746</f>
        <v>0.78134084361847367</v>
      </c>
      <c r="L8720" s="59">
        <f>Bühler!L8746</f>
        <v>7.6306156940515324</v>
      </c>
      <c r="M8720" s="58">
        <f>Bühler!M8746</f>
        <v>0</v>
      </c>
      <c r="N8720" s="56">
        <f>IF(Input!$D$19=1,J8720*Input!$C$19,0)+IF(Input!$D$20=1,K8720*Input!$C$20,0)+IF(Input!$D$21=1,L8720*Input!$C$21,0)+IF(Input!$D$22=1,M8720*Input!$C$22,0)</f>
        <v>0.15626816872369473</v>
      </c>
      <c r="O8720" s="59">
        <f>IF(Input!$D$19=2,J8720*Input!$C$19,0)+IF(Input!$D$20=2,K8720*Input!$C$20,0)+IF(Input!$D$21=2,L8720*Input!$C$21,0)+IF(Input!$D$22=2,M8720*Input!$C$22,0)</f>
        <v>0.39067042180923683</v>
      </c>
      <c r="P8720" s="59">
        <f>IF(Input!$D$19=3,J8720*Input!$C$19,0)+IF(Input!$D$20=3,K8720*Input!$C$20,0)+IF(Input!$D$21=3,L8720*Input!$C$21,0)+IF(Input!$D$22=3,M8720*Input!$C$22,0)</f>
        <v>0</v>
      </c>
      <c r="Q8720" s="75">
        <f>IF(Input!$D$19=4,J8720*Input!$C$19,0)+IF(Input!$D$20=4,K8720*Input!$C$20,0)+IF(Input!$D$21=4,L8720*Input!$C$21,0)+IF(Input!$D$22=4,M8720*Input!$C$22,0)</f>
        <v>0</v>
      </c>
      <c r="R8720" s="58">
        <v>39.629072813002331</v>
      </c>
      <c r="S8720" s="124">
        <f t="shared" si="136"/>
        <v>0.67716206446934391</v>
      </c>
    </row>
    <row r="8721" spans="8:19" x14ac:dyDescent="0.3">
      <c r="H8721" s="44">
        <v>8714</v>
      </c>
      <c r="I8721" s="56">
        <f>Bühler!I8747</f>
        <v>0.18147271206622614</v>
      </c>
      <c r="J8721" s="59">
        <f>Bühler!J8747</f>
        <v>0.60490904022075387</v>
      </c>
      <c r="K8721" s="59">
        <f>Bühler!K8747</f>
        <v>0.90736356033113086</v>
      </c>
      <c r="L8721" s="59">
        <f>Bühler!L8747</f>
        <v>8.8613601608340371</v>
      </c>
      <c r="M8721" s="58">
        <f>Bühler!M8747</f>
        <v>0</v>
      </c>
      <c r="N8721" s="56">
        <f>IF(Input!$D$19=1,J8721*Input!$C$19,0)+IF(Input!$D$20=1,K8721*Input!$C$20,0)+IF(Input!$D$21=1,L8721*Input!$C$21,0)+IF(Input!$D$22=1,M8721*Input!$C$22,0)</f>
        <v>0.18147271206622614</v>
      </c>
      <c r="O8721" s="59">
        <f>IF(Input!$D$19=2,J8721*Input!$C$19,0)+IF(Input!$D$20=2,K8721*Input!$C$20,0)+IF(Input!$D$21=2,L8721*Input!$C$21,0)+IF(Input!$D$22=2,M8721*Input!$C$22,0)</f>
        <v>0.45368178016556543</v>
      </c>
      <c r="P8721" s="59">
        <f>IF(Input!$D$19=3,J8721*Input!$C$19,0)+IF(Input!$D$20=3,K8721*Input!$C$20,0)+IF(Input!$D$21=3,L8721*Input!$C$21,0)+IF(Input!$D$22=3,M8721*Input!$C$22,0)</f>
        <v>0</v>
      </c>
      <c r="Q8721" s="75">
        <f>IF(Input!$D$19=4,J8721*Input!$C$19,0)+IF(Input!$D$20=4,K8721*Input!$C$20,0)+IF(Input!$D$21=4,L8721*Input!$C$21,0)+IF(Input!$D$22=4,M8721*Input!$C$22,0)</f>
        <v>0</v>
      </c>
      <c r="R8721" s="58">
        <v>39.796906067673135</v>
      </c>
      <c r="S8721" s="124">
        <f t="shared" si="136"/>
        <v>0.78638175228698004</v>
      </c>
    </row>
    <row r="8722" spans="8:19" x14ac:dyDescent="0.3">
      <c r="H8722" s="44">
        <v>8715</v>
      </c>
      <c r="I8722" s="56">
        <f>Bühler!I8748</f>
        <v>0.18147271206622614</v>
      </c>
      <c r="J8722" s="59">
        <f>Bühler!J8748</f>
        <v>0.60490904022075387</v>
      </c>
      <c r="K8722" s="59">
        <f>Bühler!K8748</f>
        <v>0.90736356033113086</v>
      </c>
      <c r="L8722" s="59">
        <f>Bühler!L8748</f>
        <v>8.8613601608340371</v>
      </c>
      <c r="M8722" s="58">
        <f>Bühler!M8748</f>
        <v>0</v>
      </c>
      <c r="N8722" s="56">
        <f>IF(Input!$D$19=1,J8722*Input!$C$19,0)+IF(Input!$D$20=1,K8722*Input!$C$20,0)+IF(Input!$D$21=1,L8722*Input!$C$21,0)+IF(Input!$D$22=1,M8722*Input!$C$22,0)</f>
        <v>0.18147271206622614</v>
      </c>
      <c r="O8722" s="59">
        <f>IF(Input!$D$19=2,J8722*Input!$C$19,0)+IF(Input!$D$20=2,K8722*Input!$C$20,0)+IF(Input!$D$21=2,L8722*Input!$C$21,0)+IF(Input!$D$22=2,M8722*Input!$C$22,0)</f>
        <v>0.45368178016556543</v>
      </c>
      <c r="P8722" s="59">
        <f>IF(Input!$D$19=3,J8722*Input!$C$19,0)+IF(Input!$D$20=3,K8722*Input!$C$20,0)+IF(Input!$D$21=3,L8722*Input!$C$21,0)+IF(Input!$D$22=3,M8722*Input!$C$22,0)</f>
        <v>0</v>
      </c>
      <c r="Q8722" s="75">
        <f>IF(Input!$D$19=4,J8722*Input!$C$19,0)+IF(Input!$D$20=4,K8722*Input!$C$20,0)+IF(Input!$D$21=4,L8722*Input!$C$21,0)+IF(Input!$D$22=4,M8722*Input!$C$22,0)</f>
        <v>0</v>
      </c>
      <c r="R8722" s="58">
        <v>39.998255518889927</v>
      </c>
      <c r="S8722" s="124">
        <f t="shared" si="136"/>
        <v>0.78638175228698004</v>
      </c>
    </row>
    <row r="8723" spans="8:19" x14ac:dyDescent="0.3">
      <c r="H8723" s="44">
        <v>8716</v>
      </c>
      <c r="I8723" s="56">
        <f>Bühler!I8749</f>
        <v>0.18147271206622614</v>
      </c>
      <c r="J8723" s="59">
        <f>Bühler!J8749</f>
        <v>0.60490904022075387</v>
      </c>
      <c r="K8723" s="59">
        <f>Bühler!K8749</f>
        <v>0.90736356033113086</v>
      </c>
      <c r="L8723" s="59">
        <f>Bühler!L8749</f>
        <v>8.8613601608340371</v>
      </c>
      <c r="M8723" s="58">
        <f>Bühler!M8749</f>
        <v>0</v>
      </c>
      <c r="N8723" s="56">
        <f>IF(Input!$D$19=1,J8723*Input!$C$19,0)+IF(Input!$D$20=1,K8723*Input!$C$20,0)+IF(Input!$D$21=1,L8723*Input!$C$21,0)+IF(Input!$D$22=1,M8723*Input!$C$22,0)</f>
        <v>0.18147271206622614</v>
      </c>
      <c r="O8723" s="59">
        <f>IF(Input!$D$19=2,J8723*Input!$C$19,0)+IF(Input!$D$20=2,K8723*Input!$C$20,0)+IF(Input!$D$21=2,L8723*Input!$C$21,0)+IF(Input!$D$22=2,M8723*Input!$C$22,0)</f>
        <v>0.45368178016556543</v>
      </c>
      <c r="P8723" s="59">
        <f>IF(Input!$D$19=3,J8723*Input!$C$19,0)+IF(Input!$D$20=3,K8723*Input!$C$20,0)+IF(Input!$D$21=3,L8723*Input!$C$21,0)+IF(Input!$D$22=3,M8723*Input!$C$22,0)</f>
        <v>0</v>
      </c>
      <c r="Q8723" s="75">
        <f>IF(Input!$D$19=4,J8723*Input!$C$19,0)+IF(Input!$D$20=4,K8723*Input!$C$20,0)+IF(Input!$D$21=4,L8723*Input!$C$21,0)+IF(Input!$D$22=4,M8723*Input!$C$22,0)</f>
        <v>0</v>
      </c>
      <c r="R8723" s="58">
        <v>39.773180521227033</v>
      </c>
      <c r="S8723" s="124">
        <f t="shared" si="136"/>
        <v>0.78638175228698004</v>
      </c>
    </row>
    <row r="8724" spans="8:19" x14ac:dyDescent="0.3">
      <c r="H8724" s="44">
        <v>8717</v>
      </c>
      <c r="I8724" s="56">
        <f>Bühler!I8750</f>
        <v>0.18147271206622614</v>
      </c>
      <c r="J8724" s="59">
        <f>Bühler!J8750</f>
        <v>0.60490904022075387</v>
      </c>
      <c r="K8724" s="59">
        <f>Bühler!K8750</f>
        <v>0.90736356033113086</v>
      </c>
      <c r="L8724" s="59">
        <f>Bühler!L8750</f>
        <v>8.8613601608340371</v>
      </c>
      <c r="M8724" s="58">
        <f>Bühler!M8750</f>
        <v>0</v>
      </c>
      <c r="N8724" s="56">
        <f>IF(Input!$D$19=1,J8724*Input!$C$19,0)+IF(Input!$D$20=1,K8724*Input!$C$20,0)+IF(Input!$D$21=1,L8724*Input!$C$21,0)+IF(Input!$D$22=1,M8724*Input!$C$22,0)</f>
        <v>0.18147271206622614</v>
      </c>
      <c r="O8724" s="59">
        <f>IF(Input!$D$19=2,J8724*Input!$C$19,0)+IF(Input!$D$20=2,K8724*Input!$C$20,0)+IF(Input!$D$21=2,L8724*Input!$C$21,0)+IF(Input!$D$22=2,M8724*Input!$C$22,0)</f>
        <v>0.45368178016556543</v>
      </c>
      <c r="P8724" s="59">
        <f>IF(Input!$D$19=3,J8724*Input!$C$19,0)+IF(Input!$D$20=3,K8724*Input!$C$20,0)+IF(Input!$D$21=3,L8724*Input!$C$21,0)+IF(Input!$D$22=3,M8724*Input!$C$22,0)</f>
        <v>0</v>
      </c>
      <c r="Q8724" s="75">
        <f>IF(Input!$D$19=4,J8724*Input!$C$19,0)+IF(Input!$D$20=4,K8724*Input!$C$20,0)+IF(Input!$D$21=4,L8724*Input!$C$21,0)+IF(Input!$D$22=4,M8724*Input!$C$22,0)</f>
        <v>0</v>
      </c>
      <c r="R8724" s="58">
        <v>39.711192213606125</v>
      </c>
      <c r="S8724" s="124">
        <f t="shared" si="136"/>
        <v>0.78638175228698004</v>
      </c>
    </row>
    <row r="8725" spans="8:19" x14ac:dyDescent="0.3">
      <c r="H8725" s="44">
        <v>8718</v>
      </c>
      <c r="I8725" s="56">
        <f>Bühler!I8751</f>
        <v>0.22684089008278266</v>
      </c>
      <c r="J8725" s="59">
        <f>Bühler!J8751</f>
        <v>0.75613630027594225</v>
      </c>
      <c r="K8725" s="59">
        <f>Bühler!K8751</f>
        <v>1.1342044504139135</v>
      </c>
      <c r="L8725" s="59">
        <f>Bühler!L8751</f>
        <v>11.076700201042547</v>
      </c>
      <c r="M8725" s="58">
        <f>Bühler!M8751</f>
        <v>0</v>
      </c>
      <c r="N8725" s="56">
        <f>IF(Input!$D$19=1,J8725*Input!$C$19,0)+IF(Input!$D$20=1,K8725*Input!$C$20,0)+IF(Input!$D$21=1,L8725*Input!$C$21,0)+IF(Input!$D$22=1,M8725*Input!$C$22,0)</f>
        <v>0.22684089008278266</v>
      </c>
      <c r="O8725" s="59">
        <f>IF(Input!$D$19=2,J8725*Input!$C$19,0)+IF(Input!$D$20=2,K8725*Input!$C$20,0)+IF(Input!$D$21=2,L8725*Input!$C$21,0)+IF(Input!$D$22=2,M8725*Input!$C$22,0)</f>
        <v>0.56710222520695674</v>
      </c>
      <c r="P8725" s="59">
        <f>IF(Input!$D$19=3,J8725*Input!$C$19,0)+IF(Input!$D$20=3,K8725*Input!$C$20,0)+IF(Input!$D$21=3,L8725*Input!$C$21,0)+IF(Input!$D$22=3,M8725*Input!$C$22,0)</f>
        <v>0</v>
      </c>
      <c r="Q8725" s="75">
        <f>IF(Input!$D$19=4,J8725*Input!$C$19,0)+IF(Input!$D$20=4,K8725*Input!$C$20,0)+IF(Input!$D$21=4,L8725*Input!$C$21,0)+IF(Input!$D$22=4,M8725*Input!$C$22,0)</f>
        <v>0</v>
      </c>
      <c r="R8725" s="58">
        <v>40.034383069342553</v>
      </c>
      <c r="S8725" s="124">
        <f t="shared" si="136"/>
        <v>0.98297719035872488</v>
      </c>
    </row>
    <row r="8726" spans="8:19" x14ac:dyDescent="0.3">
      <c r="H8726" s="44">
        <v>8719</v>
      </c>
      <c r="I8726" s="56">
        <f>Bühler!I8752</f>
        <v>0.26716815943083289</v>
      </c>
      <c r="J8726" s="59">
        <f>Bühler!J8752</f>
        <v>0.8905605314361098</v>
      </c>
      <c r="K8726" s="59">
        <f>Bühler!K8752</f>
        <v>1.3358407971541646</v>
      </c>
      <c r="L8726" s="59">
        <f>Bühler!L8752</f>
        <v>13.045891347894555</v>
      </c>
      <c r="M8726" s="58">
        <f>Bühler!M8752</f>
        <v>0</v>
      </c>
      <c r="N8726" s="56">
        <f>IF(Input!$D$19=1,J8726*Input!$C$19,0)+IF(Input!$D$20=1,K8726*Input!$C$20,0)+IF(Input!$D$21=1,L8726*Input!$C$21,0)+IF(Input!$D$22=1,M8726*Input!$C$22,0)</f>
        <v>0.26716815943083294</v>
      </c>
      <c r="O8726" s="59">
        <f>IF(Input!$D$19=2,J8726*Input!$C$19,0)+IF(Input!$D$20=2,K8726*Input!$C$20,0)+IF(Input!$D$21=2,L8726*Input!$C$21,0)+IF(Input!$D$22=2,M8726*Input!$C$22,0)</f>
        <v>0.6679203985770823</v>
      </c>
      <c r="P8726" s="59">
        <f>IF(Input!$D$19=3,J8726*Input!$C$19,0)+IF(Input!$D$20=3,K8726*Input!$C$20,0)+IF(Input!$D$21=3,L8726*Input!$C$21,0)+IF(Input!$D$22=3,M8726*Input!$C$22,0)</f>
        <v>0</v>
      </c>
      <c r="Q8726" s="75">
        <f>IF(Input!$D$19=4,J8726*Input!$C$19,0)+IF(Input!$D$20=4,K8726*Input!$C$20,0)+IF(Input!$D$21=4,L8726*Input!$C$21,0)+IF(Input!$D$22=4,M8726*Input!$C$22,0)</f>
        <v>0</v>
      </c>
      <c r="R8726" s="58">
        <v>40.420435966034823</v>
      </c>
      <c r="S8726" s="124">
        <f t="shared" si="136"/>
        <v>1.1577286908669426</v>
      </c>
    </row>
    <row r="8727" spans="8:19" x14ac:dyDescent="0.3">
      <c r="H8727" s="44">
        <v>8720</v>
      </c>
      <c r="I8727" s="56">
        <f>Bühler!I8753</f>
        <v>0.31757724611589572</v>
      </c>
      <c r="J8727" s="59">
        <f>Bühler!J8753</f>
        <v>1.0585908203863192</v>
      </c>
      <c r="K8727" s="59">
        <f>Bühler!K8753</f>
        <v>1.5878862305794788</v>
      </c>
      <c r="L8727" s="59">
        <f>Bühler!L8753</f>
        <v>15.507380281459564</v>
      </c>
      <c r="M8727" s="58">
        <f>Bühler!M8753</f>
        <v>0</v>
      </c>
      <c r="N8727" s="56">
        <f>IF(Input!$D$19=1,J8727*Input!$C$19,0)+IF(Input!$D$20=1,K8727*Input!$C$20,0)+IF(Input!$D$21=1,L8727*Input!$C$21,0)+IF(Input!$D$22=1,M8727*Input!$C$22,0)</f>
        <v>0.31757724611589577</v>
      </c>
      <c r="O8727" s="59">
        <f>IF(Input!$D$19=2,J8727*Input!$C$19,0)+IF(Input!$D$20=2,K8727*Input!$C$20,0)+IF(Input!$D$21=2,L8727*Input!$C$21,0)+IF(Input!$D$22=2,M8727*Input!$C$22,0)</f>
        <v>0.79394311528973938</v>
      </c>
      <c r="P8727" s="59">
        <f>IF(Input!$D$19=3,J8727*Input!$C$19,0)+IF(Input!$D$20=3,K8727*Input!$C$20,0)+IF(Input!$D$21=3,L8727*Input!$C$21,0)+IF(Input!$D$22=3,M8727*Input!$C$22,0)</f>
        <v>0</v>
      </c>
      <c r="Q8727" s="75">
        <f>IF(Input!$D$19=4,J8727*Input!$C$19,0)+IF(Input!$D$20=4,K8727*Input!$C$20,0)+IF(Input!$D$21=4,L8727*Input!$C$21,0)+IF(Input!$D$22=4,M8727*Input!$C$22,0)</f>
        <v>0</v>
      </c>
      <c r="R8727" s="58">
        <v>40.237748107073152</v>
      </c>
      <c r="S8727" s="124">
        <f t="shared" si="136"/>
        <v>1.3761680665022149</v>
      </c>
    </row>
    <row r="8728" spans="8:19" x14ac:dyDescent="0.3">
      <c r="H8728" s="44">
        <v>8721</v>
      </c>
      <c r="I8728" s="56">
        <f>Bühler!I8754</f>
        <v>0.31757724611589572</v>
      </c>
      <c r="J8728" s="59">
        <f>Bühler!J8754</f>
        <v>1.0585908203863192</v>
      </c>
      <c r="K8728" s="59">
        <f>Bühler!K8754</f>
        <v>1.5878862305794788</v>
      </c>
      <c r="L8728" s="59">
        <f>Bühler!L8754</f>
        <v>15.507380281459564</v>
      </c>
      <c r="M8728" s="58">
        <f>Bühler!M8754</f>
        <v>0</v>
      </c>
      <c r="N8728" s="56">
        <f>IF(Input!$D$19=1,J8728*Input!$C$19,0)+IF(Input!$D$20=1,K8728*Input!$C$20,0)+IF(Input!$D$21=1,L8728*Input!$C$21,0)+IF(Input!$D$22=1,M8728*Input!$C$22,0)</f>
        <v>0.31757724611589577</v>
      </c>
      <c r="O8728" s="59">
        <f>IF(Input!$D$19=2,J8728*Input!$C$19,0)+IF(Input!$D$20=2,K8728*Input!$C$20,0)+IF(Input!$D$21=2,L8728*Input!$C$21,0)+IF(Input!$D$22=2,M8728*Input!$C$22,0)</f>
        <v>0.79394311528973938</v>
      </c>
      <c r="P8728" s="59">
        <f>IF(Input!$D$19=3,J8728*Input!$C$19,0)+IF(Input!$D$20=3,K8728*Input!$C$20,0)+IF(Input!$D$21=3,L8728*Input!$C$21,0)+IF(Input!$D$22=3,M8728*Input!$C$22,0)</f>
        <v>0</v>
      </c>
      <c r="Q8728" s="75">
        <f>IF(Input!$D$19=4,J8728*Input!$C$19,0)+IF(Input!$D$20=4,K8728*Input!$C$20,0)+IF(Input!$D$21=4,L8728*Input!$C$21,0)+IF(Input!$D$22=4,M8728*Input!$C$22,0)</f>
        <v>0</v>
      </c>
      <c r="R8728" s="58">
        <v>39.845615558595213</v>
      </c>
      <c r="S8728" s="124">
        <f t="shared" si="136"/>
        <v>1.3761680665022149</v>
      </c>
    </row>
    <row r="8729" spans="8:19" x14ac:dyDescent="0.3">
      <c r="H8729" s="44">
        <v>8722</v>
      </c>
      <c r="I8729" s="56">
        <f>Bühler!I8755</f>
        <v>0.31757724611589572</v>
      </c>
      <c r="J8729" s="59">
        <f>Bühler!J8755</f>
        <v>1.0585908203863192</v>
      </c>
      <c r="K8729" s="59">
        <f>Bühler!K8755</f>
        <v>1.5878862305794788</v>
      </c>
      <c r="L8729" s="59">
        <f>Bühler!L8755</f>
        <v>15.507380281459564</v>
      </c>
      <c r="M8729" s="58">
        <f>Bühler!M8755</f>
        <v>0</v>
      </c>
      <c r="N8729" s="56">
        <f>IF(Input!$D$19=1,J8729*Input!$C$19,0)+IF(Input!$D$20=1,K8729*Input!$C$20,0)+IF(Input!$D$21=1,L8729*Input!$C$21,0)+IF(Input!$D$22=1,M8729*Input!$C$22,0)</f>
        <v>0.31757724611589577</v>
      </c>
      <c r="O8729" s="59">
        <f>IF(Input!$D$19=2,J8729*Input!$C$19,0)+IF(Input!$D$20=2,K8729*Input!$C$20,0)+IF(Input!$D$21=2,L8729*Input!$C$21,0)+IF(Input!$D$22=2,M8729*Input!$C$22,0)</f>
        <v>0.79394311528973938</v>
      </c>
      <c r="P8729" s="59">
        <f>IF(Input!$D$19=3,J8729*Input!$C$19,0)+IF(Input!$D$20=3,K8729*Input!$C$20,0)+IF(Input!$D$21=3,L8729*Input!$C$21,0)+IF(Input!$D$22=3,M8729*Input!$C$22,0)</f>
        <v>0</v>
      </c>
      <c r="Q8729" s="75">
        <f>IF(Input!$D$19=4,J8729*Input!$C$19,0)+IF(Input!$D$20=4,K8729*Input!$C$20,0)+IF(Input!$D$21=4,L8729*Input!$C$21,0)+IF(Input!$D$22=4,M8729*Input!$C$22,0)</f>
        <v>0</v>
      </c>
      <c r="R8729" s="58">
        <v>39.278569881308066</v>
      </c>
      <c r="S8729" s="124">
        <f t="shared" si="136"/>
        <v>1.3761680665022149</v>
      </c>
    </row>
    <row r="8730" spans="8:19" x14ac:dyDescent="0.3">
      <c r="H8730" s="44">
        <v>8723</v>
      </c>
      <c r="I8730" s="56">
        <f>Bühler!I8756</f>
        <v>0.31757724611589572</v>
      </c>
      <c r="J8730" s="59">
        <f>Bühler!J8756</f>
        <v>1.0585908203863192</v>
      </c>
      <c r="K8730" s="59">
        <f>Bühler!K8756</f>
        <v>1.5878862305794788</v>
      </c>
      <c r="L8730" s="59">
        <f>Bühler!L8756</f>
        <v>15.507380281459564</v>
      </c>
      <c r="M8730" s="58">
        <f>Bühler!M8756</f>
        <v>0</v>
      </c>
      <c r="N8730" s="56">
        <f>IF(Input!$D$19=1,J8730*Input!$C$19,0)+IF(Input!$D$20=1,K8730*Input!$C$20,0)+IF(Input!$D$21=1,L8730*Input!$C$21,0)+IF(Input!$D$22=1,M8730*Input!$C$22,0)</f>
        <v>0.31757724611589577</v>
      </c>
      <c r="O8730" s="59">
        <f>IF(Input!$D$19=2,J8730*Input!$C$19,0)+IF(Input!$D$20=2,K8730*Input!$C$20,0)+IF(Input!$D$21=2,L8730*Input!$C$21,0)+IF(Input!$D$22=2,M8730*Input!$C$22,0)</f>
        <v>0.79394311528973938</v>
      </c>
      <c r="P8730" s="59">
        <f>IF(Input!$D$19=3,J8730*Input!$C$19,0)+IF(Input!$D$20=3,K8730*Input!$C$20,0)+IF(Input!$D$21=3,L8730*Input!$C$21,0)+IF(Input!$D$22=3,M8730*Input!$C$22,0)</f>
        <v>0</v>
      </c>
      <c r="Q8730" s="75">
        <f>IF(Input!$D$19=4,J8730*Input!$C$19,0)+IF(Input!$D$20=4,K8730*Input!$C$20,0)+IF(Input!$D$21=4,L8730*Input!$C$21,0)+IF(Input!$D$22=4,M8730*Input!$C$22,0)</f>
        <v>0</v>
      </c>
      <c r="R8730" s="58">
        <v>39.612485942691137</v>
      </c>
      <c r="S8730" s="124">
        <f t="shared" si="136"/>
        <v>1.3761680665022149</v>
      </c>
    </row>
    <row r="8731" spans="8:19" x14ac:dyDescent="0.3">
      <c r="H8731" s="44">
        <v>8724</v>
      </c>
      <c r="I8731" s="56">
        <f>Bühler!I8757</f>
        <v>0.31757724611589572</v>
      </c>
      <c r="J8731" s="59">
        <f>Bühler!J8757</f>
        <v>1.0585908203863192</v>
      </c>
      <c r="K8731" s="59">
        <f>Bühler!K8757</f>
        <v>1.5878862305794788</v>
      </c>
      <c r="L8731" s="59">
        <f>Bühler!L8757</f>
        <v>15.507380281459564</v>
      </c>
      <c r="M8731" s="58">
        <f>Bühler!M8757</f>
        <v>0</v>
      </c>
      <c r="N8731" s="56">
        <f>IF(Input!$D$19=1,J8731*Input!$C$19,0)+IF(Input!$D$20=1,K8731*Input!$C$20,0)+IF(Input!$D$21=1,L8731*Input!$C$21,0)+IF(Input!$D$22=1,M8731*Input!$C$22,0)</f>
        <v>0.31757724611589577</v>
      </c>
      <c r="O8731" s="59">
        <f>IF(Input!$D$19=2,J8731*Input!$C$19,0)+IF(Input!$D$20=2,K8731*Input!$C$20,0)+IF(Input!$D$21=2,L8731*Input!$C$21,0)+IF(Input!$D$22=2,M8731*Input!$C$22,0)</f>
        <v>0.79394311528973938</v>
      </c>
      <c r="P8731" s="59">
        <f>IF(Input!$D$19=3,J8731*Input!$C$19,0)+IF(Input!$D$20=3,K8731*Input!$C$20,0)+IF(Input!$D$21=3,L8731*Input!$C$21,0)+IF(Input!$D$22=3,M8731*Input!$C$22,0)</f>
        <v>0</v>
      </c>
      <c r="Q8731" s="75">
        <f>IF(Input!$D$19=4,J8731*Input!$C$19,0)+IF(Input!$D$20=4,K8731*Input!$C$20,0)+IF(Input!$D$21=4,L8731*Input!$C$21,0)+IF(Input!$D$22=4,M8731*Input!$C$22,0)</f>
        <v>0</v>
      </c>
      <c r="R8731" s="58">
        <v>39.630098945107385</v>
      </c>
      <c r="S8731" s="124">
        <f t="shared" si="136"/>
        <v>1.3761680665022149</v>
      </c>
    </row>
    <row r="8732" spans="8:19" x14ac:dyDescent="0.3">
      <c r="H8732" s="44">
        <v>8725</v>
      </c>
      <c r="I8732" s="56">
        <f>Bühler!I8758</f>
        <v>0.31757724611589572</v>
      </c>
      <c r="J8732" s="59">
        <f>Bühler!J8758</f>
        <v>1.0585908203863192</v>
      </c>
      <c r="K8732" s="59">
        <f>Bühler!K8758</f>
        <v>1.5878862305794788</v>
      </c>
      <c r="L8732" s="59">
        <f>Bühler!L8758</f>
        <v>15.507380281459564</v>
      </c>
      <c r="M8732" s="58">
        <f>Bühler!M8758</f>
        <v>0</v>
      </c>
      <c r="N8732" s="56">
        <f>IF(Input!$D$19=1,J8732*Input!$C$19,0)+IF(Input!$D$20=1,K8732*Input!$C$20,0)+IF(Input!$D$21=1,L8732*Input!$C$21,0)+IF(Input!$D$22=1,M8732*Input!$C$22,0)</f>
        <v>0.31757724611589577</v>
      </c>
      <c r="O8732" s="59">
        <f>IF(Input!$D$19=2,J8732*Input!$C$19,0)+IF(Input!$D$20=2,K8732*Input!$C$20,0)+IF(Input!$D$21=2,L8732*Input!$C$21,0)+IF(Input!$D$22=2,M8732*Input!$C$22,0)</f>
        <v>0.79394311528973938</v>
      </c>
      <c r="P8732" s="59">
        <f>IF(Input!$D$19=3,J8732*Input!$C$19,0)+IF(Input!$D$20=3,K8732*Input!$C$20,0)+IF(Input!$D$21=3,L8732*Input!$C$21,0)+IF(Input!$D$22=3,M8732*Input!$C$22,0)</f>
        <v>0</v>
      </c>
      <c r="Q8732" s="75">
        <f>IF(Input!$D$19=4,J8732*Input!$C$19,0)+IF(Input!$D$20=4,K8732*Input!$C$20,0)+IF(Input!$D$21=4,L8732*Input!$C$21,0)+IF(Input!$D$22=4,M8732*Input!$C$22,0)</f>
        <v>0</v>
      </c>
      <c r="R8732" s="58">
        <v>39.690079903985833</v>
      </c>
      <c r="S8732" s="124">
        <f t="shared" si="136"/>
        <v>1.3761680665022149</v>
      </c>
    </row>
    <row r="8733" spans="8:19" x14ac:dyDescent="0.3">
      <c r="H8733" s="44">
        <v>8726</v>
      </c>
      <c r="I8733" s="56">
        <f>Bühler!I8759</f>
        <v>0.31757724611589572</v>
      </c>
      <c r="J8733" s="59">
        <f>Bühler!J8759</f>
        <v>1.0585908203863192</v>
      </c>
      <c r="K8733" s="59">
        <f>Bühler!K8759</f>
        <v>1.5878862305794788</v>
      </c>
      <c r="L8733" s="59">
        <f>Bühler!L8759</f>
        <v>15.507380281459564</v>
      </c>
      <c r="M8733" s="58">
        <f>Bühler!M8759</f>
        <v>0</v>
      </c>
      <c r="N8733" s="56">
        <f>IF(Input!$D$19=1,J8733*Input!$C$19,0)+IF(Input!$D$20=1,K8733*Input!$C$20,0)+IF(Input!$D$21=1,L8733*Input!$C$21,0)+IF(Input!$D$22=1,M8733*Input!$C$22,0)</f>
        <v>0.31757724611589577</v>
      </c>
      <c r="O8733" s="59">
        <f>IF(Input!$D$19=2,J8733*Input!$C$19,0)+IF(Input!$D$20=2,K8733*Input!$C$20,0)+IF(Input!$D$21=2,L8733*Input!$C$21,0)+IF(Input!$D$22=2,M8733*Input!$C$22,0)</f>
        <v>0.79394311528973938</v>
      </c>
      <c r="P8733" s="59">
        <f>IF(Input!$D$19=3,J8733*Input!$C$19,0)+IF(Input!$D$20=3,K8733*Input!$C$20,0)+IF(Input!$D$21=3,L8733*Input!$C$21,0)+IF(Input!$D$22=3,M8733*Input!$C$22,0)</f>
        <v>0</v>
      </c>
      <c r="Q8733" s="75">
        <f>IF(Input!$D$19=4,J8733*Input!$C$19,0)+IF(Input!$D$20=4,K8733*Input!$C$20,0)+IF(Input!$D$21=4,L8733*Input!$C$21,0)+IF(Input!$D$22=4,M8733*Input!$C$22,0)</f>
        <v>0</v>
      </c>
      <c r="R8733" s="58">
        <v>39.706460653489408</v>
      </c>
      <c r="S8733" s="124">
        <f t="shared" si="136"/>
        <v>1.3761680665022149</v>
      </c>
    </row>
    <row r="8734" spans="8:19" x14ac:dyDescent="0.3">
      <c r="H8734" s="44">
        <v>8727</v>
      </c>
      <c r="I8734" s="56">
        <f>Bühler!I8760</f>
        <v>0.31757724611589572</v>
      </c>
      <c r="J8734" s="59">
        <f>Bühler!J8760</f>
        <v>1.0585908203863192</v>
      </c>
      <c r="K8734" s="59">
        <f>Bühler!K8760</f>
        <v>1.5878862305794788</v>
      </c>
      <c r="L8734" s="59">
        <f>Bühler!L8760</f>
        <v>15.507380281459564</v>
      </c>
      <c r="M8734" s="58">
        <f>Bühler!M8760</f>
        <v>0</v>
      </c>
      <c r="N8734" s="56">
        <f>IF(Input!$D$19=1,J8734*Input!$C$19,0)+IF(Input!$D$20=1,K8734*Input!$C$20,0)+IF(Input!$D$21=1,L8734*Input!$C$21,0)+IF(Input!$D$22=1,M8734*Input!$C$22,0)</f>
        <v>0.31757724611589577</v>
      </c>
      <c r="O8734" s="59">
        <f>IF(Input!$D$19=2,J8734*Input!$C$19,0)+IF(Input!$D$20=2,K8734*Input!$C$20,0)+IF(Input!$D$21=2,L8734*Input!$C$21,0)+IF(Input!$D$22=2,M8734*Input!$C$22,0)</f>
        <v>0.79394311528973938</v>
      </c>
      <c r="P8734" s="59">
        <f>IF(Input!$D$19=3,J8734*Input!$C$19,0)+IF(Input!$D$20=3,K8734*Input!$C$20,0)+IF(Input!$D$21=3,L8734*Input!$C$21,0)+IF(Input!$D$22=3,M8734*Input!$C$22,0)</f>
        <v>0</v>
      </c>
      <c r="Q8734" s="75">
        <f>IF(Input!$D$19=4,J8734*Input!$C$19,0)+IF(Input!$D$20=4,K8734*Input!$C$20,0)+IF(Input!$D$21=4,L8734*Input!$C$21,0)+IF(Input!$D$22=4,M8734*Input!$C$22,0)</f>
        <v>0</v>
      </c>
      <c r="R8734" s="58">
        <v>39.919834563805892</v>
      </c>
      <c r="S8734" s="124">
        <f t="shared" si="136"/>
        <v>1.3761680665022149</v>
      </c>
    </row>
    <row r="8735" spans="8:19" x14ac:dyDescent="0.3">
      <c r="H8735" s="44">
        <v>8728</v>
      </c>
      <c r="I8735" s="56">
        <f>Bühler!I8761</f>
        <v>0.28229088543635178</v>
      </c>
      <c r="J8735" s="59">
        <f>Bühler!J8761</f>
        <v>0.94096961812117275</v>
      </c>
      <c r="K8735" s="59">
        <f>Bühler!K8761</f>
        <v>1.4114544271817591</v>
      </c>
      <c r="L8735" s="59">
        <f>Bühler!L8761</f>
        <v>13.784338027964058</v>
      </c>
      <c r="M8735" s="58">
        <f>Bühler!M8761</f>
        <v>0</v>
      </c>
      <c r="N8735" s="56">
        <f>IF(Input!$D$19=1,J8735*Input!$C$19,0)+IF(Input!$D$20=1,K8735*Input!$C$20,0)+IF(Input!$D$21=1,L8735*Input!$C$21,0)+IF(Input!$D$22=1,M8735*Input!$C$22,0)</f>
        <v>0.28229088543635183</v>
      </c>
      <c r="O8735" s="59">
        <f>IF(Input!$D$19=2,J8735*Input!$C$19,0)+IF(Input!$D$20=2,K8735*Input!$C$20,0)+IF(Input!$D$21=2,L8735*Input!$C$21,0)+IF(Input!$D$22=2,M8735*Input!$C$22,0)</f>
        <v>0.70572721359087953</v>
      </c>
      <c r="P8735" s="59">
        <f>IF(Input!$D$19=3,J8735*Input!$C$19,0)+IF(Input!$D$20=3,K8735*Input!$C$20,0)+IF(Input!$D$21=3,L8735*Input!$C$21,0)+IF(Input!$D$22=3,M8735*Input!$C$22,0)</f>
        <v>0</v>
      </c>
      <c r="Q8735" s="75">
        <f>IF(Input!$D$19=4,J8735*Input!$C$19,0)+IF(Input!$D$20=4,K8735*Input!$C$20,0)+IF(Input!$D$21=4,L8735*Input!$C$21,0)+IF(Input!$D$22=4,M8735*Input!$C$22,0)</f>
        <v>0</v>
      </c>
      <c r="R8735" s="58">
        <v>39.805573870309466</v>
      </c>
      <c r="S8735" s="124">
        <f t="shared" si="136"/>
        <v>1.2232605035575246</v>
      </c>
    </row>
    <row r="8736" spans="8:19" x14ac:dyDescent="0.3">
      <c r="H8736" s="44">
        <v>8729</v>
      </c>
      <c r="I8736" s="56">
        <f>Bühler!I8762</f>
        <v>0.27724997676784546</v>
      </c>
      <c r="J8736" s="59">
        <f>Bühler!J8762</f>
        <v>0.92416658922615169</v>
      </c>
      <c r="K8736" s="59">
        <f>Bühler!K8762</f>
        <v>1.3862498838392274</v>
      </c>
      <c r="L8736" s="59">
        <f>Bühler!L8762</f>
        <v>13.538189134607556</v>
      </c>
      <c r="M8736" s="58">
        <f>Bühler!M8762</f>
        <v>0</v>
      </c>
      <c r="N8736" s="56">
        <f>IF(Input!$D$19=1,J8736*Input!$C$19,0)+IF(Input!$D$20=1,K8736*Input!$C$20,0)+IF(Input!$D$21=1,L8736*Input!$C$21,0)+IF(Input!$D$22=1,M8736*Input!$C$22,0)</f>
        <v>0.27724997676784552</v>
      </c>
      <c r="O8736" s="59">
        <f>IF(Input!$D$19=2,J8736*Input!$C$19,0)+IF(Input!$D$20=2,K8736*Input!$C$20,0)+IF(Input!$D$21=2,L8736*Input!$C$21,0)+IF(Input!$D$22=2,M8736*Input!$C$22,0)</f>
        <v>0.69312494191961371</v>
      </c>
      <c r="P8736" s="59">
        <f>IF(Input!$D$19=3,J8736*Input!$C$19,0)+IF(Input!$D$20=3,K8736*Input!$C$20,0)+IF(Input!$D$21=3,L8736*Input!$C$21,0)+IF(Input!$D$22=3,M8736*Input!$C$22,0)</f>
        <v>0</v>
      </c>
      <c r="Q8736" s="75">
        <f>IF(Input!$D$19=4,J8736*Input!$C$19,0)+IF(Input!$D$20=4,K8736*Input!$C$20,0)+IF(Input!$D$21=4,L8736*Input!$C$21,0)+IF(Input!$D$22=4,M8736*Input!$C$22,0)</f>
        <v>0</v>
      </c>
      <c r="R8736" s="58">
        <v>39.798287385019904</v>
      </c>
      <c r="S8736" s="124">
        <f t="shared" si="136"/>
        <v>1.201416565993997</v>
      </c>
    </row>
    <row r="8737" spans="8:19" x14ac:dyDescent="0.3">
      <c r="H8737" s="44">
        <v>8730</v>
      </c>
      <c r="I8737" s="56">
        <f>Bühler!I8763</f>
        <v>0.23692270741979524</v>
      </c>
      <c r="J8737" s="59">
        <f>Bühler!J8763</f>
        <v>0.78974235806598414</v>
      </c>
      <c r="K8737" s="59">
        <f>Bühler!K8763</f>
        <v>1.1846135370989763</v>
      </c>
      <c r="L8737" s="59">
        <f>Bühler!L8763</f>
        <v>11.568997987755552</v>
      </c>
      <c r="M8737" s="58">
        <f>Bühler!M8763</f>
        <v>0</v>
      </c>
      <c r="N8737" s="56">
        <f>IF(Input!$D$19=1,J8737*Input!$C$19,0)+IF(Input!$D$20=1,K8737*Input!$C$20,0)+IF(Input!$D$21=1,L8737*Input!$C$21,0)+IF(Input!$D$22=1,M8737*Input!$C$22,0)</f>
        <v>0.23692270741979524</v>
      </c>
      <c r="O8737" s="59">
        <f>IF(Input!$D$19=2,J8737*Input!$C$19,0)+IF(Input!$D$20=2,K8737*Input!$C$20,0)+IF(Input!$D$21=2,L8737*Input!$C$21,0)+IF(Input!$D$22=2,M8737*Input!$C$22,0)</f>
        <v>0.59230676854948816</v>
      </c>
      <c r="P8737" s="59">
        <f>IF(Input!$D$19=3,J8737*Input!$C$19,0)+IF(Input!$D$20=3,K8737*Input!$C$20,0)+IF(Input!$D$21=3,L8737*Input!$C$21,0)+IF(Input!$D$22=3,M8737*Input!$C$22,0)</f>
        <v>0</v>
      </c>
      <c r="Q8737" s="75">
        <f>IF(Input!$D$19=4,J8737*Input!$C$19,0)+IF(Input!$D$20=4,K8737*Input!$C$20,0)+IF(Input!$D$21=4,L8737*Input!$C$21,0)+IF(Input!$D$22=4,M8737*Input!$C$22,0)</f>
        <v>0</v>
      </c>
      <c r="R8737" s="58">
        <v>40.251240085912741</v>
      </c>
      <c r="S8737" s="124">
        <f t="shared" si="136"/>
        <v>1.0266650654857794</v>
      </c>
    </row>
    <row r="8738" spans="8:19" x14ac:dyDescent="0.3">
      <c r="H8738" s="44">
        <v>8731</v>
      </c>
      <c r="I8738" s="56">
        <f>Bühler!I8764</f>
        <v>0.22179998141427643</v>
      </c>
      <c r="J8738" s="59">
        <f>Bühler!J8764</f>
        <v>0.73933327138092153</v>
      </c>
      <c r="K8738" s="59">
        <f>Bühler!K8764</f>
        <v>1.1089999070713823</v>
      </c>
      <c r="L8738" s="59">
        <f>Bühler!L8764</f>
        <v>10.830551307686045</v>
      </c>
      <c r="M8738" s="58">
        <f>Bühler!M8764</f>
        <v>0</v>
      </c>
      <c r="N8738" s="56">
        <f>IF(Input!$D$19=1,J8738*Input!$C$19,0)+IF(Input!$D$20=1,K8738*Input!$C$20,0)+IF(Input!$D$21=1,L8738*Input!$C$21,0)+IF(Input!$D$22=1,M8738*Input!$C$22,0)</f>
        <v>0.22179998141427645</v>
      </c>
      <c r="O8738" s="59">
        <f>IF(Input!$D$19=2,J8738*Input!$C$19,0)+IF(Input!$D$20=2,K8738*Input!$C$20,0)+IF(Input!$D$21=2,L8738*Input!$C$21,0)+IF(Input!$D$22=2,M8738*Input!$C$22,0)</f>
        <v>0.55449995353569115</v>
      </c>
      <c r="P8738" s="59">
        <f>IF(Input!$D$19=3,J8738*Input!$C$19,0)+IF(Input!$D$20=3,K8738*Input!$C$20,0)+IF(Input!$D$21=3,L8738*Input!$C$21,0)+IF(Input!$D$22=3,M8738*Input!$C$22,0)</f>
        <v>0</v>
      </c>
      <c r="Q8738" s="75">
        <f>IF(Input!$D$19=4,J8738*Input!$C$19,0)+IF(Input!$D$20=4,K8738*Input!$C$20,0)+IF(Input!$D$21=4,L8738*Input!$C$21,0)+IF(Input!$D$22=4,M8738*Input!$C$22,0)</f>
        <v>0</v>
      </c>
      <c r="R8738" s="58">
        <v>40.200927701208123</v>
      </c>
      <c r="S8738" s="124">
        <f t="shared" si="136"/>
        <v>0.9611332527951979</v>
      </c>
    </row>
    <row r="8739" spans="8:19" x14ac:dyDescent="0.3">
      <c r="H8739" s="44">
        <v>8732</v>
      </c>
      <c r="I8739" s="56">
        <f>Bühler!I8765</f>
        <v>0.18651362073473246</v>
      </c>
      <c r="J8739" s="59">
        <f>Bühler!J8765</f>
        <v>0.62171206911577492</v>
      </c>
      <c r="K8739" s="59">
        <f>Bühler!K8765</f>
        <v>0.93256810367366239</v>
      </c>
      <c r="L8739" s="59">
        <f>Bühler!L8765</f>
        <v>9.1075090541905386</v>
      </c>
      <c r="M8739" s="58">
        <f>Bühler!M8765</f>
        <v>0</v>
      </c>
      <c r="N8739" s="56">
        <f>IF(Input!$D$19=1,J8739*Input!$C$19,0)+IF(Input!$D$20=1,K8739*Input!$C$20,0)+IF(Input!$D$21=1,L8739*Input!$C$21,0)+IF(Input!$D$22=1,M8739*Input!$C$22,0)</f>
        <v>0.18651362073473246</v>
      </c>
      <c r="O8739" s="59">
        <f>IF(Input!$D$19=2,J8739*Input!$C$19,0)+IF(Input!$D$20=2,K8739*Input!$C$20,0)+IF(Input!$D$21=2,L8739*Input!$C$21,0)+IF(Input!$D$22=2,M8739*Input!$C$22,0)</f>
        <v>0.46628405183683119</v>
      </c>
      <c r="P8739" s="59">
        <f>IF(Input!$D$19=3,J8739*Input!$C$19,0)+IF(Input!$D$20=3,K8739*Input!$C$20,0)+IF(Input!$D$21=3,L8739*Input!$C$21,0)+IF(Input!$D$22=3,M8739*Input!$C$22,0)</f>
        <v>0</v>
      </c>
      <c r="Q8739" s="75">
        <f>IF(Input!$D$19=4,J8739*Input!$C$19,0)+IF(Input!$D$20=4,K8739*Input!$C$20,0)+IF(Input!$D$21=4,L8739*Input!$C$21,0)+IF(Input!$D$22=4,M8739*Input!$C$22,0)</f>
        <v>0</v>
      </c>
      <c r="R8739" s="58">
        <v>39.974565257564464</v>
      </c>
      <c r="S8739" s="124">
        <f t="shared" si="136"/>
        <v>0.80822568985050736</v>
      </c>
    </row>
    <row r="8740" spans="8:19" x14ac:dyDescent="0.3">
      <c r="H8740" s="44">
        <v>8733</v>
      </c>
      <c r="I8740" s="56">
        <f>Bühler!I8766</f>
        <v>0.15626816872369473</v>
      </c>
      <c r="J8740" s="59">
        <f>Bühler!J8766</f>
        <v>0.52089389574564915</v>
      </c>
      <c r="K8740" s="59">
        <f>Bühler!K8766</f>
        <v>0.78134084361847367</v>
      </c>
      <c r="L8740" s="59">
        <f>Bühler!L8766</f>
        <v>7.6306156940515324</v>
      </c>
      <c r="M8740" s="58">
        <f>Bühler!M8766</f>
        <v>0</v>
      </c>
      <c r="N8740" s="56">
        <f>IF(Input!$D$19=1,J8740*Input!$C$19,0)+IF(Input!$D$20=1,K8740*Input!$C$20,0)+IF(Input!$D$21=1,L8740*Input!$C$21,0)+IF(Input!$D$22=1,M8740*Input!$C$22,0)</f>
        <v>0.15626816872369473</v>
      </c>
      <c r="O8740" s="59">
        <f>IF(Input!$D$19=2,J8740*Input!$C$19,0)+IF(Input!$D$20=2,K8740*Input!$C$20,0)+IF(Input!$D$21=2,L8740*Input!$C$21,0)+IF(Input!$D$22=2,M8740*Input!$C$22,0)</f>
        <v>0.39067042180923683</v>
      </c>
      <c r="P8740" s="59">
        <f>IF(Input!$D$19=3,J8740*Input!$C$19,0)+IF(Input!$D$20=3,K8740*Input!$C$20,0)+IF(Input!$D$21=3,L8740*Input!$C$21,0)+IF(Input!$D$22=3,M8740*Input!$C$22,0)</f>
        <v>0</v>
      </c>
      <c r="Q8740" s="75">
        <f>IF(Input!$D$19=4,J8740*Input!$C$19,0)+IF(Input!$D$20=4,K8740*Input!$C$20,0)+IF(Input!$D$21=4,L8740*Input!$C$21,0)+IF(Input!$D$22=4,M8740*Input!$C$22,0)</f>
        <v>0</v>
      </c>
      <c r="R8740" s="58">
        <v>40.599430812483085</v>
      </c>
      <c r="S8740" s="124">
        <f t="shared" si="136"/>
        <v>0.67716206446934391</v>
      </c>
    </row>
    <row r="8741" spans="8:19" x14ac:dyDescent="0.3">
      <c r="H8741" s="44">
        <v>8734</v>
      </c>
      <c r="I8741" s="56">
        <f>Bühler!I8767</f>
        <v>0.13610453404966963</v>
      </c>
      <c r="J8741" s="59">
        <f>Bühler!J8767</f>
        <v>0.45368178016556548</v>
      </c>
      <c r="K8741" s="59">
        <f>Bühler!K8767</f>
        <v>0.68052267024834823</v>
      </c>
      <c r="L8741" s="59">
        <f>Bühler!L8767</f>
        <v>6.6460201206255283</v>
      </c>
      <c r="M8741" s="58">
        <f>Bühler!M8767</f>
        <v>0</v>
      </c>
      <c r="N8741" s="56">
        <f>IF(Input!$D$19=1,J8741*Input!$C$19,0)+IF(Input!$D$20=1,K8741*Input!$C$20,0)+IF(Input!$D$21=1,L8741*Input!$C$21,0)+IF(Input!$D$22=1,M8741*Input!$C$22,0)</f>
        <v>0.13610453404966963</v>
      </c>
      <c r="O8741" s="59">
        <f>IF(Input!$D$19=2,J8741*Input!$C$19,0)+IF(Input!$D$20=2,K8741*Input!$C$20,0)+IF(Input!$D$21=2,L8741*Input!$C$21,0)+IF(Input!$D$22=2,M8741*Input!$C$22,0)</f>
        <v>0.34026133512417411</v>
      </c>
      <c r="P8741" s="59">
        <f>IF(Input!$D$19=3,J8741*Input!$C$19,0)+IF(Input!$D$20=3,K8741*Input!$C$20,0)+IF(Input!$D$21=3,L8741*Input!$C$21,0)+IF(Input!$D$22=3,M8741*Input!$C$22,0)</f>
        <v>0</v>
      </c>
      <c r="Q8741" s="75">
        <f>IF(Input!$D$19=4,J8741*Input!$C$19,0)+IF(Input!$D$20=4,K8741*Input!$C$20,0)+IF(Input!$D$21=4,L8741*Input!$C$21,0)+IF(Input!$D$22=4,M8741*Input!$C$22,0)</f>
        <v>0</v>
      </c>
      <c r="R8741" s="58">
        <v>41.353603311055501</v>
      </c>
      <c r="S8741" s="124">
        <f t="shared" si="136"/>
        <v>0.58978631421523509</v>
      </c>
    </row>
    <row r="8742" spans="8:19" x14ac:dyDescent="0.3">
      <c r="H8742" s="44">
        <v>8735</v>
      </c>
      <c r="I8742" s="56">
        <f>Bühler!I8768</f>
        <v>0.13610453404966963</v>
      </c>
      <c r="J8742" s="59">
        <f>Bühler!J8768</f>
        <v>0.45368178016556548</v>
      </c>
      <c r="K8742" s="59">
        <f>Bühler!K8768</f>
        <v>0.68052267024834823</v>
      </c>
      <c r="L8742" s="59">
        <f>Bühler!L8768</f>
        <v>6.6460201206255283</v>
      </c>
      <c r="M8742" s="58">
        <f>Bühler!M8768</f>
        <v>0</v>
      </c>
      <c r="N8742" s="56">
        <f>IF(Input!$D$19=1,J8742*Input!$C$19,0)+IF(Input!$D$20=1,K8742*Input!$C$20,0)+IF(Input!$D$21=1,L8742*Input!$C$21,0)+IF(Input!$D$22=1,M8742*Input!$C$22,0)</f>
        <v>0.13610453404966963</v>
      </c>
      <c r="O8742" s="59">
        <f>IF(Input!$D$19=2,J8742*Input!$C$19,0)+IF(Input!$D$20=2,K8742*Input!$C$20,0)+IF(Input!$D$21=2,L8742*Input!$C$21,0)+IF(Input!$D$22=2,M8742*Input!$C$22,0)</f>
        <v>0.34026133512417411</v>
      </c>
      <c r="P8742" s="59">
        <f>IF(Input!$D$19=3,J8742*Input!$C$19,0)+IF(Input!$D$20=3,K8742*Input!$C$20,0)+IF(Input!$D$21=3,L8742*Input!$C$21,0)+IF(Input!$D$22=3,M8742*Input!$C$22,0)</f>
        <v>0</v>
      </c>
      <c r="Q8742" s="75">
        <f>IF(Input!$D$19=4,J8742*Input!$C$19,0)+IF(Input!$D$20=4,K8742*Input!$C$20,0)+IF(Input!$D$21=4,L8742*Input!$C$21,0)+IF(Input!$D$22=4,M8742*Input!$C$22,0)</f>
        <v>0</v>
      </c>
      <c r="R8742" s="58">
        <v>42.297278129580349</v>
      </c>
      <c r="S8742" s="124">
        <f t="shared" si="136"/>
        <v>0.58978631421523509</v>
      </c>
    </row>
    <row r="8743" spans="8:19" x14ac:dyDescent="0.3">
      <c r="H8743" s="44">
        <v>8736</v>
      </c>
      <c r="I8743" s="56">
        <f>Bühler!I8769</f>
        <v>0.13610453404966963</v>
      </c>
      <c r="J8743" s="59">
        <f>Bühler!J8769</f>
        <v>0.45368178016556548</v>
      </c>
      <c r="K8743" s="59">
        <f>Bühler!K8769</f>
        <v>0.68052267024834823</v>
      </c>
      <c r="L8743" s="59">
        <f>Bühler!L8769</f>
        <v>6.6460201206255283</v>
      </c>
      <c r="M8743" s="58">
        <f>Bühler!M8769</f>
        <v>0</v>
      </c>
      <c r="N8743" s="56">
        <f>IF(Input!$D$19=1,J8743*Input!$C$19,0)+IF(Input!$D$20=1,K8743*Input!$C$20,0)+IF(Input!$D$21=1,L8743*Input!$C$21,0)+IF(Input!$D$22=1,M8743*Input!$C$22,0)</f>
        <v>0.13610453404966963</v>
      </c>
      <c r="O8743" s="59">
        <f>IF(Input!$D$19=2,J8743*Input!$C$19,0)+IF(Input!$D$20=2,K8743*Input!$C$20,0)+IF(Input!$D$21=2,L8743*Input!$C$21,0)+IF(Input!$D$22=2,M8743*Input!$C$22,0)</f>
        <v>0.34026133512417411</v>
      </c>
      <c r="P8743" s="59">
        <f>IF(Input!$D$19=3,J8743*Input!$C$19,0)+IF(Input!$D$20=3,K8743*Input!$C$20,0)+IF(Input!$D$21=3,L8743*Input!$C$21,0)+IF(Input!$D$22=3,M8743*Input!$C$22,0)</f>
        <v>0</v>
      </c>
      <c r="Q8743" s="75">
        <f>IF(Input!$D$19=4,J8743*Input!$C$19,0)+IF(Input!$D$20=4,K8743*Input!$C$20,0)+IF(Input!$D$21=4,L8743*Input!$C$21,0)+IF(Input!$D$22=4,M8743*Input!$C$22,0)</f>
        <v>0</v>
      </c>
      <c r="R8743" s="58">
        <v>42.785990427138501</v>
      </c>
      <c r="S8743" s="124">
        <f t="shared" si="136"/>
        <v>0.58978631421523509</v>
      </c>
    </row>
    <row r="8744" spans="8:19" x14ac:dyDescent="0.3">
      <c r="H8744" s="44">
        <v>8737</v>
      </c>
      <c r="I8744" s="56">
        <f>Bühler!I8770</f>
        <v>8.4498340636386754E-2</v>
      </c>
      <c r="J8744" s="59">
        <f>Bühler!J8770</f>
        <v>0.28166113545462251</v>
      </c>
      <c r="K8744" s="59">
        <f>Bühler!K8770</f>
        <v>0.4224917031819338</v>
      </c>
      <c r="L8744" s="59">
        <f>Bühler!L8770</f>
        <v>2.0279601752732823</v>
      </c>
      <c r="M8744" s="58">
        <f>Bühler!M8770</f>
        <v>0</v>
      </c>
      <c r="N8744" s="56">
        <f>IF(Input!$D$19=1,J8744*Input!$C$19,0)+IF(Input!$D$20=1,K8744*Input!$C$20,0)+IF(Input!$D$21=1,L8744*Input!$C$21,0)+IF(Input!$D$22=1,M8744*Input!$C$22,0)</f>
        <v>8.4498340636386754E-2</v>
      </c>
      <c r="O8744" s="59">
        <f>IF(Input!$D$19=2,J8744*Input!$C$19,0)+IF(Input!$D$20=2,K8744*Input!$C$20,0)+IF(Input!$D$21=2,L8744*Input!$C$21,0)+IF(Input!$D$22=2,M8744*Input!$C$22,0)</f>
        <v>0.2112458515909669</v>
      </c>
      <c r="P8744" s="59">
        <f>IF(Input!$D$19=3,J8744*Input!$C$19,0)+IF(Input!$D$20=3,K8744*Input!$C$20,0)+IF(Input!$D$21=3,L8744*Input!$C$21,0)+IF(Input!$D$22=3,M8744*Input!$C$22,0)</f>
        <v>0</v>
      </c>
      <c r="Q8744" s="75">
        <f>IF(Input!$D$19=4,J8744*Input!$C$19,0)+IF(Input!$D$20=4,K8744*Input!$C$20,0)+IF(Input!$D$21=4,L8744*Input!$C$21,0)+IF(Input!$D$22=4,M8744*Input!$C$22,0)</f>
        <v>0</v>
      </c>
      <c r="R8744" s="58">
        <v>39.629072813002331</v>
      </c>
      <c r="S8744" s="124">
        <f t="shared" si="136"/>
        <v>0.36615947609100929</v>
      </c>
    </row>
    <row r="8745" spans="8:19" x14ac:dyDescent="0.3">
      <c r="H8745" s="44">
        <v>8738</v>
      </c>
      <c r="I8745" s="56">
        <f>Bühler!I8771</f>
        <v>8.4498340636386754E-2</v>
      </c>
      <c r="J8745" s="59">
        <f>Bühler!J8771</f>
        <v>0.28166113545462251</v>
      </c>
      <c r="K8745" s="59">
        <f>Bühler!K8771</f>
        <v>0.4224917031819338</v>
      </c>
      <c r="L8745" s="59">
        <f>Bühler!L8771</f>
        <v>2.0279601752732823</v>
      </c>
      <c r="M8745" s="58">
        <f>Bühler!M8771</f>
        <v>0</v>
      </c>
      <c r="N8745" s="56">
        <f>IF(Input!$D$19=1,J8745*Input!$C$19,0)+IF(Input!$D$20=1,K8745*Input!$C$20,0)+IF(Input!$D$21=1,L8745*Input!$C$21,0)+IF(Input!$D$22=1,M8745*Input!$C$22,0)</f>
        <v>8.4498340636386754E-2</v>
      </c>
      <c r="O8745" s="59">
        <f>IF(Input!$D$19=2,J8745*Input!$C$19,0)+IF(Input!$D$20=2,K8745*Input!$C$20,0)+IF(Input!$D$21=2,L8745*Input!$C$21,0)+IF(Input!$D$22=2,M8745*Input!$C$22,0)</f>
        <v>0.2112458515909669</v>
      </c>
      <c r="P8745" s="59">
        <f>IF(Input!$D$19=3,J8745*Input!$C$19,0)+IF(Input!$D$20=3,K8745*Input!$C$20,0)+IF(Input!$D$21=3,L8745*Input!$C$21,0)+IF(Input!$D$22=3,M8745*Input!$C$22,0)</f>
        <v>0</v>
      </c>
      <c r="Q8745" s="75">
        <f>IF(Input!$D$19=4,J8745*Input!$C$19,0)+IF(Input!$D$20=4,K8745*Input!$C$20,0)+IF(Input!$D$21=4,L8745*Input!$C$21,0)+IF(Input!$D$22=4,M8745*Input!$C$22,0)</f>
        <v>0</v>
      </c>
      <c r="R8745" s="58">
        <v>39.796906067673135</v>
      </c>
      <c r="S8745" s="124">
        <f t="shared" si="136"/>
        <v>0.36615947609100929</v>
      </c>
    </row>
    <row r="8746" spans="8:19" x14ac:dyDescent="0.3">
      <c r="H8746" s="44">
        <v>8739</v>
      </c>
      <c r="I8746" s="56">
        <f>Bühler!I8772</f>
        <v>8.4498340636386754E-2</v>
      </c>
      <c r="J8746" s="59">
        <f>Bühler!J8772</f>
        <v>0.28166113545462251</v>
      </c>
      <c r="K8746" s="59">
        <f>Bühler!K8772</f>
        <v>0.4224917031819338</v>
      </c>
      <c r="L8746" s="59">
        <f>Bühler!L8772</f>
        <v>2.0279601752732823</v>
      </c>
      <c r="M8746" s="58">
        <f>Bühler!M8772</f>
        <v>0</v>
      </c>
      <c r="N8746" s="56">
        <f>IF(Input!$D$19=1,J8746*Input!$C$19,0)+IF(Input!$D$20=1,K8746*Input!$C$20,0)+IF(Input!$D$21=1,L8746*Input!$C$21,0)+IF(Input!$D$22=1,M8746*Input!$C$22,0)</f>
        <v>8.4498340636386754E-2</v>
      </c>
      <c r="O8746" s="59">
        <f>IF(Input!$D$19=2,J8746*Input!$C$19,0)+IF(Input!$D$20=2,K8746*Input!$C$20,0)+IF(Input!$D$21=2,L8746*Input!$C$21,0)+IF(Input!$D$22=2,M8746*Input!$C$22,0)</f>
        <v>0.2112458515909669</v>
      </c>
      <c r="P8746" s="59">
        <f>IF(Input!$D$19=3,J8746*Input!$C$19,0)+IF(Input!$D$20=3,K8746*Input!$C$20,0)+IF(Input!$D$21=3,L8746*Input!$C$21,0)+IF(Input!$D$22=3,M8746*Input!$C$22,0)</f>
        <v>0</v>
      </c>
      <c r="Q8746" s="75">
        <f>IF(Input!$D$19=4,J8746*Input!$C$19,0)+IF(Input!$D$20=4,K8746*Input!$C$20,0)+IF(Input!$D$21=4,L8746*Input!$C$21,0)+IF(Input!$D$22=4,M8746*Input!$C$22,0)</f>
        <v>0</v>
      </c>
      <c r="R8746" s="58">
        <v>39.998255518889927</v>
      </c>
      <c r="S8746" s="124">
        <f t="shared" si="136"/>
        <v>0.36615947609100929</v>
      </c>
    </row>
    <row r="8747" spans="8:19" x14ac:dyDescent="0.3">
      <c r="H8747" s="44">
        <v>8740</v>
      </c>
      <c r="I8747" s="56">
        <f>Bühler!I8773</f>
        <v>8.4498340636386754E-2</v>
      </c>
      <c r="J8747" s="59">
        <f>Bühler!J8773</f>
        <v>0.28166113545462251</v>
      </c>
      <c r="K8747" s="59">
        <f>Bühler!K8773</f>
        <v>0.4224917031819338</v>
      </c>
      <c r="L8747" s="59">
        <f>Bühler!L8773</f>
        <v>2.0279601752732823</v>
      </c>
      <c r="M8747" s="58">
        <f>Bühler!M8773</f>
        <v>0</v>
      </c>
      <c r="N8747" s="56">
        <f>IF(Input!$D$19=1,J8747*Input!$C$19,0)+IF(Input!$D$20=1,K8747*Input!$C$20,0)+IF(Input!$D$21=1,L8747*Input!$C$21,0)+IF(Input!$D$22=1,M8747*Input!$C$22,0)</f>
        <v>8.4498340636386754E-2</v>
      </c>
      <c r="O8747" s="59">
        <f>IF(Input!$D$19=2,J8747*Input!$C$19,0)+IF(Input!$D$20=2,K8747*Input!$C$20,0)+IF(Input!$D$21=2,L8747*Input!$C$21,0)+IF(Input!$D$22=2,M8747*Input!$C$22,0)</f>
        <v>0.2112458515909669</v>
      </c>
      <c r="P8747" s="59">
        <f>IF(Input!$D$19=3,J8747*Input!$C$19,0)+IF(Input!$D$20=3,K8747*Input!$C$20,0)+IF(Input!$D$21=3,L8747*Input!$C$21,0)+IF(Input!$D$22=3,M8747*Input!$C$22,0)</f>
        <v>0</v>
      </c>
      <c r="Q8747" s="75">
        <f>IF(Input!$D$19=4,J8747*Input!$C$19,0)+IF(Input!$D$20=4,K8747*Input!$C$20,0)+IF(Input!$D$21=4,L8747*Input!$C$21,0)+IF(Input!$D$22=4,M8747*Input!$C$22,0)</f>
        <v>0</v>
      </c>
      <c r="R8747" s="58">
        <v>39.773180521227033</v>
      </c>
      <c r="S8747" s="124">
        <f t="shared" si="136"/>
        <v>0.36615947609100929</v>
      </c>
    </row>
    <row r="8748" spans="8:19" x14ac:dyDescent="0.3">
      <c r="H8748" s="44">
        <v>8741</v>
      </c>
      <c r="I8748" s="56">
        <f>Bühler!I8774</f>
        <v>8.4498340636386754E-2</v>
      </c>
      <c r="J8748" s="59">
        <f>Bühler!J8774</f>
        <v>0.28166113545462251</v>
      </c>
      <c r="K8748" s="59">
        <f>Bühler!K8774</f>
        <v>0.4224917031819338</v>
      </c>
      <c r="L8748" s="59">
        <f>Bühler!L8774</f>
        <v>2.0279601752732823</v>
      </c>
      <c r="M8748" s="58">
        <f>Bühler!M8774</f>
        <v>0</v>
      </c>
      <c r="N8748" s="56">
        <f>IF(Input!$D$19=1,J8748*Input!$C$19,0)+IF(Input!$D$20=1,K8748*Input!$C$20,0)+IF(Input!$D$21=1,L8748*Input!$C$21,0)+IF(Input!$D$22=1,M8748*Input!$C$22,0)</f>
        <v>8.4498340636386754E-2</v>
      </c>
      <c r="O8748" s="59">
        <f>IF(Input!$D$19=2,J8748*Input!$C$19,0)+IF(Input!$D$20=2,K8748*Input!$C$20,0)+IF(Input!$D$21=2,L8748*Input!$C$21,0)+IF(Input!$D$22=2,M8748*Input!$C$22,0)</f>
        <v>0.2112458515909669</v>
      </c>
      <c r="P8748" s="59">
        <f>IF(Input!$D$19=3,J8748*Input!$C$19,0)+IF(Input!$D$20=3,K8748*Input!$C$20,0)+IF(Input!$D$21=3,L8748*Input!$C$21,0)+IF(Input!$D$22=3,M8748*Input!$C$22,0)</f>
        <v>0</v>
      </c>
      <c r="Q8748" s="75">
        <f>IF(Input!$D$19=4,J8748*Input!$C$19,0)+IF(Input!$D$20=4,K8748*Input!$C$20,0)+IF(Input!$D$21=4,L8748*Input!$C$21,0)+IF(Input!$D$22=4,M8748*Input!$C$22,0)</f>
        <v>0</v>
      </c>
      <c r="R8748" s="58">
        <v>39.711192213606125</v>
      </c>
      <c r="S8748" s="124">
        <f t="shared" si="136"/>
        <v>0.36615947609100929</v>
      </c>
    </row>
    <row r="8749" spans="8:19" x14ac:dyDescent="0.3">
      <c r="H8749" s="44">
        <v>8742</v>
      </c>
      <c r="I8749" s="56">
        <f>Bühler!I8775</f>
        <v>0.36615947609100929</v>
      </c>
      <c r="J8749" s="59">
        <f>Bühler!J8775</f>
        <v>1.2205315869700311</v>
      </c>
      <c r="K8749" s="59">
        <f>Bühler!K8775</f>
        <v>1.8307973804550466</v>
      </c>
      <c r="L8749" s="59">
        <f>Bühler!L8775</f>
        <v>8.787827426184224</v>
      </c>
      <c r="M8749" s="58">
        <f>Bühler!M8775</f>
        <v>0</v>
      </c>
      <c r="N8749" s="56">
        <f>IF(Input!$D$19=1,J8749*Input!$C$19,0)+IF(Input!$D$20=1,K8749*Input!$C$20,0)+IF(Input!$D$21=1,L8749*Input!$C$21,0)+IF(Input!$D$22=1,M8749*Input!$C$22,0)</f>
        <v>0.36615947609100929</v>
      </c>
      <c r="O8749" s="59">
        <f>IF(Input!$D$19=2,J8749*Input!$C$19,0)+IF(Input!$D$20=2,K8749*Input!$C$20,0)+IF(Input!$D$21=2,L8749*Input!$C$21,0)+IF(Input!$D$22=2,M8749*Input!$C$22,0)</f>
        <v>0.91539869022752329</v>
      </c>
      <c r="P8749" s="59">
        <f>IF(Input!$D$19=3,J8749*Input!$C$19,0)+IF(Input!$D$20=3,K8749*Input!$C$20,0)+IF(Input!$D$21=3,L8749*Input!$C$21,0)+IF(Input!$D$22=3,M8749*Input!$C$22,0)</f>
        <v>0</v>
      </c>
      <c r="Q8749" s="75">
        <f>IF(Input!$D$19=4,J8749*Input!$C$19,0)+IF(Input!$D$20=4,K8749*Input!$C$20,0)+IF(Input!$D$21=4,L8749*Input!$C$21,0)+IF(Input!$D$22=4,M8749*Input!$C$22,0)</f>
        <v>0</v>
      </c>
      <c r="R8749" s="58">
        <v>40.034383069342553</v>
      </c>
      <c r="S8749" s="124">
        <f t="shared" si="136"/>
        <v>1.5866910630610405</v>
      </c>
    </row>
    <row r="8750" spans="8:19" x14ac:dyDescent="0.3">
      <c r="H8750" s="44">
        <v>8743</v>
      </c>
      <c r="I8750" s="56">
        <f>Bühler!I8776</f>
        <v>0.41545017479556828</v>
      </c>
      <c r="J8750" s="59">
        <f>Bühler!J8776</f>
        <v>1.3848339159852276</v>
      </c>
      <c r="K8750" s="59">
        <f>Bühler!K8776</f>
        <v>2.0772508739778415</v>
      </c>
      <c r="L8750" s="59">
        <f>Bühler!L8776</f>
        <v>9.9708041950936384</v>
      </c>
      <c r="M8750" s="58">
        <f>Bühler!M8776</f>
        <v>0</v>
      </c>
      <c r="N8750" s="56">
        <f>IF(Input!$D$19=1,J8750*Input!$C$19,0)+IF(Input!$D$20=1,K8750*Input!$C$20,0)+IF(Input!$D$21=1,L8750*Input!$C$21,0)+IF(Input!$D$22=1,M8750*Input!$C$22,0)</f>
        <v>0.41545017479556828</v>
      </c>
      <c r="O8750" s="59">
        <f>IF(Input!$D$19=2,J8750*Input!$C$19,0)+IF(Input!$D$20=2,K8750*Input!$C$20,0)+IF(Input!$D$21=2,L8750*Input!$C$21,0)+IF(Input!$D$22=2,M8750*Input!$C$22,0)</f>
        <v>1.0386254369889207</v>
      </c>
      <c r="P8750" s="59">
        <f>IF(Input!$D$19=3,J8750*Input!$C$19,0)+IF(Input!$D$20=3,K8750*Input!$C$20,0)+IF(Input!$D$21=3,L8750*Input!$C$21,0)+IF(Input!$D$22=3,M8750*Input!$C$22,0)</f>
        <v>0</v>
      </c>
      <c r="Q8750" s="75">
        <f>IF(Input!$D$19=4,J8750*Input!$C$19,0)+IF(Input!$D$20=4,K8750*Input!$C$20,0)+IF(Input!$D$21=4,L8750*Input!$C$21,0)+IF(Input!$D$22=4,M8750*Input!$C$22,0)</f>
        <v>0</v>
      </c>
      <c r="R8750" s="58">
        <v>40.420435966034823</v>
      </c>
      <c r="S8750" s="124">
        <f t="shared" si="136"/>
        <v>1.800284090780796</v>
      </c>
    </row>
    <row r="8751" spans="8:19" x14ac:dyDescent="0.3">
      <c r="H8751" s="44">
        <v>8744</v>
      </c>
      <c r="I8751" s="56">
        <f>Bühler!I8777</f>
        <v>0.41545017479556828</v>
      </c>
      <c r="J8751" s="59">
        <f>Bühler!J8777</f>
        <v>1.3848339159852276</v>
      </c>
      <c r="K8751" s="59">
        <f>Bühler!K8777</f>
        <v>2.0772508739778415</v>
      </c>
      <c r="L8751" s="59">
        <f>Bühler!L8777</f>
        <v>9.9708041950936384</v>
      </c>
      <c r="M8751" s="58">
        <f>Bühler!M8777</f>
        <v>0</v>
      </c>
      <c r="N8751" s="56">
        <f>IF(Input!$D$19=1,J8751*Input!$C$19,0)+IF(Input!$D$20=1,K8751*Input!$C$20,0)+IF(Input!$D$21=1,L8751*Input!$C$21,0)+IF(Input!$D$22=1,M8751*Input!$C$22,0)</f>
        <v>0.41545017479556828</v>
      </c>
      <c r="O8751" s="59">
        <f>IF(Input!$D$19=2,J8751*Input!$C$19,0)+IF(Input!$D$20=2,K8751*Input!$C$20,0)+IF(Input!$D$21=2,L8751*Input!$C$21,0)+IF(Input!$D$22=2,M8751*Input!$C$22,0)</f>
        <v>1.0386254369889207</v>
      </c>
      <c r="P8751" s="59">
        <f>IF(Input!$D$19=3,J8751*Input!$C$19,0)+IF(Input!$D$20=3,K8751*Input!$C$20,0)+IF(Input!$D$21=3,L8751*Input!$C$21,0)+IF(Input!$D$22=3,M8751*Input!$C$22,0)</f>
        <v>0</v>
      </c>
      <c r="Q8751" s="75">
        <f>IF(Input!$D$19=4,J8751*Input!$C$19,0)+IF(Input!$D$20=4,K8751*Input!$C$20,0)+IF(Input!$D$21=4,L8751*Input!$C$21,0)+IF(Input!$D$22=4,M8751*Input!$C$22,0)</f>
        <v>0</v>
      </c>
      <c r="R8751" s="58">
        <v>40.237748107073152</v>
      </c>
      <c r="S8751" s="124">
        <f t="shared" si="136"/>
        <v>1.800284090780796</v>
      </c>
    </row>
    <row r="8752" spans="8:19" x14ac:dyDescent="0.3">
      <c r="H8752" s="44">
        <v>8745</v>
      </c>
      <c r="I8752" s="56">
        <f>Bühler!I8778</f>
        <v>0.41545017479556828</v>
      </c>
      <c r="J8752" s="59">
        <f>Bühler!J8778</f>
        <v>1.3848339159852276</v>
      </c>
      <c r="K8752" s="59">
        <f>Bühler!K8778</f>
        <v>2.0772508739778415</v>
      </c>
      <c r="L8752" s="59">
        <f>Bühler!L8778</f>
        <v>9.9708041950936384</v>
      </c>
      <c r="M8752" s="58">
        <f>Bühler!M8778</f>
        <v>0</v>
      </c>
      <c r="N8752" s="56">
        <f>IF(Input!$D$19=1,J8752*Input!$C$19,0)+IF(Input!$D$20=1,K8752*Input!$C$20,0)+IF(Input!$D$21=1,L8752*Input!$C$21,0)+IF(Input!$D$22=1,M8752*Input!$C$22,0)</f>
        <v>0.41545017479556828</v>
      </c>
      <c r="O8752" s="59">
        <f>IF(Input!$D$19=2,J8752*Input!$C$19,0)+IF(Input!$D$20=2,K8752*Input!$C$20,0)+IF(Input!$D$21=2,L8752*Input!$C$21,0)+IF(Input!$D$22=2,M8752*Input!$C$22,0)</f>
        <v>1.0386254369889207</v>
      </c>
      <c r="P8752" s="59">
        <f>IF(Input!$D$19=3,J8752*Input!$C$19,0)+IF(Input!$D$20=3,K8752*Input!$C$20,0)+IF(Input!$D$21=3,L8752*Input!$C$21,0)+IF(Input!$D$22=3,M8752*Input!$C$22,0)</f>
        <v>0</v>
      </c>
      <c r="Q8752" s="75">
        <f>IF(Input!$D$19=4,J8752*Input!$C$19,0)+IF(Input!$D$20=4,K8752*Input!$C$20,0)+IF(Input!$D$21=4,L8752*Input!$C$21,0)+IF(Input!$D$22=4,M8752*Input!$C$22,0)</f>
        <v>0</v>
      </c>
      <c r="R8752" s="58">
        <v>39.845615558595213</v>
      </c>
      <c r="S8752" s="124">
        <f t="shared" si="136"/>
        <v>1.800284090780796</v>
      </c>
    </row>
    <row r="8753" spans="8:19" x14ac:dyDescent="0.3">
      <c r="H8753" s="44">
        <v>8746</v>
      </c>
      <c r="I8753" s="56">
        <f>Bühler!I8779</f>
        <v>0.44361628834103051</v>
      </c>
      <c r="J8753" s="59">
        <f>Bühler!J8779</f>
        <v>1.4787209611367684</v>
      </c>
      <c r="K8753" s="59">
        <f>Bühler!K8779</f>
        <v>2.2180814417051526</v>
      </c>
      <c r="L8753" s="59">
        <f>Bühler!L8779</f>
        <v>10.646790920184733</v>
      </c>
      <c r="M8753" s="58">
        <f>Bühler!M8779</f>
        <v>0</v>
      </c>
      <c r="N8753" s="56">
        <f>IF(Input!$D$19=1,J8753*Input!$C$19,0)+IF(Input!$D$20=1,K8753*Input!$C$20,0)+IF(Input!$D$21=1,L8753*Input!$C$21,0)+IF(Input!$D$22=1,M8753*Input!$C$22,0)</f>
        <v>0.44361628834103051</v>
      </c>
      <c r="O8753" s="59">
        <f>IF(Input!$D$19=2,J8753*Input!$C$19,0)+IF(Input!$D$20=2,K8753*Input!$C$20,0)+IF(Input!$D$21=2,L8753*Input!$C$21,0)+IF(Input!$D$22=2,M8753*Input!$C$22,0)</f>
        <v>1.1090407208525763</v>
      </c>
      <c r="P8753" s="59">
        <f>IF(Input!$D$19=3,J8753*Input!$C$19,0)+IF(Input!$D$20=3,K8753*Input!$C$20,0)+IF(Input!$D$21=3,L8753*Input!$C$21,0)+IF(Input!$D$22=3,M8753*Input!$C$22,0)</f>
        <v>0</v>
      </c>
      <c r="Q8753" s="75">
        <f>IF(Input!$D$19=4,J8753*Input!$C$19,0)+IF(Input!$D$20=4,K8753*Input!$C$20,0)+IF(Input!$D$21=4,L8753*Input!$C$21,0)+IF(Input!$D$22=4,M8753*Input!$C$22,0)</f>
        <v>0</v>
      </c>
      <c r="R8753" s="58">
        <v>39.278569881308066</v>
      </c>
      <c r="S8753" s="124">
        <f t="shared" si="136"/>
        <v>1.922337249477799</v>
      </c>
    </row>
    <row r="8754" spans="8:19" x14ac:dyDescent="0.3">
      <c r="H8754" s="44">
        <v>8747</v>
      </c>
      <c r="I8754" s="56">
        <f>Bühler!I8780</f>
        <v>0.44361628834103051</v>
      </c>
      <c r="J8754" s="59">
        <f>Bühler!J8780</f>
        <v>1.4787209611367684</v>
      </c>
      <c r="K8754" s="59">
        <f>Bühler!K8780</f>
        <v>2.2180814417051526</v>
      </c>
      <c r="L8754" s="59">
        <f>Bühler!L8780</f>
        <v>10.646790920184733</v>
      </c>
      <c r="M8754" s="58">
        <f>Bühler!M8780</f>
        <v>0</v>
      </c>
      <c r="N8754" s="56">
        <f>IF(Input!$D$19=1,J8754*Input!$C$19,0)+IF(Input!$D$20=1,K8754*Input!$C$20,0)+IF(Input!$D$21=1,L8754*Input!$C$21,0)+IF(Input!$D$22=1,M8754*Input!$C$22,0)</f>
        <v>0.44361628834103051</v>
      </c>
      <c r="O8754" s="59">
        <f>IF(Input!$D$19=2,J8754*Input!$C$19,0)+IF(Input!$D$20=2,K8754*Input!$C$20,0)+IF(Input!$D$21=2,L8754*Input!$C$21,0)+IF(Input!$D$22=2,M8754*Input!$C$22,0)</f>
        <v>1.1090407208525763</v>
      </c>
      <c r="P8754" s="59">
        <f>IF(Input!$D$19=3,J8754*Input!$C$19,0)+IF(Input!$D$20=3,K8754*Input!$C$20,0)+IF(Input!$D$21=3,L8754*Input!$C$21,0)+IF(Input!$D$22=3,M8754*Input!$C$22,0)</f>
        <v>0</v>
      </c>
      <c r="Q8754" s="75">
        <f>IF(Input!$D$19=4,J8754*Input!$C$19,0)+IF(Input!$D$20=4,K8754*Input!$C$20,0)+IF(Input!$D$21=4,L8754*Input!$C$21,0)+IF(Input!$D$22=4,M8754*Input!$C$22,0)</f>
        <v>0</v>
      </c>
      <c r="R8754" s="58">
        <v>39.612485942691137</v>
      </c>
      <c r="S8754" s="124">
        <f t="shared" si="136"/>
        <v>1.922337249477799</v>
      </c>
    </row>
    <row r="8755" spans="8:19" x14ac:dyDescent="0.3">
      <c r="H8755" s="44">
        <v>8748</v>
      </c>
      <c r="I8755" s="56">
        <f>Bühler!I8781</f>
        <v>0.56332227090924514</v>
      </c>
      <c r="J8755" s="59">
        <f>Bühler!J8781</f>
        <v>1.8777409030308172</v>
      </c>
      <c r="K8755" s="59">
        <f>Bühler!K8781</f>
        <v>2.8166113545462257</v>
      </c>
      <c r="L8755" s="59">
        <f>Bühler!L8781</f>
        <v>13.519734501821882</v>
      </c>
      <c r="M8755" s="58">
        <f>Bühler!M8781</f>
        <v>0</v>
      </c>
      <c r="N8755" s="56">
        <f>IF(Input!$D$19=1,J8755*Input!$C$19,0)+IF(Input!$D$20=1,K8755*Input!$C$20,0)+IF(Input!$D$21=1,L8755*Input!$C$21,0)+IF(Input!$D$22=1,M8755*Input!$C$22,0)</f>
        <v>0.56332227090924514</v>
      </c>
      <c r="O8755" s="59">
        <f>IF(Input!$D$19=2,J8755*Input!$C$19,0)+IF(Input!$D$20=2,K8755*Input!$C$20,0)+IF(Input!$D$21=2,L8755*Input!$C$21,0)+IF(Input!$D$22=2,M8755*Input!$C$22,0)</f>
        <v>1.4083056772731128</v>
      </c>
      <c r="P8755" s="59">
        <f>IF(Input!$D$19=3,J8755*Input!$C$19,0)+IF(Input!$D$20=3,K8755*Input!$C$20,0)+IF(Input!$D$21=3,L8755*Input!$C$21,0)+IF(Input!$D$22=3,M8755*Input!$C$22,0)</f>
        <v>0</v>
      </c>
      <c r="Q8755" s="75">
        <f>IF(Input!$D$19=4,J8755*Input!$C$19,0)+IF(Input!$D$20=4,K8755*Input!$C$20,0)+IF(Input!$D$21=4,L8755*Input!$C$21,0)+IF(Input!$D$22=4,M8755*Input!$C$22,0)</f>
        <v>0</v>
      </c>
      <c r="R8755" s="58">
        <v>39.630098945107385</v>
      </c>
      <c r="S8755" s="124">
        <f t="shared" si="136"/>
        <v>2.4410631739400621</v>
      </c>
    </row>
    <row r="8756" spans="8:19" x14ac:dyDescent="0.3">
      <c r="H8756" s="44">
        <v>8749</v>
      </c>
      <c r="I8756" s="56">
        <f>Bühler!I8782</f>
        <v>0.56332227090924514</v>
      </c>
      <c r="J8756" s="59">
        <f>Bühler!J8782</f>
        <v>1.8777409030308172</v>
      </c>
      <c r="K8756" s="59">
        <f>Bühler!K8782</f>
        <v>2.8166113545462257</v>
      </c>
      <c r="L8756" s="59">
        <f>Bühler!L8782</f>
        <v>13.519734501821882</v>
      </c>
      <c r="M8756" s="58">
        <f>Bühler!M8782</f>
        <v>0</v>
      </c>
      <c r="N8756" s="56">
        <f>IF(Input!$D$19=1,J8756*Input!$C$19,0)+IF(Input!$D$20=1,K8756*Input!$C$20,0)+IF(Input!$D$21=1,L8756*Input!$C$21,0)+IF(Input!$D$22=1,M8756*Input!$C$22,0)</f>
        <v>0.56332227090924514</v>
      </c>
      <c r="O8756" s="59">
        <f>IF(Input!$D$19=2,J8756*Input!$C$19,0)+IF(Input!$D$20=2,K8756*Input!$C$20,0)+IF(Input!$D$21=2,L8756*Input!$C$21,0)+IF(Input!$D$22=2,M8756*Input!$C$22,0)</f>
        <v>1.4083056772731128</v>
      </c>
      <c r="P8756" s="59">
        <f>IF(Input!$D$19=3,J8756*Input!$C$19,0)+IF(Input!$D$20=3,K8756*Input!$C$20,0)+IF(Input!$D$21=3,L8756*Input!$C$21,0)+IF(Input!$D$22=3,M8756*Input!$C$22,0)</f>
        <v>0</v>
      </c>
      <c r="Q8756" s="75">
        <f>IF(Input!$D$19=4,J8756*Input!$C$19,0)+IF(Input!$D$20=4,K8756*Input!$C$20,0)+IF(Input!$D$21=4,L8756*Input!$C$21,0)+IF(Input!$D$22=4,M8756*Input!$C$22,0)</f>
        <v>0</v>
      </c>
      <c r="R8756" s="58">
        <v>39.690079903985833</v>
      </c>
      <c r="S8756" s="124">
        <f t="shared" si="136"/>
        <v>2.4410631739400621</v>
      </c>
    </row>
    <row r="8757" spans="8:19" x14ac:dyDescent="0.3">
      <c r="H8757" s="44">
        <v>8750</v>
      </c>
      <c r="I8757" s="56">
        <f>Bühler!I8783</f>
        <v>0.37320100447737486</v>
      </c>
      <c r="J8757" s="59">
        <f>Bühler!J8783</f>
        <v>1.2440033482579163</v>
      </c>
      <c r="K8757" s="59">
        <f>Bühler!K8783</f>
        <v>1.8660050223868743</v>
      </c>
      <c r="L8757" s="59">
        <f>Bühler!L8783</f>
        <v>8.9568241074569972</v>
      </c>
      <c r="M8757" s="58">
        <f>Bühler!M8783</f>
        <v>0</v>
      </c>
      <c r="N8757" s="56">
        <f>IF(Input!$D$19=1,J8757*Input!$C$19,0)+IF(Input!$D$20=1,K8757*Input!$C$20,0)+IF(Input!$D$21=1,L8757*Input!$C$21,0)+IF(Input!$D$22=1,M8757*Input!$C$22,0)</f>
        <v>0.37320100447737486</v>
      </c>
      <c r="O8757" s="59">
        <f>IF(Input!$D$19=2,J8757*Input!$C$19,0)+IF(Input!$D$20=2,K8757*Input!$C$20,0)+IF(Input!$D$21=2,L8757*Input!$C$21,0)+IF(Input!$D$22=2,M8757*Input!$C$22,0)</f>
        <v>0.93300251119343713</v>
      </c>
      <c r="P8757" s="59">
        <f>IF(Input!$D$19=3,J8757*Input!$C$19,0)+IF(Input!$D$20=3,K8757*Input!$C$20,0)+IF(Input!$D$21=3,L8757*Input!$C$21,0)+IF(Input!$D$22=3,M8757*Input!$C$22,0)</f>
        <v>0</v>
      </c>
      <c r="Q8757" s="75">
        <f>IF(Input!$D$19=4,J8757*Input!$C$19,0)+IF(Input!$D$20=4,K8757*Input!$C$20,0)+IF(Input!$D$21=4,L8757*Input!$C$21,0)+IF(Input!$D$22=4,M8757*Input!$C$22,0)</f>
        <v>0</v>
      </c>
      <c r="R8757" s="58">
        <v>39.706460653489408</v>
      </c>
      <c r="S8757" s="124">
        <f t="shared" si="136"/>
        <v>1.6172043527352911</v>
      </c>
    </row>
    <row r="8758" spans="8:19" x14ac:dyDescent="0.3">
      <c r="H8758" s="44">
        <v>8751</v>
      </c>
      <c r="I8758" s="56">
        <f>Bühler!I8784</f>
        <v>0.56332227090924514</v>
      </c>
      <c r="J8758" s="59">
        <f>Bühler!J8784</f>
        <v>1.8777409030308172</v>
      </c>
      <c r="K8758" s="59">
        <f>Bühler!K8784</f>
        <v>2.8166113545462257</v>
      </c>
      <c r="L8758" s="59">
        <f>Bühler!L8784</f>
        <v>13.519734501821882</v>
      </c>
      <c r="M8758" s="58">
        <f>Bühler!M8784</f>
        <v>0</v>
      </c>
      <c r="N8758" s="56">
        <f>IF(Input!$D$19=1,J8758*Input!$C$19,0)+IF(Input!$D$20=1,K8758*Input!$C$20,0)+IF(Input!$D$21=1,L8758*Input!$C$21,0)+IF(Input!$D$22=1,M8758*Input!$C$22,0)</f>
        <v>0.56332227090924514</v>
      </c>
      <c r="O8758" s="59">
        <f>IF(Input!$D$19=2,J8758*Input!$C$19,0)+IF(Input!$D$20=2,K8758*Input!$C$20,0)+IF(Input!$D$21=2,L8758*Input!$C$21,0)+IF(Input!$D$22=2,M8758*Input!$C$22,0)</f>
        <v>1.4083056772731128</v>
      </c>
      <c r="P8758" s="59">
        <f>IF(Input!$D$19=3,J8758*Input!$C$19,0)+IF(Input!$D$20=3,K8758*Input!$C$20,0)+IF(Input!$D$21=3,L8758*Input!$C$21,0)+IF(Input!$D$22=3,M8758*Input!$C$22,0)</f>
        <v>0</v>
      </c>
      <c r="Q8758" s="75">
        <f>IF(Input!$D$19=4,J8758*Input!$C$19,0)+IF(Input!$D$20=4,K8758*Input!$C$20,0)+IF(Input!$D$21=4,L8758*Input!$C$21,0)+IF(Input!$D$22=4,M8758*Input!$C$22,0)</f>
        <v>0</v>
      </c>
      <c r="R8758" s="58">
        <v>39.919834563805892</v>
      </c>
      <c r="S8758" s="124">
        <f t="shared" si="136"/>
        <v>2.4410631739400621</v>
      </c>
    </row>
    <row r="8759" spans="8:19" x14ac:dyDescent="0.3">
      <c r="H8759" s="44">
        <v>8752</v>
      </c>
      <c r="I8759" s="56">
        <f>Bühler!I8785</f>
        <v>0.56332227090924514</v>
      </c>
      <c r="J8759" s="59">
        <f>Bühler!J8785</f>
        <v>1.8777409030308172</v>
      </c>
      <c r="K8759" s="59">
        <f>Bühler!K8785</f>
        <v>2.8166113545462257</v>
      </c>
      <c r="L8759" s="59">
        <f>Bühler!L8785</f>
        <v>13.519734501821882</v>
      </c>
      <c r="M8759" s="58">
        <f>Bühler!M8785</f>
        <v>0</v>
      </c>
      <c r="N8759" s="56">
        <f>IF(Input!$D$19=1,J8759*Input!$C$19,0)+IF(Input!$D$20=1,K8759*Input!$C$20,0)+IF(Input!$D$21=1,L8759*Input!$C$21,0)+IF(Input!$D$22=1,M8759*Input!$C$22,0)</f>
        <v>0.56332227090924514</v>
      </c>
      <c r="O8759" s="59">
        <f>IF(Input!$D$19=2,J8759*Input!$C$19,0)+IF(Input!$D$20=2,K8759*Input!$C$20,0)+IF(Input!$D$21=2,L8759*Input!$C$21,0)+IF(Input!$D$22=2,M8759*Input!$C$22,0)</f>
        <v>1.4083056772731128</v>
      </c>
      <c r="P8759" s="59">
        <f>IF(Input!$D$19=3,J8759*Input!$C$19,0)+IF(Input!$D$20=3,K8759*Input!$C$20,0)+IF(Input!$D$21=3,L8759*Input!$C$21,0)+IF(Input!$D$22=3,M8759*Input!$C$22,0)</f>
        <v>0</v>
      </c>
      <c r="Q8759" s="75">
        <f>IF(Input!$D$19=4,J8759*Input!$C$19,0)+IF(Input!$D$20=4,K8759*Input!$C$20,0)+IF(Input!$D$21=4,L8759*Input!$C$21,0)+IF(Input!$D$22=4,M8759*Input!$C$22,0)</f>
        <v>0</v>
      </c>
      <c r="R8759" s="58">
        <v>39.805573870309466</v>
      </c>
      <c r="S8759" s="124">
        <f t="shared" si="136"/>
        <v>2.4410631739400621</v>
      </c>
    </row>
    <row r="8760" spans="8:19" x14ac:dyDescent="0.3">
      <c r="H8760" s="44">
        <v>8753</v>
      </c>
      <c r="I8760" s="56">
        <f>Bühler!I8786</f>
        <v>0.56332227090924514</v>
      </c>
      <c r="J8760" s="59">
        <f>Bühler!J8786</f>
        <v>1.8777409030308172</v>
      </c>
      <c r="K8760" s="59">
        <f>Bühler!K8786</f>
        <v>2.8166113545462257</v>
      </c>
      <c r="L8760" s="59">
        <f>Bühler!L8786</f>
        <v>13.519734501821882</v>
      </c>
      <c r="M8760" s="58">
        <f>Bühler!M8786</f>
        <v>0</v>
      </c>
      <c r="N8760" s="56">
        <f>IF(Input!$D$19=1,J8760*Input!$C$19,0)+IF(Input!$D$20=1,K8760*Input!$C$20,0)+IF(Input!$D$21=1,L8760*Input!$C$21,0)+IF(Input!$D$22=1,M8760*Input!$C$22,0)</f>
        <v>0.56332227090924514</v>
      </c>
      <c r="O8760" s="59">
        <f>IF(Input!$D$19=2,J8760*Input!$C$19,0)+IF(Input!$D$20=2,K8760*Input!$C$20,0)+IF(Input!$D$21=2,L8760*Input!$C$21,0)+IF(Input!$D$22=2,M8760*Input!$C$22,0)</f>
        <v>1.4083056772731128</v>
      </c>
      <c r="P8760" s="59">
        <f>IF(Input!$D$19=3,J8760*Input!$C$19,0)+IF(Input!$D$20=3,K8760*Input!$C$20,0)+IF(Input!$D$21=3,L8760*Input!$C$21,0)+IF(Input!$D$22=3,M8760*Input!$C$22,0)</f>
        <v>0</v>
      </c>
      <c r="Q8760" s="75">
        <f>IF(Input!$D$19=4,J8760*Input!$C$19,0)+IF(Input!$D$20=4,K8760*Input!$C$20,0)+IF(Input!$D$21=4,L8760*Input!$C$21,0)+IF(Input!$D$22=4,M8760*Input!$C$22,0)</f>
        <v>0</v>
      </c>
      <c r="R8760" s="58">
        <v>39.798287385019904</v>
      </c>
      <c r="S8760" s="124">
        <f t="shared" si="136"/>
        <v>2.4410631739400621</v>
      </c>
    </row>
    <row r="8761" spans="8:19" x14ac:dyDescent="0.3">
      <c r="H8761" s="44">
        <v>8754</v>
      </c>
      <c r="I8761" s="56">
        <f>Bühler!I8787</f>
        <v>0.56332227090924514</v>
      </c>
      <c r="J8761" s="59">
        <f>Bühler!J8787</f>
        <v>1.8777409030308172</v>
      </c>
      <c r="K8761" s="59">
        <f>Bühler!K8787</f>
        <v>2.8166113545462257</v>
      </c>
      <c r="L8761" s="59">
        <f>Bühler!L8787</f>
        <v>13.519734501821882</v>
      </c>
      <c r="M8761" s="58">
        <f>Bühler!M8787</f>
        <v>0</v>
      </c>
      <c r="N8761" s="56">
        <f>IF(Input!$D$19=1,J8761*Input!$C$19,0)+IF(Input!$D$20=1,K8761*Input!$C$20,0)+IF(Input!$D$21=1,L8761*Input!$C$21,0)+IF(Input!$D$22=1,M8761*Input!$C$22,0)</f>
        <v>0.56332227090924514</v>
      </c>
      <c r="O8761" s="59">
        <f>IF(Input!$D$19=2,J8761*Input!$C$19,0)+IF(Input!$D$20=2,K8761*Input!$C$20,0)+IF(Input!$D$21=2,L8761*Input!$C$21,0)+IF(Input!$D$22=2,M8761*Input!$C$22,0)</f>
        <v>1.4083056772731128</v>
      </c>
      <c r="P8761" s="59">
        <f>IF(Input!$D$19=3,J8761*Input!$C$19,0)+IF(Input!$D$20=3,K8761*Input!$C$20,0)+IF(Input!$D$21=3,L8761*Input!$C$21,0)+IF(Input!$D$22=3,M8761*Input!$C$22,0)</f>
        <v>0</v>
      </c>
      <c r="Q8761" s="75">
        <f>IF(Input!$D$19=4,J8761*Input!$C$19,0)+IF(Input!$D$20=4,K8761*Input!$C$20,0)+IF(Input!$D$21=4,L8761*Input!$C$21,0)+IF(Input!$D$22=4,M8761*Input!$C$22,0)</f>
        <v>0</v>
      </c>
      <c r="R8761" s="58">
        <v>40.251240085912741</v>
      </c>
      <c r="S8761" s="124">
        <f t="shared" si="136"/>
        <v>2.4410631739400621</v>
      </c>
    </row>
    <row r="8762" spans="8:19" x14ac:dyDescent="0.3">
      <c r="H8762" s="44">
        <v>8755</v>
      </c>
      <c r="I8762" s="56">
        <f>Bühler!I8788</f>
        <v>0.56332227090924514</v>
      </c>
      <c r="J8762" s="59">
        <f>Bühler!J8788</f>
        <v>1.8777409030308172</v>
      </c>
      <c r="K8762" s="59">
        <f>Bühler!K8788</f>
        <v>2.8166113545462257</v>
      </c>
      <c r="L8762" s="59">
        <f>Bühler!L8788</f>
        <v>13.519734501821882</v>
      </c>
      <c r="M8762" s="58">
        <f>Bühler!M8788</f>
        <v>0</v>
      </c>
      <c r="N8762" s="56">
        <f>IF(Input!$D$19=1,J8762*Input!$C$19,0)+IF(Input!$D$20=1,K8762*Input!$C$20,0)+IF(Input!$D$21=1,L8762*Input!$C$21,0)+IF(Input!$D$22=1,M8762*Input!$C$22,0)</f>
        <v>0.56332227090924514</v>
      </c>
      <c r="O8762" s="59">
        <f>IF(Input!$D$19=2,J8762*Input!$C$19,0)+IF(Input!$D$20=2,K8762*Input!$C$20,0)+IF(Input!$D$21=2,L8762*Input!$C$21,0)+IF(Input!$D$22=2,M8762*Input!$C$22,0)</f>
        <v>1.4083056772731128</v>
      </c>
      <c r="P8762" s="59">
        <f>IF(Input!$D$19=3,J8762*Input!$C$19,0)+IF(Input!$D$20=3,K8762*Input!$C$20,0)+IF(Input!$D$21=3,L8762*Input!$C$21,0)+IF(Input!$D$22=3,M8762*Input!$C$22,0)</f>
        <v>0</v>
      </c>
      <c r="Q8762" s="75">
        <f>IF(Input!$D$19=4,J8762*Input!$C$19,0)+IF(Input!$D$20=4,K8762*Input!$C$20,0)+IF(Input!$D$21=4,L8762*Input!$C$21,0)+IF(Input!$D$22=4,M8762*Input!$C$22,0)</f>
        <v>0</v>
      </c>
      <c r="R8762" s="58">
        <v>40.200927701208123</v>
      </c>
      <c r="S8762" s="124">
        <f t="shared" si="136"/>
        <v>2.4410631739400621</v>
      </c>
    </row>
    <row r="8763" spans="8:19" x14ac:dyDescent="0.3">
      <c r="H8763" s="44">
        <v>8756</v>
      </c>
      <c r="I8763" s="56">
        <f>Bühler!I8789</f>
        <v>0.47178240188649279</v>
      </c>
      <c r="J8763" s="59">
        <f>Bühler!J8789</f>
        <v>1.5726080062883094</v>
      </c>
      <c r="K8763" s="59">
        <f>Bühler!K8789</f>
        <v>2.3589120094324638</v>
      </c>
      <c r="L8763" s="59">
        <f>Bühler!L8789</f>
        <v>11.322777645275828</v>
      </c>
      <c r="M8763" s="58">
        <f>Bühler!M8789</f>
        <v>0</v>
      </c>
      <c r="N8763" s="56">
        <f>IF(Input!$D$19=1,J8763*Input!$C$19,0)+IF(Input!$D$20=1,K8763*Input!$C$20,0)+IF(Input!$D$21=1,L8763*Input!$C$21,0)+IF(Input!$D$22=1,M8763*Input!$C$22,0)</f>
        <v>0.47178240188649279</v>
      </c>
      <c r="O8763" s="59">
        <f>IF(Input!$D$19=2,J8763*Input!$C$19,0)+IF(Input!$D$20=2,K8763*Input!$C$20,0)+IF(Input!$D$21=2,L8763*Input!$C$21,0)+IF(Input!$D$22=2,M8763*Input!$C$22,0)</f>
        <v>1.1794560047162319</v>
      </c>
      <c r="P8763" s="59">
        <f>IF(Input!$D$19=3,J8763*Input!$C$19,0)+IF(Input!$D$20=3,K8763*Input!$C$20,0)+IF(Input!$D$21=3,L8763*Input!$C$21,0)+IF(Input!$D$22=3,M8763*Input!$C$22,0)</f>
        <v>0</v>
      </c>
      <c r="Q8763" s="75">
        <f>IF(Input!$D$19=4,J8763*Input!$C$19,0)+IF(Input!$D$20=4,K8763*Input!$C$20,0)+IF(Input!$D$21=4,L8763*Input!$C$21,0)+IF(Input!$D$22=4,M8763*Input!$C$22,0)</f>
        <v>0</v>
      </c>
      <c r="R8763" s="58">
        <v>39.974565257564464</v>
      </c>
      <c r="S8763" s="124">
        <f t="shared" si="136"/>
        <v>2.0443904081748023</v>
      </c>
    </row>
    <row r="8764" spans="8:19" x14ac:dyDescent="0.3">
      <c r="H8764" s="44">
        <v>8757</v>
      </c>
      <c r="I8764" s="56">
        <f>Bühler!I8790</f>
        <v>0.38728406125010595</v>
      </c>
      <c r="J8764" s="59">
        <f>Bühler!J8790</f>
        <v>1.2909468708336866</v>
      </c>
      <c r="K8764" s="59">
        <f>Bühler!K8790</f>
        <v>1.9364203062505296</v>
      </c>
      <c r="L8764" s="59">
        <f>Bühler!L8790</f>
        <v>9.2948174700025419</v>
      </c>
      <c r="M8764" s="58">
        <f>Bühler!M8790</f>
        <v>0</v>
      </c>
      <c r="N8764" s="56">
        <f>IF(Input!$D$19=1,J8764*Input!$C$19,0)+IF(Input!$D$20=1,K8764*Input!$C$20,0)+IF(Input!$D$21=1,L8764*Input!$C$21,0)+IF(Input!$D$22=1,M8764*Input!$C$22,0)</f>
        <v>0.387284061250106</v>
      </c>
      <c r="O8764" s="59">
        <f>IF(Input!$D$19=2,J8764*Input!$C$19,0)+IF(Input!$D$20=2,K8764*Input!$C$20,0)+IF(Input!$D$21=2,L8764*Input!$C$21,0)+IF(Input!$D$22=2,M8764*Input!$C$22,0)</f>
        <v>0.96821015312526482</v>
      </c>
      <c r="P8764" s="59">
        <f>IF(Input!$D$19=3,J8764*Input!$C$19,0)+IF(Input!$D$20=3,K8764*Input!$C$20,0)+IF(Input!$D$21=3,L8764*Input!$C$21,0)+IF(Input!$D$22=3,M8764*Input!$C$22,0)</f>
        <v>0</v>
      </c>
      <c r="Q8764" s="75">
        <f>IF(Input!$D$19=4,J8764*Input!$C$19,0)+IF(Input!$D$20=4,K8764*Input!$C$20,0)+IF(Input!$D$21=4,L8764*Input!$C$21,0)+IF(Input!$D$22=4,M8764*Input!$C$22,0)</f>
        <v>0</v>
      </c>
      <c r="R8764" s="58">
        <v>40.599430812483085</v>
      </c>
      <c r="S8764" s="124">
        <f t="shared" si="136"/>
        <v>1.6782309320837925</v>
      </c>
    </row>
    <row r="8765" spans="8:19" x14ac:dyDescent="0.3">
      <c r="H8765" s="44">
        <v>8758</v>
      </c>
      <c r="I8765" s="56">
        <f>Bühler!I8791</f>
        <v>0.28166113545462257</v>
      </c>
      <c r="J8765" s="59">
        <f>Bühler!J8791</f>
        <v>0.9388704515154086</v>
      </c>
      <c r="K8765" s="59">
        <f>Bühler!K8791</f>
        <v>1.4083056772731128</v>
      </c>
      <c r="L8765" s="59">
        <f>Bühler!L8791</f>
        <v>6.7598672509109408</v>
      </c>
      <c r="M8765" s="58">
        <f>Bühler!M8791</f>
        <v>0</v>
      </c>
      <c r="N8765" s="56">
        <f>IF(Input!$D$19=1,J8765*Input!$C$19,0)+IF(Input!$D$20=1,K8765*Input!$C$20,0)+IF(Input!$D$21=1,L8765*Input!$C$21,0)+IF(Input!$D$22=1,M8765*Input!$C$22,0)</f>
        <v>0.28166113545462257</v>
      </c>
      <c r="O8765" s="59">
        <f>IF(Input!$D$19=2,J8765*Input!$C$19,0)+IF(Input!$D$20=2,K8765*Input!$C$20,0)+IF(Input!$D$21=2,L8765*Input!$C$21,0)+IF(Input!$D$22=2,M8765*Input!$C$22,0)</f>
        <v>0.70415283863655642</v>
      </c>
      <c r="P8765" s="59">
        <f>IF(Input!$D$19=3,J8765*Input!$C$19,0)+IF(Input!$D$20=3,K8765*Input!$C$20,0)+IF(Input!$D$21=3,L8765*Input!$C$21,0)+IF(Input!$D$22=3,M8765*Input!$C$22,0)</f>
        <v>0</v>
      </c>
      <c r="Q8765" s="75">
        <f>IF(Input!$D$19=4,J8765*Input!$C$19,0)+IF(Input!$D$20=4,K8765*Input!$C$20,0)+IF(Input!$D$21=4,L8765*Input!$C$21,0)+IF(Input!$D$22=4,M8765*Input!$C$22,0)</f>
        <v>0</v>
      </c>
      <c r="R8765" s="58">
        <v>41.353603311055501</v>
      </c>
      <c r="S8765" s="124">
        <f t="shared" si="136"/>
        <v>1.2205315869700311</v>
      </c>
    </row>
    <row r="8766" spans="8:19" x14ac:dyDescent="0.3">
      <c r="H8766" s="44">
        <v>8759</v>
      </c>
      <c r="I8766" s="56">
        <f>Bühler!I8792</f>
        <v>0.26757807868189143</v>
      </c>
      <c r="J8766" s="59">
        <f>Bühler!J8792</f>
        <v>0.8919269289396381</v>
      </c>
      <c r="K8766" s="59">
        <f>Bühler!K8792</f>
        <v>1.337890393409457</v>
      </c>
      <c r="L8766" s="59">
        <f>Bühler!L8792</f>
        <v>6.4218738883653934</v>
      </c>
      <c r="M8766" s="58">
        <f>Bühler!M8792</f>
        <v>0</v>
      </c>
      <c r="N8766" s="56">
        <f>IF(Input!$D$19=1,J8766*Input!$C$19,0)+IF(Input!$D$20=1,K8766*Input!$C$20,0)+IF(Input!$D$21=1,L8766*Input!$C$21,0)+IF(Input!$D$22=1,M8766*Input!$C$22,0)</f>
        <v>0.26757807868189143</v>
      </c>
      <c r="O8766" s="59">
        <f>IF(Input!$D$19=2,J8766*Input!$C$19,0)+IF(Input!$D$20=2,K8766*Input!$C$20,0)+IF(Input!$D$21=2,L8766*Input!$C$21,0)+IF(Input!$D$22=2,M8766*Input!$C$22,0)</f>
        <v>0.66894519670472852</v>
      </c>
      <c r="P8766" s="59">
        <f>IF(Input!$D$19=3,J8766*Input!$C$19,0)+IF(Input!$D$20=3,K8766*Input!$C$20,0)+IF(Input!$D$21=3,L8766*Input!$C$21,0)+IF(Input!$D$22=3,M8766*Input!$C$22,0)</f>
        <v>0</v>
      </c>
      <c r="Q8766" s="75">
        <f>IF(Input!$D$19=4,J8766*Input!$C$19,0)+IF(Input!$D$20=4,K8766*Input!$C$20,0)+IF(Input!$D$21=4,L8766*Input!$C$21,0)+IF(Input!$D$22=4,M8766*Input!$C$22,0)</f>
        <v>0</v>
      </c>
      <c r="R8766" s="58">
        <v>42.297278129580349</v>
      </c>
      <c r="S8766" s="124">
        <f t="shared" si="136"/>
        <v>1.1595050076215294</v>
      </c>
    </row>
    <row r="8767" spans="8:19" ht="15" thickBot="1" x14ac:dyDescent="0.35">
      <c r="H8767" s="44">
        <v>8760</v>
      </c>
      <c r="I8767" s="60">
        <f>Bühler!I8793</f>
        <v>0.26757807868189143</v>
      </c>
      <c r="J8767" s="62">
        <f>Bühler!J8793</f>
        <v>0.8919269289396381</v>
      </c>
      <c r="K8767" s="62">
        <f>Bühler!K8793</f>
        <v>1.337890393409457</v>
      </c>
      <c r="L8767" s="62">
        <f>Bühler!L8793</f>
        <v>6.4218738883653934</v>
      </c>
      <c r="M8767" s="61">
        <f>Bühler!M8793</f>
        <v>0</v>
      </c>
      <c r="N8767" s="60">
        <f>IF(Input!$D$19=1,J8767*Input!$C$19,0)+IF(Input!$D$20=1,K8767*Input!$C$20,0)+IF(Input!$D$21=1,L8767*Input!$C$21,0)+IF(Input!$D$22=1,M8767*Input!$C$22,0)</f>
        <v>0.26757807868189143</v>
      </c>
      <c r="O8767" s="62">
        <f>IF(Input!$D$19=2,J8767*Input!$C$19,0)+IF(Input!$D$20=2,K8767*Input!$C$20,0)+IF(Input!$D$21=2,L8767*Input!$C$21,0)+IF(Input!$D$22=2,M8767*Input!$C$22,0)</f>
        <v>0.66894519670472852</v>
      </c>
      <c r="P8767" s="62">
        <f>IF(Input!$D$19=3,J8767*Input!$C$19,0)+IF(Input!$D$20=3,K8767*Input!$C$20,0)+IF(Input!$D$21=3,L8767*Input!$C$21,0)+IF(Input!$D$22=3,M8767*Input!$C$22,0)</f>
        <v>0</v>
      </c>
      <c r="Q8767" s="76">
        <f>IF(Input!$D$19=4,J8767*Input!$C$19,0)+IF(Input!$D$20=4,K8767*Input!$C$20,0)+IF(Input!$D$21=4,L8767*Input!$C$21,0)+IF(Input!$D$22=4,M8767*Input!$C$22,0)</f>
        <v>0</v>
      </c>
      <c r="R8767" s="61">
        <v>42.785990427138501</v>
      </c>
      <c r="S8767" s="124">
        <f t="shared" si="136"/>
        <v>1.1595050076215294</v>
      </c>
    </row>
  </sheetData>
  <mergeCells count="2">
    <mergeCell ref="N6:Q6"/>
    <mergeCell ref="I6:M6"/>
  </mergeCells>
  <phoneticPr fontId="10" type="noConversion"/>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9F53BC1-FB2E-42F6-AB4C-0D03FDB5EE70}">
  <dimension ref="A1:AD394"/>
  <sheetViews>
    <sheetView tabSelected="1" zoomScale="85" zoomScaleNormal="85" workbookViewId="0">
      <selection activeCell="I27" sqref="I27"/>
    </sheetView>
  </sheetViews>
  <sheetFormatPr defaultColWidth="8.88671875" defaultRowHeight="14.4" x14ac:dyDescent="0.3"/>
  <cols>
    <col min="1" max="1" width="8.88671875" style="43"/>
    <col min="2" max="2" width="18.33203125" style="43" customWidth="1"/>
    <col min="3" max="3" width="20.44140625" style="43" bestFit="1" customWidth="1"/>
    <col min="4" max="4" width="21.6640625" style="43" bestFit="1" customWidth="1"/>
    <col min="5" max="5" width="16.77734375" style="43" bestFit="1" customWidth="1"/>
    <col min="6" max="6" width="12.77734375" style="43" customWidth="1"/>
    <col min="7" max="7" width="18.33203125" style="43" customWidth="1"/>
    <col min="8" max="8" width="4.88671875" style="43" customWidth="1"/>
    <col min="9" max="9" width="26.44140625" style="43" bestFit="1" customWidth="1"/>
    <col min="10" max="10" width="19.5546875" style="43" bestFit="1" customWidth="1"/>
    <col min="11" max="11" width="31.88671875" style="43" customWidth="1"/>
    <col min="12" max="12" width="12.109375" style="43" bestFit="1" customWidth="1"/>
    <col min="13" max="17" width="8.88671875" style="43"/>
    <col min="18" max="18" width="12.109375" style="43" bestFit="1" customWidth="1"/>
    <col min="19" max="22" width="8.88671875" style="43"/>
    <col min="23" max="23" width="12.77734375" style="43" customWidth="1"/>
    <col min="24" max="24" width="12.109375" style="43" bestFit="1" customWidth="1"/>
    <col min="25" max="33" width="8.88671875" style="43"/>
    <col min="34" max="34" width="11" style="43" bestFit="1" customWidth="1"/>
    <col min="35" max="16384" width="8.88671875" style="43"/>
  </cols>
  <sheetData>
    <row r="1" spans="1:30" ht="14.4" customHeight="1" x14ac:dyDescent="0.3">
      <c r="A1" s="95"/>
      <c r="B1" s="96"/>
      <c r="C1" s="96"/>
      <c r="D1" s="187" t="s">
        <v>71</v>
      </c>
      <c r="E1" s="196" t="s">
        <v>155</v>
      </c>
      <c r="F1" s="197"/>
      <c r="G1" s="197"/>
      <c r="H1" s="198"/>
      <c r="L1" s="95"/>
      <c r="M1" s="96"/>
      <c r="N1" s="96"/>
      <c r="O1" s="96"/>
      <c r="P1" s="96"/>
      <c r="Q1" s="96"/>
      <c r="R1" s="96"/>
      <c r="S1" s="96"/>
      <c r="T1" s="96"/>
      <c r="U1" s="96"/>
      <c r="V1" s="96"/>
      <c r="W1" s="96"/>
      <c r="X1" s="96"/>
      <c r="Y1" s="96"/>
      <c r="Z1" s="96"/>
      <c r="AA1" s="96"/>
      <c r="AB1" s="96"/>
      <c r="AC1" s="97"/>
    </row>
    <row r="2" spans="1:30" x14ac:dyDescent="0.3">
      <c r="A2" s="86"/>
      <c r="B2" s="185"/>
      <c r="C2" s="185"/>
      <c r="D2" s="188">
        <v>0.7</v>
      </c>
      <c r="E2" s="194"/>
      <c r="F2" s="195"/>
      <c r="G2" s="195"/>
      <c r="H2" s="199"/>
      <c r="L2" s="86"/>
      <c r="M2" s="185"/>
      <c r="N2" s="185"/>
      <c r="O2" s="185"/>
      <c r="P2" s="185"/>
      <c r="Q2" s="185"/>
      <c r="R2" s="185"/>
      <c r="S2" s="185"/>
      <c r="T2" s="185"/>
      <c r="U2" s="185"/>
      <c r="V2" s="185"/>
      <c r="W2" s="185"/>
      <c r="X2" s="185"/>
      <c r="Y2" s="185"/>
      <c r="Z2" s="185"/>
      <c r="AA2" s="185"/>
      <c r="AB2" s="185"/>
      <c r="AC2" s="87"/>
    </row>
    <row r="3" spans="1:30" s="44" customFormat="1" ht="29.4" customHeight="1" thickBot="1" x14ac:dyDescent="0.35">
      <c r="A3" s="66"/>
      <c r="B3" s="189" t="s">
        <v>11</v>
      </c>
      <c r="C3" s="190" t="s">
        <v>12</v>
      </c>
      <c r="D3" s="189" t="s">
        <v>13</v>
      </c>
      <c r="E3" s="189" t="s">
        <v>56</v>
      </c>
      <c r="F3" s="225" t="s">
        <v>93</v>
      </c>
      <c r="G3" s="225"/>
      <c r="H3" s="98"/>
      <c r="J3" s="139" t="s">
        <v>129</v>
      </c>
      <c r="K3" s="47"/>
      <c r="L3" s="66"/>
      <c r="M3" s="186"/>
      <c r="N3" s="186"/>
      <c r="O3" s="186"/>
      <c r="P3" s="186"/>
      <c r="Q3" s="186"/>
      <c r="R3" s="186"/>
      <c r="S3" s="186"/>
      <c r="T3" s="186"/>
      <c r="U3" s="186"/>
      <c r="V3" s="186"/>
      <c r="W3" s="186"/>
      <c r="X3" s="186"/>
      <c r="Y3" s="186"/>
      <c r="Z3" s="186"/>
      <c r="AA3" s="186"/>
      <c r="AB3" s="186"/>
      <c r="AC3" s="98"/>
      <c r="AD3" s="98"/>
    </row>
    <row r="4" spans="1:30" ht="15" thickBot="1" x14ac:dyDescent="0.35">
      <c r="A4" s="86"/>
      <c r="B4" s="220">
        <v>0</v>
      </c>
      <c r="C4" s="226">
        <v>0.4</v>
      </c>
      <c r="D4" s="227">
        <v>0.1</v>
      </c>
      <c r="E4" s="228" t="s">
        <v>42</v>
      </c>
      <c r="F4" s="64" t="s">
        <v>36</v>
      </c>
      <c r="G4" s="217">
        <v>0</v>
      </c>
      <c r="H4" s="191" t="str">
        <f>IF(AND(E4=Bühler!$B$3,D4&lt;&gt;0),"weekend-share must be 0% when 1-shift is selected","")</f>
        <v/>
      </c>
      <c r="L4" s="86"/>
      <c r="M4" s="185"/>
      <c r="N4" s="185"/>
      <c r="O4" s="185"/>
      <c r="P4" s="185"/>
      <c r="Q4" s="185"/>
      <c r="R4" s="185"/>
      <c r="S4" s="185"/>
      <c r="T4" s="185"/>
      <c r="U4" s="185"/>
      <c r="V4" s="185"/>
      <c r="W4" s="185"/>
      <c r="X4" s="185"/>
      <c r="Y4" s="185"/>
      <c r="Z4" s="185"/>
      <c r="AA4" s="185"/>
      <c r="AB4" s="185"/>
      <c r="AC4" s="87"/>
    </row>
    <row r="5" spans="1:30" x14ac:dyDescent="0.3">
      <c r="A5" s="86"/>
      <c r="B5" s="221">
        <v>1</v>
      </c>
      <c r="C5" s="223">
        <v>0</v>
      </c>
      <c r="D5" s="223">
        <v>0.25</v>
      </c>
      <c r="E5" s="224" t="s">
        <v>41</v>
      </c>
      <c r="F5" s="186" t="s">
        <v>35</v>
      </c>
      <c r="G5" s="218">
        <v>0.25</v>
      </c>
      <c r="H5" s="191" t="str">
        <f>IF(AND(E5=Bühler!$B$3,D5&lt;&gt;0),"weekend-share must be 0% when 1-shift is selected","")</f>
        <v/>
      </c>
      <c r="J5" s="214" t="s">
        <v>135</v>
      </c>
      <c r="L5" s="86"/>
      <c r="M5" s="185"/>
      <c r="N5" s="185"/>
      <c r="O5" s="185"/>
      <c r="P5" s="185"/>
      <c r="Q5" s="185"/>
      <c r="R5" s="185"/>
      <c r="S5" s="185"/>
      <c r="T5" s="185"/>
      <c r="U5" s="185"/>
      <c r="V5" s="185"/>
      <c r="W5" s="185"/>
      <c r="X5" s="185"/>
      <c r="Y5" s="185"/>
      <c r="Z5" s="185"/>
      <c r="AA5" s="185"/>
      <c r="AB5" s="185"/>
      <c r="AC5" s="87"/>
    </row>
    <row r="6" spans="1:30" x14ac:dyDescent="0.3">
      <c r="A6" s="86"/>
      <c r="B6" s="221">
        <v>2</v>
      </c>
      <c r="C6" s="223">
        <v>0.5</v>
      </c>
      <c r="D6" s="223">
        <v>0.25</v>
      </c>
      <c r="E6" s="224" t="s">
        <v>41</v>
      </c>
      <c r="F6" s="186" t="s">
        <v>34</v>
      </c>
      <c r="G6" s="218">
        <v>0.25</v>
      </c>
      <c r="H6" s="191" t="str">
        <f>IF(AND(E6=Bühler!$B$3,D6&lt;&gt;0),"weekend-share must be 0% when 1-shift is selected","")</f>
        <v/>
      </c>
      <c r="J6" s="215"/>
      <c r="L6" s="86"/>
      <c r="M6" s="185"/>
      <c r="N6" s="185"/>
      <c r="O6" s="185"/>
      <c r="P6" s="185"/>
      <c r="Q6" s="185"/>
      <c r="R6" s="185"/>
      <c r="S6" s="185"/>
      <c r="T6" s="185"/>
      <c r="U6" s="185"/>
      <c r="V6" s="185"/>
      <c r="W6" s="185"/>
      <c r="X6" s="185"/>
      <c r="Y6" s="185"/>
      <c r="Z6" s="185"/>
      <c r="AA6" s="185"/>
      <c r="AB6" s="185"/>
      <c r="AC6" s="87"/>
    </row>
    <row r="7" spans="1:30" ht="15" thickBot="1" x14ac:dyDescent="0.35">
      <c r="A7" s="86"/>
      <c r="B7" s="221">
        <v>3</v>
      </c>
      <c r="C7" s="223">
        <v>0.1</v>
      </c>
      <c r="D7" s="223">
        <v>0.25</v>
      </c>
      <c r="E7" s="224" t="s">
        <v>42</v>
      </c>
      <c r="F7" s="186" t="s">
        <v>33</v>
      </c>
      <c r="G7" s="218">
        <v>0.25</v>
      </c>
      <c r="H7" s="191" t="str">
        <f>IF(AND(E7=Bühler!$B$3,D7&lt;&gt;0),"weekend-share must be 0% when 1-shift is selected","")</f>
        <v/>
      </c>
      <c r="J7" s="216"/>
      <c r="L7" s="86"/>
      <c r="M7" s="185"/>
      <c r="N7" s="185"/>
      <c r="O7" s="185"/>
      <c r="P7" s="185"/>
      <c r="Q7" s="185"/>
      <c r="R7" s="185"/>
      <c r="S7" s="185"/>
      <c r="T7" s="185"/>
      <c r="U7" s="185"/>
      <c r="V7" s="185"/>
      <c r="W7" s="185"/>
      <c r="X7" s="185"/>
      <c r="Y7" s="185"/>
      <c r="Z7" s="185"/>
      <c r="AA7" s="185"/>
      <c r="AB7" s="185"/>
      <c r="AC7" s="87"/>
    </row>
    <row r="8" spans="1:30" ht="15" thickBot="1" x14ac:dyDescent="0.35">
      <c r="A8" s="86"/>
      <c r="B8" s="222">
        <v>4</v>
      </c>
      <c r="C8" s="229" t="s">
        <v>55</v>
      </c>
      <c r="D8" s="230">
        <v>0.15</v>
      </c>
      <c r="E8" s="231" t="s">
        <v>42</v>
      </c>
      <c r="F8" s="69" t="s">
        <v>32</v>
      </c>
      <c r="G8" s="219">
        <v>0.25</v>
      </c>
      <c r="H8" s="191" t="str">
        <f>IF(AND(E8=Bühler!$B$3,D8&lt;&gt;0),"weekend-share must be 0% when 1-shift is selected","")</f>
        <v/>
      </c>
      <c r="L8" s="86"/>
      <c r="M8" s="185"/>
      <c r="N8" s="185"/>
      <c r="O8" s="185"/>
      <c r="P8" s="185"/>
      <c r="Q8" s="185"/>
      <c r="R8" s="185"/>
      <c r="S8" s="185"/>
      <c r="T8" s="185"/>
      <c r="U8" s="185"/>
      <c r="V8" s="185"/>
      <c r="W8" s="185"/>
      <c r="X8" s="185"/>
      <c r="Y8" s="185"/>
      <c r="Z8" s="185"/>
      <c r="AA8" s="185"/>
      <c r="AB8" s="185"/>
      <c r="AC8" s="87"/>
    </row>
    <row r="9" spans="1:30" ht="15" thickBot="1" x14ac:dyDescent="0.35">
      <c r="A9" s="88"/>
      <c r="B9" s="192"/>
      <c r="C9" s="193"/>
      <c r="D9" s="193"/>
      <c r="E9" s="89"/>
      <c r="F9" s="89"/>
      <c r="G9" s="89"/>
      <c r="H9" s="90"/>
      <c r="L9" s="86"/>
      <c r="M9" s="185"/>
      <c r="N9" s="185"/>
      <c r="O9" s="185"/>
      <c r="P9" s="185"/>
      <c r="Q9" s="185"/>
      <c r="R9" s="185"/>
      <c r="S9" s="185"/>
      <c r="T9" s="185"/>
      <c r="U9" s="185"/>
      <c r="V9" s="185"/>
      <c r="W9" s="185"/>
      <c r="X9" s="185"/>
      <c r="Y9" s="185"/>
      <c r="Z9" s="185"/>
      <c r="AA9" s="185"/>
      <c r="AB9" s="185"/>
      <c r="AC9" s="87"/>
    </row>
    <row r="10" spans="1:30" x14ac:dyDescent="0.3">
      <c r="A10" s="95"/>
      <c r="B10" s="96"/>
      <c r="C10" s="96"/>
      <c r="D10" s="96"/>
      <c r="E10" s="96"/>
      <c r="F10" s="96"/>
      <c r="G10" s="96"/>
      <c r="H10" s="97"/>
      <c r="I10" s="95"/>
      <c r="J10" s="96"/>
      <c r="K10" s="97"/>
      <c r="L10" s="86"/>
      <c r="M10" s="185"/>
      <c r="N10" s="185"/>
      <c r="O10" s="185"/>
      <c r="P10" s="185"/>
      <c r="Q10" s="185"/>
      <c r="R10" s="185"/>
      <c r="S10" s="185"/>
      <c r="T10" s="185"/>
      <c r="U10" s="185"/>
      <c r="V10" s="185"/>
      <c r="W10" s="185"/>
      <c r="X10" s="185"/>
      <c r="Y10" s="185"/>
      <c r="Z10" s="185"/>
      <c r="AA10" s="185"/>
      <c r="AB10" s="185"/>
      <c r="AC10" s="87"/>
    </row>
    <row r="11" spans="1:30" ht="15.6" x14ac:dyDescent="0.3">
      <c r="A11" s="86"/>
      <c r="B11" s="200"/>
      <c r="C11" s="185"/>
      <c r="D11" s="185"/>
      <c r="E11" s="201"/>
      <c r="F11" s="201" t="s">
        <v>69</v>
      </c>
      <c r="G11" s="185"/>
      <c r="H11" s="87"/>
      <c r="I11" s="212"/>
      <c r="J11" s="213"/>
      <c r="K11" s="87"/>
      <c r="L11" s="86"/>
      <c r="M11" s="185"/>
      <c r="N11" s="185"/>
      <c r="O11" s="185"/>
      <c r="P11" s="185"/>
      <c r="Q11" s="185"/>
      <c r="R11" s="185"/>
      <c r="S11" s="185"/>
      <c r="T11" s="185"/>
      <c r="U11" s="185"/>
      <c r="V11" s="185"/>
      <c r="W11" s="185"/>
      <c r="X11" s="185"/>
      <c r="Y11" s="185"/>
      <c r="Z11" s="185"/>
      <c r="AA11" s="185"/>
      <c r="AB11" s="185"/>
      <c r="AC11" s="87"/>
    </row>
    <row r="12" spans="1:30" ht="15.6" x14ac:dyDescent="0.3">
      <c r="A12" s="86"/>
      <c r="B12" s="200"/>
      <c r="C12" s="202" t="s">
        <v>66</v>
      </c>
      <c r="D12" s="203">
        <v>100000</v>
      </c>
      <c r="E12" s="204" t="str">
        <f>IF(OR(ROUND(SUM(Output!C8:G372),0)&lt;&gt;ROUND(D12,0),ROUND(SUM(Output!I8:M8767),0)&lt;&gt;ROUND(D12,0)),"ERROR! Total demand mismatch","")</f>
        <v/>
      </c>
      <c r="F12" s="205">
        <v>10</v>
      </c>
      <c r="G12" s="185"/>
      <c r="H12" s="87"/>
      <c r="I12" s="86"/>
      <c r="J12" s="185"/>
      <c r="K12" s="87"/>
      <c r="L12" s="86"/>
      <c r="M12" s="185"/>
      <c r="N12" s="185"/>
      <c r="O12" s="185"/>
      <c r="P12" s="185"/>
      <c r="Q12" s="185"/>
      <c r="R12" s="185"/>
      <c r="S12" s="185"/>
      <c r="T12" s="185"/>
      <c r="U12" s="185"/>
      <c r="V12" s="185"/>
      <c r="W12" s="185"/>
      <c r="X12" s="185"/>
      <c r="Y12" s="185"/>
      <c r="Z12" s="185"/>
      <c r="AA12" s="185"/>
      <c r="AB12" s="185"/>
      <c r="AC12" s="87"/>
    </row>
    <row r="13" spans="1:30" ht="15.6" x14ac:dyDescent="0.3">
      <c r="A13" s="86"/>
      <c r="B13" s="185"/>
      <c r="C13" s="202" t="s">
        <v>51</v>
      </c>
      <c r="D13" s="205">
        <v>2024</v>
      </c>
      <c r="E13" s="201" t="s">
        <v>70</v>
      </c>
      <c r="F13" s="203">
        <v>500000</v>
      </c>
      <c r="G13" s="185"/>
      <c r="H13" s="87"/>
      <c r="I13" s="86"/>
      <c r="J13" s="185"/>
      <c r="K13" s="87"/>
      <c r="L13" s="86"/>
      <c r="M13" s="185"/>
      <c r="N13" s="185"/>
      <c r="O13" s="185"/>
      <c r="P13" s="185"/>
      <c r="Q13" s="185"/>
      <c r="R13" s="185"/>
      <c r="S13" s="185"/>
      <c r="T13" s="185"/>
      <c r="U13" s="185"/>
      <c r="V13" s="185"/>
      <c r="W13" s="185"/>
      <c r="X13" s="185"/>
      <c r="Y13" s="185"/>
      <c r="Z13" s="185"/>
      <c r="AA13" s="185"/>
      <c r="AB13" s="185"/>
      <c r="AC13" s="87"/>
    </row>
    <row r="14" spans="1:30" ht="15.6" x14ac:dyDescent="0.3">
      <c r="A14" s="86"/>
      <c r="B14" s="185"/>
      <c r="C14" s="202" t="s">
        <v>63</v>
      </c>
      <c r="D14" s="205" t="s">
        <v>60</v>
      </c>
      <c r="E14" s="185"/>
      <c r="F14" s="185"/>
      <c r="G14" s="185"/>
      <c r="H14" s="87"/>
      <c r="I14" s="86"/>
      <c r="J14" s="185"/>
      <c r="K14" s="87"/>
      <c r="L14" s="86"/>
      <c r="M14" s="185"/>
      <c r="N14" s="185"/>
      <c r="O14" s="185"/>
      <c r="P14" s="185"/>
      <c r="Q14" s="185"/>
      <c r="R14" s="185"/>
      <c r="S14" s="185"/>
      <c r="T14" s="185"/>
      <c r="U14" s="185"/>
      <c r="V14" s="185"/>
      <c r="W14" s="185"/>
      <c r="X14" s="185"/>
      <c r="Y14" s="185"/>
      <c r="Z14" s="185"/>
      <c r="AA14" s="185"/>
      <c r="AB14" s="185"/>
      <c r="AC14" s="87"/>
    </row>
    <row r="15" spans="1:30" x14ac:dyDescent="0.3">
      <c r="A15" s="86"/>
      <c r="B15" s="185"/>
      <c r="C15" s="185"/>
      <c r="D15" s="185"/>
      <c r="E15" s="185"/>
      <c r="F15" s="185"/>
      <c r="G15" s="185"/>
      <c r="H15" s="87"/>
      <c r="I15" s="86"/>
      <c r="J15" s="185"/>
      <c r="K15" s="87"/>
      <c r="L15" s="86"/>
      <c r="M15" s="185"/>
      <c r="N15" s="185"/>
      <c r="O15" s="185"/>
      <c r="P15" s="185"/>
      <c r="Q15" s="185"/>
      <c r="R15" s="185"/>
      <c r="S15" s="185"/>
      <c r="T15" s="185"/>
      <c r="U15" s="185"/>
      <c r="V15" s="185"/>
      <c r="W15" s="185"/>
      <c r="X15" s="185"/>
      <c r="Y15" s="185"/>
      <c r="Z15" s="185"/>
      <c r="AA15" s="185"/>
      <c r="AB15" s="185"/>
      <c r="AC15" s="87"/>
    </row>
    <row r="16" spans="1:30" x14ac:dyDescent="0.3">
      <c r="A16" s="86"/>
      <c r="B16" s="185"/>
      <c r="C16" s="185"/>
      <c r="D16" s="185"/>
      <c r="E16" s="185"/>
      <c r="F16" s="185"/>
      <c r="G16" s="185"/>
      <c r="H16" s="87"/>
      <c r="I16" s="86"/>
      <c r="J16" s="185"/>
      <c r="K16" s="87"/>
      <c r="L16" s="86"/>
      <c r="M16" s="185"/>
      <c r="N16" s="185"/>
      <c r="O16" s="185"/>
      <c r="P16" s="185"/>
      <c r="Q16" s="185"/>
      <c r="R16" s="185"/>
      <c r="S16" s="185"/>
      <c r="T16" s="185"/>
      <c r="U16" s="185"/>
      <c r="V16" s="185"/>
      <c r="W16" s="185"/>
      <c r="X16" s="185"/>
      <c r="Y16" s="185"/>
      <c r="Z16" s="185"/>
      <c r="AA16" s="185"/>
      <c r="AB16" s="185"/>
      <c r="AC16" s="87"/>
    </row>
    <row r="17" spans="1:29" x14ac:dyDescent="0.3">
      <c r="A17" s="86"/>
      <c r="B17" s="206" t="s">
        <v>72</v>
      </c>
      <c r="C17" s="185"/>
      <c r="D17" s="185"/>
      <c r="E17" s="185"/>
      <c r="F17" s="185"/>
      <c r="G17" s="185"/>
      <c r="H17" s="87"/>
      <c r="I17" s="86"/>
      <c r="J17" s="185"/>
      <c r="K17" s="87"/>
      <c r="L17" s="86"/>
      <c r="M17" s="185"/>
      <c r="N17" s="185"/>
      <c r="O17" s="185"/>
      <c r="P17" s="185"/>
      <c r="Q17" s="185"/>
      <c r="R17" s="185"/>
      <c r="S17" s="185"/>
      <c r="T17" s="185"/>
      <c r="U17" s="185"/>
      <c r="V17" s="185"/>
      <c r="W17" s="185"/>
      <c r="X17" s="185"/>
      <c r="Y17" s="185"/>
      <c r="Z17" s="185"/>
      <c r="AA17" s="185"/>
      <c r="AB17" s="185"/>
      <c r="AC17" s="87"/>
    </row>
    <row r="18" spans="1:29" ht="29.4" thickBot="1" x14ac:dyDescent="0.35">
      <c r="A18" s="86"/>
      <c r="B18" s="77" t="s">
        <v>79</v>
      </c>
      <c r="C18" s="122" t="s">
        <v>101</v>
      </c>
      <c r="D18" s="122" t="s">
        <v>102</v>
      </c>
      <c r="E18" s="207" t="s">
        <v>80</v>
      </c>
      <c r="F18" s="207"/>
      <c r="G18" s="185"/>
      <c r="H18" s="87"/>
      <c r="I18" s="86"/>
      <c r="J18" s="185"/>
      <c r="K18" s="87"/>
      <c r="L18" s="86"/>
      <c r="M18" s="185"/>
      <c r="N18" s="185"/>
      <c r="O18" s="185"/>
      <c r="P18" s="185"/>
      <c r="Q18" s="185"/>
      <c r="R18" s="185"/>
      <c r="S18" s="185"/>
      <c r="T18" s="185"/>
      <c r="U18" s="185"/>
      <c r="V18" s="185"/>
      <c r="W18" s="185"/>
      <c r="X18" s="185"/>
      <c r="Y18" s="185"/>
      <c r="Z18" s="185"/>
      <c r="AA18" s="185"/>
      <c r="AB18" s="185"/>
      <c r="AC18" s="87"/>
    </row>
    <row r="19" spans="1:29" ht="15" thickTop="1" x14ac:dyDescent="0.3">
      <c r="A19" s="86"/>
      <c r="B19" s="78">
        <v>2</v>
      </c>
      <c r="C19" s="208">
        <v>0.3</v>
      </c>
      <c r="D19" s="209">
        <v>1</v>
      </c>
      <c r="E19" s="210" t="s">
        <v>32</v>
      </c>
      <c r="F19" s="211">
        <f>SUM(Output!N8:N8767)</f>
        <v>2554.1353751601905</v>
      </c>
      <c r="G19" s="185"/>
      <c r="H19" s="87"/>
      <c r="I19" s="86"/>
      <c r="J19" s="185"/>
      <c r="K19" s="87"/>
      <c r="L19" s="86"/>
      <c r="M19" s="185"/>
      <c r="N19" s="185"/>
      <c r="O19" s="185"/>
      <c r="P19" s="185"/>
      <c r="Q19" s="185"/>
      <c r="R19" s="185"/>
      <c r="S19" s="185"/>
      <c r="T19" s="185"/>
      <c r="U19" s="185"/>
      <c r="V19" s="185"/>
      <c r="W19" s="185"/>
      <c r="X19" s="185"/>
      <c r="Y19" s="185"/>
      <c r="Z19" s="185"/>
      <c r="AA19" s="185"/>
      <c r="AB19" s="185"/>
      <c r="AC19" s="87"/>
    </row>
    <row r="20" spans="1:29" x14ac:dyDescent="0.3">
      <c r="A20" s="86"/>
      <c r="B20" s="79">
        <v>3</v>
      </c>
      <c r="C20" s="208">
        <v>0.5</v>
      </c>
      <c r="D20" s="209">
        <v>2</v>
      </c>
      <c r="E20" s="210" t="s">
        <v>33</v>
      </c>
      <c r="F20" s="211">
        <f>SUM(Output!O8:O8767)</f>
        <v>6385.3384379005074</v>
      </c>
      <c r="G20" s="185"/>
      <c r="H20" s="87"/>
      <c r="I20" s="86"/>
      <c r="J20" s="185"/>
      <c r="K20" s="87"/>
      <c r="L20" s="86"/>
      <c r="M20" s="185"/>
      <c r="N20" s="185"/>
      <c r="O20" s="185"/>
      <c r="P20" s="185"/>
      <c r="Q20" s="185"/>
      <c r="R20" s="185"/>
      <c r="S20" s="185"/>
      <c r="T20" s="185"/>
      <c r="U20" s="185"/>
      <c r="V20" s="185"/>
      <c r="W20" s="185"/>
      <c r="X20" s="185"/>
      <c r="Y20" s="185"/>
      <c r="Z20" s="185"/>
      <c r="AA20" s="185"/>
      <c r="AB20" s="185"/>
      <c r="AC20" s="87"/>
    </row>
    <row r="21" spans="1:29" x14ac:dyDescent="0.3">
      <c r="A21" s="86"/>
      <c r="B21" s="79">
        <v>4</v>
      </c>
      <c r="C21" s="208"/>
      <c r="D21" s="209"/>
      <c r="E21" s="210" t="s">
        <v>34</v>
      </c>
      <c r="F21" s="211">
        <f>SUM(Output!P8:P8767)</f>
        <v>0</v>
      </c>
      <c r="G21" s="185"/>
      <c r="H21" s="87"/>
      <c r="I21" s="86"/>
      <c r="J21" s="185"/>
      <c r="K21" s="87"/>
      <c r="L21" s="86"/>
      <c r="M21" s="185"/>
      <c r="N21" s="185"/>
      <c r="O21" s="185"/>
      <c r="P21" s="185"/>
      <c r="Q21" s="185"/>
      <c r="R21" s="185"/>
      <c r="S21" s="185"/>
      <c r="T21" s="185"/>
      <c r="U21" s="185"/>
      <c r="V21" s="185"/>
      <c r="W21" s="185"/>
      <c r="X21" s="185"/>
      <c r="Y21" s="185"/>
      <c r="Z21" s="185"/>
      <c r="AA21" s="185"/>
      <c r="AB21" s="185"/>
      <c r="AC21" s="87"/>
    </row>
    <row r="22" spans="1:29" x14ac:dyDescent="0.3">
      <c r="A22" s="86"/>
      <c r="B22" s="79">
        <v>5</v>
      </c>
      <c r="C22" s="208"/>
      <c r="D22" s="209"/>
      <c r="E22" s="210" t="s">
        <v>35</v>
      </c>
      <c r="F22" s="211">
        <f>SUM(Output!Q8:Q8767)</f>
        <v>0</v>
      </c>
      <c r="G22" s="185"/>
      <c r="H22" s="87"/>
      <c r="I22" s="86"/>
      <c r="J22" s="185"/>
      <c r="K22" s="87"/>
      <c r="L22" s="86"/>
      <c r="M22" s="185"/>
      <c r="N22" s="185"/>
      <c r="O22" s="185"/>
      <c r="P22" s="185"/>
      <c r="Q22" s="185"/>
      <c r="R22" s="185"/>
      <c r="S22" s="185"/>
      <c r="T22" s="185"/>
      <c r="U22" s="185"/>
      <c r="V22" s="185"/>
      <c r="W22" s="185"/>
      <c r="X22" s="185"/>
      <c r="Y22" s="185"/>
      <c r="Z22" s="185"/>
      <c r="AA22" s="185"/>
      <c r="AB22" s="185"/>
      <c r="AC22" s="87"/>
    </row>
    <row r="23" spans="1:29" ht="15" thickBot="1" x14ac:dyDescent="0.35">
      <c r="A23" s="88"/>
      <c r="B23" s="89"/>
      <c r="C23" s="89"/>
      <c r="D23" s="89"/>
      <c r="E23" s="89"/>
      <c r="F23" s="89"/>
      <c r="G23" s="89"/>
      <c r="H23" s="90"/>
      <c r="I23" s="88"/>
      <c r="J23" s="89"/>
      <c r="K23" s="90"/>
      <c r="L23" s="86"/>
      <c r="M23" s="185"/>
      <c r="N23" s="185"/>
      <c r="O23" s="185"/>
      <c r="P23" s="185"/>
      <c r="Q23" s="185"/>
      <c r="R23" s="185"/>
      <c r="S23" s="185"/>
      <c r="T23" s="185"/>
      <c r="U23" s="185"/>
      <c r="V23" s="185"/>
      <c r="W23" s="185"/>
      <c r="X23" s="185"/>
      <c r="Y23" s="185"/>
      <c r="Z23" s="185"/>
      <c r="AA23" s="185"/>
      <c r="AB23" s="185"/>
      <c r="AC23" s="87"/>
    </row>
    <row r="24" spans="1:29" x14ac:dyDescent="0.3">
      <c r="L24" s="86"/>
      <c r="M24" s="185"/>
      <c r="N24" s="185"/>
      <c r="O24" s="185"/>
      <c r="P24" s="185"/>
      <c r="Q24" s="185"/>
      <c r="R24" s="185"/>
      <c r="S24" s="185"/>
      <c r="T24" s="185"/>
      <c r="U24" s="185"/>
      <c r="V24" s="185"/>
      <c r="W24" s="185"/>
      <c r="X24" s="185"/>
      <c r="Y24" s="185"/>
      <c r="Z24" s="185"/>
      <c r="AA24" s="185"/>
      <c r="AB24" s="185"/>
      <c r="AC24" s="87"/>
    </row>
    <row r="25" spans="1:29" x14ac:dyDescent="0.3">
      <c r="B25" s="169" t="s">
        <v>83</v>
      </c>
      <c r="C25" s="169"/>
      <c r="D25" s="85">
        <v>50</v>
      </c>
      <c r="E25" s="92">
        <f>Bühler!T34</f>
        <v>45634.999999980035</v>
      </c>
      <c r="F25" s="93" t="s">
        <v>85</v>
      </c>
      <c r="G25" s="94">
        <f>Bühler!T189</f>
        <v>45641.458333312992</v>
      </c>
      <c r="H25" s="94"/>
      <c r="I25" s="94"/>
      <c r="J25" s="94"/>
      <c r="K25" s="94"/>
      <c r="L25" s="86"/>
      <c r="M25" s="185"/>
      <c r="N25" s="185"/>
      <c r="O25" s="185"/>
      <c r="P25" s="185"/>
      <c r="Q25" s="185"/>
      <c r="R25" s="185"/>
      <c r="S25" s="185"/>
      <c r="T25" s="185"/>
      <c r="U25" s="185"/>
      <c r="V25" s="185"/>
      <c r="W25" s="185"/>
      <c r="X25" s="185"/>
      <c r="Y25" s="185"/>
      <c r="Z25" s="185"/>
      <c r="AA25" s="185"/>
      <c r="AB25" s="185"/>
      <c r="AC25" s="87"/>
    </row>
    <row r="26" spans="1:29" x14ac:dyDescent="0.3">
      <c r="L26" s="86"/>
      <c r="M26" s="185"/>
      <c r="N26" s="185"/>
      <c r="O26" s="185"/>
      <c r="P26" s="185"/>
      <c r="Q26" s="185"/>
      <c r="R26" s="185"/>
      <c r="S26" s="185"/>
      <c r="T26" s="185"/>
      <c r="U26" s="185"/>
      <c r="V26" s="185"/>
      <c r="W26" s="185"/>
      <c r="X26" s="185"/>
      <c r="Y26" s="185"/>
      <c r="Z26" s="185"/>
      <c r="AA26" s="185"/>
      <c r="AB26" s="185"/>
      <c r="AC26" s="87"/>
    </row>
    <row r="27" spans="1:29" x14ac:dyDescent="0.3">
      <c r="L27" s="86"/>
      <c r="M27" s="185"/>
      <c r="N27" s="185"/>
      <c r="O27" s="185"/>
      <c r="P27" s="185"/>
      <c r="Q27" s="185"/>
      <c r="R27" s="185"/>
      <c r="S27" s="185"/>
      <c r="T27" s="185"/>
      <c r="U27" s="185"/>
      <c r="V27" s="185"/>
      <c r="W27" s="185"/>
      <c r="X27" s="185"/>
      <c r="Y27" s="185"/>
      <c r="Z27" s="185"/>
      <c r="AA27" s="185"/>
      <c r="AB27" s="185"/>
      <c r="AC27" s="87"/>
    </row>
    <row r="28" spans="1:29" ht="15" thickBot="1" x14ac:dyDescent="0.35">
      <c r="B28" s="168" t="s">
        <v>64</v>
      </c>
      <c r="C28" s="168"/>
      <c r="D28" s="168"/>
      <c r="E28" s="168"/>
      <c r="F28" s="168"/>
      <c r="L28" s="86"/>
      <c r="M28" s="185"/>
      <c r="N28" s="185"/>
      <c r="O28" s="185"/>
      <c r="P28" s="185"/>
      <c r="Q28" s="185"/>
      <c r="R28" s="185"/>
      <c r="S28" s="185"/>
      <c r="T28" s="185"/>
      <c r="U28" s="185"/>
      <c r="V28" s="185"/>
      <c r="W28" s="185"/>
      <c r="X28" s="185"/>
      <c r="Y28" s="185"/>
      <c r="Z28" s="185"/>
      <c r="AA28" s="185"/>
      <c r="AB28" s="185"/>
      <c r="AC28" s="87"/>
    </row>
    <row r="29" spans="1:29" ht="15" customHeight="1" x14ac:dyDescent="0.3">
      <c r="B29" s="63" t="s">
        <v>60</v>
      </c>
      <c r="C29" s="64" t="s">
        <v>61</v>
      </c>
      <c r="D29" s="64" t="s">
        <v>62</v>
      </c>
      <c r="E29" s="64" t="s">
        <v>65</v>
      </c>
      <c r="F29" s="65" t="s">
        <v>92</v>
      </c>
      <c r="L29" s="86"/>
      <c r="M29" s="185"/>
      <c r="N29" s="185"/>
      <c r="O29" s="185"/>
      <c r="P29" s="185"/>
      <c r="Q29" s="185"/>
      <c r="R29" s="185"/>
      <c r="S29" s="185"/>
      <c r="T29" s="185"/>
      <c r="U29" s="185"/>
      <c r="V29" s="185"/>
      <c r="W29" s="185"/>
      <c r="X29" s="185"/>
      <c r="Y29" s="185"/>
      <c r="Z29" s="185"/>
      <c r="AA29" s="185"/>
      <c r="AB29" s="185"/>
      <c r="AC29" s="87"/>
    </row>
    <row r="30" spans="1:29" x14ac:dyDescent="0.3">
      <c r="B30" s="66">
        <v>-2</v>
      </c>
      <c r="C30" s="44">
        <v>0.1</v>
      </c>
      <c r="D30" s="44">
        <v>11.3</v>
      </c>
      <c r="E30" s="44">
        <v>7.5</v>
      </c>
      <c r="F30" s="67">
        <v>-10.4</v>
      </c>
      <c r="L30" s="86"/>
      <c r="M30" s="185"/>
      <c r="N30" s="185"/>
      <c r="O30" s="185"/>
      <c r="P30" s="185"/>
      <c r="Q30" s="185"/>
      <c r="R30" s="185"/>
      <c r="S30" s="185"/>
      <c r="T30" s="185"/>
      <c r="U30" s="185"/>
      <c r="V30" s="185"/>
      <c r="W30" s="185"/>
      <c r="X30" s="185"/>
      <c r="Y30" s="185"/>
      <c r="Z30" s="185"/>
      <c r="AA30" s="185"/>
      <c r="AB30" s="185"/>
      <c r="AC30" s="87"/>
    </row>
    <row r="31" spans="1:29" x14ac:dyDescent="0.3">
      <c r="B31" s="66">
        <v>-3.5</v>
      </c>
      <c r="C31" s="44">
        <v>2.9</v>
      </c>
      <c r="D31" s="44">
        <v>10.4</v>
      </c>
      <c r="E31" s="44">
        <v>6.1</v>
      </c>
      <c r="F31" s="67">
        <v>-13.8</v>
      </c>
      <c r="L31" s="86"/>
      <c r="M31" s="185"/>
      <c r="N31" s="185"/>
      <c r="O31" s="185"/>
      <c r="P31" s="185"/>
      <c r="Q31" s="185"/>
      <c r="R31" s="185"/>
      <c r="S31" s="185"/>
      <c r="T31" s="185"/>
      <c r="U31" s="185"/>
      <c r="V31" s="185"/>
      <c r="W31" s="185"/>
      <c r="X31" s="185"/>
      <c r="Y31" s="185"/>
      <c r="Z31" s="185"/>
      <c r="AA31" s="185"/>
      <c r="AB31" s="185"/>
      <c r="AC31" s="87"/>
    </row>
    <row r="32" spans="1:29" x14ac:dyDescent="0.3">
      <c r="B32" s="66">
        <v>-2.8</v>
      </c>
      <c r="C32" s="44">
        <v>1.7</v>
      </c>
      <c r="D32" s="44">
        <v>9</v>
      </c>
      <c r="E32" s="44">
        <v>7.8</v>
      </c>
      <c r="F32" s="67">
        <v>-15.5</v>
      </c>
      <c r="L32" s="86"/>
      <c r="M32" s="185"/>
      <c r="N32" s="185"/>
      <c r="O32" s="185"/>
      <c r="P32" s="185"/>
      <c r="Q32" s="185"/>
      <c r="R32" s="185"/>
      <c r="S32" s="185"/>
      <c r="T32" s="185"/>
      <c r="U32" s="185"/>
      <c r="V32" s="185"/>
      <c r="W32" s="185"/>
      <c r="X32" s="185"/>
      <c r="Y32" s="185"/>
      <c r="Z32" s="185"/>
      <c r="AA32" s="185"/>
      <c r="AB32" s="185"/>
      <c r="AC32" s="87"/>
    </row>
    <row r="33" spans="2:29" ht="15" customHeight="1" x14ac:dyDescent="0.3">
      <c r="B33" s="66">
        <v>-2.7</v>
      </c>
      <c r="C33" s="44">
        <v>-3.3</v>
      </c>
      <c r="D33" s="44">
        <v>7.4</v>
      </c>
      <c r="E33" s="44">
        <v>7.2</v>
      </c>
      <c r="F33" s="67">
        <v>-23.1</v>
      </c>
      <c r="L33" s="86"/>
      <c r="M33" s="185"/>
      <c r="N33" s="185"/>
      <c r="O33" s="185"/>
      <c r="P33" s="185"/>
      <c r="Q33" s="185"/>
      <c r="R33" s="185"/>
      <c r="S33" s="185"/>
      <c r="T33" s="185"/>
      <c r="U33" s="185"/>
      <c r="V33" s="185"/>
      <c r="W33" s="185"/>
      <c r="X33" s="185"/>
      <c r="Y33" s="185"/>
      <c r="Z33" s="185"/>
      <c r="AA33" s="185"/>
      <c r="AB33" s="185"/>
      <c r="AC33" s="87"/>
    </row>
    <row r="34" spans="2:29" x14ac:dyDescent="0.3">
      <c r="B34" s="66">
        <v>-2.2999999999999998</v>
      </c>
      <c r="C34" s="44">
        <v>-1.9</v>
      </c>
      <c r="D34" s="44">
        <v>7.3</v>
      </c>
      <c r="E34" s="44">
        <v>12</v>
      </c>
      <c r="F34" s="67">
        <v>-30</v>
      </c>
      <c r="L34" s="86"/>
      <c r="M34" s="185"/>
      <c r="N34" s="185"/>
      <c r="O34" s="185"/>
      <c r="P34" s="185"/>
      <c r="Q34" s="185"/>
      <c r="R34" s="185"/>
      <c r="S34" s="185"/>
      <c r="T34" s="185"/>
      <c r="U34" s="185"/>
      <c r="V34" s="185"/>
      <c r="W34" s="185"/>
      <c r="X34" s="185"/>
      <c r="Y34" s="185"/>
      <c r="Z34" s="185"/>
      <c r="AA34" s="185"/>
      <c r="AB34" s="185"/>
      <c r="AC34" s="87"/>
    </row>
    <row r="35" spans="2:29" x14ac:dyDescent="0.3">
      <c r="B35" s="66">
        <v>-1.6</v>
      </c>
      <c r="C35" s="44">
        <v>-3</v>
      </c>
      <c r="D35" s="44">
        <v>6.2</v>
      </c>
      <c r="E35" s="44">
        <v>10.7</v>
      </c>
      <c r="F35" s="67">
        <v>-18</v>
      </c>
      <c r="L35" s="86"/>
      <c r="M35" s="185"/>
      <c r="N35" s="185"/>
      <c r="O35" s="185"/>
      <c r="P35" s="185"/>
      <c r="Q35" s="185"/>
      <c r="R35" s="185"/>
      <c r="S35" s="185"/>
      <c r="T35" s="185"/>
      <c r="U35" s="185"/>
      <c r="V35" s="185"/>
      <c r="W35" s="185"/>
      <c r="X35" s="185"/>
      <c r="Y35" s="185"/>
      <c r="Z35" s="185"/>
      <c r="AA35" s="185"/>
      <c r="AB35" s="185"/>
      <c r="AC35" s="87"/>
    </row>
    <row r="36" spans="2:29" x14ac:dyDescent="0.3">
      <c r="B36" s="66">
        <v>0.3</v>
      </c>
      <c r="C36" s="44">
        <v>-4.4000000000000004</v>
      </c>
      <c r="D36" s="44">
        <v>5.2</v>
      </c>
      <c r="E36" s="44">
        <v>10.1</v>
      </c>
      <c r="F36" s="67">
        <v>-26.4</v>
      </c>
      <c r="L36" s="86"/>
      <c r="M36" s="185"/>
      <c r="N36" s="185"/>
      <c r="O36" s="185"/>
      <c r="P36" s="185"/>
      <c r="Q36" s="185"/>
      <c r="R36" s="185"/>
      <c r="S36" s="185"/>
      <c r="T36" s="185"/>
      <c r="U36" s="185"/>
      <c r="V36" s="185"/>
      <c r="W36" s="185"/>
      <c r="X36" s="185"/>
      <c r="Y36" s="185"/>
      <c r="Z36" s="185"/>
      <c r="AA36" s="185"/>
      <c r="AB36" s="185"/>
      <c r="AC36" s="87"/>
    </row>
    <row r="37" spans="2:29" ht="15" thickBot="1" x14ac:dyDescent="0.35">
      <c r="B37" s="66">
        <v>6.7</v>
      </c>
      <c r="C37" s="44">
        <v>-2.7</v>
      </c>
      <c r="D37" s="44">
        <v>10.4</v>
      </c>
      <c r="E37" s="44">
        <v>6.1</v>
      </c>
      <c r="F37" s="67">
        <v>-3.5</v>
      </c>
      <c r="L37" s="88"/>
      <c r="M37" s="89"/>
      <c r="N37" s="89"/>
      <c r="O37" s="89"/>
      <c r="P37" s="89"/>
      <c r="Q37" s="89"/>
      <c r="R37" s="89"/>
      <c r="S37" s="89"/>
      <c r="T37" s="89"/>
      <c r="U37" s="89"/>
      <c r="V37" s="89"/>
      <c r="W37" s="89"/>
      <c r="X37" s="89"/>
      <c r="Y37" s="89"/>
      <c r="Z37" s="89"/>
      <c r="AA37" s="89"/>
      <c r="AB37" s="89"/>
      <c r="AC37" s="90"/>
    </row>
    <row r="38" spans="2:29" x14ac:dyDescent="0.3">
      <c r="B38" s="66">
        <v>6.2</v>
      </c>
      <c r="C38" s="44">
        <v>-1.4</v>
      </c>
      <c r="D38" s="44">
        <v>9.3000000000000007</v>
      </c>
      <c r="E38" s="44">
        <v>5.7</v>
      </c>
      <c r="F38" s="67">
        <v>1.2</v>
      </c>
    </row>
    <row r="39" spans="2:29" x14ac:dyDescent="0.3">
      <c r="B39" s="66">
        <v>3.5</v>
      </c>
      <c r="C39" s="44">
        <v>-1.1000000000000001</v>
      </c>
      <c r="D39" s="44">
        <v>7</v>
      </c>
      <c r="E39" s="44">
        <v>7.8</v>
      </c>
      <c r="F39" s="67">
        <v>1.1000000000000001</v>
      </c>
    </row>
    <row r="40" spans="2:29" x14ac:dyDescent="0.3">
      <c r="B40" s="66">
        <v>5.3</v>
      </c>
      <c r="C40" s="44">
        <v>3.8</v>
      </c>
      <c r="D40" s="44">
        <v>7</v>
      </c>
      <c r="E40" s="44">
        <v>5.3</v>
      </c>
      <c r="F40" s="67">
        <v>1.2</v>
      </c>
    </row>
    <row r="41" spans="2:29" x14ac:dyDescent="0.3">
      <c r="B41" s="66">
        <v>4.5999999999999996</v>
      </c>
      <c r="C41" s="44">
        <v>6.2</v>
      </c>
      <c r="D41" s="44">
        <v>6.2</v>
      </c>
      <c r="E41" s="44">
        <v>10</v>
      </c>
      <c r="F41" s="67">
        <v>-0.4</v>
      </c>
    </row>
    <row r="42" spans="2:29" x14ac:dyDescent="0.3">
      <c r="B42" s="66">
        <v>0.2</v>
      </c>
      <c r="C42" s="44">
        <v>6.6</v>
      </c>
      <c r="D42" s="44">
        <v>7.4</v>
      </c>
      <c r="E42" s="44">
        <v>8.6</v>
      </c>
      <c r="F42" s="67">
        <v>-0.9</v>
      </c>
      <c r="Y42" s="123"/>
    </row>
    <row r="43" spans="2:29" ht="29.4" customHeight="1" x14ac:dyDescent="0.3">
      <c r="B43" s="66">
        <v>-0.2</v>
      </c>
      <c r="C43" s="44">
        <v>2.5</v>
      </c>
      <c r="D43" s="44">
        <v>6</v>
      </c>
      <c r="E43" s="44">
        <v>9.4</v>
      </c>
      <c r="F43" s="67">
        <v>-5</v>
      </c>
    </row>
    <row r="44" spans="2:29" x14ac:dyDescent="0.3">
      <c r="B44" s="66">
        <v>0.2</v>
      </c>
      <c r="C44" s="44">
        <v>2.1</v>
      </c>
      <c r="D44" s="44">
        <v>7.8</v>
      </c>
      <c r="E44" s="44">
        <v>6.6</v>
      </c>
      <c r="F44" s="67">
        <v>-17.5</v>
      </c>
      <c r="X44" s="123"/>
      <c r="Y44" s="123"/>
      <c r="AB44" s="123"/>
    </row>
    <row r="45" spans="2:29" x14ac:dyDescent="0.3">
      <c r="B45" s="66">
        <v>-0.2</v>
      </c>
      <c r="C45" s="44">
        <v>2.2999999999999998</v>
      </c>
      <c r="D45" s="44">
        <v>6.5</v>
      </c>
      <c r="E45" s="44">
        <v>5.7</v>
      </c>
      <c r="F45" s="67">
        <v>-27.4</v>
      </c>
      <c r="X45" s="123"/>
      <c r="Y45" s="123"/>
      <c r="AB45" s="123"/>
    </row>
    <row r="46" spans="2:29" x14ac:dyDescent="0.3">
      <c r="B46" s="66">
        <v>1.6</v>
      </c>
      <c r="C46" s="44">
        <v>1.7</v>
      </c>
      <c r="D46" s="44">
        <v>6.4</v>
      </c>
      <c r="E46" s="44">
        <v>4.9000000000000004</v>
      </c>
      <c r="F46" s="67">
        <v>-24</v>
      </c>
      <c r="X46" s="123"/>
      <c r="Y46" s="123"/>
      <c r="AB46" s="123"/>
    </row>
    <row r="47" spans="2:29" x14ac:dyDescent="0.3">
      <c r="B47" s="66">
        <v>0.4</v>
      </c>
      <c r="C47" s="44">
        <v>5.7</v>
      </c>
      <c r="D47" s="44">
        <v>4</v>
      </c>
      <c r="E47" s="44">
        <v>5.5</v>
      </c>
      <c r="F47" s="67">
        <v>-21.7</v>
      </c>
      <c r="X47" s="123"/>
      <c r="Y47" s="123"/>
      <c r="AB47" s="123"/>
    </row>
    <row r="48" spans="2:29" x14ac:dyDescent="0.3">
      <c r="B48" s="66">
        <v>-0.1</v>
      </c>
      <c r="C48" s="44">
        <v>2.2000000000000002</v>
      </c>
      <c r="D48" s="44">
        <v>4.4000000000000004</v>
      </c>
      <c r="E48" s="44">
        <v>4.5999999999999996</v>
      </c>
      <c r="F48" s="67">
        <v>-18.2</v>
      </c>
      <c r="X48" s="124"/>
      <c r="Y48" s="123"/>
      <c r="AB48" s="123"/>
    </row>
    <row r="49" spans="2:27" x14ac:dyDescent="0.3">
      <c r="B49" s="66">
        <v>0.9</v>
      </c>
      <c r="C49" s="44">
        <v>-0.5</v>
      </c>
      <c r="D49" s="44">
        <v>10.199999999999999</v>
      </c>
      <c r="E49" s="44">
        <v>1.3</v>
      </c>
      <c r="F49" s="67">
        <v>-21.4</v>
      </c>
      <c r="X49" s="123"/>
      <c r="Y49" s="123"/>
    </row>
    <row r="50" spans="2:27" x14ac:dyDescent="0.3">
      <c r="B50" s="66">
        <v>0.6</v>
      </c>
      <c r="C50" s="44">
        <v>1.2</v>
      </c>
      <c r="D50" s="44">
        <v>6.6</v>
      </c>
      <c r="E50" s="44">
        <v>1.2</v>
      </c>
      <c r="F50" s="67">
        <v>-8.4</v>
      </c>
    </row>
    <row r="51" spans="2:27" x14ac:dyDescent="0.3">
      <c r="B51" s="66">
        <v>0.8</v>
      </c>
      <c r="C51" s="44">
        <v>4.8</v>
      </c>
      <c r="D51" s="44">
        <v>4.3</v>
      </c>
      <c r="E51" s="44">
        <v>1.2</v>
      </c>
      <c r="F51" s="67">
        <v>1.2</v>
      </c>
      <c r="W51" s="123"/>
    </row>
    <row r="52" spans="2:27" x14ac:dyDescent="0.3">
      <c r="B52" s="66">
        <v>3.1</v>
      </c>
      <c r="C52" s="44">
        <v>6.4</v>
      </c>
      <c r="D52" s="44">
        <v>3.4</v>
      </c>
      <c r="E52" s="44">
        <v>2.6</v>
      </c>
      <c r="F52" s="67">
        <v>-1.6</v>
      </c>
      <c r="W52" s="123"/>
      <c r="Y52" s="125"/>
    </row>
    <row r="53" spans="2:27" x14ac:dyDescent="0.3">
      <c r="B53" s="66">
        <v>5.3</v>
      </c>
      <c r="C53" s="44">
        <v>3.6</v>
      </c>
      <c r="D53" s="44">
        <v>3</v>
      </c>
      <c r="E53" s="44">
        <v>3.6</v>
      </c>
      <c r="F53" s="67">
        <v>-1.8</v>
      </c>
      <c r="AA53" s="125"/>
    </row>
    <row r="54" spans="2:27" x14ac:dyDescent="0.3">
      <c r="B54" s="66">
        <v>6.7</v>
      </c>
      <c r="C54" s="44">
        <v>1.2</v>
      </c>
      <c r="D54" s="44">
        <v>4.7</v>
      </c>
      <c r="E54" s="44">
        <v>3.1</v>
      </c>
      <c r="F54" s="67">
        <v>-5.0999999999999996</v>
      </c>
    </row>
    <row r="55" spans="2:27" x14ac:dyDescent="0.3">
      <c r="B55" s="66">
        <v>2</v>
      </c>
      <c r="C55" s="44">
        <v>2.4</v>
      </c>
      <c r="D55" s="44">
        <v>4.5</v>
      </c>
      <c r="E55" s="44">
        <v>1.6</v>
      </c>
      <c r="F55" s="67">
        <v>-1.2</v>
      </c>
    </row>
    <row r="56" spans="2:27" x14ac:dyDescent="0.3">
      <c r="B56" s="66">
        <v>2</v>
      </c>
      <c r="C56" s="44">
        <v>2.8</v>
      </c>
      <c r="D56" s="44">
        <v>3.8</v>
      </c>
      <c r="E56" s="44">
        <v>0.4</v>
      </c>
      <c r="F56" s="67">
        <v>-6</v>
      </c>
    </row>
    <row r="57" spans="2:27" x14ac:dyDescent="0.3">
      <c r="B57" s="66">
        <v>2.4</v>
      </c>
      <c r="C57" s="44">
        <v>1.7</v>
      </c>
      <c r="D57" s="44">
        <v>4.4000000000000004</v>
      </c>
      <c r="E57" s="44">
        <v>0.3</v>
      </c>
      <c r="F57" s="67">
        <v>0.6</v>
      </c>
    </row>
    <row r="58" spans="2:27" x14ac:dyDescent="0.3">
      <c r="B58" s="66">
        <v>3.2</v>
      </c>
      <c r="C58" s="44">
        <v>2.7</v>
      </c>
      <c r="D58" s="44">
        <v>2.2000000000000002</v>
      </c>
      <c r="E58" s="44">
        <v>-0.3</v>
      </c>
      <c r="F58" s="67">
        <v>-2.2000000000000002</v>
      </c>
    </row>
    <row r="59" spans="2:27" x14ac:dyDescent="0.3">
      <c r="B59" s="66">
        <v>2.7</v>
      </c>
      <c r="C59" s="44">
        <v>1.3</v>
      </c>
      <c r="D59" s="44">
        <v>3.6</v>
      </c>
      <c r="E59" s="44">
        <v>2.9</v>
      </c>
      <c r="F59" s="67">
        <v>-18</v>
      </c>
      <c r="X59" s="123"/>
      <c r="AA59" s="126"/>
    </row>
    <row r="60" spans="2:27" x14ac:dyDescent="0.3">
      <c r="B60" s="66">
        <v>-0.8</v>
      </c>
      <c r="C60" s="44">
        <v>-2.2999999999999998</v>
      </c>
      <c r="D60" s="44">
        <v>4.5999999999999996</v>
      </c>
      <c r="E60" s="44">
        <v>5.2</v>
      </c>
      <c r="F60" s="67">
        <v>-10.6</v>
      </c>
      <c r="X60" s="123"/>
      <c r="AA60" s="126"/>
    </row>
    <row r="61" spans="2:27" x14ac:dyDescent="0.3">
      <c r="B61" s="66">
        <v>-4.2</v>
      </c>
      <c r="C61" s="44">
        <v>-3</v>
      </c>
      <c r="D61" s="44">
        <v>6.8</v>
      </c>
      <c r="E61" s="44">
        <v>6.1</v>
      </c>
      <c r="F61" s="67">
        <v>-3.7</v>
      </c>
      <c r="X61" s="123"/>
      <c r="AA61" s="126"/>
    </row>
    <row r="62" spans="2:27" ht="29.4" customHeight="1" x14ac:dyDescent="0.3">
      <c r="B62" s="66">
        <v>-1.1000000000000001</v>
      </c>
      <c r="C62" s="44">
        <v>-2.9</v>
      </c>
      <c r="D62" s="44">
        <v>7.6</v>
      </c>
      <c r="E62" s="44">
        <v>4</v>
      </c>
      <c r="F62" s="67">
        <v>-2.2000000000000002</v>
      </c>
      <c r="X62" s="123"/>
      <c r="AA62" s="126"/>
    </row>
    <row r="63" spans="2:27" x14ac:dyDescent="0.3">
      <c r="B63" s="66">
        <v>-2.6</v>
      </c>
      <c r="C63" s="44">
        <v>-1</v>
      </c>
      <c r="D63" s="44">
        <v>8</v>
      </c>
      <c r="E63" s="44">
        <v>5.3</v>
      </c>
      <c r="F63" s="67">
        <v>-2.4</v>
      </c>
    </row>
    <row r="64" spans="2:27" ht="16.2" customHeight="1" x14ac:dyDescent="0.3">
      <c r="B64" s="66">
        <v>-2.8</v>
      </c>
      <c r="C64" s="44">
        <v>1.8</v>
      </c>
      <c r="D64" s="44">
        <v>9</v>
      </c>
      <c r="E64" s="44">
        <v>5.0999999999999996</v>
      </c>
      <c r="F64" s="67">
        <v>-5.5</v>
      </c>
    </row>
    <row r="65" spans="2:28" x14ac:dyDescent="0.3">
      <c r="B65" s="66">
        <v>2.5</v>
      </c>
      <c r="C65" s="44">
        <v>1.2</v>
      </c>
      <c r="D65" s="44">
        <v>10.4</v>
      </c>
      <c r="E65" s="44">
        <v>0.5</v>
      </c>
      <c r="F65" s="67">
        <v>-8.4</v>
      </c>
    </row>
    <row r="66" spans="2:28" x14ac:dyDescent="0.3">
      <c r="B66" s="66">
        <v>3.8</v>
      </c>
      <c r="C66" s="44">
        <v>2.1</v>
      </c>
      <c r="D66" s="44">
        <v>6.6</v>
      </c>
      <c r="E66" s="44">
        <v>-1.9</v>
      </c>
      <c r="F66" s="67">
        <v>-9.8000000000000007</v>
      </c>
    </row>
    <row r="67" spans="2:28" x14ac:dyDescent="0.3">
      <c r="B67" s="66">
        <v>3.7</v>
      </c>
      <c r="C67" s="44">
        <v>2.6</v>
      </c>
      <c r="D67" s="44">
        <v>5.6</v>
      </c>
      <c r="E67" s="44">
        <v>-1.9</v>
      </c>
      <c r="F67" s="67">
        <v>-16</v>
      </c>
    </row>
    <row r="68" spans="2:28" x14ac:dyDescent="0.3">
      <c r="B68" s="66">
        <v>6.1</v>
      </c>
      <c r="C68" s="44">
        <v>1.7</v>
      </c>
      <c r="D68" s="44">
        <v>6.1</v>
      </c>
      <c r="E68" s="44">
        <v>-1.1000000000000001</v>
      </c>
      <c r="F68" s="67">
        <v>-27.5</v>
      </c>
      <c r="Y68" s="123"/>
    </row>
    <row r="69" spans="2:28" x14ac:dyDescent="0.3">
      <c r="B69" s="66">
        <v>1.6</v>
      </c>
      <c r="C69" s="44">
        <v>0.8</v>
      </c>
      <c r="D69" s="44">
        <v>7.2</v>
      </c>
      <c r="E69" s="44">
        <v>0.4</v>
      </c>
      <c r="F69" s="67">
        <v>-29.2</v>
      </c>
    </row>
    <row r="70" spans="2:28" x14ac:dyDescent="0.3">
      <c r="B70" s="66">
        <v>-0.6</v>
      </c>
      <c r="C70" s="44">
        <v>0.5</v>
      </c>
      <c r="D70" s="44">
        <v>5.5</v>
      </c>
      <c r="E70" s="44">
        <v>2</v>
      </c>
      <c r="F70" s="67">
        <v>-22.2</v>
      </c>
      <c r="X70" s="123"/>
      <c r="Y70" s="123"/>
      <c r="AB70" s="123"/>
    </row>
    <row r="71" spans="2:28" x14ac:dyDescent="0.3">
      <c r="B71" s="66">
        <v>0</v>
      </c>
      <c r="C71" s="44">
        <v>-0.4</v>
      </c>
      <c r="D71" s="44">
        <v>5.8</v>
      </c>
      <c r="E71" s="44">
        <v>4.8</v>
      </c>
      <c r="F71" s="67">
        <v>-9.9</v>
      </c>
      <c r="X71" s="123"/>
      <c r="Y71" s="123"/>
      <c r="AB71" s="123"/>
    </row>
    <row r="72" spans="2:28" x14ac:dyDescent="0.3">
      <c r="B72" s="66">
        <v>6.6</v>
      </c>
      <c r="C72" s="44">
        <v>1.6</v>
      </c>
      <c r="D72" s="44">
        <v>6.6</v>
      </c>
      <c r="E72" s="44">
        <v>7.8</v>
      </c>
      <c r="F72" s="67">
        <v>-8.6999999999999993</v>
      </c>
      <c r="X72" s="123"/>
      <c r="Y72" s="123"/>
      <c r="AB72" s="123"/>
    </row>
    <row r="73" spans="2:28" x14ac:dyDescent="0.3">
      <c r="B73" s="66">
        <v>8.1</v>
      </c>
      <c r="C73" s="44">
        <v>3.2</v>
      </c>
      <c r="D73" s="44">
        <v>6.2</v>
      </c>
      <c r="E73" s="44">
        <v>7</v>
      </c>
      <c r="F73" s="67">
        <v>-10.8</v>
      </c>
      <c r="X73" s="123"/>
      <c r="Y73" s="123"/>
      <c r="AB73" s="123"/>
    </row>
    <row r="74" spans="2:28" x14ac:dyDescent="0.3">
      <c r="B74" s="66">
        <v>3</v>
      </c>
      <c r="C74" s="44">
        <v>-0.4</v>
      </c>
      <c r="D74" s="44">
        <v>7.3</v>
      </c>
      <c r="E74" s="44">
        <v>6.5</v>
      </c>
      <c r="F74" s="67">
        <v>-15.6</v>
      </c>
      <c r="X74" s="124"/>
      <c r="Y74" s="123"/>
      <c r="AB74" s="123"/>
    </row>
    <row r="75" spans="2:28" x14ac:dyDescent="0.3">
      <c r="B75" s="66">
        <v>0.7</v>
      </c>
      <c r="C75" s="44">
        <v>-1.7</v>
      </c>
      <c r="D75" s="44">
        <v>9.1999999999999993</v>
      </c>
      <c r="E75" s="44">
        <v>4.5</v>
      </c>
      <c r="F75" s="67">
        <v>-8.3000000000000007</v>
      </c>
      <c r="X75" s="123"/>
      <c r="Y75" s="123"/>
    </row>
    <row r="76" spans="2:28" x14ac:dyDescent="0.3">
      <c r="B76" s="66">
        <v>4.5</v>
      </c>
      <c r="C76" s="44">
        <v>-0.2</v>
      </c>
      <c r="D76" s="44">
        <v>9</v>
      </c>
      <c r="E76" s="44">
        <v>3.9</v>
      </c>
      <c r="F76" s="67">
        <v>-2.2000000000000002</v>
      </c>
    </row>
    <row r="77" spans="2:28" x14ac:dyDescent="0.3">
      <c r="B77" s="66">
        <v>2.9</v>
      </c>
      <c r="C77" s="44">
        <v>-2.8</v>
      </c>
      <c r="D77" s="44">
        <v>9.1</v>
      </c>
      <c r="E77" s="44">
        <v>8.8000000000000007</v>
      </c>
      <c r="F77" s="67">
        <v>-4</v>
      </c>
      <c r="W77" s="123"/>
    </row>
    <row r="78" spans="2:28" x14ac:dyDescent="0.3">
      <c r="B78" s="66">
        <v>1.4</v>
      </c>
      <c r="C78" s="44">
        <v>0.9</v>
      </c>
      <c r="D78" s="44">
        <v>10</v>
      </c>
      <c r="E78" s="44">
        <v>15</v>
      </c>
      <c r="F78" s="67">
        <v>-16.100000000000001</v>
      </c>
      <c r="W78" s="123"/>
      <c r="Y78" s="125"/>
    </row>
    <row r="79" spans="2:28" x14ac:dyDescent="0.3">
      <c r="B79" s="66">
        <v>0</v>
      </c>
      <c r="C79" s="44">
        <v>-0.6</v>
      </c>
      <c r="D79" s="44">
        <v>12.8</v>
      </c>
      <c r="E79" s="44">
        <v>12</v>
      </c>
      <c r="F79" s="67">
        <v>-9</v>
      </c>
      <c r="AA79" s="125"/>
    </row>
    <row r="80" spans="2:28" x14ac:dyDescent="0.3">
      <c r="B80" s="66">
        <v>0.9</v>
      </c>
      <c r="C80" s="44">
        <v>-0.4</v>
      </c>
      <c r="D80" s="44">
        <v>14</v>
      </c>
      <c r="E80" s="44">
        <v>9.1</v>
      </c>
      <c r="F80" s="67">
        <v>-4.5</v>
      </c>
    </row>
    <row r="81" spans="2:28" x14ac:dyDescent="0.3">
      <c r="B81" s="66">
        <v>-1.2</v>
      </c>
      <c r="C81" s="44">
        <v>-1.1000000000000001</v>
      </c>
      <c r="D81" s="44">
        <v>13</v>
      </c>
      <c r="E81" s="44">
        <v>12.8</v>
      </c>
      <c r="F81" s="67">
        <v>-1.4</v>
      </c>
    </row>
    <row r="82" spans="2:28" x14ac:dyDescent="0.3">
      <c r="B82" s="66">
        <v>-0.2</v>
      </c>
      <c r="C82" s="44">
        <v>-0.3</v>
      </c>
      <c r="D82" s="44">
        <v>10.8</v>
      </c>
      <c r="E82" s="44">
        <v>13.1</v>
      </c>
      <c r="F82" s="67">
        <v>0.9</v>
      </c>
    </row>
    <row r="83" spans="2:28" x14ac:dyDescent="0.3">
      <c r="B83" s="66">
        <v>0.8</v>
      </c>
      <c r="C83" s="44">
        <v>2.4</v>
      </c>
      <c r="D83" s="44">
        <v>6.2</v>
      </c>
      <c r="E83" s="44">
        <v>10.199999999999999</v>
      </c>
      <c r="F83" s="67">
        <v>0.7</v>
      </c>
    </row>
    <row r="84" spans="2:28" x14ac:dyDescent="0.3">
      <c r="B84" s="66">
        <v>0.7</v>
      </c>
      <c r="C84" s="44">
        <v>2.6</v>
      </c>
      <c r="D84" s="44">
        <v>4.7</v>
      </c>
      <c r="E84" s="44">
        <v>12.8</v>
      </c>
      <c r="F84" s="67">
        <v>0.4</v>
      </c>
    </row>
    <row r="85" spans="2:28" x14ac:dyDescent="0.3">
      <c r="B85" s="66">
        <v>0.8</v>
      </c>
      <c r="C85" s="44">
        <v>1.4</v>
      </c>
      <c r="D85" s="44">
        <v>5</v>
      </c>
      <c r="E85" s="44">
        <v>8.6</v>
      </c>
      <c r="F85" s="67">
        <v>-2</v>
      </c>
      <c r="X85" s="123"/>
      <c r="AA85" s="126"/>
    </row>
    <row r="86" spans="2:28" x14ac:dyDescent="0.3">
      <c r="B86" s="66">
        <v>3.6</v>
      </c>
      <c r="C86" s="44">
        <v>2.4</v>
      </c>
      <c r="D86" s="44">
        <v>5.8</v>
      </c>
      <c r="E86" s="44">
        <v>2.7</v>
      </c>
      <c r="F86" s="67">
        <v>-7.7</v>
      </c>
      <c r="X86" s="123"/>
      <c r="AA86" s="126"/>
    </row>
    <row r="87" spans="2:28" x14ac:dyDescent="0.3">
      <c r="B87" s="66">
        <v>5.0999999999999996</v>
      </c>
      <c r="C87" s="44">
        <v>5.3</v>
      </c>
      <c r="D87" s="44">
        <v>3.6</v>
      </c>
      <c r="E87" s="44">
        <v>2</v>
      </c>
      <c r="F87" s="67">
        <v>-7.8</v>
      </c>
      <c r="X87" s="123"/>
      <c r="AA87" s="126"/>
    </row>
    <row r="88" spans="2:28" x14ac:dyDescent="0.3">
      <c r="B88" s="66">
        <v>5.4</v>
      </c>
      <c r="C88" s="44">
        <v>3.2</v>
      </c>
      <c r="D88" s="44">
        <v>3.6</v>
      </c>
      <c r="E88" s="44">
        <v>3</v>
      </c>
      <c r="F88" s="67">
        <v>0.7</v>
      </c>
      <c r="X88" s="123"/>
      <c r="AA88" s="126"/>
    </row>
    <row r="89" spans="2:28" x14ac:dyDescent="0.3">
      <c r="B89" s="66">
        <v>5.3</v>
      </c>
      <c r="C89" s="44">
        <v>4.5999999999999996</v>
      </c>
      <c r="D89" s="44">
        <v>2.2999999999999998</v>
      </c>
      <c r="E89" s="44">
        <v>4.4000000000000004</v>
      </c>
      <c r="F89" s="67">
        <v>1.6</v>
      </c>
    </row>
    <row r="90" spans="2:28" x14ac:dyDescent="0.3">
      <c r="B90" s="66">
        <v>4.7</v>
      </c>
      <c r="C90" s="44">
        <v>3.3</v>
      </c>
      <c r="D90" s="44">
        <v>4.2</v>
      </c>
      <c r="E90" s="44">
        <v>7</v>
      </c>
      <c r="F90" s="67">
        <v>2</v>
      </c>
    </row>
    <row r="91" spans="2:28" x14ac:dyDescent="0.3">
      <c r="B91" s="66">
        <v>1.8</v>
      </c>
      <c r="C91" s="44">
        <v>2.2999999999999998</v>
      </c>
      <c r="D91" s="44">
        <v>6</v>
      </c>
      <c r="E91" s="44">
        <v>7</v>
      </c>
      <c r="F91" s="67">
        <v>2</v>
      </c>
    </row>
    <row r="92" spans="2:28" x14ac:dyDescent="0.3">
      <c r="B92" s="66">
        <v>-1.1000000000000001</v>
      </c>
      <c r="C92" s="44">
        <v>-1.1000000000000001</v>
      </c>
      <c r="D92" s="44">
        <v>6.9</v>
      </c>
      <c r="E92" s="44">
        <v>7.5</v>
      </c>
      <c r="F92" s="67">
        <v>1.8</v>
      </c>
    </row>
    <row r="93" spans="2:28" x14ac:dyDescent="0.3">
      <c r="B93" s="66">
        <v>-0.3</v>
      </c>
      <c r="C93" s="44">
        <v>0.7</v>
      </c>
      <c r="D93" s="44">
        <v>6.3</v>
      </c>
      <c r="E93" s="44">
        <v>5</v>
      </c>
      <c r="F93" s="67">
        <v>0.9</v>
      </c>
      <c r="Y93" s="123"/>
    </row>
    <row r="94" spans="2:28" x14ac:dyDescent="0.3">
      <c r="B94" s="66">
        <v>-3.4</v>
      </c>
      <c r="C94" s="44">
        <v>3.5</v>
      </c>
      <c r="D94" s="44">
        <v>9</v>
      </c>
      <c r="E94" s="44">
        <v>6.5</v>
      </c>
      <c r="F94" s="67">
        <v>-1.8</v>
      </c>
    </row>
    <row r="95" spans="2:28" x14ac:dyDescent="0.3">
      <c r="B95" s="66">
        <v>-4.8</v>
      </c>
      <c r="C95" s="44">
        <v>5.0999999999999996</v>
      </c>
      <c r="D95" s="44">
        <v>12</v>
      </c>
      <c r="E95" s="44">
        <v>7.9</v>
      </c>
      <c r="F95" s="67">
        <v>-7.3</v>
      </c>
      <c r="X95" s="123"/>
      <c r="Y95" s="123"/>
      <c r="AB95" s="123"/>
    </row>
    <row r="96" spans="2:28" x14ac:dyDescent="0.3">
      <c r="B96" s="66">
        <v>-6.6</v>
      </c>
      <c r="C96" s="44">
        <v>3.3</v>
      </c>
      <c r="D96" s="44">
        <v>12.6</v>
      </c>
      <c r="E96" s="44">
        <v>8.8000000000000007</v>
      </c>
      <c r="F96" s="67">
        <v>-7.3</v>
      </c>
      <c r="X96" s="123"/>
      <c r="Y96" s="123"/>
      <c r="AB96" s="123"/>
    </row>
    <row r="97" spans="2:28" x14ac:dyDescent="0.3">
      <c r="B97" s="66">
        <v>-7.8</v>
      </c>
      <c r="C97" s="44">
        <v>4</v>
      </c>
      <c r="D97" s="44">
        <v>14</v>
      </c>
      <c r="E97" s="44">
        <v>12.3</v>
      </c>
      <c r="F97" s="67">
        <v>-2.7</v>
      </c>
      <c r="X97" s="123"/>
      <c r="Y97" s="123"/>
      <c r="AB97" s="123"/>
    </row>
    <row r="98" spans="2:28" x14ac:dyDescent="0.3">
      <c r="B98" s="66">
        <v>-4.3</v>
      </c>
      <c r="C98" s="44">
        <v>7.4</v>
      </c>
      <c r="D98" s="44">
        <v>13.6</v>
      </c>
      <c r="E98" s="44">
        <v>11.6</v>
      </c>
      <c r="F98" s="67">
        <v>-3.4</v>
      </c>
      <c r="X98" s="123"/>
      <c r="Y98" s="123"/>
      <c r="AB98" s="123"/>
    </row>
    <row r="99" spans="2:28" x14ac:dyDescent="0.3">
      <c r="B99" s="66">
        <v>-3.1</v>
      </c>
      <c r="C99" s="44">
        <v>5.5</v>
      </c>
      <c r="D99" s="44">
        <v>14.4</v>
      </c>
      <c r="E99" s="44">
        <v>8.6999999999999993</v>
      </c>
      <c r="F99" s="67">
        <v>-8.1999999999999993</v>
      </c>
      <c r="X99" s="124"/>
      <c r="Y99" s="123"/>
      <c r="AB99" s="123"/>
    </row>
    <row r="100" spans="2:28" x14ac:dyDescent="0.3">
      <c r="B100" s="66">
        <v>-2.4</v>
      </c>
      <c r="C100" s="44">
        <v>6.4</v>
      </c>
      <c r="D100" s="44">
        <v>15.2</v>
      </c>
      <c r="E100" s="44">
        <v>5.4</v>
      </c>
      <c r="F100" s="67">
        <v>-11.3</v>
      </c>
      <c r="X100" s="123"/>
      <c r="Y100" s="123"/>
    </row>
    <row r="101" spans="2:28" x14ac:dyDescent="0.3">
      <c r="B101" s="66">
        <v>-0.4</v>
      </c>
      <c r="C101" s="44">
        <v>6.2</v>
      </c>
      <c r="D101" s="44">
        <v>15</v>
      </c>
      <c r="E101" s="44">
        <v>11.6</v>
      </c>
      <c r="F101" s="67">
        <v>-9.6</v>
      </c>
    </row>
    <row r="102" spans="2:28" x14ac:dyDescent="0.3">
      <c r="B102" s="66">
        <v>0</v>
      </c>
      <c r="C102" s="44">
        <v>6</v>
      </c>
      <c r="D102" s="44">
        <v>12.2</v>
      </c>
      <c r="E102" s="44">
        <v>11.5</v>
      </c>
      <c r="F102" s="67">
        <v>-3.9</v>
      </c>
      <c r="W102" s="123"/>
    </row>
    <row r="103" spans="2:28" x14ac:dyDescent="0.3">
      <c r="B103" s="66">
        <v>0.9</v>
      </c>
      <c r="C103" s="44">
        <v>4</v>
      </c>
      <c r="D103" s="44">
        <v>13.2</v>
      </c>
      <c r="E103" s="44">
        <v>8.4</v>
      </c>
      <c r="F103" s="67">
        <v>3.6</v>
      </c>
      <c r="W103" s="123"/>
      <c r="Y103" s="125"/>
    </row>
    <row r="104" spans="2:28" x14ac:dyDescent="0.3">
      <c r="B104" s="66">
        <v>0.8</v>
      </c>
      <c r="C104" s="44">
        <v>5.4</v>
      </c>
      <c r="D104" s="44">
        <v>16</v>
      </c>
      <c r="E104" s="44">
        <v>5.7</v>
      </c>
      <c r="F104" s="67">
        <v>0</v>
      </c>
      <c r="AA104" s="125"/>
    </row>
    <row r="105" spans="2:28" x14ac:dyDescent="0.3">
      <c r="B105" s="66">
        <v>3.7</v>
      </c>
      <c r="C105" s="44">
        <v>6.7</v>
      </c>
      <c r="D105" s="44">
        <v>13.4</v>
      </c>
      <c r="E105" s="44">
        <v>8.4</v>
      </c>
      <c r="F105" s="67">
        <v>-5.4</v>
      </c>
    </row>
    <row r="106" spans="2:28" x14ac:dyDescent="0.3">
      <c r="B106" s="66">
        <v>2.4</v>
      </c>
      <c r="C106" s="44">
        <v>5.6</v>
      </c>
      <c r="D106" s="44">
        <v>11</v>
      </c>
      <c r="E106" s="44">
        <v>10</v>
      </c>
      <c r="F106" s="67">
        <v>-8.8000000000000007</v>
      </c>
    </row>
    <row r="107" spans="2:28" x14ac:dyDescent="0.3">
      <c r="B107" s="66">
        <v>2.2000000000000002</v>
      </c>
      <c r="C107" s="44">
        <v>9.8000000000000007</v>
      </c>
      <c r="D107" s="44">
        <v>12.8</v>
      </c>
      <c r="E107" s="44">
        <v>9.9</v>
      </c>
      <c r="F107" s="67">
        <v>-3.3</v>
      </c>
    </row>
    <row r="108" spans="2:28" x14ac:dyDescent="0.3">
      <c r="B108" s="66">
        <v>3</v>
      </c>
      <c r="C108" s="44">
        <v>5.6</v>
      </c>
      <c r="D108" s="44">
        <v>13.4</v>
      </c>
      <c r="E108" s="44">
        <v>12.9</v>
      </c>
      <c r="F108" s="67">
        <v>-1.7</v>
      </c>
    </row>
    <row r="109" spans="2:28" x14ac:dyDescent="0.3">
      <c r="B109" s="66">
        <v>1.3</v>
      </c>
      <c r="C109" s="44">
        <v>4.9000000000000004</v>
      </c>
      <c r="D109" s="44">
        <v>14.5</v>
      </c>
      <c r="E109" s="44">
        <v>13.9</v>
      </c>
      <c r="F109" s="67">
        <v>0.4</v>
      </c>
    </row>
    <row r="110" spans="2:28" x14ac:dyDescent="0.3">
      <c r="B110" s="66">
        <v>0.4</v>
      </c>
      <c r="C110" s="44">
        <v>4.0999999999999996</v>
      </c>
      <c r="D110" s="44">
        <v>15.1</v>
      </c>
      <c r="E110" s="44">
        <v>16.2</v>
      </c>
      <c r="F110" s="67">
        <v>0.3</v>
      </c>
      <c r="X110" s="123"/>
      <c r="AA110" s="126"/>
    </row>
    <row r="111" spans="2:28" x14ac:dyDescent="0.3">
      <c r="B111" s="66">
        <v>1.4</v>
      </c>
      <c r="C111" s="44">
        <v>6.7</v>
      </c>
      <c r="D111" s="44">
        <v>14.8</v>
      </c>
      <c r="E111" s="44">
        <v>15.3</v>
      </c>
      <c r="F111" s="67">
        <v>0.4</v>
      </c>
      <c r="X111" s="123"/>
      <c r="AA111" s="126"/>
    </row>
    <row r="112" spans="2:28" x14ac:dyDescent="0.3">
      <c r="B112" s="66">
        <v>1.2</v>
      </c>
      <c r="C112" s="44">
        <v>7.8</v>
      </c>
      <c r="D112" s="44">
        <v>14.4</v>
      </c>
      <c r="E112" s="44">
        <v>16.600000000000001</v>
      </c>
      <c r="F112" s="67">
        <v>-1.8</v>
      </c>
      <c r="X112" s="123"/>
      <c r="AA112" s="126"/>
    </row>
    <row r="113" spans="2:27" x14ac:dyDescent="0.3">
      <c r="B113" s="66">
        <v>-1.3</v>
      </c>
      <c r="C113" s="44">
        <v>6</v>
      </c>
      <c r="D113" s="44">
        <v>14.6</v>
      </c>
      <c r="E113" s="44">
        <v>13.5</v>
      </c>
      <c r="F113" s="67">
        <v>-2.4</v>
      </c>
      <c r="X113" s="123"/>
      <c r="AA113" s="126"/>
    </row>
    <row r="114" spans="2:27" x14ac:dyDescent="0.3">
      <c r="B114" s="66">
        <v>-1.6</v>
      </c>
      <c r="C114" s="44">
        <v>2.6</v>
      </c>
      <c r="D114" s="44">
        <v>15.1</v>
      </c>
      <c r="E114" s="44">
        <v>13.3</v>
      </c>
      <c r="F114" s="67">
        <v>-6.9</v>
      </c>
    </row>
    <row r="115" spans="2:27" x14ac:dyDescent="0.3">
      <c r="B115" s="66">
        <v>-2.2000000000000002</v>
      </c>
      <c r="C115" s="44">
        <v>5.7</v>
      </c>
      <c r="D115" s="44">
        <v>13.6</v>
      </c>
      <c r="E115" s="44">
        <v>8.3000000000000007</v>
      </c>
      <c r="F115" s="67">
        <v>-7</v>
      </c>
    </row>
    <row r="116" spans="2:27" x14ac:dyDescent="0.3">
      <c r="B116" s="66">
        <v>-3.3</v>
      </c>
      <c r="C116" s="44">
        <v>2.2999999999999998</v>
      </c>
      <c r="D116" s="44">
        <v>15.6</v>
      </c>
      <c r="E116" s="44">
        <v>5.0999999999999996</v>
      </c>
      <c r="F116" s="67">
        <v>-0.5</v>
      </c>
    </row>
    <row r="117" spans="2:27" x14ac:dyDescent="0.3">
      <c r="B117" s="66">
        <v>-2.9</v>
      </c>
      <c r="C117" s="44">
        <v>0.6</v>
      </c>
      <c r="D117" s="44">
        <v>17.899999999999999</v>
      </c>
      <c r="E117" s="44">
        <v>5.4</v>
      </c>
      <c r="F117" s="67">
        <v>2.8</v>
      </c>
    </row>
    <row r="118" spans="2:27" x14ac:dyDescent="0.3">
      <c r="B118" s="66">
        <v>-2.2999999999999998</v>
      </c>
      <c r="C118" s="44">
        <v>0.6</v>
      </c>
      <c r="D118" s="44">
        <v>16.8</v>
      </c>
      <c r="E118" s="44">
        <v>9.8000000000000007</v>
      </c>
      <c r="F118" s="67">
        <v>1.9</v>
      </c>
    </row>
    <row r="119" spans="2:27" x14ac:dyDescent="0.3">
      <c r="B119" s="66">
        <v>-0.3</v>
      </c>
      <c r="C119" s="44">
        <v>1</v>
      </c>
      <c r="D119" s="44">
        <v>16</v>
      </c>
      <c r="E119" s="44">
        <v>14.2</v>
      </c>
      <c r="F119" s="67">
        <v>2.2999999999999998</v>
      </c>
    </row>
    <row r="120" spans="2:27" x14ac:dyDescent="0.3">
      <c r="B120" s="66">
        <v>0.9</v>
      </c>
      <c r="C120" s="44">
        <v>1.1000000000000001</v>
      </c>
      <c r="D120" s="44">
        <v>14.7</v>
      </c>
      <c r="E120" s="44">
        <v>13.6</v>
      </c>
      <c r="F120" s="67">
        <v>1.1000000000000001</v>
      </c>
    </row>
    <row r="121" spans="2:27" x14ac:dyDescent="0.3">
      <c r="B121" s="66">
        <v>1.8</v>
      </c>
      <c r="C121" s="44">
        <v>1.1000000000000001</v>
      </c>
      <c r="D121" s="44">
        <v>12.2</v>
      </c>
      <c r="E121" s="44">
        <v>9.6</v>
      </c>
      <c r="F121" s="67">
        <v>1.6</v>
      </c>
    </row>
    <row r="122" spans="2:27" x14ac:dyDescent="0.3">
      <c r="B122" s="66">
        <v>4</v>
      </c>
      <c r="C122" s="44">
        <v>0.7</v>
      </c>
      <c r="D122" s="44">
        <v>12.2</v>
      </c>
      <c r="E122" s="44">
        <v>5.6</v>
      </c>
      <c r="F122" s="67">
        <v>-2.1</v>
      </c>
    </row>
    <row r="123" spans="2:27" x14ac:dyDescent="0.3">
      <c r="B123" s="66">
        <v>5.5</v>
      </c>
      <c r="C123" s="44">
        <v>0.1</v>
      </c>
      <c r="D123" s="44">
        <v>14.5</v>
      </c>
      <c r="E123" s="44">
        <v>4</v>
      </c>
      <c r="F123" s="67">
        <v>-8</v>
      </c>
    </row>
    <row r="124" spans="2:27" x14ac:dyDescent="0.3">
      <c r="B124" s="66">
        <v>6.8</v>
      </c>
      <c r="C124" s="44">
        <v>-0.2</v>
      </c>
      <c r="D124" s="44">
        <v>13.4</v>
      </c>
      <c r="E124" s="44">
        <v>3.7</v>
      </c>
      <c r="F124" s="67">
        <v>-7.2</v>
      </c>
    </row>
    <row r="125" spans="2:27" x14ac:dyDescent="0.3">
      <c r="B125" s="66">
        <v>4.7</v>
      </c>
      <c r="C125" s="44">
        <v>1</v>
      </c>
      <c r="D125" s="44">
        <v>16.2</v>
      </c>
      <c r="E125" s="44">
        <v>6.4</v>
      </c>
      <c r="F125" s="67">
        <v>-4.8</v>
      </c>
    </row>
    <row r="126" spans="2:27" x14ac:dyDescent="0.3">
      <c r="B126" s="66">
        <v>4.4000000000000004</v>
      </c>
      <c r="C126" s="44">
        <v>0.9</v>
      </c>
      <c r="D126" s="44">
        <v>16.7</v>
      </c>
      <c r="E126" s="44">
        <v>7.9</v>
      </c>
      <c r="F126" s="67">
        <v>-1</v>
      </c>
    </row>
    <row r="127" spans="2:27" x14ac:dyDescent="0.3">
      <c r="B127" s="66">
        <v>6.3</v>
      </c>
      <c r="C127" s="44">
        <v>0.2</v>
      </c>
      <c r="D127" s="44">
        <v>17.600000000000001</v>
      </c>
      <c r="E127" s="44">
        <v>4.8</v>
      </c>
      <c r="F127" s="67">
        <v>5.0999999999999996</v>
      </c>
    </row>
    <row r="128" spans="2:27" x14ac:dyDescent="0.3">
      <c r="B128" s="66">
        <v>5.8</v>
      </c>
      <c r="C128" s="44">
        <v>2.4</v>
      </c>
      <c r="D128" s="44">
        <v>18.600000000000001</v>
      </c>
      <c r="E128" s="44">
        <v>7.4</v>
      </c>
      <c r="F128" s="67">
        <v>5.5</v>
      </c>
    </row>
    <row r="129" spans="2:6" x14ac:dyDescent="0.3">
      <c r="B129" s="66">
        <v>7.8</v>
      </c>
      <c r="C129" s="44">
        <v>3.5</v>
      </c>
      <c r="D129" s="44">
        <v>19</v>
      </c>
      <c r="E129" s="44">
        <v>10.6</v>
      </c>
      <c r="F129" s="67">
        <v>4.9000000000000004</v>
      </c>
    </row>
    <row r="130" spans="2:6" x14ac:dyDescent="0.3">
      <c r="B130" s="66">
        <v>8.6999999999999993</v>
      </c>
      <c r="C130" s="44">
        <v>3.3</v>
      </c>
      <c r="D130" s="44">
        <v>18.600000000000001</v>
      </c>
      <c r="E130" s="44">
        <v>9.1999999999999993</v>
      </c>
      <c r="F130" s="67">
        <v>4.4000000000000004</v>
      </c>
    </row>
    <row r="131" spans="2:6" x14ac:dyDescent="0.3">
      <c r="B131" s="66">
        <v>9.4</v>
      </c>
      <c r="C131" s="44">
        <v>4.9000000000000004</v>
      </c>
      <c r="D131" s="44">
        <v>15</v>
      </c>
      <c r="E131" s="44">
        <v>10.8</v>
      </c>
      <c r="F131" s="67">
        <v>2.8</v>
      </c>
    </row>
    <row r="132" spans="2:6" x14ac:dyDescent="0.3">
      <c r="B132" s="66">
        <v>8.9</v>
      </c>
      <c r="C132" s="44">
        <v>5.9</v>
      </c>
      <c r="D132" s="44">
        <v>11.4</v>
      </c>
      <c r="E132" s="44">
        <v>11.3</v>
      </c>
      <c r="F132" s="67">
        <v>4.7</v>
      </c>
    </row>
    <row r="133" spans="2:6" x14ac:dyDescent="0.3">
      <c r="B133" s="66">
        <v>7.1</v>
      </c>
      <c r="C133" s="44">
        <v>5.7</v>
      </c>
      <c r="D133" s="44">
        <v>14.1</v>
      </c>
      <c r="E133" s="44">
        <v>6.3</v>
      </c>
      <c r="F133" s="67">
        <v>4.7</v>
      </c>
    </row>
    <row r="134" spans="2:6" x14ac:dyDescent="0.3">
      <c r="B134" s="66">
        <v>7</v>
      </c>
      <c r="C134" s="44">
        <v>6</v>
      </c>
      <c r="D134" s="44">
        <v>16.7</v>
      </c>
      <c r="E134" s="44">
        <v>6.6</v>
      </c>
      <c r="F134" s="67">
        <v>-0.5</v>
      </c>
    </row>
    <row r="135" spans="2:6" x14ac:dyDescent="0.3">
      <c r="B135" s="66">
        <v>7.3</v>
      </c>
      <c r="C135" s="44">
        <v>8.1999999999999993</v>
      </c>
      <c r="D135" s="44">
        <v>17.2</v>
      </c>
      <c r="E135" s="44">
        <v>9.4</v>
      </c>
      <c r="F135" s="67">
        <v>-1.1000000000000001</v>
      </c>
    </row>
    <row r="136" spans="2:6" x14ac:dyDescent="0.3">
      <c r="B136" s="66">
        <v>7.7</v>
      </c>
      <c r="C136" s="44">
        <v>8.6</v>
      </c>
      <c r="D136" s="44">
        <v>17.899999999999999</v>
      </c>
      <c r="E136" s="44">
        <v>13.2</v>
      </c>
      <c r="F136" s="67">
        <v>-2.1</v>
      </c>
    </row>
    <row r="137" spans="2:6" x14ac:dyDescent="0.3">
      <c r="B137" s="66">
        <v>9.3000000000000007</v>
      </c>
      <c r="C137" s="44">
        <v>10.6</v>
      </c>
      <c r="D137" s="44">
        <v>15.9</v>
      </c>
      <c r="E137" s="44">
        <v>12.9</v>
      </c>
      <c r="F137" s="67">
        <v>-0.9</v>
      </c>
    </row>
    <row r="138" spans="2:6" x14ac:dyDescent="0.3">
      <c r="B138" s="66">
        <v>9.6</v>
      </c>
      <c r="C138" s="44">
        <v>11.3</v>
      </c>
      <c r="D138" s="44">
        <v>17.100000000000001</v>
      </c>
      <c r="E138" s="44">
        <v>11.1</v>
      </c>
      <c r="F138" s="67">
        <v>-1.3</v>
      </c>
    </row>
    <row r="139" spans="2:6" x14ac:dyDescent="0.3">
      <c r="B139" s="66">
        <v>9.8000000000000007</v>
      </c>
      <c r="C139" s="44">
        <v>10.6</v>
      </c>
      <c r="D139" s="44">
        <v>19.3</v>
      </c>
      <c r="E139" s="44">
        <v>12.2</v>
      </c>
      <c r="F139" s="67">
        <v>-1.6</v>
      </c>
    </row>
    <row r="140" spans="2:6" x14ac:dyDescent="0.3">
      <c r="B140" s="66">
        <v>9.3000000000000007</v>
      </c>
      <c r="C140" s="44">
        <v>10.7</v>
      </c>
      <c r="D140" s="44">
        <v>18.8</v>
      </c>
      <c r="E140" s="44">
        <v>14.4</v>
      </c>
      <c r="F140" s="67">
        <v>-1.1000000000000001</v>
      </c>
    </row>
    <row r="141" spans="2:6" x14ac:dyDescent="0.3">
      <c r="B141" s="66">
        <v>5.8</v>
      </c>
      <c r="C141" s="44">
        <v>7.9</v>
      </c>
      <c r="D141" s="44">
        <v>16.2</v>
      </c>
      <c r="E141" s="44">
        <v>16.2</v>
      </c>
      <c r="F141" s="67">
        <v>-2</v>
      </c>
    </row>
    <row r="142" spans="2:6" x14ac:dyDescent="0.3">
      <c r="B142" s="66">
        <v>2</v>
      </c>
      <c r="C142" s="44">
        <v>9.5</v>
      </c>
      <c r="D142" s="44">
        <v>16.2</v>
      </c>
      <c r="E142" s="44">
        <v>17.8</v>
      </c>
      <c r="F142" s="67">
        <v>-1.7</v>
      </c>
    </row>
    <row r="143" spans="2:6" x14ac:dyDescent="0.3">
      <c r="B143" s="66">
        <v>2.7</v>
      </c>
      <c r="C143" s="44">
        <v>9.8000000000000007</v>
      </c>
      <c r="D143" s="44">
        <v>18.399999999999999</v>
      </c>
      <c r="E143" s="44">
        <v>15.4</v>
      </c>
      <c r="F143" s="67">
        <v>0.1</v>
      </c>
    </row>
    <row r="144" spans="2:6" x14ac:dyDescent="0.3">
      <c r="B144" s="66">
        <v>1.2</v>
      </c>
      <c r="C144" s="44">
        <v>6.1</v>
      </c>
      <c r="D144" s="44">
        <v>20.6</v>
      </c>
      <c r="E144" s="44">
        <v>12.5</v>
      </c>
      <c r="F144" s="67">
        <v>-0.1</v>
      </c>
    </row>
    <row r="145" spans="2:6" x14ac:dyDescent="0.3">
      <c r="B145" s="66">
        <v>2.4</v>
      </c>
      <c r="C145" s="44">
        <v>3.8</v>
      </c>
      <c r="D145" s="44">
        <v>21.2</v>
      </c>
      <c r="E145" s="44">
        <v>10.3</v>
      </c>
      <c r="F145" s="67">
        <v>-0.1</v>
      </c>
    </row>
    <row r="146" spans="2:6" x14ac:dyDescent="0.3">
      <c r="B146" s="66">
        <v>2.7</v>
      </c>
      <c r="C146" s="44">
        <v>3.3</v>
      </c>
      <c r="D146" s="44">
        <v>23.2</v>
      </c>
      <c r="E146" s="44">
        <v>11.5</v>
      </c>
      <c r="F146" s="67">
        <v>1.5</v>
      </c>
    </row>
    <row r="147" spans="2:6" x14ac:dyDescent="0.3">
      <c r="B147" s="66">
        <v>5.3</v>
      </c>
      <c r="C147" s="44">
        <v>4.0999999999999996</v>
      </c>
      <c r="D147" s="44">
        <v>24.8</v>
      </c>
      <c r="E147" s="44">
        <v>13.4</v>
      </c>
      <c r="F147" s="67">
        <v>0.4</v>
      </c>
    </row>
    <row r="148" spans="2:6" x14ac:dyDescent="0.3">
      <c r="B148" s="66">
        <v>2</v>
      </c>
      <c r="C148" s="44">
        <v>4.2</v>
      </c>
      <c r="D148" s="44">
        <v>20.9</v>
      </c>
      <c r="E148" s="44">
        <v>15</v>
      </c>
      <c r="F148" s="67">
        <v>1.1000000000000001</v>
      </c>
    </row>
    <row r="149" spans="2:6" x14ac:dyDescent="0.3">
      <c r="B149" s="66">
        <v>2.2999999999999998</v>
      </c>
      <c r="C149" s="44">
        <v>4.9000000000000004</v>
      </c>
      <c r="D149" s="44">
        <v>19.2</v>
      </c>
      <c r="E149" s="44">
        <v>14.6</v>
      </c>
      <c r="F149" s="67">
        <v>3.9</v>
      </c>
    </row>
    <row r="150" spans="2:6" x14ac:dyDescent="0.3">
      <c r="B150" s="66">
        <v>3.5</v>
      </c>
      <c r="C150" s="44">
        <v>8.1</v>
      </c>
      <c r="D150" s="44">
        <v>19.399999999999999</v>
      </c>
      <c r="E150" s="44">
        <v>14.1</v>
      </c>
      <c r="F150" s="67">
        <v>5.4</v>
      </c>
    </row>
    <row r="151" spans="2:6" x14ac:dyDescent="0.3">
      <c r="B151" s="66">
        <v>5.2</v>
      </c>
      <c r="C151" s="44">
        <v>5.2</v>
      </c>
      <c r="D151" s="44">
        <v>20.7</v>
      </c>
      <c r="E151" s="44">
        <v>15.9</v>
      </c>
      <c r="F151" s="67">
        <v>6.4</v>
      </c>
    </row>
    <row r="152" spans="2:6" x14ac:dyDescent="0.3">
      <c r="B152" s="66">
        <v>3.9</v>
      </c>
      <c r="C152" s="44">
        <v>3.2</v>
      </c>
      <c r="D152" s="44">
        <v>22.6</v>
      </c>
      <c r="E152" s="44">
        <v>15</v>
      </c>
      <c r="F152" s="67">
        <v>9.6</v>
      </c>
    </row>
    <row r="153" spans="2:6" x14ac:dyDescent="0.3">
      <c r="B153" s="66">
        <v>4.8</v>
      </c>
      <c r="C153" s="44">
        <v>5</v>
      </c>
      <c r="D153" s="44">
        <v>20.100000000000001</v>
      </c>
      <c r="E153" s="44">
        <v>14.8</v>
      </c>
      <c r="F153" s="67">
        <v>9.6</v>
      </c>
    </row>
    <row r="154" spans="2:6" x14ac:dyDescent="0.3">
      <c r="B154" s="66">
        <v>6.9</v>
      </c>
      <c r="C154" s="44">
        <v>7.5</v>
      </c>
      <c r="D154" s="44">
        <v>19.399999999999999</v>
      </c>
      <c r="E154" s="44">
        <v>16.7</v>
      </c>
      <c r="F154" s="67">
        <v>9.6999999999999993</v>
      </c>
    </row>
    <row r="155" spans="2:6" x14ac:dyDescent="0.3">
      <c r="B155" s="66">
        <v>8.6</v>
      </c>
      <c r="C155" s="44">
        <v>8.6</v>
      </c>
      <c r="D155" s="44">
        <v>20.8</v>
      </c>
      <c r="E155" s="44">
        <v>19.399999999999999</v>
      </c>
      <c r="F155" s="67">
        <v>9.6</v>
      </c>
    </row>
    <row r="156" spans="2:6" x14ac:dyDescent="0.3">
      <c r="B156" s="66">
        <v>9.5</v>
      </c>
      <c r="C156" s="44">
        <v>4.2</v>
      </c>
      <c r="D156" s="44">
        <v>21.6</v>
      </c>
      <c r="E156" s="44">
        <v>16.3</v>
      </c>
      <c r="F156" s="67">
        <v>3.1</v>
      </c>
    </row>
    <row r="157" spans="2:6" x14ac:dyDescent="0.3">
      <c r="B157" s="66">
        <v>12.1</v>
      </c>
      <c r="C157" s="44">
        <v>5.3</v>
      </c>
      <c r="D157" s="44">
        <v>21.8</v>
      </c>
      <c r="E157" s="44">
        <v>12.7</v>
      </c>
      <c r="F157" s="67">
        <v>5</v>
      </c>
    </row>
    <row r="158" spans="2:6" x14ac:dyDescent="0.3">
      <c r="B158" s="66">
        <v>13.7</v>
      </c>
      <c r="C158" s="44">
        <v>9.4</v>
      </c>
      <c r="D158" s="44">
        <v>22.2</v>
      </c>
      <c r="E158" s="44">
        <v>13.9</v>
      </c>
      <c r="F158" s="67">
        <v>6.6</v>
      </c>
    </row>
    <row r="159" spans="2:6" x14ac:dyDescent="0.3">
      <c r="B159" s="66">
        <v>14.4</v>
      </c>
      <c r="C159" s="44">
        <v>11.4</v>
      </c>
      <c r="D159" s="44">
        <v>19</v>
      </c>
      <c r="E159" s="44">
        <v>15.4</v>
      </c>
      <c r="F159" s="67">
        <v>4.7</v>
      </c>
    </row>
    <row r="160" spans="2:6" x14ac:dyDescent="0.3">
      <c r="B160" s="66">
        <v>12.3</v>
      </c>
      <c r="C160" s="44">
        <v>10.3</v>
      </c>
      <c r="D160" s="44">
        <v>16.399999999999999</v>
      </c>
      <c r="E160" s="44">
        <v>16.5</v>
      </c>
      <c r="F160" s="67">
        <v>3.6</v>
      </c>
    </row>
    <row r="161" spans="2:6" x14ac:dyDescent="0.3">
      <c r="B161" s="66">
        <v>11.7</v>
      </c>
      <c r="C161" s="44">
        <v>8.1999999999999993</v>
      </c>
      <c r="D161" s="44">
        <v>14.7</v>
      </c>
      <c r="E161" s="44">
        <v>14.7</v>
      </c>
      <c r="F161" s="67">
        <v>6.8</v>
      </c>
    </row>
    <row r="162" spans="2:6" x14ac:dyDescent="0.3">
      <c r="B162" s="66">
        <v>13</v>
      </c>
      <c r="C162" s="44">
        <v>8.9</v>
      </c>
      <c r="D162" s="44">
        <v>14.6</v>
      </c>
      <c r="E162" s="44">
        <v>11.9</v>
      </c>
      <c r="F162" s="67">
        <v>11.8</v>
      </c>
    </row>
    <row r="163" spans="2:6" x14ac:dyDescent="0.3">
      <c r="B163" s="66">
        <v>15.7</v>
      </c>
      <c r="C163" s="44">
        <v>6.4</v>
      </c>
      <c r="D163" s="44">
        <v>14.9</v>
      </c>
      <c r="E163" s="44">
        <v>11.4</v>
      </c>
      <c r="F163" s="67">
        <v>13.6</v>
      </c>
    </row>
    <row r="164" spans="2:6" x14ac:dyDescent="0.3">
      <c r="B164" s="66">
        <v>12.4</v>
      </c>
      <c r="C164" s="44">
        <v>6.5</v>
      </c>
      <c r="D164" s="44">
        <v>15.2</v>
      </c>
      <c r="E164" s="44">
        <v>15.1</v>
      </c>
      <c r="F164" s="67">
        <v>15.5</v>
      </c>
    </row>
    <row r="165" spans="2:6" x14ac:dyDescent="0.3">
      <c r="B165" s="66">
        <v>7.4</v>
      </c>
      <c r="C165" s="44">
        <v>6.8</v>
      </c>
      <c r="D165" s="44">
        <v>16</v>
      </c>
      <c r="E165" s="44">
        <v>15.2</v>
      </c>
      <c r="F165" s="67">
        <v>13.5</v>
      </c>
    </row>
    <row r="166" spans="2:6" x14ac:dyDescent="0.3">
      <c r="B166" s="66">
        <v>5.3</v>
      </c>
      <c r="C166" s="44">
        <v>9.5</v>
      </c>
      <c r="D166" s="44">
        <v>16</v>
      </c>
      <c r="E166" s="44">
        <v>11.6</v>
      </c>
      <c r="F166" s="67">
        <v>14.5</v>
      </c>
    </row>
    <row r="167" spans="2:6" x14ac:dyDescent="0.3">
      <c r="B167" s="66">
        <v>10.4</v>
      </c>
      <c r="C167" s="44">
        <v>11.6</v>
      </c>
      <c r="D167" s="44">
        <v>16.100000000000001</v>
      </c>
      <c r="E167" s="44">
        <v>11.3</v>
      </c>
      <c r="F167" s="67">
        <v>13.6</v>
      </c>
    </row>
    <row r="168" spans="2:6" x14ac:dyDescent="0.3">
      <c r="B168" s="66">
        <v>12.4</v>
      </c>
      <c r="C168" s="44">
        <v>13.7</v>
      </c>
      <c r="D168" s="44">
        <v>15.8</v>
      </c>
      <c r="E168" s="44">
        <v>14.8</v>
      </c>
      <c r="F168" s="67">
        <v>12.7</v>
      </c>
    </row>
    <row r="169" spans="2:6" x14ac:dyDescent="0.3">
      <c r="B169" s="66">
        <v>14.3</v>
      </c>
      <c r="C169" s="44">
        <v>14.6</v>
      </c>
      <c r="D169" s="44">
        <v>14.6</v>
      </c>
      <c r="E169" s="44">
        <v>18</v>
      </c>
      <c r="F169" s="67">
        <v>7.1</v>
      </c>
    </row>
    <row r="170" spans="2:6" x14ac:dyDescent="0.3">
      <c r="B170" s="66">
        <v>12.9</v>
      </c>
      <c r="C170" s="44">
        <v>13.6</v>
      </c>
      <c r="D170" s="44">
        <v>16.3</v>
      </c>
      <c r="E170" s="44">
        <v>20.9</v>
      </c>
      <c r="F170" s="67">
        <v>7.4</v>
      </c>
    </row>
    <row r="171" spans="2:6" x14ac:dyDescent="0.3">
      <c r="B171" s="66">
        <v>13.7</v>
      </c>
      <c r="C171" s="44">
        <v>12.4</v>
      </c>
      <c r="D171" s="44">
        <v>18.8</v>
      </c>
      <c r="E171" s="44">
        <v>22.3</v>
      </c>
      <c r="F171" s="67">
        <v>12.5</v>
      </c>
    </row>
    <row r="172" spans="2:6" x14ac:dyDescent="0.3">
      <c r="B172" s="66">
        <v>9.4</v>
      </c>
      <c r="C172" s="44">
        <v>15.1</v>
      </c>
      <c r="D172" s="44">
        <v>19.399999999999999</v>
      </c>
      <c r="E172" s="44">
        <v>21.7</v>
      </c>
      <c r="F172" s="67">
        <v>13.6</v>
      </c>
    </row>
    <row r="173" spans="2:6" x14ac:dyDescent="0.3">
      <c r="B173" s="66">
        <v>8.9</v>
      </c>
      <c r="C173" s="44">
        <v>15.5</v>
      </c>
      <c r="D173" s="44">
        <v>19.2</v>
      </c>
      <c r="E173" s="44">
        <v>18.2</v>
      </c>
      <c r="F173" s="67">
        <v>16.3</v>
      </c>
    </row>
    <row r="174" spans="2:6" x14ac:dyDescent="0.3">
      <c r="B174" s="66">
        <v>6.4</v>
      </c>
      <c r="C174" s="44">
        <v>13.7</v>
      </c>
      <c r="D174" s="44">
        <v>19.3</v>
      </c>
      <c r="E174" s="44">
        <v>17.7</v>
      </c>
      <c r="F174" s="67">
        <v>15.8</v>
      </c>
    </row>
    <row r="175" spans="2:6" x14ac:dyDescent="0.3">
      <c r="B175" s="66">
        <v>6.4</v>
      </c>
      <c r="C175" s="44">
        <v>11.8</v>
      </c>
      <c r="D175" s="44">
        <v>15</v>
      </c>
      <c r="E175" s="44">
        <v>18.899999999999999</v>
      </c>
      <c r="F175" s="67">
        <v>16.600000000000001</v>
      </c>
    </row>
    <row r="176" spans="2:6" x14ac:dyDescent="0.3">
      <c r="B176" s="66">
        <v>9.1999999999999993</v>
      </c>
      <c r="C176" s="44">
        <v>9.6</v>
      </c>
      <c r="D176" s="44">
        <v>17.399999999999999</v>
      </c>
      <c r="E176" s="44">
        <v>18.600000000000001</v>
      </c>
      <c r="F176" s="67">
        <v>17.3</v>
      </c>
    </row>
    <row r="177" spans="2:6" x14ac:dyDescent="0.3">
      <c r="B177" s="66">
        <v>6.4</v>
      </c>
      <c r="C177" s="44">
        <v>7.3</v>
      </c>
      <c r="D177" s="44">
        <v>15.4</v>
      </c>
      <c r="E177" s="44">
        <v>18.3</v>
      </c>
      <c r="F177" s="67">
        <v>14</v>
      </c>
    </row>
    <row r="178" spans="2:6" x14ac:dyDescent="0.3">
      <c r="B178" s="66">
        <v>7.4</v>
      </c>
      <c r="C178" s="44">
        <v>8.1999999999999993</v>
      </c>
      <c r="D178" s="44">
        <v>18</v>
      </c>
      <c r="E178" s="44">
        <v>19.600000000000001</v>
      </c>
      <c r="F178" s="67">
        <v>15.9</v>
      </c>
    </row>
    <row r="179" spans="2:6" x14ac:dyDescent="0.3">
      <c r="B179" s="66">
        <v>10.6</v>
      </c>
      <c r="C179" s="44">
        <v>14.7</v>
      </c>
      <c r="D179" s="44">
        <v>17.8</v>
      </c>
      <c r="E179" s="44">
        <v>20.399999999999999</v>
      </c>
      <c r="F179" s="67">
        <v>12.4</v>
      </c>
    </row>
    <row r="180" spans="2:6" x14ac:dyDescent="0.3">
      <c r="B180" s="66">
        <v>6.9</v>
      </c>
      <c r="C180" s="44">
        <v>16.100000000000001</v>
      </c>
      <c r="D180" s="44">
        <v>18.899999999999999</v>
      </c>
      <c r="E180" s="44">
        <v>20.399999999999999</v>
      </c>
      <c r="F180" s="67">
        <v>12.8</v>
      </c>
    </row>
    <row r="181" spans="2:6" x14ac:dyDescent="0.3">
      <c r="B181" s="66">
        <v>5.9</v>
      </c>
      <c r="C181" s="44">
        <v>12.6</v>
      </c>
      <c r="D181" s="44">
        <v>19.3</v>
      </c>
      <c r="E181" s="44">
        <v>21</v>
      </c>
      <c r="F181" s="67">
        <v>13.8</v>
      </c>
    </row>
    <row r="182" spans="2:6" x14ac:dyDescent="0.3">
      <c r="B182" s="66">
        <v>8.3000000000000007</v>
      </c>
      <c r="C182" s="44">
        <v>13.1</v>
      </c>
      <c r="D182" s="44">
        <v>18.8</v>
      </c>
      <c r="E182" s="44">
        <v>21.7</v>
      </c>
      <c r="F182" s="67">
        <v>12</v>
      </c>
    </row>
    <row r="183" spans="2:6" x14ac:dyDescent="0.3">
      <c r="B183" s="66">
        <v>8.1999999999999993</v>
      </c>
      <c r="C183" s="44">
        <v>11.3</v>
      </c>
      <c r="D183" s="44">
        <v>19.399999999999999</v>
      </c>
      <c r="E183" s="44">
        <v>17.7</v>
      </c>
      <c r="F183" s="67">
        <v>13.2</v>
      </c>
    </row>
    <row r="184" spans="2:6" x14ac:dyDescent="0.3">
      <c r="B184" s="66">
        <v>9.9</v>
      </c>
      <c r="C184" s="44">
        <v>10.1</v>
      </c>
      <c r="D184" s="44">
        <v>20.9</v>
      </c>
      <c r="E184" s="44">
        <v>18.100000000000001</v>
      </c>
      <c r="F184" s="67">
        <v>10.8</v>
      </c>
    </row>
    <row r="185" spans="2:6" x14ac:dyDescent="0.3">
      <c r="B185" s="66">
        <v>9.8000000000000007</v>
      </c>
      <c r="C185" s="44">
        <v>9.4</v>
      </c>
      <c r="D185" s="44">
        <v>22</v>
      </c>
      <c r="E185" s="44">
        <v>19</v>
      </c>
      <c r="F185" s="67">
        <v>10.7</v>
      </c>
    </row>
    <row r="186" spans="2:6" x14ac:dyDescent="0.3">
      <c r="B186" s="66">
        <v>9.3000000000000007</v>
      </c>
      <c r="C186" s="44">
        <v>11.7</v>
      </c>
      <c r="D186" s="44">
        <v>22</v>
      </c>
      <c r="E186" s="44">
        <v>19.3</v>
      </c>
      <c r="F186" s="67">
        <v>8</v>
      </c>
    </row>
    <row r="187" spans="2:6" x14ac:dyDescent="0.3">
      <c r="B187" s="66">
        <v>9.8000000000000007</v>
      </c>
      <c r="C187" s="44">
        <v>13.6</v>
      </c>
      <c r="D187" s="44">
        <v>18.899999999999999</v>
      </c>
      <c r="E187" s="44">
        <v>19.8</v>
      </c>
      <c r="F187" s="67">
        <v>5.4</v>
      </c>
    </row>
    <row r="188" spans="2:6" x14ac:dyDescent="0.3">
      <c r="B188" s="66">
        <v>10.1</v>
      </c>
      <c r="C188" s="44">
        <v>13.4</v>
      </c>
      <c r="D188" s="44">
        <v>18.100000000000001</v>
      </c>
      <c r="E188" s="44">
        <v>19.600000000000001</v>
      </c>
      <c r="F188" s="67">
        <v>5.9</v>
      </c>
    </row>
    <row r="189" spans="2:6" x14ac:dyDescent="0.3">
      <c r="B189" s="66">
        <v>15.4</v>
      </c>
      <c r="C189" s="44">
        <v>13.2</v>
      </c>
      <c r="D189" s="44">
        <v>19.399999999999999</v>
      </c>
      <c r="E189" s="44">
        <v>20.399999999999999</v>
      </c>
      <c r="F189" s="67">
        <v>6.7</v>
      </c>
    </row>
    <row r="190" spans="2:6" x14ac:dyDescent="0.3">
      <c r="B190" s="66">
        <v>17.7</v>
      </c>
      <c r="C190" s="44">
        <v>15.2</v>
      </c>
      <c r="D190" s="44">
        <v>21.6</v>
      </c>
      <c r="E190" s="44">
        <v>20.3</v>
      </c>
      <c r="F190" s="67">
        <v>6.4</v>
      </c>
    </row>
    <row r="191" spans="2:6" x14ac:dyDescent="0.3">
      <c r="B191" s="66">
        <v>16.399999999999999</v>
      </c>
      <c r="C191" s="44">
        <v>15.1</v>
      </c>
      <c r="D191" s="44">
        <v>22.4</v>
      </c>
      <c r="E191" s="44">
        <v>19.5</v>
      </c>
      <c r="F191" s="67">
        <v>5</v>
      </c>
    </row>
    <row r="192" spans="2:6" x14ac:dyDescent="0.3">
      <c r="B192" s="66">
        <v>16.5</v>
      </c>
      <c r="C192" s="44">
        <v>15.2</v>
      </c>
      <c r="D192" s="44">
        <v>22.7</v>
      </c>
      <c r="E192" s="44">
        <v>19.8</v>
      </c>
      <c r="F192" s="67">
        <v>6.4</v>
      </c>
    </row>
    <row r="193" spans="2:6" x14ac:dyDescent="0.3">
      <c r="B193" s="66">
        <v>17.5</v>
      </c>
      <c r="C193" s="44">
        <v>11.6</v>
      </c>
      <c r="D193" s="44">
        <v>19.8</v>
      </c>
      <c r="E193" s="44">
        <v>17.7</v>
      </c>
      <c r="F193" s="67">
        <v>7.5</v>
      </c>
    </row>
    <row r="194" spans="2:6" x14ac:dyDescent="0.3">
      <c r="B194" s="66">
        <v>18.3</v>
      </c>
      <c r="C194" s="44">
        <v>11.6</v>
      </c>
      <c r="D194" s="44">
        <v>21.3</v>
      </c>
      <c r="E194" s="44">
        <v>19</v>
      </c>
      <c r="F194" s="67">
        <v>10.9</v>
      </c>
    </row>
    <row r="195" spans="2:6" x14ac:dyDescent="0.3">
      <c r="B195" s="66">
        <v>18.2</v>
      </c>
      <c r="C195" s="44">
        <v>12.2</v>
      </c>
      <c r="D195" s="44">
        <v>24.2</v>
      </c>
      <c r="E195" s="44">
        <v>19</v>
      </c>
      <c r="F195" s="67">
        <v>9.6</v>
      </c>
    </row>
    <row r="196" spans="2:6" x14ac:dyDescent="0.3">
      <c r="B196" s="66">
        <v>17.3</v>
      </c>
      <c r="C196" s="44">
        <v>13.9</v>
      </c>
      <c r="D196" s="44">
        <v>26.2</v>
      </c>
      <c r="E196" s="44">
        <v>21</v>
      </c>
      <c r="F196" s="67">
        <v>10.1</v>
      </c>
    </row>
    <row r="197" spans="2:6" x14ac:dyDescent="0.3">
      <c r="B197" s="66">
        <v>18</v>
      </c>
      <c r="C197" s="44">
        <v>15.2</v>
      </c>
      <c r="D197" s="44">
        <v>27.4</v>
      </c>
      <c r="E197" s="44">
        <v>20.8</v>
      </c>
      <c r="F197" s="67">
        <v>11.3</v>
      </c>
    </row>
    <row r="198" spans="2:6" x14ac:dyDescent="0.3">
      <c r="B198" s="66">
        <v>21.6</v>
      </c>
      <c r="C198" s="44">
        <v>11.2</v>
      </c>
      <c r="D198" s="44">
        <v>25.6</v>
      </c>
      <c r="E198" s="44">
        <v>22.4</v>
      </c>
      <c r="F198" s="67">
        <v>11.6</v>
      </c>
    </row>
    <row r="199" spans="2:6" x14ac:dyDescent="0.3">
      <c r="B199" s="66">
        <v>21.6</v>
      </c>
      <c r="C199" s="44">
        <v>13</v>
      </c>
      <c r="D199" s="44">
        <v>24.2</v>
      </c>
      <c r="E199" s="44">
        <v>24.7</v>
      </c>
      <c r="F199" s="67">
        <v>10.4</v>
      </c>
    </row>
    <row r="200" spans="2:6" x14ac:dyDescent="0.3">
      <c r="B200" s="66">
        <v>22</v>
      </c>
      <c r="C200" s="44">
        <v>15.2</v>
      </c>
      <c r="D200" s="44">
        <v>23.3</v>
      </c>
      <c r="E200" s="44">
        <v>27.3</v>
      </c>
      <c r="F200" s="67">
        <v>8.1</v>
      </c>
    </row>
    <row r="201" spans="2:6" x14ac:dyDescent="0.3">
      <c r="B201" s="66">
        <v>22.8</v>
      </c>
      <c r="C201" s="44">
        <v>10.8</v>
      </c>
      <c r="D201" s="44">
        <v>22.2</v>
      </c>
      <c r="E201" s="44">
        <v>28.7</v>
      </c>
      <c r="F201" s="67">
        <v>10.3</v>
      </c>
    </row>
    <row r="202" spans="2:6" x14ac:dyDescent="0.3">
      <c r="B202" s="66">
        <v>17.5</v>
      </c>
      <c r="C202" s="44">
        <v>12.3</v>
      </c>
      <c r="D202" s="44">
        <v>22.2</v>
      </c>
      <c r="E202" s="44">
        <v>26.6</v>
      </c>
      <c r="F202" s="67">
        <v>11.1</v>
      </c>
    </row>
    <row r="203" spans="2:6" x14ac:dyDescent="0.3">
      <c r="B203" s="66">
        <v>12.7</v>
      </c>
      <c r="C203" s="44">
        <v>13.6</v>
      </c>
      <c r="D203" s="44">
        <v>25.9</v>
      </c>
      <c r="E203" s="44">
        <v>24.5</v>
      </c>
      <c r="F203" s="67">
        <v>15.5</v>
      </c>
    </row>
    <row r="204" spans="2:6" x14ac:dyDescent="0.3">
      <c r="B204" s="66">
        <v>16.100000000000001</v>
      </c>
      <c r="C204" s="44">
        <v>20.2</v>
      </c>
      <c r="D204" s="44">
        <v>27.6</v>
      </c>
      <c r="E204" s="44">
        <v>18.399999999999999</v>
      </c>
      <c r="F204" s="67">
        <v>12</v>
      </c>
    </row>
    <row r="205" spans="2:6" x14ac:dyDescent="0.3">
      <c r="B205" s="66">
        <v>20.399999999999999</v>
      </c>
      <c r="C205" s="44">
        <v>23.6</v>
      </c>
      <c r="D205" s="44">
        <v>30</v>
      </c>
      <c r="E205" s="44">
        <v>22.4</v>
      </c>
      <c r="F205" s="67">
        <v>14.8</v>
      </c>
    </row>
    <row r="206" spans="2:6" x14ac:dyDescent="0.3">
      <c r="B206" s="66">
        <v>24.8</v>
      </c>
      <c r="C206" s="44">
        <v>23.6</v>
      </c>
      <c r="D206" s="44">
        <v>29.6</v>
      </c>
      <c r="E206" s="44">
        <v>24.5</v>
      </c>
      <c r="F206" s="67">
        <v>17.5</v>
      </c>
    </row>
    <row r="207" spans="2:6" x14ac:dyDescent="0.3">
      <c r="B207" s="66">
        <v>18.600000000000001</v>
      </c>
      <c r="C207" s="44">
        <v>21.3</v>
      </c>
      <c r="D207" s="44">
        <v>28.6</v>
      </c>
      <c r="E207" s="44">
        <v>24.1</v>
      </c>
      <c r="F207" s="67">
        <v>16.5</v>
      </c>
    </row>
    <row r="208" spans="2:6" x14ac:dyDescent="0.3">
      <c r="B208" s="66">
        <v>19.399999999999999</v>
      </c>
      <c r="C208" s="44">
        <v>14.3</v>
      </c>
      <c r="D208" s="44">
        <v>28.9</v>
      </c>
      <c r="E208" s="44">
        <v>19.600000000000001</v>
      </c>
      <c r="F208" s="67">
        <v>20.8</v>
      </c>
    </row>
    <row r="209" spans="2:6" x14ac:dyDescent="0.3">
      <c r="B209" s="66">
        <v>14.4</v>
      </c>
      <c r="C209" s="44">
        <v>17.2</v>
      </c>
      <c r="D209" s="44">
        <v>28.1</v>
      </c>
      <c r="E209" s="44">
        <v>22.4</v>
      </c>
      <c r="F209" s="67">
        <v>17</v>
      </c>
    </row>
    <row r="210" spans="2:6" x14ac:dyDescent="0.3">
      <c r="B210" s="66">
        <v>13.4</v>
      </c>
      <c r="C210" s="44">
        <v>22.5</v>
      </c>
      <c r="D210" s="44">
        <v>23</v>
      </c>
      <c r="E210" s="44">
        <v>24.6</v>
      </c>
      <c r="F210" s="67">
        <v>11.7</v>
      </c>
    </row>
    <row r="211" spans="2:6" x14ac:dyDescent="0.3">
      <c r="B211" s="66">
        <v>13.8</v>
      </c>
      <c r="C211" s="44">
        <v>23.1</v>
      </c>
      <c r="D211" s="44">
        <v>24.8</v>
      </c>
      <c r="E211" s="44">
        <v>21.7</v>
      </c>
      <c r="F211" s="67">
        <v>11.9</v>
      </c>
    </row>
    <row r="212" spans="2:6" x14ac:dyDescent="0.3">
      <c r="B212" s="66">
        <v>17.899999999999999</v>
      </c>
      <c r="C212" s="44">
        <v>16.5</v>
      </c>
      <c r="D212" s="44">
        <v>27.4</v>
      </c>
      <c r="E212" s="44">
        <v>22.6</v>
      </c>
      <c r="F212" s="67">
        <v>8</v>
      </c>
    </row>
    <row r="213" spans="2:6" x14ac:dyDescent="0.3">
      <c r="B213" s="66">
        <v>15</v>
      </c>
      <c r="C213" s="44">
        <v>16.8</v>
      </c>
      <c r="D213" s="44">
        <v>28.7</v>
      </c>
      <c r="E213" s="44">
        <v>22.6</v>
      </c>
      <c r="F213" s="67">
        <v>8.5</v>
      </c>
    </row>
    <row r="214" spans="2:6" x14ac:dyDescent="0.3">
      <c r="B214" s="66">
        <v>13</v>
      </c>
      <c r="C214" s="44">
        <v>16.7</v>
      </c>
      <c r="D214" s="44">
        <v>27</v>
      </c>
      <c r="E214" s="44">
        <v>24.8</v>
      </c>
      <c r="F214" s="67">
        <v>9.6999999999999993</v>
      </c>
    </row>
    <row r="215" spans="2:6" x14ac:dyDescent="0.3">
      <c r="B215" s="66">
        <v>16.2</v>
      </c>
      <c r="C215" s="44">
        <v>11.9</v>
      </c>
      <c r="D215" s="44">
        <v>27.2</v>
      </c>
      <c r="E215" s="44">
        <v>24.1</v>
      </c>
      <c r="F215" s="67">
        <v>11.4</v>
      </c>
    </row>
    <row r="216" spans="2:6" x14ac:dyDescent="0.3">
      <c r="B216" s="66">
        <v>16.8</v>
      </c>
      <c r="C216" s="44">
        <v>11.4</v>
      </c>
      <c r="D216" s="44">
        <v>27.6</v>
      </c>
      <c r="E216" s="44">
        <v>22.4</v>
      </c>
      <c r="F216" s="67">
        <v>9</v>
      </c>
    </row>
    <row r="217" spans="2:6" x14ac:dyDescent="0.3">
      <c r="B217" s="66">
        <v>16.7</v>
      </c>
      <c r="C217" s="44">
        <v>10.8</v>
      </c>
      <c r="D217" s="44">
        <v>27.8</v>
      </c>
      <c r="E217" s="44">
        <v>23.4</v>
      </c>
      <c r="F217" s="67">
        <v>8.6</v>
      </c>
    </row>
    <row r="218" spans="2:6" x14ac:dyDescent="0.3">
      <c r="B218" s="66">
        <v>17.899999999999999</v>
      </c>
      <c r="C218" s="44">
        <v>12.1</v>
      </c>
      <c r="D218" s="44">
        <v>26.2</v>
      </c>
      <c r="E218" s="44">
        <v>24.2</v>
      </c>
      <c r="F218" s="67">
        <v>8.6999999999999993</v>
      </c>
    </row>
    <row r="219" spans="2:6" x14ac:dyDescent="0.3">
      <c r="B219" s="66">
        <v>20.100000000000001</v>
      </c>
      <c r="C219" s="44">
        <v>10.4</v>
      </c>
      <c r="D219" s="44">
        <v>26.8</v>
      </c>
      <c r="E219" s="44">
        <v>26.6</v>
      </c>
      <c r="F219" s="67">
        <v>8.8000000000000007</v>
      </c>
    </row>
    <row r="220" spans="2:6" x14ac:dyDescent="0.3">
      <c r="B220" s="66">
        <v>20.9</v>
      </c>
      <c r="C220" s="44">
        <v>11.9</v>
      </c>
      <c r="D220" s="44">
        <v>29.6</v>
      </c>
      <c r="E220" s="44">
        <v>28.6</v>
      </c>
      <c r="F220" s="67">
        <v>10.199999999999999</v>
      </c>
    </row>
    <row r="221" spans="2:6" x14ac:dyDescent="0.3">
      <c r="B221" s="66">
        <v>20.2</v>
      </c>
      <c r="C221" s="44">
        <v>13.4</v>
      </c>
      <c r="D221" s="44">
        <v>30.8</v>
      </c>
      <c r="E221" s="44">
        <v>28.2</v>
      </c>
      <c r="F221" s="67">
        <v>11</v>
      </c>
    </row>
    <row r="222" spans="2:6" x14ac:dyDescent="0.3">
      <c r="B222" s="66">
        <v>19.600000000000001</v>
      </c>
      <c r="C222" s="44">
        <v>17.8</v>
      </c>
      <c r="D222" s="44">
        <v>27.2</v>
      </c>
      <c r="E222" s="44">
        <v>28.5</v>
      </c>
      <c r="F222" s="67">
        <v>15.3</v>
      </c>
    </row>
    <row r="223" spans="2:6" x14ac:dyDescent="0.3">
      <c r="B223" s="66">
        <v>16.3</v>
      </c>
      <c r="C223" s="44">
        <v>13.4</v>
      </c>
      <c r="D223" s="44">
        <v>28.2</v>
      </c>
      <c r="E223" s="44">
        <v>25.3</v>
      </c>
      <c r="F223" s="67">
        <v>13.6</v>
      </c>
    </row>
    <row r="224" spans="2:6" x14ac:dyDescent="0.3">
      <c r="B224" s="66">
        <v>13.9</v>
      </c>
      <c r="C224" s="44">
        <v>10.7</v>
      </c>
      <c r="D224" s="44">
        <v>29.8</v>
      </c>
      <c r="E224" s="44">
        <v>25.8</v>
      </c>
      <c r="F224" s="67">
        <v>15</v>
      </c>
    </row>
    <row r="225" spans="2:6" x14ac:dyDescent="0.3">
      <c r="B225" s="66">
        <v>17.5</v>
      </c>
      <c r="C225" s="44">
        <v>10.6</v>
      </c>
      <c r="D225" s="44">
        <v>26.7</v>
      </c>
      <c r="E225" s="44">
        <v>27.6</v>
      </c>
      <c r="F225" s="67">
        <v>13.3</v>
      </c>
    </row>
    <row r="226" spans="2:6" x14ac:dyDescent="0.3">
      <c r="B226" s="66">
        <v>18.399999999999999</v>
      </c>
      <c r="C226" s="44">
        <v>10</v>
      </c>
      <c r="D226" s="44">
        <v>27.2</v>
      </c>
      <c r="E226" s="44">
        <v>29.1</v>
      </c>
      <c r="F226" s="67">
        <v>14.7</v>
      </c>
    </row>
    <row r="227" spans="2:6" x14ac:dyDescent="0.3">
      <c r="B227" s="66">
        <v>16</v>
      </c>
      <c r="C227" s="44">
        <v>11</v>
      </c>
      <c r="D227" s="44">
        <v>30.4</v>
      </c>
      <c r="E227" s="44">
        <v>28.5</v>
      </c>
      <c r="F227" s="67">
        <v>14</v>
      </c>
    </row>
    <row r="228" spans="2:6" x14ac:dyDescent="0.3">
      <c r="B228" s="66">
        <v>14.7</v>
      </c>
      <c r="C228" s="44">
        <v>12.4</v>
      </c>
      <c r="D228" s="44">
        <v>31.8</v>
      </c>
      <c r="E228" s="44">
        <v>28.2</v>
      </c>
      <c r="F228" s="67">
        <v>13.9</v>
      </c>
    </row>
    <row r="229" spans="2:6" x14ac:dyDescent="0.3">
      <c r="B229" s="66">
        <v>13.7</v>
      </c>
      <c r="C229" s="44">
        <v>14.8</v>
      </c>
      <c r="D229" s="44">
        <v>31.4</v>
      </c>
      <c r="E229" s="44">
        <v>28.4</v>
      </c>
      <c r="F229" s="67">
        <v>11.1</v>
      </c>
    </row>
    <row r="230" spans="2:6" x14ac:dyDescent="0.3">
      <c r="B230" s="66">
        <v>14.9</v>
      </c>
      <c r="C230" s="44">
        <v>17</v>
      </c>
      <c r="D230" s="44">
        <v>28.6</v>
      </c>
      <c r="E230" s="44">
        <v>25.9</v>
      </c>
      <c r="F230" s="67">
        <v>13.5</v>
      </c>
    </row>
    <row r="231" spans="2:6" x14ac:dyDescent="0.3">
      <c r="B231" s="66">
        <v>13.3</v>
      </c>
      <c r="C231" s="44">
        <v>13.8</v>
      </c>
      <c r="D231" s="44">
        <v>26.3</v>
      </c>
      <c r="E231" s="44">
        <v>23.9</v>
      </c>
      <c r="F231" s="67">
        <v>16.2</v>
      </c>
    </row>
    <row r="232" spans="2:6" x14ac:dyDescent="0.3">
      <c r="B232" s="66">
        <v>13.8</v>
      </c>
      <c r="C232" s="44">
        <v>13.4</v>
      </c>
      <c r="D232" s="44">
        <v>25.5</v>
      </c>
      <c r="E232" s="44">
        <v>23.9</v>
      </c>
      <c r="F232" s="67">
        <v>18.5</v>
      </c>
    </row>
    <row r="233" spans="2:6" x14ac:dyDescent="0.3">
      <c r="B233" s="66">
        <v>15.8</v>
      </c>
      <c r="C233" s="44">
        <v>14.3</v>
      </c>
      <c r="D233" s="44">
        <v>28</v>
      </c>
      <c r="E233" s="44">
        <v>25.6</v>
      </c>
      <c r="F233" s="67">
        <v>15.3</v>
      </c>
    </row>
    <row r="234" spans="2:6" x14ac:dyDescent="0.3">
      <c r="B234" s="66">
        <v>16.8</v>
      </c>
      <c r="C234" s="44">
        <v>15.9</v>
      </c>
      <c r="D234" s="44">
        <v>25.8</v>
      </c>
      <c r="E234" s="44">
        <v>28.6</v>
      </c>
      <c r="F234" s="67">
        <v>11.6</v>
      </c>
    </row>
    <row r="235" spans="2:6" x14ac:dyDescent="0.3">
      <c r="B235" s="66">
        <v>16</v>
      </c>
      <c r="C235" s="44">
        <v>18.600000000000001</v>
      </c>
      <c r="D235" s="44">
        <v>24.6</v>
      </c>
      <c r="E235" s="44">
        <v>22.3</v>
      </c>
      <c r="F235" s="67">
        <v>10.7</v>
      </c>
    </row>
    <row r="236" spans="2:6" x14ac:dyDescent="0.3">
      <c r="B236" s="66">
        <v>17.600000000000001</v>
      </c>
      <c r="C236" s="44">
        <v>13.3</v>
      </c>
      <c r="D236" s="44">
        <v>25.5</v>
      </c>
      <c r="E236" s="44">
        <v>19.600000000000001</v>
      </c>
      <c r="F236" s="67">
        <v>12.4</v>
      </c>
    </row>
    <row r="237" spans="2:6" x14ac:dyDescent="0.3">
      <c r="B237" s="66">
        <v>17.399999999999999</v>
      </c>
      <c r="C237" s="44">
        <v>10.7</v>
      </c>
      <c r="D237" s="44">
        <v>27.7</v>
      </c>
      <c r="E237" s="44">
        <v>20.399999999999999</v>
      </c>
      <c r="F237" s="67">
        <v>12.2</v>
      </c>
    </row>
    <row r="238" spans="2:6" x14ac:dyDescent="0.3">
      <c r="B238" s="66">
        <v>16.2</v>
      </c>
      <c r="C238" s="44">
        <v>12.7</v>
      </c>
      <c r="D238" s="44">
        <v>26.9</v>
      </c>
      <c r="E238" s="44">
        <v>24.8</v>
      </c>
      <c r="F238" s="67">
        <v>12.3</v>
      </c>
    </row>
    <row r="239" spans="2:6" x14ac:dyDescent="0.3">
      <c r="B239" s="66">
        <v>16.2</v>
      </c>
      <c r="C239" s="44">
        <v>16.5</v>
      </c>
      <c r="D239" s="44">
        <v>28.8</v>
      </c>
      <c r="E239" s="44">
        <v>26.1</v>
      </c>
      <c r="F239" s="67">
        <v>11.5</v>
      </c>
    </row>
    <row r="240" spans="2:6" x14ac:dyDescent="0.3">
      <c r="B240" s="66">
        <v>17.5</v>
      </c>
      <c r="C240" s="44">
        <v>18.5</v>
      </c>
      <c r="D240" s="44">
        <v>29.6</v>
      </c>
      <c r="E240" s="44">
        <v>23.7</v>
      </c>
      <c r="F240" s="67">
        <v>11</v>
      </c>
    </row>
    <row r="241" spans="2:6" x14ac:dyDescent="0.3">
      <c r="B241" s="66">
        <v>17.2</v>
      </c>
      <c r="C241" s="44">
        <v>14.2</v>
      </c>
      <c r="D241" s="44">
        <v>30</v>
      </c>
      <c r="E241" s="44">
        <v>23.4</v>
      </c>
      <c r="F241" s="67">
        <v>12.9</v>
      </c>
    </row>
    <row r="242" spans="2:6" x14ac:dyDescent="0.3">
      <c r="B242" s="66">
        <v>19</v>
      </c>
      <c r="C242" s="44">
        <v>11.5</v>
      </c>
      <c r="D242" s="44">
        <v>28.9</v>
      </c>
      <c r="E242" s="44">
        <v>22</v>
      </c>
      <c r="F242" s="67">
        <v>9.3000000000000007</v>
      </c>
    </row>
    <row r="243" spans="2:6" x14ac:dyDescent="0.3">
      <c r="B243" s="66">
        <v>17.8</v>
      </c>
      <c r="C243" s="44">
        <v>14.9</v>
      </c>
      <c r="D243" s="44">
        <v>28.9</v>
      </c>
      <c r="E243" s="44">
        <v>23.1</v>
      </c>
      <c r="F243" s="67">
        <v>8.5</v>
      </c>
    </row>
    <row r="244" spans="2:6" x14ac:dyDescent="0.3">
      <c r="B244" s="66">
        <v>17.2</v>
      </c>
      <c r="C244" s="44">
        <v>16.2</v>
      </c>
      <c r="D244" s="44">
        <v>26.8</v>
      </c>
      <c r="E244" s="44">
        <v>23</v>
      </c>
      <c r="F244" s="67">
        <v>9.1</v>
      </c>
    </row>
    <row r="245" spans="2:6" x14ac:dyDescent="0.3">
      <c r="B245" s="66">
        <v>14</v>
      </c>
      <c r="C245" s="44">
        <v>13.2</v>
      </c>
      <c r="D245" s="44">
        <v>22.4</v>
      </c>
      <c r="E245" s="44">
        <v>19.600000000000001</v>
      </c>
      <c r="F245" s="67">
        <v>12.4</v>
      </c>
    </row>
    <row r="246" spans="2:6" x14ac:dyDescent="0.3">
      <c r="B246" s="66">
        <v>14.1</v>
      </c>
      <c r="C246" s="44">
        <v>13.6</v>
      </c>
      <c r="D246" s="44">
        <v>24.3</v>
      </c>
      <c r="E246" s="44">
        <v>18.5</v>
      </c>
      <c r="F246" s="67">
        <v>14.1</v>
      </c>
    </row>
    <row r="247" spans="2:6" x14ac:dyDescent="0.3">
      <c r="B247" s="66">
        <v>15.2</v>
      </c>
      <c r="C247" s="44">
        <v>11.2</v>
      </c>
      <c r="D247" s="44">
        <v>28.2</v>
      </c>
      <c r="E247" s="44">
        <v>17.7</v>
      </c>
      <c r="F247" s="67">
        <v>16.3</v>
      </c>
    </row>
    <row r="248" spans="2:6" x14ac:dyDescent="0.3">
      <c r="B248" s="66">
        <v>12.9</v>
      </c>
      <c r="C248" s="44">
        <v>14.9</v>
      </c>
      <c r="D248" s="44">
        <v>27.8</v>
      </c>
      <c r="E248" s="44">
        <v>15.6</v>
      </c>
      <c r="F248" s="67">
        <v>17.100000000000001</v>
      </c>
    </row>
    <row r="249" spans="2:6" x14ac:dyDescent="0.3">
      <c r="B249" s="66">
        <v>16.100000000000001</v>
      </c>
      <c r="C249" s="44">
        <v>15.4</v>
      </c>
      <c r="D249" s="44">
        <v>30.2</v>
      </c>
      <c r="E249" s="44">
        <v>19.3</v>
      </c>
      <c r="F249" s="67">
        <v>16</v>
      </c>
    </row>
    <row r="250" spans="2:6" x14ac:dyDescent="0.3">
      <c r="B250" s="66">
        <v>17.100000000000001</v>
      </c>
      <c r="C250" s="44">
        <v>15.1</v>
      </c>
      <c r="D250" s="44">
        <v>31.8</v>
      </c>
      <c r="E250" s="44">
        <v>18.600000000000001</v>
      </c>
      <c r="F250" s="67">
        <v>14.3</v>
      </c>
    </row>
    <row r="251" spans="2:6" x14ac:dyDescent="0.3">
      <c r="B251" s="66">
        <v>15.1</v>
      </c>
      <c r="C251" s="44">
        <v>18.399999999999999</v>
      </c>
      <c r="D251" s="44">
        <v>30.4</v>
      </c>
      <c r="E251" s="44">
        <v>18.7</v>
      </c>
      <c r="F251" s="67">
        <v>10</v>
      </c>
    </row>
    <row r="252" spans="2:6" x14ac:dyDescent="0.3">
      <c r="B252" s="66">
        <v>14.3</v>
      </c>
      <c r="C252" s="44">
        <v>13.8</v>
      </c>
      <c r="D252" s="44">
        <v>31.2</v>
      </c>
      <c r="E252" s="44">
        <v>21.1</v>
      </c>
      <c r="F252" s="67">
        <v>11.4</v>
      </c>
    </row>
    <row r="253" spans="2:6" x14ac:dyDescent="0.3">
      <c r="B253" s="66">
        <v>15.2</v>
      </c>
      <c r="C253" s="44">
        <v>14.5</v>
      </c>
      <c r="D253" s="44">
        <v>30.6</v>
      </c>
      <c r="E253" s="44">
        <v>23.4</v>
      </c>
      <c r="F253" s="67">
        <v>9.5</v>
      </c>
    </row>
    <row r="254" spans="2:6" x14ac:dyDescent="0.3">
      <c r="B254" s="66">
        <v>18.100000000000001</v>
      </c>
      <c r="C254" s="44">
        <v>15.2</v>
      </c>
      <c r="D254" s="44">
        <v>30.6</v>
      </c>
      <c r="E254" s="44">
        <v>26</v>
      </c>
      <c r="F254" s="67">
        <v>9.6</v>
      </c>
    </row>
    <row r="255" spans="2:6" x14ac:dyDescent="0.3">
      <c r="B255" s="66">
        <v>17.399999999999999</v>
      </c>
      <c r="C255" s="44">
        <v>17.899999999999999</v>
      </c>
      <c r="D255" s="44">
        <v>29.2</v>
      </c>
      <c r="E255" s="44">
        <v>26.2</v>
      </c>
      <c r="F255" s="67">
        <v>13.3</v>
      </c>
    </row>
    <row r="256" spans="2:6" x14ac:dyDescent="0.3">
      <c r="B256" s="66">
        <v>17.2</v>
      </c>
      <c r="C256" s="44">
        <v>19.5</v>
      </c>
      <c r="D256" s="44">
        <v>28.4</v>
      </c>
      <c r="E256" s="44">
        <v>26.9</v>
      </c>
      <c r="F256" s="67">
        <v>16</v>
      </c>
    </row>
    <row r="257" spans="2:6" x14ac:dyDescent="0.3">
      <c r="B257" s="66">
        <v>14.7</v>
      </c>
      <c r="C257" s="44">
        <v>20.3</v>
      </c>
      <c r="D257" s="44">
        <v>28.1</v>
      </c>
      <c r="E257" s="44">
        <v>27</v>
      </c>
      <c r="F257" s="67">
        <v>15.5</v>
      </c>
    </row>
    <row r="258" spans="2:6" x14ac:dyDescent="0.3">
      <c r="B258" s="66">
        <v>15.7</v>
      </c>
      <c r="C258" s="44">
        <v>11.7</v>
      </c>
      <c r="D258" s="44">
        <v>28.6</v>
      </c>
      <c r="E258" s="44">
        <v>24</v>
      </c>
      <c r="F258" s="67">
        <v>12.1</v>
      </c>
    </row>
    <row r="259" spans="2:6" x14ac:dyDescent="0.3">
      <c r="B259" s="66">
        <v>17.600000000000001</v>
      </c>
      <c r="C259" s="44">
        <v>15.3</v>
      </c>
      <c r="D259" s="44">
        <v>27.5</v>
      </c>
      <c r="E259" s="44">
        <v>25.4</v>
      </c>
      <c r="F259" s="67">
        <v>9.6999999999999993</v>
      </c>
    </row>
    <row r="260" spans="2:6" x14ac:dyDescent="0.3">
      <c r="B260" s="66">
        <v>20.399999999999999</v>
      </c>
      <c r="C260" s="44">
        <v>17.5</v>
      </c>
      <c r="D260" s="44">
        <v>29</v>
      </c>
      <c r="E260" s="44">
        <v>26.4</v>
      </c>
      <c r="F260" s="67">
        <v>7.4</v>
      </c>
    </row>
    <row r="261" spans="2:6" x14ac:dyDescent="0.3">
      <c r="B261" s="66">
        <v>17.7</v>
      </c>
      <c r="C261" s="44">
        <v>14.4</v>
      </c>
      <c r="D261" s="44">
        <v>29.9</v>
      </c>
      <c r="E261" s="44">
        <v>28.2</v>
      </c>
      <c r="F261" s="67">
        <v>9.9</v>
      </c>
    </row>
    <row r="262" spans="2:6" x14ac:dyDescent="0.3">
      <c r="B262" s="66">
        <v>15.6</v>
      </c>
      <c r="C262" s="44">
        <v>13.7</v>
      </c>
      <c r="D262" s="44">
        <v>32.5</v>
      </c>
      <c r="E262" s="44">
        <v>29.3</v>
      </c>
      <c r="F262" s="67">
        <v>12.6</v>
      </c>
    </row>
    <row r="263" spans="2:6" x14ac:dyDescent="0.3">
      <c r="B263" s="66">
        <v>15.5</v>
      </c>
      <c r="C263" s="44">
        <v>13.4</v>
      </c>
      <c r="D263" s="44">
        <v>32.200000000000003</v>
      </c>
      <c r="E263" s="44">
        <v>30.2</v>
      </c>
      <c r="F263" s="67">
        <v>11.5</v>
      </c>
    </row>
    <row r="264" spans="2:6" x14ac:dyDescent="0.3">
      <c r="B264" s="66">
        <v>15.3</v>
      </c>
      <c r="C264" s="44">
        <v>15.4</v>
      </c>
      <c r="D264" s="44">
        <v>32.299999999999997</v>
      </c>
      <c r="E264" s="44">
        <v>28.8</v>
      </c>
      <c r="F264" s="67">
        <v>10.8</v>
      </c>
    </row>
    <row r="265" spans="2:6" x14ac:dyDescent="0.3">
      <c r="B265" s="66">
        <v>14.1</v>
      </c>
      <c r="C265" s="44">
        <v>18.600000000000001</v>
      </c>
      <c r="D265" s="44">
        <v>31.6</v>
      </c>
      <c r="E265" s="44">
        <v>28</v>
      </c>
      <c r="F265" s="67">
        <v>12</v>
      </c>
    </row>
    <row r="266" spans="2:6" x14ac:dyDescent="0.3">
      <c r="B266" s="66">
        <v>16.899999999999999</v>
      </c>
      <c r="C266" s="44">
        <v>20.399999999999999</v>
      </c>
      <c r="D266" s="44">
        <v>30.4</v>
      </c>
      <c r="E266" s="44">
        <v>29.7</v>
      </c>
      <c r="F266" s="67">
        <v>10.7</v>
      </c>
    </row>
    <row r="267" spans="2:6" x14ac:dyDescent="0.3">
      <c r="B267" s="66">
        <v>16.3</v>
      </c>
      <c r="C267" s="44">
        <v>16.8</v>
      </c>
      <c r="D267" s="44">
        <v>25.7</v>
      </c>
      <c r="E267" s="44">
        <v>28.2</v>
      </c>
      <c r="F267" s="67">
        <v>10.3</v>
      </c>
    </row>
    <row r="268" spans="2:6" x14ac:dyDescent="0.3">
      <c r="B268" s="66">
        <v>16</v>
      </c>
      <c r="C268" s="44">
        <v>13.4</v>
      </c>
      <c r="D268" s="44">
        <v>20</v>
      </c>
      <c r="E268" s="44">
        <v>24.6</v>
      </c>
      <c r="F268" s="67">
        <v>9.6</v>
      </c>
    </row>
    <row r="269" spans="2:6" x14ac:dyDescent="0.3">
      <c r="B269" s="66">
        <v>14.8</v>
      </c>
      <c r="C269" s="44">
        <v>12.3</v>
      </c>
      <c r="D269" s="44">
        <v>21.2</v>
      </c>
      <c r="E269" s="44">
        <v>22.4</v>
      </c>
      <c r="F269" s="67">
        <v>8.6999999999999993</v>
      </c>
    </row>
    <row r="270" spans="2:6" x14ac:dyDescent="0.3">
      <c r="B270" s="66">
        <v>14.9</v>
      </c>
      <c r="C270" s="44">
        <v>12.6</v>
      </c>
      <c r="D270" s="44">
        <v>23</v>
      </c>
      <c r="E270" s="44">
        <v>19</v>
      </c>
      <c r="F270" s="67">
        <v>12.9</v>
      </c>
    </row>
    <row r="271" spans="2:6" x14ac:dyDescent="0.3">
      <c r="B271" s="66">
        <v>14.5</v>
      </c>
      <c r="C271" s="44">
        <v>12.4</v>
      </c>
      <c r="D271" s="44">
        <v>22</v>
      </c>
      <c r="E271" s="44">
        <v>17.5</v>
      </c>
      <c r="F271" s="67">
        <v>14.4</v>
      </c>
    </row>
    <row r="272" spans="2:6" x14ac:dyDescent="0.3">
      <c r="B272" s="66">
        <v>13.1</v>
      </c>
      <c r="C272" s="44">
        <v>11.9</v>
      </c>
      <c r="D272" s="44">
        <v>24.4</v>
      </c>
      <c r="E272" s="44">
        <v>19.7</v>
      </c>
      <c r="F272" s="67">
        <v>10.7</v>
      </c>
    </row>
    <row r="273" spans="2:6" x14ac:dyDescent="0.3">
      <c r="B273" s="66">
        <v>13.9</v>
      </c>
      <c r="C273" s="44">
        <v>12.4</v>
      </c>
      <c r="D273" s="44">
        <v>25</v>
      </c>
      <c r="E273" s="44">
        <v>22.1</v>
      </c>
      <c r="F273" s="67">
        <v>8.5</v>
      </c>
    </row>
    <row r="274" spans="2:6" x14ac:dyDescent="0.3">
      <c r="B274" s="66">
        <v>12.9</v>
      </c>
      <c r="C274" s="44">
        <v>13.5</v>
      </c>
      <c r="D274" s="44">
        <v>19.3</v>
      </c>
      <c r="E274" s="44">
        <v>22.9</v>
      </c>
      <c r="F274" s="67">
        <v>8.8000000000000007</v>
      </c>
    </row>
    <row r="275" spans="2:6" x14ac:dyDescent="0.3">
      <c r="B275" s="66">
        <v>12.2</v>
      </c>
      <c r="C275" s="44">
        <v>13.3</v>
      </c>
      <c r="D275" s="44">
        <v>18.2</v>
      </c>
      <c r="E275" s="44">
        <v>22.1</v>
      </c>
      <c r="F275" s="67">
        <v>8.8000000000000007</v>
      </c>
    </row>
    <row r="276" spans="2:6" x14ac:dyDescent="0.3">
      <c r="B276" s="66">
        <v>13.2</v>
      </c>
      <c r="C276" s="44">
        <v>13.9</v>
      </c>
      <c r="D276" s="44">
        <v>19.7</v>
      </c>
      <c r="E276" s="44">
        <v>20</v>
      </c>
      <c r="F276" s="67">
        <v>11.9</v>
      </c>
    </row>
    <row r="277" spans="2:6" x14ac:dyDescent="0.3">
      <c r="B277" s="66">
        <v>10.9</v>
      </c>
      <c r="C277" s="44">
        <v>13.6</v>
      </c>
      <c r="D277" s="44">
        <v>22</v>
      </c>
      <c r="E277" s="44">
        <v>20.5</v>
      </c>
      <c r="F277" s="67">
        <v>14</v>
      </c>
    </row>
    <row r="278" spans="2:6" x14ac:dyDescent="0.3">
      <c r="B278" s="66">
        <v>12.7</v>
      </c>
      <c r="C278" s="44">
        <v>12.1</v>
      </c>
      <c r="D278" s="44">
        <v>22.8</v>
      </c>
      <c r="E278" s="44">
        <v>22</v>
      </c>
      <c r="F278" s="67">
        <v>17</v>
      </c>
    </row>
    <row r="279" spans="2:6" x14ac:dyDescent="0.3">
      <c r="B279" s="66">
        <v>13.5</v>
      </c>
      <c r="C279" s="44">
        <v>11.6</v>
      </c>
      <c r="D279" s="44">
        <v>24.4</v>
      </c>
      <c r="E279" s="44">
        <v>22.3</v>
      </c>
      <c r="F279" s="67">
        <v>14.3</v>
      </c>
    </row>
    <row r="280" spans="2:6" x14ac:dyDescent="0.3">
      <c r="B280" s="66">
        <v>15.3</v>
      </c>
      <c r="C280" s="44">
        <v>13.6</v>
      </c>
      <c r="D280" s="44">
        <v>24.8</v>
      </c>
      <c r="E280" s="44">
        <v>22.9</v>
      </c>
      <c r="F280" s="67">
        <v>12.8</v>
      </c>
    </row>
    <row r="281" spans="2:6" x14ac:dyDescent="0.3">
      <c r="B281" s="66">
        <v>17</v>
      </c>
      <c r="C281" s="44">
        <v>14</v>
      </c>
      <c r="D281" s="44">
        <v>23.4</v>
      </c>
      <c r="E281" s="44">
        <v>23.8</v>
      </c>
      <c r="F281" s="67">
        <v>14.2</v>
      </c>
    </row>
    <row r="282" spans="2:6" x14ac:dyDescent="0.3">
      <c r="B282" s="66">
        <v>14.2</v>
      </c>
      <c r="C282" s="44">
        <v>11.6</v>
      </c>
      <c r="D282" s="44">
        <v>23.7</v>
      </c>
      <c r="E282" s="44">
        <v>23.5</v>
      </c>
      <c r="F282" s="67">
        <v>14.5</v>
      </c>
    </row>
    <row r="283" spans="2:6" x14ac:dyDescent="0.3">
      <c r="B283" s="66">
        <v>14.2</v>
      </c>
      <c r="C283" s="44">
        <v>11.7</v>
      </c>
      <c r="D283" s="44">
        <v>21.6</v>
      </c>
      <c r="E283" s="44">
        <v>24.5</v>
      </c>
      <c r="F283" s="67">
        <v>8.1</v>
      </c>
    </row>
    <row r="284" spans="2:6" x14ac:dyDescent="0.3">
      <c r="B284" s="66">
        <v>12.3</v>
      </c>
      <c r="C284" s="44">
        <v>12.5</v>
      </c>
      <c r="D284" s="44">
        <v>22.2</v>
      </c>
      <c r="E284" s="44">
        <v>25.1</v>
      </c>
      <c r="F284" s="67">
        <v>8.3000000000000007</v>
      </c>
    </row>
    <row r="285" spans="2:6" x14ac:dyDescent="0.3">
      <c r="B285" s="66">
        <v>9.1999999999999993</v>
      </c>
      <c r="C285" s="44">
        <v>12.8</v>
      </c>
      <c r="D285" s="44">
        <v>21.9</v>
      </c>
      <c r="E285" s="44">
        <v>25.3</v>
      </c>
      <c r="F285" s="67">
        <v>7.1</v>
      </c>
    </row>
    <row r="286" spans="2:6" x14ac:dyDescent="0.3">
      <c r="B286" s="66">
        <v>9.6999999999999993</v>
      </c>
      <c r="C286" s="44">
        <v>11.1</v>
      </c>
      <c r="D286" s="44">
        <v>22.6</v>
      </c>
      <c r="E286" s="44">
        <v>21.9</v>
      </c>
      <c r="F286" s="67">
        <v>4.3</v>
      </c>
    </row>
    <row r="287" spans="2:6" x14ac:dyDescent="0.3">
      <c r="B287" s="66">
        <v>12.8</v>
      </c>
      <c r="C287" s="44">
        <v>11.2</v>
      </c>
      <c r="D287" s="44">
        <v>19.899999999999999</v>
      </c>
      <c r="E287" s="44">
        <v>20.2</v>
      </c>
      <c r="F287" s="67">
        <v>2.9</v>
      </c>
    </row>
    <row r="288" spans="2:6" x14ac:dyDescent="0.3">
      <c r="B288" s="66">
        <v>11</v>
      </c>
      <c r="C288" s="44">
        <v>10.7</v>
      </c>
      <c r="D288" s="44">
        <v>19.100000000000001</v>
      </c>
      <c r="E288" s="44">
        <v>22</v>
      </c>
      <c r="F288" s="67">
        <v>8.1999999999999993</v>
      </c>
    </row>
    <row r="289" spans="2:6" x14ac:dyDescent="0.3">
      <c r="B289" s="66">
        <v>10.5</v>
      </c>
      <c r="C289" s="44">
        <v>10.6</v>
      </c>
      <c r="D289" s="44">
        <v>17</v>
      </c>
      <c r="E289" s="44">
        <v>22.5</v>
      </c>
      <c r="F289" s="67">
        <v>10.3</v>
      </c>
    </row>
    <row r="290" spans="2:6" x14ac:dyDescent="0.3">
      <c r="B290" s="66">
        <v>12.4</v>
      </c>
      <c r="C290" s="44">
        <v>10.3</v>
      </c>
      <c r="D290" s="44">
        <v>17.2</v>
      </c>
      <c r="E290" s="44">
        <v>23.2</v>
      </c>
      <c r="F290" s="67">
        <v>9.5</v>
      </c>
    </row>
    <row r="291" spans="2:6" x14ac:dyDescent="0.3">
      <c r="B291" s="66">
        <v>12.7</v>
      </c>
      <c r="C291" s="44">
        <v>9.5</v>
      </c>
      <c r="D291" s="44">
        <v>18.399999999999999</v>
      </c>
      <c r="E291" s="44">
        <v>21.5</v>
      </c>
      <c r="F291" s="67">
        <v>8.5</v>
      </c>
    </row>
    <row r="292" spans="2:6" x14ac:dyDescent="0.3">
      <c r="B292" s="66">
        <v>11.2</v>
      </c>
      <c r="C292" s="44">
        <v>9.1</v>
      </c>
      <c r="D292" s="44">
        <v>18.7</v>
      </c>
      <c r="E292" s="44">
        <v>21.8</v>
      </c>
      <c r="F292" s="67">
        <v>10.1</v>
      </c>
    </row>
    <row r="293" spans="2:6" x14ac:dyDescent="0.3">
      <c r="B293" s="66">
        <v>12.6</v>
      </c>
      <c r="C293" s="44">
        <v>8.1999999999999993</v>
      </c>
      <c r="D293" s="44">
        <v>16.5</v>
      </c>
      <c r="E293" s="44">
        <v>23.4</v>
      </c>
      <c r="F293" s="67">
        <v>9.6999999999999993</v>
      </c>
    </row>
    <row r="294" spans="2:6" x14ac:dyDescent="0.3">
      <c r="B294" s="66">
        <v>12.6</v>
      </c>
      <c r="C294" s="44">
        <v>10.9</v>
      </c>
      <c r="D294" s="44">
        <v>16.100000000000001</v>
      </c>
      <c r="E294" s="44">
        <v>22.6</v>
      </c>
      <c r="F294" s="67">
        <v>4.9000000000000004</v>
      </c>
    </row>
    <row r="295" spans="2:6" x14ac:dyDescent="0.3">
      <c r="B295" s="66">
        <v>11.3</v>
      </c>
      <c r="C295" s="44">
        <v>10.9</v>
      </c>
      <c r="D295" s="44">
        <v>16.399999999999999</v>
      </c>
      <c r="E295" s="44">
        <v>18</v>
      </c>
      <c r="F295" s="67">
        <v>7.1</v>
      </c>
    </row>
    <row r="296" spans="2:6" x14ac:dyDescent="0.3">
      <c r="B296" s="66">
        <v>10.5</v>
      </c>
      <c r="C296" s="44">
        <v>9.6999999999999993</v>
      </c>
      <c r="D296" s="44">
        <v>19</v>
      </c>
      <c r="E296" s="44">
        <v>16.2</v>
      </c>
      <c r="F296" s="67">
        <v>7.8</v>
      </c>
    </row>
    <row r="297" spans="2:6" x14ac:dyDescent="0.3">
      <c r="B297" s="66">
        <v>14.4</v>
      </c>
      <c r="C297" s="44">
        <v>10.6</v>
      </c>
      <c r="D297" s="44">
        <v>20.6</v>
      </c>
      <c r="E297" s="44">
        <v>18.399999999999999</v>
      </c>
      <c r="F297" s="67">
        <v>4.8</v>
      </c>
    </row>
    <row r="298" spans="2:6" x14ac:dyDescent="0.3">
      <c r="B298" s="66">
        <v>13.9</v>
      </c>
      <c r="C298" s="44">
        <v>11.5</v>
      </c>
      <c r="D298" s="44">
        <v>21.3</v>
      </c>
      <c r="E298" s="44">
        <v>21.2</v>
      </c>
      <c r="F298" s="67">
        <v>2.9</v>
      </c>
    </row>
    <row r="299" spans="2:6" x14ac:dyDescent="0.3">
      <c r="B299" s="66">
        <v>12.8</v>
      </c>
      <c r="C299" s="44">
        <v>12.6</v>
      </c>
      <c r="D299" s="44">
        <v>21.6</v>
      </c>
      <c r="E299" s="44">
        <v>22.2</v>
      </c>
      <c r="F299" s="67">
        <v>2.1</v>
      </c>
    </row>
    <row r="300" spans="2:6" x14ac:dyDescent="0.3">
      <c r="B300" s="66">
        <v>13.5</v>
      </c>
      <c r="C300" s="44">
        <v>12.9</v>
      </c>
      <c r="D300" s="44">
        <v>21.8</v>
      </c>
      <c r="E300" s="44">
        <v>22.4</v>
      </c>
      <c r="F300" s="67">
        <v>0.1</v>
      </c>
    </row>
    <row r="301" spans="2:6" x14ac:dyDescent="0.3">
      <c r="B301" s="66">
        <v>12.8</v>
      </c>
      <c r="C301" s="44">
        <v>10.6</v>
      </c>
      <c r="D301" s="44">
        <v>22.8</v>
      </c>
      <c r="E301" s="44">
        <v>21.3</v>
      </c>
      <c r="F301" s="67">
        <v>1</v>
      </c>
    </row>
    <row r="302" spans="2:6" x14ac:dyDescent="0.3">
      <c r="B302" s="66">
        <v>11.3</v>
      </c>
      <c r="C302" s="44">
        <v>10.7</v>
      </c>
      <c r="D302" s="44">
        <v>23.8</v>
      </c>
      <c r="E302" s="44">
        <v>20</v>
      </c>
      <c r="F302" s="67">
        <v>1.54</v>
      </c>
    </row>
    <row r="303" spans="2:6" x14ac:dyDescent="0.3">
      <c r="B303" s="66">
        <v>10</v>
      </c>
      <c r="C303" s="44">
        <v>12.5</v>
      </c>
      <c r="D303" s="44">
        <v>24</v>
      </c>
      <c r="E303" s="44">
        <v>19.3</v>
      </c>
      <c r="F303" s="67">
        <v>2.08</v>
      </c>
    </row>
    <row r="304" spans="2:6" x14ac:dyDescent="0.3">
      <c r="B304" s="66">
        <v>10.3</v>
      </c>
      <c r="C304" s="44">
        <v>10.7</v>
      </c>
      <c r="D304" s="44">
        <v>23.2</v>
      </c>
      <c r="E304" s="44">
        <v>20.8</v>
      </c>
      <c r="F304" s="67">
        <v>2.62</v>
      </c>
    </row>
    <row r="305" spans="2:6" x14ac:dyDescent="0.3">
      <c r="B305" s="66">
        <v>10</v>
      </c>
      <c r="C305" s="44">
        <v>9.9</v>
      </c>
      <c r="D305" s="44">
        <v>23</v>
      </c>
      <c r="E305" s="44">
        <v>20.9</v>
      </c>
      <c r="F305" s="67">
        <v>3.16</v>
      </c>
    </row>
    <row r="306" spans="2:6" x14ac:dyDescent="0.3">
      <c r="B306" s="66">
        <v>8.8000000000000007</v>
      </c>
      <c r="C306" s="44">
        <v>10.9</v>
      </c>
      <c r="D306" s="44">
        <v>22</v>
      </c>
      <c r="E306" s="44">
        <v>20.399999999999999</v>
      </c>
      <c r="F306" s="67">
        <v>3.7</v>
      </c>
    </row>
    <row r="307" spans="2:6" x14ac:dyDescent="0.3">
      <c r="B307" s="66">
        <v>6.8</v>
      </c>
      <c r="C307" s="44">
        <v>9.6999999999999993</v>
      </c>
      <c r="D307" s="44">
        <v>23.3</v>
      </c>
      <c r="E307" s="44">
        <v>16.8</v>
      </c>
      <c r="F307" s="67">
        <v>3.9</v>
      </c>
    </row>
    <row r="308" spans="2:6" x14ac:dyDescent="0.3">
      <c r="B308" s="66">
        <v>6.7</v>
      </c>
      <c r="C308" s="44">
        <v>9.1</v>
      </c>
      <c r="D308" s="44">
        <v>24</v>
      </c>
      <c r="E308" s="44">
        <v>17.600000000000001</v>
      </c>
      <c r="F308" s="67">
        <v>3.7</v>
      </c>
    </row>
    <row r="309" spans="2:6" x14ac:dyDescent="0.3">
      <c r="B309" s="66">
        <v>4.5</v>
      </c>
      <c r="C309" s="44">
        <v>8.6999999999999993</v>
      </c>
      <c r="D309" s="44">
        <v>23.6</v>
      </c>
      <c r="E309" s="44">
        <v>18.899999999999999</v>
      </c>
      <c r="F309" s="67">
        <v>4.4000000000000004</v>
      </c>
    </row>
    <row r="310" spans="2:6" x14ac:dyDescent="0.3">
      <c r="B310" s="66">
        <v>4.5999999999999996</v>
      </c>
      <c r="C310" s="44">
        <v>6.5</v>
      </c>
      <c r="D310" s="44">
        <v>23</v>
      </c>
      <c r="E310" s="44">
        <v>16.600000000000001</v>
      </c>
      <c r="F310" s="67">
        <v>3.6</v>
      </c>
    </row>
    <row r="311" spans="2:6" x14ac:dyDescent="0.3">
      <c r="B311" s="66">
        <v>6.5</v>
      </c>
      <c r="C311" s="44">
        <v>9</v>
      </c>
      <c r="D311" s="44">
        <v>22.1</v>
      </c>
      <c r="E311" s="44">
        <v>15</v>
      </c>
      <c r="F311" s="67">
        <v>6.5</v>
      </c>
    </row>
    <row r="312" spans="2:6" x14ac:dyDescent="0.3">
      <c r="B312" s="66">
        <v>8.6</v>
      </c>
      <c r="C312" s="44">
        <v>11.7</v>
      </c>
      <c r="D312" s="44">
        <v>21.2</v>
      </c>
      <c r="E312" s="44">
        <v>17.100000000000001</v>
      </c>
      <c r="F312" s="67">
        <v>7.2</v>
      </c>
    </row>
    <row r="313" spans="2:6" x14ac:dyDescent="0.3">
      <c r="B313" s="66">
        <v>7.6</v>
      </c>
      <c r="C313" s="44">
        <v>5.8</v>
      </c>
      <c r="D313" s="44">
        <v>20.8</v>
      </c>
      <c r="E313" s="44">
        <v>18.5</v>
      </c>
      <c r="F313" s="67">
        <v>0.3</v>
      </c>
    </row>
    <row r="314" spans="2:6" x14ac:dyDescent="0.3">
      <c r="B314" s="66">
        <v>6.5</v>
      </c>
      <c r="C314" s="44">
        <v>7</v>
      </c>
      <c r="D314" s="44">
        <v>20.2</v>
      </c>
      <c r="E314" s="44">
        <v>19.399999999999999</v>
      </c>
      <c r="F314" s="67">
        <v>-1</v>
      </c>
    </row>
    <row r="315" spans="2:6" x14ac:dyDescent="0.3">
      <c r="B315" s="66">
        <v>7.6</v>
      </c>
      <c r="C315" s="44">
        <v>7.8</v>
      </c>
      <c r="D315" s="44">
        <v>20.6</v>
      </c>
      <c r="E315" s="44">
        <v>22.5</v>
      </c>
      <c r="F315" s="67">
        <v>-2.2999999999999998</v>
      </c>
    </row>
    <row r="316" spans="2:6" x14ac:dyDescent="0.3">
      <c r="B316" s="66">
        <v>6.5</v>
      </c>
      <c r="C316" s="44">
        <v>7.1</v>
      </c>
      <c r="D316" s="44">
        <v>18</v>
      </c>
      <c r="E316" s="44">
        <v>20</v>
      </c>
      <c r="F316" s="67">
        <v>2.8</v>
      </c>
    </row>
    <row r="317" spans="2:6" x14ac:dyDescent="0.3">
      <c r="B317" s="66">
        <v>5.4</v>
      </c>
      <c r="C317" s="44">
        <v>7.3</v>
      </c>
      <c r="D317" s="44">
        <v>17.3</v>
      </c>
      <c r="E317" s="44">
        <v>15.8</v>
      </c>
      <c r="F317" s="67">
        <v>-0.7</v>
      </c>
    </row>
    <row r="318" spans="2:6" x14ac:dyDescent="0.3">
      <c r="B318" s="66">
        <v>3.5</v>
      </c>
      <c r="C318" s="44">
        <v>7.7</v>
      </c>
      <c r="D318" s="44">
        <v>17.399999999999999</v>
      </c>
      <c r="E318" s="44">
        <v>9.9</v>
      </c>
      <c r="F318" s="67">
        <v>-2.8</v>
      </c>
    </row>
    <row r="319" spans="2:6" x14ac:dyDescent="0.3">
      <c r="B319" s="66">
        <v>7</v>
      </c>
      <c r="C319" s="44">
        <v>8.1999999999999993</v>
      </c>
      <c r="D319" s="44">
        <v>19.399999999999999</v>
      </c>
      <c r="E319" s="44">
        <v>9</v>
      </c>
      <c r="F319" s="67">
        <v>0.5</v>
      </c>
    </row>
    <row r="320" spans="2:6" x14ac:dyDescent="0.3">
      <c r="B320" s="66">
        <v>5</v>
      </c>
      <c r="C320" s="44">
        <v>6.5</v>
      </c>
      <c r="D320" s="44">
        <v>18.100000000000001</v>
      </c>
      <c r="E320" s="44">
        <v>9.1999999999999993</v>
      </c>
      <c r="F320" s="67">
        <v>6</v>
      </c>
    </row>
    <row r="321" spans="2:6" x14ac:dyDescent="0.3">
      <c r="B321" s="66">
        <v>1.1000000000000001</v>
      </c>
      <c r="C321" s="44">
        <v>6.1</v>
      </c>
      <c r="D321" s="44">
        <v>13.8</v>
      </c>
      <c r="E321" s="44">
        <v>12.8</v>
      </c>
      <c r="F321" s="67">
        <v>6.1</v>
      </c>
    </row>
    <row r="322" spans="2:6" x14ac:dyDescent="0.3">
      <c r="B322" s="66">
        <v>1.3</v>
      </c>
      <c r="C322" s="44">
        <v>5.6</v>
      </c>
      <c r="D322" s="44">
        <v>13.2</v>
      </c>
      <c r="E322" s="44">
        <v>17.899999999999999</v>
      </c>
      <c r="F322" s="67">
        <v>9.5</v>
      </c>
    </row>
    <row r="323" spans="2:6" x14ac:dyDescent="0.3">
      <c r="B323" s="66">
        <v>1.8</v>
      </c>
      <c r="C323" s="44">
        <v>4.4000000000000004</v>
      </c>
      <c r="D323" s="44">
        <v>12</v>
      </c>
      <c r="E323" s="44">
        <v>19.600000000000001</v>
      </c>
      <c r="F323" s="67">
        <v>9.1999999999999993</v>
      </c>
    </row>
    <row r="324" spans="2:6" x14ac:dyDescent="0.3">
      <c r="B324" s="66">
        <v>5.3</v>
      </c>
      <c r="C324" s="44">
        <v>5.2</v>
      </c>
      <c r="D324" s="44">
        <v>12.8</v>
      </c>
      <c r="E324" s="44">
        <v>16.7</v>
      </c>
      <c r="F324" s="67">
        <v>9.1</v>
      </c>
    </row>
    <row r="325" spans="2:6" x14ac:dyDescent="0.3">
      <c r="B325" s="66">
        <v>6.2</v>
      </c>
      <c r="C325" s="44">
        <v>4.7</v>
      </c>
      <c r="D325" s="44">
        <v>12.5</v>
      </c>
      <c r="E325" s="44">
        <v>14.8</v>
      </c>
      <c r="F325" s="67">
        <v>5.5</v>
      </c>
    </row>
    <row r="326" spans="2:6" x14ac:dyDescent="0.3">
      <c r="B326" s="66">
        <v>6</v>
      </c>
      <c r="C326" s="44">
        <v>5.7</v>
      </c>
      <c r="D326" s="44">
        <v>11.2</v>
      </c>
      <c r="E326" s="44">
        <v>14</v>
      </c>
      <c r="F326" s="67">
        <v>4.3</v>
      </c>
    </row>
    <row r="327" spans="2:6" x14ac:dyDescent="0.3">
      <c r="B327" s="66">
        <v>5.0999999999999996</v>
      </c>
      <c r="C327" s="44">
        <v>8.6</v>
      </c>
      <c r="D327" s="44">
        <v>14.5</v>
      </c>
      <c r="E327" s="44">
        <v>16</v>
      </c>
      <c r="F327" s="67">
        <v>6.4</v>
      </c>
    </row>
    <row r="328" spans="2:6" x14ac:dyDescent="0.3">
      <c r="B328" s="66">
        <v>1.6</v>
      </c>
      <c r="C328" s="44">
        <v>9.1</v>
      </c>
      <c r="D328" s="44">
        <v>14.9</v>
      </c>
      <c r="E328" s="44">
        <v>15.9</v>
      </c>
      <c r="F328" s="67">
        <v>1</v>
      </c>
    </row>
    <row r="329" spans="2:6" x14ac:dyDescent="0.3">
      <c r="B329" s="66">
        <v>0.8</v>
      </c>
      <c r="C329" s="44">
        <v>8.5</v>
      </c>
      <c r="D329" s="44">
        <v>12.2</v>
      </c>
      <c r="E329" s="44">
        <v>13.3</v>
      </c>
      <c r="F329" s="67">
        <v>-0.7</v>
      </c>
    </row>
    <row r="330" spans="2:6" x14ac:dyDescent="0.3">
      <c r="B330" s="66">
        <v>-1</v>
      </c>
      <c r="C330" s="44">
        <v>9.6</v>
      </c>
      <c r="D330" s="44">
        <v>14.2</v>
      </c>
      <c r="E330" s="44">
        <v>13.8</v>
      </c>
      <c r="F330" s="67">
        <v>4.3</v>
      </c>
    </row>
    <row r="331" spans="2:6" x14ac:dyDescent="0.3">
      <c r="B331" s="66">
        <v>-0.3</v>
      </c>
      <c r="C331" s="44">
        <v>7.7</v>
      </c>
      <c r="D331" s="44">
        <v>14.4</v>
      </c>
      <c r="E331" s="44">
        <v>11.7</v>
      </c>
      <c r="F331" s="67">
        <v>-1</v>
      </c>
    </row>
    <row r="332" spans="2:6" x14ac:dyDescent="0.3">
      <c r="B332" s="66">
        <v>-2.2000000000000002</v>
      </c>
      <c r="C332" s="44">
        <v>6</v>
      </c>
      <c r="D332" s="44">
        <v>12.3</v>
      </c>
      <c r="E332" s="44">
        <v>12.3</v>
      </c>
      <c r="F332" s="67">
        <v>-1.2</v>
      </c>
    </row>
    <row r="333" spans="2:6" x14ac:dyDescent="0.3">
      <c r="B333" s="66">
        <v>-2.2000000000000002</v>
      </c>
      <c r="C333" s="44">
        <v>6.7</v>
      </c>
      <c r="D333" s="44">
        <v>10</v>
      </c>
      <c r="E333" s="44">
        <v>14.5</v>
      </c>
      <c r="F333" s="67">
        <v>0.9</v>
      </c>
    </row>
    <row r="334" spans="2:6" x14ac:dyDescent="0.3">
      <c r="B334" s="66">
        <v>-0.3</v>
      </c>
      <c r="C334" s="44">
        <v>7.3</v>
      </c>
      <c r="D334" s="44">
        <v>11.3</v>
      </c>
      <c r="E334" s="44">
        <v>14.7</v>
      </c>
      <c r="F334" s="67">
        <v>0</v>
      </c>
    </row>
    <row r="335" spans="2:6" x14ac:dyDescent="0.3">
      <c r="B335" s="66">
        <v>2.4</v>
      </c>
      <c r="C335" s="44">
        <v>11.2</v>
      </c>
      <c r="D335" s="44">
        <v>11.5</v>
      </c>
      <c r="E335" s="44">
        <v>13.4</v>
      </c>
      <c r="F335" s="67">
        <v>-1.7</v>
      </c>
    </row>
    <row r="336" spans="2:6" x14ac:dyDescent="0.3">
      <c r="B336" s="66">
        <v>3.5</v>
      </c>
      <c r="C336" s="44">
        <v>9.6</v>
      </c>
      <c r="D336" s="44">
        <v>10.1</v>
      </c>
      <c r="E336" s="44">
        <v>11.5</v>
      </c>
      <c r="F336" s="67">
        <v>-2.2999999999999998</v>
      </c>
    </row>
    <row r="337" spans="2:6" x14ac:dyDescent="0.3">
      <c r="B337" s="66">
        <v>4</v>
      </c>
      <c r="C337" s="44">
        <v>11.2</v>
      </c>
      <c r="D337" s="44">
        <v>11.8</v>
      </c>
      <c r="E337" s="44">
        <v>10.3</v>
      </c>
      <c r="F337" s="67">
        <v>0.8</v>
      </c>
    </row>
    <row r="338" spans="2:6" x14ac:dyDescent="0.3">
      <c r="B338" s="66">
        <v>4.7</v>
      </c>
      <c r="C338" s="44">
        <v>9.3000000000000007</v>
      </c>
      <c r="D338" s="44">
        <v>11</v>
      </c>
      <c r="E338" s="44">
        <v>11.7</v>
      </c>
      <c r="F338" s="67">
        <v>0.9</v>
      </c>
    </row>
    <row r="339" spans="2:6" x14ac:dyDescent="0.3">
      <c r="B339" s="66">
        <v>4.4000000000000004</v>
      </c>
      <c r="C339" s="44">
        <v>4.5</v>
      </c>
      <c r="D339" s="44">
        <v>9</v>
      </c>
      <c r="E339" s="44">
        <v>14.4</v>
      </c>
      <c r="F339" s="67">
        <v>-0.2</v>
      </c>
    </row>
    <row r="340" spans="2:6" x14ac:dyDescent="0.3">
      <c r="B340" s="66">
        <v>4.2</v>
      </c>
      <c r="C340" s="44">
        <v>3.4</v>
      </c>
      <c r="D340" s="44">
        <v>6.8</v>
      </c>
      <c r="E340" s="44">
        <v>10.8</v>
      </c>
      <c r="F340" s="67">
        <v>-1.9</v>
      </c>
    </row>
    <row r="341" spans="2:6" x14ac:dyDescent="0.3">
      <c r="B341" s="66">
        <v>3.3</v>
      </c>
      <c r="C341" s="44">
        <v>4.9000000000000004</v>
      </c>
      <c r="D341" s="44">
        <v>8.1999999999999993</v>
      </c>
      <c r="E341" s="44">
        <v>11.2</v>
      </c>
      <c r="F341" s="67">
        <v>-1.4</v>
      </c>
    </row>
    <row r="342" spans="2:6" x14ac:dyDescent="0.3">
      <c r="B342" s="66">
        <v>4</v>
      </c>
      <c r="C342" s="44">
        <v>6.4</v>
      </c>
      <c r="D342" s="44">
        <v>12.6</v>
      </c>
      <c r="E342" s="44">
        <v>7.8</v>
      </c>
      <c r="F342" s="67">
        <v>-4</v>
      </c>
    </row>
    <row r="343" spans="2:6" x14ac:dyDescent="0.3">
      <c r="B343" s="66">
        <v>3.8</v>
      </c>
      <c r="C343" s="44">
        <v>7.4</v>
      </c>
      <c r="D343" s="44">
        <v>11.2</v>
      </c>
      <c r="E343" s="44">
        <v>8.6999999999999993</v>
      </c>
      <c r="F343" s="67">
        <v>-1.3</v>
      </c>
    </row>
    <row r="344" spans="2:6" x14ac:dyDescent="0.3">
      <c r="B344" s="66">
        <v>2.1</v>
      </c>
      <c r="C344" s="44">
        <v>9.9</v>
      </c>
      <c r="D344" s="44">
        <v>14.6</v>
      </c>
      <c r="E344" s="44">
        <v>9.3000000000000007</v>
      </c>
      <c r="F344" s="67">
        <v>-0.5</v>
      </c>
    </row>
    <row r="345" spans="2:6" x14ac:dyDescent="0.3">
      <c r="B345" s="66">
        <v>0.2</v>
      </c>
      <c r="C345" s="44">
        <v>9.9</v>
      </c>
      <c r="D345" s="44">
        <v>15.2</v>
      </c>
      <c r="E345" s="44">
        <v>8.8000000000000007</v>
      </c>
      <c r="F345" s="67">
        <v>-2.1</v>
      </c>
    </row>
    <row r="346" spans="2:6" x14ac:dyDescent="0.3">
      <c r="B346" s="66">
        <v>-1.4</v>
      </c>
      <c r="C346" s="44">
        <v>6.2</v>
      </c>
      <c r="D346" s="44">
        <v>14.8</v>
      </c>
      <c r="E346" s="44">
        <v>6.5</v>
      </c>
      <c r="F346" s="67">
        <v>1.1000000000000001</v>
      </c>
    </row>
    <row r="347" spans="2:6" x14ac:dyDescent="0.3">
      <c r="B347" s="66">
        <v>-0.5</v>
      </c>
      <c r="C347" s="44">
        <v>6.2</v>
      </c>
      <c r="D347" s="44">
        <v>13</v>
      </c>
      <c r="E347" s="44">
        <v>11.8</v>
      </c>
      <c r="F347" s="67">
        <v>1.2</v>
      </c>
    </row>
    <row r="348" spans="2:6" x14ac:dyDescent="0.3">
      <c r="B348" s="66">
        <v>-3.5</v>
      </c>
      <c r="C348" s="44">
        <v>5.0999999999999996</v>
      </c>
      <c r="D348" s="44">
        <v>13.1</v>
      </c>
      <c r="E348" s="44">
        <v>12.3</v>
      </c>
      <c r="F348" s="67">
        <v>1.9</v>
      </c>
    </row>
    <row r="349" spans="2:6" x14ac:dyDescent="0.3">
      <c r="B349" s="66">
        <v>-4.4000000000000004</v>
      </c>
      <c r="C349" s="44">
        <v>3</v>
      </c>
      <c r="D349" s="44">
        <v>12.2</v>
      </c>
      <c r="E349" s="44">
        <v>12</v>
      </c>
      <c r="F349" s="67">
        <v>3.8</v>
      </c>
    </row>
    <row r="350" spans="2:6" x14ac:dyDescent="0.3">
      <c r="B350" s="66">
        <v>-2.1</v>
      </c>
      <c r="C350" s="44">
        <v>3.2</v>
      </c>
      <c r="D350" s="44">
        <v>13.5</v>
      </c>
      <c r="E350" s="44">
        <v>9.1</v>
      </c>
      <c r="F350" s="67">
        <v>0.3</v>
      </c>
    </row>
    <row r="351" spans="2:6" x14ac:dyDescent="0.3">
      <c r="B351" s="66">
        <v>-2.5</v>
      </c>
      <c r="C351" s="44">
        <v>1.4</v>
      </c>
      <c r="D351" s="44">
        <v>12.7</v>
      </c>
      <c r="E351" s="44">
        <v>6.2</v>
      </c>
      <c r="F351" s="67">
        <v>-1.1000000000000001</v>
      </c>
    </row>
    <row r="352" spans="2:6" x14ac:dyDescent="0.3">
      <c r="B352" s="66">
        <v>-3.5</v>
      </c>
      <c r="C352" s="44">
        <v>-0.4</v>
      </c>
      <c r="D352" s="44">
        <v>12.9</v>
      </c>
      <c r="E352" s="44">
        <v>5.2</v>
      </c>
      <c r="F352" s="67">
        <v>-1.9</v>
      </c>
    </row>
    <row r="353" spans="2:6" x14ac:dyDescent="0.3">
      <c r="B353" s="66">
        <v>-5.7</v>
      </c>
      <c r="C353" s="44">
        <v>-2.6</v>
      </c>
      <c r="D353" s="44">
        <v>12.4</v>
      </c>
      <c r="E353" s="44">
        <v>10.1</v>
      </c>
      <c r="F353" s="67">
        <v>-4.7</v>
      </c>
    </row>
    <row r="354" spans="2:6" x14ac:dyDescent="0.3">
      <c r="B354" s="66">
        <v>-6.4</v>
      </c>
      <c r="C354" s="44">
        <v>-2.7</v>
      </c>
      <c r="D354" s="44">
        <v>10.4</v>
      </c>
      <c r="E354" s="44">
        <v>10.3</v>
      </c>
      <c r="F354" s="67">
        <v>-10.5</v>
      </c>
    </row>
    <row r="355" spans="2:6" x14ac:dyDescent="0.3">
      <c r="B355" s="66">
        <v>0.9</v>
      </c>
      <c r="C355" s="44">
        <v>0</v>
      </c>
      <c r="D355" s="44">
        <v>10.3</v>
      </c>
      <c r="E355" s="44">
        <v>6.4</v>
      </c>
      <c r="F355" s="67">
        <v>-12.8</v>
      </c>
    </row>
    <row r="356" spans="2:6" x14ac:dyDescent="0.3">
      <c r="B356" s="66">
        <v>1.3</v>
      </c>
      <c r="C356" s="44">
        <v>2.9</v>
      </c>
      <c r="D356" s="44">
        <v>8.4</v>
      </c>
      <c r="E356" s="44">
        <v>5.4</v>
      </c>
      <c r="F356" s="67">
        <v>-8</v>
      </c>
    </row>
    <row r="357" spans="2:6" x14ac:dyDescent="0.3">
      <c r="B357" s="66">
        <v>1.1000000000000001</v>
      </c>
      <c r="C357" s="44">
        <v>3.8</v>
      </c>
      <c r="D357" s="44">
        <v>9</v>
      </c>
      <c r="E357" s="44">
        <v>7</v>
      </c>
      <c r="F357" s="67">
        <v>-6.9</v>
      </c>
    </row>
    <row r="358" spans="2:6" x14ac:dyDescent="0.3">
      <c r="B358" s="66">
        <v>-1.9</v>
      </c>
      <c r="C358" s="44">
        <v>5.8</v>
      </c>
      <c r="D358" s="44">
        <v>9.4</v>
      </c>
      <c r="E358" s="44">
        <v>3.4</v>
      </c>
      <c r="F358" s="67">
        <v>-8.4</v>
      </c>
    </row>
    <row r="359" spans="2:6" x14ac:dyDescent="0.3">
      <c r="B359" s="66">
        <v>-3.2</v>
      </c>
      <c r="C359" s="44">
        <v>5</v>
      </c>
      <c r="D359" s="44">
        <v>9</v>
      </c>
      <c r="E359" s="44">
        <v>2.9</v>
      </c>
      <c r="F359" s="67">
        <v>-0.2</v>
      </c>
    </row>
    <row r="360" spans="2:6" x14ac:dyDescent="0.3">
      <c r="B360" s="66">
        <v>-5.8</v>
      </c>
      <c r="C360" s="44">
        <v>6.7</v>
      </c>
      <c r="D360" s="44">
        <v>8</v>
      </c>
      <c r="E360" s="44">
        <v>5.2</v>
      </c>
      <c r="F360" s="67">
        <v>-3.7</v>
      </c>
    </row>
    <row r="361" spans="2:6" x14ac:dyDescent="0.3">
      <c r="B361" s="66">
        <v>-7.5</v>
      </c>
      <c r="C361" s="44">
        <v>6.8</v>
      </c>
      <c r="D361" s="44">
        <v>9.6</v>
      </c>
      <c r="E361" s="44">
        <v>4.9000000000000004</v>
      </c>
      <c r="F361" s="67">
        <v>-4.7</v>
      </c>
    </row>
    <row r="362" spans="2:6" x14ac:dyDescent="0.3">
      <c r="B362" s="66">
        <v>-4.3</v>
      </c>
      <c r="C362" s="44">
        <v>5.3</v>
      </c>
      <c r="D362" s="44">
        <v>12.4</v>
      </c>
      <c r="E362" s="44">
        <v>1.8</v>
      </c>
      <c r="F362" s="67">
        <v>-9.6999999999999993</v>
      </c>
    </row>
    <row r="363" spans="2:6" x14ac:dyDescent="0.3">
      <c r="B363" s="66">
        <v>-6.2</v>
      </c>
      <c r="C363" s="44">
        <v>2</v>
      </c>
      <c r="D363" s="44">
        <v>13.4</v>
      </c>
      <c r="E363" s="44">
        <v>1</v>
      </c>
      <c r="F363" s="67">
        <v>-7.3</v>
      </c>
    </row>
    <row r="364" spans="2:6" x14ac:dyDescent="0.3">
      <c r="B364" s="66">
        <v>-6.8</v>
      </c>
      <c r="C364" s="44">
        <v>1</v>
      </c>
      <c r="D364" s="44">
        <v>9.1999999999999993</v>
      </c>
      <c r="E364" s="44">
        <v>1.6</v>
      </c>
      <c r="F364" s="67">
        <v>0.6</v>
      </c>
    </row>
    <row r="365" spans="2:6" x14ac:dyDescent="0.3">
      <c r="B365" s="66">
        <v>-8.1999999999999993</v>
      </c>
      <c r="C365" s="44">
        <v>-0.4</v>
      </c>
      <c r="D365" s="44">
        <v>7</v>
      </c>
      <c r="E365" s="44">
        <v>0.6</v>
      </c>
      <c r="F365" s="67">
        <v>3.9</v>
      </c>
    </row>
    <row r="366" spans="2:6" x14ac:dyDescent="0.3">
      <c r="B366" s="66">
        <v>-7.6</v>
      </c>
      <c r="C366" s="44">
        <v>-1.9</v>
      </c>
      <c r="D366" s="44">
        <v>4.5999999999999996</v>
      </c>
      <c r="E366" s="44">
        <v>-1.1000000000000001</v>
      </c>
      <c r="F366" s="67">
        <v>-0.6</v>
      </c>
    </row>
    <row r="367" spans="2:6" x14ac:dyDescent="0.3">
      <c r="B367" s="66">
        <v>-7.8</v>
      </c>
      <c r="C367" s="44">
        <v>-4.2</v>
      </c>
      <c r="D367" s="44">
        <v>7.5</v>
      </c>
      <c r="E367" s="44">
        <v>-2.1</v>
      </c>
      <c r="F367" s="67">
        <v>-11.3</v>
      </c>
    </row>
    <row r="368" spans="2:6" x14ac:dyDescent="0.3">
      <c r="B368" s="66">
        <v>-4.7</v>
      </c>
      <c r="C368" s="44">
        <v>1</v>
      </c>
      <c r="D368" s="44">
        <v>6.5</v>
      </c>
      <c r="E368" s="44">
        <v>-0.1</v>
      </c>
      <c r="F368" s="67">
        <v>-11.6</v>
      </c>
    </row>
    <row r="369" spans="2:6" x14ac:dyDescent="0.3">
      <c r="B369" s="66">
        <v>-4.4000000000000004</v>
      </c>
      <c r="C369" s="44">
        <v>0.3</v>
      </c>
      <c r="D369" s="44">
        <v>6</v>
      </c>
      <c r="E369" s="44">
        <v>1.8</v>
      </c>
      <c r="F369" s="67">
        <v>-4.5</v>
      </c>
    </row>
    <row r="370" spans="2:6" x14ac:dyDescent="0.3">
      <c r="B370" s="66">
        <v>-6.7</v>
      </c>
      <c r="C370" s="44">
        <v>-0.1</v>
      </c>
      <c r="D370" s="44">
        <v>6.1</v>
      </c>
      <c r="E370" s="44">
        <v>4.3</v>
      </c>
      <c r="F370" s="67">
        <v>-1.6</v>
      </c>
    </row>
    <row r="371" spans="2:6" x14ac:dyDescent="0.3">
      <c r="B371" s="66">
        <v>-7.6</v>
      </c>
      <c r="C371" s="44">
        <v>-2.9</v>
      </c>
      <c r="D371" s="44">
        <v>8.8000000000000007</v>
      </c>
      <c r="E371" s="44">
        <v>1.3</v>
      </c>
      <c r="F371" s="67">
        <v>-2.2000000000000002</v>
      </c>
    </row>
    <row r="372" spans="2:6" x14ac:dyDescent="0.3">
      <c r="B372" s="66">
        <v>-2</v>
      </c>
      <c r="C372" s="44">
        <v>-5.6</v>
      </c>
      <c r="D372" s="44">
        <v>9.1999999999999993</v>
      </c>
      <c r="E372" s="44">
        <v>1.2</v>
      </c>
      <c r="F372" s="67">
        <v>-1.7</v>
      </c>
    </row>
    <row r="373" spans="2:6" x14ac:dyDescent="0.3">
      <c r="B373" s="66">
        <v>-1.1000000000000001</v>
      </c>
      <c r="C373" s="44">
        <v>-8</v>
      </c>
      <c r="D373" s="44">
        <v>11.2</v>
      </c>
      <c r="E373" s="44">
        <v>4.7</v>
      </c>
      <c r="F373" s="67">
        <v>-10.6</v>
      </c>
    </row>
    <row r="374" spans="2:6" x14ac:dyDescent="0.3">
      <c r="B374" s="66">
        <v>-2.9</v>
      </c>
      <c r="C374" s="44">
        <v>-8.9</v>
      </c>
      <c r="D374" s="44">
        <v>10.9</v>
      </c>
      <c r="E374" s="44">
        <v>4.5999999999999996</v>
      </c>
      <c r="F374" s="67">
        <v>-9.8000000000000007</v>
      </c>
    </row>
    <row r="375" spans="2:6" x14ac:dyDescent="0.3">
      <c r="B375" s="66">
        <v>-5.6</v>
      </c>
      <c r="C375" s="44">
        <v>-6.3</v>
      </c>
      <c r="D375" s="44">
        <v>9.9</v>
      </c>
      <c r="E375" s="44">
        <v>8.1</v>
      </c>
      <c r="F375" s="67">
        <v>-1.4</v>
      </c>
    </row>
    <row r="376" spans="2:6" x14ac:dyDescent="0.3">
      <c r="B376" s="66">
        <v>-6.8</v>
      </c>
      <c r="C376" s="44">
        <v>-9.9</v>
      </c>
      <c r="D376" s="44">
        <v>9</v>
      </c>
      <c r="E376" s="44">
        <v>7.9</v>
      </c>
      <c r="F376" s="67">
        <v>-3.6</v>
      </c>
    </row>
    <row r="377" spans="2:6" x14ac:dyDescent="0.3">
      <c r="B377" s="66">
        <v>-7.2</v>
      </c>
      <c r="C377" s="44">
        <v>-6</v>
      </c>
      <c r="D377" s="44">
        <v>6.8</v>
      </c>
      <c r="E377" s="44">
        <v>6.8</v>
      </c>
      <c r="F377" s="67">
        <v>-5.8</v>
      </c>
    </row>
    <row r="378" spans="2:6" x14ac:dyDescent="0.3">
      <c r="B378" s="66">
        <v>-0.1</v>
      </c>
      <c r="C378" s="44">
        <v>-1.1000000000000001</v>
      </c>
      <c r="D378" s="44">
        <v>9</v>
      </c>
      <c r="E378" s="44">
        <v>5.6</v>
      </c>
      <c r="F378" s="67">
        <v>-3</v>
      </c>
    </row>
    <row r="379" spans="2:6" x14ac:dyDescent="0.3">
      <c r="B379" s="66">
        <v>4.0999999999999996</v>
      </c>
      <c r="C379" s="44">
        <v>-2.9</v>
      </c>
      <c r="D379" s="44">
        <v>6.6</v>
      </c>
      <c r="E379" s="44">
        <v>6.9</v>
      </c>
      <c r="F379" s="67">
        <v>-3.1</v>
      </c>
    </row>
    <row r="380" spans="2:6" x14ac:dyDescent="0.3">
      <c r="B380" s="66">
        <v>2.9</v>
      </c>
      <c r="C380" s="44">
        <v>-6.7</v>
      </c>
      <c r="D380" s="44">
        <v>6.6</v>
      </c>
      <c r="E380" s="44">
        <v>8.9</v>
      </c>
      <c r="F380" s="67">
        <v>-3.1</v>
      </c>
    </row>
    <row r="381" spans="2:6" x14ac:dyDescent="0.3">
      <c r="B381" s="66">
        <v>4.5</v>
      </c>
      <c r="C381" s="44">
        <v>-1.2</v>
      </c>
      <c r="D381" s="44">
        <v>6.2</v>
      </c>
      <c r="E381" s="44">
        <v>9.5</v>
      </c>
      <c r="F381" s="67">
        <v>-3.6</v>
      </c>
    </row>
    <row r="382" spans="2:6" x14ac:dyDescent="0.3">
      <c r="B382" s="66">
        <v>1.9</v>
      </c>
      <c r="C382" s="44">
        <v>-1.4</v>
      </c>
      <c r="D382" s="44">
        <v>6</v>
      </c>
      <c r="E382" s="44">
        <v>8.6</v>
      </c>
      <c r="F382" s="67">
        <v>-1.6</v>
      </c>
    </row>
    <row r="383" spans="2:6" x14ac:dyDescent="0.3">
      <c r="B383" s="66">
        <v>-1.4</v>
      </c>
      <c r="C383" s="44">
        <v>1.7</v>
      </c>
      <c r="D383" s="44">
        <v>6.8</v>
      </c>
      <c r="E383" s="44">
        <v>4.5999999999999996</v>
      </c>
      <c r="F383" s="67">
        <v>-1.9</v>
      </c>
    </row>
    <row r="384" spans="2:6" x14ac:dyDescent="0.3">
      <c r="B384" s="66">
        <v>-2.4</v>
      </c>
      <c r="C384" s="44">
        <v>-0.4</v>
      </c>
      <c r="D384" s="44">
        <v>6.9</v>
      </c>
      <c r="E384" s="44">
        <v>8.6999999999999993</v>
      </c>
      <c r="F384" s="67">
        <v>-4.9000000000000004</v>
      </c>
    </row>
    <row r="385" spans="2:6" x14ac:dyDescent="0.3">
      <c r="B385" s="66">
        <v>-1.4</v>
      </c>
      <c r="C385" s="44">
        <v>-0.9</v>
      </c>
      <c r="D385" s="44">
        <v>7.6</v>
      </c>
      <c r="E385" s="44">
        <v>8.6999999999999993</v>
      </c>
      <c r="F385" s="67">
        <v>-10.199999999999999</v>
      </c>
    </row>
    <row r="386" spans="2:6" x14ac:dyDescent="0.3">
      <c r="B386" s="66">
        <v>-2.5</v>
      </c>
      <c r="C386" s="44">
        <v>-1.2</v>
      </c>
      <c r="D386" s="44">
        <v>7.6</v>
      </c>
      <c r="E386" s="44">
        <v>5.0999999999999996</v>
      </c>
      <c r="F386" s="67">
        <v>-6.5</v>
      </c>
    </row>
    <row r="387" spans="2:6" x14ac:dyDescent="0.3">
      <c r="B387" s="66">
        <v>-3.8</v>
      </c>
      <c r="C387" s="44">
        <v>-2.2999999999999998</v>
      </c>
      <c r="D387" s="44">
        <v>6.4</v>
      </c>
      <c r="E387" s="44">
        <v>7.5</v>
      </c>
      <c r="F387" s="67">
        <v>-5</v>
      </c>
    </row>
    <row r="388" spans="2:6" x14ac:dyDescent="0.3">
      <c r="B388" s="66">
        <v>-1.3</v>
      </c>
      <c r="C388" s="44">
        <v>-2.1</v>
      </c>
      <c r="D388" s="44">
        <v>5.2</v>
      </c>
      <c r="E388" s="44">
        <v>12.9</v>
      </c>
      <c r="F388" s="67">
        <v>-5</v>
      </c>
    </row>
    <row r="389" spans="2:6" x14ac:dyDescent="0.3">
      <c r="B389" s="66">
        <v>0.4</v>
      </c>
      <c r="C389" s="44">
        <v>3.9</v>
      </c>
      <c r="D389" s="44">
        <v>4.4000000000000004</v>
      </c>
      <c r="E389" s="44">
        <v>12.2</v>
      </c>
      <c r="F389" s="67">
        <v>-1.1000000000000001</v>
      </c>
    </row>
    <row r="390" spans="2:6" x14ac:dyDescent="0.3">
      <c r="B390" s="66">
        <v>-0.2</v>
      </c>
      <c r="C390" s="44">
        <v>2.1</v>
      </c>
      <c r="D390" s="44">
        <v>4.5999999999999996</v>
      </c>
      <c r="E390" s="44">
        <v>9.5</v>
      </c>
      <c r="F390" s="67">
        <v>0.1</v>
      </c>
    </row>
    <row r="391" spans="2:6" x14ac:dyDescent="0.3">
      <c r="B391" s="66">
        <v>-3</v>
      </c>
      <c r="C391" s="44">
        <v>-2.6</v>
      </c>
      <c r="D391" s="44">
        <v>4</v>
      </c>
      <c r="E391" s="44">
        <v>5.5</v>
      </c>
      <c r="F391" s="67">
        <v>-14.2</v>
      </c>
    </row>
    <row r="392" spans="2:6" x14ac:dyDescent="0.3">
      <c r="B392" s="66">
        <v>-2.2000000000000002</v>
      </c>
      <c r="C392" s="44">
        <v>2.2000000000000002</v>
      </c>
      <c r="D392" s="44">
        <v>6.1</v>
      </c>
      <c r="E392" s="44">
        <v>9.4</v>
      </c>
      <c r="F392" s="67">
        <v>-11.1</v>
      </c>
    </row>
    <row r="393" spans="2:6" x14ac:dyDescent="0.3">
      <c r="B393" s="66">
        <v>-1.5</v>
      </c>
      <c r="C393" s="44">
        <v>4.4000000000000004</v>
      </c>
      <c r="D393" s="44">
        <v>6.2</v>
      </c>
      <c r="E393" s="44">
        <v>9.5</v>
      </c>
      <c r="F393" s="67">
        <v>-4.9000000000000004</v>
      </c>
    </row>
    <row r="394" spans="2:6" ht="15" thickBot="1" x14ac:dyDescent="0.35">
      <c r="B394" s="68">
        <v>-3.1</v>
      </c>
      <c r="C394" s="69">
        <v>3.6</v>
      </c>
      <c r="D394" s="69">
        <v>7.2</v>
      </c>
      <c r="E394" s="69">
        <v>6.6</v>
      </c>
      <c r="F394" s="70">
        <v>-6.8</v>
      </c>
    </row>
  </sheetData>
  <mergeCells count="6">
    <mergeCell ref="E1:H2"/>
    <mergeCell ref="J5:J7"/>
    <mergeCell ref="B28:F28"/>
    <mergeCell ref="E18:F18"/>
    <mergeCell ref="B25:C25"/>
    <mergeCell ref="F3:G3"/>
  </mergeCells>
  <dataValidations count="3">
    <dataValidation type="list" allowBlank="1" showInputMessage="1" showErrorMessage="1" sqref="O39:O43 U39:U43 AA39" xr:uid="{6CA240B6-F58F-463E-B4F2-660F5BD4AC4E}">
      <formula1>"1,2,3,4,5"</formula1>
    </dataValidation>
    <dataValidation type="list" allowBlank="1" showInputMessage="1" showErrorMessage="1" sqref="D14 N49 T49" xr:uid="{5552D267-C7B7-48AB-BDAA-D6757D889AA8}">
      <formula1>$B$29:$F$29</formula1>
    </dataValidation>
    <dataValidation type="list" allowBlank="1" showInputMessage="1" showErrorMessage="1" sqref="D19:D22" xr:uid="{8885DD6F-D754-4129-A551-36E3FCD81428}">
      <formula1>"1,2,3,4"</formula1>
    </dataValidation>
  </dataValidations>
  <pageMargins left="0.7" right="0.7" top="0.75" bottom="0.75" header="0.3" footer="0.3"/>
  <drawing r:id="rId1"/>
  <extLst>
    <ext xmlns:x14="http://schemas.microsoft.com/office/spreadsheetml/2009/9/main" uri="{78C0D931-6437-407d-A8EE-F0AAD7539E65}">
      <x14:conditionalFormattings>
        <x14:conditionalFormatting xmlns:xm="http://schemas.microsoft.com/office/excel/2006/main">
          <x14:cfRule type="expression" priority="3" id="{57AC8772-F3FB-4F72-BB9C-CD12594525E4}">
            <xm:f>IF($J$5&lt;&gt;'Standard Profiles'!$C$12,TRUE,FALSE)</xm:f>
            <x14:dxf>
              <fill>
                <patternFill>
                  <bgColor theme="0"/>
                </patternFill>
              </fill>
            </x14:dxf>
          </x14:cfRule>
          <x14:cfRule type="expression" priority="4" id="{6590A3E0-6E8B-432B-9CFB-35742B2BED09}">
            <xm:f>IF($J$5='Standard Profiles'!$C$12,TRUE,FALSE)</xm:f>
            <x14:dxf>
              <fill>
                <patternFill>
                  <bgColor theme="7" tint="0.79998168889431442"/>
                </patternFill>
              </fill>
            </x14:dxf>
          </x14:cfRule>
          <xm:sqref>C4:E8</xm:sqref>
        </x14:conditionalFormatting>
        <x14:conditionalFormatting xmlns:xm="http://schemas.microsoft.com/office/excel/2006/main">
          <x14:cfRule type="expression" priority="1" id="{0F094485-988A-4A6F-8116-95B2CAF42664}">
            <xm:f>IF($J$5&lt;&gt;'Standard Profiles'!$C$12,TRUE,FALSE)</xm:f>
            <x14:dxf>
              <fill>
                <patternFill>
                  <bgColor theme="0"/>
                </patternFill>
              </fill>
            </x14:dxf>
          </x14:cfRule>
          <x14:cfRule type="expression" priority="2" id="{6E46288F-0A22-4809-94C0-7B69A8B81118}">
            <xm:f>IF($J$5='Standard Profiles'!$C$12,TRUE,FALSE)</xm:f>
            <x14:dxf>
              <fill>
                <patternFill>
                  <bgColor theme="7" tint="0.79998168889431442"/>
                </patternFill>
              </fill>
            </x14:dxf>
          </x14:cfRule>
          <xm:sqref>G4:G8</xm:sqref>
        </x14:conditionalFormatting>
      </x14:conditionalFormattings>
    </ext>
    <ext xmlns:x14="http://schemas.microsoft.com/office/spreadsheetml/2009/9/main" uri="{CCE6A557-97BC-4b89-ADB6-D9C93CAAB3DF}">
      <x14:dataValidations xmlns:xm="http://schemas.microsoft.com/office/excel/2006/main" count="3">
        <x14:dataValidation type="list" allowBlank="1" showInputMessage="1" showErrorMessage="1" xr:uid="{34986710-FE37-4504-A51F-2106169517F7}">
          <x14:formula1>
            <xm:f>Bühler!$B$3:$B$30</xm:f>
          </x14:formula1>
          <xm:sqref>AB39 P39:P43 V39:V43 E4:E8</xm:sqref>
        </x14:dataValidation>
        <x14:dataValidation type="list" allowBlank="1" showInputMessage="1" showErrorMessage="1" xr:uid="{626C63C0-466E-41AB-8A2F-5E6A127B59DC}">
          <x14:formula1>
            <xm:f>ELMAS!$Y$1:$AP$1</xm:f>
          </x14:formula1>
          <xm:sqref>F12 V47 P47</xm:sqref>
        </x14:dataValidation>
        <x14:dataValidation type="list" allowBlank="1" showInputMessage="1" showErrorMessage="1" xr:uid="{9798ABD5-1ECE-44AC-96A5-5CE89A271F0E}">
          <x14:formula1>
            <xm:f>'Standard Profiles'!$C$5:$C$12</xm:f>
          </x14:formula1>
          <xm:sqref>J5</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527D535-213E-4300-BA2B-1F1DD0FBDC2C}">
  <dimension ref="B1:AS8761"/>
  <sheetViews>
    <sheetView workbookViewId="0">
      <selection activeCell="L14" sqref="L14"/>
    </sheetView>
  </sheetViews>
  <sheetFormatPr defaultRowHeight="14.4" x14ac:dyDescent="0.3"/>
  <cols>
    <col min="2" max="2" width="13.6640625" bestFit="1" customWidth="1"/>
    <col min="3" max="3" width="27.44140625" style="83" bestFit="1" customWidth="1"/>
    <col min="4" max="17" width="13.6640625" customWidth="1"/>
    <col min="18" max="21" width="12" bestFit="1" customWidth="1"/>
    <col min="22" max="22" width="13.6640625" customWidth="1"/>
    <col min="23" max="24" width="27.44140625" style="83" bestFit="1" customWidth="1"/>
  </cols>
  <sheetData>
    <row r="1" spans="2:45" ht="15.6" x14ac:dyDescent="0.3">
      <c r="B1" t="s">
        <v>74</v>
      </c>
      <c r="C1" s="84" t="s">
        <v>77</v>
      </c>
      <c r="D1" s="16">
        <v>1</v>
      </c>
      <c r="E1" s="16">
        <v>2</v>
      </c>
      <c r="F1" s="16">
        <v>3</v>
      </c>
      <c r="G1" s="16">
        <v>4</v>
      </c>
      <c r="H1" s="16">
        <v>5</v>
      </c>
      <c r="I1" s="16">
        <v>6</v>
      </c>
      <c r="J1" s="16">
        <v>7</v>
      </c>
      <c r="K1" s="16">
        <v>8</v>
      </c>
      <c r="L1" s="16">
        <v>9</v>
      </c>
      <c r="M1" s="16">
        <v>10</v>
      </c>
      <c r="N1" s="16">
        <v>11</v>
      </c>
      <c r="O1" s="16">
        <v>12</v>
      </c>
      <c r="P1" s="16">
        <v>13</v>
      </c>
      <c r="Q1" s="16">
        <v>14</v>
      </c>
      <c r="R1" s="16">
        <v>15</v>
      </c>
      <c r="S1" s="16">
        <v>16</v>
      </c>
      <c r="T1" s="16">
        <v>17</v>
      </c>
      <c r="U1" s="16">
        <v>18</v>
      </c>
      <c r="W1" s="83" t="s">
        <v>76</v>
      </c>
      <c r="X1" s="83" t="s">
        <v>67</v>
      </c>
      <c r="Y1">
        <v>1</v>
      </c>
      <c r="Z1">
        <v>2</v>
      </c>
      <c r="AA1">
        <v>3</v>
      </c>
      <c r="AB1">
        <v>4</v>
      </c>
      <c r="AC1">
        <v>5</v>
      </c>
      <c r="AD1">
        <v>6</v>
      </c>
      <c r="AE1">
        <v>7</v>
      </c>
      <c r="AF1">
        <v>8</v>
      </c>
      <c r="AG1">
        <v>9</v>
      </c>
      <c r="AH1">
        <v>10</v>
      </c>
      <c r="AI1">
        <v>11</v>
      </c>
      <c r="AJ1">
        <v>12</v>
      </c>
      <c r="AK1">
        <v>13</v>
      </c>
      <c r="AL1">
        <v>14</v>
      </c>
      <c r="AM1">
        <v>15</v>
      </c>
      <c r="AN1">
        <v>16</v>
      </c>
      <c r="AO1">
        <v>17</v>
      </c>
      <c r="AP1">
        <v>18</v>
      </c>
      <c r="AQ1" t="s">
        <v>78</v>
      </c>
    </row>
    <row r="2" spans="2:45" x14ac:dyDescent="0.3">
      <c r="B2" cm="1">
        <f t="array" ref="B2:B8761">_xlfn.XLOOKUP(Input!$F$12,ELMAS!$D$1:$U$1,ELMAS!$D$2:$U$8761,"Not found",0,1)*(Input!$F$13/SUM(_xlfn.XLOOKUP(Input!$F$12,ELMAS!$D$1:$U$1,ELMAS!$D$2:$U$8761,"Not found",0,1)))</f>
        <v>45.235063748903457</v>
      </c>
      <c r="C2" s="83" cm="1">
        <f t="array" ref="C2:C8761">INDEX(X2:X8761, MOD(_xlfn.SEQUENCE(8760, 1, $AQ$2 + 1, 1) - 1, 8760) + 1)</f>
        <v>43101</v>
      </c>
      <c r="D2" cm="1">
        <f t="array" ref="D2:D8761">INDEX(Y2:Y8761, MOD(_xlfn.SEQUENCE(8760, 1, $AQ$2 + 1, 1) - 1, 8760) + 1)</f>
        <v>121483.88189999999</v>
      </c>
      <c r="E2" cm="1">
        <f t="array" ref="E2:E8761">INDEX(Z2:Z8761, MOD(_xlfn.SEQUENCE(8760, 1, $AQ$2 + 1, 1) - 1, 8760) + 1)</f>
        <v>15063.691279999999</v>
      </c>
      <c r="F2" cm="1">
        <f t="array" ref="F2:F8761">INDEX(AA2:AA8761, MOD(_xlfn.SEQUENCE(8760, 1, $AQ$2 + 1, 1) - 1, 8760) + 1)</f>
        <v>48659.199979999998</v>
      </c>
      <c r="G2" cm="1">
        <f t="array" ref="G2:G8761">INDEX(AB2:AB8761, MOD(_xlfn.SEQUENCE(8760, 1, $AQ$2 + 1, 1) - 1, 8760) + 1)</f>
        <v>38340.208709999999</v>
      </c>
      <c r="H2" cm="1">
        <f t="array" ref="H2:H8761">INDEX(AC2:AC8761, MOD(_xlfn.SEQUENCE(8760, 1, $AQ$2 + 1, 1) - 1, 8760) + 1)</f>
        <v>36853.123030000002</v>
      </c>
      <c r="I2" cm="1">
        <f t="array" ref="I2:I8761">INDEX(AD2:AD8761, MOD(_xlfn.SEQUENCE(8760, 1, $AQ$2 + 1, 1) - 1, 8760) + 1)</f>
        <v>22481.656009999999</v>
      </c>
      <c r="J2" cm="1">
        <f t="array" ref="J2:J8761">INDEX(AE2:AE8761, MOD(_xlfn.SEQUENCE(8760, 1, $AQ$2 + 1, 1) - 1, 8760) + 1)</f>
        <v>25379.868630000001</v>
      </c>
      <c r="K2" cm="1">
        <f t="array" ref="K2:K8761">INDEX(AF2:AF8761, MOD(_xlfn.SEQUENCE(8760, 1, $AQ$2 + 1, 1) - 1, 8760) + 1)</f>
        <v>46769.754370000002</v>
      </c>
      <c r="L2" cm="1">
        <f t="array" ref="L2:L8761">INDEX(AG2:AG8761, MOD(_xlfn.SEQUENCE(8760, 1, $AQ$2 + 1, 1) - 1, 8760) + 1)</f>
        <v>19430.080689999999</v>
      </c>
      <c r="M2" cm="1">
        <f t="array" ref="M2:M8761">INDEX(AH2:AH8761, MOD(_xlfn.SEQUENCE(8760, 1, $AQ$2 + 1, 1) - 1, 8760) + 1)</f>
        <v>230629.45</v>
      </c>
      <c r="N2" cm="1">
        <f t="array" ref="N2:N8761">INDEX(AI2:AI8761, MOD(_xlfn.SEQUENCE(8760, 1, $AQ$2 + 1, 1) - 1, 8760) + 1)</f>
        <v>64673.316330000001</v>
      </c>
      <c r="O2" cm="1">
        <f t="array" ref="O2:O8761">INDEX(AJ2:AJ8761, MOD(_xlfn.SEQUENCE(8760, 1, $AQ$2 + 1, 1) - 1, 8760) + 1)</f>
        <v>23205.994719999999</v>
      </c>
      <c r="P2" cm="1">
        <f t="array" ref="P2:P8761">INDEX(AK2:AK8761, MOD(_xlfn.SEQUENCE(8760, 1, $AQ$2 + 1, 1) - 1, 8760) + 1)</f>
        <v>32158.570169999999</v>
      </c>
      <c r="Q2" cm="1">
        <f t="array" ref="Q2:Q8761">INDEX(AL2:AL8761, MOD(_xlfn.SEQUENCE(8760, 1, $AQ$2 + 1, 1) - 1, 8760) + 1)</f>
        <v>56522.475209999997</v>
      </c>
      <c r="R2" cm="1">
        <f t="array" ref="R2:R8761">INDEX(AM2:AM8761, MOD(_xlfn.SEQUENCE(8760, 1, $AQ$2 + 1, 1) - 1, 8760) + 1)</f>
        <v>27040.916130000001</v>
      </c>
      <c r="S2" cm="1">
        <f t="array" ref="S2:S8761">INDEX(AN2:AN8761, MOD(_xlfn.SEQUENCE(8760, 1, $AQ$2 + 1, 1) - 1, 8760) + 1)</f>
        <v>81045.181320000003</v>
      </c>
      <c r="T2" cm="1">
        <f t="array" ref="T2:T8761">INDEX(AO2:AO8761, MOD(_xlfn.SEQUENCE(8760, 1, $AQ$2 + 1, 1) - 1, 8760) + 1)</f>
        <v>27234.438190000001</v>
      </c>
      <c r="U2" cm="1">
        <f t="array" ref="U2:U8761">INDEX(AP2:AP8761, MOD(_xlfn.SEQUENCE(8760, 1, $AQ$2 + 1, 1) - 1, 8760) + 1)</f>
        <v>15689.62255</v>
      </c>
      <c r="W2" s="83">
        <f>Bühler!N34</f>
        <v>45292</v>
      </c>
      <c r="X2" s="83">
        <v>43101</v>
      </c>
      <c r="Y2">
        <v>121483.88189999999</v>
      </c>
      <c r="Z2">
        <v>15063.691279999999</v>
      </c>
      <c r="AA2">
        <v>48659.199979999998</v>
      </c>
      <c r="AB2">
        <v>38340.208709999999</v>
      </c>
      <c r="AC2">
        <v>36853.123030000002</v>
      </c>
      <c r="AD2">
        <v>22481.656009999999</v>
      </c>
      <c r="AE2">
        <v>25379.868630000001</v>
      </c>
      <c r="AF2">
        <v>46769.754370000002</v>
      </c>
      <c r="AG2">
        <v>19430.080689999999</v>
      </c>
      <c r="AH2">
        <v>230629.45</v>
      </c>
      <c r="AI2">
        <v>64673.316330000001</v>
      </c>
      <c r="AJ2">
        <v>23205.994719999999</v>
      </c>
      <c r="AK2">
        <v>32158.570169999999</v>
      </c>
      <c r="AL2">
        <v>56522.475209999997</v>
      </c>
      <c r="AM2">
        <v>27040.916130000001</v>
      </c>
      <c r="AN2">
        <v>81045.181320000003</v>
      </c>
      <c r="AO2">
        <v>27234.438190000001</v>
      </c>
      <c r="AP2">
        <v>15689.62255</v>
      </c>
      <c r="AQ2">
        <f>MOD((WEEKDAY(W2,2)-WEEKDAY(X2,2))*24,8760)</f>
        <v>0</v>
      </c>
      <c r="AS2" t="s">
        <v>75</v>
      </c>
    </row>
    <row r="3" spans="2:45" x14ac:dyDescent="0.3">
      <c r="B3">
        <v>45.522892303918908</v>
      </c>
      <c r="C3" s="83">
        <v>43101.041666666664</v>
      </c>
      <c r="D3">
        <v>121662.3489</v>
      </c>
      <c r="E3">
        <v>15246.715759999999</v>
      </c>
      <c r="F3">
        <v>49506.365519999999</v>
      </c>
      <c r="G3">
        <v>37925.052230000001</v>
      </c>
      <c r="H3">
        <v>36666.628250000002</v>
      </c>
      <c r="I3">
        <v>18709.734120000001</v>
      </c>
      <c r="J3">
        <v>25151.948219999998</v>
      </c>
      <c r="K3">
        <v>44355.801509999998</v>
      </c>
      <c r="L3">
        <v>18739.124520000001</v>
      </c>
      <c r="M3">
        <v>232096.93419999999</v>
      </c>
      <c r="N3">
        <v>64995.940340000001</v>
      </c>
      <c r="O3">
        <v>23752.112659999999</v>
      </c>
      <c r="P3">
        <v>32142.749779999998</v>
      </c>
      <c r="Q3">
        <v>58466.876040000003</v>
      </c>
      <c r="R3">
        <v>25821.35874</v>
      </c>
      <c r="S3">
        <v>80044.568840000007</v>
      </c>
      <c r="T3">
        <v>26885.13062</v>
      </c>
      <c r="U3">
        <v>16076.33828</v>
      </c>
      <c r="W3" s="83">
        <f>Bühler!N35</f>
        <v>45292.041666666664</v>
      </c>
      <c r="X3" s="83">
        <v>43101.041666666664</v>
      </c>
      <c r="Y3">
        <v>121662.3489</v>
      </c>
      <c r="Z3">
        <v>15246.715759999999</v>
      </c>
      <c r="AA3">
        <v>49506.365519999999</v>
      </c>
      <c r="AB3">
        <v>37925.052230000001</v>
      </c>
      <c r="AC3">
        <v>36666.628250000002</v>
      </c>
      <c r="AD3">
        <v>18709.734120000001</v>
      </c>
      <c r="AE3">
        <v>25151.948219999998</v>
      </c>
      <c r="AF3">
        <v>44355.801509999998</v>
      </c>
      <c r="AG3">
        <v>18739.124520000001</v>
      </c>
      <c r="AH3">
        <v>232096.93419999999</v>
      </c>
      <c r="AI3">
        <v>64995.940340000001</v>
      </c>
      <c r="AJ3">
        <v>23752.112659999999</v>
      </c>
      <c r="AK3">
        <v>32142.749779999998</v>
      </c>
      <c r="AL3">
        <v>58466.876040000003</v>
      </c>
      <c r="AM3">
        <v>25821.35874</v>
      </c>
      <c r="AN3">
        <v>80044.568840000007</v>
      </c>
      <c r="AO3">
        <v>26885.13062</v>
      </c>
      <c r="AP3">
        <v>16076.33828</v>
      </c>
    </row>
    <row r="4" spans="2:45" x14ac:dyDescent="0.3">
      <c r="B4">
        <v>46.361233054514223</v>
      </c>
      <c r="C4" s="83">
        <v>43101.083333333336</v>
      </c>
      <c r="D4">
        <v>122048.12519999999</v>
      </c>
      <c r="E4">
        <v>15372.788350000001</v>
      </c>
      <c r="F4">
        <v>50884.365720000002</v>
      </c>
      <c r="G4">
        <v>37752.150670000003</v>
      </c>
      <c r="H4">
        <v>37042.679020000003</v>
      </c>
      <c r="I4">
        <v>16965.653600000001</v>
      </c>
      <c r="J4">
        <v>25109.296180000001</v>
      </c>
      <c r="K4">
        <v>42534.569190000002</v>
      </c>
      <c r="L4">
        <v>18341.993760000001</v>
      </c>
      <c r="M4">
        <v>236371.1863</v>
      </c>
      <c r="N4">
        <v>64254.376170000003</v>
      </c>
      <c r="O4">
        <v>23940.06839</v>
      </c>
      <c r="P4">
        <v>30837.905650000001</v>
      </c>
      <c r="Q4">
        <v>60183.657939999997</v>
      </c>
      <c r="R4">
        <v>25284.307509999999</v>
      </c>
      <c r="S4">
        <v>79790.872409999996</v>
      </c>
      <c r="T4">
        <v>27091.755819999998</v>
      </c>
      <c r="U4">
        <v>16036.854799999999</v>
      </c>
      <c r="W4" s="83">
        <f>Bühler!N36</f>
        <v>45292.083333333328</v>
      </c>
      <c r="X4" s="83">
        <v>43101.083333333336</v>
      </c>
      <c r="Y4">
        <v>122048.12519999999</v>
      </c>
      <c r="Z4">
        <v>15372.788350000001</v>
      </c>
      <c r="AA4">
        <v>50884.365720000002</v>
      </c>
      <c r="AB4">
        <v>37752.150670000003</v>
      </c>
      <c r="AC4">
        <v>37042.679020000003</v>
      </c>
      <c r="AD4">
        <v>16965.653600000001</v>
      </c>
      <c r="AE4">
        <v>25109.296180000001</v>
      </c>
      <c r="AF4">
        <v>42534.569190000002</v>
      </c>
      <c r="AG4">
        <v>18341.993760000001</v>
      </c>
      <c r="AH4">
        <v>236371.1863</v>
      </c>
      <c r="AI4">
        <v>64254.376170000003</v>
      </c>
      <c r="AJ4">
        <v>23940.06839</v>
      </c>
      <c r="AK4">
        <v>30837.905650000001</v>
      </c>
      <c r="AL4">
        <v>60183.657939999997</v>
      </c>
      <c r="AM4">
        <v>25284.307509999999</v>
      </c>
      <c r="AN4">
        <v>79790.872409999996</v>
      </c>
      <c r="AO4">
        <v>27091.755819999998</v>
      </c>
      <c r="AP4">
        <v>16036.854799999999</v>
      </c>
    </row>
    <row r="5" spans="2:45" x14ac:dyDescent="0.3">
      <c r="B5">
        <v>47.055945947066419</v>
      </c>
      <c r="C5" s="83">
        <v>43101.125</v>
      </c>
      <c r="D5">
        <v>122703.5048</v>
      </c>
      <c r="E5">
        <v>15717.004010000001</v>
      </c>
      <c r="F5">
        <v>51545.616569999998</v>
      </c>
      <c r="G5">
        <v>37036.920440000002</v>
      </c>
      <c r="H5">
        <v>37002.148450000001</v>
      </c>
      <c r="I5">
        <v>16773.511910000001</v>
      </c>
      <c r="J5">
        <v>25214.020329999999</v>
      </c>
      <c r="K5">
        <v>42076.425790000001</v>
      </c>
      <c r="L5">
        <v>18221.133549999999</v>
      </c>
      <c r="M5">
        <v>239913.15659999999</v>
      </c>
      <c r="N5">
        <v>64843.825049999999</v>
      </c>
      <c r="O5">
        <v>23894.2418</v>
      </c>
      <c r="P5">
        <v>30203.841619999999</v>
      </c>
      <c r="Q5">
        <v>63491.323649999998</v>
      </c>
      <c r="R5">
        <v>25257.515299999999</v>
      </c>
      <c r="S5">
        <v>78790.098580000005</v>
      </c>
      <c r="T5">
        <v>27277.920040000001</v>
      </c>
      <c r="U5">
        <v>16380.71673</v>
      </c>
      <c r="W5" s="83">
        <f>Bühler!N37</f>
        <v>45292.124999999993</v>
      </c>
      <c r="X5" s="83">
        <v>43101.125</v>
      </c>
      <c r="Y5">
        <v>122703.5048</v>
      </c>
      <c r="Z5">
        <v>15717.004010000001</v>
      </c>
      <c r="AA5">
        <v>51545.616569999998</v>
      </c>
      <c r="AB5">
        <v>37036.920440000002</v>
      </c>
      <c r="AC5">
        <v>37002.148450000001</v>
      </c>
      <c r="AD5">
        <v>16773.511910000001</v>
      </c>
      <c r="AE5">
        <v>25214.020329999999</v>
      </c>
      <c r="AF5">
        <v>42076.425790000001</v>
      </c>
      <c r="AG5">
        <v>18221.133549999999</v>
      </c>
      <c r="AH5">
        <v>239913.15659999999</v>
      </c>
      <c r="AI5">
        <v>64843.825049999999</v>
      </c>
      <c r="AJ5">
        <v>23894.2418</v>
      </c>
      <c r="AK5">
        <v>30203.841619999999</v>
      </c>
      <c r="AL5">
        <v>63491.323649999998</v>
      </c>
      <c r="AM5">
        <v>25257.515299999999</v>
      </c>
      <c r="AN5">
        <v>78790.098580000005</v>
      </c>
      <c r="AO5">
        <v>27277.920040000001</v>
      </c>
      <c r="AP5">
        <v>16380.71673</v>
      </c>
    </row>
    <row r="6" spans="2:45" x14ac:dyDescent="0.3">
      <c r="B6">
        <v>49.39778874825285</v>
      </c>
      <c r="C6" s="83">
        <v>43101.166666666664</v>
      </c>
      <c r="D6">
        <v>124764.6416</v>
      </c>
      <c r="E6">
        <v>16386.742859999998</v>
      </c>
      <c r="F6">
        <v>57763.125229999998</v>
      </c>
      <c r="G6">
        <v>36766.43995</v>
      </c>
      <c r="H6">
        <v>37851.385699999999</v>
      </c>
      <c r="I6">
        <v>18984.283670000001</v>
      </c>
      <c r="J6">
        <v>27187.003820000002</v>
      </c>
      <c r="K6">
        <v>41461.493840000003</v>
      </c>
      <c r="L6">
        <v>18376.573120000001</v>
      </c>
      <c r="M6">
        <v>251852.9633</v>
      </c>
      <c r="N6">
        <v>64929.599629999997</v>
      </c>
      <c r="O6">
        <v>24073.513050000001</v>
      </c>
      <c r="P6">
        <v>30122.05891</v>
      </c>
      <c r="Q6">
        <v>67718.078859999994</v>
      </c>
      <c r="R6">
        <v>25481.946400000001</v>
      </c>
      <c r="S6">
        <v>79944.173190000001</v>
      </c>
      <c r="T6">
        <v>27763.841779999999</v>
      </c>
      <c r="U6">
        <v>16701.472109999999</v>
      </c>
      <c r="W6" s="83">
        <f>Bühler!N38</f>
        <v>45292.166666666657</v>
      </c>
      <c r="X6" s="83">
        <v>43101.166666666664</v>
      </c>
      <c r="Y6">
        <v>124764.6416</v>
      </c>
      <c r="Z6">
        <v>16386.742859999998</v>
      </c>
      <c r="AA6">
        <v>57763.125229999998</v>
      </c>
      <c r="AB6">
        <v>36766.43995</v>
      </c>
      <c r="AC6">
        <v>37851.385699999999</v>
      </c>
      <c r="AD6">
        <v>18984.283670000001</v>
      </c>
      <c r="AE6">
        <v>27187.003820000002</v>
      </c>
      <c r="AF6">
        <v>41461.493840000003</v>
      </c>
      <c r="AG6">
        <v>18376.573120000001</v>
      </c>
      <c r="AH6">
        <v>251852.9633</v>
      </c>
      <c r="AI6">
        <v>64929.599629999997</v>
      </c>
      <c r="AJ6">
        <v>24073.513050000001</v>
      </c>
      <c r="AK6">
        <v>30122.05891</v>
      </c>
      <c r="AL6">
        <v>67718.078859999994</v>
      </c>
      <c r="AM6">
        <v>25481.946400000001</v>
      </c>
      <c r="AN6">
        <v>79944.173190000001</v>
      </c>
      <c r="AO6">
        <v>27763.841779999999</v>
      </c>
      <c r="AP6">
        <v>16701.472109999999</v>
      </c>
    </row>
    <row r="7" spans="2:45" x14ac:dyDescent="0.3">
      <c r="B7">
        <v>53.576351765269528</v>
      </c>
      <c r="C7" s="83">
        <v>43101.208333333336</v>
      </c>
      <c r="D7">
        <v>132168.13039999999</v>
      </c>
      <c r="E7">
        <v>18349.485850000001</v>
      </c>
      <c r="F7">
        <v>68134.115290000002</v>
      </c>
      <c r="G7">
        <v>38119.361870000001</v>
      </c>
      <c r="H7">
        <v>40375.901039999997</v>
      </c>
      <c r="I7">
        <v>26628.468779999999</v>
      </c>
      <c r="J7">
        <v>29411.173630000001</v>
      </c>
      <c r="K7">
        <v>43555.032930000001</v>
      </c>
      <c r="L7">
        <v>19379.17815</v>
      </c>
      <c r="M7">
        <v>273157.22619999998</v>
      </c>
      <c r="N7">
        <v>65318.844870000001</v>
      </c>
      <c r="O7">
        <v>24914.038929999999</v>
      </c>
      <c r="P7">
        <v>31165.152290000002</v>
      </c>
      <c r="Q7">
        <v>72815.862930000003</v>
      </c>
      <c r="R7">
        <v>26110.712179999999</v>
      </c>
      <c r="S7">
        <v>82593.498789999998</v>
      </c>
      <c r="T7">
        <v>29092.932509999999</v>
      </c>
      <c r="U7">
        <v>17608.383519999999</v>
      </c>
      <c r="W7" s="83">
        <f>Bühler!N39</f>
        <v>45292.208333333321</v>
      </c>
      <c r="X7" s="83">
        <v>43101.208333333336</v>
      </c>
      <c r="Y7">
        <v>132168.13039999999</v>
      </c>
      <c r="Z7">
        <v>18349.485850000001</v>
      </c>
      <c r="AA7">
        <v>68134.115290000002</v>
      </c>
      <c r="AB7">
        <v>38119.361870000001</v>
      </c>
      <c r="AC7">
        <v>40375.901039999997</v>
      </c>
      <c r="AD7">
        <v>26628.468779999999</v>
      </c>
      <c r="AE7">
        <v>29411.173630000001</v>
      </c>
      <c r="AF7">
        <v>43555.032930000001</v>
      </c>
      <c r="AG7">
        <v>19379.17815</v>
      </c>
      <c r="AH7">
        <v>273157.22619999998</v>
      </c>
      <c r="AI7">
        <v>65318.844870000001</v>
      </c>
      <c r="AJ7">
        <v>24914.038929999999</v>
      </c>
      <c r="AK7">
        <v>31165.152290000002</v>
      </c>
      <c r="AL7">
        <v>72815.862930000003</v>
      </c>
      <c r="AM7">
        <v>26110.712179999999</v>
      </c>
      <c r="AN7">
        <v>82593.498789999998</v>
      </c>
      <c r="AO7">
        <v>29092.932509999999</v>
      </c>
      <c r="AP7">
        <v>17608.383519999999</v>
      </c>
    </row>
    <row r="8" spans="2:45" x14ac:dyDescent="0.3">
      <c r="B8">
        <v>58.056627002555572</v>
      </c>
      <c r="C8" s="83">
        <v>43101.25</v>
      </c>
      <c r="D8">
        <v>139808.69140000001</v>
      </c>
      <c r="E8">
        <v>21842.68766</v>
      </c>
      <c r="F8">
        <v>80965.390220000001</v>
      </c>
      <c r="G8">
        <v>40593.943769999998</v>
      </c>
      <c r="H8">
        <v>42497.574930000002</v>
      </c>
      <c r="I8">
        <v>33327.866970000003</v>
      </c>
      <c r="J8">
        <v>31971.720600000001</v>
      </c>
      <c r="K8">
        <v>45993.509120000002</v>
      </c>
      <c r="L8">
        <v>21470.61362</v>
      </c>
      <c r="M8">
        <v>295999.75870000001</v>
      </c>
      <c r="N8">
        <v>67881.008109999995</v>
      </c>
      <c r="O8">
        <v>25584.072169999999</v>
      </c>
      <c r="P8">
        <v>31120.78126</v>
      </c>
      <c r="Q8">
        <v>74520.150240000003</v>
      </c>
      <c r="R8">
        <v>21485.410260000001</v>
      </c>
      <c r="S8">
        <v>91077.377909999996</v>
      </c>
      <c r="T8">
        <v>31104.972150000001</v>
      </c>
      <c r="U8">
        <v>17958.033619999998</v>
      </c>
      <c r="W8" s="83">
        <f>Bühler!N40</f>
        <v>45292.249999999985</v>
      </c>
      <c r="X8" s="83">
        <v>43101.25</v>
      </c>
      <c r="Y8">
        <v>139808.69140000001</v>
      </c>
      <c r="Z8">
        <v>21842.68766</v>
      </c>
      <c r="AA8">
        <v>80965.390220000001</v>
      </c>
      <c r="AB8">
        <v>40593.943769999998</v>
      </c>
      <c r="AC8">
        <v>42497.574930000002</v>
      </c>
      <c r="AD8">
        <v>33327.866970000003</v>
      </c>
      <c r="AE8">
        <v>31971.720600000001</v>
      </c>
      <c r="AF8">
        <v>45993.509120000002</v>
      </c>
      <c r="AG8">
        <v>21470.61362</v>
      </c>
      <c r="AH8">
        <v>295999.75870000001</v>
      </c>
      <c r="AI8">
        <v>67881.008109999995</v>
      </c>
      <c r="AJ8">
        <v>25584.072169999999</v>
      </c>
      <c r="AK8">
        <v>31120.78126</v>
      </c>
      <c r="AL8">
        <v>74520.150240000003</v>
      </c>
      <c r="AM8">
        <v>21485.410260000001</v>
      </c>
      <c r="AN8">
        <v>91077.377909999996</v>
      </c>
      <c r="AO8">
        <v>31104.972150000001</v>
      </c>
      <c r="AP8">
        <v>17958.033619999998</v>
      </c>
    </row>
    <row r="9" spans="2:45" x14ac:dyDescent="0.3">
      <c r="B9">
        <v>60.7635746558976</v>
      </c>
      <c r="C9" s="83">
        <v>43101.291666666664</v>
      </c>
      <c r="D9">
        <v>146619.61859999999</v>
      </c>
      <c r="E9">
        <v>26059.83481</v>
      </c>
      <c r="F9">
        <v>85345.480840000004</v>
      </c>
      <c r="G9">
        <v>42406.883320000001</v>
      </c>
      <c r="H9">
        <v>45889.04047</v>
      </c>
      <c r="I9">
        <v>39328.098169999997</v>
      </c>
      <c r="J9">
        <v>33933.032520000001</v>
      </c>
      <c r="K9">
        <v>49881.935599999997</v>
      </c>
      <c r="L9">
        <v>24634.79709</v>
      </c>
      <c r="M9">
        <v>309801.04019999999</v>
      </c>
      <c r="N9">
        <v>74036.671100000007</v>
      </c>
      <c r="O9">
        <v>27348.291509999999</v>
      </c>
      <c r="P9">
        <v>33247.01698</v>
      </c>
      <c r="Q9">
        <v>77414.821400000001</v>
      </c>
      <c r="R9">
        <v>23561.881239999999</v>
      </c>
      <c r="S9">
        <v>106245.6989</v>
      </c>
      <c r="T9">
        <v>31971.062529999999</v>
      </c>
      <c r="U9">
        <v>20110.029589999998</v>
      </c>
      <c r="W9" s="83">
        <f>Bühler!N41</f>
        <v>45292.29166666665</v>
      </c>
      <c r="X9" s="83">
        <v>43101.291666666664</v>
      </c>
      <c r="Y9">
        <v>146619.61859999999</v>
      </c>
      <c r="Z9">
        <v>26059.83481</v>
      </c>
      <c r="AA9">
        <v>85345.480840000004</v>
      </c>
      <c r="AB9">
        <v>42406.883320000001</v>
      </c>
      <c r="AC9">
        <v>45889.04047</v>
      </c>
      <c r="AD9">
        <v>39328.098169999997</v>
      </c>
      <c r="AE9">
        <v>33933.032520000001</v>
      </c>
      <c r="AF9">
        <v>49881.935599999997</v>
      </c>
      <c r="AG9">
        <v>24634.79709</v>
      </c>
      <c r="AH9">
        <v>309801.04019999999</v>
      </c>
      <c r="AI9">
        <v>74036.671100000007</v>
      </c>
      <c r="AJ9">
        <v>27348.291509999999</v>
      </c>
      <c r="AK9">
        <v>33247.01698</v>
      </c>
      <c r="AL9">
        <v>77414.821400000001</v>
      </c>
      <c r="AM9">
        <v>23561.881239999999</v>
      </c>
      <c r="AN9">
        <v>106245.6989</v>
      </c>
      <c r="AO9">
        <v>31971.062529999999</v>
      </c>
      <c r="AP9">
        <v>20110.029589999998</v>
      </c>
    </row>
    <row r="10" spans="2:45" x14ac:dyDescent="0.3">
      <c r="B10">
        <v>61.404308060984079</v>
      </c>
      <c r="C10" s="83">
        <v>43101.333333333336</v>
      </c>
      <c r="D10">
        <v>152713.95970000001</v>
      </c>
      <c r="E10">
        <v>31944.47624</v>
      </c>
      <c r="F10">
        <v>93037.546910000005</v>
      </c>
      <c r="G10">
        <v>42413.43664</v>
      </c>
      <c r="H10">
        <v>48963.355000000003</v>
      </c>
      <c r="I10">
        <v>41487.289270000001</v>
      </c>
      <c r="J10">
        <v>34482.499190000002</v>
      </c>
      <c r="K10">
        <v>52207.309410000002</v>
      </c>
      <c r="L10">
        <v>28137.85686</v>
      </c>
      <c r="M10">
        <v>313067.79790000001</v>
      </c>
      <c r="N10">
        <v>80908.935310000001</v>
      </c>
      <c r="O10">
        <v>28667.236639999999</v>
      </c>
      <c r="P10">
        <v>37408.39503</v>
      </c>
      <c r="Q10">
        <v>78887.722049999997</v>
      </c>
      <c r="R10">
        <v>24886.53053</v>
      </c>
      <c r="S10">
        <v>118576.69130000001</v>
      </c>
      <c r="T10">
        <v>33587.061500000003</v>
      </c>
      <c r="U10">
        <v>20647.24093</v>
      </c>
      <c r="W10" s="83">
        <f>Bühler!N42</f>
        <v>45292.333333333314</v>
      </c>
      <c r="X10" s="83">
        <v>43101.333333333336</v>
      </c>
      <c r="Y10">
        <v>152713.95970000001</v>
      </c>
      <c r="Z10">
        <v>31944.47624</v>
      </c>
      <c r="AA10">
        <v>93037.546910000005</v>
      </c>
      <c r="AB10">
        <v>42413.43664</v>
      </c>
      <c r="AC10">
        <v>48963.355000000003</v>
      </c>
      <c r="AD10">
        <v>41487.289270000001</v>
      </c>
      <c r="AE10">
        <v>34482.499190000002</v>
      </c>
      <c r="AF10">
        <v>52207.309410000002</v>
      </c>
      <c r="AG10">
        <v>28137.85686</v>
      </c>
      <c r="AH10">
        <v>313067.79790000001</v>
      </c>
      <c r="AI10">
        <v>80908.935310000001</v>
      </c>
      <c r="AJ10">
        <v>28667.236639999999</v>
      </c>
      <c r="AK10">
        <v>37408.39503</v>
      </c>
      <c r="AL10">
        <v>78887.722049999997</v>
      </c>
      <c r="AM10">
        <v>24886.53053</v>
      </c>
      <c r="AN10">
        <v>118576.69130000001</v>
      </c>
      <c r="AO10">
        <v>33587.061500000003</v>
      </c>
      <c r="AP10">
        <v>20647.24093</v>
      </c>
    </row>
    <row r="11" spans="2:45" x14ac:dyDescent="0.3">
      <c r="B11">
        <v>61.291746584353859</v>
      </c>
      <c r="C11" s="83">
        <v>43101.375</v>
      </c>
      <c r="D11">
        <v>152538.89060000001</v>
      </c>
      <c r="E11">
        <v>34927.844850000001</v>
      </c>
      <c r="F11">
        <v>96743.684160000004</v>
      </c>
      <c r="G11">
        <v>42235.893700000001</v>
      </c>
      <c r="H11">
        <v>49064.337659999997</v>
      </c>
      <c r="I11">
        <v>38995.39531</v>
      </c>
      <c r="J11">
        <v>33271.649770000004</v>
      </c>
      <c r="K11">
        <v>50582.354249999997</v>
      </c>
      <c r="L11">
        <v>30110.620470000002</v>
      </c>
      <c r="M11">
        <v>312493.90700000001</v>
      </c>
      <c r="N11">
        <v>86126.671449999994</v>
      </c>
      <c r="O11">
        <v>28310.312760000001</v>
      </c>
      <c r="P11">
        <v>38698.700850000001</v>
      </c>
      <c r="Q11">
        <v>79387.475189999997</v>
      </c>
      <c r="R11">
        <v>23298.224559999999</v>
      </c>
      <c r="S11">
        <v>122268.3541</v>
      </c>
      <c r="T11">
        <v>33517.088629999998</v>
      </c>
      <c r="U11">
        <v>20187.222959999999</v>
      </c>
      <c r="W11" s="83">
        <f>Bühler!N43</f>
        <v>45292.374999999978</v>
      </c>
      <c r="X11" s="83">
        <v>43101.375</v>
      </c>
      <c r="Y11">
        <v>152538.89060000001</v>
      </c>
      <c r="Z11">
        <v>34927.844850000001</v>
      </c>
      <c r="AA11">
        <v>96743.684160000004</v>
      </c>
      <c r="AB11">
        <v>42235.893700000001</v>
      </c>
      <c r="AC11">
        <v>49064.337659999997</v>
      </c>
      <c r="AD11">
        <v>38995.39531</v>
      </c>
      <c r="AE11">
        <v>33271.649770000004</v>
      </c>
      <c r="AF11">
        <v>50582.354249999997</v>
      </c>
      <c r="AG11">
        <v>30110.620470000002</v>
      </c>
      <c r="AH11">
        <v>312493.90700000001</v>
      </c>
      <c r="AI11">
        <v>86126.671449999994</v>
      </c>
      <c r="AJ11">
        <v>28310.312760000001</v>
      </c>
      <c r="AK11">
        <v>38698.700850000001</v>
      </c>
      <c r="AL11">
        <v>79387.475189999997</v>
      </c>
      <c r="AM11">
        <v>23298.224559999999</v>
      </c>
      <c r="AN11">
        <v>122268.3541</v>
      </c>
      <c r="AO11">
        <v>33517.088629999998</v>
      </c>
      <c r="AP11">
        <v>20187.222959999999</v>
      </c>
    </row>
    <row r="12" spans="2:45" x14ac:dyDescent="0.3">
      <c r="B12">
        <v>61.962755976305196</v>
      </c>
      <c r="C12" s="83">
        <v>43101.416666666664</v>
      </c>
      <c r="D12">
        <v>151798.98790000001</v>
      </c>
      <c r="E12">
        <v>36449.620340000001</v>
      </c>
      <c r="F12">
        <v>97077.424490000005</v>
      </c>
      <c r="G12">
        <v>42200.69152</v>
      </c>
      <c r="H12">
        <v>49251.619030000002</v>
      </c>
      <c r="I12">
        <v>36503.522929999999</v>
      </c>
      <c r="J12">
        <v>32015.693380000001</v>
      </c>
      <c r="K12">
        <v>52245.522069999999</v>
      </c>
      <c r="L12">
        <v>31068.080269999999</v>
      </c>
      <c r="M12">
        <v>315915.0258</v>
      </c>
      <c r="N12">
        <v>88149.907420000003</v>
      </c>
      <c r="O12">
        <v>27856.518349999998</v>
      </c>
      <c r="P12">
        <v>38949.817969999996</v>
      </c>
      <c r="Q12">
        <v>80781.403720000002</v>
      </c>
      <c r="R12">
        <v>24003.489560000002</v>
      </c>
      <c r="S12">
        <v>120527.4188</v>
      </c>
      <c r="T12">
        <v>34169.858289999996</v>
      </c>
      <c r="U12">
        <v>19662.119360000001</v>
      </c>
      <c r="W12" s="83">
        <f>Bühler!N44</f>
        <v>45292.416666666642</v>
      </c>
      <c r="X12" s="83">
        <v>43101.416666666664</v>
      </c>
      <c r="Y12">
        <v>151798.98790000001</v>
      </c>
      <c r="Z12">
        <v>36449.620340000001</v>
      </c>
      <c r="AA12">
        <v>97077.424490000005</v>
      </c>
      <c r="AB12">
        <v>42200.69152</v>
      </c>
      <c r="AC12">
        <v>49251.619030000002</v>
      </c>
      <c r="AD12">
        <v>36503.522929999999</v>
      </c>
      <c r="AE12">
        <v>32015.693380000001</v>
      </c>
      <c r="AF12">
        <v>52245.522069999999</v>
      </c>
      <c r="AG12">
        <v>31068.080269999999</v>
      </c>
      <c r="AH12">
        <v>315915.0258</v>
      </c>
      <c r="AI12">
        <v>88149.907420000003</v>
      </c>
      <c r="AJ12">
        <v>27856.518349999998</v>
      </c>
      <c r="AK12">
        <v>38949.817969999996</v>
      </c>
      <c r="AL12">
        <v>80781.403720000002</v>
      </c>
      <c r="AM12">
        <v>24003.489560000002</v>
      </c>
      <c r="AN12">
        <v>120527.4188</v>
      </c>
      <c r="AO12">
        <v>34169.858289999996</v>
      </c>
      <c r="AP12">
        <v>19662.119360000001</v>
      </c>
    </row>
    <row r="13" spans="2:45" x14ac:dyDescent="0.3">
      <c r="B13">
        <v>62.646338325632463</v>
      </c>
      <c r="C13" s="83">
        <v>43101.458333333336</v>
      </c>
      <c r="D13">
        <v>151776.5551</v>
      </c>
      <c r="E13">
        <v>36339.676160000003</v>
      </c>
      <c r="F13">
        <v>98373.459870000006</v>
      </c>
      <c r="G13">
        <v>41929.578009999997</v>
      </c>
      <c r="H13">
        <v>49584.379840000001</v>
      </c>
      <c r="I13">
        <v>35204.691189999998</v>
      </c>
      <c r="J13">
        <v>31954.028750000001</v>
      </c>
      <c r="K13">
        <v>57947.244039999998</v>
      </c>
      <c r="L13">
        <v>32810.766250000001</v>
      </c>
      <c r="M13">
        <v>319400.24739999999</v>
      </c>
      <c r="N13">
        <v>87203.591109999994</v>
      </c>
      <c r="O13">
        <v>28056.53213</v>
      </c>
      <c r="P13">
        <v>37957.714699999997</v>
      </c>
      <c r="Q13">
        <v>81868.46256</v>
      </c>
      <c r="R13">
        <v>27374.184130000001</v>
      </c>
      <c r="S13">
        <v>120637.52310000001</v>
      </c>
      <c r="T13">
        <v>34524.987090000002</v>
      </c>
      <c r="U13">
        <v>19405.856319999999</v>
      </c>
      <c r="W13" s="83">
        <f>Bühler!N45</f>
        <v>45292.458333333307</v>
      </c>
      <c r="X13" s="83">
        <v>43101.458333333336</v>
      </c>
      <c r="Y13">
        <v>151776.5551</v>
      </c>
      <c r="Z13">
        <v>36339.676160000003</v>
      </c>
      <c r="AA13">
        <v>98373.459870000006</v>
      </c>
      <c r="AB13">
        <v>41929.578009999997</v>
      </c>
      <c r="AC13">
        <v>49584.379840000001</v>
      </c>
      <c r="AD13">
        <v>35204.691189999998</v>
      </c>
      <c r="AE13">
        <v>31954.028750000001</v>
      </c>
      <c r="AF13">
        <v>57947.244039999998</v>
      </c>
      <c r="AG13">
        <v>32810.766250000001</v>
      </c>
      <c r="AH13">
        <v>319400.24739999999</v>
      </c>
      <c r="AI13">
        <v>87203.591109999994</v>
      </c>
      <c r="AJ13">
        <v>28056.53213</v>
      </c>
      <c r="AK13">
        <v>37957.714699999997</v>
      </c>
      <c r="AL13">
        <v>81868.46256</v>
      </c>
      <c r="AM13">
        <v>27374.184130000001</v>
      </c>
      <c r="AN13">
        <v>120637.52310000001</v>
      </c>
      <c r="AO13">
        <v>34524.987090000002</v>
      </c>
      <c r="AP13">
        <v>19405.856319999999</v>
      </c>
    </row>
    <row r="14" spans="2:45" x14ac:dyDescent="0.3">
      <c r="B14">
        <v>62.159406171237237</v>
      </c>
      <c r="C14" s="83">
        <v>43101.5</v>
      </c>
      <c r="D14">
        <v>148518.5809</v>
      </c>
      <c r="E14">
        <v>32908.096570000002</v>
      </c>
      <c r="F14">
        <v>93362.0527</v>
      </c>
      <c r="G14">
        <v>40741.900220000003</v>
      </c>
      <c r="H14">
        <v>47970.654649999997</v>
      </c>
      <c r="I14">
        <v>33928.098059999997</v>
      </c>
      <c r="J14">
        <v>31839.578649999999</v>
      </c>
      <c r="K14">
        <v>57958.574419999997</v>
      </c>
      <c r="L14">
        <v>35263.120719999999</v>
      </c>
      <c r="M14">
        <v>316917.64020000002</v>
      </c>
      <c r="N14">
        <v>83400.906319999995</v>
      </c>
      <c r="O14">
        <v>27274.949840000001</v>
      </c>
      <c r="P14">
        <v>38405.716249999998</v>
      </c>
      <c r="Q14">
        <v>81061.676399999997</v>
      </c>
      <c r="R14">
        <v>27240.721750000001</v>
      </c>
      <c r="S14">
        <v>113369.0192</v>
      </c>
      <c r="T14">
        <v>33404.535830000001</v>
      </c>
      <c r="U14">
        <v>18160.566449999998</v>
      </c>
      <c r="W14" s="83">
        <f>Bühler!N46</f>
        <v>45292.499999999971</v>
      </c>
      <c r="X14" s="83">
        <v>43101.5</v>
      </c>
      <c r="Y14">
        <v>148518.5809</v>
      </c>
      <c r="Z14">
        <v>32908.096570000002</v>
      </c>
      <c r="AA14">
        <v>93362.0527</v>
      </c>
      <c r="AB14">
        <v>40741.900220000003</v>
      </c>
      <c r="AC14">
        <v>47970.654649999997</v>
      </c>
      <c r="AD14">
        <v>33928.098059999997</v>
      </c>
      <c r="AE14">
        <v>31839.578649999999</v>
      </c>
      <c r="AF14">
        <v>57958.574419999997</v>
      </c>
      <c r="AG14">
        <v>35263.120719999999</v>
      </c>
      <c r="AH14">
        <v>316917.64020000002</v>
      </c>
      <c r="AI14">
        <v>83400.906319999995</v>
      </c>
      <c r="AJ14">
        <v>27274.949840000001</v>
      </c>
      <c r="AK14">
        <v>38405.716249999998</v>
      </c>
      <c r="AL14">
        <v>81061.676399999997</v>
      </c>
      <c r="AM14">
        <v>27240.721750000001</v>
      </c>
      <c r="AN14">
        <v>113369.0192</v>
      </c>
      <c r="AO14">
        <v>33404.535830000001</v>
      </c>
      <c r="AP14">
        <v>18160.566449999998</v>
      </c>
    </row>
    <row r="15" spans="2:45" x14ac:dyDescent="0.3">
      <c r="B15">
        <v>61.795609712538138</v>
      </c>
      <c r="C15" s="83">
        <v>43101.541666666664</v>
      </c>
      <c r="D15">
        <v>147316.1887</v>
      </c>
      <c r="E15">
        <v>32221.24583</v>
      </c>
      <c r="F15">
        <v>90460.660810000001</v>
      </c>
      <c r="G15">
        <v>40724.293689999999</v>
      </c>
      <c r="H15">
        <v>47187.704400000002</v>
      </c>
      <c r="I15">
        <v>33042.657659999997</v>
      </c>
      <c r="J15">
        <v>30723.04492</v>
      </c>
      <c r="K15">
        <v>58041.618920000001</v>
      </c>
      <c r="L15">
        <v>34642.222560000002</v>
      </c>
      <c r="M15">
        <v>315062.83620000002</v>
      </c>
      <c r="N15">
        <v>82916.66201</v>
      </c>
      <c r="O15">
        <v>26818.17584</v>
      </c>
      <c r="P15">
        <v>36207.518709999997</v>
      </c>
      <c r="Q15">
        <v>80039.784979999997</v>
      </c>
      <c r="R15">
        <v>27598.853019999999</v>
      </c>
      <c r="S15">
        <v>114822.9106</v>
      </c>
      <c r="T15">
        <v>32616.330569999998</v>
      </c>
      <c r="U15">
        <v>17814.099920000001</v>
      </c>
      <c r="W15" s="83">
        <f>Bühler!N47</f>
        <v>45292.541666666635</v>
      </c>
      <c r="X15" s="83">
        <v>43101.541666666664</v>
      </c>
      <c r="Y15">
        <v>147316.1887</v>
      </c>
      <c r="Z15">
        <v>32221.24583</v>
      </c>
      <c r="AA15">
        <v>90460.660810000001</v>
      </c>
      <c r="AB15">
        <v>40724.293689999999</v>
      </c>
      <c r="AC15">
        <v>47187.704400000002</v>
      </c>
      <c r="AD15">
        <v>33042.657659999997</v>
      </c>
      <c r="AE15">
        <v>30723.04492</v>
      </c>
      <c r="AF15">
        <v>58041.618920000001</v>
      </c>
      <c r="AG15">
        <v>34642.222560000002</v>
      </c>
      <c r="AH15">
        <v>315062.83620000002</v>
      </c>
      <c r="AI15">
        <v>82916.66201</v>
      </c>
      <c r="AJ15">
        <v>26818.17584</v>
      </c>
      <c r="AK15">
        <v>36207.518709999997</v>
      </c>
      <c r="AL15">
        <v>80039.784979999997</v>
      </c>
      <c r="AM15">
        <v>27598.853019999999</v>
      </c>
      <c r="AN15">
        <v>114822.9106</v>
      </c>
      <c r="AO15">
        <v>32616.330569999998</v>
      </c>
      <c r="AP15">
        <v>17814.099920000001</v>
      </c>
    </row>
    <row r="16" spans="2:45" x14ac:dyDescent="0.3">
      <c r="B16">
        <v>62.153863779054028</v>
      </c>
      <c r="C16" s="83">
        <v>43101.583333333336</v>
      </c>
      <c r="D16">
        <v>147363.9926</v>
      </c>
      <c r="E16">
        <v>34419.608410000001</v>
      </c>
      <c r="F16">
        <v>97548.384309999994</v>
      </c>
      <c r="G16">
        <v>40174.151689999999</v>
      </c>
      <c r="H16">
        <v>46484.350229999996</v>
      </c>
      <c r="I16">
        <v>33416.052960000001</v>
      </c>
      <c r="J16">
        <v>30130.39503</v>
      </c>
      <c r="K16">
        <v>58896.250359999998</v>
      </c>
      <c r="L16">
        <v>32314.098590000001</v>
      </c>
      <c r="M16">
        <v>316889.38250000001</v>
      </c>
      <c r="N16">
        <v>84180.036120000004</v>
      </c>
      <c r="O16">
        <v>26420.370129999999</v>
      </c>
      <c r="P16">
        <v>34105.307820000002</v>
      </c>
      <c r="Q16">
        <v>79457.406539999996</v>
      </c>
      <c r="R16">
        <v>26356.820319999999</v>
      </c>
      <c r="S16">
        <v>108511.65330000001</v>
      </c>
      <c r="T16">
        <v>32442.714230000001</v>
      </c>
      <c r="U16">
        <v>17926.97896</v>
      </c>
      <c r="W16" s="83">
        <f>Bühler!N48</f>
        <v>45292.583333333299</v>
      </c>
      <c r="X16" s="83">
        <v>43101.583333333336</v>
      </c>
      <c r="Y16">
        <v>147363.9926</v>
      </c>
      <c r="Z16">
        <v>34419.608410000001</v>
      </c>
      <c r="AA16">
        <v>97548.384309999994</v>
      </c>
      <c r="AB16">
        <v>40174.151689999999</v>
      </c>
      <c r="AC16">
        <v>46484.350229999996</v>
      </c>
      <c r="AD16">
        <v>33416.052960000001</v>
      </c>
      <c r="AE16">
        <v>30130.39503</v>
      </c>
      <c r="AF16">
        <v>58896.250359999998</v>
      </c>
      <c r="AG16">
        <v>32314.098590000001</v>
      </c>
      <c r="AH16">
        <v>316889.38250000001</v>
      </c>
      <c r="AI16">
        <v>84180.036120000004</v>
      </c>
      <c r="AJ16">
        <v>26420.370129999999</v>
      </c>
      <c r="AK16">
        <v>34105.307820000002</v>
      </c>
      <c r="AL16">
        <v>79457.406539999996</v>
      </c>
      <c r="AM16">
        <v>26356.820319999999</v>
      </c>
      <c r="AN16">
        <v>108511.65330000001</v>
      </c>
      <c r="AO16">
        <v>32442.714230000001</v>
      </c>
      <c r="AP16">
        <v>17926.97896</v>
      </c>
    </row>
    <row r="17" spans="2:42" x14ac:dyDescent="0.3">
      <c r="B17">
        <v>61.227940141753074</v>
      </c>
      <c r="C17" s="83">
        <v>43101.625</v>
      </c>
      <c r="D17">
        <v>145350.0937</v>
      </c>
      <c r="E17">
        <v>33918.57602</v>
      </c>
      <c r="F17">
        <v>97977.778130000006</v>
      </c>
      <c r="G17">
        <v>39714.678119999997</v>
      </c>
      <c r="H17">
        <v>45830.318599999999</v>
      </c>
      <c r="I17">
        <v>34911.334439999999</v>
      </c>
      <c r="J17">
        <v>30138.575540000002</v>
      </c>
      <c r="K17">
        <v>57704.022669999998</v>
      </c>
      <c r="L17">
        <v>29616.254150000001</v>
      </c>
      <c r="M17">
        <v>312168.592</v>
      </c>
      <c r="N17">
        <v>83283.968200000003</v>
      </c>
      <c r="O17">
        <v>26060.93319</v>
      </c>
      <c r="P17">
        <v>32437.82762</v>
      </c>
      <c r="Q17">
        <v>79431.221950000006</v>
      </c>
      <c r="R17">
        <v>25647.673279999999</v>
      </c>
      <c r="S17">
        <v>106398.7307</v>
      </c>
      <c r="T17">
        <v>32490.503659999998</v>
      </c>
      <c r="U17">
        <v>17652.308229999999</v>
      </c>
      <c r="W17" s="83">
        <f>Bühler!N49</f>
        <v>45292.624999999964</v>
      </c>
      <c r="X17" s="83">
        <v>43101.625</v>
      </c>
      <c r="Y17">
        <v>145350.0937</v>
      </c>
      <c r="Z17">
        <v>33918.57602</v>
      </c>
      <c r="AA17">
        <v>97977.778130000006</v>
      </c>
      <c r="AB17">
        <v>39714.678119999997</v>
      </c>
      <c r="AC17">
        <v>45830.318599999999</v>
      </c>
      <c r="AD17">
        <v>34911.334439999999</v>
      </c>
      <c r="AE17">
        <v>30138.575540000002</v>
      </c>
      <c r="AF17">
        <v>57704.022669999998</v>
      </c>
      <c r="AG17">
        <v>29616.254150000001</v>
      </c>
      <c r="AH17">
        <v>312168.592</v>
      </c>
      <c r="AI17">
        <v>83283.968200000003</v>
      </c>
      <c r="AJ17">
        <v>26060.93319</v>
      </c>
      <c r="AK17">
        <v>32437.82762</v>
      </c>
      <c r="AL17">
        <v>79431.221950000006</v>
      </c>
      <c r="AM17">
        <v>25647.673279999999</v>
      </c>
      <c r="AN17">
        <v>106398.7307</v>
      </c>
      <c r="AO17">
        <v>32490.503659999998</v>
      </c>
      <c r="AP17">
        <v>17652.308229999999</v>
      </c>
    </row>
    <row r="18" spans="2:42" x14ac:dyDescent="0.3">
      <c r="B18">
        <v>60.326253851864443</v>
      </c>
      <c r="C18" s="83">
        <v>43101.666666666664</v>
      </c>
      <c r="D18">
        <v>143879.05739999999</v>
      </c>
      <c r="E18">
        <v>33334.230629999998</v>
      </c>
      <c r="F18">
        <v>96888.597989999995</v>
      </c>
      <c r="G18">
        <v>39953.497259999996</v>
      </c>
      <c r="H18">
        <v>45750.724970000003</v>
      </c>
      <c r="I18">
        <v>36303.266380000001</v>
      </c>
      <c r="J18">
        <v>30013.525399999999</v>
      </c>
      <c r="K18">
        <v>54692.682959999998</v>
      </c>
      <c r="L18">
        <v>28289.30573</v>
      </c>
      <c r="M18">
        <v>307571.37479999999</v>
      </c>
      <c r="N18">
        <v>79500.30618</v>
      </c>
      <c r="O18">
        <v>26139.308720000001</v>
      </c>
      <c r="P18">
        <v>34436.188390000003</v>
      </c>
      <c r="Q18">
        <v>78749.739369999996</v>
      </c>
      <c r="R18">
        <v>23247.535070000002</v>
      </c>
      <c r="S18">
        <v>104845.6862</v>
      </c>
      <c r="T18">
        <v>32925.464890000003</v>
      </c>
      <c r="U18">
        <v>17947.836510000001</v>
      </c>
      <c r="W18" s="83">
        <f>Bühler!N50</f>
        <v>45292.666666666628</v>
      </c>
      <c r="X18" s="83">
        <v>43101.666666666664</v>
      </c>
      <c r="Y18">
        <v>143879.05739999999</v>
      </c>
      <c r="Z18">
        <v>33334.230629999998</v>
      </c>
      <c r="AA18">
        <v>96888.597989999995</v>
      </c>
      <c r="AB18">
        <v>39953.497259999996</v>
      </c>
      <c r="AC18">
        <v>45750.724970000003</v>
      </c>
      <c r="AD18">
        <v>36303.266380000001</v>
      </c>
      <c r="AE18">
        <v>30013.525399999999</v>
      </c>
      <c r="AF18">
        <v>54692.682959999998</v>
      </c>
      <c r="AG18">
        <v>28289.30573</v>
      </c>
      <c r="AH18">
        <v>307571.37479999999</v>
      </c>
      <c r="AI18">
        <v>79500.30618</v>
      </c>
      <c r="AJ18">
        <v>26139.308720000001</v>
      </c>
      <c r="AK18">
        <v>34436.188390000003</v>
      </c>
      <c r="AL18">
        <v>78749.739369999996</v>
      </c>
      <c r="AM18">
        <v>23247.535070000002</v>
      </c>
      <c r="AN18">
        <v>104845.6862</v>
      </c>
      <c r="AO18">
        <v>32925.464890000003</v>
      </c>
      <c r="AP18">
        <v>17947.836510000001</v>
      </c>
    </row>
    <row r="19" spans="2:42" x14ac:dyDescent="0.3">
      <c r="B19">
        <v>59.766884875250568</v>
      </c>
      <c r="C19" s="83">
        <v>43101.708333333336</v>
      </c>
      <c r="D19">
        <v>142100.4529</v>
      </c>
      <c r="E19">
        <v>33023.610970000002</v>
      </c>
      <c r="F19">
        <v>98737.739809999999</v>
      </c>
      <c r="G19">
        <v>41118.170610000001</v>
      </c>
      <c r="H19">
        <v>46716.531719999999</v>
      </c>
      <c r="I19">
        <v>37222.899469999997</v>
      </c>
      <c r="J19">
        <v>31636.937099999999</v>
      </c>
      <c r="K19">
        <v>51535.083180000001</v>
      </c>
      <c r="L19">
        <v>29378.446499999998</v>
      </c>
      <c r="M19">
        <v>304719.4509</v>
      </c>
      <c r="N19">
        <v>77180.915340000007</v>
      </c>
      <c r="O19">
        <v>26231.596130000002</v>
      </c>
      <c r="P19">
        <v>37056.957470000001</v>
      </c>
      <c r="Q19">
        <v>77801.371199999994</v>
      </c>
      <c r="R19">
        <v>24685.949860000001</v>
      </c>
      <c r="S19">
        <v>105935.2674</v>
      </c>
      <c r="T19">
        <v>34298.74063</v>
      </c>
      <c r="U19">
        <v>18297.769069999998</v>
      </c>
      <c r="W19" s="83">
        <f>Bühler!N51</f>
        <v>45292.708333333292</v>
      </c>
      <c r="X19" s="83">
        <v>43101.708333333336</v>
      </c>
      <c r="Y19">
        <v>142100.4529</v>
      </c>
      <c r="Z19">
        <v>33023.610970000002</v>
      </c>
      <c r="AA19">
        <v>98737.739809999999</v>
      </c>
      <c r="AB19">
        <v>41118.170610000001</v>
      </c>
      <c r="AC19">
        <v>46716.531719999999</v>
      </c>
      <c r="AD19">
        <v>37222.899469999997</v>
      </c>
      <c r="AE19">
        <v>31636.937099999999</v>
      </c>
      <c r="AF19">
        <v>51535.083180000001</v>
      </c>
      <c r="AG19">
        <v>29378.446499999998</v>
      </c>
      <c r="AH19">
        <v>304719.4509</v>
      </c>
      <c r="AI19">
        <v>77180.915340000007</v>
      </c>
      <c r="AJ19">
        <v>26231.596130000002</v>
      </c>
      <c r="AK19">
        <v>37056.957470000001</v>
      </c>
      <c r="AL19">
        <v>77801.371199999994</v>
      </c>
      <c r="AM19">
        <v>24685.949860000001</v>
      </c>
      <c r="AN19">
        <v>105935.2674</v>
      </c>
      <c r="AO19">
        <v>34298.74063</v>
      </c>
      <c r="AP19">
        <v>18297.769069999998</v>
      </c>
    </row>
    <row r="20" spans="2:42" x14ac:dyDescent="0.3">
      <c r="B20">
        <v>58.587833019885323</v>
      </c>
      <c r="C20" s="83">
        <v>43101.75</v>
      </c>
      <c r="D20">
        <v>139702.01819999999</v>
      </c>
      <c r="E20">
        <v>30530.936389999999</v>
      </c>
      <c r="F20">
        <v>95431.795320000005</v>
      </c>
      <c r="G20">
        <v>40439.806429999997</v>
      </c>
      <c r="H20">
        <v>45456.45708</v>
      </c>
      <c r="I20">
        <v>36598.672160000002</v>
      </c>
      <c r="J20">
        <v>32454.303469999999</v>
      </c>
      <c r="K20">
        <v>46530.221259999998</v>
      </c>
      <c r="L20">
        <v>30104.976050000001</v>
      </c>
      <c r="M20">
        <v>298708.09470000002</v>
      </c>
      <c r="N20">
        <v>75775.248680000004</v>
      </c>
      <c r="O20">
        <v>24891.645059999999</v>
      </c>
      <c r="P20">
        <v>38745.780700000003</v>
      </c>
      <c r="Q20">
        <v>76618.546319999994</v>
      </c>
      <c r="R20">
        <v>22089.990379999999</v>
      </c>
      <c r="S20">
        <v>102084.0144</v>
      </c>
      <c r="T20">
        <v>34150.048889999998</v>
      </c>
      <c r="U20">
        <v>17757.264429999999</v>
      </c>
      <c r="W20" s="83">
        <f>Bühler!N52</f>
        <v>45292.749999999956</v>
      </c>
      <c r="X20" s="83">
        <v>43101.75</v>
      </c>
      <c r="Y20">
        <v>139702.01819999999</v>
      </c>
      <c r="Z20">
        <v>30530.936389999999</v>
      </c>
      <c r="AA20">
        <v>95431.795320000005</v>
      </c>
      <c r="AB20">
        <v>40439.806429999997</v>
      </c>
      <c r="AC20">
        <v>45456.45708</v>
      </c>
      <c r="AD20">
        <v>36598.672160000002</v>
      </c>
      <c r="AE20">
        <v>32454.303469999999</v>
      </c>
      <c r="AF20">
        <v>46530.221259999998</v>
      </c>
      <c r="AG20">
        <v>30104.976050000001</v>
      </c>
      <c r="AH20">
        <v>298708.09470000002</v>
      </c>
      <c r="AI20">
        <v>75775.248680000004</v>
      </c>
      <c r="AJ20">
        <v>24891.645059999999</v>
      </c>
      <c r="AK20">
        <v>38745.780700000003</v>
      </c>
      <c r="AL20">
        <v>76618.546319999994</v>
      </c>
      <c r="AM20">
        <v>22089.990379999999</v>
      </c>
      <c r="AN20">
        <v>102084.0144</v>
      </c>
      <c r="AO20">
        <v>34150.048889999998</v>
      </c>
      <c r="AP20">
        <v>17757.264429999999</v>
      </c>
    </row>
    <row r="21" spans="2:42" x14ac:dyDescent="0.3">
      <c r="B21">
        <v>57.696049296104569</v>
      </c>
      <c r="C21" s="83">
        <v>43101.791666666664</v>
      </c>
      <c r="D21">
        <v>138084.67490000001</v>
      </c>
      <c r="E21">
        <v>24702.795870000002</v>
      </c>
      <c r="F21">
        <v>81895.469509999995</v>
      </c>
      <c r="G21">
        <v>39848.866470000001</v>
      </c>
      <c r="H21">
        <v>43156.180590000004</v>
      </c>
      <c r="I21">
        <v>34410.995940000001</v>
      </c>
      <c r="J21">
        <v>31793.90191</v>
      </c>
      <c r="K21">
        <v>45877.149100000002</v>
      </c>
      <c r="L21">
        <v>31175.762869999999</v>
      </c>
      <c r="M21">
        <v>294161.36540000001</v>
      </c>
      <c r="N21">
        <v>73469.739360000007</v>
      </c>
      <c r="O21">
        <v>23702.194039999998</v>
      </c>
      <c r="P21">
        <v>39786.253060000003</v>
      </c>
      <c r="Q21">
        <v>75048.617679999996</v>
      </c>
      <c r="R21">
        <v>21420.600490000001</v>
      </c>
      <c r="S21">
        <v>98040.399569999994</v>
      </c>
      <c r="T21">
        <v>32976.183369999999</v>
      </c>
      <c r="U21">
        <v>16646.537489999999</v>
      </c>
      <c r="W21" s="83">
        <f>Bühler!N53</f>
        <v>45292.791666666621</v>
      </c>
      <c r="X21" s="83">
        <v>43101.791666666664</v>
      </c>
      <c r="Y21">
        <v>138084.67490000001</v>
      </c>
      <c r="Z21">
        <v>24702.795870000002</v>
      </c>
      <c r="AA21">
        <v>81895.469509999995</v>
      </c>
      <c r="AB21">
        <v>39848.866470000001</v>
      </c>
      <c r="AC21">
        <v>43156.180590000004</v>
      </c>
      <c r="AD21">
        <v>34410.995940000001</v>
      </c>
      <c r="AE21">
        <v>31793.90191</v>
      </c>
      <c r="AF21">
        <v>45877.149100000002</v>
      </c>
      <c r="AG21">
        <v>31175.762869999999</v>
      </c>
      <c r="AH21">
        <v>294161.36540000001</v>
      </c>
      <c r="AI21">
        <v>73469.739360000007</v>
      </c>
      <c r="AJ21">
        <v>23702.194039999998</v>
      </c>
      <c r="AK21">
        <v>39786.253060000003</v>
      </c>
      <c r="AL21">
        <v>75048.617679999996</v>
      </c>
      <c r="AM21">
        <v>21420.600490000001</v>
      </c>
      <c r="AN21">
        <v>98040.399569999994</v>
      </c>
      <c r="AO21">
        <v>32976.183369999999</v>
      </c>
      <c r="AP21">
        <v>16646.537489999999</v>
      </c>
    </row>
    <row r="22" spans="2:42" x14ac:dyDescent="0.3">
      <c r="B22">
        <v>57.050656097580891</v>
      </c>
      <c r="C22" s="83">
        <v>43101.833333333336</v>
      </c>
      <c r="D22">
        <v>136495.99309999999</v>
      </c>
      <c r="E22">
        <v>19055.96442</v>
      </c>
      <c r="F22">
        <v>63494.465230000002</v>
      </c>
      <c r="G22">
        <v>38635.636330000001</v>
      </c>
      <c r="H22">
        <v>40910.245060000001</v>
      </c>
      <c r="I22">
        <v>31185.015820000001</v>
      </c>
      <c r="J22">
        <v>30734.895649999999</v>
      </c>
      <c r="K22">
        <v>51215.161110000001</v>
      </c>
      <c r="L22">
        <v>30388.154310000002</v>
      </c>
      <c r="M22">
        <v>290870.84989999997</v>
      </c>
      <c r="N22">
        <v>72286.099669999996</v>
      </c>
      <c r="O22">
        <v>23052.23719</v>
      </c>
      <c r="P22">
        <v>39549.150130000002</v>
      </c>
      <c r="Q22">
        <v>73572.623380000005</v>
      </c>
      <c r="R22">
        <v>23206.411530000001</v>
      </c>
      <c r="S22">
        <v>90145.828750000001</v>
      </c>
      <c r="T22">
        <v>31052.09158</v>
      </c>
      <c r="U22">
        <v>16086.28349</v>
      </c>
      <c r="W22" s="83">
        <f>Bühler!N54</f>
        <v>45292.833333333285</v>
      </c>
      <c r="X22" s="83">
        <v>43101.833333333336</v>
      </c>
      <c r="Y22">
        <v>136495.99309999999</v>
      </c>
      <c r="Z22">
        <v>19055.96442</v>
      </c>
      <c r="AA22">
        <v>63494.465230000002</v>
      </c>
      <c r="AB22">
        <v>38635.636330000001</v>
      </c>
      <c r="AC22">
        <v>40910.245060000001</v>
      </c>
      <c r="AD22">
        <v>31185.015820000001</v>
      </c>
      <c r="AE22">
        <v>30734.895649999999</v>
      </c>
      <c r="AF22">
        <v>51215.161110000001</v>
      </c>
      <c r="AG22">
        <v>30388.154310000002</v>
      </c>
      <c r="AH22">
        <v>290870.84989999997</v>
      </c>
      <c r="AI22">
        <v>72286.099669999996</v>
      </c>
      <c r="AJ22">
        <v>23052.23719</v>
      </c>
      <c r="AK22">
        <v>39549.150130000002</v>
      </c>
      <c r="AL22">
        <v>73572.623380000005</v>
      </c>
      <c r="AM22">
        <v>23206.411530000001</v>
      </c>
      <c r="AN22">
        <v>90145.828750000001</v>
      </c>
      <c r="AO22">
        <v>31052.09158</v>
      </c>
      <c r="AP22">
        <v>16086.28349</v>
      </c>
    </row>
    <row r="23" spans="2:42" x14ac:dyDescent="0.3">
      <c r="B23">
        <v>55.237023334350127</v>
      </c>
      <c r="C23" s="83">
        <v>43101.875</v>
      </c>
      <c r="D23">
        <v>134350.98639999999</v>
      </c>
      <c r="E23">
        <v>16898.108209999999</v>
      </c>
      <c r="F23">
        <v>55431.77504</v>
      </c>
      <c r="G23">
        <v>38317.03587</v>
      </c>
      <c r="H23">
        <v>39594.859539999998</v>
      </c>
      <c r="I23">
        <v>27410.09548</v>
      </c>
      <c r="J23">
        <v>29525.63005</v>
      </c>
      <c r="K23">
        <v>49785.144469999999</v>
      </c>
      <c r="L23">
        <v>28610.992600000001</v>
      </c>
      <c r="M23">
        <v>281624.10430000001</v>
      </c>
      <c r="N23">
        <v>70351.898870000005</v>
      </c>
      <c r="O23">
        <v>22434.50374</v>
      </c>
      <c r="P23">
        <v>38157.5717</v>
      </c>
      <c r="Q23">
        <v>72371.327220000006</v>
      </c>
      <c r="R23">
        <v>20471.64342</v>
      </c>
      <c r="S23">
        <v>85482.389689999996</v>
      </c>
      <c r="T23">
        <v>29722.128820000002</v>
      </c>
      <c r="U23">
        <v>15409.52627</v>
      </c>
      <c r="W23" s="83">
        <f>Bühler!N55</f>
        <v>45292.874999999949</v>
      </c>
      <c r="X23" s="83">
        <v>43101.875</v>
      </c>
      <c r="Y23">
        <v>134350.98639999999</v>
      </c>
      <c r="Z23">
        <v>16898.108209999999</v>
      </c>
      <c r="AA23">
        <v>55431.77504</v>
      </c>
      <c r="AB23">
        <v>38317.03587</v>
      </c>
      <c r="AC23">
        <v>39594.859539999998</v>
      </c>
      <c r="AD23">
        <v>27410.09548</v>
      </c>
      <c r="AE23">
        <v>29525.63005</v>
      </c>
      <c r="AF23">
        <v>49785.144469999999</v>
      </c>
      <c r="AG23">
        <v>28610.992600000001</v>
      </c>
      <c r="AH23">
        <v>281624.10430000001</v>
      </c>
      <c r="AI23">
        <v>70351.898870000005</v>
      </c>
      <c r="AJ23">
        <v>22434.50374</v>
      </c>
      <c r="AK23">
        <v>38157.5717</v>
      </c>
      <c r="AL23">
        <v>72371.327220000006</v>
      </c>
      <c r="AM23">
        <v>20471.64342</v>
      </c>
      <c r="AN23">
        <v>85482.389689999996</v>
      </c>
      <c r="AO23">
        <v>29722.128820000002</v>
      </c>
      <c r="AP23">
        <v>15409.52627</v>
      </c>
    </row>
    <row r="24" spans="2:42" x14ac:dyDescent="0.3">
      <c r="B24">
        <v>54.826778143009371</v>
      </c>
      <c r="C24" s="83">
        <v>43101.916666666664</v>
      </c>
      <c r="D24">
        <v>133084.80050000001</v>
      </c>
      <c r="E24">
        <v>16168.94311</v>
      </c>
      <c r="F24">
        <v>53495.57389</v>
      </c>
      <c r="G24">
        <v>38667.395909999999</v>
      </c>
      <c r="H24">
        <v>39032.004849999998</v>
      </c>
      <c r="I24">
        <v>25942.075769999999</v>
      </c>
      <c r="J24">
        <v>28867.584350000001</v>
      </c>
      <c r="K24">
        <v>53369.597099999999</v>
      </c>
      <c r="L24">
        <v>25041.22942</v>
      </c>
      <c r="M24">
        <v>279532.48300000001</v>
      </c>
      <c r="N24">
        <v>70906.124509999994</v>
      </c>
      <c r="O24">
        <v>22388.196950000001</v>
      </c>
      <c r="P24">
        <v>41134.792939999999</v>
      </c>
      <c r="Q24">
        <v>71835.341289999997</v>
      </c>
      <c r="R24">
        <v>28142.92513</v>
      </c>
      <c r="S24">
        <v>83646.414950000006</v>
      </c>
      <c r="T24">
        <v>26642.601200000001</v>
      </c>
      <c r="U24">
        <v>16197.17489</v>
      </c>
      <c r="W24" s="83">
        <f>Bühler!N56</f>
        <v>45292.916666666613</v>
      </c>
      <c r="X24" s="83">
        <v>43101.916666666664</v>
      </c>
      <c r="Y24">
        <v>133084.80050000001</v>
      </c>
      <c r="Z24">
        <v>16168.94311</v>
      </c>
      <c r="AA24">
        <v>53495.57389</v>
      </c>
      <c r="AB24">
        <v>38667.395909999999</v>
      </c>
      <c r="AC24">
        <v>39032.004849999998</v>
      </c>
      <c r="AD24">
        <v>25942.075769999999</v>
      </c>
      <c r="AE24">
        <v>28867.584350000001</v>
      </c>
      <c r="AF24">
        <v>53369.597099999999</v>
      </c>
      <c r="AG24">
        <v>25041.22942</v>
      </c>
      <c r="AH24">
        <v>279532.48300000001</v>
      </c>
      <c r="AI24">
        <v>70906.124509999994</v>
      </c>
      <c r="AJ24">
        <v>22388.196950000001</v>
      </c>
      <c r="AK24">
        <v>41134.792939999999</v>
      </c>
      <c r="AL24">
        <v>71835.341289999997</v>
      </c>
      <c r="AM24">
        <v>28142.92513</v>
      </c>
      <c r="AN24">
        <v>83646.414950000006</v>
      </c>
      <c r="AO24">
        <v>26642.601200000001</v>
      </c>
      <c r="AP24">
        <v>16197.17489</v>
      </c>
    </row>
    <row r="25" spans="2:42" x14ac:dyDescent="0.3">
      <c r="B25">
        <v>53.354663374253015</v>
      </c>
      <c r="C25" s="83">
        <v>43101.958333333336</v>
      </c>
      <c r="D25">
        <v>133050.56080000001</v>
      </c>
      <c r="E25">
        <v>15763.097110000001</v>
      </c>
      <c r="F25">
        <v>52188.215219999998</v>
      </c>
      <c r="G25">
        <v>38530.626270000001</v>
      </c>
      <c r="H25">
        <v>38146.636310000002</v>
      </c>
      <c r="I25">
        <v>24775.944670000001</v>
      </c>
      <c r="J25">
        <v>26922.293849999998</v>
      </c>
      <c r="K25">
        <v>51861.577010000001</v>
      </c>
      <c r="L25">
        <v>21396.715939999998</v>
      </c>
      <c r="M25">
        <v>272026.95539999998</v>
      </c>
      <c r="N25">
        <v>70648.272790000003</v>
      </c>
      <c r="O25">
        <v>22426.370159999999</v>
      </c>
      <c r="P25">
        <v>36916.294390000003</v>
      </c>
      <c r="Q25">
        <v>71736.428690000001</v>
      </c>
      <c r="R25">
        <v>28823.92929</v>
      </c>
      <c r="S25">
        <v>82105.916949999999</v>
      </c>
      <c r="T25">
        <v>28205.254499999999</v>
      </c>
      <c r="U25">
        <v>15524.45448</v>
      </c>
      <c r="W25" s="83">
        <f>Bühler!N57</f>
        <v>45292.958333333278</v>
      </c>
      <c r="X25" s="83">
        <v>43101.958333333336</v>
      </c>
      <c r="Y25">
        <v>133050.56080000001</v>
      </c>
      <c r="Z25">
        <v>15763.097110000001</v>
      </c>
      <c r="AA25">
        <v>52188.215219999998</v>
      </c>
      <c r="AB25">
        <v>38530.626270000001</v>
      </c>
      <c r="AC25">
        <v>38146.636310000002</v>
      </c>
      <c r="AD25">
        <v>24775.944670000001</v>
      </c>
      <c r="AE25">
        <v>26922.293849999998</v>
      </c>
      <c r="AF25">
        <v>51861.577010000001</v>
      </c>
      <c r="AG25">
        <v>21396.715939999998</v>
      </c>
      <c r="AH25">
        <v>272026.95539999998</v>
      </c>
      <c r="AI25">
        <v>70648.272790000003</v>
      </c>
      <c r="AJ25">
        <v>22426.370159999999</v>
      </c>
      <c r="AK25">
        <v>36916.294390000003</v>
      </c>
      <c r="AL25">
        <v>71736.428690000001</v>
      </c>
      <c r="AM25">
        <v>28823.92929</v>
      </c>
      <c r="AN25">
        <v>82105.916949999999</v>
      </c>
      <c r="AO25">
        <v>28205.254499999999</v>
      </c>
      <c r="AP25">
        <v>15524.45448</v>
      </c>
    </row>
    <row r="26" spans="2:42" x14ac:dyDescent="0.3">
      <c r="B26">
        <v>52.552500738335475</v>
      </c>
      <c r="C26" s="83">
        <v>43102</v>
      </c>
      <c r="D26">
        <v>132299.83480000001</v>
      </c>
      <c r="E26">
        <v>15377.527050000001</v>
      </c>
      <c r="F26">
        <v>52005.778599999998</v>
      </c>
      <c r="G26">
        <v>38039.097430000002</v>
      </c>
      <c r="H26">
        <v>37783.303910000002</v>
      </c>
      <c r="I26">
        <v>23222.39097</v>
      </c>
      <c r="J26">
        <v>25306.188770000001</v>
      </c>
      <c r="K26">
        <v>50752.360090000002</v>
      </c>
      <c r="L26">
        <v>19154.73546</v>
      </c>
      <c r="M26">
        <v>267937.15620000003</v>
      </c>
      <c r="N26">
        <v>70452.248009999996</v>
      </c>
      <c r="O26">
        <v>22480.837739999999</v>
      </c>
      <c r="P26">
        <v>34932.489009999998</v>
      </c>
      <c r="Q26">
        <v>71967.899780000007</v>
      </c>
      <c r="R26">
        <v>27283.213380000001</v>
      </c>
      <c r="S26">
        <v>80931.181979999994</v>
      </c>
      <c r="T26">
        <v>27491.42842</v>
      </c>
      <c r="U26">
        <v>15560.714449999999</v>
      </c>
      <c r="W26" s="83">
        <f>Bühler!N58</f>
        <v>45292.999999999942</v>
      </c>
      <c r="X26" s="83">
        <v>43102</v>
      </c>
      <c r="Y26">
        <v>132299.83480000001</v>
      </c>
      <c r="Z26">
        <v>15377.527050000001</v>
      </c>
      <c r="AA26">
        <v>52005.778599999998</v>
      </c>
      <c r="AB26">
        <v>38039.097430000002</v>
      </c>
      <c r="AC26">
        <v>37783.303910000002</v>
      </c>
      <c r="AD26">
        <v>23222.39097</v>
      </c>
      <c r="AE26">
        <v>25306.188770000001</v>
      </c>
      <c r="AF26">
        <v>50752.360090000002</v>
      </c>
      <c r="AG26">
        <v>19154.73546</v>
      </c>
      <c r="AH26">
        <v>267937.15620000003</v>
      </c>
      <c r="AI26">
        <v>70452.248009999996</v>
      </c>
      <c r="AJ26">
        <v>22480.837739999999</v>
      </c>
      <c r="AK26">
        <v>34932.489009999998</v>
      </c>
      <c r="AL26">
        <v>71967.899780000007</v>
      </c>
      <c r="AM26">
        <v>27283.213380000001</v>
      </c>
      <c r="AN26">
        <v>80931.181979999994</v>
      </c>
      <c r="AO26">
        <v>27491.42842</v>
      </c>
      <c r="AP26">
        <v>15560.714449999999</v>
      </c>
    </row>
    <row r="27" spans="2:42" x14ac:dyDescent="0.3">
      <c r="B27">
        <v>52.241561782643174</v>
      </c>
      <c r="C27" s="83">
        <v>43102.041666666664</v>
      </c>
      <c r="D27">
        <v>132317.04199999999</v>
      </c>
      <c r="E27">
        <v>15469.073979999999</v>
      </c>
      <c r="F27">
        <v>52901.821759999999</v>
      </c>
      <c r="G27">
        <v>37806.962350000002</v>
      </c>
      <c r="H27">
        <v>37503.07503</v>
      </c>
      <c r="I27">
        <v>19784.503560000001</v>
      </c>
      <c r="J27">
        <v>24789.426800000001</v>
      </c>
      <c r="K27">
        <v>49172.062480000001</v>
      </c>
      <c r="L27">
        <v>18621.079580000001</v>
      </c>
      <c r="M27">
        <v>266351.8444</v>
      </c>
      <c r="N27">
        <v>69421.109530000002</v>
      </c>
      <c r="O27">
        <v>22267.64141</v>
      </c>
      <c r="P27">
        <v>33277.661180000003</v>
      </c>
      <c r="Q27">
        <v>73168.311170000001</v>
      </c>
      <c r="R27">
        <v>26467.430039999999</v>
      </c>
      <c r="S27">
        <v>80520.950339999996</v>
      </c>
      <c r="T27">
        <v>26908.859250000001</v>
      </c>
      <c r="U27">
        <v>15878.66864</v>
      </c>
      <c r="W27" s="83">
        <f>Bühler!N59</f>
        <v>45293.041666666606</v>
      </c>
      <c r="X27" s="83">
        <v>43102.041666666664</v>
      </c>
      <c r="Y27">
        <v>132317.04199999999</v>
      </c>
      <c r="Z27">
        <v>15469.073979999999</v>
      </c>
      <c r="AA27">
        <v>52901.821759999999</v>
      </c>
      <c r="AB27">
        <v>37806.962350000002</v>
      </c>
      <c r="AC27">
        <v>37503.07503</v>
      </c>
      <c r="AD27">
        <v>19784.503560000001</v>
      </c>
      <c r="AE27">
        <v>24789.426800000001</v>
      </c>
      <c r="AF27">
        <v>49172.062480000001</v>
      </c>
      <c r="AG27">
        <v>18621.079580000001</v>
      </c>
      <c r="AH27">
        <v>266351.8444</v>
      </c>
      <c r="AI27">
        <v>69421.109530000002</v>
      </c>
      <c r="AJ27">
        <v>22267.64141</v>
      </c>
      <c r="AK27">
        <v>33277.661180000003</v>
      </c>
      <c r="AL27">
        <v>73168.311170000001</v>
      </c>
      <c r="AM27">
        <v>26467.430039999999</v>
      </c>
      <c r="AN27">
        <v>80520.950339999996</v>
      </c>
      <c r="AO27">
        <v>26908.859250000001</v>
      </c>
      <c r="AP27">
        <v>15878.66864</v>
      </c>
    </row>
    <row r="28" spans="2:42" x14ac:dyDescent="0.3">
      <c r="B28">
        <v>52.944982097589168</v>
      </c>
      <c r="C28" s="83">
        <v>43102.083333333336</v>
      </c>
      <c r="D28">
        <v>132431.63</v>
      </c>
      <c r="E28">
        <v>15467.477569999999</v>
      </c>
      <c r="F28">
        <v>53483.461640000001</v>
      </c>
      <c r="G28">
        <v>37269.26283</v>
      </c>
      <c r="H28">
        <v>37238.648439999997</v>
      </c>
      <c r="I28">
        <v>18244.929029999999</v>
      </c>
      <c r="J28">
        <v>24706.835650000001</v>
      </c>
      <c r="K28">
        <v>48529.710449999999</v>
      </c>
      <c r="L28">
        <v>17968.236550000001</v>
      </c>
      <c r="M28">
        <v>269938.20919999998</v>
      </c>
      <c r="N28">
        <v>69391.984230000002</v>
      </c>
      <c r="O28">
        <v>22687.164359999999</v>
      </c>
      <c r="P28">
        <v>32100.10873</v>
      </c>
      <c r="Q28">
        <v>74363.278579999998</v>
      </c>
      <c r="R28">
        <v>25600.408340000002</v>
      </c>
      <c r="S28">
        <v>79611.947270000004</v>
      </c>
      <c r="T28">
        <v>26722.673640000001</v>
      </c>
      <c r="U28">
        <v>15849.861919999999</v>
      </c>
      <c r="W28" s="83">
        <f>Bühler!N60</f>
        <v>45293.08333333327</v>
      </c>
      <c r="X28" s="83">
        <v>43102.083333333336</v>
      </c>
      <c r="Y28">
        <v>132431.63</v>
      </c>
      <c r="Z28">
        <v>15467.477569999999</v>
      </c>
      <c r="AA28">
        <v>53483.461640000001</v>
      </c>
      <c r="AB28">
        <v>37269.26283</v>
      </c>
      <c r="AC28">
        <v>37238.648439999997</v>
      </c>
      <c r="AD28">
        <v>18244.929029999999</v>
      </c>
      <c r="AE28">
        <v>24706.835650000001</v>
      </c>
      <c r="AF28">
        <v>48529.710449999999</v>
      </c>
      <c r="AG28">
        <v>17968.236550000001</v>
      </c>
      <c r="AH28">
        <v>269938.20919999998</v>
      </c>
      <c r="AI28">
        <v>69391.984230000002</v>
      </c>
      <c r="AJ28">
        <v>22687.164359999999</v>
      </c>
      <c r="AK28">
        <v>32100.10873</v>
      </c>
      <c r="AL28">
        <v>74363.278579999998</v>
      </c>
      <c r="AM28">
        <v>25600.408340000002</v>
      </c>
      <c r="AN28">
        <v>79611.947270000004</v>
      </c>
      <c r="AO28">
        <v>26722.673640000001</v>
      </c>
      <c r="AP28">
        <v>15849.861919999999</v>
      </c>
    </row>
    <row r="29" spans="2:42" x14ac:dyDescent="0.3">
      <c r="B29">
        <v>53.238527038287152</v>
      </c>
      <c r="C29" s="83">
        <v>43102.125</v>
      </c>
      <c r="D29">
        <v>132666.3308</v>
      </c>
      <c r="E29">
        <v>15579.22969</v>
      </c>
      <c r="F29">
        <v>54256.087570000003</v>
      </c>
      <c r="G29">
        <v>36741.132919999996</v>
      </c>
      <c r="H29">
        <v>37750.96574</v>
      </c>
      <c r="I29">
        <v>18142.633109999999</v>
      </c>
      <c r="J29">
        <v>25153.092690000001</v>
      </c>
      <c r="K29">
        <v>47044.119160000002</v>
      </c>
      <c r="L29">
        <v>17168.030340000001</v>
      </c>
      <c r="M29">
        <v>271434.8382</v>
      </c>
      <c r="N29">
        <v>68928.880260000005</v>
      </c>
      <c r="O29">
        <v>22530.51511</v>
      </c>
      <c r="P29">
        <v>30685.63322</v>
      </c>
      <c r="Q29">
        <v>75982.129260000002</v>
      </c>
      <c r="R29">
        <v>24834.325769999999</v>
      </c>
      <c r="S29">
        <v>79144.91145</v>
      </c>
      <c r="T29">
        <v>26869.02361</v>
      </c>
      <c r="U29">
        <v>16230.034320000001</v>
      </c>
      <c r="W29" s="83">
        <f>Bühler!N61</f>
        <v>45293.124999999935</v>
      </c>
      <c r="X29" s="83">
        <v>43102.125</v>
      </c>
      <c r="Y29">
        <v>132666.3308</v>
      </c>
      <c r="Z29">
        <v>15579.22969</v>
      </c>
      <c r="AA29">
        <v>54256.087570000003</v>
      </c>
      <c r="AB29">
        <v>36741.132919999996</v>
      </c>
      <c r="AC29">
        <v>37750.96574</v>
      </c>
      <c r="AD29">
        <v>18142.633109999999</v>
      </c>
      <c r="AE29">
        <v>25153.092690000001</v>
      </c>
      <c r="AF29">
        <v>47044.119160000002</v>
      </c>
      <c r="AG29">
        <v>17168.030340000001</v>
      </c>
      <c r="AH29">
        <v>271434.8382</v>
      </c>
      <c r="AI29">
        <v>68928.880260000005</v>
      </c>
      <c r="AJ29">
        <v>22530.51511</v>
      </c>
      <c r="AK29">
        <v>30685.63322</v>
      </c>
      <c r="AL29">
        <v>75982.129260000002</v>
      </c>
      <c r="AM29">
        <v>24834.325769999999</v>
      </c>
      <c r="AN29">
        <v>79144.91145</v>
      </c>
      <c r="AO29">
        <v>26869.02361</v>
      </c>
      <c r="AP29">
        <v>16230.034320000001</v>
      </c>
    </row>
    <row r="30" spans="2:42" x14ac:dyDescent="0.3">
      <c r="B30">
        <v>54.959347479485707</v>
      </c>
      <c r="C30" s="83">
        <v>43102.166666666664</v>
      </c>
      <c r="D30">
        <v>133538.80309999999</v>
      </c>
      <c r="E30">
        <v>15947.44836</v>
      </c>
      <c r="F30">
        <v>59952.675629999998</v>
      </c>
      <c r="G30">
        <v>36554.850279999999</v>
      </c>
      <c r="H30">
        <v>38179.221539999999</v>
      </c>
      <c r="I30">
        <v>20099.000250000001</v>
      </c>
      <c r="J30">
        <v>26703.384150000002</v>
      </c>
      <c r="K30">
        <v>46109.721010000001</v>
      </c>
      <c r="L30">
        <v>18007.653869999998</v>
      </c>
      <c r="M30">
        <v>280208.38329999999</v>
      </c>
      <c r="N30">
        <v>67932.782819999993</v>
      </c>
      <c r="O30">
        <v>23042.55874</v>
      </c>
      <c r="P30">
        <v>30845.201649999999</v>
      </c>
      <c r="Q30">
        <v>78886.326270000005</v>
      </c>
      <c r="R30">
        <v>24853.048360000001</v>
      </c>
      <c r="S30">
        <v>79238.980859999996</v>
      </c>
      <c r="T30">
        <v>27140.429929999998</v>
      </c>
      <c r="U30">
        <v>16759.543000000001</v>
      </c>
      <c r="W30" s="83">
        <f>Bühler!N62</f>
        <v>45293.166666666599</v>
      </c>
      <c r="X30" s="83">
        <v>43102.166666666664</v>
      </c>
      <c r="Y30">
        <v>133538.80309999999</v>
      </c>
      <c r="Z30">
        <v>15947.44836</v>
      </c>
      <c r="AA30">
        <v>59952.675629999998</v>
      </c>
      <c r="AB30">
        <v>36554.850279999999</v>
      </c>
      <c r="AC30">
        <v>38179.221539999999</v>
      </c>
      <c r="AD30">
        <v>20099.000250000001</v>
      </c>
      <c r="AE30">
        <v>26703.384150000002</v>
      </c>
      <c r="AF30">
        <v>46109.721010000001</v>
      </c>
      <c r="AG30">
        <v>18007.653869999998</v>
      </c>
      <c r="AH30">
        <v>280208.38329999999</v>
      </c>
      <c r="AI30">
        <v>67932.782819999993</v>
      </c>
      <c r="AJ30">
        <v>23042.55874</v>
      </c>
      <c r="AK30">
        <v>30845.201649999999</v>
      </c>
      <c r="AL30">
        <v>78886.326270000005</v>
      </c>
      <c r="AM30">
        <v>24853.048360000001</v>
      </c>
      <c r="AN30">
        <v>79238.980859999996</v>
      </c>
      <c r="AO30">
        <v>27140.429929999998</v>
      </c>
      <c r="AP30">
        <v>16759.543000000001</v>
      </c>
    </row>
    <row r="31" spans="2:42" x14ac:dyDescent="0.3">
      <c r="B31">
        <v>57.946569278847079</v>
      </c>
      <c r="C31" s="83">
        <v>43102.208333333336</v>
      </c>
      <c r="D31">
        <v>138530.12289999999</v>
      </c>
      <c r="E31">
        <v>17667.989699999998</v>
      </c>
      <c r="F31">
        <v>69294.159920000006</v>
      </c>
      <c r="G31">
        <v>37342.102079999997</v>
      </c>
      <c r="H31">
        <v>39867.914250000002</v>
      </c>
      <c r="I31">
        <v>26677.241050000001</v>
      </c>
      <c r="J31">
        <v>28916.237239999999</v>
      </c>
      <c r="K31">
        <v>45602.600319999998</v>
      </c>
      <c r="L31">
        <v>18945.685079999999</v>
      </c>
      <c r="M31">
        <v>295438.63309999998</v>
      </c>
      <c r="N31">
        <v>67821.384099999996</v>
      </c>
      <c r="O31">
        <v>23574.86159</v>
      </c>
      <c r="P31">
        <v>31900.186740000001</v>
      </c>
      <c r="Q31">
        <v>81160.1875</v>
      </c>
      <c r="R31">
        <v>25220.800050000002</v>
      </c>
      <c r="S31">
        <v>82772.831200000001</v>
      </c>
      <c r="T31">
        <v>28025.510269999999</v>
      </c>
      <c r="U31">
        <v>17639.361860000001</v>
      </c>
      <c r="W31" s="83">
        <f>Bühler!N63</f>
        <v>45293.208333333263</v>
      </c>
      <c r="X31" s="83">
        <v>43102.208333333336</v>
      </c>
      <c r="Y31">
        <v>138530.12289999999</v>
      </c>
      <c r="Z31">
        <v>17667.989699999998</v>
      </c>
      <c r="AA31">
        <v>69294.159920000006</v>
      </c>
      <c r="AB31">
        <v>37342.102079999997</v>
      </c>
      <c r="AC31">
        <v>39867.914250000002</v>
      </c>
      <c r="AD31">
        <v>26677.241050000001</v>
      </c>
      <c r="AE31">
        <v>28916.237239999999</v>
      </c>
      <c r="AF31">
        <v>45602.600319999998</v>
      </c>
      <c r="AG31">
        <v>18945.685079999999</v>
      </c>
      <c r="AH31">
        <v>295438.63309999998</v>
      </c>
      <c r="AI31">
        <v>67821.384099999996</v>
      </c>
      <c r="AJ31">
        <v>23574.86159</v>
      </c>
      <c r="AK31">
        <v>31900.186740000001</v>
      </c>
      <c r="AL31">
        <v>81160.1875</v>
      </c>
      <c r="AM31">
        <v>25220.800050000002</v>
      </c>
      <c r="AN31">
        <v>82772.831200000001</v>
      </c>
      <c r="AO31">
        <v>28025.510269999999</v>
      </c>
      <c r="AP31">
        <v>17639.361860000001</v>
      </c>
    </row>
    <row r="32" spans="2:42" x14ac:dyDescent="0.3">
      <c r="B32">
        <v>61.088666396988557</v>
      </c>
      <c r="C32" s="83">
        <v>43102.25</v>
      </c>
      <c r="D32">
        <v>144049.90299999999</v>
      </c>
      <c r="E32">
        <v>21119.505430000001</v>
      </c>
      <c r="F32">
        <v>82953.937489999997</v>
      </c>
      <c r="G32">
        <v>39781.851739999998</v>
      </c>
      <c r="H32">
        <v>42874.999479999999</v>
      </c>
      <c r="I32">
        <v>32856.413130000001</v>
      </c>
      <c r="J32">
        <v>31276.14155</v>
      </c>
      <c r="K32">
        <v>47729.439969999999</v>
      </c>
      <c r="L32">
        <v>20823.90681</v>
      </c>
      <c r="M32">
        <v>311458.50949999999</v>
      </c>
      <c r="N32">
        <v>71584.304350000006</v>
      </c>
      <c r="O32">
        <v>24329.67829</v>
      </c>
      <c r="P32">
        <v>31039.763180000002</v>
      </c>
      <c r="Q32">
        <v>82504.571540000004</v>
      </c>
      <c r="R32">
        <v>21755.853510000001</v>
      </c>
      <c r="S32">
        <v>91541.776960000003</v>
      </c>
      <c r="T32">
        <v>30328.175039999998</v>
      </c>
      <c r="U32">
        <v>17835.484789999999</v>
      </c>
      <c r="W32" s="83">
        <f>Bühler!N64</f>
        <v>45293.249999999927</v>
      </c>
      <c r="X32" s="83">
        <v>43102.25</v>
      </c>
      <c r="Y32">
        <v>144049.90299999999</v>
      </c>
      <c r="Z32">
        <v>21119.505430000001</v>
      </c>
      <c r="AA32">
        <v>82953.937489999997</v>
      </c>
      <c r="AB32">
        <v>39781.851739999998</v>
      </c>
      <c r="AC32">
        <v>42874.999479999999</v>
      </c>
      <c r="AD32">
        <v>32856.413130000001</v>
      </c>
      <c r="AE32">
        <v>31276.14155</v>
      </c>
      <c r="AF32">
        <v>47729.439969999999</v>
      </c>
      <c r="AG32">
        <v>20823.90681</v>
      </c>
      <c r="AH32">
        <v>311458.50949999999</v>
      </c>
      <c r="AI32">
        <v>71584.304350000006</v>
      </c>
      <c r="AJ32">
        <v>24329.67829</v>
      </c>
      <c r="AK32">
        <v>31039.763180000002</v>
      </c>
      <c r="AL32">
        <v>82504.571540000004</v>
      </c>
      <c r="AM32">
        <v>21755.853510000001</v>
      </c>
      <c r="AN32">
        <v>91541.776960000003</v>
      </c>
      <c r="AO32">
        <v>30328.175039999998</v>
      </c>
      <c r="AP32">
        <v>17835.484789999999</v>
      </c>
    </row>
    <row r="33" spans="2:42" x14ac:dyDescent="0.3">
      <c r="B33">
        <v>62.765959866522358</v>
      </c>
      <c r="C33" s="83">
        <v>43102.291666666664</v>
      </c>
      <c r="D33">
        <v>149738.5025</v>
      </c>
      <c r="E33">
        <v>25916.018929999998</v>
      </c>
      <c r="F33">
        <v>87461.552500000005</v>
      </c>
      <c r="G33">
        <v>41835.451789999999</v>
      </c>
      <c r="H33">
        <v>46396.788509999998</v>
      </c>
      <c r="I33">
        <v>38494.235500000003</v>
      </c>
      <c r="J33">
        <v>33288.041440000001</v>
      </c>
      <c r="K33">
        <v>51073.538209999999</v>
      </c>
      <c r="L33">
        <v>24190.79896</v>
      </c>
      <c r="M33">
        <v>320010.13380000001</v>
      </c>
      <c r="N33">
        <v>76879.435450000004</v>
      </c>
      <c r="O33">
        <v>26852.735919999999</v>
      </c>
      <c r="P33">
        <v>32486.02233</v>
      </c>
      <c r="Q33">
        <v>83448.218030000004</v>
      </c>
      <c r="R33">
        <v>23105.796999999999</v>
      </c>
      <c r="S33">
        <v>106118.8918</v>
      </c>
      <c r="T33">
        <v>30960.289789999999</v>
      </c>
      <c r="U33">
        <v>19537.913799999998</v>
      </c>
      <c r="W33" s="83">
        <f>Bühler!N65</f>
        <v>45293.291666666591</v>
      </c>
      <c r="X33" s="83">
        <v>43102.291666666664</v>
      </c>
      <c r="Y33">
        <v>149738.5025</v>
      </c>
      <c r="Z33">
        <v>25916.018929999998</v>
      </c>
      <c r="AA33">
        <v>87461.552500000005</v>
      </c>
      <c r="AB33">
        <v>41835.451789999999</v>
      </c>
      <c r="AC33">
        <v>46396.788509999998</v>
      </c>
      <c r="AD33">
        <v>38494.235500000003</v>
      </c>
      <c r="AE33">
        <v>33288.041440000001</v>
      </c>
      <c r="AF33">
        <v>51073.538209999999</v>
      </c>
      <c r="AG33">
        <v>24190.79896</v>
      </c>
      <c r="AH33">
        <v>320010.13380000001</v>
      </c>
      <c r="AI33">
        <v>76879.435450000004</v>
      </c>
      <c r="AJ33">
        <v>26852.735919999999</v>
      </c>
      <c r="AK33">
        <v>32486.02233</v>
      </c>
      <c r="AL33">
        <v>83448.218030000004</v>
      </c>
      <c r="AM33">
        <v>23105.796999999999</v>
      </c>
      <c r="AN33">
        <v>106118.8918</v>
      </c>
      <c r="AO33">
        <v>30960.289789999999</v>
      </c>
      <c r="AP33">
        <v>19537.913799999998</v>
      </c>
    </row>
    <row r="34" spans="2:42" x14ac:dyDescent="0.3">
      <c r="B34">
        <v>63.154162213513011</v>
      </c>
      <c r="C34" s="83">
        <v>43102.333333333336</v>
      </c>
      <c r="D34">
        <v>154434.00390000001</v>
      </c>
      <c r="E34">
        <v>31728.326710000001</v>
      </c>
      <c r="F34">
        <v>94839.924899999998</v>
      </c>
      <c r="G34">
        <v>42220.526989999998</v>
      </c>
      <c r="H34">
        <v>48657.823479999999</v>
      </c>
      <c r="I34">
        <v>40578.068169999999</v>
      </c>
      <c r="J34">
        <v>34134.449959999998</v>
      </c>
      <c r="K34">
        <v>52448.312980000002</v>
      </c>
      <c r="L34">
        <v>27427.341639999999</v>
      </c>
      <c r="M34">
        <v>321989.37040000001</v>
      </c>
      <c r="N34">
        <v>85581.411609999996</v>
      </c>
      <c r="O34">
        <v>28166.301630000002</v>
      </c>
      <c r="P34">
        <v>35943.800439999999</v>
      </c>
      <c r="Q34">
        <v>84042.05098</v>
      </c>
      <c r="R34">
        <v>24889.71917</v>
      </c>
      <c r="S34">
        <v>118157.45570000001</v>
      </c>
      <c r="T34">
        <v>33130.165670000002</v>
      </c>
      <c r="U34">
        <v>20530.383150000001</v>
      </c>
      <c r="W34" s="83">
        <f>Bühler!N66</f>
        <v>45293.333333333256</v>
      </c>
      <c r="X34" s="83">
        <v>43102.333333333336</v>
      </c>
      <c r="Y34">
        <v>154434.00390000001</v>
      </c>
      <c r="Z34">
        <v>31728.326710000001</v>
      </c>
      <c r="AA34">
        <v>94839.924899999998</v>
      </c>
      <c r="AB34">
        <v>42220.526989999998</v>
      </c>
      <c r="AC34">
        <v>48657.823479999999</v>
      </c>
      <c r="AD34">
        <v>40578.068169999999</v>
      </c>
      <c r="AE34">
        <v>34134.449959999998</v>
      </c>
      <c r="AF34">
        <v>52448.312980000002</v>
      </c>
      <c r="AG34">
        <v>27427.341639999999</v>
      </c>
      <c r="AH34">
        <v>321989.37040000001</v>
      </c>
      <c r="AI34">
        <v>85581.411609999996</v>
      </c>
      <c r="AJ34">
        <v>28166.301630000002</v>
      </c>
      <c r="AK34">
        <v>35943.800439999999</v>
      </c>
      <c r="AL34">
        <v>84042.05098</v>
      </c>
      <c r="AM34">
        <v>24889.71917</v>
      </c>
      <c r="AN34">
        <v>118157.45570000001</v>
      </c>
      <c r="AO34">
        <v>33130.165670000002</v>
      </c>
      <c r="AP34">
        <v>20530.383150000001</v>
      </c>
    </row>
    <row r="35" spans="2:42" x14ac:dyDescent="0.3">
      <c r="B35">
        <v>62.327828073512784</v>
      </c>
      <c r="C35" s="83">
        <v>43102.375</v>
      </c>
      <c r="D35">
        <v>153256.62100000001</v>
      </c>
      <c r="E35">
        <v>35235.328659999999</v>
      </c>
      <c r="F35">
        <v>98860.490479999993</v>
      </c>
      <c r="G35">
        <v>41573.004760000003</v>
      </c>
      <c r="H35">
        <v>49106.866320000001</v>
      </c>
      <c r="I35">
        <v>37630.698880000004</v>
      </c>
      <c r="J35">
        <v>33280.295400000003</v>
      </c>
      <c r="K35">
        <v>51653.806559999997</v>
      </c>
      <c r="L35">
        <v>29870.469109999998</v>
      </c>
      <c r="M35">
        <v>317776.33360000001</v>
      </c>
      <c r="N35">
        <v>89710.781059999994</v>
      </c>
      <c r="O35">
        <v>28119.90725</v>
      </c>
      <c r="P35">
        <v>38965.150999999998</v>
      </c>
      <c r="Q35">
        <v>83419.966610000003</v>
      </c>
      <c r="R35">
        <v>22867.032920000001</v>
      </c>
      <c r="S35">
        <v>121904.228</v>
      </c>
      <c r="T35">
        <v>33805.596299999997</v>
      </c>
      <c r="U35">
        <v>20379.129959999998</v>
      </c>
      <c r="W35" s="83">
        <f>Bühler!N67</f>
        <v>45293.37499999992</v>
      </c>
      <c r="X35" s="83">
        <v>43102.375</v>
      </c>
      <c r="Y35">
        <v>153256.62100000001</v>
      </c>
      <c r="Z35">
        <v>35235.328659999999</v>
      </c>
      <c r="AA35">
        <v>98860.490479999993</v>
      </c>
      <c r="AB35">
        <v>41573.004760000003</v>
      </c>
      <c r="AC35">
        <v>49106.866320000001</v>
      </c>
      <c r="AD35">
        <v>37630.698880000004</v>
      </c>
      <c r="AE35">
        <v>33280.295400000003</v>
      </c>
      <c r="AF35">
        <v>51653.806559999997</v>
      </c>
      <c r="AG35">
        <v>29870.469109999998</v>
      </c>
      <c r="AH35">
        <v>317776.33360000001</v>
      </c>
      <c r="AI35">
        <v>89710.781059999994</v>
      </c>
      <c r="AJ35">
        <v>28119.90725</v>
      </c>
      <c r="AK35">
        <v>38965.150999999998</v>
      </c>
      <c r="AL35">
        <v>83419.966610000003</v>
      </c>
      <c r="AM35">
        <v>22867.032920000001</v>
      </c>
      <c r="AN35">
        <v>121904.228</v>
      </c>
      <c r="AO35">
        <v>33805.596299999997</v>
      </c>
      <c r="AP35">
        <v>20379.129959999998</v>
      </c>
    </row>
    <row r="36" spans="2:42" x14ac:dyDescent="0.3">
      <c r="B36">
        <v>63.234268459706911</v>
      </c>
      <c r="C36" s="83">
        <v>43102.416666666664</v>
      </c>
      <c r="D36">
        <v>153428.5331</v>
      </c>
      <c r="E36">
        <v>37152.347399999999</v>
      </c>
      <c r="F36">
        <v>99016.970209999999</v>
      </c>
      <c r="G36">
        <v>41639.096060000003</v>
      </c>
      <c r="H36">
        <v>49545.24166</v>
      </c>
      <c r="I36">
        <v>36217.995110000003</v>
      </c>
      <c r="J36">
        <v>32242.870370000001</v>
      </c>
      <c r="K36">
        <v>53102.108540000001</v>
      </c>
      <c r="L36">
        <v>32017.203160000001</v>
      </c>
      <c r="M36">
        <v>322397.78940000001</v>
      </c>
      <c r="N36">
        <v>92035.538350000003</v>
      </c>
      <c r="O36">
        <v>27911.360540000001</v>
      </c>
      <c r="P36">
        <v>40490.151709999998</v>
      </c>
      <c r="Q36">
        <v>82939.445930000002</v>
      </c>
      <c r="R36">
        <v>23585.148789999999</v>
      </c>
      <c r="S36">
        <v>119243.345</v>
      </c>
      <c r="T36">
        <v>34328.254390000002</v>
      </c>
      <c r="U36">
        <v>19823.56337</v>
      </c>
      <c r="W36" s="83">
        <f>Bühler!N68</f>
        <v>45293.416666666584</v>
      </c>
      <c r="X36" s="83">
        <v>43102.416666666664</v>
      </c>
      <c r="Y36">
        <v>153428.5331</v>
      </c>
      <c r="Z36">
        <v>37152.347399999999</v>
      </c>
      <c r="AA36">
        <v>99016.970209999999</v>
      </c>
      <c r="AB36">
        <v>41639.096060000003</v>
      </c>
      <c r="AC36">
        <v>49545.24166</v>
      </c>
      <c r="AD36">
        <v>36217.995110000003</v>
      </c>
      <c r="AE36">
        <v>32242.870370000001</v>
      </c>
      <c r="AF36">
        <v>53102.108540000001</v>
      </c>
      <c r="AG36">
        <v>32017.203160000001</v>
      </c>
      <c r="AH36">
        <v>322397.78940000001</v>
      </c>
      <c r="AI36">
        <v>92035.538350000003</v>
      </c>
      <c r="AJ36">
        <v>27911.360540000001</v>
      </c>
      <c r="AK36">
        <v>40490.151709999998</v>
      </c>
      <c r="AL36">
        <v>82939.445930000002</v>
      </c>
      <c r="AM36">
        <v>23585.148789999999</v>
      </c>
      <c r="AN36">
        <v>119243.345</v>
      </c>
      <c r="AO36">
        <v>34328.254390000002</v>
      </c>
      <c r="AP36">
        <v>19823.56337</v>
      </c>
    </row>
    <row r="37" spans="2:42" x14ac:dyDescent="0.3">
      <c r="B37">
        <v>63.378659586493789</v>
      </c>
      <c r="C37" s="83">
        <v>43102.458333333336</v>
      </c>
      <c r="D37">
        <v>152636.87719999999</v>
      </c>
      <c r="E37">
        <v>36827.156719999999</v>
      </c>
      <c r="F37">
        <v>100016.08130000001</v>
      </c>
      <c r="G37">
        <v>41397.886570000002</v>
      </c>
      <c r="H37">
        <v>49456.659939999998</v>
      </c>
      <c r="I37">
        <v>34843.552759999999</v>
      </c>
      <c r="J37">
        <v>31827.315279999999</v>
      </c>
      <c r="K37">
        <v>58484.591710000001</v>
      </c>
      <c r="L37">
        <v>33104.595280000001</v>
      </c>
      <c r="M37">
        <v>323133.96269999997</v>
      </c>
      <c r="N37">
        <v>89416.578959999999</v>
      </c>
      <c r="O37">
        <v>28134.192790000001</v>
      </c>
      <c r="P37">
        <v>39328.813399999999</v>
      </c>
      <c r="Q37">
        <v>83424.398860000001</v>
      </c>
      <c r="R37">
        <v>26363.193889999999</v>
      </c>
      <c r="S37">
        <v>120148.872</v>
      </c>
      <c r="T37">
        <v>34707.043579999998</v>
      </c>
      <c r="U37">
        <v>19657.077590000001</v>
      </c>
      <c r="W37" s="83">
        <f>Bühler!N69</f>
        <v>45293.458333333248</v>
      </c>
      <c r="X37" s="83">
        <v>43102.458333333336</v>
      </c>
      <c r="Y37">
        <v>152636.87719999999</v>
      </c>
      <c r="Z37">
        <v>36827.156719999999</v>
      </c>
      <c r="AA37">
        <v>100016.08130000001</v>
      </c>
      <c r="AB37">
        <v>41397.886570000002</v>
      </c>
      <c r="AC37">
        <v>49456.659939999998</v>
      </c>
      <c r="AD37">
        <v>34843.552759999999</v>
      </c>
      <c r="AE37">
        <v>31827.315279999999</v>
      </c>
      <c r="AF37">
        <v>58484.591710000001</v>
      </c>
      <c r="AG37">
        <v>33104.595280000001</v>
      </c>
      <c r="AH37">
        <v>323133.96269999997</v>
      </c>
      <c r="AI37">
        <v>89416.578959999999</v>
      </c>
      <c r="AJ37">
        <v>28134.192790000001</v>
      </c>
      <c r="AK37">
        <v>39328.813399999999</v>
      </c>
      <c r="AL37">
        <v>83424.398860000001</v>
      </c>
      <c r="AM37">
        <v>26363.193889999999</v>
      </c>
      <c r="AN37">
        <v>120148.872</v>
      </c>
      <c r="AO37">
        <v>34707.043579999998</v>
      </c>
      <c r="AP37">
        <v>19657.077590000001</v>
      </c>
    </row>
    <row r="38" spans="2:42" x14ac:dyDescent="0.3">
      <c r="B38">
        <v>62.271774511356597</v>
      </c>
      <c r="C38" s="83">
        <v>43102.5</v>
      </c>
      <c r="D38">
        <v>149855.2188</v>
      </c>
      <c r="E38">
        <v>33225.88682</v>
      </c>
      <c r="F38">
        <v>94406.232279999997</v>
      </c>
      <c r="G38">
        <v>40629.388879999999</v>
      </c>
      <c r="H38">
        <v>47929.495280000003</v>
      </c>
      <c r="I38">
        <v>33211.145969999998</v>
      </c>
      <c r="J38">
        <v>31834.697499999998</v>
      </c>
      <c r="K38">
        <v>58231.888930000001</v>
      </c>
      <c r="L38">
        <v>35736.16833</v>
      </c>
      <c r="M38">
        <v>317490.54639999999</v>
      </c>
      <c r="N38">
        <v>88714.890629999994</v>
      </c>
      <c r="O38">
        <v>26949.105780000002</v>
      </c>
      <c r="P38">
        <v>40221.6224</v>
      </c>
      <c r="Q38">
        <v>83058.654569999999</v>
      </c>
      <c r="R38">
        <v>27219.873609999999</v>
      </c>
      <c r="S38">
        <v>113155.198</v>
      </c>
      <c r="T38">
        <v>33446.896529999998</v>
      </c>
      <c r="U38">
        <v>18063.52088</v>
      </c>
      <c r="W38" s="83">
        <f>Bühler!N70</f>
        <v>45293.499999999913</v>
      </c>
      <c r="X38" s="83">
        <v>43102.5</v>
      </c>
      <c r="Y38">
        <v>149855.2188</v>
      </c>
      <c r="Z38">
        <v>33225.88682</v>
      </c>
      <c r="AA38">
        <v>94406.232279999997</v>
      </c>
      <c r="AB38">
        <v>40629.388879999999</v>
      </c>
      <c r="AC38">
        <v>47929.495280000003</v>
      </c>
      <c r="AD38">
        <v>33211.145969999998</v>
      </c>
      <c r="AE38">
        <v>31834.697499999998</v>
      </c>
      <c r="AF38">
        <v>58231.888930000001</v>
      </c>
      <c r="AG38">
        <v>35736.16833</v>
      </c>
      <c r="AH38">
        <v>317490.54639999999</v>
      </c>
      <c r="AI38">
        <v>88714.890629999994</v>
      </c>
      <c r="AJ38">
        <v>26949.105780000002</v>
      </c>
      <c r="AK38">
        <v>40221.6224</v>
      </c>
      <c r="AL38">
        <v>83058.654569999999</v>
      </c>
      <c r="AM38">
        <v>27219.873609999999</v>
      </c>
      <c r="AN38">
        <v>113155.198</v>
      </c>
      <c r="AO38">
        <v>33446.896529999998</v>
      </c>
      <c r="AP38">
        <v>18063.52088</v>
      </c>
    </row>
    <row r="39" spans="2:42" x14ac:dyDescent="0.3">
      <c r="B39">
        <v>62.489644303073995</v>
      </c>
      <c r="C39" s="83">
        <v>43102.541666666664</v>
      </c>
      <c r="D39">
        <v>147884.3358</v>
      </c>
      <c r="E39">
        <v>32340.456719999998</v>
      </c>
      <c r="F39">
        <v>90546.545840000006</v>
      </c>
      <c r="G39">
        <v>40308.145279999997</v>
      </c>
      <c r="H39">
        <v>47390.036410000001</v>
      </c>
      <c r="I39">
        <v>32633.671190000001</v>
      </c>
      <c r="J39">
        <v>30893.461319999999</v>
      </c>
      <c r="K39">
        <v>59463.16749</v>
      </c>
      <c r="L39">
        <v>35062.899319999997</v>
      </c>
      <c r="M39">
        <v>318601.34820000001</v>
      </c>
      <c r="N39">
        <v>86464.687059999997</v>
      </c>
      <c r="O39">
        <v>26477.076509999999</v>
      </c>
      <c r="P39">
        <v>37486.98199</v>
      </c>
      <c r="Q39">
        <v>81352.18909</v>
      </c>
      <c r="R39">
        <v>27541.91548</v>
      </c>
      <c r="S39">
        <v>113595.174</v>
      </c>
      <c r="T39">
        <v>32879.315490000001</v>
      </c>
      <c r="U39">
        <v>17681.48602</v>
      </c>
      <c r="W39" s="83">
        <f>Bühler!N71</f>
        <v>45293.541666666577</v>
      </c>
      <c r="X39" s="83">
        <v>43102.541666666664</v>
      </c>
      <c r="Y39">
        <v>147884.3358</v>
      </c>
      <c r="Z39">
        <v>32340.456719999998</v>
      </c>
      <c r="AA39">
        <v>90546.545840000006</v>
      </c>
      <c r="AB39">
        <v>40308.145279999997</v>
      </c>
      <c r="AC39">
        <v>47390.036410000001</v>
      </c>
      <c r="AD39">
        <v>32633.671190000001</v>
      </c>
      <c r="AE39">
        <v>30893.461319999999</v>
      </c>
      <c r="AF39">
        <v>59463.16749</v>
      </c>
      <c r="AG39">
        <v>35062.899319999997</v>
      </c>
      <c r="AH39">
        <v>318601.34820000001</v>
      </c>
      <c r="AI39">
        <v>86464.687059999997</v>
      </c>
      <c r="AJ39">
        <v>26477.076509999999</v>
      </c>
      <c r="AK39">
        <v>37486.98199</v>
      </c>
      <c r="AL39">
        <v>81352.18909</v>
      </c>
      <c r="AM39">
        <v>27541.91548</v>
      </c>
      <c r="AN39">
        <v>113595.174</v>
      </c>
      <c r="AO39">
        <v>32879.315490000001</v>
      </c>
      <c r="AP39">
        <v>17681.48602</v>
      </c>
    </row>
    <row r="40" spans="2:42" x14ac:dyDescent="0.3">
      <c r="B40">
        <v>62.856153479494928</v>
      </c>
      <c r="C40" s="83">
        <v>43102.583333333336</v>
      </c>
      <c r="D40">
        <v>148179.6305</v>
      </c>
      <c r="E40">
        <v>34906.561909999997</v>
      </c>
      <c r="F40">
        <v>98885.165729999993</v>
      </c>
      <c r="G40">
        <v>40070.093780000003</v>
      </c>
      <c r="H40">
        <v>47228.849009999998</v>
      </c>
      <c r="I40">
        <v>33085.040390000002</v>
      </c>
      <c r="J40">
        <v>30368.93086</v>
      </c>
      <c r="K40">
        <v>58942.433669999999</v>
      </c>
      <c r="L40">
        <v>31938.877219999998</v>
      </c>
      <c r="M40">
        <v>320469.9829</v>
      </c>
      <c r="N40">
        <v>88133.506760000004</v>
      </c>
      <c r="O40">
        <v>26268.220170000001</v>
      </c>
      <c r="P40">
        <v>35208.19915</v>
      </c>
      <c r="Q40">
        <v>80995.464630000002</v>
      </c>
      <c r="R40">
        <v>26269.894319999999</v>
      </c>
      <c r="S40">
        <v>107099.8051</v>
      </c>
      <c r="T40">
        <v>32343.732189999999</v>
      </c>
      <c r="U40">
        <v>17764.88682</v>
      </c>
      <c r="W40" s="83">
        <f>Bühler!N72</f>
        <v>45293.583333333241</v>
      </c>
      <c r="X40" s="83">
        <v>43102.583333333336</v>
      </c>
      <c r="Y40">
        <v>148179.6305</v>
      </c>
      <c r="Z40">
        <v>34906.561909999997</v>
      </c>
      <c r="AA40">
        <v>98885.165729999993</v>
      </c>
      <c r="AB40">
        <v>40070.093780000003</v>
      </c>
      <c r="AC40">
        <v>47228.849009999998</v>
      </c>
      <c r="AD40">
        <v>33085.040390000002</v>
      </c>
      <c r="AE40">
        <v>30368.93086</v>
      </c>
      <c r="AF40">
        <v>58942.433669999999</v>
      </c>
      <c r="AG40">
        <v>31938.877219999998</v>
      </c>
      <c r="AH40">
        <v>320469.9829</v>
      </c>
      <c r="AI40">
        <v>88133.506760000004</v>
      </c>
      <c r="AJ40">
        <v>26268.220170000001</v>
      </c>
      <c r="AK40">
        <v>35208.19915</v>
      </c>
      <c r="AL40">
        <v>80995.464630000002</v>
      </c>
      <c r="AM40">
        <v>26269.894319999999</v>
      </c>
      <c r="AN40">
        <v>107099.8051</v>
      </c>
      <c r="AO40">
        <v>32343.732189999999</v>
      </c>
      <c r="AP40">
        <v>17764.88682</v>
      </c>
    </row>
    <row r="41" spans="2:42" x14ac:dyDescent="0.3">
      <c r="B41">
        <v>61.401295449157331</v>
      </c>
      <c r="C41" s="83">
        <v>43102.625</v>
      </c>
      <c r="D41">
        <v>147427.7317</v>
      </c>
      <c r="E41">
        <v>34518.063090000003</v>
      </c>
      <c r="F41">
        <v>99109.957209999993</v>
      </c>
      <c r="G41">
        <v>39433.671190000001</v>
      </c>
      <c r="H41">
        <v>46338.409959999997</v>
      </c>
      <c r="I41">
        <v>33795.455199999997</v>
      </c>
      <c r="J41">
        <v>30233.854899999998</v>
      </c>
      <c r="K41">
        <v>56910.727200000001</v>
      </c>
      <c r="L41">
        <v>29101.063269999999</v>
      </c>
      <c r="M41">
        <v>313052.43819999998</v>
      </c>
      <c r="N41">
        <v>84494.274189999996</v>
      </c>
      <c r="O41">
        <v>25888.138490000001</v>
      </c>
      <c r="P41">
        <v>34116.353369999997</v>
      </c>
      <c r="Q41">
        <v>80289.520399999994</v>
      </c>
      <c r="R41">
        <v>24936.972430000002</v>
      </c>
      <c r="S41">
        <v>103874.17750000001</v>
      </c>
      <c r="T41">
        <v>32312.10369</v>
      </c>
      <c r="U41">
        <v>18018.893970000001</v>
      </c>
      <c r="W41" s="83">
        <f>Bühler!N73</f>
        <v>45293.624999999905</v>
      </c>
      <c r="X41" s="83">
        <v>43102.625</v>
      </c>
      <c r="Y41">
        <v>147427.7317</v>
      </c>
      <c r="Z41">
        <v>34518.063090000003</v>
      </c>
      <c r="AA41">
        <v>99109.957209999993</v>
      </c>
      <c r="AB41">
        <v>39433.671190000001</v>
      </c>
      <c r="AC41">
        <v>46338.409959999997</v>
      </c>
      <c r="AD41">
        <v>33795.455199999997</v>
      </c>
      <c r="AE41">
        <v>30233.854899999998</v>
      </c>
      <c r="AF41">
        <v>56910.727200000001</v>
      </c>
      <c r="AG41">
        <v>29101.063269999999</v>
      </c>
      <c r="AH41">
        <v>313052.43819999998</v>
      </c>
      <c r="AI41">
        <v>84494.274189999996</v>
      </c>
      <c r="AJ41">
        <v>25888.138490000001</v>
      </c>
      <c r="AK41">
        <v>34116.353369999997</v>
      </c>
      <c r="AL41">
        <v>80289.520399999994</v>
      </c>
      <c r="AM41">
        <v>24936.972430000002</v>
      </c>
      <c r="AN41">
        <v>103874.17750000001</v>
      </c>
      <c r="AO41">
        <v>32312.10369</v>
      </c>
      <c r="AP41">
        <v>18018.893970000001</v>
      </c>
    </row>
    <row r="42" spans="2:42" x14ac:dyDescent="0.3">
      <c r="B42">
        <v>60.407928353973702</v>
      </c>
      <c r="C42" s="83">
        <v>43102.666666666664</v>
      </c>
      <c r="D42">
        <v>144910.7899</v>
      </c>
      <c r="E42">
        <v>33816.591910000003</v>
      </c>
      <c r="F42">
        <v>97620.06882</v>
      </c>
      <c r="G42">
        <v>39664.442840000003</v>
      </c>
      <c r="H42">
        <v>46741.630409999998</v>
      </c>
      <c r="I42">
        <v>35537.912689999997</v>
      </c>
      <c r="J42">
        <v>30012.014729999999</v>
      </c>
      <c r="K42">
        <v>53920.218730000001</v>
      </c>
      <c r="L42">
        <v>27862.709510000001</v>
      </c>
      <c r="M42">
        <v>307987.78950000001</v>
      </c>
      <c r="N42">
        <v>80720.983040000006</v>
      </c>
      <c r="O42">
        <v>26305.844880000001</v>
      </c>
      <c r="P42">
        <v>36080.312160000001</v>
      </c>
      <c r="Q42">
        <v>79139.421530000007</v>
      </c>
      <c r="R42">
        <v>24726.080890000001</v>
      </c>
      <c r="S42">
        <v>103328.57550000001</v>
      </c>
      <c r="T42">
        <v>32691.750540000001</v>
      </c>
      <c r="U42">
        <v>18252.397079999999</v>
      </c>
      <c r="W42" s="83">
        <f>Bühler!N74</f>
        <v>45293.66666666657</v>
      </c>
      <c r="X42" s="83">
        <v>43102.666666666664</v>
      </c>
      <c r="Y42">
        <v>144910.7899</v>
      </c>
      <c r="Z42">
        <v>33816.591910000003</v>
      </c>
      <c r="AA42">
        <v>97620.06882</v>
      </c>
      <c r="AB42">
        <v>39664.442840000003</v>
      </c>
      <c r="AC42">
        <v>46741.630409999998</v>
      </c>
      <c r="AD42">
        <v>35537.912689999997</v>
      </c>
      <c r="AE42">
        <v>30012.014729999999</v>
      </c>
      <c r="AF42">
        <v>53920.218730000001</v>
      </c>
      <c r="AG42">
        <v>27862.709510000001</v>
      </c>
      <c r="AH42">
        <v>307987.78950000001</v>
      </c>
      <c r="AI42">
        <v>80720.983040000006</v>
      </c>
      <c r="AJ42">
        <v>26305.844880000001</v>
      </c>
      <c r="AK42">
        <v>36080.312160000001</v>
      </c>
      <c r="AL42">
        <v>79139.421530000007</v>
      </c>
      <c r="AM42">
        <v>24726.080890000001</v>
      </c>
      <c r="AN42">
        <v>103328.57550000001</v>
      </c>
      <c r="AO42">
        <v>32691.750540000001</v>
      </c>
      <c r="AP42">
        <v>18252.397079999999</v>
      </c>
    </row>
    <row r="43" spans="2:42" x14ac:dyDescent="0.3">
      <c r="B43">
        <v>60.208154043095476</v>
      </c>
      <c r="C43" s="83">
        <v>43102.708333333336</v>
      </c>
      <c r="D43">
        <v>143058.36850000001</v>
      </c>
      <c r="E43">
        <v>33080.817710000003</v>
      </c>
      <c r="F43">
        <v>99382.11997</v>
      </c>
      <c r="G43">
        <v>40654.644990000001</v>
      </c>
      <c r="H43">
        <v>47737.48227</v>
      </c>
      <c r="I43">
        <v>36604.327619999996</v>
      </c>
      <c r="J43">
        <v>31870.09808</v>
      </c>
      <c r="K43">
        <v>51851.833570000003</v>
      </c>
      <c r="L43">
        <v>28843.59547</v>
      </c>
      <c r="M43">
        <v>306969.24690000003</v>
      </c>
      <c r="N43">
        <v>78024.940329999998</v>
      </c>
      <c r="O43">
        <v>25971.617989999999</v>
      </c>
      <c r="P43">
        <v>37586.807739999997</v>
      </c>
      <c r="Q43">
        <v>78371.819780000005</v>
      </c>
      <c r="R43">
        <v>25152.268029999999</v>
      </c>
      <c r="S43">
        <v>105677.70909999999</v>
      </c>
      <c r="T43">
        <v>33775.723839999999</v>
      </c>
      <c r="U43">
        <v>18920.25807</v>
      </c>
      <c r="W43" s="83">
        <f>Bühler!N75</f>
        <v>45293.708333333234</v>
      </c>
      <c r="X43" s="83">
        <v>43102.708333333336</v>
      </c>
      <c r="Y43">
        <v>143058.36850000001</v>
      </c>
      <c r="Z43">
        <v>33080.817710000003</v>
      </c>
      <c r="AA43">
        <v>99382.11997</v>
      </c>
      <c r="AB43">
        <v>40654.644990000001</v>
      </c>
      <c r="AC43">
        <v>47737.48227</v>
      </c>
      <c r="AD43">
        <v>36604.327619999996</v>
      </c>
      <c r="AE43">
        <v>31870.09808</v>
      </c>
      <c r="AF43">
        <v>51851.833570000003</v>
      </c>
      <c r="AG43">
        <v>28843.59547</v>
      </c>
      <c r="AH43">
        <v>306969.24690000003</v>
      </c>
      <c r="AI43">
        <v>78024.940329999998</v>
      </c>
      <c r="AJ43">
        <v>25971.617989999999</v>
      </c>
      <c r="AK43">
        <v>37586.807739999997</v>
      </c>
      <c r="AL43">
        <v>78371.819780000005</v>
      </c>
      <c r="AM43">
        <v>25152.268029999999</v>
      </c>
      <c r="AN43">
        <v>105677.70909999999</v>
      </c>
      <c r="AO43">
        <v>33775.723839999999</v>
      </c>
      <c r="AP43">
        <v>18920.25807</v>
      </c>
    </row>
    <row r="44" spans="2:42" x14ac:dyDescent="0.3">
      <c r="B44">
        <v>58.895270981591821</v>
      </c>
      <c r="C44" s="83">
        <v>43102.75</v>
      </c>
      <c r="D44">
        <v>141039.11189999999</v>
      </c>
      <c r="E44">
        <v>30382.428339999999</v>
      </c>
      <c r="F44">
        <v>96308.523700000005</v>
      </c>
      <c r="G44">
        <v>40474.524740000001</v>
      </c>
      <c r="H44">
        <v>45855.545319999997</v>
      </c>
      <c r="I44">
        <v>36888.236579999997</v>
      </c>
      <c r="J44">
        <v>32528.589929999998</v>
      </c>
      <c r="K44">
        <v>47218.562019999998</v>
      </c>
      <c r="L44">
        <v>30332.447489999999</v>
      </c>
      <c r="M44">
        <v>300275.55680000002</v>
      </c>
      <c r="N44">
        <v>76218.443090000001</v>
      </c>
      <c r="O44">
        <v>24920.724590000002</v>
      </c>
      <c r="P44">
        <v>39989.727989999999</v>
      </c>
      <c r="Q44">
        <v>77499.394790000006</v>
      </c>
      <c r="R44">
        <v>22261.000380000001</v>
      </c>
      <c r="S44">
        <v>101427.8333</v>
      </c>
      <c r="T44">
        <v>33548.331120000003</v>
      </c>
      <c r="U44">
        <v>18203.656480000001</v>
      </c>
      <c r="W44" s="83">
        <f>Bühler!N76</f>
        <v>45293.749999999898</v>
      </c>
      <c r="X44" s="83">
        <v>43102.75</v>
      </c>
      <c r="Y44">
        <v>141039.11189999999</v>
      </c>
      <c r="Z44">
        <v>30382.428339999999</v>
      </c>
      <c r="AA44">
        <v>96308.523700000005</v>
      </c>
      <c r="AB44">
        <v>40474.524740000001</v>
      </c>
      <c r="AC44">
        <v>45855.545319999997</v>
      </c>
      <c r="AD44">
        <v>36888.236579999997</v>
      </c>
      <c r="AE44">
        <v>32528.589929999998</v>
      </c>
      <c r="AF44">
        <v>47218.562019999998</v>
      </c>
      <c r="AG44">
        <v>30332.447489999999</v>
      </c>
      <c r="AH44">
        <v>300275.55680000002</v>
      </c>
      <c r="AI44">
        <v>76218.443090000001</v>
      </c>
      <c r="AJ44">
        <v>24920.724590000002</v>
      </c>
      <c r="AK44">
        <v>39989.727989999999</v>
      </c>
      <c r="AL44">
        <v>77499.394790000006</v>
      </c>
      <c r="AM44">
        <v>22261.000380000001</v>
      </c>
      <c r="AN44">
        <v>101427.8333</v>
      </c>
      <c r="AO44">
        <v>33548.331120000003</v>
      </c>
      <c r="AP44">
        <v>18203.656480000001</v>
      </c>
    </row>
    <row r="45" spans="2:42" x14ac:dyDescent="0.3">
      <c r="B45">
        <v>57.041238402772386</v>
      </c>
      <c r="C45" s="83">
        <v>43102.791666666664</v>
      </c>
      <c r="D45">
        <v>139281.68969999999</v>
      </c>
      <c r="E45">
        <v>25048.649809999999</v>
      </c>
      <c r="F45">
        <v>82969.514500000005</v>
      </c>
      <c r="G45">
        <v>39485.954440000001</v>
      </c>
      <c r="H45">
        <v>43539.673849999999</v>
      </c>
      <c r="I45">
        <v>34662.651270000002</v>
      </c>
      <c r="J45">
        <v>32008.397410000001</v>
      </c>
      <c r="K45">
        <v>45866.937819999999</v>
      </c>
      <c r="L45">
        <v>31821.472610000001</v>
      </c>
      <c r="M45">
        <v>290822.83409999998</v>
      </c>
      <c r="N45">
        <v>75374.806719999993</v>
      </c>
      <c r="O45">
        <v>23808.347460000001</v>
      </c>
      <c r="P45">
        <v>41146.934329999996</v>
      </c>
      <c r="Q45">
        <v>74943.068589999995</v>
      </c>
      <c r="R45">
        <v>21506.117020000002</v>
      </c>
      <c r="S45">
        <v>97673.850879999998</v>
      </c>
      <c r="T45">
        <v>32827.311410000002</v>
      </c>
      <c r="U45">
        <v>16984.959009999999</v>
      </c>
      <c r="W45" s="83">
        <f>Bühler!N77</f>
        <v>45293.791666666562</v>
      </c>
      <c r="X45" s="83">
        <v>43102.791666666664</v>
      </c>
      <c r="Y45">
        <v>139281.68969999999</v>
      </c>
      <c r="Z45">
        <v>25048.649809999999</v>
      </c>
      <c r="AA45">
        <v>82969.514500000005</v>
      </c>
      <c r="AB45">
        <v>39485.954440000001</v>
      </c>
      <c r="AC45">
        <v>43539.673849999999</v>
      </c>
      <c r="AD45">
        <v>34662.651270000002</v>
      </c>
      <c r="AE45">
        <v>32008.397410000001</v>
      </c>
      <c r="AF45">
        <v>45866.937819999999</v>
      </c>
      <c r="AG45">
        <v>31821.472610000001</v>
      </c>
      <c r="AH45">
        <v>290822.83409999998</v>
      </c>
      <c r="AI45">
        <v>75374.806719999993</v>
      </c>
      <c r="AJ45">
        <v>23808.347460000001</v>
      </c>
      <c r="AK45">
        <v>41146.934329999996</v>
      </c>
      <c r="AL45">
        <v>74943.068589999995</v>
      </c>
      <c r="AM45">
        <v>21506.117020000002</v>
      </c>
      <c r="AN45">
        <v>97673.850879999998</v>
      </c>
      <c r="AO45">
        <v>32827.311410000002</v>
      </c>
      <c r="AP45">
        <v>16984.959009999999</v>
      </c>
    </row>
    <row r="46" spans="2:42" x14ac:dyDescent="0.3">
      <c r="B46">
        <v>54.086920596248916</v>
      </c>
      <c r="C46" s="83">
        <v>43102.833333333336</v>
      </c>
      <c r="D46">
        <v>137750.1366</v>
      </c>
      <c r="E46">
        <v>19093.286479999999</v>
      </c>
      <c r="F46">
        <v>63903.12573</v>
      </c>
      <c r="G46">
        <v>38760.926079999997</v>
      </c>
      <c r="H46">
        <v>41883.669269999999</v>
      </c>
      <c r="I46">
        <v>31774.901610000001</v>
      </c>
      <c r="J46">
        <v>30993.499629999998</v>
      </c>
      <c r="K46">
        <v>51032.281949999997</v>
      </c>
      <c r="L46">
        <v>31223.861130000001</v>
      </c>
      <c r="M46">
        <v>275760.34419999999</v>
      </c>
      <c r="N46">
        <v>74732.568759999995</v>
      </c>
      <c r="O46">
        <v>23438.292079999999</v>
      </c>
      <c r="P46">
        <v>40145.709819999996</v>
      </c>
      <c r="Q46">
        <v>73371.175180000006</v>
      </c>
      <c r="R46">
        <v>23251.466230000002</v>
      </c>
      <c r="S46">
        <v>89899.244619999998</v>
      </c>
      <c r="T46">
        <v>31794.56133</v>
      </c>
      <c r="U46">
        <v>16273.79682</v>
      </c>
      <c r="W46" s="83">
        <f>Bühler!N78</f>
        <v>45293.833333333227</v>
      </c>
      <c r="X46" s="83">
        <v>43102.833333333336</v>
      </c>
      <c r="Y46">
        <v>137750.1366</v>
      </c>
      <c r="Z46">
        <v>19093.286479999999</v>
      </c>
      <c r="AA46">
        <v>63903.12573</v>
      </c>
      <c r="AB46">
        <v>38760.926079999997</v>
      </c>
      <c r="AC46">
        <v>41883.669269999999</v>
      </c>
      <c r="AD46">
        <v>31774.901610000001</v>
      </c>
      <c r="AE46">
        <v>30993.499629999998</v>
      </c>
      <c r="AF46">
        <v>51032.281949999997</v>
      </c>
      <c r="AG46">
        <v>31223.861130000001</v>
      </c>
      <c r="AH46">
        <v>275760.34419999999</v>
      </c>
      <c r="AI46">
        <v>74732.568759999995</v>
      </c>
      <c r="AJ46">
        <v>23438.292079999999</v>
      </c>
      <c r="AK46">
        <v>40145.709819999996</v>
      </c>
      <c r="AL46">
        <v>73371.175180000006</v>
      </c>
      <c r="AM46">
        <v>23251.466230000002</v>
      </c>
      <c r="AN46">
        <v>89899.244619999998</v>
      </c>
      <c r="AO46">
        <v>31794.56133</v>
      </c>
      <c r="AP46">
        <v>16273.79682</v>
      </c>
    </row>
    <row r="47" spans="2:42" x14ac:dyDescent="0.3">
      <c r="B47">
        <v>51.517942609237998</v>
      </c>
      <c r="C47" s="83">
        <v>43102.875</v>
      </c>
      <c r="D47">
        <v>135495.05239999999</v>
      </c>
      <c r="E47">
        <v>16790.446950000001</v>
      </c>
      <c r="F47">
        <v>56014.540159999997</v>
      </c>
      <c r="G47">
        <v>38375.051399999997</v>
      </c>
      <c r="H47">
        <v>39570.84218</v>
      </c>
      <c r="I47">
        <v>27889.631219999999</v>
      </c>
      <c r="J47">
        <v>29720.49008</v>
      </c>
      <c r="K47">
        <v>50607.511680000003</v>
      </c>
      <c r="L47">
        <v>29240.507460000001</v>
      </c>
      <c r="M47">
        <v>262662.4964</v>
      </c>
      <c r="N47">
        <v>73514.584099999993</v>
      </c>
      <c r="O47">
        <v>23078.252349999999</v>
      </c>
      <c r="P47">
        <v>39950.789360000002</v>
      </c>
      <c r="Q47">
        <v>72257.218729999993</v>
      </c>
      <c r="R47">
        <v>21403.3354</v>
      </c>
      <c r="S47">
        <v>85490.575920000003</v>
      </c>
      <c r="T47">
        <v>29811.252670000002</v>
      </c>
      <c r="U47">
        <v>15654.992120000001</v>
      </c>
      <c r="W47" s="83">
        <f>Bühler!N79</f>
        <v>45293.874999999891</v>
      </c>
      <c r="X47" s="83">
        <v>43102.875</v>
      </c>
      <c r="Y47">
        <v>135495.05239999999</v>
      </c>
      <c r="Z47">
        <v>16790.446950000001</v>
      </c>
      <c r="AA47">
        <v>56014.540159999997</v>
      </c>
      <c r="AB47">
        <v>38375.051399999997</v>
      </c>
      <c r="AC47">
        <v>39570.84218</v>
      </c>
      <c r="AD47">
        <v>27889.631219999999</v>
      </c>
      <c r="AE47">
        <v>29720.49008</v>
      </c>
      <c r="AF47">
        <v>50607.511680000003</v>
      </c>
      <c r="AG47">
        <v>29240.507460000001</v>
      </c>
      <c r="AH47">
        <v>262662.4964</v>
      </c>
      <c r="AI47">
        <v>73514.584099999993</v>
      </c>
      <c r="AJ47">
        <v>23078.252349999999</v>
      </c>
      <c r="AK47">
        <v>39950.789360000002</v>
      </c>
      <c r="AL47">
        <v>72257.218729999993</v>
      </c>
      <c r="AM47">
        <v>21403.3354</v>
      </c>
      <c r="AN47">
        <v>85490.575920000003</v>
      </c>
      <c r="AO47">
        <v>29811.252670000002</v>
      </c>
      <c r="AP47">
        <v>15654.992120000001</v>
      </c>
    </row>
    <row r="48" spans="2:42" x14ac:dyDescent="0.3">
      <c r="B48">
        <v>51.533547537203354</v>
      </c>
      <c r="C48" s="83">
        <v>43102.916666666664</v>
      </c>
      <c r="D48">
        <v>135263.117</v>
      </c>
      <c r="E48">
        <v>16147.480460000001</v>
      </c>
      <c r="F48">
        <v>53693.376340000003</v>
      </c>
      <c r="G48">
        <v>38457.420230000003</v>
      </c>
      <c r="H48">
        <v>39404.754630000003</v>
      </c>
      <c r="I48">
        <v>26462.545429999998</v>
      </c>
      <c r="J48">
        <v>28834.95422</v>
      </c>
      <c r="K48">
        <v>52920.731749999999</v>
      </c>
      <c r="L48">
        <v>25984.75505</v>
      </c>
      <c r="M48">
        <v>262742.0576</v>
      </c>
      <c r="N48">
        <v>74107.984800000006</v>
      </c>
      <c r="O48">
        <v>23867.977299999999</v>
      </c>
      <c r="P48">
        <v>42631.733749999999</v>
      </c>
      <c r="Q48">
        <v>72646.807260000001</v>
      </c>
      <c r="R48">
        <v>29003.123360000001</v>
      </c>
      <c r="S48">
        <v>85610.81349</v>
      </c>
      <c r="T48">
        <v>27334.243200000001</v>
      </c>
      <c r="U48">
        <v>16647.44256</v>
      </c>
      <c r="W48" s="83">
        <f>Bühler!N80</f>
        <v>45293.916666666555</v>
      </c>
      <c r="X48" s="83">
        <v>43102.916666666664</v>
      </c>
      <c r="Y48">
        <v>135263.117</v>
      </c>
      <c r="Z48">
        <v>16147.480460000001</v>
      </c>
      <c r="AA48">
        <v>53693.376340000003</v>
      </c>
      <c r="AB48">
        <v>38457.420230000003</v>
      </c>
      <c r="AC48">
        <v>39404.754630000003</v>
      </c>
      <c r="AD48">
        <v>26462.545429999998</v>
      </c>
      <c r="AE48">
        <v>28834.95422</v>
      </c>
      <c r="AF48">
        <v>52920.731749999999</v>
      </c>
      <c r="AG48">
        <v>25984.75505</v>
      </c>
      <c r="AH48">
        <v>262742.0576</v>
      </c>
      <c r="AI48">
        <v>74107.984800000006</v>
      </c>
      <c r="AJ48">
        <v>23867.977299999999</v>
      </c>
      <c r="AK48">
        <v>42631.733749999999</v>
      </c>
      <c r="AL48">
        <v>72646.807260000001</v>
      </c>
      <c r="AM48">
        <v>29003.123360000001</v>
      </c>
      <c r="AN48">
        <v>85610.81349</v>
      </c>
      <c r="AO48">
        <v>27334.243200000001</v>
      </c>
      <c r="AP48">
        <v>16647.44256</v>
      </c>
    </row>
    <row r="49" spans="2:42" x14ac:dyDescent="0.3">
      <c r="B49">
        <v>50.996514218483874</v>
      </c>
      <c r="C49" s="83">
        <v>43102.958333333336</v>
      </c>
      <c r="D49">
        <v>135517.00140000001</v>
      </c>
      <c r="E49">
        <v>16042.419819999999</v>
      </c>
      <c r="F49">
        <v>52142.1103</v>
      </c>
      <c r="G49">
        <v>38522.026380000003</v>
      </c>
      <c r="H49">
        <v>39312.510219999996</v>
      </c>
      <c r="I49">
        <v>25502.63766</v>
      </c>
      <c r="J49">
        <v>27153.555820000001</v>
      </c>
      <c r="K49">
        <v>51924.629950000002</v>
      </c>
      <c r="L49">
        <v>21895.63406</v>
      </c>
      <c r="M49">
        <v>260004.01130000001</v>
      </c>
      <c r="N49">
        <v>74836.498300000007</v>
      </c>
      <c r="O49">
        <v>23627.034960000001</v>
      </c>
      <c r="P49">
        <v>38150.630579999997</v>
      </c>
      <c r="Q49">
        <v>72542.078349999996</v>
      </c>
      <c r="R49">
        <v>30107.696769999999</v>
      </c>
      <c r="S49">
        <v>83853.355779999998</v>
      </c>
      <c r="T49">
        <v>29321.594509999999</v>
      </c>
      <c r="U49">
        <v>15967.28609</v>
      </c>
      <c r="W49" s="83">
        <f>Bühler!N81</f>
        <v>45293.958333333219</v>
      </c>
      <c r="X49" s="83">
        <v>43102.958333333336</v>
      </c>
      <c r="Y49">
        <v>135517.00140000001</v>
      </c>
      <c r="Z49">
        <v>16042.419819999999</v>
      </c>
      <c r="AA49">
        <v>52142.1103</v>
      </c>
      <c r="AB49">
        <v>38522.026380000003</v>
      </c>
      <c r="AC49">
        <v>39312.510219999996</v>
      </c>
      <c r="AD49">
        <v>25502.63766</v>
      </c>
      <c r="AE49">
        <v>27153.555820000001</v>
      </c>
      <c r="AF49">
        <v>51924.629950000002</v>
      </c>
      <c r="AG49">
        <v>21895.63406</v>
      </c>
      <c r="AH49">
        <v>260004.01130000001</v>
      </c>
      <c r="AI49">
        <v>74836.498300000007</v>
      </c>
      <c r="AJ49">
        <v>23627.034960000001</v>
      </c>
      <c r="AK49">
        <v>38150.630579999997</v>
      </c>
      <c r="AL49">
        <v>72542.078349999996</v>
      </c>
      <c r="AM49">
        <v>30107.696769999999</v>
      </c>
      <c r="AN49">
        <v>83853.355779999998</v>
      </c>
      <c r="AO49">
        <v>29321.594509999999</v>
      </c>
      <c r="AP49">
        <v>15967.28609</v>
      </c>
    </row>
    <row r="50" spans="2:42" x14ac:dyDescent="0.3">
      <c r="B50">
        <v>51.150228227253692</v>
      </c>
      <c r="C50" s="83">
        <v>43103</v>
      </c>
      <c r="D50">
        <v>135257.2708</v>
      </c>
      <c r="E50">
        <v>15526.809789999999</v>
      </c>
      <c r="F50">
        <v>51963.091370000002</v>
      </c>
      <c r="G50">
        <v>38448.683680000002</v>
      </c>
      <c r="H50">
        <v>38493.722009999998</v>
      </c>
      <c r="I50">
        <v>23823.803550000001</v>
      </c>
      <c r="J50">
        <v>25862.425279999999</v>
      </c>
      <c r="K50">
        <v>50756.607179999999</v>
      </c>
      <c r="L50">
        <v>19311.179069999998</v>
      </c>
      <c r="M50">
        <v>260787.717</v>
      </c>
      <c r="N50">
        <v>74994.299339999998</v>
      </c>
      <c r="O50">
        <v>23349.958989999999</v>
      </c>
      <c r="P50">
        <v>35812.32258</v>
      </c>
      <c r="Q50">
        <v>73137.691399999996</v>
      </c>
      <c r="R50">
        <v>28628.748479999998</v>
      </c>
      <c r="S50">
        <v>83022.785690000004</v>
      </c>
      <c r="T50">
        <v>28295.99049</v>
      </c>
      <c r="U50">
        <v>16133.65199</v>
      </c>
      <c r="W50" s="83">
        <f>Bühler!N82</f>
        <v>45293.999999999884</v>
      </c>
      <c r="X50" s="83">
        <v>43103</v>
      </c>
      <c r="Y50">
        <v>135257.2708</v>
      </c>
      <c r="Z50">
        <v>15526.809789999999</v>
      </c>
      <c r="AA50">
        <v>51963.091370000002</v>
      </c>
      <c r="AB50">
        <v>38448.683680000002</v>
      </c>
      <c r="AC50">
        <v>38493.722009999998</v>
      </c>
      <c r="AD50">
        <v>23823.803550000001</v>
      </c>
      <c r="AE50">
        <v>25862.425279999999</v>
      </c>
      <c r="AF50">
        <v>50756.607179999999</v>
      </c>
      <c r="AG50">
        <v>19311.179069999998</v>
      </c>
      <c r="AH50">
        <v>260787.717</v>
      </c>
      <c r="AI50">
        <v>74994.299339999998</v>
      </c>
      <c r="AJ50">
        <v>23349.958989999999</v>
      </c>
      <c r="AK50">
        <v>35812.32258</v>
      </c>
      <c r="AL50">
        <v>73137.691399999996</v>
      </c>
      <c r="AM50">
        <v>28628.748479999998</v>
      </c>
      <c r="AN50">
        <v>83022.785690000004</v>
      </c>
      <c r="AO50">
        <v>28295.99049</v>
      </c>
      <c r="AP50">
        <v>16133.65199</v>
      </c>
    </row>
    <row r="51" spans="2:42" x14ac:dyDescent="0.3">
      <c r="B51">
        <v>51.848407848585587</v>
      </c>
      <c r="C51" s="83">
        <v>43103.041666666664</v>
      </c>
      <c r="D51">
        <v>134937.43719999999</v>
      </c>
      <c r="E51">
        <v>15733.254919999999</v>
      </c>
      <c r="F51">
        <v>52384.141869999999</v>
      </c>
      <c r="G51">
        <v>37856.953390000002</v>
      </c>
      <c r="H51">
        <v>38148.021959999998</v>
      </c>
      <c r="I51">
        <v>20047.644840000001</v>
      </c>
      <c r="J51">
        <v>25642.018080000002</v>
      </c>
      <c r="K51">
        <v>48575.146489999999</v>
      </c>
      <c r="L51">
        <v>18365.393970000001</v>
      </c>
      <c r="M51">
        <v>264347.36229999998</v>
      </c>
      <c r="N51">
        <v>74424.239000000001</v>
      </c>
      <c r="O51">
        <v>23742.747009999999</v>
      </c>
      <c r="P51">
        <v>34522.71574</v>
      </c>
      <c r="Q51">
        <v>74105.061199999996</v>
      </c>
      <c r="R51">
        <v>27945.090510000002</v>
      </c>
      <c r="S51">
        <v>82375.030929999994</v>
      </c>
      <c r="T51">
        <v>27631.493900000001</v>
      </c>
      <c r="U51">
        <v>16499.23198</v>
      </c>
      <c r="W51" s="83">
        <f>Bühler!N83</f>
        <v>45294.041666666548</v>
      </c>
      <c r="X51" s="83">
        <v>43103.041666666664</v>
      </c>
      <c r="Y51">
        <v>134937.43719999999</v>
      </c>
      <c r="Z51">
        <v>15733.254919999999</v>
      </c>
      <c r="AA51">
        <v>52384.141869999999</v>
      </c>
      <c r="AB51">
        <v>37856.953390000002</v>
      </c>
      <c r="AC51">
        <v>38148.021959999998</v>
      </c>
      <c r="AD51">
        <v>20047.644840000001</v>
      </c>
      <c r="AE51">
        <v>25642.018080000002</v>
      </c>
      <c r="AF51">
        <v>48575.146489999999</v>
      </c>
      <c r="AG51">
        <v>18365.393970000001</v>
      </c>
      <c r="AH51">
        <v>264347.36229999998</v>
      </c>
      <c r="AI51">
        <v>74424.239000000001</v>
      </c>
      <c r="AJ51">
        <v>23742.747009999999</v>
      </c>
      <c r="AK51">
        <v>34522.71574</v>
      </c>
      <c r="AL51">
        <v>74105.061199999996</v>
      </c>
      <c r="AM51">
        <v>27945.090510000002</v>
      </c>
      <c r="AN51">
        <v>82375.030929999994</v>
      </c>
      <c r="AO51">
        <v>27631.493900000001</v>
      </c>
      <c r="AP51">
        <v>16499.23198</v>
      </c>
    </row>
    <row r="52" spans="2:42" x14ac:dyDescent="0.3">
      <c r="B52">
        <v>52.952112222132868</v>
      </c>
      <c r="C52" s="83">
        <v>43103.083333333336</v>
      </c>
      <c r="D52">
        <v>134630.0741</v>
      </c>
      <c r="E52">
        <v>15767.44188</v>
      </c>
      <c r="F52">
        <v>53543.18316</v>
      </c>
      <c r="G52">
        <v>37383.054349999999</v>
      </c>
      <c r="H52">
        <v>38475.841110000001</v>
      </c>
      <c r="I52">
        <v>18668.174950000001</v>
      </c>
      <c r="J52">
        <v>25442.2664</v>
      </c>
      <c r="K52">
        <v>47731.307399999998</v>
      </c>
      <c r="L52">
        <v>17788.733990000001</v>
      </c>
      <c r="M52">
        <v>269974.56189999997</v>
      </c>
      <c r="N52">
        <v>73604.004109999994</v>
      </c>
      <c r="O52">
        <v>24084.03645</v>
      </c>
      <c r="P52">
        <v>32847.3652</v>
      </c>
      <c r="Q52">
        <v>75608.399860000005</v>
      </c>
      <c r="R52">
        <v>27039.546750000001</v>
      </c>
      <c r="S52">
        <v>81905.197249999997</v>
      </c>
      <c r="T52">
        <v>27176.421470000001</v>
      </c>
      <c r="U52">
        <v>16434.028709999999</v>
      </c>
      <c r="W52" s="83">
        <f>Bühler!N84</f>
        <v>45294.083333333212</v>
      </c>
      <c r="X52" s="83">
        <v>43103.083333333336</v>
      </c>
      <c r="Y52">
        <v>134630.0741</v>
      </c>
      <c r="Z52">
        <v>15767.44188</v>
      </c>
      <c r="AA52">
        <v>53543.18316</v>
      </c>
      <c r="AB52">
        <v>37383.054349999999</v>
      </c>
      <c r="AC52">
        <v>38475.841110000001</v>
      </c>
      <c r="AD52">
        <v>18668.174950000001</v>
      </c>
      <c r="AE52">
        <v>25442.2664</v>
      </c>
      <c r="AF52">
        <v>47731.307399999998</v>
      </c>
      <c r="AG52">
        <v>17788.733990000001</v>
      </c>
      <c r="AH52">
        <v>269974.56189999997</v>
      </c>
      <c r="AI52">
        <v>73604.004109999994</v>
      </c>
      <c r="AJ52">
        <v>24084.03645</v>
      </c>
      <c r="AK52">
        <v>32847.3652</v>
      </c>
      <c r="AL52">
        <v>75608.399860000005</v>
      </c>
      <c r="AM52">
        <v>27039.546750000001</v>
      </c>
      <c r="AN52">
        <v>81905.197249999997</v>
      </c>
      <c r="AO52">
        <v>27176.421470000001</v>
      </c>
      <c r="AP52">
        <v>16434.028709999999</v>
      </c>
    </row>
    <row r="53" spans="2:42" x14ac:dyDescent="0.3">
      <c r="B53">
        <v>52.903642116923706</v>
      </c>
      <c r="C53" s="83">
        <v>43103.125</v>
      </c>
      <c r="D53">
        <v>134314.6911</v>
      </c>
      <c r="E53">
        <v>15965.231159999999</v>
      </c>
      <c r="F53">
        <v>53832.034970000001</v>
      </c>
      <c r="G53">
        <v>36843.885609999998</v>
      </c>
      <c r="H53">
        <v>38175.353450000002</v>
      </c>
      <c r="I53">
        <v>18360.59345</v>
      </c>
      <c r="J53">
        <v>25917.0425</v>
      </c>
      <c r="K53">
        <v>46801.721100000002</v>
      </c>
      <c r="L53">
        <v>17893.946810000001</v>
      </c>
      <c r="M53">
        <v>269727.4387</v>
      </c>
      <c r="N53">
        <v>73041.324210000006</v>
      </c>
      <c r="O53">
        <v>24112.195950000001</v>
      </c>
      <c r="P53">
        <v>31949.954140000002</v>
      </c>
      <c r="Q53">
        <v>77717.355949999997</v>
      </c>
      <c r="R53">
        <v>26610.56321</v>
      </c>
      <c r="S53">
        <v>81015.300910000005</v>
      </c>
      <c r="T53">
        <v>27227.422630000001</v>
      </c>
      <c r="U53">
        <v>16632.7425</v>
      </c>
      <c r="W53" s="83">
        <f>Bühler!N85</f>
        <v>45294.124999999876</v>
      </c>
      <c r="X53" s="83">
        <v>43103.125</v>
      </c>
      <c r="Y53">
        <v>134314.6911</v>
      </c>
      <c r="Z53">
        <v>15965.231159999999</v>
      </c>
      <c r="AA53">
        <v>53832.034970000001</v>
      </c>
      <c r="AB53">
        <v>36843.885609999998</v>
      </c>
      <c r="AC53">
        <v>38175.353450000002</v>
      </c>
      <c r="AD53">
        <v>18360.59345</v>
      </c>
      <c r="AE53">
        <v>25917.0425</v>
      </c>
      <c r="AF53">
        <v>46801.721100000002</v>
      </c>
      <c r="AG53">
        <v>17893.946810000001</v>
      </c>
      <c r="AH53">
        <v>269727.4387</v>
      </c>
      <c r="AI53">
        <v>73041.324210000006</v>
      </c>
      <c r="AJ53">
        <v>24112.195950000001</v>
      </c>
      <c r="AK53">
        <v>31949.954140000002</v>
      </c>
      <c r="AL53">
        <v>77717.355949999997</v>
      </c>
      <c r="AM53">
        <v>26610.56321</v>
      </c>
      <c r="AN53">
        <v>81015.300910000005</v>
      </c>
      <c r="AO53">
        <v>27227.422630000001</v>
      </c>
      <c r="AP53">
        <v>16632.7425</v>
      </c>
    </row>
    <row r="54" spans="2:42" x14ac:dyDescent="0.3">
      <c r="B54">
        <v>54.060849520932372</v>
      </c>
      <c r="C54" s="83">
        <v>43103.166666666664</v>
      </c>
      <c r="D54">
        <v>135154.4553</v>
      </c>
      <c r="E54">
        <v>16327.84901</v>
      </c>
      <c r="F54">
        <v>59874.064689999999</v>
      </c>
      <c r="G54">
        <v>36715.751759999999</v>
      </c>
      <c r="H54">
        <v>38635.26096</v>
      </c>
      <c r="I54">
        <v>20604.76355</v>
      </c>
      <c r="J54">
        <v>27334.672180000001</v>
      </c>
      <c r="K54">
        <v>44949.088530000001</v>
      </c>
      <c r="L54">
        <v>17974.584070000001</v>
      </c>
      <c r="M54">
        <v>275627.42170000001</v>
      </c>
      <c r="N54">
        <v>72302.742400000003</v>
      </c>
      <c r="O54">
        <v>24556.89689</v>
      </c>
      <c r="P54">
        <v>32237.05574</v>
      </c>
      <c r="Q54">
        <v>79371.661699999997</v>
      </c>
      <c r="R54">
        <v>25873.637149999999</v>
      </c>
      <c r="S54">
        <v>82119.672609999994</v>
      </c>
      <c r="T54">
        <v>27258.590960000001</v>
      </c>
      <c r="U54">
        <v>17327.0952</v>
      </c>
      <c r="W54" s="83">
        <f>Bühler!N86</f>
        <v>45294.166666666541</v>
      </c>
      <c r="X54" s="83">
        <v>43103.166666666664</v>
      </c>
      <c r="Y54">
        <v>135154.4553</v>
      </c>
      <c r="Z54">
        <v>16327.84901</v>
      </c>
      <c r="AA54">
        <v>59874.064689999999</v>
      </c>
      <c r="AB54">
        <v>36715.751759999999</v>
      </c>
      <c r="AC54">
        <v>38635.26096</v>
      </c>
      <c r="AD54">
        <v>20604.76355</v>
      </c>
      <c r="AE54">
        <v>27334.672180000001</v>
      </c>
      <c r="AF54">
        <v>44949.088530000001</v>
      </c>
      <c r="AG54">
        <v>17974.584070000001</v>
      </c>
      <c r="AH54">
        <v>275627.42170000001</v>
      </c>
      <c r="AI54">
        <v>72302.742400000003</v>
      </c>
      <c r="AJ54">
        <v>24556.89689</v>
      </c>
      <c r="AK54">
        <v>32237.05574</v>
      </c>
      <c r="AL54">
        <v>79371.661699999997</v>
      </c>
      <c r="AM54">
        <v>25873.637149999999</v>
      </c>
      <c r="AN54">
        <v>82119.672609999994</v>
      </c>
      <c r="AO54">
        <v>27258.590960000001</v>
      </c>
      <c r="AP54">
        <v>17327.0952</v>
      </c>
    </row>
    <row r="55" spans="2:42" x14ac:dyDescent="0.3">
      <c r="B55">
        <v>57.025401816908207</v>
      </c>
      <c r="C55" s="83">
        <v>43103.208333333336</v>
      </c>
      <c r="D55">
        <v>139847.2818</v>
      </c>
      <c r="E55">
        <v>18202.27378</v>
      </c>
      <c r="F55">
        <v>70373.116909999997</v>
      </c>
      <c r="G55">
        <v>37665.549050000001</v>
      </c>
      <c r="H55">
        <v>40637.836990000003</v>
      </c>
      <c r="I55">
        <v>27836.590850000001</v>
      </c>
      <c r="J55">
        <v>29373.75258</v>
      </c>
      <c r="K55">
        <v>44143.194889999999</v>
      </c>
      <c r="L55">
        <v>18988.102599999998</v>
      </c>
      <c r="M55">
        <v>290742.09179999999</v>
      </c>
      <c r="N55">
        <v>73610.862640000007</v>
      </c>
      <c r="O55">
        <v>24377.617969999999</v>
      </c>
      <c r="P55">
        <v>33010.255590000001</v>
      </c>
      <c r="Q55">
        <v>81812.127949999995</v>
      </c>
      <c r="R55">
        <v>26644.643199999999</v>
      </c>
      <c r="S55">
        <v>84414.234410000005</v>
      </c>
      <c r="T55">
        <v>28233.026089999999</v>
      </c>
      <c r="U55">
        <v>18238.25634</v>
      </c>
      <c r="W55" s="83">
        <f>Bühler!N87</f>
        <v>45294.208333333205</v>
      </c>
      <c r="X55" s="83">
        <v>43103.208333333336</v>
      </c>
      <c r="Y55">
        <v>139847.2818</v>
      </c>
      <c r="Z55">
        <v>18202.27378</v>
      </c>
      <c r="AA55">
        <v>70373.116909999997</v>
      </c>
      <c r="AB55">
        <v>37665.549050000001</v>
      </c>
      <c r="AC55">
        <v>40637.836990000003</v>
      </c>
      <c r="AD55">
        <v>27836.590850000001</v>
      </c>
      <c r="AE55">
        <v>29373.75258</v>
      </c>
      <c r="AF55">
        <v>44143.194889999999</v>
      </c>
      <c r="AG55">
        <v>18988.102599999998</v>
      </c>
      <c r="AH55">
        <v>290742.09179999999</v>
      </c>
      <c r="AI55">
        <v>73610.862640000007</v>
      </c>
      <c r="AJ55">
        <v>24377.617969999999</v>
      </c>
      <c r="AK55">
        <v>33010.255590000001</v>
      </c>
      <c r="AL55">
        <v>81812.127949999995</v>
      </c>
      <c r="AM55">
        <v>26644.643199999999</v>
      </c>
      <c r="AN55">
        <v>84414.234410000005</v>
      </c>
      <c r="AO55">
        <v>28233.026089999999</v>
      </c>
      <c r="AP55">
        <v>18238.25634</v>
      </c>
    </row>
    <row r="56" spans="2:42" x14ac:dyDescent="0.3">
      <c r="B56">
        <v>60.320240416069502</v>
      </c>
      <c r="C56" s="83">
        <v>43103.25</v>
      </c>
      <c r="D56">
        <v>143685.82029999999</v>
      </c>
      <c r="E56">
        <v>21537.212759999999</v>
      </c>
      <c r="F56">
        <v>82087.754329999996</v>
      </c>
      <c r="G56">
        <v>39958.473129999998</v>
      </c>
      <c r="H56">
        <v>43120.790560000001</v>
      </c>
      <c r="I56">
        <v>33926.82086</v>
      </c>
      <c r="J56">
        <v>31689.396680000002</v>
      </c>
      <c r="K56">
        <v>47112.576630000003</v>
      </c>
      <c r="L56">
        <v>20533.93864</v>
      </c>
      <c r="M56">
        <v>307540.71549999999</v>
      </c>
      <c r="N56">
        <v>75198.296249999999</v>
      </c>
      <c r="O56">
        <v>25453.124189999999</v>
      </c>
      <c r="P56">
        <v>30937.512289999999</v>
      </c>
      <c r="Q56">
        <v>83332.451509999999</v>
      </c>
      <c r="R56">
        <v>20953.890189999998</v>
      </c>
      <c r="S56">
        <v>92036.071939999994</v>
      </c>
      <c r="T56">
        <v>30548.832559999999</v>
      </c>
      <c r="U56">
        <v>18111.09837</v>
      </c>
      <c r="W56" s="83">
        <f>Bühler!N88</f>
        <v>45294.249999999869</v>
      </c>
      <c r="X56" s="83">
        <v>43103.25</v>
      </c>
      <c r="Y56">
        <v>143685.82029999999</v>
      </c>
      <c r="Z56">
        <v>21537.212759999999</v>
      </c>
      <c r="AA56">
        <v>82087.754329999996</v>
      </c>
      <c r="AB56">
        <v>39958.473129999998</v>
      </c>
      <c r="AC56">
        <v>43120.790560000001</v>
      </c>
      <c r="AD56">
        <v>33926.82086</v>
      </c>
      <c r="AE56">
        <v>31689.396680000002</v>
      </c>
      <c r="AF56">
        <v>47112.576630000003</v>
      </c>
      <c r="AG56">
        <v>20533.93864</v>
      </c>
      <c r="AH56">
        <v>307540.71549999999</v>
      </c>
      <c r="AI56">
        <v>75198.296249999999</v>
      </c>
      <c r="AJ56">
        <v>25453.124189999999</v>
      </c>
      <c r="AK56">
        <v>30937.512289999999</v>
      </c>
      <c r="AL56">
        <v>83332.451509999999</v>
      </c>
      <c r="AM56">
        <v>20953.890189999998</v>
      </c>
      <c r="AN56">
        <v>92036.071939999994</v>
      </c>
      <c r="AO56">
        <v>30548.832559999999</v>
      </c>
      <c r="AP56">
        <v>18111.09837</v>
      </c>
    </row>
    <row r="57" spans="2:42" x14ac:dyDescent="0.3">
      <c r="B57">
        <v>62.669407341315107</v>
      </c>
      <c r="C57" s="83">
        <v>43103.291666666664</v>
      </c>
      <c r="D57">
        <v>149493.81</v>
      </c>
      <c r="E57">
        <v>26397.845710000001</v>
      </c>
      <c r="F57">
        <v>86301.940740000005</v>
      </c>
      <c r="G57">
        <v>42120.697829999997</v>
      </c>
      <c r="H57">
        <v>46924.175710000003</v>
      </c>
      <c r="I57">
        <v>40092.145649999999</v>
      </c>
      <c r="J57">
        <v>33543.593999999997</v>
      </c>
      <c r="K57">
        <v>50231.631179999997</v>
      </c>
      <c r="L57">
        <v>23780.89919</v>
      </c>
      <c r="M57">
        <v>319517.864</v>
      </c>
      <c r="N57">
        <v>79806.337679999997</v>
      </c>
      <c r="O57">
        <v>27354.266540000001</v>
      </c>
      <c r="P57">
        <v>33452.765670000001</v>
      </c>
      <c r="Q57">
        <v>83700.756169999993</v>
      </c>
      <c r="R57">
        <v>23229.658899999999</v>
      </c>
      <c r="S57">
        <v>106755.0098</v>
      </c>
      <c r="T57">
        <v>30102.14156</v>
      </c>
      <c r="U57">
        <v>20033.946530000001</v>
      </c>
      <c r="W57" s="83">
        <f>Bühler!N89</f>
        <v>45294.291666666533</v>
      </c>
      <c r="X57" s="83">
        <v>43103.291666666664</v>
      </c>
      <c r="Y57">
        <v>149493.81</v>
      </c>
      <c r="Z57">
        <v>26397.845710000001</v>
      </c>
      <c r="AA57">
        <v>86301.940740000005</v>
      </c>
      <c r="AB57">
        <v>42120.697829999997</v>
      </c>
      <c r="AC57">
        <v>46924.175710000003</v>
      </c>
      <c r="AD57">
        <v>40092.145649999999</v>
      </c>
      <c r="AE57">
        <v>33543.593999999997</v>
      </c>
      <c r="AF57">
        <v>50231.631179999997</v>
      </c>
      <c r="AG57">
        <v>23780.89919</v>
      </c>
      <c r="AH57">
        <v>319517.864</v>
      </c>
      <c r="AI57">
        <v>79806.337679999997</v>
      </c>
      <c r="AJ57">
        <v>27354.266540000001</v>
      </c>
      <c r="AK57">
        <v>33452.765670000001</v>
      </c>
      <c r="AL57">
        <v>83700.756169999993</v>
      </c>
      <c r="AM57">
        <v>23229.658899999999</v>
      </c>
      <c r="AN57">
        <v>106755.0098</v>
      </c>
      <c r="AO57">
        <v>30102.14156</v>
      </c>
      <c r="AP57">
        <v>20033.946530000001</v>
      </c>
    </row>
    <row r="58" spans="2:42" x14ac:dyDescent="0.3">
      <c r="B58">
        <v>63.879879253076872</v>
      </c>
      <c r="C58" s="83">
        <v>43103.333333333336</v>
      </c>
      <c r="D58">
        <v>154877.28469999999</v>
      </c>
      <c r="E58">
        <v>31895.138640000001</v>
      </c>
      <c r="F58">
        <v>92906.397700000001</v>
      </c>
      <c r="G58">
        <v>42086.901290000002</v>
      </c>
      <c r="H58">
        <v>48784.785550000001</v>
      </c>
      <c r="I58">
        <v>41964.375939999998</v>
      </c>
      <c r="J58">
        <v>34556.509910000001</v>
      </c>
      <c r="K58">
        <v>52427.288529999998</v>
      </c>
      <c r="L58">
        <v>27122.70364</v>
      </c>
      <c r="M58">
        <v>325689.4143</v>
      </c>
      <c r="N58">
        <v>83998.987630000003</v>
      </c>
      <c r="O58">
        <v>28607.326539999998</v>
      </c>
      <c r="P58">
        <v>36667.59777</v>
      </c>
      <c r="Q58">
        <v>83999.714359999998</v>
      </c>
      <c r="R58">
        <v>24287.420740000001</v>
      </c>
      <c r="S58">
        <v>117535.43429999999</v>
      </c>
      <c r="T58">
        <v>32134.65236</v>
      </c>
      <c r="U58">
        <v>21055.536629999999</v>
      </c>
      <c r="W58" s="83">
        <f>Bühler!N90</f>
        <v>45294.333333333198</v>
      </c>
      <c r="X58" s="83">
        <v>43103.333333333336</v>
      </c>
      <c r="Y58">
        <v>154877.28469999999</v>
      </c>
      <c r="Z58">
        <v>31895.138640000001</v>
      </c>
      <c r="AA58">
        <v>92906.397700000001</v>
      </c>
      <c r="AB58">
        <v>42086.901290000002</v>
      </c>
      <c r="AC58">
        <v>48784.785550000001</v>
      </c>
      <c r="AD58">
        <v>41964.375939999998</v>
      </c>
      <c r="AE58">
        <v>34556.509910000001</v>
      </c>
      <c r="AF58">
        <v>52427.288529999998</v>
      </c>
      <c r="AG58">
        <v>27122.70364</v>
      </c>
      <c r="AH58">
        <v>325689.4143</v>
      </c>
      <c r="AI58">
        <v>83998.987630000003</v>
      </c>
      <c r="AJ58">
        <v>28607.326539999998</v>
      </c>
      <c r="AK58">
        <v>36667.59777</v>
      </c>
      <c r="AL58">
        <v>83999.714359999998</v>
      </c>
      <c r="AM58">
        <v>24287.420740000001</v>
      </c>
      <c r="AN58">
        <v>117535.43429999999</v>
      </c>
      <c r="AO58">
        <v>32134.65236</v>
      </c>
      <c r="AP58">
        <v>21055.536629999999</v>
      </c>
    </row>
    <row r="59" spans="2:42" x14ac:dyDescent="0.3">
      <c r="B59">
        <v>63.413052321139716</v>
      </c>
      <c r="C59" s="83">
        <v>43103.375</v>
      </c>
      <c r="D59">
        <v>154320.1704</v>
      </c>
      <c r="E59">
        <v>35021.210339999998</v>
      </c>
      <c r="F59">
        <v>97798.417090000003</v>
      </c>
      <c r="G59">
        <v>41630.901149999998</v>
      </c>
      <c r="H59">
        <v>49233.209669999997</v>
      </c>
      <c r="I59">
        <v>39709.455280000002</v>
      </c>
      <c r="J59">
        <v>33540.174420000003</v>
      </c>
      <c r="K59">
        <v>50859.306420000001</v>
      </c>
      <c r="L59">
        <v>29701.141619999999</v>
      </c>
      <c r="M59">
        <v>323309.31290000002</v>
      </c>
      <c r="N59">
        <v>88953.285229999994</v>
      </c>
      <c r="O59">
        <v>27975.788710000001</v>
      </c>
      <c r="P59">
        <v>39462.193429999999</v>
      </c>
      <c r="Q59">
        <v>83670.597769999993</v>
      </c>
      <c r="R59">
        <v>23141.062610000001</v>
      </c>
      <c r="S59">
        <v>120565.114</v>
      </c>
      <c r="T59">
        <v>33674.58337</v>
      </c>
      <c r="U59">
        <v>19979.23026</v>
      </c>
      <c r="W59" s="83">
        <f>Bühler!N91</f>
        <v>45294.374999999862</v>
      </c>
      <c r="X59" s="83">
        <v>43103.375</v>
      </c>
      <c r="Y59">
        <v>154320.1704</v>
      </c>
      <c r="Z59">
        <v>35021.210339999998</v>
      </c>
      <c r="AA59">
        <v>97798.417090000003</v>
      </c>
      <c r="AB59">
        <v>41630.901149999998</v>
      </c>
      <c r="AC59">
        <v>49233.209669999997</v>
      </c>
      <c r="AD59">
        <v>39709.455280000002</v>
      </c>
      <c r="AE59">
        <v>33540.174420000003</v>
      </c>
      <c r="AF59">
        <v>50859.306420000001</v>
      </c>
      <c r="AG59">
        <v>29701.141619999999</v>
      </c>
      <c r="AH59">
        <v>323309.31290000002</v>
      </c>
      <c r="AI59">
        <v>88953.285229999994</v>
      </c>
      <c r="AJ59">
        <v>27975.788710000001</v>
      </c>
      <c r="AK59">
        <v>39462.193429999999</v>
      </c>
      <c r="AL59">
        <v>83670.597769999993</v>
      </c>
      <c r="AM59">
        <v>23141.062610000001</v>
      </c>
      <c r="AN59">
        <v>120565.114</v>
      </c>
      <c r="AO59">
        <v>33674.58337</v>
      </c>
      <c r="AP59">
        <v>19979.23026</v>
      </c>
    </row>
    <row r="60" spans="2:42" x14ac:dyDescent="0.3">
      <c r="B60">
        <v>64.240252643184462</v>
      </c>
      <c r="C60" s="83">
        <v>43103.416666666664</v>
      </c>
      <c r="D60">
        <v>153675.57209999999</v>
      </c>
      <c r="E60">
        <v>36476.113389999999</v>
      </c>
      <c r="F60">
        <v>98501.446689999997</v>
      </c>
      <c r="G60">
        <v>41161.903380000003</v>
      </c>
      <c r="H60">
        <v>49552.080280000002</v>
      </c>
      <c r="I60">
        <v>36770.226690000003</v>
      </c>
      <c r="J60">
        <v>32305.336569999999</v>
      </c>
      <c r="K60">
        <v>51962.216780000002</v>
      </c>
      <c r="L60">
        <v>32092.351490000001</v>
      </c>
      <c r="M60">
        <v>327526.7659</v>
      </c>
      <c r="N60">
        <v>90763.535610000006</v>
      </c>
      <c r="O60">
        <v>27474.884040000001</v>
      </c>
      <c r="P60">
        <v>41144.772729999997</v>
      </c>
      <c r="Q60">
        <v>83773.881420000005</v>
      </c>
      <c r="R60">
        <v>23623.797859999999</v>
      </c>
      <c r="S60">
        <v>117144.4351</v>
      </c>
      <c r="T60">
        <v>34741.697590000003</v>
      </c>
      <c r="U60">
        <v>19790.06856</v>
      </c>
      <c r="W60" s="83">
        <f>Bühler!N92</f>
        <v>45294.416666666526</v>
      </c>
      <c r="X60" s="83">
        <v>43103.416666666664</v>
      </c>
      <c r="Y60">
        <v>153675.57209999999</v>
      </c>
      <c r="Z60">
        <v>36476.113389999999</v>
      </c>
      <c r="AA60">
        <v>98501.446689999997</v>
      </c>
      <c r="AB60">
        <v>41161.903380000003</v>
      </c>
      <c r="AC60">
        <v>49552.080280000002</v>
      </c>
      <c r="AD60">
        <v>36770.226690000003</v>
      </c>
      <c r="AE60">
        <v>32305.336569999999</v>
      </c>
      <c r="AF60">
        <v>51962.216780000002</v>
      </c>
      <c r="AG60">
        <v>32092.351490000001</v>
      </c>
      <c r="AH60">
        <v>327526.7659</v>
      </c>
      <c r="AI60">
        <v>90763.535610000006</v>
      </c>
      <c r="AJ60">
        <v>27474.884040000001</v>
      </c>
      <c r="AK60">
        <v>41144.772729999997</v>
      </c>
      <c r="AL60">
        <v>83773.881420000005</v>
      </c>
      <c r="AM60">
        <v>23623.797859999999</v>
      </c>
      <c r="AN60">
        <v>117144.4351</v>
      </c>
      <c r="AO60">
        <v>34741.697590000003</v>
      </c>
      <c r="AP60">
        <v>19790.06856</v>
      </c>
    </row>
    <row r="61" spans="2:42" x14ac:dyDescent="0.3">
      <c r="B61">
        <v>64.245439144031266</v>
      </c>
      <c r="C61" s="83">
        <v>43103.458333333336</v>
      </c>
      <c r="D61">
        <v>152762.94699999999</v>
      </c>
      <c r="E61">
        <v>36318.058530000002</v>
      </c>
      <c r="F61">
        <v>100223.2089</v>
      </c>
      <c r="G61">
        <v>40631.211669999997</v>
      </c>
      <c r="H61">
        <v>48886.922019999998</v>
      </c>
      <c r="I61">
        <v>35678.725380000003</v>
      </c>
      <c r="J61">
        <v>32087.508419999998</v>
      </c>
      <c r="K61">
        <v>57096.681779999999</v>
      </c>
      <c r="L61">
        <v>32892.109570000001</v>
      </c>
      <c r="M61">
        <v>327553.20909999998</v>
      </c>
      <c r="N61">
        <v>89105.015740000003</v>
      </c>
      <c r="O61">
        <v>27594.417519999999</v>
      </c>
      <c r="P61">
        <v>39668.047440000002</v>
      </c>
      <c r="Q61">
        <v>83559.662429999997</v>
      </c>
      <c r="R61">
        <v>26846.441190000001</v>
      </c>
      <c r="S61">
        <v>118109.8927</v>
      </c>
      <c r="T61">
        <v>34915.54552</v>
      </c>
      <c r="U61">
        <v>19230.51799</v>
      </c>
      <c r="W61" s="83">
        <f>Bühler!N93</f>
        <v>45294.45833333319</v>
      </c>
      <c r="X61" s="83">
        <v>43103.458333333336</v>
      </c>
      <c r="Y61">
        <v>152762.94699999999</v>
      </c>
      <c r="Z61">
        <v>36318.058530000002</v>
      </c>
      <c r="AA61">
        <v>100223.2089</v>
      </c>
      <c r="AB61">
        <v>40631.211669999997</v>
      </c>
      <c r="AC61">
        <v>48886.922019999998</v>
      </c>
      <c r="AD61">
        <v>35678.725380000003</v>
      </c>
      <c r="AE61">
        <v>32087.508419999998</v>
      </c>
      <c r="AF61">
        <v>57096.681779999999</v>
      </c>
      <c r="AG61">
        <v>32892.109570000001</v>
      </c>
      <c r="AH61">
        <v>327553.20909999998</v>
      </c>
      <c r="AI61">
        <v>89105.015740000003</v>
      </c>
      <c r="AJ61">
        <v>27594.417519999999</v>
      </c>
      <c r="AK61">
        <v>39668.047440000002</v>
      </c>
      <c r="AL61">
        <v>83559.662429999997</v>
      </c>
      <c r="AM61">
        <v>26846.441190000001</v>
      </c>
      <c r="AN61">
        <v>118109.8927</v>
      </c>
      <c r="AO61">
        <v>34915.54552</v>
      </c>
      <c r="AP61">
        <v>19230.51799</v>
      </c>
    </row>
    <row r="62" spans="2:42" x14ac:dyDescent="0.3">
      <c r="B62">
        <v>63.330414078236579</v>
      </c>
      <c r="C62" s="83">
        <v>43103.5</v>
      </c>
      <c r="D62">
        <v>149516.72140000001</v>
      </c>
      <c r="E62">
        <v>32995.016779999998</v>
      </c>
      <c r="F62">
        <v>99161.378060000003</v>
      </c>
      <c r="G62">
        <v>39990.653769999997</v>
      </c>
      <c r="H62">
        <v>47656.253420000001</v>
      </c>
      <c r="I62">
        <v>33481.21198</v>
      </c>
      <c r="J62">
        <v>31883.502850000001</v>
      </c>
      <c r="K62">
        <v>57328.112359999999</v>
      </c>
      <c r="L62">
        <v>34876.241719999998</v>
      </c>
      <c r="M62">
        <v>322887.98460000003</v>
      </c>
      <c r="N62">
        <v>83747.034159999996</v>
      </c>
      <c r="O62">
        <v>26870.908159999999</v>
      </c>
      <c r="P62">
        <v>38577.543409999998</v>
      </c>
      <c r="Q62">
        <v>82508.672999999995</v>
      </c>
      <c r="R62">
        <v>27054.90971</v>
      </c>
      <c r="S62">
        <v>111518.19560000001</v>
      </c>
      <c r="T62">
        <v>34338.4424</v>
      </c>
      <c r="U62">
        <v>17750.883440000001</v>
      </c>
      <c r="W62" s="83">
        <f>Bühler!N94</f>
        <v>45294.499999999854</v>
      </c>
      <c r="X62" s="83">
        <v>43103.5</v>
      </c>
      <c r="Y62">
        <v>149516.72140000001</v>
      </c>
      <c r="Z62">
        <v>32995.016779999998</v>
      </c>
      <c r="AA62">
        <v>99161.378060000003</v>
      </c>
      <c r="AB62">
        <v>39990.653769999997</v>
      </c>
      <c r="AC62">
        <v>47656.253420000001</v>
      </c>
      <c r="AD62">
        <v>33481.21198</v>
      </c>
      <c r="AE62">
        <v>31883.502850000001</v>
      </c>
      <c r="AF62">
        <v>57328.112359999999</v>
      </c>
      <c r="AG62">
        <v>34876.241719999998</v>
      </c>
      <c r="AH62">
        <v>322887.98460000003</v>
      </c>
      <c r="AI62">
        <v>83747.034159999996</v>
      </c>
      <c r="AJ62">
        <v>26870.908159999999</v>
      </c>
      <c r="AK62">
        <v>38577.543409999998</v>
      </c>
      <c r="AL62">
        <v>82508.672999999995</v>
      </c>
      <c r="AM62">
        <v>27054.90971</v>
      </c>
      <c r="AN62">
        <v>111518.19560000001</v>
      </c>
      <c r="AO62">
        <v>34338.4424</v>
      </c>
      <c r="AP62">
        <v>17750.883440000001</v>
      </c>
    </row>
    <row r="63" spans="2:42" x14ac:dyDescent="0.3">
      <c r="B63">
        <v>63.096545416559259</v>
      </c>
      <c r="C63" s="83">
        <v>43103.541666666664</v>
      </c>
      <c r="D63">
        <v>147360.77340000001</v>
      </c>
      <c r="E63">
        <v>31837.88265</v>
      </c>
      <c r="F63">
        <v>97522.33584</v>
      </c>
      <c r="G63">
        <v>39715.01915</v>
      </c>
      <c r="H63">
        <v>47290.798649999997</v>
      </c>
      <c r="I63">
        <v>32917.888789999997</v>
      </c>
      <c r="J63">
        <v>30711.131259999998</v>
      </c>
      <c r="K63">
        <v>58909.66532</v>
      </c>
      <c r="L63">
        <v>34459.265119999996</v>
      </c>
      <c r="M63">
        <v>321695.61310000002</v>
      </c>
      <c r="N63">
        <v>82047.744510000004</v>
      </c>
      <c r="O63">
        <v>26746.583429999999</v>
      </c>
      <c r="P63">
        <v>36854.55745</v>
      </c>
      <c r="Q63">
        <v>80453.142829999997</v>
      </c>
      <c r="R63">
        <v>27344.89113</v>
      </c>
      <c r="S63">
        <v>111595.2064</v>
      </c>
      <c r="T63">
        <v>33552.671860000002</v>
      </c>
      <c r="U63">
        <v>17572.519420000001</v>
      </c>
      <c r="W63" s="83">
        <f>Bühler!N95</f>
        <v>45294.541666666519</v>
      </c>
      <c r="X63" s="83">
        <v>43103.541666666664</v>
      </c>
      <c r="Y63">
        <v>147360.77340000001</v>
      </c>
      <c r="Z63">
        <v>31837.88265</v>
      </c>
      <c r="AA63">
        <v>97522.33584</v>
      </c>
      <c r="AB63">
        <v>39715.01915</v>
      </c>
      <c r="AC63">
        <v>47290.798649999997</v>
      </c>
      <c r="AD63">
        <v>32917.888789999997</v>
      </c>
      <c r="AE63">
        <v>30711.131259999998</v>
      </c>
      <c r="AF63">
        <v>58909.66532</v>
      </c>
      <c r="AG63">
        <v>34459.265119999996</v>
      </c>
      <c r="AH63">
        <v>321695.61310000002</v>
      </c>
      <c r="AI63">
        <v>82047.744510000004</v>
      </c>
      <c r="AJ63">
        <v>26746.583429999999</v>
      </c>
      <c r="AK63">
        <v>36854.55745</v>
      </c>
      <c r="AL63">
        <v>80453.142829999997</v>
      </c>
      <c r="AM63">
        <v>27344.89113</v>
      </c>
      <c r="AN63">
        <v>111595.2064</v>
      </c>
      <c r="AO63">
        <v>33552.671860000002</v>
      </c>
      <c r="AP63">
        <v>17572.519420000001</v>
      </c>
    </row>
    <row r="64" spans="2:42" x14ac:dyDescent="0.3">
      <c r="B64">
        <v>63.569492228065535</v>
      </c>
      <c r="C64" s="83">
        <v>43103.583333333336</v>
      </c>
      <c r="D64">
        <v>146607.08799999999</v>
      </c>
      <c r="E64">
        <v>33969.183420000001</v>
      </c>
      <c r="F64">
        <v>98822.397129999998</v>
      </c>
      <c r="G64">
        <v>39037.474430000002</v>
      </c>
      <c r="H64">
        <v>46834.69831</v>
      </c>
      <c r="I64">
        <v>33765.020140000001</v>
      </c>
      <c r="J64">
        <v>30035.572489999999</v>
      </c>
      <c r="K64">
        <v>58118.201209999999</v>
      </c>
      <c r="L64">
        <v>32106.322080000002</v>
      </c>
      <c r="M64">
        <v>324106.91649999999</v>
      </c>
      <c r="N64">
        <v>83112.539149999997</v>
      </c>
      <c r="O64">
        <v>26505.705590000001</v>
      </c>
      <c r="P64">
        <v>35723.627860000001</v>
      </c>
      <c r="Q64">
        <v>79843.848450000005</v>
      </c>
      <c r="R64">
        <v>25959.707160000002</v>
      </c>
      <c r="S64">
        <v>106355.72930000001</v>
      </c>
      <c r="T64">
        <v>32767.881560000002</v>
      </c>
      <c r="U64">
        <v>17613.668430000002</v>
      </c>
      <c r="W64" s="83">
        <f>Bühler!N96</f>
        <v>45294.583333333183</v>
      </c>
      <c r="X64" s="83">
        <v>43103.583333333336</v>
      </c>
      <c r="Y64">
        <v>146607.08799999999</v>
      </c>
      <c r="Z64">
        <v>33969.183420000001</v>
      </c>
      <c r="AA64">
        <v>98822.397129999998</v>
      </c>
      <c r="AB64">
        <v>39037.474430000002</v>
      </c>
      <c r="AC64">
        <v>46834.69831</v>
      </c>
      <c r="AD64">
        <v>33765.020140000001</v>
      </c>
      <c r="AE64">
        <v>30035.572489999999</v>
      </c>
      <c r="AF64">
        <v>58118.201209999999</v>
      </c>
      <c r="AG64">
        <v>32106.322080000002</v>
      </c>
      <c r="AH64">
        <v>324106.91649999999</v>
      </c>
      <c r="AI64">
        <v>83112.539149999997</v>
      </c>
      <c r="AJ64">
        <v>26505.705590000001</v>
      </c>
      <c r="AK64">
        <v>35723.627860000001</v>
      </c>
      <c r="AL64">
        <v>79843.848450000005</v>
      </c>
      <c r="AM64">
        <v>25959.707160000002</v>
      </c>
      <c r="AN64">
        <v>106355.72930000001</v>
      </c>
      <c r="AO64">
        <v>32767.881560000002</v>
      </c>
      <c r="AP64">
        <v>17613.668430000002</v>
      </c>
    </row>
    <row r="65" spans="2:42" x14ac:dyDescent="0.3">
      <c r="B65">
        <v>61.679960091563316</v>
      </c>
      <c r="C65" s="83">
        <v>43103.625</v>
      </c>
      <c r="D65">
        <v>145466.9467</v>
      </c>
      <c r="E65">
        <v>33253.347520000003</v>
      </c>
      <c r="F65">
        <v>97827.322740000003</v>
      </c>
      <c r="G65">
        <v>38763.079030000001</v>
      </c>
      <c r="H65">
        <v>45747.350559999999</v>
      </c>
      <c r="I65">
        <v>33777.314050000001</v>
      </c>
      <c r="J65">
        <v>29931.50301</v>
      </c>
      <c r="K65">
        <v>56691.594649999999</v>
      </c>
      <c r="L65">
        <v>29936.998629999998</v>
      </c>
      <c r="M65">
        <v>314473.20049999998</v>
      </c>
      <c r="N65">
        <v>81842.607399999994</v>
      </c>
      <c r="O65">
        <v>25982.699379999998</v>
      </c>
      <c r="P65">
        <v>34799.639819999997</v>
      </c>
      <c r="Q65">
        <v>78283.65436</v>
      </c>
      <c r="R65">
        <v>26213.786670000001</v>
      </c>
      <c r="S65">
        <v>103971.15270000001</v>
      </c>
      <c r="T65">
        <v>32879.03456</v>
      </c>
      <c r="U65">
        <v>17530.617310000001</v>
      </c>
      <c r="W65" s="83">
        <f>Bühler!N97</f>
        <v>45294.624999999847</v>
      </c>
      <c r="X65" s="83">
        <v>43103.625</v>
      </c>
      <c r="Y65">
        <v>145466.9467</v>
      </c>
      <c r="Z65">
        <v>33253.347520000003</v>
      </c>
      <c r="AA65">
        <v>97827.322740000003</v>
      </c>
      <c r="AB65">
        <v>38763.079030000001</v>
      </c>
      <c r="AC65">
        <v>45747.350559999999</v>
      </c>
      <c r="AD65">
        <v>33777.314050000001</v>
      </c>
      <c r="AE65">
        <v>29931.50301</v>
      </c>
      <c r="AF65">
        <v>56691.594649999999</v>
      </c>
      <c r="AG65">
        <v>29936.998629999998</v>
      </c>
      <c r="AH65">
        <v>314473.20049999998</v>
      </c>
      <c r="AI65">
        <v>81842.607399999994</v>
      </c>
      <c r="AJ65">
        <v>25982.699379999998</v>
      </c>
      <c r="AK65">
        <v>34799.639819999997</v>
      </c>
      <c r="AL65">
        <v>78283.65436</v>
      </c>
      <c r="AM65">
        <v>26213.786670000001</v>
      </c>
      <c r="AN65">
        <v>103971.15270000001</v>
      </c>
      <c r="AO65">
        <v>32879.03456</v>
      </c>
      <c r="AP65">
        <v>17530.617310000001</v>
      </c>
    </row>
    <row r="66" spans="2:42" x14ac:dyDescent="0.3">
      <c r="B66">
        <v>60.643961941191307</v>
      </c>
      <c r="C66" s="83">
        <v>43103.666666666664</v>
      </c>
      <c r="D66">
        <v>143034.96739999999</v>
      </c>
      <c r="E66">
        <v>31595.83855</v>
      </c>
      <c r="F66">
        <v>97206.20998</v>
      </c>
      <c r="G66">
        <v>39105.080370000003</v>
      </c>
      <c r="H66">
        <v>45630.382160000001</v>
      </c>
      <c r="I66">
        <v>35234.859179999999</v>
      </c>
      <c r="J66">
        <v>29780.33063</v>
      </c>
      <c r="K66">
        <v>53315.850030000001</v>
      </c>
      <c r="L66">
        <v>28405.444589999999</v>
      </c>
      <c r="M66">
        <v>309191.19880000001</v>
      </c>
      <c r="N66">
        <v>78390.631810000006</v>
      </c>
      <c r="O66">
        <v>26132.712510000001</v>
      </c>
      <c r="P66">
        <v>36793.686849999998</v>
      </c>
      <c r="Q66">
        <v>77587.700889999993</v>
      </c>
      <c r="R66">
        <v>24165.10038</v>
      </c>
      <c r="S66">
        <v>103652.936</v>
      </c>
      <c r="T66">
        <v>32852.098259999999</v>
      </c>
      <c r="U66">
        <v>17422.022649999999</v>
      </c>
      <c r="W66" s="83">
        <f>Bühler!N98</f>
        <v>45294.666666666511</v>
      </c>
      <c r="X66" s="83">
        <v>43103.666666666664</v>
      </c>
      <c r="Y66">
        <v>143034.96739999999</v>
      </c>
      <c r="Z66">
        <v>31595.83855</v>
      </c>
      <c r="AA66">
        <v>97206.20998</v>
      </c>
      <c r="AB66">
        <v>39105.080370000003</v>
      </c>
      <c r="AC66">
        <v>45630.382160000001</v>
      </c>
      <c r="AD66">
        <v>35234.859179999999</v>
      </c>
      <c r="AE66">
        <v>29780.33063</v>
      </c>
      <c r="AF66">
        <v>53315.850030000001</v>
      </c>
      <c r="AG66">
        <v>28405.444589999999</v>
      </c>
      <c r="AH66">
        <v>309191.19880000001</v>
      </c>
      <c r="AI66">
        <v>78390.631810000006</v>
      </c>
      <c r="AJ66">
        <v>26132.712510000001</v>
      </c>
      <c r="AK66">
        <v>36793.686849999998</v>
      </c>
      <c r="AL66">
        <v>77587.700889999993</v>
      </c>
      <c r="AM66">
        <v>24165.10038</v>
      </c>
      <c r="AN66">
        <v>103652.936</v>
      </c>
      <c r="AO66">
        <v>32852.098259999999</v>
      </c>
      <c r="AP66">
        <v>17422.022649999999</v>
      </c>
    </row>
    <row r="67" spans="2:42" x14ac:dyDescent="0.3">
      <c r="B67">
        <v>59.566101515835989</v>
      </c>
      <c r="C67" s="83">
        <v>43103.708333333336</v>
      </c>
      <c r="D67">
        <v>141212.59280000001</v>
      </c>
      <c r="E67">
        <v>30420.28037</v>
      </c>
      <c r="F67">
        <v>98185.567169999995</v>
      </c>
      <c r="G67">
        <v>40447.876409999997</v>
      </c>
      <c r="H67">
        <v>47021.726999999999</v>
      </c>
      <c r="I67">
        <v>35633.199849999997</v>
      </c>
      <c r="J67">
        <v>31252.836589999999</v>
      </c>
      <c r="K67">
        <v>50283.325360000003</v>
      </c>
      <c r="L67">
        <v>28639.203160000001</v>
      </c>
      <c r="M67">
        <v>303695.76370000001</v>
      </c>
      <c r="N67">
        <v>77005.058229999995</v>
      </c>
      <c r="O67">
        <v>25822.656999999999</v>
      </c>
      <c r="P67">
        <v>38390.669150000002</v>
      </c>
      <c r="Q67">
        <v>75958.6535</v>
      </c>
      <c r="R67">
        <v>24694.705030000001</v>
      </c>
      <c r="S67">
        <v>105659.9691</v>
      </c>
      <c r="T67">
        <v>33816.034809999997</v>
      </c>
      <c r="U67">
        <v>18331.763180000002</v>
      </c>
      <c r="W67" s="83">
        <f>Bühler!N99</f>
        <v>45294.708333333176</v>
      </c>
      <c r="X67" s="83">
        <v>43103.708333333336</v>
      </c>
      <c r="Y67">
        <v>141212.59280000001</v>
      </c>
      <c r="Z67">
        <v>30420.28037</v>
      </c>
      <c r="AA67">
        <v>98185.567169999995</v>
      </c>
      <c r="AB67">
        <v>40447.876409999997</v>
      </c>
      <c r="AC67">
        <v>47021.726999999999</v>
      </c>
      <c r="AD67">
        <v>35633.199849999997</v>
      </c>
      <c r="AE67">
        <v>31252.836589999999</v>
      </c>
      <c r="AF67">
        <v>50283.325360000003</v>
      </c>
      <c r="AG67">
        <v>28639.203160000001</v>
      </c>
      <c r="AH67">
        <v>303695.76370000001</v>
      </c>
      <c r="AI67">
        <v>77005.058229999995</v>
      </c>
      <c r="AJ67">
        <v>25822.656999999999</v>
      </c>
      <c r="AK67">
        <v>38390.669150000002</v>
      </c>
      <c r="AL67">
        <v>75958.6535</v>
      </c>
      <c r="AM67">
        <v>24694.705030000001</v>
      </c>
      <c r="AN67">
        <v>105659.9691</v>
      </c>
      <c r="AO67">
        <v>33816.034809999997</v>
      </c>
      <c r="AP67">
        <v>18331.763180000002</v>
      </c>
    </row>
    <row r="68" spans="2:42" x14ac:dyDescent="0.3">
      <c r="B68">
        <v>57.90511367517648</v>
      </c>
      <c r="C68" s="83">
        <v>43103.75</v>
      </c>
      <c r="D68">
        <v>138960.533</v>
      </c>
      <c r="E68">
        <v>26774.73833</v>
      </c>
      <c r="F68">
        <v>92275.922130000006</v>
      </c>
      <c r="G68">
        <v>40466.752</v>
      </c>
      <c r="H68">
        <v>45047.079819999999</v>
      </c>
      <c r="I68">
        <v>35829.520080000002</v>
      </c>
      <c r="J68">
        <v>32040.089199999999</v>
      </c>
      <c r="K68">
        <v>45947.19096</v>
      </c>
      <c r="L68">
        <v>28214.521959999998</v>
      </c>
      <c r="M68">
        <v>295227.27309999999</v>
      </c>
      <c r="N68">
        <v>76843.275689999995</v>
      </c>
      <c r="O68">
        <v>24839.44354</v>
      </c>
      <c r="P68">
        <v>41197.229610000002</v>
      </c>
      <c r="Q68">
        <v>74795.696609999999</v>
      </c>
      <c r="R68">
        <v>22032.612509999999</v>
      </c>
      <c r="S68">
        <v>101316.9614</v>
      </c>
      <c r="T68">
        <v>33691.740160000001</v>
      </c>
      <c r="U68">
        <v>17995.967909999999</v>
      </c>
      <c r="W68" s="83">
        <f>Bühler!N100</f>
        <v>45294.74999999984</v>
      </c>
      <c r="X68" s="83">
        <v>43103.75</v>
      </c>
      <c r="Y68">
        <v>138960.533</v>
      </c>
      <c r="Z68">
        <v>26774.73833</v>
      </c>
      <c r="AA68">
        <v>92275.922130000006</v>
      </c>
      <c r="AB68">
        <v>40466.752</v>
      </c>
      <c r="AC68">
        <v>45047.079819999999</v>
      </c>
      <c r="AD68">
        <v>35829.520080000002</v>
      </c>
      <c r="AE68">
        <v>32040.089199999999</v>
      </c>
      <c r="AF68">
        <v>45947.19096</v>
      </c>
      <c r="AG68">
        <v>28214.521959999998</v>
      </c>
      <c r="AH68">
        <v>295227.27309999999</v>
      </c>
      <c r="AI68">
        <v>76843.275689999995</v>
      </c>
      <c r="AJ68">
        <v>24839.44354</v>
      </c>
      <c r="AK68">
        <v>41197.229610000002</v>
      </c>
      <c r="AL68">
        <v>74795.696609999999</v>
      </c>
      <c r="AM68">
        <v>22032.612509999999</v>
      </c>
      <c r="AN68">
        <v>101316.9614</v>
      </c>
      <c r="AO68">
        <v>33691.740160000001</v>
      </c>
      <c r="AP68">
        <v>17995.967909999999</v>
      </c>
    </row>
    <row r="69" spans="2:42" x14ac:dyDescent="0.3">
      <c r="B69">
        <v>56.707665895682403</v>
      </c>
      <c r="C69" s="83">
        <v>43103.791666666664</v>
      </c>
      <c r="D69">
        <v>136680.4515</v>
      </c>
      <c r="E69">
        <v>22760.667710000002</v>
      </c>
      <c r="F69">
        <v>78981.489430000001</v>
      </c>
      <c r="G69">
        <v>39707.020770000003</v>
      </c>
      <c r="H69">
        <v>42638.333379999996</v>
      </c>
      <c r="I69">
        <v>33524.808400000002</v>
      </c>
      <c r="J69">
        <v>31654.68591</v>
      </c>
      <c r="K69">
        <v>44980.584069999997</v>
      </c>
      <c r="L69">
        <v>28171.334719999999</v>
      </c>
      <c r="M69">
        <v>289122.12589999998</v>
      </c>
      <c r="N69">
        <v>75145.147540000005</v>
      </c>
      <c r="O69">
        <v>23424.895949999998</v>
      </c>
      <c r="P69">
        <v>41892.270669999998</v>
      </c>
      <c r="Q69">
        <v>72702.355530000001</v>
      </c>
      <c r="R69">
        <v>21173.701420000001</v>
      </c>
      <c r="S69">
        <v>97120.008960000006</v>
      </c>
      <c r="T69">
        <v>31380.75662</v>
      </c>
      <c r="U69">
        <v>16792.531190000002</v>
      </c>
      <c r="W69" s="83">
        <f>Bühler!N101</f>
        <v>45294.791666666504</v>
      </c>
      <c r="X69" s="83">
        <v>43103.791666666664</v>
      </c>
      <c r="Y69">
        <v>136680.4515</v>
      </c>
      <c r="Z69">
        <v>22760.667710000002</v>
      </c>
      <c r="AA69">
        <v>78981.489430000001</v>
      </c>
      <c r="AB69">
        <v>39707.020770000003</v>
      </c>
      <c r="AC69">
        <v>42638.333379999996</v>
      </c>
      <c r="AD69">
        <v>33524.808400000002</v>
      </c>
      <c r="AE69">
        <v>31654.68591</v>
      </c>
      <c r="AF69">
        <v>44980.584069999997</v>
      </c>
      <c r="AG69">
        <v>28171.334719999999</v>
      </c>
      <c r="AH69">
        <v>289122.12589999998</v>
      </c>
      <c r="AI69">
        <v>75145.147540000005</v>
      </c>
      <c r="AJ69">
        <v>23424.895949999998</v>
      </c>
      <c r="AK69">
        <v>41892.270669999998</v>
      </c>
      <c r="AL69">
        <v>72702.355530000001</v>
      </c>
      <c r="AM69">
        <v>21173.701420000001</v>
      </c>
      <c r="AN69">
        <v>97120.008960000006</v>
      </c>
      <c r="AO69">
        <v>31380.75662</v>
      </c>
      <c r="AP69">
        <v>16792.531190000002</v>
      </c>
    </row>
    <row r="70" spans="2:42" x14ac:dyDescent="0.3">
      <c r="B70">
        <v>55.597468765729616</v>
      </c>
      <c r="C70" s="83">
        <v>43103.833333333336</v>
      </c>
      <c r="D70">
        <v>134678.6692</v>
      </c>
      <c r="E70">
        <v>18488.265439999999</v>
      </c>
      <c r="F70">
        <v>62426.692219999997</v>
      </c>
      <c r="G70">
        <v>38701.710709999999</v>
      </c>
      <c r="H70">
        <v>41440.640019999999</v>
      </c>
      <c r="I70">
        <v>30104.917720000001</v>
      </c>
      <c r="J70">
        <v>30631.48357</v>
      </c>
      <c r="K70">
        <v>51207.862330000004</v>
      </c>
      <c r="L70">
        <v>28276.954900000001</v>
      </c>
      <c r="M70">
        <v>283461.82319999998</v>
      </c>
      <c r="N70">
        <v>73318.776509999996</v>
      </c>
      <c r="O70">
        <v>22841.325280000001</v>
      </c>
      <c r="P70">
        <v>42796.918819999999</v>
      </c>
      <c r="Q70">
        <v>70749.690459999998</v>
      </c>
      <c r="R70">
        <v>23488.81523</v>
      </c>
      <c r="S70">
        <v>90005.259229999996</v>
      </c>
      <c r="T70">
        <v>29309.57288</v>
      </c>
      <c r="U70">
        <v>16365.678690000001</v>
      </c>
      <c r="W70" s="83">
        <f>Bühler!N102</f>
        <v>45294.833333333168</v>
      </c>
      <c r="X70" s="83">
        <v>43103.833333333336</v>
      </c>
      <c r="Y70">
        <v>134678.6692</v>
      </c>
      <c r="Z70">
        <v>18488.265439999999</v>
      </c>
      <c r="AA70">
        <v>62426.692219999997</v>
      </c>
      <c r="AB70">
        <v>38701.710709999999</v>
      </c>
      <c r="AC70">
        <v>41440.640019999999</v>
      </c>
      <c r="AD70">
        <v>30104.917720000001</v>
      </c>
      <c r="AE70">
        <v>30631.48357</v>
      </c>
      <c r="AF70">
        <v>51207.862330000004</v>
      </c>
      <c r="AG70">
        <v>28276.954900000001</v>
      </c>
      <c r="AH70">
        <v>283461.82319999998</v>
      </c>
      <c r="AI70">
        <v>73318.776509999996</v>
      </c>
      <c r="AJ70">
        <v>22841.325280000001</v>
      </c>
      <c r="AK70">
        <v>42796.918819999999</v>
      </c>
      <c r="AL70">
        <v>70749.690459999998</v>
      </c>
      <c r="AM70">
        <v>23488.81523</v>
      </c>
      <c r="AN70">
        <v>90005.259229999996</v>
      </c>
      <c r="AO70">
        <v>29309.57288</v>
      </c>
      <c r="AP70">
        <v>16365.678690000001</v>
      </c>
    </row>
    <row r="71" spans="2:42" x14ac:dyDescent="0.3">
      <c r="B71">
        <v>54.018990109555318</v>
      </c>
      <c r="C71" s="83">
        <v>43103.875</v>
      </c>
      <c r="D71">
        <v>131921.9602</v>
      </c>
      <c r="E71">
        <v>16510.654060000001</v>
      </c>
      <c r="F71">
        <v>54964.69571</v>
      </c>
      <c r="G71">
        <v>38451.268400000001</v>
      </c>
      <c r="H71">
        <v>39646.93763</v>
      </c>
      <c r="I71">
        <v>27083.41791</v>
      </c>
      <c r="J71">
        <v>29304.602930000001</v>
      </c>
      <c r="K71">
        <v>51332.513330000002</v>
      </c>
      <c r="L71">
        <v>27053.365089999999</v>
      </c>
      <c r="M71">
        <v>275414.00290000002</v>
      </c>
      <c r="N71">
        <v>70728.889760000005</v>
      </c>
      <c r="O71">
        <v>22580.748960000001</v>
      </c>
      <c r="P71">
        <v>40972.906660000001</v>
      </c>
      <c r="Q71">
        <v>68672.916580000005</v>
      </c>
      <c r="R71">
        <v>21075.654600000002</v>
      </c>
      <c r="S71">
        <v>85218.11318</v>
      </c>
      <c r="T71">
        <v>28105.1852</v>
      </c>
      <c r="U71">
        <v>15589.89948</v>
      </c>
      <c r="W71" s="83">
        <f>Bühler!N103</f>
        <v>45294.874999999833</v>
      </c>
      <c r="X71" s="83">
        <v>43103.875</v>
      </c>
      <c r="Y71">
        <v>131921.9602</v>
      </c>
      <c r="Z71">
        <v>16510.654060000001</v>
      </c>
      <c r="AA71">
        <v>54964.69571</v>
      </c>
      <c r="AB71">
        <v>38451.268400000001</v>
      </c>
      <c r="AC71">
        <v>39646.93763</v>
      </c>
      <c r="AD71">
        <v>27083.41791</v>
      </c>
      <c r="AE71">
        <v>29304.602930000001</v>
      </c>
      <c r="AF71">
        <v>51332.513330000002</v>
      </c>
      <c r="AG71">
        <v>27053.365089999999</v>
      </c>
      <c r="AH71">
        <v>275414.00290000002</v>
      </c>
      <c r="AI71">
        <v>70728.889760000005</v>
      </c>
      <c r="AJ71">
        <v>22580.748960000001</v>
      </c>
      <c r="AK71">
        <v>40972.906660000001</v>
      </c>
      <c r="AL71">
        <v>68672.916580000005</v>
      </c>
      <c r="AM71">
        <v>21075.654600000002</v>
      </c>
      <c r="AN71">
        <v>85218.11318</v>
      </c>
      <c r="AO71">
        <v>28105.1852</v>
      </c>
      <c r="AP71">
        <v>15589.89948</v>
      </c>
    </row>
    <row r="72" spans="2:42" x14ac:dyDescent="0.3">
      <c r="B72">
        <v>54.072716579757909</v>
      </c>
      <c r="C72" s="83">
        <v>43103.916666666664</v>
      </c>
      <c r="D72">
        <v>131734.93049999999</v>
      </c>
      <c r="E72">
        <v>15917.43442</v>
      </c>
      <c r="F72">
        <v>53421.953979999998</v>
      </c>
      <c r="G72">
        <v>38933.1391</v>
      </c>
      <c r="H72">
        <v>39410.325510000002</v>
      </c>
      <c r="I72">
        <v>25799.128909999999</v>
      </c>
      <c r="J72">
        <v>28319.175179999998</v>
      </c>
      <c r="K72">
        <v>53928.02304</v>
      </c>
      <c r="L72">
        <v>24955.960319999998</v>
      </c>
      <c r="M72">
        <v>275687.92550000001</v>
      </c>
      <c r="N72">
        <v>70095.314249999996</v>
      </c>
      <c r="O72">
        <v>23325.824000000001</v>
      </c>
      <c r="P72">
        <v>43257.947090000001</v>
      </c>
      <c r="Q72">
        <v>68546.904599999994</v>
      </c>
      <c r="R72">
        <v>28855.776760000001</v>
      </c>
      <c r="S72">
        <v>84296.295790000004</v>
      </c>
      <c r="T72">
        <v>26880.29451</v>
      </c>
      <c r="U72">
        <v>16585.566009999999</v>
      </c>
      <c r="W72" s="83">
        <f>Bühler!N104</f>
        <v>45294.916666666497</v>
      </c>
      <c r="X72" s="83">
        <v>43103.916666666664</v>
      </c>
      <c r="Y72">
        <v>131734.93049999999</v>
      </c>
      <c r="Z72">
        <v>15917.43442</v>
      </c>
      <c r="AA72">
        <v>53421.953979999998</v>
      </c>
      <c r="AB72">
        <v>38933.1391</v>
      </c>
      <c r="AC72">
        <v>39410.325510000002</v>
      </c>
      <c r="AD72">
        <v>25799.128909999999</v>
      </c>
      <c r="AE72">
        <v>28319.175179999998</v>
      </c>
      <c r="AF72">
        <v>53928.02304</v>
      </c>
      <c r="AG72">
        <v>24955.960319999998</v>
      </c>
      <c r="AH72">
        <v>275687.92550000001</v>
      </c>
      <c r="AI72">
        <v>70095.314249999996</v>
      </c>
      <c r="AJ72">
        <v>23325.824000000001</v>
      </c>
      <c r="AK72">
        <v>43257.947090000001</v>
      </c>
      <c r="AL72">
        <v>68546.904599999994</v>
      </c>
      <c r="AM72">
        <v>28855.776760000001</v>
      </c>
      <c r="AN72">
        <v>84296.295790000004</v>
      </c>
      <c r="AO72">
        <v>26880.29451</v>
      </c>
      <c r="AP72">
        <v>16585.566009999999</v>
      </c>
    </row>
    <row r="73" spans="2:42" x14ac:dyDescent="0.3">
      <c r="B73">
        <v>53.266812622682068</v>
      </c>
      <c r="C73" s="83">
        <v>43103.958333333336</v>
      </c>
      <c r="D73">
        <v>131944.5367</v>
      </c>
      <c r="E73">
        <v>15915.16567</v>
      </c>
      <c r="F73">
        <v>51646.739979999998</v>
      </c>
      <c r="G73">
        <v>38793.159240000001</v>
      </c>
      <c r="H73">
        <v>38794.889499999997</v>
      </c>
      <c r="I73">
        <v>24853.980350000002</v>
      </c>
      <c r="J73">
        <v>26583.693660000001</v>
      </c>
      <c r="K73">
        <v>52769.543250000002</v>
      </c>
      <c r="L73">
        <v>22282.734479999999</v>
      </c>
      <c r="M73">
        <v>271579.05129999999</v>
      </c>
      <c r="N73">
        <v>70119.490080000003</v>
      </c>
      <c r="O73">
        <v>22969.718099999998</v>
      </c>
      <c r="P73">
        <v>39934.327579999997</v>
      </c>
      <c r="Q73">
        <v>67991.631439999997</v>
      </c>
      <c r="R73">
        <v>29183.250769999999</v>
      </c>
      <c r="S73">
        <v>82580.989079999999</v>
      </c>
      <c r="T73">
        <v>28694.372019999999</v>
      </c>
      <c r="U73">
        <v>16007.29307</v>
      </c>
      <c r="W73" s="83">
        <f>Bühler!N105</f>
        <v>45294.958333333161</v>
      </c>
      <c r="X73" s="83">
        <v>43103.958333333336</v>
      </c>
      <c r="Y73">
        <v>131944.5367</v>
      </c>
      <c r="Z73">
        <v>15915.16567</v>
      </c>
      <c r="AA73">
        <v>51646.739979999998</v>
      </c>
      <c r="AB73">
        <v>38793.159240000001</v>
      </c>
      <c r="AC73">
        <v>38794.889499999997</v>
      </c>
      <c r="AD73">
        <v>24853.980350000002</v>
      </c>
      <c r="AE73">
        <v>26583.693660000001</v>
      </c>
      <c r="AF73">
        <v>52769.543250000002</v>
      </c>
      <c r="AG73">
        <v>22282.734479999999</v>
      </c>
      <c r="AH73">
        <v>271579.05129999999</v>
      </c>
      <c r="AI73">
        <v>70119.490080000003</v>
      </c>
      <c r="AJ73">
        <v>22969.718099999998</v>
      </c>
      <c r="AK73">
        <v>39934.327579999997</v>
      </c>
      <c r="AL73">
        <v>67991.631439999997</v>
      </c>
      <c r="AM73">
        <v>29183.250769999999</v>
      </c>
      <c r="AN73">
        <v>82580.989079999999</v>
      </c>
      <c r="AO73">
        <v>28694.372019999999</v>
      </c>
      <c r="AP73">
        <v>16007.29307</v>
      </c>
    </row>
    <row r="74" spans="2:42" x14ac:dyDescent="0.3">
      <c r="B74">
        <v>52.481743126966869</v>
      </c>
      <c r="C74" s="83">
        <v>43104</v>
      </c>
      <c r="D74">
        <v>130791.7436</v>
      </c>
      <c r="E74">
        <v>15301.560729999999</v>
      </c>
      <c r="F74">
        <v>51965.150329999997</v>
      </c>
      <c r="G74">
        <v>38562.103640000001</v>
      </c>
      <c r="H74">
        <v>38000.671479999997</v>
      </c>
      <c r="I74">
        <v>22919.360479999999</v>
      </c>
      <c r="J74">
        <v>25386.531139999999</v>
      </c>
      <c r="K74">
        <v>50637.987829999998</v>
      </c>
      <c r="L74">
        <v>19511.24871</v>
      </c>
      <c r="M74">
        <v>267576.40090000001</v>
      </c>
      <c r="N74">
        <v>69667.23934</v>
      </c>
      <c r="O74">
        <v>22779.113420000001</v>
      </c>
      <c r="P74">
        <v>35635.407270000003</v>
      </c>
      <c r="Q74">
        <v>68334.609779999999</v>
      </c>
      <c r="R74">
        <v>26892.905750000002</v>
      </c>
      <c r="S74">
        <v>81386.204540000006</v>
      </c>
      <c r="T74">
        <v>27654.481879999999</v>
      </c>
      <c r="U74">
        <v>15771.28989</v>
      </c>
      <c r="W74" s="83">
        <f>Bühler!N106</f>
        <v>45294.999999999825</v>
      </c>
      <c r="X74" s="83">
        <v>43104</v>
      </c>
      <c r="Y74">
        <v>130791.7436</v>
      </c>
      <c r="Z74">
        <v>15301.560729999999</v>
      </c>
      <c r="AA74">
        <v>51965.150329999997</v>
      </c>
      <c r="AB74">
        <v>38562.103640000001</v>
      </c>
      <c r="AC74">
        <v>38000.671479999997</v>
      </c>
      <c r="AD74">
        <v>22919.360479999999</v>
      </c>
      <c r="AE74">
        <v>25386.531139999999</v>
      </c>
      <c r="AF74">
        <v>50637.987829999998</v>
      </c>
      <c r="AG74">
        <v>19511.24871</v>
      </c>
      <c r="AH74">
        <v>267576.40090000001</v>
      </c>
      <c r="AI74">
        <v>69667.23934</v>
      </c>
      <c r="AJ74">
        <v>22779.113420000001</v>
      </c>
      <c r="AK74">
        <v>35635.407270000003</v>
      </c>
      <c r="AL74">
        <v>68334.609779999999</v>
      </c>
      <c r="AM74">
        <v>26892.905750000002</v>
      </c>
      <c r="AN74">
        <v>81386.204540000006</v>
      </c>
      <c r="AO74">
        <v>27654.481879999999</v>
      </c>
      <c r="AP74">
        <v>15771.28989</v>
      </c>
    </row>
    <row r="75" spans="2:42" x14ac:dyDescent="0.3">
      <c r="B75">
        <v>52.123362257613287</v>
      </c>
      <c r="C75" s="83">
        <v>43104.041666666664</v>
      </c>
      <c r="D75">
        <v>130032.59669999999</v>
      </c>
      <c r="E75">
        <v>15347.50483</v>
      </c>
      <c r="F75">
        <v>53049.332779999997</v>
      </c>
      <c r="G75">
        <v>38152.13751</v>
      </c>
      <c r="H75">
        <v>37913.501689999997</v>
      </c>
      <c r="I75">
        <v>19784.90799</v>
      </c>
      <c r="J75">
        <v>25050.565279999999</v>
      </c>
      <c r="K75">
        <v>49769.723899999997</v>
      </c>
      <c r="L75">
        <v>18832.28846</v>
      </c>
      <c r="M75">
        <v>265749.20809999999</v>
      </c>
      <c r="N75">
        <v>68349.730720000007</v>
      </c>
      <c r="O75">
        <v>23029.584019999998</v>
      </c>
      <c r="P75">
        <v>34290.667979999998</v>
      </c>
      <c r="Q75">
        <v>68682.374920000002</v>
      </c>
      <c r="R75">
        <v>26639.031370000001</v>
      </c>
      <c r="S75">
        <v>80371.968540000002</v>
      </c>
      <c r="T75">
        <v>27033.45595</v>
      </c>
      <c r="U75">
        <v>15912.08005</v>
      </c>
      <c r="W75" s="83">
        <f>Bühler!N107</f>
        <v>45295.04166666649</v>
      </c>
      <c r="X75" s="83">
        <v>43104.041666666664</v>
      </c>
      <c r="Y75">
        <v>130032.59669999999</v>
      </c>
      <c r="Z75">
        <v>15347.50483</v>
      </c>
      <c r="AA75">
        <v>53049.332779999997</v>
      </c>
      <c r="AB75">
        <v>38152.13751</v>
      </c>
      <c r="AC75">
        <v>37913.501689999997</v>
      </c>
      <c r="AD75">
        <v>19784.90799</v>
      </c>
      <c r="AE75">
        <v>25050.565279999999</v>
      </c>
      <c r="AF75">
        <v>49769.723899999997</v>
      </c>
      <c r="AG75">
        <v>18832.28846</v>
      </c>
      <c r="AH75">
        <v>265749.20809999999</v>
      </c>
      <c r="AI75">
        <v>68349.730720000007</v>
      </c>
      <c r="AJ75">
        <v>23029.584019999998</v>
      </c>
      <c r="AK75">
        <v>34290.667979999998</v>
      </c>
      <c r="AL75">
        <v>68682.374920000002</v>
      </c>
      <c r="AM75">
        <v>26639.031370000001</v>
      </c>
      <c r="AN75">
        <v>80371.968540000002</v>
      </c>
      <c r="AO75">
        <v>27033.45595</v>
      </c>
      <c r="AP75">
        <v>15912.08005</v>
      </c>
    </row>
    <row r="76" spans="2:42" x14ac:dyDescent="0.3">
      <c r="B76">
        <v>52.444968734938989</v>
      </c>
      <c r="C76" s="83">
        <v>43104.083333333336</v>
      </c>
      <c r="D76">
        <v>130173.4414</v>
      </c>
      <c r="E76">
        <v>15166.9452</v>
      </c>
      <c r="F76">
        <v>54254.675309999999</v>
      </c>
      <c r="G76">
        <v>37612.222779999996</v>
      </c>
      <c r="H76">
        <v>37105.209690000003</v>
      </c>
      <c r="I76">
        <v>18299.313180000001</v>
      </c>
      <c r="J76">
        <v>24818.648740000001</v>
      </c>
      <c r="K76">
        <v>48432.668530000003</v>
      </c>
      <c r="L76">
        <v>18459.544809999999</v>
      </c>
      <c r="M76">
        <v>267388.90789999999</v>
      </c>
      <c r="N76">
        <v>66937.567219999997</v>
      </c>
      <c r="O76">
        <v>22861.119119999999</v>
      </c>
      <c r="P76">
        <v>32205.5821</v>
      </c>
      <c r="Q76">
        <v>69372.209830000007</v>
      </c>
      <c r="R76">
        <v>26128.037990000001</v>
      </c>
      <c r="S76">
        <v>79301.167929999996</v>
      </c>
      <c r="T76">
        <v>26764.216329999999</v>
      </c>
      <c r="U76">
        <v>15798.39422</v>
      </c>
      <c r="W76" s="83">
        <f>Bühler!N108</f>
        <v>45295.083333333154</v>
      </c>
      <c r="X76" s="83">
        <v>43104.083333333336</v>
      </c>
      <c r="Y76">
        <v>130173.4414</v>
      </c>
      <c r="Z76">
        <v>15166.9452</v>
      </c>
      <c r="AA76">
        <v>54254.675309999999</v>
      </c>
      <c r="AB76">
        <v>37612.222779999996</v>
      </c>
      <c r="AC76">
        <v>37105.209690000003</v>
      </c>
      <c r="AD76">
        <v>18299.313180000001</v>
      </c>
      <c r="AE76">
        <v>24818.648740000001</v>
      </c>
      <c r="AF76">
        <v>48432.668530000003</v>
      </c>
      <c r="AG76">
        <v>18459.544809999999</v>
      </c>
      <c r="AH76">
        <v>267388.90789999999</v>
      </c>
      <c r="AI76">
        <v>66937.567219999997</v>
      </c>
      <c r="AJ76">
        <v>22861.119119999999</v>
      </c>
      <c r="AK76">
        <v>32205.5821</v>
      </c>
      <c r="AL76">
        <v>69372.209830000007</v>
      </c>
      <c r="AM76">
        <v>26128.037990000001</v>
      </c>
      <c r="AN76">
        <v>79301.167929999996</v>
      </c>
      <c r="AO76">
        <v>26764.216329999999</v>
      </c>
      <c r="AP76">
        <v>15798.39422</v>
      </c>
    </row>
    <row r="77" spans="2:42" x14ac:dyDescent="0.3">
      <c r="B77">
        <v>52.214432820574366</v>
      </c>
      <c r="C77" s="83">
        <v>43104.125</v>
      </c>
      <c r="D77">
        <v>129831.8309</v>
      </c>
      <c r="E77">
        <v>15340.663920000001</v>
      </c>
      <c r="F77">
        <v>55434.306969999998</v>
      </c>
      <c r="G77">
        <v>36666.504910000003</v>
      </c>
      <c r="H77">
        <v>37311.181640000003</v>
      </c>
      <c r="I77">
        <v>17868.898399999998</v>
      </c>
      <c r="J77">
        <v>24895.95938</v>
      </c>
      <c r="K77">
        <v>47084.088530000001</v>
      </c>
      <c r="L77">
        <v>18137.71069</v>
      </c>
      <c r="M77">
        <v>266213.52830000001</v>
      </c>
      <c r="N77">
        <v>66070.510200000004</v>
      </c>
      <c r="O77">
        <v>22929.86364</v>
      </c>
      <c r="P77">
        <v>32173.949400000001</v>
      </c>
      <c r="Q77">
        <v>69641.707169999994</v>
      </c>
      <c r="R77">
        <v>24681.295969999999</v>
      </c>
      <c r="S77">
        <v>78476.523539999995</v>
      </c>
      <c r="T77">
        <v>26740.065900000001</v>
      </c>
      <c r="U77">
        <v>16415.45059</v>
      </c>
      <c r="W77" s="83">
        <f>Bühler!N109</f>
        <v>45295.124999999818</v>
      </c>
      <c r="X77" s="83">
        <v>43104.125</v>
      </c>
      <c r="Y77">
        <v>129831.8309</v>
      </c>
      <c r="Z77">
        <v>15340.663920000001</v>
      </c>
      <c r="AA77">
        <v>55434.306969999998</v>
      </c>
      <c r="AB77">
        <v>36666.504910000003</v>
      </c>
      <c r="AC77">
        <v>37311.181640000003</v>
      </c>
      <c r="AD77">
        <v>17868.898399999998</v>
      </c>
      <c r="AE77">
        <v>24895.95938</v>
      </c>
      <c r="AF77">
        <v>47084.088530000001</v>
      </c>
      <c r="AG77">
        <v>18137.71069</v>
      </c>
      <c r="AH77">
        <v>266213.52830000001</v>
      </c>
      <c r="AI77">
        <v>66070.510200000004</v>
      </c>
      <c r="AJ77">
        <v>22929.86364</v>
      </c>
      <c r="AK77">
        <v>32173.949400000001</v>
      </c>
      <c r="AL77">
        <v>69641.707169999994</v>
      </c>
      <c r="AM77">
        <v>24681.295969999999</v>
      </c>
      <c r="AN77">
        <v>78476.523539999995</v>
      </c>
      <c r="AO77">
        <v>26740.065900000001</v>
      </c>
      <c r="AP77">
        <v>16415.45059</v>
      </c>
    </row>
    <row r="78" spans="2:42" x14ac:dyDescent="0.3">
      <c r="B78">
        <v>52.956254369708944</v>
      </c>
      <c r="C78" s="83">
        <v>43104.166666666664</v>
      </c>
      <c r="D78">
        <v>128720.0153</v>
      </c>
      <c r="E78">
        <v>15661.02685</v>
      </c>
      <c r="F78">
        <v>63749.892019999999</v>
      </c>
      <c r="G78">
        <v>36501.731110000001</v>
      </c>
      <c r="H78">
        <v>38303.876100000001</v>
      </c>
      <c r="I78">
        <v>19841.54795</v>
      </c>
      <c r="J78">
        <v>26453.912990000001</v>
      </c>
      <c r="K78">
        <v>45491.418060000004</v>
      </c>
      <c r="L78">
        <v>17719.13796</v>
      </c>
      <c r="M78">
        <v>269995.68050000002</v>
      </c>
      <c r="N78">
        <v>64988.09259</v>
      </c>
      <c r="O78">
        <v>23145.681639999999</v>
      </c>
      <c r="P78">
        <v>31600.274669999999</v>
      </c>
      <c r="Q78">
        <v>71039.394639999999</v>
      </c>
      <c r="R78">
        <v>24486.6643</v>
      </c>
      <c r="S78">
        <v>79640.361950000006</v>
      </c>
      <c r="T78">
        <v>26785.750909999999</v>
      </c>
      <c r="U78">
        <v>16649.29074</v>
      </c>
      <c r="W78" s="83">
        <f>Bühler!N110</f>
        <v>45295.166666666482</v>
      </c>
      <c r="X78" s="83">
        <v>43104.166666666664</v>
      </c>
      <c r="Y78">
        <v>128720.0153</v>
      </c>
      <c r="Z78">
        <v>15661.02685</v>
      </c>
      <c r="AA78">
        <v>63749.892019999999</v>
      </c>
      <c r="AB78">
        <v>36501.731110000001</v>
      </c>
      <c r="AC78">
        <v>38303.876100000001</v>
      </c>
      <c r="AD78">
        <v>19841.54795</v>
      </c>
      <c r="AE78">
        <v>26453.912990000001</v>
      </c>
      <c r="AF78">
        <v>45491.418060000004</v>
      </c>
      <c r="AG78">
        <v>17719.13796</v>
      </c>
      <c r="AH78">
        <v>269995.68050000002</v>
      </c>
      <c r="AI78">
        <v>64988.09259</v>
      </c>
      <c r="AJ78">
        <v>23145.681639999999</v>
      </c>
      <c r="AK78">
        <v>31600.274669999999</v>
      </c>
      <c r="AL78">
        <v>71039.394639999999</v>
      </c>
      <c r="AM78">
        <v>24486.6643</v>
      </c>
      <c r="AN78">
        <v>79640.361950000006</v>
      </c>
      <c r="AO78">
        <v>26785.750909999999</v>
      </c>
      <c r="AP78">
        <v>16649.29074</v>
      </c>
    </row>
    <row r="79" spans="2:42" x14ac:dyDescent="0.3">
      <c r="B79">
        <v>54.989352306376716</v>
      </c>
      <c r="C79" s="83">
        <v>43104.208333333336</v>
      </c>
      <c r="D79">
        <v>129887.5952</v>
      </c>
      <c r="E79">
        <v>17216.53656</v>
      </c>
      <c r="F79">
        <v>73534.278579999998</v>
      </c>
      <c r="G79">
        <v>37353.758170000001</v>
      </c>
      <c r="H79">
        <v>39577.710930000001</v>
      </c>
      <c r="I79">
        <v>26578.033729999999</v>
      </c>
      <c r="J79">
        <v>28242.122299999999</v>
      </c>
      <c r="K79">
        <v>46002.463889999999</v>
      </c>
      <c r="L79">
        <v>18275.723569999998</v>
      </c>
      <c r="M79">
        <v>280361.36190000002</v>
      </c>
      <c r="N79">
        <v>66914.439050000001</v>
      </c>
      <c r="O79">
        <v>23527.27908</v>
      </c>
      <c r="P79">
        <v>31696.435079999999</v>
      </c>
      <c r="Q79">
        <v>72353.392099999997</v>
      </c>
      <c r="R79">
        <v>24791.497370000001</v>
      </c>
      <c r="S79">
        <v>82597.83653</v>
      </c>
      <c r="T79">
        <v>27901.416120000002</v>
      </c>
      <c r="U79">
        <v>17100.857059999998</v>
      </c>
      <c r="W79" s="83">
        <f>Bühler!N111</f>
        <v>45295.208333333147</v>
      </c>
      <c r="X79" s="83">
        <v>43104.208333333336</v>
      </c>
      <c r="Y79">
        <v>129887.5952</v>
      </c>
      <c r="Z79">
        <v>17216.53656</v>
      </c>
      <c r="AA79">
        <v>73534.278579999998</v>
      </c>
      <c r="AB79">
        <v>37353.758170000001</v>
      </c>
      <c r="AC79">
        <v>39577.710930000001</v>
      </c>
      <c r="AD79">
        <v>26578.033729999999</v>
      </c>
      <c r="AE79">
        <v>28242.122299999999</v>
      </c>
      <c r="AF79">
        <v>46002.463889999999</v>
      </c>
      <c r="AG79">
        <v>18275.723569999998</v>
      </c>
      <c r="AH79">
        <v>280361.36190000002</v>
      </c>
      <c r="AI79">
        <v>66914.439050000001</v>
      </c>
      <c r="AJ79">
        <v>23527.27908</v>
      </c>
      <c r="AK79">
        <v>31696.435079999999</v>
      </c>
      <c r="AL79">
        <v>72353.392099999997</v>
      </c>
      <c r="AM79">
        <v>24791.497370000001</v>
      </c>
      <c r="AN79">
        <v>82597.83653</v>
      </c>
      <c r="AO79">
        <v>27901.416120000002</v>
      </c>
      <c r="AP79">
        <v>17100.857059999998</v>
      </c>
    </row>
    <row r="80" spans="2:42" x14ac:dyDescent="0.3">
      <c r="B80">
        <v>57.28546480665257</v>
      </c>
      <c r="C80" s="83">
        <v>43104.25</v>
      </c>
      <c r="D80">
        <v>133831.8118</v>
      </c>
      <c r="E80">
        <v>20636.710470000002</v>
      </c>
      <c r="F80">
        <v>82588.150959999999</v>
      </c>
      <c r="G80">
        <v>39708.152750000001</v>
      </c>
      <c r="H80">
        <v>41568.255839999998</v>
      </c>
      <c r="I80">
        <v>32210.307860000001</v>
      </c>
      <c r="J80">
        <v>30984.098620000001</v>
      </c>
      <c r="K80">
        <v>47211.17942</v>
      </c>
      <c r="L80">
        <v>20445.838199999998</v>
      </c>
      <c r="M80">
        <v>292068.01419999998</v>
      </c>
      <c r="N80">
        <v>69179.99222</v>
      </c>
      <c r="O80">
        <v>24309.267629999998</v>
      </c>
      <c r="P80">
        <v>30388.89214</v>
      </c>
      <c r="Q80">
        <v>72027.583960000004</v>
      </c>
      <c r="R80">
        <v>21540.894209999999</v>
      </c>
      <c r="S80">
        <v>90828.605859999996</v>
      </c>
      <c r="T80">
        <v>30007.480619999998</v>
      </c>
      <c r="U80">
        <v>17014.100480000001</v>
      </c>
      <c r="W80" s="83">
        <f>Bühler!N112</f>
        <v>45295.249999999811</v>
      </c>
      <c r="X80" s="83">
        <v>43104.25</v>
      </c>
      <c r="Y80">
        <v>133831.8118</v>
      </c>
      <c r="Z80">
        <v>20636.710470000002</v>
      </c>
      <c r="AA80">
        <v>82588.150959999999</v>
      </c>
      <c r="AB80">
        <v>39708.152750000001</v>
      </c>
      <c r="AC80">
        <v>41568.255839999998</v>
      </c>
      <c r="AD80">
        <v>32210.307860000001</v>
      </c>
      <c r="AE80">
        <v>30984.098620000001</v>
      </c>
      <c r="AF80">
        <v>47211.17942</v>
      </c>
      <c r="AG80">
        <v>20445.838199999998</v>
      </c>
      <c r="AH80">
        <v>292068.01419999998</v>
      </c>
      <c r="AI80">
        <v>69179.99222</v>
      </c>
      <c r="AJ80">
        <v>24309.267629999998</v>
      </c>
      <c r="AK80">
        <v>30388.89214</v>
      </c>
      <c r="AL80">
        <v>72027.583960000004</v>
      </c>
      <c r="AM80">
        <v>21540.894209999999</v>
      </c>
      <c r="AN80">
        <v>90828.605859999996</v>
      </c>
      <c r="AO80">
        <v>30007.480619999998</v>
      </c>
      <c r="AP80">
        <v>17014.100480000001</v>
      </c>
    </row>
    <row r="81" spans="2:42" x14ac:dyDescent="0.3">
      <c r="B81">
        <v>57.89979301633899</v>
      </c>
      <c r="C81" s="83">
        <v>43104.291666666664</v>
      </c>
      <c r="D81">
        <v>138281.82430000001</v>
      </c>
      <c r="E81">
        <v>24350.794389999999</v>
      </c>
      <c r="F81">
        <v>86107.191690000007</v>
      </c>
      <c r="G81">
        <v>41639.05947</v>
      </c>
      <c r="H81">
        <v>45484.82099</v>
      </c>
      <c r="I81">
        <v>37872.684730000001</v>
      </c>
      <c r="J81">
        <v>33123.723639999997</v>
      </c>
      <c r="K81">
        <v>49151.36634</v>
      </c>
      <c r="L81">
        <v>23664.414420000001</v>
      </c>
      <c r="M81">
        <v>295200.1459</v>
      </c>
      <c r="N81">
        <v>72382.28284</v>
      </c>
      <c r="O81">
        <v>26174.336200000002</v>
      </c>
      <c r="P81">
        <v>32998.985639999999</v>
      </c>
      <c r="Q81">
        <v>71561.821769999995</v>
      </c>
      <c r="R81">
        <v>23315.493009999998</v>
      </c>
      <c r="S81">
        <v>104522.6675</v>
      </c>
      <c r="T81">
        <v>29763.895530000002</v>
      </c>
      <c r="U81">
        <v>18525.71559</v>
      </c>
      <c r="W81" s="83">
        <f>Bühler!N113</f>
        <v>45295.291666666475</v>
      </c>
      <c r="X81" s="83">
        <v>43104.291666666664</v>
      </c>
      <c r="Y81">
        <v>138281.82430000001</v>
      </c>
      <c r="Z81">
        <v>24350.794389999999</v>
      </c>
      <c r="AA81">
        <v>86107.191690000007</v>
      </c>
      <c r="AB81">
        <v>41639.05947</v>
      </c>
      <c r="AC81">
        <v>45484.82099</v>
      </c>
      <c r="AD81">
        <v>37872.684730000001</v>
      </c>
      <c r="AE81">
        <v>33123.723639999997</v>
      </c>
      <c r="AF81">
        <v>49151.36634</v>
      </c>
      <c r="AG81">
        <v>23664.414420000001</v>
      </c>
      <c r="AH81">
        <v>295200.1459</v>
      </c>
      <c r="AI81">
        <v>72382.28284</v>
      </c>
      <c r="AJ81">
        <v>26174.336200000002</v>
      </c>
      <c r="AK81">
        <v>32998.985639999999</v>
      </c>
      <c r="AL81">
        <v>71561.821769999995</v>
      </c>
      <c r="AM81">
        <v>23315.493009999998</v>
      </c>
      <c r="AN81">
        <v>104522.6675</v>
      </c>
      <c r="AO81">
        <v>29763.895530000002</v>
      </c>
      <c r="AP81">
        <v>18525.71559</v>
      </c>
    </row>
    <row r="82" spans="2:42" x14ac:dyDescent="0.3">
      <c r="B82">
        <v>57.870831228598057</v>
      </c>
      <c r="C82" s="83">
        <v>43104.333333333336</v>
      </c>
      <c r="D82">
        <v>142221.1985</v>
      </c>
      <c r="E82">
        <v>29703.48861</v>
      </c>
      <c r="F82">
        <v>93648.86593</v>
      </c>
      <c r="G82">
        <v>43275.646220000002</v>
      </c>
      <c r="H82">
        <v>47522.746090000001</v>
      </c>
      <c r="I82">
        <v>39240.856330000002</v>
      </c>
      <c r="J82">
        <v>33897.066019999998</v>
      </c>
      <c r="K82">
        <v>51554.30992</v>
      </c>
      <c r="L82">
        <v>26732.18867</v>
      </c>
      <c r="M82">
        <v>295052.4852</v>
      </c>
      <c r="N82">
        <v>78245.663939999999</v>
      </c>
      <c r="O82">
        <v>27454.797190000001</v>
      </c>
      <c r="P82">
        <v>36130.95319</v>
      </c>
      <c r="Q82">
        <v>71278.453500000003</v>
      </c>
      <c r="R82">
        <v>24237.901709999998</v>
      </c>
      <c r="S82">
        <v>114994.5098</v>
      </c>
      <c r="T82">
        <v>31393.073219999998</v>
      </c>
      <c r="U82">
        <v>19084.599750000001</v>
      </c>
      <c r="W82" s="83">
        <f>Bühler!N114</f>
        <v>45295.333333333139</v>
      </c>
      <c r="X82" s="83">
        <v>43104.333333333336</v>
      </c>
      <c r="Y82">
        <v>142221.1985</v>
      </c>
      <c r="Z82">
        <v>29703.48861</v>
      </c>
      <c r="AA82">
        <v>93648.86593</v>
      </c>
      <c r="AB82">
        <v>43275.646220000002</v>
      </c>
      <c r="AC82">
        <v>47522.746090000001</v>
      </c>
      <c r="AD82">
        <v>39240.856330000002</v>
      </c>
      <c r="AE82">
        <v>33897.066019999998</v>
      </c>
      <c r="AF82">
        <v>51554.30992</v>
      </c>
      <c r="AG82">
        <v>26732.18867</v>
      </c>
      <c r="AH82">
        <v>295052.4852</v>
      </c>
      <c r="AI82">
        <v>78245.663939999999</v>
      </c>
      <c r="AJ82">
        <v>27454.797190000001</v>
      </c>
      <c r="AK82">
        <v>36130.95319</v>
      </c>
      <c r="AL82">
        <v>71278.453500000003</v>
      </c>
      <c r="AM82">
        <v>24237.901709999998</v>
      </c>
      <c r="AN82">
        <v>114994.5098</v>
      </c>
      <c r="AO82">
        <v>31393.073219999998</v>
      </c>
      <c r="AP82">
        <v>19084.599750000001</v>
      </c>
    </row>
    <row r="83" spans="2:42" x14ac:dyDescent="0.3">
      <c r="B83">
        <v>56.882445749119313</v>
      </c>
      <c r="C83" s="83">
        <v>43104.375</v>
      </c>
      <c r="D83">
        <v>141407.07569999999</v>
      </c>
      <c r="E83">
        <v>33359.715579999996</v>
      </c>
      <c r="F83">
        <v>98289.840700000001</v>
      </c>
      <c r="G83">
        <v>43014.030570000003</v>
      </c>
      <c r="H83">
        <v>46978.2088</v>
      </c>
      <c r="I83">
        <v>36913.123650000001</v>
      </c>
      <c r="J83">
        <v>32165.800490000001</v>
      </c>
      <c r="K83">
        <v>50479.335740000002</v>
      </c>
      <c r="L83">
        <v>28962.776440000001</v>
      </c>
      <c r="M83">
        <v>290013.23509999999</v>
      </c>
      <c r="N83">
        <v>83028.449659999998</v>
      </c>
      <c r="O83">
        <v>26713.669709999998</v>
      </c>
      <c r="P83">
        <v>39203.668740000001</v>
      </c>
      <c r="Q83">
        <v>69021.906610000005</v>
      </c>
      <c r="R83">
        <v>23239.65868</v>
      </c>
      <c r="S83">
        <v>118249.65</v>
      </c>
      <c r="T83">
        <v>32594.786400000001</v>
      </c>
      <c r="U83">
        <v>18454.725610000001</v>
      </c>
      <c r="W83" s="83">
        <f>Bühler!N115</f>
        <v>45295.374999999804</v>
      </c>
      <c r="X83" s="83">
        <v>43104.375</v>
      </c>
      <c r="Y83">
        <v>141407.07569999999</v>
      </c>
      <c r="Z83">
        <v>33359.715579999996</v>
      </c>
      <c r="AA83">
        <v>98289.840700000001</v>
      </c>
      <c r="AB83">
        <v>43014.030570000003</v>
      </c>
      <c r="AC83">
        <v>46978.2088</v>
      </c>
      <c r="AD83">
        <v>36913.123650000001</v>
      </c>
      <c r="AE83">
        <v>32165.800490000001</v>
      </c>
      <c r="AF83">
        <v>50479.335740000002</v>
      </c>
      <c r="AG83">
        <v>28962.776440000001</v>
      </c>
      <c r="AH83">
        <v>290013.23509999999</v>
      </c>
      <c r="AI83">
        <v>83028.449659999998</v>
      </c>
      <c r="AJ83">
        <v>26713.669709999998</v>
      </c>
      <c r="AK83">
        <v>39203.668740000001</v>
      </c>
      <c r="AL83">
        <v>69021.906610000005</v>
      </c>
      <c r="AM83">
        <v>23239.65868</v>
      </c>
      <c r="AN83">
        <v>118249.65</v>
      </c>
      <c r="AO83">
        <v>32594.786400000001</v>
      </c>
      <c r="AP83">
        <v>18454.725610000001</v>
      </c>
    </row>
    <row r="84" spans="2:42" x14ac:dyDescent="0.3">
      <c r="B84">
        <v>56.116924582904666</v>
      </c>
      <c r="C84" s="83">
        <v>43104.416666666664</v>
      </c>
      <c r="D84">
        <v>140732.44899999999</v>
      </c>
      <c r="E84">
        <v>34900.087800000001</v>
      </c>
      <c r="F84">
        <v>98215.667950000003</v>
      </c>
      <c r="G84">
        <v>42806.95796</v>
      </c>
      <c r="H84">
        <v>47584.534870000003</v>
      </c>
      <c r="I84">
        <v>35183.580379999999</v>
      </c>
      <c r="J84">
        <v>30802.076580000001</v>
      </c>
      <c r="K84">
        <v>50863.660380000001</v>
      </c>
      <c r="L84">
        <v>30537.815040000001</v>
      </c>
      <c r="M84">
        <v>286110.2512</v>
      </c>
      <c r="N84">
        <v>85390.992830000003</v>
      </c>
      <c r="O84">
        <v>26598.88983</v>
      </c>
      <c r="P84">
        <v>40504.980960000001</v>
      </c>
      <c r="Q84">
        <v>66364.221619999997</v>
      </c>
      <c r="R84">
        <v>24857.478480000002</v>
      </c>
      <c r="S84">
        <v>116520.0626</v>
      </c>
      <c r="T84">
        <v>34161.294419999998</v>
      </c>
      <c r="U84">
        <v>18331.685379999999</v>
      </c>
      <c r="W84" s="83">
        <f>Bühler!N116</f>
        <v>45295.416666666468</v>
      </c>
      <c r="X84" s="83">
        <v>43104.416666666664</v>
      </c>
      <c r="Y84">
        <v>140732.44899999999</v>
      </c>
      <c r="Z84">
        <v>34900.087800000001</v>
      </c>
      <c r="AA84">
        <v>98215.667950000003</v>
      </c>
      <c r="AB84">
        <v>42806.95796</v>
      </c>
      <c r="AC84">
        <v>47584.534870000003</v>
      </c>
      <c r="AD84">
        <v>35183.580379999999</v>
      </c>
      <c r="AE84">
        <v>30802.076580000001</v>
      </c>
      <c r="AF84">
        <v>50863.660380000001</v>
      </c>
      <c r="AG84">
        <v>30537.815040000001</v>
      </c>
      <c r="AH84">
        <v>286110.2512</v>
      </c>
      <c r="AI84">
        <v>85390.992830000003</v>
      </c>
      <c r="AJ84">
        <v>26598.88983</v>
      </c>
      <c r="AK84">
        <v>40504.980960000001</v>
      </c>
      <c r="AL84">
        <v>66364.221619999997</v>
      </c>
      <c r="AM84">
        <v>24857.478480000002</v>
      </c>
      <c r="AN84">
        <v>116520.0626</v>
      </c>
      <c r="AO84">
        <v>34161.294419999998</v>
      </c>
      <c r="AP84">
        <v>18331.685379999999</v>
      </c>
    </row>
    <row r="85" spans="2:42" x14ac:dyDescent="0.3">
      <c r="B85">
        <v>55.746223714597065</v>
      </c>
      <c r="C85" s="83">
        <v>43104.458333333336</v>
      </c>
      <c r="D85">
        <v>137765.45559999999</v>
      </c>
      <c r="E85">
        <v>34298.086569999999</v>
      </c>
      <c r="F85">
        <v>100267.1618</v>
      </c>
      <c r="G85">
        <v>43019.370909999998</v>
      </c>
      <c r="H85">
        <v>47745.361660000002</v>
      </c>
      <c r="I85">
        <v>33451.608639999999</v>
      </c>
      <c r="J85">
        <v>30956.273109999998</v>
      </c>
      <c r="K85">
        <v>56156.69902</v>
      </c>
      <c r="L85">
        <v>32657.48947</v>
      </c>
      <c r="M85">
        <v>284220.24530000001</v>
      </c>
      <c r="N85">
        <v>82954.471709999998</v>
      </c>
      <c r="O85">
        <v>26461.3439</v>
      </c>
      <c r="P85">
        <v>39763.749230000001</v>
      </c>
      <c r="Q85">
        <v>64945.74308</v>
      </c>
      <c r="R85">
        <v>27826.817579999999</v>
      </c>
      <c r="S85">
        <v>116345.4721</v>
      </c>
      <c r="T85">
        <v>34401.886839999999</v>
      </c>
      <c r="U85">
        <v>18035.048119999999</v>
      </c>
      <c r="W85" s="83">
        <f>Bühler!N117</f>
        <v>45295.458333333132</v>
      </c>
      <c r="X85" s="83">
        <v>43104.458333333336</v>
      </c>
      <c r="Y85">
        <v>137765.45559999999</v>
      </c>
      <c r="Z85">
        <v>34298.086569999999</v>
      </c>
      <c r="AA85">
        <v>100267.1618</v>
      </c>
      <c r="AB85">
        <v>43019.370909999998</v>
      </c>
      <c r="AC85">
        <v>47745.361660000002</v>
      </c>
      <c r="AD85">
        <v>33451.608639999999</v>
      </c>
      <c r="AE85">
        <v>30956.273109999998</v>
      </c>
      <c r="AF85">
        <v>56156.69902</v>
      </c>
      <c r="AG85">
        <v>32657.48947</v>
      </c>
      <c r="AH85">
        <v>284220.24530000001</v>
      </c>
      <c r="AI85">
        <v>82954.471709999998</v>
      </c>
      <c r="AJ85">
        <v>26461.3439</v>
      </c>
      <c r="AK85">
        <v>39763.749230000001</v>
      </c>
      <c r="AL85">
        <v>64945.74308</v>
      </c>
      <c r="AM85">
        <v>27826.817579999999</v>
      </c>
      <c r="AN85">
        <v>116345.4721</v>
      </c>
      <c r="AO85">
        <v>34401.886839999999</v>
      </c>
      <c r="AP85">
        <v>18035.048119999999</v>
      </c>
    </row>
    <row r="86" spans="2:42" x14ac:dyDescent="0.3">
      <c r="B86">
        <v>53.12277911324081</v>
      </c>
      <c r="C86" s="83">
        <v>43104.5</v>
      </c>
      <c r="D86">
        <v>132649.90479999999</v>
      </c>
      <c r="E86">
        <v>30941.762709999999</v>
      </c>
      <c r="F86">
        <v>98678.161290000004</v>
      </c>
      <c r="G86">
        <v>42185.613010000001</v>
      </c>
      <c r="H86">
        <v>46212.421699999999</v>
      </c>
      <c r="I86">
        <v>32491.924739999999</v>
      </c>
      <c r="J86">
        <v>30888.275300000001</v>
      </c>
      <c r="K86">
        <v>56007.050490000001</v>
      </c>
      <c r="L86">
        <v>34761.562149999998</v>
      </c>
      <c r="M86">
        <v>270844.70130000002</v>
      </c>
      <c r="N86">
        <v>80600.770390000005</v>
      </c>
      <c r="O86">
        <v>26144.132369999999</v>
      </c>
      <c r="P86">
        <v>39279.148240000002</v>
      </c>
      <c r="Q86">
        <v>60241.928240000001</v>
      </c>
      <c r="R86">
        <v>27326.717980000001</v>
      </c>
      <c r="S86">
        <v>108248.2889</v>
      </c>
      <c r="T86">
        <v>33333.655650000001</v>
      </c>
      <c r="U86">
        <v>16401.74741</v>
      </c>
      <c r="W86" s="83">
        <f>Bühler!N118</f>
        <v>45295.499999999796</v>
      </c>
      <c r="X86" s="83">
        <v>43104.5</v>
      </c>
      <c r="Y86">
        <v>132649.90479999999</v>
      </c>
      <c r="Z86">
        <v>30941.762709999999</v>
      </c>
      <c r="AA86">
        <v>98678.161290000004</v>
      </c>
      <c r="AB86">
        <v>42185.613010000001</v>
      </c>
      <c r="AC86">
        <v>46212.421699999999</v>
      </c>
      <c r="AD86">
        <v>32491.924739999999</v>
      </c>
      <c r="AE86">
        <v>30888.275300000001</v>
      </c>
      <c r="AF86">
        <v>56007.050490000001</v>
      </c>
      <c r="AG86">
        <v>34761.562149999998</v>
      </c>
      <c r="AH86">
        <v>270844.70130000002</v>
      </c>
      <c r="AI86">
        <v>80600.770390000005</v>
      </c>
      <c r="AJ86">
        <v>26144.132369999999</v>
      </c>
      <c r="AK86">
        <v>39279.148240000002</v>
      </c>
      <c r="AL86">
        <v>60241.928240000001</v>
      </c>
      <c r="AM86">
        <v>27326.717980000001</v>
      </c>
      <c r="AN86">
        <v>108248.2889</v>
      </c>
      <c r="AO86">
        <v>33333.655650000001</v>
      </c>
      <c r="AP86">
        <v>16401.74741</v>
      </c>
    </row>
    <row r="87" spans="2:42" x14ac:dyDescent="0.3">
      <c r="B87">
        <v>51.395086428969535</v>
      </c>
      <c r="C87" s="83">
        <v>43104.541666666664</v>
      </c>
      <c r="D87">
        <v>128239.6749</v>
      </c>
      <c r="E87">
        <v>29832.813040000001</v>
      </c>
      <c r="F87">
        <v>97217.547500000001</v>
      </c>
      <c r="G87">
        <v>41773.491240000003</v>
      </c>
      <c r="H87">
        <v>44926.206550000003</v>
      </c>
      <c r="I87">
        <v>31895.118689999999</v>
      </c>
      <c r="J87">
        <v>30040.263180000002</v>
      </c>
      <c r="K87">
        <v>55021.918039999997</v>
      </c>
      <c r="L87">
        <v>34570.472070000003</v>
      </c>
      <c r="M87">
        <v>262036.1183</v>
      </c>
      <c r="N87">
        <v>78541.367230000003</v>
      </c>
      <c r="O87">
        <v>25470.92669</v>
      </c>
      <c r="P87">
        <v>38176.113830000002</v>
      </c>
      <c r="Q87">
        <v>55649.152119999999</v>
      </c>
      <c r="R87">
        <v>27229.748200000002</v>
      </c>
      <c r="S87">
        <v>107331.6994</v>
      </c>
      <c r="T87">
        <v>32702.548910000001</v>
      </c>
      <c r="U87">
        <v>16091.23732</v>
      </c>
      <c r="W87" s="83">
        <f>Bühler!N119</f>
        <v>45295.541666666461</v>
      </c>
      <c r="X87" s="83">
        <v>43104.541666666664</v>
      </c>
      <c r="Y87">
        <v>128239.6749</v>
      </c>
      <c r="Z87">
        <v>29832.813040000001</v>
      </c>
      <c r="AA87">
        <v>97217.547500000001</v>
      </c>
      <c r="AB87">
        <v>41773.491240000003</v>
      </c>
      <c r="AC87">
        <v>44926.206550000003</v>
      </c>
      <c r="AD87">
        <v>31895.118689999999</v>
      </c>
      <c r="AE87">
        <v>30040.263180000002</v>
      </c>
      <c r="AF87">
        <v>55021.918039999997</v>
      </c>
      <c r="AG87">
        <v>34570.472070000003</v>
      </c>
      <c r="AH87">
        <v>262036.1183</v>
      </c>
      <c r="AI87">
        <v>78541.367230000003</v>
      </c>
      <c r="AJ87">
        <v>25470.92669</v>
      </c>
      <c r="AK87">
        <v>38176.113830000002</v>
      </c>
      <c r="AL87">
        <v>55649.152119999999</v>
      </c>
      <c r="AM87">
        <v>27229.748200000002</v>
      </c>
      <c r="AN87">
        <v>107331.6994</v>
      </c>
      <c r="AO87">
        <v>32702.548910000001</v>
      </c>
      <c r="AP87">
        <v>16091.23732</v>
      </c>
    </row>
    <row r="88" spans="2:42" x14ac:dyDescent="0.3">
      <c r="B88">
        <v>50.044586526020495</v>
      </c>
      <c r="C88" s="83">
        <v>43104.583333333336</v>
      </c>
      <c r="D88">
        <v>125405.6863</v>
      </c>
      <c r="E88">
        <v>31758.62385</v>
      </c>
      <c r="F88">
        <v>97260.932069999995</v>
      </c>
      <c r="G88">
        <v>41295.610789999999</v>
      </c>
      <c r="H88">
        <v>44330.667750000001</v>
      </c>
      <c r="I88">
        <v>32208.238410000002</v>
      </c>
      <c r="J88">
        <v>29354.525979999999</v>
      </c>
      <c r="K88">
        <v>54132.837480000002</v>
      </c>
      <c r="L88">
        <v>31922.112509999999</v>
      </c>
      <c r="M88">
        <v>255150.64</v>
      </c>
      <c r="N88">
        <v>77080.784169999999</v>
      </c>
      <c r="O88">
        <v>25154.945899999999</v>
      </c>
      <c r="P88">
        <v>37221.119010000002</v>
      </c>
      <c r="Q88">
        <v>51629.658929999998</v>
      </c>
      <c r="R88">
        <v>24552.7562</v>
      </c>
      <c r="S88">
        <v>102941.4526</v>
      </c>
      <c r="T88">
        <v>31720.689460000001</v>
      </c>
      <c r="U88">
        <v>15763.399310000001</v>
      </c>
      <c r="W88" s="83">
        <f>Bühler!N120</f>
        <v>45295.583333333125</v>
      </c>
      <c r="X88" s="83">
        <v>43104.583333333336</v>
      </c>
      <c r="Y88">
        <v>125405.6863</v>
      </c>
      <c r="Z88">
        <v>31758.62385</v>
      </c>
      <c r="AA88">
        <v>97260.932069999995</v>
      </c>
      <c r="AB88">
        <v>41295.610789999999</v>
      </c>
      <c r="AC88">
        <v>44330.667750000001</v>
      </c>
      <c r="AD88">
        <v>32208.238410000002</v>
      </c>
      <c r="AE88">
        <v>29354.525979999999</v>
      </c>
      <c r="AF88">
        <v>54132.837480000002</v>
      </c>
      <c r="AG88">
        <v>31922.112509999999</v>
      </c>
      <c r="AH88">
        <v>255150.64</v>
      </c>
      <c r="AI88">
        <v>77080.784169999999</v>
      </c>
      <c r="AJ88">
        <v>25154.945899999999</v>
      </c>
      <c r="AK88">
        <v>37221.119010000002</v>
      </c>
      <c r="AL88">
        <v>51629.658929999998</v>
      </c>
      <c r="AM88">
        <v>24552.7562</v>
      </c>
      <c r="AN88">
        <v>102941.4526</v>
      </c>
      <c r="AO88">
        <v>31720.689460000001</v>
      </c>
      <c r="AP88">
        <v>15763.399310000001</v>
      </c>
    </row>
    <row r="89" spans="2:42" x14ac:dyDescent="0.3">
      <c r="B89">
        <v>48.235694776729758</v>
      </c>
      <c r="C89" s="83">
        <v>43104.625</v>
      </c>
      <c r="D89">
        <v>122220.1213</v>
      </c>
      <c r="E89">
        <v>31085.312430000002</v>
      </c>
      <c r="F89">
        <v>95306.294620000001</v>
      </c>
      <c r="G89">
        <v>40463.564769999997</v>
      </c>
      <c r="H89">
        <v>43497.899859999998</v>
      </c>
      <c r="I89">
        <v>32560.935750000001</v>
      </c>
      <c r="J89">
        <v>29363.98443</v>
      </c>
      <c r="K89">
        <v>51136.138579999999</v>
      </c>
      <c r="L89">
        <v>28756.354139999999</v>
      </c>
      <c r="M89">
        <v>245928.06630000001</v>
      </c>
      <c r="N89">
        <v>74316.011209999997</v>
      </c>
      <c r="O89">
        <v>25131.723569999998</v>
      </c>
      <c r="P89">
        <v>35958.086889999999</v>
      </c>
      <c r="Q89">
        <v>47903.478300000002</v>
      </c>
      <c r="R89">
        <v>23585.847559999998</v>
      </c>
      <c r="S89">
        <v>100113.2561</v>
      </c>
      <c r="T89">
        <v>31236.619839999999</v>
      </c>
      <c r="U89">
        <v>15420.64719</v>
      </c>
      <c r="W89" s="83">
        <f>Bühler!N121</f>
        <v>45295.624999999789</v>
      </c>
      <c r="X89" s="83">
        <v>43104.625</v>
      </c>
      <c r="Y89">
        <v>122220.1213</v>
      </c>
      <c r="Z89">
        <v>31085.312430000002</v>
      </c>
      <c r="AA89">
        <v>95306.294620000001</v>
      </c>
      <c r="AB89">
        <v>40463.564769999997</v>
      </c>
      <c r="AC89">
        <v>43497.899859999998</v>
      </c>
      <c r="AD89">
        <v>32560.935750000001</v>
      </c>
      <c r="AE89">
        <v>29363.98443</v>
      </c>
      <c r="AF89">
        <v>51136.138579999999</v>
      </c>
      <c r="AG89">
        <v>28756.354139999999</v>
      </c>
      <c r="AH89">
        <v>245928.06630000001</v>
      </c>
      <c r="AI89">
        <v>74316.011209999997</v>
      </c>
      <c r="AJ89">
        <v>25131.723569999998</v>
      </c>
      <c r="AK89">
        <v>35958.086889999999</v>
      </c>
      <c r="AL89">
        <v>47903.478300000002</v>
      </c>
      <c r="AM89">
        <v>23585.847559999998</v>
      </c>
      <c r="AN89">
        <v>100113.2561</v>
      </c>
      <c r="AO89">
        <v>31236.619839999999</v>
      </c>
      <c r="AP89">
        <v>15420.64719</v>
      </c>
    </row>
    <row r="90" spans="2:42" x14ac:dyDescent="0.3">
      <c r="B90">
        <v>45.910511357856215</v>
      </c>
      <c r="C90" s="83">
        <v>43104.666666666664</v>
      </c>
      <c r="D90">
        <v>119739.75780000001</v>
      </c>
      <c r="E90">
        <v>29587.484390000001</v>
      </c>
      <c r="F90">
        <v>92954.392089999994</v>
      </c>
      <c r="G90">
        <v>40203.412420000001</v>
      </c>
      <c r="H90">
        <v>42192.353949999997</v>
      </c>
      <c r="I90">
        <v>34141.696920000002</v>
      </c>
      <c r="J90">
        <v>28688.406869999999</v>
      </c>
      <c r="K90">
        <v>48933.139490000001</v>
      </c>
      <c r="L90">
        <v>27774.138610000002</v>
      </c>
      <c r="M90">
        <v>234073.19690000001</v>
      </c>
      <c r="N90">
        <v>69778.542149999994</v>
      </c>
      <c r="O90">
        <v>25210.269560000001</v>
      </c>
      <c r="P90">
        <v>36143.649149999997</v>
      </c>
      <c r="Q90">
        <v>45200.378190000003</v>
      </c>
      <c r="R90">
        <v>23244.404119999999</v>
      </c>
      <c r="S90">
        <v>98161.436300000001</v>
      </c>
      <c r="T90">
        <v>30134.599689999999</v>
      </c>
      <c r="U90">
        <v>15900.45729</v>
      </c>
      <c r="W90" s="83">
        <f>Bühler!N122</f>
        <v>45295.666666666453</v>
      </c>
      <c r="X90" s="83">
        <v>43104.666666666664</v>
      </c>
      <c r="Y90">
        <v>119739.75780000001</v>
      </c>
      <c r="Z90">
        <v>29587.484390000001</v>
      </c>
      <c r="AA90">
        <v>92954.392089999994</v>
      </c>
      <c r="AB90">
        <v>40203.412420000001</v>
      </c>
      <c r="AC90">
        <v>42192.353949999997</v>
      </c>
      <c r="AD90">
        <v>34141.696920000002</v>
      </c>
      <c r="AE90">
        <v>28688.406869999999</v>
      </c>
      <c r="AF90">
        <v>48933.139490000001</v>
      </c>
      <c r="AG90">
        <v>27774.138610000002</v>
      </c>
      <c r="AH90">
        <v>234073.19690000001</v>
      </c>
      <c r="AI90">
        <v>69778.542149999994</v>
      </c>
      <c r="AJ90">
        <v>25210.269560000001</v>
      </c>
      <c r="AK90">
        <v>36143.649149999997</v>
      </c>
      <c r="AL90">
        <v>45200.378190000003</v>
      </c>
      <c r="AM90">
        <v>23244.404119999999</v>
      </c>
      <c r="AN90">
        <v>98161.436300000001</v>
      </c>
      <c r="AO90">
        <v>30134.599689999999</v>
      </c>
      <c r="AP90">
        <v>15900.45729</v>
      </c>
    </row>
    <row r="91" spans="2:42" x14ac:dyDescent="0.3">
      <c r="B91">
        <v>43.491486072054407</v>
      </c>
      <c r="C91" s="83">
        <v>43104.708333333336</v>
      </c>
      <c r="D91">
        <v>119120.5672</v>
      </c>
      <c r="E91">
        <v>28724.651829999999</v>
      </c>
      <c r="F91">
        <v>93500.099919999993</v>
      </c>
      <c r="G91">
        <v>41079.023139999998</v>
      </c>
      <c r="H91">
        <v>42949.100859999999</v>
      </c>
      <c r="I91">
        <v>35012.423600000002</v>
      </c>
      <c r="J91">
        <v>30532.142810000001</v>
      </c>
      <c r="K91">
        <v>46700.874980000001</v>
      </c>
      <c r="L91">
        <v>28655.029930000001</v>
      </c>
      <c r="M91">
        <v>221739.87789999999</v>
      </c>
      <c r="N91">
        <v>67737.571599999996</v>
      </c>
      <c r="O91">
        <v>25129.66259</v>
      </c>
      <c r="P91">
        <v>38189.757729999998</v>
      </c>
      <c r="Q91">
        <v>43145.497190000002</v>
      </c>
      <c r="R91">
        <v>23764.077669999999</v>
      </c>
      <c r="S91">
        <v>100550.2322</v>
      </c>
      <c r="T91">
        <v>31029.606970000001</v>
      </c>
      <c r="U91">
        <v>16880.25347</v>
      </c>
      <c r="W91" s="83">
        <f>Bühler!N123</f>
        <v>45295.708333333117</v>
      </c>
      <c r="X91" s="83">
        <v>43104.708333333336</v>
      </c>
      <c r="Y91">
        <v>119120.5672</v>
      </c>
      <c r="Z91">
        <v>28724.651829999999</v>
      </c>
      <c r="AA91">
        <v>93500.099919999993</v>
      </c>
      <c r="AB91">
        <v>41079.023139999998</v>
      </c>
      <c r="AC91">
        <v>42949.100859999999</v>
      </c>
      <c r="AD91">
        <v>35012.423600000002</v>
      </c>
      <c r="AE91">
        <v>30532.142810000001</v>
      </c>
      <c r="AF91">
        <v>46700.874980000001</v>
      </c>
      <c r="AG91">
        <v>28655.029930000001</v>
      </c>
      <c r="AH91">
        <v>221739.87789999999</v>
      </c>
      <c r="AI91">
        <v>67737.571599999996</v>
      </c>
      <c r="AJ91">
        <v>25129.66259</v>
      </c>
      <c r="AK91">
        <v>38189.757729999998</v>
      </c>
      <c r="AL91">
        <v>43145.497190000002</v>
      </c>
      <c r="AM91">
        <v>23764.077669999999</v>
      </c>
      <c r="AN91">
        <v>100550.2322</v>
      </c>
      <c r="AO91">
        <v>31029.606970000001</v>
      </c>
      <c r="AP91">
        <v>16880.25347</v>
      </c>
    </row>
    <row r="92" spans="2:42" x14ac:dyDescent="0.3">
      <c r="B92">
        <v>40.324656359532085</v>
      </c>
      <c r="C92" s="83">
        <v>43104.75</v>
      </c>
      <c r="D92">
        <v>118263.95849999999</v>
      </c>
      <c r="E92">
        <v>24922.431830000001</v>
      </c>
      <c r="F92">
        <v>74080.728959999993</v>
      </c>
      <c r="G92">
        <v>40526.367299999998</v>
      </c>
      <c r="H92">
        <v>41978.322630000002</v>
      </c>
      <c r="I92">
        <v>34427.886930000001</v>
      </c>
      <c r="J92">
        <v>31514.795119999999</v>
      </c>
      <c r="K92">
        <v>41521.568160000003</v>
      </c>
      <c r="L92">
        <v>29567.401549999999</v>
      </c>
      <c r="M92">
        <v>205593.9032</v>
      </c>
      <c r="N92">
        <v>67156.528470000005</v>
      </c>
      <c r="O92">
        <v>23623.208930000001</v>
      </c>
      <c r="P92">
        <v>40631.993289999999</v>
      </c>
      <c r="Q92">
        <v>41248.296860000002</v>
      </c>
      <c r="R92">
        <v>22315.384340000001</v>
      </c>
      <c r="S92">
        <v>97385.380980000002</v>
      </c>
      <c r="T92">
        <v>30509.875899999999</v>
      </c>
      <c r="U92">
        <v>16231.57264</v>
      </c>
      <c r="W92" s="83">
        <f>Bühler!N124</f>
        <v>45295.749999999782</v>
      </c>
      <c r="X92" s="83">
        <v>43104.75</v>
      </c>
      <c r="Y92">
        <v>118263.95849999999</v>
      </c>
      <c r="Z92">
        <v>24922.431830000001</v>
      </c>
      <c r="AA92">
        <v>74080.728959999993</v>
      </c>
      <c r="AB92">
        <v>40526.367299999998</v>
      </c>
      <c r="AC92">
        <v>41978.322630000002</v>
      </c>
      <c r="AD92">
        <v>34427.886930000001</v>
      </c>
      <c r="AE92">
        <v>31514.795119999999</v>
      </c>
      <c r="AF92">
        <v>41521.568160000003</v>
      </c>
      <c r="AG92">
        <v>29567.401549999999</v>
      </c>
      <c r="AH92">
        <v>205593.9032</v>
      </c>
      <c r="AI92">
        <v>67156.528470000005</v>
      </c>
      <c r="AJ92">
        <v>23623.208930000001</v>
      </c>
      <c r="AK92">
        <v>40631.993289999999</v>
      </c>
      <c r="AL92">
        <v>41248.296860000002</v>
      </c>
      <c r="AM92">
        <v>22315.384340000001</v>
      </c>
      <c r="AN92">
        <v>97385.380980000002</v>
      </c>
      <c r="AO92">
        <v>30509.875899999999</v>
      </c>
      <c r="AP92">
        <v>16231.57264</v>
      </c>
    </row>
    <row r="93" spans="2:42" x14ac:dyDescent="0.3">
      <c r="B93">
        <v>38.721320404809568</v>
      </c>
      <c r="C93" s="83">
        <v>43104.791666666664</v>
      </c>
      <c r="D93">
        <v>117167.00139999999</v>
      </c>
      <c r="E93">
        <v>20258.346160000001</v>
      </c>
      <c r="F93">
        <v>61875.586479999998</v>
      </c>
      <c r="G93">
        <v>39741.921990000003</v>
      </c>
      <c r="H93">
        <v>40119.827799999999</v>
      </c>
      <c r="I93">
        <v>32393.212</v>
      </c>
      <c r="J93">
        <v>30744.285110000001</v>
      </c>
      <c r="K93">
        <v>41818.1826</v>
      </c>
      <c r="L93">
        <v>30879.175009999999</v>
      </c>
      <c r="M93">
        <v>197419.34880000001</v>
      </c>
      <c r="N93">
        <v>65978.238790000003</v>
      </c>
      <c r="O93">
        <v>22908.714459999999</v>
      </c>
      <c r="P93">
        <v>41998.670440000002</v>
      </c>
      <c r="Q93">
        <v>39384.80528</v>
      </c>
      <c r="R93">
        <v>21979.80341</v>
      </c>
      <c r="S93">
        <v>94742.842340000003</v>
      </c>
      <c r="T93">
        <v>29668.742559999999</v>
      </c>
      <c r="U93">
        <v>15290.860909999999</v>
      </c>
      <c r="W93" s="83">
        <f>Bühler!N125</f>
        <v>45295.791666666446</v>
      </c>
      <c r="X93" s="83">
        <v>43104.791666666664</v>
      </c>
      <c r="Y93">
        <v>117167.00139999999</v>
      </c>
      <c r="Z93">
        <v>20258.346160000001</v>
      </c>
      <c r="AA93">
        <v>61875.586479999998</v>
      </c>
      <c r="AB93">
        <v>39741.921990000003</v>
      </c>
      <c r="AC93">
        <v>40119.827799999999</v>
      </c>
      <c r="AD93">
        <v>32393.212</v>
      </c>
      <c r="AE93">
        <v>30744.285110000001</v>
      </c>
      <c r="AF93">
        <v>41818.1826</v>
      </c>
      <c r="AG93">
        <v>30879.175009999999</v>
      </c>
      <c r="AH93">
        <v>197419.34880000001</v>
      </c>
      <c r="AI93">
        <v>65978.238790000003</v>
      </c>
      <c r="AJ93">
        <v>22908.714459999999</v>
      </c>
      <c r="AK93">
        <v>41998.670440000002</v>
      </c>
      <c r="AL93">
        <v>39384.80528</v>
      </c>
      <c r="AM93">
        <v>21979.80341</v>
      </c>
      <c r="AN93">
        <v>94742.842340000003</v>
      </c>
      <c r="AO93">
        <v>29668.742559999999</v>
      </c>
      <c r="AP93">
        <v>15290.860909999999</v>
      </c>
    </row>
    <row r="94" spans="2:42" x14ac:dyDescent="0.3">
      <c r="B94">
        <v>38.442243756153246</v>
      </c>
      <c r="C94" s="83">
        <v>43104.833333333336</v>
      </c>
      <c r="D94">
        <v>116209.33010000001</v>
      </c>
      <c r="E94">
        <v>16876.055970000001</v>
      </c>
      <c r="F94">
        <v>53314.599009999998</v>
      </c>
      <c r="G94">
        <v>38572.530630000001</v>
      </c>
      <c r="H94">
        <v>38627.02751</v>
      </c>
      <c r="I94">
        <v>28748.067589999999</v>
      </c>
      <c r="J94">
        <v>29595.87069</v>
      </c>
      <c r="K94">
        <v>47834.379130000001</v>
      </c>
      <c r="L94">
        <v>31000.800569999999</v>
      </c>
      <c r="M94">
        <v>195996.4859</v>
      </c>
      <c r="N94">
        <v>64742.808360000003</v>
      </c>
      <c r="O94">
        <v>22336.226790000001</v>
      </c>
      <c r="P94">
        <v>41427.070789999998</v>
      </c>
      <c r="Q94">
        <v>38398.368640000001</v>
      </c>
      <c r="R94">
        <v>23091.455279999998</v>
      </c>
      <c r="S94">
        <v>88402.418550000002</v>
      </c>
      <c r="T94">
        <v>28676.663499999999</v>
      </c>
      <c r="U94">
        <v>15271.1505</v>
      </c>
      <c r="W94" s="83">
        <f>Bühler!N126</f>
        <v>45295.83333333311</v>
      </c>
      <c r="X94" s="83">
        <v>43104.833333333336</v>
      </c>
      <c r="Y94">
        <v>116209.33010000001</v>
      </c>
      <c r="Z94">
        <v>16876.055970000001</v>
      </c>
      <c r="AA94">
        <v>53314.599009999998</v>
      </c>
      <c r="AB94">
        <v>38572.530630000001</v>
      </c>
      <c r="AC94">
        <v>38627.02751</v>
      </c>
      <c r="AD94">
        <v>28748.067589999999</v>
      </c>
      <c r="AE94">
        <v>29595.87069</v>
      </c>
      <c r="AF94">
        <v>47834.379130000001</v>
      </c>
      <c r="AG94">
        <v>31000.800569999999</v>
      </c>
      <c r="AH94">
        <v>195996.4859</v>
      </c>
      <c r="AI94">
        <v>64742.808360000003</v>
      </c>
      <c r="AJ94">
        <v>22336.226790000001</v>
      </c>
      <c r="AK94">
        <v>41427.070789999998</v>
      </c>
      <c r="AL94">
        <v>38398.368640000001</v>
      </c>
      <c r="AM94">
        <v>23091.455279999998</v>
      </c>
      <c r="AN94">
        <v>88402.418550000002</v>
      </c>
      <c r="AO94">
        <v>28676.663499999999</v>
      </c>
      <c r="AP94">
        <v>15271.1505</v>
      </c>
    </row>
    <row r="95" spans="2:42" x14ac:dyDescent="0.3">
      <c r="B95">
        <v>37.747336981768022</v>
      </c>
      <c r="C95" s="83">
        <v>43104.875</v>
      </c>
      <c r="D95">
        <v>115614.5432</v>
      </c>
      <c r="E95">
        <v>15403.804040000001</v>
      </c>
      <c r="F95">
        <v>49208.075389999998</v>
      </c>
      <c r="G95">
        <v>38154.729930000001</v>
      </c>
      <c r="H95">
        <v>37703.119870000002</v>
      </c>
      <c r="I95">
        <v>25612.17942</v>
      </c>
      <c r="J95">
        <v>28525.083409999999</v>
      </c>
      <c r="K95">
        <v>47192.774960000002</v>
      </c>
      <c r="L95">
        <v>29348.711169999999</v>
      </c>
      <c r="M95">
        <v>192453.52710000001</v>
      </c>
      <c r="N95">
        <v>64004.356449999999</v>
      </c>
      <c r="O95">
        <v>21933.88523</v>
      </c>
      <c r="P95">
        <v>39327.32445</v>
      </c>
      <c r="Q95">
        <v>38189.667410000002</v>
      </c>
      <c r="R95">
        <v>21379.628239999998</v>
      </c>
      <c r="S95">
        <v>83828.737859999994</v>
      </c>
      <c r="T95">
        <v>27497.373589999999</v>
      </c>
      <c r="U95">
        <v>14733.22804</v>
      </c>
      <c r="W95" s="83">
        <f>Bühler!N127</f>
        <v>45295.874999999774</v>
      </c>
      <c r="X95" s="83">
        <v>43104.875</v>
      </c>
      <c r="Y95">
        <v>115614.5432</v>
      </c>
      <c r="Z95">
        <v>15403.804040000001</v>
      </c>
      <c r="AA95">
        <v>49208.075389999998</v>
      </c>
      <c r="AB95">
        <v>38154.729930000001</v>
      </c>
      <c r="AC95">
        <v>37703.119870000002</v>
      </c>
      <c r="AD95">
        <v>25612.17942</v>
      </c>
      <c r="AE95">
        <v>28525.083409999999</v>
      </c>
      <c r="AF95">
        <v>47192.774960000002</v>
      </c>
      <c r="AG95">
        <v>29348.711169999999</v>
      </c>
      <c r="AH95">
        <v>192453.52710000001</v>
      </c>
      <c r="AI95">
        <v>64004.356449999999</v>
      </c>
      <c r="AJ95">
        <v>21933.88523</v>
      </c>
      <c r="AK95">
        <v>39327.32445</v>
      </c>
      <c r="AL95">
        <v>38189.667410000002</v>
      </c>
      <c r="AM95">
        <v>21379.628239999998</v>
      </c>
      <c r="AN95">
        <v>83828.737859999994</v>
      </c>
      <c r="AO95">
        <v>27497.373589999999</v>
      </c>
      <c r="AP95">
        <v>14733.22804</v>
      </c>
    </row>
    <row r="96" spans="2:42" x14ac:dyDescent="0.3">
      <c r="B96">
        <v>37.892528408042317</v>
      </c>
      <c r="C96" s="83">
        <v>43104.916666666664</v>
      </c>
      <c r="D96">
        <v>115718.2196</v>
      </c>
      <c r="E96">
        <v>14938.551960000001</v>
      </c>
      <c r="F96">
        <v>48591.984550000001</v>
      </c>
      <c r="G96">
        <v>38201.739070000003</v>
      </c>
      <c r="H96">
        <v>37931.99065</v>
      </c>
      <c r="I96">
        <v>24552.14385</v>
      </c>
      <c r="J96">
        <v>28056.795150000002</v>
      </c>
      <c r="K96">
        <v>49891.34994</v>
      </c>
      <c r="L96">
        <v>26544.609469999999</v>
      </c>
      <c r="M96">
        <v>193193.7807</v>
      </c>
      <c r="N96">
        <v>64397.344409999998</v>
      </c>
      <c r="O96">
        <v>22921.93533</v>
      </c>
      <c r="P96">
        <v>43024.513910000001</v>
      </c>
      <c r="Q96">
        <v>38815.489260000002</v>
      </c>
      <c r="R96">
        <v>28187.733800000002</v>
      </c>
      <c r="S96">
        <v>83166.693360000005</v>
      </c>
      <c r="T96">
        <v>25592.358459999999</v>
      </c>
      <c r="U96">
        <v>15835.222239999999</v>
      </c>
      <c r="W96" s="83">
        <f>Bühler!N128</f>
        <v>45295.916666666439</v>
      </c>
      <c r="X96" s="83">
        <v>43104.916666666664</v>
      </c>
      <c r="Y96">
        <v>115718.2196</v>
      </c>
      <c r="Z96">
        <v>14938.551960000001</v>
      </c>
      <c r="AA96">
        <v>48591.984550000001</v>
      </c>
      <c r="AB96">
        <v>38201.739070000003</v>
      </c>
      <c r="AC96">
        <v>37931.99065</v>
      </c>
      <c r="AD96">
        <v>24552.14385</v>
      </c>
      <c r="AE96">
        <v>28056.795150000002</v>
      </c>
      <c r="AF96">
        <v>49891.34994</v>
      </c>
      <c r="AG96">
        <v>26544.609469999999</v>
      </c>
      <c r="AH96">
        <v>193193.7807</v>
      </c>
      <c r="AI96">
        <v>64397.344409999998</v>
      </c>
      <c r="AJ96">
        <v>22921.93533</v>
      </c>
      <c r="AK96">
        <v>43024.513910000001</v>
      </c>
      <c r="AL96">
        <v>38815.489260000002</v>
      </c>
      <c r="AM96">
        <v>28187.733800000002</v>
      </c>
      <c r="AN96">
        <v>83166.693360000005</v>
      </c>
      <c r="AO96">
        <v>25592.358459999999</v>
      </c>
      <c r="AP96">
        <v>15835.222239999999</v>
      </c>
    </row>
    <row r="97" spans="2:42" x14ac:dyDescent="0.3">
      <c r="B97">
        <v>37.545054230283895</v>
      </c>
      <c r="C97" s="83">
        <v>43104.958333333336</v>
      </c>
      <c r="D97">
        <v>115328.9896</v>
      </c>
      <c r="E97">
        <v>15040.186460000001</v>
      </c>
      <c r="F97">
        <v>47418.653310000002</v>
      </c>
      <c r="G97">
        <v>37964.120459999998</v>
      </c>
      <c r="H97">
        <v>37189.390379999997</v>
      </c>
      <c r="I97">
        <v>23923.019189999999</v>
      </c>
      <c r="J97">
        <v>26512.053510000002</v>
      </c>
      <c r="K97">
        <v>49497.787340000003</v>
      </c>
      <c r="L97">
        <v>22097.843850000001</v>
      </c>
      <c r="M97">
        <v>191422.19529999999</v>
      </c>
      <c r="N97">
        <v>65189.829449999997</v>
      </c>
      <c r="O97">
        <v>22938.51009</v>
      </c>
      <c r="P97">
        <v>40395.499620000002</v>
      </c>
      <c r="Q97">
        <v>39098.908259999997</v>
      </c>
      <c r="R97">
        <v>28691.688750000001</v>
      </c>
      <c r="S97">
        <v>81614.275750000001</v>
      </c>
      <c r="T97">
        <v>27946.867480000001</v>
      </c>
      <c r="U97">
        <v>15313.20176</v>
      </c>
      <c r="W97" s="83">
        <f>Bühler!N129</f>
        <v>45295.958333333103</v>
      </c>
      <c r="X97" s="83">
        <v>43104.958333333336</v>
      </c>
      <c r="Y97">
        <v>115328.9896</v>
      </c>
      <c r="Z97">
        <v>15040.186460000001</v>
      </c>
      <c r="AA97">
        <v>47418.653310000002</v>
      </c>
      <c r="AB97">
        <v>37964.120459999998</v>
      </c>
      <c r="AC97">
        <v>37189.390379999997</v>
      </c>
      <c r="AD97">
        <v>23923.019189999999</v>
      </c>
      <c r="AE97">
        <v>26512.053510000002</v>
      </c>
      <c r="AF97">
        <v>49497.787340000003</v>
      </c>
      <c r="AG97">
        <v>22097.843850000001</v>
      </c>
      <c r="AH97">
        <v>191422.19529999999</v>
      </c>
      <c r="AI97">
        <v>65189.829449999997</v>
      </c>
      <c r="AJ97">
        <v>22938.51009</v>
      </c>
      <c r="AK97">
        <v>40395.499620000002</v>
      </c>
      <c r="AL97">
        <v>39098.908259999997</v>
      </c>
      <c r="AM97">
        <v>28691.688750000001</v>
      </c>
      <c r="AN97">
        <v>81614.275750000001</v>
      </c>
      <c r="AO97">
        <v>27946.867480000001</v>
      </c>
      <c r="AP97">
        <v>15313.20176</v>
      </c>
    </row>
    <row r="98" spans="2:42" x14ac:dyDescent="0.3">
      <c r="B98">
        <v>42.955967856011277</v>
      </c>
      <c r="C98" s="83">
        <v>43105</v>
      </c>
      <c r="D98">
        <v>122620.49340000001</v>
      </c>
      <c r="E98">
        <v>16559.526839999999</v>
      </c>
      <c r="F98">
        <v>48278.726860000002</v>
      </c>
      <c r="G98">
        <v>39865.112950000002</v>
      </c>
      <c r="H98">
        <v>38796.006659999999</v>
      </c>
      <c r="I98">
        <v>26869.641019999999</v>
      </c>
      <c r="J98">
        <v>35206.180439999996</v>
      </c>
      <c r="K98">
        <v>48918.895020000004</v>
      </c>
      <c r="L98">
        <v>20903.86363</v>
      </c>
      <c r="M98">
        <v>219009.5563</v>
      </c>
      <c r="N98">
        <v>69441.115900000004</v>
      </c>
      <c r="O98">
        <v>25390.964680000001</v>
      </c>
      <c r="P98">
        <v>37628.706709999999</v>
      </c>
      <c r="Q98">
        <v>45450.909010000003</v>
      </c>
      <c r="R98">
        <v>32795.790459999997</v>
      </c>
      <c r="S98">
        <v>84199.109530000002</v>
      </c>
      <c r="T98">
        <v>28592.74497</v>
      </c>
      <c r="U98">
        <v>17421.833429999999</v>
      </c>
      <c r="W98" s="83">
        <f>Bühler!N130</f>
        <v>45295.999999999767</v>
      </c>
      <c r="X98" s="83">
        <v>43105</v>
      </c>
      <c r="Y98">
        <v>122620.49340000001</v>
      </c>
      <c r="Z98">
        <v>16559.526839999999</v>
      </c>
      <c r="AA98">
        <v>48278.726860000002</v>
      </c>
      <c r="AB98">
        <v>39865.112950000002</v>
      </c>
      <c r="AC98">
        <v>38796.006659999999</v>
      </c>
      <c r="AD98">
        <v>26869.641019999999</v>
      </c>
      <c r="AE98">
        <v>35206.180439999996</v>
      </c>
      <c r="AF98">
        <v>48918.895020000004</v>
      </c>
      <c r="AG98">
        <v>20903.86363</v>
      </c>
      <c r="AH98">
        <v>219009.5563</v>
      </c>
      <c r="AI98">
        <v>69441.115900000004</v>
      </c>
      <c r="AJ98">
        <v>25390.964680000001</v>
      </c>
      <c r="AK98">
        <v>37628.706709999999</v>
      </c>
      <c r="AL98">
        <v>45450.909010000003</v>
      </c>
      <c r="AM98">
        <v>32795.790459999997</v>
      </c>
      <c r="AN98">
        <v>84199.109530000002</v>
      </c>
      <c r="AO98">
        <v>28592.74497</v>
      </c>
      <c r="AP98">
        <v>17421.833429999999</v>
      </c>
    </row>
    <row r="99" spans="2:42" x14ac:dyDescent="0.3">
      <c r="B99">
        <v>43.359888439550936</v>
      </c>
      <c r="C99" s="83">
        <v>43105.041666666664</v>
      </c>
      <c r="D99">
        <v>122588.0209</v>
      </c>
      <c r="E99">
        <v>16755.120459999998</v>
      </c>
      <c r="F99">
        <v>49476.466240000002</v>
      </c>
      <c r="G99">
        <v>39741.443449999999</v>
      </c>
      <c r="H99">
        <v>38518.349840000003</v>
      </c>
      <c r="I99">
        <v>21966.755379999999</v>
      </c>
      <c r="J99">
        <v>34557.935100000002</v>
      </c>
      <c r="K99">
        <v>47783.195520000001</v>
      </c>
      <c r="L99">
        <v>20354.170450000001</v>
      </c>
      <c r="M99">
        <v>221068.93179999999</v>
      </c>
      <c r="N99">
        <v>69762.263030000002</v>
      </c>
      <c r="O99">
        <v>25658.763589999999</v>
      </c>
      <c r="P99">
        <v>36082.757879999997</v>
      </c>
      <c r="Q99">
        <v>46787.109750000003</v>
      </c>
      <c r="R99">
        <v>31621.7922</v>
      </c>
      <c r="S99">
        <v>83196.360220000002</v>
      </c>
      <c r="T99">
        <v>28686.36882</v>
      </c>
      <c r="U99">
        <v>17599.160370000001</v>
      </c>
      <c r="W99" s="83">
        <f>Bühler!N131</f>
        <v>45296.041666666431</v>
      </c>
      <c r="X99" s="83">
        <v>43105.041666666664</v>
      </c>
      <c r="Y99">
        <v>122588.0209</v>
      </c>
      <c r="Z99">
        <v>16755.120459999998</v>
      </c>
      <c r="AA99">
        <v>49476.466240000002</v>
      </c>
      <c r="AB99">
        <v>39741.443449999999</v>
      </c>
      <c r="AC99">
        <v>38518.349840000003</v>
      </c>
      <c r="AD99">
        <v>21966.755379999999</v>
      </c>
      <c r="AE99">
        <v>34557.935100000002</v>
      </c>
      <c r="AF99">
        <v>47783.195520000001</v>
      </c>
      <c r="AG99">
        <v>20354.170450000001</v>
      </c>
      <c r="AH99">
        <v>221068.93179999999</v>
      </c>
      <c r="AI99">
        <v>69762.263030000002</v>
      </c>
      <c r="AJ99">
        <v>25658.763589999999</v>
      </c>
      <c r="AK99">
        <v>36082.757879999997</v>
      </c>
      <c r="AL99">
        <v>46787.109750000003</v>
      </c>
      <c r="AM99">
        <v>31621.7922</v>
      </c>
      <c r="AN99">
        <v>83196.360220000002</v>
      </c>
      <c r="AO99">
        <v>28686.36882</v>
      </c>
      <c r="AP99">
        <v>17599.160370000001</v>
      </c>
    </row>
    <row r="100" spans="2:42" x14ac:dyDescent="0.3">
      <c r="B100">
        <v>43.982557628101922</v>
      </c>
      <c r="C100" s="83">
        <v>43105.083333333336</v>
      </c>
      <c r="D100">
        <v>122644.59020000001</v>
      </c>
      <c r="E100">
        <v>16651.98185</v>
      </c>
      <c r="F100">
        <v>50935.111770000003</v>
      </c>
      <c r="G100">
        <v>39107.677779999998</v>
      </c>
      <c r="H100">
        <v>38848.889949999997</v>
      </c>
      <c r="I100">
        <v>20627.984420000001</v>
      </c>
      <c r="J100">
        <v>34353.403429999998</v>
      </c>
      <c r="K100">
        <v>45388.423699999999</v>
      </c>
      <c r="L100">
        <v>20027.960060000001</v>
      </c>
      <c r="M100">
        <v>224243.58970000001</v>
      </c>
      <c r="N100">
        <v>69792.804189999995</v>
      </c>
      <c r="O100">
        <v>25375.500339999999</v>
      </c>
      <c r="P100">
        <v>34009.330609999997</v>
      </c>
      <c r="Q100">
        <v>50069.671479999997</v>
      </c>
      <c r="R100">
        <v>30679.19874</v>
      </c>
      <c r="S100">
        <v>82884.075559999997</v>
      </c>
      <c r="T100">
        <v>27929.971839999998</v>
      </c>
      <c r="U100">
        <v>17734.115290000002</v>
      </c>
      <c r="W100" s="83">
        <f>Bühler!N132</f>
        <v>45296.083333333096</v>
      </c>
      <c r="X100" s="83">
        <v>43105.083333333336</v>
      </c>
      <c r="Y100">
        <v>122644.59020000001</v>
      </c>
      <c r="Z100">
        <v>16651.98185</v>
      </c>
      <c r="AA100">
        <v>50935.111770000003</v>
      </c>
      <c r="AB100">
        <v>39107.677779999998</v>
      </c>
      <c r="AC100">
        <v>38848.889949999997</v>
      </c>
      <c r="AD100">
        <v>20627.984420000001</v>
      </c>
      <c r="AE100">
        <v>34353.403429999998</v>
      </c>
      <c r="AF100">
        <v>45388.423699999999</v>
      </c>
      <c r="AG100">
        <v>20027.960060000001</v>
      </c>
      <c r="AH100">
        <v>224243.58970000001</v>
      </c>
      <c r="AI100">
        <v>69792.804189999995</v>
      </c>
      <c r="AJ100">
        <v>25375.500339999999</v>
      </c>
      <c r="AK100">
        <v>34009.330609999997</v>
      </c>
      <c r="AL100">
        <v>50069.671479999997</v>
      </c>
      <c r="AM100">
        <v>30679.19874</v>
      </c>
      <c r="AN100">
        <v>82884.075559999997</v>
      </c>
      <c r="AO100">
        <v>27929.971839999998</v>
      </c>
      <c r="AP100">
        <v>17734.115290000002</v>
      </c>
    </row>
    <row r="101" spans="2:42" x14ac:dyDescent="0.3">
      <c r="B101">
        <v>44.487969986872464</v>
      </c>
      <c r="C101" s="83">
        <v>43105.125</v>
      </c>
      <c r="D101">
        <v>123143.4504</v>
      </c>
      <c r="E101">
        <v>16834.273229999999</v>
      </c>
      <c r="F101">
        <v>51517.37758</v>
      </c>
      <c r="G101">
        <v>38635.121350000001</v>
      </c>
      <c r="H101">
        <v>38823.753929999999</v>
      </c>
      <c r="I101">
        <v>20593.79883</v>
      </c>
      <c r="J101">
        <v>34786.980589999999</v>
      </c>
      <c r="K101">
        <v>44620.017140000004</v>
      </c>
      <c r="L101">
        <v>19649.202219999999</v>
      </c>
      <c r="M101">
        <v>226820.41759999999</v>
      </c>
      <c r="N101">
        <v>69707.073269999993</v>
      </c>
      <c r="O101">
        <v>25566.885300000002</v>
      </c>
      <c r="P101">
        <v>33672.676059999998</v>
      </c>
      <c r="Q101">
        <v>52705.020940000002</v>
      </c>
      <c r="R101">
        <v>29989.442129999999</v>
      </c>
      <c r="S101">
        <v>81915.211729999995</v>
      </c>
      <c r="T101">
        <v>28090.49582</v>
      </c>
      <c r="U101">
        <v>17755.06092</v>
      </c>
      <c r="W101" s="83">
        <f>Bühler!N133</f>
        <v>45296.12499999976</v>
      </c>
      <c r="X101" s="83">
        <v>43105.125</v>
      </c>
      <c r="Y101">
        <v>123143.4504</v>
      </c>
      <c r="Z101">
        <v>16834.273229999999</v>
      </c>
      <c r="AA101">
        <v>51517.37758</v>
      </c>
      <c r="AB101">
        <v>38635.121350000001</v>
      </c>
      <c r="AC101">
        <v>38823.753929999999</v>
      </c>
      <c r="AD101">
        <v>20593.79883</v>
      </c>
      <c r="AE101">
        <v>34786.980589999999</v>
      </c>
      <c r="AF101">
        <v>44620.017140000004</v>
      </c>
      <c r="AG101">
        <v>19649.202219999999</v>
      </c>
      <c r="AH101">
        <v>226820.41759999999</v>
      </c>
      <c r="AI101">
        <v>69707.073269999993</v>
      </c>
      <c r="AJ101">
        <v>25566.885300000002</v>
      </c>
      <c r="AK101">
        <v>33672.676059999998</v>
      </c>
      <c r="AL101">
        <v>52705.020940000002</v>
      </c>
      <c r="AM101">
        <v>29989.442129999999</v>
      </c>
      <c r="AN101">
        <v>81915.211729999995</v>
      </c>
      <c r="AO101">
        <v>28090.49582</v>
      </c>
      <c r="AP101">
        <v>17755.06092</v>
      </c>
    </row>
    <row r="102" spans="2:42" x14ac:dyDescent="0.3">
      <c r="B102">
        <v>46.463766868594377</v>
      </c>
      <c r="C102" s="83">
        <v>43105.166666666664</v>
      </c>
      <c r="D102">
        <v>124628.7181</v>
      </c>
      <c r="E102">
        <v>17170.7644</v>
      </c>
      <c r="F102">
        <v>58276.926760000002</v>
      </c>
      <c r="G102">
        <v>38087.04739</v>
      </c>
      <c r="H102">
        <v>39339.231659999998</v>
      </c>
      <c r="I102">
        <v>22854.52475</v>
      </c>
      <c r="J102">
        <v>37413.607859999996</v>
      </c>
      <c r="K102">
        <v>44104.239710000002</v>
      </c>
      <c r="L102">
        <v>19382.37746</v>
      </c>
      <c r="M102">
        <v>236893.9515</v>
      </c>
      <c r="N102">
        <v>68896.065799999997</v>
      </c>
      <c r="O102">
        <v>25699.453399999999</v>
      </c>
      <c r="P102">
        <v>33280.867969999999</v>
      </c>
      <c r="Q102">
        <v>58072.437910000001</v>
      </c>
      <c r="R102">
        <v>29175.859540000001</v>
      </c>
      <c r="S102">
        <v>82656.713959999994</v>
      </c>
      <c r="T102">
        <v>28240.028699999999</v>
      </c>
      <c r="U102">
        <v>17930.584989999999</v>
      </c>
      <c r="W102" s="83">
        <f>Bühler!N134</f>
        <v>45296.166666666424</v>
      </c>
      <c r="X102" s="83">
        <v>43105.166666666664</v>
      </c>
      <c r="Y102">
        <v>124628.7181</v>
      </c>
      <c r="Z102">
        <v>17170.7644</v>
      </c>
      <c r="AA102">
        <v>58276.926760000002</v>
      </c>
      <c r="AB102">
        <v>38087.04739</v>
      </c>
      <c r="AC102">
        <v>39339.231659999998</v>
      </c>
      <c r="AD102">
        <v>22854.52475</v>
      </c>
      <c r="AE102">
        <v>37413.607859999996</v>
      </c>
      <c r="AF102">
        <v>44104.239710000002</v>
      </c>
      <c r="AG102">
        <v>19382.37746</v>
      </c>
      <c r="AH102">
        <v>236893.9515</v>
      </c>
      <c r="AI102">
        <v>68896.065799999997</v>
      </c>
      <c r="AJ102">
        <v>25699.453399999999</v>
      </c>
      <c r="AK102">
        <v>33280.867969999999</v>
      </c>
      <c r="AL102">
        <v>58072.437910000001</v>
      </c>
      <c r="AM102">
        <v>29175.859540000001</v>
      </c>
      <c r="AN102">
        <v>82656.713959999994</v>
      </c>
      <c r="AO102">
        <v>28240.028699999999</v>
      </c>
      <c r="AP102">
        <v>17930.584989999999</v>
      </c>
    </row>
    <row r="103" spans="2:42" x14ac:dyDescent="0.3">
      <c r="B103">
        <v>49.913687927257939</v>
      </c>
      <c r="C103" s="83">
        <v>43105.208333333336</v>
      </c>
      <c r="D103">
        <v>127952.93150000001</v>
      </c>
      <c r="E103">
        <v>18590.317169999998</v>
      </c>
      <c r="F103">
        <v>72088.713650000005</v>
      </c>
      <c r="G103">
        <v>38708.964399999997</v>
      </c>
      <c r="H103">
        <v>41045.391680000001</v>
      </c>
      <c r="I103">
        <v>29682.268120000001</v>
      </c>
      <c r="J103">
        <v>40946.117109999999</v>
      </c>
      <c r="K103">
        <v>43911.756800000003</v>
      </c>
      <c r="L103">
        <v>19773.372459999999</v>
      </c>
      <c r="M103">
        <v>254483.2579</v>
      </c>
      <c r="N103">
        <v>70383.278359999997</v>
      </c>
      <c r="O103">
        <v>26059.538499999999</v>
      </c>
      <c r="P103">
        <v>34048.989070000003</v>
      </c>
      <c r="Q103">
        <v>62518.715040000003</v>
      </c>
      <c r="R103">
        <v>29340.813139999998</v>
      </c>
      <c r="S103">
        <v>84955.799419999996</v>
      </c>
      <c r="T103">
        <v>29337.570009999999</v>
      </c>
      <c r="U103">
        <v>18341.48792</v>
      </c>
      <c r="W103" s="83">
        <f>Bühler!N135</f>
        <v>45296.208333333088</v>
      </c>
      <c r="X103" s="83">
        <v>43105.208333333336</v>
      </c>
      <c r="Y103">
        <v>127952.93150000001</v>
      </c>
      <c r="Z103">
        <v>18590.317169999998</v>
      </c>
      <c r="AA103">
        <v>72088.713650000005</v>
      </c>
      <c r="AB103">
        <v>38708.964399999997</v>
      </c>
      <c r="AC103">
        <v>41045.391680000001</v>
      </c>
      <c r="AD103">
        <v>29682.268120000001</v>
      </c>
      <c r="AE103">
        <v>40946.117109999999</v>
      </c>
      <c r="AF103">
        <v>43911.756800000003</v>
      </c>
      <c r="AG103">
        <v>19773.372459999999</v>
      </c>
      <c r="AH103">
        <v>254483.2579</v>
      </c>
      <c r="AI103">
        <v>70383.278359999997</v>
      </c>
      <c r="AJ103">
        <v>26059.538499999999</v>
      </c>
      <c r="AK103">
        <v>34048.989070000003</v>
      </c>
      <c r="AL103">
        <v>62518.715040000003</v>
      </c>
      <c r="AM103">
        <v>29340.813139999998</v>
      </c>
      <c r="AN103">
        <v>84955.799419999996</v>
      </c>
      <c r="AO103">
        <v>29337.570009999999</v>
      </c>
      <c r="AP103">
        <v>18341.48792</v>
      </c>
    </row>
    <row r="104" spans="2:42" x14ac:dyDescent="0.3">
      <c r="B104">
        <v>53.323675604715362</v>
      </c>
      <c r="C104" s="83">
        <v>43105.25</v>
      </c>
      <c r="D104">
        <v>132959.18</v>
      </c>
      <c r="E104">
        <v>21685.355869999999</v>
      </c>
      <c r="F104">
        <v>82128.723450000005</v>
      </c>
      <c r="G104">
        <v>40554.090550000001</v>
      </c>
      <c r="H104">
        <v>43222.816930000001</v>
      </c>
      <c r="I104">
        <v>35267.579010000001</v>
      </c>
      <c r="J104">
        <v>44077.477780000001</v>
      </c>
      <c r="K104">
        <v>43730.898829999998</v>
      </c>
      <c r="L104">
        <v>21393.997609999999</v>
      </c>
      <c r="M104">
        <v>271868.96529999998</v>
      </c>
      <c r="N104">
        <v>72726.740550000002</v>
      </c>
      <c r="O104">
        <v>25796.999</v>
      </c>
      <c r="P104">
        <v>33069.167950000003</v>
      </c>
      <c r="Q104">
        <v>65963.771909999996</v>
      </c>
      <c r="R104">
        <v>22843.678199999998</v>
      </c>
      <c r="S104">
        <v>93405.262270000007</v>
      </c>
      <c r="T104">
        <v>30734.54955</v>
      </c>
      <c r="U104">
        <v>18140.483609999999</v>
      </c>
      <c r="W104" s="83">
        <f>Bühler!N136</f>
        <v>45296.249999999753</v>
      </c>
      <c r="X104" s="83">
        <v>43105.25</v>
      </c>
      <c r="Y104">
        <v>132959.18</v>
      </c>
      <c r="Z104">
        <v>21685.355869999999</v>
      </c>
      <c r="AA104">
        <v>82128.723450000005</v>
      </c>
      <c r="AB104">
        <v>40554.090550000001</v>
      </c>
      <c r="AC104">
        <v>43222.816930000001</v>
      </c>
      <c r="AD104">
        <v>35267.579010000001</v>
      </c>
      <c r="AE104">
        <v>44077.477780000001</v>
      </c>
      <c r="AF104">
        <v>43730.898829999998</v>
      </c>
      <c r="AG104">
        <v>21393.997609999999</v>
      </c>
      <c r="AH104">
        <v>271868.96529999998</v>
      </c>
      <c r="AI104">
        <v>72726.740550000002</v>
      </c>
      <c r="AJ104">
        <v>25796.999</v>
      </c>
      <c r="AK104">
        <v>33069.167950000003</v>
      </c>
      <c r="AL104">
        <v>65963.771909999996</v>
      </c>
      <c r="AM104">
        <v>22843.678199999998</v>
      </c>
      <c r="AN104">
        <v>93405.262270000007</v>
      </c>
      <c r="AO104">
        <v>30734.54955</v>
      </c>
      <c r="AP104">
        <v>18140.483609999999</v>
      </c>
    </row>
    <row r="105" spans="2:42" x14ac:dyDescent="0.3">
      <c r="B105">
        <v>55.03972247316328</v>
      </c>
      <c r="C105" s="83">
        <v>43105.291666666664</v>
      </c>
      <c r="D105">
        <v>138735.84890000001</v>
      </c>
      <c r="E105">
        <v>25198.21213</v>
      </c>
      <c r="F105">
        <v>86522.350279999999</v>
      </c>
      <c r="G105">
        <v>42301.475169999998</v>
      </c>
      <c r="H105">
        <v>45570.756079999999</v>
      </c>
      <c r="I105">
        <v>40315.174120000003</v>
      </c>
      <c r="J105">
        <v>47095.093159999997</v>
      </c>
      <c r="K105">
        <v>45042.295550000003</v>
      </c>
      <c r="L105">
        <v>24196.970229999999</v>
      </c>
      <c r="M105">
        <v>280618.17249999999</v>
      </c>
      <c r="N105">
        <v>76415.252779999995</v>
      </c>
      <c r="O105">
        <v>27063.19816</v>
      </c>
      <c r="P105">
        <v>35353.588470000002</v>
      </c>
      <c r="Q105">
        <v>68258.323130000004</v>
      </c>
      <c r="R105">
        <v>24190.566360000001</v>
      </c>
      <c r="S105">
        <v>106405.2164</v>
      </c>
      <c r="T105">
        <v>30762.19872</v>
      </c>
      <c r="U105">
        <v>19042.370650000001</v>
      </c>
      <c r="W105" s="83">
        <f>Bühler!N137</f>
        <v>45296.291666666417</v>
      </c>
      <c r="X105" s="83">
        <v>43105.291666666664</v>
      </c>
      <c r="Y105">
        <v>138735.84890000001</v>
      </c>
      <c r="Z105">
        <v>25198.21213</v>
      </c>
      <c r="AA105">
        <v>86522.350279999999</v>
      </c>
      <c r="AB105">
        <v>42301.475169999998</v>
      </c>
      <c r="AC105">
        <v>45570.756079999999</v>
      </c>
      <c r="AD105">
        <v>40315.174120000003</v>
      </c>
      <c r="AE105">
        <v>47095.093159999997</v>
      </c>
      <c r="AF105">
        <v>45042.295550000003</v>
      </c>
      <c r="AG105">
        <v>24196.970229999999</v>
      </c>
      <c r="AH105">
        <v>280618.17249999999</v>
      </c>
      <c r="AI105">
        <v>76415.252779999995</v>
      </c>
      <c r="AJ105">
        <v>27063.19816</v>
      </c>
      <c r="AK105">
        <v>35353.588470000002</v>
      </c>
      <c r="AL105">
        <v>68258.323130000004</v>
      </c>
      <c r="AM105">
        <v>24190.566360000001</v>
      </c>
      <c r="AN105">
        <v>106405.2164</v>
      </c>
      <c r="AO105">
        <v>30762.19872</v>
      </c>
      <c r="AP105">
        <v>19042.370650000001</v>
      </c>
    </row>
    <row r="106" spans="2:42" x14ac:dyDescent="0.3">
      <c r="B106">
        <v>56.497310383246372</v>
      </c>
      <c r="C106" s="83">
        <v>43105.333333333336</v>
      </c>
      <c r="D106">
        <v>143447.03020000001</v>
      </c>
      <c r="E106">
        <v>29929.593420000001</v>
      </c>
      <c r="F106">
        <v>92759.677599999995</v>
      </c>
      <c r="G106">
        <v>42723.114979999998</v>
      </c>
      <c r="H106">
        <v>46042.228230000001</v>
      </c>
      <c r="I106">
        <v>41887.807809999998</v>
      </c>
      <c r="J106">
        <v>48428.769489999999</v>
      </c>
      <c r="K106">
        <v>46107.928469999999</v>
      </c>
      <c r="L106">
        <v>27291.080750000001</v>
      </c>
      <c r="M106">
        <v>288049.63540000003</v>
      </c>
      <c r="N106">
        <v>80154.224690000003</v>
      </c>
      <c r="O106">
        <v>27612.15065</v>
      </c>
      <c r="P106">
        <v>38285.658190000002</v>
      </c>
      <c r="Q106">
        <v>69275.797290000002</v>
      </c>
      <c r="R106">
        <v>23916.150570000002</v>
      </c>
      <c r="S106">
        <v>114926.95759999999</v>
      </c>
      <c r="T106">
        <v>31967.395710000001</v>
      </c>
      <c r="U106">
        <v>19393.68188</v>
      </c>
      <c r="W106" s="83">
        <f>Bühler!N138</f>
        <v>45296.333333333081</v>
      </c>
      <c r="X106" s="83">
        <v>43105.333333333336</v>
      </c>
      <c r="Y106">
        <v>143447.03020000001</v>
      </c>
      <c r="Z106">
        <v>29929.593420000001</v>
      </c>
      <c r="AA106">
        <v>92759.677599999995</v>
      </c>
      <c r="AB106">
        <v>42723.114979999998</v>
      </c>
      <c r="AC106">
        <v>46042.228230000001</v>
      </c>
      <c r="AD106">
        <v>41887.807809999998</v>
      </c>
      <c r="AE106">
        <v>48428.769489999999</v>
      </c>
      <c r="AF106">
        <v>46107.928469999999</v>
      </c>
      <c r="AG106">
        <v>27291.080750000001</v>
      </c>
      <c r="AH106">
        <v>288049.63540000003</v>
      </c>
      <c r="AI106">
        <v>80154.224690000003</v>
      </c>
      <c r="AJ106">
        <v>27612.15065</v>
      </c>
      <c r="AK106">
        <v>38285.658190000002</v>
      </c>
      <c r="AL106">
        <v>69275.797290000002</v>
      </c>
      <c r="AM106">
        <v>23916.150570000002</v>
      </c>
      <c r="AN106">
        <v>114926.95759999999</v>
      </c>
      <c r="AO106">
        <v>31967.395710000001</v>
      </c>
      <c r="AP106">
        <v>19393.68188</v>
      </c>
    </row>
    <row r="107" spans="2:42" x14ac:dyDescent="0.3">
      <c r="B107">
        <v>56.672695261762009</v>
      </c>
      <c r="C107" s="83">
        <v>43105.375</v>
      </c>
      <c r="D107">
        <v>144207.53950000001</v>
      </c>
      <c r="E107">
        <v>33670.959110000003</v>
      </c>
      <c r="F107">
        <v>98703.329700000002</v>
      </c>
      <c r="G107">
        <v>43432.681279999997</v>
      </c>
      <c r="H107">
        <v>45783.361709999997</v>
      </c>
      <c r="I107">
        <v>39817.122179999998</v>
      </c>
      <c r="J107">
        <v>47232.96759</v>
      </c>
      <c r="K107">
        <v>44389.318399999996</v>
      </c>
      <c r="L107">
        <v>30377.17499</v>
      </c>
      <c r="M107">
        <v>288943.82929999998</v>
      </c>
      <c r="N107">
        <v>86144.041410000005</v>
      </c>
      <c r="O107">
        <v>27630.710439999999</v>
      </c>
      <c r="P107">
        <v>41158.320870000003</v>
      </c>
      <c r="Q107">
        <v>70123.535940000002</v>
      </c>
      <c r="R107">
        <v>22609.546320000001</v>
      </c>
      <c r="S107">
        <v>117195.5383</v>
      </c>
      <c r="T107">
        <v>33174.483209999999</v>
      </c>
      <c r="U107">
        <v>17857.211770000002</v>
      </c>
      <c r="W107" s="83">
        <f>Bühler!N139</f>
        <v>45296.374999999745</v>
      </c>
      <c r="X107" s="83">
        <v>43105.375</v>
      </c>
      <c r="Y107">
        <v>144207.53950000001</v>
      </c>
      <c r="Z107">
        <v>33670.959110000003</v>
      </c>
      <c r="AA107">
        <v>98703.329700000002</v>
      </c>
      <c r="AB107">
        <v>43432.681279999997</v>
      </c>
      <c r="AC107">
        <v>45783.361709999997</v>
      </c>
      <c r="AD107">
        <v>39817.122179999998</v>
      </c>
      <c r="AE107">
        <v>47232.96759</v>
      </c>
      <c r="AF107">
        <v>44389.318399999996</v>
      </c>
      <c r="AG107">
        <v>30377.17499</v>
      </c>
      <c r="AH107">
        <v>288943.82929999998</v>
      </c>
      <c r="AI107">
        <v>86144.041410000005</v>
      </c>
      <c r="AJ107">
        <v>27630.710439999999</v>
      </c>
      <c r="AK107">
        <v>41158.320870000003</v>
      </c>
      <c r="AL107">
        <v>70123.535940000002</v>
      </c>
      <c r="AM107">
        <v>22609.546320000001</v>
      </c>
      <c r="AN107">
        <v>117195.5383</v>
      </c>
      <c r="AO107">
        <v>33174.483209999999</v>
      </c>
      <c r="AP107">
        <v>17857.211770000002</v>
      </c>
    </row>
    <row r="108" spans="2:42" x14ac:dyDescent="0.3">
      <c r="B108">
        <v>57.566975971723735</v>
      </c>
      <c r="C108" s="83">
        <v>43105.416666666664</v>
      </c>
      <c r="D108">
        <v>144719.74290000001</v>
      </c>
      <c r="E108">
        <v>34999.698279999997</v>
      </c>
      <c r="F108">
        <v>98731.255109999998</v>
      </c>
      <c r="G108">
        <v>43119.878479999999</v>
      </c>
      <c r="H108">
        <v>46512.373209999998</v>
      </c>
      <c r="I108">
        <v>37780.474159999998</v>
      </c>
      <c r="J108">
        <v>45542.636059999997</v>
      </c>
      <c r="K108">
        <v>46284.300380000001</v>
      </c>
      <c r="L108">
        <v>32180.816340000001</v>
      </c>
      <c r="M108">
        <v>293503.28940000001</v>
      </c>
      <c r="N108">
        <v>93033.678020000007</v>
      </c>
      <c r="O108">
        <v>27043.023570000001</v>
      </c>
      <c r="P108">
        <v>41180.887260000003</v>
      </c>
      <c r="Q108">
        <v>70800.265679999997</v>
      </c>
      <c r="R108">
        <v>23412.59506</v>
      </c>
      <c r="S108">
        <v>116502.7499</v>
      </c>
      <c r="T108">
        <v>34880.957219999997</v>
      </c>
      <c r="U108">
        <v>17627.957709999999</v>
      </c>
      <c r="W108" s="83">
        <f>Bühler!N140</f>
        <v>45296.41666666641</v>
      </c>
      <c r="X108" s="83">
        <v>43105.416666666664</v>
      </c>
      <c r="Y108">
        <v>144719.74290000001</v>
      </c>
      <c r="Z108">
        <v>34999.698279999997</v>
      </c>
      <c r="AA108">
        <v>98731.255109999998</v>
      </c>
      <c r="AB108">
        <v>43119.878479999999</v>
      </c>
      <c r="AC108">
        <v>46512.373209999998</v>
      </c>
      <c r="AD108">
        <v>37780.474159999998</v>
      </c>
      <c r="AE108">
        <v>45542.636059999997</v>
      </c>
      <c r="AF108">
        <v>46284.300380000001</v>
      </c>
      <c r="AG108">
        <v>32180.816340000001</v>
      </c>
      <c r="AH108">
        <v>293503.28940000001</v>
      </c>
      <c r="AI108">
        <v>93033.678020000007</v>
      </c>
      <c r="AJ108">
        <v>27043.023570000001</v>
      </c>
      <c r="AK108">
        <v>41180.887260000003</v>
      </c>
      <c r="AL108">
        <v>70800.265679999997</v>
      </c>
      <c r="AM108">
        <v>23412.59506</v>
      </c>
      <c r="AN108">
        <v>116502.7499</v>
      </c>
      <c r="AO108">
        <v>34880.957219999997</v>
      </c>
      <c r="AP108">
        <v>17627.957709999999</v>
      </c>
    </row>
    <row r="109" spans="2:42" x14ac:dyDescent="0.3">
      <c r="B109">
        <v>58.612806059121105</v>
      </c>
      <c r="C109" s="83">
        <v>43105.458333333336</v>
      </c>
      <c r="D109">
        <v>144042.33129999999</v>
      </c>
      <c r="E109">
        <v>35190.164120000001</v>
      </c>
      <c r="F109">
        <v>99533.976779999997</v>
      </c>
      <c r="G109">
        <v>43377.930189999999</v>
      </c>
      <c r="H109">
        <v>46808.802219999998</v>
      </c>
      <c r="I109">
        <v>37729.832929999997</v>
      </c>
      <c r="J109">
        <v>44456.346129999998</v>
      </c>
      <c r="K109">
        <v>51195.326950000002</v>
      </c>
      <c r="L109">
        <v>33715.294529999999</v>
      </c>
      <c r="M109">
        <v>298835.41889999999</v>
      </c>
      <c r="N109">
        <v>92175.611640000003</v>
      </c>
      <c r="O109">
        <v>27482.892820000001</v>
      </c>
      <c r="P109">
        <v>39926.77231</v>
      </c>
      <c r="Q109">
        <v>71599.531210000001</v>
      </c>
      <c r="R109">
        <v>26113.313770000001</v>
      </c>
      <c r="S109">
        <v>117694.9586</v>
      </c>
      <c r="T109">
        <v>35192.685279999998</v>
      </c>
      <c r="U109">
        <v>17596.58238</v>
      </c>
      <c r="W109" s="83">
        <f>Bühler!N141</f>
        <v>45296.458333333074</v>
      </c>
      <c r="X109" s="83">
        <v>43105.458333333336</v>
      </c>
      <c r="Y109">
        <v>144042.33129999999</v>
      </c>
      <c r="Z109">
        <v>35190.164120000001</v>
      </c>
      <c r="AA109">
        <v>99533.976779999997</v>
      </c>
      <c r="AB109">
        <v>43377.930189999999</v>
      </c>
      <c r="AC109">
        <v>46808.802219999998</v>
      </c>
      <c r="AD109">
        <v>37729.832929999997</v>
      </c>
      <c r="AE109">
        <v>44456.346129999998</v>
      </c>
      <c r="AF109">
        <v>51195.326950000002</v>
      </c>
      <c r="AG109">
        <v>33715.294529999999</v>
      </c>
      <c r="AH109">
        <v>298835.41889999999</v>
      </c>
      <c r="AI109">
        <v>92175.611640000003</v>
      </c>
      <c r="AJ109">
        <v>27482.892820000001</v>
      </c>
      <c r="AK109">
        <v>39926.77231</v>
      </c>
      <c r="AL109">
        <v>71599.531210000001</v>
      </c>
      <c r="AM109">
        <v>26113.313770000001</v>
      </c>
      <c r="AN109">
        <v>117694.9586</v>
      </c>
      <c r="AO109">
        <v>35192.685279999998</v>
      </c>
      <c r="AP109">
        <v>17596.58238</v>
      </c>
    </row>
    <row r="110" spans="2:42" x14ac:dyDescent="0.3">
      <c r="B110">
        <v>57.907367549033687</v>
      </c>
      <c r="C110" s="83">
        <v>43105.5</v>
      </c>
      <c r="D110">
        <v>143503.75510000001</v>
      </c>
      <c r="E110">
        <v>32548.051530000001</v>
      </c>
      <c r="F110">
        <v>97216.682159999997</v>
      </c>
      <c r="G110">
        <v>42454.095390000002</v>
      </c>
      <c r="H110">
        <v>45665.319020000003</v>
      </c>
      <c r="I110">
        <v>36621.618629999997</v>
      </c>
      <c r="J110">
        <v>44026.138339999998</v>
      </c>
      <c r="K110">
        <v>52208.678699999997</v>
      </c>
      <c r="L110">
        <v>36176.485560000001</v>
      </c>
      <c r="M110">
        <v>295238.76439999999</v>
      </c>
      <c r="N110">
        <v>89141.680250000005</v>
      </c>
      <c r="O110">
        <v>27193.826679999998</v>
      </c>
      <c r="P110">
        <v>39453.526969999999</v>
      </c>
      <c r="Q110">
        <v>69741.626170000003</v>
      </c>
      <c r="R110">
        <v>25323.23503</v>
      </c>
      <c r="S110">
        <v>110672.5429</v>
      </c>
      <c r="T110">
        <v>35247.532090000001</v>
      </c>
      <c r="U110">
        <v>16455.783200000002</v>
      </c>
      <c r="W110" s="83">
        <f>Bühler!N142</f>
        <v>45296.499999999738</v>
      </c>
      <c r="X110" s="83">
        <v>43105.5</v>
      </c>
      <c r="Y110">
        <v>143503.75510000001</v>
      </c>
      <c r="Z110">
        <v>32548.051530000001</v>
      </c>
      <c r="AA110">
        <v>97216.682159999997</v>
      </c>
      <c r="AB110">
        <v>42454.095390000002</v>
      </c>
      <c r="AC110">
        <v>45665.319020000003</v>
      </c>
      <c r="AD110">
        <v>36621.618629999997</v>
      </c>
      <c r="AE110">
        <v>44026.138339999998</v>
      </c>
      <c r="AF110">
        <v>52208.678699999997</v>
      </c>
      <c r="AG110">
        <v>36176.485560000001</v>
      </c>
      <c r="AH110">
        <v>295238.76439999999</v>
      </c>
      <c r="AI110">
        <v>89141.680250000005</v>
      </c>
      <c r="AJ110">
        <v>27193.826679999998</v>
      </c>
      <c r="AK110">
        <v>39453.526969999999</v>
      </c>
      <c r="AL110">
        <v>69741.626170000003</v>
      </c>
      <c r="AM110">
        <v>25323.23503</v>
      </c>
      <c r="AN110">
        <v>110672.5429</v>
      </c>
      <c r="AO110">
        <v>35247.532090000001</v>
      </c>
      <c r="AP110">
        <v>16455.783200000002</v>
      </c>
    </row>
    <row r="111" spans="2:42" x14ac:dyDescent="0.3">
      <c r="B111">
        <v>57.959894187838032</v>
      </c>
      <c r="C111" s="83">
        <v>43105.541666666664</v>
      </c>
      <c r="D111">
        <v>142920.02729999999</v>
      </c>
      <c r="E111">
        <v>31740.765309999999</v>
      </c>
      <c r="F111">
        <v>96898.133669999996</v>
      </c>
      <c r="G111">
        <v>41937.194329999998</v>
      </c>
      <c r="H111">
        <v>45123.06207</v>
      </c>
      <c r="I111">
        <v>37091.698190000003</v>
      </c>
      <c r="J111">
        <v>42617.52087</v>
      </c>
      <c r="K111">
        <v>53152.640249999997</v>
      </c>
      <c r="L111">
        <v>36013.191590000002</v>
      </c>
      <c r="M111">
        <v>295506.56969999999</v>
      </c>
      <c r="N111">
        <v>85656.216610000003</v>
      </c>
      <c r="O111">
        <v>26874.808830000002</v>
      </c>
      <c r="P111">
        <v>38520.364889999997</v>
      </c>
      <c r="Q111">
        <v>68231.842050000007</v>
      </c>
      <c r="R111">
        <v>25570.393169999999</v>
      </c>
      <c r="S111">
        <v>109913.1159</v>
      </c>
      <c r="T111">
        <v>34494.326690000002</v>
      </c>
      <c r="U111">
        <v>15825.20703</v>
      </c>
      <c r="W111" s="83">
        <f>Bühler!N143</f>
        <v>45296.541666666402</v>
      </c>
      <c r="X111" s="83">
        <v>43105.541666666664</v>
      </c>
      <c r="Y111">
        <v>142920.02729999999</v>
      </c>
      <c r="Z111">
        <v>31740.765309999999</v>
      </c>
      <c r="AA111">
        <v>96898.133669999996</v>
      </c>
      <c r="AB111">
        <v>41937.194329999998</v>
      </c>
      <c r="AC111">
        <v>45123.06207</v>
      </c>
      <c r="AD111">
        <v>37091.698190000003</v>
      </c>
      <c r="AE111">
        <v>42617.52087</v>
      </c>
      <c r="AF111">
        <v>53152.640249999997</v>
      </c>
      <c r="AG111">
        <v>36013.191590000002</v>
      </c>
      <c r="AH111">
        <v>295506.56969999999</v>
      </c>
      <c r="AI111">
        <v>85656.216610000003</v>
      </c>
      <c r="AJ111">
        <v>26874.808830000002</v>
      </c>
      <c r="AK111">
        <v>38520.364889999997</v>
      </c>
      <c r="AL111">
        <v>68231.842050000007</v>
      </c>
      <c r="AM111">
        <v>25570.393169999999</v>
      </c>
      <c r="AN111">
        <v>109913.1159</v>
      </c>
      <c r="AO111">
        <v>34494.326690000002</v>
      </c>
      <c r="AP111">
        <v>15825.20703</v>
      </c>
    </row>
    <row r="112" spans="2:42" x14ac:dyDescent="0.3">
      <c r="B112">
        <v>58.317719949084548</v>
      </c>
      <c r="C112" s="83">
        <v>43105.583333333336</v>
      </c>
      <c r="D112">
        <v>143076.70559999999</v>
      </c>
      <c r="E112">
        <v>33238.522859999997</v>
      </c>
      <c r="F112">
        <v>97135.890350000001</v>
      </c>
      <c r="G112">
        <v>41298.051180000002</v>
      </c>
      <c r="H112">
        <v>44417.639990000003</v>
      </c>
      <c r="I112">
        <v>37053.59618</v>
      </c>
      <c r="J112">
        <v>41326.753400000001</v>
      </c>
      <c r="K112">
        <v>52587.282550000004</v>
      </c>
      <c r="L112">
        <v>33682.058579999997</v>
      </c>
      <c r="M112">
        <v>297330.93229999999</v>
      </c>
      <c r="N112">
        <v>84736.507809999996</v>
      </c>
      <c r="O112">
        <v>26329.237550000002</v>
      </c>
      <c r="P112">
        <v>37854.204610000001</v>
      </c>
      <c r="Q112">
        <v>68072.11924</v>
      </c>
      <c r="R112">
        <v>24472.910660000001</v>
      </c>
      <c r="S112">
        <v>105629.2887</v>
      </c>
      <c r="T112">
        <v>33722.337370000001</v>
      </c>
      <c r="U112">
        <v>15636.430490000001</v>
      </c>
      <c r="W112" s="83">
        <f>Bühler!N144</f>
        <v>45296.583333333067</v>
      </c>
      <c r="X112" s="83">
        <v>43105.583333333336</v>
      </c>
      <c r="Y112">
        <v>143076.70559999999</v>
      </c>
      <c r="Z112">
        <v>33238.522859999997</v>
      </c>
      <c r="AA112">
        <v>97135.890350000001</v>
      </c>
      <c r="AB112">
        <v>41298.051180000002</v>
      </c>
      <c r="AC112">
        <v>44417.639990000003</v>
      </c>
      <c r="AD112">
        <v>37053.59618</v>
      </c>
      <c r="AE112">
        <v>41326.753400000001</v>
      </c>
      <c r="AF112">
        <v>52587.282550000004</v>
      </c>
      <c r="AG112">
        <v>33682.058579999997</v>
      </c>
      <c r="AH112">
        <v>297330.93229999999</v>
      </c>
      <c r="AI112">
        <v>84736.507809999996</v>
      </c>
      <c r="AJ112">
        <v>26329.237550000002</v>
      </c>
      <c r="AK112">
        <v>37854.204610000001</v>
      </c>
      <c r="AL112">
        <v>68072.11924</v>
      </c>
      <c r="AM112">
        <v>24472.910660000001</v>
      </c>
      <c r="AN112">
        <v>105629.2887</v>
      </c>
      <c r="AO112">
        <v>33722.337370000001</v>
      </c>
      <c r="AP112">
        <v>15636.430490000001</v>
      </c>
    </row>
    <row r="113" spans="2:42" x14ac:dyDescent="0.3">
      <c r="B113">
        <v>57.404905155800087</v>
      </c>
      <c r="C113" s="83">
        <v>43105.625</v>
      </c>
      <c r="D113">
        <v>142225.7849</v>
      </c>
      <c r="E113">
        <v>32893.211710000003</v>
      </c>
      <c r="F113">
        <v>96444.562139999995</v>
      </c>
      <c r="G113">
        <v>41201.277399999999</v>
      </c>
      <c r="H113">
        <v>43607.838320000003</v>
      </c>
      <c r="I113">
        <v>36457.528559999999</v>
      </c>
      <c r="J113">
        <v>41124.048069999997</v>
      </c>
      <c r="K113">
        <v>50934.272510000003</v>
      </c>
      <c r="L113">
        <v>30258.35427</v>
      </c>
      <c r="M113">
        <v>292676.9768</v>
      </c>
      <c r="N113">
        <v>83209.746729999999</v>
      </c>
      <c r="O113">
        <v>26035.956839999999</v>
      </c>
      <c r="P113">
        <v>35874.497620000002</v>
      </c>
      <c r="Q113">
        <v>67791.746509999997</v>
      </c>
      <c r="R113">
        <v>23847.49037</v>
      </c>
      <c r="S113">
        <v>102854.62270000001</v>
      </c>
      <c r="T113">
        <v>34025.752200000003</v>
      </c>
      <c r="U113">
        <v>15389.333269999999</v>
      </c>
      <c r="W113" s="83">
        <f>Bühler!N145</f>
        <v>45296.624999999731</v>
      </c>
      <c r="X113" s="83">
        <v>43105.625</v>
      </c>
      <c r="Y113">
        <v>142225.7849</v>
      </c>
      <c r="Z113">
        <v>32893.211710000003</v>
      </c>
      <c r="AA113">
        <v>96444.562139999995</v>
      </c>
      <c r="AB113">
        <v>41201.277399999999</v>
      </c>
      <c r="AC113">
        <v>43607.838320000003</v>
      </c>
      <c r="AD113">
        <v>36457.528559999999</v>
      </c>
      <c r="AE113">
        <v>41124.048069999997</v>
      </c>
      <c r="AF113">
        <v>50934.272510000003</v>
      </c>
      <c r="AG113">
        <v>30258.35427</v>
      </c>
      <c r="AH113">
        <v>292676.9768</v>
      </c>
      <c r="AI113">
        <v>83209.746729999999</v>
      </c>
      <c r="AJ113">
        <v>26035.956839999999</v>
      </c>
      <c r="AK113">
        <v>35874.497620000002</v>
      </c>
      <c r="AL113">
        <v>67791.746509999997</v>
      </c>
      <c r="AM113">
        <v>23847.49037</v>
      </c>
      <c r="AN113">
        <v>102854.62270000001</v>
      </c>
      <c r="AO113">
        <v>34025.752200000003</v>
      </c>
      <c r="AP113">
        <v>15389.333269999999</v>
      </c>
    </row>
    <row r="114" spans="2:42" x14ac:dyDescent="0.3">
      <c r="B114">
        <v>56.62189806459925</v>
      </c>
      <c r="C114" s="83">
        <v>43105.666666666664</v>
      </c>
      <c r="D114">
        <v>141006.8149</v>
      </c>
      <c r="E114">
        <v>32199.802070000002</v>
      </c>
      <c r="F114">
        <v>95949.661500000002</v>
      </c>
      <c r="G114">
        <v>41025.49972</v>
      </c>
      <c r="H114">
        <v>43465.898000000001</v>
      </c>
      <c r="I114">
        <v>36905.856849999996</v>
      </c>
      <c r="J114">
        <v>40758.358090000002</v>
      </c>
      <c r="K114">
        <v>48992.211280000003</v>
      </c>
      <c r="L114">
        <v>28798.603599999999</v>
      </c>
      <c r="M114">
        <v>288684.84149999998</v>
      </c>
      <c r="N114">
        <v>78169.568239999993</v>
      </c>
      <c r="O114">
        <v>26046.772499999999</v>
      </c>
      <c r="P114">
        <v>35121.976269999999</v>
      </c>
      <c r="Q114">
        <v>66815.247080000001</v>
      </c>
      <c r="R114">
        <v>23035.915239999998</v>
      </c>
      <c r="S114">
        <v>102417.8743</v>
      </c>
      <c r="T114">
        <v>33996.599289999998</v>
      </c>
      <c r="U114">
        <v>16317.26924</v>
      </c>
      <c r="W114" s="83">
        <f>Bühler!N146</f>
        <v>45296.666666666395</v>
      </c>
      <c r="X114" s="83">
        <v>43105.666666666664</v>
      </c>
      <c r="Y114">
        <v>141006.8149</v>
      </c>
      <c r="Z114">
        <v>32199.802070000002</v>
      </c>
      <c r="AA114">
        <v>95949.661500000002</v>
      </c>
      <c r="AB114">
        <v>41025.49972</v>
      </c>
      <c r="AC114">
        <v>43465.898000000001</v>
      </c>
      <c r="AD114">
        <v>36905.856849999996</v>
      </c>
      <c r="AE114">
        <v>40758.358090000002</v>
      </c>
      <c r="AF114">
        <v>48992.211280000003</v>
      </c>
      <c r="AG114">
        <v>28798.603599999999</v>
      </c>
      <c r="AH114">
        <v>288684.84149999998</v>
      </c>
      <c r="AI114">
        <v>78169.568239999993</v>
      </c>
      <c r="AJ114">
        <v>26046.772499999999</v>
      </c>
      <c r="AK114">
        <v>35121.976269999999</v>
      </c>
      <c r="AL114">
        <v>66815.247080000001</v>
      </c>
      <c r="AM114">
        <v>23035.915239999998</v>
      </c>
      <c r="AN114">
        <v>102417.8743</v>
      </c>
      <c r="AO114">
        <v>33996.599289999998</v>
      </c>
      <c r="AP114">
        <v>16317.26924</v>
      </c>
    </row>
    <row r="115" spans="2:42" x14ac:dyDescent="0.3">
      <c r="B115">
        <v>55.871139416159927</v>
      </c>
      <c r="C115" s="83">
        <v>43105.708333333336</v>
      </c>
      <c r="D115">
        <v>141376.38459999999</v>
      </c>
      <c r="E115">
        <v>32336.664000000001</v>
      </c>
      <c r="F115">
        <v>97657.563689999995</v>
      </c>
      <c r="G115">
        <v>41956.08466</v>
      </c>
      <c r="H115">
        <v>45015.54378</v>
      </c>
      <c r="I115">
        <v>38171.473469999997</v>
      </c>
      <c r="J115">
        <v>42992.263339999998</v>
      </c>
      <c r="K115">
        <v>47315.918640000004</v>
      </c>
      <c r="L115">
        <v>30067.956620000001</v>
      </c>
      <c r="M115">
        <v>284857.1238</v>
      </c>
      <c r="N115">
        <v>74565.015090000001</v>
      </c>
      <c r="O115">
        <v>26259.469209999999</v>
      </c>
      <c r="P115">
        <v>37847.86507</v>
      </c>
      <c r="Q115">
        <v>65627.179640000002</v>
      </c>
      <c r="R115">
        <v>23748.467089999998</v>
      </c>
      <c r="S115">
        <v>105344.1568</v>
      </c>
      <c r="T115">
        <v>35328.330549999999</v>
      </c>
      <c r="U115">
        <v>17441.011020000002</v>
      </c>
      <c r="W115" s="83">
        <f>Bühler!N147</f>
        <v>45296.708333333059</v>
      </c>
      <c r="X115" s="83">
        <v>43105.708333333336</v>
      </c>
      <c r="Y115">
        <v>141376.38459999999</v>
      </c>
      <c r="Z115">
        <v>32336.664000000001</v>
      </c>
      <c r="AA115">
        <v>97657.563689999995</v>
      </c>
      <c r="AB115">
        <v>41956.08466</v>
      </c>
      <c r="AC115">
        <v>45015.54378</v>
      </c>
      <c r="AD115">
        <v>38171.473469999997</v>
      </c>
      <c r="AE115">
        <v>42992.263339999998</v>
      </c>
      <c r="AF115">
        <v>47315.918640000004</v>
      </c>
      <c r="AG115">
        <v>30067.956620000001</v>
      </c>
      <c r="AH115">
        <v>284857.1238</v>
      </c>
      <c r="AI115">
        <v>74565.015090000001</v>
      </c>
      <c r="AJ115">
        <v>26259.469209999999</v>
      </c>
      <c r="AK115">
        <v>37847.86507</v>
      </c>
      <c r="AL115">
        <v>65627.179640000002</v>
      </c>
      <c r="AM115">
        <v>23748.467089999998</v>
      </c>
      <c r="AN115">
        <v>105344.1568</v>
      </c>
      <c r="AO115">
        <v>35328.330549999999</v>
      </c>
      <c r="AP115">
        <v>17441.011020000002</v>
      </c>
    </row>
    <row r="116" spans="2:42" x14ac:dyDescent="0.3">
      <c r="B116">
        <v>54.682168715281492</v>
      </c>
      <c r="C116" s="83">
        <v>43105.75</v>
      </c>
      <c r="D116">
        <v>140788.7819</v>
      </c>
      <c r="E116">
        <v>30612.34576</v>
      </c>
      <c r="F116">
        <v>95483.403390000007</v>
      </c>
      <c r="G116">
        <v>41534.364350000003</v>
      </c>
      <c r="H116">
        <v>44656.542090000003</v>
      </c>
      <c r="I116">
        <v>38110.837659999997</v>
      </c>
      <c r="J116">
        <v>44284.201569999997</v>
      </c>
      <c r="K116">
        <v>42377.806850000001</v>
      </c>
      <c r="L116">
        <v>32567.172009999998</v>
      </c>
      <c r="M116">
        <v>278795.19669999997</v>
      </c>
      <c r="N116">
        <v>73827.619430000006</v>
      </c>
      <c r="O116">
        <v>25947.095259999998</v>
      </c>
      <c r="P116">
        <v>40302.811070000003</v>
      </c>
      <c r="Q116">
        <v>64700.954749999997</v>
      </c>
      <c r="R116">
        <v>22579.08858</v>
      </c>
      <c r="S116">
        <v>101922.3722</v>
      </c>
      <c r="T116">
        <v>35677.094429999997</v>
      </c>
      <c r="U116">
        <v>17285.5939</v>
      </c>
      <c r="W116" s="83">
        <f>Bühler!N148</f>
        <v>45296.749999999724</v>
      </c>
      <c r="X116" s="83">
        <v>43105.75</v>
      </c>
      <c r="Y116">
        <v>140788.7819</v>
      </c>
      <c r="Z116">
        <v>30612.34576</v>
      </c>
      <c r="AA116">
        <v>95483.403390000007</v>
      </c>
      <c r="AB116">
        <v>41534.364350000003</v>
      </c>
      <c r="AC116">
        <v>44656.542090000003</v>
      </c>
      <c r="AD116">
        <v>38110.837659999997</v>
      </c>
      <c r="AE116">
        <v>44284.201569999997</v>
      </c>
      <c r="AF116">
        <v>42377.806850000001</v>
      </c>
      <c r="AG116">
        <v>32567.172009999998</v>
      </c>
      <c r="AH116">
        <v>278795.19669999997</v>
      </c>
      <c r="AI116">
        <v>73827.619430000006</v>
      </c>
      <c r="AJ116">
        <v>25947.095259999998</v>
      </c>
      <c r="AK116">
        <v>40302.811070000003</v>
      </c>
      <c r="AL116">
        <v>64700.954749999997</v>
      </c>
      <c r="AM116">
        <v>22579.08858</v>
      </c>
      <c r="AN116">
        <v>101922.3722</v>
      </c>
      <c r="AO116">
        <v>35677.094429999997</v>
      </c>
      <c r="AP116">
        <v>17285.5939</v>
      </c>
    </row>
    <row r="117" spans="2:42" x14ac:dyDescent="0.3">
      <c r="B117">
        <v>53.9042793199229</v>
      </c>
      <c r="C117" s="83">
        <v>43105.791666666664</v>
      </c>
      <c r="D117">
        <v>140559.64670000001</v>
      </c>
      <c r="E117">
        <v>25693.152900000001</v>
      </c>
      <c r="F117">
        <v>82765.589479999995</v>
      </c>
      <c r="G117">
        <v>41431.960469999998</v>
      </c>
      <c r="H117">
        <v>42642.275309999997</v>
      </c>
      <c r="I117">
        <v>36329.32028</v>
      </c>
      <c r="J117">
        <v>43700.208899999998</v>
      </c>
      <c r="K117">
        <v>42227.428699999997</v>
      </c>
      <c r="L117">
        <v>34158.940629999997</v>
      </c>
      <c r="M117">
        <v>274829.15379999997</v>
      </c>
      <c r="N117">
        <v>73314.661659999998</v>
      </c>
      <c r="O117">
        <v>25738.83267</v>
      </c>
      <c r="P117">
        <v>41398.941169999998</v>
      </c>
      <c r="Q117">
        <v>63912.32662</v>
      </c>
      <c r="R117">
        <v>21675.988109999998</v>
      </c>
      <c r="S117">
        <v>98330.443440000003</v>
      </c>
      <c r="T117">
        <v>34456.758260000002</v>
      </c>
      <c r="U117">
        <v>16492.344150000001</v>
      </c>
      <c r="W117" s="83">
        <f>Bühler!N149</f>
        <v>45296.791666666388</v>
      </c>
      <c r="X117" s="83">
        <v>43105.791666666664</v>
      </c>
      <c r="Y117">
        <v>140559.64670000001</v>
      </c>
      <c r="Z117">
        <v>25693.152900000001</v>
      </c>
      <c r="AA117">
        <v>82765.589479999995</v>
      </c>
      <c r="AB117">
        <v>41431.960469999998</v>
      </c>
      <c r="AC117">
        <v>42642.275309999997</v>
      </c>
      <c r="AD117">
        <v>36329.32028</v>
      </c>
      <c r="AE117">
        <v>43700.208899999998</v>
      </c>
      <c r="AF117">
        <v>42227.428699999997</v>
      </c>
      <c r="AG117">
        <v>34158.940629999997</v>
      </c>
      <c r="AH117">
        <v>274829.15379999997</v>
      </c>
      <c r="AI117">
        <v>73314.661659999998</v>
      </c>
      <c r="AJ117">
        <v>25738.83267</v>
      </c>
      <c r="AK117">
        <v>41398.941169999998</v>
      </c>
      <c r="AL117">
        <v>63912.32662</v>
      </c>
      <c r="AM117">
        <v>21675.988109999998</v>
      </c>
      <c r="AN117">
        <v>98330.443440000003</v>
      </c>
      <c r="AO117">
        <v>34456.758260000002</v>
      </c>
      <c r="AP117">
        <v>16492.344150000001</v>
      </c>
    </row>
    <row r="118" spans="2:42" x14ac:dyDescent="0.3">
      <c r="B118">
        <v>53.667303822005508</v>
      </c>
      <c r="C118" s="83">
        <v>43105.833333333336</v>
      </c>
      <c r="D118">
        <v>140455.36240000001</v>
      </c>
      <c r="E118">
        <v>19998.561010000001</v>
      </c>
      <c r="F118">
        <v>64077.014089999997</v>
      </c>
      <c r="G118">
        <v>40786.08999</v>
      </c>
      <c r="H118">
        <v>41513.467109999998</v>
      </c>
      <c r="I118">
        <v>34278.01165</v>
      </c>
      <c r="J118">
        <v>41939.008249999999</v>
      </c>
      <c r="K118">
        <v>49909.882850000002</v>
      </c>
      <c r="L118">
        <v>33716.372040000002</v>
      </c>
      <c r="M118">
        <v>273620.94219999999</v>
      </c>
      <c r="N118">
        <v>73315.828240000003</v>
      </c>
      <c r="O118">
        <v>25202.87917</v>
      </c>
      <c r="P118">
        <v>40797.002800000002</v>
      </c>
      <c r="Q118">
        <v>62083.530720000002</v>
      </c>
      <c r="R118">
        <v>22965.72047</v>
      </c>
      <c r="S118">
        <v>91938.407819999993</v>
      </c>
      <c r="T118">
        <v>32852.41777</v>
      </c>
      <c r="U118">
        <v>16393.650949999999</v>
      </c>
      <c r="W118" s="83">
        <f>Bühler!N150</f>
        <v>45296.833333333052</v>
      </c>
      <c r="X118" s="83">
        <v>43105.833333333336</v>
      </c>
      <c r="Y118">
        <v>140455.36240000001</v>
      </c>
      <c r="Z118">
        <v>19998.561010000001</v>
      </c>
      <c r="AA118">
        <v>64077.014089999997</v>
      </c>
      <c r="AB118">
        <v>40786.08999</v>
      </c>
      <c r="AC118">
        <v>41513.467109999998</v>
      </c>
      <c r="AD118">
        <v>34278.01165</v>
      </c>
      <c r="AE118">
        <v>41939.008249999999</v>
      </c>
      <c r="AF118">
        <v>49909.882850000002</v>
      </c>
      <c r="AG118">
        <v>33716.372040000002</v>
      </c>
      <c r="AH118">
        <v>273620.94219999999</v>
      </c>
      <c r="AI118">
        <v>73315.828240000003</v>
      </c>
      <c r="AJ118">
        <v>25202.87917</v>
      </c>
      <c r="AK118">
        <v>40797.002800000002</v>
      </c>
      <c r="AL118">
        <v>62083.530720000002</v>
      </c>
      <c r="AM118">
        <v>22965.72047</v>
      </c>
      <c r="AN118">
        <v>91938.407819999993</v>
      </c>
      <c r="AO118">
        <v>32852.41777</v>
      </c>
      <c r="AP118">
        <v>16393.650949999999</v>
      </c>
    </row>
    <row r="119" spans="2:42" x14ac:dyDescent="0.3">
      <c r="B119">
        <v>52.737349894295285</v>
      </c>
      <c r="C119" s="83">
        <v>43105.875</v>
      </c>
      <c r="D119">
        <v>140127.5238</v>
      </c>
      <c r="E119">
        <v>17711.57487</v>
      </c>
      <c r="F119">
        <v>55634.732459999999</v>
      </c>
      <c r="G119">
        <v>40399.696669999998</v>
      </c>
      <c r="H119">
        <v>40315.31783</v>
      </c>
      <c r="I119">
        <v>30749.266179999999</v>
      </c>
      <c r="J119">
        <v>41656.18058</v>
      </c>
      <c r="K119">
        <v>49286.923439999999</v>
      </c>
      <c r="L119">
        <v>31682.220300000001</v>
      </c>
      <c r="M119">
        <v>268879.60340000002</v>
      </c>
      <c r="N119">
        <v>71791.873319999999</v>
      </c>
      <c r="O119">
        <v>24211.446550000001</v>
      </c>
      <c r="P119">
        <v>40358.090409999997</v>
      </c>
      <c r="Q119">
        <v>61473.057260000001</v>
      </c>
      <c r="R119">
        <v>21185.590909999999</v>
      </c>
      <c r="S119">
        <v>86852.586179999998</v>
      </c>
      <c r="T119">
        <v>30784.661270000001</v>
      </c>
      <c r="U119">
        <v>15799.55226</v>
      </c>
      <c r="W119" s="83">
        <f>Bühler!N151</f>
        <v>45296.874999999716</v>
      </c>
      <c r="X119" s="83">
        <v>43105.875</v>
      </c>
      <c r="Y119">
        <v>140127.5238</v>
      </c>
      <c r="Z119">
        <v>17711.57487</v>
      </c>
      <c r="AA119">
        <v>55634.732459999999</v>
      </c>
      <c r="AB119">
        <v>40399.696669999998</v>
      </c>
      <c r="AC119">
        <v>40315.31783</v>
      </c>
      <c r="AD119">
        <v>30749.266179999999</v>
      </c>
      <c r="AE119">
        <v>41656.18058</v>
      </c>
      <c r="AF119">
        <v>49286.923439999999</v>
      </c>
      <c r="AG119">
        <v>31682.220300000001</v>
      </c>
      <c r="AH119">
        <v>268879.60340000002</v>
      </c>
      <c r="AI119">
        <v>71791.873319999999</v>
      </c>
      <c r="AJ119">
        <v>24211.446550000001</v>
      </c>
      <c r="AK119">
        <v>40358.090409999997</v>
      </c>
      <c r="AL119">
        <v>61473.057260000001</v>
      </c>
      <c r="AM119">
        <v>21185.590909999999</v>
      </c>
      <c r="AN119">
        <v>86852.586179999998</v>
      </c>
      <c r="AO119">
        <v>30784.661270000001</v>
      </c>
      <c r="AP119">
        <v>15799.55226</v>
      </c>
    </row>
    <row r="120" spans="2:42" x14ac:dyDescent="0.3">
      <c r="B120">
        <v>52.758669952663723</v>
      </c>
      <c r="C120" s="83">
        <v>43105.916666666664</v>
      </c>
      <c r="D120">
        <v>140261.65659999999</v>
      </c>
      <c r="E120">
        <v>17017.600330000001</v>
      </c>
      <c r="F120">
        <v>52731.698199999999</v>
      </c>
      <c r="G120">
        <v>40603.142999999996</v>
      </c>
      <c r="H120">
        <v>40187.676959999997</v>
      </c>
      <c r="I120">
        <v>29061.82907</v>
      </c>
      <c r="J120">
        <v>40056.952969999998</v>
      </c>
      <c r="K120">
        <v>51880.126620000003</v>
      </c>
      <c r="L120">
        <v>28622.55041</v>
      </c>
      <c r="M120">
        <v>268988.30300000001</v>
      </c>
      <c r="N120">
        <v>71569.305470000007</v>
      </c>
      <c r="O120">
        <v>25445.879980000002</v>
      </c>
      <c r="P120">
        <v>42996.093480000003</v>
      </c>
      <c r="Q120">
        <v>61127.053390000001</v>
      </c>
      <c r="R120">
        <v>31142.018209999998</v>
      </c>
      <c r="S120">
        <v>86293.366209999993</v>
      </c>
      <c r="T120">
        <v>28573.483779999999</v>
      </c>
      <c r="U120">
        <v>17233.05442</v>
      </c>
      <c r="W120" s="83">
        <f>Bühler!N152</f>
        <v>45296.91666666638</v>
      </c>
      <c r="X120" s="83">
        <v>43105.916666666664</v>
      </c>
      <c r="Y120">
        <v>140261.65659999999</v>
      </c>
      <c r="Z120">
        <v>17017.600330000001</v>
      </c>
      <c r="AA120">
        <v>52731.698199999999</v>
      </c>
      <c r="AB120">
        <v>40603.142999999996</v>
      </c>
      <c r="AC120">
        <v>40187.676959999997</v>
      </c>
      <c r="AD120">
        <v>29061.82907</v>
      </c>
      <c r="AE120">
        <v>40056.952969999998</v>
      </c>
      <c r="AF120">
        <v>51880.126620000003</v>
      </c>
      <c r="AG120">
        <v>28622.55041</v>
      </c>
      <c r="AH120">
        <v>268988.30300000001</v>
      </c>
      <c r="AI120">
        <v>71569.305470000007</v>
      </c>
      <c r="AJ120">
        <v>25445.879980000002</v>
      </c>
      <c r="AK120">
        <v>42996.093480000003</v>
      </c>
      <c r="AL120">
        <v>61127.053390000001</v>
      </c>
      <c r="AM120">
        <v>31142.018209999998</v>
      </c>
      <c r="AN120">
        <v>86293.366209999993</v>
      </c>
      <c r="AO120">
        <v>28573.483779999999</v>
      </c>
      <c r="AP120">
        <v>17233.05442</v>
      </c>
    </row>
    <row r="121" spans="2:42" x14ac:dyDescent="0.3">
      <c r="B121">
        <v>51.964606575862618</v>
      </c>
      <c r="C121" s="83">
        <v>43105.958333333336</v>
      </c>
      <c r="D121">
        <v>140125.33809999999</v>
      </c>
      <c r="E121">
        <v>16794.239379999999</v>
      </c>
      <c r="F121">
        <v>51458.67325</v>
      </c>
      <c r="G121">
        <v>41084.783600000002</v>
      </c>
      <c r="H121">
        <v>39292.789470000003</v>
      </c>
      <c r="I121">
        <v>28968.79391</v>
      </c>
      <c r="J121">
        <v>37669.732199999999</v>
      </c>
      <c r="K121">
        <v>51424.858130000001</v>
      </c>
      <c r="L121">
        <v>24535.217779999999</v>
      </c>
      <c r="M121">
        <v>264939.79759999999</v>
      </c>
      <c r="N121">
        <v>71351.216769999999</v>
      </c>
      <c r="O121">
        <v>25288.99192</v>
      </c>
      <c r="P121">
        <v>38344.919450000001</v>
      </c>
      <c r="Q121">
        <v>61298.411939999998</v>
      </c>
      <c r="R121">
        <v>31223.7958</v>
      </c>
      <c r="S121">
        <v>84999.113289999994</v>
      </c>
      <c r="T121">
        <v>30743.733550000001</v>
      </c>
      <c r="U121">
        <v>16800.70408</v>
      </c>
      <c r="W121" s="83">
        <f>Bühler!N153</f>
        <v>45296.958333333045</v>
      </c>
      <c r="X121" s="83">
        <v>43105.958333333336</v>
      </c>
      <c r="Y121">
        <v>140125.33809999999</v>
      </c>
      <c r="Z121">
        <v>16794.239379999999</v>
      </c>
      <c r="AA121">
        <v>51458.67325</v>
      </c>
      <c r="AB121">
        <v>41084.783600000002</v>
      </c>
      <c r="AC121">
        <v>39292.789470000003</v>
      </c>
      <c r="AD121">
        <v>28968.79391</v>
      </c>
      <c r="AE121">
        <v>37669.732199999999</v>
      </c>
      <c r="AF121">
        <v>51424.858130000001</v>
      </c>
      <c r="AG121">
        <v>24535.217779999999</v>
      </c>
      <c r="AH121">
        <v>264939.79759999999</v>
      </c>
      <c r="AI121">
        <v>71351.216769999999</v>
      </c>
      <c r="AJ121">
        <v>25288.99192</v>
      </c>
      <c r="AK121">
        <v>38344.919450000001</v>
      </c>
      <c r="AL121">
        <v>61298.411939999998</v>
      </c>
      <c r="AM121">
        <v>31223.7958</v>
      </c>
      <c r="AN121">
        <v>84999.113289999994</v>
      </c>
      <c r="AO121">
        <v>30743.733550000001</v>
      </c>
      <c r="AP121">
        <v>16800.70408</v>
      </c>
    </row>
    <row r="122" spans="2:42" x14ac:dyDescent="0.3">
      <c r="B122">
        <v>51.31977425188596</v>
      </c>
      <c r="C122" s="83">
        <v>43106</v>
      </c>
      <c r="D122">
        <v>138953.1287</v>
      </c>
      <c r="E122">
        <v>16251.566699999999</v>
      </c>
      <c r="F122">
        <v>49844.233390000001</v>
      </c>
      <c r="G122">
        <v>39890.103799999997</v>
      </c>
      <c r="H122">
        <v>38693.917820000002</v>
      </c>
      <c r="I122">
        <v>27655.656279999999</v>
      </c>
      <c r="J122">
        <v>36372.383269999998</v>
      </c>
      <c r="K122">
        <v>49833.065990000003</v>
      </c>
      <c r="L122">
        <v>21538.089940000002</v>
      </c>
      <c r="M122">
        <v>261652.14170000001</v>
      </c>
      <c r="N122">
        <v>71213.722850000006</v>
      </c>
      <c r="O122">
        <v>24720.797310000002</v>
      </c>
      <c r="P122">
        <v>36548.06121</v>
      </c>
      <c r="Q122">
        <v>60837.451809999999</v>
      </c>
      <c r="R122">
        <v>31237.004809999999</v>
      </c>
      <c r="S122">
        <v>83495.489719999998</v>
      </c>
      <c r="T122">
        <v>29648.152139999998</v>
      </c>
      <c r="U122">
        <v>16469.974839999999</v>
      </c>
      <c r="W122" s="83">
        <f>Bühler!N154</f>
        <v>45296.999999999709</v>
      </c>
      <c r="X122" s="83">
        <v>43106</v>
      </c>
      <c r="Y122">
        <v>138953.1287</v>
      </c>
      <c r="Z122">
        <v>16251.566699999999</v>
      </c>
      <c r="AA122">
        <v>49844.233390000001</v>
      </c>
      <c r="AB122">
        <v>39890.103799999997</v>
      </c>
      <c r="AC122">
        <v>38693.917820000002</v>
      </c>
      <c r="AD122">
        <v>27655.656279999999</v>
      </c>
      <c r="AE122">
        <v>36372.383269999998</v>
      </c>
      <c r="AF122">
        <v>49833.065990000003</v>
      </c>
      <c r="AG122">
        <v>21538.089940000002</v>
      </c>
      <c r="AH122">
        <v>261652.14170000001</v>
      </c>
      <c r="AI122">
        <v>71213.722850000006</v>
      </c>
      <c r="AJ122">
        <v>24720.797310000002</v>
      </c>
      <c r="AK122">
        <v>36548.06121</v>
      </c>
      <c r="AL122">
        <v>60837.451809999999</v>
      </c>
      <c r="AM122">
        <v>31237.004809999999</v>
      </c>
      <c r="AN122">
        <v>83495.489719999998</v>
      </c>
      <c r="AO122">
        <v>29648.152139999998</v>
      </c>
      <c r="AP122">
        <v>16469.974839999999</v>
      </c>
    </row>
    <row r="123" spans="2:42" x14ac:dyDescent="0.3">
      <c r="B123">
        <v>51.24113393671891</v>
      </c>
      <c r="C123" s="83">
        <v>43106.041666666664</v>
      </c>
      <c r="D123">
        <v>139086.11040000001</v>
      </c>
      <c r="E123">
        <v>16421.588650000002</v>
      </c>
      <c r="F123">
        <v>50567.200100000002</v>
      </c>
      <c r="G123">
        <v>39661.413260000001</v>
      </c>
      <c r="H123">
        <v>38418.761850000003</v>
      </c>
      <c r="I123">
        <v>23573.34434</v>
      </c>
      <c r="J123">
        <v>35272.841160000004</v>
      </c>
      <c r="K123">
        <v>48596.648139999998</v>
      </c>
      <c r="L123">
        <v>20392.566030000002</v>
      </c>
      <c r="M123">
        <v>261251.1967</v>
      </c>
      <c r="N123">
        <v>70869.071150000003</v>
      </c>
      <c r="O123">
        <v>24942.423780000001</v>
      </c>
      <c r="P123">
        <v>34983.161070000002</v>
      </c>
      <c r="Q123">
        <v>61749.589339999999</v>
      </c>
      <c r="R123">
        <v>30034.904920000001</v>
      </c>
      <c r="S123">
        <v>82313.366099999999</v>
      </c>
      <c r="T123">
        <v>29275.356169999999</v>
      </c>
      <c r="U123">
        <v>17008.034019999999</v>
      </c>
      <c r="W123" s="83">
        <f>Bühler!N155</f>
        <v>45297.041666666373</v>
      </c>
      <c r="X123" s="83">
        <v>43106.041666666664</v>
      </c>
      <c r="Y123">
        <v>139086.11040000001</v>
      </c>
      <c r="Z123">
        <v>16421.588650000002</v>
      </c>
      <c r="AA123">
        <v>50567.200100000002</v>
      </c>
      <c r="AB123">
        <v>39661.413260000001</v>
      </c>
      <c r="AC123">
        <v>38418.761850000003</v>
      </c>
      <c r="AD123">
        <v>23573.34434</v>
      </c>
      <c r="AE123">
        <v>35272.841160000004</v>
      </c>
      <c r="AF123">
        <v>48596.648139999998</v>
      </c>
      <c r="AG123">
        <v>20392.566030000002</v>
      </c>
      <c r="AH123">
        <v>261251.1967</v>
      </c>
      <c r="AI123">
        <v>70869.071150000003</v>
      </c>
      <c r="AJ123">
        <v>24942.423780000001</v>
      </c>
      <c r="AK123">
        <v>34983.161070000002</v>
      </c>
      <c r="AL123">
        <v>61749.589339999999</v>
      </c>
      <c r="AM123">
        <v>30034.904920000001</v>
      </c>
      <c r="AN123">
        <v>82313.366099999999</v>
      </c>
      <c r="AO123">
        <v>29275.356169999999</v>
      </c>
      <c r="AP123">
        <v>17008.034019999999</v>
      </c>
    </row>
    <row r="124" spans="2:42" x14ac:dyDescent="0.3">
      <c r="B124">
        <v>51.157195616585589</v>
      </c>
      <c r="C124" s="83">
        <v>43106.083333333336</v>
      </c>
      <c r="D124">
        <v>139193.4087</v>
      </c>
      <c r="E124">
        <v>16293.191699999999</v>
      </c>
      <c r="F124">
        <v>51606.267489999998</v>
      </c>
      <c r="G124">
        <v>39025.241419999998</v>
      </c>
      <c r="H124">
        <v>38665.127619999999</v>
      </c>
      <c r="I124">
        <v>21302.957750000001</v>
      </c>
      <c r="J124">
        <v>35132.901389999999</v>
      </c>
      <c r="K124">
        <v>46076.02534</v>
      </c>
      <c r="L124">
        <v>20542.659790000002</v>
      </c>
      <c r="M124">
        <v>260823.24</v>
      </c>
      <c r="N124">
        <v>69683.421870000006</v>
      </c>
      <c r="O124">
        <v>24827.303759999999</v>
      </c>
      <c r="P124">
        <v>32716.256369999999</v>
      </c>
      <c r="Q124">
        <v>62806.995499999997</v>
      </c>
      <c r="R124">
        <v>28212.02622</v>
      </c>
      <c r="S124">
        <v>81947.167530000006</v>
      </c>
      <c r="T124">
        <v>28556.48893</v>
      </c>
      <c r="U124">
        <v>17034.624479999999</v>
      </c>
      <c r="W124" s="83">
        <f>Bühler!N156</f>
        <v>45297.083333333037</v>
      </c>
      <c r="X124" s="83">
        <v>43106.083333333336</v>
      </c>
      <c r="Y124">
        <v>139193.4087</v>
      </c>
      <c r="Z124">
        <v>16293.191699999999</v>
      </c>
      <c r="AA124">
        <v>51606.267489999998</v>
      </c>
      <c r="AB124">
        <v>39025.241419999998</v>
      </c>
      <c r="AC124">
        <v>38665.127619999999</v>
      </c>
      <c r="AD124">
        <v>21302.957750000001</v>
      </c>
      <c r="AE124">
        <v>35132.901389999999</v>
      </c>
      <c r="AF124">
        <v>46076.02534</v>
      </c>
      <c r="AG124">
        <v>20542.659790000002</v>
      </c>
      <c r="AH124">
        <v>260823.24</v>
      </c>
      <c r="AI124">
        <v>69683.421870000006</v>
      </c>
      <c r="AJ124">
        <v>24827.303759999999</v>
      </c>
      <c r="AK124">
        <v>32716.256369999999</v>
      </c>
      <c r="AL124">
        <v>62806.995499999997</v>
      </c>
      <c r="AM124">
        <v>28212.02622</v>
      </c>
      <c r="AN124">
        <v>81947.167530000006</v>
      </c>
      <c r="AO124">
        <v>28556.48893</v>
      </c>
      <c r="AP124">
        <v>17034.624479999999</v>
      </c>
    </row>
    <row r="125" spans="2:42" x14ac:dyDescent="0.3">
      <c r="B125">
        <v>50.37837088113055</v>
      </c>
      <c r="C125" s="83">
        <v>43106.125</v>
      </c>
      <c r="D125">
        <v>138831.27540000001</v>
      </c>
      <c r="E125">
        <v>16486.439900000001</v>
      </c>
      <c r="F125">
        <v>51458.440300000002</v>
      </c>
      <c r="G125">
        <v>37770.163180000003</v>
      </c>
      <c r="H125">
        <v>38378.349950000003</v>
      </c>
      <c r="I125">
        <v>21009.72768</v>
      </c>
      <c r="J125">
        <v>35737.721539999999</v>
      </c>
      <c r="K125">
        <v>45415.558579999997</v>
      </c>
      <c r="L125">
        <v>20210.336029999999</v>
      </c>
      <c r="M125">
        <v>256852.4283</v>
      </c>
      <c r="N125">
        <v>69134.332920000001</v>
      </c>
      <c r="O125">
        <v>24871.797719999999</v>
      </c>
      <c r="P125">
        <v>32462.019680000001</v>
      </c>
      <c r="Q125">
        <v>63462.436179999997</v>
      </c>
      <c r="R125">
        <v>27629.624090000001</v>
      </c>
      <c r="S125">
        <v>81180.109920000003</v>
      </c>
      <c r="T125">
        <v>28726.98703</v>
      </c>
      <c r="U125">
        <v>17057.829880000001</v>
      </c>
      <c r="W125" s="83">
        <f>Bühler!N157</f>
        <v>45297.124999999702</v>
      </c>
      <c r="X125" s="83">
        <v>43106.125</v>
      </c>
      <c r="Y125">
        <v>138831.27540000001</v>
      </c>
      <c r="Z125">
        <v>16486.439900000001</v>
      </c>
      <c r="AA125">
        <v>51458.440300000002</v>
      </c>
      <c r="AB125">
        <v>37770.163180000003</v>
      </c>
      <c r="AC125">
        <v>38378.349950000003</v>
      </c>
      <c r="AD125">
        <v>21009.72768</v>
      </c>
      <c r="AE125">
        <v>35737.721539999999</v>
      </c>
      <c r="AF125">
        <v>45415.558579999997</v>
      </c>
      <c r="AG125">
        <v>20210.336029999999</v>
      </c>
      <c r="AH125">
        <v>256852.4283</v>
      </c>
      <c r="AI125">
        <v>69134.332920000001</v>
      </c>
      <c r="AJ125">
        <v>24871.797719999999</v>
      </c>
      <c r="AK125">
        <v>32462.019680000001</v>
      </c>
      <c r="AL125">
        <v>63462.436179999997</v>
      </c>
      <c r="AM125">
        <v>27629.624090000001</v>
      </c>
      <c r="AN125">
        <v>81180.109920000003</v>
      </c>
      <c r="AO125">
        <v>28726.98703</v>
      </c>
      <c r="AP125">
        <v>17057.829880000001</v>
      </c>
    </row>
    <row r="126" spans="2:42" x14ac:dyDescent="0.3">
      <c r="B126">
        <v>50.040000009520902</v>
      </c>
      <c r="C126" s="83">
        <v>43106.166666666664</v>
      </c>
      <c r="D126">
        <v>139125.97640000001</v>
      </c>
      <c r="E126">
        <v>16510.583600000002</v>
      </c>
      <c r="F126">
        <v>56996.070699999997</v>
      </c>
      <c r="G126">
        <v>37535.845690000002</v>
      </c>
      <c r="H126">
        <v>38513.443440000003</v>
      </c>
      <c r="I126">
        <v>23430.590209999998</v>
      </c>
      <c r="J126">
        <v>37900.420100000003</v>
      </c>
      <c r="K126">
        <v>44600.882919999996</v>
      </c>
      <c r="L126">
        <v>19706.692950000001</v>
      </c>
      <c r="M126">
        <v>255127.25580000001</v>
      </c>
      <c r="N126">
        <v>68841.604510000005</v>
      </c>
      <c r="O126">
        <v>24916.192660000001</v>
      </c>
      <c r="P126">
        <v>32354.228050000002</v>
      </c>
      <c r="Q126">
        <v>65216.601970000003</v>
      </c>
      <c r="R126">
        <v>27674.190299999998</v>
      </c>
      <c r="S126">
        <v>81329.756420000005</v>
      </c>
      <c r="T126">
        <v>28519.838240000001</v>
      </c>
      <c r="U126">
        <v>17057.980920000002</v>
      </c>
      <c r="W126" s="83">
        <f>Bühler!N158</f>
        <v>45297.166666666366</v>
      </c>
      <c r="X126" s="83">
        <v>43106.166666666664</v>
      </c>
      <c r="Y126">
        <v>139125.97640000001</v>
      </c>
      <c r="Z126">
        <v>16510.583600000002</v>
      </c>
      <c r="AA126">
        <v>56996.070699999997</v>
      </c>
      <c r="AB126">
        <v>37535.845690000002</v>
      </c>
      <c r="AC126">
        <v>38513.443440000003</v>
      </c>
      <c r="AD126">
        <v>23430.590209999998</v>
      </c>
      <c r="AE126">
        <v>37900.420100000003</v>
      </c>
      <c r="AF126">
        <v>44600.882919999996</v>
      </c>
      <c r="AG126">
        <v>19706.692950000001</v>
      </c>
      <c r="AH126">
        <v>255127.25580000001</v>
      </c>
      <c r="AI126">
        <v>68841.604510000005</v>
      </c>
      <c r="AJ126">
        <v>24916.192660000001</v>
      </c>
      <c r="AK126">
        <v>32354.228050000002</v>
      </c>
      <c r="AL126">
        <v>65216.601970000003</v>
      </c>
      <c r="AM126">
        <v>27674.190299999998</v>
      </c>
      <c r="AN126">
        <v>81329.756420000005</v>
      </c>
      <c r="AO126">
        <v>28519.838240000001</v>
      </c>
      <c r="AP126">
        <v>17057.980920000002</v>
      </c>
    </row>
    <row r="127" spans="2:42" x14ac:dyDescent="0.3">
      <c r="B127">
        <v>50.510807844466669</v>
      </c>
      <c r="C127" s="83">
        <v>43106.208333333336</v>
      </c>
      <c r="D127">
        <v>139607.17310000001</v>
      </c>
      <c r="E127">
        <v>17388.703860000001</v>
      </c>
      <c r="F127">
        <v>69794.797590000002</v>
      </c>
      <c r="G127">
        <v>37771.346510000003</v>
      </c>
      <c r="H127">
        <v>39252.201110000002</v>
      </c>
      <c r="I127">
        <v>29249.591339999999</v>
      </c>
      <c r="J127">
        <v>40188.50851</v>
      </c>
      <c r="K127">
        <v>43813.607250000001</v>
      </c>
      <c r="L127">
        <v>19902.777340000001</v>
      </c>
      <c r="M127">
        <v>257527.6537</v>
      </c>
      <c r="N127">
        <v>68046.847259999995</v>
      </c>
      <c r="O127">
        <v>24935.47839</v>
      </c>
      <c r="P127">
        <v>33146.147250000002</v>
      </c>
      <c r="Q127">
        <v>66484.094939999995</v>
      </c>
      <c r="R127">
        <v>27754.803370000001</v>
      </c>
      <c r="S127">
        <v>83062.507469999997</v>
      </c>
      <c r="T127">
        <v>29499.545020000001</v>
      </c>
      <c r="U127">
        <v>17084.191139999999</v>
      </c>
      <c r="W127" s="83">
        <f>Bühler!N159</f>
        <v>45297.20833333303</v>
      </c>
      <c r="X127" s="83">
        <v>43106.208333333336</v>
      </c>
      <c r="Y127">
        <v>139607.17310000001</v>
      </c>
      <c r="Z127">
        <v>17388.703860000001</v>
      </c>
      <c r="AA127">
        <v>69794.797590000002</v>
      </c>
      <c r="AB127">
        <v>37771.346510000003</v>
      </c>
      <c r="AC127">
        <v>39252.201110000002</v>
      </c>
      <c r="AD127">
        <v>29249.591339999999</v>
      </c>
      <c r="AE127">
        <v>40188.50851</v>
      </c>
      <c r="AF127">
        <v>43813.607250000001</v>
      </c>
      <c r="AG127">
        <v>19902.777340000001</v>
      </c>
      <c r="AH127">
        <v>257527.6537</v>
      </c>
      <c r="AI127">
        <v>68046.847259999995</v>
      </c>
      <c r="AJ127">
        <v>24935.47839</v>
      </c>
      <c r="AK127">
        <v>33146.147250000002</v>
      </c>
      <c r="AL127">
        <v>66484.094939999995</v>
      </c>
      <c r="AM127">
        <v>27754.803370000001</v>
      </c>
      <c r="AN127">
        <v>83062.507469999997</v>
      </c>
      <c r="AO127">
        <v>29499.545020000001</v>
      </c>
      <c r="AP127">
        <v>17084.191139999999</v>
      </c>
    </row>
    <row r="128" spans="2:42" x14ac:dyDescent="0.3">
      <c r="B128">
        <v>51.463195792984052</v>
      </c>
      <c r="C128" s="83">
        <v>43106.25</v>
      </c>
      <c r="D128">
        <v>140130.5773</v>
      </c>
      <c r="E128">
        <v>19025.656770000001</v>
      </c>
      <c r="F128">
        <v>79703.322230000005</v>
      </c>
      <c r="G128">
        <v>38464.43406</v>
      </c>
      <c r="H128">
        <v>39893.742330000001</v>
      </c>
      <c r="I128">
        <v>32592.35986</v>
      </c>
      <c r="J128">
        <v>42794.089870000003</v>
      </c>
      <c r="K128">
        <v>42504.444089999997</v>
      </c>
      <c r="L128">
        <v>20928.40177</v>
      </c>
      <c r="M128">
        <v>262383.37160000001</v>
      </c>
      <c r="N128">
        <v>66600.451660000006</v>
      </c>
      <c r="O128">
        <v>23920.660950000001</v>
      </c>
      <c r="P128">
        <v>32358.93477</v>
      </c>
      <c r="Q128">
        <v>66569.070680000004</v>
      </c>
      <c r="R128">
        <v>20721.821489999998</v>
      </c>
      <c r="S128">
        <v>88338.68045</v>
      </c>
      <c r="T128">
        <v>30505.975429999999</v>
      </c>
      <c r="U128">
        <v>16112.653179999999</v>
      </c>
      <c r="W128" s="83">
        <f>Bühler!N160</f>
        <v>45297.249999999694</v>
      </c>
      <c r="X128" s="83">
        <v>43106.25</v>
      </c>
      <c r="Y128">
        <v>140130.5773</v>
      </c>
      <c r="Z128">
        <v>19025.656770000001</v>
      </c>
      <c r="AA128">
        <v>79703.322230000005</v>
      </c>
      <c r="AB128">
        <v>38464.43406</v>
      </c>
      <c r="AC128">
        <v>39893.742330000001</v>
      </c>
      <c r="AD128">
        <v>32592.35986</v>
      </c>
      <c r="AE128">
        <v>42794.089870000003</v>
      </c>
      <c r="AF128">
        <v>42504.444089999997</v>
      </c>
      <c r="AG128">
        <v>20928.40177</v>
      </c>
      <c r="AH128">
        <v>262383.37160000001</v>
      </c>
      <c r="AI128">
        <v>66600.451660000006</v>
      </c>
      <c r="AJ128">
        <v>23920.660950000001</v>
      </c>
      <c r="AK128">
        <v>32358.93477</v>
      </c>
      <c r="AL128">
        <v>66569.070680000004</v>
      </c>
      <c r="AM128">
        <v>20721.821489999998</v>
      </c>
      <c r="AN128">
        <v>88338.68045</v>
      </c>
      <c r="AO128">
        <v>30505.975429999999</v>
      </c>
      <c r="AP128">
        <v>16112.653179999999</v>
      </c>
    </row>
    <row r="129" spans="2:42" x14ac:dyDescent="0.3">
      <c r="B129">
        <v>51.743171555156579</v>
      </c>
      <c r="C129" s="83">
        <v>43106.291666666664</v>
      </c>
      <c r="D129">
        <v>141149.83749999999</v>
      </c>
      <c r="E129">
        <v>21317.436799999999</v>
      </c>
      <c r="F129">
        <v>83678.288419999997</v>
      </c>
      <c r="G129">
        <v>39228.812610000001</v>
      </c>
      <c r="H129">
        <v>40917.279840000003</v>
      </c>
      <c r="I129">
        <v>34352.004589999997</v>
      </c>
      <c r="J129">
        <v>45073.817589999999</v>
      </c>
      <c r="K129">
        <v>42391.460520000001</v>
      </c>
      <c r="L129">
        <v>23193.713489999998</v>
      </c>
      <c r="M129">
        <v>263810.8186</v>
      </c>
      <c r="N129">
        <v>67654.623619999998</v>
      </c>
      <c r="O129">
        <v>24272.484090000002</v>
      </c>
      <c r="P129">
        <v>34316.145550000001</v>
      </c>
      <c r="Q129">
        <v>64749.506990000002</v>
      </c>
      <c r="R129">
        <v>21550.298940000001</v>
      </c>
      <c r="S129">
        <v>96856.296799999996</v>
      </c>
      <c r="T129">
        <v>29309.330529999999</v>
      </c>
      <c r="U129">
        <v>16439.906419999999</v>
      </c>
      <c r="W129" s="83">
        <f>Bühler!N161</f>
        <v>45297.291666666359</v>
      </c>
      <c r="X129" s="83">
        <v>43106.291666666664</v>
      </c>
      <c r="Y129">
        <v>141149.83749999999</v>
      </c>
      <c r="Z129">
        <v>21317.436799999999</v>
      </c>
      <c r="AA129">
        <v>83678.288419999997</v>
      </c>
      <c r="AB129">
        <v>39228.812610000001</v>
      </c>
      <c r="AC129">
        <v>40917.279840000003</v>
      </c>
      <c r="AD129">
        <v>34352.004589999997</v>
      </c>
      <c r="AE129">
        <v>45073.817589999999</v>
      </c>
      <c r="AF129">
        <v>42391.460520000001</v>
      </c>
      <c r="AG129">
        <v>23193.713489999998</v>
      </c>
      <c r="AH129">
        <v>263810.8186</v>
      </c>
      <c r="AI129">
        <v>67654.623619999998</v>
      </c>
      <c r="AJ129">
        <v>24272.484090000002</v>
      </c>
      <c r="AK129">
        <v>34316.145550000001</v>
      </c>
      <c r="AL129">
        <v>64749.506990000002</v>
      </c>
      <c r="AM129">
        <v>21550.298940000001</v>
      </c>
      <c r="AN129">
        <v>96856.296799999996</v>
      </c>
      <c r="AO129">
        <v>29309.330529999999</v>
      </c>
      <c r="AP129">
        <v>16439.906419999999</v>
      </c>
    </row>
    <row r="130" spans="2:42" x14ac:dyDescent="0.3">
      <c r="B130">
        <v>51.430481092363699</v>
      </c>
      <c r="C130" s="83">
        <v>43106.333333333336</v>
      </c>
      <c r="D130">
        <v>142006.21539999999</v>
      </c>
      <c r="E130">
        <v>24666.030999999999</v>
      </c>
      <c r="F130">
        <v>89730.030039999998</v>
      </c>
      <c r="G130">
        <v>39032.796990000003</v>
      </c>
      <c r="H130">
        <v>40157.171869999998</v>
      </c>
      <c r="I130">
        <v>35226.881170000001</v>
      </c>
      <c r="J130">
        <v>45534.961889999999</v>
      </c>
      <c r="K130">
        <v>42209.740189999997</v>
      </c>
      <c r="L130">
        <v>25607.242770000001</v>
      </c>
      <c r="M130">
        <v>262216.57679999998</v>
      </c>
      <c r="N130">
        <v>68844.427290000007</v>
      </c>
      <c r="O130">
        <v>24393.8112</v>
      </c>
      <c r="P130">
        <v>37028.049379999997</v>
      </c>
      <c r="Q130">
        <v>63952.12113</v>
      </c>
      <c r="R130">
        <v>20988.358520000002</v>
      </c>
      <c r="S130">
        <v>101599.6537</v>
      </c>
      <c r="T130">
        <v>30307.34318</v>
      </c>
      <c r="U130">
        <v>16554.705450000001</v>
      </c>
      <c r="W130" s="83">
        <f>Bühler!N162</f>
        <v>45297.333333333023</v>
      </c>
      <c r="X130" s="83">
        <v>43106.333333333336</v>
      </c>
      <c r="Y130">
        <v>142006.21539999999</v>
      </c>
      <c r="Z130">
        <v>24666.030999999999</v>
      </c>
      <c r="AA130">
        <v>89730.030039999998</v>
      </c>
      <c r="AB130">
        <v>39032.796990000003</v>
      </c>
      <c r="AC130">
        <v>40157.171869999998</v>
      </c>
      <c r="AD130">
        <v>35226.881170000001</v>
      </c>
      <c r="AE130">
        <v>45534.961889999999</v>
      </c>
      <c r="AF130">
        <v>42209.740189999997</v>
      </c>
      <c r="AG130">
        <v>25607.242770000001</v>
      </c>
      <c r="AH130">
        <v>262216.57679999998</v>
      </c>
      <c r="AI130">
        <v>68844.427290000007</v>
      </c>
      <c r="AJ130">
        <v>24393.8112</v>
      </c>
      <c r="AK130">
        <v>37028.049379999997</v>
      </c>
      <c r="AL130">
        <v>63952.12113</v>
      </c>
      <c r="AM130">
        <v>20988.358520000002</v>
      </c>
      <c r="AN130">
        <v>101599.6537</v>
      </c>
      <c r="AO130">
        <v>30307.34318</v>
      </c>
      <c r="AP130">
        <v>16554.705450000001</v>
      </c>
    </row>
    <row r="131" spans="2:42" x14ac:dyDescent="0.3">
      <c r="B131">
        <v>50.336960585202419</v>
      </c>
      <c r="C131" s="83">
        <v>43106.375</v>
      </c>
      <c r="D131">
        <v>140644.1783</v>
      </c>
      <c r="E131">
        <v>28003.56741</v>
      </c>
      <c r="F131">
        <v>95594.948770000003</v>
      </c>
      <c r="G131">
        <v>39544.811179999997</v>
      </c>
      <c r="H131">
        <v>39480.864939999999</v>
      </c>
      <c r="I131">
        <v>34920.782039999998</v>
      </c>
      <c r="J131">
        <v>43936.293230000003</v>
      </c>
      <c r="K131">
        <v>40382.219270000001</v>
      </c>
      <c r="L131">
        <v>28351.255880000001</v>
      </c>
      <c r="M131">
        <v>256641.29930000001</v>
      </c>
      <c r="N131">
        <v>72418.878689999998</v>
      </c>
      <c r="O131">
        <v>24283.27865</v>
      </c>
      <c r="P131">
        <v>39856.332479999997</v>
      </c>
      <c r="Q131">
        <v>63514.54232</v>
      </c>
      <c r="R131">
        <v>19687.741180000001</v>
      </c>
      <c r="S131">
        <v>102783.2479</v>
      </c>
      <c r="T131">
        <v>31747.89012</v>
      </c>
      <c r="U131">
        <v>15763.607120000001</v>
      </c>
      <c r="W131" s="83">
        <f>Bühler!N163</f>
        <v>45297.374999999687</v>
      </c>
      <c r="X131" s="83">
        <v>43106.375</v>
      </c>
      <c r="Y131">
        <v>140644.1783</v>
      </c>
      <c r="Z131">
        <v>28003.56741</v>
      </c>
      <c r="AA131">
        <v>95594.948770000003</v>
      </c>
      <c r="AB131">
        <v>39544.811179999997</v>
      </c>
      <c r="AC131">
        <v>39480.864939999999</v>
      </c>
      <c r="AD131">
        <v>34920.782039999998</v>
      </c>
      <c r="AE131">
        <v>43936.293230000003</v>
      </c>
      <c r="AF131">
        <v>40382.219270000001</v>
      </c>
      <c r="AG131">
        <v>28351.255880000001</v>
      </c>
      <c r="AH131">
        <v>256641.29930000001</v>
      </c>
      <c r="AI131">
        <v>72418.878689999998</v>
      </c>
      <c r="AJ131">
        <v>24283.27865</v>
      </c>
      <c r="AK131">
        <v>39856.332479999997</v>
      </c>
      <c r="AL131">
        <v>63514.54232</v>
      </c>
      <c r="AM131">
        <v>19687.741180000001</v>
      </c>
      <c r="AN131">
        <v>102783.2479</v>
      </c>
      <c r="AO131">
        <v>31747.89012</v>
      </c>
      <c r="AP131">
        <v>15763.607120000001</v>
      </c>
    </row>
    <row r="132" spans="2:42" x14ac:dyDescent="0.3">
      <c r="B132">
        <v>50.594651430229369</v>
      </c>
      <c r="C132" s="83">
        <v>43106.416666666664</v>
      </c>
      <c r="D132">
        <v>140103.13089999999</v>
      </c>
      <c r="E132">
        <v>29283.508249999999</v>
      </c>
      <c r="F132">
        <v>95350.697199999995</v>
      </c>
      <c r="G132">
        <v>39442.558010000001</v>
      </c>
      <c r="H132">
        <v>40044.307460000004</v>
      </c>
      <c r="I132">
        <v>34131.3488</v>
      </c>
      <c r="J132">
        <v>42734.815219999997</v>
      </c>
      <c r="K132">
        <v>41745.445520000001</v>
      </c>
      <c r="L132">
        <v>30035.561089999999</v>
      </c>
      <c r="M132">
        <v>257955.1274</v>
      </c>
      <c r="N132">
        <v>77373.401710000006</v>
      </c>
      <c r="O132">
        <v>23876.470359999999</v>
      </c>
      <c r="P132">
        <v>39948.637210000001</v>
      </c>
      <c r="Q132">
        <v>63426.00952</v>
      </c>
      <c r="R132">
        <v>20325.074560000001</v>
      </c>
      <c r="S132">
        <v>101373.3355</v>
      </c>
      <c r="T132">
        <v>33335.60267</v>
      </c>
      <c r="U132">
        <v>15712.75755</v>
      </c>
      <c r="W132" s="83">
        <f>Bühler!N164</f>
        <v>45297.416666666351</v>
      </c>
      <c r="X132" s="83">
        <v>43106.416666666664</v>
      </c>
      <c r="Y132">
        <v>140103.13089999999</v>
      </c>
      <c r="Z132">
        <v>29283.508249999999</v>
      </c>
      <c r="AA132">
        <v>95350.697199999995</v>
      </c>
      <c r="AB132">
        <v>39442.558010000001</v>
      </c>
      <c r="AC132">
        <v>40044.307460000004</v>
      </c>
      <c r="AD132">
        <v>34131.3488</v>
      </c>
      <c r="AE132">
        <v>42734.815219999997</v>
      </c>
      <c r="AF132">
        <v>41745.445520000001</v>
      </c>
      <c r="AG132">
        <v>30035.561089999999</v>
      </c>
      <c r="AH132">
        <v>257955.1274</v>
      </c>
      <c r="AI132">
        <v>77373.401710000006</v>
      </c>
      <c r="AJ132">
        <v>23876.470359999999</v>
      </c>
      <c r="AK132">
        <v>39948.637210000001</v>
      </c>
      <c r="AL132">
        <v>63426.00952</v>
      </c>
      <c r="AM132">
        <v>20325.074560000001</v>
      </c>
      <c r="AN132">
        <v>101373.3355</v>
      </c>
      <c r="AO132">
        <v>33335.60267</v>
      </c>
      <c r="AP132">
        <v>15712.75755</v>
      </c>
    </row>
    <row r="133" spans="2:42" x14ac:dyDescent="0.3">
      <c r="B133">
        <v>50.515720772849441</v>
      </c>
      <c r="C133" s="83">
        <v>43106.458333333336</v>
      </c>
      <c r="D133">
        <v>139697.9999</v>
      </c>
      <c r="E133">
        <v>29413.22467</v>
      </c>
      <c r="F133">
        <v>95756.605720000007</v>
      </c>
      <c r="G133">
        <v>39013.824780000003</v>
      </c>
      <c r="H133">
        <v>40307.234929999999</v>
      </c>
      <c r="I133">
        <v>34049.434679999998</v>
      </c>
      <c r="J133">
        <v>42237.610820000002</v>
      </c>
      <c r="K133">
        <v>46828.893929999998</v>
      </c>
      <c r="L133">
        <v>31982.58509</v>
      </c>
      <c r="M133">
        <v>257552.70209999999</v>
      </c>
      <c r="N133">
        <v>78362.461599999995</v>
      </c>
      <c r="O133">
        <v>24156.979220000001</v>
      </c>
      <c r="P133">
        <v>37853.535660000001</v>
      </c>
      <c r="Q133">
        <v>62612.72178</v>
      </c>
      <c r="R133">
        <v>23043.96329</v>
      </c>
      <c r="S133">
        <v>103081.74069999999</v>
      </c>
      <c r="T133">
        <v>33458.338989999997</v>
      </c>
      <c r="U133">
        <v>15731.95177</v>
      </c>
      <c r="W133" s="83">
        <f>Bühler!N165</f>
        <v>45297.458333333016</v>
      </c>
      <c r="X133" s="83">
        <v>43106.458333333336</v>
      </c>
      <c r="Y133">
        <v>139697.9999</v>
      </c>
      <c r="Z133">
        <v>29413.22467</v>
      </c>
      <c r="AA133">
        <v>95756.605720000007</v>
      </c>
      <c r="AB133">
        <v>39013.824780000003</v>
      </c>
      <c r="AC133">
        <v>40307.234929999999</v>
      </c>
      <c r="AD133">
        <v>34049.434679999998</v>
      </c>
      <c r="AE133">
        <v>42237.610820000002</v>
      </c>
      <c r="AF133">
        <v>46828.893929999998</v>
      </c>
      <c r="AG133">
        <v>31982.58509</v>
      </c>
      <c r="AH133">
        <v>257552.70209999999</v>
      </c>
      <c r="AI133">
        <v>78362.461599999995</v>
      </c>
      <c r="AJ133">
        <v>24156.979220000001</v>
      </c>
      <c r="AK133">
        <v>37853.535660000001</v>
      </c>
      <c r="AL133">
        <v>62612.72178</v>
      </c>
      <c r="AM133">
        <v>23043.96329</v>
      </c>
      <c r="AN133">
        <v>103081.74069999999</v>
      </c>
      <c r="AO133">
        <v>33458.338989999997</v>
      </c>
      <c r="AP133">
        <v>15731.95177</v>
      </c>
    </row>
    <row r="134" spans="2:42" x14ac:dyDescent="0.3">
      <c r="B134">
        <v>49.344998245786421</v>
      </c>
      <c r="C134" s="83">
        <v>43106.5</v>
      </c>
      <c r="D134">
        <v>138931.56270000001</v>
      </c>
      <c r="E134">
        <v>27835.520789999999</v>
      </c>
      <c r="F134">
        <v>93691.36692</v>
      </c>
      <c r="G134">
        <v>38077.035989999997</v>
      </c>
      <c r="H134">
        <v>39333.688800000004</v>
      </c>
      <c r="I134">
        <v>33288.23345</v>
      </c>
      <c r="J134">
        <v>42254.871290000003</v>
      </c>
      <c r="K134">
        <v>47942.756699999998</v>
      </c>
      <c r="L134">
        <v>34336.707029999998</v>
      </c>
      <c r="M134">
        <v>251583.81270000001</v>
      </c>
      <c r="N134">
        <v>76167.741190000001</v>
      </c>
      <c r="O134">
        <v>23713.304759999999</v>
      </c>
      <c r="P134">
        <v>37430.858160000003</v>
      </c>
      <c r="Q134">
        <v>59422.249400000001</v>
      </c>
      <c r="R134">
        <v>22444.82717</v>
      </c>
      <c r="S134">
        <v>96682.165770000007</v>
      </c>
      <c r="T134">
        <v>33424.832580000002</v>
      </c>
      <c r="U134">
        <v>15135.98912</v>
      </c>
      <c r="W134" s="83">
        <f>Bühler!N166</f>
        <v>45297.49999999968</v>
      </c>
      <c r="X134" s="83">
        <v>43106.5</v>
      </c>
      <c r="Y134">
        <v>138931.56270000001</v>
      </c>
      <c r="Z134">
        <v>27835.520789999999</v>
      </c>
      <c r="AA134">
        <v>93691.36692</v>
      </c>
      <c r="AB134">
        <v>38077.035989999997</v>
      </c>
      <c r="AC134">
        <v>39333.688800000004</v>
      </c>
      <c r="AD134">
        <v>33288.23345</v>
      </c>
      <c r="AE134">
        <v>42254.871290000003</v>
      </c>
      <c r="AF134">
        <v>47942.756699999998</v>
      </c>
      <c r="AG134">
        <v>34336.707029999998</v>
      </c>
      <c r="AH134">
        <v>251583.81270000001</v>
      </c>
      <c r="AI134">
        <v>76167.741190000001</v>
      </c>
      <c r="AJ134">
        <v>23713.304759999999</v>
      </c>
      <c r="AK134">
        <v>37430.858160000003</v>
      </c>
      <c r="AL134">
        <v>59422.249400000001</v>
      </c>
      <c r="AM134">
        <v>22444.82717</v>
      </c>
      <c r="AN134">
        <v>96682.165770000007</v>
      </c>
      <c r="AO134">
        <v>33424.832580000002</v>
      </c>
      <c r="AP134">
        <v>15135.98912</v>
      </c>
    </row>
    <row r="135" spans="2:42" x14ac:dyDescent="0.3">
      <c r="B135">
        <v>48.757957967542282</v>
      </c>
      <c r="C135" s="83">
        <v>43106.541666666664</v>
      </c>
      <c r="D135">
        <v>137228.84239999999</v>
      </c>
      <c r="E135">
        <v>26975.32415</v>
      </c>
      <c r="F135">
        <v>93364.129090000002</v>
      </c>
      <c r="G135">
        <v>37598.112439999997</v>
      </c>
      <c r="H135">
        <v>38979.828509999999</v>
      </c>
      <c r="I135">
        <v>33920.93015</v>
      </c>
      <c r="J135">
        <v>40682.467429999997</v>
      </c>
      <c r="K135">
        <v>49250.398249999998</v>
      </c>
      <c r="L135">
        <v>34024.200199999999</v>
      </c>
      <c r="M135">
        <v>248590.8076</v>
      </c>
      <c r="N135">
        <v>73552.314589999994</v>
      </c>
      <c r="O135">
        <v>23467.67554</v>
      </c>
      <c r="P135">
        <v>36765.405149999999</v>
      </c>
      <c r="Q135">
        <v>56112.156230000001</v>
      </c>
      <c r="R135">
        <v>22990.950669999998</v>
      </c>
      <c r="S135">
        <v>96744.082060000001</v>
      </c>
      <c r="T135">
        <v>32656.024969999999</v>
      </c>
      <c r="U135">
        <v>14752.74473</v>
      </c>
      <c r="W135" s="83">
        <f>Bühler!N167</f>
        <v>45297.541666666344</v>
      </c>
      <c r="X135" s="83">
        <v>43106.541666666664</v>
      </c>
      <c r="Y135">
        <v>137228.84239999999</v>
      </c>
      <c r="Z135">
        <v>26975.32415</v>
      </c>
      <c r="AA135">
        <v>93364.129090000002</v>
      </c>
      <c r="AB135">
        <v>37598.112439999997</v>
      </c>
      <c r="AC135">
        <v>38979.828509999999</v>
      </c>
      <c r="AD135">
        <v>33920.93015</v>
      </c>
      <c r="AE135">
        <v>40682.467429999997</v>
      </c>
      <c r="AF135">
        <v>49250.398249999998</v>
      </c>
      <c r="AG135">
        <v>34024.200199999999</v>
      </c>
      <c r="AH135">
        <v>248590.8076</v>
      </c>
      <c r="AI135">
        <v>73552.314589999994</v>
      </c>
      <c r="AJ135">
        <v>23467.67554</v>
      </c>
      <c r="AK135">
        <v>36765.405149999999</v>
      </c>
      <c r="AL135">
        <v>56112.156230000001</v>
      </c>
      <c r="AM135">
        <v>22990.950669999998</v>
      </c>
      <c r="AN135">
        <v>96744.082060000001</v>
      </c>
      <c r="AO135">
        <v>32656.024969999999</v>
      </c>
      <c r="AP135">
        <v>14752.74473</v>
      </c>
    </row>
    <row r="136" spans="2:42" x14ac:dyDescent="0.3">
      <c r="B136">
        <v>48.274634035456693</v>
      </c>
      <c r="C136" s="83">
        <v>43106.583333333336</v>
      </c>
      <c r="D136">
        <v>137576.6765</v>
      </c>
      <c r="E136">
        <v>27589.398109999998</v>
      </c>
      <c r="F136">
        <v>93341.430919999999</v>
      </c>
      <c r="G136">
        <v>37355.773289999997</v>
      </c>
      <c r="H136">
        <v>38451.511250000003</v>
      </c>
      <c r="I136">
        <v>33172.196389999997</v>
      </c>
      <c r="J136">
        <v>39602.842219999999</v>
      </c>
      <c r="K136">
        <v>48546.760450000002</v>
      </c>
      <c r="L136">
        <v>31845.23559</v>
      </c>
      <c r="M136">
        <v>246126.5968</v>
      </c>
      <c r="N136">
        <v>72933.110029999996</v>
      </c>
      <c r="O136">
        <v>23106.42283</v>
      </c>
      <c r="P136">
        <v>36035.926319999999</v>
      </c>
      <c r="Q136">
        <v>54652.272669999998</v>
      </c>
      <c r="R136">
        <v>22068.629659999999</v>
      </c>
      <c r="S136">
        <v>93373.541140000001</v>
      </c>
      <c r="T136">
        <v>32519.710999999999</v>
      </c>
      <c r="U136">
        <v>14698.25576</v>
      </c>
      <c r="W136" s="83">
        <f>Bühler!N168</f>
        <v>45297.583333333008</v>
      </c>
      <c r="X136" s="83">
        <v>43106.583333333336</v>
      </c>
      <c r="Y136">
        <v>137576.6765</v>
      </c>
      <c r="Z136">
        <v>27589.398109999998</v>
      </c>
      <c r="AA136">
        <v>93341.430919999999</v>
      </c>
      <c r="AB136">
        <v>37355.773289999997</v>
      </c>
      <c r="AC136">
        <v>38451.511250000003</v>
      </c>
      <c r="AD136">
        <v>33172.196389999997</v>
      </c>
      <c r="AE136">
        <v>39602.842219999999</v>
      </c>
      <c r="AF136">
        <v>48546.760450000002</v>
      </c>
      <c r="AG136">
        <v>31845.23559</v>
      </c>
      <c r="AH136">
        <v>246126.5968</v>
      </c>
      <c r="AI136">
        <v>72933.110029999996</v>
      </c>
      <c r="AJ136">
        <v>23106.42283</v>
      </c>
      <c r="AK136">
        <v>36035.926319999999</v>
      </c>
      <c r="AL136">
        <v>54652.272669999998</v>
      </c>
      <c r="AM136">
        <v>22068.629659999999</v>
      </c>
      <c r="AN136">
        <v>93373.541140000001</v>
      </c>
      <c r="AO136">
        <v>32519.710999999999</v>
      </c>
      <c r="AP136">
        <v>14698.25576</v>
      </c>
    </row>
    <row r="137" spans="2:42" x14ac:dyDescent="0.3">
      <c r="B137">
        <v>47.65117880660825</v>
      </c>
      <c r="C137" s="83">
        <v>43106.625</v>
      </c>
      <c r="D137">
        <v>136891.12119999999</v>
      </c>
      <c r="E137">
        <v>27526.862229999999</v>
      </c>
      <c r="F137">
        <v>92900.391910000006</v>
      </c>
      <c r="G137">
        <v>37379.812239999999</v>
      </c>
      <c r="H137">
        <v>37985.279190000001</v>
      </c>
      <c r="I137">
        <v>32355.63033</v>
      </c>
      <c r="J137">
        <v>39673.586909999998</v>
      </c>
      <c r="K137">
        <v>47607.88175</v>
      </c>
      <c r="L137">
        <v>29657.6567</v>
      </c>
      <c r="M137">
        <v>242947.9313</v>
      </c>
      <c r="N137">
        <v>72513.032529999997</v>
      </c>
      <c r="O137">
        <v>22983.689920000001</v>
      </c>
      <c r="P137">
        <v>34341.47896</v>
      </c>
      <c r="Q137">
        <v>54027.223279999998</v>
      </c>
      <c r="R137">
        <v>21446.396130000001</v>
      </c>
      <c r="S137">
        <v>92787.389450000002</v>
      </c>
      <c r="T137">
        <v>32749.62167</v>
      </c>
      <c r="U137">
        <v>14352.468370000001</v>
      </c>
      <c r="W137" s="83">
        <f>Bühler!N169</f>
        <v>45297.624999999673</v>
      </c>
      <c r="X137" s="83">
        <v>43106.625</v>
      </c>
      <c r="Y137">
        <v>136891.12119999999</v>
      </c>
      <c r="Z137">
        <v>27526.862229999999</v>
      </c>
      <c r="AA137">
        <v>92900.391910000006</v>
      </c>
      <c r="AB137">
        <v>37379.812239999999</v>
      </c>
      <c r="AC137">
        <v>37985.279190000001</v>
      </c>
      <c r="AD137">
        <v>32355.63033</v>
      </c>
      <c r="AE137">
        <v>39673.586909999998</v>
      </c>
      <c r="AF137">
        <v>47607.88175</v>
      </c>
      <c r="AG137">
        <v>29657.6567</v>
      </c>
      <c r="AH137">
        <v>242947.9313</v>
      </c>
      <c r="AI137">
        <v>72513.032529999997</v>
      </c>
      <c r="AJ137">
        <v>22983.689920000001</v>
      </c>
      <c r="AK137">
        <v>34341.47896</v>
      </c>
      <c r="AL137">
        <v>54027.223279999998</v>
      </c>
      <c r="AM137">
        <v>21446.396130000001</v>
      </c>
      <c r="AN137">
        <v>92787.389450000002</v>
      </c>
      <c r="AO137">
        <v>32749.62167</v>
      </c>
      <c r="AP137">
        <v>14352.468370000001</v>
      </c>
    </row>
    <row r="138" spans="2:42" x14ac:dyDescent="0.3">
      <c r="B138">
        <v>47.009063456535294</v>
      </c>
      <c r="C138" s="83">
        <v>43106.666666666664</v>
      </c>
      <c r="D138">
        <v>136975.0845</v>
      </c>
      <c r="E138">
        <v>27431.404589999998</v>
      </c>
      <c r="F138">
        <v>92762.606759999995</v>
      </c>
      <c r="G138">
        <v>37493.495069999997</v>
      </c>
      <c r="H138">
        <v>38137.932650000002</v>
      </c>
      <c r="I138">
        <v>32072.609479999999</v>
      </c>
      <c r="J138">
        <v>39252.291989999998</v>
      </c>
      <c r="K138">
        <v>46155.232880000003</v>
      </c>
      <c r="L138">
        <v>28410.803380000001</v>
      </c>
      <c r="M138">
        <v>239674.12779999999</v>
      </c>
      <c r="N138">
        <v>70061.870339999994</v>
      </c>
      <c r="O138">
        <v>22939.207310000002</v>
      </c>
      <c r="P138">
        <v>33640.842709999997</v>
      </c>
      <c r="Q138">
        <v>53751.064310000002</v>
      </c>
      <c r="R138">
        <v>20702.045890000001</v>
      </c>
      <c r="S138">
        <v>94622.917809999999</v>
      </c>
      <c r="T138">
        <v>32662.360349999999</v>
      </c>
      <c r="U138">
        <v>14669.333000000001</v>
      </c>
      <c r="W138" s="83">
        <f>Bühler!N170</f>
        <v>45297.666666666337</v>
      </c>
      <c r="X138" s="83">
        <v>43106.666666666664</v>
      </c>
      <c r="Y138">
        <v>136975.0845</v>
      </c>
      <c r="Z138">
        <v>27431.404589999998</v>
      </c>
      <c r="AA138">
        <v>92762.606759999995</v>
      </c>
      <c r="AB138">
        <v>37493.495069999997</v>
      </c>
      <c r="AC138">
        <v>38137.932650000002</v>
      </c>
      <c r="AD138">
        <v>32072.609479999999</v>
      </c>
      <c r="AE138">
        <v>39252.291989999998</v>
      </c>
      <c r="AF138">
        <v>46155.232880000003</v>
      </c>
      <c r="AG138">
        <v>28410.803380000001</v>
      </c>
      <c r="AH138">
        <v>239674.12779999999</v>
      </c>
      <c r="AI138">
        <v>70061.870339999994</v>
      </c>
      <c r="AJ138">
        <v>22939.207310000002</v>
      </c>
      <c r="AK138">
        <v>33640.842709999997</v>
      </c>
      <c r="AL138">
        <v>53751.064310000002</v>
      </c>
      <c r="AM138">
        <v>20702.045890000001</v>
      </c>
      <c r="AN138">
        <v>94622.917809999999</v>
      </c>
      <c r="AO138">
        <v>32662.360349999999</v>
      </c>
      <c r="AP138">
        <v>14669.333000000001</v>
      </c>
    </row>
    <row r="139" spans="2:42" x14ac:dyDescent="0.3">
      <c r="B139">
        <v>45.833656814995834</v>
      </c>
      <c r="C139" s="83">
        <v>43106.708333333336</v>
      </c>
      <c r="D139">
        <v>137007.82070000001</v>
      </c>
      <c r="E139">
        <v>27751.306089999998</v>
      </c>
      <c r="F139">
        <v>94301.022559999998</v>
      </c>
      <c r="G139">
        <v>38710.14544</v>
      </c>
      <c r="H139">
        <v>39887.565670000004</v>
      </c>
      <c r="I139">
        <v>32752.969779999999</v>
      </c>
      <c r="J139">
        <v>41548.608820000001</v>
      </c>
      <c r="K139">
        <v>44787.890090000001</v>
      </c>
      <c r="L139">
        <v>29761.06726</v>
      </c>
      <c r="M139">
        <v>233681.3566</v>
      </c>
      <c r="N139">
        <v>66183.287920000002</v>
      </c>
      <c r="O139">
        <v>23321.308410000001</v>
      </c>
      <c r="P139">
        <v>36390.017180000003</v>
      </c>
      <c r="Q139">
        <v>52611.971539999999</v>
      </c>
      <c r="R139">
        <v>21582.249609999999</v>
      </c>
      <c r="S139">
        <v>99101.624909999999</v>
      </c>
      <c r="T139">
        <v>33741.767269999997</v>
      </c>
      <c r="U139">
        <v>15230.051020000001</v>
      </c>
      <c r="W139" s="83">
        <f>Bühler!N171</f>
        <v>45297.708333333001</v>
      </c>
      <c r="X139" s="83">
        <v>43106.708333333336</v>
      </c>
      <c r="Y139">
        <v>137007.82070000001</v>
      </c>
      <c r="Z139">
        <v>27751.306089999998</v>
      </c>
      <c r="AA139">
        <v>94301.022559999998</v>
      </c>
      <c r="AB139">
        <v>38710.14544</v>
      </c>
      <c r="AC139">
        <v>39887.565670000004</v>
      </c>
      <c r="AD139">
        <v>32752.969779999999</v>
      </c>
      <c r="AE139">
        <v>41548.608820000001</v>
      </c>
      <c r="AF139">
        <v>44787.890090000001</v>
      </c>
      <c r="AG139">
        <v>29761.06726</v>
      </c>
      <c r="AH139">
        <v>233681.3566</v>
      </c>
      <c r="AI139">
        <v>66183.287920000002</v>
      </c>
      <c r="AJ139">
        <v>23321.308410000001</v>
      </c>
      <c r="AK139">
        <v>36390.017180000003</v>
      </c>
      <c r="AL139">
        <v>52611.971539999999</v>
      </c>
      <c r="AM139">
        <v>21582.249609999999</v>
      </c>
      <c r="AN139">
        <v>99101.624909999999</v>
      </c>
      <c r="AO139">
        <v>33741.767269999997</v>
      </c>
      <c r="AP139">
        <v>15230.051020000001</v>
      </c>
    </row>
    <row r="140" spans="2:42" x14ac:dyDescent="0.3">
      <c r="B140">
        <v>44.187247593672957</v>
      </c>
      <c r="C140" s="83">
        <v>43106.75</v>
      </c>
      <c r="D140">
        <v>136967.5387</v>
      </c>
      <c r="E140">
        <v>26833.29234</v>
      </c>
      <c r="F140">
        <v>92564.510840000003</v>
      </c>
      <c r="G140">
        <v>39095.597520000003</v>
      </c>
      <c r="H140">
        <v>40005.28731</v>
      </c>
      <c r="I140">
        <v>32939.775690000002</v>
      </c>
      <c r="J140">
        <v>43143.569259999997</v>
      </c>
      <c r="K140">
        <v>40546.344169999997</v>
      </c>
      <c r="L140">
        <v>31329.378570000001</v>
      </c>
      <c r="M140">
        <v>225287.19459999999</v>
      </c>
      <c r="N140">
        <v>66949.195739999996</v>
      </c>
      <c r="O140">
        <v>23478.450339999999</v>
      </c>
      <c r="P140">
        <v>39274.335339999998</v>
      </c>
      <c r="Q140">
        <v>51384.533669999997</v>
      </c>
      <c r="R140">
        <v>20508.68058</v>
      </c>
      <c r="S140">
        <v>96732.750580000007</v>
      </c>
      <c r="T140">
        <v>33579.423020000002</v>
      </c>
      <c r="U140">
        <v>15347.859850000001</v>
      </c>
      <c r="W140" s="83">
        <f>Bühler!N172</f>
        <v>45297.749999999665</v>
      </c>
      <c r="X140" s="83">
        <v>43106.75</v>
      </c>
      <c r="Y140">
        <v>136967.5387</v>
      </c>
      <c r="Z140">
        <v>26833.29234</v>
      </c>
      <c r="AA140">
        <v>92564.510840000003</v>
      </c>
      <c r="AB140">
        <v>39095.597520000003</v>
      </c>
      <c r="AC140">
        <v>40005.28731</v>
      </c>
      <c r="AD140">
        <v>32939.775690000002</v>
      </c>
      <c r="AE140">
        <v>43143.569259999997</v>
      </c>
      <c r="AF140">
        <v>40546.344169999997</v>
      </c>
      <c r="AG140">
        <v>31329.378570000001</v>
      </c>
      <c r="AH140">
        <v>225287.19459999999</v>
      </c>
      <c r="AI140">
        <v>66949.195739999996</v>
      </c>
      <c r="AJ140">
        <v>23478.450339999999</v>
      </c>
      <c r="AK140">
        <v>39274.335339999998</v>
      </c>
      <c r="AL140">
        <v>51384.533669999997</v>
      </c>
      <c r="AM140">
        <v>20508.68058</v>
      </c>
      <c r="AN140">
        <v>96732.750580000007</v>
      </c>
      <c r="AO140">
        <v>33579.423020000002</v>
      </c>
      <c r="AP140">
        <v>15347.859850000001</v>
      </c>
    </row>
    <row r="141" spans="2:42" x14ac:dyDescent="0.3">
      <c r="B141">
        <v>43.894738905770559</v>
      </c>
      <c r="C141" s="83">
        <v>43106.791666666664</v>
      </c>
      <c r="D141">
        <v>137736.03760000001</v>
      </c>
      <c r="E141">
        <v>22895.824789999999</v>
      </c>
      <c r="F141">
        <v>79266.763990000007</v>
      </c>
      <c r="G141">
        <v>39709.213860000003</v>
      </c>
      <c r="H141">
        <v>38859.102809999997</v>
      </c>
      <c r="I141">
        <v>32260.74613</v>
      </c>
      <c r="J141">
        <v>42273.603840000003</v>
      </c>
      <c r="K141">
        <v>40514.286970000001</v>
      </c>
      <c r="L141">
        <v>32638.639630000001</v>
      </c>
      <c r="M141">
        <v>223795.84890000001</v>
      </c>
      <c r="N141">
        <v>67848.057910000003</v>
      </c>
      <c r="O141">
        <v>23721.034100000001</v>
      </c>
      <c r="P141">
        <v>39934.581330000001</v>
      </c>
      <c r="Q141">
        <v>50018.19556</v>
      </c>
      <c r="R141">
        <v>19916.251179999999</v>
      </c>
      <c r="S141">
        <v>94417.396170000007</v>
      </c>
      <c r="T141">
        <v>31653.384310000001</v>
      </c>
      <c r="U141">
        <v>15131.926460000001</v>
      </c>
      <c r="W141" s="83">
        <f>Bühler!N173</f>
        <v>45297.79166666633</v>
      </c>
      <c r="X141" s="83">
        <v>43106.791666666664</v>
      </c>
      <c r="Y141">
        <v>137736.03760000001</v>
      </c>
      <c r="Z141">
        <v>22895.824789999999</v>
      </c>
      <c r="AA141">
        <v>79266.763990000007</v>
      </c>
      <c r="AB141">
        <v>39709.213860000003</v>
      </c>
      <c r="AC141">
        <v>38859.102809999997</v>
      </c>
      <c r="AD141">
        <v>32260.74613</v>
      </c>
      <c r="AE141">
        <v>42273.603840000003</v>
      </c>
      <c r="AF141">
        <v>40514.286970000001</v>
      </c>
      <c r="AG141">
        <v>32638.639630000001</v>
      </c>
      <c r="AH141">
        <v>223795.84890000001</v>
      </c>
      <c r="AI141">
        <v>67848.057910000003</v>
      </c>
      <c r="AJ141">
        <v>23721.034100000001</v>
      </c>
      <c r="AK141">
        <v>39934.581330000001</v>
      </c>
      <c r="AL141">
        <v>50018.19556</v>
      </c>
      <c r="AM141">
        <v>19916.251179999999</v>
      </c>
      <c r="AN141">
        <v>94417.396170000007</v>
      </c>
      <c r="AO141">
        <v>31653.384310000001</v>
      </c>
      <c r="AP141">
        <v>15131.926460000001</v>
      </c>
    </row>
    <row r="142" spans="2:42" x14ac:dyDescent="0.3">
      <c r="B142">
        <v>44.09718403941914</v>
      </c>
      <c r="C142" s="83">
        <v>43106.833333333336</v>
      </c>
      <c r="D142">
        <v>137204.44380000001</v>
      </c>
      <c r="E142">
        <v>17639.565019999998</v>
      </c>
      <c r="F142">
        <v>60777.69614</v>
      </c>
      <c r="G142">
        <v>39393.039920000003</v>
      </c>
      <c r="H142">
        <v>38651.232730000003</v>
      </c>
      <c r="I142">
        <v>30170.8838</v>
      </c>
      <c r="J142">
        <v>41075.018949999998</v>
      </c>
      <c r="K142">
        <v>48582.618410000003</v>
      </c>
      <c r="L142">
        <v>31654.767080000001</v>
      </c>
      <c r="M142">
        <v>224828.0086</v>
      </c>
      <c r="N142">
        <v>68536.176930000001</v>
      </c>
      <c r="O142">
        <v>23496.237669999999</v>
      </c>
      <c r="P142">
        <v>39211.843220000002</v>
      </c>
      <c r="Q142">
        <v>48156.548289999999</v>
      </c>
      <c r="R142">
        <v>21578.77882</v>
      </c>
      <c r="S142">
        <v>88844.404639999993</v>
      </c>
      <c r="T142">
        <v>29017.604230000001</v>
      </c>
      <c r="U142">
        <v>15184.561040000001</v>
      </c>
      <c r="W142" s="83">
        <f>Bühler!N174</f>
        <v>45297.833333332994</v>
      </c>
      <c r="X142" s="83">
        <v>43106.833333333336</v>
      </c>
      <c r="Y142">
        <v>137204.44380000001</v>
      </c>
      <c r="Z142">
        <v>17639.565019999998</v>
      </c>
      <c r="AA142">
        <v>60777.69614</v>
      </c>
      <c r="AB142">
        <v>39393.039920000003</v>
      </c>
      <c r="AC142">
        <v>38651.232730000003</v>
      </c>
      <c r="AD142">
        <v>30170.8838</v>
      </c>
      <c r="AE142">
        <v>41075.018949999998</v>
      </c>
      <c r="AF142">
        <v>48582.618410000003</v>
      </c>
      <c r="AG142">
        <v>31654.767080000001</v>
      </c>
      <c r="AH142">
        <v>224828.0086</v>
      </c>
      <c r="AI142">
        <v>68536.176930000001</v>
      </c>
      <c r="AJ142">
        <v>23496.237669999999</v>
      </c>
      <c r="AK142">
        <v>39211.843220000002</v>
      </c>
      <c r="AL142">
        <v>48156.548289999999</v>
      </c>
      <c r="AM142">
        <v>21578.77882</v>
      </c>
      <c r="AN142">
        <v>88844.404639999993</v>
      </c>
      <c r="AO142">
        <v>29017.604230000001</v>
      </c>
      <c r="AP142">
        <v>15184.561040000001</v>
      </c>
    </row>
    <row r="143" spans="2:42" x14ac:dyDescent="0.3">
      <c r="B143">
        <v>43.901638000055158</v>
      </c>
      <c r="C143" s="83">
        <v>43106.875</v>
      </c>
      <c r="D143">
        <v>136448.818</v>
      </c>
      <c r="E143">
        <v>15999.496220000001</v>
      </c>
      <c r="F143">
        <v>52963.682760000003</v>
      </c>
      <c r="G143">
        <v>38984.484320000003</v>
      </c>
      <c r="H143">
        <v>38169.870929999997</v>
      </c>
      <c r="I143">
        <v>27087.806919999999</v>
      </c>
      <c r="J143">
        <v>39467.993320000001</v>
      </c>
      <c r="K143">
        <v>48159.463889999999</v>
      </c>
      <c r="L143">
        <v>29868.61825</v>
      </c>
      <c r="M143">
        <v>223831.02369999999</v>
      </c>
      <c r="N143">
        <v>68626.609240000005</v>
      </c>
      <c r="O143">
        <v>22790.15194</v>
      </c>
      <c r="P143">
        <v>39026.882689999999</v>
      </c>
      <c r="Q143">
        <v>47522.93318</v>
      </c>
      <c r="R143">
        <v>20001.029259999999</v>
      </c>
      <c r="S143">
        <v>84571.826620000007</v>
      </c>
      <c r="T143">
        <v>27673.15207</v>
      </c>
      <c r="U143">
        <v>14994.933870000001</v>
      </c>
      <c r="W143" s="83">
        <f>Bühler!N175</f>
        <v>45297.874999999658</v>
      </c>
      <c r="X143" s="83">
        <v>43106.875</v>
      </c>
      <c r="Y143">
        <v>136448.818</v>
      </c>
      <c r="Z143">
        <v>15999.496220000001</v>
      </c>
      <c r="AA143">
        <v>52963.682760000003</v>
      </c>
      <c r="AB143">
        <v>38984.484320000003</v>
      </c>
      <c r="AC143">
        <v>38169.870929999997</v>
      </c>
      <c r="AD143">
        <v>27087.806919999999</v>
      </c>
      <c r="AE143">
        <v>39467.993320000001</v>
      </c>
      <c r="AF143">
        <v>48159.463889999999</v>
      </c>
      <c r="AG143">
        <v>29868.61825</v>
      </c>
      <c r="AH143">
        <v>223831.02369999999</v>
      </c>
      <c r="AI143">
        <v>68626.609240000005</v>
      </c>
      <c r="AJ143">
        <v>22790.15194</v>
      </c>
      <c r="AK143">
        <v>39026.882689999999</v>
      </c>
      <c r="AL143">
        <v>47522.93318</v>
      </c>
      <c r="AM143">
        <v>20001.029259999999</v>
      </c>
      <c r="AN143">
        <v>84571.826620000007</v>
      </c>
      <c r="AO143">
        <v>27673.15207</v>
      </c>
      <c r="AP143">
        <v>14994.933870000001</v>
      </c>
    </row>
    <row r="144" spans="2:42" x14ac:dyDescent="0.3">
      <c r="B144">
        <v>44.586567911480351</v>
      </c>
      <c r="C144" s="83">
        <v>43106.916666666664</v>
      </c>
      <c r="D144">
        <v>136125.7372</v>
      </c>
      <c r="E144">
        <v>15557.192940000001</v>
      </c>
      <c r="F144">
        <v>50302.889430000003</v>
      </c>
      <c r="G144">
        <v>39234.356099999997</v>
      </c>
      <c r="H144">
        <v>38314.10931</v>
      </c>
      <c r="I144">
        <v>26239.83325</v>
      </c>
      <c r="J144">
        <v>38204.930110000001</v>
      </c>
      <c r="K144">
        <v>51058.035860000004</v>
      </c>
      <c r="L144">
        <v>27325.606210000002</v>
      </c>
      <c r="M144">
        <v>227323.1158</v>
      </c>
      <c r="N144">
        <v>69132.360440000004</v>
      </c>
      <c r="O144">
        <v>23745.795050000001</v>
      </c>
      <c r="P144">
        <v>41392.262340000001</v>
      </c>
      <c r="Q144">
        <v>47179.589359999998</v>
      </c>
      <c r="R144">
        <v>27442.077539999998</v>
      </c>
      <c r="S144">
        <v>84015.589120000004</v>
      </c>
      <c r="T144">
        <v>27092.786370000002</v>
      </c>
      <c r="U144">
        <v>16247.82674</v>
      </c>
      <c r="W144" s="83">
        <f>Bühler!N176</f>
        <v>45297.916666666322</v>
      </c>
      <c r="X144" s="83">
        <v>43106.916666666664</v>
      </c>
      <c r="Y144">
        <v>136125.7372</v>
      </c>
      <c r="Z144">
        <v>15557.192940000001</v>
      </c>
      <c r="AA144">
        <v>50302.889430000003</v>
      </c>
      <c r="AB144">
        <v>39234.356099999997</v>
      </c>
      <c r="AC144">
        <v>38314.10931</v>
      </c>
      <c r="AD144">
        <v>26239.83325</v>
      </c>
      <c r="AE144">
        <v>38204.930110000001</v>
      </c>
      <c r="AF144">
        <v>51058.035860000004</v>
      </c>
      <c r="AG144">
        <v>27325.606210000002</v>
      </c>
      <c r="AH144">
        <v>227323.1158</v>
      </c>
      <c r="AI144">
        <v>69132.360440000004</v>
      </c>
      <c r="AJ144">
        <v>23745.795050000001</v>
      </c>
      <c r="AK144">
        <v>41392.262340000001</v>
      </c>
      <c r="AL144">
        <v>47179.589359999998</v>
      </c>
      <c r="AM144">
        <v>27442.077539999998</v>
      </c>
      <c r="AN144">
        <v>84015.589120000004</v>
      </c>
      <c r="AO144">
        <v>27092.786370000002</v>
      </c>
      <c r="AP144">
        <v>16247.82674</v>
      </c>
    </row>
    <row r="145" spans="2:42" x14ac:dyDescent="0.3">
      <c r="B145">
        <v>44.571559123568925</v>
      </c>
      <c r="C145" s="83">
        <v>43106.958333333336</v>
      </c>
      <c r="D145">
        <v>136191.44209999999</v>
      </c>
      <c r="E145">
        <v>15598.02378</v>
      </c>
      <c r="F145">
        <v>49190.25505</v>
      </c>
      <c r="G145">
        <v>39286.171820000003</v>
      </c>
      <c r="H145">
        <v>37663.301290000003</v>
      </c>
      <c r="I145">
        <v>26146.876079999998</v>
      </c>
      <c r="J145">
        <v>35891.938560000002</v>
      </c>
      <c r="K145">
        <v>50667.283450000003</v>
      </c>
      <c r="L145">
        <v>23840.25834</v>
      </c>
      <c r="M145">
        <v>227246.59400000001</v>
      </c>
      <c r="N145">
        <v>68625.499160000007</v>
      </c>
      <c r="O145">
        <v>23617.523939999999</v>
      </c>
      <c r="P145">
        <v>36590.835010000003</v>
      </c>
      <c r="Q145">
        <v>46916.599300000002</v>
      </c>
      <c r="R145">
        <v>27180.181400000001</v>
      </c>
      <c r="S145">
        <v>82671.067429999996</v>
      </c>
      <c r="T145">
        <v>29516.558229999999</v>
      </c>
      <c r="U145">
        <v>15455.519619999999</v>
      </c>
      <c r="W145" s="83">
        <f>Bühler!N177</f>
        <v>45297.958333332987</v>
      </c>
      <c r="X145" s="83">
        <v>43106.958333333336</v>
      </c>
      <c r="Y145">
        <v>136191.44209999999</v>
      </c>
      <c r="Z145">
        <v>15598.02378</v>
      </c>
      <c r="AA145">
        <v>49190.25505</v>
      </c>
      <c r="AB145">
        <v>39286.171820000003</v>
      </c>
      <c r="AC145">
        <v>37663.301290000003</v>
      </c>
      <c r="AD145">
        <v>26146.876079999998</v>
      </c>
      <c r="AE145">
        <v>35891.938560000002</v>
      </c>
      <c r="AF145">
        <v>50667.283450000003</v>
      </c>
      <c r="AG145">
        <v>23840.25834</v>
      </c>
      <c r="AH145">
        <v>227246.59400000001</v>
      </c>
      <c r="AI145">
        <v>68625.499160000007</v>
      </c>
      <c r="AJ145">
        <v>23617.523939999999</v>
      </c>
      <c r="AK145">
        <v>36590.835010000003</v>
      </c>
      <c r="AL145">
        <v>46916.599300000002</v>
      </c>
      <c r="AM145">
        <v>27180.181400000001</v>
      </c>
      <c r="AN145">
        <v>82671.067429999996</v>
      </c>
      <c r="AO145">
        <v>29516.558229999999</v>
      </c>
      <c r="AP145">
        <v>15455.519619999999</v>
      </c>
    </row>
    <row r="146" spans="2:42" x14ac:dyDescent="0.3">
      <c r="B146">
        <v>41.658671010963751</v>
      </c>
      <c r="C146" s="83">
        <v>43107</v>
      </c>
      <c r="D146">
        <v>129739.7711</v>
      </c>
      <c r="E146">
        <v>15970.74386</v>
      </c>
      <c r="F146">
        <v>48166.009489999997</v>
      </c>
      <c r="G146">
        <v>39815.295619999997</v>
      </c>
      <c r="H146">
        <v>38712.721230000003</v>
      </c>
      <c r="I146">
        <v>26023.490259999999</v>
      </c>
      <c r="J146">
        <v>35230.32488</v>
      </c>
      <c r="K146">
        <v>49761.246890000002</v>
      </c>
      <c r="L146">
        <v>22043.419249999999</v>
      </c>
      <c r="M146">
        <v>212395.33199999999</v>
      </c>
      <c r="N146">
        <v>72039.447159999996</v>
      </c>
      <c r="O146">
        <v>25344.121169999999</v>
      </c>
      <c r="P146">
        <v>38271.366459999997</v>
      </c>
      <c r="Q146">
        <v>43967.542070000003</v>
      </c>
      <c r="R146">
        <v>29677.837090000001</v>
      </c>
      <c r="S146">
        <v>83728.728650000005</v>
      </c>
      <c r="T146">
        <v>29725.132529999999</v>
      </c>
      <c r="U146">
        <v>16655.78298</v>
      </c>
      <c r="W146" s="83">
        <f>Bühler!N178</f>
        <v>45297.999999999651</v>
      </c>
      <c r="X146" s="83">
        <v>43107</v>
      </c>
      <c r="Y146">
        <v>129739.7711</v>
      </c>
      <c r="Z146">
        <v>15970.74386</v>
      </c>
      <c r="AA146">
        <v>48166.009489999997</v>
      </c>
      <c r="AB146">
        <v>39815.295619999997</v>
      </c>
      <c r="AC146">
        <v>38712.721230000003</v>
      </c>
      <c r="AD146">
        <v>26023.490259999999</v>
      </c>
      <c r="AE146">
        <v>35230.32488</v>
      </c>
      <c r="AF146">
        <v>49761.246890000002</v>
      </c>
      <c r="AG146">
        <v>22043.419249999999</v>
      </c>
      <c r="AH146">
        <v>212395.33199999999</v>
      </c>
      <c r="AI146">
        <v>72039.447159999996</v>
      </c>
      <c r="AJ146">
        <v>25344.121169999999</v>
      </c>
      <c r="AK146">
        <v>38271.366459999997</v>
      </c>
      <c r="AL146">
        <v>43967.542070000003</v>
      </c>
      <c r="AM146">
        <v>29677.837090000001</v>
      </c>
      <c r="AN146">
        <v>83728.728650000005</v>
      </c>
      <c r="AO146">
        <v>29725.132529999999</v>
      </c>
      <c r="AP146">
        <v>16655.78298</v>
      </c>
    </row>
    <row r="147" spans="2:42" x14ac:dyDescent="0.3">
      <c r="B147">
        <v>41.6993242949316</v>
      </c>
      <c r="C147" s="83">
        <v>43107.041666666664</v>
      </c>
      <c r="D147">
        <v>129603.93919999999</v>
      </c>
      <c r="E147">
        <v>16145.08339</v>
      </c>
      <c r="F147">
        <v>48540.501360000002</v>
      </c>
      <c r="G147">
        <v>39577.318039999998</v>
      </c>
      <c r="H147">
        <v>38795.939010000002</v>
      </c>
      <c r="I147">
        <v>22614.421969999999</v>
      </c>
      <c r="J147">
        <v>34533.027529999999</v>
      </c>
      <c r="K147">
        <v>48804.746729999999</v>
      </c>
      <c r="L147">
        <v>21084.164690000001</v>
      </c>
      <c r="M147">
        <v>212602.60140000001</v>
      </c>
      <c r="N147">
        <v>72110.080119999999</v>
      </c>
      <c r="O147">
        <v>25001.876950000002</v>
      </c>
      <c r="P147">
        <v>36603.798770000001</v>
      </c>
      <c r="Q147">
        <v>44772.735030000003</v>
      </c>
      <c r="R147">
        <v>28950.147659999999</v>
      </c>
      <c r="S147">
        <v>82188.881250000006</v>
      </c>
      <c r="T147">
        <v>29101.052019999999</v>
      </c>
      <c r="U147">
        <v>17055.13248</v>
      </c>
      <c r="W147" s="83">
        <f>Bühler!N179</f>
        <v>45298.041666666315</v>
      </c>
      <c r="X147" s="83">
        <v>43107.041666666664</v>
      </c>
      <c r="Y147">
        <v>129603.93919999999</v>
      </c>
      <c r="Z147">
        <v>16145.08339</v>
      </c>
      <c r="AA147">
        <v>48540.501360000002</v>
      </c>
      <c r="AB147">
        <v>39577.318039999998</v>
      </c>
      <c r="AC147">
        <v>38795.939010000002</v>
      </c>
      <c r="AD147">
        <v>22614.421969999999</v>
      </c>
      <c r="AE147">
        <v>34533.027529999999</v>
      </c>
      <c r="AF147">
        <v>48804.746729999999</v>
      </c>
      <c r="AG147">
        <v>21084.164690000001</v>
      </c>
      <c r="AH147">
        <v>212602.60140000001</v>
      </c>
      <c r="AI147">
        <v>72110.080119999999</v>
      </c>
      <c r="AJ147">
        <v>25001.876950000002</v>
      </c>
      <c r="AK147">
        <v>36603.798770000001</v>
      </c>
      <c r="AL147">
        <v>44772.735030000003</v>
      </c>
      <c r="AM147">
        <v>28950.147659999999</v>
      </c>
      <c r="AN147">
        <v>82188.881250000006</v>
      </c>
      <c r="AO147">
        <v>29101.052019999999</v>
      </c>
      <c r="AP147">
        <v>17055.13248</v>
      </c>
    </row>
    <row r="148" spans="2:42" x14ac:dyDescent="0.3">
      <c r="B148">
        <v>42.006940820139143</v>
      </c>
      <c r="C148" s="83">
        <v>43107.083333333336</v>
      </c>
      <c r="D148">
        <v>129839.1127</v>
      </c>
      <c r="E148">
        <v>16104.925740000001</v>
      </c>
      <c r="F148">
        <v>48585.024389999999</v>
      </c>
      <c r="G148">
        <v>39106.539799999999</v>
      </c>
      <c r="H148">
        <v>38540.507089999999</v>
      </c>
      <c r="I148">
        <v>20604.539390000002</v>
      </c>
      <c r="J148">
        <v>34346.950019999997</v>
      </c>
      <c r="K148">
        <v>47654.52708</v>
      </c>
      <c r="L148">
        <v>20193.9022</v>
      </c>
      <c r="M148">
        <v>214170.97390000001</v>
      </c>
      <c r="N148">
        <v>71583.778919999997</v>
      </c>
      <c r="O148">
        <v>25082.450929999999</v>
      </c>
      <c r="P148">
        <v>35712.950850000001</v>
      </c>
      <c r="Q148">
        <v>46230.644339999999</v>
      </c>
      <c r="R148">
        <v>28187.293730000001</v>
      </c>
      <c r="S148">
        <v>81613.50877</v>
      </c>
      <c r="T148">
        <v>28721.845860000001</v>
      </c>
      <c r="U148">
        <v>17373.30659</v>
      </c>
      <c r="W148" s="83">
        <f>Bühler!N180</f>
        <v>45298.083333332979</v>
      </c>
      <c r="X148" s="83">
        <v>43107.083333333336</v>
      </c>
      <c r="Y148">
        <v>129839.1127</v>
      </c>
      <c r="Z148">
        <v>16104.925740000001</v>
      </c>
      <c r="AA148">
        <v>48585.024389999999</v>
      </c>
      <c r="AB148">
        <v>39106.539799999999</v>
      </c>
      <c r="AC148">
        <v>38540.507089999999</v>
      </c>
      <c r="AD148">
        <v>20604.539390000002</v>
      </c>
      <c r="AE148">
        <v>34346.950019999997</v>
      </c>
      <c r="AF148">
        <v>47654.52708</v>
      </c>
      <c r="AG148">
        <v>20193.9022</v>
      </c>
      <c r="AH148">
        <v>214170.97390000001</v>
      </c>
      <c r="AI148">
        <v>71583.778919999997</v>
      </c>
      <c r="AJ148">
        <v>25082.450929999999</v>
      </c>
      <c r="AK148">
        <v>35712.950850000001</v>
      </c>
      <c r="AL148">
        <v>46230.644339999999</v>
      </c>
      <c r="AM148">
        <v>28187.293730000001</v>
      </c>
      <c r="AN148">
        <v>81613.50877</v>
      </c>
      <c r="AO148">
        <v>28721.845860000001</v>
      </c>
      <c r="AP148">
        <v>17373.30659</v>
      </c>
    </row>
    <row r="149" spans="2:42" x14ac:dyDescent="0.3">
      <c r="B149">
        <v>41.547967092933476</v>
      </c>
      <c r="C149" s="83">
        <v>43107.125</v>
      </c>
      <c r="D149">
        <v>129743.6483</v>
      </c>
      <c r="E149">
        <v>16249.217710000001</v>
      </c>
      <c r="F149">
        <v>47878.47999</v>
      </c>
      <c r="G149">
        <v>38647.667390000002</v>
      </c>
      <c r="H149">
        <v>38147.63018</v>
      </c>
      <c r="I149">
        <v>20449.1302</v>
      </c>
      <c r="J149">
        <v>35116.492109999999</v>
      </c>
      <c r="K149">
        <v>45512.415569999997</v>
      </c>
      <c r="L149">
        <v>19791.508170000001</v>
      </c>
      <c r="M149">
        <v>211830.9118</v>
      </c>
      <c r="N149">
        <v>71480.672319999998</v>
      </c>
      <c r="O149">
        <v>24820.885979999999</v>
      </c>
      <c r="P149">
        <v>34494.463539999997</v>
      </c>
      <c r="Q149">
        <v>46716.839050000002</v>
      </c>
      <c r="R149">
        <v>27671.40364</v>
      </c>
      <c r="S149">
        <v>81364.293080000003</v>
      </c>
      <c r="T149">
        <v>28842.038069999999</v>
      </c>
      <c r="U149">
        <v>17334.213390000001</v>
      </c>
      <c r="W149" s="83">
        <f>Bühler!N181</f>
        <v>45298.124999999643</v>
      </c>
      <c r="X149" s="83">
        <v>43107.125</v>
      </c>
      <c r="Y149">
        <v>129743.6483</v>
      </c>
      <c r="Z149">
        <v>16249.217710000001</v>
      </c>
      <c r="AA149">
        <v>47878.47999</v>
      </c>
      <c r="AB149">
        <v>38647.667390000002</v>
      </c>
      <c r="AC149">
        <v>38147.63018</v>
      </c>
      <c r="AD149">
        <v>20449.1302</v>
      </c>
      <c r="AE149">
        <v>35116.492109999999</v>
      </c>
      <c r="AF149">
        <v>45512.415569999997</v>
      </c>
      <c r="AG149">
        <v>19791.508170000001</v>
      </c>
      <c r="AH149">
        <v>211830.9118</v>
      </c>
      <c r="AI149">
        <v>71480.672319999998</v>
      </c>
      <c r="AJ149">
        <v>24820.885979999999</v>
      </c>
      <c r="AK149">
        <v>34494.463539999997</v>
      </c>
      <c r="AL149">
        <v>46716.839050000002</v>
      </c>
      <c r="AM149">
        <v>27671.40364</v>
      </c>
      <c r="AN149">
        <v>81364.293080000003</v>
      </c>
      <c r="AO149">
        <v>28842.038069999999</v>
      </c>
      <c r="AP149">
        <v>17334.213390000001</v>
      </c>
    </row>
    <row r="150" spans="2:42" x14ac:dyDescent="0.3">
      <c r="B150">
        <v>41.490477079203664</v>
      </c>
      <c r="C150" s="83">
        <v>43107.166666666664</v>
      </c>
      <c r="D150">
        <v>129991.6713</v>
      </c>
      <c r="E150">
        <v>16299.357900000001</v>
      </c>
      <c r="F150">
        <v>48011.416649999999</v>
      </c>
      <c r="G150">
        <v>38498.953849999998</v>
      </c>
      <c r="H150">
        <v>38797.086539999997</v>
      </c>
      <c r="I150">
        <v>21161.187969999999</v>
      </c>
      <c r="J150">
        <v>37335.991620000001</v>
      </c>
      <c r="K150">
        <v>44632.334459999998</v>
      </c>
      <c r="L150">
        <v>19155.616620000001</v>
      </c>
      <c r="M150">
        <v>211537.8009</v>
      </c>
      <c r="N150">
        <v>70587.508520000003</v>
      </c>
      <c r="O150">
        <v>25194.403190000001</v>
      </c>
      <c r="P150">
        <v>34283.157850000003</v>
      </c>
      <c r="Q150">
        <v>47491.67254</v>
      </c>
      <c r="R150">
        <v>27179.937880000001</v>
      </c>
      <c r="S150">
        <v>82511.097389999995</v>
      </c>
      <c r="T150">
        <v>29016.128250000002</v>
      </c>
      <c r="U150">
        <v>17466.16286</v>
      </c>
      <c r="W150" s="83">
        <f>Bühler!N182</f>
        <v>45298.166666666308</v>
      </c>
      <c r="X150" s="83">
        <v>43107.166666666664</v>
      </c>
      <c r="Y150">
        <v>129991.6713</v>
      </c>
      <c r="Z150">
        <v>16299.357900000001</v>
      </c>
      <c r="AA150">
        <v>48011.416649999999</v>
      </c>
      <c r="AB150">
        <v>38498.953849999998</v>
      </c>
      <c r="AC150">
        <v>38797.086539999997</v>
      </c>
      <c r="AD150">
        <v>21161.187969999999</v>
      </c>
      <c r="AE150">
        <v>37335.991620000001</v>
      </c>
      <c r="AF150">
        <v>44632.334459999998</v>
      </c>
      <c r="AG150">
        <v>19155.616620000001</v>
      </c>
      <c r="AH150">
        <v>211537.8009</v>
      </c>
      <c r="AI150">
        <v>70587.508520000003</v>
      </c>
      <c r="AJ150">
        <v>25194.403190000001</v>
      </c>
      <c r="AK150">
        <v>34283.157850000003</v>
      </c>
      <c r="AL150">
        <v>47491.67254</v>
      </c>
      <c r="AM150">
        <v>27179.937880000001</v>
      </c>
      <c r="AN150">
        <v>82511.097389999995</v>
      </c>
      <c r="AO150">
        <v>29016.128250000002</v>
      </c>
      <c r="AP150">
        <v>17466.16286</v>
      </c>
    </row>
    <row r="151" spans="2:42" x14ac:dyDescent="0.3">
      <c r="B151">
        <v>41.650254695718736</v>
      </c>
      <c r="C151" s="83">
        <v>43107.208333333336</v>
      </c>
      <c r="D151">
        <v>130509.2105</v>
      </c>
      <c r="E151">
        <v>16732.94327</v>
      </c>
      <c r="F151">
        <v>49478.64933</v>
      </c>
      <c r="G151">
        <v>38990.652049999997</v>
      </c>
      <c r="H151">
        <v>39129.690540000003</v>
      </c>
      <c r="I151">
        <v>24435.909800000001</v>
      </c>
      <c r="J151">
        <v>39195.975109999999</v>
      </c>
      <c r="K151">
        <v>43682.828690000002</v>
      </c>
      <c r="L151">
        <v>19280.166209999999</v>
      </c>
      <c r="M151">
        <v>212352.42170000001</v>
      </c>
      <c r="N151">
        <v>70094.548890000005</v>
      </c>
      <c r="O151">
        <v>25184.766640000002</v>
      </c>
      <c r="P151">
        <v>34245.38953</v>
      </c>
      <c r="Q151">
        <v>48116.379639999999</v>
      </c>
      <c r="R151">
        <v>26923.698960000002</v>
      </c>
      <c r="S151">
        <v>83915.092619999996</v>
      </c>
      <c r="T151">
        <v>29356.42654</v>
      </c>
      <c r="U151">
        <v>17514.136470000001</v>
      </c>
      <c r="W151" s="83">
        <f>Bühler!N183</f>
        <v>45298.208333332972</v>
      </c>
      <c r="X151" s="83">
        <v>43107.208333333336</v>
      </c>
      <c r="Y151">
        <v>130509.2105</v>
      </c>
      <c r="Z151">
        <v>16732.94327</v>
      </c>
      <c r="AA151">
        <v>49478.64933</v>
      </c>
      <c r="AB151">
        <v>38990.652049999997</v>
      </c>
      <c r="AC151">
        <v>39129.690540000003</v>
      </c>
      <c r="AD151">
        <v>24435.909800000001</v>
      </c>
      <c r="AE151">
        <v>39195.975109999999</v>
      </c>
      <c r="AF151">
        <v>43682.828690000002</v>
      </c>
      <c r="AG151">
        <v>19280.166209999999</v>
      </c>
      <c r="AH151">
        <v>212352.42170000001</v>
      </c>
      <c r="AI151">
        <v>70094.548890000005</v>
      </c>
      <c r="AJ151">
        <v>25184.766640000002</v>
      </c>
      <c r="AK151">
        <v>34245.38953</v>
      </c>
      <c r="AL151">
        <v>48116.379639999999</v>
      </c>
      <c r="AM151">
        <v>26923.698960000002</v>
      </c>
      <c r="AN151">
        <v>83915.092619999996</v>
      </c>
      <c r="AO151">
        <v>29356.42654</v>
      </c>
      <c r="AP151">
        <v>17514.136470000001</v>
      </c>
    </row>
    <row r="152" spans="2:42" x14ac:dyDescent="0.3">
      <c r="B152">
        <v>42.093859389426001</v>
      </c>
      <c r="C152" s="83">
        <v>43107.25</v>
      </c>
      <c r="D152">
        <v>130702.9448</v>
      </c>
      <c r="E152">
        <v>17459.537779999999</v>
      </c>
      <c r="F152">
        <v>50381.494599999998</v>
      </c>
      <c r="G152">
        <v>39884.28716</v>
      </c>
      <c r="H152">
        <v>38889.962979999997</v>
      </c>
      <c r="I152">
        <v>27295.944650000001</v>
      </c>
      <c r="J152">
        <v>41864.754540000002</v>
      </c>
      <c r="K152">
        <v>42017.918669999999</v>
      </c>
      <c r="L152">
        <v>19819.348010000002</v>
      </c>
      <c r="M152">
        <v>214614.12530000001</v>
      </c>
      <c r="N152">
        <v>68583.987649999995</v>
      </c>
      <c r="O152">
        <v>24560.696220000002</v>
      </c>
      <c r="P152">
        <v>33185.815699999999</v>
      </c>
      <c r="Q152">
        <v>47843.082589999998</v>
      </c>
      <c r="R152">
        <v>19806.88551</v>
      </c>
      <c r="S152">
        <v>88569.224000000002</v>
      </c>
      <c r="T152">
        <v>29797.09388</v>
      </c>
      <c r="U152">
        <v>16503.364450000001</v>
      </c>
      <c r="W152" s="83">
        <f>Bühler!N184</f>
        <v>45298.249999999636</v>
      </c>
      <c r="X152" s="83">
        <v>43107.25</v>
      </c>
      <c r="Y152">
        <v>130702.9448</v>
      </c>
      <c r="Z152">
        <v>17459.537779999999</v>
      </c>
      <c r="AA152">
        <v>50381.494599999998</v>
      </c>
      <c r="AB152">
        <v>39884.28716</v>
      </c>
      <c r="AC152">
        <v>38889.962979999997</v>
      </c>
      <c r="AD152">
        <v>27295.944650000001</v>
      </c>
      <c r="AE152">
        <v>41864.754540000002</v>
      </c>
      <c r="AF152">
        <v>42017.918669999999</v>
      </c>
      <c r="AG152">
        <v>19819.348010000002</v>
      </c>
      <c r="AH152">
        <v>214614.12530000001</v>
      </c>
      <c r="AI152">
        <v>68583.987649999995</v>
      </c>
      <c r="AJ152">
        <v>24560.696220000002</v>
      </c>
      <c r="AK152">
        <v>33185.815699999999</v>
      </c>
      <c r="AL152">
        <v>47843.082589999998</v>
      </c>
      <c r="AM152">
        <v>19806.88551</v>
      </c>
      <c r="AN152">
        <v>88569.224000000002</v>
      </c>
      <c r="AO152">
        <v>29797.09388</v>
      </c>
      <c r="AP152">
        <v>16503.364450000001</v>
      </c>
    </row>
    <row r="153" spans="2:42" x14ac:dyDescent="0.3">
      <c r="B153">
        <v>42.0411328277563</v>
      </c>
      <c r="C153" s="83">
        <v>43107.291666666664</v>
      </c>
      <c r="D153">
        <v>131296.47469999999</v>
      </c>
      <c r="E153">
        <v>18409.382089999999</v>
      </c>
      <c r="F153">
        <v>51238.120640000001</v>
      </c>
      <c r="G153">
        <v>40611.182919999999</v>
      </c>
      <c r="H153">
        <v>39772.000339999999</v>
      </c>
      <c r="I153">
        <v>29147.09506</v>
      </c>
      <c r="J153">
        <v>43515.605929999998</v>
      </c>
      <c r="K153">
        <v>41575.957979999999</v>
      </c>
      <c r="L153">
        <v>21499.508279999998</v>
      </c>
      <c r="M153">
        <v>214345.30069999999</v>
      </c>
      <c r="N153">
        <v>69004.157980000004</v>
      </c>
      <c r="O153">
        <v>25146.606159999999</v>
      </c>
      <c r="P153">
        <v>35084.454570000002</v>
      </c>
      <c r="Q153">
        <v>47634.622810000001</v>
      </c>
      <c r="R153">
        <v>19913.865740000001</v>
      </c>
      <c r="S153">
        <v>95857.142829999997</v>
      </c>
      <c r="T153">
        <v>27741.445009999999</v>
      </c>
      <c r="U153">
        <v>16933.738280000001</v>
      </c>
      <c r="W153" s="83">
        <f>Bühler!N185</f>
        <v>45298.2916666663</v>
      </c>
      <c r="X153" s="83">
        <v>43107.291666666664</v>
      </c>
      <c r="Y153">
        <v>131296.47469999999</v>
      </c>
      <c r="Z153">
        <v>18409.382089999999</v>
      </c>
      <c r="AA153">
        <v>51238.120640000001</v>
      </c>
      <c r="AB153">
        <v>40611.182919999999</v>
      </c>
      <c r="AC153">
        <v>39772.000339999999</v>
      </c>
      <c r="AD153">
        <v>29147.09506</v>
      </c>
      <c r="AE153">
        <v>43515.605929999998</v>
      </c>
      <c r="AF153">
        <v>41575.957979999999</v>
      </c>
      <c r="AG153">
        <v>21499.508279999998</v>
      </c>
      <c r="AH153">
        <v>214345.30069999999</v>
      </c>
      <c r="AI153">
        <v>69004.157980000004</v>
      </c>
      <c r="AJ153">
        <v>25146.606159999999</v>
      </c>
      <c r="AK153">
        <v>35084.454570000002</v>
      </c>
      <c r="AL153">
        <v>47634.622810000001</v>
      </c>
      <c r="AM153">
        <v>19913.865740000001</v>
      </c>
      <c r="AN153">
        <v>95857.142829999997</v>
      </c>
      <c r="AO153">
        <v>27741.445009999999</v>
      </c>
      <c r="AP153">
        <v>16933.738280000001</v>
      </c>
    </row>
    <row r="154" spans="2:42" x14ac:dyDescent="0.3">
      <c r="B154">
        <v>41.618715642753585</v>
      </c>
      <c r="C154" s="83">
        <v>43107.333333333336</v>
      </c>
      <c r="D154">
        <v>130670.93949999999</v>
      </c>
      <c r="E154">
        <v>18806.4192</v>
      </c>
      <c r="F154">
        <v>51160.783239999997</v>
      </c>
      <c r="G154">
        <v>40188.121299999999</v>
      </c>
      <c r="H154">
        <v>39489.031369999997</v>
      </c>
      <c r="I154">
        <v>29523.098750000001</v>
      </c>
      <c r="J154">
        <v>43676.576650000003</v>
      </c>
      <c r="K154">
        <v>41558.450169999996</v>
      </c>
      <c r="L154">
        <v>23106.82662</v>
      </c>
      <c r="M154">
        <v>212191.62090000001</v>
      </c>
      <c r="N154">
        <v>70466.08455</v>
      </c>
      <c r="O154">
        <v>24826.704040000001</v>
      </c>
      <c r="P154">
        <v>36816.405659999997</v>
      </c>
      <c r="Q154">
        <v>46802.098489999997</v>
      </c>
      <c r="R154">
        <v>19473.095499999999</v>
      </c>
      <c r="S154">
        <v>99759.923150000002</v>
      </c>
      <c r="T154">
        <v>28671.276320000001</v>
      </c>
      <c r="U154">
        <v>16575.294129999998</v>
      </c>
      <c r="W154" s="83">
        <f>Bühler!N186</f>
        <v>45298.333333332965</v>
      </c>
      <c r="X154" s="83">
        <v>43107.333333333336</v>
      </c>
      <c r="Y154">
        <v>130670.93949999999</v>
      </c>
      <c r="Z154">
        <v>18806.4192</v>
      </c>
      <c r="AA154">
        <v>51160.783239999997</v>
      </c>
      <c r="AB154">
        <v>40188.121299999999</v>
      </c>
      <c r="AC154">
        <v>39489.031369999997</v>
      </c>
      <c r="AD154">
        <v>29523.098750000001</v>
      </c>
      <c r="AE154">
        <v>43676.576650000003</v>
      </c>
      <c r="AF154">
        <v>41558.450169999996</v>
      </c>
      <c r="AG154">
        <v>23106.82662</v>
      </c>
      <c r="AH154">
        <v>212191.62090000001</v>
      </c>
      <c r="AI154">
        <v>70466.08455</v>
      </c>
      <c r="AJ154">
        <v>24826.704040000001</v>
      </c>
      <c r="AK154">
        <v>36816.405659999997</v>
      </c>
      <c r="AL154">
        <v>46802.098489999997</v>
      </c>
      <c r="AM154">
        <v>19473.095499999999</v>
      </c>
      <c r="AN154">
        <v>99759.923150000002</v>
      </c>
      <c r="AO154">
        <v>28671.276320000001</v>
      </c>
      <c r="AP154">
        <v>16575.294129999998</v>
      </c>
    </row>
    <row r="155" spans="2:42" x14ac:dyDescent="0.3">
      <c r="B155">
        <v>41.081619520834366</v>
      </c>
      <c r="C155" s="83">
        <v>43107.375</v>
      </c>
      <c r="D155">
        <v>128840.1437</v>
      </c>
      <c r="E155">
        <v>18653.35814</v>
      </c>
      <c r="F155">
        <v>50157.702819999999</v>
      </c>
      <c r="G155">
        <v>39279.132310000001</v>
      </c>
      <c r="H155">
        <v>37925.545019999998</v>
      </c>
      <c r="I155">
        <v>28838.980909999998</v>
      </c>
      <c r="J155">
        <v>42649.657619999998</v>
      </c>
      <c r="K155">
        <v>41529.198909999999</v>
      </c>
      <c r="L155">
        <v>25205.27376</v>
      </c>
      <c r="M155">
        <v>209453.25440000001</v>
      </c>
      <c r="N155">
        <v>73750.625289999996</v>
      </c>
      <c r="O155">
        <v>24034.570779999998</v>
      </c>
      <c r="P155">
        <v>38708.223570000002</v>
      </c>
      <c r="Q155">
        <v>46375.846219999999</v>
      </c>
      <c r="R155">
        <v>18646.63479</v>
      </c>
      <c r="S155">
        <v>99624.674209999997</v>
      </c>
      <c r="T155">
        <v>29094.472010000001</v>
      </c>
      <c r="U155">
        <v>15688.9128</v>
      </c>
      <c r="W155" s="83">
        <f>Bühler!N187</f>
        <v>45298.374999999629</v>
      </c>
      <c r="X155" s="83">
        <v>43107.375</v>
      </c>
      <c r="Y155">
        <v>128840.1437</v>
      </c>
      <c r="Z155">
        <v>18653.35814</v>
      </c>
      <c r="AA155">
        <v>50157.702819999999</v>
      </c>
      <c r="AB155">
        <v>39279.132310000001</v>
      </c>
      <c r="AC155">
        <v>37925.545019999998</v>
      </c>
      <c r="AD155">
        <v>28838.980909999998</v>
      </c>
      <c r="AE155">
        <v>42649.657619999998</v>
      </c>
      <c r="AF155">
        <v>41529.198909999999</v>
      </c>
      <c r="AG155">
        <v>25205.27376</v>
      </c>
      <c r="AH155">
        <v>209453.25440000001</v>
      </c>
      <c r="AI155">
        <v>73750.625289999996</v>
      </c>
      <c r="AJ155">
        <v>24034.570779999998</v>
      </c>
      <c r="AK155">
        <v>38708.223570000002</v>
      </c>
      <c r="AL155">
        <v>46375.846219999999</v>
      </c>
      <c r="AM155">
        <v>18646.63479</v>
      </c>
      <c r="AN155">
        <v>99624.674209999997</v>
      </c>
      <c r="AO155">
        <v>29094.472010000001</v>
      </c>
      <c r="AP155">
        <v>15688.9128</v>
      </c>
    </row>
    <row r="156" spans="2:42" x14ac:dyDescent="0.3">
      <c r="B156">
        <v>41.452955874360988</v>
      </c>
      <c r="C156" s="83">
        <v>43107.416666666664</v>
      </c>
      <c r="D156">
        <v>128047.8137</v>
      </c>
      <c r="E156">
        <v>18895.190070000001</v>
      </c>
      <c r="F156">
        <v>49907.246550000003</v>
      </c>
      <c r="G156">
        <v>39247.916899999997</v>
      </c>
      <c r="H156">
        <v>38145.983229999998</v>
      </c>
      <c r="I156">
        <v>28263.599620000001</v>
      </c>
      <c r="J156">
        <v>40892.104189999998</v>
      </c>
      <c r="K156">
        <v>43106.408629999998</v>
      </c>
      <c r="L156">
        <v>27015.826779999999</v>
      </c>
      <c r="M156">
        <v>211346.50030000001</v>
      </c>
      <c r="N156">
        <v>76654.350200000001</v>
      </c>
      <c r="O156">
        <v>23906.20406</v>
      </c>
      <c r="P156">
        <v>40240.163399999998</v>
      </c>
      <c r="Q156">
        <v>46280.351300000002</v>
      </c>
      <c r="R156">
        <v>19259.44742</v>
      </c>
      <c r="S156">
        <v>99008.358070000002</v>
      </c>
      <c r="T156">
        <v>30001.752130000001</v>
      </c>
      <c r="U156">
        <v>15482.234700000001</v>
      </c>
      <c r="W156" s="83">
        <f>Bühler!N188</f>
        <v>45298.416666666293</v>
      </c>
      <c r="X156" s="83">
        <v>43107.416666666664</v>
      </c>
      <c r="Y156">
        <v>128047.8137</v>
      </c>
      <c r="Z156">
        <v>18895.190070000001</v>
      </c>
      <c r="AA156">
        <v>49907.246550000003</v>
      </c>
      <c r="AB156">
        <v>39247.916899999997</v>
      </c>
      <c r="AC156">
        <v>38145.983229999998</v>
      </c>
      <c r="AD156">
        <v>28263.599620000001</v>
      </c>
      <c r="AE156">
        <v>40892.104189999998</v>
      </c>
      <c r="AF156">
        <v>43106.408629999998</v>
      </c>
      <c r="AG156">
        <v>27015.826779999999</v>
      </c>
      <c r="AH156">
        <v>211346.50030000001</v>
      </c>
      <c r="AI156">
        <v>76654.350200000001</v>
      </c>
      <c r="AJ156">
        <v>23906.20406</v>
      </c>
      <c r="AK156">
        <v>40240.163399999998</v>
      </c>
      <c r="AL156">
        <v>46280.351300000002</v>
      </c>
      <c r="AM156">
        <v>19259.44742</v>
      </c>
      <c r="AN156">
        <v>99008.358070000002</v>
      </c>
      <c r="AO156">
        <v>30001.752130000001</v>
      </c>
      <c r="AP156">
        <v>15482.234700000001</v>
      </c>
    </row>
    <row r="157" spans="2:42" x14ac:dyDescent="0.3">
      <c r="B157">
        <v>41.627530979952176</v>
      </c>
      <c r="C157" s="83">
        <v>43107.458333333336</v>
      </c>
      <c r="D157">
        <v>126974.5267</v>
      </c>
      <c r="E157">
        <v>18835.754870000001</v>
      </c>
      <c r="F157">
        <v>50083.747410000004</v>
      </c>
      <c r="G157">
        <v>39324.90612</v>
      </c>
      <c r="H157">
        <v>38418.070919999998</v>
      </c>
      <c r="I157">
        <v>27508.89573</v>
      </c>
      <c r="J157">
        <v>40361.11608</v>
      </c>
      <c r="K157">
        <v>46235.15292</v>
      </c>
      <c r="L157">
        <v>27935.837299999999</v>
      </c>
      <c r="M157">
        <v>212236.5656</v>
      </c>
      <c r="N157">
        <v>76484.826480000003</v>
      </c>
      <c r="O157">
        <v>24259.651760000001</v>
      </c>
      <c r="P157">
        <v>39863.445769999998</v>
      </c>
      <c r="Q157">
        <v>45335.163220000002</v>
      </c>
      <c r="R157">
        <v>20081.62917</v>
      </c>
      <c r="S157">
        <v>100543.9041</v>
      </c>
      <c r="T157">
        <v>30348.59777</v>
      </c>
      <c r="U157">
        <v>15196.99647</v>
      </c>
      <c r="W157" s="83">
        <f>Bühler!N189</f>
        <v>45298.458333332957</v>
      </c>
      <c r="X157" s="83">
        <v>43107.458333333336</v>
      </c>
      <c r="Y157">
        <v>126974.5267</v>
      </c>
      <c r="Z157">
        <v>18835.754870000001</v>
      </c>
      <c r="AA157">
        <v>50083.747410000004</v>
      </c>
      <c r="AB157">
        <v>39324.90612</v>
      </c>
      <c r="AC157">
        <v>38418.070919999998</v>
      </c>
      <c r="AD157">
        <v>27508.89573</v>
      </c>
      <c r="AE157">
        <v>40361.11608</v>
      </c>
      <c r="AF157">
        <v>46235.15292</v>
      </c>
      <c r="AG157">
        <v>27935.837299999999</v>
      </c>
      <c r="AH157">
        <v>212236.5656</v>
      </c>
      <c r="AI157">
        <v>76484.826480000003</v>
      </c>
      <c r="AJ157">
        <v>24259.651760000001</v>
      </c>
      <c r="AK157">
        <v>39863.445769999998</v>
      </c>
      <c r="AL157">
        <v>45335.163220000002</v>
      </c>
      <c r="AM157">
        <v>20081.62917</v>
      </c>
      <c r="AN157">
        <v>100543.9041</v>
      </c>
      <c r="AO157">
        <v>30348.59777</v>
      </c>
      <c r="AP157">
        <v>15196.99647</v>
      </c>
    </row>
    <row r="158" spans="2:42" x14ac:dyDescent="0.3">
      <c r="B158">
        <v>41.458550596006063</v>
      </c>
      <c r="C158" s="83">
        <v>43107.5</v>
      </c>
      <c r="D158">
        <v>126976.3792</v>
      </c>
      <c r="E158">
        <v>18508.355640000002</v>
      </c>
      <c r="F158">
        <v>49175.80975</v>
      </c>
      <c r="G158">
        <v>38734.606399999997</v>
      </c>
      <c r="H158">
        <v>37983.250619999999</v>
      </c>
      <c r="I158">
        <v>26447.70379</v>
      </c>
      <c r="J158">
        <v>40021.240680000003</v>
      </c>
      <c r="K158">
        <v>47204.32634</v>
      </c>
      <c r="L158">
        <v>29088.05083</v>
      </c>
      <c r="M158">
        <v>211375.02480000001</v>
      </c>
      <c r="N158">
        <v>75574.043950000007</v>
      </c>
      <c r="O158">
        <v>23704.819220000001</v>
      </c>
      <c r="P158">
        <v>38965.989690000002</v>
      </c>
      <c r="Q158">
        <v>44264.534540000001</v>
      </c>
      <c r="R158">
        <v>20507.211569999999</v>
      </c>
      <c r="S158">
        <v>94728.022110000005</v>
      </c>
      <c r="T158">
        <v>30004.726770000001</v>
      </c>
      <c r="U158">
        <v>14573.886689999999</v>
      </c>
      <c r="W158" s="83">
        <f>Bühler!N190</f>
        <v>45298.499999999622</v>
      </c>
      <c r="X158" s="83">
        <v>43107.5</v>
      </c>
      <c r="Y158">
        <v>126976.3792</v>
      </c>
      <c r="Z158">
        <v>18508.355640000002</v>
      </c>
      <c r="AA158">
        <v>49175.80975</v>
      </c>
      <c r="AB158">
        <v>38734.606399999997</v>
      </c>
      <c r="AC158">
        <v>37983.250619999999</v>
      </c>
      <c r="AD158">
        <v>26447.70379</v>
      </c>
      <c r="AE158">
        <v>40021.240680000003</v>
      </c>
      <c r="AF158">
        <v>47204.32634</v>
      </c>
      <c r="AG158">
        <v>29088.05083</v>
      </c>
      <c r="AH158">
        <v>211375.02480000001</v>
      </c>
      <c r="AI158">
        <v>75574.043950000007</v>
      </c>
      <c r="AJ158">
        <v>23704.819220000001</v>
      </c>
      <c r="AK158">
        <v>38965.989690000002</v>
      </c>
      <c r="AL158">
        <v>44264.534540000001</v>
      </c>
      <c r="AM158">
        <v>20507.211569999999</v>
      </c>
      <c r="AN158">
        <v>94728.022110000005</v>
      </c>
      <c r="AO158">
        <v>30004.726770000001</v>
      </c>
      <c r="AP158">
        <v>14573.886689999999</v>
      </c>
    </row>
    <row r="159" spans="2:42" x14ac:dyDescent="0.3">
      <c r="B159">
        <v>41.672710899667337</v>
      </c>
      <c r="C159" s="83">
        <v>43107.541666666664</v>
      </c>
      <c r="D159">
        <v>126450.4896</v>
      </c>
      <c r="E159">
        <v>18247.472300000001</v>
      </c>
      <c r="F159">
        <v>47153.68219</v>
      </c>
      <c r="G159">
        <v>38424.54163</v>
      </c>
      <c r="H159">
        <v>37347.090239999998</v>
      </c>
      <c r="I159">
        <v>26460.535159999999</v>
      </c>
      <c r="J159">
        <v>39258.944530000001</v>
      </c>
      <c r="K159">
        <v>47897.065849999999</v>
      </c>
      <c r="L159">
        <v>29121.1414</v>
      </c>
      <c r="M159">
        <v>212466.91390000001</v>
      </c>
      <c r="N159">
        <v>73488.846189999997</v>
      </c>
      <c r="O159">
        <v>23438.755260000002</v>
      </c>
      <c r="P159">
        <v>38113.15597</v>
      </c>
      <c r="Q159">
        <v>42377.160470000003</v>
      </c>
      <c r="R159">
        <v>21301.20436</v>
      </c>
      <c r="S159">
        <v>95522.224350000004</v>
      </c>
      <c r="T159">
        <v>29137.52245</v>
      </c>
      <c r="U159">
        <v>14438.48768</v>
      </c>
      <c r="W159" s="83">
        <f>Bühler!N191</f>
        <v>45298.541666666286</v>
      </c>
      <c r="X159" s="83">
        <v>43107.541666666664</v>
      </c>
      <c r="Y159">
        <v>126450.4896</v>
      </c>
      <c r="Z159">
        <v>18247.472300000001</v>
      </c>
      <c r="AA159">
        <v>47153.68219</v>
      </c>
      <c r="AB159">
        <v>38424.54163</v>
      </c>
      <c r="AC159">
        <v>37347.090239999998</v>
      </c>
      <c r="AD159">
        <v>26460.535159999999</v>
      </c>
      <c r="AE159">
        <v>39258.944530000001</v>
      </c>
      <c r="AF159">
        <v>47897.065849999999</v>
      </c>
      <c r="AG159">
        <v>29121.1414</v>
      </c>
      <c r="AH159">
        <v>212466.91390000001</v>
      </c>
      <c r="AI159">
        <v>73488.846189999997</v>
      </c>
      <c r="AJ159">
        <v>23438.755260000002</v>
      </c>
      <c r="AK159">
        <v>38113.15597</v>
      </c>
      <c r="AL159">
        <v>42377.160470000003</v>
      </c>
      <c r="AM159">
        <v>21301.20436</v>
      </c>
      <c r="AN159">
        <v>95522.224350000004</v>
      </c>
      <c r="AO159">
        <v>29137.52245</v>
      </c>
      <c r="AP159">
        <v>14438.48768</v>
      </c>
    </row>
    <row r="160" spans="2:42" x14ac:dyDescent="0.3">
      <c r="B160">
        <v>41.95197960607873</v>
      </c>
      <c r="C160" s="83">
        <v>43107.583333333336</v>
      </c>
      <c r="D160">
        <v>126439.7574</v>
      </c>
      <c r="E160">
        <v>18175.521000000001</v>
      </c>
      <c r="F160">
        <v>46499.876389999998</v>
      </c>
      <c r="G160">
        <v>38166.005669999999</v>
      </c>
      <c r="H160">
        <v>36745.127050000003</v>
      </c>
      <c r="I160">
        <v>26698.244770000001</v>
      </c>
      <c r="J160">
        <v>38805.86679</v>
      </c>
      <c r="K160">
        <v>46727.522210000003</v>
      </c>
      <c r="L160">
        <v>28133.45407</v>
      </c>
      <c r="M160">
        <v>213890.75599999999</v>
      </c>
      <c r="N160">
        <v>73889.439859999999</v>
      </c>
      <c r="O160">
        <v>23133.732230000001</v>
      </c>
      <c r="P160">
        <v>35816.194620000002</v>
      </c>
      <c r="Q160">
        <v>42124.309699999998</v>
      </c>
      <c r="R160">
        <v>20452.451519999999</v>
      </c>
      <c r="S160">
        <v>93402.930829999998</v>
      </c>
      <c r="T160">
        <v>28963.979889999999</v>
      </c>
      <c r="U160">
        <v>14290.34434</v>
      </c>
      <c r="W160" s="83">
        <f>Bühler!N192</f>
        <v>45298.58333333295</v>
      </c>
      <c r="X160" s="83">
        <v>43107.583333333336</v>
      </c>
      <c r="Y160">
        <v>126439.7574</v>
      </c>
      <c r="Z160">
        <v>18175.521000000001</v>
      </c>
      <c r="AA160">
        <v>46499.876389999998</v>
      </c>
      <c r="AB160">
        <v>38166.005669999999</v>
      </c>
      <c r="AC160">
        <v>36745.127050000003</v>
      </c>
      <c r="AD160">
        <v>26698.244770000001</v>
      </c>
      <c r="AE160">
        <v>38805.86679</v>
      </c>
      <c r="AF160">
        <v>46727.522210000003</v>
      </c>
      <c r="AG160">
        <v>28133.45407</v>
      </c>
      <c r="AH160">
        <v>213890.75599999999</v>
      </c>
      <c r="AI160">
        <v>73889.439859999999</v>
      </c>
      <c r="AJ160">
        <v>23133.732230000001</v>
      </c>
      <c r="AK160">
        <v>35816.194620000002</v>
      </c>
      <c r="AL160">
        <v>42124.309699999998</v>
      </c>
      <c r="AM160">
        <v>20452.451519999999</v>
      </c>
      <c r="AN160">
        <v>93402.930829999998</v>
      </c>
      <c r="AO160">
        <v>28963.979889999999</v>
      </c>
      <c r="AP160">
        <v>14290.34434</v>
      </c>
    </row>
    <row r="161" spans="2:42" x14ac:dyDescent="0.3">
      <c r="B161">
        <v>41.469378969932094</v>
      </c>
      <c r="C161" s="83">
        <v>43107.625</v>
      </c>
      <c r="D161">
        <v>126483.4865</v>
      </c>
      <c r="E161">
        <v>18077.010330000001</v>
      </c>
      <c r="F161">
        <v>46253.329180000001</v>
      </c>
      <c r="G161">
        <v>38312.129390000002</v>
      </c>
      <c r="H161">
        <v>36731.218459999996</v>
      </c>
      <c r="I161">
        <v>26639.152610000001</v>
      </c>
      <c r="J161">
        <v>38845.646829999998</v>
      </c>
      <c r="K161">
        <v>46127.583100000003</v>
      </c>
      <c r="L161">
        <v>26625.564699999999</v>
      </c>
      <c r="M161">
        <v>211430.2329</v>
      </c>
      <c r="N161">
        <v>73329.199890000004</v>
      </c>
      <c r="O161">
        <v>22879.222470000001</v>
      </c>
      <c r="P161">
        <v>34815.895669999998</v>
      </c>
      <c r="Q161">
        <v>41671.41476</v>
      </c>
      <c r="R161">
        <v>20335.361079999999</v>
      </c>
      <c r="S161">
        <v>92637.364319999993</v>
      </c>
      <c r="T161">
        <v>29370.82301</v>
      </c>
      <c r="U161">
        <v>14326.09647</v>
      </c>
      <c r="W161" s="83">
        <f>Bühler!N193</f>
        <v>45298.624999999614</v>
      </c>
      <c r="X161" s="83">
        <v>43107.625</v>
      </c>
      <c r="Y161">
        <v>126483.4865</v>
      </c>
      <c r="Z161">
        <v>18077.010330000001</v>
      </c>
      <c r="AA161">
        <v>46253.329180000001</v>
      </c>
      <c r="AB161">
        <v>38312.129390000002</v>
      </c>
      <c r="AC161">
        <v>36731.218459999996</v>
      </c>
      <c r="AD161">
        <v>26639.152610000001</v>
      </c>
      <c r="AE161">
        <v>38845.646829999998</v>
      </c>
      <c r="AF161">
        <v>46127.583100000003</v>
      </c>
      <c r="AG161">
        <v>26625.564699999999</v>
      </c>
      <c r="AH161">
        <v>211430.2329</v>
      </c>
      <c r="AI161">
        <v>73329.199890000004</v>
      </c>
      <c r="AJ161">
        <v>22879.222470000001</v>
      </c>
      <c r="AK161">
        <v>34815.895669999998</v>
      </c>
      <c r="AL161">
        <v>41671.41476</v>
      </c>
      <c r="AM161">
        <v>20335.361079999999</v>
      </c>
      <c r="AN161">
        <v>92637.364319999993</v>
      </c>
      <c r="AO161">
        <v>29370.82301</v>
      </c>
      <c r="AP161">
        <v>14326.09647</v>
      </c>
    </row>
    <row r="162" spans="2:42" x14ac:dyDescent="0.3">
      <c r="B162">
        <v>41.447435645705482</v>
      </c>
      <c r="C162" s="83">
        <v>43107.666666666664</v>
      </c>
      <c r="D162">
        <v>126988.7061</v>
      </c>
      <c r="E162">
        <v>18282.31352</v>
      </c>
      <c r="F162">
        <v>45948.041259999998</v>
      </c>
      <c r="G162">
        <v>38737.37571</v>
      </c>
      <c r="H162">
        <v>37206.421629999997</v>
      </c>
      <c r="I162">
        <v>27107.421279999999</v>
      </c>
      <c r="J162">
        <v>38434.906739999999</v>
      </c>
      <c r="K162">
        <v>45318.54696</v>
      </c>
      <c r="L162">
        <v>26451.517919999998</v>
      </c>
      <c r="M162">
        <v>211318.35560000001</v>
      </c>
      <c r="N162">
        <v>70501.049140000003</v>
      </c>
      <c r="O162">
        <v>23157.680420000001</v>
      </c>
      <c r="P162">
        <v>35253.67553</v>
      </c>
      <c r="Q162">
        <v>42596.444909999998</v>
      </c>
      <c r="R162">
        <v>20501.11794</v>
      </c>
      <c r="S162">
        <v>94292.760139999999</v>
      </c>
      <c r="T162">
        <v>29547.89516</v>
      </c>
      <c r="U162">
        <v>14772.07547</v>
      </c>
      <c r="W162" s="83">
        <f>Bühler!N194</f>
        <v>45298.666666666279</v>
      </c>
      <c r="X162" s="83">
        <v>43107.666666666664</v>
      </c>
      <c r="Y162">
        <v>126988.7061</v>
      </c>
      <c r="Z162">
        <v>18282.31352</v>
      </c>
      <c r="AA162">
        <v>45948.041259999998</v>
      </c>
      <c r="AB162">
        <v>38737.37571</v>
      </c>
      <c r="AC162">
        <v>37206.421629999997</v>
      </c>
      <c r="AD162">
        <v>27107.421279999999</v>
      </c>
      <c r="AE162">
        <v>38434.906739999999</v>
      </c>
      <c r="AF162">
        <v>45318.54696</v>
      </c>
      <c r="AG162">
        <v>26451.517919999998</v>
      </c>
      <c r="AH162">
        <v>211318.35560000001</v>
      </c>
      <c r="AI162">
        <v>70501.049140000003</v>
      </c>
      <c r="AJ162">
        <v>23157.680420000001</v>
      </c>
      <c r="AK162">
        <v>35253.67553</v>
      </c>
      <c r="AL162">
        <v>42596.444909999998</v>
      </c>
      <c r="AM162">
        <v>20501.11794</v>
      </c>
      <c r="AN162">
        <v>94292.760139999999</v>
      </c>
      <c r="AO162">
        <v>29547.89516</v>
      </c>
      <c r="AP162">
        <v>14772.07547</v>
      </c>
    </row>
    <row r="163" spans="2:42" x14ac:dyDescent="0.3">
      <c r="B163">
        <v>41.670434842668683</v>
      </c>
      <c r="C163" s="83">
        <v>43107.708333333336</v>
      </c>
      <c r="D163">
        <v>129507.4601</v>
      </c>
      <c r="E163">
        <v>19200.238799999999</v>
      </c>
      <c r="F163">
        <v>48213.978790000001</v>
      </c>
      <c r="G163">
        <v>40444.613100000002</v>
      </c>
      <c r="H163">
        <v>39016.41504</v>
      </c>
      <c r="I163">
        <v>28755.107309999999</v>
      </c>
      <c r="J163">
        <v>41546.799749999998</v>
      </c>
      <c r="K163">
        <v>44876.298479999998</v>
      </c>
      <c r="L163">
        <v>27350.712729999999</v>
      </c>
      <c r="M163">
        <v>212455.3095</v>
      </c>
      <c r="N163">
        <v>68638.822100000005</v>
      </c>
      <c r="O163">
        <v>23696.029979999999</v>
      </c>
      <c r="P163">
        <v>37654.44831</v>
      </c>
      <c r="Q163">
        <v>43288.305930000002</v>
      </c>
      <c r="R163">
        <v>21587.728930000001</v>
      </c>
      <c r="S163">
        <v>99347.172269999995</v>
      </c>
      <c r="T163">
        <v>30391.90654</v>
      </c>
      <c r="U163">
        <v>15540.223739999999</v>
      </c>
      <c r="W163" s="83">
        <f>Bühler!N195</f>
        <v>45298.708333332943</v>
      </c>
      <c r="X163" s="83">
        <v>43107.708333333336</v>
      </c>
      <c r="Y163">
        <v>129507.4601</v>
      </c>
      <c r="Z163">
        <v>19200.238799999999</v>
      </c>
      <c r="AA163">
        <v>48213.978790000001</v>
      </c>
      <c r="AB163">
        <v>40444.613100000002</v>
      </c>
      <c r="AC163">
        <v>39016.41504</v>
      </c>
      <c r="AD163">
        <v>28755.107309999999</v>
      </c>
      <c r="AE163">
        <v>41546.799749999998</v>
      </c>
      <c r="AF163">
        <v>44876.298479999998</v>
      </c>
      <c r="AG163">
        <v>27350.712729999999</v>
      </c>
      <c r="AH163">
        <v>212455.3095</v>
      </c>
      <c r="AI163">
        <v>68638.822100000005</v>
      </c>
      <c r="AJ163">
        <v>23696.029979999999</v>
      </c>
      <c r="AK163">
        <v>37654.44831</v>
      </c>
      <c r="AL163">
        <v>43288.305930000002</v>
      </c>
      <c r="AM163">
        <v>21587.728930000001</v>
      </c>
      <c r="AN163">
        <v>99347.172269999995</v>
      </c>
      <c r="AO163">
        <v>30391.90654</v>
      </c>
      <c r="AP163">
        <v>15540.223739999999</v>
      </c>
    </row>
    <row r="164" spans="2:42" x14ac:dyDescent="0.3">
      <c r="B164">
        <v>41.692208782625187</v>
      </c>
      <c r="C164" s="83">
        <v>43107.75</v>
      </c>
      <c r="D164">
        <v>131406.97990000001</v>
      </c>
      <c r="E164">
        <v>19086.51842</v>
      </c>
      <c r="F164">
        <v>48393.916660000003</v>
      </c>
      <c r="G164">
        <v>41271.365769999997</v>
      </c>
      <c r="H164">
        <v>39440.963009999999</v>
      </c>
      <c r="I164">
        <v>29576.201410000001</v>
      </c>
      <c r="J164">
        <v>43559.612070000003</v>
      </c>
      <c r="K164">
        <v>43111.214919999999</v>
      </c>
      <c r="L164">
        <v>28339.08669</v>
      </c>
      <c r="M164">
        <v>212566.32320000001</v>
      </c>
      <c r="N164">
        <v>68985.877959999998</v>
      </c>
      <c r="O164">
        <v>23808.131740000001</v>
      </c>
      <c r="P164">
        <v>38253.588309999999</v>
      </c>
      <c r="Q164">
        <v>44241.30315</v>
      </c>
      <c r="R164">
        <v>21886.276969999999</v>
      </c>
      <c r="S164">
        <v>98169.671230000007</v>
      </c>
      <c r="T164">
        <v>30813.90682</v>
      </c>
      <c r="U164">
        <v>16047.58303</v>
      </c>
      <c r="W164" s="83">
        <f>Bühler!N196</f>
        <v>45298.749999999607</v>
      </c>
      <c r="X164" s="83">
        <v>43107.75</v>
      </c>
      <c r="Y164">
        <v>131406.97990000001</v>
      </c>
      <c r="Z164">
        <v>19086.51842</v>
      </c>
      <c r="AA164">
        <v>48393.916660000003</v>
      </c>
      <c r="AB164">
        <v>41271.365769999997</v>
      </c>
      <c r="AC164">
        <v>39440.963009999999</v>
      </c>
      <c r="AD164">
        <v>29576.201410000001</v>
      </c>
      <c r="AE164">
        <v>43559.612070000003</v>
      </c>
      <c r="AF164">
        <v>43111.214919999999</v>
      </c>
      <c r="AG164">
        <v>28339.08669</v>
      </c>
      <c r="AH164">
        <v>212566.32320000001</v>
      </c>
      <c r="AI164">
        <v>68985.877959999998</v>
      </c>
      <c r="AJ164">
        <v>23808.131740000001</v>
      </c>
      <c r="AK164">
        <v>38253.588309999999</v>
      </c>
      <c r="AL164">
        <v>44241.30315</v>
      </c>
      <c r="AM164">
        <v>21886.276969999999</v>
      </c>
      <c r="AN164">
        <v>98169.671230000007</v>
      </c>
      <c r="AO164">
        <v>30813.90682</v>
      </c>
      <c r="AP164">
        <v>16047.58303</v>
      </c>
    </row>
    <row r="165" spans="2:42" x14ac:dyDescent="0.3">
      <c r="B165">
        <v>41.831830063272292</v>
      </c>
      <c r="C165" s="83">
        <v>43107.791666666664</v>
      </c>
      <c r="D165">
        <v>131877.91930000001</v>
      </c>
      <c r="E165">
        <v>18154.693670000001</v>
      </c>
      <c r="F165">
        <v>47828.924129999999</v>
      </c>
      <c r="G165">
        <v>41092.24626</v>
      </c>
      <c r="H165">
        <v>39159.845079999999</v>
      </c>
      <c r="I165">
        <v>29907.502</v>
      </c>
      <c r="J165">
        <v>43567.270100000002</v>
      </c>
      <c r="K165">
        <v>43841.042849999998</v>
      </c>
      <c r="L165">
        <v>29261.421989999999</v>
      </c>
      <c r="M165">
        <v>213278.1776</v>
      </c>
      <c r="N165">
        <v>70246.288</v>
      </c>
      <c r="O165">
        <v>23668.054639999998</v>
      </c>
      <c r="P165">
        <v>39087.505039999996</v>
      </c>
      <c r="Q165">
        <v>45006.185420000002</v>
      </c>
      <c r="R165">
        <v>22329.179489999999</v>
      </c>
      <c r="S165">
        <v>96151.133400000006</v>
      </c>
      <c r="T165">
        <v>30233.45578</v>
      </c>
      <c r="U165">
        <v>16043.98184</v>
      </c>
      <c r="W165" s="83">
        <f>Bühler!N197</f>
        <v>45298.791666666271</v>
      </c>
      <c r="X165" s="83">
        <v>43107.791666666664</v>
      </c>
      <c r="Y165">
        <v>131877.91930000001</v>
      </c>
      <c r="Z165">
        <v>18154.693670000001</v>
      </c>
      <c r="AA165">
        <v>47828.924129999999</v>
      </c>
      <c r="AB165">
        <v>41092.24626</v>
      </c>
      <c r="AC165">
        <v>39159.845079999999</v>
      </c>
      <c r="AD165">
        <v>29907.502</v>
      </c>
      <c r="AE165">
        <v>43567.270100000002</v>
      </c>
      <c r="AF165">
        <v>43841.042849999998</v>
      </c>
      <c r="AG165">
        <v>29261.421989999999</v>
      </c>
      <c r="AH165">
        <v>213278.1776</v>
      </c>
      <c r="AI165">
        <v>70246.288</v>
      </c>
      <c r="AJ165">
        <v>23668.054639999998</v>
      </c>
      <c r="AK165">
        <v>39087.505039999996</v>
      </c>
      <c r="AL165">
        <v>45006.185420000002</v>
      </c>
      <c r="AM165">
        <v>22329.179489999999</v>
      </c>
      <c r="AN165">
        <v>96151.133400000006</v>
      </c>
      <c r="AO165">
        <v>30233.45578</v>
      </c>
      <c r="AP165">
        <v>16043.98184</v>
      </c>
    </row>
    <row r="166" spans="2:42" x14ac:dyDescent="0.3">
      <c r="B166">
        <v>42.466387101214615</v>
      </c>
      <c r="C166" s="83">
        <v>43107.833333333336</v>
      </c>
      <c r="D166">
        <v>132281.60999999999</v>
      </c>
      <c r="E166">
        <v>17263.735929999999</v>
      </c>
      <c r="F166">
        <v>48170.295689999999</v>
      </c>
      <c r="G166">
        <v>41512.932820000002</v>
      </c>
      <c r="H166">
        <v>39323.388350000001</v>
      </c>
      <c r="I166">
        <v>29570.578590000001</v>
      </c>
      <c r="J166">
        <v>42022.020750000003</v>
      </c>
      <c r="K166">
        <v>48015.257799999999</v>
      </c>
      <c r="L166">
        <v>28619.46041</v>
      </c>
      <c r="M166">
        <v>216513.44529999999</v>
      </c>
      <c r="N166">
        <v>71199.949529999998</v>
      </c>
      <c r="O166">
        <v>23968.468990000001</v>
      </c>
      <c r="P166">
        <v>38765.99166</v>
      </c>
      <c r="Q166">
        <v>46081.359299999996</v>
      </c>
      <c r="R166">
        <v>22696.408729999999</v>
      </c>
      <c r="S166">
        <v>90091.546660000007</v>
      </c>
      <c r="T166">
        <v>28378.224679999999</v>
      </c>
      <c r="U166">
        <v>16200.67253</v>
      </c>
      <c r="W166" s="83">
        <f>Bühler!N198</f>
        <v>45298.833333332936</v>
      </c>
      <c r="X166" s="83">
        <v>43107.833333333336</v>
      </c>
      <c r="Y166">
        <v>132281.60999999999</v>
      </c>
      <c r="Z166">
        <v>17263.735929999999</v>
      </c>
      <c r="AA166">
        <v>48170.295689999999</v>
      </c>
      <c r="AB166">
        <v>41512.932820000002</v>
      </c>
      <c r="AC166">
        <v>39323.388350000001</v>
      </c>
      <c r="AD166">
        <v>29570.578590000001</v>
      </c>
      <c r="AE166">
        <v>42022.020750000003</v>
      </c>
      <c r="AF166">
        <v>48015.257799999999</v>
      </c>
      <c r="AG166">
        <v>28619.46041</v>
      </c>
      <c r="AH166">
        <v>216513.44529999999</v>
      </c>
      <c r="AI166">
        <v>71199.949529999998</v>
      </c>
      <c r="AJ166">
        <v>23968.468990000001</v>
      </c>
      <c r="AK166">
        <v>38765.99166</v>
      </c>
      <c r="AL166">
        <v>46081.359299999996</v>
      </c>
      <c r="AM166">
        <v>22696.408729999999</v>
      </c>
      <c r="AN166">
        <v>90091.546660000007</v>
      </c>
      <c r="AO166">
        <v>28378.224679999999</v>
      </c>
      <c r="AP166">
        <v>16200.67253</v>
      </c>
    </row>
    <row r="167" spans="2:42" x14ac:dyDescent="0.3">
      <c r="B167">
        <v>43.165537975403339</v>
      </c>
      <c r="C167" s="83">
        <v>43107.875</v>
      </c>
      <c r="D167">
        <v>133001.64809999999</v>
      </c>
      <c r="E167">
        <v>16656.654569999999</v>
      </c>
      <c r="F167">
        <v>47563.68924</v>
      </c>
      <c r="G167">
        <v>41253.386559999999</v>
      </c>
      <c r="H167">
        <v>38769.791310000001</v>
      </c>
      <c r="I167">
        <v>28390.244910000001</v>
      </c>
      <c r="J167">
        <v>40671.853759999998</v>
      </c>
      <c r="K167">
        <v>47569.155489999997</v>
      </c>
      <c r="L167">
        <v>27258.8953</v>
      </c>
      <c r="M167">
        <v>220078.04250000001</v>
      </c>
      <c r="N167">
        <v>71323.122860000003</v>
      </c>
      <c r="O167">
        <v>23537.468260000001</v>
      </c>
      <c r="P167">
        <v>37623.557860000001</v>
      </c>
      <c r="Q167">
        <v>47227.741199999997</v>
      </c>
      <c r="R167">
        <v>22046.292409999998</v>
      </c>
      <c r="S167">
        <v>86507.77347</v>
      </c>
      <c r="T167">
        <v>27209.948700000001</v>
      </c>
      <c r="U167">
        <v>15978.017750000001</v>
      </c>
      <c r="W167" s="83">
        <f>Bühler!N199</f>
        <v>45298.8749999996</v>
      </c>
      <c r="X167" s="83">
        <v>43107.875</v>
      </c>
      <c r="Y167">
        <v>133001.64809999999</v>
      </c>
      <c r="Z167">
        <v>16656.654569999999</v>
      </c>
      <c r="AA167">
        <v>47563.68924</v>
      </c>
      <c r="AB167">
        <v>41253.386559999999</v>
      </c>
      <c r="AC167">
        <v>38769.791310000001</v>
      </c>
      <c r="AD167">
        <v>28390.244910000001</v>
      </c>
      <c r="AE167">
        <v>40671.853759999998</v>
      </c>
      <c r="AF167">
        <v>47569.155489999997</v>
      </c>
      <c r="AG167">
        <v>27258.8953</v>
      </c>
      <c r="AH167">
        <v>220078.04250000001</v>
      </c>
      <c r="AI167">
        <v>71323.122860000003</v>
      </c>
      <c r="AJ167">
        <v>23537.468260000001</v>
      </c>
      <c r="AK167">
        <v>37623.557860000001</v>
      </c>
      <c r="AL167">
        <v>47227.741199999997</v>
      </c>
      <c r="AM167">
        <v>22046.292409999998</v>
      </c>
      <c r="AN167">
        <v>86507.77347</v>
      </c>
      <c r="AO167">
        <v>27209.948700000001</v>
      </c>
      <c r="AP167">
        <v>15978.017750000001</v>
      </c>
    </row>
    <row r="168" spans="2:42" x14ac:dyDescent="0.3">
      <c r="B168">
        <v>44.111534688240319</v>
      </c>
      <c r="C168" s="83">
        <v>43107.916666666664</v>
      </c>
      <c r="D168">
        <v>134235.13680000001</v>
      </c>
      <c r="E168">
        <v>16580.874199999998</v>
      </c>
      <c r="F168">
        <v>47724.101020000002</v>
      </c>
      <c r="G168">
        <v>41478.320910000002</v>
      </c>
      <c r="H168">
        <v>39348.50548</v>
      </c>
      <c r="I168">
        <v>28368.19976</v>
      </c>
      <c r="J168">
        <v>39920.068700000003</v>
      </c>
      <c r="K168">
        <v>49576.119709999999</v>
      </c>
      <c r="L168">
        <v>24986.677919999998</v>
      </c>
      <c r="M168">
        <v>224901.17490000001</v>
      </c>
      <c r="N168">
        <v>72445.021229999998</v>
      </c>
      <c r="O168">
        <v>25130.551800000001</v>
      </c>
      <c r="P168">
        <v>39752.34074</v>
      </c>
      <c r="Q168">
        <v>48880.594640000003</v>
      </c>
      <c r="R168">
        <v>31888.271690000001</v>
      </c>
      <c r="S168">
        <v>85866.928570000004</v>
      </c>
      <c r="T168">
        <v>26965.282650000001</v>
      </c>
      <c r="U168">
        <v>17426.551899999999</v>
      </c>
      <c r="W168" s="83">
        <f>Bühler!N200</f>
        <v>45298.916666666264</v>
      </c>
      <c r="X168" s="83">
        <v>43107.916666666664</v>
      </c>
      <c r="Y168">
        <v>134235.13680000001</v>
      </c>
      <c r="Z168">
        <v>16580.874199999998</v>
      </c>
      <c r="AA168">
        <v>47724.101020000002</v>
      </c>
      <c r="AB168">
        <v>41478.320910000002</v>
      </c>
      <c r="AC168">
        <v>39348.50548</v>
      </c>
      <c r="AD168">
        <v>28368.19976</v>
      </c>
      <c r="AE168">
        <v>39920.068700000003</v>
      </c>
      <c r="AF168">
        <v>49576.119709999999</v>
      </c>
      <c r="AG168">
        <v>24986.677919999998</v>
      </c>
      <c r="AH168">
        <v>224901.17490000001</v>
      </c>
      <c r="AI168">
        <v>72445.021229999998</v>
      </c>
      <c r="AJ168">
        <v>25130.551800000001</v>
      </c>
      <c r="AK168">
        <v>39752.34074</v>
      </c>
      <c r="AL168">
        <v>48880.594640000003</v>
      </c>
      <c r="AM168">
        <v>31888.271690000001</v>
      </c>
      <c r="AN168">
        <v>85866.928570000004</v>
      </c>
      <c r="AO168">
        <v>26965.282650000001</v>
      </c>
      <c r="AP168">
        <v>17426.551899999999</v>
      </c>
    </row>
    <row r="169" spans="2:42" x14ac:dyDescent="0.3">
      <c r="B169">
        <v>43.822190481363755</v>
      </c>
      <c r="C169" s="83">
        <v>43107.958333333336</v>
      </c>
      <c r="D169">
        <v>135032.47289999999</v>
      </c>
      <c r="E169">
        <v>16740.354729999999</v>
      </c>
      <c r="F169">
        <v>47557.148150000001</v>
      </c>
      <c r="G169">
        <v>41473.810859999998</v>
      </c>
      <c r="H169">
        <v>39208.275909999997</v>
      </c>
      <c r="I169">
        <v>28445.650020000001</v>
      </c>
      <c r="J169">
        <v>38063.046589999998</v>
      </c>
      <c r="K169">
        <v>49489.82806</v>
      </c>
      <c r="L169">
        <v>22134.236730000001</v>
      </c>
      <c r="M169">
        <v>223425.9632</v>
      </c>
      <c r="N169">
        <v>73008.323629999999</v>
      </c>
      <c r="O169">
        <v>25230.52981</v>
      </c>
      <c r="P169">
        <v>37015.958039999998</v>
      </c>
      <c r="Q169">
        <v>49980.844060000003</v>
      </c>
      <c r="R169">
        <v>32295.643769999999</v>
      </c>
      <c r="S169">
        <v>84252.922699999996</v>
      </c>
      <c r="T169">
        <v>29493.9352</v>
      </c>
      <c r="U169">
        <v>16921.26511</v>
      </c>
      <c r="W169" s="83">
        <f>Bühler!N201</f>
        <v>45298.958333332928</v>
      </c>
      <c r="X169" s="83">
        <v>43107.958333333336</v>
      </c>
      <c r="Y169">
        <v>135032.47289999999</v>
      </c>
      <c r="Z169">
        <v>16740.354729999999</v>
      </c>
      <c r="AA169">
        <v>47557.148150000001</v>
      </c>
      <c r="AB169">
        <v>41473.810859999998</v>
      </c>
      <c r="AC169">
        <v>39208.275909999997</v>
      </c>
      <c r="AD169">
        <v>28445.650020000001</v>
      </c>
      <c r="AE169">
        <v>38063.046589999998</v>
      </c>
      <c r="AF169">
        <v>49489.82806</v>
      </c>
      <c r="AG169">
        <v>22134.236730000001</v>
      </c>
      <c r="AH169">
        <v>223425.9632</v>
      </c>
      <c r="AI169">
        <v>73008.323629999999</v>
      </c>
      <c r="AJ169">
        <v>25230.52981</v>
      </c>
      <c r="AK169">
        <v>37015.958039999998</v>
      </c>
      <c r="AL169">
        <v>49980.844060000003</v>
      </c>
      <c r="AM169">
        <v>32295.643769999999</v>
      </c>
      <c r="AN169">
        <v>84252.922699999996</v>
      </c>
      <c r="AO169">
        <v>29493.9352</v>
      </c>
      <c r="AP169">
        <v>16921.26511</v>
      </c>
    </row>
    <row r="170" spans="2:42" x14ac:dyDescent="0.3">
      <c r="B170">
        <v>44.623400085590184</v>
      </c>
      <c r="C170" s="83">
        <v>43108</v>
      </c>
      <c r="D170">
        <v>148671.34340000001</v>
      </c>
      <c r="E170">
        <v>16475.185450000001</v>
      </c>
      <c r="F170">
        <v>48287.744449999998</v>
      </c>
      <c r="G170">
        <v>42875.63031</v>
      </c>
      <c r="H170">
        <v>39273.273240000002</v>
      </c>
      <c r="I170">
        <v>26867.650320000001</v>
      </c>
      <c r="J170">
        <v>35311.243470000001</v>
      </c>
      <c r="K170">
        <v>48190.458129999999</v>
      </c>
      <c r="L170">
        <v>20189.977849999999</v>
      </c>
      <c r="M170">
        <v>227510.90340000001</v>
      </c>
      <c r="N170">
        <v>75655.23878</v>
      </c>
      <c r="O170">
        <v>25679.397700000001</v>
      </c>
      <c r="P170">
        <v>32110.24624</v>
      </c>
      <c r="Q170">
        <v>59611.854440000003</v>
      </c>
      <c r="R170">
        <v>29361.421729999998</v>
      </c>
      <c r="S170">
        <v>82785.640050000002</v>
      </c>
      <c r="T170">
        <v>29231.343110000002</v>
      </c>
      <c r="U170">
        <v>16415.692459999998</v>
      </c>
      <c r="W170" s="83">
        <f>Bühler!N202</f>
        <v>45298.999999999593</v>
      </c>
      <c r="X170" s="83">
        <v>43108</v>
      </c>
      <c r="Y170">
        <v>148671.34340000001</v>
      </c>
      <c r="Z170">
        <v>16475.185450000001</v>
      </c>
      <c r="AA170">
        <v>48287.744449999998</v>
      </c>
      <c r="AB170">
        <v>42875.63031</v>
      </c>
      <c r="AC170">
        <v>39273.273240000002</v>
      </c>
      <c r="AD170">
        <v>26867.650320000001</v>
      </c>
      <c r="AE170">
        <v>35311.243470000001</v>
      </c>
      <c r="AF170">
        <v>48190.458129999999</v>
      </c>
      <c r="AG170">
        <v>20189.977849999999</v>
      </c>
      <c r="AH170">
        <v>227510.90340000001</v>
      </c>
      <c r="AI170">
        <v>75655.23878</v>
      </c>
      <c r="AJ170">
        <v>25679.397700000001</v>
      </c>
      <c r="AK170">
        <v>32110.24624</v>
      </c>
      <c r="AL170">
        <v>59611.854440000003</v>
      </c>
      <c r="AM170">
        <v>29361.421729999998</v>
      </c>
      <c r="AN170">
        <v>82785.640050000002</v>
      </c>
      <c r="AO170">
        <v>29231.343110000002</v>
      </c>
      <c r="AP170">
        <v>16415.692459999998</v>
      </c>
    </row>
    <row r="171" spans="2:42" x14ac:dyDescent="0.3">
      <c r="B171">
        <v>45.402029703546489</v>
      </c>
      <c r="C171" s="83">
        <v>43108.041666666664</v>
      </c>
      <c r="D171">
        <v>149980.1692</v>
      </c>
      <c r="E171">
        <v>16627.85254</v>
      </c>
      <c r="F171">
        <v>49422.755279999998</v>
      </c>
      <c r="G171">
        <v>42512.259319999997</v>
      </c>
      <c r="H171">
        <v>39386.915670000002</v>
      </c>
      <c r="I171">
        <v>22548.101480000001</v>
      </c>
      <c r="J171">
        <v>35066.049120000003</v>
      </c>
      <c r="K171">
        <v>45845.211289999999</v>
      </c>
      <c r="L171">
        <v>20029.388029999998</v>
      </c>
      <c r="M171">
        <v>231480.72029999999</v>
      </c>
      <c r="N171">
        <v>76067.042499999996</v>
      </c>
      <c r="O171">
        <v>25479.3724</v>
      </c>
      <c r="P171">
        <v>31108.775590000001</v>
      </c>
      <c r="Q171">
        <v>61410.393660000002</v>
      </c>
      <c r="R171">
        <v>27616.137040000001</v>
      </c>
      <c r="S171">
        <v>81722.597420000006</v>
      </c>
      <c r="T171">
        <v>29013.730530000001</v>
      </c>
      <c r="U171">
        <v>16625.41806</v>
      </c>
      <c r="W171" s="83">
        <f>Bühler!N203</f>
        <v>45299.041666666257</v>
      </c>
      <c r="X171" s="83">
        <v>43108.041666666664</v>
      </c>
      <c r="Y171">
        <v>149980.1692</v>
      </c>
      <c r="Z171">
        <v>16627.85254</v>
      </c>
      <c r="AA171">
        <v>49422.755279999998</v>
      </c>
      <c r="AB171">
        <v>42512.259319999997</v>
      </c>
      <c r="AC171">
        <v>39386.915670000002</v>
      </c>
      <c r="AD171">
        <v>22548.101480000001</v>
      </c>
      <c r="AE171">
        <v>35066.049120000003</v>
      </c>
      <c r="AF171">
        <v>45845.211289999999</v>
      </c>
      <c r="AG171">
        <v>20029.388029999998</v>
      </c>
      <c r="AH171">
        <v>231480.72029999999</v>
      </c>
      <c r="AI171">
        <v>76067.042499999996</v>
      </c>
      <c r="AJ171">
        <v>25479.3724</v>
      </c>
      <c r="AK171">
        <v>31108.775590000001</v>
      </c>
      <c r="AL171">
        <v>61410.393660000002</v>
      </c>
      <c r="AM171">
        <v>27616.137040000001</v>
      </c>
      <c r="AN171">
        <v>81722.597420000006</v>
      </c>
      <c r="AO171">
        <v>29013.730530000001</v>
      </c>
      <c r="AP171">
        <v>16625.41806</v>
      </c>
    </row>
    <row r="172" spans="2:42" x14ac:dyDescent="0.3">
      <c r="B172">
        <v>46.126095932957753</v>
      </c>
      <c r="C172" s="83">
        <v>43108.083333333336</v>
      </c>
      <c r="D172">
        <v>151298.24859999999</v>
      </c>
      <c r="E172">
        <v>16611.502260000001</v>
      </c>
      <c r="F172">
        <v>50312.717510000002</v>
      </c>
      <c r="G172">
        <v>41959.004589999997</v>
      </c>
      <c r="H172">
        <v>38951.485119999998</v>
      </c>
      <c r="I172">
        <v>21203.269489999999</v>
      </c>
      <c r="J172">
        <v>34712.771959999998</v>
      </c>
      <c r="K172">
        <v>44159.13379</v>
      </c>
      <c r="L172">
        <v>19497.599249999999</v>
      </c>
      <c r="M172">
        <v>235172.34760000001</v>
      </c>
      <c r="N172">
        <v>76387.523379999999</v>
      </c>
      <c r="O172">
        <v>25513.44629</v>
      </c>
      <c r="P172">
        <v>30663.417170000001</v>
      </c>
      <c r="Q172">
        <v>64874.340100000001</v>
      </c>
      <c r="R172">
        <v>27749.249599999999</v>
      </c>
      <c r="S172">
        <v>81445.776750000005</v>
      </c>
      <c r="T172">
        <v>28530.240129999998</v>
      </c>
      <c r="U172">
        <v>16767.576539999998</v>
      </c>
      <c r="W172" s="83">
        <f>Bühler!N204</f>
        <v>45299.083333332921</v>
      </c>
      <c r="X172" s="83">
        <v>43108.083333333336</v>
      </c>
      <c r="Y172">
        <v>151298.24859999999</v>
      </c>
      <c r="Z172">
        <v>16611.502260000001</v>
      </c>
      <c r="AA172">
        <v>50312.717510000002</v>
      </c>
      <c r="AB172">
        <v>41959.004589999997</v>
      </c>
      <c r="AC172">
        <v>38951.485119999998</v>
      </c>
      <c r="AD172">
        <v>21203.269489999999</v>
      </c>
      <c r="AE172">
        <v>34712.771959999998</v>
      </c>
      <c r="AF172">
        <v>44159.13379</v>
      </c>
      <c r="AG172">
        <v>19497.599249999999</v>
      </c>
      <c r="AH172">
        <v>235172.34760000001</v>
      </c>
      <c r="AI172">
        <v>76387.523379999999</v>
      </c>
      <c r="AJ172">
        <v>25513.44629</v>
      </c>
      <c r="AK172">
        <v>30663.417170000001</v>
      </c>
      <c r="AL172">
        <v>64874.340100000001</v>
      </c>
      <c r="AM172">
        <v>27749.249599999999</v>
      </c>
      <c r="AN172">
        <v>81445.776750000005</v>
      </c>
      <c r="AO172">
        <v>28530.240129999998</v>
      </c>
      <c r="AP172">
        <v>16767.576539999998</v>
      </c>
    </row>
    <row r="173" spans="2:42" x14ac:dyDescent="0.3">
      <c r="B173">
        <v>47.154497465562329</v>
      </c>
      <c r="C173" s="83">
        <v>43108.125</v>
      </c>
      <c r="D173">
        <v>155968.125</v>
      </c>
      <c r="E173">
        <v>17159.148120000002</v>
      </c>
      <c r="F173">
        <v>51311.202720000001</v>
      </c>
      <c r="G173">
        <v>41094.537049999999</v>
      </c>
      <c r="H173">
        <v>39203.970909999996</v>
      </c>
      <c r="I173">
        <v>21539.363939999999</v>
      </c>
      <c r="J173">
        <v>35459.932180000003</v>
      </c>
      <c r="K173">
        <v>43117.36578</v>
      </c>
      <c r="L173">
        <v>19283.524539999999</v>
      </c>
      <c r="M173">
        <v>240415.6182</v>
      </c>
      <c r="N173">
        <v>76686.945389999993</v>
      </c>
      <c r="O173">
        <v>25628.557420000001</v>
      </c>
      <c r="P173">
        <v>30886.747640000001</v>
      </c>
      <c r="Q173">
        <v>69644.192660000001</v>
      </c>
      <c r="R173">
        <v>27862.79739</v>
      </c>
      <c r="S173">
        <v>80869.889859999996</v>
      </c>
      <c r="T173">
        <v>28797.484520000002</v>
      </c>
      <c r="U173">
        <v>17183.477429999999</v>
      </c>
      <c r="W173" s="83">
        <f>Bühler!N205</f>
        <v>45299.124999999585</v>
      </c>
      <c r="X173" s="83">
        <v>43108.125</v>
      </c>
      <c r="Y173">
        <v>155968.125</v>
      </c>
      <c r="Z173">
        <v>17159.148120000002</v>
      </c>
      <c r="AA173">
        <v>51311.202720000001</v>
      </c>
      <c r="AB173">
        <v>41094.537049999999</v>
      </c>
      <c r="AC173">
        <v>39203.970909999996</v>
      </c>
      <c r="AD173">
        <v>21539.363939999999</v>
      </c>
      <c r="AE173">
        <v>35459.932180000003</v>
      </c>
      <c r="AF173">
        <v>43117.36578</v>
      </c>
      <c r="AG173">
        <v>19283.524539999999</v>
      </c>
      <c r="AH173">
        <v>240415.6182</v>
      </c>
      <c r="AI173">
        <v>76686.945389999993</v>
      </c>
      <c r="AJ173">
        <v>25628.557420000001</v>
      </c>
      <c r="AK173">
        <v>30886.747640000001</v>
      </c>
      <c r="AL173">
        <v>69644.192660000001</v>
      </c>
      <c r="AM173">
        <v>27862.79739</v>
      </c>
      <c r="AN173">
        <v>80869.889859999996</v>
      </c>
      <c r="AO173">
        <v>28797.484520000002</v>
      </c>
      <c r="AP173">
        <v>17183.477429999999</v>
      </c>
    </row>
    <row r="174" spans="2:42" x14ac:dyDescent="0.3">
      <c r="B174">
        <v>49.873721653807593</v>
      </c>
      <c r="C174" s="83">
        <v>43108.166666666664</v>
      </c>
      <c r="D174">
        <v>166078.8161</v>
      </c>
      <c r="E174">
        <v>17906.054749999999</v>
      </c>
      <c r="F174">
        <v>56046.351430000002</v>
      </c>
      <c r="G174">
        <v>41229.52405</v>
      </c>
      <c r="H174">
        <v>40992.471510000003</v>
      </c>
      <c r="I174">
        <v>24647.907019999999</v>
      </c>
      <c r="J174">
        <v>38770.076869999997</v>
      </c>
      <c r="K174">
        <v>43266.579279999998</v>
      </c>
      <c r="L174">
        <v>19472.744879999998</v>
      </c>
      <c r="M174">
        <v>254279.49119999999</v>
      </c>
      <c r="N174">
        <v>77497.977740000002</v>
      </c>
      <c r="O174">
        <v>26188.698219999998</v>
      </c>
      <c r="P174">
        <v>31413.506270000002</v>
      </c>
      <c r="Q174">
        <v>75034.286250000005</v>
      </c>
      <c r="R174">
        <v>27790.30775</v>
      </c>
      <c r="S174">
        <v>81841.320229999998</v>
      </c>
      <c r="T174">
        <v>29256.993119999999</v>
      </c>
      <c r="U174">
        <v>18270.202710000001</v>
      </c>
      <c r="W174" s="83">
        <f>Bühler!N206</f>
        <v>45299.16666666625</v>
      </c>
      <c r="X174" s="83">
        <v>43108.166666666664</v>
      </c>
      <c r="Y174">
        <v>166078.8161</v>
      </c>
      <c r="Z174">
        <v>17906.054749999999</v>
      </c>
      <c r="AA174">
        <v>56046.351430000002</v>
      </c>
      <c r="AB174">
        <v>41229.52405</v>
      </c>
      <c r="AC174">
        <v>40992.471510000003</v>
      </c>
      <c r="AD174">
        <v>24647.907019999999</v>
      </c>
      <c r="AE174">
        <v>38770.076869999997</v>
      </c>
      <c r="AF174">
        <v>43266.579279999998</v>
      </c>
      <c r="AG174">
        <v>19472.744879999998</v>
      </c>
      <c r="AH174">
        <v>254279.49119999999</v>
      </c>
      <c r="AI174">
        <v>77497.977740000002</v>
      </c>
      <c r="AJ174">
        <v>26188.698219999998</v>
      </c>
      <c r="AK174">
        <v>31413.506270000002</v>
      </c>
      <c r="AL174">
        <v>75034.286250000005</v>
      </c>
      <c r="AM174">
        <v>27790.30775</v>
      </c>
      <c r="AN174">
        <v>81841.320229999998</v>
      </c>
      <c r="AO174">
        <v>29256.993119999999</v>
      </c>
      <c r="AP174">
        <v>18270.202710000001</v>
      </c>
    </row>
    <row r="175" spans="2:42" x14ac:dyDescent="0.3">
      <c r="B175">
        <v>55.319087934160656</v>
      </c>
      <c r="C175" s="83">
        <v>43108.208333333336</v>
      </c>
      <c r="D175">
        <v>193476.073</v>
      </c>
      <c r="E175">
        <v>20277.583060000001</v>
      </c>
      <c r="F175">
        <v>72045.143479999999</v>
      </c>
      <c r="G175">
        <v>44003.918830000002</v>
      </c>
      <c r="H175">
        <v>43363.050909999998</v>
      </c>
      <c r="I175">
        <v>33345.127330000003</v>
      </c>
      <c r="J175">
        <v>41469.609349999999</v>
      </c>
      <c r="K175">
        <v>46024.996030000002</v>
      </c>
      <c r="L175">
        <v>20870.568520000001</v>
      </c>
      <c r="M175">
        <v>282042.50790000003</v>
      </c>
      <c r="N175">
        <v>79739.832420000006</v>
      </c>
      <c r="O175">
        <v>26757.302879999999</v>
      </c>
      <c r="P175">
        <v>31888.272819999998</v>
      </c>
      <c r="Q175">
        <v>80458.889930000005</v>
      </c>
      <c r="R175">
        <v>28951.089360000002</v>
      </c>
      <c r="S175">
        <v>84461.465339999995</v>
      </c>
      <c r="T175">
        <v>30874.753830000001</v>
      </c>
      <c r="U175">
        <v>20356.440500000001</v>
      </c>
      <c r="W175" s="83">
        <f>Bühler!N207</f>
        <v>45299.208333332914</v>
      </c>
      <c r="X175" s="83">
        <v>43108.208333333336</v>
      </c>
      <c r="Y175">
        <v>193476.073</v>
      </c>
      <c r="Z175">
        <v>20277.583060000001</v>
      </c>
      <c r="AA175">
        <v>72045.143479999999</v>
      </c>
      <c r="AB175">
        <v>44003.918830000002</v>
      </c>
      <c r="AC175">
        <v>43363.050909999998</v>
      </c>
      <c r="AD175">
        <v>33345.127330000003</v>
      </c>
      <c r="AE175">
        <v>41469.609349999999</v>
      </c>
      <c r="AF175">
        <v>46024.996030000002</v>
      </c>
      <c r="AG175">
        <v>20870.568520000001</v>
      </c>
      <c r="AH175">
        <v>282042.50790000003</v>
      </c>
      <c r="AI175">
        <v>79739.832420000006</v>
      </c>
      <c r="AJ175">
        <v>26757.302879999999</v>
      </c>
      <c r="AK175">
        <v>31888.272819999998</v>
      </c>
      <c r="AL175">
        <v>80458.889930000005</v>
      </c>
      <c r="AM175">
        <v>28951.089360000002</v>
      </c>
      <c r="AN175">
        <v>84461.465339999995</v>
      </c>
      <c r="AO175">
        <v>30874.753830000001</v>
      </c>
      <c r="AP175">
        <v>20356.440500000001</v>
      </c>
    </row>
    <row r="176" spans="2:42" x14ac:dyDescent="0.3">
      <c r="B176">
        <v>61.334236518673379</v>
      </c>
      <c r="C176" s="83">
        <v>43108.25</v>
      </c>
      <c r="D176">
        <v>217803.06289999999</v>
      </c>
      <c r="E176">
        <v>24360.576140000001</v>
      </c>
      <c r="F176">
        <v>86263.441380000004</v>
      </c>
      <c r="G176">
        <v>56461.489229999999</v>
      </c>
      <c r="H176">
        <v>46620.896939999999</v>
      </c>
      <c r="I176">
        <v>41785.071969999997</v>
      </c>
      <c r="J176">
        <v>45105.210529999997</v>
      </c>
      <c r="K176">
        <v>47606.993450000002</v>
      </c>
      <c r="L176">
        <v>22255.276239999999</v>
      </c>
      <c r="M176">
        <v>312710.5405</v>
      </c>
      <c r="N176">
        <v>83053.618770000001</v>
      </c>
      <c r="O176">
        <v>27537.983759999999</v>
      </c>
      <c r="P176">
        <v>31777.84906</v>
      </c>
      <c r="Q176">
        <v>84929.579589999994</v>
      </c>
      <c r="R176">
        <v>22885.481960000001</v>
      </c>
      <c r="S176">
        <v>93387.282819999993</v>
      </c>
      <c r="T176">
        <v>33669.59921</v>
      </c>
      <c r="U176">
        <v>21552.874210000002</v>
      </c>
      <c r="W176" s="83">
        <f>Bühler!N208</f>
        <v>45299.249999999578</v>
      </c>
      <c r="X176" s="83">
        <v>43108.25</v>
      </c>
      <c r="Y176">
        <v>217803.06289999999</v>
      </c>
      <c r="Z176">
        <v>24360.576140000001</v>
      </c>
      <c r="AA176">
        <v>86263.441380000004</v>
      </c>
      <c r="AB176">
        <v>56461.489229999999</v>
      </c>
      <c r="AC176">
        <v>46620.896939999999</v>
      </c>
      <c r="AD176">
        <v>41785.071969999997</v>
      </c>
      <c r="AE176">
        <v>45105.210529999997</v>
      </c>
      <c r="AF176">
        <v>47606.993450000002</v>
      </c>
      <c r="AG176">
        <v>22255.276239999999</v>
      </c>
      <c r="AH176">
        <v>312710.5405</v>
      </c>
      <c r="AI176">
        <v>83053.618770000001</v>
      </c>
      <c r="AJ176">
        <v>27537.983759999999</v>
      </c>
      <c r="AK176">
        <v>31777.84906</v>
      </c>
      <c r="AL176">
        <v>84929.579589999994</v>
      </c>
      <c r="AM176">
        <v>22885.481960000001</v>
      </c>
      <c r="AN176">
        <v>93387.282819999993</v>
      </c>
      <c r="AO176">
        <v>33669.59921</v>
      </c>
      <c r="AP176">
        <v>21552.874210000002</v>
      </c>
    </row>
    <row r="177" spans="2:42" x14ac:dyDescent="0.3">
      <c r="B177">
        <v>64.447362375636857</v>
      </c>
      <c r="C177" s="83">
        <v>43108.291666666664</v>
      </c>
      <c r="D177">
        <v>239094.16690000001</v>
      </c>
      <c r="E177">
        <v>29873.393179999999</v>
      </c>
      <c r="F177">
        <v>90441.206770000004</v>
      </c>
      <c r="G177">
        <v>72802.322010000004</v>
      </c>
      <c r="H177">
        <v>53365.706720000002</v>
      </c>
      <c r="I177">
        <v>51060.125469999999</v>
      </c>
      <c r="J177">
        <v>47957.883439999998</v>
      </c>
      <c r="K177">
        <v>52151.665630000003</v>
      </c>
      <c r="L177">
        <v>25743.144270000001</v>
      </c>
      <c r="M177">
        <v>328582.70789999998</v>
      </c>
      <c r="N177">
        <v>88188.989189999993</v>
      </c>
      <c r="O177">
        <v>30473.909889999999</v>
      </c>
      <c r="P177">
        <v>33983.952149999997</v>
      </c>
      <c r="Q177">
        <v>86984.009290000002</v>
      </c>
      <c r="R177">
        <v>25413.380880000001</v>
      </c>
      <c r="S177">
        <v>110746.00109999999</v>
      </c>
      <c r="T177">
        <v>35038.876920000002</v>
      </c>
      <c r="U177">
        <v>26301.700059999999</v>
      </c>
      <c r="W177" s="83">
        <f>Bühler!N209</f>
        <v>45299.291666666242</v>
      </c>
      <c r="X177" s="83">
        <v>43108.291666666664</v>
      </c>
      <c r="Y177">
        <v>239094.16690000001</v>
      </c>
      <c r="Z177">
        <v>29873.393179999999</v>
      </c>
      <c r="AA177">
        <v>90441.206770000004</v>
      </c>
      <c r="AB177">
        <v>72802.322010000004</v>
      </c>
      <c r="AC177">
        <v>53365.706720000002</v>
      </c>
      <c r="AD177">
        <v>51060.125469999999</v>
      </c>
      <c r="AE177">
        <v>47957.883439999998</v>
      </c>
      <c r="AF177">
        <v>52151.665630000003</v>
      </c>
      <c r="AG177">
        <v>25743.144270000001</v>
      </c>
      <c r="AH177">
        <v>328582.70789999998</v>
      </c>
      <c r="AI177">
        <v>88188.989189999993</v>
      </c>
      <c r="AJ177">
        <v>30473.909889999999</v>
      </c>
      <c r="AK177">
        <v>33983.952149999997</v>
      </c>
      <c r="AL177">
        <v>86984.009290000002</v>
      </c>
      <c r="AM177">
        <v>25413.380880000001</v>
      </c>
      <c r="AN177">
        <v>110746.00109999999</v>
      </c>
      <c r="AO177">
        <v>35038.876920000002</v>
      </c>
      <c r="AP177">
        <v>26301.700059999999</v>
      </c>
    </row>
    <row r="178" spans="2:42" x14ac:dyDescent="0.3">
      <c r="B178">
        <v>65.79153680778019</v>
      </c>
      <c r="C178" s="83">
        <v>43108.333333333336</v>
      </c>
      <c r="D178">
        <v>261468.97899999999</v>
      </c>
      <c r="E178">
        <v>37013.319040000002</v>
      </c>
      <c r="F178">
        <v>94678.960439999995</v>
      </c>
      <c r="G178">
        <v>94162.806129999997</v>
      </c>
      <c r="H178">
        <v>60011.151449999998</v>
      </c>
      <c r="I178">
        <v>54770.578549999998</v>
      </c>
      <c r="J178">
        <v>49219.933550000002</v>
      </c>
      <c r="K178">
        <v>57802.272340000003</v>
      </c>
      <c r="L178">
        <v>29111.83941</v>
      </c>
      <c r="M178">
        <v>335435.93599999999</v>
      </c>
      <c r="N178">
        <v>96563.81624</v>
      </c>
      <c r="O178">
        <v>32905.952060000003</v>
      </c>
      <c r="P178">
        <v>36663.308199999999</v>
      </c>
      <c r="Q178">
        <v>89056.193790000005</v>
      </c>
      <c r="R178">
        <v>26267.512599999998</v>
      </c>
      <c r="S178">
        <v>126608.70299999999</v>
      </c>
      <c r="T178">
        <v>38737.282599999999</v>
      </c>
      <c r="U178">
        <v>30740.25215</v>
      </c>
      <c r="W178" s="83">
        <f>Bühler!N210</f>
        <v>45299.333333332906</v>
      </c>
      <c r="X178" s="83">
        <v>43108.333333333336</v>
      </c>
      <c r="Y178">
        <v>261468.97899999999</v>
      </c>
      <c r="Z178">
        <v>37013.319040000002</v>
      </c>
      <c r="AA178">
        <v>94678.960439999995</v>
      </c>
      <c r="AB178">
        <v>94162.806129999997</v>
      </c>
      <c r="AC178">
        <v>60011.151449999998</v>
      </c>
      <c r="AD178">
        <v>54770.578549999998</v>
      </c>
      <c r="AE178">
        <v>49219.933550000002</v>
      </c>
      <c r="AF178">
        <v>57802.272340000003</v>
      </c>
      <c r="AG178">
        <v>29111.83941</v>
      </c>
      <c r="AH178">
        <v>335435.93599999999</v>
      </c>
      <c r="AI178">
        <v>96563.81624</v>
      </c>
      <c r="AJ178">
        <v>32905.952060000003</v>
      </c>
      <c r="AK178">
        <v>36663.308199999999</v>
      </c>
      <c r="AL178">
        <v>89056.193790000005</v>
      </c>
      <c r="AM178">
        <v>26267.512599999998</v>
      </c>
      <c r="AN178">
        <v>126608.70299999999</v>
      </c>
      <c r="AO178">
        <v>38737.282599999999</v>
      </c>
      <c r="AP178">
        <v>30740.25215</v>
      </c>
    </row>
    <row r="179" spans="2:42" x14ac:dyDescent="0.3">
      <c r="B179">
        <v>65.910797808876993</v>
      </c>
      <c r="C179" s="83">
        <v>43108.375</v>
      </c>
      <c r="D179">
        <v>270365.08270000003</v>
      </c>
      <c r="E179">
        <v>41221.619740000002</v>
      </c>
      <c r="F179">
        <v>96579.294420000006</v>
      </c>
      <c r="G179">
        <v>106670.18150000001</v>
      </c>
      <c r="H179">
        <v>62266.976730000002</v>
      </c>
      <c r="I179">
        <v>52255.925730000003</v>
      </c>
      <c r="J179">
        <v>48285.590170000003</v>
      </c>
      <c r="K179">
        <v>56620.874109999997</v>
      </c>
      <c r="L179">
        <v>31870.935259999998</v>
      </c>
      <c r="M179">
        <v>336043.98420000001</v>
      </c>
      <c r="N179">
        <v>101837.3018</v>
      </c>
      <c r="O179">
        <v>33817.115890000001</v>
      </c>
      <c r="P179">
        <v>37824.2336</v>
      </c>
      <c r="Q179">
        <v>89806.363639999996</v>
      </c>
      <c r="R179">
        <v>26554.229159999999</v>
      </c>
      <c r="S179">
        <v>133088.42980000001</v>
      </c>
      <c r="T179">
        <v>41553.774519999999</v>
      </c>
      <c r="U179">
        <v>31131.33928</v>
      </c>
      <c r="W179" s="83">
        <f>Bühler!N211</f>
        <v>45299.374999999571</v>
      </c>
      <c r="X179" s="83">
        <v>43108.375</v>
      </c>
      <c r="Y179">
        <v>270365.08270000003</v>
      </c>
      <c r="Z179">
        <v>41221.619740000002</v>
      </c>
      <c r="AA179">
        <v>96579.294420000006</v>
      </c>
      <c r="AB179">
        <v>106670.18150000001</v>
      </c>
      <c r="AC179">
        <v>62266.976730000002</v>
      </c>
      <c r="AD179">
        <v>52255.925730000003</v>
      </c>
      <c r="AE179">
        <v>48285.590170000003</v>
      </c>
      <c r="AF179">
        <v>56620.874109999997</v>
      </c>
      <c r="AG179">
        <v>31870.935259999998</v>
      </c>
      <c r="AH179">
        <v>336043.98420000001</v>
      </c>
      <c r="AI179">
        <v>101837.3018</v>
      </c>
      <c r="AJ179">
        <v>33817.115890000001</v>
      </c>
      <c r="AK179">
        <v>37824.2336</v>
      </c>
      <c r="AL179">
        <v>89806.363639999996</v>
      </c>
      <c r="AM179">
        <v>26554.229159999999</v>
      </c>
      <c r="AN179">
        <v>133088.42980000001</v>
      </c>
      <c r="AO179">
        <v>41553.774519999999</v>
      </c>
      <c r="AP179">
        <v>31131.33928</v>
      </c>
    </row>
    <row r="180" spans="2:42" x14ac:dyDescent="0.3">
      <c r="B180">
        <v>66.766782316234952</v>
      </c>
      <c r="C180" s="83">
        <v>43108.416666666664</v>
      </c>
      <c r="D180">
        <v>275636.53330000001</v>
      </c>
      <c r="E180">
        <v>42341.981720000003</v>
      </c>
      <c r="F180">
        <v>97878.059160000004</v>
      </c>
      <c r="G180">
        <v>109828.3118</v>
      </c>
      <c r="H180">
        <v>62362.150070000003</v>
      </c>
      <c r="I180">
        <v>49624.585489999998</v>
      </c>
      <c r="J180">
        <v>46275.727619999998</v>
      </c>
      <c r="K180">
        <v>58623.983130000001</v>
      </c>
      <c r="L180">
        <v>33266.055610000003</v>
      </c>
      <c r="M180">
        <v>340408.1924</v>
      </c>
      <c r="N180">
        <v>106609.08010000001</v>
      </c>
      <c r="O180">
        <v>33493.430160000004</v>
      </c>
      <c r="P180">
        <v>37911.26167</v>
      </c>
      <c r="Q180">
        <v>91265.260339999993</v>
      </c>
      <c r="R180">
        <v>27140.519759999999</v>
      </c>
      <c r="S180">
        <v>132786.5502</v>
      </c>
      <c r="T180">
        <v>42991.615749999997</v>
      </c>
      <c r="U180">
        <v>31404.548900000002</v>
      </c>
      <c r="W180" s="83">
        <f>Bühler!N212</f>
        <v>45299.416666666235</v>
      </c>
      <c r="X180" s="83">
        <v>43108.416666666664</v>
      </c>
      <c r="Y180">
        <v>275636.53330000001</v>
      </c>
      <c r="Z180">
        <v>42341.981720000003</v>
      </c>
      <c r="AA180">
        <v>97878.059160000004</v>
      </c>
      <c r="AB180">
        <v>109828.3118</v>
      </c>
      <c r="AC180">
        <v>62362.150070000003</v>
      </c>
      <c r="AD180">
        <v>49624.585489999998</v>
      </c>
      <c r="AE180">
        <v>46275.727619999998</v>
      </c>
      <c r="AF180">
        <v>58623.983130000001</v>
      </c>
      <c r="AG180">
        <v>33266.055610000003</v>
      </c>
      <c r="AH180">
        <v>340408.1924</v>
      </c>
      <c r="AI180">
        <v>106609.08010000001</v>
      </c>
      <c r="AJ180">
        <v>33493.430160000004</v>
      </c>
      <c r="AK180">
        <v>37911.26167</v>
      </c>
      <c r="AL180">
        <v>91265.260339999993</v>
      </c>
      <c r="AM180">
        <v>27140.519759999999</v>
      </c>
      <c r="AN180">
        <v>132786.5502</v>
      </c>
      <c r="AO180">
        <v>42991.615749999997</v>
      </c>
      <c r="AP180">
        <v>31404.548900000002</v>
      </c>
    </row>
    <row r="181" spans="2:42" x14ac:dyDescent="0.3">
      <c r="B181">
        <v>67.671335232873616</v>
      </c>
      <c r="C181" s="83">
        <v>43108.458333333336</v>
      </c>
      <c r="D181">
        <v>278344.75449999998</v>
      </c>
      <c r="E181">
        <v>42161.501340000003</v>
      </c>
      <c r="F181">
        <v>99386.838340000002</v>
      </c>
      <c r="G181">
        <v>106907.9311</v>
      </c>
      <c r="H181">
        <v>62482.272069999999</v>
      </c>
      <c r="I181">
        <v>49176.847070000003</v>
      </c>
      <c r="J181">
        <v>46146.654929999997</v>
      </c>
      <c r="K181">
        <v>64018.981870000003</v>
      </c>
      <c r="L181">
        <v>34111.249349999998</v>
      </c>
      <c r="M181">
        <v>345020.02500000002</v>
      </c>
      <c r="N181">
        <v>106837.6559</v>
      </c>
      <c r="O181">
        <v>33560.249900000003</v>
      </c>
      <c r="P181">
        <v>37956.539270000001</v>
      </c>
      <c r="Q181">
        <v>92395.008690000002</v>
      </c>
      <c r="R181">
        <v>29774.519</v>
      </c>
      <c r="S181">
        <v>134547.87779999999</v>
      </c>
      <c r="T181">
        <v>42865.075920000003</v>
      </c>
      <c r="U181">
        <v>31242.66072</v>
      </c>
      <c r="W181" s="83">
        <f>Bühler!N213</f>
        <v>45299.458333332899</v>
      </c>
      <c r="X181" s="83">
        <v>43108.458333333336</v>
      </c>
      <c r="Y181">
        <v>278344.75449999998</v>
      </c>
      <c r="Z181">
        <v>42161.501340000003</v>
      </c>
      <c r="AA181">
        <v>99386.838340000002</v>
      </c>
      <c r="AB181">
        <v>106907.9311</v>
      </c>
      <c r="AC181">
        <v>62482.272069999999</v>
      </c>
      <c r="AD181">
        <v>49176.847070000003</v>
      </c>
      <c r="AE181">
        <v>46146.654929999997</v>
      </c>
      <c r="AF181">
        <v>64018.981870000003</v>
      </c>
      <c r="AG181">
        <v>34111.249349999998</v>
      </c>
      <c r="AH181">
        <v>345020.02500000002</v>
      </c>
      <c r="AI181">
        <v>106837.6559</v>
      </c>
      <c r="AJ181">
        <v>33560.249900000003</v>
      </c>
      <c r="AK181">
        <v>37956.539270000001</v>
      </c>
      <c r="AL181">
        <v>92395.008690000002</v>
      </c>
      <c r="AM181">
        <v>29774.519</v>
      </c>
      <c r="AN181">
        <v>134547.87779999999</v>
      </c>
      <c r="AO181">
        <v>42865.075920000003</v>
      </c>
      <c r="AP181">
        <v>31242.66072</v>
      </c>
    </row>
    <row r="182" spans="2:42" x14ac:dyDescent="0.3">
      <c r="B182">
        <v>67.402273419380549</v>
      </c>
      <c r="C182" s="83">
        <v>43108.5</v>
      </c>
      <c r="D182">
        <v>269079.16859999998</v>
      </c>
      <c r="E182">
        <v>38259.744859999999</v>
      </c>
      <c r="F182">
        <v>92566.33236</v>
      </c>
      <c r="G182">
        <v>103493.4531</v>
      </c>
      <c r="H182">
        <v>59544.520380000002</v>
      </c>
      <c r="I182">
        <v>47069.793700000002</v>
      </c>
      <c r="J182">
        <v>46265.880819999998</v>
      </c>
      <c r="K182">
        <v>62969.738149999997</v>
      </c>
      <c r="L182">
        <v>35455.41865</v>
      </c>
      <c r="M182">
        <v>343648.22240000003</v>
      </c>
      <c r="N182">
        <v>105650.79399999999</v>
      </c>
      <c r="O182">
        <v>32581.486789999999</v>
      </c>
      <c r="P182">
        <v>38989.421470000001</v>
      </c>
      <c r="Q182">
        <v>91758.890029999995</v>
      </c>
      <c r="R182">
        <v>30532.097740000001</v>
      </c>
      <c r="S182">
        <v>127572.4838</v>
      </c>
      <c r="T182">
        <v>42074.490360000003</v>
      </c>
      <c r="U182">
        <v>27526.10255</v>
      </c>
      <c r="W182" s="83">
        <f>Bühler!N214</f>
        <v>45299.499999999563</v>
      </c>
      <c r="X182" s="83">
        <v>43108.5</v>
      </c>
      <c r="Y182">
        <v>269079.16859999998</v>
      </c>
      <c r="Z182">
        <v>38259.744859999999</v>
      </c>
      <c r="AA182">
        <v>92566.33236</v>
      </c>
      <c r="AB182">
        <v>103493.4531</v>
      </c>
      <c r="AC182">
        <v>59544.520380000002</v>
      </c>
      <c r="AD182">
        <v>47069.793700000002</v>
      </c>
      <c r="AE182">
        <v>46265.880819999998</v>
      </c>
      <c r="AF182">
        <v>62969.738149999997</v>
      </c>
      <c r="AG182">
        <v>35455.41865</v>
      </c>
      <c r="AH182">
        <v>343648.22240000003</v>
      </c>
      <c r="AI182">
        <v>105650.79399999999</v>
      </c>
      <c r="AJ182">
        <v>32581.486789999999</v>
      </c>
      <c r="AK182">
        <v>38989.421470000001</v>
      </c>
      <c r="AL182">
        <v>91758.890029999995</v>
      </c>
      <c r="AM182">
        <v>30532.097740000001</v>
      </c>
      <c r="AN182">
        <v>127572.4838</v>
      </c>
      <c r="AO182">
        <v>42074.490360000003</v>
      </c>
      <c r="AP182">
        <v>27526.10255</v>
      </c>
    </row>
    <row r="183" spans="2:42" x14ac:dyDescent="0.3">
      <c r="B183">
        <v>67.728929258273681</v>
      </c>
      <c r="C183" s="83">
        <v>43108.541666666664</v>
      </c>
      <c r="D183">
        <v>271213.57410000003</v>
      </c>
      <c r="E183">
        <v>38310.542260000002</v>
      </c>
      <c r="F183">
        <v>90670.181519999998</v>
      </c>
      <c r="G183">
        <v>100453.4397</v>
      </c>
      <c r="H183">
        <v>60220.281770000001</v>
      </c>
      <c r="I183">
        <v>46142.265950000001</v>
      </c>
      <c r="J183">
        <v>45309.604700000004</v>
      </c>
      <c r="K183">
        <v>64953.284269999996</v>
      </c>
      <c r="L183">
        <v>34239.921119999999</v>
      </c>
      <c r="M183">
        <v>345313.66619999998</v>
      </c>
      <c r="N183">
        <v>104715.02589999999</v>
      </c>
      <c r="O183">
        <v>32219.776460000001</v>
      </c>
      <c r="P183">
        <v>37313.541940000003</v>
      </c>
      <c r="Q183">
        <v>90713.101420000006</v>
      </c>
      <c r="R183">
        <v>30310.983219999998</v>
      </c>
      <c r="S183">
        <v>127688.36930000001</v>
      </c>
      <c r="T183">
        <v>41345.28196</v>
      </c>
      <c r="U183">
        <v>28218.10643</v>
      </c>
      <c r="W183" s="83">
        <f>Bühler!N215</f>
        <v>45299.541666666228</v>
      </c>
      <c r="X183" s="83">
        <v>43108.541666666664</v>
      </c>
      <c r="Y183">
        <v>271213.57410000003</v>
      </c>
      <c r="Z183">
        <v>38310.542260000002</v>
      </c>
      <c r="AA183">
        <v>90670.181519999998</v>
      </c>
      <c r="AB183">
        <v>100453.4397</v>
      </c>
      <c r="AC183">
        <v>60220.281770000001</v>
      </c>
      <c r="AD183">
        <v>46142.265950000001</v>
      </c>
      <c r="AE183">
        <v>45309.604700000004</v>
      </c>
      <c r="AF183">
        <v>64953.284269999996</v>
      </c>
      <c r="AG183">
        <v>34239.921119999999</v>
      </c>
      <c r="AH183">
        <v>345313.66619999998</v>
      </c>
      <c r="AI183">
        <v>104715.02589999999</v>
      </c>
      <c r="AJ183">
        <v>32219.776460000001</v>
      </c>
      <c r="AK183">
        <v>37313.541940000003</v>
      </c>
      <c r="AL183">
        <v>90713.101420000006</v>
      </c>
      <c r="AM183">
        <v>30310.983219999998</v>
      </c>
      <c r="AN183">
        <v>127688.36930000001</v>
      </c>
      <c r="AO183">
        <v>41345.28196</v>
      </c>
      <c r="AP183">
        <v>28218.10643</v>
      </c>
    </row>
    <row r="184" spans="2:42" x14ac:dyDescent="0.3">
      <c r="B184">
        <v>68.797102437173422</v>
      </c>
      <c r="C184" s="83">
        <v>43108.583333333336</v>
      </c>
      <c r="D184">
        <v>278282.44949999999</v>
      </c>
      <c r="E184">
        <v>40521.144070000002</v>
      </c>
      <c r="F184">
        <v>96899.888619999998</v>
      </c>
      <c r="G184">
        <v>95074.580489999993</v>
      </c>
      <c r="H184">
        <v>59500.604209999998</v>
      </c>
      <c r="I184">
        <v>46874.883320000001</v>
      </c>
      <c r="J184">
        <v>44432.463459999999</v>
      </c>
      <c r="K184">
        <v>65763.183829999994</v>
      </c>
      <c r="L184">
        <v>31231.05716</v>
      </c>
      <c r="M184">
        <v>350759.71120000002</v>
      </c>
      <c r="N184">
        <v>105553.13830000001</v>
      </c>
      <c r="O184">
        <v>31885.76007</v>
      </c>
      <c r="P184">
        <v>34846.480069999998</v>
      </c>
      <c r="Q184">
        <v>90403.26238</v>
      </c>
      <c r="R184">
        <v>27755.692869999999</v>
      </c>
      <c r="S184">
        <v>122856.5258</v>
      </c>
      <c r="T184">
        <v>40123.335939999997</v>
      </c>
      <c r="U184">
        <v>29116.287899999999</v>
      </c>
      <c r="W184" s="83">
        <f>Bühler!N216</f>
        <v>45299.583333332892</v>
      </c>
      <c r="X184" s="83">
        <v>43108.583333333336</v>
      </c>
      <c r="Y184">
        <v>278282.44949999999</v>
      </c>
      <c r="Z184">
        <v>40521.144070000002</v>
      </c>
      <c r="AA184">
        <v>96899.888619999998</v>
      </c>
      <c r="AB184">
        <v>95074.580489999993</v>
      </c>
      <c r="AC184">
        <v>59500.604209999998</v>
      </c>
      <c r="AD184">
        <v>46874.883320000001</v>
      </c>
      <c r="AE184">
        <v>44432.463459999999</v>
      </c>
      <c r="AF184">
        <v>65763.183829999994</v>
      </c>
      <c r="AG184">
        <v>31231.05716</v>
      </c>
      <c r="AH184">
        <v>350759.71120000002</v>
      </c>
      <c r="AI184">
        <v>105553.13830000001</v>
      </c>
      <c r="AJ184">
        <v>31885.76007</v>
      </c>
      <c r="AK184">
        <v>34846.480069999998</v>
      </c>
      <c r="AL184">
        <v>90403.26238</v>
      </c>
      <c r="AM184">
        <v>27755.692869999999</v>
      </c>
      <c r="AN184">
        <v>122856.5258</v>
      </c>
      <c r="AO184">
        <v>40123.335939999997</v>
      </c>
      <c r="AP184">
        <v>29116.287899999999</v>
      </c>
    </row>
    <row r="185" spans="2:42" x14ac:dyDescent="0.3">
      <c r="B185">
        <v>68.341095484481016</v>
      </c>
      <c r="C185" s="83">
        <v>43108.625</v>
      </c>
      <c r="D185">
        <v>277993.80650000001</v>
      </c>
      <c r="E185">
        <v>39983.660349999998</v>
      </c>
      <c r="F185">
        <v>96591.458100000003</v>
      </c>
      <c r="G185">
        <v>91860.885840000003</v>
      </c>
      <c r="H185">
        <v>57863.624190000002</v>
      </c>
      <c r="I185">
        <v>46683.187530000003</v>
      </c>
      <c r="J185">
        <v>43489.371630000001</v>
      </c>
      <c r="K185">
        <v>65311.533880000003</v>
      </c>
      <c r="L185">
        <v>28788.56035</v>
      </c>
      <c r="M185">
        <v>348434.77510000003</v>
      </c>
      <c r="N185">
        <v>101433.36169999999</v>
      </c>
      <c r="O185">
        <v>31625.222730000001</v>
      </c>
      <c r="P185">
        <v>33756.862009999997</v>
      </c>
      <c r="Q185">
        <v>90050.194319999995</v>
      </c>
      <c r="R185">
        <v>26964.155360000001</v>
      </c>
      <c r="S185">
        <v>119336.4667</v>
      </c>
      <c r="T185">
        <v>39462.998209999998</v>
      </c>
      <c r="U185">
        <v>28275.71688</v>
      </c>
      <c r="W185" s="83">
        <f>Bühler!N217</f>
        <v>45299.624999999556</v>
      </c>
      <c r="X185" s="83">
        <v>43108.625</v>
      </c>
      <c r="Y185">
        <v>277993.80650000001</v>
      </c>
      <c r="Z185">
        <v>39983.660349999998</v>
      </c>
      <c r="AA185">
        <v>96591.458100000003</v>
      </c>
      <c r="AB185">
        <v>91860.885840000003</v>
      </c>
      <c r="AC185">
        <v>57863.624190000002</v>
      </c>
      <c r="AD185">
        <v>46683.187530000003</v>
      </c>
      <c r="AE185">
        <v>43489.371630000001</v>
      </c>
      <c r="AF185">
        <v>65311.533880000003</v>
      </c>
      <c r="AG185">
        <v>28788.56035</v>
      </c>
      <c r="AH185">
        <v>348434.77510000003</v>
      </c>
      <c r="AI185">
        <v>101433.36169999999</v>
      </c>
      <c r="AJ185">
        <v>31625.222730000001</v>
      </c>
      <c r="AK185">
        <v>33756.862009999997</v>
      </c>
      <c r="AL185">
        <v>90050.194319999995</v>
      </c>
      <c r="AM185">
        <v>26964.155360000001</v>
      </c>
      <c r="AN185">
        <v>119336.4667</v>
      </c>
      <c r="AO185">
        <v>39462.998209999998</v>
      </c>
      <c r="AP185">
        <v>28275.71688</v>
      </c>
    </row>
    <row r="186" spans="2:42" x14ac:dyDescent="0.3">
      <c r="B186">
        <v>68.306988639728701</v>
      </c>
      <c r="C186" s="83">
        <v>43108.666666666664</v>
      </c>
      <c r="D186">
        <v>272131.60009999998</v>
      </c>
      <c r="E186">
        <v>39265.424489999998</v>
      </c>
      <c r="F186">
        <v>96890.395000000004</v>
      </c>
      <c r="G186">
        <v>88478.414789999995</v>
      </c>
      <c r="H186">
        <v>56777.927170000003</v>
      </c>
      <c r="I186">
        <v>48308.750569999997</v>
      </c>
      <c r="J186">
        <v>43320.427989999996</v>
      </c>
      <c r="K186">
        <v>61614.101790000001</v>
      </c>
      <c r="L186">
        <v>27857.7228</v>
      </c>
      <c r="M186">
        <v>348260.88250000001</v>
      </c>
      <c r="N186">
        <v>96429.956789999997</v>
      </c>
      <c r="O186">
        <v>31720.155650000001</v>
      </c>
      <c r="P186">
        <v>33966.209340000001</v>
      </c>
      <c r="Q186">
        <v>89439.84302</v>
      </c>
      <c r="R186">
        <v>26522.020499999999</v>
      </c>
      <c r="S186">
        <v>118341.15399999999</v>
      </c>
      <c r="T186">
        <v>39623.00232</v>
      </c>
      <c r="U186">
        <v>26730.36232</v>
      </c>
      <c r="W186" s="83">
        <f>Bühler!N218</f>
        <v>45299.66666666622</v>
      </c>
      <c r="X186" s="83">
        <v>43108.666666666664</v>
      </c>
      <c r="Y186">
        <v>272131.60009999998</v>
      </c>
      <c r="Z186">
        <v>39265.424489999998</v>
      </c>
      <c r="AA186">
        <v>96890.395000000004</v>
      </c>
      <c r="AB186">
        <v>88478.414789999995</v>
      </c>
      <c r="AC186">
        <v>56777.927170000003</v>
      </c>
      <c r="AD186">
        <v>48308.750569999997</v>
      </c>
      <c r="AE186">
        <v>43320.427989999996</v>
      </c>
      <c r="AF186">
        <v>61614.101790000001</v>
      </c>
      <c r="AG186">
        <v>27857.7228</v>
      </c>
      <c r="AH186">
        <v>348260.88250000001</v>
      </c>
      <c r="AI186">
        <v>96429.956789999997</v>
      </c>
      <c r="AJ186">
        <v>31720.155650000001</v>
      </c>
      <c r="AK186">
        <v>33966.209340000001</v>
      </c>
      <c r="AL186">
        <v>89439.84302</v>
      </c>
      <c r="AM186">
        <v>26522.020499999999</v>
      </c>
      <c r="AN186">
        <v>118341.15399999999</v>
      </c>
      <c r="AO186">
        <v>39623.00232</v>
      </c>
      <c r="AP186">
        <v>26730.36232</v>
      </c>
    </row>
    <row r="187" spans="2:42" x14ac:dyDescent="0.3">
      <c r="B187">
        <v>67.818087893343858</v>
      </c>
      <c r="C187" s="83">
        <v>43108.708333333336</v>
      </c>
      <c r="D187">
        <v>263441.9448</v>
      </c>
      <c r="E187">
        <v>37981.728190000002</v>
      </c>
      <c r="F187">
        <v>98140.958400000003</v>
      </c>
      <c r="G187">
        <v>79285.617480000001</v>
      </c>
      <c r="H187">
        <v>55951.500390000001</v>
      </c>
      <c r="I187">
        <v>48368.224199999997</v>
      </c>
      <c r="J187">
        <v>44950.191890000002</v>
      </c>
      <c r="K187">
        <v>55777.81972</v>
      </c>
      <c r="L187">
        <v>28569.08239</v>
      </c>
      <c r="M187">
        <v>345768.23849999998</v>
      </c>
      <c r="N187">
        <v>94577.166490000003</v>
      </c>
      <c r="O187">
        <v>31295.838779999998</v>
      </c>
      <c r="P187">
        <v>36853.29722</v>
      </c>
      <c r="Q187">
        <v>88474.269809999998</v>
      </c>
      <c r="R187">
        <v>26862.095160000001</v>
      </c>
      <c r="S187">
        <v>116851.4607</v>
      </c>
      <c r="T187">
        <v>40729.438589999998</v>
      </c>
      <c r="U187">
        <v>25476.814480000001</v>
      </c>
      <c r="W187" s="83">
        <f>Bühler!N219</f>
        <v>45299.708333332885</v>
      </c>
      <c r="X187" s="83">
        <v>43108.708333333336</v>
      </c>
      <c r="Y187">
        <v>263441.9448</v>
      </c>
      <c r="Z187">
        <v>37981.728190000002</v>
      </c>
      <c r="AA187">
        <v>98140.958400000003</v>
      </c>
      <c r="AB187">
        <v>79285.617480000001</v>
      </c>
      <c r="AC187">
        <v>55951.500390000001</v>
      </c>
      <c r="AD187">
        <v>48368.224199999997</v>
      </c>
      <c r="AE187">
        <v>44950.191890000002</v>
      </c>
      <c r="AF187">
        <v>55777.81972</v>
      </c>
      <c r="AG187">
        <v>28569.08239</v>
      </c>
      <c r="AH187">
        <v>345768.23849999998</v>
      </c>
      <c r="AI187">
        <v>94577.166490000003</v>
      </c>
      <c r="AJ187">
        <v>31295.838779999998</v>
      </c>
      <c r="AK187">
        <v>36853.29722</v>
      </c>
      <c r="AL187">
        <v>88474.269809999998</v>
      </c>
      <c r="AM187">
        <v>26862.095160000001</v>
      </c>
      <c r="AN187">
        <v>116851.4607</v>
      </c>
      <c r="AO187">
        <v>40729.438589999998</v>
      </c>
      <c r="AP187">
        <v>25476.814480000001</v>
      </c>
    </row>
    <row r="188" spans="2:42" x14ac:dyDescent="0.3">
      <c r="B188">
        <v>66.179318479246831</v>
      </c>
      <c r="C188" s="83">
        <v>43108.75</v>
      </c>
      <c r="D188">
        <v>258253.56030000001</v>
      </c>
      <c r="E188">
        <v>34656.50576</v>
      </c>
      <c r="F188">
        <v>90330.865019999997</v>
      </c>
      <c r="G188">
        <v>68454.825330000007</v>
      </c>
      <c r="H188">
        <v>53029.253140000001</v>
      </c>
      <c r="I188">
        <v>47401.382400000002</v>
      </c>
      <c r="J188">
        <v>46320.005700000002</v>
      </c>
      <c r="K188">
        <v>48711.031719999999</v>
      </c>
      <c r="L188">
        <v>29778.531360000001</v>
      </c>
      <c r="M188">
        <v>337413.02779999998</v>
      </c>
      <c r="N188">
        <v>91432.536919999999</v>
      </c>
      <c r="O188">
        <v>29107.053489999998</v>
      </c>
      <c r="P188">
        <v>38688.91491</v>
      </c>
      <c r="Q188">
        <v>88144.874930000005</v>
      </c>
      <c r="R188">
        <v>23551.734090000002</v>
      </c>
      <c r="S188">
        <v>111307.62820000001</v>
      </c>
      <c r="T188">
        <v>40052.089200000002</v>
      </c>
      <c r="U188">
        <v>23632.274249999999</v>
      </c>
      <c r="W188" s="83">
        <f>Bühler!N220</f>
        <v>45299.749999999549</v>
      </c>
      <c r="X188" s="83">
        <v>43108.75</v>
      </c>
      <c r="Y188">
        <v>258253.56030000001</v>
      </c>
      <c r="Z188">
        <v>34656.50576</v>
      </c>
      <c r="AA188">
        <v>90330.865019999997</v>
      </c>
      <c r="AB188">
        <v>68454.825330000007</v>
      </c>
      <c r="AC188">
        <v>53029.253140000001</v>
      </c>
      <c r="AD188">
        <v>47401.382400000002</v>
      </c>
      <c r="AE188">
        <v>46320.005700000002</v>
      </c>
      <c r="AF188">
        <v>48711.031719999999</v>
      </c>
      <c r="AG188">
        <v>29778.531360000001</v>
      </c>
      <c r="AH188">
        <v>337413.02779999998</v>
      </c>
      <c r="AI188">
        <v>91432.536919999999</v>
      </c>
      <c r="AJ188">
        <v>29107.053489999998</v>
      </c>
      <c r="AK188">
        <v>38688.91491</v>
      </c>
      <c r="AL188">
        <v>88144.874930000005</v>
      </c>
      <c r="AM188">
        <v>23551.734090000002</v>
      </c>
      <c r="AN188">
        <v>111307.62820000001</v>
      </c>
      <c r="AO188">
        <v>40052.089200000002</v>
      </c>
      <c r="AP188">
        <v>23632.274249999999</v>
      </c>
    </row>
    <row r="189" spans="2:42" x14ac:dyDescent="0.3">
      <c r="B189">
        <v>64.898940584764929</v>
      </c>
      <c r="C189" s="83">
        <v>43108.791666666664</v>
      </c>
      <c r="D189">
        <v>253705.636</v>
      </c>
      <c r="E189">
        <v>28791.629550000001</v>
      </c>
      <c r="F189">
        <v>80846.185100000002</v>
      </c>
      <c r="G189">
        <v>61396.458209999997</v>
      </c>
      <c r="H189">
        <v>49908.911639999998</v>
      </c>
      <c r="I189">
        <v>44265.916579999997</v>
      </c>
      <c r="J189">
        <v>45841.38104</v>
      </c>
      <c r="K189">
        <v>48857.766389999997</v>
      </c>
      <c r="L189">
        <v>29634.624520000001</v>
      </c>
      <c r="M189">
        <v>330885.06420000002</v>
      </c>
      <c r="N189">
        <v>90369.251380000002</v>
      </c>
      <c r="O189">
        <v>27882.818869999999</v>
      </c>
      <c r="P189">
        <v>40945.373749999999</v>
      </c>
      <c r="Q189">
        <v>85998.737009999997</v>
      </c>
      <c r="R189">
        <v>22607.820779999998</v>
      </c>
      <c r="S189">
        <v>104864.9969</v>
      </c>
      <c r="T189">
        <v>40181.268020000003</v>
      </c>
      <c r="U189">
        <v>22059.567179999998</v>
      </c>
      <c r="W189" s="83">
        <f>Bühler!N221</f>
        <v>45299.791666666213</v>
      </c>
      <c r="X189" s="83">
        <v>43108.791666666664</v>
      </c>
      <c r="Y189">
        <v>253705.636</v>
      </c>
      <c r="Z189">
        <v>28791.629550000001</v>
      </c>
      <c r="AA189">
        <v>80846.185100000002</v>
      </c>
      <c r="AB189">
        <v>61396.458209999997</v>
      </c>
      <c r="AC189">
        <v>49908.911639999998</v>
      </c>
      <c r="AD189">
        <v>44265.916579999997</v>
      </c>
      <c r="AE189">
        <v>45841.38104</v>
      </c>
      <c r="AF189">
        <v>48857.766389999997</v>
      </c>
      <c r="AG189">
        <v>29634.624520000001</v>
      </c>
      <c r="AH189">
        <v>330885.06420000002</v>
      </c>
      <c r="AI189">
        <v>90369.251380000002</v>
      </c>
      <c r="AJ189">
        <v>27882.818869999999</v>
      </c>
      <c r="AK189">
        <v>40945.373749999999</v>
      </c>
      <c r="AL189">
        <v>85998.737009999997</v>
      </c>
      <c r="AM189">
        <v>22607.820779999998</v>
      </c>
      <c r="AN189">
        <v>104864.9969</v>
      </c>
      <c r="AO189">
        <v>40181.268020000003</v>
      </c>
      <c r="AP189">
        <v>22059.567179999998</v>
      </c>
    </row>
    <row r="190" spans="2:42" x14ac:dyDescent="0.3">
      <c r="B190">
        <v>64.269953143265028</v>
      </c>
      <c r="C190" s="83">
        <v>43108.833333333336</v>
      </c>
      <c r="D190">
        <v>244941.5417</v>
      </c>
      <c r="E190">
        <v>22578.05344</v>
      </c>
      <c r="F190">
        <v>67002.561650000003</v>
      </c>
      <c r="G190">
        <v>54353.780189999998</v>
      </c>
      <c r="H190">
        <v>47606.61247</v>
      </c>
      <c r="I190">
        <v>39714.418369999999</v>
      </c>
      <c r="J190">
        <v>44569.07834</v>
      </c>
      <c r="K190">
        <v>55276.387439999999</v>
      </c>
      <c r="L190">
        <v>29370.037369999998</v>
      </c>
      <c r="M190">
        <v>327678.19290000002</v>
      </c>
      <c r="N190">
        <v>89000.124939999994</v>
      </c>
      <c r="O190">
        <v>26525.578229999999</v>
      </c>
      <c r="P190">
        <v>40198.298179999998</v>
      </c>
      <c r="Q190">
        <v>84501.773119999998</v>
      </c>
      <c r="R190">
        <v>23612.258389999999</v>
      </c>
      <c r="S190">
        <v>95858.404039999994</v>
      </c>
      <c r="T190">
        <v>38142.544220000003</v>
      </c>
      <c r="U190">
        <v>20759.678820000001</v>
      </c>
      <c r="W190" s="83">
        <f>Bühler!N222</f>
        <v>45299.833333332877</v>
      </c>
      <c r="X190" s="83">
        <v>43108.833333333336</v>
      </c>
      <c r="Y190">
        <v>244941.5417</v>
      </c>
      <c r="Z190">
        <v>22578.05344</v>
      </c>
      <c r="AA190">
        <v>67002.561650000003</v>
      </c>
      <c r="AB190">
        <v>54353.780189999998</v>
      </c>
      <c r="AC190">
        <v>47606.61247</v>
      </c>
      <c r="AD190">
        <v>39714.418369999999</v>
      </c>
      <c r="AE190">
        <v>44569.07834</v>
      </c>
      <c r="AF190">
        <v>55276.387439999999</v>
      </c>
      <c r="AG190">
        <v>29370.037369999998</v>
      </c>
      <c r="AH190">
        <v>327678.19290000002</v>
      </c>
      <c r="AI190">
        <v>89000.124939999994</v>
      </c>
      <c r="AJ190">
        <v>26525.578229999999</v>
      </c>
      <c r="AK190">
        <v>40198.298179999998</v>
      </c>
      <c r="AL190">
        <v>84501.773119999998</v>
      </c>
      <c r="AM190">
        <v>23612.258389999999</v>
      </c>
      <c r="AN190">
        <v>95858.404039999994</v>
      </c>
      <c r="AO190">
        <v>38142.544220000003</v>
      </c>
      <c r="AP190">
        <v>20759.678820000001</v>
      </c>
    </row>
    <row r="191" spans="2:42" x14ac:dyDescent="0.3">
      <c r="B191">
        <v>62.689927806290832</v>
      </c>
      <c r="C191" s="83">
        <v>43108.875</v>
      </c>
      <c r="D191">
        <v>235312.19399999999</v>
      </c>
      <c r="E191">
        <v>19697.392810000001</v>
      </c>
      <c r="F191">
        <v>56907.277900000001</v>
      </c>
      <c r="G191">
        <v>51235.547400000003</v>
      </c>
      <c r="H191">
        <v>44979.652159999998</v>
      </c>
      <c r="I191">
        <v>34062.423349999997</v>
      </c>
      <c r="J191">
        <v>42778.98545</v>
      </c>
      <c r="K191">
        <v>54011.922700000003</v>
      </c>
      <c r="L191">
        <v>28016.844789999999</v>
      </c>
      <c r="M191">
        <v>319622.48690000002</v>
      </c>
      <c r="N191">
        <v>86836.73401</v>
      </c>
      <c r="O191">
        <v>25794.636760000001</v>
      </c>
      <c r="P191">
        <v>38443.297129999999</v>
      </c>
      <c r="Q191">
        <v>81892.7693</v>
      </c>
      <c r="R191">
        <v>21841.08944</v>
      </c>
      <c r="S191">
        <v>90279.273620000007</v>
      </c>
      <c r="T191">
        <v>35007.803180000003</v>
      </c>
      <c r="U191">
        <v>19338.858660000002</v>
      </c>
      <c r="W191" s="83">
        <f>Bühler!N223</f>
        <v>45299.874999999542</v>
      </c>
      <c r="X191" s="83">
        <v>43108.875</v>
      </c>
      <c r="Y191">
        <v>235312.19399999999</v>
      </c>
      <c r="Z191">
        <v>19697.392810000001</v>
      </c>
      <c r="AA191">
        <v>56907.277900000001</v>
      </c>
      <c r="AB191">
        <v>51235.547400000003</v>
      </c>
      <c r="AC191">
        <v>44979.652159999998</v>
      </c>
      <c r="AD191">
        <v>34062.423349999997</v>
      </c>
      <c r="AE191">
        <v>42778.98545</v>
      </c>
      <c r="AF191">
        <v>54011.922700000003</v>
      </c>
      <c r="AG191">
        <v>28016.844789999999</v>
      </c>
      <c r="AH191">
        <v>319622.48690000002</v>
      </c>
      <c r="AI191">
        <v>86836.73401</v>
      </c>
      <c r="AJ191">
        <v>25794.636760000001</v>
      </c>
      <c r="AK191">
        <v>38443.297129999999</v>
      </c>
      <c r="AL191">
        <v>81892.7693</v>
      </c>
      <c r="AM191">
        <v>21841.08944</v>
      </c>
      <c r="AN191">
        <v>90279.273620000007</v>
      </c>
      <c r="AO191">
        <v>35007.803180000003</v>
      </c>
      <c r="AP191">
        <v>19338.858660000002</v>
      </c>
    </row>
    <row r="192" spans="2:42" x14ac:dyDescent="0.3">
      <c r="B192">
        <v>63.036933588292598</v>
      </c>
      <c r="C192" s="83">
        <v>43108.916666666664</v>
      </c>
      <c r="D192">
        <v>234288.2309</v>
      </c>
      <c r="E192">
        <v>19295.49108</v>
      </c>
      <c r="F192">
        <v>54817.329290000001</v>
      </c>
      <c r="G192">
        <v>48850.040560000001</v>
      </c>
      <c r="H192">
        <v>44158.510600000001</v>
      </c>
      <c r="I192">
        <v>32417.818429999999</v>
      </c>
      <c r="J192">
        <v>41502.654990000003</v>
      </c>
      <c r="K192">
        <v>56190.606180000002</v>
      </c>
      <c r="L192">
        <v>26253.504659999999</v>
      </c>
      <c r="M192">
        <v>321391.68420000002</v>
      </c>
      <c r="N192">
        <v>87020.561709999994</v>
      </c>
      <c r="O192">
        <v>27034.813920000001</v>
      </c>
      <c r="P192">
        <v>40122.726410000003</v>
      </c>
      <c r="Q192">
        <v>81455.579110000006</v>
      </c>
      <c r="R192">
        <v>32183.82012</v>
      </c>
      <c r="S192">
        <v>89174.705960000007</v>
      </c>
      <c r="T192">
        <v>31711.625769999999</v>
      </c>
      <c r="U192">
        <v>20268.72262</v>
      </c>
      <c r="W192" s="83">
        <f>Bühler!N224</f>
        <v>45299.916666666206</v>
      </c>
      <c r="X192" s="83">
        <v>43108.916666666664</v>
      </c>
      <c r="Y192">
        <v>234288.2309</v>
      </c>
      <c r="Z192">
        <v>19295.49108</v>
      </c>
      <c r="AA192">
        <v>54817.329290000001</v>
      </c>
      <c r="AB192">
        <v>48850.040560000001</v>
      </c>
      <c r="AC192">
        <v>44158.510600000001</v>
      </c>
      <c r="AD192">
        <v>32417.818429999999</v>
      </c>
      <c r="AE192">
        <v>41502.654990000003</v>
      </c>
      <c r="AF192">
        <v>56190.606180000002</v>
      </c>
      <c r="AG192">
        <v>26253.504659999999</v>
      </c>
      <c r="AH192">
        <v>321391.68420000002</v>
      </c>
      <c r="AI192">
        <v>87020.561709999994</v>
      </c>
      <c r="AJ192">
        <v>27034.813920000001</v>
      </c>
      <c r="AK192">
        <v>40122.726410000003</v>
      </c>
      <c r="AL192">
        <v>81455.579110000006</v>
      </c>
      <c r="AM192">
        <v>32183.82012</v>
      </c>
      <c r="AN192">
        <v>89174.705960000007</v>
      </c>
      <c r="AO192">
        <v>31711.625769999999</v>
      </c>
      <c r="AP192">
        <v>20268.72262</v>
      </c>
    </row>
    <row r="193" spans="2:42" x14ac:dyDescent="0.3">
      <c r="B193">
        <v>61.762831855670711</v>
      </c>
      <c r="C193" s="83">
        <v>43108.958333333336</v>
      </c>
      <c r="D193">
        <v>235625.98970000001</v>
      </c>
      <c r="E193">
        <v>19084.88956</v>
      </c>
      <c r="F193">
        <v>53088.717989999997</v>
      </c>
      <c r="G193">
        <v>48070.245199999998</v>
      </c>
      <c r="H193">
        <v>43476.259129999999</v>
      </c>
      <c r="I193">
        <v>31860.27807</v>
      </c>
      <c r="J193">
        <v>39663.79077</v>
      </c>
      <c r="K193">
        <v>55815.231919999998</v>
      </c>
      <c r="L193">
        <v>23179.072789999998</v>
      </c>
      <c r="M193">
        <v>314895.7194</v>
      </c>
      <c r="N193">
        <v>88132.420339999997</v>
      </c>
      <c r="O193">
        <v>27113.399079999999</v>
      </c>
      <c r="P193">
        <v>36580.683499999999</v>
      </c>
      <c r="Q193">
        <v>81434.891380000001</v>
      </c>
      <c r="R193">
        <v>32535.768469999999</v>
      </c>
      <c r="S193">
        <v>88076.953139999998</v>
      </c>
      <c r="T193">
        <v>32496.431209999999</v>
      </c>
      <c r="U193">
        <v>19906.779109999999</v>
      </c>
      <c r="W193" s="83">
        <f>Bühler!N225</f>
        <v>45299.95833333287</v>
      </c>
      <c r="X193" s="83">
        <v>43108.958333333336</v>
      </c>
      <c r="Y193">
        <v>235625.98970000001</v>
      </c>
      <c r="Z193">
        <v>19084.88956</v>
      </c>
      <c r="AA193">
        <v>53088.717989999997</v>
      </c>
      <c r="AB193">
        <v>48070.245199999998</v>
      </c>
      <c r="AC193">
        <v>43476.259129999999</v>
      </c>
      <c r="AD193">
        <v>31860.27807</v>
      </c>
      <c r="AE193">
        <v>39663.79077</v>
      </c>
      <c r="AF193">
        <v>55815.231919999998</v>
      </c>
      <c r="AG193">
        <v>23179.072789999998</v>
      </c>
      <c r="AH193">
        <v>314895.7194</v>
      </c>
      <c r="AI193">
        <v>88132.420339999997</v>
      </c>
      <c r="AJ193">
        <v>27113.399079999999</v>
      </c>
      <c r="AK193">
        <v>36580.683499999999</v>
      </c>
      <c r="AL193">
        <v>81434.891380000001</v>
      </c>
      <c r="AM193">
        <v>32535.768469999999</v>
      </c>
      <c r="AN193">
        <v>88076.953139999998</v>
      </c>
      <c r="AO193">
        <v>32496.431209999999</v>
      </c>
      <c r="AP193">
        <v>19906.779109999999</v>
      </c>
    </row>
    <row r="194" spans="2:42" x14ac:dyDescent="0.3">
      <c r="B194">
        <v>61.386185885842956</v>
      </c>
      <c r="C194" s="83">
        <v>43109</v>
      </c>
      <c r="D194">
        <v>234004.1795</v>
      </c>
      <c r="E194">
        <v>18820.101859999999</v>
      </c>
      <c r="F194">
        <v>52867.597520000003</v>
      </c>
      <c r="G194">
        <v>47276.496229999997</v>
      </c>
      <c r="H194">
        <v>42983.515729999999</v>
      </c>
      <c r="I194">
        <v>30180.098180000001</v>
      </c>
      <c r="J194">
        <v>37895.21804</v>
      </c>
      <c r="K194">
        <v>53264.549509999997</v>
      </c>
      <c r="L194">
        <v>21283.500690000001</v>
      </c>
      <c r="M194">
        <v>312975.40259999997</v>
      </c>
      <c r="N194">
        <v>87953.504719999997</v>
      </c>
      <c r="O194">
        <v>26914.51915</v>
      </c>
      <c r="P194">
        <v>34999.305359999998</v>
      </c>
      <c r="Q194">
        <v>82068.482199999999</v>
      </c>
      <c r="R194">
        <v>30953.640080000001</v>
      </c>
      <c r="S194">
        <v>87309.977369999993</v>
      </c>
      <c r="T194">
        <v>31166.057059999999</v>
      </c>
      <c r="U194">
        <v>19540.87673</v>
      </c>
      <c r="W194" s="83">
        <f>Bühler!N226</f>
        <v>45299.999999999534</v>
      </c>
      <c r="X194" s="83">
        <v>43109</v>
      </c>
      <c r="Y194">
        <v>234004.1795</v>
      </c>
      <c r="Z194">
        <v>18820.101859999999</v>
      </c>
      <c r="AA194">
        <v>52867.597520000003</v>
      </c>
      <c r="AB194">
        <v>47276.496229999997</v>
      </c>
      <c r="AC194">
        <v>42983.515729999999</v>
      </c>
      <c r="AD194">
        <v>30180.098180000001</v>
      </c>
      <c r="AE194">
        <v>37895.21804</v>
      </c>
      <c r="AF194">
        <v>53264.549509999997</v>
      </c>
      <c r="AG194">
        <v>21283.500690000001</v>
      </c>
      <c r="AH194">
        <v>312975.40259999997</v>
      </c>
      <c r="AI194">
        <v>87953.504719999997</v>
      </c>
      <c r="AJ194">
        <v>26914.51915</v>
      </c>
      <c r="AK194">
        <v>34999.305359999998</v>
      </c>
      <c r="AL194">
        <v>82068.482199999999</v>
      </c>
      <c r="AM194">
        <v>30953.640080000001</v>
      </c>
      <c r="AN194">
        <v>87309.977369999993</v>
      </c>
      <c r="AO194">
        <v>31166.057059999999</v>
      </c>
      <c r="AP194">
        <v>19540.87673</v>
      </c>
    </row>
    <row r="195" spans="2:42" x14ac:dyDescent="0.3">
      <c r="B195">
        <v>61.030402699618335</v>
      </c>
      <c r="C195" s="83">
        <v>43109.041666666664</v>
      </c>
      <c r="D195">
        <v>232610.92180000001</v>
      </c>
      <c r="E195">
        <v>18822.770530000002</v>
      </c>
      <c r="F195">
        <v>53329.980130000004</v>
      </c>
      <c r="G195">
        <v>46909.984830000001</v>
      </c>
      <c r="H195">
        <v>42666.269480000003</v>
      </c>
      <c r="I195">
        <v>25049.61219</v>
      </c>
      <c r="J195">
        <v>36891.797129999999</v>
      </c>
      <c r="K195">
        <v>51865.355150000003</v>
      </c>
      <c r="L195">
        <v>21244.94212</v>
      </c>
      <c r="M195">
        <v>311161.45400000003</v>
      </c>
      <c r="N195">
        <v>86808.772039999996</v>
      </c>
      <c r="O195">
        <v>27020.867989999999</v>
      </c>
      <c r="P195">
        <v>33037.738969999999</v>
      </c>
      <c r="Q195">
        <v>82240.193140000003</v>
      </c>
      <c r="R195">
        <v>30342.864730000001</v>
      </c>
      <c r="S195">
        <v>85467.790129999994</v>
      </c>
      <c r="T195">
        <v>30296.075970000002</v>
      </c>
      <c r="U195">
        <v>19908.695500000002</v>
      </c>
      <c r="W195" s="83">
        <f>Bühler!N227</f>
        <v>45300.041666666199</v>
      </c>
      <c r="X195" s="83">
        <v>43109.041666666664</v>
      </c>
      <c r="Y195">
        <v>232610.92180000001</v>
      </c>
      <c r="Z195">
        <v>18822.770530000002</v>
      </c>
      <c r="AA195">
        <v>53329.980130000004</v>
      </c>
      <c r="AB195">
        <v>46909.984830000001</v>
      </c>
      <c r="AC195">
        <v>42666.269480000003</v>
      </c>
      <c r="AD195">
        <v>25049.61219</v>
      </c>
      <c r="AE195">
        <v>36891.797129999999</v>
      </c>
      <c r="AF195">
        <v>51865.355150000003</v>
      </c>
      <c r="AG195">
        <v>21244.94212</v>
      </c>
      <c r="AH195">
        <v>311161.45400000003</v>
      </c>
      <c r="AI195">
        <v>86808.772039999996</v>
      </c>
      <c r="AJ195">
        <v>27020.867989999999</v>
      </c>
      <c r="AK195">
        <v>33037.738969999999</v>
      </c>
      <c r="AL195">
        <v>82240.193140000003</v>
      </c>
      <c r="AM195">
        <v>30342.864730000001</v>
      </c>
      <c r="AN195">
        <v>85467.790129999994</v>
      </c>
      <c r="AO195">
        <v>30296.075970000002</v>
      </c>
      <c r="AP195">
        <v>19908.695500000002</v>
      </c>
    </row>
    <row r="196" spans="2:42" x14ac:dyDescent="0.3">
      <c r="B196">
        <v>61.696942374899685</v>
      </c>
      <c r="C196" s="83">
        <v>43109.083333333336</v>
      </c>
      <c r="D196">
        <v>234541.17060000001</v>
      </c>
      <c r="E196">
        <v>18738.937859999998</v>
      </c>
      <c r="F196">
        <v>54035.984089999998</v>
      </c>
      <c r="G196">
        <v>46610.876510000002</v>
      </c>
      <c r="H196">
        <v>42147.023419999998</v>
      </c>
      <c r="I196">
        <v>23177.54263</v>
      </c>
      <c r="J196">
        <v>35878.180780000002</v>
      </c>
      <c r="K196">
        <v>51116.76988</v>
      </c>
      <c r="L196">
        <v>20801.413779999999</v>
      </c>
      <c r="M196">
        <v>314559.78409999999</v>
      </c>
      <c r="N196">
        <v>87044.024359999996</v>
      </c>
      <c r="O196">
        <v>26837.73459</v>
      </c>
      <c r="P196">
        <v>32671.108939999998</v>
      </c>
      <c r="Q196">
        <v>84797.738700000002</v>
      </c>
      <c r="R196">
        <v>30234.26528</v>
      </c>
      <c r="S196">
        <v>85441.082699999999</v>
      </c>
      <c r="T196">
        <v>30180.46962</v>
      </c>
      <c r="U196">
        <v>20210.615669999999</v>
      </c>
      <c r="W196" s="83">
        <f>Bühler!N228</f>
        <v>45300.083333332863</v>
      </c>
      <c r="X196" s="83">
        <v>43109.083333333336</v>
      </c>
      <c r="Y196">
        <v>234541.17060000001</v>
      </c>
      <c r="Z196">
        <v>18738.937859999998</v>
      </c>
      <c r="AA196">
        <v>54035.984089999998</v>
      </c>
      <c r="AB196">
        <v>46610.876510000002</v>
      </c>
      <c r="AC196">
        <v>42147.023419999998</v>
      </c>
      <c r="AD196">
        <v>23177.54263</v>
      </c>
      <c r="AE196">
        <v>35878.180780000002</v>
      </c>
      <c r="AF196">
        <v>51116.76988</v>
      </c>
      <c r="AG196">
        <v>20801.413779999999</v>
      </c>
      <c r="AH196">
        <v>314559.78409999999</v>
      </c>
      <c r="AI196">
        <v>87044.024359999996</v>
      </c>
      <c r="AJ196">
        <v>26837.73459</v>
      </c>
      <c r="AK196">
        <v>32671.108939999998</v>
      </c>
      <c r="AL196">
        <v>84797.738700000002</v>
      </c>
      <c r="AM196">
        <v>30234.26528</v>
      </c>
      <c r="AN196">
        <v>85441.082699999999</v>
      </c>
      <c r="AO196">
        <v>30180.46962</v>
      </c>
      <c r="AP196">
        <v>20210.615669999999</v>
      </c>
    </row>
    <row r="197" spans="2:42" x14ac:dyDescent="0.3">
      <c r="B197">
        <v>61.922310558767947</v>
      </c>
      <c r="C197" s="83">
        <v>43109.125</v>
      </c>
      <c r="D197">
        <v>235081.72349999999</v>
      </c>
      <c r="E197">
        <v>18950.708979999999</v>
      </c>
      <c r="F197">
        <v>54155.262269999999</v>
      </c>
      <c r="G197">
        <v>45548.747519999997</v>
      </c>
      <c r="H197">
        <v>42609.10615</v>
      </c>
      <c r="I197">
        <v>23200.315429999999</v>
      </c>
      <c r="J197">
        <v>37204.002419999997</v>
      </c>
      <c r="K197">
        <v>50280.269930000002</v>
      </c>
      <c r="L197">
        <v>20669.6613</v>
      </c>
      <c r="M197">
        <v>315708.8162</v>
      </c>
      <c r="N197">
        <v>87441.959029999998</v>
      </c>
      <c r="O197">
        <v>26938.988549999998</v>
      </c>
      <c r="P197">
        <v>32678.398669999999</v>
      </c>
      <c r="Q197">
        <v>87752.199989999994</v>
      </c>
      <c r="R197">
        <v>29672.244780000001</v>
      </c>
      <c r="S197">
        <v>84687.910470000003</v>
      </c>
      <c r="T197">
        <v>29942.820339999998</v>
      </c>
      <c r="U197">
        <v>20425.75578</v>
      </c>
      <c r="W197" s="83">
        <f>Bühler!N229</f>
        <v>45300.124999999527</v>
      </c>
      <c r="X197" s="83">
        <v>43109.125</v>
      </c>
      <c r="Y197">
        <v>235081.72349999999</v>
      </c>
      <c r="Z197">
        <v>18950.708979999999</v>
      </c>
      <c r="AA197">
        <v>54155.262269999999</v>
      </c>
      <c r="AB197">
        <v>45548.747519999997</v>
      </c>
      <c r="AC197">
        <v>42609.10615</v>
      </c>
      <c r="AD197">
        <v>23200.315429999999</v>
      </c>
      <c r="AE197">
        <v>37204.002419999997</v>
      </c>
      <c r="AF197">
        <v>50280.269930000002</v>
      </c>
      <c r="AG197">
        <v>20669.6613</v>
      </c>
      <c r="AH197">
        <v>315708.8162</v>
      </c>
      <c r="AI197">
        <v>87441.959029999998</v>
      </c>
      <c r="AJ197">
        <v>26938.988549999998</v>
      </c>
      <c r="AK197">
        <v>32678.398669999999</v>
      </c>
      <c r="AL197">
        <v>87752.199989999994</v>
      </c>
      <c r="AM197">
        <v>29672.244780000001</v>
      </c>
      <c r="AN197">
        <v>84687.910470000003</v>
      </c>
      <c r="AO197">
        <v>29942.820339999998</v>
      </c>
      <c r="AP197">
        <v>20425.75578</v>
      </c>
    </row>
    <row r="198" spans="2:42" x14ac:dyDescent="0.3">
      <c r="B198">
        <v>63.457925521167994</v>
      </c>
      <c r="C198" s="83">
        <v>43109.166666666664</v>
      </c>
      <c r="D198">
        <v>238890.2176</v>
      </c>
      <c r="E198">
        <v>19460.7127</v>
      </c>
      <c r="F198">
        <v>58027.191989999999</v>
      </c>
      <c r="G198">
        <v>45800.621480000002</v>
      </c>
      <c r="H198">
        <v>43702.063269999999</v>
      </c>
      <c r="I198">
        <v>26920.551909999998</v>
      </c>
      <c r="J198">
        <v>39568.245289999999</v>
      </c>
      <c r="K198">
        <v>47537.148029999997</v>
      </c>
      <c r="L198">
        <v>20637.822540000001</v>
      </c>
      <c r="M198">
        <v>323538.09740000003</v>
      </c>
      <c r="N198">
        <v>86478.789439999993</v>
      </c>
      <c r="O198">
        <v>27145.230390000001</v>
      </c>
      <c r="P198">
        <v>32306.311730000001</v>
      </c>
      <c r="Q198">
        <v>93203.855089999997</v>
      </c>
      <c r="R198">
        <v>29923.05963</v>
      </c>
      <c r="S198">
        <v>85824.255919999996</v>
      </c>
      <c r="T198">
        <v>30423.449229999998</v>
      </c>
      <c r="U198">
        <v>20978.510439999998</v>
      </c>
      <c r="W198" s="83">
        <f>Bühler!N230</f>
        <v>45300.166666666191</v>
      </c>
      <c r="X198" s="83">
        <v>43109.166666666664</v>
      </c>
      <c r="Y198">
        <v>238890.2176</v>
      </c>
      <c r="Z198">
        <v>19460.7127</v>
      </c>
      <c r="AA198">
        <v>58027.191989999999</v>
      </c>
      <c r="AB198">
        <v>45800.621480000002</v>
      </c>
      <c r="AC198">
        <v>43702.063269999999</v>
      </c>
      <c r="AD198">
        <v>26920.551909999998</v>
      </c>
      <c r="AE198">
        <v>39568.245289999999</v>
      </c>
      <c r="AF198">
        <v>47537.148029999997</v>
      </c>
      <c r="AG198">
        <v>20637.822540000001</v>
      </c>
      <c r="AH198">
        <v>323538.09740000003</v>
      </c>
      <c r="AI198">
        <v>86478.789439999993</v>
      </c>
      <c r="AJ198">
        <v>27145.230390000001</v>
      </c>
      <c r="AK198">
        <v>32306.311730000001</v>
      </c>
      <c r="AL198">
        <v>93203.855089999997</v>
      </c>
      <c r="AM198">
        <v>29923.05963</v>
      </c>
      <c r="AN198">
        <v>85824.255919999996</v>
      </c>
      <c r="AO198">
        <v>30423.449229999998</v>
      </c>
      <c r="AP198">
        <v>20978.510439999998</v>
      </c>
    </row>
    <row r="199" spans="2:42" x14ac:dyDescent="0.3">
      <c r="B199">
        <v>66.946871079878306</v>
      </c>
      <c r="C199" s="83">
        <v>43109.208333333336</v>
      </c>
      <c r="D199">
        <v>254610.9192</v>
      </c>
      <c r="E199">
        <v>21512.924910000002</v>
      </c>
      <c r="F199">
        <v>69014.020810000002</v>
      </c>
      <c r="G199">
        <v>49314.191709999999</v>
      </c>
      <c r="H199">
        <v>45783.302620000002</v>
      </c>
      <c r="I199">
        <v>34972.737820000002</v>
      </c>
      <c r="J199">
        <v>42097.059990000002</v>
      </c>
      <c r="K199">
        <v>48706.121079999997</v>
      </c>
      <c r="L199">
        <v>21700.667969999999</v>
      </c>
      <c r="M199">
        <v>341326.3689</v>
      </c>
      <c r="N199">
        <v>88397.093280000001</v>
      </c>
      <c r="O199">
        <v>27508.966670000002</v>
      </c>
      <c r="P199">
        <v>33001.36361</v>
      </c>
      <c r="Q199">
        <v>96048.207880000002</v>
      </c>
      <c r="R199">
        <v>30024.467769999999</v>
      </c>
      <c r="S199">
        <v>88126.929120000001</v>
      </c>
      <c r="T199">
        <v>32055.998909999998</v>
      </c>
      <c r="U199">
        <v>22975.107639999998</v>
      </c>
      <c r="W199" s="83">
        <f>Bühler!N231</f>
        <v>45300.208333332856</v>
      </c>
      <c r="X199" s="83">
        <v>43109.208333333336</v>
      </c>
      <c r="Y199">
        <v>254610.9192</v>
      </c>
      <c r="Z199">
        <v>21512.924910000002</v>
      </c>
      <c r="AA199">
        <v>69014.020810000002</v>
      </c>
      <c r="AB199">
        <v>49314.191709999999</v>
      </c>
      <c r="AC199">
        <v>45783.302620000002</v>
      </c>
      <c r="AD199">
        <v>34972.737820000002</v>
      </c>
      <c r="AE199">
        <v>42097.059990000002</v>
      </c>
      <c r="AF199">
        <v>48706.121079999997</v>
      </c>
      <c r="AG199">
        <v>21700.667969999999</v>
      </c>
      <c r="AH199">
        <v>341326.3689</v>
      </c>
      <c r="AI199">
        <v>88397.093280000001</v>
      </c>
      <c r="AJ199">
        <v>27508.966670000002</v>
      </c>
      <c r="AK199">
        <v>33001.36361</v>
      </c>
      <c r="AL199">
        <v>96048.207880000002</v>
      </c>
      <c r="AM199">
        <v>30024.467769999999</v>
      </c>
      <c r="AN199">
        <v>88126.929120000001</v>
      </c>
      <c r="AO199">
        <v>32055.998909999998</v>
      </c>
      <c r="AP199">
        <v>22975.107639999998</v>
      </c>
    </row>
    <row r="200" spans="2:42" x14ac:dyDescent="0.3">
      <c r="B200">
        <v>70.478150035638606</v>
      </c>
      <c r="C200" s="83">
        <v>43109.25</v>
      </c>
      <c r="D200">
        <v>270856.75939999998</v>
      </c>
      <c r="E200">
        <v>25621.822899999999</v>
      </c>
      <c r="F200">
        <v>82678.313099999999</v>
      </c>
      <c r="G200">
        <v>63762.556340000003</v>
      </c>
      <c r="H200">
        <v>49249.892419999996</v>
      </c>
      <c r="I200">
        <v>44033.787219999998</v>
      </c>
      <c r="J200">
        <v>45681.60815</v>
      </c>
      <c r="K200">
        <v>50308.162989999997</v>
      </c>
      <c r="L200">
        <v>23467.44112</v>
      </c>
      <c r="M200">
        <v>359330.47580000001</v>
      </c>
      <c r="N200">
        <v>90667.410269999993</v>
      </c>
      <c r="O200">
        <v>28213.172299999998</v>
      </c>
      <c r="P200">
        <v>32745.544279999998</v>
      </c>
      <c r="Q200">
        <v>98055.826329999996</v>
      </c>
      <c r="R200">
        <v>22885.712210000002</v>
      </c>
      <c r="S200">
        <v>96938.496960000004</v>
      </c>
      <c r="T200">
        <v>34927.612359999999</v>
      </c>
      <c r="U200">
        <v>24225.725869999998</v>
      </c>
      <c r="W200" s="83">
        <f>Bühler!N232</f>
        <v>45300.24999999952</v>
      </c>
      <c r="X200" s="83">
        <v>43109.25</v>
      </c>
      <c r="Y200">
        <v>270856.75939999998</v>
      </c>
      <c r="Z200">
        <v>25621.822899999999</v>
      </c>
      <c r="AA200">
        <v>82678.313099999999</v>
      </c>
      <c r="AB200">
        <v>63762.556340000003</v>
      </c>
      <c r="AC200">
        <v>49249.892419999996</v>
      </c>
      <c r="AD200">
        <v>44033.787219999998</v>
      </c>
      <c r="AE200">
        <v>45681.60815</v>
      </c>
      <c r="AF200">
        <v>50308.162989999997</v>
      </c>
      <c r="AG200">
        <v>23467.44112</v>
      </c>
      <c r="AH200">
        <v>359330.47580000001</v>
      </c>
      <c r="AI200">
        <v>90667.410269999993</v>
      </c>
      <c r="AJ200">
        <v>28213.172299999998</v>
      </c>
      <c r="AK200">
        <v>32745.544279999998</v>
      </c>
      <c r="AL200">
        <v>98055.826329999996</v>
      </c>
      <c r="AM200">
        <v>22885.712210000002</v>
      </c>
      <c r="AN200">
        <v>96938.496960000004</v>
      </c>
      <c r="AO200">
        <v>34927.612359999999</v>
      </c>
      <c r="AP200">
        <v>24225.725869999998</v>
      </c>
    </row>
    <row r="201" spans="2:42" x14ac:dyDescent="0.3">
      <c r="B201">
        <v>72.392649896052703</v>
      </c>
      <c r="C201" s="83">
        <v>43109.291666666664</v>
      </c>
      <c r="D201">
        <v>285489.13410000002</v>
      </c>
      <c r="E201">
        <v>31392.333589999998</v>
      </c>
      <c r="F201">
        <v>88341.722510000007</v>
      </c>
      <c r="G201">
        <v>80660.149449999997</v>
      </c>
      <c r="H201">
        <v>56542.932410000001</v>
      </c>
      <c r="I201">
        <v>53522.107000000004</v>
      </c>
      <c r="J201">
        <v>48743.86851</v>
      </c>
      <c r="K201">
        <v>54995.906470000002</v>
      </c>
      <c r="L201">
        <v>26050.802090000001</v>
      </c>
      <c r="M201">
        <v>369091.4889</v>
      </c>
      <c r="N201">
        <v>96406.293940000003</v>
      </c>
      <c r="O201">
        <v>31410.947319999999</v>
      </c>
      <c r="P201">
        <v>36187.295400000003</v>
      </c>
      <c r="Q201">
        <v>98329.48977</v>
      </c>
      <c r="R201">
        <v>25819.380410000002</v>
      </c>
      <c r="S201">
        <v>112693.0111</v>
      </c>
      <c r="T201">
        <v>35937.231299999999</v>
      </c>
      <c r="U201">
        <v>29039.717140000001</v>
      </c>
      <c r="W201" s="83">
        <f>Bühler!N233</f>
        <v>45300.291666666184</v>
      </c>
      <c r="X201" s="83">
        <v>43109.291666666664</v>
      </c>
      <c r="Y201">
        <v>285489.13410000002</v>
      </c>
      <c r="Z201">
        <v>31392.333589999998</v>
      </c>
      <c r="AA201">
        <v>88341.722510000007</v>
      </c>
      <c r="AB201">
        <v>80660.149449999997</v>
      </c>
      <c r="AC201">
        <v>56542.932410000001</v>
      </c>
      <c r="AD201">
        <v>53522.107000000004</v>
      </c>
      <c r="AE201">
        <v>48743.86851</v>
      </c>
      <c r="AF201">
        <v>54995.906470000002</v>
      </c>
      <c r="AG201">
        <v>26050.802090000001</v>
      </c>
      <c r="AH201">
        <v>369091.4889</v>
      </c>
      <c r="AI201">
        <v>96406.293940000003</v>
      </c>
      <c r="AJ201">
        <v>31410.947319999999</v>
      </c>
      <c r="AK201">
        <v>36187.295400000003</v>
      </c>
      <c r="AL201">
        <v>98329.48977</v>
      </c>
      <c r="AM201">
        <v>25819.380410000002</v>
      </c>
      <c r="AN201">
        <v>112693.0111</v>
      </c>
      <c r="AO201">
        <v>35937.231299999999</v>
      </c>
      <c r="AP201">
        <v>29039.717140000001</v>
      </c>
    </row>
    <row r="202" spans="2:42" x14ac:dyDescent="0.3">
      <c r="B202">
        <v>72.946513550454483</v>
      </c>
      <c r="C202" s="83">
        <v>43109.333333333336</v>
      </c>
      <c r="D202">
        <v>300217.61249999999</v>
      </c>
      <c r="E202">
        <v>39037.344389999998</v>
      </c>
      <c r="F202">
        <v>95846.270860000004</v>
      </c>
      <c r="G202">
        <v>101516.1269</v>
      </c>
      <c r="H202">
        <v>62956.69298</v>
      </c>
      <c r="I202">
        <v>57272.307399999998</v>
      </c>
      <c r="J202">
        <v>50243.143219999998</v>
      </c>
      <c r="K202">
        <v>60245.06336</v>
      </c>
      <c r="L202">
        <v>29573.51296</v>
      </c>
      <c r="M202">
        <v>371915.34409999999</v>
      </c>
      <c r="N202">
        <v>102112.93120000001</v>
      </c>
      <c r="O202">
        <v>33585.261910000001</v>
      </c>
      <c r="P202">
        <v>38196.41302</v>
      </c>
      <c r="Q202">
        <v>99420.033020000003</v>
      </c>
      <c r="R202">
        <v>27995.10123</v>
      </c>
      <c r="S202">
        <v>128572.2077</v>
      </c>
      <c r="T202">
        <v>40183.635269999999</v>
      </c>
      <c r="U202">
        <v>32723.052810000001</v>
      </c>
      <c r="W202" s="83">
        <f>Bühler!N234</f>
        <v>45300.333333332848</v>
      </c>
      <c r="X202" s="83">
        <v>43109.333333333336</v>
      </c>
      <c r="Y202">
        <v>300217.61249999999</v>
      </c>
      <c r="Z202">
        <v>39037.344389999998</v>
      </c>
      <c r="AA202">
        <v>95846.270860000004</v>
      </c>
      <c r="AB202">
        <v>101516.1269</v>
      </c>
      <c r="AC202">
        <v>62956.69298</v>
      </c>
      <c r="AD202">
        <v>57272.307399999998</v>
      </c>
      <c r="AE202">
        <v>50243.143219999998</v>
      </c>
      <c r="AF202">
        <v>60245.06336</v>
      </c>
      <c r="AG202">
        <v>29573.51296</v>
      </c>
      <c r="AH202">
        <v>371915.34409999999</v>
      </c>
      <c r="AI202">
        <v>102112.93120000001</v>
      </c>
      <c r="AJ202">
        <v>33585.261910000001</v>
      </c>
      <c r="AK202">
        <v>38196.41302</v>
      </c>
      <c r="AL202">
        <v>99420.033020000003</v>
      </c>
      <c r="AM202">
        <v>27995.10123</v>
      </c>
      <c r="AN202">
        <v>128572.2077</v>
      </c>
      <c r="AO202">
        <v>40183.635269999999</v>
      </c>
      <c r="AP202">
        <v>32723.052810000001</v>
      </c>
    </row>
    <row r="203" spans="2:42" x14ac:dyDescent="0.3">
      <c r="B203">
        <v>71.482662423580649</v>
      </c>
      <c r="C203" s="83">
        <v>43109.375</v>
      </c>
      <c r="D203">
        <v>300606.01240000001</v>
      </c>
      <c r="E203">
        <v>43408.661200000002</v>
      </c>
      <c r="F203">
        <v>100538.3607</v>
      </c>
      <c r="G203">
        <v>110374.10550000001</v>
      </c>
      <c r="H203">
        <v>64320.336880000003</v>
      </c>
      <c r="I203">
        <v>53841.434240000002</v>
      </c>
      <c r="J203">
        <v>47719.694750000002</v>
      </c>
      <c r="K203">
        <v>57915.633540000003</v>
      </c>
      <c r="L203">
        <v>33089.689570000002</v>
      </c>
      <c r="M203">
        <v>364451.94839999999</v>
      </c>
      <c r="N203">
        <v>107109.7724</v>
      </c>
      <c r="O203">
        <v>33439.369250000003</v>
      </c>
      <c r="P203">
        <v>38915.317349999998</v>
      </c>
      <c r="Q203">
        <v>99432.637300000002</v>
      </c>
      <c r="R203">
        <v>26790.653160000002</v>
      </c>
      <c r="S203">
        <v>135778.40119999999</v>
      </c>
      <c r="T203">
        <v>43179.680990000001</v>
      </c>
      <c r="U203">
        <v>32650.247329999998</v>
      </c>
      <c r="W203" s="83">
        <f>Bühler!N235</f>
        <v>45300.374999999513</v>
      </c>
      <c r="X203" s="83">
        <v>43109.375</v>
      </c>
      <c r="Y203">
        <v>300606.01240000001</v>
      </c>
      <c r="Z203">
        <v>43408.661200000002</v>
      </c>
      <c r="AA203">
        <v>100538.3607</v>
      </c>
      <c r="AB203">
        <v>110374.10550000001</v>
      </c>
      <c r="AC203">
        <v>64320.336880000003</v>
      </c>
      <c r="AD203">
        <v>53841.434240000002</v>
      </c>
      <c r="AE203">
        <v>47719.694750000002</v>
      </c>
      <c r="AF203">
        <v>57915.633540000003</v>
      </c>
      <c r="AG203">
        <v>33089.689570000002</v>
      </c>
      <c r="AH203">
        <v>364451.94839999999</v>
      </c>
      <c r="AI203">
        <v>107109.7724</v>
      </c>
      <c r="AJ203">
        <v>33439.369250000003</v>
      </c>
      <c r="AK203">
        <v>38915.317349999998</v>
      </c>
      <c r="AL203">
        <v>99432.637300000002</v>
      </c>
      <c r="AM203">
        <v>26790.653160000002</v>
      </c>
      <c r="AN203">
        <v>135778.40119999999</v>
      </c>
      <c r="AO203">
        <v>43179.680990000001</v>
      </c>
      <c r="AP203">
        <v>32650.247329999998</v>
      </c>
    </row>
    <row r="204" spans="2:42" x14ac:dyDescent="0.3">
      <c r="B204">
        <v>71.535970748431879</v>
      </c>
      <c r="C204" s="83">
        <v>43109.416666666664</v>
      </c>
      <c r="D204">
        <v>304747.32490000001</v>
      </c>
      <c r="E204">
        <v>44800.588949999998</v>
      </c>
      <c r="F204">
        <v>100748.45050000001</v>
      </c>
      <c r="G204">
        <v>110497.1954</v>
      </c>
      <c r="H204">
        <v>64647.467680000002</v>
      </c>
      <c r="I204">
        <v>50887.695350000002</v>
      </c>
      <c r="J204">
        <v>46061.33743</v>
      </c>
      <c r="K204">
        <v>60183.392899999999</v>
      </c>
      <c r="L204">
        <v>35103.775670000003</v>
      </c>
      <c r="M204">
        <v>364723.73910000001</v>
      </c>
      <c r="N204">
        <v>111188.4731</v>
      </c>
      <c r="O204">
        <v>33942.576050000003</v>
      </c>
      <c r="P204">
        <v>39635.445599999999</v>
      </c>
      <c r="Q204">
        <v>99830.289369999999</v>
      </c>
      <c r="R204">
        <v>27491.262610000002</v>
      </c>
      <c r="S204">
        <v>135719.75539999999</v>
      </c>
      <c r="T204">
        <v>43951.141409999997</v>
      </c>
      <c r="U204">
        <v>31848.915270000001</v>
      </c>
      <c r="W204" s="83">
        <f>Bühler!N236</f>
        <v>45300.416666666177</v>
      </c>
      <c r="X204" s="83">
        <v>43109.416666666664</v>
      </c>
      <c r="Y204">
        <v>304747.32490000001</v>
      </c>
      <c r="Z204">
        <v>44800.588949999998</v>
      </c>
      <c r="AA204">
        <v>100748.45050000001</v>
      </c>
      <c r="AB204">
        <v>110497.1954</v>
      </c>
      <c r="AC204">
        <v>64647.467680000002</v>
      </c>
      <c r="AD204">
        <v>50887.695350000002</v>
      </c>
      <c r="AE204">
        <v>46061.33743</v>
      </c>
      <c r="AF204">
        <v>60183.392899999999</v>
      </c>
      <c r="AG204">
        <v>35103.775670000003</v>
      </c>
      <c r="AH204">
        <v>364723.73910000001</v>
      </c>
      <c r="AI204">
        <v>111188.4731</v>
      </c>
      <c r="AJ204">
        <v>33942.576050000003</v>
      </c>
      <c r="AK204">
        <v>39635.445599999999</v>
      </c>
      <c r="AL204">
        <v>99830.289369999999</v>
      </c>
      <c r="AM204">
        <v>27491.262610000002</v>
      </c>
      <c r="AN204">
        <v>135719.75539999999</v>
      </c>
      <c r="AO204">
        <v>43951.141409999997</v>
      </c>
      <c r="AP204">
        <v>31848.915270000001</v>
      </c>
    </row>
    <row r="205" spans="2:42" x14ac:dyDescent="0.3">
      <c r="B205">
        <v>72.445333052512851</v>
      </c>
      <c r="C205" s="83">
        <v>43109.458333333336</v>
      </c>
      <c r="D205">
        <v>303983.87439999997</v>
      </c>
      <c r="E205">
        <v>44423.087070000001</v>
      </c>
      <c r="F205">
        <v>100784.2261</v>
      </c>
      <c r="G205">
        <v>107695.9124</v>
      </c>
      <c r="H205">
        <v>64509.893779999999</v>
      </c>
      <c r="I205">
        <v>49734.564319999998</v>
      </c>
      <c r="J205">
        <v>46685.394220000002</v>
      </c>
      <c r="K205">
        <v>65964.906149999995</v>
      </c>
      <c r="L205">
        <v>36086.192819999997</v>
      </c>
      <c r="M205">
        <v>369360.09220000001</v>
      </c>
      <c r="N205">
        <v>110749.4844</v>
      </c>
      <c r="O205">
        <v>33743.558850000001</v>
      </c>
      <c r="P205">
        <v>39926.667930000003</v>
      </c>
      <c r="Q205">
        <v>100299.16310000001</v>
      </c>
      <c r="R205">
        <v>29832.388319999998</v>
      </c>
      <c r="S205">
        <v>137524.0324</v>
      </c>
      <c r="T205">
        <v>44302.722840000002</v>
      </c>
      <c r="U205">
        <v>31420.362659999999</v>
      </c>
      <c r="W205" s="83">
        <f>Bühler!N237</f>
        <v>45300.458333332841</v>
      </c>
      <c r="X205" s="83">
        <v>43109.458333333336</v>
      </c>
      <c r="Y205">
        <v>303983.87439999997</v>
      </c>
      <c r="Z205">
        <v>44423.087070000001</v>
      </c>
      <c r="AA205">
        <v>100784.2261</v>
      </c>
      <c r="AB205">
        <v>107695.9124</v>
      </c>
      <c r="AC205">
        <v>64509.893779999999</v>
      </c>
      <c r="AD205">
        <v>49734.564319999998</v>
      </c>
      <c r="AE205">
        <v>46685.394220000002</v>
      </c>
      <c r="AF205">
        <v>65964.906149999995</v>
      </c>
      <c r="AG205">
        <v>36086.192819999997</v>
      </c>
      <c r="AH205">
        <v>369360.09220000001</v>
      </c>
      <c r="AI205">
        <v>110749.4844</v>
      </c>
      <c r="AJ205">
        <v>33743.558850000001</v>
      </c>
      <c r="AK205">
        <v>39926.667930000003</v>
      </c>
      <c r="AL205">
        <v>100299.16310000001</v>
      </c>
      <c r="AM205">
        <v>29832.388319999998</v>
      </c>
      <c r="AN205">
        <v>137524.0324</v>
      </c>
      <c r="AO205">
        <v>44302.722840000002</v>
      </c>
      <c r="AP205">
        <v>31420.362659999999</v>
      </c>
    </row>
    <row r="206" spans="2:42" x14ac:dyDescent="0.3">
      <c r="B206">
        <v>71.57787385922461</v>
      </c>
      <c r="C206" s="83">
        <v>43109.5</v>
      </c>
      <c r="D206">
        <v>289789.06079999998</v>
      </c>
      <c r="E206">
        <v>39621.801050000002</v>
      </c>
      <c r="F206">
        <v>94103.231440000003</v>
      </c>
      <c r="G206">
        <v>103811.12549999999</v>
      </c>
      <c r="H206">
        <v>61245.271860000001</v>
      </c>
      <c r="I206">
        <v>48784.320460000003</v>
      </c>
      <c r="J206">
        <v>47317.232989999997</v>
      </c>
      <c r="K206">
        <v>63995.636279999999</v>
      </c>
      <c r="L206">
        <v>36949.508399999999</v>
      </c>
      <c r="M206">
        <v>364937.38069999998</v>
      </c>
      <c r="N206">
        <v>107396.7905</v>
      </c>
      <c r="O206">
        <v>32353.924510000001</v>
      </c>
      <c r="P206">
        <v>39774.529820000003</v>
      </c>
      <c r="Q206">
        <v>98252.502699999997</v>
      </c>
      <c r="R206">
        <v>31017.371200000001</v>
      </c>
      <c r="S206">
        <v>128590.94379999999</v>
      </c>
      <c r="T206">
        <v>43966.316220000001</v>
      </c>
      <c r="U206">
        <v>27867.907889999999</v>
      </c>
      <c r="W206" s="83">
        <f>Bühler!N238</f>
        <v>45300.499999999505</v>
      </c>
      <c r="X206" s="83">
        <v>43109.5</v>
      </c>
      <c r="Y206">
        <v>289789.06079999998</v>
      </c>
      <c r="Z206">
        <v>39621.801050000002</v>
      </c>
      <c r="AA206">
        <v>94103.231440000003</v>
      </c>
      <c r="AB206">
        <v>103811.12549999999</v>
      </c>
      <c r="AC206">
        <v>61245.271860000001</v>
      </c>
      <c r="AD206">
        <v>48784.320460000003</v>
      </c>
      <c r="AE206">
        <v>47317.232989999997</v>
      </c>
      <c r="AF206">
        <v>63995.636279999999</v>
      </c>
      <c r="AG206">
        <v>36949.508399999999</v>
      </c>
      <c r="AH206">
        <v>364937.38069999998</v>
      </c>
      <c r="AI206">
        <v>107396.7905</v>
      </c>
      <c r="AJ206">
        <v>32353.924510000001</v>
      </c>
      <c r="AK206">
        <v>39774.529820000003</v>
      </c>
      <c r="AL206">
        <v>98252.502699999997</v>
      </c>
      <c r="AM206">
        <v>31017.371200000001</v>
      </c>
      <c r="AN206">
        <v>128590.94379999999</v>
      </c>
      <c r="AO206">
        <v>43966.316220000001</v>
      </c>
      <c r="AP206">
        <v>27867.907889999999</v>
      </c>
    </row>
    <row r="207" spans="2:42" x14ac:dyDescent="0.3">
      <c r="B207">
        <v>71.51438676756014</v>
      </c>
      <c r="C207" s="83">
        <v>43109.541666666664</v>
      </c>
      <c r="D207">
        <v>290947.61440000002</v>
      </c>
      <c r="E207">
        <v>39310.725409999999</v>
      </c>
      <c r="F207">
        <v>90894.342650000006</v>
      </c>
      <c r="G207">
        <v>101567.5901</v>
      </c>
      <c r="H207">
        <v>61381.631840000002</v>
      </c>
      <c r="I207">
        <v>49999.677759999999</v>
      </c>
      <c r="J207">
        <v>45299.171999999999</v>
      </c>
      <c r="K207">
        <v>65247.441630000001</v>
      </c>
      <c r="L207">
        <v>35542.349770000001</v>
      </c>
      <c r="M207">
        <v>364613.69390000001</v>
      </c>
      <c r="N207">
        <v>107559.36169999999</v>
      </c>
      <c r="O207">
        <v>31926.97048</v>
      </c>
      <c r="P207">
        <v>38612.304409999997</v>
      </c>
      <c r="Q207">
        <v>96051.893429999996</v>
      </c>
      <c r="R207">
        <v>31562.7048</v>
      </c>
      <c r="S207">
        <v>128267.94190000001</v>
      </c>
      <c r="T207">
        <v>42746.441319999998</v>
      </c>
      <c r="U207">
        <v>28191.44499</v>
      </c>
      <c r="W207" s="83">
        <f>Bühler!N239</f>
        <v>45300.541666666169</v>
      </c>
      <c r="X207" s="83">
        <v>43109.541666666664</v>
      </c>
      <c r="Y207">
        <v>290947.61440000002</v>
      </c>
      <c r="Z207">
        <v>39310.725409999999</v>
      </c>
      <c r="AA207">
        <v>90894.342650000006</v>
      </c>
      <c r="AB207">
        <v>101567.5901</v>
      </c>
      <c r="AC207">
        <v>61381.631840000002</v>
      </c>
      <c r="AD207">
        <v>49999.677759999999</v>
      </c>
      <c r="AE207">
        <v>45299.171999999999</v>
      </c>
      <c r="AF207">
        <v>65247.441630000001</v>
      </c>
      <c r="AG207">
        <v>35542.349770000001</v>
      </c>
      <c r="AH207">
        <v>364613.69390000001</v>
      </c>
      <c r="AI207">
        <v>107559.36169999999</v>
      </c>
      <c r="AJ207">
        <v>31926.97048</v>
      </c>
      <c r="AK207">
        <v>38612.304409999997</v>
      </c>
      <c r="AL207">
        <v>96051.893429999996</v>
      </c>
      <c r="AM207">
        <v>31562.7048</v>
      </c>
      <c r="AN207">
        <v>128267.94190000001</v>
      </c>
      <c r="AO207">
        <v>42746.441319999998</v>
      </c>
      <c r="AP207">
        <v>28191.44499</v>
      </c>
    </row>
    <row r="208" spans="2:42" x14ac:dyDescent="0.3">
      <c r="B208">
        <v>71.535074655431828</v>
      </c>
      <c r="C208" s="83">
        <v>43109.583333333336</v>
      </c>
      <c r="D208">
        <v>296490.09179999999</v>
      </c>
      <c r="E208">
        <v>42064.77491</v>
      </c>
      <c r="F208">
        <v>98280.326249999998</v>
      </c>
      <c r="G208">
        <v>96638.267380000005</v>
      </c>
      <c r="H208">
        <v>60664.189160000002</v>
      </c>
      <c r="I208">
        <v>48718.221409999998</v>
      </c>
      <c r="J208">
        <v>44622.790630000003</v>
      </c>
      <c r="K208">
        <v>66550.576000000001</v>
      </c>
      <c r="L208">
        <v>32866.89688</v>
      </c>
      <c r="M208">
        <v>364719.1704</v>
      </c>
      <c r="N208">
        <v>109729.52</v>
      </c>
      <c r="O208">
        <v>32240.30185</v>
      </c>
      <c r="P208">
        <v>35196.775629999996</v>
      </c>
      <c r="Q208">
        <v>95160.731450000007</v>
      </c>
      <c r="R208">
        <v>29702.053250000001</v>
      </c>
      <c r="S208">
        <v>119076.7548</v>
      </c>
      <c r="T208">
        <v>42052.412689999997</v>
      </c>
      <c r="U208">
        <v>29024.55071</v>
      </c>
      <c r="W208" s="83">
        <f>Bühler!N240</f>
        <v>45300.583333332834</v>
      </c>
      <c r="X208" s="83">
        <v>43109.583333333336</v>
      </c>
      <c r="Y208">
        <v>296490.09179999999</v>
      </c>
      <c r="Z208">
        <v>42064.77491</v>
      </c>
      <c r="AA208">
        <v>98280.326249999998</v>
      </c>
      <c r="AB208">
        <v>96638.267380000005</v>
      </c>
      <c r="AC208">
        <v>60664.189160000002</v>
      </c>
      <c r="AD208">
        <v>48718.221409999998</v>
      </c>
      <c r="AE208">
        <v>44622.790630000003</v>
      </c>
      <c r="AF208">
        <v>66550.576000000001</v>
      </c>
      <c r="AG208">
        <v>32866.89688</v>
      </c>
      <c r="AH208">
        <v>364719.1704</v>
      </c>
      <c r="AI208">
        <v>109729.52</v>
      </c>
      <c r="AJ208">
        <v>32240.30185</v>
      </c>
      <c r="AK208">
        <v>35196.775629999996</v>
      </c>
      <c r="AL208">
        <v>95160.731450000007</v>
      </c>
      <c r="AM208">
        <v>29702.053250000001</v>
      </c>
      <c r="AN208">
        <v>119076.7548</v>
      </c>
      <c r="AO208">
        <v>42052.412689999997</v>
      </c>
      <c r="AP208">
        <v>29024.55071</v>
      </c>
    </row>
    <row r="209" spans="2:42" x14ac:dyDescent="0.3">
      <c r="B209">
        <v>70.085363584638543</v>
      </c>
      <c r="C209" s="83">
        <v>43109.625</v>
      </c>
      <c r="D209">
        <v>293781.02260000003</v>
      </c>
      <c r="E209">
        <v>41558.216910000003</v>
      </c>
      <c r="F209">
        <v>98864.096959999995</v>
      </c>
      <c r="G209">
        <v>92324.326100000006</v>
      </c>
      <c r="H209">
        <v>59762.142370000001</v>
      </c>
      <c r="I209">
        <v>47447.928189999999</v>
      </c>
      <c r="J209">
        <v>44593.180849999997</v>
      </c>
      <c r="K209">
        <v>66145.619380000004</v>
      </c>
      <c r="L209">
        <v>29880.261429999999</v>
      </c>
      <c r="M209">
        <v>357327.86729999998</v>
      </c>
      <c r="N209">
        <v>106580.6119</v>
      </c>
      <c r="O209">
        <v>31634.10097</v>
      </c>
      <c r="P209">
        <v>33612.900999999998</v>
      </c>
      <c r="Q209">
        <v>94802.0484</v>
      </c>
      <c r="R209">
        <v>28792.067319999998</v>
      </c>
      <c r="S209">
        <v>119668.27069999999</v>
      </c>
      <c r="T209">
        <v>41355.438470000001</v>
      </c>
      <c r="U209">
        <v>27294.846409999998</v>
      </c>
      <c r="W209" s="83">
        <f>Bühler!N241</f>
        <v>45300.624999999498</v>
      </c>
      <c r="X209" s="83">
        <v>43109.625</v>
      </c>
      <c r="Y209">
        <v>293781.02260000003</v>
      </c>
      <c r="Z209">
        <v>41558.216910000003</v>
      </c>
      <c r="AA209">
        <v>98864.096959999995</v>
      </c>
      <c r="AB209">
        <v>92324.326100000006</v>
      </c>
      <c r="AC209">
        <v>59762.142370000001</v>
      </c>
      <c r="AD209">
        <v>47447.928189999999</v>
      </c>
      <c r="AE209">
        <v>44593.180849999997</v>
      </c>
      <c r="AF209">
        <v>66145.619380000004</v>
      </c>
      <c r="AG209">
        <v>29880.261429999999</v>
      </c>
      <c r="AH209">
        <v>357327.86729999998</v>
      </c>
      <c r="AI209">
        <v>106580.6119</v>
      </c>
      <c r="AJ209">
        <v>31634.10097</v>
      </c>
      <c r="AK209">
        <v>33612.900999999998</v>
      </c>
      <c r="AL209">
        <v>94802.0484</v>
      </c>
      <c r="AM209">
        <v>28792.067319999998</v>
      </c>
      <c r="AN209">
        <v>119668.27069999999</v>
      </c>
      <c r="AO209">
        <v>41355.438470000001</v>
      </c>
      <c r="AP209">
        <v>27294.846409999998</v>
      </c>
    </row>
    <row r="210" spans="2:42" x14ac:dyDescent="0.3">
      <c r="B210">
        <v>69.436533901724303</v>
      </c>
      <c r="C210" s="83">
        <v>43109.666666666664</v>
      </c>
      <c r="D210">
        <v>287327.78399999999</v>
      </c>
      <c r="E210">
        <v>40831.462800000001</v>
      </c>
      <c r="F210">
        <v>98694.173030000005</v>
      </c>
      <c r="G210">
        <v>87996.759709999998</v>
      </c>
      <c r="H210">
        <v>58081.149830000002</v>
      </c>
      <c r="I210">
        <v>49410.960420000003</v>
      </c>
      <c r="J210">
        <v>44029.127659999998</v>
      </c>
      <c r="K210">
        <v>62459.878909999999</v>
      </c>
      <c r="L210">
        <v>29161.888370000001</v>
      </c>
      <c r="M210">
        <v>354019.83100000001</v>
      </c>
      <c r="N210">
        <v>101482.9329</v>
      </c>
      <c r="O210">
        <v>31520.743330000001</v>
      </c>
      <c r="P210">
        <v>34386.715810000002</v>
      </c>
      <c r="Q210">
        <v>93854.832509999993</v>
      </c>
      <c r="R210">
        <v>28660.872619999998</v>
      </c>
      <c r="S210">
        <v>119149.20170000001</v>
      </c>
      <c r="T210">
        <v>40735.794399999999</v>
      </c>
      <c r="U210">
        <v>26419.172699999999</v>
      </c>
      <c r="W210" s="83">
        <f>Bühler!N242</f>
        <v>45300.666666666162</v>
      </c>
      <c r="X210" s="83">
        <v>43109.666666666664</v>
      </c>
      <c r="Y210">
        <v>287327.78399999999</v>
      </c>
      <c r="Z210">
        <v>40831.462800000001</v>
      </c>
      <c r="AA210">
        <v>98694.173030000005</v>
      </c>
      <c r="AB210">
        <v>87996.759709999998</v>
      </c>
      <c r="AC210">
        <v>58081.149830000002</v>
      </c>
      <c r="AD210">
        <v>49410.960420000003</v>
      </c>
      <c r="AE210">
        <v>44029.127659999998</v>
      </c>
      <c r="AF210">
        <v>62459.878909999999</v>
      </c>
      <c r="AG210">
        <v>29161.888370000001</v>
      </c>
      <c r="AH210">
        <v>354019.83100000001</v>
      </c>
      <c r="AI210">
        <v>101482.9329</v>
      </c>
      <c r="AJ210">
        <v>31520.743330000001</v>
      </c>
      <c r="AK210">
        <v>34386.715810000002</v>
      </c>
      <c r="AL210">
        <v>93854.832509999993</v>
      </c>
      <c r="AM210">
        <v>28660.872619999998</v>
      </c>
      <c r="AN210">
        <v>119149.20170000001</v>
      </c>
      <c r="AO210">
        <v>40735.794399999999</v>
      </c>
      <c r="AP210">
        <v>26419.172699999999</v>
      </c>
    </row>
    <row r="211" spans="2:42" x14ac:dyDescent="0.3">
      <c r="B211">
        <v>68.729960226743785</v>
      </c>
      <c r="C211" s="83">
        <v>43109.708333333336</v>
      </c>
      <c r="D211">
        <v>278061.0797</v>
      </c>
      <c r="E211">
        <v>39374.222029999997</v>
      </c>
      <c r="F211">
        <v>100673.4852</v>
      </c>
      <c r="G211">
        <v>80055.234819999998</v>
      </c>
      <c r="H211">
        <v>57070.496149999999</v>
      </c>
      <c r="I211">
        <v>48222.092850000001</v>
      </c>
      <c r="J211">
        <v>45422.712010000003</v>
      </c>
      <c r="K211">
        <v>57037.363770000004</v>
      </c>
      <c r="L211">
        <v>29748.345679999999</v>
      </c>
      <c r="M211">
        <v>350417.38890000002</v>
      </c>
      <c r="N211">
        <v>97348.812980000002</v>
      </c>
      <c r="O211">
        <v>31031.075799999999</v>
      </c>
      <c r="P211">
        <v>37031.197840000001</v>
      </c>
      <c r="Q211">
        <v>92399.639779999998</v>
      </c>
      <c r="R211">
        <v>28078.480889999999</v>
      </c>
      <c r="S211">
        <v>118181.5475</v>
      </c>
      <c r="T211">
        <v>41400.32202</v>
      </c>
      <c r="U211">
        <v>24755.19599</v>
      </c>
      <c r="W211" s="83">
        <f>Bühler!N243</f>
        <v>45300.708333332826</v>
      </c>
      <c r="X211" s="83">
        <v>43109.708333333336</v>
      </c>
      <c r="Y211">
        <v>278061.0797</v>
      </c>
      <c r="Z211">
        <v>39374.222029999997</v>
      </c>
      <c r="AA211">
        <v>100673.4852</v>
      </c>
      <c r="AB211">
        <v>80055.234819999998</v>
      </c>
      <c r="AC211">
        <v>57070.496149999999</v>
      </c>
      <c r="AD211">
        <v>48222.092850000001</v>
      </c>
      <c r="AE211">
        <v>45422.712010000003</v>
      </c>
      <c r="AF211">
        <v>57037.363770000004</v>
      </c>
      <c r="AG211">
        <v>29748.345679999999</v>
      </c>
      <c r="AH211">
        <v>350417.38890000002</v>
      </c>
      <c r="AI211">
        <v>97348.812980000002</v>
      </c>
      <c r="AJ211">
        <v>31031.075799999999</v>
      </c>
      <c r="AK211">
        <v>37031.197840000001</v>
      </c>
      <c r="AL211">
        <v>92399.639779999998</v>
      </c>
      <c r="AM211">
        <v>28078.480889999999</v>
      </c>
      <c r="AN211">
        <v>118181.5475</v>
      </c>
      <c r="AO211">
        <v>41400.32202</v>
      </c>
      <c r="AP211">
        <v>24755.19599</v>
      </c>
    </row>
    <row r="212" spans="2:42" x14ac:dyDescent="0.3">
      <c r="B212">
        <v>67.564615630642933</v>
      </c>
      <c r="C212" s="83">
        <v>43109.75</v>
      </c>
      <c r="D212">
        <v>269695.80699999997</v>
      </c>
      <c r="E212">
        <v>35857.936759999997</v>
      </c>
      <c r="F212">
        <v>97394.721569999994</v>
      </c>
      <c r="G212">
        <v>69797.708230000004</v>
      </c>
      <c r="H212">
        <v>53868.608070000002</v>
      </c>
      <c r="I212">
        <v>47262.744930000001</v>
      </c>
      <c r="J212">
        <v>46505.123140000003</v>
      </c>
      <c r="K212">
        <v>49575.8367</v>
      </c>
      <c r="L212">
        <v>31236.13552</v>
      </c>
      <c r="M212">
        <v>344475.91869999998</v>
      </c>
      <c r="N212">
        <v>94376.160149999996</v>
      </c>
      <c r="O212">
        <v>29616.209599999998</v>
      </c>
      <c r="P212">
        <v>40263.263630000001</v>
      </c>
      <c r="Q212">
        <v>91885.708859999999</v>
      </c>
      <c r="R212">
        <v>25502.25936</v>
      </c>
      <c r="S212">
        <v>112879.3756</v>
      </c>
      <c r="T212">
        <v>40586.982530000001</v>
      </c>
      <c r="U212">
        <v>23593.93433</v>
      </c>
      <c r="W212" s="83">
        <f>Bühler!N244</f>
        <v>45300.749999999491</v>
      </c>
      <c r="X212" s="83">
        <v>43109.75</v>
      </c>
      <c r="Y212">
        <v>269695.80699999997</v>
      </c>
      <c r="Z212">
        <v>35857.936759999997</v>
      </c>
      <c r="AA212">
        <v>97394.721569999994</v>
      </c>
      <c r="AB212">
        <v>69797.708230000004</v>
      </c>
      <c r="AC212">
        <v>53868.608070000002</v>
      </c>
      <c r="AD212">
        <v>47262.744930000001</v>
      </c>
      <c r="AE212">
        <v>46505.123140000003</v>
      </c>
      <c r="AF212">
        <v>49575.8367</v>
      </c>
      <c r="AG212">
        <v>31236.13552</v>
      </c>
      <c r="AH212">
        <v>344475.91869999998</v>
      </c>
      <c r="AI212">
        <v>94376.160149999996</v>
      </c>
      <c r="AJ212">
        <v>29616.209599999998</v>
      </c>
      <c r="AK212">
        <v>40263.263630000001</v>
      </c>
      <c r="AL212">
        <v>91885.708859999999</v>
      </c>
      <c r="AM212">
        <v>25502.25936</v>
      </c>
      <c r="AN212">
        <v>112879.3756</v>
      </c>
      <c r="AO212">
        <v>40586.982530000001</v>
      </c>
      <c r="AP212">
        <v>23593.93433</v>
      </c>
    </row>
    <row r="213" spans="2:42" x14ac:dyDescent="0.3">
      <c r="B213">
        <v>66.899621204358368</v>
      </c>
      <c r="C213" s="83">
        <v>43109.791666666664</v>
      </c>
      <c r="D213">
        <v>263810.0699</v>
      </c>
      <c r="E213">
        <v>30120.286540000001</v>
      </c>
      <c r="F213">
        <v>83630.689069999993</v>
      </c>
      <c r="G213">
        <v>61615.390650000001</v>
      </c>
      <c r="H213">
        <v>51136.259189999997</v>
      </c>
      <c r="I213">
        <v>43319.962249999997</v>
      </c>
      <c r="J213">
        <v>45377.882409999998</v>
      </c>
      <c r="K213">
        <v>49031.907599999999</v>
      </c>
      <c r="L213">
        <v>31235.974760000001</v>
      </c>
      <c r="M213">
        <v>341085.467</v>
      </c>
      <c r="N213">
        <v>92643.977129999999</v>
      </c>
      <c r="O213">
        <v>27837.673709999999</v>
      </c>
      <c r="P213">
        <v>42409.916649999999</v>
      </c>
      <c r="Q213">
        <v>90263.823569999993</v>
      </c>
      <c r="R213">
        <v>24057.036970000001</v>
      </c>
      <c r="S213">
        <v>106021.5445</v>
      </c>
      <c r="T213">
        <v>40437.457970000003</v>
      </c>
      <c r="U213">
        <v>21691.689829999999</v>
      </c>
      <c r="W213" s="83">
        <f>Bühler!N245</f>
        <v>45300.791666666155</v>
      </c>
      <c r="X213" s="83">
        <v>43109.791666666664</v>
      </c>
      <c r="Y213">
        <v>263810.0699</v>
      </c>
      <c r="Z213">
        <v>30120.286540000001</v>
      </c>
      <c r="AA213">
        <v>83630.689069999993</v>
      </c>
      <c r="AB213">
        <v>61615.390650000001</v>
      </c>
      <c r="AC213">
        <v>51136.259189999997</v>
      </c>
      <c r="AD213">
        <v>43319.962249999997</v>
      </c>
      <c r="AE213">
        <v>45377.882409999998</v>
      </c>
      <c r="AF213">
        <v>49031.907599999999</v>
      </c>
      <c r="AG213">
        <v>31235.974760000001</v>
      </c>
      <c r="AH213">
        <v>341085.467</v>
      </c>
      <c r="AI213">
        <v>92643.977129999999</v>
      </c>
      <c r="AJ213">
        <v>27837.673709999999</v>
      </c>
      <c r="AK213">
        <v>42409.916649999999</v>
      </c>
      <c r="AL213">
        <v>90263.823569999993</v>
      </c>
      <c r="AM213">
        <v>24057.036970000001</v>
      </c>
      <c r="AN213">
        <v>106021.5445</v>
      </c>
      <c r="AO213">
        <v>40437.457970000003</v>
      </c>
      <c r="AP213">
        <v>21691.689829999999</v>
      </c>
    </row>
    <row r="214" spans="2:42" x14ac:dyDescent="0.3">
      <c r="B214">
        <v>65.886694658682828</v>
      </c>
      <c r="C214" s="83">
        <v>43109.833333333336</v>
      </c>
      <c r="D214">
        <v>254465.2199</v>
      </c>
      <c r="E214">
        <v>23897.615259999999</v>
      </c>
      <c r="F214">
        <v>65257.550210000001</v>
      </c>
      <c r="G214">
        <v>53592.556689999998</v>
      </c>
      <c r="H214">
        <v>47929.656009999999</v>
      </c>
      <c r="I214">
        <v>38563.211309999999</v>
      </c>
      <c r="J214">
        <v>43780.006759999997</v>
      </c>
      <c r="K214">
        <v>55633.827230000003</v>
      </c>
      <c r="L214">
        <v>30376.3596</v>
      </c>
      <c r="M214">
        <v>335921.09509999998</v>
      </c>
      <c r="N214">
        <v>91104.220409999994</v>
      </c>
      <c r="O214">
        <v>26272.86176</v>
      </c>
      <c r="P214">
        <v>41348.167170000001</v>
      </c>
      <c r="Q214">
        <v>87309.314849999995</v>
      </c>
      <c r="R214">
        <v>25043.378540000002</v>
      </c>
      <c r="S214">
        <v>95760.207939999993</v>
      </c>
      <c r="T214">
        <v>38677.49942</v>
      </c>
      <c r="U214">
        <v>20221.1387</v>
      </c>
      <c r="W214" s="83">
        <f>Bühler!N246</f>
        <v>45300.833333332819</v>
      </c>
      <c r="X214" s="83">
        <v>43109.833333333336</v>
      </c>
      <c r="Y214">
        <v>254465.2199</v>
      </c>
      <c r="Z214">
        <v>23897.615259999999</v>
      </c>
      <c r="AA214">
        <v>65257.550210000001</v>
      </c>
      <c r="AB214">
        <v>53592.556689999998</v>
      </c>
      <c r="AC214">
        <v>47929.656009999999</v>
      </c>
      <c r="AD214">
        <v>38563.211309999999</v>
      </c>
      <c r="AE214">
        <v>43780.006759999997</v>
      </c>
      <c r="AF214">
        <v>55633.827230000003</v>
      </c>
      <c r="AG214">
        <v>30376.3596</v>
      </c>
      <c r="AH214">
        <v>335921.09509999998</v>
      </c>
      <c r="AI214">
        <v>91104.220409999994</v>
      </c>
      <c r="AJ214">
        <v>26272.86176</v>
      </c>
      <c r="AK214">
        <v>41348.167170000001</v>
      </c>
      <c r="AL214">
        <v>87309.314849999995</v>
      </c>
      <c r="AM214">
        <v>25043.378540000002</v>
      </c>
      <c r="AN214">
        <v>95760.207939999993</v>
      </c>
      <c r="AO214">
        <v>38677.49942</v>
      </c>
      <c r="AP214">
        <v>20221.1387</v>
      </c>
    </row>
    <row r="215" spans="2:42" x14ac:dyDescent="0.3">
      <c r="B215">
        <v>63.525638452242781</v>
      </c>
      <c r="C215" s="83">
        <v>43109.875</v>
      </c>
      <c r="D215">
        <v>243527.03899999999</v>
      </c>
      <c r="E215">
        <v>20471.81855</v>
      </c>
      <c r="F215">
        <v>57116.84375</v>
      </c>
      <c r="G215">
        <v>50258.092779999999</v>
      </c>
      <c r="H215">
        <v>44844.911189999999</v>
      </c>
      <c r="I215">
        <v>32905.550159999999</v>
      </c>
      <c r="J215">
        <v>42226.964059999998</v>
      </c>
      <c r="K215">
        <v>55286.430769999999</v>
      </c>
      <c r="L215">
        <v>28617.74022</v>
      </c>
      <c r="M215">
        <v>323883.32949999999</v>
      </c>
      <c r="N215">
        <v>88657.305559999993</v>
      </c>
      <c r="O215">
        <v>25036.868149999998</v>
      </c>
      <c r="P215">
        <v>39602.830309999998</v>
      </c>
      <c r="Q215">
        <v>84530.461859999996</v>
      </c>
      <c r="R215">
        <v>22892.800889999999</v>
      </c>
      <c r="S215">
        <v>89299.098700000002</v>
      </c>
      <c r="T215">
        <v>35202.742769999997</v>
      </c>
      <c r="U215">
        <v>18688.086739999999</v>
      </c>
      <c r="W215" s="83">
        <f>Bühler!N247</f>
        <v>45300.874999999483</v>
      </c>
      <c r="X215" s="83">
        <v>43109.875</v>
      </c>
      <c r="Y215">
        <v>243527.03899999999</v>
      </c>
      <c r="Z215">
        <v>20471.81855</v>
      </c>
      <c r="AA215">
        <v>57116.84375</v>
      </c>
      <c r="AB215">
        <v>50258.092779999999</v>
      </c>
      <c r="AC215">
        <v>44844.911189999999</v>
      </c>
      <c r="AD215">
        <v>32905.550159999999</v>
      </c>
      <c r="AE215">
        <v>42226.964059999998</v>
      </c>
      <c r="AF215">
        <v>55286.430769999999</v>
      </c>
      <c r="AG215">
        <v>28617.74022</v>
      </c>
      <c r="AH215">
        <v>323883.32949999999</v>
      </c>
      <c r="AI215">
        <v>88657.305559999993</v>
      </c>
      <c r="AJ215">
        <v>25036.868149999998</v>
      </c>
      <c r="AK215">
        <v>39602.830309999998</v>
      </c>
      <c r="AL215">
        <v>84530.461859999996</v>
      </c>
      <c r="AM215">
        <v>22892.800889999999</v>
      </c>
      <c r="AN215">
        <v>89299.098700000002</v>
      </c>
      <c r="AO215">
        <v>35202.742769999997</v>
      </c>
      <c r="AP215">
        <v>18688.086739999999</v>
      </c>
    </row>
    <row r="216" spans="2:42" x14ac:dyDescent="0.3">
      <c r="B216">
        <v>62.969541439957226</v>
      </c>
      <c r="C216" s="83">
        <v>43109.916666666664</v>
      </c>
      <c r="D216">
        <v>243166.17199999999</v>
      </c>
      <c r="E216">
        <v>19343.462820000001</v>
      </c>
      <c r="F216">
        <v>55108.603389999997</v>
      </c>
      <c r="G216">
        <v>48239.107530000001</v>
      </c>
      <c r="H216">
        <v>43995.165829999998</v>
      </c>
      <c r="I216">
        <v>31172.966400000001</v>
      </c>
      <c r="J216">
        <v>40814.432439999997</v>
      </c>
      <c r="K216">
        <v>56373.067860000003</v>
      </c>
      <c r="L216">
        <v>25669.084709999999</v>
      </c>
      <c r="M216">
        <v>321048.08760000003</v>
      </c>
      <c r="N216">
        <v>88593.182019999993</v>
      </c>
      <c r="O216">
        <v>26137.924490000001</v>
      </c>
      <c r="P216">
        <v>40345.26554</v>
      </c>
      <c r="Q216">
        <v>83582.673630000005</v>
      </c>
      <c r="R216">
        <v>32307.860089999998</v>
      </c>
      <c r="S216">
        <v>88812.466960000005</v>
      </c>
      <c r="T216">
        <v>31477.92236</v>
      </c>
      <c r="U216">
        <v>19855.01914</v>
      </c>
      <c r="W216" s="83">
        <f>Bühler!N248</f>
        <v>45300.916666666148</v>
      </c>
      <c r="X216" s="83">
        <v>43109.916666666664</v>
      </c>
      <c r="Y216">
        <v>243166.17199999999</v>
      </c>
      <c r="Z216">
        <v>19343.462820000001</v>
      </c>
      <c r="AA216">
        <v>55108.603389999997</v>
      </c>
      <c r="AB216">
        <v>48239.107530000001</v>
      </c>
      <c r="AC216">
        <v>43995.165829999998</v>
      </c>
      <c r="AD216">
        <v>31172.966400000001</v>
      </c>
      <c r="AE216">
        <v>40814.432439999997</v>
      </c>
      <c r="AF216">
        <v>56373.067860000003</v>
      </c>
      <c r="AG216">
        <v>25669.084709999999</v>
      </c>
      <c r="AH216">
        <v>321048.08760000003</v>
      </c>
      <c r="AI216">
        <v>88593.182019999993</v>
      </c>
      <c r="AJ216">
        <v>26137.924490000001</v>
      </c>
      <c r="AK216">
        <v>40345.26554</v>
      </c>
      <c r="AL216">
        <v>83582.673630000005</v>
      </c>
      <c r="AM216">
        <v>32307.860089999998</v>
      </c>
      <c r="AN216">
        <v>88812.466960000005</v>
      </c>
      <c r="AO216">
        <v>31477.92236</v>
      </c>
      <c r="AP216">
        <v>19855.01914</v>
      </c>
    </row>
    <row r="217" spans="2:42" x14ac:dyDescent="0.3">
      <c r="B217">
        <v>62.611202818602465</v>
      </c>
      <c r="C217" s="83">
        <v>43109.958333333336</v>
      </c>
      <c r="D217">
        <v>242641.2181</v>
      </c>
      <c r="E217">
        <v>18761.1119</v>
      </c>
      <c r="F217">
        <v>53445.30472</v>
      </c>
      <c r="G217">
        <v>47385.987820000002</v>
      </c>
      <c r="H217">
        <v>43192.082759999998</v>
      </c>
      <c r="I217">
        <v>30358.6672</v>
      </c>
      <c r="J217">
        <v>38308.709439999999</v>
      </c>
      <c r="K217">
        <v>56254.113080000003</v>
      </c>
      <c r="L217">
        <v>22339.953290000001</v>
      </c>
      <c r="M217">
        <v>319221.1102</v>
      </c>
      <c r="N217">
        <v>88656.436990000002</v>
      </c>
      <c r="O217">
        <v>26278.9274</v>
      </c>
      <c r="P217">
        <v>36844.777860000002</v>
      </c>
      <c r="Q217">
        <v>83484.181299999997</v>
      </c>
      <c r="R217">
        <v>32407.564610000001</v>
      </c>
      <c r="S217">
        <v>87627.600489999997</v>
      </c>
      <c r="T217">
        <v>32759.150020000001</v>
      </c>
      <c r="U217">
        <v>19396.709439999999</v>
      </c>
      <c r="W217" s="83">
        <f>Bühler!N249</f>
        <v>45300.958333332812</v>
      </c>
      <c r="X217" s="83">
        <v>43109.958333333336</v>
      </c>
      <c r="Y217">
        <v>242641.2181</v>
      </c>
      <c r="Z217">
        <v>18761.1119</v>
      </c>
      <c r="AA217">
        <v>53445.30472</v>
      </c>
      <c r="AB217">
        <v>47385.987820000002</v>
      </c>
      <c r="AC217">
        <v>43192.082759999998</v>
      </c>
      <c r="AD217">
        <v>30358.6672</v>
      </c>
      <c r="AE217">
        <v>38308.709439999999</v>
      </c>
      <c r="AF217">
        <v>56254.113080000003</v>
      </c>
      <c r="AG217">
        <v>22339.953290000001</v>
      </c>
      <c r="AH217">
        <v>319221.1102</v>
      </c>
      <c r="AI217">
        <v>88656.436990000002</v>
      </c>
      <c r="AJ217">
        <v>26278.9274</v>
      </c>
      <c r="AK217">
        <v>36844.777860000002</v>
      </c>
      <c r="AL217">
        <v>83484.181299999997</v>
      </c>
      <c r="AM217">
        <v>32407.564610000001</v>
      </c>
      <c r="AN217">
        <v>87627.600489999997</v>
      </c>
      <c r="AO217">
        <v>32759.150020000001</v>
      </c>
      <c r="AP217">
        <v>19396.709439999999</v>
      </c>
    </row>
    <row r="218" spans="2:42" x14ac:dyDescent="0.3">
      <c r="B218">
        <v>62.274549090818581</v>
      </c>
      <c r="C218" s="83">
        <v>43110</v>
      </c>
      <c r="D218">
        <v>242334.08420000001</v>
      </c>
      <c r="E218">
        <v>18303.259849999999</v>
      </c>
      <c r="F218">
        <v>52788.415609999996</v>
      </c>
      <c r="G218">
        <v>46456.88132</v>
      </c>
      <c r="H218">
        <v>42580.722260000002</v>
      </c>
      <c r="I218">
        <v>28232.013930000001</v>
      </c>
      <c r="J218">
        <v>36686.771359999999</v>
      </c>
      <c r="K218">
        <v>53923.501080000002</v>
      </c>
      <c r="L218">
        <v>20938.602650000001</v>
      </c>
      <c r="M218">
        <v>317504.6925</v>
      </c>
      <c r="N218">
        <v>88504.260399999999</v>
      </c>
      <c r="O218">
        <v>26193.04132</v>
      </c>
      <c r="P218">
        <v>34888.349269999999</v>
      </c>
      <c r="Q218">
        <v>83243.709359999993</v>
      </c>
      <c r="R218">
        <v>31225.329570000002</v>
      </c>
      <c r="S218">
        <v>86857.755690000005</v>
      </c>
      <c r="T218">
        <v>30812.022970000002</v>
      </c>
      <c r="U218">
        <v>19290.913519999998</v>
      </c>
      <c r="W218" s="83">
        <f>Bühler!N250</f>
        <v>45300.999999999476</v>
      </c>
      <c r="X218" s="83">
        <v>43110</v>
      </c>
      <c r="Y218">
        <v>242334.08420000001</v>
      </c>
      <c r="Z218">
        <v>18303.259849999999</v>
      </c>
      <c r="AA218">
        <v>52788.415609999996</v>
      </c>
      <c r="AB218">
        <v>46456.88132</v>
      </c>
      <c r="AC218">
        <v>42580.722260000002</v>
      </c>
      <c r="AD218">
        <v>28232.013930000001</v>
      </c>
      <c r="AE218">
        <v>36686.771359999999</v>
      </c>
      <c r="AF218">
        <v>53923.501080000002</v>
      </c>
      <c r="AG218">
        <v>20938.602650000001</v>
      </c>
      <c r="AH218">
        <v>317504.6925</v>
      </c>
      <c r="AI218">
        <v>88504.260399999999</v>
      </c>
      <c r="AJ218">
        <v>26193.04132</v>
      </c>
      <c r="AK218">
        <v>34888.349269999999</v>
      </c>
      <c r="AL218">
        <v>83243.709359999993</v>
      </c>
      <c r="AM218">
        <v>31225.329570000002</v>
      </c>
      <c r="AN218">
        <v>86857.755690000005</v>
      </c>
      <c r="AO218">
        <v>30812.022970000002</v>
      </c>
      <c r="AP218">
        <v>19290.913519999998</v>
      </c>
    </row>
    <row r="219" spans="2:42" x14ac:dyDescent="0.3">
      <c r="B219">
        <v>62.152897527701249</v>
      </c>
      <c r="C219" s="83">
        <v>43110.041666666664</v>
      </c>
      <c r="D219">
        <v>239908.3075</v>
      </c>
      <c r="E219">
        <v>18240.512470000001</v>
      </c>
      <c r="F219">
        <v>53252.460570000003</v>
      </c>
      <c r="G219">
        <v>45935.708070000001</v>
      </c>
      <c r="H219">
        <v>41883.378490000003</v>
      </c>
      <c r="I219">
        <v>23529.515810000001</v>
      </c>
      <c r="J219">
        <v>35926.940260000003</v>
      </c>
      <c r="K219">
        <v>52301.83855</v>
      </c>
      <c r="L219">
        <v>20500.7853</v>
      </c>
      <c r="M219">
        <v>316884.45610000001</v>
      </c>
      <c r="N219">
        <v>88260.913759999996</v>
      </c>
      <c r="O219">
        <v>26385.933690000002</v>
      </c>
      <c r="P219">
        <v>34199.355889999999</v>
      </c>
      <c r="Q219">
        <v>83938.747700000007</v>
      </c>
      <c r="R219">
        <v>30517.653419999999</v>
      </c>
      <c r="S219">
        <v>83019.929019999996</v>
      </c>
      <c r="T219">
        <v>30435.760920000001</v>
      </c>
      <c r="U219">
        <v>19474.968970000002</v>
      </c>
      <c r="W219" s="83">
        <f>Bühler!N251</f>
        <v>45301.04166666614</v>
      </c>
      <c r="X219" s="83">
        <v>43110.041666666664</v>
      </c>
      <c r="Y219">
        <v>239908.3075</v>
      </c>
      <c r="Z219">
        <v>18240.512470000001</v>
      </c>
      <c r="AA219">
        <v>53252.460570000003</v>
      </c>
      <c r="AB219">
        <v>45935.708070000001</v>
      </c>
      <c r="AC219">
        <v>41883.378490000003</v>
      </c>
      <c r="AD219">
        <v>23529.515810000001</v>
      </c>
      <c r="AE219">
        <v>35926.940260000003</v>
      </c>
      <c r="AF219">
        <v>52301.83855</v>
      </c>
      <c r="AG219">
        <v>20500.7853</v>
      </c>
      <c r="AH219">
        <v>316884.45610000001</v>
      </c>
      <c r="AI219">
        <v>88260.913759999996</v>
      </c>
      <c r="AJ219">
        <v>26385.933690000002</v>
      </c>
      <c r="AK219">
        <v>34199.355889999999</v>
      </c>
      <c r="AL219">
        <v>83938.747700000007</v>
      </c>
      <c r="AM219">
        <v>30517.653419999999</v>
      </c>
      <c r="AN219">
        <v>83019.929019999996</v>
      </c>
      <c r="AO219">
        <v>30435.760920000001</v>
      </c>
      <c r="AP219">
        <v>19474.968970000002</v>
      </c>
    </row>
    <row r="220" spans="2:42" x14ac:dyDescent="0.3">
      <c r="B220">
        <v>62.917961399536836</v>
      </c>
      <c r="C220" s="83">
        <v>43110.083333333336</v>
      </c>
      <c r="D220">
        <v>241005.024</v>
      </c>
      <c r="E220">
        <v>18192.613369999999</v>
      </c>
      <c r="F220">
        <v>54281.618929999997</v>
      </c>
      <c r="G220">
        <v>45704.957540000003</v>
      </c>
      <c r="H220">
        <v>42142.27779</v>
      </c>
      <c r="I220">
        <v>21875.38739</v>
      </c>
      <c r="J220">
        <v>35932.034549999997</v>
      </c>
      <c r="K220">
        <v>51409.139060000001</v>
      </c>
      <c r="L220">
        <v>20133.894629999999</v>
      </c>
      <c r="M220">
        <v>320785.10849999997</v>
      </c>
      <c r="N220">
        <v>89084.611619999996</v>
      </c>
      <c r="O220">
        <v>26507.65696</v>
      </c>
      <c r="P220">
        <v>33436.336710000003</v>
      </c>
      <c r="Q220">
        <v>86132.310979999995</v>
      </c>
      <c r="R220">
        <v>30146.53457</v>
      </c>
      <c r="S220">
        <v>82304.294020000001</v>
      </c>
      <c r="T220">
        <v>30000.897389999998</v>
      </c>
      <c r="U220">
        <v>19699.668570000002</v>
      </c>
      <c r="W220" s="83">
        <f>Bühler!N252</f>
        <v>45301.083333332805</v>
      </c>
      <c r="X220" s="83">
        <v>43110.083333333336</v>
      </c>
      <c r="Y220">
        <v>241005.024</v>
      </c>
      <c r="Z220">
        <v>18192.613369999999</v>
      </c>
      <c r="AA220">
        <v>54281.618929999997</v>
      </c>
      <c r="AB220">
        <v>45704.957540000003</v>
      </c>
      <c r="AC220">
        <v>42142.27779</v>
      </c>
      <c r="AD220">
        <v>21875.38739</v>
      </c>
      <c r="AE220">
        <v>35932.034549999997</v>
      </c>
      <c r="AF220">
        <v>51409.139060000001</v>
      </c>
      <c r="AG220">
        <v>20133.894629999999</v>
      </c>
      <c r="AH220">
        <v>320785.10849999997</v>
      </c>
      <c r="AI220">
        <v>89084.611619999996</v>
      </c>
      <c r="AJ220">
        <v>26507.65696</v>
      </c>
      <c r="AK220">
        <v>33436.336710000003</v>
      </c>
      <c r="AL220">
        <v>86132.310979999995</v>
      </c>
      <c r="AM220">
        <v>30146.53457</v>
      </c>
      <c r="AN220">
        <v>82304.294020000001</v>
      </c>
      <c r="AO220">
        <v>30000.897389999998</v>
      </c>
      <c r="AP220">
        <v>19699.668570000002</v>
      </c>
    </row>
    <row r="221" spans="2:42" x14ac:dyDescent="0.3">
      <c r="B221">
        <v>62.540380756479863</v>
      </c>
      <c r="C221" s="83">
        <v>43110.125</v>
      </c>
      <c r="D221">
        <v>243660.07769999999</v>
      </c>
      <c r="E221">
        <v>18374.346699999998</v>
      </c>
      <c r="F221">
        <v>54735.445679999997</v>
      </c>
      <c r="G221">
        <v>45238.341769999999</v>
      </c>
      <c r="H221">
        <v>42401.729220000001</v>
      </c>
      <c r="I221">
        <v>21841.679520000002</v>
      </c>
      <c r="J221">
        <v>36465.040849999998</v>
      </c>
      <c r="K221">
        <v>49593.883000000002</v>
      </c>
      <c r="L221">
        <v>20119.542870000001</v>
      </c>
      <c r="M221">
        <v>318860.02630000003</v>
      </c>
      <c r="N221">
        <v>88452.177490000002</v>
      </c>
      <c r="O221">
        <v>26153.18736</v>
      </c>
      <c r="P221">
        <v>32481.924569999999</v>
      </c>
      <c r="Q221">
        <v>88370.755749999997</v>
      </c>
      <c r="R221">
        <v>30224.944869999999</v>
      </c>
      <c r="S221">
        <v>81930.722229999999</v>
      </c>
      <c r="T221">
        <v>30358.883979999999</v>
      </c>
      <c r="U221">
        <v>19934.344270000001</v>
      </c>
      <c r="W221" s="83">
        <f>Bühler!N253</f>
        <v>45301.124999999469</v>
      </c>
      <c r="X221" s="83">
        <v>43110.125</v>
      </c>
      <c r="Y221">
        <v>243660.07769999999</v>
      </c>
      <c r="Z221">
        <v>18374.346699999998</v>
      </c>
      <c r="AA221">
        <v>54735.445679999997</v>
      </c>
      <c r="AB221">
        <v>45238.341769999999</v>
      </c>
      <c r="AC221">
        <v>42401.729220000001</v>
      </c>
      <c r="AD221">
        <v>21841.679520000002</v>
      </c>
      <c r="AE221">
        <v>36465.040849999998</v>
      </c>
      <c r="AF221">
        <v>49593.883000000002</v>
      </c>
      <c r="AG221">
        <v>20119.542870000001</v>
      </c>
      <c r="AH221">
        <v>318860.02630000003</v>
      </c>
      <c r="AI221">
        <v>88452.177490000002</v>
      </c>
      <c r="AJ221">
        <v>26153.18736</v>
      </c>
      <c r="AK221">
        <v>32481.924569999999</v>
      </c>
      <c r="AL221">
        <v>88370.755749999997</v>
      </c>
      <c r="AM221">
        <v>30224.944869999999</v>
      </c>
      <c r="AN221">
        <v>81930.722229999999</v>
      </c>
      <c r="AO221">
        <v>30358.883979999999</v>
      </c>
      <c r="AP221">
        <v>19934.344270000001</v>
      </c>
    </row>
    <row r="222" spans="2:42" x14ac:dyDescent="0.3">
      <c r="B222">
        <v>63.559014724358114</v>
      </c>
      <c r="C222" s="83">
        <v>43110.166666666664</v>
      </c>
      <c r="D222">
        <v>246531.71340000001</v>
      </c>
      <c r="E222">
        <v>18928.211589999999</v>
      </c>
      <c r="F222">
        <v>58216.408739999999</v>
      </c>
      <c r="G222">
        <v>45361.076809999999</v>
      </c>
      <c r="H222">
        <v>43360.616699999999</v>
      </c>
      <c r="I222">
        <v>24804.1165</v>
      </c>
      <c r="J222">
        <v>39206.136570000002</v>
      </c>
      <c r="K222">
        <v>48366.603479999998</v>
      </c>
      <c r="L222">
        <v>20237.667549999998</v>
      </c>
      <c r="M222">
        <v>324053.49729999999</v>
      </c>
      <c r="N222">
        <v>87278.832339999994</v>
      </c>
      <c r="O222">
        <v>26558.25044</v>
      </c>
      <c r="P222">
        <v>31975.145560000001</v>
      </c>
      <c r="Q222">
        <v>92608.9185</v>
      </c>
      <c r="R222">
        <v>30384.446919999998</v>
      </c>
      <c r="S222">
        <v>82467.570810000005</v>
      </c>
      <c r="T222">
        <v>30820.070469999999</v>
      </c>
      <c r="U222">
        <v>20546.196499999998</v>
      </c>
      <c r="W222" s="83">
        <f>Bühler!N254</f>
        <v>45301.166666666133</v>
      </c>
      <c r="X222" s="83">
        <v>43110.166666666664</v>
      </c>
      <c r="Y222">
        <v>246531.71340000001</v>
      </c>
      <c r="Z222">
        <v>18928.211589999999</v>
      </c>
      <c r="AA222">
        <v>58216.408739999999</v>
      </c>
      <c r="AB222">
        <v>45361.076809999999</v>
      </c>
      <c r="AC222">
        <v>43360.616699999999</v>
      </c>
      <c r="AD222">
        <v>24804.1165</v>
      </c>
      <c r="AE222">
        <v>39206.136570000002</v>
      </c>
      <c r="AF222">
        <v>48366.603479999998</v>
      </c>
      <c r="AG222">
        <v>20237.667549999998</v>
      </c>
      <c r="AH222">
        <v>324053.49729999999</v>
      </c>
      <c r="AI222">
        <v>87278.832339999994</v>
      </c>
      <c r="AJ222">
        <v>26558.25044</v>
      </c>
      <c r="AK222">
        <v>31975.145560000001</v>
      </c>
      <c r="AL222">
        <v>92608.9185</v>
      </c>
      <c r="AM222">
        <v>30384.446919999998</v>
      </c>
      <c r="AN222">
        <v>82467.570810000005</v>
      </c>
      <c r="AO222">
        <v>30820.070469999999</v>
      </c>
      <c r="AP222">
        <v>20546.196499999998</v>
      </c>
    </row>
    <row r="223" spans="2:42" x14ac:dyDescent="0.3">
      <c r="B223">
        <v>66.774635011009167</v>
      </c>
      <c r="C223" s="83">
        <v>43110.208333333336</v>
      </c>
      <c r="D223">
        <v>260054.726</v>
      </c>
      <c r="E223">
        <v>21585.101429999999</v>
      </c>
      <c r="F223">
        <v>69355.824909999996</v>
      </c>
      <c r="G223">
        <v>48272.81076</v>
      </c>
      <c r="H223">
        <v>45216.260410000003</v>
      </c>
      <c r="I223">
        <v>33139.184569999998</v>
      </c>
      <c r="J223">
        <v>41707.486709999997</v>
      </c>
      <c r="K223">
        <v>48355.965689999997</v>
      </c>
      <c r="L223">
        <v>21140.829109999999</v>
      </c>
      <c r="M223">
        <v>340448.2291</v>
      </c>
      <c r="N223">
        <v>88808.807549999998</v>
      </c>
      <c r="O223">
        <v>27326.689109999999</v>
      </c>
      <c r="P223">
        <v>33143.989840000002</v>
      </c>
      <c r="Q223">
        <v>94785.891210000002</v>
      </c>
      <c r="R223">
        <v>30818.43447</v>
      </c>
      <c r="S223">
        <v>85255.984840000005</v>
      </c>
      <c r="T223">
        <v>32306.226350000001</v>
      </c>
      <c r="U223">
        <v>22207.404979999999</v>
      </c>
      <c r="W223" s="83">
        <f>Bühler!N255</f>
        <v>45301.208333332797</v>
      </c>
      <c r="X223" s="83">
        <v>43110.208333333336</v>
      </c>
      <c r="Y223">
        <v>260054.726</v>
      </c>
      <c r="Z223">
        <v>21585.101429999999</v>
      </c>
      <c r="AA223">
        <v>69355.824909999996</v>
      </c>
      <c r="AB223">
        <v>48272.81076</v>
      </c>
      <c r="AC223">
        <v>45216.260410000003</v>
      </c>
      <c r="AD223">
        <v>33139.184569999998</v>
      </c>
      <c r="AE223">
        <v>41707.486709999997</v>
      </c>
      <c r="AF223">
        <v>48355.965689999997</v>
      </c>
      <c r="AG223">
        <v>21140.829109999999</v>
      </c>
      <c r="AH223">
        <v>340448.2291</v>
      </c>
      <c r="AI223">
        <v>88808.807549999998</v>
      </c>
      <c r="AJ223">
        <v>27326.689109999999</v>
      </c>
      <c r="AK223">
        <v>33143.989840000002</v>
      </c>
      <c r="AL223">
        <v>94785.891210000002</v>
      </c>
      <c r="AM223">
        <v>30818.43447</v>
      </c>
      <c r="AN223">
        <v>85255.984840000005</v>
      </c>
      <c r="AO223">
        <v>32306.226350000001</v>
      </c>
      <c r="AP223">
        <v>22207.404979999999</v>
      </c>
    </row>
    <row r="224" spans="2:42" x14ac:dyDescent="0.3">
      <c r="B224">
        <v>70.524128979947974</v>
      </c>
      <c r="C224" s="83">
        <v>43110.25</v>
      </c>
      <c r="D224">
        <v>275301.48830000003</v>
      </c>
      <c r="E224">
        <v>25592.246660000001</v>
      </c>
      <c r="F224">
        <v>82781.064199999993</v>
      </c>
      <c r="G224">
        <v>60274.520909999999</v>
      </c>
      <c r="H224">
        <v>49283.854800000001</v>
      </c>
      <c r="I224">
        <v>42452.683579999997</v>
      </c>
      <c r="J224">
        <v>45068.09964</v>
      </c>
      <c r="K224">
        <v>50063.288460000003</v>
      </c>
      <c r="L224">
        <v>22839.784459999999</v>
      </c>
      <c r="M224">
        <v>359564.89789999998</v>
      </c>
      <c r="N224">
        <v>91531.466029999996</v>
      </c>
      <c r="O224">
        <v>28422.692340000001</v>
      </c>
      <c r="P224">
        <v>33024.91014</v>
      </c>
      <c r="Q224">
        <v>96457.644</v>
      </c>
      <c r="R224">
        <v>24398.167519999999</v>
      </c>
      <c r="S224">
        <v>95782.240439999994</v>
      </c>
      <c r="T224">
        <v>35244.983970000001</v>
      </c>
      <c r="U224">
        <v>23304.044030000001</v>
      </c>
      <c r="W224" s="83">
        <f>Bühler!N256</f>
        <v>45301.249999999462</v>
      </c>
      <c r="X224" s="83">
        <v>43110.25</v>
      </c>
      <c r="Y224">
        <v>275301.48830000003</v>
      </c>
      <c r="Z224">
        <v>25592.246660000001</v>
      </c>
      <c r="AA224">
        <v>82781.064199999993</v>
      </c>
      <c r="AB224">
        <v>60274.520909999999</v>
      </c>
      <c r="AC224">
        <v>49283.854800000001</v>
      </c>
      <c r="AD224">
        <v>42452.683579999997</v>
      </c>
      <c r="AE224">
        <v>45068.09964</v>
      </c>
      <c r="AF224">
        <v>50063.288460000003</v>
      </c>
      <c r="AG224">
        <v>22839.784459999999</v>
      </c>
      <c r="AH224">
        <v>359564.89789999998</v>
      </c>
      <c r="AI224">
        <v>91531.466029999996</v>
      </c>
      <c r="AJ224">
        <v>28422.692340000001</v>
      </c>
      <c r="AK224">
        <v>33024.91014</v>
      </c>
      <c r="AL224">
        <v>96457.644</v>
      </c>
      <c r="AM224">
        <v>24398.167519999999</v>
      </c>
      <c r="AN224">
        <v>95782.240439999994</v>
      </c>
      <c r="AO224">
        <v>35244.983970000001</v>
      </c>
      <c r="AP224">
        <v>23304.044030000001</v>
      </c>
    </row>
    <row r="225" spans="2:42" x14ac:dyDescent="0.3">
      <c r="B225">
        <v>72.290420781444084</v>
      </c>
      <c r="C225" s="83">
        <v>43110.291666666664</v>
      </c>
      <c r="D225">
        <v>292120.88679999998</v>
      </c>
      <c r="E225">
        <v>31529.76138</v>
      </c>
      <c r="F225">
        <v>87016.493799999997</v>
      </c>
      <c r="G225">
        <v>77533.140509999997</v>
      </c>
      <c r="H225">
        <v>56206.997730000003</v>
      </c>
      <c r="I225">
        <v>50870.585449999999</v>
      </c>
      <c r="J225">
        <v>47761.819210000001</v>
      </c>
      <c r="K225">
        <v>56001.015290000003</v>
      </c>
      <c r="L225">
        <v>25650.22335</v>
      </c>
      <c r="M225">
        <v>368570.27720000001</v>
      </c>
      <c r="N225">
        <v>97830.798920000001</v>
      </c>
      <c r="O225">
        <v>31340.268629999999</v>
      </c>
      <c r="P225">
        <v>36033.245369999997</v>
      </c>
      <c r="Q225">
        <v>97417.465469999996</v>
      </c>
      <c r="R225">
        <v>26902.223320000001</v>
      </c>
      <c r="S225">
        <v>109486.0579</v>
      </c>
      <c r="T225">
        <v>36649.292659999999</v>
      </c>
      <c r="U225">
        <v>27906.613799999999</v>
      </c>
      <c r="W225" s="83">
        <f>Bühler!N257</f>
        <v>45301.291666666126</v>
      </c>
      <c r="X225" s="83">
        <v>43110.291666666664</v>
      </c>
      <c r="Y225">
        <v>292120.88679999998</v>
      </c>
      <c r="Z225">
        <v>31529.76138</v>
      </c>
      <c r="AA225">
        <v>87016.493799999997</v>
      </c>
      <c r="AB225">
        <v>77533.140509999997</v>
      </c>
      <c r="AC225">
        <v>56206.997730000003</v>
      </c>
      <c r="AD225">
        <v>50870.585449999999</v>
      </c>
      <c r="AE225">
        <v>47761.819210000001</v>
      </c>
      <c r="AF225">
        <v>56001.015290000003</v>
      </c>
      <c r="AG225">
        <v>25650.22335</v>
      </c>
      <c r="AH225">
        <v>368570.27720000001</v>
      </c>
      <c r="AI225">
        <v>97830.798920000001</v>
      </c>
      <c r="AJ225">
        <v>31340.268629999999</v>
      </c>
      <c r="AK225">
        <v>36033.245369999997</v>
      </c>
      <c r="AL225">
        <v>97417.465469999996</v>
      </c>
      <c r="AM225">
        <v>26902.223320000001</v>
      </c>
      <c r="AN225">
        <v>109486.0579</v>
      </c>
      <c r="AO225">
        <v>36649.292659999999</v>
      </c>
      <c r="AP225">
        <v>27906.613799999999</v>
      </c>
    </row>
    <row r="226" spans="2:42" x14ac:dyDescent="0.3">
      <c r="B226">
        <v>73.240559955677</v>
      </c>
      <c r="C226" s="83">
        <v>43110.333333333336</v>
      </c>
      <c r="D226">
        <v>306136.0673</v>
      </c>
      <c r="E226">
        <v>39323.287380000002</v>
      </c>
      <c r="F226">
        <v>95297.232340000002</v>
      </c>
      <c r="G226">
        <v>95747.015849999996</v>
      </c>
      <c r="H226">
        <v>62064.414499999999</v>
      </c>
      <c r="I226">
        <v>55346.070019999999</v>
      </c>
      <c r="J226">
        <v>49184.630069999999</v>
      </c>
      <c r="K226">
        <v>61197.707309999998</v>
      </c>
      <c r="L226">
        <v>28591.10943</v>
      </c>
      <c r="M226">
        <v>373414.52980000002</v>
      </c>
      <c r="N226">
        <v>103404.2451</v>
      </c>
      <c r="O226">
        <v>33467.151570000002</v>
      </c>
      <c r="P226">
        <v>38493.387940000001</v>
      </c>
      <c r="Q226">
        <v>97962.344819999998</v>
      </c>
      <c r="R226">
        <v>28757.94817</v>
      </c>
      <c r="S226">
        <v>125230.4472</v>
      </c>
      <c r="T226">
        <v>41022.094250000002</v>
      </c>
      <c r="U226">
        <v>31631.91646</v>
      </c>
      <c r="W226" s="83">
        <f>Bühler!N258</f>
        <v>45301.33333333279</v>
      </c>
      <c r="X226" s="83">
        <v>43110.333333333336</v>
      </c>
      <c r="Y226">
        <v>306136.0673</v>
      </c>
      <c r="Z226">
        <v>39323.287380000002</v>
      </c>
      <c r="AA226">
        <v>95297.232340000002</v>
      </c>
      <c r="AB226">
        <v>95747.015849999996</v>
      </c>
      <c r="AC226">
        <v>62064.414499999999</v>
      </c>
      <c r="AD226">
        <v>55346.070019999999</v>
      </c>
      <c r="AE226">
        <v>49184.630069999999</v>
      </c>
      <c r="AF226">
        <v>61197.707309999998</v>
      </c>
      <c r="AG226">
        <v>28591.10943</v>
      </c>
      <c r="AH226">
        <v>373414.52980000002</v>
      </c>
      <c r="AI226">
        <v>103404.2451</v>
      </c>
      <c r="AJ226">
        <v>33467.151570000002</v>
      </c>
      <c r="AK226">
        <v>38493.387940000001</v>
      </c>
      <c r="AL226">
        <v>97962.344819999998</v>
      </c>
      <c r="AM226">
        <v>28757.94817</v>
      </c>
      <c r="AN226">
        <v>125230.4472</v>
      </c>
      <c r="AO226">
        <v>41022.094250000002</v>
      </c>
      <c r="AP226">
        <v>31631.91646</v>
      </c>
    </row>
    <row r="227" spans="2:42" x14ac:dyDescent="0.3">
      <c r="B227">
        <v>72.438281559458119</v>
      </c>
      <c r="C227" s="83">
        <v>43110.375</v>
      </c>
      <c r="D227">
        <v>305546.0454</v>
      </c>
      <c r="E227">
        <v>42898.251980000001</v>
      </c>
      <c r="F227">
        <v>99660.611529999995</v>
      </c>
      <c r="G227">
        <v>104069.73149999999</v>
      </c>
      <c r="H227">
        <v>63062.790659999999</v>
      </c>
      <c r="I227">
        <v>53141.176399999997</v>
      </c>
      <c r="J227">
        <v>45340.846890000001</v>
      </c>
      <c r="K227">
        <v>59067.70925</v>
      </c>
      <c r="L227">
        <v>30883.944739999999</v>
      </c>
      <c r="M227">
        <v>369324.14039999997</v>
      </c>
      <c r="N227">
        <v>107486.85249999999</v>
      </c>
      <c r="O227">
        <v>33763.107629999999</v>
      </c>
      <c r="P227">
        <v>39507.17596</v>
      </c>
      <c r="Q227">
        <v>98152.278409999999</v>
      </c>
      <c r="R227">
        <v>26748.50244</v>
      </c>
      <c r="S227">
        <v>131672.6225</v>
      </c>
      <c r="T227">
        <v>43143.343739999997</v>
      </c>
      <c r="U227">
        <v>30925.268260000001</v>
      </c>
      <c r="W227" s="83">
        <f>Bühler!N259</f>
        <v>45301.374999999454</v>
      </c>
      <c r="X227" s="83">
        <v>43110.375</v>
      </c>
      <c r="Y227">
        <v>305546.0454</v>
      </c>
      <c r="Z227">
        <v>42898.251980000001</v>
      </c>
      <c r="AA227">
        <v>99660.611529999995</v>
      </c>
      <c r="AB227">
        <v>104069.73149999999</v>
      </c>
      <c r="AC227">
        <v>63062.790659999999</v>
      </c>
      <c r="AD227">
        <v>53141.176399999997</v>
      </c>
      <c r="AE227">
        <v>45340.846890000001</v>
      </c>
      <c r="AF227">
        <v>59067.70925</v>
      </c>
      <c r="AG227">
        <v>30883.944739999999</v>
      </c>
      <c r="AH227">
        <v>369324.14039999997</v>
      </c>
      <c r="AI227">
        <v>107486.85249999999</v>
      </c>
      <c r="AJ227">
        <v>33763.107629999999</v>
      </c>
      <c r="AK227">
        <v>39507.17596</v>
      </c>
      <c r="AL227">
        <v>98152.278409999999</v>
      </c>
      <c r="AM227">
        <v>26748.50244</v>
      </c>
      <c r="AN227">
        <v>131672.6225</v>
      </c>
      <c r="AO227">
        <v>43143.343739999997</v>
      </c>
      <c r="AP227">
        <v>30925.268260000001</v>
      </c>
    </row>
    <row r="228" spans="2:42" x14ac:dyDescent="0.3">
      <c r="B228">
        <v>73.240705862298739</v>
      </c>
      <c r="C228" s="83">
        <v>43110.416666666664</v>
      </c>
      <c r="D228">
        <v>306869.04109999997</v>
      </c>
      <c r="E228">
        <v>44184.295030000001</v>
      </c>
      <c r="F228">
        <v>99814.938129999995</v>
      </c>
      <c r="G228">
        <v>103781.1741</v>
      </c>
      <c r="H228">
        <v>63589.077039999996</v>
      </c>
      <c r="I228">
        <v>49791.738089999999</v>
      </c>
      <c r="J228">
        <v>43883.611669999998</v>
      </c>
      <c r="K228">
        <v>61507.107539999997</v>
      </c>
      <c r="L228">
        <v>33099.057840000001</v>
      </c>
      <c r="M228">
        <v>373415.27370000002</v>
      </c>
      <c r="N228">
        <v>110019.4831</v>
      </c>
      <c r="O228">
        <v>33392.892650000002</v>
      </c>
      <c r="P228">
        <v>40447.440450000002</v>
      </c>
      <c r="Q228">
        <v>98240.482139999993</v>
      </c>
      <c r="R228">
        <v>27613.812730000001</v>
      </c>
      <c r="S228">
        <v>133165.31099999999</v>
      </c>
      <c r="T228">
        <v>43955.489809999999</v>
      </c>
      <c r="U228">
        <v>30691.92972</v>
      </c>
      <c r="W228" s="83">
        <f>Bühler!N260</f>
        <v>45301.416666666119</v>
      </c>
      <c r="X228" s="83">
        <v>43110.416666666664</v>
      </c>
      <c r="Y228">
        <v>306869.04109999997</v>
      </c>
      <c r="Z228">
        <v>44184.295030000001</v>
      </c>
      <c r="AA228">
        <v>99814.938129999995</v>
      </c>
      <c r="AB228">
        <v>103781.1741</v>
      </c>
      <c r="AC228">
        <v>63589.077039999996</v>
      </c>
      <c r="AD228">
        <v>49791.738089999999</v>
      </c>
      <c r="AE228">
        <v>43883.611669999998</v>
      </c>
      <c r="AF228">
        <v>61507.107539999997</v>
      </c>
      <c r="AG228">
        <v>33099.057840000001</v>
      </c>
      <c r="AH228">
        <v>373415.27370000002</v>
      </c>
      <c r="AI228">
        <v>110019.4831</v>
      </c>
      <c r="AJ228">
        <v>33392.892650000002</v>
      </c>
      <c r="AK228">
        <v>40447.440450000002</v>
      </c>
      <c r="AL228">
        <v>98240.482139999993</v>
      </c>
      <c r="AM228">
        <v>27613.812730000001</v>
      </c>
      <c r="AN228">
        <v>133165.31099999999</v>
      </c>
      <c r="AO228">
        <v>43955.489809999999</v>
      </c>
      <c r="AP228">
        <v>30691.92972</v>
      </c>
    </row>
    <row r="229" spans="2:42" x14ac:dyDescent="0.3">
      <c r="B229">
        <v>73.210439407712158</v>
      </c>
      <c r="C229" s="83">
        <v>43110.458333333336</v>
      </c>
      <c r="D229">
        <v>307261.489</v>
      </c>
      <c r="E229">
        <v>43605.492810000003</v>
      </c>
      <c r="F229">
        <v>100615.1336</v>
      </c>
      <c r="G229">
        <v>99904.304019999996</v>
      </c>
      <c r="H229">
        <v>63385.837760000002</v>
      </c>
      <c r="I229">
        <v>49305.339440000003</v>
      </c>
      <c r="J229">
        <v>44742.188399999999</v>
      </c>
      <c r="K229">
        <v>67576.516380000001</v>
      </c>
      <c r="L229">
        <v>34374.065719999999</v>
      </c>
      <c r="M229">
        <v>373260.96120000002</v>
      </c>
      <c r="N229">
        <v>110761.856</v>
      </c>
      <c r="O229">
        <v>33013.088649999998</v>
      </c>
      <c r="P229">
        <v>39392.191559999999</v>
      </c>
      <c r="Q229">
        <v>98476.1109</v>
      </c>
      <c r="R229">
        <v>30117.045190000001</v>
      </c>
      <c r="S229">
        <v>135823.39129999999</v>
      </c>
      <c r="T229">
        <v>44078.173909999998</v>
      </c>
      <c r="U229">
        <v>30098.753110000001</v>
      </c>
      <c r="W229" s="83">
        <f>Bühler!N261</f>
        <v>45301.458333332783</v>
      </c>
      <c r="X229" s="83">
        <v>43110.458333333336</v>
      </c>
      <c r="Y229">
        <v>307261.489</v>
      </c>
      <c r="Z229">
        <v>43605.492810000003</v>
      </c>
      <c r="AA229">
        <v>100615.1336</v>
      </c>
      <c r="AB229">
        <v>99904.304019999996</v>
      </c>
      <c r="AC229">
        <v>63385.837760000002</v>
      </c>
      <c r="AD229">
        <v>49305.339440000003</v>
      </c>
      <c r="AE229">
        <v>44742.188399999999</v>
      </c>
      <c r="AF229">
        <v>67576.516380000001</v>
      </c>
      <c r="AG229">
        <v>34374.065719999999</v>
      </c>
      <c r="AH229">
        <v>373260.96120000002</v>
      </c>
      <c r="AI229">
        <v>110761.856</v>
      </c>
      <c r="AJ229">
        <v>33013.088649999998</v>
      </c>
      <c r="AK229">
        <v>39392.191559999999</v>
      </c>
      <c r="AL229">
        <v>98476.1109</v>
      </c>
      <c r="AM229">
        <v>30117.045190000001</v>
      </c>
      <c r="AN229">
        <v>135823.39129999999</v>
      </c>
      <c r="AO229">
        <v>44078.173909999998</v>
      </c>
      <c r="AP229">
        <v>30098.753110000001</v>
      </c>
    </row>
    <row r="230" spans="2:42" x14ac:dyDescent="0.3">
      <c r="B230">
        <v>71.681807525637083</v>
      </c>
      <c r="C230" s="83">
        <v>43110.5</v>
      </c>
      <c r="D230">
        <v>293262.87109999999</v>
      </c>
      <c r="E230">
        <v>39468.471100000002</v>
      </c>
      <c r="F230">
        <v>93267.808869999993</v>
      </c>
      <c r="G230">
        <v>91396.926330000002</v>
      </c>
      <c r="H230">
        <v>59401.932350000003</v>
      </c>
      <c r="I230">
        <v>45832.559079999999</v>
      </c>
      <c r="J230">
        <v>45902.033300000003</v>
      </c>
      <c r="K230">
        <v>64553.259189999997</v>
      </c>
      <c r="L230">
        <v>36617.9378</v>
      </c>
      <c r="M230">
        <v>365467.283</v>
      </c>
      <c r="N230">
        <v>106083.3789</v>
      </c>
      <c r="O230">
        <v>32166.36695</v>
      </c>
      <c r="P230">
        <v>39466.053979999997</v>
      </c>
      <c r="Q230">
        <v>97944.637419999999</v>
      </c>
      <c r="R230">
        <v>30234.956829999999</v>
      </c>
      <c r="S230">
        <v>126730.183</v>
      </c>
      <c r="T230">
        <v>42488.572469999999</v>
      </c>
      <c r="U230">
        <v>26624.396430000001</v>
      </c>
      <c r="W230" s="83">
        <f>Bühler!N262</f>
        <v>45301.499999999447</v>
      </c>
      <c r="X230" s="83">
        <v>43110.5</v>
      </c>
      <c r="Y230">
        <v>293262.87109999999</v>
      </c>
      <c r="Z230">
        <v>39468.471100000002</v>
      </c>
      <c r="AA230">
        <v>93267.808869999993</v>
      </c>
      <c r="AB230">
        <v>91396.926330000002</v>
      </c>
      <c r="AC230">
        <v>59401.932350000003</v>
      </c>
      <c r="AD230">
        <v>45832.559079999999</v>
      </c>
      <c r="AE230">
        <v>45902.033300000003</v>
      </c>
      <c r="AF230">
        <v>64553.259189999997</v>
      </c>
      <c r="AG230">
        <v>36617.9378</v>
      </c>
      <c r="AH230">
        <v>365467.283</v>
      </c>
      <c r="AI230">
        <v>106083.3789</v>
      </c>
      <c r="AJ230">
        <v>32166.36695</v>
      </c>
      <c r="AK230">
        <v>39466.053979999997</v>
      </c>
      <c r="AL230">
        <v>97944.637419999999</v>
      </c>
      <c r="AM230">
        <v>30234.956829999999</v>
      </c>
      <c r="AN230">
        <v>126730.183</v>
      </c>
      <c r="AO230">
        <v>42488.572469999999</v>
      </c>
      <c r="AP230">
        <v>26624.396430000001</v>
      </c>
    </row>
    <row r="231" spans="2:42" x14ac:dyDescent="0.3">
      <c r="B231">
        <v>71.39512959114289</v>
      </c>
      <c r="C231" s="83">
        <v>43110.541666666664</v>
      </c>
      <c r="D231">
        <v>294635.63949999999</v>
      </c>
      <c r="E231">
        <v>39126.208319999998</v>
      </c>
      <c r="F231">
        <v>90004.631030000004</v>
      </c>
      <c r="G231">
        <v>83163.394929999995</v>
      </c>
      <c r="H231">
        <v>58948.284290000003</v>
      </c>
      <c r="I231">
        <v>45252.66158</v>
      </c>
      <c r="J231">
        <v>44986.03297</v>
      </c>
      <c r="K231">
        <v>66262.309609999997</v>
      </c>
      <c r="L231">
        <v>34909.479070000001</v>
      </c>
      <c r="M231">
        <v>364005.66519999999</v>
      </c>
      <c r="N231">
        <v>107523.22809999999</v>
      </c>
      <c r="O231">
        <v>31512.50272</v>
      </c>
      <c r="P231">
        <v>38762.482539999997</v>
      </c>
      <c r="Q231">
        <v>96253.020799999998</v>
      </c>
      <c r="R231">
        <v>30921.609990000001</v>
      </c>
      <c r="S231">
        <v>124596.7069</v>
      </c>
      <c r="T231">
        <v>40840.510679999999</v>
      </c>
      <c r="U231">
        <v>26842.628550000001</v>
      </c>
      <c r="W231" s="83">
        <f>Bühler!N263</f>
        <v>45301.541666666111</v>
      </c>
      <c r="X231" s="83">
        <v>43110.541666666664</v>
      </c>
      <c r="Y231">
        <v>294635.63949999999</v>
      </c>
      <c r="Z231">
        <v>39126.208319999998</v>
      </c>
      <c r="AA231">
        <v>90004.631030000004</v>
      </c>
      <c r="AB231">
        <v>83163.394929999995</v>
      </c>
      <c r="AC231">
        <v>58948.284290000003</v>
      </c>
      <c r="AD231">
        <v>45252.66158</v>
      </c>
      <c r="AE231">
        <v>44986.03297</v>
      </c>
      <c r="AF231">
        <v>66262.309609999997</v>
      </c>
      <c r="AG231">
        <v>34909.479070000001</v>
      </c>
      <c r="AH231">
        <v>364005.66519999999</v>
      </c>
      <c r="AI231">
        <v>107523.22809999999</v>
      </c>
      <c r="AJ231">
        <v>31512.50272</v>
      </c>
      <c r="AK231">
        <v>38762.482539999997</v>
      </c>
      <c r="AL231">
        <v>96253.020799999998</v>
      </c>
      <c r="AM231">
        <v>30921.609990000001</v>
      </c>
      <c r="AN231">
        <v>124596.7069</v>
      </c>
      <c r="AO231">
        <v>40840.510679999999</v>
      </c>
      <c r="AP231">
        <v>26842.628550000001</v>
      </c>
    </row>
    <row r="232" spans="2:42" x14ac:dyDescent="0.3">
      <c r="B232">
        <v>71.666601305805443</v>
      </c>
      <c r="C232" s="83">
        <v>43110.583333333336</v>
      </c>
      <c r="D232">
        <v>298271.47720000002</v>
      </c>
      <c r="E232">
        <v>41135.461539999997</v>
      </c>
      <c r="F232">
        <v>98710.364279999994</v>
      </c>
      <c r="G232">
        <v>79829.532900000006</v>
      </c>
      <c r="H232">
        <v>59216.302779999998</v>
      </c>
      <c r="I232">
        <v>45897.956440000002</v>
      </c>
      <c r="J232">
        <v>44020.67611</v>
      </c>
      <c r="K232">
        <v>67729.302370000005</v>
      </c>
      <c r="L232">
        <v>31874.46459</v>
      </c>
      <c r="M232">
        <v>365389.75459999999</v>
      </c>
      <c r="N232">
        <v>106698.3299</v>
      </c>
      <c r="O232">
        <v>31313.272150000001</v>
      </c>
      <c r="P232">
        <v>34780.936780000004</v>
      </c>
      <c r="Q232">
        <v>94781.398149999994</v>
      </c>
      <c r="R232">
        <v>29150.785550000001</v>
      </c>
      <c r="S232">
        <v>118545.39720000001</v>
      </c>
      <c r="T232">
        <v>40226.08279</v>
      </c>
      <c r="U232">
        <v>27262.00315</v>
      </c>
      <c r="W232" s="83">
        <f>Bühler!N264</f>
        <v>45301.583333332776</v>
      </c>
      <c r="X232" s="83">
        <v>43110.583333333336</v>
      </c>
      <c r="Y232">
        <v>298271.47720000002</v>
      </c>
      <c r="Z232">
        <v>41135.461539999997</v>
      </c>
      <c r="AA232">
        <v>98710.364279999994</v>
      </c>
      <c r="AB232">
        <v>79829.532900000006</v>
      </c>
      <c r="AC232">
        <v>59216.302779999998</v>
      </c>
      <c r="AD232">
        <v>45897.956440000002</v>
      </c>
      <c r="AE232">
        <v>44020.67611</v>
      </c>
      <c r="AF232">
        <v>67729.302370000005</v>
      </c>
      <c r="AG232">
        <v>31874.46459</v>
      </c>
      <c r="AH232">
        <v>365389.75459999999</v>
      </c>
      <c r="AI232">
        <v>106698.3299</v>
      </c>
      <c r="AJ232">
        <v>31313.272150000001</v>
      </c>
      <c r="AK232">
        <v>34780.936780000004</v>
      </c>
      <c r="AL232">
        <v>94781.398149999994</v>
      </c>
      <c r="AM232">
        <v>29150.785550000001</v>
      </c>
      <c r="AN232">
        <v>118545.39720000001</v>
      </c>
      <c r="AO232">
        <v>40226.08279</v>
      </c>
      <c r="AP232">
        <v>27262.00315</v>
      </c>
    </row>
    <row r="233" spans="2:42" x14ac:dyDescent="0.3">
      <c r="B233">
        <v>70.496832516528229</v>
      </c>
      <c r="C233" s="83">
        <v>43110.625</v>
      </c>
      <c r="D233">
        <v>294996.63370000001</v>
      </c>
      <c r="E233">
        <v>40931.872519999997</v>
      </c>
      <c r="F233">
        <v>98656.897599999997</v>
      </c>
      <c r="G233">
        <v>77899.029290000006</v>
      </c>
      <c r="H233">
        <v>57957.733220000002</v>
      </c>
      <c r="I233">
        <v>47075.245909999998</v>
      </c>
      <c r="J233">
        <v>43775.058929999999</v>
      </c>
      <c r="K233">
        <v>66985.204509999996</v>
      </c>
      <c r="L233">
        <v>28863.397540000002</v>
      </c>
      <c r="M233">
        <v>359425.72779999999</v>
      </c>
      <c r="N233">
        <v>105652.4204</v>
      </c>
      <c r="O233">
        <v>30547.386060000001</v>
      </c>
      <c r="P233">
        <v>33953.930910000003</v>
      </c>
      <c r="Q233">
        <v>94156.70233</v>
      </c>
      <c r="R233">
        <v>27856.356349999998</v>
      </c>
      <c r="S233">
        <v>117248.3226</v>
      </c>
      <c r="T233">
        <v>40376.370620000002</v>
      </c>
      <c r="U233">
        <v>26984.504830000002</v>
      </c>
      <c r="W233" s="83">
        <f>Bühler!N265</f>
        <v>45301.62499999944</v>
      </c>
      <c r="X233" s="83">
        <v>43110.625</v>
      </c>
      <c r="Y233">
        <v>294996.63370000001</v>
      </c>
      <c r="Z233">
        <v>40931.872519999997</v>
      </c>
      <c r="AA233">
        <v>98656.897599999997</v>
      </c>
      <c r="AB233">
        <v>77899.029290000006</v>
      </c>
      <c r="AC233">
        <v>57957.733220000002</v>
      </c>
      <c r="AD233">
        <v>47075.245909999998</v>
      </c>
      <c r="AE233">
        <v>43775.058929999999</v>
      </c>
      <c r="AF233">
        <v>66985.204509999996</v>
      </c>
      <c r="AG233">
        <v>28863.397540000002</v>
      </c>
      <c r="AH233">
        <v>359425.72779999999</v>
      </c>
      <c r="AI233">
        <v>105652.4204</v>
      </c>
      <c r="AJ233">
        <v>30547.386060000001</v>
      </c>
      <c r="AK233">
        <v>33953.930910000003</v>
      </c>
      <c r="AL233">
        <v>94156.70233</v>
      </c>
      <c r="AM233">
        <v>27856.356349999998</v>
      </c>
      <c r="AN233">
        <v>117248.3226</v>
      </c>
      <c r="AO233">
        <v>40376.370620000002</v>
      </c>
      <c r="AP233">
        <v>26984.504830000002</v>
      </c>
    </row>
    <row r="234" spans="2:42" x14ac:dyDescent="0.3">
      <c r="B234">
        <v>69.423683664887207</v>
      </c>
      <c r="C234" s="83">
        <v>43110.666666666664</v>
      </c>
      <c r="D234">
        <v>288701.5515</v>
      </c>
      <c r="E234">
        <v>40175.78239</v>
      </c>
      <c r="F234">
        <v>97715.702869999994</v>
      </c>
      <c r="G234">
        <v>75464.594240000006</v>
      </c>
      <c r="H234">
        <v>56349.149230000003</v>
      </c>
      <c r="I234">
        <v>47652.763729999999</v>
      </c>
      <c r="J234">
        <v>43293.899749999997</v>
      </c>
      <c r="K234">
        <v>62408.111169999996</v>
      </c>
      <c r="L234">
        <v>27550.020390000001</v>
      </c>
      <c r="M234">
        <v>353954.31449999998</v>
      </c>
      <c r="N234">
        <v>101498.2859</v>
      </c>
      <c r="O234">
        <v>31083.64903</v>
      </c>
      <c r="P234">
        <v>33895.082240000003</v>
      </c>
      <c r="Q234">
        <v>93344.265069999994</v>
      </c>
      <c r="R234">
        <v>27365.955310000001</v>
      </c>
      <c r="S234">
        <v>116077.3198</v>
      </c>
      <c r="T234">
        <v>40704.951159999997</v>
      </c>
      <c r="U234">
        <v>26688.080620000001</v>
      </c>
      <c r="W234" s="83">
        <f>Bühler!N266</f>
        <v>45301.666666666104</v>
      </c>
      <c r="X234" s="83">
        <v>43110.666666666664</v>
      </c>
      <c r="Y234">
        <v>288701.5515</v>
      </c>
      <c r="Z234">
        <v>40175.78239</v>
      </c>
      <c r="AA234">
        <v>97715.702869999994</v>
      </c>
      <c r="AB234">
        <v>75464.594240000006</v>
      </c>
      <c r="AC234">
        <v>56349.149230000003</v>
      </c>
      <c r="AD234">
        <v>47652.763729999999</v>
      </c>
      <c r="AE234">
        <v>43293.899749999997</v>
      </c>
      <c r="AF234">
        <v>62408.111169999996</v>
      </c>
      <c r="AG234">
        <v>27550.020390000001</v>
      </c>
      <c r="AH234">
        <v>353954.31449999998</v>
      </c>
      <c r="AI234">
        <v>101498.2859</v>
      </c>
      <c r="AJ234">
        <v>31083.64903</v>
      </c>
      <c r="AK234">
        <v>33895.082240000003</v>
      </c>
      <c r="AL234">
        <v>93344.265069999994</v>
      </c>
      <c r="AM234">
        <v>27365.955310000001</v>
      </c>
      <c r="AN234">
        <v>116077.3198</v>
      </c>
      <c r="AO234">
        <v>40704.951159999997</v>
      </c>
      <c r="AP234">
        <v>26688.080620000001</v>
      </c>
    </row>
    <row r="235" spans="2:42" x14ac:dyDescent="0.3">
      <c r="B235">
        <v>68.486094656862804</v>
      </c>
      <c r="C235" s="83">
        <v>43110.708333333336</v>
      </c>
      <c r="D235">
        <v>280251.32610000001</v>
      </c>
      <c r="E235">
        <v>38725.988770000004</v>
      </c>
      <c r="F235">
        <v>99755.127710000001</v>
      </c>
      <c r="G235">
        <v>72180.160090000005</v>
      </c>
      <c r="H235">
        <v>55973.91661</v>
      </c>
      <c r="I235">
        <v>46044.782800000001</v>
      </c>
      <c r="J235">
        <v>45073.543570000002</v>
      </c>
      <c r="K235">
        <v>55774.721949999999</v>
      </c>
      <c r="L235">
        <v>28954.690299999998</v>
      </c>
      <c r="M235">
        <v>349174.04849999998</v>
      </c>
      <c r="N235">
        <v>97940.760620000001</v>
      </c>
      <c r="O235">
        <v>30621.55256</v>
      </c>
      <c r="P235">
        <v>38487.464520000001</v>
      </c>
      <c r="Q235">
        <v>92549.038750000007</v>
      </c>
      <c r="R235">
        <v>27036.253069999999</v>
      </c>
      <c r="S235">
        <v>116357.0935</v>
      </c>
      <c r="T235">
        <v>41851.466979999997</v>
      </c>
      <c r="U235">
        <v>25337.248329999999</v>
      </c>
      <c r="W235" s="83">
        <f>Bühler!N267</f>
        <v>45301.708333332768</v>
      </c>
      <c r="X235" s="83">
        <v>43110.708333333336</v>
      </c>
      <c r="Y235">
        <v>280251.32610000001</v>
      </c>
      <c r="Z235">
        <v>38725.988770000004</v>
      </c>
      <c r="AA235">
        <v>99755.127710000001</v>
      </c>
      <c r="AB235">
        <v>72180.160090000005</v>
      </c>
      <c r="AC235">
        <v>55973.91661</v>
      </c>
      <c r="AD235">
        <v>46044.782800000001</v>
      </c>
      <c r="AE235">
        <v>45073.543570000002</v>
      </c>
      <c r="AF235">
        <v>55774.721949999999</v>
      </c>
      <c r="AG235">
        <v>28954.690299999998</v>
      </c>
      <c r="AH235">
        <v>349174.04849999998</v>
      </c>
      <c r="AI235">
        <v>97940.760620000001</v>
      </c>
      <c r="AJ235">
        <v>30621.55256</v>
      </c>
      <c r="AK235">
        <v>38487.464520000001</v>
      </c>
      <c r="AL235">
        <v>92549.038750000007</v>
      </c>
      <c r="AM235">
        <v>27036.253069999999</v>
      </c>
      <c r="AN235">
        <v>116357.0935</v>
      </c>
      <c r="AO235">
        <v>41851.466979999997</v>
      </c>
      <c r="AP235">
        <v>25337.248329999999</v>
      </c>
    </row>
    <row r="236" spans="2:42" x14ac:dyDescent="0.3">
      <c r="B236">
        <v>67.136996489165242</v>
      </c>
      <c r="C236" s="83">
        <v>43110.75</v>
      </c>
      <c r="D236">
        <v>272530.85320000001</v>
      </c>
      <c r="E236">
        <v>35448.349289999998</v>
      </c>
      <c r="F236">
        <v>97387.231660000005</v>
      </c>
      <c r="G236">
        <v>66761.196479999999</v>
      </c>
      <c r="H236">
        <v>53724.845079999999</v>
      </c>
      <c r="I236">
        <v>44080.706989999999</v>
      </c>
      <c r="J236">
        <v>46305.730389999997</v>
      </c>
      <c r="K236">
        <v>50330.828829999999</v>
      </c>
      <c r="L236">
        <v>30132.116859999998</v>
      </c>
      <c r="M236">
        <v>342295.7169</v>
      </c>
      <c r="N236">
        <v>95793.145730000004</v>
      </c>
      <c r="O236">
        <v>28864.836619999998</v>
      </c>
      <c r="P236">
        <v>40791.014170000002</v>
      </c>
      <c r="Q236">
        <v>91490.753880000004</v>
      </c>
      <c r="R236">
        <v>25321.802339999998</v>
      </c>
      <c r="S236">
        <v>110569.6972</v>
      </c>
      <c r="T236">
        <v>41688.873789999998</v>
      </c>
      <c r="U236">
        <v>24023.3724</v>
      </c>
      <c r="W236" s="83">
        <f>Bühler!N268</f>
        <v>45301.749999999432</v>
      </c>
      <c r="X236" s="83">
        <v>43110.75</v>
      </c>
      <c r="Y236">
        <v>272530.85320000001</v>
      </c>
      <c r="Z236">
        <v>35448.349289999998</v>
      </c>
      <c r="AA236">
        <v>97387.231660000005</v>
      </c>
      <c r="AB236">
        <v>66761.196479999999</v>
      </c>
      <c r="AC236">
        <v>53724.845079999999</v>
      </c>
      <c r="AD236">
        <v>44080.706989999999</v>
      </c>
      <c r="AE236">
        <v>46305.730389999997</v>
      </c>
      <c r="AF236">
        <v>50330.828829999999</v>
      </c>
      <c r="AG236">
        <v>30132.116859999998</v>
      </c>
      <c r="AH236">
        <v>342295.7169</v>
      </c>
      <c r="AI236">
        <v>95793.145730000004</v>
      </c>
      <c r="AJ236">
        <v>28864.836619999998</v>
      </c>
      <c r="AK236">
        <v>40791.014170000002</v>
      </c>
      <c r="AL236">
        <v>91490.753880000004</v>
      </c>
      <c r="AM236">
        <v>25321.802339999998</v>
      </c>
      <c r="AN236">
        <v>110569.6972</v>
      </c>
      <c r="AO236">
        <v>41688.873789999998</v>
      </c>
      <c r="AP236">
        <v>24023.3724</v>
      </c>
    </row>
    <row r="237" spans="2:42" x14ac:dyDescent="0.3">
      <c r="B237">
        <v>66.022696066457954</v>
      </c>
      <c r="C237" s="83">
        <v>43110.791666666664</v>
      </c>
      <c r="D237">
        <v>265746.03649999999</v>
      </c>
      <c r="E237">
        <v>29943.413339999999</v>
      </c>
      <c r="F237">
        <v>84022.337230000005</v>
      </c>
      <c r="G237">
        <v>60753.558729999997</v>
      </c>
      <c r="H237">
        <v>50011.59201</v>
      </c>
      <c r="I237">
        <v>42290.791819999999</v>
      </c>
      <c r="J237">
        <v>45558.593739999997</v>
      </c>
      <c r="K237">
        <v>49044.845500000003</v>
      </c>
      <c r="L237">
        <v>30519.81511</v>
      </c>
      <c r="M237">
        <v>336614.49369999999</v>
      </c>
      <c r="N237">
        <v>94527.78241</v>
      </c>
      <c r="O237">
        <v>27512.58755</v>
      </c>
      <c r="P237">
        <v>43205.193299999999</v>
      </c>
      <c r="Q237">
        <v>89446.998479999995</v>
      </c>
      <c r="R237">
        <v>23803.98301</v>
      </c>
      <c r="S237">
        <v>105859.47380000001</v>
      </c>
      <c r="T237">
        <v>40341.383229999999</v>
      </c>
      <c r="U237">
        <v>22411.370210000001</v>
      </c>
      <c r="W237" s="83">
        <f>Bühler!N269</f>
        <v>45301.791666666097</v>
      </c>
      <c r="X237" s="83">
        <v>43110.791666666664</v>
      </c>
      <c r="Y237">
        <v>265746.03649999999</v>
      </c>
      <c r="Z237">
        <v>29943.413339999999</v>
      </c>
      <c r="AA237">
        <v>84022.337230000005</v>
      </c>
      <c r="AB237">
        <v>60753.558729999997</v>
      </c>
      <c r="AC237">
        <v>50011.59201</v>
      </c>
      <c r="AD237">
        <v>42290.791819999999</v>
      </c>
      <c r="AE237">
        <v>45558.593739999997</v>
      </c>
      <c r="AF237">
        <v>49044.845500000003</v>
      </c>
      <c r="AG237">
        <v>30519.81511</v>
      </c>
      <c r="AH237">
        <v>336614.49369999999</v>
      </c>
      <c r="AI237">
        <v>94527.78241</v>
      </c>
      <c r="AJ237">
        <v>27512.58755</v>
      </c>
      <c r="AK237">
        <v>43205.193299999999</v>
      </c>
      <c r="AL237">
        <v>89446.998479999995</v>
      </c>
      <c r="AM237">
        <v>23803.98301</v>
      </c>
      <c r="AN237">
        <v>105859.47380000001</v>
      </c>
      <c r="AO237">
        <v>40341.383229999999</v>
      </c>
      <c r="AP237">
        <v>22411.370210000001</v>
      </c>
    </row>
    <row r="238" spans="2:42" x14ac:dyDescent="0.3">
      <c r="B238">
        <v>64.609957741458587</v>
      </c>
      <c r="C238" s="83">
        <v>43110.833333333336</v>
      </c>
      <c r="D238">
        <v>255497.15590000001</v>
      </c>
      <c r="E238">
        <v>22735.92698</v>
      </c>
      <c r="F238">
        <v>64915.806080000002</v>
      </c>
      <c r="G238">
        <v>54417.140079999997</v>
      </c>
      <c r="H238">
        <v>47510.97335</v>
      </c>
      <c r="I238">
        <v>38097.877699999997</v>
      </c>
      <c r="J238">
        <v>43476.06508</v>
      </c>
      <c r="K238">
        <v>55190.430489999999</v>
      </c>
      <c r="L238">
        <v>29597.93158</v>
      </c>
      <c r="M238">
        <v>329411.6949</v>
      </c>
      <c r="N238">
        <v>91117.212390000001</v>
      </c>
      <c r="O238">
        <v>26303.238160000001</v>
      </c>
      <c r="P238">
        <v>42434.376819999998</v>
      </c>
      <c r="Q238">
        <v>87264.161999999997</v>
      </c>
      <c r="R238">
        <v>24379.461179999998</v>
      </c>
      <c r="S238">
        <v>94976.992899999997</v>
      </c>
      <c r="T238">
        <v>39018.110739999996</v>
      </c>
      <c r="U238">
        <v>20552.70046</v>
      </c>
      <c r="W238" s="83">
        <f>Bühler!N270</f>
        <v>45301.833333332761</v>
      </c>
      <c r="X238" s="83">
        <v>43110.833333333336</v>
      </c>
      <c r="Y238">
        <v>255497.15590000001</v>
      </c>
      <c r="Z238">
        <v>22735.92698</v>
      </c>
      <c r="AA238">
        <v>64915.806080000002</v>
      </c>
      <c r="AB238">
        <v>54417.140079999997</v>
      </c>
      <c r="AC238">
        <v>47510.97335</v>
      </c>
      <c r="AD238">
        <v>38097.877699999997</v>
      </c>
      <c r="AE238">
        <v>43476.06508</v>
      </c>
      <c r="AF238">
        <v>55190.430489999999</v>
      </c>
      <c r="AG238">
        <v>29597.93158</v>
      </c>
      <c r="AH238">
        <v>329411.6949</v>
      </c>
      <c r="AI238">
        <v>91117.212390000001</v>
      </c>
      <c r="AJ238">
        <v>26303.238160000001</v>
      </c>
      <c r="AK238">
        <v>42434.376819999998</v>
      </c>
      <c r="AL238">
        <v>87264.161999999997</v>
      </c>
      <c r="AM238">
        <v>24379.461179999998</v>
      </c>
      <c r="AN238">
        <v>94976.992899999997</v>
      </c>
      <c r="AO238">
        <v>39018.110739999996</v>
      </c>
      <c r="AP238">
        <v>20552.70046</v>
      </c>
    </row>
    <row r="239" spans="2:42" x14ac:dyDescent="0.3">
      <c r="B239">
        <v>62.169843525616159</v>
      </c>
      <c r="C239" s="83">
        <v>43110.875</v>
      </c>
      <c r="D239">
        <v>245806.59220000001</v>
      </c>
      <c r="E239">
        <v>19384.319630000002</v>
      </c>
      <c r="F239">
        <v>56716.831689999999</v>
      </c>
      <c r="G239">
        <v>51592.35426</v>
      </c>
      <c r="H239">
        <v>44612.864110000002</v>
      </c>
      <c r="I239">
        <v>32712.035759999999</v>
      </c>
      <c r="J239">
        <v>41934.682350000003</v>
      </c>
      <c r="K239">
        <v>55088.933169999997</v>
      </c>
      <c r="L239">
        <v>28073.488369999999</v>
      </c>
      <c r="M239">
        <v>316970.85470000003</v>
      </c>
      <c r="N239">
        <v>89059.535029999999</v>
      </c>
      <c r="O239">
        <v>25382.056</v>
      </c>
      <c r="P239">
        <v>40664.134530000003</v>
      </c>
      <c r="Q239">
        <v>85169.611659999995</v>
      </c>
      <c r="R239">
        <v>22690.285179999999</v>
      </c>
      <c r="S239">
        <v>89565.02867</v>
      </c>
      <c r="T239">
        <v>36044.173069999997</v>
      </c>
      <c r="U239">
        <v>19039.747329999998</v>
      </c>
      <c r="W239" s="83">
        <f>Bühler!N271</f>
        <v>45301.874999999425</v>
      </c>
      <c r="X239" s="83">
        <v>43110.875</v>
      </c>
      <c r="Y239">
        <v>245806.59220000001</v>
      </c>
      <c r="Z239">
        <v>19384.319630000002</v>
      </c>
      <c r="AA239">
        <v>56716.831689999999</v>
      </c>
      <c r="AB239">
        <v>51592.35426</v>
      </c>
      <c r="AC239">
        <v>44612.864110000002</v>
      </c>
      <c r="AD239">
        <v>32712.035759999999</v>
      </c>
      <c r="AE239">
        <v>41934.682350000003</v>
      </c>
      <c r="AF239">
        <v>55088.933169999997</v>
      </c>
      <c r="AG239">
        <v>28073.488369999999</v>
      </c>
      <c r="AH239">
        <v>316970.85470000003</v>
      </c>
      <c r="AI239">
        <v>89059.535029999999</v>
      </c>
      <c r="AJ239">
        <v>25382.056</v>
      </c>
      <c r="AK239">
        <v>40664.134530000003</v>
      </c>
      <c r="AL239">
        <v>85169.611659999995</v>
      </c>
      <c r="AM239">
        <v>22690.285179999999</v>
      </c>
      <c r="AN239">
        <v>89565.02867</v>
      </c>
      <c r="AO239">
        <v>36044.173069999997</v>
      </c>
      <c r="AP239">
        <v>19039.747329999998</v>
      </c>
    </row>
    <row r="240" spans="2:42" x14ac:dyDescent="0.3">
      <c r="B240">
        <v>62.272220586675616</v>
      </c>
      <c r="C240" s="83">
        <v>43110.916666666664</v>
      </c>
      <c r="D240">
        <v>244292.9179</v>
      </c>
      <c r="E240">
        <v>18577.860479999999</v>
      </c>
      <c r="F240">
        <v>54389.927750000003</v>
      </c>
      <c r="G240">
        <v>49223.047729999998</v>
      </c>
      <c r="H240">
        <v>43519.701999999997</v>
      </c>
      <c r="I240">
        <v>31357.361990000001</v>
      </c>
      <c r="J240">
        <v>40548.435019999997</v>
      </c>
      <c r="K240">
        <v>57285.369469999998</v>
      </c>
      <c r="L240">
        <v>25928.43664</v>
      </c>
      <c r="M240">
        <v>317492.82069999998</v>
      </c>
      <c r="N240">
        <v>89755.612850000005</v>
      </c>
      <c r="O240">
        <v>25948.15626</v>
      </c>
      <c r="P240">
        <v>41628.885219999996</v>
      </c>
      <c r="Q240">
        <v>84253.222240000003</v>
      </c>
      <c r="R240">
        <v>31797.800210000001</v>
      </c>
      <c r="S240">
        <v>88629.287129999997</v>
      </c>
      <c r="T240">
        <v>31849.80775</v>
      </c>
      <c r="U240">
        <v>20200.477180000002</v>
      </c>
      <c r="W240" s="83">
        <f>Bühler!N272</f>
        <v>45301.916666666089</v>
      </c>
      <c r="X240" s="83">
        <v>43110.916666666664</v>
      </c>
      <c r="Y240">
        <v>244292.9179</v>
      </c>
      <c r="Z240">
        <v>18577.860479999999</v>
      </c>
      <c r="AA240">
        <v>54389.927750000003</v>
      </c>
      <c r="AB240">
        <v>49223.047729999998</v>
      </c>
      <c r="AC240">
        <v>43519.701999999997</v>
      </c>
      <c r="AD240">
        <v>31357.361990000001</v>
      </c>
      <c r="AE240">
        <v>40548.435019999997</v>
      </c>
      <c r="AF240">
        <v>57285.369469999998</v>
      </c>
      <c r="AG240">
        <v>25928.43664</v>
      </c>
      <c r="AH240">
        <v>317492.82069999998</v>
      </c>
      <c r="AI240">
        <v>89755.612850000005</v>
      </c>
      <c r="AJ240">
        <v>25948.15626</v>
      </c>
      <c r="AK240">
        <v>41628.885219999996</v>
      </c>
      <c r="AL240">
        <v>84253.222240000003</v>
      </c>
      <c r="AM240">
        <v>31797.800210000001</v>
      </c>
      <c r="AN240">
        <v>88629.287129999997</v>
      </c>
      <c r="AO240">
        <v>31849.80775</v>
      </c>
      <c r="AP240">
        <v>20200.477180000002</v>
      </c>
    </row>
    <row r="241" spans="2:42" x14ac:dyDescent="0.3">
      <c r="B241">
        <v>61.788226354980154</v>
      </c>
      <c r="C241" s="83">
        <v>43110.958333333336</v>
      </c>
      <c r="D241">
        <v>244191.21739999999</v>
      </c>
      <c r="E241">
        <v>18415.939399999999</v>
      </c>
      <c r="F241">
        <v>52685.170510000004</v>
      </c>
      <c r="G241">
        <v>48038.299120000003</v>
      </c>
      <c r="H241">
        <v>42901.319819999997</v>
      </c>
      <c r="I241">
        <v>29905.40148</v>
      </c>
      <c r="J241">
        <v>38926.918749999997</v>
      </c>
      <c r="K241">
        <v>56560.286679999997</v>
      </c>
      <c r="L241">
        <v>22650.805380000002</v>
      </c>
      <c r="M241">
        <v>315025.1924</v>
      </c>
      <c r="N241">
        <v>89731.72077</v>
      </c>
      <c r="O241">
        <v>26345.65523</v>
      </c>
      <c r="P241">
        <v>37917.561320000001</v>
      </c>
      <c r="Q241">
        <v>84431.204150000005</v>
      </c>
      <c r="R241">
        <v>31878.114939999999</v>
      </c>
      <c r="S241">
        <v>86754.928180000003</v>
      </c>
      <c r="T241">
        <v>32281.040969999998</v>
      </c>
      <c r="U241">
        <v>19706.04968</v>
      </c>
      <c r="W241" s="83">
        <f>Bühler!N273</f>
        <v>45301.958333332754</v>
      </c>
      <c r="X241" s="83">
        <v>43110.958333333336</v>
      </c>
      <c r="Y241">
        <v>244191.21739999999</v>
      </c>
      <c r="Z241">
        <v>18415.939399999999</v>
      </c>
      <c r="AA241">
        <v>52685.170510000004</v>
      </c>
      <c r="AB241">
        <v>48038.299120000003</v>
      </c>
      <c r="AC241">
        <v>42901.319819999997</v>
      </c>
      <c r="AD241">
        <v>29905.40148</v>
      </c>
      <c r="AE241">
        <v>38926.918749999997</v>
      </c>
      <c r="AF241">
        <v>56560.286679999997</v>
      </c>
      <c r="AG241">
        <v>22650.805380000002</v>
      </c>
      <c r="AH241">
        <v>315025.1924</v>
      </c>
      <c r="AI241">
        <v>89731.72077</v>
      </c>
      <c r="AJ241">
        <v>26345.65523</v>
      </c>
      <c r="AK241">
        <v>37917.561320000001</v>
      </c>
      <c r="AL241">
        <v>84431.204150000005</v>
      </c>
      <c r="AM241">
        <v>31878.114939999999</v>
      </c>
      <c r="AN241">
        <v>86754.928180000003</v>
      </c>
      <c r="AO241">
        <v>32281.040969999998</v>
      </c>
      <c r="AP241">
        <v>19706.04968</v>
      </c>
    </row>
    <row r="242" spans="2:42" x14ac:dyDescent="0.3">
      <c r="B242">
        <v>61.343408845577883</v>
      </c>
      <c r="C242" s="83">
        <v>43111</v>
      </c>
      <c r="D242">
        <v>243572.174</v>
      </c>
      <c r="E242">
        <v>18113.497889999999</v>
      </c>
      <c r="F242">
        <v>52578.79045</v>
      </c>
      <c r="G242">
        <v>47305.383410000002</v>
      </c>
      <c r="H242">
        <v>42256.143349999998</v>
      </c>
      <c r="I242">
        <v>27761.524880000001</v>
      </c>
      <c r="J242">
        <v>36304.177940000001</v>
      </c>
      <c r="K242">
        <v>54912.635410000003</v>
      </c>
      <c r="L242">
        <v>21091.279439999998</v>
      </c>
      <c r="M242">
        <v>312757.30530000001</v>
      </c>
      <c r="N242">
        <v>89135.25086</v>
      </c>
      <c r="O242">
        <v>26262.985479999999</v>
      </c>
      <c r="P242">
        <v>35473.58253</v>
      </c>
      <c r="Q242">
        <v>84244.697010000004</v>
      </c>
      <c r="R242">
        <v>30632.789580000001</v>
      </c>
      <c r="S242">
        <v>86600.294049999997</v>
      </c>
      <c r="T242">
        <v>30573.575489999999</v>
      </c>
      <c r="U242">
        <v>19590.832200000001</v>
      </c>
      <c r="W242" s="83">
        <f>Bühler!N274</f>
        <v>45301.999999999418</v>
      </c>
      <c r="X242" s="83">
        <v>43111</v>
      </c>
      <c r="Y242">
        <v>243572.174</v>
      </c>
      <c r="Z242">
        <v>18113.497889999999</v>
      </c>
      <c r="AA242">
        <v>52578.79045</v>
      </c>
      <c r="AB242">
        <v>47305.383410000002</v>
      </c>
      <c r="AC242">
        <v>42256.143349999998</v>
      </c>
      <c r="AD242">
        <v>27761.524880000001</v>
      </c>
      <c r="AE242">
        <v>36304.177940000001</v>
      </c>
      <c r="AF242">
        <v>54912.635410000003</v>
      </c>
      <c r="AG242">
        <v>21091.279439999998</v>
      </c>
      <c r="AH242">
        <v>312757.30530000001</v>
      </c>
      <c r="AI242">
        <v>89135.25086</v>
      </c>
      <c r="AJ242">
        <v>26262.985479999999</v>
      </c>
      <c r="AK242">
        <v>35473.58253</v>
      </c>
      <c r="AL242">
        <v>84244.697010000004</v>
      </c>
      <c r="AM242">
        <v>30632.789580000001</v>
      </c>
      <c r="AN242">
        <v>86600.294049999997</v>
      </c>
      <c r="AO242">
        <v>30573.575489999999</v>
      </c>
      <c r="AP242">
        <v>19590.832200000001</v>
      </c>
    </row>
    <row r="243" spans="2:42" x14ac:dyDescent="0.3">
      <c r="B243">
        <v>61.437494158263497</v>
      </c>
      <c r="C243" s="83">
        <v>43111.041666666664</v>
      </c>
      <c r="D243">
        <v>241215.5773</v>
      </c>
      <c r="E243">
        <v>18022.234840000001</v>
      </c>
      <c r="F243">
        <v>53012.609759999999</v>
      </c>
      <c r="G243">
        <v>46509.259590000001</v>
      </c>
      <c r="H243">
        <v>41770.978889999999</v>
      </c>
      <c r="I243">
        <v>22812.052640000002</v>
      </c>
      <c r="J243">
        <v>34944.316400000003</v>
      </c>
      <c r="K243">
        <v>53631.772720000001</v>
      </c>
      <c r="L243">
        <v>20874.25633</v>
      </c>
      <c r="M243">
        <v>313236.99609999999</v>
      </c>
      <c r="N243">
        <v>89009.483640000006</v>
      </c>
      <c r="O243">
        <v>26273.19425</v>
      </c>
      <c r="P243">
        <v>34326.393880000003</v>
      </c>
      <c r="Q243">
        <v>84244.611260000005</v>
      </c>
      <c r="R243">
        <v>29490.966079999998</v>
      </c>
      <c r="S243">
        <v>84476.437269999995</v>
      </c>
      <c r="T243">
        <v>29906.259249999999</v>
      </c>
      <c r="U243">
        <v>19742.136920000001</v>
      </c>
      <c r="W243" s="83">
        <f>Bühler!N275</f>
        <v>45302.041666666082</v>
      </c>
      <c r="X243" s="83">
        <v>43111.041666666664</v>
      </c>
      <c r="Y243">
        <v>241215.5773</v>
      </c>
      <c r="Z243">
        <v>18022.234840000001</v>
      </c>
      <c r="AA243">
        <v>53012.609759999999</v>
      </c>
      <c r="AB243">
        <v>46509.259590000001</v>
      </c>
      <c r="AC243">
        <v>41770.978889999999</v>
      </c>
      <c r="AD243">
        <v>22812.052640000002</v>
      </c>
      <c r="AE243">
        <v>34944.316400000003</v>
      </c>
      <c r="AF243">
        <v>53631.772720000001</v>
      </c>
      <c r="AG243">
        <v>20874.25633</v>
      </c>
      <c r="AH243">
        <v>313236.99609999999</v>
      </c>
      <c r="AI243">
        <v>89009.483640000006</v>
      </c>
      <c r="AJ243">
        <v>26273.19425</v>
      </c>
      <c r="AK243">
        <v>34326.393880000003</v>
      </c>
      <c r="AL243">
        <v>84244.611260000005</v>
      </c>
      <c r="AM243">
        <v>29490.966079999998</v>
      </c>
      <c r="AN243">
        <v>84476.437269999995</v>
      </c>
      <c r="AO243">
        <v>29906.259249999999</v>
      </c>
      <c r="AP243">
        <v>19742.136920000001</v>
      </c>
    </row>
    <row r="244" spans="2:42" x14ac:dyDescent="0.3">
      <c r="B244">
        <v>62.116010945072979</v>
      </c>
      <c r="C244" s="83">
        <v>43111.083333333336</v>
      </c>
      <c r="D244">
        <v>241219.43650000001</v>
      </c>
      <c r="E244">
        <v>17944.891169999999</v>
      </c>
      <c r="F244">
        <v>54045.341370000002</v>
      </c>
      <c r="G244">
        <v>46150.808340000003</v>
      </c>
      <c r="H244">
        <v>41598.084499999997</v>
      </c>
      <c r="I244">
        <v>21062.686839999998</v>
      </c>
      <c r="J244">
        <v>34696.345690000002</v>
      </c>
      <c r="K244">
        <v>51715.797989999999</v>
      </c>
      <c r="L244">
        <v>20165.621930000001</v>
      </c>
      <c r="M244">
        <v>316696.39110000001</v>
      </c>
      <c r="N244">
        <v>87930.035180000006</v>
      </c>
      <c r="O244">
        <v>25851.382119999998</v>
      </c>
      <c r="P244">
        <v>33123.303220000002</v>
      </c>
      <c r="Q244">
        <v>87277.759699999995</v>
      </c>
      <c r="R244">
        <v>29172.808779999999</v>
      </c>
      <c r="S244">
        <v>83972.505780000007</v>
      </c>
      <c r="T244">
        <v>29350.33714</v>
      </c>
      <c r="U244">
        <v>20296.258519999999</v>
      </c>
      <c r="W244" s="83">
        <f>Bühler!N276</f>
        <v>45302.083333332746</v>
      </c>
      <c r="X244" s="83">
        <v>43111.083333333336</v>
      </c>
      <c r="Y244">
        <v>241219.43650000001</v>
      </c>
      <c r="Z244">
        <v>17944.891169999999</v>
      </c>
      <c r="AA244">
        <v>54045.341370000002</v>
      </c>
      <c r="AB244">
        <v>46150.808340000003</v>
      </c>
      <c r="AC244">
        <v>41598.084499999997</v>
      </c>
      <c r="AD244">
        <v>21062.686839999998</v>
      </c>
      <c r="AE244">
        <v>34696.345690000002</v>
      </c>
      <c r="AF244">
        <v>51715.797989999999</v>
      </c>
      <c r="AG244">
        <v>20165.621930000001</v>
      </c>
      <c r="AH244">
        <v>316696.39110000001</v>
      </c>
      <c r="AI244">
        <v>87930.035180000006</v>
      </c>
      <c r="AJ244">
        <v>25851.382119999998</v>
      </c>
      <c r="AK244">
        <v>33123.303220000002</v>
      </c>
      <c r="AL244">
        <v>87277.759699999995</v>
      </c>
      <c r="AM244">
        <v>29172.808779999999</v>
      </c>
      <c r="AN244">
        <v>83972.505780000007</v>
      </c>
      <c r="AO244">
        <v>29350.33714</v>
      </c>
      <c r="AP244">
        <v>20296.258519999999</v>
      </c>
    </row>
    <row r="245" spans="2:42" x14ac:dyDescent="0.3">
      <c r="B245">
        <v>62.458085518685053</v>
      </c>
      <c r="C245" s="83">
        <v>43111.125</v>
      </c>
      <c r="D245">
        <v>242836.59330000001</v>
      </c>
      <c r="E245">
        <v>18160.945469999999</v>
      </c>
      <c r="F245">
        <v>53865.866710000002</v>
      </c>
      <c r="G245">
        <v>45501.755100000002</v>
      </c>
      <c r="H245">
        <v>41790.937160000001</v>
      </c>
      <c r="I245">
        <v>20725.702659999999</v>
      </c>
      <c r="J245">
        <v>35158.096100000002</v>
      </c>
      <c r="K245">
        <v>51340.865949999999</v>
      </c>
      <c r="L245">
        <v>19285.12355</v>
      </c>
      <c r="M245">
        <v>318440.44679999998</v>
      </c>
      <c r="N245">
        <v>88386.436730000001</v>
      </c>
      <c r="O245">
        <v>25456.79391</v>
      </c>
      <c r="P245">
        <v>32513.2827</v>
      </c>
      <c r="Q245">
        <v>90295.414919999996</v>
      </c>
      <c r="R245">
        <v>28782.601979999999</v>
      </c>
      <c r="S245">
        <v>83493.699089999995</v>
      </c>
      <c r="T245">
        <v>29093.185580000001</v>
      </c>
      <c r="U245">
        <v>20010.836619999998</v>
      </c>
      <c r="W245" s="83">
        <f>Bühler!N277</f>
        <v>45302.124999999411</v>
      </c>
      <c r="X245" s="83">
        <v>43111.125</v>
      </c>
      <c r="Y245">
        <v>242836.59330000001</v>
      </c>
      <c r="Z245">
        <v>18160.945469999999</v>
      </c>
      <c r="AA245">
        <v>53865.866710000002</v>
      </c>
      <c r="AB245">
        <v>45501.755100000002</v>
      </c>
      <c r="AC245">
        <v>41790.937160000001</v>
      </c>
      <c r="AD245">
        <v>20725.702659999999</v>
      </c>
      <c r="AE245">
        <v>35158.096100000002</v>
      </c>
      <c r="AF245">
        <v>51340.865949999999</v>
      </c>
      <c r="AG245">
        <v>19285.12355</v>
      </c>
      <c r="AH245">
        <v>318440.44679999998</v>
      </c>
      <c r="AI245">
        <v>88386.436730000001</v>
      </c>
      <c r="AJ245">
        <v>25456.79391</v>
      </c>
      <c r="AK245">
        <v>32513.2827</v>
      </c>
      <c r="AL245">
        <v>90295.414919999996</v>
      </c>
      <c r="AM245">
        <v>28782.601979999999</v>
      </c>
      <c r="AN245">
        <v>83493.699089999995</v>
      </c>
      <c r="AO245">
        <v>29093.185580000001</v>
      </c>
      <c r="AP245">
        <v>20010.836619999998</v>
      </c>
    </row>
    <row r="246" spans="2:42" x14ac:dyDescent="0.3">
      <c r="B246">
        <v>63.735871104203149</v>
      </c>
      <c r="C246" s="83">
        <v>43111.166666666664</v>
      </c>
      <c r="D246">
        <v>246666.65479999999</v>
      </c>
      <c r="E246">
        <v>18572.02162</v>
      </c>
      <c r="F246">
        <v>57724.824710000001</v>
      </c>
      <c r="G246">
        <v>45362.013890000002</v>
      </c>
      <c r="H246">
        <v>42488.37212</v>
      </c>
      <c r="I246">
        <v>23041.654569999999</v>
      </c>
      <c r="J246">
        <v>37696.158589999999</v>
      </c>
      <c r="K246">
        <v>48626.035000000003</v>
      </c>
      <c r="L246">
        <v>19906.99293</v>
      </c>
      <c r="M246">
        <v>324955.1936</v>
      </c>
      <c r="N246">
        <v>89195.20203</v>
      </c>
      <c r="O246">
        <v>25706.63379</v>
      </c>
      <c r="P246">
        <v>32582.027580000002</v>
      </c>
      <c r="Q246">
        <v>93453.478860000003</v>
      </c>
      <c r="R246">
        <v>28701.159589999999</v>
      </c>
      <c r="S246">
        <v>83441.944159999999</v>
      </c>
      <c r="T246">
        <v>29227.38782</v>
      </c>
      <c r="U246">
        <v>20437.898969999998</v>
      </c>
      <c r="W246" s="83">
        <f>Bühler!N278</f>
        <v>45302.166666666075</v>
      </c>
      <c r="X246" s="83">
        <v>43111.166666666664</v>
      </c>
      <c r="Y246">
        <v>246666.65479999999</v>
      </c>
      <c r="Z246">
        <v>18572.02162</v>
      </c>
      <c r="AA246">
        <v>57724.824710000001</v>
      </c>
      <c r="AB246">
        <v>45362.013890000002</v>
      </c>
      <c r="AC246">
        <v>42488.37212</v>
      </c>
      <c r="AD246">
        <v>23041.654569999999</v>
      </c>
      <c r="AE246">
        <v>37696.158589999999</v>
      </c>
      <c r="AF246">
        <v>48626.035000000003</v>
      </c>
      <c r="AG246">
        <v>19906.99293</v>
      </c>
      <c r="AH246">
        <v>324955.1936</v>
      </c>
      <c r="AI246">
        <v>89195.20203</v>
      </c>
      <c r="AJ246">
        <v>25706.63379</v>
      </c>
      <c r="AK246">
        <v>32582.027580000002</v>
      </c>
      <c r="AL246">
        <v>93453.478860000003</v>
      </c>
      <c r="AM246">
        <v>28701.159589999999</v>
      </c>
      <c r="AN246">
        <v>83441.944159999999</v>
      </c>
      <c r="AO246">
        <v>29227.38782</v>
      </c>
      <c r="AP246">
        <v>20437.898969999998</v>
      </c>
    </row>
    <row r="247" spans="2:42" x14ac:dyDescent="0.3">
      <c r="B247">
        <v>66.681261559451301</v>
      </c>
      <c r="C247" s="83">
        <v>43111.208333333336</v>
      </c>
      <c r="D247">
        <v>261907.43280000001</v>
      </c>
      <c r="E247">
        <v>20827.26125</v>
      </c>
      <c r="F247">
        <v>69119.797160000002</v>
      </c>
      <c r="G247">
        <v>48504.349300000002</v>
      </c>
      <c r="H247">
        <v>44235.84792</v>
      </c>
      <c r="I247">
        <v>30987.253280000001</v>
      </c>
      <c r="J247">
        <v>40289.339110000001</v>
      </c>
      <c r="K247">
        <v>49765.265579999999</v>
      </c>
      <c r="L247">
        <v>20561.541130000001</v>
      </c>
      <c r="M247">
        <v>339972.16769999999</v>
      </c>
      <c r="N247">
        <v>90199.794099999999</v>
      </c>
      <c r="O247">
        <v>26496.63004</v>
      </c>
      <c r="P247">
        <v>33802.346720000001</v>
      </c>
      <c r="Q247">
        <v>97059.303690000001</v>
      </c>
      <c r="R247">
        <v>29131.229370000001</v>
      </c>
      <c r="S247">
        <v>85569.071559999997</v>
      </c>
      <c r="T247">
        <v>30817.097740000001</v>
      </c>
      <c r="U247">
        <v>22095.674169999998</v>
      </c>
      <c r="W247" s="83">
        <f>Bühler!N279</f>
        <v>45302.208333332739</v>
      </c>
      <c r="X247" s="83">
        <v>43111.208333333336</v>
      </c>
      <c r="Y247">
        <v>261907.43280000001</v>
      </c>
      <c r="Z247">
        <v>20827.26125</v>
      </c>
      <c r="AA247">
        <v>69119.797160000002</v>
      </c>
      <c r="AB247">
        <v>48504.349300000002</v>
      </c>
      <c r="AC247">
        <v>44235.84792</v>
      </c>
      <c r="AD247">
        <v>30987.253280000001</v>
      </c>
      <c r="AE247">
        <v>40289.339110000001</v>
      </c>
      <c r="AF247">
        <v>49765.265579999999</v>
      </c>
      <c r="AG247">
        <v>20561.541130000001</v>
      </c>
      <c r="AH247">
        <v>339972.16769999999</v>
      </c>
      <c r="AI247">
        <v>90199.794099999999</v>
      </c>
      <c r="AJ247">
        <v>26496.63004</v>
      </c>
      <c r="AK247">
        <v>33802.346720000001</v>
      </c>
      <c r="AL247">
        <v>97059.303690000001</v>
      </c>
      <c r="AM247">
        <v>29131.229370000001</v>
      </c>
      <c r="AN247">
        <v>85569.071559999997</v>
      </c>
      <c r="AO247">
        <v>30817.097740000001</v>
      </c>
      <c r="AP247">
        <v>22095.674169999998</v>
      </c>
    </row>
    <row r="248" spans="2:42" x14ac:dyDescent="0.3">
      <c r="B248">
        <v>70.61478194674244</v>
      </c>
      <c r="C248" s="83">
        <v>43111.25</v>
      </c>
      <c r="D248">
        <v>277000.78159999999</v>
      </c>
      <c r="E248">
        <v>24835.05184</v>
      </c>
      <c r="F248">
        <v>83178.917430000001</v>
      </c>
      <c r="G248">
        <v>62867.883869999998</v>
      </c>
      <c r="H248">
        <v>48436.036260000001</v>
      </c>
      <c r="I248">
        <v>39655.839919999999</v>
      </c>
      <c r="J248">
        <v>43303.762799999997</v>
      </c>
      <c r="K248">
        <v>51530.79911</v>
      </c>
      <c r="L248">
        <v>21651.894489999999</v>
      </c>
      <c r="M248">
        <v>360027.08899999998</v>
      </c>
      <c r="N248">
        <v>91808.708350000001</v>
      </c>
      <c r="O248">
        <v>27233.019260000001</v>
      </c>
      <c r="P248">
        <v>33212.415690000002</v>
      </c>
      <c r="Q248">
        <v>99590.772190000003</v>
      </c>
      <c r="R248">
        <v>24081.518550000001</v>
      </c>
      <c r="S248">
        <v>95259.961120000007</v>
      </c>
      <c r="T248">
        <v>34089.850409999999</v>
      </c>
      <c r="U248">
        <v>22859.807949999999</v>
      </c>
      <c r="W248" s="83">
        <f>Bühler!N280</f>
        <v>45302.249999999403</v>
      </c>
      <c r="X248" s="83">
        <v>43111.25</v>
      </c>
      <c r="Y248">
        <v>277000.78159999999</v>
      </c>
      <c r="Z248">
        <v>24835.05184</v>
      </c>
      <c r="AA248">
        <v>83178.917430000001</v>
      </c>
      <c r="AB248">
        <v>62867.883869999998</v>
      </c>
      <c r="AC248">
        <v>48436.036260000001</v>
      </c>
      <c r="AD248">
        <v>39655.839919999999</v>
      </c>
      <c r="AE248">
        <v>43303.762799999997</v>
      </c>
      <c r="AF248">
        <v>51530.79911</v>
      </c>
      <c r="AG248">
        <v>21651.894489999999</v>
      </c>
      <c r="AH248">
        <v>360027.08899999998</v>
      </c>
      <c r="AI248">
        <v>91808.708350000001</v>
      </c>
      <c r="AJ248">
        <v>27233.019260000001</v>
      </c>
      <c r="AK248">
        <v>33212.415690000002</v>
      </c>
      <c r="AL248">
        <v>99590.772190000003</v>
      </c>
      <c r="AM248">
        <v>24081.518550000001</v>
      </c>
      <c r="AN248">
        <v>95259.961120000007</v>
      </c>
      <c r="AO248">
        <v>34089.850409999999</v>
      </c>
      <c r="AP248">
        <v>22859.807949999999</v>
      </c>
    </row>
    <row r="249" spans="2:42" x14ac:dyDescent="0.3">
      <c r="B249">
        <v>72.503656767931545</v>
      </c>
      <c r="C249" s="83">
        <v>43111.291666666664</v>
      </c>
      <c r="D249">
        <v>293551.66220000002</v>
      </c>
      <c r="E249">
        <v>30150.65165</v>
      </c>
      <c r="F249">
        <v>86804.663589999996</v>
      </c>
      <c r="G249">
        <v>79106.275229999999</v>
      </c>
      <c r="H249">
        <v>55300.533860000003</v>
      </c>
      <c r="I249">
        <v>49115.029340000001</v>
      </c>
      <c r="J249">
        <v>46644.481350000002</v>
      </c>
      <c r="K249">
        <v>56868.687769999997</v>
      </c>
      <c r="L249">
        <v>25687.965349999999</v>
      </c>
      <c r="M249">
        <v>369657.45370000001</v>
      </c>
      <c r="N249">
        <v>96619.722699999998</v>
      </c>
      <c r="O249">
        <v>30354.26108</v>
      </c>
      <c r="P249">
        <v>36433.746910000002</v>
      </c>
      <c r="Q249">
        <v>99483.569449999995</v>
      </c>
      <c r="R249">
        <v>26103.71427</v>
      </c>
      <c r="S249">
        <v>110976.5496</v>
      </c>
      <c r="T249">
        <v>34336.446309999999</v>
      </c>
      <c r="U249">
        <v>27262.255089999999</v>
      </c>
      <c r="W249" s="83">
        <f>Bühler!N281</f>
        <v>45302.291666666068</v>
      </c>
      <c r="X249" s="83">
        <v>43111.291666666664</v>
      </c>
      <c r="Y249">
        <v>293551.66220000002</v>
      </c>
      <c r="Z249">
        <v>30150.65165</v>
      </c>
      <c r="AA249">
        <v>86804.663589999996</v>
      </c>
      <c r="AB249">
        <v>79106.275229999999</v>
      </c>
      <c r="AC249">
        <v>55300.533860000003</v>
      </c>
      <c r="AD249">
        <v>49115.029340000001</v>
      </c>
      <c r="AE249">
        <v>46644.481350000002</v>
      </c>
      <c r="AF249">
        <v>56868.687769999997</v>
      </c>
      <c r="AG249">
        <v>25687.965349999999</v>
      </c>
      <c r="AH249">
        <v>369657.45370000001</v>
      </c>
      <c r="AI249">
        <v>96619.722699999998</v>
      </c>
      <c r="AJ249">
        <v>30354.26108</v>
      </c>
      <c r="AK249">
        <v>36433.746910000002</v>
      </c>
      <c r="AL249">
        <v>99483.569449999995</v>
      </c>
      <c r="AM249">
        <v>26103.71427</v>
      </c>
      <c r="AN249">
        <v>110976.5496</v>
      </c>
      <c r="AO249">
        <v>34336.446309999999</v>
      </c>
      <c r="AP249">
        <v>27262.255089999999</v>
      </c>
    </row>
    <row r="250" spans="2:42" x14ac:dyDescent="0.3">
      <c r="B250">
        <v>72.973949291051397</v>
      </c>
      <c r="C250" s="83">
        <v>43111.333333333336</v>
      </c>
      <c r="D250">
        <v>304071.11920000002</v>
      </c>
      <c r="E250">
        <v>37094.936170000001</v>
      </c>
      <c r="F250">
        <v>94971.281359999994</v>
      </c>
      <c r="G250">
        <v>98534.197249999997</v>
      </c>
      <c r="H250">
        <v>61375.713790000002</v>
      </c>
      <c r="I250">
        <v>53112.546280000002</v>
      </c>
      <c r="J250">
        <v>48323.540549999998</v>
      </c>
      <c r="K250">
        <v>61383.56033</v>
      </c>
      <c r="L250">
        <v>28768.039130000001</v>
      </c>
      <c r="M250">
        <v>372055.2243</v>
      </c>
      <c r="N250">
        <v>103318.5739</v>
      </c>
      <c r="O250">
        <v>32809.773110000002</v>
      </c>
      <c r="P250">
        <v>38386.947849999997</v>
      </c>
      <c r="Q250">
        <v>99716.419330000004</v>
      </c>
      <c r="R250">
        <v>27567.08094</v>
      </c>
      <c r="S250">
        <v>126818.7659</v>
      </c>
      <c r="T250">
        <v>38987.820899999999</v>
      </c>
      <c r="U250">
        <v>31227.796119999999</v>
      </c>
      <c r="W250" s="83">
        <f>Bühler!N282</f>
        <v>45302.333333332732</v>
      </c>
      <c r="X250" s="83">
        <v>43111.333333333336</v>
      </c>
      <c r="Y250">
        <v>304071.11920000002</v>
      </c>
      <c r="Z250">
        <v>37094.936170000001</v>
      </c>
      <c r="AA250">
        <v>94971.281359999994</v>
      </c>
      <c r="AB250">
        <v>98534.197249999997</v>
      </c>
      <c r="AC250">
        <v>61375.713790000002</v>
      </c>
      <c r="AD250">
        <v>53112.546280000002</v>
      </c>
      <c r="AE250">
        <v>48323.540549999998</v>
      </c>
      <c r="AF250">
        <v>61383.56033</v>
      </c>
      <c r="AG250">
        <v>28768.039130000001</v>
      </c>
      <c r="AH250">
        <v>372055.2243</v>
      </c>
      <c r="AI250">
        <v>103318.5739</v>
      </c>
      <c r="AJ250">
        <v>32809.773110000002</v>
      </c>
      <c r="AK250">
        <v>38386.947849999997</v>
      </c>
      <c r="AL250">
        <v>99716.419330000004</v>
      </c>
      <c r="AM250">
        <v>27567.08094</v>
      </c>
      <c r="AN250">
        <v>126818.7659</v>
      </c>
      <c r="AO250">
        <v>38987.820899999999</v>
      </c>
      <c r="AP250">
        <v>31227.796119999999</v>
      </c>
    </row>
    <row r="251" spans="2:42" x14ac:dyDescent="0.3">
      <c r="B251">
        <v>72.507907065677287</v>
      </c>
      <c r="C251" s="83">
        <v>43111.375</v>
      </c>
      <c r="D251">
        <v>304500.14600000001</v>
      </c>
      <c r="E251">
        <v>41798.05371</v>
      </c>
      <c r="F251">
        <v>101576.3043</v>
      </c>
      <c r="G251">
        <v>107799.0576</v>
      </c>
      <c r="H251">
        <v>62850.246449999999</v>
      </c>
      <c r="I251">
        <v>50760.874989999997</v>
      </c>
      <c r="J251">
        <v>46807.294379999999</v>
      </c>
      <c r="K251">
        <v>59497.427600000003</v>
      </c>
      <c r="L251">
        <v>30372.936450000001</v>
      </c>
      <c r="M251">
        <v>369679.1237</v>
      </c>
      <c r="N251">
        <v>106980.7392</v>
      </c>
      <c r="O251">
        <v>32571.894830000001</v>
      </c>
      <c r="P251">
        <v>39679.59201</v>
      </c>
      <c r="Q251">
        <v>100593.5619</v>
      </c>
      <c r="R251">
        <v>26279.95462</v>
      </c>
      <c r="S251">
        <v>135259.4547</v>
      </c>
      <c r="T251">
        <v>41600.561119999998</v>
      </c>
      <c r="U251">
        <v>31323.25448</v>
      </c>
      <c r="W251" s="83">
        <f>Bühler!N283</f>
        <v>45302.374999999396</v>
      </c>
      <c r="X251" s="83">
        <v>43111.375</v>
      </c>
      <c r="Y251">
        <v>304500.14600000001</v>
      </c>
      <c r="Z251">
        <v>41798.05371</v>
      </c>
      <c r="AA251">
        <v>101576.3043</v>
      </c>
      <c r="AB251">
        <v>107799.0576</v>
      </c>
      <c r="AC251">
        <v>62850.246449999999</v>
      </c>
      <c r="AD251">
        <v>50760.874989999997</v>
      </c>
      <c r="AE251">
        <v>46807.294379999999</v>
      </c>
      <c r="AF251">
        <v>59497.427600000003</v>
      </c>
      <c r="AG251">
        <v>30372.936450000001</v>
      </c>
      <c r="AH251">
        <v>369679.1237</v>
      </c>
      <c r="AI251">
        <v>106980.7392</v>
      </c>
      <c r="AJ251">
        <v>32571.894830000001</v>
      </c>
      <c r="AK251">
        <v>39679.59201</v>
      </c>
      <c r="AL251">
        <v>100593.5619</v>
      </c>
      <c r="AM251">
        <v>26279.95462</v>
      </c>
      <c r="AN251">
        <v>135259.4547</v>
      </c>
      <c r="AO251">
        <v>41600.561119999998</v>
      </c>
      <c r="AP251">
        <v>31323.25448</v>
      </c>
    </row>
    <row r="252" spans="2:42" x14ac:dyDescent="0.3">
      <c r="B252">
        <v>73.363403818515906</v>
      </c>
      <c r="C252" s="83">
        <v>43111.416666666664</v>
      </c>
      <c r="D252">
        <v>309519.10950000002</v>
      </c>
      <c r="E252">
        <v>43408.295149999998</v>
      </c>
      <c r="F252">
        <v>101516.3256</v>
      </c>
      <c r="G252">
        <v>110326.49400000001</v>
      </c>
      <c r="H252">
        <v>63972.39273</v>
      </c>
      <c r="I252">
        <v>47509.816449999998</v>
      </c>
      <c r="J252">
        <v>45637.936099999999</v>
      </c>
      <c r="K252">
        <v>61376.704210000004</v>
      </c>
      <c r="L252">
        <v>32658.614369999999</v>
      </c>
      <c r="M252">
        <v>374040.84509999998</v>
      </c>
      <c r="N252">
        <v>110258.3216</v>
      </c>
      <c r="O252">
        <v>32560.39558</v>
      </c>
      <c r="P252">
        <v>40975.3917</v>
      </c>
      <c r="Q252">
        <v>100328.0346</v>
      </c>
      <c r="R252">
        <v>26741.375120000001</v>
      </c>
      <c r="S252">
        <v>135111.00080000001</v>
      </c>
      <c r="T252">
        <v>42067.861870000001</v>
      </c>
      <c r="U252">
        <v>31613.720150000001</v>
      </c>
      <c r="W252" s="83">
        <f>Bühler!N284</f>
        <v>45302.41666666606</v>
      </c>
      <c r="X252" s="83">
        <v>43111.416666666664</v>
      </c>
      <c r="Y252">
        <v>309519.10950000002</v>
      </c>
      <c r="Z252">
        <v>43408.295149999998</v>
      </c>
      <c r="AA252">
        <v>101516.3256</v>
      </c>
      <c r="AB252">
        <v>110326.49400000001</v>
      </c>
      <c r="AC252">
        <v>63972.39273</v>
      </c>
      <c r="AD252">
        <v>47509.816449999998</v>
      </c>
      <c r="AE252">
        <v>45637.936099999999</v>
      </c>
      <c r="AF252">
        <v>61376.704210000004</v>
      </c>
      <c r="AG252">
        <v>32658.614369999999</v>
      </c>
      <c r="AH252">
        <v>374040.84509999998</v>
      </c>
      <c r="AI252">
        <v>110258.3216</v>
      </c>
      <c r="AJ252">
        <v>32560.39558</v>
      </c>
      <c r="AK252">
        <v>40975.3917</v>
      </c>
      <c r="AL252">
        <v>100328.0346</v>
      </c>
      <c r="AM252">
        <v>26741.375120000001</v>
      </c>
      <c r="AN252">
        <v>135111.00080000001</v>
      </c>
      <c r="AO252">
        <v>42067.861870000001</v>
      </c>
      <c r="AP252">
        <v>31613.720150000001</v>
      </c>
    </row>
    <row r="253" spans="2:42" x14ac:dyDescent="0.3">
      <c r="B253">
        <v>73.895798212818974</v>
      </c>
      <c r="C253" s="83">
        <v>43111.458333333336</v>
      </c>
      <c r="D253">
        <v>308740.30690000003</v>
      </c>
      <c r="E253">
        <v>42934.508889999997</v>
      </c>
      <c r="F253">
        <v>102051.0727</v>
      </c>
      <c r="G253">
        <v>107750.958</v>
      </c>
      <c r="H253">
        <v>63197.713459999999</v>
      </c>
      <c r="I253">
        <v>47036.315240000004</v>
      </c>
      <c r="J253">
        <v>44493.545409999999</v>
      </c>
      <c r="K253">
        <v>67236.48616</v>
      </c>
      <c r="L253">
        <v>33562.590680000001</v>
      </c>
      <c r="M253">
        <v>376755.24</v>
      </c>
      <c r="N253">
        <v>108382.6225</v>
      </c>
      <c r="O253">
        <v>32275.847880000001</v>
      </c>
      <c r="P253">
        <v>39676.623789999998</v>
      </c>
      <c r="Q253">
        <v>100218.7007</v>
      </c>
      <c r="R253">
        <v>29408.427599999999</v>
      </c>
      <c r="S253">
        <v>137190.84760000001</v>
      </c>
      <c r="T253">
        <v>42833.648630000003</v>
      </c>
      <c r="U253">
        <v>31781.065299999998</v>
      </c>
      <c r="W253" s="83">
        <f>Bühler!N285</f>
        <v>45302.458333332725</v>
      </c>
      <c r="X253" s="83">
        <v>43111.458333333336</v>
      </c>
      <c r="Y253">
        <v>308740.30690000003</v>
      </c>
      <c r="Z253">
        <v>42934.508889999997</v>
      </c>
      <c r="AA253">
        <v>102051.0727</v>
      </c>
      <c r="AB253">
        <v>107750.958</v>
      </c>
      <c r="AC253">
        <v>63197.713459999999</v>
      </c>
      <c r="AD253">
        <v>47036.315240000004</v>
      </c>
      <c r="AE253">
        <v>44493.545409999999</v>
      </c>
      <c r="AF253">
        <v>67236.48616</v>
      </c>
      <c r="AG253">
        <v>33562.590680000001</v>
      </c>
      <c r="AH253">
        <v>376755.24</v>
      </c>
      <c r="AI253">
        <v>108382.6225</v>
      </c>
      <c r="AJ253">
        <v>32275.847880000001</v>
      </c>
      <c r="AK253">
        <v>39676.623789999998</v>
      </c>
      <c r="AL253">
        <v>100218.7007</v>
      </c>
      <c r="AM253">
        <v>29408.427599999999</v>
      </c>
      <c r="AN253">
        <v>137190.84760000001</v>
      </c>
      <c r="AO253">
        <v>42833.648630000003</v>
      </c>
      <c r="AP253">
        <v>31781.065299999998</v>
      </c>
    </row>
    <row r="254" spans="2:42" x14ac:dyDescent="0.3">
      <c r="B254">
        <v>72.362903578272395</v>
      </c>
      <c r="C254" s="83">
        <v>43111.5</v>
      </c>
      <c r="D254">
        <v>294787.18910000002</v>
      </c>
      <c r="E254">
        <v>38370.014360000001</v>
      </c>
      <c r="F254">
        <v>99762.201230000006</v>
      </c>
      <c r="G254">
        <v>104032.80100000001</v>
      </c>
      <c r="H254">
        <v>59486.858560000001</v>
      </c>
      <c r="I254">
        <v>43873.403859999999</v>
      </c>
      <c r="J254">
        <v>44389.099520000003</v>
      </c>
      <c r="K254">
        <v>64586.859960000002</v>
      </c>
      <c r="L254">
        <v>36304.849560000002</v>
      </c>
      <c r="M254">
        <v>368939.82829999999</v>
      </c>
      <c r="N254">
        <v>102744.341</v>
      </c>
      <c r="O254">
        <v>31672.896400000001</v>
      </c>
      <c r="P254">
        <v>41438.085769999998</v>
      </c>
      <c r="Q254">
        <v>97976.286229999998</v>
      </c>
      <c r="R254">
        <v>29703.134839999999</v>
      </c>
      <c r="S254">
        <v>128751.02830000001</v>
      </c>
      <c r="T254">
        <v>41774.79754</v>
      </c>
      <c r="U254">
        <v>27582.807550000001</v>
      </c>
      <c r="W254" s="83">
        <f>Bühler!N286</f>
        <v>45302.499999999389</v>
      </c>
      <c r="X254" s="83">
        <v>43111.5</v>
      </c>
      <c r="Y254">
        <v>294787.18910000002</v>
      </c>
      <c r="Z254">
        <v>38370.014360000001</v>
      </c>
      <c r="AA254">
        <v>99762.201230000006</v>
      </c>
      <c r="AB254">
        <v>104032.80100000001</v>
      </c>
      <c r="AC254">
        <v>59486.858560000001</v>
      </c>
      <c r="AD254">
        <v>43873.403859999999</v>
      </c>
      <c r="AE254">
        <v>44389.099520000003</v>
      </c>
      <c r="AF254">
        <v>64586.859960000002</v>
      </c>
      <c r="AG254">
        <v>36304.849560000002</v>
      </c>
      <c r="AH254">
        <v>368939.82829999999</v>
      </c>
      <c r="AI254">
        <v>102744.341</v>
      </c>
      <c r="AJ254">
        <v>31672.896400000001</v>
      </c>
      <c r="AK254">
        <v>41438.085769999998</v>
      </c>
      <c r="AL254">
        <v>97976.286229999998</v>
      </c>
      <c r="AM254">
        <v>29703.134839999999</v>
      </c>
      <c r="AN254">
        <v>128751.02830000001</v>
      </c>
      <c r="AO254">
        <v>41774.79754</v>
      </c>
      <c r="AP254">
        <v>27582.807550000001</v>
      </c>
    </row>
    <row r="255" spans="2:42" x14ac:dyDescent="0.3">
      <c r="B255">
        <v>71.932194252621017</v>
      </c>
      <c r="C255" s="83">
        <v>43111.541666666664</v>
      </c>
      <c r="D255">
        <v>296019.72989999998</v>
      </c>
      <c r="E255">
        <v>38134.177109999997</v>
      </c>
      <c r="F255">
        <v>98803.190440000006</v>
      </c>
      <c r="G255">
        <v>102661.6688</v>
      </c>
      <c r="H255">
        <v>59586.547599999998</v>
      </c>
      <c r="I255">
        <v>43751.983070000002</v>
      </c>
      <c r="J255">
        <v>43158.814960000003</v>
      </c>
      <c r="K255">
        <v>66740.006070000003</v>
      </c>
      <c r="L255">
        <v>35063.237370000003</v>
      </c>
      <c r="M255">
        <v>366743.8713</v>
      </c>
      <c r="N255">
        <v>103499.6462</v>
      </c>
      <c r="O255">
        <v>31106.874830000001</v>
      </c>
      <c r="P255">
        <v>39442.197740000003</v>
      </c>
      <c r="Q255">
        <v>96341.409249999997</v>
      </c>
      <c r="R255">
        <v>29951.642629999998</v>
      </c>
      <c r="S255">
        <v>127487.2032</v>
      </c>
      <c r="T255">
        <v>41222.448830000001</v>
      </c>
      <c r="U255">
        <v>28951.39215</v>
      </c>
      <c r="W255" s="83">
        <f>Bühler!N287</f>
        <v>45302.541666666053</v>
      </c>
      <c r="X255" s="83">
        <v>43111.541666666664</v>
      </c>
      <c r="Y255">
        <v>296019.72989999998</v>
      </c>
      <c r="Z255">
        <v>38134.177109999997</v>
      </c>
      <c r="AA255">
        <v>98803.190440000006</v>
      </c>
      <c r="AB255">
        <v>102661.6688</v>
      </c>
      <c r="AC255">
        <v>59586.547599999998</v>
      </c>
      <c r="AD255">
        <v>43751.983070000002</v>
      </c>
      <c r="AE255">
        <v>43158.814960000003</v>
      </c>
      <c r="AF255">
        <v>66740.006070000003</v>
      </c>
      <c r="AG255">
        <v>35063.237370000003</v>
      </c>
      <c r="AH255">
        <v>366743.8713</v>
      </c>
      <c r="AI255">
        <v>103499.6462</v>
      </c>
      <c r="AJ255">
        <v>31106.874830000001</v>
      </c>
      <c r="AK255">
        <v>39442.197740000003</v>
      </c>
      <c r="AL255">
        <v>96341.409249999997</v>
      </c>
      <c r="AM255">
        <v>29951.642629999998</v>
      </c>
      <c r="AN255">
        <v>127487.2032</v>
      </c>
      <c r="AO255">
        <v>41222.448830000001</v>
      </c>
      <c r="AP255">
        <v>28951.39215</v>
      </c>
    </row>
    <row r="256" spans="2:42" x14ac:dyDescent="0.3">
      <c r="B256">
        <v>72.070547995234804</v>
      </c>
      <c r="C256" s="83">
        <v>43111.583333333336</v>
      </c>
      <c r="D256">
        <v>299219.89480000001</v>
      </c>
      <c r="E256">
        <v>41125.779450000002</v>
      </c>
      <c r="F256">
        <v>99993.115829999995</v>
      </c>
      <c r="G256">
        <v>96529.566999999995</v>
      </c>
      <c r="H256">
        <v>59534.966820000001</v>
      </c>
      <c r="I256">
        <v>44275.926180000002</v>
      </c>
      <c r="J256">
        <v>43253.220589999997</v>
      </c>
      <c r="K256">
        <v>67844.923309999998</v>
      </c>
      <c r="L256">
        <v>31570.469570000001</v>
      </c>
      <c r="M256">
        <v>367449.26319999999</v>
      </c>
      <c r="N256">
        <v>105508.0557</v>
      </c>
      <c r="O256">
        <v>31189.219799999999</v>
      </c>
      <c r="P256">
        <v>35640.41603</v>
      </c>
      <c r="Q256">
        <v>95303.952810000003</v>
      </c>
      <c r="R256">
        <v>28427.219010000001</v>
      </c>
      <c r="S256">
        <v>120486.49460000001</v>
      </c>
      <c r="T256">
        <v>39664.015480000002</v>
      </c>
      <c r="U256">
        <v>29376.987659999999</v>
      </c>
      <c r="W256" s="83">
        <f>Bühler!N288</f>
        <v>45302.583333332717</v>
      </c>
      <c r="X256" s="83">
        <v>43111.583333333336</v>
      </c>
      <c r="Y256">
        <v>299219.89480000001</v>
      </c>
      <c r="Z256">
        <v>41125.779450000002</v>
      </c>
      <c r="AA256">
        <v>99993.115829999995</v>
      </c>
      <c r="AB256">
        <v>96529.566999999995</v>
      </c>
      <c r="AC256">
        <v>59534.966820000001</v>
      </c>
      <c r="AD256">
        <v>44275.926180000002</v>
      </c>
      <c r="AE256">
        <v>43253.220589999997</v>
      </c>
      <c r="AF256">
        <v>67844.923309999998</v>
      </c>
      <c r="AG256">
        <v>31570.469570000001</v>
      </c>
      <c r="AH256">
        <v>367449.26319999999</v>
      </c>
      <c r="AI256">
        <v>105508.0557</v>
      </c>
      <c r="AJ256">
        <v>31189.219799999999</v>
      </c>
      <c r="AK256">
        <v>35640.41603</v>
      </c>
      <c r="AL256">
        <v>95303.952810000003</v>
      </c>
      <c r="AM256">
        <v>28427.219010000001</v>
      </c>
      <c r="AN256">
        <v>120486.49460000001</v>
      </c>
      <c r="AO256">
        <v>39664.015480000002</v>
      </c>
      <c r="AP256">
        <v>29376.987659999999</v>
      </c>
    </row>
    <row r="257" spans="2:42" x14ac:dyDescent="0.3">
      <c r="B257">
        <v>71.306056295461232</v>
      </c>
      <c r="C257" s="83">
        <v>43111.625</v>
      </c>
      <c r="D257">
        <v>298285.92830000003</v>
      </c>
      <c r="E257">
        <v>40742.263350000001</v>
      </c>
      <c r="F257">
        <v>100081.75139999999</v>
      </c>
      <c r="G257">
        <v>90960.110239999995</v>
      </c>
      <c r="H257">
        <v>58317.317069999997</v>
      </c>
      <c r="I257">
        <v>44658.017959999997</v>
      </c>
      <c r="J257">
        <v>42110.788350000003</v>
      </c>
      <c r="K257">
        <v>68171.523860000001</v>
      </c>
      <c r="L257">
        <v>28130.481739999999</v>
      </c>
      <c r="M257">
        <v>363551.52799999999</v>
      </c>
      <c r="N257">
        <v>102360.47380000001</v>
      </c>
      <c r="O257">
        <v>29943.063969999999</v>
      </c>
      <c r="P257">
        <v>33309.032950000001</v>
      </c>
      <c r="Q257">
        <v>94973.210919999998</v>
      </c>
      <c r="R257">
        <v>27514.45031</v>
      </c>
      <c r="S257">
        <v>118393.0637</v>
      </c>
      <c r="T257">
        <v>39331.5167</v>
      </c>
      <c r="U257">
        <v>28613.729350000001</v>
      </c>
      <c r="W257" s="83">
        <f>Bühler!N289</f>
        <v>45302.624999999382</v>
      </c>
      <c r="X257" s="83">
        <v>43111.625</v>
      </c>
      <c r="Y257">
        <v>298285.92830000003</v>
      </c>
      <c r="Z257">
        <v>40742.263350000001</v>
      </c>
      <c r="AA257">
        <v>100081.75139999999</v>
      </c>
      <c r="AB257">
        <v>90960.110239999995</v>
      </c>
      <c r="AC257">
        <v>58317.317069999997</v>
      </c>
      <c r="AD257">
        <v>44658.017959999997</v>
      </c>
      <c r="AE257">
        <v>42110.788350000003</v>
      </c>
      <c r="AF257">
        <v>68171.523860000001</v>
      </c>
      <c r="AG257">
        <v>28130.481739999999</v>
      </c>
      <c r="AH257">
        <v>363551.52799999999</v>
      </c>
      <c r="AI257">
        <v>102360.47380000001</v>
      </c>
      <c r="AJ257">
        <v>29943.063969999999</v>
      </c>
      <c r="AK257">
        <v>33309.032950000001</v>
      </c>
      <c r="AL257">
        <v>94973.210919999998</v>
      </c>
      <c r="AM257">
        <v>27514.45031</v>
      </c>
      <c r="AN257">
        <v>118393.0637</v>
      </c>
      <c r="AO257">
        <v>39331.5167</v>
      </c>
      <c r="AP257">
        <v>28613.729350000001</v>
      </c>
    </row>
    <row r="258" spans="2:42" x14ac:dyDescent="0.3">
      <c r="B258">
        <v>70.739942467024548</v>
      </c>
      <c r="C258" s="83">
        <v>43111.666666666664</v>
      </c>
      <c r="D258">
        <v>290935.49709999998</v>
      </c>
      <c r="E258">
        <v>39877.039620000003</v>
      </c>
      <c r="F258">
        <v>99610.632620000004</v>
      </c>
      <c r="G258">
        <v>85616.849700000006</v>
      </c>
      <c r="H258">
        <v>56320.81813</v>
      </c>
      <c r="I258">
        <v>46500.325629999999</v>
      </c>
      <c r="J258">
        <v>41429.103450000002</v>
      </c>
      <c r="K258">
        <v>62761.09431</v>
      </c>
      <c r="L258">
        <v>26557.498530000001</v>
      </c>
      <c r="M258">
        <v>360665.2157</v>
      </c>
      <c r="N258">
        <v>97666.391780000005</v>
      </c>
      <c r="O258">
        <v>29919.326369999999</v>
      </c>
      <c r="P258">
        <v>34791.590029999999</v>
      </c>
      <c r="Q258">
        <v>94577.084919999994</v>
      </c>
      <c r="R258">
        <v>26662.170099999999</v>
      </c>
      <c r="S258">
        <v>116668.4764</v>
      </c>
      <c r="T258">
        <v>39000.19083</v>
      </c>
      <c r="U258">
        <v>26955.481110000001</v>
      </c>
      <c r="W258" s="83">
        <f>Bühler!N290</f>
        <v>45302.666666666046</v>
      </c>
      <c r="X258" s="83">
        <v>43111.666666666664</v>
      </c>
      <c r="Y258">
        <v>290935.49709999998</v>
      </c>
      <c r="Z258">
        <v>39877.039620000003</v>
      </c>
      <c r="AA258">
        <v>99610.632620000004</v>
      </c>
      <c r="AB258">
        <v>85616.849700000006</v>
      </c>
      <c r="AC258">
        <v>56320.81813</v>
      </c>
      <c r="AD258">
        <v>46500.325629999999</v>
      </c>
      <c r="AE258">
        <v>41429.103450000002</v>
      </c>
      <c r="AF258">
        <v>62761.09431</v>
      </c>
      <c r="AG258">
        <v>26557.498530000001</v>
      </c>
      <c r="AH258">
        <v>360665.2157</v>
      </c>
      <c r="AI258">
        <v>97666.391780000005</v>
      </c>
      <c r="AJ258">
        <v>29919.326369999999</v>
      </c>
      <c r="AK258">
        <v>34791.590029999999</v>
      </c>
      <c r="AL258">
        <v>94577.084919999994</v>
      </c>
      <c r="AM258">
        <v>26662.170099999999</v>
      </c>
      <c r="AN258">
        <v>116668.4764</v>
      </c>
      <c r="AO258">
        <v>39000.19083</v>
      </c>
      <c r="AP258">
        <v>26955.481110000001</v>
      </c>
    </row>
    <row r="259" spans="2:42" x14ac:dyDescent="0.3">
      <c r="B259">
        <v>69.389202099606834</v>
      </c>
      <c r="C259" s="83">
        <v>43111.708333333336</v>
      </c>
      <c r="D259">
        <v>280677.84080000001</v>
      </c>
      <c r="E259">
        <v>38392.798510000001</v>
      </c>
      <c r="F259">
        <v>101570.0439</v>
      </c>
      <c r="G259">
        <v>77726.809529999999</v>
      </c>
      <c r="H259">
        <v>55636.055139999997</v>
      </c>
      <c r="I259">
        <v>45610.23979</v>
      </c>
      <c r="J259">
        <v>42907.480479999998</v>
      </c>
      <c r="K259">
        <v>56115.764089999997</v>
      </c>
      <c r="L259">
        <v>27771.923709999999</v>
      </c>
      <c r="M259">
        <v>353778.51140000002</v>
      </c>
      <c r="N259">
        <v>92661.584610000005</v>
      </c>
      <c r="O259">
        <v>29887.159810000001</v>
      </c>
      <c r="P259">
        <v>36473.06407</v>
      </c>
      <c r="Q259">
        <v>93066.115349999993</v>
      </c>
      <c r="R259">
        <v>26841.105579999999</v>
      </c>
      <c r="S259">
        <v>117260.27770000001</v>
      </c>
      <c r="T259">
        <v>39969.778429999998</v>
      </c>
      <c r="U259">
        <v>25588.840950000002</v>
      </c>
      <c r="W259" s="83">
        <f>Bühler!N291</f>
        <v>45302.70833333271</v>
      </c>
      <c r="X259" s="83">
        <v>43111.708333333336</v>
      </c>
      <c r="Y259">
        <v>280677.84080000001</v>
      </c>
      <c r="Z259">
        <v>38392.798510000001</v>
      </c>
      <c r="AA259">
        <v>101570.0439</v>
      </c>
      <c r="AB259">
        <v>77726.809529999999</v>
      </c>
      <c r="AC259">
        <v>55636.055139999997</v>
      </c>
      <c r="AD259">
        <v>45610.23979</v>
      </c>
      <c r="AE259">
        <v>42907.480479999998</v>
      </c>
      <c r="AF259">
        <v>56115.764089999997</v>
      </c>
      <c r="AG259">
        <v>27771.923709999999</v>
      </c>
      <c r="AH259">
        <v>353778.51140000002</v>
      </c>
      <c r="AI259">
        <v>92661.584610000005</v>
      </c>
      <c r="AJ259">
        <v>29887.159810000001</v>
      </c>
      <c r="AK259">
        <v>36473.06407</v>
      </c>
      <c r="AL259">
        <v>93066.115349999993</v>
      </c>
      <c r="AM259">
        <v>26841.105579999999</v>
      </c>
      <c r="AN259">
        <v>117260.27770000001</v>
      </c>
      <c r="AO259">
        <v>39969.778429999998</v>
      </c>
      <c r="AP259">
        <v>25588.840950000002</v>
      </c>
    </row>
    <row r="260" spans="2:42" x14ac:dyDescent="0.3">
      <c r="B260">
        <v>67.145845483543951</v>
      </c>
      <c r="C260" s="83">
        <v>43111.75</v>
      </c>
      <c r="D260">
        <v>272231.50510000001</v>
      </c>
      <c r="E260">
        <v>35299.708449999998</v>
      </c>
      <c r="F260">
        <v>98458.119380000004</v>
      </c>
      <c r="G260">
        <v>68567.618539999996</v>
      </c>
      <c r="H260">
        <v>53719.674149999999</v>
      </c>
      <c r="I260">
        <v>43636.486040000003</v>
      </c>
      <c r="J260">
        <v>44358.713450000003</v>
      </c>
      <c r="K260">
        <v>50459.938130000002</v>
      </c>
      <c r="L260">
        <v>29413.90453</v>
      </c>
      <c r="M260">
        <v>342340.83319999999</v>
      </c>
      <c r="N260">
        <v>91012.521030000004</v>
      </c>
      <c r="O260">
        <v>28754.744460000002</v>
      </c>
      <c r="P260">
        <v>40482.543160000001</v>
      </c>
      <c r="Q260">
        <v>91564.332810000007</v>
      </c>
      <c r="R260">
        <v>23493.120040000002</v>
      </c>
      <c r="S260">
        <v>110613.7228</v>
      </c>
      <c r="T260">
        <v>39614.655910000001</v>
      </c>
      <c r="U260">
        <v>23660.702209999999</v>
      </c>
      <c r="W260" s="83">
        <f>Bühler!N292</f>
        <v>45302.749999999374</v>
      </c>
      <c r="X260" s="83">
        <v>43111.75</v>
      </c>
      <c r="Y260">
        <v>272231.50510000001</v>
      </c>
      <c r="Z260">
        <v>35299.708449999998</v>
      </c>
      <c r="AA260">
        <v>98458.119380000004</v>
      </c>
      <c r="AB260">
        <v>68567.618539999996</v>
      </c>
      <c r="AC260">
        <v>53719.674149999999</v>
      </c>
      <c r="AD260">
        <v>43636.486040000003</v>
      </c>
      <c r="AE260">
        <v>44358.713450000003</v>
      </c>
      <c r="AF260">
        <v>50459.938130000002</v>
      </c>
      <c r="AG260">
        <v>29413.90453</v>
      </c>
      <c r="AH260">
        <v>342340.83319999999</v>
      </c>
      <c r="AI260">
        <v>91012.521030000004</v>
      </c>
      <c r="AJ260">
        <v>28754.744460000002</v>
      </c>
      <c r="AK260">
        <v>40482.543160000001</v>
      </c>
      <c r="AL260">
        <v>91564.332810000007</v>
      </c>
      <c r="AM260">
        <v>23493.120040000002</v>
      </c>
      <c r="AN260">
        <v>110613.7228</v>
      </c>
      <c r="AO260">
        <v>39614.655910000001</v>
      </c>
      <c r="AP260">
        <v>23660.702209999999</v>
      </c>
    </row>
    <row r="261" spans="2:42" x14ac:dyDescent="0.3">
      <c r="B261">
        <v>65.945035085009138</v>
      </c>
      <c r="C261" s="83">
        <v>43111.791666666664</v>
      </c>
      <c r="D261">
        <v>265709.50449999998</v>
      </c>
      <c r="E261">
        <v>28967.02403</v>
      </c>
      <c r="F261">
        <v>84190.32965</v>
      </c>
      <c r="G261">
        <v>61750.30431</v>
      </c>
      <c r="H261">
        <v>49989.04408</v>
      </c>
      <c r="I261">
        <v>40833.118179999998</v>
      </c>
      <c r="J261">
        <v>43816.751340000003</v>
      </c>
      <c r="K261">
        <v>49010.134239999999</v>
      </c>
      <c r="L261">
        <v>29662.081989999999</v>
      </c>
      <c r="M261">
        <v>336218.54180000001</v>
      </c>
      <c r="N261">
        <v>89652.313209999993</v>
      </c>
      <c r="O261">
        <v>27074.535670000001</v>
      </c>
      <c r="P261">
        <v>41027.30401</v>
      </c>
      <c r="Q261">
        <v>89964.452690000006</v>
      </c>
      <c r="R261">
        <v>22551.15712</v>
      </c>
      <c r="S261">
        <v>104586.2371</v>
      </c>
      <c r="T261">
        <v>38971.667430000001</v>
      </c>
      <c r="U261">
        <v>22056.122719999999</v>
      </c>
      <c r="W261" s="83">
        <f>Bühler!N293</f>
        <v>45302.791666666039</v>
      </c>
      <c r="X261" s="83">
        <v>43111.791666666664</v>
      </c>
      <c r="Y261">
        <v>265709.50449999998</v>
      </c>
      <c r="Z261">
        <v>28967.02403</v>
      </c>
      <c r="AA261">
        <v>84190.32965</v>
      </c>
      <c r="AB261">
        <v>61750.30431</v>
      </c>
      <c r="AC261">
        <v>49989.04408</v>
      </c>
      <c r="AD261">
        <v>40833.118179999998</v>
      </c>
      <c r="AE261">
        <v>43816.751340000003</v>
      </c>
      <c r="AF261">
        <v>49010.134239999999</v>
      </c>
      <c r="AG261">
        <v>29662.081989999999</v>
      </c>
      <c r="AH261">
        <v>336218.54180000001</v>
      </c>
      <c r="AI261">
        <v>89652.313209999993</v>
      </c>
      <c r="AJ261">
        <v>27074.535670000001</v>
      </c>
      <c r="AK261">
        <v>41027.30401</v>
      </c>
      <c r="AL261">
        <v>89964.452690000006</v>
      </c>
      <c r="AM261">
        <v>22551.15712</v>
      </c>
      <c r="AN261">
        <v>104586.2371</v>
      </c>
      <c r="AO261">
        <v>38971.667430000001</v>
      </c>
      <c r="AP261">
        <v>22056.122719999999</v>
      </c>
    </row>
    <row r="262" spans="2:42" x14ac:dyDescent="0.3">
      <c r="B262">
        <v>64.87489190193044</v>
      </c>
      <c r="C262" s="83">
        <v>43111.833333333336</v>
      </c>
      <c r="D262">
        <v>255555.04759999999</v>
      </c>
      <c r="E262">
        <v>22353.16044</v>
      </c>
      <c r="F262">
        <v>66127.543290000001</v>
      </c>
      <c r="G262">
        <v>53994.152090000003</v>
      </c>
      <c r="H262">
        <v>46966.982300000003</v>
      </c>
      <c r="I262">
        <v>36420.653780000001</v>
      </c>
      <c r="J262">
        <v>42079.789360000002</v>
      </c>
      <c r="K262">
        <v>55724.579619999997</v>
      </c>
      <c r="L262">
        <v>28807.425660000001</v>
      </c>
      <c r="M262">
        <v>330762.45280000003</v>
      </c>
      <c r="N262">
        <v>86264.278789999997</v>
      </c>
      <c r="O262">
        <v>25955.27706</v>
      </c>
      <c r="P262">
        <v>40844.834269999999</v>
      </c>
      <c r="Q262">
        <v>87750.870079999993</v>
      </c>
      <c r="R262">
        <v>24648.09677</v>
      </c>
      <c r="S262">
        <v>95125.938869999998</v>
      </c>
      <c r="T262">
        <v>37197.69528</v>
      </c>
      <c r="U262">
        <v>20414.757280000002</v>
      </c>
      <c r="W262" s="83">
        <f>Bühler!N294</f>
        <v>45302.833333332703</v>
      </c>
      <c r="X262" s="83">
        <v>43111.833333333336</v>
      </c>
      <c r="Y262">
        <v>255555.04759999999</v>
      </c>
      <c r="Z262">
        <v>22353.16044</v>
      </c>
      <c r="AA262">
        <v>66127.543290000001</v>
      </c>
      <c r="AB262">
        <v>53994.152090000003</v>
      </c>
      <c r="AC262">
        <v>46966.982300000003</v>
      </c>
      <c r="AD262">
        <v>36420.653780000001</v>
      </c>
      <c r="AE262">
        <v>42079.789360000002</v>
      </c>
      <c r="AF262">
        <v>55724.579619999997</v>
      </c>
      <c r="AG262">
        <v>28807.425660000001</v>
      </c>
      <c r="AH262">
        <v>330762.45280000003</v>
      </c>
      <c r="AI262">
        <v>86264.278789999997</v>
      </c>
      <c r="AJ262">
        <v>25955.27706</v>
      </c>
      <c r="AK262">
        <v>40844.834269999999</v>
      </c>
      <c r="AL262">
        <v>87750.870079999993</v>
      </c>
      <c r="AM262">
        <v>24648.09677</v>
      </c>
      <c r="AN262">
        <v>95125.938869999998</v>
      </c>
      <c r="AO262">
        <v>37197.69528</v>
      </c>
      <c r="AP262">
        <v>20414.757280000002</v>
      </c>
    </row>
    <row r="263" spans="2:42" x14ac:dyDescent="0.3">
      <c r="B263">
        <v>62.549344922747636</v>
      </c>
      <c r="C263" s="83">
        <v>43111.875</v>
      </c>
      <c r="D263">
        <v>246731.01209999999</v>
      </c>
      <c r="E263">
        <v>19278.746429999999</v>
      </c>
      <c r="F263">
        <v>57573.705549999999</v>
      </c>
      <c r="G263">
        <v>50619.659449999999</v>
      </c>
      <c r="H263">
        <v>44365.182079999999</v>
      </c>
      <c r="I263">
        <v>31095.49165</v>
      </c>
      <c r="J263">
        <v>40290.094570000001</v>
      </c>
      <c r="K263">
        <v>55682.4251</v>
      </c>
      <c r="L263">
        <v>27462.183840000002</v>
      </c>
      <c r="M263">
        <v>318905.72979999997</v>
      </c>
      <c r="N263">
        <v>83006.494980000003</v>
      </c>
      <c r="O263">
        <v>25218.982889999999</v>
      </c>
      <c r="P263">
        <v>38202.36664</v>
      </c>
      <c r="Q263">
        <v>84593.309229999999</v>
      </c>
      <c r="R263">
        <v>21459.506679999999</v>
      </c>
      <c r="S263">
        <v>89198.519549999997</v>
      </c>
      <c r="T263">
        <v>34557.081380000003</v>
      </c>
      <c r="U263">
        <v>19127.456770000001</v>
      </c>
      <c r="W263" s="83">
        <f>Bühler!N295</f>
        <v>45302.874999999367</v>
      </c>
      <c r="X263" s="83">
        <v>43111.875</v>
      </c>
      <c r="Y263">
        <v>246731.01209999999</v>
      </c>
      <c r="Z263">
        <v>19278.746429999999</v>
      </c>
      <c r="AA263">
        <v>57573.705549999999</v>
      </c>
      <c r="AB263">
        <v>50619.659449999999</v>
      </c>
      <c r="AC263">
        <v>44365.182079999999</v>
      </c>
      <c r="AD263">
        <v>31095.49165</v>
      </c>
      <c r="AE263">
        <v>40290.094570000001</v>
      </c>
      <c r="AF263">
        <v>55682.4251</v>
      </c>
      <c r="AG263">
        <v>27462.183840000002</v>
      </c>
      <c r="AH263">
        <v>318905.72979999997</v>
      </c>
      <c r="AI263">
        <v>83006.494980000003</v>
      </c>
      <c r="AJ263">
        <v>25218.982889999999</v>
      </c>
      <c r="AK263">
        <v>38202.36664</v>
      </c>
      <c r="AL263">
        <v>84593.309229999999</v>
      </c>
      <c r="AM263">
        <v>21459.506679999999</v>
      </c>
      <c r="AN263">
        <v>89198.519549999997</v>
      </c>
      <c r="AO263">
        <v>34557.081380000003</v>
      </c>
      <c r="AP263">
        <v>19127.456770000001</v>
      </c>
    </row>
    <row r="264" spans="2:42" x14ac:dyDescent="0.3">
      <c r="B264">
        <v>62.513755985245623</v>
      </c>
      <c r="C264" s="83">
        <v>43111.916666666664</v>
      </c>
      <c r="D264">
        <v>245914.70250000001</v>
      </c>
      <c r="E264">
        <v>18463.992849999999</v>
      </c>
      <c r="F264">
        <v>55177.550239999997</v>
      </c>
      <c r="G264">
        <v>48055.132749999997</v>
      </c>
      <c r="H264">
        <v>43230.651460000001</v>
      </c>
      <c r="I264">
        <v>29037.138910000001</v>
      </c>
      <c r="J264">
        <v>39371.888679999996</v>
      </c>
      <c r="K264">
        <v>56857.975279999999</v>
      </c>
      <c r="L264">
        <v>25091.320110000001</v>
      </c>
      <c r="M264">
        <v>318724.28080000001</v>
      </c>
      <c r="N264">
        <v>83539.284169999999</v>
      </c>
      <c r="O264">
        <v>25548.401089999999</v>
      </c>
      <c r="P264">
        <v>40225.965279999997</v>
      </c>
      <c r="Q264">
        <v>84736.668139999994</v>
      </c>
      <c r="R264">
        <v>29095.226149999999</v>
      </c>
      <c r="S264">
        <v>87834.455279999995</v>
      </c>
      <c r="T264">
        <v>31338.59432</v>
      </c>
      <c r="U264">
        <v>19807.953099999999</v>
      </c>
      <c r="W264" s="83">
        <f>Bühler!N296</f>
        <v>45302.916666666031</v>
      </c>
      <c r="X264" s="83">
        <v>43111.916666666664</v>
      </c>
      <c r="Y264">
        <v>245914.70250000001</v>
      </c>
      <c r="Z264">
        <v>18463.992849999999</v>
      </c>
      <c r="AA264">
        <v>55177.550239999997</v>
      </c>
      <c r="AB264">
        <v>48055.132749999997</v>
      </c>
      <c r="AC264">
        <v>43230.651460000001</v>
      </c>
      <c r="AD264">
        <v>29037.138910000001</v>
      </c>
      <c r="AE264">
        <v>39371.888679999996</v>
      </c>
      <c r="AF264">
        <v>56857.975279999999</v>
      </c>
      <c r="AG264">
        <v>25091.320110000001</v>
      </c>
      <c r="AH264">
        <v>318724.28080000001</v>
      </c>
      <c r="AI264">
        <v>83539.284169999999</v>
      </c>
      <c r="AJ264">
        <v>25548.401089999999</v>
      </c>
      <c r="AK264">
        <v>40225.965279999997</v>
      </c>
      <c r="AL264">
        <v>84736.668139999994</v>
      </c>
      <c r="AM264">
        <v>29095.226149999999</v>
      </c>
      <c r="AN264">
        <v>87834.455279999995</v>
      </c>
      <c r="AO264">
        <v>31338.59432</v>
      </c>
      <c r="AP264">
        <v>19807.953099999999</v>
      </c>
    </row>
    <row r="265" spans="2:42" x14ac:dyDescent="0.3">
      <c r="B265">
        <v>61.025963129268767</v>
      </c>
      <c r="C265" s="83">
        <v>43111.958333333336</v>
      </c>
      <c r="D265">
        <v>245773.53969999999</v>
      </c>
      <c r="E265">
        <v>18267.09043</v>
      </c>
      <c r="F265">
        <v>53812.563029999998</v>
      </c>
      <c r="G265">
        <v>46704.013330000002</v>
      </c>
      <c r="H265">
        <v>42075.086710000003</v>
      </c>
      <c r="I265">
        <v>27826.034650000001</v>
      </c>
      <c r="J265">
        <v>37329.544520000003</v>
      </c>
      <c r="K265">
        <v>56067.949000000001</v>
      </c>
      <c r="L265">
        <v>21686.81927</v>
      </c>
      <c r="M265">
        <v>311138.81900000002</v>
      </c>
      <c r="N265">
        <v>82106.613660000003</v>
      </c>
      <c r="O265">
        <v>25302.61349</v>
      </c>
      <c r="P265">
        <v>36229.12758</v>
      </c>
      <c r="Q265">
        <v>84398.034020000006</v>
      </c>
      <c r="R265">
        <v>28320.287120000001</v>
      </c>
      <c r="S265">
        <v>84101.774739999993</v>
      </c>
      <c r="T265">
        <v>32248.43605</v>
      </c>
      <c r="U265">
        <v>19245.948680000001</v>
      </c>
      <c r="W265" s="83">
        <f>Bühler!N297</f>
        <v>45302.958333332695</v>
      </c>
      <c r="X265" s="83">
        <v>43111.958333333336</v>
      </c>
      <c r="Y265">
        <v>245773.53969999999</v>
      </c>
      <c r="Z265">
        <v>18267.09043</v>
      </c>
      <c r="AA265">
        <v>53812.563029999998</v>
      </c>
      <c r="AB265">
        <v>46704.013330000002</v>
      </c>
      <c r="AC265">
        <v>42075.086710000003</v>
      </c>
      <c r="AD265">
        <v>27826.034650000001</v>
      </c>
      <c r="AE265">
        <v>37329.544520000003</v>
      </c>
      <c r="AF265">
        <v>56067.949000000001</v>
      </c>
      <c r="AG265">
        <v>21686.81927</v>
      </c>
      <c r="AH265">
        <v>311138.81900000002</v>
      </c>
      <c r="AI265">
        <v>82106.613660000003</v>
      </c>
      <c r="AJ265">
        <v>25302.61349</v>
      </c>
      <c r="AK265">
        <v>36229.12758</v>
      </c>
      <c r="AL265">
        <v>84398.034020000006</v>
      </c>
      <c r="AM265">
        <v>28320.287120000001</v>
      </c>
      <c r="AN265">
        <v>84101.774739999993</v>
      </c>
      <c r="AO265">
        <v>32248.43605</v>
      </c>
      <c r="AP265">
        <v>19245.948680000001</v>
      </c>
    </row>
    <row r="266" spans="2:42" x14ac:dyDescent="0.3">
      <c r="B266">
        <v>59.944594629367039</v>
      </c>
      <c r="C266" s="83">
        <v>43112</v>
      </c>
      <c r="D266">
        <v>244295.1153</v>
      </c>
      <c r="E266">
        <v>17805.9166</v>
      </c>
      <c r="F266">
        <v>53549.436750000001</v>
      </c>
      <c r="G266">
        <v>45595.7094</v>
      </c>
      <c r="H266">
        <v>41649.210800000001</v>
      </c>
      <c r="I266">
        <v>26115.40249</v>
      </c>
      <c r="J266">
        <v>35505.677900000002</v>
      </c>
      <c r="K266">
        <v>53584.322590000003</v>
      </c>
      <c r="L266">
        <v>19907.95723</v>
      </c>
      <c r="M266">
        <v>305625.49810000003</v>
      </c>
      <c r="N266">
        <v>81534.674360000005</v>
      </c>
      <c r="O266">
        <v>24988.2693</v>
      </c>
      <c r="P266">
        <v>33553.222220000003</v>
      </c>
      <c r="Q266">
        <v>83984.856669999994</v>
      </c>
      <c r="R266">
        <v>26778.56855</v>
      </c>
      <c r="S266">
        <v>82707.884990000006</v>
      </c>
      <c r="T266">
        <v>30746.600740000002</v>
      </c>
      <c r="U266">
        <v>19092.258160000001</v>
      </c>
      <c r="W266" s="83">
        <f>Bühler!N298</f>
        <v>45302.99999999936</v>
      </c>
      <c r="X266" s="83">
        <v>43112</v>
      </c>
      <c r="Y266">
        <v>244295.1153</v>
      </c>
      <c r="Z266">
        <v>17805.9166</v>
      </c>
      <c r="AA266">
        <v>53549.436750000001</v>
      </c>
      <c r="AB266">
        <v>45595.7094</v>
      </c>
      <c r="AC266">
        <v>41649.210800000001</v>
      </c>
      <c r="AD266">
        <v>26115.40249</v>
      </c>
      <c r="AE266">
        <v>35505.677900000002</v>
      </c>
      <c r="AF266">
        <v>53584.322590000003</v>
      </c>
      <c r="AG266">
        <v>19907.95723</v>
      </c>
      <c r="AH266">
        <v>305625.49810000003</v>
      </c>
      <c r="AI266">
        <v>81534.674360000005</v>
      </c>
      <c r="AJ266">
        <v>24988.2693</v>
      </c>
      <c r="AK266">
        <v>33553.222220000003</v>
      </c>
      <c r="AL266">
        <v>83984.856669999994</v>
      </c>
      <c r="AM266">
        <v>26778.56855</v>
      </c>
      <c r="AN266">
        <v>82707.884990000006</v>
      </c>
      <c r="AO266">
        <v>30746.600740000002</v>
      </c>
      <c r="AP266">
        <v>19092.258160000001</v>
      </c>
    </row>
    <row r="267" spans="2:42" x14ac:dyDescent="0.3">
      <c r="B267">
        <v>59.620162733761823</v>
      </c>
      <c r="C267" s="83">
        <v>43112.041666666664</v>
      </c>
      <c r="D267">
        <v>242927.2696</v>
      </c>
      <c r="E267">
        <v>17779.722460000001</v>
      </c>
      <c r="F267">
        <v>54010.374649999998</v>
      </c>
      <c r="G267">
        <v>45052.67396</v>
      </c>
      <c r="H267">
        <v>41311.136509999997</v>
      </c>
      <c r="I267">
        <v>22609.850920000001</v>
      </c>
      <c r="J267">
        <v>34301.892460000003</v>
      </c>
      <c r="K267">
        <v>52056.486720000001</v>
      </c>
      <c r="L267">
        <v>19172.081020000001</v>
      </c>
      <c r="M267">
        <v>303971.39299999998</v>
      </c>
      <c r="N267">
        <v>81769.089019999999</v>
      </c>
      <c r="O267">
        <v>25326.994129999999</v>
      </c>
      <c r="P267">
        <v>32731.198540000001</v>
      </c>
      <c r="Q267">
        <v>84171.418900000004</v>
      </c>
      <c r="R267">
        <v>26252.26614</v>
      </c>
      <c r="S267">
        <v>81326.332880000002</v>
      </c>
      <c r="T267">
        <v>29681.94483</v>
      </c>
      <c r="U267">
        <v>19578.18866</v>
      </c>
      <c r="W267" s="83">
        <f>Bühler!N299</f>
        <v>45303.041666666024</v>
      </c>
      <c r="X267" s="83">
        <v>43112.041666666664</v>
      </c>
      <c r="Y267">
        <v>242927.2696</v>
      </c>
      <c r="Z267">
        <v>17779.722460000001</v>
      </c>
      <c r="AA267">
        <v>54010.374649999998</v>
      </c>
      <c r="AB267">
        <v>45052.67396</v>
      </c>
      <c r="AC267">
        <v>41311.136509999997</v>
      </c>
      <c r="AD267">
        <v>22609.850920000001</v>
      </c>
      <c r="AE267">
        <v>34301.892460000003</v>
      </c>
      <c r="AF267">
        <v>52056.486720000001</v>
      </c>
      <c r="AG267">
        <v>19172.081020000001</v>
      </c>
      <c r="AH267">
        <v>303971.39299999998</v>
      </c>
      <c r="AI267">
        <v>81769.089019999999</v>
      </c>
      <c r="AJ267">
        <v>25326.994129999999</v>
      </c>
      <c r="AK267">
        <v>32731.198540000001</v>
      </c>
      <c r="AL267">
        <v>84171.418900000004</v>
      </c>
      <c r="AM267">
        <v>26252.26614</v>
      </c>
      <c r="AN267">
        <v>81326.332880000002</v>
      </c>
      <c r="AO267">
        <v>29681.94483</v>
      </c>
      <c r="AP267">
        <v>19578.18866</v>
      </c>
    </row>
    <row r="268" spans="2:42" x14ac:dyDescent="0.3">
      <c r="B268">
        <v>59.820879504524598</v>
      </c>
      <c r="C268" s="83">
        <v>43112.083333333336</v>
      </c>
      <c r="D268">
        <v>242781.74799999999</v>
      </c>
      <c r="E268">
        <v>17700.644850000001</v>
      </c>
      <c r="F268">
        <v>54872.656179999998</v>
      </c>
      <c r="G268">
        <v>44740.121339999998</v>
      </c>
      <c r="H268">
        <v>41142.480600000003</v>
      </c>
      <c r="I268">
        <v>20636.119569999999</v>
      </c>
      <c r="J268">
        <v>34051.648509999999</v>
      </c>
      <c r="K268">
        <v>52135.425649999997</v>
      </c>
      <c r="L268">
        <v>18622.84432</v>
      </c>
      <c r="M268">
        <v>304994.74070000002</v>
      </c>
      <c r="N268">
        <v>80888.066049999994</v>
      </c>
      <c r="O268">
        <v>25907.153310000002</v>
      </c>
      <c r="P268">
        <v>31863.180609999999</v>
      </c>
      <c r="Q268">
        <v>86848.602440000002</v>
      </c>
      <c r="R268">
        <v>26676.283479999998</v>
      </c>
      <c r="S268">
        <v>80681.634990000006</v>
      </c>
      <c r="T268">
        <v>29188.86535</v>
      </c>
      <c r="U268">
        <v>20005.928240000001</v>
      </c>
      <c r="W268" s="83">
        <f>Bühler!N300</f>
        <v>45303.083333332688</v>
      </c>
      <c r="X268" s="83">
        <v>43112.083333333336</v>
      </c>
      <c r="Y268">
        <v>242781.74799999999</v>
      </c>
      <c r="Z268">
        <v>17700.644850000001</v>
      </c>
      <c r="AA268">
        <v>54872.656179999998</v>
      </c>
      <c r="AB268">
        <v>44740.121339999998</v>
      </c>
      <c r="AC268">
        <v>41142.480600000003</v>
      </c>
      <c r="AD268">
        <v>20636.119569999999</v>
      </c>
      <c r="AE268">
        <v>34051.648509999999</v>
      </c>
      <c r="AF268">
        <v>52135.425649999997</v>
      </c>
      <c r="AG268">
        <v>18622.84432</v>
      </c>
      <c r="AH268">
        <v>304994.74070000002</v>
      </c>
      <c r="AI268">
        <v>80888.066049999994</v>
      </c>
      <c r="AJ268">
        <v>25907.153310000002</v>
      </c>
      <c r="AK268">
        <v>31863.180609999999</v>
      </c>
      <c r="AL268">
        <v>86848.602440000002</v>
      </c>
      <c r="AM268">
        <v>26676.283479999998</v>
      </c>
      <c r="AN268">
        <v>80681.634990000006</v>
      </c>
      <c r="AO268">
        <v>29188.86535</v>
      </c>
      <c r="AP268">
        <v>20005.928240000001</v>
      </c>
    </row>
    <row r="269" spans="2:42" x14ac:dyDescent="0.3">
      <c r="B269">
        <v>59.999888080591795</v>
      </c>
      <c r="C269" s="83">
        <v>43112.125</v>
      </c>
      <c r="D269">
        <v>244325.71189999999</v>
      </c>
      <c r="E269">
        <v>17921.1983</v>
      </c>
      <c r="F269">
        <v>54963.872940000001</v>
      </c>
      <c r="G269">
        <v>44091.243240000003</v>
      </c>
      <c r="H269">
        <v>41411.09186</v>
      </c>
      <c r="I269">
        <v>20276.498869999999</v>
      </c>
      <c r="J269">
        <v>34492.300819999997</v>
      </c>
      <c r="K269">
        <v>51079.588430000003</v>
      </c>
      <c r="L269">
        <v>18686.734069999999</v>
      </c>
      <c r="M269">
        <v>305907.40990000003</v>
      </c>
      <c r="N269">
        <v>80660.368830000007</v>
      </c>
      <c r="O269">
        <v>25863.928759999999</v>
      </c>
      <c r="P269">
        <v>31809.021560000001</v>
      </c>
      <c r="Q269">
        <v>90435.297200000001</v>
      </c>
      <c r="R269">
        <v>26171.109219999998</v>
      </c>
      <c r="S269">
        <v>80837.351670000004</v>
      </c>
      <c r="T269">
        <v>29071.44052</v>
      </c>
      <c r="U269">
        <v>20079.22853</v>
      </c>
      <c r="W269" s="83">
        <f>Bühler!N301</f>
        <v>45303.124999999352</v>
      </c>
      <c r="X269" s="83">
        <v>43112.125</v>
      </c>
      <c r="Y269">
        <v>244325.71189999999</v>
      </c>
      <c r="Z269">
        <v>17921.1983</v>
      </c>
      <c r="AA269">
        <v>54963.872940000001</v>
      </c>
      <c r="AB269">
        <v>44091.243240000003</v>
      </c>
      <c r="AC269">
        <v>41411.09186</v>
      </c>
      <c r="AD269">
        <v>20276.498869999999</v>
      </c>
      <c r="AE269">
        <v>34492.300819999997</v>
      </c>
      <c r="AF269">
        <v>51079.588430000003</v>
      </c>
      <c r="AG269">
        <v>18686.734069999999</v>
      </c>
      <c r="AH269">
        <v>305907.40990000003</v>
      </c>
      <c r="AI269">
        <v>80660.368830000007</v>
      </c>
      <c r="AJ269">
        <v>25863.928759999999</v>
      </c>
      <c r="AK269">
        <v>31809.021560000001</v>
      </c>
      <c r="AL269">
        <v>90435.297200000001</v>
      </c>
      <c r="AM269">
        <v>26171.109219999998</v>
      </c>
      <c r="AN269">
        <v>80837.351670000004</v>
      </c>
      <c r="AO269">
        <v>29071.44052</v>
      </c>
      <c r="AP269">
        <v>20079.22853</v>
      </c>
    </row>
    <row r="270" spans="2:42" x14ac:dyDescent="0.3">
      <c r="B270">
        <v>61.279419387156764</v>
      </c>
      <c r="C270" s="83">
        <v>43112.166666666664</v>
      </c>
      <c r="D270">
        <v>247757.59760000001</v>
      </c>
      <c r="E270">
        <v>18469.907520000001</v>
      </c>
      <c r="F270">
        <v>60594.176220000001</v>
      </c>
      <c r="G270">
        <v>44127.581890000001</v>
      </c>
      <c r="H270">
        <v>42172.208449999998</v>
      </c>
      <c r="I270">
        <v>22109.652160000001</v>
      </c>
      <c r="J270">
        <v>37026.399920000003</v>
      </c>
      <c r="K270">
        <v>47890.684580000001</v>
      </c>
      <c r="L270">
        <v>18199.029770000001</v>
      </c>
      <c r="M270">
        <v>312431.05719999998</v>
      </c>
      <c r="N270">
        <v>80402.448120000001</v>
      </c>
      <c r="O270">
        <v>26018.97523</v>
      </c>
      <c r="P270">
        <v>31581.991170000001</v>
      </c>
      <c r="Q270">
        <v>94452.904240000003</v>
      </c>
      <c r="R270">
        <v>26562.9473</v>
      </c>
      <c r="S270">
        <v>81840.892489999998</v>
      </c>
      <c r="T270">
        <v>28685.139139999999</v>
      </c>
      <c r="U270">
        <v>20552.76614</v>
      </c>
      <c r="W270" s="83">
        <f>Bühler!N302</f>
        <v>45303.166666666017</v>
      </c>
      <c r="X270" s="83">
        <v>43112.166666666664</v>
      </c>
      <c r="Y270">
        <v>247757.59760000001</v>
      </c>
      <c r="Z270">
        <v>18469.907520000001</v>
      </c>
      <c r="AA270">
        <v>60594.176220000001</v>
      </c>
      <c r="AB270">
        <v>44127.581890000001</v>
      </c>
      <c r="AC270">
        <v>42172.208449999998</v>
      </c>
      <c r="AD270">
        <v>22109.652160000001</v>
      </c>
      <c r="AE270">
        <v>37026.399920000003</v>
      </c>
      <c r="AF270">
        <v>47890.684580000001</v>
      </c>
      <c r="AG270">
        <v>18199.029770000001</v>
      </c>
      <c r="AH270">
        <v>312431.05719999998</v>
      </c>
      <c r="AI270">
        <v>80402.448120000001</v>
      </c>
      <c r="AJ270">
        <v>26018.97523</v>
      </c>
      <c r="AK270">
        <v>31581.991170000001</v>
      </c>
      <c r="AL270">
        <v>94452.904240000003</v>
      </c>
      <c r="AM270">
        <v>26562.9473</v>
      </c>
      <c r="AN270">
        <v>81840.892489999998</v>
      </c>
      <c r="AO270">
        <v>28685.139139999999</v>
      </c>
      <c r="AP270">
        <v>20552.76614</v>
      </c>
    </row>
    <row r="271" spans="2:42" x14ac:dyDescent="0.3">
      <c r="B271">
        <v>63.901023278116881</v>
      </c>
      <c r="C271" s="83">
        <v>43112.208333333336</v>
      </c>
      <c r="D271">
        <v>262275.98790000001</v>
      </c>
      <c r="E271">
        <v>20552.3649</v>
      </c>
      <c r="F271">
        <v>70762.95203</v>
      </c>
      <c r="G271">
        <v>46970.267690000001</v>
      </c>
      <c r="H271">
        <v>43932.034590000003</v>
      </c>
      <c r="I271">
        <v>30298.953079999999</v>
      </c>
      <c r="J271">
        <v>39581.013709999999</v>
      </c>
      <c r="K271">
        <v>48790.019070000002</v>
      </c>
      <c r="L271">
        <v>19045.898659999999</v>
      </c>
      <c r="M271">
        <v>325797.21639999998</v>
      </c>
      <c r="N271">
        <v>82592.168009999994</v>
      </c>
      <c r="O271">
        <v>26393.386450000002</v>
      </c>
      <c r="P271">
        <v>32280.091400000001</v>
      </c>
      <c r="Q271">
        <v>98514.823799999998</v>
      </c>
      <c r="R271">
        <v>26676.025170000001</v>
      </c>
      <c r="S271">
        <v>83428.344339999996</v>
      </c>
      <c r="T271">
        <v>30208.757959999999</v>
      </c>
      <c r="U271">
        <v>21907.303199999998</v>
      </c>
      <c r="W271" s="83">
        <f>Bühler!N303</f>
        <v>45303.208333332681</v>
      </c>
      <c r="X271" s="83">
        <v>43112.208333333336</v>
      </c>
      <c r="Y271">
        <v>262275.98790000001</v>
      </c>
      <c r="Z271">
        <v>20552.3649</v>
      </c>
      <c r="AA271">
        <v>70762.95203</v>
      </c>
      <c r="AB271">
        <v>46970.267690000001</v>
      </c>
      <c r="AC271">
        <v>43932.034590000003</v>
      </c>
      <c r="AD271">
        <v>30298.953079999999</v>
      </c>
      <c r="AE271">
        <v>39581.013709999999</v>
      </c>
      <c r="AF271">
        <v>48790.019070000002</v>
      </c>
      <c r="AG271">
        <v>19045.898659999999</v>
      </c>
      <c r="AH271">
        <v>325797.21639999998</v>
      </c>
      <c r="AI271">
        <v>82592.168009999994</v>
      </c>
      <c r="AJ271">
        <v>26393.386450000002</v>
      </c>
      <c r="AK271">
        <v>32280.091400000001</v>
      </c>
      <c r="AL271">
        <v>98514.823799999998</v>
      </c>
      <c r="AM271">
        <v>26676.025170000001</v>
      </c>
      <c r="AN271">
        <v>83428.344339999996</v>
      </c>
      <c r="AO271">
        <v>30208.757959999999</v>
      </c>
      <c r="AP271">
        <v>21907.303199999998</v>
      </c>
    </row>
    <row r="272" spans="2:42" x14ac:dyDescent="0.3">
      <c r="B272">
        <v>67.461385312994494</v>
      </c>
      <c r="C272" s="83">
        <v>43112.25</v>
      </c>
      <c r="D272">
        <v>276086.77559999999</v>
      </c>
      <c r="E272">
        <v>24611.14934</v>
      </c>
      <c r="F272">
        <v>82899.423500000004</v>
      </c>
      <c r="G272">
        <v>62360.097779999996</v>
      </c>
      <c r="H272">
        <v>47724.441919999997</v>
      </c>
      <c r="I272">
        <v>38548.4833</v>
      </c>
      <c r="J272">
        <v>43203.513599999998</v>
      </c>
      <c r="K272">
        <v>50643.397920000003</v>
      </c>
      <c r="L272">
        <v>21054.113290000001</v>
      </c>
      <c r="M272">
        <v>343949.60239999997</v>
      </c>
      <c r="N272">
        <v>83368.785369999998</v>
      </c>
      <c r="O272">
        <v>27121.939640000001</v>
      </c>
      <c r="P272">
        <v>32433.675569999999</v>
      </c>
      <c r="Q272">
        <v>99814.227429999999</v>
      </c>
      <c r="R272">
        <v>22139.5134</v>
      </c>
      <c r="S272">
        <v>92637.745680000007</v>
      </c>
      <c r="T272">
        <v>33407.20824</v>
      </c>
      <c r="U272">
        <v>23171.928810000001</v>
      </c>
      <c r="W272" s="83">
        <f>Bühler!N304</f>
        <v>45303.249999999345</v>
      </c>
      <c r="X272" s="83">
        <v>43112.25</v>
      </c>
      <c r="Y272">
        <v>276086.77559999999</v>
      </c>
      <c r="Z272">
        <v>24611.14934</v>
      </c>
      <c r="AA272">
        <v>82899.423500000004</v>
      </c>
      <c r="AB272">
        <v>62360.097779999996</v>
      </c>
      <c r="AC272">
        <v>47724.441919999997</v>
      </c>
      <c r="AD272">
        <v>38548.4833</v>
      </c>
      <c r="AE272">
        <v>43203.513599999998</v>
      </c>
      <c r="AF272">
        <v>50643.397920000003</v>
      </c>
      <c r="AG272">
        <v>21054.113290000001</v>
      </c>
      <c r="AH272">
        <v>343949.60239999997</v>
      </c>
      <c r="AI272">
        <v>83368.785369999998</v>
      </c>
      <c r="AJ272">
        <v>27121.939640000001</v>
      </c>
      <c r="AK272">
        <v>32433.675569999999</v>
      </c>
      <c r="AL272">
        <v>99814.227429999999</v>
      </c>
      <c r="AM272">
        <v>22139.5134</v>
      </c>
      <c r="AN272">
        <v>92637.745680000007</v>
      </c>
      <c r="AO272">
        <v>33407.20824</v>
      </c>
      <c r="AP272">
        <v>23171.928810000001</v>
      </c>
    </row>
    <row r="273" spans="2:42" x14ac:dyDescent="0.3">
      <c r="B273">
        <v>68.894892942505805</v>
      </c>
      <c r="C273" s="83">
        <v>43112.291666666664</v>
      </c>
      <c r="D273">
        <v>291430.62709999998</v>
      </c>
      <c r="E273">
        <v>30081.61563</v>
      </c>
      <c r="F273">
        <v>87769.617589999994</v>
      </c>
      <c r="G273">
        <v>78291.066919999997</v>
      </c>
      <c r="H273">
        <v>54257.831720000002</v>
      </c>
      <c r="I273">
        <v>48286.494480000001</v>
      </c>
      <c r="J273">
        <v>46498.608590000003</v>
      </c>
      <c r="K273">
        <v>56750.881430000001</v>
      </c>
      <c r="L273">
        <v>24280.87213</v>
      </c>
      <c r="M273">
        <v>351258.2928</v>
      </c>
      <c r="N273">
        <v>88678.388260000007</v>
      </c>
      <c r="O273">
        <v>29607.528699999999</v>
      </c>
      <c r="P273">
        <v>35491.604050000002</v>
      </c>
      <c r="Q273">
        <v>99076.718179999996</v>
      </c>
      <c r="R273">
        <v>25003.43765</v>
      </c>
      <c r="S273">
        <v>108729.15640000001</v>
      </c>
      <c r="T273">
        <v>35281.748829999997</v>
      </c>
      <c r="U273">
        <v>27716.120770000001</v>
      </c>
      <c r="W273" s="83">
        <f>Bühler!N305</f>
        <v>45303.291666666009</v>
      </c>
      <c r="X273" s="83">
        <v>43112.291666666664</v>
      </c>
      <c r="Y273">
        <v>291430.62709999998</v>
      </c>
      <c r="Z273">
        <v>30081.61563</v>
      </c>
      <c r="AA273">
        <v>87769.617589999994</v>
      </c>
      <c r="AB273">
        <v>78291.066919999997</v>
      </c>
      <c r="AC273">
        <v>54257.831720000002</v>
      </c>
      <c r="AD273">
        <v>48286.494480000001</v>
      </c>
      <c r="AE273">
        <v>46498.608590000003</v>
      </c>
      <c r="AF273">
        <v>56750.881430000001</v>
      </c>
      <c r="AG273">
        <v>24280.87213</v>
      </c>
      <c r="AH273">
        <v>351258.2928</v>
      </c>
      <c r="AI273">
        <v>88678.388260000007</v>
      </c>
      <c r="AJ273">
        <v>29607.528699999999</v>
      </c>
      <c r="AK273">
        <v>35491.604050000002</v>
      </c>
      <c r="AL273">
        <v>99076.718179999996</v>
      </c>
      <c r="AM273">
        <v>25003.43765</v>
      </c>
      <c r="AN273">
        <v>108729.15640000001</v>
      </c>
      <c r="AO273">
        <v>35281.748829999997</v>
      </c>
      <c r="AP273">
        <v>27716.120770000001</v>
      </c>
    </row>
    <row r="274" spans="2:42" x14ac:dyDescent="0.3">
      <c r="B274">
        <v>69.669197495134426</v>
      </c>
      <c r="C274" s="83">
        <v>43112.333333333336</v>
      </c>
      <c r="D274">
        <v>302583.56689999998</v>
      </c>
      <c r="E274">
        <v>37155.933700000001</v>
      </c>
      <c r="F274">
        <v>95458.581080000004</v>
      </c>
      <c r="G274">
        <v>97094.25632</v>
      </c>
      <c r="H274">
        <v>60164.866730000002</v>
      </c>
      <c r="I274">
        <v>51992.991410000002</v>
      </c>
      <c r="J274">
        <v>47978.02392</v>
      </c>
      <c r="K274">
        <v>60799.873970000001</v>
      </c>
      <c r="L274">
        <v>27501.4594</v>
      </c>
      <c r="M274">
        <v>355206.05849999998</v>
      </c>
      <c r="N274">
        <v>95425.176930000001</v>
      </c>
      <c r="O274">
        <v>31921.620320000002</v>
      </c>
      <c r="P274">
        <v>37486.120900000002</v>
      </c>
      <c r="Q274">
        <v>99130.426890000002</v>
      </c>
      <c r="R274">
        <v>25755.679110000001</v>
      </c>
      <c r="S274">
        <v>126056.948</v>
      </c>
      <c r="T274">
        <v>38743.990640000004</v>
      </c>
      <c r="U274">
        <v>31756.153200000001</v>
      </c>
      <c r="W274" s="83">
        <f>Bühler!N306</f>
        <v>45303.333333332674</v>
      </c>
      <c r="X274" s="83">
        <v>43112.333333333336</v>
      </c>
      <c r="Y274">
        <v>302583.56689999998</v>
      </c>
      <c r="Z274">
        <v>37155.933700000001</v>
      </c>
      <c r="AA274">
        <v>95458.581080000004</v>
      </c>
      <c r="AB274">
        <v>97094.25632</v>
      </c>
      <c r="AC274">
        <v>60164.866730000002</v>
      </c>
      <c r="AD274">
        <v>51992.991410000002</v>
      </c>
      <c r="AE274">
        <v>47978.02392</v>
      </c>
      <c r="AF274">
        <v>60799.873970000001</v>
      </c>
      <c r="AG274">
        <v>27501.4594</v>
      </c>
      <c r="AH274">
        <v>355206.05849999998</v>
      </c>
      <c r="AI274">
        <v>95425.176930000001</v>
      </c>
      <c r="AJ274">
        <v>31921.620320000002</v>
      </c>
      <c r="AK274">
        <v>37486.120900000002</v>
      </c>
      <c r="AL274">
        <v>99130.426890000002</v>
      </c>
      <c r="AM274">
        <v>25755.679110000001</v>
      </c>
      <c r="AN274">
        <v>126056.948</v>
      </c>
      <c r="AO274">
        <v>38743.990640000004</v>
      </c>
      <c r="AP274">
        <v>31756.153200000001</v>
      </c>
    </row>
    <row r="275" spans="2:42" x14ac:dyDescent="0.3">
      <c r="B275">
        <v>68.382115349274272</v>
      </c>
      <c r="C275" s="83">
        <v>43112.375</v>
      </c>
      <c r="D275">
        <v>303794.08230000001</v>
      </c>
      <c r="E275">
        <v>41120.546399999999</v>
      </c>
      <c r="F275">
        <v>101135.4038</v>
      </c>
      <c r="G275">
        <v>105619.95450000001</v>
      </c>
      <c r="H275">
        <v>60996.335350000001</v>
      </c>
      <c r="I275">
        <v>49044.310949999999</v>
      </c>
      <c r="J275">
        <v>46332.021220000002</v>
      </c>
      <c r="K275">
        <v>58181.786500000002</v>
      </c>
      <c r="L275">
        <v>29807.23</v>
      </c>
      <c r="M275">
        <v>348643.91350000002</v>
      </c>
      <c r="N275">
        <v>101530.005</v>
      </c>
      <c r="O275">
        <v>31664.901600000001</v>
      </c>
      <c r="P275">
        <v>38769.387320000002</v>
      </c>
      <c r="Q275">
        <v>99705.206210000004</v>
      </c>
      <c r="R275">
        <v>25162.700830000002</v>
      </c>
      <c r="S275">
        <v>134482.95060000001</v>
      </c>
      <c r="T275">
        <v>40851.709360000001</v>
      </c>
      <c r="U275">
        <v>31134.661639999998</v>
      </c>
      <c r="W275" s="83">
        <f>Bühler!N307</f>
        <v>45303.374999999338</v>
      </c>
      <c r="X275" s="83">
        <v>43112.375</v>
      </c>
      <c r="Y275">
        <v>303794.08230000001</v>
      </c>
      <c r="Z275">
        <v>41120.546399999999</v>
      </c>
      <c r="AA275">
        <v>101135.4038</v>
      </c>
      <c r="AB275">
        <v>105619.95450000001</v>
      </c>
      <c r="AC275">
        <v>60996.335350000001</v>
      </c>
      <c r="AD275">
        <v>49044.310949999999</v>
      </c>
      <c r="AE275">
        <v>46332.021220000002</v>
      </c>
      <c r="AF275">
        <v>58181.786500000002</v>
      </c>
      <c r="AG275">
        <v>29807.23</v>
      </c>
      <c r="AH275">
        <v>348643.91350000002</v>
      </c>
      <c r="AI275">
        <v>101530.005</v>
      </c>
      <c r="AJ275">
        <v>31664.901600000001</v>
      </c>
      <c r="AK275">
        <v>38769.387320000002</v>
      </c>
      <c r="AL275">
        <v>99705.206210000004</v>
      </c>
      <c r="AM275">
        <v>25162.700830000002</v>
      </c>
      <c r="AN275">
        <v>134482.95060000001</v>
      </c>
      <c r="AO275">
        <v>40851.709360000001</v>
      </c>
      <c r="AP275">
        <v>31134.661639999998</v>
      </c>
    </row>
    <row r="276" spans="2:42" x14ac:dyDescent="0.3">
      <c r="B276">
        <v>68.275221851612983</v>
      </c>
      <c r="C276" s="83">
        <v>43112.416666666664</v>
      </c>
      <c r="D276">
        <v>302432.05989999999</v>
      </c>
      <c r="E276">
        <v>42073.365409999999</v>
      </c>
      <c r="F276">
        <v>102279.62910000001</v>
      </c>
      <c r="G276">
        <v>106065.27069999999</v>
      </c>
      <c r="H276">
        <v>61982.499109999997</v>
      </c>
      <c r="I276">
        <v>46275.963730000003</v>
      </c>
      <c r="J276">
        <v>45293.713190000002</v>
      </c>
      <c r="K276">
        <v>60825.311780000004</v>
      </c>
      <c r="L276">
        <v>31865.44713</v>
      </c>
      <c r="M276">
        <v>348098.92060000001</v>
      </c>
      <c r="N276">
        <v>105005.3673</v>
      </c>
      <c r="O276">
        <v>31307.04664</v>
      </c>
      <c r="P276">
        <v>40430.050759999998</v>
      </c>
      <c r="Q276">
        <v>99649.276180000001</v>
      </c>
      <c r="R276">
        <v>26347.302739999999</v>
      </c>
      <c r="S276">
        <v>131761.16699999999</v>
      </c>
      <c r="T276">
        <v>41541.293510000003</v>
      </c>
      <c r="U276">
        <v>30917.656729999999</v>
      </c>
      <c r="W276" s="83">
        <f>Bühler!N308</f>
        <v>45303.416666666002</v>
      </c>
      <c r="X276" s="83">
        <v>43112.416666666664</v>
      </c>
      <c r="Y276">
        <v>302432.05989999999</v>
      </c>
      <c r="Z276">
        <v>42073.365409999999</v>
      </c>
      <c r="AA276">
        <v>102279.62910000001</v>
      </c>
      <c r="AB276">
        <v>106065.27069999999</v>
      </c>
      <c r="AC276">
        <v>61982.499109999997</v>
      </c>
      <c r="AD276">
        <v>46275.963730000003</v>
      </c>
      <c r="AE276">
        <v>45293.713190000002</v>
      </c>
      <c r="AF276">
        <v>60825.311780000004</v>
      </c>
      <c r="AG276">
        <v>31865.44713</v>
      </c>
      <c r="AH276">
        <v>348098.92060000001</v>
      </c>
      <c r="AI276">
        <v>105005.3673</v>
      </c>
      <c r="AJ276">
        <v>31307.04664</v>
      </c>
      <c r="AK276">
        <v>40430.050759999998</v>
      </c>
      <c r="AL276">
        <v>99649.276180000001</v>
      </c>
      <c r="AM276">
        <v>26347.302739999999</v>
      </c>
      <c r="AN276">
        <v>131761.16699999999</v>
      </c>
      <c r="AO276">
        <v>41541.293510000003</v>
      </c>
      <c r="AP276">
        <v>30917.656729999999</v>
      </c>
    </row>
    <row r="277" spans="2:42" x14ac:dyDescent="0.3">
      <c r="B277">
        <v>68.925630832978953</v>
      </c>
      <c r="C277" s="83">
        <v>43112.458333333336</v>
      </c>
      <c r="D277">
        <v>297568.61070000002</v>
      </c>
      <c r="E277">
        <v>41930.190949999997</v>
      </c>
      <c r="F277">
        <v>102051.2387</v>
      </c>
      <c r="G277">
        <v>102583.76700000001</v>
      </c>
      <c r="H277">
        <v>61030.943659999997</v>
      </c>
      <c r="I277">
        <v>45304.385110000003</v>
      </c>
      <c r="J277">
        <v>43856.422610000001</v>
      </c>
      <c r="K277">
        <v>65613.510320000001</v>
      </c>
      <c r="L277">
        <v>33789.683850000001</v>
      </c>
      <c r="M277">
        <v>351415.00890000002</v>
      </c>
      <c r="N277">
        <v>103156.8769</v>
      </c>
      <c r="O277">
        <v>32260.964940000002</v>
      </c>
      <c r="P277">
        <v>39384.420239999999</v>
      </c>
      <c r="Q277">
        <v>98810.189830000003</v>
      </c>
      <c r="R277">
        <v>28668.583910000001</v>
      </c>
      <c r="S277">
        <v>133937.8737</v>
      </c>
      <c r="T277">
        <v>41199.280350000001</v>
      </c>
      <c r="U277">
        <v>29825.859</v>
      </c>
      <c r="W277" s="83">
        <f>Bühler!N309</f>
        <v>45303.458333332666</v>
      </c>
      <c r="X277" s="83">
        <v>43112.458333333336</v>
      </c>
      <c r="Y277">
        <v>297568.61070000002</v>
      </c>
      <c r="Z277">
        <v>41930.190949999997</v>
      </c>
      <c r="AA277">
        <v>102051.2387</v>
      </c>
      <c r="AB277">
        <v>102583.76700000001</v>
      </c>
      <c r="AC277">
        <v>61030.943659999997</v>
      </c>
      <c r="AD277">
        <v>45304.385110000003</v>
      </c>
      <c r="AE277">
        <v>43856.422610000001</v>
      </c>
      <c r="AF277">
        <v>65613.510320000001</v>
      </c>
      <c r="AG277">
        <v>33789.683850000001</v>
      </c>
      <c r="AH277">
        <v>351415.00890000002</v>
      </c>
      <c r="AI277">
        <v>103156.8769</v>
      </c>
      <c r="AJ277">
        <v>32260.964940000002</v>
      </c>
      <c r="AK277">
        <v>39384.420239999999</v>
      </c>
      <c r="AL277">
        <v>98810.189830000003</v>
      </c>
      <c r="AM277">
        <v>28668.583910000001</v>
      </c>
      <c r="AN277">
        <v>133937.8737</v>
      </c>
      <c r="AO277">
        <v>41199.280350000001</v>
      </c>
      <c r="AP277">
        <v>29825.859</v>
      </c>
    </row>
    <row r="278" spans="2:42" x14ac:dyDescent="0.3">
      <c r="B278">
        <v>67.738243314073031</v>
      </c>
      <c r="C278" s="83">
        <v>43112.5</v>
      </c>
      <c r="D278">
        <v>284730.56920000003</v>
      </c>
      <c r="E278">
        <v>37119.88248</v>
      </c>
      <c r="F278">
        <v>99861.682849999997</v>
      </c>
      <c r="G278">
        <v>98882.217860000004</v>
      </c>
      <c r="H278">
        <v>57280.080520000003</v>
      </c>
      <c r="I278">
        <v>42800.202010000001</v>
      </c>
      <c r="J278">
        <v>43363.951070000003</v>
      </c>
      <c r="K278">
        <v>62908.083460000002</v>
      </c>
      <c r="L278">
        <v>36365.366399999999</v>
      </c>
      <c r="M278">
        <v>345361.15360000002</v>
      </c>
      <c r="N278">
        <v>100386.11960000001</v>
      </c>
      <c r="O278">
        <v>31553.208350000001</v>
      </c>
      <c r="P278">
        <v>39770.0409</v>
      </c>
      <c r="Q278">
        <v>96889.938810000007</v>
      </c>
      <c r="R278">
        <v>29000.66073</v>
      </c>
      <c r="S278">
        <v>125105.10739999999</v>
      </c>
      <c r="T278">
        <v>40839.938020000001</v>
      </c>
      <c r="U278">
        <v>25550.307710000001</v>
      </c>
      <c r="W278" s="83">
        <f>Bühler!N310</f>
        <v>45303.499999999331</v>
      </c>
      <c r="X278" s="83">
        <v>43112.5</v>
      </c>
      <c r="Y278">
        <v>284730.56920000003</v>
      </c>
      <c r="Z278">
        <v>37119.88248</v>
      </c>
      <c r="AA278">
        <v>99861.682849999997</v>
      </c>
      <c r="AB278">
        <v>98882.217860000004</v>
      </c>
      <c r="AC278">
        <v>57280.080520000003</v>
      </c>
      <c r="AD278">
        <v>42800.202010000001</v>
      </c>
      <c r="AE278">
        <v>43363.951070000003</v>
      </c>
      <c r="AF278">
        <v>62908.083460000002</v>
      </c>
      <c r="AG278">
        <v>36365.366399999999</v>
      </c>
      <c r="AH278">
        <v>345361.15360000002</v>
      </c>
      <c r="AI278">
        <v>100386.11960000001</v>
      </c>
      <c r="AJ278">
        <v>31553.208350000001</v>
      </c>
      <c r="AK278">
        <v>39770.0409</v>
      </c>
      <c r="AL278">
        <v>96889.938810000007</v>
      </c>
      <c r="AM278">
        <v>29000.66073</v>
      </c>
      <c r="AN278">
        <v>125105.10739999999</v>
      </c>
      <c r="AO278">
        <v>40839.938020000001</v>
      </c>
      <c r="AP278">
        <v>25550.307710000001</v>
      </c>
    </row>
    <row r="279" spans="2:42" x14ac:dyDescent="0.3">
      <c r="B279">
        <v>66.874204953409787</v>
      </c>
      <c r="C279" s="83">
        <v>43112.541666666664</v>
      </c>
      <c r="D279">
        <v>282319.73119999998</v>
      </c>
      <c r="E279">
        <v>36082.331359999996</v>
      </c>
      <c r="F279">
        <v>98842.258889999997</v>
      </c>
      <c r="G279">
        <v>95273.367870000002</v>
      </c>
      <c r="H279">
        <v>56598.432159999997</v>
      </c>
      <c r="I279">
        <v>41474.485209999999</v>
      </c>
      <c r="J279">
        <v>42488.761200000001</v>
      </c>
      <c r="K279">
        <v>63896.204870000001</v>
      </c>
      <c r="L279">
        <v>34671.710610000002</v>
      </c>
      <c r="M279">
        <v>340955.88309999998</v>
      </c>
      <c r="N279">
        <v>99086.369099999996</v>
      </c>
      <c r="O279">
        <v>31486.16289</v>
      </c>
      <c r="P279">
        <v>38092.765939999997</v>
      </c>
      <c r="Q279">
        <v>93886.015700000004</v>
      </c>
      <c r="R279">
        <v>29063.861529999998</v>
      </c>
      <c r="S279">
        <v>123029.3521</v>
      </c>
      <c r="T279">
        <v>39845.625919999999</v>
      </c>
      <c r="U279">
        <v>26030.150689999999</v>
      </c>
      <c r="W279" s="83">
        <f>Bühler!N311</f>
        <v>45303.541666665995</v>
      </c>
      <c r="X279" s="83">
        <v>43112.541666666664</v>
      </c>
      <c r="Y279">
        <v>282319.73119999998</v>
      </c>
      <c r="Z279">
        <v>36082.331359999996</v>
      </c>
      <c r="AA279">
        <v>98842.258889999997</v>
      </c>
      <c r="AB279">
        <v>95273.367870000002</v>
      </c>
      <c r="AC279">
        <v>56598.432159999997</v>
      </c>
      <c r="AD279">
        <v>41474.485209999999</v>
      </c>
      <c r="AE279">
        <v>42488.761200000001</v>
      </c>
      <c r="AF279">
        <v>63896.204870000001</v>
      </c>
      <c r="AG279">
        <v>34671.710610000002</v>
      </c>
      <c r="AH279">
        <v>340955.88309999998</v>
      </c>
      <c r="AI279">
        <v>99086.369099999996</v>
      </c>
      <c r="AJ279">
        <v>31486.16289</v>
      </c>
      <c r="AK279">
        <v>38092.765939999997</v>
      </c>
      <c r="AL279">
        <v>93886.015700000004</v>
      </c>
      <c r="AM279">
        <v>29063.861529999998</v>
      </c>
      <c r="AN279">
        <v>123029.3521</v>
      </c>
      <c r="AO279">
        <v>39845.625919999999</v>
      </c>
      <c r="AP279">
        <v>26030.150689999999</v>
      </c>
    </row>
    <row r="280" spans="2:42" x14ac:dyDescent="0.3">
      <c r="B280">
        <v>66.899087337933153</v>
      </c>
      <c r="C280" s="83">
        <v>43112.583333333336</v>
      </c>
      <c r="D280">
        <v>283110.60849999997</v>
      </c>
      <c r="E280">
        <v>38926.604729999999</v>
      </c>
      <c r="F280">
        <v>100062.85830000001</v>
      </c>
      <c r="G280">
        <v>87973.613200000007</v>
      </c>
      <c r="H280">
        <v>56030.338380000001</v>
      </c>
      <c r="I280">
        <v>41455.585590000002</v>
      </c>
      <c r="J280">
        <v>41871.220419999998</v>
      </c>
      <c r="K280">
        <v>65242.247490000002</v>
      </c>
      <c r="L280">
        <v>31442.977579999999</v>
      </c>
      <c r="M280">
        <v>341082.7451</v>
      </c>
      <c r="N280">
        <v>99507.091190000006</v>
      </c>
      <c r="O280">
        <v>30014.144660000002</v>
      </c>
      <c r="P280">
        <v>36086.810010000001</v>
      </c>
      <c r="Q280">
        <v>91833.775859999994</v>
      </c>
      <c r="R280">
        <v>27702.88838</v>
      </c>
      <c r="S280">
        <v>118400.461</v>
      </c>
      <c r="T280">
        <v>38217.033430000003</v>
      </c>
      <c r="U280">
        <v>25717.955880000001</v>
      </c>
      <c r="W280" s="83">
        <f>Bühler!N312</f>
        <v>45303.583333332659</v>
      </c>
      <c r="X280" s="83">
        <v>43112.583333333336</v>
      </c>
      <c r="Y280">
        <v>283110.60849999997</v>
      </c>
      <c r="Z280">
        <v>38926.604729999999</v>
      </c>
      <c r="AA280">
        <v>100062.85830000001</v>
      </c>
      <c r="AB280">
        <v>87973.613200000007</v>
      </c>
      <c r="AC280">
        <v>56030.338380000001</v>
      </c>
      <c r="AD280">
        <v>41455.585590000002</v>
      </c>
      <c r="AE280">
        <v>41871.220419999998</v>
      </c>
      <c r="AF280">
        <v>65242.247490000002</v>
      </c>
      <c r="AG280">
        <v>31442.977579999999</v>
      </c>
      <c r="AH280">
        <v>341082.7451</v>
      </c>
      <c r="AI280">
        <v>99507.091190000006</v>
      </c>
      <c r="AJ280">
        <v>30014.144660000002</v>
      </c>
      <c r="AK280">
        <v>36086.810010000001</v>
      </c>
      <c r="AL280">
        <v>91833.775859999994</v>
      </c>
      <c r="AM280">
        <v>27702.88838</v>
      </c>
      <c r="AN280">
        <v>118400.461</v>
      </c>
      <c r="AO280">
        <v>38217.033430000003</v>
      </c>
      <c r="AP280">
        <v>25717.955880000001</v>
      </c>
    </row>
    <row r="281" spans="2:42" x14ac:dyDescent="0.3">
      <c r="B281">
        <v>66.165305167162757</v>
      </c>
      <c r="C281" s="83">
        <v>43112.625</v>
      </c>
      <c r="D281">
        <v>277826.5577</v>
      </c>
      <c r="E281">
        <v>38536.773739999997</v>
      </c>
      <c r="F281">
        <v>100343.9293</v>
      </c>
      <c r="G281">
        <v>81789.004799999995</v>
      </c>
      <c r="H281">
        <v>53870.247210000001</v>
      </c>
      <c r="I281">
        <v>41593.697460000003</v>
      </c>
      <c r="J281">
        <v>41720.395210000002</v>
      </c>
      <c r="K281">
        <v>64150.731099999997</v>
      </c>
      <c r="L281">
        <v>28457.72395</v>
      </c>
      <c r="M281">
        <v>337341.58140000002</v>
      </c>
      <c r="N281">
        <v>96773.177720000007</v>
      </c>
      <c r="O281">
        <v>29889.08495</v>
      </c>
      <c r="P281">
        <v>33691.384050000001</v>
      </c>
      <c r="Q281">
        <v>91322.764999999999</v>
      </c>
      <c r="R281">
        <v>27144.948509999998</v>
      </c>
      <c r="S281">
        <v>115411.5402</v>
      </c>
      <c r="T281">
        <v>37507.580670000003</v>
      </c>
      <c r="U281">
        <v>24169.822400000001</v>
      </c>
      <c r="W281" s="83">
        <f>Bühler!N313</f>
        <v>45303.624999999323</v>
      </c>
      <c r="X281" s="83">
        <v>43112.625</v>
      </c>
      <c r="Y281">
        <v>277826.5577</v>
      </c>
      <c r="Z281">
        <v>38536.773739999997</v>
      </c>
      <c r="AA281">
        <v>100343.9293</v>
      </c>
      <c r="AB281">
        <v>81789.004799999995</v>
      </c>
      <c r="AC281">
        <v>53870.247210000001</v>
      </c>
      <c r="AD281">
        <v>41593.697460000003</v>
      </c>
      <c r="AE281">
        <v>41720.395210000002</v>
      </c>
      <c r="AF281">
        <v>64150.731099999997</v>
      </c>
      <c r="AG281">
        <v>28457.72395</v>
      </c>
      <c r="AH281">
        <v>337341.58140000002</v>
      </c>
      <c r="AI281">
        <v>96773.177720000007</v>
      </c>
      <c r="AJ281">
        <v>29889.08495</v>
      </c>
      <c r="AK281">
        <v>33691.384050000001</v>
      </c>
      <c r="AL281">
        <v>91322.764999999999</v>
      </c>
      <c r="AM281">
        <v>27144.948509999998</v>
      </c>
      <c r="AN281">
        <v>115411.5402</v>
      </c>
      <c r="AO281">
        <v>37507.580670000003</v>
      </c>
      <c r="AP281">
        <v>24169.822400000001</v>
      </c>
    </row>
    <row r="282" spans="2:42" x14ac:dyDescent="0.3">
      <c r="B282">
        <v>64.885076886299686</v>
      </c>
      <c r="C282" s="83">
        <v>43112.666666666664</v>
      </c>
      <c r="D282">
        <v>268477.14870000002</v>
      </c>
      <c r="E282">
        <v>37543.386659999996</v>
      </c>
      <c r="F282">
        <v>100287.2641</v>
      </c>
      <c r="G282">
        <v>75119.457120000006</v>
      </c>
      <c r="H282">
        <v>52668.267619999999</v>
      </c>
      <c r="I282">
        <v>42418.439250000003</v>
      </c>
      <c r="J282">
        <v>40885.109270000001</v>
      </c>
      <c r="K282">
        <v>58544.413809999998</v>
      </c>
      <c r="L282">
        <v>27029.747360000001</v>
      </c>
      <c r="M282">
        <v>330814.38059999997</v>
      </c>
      <c r="N282">
        <v>92340.298420000006</v>
      </c>
      <c r="O282">
        <v>29217.81997</v>
      </c>
      <c r="P282">
        <v>34493.755389999998</v>
      </c>
      <c r="Q282">
        <v>90223.322320000007</v>
      </c>
      <c r="R282">
        <v>26284.794249999999</v>
      </c>
      <c r="S282">
        <v>113672.2838</v>
      </c>
      <c r="T282">
        <v>37741.381410000002</v>
      </c>
      <c r="U282">
        <v>22830.400600000001</v>
      </c>
      <c r="W282" s="83">
        <f>Bühler!N314</f>
        <v>45303.666666665988</v>
      </c>
      <c r="X282" s="83">
        <v>43112.666666666664</v>
      </c>
      <c r="Y282">
        <v>268477.14870000002</v>
      </c>
      <c r="Z282">
        <v>37543.386659999996</v>
      </c>
      <c r="AA282">
        <v>100287.2641</v>
      </c>
      <c r="AB282">
        <v>75119.457120000006</v>
      </c>
      <c r="AC282">
        <v>52668.267619999999</v>
      </c>
      <c r="AD282">
        <v>42418.439250000003</v>
      </c>
      <c r="AE282">
        <v>40885.109270000001</v>
      </c>
      <c r="AF282">
        <v>58544.413809999998</v>
      </c>
      <c r="AG282">
        <v>27029.747360000001</v>
      </c>
      <c r="AH282">
        <v>330814.38059999997</v>
      </c>
      <c r="AI282">
        <v>92340.298420000006</v>
      </c>
      <c r="AJ282">
        <v>29217.81997</v>
      </c>
      <c r="AK282">
        <v>34493.755389999998</v>
      </c>
      <c r="AL282">
        <v>90223.322320000007</v>
      </c>
      <c r="AM282">
        <v>26284.794249999999</v>
      </c>
      <c r="AN282">
        <v>113672.2838</v>
      </c>
      <c r="AO282">
        <v>37741.381410000002</v>
      </c>
      <c r="AP282">
        <v>22830.400600000001</v>
      </c>
    </row>
    <row r="283" spans="2:42" x14ac:dyDescent="0.3">
      <c r="B283">
        <v>64.815111983900607</v>
      </c>
      <c r="C283" s="83">
        <v>43112.708333333336</v>
      </c>
      <c r="D283">
        <v>258217.2501</v>
      </c>
      <c r="E283">
        <v>36111.665269999998</v>
      </c>
      <c r="F283">
        <v>101570.1534</v>
      </c>
      <c r="G283">
        <v>66084.680670000002</v>
      </c>
      <c r="H283">
        <v>52600.408499999998</v>
      </c>
      <c r="I283">
        <v>41808.561710000002</v>
      </c>
      <c r="J283">
        <v>42088.280350000001</v>
      </c>
      <c r="K283">
        <v>53945.11765</v>
      </c>
      <c r="L283">
        <v>28175.312740000001</v>
      </c>
      <c r="M283">
        <v>330457.66690000001</v>
      </c>
      <c r="N283">
        <v>87580.980660000001</v>
      </c>
      <c r="O283">
        <v>28576.02651</v>
      </c>
      <c r="P283">
        <v>35575.088499999998</v>
      </c>
      <c r="Q283">
        <v>88507.008820000003</v>
      </c>
      <c r="R283">
        <v>25450.90539</v>
      </c>
      <c r="S283">
        <v>112947.2631</v>
      </c>
      <c r="T283">
        <v>38173.735410000001</v>
      </c>
      <c r="U283">
        <v>22312.29465</v>
      </c>
      <c r="W283" s="83">
        <f>Bühler!N315</f>
        <v>45303.708333332652</v>
      </c>
      <c r="X283" s="83">
        <v>43112.708333333336</v>
      </c>
      <c r="Y283">
        <v>258217.2501</v>
      </c>
      <c r="Z283">
        <v>36111.665269999998</v>
      </c>
      <c r="AA283">
        <v>101570.1534</v>
      </c>
      <c r="AB283">
        <v>66084.680670000002</v>
      </c>
      <c r="AC283">
        <v>52600.408499999998</v>
      </c>
      <c r="AD283">
        <v>41808.561710000002</v>
      </c>
      <c r="AE283">
        <v>42088.280350000001</v>
      </c>
      <c r="AF283">
        <v>53945.11765</v>
      </c>
      <c r="AG283">
        <v>28175.312740000001</v>
      </c>
      <c r="AH283">
        <v>330457.66690000001</v>
      </c>
      <c r="AI283">
        <v>87580.980660000001</v>
      </c>
      <c r="AJ283">
        <v>28576.02651</v>
      </c>
      <c r="AK283">
        <v>35575.088499999998</v>
      </c>
      <c r="AL283">
        <v>88507.008820000003</v>
      </c>
      <c r="AM283">
        <v>25450.90539</v>
      </c>
      <c r="AN283">
        <v>112947.2631</v>
      </c>
      <c r="AO283">
        <v>38173.735410000001</v>
      </c>
      <c r="AP283">
        <v>22312.29465</v>
      </c>
    </row>
    <row r="284" spans="2:42" x14ac:dyDescent="0.3">
      <c r="B284">
        <v>62.385453637808901</v>
      </c>
      <c r="C284" s="83">
        <v>43112.75</v>
      </c>
      <c r="D284">
        <v>248875.6097</v>
      </c>
      <c r="E284">
        <v>33218.178720000004</v>
      </c>
      <c r="F284">
        <v>98482.645969999998</v>
      </c>
      <c r="G284">
        <v>56590.844749999997</v>
      </c>
      <c r="H284">
        <v>50798.809609999997</v>
      </c>
      <c r="I284">
        <v>39509.851519999997</v>
      </c>
      <c r="J284">
        <v>43410.208700000003</v>
      </c>
      <c r="K284">
        <v>48366.798289999999</v>
      </c>
      <c r="L284">
        <v>29522.91992</v>
      </c>
      <c r="M284">
        <v>318070.13559999998</v>
      </c>
      <c r="N284">
        <v>84311.049759999994</v>
      </c>
      <c r="O284">
        <v>27226.097470000001</v>
      </c>
      <c r="P284">
        <v>38786.370909999998</v>
      </c>
      <c r="Q284">
        <v>86678.804440000007</v>
      </c>
      <c r="R284">
        <v>23753.721870000001</v>
      </c>
      <c r="S284">
        <v>107621.0711</v>
      </c>
      <c r="T284">
        <v>38591.647649999999</v>
      </c>
      <c r="U284">
        <v>21051.9653</v>
      </c>
      <c r="W284" s="83">
        <f>Bühler!N316</f>
        <v>45303.749999999316</v>
      </c>
      <c r="X284" s="83">
        <v>43112.75</v>
      </c>
      <c r="Y284">
        <v>248875.6097</v>
      </c>
      <c r="Z284">
        <v>33218.178720000004</v>
      </c>
      <c r="AA284">
        <v>98482.645969999998</v>
      </c>
      <c r="AB284">
        <v>56590.844749999997</v>
      </c>
      <c r="AC284">
        <v>50798.809609999997</v>
      </c>
      <c r="AD284">
        <v>39509.851519999997</v>
      </c>
      <c r="AE284">
        <v>43410.208700000003</v>
      </c>
      <c r="AF284">
        <v>48366.798289999999</v>
      </c>
      <c r="AG284">
        <v>29522.91992</v>
      </c>
      <c r="AH284">
        <v>318070.13559999998</v>
      </c>
      <c r="AI284">
        <v>84311.049759999994</v>
      </c>
      <c r="AJ284">
        <v>27226.097470000001</v>
      </c>
      <c r="AK284">
        <v>38786.370909999998</v>
      </c>
      <c r="AL284">
        <v>86678.804440000007</v>
      </c>
      <c r="AM284">
        <v>23753.721870000001</v>
      </c>
      <c r="AN284">
        <v>107621.0711</v>
      </c>
      <c r="AO284">
        <v>38591.647649999999</v>
      </c>
      <c r="AP284">
        <v>21051.9653</v>
      </c>
    </row>
    <row r="285" spans="2:42" x14ac:dyDescent="0.3">
      <c r="B285">
        <v>61.443384027488065</v>
      </c>
      <c r="C285" s="83">
        <v>43112.791666666664</v>
      </c>
      <c r="D285">
        <v>240904.13070000001</v>
      </c>
      <c r="E285">
        <v>27525.280320000002</v>
      </c>
      <c r="F285">
        <v>85601.916589999993</v>
      </c>
      <c r="G285">
        <v>50601.225830000003</v>
      </c>
      <c r="H285">
        <v>48135.960180000002</v>
      </c>
      <c r="I285">
        <v>35641.293680000002</v>
      </c>
      <c r="J285">
        <v>43074.830900000001</v>
      </c>
      <c r="K285">
        <v>47364.996279999999</v>
      </c>
      <c r="L285">
        <v>30609.537120000001</v>
      </c>
      <c r="M285">
        <v>313267.02539999998</v>
      </c>
      <c r="N285">
        <v>83020.264089999997</v>
      </c>
      <c r="O285">
        <v>25659.377519999998</v>
      </c>
      <c r="P285">
        <v>38337.124940000002</v>
      </c>
      <c r="Q285">
        <v>84653.870699999999</v>
      </c>
      <c r="R285">
        <v>23009.41692</v>
      </c>
      <c r="S285">
        <v>102210.57550000001</v>
      </c>
      <c r="T285">
        <v>37848.494989999999</v>
      </c>
      <c r="U285">
        <v>19769.501840000001</v>
      </c>
      <c r="W285" s="83">
        <f>Bühler!N317</f>
        <v>45303.79166666598</v>
      </c>
      <c r="X285" s="83">
        <v>43112.791666666664</v>
      </c>
      <c r="Y285">
        <v>240904.13070000001</v>
      </c>
      <c r="Z285">
        <v>27525.280320000002</v>
      </c>
      <c r="AA285">
        <v>85601.916589999993</v>
      </c>
      <c r="AB285">
        <v>50601.225830000003</v>
      </c>
      <c r="AC285">
        <v>48135.960180000002</v>
      </c>
      <c r="AD285">
        <v>35641.293680000002</v>
      </c>
      <c r="AE285">
        <v>43074.830900000001</v>
      </c>
      <c r="AF285">
        <v>47364.996279999999</v>
      </c>
      <c r="AG285">
        <v>30609.537120000001</v>
      </c>
      <c r="AH285">
        <v>313267.02539999998</v>
      </c>
      <c r="AI285">
        <v>83020.264089999997</v>
      </c>
      <c r="AJ285">
        <v>25659.377519999998</v>
      </c>
      <c r="AK285">
        <v>38337.124940000002</v>
      </c>
      <c r="AL285">
        <v>84653.870699999999</v>
      </c>
      <c r="AM285">
        <v>23009.41692</v>
      </c>
      <c r="AN285">
        <v>102210.57550000001</v>
      </c>
      <c r="AO285">
        <v>37848.494989999999</v>
      </c>
      <c r="AP285">
        <v>19769.501840000001</v>
      </c>
    </row>
    <row r="286" spans="2:42" x14ac:dyDescent="0.3">
      <c r="B286">
        <v>60.793174772850044</v>
      </c>
      <c r="C286" s="83">
        <v>43112.833333333336</v>
      </c>
      <c r="D286">
        <v>230529.8806</v>
      </c>
      <c r="E286">
        <v>21065.908670000001</v>
      </c>
      <c r="F286">
        <v>66952.406260000003</v>
      </c>
      <c r="G286">
        <v>46661.217729999997</v>
      </c>
      <c r="H286">
        <v>45005.951500000003</v>
      </c>
      <c r="I286">
        <v>32528.528129999999</v>
      </c>
      <c r="J286">
        <v>41433.47438</v>
      </c>
      <c r="K286">
        <v>52689.755550000002</v>
      </c>
      <c r="L286">
        <v>29135.88219</v>
      </c>
      <c r="M286">
        <v>309951.95539999998</v>
      </c>
      <c r="N286">
        <v>81359.822579999993</v>
      </c>
      <c r="O286">
        <v>24546.975920000001</v>
      </c>
      <c r="P286">
        <v>38820.192609999998</v>
      </c>
      <c r="Q286">
        <v>81623.098110000006</v>
      </c>
      <c r="R286">
        <v>23838.57271</v>
      </c>
      <c r="S286">
        <v>92219.660579999996</v>
      </c>
      <c r="T286">
        <v>35863.079740000001</v>
      </c>
      <c r="U286">
        <v>18632.081600000001</v>
      </c>
      <c r="W286" s="83">
        <f>Bühler!N318</f>
        <v>45303.833333332645</v>
      </c>
      <c r="X286" s="83">
        <v>43112.833333333336</v>
      </c>
      <c r="Y286">
        <v>230529.8806</v>
      </c>
      <c r="Z286">
        <v>21065.908670000001</v>
      </c>
      <c r="AA286">
        <v>66952.406260000003</v>
      </c>
      <c r="AB286">
        <v>46661.217729999997</v>
      </c>
      <c r="AC286">
        <v>45005.951500000003</v>
      </c>
      <c r="AD286">
        <v>32528.528129999999</v>
      </c>
      <c r="AE286">
        <v>41433.47438</v>
      </c>
      <c r="AF286">
        <v>52689.755550000002</v>
      </c>
      <c r="AG286">
        <v>29135.88219</v>
      </c>
      <c r="AH286">
        <v>309951.95539999998</v>
      </c>
      <c r="AI286">
        <v>81359.822579999993</v>
      </c>
      <c r="AJ286">
        <v>24546.975920000001</v>
      </c>
      <c r="AK286">
        <v>38820.192609999998</v>
      </c>
      <c r="AL286">
        <v>81623.098110000006</v>
      </c>
      <c r="AM286">
        <v>23838.57271</v>
      </c>
      <c r="AN286">
        <v>92219.660579999996</v>
      </c>
      <c r="AO286">
        <v>35863.079740000001</v>
      </c>
      <c r="AP286">
        <v>18632.081600000001</v>
      </c>
    </row>
    <row r="287" spans="2:42" x14ac:dyDescent="0.3">
      <c r="B287">
        <v>58.996061232136633</v>
      </c>
      <c r="C287" s="83">
        <v>43112.875</v>
      </c>
      <c r="D287">
        <v>221120.0943</v>
      </c>
      <c r="E287">
        <v>18140.202669999999</v>
      </c>
      <c r="F287">
        <v>57682.266539999997</v>
      </c>
      <c r="G287">
        <v>44203.841569999997</v>
      </c>
      <c r="H287">
        <v>42516.764069999997</v>
      </c>
      <c r="I287">
        <v>29271.088930000002</v>
      </c>
      <c r="J287">
        <v>40059.320319999999</v>
      </c>
      <c r="K287">
        <v>52921.168160000001</v>
      </c>
      <c r="L287">
        <v>27464.797269999999</v>
      </c>
      <c r="M287">
        <v>300789.4325</v>
      </c>
      <c r="N287">
        <v>78754.599189999994</v>
      </c>
      <c r="O287">
        <v>23313.29334</v>
      </c>
      <c r="P287">
        <v>36440.056559999997</v>
      </c>
      <c r="Q287">
        <v>78225.785090000005</v>
      </c>
      <c r="R287">
        <v>21855.675899999998</v>
      </c>
      <c r="S287">
        <v>86614.747520000004</v>
      </c>
      <c r="T287">
        <v>33023.600769999997</v>
      </c>
      <c r="U287">
        <v>17715.275320000001</v>
      </c>
      <c r="W287" s="83">
        <f>Bühler!N319</f>
        <v>45303.874999999309</v>
      </c>
      <c r="X287" s="83">
        <v>43112.875</v>
      </c>
      <c r="Y287">
        <v>221120.0943</v>
      </c>
      <c r="Z287">
        <v>18140.202669999999</v>
      </c>
      <c r="AA287">
        <v>57682.266539999997</v>
      </c>
      <c r="AB287">
        <v>44203.841569999997</v>
      </c>
      <c r="AC287">
        <v>42516.764069999997</v>
      </c>
      <c r="AD287">
        <v>29271.088930000002</v>
      </c>
      <c r="AE287">
        <v>40059.320319999999</v>
      </c>
      <c r="AF287">
        <v>52921.168160000001</v>
      </c>
      <c r="AG287">
        <v>27464.797269999999</v>
      </c>
      <c r="AH287">
        <v>300789.4325</v>
      </c>
      <c r="AI287">
        <v>78754.599189999994</v>
      </c>
      <c r="AJ287">
        <v>23313.29334</v>
      </c>
      <c r="AK287">
        <v>36440.056559999997</v>
      </c>
      <c r="AL287">
        <v>78225.785090000005</v>
      </c>
      <c r="AM287">
        <v>21855.675899999998</v>
      </c>
      <c r="AN287">
        <v>86614.747520000004</v>
      </c>
      <c r="AO287">
        <v>33023.600769999997</v>
      </c>
      <c r="AP287">
        <v>17715.275320000001</v>
      </c>
    </row>
    <row r="288" spans="2:42" x14ac:dyDescent="0.3">
      <c r="B288">
        <v>58.587992303078643</v>
      </c>
      <c r="C288" s="83">
        <v>43112.916666666664</v>
      </c>
      <c r="D288">
        <v>219723.94839999999</v>
      </c>
      <c r="E288">
        <v>17066.152190000001</v>
      </c>
      <c r="F288">
        <v>54876.107089999998</v>
      </c>
      <c r="G288">
        <v>43096.535629999998</v>
      </c>
      <c r="H288">
        <v>41653.93606</v>
      </c>
      <c r="I288">
        <v>27931.85137</v>
      </c>
      <c r="J288">
        <v>39052.126329999999</v>
      </c>
      <c r="K288">
        <v>55342.422250000003</v>
      </c>
      <c r="L288">
        <v>24842.468700000001</v>
      </c>
      <c r="M288">
        <v>298708.9068</v>
      </c>
      <c r="N288">
        <v>78426.927049999998</v>
      </c>
      <c r="O288">
        <v>24006.763210000001</v>
      </c>
      <c r="P288">
        <v>39438.067969999996</v>
      </c>
      <c r="Q288">
        <v>77465.098660000003</v>
      </c>
      <c r="R288">
        <v>26980.990809999999</v>
      </c>
      <c r="S288">
        <v>85002.548370000004</v>
      </c>
      <c r="T288">
        <v>29423.52982</v>
      </c>
      <c r="U288">
        <v>18621.233260000001</v>
      </c>
      <c r="W288" s="83">
        <f>Bühler!N320</f>
        <v>45303.916666665973</v>
      </c>
      <c r="X288" s="83">
        <v>43112.916666666664</v>
      </c>
      <c r="Y288">
        <v>219723.94839999999</v>
      </c>
      <c r="Z288">
        <v>17066.152190000001</v>
      </c>
      <c r="AA288">
        <v>54876.107089999998</v>
      </c>
      <c r="AB288">
        <v>43096.535629999998</v>
      </c>
      <c r="AC288">
        <v>41653.93606</v>
      </c>
      <c r="AD288">
        <v>27931.85137</v>
      </c>
      <c r="AE288">
        <v>39052.126329999999</v>
      </c>
      <c r="AF288">
        <v>55342.422250000003</v>
      </c>
      <c r="AG288">
        <v>24842.468700000001</v>
      </c>
      <c r="AH288">
        <v>298708.9068</v>
      </c>
      <c r="AI288">
        <v>78426.927049999998</v>
      </c>
      <c r="AJ288">
        <v>24006.763210000001</v>
      </c>
      <c r="AK288">
        <v>39438.067969999996</v>
      </c>
      <c r="AL288">
        <v>77465.098660000003</v>
      </c>
      <c r="AM288">
        <v>26980.990809999999</v>
      </c>
      <c r="AN288">
        <v>85002.548370000004</v>
      </c>
      <c r="AO288">
        <v>29423.52982</v>
      </c>
      <c r="AP288">
        <v>18621.233260000001</v>
      </c>
    </row>
    <row r="289" spans="2:42" x14ac:dyDescent="0.3">
      <c r="B289">
        <v>57.643864995541364</v>
      </c>
      <c r="C289" s="83">
        <v>43112.958333333336</v>
      </c>
      <c r="D289">
        <v>218466.29149999999</v>
      </c>
      <c r="E289">
        <v>16393.124970000001</v>
      </c>
      <c r="F289">
        <v>53126.869500000001</v>
      </c>
      <c r="G289">
        <v>42864.83943</v>
      </c>
      <c r="H289">
        <v>39974.838450000003</v>
      </c>
      <c r="I289">
        <v>26485.333299999998</v>
      </c>
      <c r="J289">
        <v>36652.845959999999</v>
      </c>
      <c r="K289">
        <v>54698.644950000002</v>
      </c>
      <c r="L289">
        <v>21522.981360000002</v>
      </c>
      <c r="M289">
        <v>293895.30550000002</v>
      </c>
      <c r="N289">
        <v>76234.445600000006</v>
      </c>
      <c r="O289">
        <v>24237.311229999999</v>
      </c>
      <c r="P289">
        <v>35441.219830000002</v>
      </c>
      <c r="Q289">
        <v>77079.804900000003</v>
      </c>
      <c r="R289">
        <v>26347.527600000001</v>
      </c>
      <c r="S289">
        <v>83172.187510000003</v>
      </c>
      <c r="T289">
        <v>29147.969929999999</v>
      </c>
      <c r="U289">
        <v>17832.23835</v>
      </c>
      <c r="W289" s="83">
        <f>Bühler!N321</f>
        <v>45303.958333332637</v>
      </c>
      <c r="X289" s="83">
        <v>43112.958333333336</v>
      </c>
      <c r="Y289">
        <v>218466.29149999999</v>
      </c>
      <c r="Z289">
        <v>16393.124970000001</v>
      </c>
      <c r="AA289">
        <v>53126.869500000001</v>
      </c>
      <c r="AB289">
        <v>42864.83943</v>
      </c>
      <c r="AC289">
        <v>39974.838450000003</v>
      </c>
      <c r="AD289">
        <v>26485.333299999998</v>
      </c>
      <c r="AE289">
        <v>36652.845959999999</v>
      </c>
      <c r="AF289">
        <v>54698.644950000002</v>
      </c>
      <c r="AG289">
        <v>21522.981360000002</v>
      </c>
      <c r="AH289">
        <v>293895.30550000002</v>
      </c>
      <c r="AI289">
        <v>76234.445600000006</v>
      </c>
      <c r="AJ289">
        <v>24237.311229999999</v>
      </c>
      <c r="AK289">
        <v>35441.219830000002</v>
      </c>
      <c r="AL289">
        <v>77079.804900000003</v>
      </c>
      <c r="AM289">
        <v>26347.527600000001</v>
      </c>
      <c r="AN289">
        <v>83172.187510000003</v>
      </c>
      <c r="AO289">
        <v>29147.969929999999</v>
      </c>
      <c r="AP289">
        <v>17832.23835</v>
      </c>
    </row>
    <row r="290" spans="2:42" x14ac:dyDescent="0.3">
      <c r="B290">
        <v>56.539222359450179</v>
      </c>
      <c r="C290" s="83">
        <v>43113</v>
      </c>
      <c r="D290">
        <v>216276.5067</v>
      </c>
      <c r="E290">
        <v>16013.033009999999</v>
      </c>
      <c r="F290">
        <v>52653.860639999999</v>
      </c>
      <c r="G290">
        <v>42465.253859999997</v>
      </c>
      <c r="H290">
        <v>38944.226450000002</v>
      </c>
      <c r="I290">
        <v>24966.69325</v>
      </c>
      <c r="J290">
        <v>33964.86651</v>
      </c>
      <c r="K290">
        <v>52779.493640000001</v>
      </c>
      <c r="L290">
        <v>19234.178599999999</v>
      </c>
      <c r="M290">
        <v>288263.3222</v>
      </c>
      <c r="N290">
        <v>75220.346999999994</v>
      </c>
      <c r="O290">
        <v>23619.156630000001</v>
      </c>
      <c r="P290">
        <v>32513.596740000001</v>
      </c>
      <c r="Q290">
        <v>75704.965769999995</v>
      </c>
      <c r="R290">
        <v>24334.40742</v>
      </c>
      <c r="S290">
        <v>82146.17585</v>
      </c>
      <c r="T290">
        <v>28130.73589</v>
      </c>
      <c r="U290">
        <v>17351.58166</v>
      </c>
      <c r="W290" s="83">
        <f>Bühler!N322</f>
        <v>45303.999999999302</v>
      </c>
      <c r="X290" s="83">
        <v>43113</v>
      </c>
      <c r="Y290">
        <v>216276.5067</v>
      </c>
      <c r="Z290">
        <v>16013.033009999999</v>
      </c>
      <c r="AA290">
        <v>52653.860639999999</v>
      </c>
      <c r="AB290">
        <v>42465.253859999997</v>
      </c>
      <c r="AC290">
        <v>38944.226450000002</v>
      </c>
      <c r="AD290">
        <v>24966.69325</v>
      </c>
      <c r="AE290">
        <v>33964.86651</v>
      </c>
      <c r="AF290">
        <v>52779.493640000001</v>
      </c>
      <c r="AG290">
        <v>19234.178599999999</v>
      </c>
      <c r="AH290">
        <v>288263.3222</v>
      </c>
      <c r="AI290">
        <v>75220.346999999994</v>
      </c>
      <c r="AJ290">
        <v>23619.156630000001</v>
      </c>
      <c r="AK290">
        <v>32513.596740000001</v>
      </c>
      <c r="AL290">
        <v>75704.965769999995</v>
      </c>
      <c r="AM290">
        <v>24334.40742</v>
      </c>
      <c r="AN290">
        <v>82146.17585</v>
      </c>
      <c r="AO290">
        <v>28130.73589</v>
      </c>
      <c r="AP290">
        <v>17351.58166</v>
      </c>
    </row>
    <row r="291" spans="2:42" x14ac:dyDescent="0.3">
      <c r="B291">
        <v>55.424411057622528</v>
      </c>
      <c r="C291" s="83">
        <v>43113.041666666664</v>
      </c>
      <c r="D291">
        <v>211128.03829999999</v>
      </c>
      <c r="E291">
        <v>15976.218000000001</v>
      </c>
      <c r="F291">
        <v>53112.673060000001</v>
      </c>
      <c r="G291">
        <v>41788.308689999998</v>
      </c>
      <c r="H291">
        <v>39023.625319999999</v>
      </c>
      <c r="I291">
        <v>20995.540280000001</v>
      </c>
      <c r="J291">
        <v>33226.335879999999</v>
      </c>
      <c r="K291">
        <v>51458.827899999997</v>
      </c>
      <c r="L291">
        <v>17903.600460000001</v>
      </c>
      <c r="M291">
        <v>282579.49430000002</v>
      </c>
      <c r="N291">
        <v>74138.970329999996</v>
      </c>
      <c r="O291">
        <v>23435.85684</v>
      </c>
      <c r="P291">
        <v>31209.49265</v>
      </c>
      <c r="Q291">
        <v>75724.372019999995</v>
      </c>
      <c r="R291">
        <v>23287.035779999998</v>
      </c>
      <c r="S291">
        <v>80158.349199999997</v>
      </c>
      <c r="T291">
        <v>26756.066320000002</v>
      </c>
      <c r="U291">
        <v>17501.213510000001</v>
      </c>
      <c r="W291" s="83">
        <f>Bühler!N323</f>
        <v>45304.041666665966</v>
      </c>
      <c r="X291" s="83">
        <v>43113.041666666664</v>
      </c>
      <c r="Y291">
        <v>211128.03829999999</v>
      </c>
      <c r="Z291">
        <v>15976.218000000001</v>
      </c>
      <c r="AA291">
        <v>53112.673060000001</v>
      </c>
      <c r="AB291">
        <v>41788.308689999998</v>
      </c>
      <c r="AC291">
        <v>39023.625319999999</v>
      </c>
      <c r="AD291">
        <v>20995.540280000001</v>
      </c>
      <c r="AE291">
        <v>33226.335879999999</v>
      </c>
      <c r="AF291">
        <v>51458.827899999997</v>
      </c>
      <c r="AG291">
        <v>17903.600460000001</v>
      </c>
      <c r="AH291">
        <v>282579.49430000002</v>
      </c>
      <c r="AI291">
        <v>74138.970329999996</v>
      </c>
      <c r="AJ291">
        <v>23435.85684</v>
      </c>
      <c r="AK291">
        <v>31209.49265</v>
      </c>
      <c r="AL291">
        <v>75724.372019999995</v>
      </c>
      <c r="AM291">
        <v>23287.035779999998</v>
      </c>
      <c r="AN291">
        <v>80158.349199999997</v>
      </c>
      <c r="AO291">
        <v>26756.066320000002</v>
      </c>
      <c r="AP291">
        <v>17501.213510000001</v>
      </c>
    </row>
    <row r="292" spans="2:42" x14ac:dyDescent="0.3">
      <c r="B292">
        <v>55.171947137363269</v>
      </c>
      <c r="C292" s="83">
        <v>43113.083333333336</v>
      </c>
      <c r="D292">
        <v>207357.9742</v>
      </c>
      <c r="E292">
        <v>15985.43557</v>
      </c>
      <c r="F292">
        <v>53802.017650000002</v>
      </c>
      <c r="G292">
        <v>41261.472379999999</v>
      </c>
      <c r="H292">
        <v>38094.287490000002</v>
      </c>
      <c r="I292">
        <v>18449.207119999999</v>
      </c>
      <c r="J292">
        <v>32939.024290000001</v>
      </c>
      <c r="K292">
        <v>50139.987829999998</v>
      </c>
      <c r="L292">
        <v>17438.614399999999</v>
      </c>
      <c r="M292">
        <v>281292.31550000003</v>
      </c>
      <c r="N292">
        <v>72697.312739999994</v>
      </c>
      <c r="O292">
        <v>23308.09892</v>
      </c>
      <c r="P292">
        <v>30245.120579999999</v>
      </c>
      <c r="Q292">
        <v>75791.41747</v>
      </c>
      <c r="R292">
        <v>21754.315490000001</v>
      </c>
      <c r="S292">
        <v>79937.565579999995</v>
      </c>
      <c r="T292">
        <v>25843.594700000001</v>
      </c>
      <c r="U292">
        <v>17469.256379999999</v>
      </c>
      <c r="W292" s="83">
        <f>Bühler!N324</f>
        <v>45304.08333333263</v>
      </c>
      <c r="X292" s="83">
        <v>43113.083333333336</v>
      </c>
      <c r="Y292">
        <v>207357.9742</v>
      </c>
      <c r="Z292">
        <v>15985.43557</v>
      </c>
      <c r="AA292">
        <v>53802.017650000002</v>
      </c>
      <c r="AB292">
        <v>41261.472379999999</v>
      </c>
      <c r="AC292">
        <v>38094.287490000002</v>
      </c>
      <c r="AD292">
        <v>18449.207119999999</v>
      </c>
      <c r="AE292">
        <v>32939.024290000001</v>
      </c>
      <c r="AF292">
        <v>50139.987829999998</v>
      </c>
      <c r="AG292">
        <v>17438.614399999999</v>
      </c>
      <c r="AH292">
        <v>281292.31550000003</v>
      </c>
      <c r="AI292">
        <v>72697.312739999994</v>
      </c>
      <c r="AJ292">
        <v>23308.09892</v>
      </c>
      <c r="AK292">
        <v>30245.120579999999</v>
      </c>
      <c r="AL292">
        <v>75791.41747</v>
      </c>
      <c r="AM292">
        <v>21754.315490000001</v>
      </c>
      <c r="AN292">
        <v>79937.565579999995</v>
      </c>
      <c r="AO292">
        <v>25843.594700000001</v>
      </c>
      <c r="AP292">
        <v>17469.256379999999</v>
      </c>
    </row>
    <row r="293" spans="2:42" x14ac:dyDescent="0.3">
      <c r="B293">
        <v>54.133408321008339</v>
      </c>
      <c r="C293" s="83">
        <v>43113.125</v>
      </c>
      <c r="D293">
        <v>200782.31409999999</v>
      </c>
      <c r="E293">
        <v>16033.375899999999</v>
      </c>
      <c r="F293">
        <v>53791.04378</v>
      </c>
      <c r="G293">
        <v>40416.175719999999</v>
      </c>
      <c r="H293">
        <v>38211.431199999999</v>
      </c>
      <c r="I293">
        <v>18185.33337</v>
      </c>
      <c r="J293">
        <v>33367.84388</v>
      </c>
      <c r="K293">
        <v>48073.582979999999</v>
      </c>
      <c r="L293">
        <v>17000.703689999998</v>
      </c>
      <c r="M293">
        <v>275997.3603</v>
      </c>
      <c r="N293">
        <v>71770.270310000007</v>
      </c>
      <c r="O293">
        <v>23285.154119999999</v>
      </c>
      <c r="P293">
        <v>30018.873479999998</v>
      </c>
      <c r="Q293">
        <v>75279.895759999999</v>
      </c>
      <c r="R293">
        <v>21463.861550000001</v>
      </c>
      <c r="S293">
        <v>79105.912819999998</v>
      </c>
      <c r="T293">
        <v>26011.269250000001</v>
      </c>
      <c r="U293">
        <v>17751.817879999999</v>
      </c>
      <c r="W293" s="83">
        <f>Bühler!N325</f>
        <v>45304.124999999294</v>
      </c>
      <c r="X293" s="83">
        <v>43113.125</v>
      </c>
      <c r="Y293">
        <v>200782.31409999999</v>
      </c>
      <c r="Z293">
        <v>16033.375899999999</v>
      </c>
      <c r="AA293">
        <v>53791.04378</v>
      </c>
      <c r="AB293">
        <v>40416.175719999999</v>
      </c>
      <c r="AC293">
        <v>38211.431199999999</v>
      </c>
      <c r="AD293">
        <v>18185.33337</v>
      </c>
      <c r="AE293">
        <v>33367.84388</v>
      </c>
      <c r="AF293">
        <v>48073.582979999999</v>
      </c>
      <c r="AG293">
        <v>17000.703689999998</v>
      </c>
      <c r="AH293">
        <v>275997.3603</v>
      </c>
      <c r="AI293">
        <v>71770.270310000007</v>
      </c>
      <c r="AJ293">
        <v>23285.154119999999</v>
      </c>
      <c r="AK293">
        <v>30018.873479999998</v>
      </c>
      <c r="AL293">
        <v>75279.895759999999</v>
      </c>
      <c r="AM293">
        <v>21463.861550000001</v>
      </c>
      <c r="AN293">
        <v>79105.912819999998</v>
      </c>
      <c r="AO293">
        <v>26011.269250000001</v>
      </c>
      <c r="AP293">
        <v>17751.817879999999</v>
      </c>
    </row>
    <row r="294" spans="2:42" x14ac:dyDescent="0.3">
      <c r="B294">
        <v>52.722680718314948</v>
      </c>
      <c r="C294" s="83">
        <v>43113.166666666664</v>
      </c>
      <c r="D294">
        <v>193397.9768</v>
      </c>
      <c r="E294">
        <v>16013.82244</v>
      </c>
      <c r="F294">
        <v>56503.334139999999</v>
      </c>
      <c r="G294">
        <v>40052.062160000001</v>
      </c>
      <c r="H294">
        <v>38559.857730000003</v>
      </c>
      <c r="I294">
        <v>19361.6139</v>
      </c>
      <c r="J294">
        <v>35475.170639999997</v>
      </c>
      <c r="K294">
        <v>46110.945740000003</v>
      </c>
      <c r="L294">
        <v>16757.637890000002</v>
      </c>
      <c r="M294">
        <v>268804.81310000003</v>
      </c>
      <c r="N294">
        <v>71023.741129999995</v>
      </c>
      <c r="O294">
        <v>23133.557420000001</v>
      </c>
      <c r="P294">
        <v>29807.453990000002</v>
      </c>
      <c r="Q294">
        <v>74218.754499999995</v>
      </c>
      <c r="R294">
        <v>21756.412349999999</v>
      </c>
      <c r="S294">
        <v>79514.171040000001</v>
      </c>
      <c r="T294">
        <v>25999.980350000002</v>
      </c>
      <c r="U294">
        <v>17665.830010000001</v>
      </c>
      <c r="W294" s="83">
        <f>Bühler!N326</f>
        <v>45304.166666665958</v>
      </c>
      <c r="X294" s="83">
        <v>43113.166666666664</v>
      </c>
      <c r="Y294">
        <v>193397.9768</v>
      </c>
      <c r="Z294">
        <v>16013.82244</v>
      </c>
      <c r="AA294">
        <v>56503.334139999999</v>
      </c>
      <c r="AB294">
        <v>40052.062160000001</v>
      </c>
      <c r="AC294">
        <v>38559.857730000003</v>
      </c>
      <c r="AD294">
        <v>19361.6139</v>
      </c>
      <c r="AE294">
        <v>35475.170639999997</v>
      </c>
      <c r="AF294">
        <v>46110.945740000003</v>
      </c>
      <c r="AG294">
        <v>16757.637890000002</v>
      </c>
      <c r="AH294">
        <v>268804.81310000003</v>
      </c>
      <c r="AI294">
        <v>71023.741129999995</v>
      </c>
      <c r="AJ294">
        <v>23133.557420000001</v>
      </c>
      <c r="AK294">
        <v>29807.453990000002</v>
      </c>
      <c r="AL294">
        <v>74218.754499999995</v>
      </c>
      <c r="AM294">
        <v>21756.412349999999</v>
      </c>
      <c r="AN294">
        <v>79514.171040000001</v>
      </c>
      <c r="AO294">
        <v>25999.980350000002</v>
      </c>
      <c r="AP294">
        <v>17665.830010000001</v>
      </c>
    </row>
    <row r="295" spans="2:42" x14ac:dyDescent="0.3">
      <c r="B295">
        <v>52.048259476832129</v>
      </c>
      <c r="C295" s="83">
        <v>43113.208333333336</v>
      </c>
      <c r="D295">
        <v>188848.76819999999</v>
      </c>
      <c r="E295">
        <v>16772.399109999998</v>
      </c>
      <c r="F295">
        <v>67671.075930000006</v>
      </c>
      <c r="G295">
        <v>40111.920980000003</v>
      </c>
      <c r="H295">
        <v>39303.630219999999</v>
      </c>
      <c r="I295">
        <v>25917.043839999998</v>
      </c>
      <c r="J295">
        <v>37513.837059999998</v>
      </c>
      <c r="K295">
        <v>45989.012479999998</v>
      </c>
      <c r="L295">
        <v>17392.860830000001</v>
      </c>
      <c r="M295">
        <v>265366.2991</v>
      </c>
      <c r="N295">
        <v>70825.497889999999</v>
      </c>
      <c r="O295">
        <v>23438.119320000002</v>
      </c>
      <c r="P295">
        <v>30436.375390000001</v>
      </c>
      <c r="Q295">
        <v>74487.945559999993</v>
      </c>
      <c r="R295">
        <v>22363.501489999999</v>
      </c>
      <c r="S295">
        <v>81215.195330000002</v>
      </c>
      <c r="T295">
        <v>27288.896909999999</v>
      </c>
      <c r="U295">
        <v>17779.412700000001</v>
      </c>
      <c r="W295" s="83">
        <f>Bühler!N327</f>
        <v>45304.208333332623</v>
      </c>
      <c r="X295" s="83">
        <v>43113.208333333336</v>
      </c>
      <c r="Y295">
        <v>188848.76819999999</v>
      </c>
      <c r="Z295">
        <v>16772.399109999998</v>
      </c>
      <c r="AA295">
        <v>67671.075930000006</v>
      </c>
      <c r="AB295">
        <v>40111.920980000003</v>
      </c>
      <c r="AC295">
        <v>39303.630219999999</v>
      </c>
      <c r="AD295">
        <v>25917.043839999998</v>
      </c>
      <c r="AE295">
        <v>37513.837059999998</v>
      </c>
      <c r="AF295">
        <v>45989.012479999998</v>
      </c>
      <c r="AG295">
        <v>17392.860830000001</v>
      </c>
      <c r="AH295">
        <v>265366.2991</v>
      </c>
      <c r="AI295">
        <v>70825.497889999999</v>
      </c>
      <c r="AJ295">
        <v>23438.119320000002</v>
      </c>
      <c r="AK295">
        <v>30436.375390000001</v>
      </c>
      <c r="AL295">
        <v>74487.945559999993</v>
      </c>
      <c r="AM295">
        <v>22363.501489999999</v>
      </c>
      <c r="AN295">
        <v>81215.195330000002</v>
      </c>
      <c r="AO295">
        <v>27288.896909999999</v>
      </c>
      <c r="AP295">
        <v>17779.412700000001</v>
      </c>
    </row>
    <row r="296" spans="2:42" x14ac:dyDescent="0.3">
      <c r="B296">
        <v>52.012785848515385</v>
      </c>
      <c r="C296" s="83">
        <v>43113.25</v>
      </c>
      <c r="D296">
        <v>188758.27720000001</v>
      </c>
      <c r="E296">
        <v>18613.980930000002</v>
      </c>
      <c r="F296">
        <v>80886.993000000002</v>
      </c>
      <c r="G296">
        <v>41577.977709999999</v>
      </c>
      <c r="H296">
        <v>39969.407829999996</v>
      </c>
      <c r="I296">
        <v>29430.590810000002</v>
      </c>
      <c r="J296">
        <v>40135.061759999997</v>
      </c>
      <c r="K296">
        <v>44197.068200000002</v>
      </c>
      <c r="L296">
        <v>18275.57864</v>
      </c>
      <c r="M296">
        <v>265185.43800000002</v>
      </c>
      <c r="N296">
        <v>70793.129629999996</v>
      </c>
      <c r="O296">
        <v>22880.644329999999</v>
      </c>
      <c r="P296">
        <v>30039.622920000002</v>
      </c>
      <c r="Q296">
        <v>72697.896970000002</v>
      </c>
      <c r="R296">
        <v>20376.460299999999</v>
      </c>
      <c r="S296">
        <v>86488.763739999995</v>
      </c>
      <c r="T296">
        <v>28578.247360000001</v>
      </c>
      <c r="U296">
        <v>17316.633239999999</v>
      </c>
      <c r="W296" s="83">
        <f>Bühler!N328</f>
        <v>45304.249999999287</v>
      </c>
      <c r="X296" s="83">
        <v>43113.25</v>
      </c>
      <c r="Y296">
        <v>188758.27720000001</v>
      </c>
      <c r="Z296">
        <v>18613.980930000002</v>
      </c>
      <c r="AA296">
        <v>80886.993000000002</v>
      </c>
      <c r="AB296">
        <v>41577.977709999999</v>
      </c>
      <c r="AC296">
        <v>39969.407829999996</v>
      </c>
      <c r="AD296">
        <v>29430.590810000002</v>
      </c>
      <c r="AE296">
        <v>40135.061759999997</v>
      </c>
      <c r="AF296">
        <v>44197.068200000002</v>
      </c>
      <c r="AG296">
        <v>18275.57864</v>
      </c>
      <c r="AH296">
        <v>265185.43800000002</v>
      </c>
      <c r="AI296">
        <v>70793.129629999996</v>
      </c>
      <c r="AJ296">
        <v>22880.644329999999</v>
      </c>
      <c r="AK296">
        <v>30039.622920000002</v>
      </c>
      <c r="AL296">
        <v>72697.896970000002</v>
      </c>
      <c r="AM296">
        <v>20376.460299999999</v>
      </c>
      <c r="AN296">
        <v>86488.763739999995</v>
      </c>
      <c r="AO296">
        <v>28578.247360000001</v>
      </c>
      <c r="AP296">
        <v>17316.633239999999</v>
      </c>
    </row>
    <row r="297" spans="2:42" x14ac:dyDescent="0.3">
      <c r="B297">
        <v>51.971298549038792</v>
      </c>
      <c r="C297" s="83">
        <v>43113.291666666664</v>
      </c>
      <c r="D297">
        <v>189781.17329999999</v>
      </c>
      <c r="E297">
        <v>21680.626479999999</v>
      </c>
      <c r="F297">
        <v>84076.308390000006</v>
      </c>
      <c r="G297">
        <v>43229.805</v>
      </c>
      <c r="H297">
        <v>41615.03602</v>
      </c>
      <c r="I297">
        <v>31561.56194</v>
      </c>
      <c r="J297">
        <v>42546.863980000002</v>
      </c>
      <c r="K297">
        <v>43530.069060000002</v>
      </c>
      <c r="L297">
        <v>20545.781660000001</v>
      </c>
      <c r="M297">
        <v>264973.91639999999</v>
      </c>
      <c r="N297">
        <v>71652.502600000007</v>
      </c>
      <c r="O297">
        <v>23533.182789999999</v>
      </c>
      <c r="P297">
        <v>32289.363539999998</v>
      </c>
      <c r="Q297">
        <v>70269.493329999998</v>
      </c>
      <c r="R297">
        <v>21375.66416</v>
      </c>
      <c r="S297">
        <v>94196.04754</v>
      </c>
      <c r="T297">
        <v>28040.994360000001</v>
      </c>
      <c r="U297">
        <v>17809.689679999999</v>
      </c>
      <c r="W297" s="83">
        <f>Bühler!N329</f>
        <v>45304.291666665951</v>
      </c>
      <c r="X297" s="83">
        <v>43113.291666666664</v>
      </c>
      <c r="Y297">
        <v>189781.17329999999</v>
      </c>
      <c r="Z297">
        <v>21680.626479999999</v>
      </c>
      <c r="AA297">
        <v>84076.308390000006</v>
      </c>
      <c r="AB297">
        <v>43229.805</v>
      </c>
      <c r="AC297">
        <v>41615.03602</v>
      </c>
      <c r="AD297">
        <v>31561.56194</v>
      </c>
      <c r="AE297">
        <v>42546.863980000002</v>
      </c>
      <c r="AF297">
        <v>43530.069060000002</v>
      </c>
      <c r="AG297">
        <v>20545.781660000001</v>
      </c>
      <c r="AH297">
        <v>264973.91639999999</v>
      </c>
      <c r="AI297">
        <v>71652.502600000007</v>
      </c>
      <c r="AJ297">
        <v>23533.182789999999</v>
      </c>
      <c r="AK297">
        <v>32289.363539999998</v>
      </c>
      <c r="AL297">
        <v>70269.493329999998</v>
      </c>
      <c r="AM297">
        <v>21375.66416</v>
      </c>
      <c r="AN297">
        <v>94196.04754</v>
      </c>
      <c r="AO297">
        <v>28040.994360000001</v>
      </c>
      <c r="AP297">
        <v>17809.689679999999</v>
      </c>
    </row>
    <row r="298" spans="2:42" x14ac:dyDescent="0.3">
      <c r="B298">
        <v>51.501062180060352</v>
      </c>
      <c r="C298" s="83">
        <v>43113.333333333336</v>
      </c>
      <c r="D298">
        <v>188593.08679999999</v>
      </c>
      <c r="E298">
        <v>24643.607960000001</v>
      </c>
      <c r="F298">
        <v>90030.482680000001</v>
      </c>
      <c r="G298">
        <v>44663.894370000002</v>
      </c>
      <c r="H298">
        <v>41553.291579999997</v>
      </c>
      <c r="I298">
        <v>33021.966269999997</v>
      </c>
      <c r="J298">
        <v>42869.135020000002</v>
      </c>
      <c r="K298">
        <v>44002.348669999999</v>
      </c>
      <c r="L298">
        <v>22684.628229999998</v>
      </c>
      <c r="M298">
        <v>262576.43209999998</v>
      </c>
      <c r="N298">
        <v>71763.274529999995</v>
      </c>
      <c r="O298">
        <v>24274.966919999999</v>
      </c>
      <c r="P298">
        <v>33715.974000000002</v>
      </c>
      <c r="Q298">
        <v>69099.956279999999</v>
      </c>
      <c r="R298">
        <v>20284.480490000002</v>
      </c>
      <c r="S298">
        <v>99143.480500000005</v>
      </c>
      <c r="T298">
        <v>29342.893240000001</v>
      </c>
      <c r="U298">
        <v>17860.492259999999</v>
      </c>
      <c r="W298" s="83">
        <f>Bühler!N330</f>
        <v>45304.333333332615</v>
      </c>
      <c r="X298" s="83">
        <v>43113.333333333336</v>
      </c>
      <c r="Y298">
        <v>188593.08679999999</v>
      </c>
      <c r="Z298">
        <v>24643.607960000001</v>
      </c>
      <c r="AA298">
        <v>90030.482680000001</v>
      </c>
      <c r="AB298">
        <v>44663.894370000002</v>
      </c>
      <c r="AC298">
        <v>41553.291579999997</v>
      </c>
      <c r="AD298">
        <v>33021.966269999997</v>
      </c>
      <c r="AE298">
        <v>42869.135020000002</v>
      </c>
      <c r="AF298">
        <v>44002.348669999999</v>
      </c>
      <c r="AG298">
        <v>22684.628229999998</v>
      </c>
      <c r="AH298">
        <v>262576.43209999998</v>
      </c>
      <c r="AI298">
        <v>71763.274529999995</v>
      </c>
      <c r="AJ298">
        <v>24274.966919999999</v>
      </c>
      <c r="AK298">
        <v>33715.974000000002</v>
      </c>
      <c r="AL298">
        <v>69099.956279999999</v>
      </c>
      <c r="AM298">
        <v>20284.480490000002</v>
      </c>
      <c r="AN298">
        <v>99143.480500000005</v>
      </c>
      <c r="AO298">
        <v>29342.893240000001</v>
      </c>
      <c r="AP298">
        <v>17860.492259999999</v>
      </c>
    </row>
    <row r="299" spans="2:42" x14ac:dyDescent="0.3">
      <c r="B299">
        <v>50.421194602099995</v>
      </c>
      <c r="C299" s="83">
        <v>43113.375</v>
      </c>
      <c r="D299">
        <v>185638.6446</v>
      </c>
      <c r="E299">
        <v>27990.766790000001</v>
      </c>
      <c r="F299">
        <v>95353.469760000007</v>
      </c>
      <c r="G299">
        <v>44959.16145</v>
      </c>
      <c r="H299">
        <v>40553.791749999997</v>
      </c>
      <c r="I299">
        <v>31887.489829999999</v>
      </c>
      <c r="J299">
        <v>41428.017769999999</v>
      </c>
      <c r="K299">
        <v>42399.431629999999</v>
      </c>
      <c r="L299">
        <v>24518.786069999998</v>
      </c>
      <c r="M299">
        <v>257070.76360000001</v>
      </c>
      <c r="N299">
        <v>75243.048699999999</v>
      </c>
      <c r="O299">
        <v>24009.647430000001</v>
      </c>
      <c r="P299">
        <v>34829.532859999999</v>
      </c>
      <c r="Q299">
        <v>67474.764209999994</v>
      </c>
      <c r="R299">
        <v>18543.035390000001</v>
      </c>
      <c r="S299">
        <v>101473.7634</v>
      </c>
      <c r="T299">
        <v>31297.708019999998</v>
      </c>
      <c r="U299">
        <v>17474.320240000001</v>
      </c>
      <c r="W299" s="83">
        <f>Bühler!N331</f>
        <v>45304.37499999928</v>
      </c>
      <c r="X299" s="83">
        <v>43113.375</v>
      </c>
      <c r="Y299">
        <v>185638.6446</v>
      </c>
      <c r="Z299">
        <v>27990.766790000001</v>
      </c>
      <c r="AA299">
        <v>95353.469760000007</v>
      </c>
      <c r="AB299">
        <v>44959.16145</v>
      </c>
      <c r="AC299">
        <v>40553.791749999997</v>
      </c>
      <c r="AD299">
        <v>31887.489829999999</v>
      </c>
      <c r="AE299">
        <v>41428.017769999999</v>
      </c>
      <c r="AF299">
        <v>42399.431629999999</v>
      </c>
      <c r="AG299">
        <v>24518.786069999998</v>
      </c>
      <c r="AH299">
        <v>257070.76360000001</v>
      </c>
      <c r="AI299">
        <v>75243.048699999999</v>
      </c>
      <c r="AJ299">
        <v>24009.647430000001</v>
      </c>
      <c r="AK299">
        <v>34829.532859999999</v>
      </c>
      <c r="AL299">
        <v>67474.764209999994</v>
      </c>
      <c r="AM299">
        <v>18543.035390000001</v>
      </c>
      <c r="AN299">
        <v>101473.7634</v>
      </c>
      <c r="AO299">
        <v>31297.708019999998</v>
      </c>
      <c r="AP299">
        <v>17474.320240000001</v>
      </c>
    </row>
    <row r="300" spans="2:42" x14ac:dyDescent="0.3">
      <c r="B300">
        <v>50.538773528740521</v>
      </c>
      <c r="C300" s="83">
        <v>43113.416666666664</v>
      </c>
      <c r="D300">
        <v>184765.65340000001</v>
      </c>
      <c r="E300">
        <v>29262.994650000001</v>
      </c>
      <c r="F300">
        <v>95281.203880000001</v>
      </c>
      <c r="G300">
        <v>45529.410750000003</v>
      </c>
      <c r="H300">
        <v>41128.571049999999</v>
      </c>
      <c r="I300">
        <v>31586.088370000001</v>
      </c>
      <c r="J300">
        <v>39944.473789999996</v>
      </c>
      <c r="K300">
        <v>44072.117509999996</v>
      </c>
      <c r="L300">
        <v>27291.790580000001</v>
      </c>
      <c r="M300">
        <v>257670.23579999999</v>
      </c>
      <c r="N300">
        <v>78106.727379999997</v>
      </c>
      <c r="O300">
        <v>23991.694240000001</v>
      </c>
      <c r="P300">
        <v>36455.126880000003</v>
      </c>
      <c r="Q300">
        <v>66330.03327</v>
      </c>
      <c r="R300">
        <v>19393.320909999999</v>
      </c>
      <c r="S300">
        <v>100134.7916</v>
      </c>
      <c r="T300">
        <v>33554.493920000001</v>
      </c>
      <c r="U300">
        <v>17292.879509999999</v>
      </c>
      <c r="W300" s="83">
        <f>Bühler!N332</f>
        <v>45304.416666665944</v>
      </c>
      <c r="X300" s="83">
        <v>43113.416666666664</v>
      </c>
      <c r="Y300">
        <v>184765.65340000001</v>
      </c>
      <c r="Z300">
        <v>29262.994650000001</v>
      </c>
      <c r="AA300">
        <v>95281.203880000001</v>
      </c>
      <c r="AB300">
        <v>45529.410750000003</v>
      </c>
      <c r="AC300">
        <v>41128.571049999999</v>
      </c>
      <c r="AD300">
        <v>31586.088370000001</v>
      </c>
      <c r="AE300">
        <v>39944.473789999996</v>
      </c>
      <c r="AF300">
        <v>44072.117509999996</v>
      </c>
      <c r="AG300">
        <v>27291.790580000001</v>
      </c>
      <c r="AH300">
        <v>257670.23579999999</v>
      </c>
      <c r="AI300">
        <v>78106.727379999997</v>
      </c>
      <c r="AJ300">
        <v>23991.694240000001</v>
      </c>
      <c r="AK300">
        <v>36455.126880000003</v>
      </c>
      <c r="AL300">
        <v>66330.03327</v>
      </c>
      <c r="AM300">
        <v>19393.320909999999</v>
      </c>
      <c r="AN300">
        <v>100134.7916</v>
      </c>
      <c r="AO300">
        <v>33554.493920000001</v>
      </c>
      <c r="AP300">
        <v>17292.879509999999</v>
      </c>
    </row>
    <row r="301" spans="2:42" x14ac:dyDescent="0.3">
      <c r="B301">
        <v>50.50626896974476</v>
      </c>
      <c r="C301" s="83">
        <v>43113.458333333336</v>
      </c>
      <c r="D301">
        <v>181134.78959999999</v>
      </c>
      <c r="E301">
        <v>29235.39387</v>
      </c>
      <c r="F301">
        <v>96333.620899999994</v>
      </c>
      <c r="G301">
        <v>45039.08281</v>
      </c>
      <c r="H301">
        <v>41732.332730000002</v>
      </c>
      <c r="I301">
        <v>31795.910510000002</v>
      </c>
      <c r="J301">
        <v>39084.866170000001</v>
      </c>
      <c r="K301">
        <v>48504.473109999999</v>
      </c>
      <c r="L301">
        <v>28394.55097</v>
      </c>
      <c r="M301">
        <v>257504.51240000001</v>
      </c>
      <c r="N301">
        <v>78671.979250000004</v>
      </c>
      <c r="O301">
        <v>23993.545259999999</v>
      </c>
      <c r="P301">
        <v>35113.871780000001</v>
      </c>
      <c r="Q301">
        <v>65267.227910000001</v>
      </c>
      <c r="R301">
        <v>21982.857110000001</v>
      </c>
      <c r="S301">
        <v>101581.0272</v>
      </c>
      <c r="T301">
        <v>34360.791830000002</v>
      </c>
      <c r="U301">
        <v>17144.33149</v>
      </c>
      <c r="W301" s="83">
        <f>Bühler!N333</f>
        <v>45304.458333332608</v>
      </c>
      <c r="X301" s="83">
        <v>43113.458333333336</v>
      </c>
      <c r="Y301">
        <v>181134.78959999999</v>
      </c>
      <c r="Z301">
        <v>29235.39387</v>
      </c>
      <c r="AA301">
        <v>96333.620899999994</v>
      </c>
      <c r="AB301">
        <v>45039.08281</v>
      </c>
      <c r="AC301">
        <v>41732.332730000002</v>
      </c>
      <c r="AD301">
        <v>31795.910510000002</v>
      </c>
      <c r="AE301">
        <v>39084.866170000001</v>
      </c>
      <c r="AF301">
        <v>48504.473109999999</v>
      </c>
      <c r="AG301">
        <v>28394.55097</v>
      </c>
      <c r="AH301">
        <v>257504.51240000001</v>
      </c>
      <c r="AI301">
        <v>78671.979250000004</v>
      </c>
      <c r="AJ301">
        <v>23993.545259999999</v>
      </c>
      <c r="AK301">
        <v>35113.871780000001</v>
      </c>
      <c r="AL301">
        <v>65267.227910000001</v>
      </c>
      <c r="AM301">
        <v>21982.857110000001</v>
      </c>
      <c r="AN301">
        <v>101581.0272</v>
      </c>
      <c r="AO301">
        <v>34360.791830000002</v>
      </c>
      <c r="AP301">
        <v>17144.33149</v>
      </c>
    </row>
    <row r="302" spans="2:42" x14ac:dyDescent="0.3">
      <c r="B302">
        <v>49.212828460834672</v>
      </c>
      <c r="C302" s="83">
        <v>43113.5</v>
      </c>
      <c r="D302">
        <v>174064.65410000001</v>
      </c>
      <c r="E302">
        <v>27623.185979999998</v>
      </c>
      <c r="F302">
        <v>94580.891610000006</v>
      </c>
      <c r="G302">
        <v>43444.935859999998</v>
      </c>
      <c r="H302">
        <v>40561.607889999999</v>
      </c>
      <c r="I302">
        <v>31985.164369999999</v>
      </c>
      <c r="J302">
        <v>39281.877370000002</v>
      </c>
      <c r="K302">
        <v>49048.644099999998</v>
      </c>
      <c r="L302">
        <v>31275.33124</v>
      </c>
      <c r="M302">
        <v>250909.94949999999</v>
      </c>
      <c r="N302">
        <v>76789.812009999994</v>
      </c>
      <c r="O302">
        <v>23822.038280000001</v>
      </c>
      <c r="P302">
        <v>35136.417049999996</v>
      </c>
      <c r="Q302">
        <v>61486.571889999999</v>
      </c>
      <c r="R302">
        <v>21864.570909999999</v>
      </c>
      <c r="S302">
        <v>95889.841270000004</v>
      </c>
      <c r="T302">
        <v>34261.438370000003</v>
      </c>
      <c r="U302">
        <v>16335.79312</v>
      </c>
      <c r="W302" s="83">
        <f>Bühler!N334</f>
        <v>45304.499999999272</v>
      </c>
      <c r="X302" s="83">
        <v>43113.5</v>
      </c>
      <c r="Y302">
        <v>174064.65410000001</v>
      </c>
      <c r="Z302">
        <v>27623.185979999998</v>
      </c>
      <c r="AA302">
        <v>94580.891610000006</v>
      </c>
      <c r="AB302">
        <v>43444.935859999998</v>
      </c>
      <c r="AC302">
        <v>40561.607889999999</v>
      </c>
      <c r="AD302">
        <v>31985.164369999999</v>
      </c>
      <c r="AE302">
        <v>39281.877370000002</v>
      </c>
      <c r="AF302">
        <v>49048.644099999998</v>
      </c>
      <c r="AG302">
        <v>31275.33124</v>
      </c>
      <c r="AH302">
        <v>250909.94949999999</v>
      </c>
      <c r="AI302">
        <v>76789.812009999994</v>
      </c>
      <c r="AJ302">
        <v>23822.038280000001</v>
      </c>
      <c r="AK302">
        <v>35136.417049999996</v>
      </c>
      <c r="AL302">
        <v>61486.571889999999</v>
      </c>
      <c r="AM302">
        <v>21864.570909999999</v>
      </c>
      <c r="AN302">
        <v>95889.841270000004</v>
      </c>
      <c r="AO302">
        <v>34261.438370000003</v>
      </c>
      <c r="AP302">
        <v>16335.79312</v>
      </c>
    </row>
    <row r="303" spans="2:42" x14ac:dyDescent="0.3">
      <c r="B303">
        <v>48.440902388161916</v>
      </c>
      <c r="C303" s="83">
        <v>43113.541666666664</v>
      </c>
      <c r="D303">
        <v>170027.1539</v>
      </c>
      <c r="E303">
        <v>26441.32533</v>
      </c>
      <c r="F303">
        <v>93169.006169999993</v>
      </c>
      <c r="G303">
        <v>42405.357629999999</v>
      </c>
      <c r="H303">
        <v>39710.141929999998</v>
      </c>
      <c r="I303">
        <v>31921.19037</v>
      </c>
      <c r="J303">
        <v>38717.5844</v>
      </c>
      <c r="K303">
        <v>49888.898159999997</v>
      </c>
      <c r="L303">
        <v>31364.475460000001</v>
      </c>
      <c r="M303">
        <v>246974.31039999999</v>
      </c>
      <c r="N303">
        <v>76212.382750000004</v>
      </c>
      <c r="O303">
        <v>23165.197250000001</v>
      </c>
      <c r="P303">
        <v>34094.706810000003</v>
      </c>
      <c r="Q303">
        <v>59146.242389999999</v>
      </c>
      <c r="R303">
        <v>22711.505349999999</v>
      </c>
      <c r="S303">
        <v>95370.866389999996</v>
      </c>
      <c r="T303">
        <v>33349.829899999997</v>
      </c>
      <c r="U303">
        <v>16048.13747</v>
      </c>
      <c r="W303" s="83">
        <f>Bühler!N335</f>
        <v>45304.541666665937</v>
      </c>
      <c r="X303" s="83">
        <v>43113.541666666664</v>
      </c>
      <c r="Y303">
        <v>170027.1539</v>
      </c>
      <c r="Z303">
        <v>26441.32533</v>
      </c>
      <c r="AA303">
        <v>93169.006169999993</v>
      </c>
      <c r="AB303">
        <v>42405.357629999999</v>
      </c>
      <c r="AC303">
        <v>39710.141929999998</v>
      </c>
      <c r="AD303">
        <v>31921.19037</v>
      </c>
      <c r="AE303">
        <v>38717.5844</v>
      </c>
      <c r="AF303">
        <v>49888.898159999997</v>
      </c>
      <c r="AG303">
        <v>31364.475460000001</v>
      </c>
      <c r="AH303">
        <v>246974.31039999999</v>
      </c>
      <c r="AI303">
        <v>76212.382750000004</v>
      </c>
      <c r="AJ303">
        <v>23165.197250000001</v>
      </c>
      <c r="AK303">
        <v>34094.706810000003</v>
      </c>
      <c r="AL303">
        <v>59146.242389999999</v>
      </c>
      <c r="AM303">
        <v>22711.505349999999</v>
      </c>
      <c r="AN303">
        <v>95370.866389999996</v>
      </c>
      <c r="AO303">
        <v>33349.829899999997</v>
      </c>
      <c r="AP303">
        <v>16048.13747</v>
      </c>
    </row>
    <row r="304" spans="2:42" x14ac:dyDescent="0.3">
      <c r="B304">
        <v>47.884704404335999</v>
      </c>
      <c r="C304" s="83">
        <v>43113.583333333336</v>
      </c>
      <c r="D304">
        <v>168276.16200000001</v>
      </c>
      <c r="E304">
        <v>27110.42539</v>
      </c>
      <c r="F304">
        <v>93166.884709999998</v>
      </c>
      <c r="G304">
        <v>41674.619550000003</v>
      </c>
      <c r="H304">
        <v>39649.327669999999</v>
      </c>
      <c r="I304">
        <v>32127.577799999999</v>
      </c>
      <c r="J304">
        <v>38066.104659999997</v>
      </c>
      <c r="K304">
        <v>49277.303780000002</v>
      </c>
      <c r="L304">
        <v>29552.775570000002</v>
      </c>
      <c r="M304">
        <v>244138.55369999999</v>
      </c>
      <c r="N304">
        <v>75840.263139999995</v>
      </c>
      <c r="O304">
        <v>22756.752970000001</v>
      </c>
      <c r="P304">
        <v>33426.23732</v>
      </c>
      <c r="Q304">
        <v>57059.887419999999</v>
      </c>
      <c r="R304">
        <v>21442.339029999999</v>
      </c>
      <c r="S304">
        <v>92278.581909999994</v>
      </c>
      <c r="T304">
        <v>33009.112670000002</v>
      </c>
      <c r="U304">
        <v>15870.683849999999</v>
      </c>
      <c r="W304" s="83">
        <f>Bühler!N336</f>
        <v>45304.583333332601</v>
      </c>
      <c r="X304" s="83">
        <v>43113.583333333336</v>
      </c>
      <c r="Y304">
        <v>168276.16200000001</v>
      </c>
      <c r="Z304">
        <v>27110.42539</v>
      </c>
      <c r="AA304">
        <v>93166.884709999998</v>
      </c>
      <c r="AB304">
        <v>41674.619550000003</v>
      </c>
      <c r="AC304">
        <v>39649.327669999999</v>
      </c>
      <c r="AD304">
        <v>32127.577799999999</v>
      </c>
      <c r="AE304">
        <v>38066.104659999997</v>
      </c>
      <c r="AF304">
        <v>49277.303780000002</v>
      </c>
      <c r="AG304">
        <v>29552.775570000002</v>
      </c>
      <c r="AH304">
        <v>244138.55369999999</v>
      </c>
      <c r="AI304">
        <v>75840.263139999995</v>
      </c>
      <c r="AJ304">
        <v>22756.752970000001</v>
      </c>
      <c r="AK304">
        <v>33426.23732</v>
      </c>
      <c r="AL304">
        <v>57059.887419999999</v>
      </c>
      <c r="AM304">
        <v>21442.339029999999</v>
      </c>
      <c r="AN304">
        <v>92278.581909999994</v>
      </c>
      <c r="AO304">
        <v>33009.112670000002</v>
      </c>
      <c r="AP304">
        <v>15870.683849999999</v>
      </c>
    </row>
    <row r="305" spans="2:42" x14ac:dyDescent="0.3">
      <c r="B305">
        <v>47.151804538105495</v>
      </c>
      <c r="C305" s="83">
        <v>43113.625</v>
      </c>
      <c r="D305">
        <v>168104.24960000001</v>
      </c>
      <c r="E305">
        <v>27306.60152</v>
      </c>
      <c r="F305">
        <v>92687.656409999996</v>
      </c>
      <c r="G305">
        <v>41232.655760000001</v>
      </c>
      <c r="H305">
        <v>39653.272819999998</v>
      </c>
      <c r="I305">
        <v>32064.7189</v>
      </c>
      <c r="J305">
        <v>37776.755400000002</v>
      </c>
      <c r="K305">
        <v>48743.120450000002</v>
      </c>
      <c r="L305">
        <v>27081.592290000001</v>
      </c>
      <c r="M305">
        <v>240401.8884</v>
      </c>
      <c r="N305">
        <v>77141.535140000007</v>
      </c>
      <c r="O305">
        <v>22947.874319999999</v>
      </c>
      <c r="P305">
        <v>31997.475839999999</v>
      </c>
      <c r="Q305">
        <v>56262.679459999999</v>
      </c>
      <c r="R305">
        <v>21471.763910000001</v>
      </c>
      <c r="S305">
        <v>91666.58498</v>
      </c>
      <c r="T305">
        <v>33195.208189999998</v>
      </c>
      <c r="U305">
        <v>15871.69987</v>
      </c>
      <c r="W305" s="83">
        <f>Bühler!N337</f>
        <v>45304.624999999265</v>
      </c>
      <c r="X305" s="83">
        <v>43113.625</v>
      </c>
      <c r="Y305">
        <v>168104.24960000001</v>
      </c>
      <c r="Z305">
        <v>27306.60152</v>
      </c>
      <c r="AA305">
        <v>92687.656409999996</v>
      </c>
      <c r="AB305">
        <v>41232.655760000001</v>
      </c>
      <c r="AC305">
        <v>39653.272819999998</v>
      </c>
      <c r="AD305">
        <v>32064.7189</v>
      </c>
      <c r="AE305">
        <v>37776.755400000002</v>
      </c>
      <c r="AF305">
        <v>48743.120450000002</v>
      </c>
      <c r="AG305">
        <v>27081.592290000001</v>
      </c>
      <c r="AH305">
        <v>240401.8884</v>
      </c>
      <c r="AI305">
        <v>77141.535140000007</v>
      </c>
      <c r="AJ305">
        <v>22947.874319999999</v>
      </c>
      <c r="AK305">
        <v>31997.475839999999</v>
      </c>
      <c r="AL305">
        <v>56262.679459999999</v>
      </c>
      <c r="AM305">
        <v>21471.763910000001</v>
      </c>
      <c r="AN305">
        <v>91666.58498</v>
      </c>
      <c r="AO305">
        <v>33195.208189999998</v>
      </c>
      <c r="AP305">
        <v>15871.69987</v>
      </c>
    </row>
    <row r="306" spans="2:42" x14ac:dyDescent="0.3">
      <c r="B306">
        <v>46.865437873686176</v>
      </c>
      <c r="C306" s="83">
        <v>43113.666666666664</v>
      </c>
      <c r="D306">
        <v>167503.2084</v>
      </c>
      <c r="E306">
        <v>27117.39847</v>
      </c>
      <c r="F306">
        <v>92304.137770000001</v>
      </c>
      <c r="G306">
        <v>41396.7212</v>
      </c>
      <c r="H306">
        <v>39341.054660000002</v>
      </c>
      <c r="I306">
        <v>32470.866399999999</v>
      </c>
      <c r="J306">
        <v>37146.082459999998</v>
      </c>
      <c r="K306">
        <v>46470.39705</v>
      </c>
      <c r="L306">
        <v>25955.665529999998</v>
      </c>
      <c r="M306">
        <v>238941.85759999999</v>
      </c>
      <c r="N306">
        <v>74872.974650000004</v>
      </c>
      <c r="O306">
        <v>22851.221580000001</v>
      </c>
      <c r="P306">
        <v>33106.694609999999</v>
      </c>
      <c r="Q306">
        <v>55945.229639999998</v>
      </c>
      <c r="R306">
        <v>20951.037939999998</v>
      </c>
      <c r="S306">
        <v>93250.608070000002</v>
      </c>
      <c r="T306">
        <v>33294.384480000001</v>
      </c>
      <c r="U306">
        <v>15992.977580000001</v>
      </c>
      <c r="W306" s="83">
        <f>Bühler!N338</f>
        <v>45304.666666665929</v>
      </c>
      <c r="X306" s="83">
        <v>43113.666666666664</v>
      </c>
      <c r="Y306">
        <v>167503.2084</v>
      </c>
      <c r="Z306">
        <v>27117.39847</v>
      </c>
      <c r="AA306">
        <v>92304.137770000001</v>
      </c>
      <c r="AB306">
        <v>41396.7212</v>
      </c>
      <c r="AC306">
        <v>39341.054660000002</v>
      </c>
      <c r="AD306">
        <v>32470.866399999999</v>
      </c>
      <c r="AE306">
        <v>37146.082459999998</v>
      </c>
      <c r="AF306">
        <v>46470.39705</v>
      </c>
      <c r="AG306">
        <v>25955.665529999998</v>
      </c>
      <c r="AH306">
        <v>238941.85759999999</v>
      </c>
      <c r="AI306">
        <v>74872.974650000004</v>
      </c>
      <c r="AJ306">
        <v>22851.221580000001</v>
      </c>
      <c r="AK306">
        <v>33106.694609999999</v>
      </c>
      <c r="AL306">
        <v>55945.229639999998</v>
      </c>
      <c r="AM306">
        <v>20951.037939999998</v>
      </c>
      <c r="AN306">
        <v>93250.608070000002</v>
      </c>
      <c r="AO306">
        <v>33294.384480000001</v>
      </c>
      <c r="AP306">
        <v>15992.977580000001</v>
      </c>
    </row>
    <row r="307" spans="2:42" x14ac:dyDescent="0.3">
      <c r="B307">
        <v>46.332784872203703</v>
      </c>
      <c r="C307" s="83">
        <v>43113.708333333336</v>
      </c>
      <c r="D307">
        <v>166976.65830000001</v>
      </c>
      <c r="E307">
        <v>27749.577010000001</v>
      </c>
      <c r="F307">
        <v>94456.009210000004</v>
      </c>
      <c r="G307">
        <v>42202.933210000003</v>
      </c>
      <c r="H307">
        <v>41148.342040000003</v>
      </c>
      <c r="I307">
        <v>33472.144339999999</v>
      </c>
      <c r="J307">
        <v>39354.723319999997</v>
      </c>
      <c r="K307">
        <v>45241.330600000001</v>
      </c>
      <c r="L307">
        <v>27320.43318</v>
      </c>
      <c r="M307">
        <v>236226.14420000001</v>
      </c>
      <c r="N307">
        <v>71635.323980000001</v>
      </c>
      <c r="O307">
        <v>23573.27059</v>
      </c>
      <c r="P307">
        <v>34521.420239999999</v>
      </c>
      <c r="Q307">
        <v>54799.52289</v>
      </c>
      <c r="R307">
        <v>21997.387019999998</v>
      </c>
      <c r="S307">
        <v>97908.340549999994</v>
      </c>
      <c r="T307">
        <v>34942.906580000003</v>
      </c>
      <c r="U307">
        <v>16492.510279999999</v>
      </c>
      <c r="W307" s="83">
        <f>Bühler!N339</f>
        <v>45304.708333332594</v>
      </c>
      <c r="X307" s="83">
        <v>43113.708333333336</v>
      </c>
      <c r="Y307">
        <v>166976.65830000001</v>
      </c>
      <c r="Z307">
        <v>27749.577010000001</v>
      </c>
      <c r="AA307">
        <v>94456.009210000004</v>
      </c>
      <c r="AB307">
        <v>42202.933210000003</v>
      </c>
      <c r="AC307">
        <v>41148.342040000003</v>
      </c>
      <c r="AD307">
        <v>33472.144339999999</v>
      </c>
      <c r="AE307">
        <v>39354.723319999997</v>
      </c>
      <c r="AF307">
        <v>45241.330600000001</v>
      </c>
      <c r="AG307">
        <v>27320.43318</v>
      </c>
      <c r="AH307">
        <v>236226.14420000001</v>
      </c>
      <c r="AI307">
        <v>71635.323980000001</v>
      </c>
      <c r="AJ307">
        <v>23573.27059</v>
      </c>
      <c r="AK307">
        <v>34521.420239999999</v>
      </c>
      <c r="AL307">
        <v>54799.52289</v>
      </c>
      <c r="AM307">
        <v>21997.387019999998</v>
      </c>
      <c r="AN307">
        <v>97908.340549999994</v>
      </c>
      <c r="AO307">
        <v>34942.906580000003</v>
      </c>
      <c r="AP307">
        <v>16492.510279999999</v>
      </c>
    </row>
    <row r="308" spans="2:42" x14ac:dyDescent="0.3">
      <c r="B308">
        <v>45.380749637596622</v>
      </c>
      <c r="C308" s="83">
        <v>43113.75</v>
      </c>
      <c r="D308">
        <v>166413.15100000001</v>
      </c>
      <c r="E308">
        <v>26787.876339999999</v>
      </c>
      <c r="F308">
        <v>91942.098509999996</v>
      </c>
      <c r="G308">
        <v>42820.335619999998</v>
      </c>
      <c r="H308">
        <v>41618.412900000003</v>
      </c>
      <c r="I308">
        <v>33257.639609999998</v>
      </c>
      <c r="J308">
        <v>41078.858959999998</v>
      </c>
      <c r="K308">
        <v>41790.907859999999</v>
      </c>
      <c r="L308">
        <v>30297.589230000001</v>
      </c>
      <c r="M308">
        <v>231372.22459999999</v>
      </c>
      <c r="N308">
        <v>72058.353260000004</v>
      </c>
      <c r="O308">
        <v>23891.009529999999</v>
      </c>
      <c r="P308">
        <v>38399.244059999997</v>
      </c>
      <c r="Q308">
        <v>53631.692419999999</v>
      </c>
      <c r="R308">
        <v>21022.066299999999</v>
      </c>
      <c r="S308">
        <v>96853.951860000001</v>
      </c>
      <c r="T308">
        <v>34839.568919999998</v>
      </c>
      <c r="U308">
        <v>16771.126850000001</v>
      </c>
      <c r="W308" s="83">
        <f>Bühler!N340</f>
        <v>45304.749999999258</v>
      </c>
      <c r="X308" s="83">
        <v>43113.75</v>
      </c>
      <c r="Y308">
        <v>166413.15100000001</v>
      </c>
      <c r="Z308">
        <v>26787.876339999999</v>
      </c>
      <c r="AA308">
        <v>91942.098509999996</v>
      </c>
      <c r="AB308">
        <v>42820.335619999998</v>
      </c>
      <c r="AC308">
        <v>41618.412900000003</v>
      </c>
      <c r="AD308">
        <v>33257.639609999998</v>
      </c>
      <c r="AE308">
        <v>41078.858959999998</v>
      </c>
      <c r="AF308">
        <v>41790.907859999999</v>
      </c>
      <c r="AG308">
        <v>30297.589230000001</v>
      </c>
      <c r="AH308">
        <v>231372.22459999999</v>
      </c>
      <c r="AI308">
        <v>72058.353260000004</v>
      </c>
      <c r="AJ308">
        <v>23891.009529999999</v>
      </c>
      <c r="AK308">
        <v>38399.244059999997</v>
      </c>
      <c r="AL308">
        <v>53631.692419999999</v>
      </c>
      <c r="AM308">
        <v>21022.066299999999</v>
      </c>
      <c r="AN308">
        <v>96853.951860000001</v>
      </c>
      <c r="AO308">
        <v>34839.568919999998</v>
      </c>
      <c r="AP308">
        <v>16771.126850000001</v>
      </c>
    </row>
    <row r="309" spans="2:42" x14ac:dyDescent="0.3">
      <c r="B309">
        <v>45.151754814115613</v>
      </c>
      <c r="C309" s="83">
        <v>43113.791666666664</v>
      </c>
      <c r="D309">
        <v>166464.76749999999</v>
      </c>
      <c r="E309">
        <v>23313.309840000002</v>
      </c>
      <c r="F309">
        <v>79476.348180000001</v>
      </c>
      <c r="G309">
        <v>42769.126400000001</v>
      </c>
      <c r="H309">
        <v>40157.08178</v>
      </c>
      <c r="I309">
        <v>32550.259829999999</v>
      </c>
      <c r="J309">
        <v>41061.388890000002</v>
      </c>
      <c r="K309">
        <v>42410.113019999997</v>
      </c>
      <c r="L309">
        <v>32089.56841</v>
      </c>
      <c r="M309">
        <v>230204.7022</v>
      </c>
      <c r="N309">
        <v>72836.757419999994</v>
      </c>
      <c r="O309">
        <v>23761.217049999999</v>
      </c>
      <c r="P309">
        <v>38590.213969999997</v>
      </c>
      <c r="Q309">
        <v>51766.291649999999</v>
      </c>
      <c r="R309">
        <v>21268.90842</v>
      </c>
      <c r="S309">
        <v>95202.455830000006</v>
      </c>
      <c r="T309">
        <v>33836.372060000002</v>
      </c>
      <c r="U309">
        <v>16530.48185</v>
      </c>
      <c r="W309" s="83">
        <f>Bühler!N341</f>
        <v>45304.791666665922</v>
      </c>
      <c r="X309" s="83">
        <v>43113.791666666664</v>
      </c>
      <c r="Y309">
        <v>166464.76749999999</v>
      </c>
      <c r="Z309">
        <v>23313.309840000002</v>
      </c>
      <c r="AA309">
        <v>79476.348180000001</v>
      </c>
      <c r="AB309">
        <v>42769.126400000001</v>
      </c>
      <c r="AC309">
        <v>40157.08178</v>
      </c>
      <c r="AD309">
        <v>32550.259829999999</v>
      </c>
      <c r="AE309">
        <v>41061.388890000002</v>
      </c>
      <c r="AF309">
        <v>42410.113019999997</v>
      </c>
      <c r="AG309">
        <v>32089.56841</v>
      </c>
      <c r="AH309">
        <v>230204.7022</v>
      </c>
      <c r="AI309">
        <v>72836.757419999994</v>
      </c>
      <c r="AJ309">
        <v>23761.217049999999</v>
      </c>
      <c r="AK309">
        <v>38590.213969999997</v>
      </c>
      <c r="AL309">
        <v>51766.291649999999</v>
      </c>
      <c r="AM309">
        <v>21268.90842</v>
      </c>
      <c r="AN309">
        <v>95202.455830000006</v>
      </c>
      <c r="AO309">
        <v>33836.372060000002</v>
      </c>
      <c r="AP309">
        <v>16530.48185</v>
      </c>
    </row>
    <row r="310" spans="2:42" x14ac:dyDescent="0.3">
      <c r="B310">
        <v>45.413384098401202</v>
      </c>
      <c r="C310" s="83">
        <v>43113.833333333336</v>
      </c>
      <c r="D310">
        <v>166311.13630000001</v>
      </c>
      <c r="E310">
        <v>18056.85656</v>
      </c>
      <c r="F310">
        <v>60095.57114</v>
      </c>
      <c r="G310">
        <v>42471.014289999999</v>
      </c>
      <c r="H310">
        <v>39975.904640000001</v>
      </c>
      <c r="I310">
        <v>29851.414390000002</v>
      </c>
      <c r="J310">
        <v>39512.804669999998</v>
      </c>
      <c r="K310">
        <v>49175.902869999998</v>
      </c>
      <c r="L310">
        <v>32102.30327</v>
      </c>
      <c r="M310">
        <v>231538.6103</v>
      </c>
      <c r="N310">
        <v>72529.925510000001</v>
      </c>
      <c r="O310">
        <v>23525.712200000002</v>
      </c>
      <c r="P310">
        <v>38564.509059999997</v>
      </c>
      <c r="Q310">
        <v>50589.692819999997</v>
      </c>
      <c r="R310">
        <v>22711.454570000002</v>
      </c>
      <c r="S310">
        <v>88180.134609999994</v>
      </c>
      <c r="T310">
        <v>30909.8033</v>
      </c>
      <c r="U310">
        <v>16751.714360000002</v>
      </c>
      <c r="W310" s="83">
        <f>Bühler!N342</f>
        <v>45304.833333332586</v>
      </c>
      <c r="X310" s="83">
        <v>43113.833333333336</v>
      </c>
      <c r="Y310">
        <v>166311.13630000001</v>
      </c>
      <c r="Z310">
        <v>18056.85656</v>
      </c>
      <c r="AA310">
        <v>60095.57114</v>
      </c>
      <c r="AB310">
        <v>42471.014289999999</v>
      </c>
      <c r="AC310">
        <v>39975.904640000001</v>
      </c>
      <c r="AD310">
        <v>29851.414390000002</v>
      </c>
      <c r="AE310">
        <v>39512.804669999998</v>
      </c>
      <c r="AF310">
        <v>49175.902869999998</v>
      </c>
      <c r="AG310">
        <v>32102.30327</v>
      </c>
      <c r="AH310">
        <v>231538.6103</v>
      </c>
      <c r="AI310">
        <v>72529.925510000001</v>
      </c>
      <c r="AJ310">
        <v>23525.712200000002</v>
      </c>
      <c r="AK310">
        <v>38564.509059999997</v>
      </c>
      <c r="AL310">
        <v>50589.692819999997</v>
      </c>
      <c r="AM310">
        <v>22711.454570000002</v>
      </c>
      <c r="AN310">
        <v>88180.134609999994</v>
      </c>
      <c r="AO310">
        <v>30909.8033</v>
      </c>
      <c r="AP310">
        <v>16751.714360000002</v>
      </c>
    </row>
    <row r="311" spans="2:42" x14ac:dyDescent="0.3">
      <c r="B311">
        <v>44.982883443343802</v>
      </c>
      <c r="C311" s="83">
        <v>43113.875</v>
      </c>
      <c r="D311">
        <v>164757.4883</v>
      </c>
      <c r="E311">
        <v>15861.968580000001</v>
      </c>
      <c r="F311">
        <v>51889.473989999999</v>
      </c>
      <c r="G311">
        <v>42118.560850000002</v>
      </c>
      <c r="H311">
        <v>39270.662369999998</v>
      </c>
      <c r="I311">
        <v>27171.87946</v>
      </c>
      <c r="J311">
        <v>38258.55762</v>
      </c>
      <c r="K311">
        <v>50048.38207</v>
      </c>
      <c r="L311">
        <v>30180.871510000001</v>
      </c>
      <c r="M311">
        <v>229343.71720000001</v>
      </c>
      <c r="N311">
        <v>72371.866630000004</v>
      </c>
      <c r="O311">
        <v>23033.85672</v>
      </c>
      <c r="P311">
        <v>37357.801879999999</v>
      </c>
      <c r="Q311">
        <v>49455.135900000001</v>
      </c>
      <c r="R311">
        <v>21260.505150000001</v>
      </c>
      <c r="S311">
        <v>84240.998860000007</v>
      </c>
      <c r="T311">
        <v>29554.33324</v>
      </c>
      <c r="U311">
        <v>16481.19772</v>
      </c>
      <c r="W311" s="83">
        <f>Bühler!N343</f>
        <v>45304.874999999251</v>
      </c>
      <c r="X311" s="83">
        <v>43113.875</v>
      </c>
      <c r="Y311">
        <v>164757.4883</v>
      </c>
      <c r="Z311">
        <v>15861.968580000001</v>
      </c>
      <c r="AA311">
        <v>51889.473989999999</v>
      </c>
      <c r="AB311">
        <v>42118.560850000002</v>
      </c>
      <c r="AC311">
        <v>39270.662369999998</v>
      </c>
      <c r="AD311">
        <v>27171.87946</v>
      </c>
      <c r="AE311">
        <v>38258.55762</v>
      </c>
      <c r="AF311">
        <v>50048.38207</v>
      </c>
      <c r="AG311">
        <v>30180.871510000001</v>
      </c>
      <c r="AH311">
        <v>229343.71720000001</v>
      </c>
      <c r="AI311">
        <v>72371.866630000004</v>
      </c>
      <c r="AJ311">
        <v>23033.85672</v>
      </c>
      <c r="AK311">
        <v>37357.801879999999</v>
      </c>
      <c r="AL311">
        <v>49455.135900000001</v>
      </c>
      <c r="AM311">
        <v>21260.505150000001</v>
      </c>
      <c r="AN311">
        <v>84240.998860000007</v>
      </c>
      <c r="AO311">
        <v>29554.33324</v>
      </c>
      <c r="AP311">
        <v>16481.19772</v>
      </c>
    </row>
    <row r="312" spans="2:42" x14ac:dyDescent="0.3">
      <c r="B312">
        <v>45.011688948793832</v>
      </c>
      <c r="C312" s="83">
        <v>43113.916666666664</v>
      </c>
      <c r="D312">
        <v>164793.2347</v>
      </c>
      <c r="E312">
        <v>15594.32711</v>
      </c>
      <c r="F312">
        <v>49556.12182</v>
      </c>
      <c r="G312">
        <v>42701.118430000002</v>
      </c>
      <c r="H312">
        <v>39274.796289999998</v>
      </c>
      <c r="I312">
        <v>26562.72824</v>
      </c>
      <c r="J312">
        <v>37187.994259999999</v>
      </c>
      <c r="K312">
        <v>53508.438479999997</v>
      </c>
      <c r="L312">
        <v>27623.987550000002</v>
      </c>
      <c r="M312">
        <v>229490.58110000001</v>
      </c>
      <c r="N312">
        <v>72339.04578</v>
      </c>
      <c r="O312">
        <v>24038.250749999999</v>
      </c>
      <c r="P312">
        <v>40995.952140000001</v>
      </c>
      <c r="Q312">
        <v>49490.145109999998</v>
      </c>
      <c r="R312">
        <v>27054.352480000001</v>
      </c>
      <c r="S312">
        <v>83869.153049999994</v>
      </c>
      <c r="T312">
        <v>28375.044440000001</v>
      </c>
      <c r="U312">
        <v>17595.05471</v>
      </c>
      <c r="W312" s="83">
        <f>Bühler!N344</f>
        <v>45304.916666665915</v>
      </c>
      <c r="X312" s="83">
        <v>43113.916666666664</v>
      </c>
      <c r="Y312">
        <v>164793.2347</v>
      </c>
      <c r="Z312">
        <v>15594.32711</v>
      </c>
      <c r="AA312">
        <v>49556.12182</v>
      </c>
      <c r="AB312">
        <v>42701.118430000002</v>
      </c>
      <c r="AC312">
        <v>39274.796289999998</v>
      </c>
      <c r="AD312">
        <v>26562.72824</v>
      </c>
      <c r="AE312">
        <v>37187.994259999999</v>
      </c>
      <c r="AF312">
        <v>53508.438479999997</v>
      </c>
      <c r="AG312">
        <v>27623.987550000002</v>
      </c>
      <c r="AH312">
        <v>229490.58110000001</v>
      </c>
      <c r="AI312">
        <v>72339.04578</v>
      </c>
      <c r="AJ312">
        <v>24038.250749999999</v>
      </c>
      <c r="AK312">
        <v>40995.952140000001</v>
      </c>
      <c r="AL312">
        <v>49490.145109999998</v>
      </c>
      <c r="AM312">
        <v>27054.352480000001</v>
      </c>
      <c r="AN312">
        <v>83869.153049999994</v>
      </c>
      <c r="AO312">
        <v>28375.044440000001</v>
      </c>
      <c r="AP312">
        <v>17595.05471</v>
      </c>
    </row>
    <row r="313" spans="2:42" x14ac:dyDescent="0.3">
      <c r="B313">
        <v>44.483415558453679</v>
      </c>
      <c r="C313" s="83">
        <v>43113.958333333336</v>
      </c>
      <c r="D313">
        <v>164338.01699999999</v>
      </c>
      <c r="E313">
        <v>15456.831029999999</v>
      </c>
      <c r="F313">
        <v>48412.92873</v>
      </c>
      <c r="G313">
        <v>42357.191959999996</v>
      </c>
      <c r="H313">
        <v>38757.233930000002</v>
      </c>
      <c r="I313">
        <v>25827.61276</v>
      </c>
      <c r="J313">
        <v>35558.777099999999</v>
      </c>
      <c r="K313">
        <v>51524.929170000003</v>
      </c>
      <c r="L313">
        <v>23773.78026</v>
      </c>
      <c r="M313">
        <v>226797.19699999999</v>
      </c>
      <c r="N313">
        <v>71765.326209999999</v>
      </c>
      <c r="O313">
        <v>23852.278020000002</v>
      </c>
      <c r="P313">
        <v>36549.456879999998</v>
      </c>
      <c r="Q313">
        <v>48628.1423</v>
      </c>
      <c r="R313">
        <v>26893.249950000001</v>
      </c>
      <c r="S313">
        <v>81888.783290000007</v>
      </c>
      <c r="T313">
        <v>30608.761910000001</v>
      </c>
      <c r="U313">
        <v>16791.05529</v>
      </c>
      <c r="W313" s="83">
        <f>Bühler!N345</f>
        <v>45304.958333332579</v>
      </c>
      <c r="X313" s="83">
        <v>43113.958333333336</v>
      </c>
      <c r="Y313">
        <v>164338.01699999999</v>
      </c>
      <c r="Z313">
        <v>15456.831029999999</v>
      </c>
      <c r="AA313">
        <v>48412.92873</v>
      </c>
      <c r="AB313">
        <v>42357.191959999996</v>
      </c>
      <c r="AC313">
        <v>38757.233930000002</v>
      </c>
      <c r="AD313">
        <v>25827.61276</v>
      </c>
      <c r="AE313">
        <v>35558.777099999999</v>
      </c>
      <c r="AF313">
        <v>51524.929170000003</v>
      </c>
      <c r="AG313">
        <v>23773.78026</v>
      </c>
      <c r="AH313">
        <v>226797.19699999999</v>
      </c>
      <c r="AI313">
        <v>71765.326209999999</v>
      </c>
      <c r="AJ313">
        <v>23852.278020000002</v>
      </c>
      <c r="AK313">
        <v>36549.456879999998</v>
      </c>
      <c r="AL313">
        <v>48628.1423</v>
      </c>
      <c r="AM313">
        <v>26893.249950000001</v>
      </c>
      <c r="AN313">
        <v>81888.783290000007</v>
      </c>
      <c r="AO313">
        <v>30608.761910000001</v>
      </c>
      <c r="AP313">
        <v>16791.05529</v>
      </c>
    </row>
    <row r="314" spans="2:42" x14ac:dyDescent="0.3">
      <c r="B314">
        <v>44.103412363364065</v>
      </c>
      <c r="C314" s="83">
        <v>43114</v>
      </c>
      <c r="D314">
        <v>164983.32070000001</v>
      </c>
      <c r="E314">
        <v>15348.97335</v>
      </c>
      <c r="F314">
        <v>47990.392290000003</v>
      </c>
      <c r="G314">
        <v>42522.26483</v>
      </c>
      <c r="H314">
        <v>38525.088519999998</v>
      </c>
      <c r="I314">
        <v>24360.093010000001</v>
      </c>
      <c r="J314">
        <v>33934.409729999999</v>
      </c>
      <c r="K314">
        <v>49926.931259999998</v>
      </c>
      <c r="L314">
        <v>20498.08064</v>
      </c>
      <c r="M314">
        <v>224859.7635</v>
      </c>
      <c r="N314">
        <v>70072.72193</v>
      </c>
      <c r="O314">
        <v>24006.202369999999</v>
      </c>
      <c r="P314">
        <v>34196.877469999999</v>
      </c>
      <c r="Q314">
        <v>49107.905460000002</v>
      </c>
      <c r="R314">
        <v>25691.537189999999</v>
      </c>
      <c r="S314">
        <v>81123.856270000004</v>
      </c>
      <c r="T314">
        <v>28771.815340000001</v>
      </c>
      <c r="U314">
        <v>16693.68075</v>
      </c>
      <c r="W314" s="83">
        <f>Bühler!N346</f>
        <v>45304.999999999243</v>
      </c>
      <c r="X314" s="83">
        <v>43114</v>
      </c>
      <c r="Y314">
        <v>164983.32070000001</v>
      </c>
      <c r="Z314">
        <v>15348.97335</v>
      </c>
      <c r="AA314">
        <v>47990.392290000003</v>
      </c>
      <c r="AB314">
        <v>42522.26483</v>
      </c>
      <c r="AC314">
        <v>38525.088519999998</v>
      </c>
      <c r="AD314">
        <v>24360.093010000001</v>
      </c>
      <c r="AE314">
        <v>33934.409729999999</v>
      </c>
      <c r="AF314">
        <v>49926.931259999998</v>
      </c>
      <c r="AG314">
        <v>20498.08064</v>
      </c>
      <c r="AH314">
        <v>224859.7635</v>
      </c>
      <c r="AI314">
        <v>70072.72193</v>
      </c>
      <c r="AJ314">
        <v>24006.202369999999</v>
      </c>
      <c r="AK314">
        <v>34196.877469999999</v>
      </c>
      <c r="AL314">
        <v>49107.905460000002</v>
      </c>
      <c r="AM314">
        <v>25691.537189999999</v>
      </c>
      <c r="AN314">
        <v>81123.856270000004</v>
      </c>
      <c r="AO314">
        <v>28771.815340000001</v>
      </c>
      <c r="AP314">
        <v>16693.68075</v>
      </c>
    </row>
    <row r="315" spans="2:42" x14ac:dyDescent="0.3">
      <c r="B315">
        <v>44.066515032405547</v>
      </c>
      <c r="C315" s="83">
        <v>43114.041666666664</v>
      </c>
      <c r="D315">
        <v>164738.66190000001</v>
      </c>
      <c r="E315">
        <v>15344.91849</v>
      </c>
      <c r="F315">
        <v>48751.408459999999</v>
      </c>
      <c r="G315">
        <v>42095.955260000002</v>
      </c>
      <c r="H315">
        <v>38265.232550000001</v>
      </c>
      <c r="I315">
        <v>20886.322029999999</v>
      </c>
      <c r="J315">
        <v>33217.377780000003</v>
      </c>
      <c r="K315">
        <v>49498.39013</v>
      </c>
      <c r="L315">
        <v>19139.072380000001</v>
      </c>
      <c r="M315">
        <v>224671.64369999999</v>
      </c>
      <c r="N315">
        <v>69112.728940000001</v>
      </c>
      <c r="O315">
        <v>23891.365600000001</v>
      </c>
      <c r="P315">
        <v>31772.91505</v>
      </c>
      <c r="Q315">
        <v>49788.184670000002</v>
      </c>
      <c r="R315">
        <v>24362.194920000002</v>
      </c>
      <c r="S315">
        <v>79784.968699999998</v>
      </c>
      <c r="T315">
        <v>28264.269970000001</v>
      </c>
      <c r="U315">
        <v>16867.548490000001</v>
      </c>
      <c r="W315" s="83">
        <f>Bühler!N347</f>
        <v>45305.041666665908</v>
      </c>
      <c r="X315" s="83">
        <v>43114.041666666664</v>
      </c>
      <c r="Y315">
        <v>164738.66190000001</v>
      </c>
      <c r="Z315">
        <v>15344.91849</v>
      </c>
      <c r="AA315">
        <v>48751.408459999999</v>
      </c>
      <c r="AB315">
        <v>42095.955260000002</v>
      </c>
      <c r="AC315">
        <v>38265.232550000001</v>
      </c>
      <c r="AD315">
        <v>20886.322029999999</v>
      </c>
      <c r="AE315">
        <v>33217.377780000003</v>
      </c>
      <c r="AF315">
        <v>49498.39013</v>
      </c>
      <c r="AG315">
        <v>19139.072380000001</v>
      </c>
      <c r="AH315">
        <v>224671.64369999999</v>
      </c>
      <c r="AI315">
        <v>69112.728940000001</v>
      </c>
      <c r="AJ315">
        <v>23891.365600000001</v>
      </c>
      <c r="AK315">
        <v>31772.91505</v>
      </c>
      <c r="AL315">
        <v>49788.184670000002</v>
      </c>
      <c r="AM315">
        <v>24362.194920000002</v>
      </c>
      <c r="AN315">
        <v>79784.968699999998</v>
      </c>
      <c r="AO315">
        <v>28264.269970000001</v>
      </c>
      <c r="AP315">
        <v>16867.548490000001</v>
      </c>
    </row>
    <row r="316" spans="2:42" x14ac:dyDescent="0.3">
      <c r="B316">
        <v>44.400328749286381</v>
      </c>
      <c r="C316" s="83">
        <v>43114.083333333336</v>
      </c>
      <c r="D316">
        <v>164706.43590000001</v>
      </c>
      <c r="E316">
        <v>15349.343790000001</v>
      </c>
      <c r="F316">
        <v>48549.310720000001</v>
      </c>
      <c r="G316">
        <v>41749.594949999999</v>
      </c>
      <c r="H316">
        <v>38087.257919999996</v>
      </c>
      <c r="I316">
        <v>18283.1165</v>
      </c>
      <c r="J316">
        <v>32987.421219999997</v>
      </c>
      <c r="K316">
        <v>48775.061869999998</v>
      </c>
      <c r="L316">
        <v>18674.845539999998</v>
      </c>
      <c r="M316">
        <v>226373.58170000001</v>
      </c>
      <c r="N316">
        <v>68387.127989999994</v>
      </c>
      <c r="O316">
        <v>23842.59103</v>
      </c>
      <c r="P316">
        <v>30372.23</v>
      </c>
      <c r="Q316">
        <v>52128.239600000001</v>
      </c>
      <c r="R316">
        <v>23217.274420000002</v>
      </c>
      <c r="S316">
        <v>79263.491219999996</v>
      </c>
      <c r="T316">
        <v>27149.926189999998</v>
      </c>
      <c r="U316">
        <v>17071.83424</v>
      </c>
      <c r="W316" s="83">
        <f>Bühler!N348</f>
        <v>45305.083333332572</v>
      </c>
      <c r="X316" s="83">
        <v>43114.083333333336</v>
      </c>
      <c r="Y316">
        <v>164706.43590000001</v>
      </c>
      <c r="Z316">
        <v>15349.343790000001</v>
      </c>
      <c r="AA316">
        <v>48549.310720000001</v>
      </c>
      <c r="AB316">
        <v>41749.594949999999</v>
      </c>
      <c r="AC316">
        <v>38087.257919999996</v>
      </c>
      <c r="AD316">
        <v>18283.1165</v>
      </c>
      <c r="AE316">
        <v>32987.421219999997</v>
      </c>
      <c r="AF316">
        <v>48775.061869999998</v>
      </c>
      <c r="AG316">
        <v>18674.845539999998</v>
      </c>
      <c r="AH316">
        <v>226373.58170000001</v>
      </c>
      <c r="AI316">
        <v>68387.127989999994</v>
      </c>
      <c r="AJ316">
        <v>23842.59103</v>
      </c>
      <c r="AK316">
        <v>30372.23</v>
      </c>
      <c r="AL316">
        <v>52128.239600000001</v>
      </c>
      <c r="AM316">
        <v>23217.274420000002</v>
      </c>
      <c r="AN316">
        <v>79263.491219999996</v>
      </c>
      <c r="AO316">
        <v>27149.926189999998</v>
      </c>
      <c r="AP316">
        <v>17071.83424</v>
      </c>
    </row>
    <row r="317" spans="2:42" x14ac:dyDescent="0.3">
      <c r="B317">
        <v>43.561748985639241</v>
      </c>
      <c r="C317" s="83">
        <v>43114.125</v>
      </c>
      <c r="D317">
        <v>164105.943</v>
      </c>
      <c r="E317">
        <v>15399.9912</v>
      </c>
      <c r="F317">
        <v>47827.136989999999</v>
      </c>
      <c r="G317">
        <v>41328.084369999997</v>
      </c>
      <c r="H317">
        <v>37743.752269999997</v>
      </c>
      <c r="I317">
        <v>17697.299770000001</v>
      </c>
      <c r="J317">
        <v>33158.121579999999</v>
      </c>
      <c r="K317">
        <v>46141.0743</v>
      </c>
      <c r="L317">
        <v>18236.905220000001</v>
      </c>
      <c r="M317">
        <v>222098.111</v>
      </c>
      <c r="N317">
        <v>68455.220209999999</v>
      </c>
      <c r="O317">
        <v>23731.793280000002</v>
      </c>
      <c r="P317">
        <v>30065.04421</v>
      </c>
      <c r="Q317">
        <v>53303.966520000002</v>
      </c>
      <c r="R317">
        <v>23273.783889999999</v>
      </c>
      <c r="S317">
        <v>78626.398579999994</v>
      </c>
      <c r="T317">
        <v>27618.999810000001</v>
      </c>
      <c r="U317">
        <v>17404.346079999999</v>
      </c>
      <c r="W317" s="83">
        <f>Bühler!N349</f>
        <v>45305.124999999236</v>
      </c>
      <c r="X317" s="83">
        <v>43114.125</v>
      </c>
      <c r="Y317">
        <v>164105.943</v>
      </c>
      <c r="Z317">
        <v>15399.9912</v>
      </c>
      <c r="AA317">
        <v>47827.136989999999</v>
      </c>
      <c r="AB317">
        <v>41328.084369999997</v>
      </c>
      <c r="AC317">
        <v>37743.752269999997</v>
      </c>
      <c r="AD317">
        <v>17697.299770000001</v>
      </c>
      <c r="AE317">
        <v>33158.121579999999</v>
      </c>
      <c r="AF317">
        <v>46141.0743</v>
      </c>
      <c r="AG317">
        <v>18236.905220000001</v>
      </c>
      <c r="AH317">
        <v>222098.111</v>
      </c>
      <c r="AI317">
        <v>68455.220209999999</v>
      </c>
      <c r="AJ317">
        <v>23731.793280000002</v>
      </c>
      <c r="AK317">
        <v>30065.04421</v>
      </c>
      <c r="AL317">
        <v>53303.966520000002</v>
      </c>
      <c r="AM317">
        <v>23273.783889999999</v>
      </c>
      <c r="AN317">
        <v>78626.398579999994</v>
      </c>
      <c r="AO317">
        <v>27618.999810000001</v>
      </c>
      <c r="AP317">
        <v>17404.346079999999</v>
      </c>
    </row>
    <row r="318" spans="2:42" x14ac:dyDescent="0.3">
      <c r="B318">
        <v>43.72803124448707</v>
      </c>
      <c r="C318" s="83">
        <v>43114.166666666664</v>
      </c>
      <c r="D318">
        <v>163348.01370000001</v>
      </c>
      <c r="E318">
        <v>15415.94274</v>
      </c>
      <c r="F318">
        <v>48170.55919</v>
      </c>
      <c r="G318">
        <v>40453.561479999997</v>
      </c>
      <c r="H318">
        <v>38222.305130000001</v>
      </c>
      <c r="I318">
        <v>18279.517230000001</v>
      </c>
      <c r="J318">
        <v>35505.48214</v>
      </c>
      <c r="K318">
        <v>45184.183470000004</v>
      </c>
      <c r="L318">
        <v>17534.618689999999</v>
      </c>
      <c r="M318">
        <v>222945.89550000001</v>
      </c>
      <c r="N318">
        <v>67979.332649999997</v>
      </c>
      <c r="O318">
        <v>24208.020349999999</v>
      </c>
      <c r="P318">
        <v>30317.074049999999</v>
      </c>
      <c r="Q318">
        <v>54129.585520000001</v>
      </c>
      <c r="R318">
        <v>22601.6561</v>
      </c>
      <c r="S318">
        <v>79938.837929999994</v>
      </c>
      <c r="T318">
        <v>26944.106930000002</v>
      </c>
      <c r="U318">
        <v>17661.225350000001</v>
      </c>
      <c r="W318" s="83">
        <f>Bühler!N350</f>
        <v>45305.1666666659</v>
      </c>
      <c r="X318" s="83">
        <v>43114.166666666664</v>
      </c>
      <c r="Y318">
        <v>163348.01370000001</v>
      </c>
      <c r="Z318">
        <v>15415.94274</v>
      </c>
      <c r="AA318">
        <v>48170.55919</v>
      </c>
      <c r="AB318">
        <v>40453.561479999997</v>
      </c>
      <c r="AC318">
        <v>38222.305130000001</v>
      </c>
      <c r="AD318">
        <v>18279.517230000001</v>
      </c>
      <c r="AE318">
        <v>35505.48214</v>
      </c>
      <c r="AF318">
        <v>45184.183470000004</v>
      </c>
      <c r="AG318">
        <v>17534.618689999999</v>
      </c>
      <c r="AH318">
        <v>222945.89550000001</v>
      </c>
      <c r="AI318">
        <v>67979.332649999997</v>
      </c>
      <c r="AJ318">
        <v>24208.020349999999</v>
      </c>
      <c r="AK318">
        <v>30317.074049999999</v>
      </c>
      <c r="AL318">
        <v>54129.585520000001</v>
      </c>
      <c r="AM318">
        <v>22601.6561</v>
      </c>
      <c r="AN318">
        <v>79938.837929999994</v>
      </c>
      <c r="AO318">
        <v>26944.106930000002</v>
      </c>
      <c r="AP318">
        <v>17661.225350000001</v>
      </c>
    </row>
    <row r="319" spans="2:42" x14ac:dyDescent="0.3">
      <c r="B319">
        <v>43.403430298045357</v>
      </c>
      <c r="C319" s="83">
        <v>43114.208333333336</v>
      </c>
      <c r="D319">
        <v>163974.18859999999</v>
      </c>
      <c r="E319">
        <v>15720.352940000001</v>
      </c>
      <c r="F319">
        <v>49285.57273</v>
      </c>
      <c r="G319">
        <v>40596.862910000003</v>
      </c>
      <c r="H319">
        <v>38749.61146</v>
      </c>
      <c r="I319">
        <v>23033.172610000001</v>
      </c>
      <c r="J319">
        <v>37719.739130000002</v>
      </c>
      <c r="K319">
        <v>44590.12543</v>
      </c>
      <c r="L319">
        <v>18208.456170000001</v>
      </c>
      <c r="M319">
        <v>221290.92850000001</v>
      </c>
      <c r="N319">
        <v>67329.699840000001</v>
      </c>
      <c r="O319">
        <v>24115.14284</v>
      </c>
      <c r="P319">
        <v>30533.425210000001</v>
      </c>
      <c r="Q319">
        <v>55779.112059999999</v>
      </c>
      <c r="R319">
        <v>22538.207109999999</v>
      </c>
      <c r="S319">
        <v>81426.714500000002</v>
      </c>
      <c r="T319">
        <v>27648.13751</v>
      </c>
      <c r="U319">
        <v>18149.390960000001</v>
      </c>
      <c r="W319" s="83">
        <f>Bühler!N351</f>
        <v>45305.208333332565</v>
      </c>
      <c r="X319" s="83">
        <v>43114.208333333336</v>
      </c>
      <c r="Y319">
        <v>163974.18859999999</v>
      </c>
      <c r="Z319">
        <v>15720.352940000001</v>
      </c>
      <c r="AA319">
        <v>49285.57273</v>
      </c>
      <c r="AB319">
        <v>40596.862910000003</v>
      </c>
      <c r="AC319">
        <v>38749.61146</v>
      </c>
      <c r="AD319">
        <v>23033.172610000001</v>
      </c>
      <c r="AE319">
        <v>37719.739130000002</v>
      </c>
      <c r="AF319">
        <v>44590.12543</v>
      </c>
      <c r="AG319">
        <v>18208.456170000001</v>
      </c>
      <c r="AH319">
        <v>221290.92850000001</v>
      </c>
      <c r="AI319">
        <v>67329.699840000001</v>
      </c>
      <c r="AJ319">
        <v>24115.14284</v>
      </c>
      <c r="AK319">
        <v>30533.425210000001</v>
      </c>
      <c r="AL319">
        <v>55779.112059999999</v>
      </c>
      <c r="AM319">
        <v>22538.207109999999</v>
      </c>
      <c r="AN319">
        <v>81426.714500000002</v>
      </c>
      <c r="AO319">
        <v>27648.13751</v>
      </c>
      <c r="AP319">
        <v>18149.390960000001</v>
      </c>
    </row>
    <row r="320" spans="2:42" x14ac:dyDescent="0.3">
      <c r="B320">
        <v>44.508088311309741</v>
      </c>
      <c r="C320" s="83">
        <v>43114.25</v>
      </c>
      <c r="D320">
        <v>164911.06349999999</v>
      </c>
      <c r="E320">
        <v>16226.38839</v>
      </c>
      <c r="F320">
        <v>51404.9329</v>
      </c>
      <c r="G320">
        <v>41358.81854</v>
      </c>
      <c r="H320">
        <v>38456.007879999997</v>
      </c>
      <c r="I320">
        <v>25818.519059999999</v>
      </c>
      <c r="J320">
        <v>40203.697460000003</v>
      </c>
      <c r="K320">
        <v>44758.536659999998</v>
      </c>
      <c r="L320">
        <v>18630.296200000001</v>
      </c>
      <c r="M320">
        <v>226922.9902</v>
      </c>
      <c r="N320">
        <v>65530.668870000001</v>
      </c>
      <c r="O320">
        <v>23561.114860000001</v>
      </c>
      <c r="P320">
        <v>31974.98963</v>
      </c>
      <c r="Q320">
        <v>54089.446940000002</v>
      </c>
      <c r="R320">
        <v>18360.077239999999</v>
      </c>
      <c r="S320">
        <v>86192.413069999995</v>
      </c>
      <c r="T320">
        <v>28447.68533</v>
      </c>
      <c r="U320">
        <v>17403.01756</v>
      </c>
      <c r="W320" s="83">
        <f>Bühler!N352</f>
        <v>45305.249999999229</v>
      </c>
      <c r="X320" s="83">
        <v>43114.25</v>
      </c>
      <c r="Y320">
        <v>164911.06349999999</v>
      </c>
      <c r="Z320">
        <v>16226.38839</v>
      </c>
      <c r="AA320">
        <v>51404.9329</v>
      </c>
      <c r="AB320">
        <v>41358.81854</v>
      </c>
      <c r="AC320">
        <v>38456.007879999997</v>
      </c>
      <c r="AD320">
        <v>25818.519059999999</v>
      </c>
      <c r="AE320">
        <v>40203.697460000003</v>
      </c>
      <c r="AF320">
        <v>44758.536659999998</v>
      </c>
      <c r="AG320">
        <v>18630.296200000001</v>
      </c>
      <c r="AH320">
        <v>226922.9902</v>
      </c>
      <c r="AI320">
        <v>65530.668870000001</v>
      </c>
      <c r="AJ320">
        <v>23561.114860000001</v>
      </c>
      <c r="AK320">
        <v>31974.98963</v>
      </c>
      <c r="AL320">
        <v>54089.446940000002</v>
      </c>
      <c r="AM320">
        <v>18360.077239999999</v>
      </c>
      <c r="AN320">
        <v>86192.413069999995</v>
      </c>
      <c r="AO320">
        <v>28447.68533</v>
      </c>
      <c r="AP320">
        <v>17403.01756</v>
      </c>
    </row>
    <row r="321" spans="2:42" x14ac:dyDescent="0.3">
      <c r="B321">
        <v>44.480925770515782</v>
      </c>
      <c r="C321" s="83">
        <v>43114.291666666664</v>
      </c>
      <c r="D321">
        <v>165883.22930000001</v>
      </c>
      <c r="E321">
        <v>16883.572199999999</v>
      </c>
      <c r="F321">
        <v>53227.256009999997</v>
      </c>
      <c r="G321">
        <v>41818.679380000001</v>
      </c>
      <c r="H321">
        <v>39210.4018</v>
      </c>
      <c r="I321">
        <v>28058.142540000001</v>
      </c>
      <c r="J321">
        <v>42602.78757</v>
      </c>
      <c r="K321">
        <v>43734.961640000001</v>
      </c>
      <c r="L321">
        <v>19846.50015</v>
      </c>
      <c r="M321">
        <v>226784.50289999999</v>
      </c>
      <c r="N321">
        <v>67029.39198</v>
      </c>
      <c r="O321">
        <v>23818.724819999999</v>
      </c>
      <c r="P321">
        <v>33139.729099999997</v>
      </c>
      <c r="Q321">
        <v>53994.219290000001</v>
      </c>
      <c r="R321">
        <v>19156.789570000001</v>
      </c>
      <c r="S321">
        <v>94070.230679999993</v>
      </c>
      <c r="T321">
        <v>27095.995770000001</v>
      </c>
      <c r="U321">
        <v>17633.547839999999</v>
      </c>
      <c r="W321" s="83">
        <f>Bühler!N353</f>
        <v>45305.291666665893</v>
      </c>
      <c r="X321" s="83">
        <v>43114.291666666664</v>
      </c>
      <c r="Y321">
        <v>165883.22930000001</v>
      </c>
      <c r="Z321">
        <v>16883.572199999999</v>
      </c>
      <c r="AA321">
        <v>53227.256009999997</v>
      </c>
      <c r="AB321">
        <v>41818.679380000001</v>
      </c>
      <c r="AC321">
        <v>39210.4018</v>
      </c>
      <c r="AD321">
        <v>28058.142540000001</v>
      </c>
      <c r="AE321">
        <v>42602.78757</v>
      </c>
      <c r="AF321">
        <v>43734.961640000001</v>
      </c>
      <c r="AG321">
        <v>19846.50015</v>
      </c>
      <c r="AH321">
        <v>226784.50289999999</v>
      </c>
      <c r="AI321">
        <v>67029.39198</v>
      </c>
      <c r="AJ321">
        <v>23818.724819999999</v>
      </c>
      <c r="AK321">
        <v>33139.729099999997</v>
      </c>
      <c r="AL321">
        <v>53994.219290000001</v>
      </c>
      <c r="AM321">
        <v>19156.789570000001</v>
      </c>
      <c r="AN321">
        <v>94070.230679999993</v>
      </c>
      <c r="AO321">
        <v>27095.995770000001</v>
      </c>
      <c r="AP321">
        <v>17633.547839999999</v>
      </c>
    </row>
    <row r="322" spans="2:42" x14ac:dyDescent="0.3">
      <c r="B322">
        <v>44.009459816093496</v>
      </c>
      <c r="C322" s="83">
        <v>43114.333333333336</v>
      </c>
      <c r="D322">
        <v>165767.7966</v>
      </c>
      <c r="E322">
        <v>17738.757399999999</v>
      </c>
      <c r="F322">
        <v>55393.703009999997</v>
      </c>
      <c r="G322">
        <v>41378.527759999997</v>
      </c>
      <c r="H322">
        <v>39406.205520000003</v>
      </c>
      <c r="I322">
        <v>28743.828939999999</v>
      </c>
      <c r="J322">
        <v>42868.908519999997</v>
      </c>
      <c r="K322">
        <v>42811.03572</v>
      </c>
      <c r="L322">
        <v>22070.793610000001</v>
      </c>
      <c r="M322">
        <v>224380.74960000001</v>
      </c>
      <c r="N322">
        <v>70843.689199999993</v>
      </c>
      <c r="O322">
        <v>23896.760620000001</v>
      </c>
      <c r="P322">
        <v>35534.387580000002</v>
      </c>
      <c r="Q322">
        <v>53021.183660000002</v>
      </c>
      <c r="R322">
        <v>18650.251370000002</v>
      </c>
      <c r="S322">
        <v>98150.164040000003</v>
      </c>
      <c r="T322">
        <v>29966.712439999999</v>
      </c>
      <c r="U322">
        <v>17450.35209</v>
      </c>
      <c r="W322" s="83">
        <f>Bühler!N354</f>
        <v>45305.333333332557</v>
      </c>
      <c r="X322" s="83">
        <v>43114.333333333336</v>
      </c>
      <c r="Y322">
        <v>165767.7966</v>
      </c>
      <c r="Z322">
        <v>17738.757399999999</v>
      </c>
      <c r="AA322">
        <v>55393.703009999997</v>
      </c>
      <c r="AB322">
        <v>41378.527759999997</v>
      </c>
      <c r="AC322">
        <v>39406.205520000003</v>
      </c>
      <c r="AD322">
        <v>28743.828939999999</v>
      </c>
      <c r="AE322">
        <v>42868.908519999997</v>
      </c>
      <c r="AF322">
        <v>42811.03572</v>
      </c>
      <c r="AG322">
        <v>22070.793610000001</v>
      </c>
      <c r="AH322">
        <v>224380.74960000001</v>
      </c>
      <c r="AI322">
        <v>70843.689199999993</v>
      </c>
      <c r="AJ322">
        <v>23896.760620000001</v>
      </c>
      <c r="AK322">
        <v>35534.387580000002</v>
      </c>
      <c r="AL322">
        <v>53021.183660000002</v>
      </c>
      <c r="AM322">
        <v>18650.251370000002</v>
      </c>
      <c r="AN322">
        <v>98150.164040000003</v>
      </c>
      <c r="AO322">
        <v>29966.712439999999</v>
      </c>
      <c r="AP322">
        <v>17450.35209</v>
      </c>
    </row>
    <row r="323" spans="2:42" x14ac:dyDescent="0.3">
      <c r="B323">
        <v>43.32707927915235</v>
      </c>
      <c r="C323" s="83">
        <v>43114.375</v>
      </c>
      <c r="D323">
        <v>164289.94769999999</v>
      </c>
      <c r="E323">
        <v>18252.448960000002</v>
      </c>
      <c r="F323">
        <v>56236.672019999998</v>
      </c>
      <c r="G323">
        <v>41525.00995</v>
      </c>
      <c r="H323">
        <v>38788.138270000003</v>
      </c>
      <c r="I323">
        <v>28697.49091</v>
      </c>
      <c r="J323">
        <v>41265.290549999998</v>
      </c>
      <c r="K323">
        <v>44362.3148</v>
      </c>
      <c r="L323">
        <v>25049.140770000002</v>
      </c>
      <c r="M323">
        <v>220901.65539999999</v>
      </c>
      <c r="N323">
        <v>74454.324089999995</v>
      </c>
      <c r="O323">
        <v>23706.89056</v>
      </c>
      <c r="P323">
        <v>37220.693379999997</v>
      </c>
      <c r="Q323">
        <v>52448.222849999998</v>
      </c>
      <c r="R323">
        <v>19043.8079</v>
      </c>
      <c r="S323">
        <v>98445.217380000002</v>
      </c>
      <c r="T323">
        <v>31405.547719999999</v>
      </c>
      <c r="U323">
        <v>16922.23502</v>
      </c>
      <c r="W323" s="83">
        <f>Bühler!N355</f>
        <v>45305.374999999221</v>
      </c>
      <c r="X323" s="83">
        <v>43114.375</v>
      </c>
      <c r="Y323">
        <v>164289.94769999999</v>
      </c>
      <c r="Z323">
        <v>18252.448960000002</v>
      </c>
      <c r="AA323">
        <v>56236.672019999998</v>
      </c>
      <c r="AB323">
        <v>41525.00995</v>
      </c>
      <c r="AC323">
        <v>38788.138270000003</v>
      </c>
      <c r="AD323">
        <v>28697.49091</v>
      </c>
      <c r="AE323">
        <v>41265.290549999998</v>
      </c>
      <c r="AF323">
        <v>44362.3148</v>
      </c>
      <c r="AG323">
        <v>25049.140770000002</v>
      </c>
      <c r="AH323">
        <v>220901.65539999999</v>
      </c>
      <c r="AI323">
        <v>74454.324089999995</v>
      </c>
      <c r="AJ323">
        <v>23706.89056</v>
      </c>
      <c r="AK323">
        <v>37220.693379999997</v>
      </c>
      <c r="AL323">
        <v>52448.222849999998</v>
      </c>
      <c r="AM323">
        <v>19043.8079</v>
      </c>
      <c r="AN323">
        <v>98445.217380000002</v>
      </c>
      <c r="AO323">
        <v>31405.547719999999</v>
      </c>
      <c r="AP323">
        <v>16922.23502</v>
      </c>
    </row>
    <row r="324" spans="2:42" x14ac:dyDescent="0.3">
      <c r="B324">
        <v>43.162656148003769</v>
      </c>
      <c r="C324" s="83">
        <v>43114.416666666664</v>
      </c>
      <c r="D324">
        <v>163351.48929999999</v>
      </c>
      <c r="E324">
        <v>19946.286940000002</v>
      </c>
      <c r="F324">
        <v>56306.318460000002</v>
      </c>
      <c r="G324">
        <v>41627.51945</v>
      </c>
      <c r="H324">
        <v>39070.436999999998</v>
      </c>
      <c r="I324">
        <v>27540.952410000002</v>
      </c>
      <c r="J324">
        <v>39713.797989999999</v>
      </c>
      <c r="K324">
        <v>46713.818619999998</v>
      </c>
      <c r="L324">
        <v>27666.146970000002</v>
      </c>
      <c r="M324">
        <v>220063.34959999999</v>
      </c>
      <c r="N324">
        <v>75320.705740000005</v>
      </c>
      <c r="O324">
        <v>23464.946360000002</v>
      </c>
      <c r="P324">
        <v>38137.63033</v>
      </c>
      <c r="Q324">
        <v>51656.792000000001</v>
      </c>
      <c r="R324">
        <v>19878.535370000001</v>
      </c>
      <c r="S324">
        <v>97114.166190000004</v>
      </c>
      <c r="T324">
        <v>33195.320099999997</v>
      </c>
      <c r="U324">
        <v>16861.531739999999</v>
      </c>
      <c r="W324" s="83">
        <f>Bühler!N356</f>
        <v>45305.416666665886</v>
      </c>
      <c r="X324" s="83">
        <v>43114.416666666664</v>
      </c>
      <c r="Y324">
        <v>163351.48929999999</v>
      </c>
      <c r="Z324">
        <v>19946.286940000002</v>
      </c>
      <c r="AA324">
        <v>56306.318460000002</v>
      </c>
      <c r="AB324">
        <v>41627.51945</v>
      </c>
      <c r="AC324">
        <v>39070.436999999998</v>
      </c>
      <c r="AD324">
        <v>27540.952410000002</v>
      </c>
      <c r="AE324">
        <v>39713.797989999999</v>
      </c>
      <c r="AF324">
        <v>46713.818619999998</v>
      </c>
      <c r="AG324">
        <v>27666.146970000002</v>
      </c>
      <c r="AH324">
        <v>220063.34959999999</v>
      </c>
      <c r="AI324">
        <v>75320.705740000005</v>
      </c>
      <c r="AJ324">
        <v>23464.946360000002</v>
      </c>
      <c r="AK324">
        <v>38137.63033</v>
      </c>
      <c r="AL324">
        <v>51656.792000000001</v>
      </c>
      <c r="AM324">
        <v>19878.535370000001</v>
      </c>
      <c r="AN324">
        <v>97114.166190000004</v>
      </c>
      <c r="AO324">
        <v>33195.320099999997</v>
      </c>
      <c r="AP324">
        <v>16861.531739999999</v>
      </c>
    </row>
    <row r="325" spans="2:42" x14ac:dyDescent="0.3">
      <c r="B325">
        <v>43.241867752614482</v>
      </c>
      <c r="C325" s="83">
        <v>43114.458333333336</v>
      </c>
      <c r="D325">
        <v>162627.1814</v>
      </c>
      <c r="E325">
        <v>20160.126420000001</v>
      </c>
      <c r="F325">
        <v>56531.121310000002</v>
      </c>
      <c r="G325">
        <v>41461.15898</v>
      </c>
      <c r="H325">
        <v>38769.116320000001</v>
      </c>
      <c r="I325">
        <v>26548.103080000001</v>
      </c>
      <c r="J325">
        <v>39256.94945</v>
      </c>
      <c r="K325">
        <v>48602.264029999998</v>
      </c>
      <c r="L325">
        <v>28329.541819999999</v>
      </c>
      <c r="M325">
        <v>220467.20730000001</v>
      </c>
      <c r="N325">
        <v>75796.256179999997</v>
      </c>
      <c r="O325">
        <v>23355.12097</v>
      </c>
      <c r="P325">
        <v>37293.367330000001</v>
      </c>
      <c r="Q325">
        <v>51242.06611</v>
      </c>
      <c r="R325">
        <v>19820.455900000001</v>
      </c>
      <c r="S325">
        <v>98436.233590000003</v>
      </c>
      <c r="T325">
        <v>34089.194770000002</v>
      </c>
      <c r="U325">
        <v>16492.18836</v>
      </c>
      <c r="W325" s="83">
        <f>Bühler!N357</f>
        <v>45305.45833333255</v>
      </c>
      <c r="X325" s="83">
        <v>43114.458333333336</v>
      </c>
      <c r="Y325">
        <v>162627.1814</v>
      </c>
      <c r="Z325">
        <v>20160.126420000001</v>
      </c>
      <c r="AA325">
        <v>56531.121310000002</v>
      </c>
      <c r="AB325">
        <v>41461.15898</v>
      </c>
      <c r="AC325">
        <v>38769.116320000001</v>
      </c>
      <c r="AD325">
        <v>26548.103080000001</v>
      </c>
      <c r="AE325">
        <v>39256.94945</v>
      </c>
      <c r="AF325">
        <v>48602.264029999998</v>
      </c>
      <c r="AG325">
        <v>28329.541819999999</v>
      </c>
      <c r="AH325">
        <v>220467.20730000001</v>
      </c>
      <c r="AI325">
        <v>75796.256179999997</v>
      </c>
      <c r="AJ325">
        <v>23355.12097</v>
      </c>
      <c r="AK325">
        <v>37293.367330000001</v>
      </c>
      <c r="AL325">
        <v>51242.06611</v>
      </c>
      <c r="AM325">
        <v>19820.455900000001</v>
      </c>
      <c r="AN325">
        <v>98436.233590000003</v>
      </c>
      <c r="AO325">
        <v>34089.194770000002</v>
      </c>
      <c r="AP325">
        <v>16492.18836</v>
      </c>
    </row>
    <row r="326" spans="2:42" x14ac:dyDescent="0.3">
      <c r="B326">
        <v>43.402446649304025</v>
      </c>
      <c r="C326" s="83">
        <v>43114.5</v>
      </c>
      <c r="D326">
        <v>161593.1923</v>
      </c>
      <c r="E326">
        <v>19474.13708</v>
      </c>
      <c r="F326">
        <v>54301.67151</v>
      </c>
      <c r="G326">
        <v>40813.365100000003</v>
      </c>
      <c r="H326">
        <v>38392.291109999998</v>
      </c>
      <c r="I326">
        <v>26148.20984</v>
      </c>
      <c r="J326">
        <v>39746.609649999999</v>
      </c>
      <c r="K326">
        <v>49151.925719999999</v>
      </c>
      <c r="L326">
        <v>29937.945909999999</v>
      </c>
      <c r="M326">
        <v>221285.91339999999</v>
      </c>
      <c r="N326">
        <v>76058.567049999998</v>
      </c>
      <c r="O326">
        <v>23410.448039999999</v>
      </c>
      <c r="P326">
        <v>37015.57879</v>
      </c>
      <c r="Q326">
        <v>49713.419580000002</v>
      </c>
      <c r="R326">
        <v>20615.094590000001</v>
      </c>
      <c r="S326">
        <v>93171.490189999997</v>
      </c>
      <c r="T326">
        <v>33653.5671</v>
      </c>
      <c r="U326">
        <v>15930.666300000001</v>
      </c>
      <c r="W326" s="83">
        <f>Bühler!N358</f>
        <v>45305.499999999214</v>
      </c>
      <c r="X326" s="83">
        <v>43114.5</v>
      </c>
      <c r="Y326">
        <v>161593.1923</v>
      </c>
      <c r="Z326">
        <v>19474.13708</v>
      </c>
      <c r="AA326">
        <v>54301.67151</v>
      </c>
      <c r="AB326">
        <v>40813.365100000003</v>
      </c>
      <c r="AC326">
        <v>38392.291109999998</v>
      </c>
      <c r="AD326">
        <v>26148.20984</v>
      </c>
      <c r="AE326">
        <v>39746.609649999999</v>
      </c>
      <c r="AF326">
        <v>49151.925719999999</v>
      </c>
      <c r="AG326">
        <v>29937.945909999999</v>
      </c>
      <c r="AH326">
        <v>221285.91339999999</v>
      </c>
      <c r="AI326">
        <v>76058.567049999998</v>
      </c>
      <c r="AJ326">
        <v>23410.448039999999</v>
      </c>
      <c r="AK326">
        <v>37015.57879</v>
      </c>
      <c r="AL326">
        <v>49713.419580000002</v>
      </c>
      <c r="AM326">
        <v>20615.094590000001</v>
      </c>
      <c r="AN326">
        <v>93171.490189999997</v>
      </c>
      <c r="AO326">
        <v>33653.5671</v>
      </c>
      <c r="AP326">
        <v>15930.666300000001</v>
      </c>
    </row>
    <row r="327" spans="2:42" x14ac:dyDescent="0.3">
      <c r="B327">
        <v>43.23813796433609</v>
      </c>
      <c r="C327" s="83">
        <v>43114.541666666664</v>
      </c>
      <c r="D327">
        <v>160967.28649999999</v>
      </c>
      <c r="E327">
        <v>19079.53703</v>
      </c>
      <c r="F327">
        <v>49604.487079999999</v>
      </c>
      <c r="G327">
        <v>40505.423110000003</v>
      </c>
      <c r="H327">
        <v>37950.980940000001</v>
      </c>
      <c r="I327">
        <v>26845.529070000001</v>
      </c>
      <c r="J327">
        <v>38872.747080000001</v>
      </c>
      <c r="K327">
        <v>49862.537149999996</v>
      </c>
      <c r="L327">
        <v>30068.688880000002</v>
      </c>
      <c r="M327">
        <v>220448.1911</v>
      </c>
      <c r="N327">
        <v>75166.220230000006</v>
      </c>
      <c r="O327">
        <v>23156.795770000001</v>
      </c>
      <c r="P327">
        <v>36780.359429999997</v>
      </c>
      <c r="Q327">
        <v>47361.859680000001</v>
      </c>
      <c r="R327">
        <v>21130.354619999998</v>
      </c>
      <c r="S327">
        <v>94825.707389999996</v>
      </c>
      <c r="T327">
        <v>33086.30315</v>
      </c>
      <c r="U327">
        <v>15636.497820000001</v>
      </c>
      <c r="W327" s="83">
        <f>Bühler!N359</f>
        <v>45305.541666665878</v>
      </c>
      <c r="X327" s="83">
        <v>43114.541666666664</v>
      </c>
      <c r="Y327">
        <v>160967.28649999999</v>
      </c>
      <c r="Z327">
        <v>19079.53703</v>
      </c>
      <c r="AA327">
        <v>49604.487079999999</v>
      </c>
      <c r="AB327">
        <v>40505.423110000003</v>
      </c>
      <c r="AC327">
        <v>37950.980940000001</v>
      </c>
      <c r="AD327">
        <v>26845.529070000001</v>
      </c>
      <c r="AE327">
        <v>38872.747080000001</v>
      </c>
      <c r="AF327">
        <v>49862.537149999996</v>
      </c>
      <c r="AG327">
        <v>30068.688880000002</v>
      </c>
      <c r="AH327">
        <v>220448.1911</v>
      </c>
      <c r="AI327">
        <v>75166.220230000006</v>
      </c>
      <c r="AJ327">
        <v>23156.795770000001</v>
      </c>
      <c r="AK327">
        <v>36780.359429999997</v>
      </c>
      <c r="AL327">
        <v>47361.859680000001</v>
      </c>
      <c r="AM327">
        <v>21130.354619999998</v>
      </c>
      <c r="AN327">
        <v>94825.707389999996</v>
      </c>
      <c r="AO327">
        <v>33086.30315</v>
      </c>
      <c r="AP327">
        <v>15636.497820000001</v>
      </c>
    </row>
    <row r="328" spans="2:42" x14ac:dyDescent="0.3">
      <c r="B328">
        <v>43.493404629389879</v>
      </c>
      <c r="C328" s="83">
        <v>43114.583333333336</v>
      </c>
      <c r="D328">
        <v>160321.95699999999</v>
      </c>
      <c r="E328">
        <v>19673.940999999999</v>
      </c>
      <c r="F328">
        <v>48621.469499999999</v>
      </c>
      <c r="G328">
        <v>40145.065150000002</v>
      </c>
      <c r="H328">
        <v>37376.625200000002</v>
      </c>
      <c r="I328">
        <v>26690.50979</v>
      </c>
      <c r="J328">
        <v>37544.840340000002</v>
      </c>
      <c r="K328">
        <v>46760.24811</v>
      </c>
      <c r="L328">
        <v>27882.804899999999</v>
      </c>
      <c r="M328">
        <v>221749.65960000001</v>
      </c>
      <c r="N328">
        <v>74666.695829999997</v>
      </c>
      <c r="O328">
        <v>22885.444869999999</v>
      </c>
      <c r="P328">
        <v>34611.387869999999</v>
      </c>
      <c r="Q328">
        <v>46985.863839999998</v>
      </c>
      <c r="R328">
        <v>20219.986339999999</v>
      </c>
      <c r="S328">
        <v>91379.723389999999</v>
      </c>
      <c r="T328">
        <v>32211.825629999999</v>
      </c>
      <c r="U328">
        <v>15382.93864</v>
      </c>
      <c r="W328" s="83">
        <f>Bühler!N360</f>
        <v>45305.583333332543</v>
      </c>
      <c r="X328" s="83">
        <v>43114.583333333336</v>
      </c>
      <c r="Y328">
        <v>160321.95699999999</v>
      </c>
      <c r="Z328">
        <v>19673.940999999999</v>
      </c>
      <c r="AA328">
        <v>48621.469499999999</v>
      </c>
      <c r="AB328">
        <v>40145.065150000002</v>
      </c>
      <c r="AC328">
        <v>37376.625200000002</v>
      </c>
      <c r="AD328">
        <v>26690.50979</v>
      </c>
      <c r="AE328">
        <v>37544.840340000002</v>
      </c>
      <c r="AF328">
        <v>46760.24811</v>
      </c>
      <c r="AG328">
        <v>27882.804899999999</v>
      </c>
      <c r="AH328">
        <v>221749.65960000001</v>
      </c>
      <c r="AI328">
        <v>74666.695829999997</v>
      </c>
      <c r="AJ328">
        <v>22885.444869999999</v>
      </c>
      <c r="AK328">
        <v>34611.387869999999</v>
      </c>
      <c r="AL328">
        <v>46985.863839999998</v>
      </c>
      <c r="AM328">
        <v>20219.986339999999</v>
      </c>
      <c r="AN328">
        <v>91379.723389999999</v>
      </c>
      <c r="AO328">
        <v>32211.825629999999</v>
      </c>
      <c r="AP328">
        <v>15382.93864</v>
      </c>
    </row>
    <row r="329" spans="2:42" x14ac:dyDescent="0.3">
      <c r="B329">
        <v>43.255093651439211</v>
      </c>
      <c r="C329" s="83">
        <v>43114.625</v>
      </c>
      <c r="D329">
        <v>160358.4878</v>
      </c>
      <c r="E329">
        <v>19838.374349999998</v>
      </c>
      <c r="F329">
        <v>48261.003190000003</v>
      </c>
      <c r="G329">
        <v>39967.10428</v>
      </c>
      <c r="H329">
        <v>36941.054909999999</v>
      </c>
      <c r="I329">
        <v>27356.3295</v>
      </c>
      <c r="J329">
        <v>37739.603020000002</v>
      </c>
      <c r="K329">
        <v>46475.562160000001</v>
      </c>
      <c r="L329">
        <v>25886.710760000002</v>
      </c>
      <c r="M329">
        <v>220534.6391</v>
      </c>
      <c r="N329">
        <v>74711.892009999996</v>
      </c>
      <c r="O329">
        <v>22724.98892</v>
      </c>
      <c r="P329">
        <v>32717.137470000001</v>
      </c>
      <c r="Q329">
        <v>47254.757859999998</v>
      </c>
      <c r="R329">
        <v>20242.042150000001</v>
      </c>
      <c r="S329">
        <v>91106.690340000001</v>
      </c>
      <c r="T329">
        <v>32500.305649999998</v>
      </c>
      <c r="U329">
        <v>15433.84655</v>
      </c>
      <c r="W329" s="83">
        <f>Bühler!N361</f>
        <v>45305.624999999207</v>
      </c>
      <c r="X329" s="83">
        <v>43114.625</v>
      </c>
      <c r="Y329">
        <v>160358.4878</v>
      </c>
      <c r="Z329">
        <v>19838.374349999998</v>
      </c>
      <c r="AA329">
        <v>48261.003190000003</v>
      </c>
      <c r="AB329">
        <v>39967.10428</v>
      </c>
      <c r="AC329">
        <v>36941.054909999999</v>
      </c>
      <c r="AD329">
        <v>27356.3295</v>
      </c>
      <c r="AE329">
        <v>37739.603020000002</v>
      </c>
      <c r="AF329">
        <v>46475.562160000001</v>
      </c>
      <c r="AG329">
        <v>25886.710760000002</v>
      </c>
      <c r="AH329">
        <v>220534.6391</v>
      </c>
      <c r="AI329">
        <v>74711.892009999996</v>
      </c>
      <c r="AJ329">
        <v>22724.98892</v>
      </c>
      <c r="AK329">
        <v>32717.137470000001</v>
      </c>
      <c r="AL329">
        <v>47254.757859999998</v>
      </c>
      <c r="AM329">
        <v>20242.042150000001</v>
      </c>
      <c r="AN329">
        <v>91106.690340000001</v>
      </c>
      <c r="AO329">
        <v>32500.305649999998</v>
      </c>
      <c r="AP329">
        <v>15433.84655</v>
      </c>
    </row>
    <row r="330" spans="2:42" x14ac:dyDescent="0.3">
      <c r="B330">
        <v>43.01840726006899</v>
      </c>
      <c r="C330" s="83">
        <v>43114.666666666664</v>
      </c>
      <c r="D330">
        <v>160734.41190000001</v>
      </c>
      <c r="E330">
        <v>20000.26887</v>
      </c>
      <c r="F330">
        <v>48293.838790000002</v>
      </c>
      <c r="G330">
        <v>40318.164709999997</v>
      </c>
      <c r="H330">
        <v>37524.998829999997</v>
      </c>
      <c r="I330">
        <v>28314.498500000002</v>
      </c>
      <c r="J330">
        <v>37548.138039999998</v>
      </c>
      <c r="K330">
        <v>46486.083350000001</v>
      </c>
      <c r="L330">
        <v>25592.936470000001</v>
      </c>
      <c r="M330">
        <v>219327.90150000001</v>
      </c>
      <c r="N330">
        <v>73433.468340000007</v>
      </c>
      <c r="O330">
        <v>22453.319530000001</v>
      </c>
      <c r="P330">
        <v>33310.821490000002</v>
      </c>
      <c r="Q330">
        <v>48082.384239999999</v>
      </c>
      <c r="R330">
        <v>19994.307690000001</v>
      </c>
      <c r="S330">
        <v>92787.877710000001</v>
      </c>
      <c r="T330">
        <v>32033.112690000002</v>
      </c>
      <c r="U330">
        <v>15891.67909</v>
      </c>
      <c r="W330" s="83">
        <f>Bühler!N362</f>
        <v>45305.666666665871</v>
      </c>
      <c r="X330" s="83">
        <v>43114.666666666664</v>
      </c>
      <c r="Y330">
        <v>160734.41190000001</v>
      </c>
      <c r="Z330">
        <v>20000.26887</v>
      </c>
      <c r="AA330">
        <v>48293.838790000002</v>
      </c>
      <c r="AB330">
        <v>40318.164709999997</v>
      </c>
      <c r="AC330">
        <v>37524.998829999997</v>
      </c>
      <c r="AD330">
        <v>28314.498500000002</v>
      </c>
      <c r="AE330">
        <v>37548.138039999998</v>
      </c>
      <c r="AF330">
        <v>46486.083350000001</v>
      </c>
      <c r="AG330">
        <v>25592.936470000001</v>
      </c>
      <c r="AH330">
        <v>219327.90150000001</v>
      </c>
      <c r="AI330">
        <v>73433.468340000007</v>
      </c>
      <c r="AJ330">
        <v>22453.319530000001</v>
      </c>
      <c r="AK330">
        <v>33310.821490000002</v>
      </c>
      <c r="AL330">
        <v>48082.384239999999</v>
      </c>
      <c r="AM330">
        <v>19994.307690000001</v>
      </c>
      <c r="AN330">
        <v>92787.877710000001</v>
      </c>
      <c r="AO330">
        <v>32033.112690000002</v>
      </c>
      <c r="AP330">
        <v>15891.67909</v>
      </c>
    </row>
    <row r="331" spans="2:42" x14ac:dyDescent="0.3">
      <c r="B331">
        <v>43.48229573973537</v>
      </c>
      <c r="C331" s="83">
        <v>43114.708333333336</v>
      </c>
      <c r="D331">
        <v>163017.5589</v>
      </c>
      <c r="E331">
        <v>20749.825219999999</v>
      </c>
      <c r="F331">
        <v>49392.50086</v>
      </c>
      <c r="G331">
        <v>41973.584139999999</v>
      </c>
      <c r="H331">
        <v>39086.457320000001</v>
      </c>
      <c r="I331">
        <v>29584.854169999999</v>
      </c>
      <c r="J331">
        <v>39644.78226</v>
      </c>
      <c r="K331">
        <v>45418.547689999999</v>
      </c>
      <c r="L331">
        <v>26403.526870000002</v>
      </c>
      <c r="M331">
        <v>221693.02129999999</v>
      </c>
      <c r="N331">
        <v>72563.886329999994</v>
      </c>
      <c r="O331">
        <v>23384.55718</v>
      </c>
      <c r="P331">
        <v>33871.182439999997</v>
      </c>
      <c r="Q331">
        <v>48948.509570000002</v>
      </c>
      <c r="R331">
        <v>21047.560229999999</v>
      </c>
      <c r="S331">
        <v>96851.493700000006</v>
      </c>
      <c r="T331">
        <v>32916.040919999999</v>
      </c>
      <c r="U331">
        <v>16762.393909999999</v>
      </c>
      <c r="W331" s="83">
        <f>Bühler!N363</f>
        <v>45305.708333332535</v>
      </c>
      <c r="X331" s="83">
        <v>43114.708333333336</v>
      </c>
      <c r="Y331">
        <v>163017.5589</v>
      </c>
      <c r="Z331">
        <v>20749.825219999999</v>
      </c>
      <c r="AA331">
        <v>49392.50086</v>
      </c>
      <c r="AB331">
        <v>41973.584139999999</v>
      </c>
      <c r="AC331">
        <v>39086.457320000001</v>
      </c>
      <c r="AD331">
        <v>29584.854169999999</v>
      </c>
      <c r="AE331">
        <v>39644.78226</v>
      </c>
      <c r="AF331">
        <v>45418.547689999999</v>
      </c>
      <c r="AG331">
        <v>26403.526870000002</v>
      </c>
      <c r="AH331">
        <v>221693.02129999999</v>
      </c>
      <c r="AI331">
        <v>72563.886329999994</v>
      </c>
      <c r="AJ331">
        <v>23384.55718</v>
      </c>
      <c r="AK331">
        <v>33871.182439999997</v>
      </c>
      <c r="AL331">
        <v>48948.509570000002</v>
      </c>
      <c r="AM331">
        <v>21047.560229999999</v>
      </c>
      <c r="AN331">
        <v>96851.493700000006</v>
      </c>
      <c r="AO331">
        <v>32916.040919999999</v>
      </c>
      <c r="AP331">
        <v>16762.393909999999</v>
      </c>
    </row>
    <row r="332" spans="2:42" x14ac:dyDescent="0.3">
      <c r="B332">
        <v>43.719870182471695</v>
      </c>
      <c r="C332" s="83">
        <v>43114.75</v>
      </c>
      <c r="D332">
        <v>165368.39360000001</v>
      </c>
      <c r="E332">
        <v>20384.137719999999</v>
      </c>
      <c r="F332">
        <v>49246.44412</v>
      </c>
      <c r="G332">
        <v>43444.350120000003</v>
      </c>
      <c r="H332">
        <v>40033.086580000003</v>
      </c>
      <c r="I332">
        <v>30230.601780000001</v>
      </c>
      <c r="J332">
        <v>42060.641300000003</v>
      </c>
      <c r="K332">
        <v>46421.593869999997</v>
      </c>
      <c r="L332">
        <v>28514.450850000001</v>
      </c>
      <c r="M332">
        <v>222904.28659999999</v>
      </c>
      <c r="N332">
        <v>73706.379060000007</v>
      </c>
      <c r="O332">
        <v>23898.750039999999</v>
      </c>
      <c r="P332">
        <v>36036.971539999999</v>
      </c>
      <c r="Q332">
        <v>50166.743609999998</v>
      </c>
      <c r="R332">
        <v>22532.41027</v>
      </c>
      <c r="S332">
        <v>97133.078970000002</v>
      </c>
      <c r="T332">
        <v>33540.326849999998</v>
      </c>
      <c r="U332">
        <v>17601.77378</v>
      </c>
      <c r="W332" s="83">
        <f>Bühler!N364</f>
        <v>45305.7499999992</v>
      </c>
      <c r="X332" s="83">
        <v>43114.75</v>
      </c>
      <c r="Y332">
        <v>165368.39360000001</v>
      </c>
      <c r="Z332">
        <v>20384.137719999999</v>
      </c>
      <c r="AA332">
        <v>49246.44412</v>
      </c>
      <c r="AB332">
        <v>43444.350120000003</v>
      </c>
      <c r="AC332">
        <v>40033.086580000003</v>
      </c>
      <c r="AD332">
        <v>30230.601780000001</v>
      </c>
      <c r="AE332">
        <v>42060.641300000003</v>
      </c>
      <c r="AF332">
        <v>46421.593869999997</v>
      </c>
      <c r="AG332">
        <v>28514.450850000001</v>
      </c>
      <c r="AH332">
        <v>222904.28659999999</v>
      </c>
      <c r="AI332">
        <v>73706.379060000007</v>
      </c>
      <c r="AJ332">
        <v>23898.750039999999</v>
      </c>
      <c r="AK332">
        <v>36036.971539999999</v>
      </c>
      <c r="AL332">
        <v>50166.743609999998</v>
      </c>
      <c r="AM332">
        <v>22532.41027</v>
      </c>
      <c r="AN332">
        <v>97133.078970000002</v>
      </c>
      <c r="AO332">
        <v>33540.326849999998</v>
      </c>
      <c r="AP332">
        <v>17601.77378</v>
      </c>
    </row>
    <row r="333" spans="2:42" x14ac:dyDescent="0.3">
      <c r="B333">
        <v>43.588530921782734</v>
      </c>
      <c r="C333" s="83">
        <v>43114.791666666664</v>
      </c>
      <c r="D333">
        <v>166732.6085</v>
      </c>
      <c r="E333">
        <v>18114.279770000001</v>
      </c>
      <c r="F333">
        <v>48574.601549999999</v>
      </c>
      <c r="G333">
        <v>43755.413370000002</v>
      </c>
      <c r="H333">
        <v>39318.269480000003</v>
      </c>
      <c r="I333">
        <v>30217.70984</v>
      </c>
      <c r="J333">
        <v>42003.569730000003</v>
      </c>
      <c r="K333">
        <v>48345.532939999997</v>
      </c>
      <c r="L333">
        <v>29815.879730000001</v>
      </c>
      <c r="M333">
        <v>222234.65779999999</v>
      </c>
      <c r="N333">
        <v>75223.188070000004</v>
      </c>
      <c r="O333">
        <v>24604.54609</v>
      </c>
      <c r="P333">
        <v>37424.24639</v>
      </c>
      <c r="Q333">
        <v>50817.22982</v>
      </c>
      <c r="R333">
        <v>23146.175589999999</v>
      </c>
      <c r="S333">
        <v>95938.020850000001</v>
      </c>
      <c r="T333">
        <v>32881.759290000002</v>
      </c>
      <c r="U333">
        <v>17163.60743</v>
      </c>
      <c r="W333" s="83">
        <f>Bühler!N365</f>
        <v>45305.791666665864</v>
      </c>
      <c r="X333" s="83">
        <v>43114.791666666664</v>
      </c>
      <c r="Y333">
        <v>166732.6085</v>
      </c>
      <c r="Z333">
        <v>18114.279770000001</v>
      </c>
      <c r="AA333">
        <v>48574.601549999999</v>
      </c>
      <c r="AB333">
        <v>43755.413370000002</v>
      </c>
      <c r="AC333">
        <v>39318.269480000003</v>
      </c>
      <c r="AD333">
        <v>30217.70984</v>
      </c>
      <c r="AE333">
        <v>42003.569730000003</v>
      </c>
      <c r="AF333">
        <v>48345.532939999997</v>
      </c>
      <c r="AG333">
        <v>29815.879730000001</v>
      </c>
      <c r="AH333">
        <v>222234.65779999999</v>
      </c>
      <c r="AI333">
        <v>75223.188070000004</v>
      </c>
      <c r="AJ333">
        <v>24604.54609</v>
      </c>
      <c r="AK333">
        <v>37424.24639</v>
      </c>
      <c r="AL333">
        <v>50817.22982</v>
      </c>
      <c r="AM333">
        <v>23146.175589999999</v>
      </c>
      <c r="AN333">
        <v>95938.020850000001</v>
      </c>
      <c r="AO333">
        <v>32881.759290000002</v>
      </c>
      <c r="AP333">
        <v>17163.60743</v>
      </c>
    </row>
    <row r="334" spans="2:42" x14ac:dyDescent="0.3">
      <c r="B334">
        <v>43.868515235546482</v>
      </c>
      <c r="C334" s="83">
        <v>43114.833333333336</v>
      </c>
      <c r="D334">
        <v>167812.27849999999</v>
      </c>
      <c r="E334">
        <v>16919.936379999999</v>
      </c>
      <c r="F334">
        <v>47625.692389999997</v>
      </c>
      <c r="G334">
        <v>44037.986519999999</v>
      </c>
      <c r="H334">
        <v>39902.48012</v>
      </c>
      <c r="I334">
        <v>28880.236110000002</v>
      </c>
      <c r="J334">
        <v>40794.045850000002</v>
      </c>
      <c r="K334">
        <v>48389.565999999999</v>
      </c>
      <c r="L334">
        <v>28222.383679999999</v>
      </c>
      <c r="M334">
        <v>223662.14840000001</v>
      </c>
      <c r="N334">
        <v>77588.679319999996</v>
      </c>
      <c r="O334">
        <v>24663.23504</v>
      </c>
      <c r="P334">
        <v>37151.957560000003</v>
      </c>
      <c r="Q334">
        <v>52858.375419999997</v>
      </c>
      <c r="R334">
        <v>21674.619900000002</v>
      </c>
      <c r="S334">
        <v>89363.486959999995</v>
      </c>
      <c r="T334">
        <v>29087.868190000001</v>
      </c>
      <c r="U334">
        <v>17303.15278</v>
      </c>
      <c r="W334" s="83">
        <f>Bühler!N366</f>
        <v>45305.833333332528</v>
      </c>
      <c r="X334" s="83">
        <v>43114.833333333336</v>
      </c>
      <c r="Y334">
        <v>167812.27849999999</v>
      </c>
      <c r="Z334">
        <v>16919.936379999999</v>
      </c>
      <c r="AA334">
        <v>47625.692389999997</v>
      </c>
      <c r="AB334">
        <v>44037.986519999999</v>
      </c>
      <c r="AC334">
        <v>39902.48012</v>
      </c>
      <c r="AD334">
        <v>28880.236110000002</v>
      </c>
      <c r="AE334">
        <v>40794.045850000002</v>
      </c>
      <c r="AF334">
        <v>48389.565999999999</v>
      </c>
      <c r="AG334">
        <v>28222.383679999999</v>
      </c>
      <c r="AH334">
        <v>223662.14840000001</v>
      </c>
      <c r="AI334">
        <v>77588.679319999996</v>
      </c>
      <c r="AJ334">
        <v>24663.23504</v>
      </c>
      <c r="AK334">
        <v>37151.957560000003</v>
      </c>
      <c r="AL334">
        <v>52858.375419999997</v>
      </c>
      <c r="AM334">
        <v>21674.619900000002</v>
      </c>
      <c r="AN334">
        <v>89363.486959999995</v>
      </c>
      <c r="AO334">
        <v>29087.868190000001</v>
      </c>
      <c r="AP334">
        <v>17303.15278</v>
      </c>
    </row>
    <row r="335" spans="2:42" x14ac:dyDescent="0.3">
      <c r="B335">
        <v>44.410444085260181</v>
      </c>
      <c r="C335" s="83">
        <v>43114.875</v>
      </c>
      <c r="D335">
        <v>169704.21369999999</v>
      </c>
      <c r="E335">
        <v>16355.44342</v>
      </c>
      <c r="F335">
        <v>47854.251499999998</v>
      </c>
      <c r="G335">
        <v>43967.367189999997</v>
      </c>
      <c r="H335">
        <v>39537.894630000003</v>
      </c>
      <c r="I335">
        <v>27749.011460000002</v>
      </c>
      <c r="J335">
        <v>39595.333070000001</v>
      </c>
      <c r="K335">
        <v>48721.98042</v>
      </c>
      <c r="L335">
        <v>26119.879730000001</v>
      </c>
      <c r="M335">
        <v>226425.1544</v>
      </c>
      <c r="N335">
        <v>78192.240959999996</v>
      </c>
      <c r="O335">
        <v>24087.640210000001</v>
      </c>
      <c r="P335">
        <v>35335.206839999999</v>
      </c>
      <c r="Q335">
        <v>55038.276489999997</v>
      </c>
      <c r="R335">
        <v>21778.049650000001</v>
      </c>
      <c r="S335">
        <v>85645.603029999998</v>
      </c>
      <c r="T335">
        <v>28097.380870000001</v>
      </c>
      <c r="U335">
        <v>17364.015149999999</v>
      </c>
      <c r="W335" s="83">
        <f>Bühler!N367</f>
        <v>45305.874999999192</v>
      </c>
      <c r="X335" s="83">
        <v>43114.875</v>
      </c>
      <c r="Y335">
        <v>169704.21369999999</v>
      </c>
      <c r="Z335">
        <v>16355.44342</v>
      </c>
      <c r="AA335">
        <v>47854.251499999998</v>
      </c>
      <c r="AB335">
        <v>43967.367189999997</v>
      </c>
      <c r="AC335">
        <v>39537.894630000003</v>
      </c>
      <c r="AD335">
        <v>27749.011460000002</v>
      </c>
      <c r="AE335">
        <v>39595.333070000001</v>
      </c>
      <c r="AF335">
        <v>48721.98042</v>
      </c>
      <c r="AG335">
        <v>26119.879730000001</v>
      </c>
      <c r="AH335">
        <v>226425.1544</v>
      </c>
      <c r="AI335">
        <v>78192.240959999996</v>
      </c>
      <c r="AJ335">
        <v>24087.640210000001</v>
      </c>
      <c r="AK335">
        <v>35335.206839999999</v>
      </c>
      <c r="AL335">
        <v>55038.276489999997</v>
      </c>
      <c r="AM335">
        <v>21778.049650000001</v>
      </c>
      <c r="AN335">
        <v>85645.603029999998</v>
      </c>
      <c r="AO335">
        <v>28097.380870000001</v>
      </c>
      <c r="AP335">
        <v>17364.015149999999</v>
      </c>
    </row>
    <row r="336" spans="2:42" x14ac:dyDescent="0.3">
      <c r="B336">
        <v>45.524166451783053</v>
      </c>
      <c r="C336" s="83">
        <v>43114.916666666664</v>
      </c>
      <c r="D336">
        <v>172391.44380000001</v>
      </c>
      <c r="E336">
        <v>16395.32459</v>
      </c>
      <c r="F336">
        <v>47185.107819999997</v>
      </c>
      <c r="G336">
        <v>44410.753530000002</v>
      </c>
      <c r="H336">
        <v>39865.477310000002</v>
      </c>
      <c r="I336">
        <v>27700.110710000001</v>
      </c>
      <c r="J336">
        <v>38196.180690000001</v>
      </c>
      <c r="K336">
        <v>50184.058640000003</v>
      </c>
      <c r="L336">
        <v>23850.425899999998</v>
      </c>
      <c r="M336">
        <v>232103.43040000001</v>
      </c>
      <c r="N336">
        <v>79125.264339999994</v>
      </c>
      <c r="O336">
        <v>24862.041870000001</v>
      </c>
      <c r="P336">
        <v>35899.733760000003</v>
      </c>
      <c r="Q336">
        <v>57049.388879999999</v>
      </c>
      <c r="R336">
        <v>29974.849180000001</v>
      </c>
      <c r="S336">
        <v>84902.382249999995</v>
      </c>
      <c r="T336">
        <v>27128.161090000001</v>
      </c>
      <c r="U336">
        <v>18178.300579999999</v>
      </c>
      <c r="W336" s="83">
        <f>Bühler!N368</f>
        <v>45305.916666665857</v>
      </c>
      <c r="X336" s="83">
        <v>43114.916666666664</v>
      </c>
      <c r="Y336">
        <v>172391.44380000001</v>
      </c>
      <c r="Z336">
        <v>16395.32459</v>
      </c>
      <c r="AA336">
        <v>47185.107819999997</v>
      </c>
      <c r="AB336">
        <v>44410.753530000002</v>
      </c>
      <c r="AC336">
        <v>39865.477310000002</v>
      </c>
      <c r="AD336">
        <v>27700.110710000001</v>
      </c>
      <c r="AE336">
        <v>38196.180690000001</v>
      </c>
      <c r="AF336">
        <v>50184.058640000003</v>
      </c>
      <c r="AG336">
        <v>23850.425899999998</v>
      </c>
      <c r="AH336">
        <v>232103.43040000001</v>
      </c>
      <c r="AI336">
        <v>79125.264339999994</v>
      </c>
      <c r="AJ336">
        <v>24862.041870000001</v>
      </c>
      <c r="AK336">
        <v>35899.733760000003</v>
      </c>
      <c r="AL336">
        <v>57049.388879999999</v>
      </c>
      <c r="AM336">
        <v>29974.849180000001</v>
      </c>
      <c r="AN336">
        <v>84902.382249999995</v>
      </c>
      <c r="AO336">
        <v>27128.161090000001</v>
      </c>
      <c r="AP336">
        <v>18178.300579999999</v>
      </c>
    </row>
    <row r="337" spans="2:42" x14ac:dyDescent="0.3">
      <c r="B337">
        <v>45.16402126755581</v>
      </c>
      <c r="C337" s="83">
        <v>43114.958333333336</v>
      </c>
      <c r="D337">
        <v>173970.7542</v>
      </c>
      <c r="E337">
        <v>16540.823489999999</v>
      </c>
      <c r="F337">
        <v>46730.922830000003</v>
      </c>
      <c r="G337">
        <v>44524.074970000001</v>
      </c>
      <c r="H337">
        <v>39625.065640000001</v>
      </c>
      <c r="I337">
        <v>26703.410960000001</v>
      </c>
      <c r="J337">
        <v>36529.145329999999</v>
      </c>
      <c r="K337">
        <v>49364.335480000002</v>
      </c>
      <c r="L337">
        <v>20676.863600000001</v>
      </c>
      <c r="M337">
        <v>230267.24230000001</v>
      </c>
      <c r="N337">
        <v>78933.834040000002</v>
      </c>
      <c r="O337">
        <v>25010.884480000001</v>
      </c>
      <c r="P337">
        <v>34265.69225</v>
      </c>
      <c r="Q337">
        <v>57929.594680000002</v>
      </c>
      <c r="R337">
        <v>30640.651249999999</v>
      </c>
      <c r="S337">
        <v>83633.893259999997</v>
      </c>
      <c r="T337">
        <v>28260.01671</v>
      </c>
      <c r="U337">
        <v>17696.319820000001</v>
      </c>
      <c r="W337" s="83">
        <f>Bühler!N369</f>
        <v>45305.958333332521</v>
      </c>
      <c r="X337" s="83">
        <v>43114.958333333336</v>
      </c>
      <c r="Y337">
        <v>173970.7542</v>
      </c>
      <c r="Z337">
        <v>16540.823489999999</v>
      </c>
      <c r="AA337">
        <v>46730.922830000003</v>
      </c>
      <c r="AB337">
        <v>44524.074970000001</v>
      </c>
      <c r="AC337">
        <v>39625.065640000001</v>
      </c>
      <c r="AD337">
        <v>26703.410960000001</v>
      </c>
      <c r="AE337">
        <v>36529.145329999999</v>
      </c>
      <c r="AF337">
        <v>49364.335480000002</v>
      </c>
      <c r="AG337">
        <v>20676.863600000001</v>
      </c>
      <c r="AH337">
        <v>230267.24230000001</v>
      </c>
      <c r="AI337">
        <v>78933.834040000002</v>
      </c>
      <c r="AJ337">
        <v>25010.884480000001</v>
      </c>
      <c r="AK337">
        <v>34265.69225</v>
      </c>
      <c r="AL337">
        <v>57929.594680000002</v>
      </c>
      <c r="AM337">
        <v>30640.651249999999</v>
      </c>
      <c r="AN337">
        <v>83633.893259999997</v>
      </c>
      <c r="AO337">
        <v>28260.01671</v>
      </c>
      <c r="AP337">
        <v>17696.319820000001</v>
      </c>
    </row>
    <row r="338" spans="2:42" x14ac:dyDescent="0.3">
      <c r="B338">
        <v>45.447491610020727</v>
      </c>
      <c r="C338" s="83">
        <v>43115</v>
      </c>
      <c r="D338">
        <v>176526.06789999999</v>
      </c>
      <c r="E338">
        <v>16511.49984</v>
      </c>
      <c r="F338">
        <v>47605.177499999998</v>
      </c>
      <c r="G338">
        <v>44528.300179999998</v>
      </c>
      <c r="H338">
        <v>39946.707280000002</v>
      </c>
      <c r="I338">
        <v>24869.173480000001</v>
      </c>
      <c r="J338">
        <v>34961.08498</v>
      </c>
      <c r="K338">
        <v>47050.765240000001</v>
      </c>
      <c r="L338">
        <v>19225.795539999999</v>
      </c>
      <c r="M338">
        <v>231712.50630000001</v>
      </c>
      <c r="N338">
        <v>78416.109880000004</v>
      </c>
      <c r="O338">
        <v>25338.647260000002</v>
      </c>
      <c r="P338">
        <v>33017.224190000001</v>
      </c>
      <c r="Q338">
        <v>61733.727850000003</v>
      </c>
      <c r="R338">
        <v>29427.342130000001</v>
      </c>
      <c r="S338">
        <v>82995.096659999996</v>
      </c>
      <c r="T338">
        <v>27542.702990000002</v>
      </c>
      <c r="U338">
        <v>17956.375789999998</v>
      </c>
      <c r="W338" s="83">
        <f>Bühler!N370</f>
        <v>45305.999999999185</v>
      </c>
      <c r="X338" s="83">
        <v>43115</v>
      </c>
      <c r="Y338">
        <v>176526.06789999999</v>
      </c>
      <c r="Z338">
        <v>16511.49984</v>
      </c>
      <c r="AA338">
        <v>47605.177499999998</v>
      </c>
      <c r="AB338">
        <v>44528.300179999998</v>
      </c>
      <c r="AC338">
        <v>39946.707280000002</v>
      </c>
      <c r="AD338">
        <v>24869.173480000001</v>
      </c>
      <c r="AE338">
        <v>34961.08498</v>
      </c>
      <c r="AF338">
        <v>47050.765240000001</v>
      </c>
      <c r="AG338">
        <v>19225.795539999999</v>
      </c>
      <c r="AH338">
        <v>231712.50630000001</v>
      </c>
      <c r="AI338">
        <v>78416.109880000004</v>
      </c>
      <c r="AJ338">
        <v>25338.647260000002</v>
      </c>
      <c r="AK338">
        <v>33017.224190000001</v>
      </c>
      <c r="AL338">
        <v>61733.727850000003</v>
      </c>
      <c r="AM338">
        <v>29427.342130000001</v>
      </c>
      <c r="AN338">
        <v>82995.096659999996</v>
      </c>
      <c r="AO338">
        <v>27542.702990000002</v>
      </c>
      <c r="AP338">
        <v>17956.375789999998</v>
      </c>
    </row>
    <row r="339" spans="2:42" x14ac:dyDescent="0.3">
      <c r="B339">
        <v>46.18008552150026</v>
      </c>
      <c r="C339" s="83">
        <v>43115.041666666664</v>
      </c>
      <c r="D339">
        <v>177931.0429</v>
      </c>
      <c r="E339">
        <v>16754.8887</v>
      </c>
      <c r="F339">
        <v>48632.12788</v>
      </c>
      <c r="G339">
        <v>44231.851949999997</v>
      </c>
      <c r="H339">
        <v>39629.591630000003</v>
      </c>
      <c r="I339">
        <v>20764.330399999999</v>
      </c>
      <c r="J339">
        <v>34046.034610000002</v>
      </c>
      <c r="K339">
        <v>46161.19515</v>
      </c>
      <c r="L339">
        <v>18801.119480000001</v>
      </c>
      <c r="M339">
        <v>235447.61170000001</v>
      </c>
      <c r="N339">
        <v>78179.090729999996</v>
      </c>
      <c r="O339">
        <v>25176.9064</v>
      </c>
      <c r="P339">
        <v>31284.89574</v>
      </c>
      <c r="Q339">
        <v>64447.448680000001</v>
      </c>
      <c r="R339">
        <v>28148.69616</v>
      </c>
      <c r="S339">
        <v>81494.075859999997</v>
      </c>
      <c r="T339">
        <v>27390.07475</v>
      </c>
      <c r="U339">
        <v>18153.91562</v>
      </c>
      <c r="W339" s="83">
        <f>Bühler!N371</f>
        <v>45306.041666665849</v>
      </c>
      <c r="X339" s="83">
        <v>43115.041666666664</v>
      </c>
      <c r="Y339">
        <v>177931.0429</v>
      </c>
      <c r="Z339">
        <v>16754.8887</v>
      </c>
      <c r="AA339">
        <v>48632.12788</v>
      </c>
      <c r="AB339">
        <v>44231.851949999997</v>
      </c>
      <c r="AC339">
        <v>39629.591630000003</v>
      </c>
      <c r="AD339">
        <v>20764.330399999999</v>
      </c>
      <c r="AE339">
        <v>34046.034610000002</v>
      </c>
      <c r="AF339">
        <v>46161.19515</v>
      </c>
      <c r="AG339">
        <v>18801.119480000001</v>
      </c>
      <c r="AH339">
        <v>235447.61170000001</v>
      </c>
      <c r="AI339">
        <v>78179.090729999996</v>
      </c>
      <c r="AJ339">
        <v>25176.9064</v>
      </c>
      <c r="AK339">
        <v>31284.89574</v>
      </c>
      <c r="AL339">
        <v>64447.448680000001</v>
      </c>
      <c r="AM339">
        <v>28148.69616</v>
      </c>
      <c r="AN339">
        <v>81494.075859999997</v>
      </c>
      <c r="AO339">
        <v>27390.07475</v>
      </c>
      <c r="AP339">
        <v>18153.91562</v>
      </c>
    </row>
    <row r="340" spans="2:42" x14ac:dyDescent="0.3">
      <c r="B340">
        <v>47.172860830880552</v>
      </c>
      <c r="C340" s="83">
        <v>43115.083333333336</v>
      </c>
      <c r="D340">
        <v>179940.0049</v>
      </c>
      <c r="E340">
        <v>16696.292689999998</v>
      </c>
      <c r="F340">
        <v>49763.836660000001</v>
      </c>
      <c r="G340">
        <v>43743.919860000002</v>
      </c>
      <c r="H340">
        <v>39590.371140000003</v>
      </c>
      <c r="I340">
        <v>19183.11577</v>
      </c>
      <c r="J340">
        <v>34146.792690000002</v>
      </c>
      <c r="K340">
        <v>44820.109389999998</v>
      </c>
      <c r="L340">
        <v>18679.15108</v>
      </c>
      <c r="M340">
        <v>240509.2432</v>
      </c>
      <c r="N340">
        <v>78462.756049999996</v>
      </c>
      <c r="O340">
        <v>25337.733410000001</v>
      </c>
      <c r="P340">
        <v>30406.68763</v>
      </c>
      <c r="Q340">
        <v>68106.893899999995</v>
      </c>
      <c r="R340">
        <v>27496.152829999999</v>
      </c>
      <c r="S340">
        <v>81387.373510000005</v>
      </c>
      <c r="T340">
        <v>26635.60554</v>
      </c>
      <c r="U340">
        <v>18251.777249999999</v>
      </c>
      <c r="W340" s="83">
        <f>Bühler!N372</f>
        <v>45306.083333332514</v>
      </c>
      <c r="X340" s="83">
        <v>43115.083333333336</v>
      </c>
      <c r="Y340">
        <v>179940.0049</v>
      </c>
      <c r="Z340">
        <v>16696.292689999998</v>
      </c>
      <c r="AA340">
        <v>49763.836660000001</v>
      </c>
      <c r="AB340">
        <v>43743.919860000002</v>
      </c>
      <c r="AC340">
        <v>39590.371140000003</v>
      </c>
      <c r="AD340">
        <v>19183.11577</v>
      </c>
      <c r="AE340">
        <v>34146.792690000002</v>
      </c>
      <c r="AF340">
        <v>44820.109389999998</v>
      </c>
      <c r="AG340">
        <v>18679.15108</v>
      </c>
      <c r="AH340">
        <v>240509.2432</v>
      </c>
      <c r="AI340">
        <v>78462.756049999996</v>
      </c>
      <c r="AJ340">
        <v>25337.733410000001</v>
      </c>
      <c r="AK340">
        <v>30406.68763</v>
      </c>
      <c r="AL340">
        <v>68106.893899999995</v>
      </c>
      <c r="AM340">
        <v>27496.152829999999</v>
      </c>
      <c r="AN340">
        <v>81387.373510000005</v>
      </c>
      <c r="AO340">
        <v>26635.60554</v>
      </c>
      <c r="AP340">
        <v>18251.777249999999</v>
      </c>
    </row>
    <row r="341" spans="2:42" x14ac:dyDescent="0.3">
      <c r="B341">
        <v>47.904179849173779</v>
      </c>
      <c r="C341" s="83">
        <v>43115.125</v>
      </c>
      <c r="D341">
        <v>185611.2818</v>
      </c>
      <c r="E341">
        <v>17057.369460000002</v>
      </c>
      <c r="F341">
        <v>50899.152020000001</v>
      </c>
      <c r="G341">
        <v>43216.898609999997</v>
      </c>
      <c r="H341">
        <v>39450.29737</v>
      </c>
      <c r="I341">
        <v>19081.178019999999</v>
      </c>
      <c r="J341">
        <v>34375.324520000002</v>
      </c>
      <c r="K341">
        <v>44552.925369999997</v>
      </c>
      <c r="L341">
        <v>18508.045849999999</v>
      </c>
      <c r="M341">
        <v>244237.8486</v>
      </c>
      <c r="N341">
        <v>78917.660770000002</v>
      </c>
      <c r="O341">
        <v>25383.136399999999</v>
      </c>
      <c r="P341">
        <v>30460.249100000001</v>
      </c>
      <c r="Q341">
        <v>73635.316019999998</v>
      </c>
      <c r="R341">
        <v>27407.40668</v>
      </c>
      <c r="S341">
        <v>80695.124249999993</v>
      </c>
      <c r="T341">
        <v>26842.086360000001</v>
      </c>
      <c r="U341">
        <v>18853.285769999999</v>
      </c>
      <c r="W341" s="83">
        <f>Bühler!N373</f>
        <v>45306.124999999178</v>
      </c>
      <c r="X341" s="83">
        <v>43115.125</v>
      </c>
      <c r="Y341">
        <v>185611.2818</v>
      </c>
      <c r="Z341">
        <v>17057.369460000002</v>
      </c>
      <c r="AA341">
        <v>50899.152020000001</v>
      </c>
      <c r="AB341">
        <v>43216.898609999997</v>
      </c>
      <c r="AC341">
        <v>39450.29737</v>
      </c>
      <c r="AD341">
        <v>19081.178019999999</v>
      </c>
      <c r="AE341">
        <v>34375.324520000002</v>
      </c>
      <c r="AF341">
        <v>44552.925369999997</v>
      </c>
      <c r="AG341">
        <v>18508.045849999999</v>
      </c>
      <c r="AH341">
        <v>244237.8486</v>
      </c>
      <c r="AI341">
        <v>78917.660770000002</v>
      </c>
      <c r="AJ341">
        <v>25383.136399999999</v>
      </c>
      <c r="AK341">
        <v>30460.249100000001</v>
      </c>
      <c r="AL341">
        <v>73635.316019999998</v>
      </c>
      <c r="AM341">
        <v>27407.40668</v>
      </c>
      <c r="AN341">
        <v>80695.124249999993</v>
      </c>
      <c r="AO341">
        <v>26842.086360000001</v>
      </c>
      <c r="AP341">
        <v>18853.285769999999</v>
      </c>
    </row>
    <row r="342" spans="2:42" x14ac:dyDescent="0.3">
      <c r="B342">
        <v>51.128783464717891</v>
      </c>
      <c r="C342" s="83">
        <v>43115.166666666664</v>
      </c>
      <c r="D342">
        <v>198738.7058</v>
      </c>
      <c r="E342">
        <v>17910.425070000001</v>
      </c>
      <c r="F342">
        <v>55315.993390000003</v>
      </c>
      <c r="G342">
        <v>43187.792170000001</v>
      </c>
      <c r="H342">
        <v>41193.137020000002</v>
      </c>
      <c r="I342">
        <v>21878.437689999999</v>
      </c>
      <c r="J342">
        <v>36957.492749999998</v>
      </c>
      <c r="K342">
        <v>44478.2091</v>
      </c>
      <c r="L342">
        <v>18496.02939</v>
      </c>
      <c r="M342">
        <v>260678.38159999999</v>
      </c>
      <c r="N342">
        <v>78796.029089999996</v>
      </c>
      <c r="O342">
        <v>25973.85241</v>
      </c>
      <c r="P342">
        <v>30690.030279999999</v>
      </c>
      <c r="Q342">
        <v>77522.167589999997</v>
      </c>
      <c r="R342">
        <v>28045.493839999999</v>
      </c>
      <c r="S342">
        <v>81840.348929999993</v>
      </c>
      <c r="T342">
        <v>26481.19238</v>
      </c>
      <c r="U342">
        <v>20399.094880000001</v>
      </c>
      <c r="W342" s="83">
        <f>Bühler!N374</f>
        <v>45306.166666665842</v>
      </c>
      <c r="X342" s="83">
        <v>43115.166666666664</v>
      </c>
      <c r="Y342">
        <v>198738.7058</v>
      </c>
      <c r="Z342">
        <v>17910.425070000001</v>
      </c>
      <c r="AA342">
        <v>55315.993390000003</v>
      </c>
      <c r="AB342">
        <v>43187.792170000001</v>
      </c>
      <c r="AC342">
        <v>41193.137020000002</v>
      </c>
      <c r="AD342">
        <v>21878.437689999999</v>
      </c>
      <c r="AE342">
        <v>36957.492749999998</v>
      </c>
      <c r="AF342">
        <v>44478.2091</v>
      </c>
      <c r="AG342">
        <v>18496.02939</v>
      </c>
      <c r="AH342">
        <v>260678.38159999999</v>
      </c>
      <c r="AI342">
        <v>78796.029089999996</v>
      </c>
      <c r="AJ342">
        <v>25973.85241</v>
      </c>
      <c r="AK342">
        <v>30690.030279999999</v>
      </c>
      <c r="AL342">
        <v>77522.167589999997</v>
      </c>
      <c r="AM342">
        <v>28045.493839999999</v>
      </c>
      <c r="AN342">
        <v>81840.348929999993</v>
      </c>
      <c r="AO342">
        <v>26481.19238</v>
      </c>
      <c r="AP342">
        <v>20399.094880000001</v>
      </c>
    </row>
    <row r="343" spans="2:42" x14ac:dyDescent="0.3">
      <c r="B343">
        <v>57.03099057597592</v>
      </c>
      <c r="C343" s="83">
        <v>43115.208333333336</v>
      </c>
      <c r="D343">
        <v>229729.97719999999</v>
      </c>
      <c r="E343">
        <v>20415.430560000001</v>
      </c>
      <c r="F343">
        <v>67340.144480000003</v>
      </c>
      <c r="G343">
        <v>46117.188600000001</v>
      </c>
      <c r="H343">
        <v>43743.162980000001</v>
      </c>
      <c r="I343">
        <v>31237.79752</v>
      </c>
      <c r="J343">
        <v>40308.189969999999</v>
      </c>
      <c r="K343">
        <v>45824.463150000003</v>
      </c>
      <c r="L343">
        <v>19529.35065</v>
      </c>
      <c r="M343">
        <v>290770.58590000001</v>
      </c>
      <c r="N343">
        <v>80905.350909999994</v>
      </c>
      <c r="O343">
        <v>26600.398730000001</v>
      </c>
      <c r="P343">
        <v>31337.76844</v>
      </c>
      <c r="Q343">
        <v>83186.327510000003</v>
      </c>
      <c r="R343">
        <v>28478.554390000001</v>
      </c>
      <c r="S343">
        <v>84453.359320000003</v>
      </c>
      <c r="T343">
        <v>28539.708030000002</v>
      </c>
      <c r="U343">
        <v>22562.285540000001</v>
      </c>
      <c r="W343" s="83">
        <f>Bühler!N375</f>
        <v>45306.208333332506</v>
      </c>
      <c r="X343" s="83">
        <v>43115.208333333336</v>
      </c>
      <c r="Y343">
        <v>229729.97719999999</v>
      </c>
      <c r="Z343">
        <v>20415.430560000001</v>
      </c>
      <c r="AA343">
        <v>67340.144480000003</v>
      </c>
      <c r="AB343">
        <v>46117.188600000001</v>
      </c>
      <c r="AC343">
        <v>43743.162980000001</v>
      </c>
      <c r="AD343">
        <v>31237.79752</v>
      </c>
      <c r="AE343">
        <v>40308.189969999999</v>
      </c>
      <c r="AF343">
        <v>45824.463150000003</v>
      </c>
      <c r="AG343">
        <v>19529.35065</v>
      </c>
      <c r="AH343">
        <v>290770.58590000001</v>
      </c>
      <c r="AI343">
        <v>80905.350909999994</v>
      </c>
      <c r="AJ343">
        <v>26600.398730000001</v>
      </c>
      <c r="AK343">
        <v>31337.76844</v>
      </c>
      <c r="AL343">
        <v>83186.327510000003</v>
      </c>
      <c r="AM343">
        <v>28478.554390000001</v>
      </c>
      <c r="AN343">
        <v>84453.359320000003</v>
      </c>
      <c r="AO343">
        <v>28539.708030000002</v>
      </c>
      <c r="AP343">
        <v>22562.285540000001</v>
      </c>
    </row>
    <row r="344" spans="2:42" x14ac:dyDescent="0.3">
      <c r="B344">
        <v>62.9259942661389</v>
      </c>
      <c r="C344" s="83">
        <v>43115.25</v>
      </c>
      <c r="D344">
        <v>258716.0814</v>
      </c>
      <c r="E344">
        <v>24519.051100000001</v>
      </c>
      <c r="F344">
        <v>81802.127389999994</v>
      </c>
      <c r="G344">
        <v>60243.116529999999</v>
      </c>
      <c r="H344">
        <v>47841.991609999997</v>
      </c>
      <c r="I344">
        <v>40605.939109999999</v>
      </c>
      <c r="J344">
        <v>43718.02031</v>
      </c>
      <c r="K344">
        <v>49456.103309999999</v>
      </c>
      <c r="L344">
        <v>21171.95896</v>
      </c>
      <c r="M344">
        <v>320826.0638</v>
      </c>
      <c r="N344">
        <v>82557.010939999993</v>
      </c>
      <c r="O344">
        <v>27265.35122</v>
      </c>
      <c r="P344">
        <v>31368.887190000001</v>
      </c>
      <c r="Q344">
        <v>87383.476760000005</v>
      </c>
      <c r="R344">
        <v>22973.458470000001</v>
      </c>
      <c r="S344">
        <v>93719.293640000004</v>
      </c>
      <c r="T344">
        <v>31057.603279999999</v>
      </c>
      <c r="U344">
        <v>23642.304980000001</v>
      </c>
      <c r="W344" s="83">
        <f>Bühler!N376</f>
        <v>45306.249999999171</v>
      </c>
      <c r="X344" s="83">
        <v>43115.25</v>
      </c>
      <c r="Y344">
        <v>258716.0814</v>
      </c>
      <c r="Z344">
        <v>24519.051100000001</v>
      </c>
      <c r="AA344">
        <v>81802.127389999994</v>
      </c>
      <c r="AB344">
        <v>60243.116529999999</v>
      </c>
      <c r="AC344">
        <v>47841.991609999997</v>
      </c>
      <c r="AD344">
        <v>40605.939109999999</v>
      </c>
      <c r="AE344">
        <v>43718.02031</v>
      </c>
      <c r="AF344">
        <v>49456.103309999999</v>
      </c>
      <c r="AG344">
        <v>21171.95896</v>
      </c>
      <c r="AH344">
        <v>320826.0638</v>
      </c>
      <c r="AI344">
        <v>82557.010939999993</v>
      </c>
      <c r="AJ344">
        <v>27265.35122</v>
      </c>
      <c r="AK344">
        <v>31368.887190000001</v>
      </c>
      <c r="AL344">
        <v>87383.476760000005</v>
      </c>
      <c r="AM344">
        <v>22973.458470000001</v>
      </c>
      <c r="AN344">
        <v>93719.293640000004</v>
      </c>
      <c r="AO344">
        <v>31057.603279999999</v>
      </c>
      <c r="AP344">
        <v>23642.304980000001</v>
      </c>
    </row>
    <row r="345" spans="2:42" x14ac:dyDescent="0.3">
      <c r="B345">
        <v>65.069110110620272</v>
      </c>
      <c r="C345" s="83">
        <v>43115.291666666664</v>
      </c>
      <c r="D345">
        <v>279597.27389999997</v>
      </c>
      <c r="E345">
        <v>29998.169470000001</v>
      </c>
      <c r="F345">
        <v>86856.149550000002</v>
      </c>
      <c r="G345">
        <v>78463.521970000002</v>
      </c>
      <c r="H345">
        <v>54105.313699999999</v>
      </c>
      <c r="I345">
        <v>51284.41934</v>
      </c>
      <c r="J345">
        <v>46640.005519999999</v>
      </c>
      <c r="K345">
        <v>55065.80805</v>
      </c>
      <c r="L345">
        <v>24575.310430000001</v>
      </c>
      <c r="M345">
        <v>331752.6678</v>
      </c>
      <c r="N345">
        <v>90887.677039999995</v>
      </c>
      <c r="O345">
        <v>30320.164560000001</v>
      </c>
      <c r="P345">
        <v>33255.880230000002</v>
      </c>
      <c r="Q345">
        <v>89510.155350000001</v>
      </c>
      <c r="R345">
        <v>25850.531139999999</v>
      </c>
      <c r="S345">
        <v>110754.5569</v>
      </c>
      <c r="T345">
        <v>34413.241150000002</v>
      </c>
      <c r="U345">
        <v>28962.48517</v>
      </c>
      <c r="W345" s="83">
        <f>Bühler!N377</f>
        <v>45306.291666665835</v>
      </c>
      <c r="X345" s="83">
        <v>43115.291666666664</v>
      </c>
      <c r="Y345">
        <v>279597.27389999997</v>
      </c>
      <c r="Z345">
        <v>29998.169470000001</v>
      </c>
      <c r="AA345">
        <v>86856.149550000002</v>
      </c>
      <c r="AB345">
        <v>78463.521970000002</v>
      </c>
      <c r="AC345">
        <v>54105.313699999999</v>
      </c>
      <c r="AD345">
        <v>51284.41934</v>
      </c>
      <c r="AE345">
        <v>46640.005519999999</v>
      </c>
      <c r="AF345">
        <v>55065.80805</v>
      </c>
      <c r="AG345">
        <v>24575.310430000001</v>
      </c>
      <c r="AH345">
        <v>331752.6678</v>
      </c>
      <c r="AI345">
        <v>90887.677039999995</v>
      </c>
      <c r="AJ345">
        <v>30320.164560000001</v>
      </c>
      <c r="AK345">
        <v>33255.880230000002</v>
      </c>
      <c r="AL345">
        <v>89510.155350000001</v>
      </c>
      <c r="AM345">
        <v>25850.531139999999</v>
      </c>
      <c r="AN345">
        <v>110754.5569</v>
      </c>
      <c r="AO345">
        <v>34413.241150000002</v>
      </c>
      <c r="AP345">
        <v>28962.48517</v>
      </c>
    </row>
    <row r="346" spans="2:42" x14ac:dyDescent="0.3">
      <c r="B346">
        <v>66.520158210932394</v>
      </c>
      <c r="C346" s="83">
        <v>43115.333333333336</v>
      </c>
      <c r="D346">
        <v>298423.1997</v>
      </c>
      <c r="E346">
        <v>37067.878019999996</v>
      </c>
      <c r="F346">
        <v>94696.768500000006</v>
      </c>
      <c r="G346">
        <v>97205.694709999996</v>
      </c>
      <c r="H346">
        <v>61078.239939999999</v>
      </c>
      <c r="I346">
        <v>54546.818729999999</v>
      </c>
      <c r="J346">
        <v>47898.321459999999</v>
      </c>
      <c r="K346">
        <v>60186.125619999999</v>
      </c>
      <c r="L346">
        <v>27463.419730000001</v>
      </c>
      <c r="M346">
        <v>339150.78769999999</v>
      </c>
      <c r="N346">
        <v>101531.34329999999</v>
      </c>
      <c r="O346">
        <v>33276.718699999998</v>
      </c>
      <c r="P346">
        <v>36882.034379999997</v>
      </c>
      <c r="Q346">
        <v>91738.820229999998</v>
      </c>
      <c r="R346">
        <v>27527.916099999999</v>
      </c>
      <c r="S346">
        <v>127925.9808</v>
      </c>
      <c r="T346">
        <v>38397.115769999997</v>
      </c>
      <c r="U346">
        <v>33137.253859999997</v>
      </c>
      <c r="W346" s="83">
        <f>Bühler!N378</f>
        <v>45306.333333332499</v>
      </c>
      <c r="X346" s="83">
        <v>43115.333333333336</v>
      </c>
      <c r="Y346">
        <v>298423.1997</v>
      </c>
      <c r="Z346">
        <v>37067.878019999996</v>
      </c>
      <c r="AA346">
        <v>94696.768500000006</v>
      </c>
      <c r="AB346">
        <v>97205.694709999996</v>
      </c>
      <c r="AC346">
        <v>61078.239939999999</v>
      </c>
      <c r="AD346">
        <v>54546.818729999999</v>
      </c>
      <c r="AE346">
        <v>47898.321459999999</v>
      </c>
      <c r="AF346">
        <v>60186.125619999999</v>
      </c>
      <c r="AG346">
        <v>27463.419730000001</v>
      </c>
      <c r="AH346">
        <v>339150.78769999999</v>
      </c>
      <c r="AI346">
        <v>101531.34329999999</v>
      </c>
      <c r="AJ346">
        <v>33276.718699999998</v>
      </c>
      <c r="AK346">
        <v>36882.034379999997</v>
      </c>
      <c r="AL346">
        <v>91738.820229999998</v>
      </c>
      <c r="AM346">
        <v>27527.916099999999</v>
      </c>
      <c r="AN346">
        <v>127925.9808</v>
      </c>
      <c r="AO346">
        <v>38397.115769999997</v>
      </c>
      <c r="AP346">
        <v>33137.253859999997</v>
      </c>
    </row>
    <row r="347" spans="2:42" x14ac:dyDescent="0.3">
      <c r="B347">
        <v>67.418143780107286</v>
      </c>
      <c r="C347" s="83">
        <v>43115.375</v>
      </c>
      <c r="D347">
        <v>301840.06650000002</v>
      </c>
      <c r="E347">
        <v>41402.41474</v>
      </c>
      <c r="F347">
        <v>100111.01790000001</v>
      </c>
      <c r="G347">
        <v>106296.7006</v>
      </c>
      <c r="H347">
        <v>63123.64486</v>
      </c>
      <c r="I347">
        <v>51861.392540000001</v>
      </c>
      <c r="J347">
        <v>46072.516770000002</v>
      </c>
      <c r="K347">
        <v>59398.608289999996</v>
      </c>
      <c r="L347">
        <v>30411.097979999999</v>
      </c>
      <c r="M347">
        <v>343729.13689999998</v>
      </c>
      <c r="N347">
        <v>105637.9518</v>
      </c>
      <c r="O347">
        <v>33375.770329999999</v>
      </c>
      <c r="P347">
        <v>38262.051619999998</v>
      </c>
      <c r="Q347">
        <v>93527.258360000007</v>
      </c>
      <c r="R347">
        <v>25949.812539999999</v>
      </c>
      <c r="S347">
        <v>136182.11489999999</v>
      </c>
      <c r="T347">
        <v>41287.283320000002</v>
      </c>
      <c r="U347">
        <v>33049.089679999997</v>
      </c>
      <c r="W347" s="83">
        <f>Bühler!N379</f>
        <v>45306.374999999163</v>
      </c>
      <c r="X347" s="83">
        <v>43115.375</v>
      </c>
      <c r="Y347">
        <v>301840.06650000002</v>
      </c>
      <c r="Z347">
        <v>41402.41474</v>
      </c>
      <c r="AA347">
        <v>100111.01790000001</v>
      </c>
      <c r="AB347">
        <v>106296.7006</v>
      </c>
      <c r="AC347">
        <v>63123.64486</v>
      </c>
      <c r="AD347">
        <v>51861.392540000001</v>
      </c>
      <c r="AE347">
        <v>46072.516770000002</v>
      </c>
      <c r="AF347">
        <v>59398.608289999996</v>
      </c>
      <c r="AG347">
        <v>30411.097979999999</v>
      </c>
      <c r="AH347">
        <v>343729.13689999998</v>
      </c>
      <c r="AI347">
        <v>105637.9518</v>
      </c>
      <c r="AJ347">
        <v>33375.770329999999</v>
      </c>
      <c r="AK347">
        <v>38262.051619999998</v>
      </c>
      <c r="AL347">
        <v>93527.258360000007</v>
      </c>
      <c r="AM347">
        <v>25949.812539999999</v>
      </c>
      <c r="AN347">
        <v>136182.11489999999</v>
      </c>
      <c r="AO347">
        <v>41287.283320000002</v>
      </c>
      <c r="AP347">
        <v>33049.089679999997</v>
      </c>
    </row>
    <row r="348" spans="2:42" x14ac:dyDescent="0.3">
      <c r="B348">
        <v>69.024002826900485</v>
      </c>
      <c r="C348" s="83">
        <v>43115.416666666664</v>
      </c>
      <c r="D348">
        <v>304192.85629999998</v>
      </c>
      <c r="E348">
        <v>42939.336280000003</v>
      </c>
      <c r="F348">
        <v>99941.622860000003</v>
      </c>
      <c r="G348">
        <v>109076.5528</v>
      </c>
      <c r="H348">
        <v>63727.091979999997</v>
      </c>
      <c r="I348">
        <v>49260.851719999999</v>
      </c>
      <c r="J348">
        <v>44965.508370000003</v>
      </c>
      <c r="K348">
        <v>61633.061569999998</v>
      </c>
      <c r="L348">
        <v>32043.810109999999</v>
      </c>
      <c r="M348">
        <v>351916.5552</v>
      </c>
      <c r="N348">
        <v>109574.4376</v>
      </c>
      <c r="O348">
        <v>33205.950049999999</v>
      </c>
      <c r="P348">
        <v>38542.08971</v>
      </c>
      <c r="Q348">
        <v>93989.353929999997</v>
      </c>
      <c r="R348">
        <v>26106.668150000001</v>
      </c>
      <c r="S348">
        <v>135187.05609999999</v>
      </c>
      <c r="T348">
        <v>42025.199910000003</v>
      </c>
      <c r="U348">
        <v>32453.295819999999</v>
      </c>
      <c r="W348" s="83">
        <f>Bühler!N380</f>
        <v>45306.416666665828</v>
      </c>
      <c r="X348" s="83">
        <v>43115.416666666664</v>
      </c>
      <c r="Y348">
        <v>304192.85629999998</v>
      </c>
      <c r="Z348">
        <v>42939.336280000003</v>
      </c>
      <c r="AA348">
        <v>99941.622860000003</v>
      </c>
      <c r="AB348">
        <v>109076.5528</v>
      </c>
      <c r="AC348">
        <v>63727.091979999997</v>
      </c>
      <c r="AD348">
        <v>49260.851719999999</v>
      </c>
      <c r="AE348">
        <v>44965.508370000003</v>
      </c>
      <c r="AF348">
        <v>61633.061569999998</v>
      </c>
      <c r="AG348">
        <v>32043.810109999999</v>
      </c>
      <c r="AH348">
        <v>351916.5552</v>
      </c>
      <c r="AI348">
        <v>109574.4376</v>
      </c>
      <c r="AJ348">
        <v>33205.950049999999</v>
      </c>
      <c r="AK348">
        <v>38542.08971</v>
      </c>
      <c r="AL348">
        <v>93989.353929999997</v>
      </c>
      <c r="AM348">
        <v>26106.668150000001</v>
      </c>
      <c r="AN348">
        <v>135187.05609999999</v>
      </c>
      <c r="AO348">
        <v>42025.199910000003</v>
      </c>
      <c r="AP348">
        <v>32453.295819999999</v>
      </c>
    </row>
    <row r="349" spans="2:42" x14ac:dyDescent="0.3">
      <c r="B349">
        <v>69.902287765873396</v>
      </c>
      <c r="C349" s="83">
        <v>43115.458333333336</v>
      </c>
      <c r="D349">
        <v>303555.70529999997</v>
      </c>
      <c r="E349">
        <v>42404.608310000003</v>
      </c>
      <c r="F349">
        <v>100023.6946</v>
      </c>
      <c r="G349">
        <v>106468.41710000001</v>
      </c>
      <c r="H349">
        <v>62534.178740000003</v>
      </c>
      <c r="I349">
        <v>48191.733200000002</v>
      </c>
      <c r="J349">
        <v>43789.875809999998</v>
      </c>
      <c r="K349">
        <v>67831.602299999999</v>
      </c>
      <c r="L349">
        <v>33039.050369999997</v>
      </c>
      <c r="M349">
        <v>356394.46139999997</v>
      </c>
      <c r="N349">
        <v>110001.3943</v>
      </c>
      <c r="O349">
        <v>33140.097679999999</v>
      </c>
      <c r="P349">
        <v>37714.254159999997</v>
      </c>
      <c r="Q349">
        <v>94060.985660000006</v>
      </c>
      <c r="R349">
        <v>27966.597699999998</v>
      </c>
      <c r="S349">
        <v>137334.66329999999</v>
      </c>
      <c r="T349">
        <v>42110.650950000003</v>
      </c>
      <c r="U349">
        <v>31784.365890000001</v>
      </c>
      <c r="W349" s="83">
        <f>Bühler!N381</f>
        <v>45306.458333332492</v>
      </c>
      <c r="X349" s="83">
        <v>43115.458333333336</v>
      </c>
      <c r="Y349">
        <v>303555.70529999997</v>
      </c>
      <c r="Z349">
        <v>42404.608310000003</v>
      </c>
      <c r="AA349">
        <v>100023.6946</v>
      </c>
      <c r="AB349">
        <v>106468.41710000001</v>
      </c>
      <c r="AC349">
        <v>62534.178740000003</v>
      </c>
      <c r="AD349">
        <v>48191.733200000002</v>
      </c>
      <c r="AE349">
        <v>43789.875809999998</v>
      </c>
      <c r="AF349">
        <v>67831.602299999999</v>
      </c>
      <c r="AG349">
        <v>33039.050369999997</v>
      </c>
      <c r="AH349">
        <v>356394.46139999997</v>
      </c>
      <c r="AI349">
        <v>110001.3943</v>
      </c>
      <c r="AJ349">
        <v>33140.097679999999</v>
      </c>
      <c r="AK349">
        <v>37714.254159999997</v>
      </c>
      <c r="AL349">
        <v>94060.985660000006</v>
      </c>
      <c r="AM349">
        <v>27966.597699999998</v>
      </c>
      <c r="AN349">
        <v>137334.66329999999</v>
      </c>
      <c r="AO349">
        <v>42110.650950000003</v>
      </c>
      <c r="AP349">
        <v>31784.365890000001</v>
      </c>
    </row>
    <row r="350" spans="2:42" x14ac:dyDescent="0.3">
      <c r="B350">
        <v>69.245908714694579</v>
      </c>
      <c r="C350" s="83">
        <v>43115.5</v>
      </c>
      <c r="D350">
        <v>290187.52189999999</v>
      </c>
      <c r="E350">
        <v>38149.54047</v>
      </c>
      <c r="F350">
        <v>92482.961259999996</v>
      </c>
      <c r="G350">
        <v>103928.9675</v>
      </c>
      <c r="H350">
        <v>59696.662779999999</v>
      </c>
      <c r="I350">
        <v>45549.510170000001</v>
      </c>
      <c r="J350">
        <v>43817.474399999999</v>
      </c>
      <c r="K350">
        <v>64246.436220000003</v>
      </c>
      <c r="L350">
        <v>35280.930390000001</v>
      </c>
      <c r="M350">
        <v>353047.93489999999</v>
      </c>
      <c r="N350">
        <v>104642.4804</v>
      </c>
      <c r="O350">
        <v>31936.233219999998</v>
      </c>
      <c r="P350">
        <v>38568.03744</v>
      </c>
      <c r="Q350">
        <v>92473.057260000001</v>
      </c>
      <c r="R350">
        <v>28769.62659</v>
      </c>
      <c r="S350">
        <v>128567.88069999999</v>
      </c>
      <c r="T350">
        <v>40975.524799999999</v>
      </c>
      <c r="U350">
        <v>27694.702730000001</v>
      </c>
      <c r="W350" s="83">
        <f>Bühler!N382</f>
        <v>45306.499999999156</v>
      </c>
      <c r="X350" s="83">
        <v>43115.5</v>
      </c>
      <c r="Y350">
        <v>290187.52189999999</v>
      </c>
      <c r="Z350">
        <v>38149.54047</v>
      </c>
      <c r="AA350">
        <v>92482.961259999996</v>
      </c>
      <c r="AB350">
        <v>103928.9675</v>
      </c>
      <c r="AC350">
        <v>59696.662779999999</v>
      </c>
      <c r="AD350">
        <v>45549.510170000001</v>
      </c>
      <c r="AE350">
        <v>43817.474399999999</v>
      </c>
      <c r="AF350">
        <v>64246.436220000003</v>
      </c>
      <c r="AG350">
        <v>35280.930390000001</v>
      </c>
      <c r="AH350">
        <v>353047.93489999999</v>
      </c>
      <c r="AI350">
        <v>104642.4804</v>
      </c>
      <c r="AJ350">
        <v>31936.233219999998</v>
      </c>
      <c r="AK350">
        <v>38568.03744</v>
      </c>
      <c r="AL350">
        <v>92473.057260000001</v>
      </c>
      <c r="AM350">
        <v>28769.62659</v>
      </c>
      <c r="AN350">
        <v>128567.88069999999</v>
      </c>
      <c r="AO350">
        <v>40975.524799999999</v>
      </c>
      <c r="AP350">
        <v>27694.702730000001</v>
      </c>
    </row>
    <row r="351" spans="2:42" x14ac:dyDescent="0.3">
      <c r="B351">
        <v>68.885860971534257</v>
      </c>
      <c r="C351" s="83">
        <v>43115.541666666664</v>
      </c>
      <c r="D351">
        <v>291048.35399999999</v>
      </c>
      <c r="E351">
        <v>37874.288330000003</v>
      </c>
      <c r="F351">
        <v>88757.779269999999</v>
      </c>
      <c r="G351">
        <v>101586.77899999999</v>
      </c>
      <c r="H351">
        <v>59328.860180000003</v>
      </c>
      <c r="I351">
        <v>44246.121659999997</v>
      </c>
      <c r="J351">
        <v>42782.148730000001</v>
      </c>
      <c r="K351">
        <v>65753.771189999999</v>
      </c>
      <c r="L351">
        <v>33645.964059999998</v>
      </c>
      <c r="M351">
        <v>351212.24359999999</v>
      </c>
      <c r="N351">
        <v>103962.09359999999</v>
      </c>
      <c r="O351">
        <v>31403.412260000001</v>
      </c>
      <c r="P351">
        <v>37387.531219999997</v>
      </c>
      <c r="Q351">
        <v>93135.881989999994</v>
      </c>
      <c r="R351">
        <v>29027.67253</v>
      </c>
      <c r="S351">
        <v>127577.36870000001</v>
      </c>
      <c r="T351">
        <v>39796.770989999997</v>
      </c>
      <c r="U351">
        <v>28257.729650000001</v>
      </c>
      <c r="W351" s="83">
        <f>Bühler!N383</f>
        <v>45306.54166666582</v>
      </c>
      <c r="X351" s="83">
        <v>43115.541666666664</v>
      </c>
      <c r="Y351">
        <v>291048.35399999999</v>
      </c>
      <c r="Z351">
        <v>37874.288330000003</v>
      </c>
      <c r="AA351">
        <v>88757.779269999999</v>
      </c>
      <c r="AB351">
        <v>101586.77899999999</v>
      </c>
      <c r="AC351">
        <v>59328.860180000003</v>
      </c>
      <c r="AD351">
        <v>44246.121659999997</v>
      </c>
      <c r="AE351">
        <v>42782.148730000001</v>
      </c>
      <c r="AF351">
        <v>65753.771189999999</v>
      </c>
      <c r="AG351">
        <v>33645.964059999998</v>
      </c>
      <c r="AH351">
        <v>351212.24359999999</v>
      </c>
      <c r="AI351">
        <v>103962.09359999999</v>
      </c>
      <c r="AJ351">
        <v>31403.412260000001</v>
      </c>
      <c r="AK351">
        <v>37387.531219999997</v>
      </c>
      <c r="AL351">
        <v>93135.881989999994</v>
      </c>
      <c r="AM351">
        <v>29027.67253</v>
      </c>
      <c r="AN351">
        <v>127577.36870000001</v>
      </c>
      <c r="AO351">
        <v>39796.770989999997</v>
      </c>
      <c r="AP351">
        <v>28257.729650000001</v>
      </c>
    </row>
    <row r="352" spans="2:42" x14ac:dyDescent="0.3">
      <c r="B352">
        <v>69.287428219934426</v>
      </c>
      <c r="C352" s="83">
        <v>43115.583333333336</v>
      </c>
      <c r="D352">
        <v>296613.99060000002</v>
      </c>
      <c r="E352">
        <v>40447.97954</v>
      </c>
      <c r="F352">
        <v>96826.960420000003</v>
      </c>
      <c r="G352">
        <v>95727.851580000002</v>
      </c>
      <c r="H352">
        <v>58958.868450000002</v>
      </c>
      <c r="I352">
        <v>44411.11679</v>
      </c>
      <c r="J352">
        <v>42151.307150000001</v>
      </c>
      <c r="K352">
        <v>66992.778200000001</v>
      </c>
      <c r="L352">
        <v>30628.063679999999</v>
      </c>
      <c r="M352">
        <v>353259.62070000003</v>
      </c>
      <c r="N352">
        <v>104864.3078</v>
      </c>
      <c r="O352">
        <v>30906.3024</v>
      </c>
      <c r="P352">
        <v>34445.813779999997</v>
      </c>
      <c r="Q352">
        <v>92000.495110000003</v>
      </c>
      <c r="R352">
        <v>27153.550810000001</v>
      </c>
      <c r="S352">
        <v>121289.02</v>
      </c>
      <c r="T352">
        <v>38733.988360000003</v>
      </c>
      <c r="U352">
        <v>29046.914110000002</v>
      </c>
      <c r="W352" s="83">
        <f>Bühler!N384</f>
        <v>45306.583333332484</v>
      </c>
      <c r="X352" s="83">
        <v>43115.583333333336</v>
      </c>
      <c r="Y352">
        <v>296613.99060000002</v>
      </c>
      <c r="Z352">
        <v>40447.97954</v>
      </c>
      <c r="AA352">
        <v>96826.960420000003</v>
      </c>
      <c r="AB352">
        <v>95727.851580000002</v>
      </c>
      <c r="AC352">
        <v>58958.868450000002</v>
      </c>
      <c r="AD352">
        <v>44411.11679</v>
      </c>
      <c r="AE352">
        <v>42151.307150000001</v>
      </c>
      <c r="AF352">
        <v>66992.778200000001</v>
      </c>
      <c r="AG352">
        <v>30628.063679999999</v>
      </c>
      <c r="AH352">
        <v>353259.62070000003</v>
      </c>
      <c r="AI352">
        <v>104864.3078</v>
      </c>
      <c r="AJ352">
        <v>30906.3024</v>
      </c>
      <c r="AK352">
        <v>34445.813779999997</v>
      </c>
      <c r="AL352">
        <v>92000.495110000003</v>
      </c>
      <c r="AM352">
        <v>27153.550810000001</v>
      </c>
      <c r="AN352">
        <v>121289.02</v>
      </c>
      <c r="AO352">
        <v>38733.988360000003</v>
      </c>
      <c r="AP352">
        <v>29046.914110000002</v>
      </c>
    </row>
    <row r="353" spans="2:42" x14ac:dyDescent="0.3">
      <c r="B353">
        <v>68.758975383474862</v>
      </c>
      <c r="C353" s="83">
        <v>43115.625</v>
      </c>
      <c r="D353">
        <v>295050.80469999998</v>
      </c>
      <c r="E353">
        <v>40074.474970000003</v>
      </c>
      <c r="F353">
        <v>97443.836590000006</v>
      </c>
      <c r="G353">
        <v>92601.659150000007</v>
      </c>
      <c r="H353">
        <v>57217.148330000004</v>
      </c>
      <c r="I353">
        <v>45627.071020000003</v>
      </c>
      <c r="J353">
        <v>41929.943529999997</v>
      </c>
      <c r="K353">
        <v>65786.823430000004</v>
      </c>
      <c r="L353">
        <v>27678.90454</v>
      </c>
      <c r="M353">
        <v>350565.32169999997</v>
      </c>
      <c r="N353">
        <v>102848.84600000001</v>
      </c>
      <c r="O353">
        <v>30655.22133</v>
      </c>
      <c r="P353">
        <v>32953.538339999999</v>
      </c>
      <c r="Q353">
        <v>91602.529129999995</v>
      </c>
      <c r="R353">
        <v>26490.56594</v>
      </c>
      <c r="S353">
        <v>119213.13710000001</v>
      </c>
      <c r="T353">
        <v>38469.335330000002</v>
      </c>
      <c r="U353">
        <v>28356.533619999998</v>
      </c>
      <c r="W353" s="83">
        <f>Bühler!N385</f>
        <v>45306.624999999149</v>
      </c>
      <c r="X353" s="83">
        <v>43115.625</v>
      </c>
      <c r="Y353">
        <v>295050.80469999998</v>
      </c>
      <c r="Z353">
        <v>40074.474970000003</v>
      </c>
      <c r="AA353">
        <v>97443.836590000006</v>
      </c>
      <c r="AB353">
        <v>92601.659150000007</v>
      </c>
      <c r="AC353">
        <v>57217.148330000004</v>
      </c>
      <c r="AD353">
        <v>45627.071020000003</v>
      </c>
      <c r="AE353">
        <v>41929.943529999997</v>
      </c>
      <c r="AF353">
        <v>65786.823430000004</v>
      </c>
      <c r="AG353">
        <v>27678.90454</v>
      </c>
      <c r="AH353">
        <v>350565.32169999997</v>
      </c>
      <c r="AI353">
        <v>102848.84600000001</v>
      </c>
      <c r="AJ353">
        <v>30655.22133</v>
      </c>
      <c r="AK353">
        <v>32953.538339999999</v>
      </c>
      <c r="AL353">
        <v>91602.529129999995</v>
      </c>
      <c r="AM353">
        <v>26490.56594</v>
      </c>
      <c r="AN353">
        <v>119213.13710000001</v>
      </c>
      <c r="AO353">
        <v>38469.335330000002</v>
      </c>
      <c r="AP353">
        <v>28356.533619999998</v>
      </c>
    </row>
    <row r="354" spans="2:42" x14ac:dyDescent="0.3">
      <c r="B354">
        <v>67.803540420628465</v>
      </c>
      <c r="C354" s="83">
        <v>43115.666666666664</v>
      </c>
      <c r="D354">
        <v>289156.04139999999</v>
      </c>
      <c r="E354">
        <v>39348.136760000001</v>
      </c>
      <c r="F354">
        <v>97492.802660000001</v>
      </c>
      <c r="G354">
        <v>87550.180009999996</v>
      </c>
      <c r="H354">
        <v>56244.349750000001</v>
      </c>
      <c r="I354">
        <v>46565.597970000003</v>
      </c>
      <c r="J354">
        <v>41138.132369999999</v>
      </c>
      <c r="K354">
        <v>61691.373549999997</v>
      </c>
      <c r="L354">
        <v>26615.870910000001</v>
      </c>
      <c r="M354">
        <v>345694.0687</v>
      </c>
      <c r="N354">
        <v>97867.746079999997</v>
      </c>
      <c r="O354">
        <v>30031.300319999998</v>
      </c>
      <c r="P354">
        <v>34279.22769</v>
      </c>
      <c r="Q354">
        <v>91749.753400000001</v>
      </c>
      <c r="R354">
        <v>26196.84721</v>
      </c>
      <c r="S354">
        <v>116577.8728</v>
      </c>
      <c r="T354">
        <v>38351.611879999997</v>
      </c>
      <c r="U354">
        <v>26867.729139999999</v>
      </c>
      <c r="W354" s="83">
        <f>Bühler!N386</f>
        <v>45306.666666665813</v>
      </c>
      <c r="X354" s="83">
        <v>43115.666666666664</v>
      </c>
      <c r="Y354">
        <v>289156.04139999999</v>
      </c>
      <c r="Z354">
        <v>39348.136760000001</v>
      </c>
      <c r="AA354">
        <v>97492.802660000001</v>
      </c>
      <c r="AB354">
        <v>87550.180009999996</v>
      </c>
      <c r="AC354">
        <v>56244.349750000001</v>
      </c>
      <c r="AD354">
        <v>46565.597970000003</v>
      </c>
      <c r="AE354">
        <v>41138.132369999999</v>
      </c>
      <c r="AF354">
        <v>61691.373549999997</v>
      </c>
      <c r="AG354">
        <v>26615.870910000001</v>
      </c>
      <c r="AH354">
        <v>345694.0687</v>
      </c>
      <c r="AI354">
        <v>97867.746079999997</v>
      </c>
      <c r="AJ354">
        <v>30031.300319999998</v>
      </c>
      <c r="AK354">
        <v>34279.22769</v>
      </c>
      <c r="AL354">
        <v>91749.753400000001</v>
      </c>
      <c r="AM354">
        <v>26196.84721</v>
      </c>
      <c r="AN354">
        <v>116577.8728</v>
      </c>
      <c r="AO354">
        <v>38351.611879999997</v>
      </c>
      <c r="AP354">
        <v>26867.729139999999</v>
      </c>
    </row>
    <row r="355" spans="2:42" x14ac:dyDescent="0.3">
      <c r="B355">
        <v>66.90150981151082</v>
      </c>
      <c r="C355" s="83">
        <v>43115.708333333336</v>
      </c>
      <c r="D355">
        <v>280548.1201</v>
      </c>
      <c r="E355">
        <v>37890.575980000001</v>
      </c>
      <c r="F355">
        <v>98991.94313</v>
      </c>
      <c r="G355">
        <v>78997.579360000003</v>
      </c>
      <c r="H355">
        <v>55008.302539999997</v>
      </c>
      <c r="I355">
        <v>46195.887309999998</v>
      </c>
      <c r="J355">
        <v>42400.157310000002</v>
      </c>
      <c r="K355">
        <v>56007.233659999998</v>
      </c>
      <c r="L355">
        <v>27613.633180000001</v>
      </c>
      <c r="M355">
        <v>341095.09600000002</v>
      </c>
      <c r="N355">
        <v>93496.137409999996</v>
      </c>
      <c r="O355">
        <v>29979.333689999999</v>
      </c>
      <c r="P355">
        <v>36933.603040000002</v>
      </c>
      <c r="Q355">
        <v>90199.789059999996</v>
      </c>
      <c r="R355">
        <v>25442.82561</v>
      </c>
      <c r="S355">
        <v>116345.30220000001</v>
      </c>
      <c r="T355">
        <v>39465.412149999996</v>
      </c>
      <c r="U355">
        <v>25299.161960000001</v>
      </c>
      <c r="W355" s="83">
        <f>Bühler!N387</f>
        <v>45306.708333332477</v>
      </c>
      <c r="X355" s="83">
        <v>43115.708333333336</v>
      </c>
      <c r="Y355">
        <v>280548.1201</v>
      </c>
      <c r="Z355">
        <v>37890.575980000001</v>
      </c>
      <c r="AA355">
        <v>98991.94313</v>
      </c>
      <c r="AB355">
        <v>78997.579360000003</v>
      </c>
      <c r="AC355">
        <v>55008.302539999997</v>
      </c>
      <c r="AD355">
        <v>46195.887309999998</v>
      </c>
      <c r="AE355">
        <v>42400.157310000002</v>
      </c>
      <c r="AF355">
        <v>56007.233659999998</v>
      </c>
      <c r="AG355">
        <v>27613.633180000001</v>
      </c>
      <c r="AH355">
        <v>341095.09600000002</v>
      </c>
      <c r="AI355">
        <v>93496.137409999996</v>
      </c>
      <c r="AJ355">
        <v>29979.333689999999</v>
      </c>
      <c r="AK355">
        <v>36933.603040000002</v>
      </c>
      <c r="AL355">
        <v>90199.789059999996</v>
      </c>
      <c r="AM355">
        <v>25442.82561</v>
      </c>
      <c r="AN355">
        <v>116345.30220000001</v>
      </c>
      <c r="AO355">
        <v>39465.412149999996</v>
      </c>
      <c r="AP355">
        <v>25299.161960000001</v>
      </c>
    </row>
    <row r="356" spans="2:42" x14ac:dyDescent="0.3">
      <c r="B356">
        <v>64.970436084696018</v>
      </c>
      <c r="C356" s="83">
        <v>43115.75</v>
      </c>
      <c r="D356">
        <v>273917.68089999998</v>
      </c>
      <c r="E356">
        <v>34751.333409999999</v>
      </c>
      <c r="F356">
        <v>96001.204899999997</v>
      </c>
      <c r="G356">
        <v>68423.271779999995</v>
      </c>
      <c r="H356">
        <v>53362.022129999998</v>
      </c>
      <c r="I356">
        <v>45535.62977</v>
      </c>
      <c r="J356">
        <v>44635.37831</v>
      </c>
      <c r="K356">
        <v>49961.564530000003</v>
      </c>
      <c r="L356">
        <v>29635.739750000001</v>
      </c>
      <c r="M356">
        <v>331249.58159999998</v>
      </c>
      <c r="N356">
        <v>91339.823040000003</v>
      </c>
      <c r="O356">
        <v>28199.340110000001</v>
      </c>
      <c r="P356">
        <v>38814.804680000001</v>
      </c>
      <c r="Q356">
        <v>89885.576660000006</v>
      </c>
      <c r="R356">
        <v>22489.91186</v>
      </c>
      <c r="S356">
        <v>110748.2098</v>
      </c>
      <c r="T356">
        <v>39533.191959999996</v>
      </c>
      <c r="U356">
        <v>23555.74611</v>
      </c>
      <c r="W356" s="83">
        <f>Bühler!N388</f>
        <v>45306.749999999141</v>
      </c>
      <c r="X356" s="83">
        <v>43115.75</v>
      </c>
      <c r="Y356">
        <v>273917.68089999998</v>
      </c>
      <c r="Z356">
        <v>34751.333409999999</v>
      </c>
      <c r="AA356">
        <v>96001.204899999997</v>
      </c>
      <c r="AB356">
        <v>68423.271779999995</v>
      </c>
      <c r="AC356">
        <v>53362.022129999998</v>
      </c>
      <c r="AD356">
        <v>45535.62977</v>
      </c>
      <c r="AE356">
        <v>44635.37831</v>
      </c>
      <c r="AF356">
        <v>49961.564530000003</v>
      </c>
      <c r="AG356">
        <v>29635.739750000001</v>
      </c>
      <c r="AH356">
        <v>331249.58159999998</v>
      </c>
      <c r="AI356">
        <v>91339.823040000003</v>
      </c>
      <c r="AJ356">
        <v>28199.340110000001</v>
      </c>
      <c r="AK356">
        <v>38814.804680000001</v>
      </c>
      <c r="AL356">
        <v>89885.576660000006</v>
      </c>
      <c r="AM356">
        <v>22489.91186</v>
      </c>
      <c r="AN356">
        <v>110748.2098</v>
      </c>
      <c r="AO356">
        <v>39533.191959999996</v>
      </c>
      <c r="AP356">
        <v>23555.74611</v>
      </c>
    </row>
    <row r="357" spans="2:42" x14ac:dyDescent="0.3">
      <c r="B357">
        <v>63.764644972688423</v>
      </c>
      <c r="C357" s="83">
        <v>43115.791666666664</v>
      </c>
      <c r="D357">
        <v>267451.39419999998</v>
      </c>
      <c r="E357">
        <v>28448.449410000001</v>
      </c>
      <c r="F357">
        <v>83036.784249999997</v>
      </c>
      <c r="G357">
        <v>60119.717519999998</v>
      </c>
      <c r="H357">
        <v>49568.079160000001</v>
      </c>
      <c r="I357">
        <v>41689.920279999998</v>
      </c>
      <c r="J357">
        <v>43988.180840000001</v>
      </c>
      <c r="K357">
        <v>49095.552450000003</v>
      </c>
      <c r="L357">
        <v>29459.36996</v>
      </c>
      <c r="M357">
        <v>325101.89620000002</v>
      </c>
      <c r="N357">
        <v>89927.221269999995</v>
      </c>
      <c r="O357">
        <v>27183.840670000001</v>
      </c>
      <c r="P357">
        <v>40831.844040000004</v>
      </c>
      <c r="Q357">
        <v>88221.801749999999</v>
      </c>
      <c r="R357">
        <v>22013.296610000001</v>
      </c>
      <c r="S357">
        <v>105328.5337</v>
      </c>
      <c r="T357">
        <v>39746.854200000002</v>
      </c>
      <c r="U357">
        <v>21985.002899999999</v>
      </c>
      <c r="W357" s="83">
        <f>Bühler!N389</f>
        <v>45306.791666665806</v>
      </c>
      <c r="X357" s="83">
        <v>43115.791666666664</v>
      </c>
      <c r="Y357">
        <v>267451.39419999998</v>
      </c>
      <c r="Z357">
        <v>28448.449410000001</v>
      </c>
      <c r="AA357">
        <v>83036.784249999997</v>
      </c>
      <c r="AB357">
        <v>60119.717519999998</v>
      </c>
      <c r="AC357">
        <v>49568.079160000001</v>
      </c>
      <c r="AD357">
        <v>41689.920279999998</v>
      </c>
      <c r="AE357">
        <v>43988.180840000001</v>
      </c>
      <c r="AF357">
        <v>49095.552450000003</v>
      </c>
      <c r="AG357">
        <v>29459.36996</v>
      </c>
      <c r="AH357">
        <v>325101.89620000002</v>
      </c>
      <c r="AI357">
        <v>89927.221269999995</v>
      </c>
      <c r="AJ357">
        <v>27183.840670000001</v>
      </c>
      <c r="AK357">
        <v>40831.844040000004</v>
      </c>
      <c r="AL357">
        <v>88221.801749999999</v>
      </c>
      <c r="AM357">
        <v>22013.296610000001</v>
      </c>
      <c r="AN357">
        <v>105328.5337</v>
      </c>
      <c r="AO357">
        <v>39746.854200000002</v>
      </c>
      <c r="AP357">
        <v>21985.002899999999</v>
      </c>
    </row>
    <row r="358" spans="2:42" x14ac:dyDescent="0.3">
      <c r="B358">
        <v>63.203666884736002</v>
      </c>
      <c r="C358" s="83">
        <v>43115.833333333336</v>
      </c>
      <c r="D358">
        <v>257231.09520000001</v>
      </c>
      <c r="E358">
        <v>21967.498820000001</v>
      </c>
      <c r="F358">
        <v>65100.415350000003</v>
      </c>
      <c r="G358">
        <v>53028.500919999999</v>
      </c>
      <c r="H358">
        <v>46888.179980000001</v>
      </c>
      <c r="I358">
        <v>36533.724759999997</v>
      </c>
      <c r="J358">
        <v>42195.785479999999</v>
      </c>
      <c r="K358">
        <v>56141.87096</v>
      </c>
      <c r="L358">
        <v>28622.800480000002</v>
      </c>
      <c r="M358">
        <v>322241.7683</v>
      </c>
      <c r="N358">
        <v>87581.055240000002</v>
      </c>
      <c r="O358">
        <v>26430.409479999998</v>
      </c>
      <c r="P358">
        <v>40901.943700000003</v>
      </c>
      <c r="Q358">
        <v>86417.295440000002</v>
      </c>
      <c r="R358">
        <v>23066.744460000002</v>
      </c>
      <c r="S358">
        <v>94798.055949999994</v>
      </c>
      <c r="T358">
        <v>37331.962939999998</v>
      </c>
      <c r="U358">
        <v>20722.77706</v>
      </c>
      <c r="W358" s="83">
        <f>Bühler!N390</f>
        <v>45306.83333333247</v>
      </c>
      <c r="X358" s="83">
        <v>43115.833333333336</v>
      </c>
      <c r="Y358">
        <v>257231.09520000001</v>
      </c>
      <c r="Z358">
        <v>21967.498820000001</v>
      </c>
      <c r="AA358">
        <v>65100.415350000003</v>
      </c>
      <c r="AB358">
        <v>53028.500919999999</v>
      </c>
      <c r="AC358">
        <v>46888.179980000001</v>
      </c>
      <c r="AD358">
        <v>36533.724759999997</v>
      </c>
      <c r="AE358">
        <v>42195.785479999999</v>
      </c>
      <c r="AF358">
        <v>56141.87096</v>
      </c>
      <c r="AG358">
        <v>28622.800480000002</v>
      </c>
      <c r="AH358">
        <v>322241.7683</v>
      </c>
      <c r="AI358">
        <v>87581.055240000002</v>
      </c>
      <c r="AJ358">
        <v>26430.409479999998</v>
      </c>
      <c r="AK358">
        <v>40901.943700000003</v>
      </c>
      <c r="AL358">
        <v>86417.295440000002</v>
      </c>
      <c r="AM358">
        <v>23066.744460000002</v>
      </c>
      <c r="AN358">
        <v>94798.055949999994</v>
      </c>
      <c r="AO358">
        <v>37331.962939999998</v>
      </c>
      <c r="AP358">
        <v>20722.77706</v>
      </c>
    </row>
    <row r="359" spans="2:42" x14ac:dyDescent="0.3">
      <c r="B359">
        <v>61.203776934282971</v>
      </c>
      <c r="C359" s="83">
        <v>43115.875</v>
      </c>
      <c r="D359">
        <v>248042.6122</v>
      </c>
      <c r="E359">
        <v>19295.872350000001</v>
      </c>
      <c r="F359">
        <v>57234.895369999998</v>
      </c>
      <c r="G359">
        <v>49926.385540000003</v>
      </c>
      <c r="H359">
        <v>44324.297259999999</v>
      </c>
      <c r="I359">
        <v>31377.04434</v>
      </c>
      <c r="J359">
        <v>40675.744429999999</v>
      </c>
      <c r="K359">
        <v>54231.096709999998</v>
      </c>
      <c r="L359">
        <v>26144.866559999999</v>
      </c>
      <c r="M359">
        <v>312045.39669999998</v>
      </c>
      <c r="N359">
        <v>85131.215599999996</v>
      </c>
      <c r="O359">
        <v>25446.337</v>
      </c>
      <c r="P359">
        <v>38726.175060000001</v>
      </c>
      <c r="Q359">
        <v>83405.897440000001</v>
      </c>
      <c r="R359">
        <v>21435.15004</v>
      </c>
      <c r="S359">
        <v>89526.74136</v>
      </c>
      <c r="T359">
        <v>34163.176299999999</v>
      </c>
      <c r="U359">
        <v>19497.7706</v>
      </c>
      <c r="W359" s="83">
        <f>Bühler!N391</f>
        <v>45306.874999999134</v>
      </c>
      <c r="X359" s="83">
        <v>43115.875</v>
      </c>
      <c r="Y359">
        <v>248042.6122</v>
      </c>
      <c r="Z359">
        <v>19295.872350000001</v>
      </c>
      <c r="AA359">
        <v>57234.895369999998</v>
      </c>
      <c r="AB359">
        <v>49926.385540000003</v>
      </c>
      <c r="AC359">
        <v>44324.297259999999</v>
      </c>
      <c r="AD359">
        <v>31377.04434</v>
      </c>
      <c r="AE359">
        <v>40675.744429999999</v>
      </c>
      <c r="AF359">
        <v>54231.096709999998</v>
      </c>
      <c r="AG359">
        <v>26144.866559999999</v>
      </c>
      <c r="AH359">
        <v>312045.39669999998</v>
      </c>
      <c r="AI359">
        <v>85131.215599999996</v>
      </c>
      <c r="AJ359">
        <v>25446.337</v>
      </c>
      <c r="AK359">
        <v>38726.175060000001</v>
      </c>
      <c r="AL359">
        <v>83405.897440000001</v>
      </c>
      <c r="AM359">
        <v>21435.15004</v>
      </c>
      <c r="AN359">
        <v>89526.74136</v>
      </c>
      <c r="AO359">
        <v>34163.176299999999</v>
      </c>
      <c r="AP359">
        <v>19497.7706</v>
      </c>
    </row>
    <row r="360" spans="2:42" x14ac:dyDescent="0.3">
      <c r="B360">
        <v>61.213428974072862</v>
      </c>
      <c r="C360" s="83">
        <v>43115.916666666664</v>
      </c>
      <c r="D360">
        <v>246988.17989999999</v>
      </c>
      <c r="E360">
        <v>18596.960620000002</v>
      </c>
      <c r="F360">
        <v>54695.568890000002</v>
      </c>
      <c r="G360">
        <v>47712.919670000003</v>
      </c>
      <c r="H360">
        <v>43468.323850000001</v>
      </c>
      <c r="I360">
        <v>29612.44094</v>
      </c>
      <c r="J360">
        <v>39685.675929999998</v>
      </c>
      <c r="K360">
        <v>56470.126369999998</v>
      </c>
      <c r="L360">
        <v>24404.738089999999</v>
      </c>
      <c r="M360">
        <v>312094.60729999997</v>
      </c>
      <c r="N360">
        <v>85059.329389999999</v>
      </c>
      <c r="O360">
        <v>26506.745470000002</v>
      </c>
      <c r="P360">
        <v>39830.457280000002</v>
      </c>
      <c r="Q360">
        <v>83400.919049999997</v>
      </c>
      <c r="R360">
        <v>28663.972000000002</v>
      </c>
      <c r="S360">
        <v>88060.446819999997</v>
      </c>
      <c r="T360">
        <v>30209.859639999999</v>
      </c>
      <c r="U360">
        <v>20181.097330000001</v>
      </c>
      <c r="W360" s="83">
        <f>Bühler!N392</f>
        <v>45306.916666665798</v>
      </c>
      <c r="X360" s="83">
        <v>43115.916666666664</v>
      </c>
      <c r="Y360">
        <v>246988.17989999999</v>
      </c>
      <c r="Z360">
        <v>18596.960620000002</v>
      </c>
      <c r="AA360">
        <v>54695.568890000002</v>
      </c>
      <c r="AB360">
        <v>47712.919670000003</v>
      </c>
      <c r="AC360">
        <v>43468.323850000001</v>
      </c>
      <c r="AD360">
        <v>29612.44094</v>
      </c>
      <c r="AE360">
        <v>39685.675929999998</v>
      </c>
      <c r="AF360">
        <v>56470.126369999998</v>
      </c>
      <c r="AG360">
        <v>24404.738089999999</v>
      </c>
      <c r="AH360">
        <v>312094.60729999997</v>
      </c>
      <c r="AI360">
        <v>85059.329389999999</v>
      </c>
      <c r="AJ360">
        <v>26506.745470000002</v>
      </c>
      <c r="AK360">
        <v>39830.457280000002</v>
      </c>
      <c r="AL360">
        <v>83400.919049999997</v>
      </c>
      <c r="AM360">
        <v>28663.972000000002</v>
      </c>
      <c r="AN360">
        <v>88060.446819999997</v>
      </c>
      <c r="AO360">
        <v>30209.859639999999</v>
      </c>
      <c r="AP360">
        <v>20181.097330000001</v>
      </c>
    </row>
    <row r="361" spans="2:42" x14ac:dyDescent="0.3">
      <c r="B361">
        <v>60.849005974020791</v>
      </c>
      <c r="C361" s="83">
        <v>43115.958333333336</v>
      </c>
      <c r="D361">
        <v>246429.75159999999</v>
      </c>
      <c r="E361">
        <v>18595.622189999998</v>
      </c>
      <c r="F361">
        <v>53414.992550000003</v>
      </c>
      <c r="G361">
        <v>46849.230889999999</v>
      </c>
      <c r="H361">
        <v>42005.252229999998</v>
      </c>
      <c r="I361">
        <v>27993.705089999999</v>
      </c>
      <c r="J361">
        <v>37121.372060000002</v>
      </c>
      <c r="K361">
        <v>55163.441429999999</v>
      </c>
      <c r="L361">
        <v>21967.708620000001</v>
      </c>
      <c r="M361">
        <v>310236.60889999999</v>
      </c>
      <c r="N361">
        <v>84269.231839999993</v>
      </c>
      <c r="O361">
        <v>26118.37298</v>
      </c>
      <c r="P361">
        <v>36502.720359999999</v>
      </c>
      <c r="Q361">
        <v>83361.695309999996</v>
      </c>
      <c r="R361">
        <v>29009.71471</v>
      </c>
      <c r="S361">
        <v>86057.520850000001</v>
      </c>
      <c r="T361">
        <v>30056.669890000001</v>
      </c>
      <c r="U361">
        <v>19499.805100000001</v>
      </c>
      <c r="W361" s="83">
        <f>Bühler!N393</f>
        <v>45306.958333332463</v>
      </c>
      <c r="X361" s="83">
        <v>43115.958333333336</v>
      </c>
      <c r="Y361">
        <v>246429.75159999999</v>
      </c>
      <c r="Z361">
        <v>18595.622189999998</v>
      </c>
      <c r="AA361">
        <v>53414.992550000003</v>
      </c>
      <c r="AB361">
        <v>46849.230889999999</v>
      </c>
      <c r="AC361">
        <v>42005.252229999998</v>
      </c>
      <c r="AD361">
        <v>27993.705089999999</v>
      </c>
      <c r="AE361">
        <v>37121.372060000002</v>
      </c>
      <c r="AF361">
        <v>55163.441429999999</v>
      </c>
      <c r="AG361">
        <v>21967.708620000001</v>
      </c>
      <c r="AH361">
        <v>310236.60889999999</v>
      </c>
      <c r="AI361">
        <v>84269.231839999993</v>
      </c>
      <c r="AJ361">
        <v>26118.37298</v>
      </c>
      <c r="AK361">
        <v>36502.720359999999</v>
      </c>
      <c r="AL361">
        <v>83361.695309999996</v>
      </c>
      <c r="AM361">
        <v>29009.71471</v>
      </c>
      <c r="AN361">
        <v>86057.520850000001</v>
      </c>
      <c r="AO361">
        <v>30056.669890000001</v>
      </c>
      <c r="AP361">
        <v>19499.805100000001</v>
      </c>
    </row>
    <row r="362" spans="2:42" x14ac:dyDescent="0.3">
      <c r="B362">
        <v>60.668562025135742</v>
      </c>
      <c r="C362" s="83">
        <v>43116</v>
      </c>
      <c r="D362">
        <v>244788.99249999999</v>
      </c>
      <c r="E362">
        <v>18164.681079999998</v>
      </c>
      <c r="F362">
        <v>52828.480560000004</v>
      </c>
      <c r="G362">
        <v>45998.64097</v>
      </c>
      <c r="H362">
        <v>41541.827590000001</v>
      </c>
      <c r="I362">
        <v>26025.86997</v>
      </c>
      <c r="J362">
        <v>35098.486799999999</v>
      </c>
      <c r="K362">
        <v>52417.88192</v>
      </c>
      <c r="L362">
        <v>20299.485069999999</v>
      </c>
      <c r="M362">
        <v>309316.62150000001</v>
      </c>
      <c r="N362">
        <v>82221.724109999996</v>
      </c>
      <c r="O362">
        <v>25975.89573</v>
      </c>
      <c r="P362">
        <v>34603.183640000003</v>
      </c>
      <c r="Q362">
        <v>83634.008960000006</v>
      </c>
      <c r="R362">
        <v>27265.885740000002</v>
      </c>
      <c r="S362">
        <v>85077.985679999998</v>
      </c>
      <c r="T362">
        <v>28286.306980000001</v>
      </c>
      <c r="U362">
        <v>19351.60499</v>
      </c>
      <c r="W362" s="83">
        <f>Bühler!N394</f>
        <v>45306.999999999127</v>
      </c>
      <c r="X362" s="83">
        <v>43116</v>
      </c>
      <c r="Y362">
        <v>244788.99249999999</v>
      </c>
      <c r="Z362">
        <v>18164.681079999998</v>
      </c>
      <c r="AA362">
        <v>52828.480560000004</v>
      </c>
      <c r="AB362">
        <v>45998.64097</v>
      </c>
      <c r="AC362">
        <v>41541.827590000001</v>
      </c>
      <c r="AD362">
        <v>26025.86997</v>
      </c>
      <c r="AE362">
        <v>35098.486799999999</v>
      </c>
      <c r="AF362">
        <v>52417.88192</v>
      </c>
      <c r="AG362">
        <v>20299.485069999999</v>
      </c>
      <c r="AH362">
        <v>309316.62150000001</v>
      </c>
      <c r="AI362">
        <v>82221.724109999996</v>
      </c>
      <c r="AJ362">
        <v>25975.89573</v>
      </c>
      <c r="AK362">
        <v>34603.183640000003</v>
      </c>
      <c r="AL362">
        <v>83634.008960000006</v>
      </c>
      <c r="AM362">
        <v>27265.885740000002</v>
      </c>
      <c r="AN362">
        <v>85077.985679999998</v>
      </c>
      <c r="AO362">
        <v>28286.306980000001</v>
      </c>
      <c r="AP362">
        <v>19351.60499</v>
      </c>
    </row>
    <row r="363" spans="2:42" x14ac:dyDescent="0.3">
      <c r="B363">
        <v>60.502207999608395</v>
      </c>
      <c r="C363" s="83">
        <v>43116.041666666664</v>
      </c>
      <c r="D363">
        <v>243393.12950000001</v>
      </c>
      <c r="E363">
        <v>17904.83915</v>
      </c>
      <c r="F363">
        <v>53562.550620000002</v>
      </c>
      <c r="G363">
        <v>45400.605920000002</v>
      </c>
      <c r="H363">
        <v>41371.760340000001</v>
      </c>
      <c r="I363">
        <v>22280.354660000001</v>
      </c>
      <c r="J363">
        <v>34461.445540000001</v>
      </c>
      <c r="K363">
        <v>52284.388070000001</v>
      </c>
      <c r="L363">
        <v>19606.755550000002</v>
      </c>
      <c r="M363">
        <v>308468.47110000002</v>
      </c>
      <c r="N363">
        <v>80966.619649999993</v>
      </c>
      <c r="O363">
        <v>25901.566739999998</v>
      </c>
      <c r="P363">
        <v>32391.75243</v>
      </c>
      <c r="Q363">
        <v>83655.109209999995</v>
      </c>
      <c r="R363">
        <v>26320.52608</v>
      </c>
      <c r="S363">
        <v>84077.261799999993</v>
      </c>
      <c r="T363">
        <v>27782.368060000001</v>
      </c>
      <c r="U363">
        <v>19474.241549999999</v>
      </c>
      <c r="W363" s="83">
        <f>Bühler!N395</f>
        <v>45307.041666665791</v>
      </c>
      <c r="X363" s="83">
        <v>43116.041666666664</v>
      </c>
      <c r="Y363">
        <v>243393.12950000001</v>
      </c>
      <c r="Z363">
        <v>17904.83915</v>
      </c>
      <c r="AA363">
        <v>53562.550620000002</v>
      </c>
      <c r="AB363">
        <v>45400.605920000002</v>
      </c>
      <c r="AC363">
        <v>41371.760340000001</v>
      </c>
      <c r="AD363">
        <v>22280.354660000001</v>
      </c>
      <c r="AE363">
        <v>34461.445540000001</v>
      </c>
      <c r="AF363">
        <v>52284.388070000001</v>
      </c>
      <c r="AG363">
        <v>19606.755550000002</v>
      </c>
      <c r="AH363">
        <v>308468.47110000002</v>
      </c>
      <c r="AI363">
        <v>80966.619649999993</v>
      </c>
      <c r="AJ363">
        <v>25901.566739999998</v>
      </c>
      <c r="AK363">
        <v>32391.75243</v>
      </c>
      <c r="AL363">
        <v>83655.109209999995</v>
      </c>
      <c r="AM363">
        <v>26320.52608</v>
      </c>
      <c r="AN363">
        <v>84077.261799999993</v>
      </c>
      <c r="AO363">
        <v>27782.368060000001</v>
      </c>
      <c r="AP363">
        <v>19474.241549999999</v>
      </c>
    </row>
    <row r="364" spans="2:42" x14ac:dyDescent="0.3">
      <c r="B364">
        <v>60.951090633424535</v>
      </c>
      <c r="C364" s="83">
        <v>43116.083333333336</v>
      </c>
      <c r="D364">
        <v>243309.22519999999</v>
      </c>
      <c r="E364">
        <v>17943.311300000001</v>
      </c>
      <c r="F364">
        <v>53739.72077</v>
      </c>
      <c r="G364">
        <v>44763.508950000003</v>
      </c>
      <c r="H364">
        <v>41325.069739999999</v>
      </c>
      <c r="I364">
        <v>20653.086370000001</v>
      </c>
      <c r="J364">
        <v>34205.394489999999</v>
      </c>
      <c r="K364">
        <v>51622.18849</v>
      </c>
      <c r="L364">
        <v>19905.181079999998</v>
      </c>
      <c r="M364">
        <v>310757.08409999998</v>
      </c>
      <c r="N364">
        <v>79789.786749999999</v>
      </c>
      <c r="O364">
        <v>25673.068029999999</v>
      </c>
      <c r="P364">
        <v>31313.891629999998</v>
      </c>
      <c r="Q364">
        <v>86199.101729999995</v>
      </c>
      <c r="R364">
        <v>26151.88954</v>
      </c>
      <c r="S364">
        <v>82977.895090000005</v>
      </c>
      <c r="T364">
        <v>26595.720430000001</v>
      </c>
      <c r="U364">
        <v>19897.603139999999</v>
      </c>
      <c r="W364" s="83">
        <f>Bühler!N396</f>
        <v>45307.083333332455</v>
      </c>
      <c r="X364" s="83">
        <v>43116.083333333336</v>
      </c>
      <c r="Y364">
        <v>243309.22519999999</v>
      </c>
      <c r="Z364">
        <v>17943.311300000001</v>
      </c>
      <c r="AA364">
        <v>53739.72077</v>
      </c>
      <c r="AB364">
        <v>44763.508950000003</v>
      </c>
      <c r="AC364">
        <v>41325.069739999999</v>
      </c>
      <c r="AD364">
        <v>20653.086370000001</v>
      </c>
      <c r="AE364">
        <v>34205.394489999999</v>
      </c>
      <c r="AF364">
        <v>51622.18849</v>
      </c>
      <c r="AG364">
        <v>19905.181079999998</v>
      </c>
      <c r="AH364">
        <v>310757.08409999998</v>
      </c>
      <c r="AI364">
        <v>79789.786749999999</v>
      </c>
      <c r="AJ364">
        <v>25673.068029999999</v>
      </c>
      <c r="AK364">
        <v>31313.891629999998</v>
      </c>
      <c r="AL364">
        <v>86199.101729999995</v>
      </c>
      <c r="AM364">
        <v>26151.88954</v>
      </c>
      <c r="AN364">
        <v>82977.895090000005</v>
      </c>
      <c r="AO364">
        <v>26595.720430000001</v>
      </c>
      <c r="AP364">
        <v>19897.603139999999</v>
      </c>
    </row>
    <row r="365" spans="2:42" x14ac:dyDescent="0.3">
      <c r="B365">
        <v>61.277636007726535</v>
      </c>
      <c r="C365" s="83">
        <v>43116.125</v>
      </c>
      <c r="D365">
        <v>245607.66949999999</v>
      </c>
      <c r="E365">
        <v>18053.609250000001</v>
      </c>
      <c r="F365">
        <v>54507.492279999999</v>
      </c>
      <c r="G365">
        <v>43551.742469999997</v>
      </c>
      <c r="H365">
        <v>41047.429400000001</v>
      </c>
      <c r="I365">
        <v>20522.89213</v>
      </c>
      <c r="J365">
        <v>34721.223599999998</v>
      </c>
      <c r="K365">
        <v>49908.206169999998</v>
      </c>
      <c r="L365">
        <v>19920.646239999998</v>
      </c>
      <c r="M365">
        <v>312421.96470000001</v>
      </c>
      <c r="N365">
        <v>80138.389309999999</v>
      </c>
      <c r="O365">
        <v>25740.138009999999</v>
      </c>
      <c r="P365">
        <v>31525.254000000001</v>
      </c>
      <c r="Q365">
        <v>89163.921069999997</v>
      </c>
      <c r="R365">
        <v>25566.280320000002</v>
      </c>
      <c r="S365">
        <v>82784.311530000006</v>
      </c>
      <c r="T365">
        <v>27303.72237</v>
      </c>
      <c r="U365">
        <v>19969.735809999998</v>
      </c>
      <c r="W365" s="83">
        <f>Bühler!N397</f>
        <v>45307.12499999912</v>
      </c>
      <c r="X365" s="83">
        <v>43116.125</v>
      </c>
      <c r="Y365">
        <v>245607.66949999999</v>
      </c>
      <c r="Z365">
        <v>18053.609250000001</v>
      </c>
      <c r="AA365">
        <v>54507.492279999999</v>
      </c>
      <c r="AB365">
        <v>43551.742469999997</v>
      </c>
      <c r="AC365">
        <v>41047.429400000001</v>
      </c>
      <c r="AD365">
        <v>20522.89213</v>
      </c>
      <c r="AE365">
        <v>34721.223599999998</v>
      </c>
      <c r="AF365">
        <v>49908.206169999998</v>
      </c>
      <c r="AG365">
        <v>19920.646239999998</v>
      </c>
      <c r="AH365">
        <v>312421.96470000001</v>
      </c>
      <c r="AI365">
        <v>80138.389309999999</v>
      </c>
      <c r="AJ365">
        <v>25740.138009999999</v>
      </c>
      <c r="AK365">
        <v>31525.254000000001</v>
      </c>
      <c r="AL365">
        <v>89163.921069999997</v>
      </c>
      <c r="AM365">
        <v>25566.280320000002</v>
      </c>
      <c r="AN365">
        <v>82784.311530000006</v>
      </c>
      <c r="AO365">
        <v>27303.72237</v>
      </c>
      <c r="AP365">
        <v>19969.735809999998</v>
      </c>
    </row>
    <row r="366" spans="2:42" x14ac:dyDescent="0.3">
      <c r="B366">
        <v>63.118205949863402</v>
      </c>
      <c r="C366" s="83">
        <v>43116.166666666664</v>
      </c>
      <c r="D366">
        <v>248650.99460000001</v>
      </c>
      <c r="E366">
        <v>18505.288799999998</v>
      </c>
      <c r="F366">
        <v>58614.766519999997</v>
      </c>
      <c r="G366">
        <v>44071.620419999999</v>
      </c>
      <c r="H366">
        <v>42191.26756</v>
      </c>
      <c r="I366">
        <v>22719.281930000001</v>
      </c>
      <c r="J366">
        <v>37152.686979999999</v>
      </c>
      <c r="K366">
        <v>47639.975680000003</v>
      </c>
      <c r="L366">
        <v>20069.192309999999</v>
      </c>
      <c r="M366">
        <v>321806.04859999998</v>
      </c>
      <c r="N366">
        <v>79680.649250000002</v>
      </c>
      <c r="O366">
        <v>26229.507150000001</v>
      </c>
      <c r="P366">
        <v>31289.684249999998</v>
      </c>
      <c r="Q366">
        <v>93777.727910000001</v>
      </c>
      <c r="R366">
        <v>25406.608479999999</v>
      </c>
      <c r="S366">
        <v>83876.351139999999</v>
      </c>
      <c r="T366">
        <v>27320.34923</v>
      </c>
      <c r="U366">
        <v>20727.473770000001</v>
      </c>
      <c r="W366" s="83">
        <f>Bühler!N398</f>
        <v>45307.166666665784</v>
      </c>
      <c r="X366" s="83">
        <v>43116.166666666664</v>
      </c>
      <c r="Y366">
        <v>248650.99460000001</v>
      </c>
      <c r="Z366">
        <v>18505.288799999998</v>
      </c>
      <c r="AA366">
        <v>58614.766519999997</v>
      </c>
      <c r="AB366">
        <v>44071.620419999999</v>
      </c>
      <c r="AC366">
        <v>42191.26756</v>
      </c>
      <c r="AD366">
        <v>22719.281930000001</v>
      </c>
      <c r="AE366">
        <v>37152.686979999999</v>
      </c>
      <c r="AF366">
        <v>47639.975680000003</v>
      </c>
      <c r="AG366">
        <v>20069.192309999999</v>
      </c>
      <c r="AH366">
        <v>321806.04859999998</v>
      </c>
      <c r="AI366">
        <v>79680.649250000002</v>
      </c>
      <c r="AJ366">
        <v>26229.507150000001</v>
      </c>
      <c r="AK366">
        <v>31289.684249999998</v>
      </c>
      <c r="AL366">
        <v>93777.727910000001</v>
      </c>
      <c r="AM366">
        <v>25406.608479999999</v>
      </c>
      <c r="AN366">
        <v>83876.351139999999</v>
      </c>
      <c r="AO366">
        <v>27320.34923</v>
      </c>
      <c r="AP366">
        <v>20727.473770000001</v>
      </c>
    </row>
    <row r="367" spans="2:42" x14ac:dyDescent="0.3">
      <c r="B367">
        <v>66.138562183909542</v>
      </c>
      <c r="C367" s="83">
        <v>43116.208333333336</v>
      </c>
      <c r="D367">
        <v>264357.5797</v>
      </c>
      <c r="E367">
        <v>20841.339489999998</v>
      </c>
      <c r="F367">
        <v>70427.729779999994</v>
      </c>
      <c r="G367">
        <v>47319.09446</v>
      </c>
      <c r="H367">
        <v>44185.673719999999</v>
      </c>
      <c r="I367">
        <v>31389.269509999998</v>
      </c>
      <c r="J367">
        <v>39859.480640000002</v>
      </c>
      <c r="K367">
        <v>49140.966139999997</v>
      </c>
      <c r="L367">
        <v>21006.373039999999</v>
      </c>
      <c r="M367">
        <v>337205.23320000002</v>
      </c>
      <c r="N367">
        <v>81159.711899999995</v>
      </c>
      <c r="O367">
        <v>26972.303690000001</v>
      </c>
      <c r="P367">
        <v>32410.786100000001</v>
      </c>
      <c r="Q367">
        <v>96838.359230000002</v>
      </c>
      <c r="R367">
        <v>25698.422879999998</v>
      </c>
      <c r="S367">
        <v>85885.282019999999</v>
      </c>
      <c r="T367">
        <v>29837.588919999998</v>
      </c>
      <c r="U367">
        <v>22895.38177</v>
      </c>
      <c r="W367" s="83">
        <f>Bühler!N399</f>
        <v>45307.208333332448</v>
      </c>
      <c r="X367" s="83">
        <v>43116.208333333336</v>
      </c>
      <c r="Y367">
        <v>264357.5797</v>
      </c>
      <c r="Z367">
        <v>20841.339489999998</v>
      </c>
      <c r="AA367">
        <v>70427.729779999994</v>
      </c>
      <c r="AB367">
        <v>47319.09446</v>
      </c>
      <c r="AC367">
        <v>44185.673719999999</v>
      </c>
      <c r="AD367">
        <v>31389.269509999998</v>
      </c>
      <c r="AE367">
        <v>39859.480640000002</v>
      </c>
      <c r="AF367">
        <v>49140.966139999997</v>
      </c>
      <c r="AG367">
        <v>21006.373039999999</v>
      </c>
      <c r="AH367">
        <v>337205.23320000002</v>
      </c>
      <c r="AI367">
        <v>81159.711899999995</v>
      </c>
      <c r="AJ367">
        <v>26972.303690000001</v>
      </c>
      <c r="AK367">
        <v>32410.786100000001</v>
      </c>
      <c r="AL367">
        <v>96838.359230000002</v>
      </c>
      <c r="AM367">
        <v>25698.422879999998</v>
      </c>
      <c r="AN367">
        <v>85885.282019999999</v>
      </c>
      <c r="AO367">
        <v>29837.588919999998</v>
      </c>
      <c r="AP367">
        <v>22895.38177</v>
      </c>
    </row>
    <row r="368" spans="2:42" x14ac:dyDescent="0.3">
      <c r="B368">
        <v>69.466146708767383</v>
      </c>
      <c r="C368" s="83">
        <v>43116.25</v>
      </c>
      <c r="D368">
        <v>281777.31280000001</v>
      </c>
      <c r="E368">
        <v>24719.156930000001</v>
      </c>
      <c r="F368">
        <v>83214.451979999998</v>
      </c>
      <c r="G368">
        <v>62182.711539999997</v>
      </c>
      <c r="H368">
        <v>48185.587659999997</v>
      </c>
      <c r="I368">
        <v>40793.906750000002</v>
      </c>
      <c r="J368">
        <v>43430.23343</v>
      </c>
      <c r="K368">
        <v>50339.818610000002</v>
      </c>
      <c r="L368">
        <v>22347.4997</v>
      </c>
      <c r="M368">
        <v>354170.81089999998</v>
      </c>
      <c r="N368">
        <v>84715.213780000005</v>
      </c>
      <c r="O368">
        <v>28119.246800000001</v>
      </c>
      <c r="P368">
        <v>32501.06842</v>
      </c>
      <c r="Q368">
        <v>98792.49308</v>
      </c>
      <c r="R368">
        <v>22080.186580000001</v>
      </c>
      <c r="S368">
        <v>94266.230370000005</v>
      </c>
      <c r="T368">
        <v>32792.586369999997</v>
      </c>
      <c r="U368">
        <v>24098.746770000002</v>
      </c>
      <c r="W368" s="83">
        <f>Bühler!N400</f>
        <v>45307.249999999112</v>
      </c>
      <c r="X368" s="83">
        <v>43116.25</v>
      </c>
      <c r="Y368">
        <v>281777.31280000001</v>
      </c>
      <c r="Z368">
        <v>24719.156930000001</v>
      </c>
      <c r="AA368">
        <v>83214.451979999998</v>
      </c>
      <c r="AB368">
        <v>62182.711539999997</v>
      </c>
      <c r="AC368">
        <v>48185.587659999997</v>
      </c>
      <c r="AD368">
        <v>40793.906750000002</v>
      </c>
      <c r="AE368">
        <v>43430.23343</v>
      </c>
      <c r="AF368">
        <v>50339.818610000002</v>
      </c>
      <c r="AG368">
        <v>22347.4997</v>
      </c>
      <c r="AH368">
        <v>354170.81089999998</v>
      </c>
      <c r="AI368">
        <v>84715.213780000005</v>
      </c>
      <c r="AJ368">
        <v>28119.246800000001</v>
      </c>
      <c r="AK368">
        <v>32501.06842</v>
      </c>
      <c r="AL368">
        <v>98792.49308</v>
      </c>
      <c r="AM368">
        <v>22080.186580000001</v>
      </c>
      <c r="AN368">
        <v>94266.230370000005</v>
      </c>
      <c r="AO368">
        <v>32792.586369999997</v>
      </c>
      <c r="AP368">
        <v>24098.746770000002</v>
      </c>
    </row>
    <row r="369" spans="2:42" x14ac:dyDescent="0.3">
      <c r="B369">
        <v>71.226445825806863</v>
      </c>
      <c r="C369" s="83">
        <v>43116.291666666664</v>
      </c>
      <c r="D369">
        <v>296404.38699999999</v>
      </c>
      <c r="E369">
        <v>30727.58178</v>
      </c>
      <c r="F369">
        <v>87975.118270000006</v>
      </c>
      <c r="G369">
        <v>80441.1057</v>
      </c>
      <c r="H369">
        <v>55488.07821</v>
      </c>
      <c r="I369">
        <v>50033.066279999999</v>
      </c>
      <c r="J369">
        <v>46610.602830000003</v>
      </c>
      <c r="K369">
        <v>55824.32144</v>
      </c>
      <c r="L369">
        <v>26370.358469999999</v>
      </c>
      <c r="M369">
        <v>363145.63669999997</v>
      </c>
      <c r="N369">
        <v>91884.934020000001</v>
      </c>
      <c r="O369">
        <v>31299.604759999998</v>
      </c>
      <c r="P369">
        <v>36785.624860000004</v>
      </c>
      <c r="Q369">
        <v>99535.833440000002</v>
      </c>
      <c r="R369">
        <v>24891.19889</v>
      </c>
      <c r="S369">
        <v>112721.4783</v>
      </c>
      <c r="T369">
        <v>35218.92598</v>
      </c>
      <c r="U369">
        <v>29314.809560000002</v>
      </c>
      <c r="W369" s="83">
        <f>Bühler!N401</f>
        <v>45307.291666665777</v>
      </c>
      <c r="X369" s="83">
        <v>43116.291666666664</v>
      </c>
      <c r="Y369">
        <v>296404.38699999999</v>
      </c>
      <c r="Z369">
        <v>30727.58178</v>
      </c>
      <c r="AA369">
        <v>87975.118270000006</v>
      </c>
      <c r="AB369">
        <v>80441.1057</v>
      </c>
      <c r="AC369">
        <v>55488.07821</v>
      </c>
      <c r="AD369">
        <v>50033.066279999999</v>
      </c>
      <c r="AE369">
        <v>46610.602830000003</v>
      </c>
      <c r="AF369">
        <v>55824.32144</v>
      </c>
      <c r="AG369">
        <v>26370.358469999999</v>
      </c>
      <c r="AH369">
        <v>363145.63669999997</v>
      </c>
      <c r="AI369">
        <v>91884.934020000001</v>
      </c>
      <c r="AJ369">
        <v>31299.604759999998</v>
      </c>
      <c r="AK369">
        <v>36785.624860000004</v>
      </c>
      <c r="AL369">
        <v>99535.833440000002</v>
      </c>
      <c r="AM369">
        <v>24891.19889</v>
      </c>
      <c r="AN369">
        <v>112721.4783</v>
      </c>
      <c r="AO369">
        <v>35218.92598</v>
      </c>
      <c r="AP369">
        <v>29314.809560000002</v>
      </c>
    </row>
    <row r="370" spans="2:42" x14ac:dyDescent="0.3">
      <c r="B370">
        <v>71.45562382201814</v>
      </c>
      <c r="C370" s="83">
        <v>43116.333333333336</v>
      </c>
      <c r="D370">
        <v>310412.3162</v>
      </c>
      <c r="E370">
        <v>37470.013270000003</v>
      </c>
      <c r="F370">
        <v>96032.627819999994</v>
      </c>
      <c r="G370">
        <v>101466.79059999999</v>
      </c>
      <c r="H370">
        <v>61957.332640000001</v>
      </c>
      <c r="I370">
        <v>53598.511610000001</v>
      </c>
      <c r="J370">
        <v>47618.458809999996</v>
      </c>
      <c r="K370">
        <v>60924.641989999996</v>
      </c>
      <c r="L370">
        <v>28348.023730000001</v>
      </c>
      <c r="M370">
        <v>364314.09299999999</v>
      </c>
      <c r="N370">
        <v>100391.47</v>
      </c>
      <c r="O370">
        <v>33776.383090000003</v>
      </c>
      <c r="P370">
        <v>37706.98416</v>
      </c>
      <c r="Q370">
        <v>100964.4975</v>
      </c>
      <c r="R370">
        <v>25669.110400000001</v>
      </c>
      <c r="S370">
        <v>128779.71490000001</v>
      </c>
      <c r="T370">
        <v>38731.649279999998</v>
      </c>
      <c r="U370">
        <v>33364.781900000002</v>
      </c>
      <c r="W370" s="83">
        <f>Bühler!N402</f>
        <v>45307.333333332441</v>
      </c>
      <c r="X370" s="83">
        <v>43116.333333333336</v>
      </c>
      <c r="Y370">
        <v>310412.3162</v>
      </c>
      <c r="Z370">
        <v>37470.013270000003</v>
      </c>
      <c r="AA370">
        <v>96032.627819999994</v>
      </c>
      <c r="AB370">
        <v>101466.79059999999</v>
      </c>
      <c r="AC370">
        <v>61957.332640000001</v>
      </c>
      <c r="AD370">
        <v>53598.511610000001</v>
      </c>
      <c r="AE370">
        <v>47618.458809999996</v>
      </c>
      <c r="AF370">
        <v>60924.641989999996</v>
      </c>
      <c r="AG370">
        <v>28348.023730000001</v>
      </c>
      <c r="AH370">
        <v>364314.09299999999</v>
      </c>
      <c r="AI370">
        <v>100391.47</v>
      </c>
      <c r="AJ370">
        <v>33776.383090000003</v>
      </c>
      <c r="AK370">
        <v>37706.98416</v>
      </c>
      <c r="AL370">
        <v>100964.4975</v>
      </c>
      <c r="AM370">
        <v>25669.110400000001</v>
      </c>
      <c r="AN370">
        <v>128779.71490000001</v>
      </c>
      <c r="AO370">
        <v>38731.649279999998</v>
      </c>
      <c r="AP370">
        <v>33364.781900000002</v>
      </c>
    </row>
    <row r="371" spans="2:42" x14ac:dyDescent="0.3">
      <c r="B371">
        <v>70.363964109724122</v>
      </c>
      <c r="C371" s="83">
        <v>43116.375</v>
      </c>
      <c r="D371">
        <v>310392.29969999997</v>
      </c>
      <c r="E371">
        <v>41904.882949999999</v>
      </c>
      <c r="F371">
        <v>101376.93889999999</v>
      </c>
      <c r="G371">
        <v>109312.7047</v>
      </c>
      <c r="H371">
        <v>62897.262920000001</v>
      </c>
      <c r="I371">
        <v>51172.713499999998</v>
      </c>
      <c r="J371">
        <v>46562.352370000001</v>
      </c>
      <c r="K371">
        <v>58802.669990000002</v>
      </c>
      <c r="L371">
        <v>31491.94685</v>
      </c>
      <c r="M371">
        <v>358748.3027</v>
      </c>
      <c r="N371">
        <v>104444.6205</v>
      </c>
      <c r="O371">
        <v>33080.389219999997</v>
      </c>
      <c r="P371">
        <v>39269.502679999998</v>
      </c>
      <c r="Q371">
        <v>101202.96279999999</v>
      </c>
      <c r="R371">
        <v>25059.957989999999</v>
      </c>
      <c r="S371">
        <v>136049.0882</v>
      </c>
      <c r="T371">
        <v>41233.244910000001</v>
      </c>
      <c r="U371">
        <v>33000.414920000003</v>
      </c>
      <c r="W371" s="83">
        <f>Bühler!N403</f>
        <v>45307.374999999105</v>
      </c>
      <c r="X371" s="83">
        <v>43116.375</v>
      </c>
      <c r="Y371">
        <v>310392.29969999997</v>
      </c>
      <c r="Z371">
        <v>41904.882949999999</v>
      </c>
      <c r="AA371">
        <v>101376.93889999999</v>
      </c>
      <c r="AB371">
        <v>109312.7047</v>
      </c>
      <c r="AC371">
        <v>62897.262920000001</v>
      </c>
      <c r="AD371">
        <v>51172.713499999998</v>
      </c>
      <c r="AE371">
        <v>46562.352370000001</v>
      </c>
      <c r="AF371">
        <v>58802.669990000002</v>
      </c>
      <c r="AG371">
        <v>31491.94685</v>
      </c>
      <c r="AH371">
        <v>358748.3027</v>
      </c>
      <c r="AI371">
        <v>104444.6205</v>
      </c>
      <c r="AJ371">
        <v>33080.389219999997</v>
      </c>
      <c r="AK371">
        <v>39269.502679999998</v>
      </c>
      <c r="AL371">
        <v>101202.96279999999</v>
      </c>
      <c r="AM371">
        <v>25059.957989999999</v>
      </c>
      <c r="AN371">
        <v>136049.0882</v>
      </c>
      <c r="AO371">
        <v>41233.244910000001</v>
      </c>
      <c r="AP371">
        <v>33000.414920000003</v>
      </c>
    </row>
    <row r="372" spans="2:42" x14ac:dyDescent="0.3">
      <c r="B372">
        <v>71.367500282532802</v>
      </c>
      <c r="C372" s="83">
        <v>43116.416666666664</v>
      </c>
      <c r="D372">
        <v>312635.72330000001</v>
      </c>
      <c r="E372">
        <v>43475.025269999998</v>
      </c>
      <c r="F372">
        <v>100686.6635</v>
      </c>
      <c r="G372">
        <v>110671.9831</v>
      </c>
      <c r="H372">
        <v>62908.222000000002</v>
      </c>
      <c r="I372">
        <v>46794.975780000001</v>
      </c>
      <c r="J372">
        <v>44980.08524</v>
      </c>
      <c r="K372">
        <v>61725.072939999998</v>
      </c>
      <c r="L372">
        <v>34036.124179999999</v>
      </c>
      <c r="M372">
        <v>363864.79810000001</v>
      </c>
      <c r="N372">
        <v>108435.6746</v>
      </c>
      <c r="O372">
        <v>32978.637199999997</v>
      </c>
      <c r="P372">
        <v>39118.052179999999</v>
      </c>
      <c r="Q372">
        <v>100388.99490000001</v>
      </c>
      <c r="R372">
        <v>26703.12369</v>
      </c>
      <c r="S372">
        <v>135242.82750000001</v>
      </c>
      <c r="T372">
        <v>42349.912190000003</v>
      </c>
      <c r="U372">
        <v>32192.493480000001</v>
      </c>
      <c r="W372" s="83">
        <f>Bühler!N404</f>
        <v>45307.416666665769</v>
      </c>
      <c r="X372" s="83">
        <v>43116.416666666664</v>
      </c>
      <c r="Y372">
        <v>312635.72330000001</v>
      </c>
      <c r="Z372">
        <v>43475.025269999998</v>
      </c>
      <c r="AA372">
        <v>100686.6635</v>
      </c>
      <c r="AB372">
        <v>110671.9831</v>
      </c>
      <c r="AC372">
        <v>62908.222000000002</v>
      </c>
      <c r="AD372">
        <v>46794.975780000001</v>
      </c>
      <c r="AE372">
        <v>44980.08524</v>
      </c>
      <c r="AF372">
        <v>61725.072939999998</v>
      </c>
      <c r="AG372">
        <v>34036.124179999999</v>
      </c>
      <c r="AH372">
        <v>363864.79810000001</v>
      </c>
      <c r="AI372">
        <v>108435.6746</v>
      </c>
      <c r="AJ372">
        <v>32978.637199999997</v>
      </c>
      <c r="AK372">
        <v>39118.052179999999</v>
      </c>
      <c r="AL372">
        <v>100388.99490000001</v>
      </c>
      <c r="AM372">
        <v>26703.12369</v>
      </c>
      <c r="AN372">
        <v>135242.82750000001</v>
      </c>
      <c r="AO372">
        <v>42349.912190000003</v>
      </c>
      <c r="AP372">
        <v>32192.493480000001</v>
      </c>
    </row>
    <row r="373" spans="2:42" x14ac:dyDescent="0.3">
      <c r="B373">
        <v>71.509659267487876</v>
      </c>
      <c r="C373" s="83">
        <v>43116.458333333336</v>
      </c>
      <c r="D373">
        <v>309975.34980000003</v>
      </c>
      <c r="E373">
        <v>42907.312850000002</v>
      </c>
      <c r="F373">
        <v>101379.2162</v>
      </c>
      <c r="G373">
        <v>106846.32030000001</v>
      </c>
      <c r="H373">
        <v>62609.261180000001</v>
      </c>
      <c r="I373">
        <v>46662.301350000002</v>
      </c>
      <c r="J373">
        <v>43828.127410000001</v>
      </c>
      <c r="K373">
        <v>66728.365600000005</v>
      </c>
      <c r="L373">
        <v>35130.876199999999</v>
      </c>
      <c r="M373">
        <v>364589.59090000001</v>
      </c>
      <c r="N373">
        <v>106177.36350000001</v>
      </c>
      <c r="O373">
        <v>32597.798040000001</v>
      </c>
      <c r="P373">
        <v>38788.445829999997</v>
      </c>
      <c r="Q373">
        <v>99583.310379999995</v>
      </c>
      <c r="R373">
        <v>29558.450809999998</v>
      </c>
      <c r="S373">
        <v>136365.06080000001</v>
      </c>
      <c r="T373">
        <v>42819.899340000004</v>
      </c>
      <c r="U373">
        <v>32005.719789999999</v>
      </c>
      <c r="W373" s="83">
        <f>Bühler!N405</f>
        <v>45307.458333332434</v>
      </c>
      <c r="X373" s="83">
        <v>43116.458333333336</v>
      </c>
      <c r="Y373">
        <v>309975.34980000003</v>
      </c>
      <c r="Z373">
        <v>42907.312850000002</v>
      </c>
      <c r="AA373">
        <v>101379.2162</v>
      </c>
      <c r="AB373">
        <v>106846.32030000001</v>
      </c>
      <c r="AC373">
        <v>62609.261180000001</v>
      </c>
      <c r="AD373">
        <v>46662.301350000002</v>
      </c>
      <c r="AE373">
        <v>43828.127410000001</v>
      </c>
      <c r="AF373">
        <v>66728.365600000005</v>
      </c>
      <c r="AG373">
        <v>35130.876199999999</v>
      </c>
      <c r="AH373">
        <v>364589.59090000001</v>
      </c>
      <c r="AI373">
        <v>106177.36350000001</v>
      </c>
      <c r="AJ373">
        <v>32597.798040000001</v>
      </c>
      <c r="AK373">
        <v>38788.445829999997</v>
      </c>
      <c r="AL373">
        <v>99583.310379999995</v>
      </c>
      <c r="AM373">
        <v>29558.450809999998</v>
      </c>
      <c r="AN373">
        <v>136365.06080000001</v>
      </c>
      <c r="AO373">
        <v>42819.899340000004</v>
      </c>
      <c r="AP373">
        <v>32005.719789999999</v>
      </c>
    </row>
    <row r="374" spans="2:42" x14ac:dyDescent="0.3">
      <c r="B374">
        <v>70.430556213550744</v>
      </c>
      <c r="C374" s="83">
        <v>43116.5</v>
      </c>
      <c r="D374">
        <v>297557.91519999999</v>
      </c>
      <c r="E374">
        <v>38173.123829999997</v>
      </c>
      <c r="F374">
        <v>94353.705820000003</v>
      </c>
      <c r="G374">
        <v>104695.2966</v>
      </c>
      <c r="H374">
        <v>59762.106010000003</v>
      </c>
      <c r="I374">
        <v>43987.644289999997</v>
      </c>
      <c r="J374">
        <v>44052.512360000001</v>
      </c>
      <c r="K374">
        <v>64071.102050000001</v>
      </c>
      <c r="L374">
        <v>37348.014360000001</v>
      </c>
      <c r="M374">
        <v>359087.82030000002</v>
      </c>
      <c r="N374">
        <v>103083.7629</v>
      </c>
      <c r="O374">
        <v>32004.918559999998</v>
      </c>
      <c r="P374">
        <v>39673.247219999997</v>
      </c>
      <c r="Q374">
        <v>98007.802509999994</v>
      </c>
      <c r="R374">
        <v>29740.318289999999</v>
      </c>
      <c r="S374">
        <v>128158.5563</v>
      </c>
      <c r="T374">
        <v>43163.536749999999</v>
      </c>
      <c r="U374">
        <v>28146.009750000001</v>
      </c>
      <c r="W374" s="83">
        <f>Bühler!N406</f>
        <v>45307.499999999098</v>
      </c>
      <c r="X374" s="83">
        <v>43116.5</v>
      </c>
      <c r="Y374">
        <v>297557.91519999999</v>
      </c>
      <c r="Z374">
        <v>38173.123829999997</v>
      </c>
      <c r="AA374">
        <v>94353.705820000003</v>
      </c>
      <c r="AB374">
        <v>104695.2966</v>
      </c>
      <c r="AC374">
        <v>59762.106010000003</v>
      </c>
      <c r="AD374">
        <v>43987.644289999997</v>
      </c>
      <c r="AE374">
        <v>44052.512360000001</v>
      </c>
      <c r="AF374">
        <v>64071.102050000001</v>
      </c>
      <c r="AG374">
        <v>37348.014360000001</v>
      </c>
      <c r="AH374">
        <v>359087.82030000002</v>
      </c>
      <c r="AI374">
        <v>103083.7629</v>
      </c>
      <c r="AJ374">
        <v>32004.918559999998</v>
      </c>
      <c r="AK374">
        <v>39673.247219999997</v>
      </c>
      <c r="AL374">
        <v>98007.802509999994</v>
      </c>
      <c r="AM374">
        <v>29740.318289999999</v>
      </c>
      <c r="AN374">
        <v>128158.5563</v>
      </c>
      <c r="AO374">
        <v>43163.536749999999</v>
      </c>
      <c r="AP374">
        <v>28146.009750000001</v>
      </c>
    </row>
    <row r="375" spans="2:42" x14ac:dyDescent="0.3">
      <c r="B375">
        <v>70.129037169019725</v>
      </c>
      <c r="C375" s="83">
        <v>43116.541666666664</v>
      </c>
      <c r="D375">
        <v>296777.77409999998</v>
      </c>
      <c r="E375">
        <v>37638.209620000001</v>
      </c>
      <c r="F375">
        <v>90655.268280000004</v>
      </c>
      <c r="G375">
        <v>100252.2939</v>
      </c>
      <c r="H375">
        <v>59983.986340000003</v>
      </c>
      <c r="I375">
        <v>43528.247580000003</v>
      </c>
      <c r="J375">
        <v>42887.345959999999</v>
      </c>
      <c r="K375">
        <v>66591.614230000007</v>
      </c>
      <c r="L375">
        <v>34477.636429999999</v>
      </c>
      <c r="M375">
        <v>357550.5356</v>
      </c>
      <c r="N375">
        <v>103090.28019999999</v>
      </c>
      <c r="O375">
        <v>31113.79739</v>
      </c>
      <c r="P375">
        <v>38594.602480000001</v>
      </c>
      <c r="Q375">
        <v>96707.771829999998</v>
      </c>
      <c r="R375">
        <v>30183.1774</v>
      </c>
      <c r="S375">
        <v>127605.7648</v>
      </c>
      <c r="T375">
        <v>40904.118410000003</v>
      </c>
      <c r="U375">
        <v>28424.951280000001</v>
      </c>
      <c r="W375" s="83">
        <f>Bühler!N407</f>
        <v>45307.541666665762</v>
      </c>
      <c r="X375" s="83">
        <v>43116.541666666664</v>
      </c>
      <c r="Y375">
        <v>296777.77409999998</v>
      </c>
      <c r="Z375">
        <v>37638.209620000001</v>
      </c>
      <c r="AA375">
        <v>90655.268280000004</v>
      </c>
      <c r="AB375">
        <v>100252.2939</v>
      </c>
      <c r="AC375">
        <v>59983.986340000003</v>
      </c>
      <c r="AD375">
        <v>43528.247580000003</v>
      </c>
      <c r="AE375">
        <v>42887.345959999999</v>
      </c>
      <c r="AF375">
        <v>66591.614230000007</v>
      </c>
      <c r="AG375">
        <v>34477.636429999999</v>
      </c>
      <c r="AH375">
        <v>357550.5356</v>
      </c>
      <c r="AI375">
        <v>103090.28019999999</v>
      </c>
      <c r="AJ375">
        <v>31113.79739</v>
      </c>
      <c r="AK375">
        <v>38594.602480000001</v>
      </c>
      <c r="AL375">
        <v>96707.771829999998</v>
      </c>
      <c r="AM375">
        <v>30183.1774</v>
      </c>
      <c r="AN375">
        <v>127605.7648</v>
      </c>
      <c r="AO375">
        <v>40904.118410000003</v>
      </c>
      <c r="AP375">
        <v>28424.951280000001</v>
      </c>
    </row>
    <row r="376" spans="2:42" x14ac:dyDescent="0.3">
      <c r="B376">
        <v>70.255070559632145</v>
      </c>
      <c r="C376" s="83">
        <v>43116.583333333336</v>
      </c>
      <c r="D376">
        <v>300999.84710000001</v>
      </c>
      <c r="E376">
        <v>40375.697119999997</v>
      </c>
      <c r="F376">
        <v>97842.463589999999</v>
      </c>
      <c r="G376">
        <v>93611.592940000002</v>
      </c>
      <c r="H376">
        <v>58666.977279999999</v>
      </c>
      <c r="I376">
        <v>44327.728300000002</v>
      </c>
      <c r="J376">
        <v>42198.471619999997</v>
      </c>
      <c r="K376">
        <v>67134.883090000003</v>
      </c>
      <c r="L376">
        <v>30762.452389999999</v>
      </c>
      <c r="M376">
        <v>358193.11259999999</v>
      </c>
      <c r="N376">
        <v>104991.33379999999</v>
      </c>
      <c r="O376">
        <v>31226.046149999998</v>
      </c>
      <c r="P376">
        <v>35751.753400000001</v>
      </c>
      <c r="Q376">
        <v>95586.824550000005</v>
      </c>
      <c r="R376">
        <v>28379.87847</v>
      </c>
      <c r="S376">
        <v>120568.40760000001</v>
      </c>
      <c r="T376">
        <v>39812.719790000003</v>
      </c>
      <c r="U376">
        <v>28353.82892</v>
      </c>
      <c r="W376" s="83">
        <f>Bühler!N408</f>
        <v>45307.583333332426</v>
      </c>
      <c r="X376" s="83">
        <v>43116.583333333336</v>
      </c>
      <c r="Y376">
        <v>300999.84710000001</v>
      </c>
      <c r="Z376">
        <v>40375.697119999997</v>
      </c>
      <c r="AA376">
        <v>97842.463589999999</v>
      </c>
      <c r="AB376">
        <v>93611.592940000002</v>
      </c>
      <c r="AC376">
        <v>58666.977279999999</v>
      </c>
      <c r="AD376">
        <v>44327.728300000002</v>
      </c>
      <c r="AE376">
        <v>42198.471619999997</v>
      </c>
      <c r="AF376">
        <v>67134.883090000003</v>
      </c>
      <c r="AG376">
        <v>30762.452389999999</v>
      </c>
      <c r="AH376">
        <v>358193.11259999999</v>
      </c>
      <c r="AI376">
        <v>104991.33379999999</v>
      </c>
      <c r="AJ376">
        <v>31226.046149999998</v>
      </c>
      <c r="AK376">
        <v>35751.753400000001</v>
      </c>
      <c r="AL376">
        <v>95586.824550000005</v>
      </c>
      <c r="AM376">
        <v>28379.87847</v>
      </c>
      <c r="AN376">
        <v>120568.40760000001</v>
      </c>
      <c r="AO376">
        <v>39812.719790000003</v>
      </c>
      <c r="AP376">
        <v>28353.82892</v>
      </c>
    </row>
    <row r="377" spans="2:42" x14ac:dyDescent="0.3">
      <c r="B377">
        <v>69.533573475356192</v>
      </c>
      <c r="C377" s="83">
        <v>43116.625</v>
      </c>
      <c r="D377">
        <v>298956.12709999998</v>
      </c>
      <c r="E377">
        <v>39824.389990000003</v>
      </c>
      <c r="F377">
        <v>98238.921159999998</v>
      </c>
      <c r="G377">
        <v>90101.193360000005</v>
      </c>
      <c r="H377">
        <v>57335.371800000001</v>
      </c>
      <c r="I377">
        <v>44502.62371</v>
      </c>
      <c r="J377">
        <v>41612.951880000001</v>
      </c>
      <c r="K377">
        <v>65613.112299999993</v>
      </c>
      <c r="L377">
        <v>27421.815689999999</v>
      </c>
      <c r="M377">
        <v>354514.58399999997</v>
      </c>
      <c r="N377">
        <v>102823.6156</v>
      </c>
      <c r="O377">
        <v>30693.94989</v>
      </c>
      <c r="P377">
        <v>33511.908040000002</v>
      </c>
      <c r="Q377">
        <v>94789.561170000001</v>
      </c>
      <c r="R377">
        <v>27301.64085</v>
      </c>
      <c r="S377">
        <v>118380.35249999999</v>
      </c>
      <c r="T377">
        <v>39253.655599999998</v>
      </c>
      <c r="U377">
        <v>28658.086350000001</v>
      </c>
      <c r="W377" s="83">
        <f>Bühler!N409</f>
        <v>45307.624999999091</v>
      </c>
      <c r="X377" s="83">
        <v>43116.625</v>
      </c>
      <c r="Y377">
        <v>298956.12709999998</v>
      </c>
      <c r="Z377">
        <v>39824.389990000003</v>
      </c>
      <c r="AA377">
        <v>98238.921159999998</v>
      </c>
      <c r="AB377">
        <v>90101.193360000005</v>
      </c>
      <c r="AC377">
        <v>57335.371800000001</v>
      </c>
      <c r="AD377">
        <v>44502.62371</v>
      </c>
      <c r="AE377">
        <v>41612.951880000001</v>
      </c>
      <c r="AF377">
        <v>65613.112299999993</v>
      </c>
      <c r="AG377">
        <v>27421.815689999999</v>
      </c>
      <c r="AH377">
        <v>354514.58399999997</v>
      </c>
      <c r="AI377">
        <v>102823.6156</v>
      </c>
      <c r="AJ377">
        <v>30693.94989</v>
      </c>
      <c r="AK377">
        <v>33511.908040000002</v>
      </c>
      <c r="AL377">
        <v>94789.561170000001</v>
      </c>
      <c r="AM377">
        <v>27301.64085</v>
      </c>
      <c r="AN377">
        <v>118380.35249999999</v>
      </c>
      <c r="AO377">
        <v>39253.655599999998</v>
      </c>
      <c r="AP377">
        <v>28658.086350000001</v>
      </c>
    </row>
    <row r="378" spans="2:42" x14ac:dyDescent="0.3">
      <c r="B378">
        <v>69.08960735923749</v>
      </c>
      <c r="C378" s="83">
        <v>43116.666666666664</v>
      </c>
      <c r="D378">
        <v>292495.26939999999</v>
      </c>
      <c r="E378">
        <v>39418.97135</v>
      </c>
      <c r="F378">
        <v>98458.045790000004</v>
      </c>
      <c r="G378">
        <v>85863.96514</v>
      </c>
      <c r="H378">
        <v>56286.299010000002</v>
      </c>
      <c r="I378">
        <v>45670.834020000002</v>
      </c>
      <c r="J378">
        <v>40988.89645</v>
      </c>
      <c r="K378">
        <v>63112.399749999997</v>
      </c>
      <c r="L378">
        <v>26391.37988</v>
      </c>
      <c r="M378">
        <v>352251.03769999999</v>
      </c>
      <c r="N378">
        <v>98362.42022</v>
      </c>
      <c r="O378">
        <v>30268.72798</v>
      </c>
      <c r="P378">
        <v>33308.228940000001</v>
      </c>
      <c r="Q378">
        <v>93705.40509</v>
      </c>
      <c r="R378">
        <v>26814.351920000001</v>
      </c>
      <c r="S378">
        <v>115485.641</v>
      </c>
      <c r="T378">
        <v>38949.827980000002</v>
      </c>
      <c r="U378">
        <v>26517.85266</v>
      </c>
      <c r="W378" s="83">
        <f>Bühler!N410</f>
        <v>45307.666666665755</v>
      </c>
      <c r="X378" s="83">
        <v>43116.666666666664</v>
      </c>
      <c r="Y378">
        <v>292495.26939999999</v>
      </c>
      <c r="Z378">
        <v>39418.97135</v>
      </c>
      <c r="AA378">
        <v>98458.045790000004</v>
      </c>
      <c r="AB378">
        <v>85863.96514</v>
      </c>
      <c r="AC378">
        <v>56286.299010000002</v>
      </c>
      <c r="AD378">
        <v>45670.834020000002</v>
      </c>
      <c r="AE378">
        <v>40988.89645</v>
      </c>
      <c r="AF378">
        <v>63112.399749999997</v>
      </c>
      <c r="AG378">
        <v>26391.37988</v>
      </c>
      <c r="AH378">
        <v>352251.03769999999</v>
      </c>
      <c r="AI378">
        <v>98362.42022</v>
      </c>
      <c r="AJ378">
        <v>30268.72798</v>
      </c>
      <c r="AK378">
        <v>33308.228940000001</v>
      </c>
      <c r="AL378">
        <v>93705.40509</v>
      </c>
      <c r="AM378">
        <v>26814.351920000001</v>
      </c>
      <c r="AN378">
        <v>115485.641</v>
      </c>
      <c r="AO378">
        <v>38949.827980000002</v>
      </c>
      <c r="AP378">
        <v>26517.85266</v>
      </c>
    </row>
    <row r="379" spans="2:42" x14ac:dyDescent="0.3">
      <c r="B379">
        <v>67.653180087033334</v>
      </c>
      <c r="C379" s="83">
        <v>43116.708333333336</v>
      </c>
      <c r="D379">
        <v>282656.74219999998</v>
      </c>
      <c r="E379">
        <v>38120.176209999998</v>
      </c>
      <c r="F379">
        <v>100066.78599999999</v>
      </c>
      <c r="G379">
        <v>78376.75232</v>
      </c>
      <c r="H379">
        <v>55399.2572</v>
      </c>
      <c r="I379">
        <v>45321.714760000003</v>
      </c>
      <c r="J379">
        <v>42252.360890000004</v>
      </c>
      <c r="K379">
        <v>56472.259810000003</v>
      </c>
      <c r="L379">
        <v>28122.02577</v>
      </c>
      <c r="M379">
        <v>344927.46159999998</v>
      </c>
      <c r="N379">
        <v>91822.163390000002</v>
      </c>
      <c r="O379">
        <v>29304.386030000001</v>
      </c>
      <c r="P379">
        <v>37611.950629999999</v>
      </c>
      <c r="Q379">
        <v>93587.490520000007</v>
      </c>
      <c r="R379">
        <v>25811.381809999999</v>
      </c>
      <c r="S379">
        <v>115495.94990000001</v>
      </c>
      <c r="T379">
        <v>39498.705020000001</v>
      </c>
      <c r="U379">
        <v>24410.362529999999</v>
      </c>
      <c r="W379" s="83">
        <f>Bühler!N411</f>
        <v>45307.708333332419</v>
      </c>
      <c r="X379" s="83">
        <v>43116.708333333336</v>
      </c>
      <c r="Y379">
        <v>282656.74219999998</v>
      </c>
      <c r="Z379">
        <v>38120.176209999998</v>
      </c>
      <c r="AA379">
        <v>100066.78599999999</v>
      </c>
      <c r="AB379">
        <v>78376.75232</v>
      </c>
      <c r="AC379">
        <v>55399.2572</v>
      </c>
      <c r="AD379">
        <v>45321.714760000003</v>
      </c>
      <c r="AE379">
        <v>42252.360890000004</v>
      </c>
      <c r="AF379">
        <v>56472.259810000003</v>
      </c>
      <c r="AG379">
        <v>28122.02577</v>
      </c>
      <c r="AH379">
        <v>344927.46159999998</v>
      </c>
      <c r="AI379">
        <v>91822.163390000002</v>
      </c>
      <c r="AJ379">
        <v>29304.386030000001</v>
      </c>
      <c r="AK379">
        <v>37611.950629999999</v>
      </c>
      <c r="AL379">
        <v>93587.490520000007</v>
      </c>
      <c r="AM379">
        <v>25811.381809999999</v>
      </c>
      <c r="AN379">
        <v>115495.94990000001</v>
      </c>
      <c r="AO379">
        <v>39498.705020000001</v>
      </c>
      <c r="AP379">
        <v>24410.362529999999</v>
      </c>
    </row>
    <row r="380" spans="2:42" x14ac:dyDescent="0.3">
      <c r="B380">
        <v>65.628895369280087</v>
      </c>
      <c r="C380" s="83">
        <v>43116.75</v>
      </c>
      <c r="D380">
        <v>274746.70799999998</v>
      </c>
      <c r="E380">
        <v>34763.35166</v>
      </c>
      <c r="F380">
        <v>96265.261320000005</v>
      </c>
      <c r="G380">
        <v>68768.002470000007</v>
      </c>
      <c r="H380">
        <v>53325.150320000001</v>
      </c>
      <c r="I380">
        <v>43759.562440000002</v>
      </c>
      <c r="J380">
        <v>44515.331460000001</v>
      </c>
      <c r="K380">
        <v>49743.916469999996</v>
      </c>
      <c r="L380">
        <v>29644.261579999999</v>
      </c>
      <c r="M380">
        <v>334606.71409999998</v>
      </c>
      <c r="N380">
        <v>89676.011979999996</v>
      </c>
      <c r="O380">
        <v>27908.789400000001</v>
      </c>
      <c r="P380">
        <v>40506.747900000002</v>
      </c>
      <c r="Q380">
        <v>91664.72395</v>
      </c>
      <c r="R380">
        <v>23764.575710000001</v>
      </c>
      <c r="S380">
        <v>110204.97560000001</v>
      </c>
      <c r="T380">
        <v>39710.738700000002</v>
      </c>
      <c r="U380">
        <v>23250.334129999999</v>
      </c>
      <c r="W380" s="83">
        <f>Bühler!N412</f>
        <v>45307.749999999083</v>
      </c>
      <c r="X380" s="83">
        <v>43116.75</v>
      </c>
      <c r="Y380">
        <v>274746.70799999998</v>
      </c>
      <c r="Z380">
        <v>34763.35166</v>
      </c>
      <c r="AA380">
        <v>96265.261320000005</v>
      </c>
      <c r="AB380">
        <v>68768.002470000007</v>
      </c>
      <c r="AC380">
        <v>53325.150320000001</v>
      </c>
      <c r="AD380">
        <v>43759.562440000002</v>
      </c>
      <c r="AE380">
        <v>44515.331460000001</v>
      </c>
      <c r="AF380">
        <v>49743.916469999996</v>
      </c>
      <c r="AG380">
        <v>29644.261579999999</v>
      </c>
      <c r="AH380">
        <v>334606.71409999998</v>
      </c>
      <c r="AI380">
        <v>89676.011979999996</v>
      </c>
      <c r="AJ380">
        <v>27908.789400000001</v>
      </c>
      <c r="AK380">
        <v>40506.747900000002</v>
      </c>
      <c r="AL380">
        <v>91664.72395</v>
      </c>
      <c r="AM380">
        <v>23764.575710000001</v>
      </c>
      <c r="AN380">
        <v>110204.97560000001</v>
      </c>
      <c r="AO380">
        <v>39710.738700000002</v>
      </c>
      <c r="AP380">
        <v>23250.334129999999</v>
      </c>
    </row>
    <row r="381" spans="2:42" x14ac:dyDescent="0.3">
      <c r="B381">
        <v>64.822740787817551</v>
      </c>
      <c r="C381" s="83">
        <v>43116.791666666664</v>
      </c>
      <c r="D381">
        <v>268267.96710000001</v>
      </c>
      <c r="E381">
        <v>28240.04797</v>
      </c>
      <c r="F381">
        <v>83229.670039999997</v>
      </c>
      <c r="G381">
        <v>60925.267469999999</v>
      </c>
      <c r="H381">
        <v>49999.933810000002</v>
      </c>
      <c r="I381">
        <v>40299.69831</v>
      </c>
      <c r="J381">
        <v>44142.144910000003</v>
      </c>
      <c r="K381">
        <v>49365.757599999997</v>
      </c>
      <c r="L381">
        <v>30213.593199999999</v>
      </c>
      <c r="M381">
        <v>330496.56209999998</v>
      </c>
      <c r="N381">
        <v>89012.492419999995</v>
      </c>
      <c r="O381">
        <v>26406.94065</v>
      </c>
      <c r="P381">
        <v>43544.898200000003</v>
      </c>
      <c r="Q381">
        <v>88847.012749999994</v>
      </c>
      <c r="R381">
        <v>23140.67556</v>
      </c>
      <c r="S381">
        <v>104635.1874</v>
      </c>
      <c r="T381">
        <v>40595.161269999997</v>
      </c>
      <c r="U381">
        <v>21540.724399999999</v>
      </c>
      <c r="W381" s="83">
        <f>Bühler!N413</f>
        <v>45307.791666665747</v>
      </c>
      <c r="X381" s="83">
        <v>43116.791666666664</v>
      </c>
      <c r="Y381">
        <v>268267.96710000001</v>
      </c>
      <c r="Z381">
        <v>28240.04797</v>
      </c>
      <c r="AA381">
        <v>83229.670039999997</v>
      </c>
      <c r="AB381">
        <v>60925.267469999999</v>
      </c>
      <c r="AC381">
        <v>49999.933810000002</v>
      </c>
      <c r="AD381">
        <v>40299.69831</v>
      </c>
      <c r="AE381">
        <v>44142.144910000003</v>
      </c>
      <c r="AF381">
        <v>49365.757599999997</v>
      </c>
      <c r="AG381">
        <v>30213.593199999999</v>
      </c>
      <c r="AH381">
        <v>330496.56209999998</v>
      </c>
      <c r="AI381">
        <v>89012.492419999995</v>
      </c>
      <c r="AJ381">
        <v>26406.94065</v>
      </c>
      <c r="AK381">
        <v>43544.898200000003</v>
      </c>
      <c r="AL381">
        <v>88847.012749999994</v>
      </c>
      <c r="AM381">
        <v>23140.67556</v>
      </c>
      <c r="AN381">
        <v>104635.1874</v>
      </c>
      <c r="AO381">
        <v>40595.161269999997</v>
      </c>
      <c r="AP381">
        <v>21540.724399999999</v>
      </c>
    </row>
    <row r="382" spans="2:42" x14ac:dyDescent="0.3">
      <c r="B382">
        <v>63.407182791364896</v>
      </c>
      <c r="C382" s="83">
        <v>43116.833333333336</v>
      </c>
      <c r="D382">
        <v>259839.09419999999</v>
      </c>
      <c r="E382">
        <v>22000.859469999999</v>
      </c>
      <c r="F382">
        <v>64831.555249999998</v>
      </c>
      <c r="G382">
        <v>53009.538990000001</v>
      </c>
      <c r="H382">
        <v>47213.73848</v>
      </c>
      <c r="I382">
        <v>35352.16704</v>
      </c>
      <c r="J382">
        <v>42031.578320000001</v>
      </c>
      <c r="K382">
        <v>55418.352610000002</v>
      </c>
      <c r="L382">
        <v>29251.69355</v>
      </c>
      <c r="M382">
        <v>323279.3873</v>
      </c>
      <c r="N382">
        <v>87814.300149999995</v>
      </c>
      <c r="O382">
        <v>25421.98573</v>
      </c>
      <c r="P382">
        <v>42398.063889999998</v>
      </c>
      <c r="Q382">
        <v>87150.289720000001</v>
      </c>
      <c r="R382">
        <v>23832.47752</v>
      </c>
      <c r="S382">
        <v>93896.271290000004</v>
      </c>
      <c r="T382">
        <v>38735.147669999998</v>
      </c>
      <c r="U382">
        <v>20169.205819999999</v>
      </c>
      <c r="W382" s="83">
        <f>Bühler!N414</f>
        <v>45307.833333332412</v>
      </c>
      <c r="X382" s="83">
        <v>43116.833333333336</v>
      </c>
      <c r="Y382">
        <v>259839.09419999999</v>
      </c>
      <c r="Z382">
        <v>22000.859469999999</v>
      </c>
      <c r="AA382">
        <v>64831.555249999998</v>
      </c>
      <c r="AB382">
        <v>53009.538990000001</v>
      </c>
      <c r="AC382">
        <v>47213.73848</v>
      </c>
      <c r="AD382">
        <v>35352.16704</v>
      </c>
      <c r="AE382">
        <v>42031.578320000001</v>
      </c>
      <c r="AF382">
        <v>55418.352610000002</v>
      </c>
      <c r="AG382">
        <v>29251.69355</v>
      </c>
      <c r="AH382">
        <v>323279.3873</v>
      </c>
      <c r="AI382">
        <v>87814.300149999995</v>
      </c>
      <c r="AJ382">
        <v>25421.98573</v>
      </c>
      <c r="AK382">
        <v>42398.063889999998</v>
      </c>
      <c r="AL382">
        <v>87150.289720000001</v>
      </c>
      <c r="AM382">
        <v>23832.47752</v>
      </c>
      <c r="AN382">
        <v>93896.271290000004</v>
      </c>
      <c r="AO382">
        <v>38735.147669999998</v>
      </c>
      <c r="AP382">
        <v>20169.205819999999</v>
      </c>
    </row>
    <row r="383" spans="2:42" x14ac:dyDescent="0.3">
      <c r="B383">
        <v>61.136673598288652</v>
      </c>
      <c r="C383" s="83">
        <v>43116.875</v>
      </c>
      <c r="D383">
        <v>249121.5502</v>
      </c>
      <c r="E383">
        <v>19172.73387</v>
      </c>
      <c r="F383">
        <v>56528.753790000002</v>
      </c>
      <c r="G383">
        <v>49844.914870000001</v>
      </c>
      <c r="H383">
        <v>44336.79348</v>
      </c>
      <c r="I383">
        <v>30447.07951</v>
      </c>
      <c r="J383">
        <v>40275.238660000003</v>
      </c>
      <c r="K383">
        <v>53812.34317</v>
      </c>
      <c r="L383">
        <v>27935.265159999999</v>
      </c>
      <c r="M383">
        <v>311703.27260000003</v>
      </c>
      <c r="N383">
        <v>85110.620020000002</v>
      </c>
      <c r="O383">
        <v>24458.926769999998</v>
      </c>
      <c r="P383">
        <v>40563.373520000001</v>
      </c>
      <c r="Q383">
        <v>84548.155610000002</v>
      </c>
      <c r="R383">
        <v>21820.612730000001</v>
      </c>
      <c r="S383">
        <v>88141.575719999993</v>
      </c>
      <c r="T383">
        <v>35173.153330000001</v>
      </c>
      <c r="U383">
        <v>18775.911960000001</v>
      </c>
      <c r="W383" s="83">
        <f>Bühler!N415</f>
        <v>45307.874999999076</v>
      </c>
      <c r="X383" s="83">
        <v>43116.875</v>
      </c>
      <c r="Y383">
        <v>249121.5502</v>
      </c>
      <c r="Z383">
        <v>19172.73387</v>
      </c>
      <c r="AA383">
        <v>56528.753790000002</v>
      </c>
      <c r="AB383">
        <v>49844.914870000001</v>
      </c>
      <c r="AC383">
        <v>44336.79348</v>
      </c>
      <c r="AD383">
        <v>30447.07951</v>
      </c>
      <c r="AE383">
        <v>40275.238660000003</v>
      </c>
      <c r="AF383">
        <v>53812.34317</v>
      </c>
      <c r="AG383">
        <v>27935.265159999999</v>
      </c>
      <c r="AH383">
        <v>311703.27260000003</v>
      </c>
      <c r="AI383">
        <v>85110.620020000002</v>
      </c>
      <c r="AJ383">
        <v>24458.926769999998</v>
      </c>
      <c r="AK383">
        <v>40563.373520000001</v>
      </c>
      <c r="AL383">
        <v>84548.155610000002</v>
      </c>
      <c r="AM383">
        <v>21820.612730000001</v>
      </c>
      <c r="AN383">
        <v>88141.575719999993</v>
      </c>
      <c r="AO383">
        <v>35173.153330000001</v>
      </c>
      <c r="AP383">
        <v>18775.911960000001</v>
      </c>
    </row>
    <row r="384" spans="2:42" x14ac:dyDescent="0.3">
      <c r="B384">
        <v>60.98932277754912</v>
      </c>
      <c r="C384" s="83">
        <v>43116.916666666664</v>
      </c>
      <c r="D384">
        <v>247608.41089999999</v>
      </c>
      <c r="E384">
        <v>18448.848819999999</v>
      </c>
      <c r="F384">
        <v>54230.553749999999</v>
      </c>
      <c r="G384">
        <v>47347.019139999997</v>
      </c>
      <c r="H384">
        <v>42887.274490000003</v>
      </c>
      <c r="I384">
        <v>29496.128949999998</v>
      </c>
      <c r="J384">
        <v>38874.939989999999</v>
      </c>
      <c r="K384">
        <v>56888.29967</v>
      </c>
      <c r="L384">
        <v>25230.697260000001</v>
      </c>
      <c r="M384">
        <v>310952.00939999998</v>
      </c>
      <c r="N384">
        <v>84041.598759999993</v>
      </c>
      <c r="O384">
        <v>25345.452969999998</v>
      </c>
      <c r="P384">
        <v>41832.502829999998</v>
      </c>
      <c r="Q384">
        <v>83698.548859999995</v>
      </c>
      <c r="R384">
        <v>28657.597849999998</v>
      </c>
      <c r="S384">
        <v>86944.372740000006</v>
      </c>
      <c r="T384">
        <v>30957.373080000001</v>
      </c>
      <c r="U384">
        <v>19501.345649999999</v>
      </c>
      <c r="W384" s="83">
        <f>Bühler!N416</f>
        <v>45307.91666666574</v>
      </c>
      <c r="X384" s="83">
        <v>43116.916666666664</v>
      </c>
      <c r="Y384">
        <v>247608.41089999999</v>
      </c>
      <c r="Z384">
        <v>18448.848819999999</v>
      </c>
      <c r="AA384">
        <v>54230.553749999999</v>
      </c>
      <c r="AB384">
        <v>47347.019139999997</v>
      </c>
      <c r="AC384">
        <v>42887.274490000003</v>
      </c>
      <c r="AD384">
        <v>29496.128949999998</v>
      </c>
      <c r="AE384">
        <v>38874.939989999999</v>
      </c>
      <c r="AF384">
        <v>56888.29967</v>
      </c>
      <c r="AG384">
        <v>25230.697260000001</v>
      </c>
      <c r="AH384">
        <v>310952.00939999998</v>
      </c>
      <c r="AI384">
        <v>84041.598759999993</v>
      </c>
      <c r="AJ384">
        <v>25345.452969999998</v>
      </c>
      <c r="AK384">
        <v>41832.502829999998</v>
      </c>
      <c r="AL384">
        <v>83698.548859999995</v>
      </c>
      <c r="AM384">
        <v>28657.597849999998</v>
      </c>
      <c r="AN384">
        <v>86944.372740000006</v>
      </c>
      <c r="AO384">
        <v>30957.373080000001</v>
      </c>
      <c r="AP384">
        <v>19501.345649999999</v>
      </c>
    </row>
    <row r="385" spans="2:42" x14ac:dyDescent="0.3">
      <c r="B385">
        <v>59.444593191871576</v>
      </c>
      <c r="C385" s="83">
        <v>43116.958333333336</v>
      </c>
      <c r="D385">
        <v>247686.10750000001</v>
      </c>
      <c r="E385">
        <v>18556.018810000001</v>
      </c>
      <c r="F385">
        <v>52853.951809999999</v>
      </c>
      <c r="G385">
        <v>46593.304839999997</v>
      </c>
      <c r="H385">
        <v>42396.688699999999</v>
      </c>
      <c r="I385">
        <v>28382.64084</v>
      </c>
      <c r="J385">
        <v>36410.2307</v>
      </c>
      <c r="K385">
        <v>55918.530379999997</v>
      </c>
      <c r="L385">
        <v>21611.839629999999</v>
      </c>
      <c r="M385">
        <v>303076.25760000001</v>
      </c>
      <c r="N385">
        <v>84055.652310000005</v>
      </c>
      <c r="O385">
        <v>25164.085439999999</v>
      </c>
      <c r="P385">
        <v>38072.937100000003</v>
      </c>
      <c r="Q385">
        <v>83493.944940000001</v>
      </c>
      <c r="R385">
        <v>28569.542450000001</v>
      </c>
      <c r="S385">
        <v>85155.212960000004</v>
      </c>
      <c r="T385">
        <v>31501.138989999999</v>
      </c>
      <c r="U385">
        <v>18670.31496</v>
      </c>
      <c r="W385" s="83">
        <f>Bühler!N417</f>
        <v>45307.958333332404</v>
      </c>
      <c r="X385" s="83">
        <v>43116.958333333336</v>
      </c>
      <c r="Y385">
        <v>247686.10750000001</v>
      </c>
      <c r="Z385">
        <v>18556.018810000001</v>
      </c>
      <c r="AA385">
        <v>52853.951809999999</v>
      </c>
      <c r="AB385">
        <v>46593.304839999997</v>
      </c>
      <c r="AC385">
        <v>42396.688699999999</v>
      </c>
      <c r="AD385">
        <v>28382.64084</v>
      </c>
      <c r="AE385">
        <v>36410.2307</v>
      </c>
      <c r="AF385">
        <v>55918.530379999997</v>
      </c>
      <c r="AG385">
        <v>21611.839629999999</v>
      </c>
      <c r="AH385">
        <v>303076.25760000001</v>
      </c>
      <c r="AI385">
        <v>84055.652310000005</v>
      </c>
      <c r="AJ385">
        <v>25164.085439999999</v>
      </c>
      <c r="AK385">
        <v>38072.937100000003</v>
      </c>
      <c r="AL385">
        <v>83493.944940000001</v>
      </c>
      <c r="AM385">
        <v>28569.542450000001</v>
      </c>
      <c r="AN385">
        <v>85155.212960000004</v>
      </c>
      <c r="AO385">
        <v>31501.138989999999</v>
      </c>
      <c r="AP385">
        <v>18670.31496</v>
      </c>
    </row>
    <row r="386" spans="2:42" x14ac:dyDescent="0.3">
      <c r="B386">
        <v>58.625361874087119</v>
      </c>
      <c r="C386" s="83">
        <v>43117</v>
      </c>
      <c r="D386">
        <v>245963.11979999999</v>
      </c>
      <c r="E386">
        <v>18023.685440000001</v>
      </c>
      <c r="F386">
        <v>52118.970170000001</v>
      </c>
      <c r="G386">
        <v>45996.840230000002</v>
      </c>
      <c r="H386">
        <v>41548.288699999997</v>
      </c>
      <c r="I386">
        <v>26174.508559999998</v>
      </c>
      <c r="J386">
        <v>34549.53933</v>
      </c>
      <c r="K386">
        <v>53456.62831</v>
      </c>
      <c r="L386">
        <v>19721.10541</v>
      </c>
      <c r="M386">
        <v>298899.43430000002</v>
      </c>
      <c r="N386">
        <v>82449.492069999993</v>
      </c>
      <c r="O386">
        <v>25094.450379999998</v>
      </c>
      <c r="P386">
        <v>35752.952039999996</v>
      </c>
      <c r="Q386">
        <v>84364.378490000003</v>
      </c>
      <c r="R386">
        <v>27123.761200000001</v>
      </c>
      <c r="S386">
        <v>84374.664260000005</v>
      </c>
      <c r="T386">
        <v>29969.235229999998</v>
      </c>
      <c r="U386">
        <v>18710.571039999999</v>
      </c>
      <c r="W386" s="83">
        <f>Bühler!N418</f>
        <v>45307.999999999069</v>
      </c>
      <c r="X386" s="83">
        <v>43117</v>
      </c>
      <c r="Y386">
        <v>245963.11979999999</v>
      </c>
      <c r="Z386">
        <v>18023.685440000001</v>
      </c>
      <c r="AA386">
        <v>52118.970170000001</v>
      </c>
      <c r="AB386">
        <v>45996.840230000002</v>
      </c>
      <c r="AC386">
        <v>41548.288699999997</v>
      </c>
      <c r="AD386">
        <v>26174.508559999998</v>
      </c>
      <c r="AE386">
        <v>34549.53933</v>
      </c>
      <c r="AF386">
        <v>53456.62831</v>
      </c>
      <c r="AG386">
        <v>19721.10541</v>
      </c>
      <c r="AH386">
        <v>298899.43430000002</v>
      </c>
      <c r="AI386">
        <v>82449.492069999993</v>
      </c>
      <c r="AJ386">
        <v>25094.450379999998</v>
      </c>
      <c r="AK386">
        <v>35752.952039999996</v>
      </c>
      <c r="AL386">
        <v>84364.378490000003</v>
      </c>
      <c r="AM386">
        <v>27123.761200000001</v>
      </c>
      <c r="AN386">
        <v>84374.664260000005</v>
      </c>
      <c r="AO386">
        <v>29969.235229999998</v>
      </c>
      <c r="AP386">
        <v>18710.571039999999</v>
      </c>
    </row>
    <row r="387" spans="2:42" x14ac:dyDescent="0.3">
      <c r="B387">
        <v>58.315630614903348</v>
      </c>
      <c r="C387" s="83">
        <v>43117.041666666664</v>
      </c>
      <c r="D387">
        <v>244014.9663</v>
      </c>
      <c r="E387">
        <v>17728.224900000001</v>
      </c>
      <c r="F387">
        <v>52991.618410000003</v>
      </c>
      <c r="G387">
        <v>45441.682480000003</v>
      </c>
      <c r="H387">
        <v>41146.91489</v>
      </c>
      <c r="I387">
        <v>22485.198059999999</v>
      </c>
      <c r="J387">
        <v>34085.291409999998</v>
      </c>
      <c r="K387">
        <v>51900.679830000001</v>
      </c>
      <c r="L387">
        <v>19158.99856</v>
      </c>
      <c r="M387">
        <v>297320.27990000002</v>
      </c>
      <c r="N387">
        <v>81376.245819999996</v>
      </c>
      <c r="O387">
        <v>25567.322390000001</v>
      </c>
      <c r="P387">
        <v>33452.820160000003</v>
      </c>
      <c r="Q387">
        <v>84586.724900000001</v>
      </c>
      <c r="R387">
        <v>26246.589499999998</v>
      </c>
      <c r="S387">
        <v>83878.395610000007</v>
      </c>
      <c r="T387">
        <v>29140.76384</v>
      </c>
      <c r="U387">
        <v>18881.71888</v>
      </c>
      <c r="W387" s="83">
        <f>Bühler!N419</f>
        <v>45308.041666665733</v>
      </c>
      <c r="X387" s="83">
        <v>43117.041666666664</v>
      </c>
      <c r="Y387">
        <v>244014.9663</v>
      </c>
      <c r="Z387">
        <v>17728.224900000001</v>
      </c>
      <c r="AA387">
        <v>52991.618410000003</v>
      </c>
      <c r="AB387">
        <v>45441.682480000003</v>
      </c>
      <c r="AC387">
        <v>41146.91489</v>
      </c>
      <c r="AD387">
        <v>22485.198059999999</v>
      </c>
      <c r="AE387">
        <v>34085.291409999998</v>
      </c>
      <c r="AF387">
        <v>51900.679830000001</v>
      </c>
      <c r="AG387">
        <v>19158.99856</v>
      </c>
      <c r="AH387">
        <v>297320.27990000002</v>
      </c>
      <c r="AI387">
        <v>81376.245819999996</v>
      </c>
      <c r="AJ387">
        <v>25567.322390000001</v>
      </c>
      <c r="AK387">
        <v>33452.820160000003</v>
      </c>
      <c r="AL387">
        <v>84586.724900000001</v>
      </c>
      <c r="AM387">
        <v>26246.589499999998</v>
      </c>
      <c r="AN387">
        <v>83878.395610000007</v>
      </c>
      <c r="AO387">
        <v>29140.76384</v>
      </c>
      <c r="AP387">
        <v>18881.71888</v>
      </c>
    </row>
    <row r="388" spans="2:42" x14ac:dyDescent="0.3">
      <c r="B388">
        <v>58.591621276726613</v>
      </c>
      <c r="C388" s="83">
        <v>43117.083333333336</v>
      </c>
      <c r="D388">
        <v>244853.9656</v>
      </c>
      <c r="E388">
        <v>17723.024990000002</v>
      </c>
      <c r="F388">
        <v>53186.69455</v>
      </c>
      <c r="G388">
        <v>44872.425219999997</v>
      </c>
      <c r="H388">
        <v>41118.098270000002</v>
      </c>
      <c r="I388">
        <v>20938.299210000001</v>
      </c>
      <c r="J388">
        <v>34394.957340000001</v>
      </c>
      <c r="K388">
        <v>51150.534849999996</v>
      </c>
      <c r="L388">
        <v>18874.713189999999</v>
      </c>
      <c r="M388">
        <v>298727.40899999999</v>
      </c>
      <c r="N388">
        <v>80811.046799999996</v>
      </c>
      <c r="O388">
        <v>26205.655019999998</v>
      </c>
      <c r="P388">
        <v>32566.707190000001</v>
      </c>
      <c r="Q388">
        <v>87034.057379999998</v>
      </c>
      <c r="R388">
        <v>26199.335930000001</v>
      </c>
      <c r="S388">
        <v>83853.339600000007</v>
      </c>
      <c r="T388">
        <v>28549.723539999999</v>
      </c>
      <c r="U388">
        <v>19460.69731</v>
      </c>
      <c r="W388" s="83">
        <f>Bühler!N420</f>
        <v>45308.083333332397</v>
      </c>
      <c r="X388" s="83">
        <v>43117.083333333336</v>
      </c>
      <c r="Y388">
        <v>244853.9656</v>
      </c>
      <c r="Z388">
        <v>17723.024990000002</v>
      </c>
      <c r="AA388">
        <v>53186.69455</v>
      </c>
      <c r="AB388">
        <v>44872.425219999997</v>
      </c>
      <c r="AC388">
        <v>41118.098270000002</v>
      </c>
      <c r="AD388">
        <v>20938.299210000001</v>
      </c>
      <c r="AE388">
        <v>34394.957340000001</v>
      </c>
      <c r="AF388">
        <v>51150.534849999996</v>
      </c>
      <c r="AG388">
        <v>18874.713189999999</v>
      </c>
      <c r="AH388">
        <v>298727.40899999999</v>
      </c>
      <c r="AI388">
        <v>80811.046799999996</v>
      </c>
      <c r="AJ388">
        <v>26205.655019999998</v>
      </c>
      <c r="AK388">
        <v>32566.707190000001</v>
      </c>
      <c r="AL388">
        <v>87034.057379999998</v>
      </c>
      <c r="AM388">
        <v>26199.335930000001</v>
      </c>
      <c r="AN388">
        <v>83853.339600000007</v>
      </c>
      <c r="AO388">
        <v>28549.723539999999</v>
      </c>
      <c r="AP388">
        <v>19460.69731</v>
      </c>
    </row>
    <row r="389" spans="2:42" x14ac:dyDescent="0.3">
      <c r="B389">
        <v>59.061987076784085</v>
      </c>
      <c r="C389" s="83">
        <v>43117.125</v>
      </c>
      <c r="D389">
        <v>247032.53769999999</v>
      </c>
      <c r="E389">
        <v>17836.37687</v>
      </c>
      <c r="F389">
        <v>53858.97133</v>
      </c>
      <c r="G389">
        <v>44251.514669999997</v>
      </c>
      <c r="H389">
        <v>41394.174299999999</v>
      </c>
      <c r="I389">
        <v>20935.365559999998</v>
      </c>
      <c r="J389">
        <v>34803.00056</v>
      </c>
      <c r="K389">
        <v>49273.79909</v>
      </c>
      <c r="L389">
        <v>18559.444759999998</v>
      </c>
      <c r="M389">
        <v>301125.55320000002</v>
      </c>
      <c r="N389">
        <v>81017.589009999996</v>
      </c>
      <c r="O389">
        <v>26563.02937</v>
      </c>
      <c r="P389">
        <v>32949.740140000002</v>
      </c>
      <c r="Q389">
        <v>88373.055500000002</v>
      </c>
      <c r="R389">
        <v>26600.25592</v>
      </c>
      <c r="S389">
        <v>82812.972259999995</v>
      </c>
      <c r="T389">
        <v>29016.401760000001</v>
      </c>
      <c r="U389">
        <v>19725.708190000001</v>
      </c>
      <c r="W389" s="83">
        <f>Bühler!N421</f>
        <v>45308.124999999061</v>
      </c>
      <c r="X389" s="83">
        <v>43117.125</v>
      </c>
      <c r="Y389">
        <v>247032.53769999999</v>
      </c>
      <c r="Z389">
        <v>17836.37687</v>
      </c>
      <c r="AA389">
        <v>53858.97133</v>
      </c>
      <c r="AB389">
        <v>44251.514669999997</v>
      </c>
      <c r="AC389">
        <v>41394.174299999999</v>
      </c>
      <c r="AD389">
        <v>20935.365559999998</v>
      </c>
      <c r="AE389">
        <v>34803.00056</v>
      </c>
      <c r="AF389">
        <v>49273.79909</v>
      </c>
      <c r="AG389">
        <v>18559.444759999998</v>
      </c>
      <c r="AH389">
        <v>301125.55320000002</v>
      </c>
      <c r="AI389">
        <v>81017.589009999996</v>
      </c>
      <c r="AJ389">
        <v>26563.02937</v>
      </c>
      <c r="AK389">
        <v>32949.740140000002</v>
      </c>
      <c r="AL389">
        <v>88373.055500000002</v>
      </c>
      <c r="AM389">
        <v>26600.25592</v>
      </c>
      <c r="AN389">
        <v>82812.972259999995</v>
      </c>
      <c r="AO389">
        <v>29016.401760000001</v>
      </c>
      <c r="AP389">
        <v>19725.708190000001</v>
      </c>
    </row>
    <row r="390" spans="2:42" x14ac:dyDescent="0.3">
      <c r="B390">
        <v>60.325509628063493</v>
      </c>
      <c r="C390" s="83">
        <v>43117.166666666664</v>
      </c>
      <c r="D390">
        <v>250997.26010000001</v>
      </c>
      <c r="E390">
        <v>18407.99253</v>
      </c>
      <c r="F390">
        <v>57643.558680000002</v>
      </c>
      <c r="G390">
        <v>44189.361900000004</v>
      </c>
      <c r="H390">
        <v>42005.812180000001</v>
      </c>
      <c r="I390">
        <v>23015.408149999999</v>
      </c>
      <c r="J390">
        <v>37018.756119999998</v>
      </c>
      <c r="K390">
        <v>47563.216039999999</v>
      </c>
      <c r="L390">
        <v>18725.220669999999</v>
      </c>
      <c r="M390">
        <v>307567.58039999998</v>
      </c>
      <c r="N390">
        <v>81102.666899999997</v>
      </c>
      <c r="O390">
        <v>26190.46243</v>
      </c>
      <c r="P390">
        <v>32145.418730000001</v>
      </c>
      <c r="Q390">
        <v>92391.506070000003</v>
      </c>
      <c r="R390">
        <v>26301.42266</v>
      </c>
      <c r="S390">
        <v>84104.96471</v>
      </c>
      <c r="T390">
        <v>28928.49005</v>
      </c>
      <c r="U390">
        <v>20113.00533</v>
      </c>
      <c r="W390" s="83">
        <f>Bühler!N422</f>
        <v>45308.166666665726</v>
      </c>
      <c r="X390" s="83">
        <v>43117.166666666664</v>
      </c>
      <c r="Y390">
        <v>250997.26010000001</v>
      </c>
      <c r="Z390">
        <v>18407.99253</v>
      </c>
      <c r="AA390">
        <v>57643.558680000002</v>
      </c>
      <c r="AB390">
        <v>44189.361900000004</v>
      </c>
      <c r="AC390">
        <v>42005.812180000001</v>
      </c>
      <c r="AD390">
        <v>23015.408149999999</v>
      </c>
      <c r="AE390">
        <v>37018.756119999998</v>
      </c>
      <c r="AF390">
        <v>47563.216039999999</v>
      </c>
      <c r="AG390">
        <v>18725.220669999999</v>
      </c>
      <c r="AH390">
        <v>307567.58039999998</v>
      </c>
      <c r="AI390">
        <v>81102.666899999997</v>
      </c>
      <c r="AJ390">
        <v>26190.46243</v>
      </c>
      <c r="AK390">
        <v>32145.418730000001</v>
      </c>
      <c r="AL390">
        <v>92391.506070000003</v>
      </c>
      <c r="AM390">
        <v>26301.42266</v>
      </c>
      <c r="AN390">
        <v>84104.96471</v>
      </c>
      <c r="AO390">
        <v>28928.49005</v>
      </c>
      <c r="AP390">
        <v>20113.00533</v>
      </c>
    </row>
    <row r="391" spans="2:42" x14ac:dyDescent="0.3">
      <c r="B391">
        <v>63.120338022386967</v>
      </c>
      <c r="C391" s="83">
        <v>43117.208333333336</v>
      </c>
      <c r="D391">
        <v>266882.03389999998</v>
      </c>
      <c r="E391">
        <v>20540.504120000001</v>
      </c>
      <c r="F391">
        <v>69099.251319999996</v>
      </c>
      <c r="G391">
        <v>47403.938349999997</v>
      </c>
      <c r="H391">
        <v>44155.612509999999</v>
      </c>
      <c r="I391">
        <v>31348.220659999999</v>
      </c>
      <c r="J391">
        <v>39618.861100000002</v>
      </c>
      <c r="K391">
        <v>48851.496480000002</v>
      </c>
      <c r="L391">
        <v>20020.141609999999</v>
      </c>
      <c r="M391">
        <v>321816.91889999999</v>
      </c>
      <c r="N391">
        <v>83045.598270000002</v>
      </c>
      <c r="O391">
        <v>26956.118579999998</v>
      </c>
      <c r="P391">
        <v>33181.672229999996</v>
      </c>
      <c r="Q391">
        <v>95302.311350000004</v>
      </c>
      <c r="R391">
        <v>26865.47957</v>
      </c>
      <c r="S391">
        <v>86110.636620000005</v>
      </c>
      <c r="T391">
        <v>30518.30557</v>
      </c>
      <c r="U391">
        <v>22751.220730000001</v>
      </c>
      <c r="W391" s="83">
        <f>Bühler!N423</f>
        <v>45308.20833333239</v>
      </c>
      <c r="X391" s="83">
        <v>43117.208333333336</v>
      </c>
      <c r="Y391">
        <v>266882.03389999998</v>
      </c>
      <c r="Z391">
        <v>20540.504120000001</v>
      </c>
      <c r="AA391">
        <v>69099.251319999996</v>
      </c>
      <c r="AB391">
        <v>47403.938349999997</v>
      </c>
      <c r="AC391">
        <v>44155.612509999999</v>
      </c>
      <c r="AD391">
        <v>31348.220659999999</v>
      </c>
      <c r="AE391">
        <v>39618.861100000002</v>
      </c>
      <c r="AF391">
        <v>48851.496480000002</v>
      </c>
      <c r="AG391">
        <v>20020.141609999999</v>
      </c>
      <c r="AH391">
        <v>321816.91889999999</v>
      </c>
      <c r="AI391">
        <v>83045.598270000002</v>
      </c>
      <c r="AJ391">
        <v>26956.118579999998</v>
      </c>
      <c r="AK391">
        <v>33181.672229999996</v>
      </c>
      <c r="AL391">
        <v>95302.311350000004</v>
      </c>
      <c r="AM391">
        <v>26865.47957</v>
      </c>
      <c r="AN391">
        <v>86110.636620000005</v>
      </c>
      <c r="AO391">
        <v>30518.30557</v>
      </c>
      <c r="AP391">
        <v>22751.220730000001</v>
      </c>
    </row>
    <row r="392" spans="2:42" x14ac:dyDescent="0.3">
      <c r="B392">
        <v>66.836026570550189</v>
      </c>
      <c r="C392" s="83">
        <v>43117.25</v>
      </c>
      <c r="D392">
        <v>281674.15889999998</v>
      </c>
      <c r="E392">
        <v>24670.995279999999</v>
      </c>
      <c r="F392">
        <v>82091.895770000003</v>
      </c>
      <c r="G392">
        <v>59866.877650000002</v>
      </c>
      <c r="H392">
        <v>48174.272579999997</v>
      </c>
      <c r="I392">
        <v>39738.713060000002</v>
      </c>
      <c r="J392">
        <v>43025.911840000001</v>
      </c>
      <c r="K392">
        <v>52431.935310000001</v>
      </c>
      <c r="L392">
        <v>21729.20795</v>
      </c>
      <c r="M392">
        <v>340761.23190000001</v>
      </c>
      <c r="N392">
        <v>85457.861929999999</v>
      </c>
      <c r="O392">
        <v>27555.068749999999</v>
      </c>
      <c r="P392">
        <v>32911.811410000002</v>
      </c>
      <c r="Q392">
        <v>97711.412920000002</v>
      </c>
      <c r="R392">
        <v>21977.92553</v>
      </c>
      <c r="S392">
        <v>94027.091979999997</v>
      </c>
      <c r="T392">
        <v>33642.552360000001</v>
      </c>
      <c r="U392">
        <v>24145.458139999999</v>
      </c>
      <c r="W392" s="83">
        <f>Bühler!N424</f>
        <v>45308.249999999054</v>
      </c>
      <c r="X392" s="83">
        <v>43117.25</v>
      </c>
      <c r="Y392">
        <v>281674.15889999998</v>
      </c>
      <c r="Z392">
        <v>24670.995279999999</v>
      </c>
      <c r="AA392">
        <v>82091.895770000003</v>
      </c>
      <c r="AB392">
        <v>59866.877650000002</v>
      </c>
      <c r="AC392">
        <v>48174.272579999997</v>
      </c>
      <c r="AD392">
        <v>39738.713060000002</v>
      </c>
      <c r="AE392">
        <v>43025.911840000001</v>
      </c>
      <c r="AF392">
        <v>52431.935310000001</v>
      </c>
      <c r="AG392">
        <v>21729.20795</v>
      </c>
      <c r="AH392">
        <v>340761.23190000001</v>
      </c>
      <c r="AI392">
        <v>85457.861929999999</v>
      </c>
      <c r="AJ392">
        <v>27555.068749999999</v>
      </c>
      <c r="AK392">
        <v>32911.811410000002</v>
      </c>
      <c r="AL392">
        <v>97711.412920000002</v>
      </c>
      <c r="AM392">
        <v>21977.92553</v>
      </c>
      <c r="AN392">
        <v>94027.091979999997</v>
      </c>
      <c r="AO392">
        <v>33642.552360000001</v>
      </c>
      <c r="AP392">
        <v>24145.458139999999</v>
      </c>
    </row>
    <row r="393" spans="2:42" x14ac:dyDescent="0.3">
      <c r="B393">
        <v>68.691587883596185</v>
      </c>
      <c r="C393" s="83">
        <v>43117.291666666664</v>
      </c>
      <c r="D393">
        <v>297271.43290000001</v>
      </c>
      <c r="E393">
        <v>30478.500980000001</v>
      </c>
      <c r="F393">
        <v>86397.417990000002</v>
      </c>
      <c r="G393">
        <v>76974.247579999996</v>
      </c>
      <c r="H393">
        <v>55137.934419999998</v>
      </c>
      <c r="I393">
        <v>50157.15468</v>
      </c>
      <c r="J393">
        <v>46306.490469999997</v>
      </c>
      <c r="K393">
        <v>56897.259299999998</v>
      </c>
      <c r="L393">
        <v>24691.223020000001</v>
      </c>
      <c r="M393">
        <v>350221.7488</v>
      </c>
      <c r="N393">
        <v>92455.260460000005</v>
      </c>
      <c r="O393">
        <v>31040.839510000002</v>
      </c>
      <c r="P393">
        <v>36579.967100000002</v>
      </c>
      <c r="Q393">
        <v>97572.698539999998</v>
      </c>
      <c r="R393">
        <v>24688.122439999999</v>
      </c>
      <c r="S393">
        <v>111526.9869</v>
      </c>
      <c r="T393">
        <v>34986.24955</v>
      </c>
      <c r="U393">
        <v>28788.753700000001</v>
      </c>
      <c r="W393" s="83">
        <f>Bühler!N425</f>
        <v>45308.291666665718</v>
      </c>
      <c r="X393" s="83">
        <v>43117.291666666664</v>
      </c>
      <c r="Y393">
        <v>297271.43290000001</v>
      </c>
      <c r="Z393">
        <v>30478.500980000001</v>
      </c>
      <c r="AA393">
        <v>86397.417990000002</v>
      </c>
      <c r="AB393">
        <v>76974.247579999996</v>
      </c>
      <c r="AC393">
        <v>55137.934419999998</v>
      </c>
      <c r="AD393">
        <v>50157.15468</v>
      </c>
      <c r="AE393">
        <v>46306.490469999997</v>
      </c>
      <c r="AF393">
        <v>56897.259299999998</v>
      </c>
      <c r="AG393">
        <v>24691.223020000001</v>
      </c>
      <c r="AH393">
        <v>350221.7488</v>
      </c>
      <c r="AI393">
        <v>92455.260460000005</v>
      </c>
      <c r="AJ393">
        <v>31040.839510000002</v>
      </c>
      <c r="AK393">
        <v>36579.967100000002</v>
      </c>
      <c r="AL393">
        <v>97572.698539999998</v>
      </c>
      <c r="AM393">
        <v>24688.122439999999</v>
      </c>
      <c r="AN393">
        <v>111526.9869</v>
      </c>
      <c r="AO393">
        <v>34986.24955</v>
      </c>
      <c r="AP393">
        <v>28788.753700000001</v>
      </c>
    </row>
    <row r="394" spans="2:42" x14ac:dyDescent="0.3">
      <c r="B394">
        <v>68.92970527391995</v>
      </c>
      <c r="C394" s="83">
        <v>43117.333333333336</v>
      </c>
      <c r="D394">
        <v>309410.89490000001</v>
      </c>
      <c r="E394">
        <v>37438.839160000003</v>
      </c>
      <c r="F394">
        <v>94405.730710000003</v>
      </c>
      <c r="G394">
        <v>95006.831439999994</v>
      </c>
      <c r="H394">
        <v>61531.405460000002</v>
      </c>
      <c r="I394">
        <v>54122.384039999997</v>
      </c>
      <c r="J394">
        <v>47560.031300000002</v>
      </c>
      <c r="K394">
        <v>60881.040809999999</v>
      </c>
      <c r="L394">
        <v>28016.59953</v>
      </c>
      <c r="M394">
        <v>351435.78230000002</v>
      </c>
      <c r="N394">
        <v>101168.4328</v>
      </c>
      <c r="O394">
        <v>33201.405500000001</v>
      </c>
      <c r="P394">
        <v>38991.443760000002</v>
      </c>
      <c r="Q394">
        <v>98533.607900000003</v>
      </c>
      <c r="R394">
        <v>26214.053080000002</v>
      </c>
      <c r="S394">
        <v>128630.4896</v>
      </c>
      <c r="T394">
        <v>39030.07447</v>
      </c>
      <c r="U394">
        <v>33181.611629999999</v>
      </c>
      <c r="W394" s="83">
        <f>Bühler!N426</f>
        <v>45308.333333332383</v>
      </c>
      <c r="X394" s="83">
        <v>43117.333333333336</v>
      </c>
      <c r="Y394">
        <v>309410.89490000001</v>
      </c>
      <c r="Z394">
        <v>37438.839160000003</v>
      </c>
      <c r="AA394">
        <v>94405.730710000003</v>
      </c>
      <c r="AB394">
        <v>95006.831439999994</v>
      </c>
      <c r="AC394">
        <v>61531.405460000002</v>
      </c>
      <c r="AD394">
        <v>54122.384039999997</v>
      </c>
      <c r="AE394">
        <v>47560.031300000002</v>
      </c>
      <c r="AF394">
        <v>60881.040809999999</v>
      </c>
      <c r="AG394">
        <v>28016.59953</v>
      </c>
      <c r="AH394">
        <v>351435.78230000002</v>
      </c>
      <c r="AI394">
        <v>101168.4328</v>
      </c>
      <c r="AJ394">
        <v>33201.405500000001</v>
      </c>
      <c r="AK394">
        <v>38991.443760000002</v>
      </c>
      <c r="AL394">
        <v>98533.607900000003</v>
      </c>
      <c r="AM394">
        <v>26214.053080000002</v>
      </c>
      <c r="AN394">
        <v>128630.4896</v>
      </c>
      <c r="AO394">
        <v>39030.07447</v>
      </c>
      <c r="AP394">
        <v>33181.611629999999</v>
      </c>
    </row>
    <row r="395" spans="2:42" x14ac:dyDescent="0.3">
      <c r="B395">
        <v>68.210834959951342</v>
      </c>
      <c r="C395" s="83">
        <v>43117.375</v>
      </c>
      <c r="D395">
        <v>308490.60560000001</v>
      </c>
      <c r="E395">
        <v>41779.672570000002</v>
      </c>
      <c r="F395">
        <v>99611.19958</v>
      </c>
      <c r="G395">
        <v>102381.80439999999</v>
      </c>
      <c r="H395">
        <v>62388.707620000001</v>
      </c>
      <c r="I395">
        <v>51540.099880000002</v>
      </c>
      <c r="J395">
        <v>46231.47075</v>
      </c>
      <c r="K395">
        <v>59761.471030000001</v>
      </c>
      <c r="L395">
        <v>30481.42138</v>
      </c>
      <c r="M395">
        <v>347770.64620000002</v>
      </c>
      <c r="N395">
        <v>106624.39720000001</v>
      </c>
      <c r="O395">
        <v>33301.983979999997</v>
      </c>
      <c r="P395">
        <v>39346.87169</v>
      </c>
      <c r="Q395">
        <v>97524.125679999997</v>
      </c>
      <c r="R395">
        <v>25174.310990000002</v>
      </c>
      <c r="S395">
        <v>135044.11780000001</v>
      </c>
      <c r="T395">
        <v>40985.577749999997</v>
      </c>
      <c r="U395">
        <v>32493.24668</v>
      </c>
      <c r="W395" s="83">
        <f>Bühler!N427</f>
        <v>45308.374999999047</v>
      </c>
      <c r="X395" s="83">
        <v>43117.375</v>
      </c>
      <c r="Y395">
        <v>308490.60560000001</v>
      </c>
      <c r="Z395">
        <v>41779.672570000002</v>
      </c>
      <c r="AA395">
        <v>99611.19958</v>
      </c>
      <c r="AB395">
        <v>102381.80439999999</v>
      </c>
      <c r="AC395">
        <v>62388.707620000001</v>
      </c>
      <c r="AD395">
        <v>51540.099880000002</v>
      </c>
      <c r="AE395">
        <v>46231.47075</v>
      </c>
      <c r="AF395">
        <v>59761.471030000001</v>
      </c>
      <c r="AG395">
        <v>30481.42138</v>
      </c>
      <c r="AH395">
        <v>347770.64620000002</v>
      </c>
      <c r="AI395">
        <v>106624.39720000001</v>
      </c>
      <c r="AJ395">
        <v>33301.983979999997</v>
      </c>
      <c r="AK395">
        <v>39346.87169</v>
      </c>
      <c r="AL395">
        <v>97524.125679999997</v>
      </c>
      <c r="AM395">
        <v>25174.310990000002</v>
      </c>
      <c r="AN395">
        <v>135044.11780000001</v>
      </c>
      <c r="AO395">
        <v>40985.577749999997</v>
      </c>
      <c r="AP395">
        <v>32493.24668</v>
      </c>
    </row>
    <row r="396" spans="2:42" x14ac:dyDescent="0.3">
      <c r="B396">
        <v>69.155393514819195</v>
      </c>
      <c r="C396" s="83">
        <v>43117.416666666664</v>
      </c>
      <c r="D396">
        <v>310900.17509999999</v>
      </c>
      <c r="E396">
        <v>42896.397089999999</v>
      </c>
      <c r="F396">
        <v>99723.393429999996</v>
      </c>
      <c r="G396">
        <v>101349.1162</v>
      </c>
      <c r="H396">
        <v>62277.269569999997</v>
      </c>
      <c r="I396">
        <v>47989.762719999999</v>
      </c>
      <c r="J396">
        <v>44407.745849999999</v>
      </c>
      <c r="K396">
        <v>62420.720099999999</v>
      </c>
      <c r="L396">
        <v>32922.953150000001</v>
      </c>
      <c r="M396">
        <v>352586.44620000001</v>
      </c>
      <c r="N396">
        <v>109099.33839999999</v>
      </c>
      <c r="O396">
        <v>33392.967049999999</v>
      </c>
      <c r="P396">
        <v>40242.650540000002</v>
      </c>
      <c r="Q396">
        <v>97455.148929999996</v>
      </c>
      <c r="R396">
        <v>25813.03688</v>
      </c>
      <c r="S396">
        <v>134261.14180000001</v>
      </c>
      <c r="T396">
        <v>42443.329590000001</v>
      </c>
      <c r="U396">
        <v>32405.586650000001</v>
      </c>
      <c r="W396" s="83">
        <f>Bühler!N428</f>
        <v>45308.416666665711</v>
      </c>
      <c r="X396" s="83">
        <v>43117.416666666664</v>
      </c>
      <c r="Y396">
        <v>310900.17509999999</v>
      </c>
      <c r="Z396">
        <v>42896.397089999999</v>
      </c>
      <c r="AA396">
        <v>99723.393429999996</v>
      </c>
      <c r="AB396">
        <v>101349.1162</v>
      </c>
      <c r="AC396">
        <v>62277.269569999997</v>
      </c>
      <c r="AD396">
        <v>47989.762719999999</v>
      </c>
      <c r="AE396">
        <v>44407.745849999999</v>
      </c>
      <c r="AF396">
        <v>62420.720099999999</v>
      </c>
      <c r="AG396">
        <v>32922.953150000001</v>
      </c>
      <c r="AH396">
        <v>352586.44620000001</v>
      </c>
      <c r="AI396">
        <v>109099.33839999999</v>
      </c>
      <c r="AJ396">
        <v>33392.967049999999</v>
      </c>
      <c r="AK396">
        <v>40242.650540000002</v>
      </c>
      <c r="AL396">
        <v>97455.148929999996</v>
      </c>
      <c r="AM396">
        <v>25813.03688</v>
      </c>
      <c r="AN396">
        <v>134261.14180000001</v>
      </c>
      <c r="AO396">
        <v>42443.329590000001</v>
      </c>
      <c r="AP396">
        <v>32405.586650000001</v>
      </c>
    </row>
    <row r="397" spans="2:42" x14ac:dyDescent="0.3">
      <c r="B397">
        <v>69.485974769446756</v>
      </c>
      <c r="C397" s="83">
        <v>43117.458333333336</v>
      </c>
      <c r="D397">
        <v>309982.79609999998</v>
      </c>
      <c r="E397">
        <v>42394.252910000003</v>
      </c>
      <c r="F397">
        <v>100499.7714</v>
      </c>
      <c r="G397">
        <v>96986.844299999997</v>
      </c>
      <c r="H397">
        <v>61918.99957</v>
      </c>
      <c r="I397">
        <v>46886.827429999998</v>
      </c>
      <c r="J397">
        <v>43668.676919999998</v>
      </c>
      <c r="K397">
        <v>67323.240489999996</v>
      </c>
      <c r="L397">
        <v>34424.013050000001</v>
      </c>
      <c r="M397">
        <v>354271.90360000002</v>
      </c>
      <c r="N397">
        <v>108286.0707</v>
      </c>
      <c r="O397">
        <v>32677.148260000002</v>
      </c>
      <c r="P397">
        <v>39493.294549999999</v>
      </c>
      <c r="Q397">
        <v>97498.460040000005</v>
      </c>
      <c r="R397">
        <v>27693.140100000001</v>
      </c>
      <c r="S397">
        <v>135306.6416</v>
      </c>
      <c r="T397">
        <v>42220.180289999997</v>
      </c>
      <c r="U397">
        <v>31356.785380000001</v>
      </c>
      <c r="W397" s="83">
        <f>Bühler!N429</f>
        <v>45308.458333332375</v>
      </c>
      <c r="X397" s="83">
        <v>43117.458333333336</v>
      </c>
      <c r="Y397">
        <v>309982.79609999998</v>
      </c>
      <c r="Z397">
        <v>42394.252910000003</v>
      </c>
      <c r="AA397">
        <v>100499.7714</v>
      </c>
      <c r="AB397">
        <v>96986.844299999997</v>
      </c>
      <c r="AC397">
        <v>61918.99957</v>
      </c>
      <c r="AD397">
        <v>46886.827429999998</v>
      </c>
      <c r="AE397">
        <v>43668.676919999998</v>
      </c>
      <c r="AF397">
        <v>67323.240489999996</v>
      </c>
      <c r="AG397">
        <v>34424.013050000001</v>
      </c>
      <c r="AH397">
        <v>354271.90360000002</v>
      </c>
      <c r="AI397">
        <v>108286.0707</v>
      </c>
      <c r="AJ397">
        <v>32677.148260000002</v>
      </c>
      <c r="AK397">
        <v>39493.294549999999</v>
      </c>
      <c r="AL397">
        <v>97498.460040000005</v>
      </c>
      <c r="AM397">
        <v>27693.140100000001</v>
      </c>
      <c r="AN397">
        <v>135306.6416</v>
      </c>
      <c r="AO397">
        <v>42220.180289999997</v>
      </c>
      <c r="AP397">
        <v>31356.785380000001</v>
      </c>
    </row>
    <row r="398" spans="2:42" x14ac:dyDescent="0.3">
      <c r="B398">
        <v>67.978476360218849</v>
      </c>
      <c r="C398" s="83">
        <v>43117.5</v>
      </c>
      <c r="D398">
        <v>296671.93320000003</v>
      </c>
      <c r="E398">
        <v>38135.576990000001</v>
      </c>
      <c r="F398">
        <v>93560.014779999998</v>
      </c>
      <c r="G398">
        <v>89178.543720000001</v>
      </c>
      <c r="H398">
        <v>57767.575299999997</v>
      </c>
      <c r="I398">
        <v>44870.596400000002</v>
      </c>
      <c r="J398">
        <v>43125.323250000001</v>
      </c>
      <c r="K398">
        <v>63757.710709999999</v>
      </c>
      <c r="L398">
        <v>37214.778180000001</v>
      </c>
      <c r="M398">
        <v>346585.97369999997</v>
      </c>
      <c r="N398">
        <v>104890.7831</v>
      </c>
      <c r="O398">
        <v>31966.06681</v>
      </c>
      <c r="P398">
        <v>39103.710890000002</v>
      </c>
      <c r="Q398">
        <v>96169.089349999995</v>
      </c>
      <c r="R398">
        <v>27974.58956</v>
      </c>
      <c r="S398">
        <v>125151.4451</v>
      </c>
      <c r="T398">
        <v>40371.260600000001</v>
      </c>
      <c r="U398">
        <v>26901.297139999999</v>
      </c>
      <c r="W398" s="83">
        <f>Bühler!N430</f>
        <v>45308.49999999904</v>
      </c>
      <c r="X398" s="83">
        <v>43117.5</v>
      </c>
      <c r="Y398">
        <v>296671.93320000003</v>
      </c>
      <c r="Z398">
        <v>38135.576990000001</v>
      </c>
      <c r="AA398">
        <v>93560.014779999998</v>
      </c>
      <c r="AB398">
        <v>89178.543720000001</v>
      </c>
      <c r="AC398">
        <v>57767.575299999997</v>
      </c>
      <c r="AD398">
        <v>44870.596400000002</v>
      </c>
      <c r="AE398">
        <v>43125.323250000001</v>
      </c>
      <c r="AF398">
        <v>63757.710709999999</v>
      </c>
      <c r="AG398">
        <v>37214.778180000001</v>
      </c>
      <c r="AH398">
        <v>346585.97369999997</v>
      </c>
      <c r="AI398">
        <v>104890.7831</v>
      </c>
      <c r="AJ398">
        <v>31966.06681</v>
      </c>
      <c r="AK398">
        <v>39103.710890000002</v>
      </c>
      <c r="AL398">
        <v>96169.089349999995</v>
      </c>
      <c r="AM398">
        <v>27974.58956</v>
      </c>
      <c r="AN398">
        <v>125151.4451</v>
      </c>
      <c r="AO398">
        <v>40371.260600000001</v>
      </c>
      <c r="AP398">
        <v>26901.297139999999</v>
      </c>
    </row>
    <row r="399" spans="2:42" x14ac:dyDescent="0.3">
      <c r="B399">
        <v>67.558302202674383</v>
      </c>
      <c r="C399" s="83">
        <v>43117.541666666664</v>
      </c>
      <c r="D399">
        <v>297700.027</v>
      </c>
      <c r="E399">
        <v>37717.389880000002</v>
      </c>
      <c r="F399">
        <v>90782.164529999995</v>
      </c>
      <c r="G399">
        <v>82382.012520000004</v>
      </c>
      <c r="H399">
        <v>57805.575689999998</v>
      </c>
      <c r="I399">
        <v>42824.684430000001</v>
      </c>
      <c r="J399">
        <v>41970.844380000002</v>
      </c>
      <c r="K399">
        <v>66107.496880000006</v>
      </c>
      <c r="L399">
        <v>35480.11436</v>
      </c>
      <c r="M399">
        <v>344443.72989999998</v>
      </c>
      <c r="N399">
        <v>104961.068</v>
      </c>
      <c r="O399">
        <v>31298.54362</v>
      </c>
      <c r="P399">
        <v>39419.18795</v>
      </c>
      <c r="Q399">
        <v>95409.795129999999</v>
      </c>
      <c r="R399">
        <v>28503.084210000001</v>
      </c>
      <c r="S399">
        <v>124889.0686</v>
      </c>
      <c r="T399">
        <v>38906.122190000002</v>
      </c>
      <c r="U399">
        <v>27647.254499999999</v>
      </c>
      <c r="W399" s="83">
        <f>Bühler!N431</f>
        <v>45308.541666665704</v>
      </c>
      <c r="X399" s="83">
        <v>43117.541666666664</v>
      </c>
      <c r="Y399">
        <v>297700.027</v>
      </c>
      <c r="Z399">
        <v>37717.389880000002</v>
      </c>
      <c r="AA399">
        <v>90782.164529999995</v>
      </c>
      <c r="AB399">
        <v>82382.012520000004</v>
      </c>
      <c r="AC399">
        <v>57805.575689999998</v>
      </c>
      <c r="AD399">
        <v>42824.684430000001</v>
      </c>
      <c r="AE399">
        <v>41970.844380000002</v>
      </c>
      <c r="AF399">
        <v>66107.496880000006</v>
      </c>
      <c r="AG399">
        <v>35480.11436</v>
      </c>
      <c r="AH399">
        <v>344443.72989999998</v>
      </c>
      <c r="AI399">
        <v>104961.068</v>
      </c>
      <c r="AJ399">
        <v>31298.54362</v>
      </c>
      <c r="AK399">
        <v>39419.18795</v>
      </c>
      <c r="AL399">
        <v>95409.795129999999</v>
      </c>
      <c r="AM399">
        <v>28503.084210000001</v>
      </c>
      <c r="AN399">
        <v>124889.0686</v>
      </c>
      <c r="AO399">
        <v>38906.122190000002</v>
      </c>
      <c r="AP399">
        <v>27647.254499999999</v>
      </c>
    </row>
    <row r="400" spans="2:42" x14ac:dyDescent="0.3">
      <c r="B400">
        <v>68.096257367236277</v>
      </c>
      <c r="C400" s="83">
        <v>43117.583333333336</v>
      </c>
      <c r="D400">
        <v>301325.90720000002</v>
      </c>
      <c r="E400">
        <v>40300.303090000001</v>
      </c>
      <c r="F400">
        <v>97871.841809999998</v>
      </c>
      <c r="G400">
        <v>78236.53155</v>
      </c>
      <c r="H400">
        <v>57334.209089999997</v>
      </c>
      <c r="I400">
        <v>42815.176820000001</v>
      </c>
      <c r="J400">
        <v>41852.347399999999</v>
      </c>
      <c r="K400">
        <v>68716.66115</v>
      </c>
      <c r="L400">
        <v>31893.233690000001</v>
      </c>
      <c r="M400">
        <v>347186.47619999998</v>
      </c>
      <c r="N400">
        <v>104740.2236</v>
      </c>
      <c r="O400">
        <v>31421.326639999999</v>
      </c>
      <c r="P400">
        <v>35078.440860000002</v>
      </c>
      <c r="Q400">
        <v>93449.532810000004</v>
      </c>
      <c r="R400">
        <v>26474.527040000001</v>
      </c>
      <c r="S400">
        <v>119169.9048</v>
      </c>
      <c r="T400">
        <v>37848.611620000003</v>
      </c>
      <c r="U400">
        <v>28546.043239999999</v>
      </c>
      <c r="W400" s="83">
        <f>Bühler!N432</f>
        <v>45308.583333332368</v>
      </c>
      <c r="X400" s="83">
        <v>43117.583333333336</v>
      </c>
      <c r="Y400">
        <v>301325.90720000002</v>
      </c>
      <c r="Z400">
        <v>40300.303090000001</v>
      </c>
      <c r="AA400">
        <v>97871.841809999998</v>
      </c>
      <c r="AB400">
        <v>78236.53155</v>
      </c>
      <c r="AC400">
        <v>57334.209089999997</v>
      </c>
      <c r="AD400">
        <v>42815.176820000001</v>
      </c>
      <c r="AE400">
        <v>41852.347399999999</v>
      </c>
      <c r="AF400">
        <v>68716.66115</v>
      </c>
      <c r="AG400">
        <v>31893.233690000001</v>
      </c>
      <c r="AH400">
        <v>347186.47619999998</v>
      </c>
      <c r="AI400">
        <v>104740.2236</v>
      </c>
      <c r="AJ400">
        <v>31421.326639999999</v>
      </c>
      <c r="AK400">
        <v>35078.440860000002</v>
      </c>
      <c r="AL400">
        <v>93449.532810000004</v>
      </c>
      <c r="AM400">
        <v>26474.527040000001</v>
      </c>
      <c r="AN400">
        <v>119169.9048</v>
      </c>
      <c r="AO400">
        <v>37848.611620000003</v>
      </c>
      <c r="AP400">
        <v>28546.043239999999</v>
      </c>
    </row>
    <row r="401" spans="2:42" x14ac:dyDescent="0.3">
      <c r="B401">
        <v>66.827557867002085</v>
      </c>
      <c r="C401" s="83">
        <v>43117.625</v>
      </c>
      <c r="D401">
        <v>298987.01789999998</v>
      </c>
      <c r="E401">
        <v>39974.549070000001</v>
      </c>
      <c r="F401">
        <v>98242.042560000002</v>
      </c>
      <c r="G401">
        <v>75981.248970000001</v>
      </c>
      <c r="H401">
        <v>56258.526109999999</v>
      </c>
      <c r="I401">
        <v>44168.819560000004</v>
      </c>
      <c r="J401">
        <v>41447.326099999998</v>
      </c>
      <c r="K401">
        <v>66054.404250000007</v>
      </c>
      <c r="L401">
        <v>28979.795129999999</v>
      </c>
      <c r="M401">
        <v>340718.05450000003</v>
      </c>
      <c r="N401">
        <v>103727.29210000001</v>
      </c>
      <c r="O401">
        <v>30363.040400000002</v>
      </c>
      <c r="P401">
        <v>33869.966280000001</v>
      </c>
      <c r="Q401">
        <v>93108.202109999998</v>
      </c>
      <c r="R401">
        <v>25758.162789999998</v>
      </c>
      <c r="S401">
        <v>117796.10619999999</v>
      </c>
      <c r="T401">
        <v>37612.835160000002</v>
      </c>
      <c r="U401">
        <v>28092.4944</v>
      </c>
      <c r="W401" s="83">
        <f>Bühler!N433</f>
        <v>45308.624999999032</v>
      </c>
      <c r="X401" s="83">
        <v>43117.625</v>
      </c>
      <c r="Y401">
        <v>298987.01789999998</v>
      </c>
      <c r="Z401">
        <v>39974.549070000001</v>
      </c>
      <c r="AA401">
        <v>98242.042560000002</v>
      </c>
      <c r="AB401">
        <v>75981.248970000001</v>
      </c>
      <c r="AC401">
        <v>56258.526109999999</v>
      </c>
      <c r="AD401">
        <v>44168.819560000004</v>
      </c>
      <c r="AE401">
        <v>41447.326099999998</v>
      </c>
      <c r="AF401">
        <v>66054.404250000007</v>
      </c>
      <c r="AG401">
        <v>28979.795129999999</v>
      </c>
      <c r="AH401">
        <v>340718.05450000003</v>
      </c>
      <c r="AI401">
        <v>103727.29210000001</v>
      </c>
      <c r="AJ401">
        <v>30363.040400000002</v>
      </c>
      <c r="AK401">
        <v>33869.966280000001</v>
      </c>
      <c r="AL401">
        <v>93108.202109999998</v>
      </c>
      <c r="AM401">
        <v>25758.162789999998</v>
      </c>
      <c r="AN401">
        <v>117796.10619999999</v>
      </c>
      <c r="AO401">
        <v>37612.835160000002</v>
      </c>
      <c r="AP401">
        <v>28092.4944</v>
      </c>
    </row>
    <row r="402" spans="2:42" x14ac:dyDescent="0.3">
      <c r="B402">
        <v>66.711931252945845</v>
      </c>
      <c r="C402" s="83">
        <v>43117.666666666664</v>
      </c>
      <c r="D402">
        <v>293187.57669999998</v>
      </c>
      <c r="E402">
        <v>39235.355020000003</v>
      </c>
      <c r="F402">
        <v>96528.23646</v>
      </c>
      <c r="G402">
        <v>73676.321930000006</v>
      </c>
      <c r="H402">
        <v>54541.897539999998</v>
      </c>
      <c r="I402">
        <v>46084.508500000004</v>
      </c>
      <c r="J402">
        <v>41030.61292</v>
      </c>
      <c r="K402">
        <v>61839.274550000002</v>
      </c>
      <c r="L402">
        <v>28341.052899999999</v>
      </c>
      <c r="M402">
        <v>340128.53610000003</v>
      </c>
      <c r="N402">
        <v>99622.127909999996</v>
      </c>
      <c r="O402">
        <v>30551.838009999999</v>
      </c>
      <c r="P402">
        <v>33462.1682</v>
      </c>
      <c r="Q402">
        <v>91888.101219999997</v>
      </c>
      <c r="R402">
        <v>25687.951730000001</v>
      </c>
      <c r="S402">
        <v>115043.46769999999</v>
      </c>
      <c r="T402">
        <v>37498.331250000003</v>
      </c>
      <c r="U402">
        <v>27155.42353</v>
      </c>
      <c r="W402" s="83">
        <f>Bühler!N434</f>
        <v>45308.666666665697</v>
      </c>
      <c r="X402" s="83">
        <v>43117.666666666664</v>
      </c>
      <c r="Y402">
        <v>293187.57669999998</v>
      </c>
      <c r="Z402">
        <v>39235.355020000003</v>
      </c>
      <c r="AA402">
        <v>96528.23646</v>
      </c>
      <c r="AB402">
        <v>73676.321930000006</v>
      </c>
      <c r="AC402">
        <v>54541.897539999998</v>
      </c>
      <c r="AD402">
        <v>46084.508500000004</v>
      </c>
      <c r="AE402">
        <v>41030.61292</v>
      </c>
      <c r="AF402">
        <v>61839.274550000002</v>
      </c>
      <c r="AG402">
        <v>28341.052899999999</v>
      </c>
      <c r="AH402">
        <v>340128.53610000003</v>
      </c>
      <c r="AI402">
        <v>99622.127909999996</v>
      </c>
      <c r="AJ402">
        <v>30551.838009999999</v>
      </c>
      <c r="AK402">
        <v>33462.1682</v>
      </c>
      <c r="AL402">
        <v>91888.101219999997</v>
      </c>
      <c r="AM402">
        <v>25687.951730000001</v>
      </c>
      <c r="AN402">
        <v>115043.46769999999</v>
      </c>
      <c r="AO402">
        <v>37498.331250000003</v>
      </c>
      <c r="AP402">
        <v>27155.42353</v>
      </c>
    </row>
    <row r="403" spans="2:42" x14ac:dyDescent="0.3">
      <c r="B403">
        <v>65.489562547926681</v>
      </c>
      <c r="C403" s="83">
        <v>43117.708333333336</v>
      </c>
      <c r="D403">
        <v>282926.2267</v>
      </c>
      <c r="E403">
        <v>38015.309609999997</v>
      </c>
      <c r="F403">
        <v>98668.175810000001</v>
      </c>
      <c r="G403">
        <v>70888.096539999999</v>
      </c>
      <c r="H403">
        <v>54332.124459999999</v>
      </c>
      <c r="I403">
        <v>45208.145219999999</v>
      </c>
      <c r="J403">
        <v>42929.783969999997</v>
      </c>
      <c r="K403">
        <v>57514.870620000002</v>
      </c>
      <c r="L403">
        <v>29482.64748</v>
      </c>
      <c r="M403">
        <v>333896.33039999998</v>
      </c>
      <c r="N403">
        <v>93640.240619999997</v>
      </c>
      <c r="O403">
        <v>30254.524789999999</v>
      </c>
      <c r="P403">
        <v>37763.629150000001</v>
      </c>
      <c r="Q403">
        <v>91578.983250000005</v>
      </c>
      <c r="R403">
        <v>26360.260450000002</v>
      </c>
      <c r="S403">
        <v>115197.7234</v>
      </c>
      <c r="T403">
        <v>39199.48272</v>
      </c>
      <c r="U403">
        <v>25703.447560000001</v>
      </c>
      <c r="W403" s="83">
        <f>Bühler!N435</f>
        <v>45308.708333332361</v>
      </c>
      <c r="X403" s="83">
        <v>43117.708333333336</v>
      </c>
      <c r="Y403">
        <v>282926.2267</v>
      </c>
      <c r="Z403">
        <v>38015.309609999997</v>
      </c>
      <c r="AA403">
        <v>98668.175810000001</v>
      </c>
      <c r="AB403">
        <v>70888.096539999999</v>
      </c>
      <c r="AC403">
        <v>54332.124459999999</v>
      </c>
      <c r="AD403">
        <v>45208.145219999999</v>
      </c>
      <c r="AE403">
        <v>42929.783969999997</v>
      </c>
      <c r="AF403">
        <v>57514.870620000002</v>
      </c>
      <c r="AG403">
        <v>29482.64748</v>
      </c>
      <c r="AH403">
        <v>333896.33039999998</v>
      </c>
      <c r="AI403">
        <v>93640.240619999997</v>
      </c>
      <c r="AJ403">
        <v>30254.524789999999</v>
      </c>
      <c r="AK403">
        <v>37763.629150000001</v>
      </c>
      <c r="AL403">
        <v>91578.983250000005</v>
      </c>
      <c r="AM403">
        <v>26360.260450000002</v>
      </c>
      <c r="AN403">
        <v>115197.7234</v>
      </c>
      <c r="AO403">
        <v>39199.48272</v>
      </c>
      <c r="AP403">
        <v>25703.447560000001</v>
      </c>
    </row>
    <row r="404" spans="2:42" x14ac:dyDescent="0.3">
      <c r="B404">
        <v>63.653364234139417</v>
      </c>
      <c r="C404" s="83">
        <v>43117.75</v>
      </c>
      <c r="D404">
        <v>276772.0563</v>
      </c>
      <c r="E404">
        <v>34956.982969999997</v>
      </c>
      <c r="F404">
        <v>95733.634470000005</v>
      </c>
      <c r="G404">
        <v>66507.426619999998</v>
      </c>
      <c r="H404">
        <v>53627.61969</v>
      </c>
      <c r="I404">
        <v>44853.210290000003</v>
      </c>
      <c r="J404">
        <v>44192.29348</v>
      </c>
      <c r="K404">
        <v>49926.004379999998</v>
      </c>
      <c r="L404">
        <v>30853.47811</v>
      </c>
      <c r="M404">
        <v>324534.53509999998</v>
      </c>
      <c r="N404">
        <v>92044.290599999993</v>
      </c>
      <c r="O404">
        <v>29175.319479999998</v>
      </c>
      <c r="P404">
        <v>41168.42424</v>
      </c>
      <c r="Q404">
        <v>91016.426149999999</v>
      </c>
      <c r="R404">
        <v>24037.188730000002</v>
      </c>
      <c r="S404">
        <v>110880.9727</v>
      </c>
      <c r="T404">
        <v>39710.657120000003</v>
      </c>
      <c r="U404">
        <v>24166.35644</v>
      </c>
      <c r="W404" s="83">
        <f>Bühler!N436</f>
        <v>45308.749999999025</v>
      </c>
      <c r="X404" s="83">
        <v>43117.75</v>
      </c>
      <c r="Y404">
        <v>276772.0563</v>
      </c>
      <c r="Z404">
        <v>34956.982969999997</v>
      </c>
      <c r="AA404">
        <v>95733.634470000005</v>
      </c>
      <c r="AB404">
        <v>66507.426619999998</v>
      </c>
      <c r="AC404">
        <v>53627.61969</v>
      </c>
      <c r="AD404">
        <v>44853.210290000003</v>
      </c>
      <c r="AE404">
        <v>44192.29348</v>
      </c>
      <c r="AF404">
        <v>49926.004379999998</v>
      </c>
      <c r="AG404">
        <v>30853.47811</v>
      </c>
      <c r="AH404">
        <v>324534.53509999998</v>
      </c>
      <c r="AI404">
        <v>92044.290599999993</v>
      </c>
      <c r="AJ404">
        <v>29175.319479999998</v>
      </c>
      <c r="AK404">
        <v>41168.42424</v>
      </c>
      <c r="AL404">
        <v>91016.426149999999</v>
      </c>
      <c r="AM404">
        <v>24037.188730000002</v>
      </c>
      <c r="AN404">
        <v>110880.9727</v>
      </c>
      <c r="AO404">
        <v>39710.657120000003</v>
      </c>
      <c r="AP404">
        <v>24166.35644</v>
      </c>
    </row>
    <row r="405" spans="2:42" x14ac:dyDescent="0.3">
      <c r="B405">
        <v>63.655984335774711</v>
      </c>
      <c r="C405" s="83">
        <v>43117.791666666664</v>
      </c>
      <c r="D405">
        <v>268366.67239999998</v>
      </c>
      <c r="E405">
        <v>29065.817879999999</v>
      </c>
      <c r="F405">
        <v>82070.542459999997</v>
      </c>
      <c r="G405">
        <v>59732.88811</v>
      </c>
      <c r="H405">
        <v>50228.411529999998</v>
      </c>
      <c r="I405">
        <v>42054.211629999998</v>
      </c>
      <c r="J405">
        <v>44207.970739999997</v>
      </c>
      <c r="K405">
        <v>49345.119469999998</v>
      </c>
      <c r="L405">
        <v>31387.072619999999</v>
      </c>
      <c r="M405">
        <v>324547.89360000001</v>
      </c>
      <c r="N405">
        <v>90755.24037</v>
      </c>
      <c r="O405">
        <v>27278.239099999999</v>
      </c>
      <c r="P405">
        <v>42899.866529999999</v>
      </c>
      <c r="Q405">
        <v>89416.263179999994</v>
      </c>
      <c r="R405">
        <v>22530.188849999999</v>
      </c>
      <c r="S405">
        <v>104934.63989999999</v>
      </c>
      <c r="T405">
        <v>39210.586349999998</v>
      </c>
      <c r="U405">
        <v>22550.03573</v>
      </c>
      <c r="W405" s="83">
        <f>Bühler!N437</f>
        <v>45308.791666665689</v>
      </c>
      <c r="X405" s="83">
        <v>43117.791666666664</v>
      </c>
      <c r="Y405">
        <v>268366.67239999998</v>
      </c>
      <c r="Z405">
        <v>29065.817879999999</v>
      </c>
      <c r="AA405">
        <v>82070.542459999997</v>
      </c>
      <c r="AB405">
        <v>59732.88811</v>
      </c>
      <c r="AC405">
        <v>50228.411529999998</v>
      </c>
      <c r="AD405">
        <v>42054.211629999998</v>
      </c>
      <c r="AE405">
        <v>44207.970739999997</v>
      </c>
      <c r="AF405">
        <v>49345.119469999998</v>
      </c>
      <c r="AG405">
        <v>31387.072619999999</v>
      </c>
      <c r="AH405">
        <v>324547.89360000001</v>
      </c>
      <c r="AI405">
        <v>90755.24037</v>
      </c>
      <c r="AJ405">
        <v>27278.239099999999</v>
      </c>
      <c r="AK405">
        <v>42899.866529999999</v>
      </c>
      <c r="AL405">
        <v>89416.263179999994</v>
      </c>
      <c r="AM405">
        <v>22530.188849999999</v>
      </c>
      <c r="AN405">
        <v>104934.63989999999</v>
      </c>
      <c r="AO405">
        <v>39210.586349999998</v>
      </c>
      <c r="AP405">
        <v>22550.03573</v>
      </c>
    </row>
    <row r="406" spans="2:42" x14ac:dyDescent="0.3">
      <c r="B406">
        <v>63.220631123430344</v>
      </c>
      <c r="C406" s="83">
        <v>43117.833333333336</v>
      </c>
      <c r="D406">
        <v>258459.40220000001</v>
      </c>
      <c r="E406">
        <v>22582.73632</v>
      </c>
      <c r="F406">
        <v>63818.209320000002</v>
      </c>
      <c r="G406">
        <v>52864.345909999996</v>
      </c>
      <c r="H406">
        <v>46899.902459999998</v>
      </c>
      <c r="I406">
        <v>37274.248339999998</v>
      </c>
      <c r="J406">
        <v>42398.45695</v>
      </c>
      <c r="K406">
        <v>56777.345379999999</v>
      </c>
      <c r="L406">
        <v>30677.42887</v>
      </c>
      <c r="M406">
        <v>322328.2599</v>
      </c>
      <c r="N406">
        <v>88625.200710000005</v>
      </c>
      <c r="O406">
        <v>25954.207729999998</v>
      </c>
      <c r="P406">
        <v>42101.558389999998</v>
      </c>
      <c r="Q406">
        <v>86716.249079999994</v>
      </c>
      <c r="R406">
        <v>23432.226879999998</v>
      </c>
      <c r="S406">
        <v>95395.937160000001</v>
      </c>
      <c r="T406">
        <v>37287.697099999998</v>
      </c>
      <c r="U406">
        <v>21061.205030000001</v>
      </c>
      <c r="W406" s="83">
        <f>Bühler!N438</f>
        <v>45308.833333332354</v>
      </c>
      <c r="X406" s="83">
        <v>43117.833333333336</v>
      </c>
      <c r="Y406">
        <v>258459.40220000001</v>
      </c>
      <c r="Z406">
        <v>22582.73632</v>
      </c>
      <c r="AA406">
        <v>63818.209320000002</v>
      </c>
      <c r="AB406">
        <v>52864.345909999996</v>
      </c>
      <c r="AC406">
        <v>46899.902459999998</v>
      </c>
      <c r="AD406">
        <v>37274.248339999998</v>
      </c>
      <c r="AE406">
        <v>42398.45695</v>
      </c>
      <c r="AF406">
        <v>56777.345379999999</v>
      </c>
      <c r="AG406">
        <v>30677.42887</v>
      </c>
      <c r="AH406">
        <v>322328.2599</v>
      </c>
      <c r="AI406">
        <v>88625.200710000005</v>
      </c>
      <c r="AJ406">
        <v>25954.207729999998</v>
      </c>
      <c r="AK406">
        <v>42101.558389999998</v>
      </c>
      <c r="AL406">
        <v>86716.249079999994</v>
      </c>
      <c r="AM406">
        <v>23432.226879999998</v>
      </c>
      <c r="AN406">
        <v>95395.937160000001</v>
      </c>
      <c r="AO406">
        <v>37287.697099999998</v>
      </c>
      <c r="AP406">
        <v>21061.205030000001</v>
      </c>
    </row>
    <row r="407" spans="2:42" x14ac:dyDescent="0.3">
      <c r="B407">
        <v>60.742698044606847</v>
      </c>
      <c r="C407" s="83">
        <v>43117.875</v>
      </c>
      <c r="D407">
        <v>248739.01759999999</v>
      </c>
      <c r="E407">
        <v>19380.00964</v>
      </c>
      <c r="F407">
        <v>56153.977599999998</v>
      </c>
      <c r="G407">
        <v>49417.551820000001</v>
      </c>
      <c r="H407">
        <v>44076.988279999998</v>
      </c>
      <c r="I407">
        <v>31668.946169999999</v>
      </c>
      <c r="J407">
        <v>40474.892440000003</v>
      </c>
      <c r="K407">
        <v>54094.284359999998</v>
      </c>
      <c r="L407">
        <v>28827.021799999999</v>
      </c>
      <c r="M407">
        <v>309694.60149999999</v>
      </c>
      <c r="N407">
        <v>85495.268949999998</v>
      </c>
      <c r="O407">
        <v>24930.472740000001</v>
      </c>
      <c r="P407">
        <v>41115.944680000001</v>
      </c>
      <c r="Q407">
        <v>84445.045960000003</v>
      </c>
      <c r="R407">
        <v>21520.8073</v>
      </c>
      <c r="S407">
        <v>88585.255080000003</v>
      </c>
      <c r="T407">
        <v>34739.843699999998</v>
      </c>
      <c r="U407">
        <v>19768.57041</v>
      </c>
      <c r="W407" s="83">
        <f>Bühler!N439</f>
        <v>45308.874999999018</v>
      </c>
      <c r="X407" s="83">
        <v>43117.875</v>
      </c>
      <c r="Y407">
        <v>248739.01759999999</v>
      </c>
      <c r="Z407">
        <v>19380.00964</v>
      </c>
      <c r="AA407">
        <v>56153.977599999998</v>
      </c>
      <c r="AB407">
        <v>49417.551820000001</v>
      </c>
      <c r="AC407">
        <v>44076.988279999998</v>
      </c>
      <c r="AD407">
        <v>31668.946169999999</v>
      </c>
      <c r="AE407">
        <v>40474.892440000003</v>
      </c>
      <c r="AF407">
        <v>54094.284359999998</v>
      </c>
      <c r="AG407">
        <v>28827.021799999999</v>
      </c>
      <c r="AH407">
        <v>309694.60149999999</v>
      </c>
      <c r="AI407">
        <v>85495.268949999998</v>
      </c>
      <c r="AJ407">
        <v>24930.472740000001</v>
      </c>
      <c r="AK407">
        <v>41115.944680000001</v>
      </c>
      <c r="AL407">
        <v>84445.045960000003</v>
      </c>
      <c r="AM407">
        <v>21520.8073</v>
      </c>
      <c r="AN407">
        <v>88585.255080000003</v>
      </c>
      <c r="AO407">
        <v>34739.843699999998</v>
      </c>
      <c r="AP407">
        <v>19768.57041</v>
      </c>
    </row>
    <row r="408" spans="2:42" x14ac:dyDescent="0.3">
      <c r="B408">
        <v>60.268310113456494</v>
      </c>
      <c r="C408" s="83">
        <v>43117.916666666664</v>
      </c>
      <c r="D408">
        <v>249206.9106</v>
      </c>
      <c r="E408">
        <v>18661.399150000001</v>
      </c>
      <c r="F408">
        <v>53386.421690000003</v>
      </c>
      <c r="G408">
        <v>46969.044730000001</v>
      </c>
      <c r="H408">
        <v>43172.95998</v>
      </c>
      <c r="I408">
        <v>29892.77533</v>
      </c>
      <c r="J408">
        <v>39207.302179999999</v>
      </c>
      <c r="K408">
        <v>56133.721239999999</v>
      </c>
      <c r="L408">
        <v>25383.706020000001</v>
      </c>
      <c r="M408">
        <v>307275.95059999998</v>
      </c>
      <c r="N408">
        <v>84399.350879999998</v>
      </c>
      <c r="O408">
        <v>25686.445059999998</v>
      </c>
      <c r="P408">
        <v>42510.387600000002</v>
      </c>
      <c r="Q408">
        <v>83960.794680000006</v>
      </c>
      <c r="R408">
        <v>29621.842280000001</v>
      </c>
      <c r="S408">
        <v>87659.171549999999</v>
      </c>
      <c r="T408">
        <v>30537.45321</v>
      </c>
      <c r="U408">
        <v>20152.765920000002</v>
      </c>
      <c r="W408" s="83">
        <f>Bühler!N440</f>
        <v>45308.916666665682</v>
      </c>
      <c r="X408" s="83">
        <v>43117.916666666664</v>
      </c>
      <c r="Y408">
        <v>249206.9106</v>
      </c>
      <c r="Z408">
        <v>18661.399150000001</v>
      </c>
      <c r="AA408">
        <v>53386.421690000003</v>
      </c>
      <c r="AB408">
        <v>46969.044730000001</v>
      </c>
      <c r="AC408">
        <v>43172.95998</v>
      </c>
      <c r="AD408">
        <v>29892.77533</v>
      </c>
      <c r="AE408">
        <v>39207.302179999999</v>
      </c>
      <c r="AF408">
        <v>56133.721239999999</v>
      </c>
      <c r="AG408">
        <v>25383.706020000001</v>
      </c>
      <c r="AH408">
        <v>307275.95059999998</v>
      </c>
      <c r="AI408">
        <v>84399.350879999998</v>
      </c>
      <c r="AJ408">
        <v>25686.445059999998</v>
      </c>
      <c r="AK408">
        <v>42510.387600000002</v>
      </c>
      <c r="AL408">
        <v>83960.794680000006</v>
      </c>
      <c r="AM408">
        <v>29621.842280000001</v>
      </c>
      <c r="AN408">
        <v>87659.171549999999</v>
      </c>
      <c r="AO408">
        <v>30537.45321</v>
      </c>
      <c r="AP408">
        <v>20152.765920000002</v>
      </c>
    </row>
    <row r="409" spans="2:42" x14ac:dyDescent="0.3">
      <c r="B409">
        <v>59.261815678498294</v>
      </c>
      <c r="C409" s="83">
        <v>43117.958333333336</v>
      </c>
      <c r="D409">
        <v>249116.1961</v>
      </c>
      <c r="E409">
        <v>18401.877639999999</v>
      </c>
      <c r="F409">
        <v>52124.386460000002</v>
      </c>
      <c r="G409">
        <v>46059.979789999998</v>
      </c>
      <c r="H409">
        <v>41974.877619999999</v>
      </c>
      <c r="I409">
        <v>29117.84261</v>
      </c>
      <c r="J409">
        <v>36913.395129999997</v>
      </c>
      <c r="K409">
        <v>55475.643880000003</v>
      </c>
      <c r="L409">
        <v>22133.122299999999</v>
      </c>
      <c r="M409">
        <v>302144.3726</v>
      </c>
      <c r="N409">
        <v>83302.672460000002</v>
      </c>
      <c r="O409">
        <v>25559.630679999998</v>
      </c>
      <c r="P409">
        <v>38615.709569999999</v>
      </c>
      <c r="Q409">
        <v>83323.777350000004</v>
      </c>
      <c r="R409">
        <v>31289.974869999998</v>
      </c>
      <c r="S409">
        <v>85634.887409999996</v>
      </c>
      <c r="T409">
        <v>31052.480599999999</v>
      </c>
      <c r="U409">
        <v>19478.70795</v>
      </c>
      <c r="W409" s="83">
        <f>Bühler!N441</f>
        <v>45308.958333332346</v>
      </c>
      <c r="X409" s="83">
        <v>43117.958333333336</v>
      </c>
      <c r="Y409">
        <v>249116.1961</v>
      </c>
      <c r="Z409">
        <v>18401.877639999999</v>
      </c>
      <c r="AA409">
        <v>52124.386460000002</v>
      </c>
      <c r="AB409">
        <v>46059.979789999998</v>
      </c>
      <c r="AC409">
        <v>41974.877619999999</v>
      </c>
      <c r="AD409">
        <v>29117.84261</v>
      </c>
      <c r="AE409">
        <v>36913.395129999997</v>
      </c>
      <c r="AF409">
        <v>55475.643880000003</v>
      </c>
      <c r="AG409">
        <v>22133.122299999999</v>
      </c>
      <c r="AH409">
        <v>302144.3726</v>
      </c>
      <c r="AI409">
        <v>83302.672460000002</v>
      </c>
      <c r="AJ409">
        <v>25559.630679999998</v>
      </c>
      <c r="AK409">
        <v>38615.709569999999</v>
      </c>
      <c r="AL409">
        <v>83323.777350000004</v>
      </c>
      <c r="AM409">
        <v>31289.974869999998</v>
      </c>
      <c r="AN409">
        <v>85634.887409999996</v>
      </c>
      <c r="AO409">
        <v>31052.480599999999</v>
      </c>
      <c r="AP409">
        <v>19478.70795</v>
      </c>
    </row>
    <row r="410" spans="2:42" x14ac:dyDescent="0.3">
      <c r="B410">
        <v>59.577361431298726</v>
      </c>
      <c r="C410" s="83">
        <v>43118</v>
      </c>
      <c r="D410">
        <v>246407.59789999999</v>
      </c>
      <c r="E410">
        <v>18153.597399999999</v>
      </c>
      <c r="F410">
        <v>51459.92916</v>
      </c>
      <c r="G410">
        <v>45076.508040000001</v>
      </c>
      <c r="H410">
        <v>41055.629910000003</v>
      </c>
      <c r="I410">
        <v>26313.99396</v>
      </c>
      <c r="J410">
        <v>34964.05431</v>
      </c>
      <c r="K410">
        <v>53432.298419999999</v>
      </c>
      <c r="L410">
        <v>20672.706310000001</v>
      </c>
      <c r="M410">
        <v>303753.17200000002</v>
      </c>
      <c r="N410">
        <v>82148.613379999995</v>
      </c>
      <c r="O410">
        <v>25445.096580000001</v>
      </c>
      <c r="P410">
        <v>35908.542750000001</v>
      </c>
      <c r="Q410">
        <v>82773.125220000002</v>
      </c>
      <c r="R410">
        <v>28090.080849999998</v>
      </c>
      <c r="S410">
        <v>84669.435169999997</v>
      </c>
      <c r="T410">
        <v>29660.155470000002</v>
      </c>
      <c r="U410">
        <v>19678.398829999998</v>
      </c>
      <c r="W410" s="83">
        <f>Bühler!N442</f>
        <v>45308.99999999901</v>
      </c>
      <c r="X410" s="83">
        <v>43118</v>
      </c>
      <c r="Y410">
        <v>246407.59789999999</v>
      </c>
      <c r="Z410">
        <v>18153.597399999999</v>
      </c>
      <c r="AA410">
        <v>51459.92916</v>
      </c>
      <c r="AB410">
        <v>45076.508040000001</v>
      </c>
      <c r="AC410">
        <v>41055.629910000003</v>
      </c>
      <c r="AD410">
        <v>26313.99396</v>
      </c>
      <c r="AE410">
        <v>34964.05431</v>
      </c>
      <c r="AF410">
        <v>53432.298419999999</v>
      </c>
      <c r="AG410">
        <v>20672.706310000001</v>
      </c>
      <c r="AH410">
        <v>303753.17200000002</v>
      </c>
      <c r="AI410">
        <v>82148.613379999995</v>
      </c>
      <c r="AJ410">
        <v>25445.096580000001</v>
      </c>
      <c r="AK410">
        <v>35908.542750000001</v>
      </c>
      <c r="AL410">
        <v>82773.125220000002</v>
      </c>
      <c r="AM410">
        <v>28090.080849999998</v>
      </c>
      <c r="AN410">
        <v>84669.435169999997</v>
      </c>
      <c r="AO410">
        <v>29660.155470000002</v>
      </c>
      <c r="AP410">
        <v>19678.398829999998</v>
      </c>
    </row>
    <row r="411" spans="2:42" x14ac:dyDescent="0.3">
      <c r="B411">
        <v>59.244731678299402</v>
      </c>
      <c r="C411" s="83">
        <v>43118.041666666664</v>
      </c>
      <c r="D411">
        <v>244462.47589999999</v>
      </c>
      <c r="E411">
        <v>17768.514940000001</v>
      </c>
      <c r="F411">
        <v>52091.793539999999</v>
      </c>
      <c r="G411">
        <v>44829.970569999998</v>
      </c>
      <c r="H411">
        <v>41219.175819999997</v>
      </c>
      <c r="I411">
        <v>22175.691800000001</v>
      </c>
      <c r="J411">
        <v>34235.244559999999</v>
      </c>
      <c r="K411">
        <v>51727.716670000002</v>
      </c>
      <c r="L411">
        <v>20463.585470000002</v>
      </c>
      <c r="M411">
        <v>302057.27039999998</v>
      </c>
      <c r="N411">
        <v>81957.627080000006</v>
      </c>
      <c r="O411">
        <v>25473.35068</v>
      </c>
      <c r="P411">
        <v>34007.570650000001</v>
      </c>
      <c r="Q411">
        <v>83689.245110000003</v>
      </c>
      <c r="R411">
        <v>25801.948069999999</v>
      </c>
      <c r="S411">
        <v>83219.164650000006</v>
      </c>
      <c r="T411">
        <v>28761.02188</v>
      </c>
      <c r="U411">
        <v>19816.222320000001</v>
      </c>
      <c r="W411" s="83">
        <f>Bühler!N443</f>
        <v>45309.041666665675</v>
      </c>
      <c r="X411" s="83">
        <v>43118.041666666664</v>
      </c>
      <c r="Y411">
        <v>244462.47589999999</v>
      </c>
      <c r="Z411">
        <v>17768.514940000001</v>
      </c>
      <c r="AA411">
        <v>52091.793539999999</v>
      </c>
      <c r="AB411">
        <v>44829.970569999998</v>
      </c>
      <c r="AC411">
        <v>41219.175819999997</v>
      </c>
      <c r="AD411">
        <v>22175.691800000001</v>
      </c>
      <c r="AE411">
        <v>34235.244559999999</v>
      </c>
      <c r="AF411">
        <v>51727.716670000002</v>
      </c>
      <c r="AG411">
        <v>20463.585470000002</v>
      </c>
      <c r="AH411">
        <v>302057.27039999998</v>
      </c>
      <c r="AI411">
        <v>81957.627080000006</v>
      </c>
      <c r="AJ411">
        <v>25473.35068</v>
      </c>
      <c r="AK411">
        <v>34007.570650000001</v>
      </c>
      <c r="AL411">
        <v>83689.245110000003</v>
      </c>
      <c r="AM411">
        <v>25801.948069999999</v>
      </c>
      <c r="AN411">
        <v>83219.164650000006</v>
      </c>
      <c r="AO411">
        <v>28761.02188</v>
      </c>
      <c r="AP411">
        <v>19816.222320000001</v>
      </c>
    </row>
    <row r="412" spans="2:42" x14ac:dyDescent="0.3">
      <c r="B412">
        <v>59.674836822262932</v>
      </c>
      <c r="C412" s="83">
        <v>43118.083333333336</v>
      </c>
      <c r="D412">
        <v>245988.5441</v>
      </c>
      <c r="E412">
        <v>17935.56828</v>
      </c>
      <c r="F412">
        <v>52836.385179999997</v>
      </c>
      <c r="G412">
        <v>44067.710030000002</v>
      </c>
      <c r="H412">
        <v>41096.367140000002</v>
      </c>
      <c r="I412">
        <v>20924.239460000001</v>
      </c>
      <c r="J412">
        <v>33780.351759999998</v>
      </c>
      <c r="K412">
        <v>51178.872960000001</v>
      </c>
      <c r="L412">
        <v>20580.895530000002</v>
      </c>
      <c r="M412">
        <v>304250.147</v>
      </c>
      <c r="N412">
        <v>81340.298859999995</v>
      </c>
      <c r="O412">
        <v>25209.827659999999</v>
      </c>
      <c r="P412">
        <v>33248.046219999997</v>
      </c>
      <c r="Q412">
        <v>86511.854999999996</v>
      </c>
      <c r="R412">
        <v>26950.569459999999</v>
      </c>
      <c r="S412">
        <v>82901.339080000005</v>
      </c>
      <c r="T412">
        <v>28172.704040000001</v>
      </c>
      <c r="U412">
        <v>19935.409390000001</v>
      </c>
      <c r="W412" s="83">
        <f>Bühler!N444</f>
        <v>45309.083333332339</v>
      </c>
      <c r="X412" s="83">
        <v>43118.083333333336</v>
      </c>
      <c r="Y412">
        <v>245988.5441</v>
      </c>
      <c r="Z412">
        <v>17935.56828</v>
      </c>
      <c r="AA412">
        <v>52836.385179999997</v>
      </c>
      <c r="AB412">
        <v>44067.710030000002</v>
      </c>
      <c r="AC412">
        <v>41096.367140000002</v>
      </c>
      <c r="AD412">
        <v>20924.239460000001</v>
      </c>
      <c r="AE412">
        <v>33780.351759999998</v>
      </c>
      <c r="AF412">
        <v>51178.872960000001</v>
      </c>
      <c r="AG412">
        <v>20580.895530000002</v>
      </c>
      <c r="AH412">
        <v>304250.147</v>
      </c>
      <c r="AI412">
        <v>81340.298859999995</v>
      </c>
      <c r="AJ412">
        <v>25209.827659999999</v>
      </c>
      <c r="AK412">
        <v>33248.046219999997</v>
      </c>
      <c r="AL412">
        <v>86511.854999999996</v>
      </c>
      <c r="AM412">
        <v>26950.569459999999</v>
      </c>
      <c r="AN412">
        <v>82901.339080000005</v>
      </c>
      <c r="AO412">
        <v>28172.704040000001</v>
      </c>
      <c r="AP412">
        <v>19935.409390000001</v>
      </c>
    </row>
    <row r="413" spans="2:42" x14ac:dyDescent="0.3">
      <c r="B413">
        <v>59.857167632677466</v>
      </c>
      <c r="C413" s="83">
        <v>43118.125</v>
      </c>
      <c r="D413">
        <v>246825.27619999999</v>
      </c>
      <c r="E413">
        <v>17822.308219999999</v>
      </c>
      <c r="F413">
        <v>53214.130349999999</v>
      </c>
      <c r="G413">
        <v>43623.059639999999</v>
      </c>
      <c r="H413">
        <v>40676.66517</v>
      </c>
      <c r="I413">
        <v>21115.073489999999</v>
      </c>
      <c r="J413">
        <v>34215.267469999999</v>
      </c>
      <c r="K413">
        <v>50004.238319999997</v>
      </c>
      <c r="L413">
        <v>19947.434389999999</v>
      </c>
      <c r="M413">
        <v>305179.75449999998</v>
      </c>
      <c r="N413">
        <v>81882.197839999993</v>
      </c>
      <c r="O413">
        <v>25152.241979999999</v>
      </c>
      <c r="P413">
        <v>32227.55932</v>
      </c>
      <c r="Q413">
        <v>88452.885070000004</v>
      </c>
      <c r="R413">
        <v>26336.738850000002</v>
      </c>
      <c r="S413">
        <v>81384.266229999994</v>
      </c>
      <c r="T413">
        <v>28143.823219999998</v>
      </c>
      <c r="U413">
        <v>20168.49135</v>
      </c>
      <c r="W413" s="83">
        <f>Bühler!N445</f>
        <v>45309.124999999003</v>
      </c>
      <c r="X413" s="83">
        <v>43118.125</v>
      </c>
      <c r="Y413">
        <v>246825.27619999999</v>
      </c>
      <c r="Z413">
        <v>17822.308219999999</v>
      </c>
      <c r="AA413">
        <v>53214.130349999999</v>
      </c>
      <c r="AB413">
        <v>43623.059639999999</v>
      </c>
      <c r="AC413">
        <v>40676.66517</v>
      </c>
      <c r="AD413">
        <v>21115.073489999999</v>
      </c>
      <c r="AE413">
        <v>34215.267469999999</v>
      </c>
      <c r="AF413">
        <v>50004.238319999997</v>
      </c>
      <c r="AG413">
        <v>19947.434389999999</v>
      </c>
      <c r="AH413">
        <v>305179.75449999998</v>
      </c>
      <c r="AI413">
        <v>81882.197839999993</v>
      </c>
      <c r="AJ413">
        <v>25152.241979999999</v>
      </c>
      <c r="AK413">
        <v>32227.55932</v>
      </c>
      <c r="AL413">
        <v>88452.885070000004</v>
      </c>
      <c r="AM413">
        <v>26336.738850000002</v>
      </c>
      <c r="AN413">
        <v>81384.266229999994</v>
      </c>
      <c r="AO413">
        <v>28143.823219999998</v>
      </c>
      <c r="AP413">
        <v>20168.49135</v>
      </c>
    </row>
    <row r="414" spans="2:42" x14ac:dyDescent="0.3">
      <c r="B414">
        <v>60.931223168738846</v>
      </c>
      <c r="C414" s="83">
        <v>43118.166666666664</v>
      </c>
      <c r="D414">
        <v>250344.59770000001</v>
      </c>
      <c r="E414">
        <v>18453.388350000001</v>
      </c>
      <c r="F414">
        <v>57599.320220000001</v>
      </c>
      <c r="G414">
        <v>43364.703719999998</v>
      </c>
      <c r="H414">
        <v>41308.925710000003</v>
      </c>
      <c r="I414">
        <v>22734.59808</v>
      </c>
      <c r="J414">
        <v>36838.919900000001</v>
      </c>
      <c r="K414">
        <v>48172.561580000001</v>
      </c>
      <c r="L414">
        <v>19822.56078</v>
      </c>
      <c r="M414">
        <v>310655.7905</v>
      </c>
      <c r="N414">
        <v>82555.758700000006</v>
      </c>
      <c r="O414">
        <v>25809.769609999999</v>
      </c>
      <c r="P414">
        <v>31930.476770000001</v>
      </c>
      <c r="Q414">
        <v>92560.513229999997</v>
      </c>
      <c r="R414">
        <v>26236.355739999999</v>
      </c>
      <c r="S414">
        <v>82770.054149999996</v>
      </c>
      <c r="T414">
        <v>28242.289400000001</v>
      </c>
      <c r="U414">
        <v>20897.233209999999</v>
      </c>
      <c r="W414" s="83">
        <f>Bühler!N446</f>
        <v>45309.166666665667</v>
      </c>
      <c r="X414" s="83">
        <v>43118.166666666664</v>
      </c>
      <c r="Y414">
        <v>250344.59770000001</v>
      </c>
      <c r="Z414">
        <v>18453.388350000001</v>
      </c>
      <c r="AA414">
        <v>57599.320220000001</v>
      </c>
      <c r="AB414">
        <v>43364.703719999998</v>
      </c>
      <c r="AC414">
        <v>41308.925710000003</v>
      </c>
      <c r="AD414">
        <v>22734.59808</v>
      </c>
      <c r="AE414">
        <v>36838.919900000001</v>
      </c>
      <c r="AF414">
        <v>48172.561580000001</v>
      </c>
      <c r="AG414">
        <v>19822.56078</v>
      </c>
      <c r="AH414">
        <v>310655.7905</v>
      </c>
      <c r="AI414">
        <v>82555.758700000006</v>
      </c>
      <c r="AJ414">
        <v>25809.769609999999</v>
      </c>
      <c r="AK414">
        <v>31930.476770000001</v>
      </c>
      <c r="AL414">
        <v>92560.513229999997</v>
      </c>
      <c r="AM414">
        <v>26236.355739999999</v>
      </c>
      <c r="AN414">
        <v>82770.054149999996</v>
      </c>
      <c r="AO414">
        <v>28242.289400000001</v>
      </c>
      <c r="AP414">
        <v>20897.233209999999</v>
      </c>
    </row>
    <row r="415" spans="2:42" x14ac:dyDescent="0.3">
      <c r="B415">
        <v>63.80217755350106</v>
      </c>
      <c r="C415" s="83">
        <v>43118.208333333336</v>
      </c>
      <c r="D415">
        <v>265789.85889999999</v>
      </c>
      <c r="E415">
        <v>20527.554990000001</v>
      </c>
      <c r="F415">
        <v>68829.352929999994</v>
      </c>
      <c r="G415">
        <v>46622.974450000002</v>
      </c>
      <c r="H415">
        <v>44047.78441</v>
      </c>
      <c r="I415">
        <v>31127.483319999999</v>
      </c>
      <c r="J415">
        <v>39385.96241</v>
      </c>
      <c r="K415">
        <v>48659.447240000001</v>
      </c>
      <c r="L415">
        <v>20476.221160000001</v>
      </c>
      <c r="M415">
        <v>325293.2548</v>
      </c>
      <c r="N415">
        <v>82951.526089999999</v>
      </c>
      <c r="O415">
        <v>26486.36493</v>
      </c>
      <c r="P415">
        <v>33635.490729999998</v>
      </c>
      <c r="Q415">
        <v>95811.391919999995</v>
      </c>
      <c r="R415">
        <v>28311.04896</v>
      </c>
      <c r="S415">
        <v>85008.429699999993</v>
      </c>
      <c r="T415">
        <v>29475.262340000001</v>
      </c>
      <c r="U415">
        <v>22893.389780000001</v>
      </c>
      <c r="W415" s="83">
        <f>Bühler!N447</f>
        <v>45309.208333332332</v>
      </c>
      <c r="X415" s="83">
        <v>43118.208333333336</v>
      </c>
      <c r="Y415">
        <v>265789.85889999999</v>
      </c>
      <c r="Z415">
        <v>20527.554990000001</v>
      </c>
      <c r="AA415">
        <v>68829.352929999994</v>
      </c>
      <c r="AB415">
        <v>46622.974450000002</v>
      </c>
      <c r="AC415">
        <v>44047.78441</v>
      </c>
      <c r="AD415">
        <v>31127.483319999999</v>
      </c>
      <c r="AE415">
        <v>39385.96241</v>
      </c>
      <c r="AF415">
        <v>48659.447240000001</v>
      </c>
      <c r="AG415">
        <v>20476.221160000001</v>
      </c>
      <c r="AH415">
        <v>325293.2548</v>
      </c>
      <c r="AI415">
        <v>82951.526089999999</v>
      </c>
      <c r="AJ415">
        <v>26486.36493</v>
      </c>
      <c r="AK415">
        <v>33635.490729999998</v>
      </c>
      <c r="AL415">
        <v>95811.391919999995</v>
      </c>
      <c r="AM415">
        <v>28311.04896</v>
      </c>
      <c r="AN415">
        <v>85008.429699999993</v>
      </c>
      <c r="AO415">
        <v>29475.262340000001</v>
      </c>
      <c r="AP415">
        <v>22893.389780000001</v>
      </c>
    </row>
    <row r="416" spans="2:42" x14ac:dyDescent="0.3">
      <c r="B416">
        <v>67.447244080089476</v>
      </c>
      <c r="C416" s="83">
        <v>43118.25</v>
      </c>
      <c r="D416">
        <v>282075.00760000001</v>
      </c>
      <c r="E416">
        <v>24461.106390000001</v>
      </c>
      <c r="F416">
        <v>81605.417189999993</v>
      </c>
      <c r="G416">
        <v>61326.818059999998</v>
      </c>
      <c r="H416">
        <v>47963.10815</v>
      </c>
      <c r="I416">
        <v>39357.919829999999</v>
      </c>
      <c r="J416">
        <v>42815.266880000003</v>
      </c>
      <c r="K416">
        <v>51231.534740000003</v>
      </c>
      <c r="L416">
        <v>21763.306349999999</v>
      </c>
      <c r="M416">
        <v>343877.50380000001</v>
      </c>
      <c r="N416">
        <v>86056.021770000007</v>
      </c>
      <c r="O416">
        <v>27662.72207</v>
      </c>
      <c r="P416">
        <v>34081.451300000001</v>
      </c>
      <c r="Q416">
        <v>97242.900049999997</v>
      </c>
      <c r="R416">
        <v>22590.751390000001</v>
      </c>
      <c r="S416">
        <v>94213.296310000005</v>
      </c>
      <c r="T416">
        <v>33370.428330000002</v>
      </c>
      <c r="U416">
        <v>24557.167939999999</v>
      </c>
      <c r="W416" s="83">
        <f>Bühler!N448</f>
        <v>45309.249999998996</v>
      </c>
      <c r="X416" s="83">
        <v>43118.25</v>
      </c>
      <c r="Y416">
        <v>282075.00760000001</v>
      </c>
      <c r="Z416">
        <v>24461.106390000001</v>
      </c>
      <c r="AA416">
        <v>81605.417189999993</v>
      </c>
      <c r="AB416">
        <v>61326.818059999998</v>
      </c>
      <c r="AC416">
        <v>47963.10815</v>
      </c>
      <c r="AD416">
        <v>39357.919829999999</v>
      </c>
      <c r="AE416">
        <v>42815.266880000003</v>
      </c>
      <c r="AF416">
        <v>51231.534740000003</v>
      </c>
      <c r="AG416">
        <v>21763.306349999999</v>
      </c>
      <c r="AH416">
        <v>343877.50380000001</v>
      </c>
      <c r="AI416">
        <v>86056.021770000007</v>
      </c>
      <c r="AJ416">
        <v>27662.72207</v>
      </c>
      <c r="AK416">
        <v>34081.451300000001</v>
      </c>
      <c r="AL416">
        <v>97242.900049999997</v>
      </c>
      <c r="AM416">
        <v>22590.751390000001</v>
      </c>
      <c r="AN416">
        <v>94213.296310000005</v>
      </c>
      <c r="AO416">
        <v>33370.428330000002</v>
      </c>
      <c r="AP416">
        <v>24557.167939999999</v>
      </c>
    </row>
    <row r="417" spans="2:42" x14ac:dyDescent="0.3">
      <c r="B417">
        <v>69.775594569002706</v>
      </c>
      <c r="C417" s="83">
        <v>43118.291666666664</v>
      </c>
      <c r="D417">
        <v>294877.15409999999</v>
      </c>
      <c r="E417">
        <v>29925.35801</v>
      </c>
      <c r="F417">
        <v>86347.841130000001</v>
      </c>
      <c r="G417">
        <v>77863.894130000001</v>
      </c>
      <c r="H417">
        <v>54605.114159999997</v>
      </c>
      <c r="I417">
        <v>48354.881560000002</v>
      </c>
      <c r="J417">
        <v>45715.063390000003</v>
      </c>
      <c r="K417">
        <v>56431.896690000001</v>
      </c>
      <c r="L417">
        <v>25199.886279999999</v>
      </c>
      <c r="M417">
        <v>355748.52039999998</v>
      </c>
      <c r="N417">
        <v>91546.365059999996</v>
      </c>
      <c r="O417">
        <v>29730.730629999998</v>
      </c>
      <c r="P417">
        <v>37203.894209999999</v>
      </c>
      <c r="Q417">
        <v>97722.572570000004</v>
      </c>
      <c r="R417">
        <v>23755.38696</v>
      </c>
      <c r="S417">
        <v>110682.45</v>
      </c>
      <c r="T417">
        <v>34230.86191</v>
      </c>
      <c r="U417">
        <v>29406.801589999999</v>
      </c>
      <c r="W417" s="83">
        <f>Bühler!N449</f>
        <v>45309.29166666566</v>
      </c>
      <c r="X417" s="83">
        <v>43118.291666666664</v>
      </c>
      <c r="Y417">
        <v>294877.15409999999</v>
      </c>
      <c r="Z417">
        <v>29925.35801</v>
      </c>
      <c r="AA417">
        <v>86347.841130000001</v>
      </c>
      <c r="AB417">
        <v>77863.894130000001</v>
      </c>
      <c r="AC417">
        <v>54605.114159999997</v>
      </c>
      <c r="AD417">
        <v>48354.881560000002</v>
      </c>
      <c r="AE417">
        <v>45715.063390000003</v>
      </c>
      <c r="AF417">
        <v>56431.896690000001</v>
      </c>
      <c r="AG417">
        <v>25199.886279999999</v>
      </c>
      <c r="AH417">
        <v>355748.52039999998</v>
      </c>
      <c r="AI417">
        <v>91546.365059999996</v>
      </c>
      <c r="AJ417">
        <v>29730.730629999998</v>
      </c>
      <c r="AK417">
        <v>37203.894209999999</v>
      </c>
      <c r="AL417">
        <v>97722.572570000004</v>
      </c>
      <c r="AM417">
        <v>23755.38696</v>
      </c>
      <c r="AN417">
        <v>110682.45</v>
      </c>
      <c r="AO417">
        <v>34230.86191</v>
      </c>
      <c r="AP417">
        <v>29406.801589999999</v>
      </c>
    </row>
    <row r="418" spans="2:42" x14ac:dyDescent="0.3">
      <c r="B418">
        <v>70.51601818795163</v>
      </c>
      <c r="C418" s="83">
        <v>43118.333333333336</v>
      </c>
      <c r="D418">
        <v>308537.64740000002</v>
      </c>
      <c r="E418">
        <v>36848.968580000001</v>
      </c>
      <c r="F418">
        <v>94458.960170000006</v>
      </c>
      <c r="G418">
        <v>98785.296459999998</v>
      </c>
      <c r="H418">
        <v>60734.038229999998</v>
      </c>
      <c r="I418">
        <v>52485.815490000001</v>
      </c>
      <c r="J418">
        <v>46383.227659999997</v>
      </c>
      <c r="K418">
        <v>62238.629229999999</v>
      </c>
      <c r="L418">
        <v>27698.939679999999</v>
      </c>
      <c r="M418">
        <v>359523.5453</v>
      </c>
      <c r="N418">
        <v>99320.12169</v>
      </c>
      <c r="O418">
        <v>32517.42498</v>
      </c>
      <c r="P418">
        <v>39336.932220000002</v>
      </c>
      <c r="Q418">
        <v>98197.61146</v>
      </c>
      <c r="R418">
        <v>26177.676380000001</v>
      </c>
      <c r="S418">
        <v>127161.6958</v>
      </c>
      <c r="T418">
        <v>38644.205970000003</v>
      </c>
      <c r="U418">
        <v>32690.22754</v>
      </c>
      <c r="W418" s="83">
        <f>Bühler!N450</f>
        <v>45309.333333332324</v>
      </c>
      <c r="X418" s="83">
        <v>43118.333333333336</v>
      </c>
      <c r="Y418">
        <v>308537.64740000002</v>
      </c>
      <c r="Z418">
        <v>36848.968580000001</v>
      </c>
      <c r="AA418">
        <v>94458.960170000006</v>
      </c>
      <c r="AB418">
        <v>98785.296459999998</v>
      </c>
      <c r="AC418">
        <v>60734.038229999998</v>
      </c>
      <c r="AD418">
        <v>52485.815490000001</v>
      </c>
      <c r="AE418">
        <v>46383.227659999997</v>
      </c>
      <c r="AF418">
        <v>62238.629229999999</v>
      </c>
      <c r="AG418">
        <v>27698.939679999999</v>
      </c>
      <c r="AH418">
        <v>359523.5453</v>
      </c>
      <c r="AI418">
        <v>99320.12169</v>
      </c>
      <c r="AJ418">
        <v>32517.42498</v>
      </c>
      <c r="AK418">
        <v>39336.932220000002</v>
      </c>
      <c r="AL418">
        <v>98197.61146</v>
      </c>
      <c r="AM418">
        <v>26177.676380000001</v>
      </c>
      <c r="AN418">
        <v>127161.6958</v>
      </c>
      <c r="AO418">
        <v>38644.205970000003</v>
      </c>
      <c r="AP418">
        <v>32690.22754</v>
      </c>
    </row>
    <row r="419" spans="2:42" x14ac:dyDescent="0.3">
      <c r="B419">
        <v>69.111647771483675</v>
      </c>
      <c r="C419" s="83">
        <v>43118.375</v>
      </c>
      <c r="D419">
        <v>307677.14850000001</v>
      </c>
      <c r="E419">
        <v>41312.737800000003</v>
      </c>
      <c r="F419">
        <v>99753.307279999994</v>
      </c>
      <c r="G419">
        <v>108693.5808</v>
      </c>
      <c r="H419">
        <v>62621.098480000001</v>
      </c>
      <c r="I419">
        <v>49751.890800000001</v>
      </c>
      <c r="J419">
        <v>44523.737730000001</v>
      </c>
      <c r="K419">
        <v>60407.562400000003</v>
      </c>
      <c r="L419">
        <v>30805.993170000002</v>
      </c>
      <c r="M419">
        <v>352363.41</v>
      </c>
      <c r="N419">
        <v>105131.5304</v>
      </c>
      <c r="O419">
        <v>32792.261259999999</v>
      </c>
      <c r="P419">
        <v>42002.583189999998</v>
      </c>
      <c r="Q419">
        <v>98678.891789999994</v>
      </c>
      <c r="R419">
        <v>25120.598150000002</v>
      </c>
      <c r="S419">
        <v>133562.92860000001</v>
      </c>
      <c r="T419">
        <v>41381.048900000002</v>
      </c>
      <c r="U419">
        <v>33159.41646</v>
      </c>
      <c r="W419" s="83">
        <f>Bühler!N451</f>
        <v>45309.374999998989</v>
      </c>
      <c r="X419" s="83">
        <v>43118.375</v>
      </c>
      <c r="Y419">
        <v>307677.14850000001</v>
      </c>
      <c r="Z419">
        <v>41312.737800000003</v>
      </c>
      <c r="AA419">
        <v>99753.307279999994</v>
      </c>
      <c r="AB419">
        <v>108693.5808</v>
      </c>
      <c r="AC419">
        <v>62621.098480000001</v>
      </c>
      <c r="AD419">
        <v>49751.890800000001</v>
      </c>
      <c r="AE419">
        <v>44523.737730000001</v>
      </c>
      <c r="AF419">
        <v>60407.562400000003</v>
      </c>
      <c r="AG419">
        <v>30805.993170000002</v>
      </c>
      <c r="AH419">
        <v>352363.41</v>
      </c>
      <c r="AI419">
        <v>105131.5304</v>
      </c>
      <c r="AJ419">
        <v>32792.261259999999</v>
      </c>
      <c r="AK419">
        <v>42002.583189999998</v>
      </c>
      <c r="AL419">
        <v>98678.891789999994</v>
      </c>
      <c r="AM419">
        <v>25120.598150000002</v>
      </c>
      <c r="AN419">
        <v>133562.92860000001</v>
      </c>
      <c r="AO419">
        <v>41381.048900000002</v>
      </c>
      <c r="AP419">
        <v>33159.41646</v>
      </c>
    </row>
    <row r="420" spans="2:42" x14ac:dyDescent="0.3">
      <c r="B420">
        <v>70.216435451191984</v>
      </c>
      <c r="C420" s="83">
        <v>43118.416666666664</v>
      </c>
      <c r="D420">
        <v>308941.11139999999</v>
      </c>
      <c r="E420">
        <v>42796.05083</v>
      </c>
      <c r="F420">
        <v>99453.315910000005</v>
      </c>
      <c r="G420">
        <v>109741.3251</v>
      </c>
      <c r="H420">
        <v>63031.482279999997</v>
      </c>
      <c r="I420">
        <v>47600.329010000001</v>
      </c>
      <c r="J420">
        <v>44122.895799999998</v>
      </c>
      <c r="K420">
        <v>62618.579010000001</v>
      </c>
      <c r="L420">
        <v>32769.263319999998</v>
      </c>
      <c r="M420">
        <v>357996.13280000002</v>
      </c>
      <c r="N420">
        <v>108123.55869999999</v>
      </c>
      <c r="O420">
        <v>32315.169989999999</v>
      </c>
      <c r="P420">
        <v>40444.732329999999</v>
      </c>
      <c r="Q420">
        <v>98198.771099999998</v>
      </c>
      <c r="R420">
        <v>25336.8874</v>
      </c>
      <c r="S420">
        <v>133842.67660000001</v>
      </c>
      <c r="T420">
        <v>43116.142330000002</v>
      </c>
      <c r="U420">
        <v>32719.88078</v>
      </c>
      <c r="W420" s="83">
        <f>Bühler!N452</f>
        <v>45309.416666665653</v>
      </c>
      <c r="X420" s="83">
        <v>43118.416666666664</v>
      </c>
      <c r="Y420">
        <v>308941.11139999999</v>
      </c>
      <c r="Z420">
        <v>42796.05083</v>
      </c>
      <c r="AA420">
        <v>99453.315910000005</v>
      </c>
      <c r="AB420">
        <v>109741.3251</v>
      </c>
      <c r="AC420">
        <v>63031.482279999997</v>
      </c>
      <c r="AD420">
        <v>47600.329010000001</v>
      </c>
      <c r="AE420">
        <v>44122.895799999998</v>
      </c>
      <c r="AF420">
        <v>62618.579010000001</v>
      </c>
      <c r="AG420">
        <v>32769.263319999998</v>
      </c>
      <c r="AH420">
        <v>357996.13280000002</v>
      </c>
      <c r="AI420">
        <v>108123.55869999999</v>
      </c>
      <c r="AJ420">
        <v>32315.169989999999</v>
      </c>
      <c r="AK420">
        <v>40444.732329999999</v>
      </c>
      <c r="AL420">
        <v>98198.771099999998</v>
      </c>
      <c r="AM420">
        <v>25336.8874</v>
      </c>
      <c r="AN420">
        <v>133842.67660000001</v>
      </c>
      <c r="AO420">
        <v>43116.142330000002</v>
      </c>
      <c r="AP420">
        <v>32719.88078</v>
      </c>
    </row>
    <row r="421" spans="2:42" x14ac:dyDescent="0.3">
      <c r="B421">
        <v>70.545615107864236</v>
      </c>
      <c r="C421" s="83">
        <v>43118.458333333336</v>
      </c>
      <c r="D421">
        <v>309119.74920000002</v>
      </c>
      <c r="E421">
        <v>42536.072829999997</v>
      </c>
      <c r="F421">
        <v>99682.572589999996</v>
      </c>
      <c r="G421">
        <v>106593.36410000001</v>
      </c>
      <c r="H421">
        <v>62476.953650000003</v>
      </c>
      <c r="I421">
        <v>46740.503980000001</v>
      </c>
      <c r="J421">
        <v>43605.713219999998</v>
      </c>
      <c r="K421">
        <v>68728.475160000002</v>
      </c>
      <c r="L421">
        <v>34257.052770000002</v>
      </c>
      <c r="M421">
        <v>359674.44420000003</v>
      </c>
      <c r="N421">
        <v>107583.3573</v>
      </c>
      <c r="O421">
        <v>32112.645700000001</v>
      </c>
      <c r="P421">
        <v>38704.116170000001</v>
      </c>
      <c r="Q421">
        <v>97961.883489999993</v>
      </c>
      <c r="R421">
        <v>28940.694090000001</v>
      </c>
      <c r="S421">
        <v>134974.24299999999</v>
      </c>
      <c r="T421">
        <v>42890.500939999998</v>
      </c>
      <c r="U421">
        <v>33184.388599999998</v>
      </c>
      <c r="W421" s="83">
        <f>Bühler!N453</f>
        <v>45309.458333332317</v>
      </c>
      <c r="X421" s="83">
        <v>43118.458333333336</v>
      </c>
      <c r="Y421">
        <v>309119.74920000002</v>
      </c>
      <c r="Z421">
        <v>42536.072829999997</v>
      </c>
      <c r="AA421">
        <v>99682.572589999996</v>
      </c>
      <c r="AB421">
        <v>106593.36410000001</v>
      </c>
      <c r="AC421">
        <v>62476.953650000003</v>
      </c>
      <c r="AD421">
        <v>46740.503980000001</v>
      </c>
      <c r="AE421">
        <v>43605.713219999998</v>
      </c>
      <c r="AF421">
        <v>68728.475160000002</v>
      </c>
      <c r="AG421">
        <v>34257.052770000002</v>
      </c>
      <c r="AH421">
        <v>359674.44420000003</v>
      </c>
      <c r="AI421">
        <v>107583.3573</v>
      </c>
      <c r="AJ421">
        <v>32112.645700000001</v>
      </c>
      <c r="AK421">
        <v>38704.116170000001</v>
      </c>
      <c r="AL421">
        <v>97961.883489999993</v>
      </c>
      <c r="AM421">
        <v>28940.694090000001</v>
      </c>
      <c r="AN421">
        <v>134974.24299999999</v>
      </c>
      <c r="AO421">
        <v>42890.500939999998</v>
      </c>
      <c r="AP421">
        <v>33184.388599999998</v>
      </c>
    </row>
    <row r="422" spans="2:42" x14ac:dyDescent="0.3">
      <c r="B422">
        <v>69.512663108816625</v>
      </c>
      <c r="C422" s="83">
        <v>43118.5</v>
      </c>
      <c r="D422">
        <v>295363.50150000001</v>
      </c>
      <c r="E422">
        <v>37922.57922</v>
      </c>
      <c r="F422">
        <v>97959.804810000001</v>
      </c>
      <c r="G422">
        <v>104196.69620000001</v>
      </c>
      <c r="H422">
        <v>58735.86937</v>
      </c>
      <c r="I422">
        <v>44603.209849999999</v>
      </c>
      <c r="J422">
        <v>42803.356540000001</v>
      </c>
      <c r="K422">
        <v>63566.59143</v>
      </c>
      <c r="L422">
        <v>37034.380949999999</v>
      </c>
      <c r="M422">
        <v>354407.97320000001</v>
      </c>
      <c r="N422">
        <v>103273.97689999999</v>
      </c>
      <c r="O422">
        <v>31356.783149999999</v>
      </c>
      <c r="P422">
        <v>40140.436970000002</v>
      </c>
      <c r="Q422">
        <v>96572.483649999995</v>
      </c>
      <c r="R422">
        <v>28314.623449999999</v>
      </c>
      <c r="S422">
        <v>127225.9898</v>
      </c>
      <c r="T422">
        <v>41959.149140000001</v>
      </c>
      <c r="U422">
        <v>28819.526979999999</v>
      </c>
      <c r="W422" s="83">
        <f>Bühler!N454</f>
        <v>45309.499999998981</v>
      </c>
      <c r="X422" s="83">
        <v>43118.5</v>
      </c>
      <c r="Y422">
        <v>295363.50150000001</v>
      </c>
      <c r="Z422">
        <v>37922.57922</v>
      </c>
      <c r="AA422">
        <v>97959.804810000001</v>
      </c>
      <c r="AB422">
        <v>104196.69620000001</v>
      </c>
      <c r="AC422">
        <v>58735.86937</v>
      </c>
      <c r="AD422">
        <v>44603.209849999999</v>
      </c>
      <c r="AE422">
        <v>42803.356540000001</v>
      </c>
      <c r="AF422">
        <v>63566.59143</v>
      </c>
      <c r="AG422">
        <v>37034.380949999999</v>
      </c>
      <c r="AH422">
        <v>354407.97320000001</v>
      </c>
      <c r="AI422">
        <v>103273.97689999999</v>
      </c>
      <c r="AJ422">
        <v>31356.783149999999</v>
      </c>
      <c r="AK422">
        <v>40140.436970000002</v>
      </c>
      <c r="AL422">
        <v>96572.483649999995</v>
      </c>
      <c r="AM422">
        <v>28314.623449999999</v>
      </c>
      <c r="AN422">
        <v>127225.9898</v>
      </c>
      <c r="AO422">
        <v>41959.149140000001</v>
      </c>
      <c r="AP422">
        <v>28819.526979999999</v>
      </c>
    </row>
    <row r="423" spans="2:42" x14ac:dyDescent="0.3">
      <c r="B423">
        <v>68.814410014409702</v>
      </c>
      <c r="C423" s="83">
        <v>43118.541666666664</v>
      </c>
      <c r="D423">
        <v>296353.66700000002</v>
      </c>
      <c r="E423">
        <v>37504.569000000003</v>
      </c>
      <c r="F423">
        <v>96568.973729999998</v>
      </c>
      <c r="G423">
        <v>101089.0704</v>
      </c>
      <c r="H423">
        <v>59498.115210000004</v>
      </c>
      <c r="I423">
        <v>44254.102079999997</v>
      </c>
      <c r="J423">
        <v>41593.667240000002</v>
      </c>
      <c r="K423">
        <v>67817.552880000003</v>
      </c>
      <c r="L423">
        <v>35523.592729999997</v>
      </c>
      <c r="M423">
        <v>350847.95329999999</v>
      </c>
      <c r="N423">
        <v>103506.4237</v>
      </c>
      <c r="O423">
        <v>30865.625339999999</v>
      </c>
      <c r="P423">
        <v>39495.987209999999</v>
      </c>
      <c r="Q423">
        <v>94837.482680000001</v>
      </c>
      <c r="R423">
        <v>27568.407800000001</v>
      </c>
      <c r="S423">
        <v>126670.41710000001</v>
      </c>
      <c r="T423">
        <v>41563.415200000003</v>
      </c>
      <c r="U423">
        <v>29123.964499999998</v>
      </c>
      <c r="W423" s="83">
        <f>Bühler!N455</f>
        <v>45309.541666665646</v>
      </c>
      <c r="X423" s="83">
        <v>43118.541666666664</v>
      </c>
      <c r="Y423">
        <v>296353.66700000002</v>
      </c>
      <c r="Z423">
        <v>37504.569000000003</v>
      </c>
      <c r="AA423">
        <v>96568.973729999998</v>
      </c>
      <c r="AB423">
        <v>101089.0704</v>
      </c>
      <c r="AC423">
        <v>59498.115210000004</v>
      </c>
      <c r="AD423">
        <v>44254.102079999997</v>
      </c>
      <c r="AE423">
        <v>41593.667240000002</v>
      </c>
      <c r="AF423">
        <v>67817.552880000003</v>
      </c>
      <c r="AG423">
        <v>35523.592729999997</v>
      </c>
      <c r="AH423">
        <v>350847.95329999999</v>
      </c>
      <c r="AI423">
        <v>103506.4237</v>
      </c>
      <c r="AJ423">
        <v>30865.625339999999</v>
      </c>
      <c r="AK423">
        <v>39495.987209999999</v>
      </c>
      <c r="AL423">
        <v>94837.482680000001</v>
      </c>
      <c r="AM423">
        <v>27568.407800000001</v>
      </c>
      <c r="AN423">
        <v>126670.41710000001</v>
      </c>
      <c r="AO423">
        <v>41563.415200000003</v>
      </c>
      <c r="AP423">
        <v>29123.964499999998</v>
      </c>
    </row>
    <row r="424" spans="2:42" x14ac:dyDescent="0.3">
      <c r="B424">
        <v>68.829092625802858</v>
      </c>
      <c r="C424" s="83">
        <v>43118.583333333336</v>
      </c>
      <c r="D424">
        <v>299709.05949999997</v>
      </c>
      <c r="E424">
        <v>40454.16012</v>
      </c>
      <c r="F424">
        <v>99042.497870000007</v>
      </c>
      <c r="G424">
        <v>96126.375499999995</v>
      </c>
      <c r="H424">
        <v>59013.738299999997</v>
      </c>
      <c r="I424">
        <v>44921.671849999999</v>
      </c>
      <c r="J424">
        <v>41019.63955</v>
      </c>
      <c r="K424">
        <v>69802.635829999999</v>
      </c>
      <c r="L424">
        <v>32314.668689999999</v>
      </c>
      <c r="M424">
        <v>350922.81209999998</v>
      </c>
      <c r="N424">
        <v>103582.8553</v>
      </c>
      <c r="O424">
        <v>30870.380850000001</v>
      </c>
      <c r="P424">
        <v>36434.19902</v>
      </c>
      <c r="Q424">
        <v>93696.184859999994</v>
      </c>
      <c r="R424">
        <v>27030.967410000001</v>
      </c>
      <c r="S424">
        <v>119596.9137</v>
      </c>
      <c r="T424">
        <v>39844.227570000003</v>
      </c>
      <c r="U424">
        <v>29761.687269999999</v>
      </c>
      <c r="W424" s="83">
        <f>Bühler!N456</f>
        <v>45309.58333333231</v>
      </c>
      <c r="X424" s="83">
        <v>43118.583333333336</v>
      </c>
      <c r="Y424">
        <v>299709.05949999997</v>
      </c>
      <c r="Z424">
        <v>40454.16012</v>
      </c>
      <c r="AA424">
        <v>99042.497870000007</v>
      </c>
      <c r="AB424">
        <v>96126.375499999995</v>
      </c>
      <c r="AC424">
        <v>59013.738299999997</v>
      </c>
      <c r="AD424">
        <v>44921.671849999999</v>
      </c>
      <c r="AE424">
        <v>41019.63955</v>
      </c>
      <c r="AF424">
        <v>69802.635829999999</v>
      </c>
      <c r="AG424">
        <v>32314.668689999999</v>
      </c>
      <c r="AH424">
        <v>350922.81209999998</v>
      </c>
      <c r="AI424">
        <v>103582.8553</v>
      </c>
      <c r="AJ424">
        <v>30870.380850000001</v>
      </c>
      <c r="AK424">
        <v>36434.19902</v>
      </c>
      <c r="AL424">
        <v>93696.184859999994</v>
      </c>
      <c r="AM424">
        <v>27030.967410000001</v>
      </c>
      <c r="AN424">
        <v>119596.9137</v>
      </c>
      <c r="AO424">
        <v>39844.227570000003</v>
      </c>
      <c r="AP424">
        <v>29761.687269999999</v>
      </c>
    </row>
    <row r="425" spans="2:42" x14ac:dyDescent="0.3">
      <c r="B425">
        <v>68.000430040500888</v>
      </c>
      <c r="C425" s="83">
        <v>43118.625</v>
      </c>
      <c r="D425">
        <v>299035.96250000002</v>
      </c>
      <c r="E425">
        <v>40096.33625</v>
      </c>
      <c r="F425">
        <v>98279.033880000003</v>
      </c>
      <c r="G425">
        <v>93050.09014</v>
      </c>
      <c r="H425">
        <v>57507.219109999998</v>
      </c>
      <c r="I425">
        <v>45179.614249999999</v>
      </c>
      <c r="J425">
        <v>42008.2039</v>
      </c>
      <c r="K425">
        <v>67019.13265</v>
      </c>
      <c r="L425">
        <v>28843.16805</v>
      </c>
      <c r="M425">
        <v>346697.90379999997</v>
      </c>
      <c r="N425">
        <v>102545.93150000001</v>
      </c>
      <c r="O425">
        <v>30404.415590000001</v>
      </c>
      <c r="P425">
        <v>34497.865640000004</v>
      </c>
      <c r="Q425">
        <v>92983.76827</v>
      </c>
      <c r="R425">
        <v>26407.318609999998</v>
      </c>
      <c r="S425">
        <v>119609.55009999999</v>
      </c>
      <c r="T425">
        <v>39458.252930000002</v>
      </c>
      <c r="U425">
        <v>28518.094430000001</v>
      </c>
      <c r="W425" s="83">
        <f>Bühler!N457</f>
        <v>45309.624999998974</v>
      </c>
      <c r="X425" s="83">
        <v>43118.625</v>
      </c>
      <c r="Y425">
        <v>299035.96250000002</v>
      </c>
      <c r="Z425">
        <v>40096.33625</v>
      </c>
      <c r="AA425">
        <v>98279.033880000003</v>
      </c>
      <c r="AB425">
        <v>93050.09014</v>
      </c>
      <c r="AC425">
        <v>57507.219109999998</v>
      </c>
      <c r="AD425">
        <v>45179.614249999999</v>
      </c>
      <c r="AE425">
        <v>42008.2039</v>
      </c>
      <c r="AF425">
        <v>67019.13265</v>
      </c>
      <c r="AG425">
        <v>28843.16805</v>
      </c>
      <c r="AH425">
        <v>346697.90379999997</v>
      </c>
      <c r="AI425">
        <v>102545.93150000001</v>
      </c>
      <c r="AJ425">
        <v>30404.415590000001</v>
      </c>
      <c r="AK425">
        <v>34497.865640000004</v>
      </c>
      <c r="AL425">
        <v>92983.76827</v>
      </c>
      <c r="AM425">
        <v>26407.318609999998</v>
      </c>
      <c r="AN425">
        <v>119609.55009999999</v>
      </c>
      <c r="AO425">
        <v>39458.252930000002</v>
      </c>
      <c r="AP425">
        <v>28518.094430000001</v>
      </c>
    </row>
    <row r="426" spans="2:42" x14ac:dyDescent="0.3">
      <c r="B426">
        <v>67.344387227689651</v>
      </c>
      <c r="C426" s="83">
        <v>43118.666666666664</v>
      </c>
      <c r="D426">
        <v>290314.41960000002</v>
      </c>
      <c r="E426">
        <v>39217.672550000003</v>
      </c>
      <c r="F426">
        <v>97059.272219999999</v>
      </c>
      <c r="G426">
        <v>87570.893169999996</v>
      </c>
      <c r="H426">
        <v>56051.427219999998</v>
      </c>
      <c r="I426">
        <v>46032.260199999997</v>
      </c>
      <c r="J426">
        <v>41365.036840000001</v>
      </c>
      <c r="K426">
        <v>62924.882949999999</v>
      </c>
      <c r="L426">
        <v>28338.618620000001</v>
      </c>
      <c r="M426">
        <v>343353.09159999999</v>
      </c>
      <c r="N426">
        <v>99137.456699999995</v>
      </c>
      <c r="O426">
        <v>29853.786779999999</v>
      </c>
      <c r="P426">
        <v>35106.938699999999</v>
      </c>
      <c r="Q426">
        <v>92244.001730000004</v>
      </c>
      <c r="R426">
        <v>26194.46789</v>
      </c>
      <c r="S426">
        <v>116203.35</v>
      </c>
      <c r="T426">
        <v>39065.062420000002</v>
      </c>
      <c r="U426">
        <v>27084.00301</v>
      </c>
      <c r="W426" s="83">
        <f>Bühler!N458</f>
        <v>45309.666666665638</v>
      </c>
      <c r="X426" s="83">
        <v>43118.666666666664</v>
      </c>
      <c r="Y426">
        <v>290314.41960000002</v>
      </c>
      <c r="Z426">
        <v>39217.672550000003</v>
      </c>
      <c r="AA426">
        <v>97059.272219999999</v>
      </c>
      <c r="AB426">
        <v>87570.893169999996</v>
      </c>
      <c r="AC426">
        <v>56051.427219999998</v>
      </c>
      <c r="AD426">
        <v>46032.260199999997</v>
      </c>
      <c r="AE426">
        <v>41365.036840000001</v>
      </c>
      <c r="AF426">
        <v>62924.882949999999</v>
      </c>
      <c r="AG426">
        <v>28338.618620000001</v>
      </c>
      <c r="AH426">
        <v>343353.09159999999</v>
      </c>
      <c r="AI426">
        <v>99137.456699999995</v>
      </c>
      <c r="AJ426">
        <v>29853.786779999999</v>
      </c>
      <c r="AK426">
        <v>35106.938699999999</v>
      </c>
      <c r="AL426">
        <v>92244.001730000004</v>
      </c>
      <c r="AM426">
        <v>26194.46789</v>
      </c>
      <c r="AN426">
        <v>116203.35</v>
      </c>
      <c r="AO426">
        <v>39065.062420000002</v>
      </c>
      <c r="AP426">
        <v>27084.00301</v>
      </c>
    </row>
    <row r="427" spans="2:42" x14ac:dyDescent="0.3">
      <c r="B427">
        <v>66.991541179615126</v>
      </c>
      <c r="C427" s="83">
        <v>43118.708333333336</v>
      </c>
      <c r="D427">
        <v>281069.70819999999</v>
      </c>
      <c r="E427">
        <v>38278.958789999997</v>
      </c>
      <c r="F427">
        <v>98939.266319999995</v>
      </c>
      <c r="G427">
        <v>79203.038920000006</v>
      </c>
      <c r="H427">
        <v>55066.475509999997</v>
      </c>
      <c r="I427">
        <v>45073.398179999997</v>
      </c>
      <c r="J427">
        <v>42807.423459999998</v>
      </c>
      <c r="K427">
        <v>57095.694660000001</v>
      </c>
      <c r="L427">
        <v>29558.939689999999</v>
      </c>
      <c r="M427">
        <v>341554.11790000001</v>
      </c>
      <c r="N427">
        <v>91892.244869999995</v>
      </c>
      <c r="O427">
        <v>29347.651440000001</v>
      </c>
      <c r="P427">
        <v>37976.394390000001</v>
      </c>
      <c r="Q427">
        <v>91658.700530000002</v>
      </c>
      <c r="R427">
        <v>25947.695250000001</v>
      </c>
      <c r="S427">
        <v>115766.09480000001</v>
      </c>
      <c r="T427">
        <v>39781.839500000002</v>
      </c>
      <c r="U427">
        <v>25407.898089999999</v>
      </c>
      <c r="W427" s="83">
        <f>Bühler!N459</f>
        <v>45309.708333332303</v>
      </c>
      <c r="X427" s="83">
        <v>43118.708333333336</v>
      </c>
      <c r="Y427">
        <v>281069.70819999999</v>
      </c>
      <c r="Z427">
        <v>38278.958789999997</v>
      </c>
      <c r="AA427">
        <v>98939.266319999995</v>
      </c>
      <c r="AB427">
        <v>79203.038920000006</v>
      </c>
      <c r="AC427">
        <v>55066.475509999997</v>
      </c>
      <c r="AD427">
        <v>45073.398179999997</v>
      </c>
      <c r="AE427">
        <v>42807.423459999998</v>
      </c>
      <c r="AF427">
        <v>57095.694660000001</v>
      </c>
      <c r="AG427">
        <v>29558.939689999999</v>
      </c>
      <c r="AH427">
        <v>341554.11790000001</v>
      </c>
      <c r="AI427">
        <v>91892.244869999995</v>
      </c>
      <c r="AJ427">
        <v>29347.651440000001</v>
      </c>
      <c r="AK427">
        <v>37976.394390000001</v>
      </c>
      <c r="AL427">
        <v>91658.700530000002</v>
      </c>
      <c r="AM427">
        <v>25947.695250000001</v>
      </c>
      <c r="AN427">
        <v>115766.09480000001</v>
      </c>
      <c r="AO427">
        <v>39781.839500000002</v>
      </c>
      <c r="AP427">
        <v>25407.898089999999</v>
      </c>
    </row>
    <row r="428" spans="2:42" x14ac:dyDescent="0.3">
      <c r="B428">
        <v>65.182408220533532</v>
      </c>
      <c r="C428" s="83">
        <v>43118.75</v>
      </c>
      <c r="D428">
        <v>274619.88309999998</v>
      </c>
      <c r="E428">
        <v>35063.233500000002</v>
      </c>
      <c r="F428">
        <v>95368.071779999998</v>
      </c>
      <c r="G428">
        <v>69821.637950000004</v>
      </c>
      <c r="H428">
        <v>52710.545380000003</v>
      </c>
      <c r="I428">
        <v>43244.291550000002</v>
      </c>
      <c r="J428">
        <v>44019.513959999997</v>
      </c>
      <c r="K428">
        <v>50171.581010000002</v>
      </c>
      <c r="L428">
        <v>30867.861410000001</v>
      </c>
      <c r="M428">
        <v>332330.31439999997</v>
      </c>
      <c r="N428">
        <v>88296.635519999996</v>
      </c>
      <c r="O428">
        <v>28023.53832</v>
      </c>
      <c r="P428">
        <v>40456.426240000001</v>
      </c>
      <c r="Q428">
        <v>90056.773199999996</v>
      </c>
      <c r="R428">
        <v>22356.67928</v>
      </c>
      <c r="S428">
        <v>109282.1701</v>
      </c>
      <c r="T428">
        <v>40117.233849999997</v>
      </c>
      <c r="U428">
        <v>23662.30589</v>
      </c>
      <c r="W428" s="83">
        <f>Bühler!N460</f>
        <v>45309.749999998967</v>
      </c>
      <c r="X428" s="83">
        <v>43118.75</v>
      </c>
      <c r="Y428">
        <v>274619.88309999998</v>
      </c>
      <c r="Z428">
        <v>35063.233500000002</v>
      </c>
      <c r="AA428">
        <v>95368.071779999998</v>
      </c>
      <c r="AB428">
        <v>69821.637950000004</v>
      </c>
      <c r="AC428">
        <v>52710.545380000003</v>
      </c>
      <c r="AD428">
        <v>43244.291550000002</v>
      </c>
      <c r="AE428">
        <v>44019.513959999997</v>
      </c>
      <c r="AF428">
        <v>50171.581010000002</v>
      </c>
      <c r="AG428">
        <v>30867.861410000001</v>
      </c>
      <c r="AH428">
        <v>332330.31439999997</v>
      </c>
      <c r="AI428">
        <v>88296.635519999996</v>
      </c>
      <c r="AJ428">
        <v>28023.53832</v>
      </c>
      <c r="AK428">
        <v>40456.426240000001</v>
      </c>
      <c r="AL428">
        <v>90056.773199999996</v>
      </c>
      <c r="AM428">
        <v>22356.67928</v>
      </c>
      <c r="AN428">
        <v>109282.1701</v>
      </c>
      <c r="AO428">
        <v>40117.233849999997</v>
      </c>
      <c r="AP428">
        <v>23662.30589</v>
      </c>
    </row>
    <row r="429" spans="2:42" x14ac:dyDescent="0.3">
      <c r="B429">
        <v>64.009091658497454</v>
      </c>
      <c r="C429" s="83">
        <v>43118.791666666664</v>
      </c>
      <c r="D429">
        <v>267215.90669999999</v>
      </c>
      <c r="E429">
        <v>28812.540679999998</v>
      </c>
      <c r="F429">
        <v>82622.100149999998</v>
      </c>
      <c r="G429">
        <v>62036.041879999997</v>
      </c>
      <c r="H429">
        <v>49452.433060000003</v>
      </c>
      <c r="I429">
        <v>40448.246099999997</v>
      </c>
      <c r="J429">
        <v>43389.407169999999</v>
      </c>
      <c r="K429">
        <v>49620.845630000003</v>
      </c>
      <c r="L429">
        <v>30975.881229999999</v>
      </c>
      <c r="M429">
        <v>326348.19939999998</v>
      </c>
      <c r="N429">
        <v>88210.989650000003</v>
      </c>
      <c r="O429">
        <v>27204.367579999998</v>
      </c>
      <c r="P429">
        <v>42133.58539</v>
      </c>
      <c r="Q429">
        <v>88178.798250000007</v>
      </c>
      <c r="R429">
        <v>21443.92556</v>
      </c>
      <c r="S429">
        <v>103885.0134</v>
      </c>
      <c r="T429">
        <v>40052.988870000001</v>
      </c>
      <c r="U429">
        <v>21845.22711</v>
      </c>
      <c r="W429" s="83">
        <f>Bühler!N461</f>
        <v>45309.791666665631</v>
      </c>
      <c r="X429" s="83">
        <v>43118.791666666664</v>
      </c>
      <c r="Y429">
        <v>267215.90669999999</v>
      </c>
      <c r="Z429">
        <v>28812.540679999998</v>
      </c>
      <c r="AA429">
        <v>82622.100149999998</v>
      </c>
      <c r="AB429">
        <v>62036.041879999997</v>
      </c>
      <c r="AC429">
        <v>49452.433060000003</v>
      </c>
      <c r="AD429">
        <v>40448.246099999997</v>
      </c>
      <c r="AE429">
        <v>43389.407169999999</v>
      </c>
      <c r="AF429">
        <v>49620.845630000003</v>
      </c>
      <c r="AG429">
        <v>30975.881229999999</v>
      </c>
      <c r="AH429">
        <v>326348.19939999998</v>
      </c>
      <c r="AI429">
        <v>88210.989650000003</v>
      </c>
      <c r="AJ429">
        <v>27204.367579999998</v>
      </c>
      <c r="AK429">
        <v>42133.58539</v>
      </c>
      <c r="AL429">
        <v>88178.798250000007</v>
      </c>
      <c r="AM429">
        <v>21443.92556</v>
      </c>
      <c r="AN429">
        <v>103885.0134</v>
      </c>
      <c r="AO429">
        <v>40052.988870000001</v>
      </c>
      <c r="AP429">
        <v>21845.22711</v>
      </c>
    </row>
    <row r="430" spans="2:42" x14ac:dyDescent="0.3">
      <c r="B430">
        <v>63.186211361048876</v>
      </c>
      <c r="C430" s="83">
        <v>43118.833333333336</v>
      </c>
      <c r="D430">
        <v>257088.321</v>
      </c>
      <c r="E430">
        <v>22111.060880000001</v>
      </c>
      <c r="F430">
        <v>64277.603609999998</v>
      </c>
      <c r="G430">
        <v>54645.32202</v>
      </c>
      <c r="H430">
        <v>46913.754919999999</v>
      </c>
      <c r="I430">
        <v>35310.054190000003</v>
      </c>
      <c r="J430">
        <v>41364.800199999998</v>
      </c>
      <c r="K430">
        <v>55219.107909999999</v>
      </c>
      <c r="L430">
        <v>31216.290649999999</v>
      </c>
      <c r="M430">
        <v>322152.77189999999</v>
      </c>
      <c r="N430">
        <v>85502.793969999999</v>
      </c>
      <c r="O430">
        <v>25752.2281</v>
      </c>
      <c r="P430">
        <v>41036.109700000001</v>
      </c>
      <c r="Q430">
        <v>85863.164869999993</v>
      </c>
      <c r="R430">
        <v>22419.487860000001</v>
      </c>
      <c r="S430">
        <v>93574.094029999993</v>
      </c>
      <c r="T430">
        <v>37809.357210000002</v>
      </c>
      <c r="U430">
        <v>20581.78715</v>
      </c>
      <c r="W430" s="83">
        <f>Bühler!N462</f>
        <v>45309.833333332295</v>
      </c>
      <c r="X430" s="83">
        <v>43118.833333333336</v>
      </c>
      <c r="Y430">
        <v>257088.321</v>
      </c>
      <c r="Z430">
        <v>22111.060880000001</v>
      </c>
      <c r="AA430">
        <v>64277.603609999998</v>
      </c>
      <c r="AB430">
        <v>54645.32202</v>
      </c>
      <c r="AC430">
        <v>46913.754919999999</v>
      </c>
      <c r="AD430">
        <v>35310.054190000003</v>
      </c>
      <c r="AE430">
        <v>41364.800199999998</v>
      </c>
      <c r="AF430">
        <v>55219.107909999999</v>
      </c>
      <c r="AG430">
        <v>31216.290649999999</v>
      </c>
      <c r="AH430">
        <v>322152.77189999999</v>
      </c>
      <c r="AI430">
        <v>85502.793969999999</v>
      </c>
      <c r="AJ430">
        <v>25752.2281</v>
      </c>
      <c r="AK430">
        <v>41036.109700000001</v>
      </c>
      <c r="AL430">
        <v>85863.164869999993</v>
      </c>
      <c r="AM430">
        <v>22419.487860000001</v>
      </c>
      <c r="AN430">
        <v>93574.094029999993</v>
      </c>
      <c r="AO430">
        <v>37809.357210000002</v>
      </c>
      <c r="AP430">
        <v>20581.78715</v>
      </c>
    </row>
    <row r="431" spans="2:42" x14ac:dyDescent="0.3">
      <c r="B431">
        <v>61.180957974188523</v>
      </c>
      <c r="C431" s="83">
        <v>43118.875</v>
      </c>
      <c r="D431">
        <v>249820.4602</v>
      </c>
      <c r="E431">
        <v>19154.015220000001</v>
      </c>
      <c r="F431">
        <v>55734.505400000002</v>
      </c>
      <c r="G431">
        <v>50575.425770000002</v>
      </c>
      <c r="H431">
        <v>44029.754090000002</v>
      </c>
      <c r="I431">
        <v>30956.120800000001</v>
      </c>
      <c r="J431">
        <v>39883.044560000002</v>
      </c>
      <c r="K431">
        <v>54551.414709999997</v>
      </c>
      <c r="L431">
        <v>29177.312269999999</v>
      </c>
      <c r="M431">
        <v>311929.05499999999</v>
      </c>
      <c r="N431">
        <v>82435.231350000002</v>
      </c>
      <c r="O431">
        <v>25280.015159999999</v>
      </c>
      <c r="P431">
        <v>40207.335489999998</v>
      </c>
      <c r="Q431">
        <v>83634.885689999996</v>
      </c>
      <c r="R431">
        <v>20524.949420000001</v>
      </c>
      <c r="S431">
        <v>87854.357080000002</v>
      </c>
      <c r="T431">
        <v>34124.61045</v>
      </c>
      <c r="U431">
        <v>19272.326880000001</v>
      </c>
      <c r="W431" s="83">
        <f>Bühler!N463</f>
        <v>45309.87499999896</v>
      </c>
      <c r="X431" s="83">
        <v>43118.875</v>
      </c>
      <c r="Y431">
        <v>249820.4602</v>
      </c>
      <c r="Z431">
        <v>19154.015220000001</v>
      </c>
      <c r="AA431">
        <v>55734.505400000002</v>
      </c>
      <c r="AB431">
        <v>50575.425770000002</v>
      </c>
      <c r="AC431">
        <v>44029.754090000002</v>
      </c>
      <c r="AD431">
        <v>30956.120800000001</v>
      </c>
      <c r="AE431">
        <v>39883.044560000002</v>
      </c>
      <c r="AF431">
        <v>54551.414709999997</v>
      </c>
      <c r="AG431">
        <v>29177.312269999999</v>
      </c>
      <c r="AH431">
        <v>311929.05499999999</v>
      </c>
      <c r="AI431">
        <v>82435.231350000002</v>
      </c>
      <c r="AJ431">
        <v>25280.015159999999</v>
      </c>
      <c r="AK431">
        <v>40207.335489999998</v>
      </c>
      <c r="AL431">
        <v>83634.885689999996</v>
      </c>
      <c r="AM431">
        <v>20524.949420000001</v>
      </c>
      <c r="AN431">
        <v>87854.357080000002</v>
      </c>
      <c r="AO431">
        <v>34124.61045</v>
      </c>
      <c r="AP431">
        <v>19272.326880000001</v>
      </c>
    </row>
    <row r="432" spans="2:42" x14ac:dyDescent="0.3">
      <c r="B432">
        <v>61.300069028232883</v>
      </c>
      <c r="C432" s="83">
        <v>43118.916666666664</v>
      </c>
      <c r="D432">
        <v>247967.37890000001</v>
      </c>
      <c r="E432">
        <v>18471.58901</v>
      </c>
      <c r="F432">
        <v>53191.983560000001</v>
      </c>
      <c r="G432">
        <v>47836.027309999998</v>
      </c>
      <c r="H432">
        <v>42486.453750000001</v>
      </c>
      <c r="I432">
        <v>29673.299070000001</v>
      </c>
      <c r="J432">
        <v>38996.179580000004</v>
      </c>
      <c r="K432">
        <v>56379.589339999999</v>
      </c>
      <c r="L432">
        <v>26955.55632</v>
      </c>
      <c r="M432">
        <v>312536.33870000002</v>
      </c>
      <c r="N432">
        <v>81997.304709999997</v>
      </c>
      <c r="O432">
        <v>25649.306100000002</v>
      </c>
      <c r="P432">
        <v>42090.239549999998</v>
      </c>
      <c r="Q432">
        <v>83497.732889999999</v>
      </c>
      <c r="R432">
        <v>26347.02288</v>
      </c>
      <c r="S432">
        <v>87836.019750000007</v>
      </c>
      <c r="T432">
        <v>30460.071510000002</v>
      </c>
      <c r="U432">
        <v>19670.109329999999</v>
      </c>
      <c r="W432" s="83">
        <f>Bühler!N464</f>
        <v>45309.916666665624</v>
      </c>
      <c r="X432" s="83">
        <v>43118.916666666664</v>
      </c>
      <c r="Y432">
        <v>247967.37890000001</v>
      </c>
      <c r="Z432">
        <v>18471.58901</v>
      </c>
      <c r="AA432">
        <v>53191.983560000001</v>
      </c>
      <c r="AB432">
        <v>47836.027309999998</v>
      </c>
      <c r="AC432">
        <v>42486.453750000001</v>
      </c>
      <c r="AD432">
        <v>29673.299070000001</v>
      </c>
      <c r="AE432">
        <v>38996.179580000004</v>
      </c>
      <c r="AF432">
        <v>56379.589339999999</v>
      </c>
      <c r="AG432">
        <v>26955.55632</v>
      </c>
      <c r="AH432">
        <v>312536.33870000002</v>
      </c>
      <c r="AI432">
        <v>81997.304709999997</v>
      </c>
      <c r="AJ432">
        <v>25649.306100000002</v>
      </c>
      <c r="AK432">
        <v>42090.239549999998</v>
      </c>
      <c r="AL432">
        <v>83497.732889999999</v>
      </c>
      <c r="AM432">
        <v>26347.02288</v>
      </c>
      <c r="AN432">
        <v>87836.019750000007</v>
      </c>
      <c r="AO432">
        <v>30460.071510000002</v>
      </c>
      <c r="AP432">
        <v>19670.109329999999</v>
      </c>
    </row>
    <row r="433" spans="2:42" x14ac:dyDescent="0.3">
      <c r="B433">
        <v>60.077200486629721</v>
      </c>
      <c r="C433" s="83">
        <v>43118.958333333336</v>
      </c>
      <c r="D433">
        <v>249052.86069999999</v>
      </c>
      <c r="E433">
        <v>18362.699720000001</v>
      </c>
      <c r="F433">
        <v>51769.068070000001</v>
      </c>
      <c r="G433">
        <v>46672.447619999999</v>
      </c>
      <c r="H433">
        <v>41546.929530000001</v>
      </c>
      <c r="I433">
        <v>28340.715850000001</v>
      </c>
      <c r="J433">
        <v>36826.946660000001</v>
      </c>
      <c r="K433">
        <v>55220.029990000003</v>
      </c>
      <c r="L433">
        <v>23504.864959999999</v>
      </c>
      <c r="M433">
        <v>306301.5846</v>
      </c>
      <c r="N433">
        <v>81166.969370000006</v>
      </c>
      <c r="O433">
        <v>25227.709859999999</v>
      </c>
      <c r="P433">
        <v>38746.095580000001</v>
      </c>
      <c r="Q433">
        <v>83315.858170000007</v>
      </c>
      <c r="R433">
        <v>28020.080890000001</v>
      </c>
      <c r="S433">
        <v>86547.141870000007</v>
      </c>
      <c r="T433">
        <v>31253.5838</v>
      </c>
      <c r="U433">
        <v>18683.310740000001</v>
      </c>
      <c r="W433" s="83">
        <f>Bühler!N465</f>
        <v>45309.958333332288</v>
      </c>
      <c r="X433" s="83">
        <v>43118.958333333336</v>
      </c>
      <c r="Y433">
        <v>249052.86069999999</v>
      </c>
      <c r="Z433">
        <v>18362.699720000001</v>
      </c>
      <c r="AA433">
        <v>51769.068070000001</v>
      </c>
      <c r="AB433">
        <v>46672.447619999999</v>
      </c>
      <c r="AC433">
        <v>41546.929530000001</v>
      </c>
      <c r="AD433">
        <v>28340.715850000001</v>
      </c>
      <c r="AE433">
        <v>36826.946660000001</v>
      </c>
      <c r="AF433">
        <v>55220.029990000003</v>
      </c>
      <c r="AG433">
        <v>23504.864959999999</v>
      </c>
      <c r="AH433">
        <v>306301.5846</v>
      </c>
      <c r="AI433">
        <v>81166.969370000006</v>
      </c>
      <c r="AJ433">
        <v>25227.709859999999</v>
      </c>
      <c r="AK433">
        <v>38746.095580000001</v>
      </c>
      <c r="AL433">
        <v>83315.858170000007</v>
      </c>
      <c r="AM433">
        <v>28020.080890000001</v>
      </c>
      <c r="AN433">
        <v>86547.141870000007</v>
      </c>
      <c r="AO433">
        <v>31253.5838</v>
      </c>
      <c r="AP433">
        <v>18683.310740000001</v>
      </c>
    </row>
    <row r="434" spans="2:42" x14ac:dyDescent="0.3">
      <c r="B434">
        <v>59.463253999577034</v>
      </c>
      <c r="C434" s="83">
        <v>43119</v>
      </c>
      <c r="D434">
        <v>246887.7481</v>
      </c>
      <c r="E434">
        <v>17902.566640000001</v>
      </c>
      <c r="F434">
        <v>51329.7117</v>
      </c>
      <c r="G434">
        <v>45778.099159999998</v>
      </c>
      <c r="H434">
        <v>41150.875540000001</v>
      </c>
      <c r="I434">
        <v>26679.188630000001</v>
      </c>
      <c r="J434">
        <v>34848.37038</v>
      </c>
      <c r="K434">
        <v>53160.863720000001</v>
      </c>
      <c r="L434">
        <v>21399.975060000001</v>
      </c>
      <c r="M434">
        <v>303171.39909999998</v>
      </c>
      <c r="N434">
        <v>80905.219630000007</v>
      </c>
      <c r="O434">
        <v>24999.36795</v>
      </c>
      <c r="P434">
        <v>36939.324760000003</v>
      </c>
      <c r="Q434">
        <v>83287.916339999996</v>
      </c>
      <c r="R434">
        <v>24862.621859999999</v>
      </c>
      <c r="S434">
        <v>86058.30042</v>
      </c>
      <c r="T434">
        <v>29585.936310000001</v>
      </c>
      <c r="U434">
        <v>18954.39356</v>
      </c>
      <c r="W434" s="83">
        <f>Bühler!N466</f>
        <v>45309.999999998952</v>
      </c>
      <c r="X434" s="83">
        <v>43119</v>
      </c>
      <c r="Y434">
        <v>246887.7481</v>
      </c>
      <c r="Z434">
        <v>17902.566640000001</v>
      </c>
      <c r="AA434">
        <v>51329.7117</v>
      </c>
      <c r="AB434">
        <v>45778.099159999998</v>
      </c>
      <c r="AC434">
        <v>41150.875540000001</v>
      </c>
      <c r="AD434">
        <v>26679.188630000001</v>
      </c>
      <c r="AE434">
        <v>34848.37038</v>
      </c>
      <c r="AF434">
        <v>53160.863720000001</v>
      </c>
      <c r="AG434">
        <v>21399.975060000001</v>
      </c>
      <c r="AH434">
        <v>303171.39909999998</v>
      </c>
      <c r="AI434">
        <v>80905.219630000007</v>
      </c>
      <c r="AJ434">
        <v>24999.36795</v>
      </c>
      <c r="AK434">
        <v>36939.324760000003</v>
      </c>
      <c r="AL434">
        <v>83287.916339999996</v>
      </c>
      <c r="AM434">
        <v>24862.621859999999</v>
      </c>
      <c r="AN434">
        <v>86058.30042</v>
      </c>
      <c r="AO434">
        <v>29585.936310000001</v>
      </c>
      <c r="AP434">
        <v>18954.39356</v>
      </c>
    </row>
    <row r="435" spans="2:42" x14ac:dyDescent="0.3">
      <c r="B435">
        <v>59.142101521521859</v>
      </c>
      <c r="C435" s="83">
        <v>43119.041666666664</v>
      </c>
      <c r="D435">
        <v>244972.2444</v>
      </c>
      <c r="E435">
        <v>17756.623039999999</v>
      </c>
      <c r="F435">
        <v>51840.742250000003</v>
      </c>
      <c r="G435">
        <v>44971.338960000001</v>
      </c>
      <c r="H435">
        <v>40765.282330000002</v>
      </c>
      <c r="I435">
        <v>23177.631010000001</v>
      </c>
      <c r="J435">
        <v>33642.934280000001</v>
      </c>
      <c r="K435">
        <v>52436.637309999998</v>
      </c>
      <c r="L435">
        <v>20154.090609999999</v>
      </c>
      <c r="M435">
        <v>301534.01400000002</v>
      </c>
      <c r="N435">
        <v>80848.700330000007</v>
      </c>
      <c r="O435">
        <v>24973.850289999998</v>
      </c>
      <c r="P435">
        <v>34757.909849999996</v>
      </c>
      <c r="Q435">
        <v>84008.343380000006</v>
      </c>
      <c r="R435">
        <v>21929.214540000001</v>
      </c>
      <c r="S435">
        <v>84866.200760000007</v>
      </c>
      <c r="T435">
        <v>28934.686799999999</v>
      </c>
      <c r="U435">
        <v>18823.0893</v>
      </c>
      <c r="W435" s="83">
        <f>Bühler!N467</f>
        <v>45310.041666665617</v>
      </c>
      <c r="X435" s="83">
        <v>43119.041666666664</v>
      </c>
      <c r="Y435">
        <v>244972.2444</v>
      </c>
      <c r="Z435">
        <v>17756.623039999999</v>
      </c>
      <c r="AA435">
        <v>51840.742250000003</v>
      </c>
      <c r="AB435">
        <v>44971.338960000001</v>
      </c>
      <c r="AC435">
        <v>40765.282330000002</v>
      </c>
      <c r="AD435">
        <v>23177.631010000001</v>
      </c>
      <c r="AE435">
        <v>33642.934280000001</v>
      </c>
      <c r="AF435">
        <v>52436.637309999998</v>
      </c>
      <c r="AG435">
        <v>20154.090609999999</v>
      </c>
      <c r="AH435">
        <v>301534.01400000002</v>
      </c>
      <c r="AI435">
        <v>80848.700330000007</v>
      </c>
      <c r="AJ435">
        <v>24973.850289999998</v>
      </c>
      <c r="AK435">
        <v>34757.909849999996</v>
      </c>
      <c r="AL435">
        <v>84008.343380000006</v>
      </c>
      <c r="AM435">
        <v>21929.214540000001</v>
      </c>
      <c r="AN435">
        <v>84866.200760000007</v>
      </c>
      <c r="AO435">
        <v>28934.686799999999</v>
      </c>
      <c r="AP435">
        <v>18823.0893</v>
      </c>
    </row>
    <row r="436" spans="2:42" x14ac:dyDescent="0.3">
      <c r="B436">
        <v>58.981151317095232</v>
      </c>
      <c r="C436" s="83">
        <v>43119.083333333336</v>
      </c>
      <c r="D436">
        <v>244874.42879999999</v>
      </c>
      <c r="E436">
        <v>17755.570629999998</v>
      </c>
      <c r="F436">
        <v>52672.779049999997</v>
      </c>
      <c r="G436">
        <v>44583.353640000001</v>
      </c>
      <c r="H436">
        <v>40735.350149999998</v>
      </c>
      <c r="I436">
        <v>21232.6944</v>
      </c>
      <c r="J436">
        <v>32709.825550000001</v>
      </c>
      <c r="K436">
        <v>51054.123829999997</v>
      </c>
      <c r="L436">
        <v>19256.716659999998</v>
      </c>
      <c r="M436">
        <v>300713.41480000003</v>
      </c>
      <c r="N436">
        <v>80548.044150000002</v>
      </c>
      <c r="O436">
        <v>25094.179889999999</v>
      </c>
      <c r="P436">
        <v>32927.028729999998</v>
      </c>
      <c r="Q436">
        <v>86396.855920000002</v>
      </c>
      <c r="R436">
        <v>22805.175210000001</v>
      </c>
      <c r="S436">
        <v>83175.262740000006</v>
      </c>
      <c r="T436">
        <v>28276.37456</v>
      </c>
      <c r="U436">
        <v>18749.861830000002</v>
      </c>
      <c r="W436" s="83">
        <f>Bühler!N468</f>
        <v>45310.083333332281</v>
      </c>
      <c r="X436" s="83">
        <v>43119.083333333336</v>
      </c>
      <c r="Y436">
        <v>244874.42879999999</v>
      </c>
      <c r="Z436">
        <v>17755.570629999998</v>
      </c>
      <c r="AA436">
        <v>52672.779049999997</v>
      </c>
      <c r="AB436">
        <v>44583.353640000001</v>
      </c>
      <c r="AC436">
        <v>40735.350149999998</v>
      </c>
      <c r="AD436">
        <v>21232.6944</v>
      </c>
      <c r="AE436">
        <v>32709.825550000001</v>
      </c>
      <c r="AF436">
        <v>51054.123829999997</v>
      </c>
      <c r="AG436">
        <v>19256.716659999998</v>
      </c>
      <c r="AH436">
        <v>300713.41480000003</v>
      </c>
      <c r="AI436">
        <v>80548.044150000002</v>
      </c>
      <c r="AJ436">
        <v>25094.179889999999</v>
      </c>
      <c r="AK436">
        <v>32927.028729999998</v>
      </c>
      <c r="AL436">
        <v>86396.855920000002</v>
      </c>
      <c r="AM436">
        <v>22805.175210000001</v>
      </c>
      <c r="AN436">
        <v>83175.262740000006</v>
      </c>
      <c r="AO436">
        <v>28276.37456</v>
      </c>
      <c r="AP436">
        <v>18749.861830000002</v>
      </c>
    </row>
    <row r="437" spans="2:42" x14ac:dyDescent="0.3">
      <c r="B437">
        <v>59.022608332955208</v>
      </c>
      <c r="C437" s="83">
        <v>43119.125</v>
      </c>
      <c r="D437">
        <v>245882.329</v>
      </c>
      <c r="E437">
        <v>17718.061430000002</v>
      </c>
      <c r="F437">
        <v>53083.178269999997</v>
      </c>
      <c r="G437">
        <v>44161.416380000002</v>
      </c>
      <c r="H437">
        <v>40973.572079999998</v>
      </c>
      <c r="I437">
        <v>20757.878250000002</v>
      </c>
      <c r="J437">
        <v>33585.953970000002</v>
      </c>
      <c r="K437">
        <v>49449.291620000004</v>
      </c>
      <c r="L437">
        <v>19376.837149999999</v>
      </c>
      <c r="M437">
        <v>300924.78200000001</v>
      </c>
      <c r="N437">
        <v>80397.436830000006</v>
      </c>
      <c r="O437">
        <v>25241.743450000002</v>
      </c>
      <c r="P437">
        <v>32496.108370000002</v>
      </c>
      <c r="Q437">
        <v>88579.346390000006</v>
      </c>
      <c r="R437">
        <v>22721.072919999999</v>
      </c>
      <c r="S437">
        <v>82270.76655</v>
      </c>
      <c r="T437">
        <v>27929.72712</v>
      </c>
      <c r="U437">
        <v>18970.073520000002</v>
      </c>
      <c r="W437" s="83">
        <f>Bühler!N469</f>
        <v>45310.124999998945</v>
      </c>
      <c r="X437" s="83">
        <v>43119.125</v>
      </c>
      <c r="Y437">
        <v>245882.329</v>
      </c>
      <c r="Z437">
        <v>17718.061430000002</v>
      </c>
      <c r="AA437">
        <v>53083.178269999997</v>
      </c>
      <c r="AB437">
        <v>44161.416380000002</v>
      </c>
      <c r="AC437">
        <v>40973.572079999998</v>
      </c>
      <c r="AD437">
        <v>20757.878250000002</v>
      </c>
      <c r="AE437">
        <v>33585.953970000002</v>
      </c>
      <c r="AF437">
        <v>49449.291620000004</v>
      </c>
      <c r="AG437">
        <v>19376.837149999999</v>
      </c>
      <c r="AH437">
        <v>300924.78200000001</v>
      </c>
      <c r="AI437">
        <v>80397.436830000006</v>
      </c>
      <c r="AJ437">
        <v>25241.743450000002</v>
      </c>
      <c r="AK437">
        <v>32496.108370000002</v>
      </c>
      <c r="AL437">
        <v>88579.346390000006</v>
      </c>
      <c r="AM437">
        <v>22721.072919999999</v>
      </c>
      <c r="AN437">
        <v>82270.76655</v>
      </c>
      <c r="AO437">
        <v>27929.72712</v>
      </c>
      <c r="AP437">
        <v>18970.073520000002</v>
      </c>
    </row>
    <row r="438" spans="2:42" x14ac:dyDescent="0.3">
      <c r="B438">
        <v>59.860891438764753</v>
      </c>
      <c r="C438" s="83">
        <v>43119.166666666664</v>
      </c>
      <c r="D438">
        <v>249142.24350000001</v>
      </c>
      <c r="E438">
        <v>18245.25057</v>
      </c>
      <c r="F438">
        <v>57613.50649</v>
      </c>
      <c r="G438">
        <v>44027.61578</v>
      </c>
      <c r="H438">
        <v>41482.55156</v>
      </c>
      <c r="I438">
        <v>22796.821329999999</v>
      </c>
      <c r="J438">
        <v>36009.990149999998</v>
      </c>
      <c r="K438">
        <v>48106.085659999997</v>
      </c>
      <c r="L438">
        <v>18984.982690000001</v>
      </c>
      <c r="M438">
        <v>305198.7402</v>
      </c>
      <c r="N438">
        <v>79543.174310000002</v>
      </c>
      <c r="O438">
        <v>25576.61621</v>
      </c>
      <c r="P438">
        <v>31982.034820000001</v>
      </c>
      <c r="Q438">
        <v>92220.494709999999</v>
      </c>
      <c r="R438">
        <v>23019.20795</v>
      </c>
      <c r="S438">
        <v>83563.923909999998</v>
      </c>
      <c r="T438">
        <v>28007.49555</v>
      </c>
      <c r="U438">
        <v>19898.478920000001</v>
      </c>
      <c r="W438" s="83">
        <f>Bühler!N470</f>
        <v>45310.166666665609</v>
      </c>
      <c r="X438" s="83">
        <v>43119.166666666664</v>
      </c>
      <c r="Y438">
        <v>249142.24350000001</v>
      </c>
      <c r="Z438">
        <v>18245.25057</v>
      </c>
      <c r="AA438">
        <v>57613.50649</v>
      </c>
      <c r="AB438">
        <v>44027.61578</v>
      </c>
      <c r="AC438">
        <v>41482.55156</v>
      </c>
      <c r="AD438">
        <v>22796.821329999999</v>
      </c>
      <c r="AE438">
        <v>36009.990149999998</v>
      </c>
      <c r="AF438">
        <v>48106.085659999997</v>
      </c>
      <c r="AG438">
        <v>18984.982690000001</v>
      </c>
      <c r="AH438">
        <v>305198.7402</v>
      </c>
      <c r="AI438">
        <v>79543.174310000002</v>
      </c>
      <c r="AJ438">
        <v>25576.61621</v>
      </c>
      <c r="AK438">
        <v>31982.034820000001</v>
      </c>
      <c r="AL438">
        <v>92220.494709999999</v>
      </c>
      <c r="AM438">
        <v>23019.20795</v>
      </c>
      <c r="AN438">
        <v>83563.923909999998</v>
      </c>
      <c r="AO438">
        <v>28007.49555</v>
      </c>
      <c r="AP438">
        <v>19898.478920000001</v>
      </c>
    </row>
    <row r="439" spans="2:42" x14ac:dyDescent="0.3">
      <c r="B439">
        <v>63.025971762470569</v>
      </c>
      <c r="C439" s="83">
        <v>43119.208333333336</v>
      </c>
      <c r="D439">
        <v>263571.76179999998</v>
      </c>
      <c r="E439">
        <v>20292.323619999999</v>
      </c>
      <c r="F439">
        <v>68586.396359999999</v>
      </c>
      <c r="G439">
        <v>47571.655850000003</v>
      </c>
      <c r="H439">
        <v>43316.218459999996</v>
      </c>
      <c r="I439">
        <v>31318.10182</v>
      </c>
      <c r="J439">
        <v>38585.33698</v>
      </c>
      <c r="K439">
        <v>48938.885739999998</v>
      </c>
      <c r="L439">
        <v>20068.923309999998</v>
      </c>
      <c r="M439">
        <v>321335.79570000002</v>
      </c>
      <c r="N439">
        <v>82004.650370000003</v>
      </c>
      <c r="O439">
        <v>26166.871910000002</v>
      </c>
      <c r="P439">
        <v>33316.266920000002</v>
      </c>
      <c r="Q439">
        <v>94396.484129999997</v>
      </c>
      <c r="R439">
        <v>24569.056059999999</v>
      </c>
      <c r="S439">
        <v>86114.595719999998</v>
      </c>
      <c r="T439">
        <v>29563.761269999999</v>
      </c>
      <c r="U439">
        <v>21531.544249999999</v>
      </c>
      <c r="W439" s="83">
        <f>Bühler!N471</f>
        <v>45310.208333332273</v>
      </c>
      <c r="X439" s="83">
        <v>43119.208333333336</v>
      </c>
      <c r="Y439">
        <v>263571.76179999998</v>
      </c>
      <c r="Z439">
        <v>20292.323619999999</v>
      </c>
      <c r="AA439">
        <v>68586.396359999999</v>
      </c>
      <c r="AB439">
        <v>47571.655850000003</v>
      </c>
      <c r="AC439">
        <v>43316.218459999996</v>
      </c>
      <c r="AD439">
        <v>31318.10182</v>
      </c>
      <c r="AE439">
        <v>38585.33698</v>
      </c>
      <c r="AF439">
        <v>48938.885739999998</v>
      </c>
      <c r="AG439">
        <v>20068.923309999998</v>
      </c>
      <c r="AH439">
        <v>321335.79570000002</v>
      </c>
      <c r="AI439">
        <v>82004.650370000003</v>
      </c>
      <c r="AJ439">
        <v>26166.871910000002</v>
      </c>
      <c r="AK439">
        <v>33316.266920000002</v>
      </c>
      <c r="AL439">
        <v>94396.484129999997</v>
      </c>
      <c r="AM439">
        <v>24569.056059999999</v>
      </c>
      <c r="AN439">
        <v>86114.595719999998</v>
      </c>
      <c r="AO439">
        <v>29563.761269999999</v>
      </c>
      <c r="AP439">
        <v>21531.544249999999</v>
      </c>
    </row>
    <row r="440" spans="2:42" x14ac:dyDescent="0.3">
      <c r="B440">
        <v>66.596152279346967</v>
      </c>
      <c r="C440" s="83">
        <v>43119.25</v>
      </c>
      <c r="D440">
        <v>278871.55</v>
      </c>
      <c r="E440">
        <v>24476.217850000001</v>
      </c>
      <c r="F440">
        <v>81438.067809999993</v>
      </c>
      <c r="G440">
        <v>61181.081019999998</v>
      </c>
      <c r="H440">
        <v>47586.38465</v>
      </c>
      <c r="I440">
        <v>39627.74409</v>
      </c>
      <c r="J440">
        <v>41985.89804</v>
      </c>
      <c r="K440">
        <v>50720.944510000001</v>
      </c>
      <c r="L440">
        <v>21788.93852</v>
      </c>
      <c r="M440">
        <v>339538.24089999998</v>
      </c>
      <c r="N440">
        <v>84578.561910000004</v>
      </c>
      <c r="O440">
        <v>27203.67295</v>
      </c>
      <c r="P440">
        <v>33545.222029999997</v>
      </c>
      <c r="Q440">
        <v>95935.374500000005</v>
      </c>
      <c r="R440">
        <v>19983.91128</v>
      </c>
      <c r="S440">
        <v>94336.206890000001</v>
      </c>
      <c r="T440">
        <v>32929.182150000001</v>
      </c>
      <c r="U440">
        <v>22738.810949999999</v>
      </c>
      <c r="W440" s="83">
        <f>Bühler!N472</f>
        <v>45310.249999998938</v>
      </c>
      <c r="X440" s="83">
        <v>43119.25</v>
      </c>
      <c r="Y440">
        <v>278871.55</v>
      </c>
      <c r="Z440">
        <v>24476.217850000001</v>
      </c>
      <c r="AA440">
        <v>81438.067809999993</v>
      </c>
      <c r="AB440">
        <v>61181.081019999998</v>
      </c>
      <c r="AC440">
        <v>47586.38465</v>
      </c>
      <c r="AD440">
        <v>39627.74409</v>
      </c>
      <c r="AE440">
        <v>41985.89804</v>
      </c>
      <c r="AF440">
        <v>50720.944510000001</v>
      </c>
      <c r="AG440">
        <v>21788.93852</v>
      </c>
      <c r="AH440">
        <v>339538.24089999998</v>
      </c>
      <c r="AI440">
        <v>84578.561910000004</v>
      </c>
      <c r="AJ440">
        <v>27203.67295</v>
      </c>
      <c r="AK440">
        <v>33545.222029999997</v>
      </c>
      <c r="AL440">
        <v>95935.374500000005</v>
      </c>
      <c r="AM440">
        <v>19983.91128</v>
      </c>
      <c r="AN440">
        <v>94336.206890000001</v>
      </c>
      <c r="AO440">
        <v>32929.182150000001</v>
      </c>
      <c r="AP440">
        <v>22738.810949999999</v>
      </c>
    </row>
    <row r="441" spans="2:42" x14ac:dyDescent="0.3">
      <c r="B441">
        <v>68.044692703989114</v>
      </c>
      <c r="C441" s="83">
        <v>43119.291666666664</v>
      </c>
      <c r="D441">
        <v>292548.28330000001</v>
      </c>
      <c r="E441">
        <v>30437.814869999998</v>
      </c>
      <c r="F441">
        <v>85928.825030000007</v>
      </c>
      <c r="G441">
        <v>78506.047009999995</v>
      </c>
      <c r="H441">
        <v>54360.765740000003</v>
      </c>
      <c r="I441">
        <v>49013.756889999997</v>
      </c>
      <c r="J441">
        <v>44850.80629</v>
      </c>
      <c r="K441">
        <v>55940.571640000002</v>
      </c>
      <c r="L441">
        <v>25609.486509999999</v>
      </c>
      <c r="M441">
        <v>346923.57549999998</v>
      </c>
      <c r="N441">
        <v>89395.333440000002</v>
      </c>
      <c r="O441">
        <v>30052.060160000001</v>
      </c>
      <c r="P441">
        <v>37720.6662</v>
      </c>
      <c r="Q441">
        <v>95805.618690000003</v>
      </c>
      <c r="R441">
        <v>21624.823700000001</v>
      </c>
      <c r="S441">
        <v>111960.44130000001</v>
      </c>
      <c r="T441">
        <v>34968.051789999998</v>
      </c>
      <c r="U441">
        <v>27887.85067</v>
      </c>
      <c r="W441" s="83">
        <f>Bühler!N473</f>
        <v>45310.291666665602</v>
      </c>
      <c r="X441" s="83">
        <v>43119.291666666664</v>
      </c>
      <c r="Y441">
        <v>292548.28330000001</v>
      </c>
      <c r="Z441">
        <v>30437.814869999998</v>
      </c>
      <c r="AA441">
        <v>85928.825030000007</v>
      </c>
      <c r="AB441">
        <v>78506.047009999995</v>
      </c>
      <c r="AC441">
        <v>54360.765740000003</v>
      </c>
      <c r="AD441">
        <v>49013.756889999997</v>
      </c>
      <c r="AE441">
        <v>44850.80629</v>
      </c>
      <c r="AF441">
        <v>55940.571640000002</v>
      </c>
      <c r="AG441">
        <v>25609.486509999999</v>
      </c>
      <c r="AH441">
        <v>346923.57549999998</v>
      </c>
      <c r="AI441">
        <v>89395.333440000002</v>
      </c>
      <c r="AJ441">
        <v>30052.060160000001</v>
      </c>
      <c r="AK441">
        <v>37720.6662</v>
      </c>
      <c r="AL441">
        <v>95805.618690000003</v>
      </c>
      <c r="AM441">
        <v>21624.823700000001</v>
      </c>
      <c r="AN441">
        <v>111960.44130000001</v>
      </c>
      <c r="AO441">
        <v>34968.051789999998</v>
      </c>
      <c r="AP441">
        <v>27887.85067</v>
      </c>
    </row>
    <row r="442" spans="2:42" x14ac:dyDescent="0.3">
      <c r="B442">
        <v>68.562001973699495</v>
      </c>
      <c r="C442" s="83">
        <v>43119.333333333336</v>
      </c>
      <c r="D442">
        <v>303583.77779999998</v>
      </c>
      <c r="E442">
        <v>36890.382460000001</v>
      </c>
      <c r="F442">
        <v>93723.161569999997</v>
      </c>
      <c r="G442">
        <v>96805.531239999997</v>
      </c>
      <c r="H442">
        <v>60489.70637</v>
      </c>
      <c r="I442">
        <v>52733.278400000003</v>
      </c>
      <c r="J442">
        <v>45598.274019999997</v>
      </c>
      <c r="K442">
        <v>61559.296009999998</v>
      </c>
      <c r="L442">
        <v>29326.409970000001</v>
      </c>
      <c r="M442">
        <v>349561.05940000003</v>
      </c>
      <c r="N442">
        <v>98840.360499999995</v>
      </c>
      <c r="O442">
        <v>32656.833460000002</v>
      </c>
      <c r="P442">
        <v>39367.737350000003</v>
      </c>
      <c r="Q442">
        <v>96367.305489999999</v>
      </c>
      <c r="R442">
        <v>24468.219789999999</v>
      </c>
      <c r="S442">
        <v>129668.55710000001</v>
      </c>
      <c r="T442">
        <v>39086.741309999998</v>
      </c>
      <c r="U442">
        <v>31757.18651</v>
      </c>
      <c r="W442" s="83">
        <f>Bühler!N474</f>
        <v>45310.333333332266</v>
      </c>
      <c r="X442" s="83">
        <v>43119.333333333336</v>
      </c>
      <c r="Y442">
        <v>303583.77779999998</v>
      </c>
      <c r="Z442">
        <v>36890.382460000001</v>
      </c>
      <c r="AA442">
        <v>93723.161569999997</v>
      </c>
      <c r="AB442">
        <v>96805.531239999997</v>
      </c>
      <c r="AC442">
        <v>60489.70637</v>
      </c>
      <c r="AD442">
        <v>52733.278400000003</v>
      </c>
      <c r="AE442">
        <v>45598.274019999997</v>
      </c>
      <c r="AF442">
        <v>61559.296009999998</v>
      </c>
      <c r="AG442">
        <v>29326.409970000001</v>
      </c>
      <c r="AH442">
        <v>349561.05940000003</v>
      </c>
      <c r="AI442">
        <v>98840.360499999995</v>
      </c>
      <c r="AJ442">
        <v>32656.833460000002</v>
      </c>
      <c r="AK442">
        <v>39367.737350000003</v>
      </c>
      <c r="AL442">
        <v>96367.305489999999</v>
      </c>
      <c r="AM442">
        <v>24468.219789999999</v>
      </c>
      <c r="AN442">
        <v>129668.55710000001</v>
      </c>
      <c r="AO442">
        <v>39086.741309999998</v>
      </c>
      <c r="AP442">
        <v>31757.18651</v>
      </c>
    </row>
    <row r="443" spans="2:42" x14ac:dyDescent="0.3">
      <c r="B443">
        <v>67.694942037729732</v>
      </c>
      <c r="C443" s="83">
        <v>43119.375</v>
      </c>
      <c r="D443">
        <v>303081.88089999999</v>
      </c>
      <c r="E443">
        <v>40874.053330000002</v>
      </c>
      <c r="F443">
        <v>98107.690730000002</v>
      </c>
      <c r="G443">
        <v>105636.2001</v>
      </c>
      <c r="H443">
        <v>61404.296580000002</v>
      </c>
      <c r="I443">
        <v>51125.435640000003</v>
      </c>
      <c r="J443">
        <v>44310.921060000001</v>
      </c>
      <c r="K443">
        <v>60044.741739999998</v>
      </c>
      <c r="L443">
        <v>31654.084750000002</v>
      </c>
      <c r="M443">
        <v>345140.3835</v>
      </c>
      <c r="N443">
        <v>104770.9365</v>
      </c>
      <c r="O443">
        <v>33068.460400000004</v>
      </c>
      <c r="P443">
        <v>40605.085249999996</v>
      </c>
      <c r="Q443">
        <v>95944.81998</v>
      </c>
      <c r="R443">
        <v>23253.48086</v>
      </c>
      <c r="S443">
        <v>136291.7452</v>
      </c>
      <c r="T443">
        <v>40906.025119999998</v>
      </c>
      <c r="U443">
        <v>31092.79175</v>
      </c>
      <c r="W443" s="83">
        <f>Bühler!N475</f>
        <v>45310.37499999893</v>
      </c>
      <c r="X443" s="83">
        <v>43119.375</v>
      </c>
      <c r="Y443">
        <v>303081.88089999999</v>
      </c>
      <c r="Z443">
        <v>40874.053330000002</v>
      </c>
      <c r="AA443">
        <v>98107.690730000002</v>
      </c>
      <c r="AB443">
        <v>105636.2001</v>
      </c>
      <c r="AC443">
        <v>61404.296580000002</v>
      </c>
      <c r="AD443">
        <v>51125.435640000003</v>
      </c>
      <c r="AE443">
        <v>44310.921060000001</v>
      </c>
      <c r="AF443">
        <v>60044.741739999998</v>
      </c>
      <c r="AG443">
        <v>31654.084750000002</v>
      </c>
      <c r="AH443">
        <v>345140.3835</v>
      </c>
      <c r="AI443">
        <v>104770.9365</v>
      </c>
      <c r="AJ443">
        <v>33068.460400000004</v>
      </c>
      <c r="AK443">
        <v>40605.085249999996</v>
      </c>
      <c r="AL443">
        <v>95944.81998</v>
      </c>
      <c r="AM443">
        <v>23253.48086</v>
      </c>
      <c r="AN443">
        <v>136291.7452</v>
      </c>
      <c r="AO443">
        <v>40906.025119999998</v>
      </c>
      <c r="AP443">
        <v>31092.79175</v>
      </c>
    </row>
    <row r="444" spans="2:42" x14ac:dyDescent="0.3">
      <c r="B444">
        <v>68.837907668795339</v>
      </c>
      <c r="C444" s="83">
        <v>43119.416666666664</v>
      </c>
      <c r="D444">
        <v>304252.2757</v>
      </c>
      <c r="E444">
        <v>42409.434589999997</v>
      </c>
      <c r="F444">
        <v>98588.367299999998</v>
      </c>
      <c r="G444">
        <v>106646.0502</v>
      </c>
      <c r="H444">
        <v>61941.815000000002</v>
      </c>
      <c r="I444">
        <v>47581.773910000004</v>
      </c>
      <c r="J444">
        <v>44031.309840000002</v>
      </c>
      <c r="K444">
        <v>62096.596100000002</v>
      </c>
      <c r="L444">
        <v>33904.729570000003</v>
      </c>
      <c r="M444">
        <v>350967.75530000002</v>
      </c>
      <c r="N444">
        <v>106949.2012</v>
      </c>
      <c r="O444">
        <v>33123.087619999998</v>
      </c>
      <c r="P444">
        <v>41442.783190000002</v>
      </c>
      <c r="Q444">
        <v>95119.084019999995</v>
      </c>
      <c r="R444">
        <v>23791.352070000001</v>
      </c>
      <c r="S444">
        <v>135250.18780000001</v>
      </c>
      <c r="T444">
        <v>42097.774539999999</v>
      </c>
      <c r="U444">
        <v>30336.85541</v>
      </c>
      <c r="W444" s="83">
        <f>Bühler!N476</f>
        <v>45310.416666665595</v>
      </c>
      <c r="X444" s="83">
        <v>43119.416666666664</v>
      </c>
      <c r="Y444">
        <v>304252.2757</v>
      </c>
      <c r="Z444">
        <v>42409.434589999997</v>
      </c>
      <c r="AA444">
        <v>98588.367299999998</v>
      </c>
      <c r="AB444">
        <v>106646.0502</v>
      </c>
      <c r="AC444">
        <v>61941.815000000002</v>
      </c>
      <c r="AD444">
        <v>47581.773910000004</v>
      </c>
      <c r="AE444">
        <v>44031.309840000002</v>
      </c>
      <c r="AF444">
        <v>62096.596100000002</v>
      </c>
      <c r="AG444">
        <v>33904.729570000003</v>
      </c>
      <c r="AH444">
        <v>350967.75530000002</v>
      </c>
      <c r="AI444">
        <v>106949.2012</v>
      </c>
      <c r="AJ444">
        <v>33123.087619999998</v>
      </c>
      <c r="AK444">
        <v>41442.783190000002</v>
      </c>
      <c r="AL444">
        <v>95119.084019999995</v>
      </c>
      <c r="AM444">
        <v>23791.352070000001</v>
      </c>
      <c r="AN444">
        <v>135250.18780000001</v>
      </c>
      <c r="AO444">
        <v>42097.774539999999</v>
      </c>
      <c r="AP444">
        <v>30336.85541</v>
      </c>
    </row>
    <row r="445" spans="2:42" x14ac:dyDescent="0.3">
      <c r="B445">
        <v>69.284129737827826</v>
      </c>
      <c r="C445" s="83">
        <v>43119.458333333336</v>
      </c>
      <c r="D445">
        <v>300261.60070000001</v>
      </c>
      <c r="E445">
        <v>42017.132089999999</v>
      </c>
      <c r="F445">
        <v>99715.777260000003</v>
      </c>
      <c r="G445">
        <v>103944.5708</v>
      </c>
      <c r="H445">
        <v>61254.19382</v>
      </c>
      <c r="I445">
        <v>46087.572169999999</v>
      </c>
      <c r="J445">
        <v>43498.705860000002</v>
      </c>
      <c r="K445">
        <v>66483.050470000002</v>
      </c>
      <c r="L445">
        <v>35117.597459999997</v>
      </c>
      <c r="M445">
        <v>353242.80349999998</v>
      </c>
      <c r="N445">
        <v>106009.198</v>
      </c>
      <c r="O445">
        <v>32918.948199999999</v>
      </c>
      <c r="P445">
        <v>40927.247100000001</v>
      </c>
      <c r="Q445">
        <v>94944.11954</v>
      </c>
      <c r="R445">
        <v>26800.812839999999</v>
      </c>
      <c r="S445">
        <v>135508.42199999999</v>
      </c>
      <c r="T445">
        <v>42255.393949999998</v>
      </c>
      <c r="U445">
        <v>29786.583920000001</v>
      </c>
      <c r="W445" s="83">
        <f>Bühler!N477</f>
        <v>45310.458333332259</v>
      </c>
      <c r="X445" s="83">
        <v>43119.458333333336</v>
      </c>
      <c r="Y445">
        <v>300261.60070000001</v>
      </c>
      <c r="Z445">
        <v>42017.132089999999</v>
      </c>
      <c r="AA445">
        <v>99715.777260000003</v>
      </c>
      <c r="AB445">
        <v>103944.5708</v>
      </c>
      <c r="AC445">
        <v>61254.19382</v>
      </c>
      <c r="AD445">
        <v>46087.572169999999</v>
      </c>
      <c r="AE445">
        <v>43498.705860000002</v>
      </c>
      <c r="AF445">
        <v>66483.050470000002</v>
      </c>
      <c r="AG445">
        <v>35117.597459999997</v>
      </c>
      <c r="AH445">
        <v>353242.80349999998</v>
      </c>
      <c r="AI445">
        <v>106009.198</v>
      </c>
      <c r="AJ445">
        <v>32918.948199999999</v>
      </c>
      <c r="AK445">
        <v>40927.247100000001</v>
      </c>
      <c r="AL445">
        <v>94944.11954</v>
      </c>
      <c r="AM445">
        <v>26800.812839999999</v>
      </c>
      <c r="AN445">
        <v>135508.42199999999</v>
      </c>
      <c r="AO445">
        <v>42255.393949999998</v>
      </c>
      <c r="AP445">
        <v>29786.583920000001</v>
      </c>
    </row>
    <row r="446" spans="2:42" x14ac:dyDescent="0.3">
      <c r="B446">
        <v>67.909738258112341</v>
      </c>
      <c r="C446" s="83">
        <v>43119.5</v>
      </c>
      <c r="D446">
        <v>286604.60100000002</v>
      </c>
      <c r="E446">
        <v>37644.378700000001</v>
      </c>
      <c r="F446">
        <v>96771.605389999997</v>
      </c>
      <c r="G446">
        <v>100267.5873</v>
      </c>
      <c r="H446">
        <v>57523.435709999998</v>
      </c>
      <c r="I446">
        <v>43646.39299</v>
      </c>
      <c r="J446">
        <v>43569.373070000001</v>
      </c>
      <c r="K446">
        <v>62961.271930000003</v>
      </c>
      <c r="L446">
        <v>37304.532829999996</v>
      </c>
      <c r="M446">
        <v>346235.5148</v>
      </c>
      <c r="N446">
        <v>102421.1128</v>
      </c>
      <c r="O446">
        <v>31406.140810000001</v>
      </c>
      <c r="P446">
        <v>42046.130440000001</v>
      </c>
      <c r="Q446">
        <v>92402.959740000006</v>
      </c>
      <c r="R446">
        <v>26285.894990000001</v>
      </c>
      <c r="S446">
        <v>126919.28690000001</v>
      </c>
      <c r="T446">
        <v>42314.842969999998</v>
      </c>
      <c r="U446">
        <v>26076.923770000001</v>
      </c>
      <c r="W446" s="83">
        <f>Bühler!N478</f>
        <v>45310.499999998923</v>
      </c>
      <c r="X446" s="83">
        <v>43119.5</v>
      </c>
      <c r="Y446">
        <v>286604.60100000002</v>
      </c>
      <c r="Z446">
        <v>37644.378700000001</v>
      </c>
      <c r="AA446">
        <v>96771.605389999997</v>
      </c>
      <c r="AB446">
        <v>100267.5873</v>
      </c>
      <c r="AC446">
        <v>57523.435709999998</v>
      </c>
      <c r="AD446">
        <v>43646.39299</v>
      </c>
      <c r="AE446">
        <v>43569.373070000001</v>
      </c>
      <c r="AF446">
        <v>62961.271930000003</v>
      </c>
      <c r="AG446">
        <v>37304.532829999996</v>
      </c>
      <c r="AH446">
        <v>346235.5148</v>
      </c>
      <c r="AI446">
        <v>102421.1128</v>
      </c>
      <c r="AJ446">
        <v>31406.140810000001</v>
      </c>
      <c r="AK446">
        <v>42046.130440000001</v>
      </c>
      <c r="AL446">
        <v>92402.959740000006</v>
      </c>
      <c r="AM446">
        <v>26285.894990000001</v>
      </c>
      <c r="AN446">
        <v>126919.28690000001</v>
      </c>
      <c r="AO446">
        <v>42314.842969999998</v>
      </c>
      <c r="AP446">
        <v>26076.923770000001</v>
      </c>
    </row>
    <row r="447" spans="2:42" x14ac:dyDescent="0.3">
      <c r="B447">
        <v>66.70093149414808</v>
      </c>
      <c r="C447" s="83">
        <v>43119.541666666664</v>
      </c>
      <c r="D447">
        <v>281851.73489999998</v>
      </c>
      <c r="E447">
        <v>37249.406130000003</v>
      </c>
      <c r="F447">
        <v>95237.615900000004</v>
      </c>
      <c r="G447">
        <v>96073.865850000002</v>
      </c>
      <c r="H447">
        <v>55901.64589</v>
      </c>
      <c r="I447">
        <v>42623.460019999999</v>
      </c>
      <c r="J447">
        <v>42412.261780000001</v>
      </c>
      <c r="K447">
        <v>64330.876380000002</v>
      </c>
      <c r="L447">
        <v>35955.764929999998</v>
      </c>
      <c r="M447">
        <v>340072.45419999998</v>
      </c>
      <c r="N447">
        <v>100713.1425</v>
      </c>
      <c r="O447">
        <v>30641.064279999999</v>
      </c>
      <c r="P447">
        <v>40247.936999999998</v>
      </c>
      <c r="Q447">
        <v>90070.038029999996</v>
      </c>
      <c r="R447">
        <v>26512.993050000001</v>
      </c>
      <c r="S447">
        <v>125217.66710000001</v>
      </c>
      <c r="T447">
        <v>40412.697059999999</v>
      </c>
      <c r="U447">
        <v>26103.529770000001</v>
      </c>
      <c r="W447" s="83">
        <f>Bühler!N479</f>
        <v>45310.541666665587</v>
      </c>
      <c r="X447" s="83">
        <v>43119.541666666664</v>
      </c>
      <c r="Y447">
        <v>281851.73489999998</v>
      </c>
      <c r="Z447">
        <v>37249.406130000003</v>
      </c>
      <c r="AA447">
        <v>95237.615900000004</v>
      </c>
      <c r="AB447">
        <v>96073.865850000002</v>
      </c>
      <c r="AC447">
        <v>55901.64589</v>
      </c>
      <c r="AD447">
        <v>42623.460019999999</v>
      </c>
      <c r="AE447">
        <v>42412.261780000001</v>
      </c>
      <c r="AF447">
        <v>64330.876380000002</v>
      </c>
      <c r="AG447">
        <v>35955.764929999998</v>
      </c>
      <c r="AH447">
        <v>340072.45419999998</v>
      </c>
      <c r="AI447">
        <v>100713.1425</v>
      </c>
      <c r="AJ447">
        <v>30641.064279999999</v>
      </c>
      <c r="AK447">
        <v>40247.936999999998</v>
      </c>
      <c r="AL447">
        <v>90070.038029999996</v>
      </c>
      <c r="AM447">
        <v>26512.993050000001</v>
      </c>
      <c r="AN447">
        <v>125217.66710000001</v>
      </c>
      <c r="AO447">
        <v>40412.697059999999</v>
      </c>
      <c r="AP447">
        <v>26103.529770000001</v>
      </c>
    </row>
    <row r="448" spans="2:42" x14ac:dyDescent="0.3">
      <c r="B448">
        <v>66.605146925368786</v>
      </c>
      <c r="C448" s="83">
        <v>43119.583333333336</v>
      </c>
      <c r="D448">
        <v>282700.96149999998</v>
      </c>
      <c r="E448">
        <v>39990.697160000003</v>
      </c>
      <c r="F448">
        <v>96324.310989999998</v>
      </c>
      <c r="G448">
        <v>87992.510810000007</v>
      </c>
      <c r="H448">
        <v>55357.960870000003</v>
      </c>
      <c r="I448">
        <v>42166.055289999997</v>
      </c>
      <c r="J448">
        <v>41975.610030000003</v>
      </c>
      <c r="K448">
        <v>64151.590470000003</v>
      </c>
      <c r="L448">
        <v>32761.77608</v>
      </c>
      <c r="M448">
        <v>339584.09980000003</v>
      </c>
      <c r="N448">
        <v>100784.69349999999</v>
      </c>
      <c r="O448">
        <v>29997.367709999999</v>
      </c>
      <c r="P448">
        <v>36909.097759999997</v>
      </c>
      <c r="Q448">
        <v>88678.851519999997</v>
      </c>
      <c r="R448">
        <v>25567.277829999999</v>
      </c>
      <c r="S448">
        <v>120255.44530000001</v>
      </c>
      <c r="T448">
        <v>38691.57907</v>
      </c>
      <c r="U448">
        <v>26446.728500000001</v>
      </c>
      <c r="W448" s="83">
        <f>Bühler!N480</f>
        <v>45310.583333332252</v>
      </c>
      <c r="X448" s="83">
        <v>43119.583333333336</v>
      </c>
      <c r="Y448">
        <v>282700.96149999998</v>
      </c>
      <c r="Z448">
        <v>39990.697160000003</v>
      </c>
      <c r="AA448">
        <v>96324.310989999998</v>
      </c>
      <c r="AB448">
        <v>87992.510810000007</v>
      </c>
      <c r="AC448">
        <v>55357.960870000003</v>
      </c>
      <c r="AD448">
        <v>42166.055289999997</v>
      </c>
      <c r="AE448">
        <v>41975.610030000003</v>
      </c>
      <c r="AF448">
        <v>64151.590470000003</v>
      </c>
      <c r="AG448">
        <v>32761.77608</v>
      </c>
      <c r="AH448">
        <v>339584.09980000003</v>
      </c>
      <c r="AI448">
        <v>100784.69349999999</v>
      </c>
      <c r="AJ448">
        <v>29997.367709999999</v>
      </c>
      <c r="AK448">
        <v>36909.097759999997</v>
      </c>
      <c r="AL448">
        <v>88678.851519999997</v>
      </c>
      <c r="AM448">
        <v>25567.277829999999</v>
      </c>
      <c r="AN448">
        <v>120255.44530000001</v>
      </c>
      <c r="AO448">
        <v>38691.57907</v>
      </c>
      <c r="AP448">
        <v>26446.728500000001</v>
      </c>
    </row>
    <row r="449" spans="2:42" x14ac:dyDescent="0.3">
      <c r="B449">
        <v>65.822062183366029</v>
      </c>
      <c r="C449" s="83">
        <v>43119.625</v>
      </c>
      <c r="D449">
        <v>277796.00079999998</v>
      </c>
      <c r="E449">
        <v>39220.333449999998</v>
      </c>
      <c r="F449">
        <v>96748.075419999994</v>
      </c>
      <c r="G449">
        <v>81149.830109999995</v>
      </c>
      <c r="H449">
        <v>54044.711940000001</v>
      </c>
      <c r="I449">
        <v>43467.417410000002</v>
      </c>
      <c r="J449">
        <v>41985.31381</v>
      </c>
      <c r="K449">
        <v>62395.840790000002</v>
      </c>
      <c r="L449">
        <v>29190.34462</v>
      </c>
      <c r="M449">
        <v>335591.5686</v>
      </c>
      <c r="N449">
        <v>97050.007249999995</v>
      </c>
      <c r="O449">
        <v>29471.928830000001</v>
      </c>
      <c r="P449">
        <v>36661.518790000002</v>
      </c>
      <c r="Q449">
        <v>87016.852239999993</v>
      </c>
      <c r="R449">
        <v>24813.146550000001</v>
      </c>
      <c r="S449">
        <v>117015.2432</v>
      </c>
      <c r="T449">
        <v>37512.529750000002</v>
      </c>
      <c r="U449">
        <v>24900.646130000001</v>
      </c>
      <c r="W449" s="83">
        <f>Bühler!N481</f>
        <v>45310.624999998916</v>
      </c>
      <c r="X449" s="83">
        <v>43119.625</v>
      </c>
      <c r="Y449">
        <v>277796.00079999998</v>
      </c>
      <c r="Z449">
        <v>39220.333449999998</v>
      </c>
      <c r="AA449">
        <v>96748.075419999994</v>
      </c>
      <c r="AB449">
        <v>81149.830109999995</v>
      </c>
      <c r="AC449">
        <v>54044.711940000001</v>
      </c>
      <c r="AD449">
        <v>43467.417410000002</v>
      </c>
      <c r="AE449">
        <v>41985.31381</v>
      </c>
      <c r="AF449">
        <v>62395.840790000002</v>
      </c>
      <c r="AG449">
        <v>29190.34462</v>
      </c>
      <c r="AH449">
        <v>335591.5686</v>
      </c>
      <c r="AI449">
        <v>97050.007249999995</v>
      </c>
      <c r="AJ449">
        <v>29471.928830000001</v>
      </c>
      <c r="AK449">
        <v>36661.518790000002</v>
      </c>
      <c r="AL449">
        <v>87016.852239999993</v>
      </c>
      <c r="AM449">
        <v>24813.146550000001</v>
      </c>
      <c r="AN449">
        <v>117015.2432</v>
      </c>
      <c r="AO449">
        <v>37512.529750000002</v>
      </c>
      <c r="AP449">
        <v>24900.646130000001</v>
      </c>
    </row>
    <row r="450" spans="2:42" x14ac:dyDescent="0.3">
      <c r="B450">
        <v>64.372388398295001</v>
      </c>
      <c r="C450" s="83">
        <v>43119.666666666664</v>
      </c>
      <c r="D450">
        <v>268760.3481</v>
      </c>
      <c r="E450">
        <v>37900.649720000001</v>
      </c>
      <c r="F450">
        <v>95976.570139999996</v>
      </c>
      <c r="G450">
        <v>74675.949829999998</v>
      </c>
      <c r="H450">
        <v>52455.93924</v>
      </c>
      <c r="I450">
        <v>45391.03039</v>
      </c>
      <c r="J450">
        <v>41066.22236</v>
      </c>
      <c r="K450">
        <v>59201.756070000003</v>
      </c>
      <c r="L450">
        <v>27945.60772</v>
      </c>
      <c r="M450">
        <v>328200.45559999999</v>
      </c>
      <c r="N450">
        <v>92319.610390000002</v>
      </c>
      <c r="O450">
        <v>29298.459889999998</v>
      </c>
      <c r="P450">
        <v>35790.662279999997</v>
      </c>
      <c r="Q450">
        <v>86337.616179999997</v>
      </c>
      <c r="R450">
        <v>24486.369419999999</v>
      </c>
      <c r="S450">
        <v>114169.0379</v>
      </c>
      <c r="T450">
        <v>37403.26986</v>
      </c>
      <c r="U450">
        <v>23499.70017</v>
      </c>
      <c r="W450" s="83">
        <f>Bühler!N482</f>
        <v>45310.66666666558</v>
      </c>
      <c r="X450" s="83">
        <v>43119.666666666664</v>
      </c>
      <c r="Y450">
        <v>268760.3481</v>
      </c>
      <c r="Z450">
        <v>37900.649720000001</v>
      </c>
      <c r="AA450">
        <v>95976.570139999996</v>
      </c>
      <c r="AB450">
        <v>74675.949829999998</v>
      </c>
      <c r="AC450">
        <v>52455.93924</v>
      </c>
      <c r="AD450">
        <v>45391.03039</v>
      </c>
      <c r="AE450">
        <v>41066.22236</v>
      </c>
      <c r="AF450">
        <v>59201.756070000003</v>
      </c>
      <c r="AG450">
        <v>27945.60772</v>
      </c>
      <c r="AH450">
        <v>328200.45559999999</v>
      </c>
      <c r="AI450">
        <v>92319.610390000002</v>
      </c>
      <c r="AJ450">
        <v>29298.459889999998</v>
      </c>
      <c r="AK450">
        <v>35790.662279999997</v>
      </c>
      <c r="AL450">
        <v>86337.616179999997</v>
      </c>
      <c r="AM450">
        <v>24486.369419999999</v>
      </c>
      <c r="AN450">
        <v>114169.0379</v>
      </c>
      <c r="AO450">
        <v>37403.26986</v>
      </c>
      <c r="AP450">
        <v>23499.70017</v>
      </c>
    </row>
    <row r="451" spans="2:42" x14ac:dyDescent="0.3">
      <c r="B451">
        <v>63.213651240145218</v>
      </c>
      <c r="C451" s="83">
        <v>43119.708333333336</v>
      </c>
      <c r="D451">
        <v>257470.26120000001</v>
      </c>
      <c r="E451">
        <v>36436.51874</v>
      </c>
      <c r="F451">
        <v>97160.190799999997</v>
      </c>
      <c r="G451">
        <v>65727.913209999999</v>
      </c>
      <c r="H451">
        <v>52059.412120000001</v>
      </c>
      <c r="I451">
        <v>45274.924370000001</v>
      </c>
      <c r="J451">
        <v>42500.503369999999</v>
      </c>
      <c r="K451">
        <v>54550.224040000001</v>
      </c>
      <c r="L451">
        <v>27890.06868</v>
      </c>
      <c r="M451">
        <v>322292.67320000002</v>
      </c>
      <c r="N451">
        <v>88705.073560000004</v>
      </c>
      <c r="O451">
        <v>28848.2202</v>
      </c>
      <c r="P451">
        <v>37804.187619999997</v>
      </c>
      <c r="Q451">
        <v>84671.319959999993</v>
      </c>
      <c r="R451">
        <v>24760.812979999999</v>
      </c>
      <c r="S451">
        <v>112807.51240000001</v>
      </c>
      <c r="T451">
        <v>39348.626730000004</v>
      </c>
      <c r="U451">
        <v>22619.262589999998</v>
      </c>
      <c r="W451" s="83">
        <f>Bühler!N483</f>
        <v>45310.708333332244</v>
      </c>
      <c r="X451" s="83">
        <v>43119.708333333336</v>
      </c>
      <c r="Y451">
        <v>257470.26120000001</v>
      </c>
      <c r="Z451">
        <v>36436.51874</v>
      </c>
      <c r="AA451">
        <v>97160.190799999997</v>
      </c>
      <c r="AB451">
        <v>65727.913209999999</v>
      </c>
      <c r="AC451">
        <v>52059.412120000001</v>
      </c>
      <c r="AD451">
        <v>45274.924370000001</v>
      </c>
      <c r="AE451">
        <v>42500.503369999999</v>
      </c>
      <c r="AF451">
        <v>54550.224040000001</v>
      </c>
      <c r="AG451">
        <v>27890.06868</v>
      </c>
      <c r="AH451">
        <v>322292.67320000002</v>
      </c>
      <c r="AI451">
        <v>88705.073560000004</v>
      </c>
      <c r="AJ451">
        <v>28848.2202</v>
      </c>
      <c r="AK451">
        <v>37804.187619999997</v>
      </c>
      <c r="AL451">
        <v>84671.319959999993</v>
      </c>
      <c r="AM451">
        <v>24760.812979999999</v>
      </c>
      <c r="AN451">
        <v>112807.51240000001</v>
      </c>
      <c r="AO451">
        <v>39348.626730000004</v>
      </c>
      <c r="AP451">
        <v>22619.262589999998</v>
      </c>
    </row>
    <row r="452" spans="2:42" x14ac:dyDescent="0.3">
      <c r="B452">
        <v>61.235041826371841</v>
      </c>
      <c r="C452" s="83">
        <v>43119.75</v>
      </c>
      <c r="D452">
        <v>249650.86859999999</v>
      </c>
      <c r="E452">
        <v>33812.10656</v>
      </c>
      <c r="F452">
        <v>94265.448839999997</v>
      </c>
      <c r="G452">
        <v>57501.474750000001</v>
      </c>
      <c r="H452">
        <v>51270.058369999999</v>
      </c>
      <c r="I452">
        <v>44577.955540000003</v>
      </c>
      <c r="J452">
        <v>43863.721490000004</v>
      </c>
      <c r="K452">
        <v>48403.811329999997</v>
      </c>
      <c r="L452">
        <v>31519.611550000001</v>
      </c>
      <c r="M452">
        <v>312204.79969999997</v>
      </c>
      <c r="N452">
        <v>86657.388049999994</v>
      </c>
      <c r="O452">
        <v>28026.906449999999</v>
      </c>
      <c r="P452">
        <v>40519.991900000001</v>
      </c>
      <c r="Q452">
        <v>81869.405910000001</v>
      </c>
      <c r="R452">
        <v>21973.971750000001</v>
      </c>
      <c r="S452">
        <v>107898.3645</v>
      </c>
      <c r="T452">
        <v>39613.657310000002</v>
      </c>
      <c r="U452">
        <v>21737.14344</v>
      </c>
      <c r="W452" s="83">
        <f>Bühler!N484</f>
        <v>45310.749999998909</v>
      </c>
      <c r="X452" s="83">
        <v>43119.75</v>
      </c>
      <c r="Y452">
        <v>249650.86859999999</v>
      </c>
      <c r="Z452">
        <v>33812.10656</v>
      </c>
      <c r="AA452">
        <v>94265.448839999997</v>
      </c>
      <c r="AB452">
        <v>57501.474750000001</v>
      </c>
      <c r="AC452">
        <v>51270.058369999999</v>
      </c>
      <c r="AD452">
        <v>44577.955540000003</v>
      </c>
      <c r="AE452">
        <v>43863.721490000004</v>
      </c>
      <c r="AF452">
        <v>48403.811329999997</v>
      </c>
      <c r="AG452">
        <v>31519.611550000001</v>
      </c>
      <c r="AH452">
        <v>312204.79969999997</v>
      </c>
      <c r="AI452">
        <v>86657.388049999994</v>
      </c>
      <c r="AJ452">
        <v>28026.906449999999</v>
      </c>
      <c r="AK452">
        <v>40519.991900000001</v>
      </c>
      <c r="AL452">
        <v>81869.405910000001</v>
      </c>
      <c r="AM452">
        <v>21973.971750000001</v>
      </c>
      <c r="AN452">
        <v>107898.3645</v>
      </c>
      <c r="AO452">
        <v>39613.657310000002</v>
      </c>
      <c r="AP452">
        <v>21737.14344</v>
      </c>
    </row>
    <row r="453" spans="2:42" x14ac:dyDescent="0.3">
      <c r="B453">
        <v>59.854995940396421</v>
      </c>
      <c r="C453" s="83">
        <v>43119.791666666664</v>
      </c>
      <c r="D453">
        <v>242906.69680000001</v>
      </c>
      <c r="E453">
        <v>28013.72119</v>
      </c>
      <c r="F453">
        <v>81994.795960000003</v>
      </c>
      <c r="G453">
        <v>51815.214769999999</v>
      </c>
      <c r="H453">
        <v>48412.519699999997</v>
      </c>
      <c r="I453">
        <v>39607.224479999997</v>
      </c>
      <c r="J453">
        <v>43257.48027</v>
      </c>
      <c r="K453">
        <v>47450.484149999997</v>
      </c>
      <c r="L453">
        <v>32897.403789999997</v>
      </c>
      <c r="M453">
        <v>305168.68219999998</v>
      </c>
      <c r="N453">
        <v>86147.096189999997</v>
      </c>
      <c r="O453">
        <v>26487.774000000001</v>
      </c>
      <c r="P453">
        <v>41438.020149999997</v>
      </c>
      <c r="Q453">
        <v>79606.893649999998</v>
      </c>
      <c r="R453">
        <v>20848.68692</v>
      </c>
      <c r="S453">
        <v>102985.85460000001</v>
      </c>
      <c r="T453">
        <v>39393.241670000003</v>
      </c>
      <c r="U453">
        <v>20746.38783</v>
      </c>
      <c r="W453" s="83">
        <f>Bühler!N485</f>
        <v>45310.791666665573</v>
      </c>
      <c r="X453" s="83">
        <v>43119.791666666664</v>
      </c>
      <c r="Y453">
        <v>242906.69680000001</v>
      </c>
      <c r="Z453">
        <v>28013.72119</v>
      </c>
      <c r="AA453">
        <v>81994.795960000003</v>
      </c>
      <c r="AB453">
        <v>51815.214769999999</v>
      </c>
      <c r="AC453">
        <v>48412.519699999997</v>
      </c>
      <c r="AD453">
        <v>39607.224479999997</v>
      </c>
      <c r="AE453">
        <v>43257.48027</v>
      </c>
      <c r="AF453">
        <v>47450.484149999997</v>
      </c>
      <c r="AG453">
        <v>32897.403789999997</v>
      </c>
      <c r="AH453">
        <v>305168.68219999998</v>
      </c>
      <c r="AI453">
        <v>86147.096189999997</v>
      </c>
      <c r="AJ453">
        <v>26487.774000000001</v>
      </c>
      <c r="AK453">
        <v>41438.020149999997</v>
      </c>
      <c r="AL453">
        <v>79606.893649999998</v>
      </c>
      <c r="AM453">
        <v>20848.68692</v>
      </c>
      <c r="AN453">
        <v>102985.85460000001</v>
      </c>
      <c r="AO453">
        <v>39393.241670000003</v>
      </c>
      <c r="AP453">
        <v>20746.38783</v>
      </c>
    </row>
    <row r="454" spans="2:42" x14ac:dyDescent="0.3">
      <c r="B454">
        <v>58.814069523695913</v>
      </c>
      <c r="C454" s="83">
        <v>43119.833333333336</v>
      </c>
      <c r="D454">
        <v>233491.61629999999</v>
      </c>
      <c r="E454">
        <v>21863.15148</v>
      </c>
      <c r="F454">
        <v>64265.888890000002</v>
      </c>
      <c r="G454">
        <v>48398.5435</v>
      </c>
      <c r="H454">
        <v>45760.327510000003</v>
      </c>
      <c r="I454">
        <v>35475.838759999999</v>
      </c>
      <c r="J454">
        <v>42253.435740000001</v>
      </c>
      <c r="K454">
        <v>52311.413659999998</v>
      </c>
      <c r="L454">
        <v>31572.827730000001</v>
      </c>
      <c r="M454">
        <v>299861.5539</v>
      </c>
      <c r="N454">
        <v>84729.551389999993</v>
      </c>
      <c r="O454">
        <v>25820.940279999999</v>
      </c>
      <c r="P454">
        <v>41457.830430000002</v>
      </c>
      <c r="Q454">
        <v>77429.35686</v>
      </c>
      <c r="R454">
        <v>22456.60975</v>
      </c>
      <c r="S454">
        <v>92758.184039999993</v>
      </c>
      <c r="T454">
        <v>36944.815439999998</v>
      </c>
      <c r="U454">
        <v>20029.451560000001</v>
      </c>
      <c r="W454" s="83">
        <f>Bühler!N486</f>
        <v>45310.833333332237</v>
      </c>
      <c r="X454" s="83">
        <v>43119.833333333336</v>
      </c>
      <c r="Y454">
        <v>233491.61629999999</v>
      </c>
      <c r="Z454">
        <v>21863.15148</v>
      </c>
      <c r="AA454">
        <v>64265.888890000002</v>
      </c>
      <c r="AB454">
        <v>48398.5435</v>
      </c>
      <c r="AC454">
        <v>45760.327510000003</v>
      </c>
      <c r="AD454">
        <v>35475.838759999999</v>
      </c>
      <c r="AE454">
        <v>42253.435740000001</v>
      </c>
      <c r="AF454">
        <v>52311.413659999998</v>
      </c>
      <c r="AG454">
        <v>31572.827730000001</v>
      </c>
      <c r="AH454">
        <v>299861.5539</v>
      </c>
      <c r="AI454">
        <v>84729.551389999993</v>
      </c>
      <c r="AJ454">
        <v>25820.940279999999</v>
      </c>
      <c r="AK454">
        <v>41457.830430000002</v>
      </c>
      <c r="AL454">
        <v>77429.35686</v>
      </c>
      <c r="AM454">
        <v>22456.60975</v>
      </c>
      <c r="AN454">
        <v>92758.184039999993</v>
      </c>
      <c r="AO454">
        <v>36944.815439999998</v>
      </c>
      <c r="AP454">
        <v>20029.451560000001</v>
      </c>
    </row>
    <row r="455" spans="2:42" x14ac:dyDescent="0.3">
      <c r="B455">
        <v>57.443774315015524</v>
      </c>
      <c r="C455" s="83">
        <v>43119.875</v>
      </c>
      <c r="D455">
        <v>228442.83410000001</v>
      </c>
      <c r="E455">
        <v>19105.179599999999</v>
      </c>
      <c r="F455">
        <v>55214.95336</v>
      </c>
      <c r="G455">
        <v>45662.177689999997</v>
      </c>
      <c r="H455">
        <v>43725.072110000001</v>
      </c>
      <c r="I455">
        <v>31689.787629999999</v>
      </c>
      <c r="J455">
        <v>40714.490239999999</v>
      </c>
      <c r="K455">
        <v>52775.367810000003</v>
      </c>
      <c r="L455">
        <v>30362.43432</v>
      </c>
      <c r="M455">
        <v>292875.14990000002</v>
      </c>
      <c r="N455">
        <v>81783.505139999994</v>
      </c>
      <c r="O455">
        <v>25075.470990000002</v>
      </c>
      <c r="P455">
        <v>39616.684240000002</v>
      </c>
      <c r="Q455">
        <v>75194.580520000003</v>
      </c>
      <c r="R455">
        <v>20735.861219999999</v>
      </c>
      <c r="S455">
        <v>88258.546849999999</v>
      </c>
      <c r="T455">
        <v>34630.180269999997</v>
      </c>
      <c r="U455">
        <v>18990.26785</v>
      </c>
      <c r="W455" s="83">
        <f>Bühler!N487</f>
        <v>45310.874999998901</v>
      </c>
      <c r="X455" s="83">
        <v>43119.875</v>
      </c>
      <c r="Y455">
        <v>228442.83410000001</v>
      </c>
      <c r="Z455">
        <v>19105.179599999999</v>
      </c>
      <c r="AA455">
        <v>55214.95336</v>
      </c>
      <c r="AB455">
        <v>45662.177689999997</v>
      </c>
      <c r="AC455">
        <v>43725.072110000001</v>
      </c>
      <c r="AD455">
        <v>31689.787629999999</v>
      </c>
      <c r="AE455">
        <v>40714.490239999999</v>
      </c>
      <c r="AF455">
        <v>52775.367810000003</v>
      </c>
      <c r="AG455">
        <v>30362.43432</v>
      </c>
      <c r="AH455">
        <v>292875.14990000002</v>
      </c>
      <c r="AI455">
        <v>81783.505139999994</v>
      </c>
      <c r="AJ455">
        <v>25075.470990000002</v>
      </c>
      <c r="AK455">
        <v>39616.684240000002</v>
      </c>
      <c r="AL455">
        <v>75194.580520000003</v>
      </c>
      <c r="AM455">
        <v>20735.861219999999</v>
      </c>
      <c r="AN455">
        <v>88258.546849999999</v>
      </c>
      <c r="AO455">
        <v>34630.180269999997</v>
      </c>
      <c r="AP455">
        <v>18990.26785</v>
      </c>
    </row>
    <row r="456" spans="2:42" x14ac:dyDescent="0.3">
      <c r="B456">
        <v>57.387765531030794</v>
      </c>
      <c r="C456" s="83">
        <v>43119.916666666664</v>
      </c>
      <c r="D456">
        <v>226142.527</v>
      </c>
      <c r="E456">
        <v>18619.629550000001</v>
      </c>
      <c r="F456">
        <v>52261.268689999997</v>
      </c>
      <c r="G456">
        <v>45108.411800000002</v>
      </c>
      <c r="H456">
        <v>42674.260629999997</v>
      </c>
      <c r="I456">
        <v>30874.900109999999</v>
      </c>
      <c r="J456">
        <v>38800.129679999998</v>
      </c>
      <c r="K456">
        <v>54852.22047</v>
      </c>
      <c r="L456">
        <v>27615.119259999999</v>
      </c>
      <c r="M456">
        <v>292589.59100000001</v>
      </c>
      <c r="N456">
        <v>81901.807839999994</v>
      </c>
      <c r="O456">
        <v>25929.377380000002</v>
      </c>
      <c r="P456">
        <v>43432.220209999999</v>
      </c>
      <c r="Q456">
        <v>74221.434949999995</v>
      </c>
      <c r="R456">
        <v>28982.669160000001</v>
      </c>
      <c r="S456">
        <v>87280.123340000006</v>
      </c>
      <c r="T456">
        <v>31540.16246</v>
      </c>
      <c r="U456">
        <v>20348.368190000001</v>
      </c>
      <c r="W456" s="83">
        <f>Bühler!N488</f>
        <v>45310.916666665566</v>
      </c>
      <c r="X456" s="83">
        <v>43119.916666666664</v>
      </c>
      <c r="Y456">
        <v>226142.527</v>
      </c>
      <c r="Z456">
        <v>18619.629550000001</v>
      </c>
      <c r="AA456">
        <v>52261.268689999997</v>
      </c>
      <c r="AB456">
        <v>45108.411800000002</v>
      </c>
      <c r="AC456">
        <v>42674.260629999997</v>
      </c>
      <c r="AD456">
        <v>30874.900109999999</v>
      </c>
      <c r="AE456">
        <v>38800.129679999998</v>
      </c>
      <c r="AF456">
        <v>54852.22047</v>
      </c>
      <c r="AG456">
        <v>27615.119259999999</v>
      </c>
      <c r="AH456">
        <v>292589.59100000001</v>
      </c>
      <c r="AI456">
        <v>81901.807839999994</v>
      </c>
      <c r="AJ456">
        <v>25929.377380000002</v>
      </c>
      <c r="AK456">
        <v>43432.220209999999</v>
      </c>
      <c r="AL456">
        <v>74221.434949999995</v>
      </c>
      <c r="AM456">
        <v>28982.669160000001</v>
      </c>
      <c r="AN456">
        <v>87280.123340000006</v>
      </c>
      <c r="AO456">
        <v>31540.16246</v>
      </c>
      <c r="AP456">
        <v>20348.368190000001</v>
      </c>
    </row>
    <row r="457" spans="2:42" x14ac:dyDescent="0.3">
      <c r="B457">
        <v>56.318838007639592</v>
      </c>
      <c r="C457" s="83">
        <v>43119.958333333336</v>
      </c>
      <c r="D457">
        <v>224830.12530000001</v>
      </c>
      <c r="E457">
        <v>18165.03629</v>
      </c>
      <c r="F457">
        <v>50854.43664</v>
      </c>
      <c r="G457">
        <v>45067.652990000002</v>
      </c>
      <c r="H457">
        <v>41185.382830000002</v>
      </c>
      <c r="I457">
        <v>29798.494449999998</v>
      </c>
      <c r="J457">
        <v>36287.969700000001</v>
      </c>
      <c r="K457">
        <v>53956.661670000001</v>
      </c>
      <c r="L457">
        <v>23672.375550000001</v>
      </c>
      <c r="M457">
        <v>287139.7</v>
      </c>
      <c r="N457">
        <v>79732.577279999998</v>
      </c>
      <c r="O457">
        <v>25876.97899</v>
      </c>
      <c r="P457">
        <v>38681.680659999998</v>
      </c>
      <c r="Q457">
        <v>73480.269830000005</v>
      </c>
      <c r="R457">
        <v>30762.19355</v>
      </c>
      <c r="S457">
        <v>85694.264110000004</v>
      </c>
      <c r="T457">
        <v>32151.699329999999</v>
      </c>
      <c r="U457">
        <v>19430.410029999999</v>
      </c>
      <c r="W457" s="83">
        <f>Bühler!N489</f>
        <v>45310.95833333223</v>
      </c>
      <c r="X457" s="83">
        <v>43119.958333333336</v>
      </c>
      <c r="Y457">
        <v>224830.12530000001</v>
      </c>
      <c r="Z457">
        <v>18165.03629</v>
      </c>
      <c r="AA457">
        <v>50854.43664</v>
      </c>
      <c r="AB457">
        <v>45067.652990000002</v>
      </c>
      <c r="AC457">
        <v>41185.382830000002</v>
      </c>
      <c r="AD457">
        <v>29798.494449999998</v>
      </c>
      <c r="AE457">
        <v>36287.969700000001</v>
      </c>
      <c r="AF457">
        <v>53956.661670000001</v>
      </c>
      <c r="AG457">
        <v>23672.375550000001</v>
      </c>
      <c r="AH457">
        <v>287139.7</v>
      </c>
      <c r="AI457">
        <v>79732.577279999998</v>
      </c>
      <c r="AJ457">
        <v>25876.97899</v>
      </c>
      <c r="AK457">
        <v>38681.680659999998</v>
      </c>
      <c r="AL457">
        <v>73480.269830000005</v>
      </c>
      <c r="AM457">
        <v>30762.19355</v>
      </c>
      <c r="AN457">
        <v>85694.264110000004</v>
      </c>
      <c r="AO457">
        <v>32151.699329999999</v>
      </c>
      <c r="AP457">
        <v>19430.410029999999</v>
      </c>
    </row>
    <row r="458" spans="2:42" x14ac:dyDescent="0.3">
      <c r="B458">
        <v>55.089495028865329</v>
      </c>
      <c r="C458" s="83">
        <v>43120</v>
      </c>
      <c r="D458">
        <v>221646.52710000001</v>
      </c>
      <c r="E458">
        <v>17595.444339999998</v>
      </c>
      <c r="F458">
        <v>50628.614909999997</v>
      </c>
      <c r="G458">
        <v>44779.733610000003</v>
      </c>
      <c r="H458">
        <v>40795.750460000003</v>
      </c>
      <c r="I458">
        <v>27942.18348</v>
      </c>
      <c r="J458">
        <v>34811.775090000003</v>
      </c>
      <c r="K458">
        <v>51523.004130000001</v>
      </c>
      <c r="L458">
        <v>20898.952529999999</v>
      </c>
      <c r="M458">
        <v>280871.9362</v>
      </c>
      <c r="N458">
        <v>78723.794869999998</v>
      </c>
      <c r="O458">
        <v>25678.626479999999</v>
      </c>
      <c r="P458">
        <v>36289.556810000002</v>
      </c>
      <c r="Q458">
        <v>71847.917879999994</v>
      </c>
      <c r="R458">
        <v>27697.134020000001</v>
      </c>
      <c r="S458">
        <v>84543.517129999993</v>
      </c>
      <c r="T458">
        <v>30546.93015</v>
      </c>
      <c r="U458">
        <v>19019.41605</v>
      </c>
      <c r="W458" s="83">
        <f>Bühler!N490</f>
        <v>45310.999999998894</v>
      </c>
      <c r="X458" s="83">
        <v>43120</v>
      </c>
      <c r="Y458">
        <v>221646.52710000001</v>
      </c>
      <c r="Z458">
        <v>17595.444339999998</v>
      </c>
      <c r="AA458">
        <v>50628.614909999997</v>
      </c>
      <c r="AB458">
        <v>44779.733610000003</v>
      </c>
      <c r="AC458">
        <v>40795.750460000003</v>
      </c>
      <c r="AD458">
        <v>27942.18348</v>
      </c>
      <c r="AE458">
        <v>34811.775090000003</v>
      </c>
      <c r="AF458">
        <v>51523.004130000001</v>
      </c>
      <c r="AG458">
        <v>20898.952529999999</v>
      </c>
      <c r="AH458">
        <v>280871.9362</v>
      </c>
      <c r="AI458">
        <v>78723.794869999998</v>
      </c>
      <c r="AJ458">
        <v>25678.626479999999</v>
      </c>
      <c r="AK458">
        <v>36289.556810000002</v>
      </c>
      <c r="AL458">
        <v>71847.917879999994</v>
      </c>
      <c r="AM458">
        <v>27697.134020000001</v>
      </c>
      <c r="AN458">
        <v>84543.517129999993</v>
      </c>
      <c r="AO458">
        <v>30546.93015</v>
      </c>
      <c r="AP458">
        <v>19019.41605</v>
      </c>
    </row>
    <row r="459" spans="2:42" x14ac:dyDescent="0.3">
      <c r="B459">
        <v>54.574321107173311</v>
      </c>
      <c r="C459" s="83">
        <v>43120.041666666664</v>
      </c>
      <c r="D459">
        <v>216899.61429999999</v>
      </c>
      <c r="E459">
        <v>17682.035639999998</v>
      </c>
      <c r="F459">
        <v>51383.219380000002</v>
      </c>
      <c r="G459">
        <v>44763.421759999997</v>
      </c>
      <c r="H459">
        <v>40833.836629999998</v>
      </c>
      <c r="I459">
        <v>23567.781849999999</v>
      </c>
      <c r="J459">
        <v>35043.884740000001</v>
      </c>
      <c r="K459">
        <v>50875.728560000003</v>
      </c>
      <c r="L459">
        <v>19928.64158</v>
      </c>
      <c r="M459">
        <v>278245.33929999999</v>
      </c>
      <c r="N459">
        <v>77981.002229999998</v>
      </c>
      <c r="O459">
        <v>25709.138569999999</v>
      </c>
      <c r="P459">
        <v>34018.434509999999</v>
      </c>
      <c r="Q459">
        <v>72243.562810000003</v>
      </c>
      <c r="R459">
        <v>25788.161609999999</v>
      </c>
      <c r="S459">
        <v>83820.242629999993</v>
      </c>
      <c r="T459">
        <v>29411.236570000001</v>
      </c>
      <c r="U459">
        <v>19296.611580000001</v>
      </c>
      <c r="W459" s="83">
        <f>Bühler!N491</f>
        <v>45311.041666665558</v>
      </c>
      <c r="X459" s="83">
        <v>43120.041666666664</v>
      </c>
      <c r="Y459">
        <v>216899.61429999999</v>
      </c>
      <c r="Z459">
        <v>17682.035639999998</v>
      </c>
      <c r="AA459">
        <v>51383.219380000002</v>
      </c>
      <c r="AB459">
        <v>44763.421759999997</v>
      </c>
      <c r="AC459">
        <v>40833.836629999998</v>
      </c>
      <c r="AD459">
        <v>23567.781849999999</v>
      </c>
      <c r="AE459">
        <v>35043.884740000001</v>
      </c>
      <c r="AF459">
        <v>50875.728560000003</v>
      </c>
      <c r="AG459">
        <v>19928.64158</v>
      </c>
      <c r="AH459">
        <v>278245.33929999999</v>
      </c>
      <c r="AI459">
        <v>77981.002229999998</v>
      </c>
      <c r="AJ459">
        <v>25709.138569999999</v>
      </c>
      <c r="AK459">
        <v>34018.434509999999</v>
      </c>
      <c r="AL459">
        <v>72243.562810000003</v>
      </c>
      <c r="AM459">
        <v>25788.161609999999</v>
      </c>
      <c r="AN459">
        <v>83820.242629999993</v>
      </c>
      <c r="AO459">
        <v>29411.236570000001</v>
      </c>
      <c r="AP459">
        <v>19296.611580000001</v>
      </c>
    </row>
    <row r="460" spans="2:42" x14ac:dyDescent="0.3">
      <c r="B460">
        <v>53.994203165497247</v>
      </c>
      <c r="C460" s="83">
        <v>43120.083333333336</v>
      </c>
      <c r="D460">
        <v>211254.351</v>
      </c>
      <c r="E460">
        <v>17538.597519999999</v>
      </c>
      <c r="F460">
        <v>51677.785530000001</v>
      </c>
      <c r="G460">
        <v>44293.023110000002</v>
      </c>
      <c r="H460">
        <v>40374.555269999997</v>
      </c>
      <c r="I460">
        <v>20930.221109999999</v>
      </c>
      <c r="J460">
        <v>34617.075550000001</v>
      </c>
      <c r="K460">
        <v>49748.450819999998</v>
      </c>
      <c r="L460">
        <v>19389.60369</v>
      </c>
      <c r="M460">
        <v>275287.6275</v>
      </c>
      <c r="N460">
        <v>76503.187579999998</v>
      </c>
      <c r="O460">
        <v>25284.67584</v>
      </c>
      <c r="P460">
        <v>33768.971080000003</v>
      </c>
      <c r="Q460">
        <v>71558.733630000002</v>
      </c>
      <c r="R460">
        <v>25691.043959999999</v>
      </c>
      <c r="S460">
        <v>83242.305590000004</v>
      </c>
      <c r="T460">
        <v>28982.49007</v>
      </c>
      <c r="U460">
        <v>19599.000199999999</v>
      </c>
      <c r="W460" s="83">
        <f>Bühler!N492</f>
        <v>45311.083333332223</v>
      </c>
      <c r="X460" s="83">
        <v>43120.083333333336</v>
      </c>
      <c r="Y460">
        <v>211254.351</v>
      </c>
      <c r="Z460">
        <v>17538.597519999999</v>
      </c>
      <c r="AA460">
        <v>51677.785530000001</v>
      </c>
      <c r="AB460">
        <v>44293.023110000002</v>
      </c>
      <c r="AC460">
        <v>40374.555269999997</v>
      </c>
      <c r="AD460">
        <v>20930.221109999999</v>
      </c>
      <c r="AE460">
        <v>34617.075550000001</v>
      </c>
      <c r="AF460">
        <v>49748.450819999998</v>
      </c>
      <c r="AG460">
        <v>19389.60369</v>
      </c>
      <c r="AH460">
        <v>275287.6275</v>
      </c>
      <c r="AI460">
        <v>76503.187579999998</v>
      </c>
      <c r="AJ460">
        <v>25284.67584</v>
      </c>
      <c r="AK460">
        <v>33768.971080000003</v>
      </c>
      <c r="AL460">
        <v>71558.733630000002</v>
      </c>
      <c r="AM460">
        <v>25691.043959999999</v>
      </c>
      <c r="AN460">
        <v>83242.305590000004</v>
      </c>
      <c r="AO460">
        <v>28982.49007</v>
      </c>
      <c r="AP460">
        <v>19599.000199999999</v>
      </c>
    </row>
    <row r="461" spans="2:42" x14ac:dyDescent="0.3">
      <c r="B461">
        <v>52.528994532358631</v>
      </c>
      <c r="C461" s="83">
        <v>43120.125</v>
      </c>
      <c r="D461">
        <v>207331.40779999999</v>
      </c>
      <c r="E461">
        <v>17453.214650000002</v>
      </c>
      <c r="F461">
        <v>51707.838100000001</v>
      </c>
      <c r="G461">
        <v>42905.375910000002</v>
      </c>
      <c r="H461">
        <v>40247.86808</v>
      </c>
      <c r="I461">
        <v>20370.087780000002</v>
      </c>
      <c r="J461">
        <v>35060.869209999997</v>
      </c>
      <c r="K461">
        <v>48802.904130000003</v>
      </c>
      <c r="L461">
        <v>19077.274720000001</v>
      </c>
      <c r="M461">
        <v>267817.31060000003</v>
      </c>
      <c r="N461">
        <v>74790.464120000004</v>
      </c>
      <c r="O461">
        <v>25071.231820000001</v>
      </c>
      <c r="P461">
        <v>33590.66588</v>
      </c>
      <c r="Q461">
        <v>70097.901119999995</v>
      </c>
      <c r="R461">
        <v>25573.116539999999</v>
      </c>
      <c r="S461">
        <v>82242.546679999999</v>
      </c>
      <c r="T461">
        <v>28934.106189999999</v>
      </c>
      <c r="U461">
        <v>19507.699260000001</v>
      </c>
      <c r="W461" s="83">
        <f>Bühler!N493</f>
        <v>45311.124999998887</v>
      </c>
      <c r="X461" s="83">
        <v>43120.125</v>
      </c>
      <c r="Y461">
        <v>207331.40779999999</v>
      </c>
      <c r="Z461">
        <v>17453.214650000002</v>
      </c>
      <c r="AA461">
        <v>51707.838100000001</v>
      </c>
      <c r="AB461">
        <v>42905.375910000002</v>
      </c>
      <c r="AC461">
        <v>40247.86808</v>
      </c>
      <c r="AD461">
        <v>20370.087780000002</v>
      </c>
      <c r="AE461">
        <v>35060.869209999997</v>
      </c>
      <c r="AF461">
        <v>48802.904130000003</v>
      </c>
      <c r="AG461">
        <v>19077.274720000001</v>
      </c>
      <c r="AH461">
        <v>267817.31060000003</v>
      </c>
      <c r="AI461">
        <v>74790.464120000004</v>
      </c>
      <c r="AJ461">
        <v>25071.231820000001</v>
      </c>
      <c r="AK461">
        <v>33590.66588</v>
      </c>
      <c r="AL461">
        <v>70097.901119999995</v>
      </c>
      <c r="AM461">
        <v>25573.116539999999</v>
      </c>
      <c r="AN461">
        <v>82242.546679999999</v>
      </c>
      <c r="AO461">
        <v>28934.106189999999</v>
      </c>
      <c r="AP461">
        <v>19507.699260000001</v>
      </c>
    </row>
    <row r="462" spans="2:42" x14ac:dyDescent="0.3">
      <c r="B462">
        <v>51.851863495601449</v>
      </c>
      <c r="C462" s="83">
        <v>43120.166666666664</v>
      </c>
      <c r="D462">
        <v>200013.28630000001</v>
      </c>
      <c r="E462">
        <v>17647.62095</v>
      </c>
      <c r="F462">
        <v>55062.688499999997</v>
      </c>
      <c r="G462">
        <v>42524.432330000003</v>
      </c>
      <c r="H462">
        <v>40497.096490000004</v>
      </c>
      <c r="I462">
        <v>22910.7647</v>
      </c>
      <c r="J462">
        <v>37683.781309999998</v>
      </c>
      <c r="K462">
        <v>46057.3799</v>
      </c>
      <c r="L462">
        <v>18930.22106</v>
      </c>
      <c r="M462">
        <v>264364.98080000002</v>
      </c>
      <c r="N462">
        <v>75249.716880000007</v>
      </c>
      <c r="O462">
        <v>25099.128850000001</v>
      </c>
      <c r="P462">
        <v>33879.896910000003</v>
      </c>
      <c r="Q462">
        <v>69795.287240000005</v>
      </c>
      <c r="R462">
        <v>26350.28515</v>
      </c>
      <c r="S462">
        <v>83335.724830000006</v>
      </c>
      <c r="T462">
        <v>29133.81453</v>
      </c>
      <c r="U462">
        <v>19718.826830000002</v>
      </c>
      <c r="W462" s="83">
        <f>Bühler!N494</f>
        <v>45311.166666665551</v>
      </c>
      <c r="X462" s="83">
        <v>43120.166666666664</v>
      </c>
      <c r="Y462">
        <v>200013.28630000001</v>
      </c>
      <c r="Z462">
        <v>17647.62095</v>
      </c>
      <c r="AA462">
        <v>55062.688499999997</v>
      </c>
      <c r="AB462">
        <v>42524.432330000003</v>
      </c>
      <c r="AC462">
        <v>40497.096490000004</v>
      </c>
      <c r="AD462">
        <v>22910.7647</v>
      </c>
      <c r="AE462">
        <v>37683.781309999998</v>
      </c>
      <c r="AF462">
        <v>46057.3799</v>
      </c>
      <c r="AG462">
        <v>18930.22106</v>
      </c>
      <c r="AH462">
        <v>264364.98080000002</v>
      </c>
      <c r="AI462">
        <v>75249.716880000007</v>
      </c>
      <c r="AJ462">
        <v>25099.128850000001</v>
      </c>
      <c r="AK462">
        <v>33879.896910000003</v>
      </c>
      <c r="AL462">
        <v>69795.287240000005</v>
      </c>
      <c r="AM462">
        <v>26350.28515</v>
      </c>
      <c r="AN462">
        <v>83335.724830000006</v>
      </c>
      <c r="AO462">
        <v>29133.81453</v>
      </c>
      <c r="AP462">
        <v>19718.826830000002</v>
      </c>
    </row>
    <row r="463" spans="2:42" x14ac:dyDescent="0.3">
      <c r="B463">
        <v>51.331044837223978</v>
      </c>
      <c r="C463" s="83">
        <v>43120.208333333336</v>
      </c>
      <c r="D463">
        <v>195939.0324</v>
      </c>
      <c r="E463">
        <v>18427.356039999999</v>
      </c>
      <c r="F463">
        <v>65594.640650000001</v>
      </c>
      <c r="G463">
        <v>43184.26053</v>
      </c>
      <c r="H463">
        <v>41336.688770000001</v>
      </c>
      <c r="I463">
        <v>31231.974259999999</v>
      </c>
      <c r="J463">
        <v>40080.649729999997</v>
      </c>
      <c r="K463">
        <v>46038.080549999999</v>
      </c>
      <c r="L463">
        <v>19405.043310000001</v>
      </c>
      <c r="M463">
        <v>261709.60440000001</v>
      </c>
      <c r="N463">
        <v>75670.581399999995</v>
      </c>
      <c r="O463">
        <v>25532.423429999999</v>
      </c>
      <c r="P463">
        <v>34270.976609999998</v>
      </c>
      <c r="Q463">
        <v>69682.600619999997</v>
      </c>
      <c r="R463">
        <v>27714.449700000001</v>
      </c>
      <c r="S463">
        <v>84993.245049999998</v>
      </c>
      <c r="T463">
        <v>29926.097310000001</v>
      </c>
      <c r="U463">
        <v>20108.83495</v>
      </c>
      <c r="W463" s="83">
        <f>Bühler!N495</f>
        <v>45311.208333332215</v>
      </c>
      <c r="X463" s="83">
        <v>43120.208333333336</v>
      </c>
      <c r="Y463">
        <v>195939.0324</v>
      </c>
      <c r="Z463">
        <v>18427.356039999999</v>
      </c>
      <c r="AA463">
        <v>65594.640650000001</v>
      </c>
      <c r="AB463">
        <v>43184.26053</v>
      </c>
      <c r="AC463">
        <v>41336.688770000001</v>
      </c>
      <c r="AD463">
        <v>31231.974259999999</v>
      </c>
      <c r="AE463">
        <v>40080.649729999997</v>
      </c>
      <c r="AF463">
        <v>46038.080549999999</v>
      </c>
      <c r="AG463">
        <v>19405.043310000001</v>
      </c>
      <c r="AH463">
        <v>261709.60440000001</v>
      </c>
      <c r="AI463">
        <v>75670.581399999995</v>
      </c>
      <c r="AJ463">
        <v>25532.423429999999</v>
      </c>
      <c r="AK463">
        <v>34270.976609999998</v>
      </c>
      <c r="AL463">
        <v>69682.600619999997</v>
      </c>
      <c r="AM463">
        <v>27714.449700000001</v>
      </c>
      <c r="AN463">
        <v>84993.245049999998</v>
      </c>
      <c r="AO463">
        <v>29926.097310000001</v>
      </c>
      <c r="AP463">
        <v>20108.83495</v>
      </c>
    </row>
    <row r="464" spans="2:42" x14ac:dyDescent="0.3">
      <c r="B464">
        <v>51.600244711842265</v>
      </c>
      <c r="C464" s="83">
        <v>43120.25</v>
      </c>
      <c r="D464">
        <v>196284.26459999999</v>
      </c>
      <c r="E464">
        <v>20289.23949</v>
      </c>
      <c r="F464">
        <v>78022.982910000006</v>
      </c>
      <c r="G464">
        <v>44270.206120000003</v>
      </c>
      <c r="H464">
        <v>41608.664969999998</v>
      </c>
      <c r="I464">
        <v>34095.288110000001</v>
      </c>
      <c r="J464">
        <v>43353.554620000003</v>
      </c>
      <c r="K464">
        <v>44795.01023</v>
      </c>
      <c r="L464">
        <v>20851.14834</v>
      </c>
      <c r="M464">
        <v>263082.11090000003</v>
      </c>
      <c r="N464">
        <v>73221.060360000003</v>
      </c>
      <c r="O464">
        <v>24597.689340000001</v>
      </c>
      <c r="P464">
        <v>33185.027009999998</v>
      </c>
      <c r="Q464">
        <v>67566.831229999996</v>
      </c>
      <c r="R464">
        <v>19199.758699999998</v>
      </c>
      <c r="S464">
        <v>88303.767110000001</v>
      </c>
      <c r="T464">
        <v>31145.885190000001</v>
      </c>
      <c r="U464">
        <v>19165.615109999999</v>
      </c>
      <c r="W464" s="83">
        <f>Bühler!N496</f>
        <v>45311.24999999888</v>
      </c>
      <c r="X464" s="83">
        <v>43120.25</v>
      </c>
      <c r="Y464">
        <v>196284.26459999999</v>
      </c>
      <c r="Z464">
        <v>20289.23949</v>
      </c>
      <c r="AA464">
        <v>78022.982910000006</v>
      </c>
      <c r="AB464">
        <v>44270.206120000003</v>
      </c>
      <c r="AC464">
        <v>41608.664969999998</v>
      </c>
      <c r="AD464">
        <v>34095.288110000001</v>
      </c>
      <c r="AE464">
        <v>43353.554620000003</v>
      </c>
      <c r="AF464">
        <v>44795.01023</v>
      </c>
      <c r="AG464">
        <v>20851.14834</v>
      </c>
      <c r="AH464">
        <v>263082.11090000003</v>
      </c>
      <c r="AI464">
        <v>73221.060360000003</v>
      </c>
      <c r="AJ464">
        <v>24597.689340000001</v>
      </c>
      <c r="AK464">
        <v>33185.027009999998</v>
      </c>
      <c r="AL464">
        <v>67566.831229999996</v>
      </c>
      <c r="AM464">
        <v>19199.758699999998</v>
      </c>
      <c r="AN464">
        <v>88303.767110000001</v>
      </c>
      <c r="AO464">
        <v>31145.885190000001</v>
      </c>
      <c r="AP464">
        <v>19165.615109999999</v>
      </c>
    </row>
    <row r="465" spans="2:42" x14ac:dyDescent="0.3">
      <c r="B465">
        <v>51.558654557906152</v>
      </c>
      <c r="C465" s="83">
        <v>43120.291666666664</v>
      </c>
      <c r="D465">
        <v>198361.7898</v>
      </c>
      <c r="E465">
        <v>23460.342799999999</v>
      </c>
      <c r="F465">
        <v>81301.962650000001</v>
      </c>
      <c r="G465">
        <v>46331.319309999999</v>
      </c>
      <c r="H465">
        <v>43271.3557</v>
      </c>
      <c r="I465">
        <v>37046.422639999997</v>
      </c>
      <c r="J465">
        <v>45050.207540000003</v>
      </c>
      <c r="K465">
        <v>44493.313430000002</v>
      </c>
      <c r="L465">
        <v>23011.833559999999</v>
      </c>
      <c r="M465">
        <v>262870.0649</v>
      </c>
      <c r="N465">
        <v>74837.831810000003</v>
      </c>
      <c r="O465">
        <v>25187.439330000001</v>
      </c>
      <c r="P465">
        <v>35068.696400000001</v>
      </c>
      <c r="Q465">
        <v>66303.033200000005</v>
      </c>
      <c r="R465">
        <v>18739.152170000001</v>
      </c>
      <c r="S465">
        <v>97593.960590000002</v>
      </c>
      <c r="T465">
        <v>30633.260770000001</v>
      </c>
      <c r="U465">
        <v>19652.96343</v>
      </c>
      <c r="W465" s="83">
        <f>Bühler!N497</f>
        <v>45311.291666665544</v>
      </c>
      <c r="X465" s="83">
        <v>43120.291666666664</v>
      </c>
      <c r="Y465">
        <v>198361.7898</v>
      </c>
      <c r="Z465">
        <v>23460.342799999999</v>
      </c>
      <c r="AA465">
        <v>81301.962650000001</v>
      </c>
      <c r="AB465">
        <v>46331.319309999999</v>
      </c>
      <c r="AC465">
        <v>43271.3557</v>
      </c>
      <c r="AD465">
        <v>37046.422639999997</v>
      </c>
      <c r="AE465">
        <v>45050.207540000003</v>
      </c>
      <c r="AF465">
        <v>44493.313430000002</v>
      </c>
      <c r="AG465">
        <v>23011.833559999999</v>
      </c>
      <c r="AH465">
        <v>262870.0649</v>
      </c>
      <c r="AI465">
        <v>74837.831810000003</v>
      </c>
      <c r="AJ465">
        <v>25187.439330000001</v>
      </c>
      <c r="AK465">
        <v>35068.696400000001</v>
      </c>
      <c r="AL465">
        <v>66303.033200000005</v>
      </c>
      <c r="AM465">
        <v>18739.152170000001</v>
      </c>
      <c r="AN465">
        <v>97593.960590000002</v>
      </c>
      <c r="AO465">
        <v>30633.260770000001</v>
      </c>
      <c r="AP465">
        <v>19652.96343</v>
      </c>
    </row>
    <row r="466" spans="2:42" x14ac:dyDescent="0.3">
      <c r="B466">
        <v>50.991509066289375</v>
      </c>
      <c r="C466" s="83">
        <v>43120.333333333336</v>
      </c>
      <c r="D466">
        <v>197065.69159999999</v>
      </c>
      <c r="E466">
        <v>26238.574069999999</v>
      </c>
      <c r="F466">
        <v>87345.929929999998</v>
      </c>
      <c r="G466">
        <v>47453.163460000003</v>
      </c>
      <c r="H466">
        <v>43462.69399</v>
      </c>
      <c r="I466">
        <v>38226.245190000001</v>
      </c>
      <c r="J466">
        <v>44802.305999999997</v>
      </c>
      <c r="K466">
        <v>44487.277029999997</v>
      </c>
      <c r="L466">
        <v>25202.237949999999</v>
      </c>
      <c r="M466">
        <v>259978.4927</v>
      </c>
      <c r="N466">
        <v>77367.706770000004</v>
      </c>
      <c r="O466">
        <v>25490.213950000001</v>
      </c>
      <c r="P466">
        <v>37794.398889999997</v>
      </c>
      <c r="Q466">
        <v>65256.632989999998</v>
      </c>
      <c r="R466">
        <v>18706.919160000001</v>
      </c>
      <c r="S466">
        <v>101749.289</v>
      </c>
      <c r="T466">
        <v>32725.196919999998</v>
      </c>
      <c r="U466">
        <v>19885.481080000001</v>
      </c>
      <c r="W466" s="83">
        <f>Bühler!N498</f>
        <v>45311.333333332208</v>
      </c>
      <c r="X466" s="83">
        <v>43120.333333333336</v>
      </c>
      <c r="Y466">
        <v>197065.69159999999</v>
      </c>
      <c r="Z466">
        <v>26238.574069999999</v>
      </c>
      <c r="AA466">
        <v>87345.929929999998</v>
      </c>
      <c r="AB466">
        <v>47453.163460000003</v>
      </c>
      <c r="AC466">
        <v>43462.69399</v>
      </c>
      <c r="AD466">
        <v>38226.245190000001</v>
      </c>
      <c r="AE466">
        <v>44802.305999999997</v>
      </c>
      <c r="AF466">
        <v>44487.277029999997</v>
      </c>
      <c r="AG466">
        <v>25202.237949999999</v>
      </c>
      <c r="AH466">
        <v>259978.4927</v>
      </c>
      <c r="AI466">
        <v>77367.706770000004</v>
      </c>
      <c r="AJ466">
        <v>25490.213950000001</v>
      </c>
      <c r="AK466">
        <v>37794.398889999997</v>
      </c>
      <c r="AL466">
        <v>65256.632989999998</v>
      </c>
      <c r="AM466">
        <v>18706.919160000001</v>
      </c>
      <c r="AN466">
        <v>101749.289</v>
      </c>
      <c r="AO466">
        <v>32725.196919999998</v>
      </c>
      <c r="AP466">
        <v>19885.481080000001</v>
      </c>
    </row>
    <row r="467" spans="2:42" x14ac:dyDescent="0.3">
      <c r="B467">
        <v>49.896592570702822</v>
      </c>
      <c r="C467" s="83">
        <v>43120.375</v>
      </c>
      <c r="D467">
        <v>194637.9154</v>
      </c>
      <c r="E467">
        <v>29646.753700000001</v>
      </c>
      <c r="F467">
        <v>90638.137310000006</v>
      </c>
      <c r="G467">
        <v>47265.718970000002</v>
      </c>
      <c r="H467">
        <v>43025.720170000001</v>
      </c>
      <c r="I467">
        <v>36829.804700000001</v>
      </c>
      <c r="J467">
        <v>43976.588040000002</v>
      </c>
      <c r="K467">
        <v>42185.96458</v>
      </c>
      <c r="L467">
        <v>26775.972549999999</v>
      </c>
      <c r="M467">
        <v>254396.09779999999</v>
      </c>
      <c r="N467">
        <v>81096.664409999998</v>
      </c>
      <c r="O467">
        <v>24915.115839999999</v>
      </c>
      <c r="P467">
        <v>39103.507559999998</v>
      </c>
      <c r="Q467">
        <v>63788.185510000003</v>
      </c>
      <c r="R467">
        <v>17317.26007</v>
      </c>
      <c r="S467">
        <v>102709.22629999999</v>
      </c>
      <c r="T467">
        <v>34310.211600000002</v>
      </c>
      <c r="U467">
        <v>19175.547399999999</v>
      </c>
      <c r="W467" s="83">
        <f>Bühler!N499</f>
        <v>45311.374999998872</v>
      </c>
      <c r="X467" s="83">
        <v>43120.375</v>
      </c>
      <c r="Y467">
        <v>194637.9154</v>
      </c>
      <c r="Z467">
        <v>29646.753700000001</v>
      </c>
      <c r="AA467">
        <v>90638.137310000006</v>
      </c>
      <c r="AB467">
        <v>47265.718970000002</v>
      </c>
      <c r="AC467">
        <v>43025.720170000001</v>
      </c>
      <c r="AD467">
        <v>36829.804700000001</v>
      </c>
      <c r="AE467">
        <v>43976.588040000002</v>
      </c>
      <c r="AF467">
        <v>42185.96458</v>
      </c>
      <c r="AG467">
        <v>26775.972549999999</v>
      </c>
      <c r="AH467">
        <v>254396.09779999999</v>
      </c>
      <c r="AI467">
        <v>81096.664409999998</v>
      </c>
      <c r="AJ467">
        <v>24915.115839999999</v>
      </c>
      <c r="AK467">
        <v>39103.507559999998</v>
      </c>
      <c r="AL467">
        <v>63788.185510000003</v>
      </c>
      <c r="AM467">
        <v>17317.26007</v>
      </c>
      <c r="AN467">
        <v>102709.22629999999</v>
      </c>
      <c r="AO467">
        <v>34310.211600000002</v>
      </c>
      <c r="AP467">
        <v>19175.547399999999</v>
      </c>
    </row>
    <row r="468" spans="2:42" x14ac:dyDescent="0.3">
      <c r="B468">
        <v>49.808614369040725</v>
      </c>
      <c r="C468" s="83">
        <v>43120.416666666664</v>
      </c>
      <c r="D468">
        <v>193322.09270000001</v>
      </c>
      <c r="E468">
        <v>31095.757740000001</v>
      </c>
      <c r="F468">
        <v>90867.836219999997</v>
      </c>
      <c r="G468">
        <v>47171.401109999999</v>
      </c>
      <c r="H468">
        <v>42856.96142</v>
      </c>
      <c r="I468">
        <v>35322.300770000002</v>
      </c>
      <c r="J468">
        <v>42594.727229999997</v>
      </c>
      <c r="K468">
        <v>44257.805890000003</v>
      </c>
      <c r="L468">
        <v>29195.4709</v>
      </c>
      <c r="M468">
        <v>253947.54389999999</v>
      </c>
      <c r="N468">
        <v>84313.131550000006</v>
      </c>
      <c r="O468">
        <v>25544.047259999999</v>
      </c>
      <c r="P468">
        <v>40596.917079999999</v>
      </c>
      <c r="Q468">
        <v>63560.961990000003</v>
      </c>
      <c r="R468">
        <v>18043.432680000002</v>
      </c>
      <c r="S468">
        <v>100509.8205</v>
      </c>
      <c r="T468">
        <v>36172.516949999997</v>
      </c>
      <c r="U468">
        <v>18742.07764</v>
      </c>
      <c r="W468" s="83">
        <f>Bühler!N500</f>
        <v>45311.416666665536</v>
      </c>
      <c r="X468" s="83">
        <v>43120.416666666664</v>
      </c>
      <c r="Y468">
        <v>193322.09270000001</v>
      </c>
      <c r="Z468">
        <v>31095.757740000001</v>
      </c>
      <c r="AA468">
        <v>90867.836219999997</v>
      </c>
      <c r="AB468">
        <v>47171.401109999999</v>
      </c>
      <c r="AC468">
        <v>42856.96142</v>
      </c>
      <c r="AD468">
        <v>35322.300770000002</v>
      </c>
      <c r="AE468">
        <v>42594.727229999997</v>
      </c>
      <c r="AF468">
        <v>44257.805890000003</v>
      </c>
      <c r="AG468">
        <v>29195.4709</v>
      </c>
      <c r="AH468">
        <v>253947.54389999999</v>
      </c>
      <c r="AI468">
        <v>84313.131550000006</v>
      </c>
      <c r="AJ468">
        <v>25544.047259999999</v>
      </c>
      <c r="AK468">
        <v>40596.917079999999</v>
      </c>
      <c r="AL468">
        <v>63560.961990000003</v>
      </c>
      <c r="AM468">
        <v>18043.432680000002</v>
      </c>
      <c r="AN468">
        <v>100509.8205</v>
      </c>
      <c r="AO468">
        <v>36172.516949999997</v>
      </c>
      <c r="AP468">
        <v>18742.07764</v>
      </c>
    </row>
    <row r="469" spans="2:42" x14ac:dyDescent="0.3">
      <c r="B469">
        <v>49.355335883904431</v>
      </c>
      <c r="C469" s="83">
        <v>43120.458333333336</v>
      </c>
      <c r="D469">
        <v>189484.30379999999</v>
      </c>
      <c r="E469">
        <v>30981.812880000001</v>
      </c>
      <c r="F469">
        <v>90922.312720000002</v>
      </c>
      <c r="G469">
        <v>46413.283629999998</v>
      </c>
      <c r="H469">
        <v>42916.674129999999</v>
      </c>
      <c r="I469">
        <v>34962.40324</v>
      </c>
      <c r="J469">
        <v>41294.250070000002</v>
      </c>
      <c r="K469">
        <v>48366.94184</v>
      </c>
      <c r="L469">
        <v>31777.48749</v>
      </c>
      <c r="M469">
        <v>251636.51879999999</v>
      </c>
      <c r="N469">
        <v>83045.234679999994</v>
      </c>
      <c r="O469">
        <v>25535.287700000001</v>
      </c>
      <c r="P469">
        <v>39831.415009999997</v>
      </c>
      <c r="Q469">
        <v>62898.88796</v>
      </c>
      <c r="R469">
        <v>21345.13464</v>
      </c>
      <c r="S469">
        <v>102147.0393</v>
      </c>
      <c r="T469">
        <v>36469.245779999997</v>
      </c>
      <c r="U469">
        <v>18590.177319999999</v>
      </c>
      <c r="W469" s="83">
        <f>Bühler!N501</f>
        <v>45311.458333332201</v>
      </c>
      <c r="X469" s="83">
        <v>43120.458333333336</v>
      </c>
      <c r="Y469">
        <v>189484.30379999999</v>
      </c>
      <c r="Z469">
        <v>30981.812880000001</v>
      </c>
      <c r="AA469">
        <v>90922.312720000002</v>
      </c>
      <c r="AB469">
        <v>46413.283629999998</v>
      </c>
      <c r="AC469">
        <v>42916.674129999999</v>
      </c>
      <c r="AD469">
        <v>34962.40324</v>
      </c>
      <c r="AE469">
        <v>41294.250070000002</v>
      </c>
      <c r="AF469">
        <v>48366.94184</v>
      </c>
      <c r="AG469">
        <v>31777.48749</v>
      </c>
      <c r="AH469">
        <v>251636.51879999999</v>
      </c>
      <c r="AI469">
        <v>83045.234679999994</v>
      </c>
      <c r="AJ469">
        <v>25535.287700000001</v>
      </c>
      <c r="AK469">
        <v>39831.415009999997</v>
      </c>
      <c r="AL469">
        <v>62898.88796</v>
      </c>
      <c r="AM469">
        <v>21345.13464</v>
      </c>
      <c r="AN469">
        <v>102147.0393</v>
      </c>
      <c r="AO469">
        <v>36469.245779999997</v>
      </c>
      <c r="AP469">
        <v>18590.177319999999</v>
      </c>
    </row>
    <row r="470" spans="2:42" x14ac:dyDescent="0.3">
      <c r="B470">
        <v>48.437009001667114</v>
      </c>
      <c r="C470" s="83">
        <v>43120.5</v>
      </c>
      <c r="D470">
        <v>181589.644</v>
      </c>
      <c r="E470">
        <v>28902.350399999999</v>
      </c>
      <c r="F470">
        <v>89405.892300000007</v>
      </c>
      <c r="G470">
        <v>44759.180070000002</v>
      </c>
      <c r="H470">
        <v>41890.513559999999</v>
      </c>
      <c r="I470">
        <v>33664.087240000001</v>
      </c>
      <c r="J470">
        <v>41165.087220000001</v>
      </c>
      <c r="K470">
        <v>48601.020940000002</v>
      </c>
      <c r="L470">
        <v>33673.024519999999</v>
      </c>
      <c r="M470">
        <v>246954.4601</v>
      </c>
      <c r="N470">
        <v>81638.809810000006</v>
      </c>
      <c r="O470">
        <v>25336.855049999998</v>
      </c>
      <c r="P470">
        <v>38836.492080000004</v>
      </c>
      <c r="Q470">
        <v>59867.758759999997</v>
      </c>
      <c r="R470">
        <v>20104.674439999999</v>
      </c>
      <c r="S470">
        <v>95533.489889999997</v>
      </c>
      <c r="T470">
        <v>35130.709640000001</v>
      </c>
      <c r="U470">
        <v>17481.809560000002</v>
      </c>
      <c r="W470" s="83">
        <f>Bühler!N502</f>
        <v>45311.499999998865</v>
      </c>
      <c r="X470" s="83">
        <v>43120.5</v>
      </c>
      <c r="Y470">
        <v>181589.644</v>
      </c>
      <c r="Z470">
        <v>28902.350399999999</v>
      </c>
      <c r="AA470">
        <v>89405.892300000007</v>
      </c>
      <c r="AB470">
        <v>44759.180070000002</v>
      </c>
      <c r="AC470">
        <v>41890.513559999999</v>
      </c>
      <c r="AD470">
        <v>33664.087240000001</v>
      </c>
      <c r="AE470">
        <v>41165.087220000001</v>
      </c>
      <c r="AF470">
        <v>48601.020940000002</v>
      </c>
      <c r="AG470">
        <v>33673.024519999999</v>
      </c>
      <c r="AH470">
        <v>246954.4601</v>
      </c>
      <c r="AI470">
        <v>81638.809810000006</v>
      </c>
      <c r="AJ470">
        <v>25336.855049999998</v>
      </c>
      <c r="AK470">
        <v>38836.492080000004</v>
      </c>
      <c r="AL470">
        <v>59867.758759999997</v>
      </c>
      <c r="AM470">
        <v>20104.674439999999</v>
      </c>
      <c r="AN470">
        <v>95533.489889999997</v>
      </c>
      <c r="AO470">
        <v>35130.709640000001</v>
      </c>
      <c r="AP470">
        <v>17481.809560000002</v>
      </c>
    </row>
    <row r="471" spans="2:42" x14ac:dyDescent="0.3">
      <c r="B471">
        <v>47.859186220773744</v>
      </c>
      <c r="C471" s="83">
        <v>43120.541666666664</v>
      </c>
      <c r="D471">
        <v>177489.27780000001</v>
      </c>
      <c r="E471">
        <v>27735.717229999998</v>
      </c>
      <c r="F471">
        <v>88386.768970000005</v>
      </c>
      <c r="G471">
        <v>43708.927649999998</v>
      </c>
      <c r="H471">
        <v>40856.45766</v>
      </c>
      <c r="I471">
        <v>32392.703730000001</v>
      </c>
      <c r="J471">
        <v>40168.748220000001</v>
      </c>
      <c r="K471">
        <v>49148.632949999999</v>
      </c>
      <c r="L471">
        <v>33185.34878</v>
      </c>
      <c r="M471">
        <v>244008.45009999999</v>
      </c>
      <c r="N471">
        <v>80497.871010000003</v>
      </c>
      <c r="O471">
        <v>24853.97349</v>
      </c>
      <c r="P471">
        <v>38985.058340000003</v>
      </c>
      <c r="Q471">
        <v>56889.042939999999</v>
      </c>
      <c r="R471">
        <v>19791.785680000001</v>
      </c>
      <c r="S471">
        <v>95275.696070000005</v>
      </c>
      <c r="T471">
        <v>34309.911760000003</v>
      </c>
      <c r="U471">
        <v>16993.443660000001</v>
      </c>
      <c r="W471" s="83">
        <f>Bühler!N503</f>
        <v>45311.541666665529</v>
      </c>
      <c r="X471" s="83">
        <v>43120.541666666664</v>
      </c>
      <c r="Y471">
        <v>177489.27780000001</v>
      </c>
      <c r="Z471">
        <v>27735.717229999998</v>
      </c>
      <c r="AA471">
        <v>88386.768970000005</v>
      </c>
      <c r="AB471">
        <v>43708.927649999998</v>
      </c>
      <c r="AC471">
        <v>40856.45766</v>
      </c>
      <c r="AD471">
        <v>32392.703730000001</v>
      </c>
      <c r="AE471">
        <v>40168.748220000001</v>
      </c>
      <c r="AF471">
        <v>49148.632949999999</v>
      </c>
      <c r="AG471">
        <v>33185.34878</v>
      </c>
      <c r="AH471">
        <v>244008.45009999999</v>
      </c>
      <c r="AI471">
        <v>80497.871010000003</v>
      </c>
      <c r="AJ471">
        <v>24853.97349</v>
      </c>
      <c r="AK471">
        <v>38985.058340000003</v>
      </c>
      <c r="AL471">
        <v>56889.042939999999</v>
      </c>
      <c r="AM471">
        <v>19791.785680000001</v>
      </c>
      <c r="AN471">
        <v>95275.696070000005</v>
      </c>
      <c r="AO471">
        <v>34309.911760000003</v>
      </c>
      <c r="AP471">
        <v>16993.443660000001</v>
      </c>
    </row>
    <row r="472" spans="2:42" x14ac:dyDescent="0.3">
      <c r="B472">
        <v>47.3948932665337</v>
      </c>
      <c r="C472" s="83">
        <v>43120.583333333336</v>
      </c>
      <c r="D472">
        <v>175426.04870000001</v>
      </c>
      <c r="E472">
        <v>28335.716960000002</v>
      </c>
      <c r="F472">
        <v>88068.621249999997</v>
      </c>
      <c r="G472">
        <v>43267.22507</v>
      </c>
      <c r="H472">
        <v>40208.839350000002</v>
      </c>
      <c r="I472">
        <v>32605.180110000001</v>
      </c>
      <c r="J472">
        <v>38471.257940000003</v>
      </c>
      <c r="K472">
        <v>48968.340369999998</v>
      </c>
      <c r="L472">
        <v>30545.430209999999</v>
      </c>
      <c r="M472">
        <v>241641.26809999999</v>
      </c>
      <c r="N472">
        <v>80114.503949999998</v>
      </c>
      <c r="O472">
        <v>24664.69443</v>
      </c>
      <c r="P472">
        <v>36034.59474</v>
      </c>
      <c r="Q472">
        <v>55477.155789999997</v>
      </c>
      <c r="R472">
        <v>19881.633849999998</v>
      </c>
      <c r="S472">
        <v>92274.614319999993</v>
      </c>
      <c r="T472">
        <v>33852.006880000001</v>
      </c>
      <c r="U472">
        <v>17069.885890000001</v>
      </c>
      <c r="W472" s="83">
        <f>Bühler!N504</f>
        <v>45311.583333332193</v>
      </c>
      <c r="X472" s="83">
        <v>43120.583333333336</v>
      </c>
      <c r="Y472">
        <v>175426.04870000001</v>
      </c>
      <c r="Z472">
        <v>28335.716960000002</v>
      </c>
      <c r="AA472">
        <v>88068.621249999997</v>
      </c>
      <c r="AB472">
        <v>43267.22507</v>
      </c>
      <c r="AC472">
        <v>40208.839350000002</v>
      </c>
      <c r="AD472">
        <v>32605.180110000001</v>
      </c>
      <c r="AE472">
        <v>38471.257940000003</v>
      </c>
      <c r="AF472">
        <v>48968.340369999998</v>
      </c>
      <c r="AG472">
        <v>30545.430209999999</v>
      </c>
      <c r="AH472">
        <v>241641.26809999999</v>
      </c>
      <c r="AI472">
        <v>80114.503949999998</v>
      </c>
      <c r="AJ472">
        <v>24664.69443</v>
      </c>
      <c r="AK472">
        <v>36034.59474</v>
      </c>
      <c r="AL472">
        <v>55477.155789999997</v>
      </c>
      <c r="AM472">
        <v>19881.633849999998</v>
      </c>
      <c r="AN472">
        <v>92274.614319999993</v>
      </c>
      <c r="AO472">
        <v>33852.006880000001</v>
      </c>
      <c r="AP472">
        <v>17069.885890000001</v>
      </c>
    </row>
    <row r="473" spans="2:42" x14ac:dyDescent="0.3">
      <c r="B473">
        <v>46.849254242282939</v>
      </c>
      <c r="C473" s="83">
        <v>43120.625</v>
      </c>
      <c r="D473">
        <v>174475.4117</v>
      </c>
      <c r="E473">
        <v>28078.256259999998</v>
      </c>
      <c r="F473">
        <v>87501.042839999995</v>
      </c>
      <c r="G473">
        <v>42807.437729999998</v>
      </c>
      <c r="H473">
        <v>40314.583850000003</v>
      </c>
      <c r="I473">
        <v>33289.42899</v>
      </c>
      <c r="J473">
        <v>38135.290659999999</v>
      </c>
      <c r="K473">
        <v>47931.692690000003</v>
      </c>
      <c r="L473">
        <v>28446.36953</v>
      </c>
      <c r="M473">
        <v>238859.34589999999</v>
      </c>
      <c r="N473">
        <v>80376.047890000002</v>
      </c>
      <c r="O473">
        <v>24180.37011</v>
      </c>
      <c r="P473">
        <v>34621.779090000004</v>
      </c>
      <c r="Q473">
        <v>54492.05805</v>
      </c>
      <c r="R473">
        <v>19905.644319999999</v>
      </c>
      <c r="S473">
        <v>91297.044699999999</v>
      </c>
      <c r="T473">
        <v>33920.182460000004</v>
      </c>
      <c r="U473">
        <v>17211.388009999999</v>
      </c>
      <c r="W473" s="83">
        <f>Bühler!N505</f>
        <v>45311.624999998858</v>
      </c>
      <c r="X473" s="83">
        <v>43120.625</v>
      </c>
      <c r="Y473">
        <v>174475.4117</v>
      </c>
      <c r="Z473">
        <v>28078.256259999998</v>
      </c>
      <c r="AA473">
        <v>87501.042839999995</v>
      </c>
      <c r="AB473">
        <v>42807.437729999998</v>
      </c>
      <c r="AC473">
        <v>40314.583850000003</v>
      </c>
      <c r="AD473">
        <v>33289.42899</v>
      </c>
      <c r="AE473">
        <v>38135.290659999999</v>
      </c>
      <c r="AF473">
        <v>47931.692690000003</v>
      </c>
      <c r="AG473">
        <v>28446.36953</v>
      </c>
      <c r="AH473">
        <v>238859.34589999999</v>
      </c>
      <c r="AI473">
        <v>80376.047890000002</v>
      </c>
      <c r="AJ473">
        <v>24180.37011</v>
      </c>
      <c r="AK473">
        <v>34621.779090000004</v>
      </c>
      <c r="AL473">
        <v>54492.05805</v>
      </c>
      <c r="AM473">
        <v>19905.644319999999</v>
      </c>
      <c r="AN473">
        <v>91297.044699999999</v>
      </c>
      <c r="AO473">
        <v>33920.182460000004</v>
      </c>
      <c r="AP473">
        <v>17211.388009999999</v>
      </c>
    </row>
    <row r="474" spans="2:42" x14ac:dyDescent="0.3">
      <c r="B474">
        <v>46.34713742355779</v>
      </c>
      <c r="C474" s="83">
        <v>43120.666666666664</v>
      </c>
      <c r="D474">
        <v>173606.12580000001</v>
      </c>
      <c r="E474">
        <v>28157.36796</v>
      </c>
      <c r="F474">
        <v>87102.861650000006</v>
      </c>
      <c r="G474">
        <v>43347.288769999999</v>
      </c>
      <c r="H474">
        <v>40686.833160000002</v>
      </c>
      <c r="I474">
        <v>34075.95564</v>
      </c>
      <c r="J474">
        <v>37694.330719999998</v>
      </c>
      <c r="K474">
        <v>46028.859279999997</v>
      </c>
      <c r="L474">
        <v>27422.981319999999</v>
      </c>
      <c r="M474">
        <v>236299.32019999999</v>
      </c>
      <c r="N474">
        <v>79554.590259999997</v>
      </c>
      <c r="O474">
        <v>24375.85355</v>
      </c>
      <c r="P474">
        <v>35908.165220000003</v>
      </c>
      <c r="Q474">
        <v>54402.954109999999</v>
      </c>
      <c r="R474">
        <v>19234.441739999998</v>
      </c>
      <c r="S474">
        <v>92574.232220000005</v>
      </c>
      <c r="T474">
        <v>34579.443180000002</v>
      </c>
      <c r="U474">
        <v>17521.732100000001</v>
      </c>
      <c r="W474" s="83">
        <f>Bühler!N506</f>
        <v>45311.666666665522</v>
      </c>
      <c r="X474" s="83">
        <v>43120.666666666664</v>
      </c>
      <c r="Y474">
        <v>173606.12580000001</v>
      </c>
      <c r="Z474">
        <v>28157.36796</v>
      </c>
      <c r="AA474">
        <v>87102.861650000006</v>
      </c>
      <c r="AB474">
        <v>43347.288769999999</v>
      </c>
      <c r="AC474">
        <v>40686.833160000002</v>
      </c>
      <c r="AD474">
        <v>34075.95564</v>
      </c>
      <c r="AE474">
        <v>37694.330719999998</v>
      </c>
      <c r="AF474">
        <v>46028.859279999997</v>
      </c>
      <c r="AG474">
        <v>27422.981319999999</v>
      </c>
      <c r="AH474">
        <v>236299.32019999999</v>
      </c>
      <c r="AI474">
        <v>79554.590259999997</v>
      </c>
      <c r="AJ474">
        <v>24375.85355</v>
      </c>
      <c r="AK474">
        <v>35908.165220000003</v>
      </c>
      <c r="AL474">
        <v>54402.954109999999</v>
      </c>
      <c r="AM474">
        <v>19234.441739999998</v>
      </c>
      <c r="AN474">
        <v>92574.232220000005</v>
      </c>
      <c r="AO474">
        <v>34579.443180000002</v>
      </c>
      <c r="AP474">
        <v>17521.732100000001</v>
      </c>
    </row>
    <row r="475" spans="2:42" x14ac:dyDescent="0.3">
      <c r="B475">
        <v>46.018077332252673</v>
      </c>
      <c r="C475" s="83">
        <v>43120.708333333336</v>
      </c>
      <c r="D475">
        <v>172521.45499999999</v>
      </c>
      <c r="E475">
        <v>28767.955480000001</v>
      </c>
      <c r="F475">
        <v>88813.913520000002</v>
      </c>
      <c r="G475">
        <v>44121.752289999997</v>
      </c>
      <c r="H475">
        <v>41719.902320000001</v>
      </c>
      <c r="I475">
        <v>35617.699939999999</v>
      </c>
      <c r="J475">
        <v>40177.612390000002</v>
      </c>
      <c r="K475">
        <v>45358.652020000001</v>
      </c>
      <c r="L475">
        <v>28740.761259999999</v>
      </c>
      <c r="M475">
        <v>234621.61840000001</v>
      </c>
      <c r="N475">
        <v>77482.430710000001</v>
      </c>
      <c r="O475">
        <v>25511.473320000001</v>
      </c>
      <c r="P475">
        <v>38155.22941</v>
      </c>
      <c r="Q475">
        <v>53761.373820000001</v>
      </c>
      <c r="R475">
        <v>21715.776379999999</v>
      </c>
      <c r="S475">
        <v>97913.253299999997</v>
      </c>
      <c r="T475">
        <v>35999.803610000003</v>
      </c>
      <c r="U475">
        <v>17880.09317</v>
      </c>
      <c r="W475" s="83">
        <f>Bühler!N507</f>
        <v>45311.708333332186</v>
      </c>
      <c r="X475" s="83">
        <v>43120.708333333336</v>
      </c>
      <c r="Y475">
        <v>172521.45499999999</v>
      </c>
      <c r="Z475">
        <v>28767.955480000001</v>
      </c>
      <c r="AA475">
        <v>88813.913520000002</v>
      </c>
      <c r="AB475">
        <v>44121.752289999997</v>
      </c>
      <c r="AC475">
        <v>41719.902320000001</v>
      </c>
      <c r="AD475">
        <v>35617.699939999999</v>
      </c>
      <c r="AE475">
        <v>40177.612390000002</v>
      </c>
      <c r="AF475">
        <v>45358.652020000001</v>
      </c>
      <c r="AG475">
        <v>28740.761259999999</v>
      </c>
      <c r="AH475">
        <v>234621.61840000001</v>
      </c>
      <c r="AI475">
        <v>77482.430710000001</v>
      </c>
      <c r="AJ475">
        <v>25511.473320000001</v>
      </c>
      <c r="AK475">
        <v>38155.22941</v>
      </c>
      <c r="AL475">
        <v>53761.373820000001</v>
      </c>
      <c r="AM475">
        <v>21715.776379999999</v>
      </c>
      <c r="AN475">
        <v>97913.253299999997</v>
      </c>
      <c r="AO475">
        <v>35999.803610000003</v>
      </c>
      <c r="AP475">
        <v>17880.09317</v>
      </c>
    </row>
    <row r="476" spans="2:42" x14ac:dyDescent="0.3">
      <c r="B476">
        <v>45.358851091541467</v>
      </c>
      <c r="C476" s="83">
        <v>43120.75</v>
      </c>
      <c r="D476">
        <v>173447.397</v>
      </c>
      <c r="E476">
        <v>28220.332409999999</v>
      </c>
      <c r="F476">
        <v>87637.925040000002</v>
      </c>
      <c r="G476">
        <v>45474.320140000003</v>
      </c>
      <c r="H476">
        <v>42798.308969999998</v>
      </c>
      <c r="I476">
        <v>35848.215170000003</v>
      </c>
      <c r="J476">
        <v>43316.074950000002</v>
      </c>
      <c r="K476">
        <v>42053.803189999999</v>
      </c>
      <c r="L476">
        <v>31639.958739999998</v>
      </c>
      <c r="M476">
        <v>231260.57560000001</v>
      </c>
      <c r="N476">
        <v>78594.896009999997</v>
      </c>
      <c r="O476">
        <v>25662.466240000002</v>
      </c>
      <c r="P476">
        <v>41903.344870000001</v>
      </c>
      <c r="Q476">
        <v>52372.489099999999</v>
      </c>
      <c r="R476">
        <v>19832.178769999999</v>
      </c>
      <c r="S476">
        <v>97493.756930000003</v>
      </c>
      <c r="T476">
        <v>36541.364479999997</v>
      </c>
      <c r="U476">
        <v>18195.214950000001</v>
      </c>
      <c r="W476" s="83">
        <f>Bühler!N508</f>
        <v>45311.74999999885</v>
      </c>
      <c r="X476" s="83">
        <v>43120.75</v>
      </c>
      <c r="Y476">
        <v>173447.397</v>
      </c>
      <c r="Z476">
        <v>28220.332409999999</v>
      </c>
      <c r="AA476">
        <v>87637.925040000002</v>
      </c>
      <c r="AB476">
        <v>45474.320140000003</v>
      </c>
      <c r="AC476">
        <v>42798.308969999998</v>
      </c>
      <c r="AD476">
        <v>35848.215170000003</v>
      </c>
      <c r="AE476">
        <v>43316.074950000002</v>
      </c>
      <c r="AF476">
        <v>42053.803189999999</v>
      </c>
      <c r="AG476">
        <v>31639.958739999998</v>
      </c>
      <c r="AH476">
        <v>231260.57560000001</v>
      </c>
      <c r="AI476">
        <v>78594.896009999997</v>
      </c>
      <c r="AJ476">
        <v>25662.466240000002</v>
      </c>
      <c r="AK476">
        <v>41903.344870000001</v>
      </c>
      <c r="AL476">
        <v>52372.489099999999</v>
      </c>
      <c r="AM476">
        <v>19832.178769999999</v>
      </c>
      <c r="AN476">
        <v>97493.756930000003</v>
      </c>
      <c r="AO476">
        <v>36541.364479999997</v>
      </c>
      <c r="AP476">
        <v>18195.214950000001</v>
      </c>
    </row>
    <row r="477" spans="2:42" x14ac:dyDescent="0.3">
      <c r="B477">
        <v>44.951148782536379</v>
      </c>
      <c r="C477" s="83">
        <v>43120.791666666664</v>
      </c>
      <c r="D477">
        <v>172773.7812</v>
      </c>
      <c r="E477">
        <v>24227.940439999998</v>
      </c>
      <c r="F477">
        <v>75441.574760000003</v>
      </c>
      <c r="G477">
        <v>45584.755490000003</v>
      </c>
      <c r="H477">
        <v>42278.845480000004</v>
      </c>
      <c r="I477">
        <v>35619.436549999999</v>
      </c>
      <c r="J477">
        <v>42538.775780000004</v>
      </c>
      <c r="K477">
        <v>42401.413119999997</v>
      </c>
      <c r="L477">
        <v>33112.336889999999</v>
      </c>
      <c r="M477">
        <v>229181.9191</v>
      </c>
      <c r="N477">
        <v>81692.491280000002</v>
      </c>
      <c r="O477">
        <v>25792.61218</v>
      </c>
      <c r="P477">
        <v>42768.430489999999</v>
      </c>
      <c r="Q477">
        <v>50943.442360000001</v>
      </c>
      <c r="R477">
        <v>19756.037919999999</v>
      </c>
      <c r="S477">
        <v>96060.560660000003</v>
      </c>
      <c r="T477">
        <v>35361.718180000003</v>
      </c>
      <c r="U477">
        <v>18312.306700000001</v>
      </c>
      <c r="W477" s="83">
        <f>Bühler!N509</f>
        <v>45311.791666665515</v>
      </c>
      <c r="X477" s="83">
        <v>43120.791666666664</v>
      </c>
      <c r="Y477">
        <v>172773.7812</v>
      </c>
      <c r="Z477">
        <v>24227.940439999998</v>
      </c>
      <c r="AA477">
        <v>75441.574760000003</v>
      </c>
      <c r="AB477">
        <v>45584.755490000003</v>
      </c>
      <c r="AC477">
        <v>42278.845480000004</v>
      </c>
      <c r="AD477">
        <v>35619.436549999999</v>
      </c>
      <c r="AE477">
        <v>42538.775780000004</v>
      </c>
      <c r="AF477">
        <v>42401.413119999997</v>
      </c>
      <c r="AG477">
        <v>33112.336889999999</v>
      </c>
      <c r="AH477">
        <v>229181.9191</v>
      </c>
      <c r="AI477">
        <v>81692.491280000002</v>
      </c>
      <c r="AJ477">
        <v>25792.61218</v>
      </c>
      <c r="AK477">
        <v>42768.430489999999</v>
      </c>
      <c r="AL477">
        <v>50943.442360000001</v>
      </c>
      <c r="AM477">
        <v>19756.037919999999</v>
      </c>
      <c r="AN477">
        <v>96060.560660000003</v>
      </c>
      <c r="AO477">
        <v>35361.718180000003</v>
      </c>
      <c r="AP477">
        <v>18312.306700000001</v>
      </c>
    </row>
    <row r="478" spans="2:42" x14ac:dyDescent="0.3">
      <c r="B478">
        <v>45.081167959979012</v>
      </c>
      <c r="C478" s="83">
        <v>43120.833333333336</v>
      </c>
      <c r="D478">
        <v>172842.47930000001</v>
      </c>
      <c r="E478">
        <v>19145.613880000001</v>
      </c>
      <c r="F478">
        <v>57641.723239999999</v>
      </c>
      <c r="G478">
        <v>45382.013209999997</v>
      </c>
      <c r="H478">
        <v>41922.900809999999</v>
      </c>
      <c r="I478">
        <v>33683.415840000001</v>
      </c>
      <c r="J478">
        <v>40612.009129999999</v>
      </c>
      <c r="K478">
        <v>48494.335659999997</v>
      </c>
      <c r="L478">
        <v>32404.28167</v>
      </c>
      <c r="M478">
        <v>229844.8175</v>
      </c>
      <c r="N478">
        <v>82039.964770000006</v>
      </c>
      <c r="O478">
        <v>25735.04954</v>
      </c>
      <c r="P478">
        <v>42663.15163</v>
      </c>
      <c r="Q478">
        <v>49404.186889999997</v>
      </c>
      <c r="R478">
        <v>21413.572359999998</v>
      </c>
      <c r="S478">
        <v>89445.456999999995</v>
      </c>
      <c r="T478">
        <v>32520.924900000002</v>
      </c>
      <c r="U478">
        <v>18369.786769999999</v>
      </c>
      <c r="W478" s="83">
        <f>Bühler!N510</f>
        <v>45311.833333332179</v>
      </c>
      <c r="X478" s="83">
        <v>43120.833333333336</v>
      </c>
      <c r="Y478">
        <v>172842.47930000001</v>
      </c>
      <c r="Z478">
        <v>19145.613880000001</v>
      </c>
      <c r="AA478">
        <v>57641.723239999999</v>
      </c>
      <c r="AB478">
        <v>45382.013209999997</v>
      </c>
      <c r="AC478">
        <v>41922.900809999999</v>
      </c>
      <c r="AD478">
        <v>33683.415840000001</v>
      </c>
      <c r="AE478">
        <v>40612.009129999999</v>
      </c>
      <c r="AF478">
        <v>48494.335659999997</v>
      </c>
      <c r="AG478">
        <v>32404.28167</v>
      </c>
      <c r="AH478">
        <v>229844.8175</v>
      </c>
      <c r="AI478">
        <v>82039.964770000006</v>
      </c>
      <c r="AJ478">
        <v>25735.04954</v>
      </c>
      <c r="AK478">
        <v>42663.15163</v>
      </c>
      <c r="AL478">
        <v>49404.186889999997</v>
      </c>
      <c r="AM478">
        <v>21413.572359999998</v>
      </c>
      <c r="AN478">
        <v>89445.456999999995</v>
      </c>
      <c r="AO478">
        <v>32520.924900000002</v>
      </c>
      <c r="AP478">
        <v>18369.786769999999</v>
      </c>
    </row>
    <row r="479" spans="2:42" x14ac:dyDescent="0.3">
      <c r="B479">
        <v>44.436194005176226</v>
      </c>
      <c r="C479" s="83">
        <v>43120.875</v>
      </c>
      <c r="D479">
        <v>171810.7666</v>
      </c>
      <c r="E479">
        <v>17286.854459999999</v>
      </c>
      <c r="F479">
        <v>49663.963559999997</v>
      </c>
      <c r="G479">
        <v>44858.217879999997</v>
      </c>
      <c r="H479">
        <v>40702.587379999997</v>
      </c>
      <c r="I479">
        <v>29974.906729999999</v>
      </c>
      <c r="J479">
        <v>39546.253629999999</v>
      </c>
      <c r="K479">
        <v>49052.97378</v>
      </c>
      <c r="L479">
        <v>30838.197230000002</v>
      </c>
      <c r="M479">
        <v>226556.43950000001</v>
      </c>
      <c r="N479">
        <v>81020.797860000006</v>
      </c>
      <c r="O479">
        <v>25687.663570000001</v>
      </c>
      <c r="P479">
        <v>42038.031840000003</v>
      </c>
      <c r="Q479">
        <v>49080.320079999998</v>
      </c>
      <c r="R479">
        <v>19996.75189</v>
      </c>
      <c r="S479">
        <v>86619.439329999994</v>
      </c>
      <c r="T479">
        <v>31177.470430000001</v>
      </c>
      <c r="U479">
        <v>18209.986489999999</v>
      </c>
      <c r="W479" s="83">
        <f>Bühler!N511</f>
        <v>45311.874999998843</v>
      </c>
      <c r="X479" s="83">
        <v>43120.875</v>
      </c>
      <c r="Y479">
        <v>171810.7666</v>
      </c>
      <c r="Z479">
        <v>17286.854459999999</v>
      </c>
      <c r="AA479">
        <v>49663.963559999997</v>
      </c>
      <c r="AB479">
        <v>44858.217879999997</v>
      </c>
      <c r="AC479">
        <v>40702.587379999997</v>
      </c>
      <c r="AD479">
        <v>29974.906729999999</v>
      </c>
      <c r="AE479">
        <v>39546.253629999999</v>
      </c>
      <c r="AF479">
        <v>49052.97378</v>
      </c>
      <c r="AG479">
        <v>30838.197230000002</v>
      </c>
      <c r="AH479">
        <v>226556.43950000001</v>
      </c>
      <c r="AI479">
        <v>81020.797860000006</v>
      </c>
      <c r="AJ479">
        <v>25687.663570000001</v>
      </c>
      <c r="AK479">
        <v>42038.031840000003</v>
      </c>
      <c r="AL479">
        <v>49080.320079999998</v>
      </c>
      <c r="AM479">
        <v>19996.75189</v>
      </c>
      <c r="AN479">
        <v>86619.439329999994</v>
      </c>
      <c r="AO479">
        <v>31177.470430000001</v>
      </c>
      <c r="AP479">
        <v>18209.986489999999</v>
      </c>
    </row>
    <row r="480" spans="2:42" x14ac:dyDescent="0.3">
      <c r="B480">
        <v>44.706023794710994</v>
      </c>
      <c r="C480" s="83">
        <v>43120.916666666664</v>
      </c>
      <c r="D480">
        <v>172298.31890000001</v>
      </c>
      <c r="E480">
        <v>17372.787400000001</v>
      </c>
      <c r="F480">
        <v>47407.484120000001</v>
      </c>
      <c r="G480">
        <v>45153.914870000001</v>
      </c>
      <c r="H480">
        <v>41257.364320000001</v>
      </c>
      <c r="I480">
        <v>29365.94544</v>
      </c>
      <c r="J480">
        <v>38481.345170000001</v>
      </c>
      <c r="K480">
        <v>52163.505969999998</v>
      </c>
      <c r="L480">
        <v>28493.065439999998</v>
      </c>
      <c r="M480">
        <v>227932.15760000001</v>
      </c>
      <c r="N480">
        <v>81675.462979999997</v>
      </c>
      <c r="O480">
        <v>26651.797070000001</v>
      </c>
      <c r="P480">
        <v>43706.43864</v>
      </c>
      <c r="Q480">
        <v>49331.197590000003</v>
      </c>
      <c r="R480">
        <v>30833.022919999999</v>
      </c>
      <c r="S480">
        <v>86425.194069999998</v>
      </c>
      <c r="T480">
        <v>30480.153620000001</v>
      </c>
      <c r="U480">
        <v>19767.296480000001</v>
      </c>
      <c r="W480" s="83">
        <f>Bühler!N512</f>
        <v>45311.916666665507</v>
      </c>
      <c r="X480" s="83">
        <v>43120.916666666664</v>
      </c>
      <c r="Y480">
        <v>172298.31890000001</v>
      </c>
      <c r="Z480">
        <v>17372.787400000001</v>
      </c>
      <c r="AA480">
        <v>47407.484120000001</v>
      </c>
      <c r="AB480">
        <v>45153.914870000001</v>
      </c>
      <c r="AC480">
        <v>41257.364320000001</v>
      </c>
      <c r="AD480">
        <v>29365.94544</v>
      </c>
      <c r="AE480">
        <v>38481.345170000001</v>
      </c>
      <c r="AF480">
        <v>52163.505969999998</v>
      </c>
      <c r="AG480">
        <v>28493.065439999998</v>
      </c>
      <c r="AH480">
        <v>227932.15760000001</v>
      </c>
      <c r="AI480">
        <v>81675.462979999997</v>
      </c>
      <c r="AJ480">
        <v>26651.797070000001</v>
      </c>
      <c r="AK480">
        <v>43706.43864</v>
      </c>
      <c r="AL480">
        <v>49331.197590000003</v>
      </c>
      <c r="AM480">
        <v>30833.022919999999</v>
      </c>
      <c r="AN480">
        <v>86425.194069999998</v>
      </c>
      <c r="AO480">
        <v>30480.153620000001</v>
      </c>
      <c r="AP480">
        <v>19767.296480000001</v>
      </c>
    </row>
    <row r="481" spans="2:42" x14ac:dyDescent="0.3">
      <c r="B481">
        <v>44.428395267804397</v>
      </c>
      <c r="C481" s="83">
        <v>43120.958333333336</v>
      </c>
      <c r="D481">
        <v>172448.16380000001</v>
      </c>
      <c r="E481">
        <v>17445.9663</v>
      </c>
      <c r="F481">
        <v>46090.463280000004</v>
      </c>
      <c r="G481">
        <v>44969.938759999997</v>
      </c>
      <c r="H481">
        <v>40501.684000000001</v>
      </c>
      <c r="I481">
        <v>28436.416120000002</v>
      </c>
      <c r="J481">
        <v>36547.275139999998</v>
      </c>
      <c r="K481">
        <v>51229.970170000001</v>
      </c>
      <c r="L481">
        <v>24777.62385</v>
      </c>
      <c r="M481">
        <v>226516.67790000001</v>
      </c>
      <c r="N481">
        <v>81578.492610000001</v>
      </c>
      <c r="O481">
        <v>26391.453880000001</v>
      </c>
      <c r="P481">
        <v>40248.945019999999</v>
      </c>
      <c r="Q481">
        <v>48812.041250000002</v>
      </c>
      <c r="R481">
        <v>33147.337229999997</v>
      </c>
      <c r="S481">
        <v>85252.426529999997</v>
      </c>
      <c r="T481">
        <v>32293.796679999999</v>
      </c>
      <c r="U481">
        <v>18989.01785</v>
      </c>
      <c r="W481" s="83">
        <f>Bühler!N513</f>
        <v>45311.958333332172</v>
      </c>
      <c r="X481" s="83">
        <v>43120.958333333336</v>
      </c>
      <c r="Y481">
        <v>172448.16380000001</v>
      </c>
      <c r="Z481">
        <v>17445.9663</v>
      </c>
      <c r="AA481">
        <v>46090.463280000004</v>
      </c>
      <c r="AB481">
        <v>44969.938759999997</v>
      </c>
      <c r="AC481">
        <v>40501.684000000001</v>
      </c>
      <c r="AD481">
        <v>28436.416120000002</v>
      </c>
      <c r="AE481">
        <v>36547.275139999998</v>
      </c>
      <c r="AF481">
        <v>51229.970170000001</v>
      </c>
      <c r="AG481">
        <v>24777.62385</v>
      </c>
      <c r="AH481">
        <v>226516.67790000001</v>
      </c>
      <c r="AI481">
        <v>81578.492610000001</v>
      </c>
      <c r="AJ481">
        <v>26391.453880000001</v>
      </c>
      <c r="AK481">
        <v>40248.945019999999</v>
      </c>
      <c r="AL481">
        <v>48812.041250000002</v>
      </c>
      <c r="AM481">
        <v>33147.337229999997</v>
      </c>
      <c r="AN481">
        <v>85252.426529999997</v>
      </c>
      <c r="AO481">
        <v>32293.796679999999</v>
      </c>
      <c r="AP481">
        <v>18989.01785</v>
      </c>
    </row>
    <row r="482" spans="2:42" x14ac:dyDescent="0.3">
      <c r="B482">
        <v>44.121807875604325</v>
      </c>
      <c r="C482" s="83">
        <v>43121</v>
      </c>
      <c r="D482">
        <v>172086.93789999999</v>
      </c>
      <c r="E482">
        <v>17328.436269999998</v>
      </c>
      <c r="F482">
        <v>45713.363160000001</v>
      </c>
      <c r="G482">
        <v>45145.157919999998</v>
      </c>
      <c r="H482">
        <v>40284.709080000001</v>
      </c>
      <c r="I482">
        <v>27086.768199999999</v>
      </c>
      <c r="J482">
        <v>35341.527730000002</v>
      </c>
      <c r="K482">
        <v>49757.670969999999</v>
      </c>
      <c r="L482">
        <v>22181.79925</v>
      </c>
      <c r="M482">
        <v>224953.55239999999</v>
      </c>
      <c r="N482">
        <v>80767.845839999994</v>
      </c>
      <c r="O482">
        <v>26270.280129999999</v>
      </c>
      <c r="P482">
        <v>37939.563600000001</v>
      </c>
      <c r="Q482">
        <v>48928.650399999999</v>
      </c>
      <c r="R482">
        <v>30122.843830000002</v>
      </c>
      <c r="S482">
        <v>84417.377049999996</v>
      </c>
      <c r="T482">
        <v>31202.29364</v>
      </c>
      <c r="U482">
        <v>18685.284629999998</v>
      </c>
      <c r="W482" s="83">
        <f>Bühler!N514</f>
        <v>45311.999999998836</v>
      </c>
      <c r="X482" s="83">
        <v>43121</v>
      </c>
      <c r="Y482">
        <v>172086.93789999999</v>
      </c>
      <c r="Z482">
        <v>17328.436269999998</v>
      </c>
      <c r="AA482">
        <v>45713.363160000001</v>
      </c>
      <c r="AB482">
        <v>45145.157919999998</v>
      </c>
      <c r="AC482">
        <v>40284.709080000001</v>
      </c>
      <c r="AD482">
        <v>27086.768199999999</v>
      </c>
      <c r="AE482">
        <v>35341.527730000002</v>
      </c>
      <c r="AF482">
        <v>49757.670969999999</v>
      </c>
      <c r="AG482">
        <v>22181.79925</v>
      </c>
      <c r="AH482">
        <v>224953.55239999999</v>
      </c>
      <c r="AI482">
        <v>80767.845839999994</v>
      </c>
      <c r="AJ482">
        <v>26270.280129999999</v>
      </c>
      <c r="AK482">
        <v>37939.563600000001</v>
      </c>
      <c r="AL482">
        <v>48928.650399999999</v>
      </c>
      <c r="AM482">
        <v>30122.843830000002</v>
      </c>
      <c r="AN482">
        <v>84417.377049999996</v>
      </c>
      <c r="AO482">
        <v>31202.29364</v>
      </c>
      <c r="AP482">
        <v>18685.284629999998</v>
      </c>
    </row>
    <row r="483" spans="2:42" x14ac:dyDescent="0.3">
      <c r="B483">
        <v>44.373185351503956</v>
      </c>
      <c r="C483" s="83">
        <v>43121.041666666664</v>
      </c>
      <c r="D483">
        <v>171798.62</v>
      </c>
      <c r="E483">
        <v>17182.335459999998</v>
      </c>
      <c r="F483">
        <v>46147.676390000001</v>
      </c>
      <c r="G483">
        <v>44607.77893</v>
      </c>
      <c r="H483">
        <v>39990.2647</v>
      </c>
      <c r="I483">
        <v>22987.266680000001</v>
      </c>
      <c r="J483">
        <v>34860.219530000002</v>
      </c>
      <c r="K483">
        <v>49407.112979999998</v>
      </c>
      <c r="L483">
        <v>21415.56048</v>
      </c>
      <c r="M483">
        <v>226235.19200000001</v>
      </c>
      <c r="N483">
        <v>80067.970530000006</v>
      </c>
      <c r="O483">
        <v>26872.740549999999</v>
      </c>
      <c r="P483">
        <v>35557.603730000003</v>
      </c>
      <c r="Q483">
        <v>49875.886019999998</v>
      </c>
      <c r="R483">
        <v>27872.781749999998</v>
      </c>
      <c r="S483">
        <v>83651.934880000001</v>
      </c>
      <c r="T483">
        <v>30334.301739999999</v>
      </c>
      <c r="U483">
        <v>19080.34419</v>
      </c>
      <c r="W483" s="83">
        <f>Bühler!N515</f>
        <v>45312.0416666655</v>
      </c>
      <c r="X483" s="83">
        <v>43121.041666666664</v>
      </c>
      <c r="Y483">
        <v>171798.62</v>
      </c>
      <c r="Z483">
        <v>17182.335459999998</v>
      </c>
      <c r="AA483">
        <v>46147.676390000001</v>
      </c>
      <c r="AB483">
        <v>44607.77893</v>
      </c>
      <c r="AC483">
        <v>39990.2647</v>
      </c>
      <c r="AD483">
        <v>22987.266680000001</v>
      </c>
      <c r="AE483">
        <v>34860.219530000002</v>
      </c>
      <c r="AF483">
        <v>49407.112979999998</v>
      </c>
      <c r="AG483">
        <v>21415.56048</v>
      </c>
      <c r="AH483">
        <v>226235.19200000001</v>
      </c>
      <c r="AI483">
        <v>80067.970530000006</v>
      </c>
      <c r="AJ483">
        <v>26872.740549999999</v>
      </c>
      <c r="AK483">
        <v>35557.603730000003</v>
      </c>
      <c r="AL483">
        <v>49875.886019999998</v>
      </c>
      <c r="AM483">
        <v>27872.781749999998</v>
      </c>
      <c r="AN483">
        <v>83651.934880000001</v>
      </c>
      <c r="AO483">
        <v>30334.301739999999</v>
      </c>
      <c r="AP483">
        <v>19080.34419</v>
      </c>
    </row>
    <row r="484" spans="2:42" x14ac:dyDescent="0.3">
      <c r="B484">
        <v>44.672758536371575</v>
      </c>
      <c r="C484" s="83">
        <v>43121.083333333336</v>
      </c>
      <c r="D484">
        <v>171191.4706</v>
      </c>
      <c r="E484">
        <v>17157.742119999999</v>
      </c>
      <c r="F484">
        <v>46420.529860000002</v>
      </c>
      <c r="G484">
        <v>44456.440349999997</v>
      </c>
      <c r="H484">
        <v>40052.635249999999</v>
      </c>
      <c r="I484">
        <v>21104.012419999999</v>
      </c>
      <c r="J484">
        <v>34478.990550000002</v>
      </c>
      <c r="K484">
        <v>48013.13882</v>
      </c>
      <c r="L484">
        <v>20774.361570000001</v>
      </c>
      <c r="M484">
        <v>227762.5558</v>
      </c>
      <c r="N484">
        <v>79292.453070000003</v>
      </c>
      <c r="O484">
        <v>26194.559079999999</v>
      </c>
      <c r="P484">
        <v>34700.537689999997</v>
      </c>
      <c r="Q484">
        <v>51761.964999999997</v>
      </c>
      <c r="R484">
        <v>28017.265240000001</v>
      </c>
      <c r="S484">
        <v>83125.787899999996</v>
      </c>
      <c r="T484">
        <v>29656.94068</v>
      </c>
      <c r="U484">
        <v>19351.021290000001</v>
      </c>
      <c r="W484" s="83">
        <f>Bühler!N516</f>
        <v>45312.083333332164</v>
      </c>
      <c r="X484" s="83">
        <v>43121.083333333336</v>
      </c>
      <c r="Y484">
        <v>171191.4706</v>
      </c>
      <c r="Z484">
        <v>17157.742119999999</v>
      </c>
      <c r="AA484">
        <v>46420.529860000002</v>
      </c>
      <c r="AB484">
        <v>44456.440349999997</v>
      </c>
      <c r="AC484">
        <v>40052.635249999999</v>
      </c>
      <c r="AD484">
        <v>21104.012419999999</v>
      </c>
      <c r="AE484">
        <v>34478.990550000002</v>
      </c>
      <c r="AF484">
        <v>48013.13882</v>
      </c>
      <c r="AG484">
        <v>20774.361570000001</v>
      </c>
      <c r="AH484">
        <v>227762.5558</v>
      </c>
      <c r="AI484">
        <v>79292.453070000003</v>
      </c>
      <c r="AJ484">
        <v>26194.559079999999</v>
      </c>
      <c r="AK484">
        <v>34700.537689999997</v>
      </c>
      <c r="AL484">
        <v>51761.964999999997</v>
      </c>
      <c r="AM484">
        <v>28017.265240000001</v>
      </c>
      <c r="AN484">
        <v>83125.787899999996</v>
      </c>
      <c r="AO484">
        <v>29656.94068</v>
      </c>
      <c r="AP484">
        <v>19351.021290000001</v>
      </c>
    </row>
    <row r="485" spans="2:42" x14ac:dyDescent="0.3">
      <c r="B485">
        <v>44.126803750499171</v>
      </c>
      <c r="C485" s="83">
        <v>43121.125</v>
      </c>
      <c r="D485">
        <v>170529.77230000001</v>
      </c>
      <c r="E485">
        <v>17095.910540000001</v>
      </c>
      <c r="F485">
        <v>45585.48702</v>
      </c>
      <c r="G485">
        <v>43976.590270000001</v>
      </c>
      <c r="H485">
        <v>40080.549599999998</v>
      </c>
      <c r="I485">
        <v>20304.612420000001</v>
      </c>
      <c r="J485">
        <v>34897.80229</v>
      </c>
      <c r="K485">
        <v>46321.290919999999</v>
      </c>
      <c r="L485">
        <v>20314.66214</v>
      </c>
      <c r="M485">
        <v>224979.02369999999</v>
      </c>
      <c r="N485">
        <v>78643.472129999995</v>
      </c>
      <c r="O485">
        <v>26368.25994</v>
      </c>
      <c r="P485">
        <v>34909.312510000003</v>
      </c>
      <c r="Q485">
        <v>52636.307309999997</v>
      </c>
      <c r="R485">
        <v>27406.362499999999</v>
      </c>
      <c r="S485">
        <v>82608.048569999999</v>
      </c>
      <c r="T485">
        <v>29698.640459999999</v>
      </c>
      <c r="U485">
        <v>19597.630140000001</v>
      </c>
      <c r="W485" s="83">
        <f>Bühler!N517</f>
        <v>45312.124999998829</v>
      </c>
      <c r="X485" s="83">
        <v>43121.125</v>
      </c>
      <c r="Y485">
        <v>170529.77230000001</v>
      </c>
      <c r="Z485">
        <v>17095.910540000001</v>
      </c>
      <c r="AA485">
        <v>45585.48702</v>
      </c>
      <c r="AB485">
        <v>43976.590270000001</v>
      </c>
      <c r="AC485">
        <v>40080.549599999998</v>
      </c>
      <c r="AD485">
        <v>20304.612420000001</v>
      </c>
      <c r="AE485">
        <v>34897.80229</v>
      </c>
      <c r="AF485">
        <v>46321.290919999999</v>
      </c>
      <c r="AG485">
        <v>20314.66214</v>
      </c>
      <c r="AH485">
        <v>224979.02369999999</v>
      </c>
      <c r="AI485">
        <v>78643.472129999995</v>
      </c>
      <c r="AJ485">
        <v>26368.25994</v>
      </c>
      <c r="AK485">
        <v>34909.312510000003</v>
      </c>
      <c r="AL485">
        <v>52636.307309999997</v>
      </c>
      <c r="AM485">
        <v>27406.362499999999</v>
      </c>
      <c r="AN485">
        <v>82608.048569999999</v>
      </c>
      <c r="AO485">
        <v>29698.640459999999</v>
      </c>
      <c r="AP485">
        <v>19597.630140000001</v>
      </c>
    </row>
    <row r="486" spans="2:42" x14ac:dyDescent="0.3">
      <c r="B486">
        <v>43.982931662149042</v>
      </c>
      <c r="C486" s="83">
        <v>43121.166666666664</v>
      </c>
      <c r="D486">
        <v>169711.73259999999</v>
      </c>
      <c r="E486">
        <v>17350.420989999999</v>
      </c>
      <c r="F486">
        <v>45786.450989999998</v>
      </c>
      <c r="G486">
        <v>43462.217140000001</v>
      </c>
      <c r="H486">
        <v>39692.387110000003</v>
      </c>
      <c r="I486">
        <v>21520.230759999999</v>
      </c>
      <c r="J486">
        <v>37246.835709999999</v>
      </c>
      <c r="K486">
        <v>44988.688929999997</v>
      </c>
      <c r="L486">
        <v>19403.604070000001</v>
      </c>
      <c r="M486">
        <v>224245.49669999999</v>
      </c>
      <c r="N486">
        <v>77708.660390000005</v>
      </c>
      <c r="O486">
        <v>26533.701639999999</v>
      </c>
      <c r="P486">
        <v>34642.71675</v>
      </c>
      <c r="Q486">
        <v>53103.983919999999</v>
      </c>
      <c r="R486">
        <v>27298.156200000001</v>
      </c>
      <c r="S486">
        <v>83244.758990000002</v>
      </c>
      <c r="T486">
        <v>29345.788909999999</v>
      </c>
      <c r="U486">
        <v>19555.372220000001</v>
      </c>
      <c r="W486" s="83">
        <f>Bühler!N518</f>
        <v>45312.166666665493</v>
      </c>
      <c r="X486" s="83">
        <v>43121.166666666664</v>
      </c>
      <c r="Y486">
        <v>169711.73259999999</v>
      </c>
      <c r="Z486">
        <v>17350.420989999999</v>
      </c>
      <c r="AA486">
        <v>45786.450989999998</v>
      </c>
      <c r="AB486">
        <v>43462.217140000001</v>
      </c>
      <c r="AC486">
        <v>39692.387110000003</v>
      </c>
      <c r="AD486">
        <v>21520.230759999999</v>
      </c>
      <c r="AE486">
        <v>37246.835709999999</v>
      </c>
      <c r="AF486">
        <v>44988.688929999997</v>
      </c>
      <c r="AG486">
        <v>19403.604070000001</v>
      </c>
      <c r="AH486">
        <v>224245.49669999999</v>
      </c>
      <c r="AI486">
        <v>77708.660390000005</v>
      </c>
      <c r="AJ486">
        <v>26533.701639999999</v>
      </c>
      <c r="AK486">
        <v>34642.71675</v>
      </c>
      <c r="AL486">
        <v>53103.983919999999</v>
      </c>
      <c r="AM486">
        <v>27298.156200000001</v>
      </c>
      <c r="AN486">
        <v>83244.758990000002</v>
      </c>
      <c r="AO486">
        <v>29345.788909999999</v>
      </c>
      <c r="AP486">
        <v>19555.372220000001</v>
      </c>
    </row>
    <row r="487" spans="2:42" x14ac:dyDescent="0.3">
      <c r="B487">
        <v>44.180941697381087</v>
      </c>
      <c r="C487" s="83">
        <v>43121.208333333336</v>
      </c>
      <c r="D487">
        <v>169886.6501</v>
      </c>
      <c r="E487">
        <v>17637.484130000001</v>
      </c>
      <c r="F487">
        <v>46949.211320000002</v>
      </c>
      <c r="G487">
        <v>43105.270759999999</v>
      </c>
      <c r="H487">
        <v>39942.833310000002</v>
      </c>
      <c r="I487">
        <v>26042.967430000001</v>
      </c>
      <c r="J487">
        <v>39562.294929999996</v>
      </c>
      <c r="K487">
        <v>43956.088029999999</v>
      </c>
      <c r="L487">
        <v>19470.99136</v>
      </c>
      <c r="M487">
        <v>225255.0442</v>
      </c>
      <c r="N487">
        <v>77582.371830000004</v>
      </c>
      <c r="O487">
        <v>26473.122429999999</v>
      </c>
      <c r="P487">
        <v>34922.182760000003</v>
      </c>
      <c r="Q487">
        <v>53553.037199999999</v>
      </c>
      <c r="R487">
        <v>28342.992869999998</v>
      </c>
      <c r="S487">
        <v>84483.908349999998</v>
      </c>
      <c r="T487">
        <v>29876.651129999998</v>
      </c>
      <c r="U487">
        <v>19609.15523</v>
      </c>
      <c r="W487" s="83">
        <f>Bühler!N519</f>
        <v>45312.208333332157</v>
      </c>
      <c r="X487" s="83">
        <v>43121.208333333336</v>
      </c>
      <c r="Y487">
        <v>169886.6501</v>
      </c>
      <c r="Z487">
        <v>17637.484130000001</v>
      </c>
      <c r="AA487">
        <v>46949.211320000002</v>
      </c>
      <c r="AB487">
        <v>43105.270759999999</v>
      </c>
      <c r="AC487">
        <v>39942.833310000002</v>
      </c>
      <c r="AD487">
        <v>26042.967430000001</v>
      </c>
      <c r="AE487">
        <v>39562.294929999996</v>
      </c>
      <c r="AF487">
        <v>43956.088029999999</v>
      </c>
      <c r="AG487">
        <v>19470.99136</v>
      </c>
      <c r="AH487">
        <v>225255.0442</v>
      </c>
      <c r="AI487">
        <v>77582.371830000004</v>
      </c>
      <c r="AJ487">
        <v>26473.122429999999</v>
      </c>
      <c r="AK487">
        <v>34922.182760000003</v>
      </c>
      <c r="AL487">
        <v>53553.037199999999</v>
      </c>
      <c r="AM487">
        <v>28342.992869999998</v>
      </c>
      <c r="AN487">
        <v>84483.908349999998</v>
      </c>
      <c r="AO487">
        <v>29876.651129999998</v>
      </c>
      <c r="AP487">
        <v>19609.15523</v>
      </c>
    </row>
    <row r="488" spans="2:42" x14ac:dyDescent="0.3">
      <c r="B488">
        <v>44.546497822497159</v>
      </c>
      <c r="C488" s="83">
        <v>43121.25</v>
      </c>
      <c r="D488">
        <v>171408.4008</v>
      </c>
      <c r="E488">
        <v>18129.88291</v>
      </c>
      <c r="F488">
        <v>48676.455609999997</v>
      </c>
      <c r="G488">
        <v>43775.69498</v>
      </c>
      <c r="H488">
        <v>40034.259059999997</v>
      </c>
      <c r="I488">
        <v>28616.233609999999</v>
      </c>
      <c r="J488">
        <v>42779.6103</v>
      </c>
      <c r="K488">
        <v>43212.938580000002</v>
      </c>
      <c r="L488">
        <v>20228.28455</v>
      </c>
      <c r="M488">
        <v>227118.8198</v>
      </c>
      <c r="N488">
        <v>76604.268689999997</v>
      </c>
      <c r="O488">
        <v>25130.25618</v>
      </c>
      <c r="P488">
        <v>35230.239029999997</v>
      </c>
      <c r="Q488">
        <v>53339.382010000001</v>
      </c>
      <c r="R488">
        <v>18233.28759</v>
      </c>
      <c r="S488">
        <v>87735.553100000005</v>
      </c>
      <c r="T488">
        <v>30551.236239999998</v>
      </c>
      <c r="U488">
        <v>18444.497780000002</v>
      </c>
      <c r="W488" s="83">
        <f>Bühler!N520</f>
        <v>45312.249999998821</v>
      </c>
      <c r="X488" s="83">
        <v>43121.25</v>
      </c>
      <c r="Y488">
        <v>171408.4008</v>
      </c>
      <c r="Z488">
        <v>18129.88291</v>
      </c>
      <c r="AA488">
        <v>48676.455609999997</v>
      </c>
      <c r="AB488">
        <v>43775.69498</v>
      </c>
      <c r="AC488">
        <v>40034.259059999997</v>
      </c>
      <c r="AD488">
        <v>28616.233609999999</v>
      </c>
      <c r="AE488">
        <v>42779.6103</v>
      </c>
      <c r="AF488">
        <v>43212.938580000002</v>
      </c>
      <c r="AG488">
        <v>20228.28455</v>
      </c>
      <c r="AH488">
        <v>227118.8198</v>
      </c>
      <c r="AI488">
        <v>76604.268689999997</v>
      </c>
      <c r="AJ488">
        <v>25130.25618</v>
      </c>
      <c r="AK488">
        <v>35230.239029999997</v>
      </c>
      <c r="AL488">
        <v>53339.382010000001</v>
      </c>
      <c r="AM488">
        <v>18233.28759</v>
      </c>
      <c r="AN488">
        <v>87735.553100000005</v>
      </c>
      <c r="AO488">
        <v>30551.236239999998</v>
      </c>
      <c r="AP488">
        <v>18444.497780000002</v>
      </c>
    </row>
    <row r="489" spans="2:42" x14ac:dyDescent="0.3">
      <c r="B489">
        <v>44.546483033736195</v>
      </c>
      <c r="C489" s="83">
        <v>43121.291666666664</v>
      </c>
      <c r="D489">
        <v>171923.924</v>
      </c>
      <c r="E489">
        <v>18629.474389999999</v>
      </c>
      <c r="F489">
        <v>50886.804409999997</v>
      </c>
      <c r="G489">
        <v>44430.565549999999</v>
      </c>
      <c r="H489">
        <v>40890.479149999999</v>
      </c>
      <c r="I489">
        <v>30950.552049999998</v>
      </c>
      <c r="J489">
        <v>44443.621460000002</v>
      </c>
      <c r="K489">
        <v>43504.194880000003</v>
      </c>
      <c r="L489">
        <v>21992.269370000002</v>
      </c>
      <c r="M489">
        <v>227118.7444</v>
      </c>
      <c r="N489">
        <v>76775.430550000005</v>
      </c>
      <c r="O489">
        <v>25308.38754</v>
      </c>
      <c r="P489">
        <v>37181.70263</v>
      </c>
      <c r="Q489">
        <v>52769.008029999997</v>
      </c>
      <c r="R489">
        <v>16857.462909999998</v>
      </c>
      <c r="S489">
        <v>94829.706640000004</v>
      </c>
      <c r="T489">
        <v>29759.587769999998</v>
      </c>
      <c r="U489">
        <v>18550.536029999999</v>
      </c>
      <c r="W489" s="83">
        <f>Bühler!N521</f>
        <v>45312.291666665486</v>
      </c>
      <c r="X489" s="83">
        <v>43121.291666666664</v>
      </c>
      <c r="Y489">
        <v>171923.924</v>
      </c>
      <c r="Z489">
        <v>18629.474389999999</v>
      </c>
      <c r="AA489">
        <v>50886.804409999997</v>
      </c>
      <c r="AB489">
        <v>44430.565549999999</v>
      </c>
      <c r="AC489">
        <v>40890.479149999999</v>
      </c>
      <c r="AD489">
        <v>30950.552049999998</v>
      </c>
      <c r="AE489">
        <v>44443.621460000002</v>
      </c>
      <c r="AF489">
        <v>43504.194880000003</v>
      </c>
      <c r="AG489">
        <v>21992.269370000002</v>
      </c>
      <c r="AH489">
        <v>227118.7444</v>
      </c>
      <c r="AI489">
        <v>76775.430550000005</v>
      </c>
      <c r="AJ489">
        <v>25308.38754</v>
      </c>
      <c r="AK489">
        <v>37181.70263</v>
      </c>
      <c r="AL489">
        <v>52769.008029999997</v>
      </c>
      <c r="AM489">
        <v>16857.462909999998</v>
      </c>
      <c r="AN489">
        <v>94829.706640000004</v>
      </c>
      <c r="AO489">
        <v>29759.587769999998</v>
      </c>
      <c r="AP489">
        <v>18550.536029999999</v>
      </c>
    </row>
    <row r="490" spans="2:42" x14ac:dyDescent="0.3">
      <c r="B490">
        <v>44.168259118804876</v>
      </c>
      <c r="C490" s="83">
        <v>43121.333333333336</v>
      </c>
      <c r="D490">
        <v>171001.7389</v>
      </c>
      <c r="E490">
        <v>19188.557110000002</v>
      </c>
      <c r="F490">
        <v>52210.092100000002</v>
      </c>
      <c r="G490">
        <v>44246.32789</v>
      </c>
      <c r="H490">
        <v>40370.37257</v>
      </c>
      <c r="I490">
        <v>31123.15309</v>
      </c>
      <c r="J490">
        <v>44355.126239999998</v>
      </c>
      <c r="K490">
        <v>43737.911169999999</v>
      </c>
      <c r="L490">
        <v>24124.874500000002</v>
      </c>
      <c r="M490">
        <v>225190.38250000001</v>
      </c>
      <c r="N490">
        <v>76906.095090000003</v>
      </c>
      <c r="O490">
        <v>25399.007089999999</v>
      </c>
      <c r="P490">
        <v>39608.488319999997</v>
      </c>
      <c r="Q490">
        <v>52057.151890000001</v>
      </c>
      <c r="R490">
        <v>17476.317930000001</v>
      </c>
      <c r="S490">
        <v>98642.183050000007</v>
      </c>
      <c r="T490">
        <v>32342.050009999999</v>
      </c>
      <c r="U490">
        <v>18451.835709999999</v>
      </c>
      <c r="W490" s="83">
        <f>Bühler!N522</f>
        <v>45312.33333333215</v>
      </c>
      <c r="X490" s="83">
        <v>43121.333333333336</v>
      </c>
      <c r="Y490">
        <v>171001.7389</v>
      </c>
      <c r="Z490">
        <v>19188.557110000002</v>
      </c>
      <c r="AA490">
        <v>52210.092100000002</v>
      </c>
      <c r="AB490">
        <v>44246.32789</v>
      </c>
      <c r="AC490">
        <v>40370.37257</v>
      </c>
      <c r="AD490">
        <v>31123.15309</v>
      </c>
      <c r="AE490">
        <v>44355.126239999998</v>
      </c>
      <c r="AF490">
        <v>43737.911169999999</v>
      </c>
      <c r="AG490">
        <v>24124.874500000002</v>
      </c>
      <c r="AH490">
        <v>225190.38250000001</v>
      </c>
      <c r="AI490">
        <v>76906.095090000003</v>
      </c>
      <c r="AJ490">
        <v>25399.007089999999</v>
      </c>
      <c r="AK490">
        <v>39608.488319999997</v>
      </c>
      <c r="AL490">
        <v>52057.151890000001</v>
      </c>
      <c r="AM490">
        <v>17476.317930000001</v>
      </c>
      <c r="AN490">
        <v>98642.183050000007</v>
      </c>
      <c r="AO490">
        <v>32342.050009999999</v>
      </c>
      <c r="AP490">
        <v>18451.835709999999</v>
      </c>
    </row>
    <row r="491" spans="2:42" x14ac:dyDescent="0.3">
      <c r="B491">
        <v>43.452539673925628</v>
      </c>
      <c r="C491" s="83">
        <v>43121.375</v>
      </c>
      <c r="D491">
        <v>169669.36069999999</v>
      </c>
      <c r="E491">
        <v>19396.17296</v>
      </c>
      <c r="F491">
        <v>52647.56727</v>
      </c>
      <c r="G491">
        <v>43611.69788</v>
      </c>
      <c r="H491">
        <v>39677.796139999999</v>
      </c>
      <c r="I491">
        <v>30860.81493</v>
      </c>
      <c r="J491">
        <v>43171.251510000002</v>
      </c>
      <c r="K491">
        <v>44027.862050000003</v>
      </c>
      <c r="L491">
        <v>25734.43419</v>
      </c>
      <c r="M491">
        <v>221541.31099999999</v>
      </c>
      <c r="N491">
        <v>82367.290120000005</v>
      </c>
      <c r="O491">
        <v>25683.758140000002</v>
      </c>
      <c r="P491">
        <v>41536.55272</v>
      </c>
      <c r="Q491">
        <v>51662.271289999997</v>
      </c>
      <c r="R491">
        <v>18135.459510000001</v>
      </c>
      <c r="S491">
        <v>99414.398249999998</v>
      </c>
      <c r="T491">
        <v>34100.330329999997</v>
      </c>
      <c r="U491">
        <v>17900.99439</v>
      </c>
      <c r="W491" s="83">
        <f>Bühler!N523</f>
        <v>45312.374999998814</v>
      </c>
      <c r="X491" s="83">
        <v>43121.375</v>
      </c>
      <c r="Y491">
        <v>169669.36069999999</v>
      </c>
      <c r="Z491">
        <v>19396.17296</v>
      </c>
      <c r="AA491">
        <v>52647.56727</v>
      </c>
      <c r="AB491">
        <v>43611.69788</v>
      </c>
      <c r="AC491">
        <v>39677.796139999999</v>
      </c>
      <c r="AD491">
        <v>30860.81493</v>
      </c>
      <c r="AE491">
        <v>43171.251510000002</v>
      </c>
      <c r="AF491">
        <v>44027.862050000003</v>
      </c>
      <c r="AG491">
        <v>25734.43419</v>
      </c>
      <c r="AH491">
        <v>221541.31099999999</v>
      </c>
      <c r="AI491">
        <v>82367.290120000005</v>
      </c>
      <c r="AJ491">
        <v>25683.758140000002</v>
      </c>
      <c r="AK491">
        <v>41536.55272</v>
      </c>
      <c r="AL491">
        <v>51662.271289999997</v>
      </c>
      <c r="AM491">
        <v>18135.459510000001</v>
      </c>
      <c r="AN491">
        <v>99414.398249999998</v>
      </c>
      <c r="AO491">
        <v>34100.330329999997</v>
      </c>
      <c r="AP491">
        <v>17900.99439</v>
      </c>
    </row>
    <row r="492" spans="2:42" x14ac:dyDescent="0.3">
      <c r="B492">
        <v>43.415506733559567</v>
      </c>
      <c r="C492" s="83">
        <v>43121.416666666664</v>
      </c>
      <c r="D492">
        <v>168669.94930000001</v>
      </c>
      <c r="E492">
        <v>19822.21441</v>
      </c>
      <c r="F492">
        <v>52357.899080000003</v>
      </c>
      <c r="G492">
        <v>43379.676319999999</v>
      </c>
      <c r="H492">
        <v>40478.33455</v>
      </c>
      <c r="I492">
        <v>30251.805530000001</v>
      </c>
      <c r="J492">
        <v>41565.304239999998</v>
      </c>
      <c r="K492">
        <v>46328.48962</v>
      </c>
      <c r="L492">
        <v>28214.91704</v>
      </c>
      <c r="M492">
        <v>221352.49979999999</v>
      </c>
      <c r="N492">
        <v>84124.515719999996</v>
      </c>
      <c r="O492">
        <v>25566.062119999999</v>
      </c>
      <c r="P492">
        <v>43818.410179999999</v>
      </c>
      <c r="Q492">
        <v>51661.44124</v>
      </c>
      <c r="R492">
        <v>18757.9005</v>
      </c>
      <c r="S492">
        <v>98357.612829999998</v>
      </c>
      <c r="T492">
        <v>35469.34261</v>
      </c>
      <c r="U492">
        <v>17864.73184</v>
      </c>
      <c r="W492" s="83">
        <f>Bühler!N524</f>
        <v>45312.416666665478</v>
      </c>
      <c r="X492" s="83">
        <v>43121.416666666664</v>
      </c>
      <c r="Y492">
        <v>168669.94930000001</v>
      </c>
      <c r="Z492">
        <v>19822.21441</v>
      </c>
      <c r="AA492">
        <v>52357.899080000003</v>
      </c>
      <c r="AB492">
        <v>43379.676319999999</v>
      </c>
      <c r="AC492">
        <v>40478.33455</v>
      </c>
      <c r="AD492">
        <v>30251.805530000001</v>
      </c>
      <c r="AE492">
        <v>41565.304239999998</v>
      </c>
      <c r="AF492">
        <v>46328.48962</v>
      </c>
      <c r="AG492">
        <v>28214.91704</v>
      </c>
      <c r="AH492">
        <v>221352.49979999999</v>
      </c>
      <c r="AI492">
        <v>84124.515719999996</v>
      </c>
      <c r="AJ492">
        <v>25566.062119999999</v>
      </c>
      <c r="AK492">
        <v>43818.410179999999</v>
      </c>
      <c r="AL492">
        <v>51661.44124</v>
      </c>
      <c r="AM492">
        <v>18757.9005</v>
      </c>
      <c r="AN492">
        <v>98357.612829999998</v>
      </c>
      <c r="AO492">
        <v>35469.34261</v>
      </c>
      <c r="AP492">
        <v>17864.73184</v>
      </c>
    </row>
    <row r="493" spans="2:42" x14ac:dyDescent="0.3">
      <c r="B493">
        <v>42.954624353957804</v>
      </c>
      <c r="C493" s="83">
        <v>43121.458333333336</v>
      </c>
      <c r="D493">
        <v>167014.3676</v>
      </c>
      <c r="E493">
        <v>19855.560549999998</v>
      </c>
      <c r="F493">
        <v>52181.407509999997</v>
      </c>
      <c r="G493">
        <v>43138.255720000001</v>
      </c>
      <c r="H493">
        <v>40271.80947</v>
      </c>
      <c r="I493">
        <v>29480.399799999999</v>
      </c>
      <c r="J493">
        <v>40691.353629999998</v>
      </c>
      <c r="K493">
        <v>48256.776859999998</v>
      </c>
      <c r="L493">
        <v>28947.371169999999</v>
      </c>
      <c r="M493">
        <v>219002.7065</v>
      </c>
      <c r="N493">
        <v>84008.162030000007</v>
      </c>
      <c r="O493">
        <v>25459.090029999999</v>
      </c>
      <c r="P493">
        <v>42045.237970000002</v>
      </c>
      <c r="Q493">
        <v>50712.555489999999</v>
      </c>
      <c r="R493">
        <v>19998.298350000001</v>
      </c>
      <c r="S493">
        <v>99987.515199999994</v>
      </c>
      <c r="T493">
        <v>36310.19328</v>
      </c>
      <c r="U493">
        <v>17566.33772</v>
      </c>
      <c r="W493" s="83">
        <f>Bühler!N525</f>
        <v>45312.458333332143</v>
      </c>
      <c r="X493" s="83">
        <v>43121.458333333336</v>
      </c>
      <c r="Y493">
        <v>167014.3676</v>
      </c>
      <c r="Z493">
        <v>19855.560549999998</v>
      </c>
      <c r="AA493">
        <v>52181.407509999997</v>
      </c>
      <c r="AB493">
        <v>43138.255720000001</v>
      </c>
      <c r="AC493">
        <v>40271.80947</v>
      </c>
      <c r="AD493">
        <v>29480.399799999999</v>
      </c>
      <c r="AE493">
        <v>40691.353629999998</v>
      </c>
      <c r="AF493">
        <v>48256.776859999998</v>
      </c>
      <c r="AG493">
        <v>28947.371169999999</v>
      </c>
      <c r="AH493">
        <v>219002.7065</v>
      </c>
      <c r="AI493">
        <v>84008.162030000007</v>
      </c>
      <c r="AJ493">
        <v>25459.090029999999</v>
      </c>
      <c r="AK493">
        <v>42045.237970000002</v>
      </c>
      <c r="AL493">
        <v>50712.555489999999</v>
      </c>
      <c r="AM493">
        <v>19998.298350000001</v>
      </c>
      <c r="AN493">
        <v>99987.515199999994</v>
      </c>
      <c r="AO493">
        <v>36310.19328</v>
      </c>
      <c r="AP493">
        <v>17566.33772</v>
      </c>
    </row>
    <row r="494" spans="2:42" x14ac:dyDescent="0.3">
      <c r="B494">
        <v>42.679822520223901</v>
      </c>
      <c r="C494" s="83">
        <v>43121.5</v>
      </c>
      <c r="D494">
        <v>166117.05439999999</v>
      </c>
      <c r="E494">
        <v>19347.163079999998</v>
      </c>
      <c r="F494">
        <v>50143.823199999999</v>
      </c>
      <c r="G494">
        <v>42805.912239999998</v>
      </c>
      <c r="H494">
        <v>39445.596619999997</v>
      </c>
      <c r="I494">
        <v>28852.004369999999</v>
      </c>
      <c r="J494">
        <v>40603.114889999997</v>
      </c>
      <c r="K494">
        <v>48827.838129999996</v>
      </c>
      <c r="L494">
        <v>30227.55171</v>
      </c>
      <c r="M494">
        <v>217601.63860000001</v>
      </c>
      <c r="N494">
        <v>81664.361279999997</v>
      </c>
      <c r="O494">
        <v>25645.73214</v>
      </c>
      <c r="P494">
        <v>41125.451710000001</v>
      </c>
      <c r="Q494">
        <v>49400.353719999999</v>
      </c>
      <c r="R494">
        <v>19363.24812</v>
      </c>
      <c r="S494">
        <v>94880.01599</v>
      </c>
      <c r="T494">
        <v>35917.97926</v>
      </c>
      <c r="U494">
        <v>16891.158029999999</v>
      </c>
      <c r="W494" s="83">
        <f>Bühler!N526</f>
        <v>45312.499999998807</v>
      </c>
      <c r="X494" s="83">
        <v>43121.5</v>
      </c>
      <c r="Y494">
        <v>166117.05439999999</v>
      </c>
      <c r="Z494">
        <v>19347.163079999998</v>
      </c>
      <c r="AA494">
        <v>50143.823199999999</v>
      </c>
      <c r="AB494">
        <v>42805.912239999998</v>
      </c>
      <c r="AC494">
        <v>39445.596619999997</v>
      </c>
      <c r="AD494">
        <v>28852.004369999999</v>
      </c>
      <c r="AE494">
        <v>40603.114889999997</v>
      </c>
      <c r="AF494">
        <v>48827.838129999996</v>
      </c>
      <c r="AG494">
        <v>30227.55171</v>
      </c>
      <c r="AH494">
        <v>217601.63860000001</v>
      </c>
      <c r="AI494">
        <v>81664.361279999997</v>
      </c>
      <c r="AJ494">
        <v>25645.73214</v>
      </c>
      <c r="AK494">
        <v>41125.451710000001</v>
      </c>
      <c r="AL494">
        <v>49400.353719999999</v>
      </c>
      <c r="AM494">
        <v>19363.24812</v>
      </c>
      <c r="AN494">
        <v>94880.01599</v>
      </c>
      <c r="AO494">
        <v>35917.97926</v>
      </c>
      <c r="AP494">
        <v>16891.158029999999</v>
      </c>
    </row>
    <row r="495" spans="2:42" x14ac:dyDescent="0.3">
      <c r="B495">
        <v>42.791116556889513</v>
      </c>
      <c r="C495" s="83">
        <v>43121.541666666664</v>
      </c>
      <c r="D495">
        <v>165552.23879999999</v>
      </c>
      <c r="E495">
        <v>19004.938750000001</v>
      </c>
      <c r="F495">
        <v>45742.165739999997</v>
      </c>
      <c r="G495">
        <v>42541.552280000004</v>
      </c>
      <c r="H495">
        <v>38484.07791</v>
      </c>
      <c r="I495">
        <v>28393.54377</v>
      </c>
      <c r="J495">
        <v>38756.478580000003</v>
      </c>
      <c r="K495">
        <v>48668.697</v>
      </c>
      <c r="L495">
        <v>30237.90854</v>
      </c>
      <c r="M495">
        <v>218169.0675</v>
      </c>
      <c r="N495">
        <v>79259.667560000002</v>
      </c>
      <c r="O495">
        <v>24540.445640000002</v>
      </c>
      <c r="P495">
        <v>40703.99295</v>
      </c>
      <c r="Q495">
        <v>47575.005940000003</v>
      </c>
      <c r="R495">
        <v>18416.208320000002</v>
      </c>
      <c r="S495">
        <v>95288.594490000003</v>
      </c>
      <c r="T495">
        <v>34956.039250000002</v>
      </c>
      <c r="U495">
        <v>16617.955580000002</v>
      </c>
      <c r="W495" s="83">
        <f>Bühler!N527</f>
        <v>45312.541666665471</v>
      </c>
      <c r="X495" s="83">
        <v>43121.541666666664</v>
      </c>
      <c r="Y495">
        <v>165552.23879999999</v>
      </c>
      <c r="Z495">
        <v>19004.938750000001</v>
      </c>
      <c r="AA495">
        <v>45742.165739999997</v>
      </c>
      <c r="AB495">
        <v>42541.552280000004</v>
      </c>
      <c r="AC495">
        <v>38484.07791</v>
      </c>
      <c r="AD495">
        <v>28393.54377</v>
      </c>
      <c r="AE495">
        <v>38756.478580000003</v>
      </c>
      <c r="AF495">
        <v>48668.697</v>
      </c>
      <c r="AG495">
        <v>30237.90854</v>
      </c>
      <c r="AH495">
        <v>218169.0675</v>
      </c>
      <c r="AI495">
        <v>79259.667560000002</v>
      </c>
      <c r="AJ495">
        <v>24540.445640000002</v>
      </c>
      <c r="AK495">
        <v>40703.99295</v>
      </c>
      <c r="AL495">
        <v>47575.005940000003</v>
      </c>
      <c r="AM495">
        <v>18416.208320000002</v>
      </c>
      <c r="AN495">
        <v>95288.594490000003</v>
      </c>
      <c r="AO495">
        <v>34956.039250000002</v>
      </c>
      <c r="AP495">
        <v>16617.955580000002</v>
      </c>
    </row>
    <row r="496" spans="2:42" x14ac:dyDescent="0.3">
      <c r="B496">
        <v>42.848387602811137</v>
      </c>
      <c r="C496" s="83">
        <v>43121.583333333336</v>
      </c>
      <c r="D496">
        <v>166133.6329</v>
      </c>
      <c r="E496">
        <v>18985.147430000001</v>
      </c>
      <c r="F496">
        <v>44630.132230000003</v>
      </c>
      <c r="G496">
        <v>42126.739600000001</v>
      </c>
      <c r="H496">
        <v>38186.135820000003</v>
      </c>
      <c r="I496">
        <v>27893.65769</v>
      </c>
      <c r="J496">
        <v>37975.774570000001</v>
      </c>
      <c r="K496">
        <v>47169.613259999998</v>
      </c>
      <c r="L496">
        <v>28217.466939999998</v>
      </c>
      <c r="M496">
        <v>218461.06200000001</v>
      </c>
      <c r="N496">
        <v>79676.434210000007</v>
      </c>
      <c r="O496">
        <v>23887.500400000001</v>
      </c>
      <c r="P496">
        <v>37631.659149999999</v>
      </c>
      <c r="Q496">
        <v>47129.672839999999</v>
      </c>
      <c r="R496">
        <v>19089.84043</v>
      </c>
      <c r="S496">
        <v>91388.689240000007</v>
      </c>
      <c r="T496">
        <v>34720.582009999998</v>
      </c>
      <c r="U496">
        <v>16391.053189999999</v>
      </c>
      <c r="W496" s="83">
        <f>Bühler!N528</f>
        <v>45312.583333332135</v>
      </c>
      <c r="X496" s="83">
        <v>43121.583333333336</v>
      </c>
      <c r="Y496">
        <v>166133.6329</v>
      </c>
      <c r="Z496">
        <v>18985.147430000001</v>
      </c>
      <c r="AA496">
        <v>44630.132230000003</v>
      </c>
      <c r="AB496">
        <v>42126.739600000001</v>
      </c>
      <c r="AC496">
        <v>38186.135820000003</v>
      </c>
      <c r="AD496">
        <v>27893.65769</v>
      </c>
      <c r="AE496">
        <v>37975.774570000001</v>
      </c>
      <c r="AF496">
        <v>47169.613259999998</v>
      </c>
      <c r="AG496">
        <v>28217.466939999998</v>
      </c>
      <c r="AH496">
        <v>218461.06200000001</v>
      </c>
      <c r="AI496">
        <v>79676.434210000007</v>
      </c>
      <c r="AJ496">
        <v>23887.500400000001</v>
      </c>
      <c r="AK496">
        <v>37631.659149999999</v>
      </c>
      <c r="AL496">
        <v>47129.672839999999</v>
      </c>
      <c r="AM496">
        <v>19089.84043</v>
      </c>
      <c r="AN496">
        <v>91388.689240000007</v>
      </c>
      <c r="AO496">
        <v>34720.582009999998</v>
      </c>
      <c r="AP496">
        <v>16391.053189999999</v>
      </c>
    </row>
    <row r="497" spans="2:42" x14ac:dyDescent="0.3">
      <c r="B497">
        <v>42.361559381631203</v>
      </c>
      <c r="C497" s="83">
        <v>43121.625</v>
      </c>
      <c r="D497">
        <v>165888.7121</v>
      </c>
      <c r="E497">
        <v>18961.41203</v>
      </c>
      <c r="F497">
        <v>44219.297559999999</v>
      </c>
      <c r="G497">
        <v>41905.333610000001</v>
      </c>
      <c r="H497">
        <v>38170.217510000002</v>
      </c>
      <c r="I497">
        <v>28245.275020000001</v>
      </c>
      <c r="J497">
        <v>37675.561880000001</v>
      </c>
      <c r="K497">
        <v>46334.389060000001</v>
      </c>
      <c r="L497">
        <v>27201.051780000002</v>
      </c>
      <c r="M497">
        <v>215978.9847</v>
      </c>
      <c r="N497">
        <v>79547.20405</v>
      </c>
      <c r="O497">
        <v>23672.95565</v>
      </c>
      <c r="P497">
        <v>35883.016029999999</v>
      </c>
      <c r="Q497">
        <v>47118.781069999997</v>
      </c>
      <c r="R497">
        <v>18519.26901</v>
      </c>
      <c r="S497">
        <v>90664.768490000002</v>
      </c>
      <c r="T497">
        <v>34550.672039999998</v>
      </c>
      <c r="U497">
        <v>16405.04652</v>
      </c>
      <c r="W497" s="83">
        <f>Bühler!N529</f>
        <v>45312.624999998799</v>
      </c>
      <c r="X497" s="83">
        <v>43121.625</v>
      </c>
      <c r="Y497">
        <v>165888.7121</v>
      </c>
      <c r="Z497">
        <v>18961.41203</v>
      </c>
      <c r="AA497">
        <v>44219.297559999999</v>
      </c>
      <c r="AB497">
        <v>41905.333610000001</v>
      </c>
      <c r="AC497">
        <v>38170.217510000002</v>
      </c>
      <c r="AD497">
        <v>28245.275020000001</v>
      </c>
      <c r="AE497">
        <v>37675.561880000001</v>
      </c>
      <c r="AF497">
        <v>46334.389060000001</v>
      </c>
      <c r="AG497">
        <v>27201.051780000002</v>
      </c>
      <c r="AH497">
        <v>215978.9847</v>
      </c>
      <c r="AI497">
        <v>79547.20405</v>
      </c>
      <c r="AJ497">
        <v>23672.95565</v>
      </c>
      <c r="AK497">
        <v>35883.016029999999</v>
      </c>
      <c r="AL497">
        <v>47118.781069999997</v>
      </c>
      <c r="AM497">
        <v>18519.26901</v>
      </c>
      <c r="AN497">
        <v>90664.768490000002</v>
      </c>
      <c r="AO497">
        <v>34550.672039999998</v>
      </c>
      <c r="AP497">
        <v>16405.04652</v>
      </c>
    </row>
    <row r="498" spans="2:42" x14ac:dyDescent="0.3">
      <c r="B498">
        <v>42.226370669228004</v>
      </c>
      <c r="C498" s="83">
        <v>43121.666666666664</v>
      </c>
      <c r="D498">
        <v>166815.66149999999</v>
      </c>
      <c r="E498">
        <v>19256.941050000001</v>
      </c>
      <c r="F498">
        <v>44219.45278</v>
      </c>
      <c r="G498">
        <v>42677.313260000003</v>
      </c>
      <c r="H498">
        <v>38377.597529999999</v>
      </c>
      <c r="I498">
        <v>28954.7729</v>
      </c>
      <c r="J498">
        <v>37480.263830000004</v>
      </c>
      <c r="K498">
        <v>45945.746350000001</v>
      </c>
      <c r="L498">
        <v>25880.611690000002</v>
      </c>
      <c r="M498">
        <v>215289.72959999999</v>
      </c>
      <c r="N498">
        <v>78051.500140000004</v>
      </c>
      <c r="O498">
        <v>23872.262989999999</v>
      </c>
      <c r="P498">
        <v>36744.272519999999</v>
      </c>
      <c r="Q498">
        <v>48142.293559999998</v>
      </c>
      <c r="R498">
        <v>18799.275369999999</v>
      </c>
      <c r="S498">
        <v>91645.61649</v>
      </c>
      <c r="T498">
        <v>34261.474399999999</v>
      </c>
      <c r="U498">
        <v>16841.832129999999</v>
      </c>
      <c r="W498" s="83">
        <f>Bühler!N530</f>
        <v>45312.666666665464</v>
      </c>
      <c r="X498" s="83">
        <v>43121.666666666664</v>
      </c>
      <c r="Y498">
        <v>166815.66149999999</v>
      </c>
      <c r="Z498">
        <v>19256.941050000001</v>
      </c>
      <c r="AA498">
        <v>44219.45278</v>
      </c>
      <c r="AB498">
        <v>42677.313260000003</v>
      </c>
      <c r="AC498">
        <v>38377.597529999999</v>
      </c>
      <c r="AD498">
        <v>28954.7729</v>
      </c>
      <c r="AE498">
        <v>37480.263830000004</v>
      </c>
      <c r="AF498">
        <v>45945.746350000001</v>
      </c>
      <c r="AG498">
        <v>25880.611690000002</v>
      </c>
      <c r="AH498">
        <v>215289.72959999999</v>
      </c>
      <c r="AI498">
        <v>78051.500140000004</v>
      </c>
      <c r="AJ498">
        <v>23872.262989999999</v>
      </c>
      <c r="AK498">
        <v>36744.272519999999</v>
      </c>
      <c r="AL498">
        <v>48142.293559999998</v>
      </c>
      <c r="AM498">
        <v>18799.275369999999</v>
      </c>
      <c r="AN498">
        <v>91645.61649</v>
      </c>
      <c r="AO498">
        <v>34261.474399999999</v>
      </c>
      <c r="AP498">
        <v>16841.832129999999</v>
      </c>
    </row>
    <row r="499" spans="2:42" x14ac:dyDescent="0.3">
      <c r="B499">
        <v>42.867413422242713</v>
      </c>
      <c r="C499" s="83">
        <v>43121.708333333336</v>
      </c>
      <c r="D499">
        <v>169116.69140000001</v>
      </c>
      <c r="E499">
        <v>19861.293150000001</v>
      </c>
      <c r="F499">
        <v>45710.523970000002</v>
      </c>
      <c r="G499">
        <v>43777.384030000001</v>
      </c>
      <c r="H499">
        <v>39500.877549999997</v>
      </c>
      <c r="I499">
        <v>30416.130639999999</v>
      </c>
      <c r="J499">
        <v>39661.820809999997</v>
      </c>
      <c r="K499">
        <v>46270.20564</v>
      </c>
      <c r="L499">
        <v>26861.7562</v>
      </c>
      <c r="M499">
        <v>218558.06450000001</v>
      </c>
      <c r="N499">
        <v>76314.390929999994</v>
      </c>
      <c r="O499">
        <v>24341.945240000001</v>
      </c>
      <c r="P499">
        <v>38065.613680000002</v>
      </c>
      <c r="Q499">
        <v>48944.701509999999</v>
      </c>
      <c r="R499">
        <v>21687.424930000001</v>
      </c>
      <c r="S499">
        <v>97942.443459999995</v>
      </c>
      <c r="T499">
        <v>35432.424700000003</v>
      </c>
      <c r="U499">
        <v>17345.932400000002</v>
      </c>
      <c r="W499" s="83">
        <f>Bühler!N531</f>
        <v>45312.708333332128</v>
      </c>
      <c r="X499" s="83">
        <v>43121.708333333336</v>
      </c>
      <c r="Y499">
        <v>169116.69140000001</v>
      </c>
      <c r="Z499">
        <v>19861.293150000001</v>
      </c>
      <c r="AA499">
        <v>45710.523970000002</v>
      </c>
      <c r="AB499">
        <v>43777.384030000001</v>
      </c>
      <c r="AC499">
        <v>39500.877549999997</v>
      </c>
      <c r="AD499">
        <v>30416.130639999999</v>
      </c>
      <c r="AE499">
        <v>39661.820809999997</v>
      </c>
      <c r="AF499">
        <v>46270.20564</v>
      </c>
      <c r="AG499">
        <v>26861.7562</v>
      </c>
      <c r="AH499">
        <v>218558.06450000001</v>
      </c>
      <c r="AI499">
        <v>76314.390929999994</v>
      </c>
      <c r="AJ499">
        <v>24341.945240000001</v>
      </c>
      <c r="AK499">
        <v>38065.613680000002</v>
      </c>
      <c r="AL499">
        <v>48944.701509999999</v>
      </c>
      <c r="AM499">
        <v>21687.424930000001</v>
      </c>
      <c r="AN499">
        <v>97942.443459999995</v>
      </c>
      <c r="AO499">
        <v>35432.424700000003</v>
      </c>
      <c r="AP499">
        <v>17345.932400000002</v>
      </c>
    </row>
    <row r="500" spans="2:42" x14ac:dyDescent="0.3">
      <c r="B500">
        <v>43.267571541010916</v>
      </c>
      <c r="C500" s="83">
        <v>43121.75</v>
      </c>
      <c r="D500">
        <v>172246.304</v>
      </c>
      <c r="E500">
        <v>19645.46528</v>
      </c>
      <c r="F500">
        <v>45820.113770000004</v>
      </c>
      <c r="G500">
        <v>45406.73833</v>
      </c>
      <c r="H500">
        <v>40896.016909999998</v>
      </c>
      <c r="I500">
        <v>31299.263340000001</v>
      </c>
      <c r="J500">
        <v>42010.786370000002</v>
      </c>
      <c r="K500">
        <v>46656.404589999998</v>
      </c>
      <c r="L500">
        <v>28705.116539999999</v>
      </c>
      <c r="M500">
        <v>220598.25719999999</v>
      </c>
      <c r="N500">
        <v>77542.418460000001</v>
      </c>
      <c r="O500">
        <v>24366.88984</v>
      </c>
      <c r="P500">
        <v>39708.611620000003</v>
      </c>
      <c r="Q500">
        <v>49310.722000000002</v>
      </c>
      <c r="R500">
        <v>21145.869849999999</v>
      </c>
      <c r="S500">
        <v>97277.593779999996</v>
      </c>
      <c r="T500">
        <v>35492.155200000001</v>
      </c>
      <c r="U500">
        <v>18286.449540000001</v>
      </c>
      <c r="W500" s="83">
        <f>Bühler!N532</f>
        <v>45312.749999998792</v>
      </c>
      <c r="X500" s="83">
        <v>43121.75</v>
      </c>
      <c r="Y500">
        <v>172246.304</v>
      </c>
      <c r="Z500">
        <v>19645.46528</v>
      </c>
      <c r="AA500">
        <v>45820.113770000004</v>
      </c>
      <c r="AB500">
        <v>45406.73833</v>
      </c>
      <c r="AC500">
        <v>40896.016909999998</v>
      </c>
      <c r="AD500">
        <v>31299.263340000001</v>
      </c>
      <c r="AE500">
        <v>42010.786370000002</v>
      </c>
      <c r="AF500">
        <v>46656.404589999998</v>
      </c>
      <c r="AG500">
        <v>28705.116539999999</v>
      </c>
      <c r="AH500">
        <v>220598.25719999999</v>
      </c>
      <c r="AI500">
        <v>77542.418460000001</v>
      </c>
      <c r="AJ500">
        <v>24366.88984</v>
      </c>
      <c r="AK500">
        <v>39708.611620000003</v>
      </c>
      <c r="AL500">
        <v>49310.722000000002</v>
      </c>
      <c r="AM500">
        <v>21145.869849999999</v>
      </c>
      <c r="AN500">
        <v>97277.593779999996</v>
      </c>
      <c r="AO500">
        <v>35492.155200000001</v>
      </c>
      <c r="AP500">
        <v>18286.449540000001</v>
      </c>
    </row>
    <row r="501" spans="2:42" x14ac:dyDescent="0.3">
      <c r="B501">
        <v>43.341106556220261</v>
      </c>
      <c r="C501" s="83">
        <v>43121.791666666664</v>
      </c>
      <c r="D501">
        <v>173175.69680000001</v>
      </c>
      <c r="E501">
        <v>18663.012620000001</v>
      </c>
      <c r="F501">
        <v>45289.767169999999</v>
      </c>
      <c r="G501">
        <v>45946.431550000001</v>
      </c>
      <c r="H501">
        <v>40627.313269999999</v>
      </c>
      <c r="I501">
        <v>31600.949530000002</v>
      </c>
      <c r="J501">
        <v>42119.100879999998</v>
      </c>
      <c r="K501">
        <v>48044.9588</v>
      </c>
      <c r="L501">
        <v>30192.721989999998</v>
      </c>
      <c r="M501">
        <v>220973.17300000001</v>
      </c>
      <c r="N501">
        <v>78613.634470000005</v>
      </c>
      <c r="O501">
        <v>24885.77046</v>
      </c>
      <c r="P501">
        <v>40183.074159999996</v>
      </c>
      <c r="Q501">
        <v>50087.228790000001</v>
      </c>
      <c r="R501">
        <v>21270.817040000002</v>
      </c>
      <c r="S501">
        <v>95854.189140000002</v>
      </c>
      <c r="T501">
        <v>34990.440889999998</v>
      </c>
      <c r="U501">
        <v>18077.947169999999</v>
      </c>
      <c r="W501" s="83">
        <f>Bühler!N533</f>
        <v>45312.791666665456</v>
      </c>
      <c r="X501" s="83">
        <v>43121.791666666664</v>
      </c>
      <c r="Y501">
        <v>173175.69680000001</v>
      </c>
      <c r="Z501">
        <v>18663.012620000001</v>
      </c>
      <c r="AA501">
        <v>45289.767169999999</v>
      </c>
      <c r="AB501">
        <v>45946.431550000001</v>
      </c>
      <c r="AC501">
        <v>40627.313269999999</v>
      </c>
      <c r="AD501">
        <v>31600.949530000002</v>
      </c>
      <c r="AE501">
        <v>42119.100879999998</v>
      </c>
      <c r="AF501">
        <v>48044.9588</v>
      </c>
      <c r="AG501">
        <v>30192.721989999998</v>
      </c>
      <c r="AH501">
        <v>220973.17300000001</v>
      </c>
      <c r="AI501">
        <v>78613.634470000005</v>
      </c>
      <c r="AJ501">
        <v>24885.77046</v>
      </c>
      <c r="AK501">
        <v>40183.074159999996</v>
      </c>
      <c r="AL501">
        <v>50087.228790000001</v>
      </c>
      <c r="AM501">
        <v>21270.817040000002</v>
      </c>
      <c r="AN501">
        <v>95854.189140000002</v>
      </c>
      <c r="AO501">
        <v>34990.440889999998</v>
      </c>
      <c r="AP501">
        <v>18077.947169999999</v>
      </c>
    </row>
    <row r="502" spans="2:42" x14ac:dyDescent="0.3">
      <c r="B502">
        <v>43.897564402505026</v>
      </c>
      <c r="C502" s="83">
        <v>43121.833333333336</v>
      </c>
      <c r="D502">
        <v>173673.43719999999</v>
      </c>
      <c r="E502">
        <v>17780.884150000002</v>
      </c>
      <c r="F502">
        <v>45688.487849999998</v>
      </c>
      <c r="G502">
        <v>46091.33958</v>
      </c>
      <c r="H502">
        <v>40354.716699999997</v>
      </c>
      <c r="I502">
        <v>30874.13913</v>
      </c>
      <c r="J502">
        <v>41157.328200000004</v>
      </c>
      <c r="K502">
        <v>48054.363790000003</v>
      </c>
      <c r="L502">
        <v>28731.208859999999</v>
      </c>
      <c r="M502">
        <v>223810.25459999999</v>
      </c>
      <c r="N502">
        <v>79584.926749999999</v>
      </c>
      <c r="O502">
        <v>24481.5481</v>
      </c>
      <c r="P502">
        <v>39646.140299999999</v>
      </c>
      <c r="Q502">
        <v>52000.006220000003</v>
      </c>
      <c r="R502">
        <v>20531.498820000001</v>
      </c>
      <c r="S502">
        <v>89151.033580000003</v>
      </c>
      <c r="T502">
        <v>32522.074059999999</v>
      </c>
      <c r="U502">
        <v>18498.122309999999</v>
      </c>
      <c r="W502" s="83">
        <f>Bühler!N534</f>
        <v>45312.833333332121</v>
      </c>
      <c r="X502" s="83">
        <v>43121.833333333336</v>
      </c>
      <c r="Y502">
        <v>173673.43719999999</v>
      </c>
      <c r="Z502">
        <v>17780.884150000002</v>
      </c>
      <c r="AA502">
        <v>45688.487849999998</v>
      </c>
      <c r="AB502">
        <v>46091.33958</v>
      </c>
      <c r="AC502">
        <v>40354.716699999997</v>
      </c>
      <c r="AD502">
        <v>30874.13913</v>
      </c>
      <c r="AE502">
        <v>41157.328200000004</v>
      </c>
      <c r="AF502">
        <v>48054.363790000003</v>
      </c>
      <c r="AG502">
        <v>28731.208859999999</v>
      </c>
      <c r="AH502">
        <v>223810.25459999999</v>
      </c>
      <c r="AI502">
        <v>79584.926749999999</v>
      </c>
      <c r="AJ502">
        <v>24481.5481</v>
      </c>
      <c r="AK502">
        <v>39646.140299999999</v>
      </c>
      <c r="AL502">
        <v>52000.006220000003</v>
      </c>
      <c r="AM502">
        <v>20531.498820000001</v>
      </c>
      <c r="AN502">
        <v>89151.033580000003</v>
      </c>
      <c r="AO502">
        <v>32522.074059999999</v>
      </c>
      <c r="AP502">
        <v>18498.122309999999</v>
      </c>
    </row>
    <row r="503" spans="2:42" x14ac:dyDescent="0.3">
      <c r="B503">
        <v>44.460557606241473</v>
      </c>
      <c r="C503" s="83">
        <v>43121.875</v>
      </c>
      <c r="D503">
        <v>175103.2513</v>
      </c>
      <c r="E503">
        <v>17397.159769999998</v>
      </c>
      <c r="F503">
        <v>45544.341829999998</v>
      </c>
      <c r="G503">
        <v>45709.435640000003</v>
      </c>
      <c r="H503">
        <v>40260.391360000001</v>
      </c>
      <c r="I503">
        <v>28702.140889999999</v>
      </c>
      <c r="J503">
        <v>40041.927479999998</v>
      </c>
      <c r="K503">
        <v>47252.079279999998</v>
      </c>
      <c r="L503">
        <v>26916.010279999999</v>
      </c>
      <c r="M503">
        <v>226680.65650000001</v>
      </c>
      <c r="N503">
        <v>80023.70779</v>
      </c>
      <c r="O503">
        <v>24195.99711</v>
      </c>
      <c r="P503">
        <v>38601.454039999997</v>
      </c>
      <c r="Q503">
        <v>53519.701090000002</v>
      </c>
      <c r="R503">
        <v>20209.38407</v>
      </c>
      <c r="S503">
        <v>85866.214110000001</v>
      </c>
      <c r="T503">
        <v>30668.64302</v>
      </c>
      <c r="U503">
        <v>18596.271140000001</v>
      </c>
      <c r="W503" s="83">
        <f>Bühler!N535</f>
        <v>45312.874999998785</v>
      </c>
      <c r="X503" s="83">
        <v>43121.875</v>
      </c>
      <c r="Y503">
        <v>175103.2513</v>
      </c>
      <c r="Z503">
        <v>17397.159769999998</v>
      </c>
      <c r="AA503">
        <v>45544.341829999998</v>
      </c>
      <c r="AB503">
        <v>45709.435640000003</v>
      </c>
      <c r="AC503">
        <v>40260.391360000001</v>
      </c>
      <c r="AD503">
        <v>28702.140889999999</v>
      </c>
      <c r="AE503">
        <v>40041.927479999998</v>
      </c>
      <c r="AF503">
        <v>47252.079279999998</v>
      </c>
      <c r="AG503">
        <v>26916.010279999999</v>
      </c>
      <c r="AH503">
        <v>226680.65650000001</v>
      </c>
      <c r="AI503">
        <v>80023.70779</v>
      </c>
      <c r="AJ503">
        <v>24195.99711</v>
      </c>
      <c r="AK503">
        <v>38601.454039999997</v>
      </c>
      <c r="AL503">
        <v>53519.701090000002</v>
      </c>
      <c r="AM503">
        <v>20209.38407</v>
      </c>
      <c r="AN503">
        <v>85866.214110000001</v>
      </c>
      <c r="AO503">
        <v>30668.64302</v>
      </c>
      <c r="AP503">
        <v>18596.271140000001</v>
      </c>
    </row>
    <row r="504" spans="2:42" x14ac:dyDescent="0.3">
      <c r="B504">
        <v>44.776626006407056</v>
      </c>
      <c r="C504" s="83">
        <v>43121.916666666664</v>
      </c>
      <c r="D504">
        <v>176656.35190000001</v>
      </c>
      <c r="E504">
        <v>17419.1558</v>
      </c>
      <c r="F504">
        <v>45478.571450000003</v>
      </c>
      <c r="G504">
        <v>45861.188629999997</v>
      </c>
      <c r="H504">
        <v>40837.885289999998</v>
      </c>
      <c r="I504">
        <v>28535.242050000001</v>
      </c>
      <c r="J504">
        <v>38646.372040000002</v>
      </c>
      <c r="K504">
        <v>49746.169950000003</v>
      </c>
      <c r="L504">
        <v>23474.233810000002</v>
      </c>
      <c r="M504">
        <v>228292.12059999999</v>
      </c>
      <c r="N504">
        <v>80906.193960000004</v>
      </c>
      <c r="O504">
        <v>25823.669030000001</v>
      </c>
      <c r="P504">
        <v>38052.725980000003</v>
      </c>
      <c r="Q504">
        <v>56347.394209999999</v>
      </c>
      <c r="R504">
        <v>29845.35615</v>
      </c>
      <c r="S504">
        <v>85841.268750000003</v>
      </c>
      <c r="T504">
        <v>29251.586739999999</v>
      </c>
      <c r="U504">
        <v>19390.818360000001</v>
      </c>
      <c r="W504" s="83">
        <f>Bühler!N536</f>
        <v>45312.916666665449</v>
      </c>
      <c r="X504" s="83">
        <v>43121.916666666664</v>
      </c>
      <c r="Y504">
        <v>176656.35190000001</v>
      </c>
      <c r="Z504">
        <v>17419.1558</v>
      </c>
      <c r="AA504">
        <v>45478.571450000003</v>
      </c>
      <c r="AB504">
        <v>45861.188629999997</v>
      </c>
      <c r="AC504">
        <v>40837.885289999998</v>
      </c>
      <c r="AD504">
        <v>28535.242050000001</v>
      </c>
      <c r="AE504">
        <v>38646.372040000002</v>
      </c>
      <c r="AF504">
        <v>49746.169950000003</v>
      </c>
      <c r="AG504">
        <v>23474.233810000002</v>
      </c>
      <c r="AH504">
        <v>228292.12059999999</v>
      </c>
      <c r="AI504">
        <v>80906.193960000004</v>
      </c>
      <c r="AJ504">
        <v>25823.669030000001</v>
      </c>
      <c r="AK504">
        <v>38052.725980000003</v>
      </c>
      <c r="AL504">
        <v>56347.394209999999</v>
      </c>
      <c r="AM504">
        <v>29845.35615</v>
      </c>
      <c r="AN504">
        <v>85841.268750000003</v>
      </c>
      <c r="AO504">
        <v>29251.586739999999</v>
      </c>
      <c r="AP504">
        <v>19390.818360000001</v>
      </c>
    </row>
    <row r="505" spans="2:42" x14ac:dyDescent="0.3">
      <c r="B505">
        <v>44.486660122385359</v>
      </c>
      <c r="C505" s="83">
        <v>43121.958333333336</v>
      </c>
      <c r="D505">
        <v>179347.62049999999</v>
      </c>
      <c r="E505">
        <v>17514.878830000001</v>
      </c>
      <c r="F505">
        <v>45003.934569999998</v>
      </c>
      <c r="G505">
        <v>46168.471839999998</v>
      </c>
      <c r="H505">
        <v>40608.850619999997</v>
      </c>
      <c r="I505">
        <v>28580.333480000001</v>
      </c>
      <c r="J505">
        <v>36645.4974</v>
      </c>
      <c r="K505">
        <v>49121.799830000004</v>
      </c>
      <c r="L505">
        <v>20203.456750000001</v>
      </c>
      <c r="M505">
        <v>226813.73929999999</v>
      </c>
      <c r="N505">
        <v>80882.78671</v>
      </c>
      <c r="O505">
        <v>25751.983179999999</v>
      </c>
      <c r="P505">
        <v>36503.899319999997</v>
      </c>
      <c r="Q505">
        <v>57882.552689999997</v>
      </c>
      <c r="R505">
        <v>32766.34692</v>
      </c>
      <c r="S505">
        <v>84901.362460000004</v>
      </c>
      <c r="T505">
        <v>30447.694339999998</v>
      </c>
      <c r="U505">
        <v>19224.514439999999</v>
      </c>
      <c r="W505" s="83">
        <f>Bühler!N537</f>
        <v>45312.958333332113</v>
      </c>
      <c r="X505" s="83">
        <v>43121.958333333336</v>
      </c>
      <c r="Y505">
        <v>179347.62049999999</v>
      </c>
      <c r="Z505">
        <v>17514.878830000001</v>
      </c>
      <c r="AA505">
        <v>45003.934569999998</v>
      </c>
      <c r="AB505">
        <v>46168.471839999998</v>
      </c>
      <c r="AC505">
        <v>40608.850619999997</v>
      </c>
      <c r="AD505">
        <v>28580.333480000001</v>
      </c>
      <c r="AE505">
        <v>36645.4974</v>
      </c>
      <c r="AF505">
        <v>49121.799830000004</v>
      </c>
      <c r="AG505">
        <v>20203.456750000001</v>
      </c>
      <c r="AH505">
        <v>226813.73929999999</v>
      </c>
      <c r="AI505">
        <v>80882.78671</v>
      </c>
      <c r="AJ505">
        <v>25751.983179999999</v>
      </c>
      <c r="AK505">
        <v>36503.899319999997</v>
      </c>
      <c r="AL505">
        <v>57882.552689999997</v>
      </c>
      <c r="AM505">
        <v>32766.34692</v>
      </c>
      <c r="AN505">
        <v>84901.362460000004</v>
      </c>
      <c r="AO505">
        <v>30447.694339999998</v>
      </c>
      <c r="AP505">
        <v>19224.514439999999</v>
      </c>
    </row>
    <row r="506" spans="2:42" x14ac:dyDescent="0.3">
      <c r="B506">
        <v>43.402855595810713</v>
      </c>
      <c r="C506" s="83">
        <v>43122</v>
      </c>
      <c r="D506">
        <v>181717.14619999999</v>
      </c>
      <c r="E506">
        <v>17397.859560000001</v>
      </c>
      <c r="F506">
        <v>46190.756410000002</v>
      </c>
      <c r="G506">
        <v>46024.043019999997</v>
      </c>
      <c r="H506">
        <v>39974.273889999997</v>
      </c>
      <c r="I506">
        <v>26452.051350000002</v>
      </c>
      <c r="J506">
        <v>34579.983590000003</v>
      </c>
      <c r="K506">
        <v>48053.879359999999</v>
      </c>
      <c r="L506">
        <v>19305.784879999999</v>
      </c>
      <c r="M506">
        <v>221287.99840000001</v>
      </c>
      <c r="N506">
        <v>80118.798999999999</v>
      </c>
      <c r="O506">
        <v>25822.770329999999</v>
      </c>
      <c r="P506">
        <v>34613.875359999998</v>
      </c>
      <c r="Q506">
        <v>60647.063349999997</v>
      </c>
      <c r="R506">
        <v>29717.014889999999</v>
      </c>
      <c r="S506">
        <v>83925.232149999996</v>
      </c>
      <c r="T506">
        <v>29850.916120000002</v>
      </c>
      <c r="U506">
        <v>18936.117969999999</v>
      </c>
      <c r="W506" s="83">
        <f>Bühler!N538</f>
        <v>45312.999999998778</v>
      </c>
      <c r="X506" s="83">
        <v>43122</v>
      </c>
      <c r="Y506">
        <v>181717.14619999999</v>
      </c>
      <c r="Z506">
        <v>17397.859560000001</v>
      </c>
      <c r="AA506">
        <v>46190.756410000002</v>
      </c>
      <c r="AB506">
        <v>46024.043019999997</v>
      </c>
      <c r="AC506">
        <v>39974.273889999997</v>
      </c>
      <c r="AD506">
        <v>26452.051350000002</v>
      </c>
      <c r="AE506">
        <v>34579.983590000003</v>
      </c>
      <c r="AF506">
        <v>48053.879359999999</v>
      </c>
      <c r="AG506">
        <v>19305.784879999999</v>
      </c>
      <c r="AH506">
        <v>221287.99840000001</v>
      </c>
      <c r="AI506">
        <v>80118.798999999999</v>
      </c>
      <c r="AJ506">
        <v>25822.770329999999</v>
      </c>
      <c r="AK506">
        <v>34613.875359999998</v>
      </c>
      <c r="AL506">
        <v>60647.063349999997</v>
      </c>
      <c r="AM506">
        <v>29717.014889999999</v>
      </c>
      <c r="AN506">
        <v>83925.232149999996</v>
      </c>
      <c r="AO506">
        <v>29850.916120000002</v>
      </c>
      <c r="AP506">
        <v>18936.117969999999</v>
      </c>
    </row>
    <row r="507" spans="2:42" x14ac:dyDescent="0.3">
      <c r="B507">
        <v>44.077111611136573</v>
      </c>
      <c r="C507" s="83">
        <v>43122.041666666664</v>
      </c>
      <c r="D507">
        <v>182638.92379999999</v>
      </c>
      <c r="E507">
        <v>17511.559130000001</v>
      </c>
      <c r="F507">
        <v>47095.185460000001</v>
      </c>
      <c r="G507">
        <v>45827.756450000001</v>
      </c>
      <c r="H507">
        <v>40022.668810000003</v>
      </c>
      <c r="I507">
        <v>22124.719349999999</v>
      </c>
      <c r="J507">
        <v>34057.706590000002</v>
      </c>
      <c r="K507">
        <v>45456.094790000003</v>
      </c>
      <c r="L507">
        <v>18822.494030000002</v>
      </c>
      <c r="M507">
        <v>224725.67</v>
      </c>
      <c r="N507">
        <v>79686.557220000002</v>
      </c>
      <c r="O507">
        <v>26019.02954</v>
      </c>
      <c r="P507">
        <v>34399.30197</v>
      </c>
      <c r="Q507">
        <v>64032.197970000001</v>
      </c>
      <c r="R507">
        <v>27356.623749999999</v>
      </c>
      <c r="S507">
        <v>83361.534419999996</v>
      </c>
      <c r="T507">
        <v>29136.172419999999</v>
      </c>
      <c r="U507">
        <v>19301.391390000001</v>
      </c>
      <c r="W507" s="83">
        <f>Bühler!N539</f>
        <v>45313.041666665442</v>
      </c>
      <c r="X507" s="83">
        <v>43122.041666666664</v>
      </c>
      <c r="Y507">
        <v>182638.92379999999</v>
      </c>
      <c r="Z507">
        <v>17511.559130000001</v>
      </c>
      <c r="AA507">
        <v>47095.185460000001</v>
      </c>
      <c r="AB507">
        <v>45827.756450000001</v>
      </c>
      <c r="AC507">
        <v>40022.668810000003</v>
      </c>
      <c r="AD507">
        <v>22124.719349999999</v>
      </c>
      <c r="AE507">
        <v>34057.706590000002</v>
      </c>
      <c r="AF507">
        <v>45456.094790000003</v>
      </c>
      <c r="AG507">
        <v>18822.494030000002</v>
      </c>
      <c r="AH507">
        <v>224725.67</v>
      </c>
      <c r="AI507">
        <v>79686.557220000002</v>
      </c>
      <c r="AJ507">
        <v>26019.02954</v>
      </c>
      <c r="AK507">
        <v>34399.30197</v>
      </c>
      <c r="AL507">
        <v>64032.197970000001</v>
      </c>
      <c r="AM507">
        <v>27356.623749999999</v>
      </c>
      <c r="AN507">
        <v>83361.534419999996</v>
      </c>
      <c r="AO507">
        <v>29136.172419999999</v>
      </c>
      <c r="AP507">
        <v>19301.391390000001</v>
      </c>
    </row>
    <row r="508" spans="2:42" x14ac:dyDescent="0.3">
      <c r="B508">
        <v>45.141044358002439</v>
      </c>
      <c r="C508" s="83">
        <v>43122.083333333336</v>
      </c>
      <c r="D508">
        <v>186283.60560000001</v>
      </c>
      <c r="E508">
        <v>17508.04753</v>
      </c>
      <c r="F508">
        <v>47952.314259999999</v>
      </c>
      <c r="G508">
        <v>45477.33107</v>
      </c>
      <c r="H508">
        <v>40598.517220000002</v>
      </c>
      <c r="I508">
        <v>21009.542519999999</v>
      </c>
      <c r="J508">
        <v>34061.169249999999</v>
      </c>
      <c r="K508">
        <v>44678.876250000001</v>
      </c>
      <c r="L508">
        <v>18718.458729999998</v>
      </c>
      <c r="M508">
        <v>230150.09529999999</v>
      </c>
      <c r="N508">
        <v>80772.586720000007</v>
      </c>
      <c r="O508">
        <v>26027.599109999999</v>
      </c>
      <c r="P508">
        <v>33901.860719999997</v>
      </c>
      <c r="Q508">
        <v>65398.066680000004</v>
      </c>
      <c r="R508">
        <v>27612.5664</v>
      </c>
      <c r="S508">
        <v>82963.492029999994</v>
      </c>
      <c r="T508">
        <v>29084.214680000001</v>
      </c>
      <c r="U508">
        <v>19134.254059999999</v>
      </c>
      <c r="W508" s="83">
        <f>Bühler!N540</f>
        <v>45313.083333332106</v>
      </c>
      <c r="X508" s="83">
        <v>43122.083333333336</v>
      </c>
      <c r="Y508">
        <v>186283.60560000001</v>
      </c>
      <c r="Z508">
        <v>17508.04753</v>
      </c>
      <c r="AA508">
        <v>47952.314259999999</v>
      </c>
      <c r="AB508">
        <v>45477.33107</v>
      </c>
      <c r="AC508">
        <v>40598.517220000002</v>
      </c>
      <c r="AD508">
        <v>21009.542519999999</v>
      </c>
      <c r="AE508">
        <v>34061.169249999999</v>
      </c>
      <c r="AF508">
        <v>44678.876250000001</v>
      </c>
      <c r="AG508">
        <v>18718.458729999998</v>
      </c>
      <c r="AH508">
        <v>230150.09529999999</v>
      </c>
      <c r="AI508">
        <v>80772.586720000007</v>
      </c>
      <c r="AJ508">
        <v>26027.599109999999</v>
      </c>
      <c r="AK508">
        <v>33901.860719999997</v>
      </c>
      <c r="AL508">
        <v>65398.066680000004</v>
      </c>
      <c r="AM508">
        <v>27612.5664</v>
      </c>
      <c r="AN508">
        <v>82963.492029999994</v>
      </c>
      <c r="AO508">
        <v>29084.214680000001</v>
      </c>
      <c r="AP508">
        <v>19134.254059999999</v>
      </c>
    </row>
    <row r="509" spans="2:42" x14ac:dyDescent="0.3">
      <c r="B509">
        <v>45.89425476333524</v>
      </c>
      <c r="C509" s="83">
        <v>43122.125</v>
      </c>
      <c r="D509">
        <v>190554.64259999999</v>
      </c>
      <c r="E509">
        <v>17645.92052</v>
      </c>
      <c r="F509">
        <v>49316.999860000004</v>
      </c>
      <c r="G509">
        <v>44494.323900000003</v>
      </c>
      <c r="H509">
        <v>40919.094469999996</v>
      </c>
      <c r="I509">
        <v>20528.81136</v>
      </c>
      <c r="J509">
        <v>34964.715609999999</v>
      </c>
      <c r="K509">
        <v>43514.363069999999</v>
      </c>
      <c r="L509">
        <v>19300.723699999999</v>
      </c>
      <c r="M509">
        <v>233990.3132</v>
      </c>
      <c r="N509">
        <v>81134.882530000003</v>
      </c>
      <c r="O509">
        <v>25876.006079999999</v>
      </c>
      <c r="P509">
        <v>33585.955119999999</v>
      </c>
      <c r="Q509">
        <v>71423.661120000004</v>
      </c>
      <c r="R509">
        <v>27425.480080000001</v>
      </c>
      <c r="S509">
        <v>82287.595530000006</v>
      </c>
      <c r="T509">
        <v>29084.862410000002</v>
      </c>
      <c r="U509">
        <v>19203.673429999999</v>
      </c>
      <c r="W509" s="83">
        <f>Bühler!N541</f>
        <v>45313.12499999877</v>
      </c>
      <c r="X509" s="83">
        <v>43122.125</v>
      </c>
      <c r="Y509">
        <v>190554.64259999999</v>
      </c>
      <c r="Z509">
        <v>17645.92052</v>
      </c>
      <c r="AA509">
        <v>49316.999860000004</v>
      </c>
      <c r="AB509">
        <v>44494.323900000003</v>
      </c>
      <c r="AC509">
        <v>40919.094469999996</v>
      </c>
      <c r="AD509">
        <v>20528.81136</v>
      </c>
      <c r="AE509">
        <v>34964.715609999999</v>
      </c>
      <c r="AF509">
        <v>43514.363069999999</v>
      </c>
      <c r="AG509">
        <v>19300.723699999999</v>
      </c>
      <c r="AH509">
        <v>233990.3132</v>
      </c>
      <c r="AI509">
        <v>81134.882530000003</v>
      </c>
      <c r="AJ509">
        <v>25876.006079999999</v>
      </c>
      <c r="AK509">
        <v>33585.955119999999</v>
      </c>
      <c r="AL509">
        <v>71423.661120000004</v>
      </c>
      <c r="AM509">
        <v>27425.480080000001</v>
      </c>
      <c r="AN509">
        <v>82287.595530000006</v>
      </c>
      <c r="AO509">
        <v>29084.862410000002</v>
      </c>
      <c r="AP509">
        <v>19203.673429999999</v>
      </c>
    </row>
    <row r="510" spans="2:42" x14ac:dyDescent="0.3">
      <c r="B510">
        <v>49.044148147517134</v>
      </c>
      <c r="C510" s="83">
        <v>43122.166666666664</v>
      </c>
      <c r="D510">
        <v>203273.95550000001</v>
      </c>
      <c r="E510">
        <v>18764.435509999999</v>
      </c>
      <c r="F510">
        <v>53046.154880000002</v>
      </c>
      <c r="G510">
        <v>44870.782930000001</v>
      </c>
      <c r="H510">
        <v>42418.50634</v>
      </c>
      <c r="I510">
        <v>24761.74696</v>
      </c>
      <c r="J510">
        <v>37615.673020000002</v>
      </c>
      <c r="K510">
        <v>44140.009879999998</v>
      </c>
      <c r="L510">
        <v>19657.318630000002</v>
      </c>
      <c r="M510">
        <v>250049.93859999999</v>
      </c>
      <c r="N510">
        <v>80791.846799999999</v>
      </c>
      <c r="O510">
        <v>26363.044849999998</v>
      </c>
      <c r="P510">
        <v>33566.093209999999</v>
      </c>
      <c r="Q510">
        <v>76868.291549999994</v>
      </c>
      <c r="R510">
        <v>27820.826079999999</v>
      </c>
      <c r="S510">
        <v>83298.448629999999</v>
      </c>
      <c r="T510">
        <v>29280.328969999999</v>
      </c>
      <c r="U510">
        <v>20394.376029999999</v>
      </c>
      <c r="W510" s="83">
        <f>Bühler!N542</f>
        <v>45313.166666665435</v>
      </c>
      <c r="X510" s="83">
        <v>43122.166666666664</v>
      </c>
      <c r="Y510">
        <v>203273.95550000001</v>
      </c>
      <c r="Z510">
        <v>18764.435509999999</v>
      </c>
      <c r="AA510">
        <v>53046.154880000002</v>
      </c>
      <c r="AB510">
        <v>44870.782930000001</v>
      </c>
      <c r="AC510">
        <v>42418.50634</v>
      </c>
      <c r="AD510">
        <v>24761.74696</v>
      </c>
      <c r="AE510">
        <v>37615.673020000002</v>
      </c>
      <c r="AF510">
        <v>44140.009879999998</v>
      </c>
      <c r="AG510">
        <v>19657.318630000002</v>
      </c>
      <c r="AH510">
        <v>250049.93859999999</v>
      </c>
      <c r="AI510">
        <v>80791.846799999999</v>
      </c>
      <c r="AJ510">
        <v>26363.044849999998</v>
      </c>
      <c r="AK510">
        <v>33566.093209999999</v>
      </c>
      <c r="AL510">
        <v>76868.291549999994</v>
      </c>
      <c r="AM510">
        <v>27820.826079999999</v>
      </c>
      <c r="AN510">
        <v>83298.448629999999</v>
      </c>
      <c r="AO510">
        <v>29280.328969999999</v>
      </c>
      <c r="AP510">
        <v>20394.376029999999</v>
      </c>
    </row>
    <row r="511" spans="2:42" x14ac:dyDescent="0.3">
      <c r="B511">
        <v>54.833066210410372</v>
      </c>
      <c r="C511" s="83">
        <v>43122.208333333336</v>
      </c>
      <c r="D511">
        <v>234120.4382</v>
      </c>
      <c r="E511">
        <v>20853.611489999999</v>
      </c>
      <c r="F511">
        <v>64383.03731</v>
      </c>
      <c r="G511">
        <v>47568.832249999999</v>
      </c>
      <c r="H511">
        <v>44233.543960000003</v>
      </c>
      <c r="I511">
        <v>33399.556879999996</v>
      </c>
      <c r="J511">
        <v>40779.072390000001</v>
      </c>
      <c r="K511">
        <v>46007.11722</v>
      </c>
      <c r="L511">
        <v>20184.448619999999</v>
      </c>
      <c r="M511">
        <v>279564.54249999998</v>
      </c>
      <c r="N511">
        <v>82480.857069999998</v>
      </c>
      <c r="O511">
        <v>26854.497360000001</v>
      </c>
      <c r="P511">
        <v>34284.188450000001</v>
      </c>
      <c r="Q511">
        <v>82501.308409999998</v>
      </c>
      <c r="R511">
        <v>29983.910400000001</v>
      </c>
      <c r="S511">
        <v>85787.044039999993</v>
      </c>
      <c r="T511">
        <v>30787.35874</v>
      </c>
      <c r="U511">
        <v>22340.447199999999</v>
      </c>
      <c r="W511" s="83">
        <f>Bühler!N543</f>
        <v>45313.208333332099</v>
      </c>
      <c r="X511" s="83">
        <v>43122.208333333336</v>
      </c>
      <c r="Y511">
        <v>234120.4382</v>
      </c>
      <c r="Z511">
        <v>20853.611489999999</v>
      </c>
      <c r="AA511">
        <v>64383.03731</v>
      </c>
      <c r="AB511">
        <v>47568.832249999999</v>
      </c>
      <c r="AC511">
        <v>44233.543960000003</v>
      </c>
      <c r="AD511">
        <v>33399.556879999996</v>
      </c>
      <c r="AE511">
        <v>40779.072390000001</v>
      </c>
      <c r="AF511">
        <v>46007.11722</v>
      </c>
      <c r="AG511">
        <v>20184.448619999999</v>
      </c>
      <c r="AH511">
        <v>279564.54249999998</v>
      </c>
      <c r="AI511">
        <v>82480.857069999998</v>
      </c>
      <c r="AJ511">
        <v>26854.497360000001</v>
      </c>
      <c r="AK511">
        <v>34284.188450000001</v>
      </c>
      <c r="AL511">
        <v>82501.308409999998</v>
      </c>
      <c r="AM511">
        <v>29983.910400000001</v>
      </c>
      <c r="AN511">
        <v>85787.044039999993</v>
      </c>
      <c r="AO511">
        <v>30787.35874</v>
      </c>
      <c r="AP511">
        <v>22340.447199999999</v>
      </c>
    </row>
    <row r="512" spans="2:42" x14ac:dyDescent="0.3">
      <c r="B512">
        <v>59.633641708690909</v>
      </c>
      <c r="C512" s="83">
        <v>43122.25</v>
      </c>
      <c r="D512">
        <v>261836.848</v>
      </c>
      <c r="E512">
        <v>24786.12615</v>
      </c>
      <c r="F512">
        <v>77091.787240000005</v>
      </c>
      <c r="G512">
        <v>60398.702210000003</v>
      </c>
      <c r="H512">
        <v>47946.893380000001</v>
      </c>
      <c r="I512">
        <v>40986.836150000003</v>
      </c>
      <c r="J512">
        <v>43908.959900000002</v>
      </c>
      <c r="K512">
        <v>48249.900419999998</v>
      </c>
      <c r="L512">
        <v>22086.03629</v>
      </c>
      <c r="M512">
        <v>304040.1151</v>
      </c>
      <c r="N512">
        <v>85594.264890000006</v>
      </c>
      <c r="O512">
        <v>27665.049029999998</v>
      </c>
      <c r="P512">
        <v>33716.528749999998</v>
      </c>
      <c r="Q512">
        <v>86201.826239999995</v>
      </c>
      <c r="R512">
        <v>21231.517360000002</v>
      </c>
      <c r="S512">
        <v>93229.440489999994</v>
      </c>
      <c r="T512">
        <v>33134.677530000001</v>
      </c>
      <c r="U512">
        <v>23571.181380000002</v>
      </c>
      <c r="W512" s="83">
        <f>Bühler!N544</f>
        <v>45313.249999998763</v>
      </c>
      <c r="X512" s="83">
        <v>43122.25</v>
      </c>
      <c r="Y512">
        <v>261836.848</v>
      </c>
      <c r="Z512">
        <v>24786.12615</v>
      </c>
      <c r="AA512">
        <v>77091.787240000005</v>
      </c>
      <c r="AB512">
        <v>60398.702210000003</v>
      </c>
      <c r="AC512">
        <v>47946.893380000001</v>
      </c>
      <c r="AD512">
        <v>40986.836150000003</v>
      </c>
      <c r="AE512">
        <v>43908.959900000002</v>
      </c>
      <c r="AF512">
        <v>48249.900419999998</v>
      </c>
      <c r="AG512">
        <v>22086.03629</v>
      </c>
      <c r="AH512">
        <v>304040.1151</v>
      </c>
      <c r="AI512">
        <v>85594.264890000006</v>
      </c>
      <c r="AJ512">
        <v>27665.049029999998</v>
      </c>
      <c r="AK512">
        <v>33716.528749999998</v>
      </c>
      <c r="AL512">
        <v>86201.826239999995</v>
      </c>
      <c r="AM512">
        <v>21231.517360000002</v>
      </c>
      <c r="AN512">
        <v>93229.440489999994</v>
      </c>
      <c r="AO512">
        <v>33134.677530000001</v>
      </c>
      <c r="AP512">
        <v>23571.181380000002</v>
      </c>
    </row>
    <row r="513" spans="2:42" x14ac:dyDescent="0.3">
      <c r="B513">
        <v>62.736878376118106</v>
      </c>
      <c r="C513" s="83">
        <v>43122.291666666664</v>
      </c>
      <c r="D513">
        <v>281405.8322</v>
      </c>
      <c r="E513">
        <v>31117.46139</v>
      </c>
      <c r="F513">
        <v>80390.742530000003</v>
      </c>
      <c r="G513">
        <v>76873.974340000001</v>
      </c>
      <c r="H513">
        <v>54268.12902</v>
      </c>
      <c r="I513">
        <v>50298.770250000001</v>
      </c>
      <c r="J513">
        <v>42996.93434</v>
      </c>
      <c r="K513">
        <v>53932.928899999999</v>
      </c>
      <c r="L513">
        <v>25757.215690000001</v>
      </c>
      <c r="M513">
        <v>319861.8628</v>
      </c>
      <c r="N513">
        <v>90215.542979999998</v>
      </c>
      <c r="O513">
        <v>30889.12398</v>
      </c>
      <c r="P513">
        <v>36300.723160000001</v>
      </c>
      <c r="Q513">
        <v>89046.866450000001</v>
      </c>
      <c r="R513">
        <v>22223.080880000001</v>
      </c>
      <c r="S513">
        <v>109159.8327</v>
      </c>
      <c r="T513">
        <v>36167.263480000001</v>
      </c>
      <c r="U513">
        <v>28038.779340000001</v>
      </c>
      <c r="W513" s="83">
        <f>Bühler!N545</f>
        <v>45313.291666665427</v>
      </c>
      <c r="X513" s="83">
        <v>43122.291666666664</v>
      </c>
      <c r="Y513">
        <v>281405.8322</v>
      </c>
      <c r="Z513">
        <v>31117.46139</v>
      </c>
      <c r="AA513">
        <v>80390.742530000003</v>
      </c>
      <c r="AB513">
        <v>76873.974340000001</v>
      </c>
      <c r="AC513">
        <v>54268.12902</v>
      </c>
      <c r="AD513">
        <v>50298.770250000001</v>
      </c>
      <c r="AE513">
        <v>42996.93434</v>
      </c>
      <c r="AF513">
        <v>53932.928899999999</v>
      </c>
      <c r="AG513">
        <v>25757.215690000001</v>
      </c>
      <c r="AH513">
        <v>319861.8628</v>
      </c>
      <c r="AI513">
        <v>90215.542979999998</v>
      </c>
      <c r="AJ513">
        <v>30889.12398</v>
      </c>
      <c r="AK513">
        <v>36300.723160000001</v>
      </c>
      <c r="AL513">
        <v>89046.866450000001</v>
      </c>
      <c r="AM513">
        <v>22223.080880000001</v>
      </c>
      <c r="AN513">
        <v>109159.8327</v>
      </c>
      <c r="AO513">
        <v>36167.263480000001</v>
      </c>
      <c r="AP513">
        <v>28038.779340000001</v>
      </c>
    </row>
    <row r="514" spans="2:42" x14ac:dyDescent="0.3">
      <c r="B514">
        <v>64.733936180778343</v>
      </c>
      <c r="C514" s="83">
        <v>43122.333333333336</v>
      </c>
      <c r="D514">
        <v>299684.6617</v>
      </c>
      <c r="E514">
        <v>37817.99308</v>
      </c>
      <c r="F514">
        <v>87680.098530000003</v>
      </c>
      <c r="G514">
        <v>95763.038520000002</v>
      </c>
      <c r="H514">
        <v>61173.414640000003</v>
      </c>
      <c r="I514">
        <v>54672.173750000002</v>
      </c>
      <c r="J514">
        <v>44174.673280000003</v>
      </c>
      <c r="K514">
        <v>59129.529150000002</v>
      </c>
      <c r="L514">
        <v>29878.052360000001</v>
      </c>
      <c r="M514">
        <v>330043.79479999997</v>
      </c>
      <c r="N514">
        <v>97289.515119999996</v>
      </c>
      <c r="O514">
        <v>34293.744659999997</v>
      </c>
      <c r="P514">
        <v>38251.241430000002</v>
      </c>
      <c r="Q514">
        <v>90459.010909999997</v>
      </c>
      <c r="R514">
        <v>25021.98299</v>
      </c>
      <c r="S514">
        <v>125177.23759999999</v>
      </c>
      <c r="T514">
        <v>39843.507039999997</v>
      </c>
      <c r="U514">
        <v>32215.138180000002</v>
      </c>
      <c r="W514" s="83">
        <f>Bühler!N546</f>
        <v>45313.333333332092</v>
      </c>
      <c r="X514" s="83">
        <v>43122.333333333336</v>
      </c>
      <c r="Y514">
        <v>299684.6617</v>
      </c>
      <c r="Z514">
        <v>37817.99308</v>
      </c>
      <c r="AA514">
        <v>87680.098530000003</v>
      </c>
      <c r="AB514">
        <v>95763.038520000002</v>
      </c>
      <c r="AC514">
        <v>61173.414640000003</v>
      </c>
      <c r="AD514">
        <v>54672.173750000002</v>
      </c>
      <c r="AE514">
        <v>44174.673280000003</v>
      </c>
      <c r="AF514">
        <v>59129.529150000002</v>
      </c>
      <c r="AG514">
        <v>29878.052360000001</v>
      </c>
      <c r="AH514">
        <v>330043.79479999997</v>
      </c>
      <c r="AI514">
        <v>97289.515119999996</v>
      </c>
      <c r="AJ514">
        <v>34293.744659999997</v>
      </c>
      <c r="AK514">
        <v>38251.241430000002</v>
      </c>
      <c r="AL514">
        <v>90459.010909999997</v>
      </c>
      <c r="AM514">
        <v>25021.98299</v>
      </c>
      <c r="AN514">
        <v>125177.23759999999</v>
      </c>
      <c r="AO514">
        <v>39843.507039999997</v>
      </c>
      <c r="AP514">
        <v>32215.138180000002</v>
      </c>
    </row>
    <row r="515" spans="2:42" x14ac:dyDescent="0.3">
      <c r="B515">
        <v>64.581703617504772</v>
      </c>
      <c r="C515" s="83">
        <v>43122.375</v>
      </c>
      <c r="D515">
        <v>304604.52679999999</v>
      </c>
      <c r="E515">
        <v>42005.730150000003</v>
      </c>
      <c r="F515">
        <v>91543.535539999997</v>
      </c>
      <c r="G515">
        <v>106441.97139999999</v>
      </c>
      <c r="H515">
        <v>63538.217929999999</v>
      </c>
      <c r="I515">
        <v>53309.476759999998</v>
      </c>
      <c r="J515">
        <v>42565.496379999997</v>
      </c>
      <c r="K515">
        <v>57993.443310000002</v>
      </c>
      <c r="L515">
        <v>31581.988740000001</v>
      </c>
      <c r="M515">
        <v>329267.6422</v>
      </c>
      <c r="N515">
        <v>104452.7326</v>
      </c>
      <c r="O515">
        <v>34642.87412</v>
      </c>
      <c r="P515">
        <v>39148.745269999999</v>
      </c>
      <c r="Q515">
        <v>90909.559479999996</v>
      </c>
      <c r="R515">
        <v>24539.761009999998</v>
      </c>
      <c r="S515">
        <v>133719.2176</v>
      </c>
      <c r="T515">
        <v>41919.802300000003</v>
      </c>
      <c r="U515">
        <v>32698.043320000001</v>
      </c>
      <c r="W515" s="83">
        <f>Bühler!N547</f>
        <v>45313.374999998756</v>
      </c>
      <c r="X515" s="83">
        <v>43122.375</v>
      </c>
      <c r="Y515">
        <v>304604.52679999999</v>
      </c>
      <c r="Z515">
        <v>42005.730150000003</v>
      </c>
      <c r="AA515">
        <v>91543.535539999997</v>
      </c>
      <c r="AB515">
        <v>106441.97139999999</v>
      </c>
      <c r="AC515">
        <v>63538.217929999999</v>
      </c>
      <c r="AD515">
        <v>53309.476759999998</v>
      </c>
      <c r="AE515">
        <v>42565.496379999997</v>
      </c>
      <c r="AF515">
        <v>57993.443310000002</v>
      </c>
      <c r="AG515">
        <v>31581.988740000001</v>
      </c>
      <c r="AH515">
        <v>329267.6422</v>
      </c>
      <c r="AI515">
        <v>104452.7326</v>
      </c>
      <c r="AJ515">
        <v>34642.87412</v>
      </c>
      <c r="AK515">
        <v>39148.745269999999</v>
      </c>
      <c r="AL515">
        <v>90909.559479999996</v>
      </c>
      <c r="AM515">
        <v>24539.761009999998</v>
      </c>
      <c r="AN515">
        <v>133719.2176</v>
      </c>
      <c r="AO515">
        <v>41919.802300000003</v>
      </c>
      <c r="AP515">
        <v>32698.043320000001</v>
      </c>
    </row>
    <row r="516" spans="2:42" x14ac:dyDescent="0.3">
      <c r="B516">
        <v>65.621411471684056</v>
      </c>
      <c r="C516" s="83">
        <v>43122.416666666664</v>
      </c>
      <c r="D516">
        <v>307499.63059999997</v>
      </c>
      <c r="E516">
        <v>43324.056049999999</v>
      </c>
      <c r="F516">
        <v>91965.282269999996</v>
      </c>
      <c r="G516">
        <v>108658.7461</v>
      </c>
      <c r="H516">
        <v>64122.430630000003</v>
      </c>
      <c r="I516">
        <v>50344.711730000003</v>
      </c>
      <c r="J516">
        <v>42040.305260000001</v>
      </c>
      <c r="K516">
        <v>60405.4804</v>
      </c>
      <c r="L516">
        <v>34220.111720000001</v>
      </c>
      <c r="M516">
        <v>334568.5577</v>
      </c>
      <c r="N516">
        <v>107836.47410000001</v>
      </c>
      <c r="O516">
        <v>34502.288399999998</v>
      </c>
      <c r="P516">
        <v>40097.823790000002</v>
      </c>
      <c r="Q516">
        <v>91731.08352</v>
      </c>
      <c r="R516">
        <v>25024.868750000001</v>
      </c>
      <c r="S516">
        <v>132813.81450000001</v>
      </c>
      <c r="T516">
        <v>43006.07127</v>
      </c>
      <c r="U516">
        <v>32393.918529999999</v>
      </c>
      <c r="W516" s="83">
        <f>Bühler!N548</f>
        <v>45313.41666666542</v>
      </c>
      <c r="X516" s="83">
        <v>43122.416666666664</v>
      </c>
      <c r="Y516">
        <v>307499.63059999997</v>
      </c>
      <c r="Z516">
        <v>43324.056049999999</v>
      </c>
      <c r="AA516">
        <v>91965.282269999996</v>
      </c>
      <c r="AB516">
        <v>108658.7461</v>
      </c>
      <c r="AC516">
        <v>64122.430630000003</v>
      </c>
      <c r="AD516">
        <v>50344.711730000003</v>
      </c>
      <c r="AE516">
        <v>42040.305260000001</v>
      </c>
      <c r="AF516">
        <v>60405.4804</v>
      </c>
      <c r="AG516">
        <v>34220.111720000001</v>
      </c>
      <c r="AH516">
        <v>334568.5577</v>
      </c>
      <c r="AI516">
        <v>107836.47410000001</v>
      </c>
      <c r="AJ516">
        <v>34502.288399999998</v>
      </c>
      <c r="AK516">
        <v>40097.823790000002</v>
      </c>
      <c r="AL516">
        <v>91731.08352</v>
      </c>
      <c r="AM516">
        <v>25024.868750000001</v>
      </c>
      <c r="AN516">
        <v>132813.81450000001</v>
      </c>
      <c r="AO516">
        <v>43006.07127</v>
      </c>
      <c r="AP516">
        <v>32393.918529999999</v>
      </c>
    </row>
    <row r="517" spans="2:42" x14ac:dyDescent="0.3">
      <c r="B517">
        <v>66.914425597471407</v>
      </c>
      <c r="C517" s="83">
        <v>43122.458333333336</v>
      </c>
      <c r="D517">
        <v>307729.11570000002</v>
      </c>
      <c r="E517">
        <v>43292.518060000002</v>
      </c>
      <c r="F517">
        <v>92122.179569999993</v>
      </c>
      <c r="G517">
        <v>107142.78569999999</v>
      </c>
      <c r="H517">
        <v>63939.406690000003</v>
      </c>
      <c r="I517">
        <v>49423.193859999999</v>
      </c>
      <c r="J517">
        <v>41198.26139</v>
      </c>
      <c r="K517">
        <v>67182.584990000003</v>
      </c>
      <c r="L517">
        <v>35078.779329999998</v>
      </c>
      <c r="M517">
        <v>341160.94669999997</v>
      </c>
      <c r="N517">
        <v>107397.65270000001</v>
      </c>
      <c r="O517">
        <v>34764.066189999998</v>
      </c>
      <c r="P517">
        <v>40619.30876</v>
      </c>
      <c r="Q517">
        <v>92570.969169999997</v>
      </c>
      <c r="R517">
        <v>28704.36</v>
      </c>
      <c r="S517">
        <v>134209.30119999999</v>
      </c>
      <c r="T517">
        <v>43376.575720000001</v>
      </c>
      <c r="U517">
        <v>32262.155940000001</v>
      </c>
      <c r="W517" s="83">
        <f>Bühler!N549</f>
        <v>45313.458333332084</v>
      </c>
      <c r="X517" s="83">
        <v>43122.458333333336</v>
      </c>
      <c r="Y517">
        <v>307729.11570000002</v>
      </c>
      <c r="Z517">
        <v>43292.518060000002</v>
      </c>
      <c r="AA517">
        <v>92122.179569999993</v>
      </c>
      <c r="AB517">
        <v>107142.78569999999</v>
      </c>
      <c r="AC517">
        <v>63939.406690000003</v>
      </c>
      <c r="AD517">
        <v>49423.193859999999</v>
      </c>
      <c r="AE517">
        <v>41198.26139</v>
      </c>
      <c r="AF517">
        <v>67182.584990000003</v>
      </c>
      <c r="AG517">
        <v>35078.779329999998</v>
      </c>
      <c r="AH517">
        <v>341160.94669999997</v>
      </c>
      <c r="AI517">
        <v>107397.65270000001</v>
      </c>
      <c r="AJ517">
        <v>34764.066189999998</v>
      </c>
      <c r="AK517">
        <v>40619.30876</v>
      </c>
      <c r="AL517">
        <v>92570.969169999997</v>
      </c>
      <c r="AM517">
        <v>28704.36</v>
      </c>
      <c r="AN517">
        <v>134209.30119999999</v>
      </c>
      <c r="AO517">
        <v>43376.575720000001</v>
      </c>
      <c r="AP517">
        <v>32262.155940000001</v>
      </c>
    </row>
    <row r="518" spans="2:42" x14ac:dyDescent="0.3">
      <c r="B518">
        <v>66.504524372312318</v>
      </c>
      <c r="C518" s="83">
        <v>43122.5</v>
      </c>
      <c r="D518">
        <v>295250.41450000001</v>
      </c>
      <c r="E518">
        <v>39322.888740000002</v>
      </c>
      <c r="F518">
        <v>85719.487099999998</v>
      </c>
      <c r="G518">
        <v>104145.4359</v>
      </c>
      <c r="H518">
        <v>61002.847710000002</v>
      </c>
      <c r="I518">
        <v>47705.479350000001</v>
      </c>
      <c r="J518">
        <v>42025.372349999998</v>
      </c>
      <c r="K518">
        <v>63996.357989999997</v>
      </c>
      <c r="L518">
        <v>36739.717750000003</v>
      </c>
      <c r="M518">
        <v>339071.07909999997</v>
      </c>
      <c r="N518">
        <v>104696.67849999999</v>
      </c>
      <c r="O518">
        <v>33917.620060000001</v>
      </c>
      <c r="P518">
        <v>41475.825550000001</v>
      </c>
      <c r="Q518">
        <v>92288.042090000003</v>
      </c>
      <c r="R518">
        <v>28573.191019999998</v>
      </c>
      <c r="S518">
        <v>125966.8781</v>
      </c>
      <c r="T518">
        <v>43061.761709999999</v>
      </c>
      <c r="U518">
        <v>29197.11175</v>
      </c>
      <c r="W518" s="83">
        <f>Bühler!N550</f>
        <v>45313.499999998749</v>
      </c>
      <c r="X518" s="83">
        <v>43122.5</v>
      </c>
      <c r="Y518">
        <v>295250.41450000001</v>
      </c>
      <c r="Z518">
        <v>39322.888740000002</v>
      </c>
      <c r="AA518">
        <v>85719.487099999998</v>
      </c>
      <c r="AB518">
        <v>104145.4359</v>
      </c>
      <c r="AC518">
        <v>61002.847710000002</v>
      </c>
      <c r="AD518">
        <v>47705.479350000001</v>
      </c>
      <c r="AE518">
        <v>42025.372349999998</v>
      </c>
      <c r="AF518">
        <v>63996.357989999997</v>
      </c>
      <c r="AG518">
        <v>36739.717750000003</v>
      </c>
      <c r="AH518">
        <v>339071.07909999997</v>
      </c>
      <c r="AI518">
        <v>104696.67849999999</v>
      </c>
      <c r="AJ518">
        <v>33917.620060000001</v>
      </c>
      <c r="AK518">
        <v>41475.825550000001</v>
      </c>
      <c r="AL518">
        <v>92288.042090000003</v>
      </c>
      <c r="AM518">
        <v>28573.191019999998</v>
      </c>
      <c r="AN518">
        <v>125966.8781</v>
      </c>
      <c r="AO518">
        <v>43061.761709999999</v>
      </c>
      <c r="AP518">
        <v>29197.11175</v>
      </c>
    </row>
    <row r="519" spans="2:42" x14ac:dyDescent="0.3">
      <c r="B519">
        <v>66.454900253404645</v>
      </c>
      <c r="C519" s="83">
        <v>43122.541666666664</v>
      </c>
      <c r="D519">
        <v>297621.7819</v>
      </c>
      <c r="E519">
        <v>39003.212070000001</v>
      </c>
      <c r="F519">
        <v>83234.010020000002</v>
      </c>
      <c r="G519">
        <v>101705.4715</v>
      </c>
      <c r="H519">
        <v>60984.065779999997</v>
      </c>
      <c r="I519">
        <v>46829.381699999998</v>
      </c>
      <c r="J519">
        <v>40752.837319999999</v>
      </c>
      <c r="K519">
        <v>65117.36591</v>
      </c>
      <c r="L519">
        <v>35062.246039999998</v>
      </c>
      <c r="M519">
        <v>338818.0722</v>
      </c>
      <c r="N519">
        <v>105044.3545</v>
      </c>
      <c r="O519">
        <v>33714.046860000002</v>
      </c>
      <c r="P519">
        <v>40942.515010000003</v>
      </c>
      <c r="Q519">
        <v>91021.860719999997</v>
      </c>
      <c r="R519">
        <v>27334.108400000001</v>
      </c>
      <c r="S519">
        <v>125462.67359999999</v>
      </c>
      <c r="T519">
        <v>42178.83943</v>
      </c>
      <c r="U519">
        <v>29296.262599999998</v>
      </c>
      <c r="W519" s="83">
        <f>Bühler!N551</f>
        <v>45313.541666665413</v>
      </c>
      <c r="X519" s="83">
        <v>43122.541666666664</v>
      </c>
      <c r="Y519">
        <v>297621.7819</v>
      </c>
      <c r="Z519">
        <v>39003.212070000001</v>
      </c>
      <c r="AA519">
        <v>83234.010020000002</v>
      </c>
      <c r="AB519">
        <v>101705.4715</v>
      </c>
      <c r="AC519">
        <v>60984.065779999997</v>
      </c>
      <c r="AD519">
        <v>46829.381699999998</v>
      </c>
      <c r="AE519">
        <v>40752.837319999999</v>
      </c>
      <c r="AF519">
        <v>65117.36591</v>
      </c>
      <c r="AG519">
        <v>35062.246039999998</v>
      </c>
      <c r="AH519">
        <v>338818.0722</v>
      </c>
      <c r="AI519">
        <v>105044.3545</v>
      </c>
      <c r="AJ519">
        <v>33714.046860000002</v>
      </c>
      <c r="AK519">
        <v>40942.515010000003</v>
      </c>
      <c r="AL519">
        <v>91021.860719999997</v>
      </c>
      <c r="AM519">
        <v>27334.108400000001</v>
      </c>
      <c r="AN519">
        <v>125462.67359999999</v>
      </c>
      <c r="AO519">
        <v>42178.83943</v>
      </c>
      <c r="AP519">
        <v>29296.262599999998</v>
      </c>
    </row>
    <row r="520" spans="2:42" x14ac:dyDescent="0.3">
      <c r="B520">
        <v>66.802859910488422</v>
      </c>
      <c r="C520" s="83">
        <v>43122.583333333336</v>
      </c>
      <c r="D520">
        <v>302184.49920000002</v>
      </c>
      <c r="E520">
        <v>41884.237970000002</v>
      </c>
      <c r="F520">
        <v>90123.234160000007</v>
      </c>
      <c r="G520">
        <v>95512.276299999998</v>
      </c>
      <c r="H520">
        <v>61066.891770000002</v>
      </c>
      <c r="I520">
        <v>46972.36232</v>
      </c>
      <c r="J520">
        <v>39807.652049999997</v>
      </c>
      <c r="K520">
        <v>66765.386010000002</v>
      </c>
      <c r="L520">
        <v>31623.917430000001</v>
      </c>
      <c r="M520">
        <v>340592.13280000002</v>
      </c>
      <c r="N520">
        <v>105833.4071</v>
      </c>
      <c r="O520">
        <v>33467.940419999999</v>
      </c>
      <c r="P520">
        <v>38028.926769999998</v>
      </c>
      <c r="Q520">
        <v>90646.262749999994</v>
      </c>
      <c r="R520">
        <v>27168.82631</v>
      </c>
      <c r="S520">
        <v>121058.2262</v>
      </c>
      <c r="T520">
        <v>40857.532590000003</v>
      </c>
      <c r="U520">
        <v>30273.033049999998</v>
      </c>
      <c r="W520" s="83">
        <f>Bühler!N552</f>
        <v>45313.583333332077</v>
      </c>
      <c r="X520" s="83">
        <v>43122.583333333336</v>
      </c>
      <c r="Y520">
        <v>302184.49920000002</v>
      </c>
      <c r="Z520">
        <v>41884.237970000002</v>
      </c>
      <c r="AA520">
        <v>90123.234160000007</v>
      </c>
      <c r="AB520">
        <v>95512.276299999998</v>
      </c>
      <c r="AC520">
        <v>61066.891770000002</v>
      </c>
      <c r="AD520">
        <v>46972.36232</v>
      </c>
      <c r="AE520">
        <v>39807.652049999997</v>
      </c>
      <c r="AF520">
        <v>66765.386010000002</v>
      </c>
      <c r="AG520">
        <v>31623.917430000001</v>
      </c>
      <c r="AH520">
        <v>340592.13280000002</v>
      </c>
      <c r="AI520">
        <v>105833.4071</v>
      </c>
      <c r="AJ520">
        <v>33467.940419999999</v>
      </c>
      <c r="AK520">
        <v>38028.926769999998</v>
      </c>
      <c r="AL520">
        <v>90646.262749999994</v>
      </c>
      <c r="AM520">
        <v>27168.82631</v>
      </c>
      <c r="AN520">
        <v>121058.2262</v>
      </c>
      <c r="AO520">
        <v>40857.532590000003</v>
      </c>
      <c r="AP520">
        <v>30273.033049999998</v>
      </c>
    </row>
    <row r="521" spans="2:42" x14ac:dyDescent="0.3">
      <c r="B521">
        <v>65.810309708017328</v>
      </c>
      <c r="C521" s="83">
        <v>43122.625</v>
      </c>
      <c r="D521">
        <v>300821.14939999999</v>
      </c>
      <c r="E521">
        <v>41333.35254</v>
      </c>
      <c r="F521">
        <v>90076.088440000007</v>
      </c>
      <c r="G521">
        <v>91605.47219</v>
      </c>
      <c r="H521">
        <v>60015.206960000003</v>
      </c>
      <c r="I521">
        <v>48020.93806</v>
      </c>
      <c r="J521">
        <v>39436.449180000003</v>
      </c>
      <c r="K521">
        <v>66149.913530000005</v>
      </c>
      <c r="L521">
        <v>28579.906340000001</v>
      </c>
      <c r="M521">
        <v>335531.64899999998</v>
      </c>
      <c r="N521">
        <v>104432.8296</v>
      </c>
      <c r="O521">
        <v>33315.493649999997</v>
      </c>
      <c r="P521">
        <v>37801.344120000002</v>
      </c>
      <c r="Q521">
        <v>90058.696389999997</v>
      </c>
      <c r="R521">
        <v>26286.781159999999</v>
      </c>
      <c r="S521">
        <v>117683.63189999999</v>
      </c>
      <c r="T521">
        <v>40851.64299</v>
      </c>
      <c r="U521">
        <v>28935.125049999999</v>
      </c>
      <c r="W521" s="83">
        <f>Bühler!N553</f>
        <v>45313.624999998741</v>
      </c>
      <c r="X521" s="83">
        <v>43122.625</v>
      </c>
      <c r="Y521">
        <v>300821.14939999999</v>
      </c>
      <c r="Z521">
        <v>41333.35254</v>
      </c>
      <c r="AA521">
        <v>90076.088440000007</v>
      </c>
      <c r="AB521">
        <v>91605.47219</v>
      </c>
      <c r="AC521">
        <v>60015.206960000003</v>
      </c>
      <c r="AD521">
        <v>48020.93806</v>
      </c>
      <c r="AE521">
        <v>39436.449180000003</v>
      </c>
      <c r="AF521">
        <v>66149.913530000005</v>
      </c>
      <c r="AG521">
        <v>28579.906340000001</v>
      </c>
      <c r="AH521">
        <v>335531.64899999998</v>
      </c>
      <c r="AI521">
        <v>104432.8296</v>
      </c>
      <c r="AJ521">
        <v>33315.493649999997</v>
      </c>
      <c r="AK521">
        <v>37801.344120000002</v>
      </c>
      <c r="AL521">
        <v>90058.696389999997</v>
      </c>
      <c r="AM521">
        <v>26286.781159999999</v>
      </c>
      <c r="AN521">
        <v>117683.63189999999</v>
      </c>
      <c r="AO521">
        <v>40851.64299</v>
      </c>
      <c r="AP521">
        <v>28935.125049999999</v>
      </c>
    </row>
    <row r="522" spans="2:42" x14ac:dyDescent="0.3">
      <c r="B522">
        <v>65.649572391139088</v>
      </c>
      <c r="C522" s="83">
        <v>43122.666666666664</v>
      </c>
      <c r="D522">
        <v>295662.02529999998</v>
      </c>
      <c r="E522">
        <v>40360.553509999998</v>
      </c>
      <c r="F522">
        <v>89739.420729999998</v>
      </c>
      <c r="G522">
        <v>88961.782890000002</v>
      </c>
      <c r="H522">
        <v>57737.211609999998</v>
      </c>
      <c r="I522">
        <v>48855.046520000004</v>
      </c>
      <c r="J522">
        <v>38722.283340000002</v>
      </c>
      <c r="K522">
        <v>62463.063580000002</v>
      </c>
      <c r="L522">
        <v>28188.202359999999</v>
      </c>
      <c r="M522">
        <v>334712.13520000002</v>
      </c>
      <c r="N522">
        <v>100805.7481</v>
      </c>
      <c r="O522">
        <v>33110.363599999997</v>
      </c>
      <c r="P522">
        <v>38113.288970000001</v>
      </c>
      <c r="Q522">
        <v>88726.384820000007</v>
      </c>
      <c r="R522">
        <v>25815.171300000002</v>
      </c>
      <c r="S522">
        <v>114996.47530000001</v>
      </c>
      <c r="T522">
        <v>40068.827069999999</v>
      </c>
      <c r="U522">
        <v>27651.277709999998</v>
      </c>
      <c r="W522" s="83">
        <f>Bühler!N554</f>
        <v>45313.666666665406</v>
      </c>
      <c r="X522" s="83">
        <v>43122.666666666664</v>
      </c>
      <c r="Y522">
        <v>295662.02529999998</v>
      </c>
      <c r="Z522">
        <v>40360.553509999998</v>
      </c>
      <c r="AA522">
        <v>89739.420729999998</v>
      </c>
      <c r="AB522">
        <v>88961.782890000002</v>
      </c>
      <c r="AC522">
        <v>57737.211609999998</v>
      </c>
      <c r="AD522">
        <v>48855.046520000004</v>
      </c>
      <c r="AE522">
        <v>38722.283340000002</v>
      </c>
      <c r="AF522">
        <v>62463.063580000002</v>
      </c>
      <c r="AG522">
        <v>28188.202359999999</v>
      </c>
      <c r="AH522">
        <v>334712.13520000002</v>
      </c>
      <c r="AI522">
        <v>100805.7481</v>
      </c>
      <c r="AJ522">
        <v>33110.363599999997</v>
      </c>
      <c r="AK522">
        <v>38113.288970000001</v>
      </c>
      <c r="AL522">
        <v>88726.384820000007</v>
      </c>
      <c r="AM522">
        <v>25815.171300000002</v>
      </c>
      <c r="AN522">
        <v>114996.47530000001</v>
      </c>
      <c r="AO522">
        <v>40068.827069999999</v>
      </c>
      <c r="AP522">
        <v>27651.277709999998</v>
      </c>
    </row>
    <row r="523" spans="2:42" x14ac:dyDescent="0.3">
      <c r="B523">
        <v>64.695170542889642</v>
      </c>
      <c r="C523" s="83">
        <v>43122.708333333336</v>
      </c>
      <c r="D523">
        <v>285857.14760000003</v>
      </c>
      <c r="E523">
        <v>38985.11004</v>
      </c>
      <c r="F523">
        <v>90823.375220000002</v>
      </c>
      <c r="G523">
        <v>80829.900330000004</v>
      </c>
      <c r="H523">
        <v>56178.99379</v>
      </c>
      <c r="I523">
        <v>48678.806790000002</v>
      </c>
      <c r="J523">
        <v>39744.917970000002</v>
      </c>
      <c r="K523">
        <v>55991.92353</v>
      </c>
      <c r="L523">
        <v>28930.34909</v>
      </c>
      <c r="M523">
        <v>329846.1495</v>
      </c>
      <c r="N523">
        <v>94788.5965</v>
      </c>
      <c r="O523">
        <v>32402.019939999998</v>
      </c>
      <c r="P523">
        <v>39886.191599999998</v>
      </c>
      <c r="Q523">
        <v>88299.81796</v>
      </c>
      <c r="R523">
        <v>26591.773089999999</v>
      </c>
      <c r="S523">
        <v>113885.9445</v>
      </c>
      <c r="T523">
        <v>41525.206810000003</v>
      </c>
      <c r="U523">
        <v>25883.768540000001</v>
      </c>
      <c r="W523" s="83">
        <f>Bühler!N555</f>
        <v>45313.70833333207</v>
      </c>
      <c r="X523" s="83">
        <v>43122.708333333336</v>
      </c>
      <c r="Y523">
        <v>285857.14760000003</v>
      </c>
      <c r="Z523">
        <v>38985.11004</v>
      </c>
      <c r="AA523">
        <v>90823.375220000002</v>
      </c>
      <c r="AB523">
        <v>80829.900330000004</v>
      </c>
      <c r="AC523">
        <v>56178.99379</v>
      </c>
      <c r="AD523">
        <v>48678.806790000002</v>
      </c>
      <c r="AE523">
        <v>39744.917970000002</v>
      </c>
      <c r="AF523">
        <v>55991.92353</v>
      </c>
      <c r="AG523">
        <v>28930.34909</v>
      </c>
      <c r="AH523">
        <v>329846.1495</v>
      </c>
      <c r="AI523">
        <v>94788.5965</v>
      </c>
      <c r="AJ523">
        <v>32402.019939999998</v>
      </c>
      <c r="AK523">
        <v>39886.191599999998</v>
      </c>
      <c r="AL523">
        <v>88299.81796</v>
      </c>
      <c r="AM523">
        <v>26591.773089999999</v>
      </c>
      <c r="AN523">
        <v>113885.9445</v>
      </c>
      <c r="AO523">
        <v>41525.206810000003</v>
      </c>
      <c r="AP523">
        <v>25883.768540000001</v>
      </c>
    </row>
    <row r="524" spans="2:42" x14ac:dyDescent="0.3">
      <c r="B524">
        <v>63.688456257504896</v>
      </c>
      <c r="C524" s="83">
        <v>43122.75</v>
      </c>
      <c r="D524">
        <v>278657.89760000003</v>
      </c>
      <c r="E524">
        <v>35842.882989999998</v>
      </c>
      <c r="F524">
        <v>88717.193249999997</v>
      </c>
      <c r="G524">
        <v>69269.622730000003</v>
      </c>
      <c r="H524">
        <v>54220.696530000001</v>
      </c>
      <c r="I524">
        <v>46043.850380000003</v>
      </c>
      <c r="J524">
        <v>40988.663229999998</v>
      </c>
      <c r="K524">
        <v>49360.430950000002</v>
      </c>
      <c r="L524">
        <v>30290.913100000002</v>
      </c>
      <c r="M524">
        <v>324713.45059999998</v>
      </c>
      <c r="N524">
        <v>91335.383260000002</v>
      </c>
      <c r="O524">
        <v>30256.71644</v>
      </c>
      <c r="P524">
        <v>42945.156080000001</v>
      </c>
      <c r="Q524">
        <v>86720.055179999996</v>
      </c>
      <c r="R524">
        <v>23105.17887</v>
      </c>
      <c r="S524">
        <v>107938.6395</v>
      </c>
      <c r="T524">
        <v>41416.139080000001</v>
      </c>
      <c r="U524">
        <v>23869.80445</v>
      </c>
      <c r="W524" s="83">
        <f>Bühler!N556</f>
        <v>45313.749999998734</v>
      </c>
      <c r="X524" s="83">
        <v>43122.75</v>
      </c>
      <c r="Y524">
        <v>278657.89760000003</v>
      </c>
      <c r="Z524">
        <v>35842.882989999998</v>
      </c>
      <c r="AA524">
        <v>88717.193249999997</v>
      </c>
      <c r="AB524">
        <v>69269.622730000003</v>
      </c>
      <c r="AC524">
        <v>54220.696530000001</v>
      </c>
      <c r="AD524">
        <v>46043.850380000003</v>
      </c>
      <c r="AE524">
        <v>40988.663229999998</v>
      </c>
      <c r="AF524">
        <v>49360.430950000002</v>
      </c>
      <c r="AG524">
        <v>30290.913100000002</v>
      </c>
      <c r="AH524">
        <v>324713.45059999998</v>
      </c>
      <c r="AI524">
        <v>91335.383260000002</v>
      </c>
      <c r="AJ524">
        <v>30256.71644</v>
      </c>
      <c r="AK524">
        <v>42945.156080000001</v>
      </c>
      <c r="AL524">
        <v>86720.055179999996</v>
      </c>
      <c r="AM524">
        <v>23105.17887</v>
      </c>
      <c r="AN524">
        <v>107938.6395</v>
      </c>
      <c r="AO524">
        <v>41416.139080000001</v>
      </c>
      <c r="AP524">
        <v>23869.80445</v>
      </c>
    </row>
    <row r="525" spans="2:42" x14ac:dyDescent="0.3">
      <c r="B525">
        <v>63.164027493898622</v>
      </c>
      <c r="C525" s="83">
        <v>43122.791666666664</v>
      </c>
      <c r="D525">
        <v>271293.90830000001</v>
      </c>
      <c r="E525">
        <v>29569.648519999999</v>
      </c>
      <c r="F525">
        <v>76541.565839999996</v>
      </c>
      <c r="G525">
        <v>62253.288399999998</v>
      </c>
      <c r="H525">
        <v>50873.834649999997</v>
      </c>
      <c r="I525">
        <v>43388.273639999999</v>
      </c>
      <c r="J525">
        <v>40488.301379999997</v>
      </c>
      <c r="K525">
        <v>49105.479480000002</v>
      </c>
      <c r="L525">
        <v>30557.781889999998</v>
      </c>
      <c r="M525">
        <v>322039.66820000001</v>
      </c>
      <c r="N525">
        <v>90728.191579999999</v>
      </c>
      <c r="O525">
        <v>28583.936860000002</v>
      </c>
      <c r="P525">
        <v>43739.02448</v>
      </c>
      <c r="Q525">
        <v>85644.192790000001</v>
      </c>
      <c r="R525">
        <v>22114.443599999999</v>
      </c>
      <c r="S525">
        <v>102722.85030000001</v>
      </c>
      <c r="T525">
        <v>39908.539149999997</v>
      </c>
      <c r="U525">
        <v>22085.92267</v>
      </c>
      <c r="W525" s="83">
        <f>Bühler!N557</f>
        <v>45313.791666665398</v>
      </c>
      <c r="X525" s="83">
        <v>43122.791666666664</v>
      </c>
      <c r="Y525">
        <v>271293.90830000001</v>
      </c>
      <c r="Z525">
        <v>29569.648519999999</v>
      </c>
      <c r="AA525">
        <v>76541.565839999996</v>
      </c>
      <c r="AB525">
        <v>62253.288399999998</v>
      </c>
      <c r="AC525">
        <v>50873.834649999997</v>
      </c>
      <c r="AD525">
        <v>43388.273639999999</v>
      </c>
      <c r="AE525">
        <v>40488.301379999997</v>
      </c>
      <c r="AF525">
        <v>49105.479480000002</v>
      </c>
      <c r="AG525">
        <v>30557.781889999998</v>
      </c>
      <c r="AH525">
        <v>322039.66820000001</v>
      </c>
      <c r="AI525">
        <v>90728.191579999999</v>
      </c>
      <c r="AJ525">
        <v>28583.936860000002</v>
      </c>
      <c r="AK525">
        <v>43739.02448</v>
      </c>
      <c r="AL525">
        <v>85644.192790000001</v>
      </c>
      <c r="AM525">
        <v>22114.443599999999</v>
      </c>
      <c r="AN525">
        <v>102722.85030000001</v>
      </c>
      <c r="AO525">
        <v>39908.539149999997</v>
      </c>
      <c r="AP525">
        <v>22085.92267</v>
      </c>
    </row>
    <row r="526" spans="2:42" x14ac:dyDescent="0.3">
      <c r="B526">
        <v>62.292223405790217</v>
      </c>
      <c r="C526" s="83">
        <v>43122.833333333336</v>
      </c>
      <c r="D526">
        <v>262444.6802</v>
      </c>
      <c r="E526">
        <v>23159.632829999999</v>
      </c>
      <c r="F526">
        <v>60187.117449999998</v>
      </c>
      <c r="G526">
        <v>55350.897550000002</v>
      </c>
      <c r="H526">
        <v>47773.937859999998</v>
      </c>
      <c r="I526">
        <v>38780.511290000002</v>
      </c>
      <c r="J526">
        <v>39326.25836</v>
      </c>
      <c r="K526">
        <v>55146.438249999999</v>
      </c>
      <c r="L526">
        <v>29379.31277</v>
      </c>
      <c r="M526">
        <v>317594.80440000002</v>
      </c>
      <c r="N526">
        <v>89456.140870000003</v>
      </c>
      <c r="O526">
        <v>27610.900850000002</v>
      </c>
      <c r="P526">
        <v>44503.813580000002</v>
      </c>
      <c r="Q526">
        <v>83270.002789999999</v>
      </c>
      <c r="R526">
        <v>22961.388780000001</v>
      </c>
      <c r="S526">
        <v>93604.657519999993</v>
      </c>
      <c r="T526">
        <v>38151.220520000003</v>
      </c>
      <c r="U526">
        <v>20666.479050000002</v>
      </c>
      <c r="W526" s="83">
        <f>Bühler!N558</f>
        <v>45313.833333332062</v>
      </c>
      <c r="X526" s="83">
        <v>43122.833333333336</v>
      </c>
      <c r="Y526">
        <v>262444.6802</v>
      </c>
      <c r="Z526">
        <v>23159.632829999999</v>
      </c>
      <c r="AA526">
        <v>60187.117449999998</v>
      </c>
      <c r="AB526">
        <v>55350.897550000002</v>
      </c>
      <c r="AC526">
        <v>47773.937859999998</v>
      </c>
      <c r="AD526">
        <v>38780.511290000002</v>
      </c>
      <c r="AE526">
        <v>39326.25836</v>
      </c>
      <c r="AF526">
        <v>55146.438249999999</v>
      </c>
      <c r="AG526">
        <v>29379.31277</v>
      </c>
      <c r="AH526">
        <v>317594.80440000002</v>
      </c>
      <c r="AI526">
        <v>89456.140870000003</v>
      </c>
      <c r="AJ526">
        <v>27610.900850000002</v>
      </c>
      <c r="AK526">
        <v>44503.813580000002</v>
      </c>
      <c r="AL526">
        <v>83270.002789999999</v>
      </c>
      <c r="AM526">
        <v>22961.388780000001</v>
      </c>
      <c r="AN526">
        <v>93604.657519999993</v>
      </c>
      <c r="AO526">
        <v>38151.220520000003</v>
      </c>
      <c r="AP526">
        <v>20666.479050000002</v>
      </c>
    </row>
    <row r="527" spans="2:42" x14ac:dyDescent="0.3">
      <c r="B527">
        <v>60.662266818332881</v>
      </c>
      <c r="C527" s="83">
        <v>43122.875</v>
      </c>
      <c r="D527">
        <v>252828.39910000001</v>
      </c>
      <c r="E527">
        <v>20215.707050000001</v>
      </c>
      <c r="F527">
        <v>52625.29365</v>
      </c>
      <c r="G527">
        <v>51669.002670000002</v>
      </c>
      <c r="H527">
        <v>45037.441619999998</v>
      </c>
      <c r="I527">
        <v>34318.647100000002</v>
      </c>
      <c r="J527">
        <v>37254.691099999996</v>
      </c>
      <c r="K527">
        <v>52743.191050000001</v>
      </c>
      <c r="L527">
        <v>27131.51499</v>
      </c>
      <c r="M527">
        <v>309284.52559999999</v>
      </c>
      <c r="N527">
        <v>87764.487599999993</v>
      </c>
      <c r="O527">
        <v>26824.784729999999</v>
      </c>
      <c r="P527">
        <v>42178.7359</v>
      </c>
      <c r="Q527">
        <v>81297.103940000001</v>
      </c>
      <c r="R527">
        <v>21463.643540000001</v>
      </c>
      <c r="S527">
        <v>88149.796239999996</v>
      </c>
      <c r="T527">
        <v>35493.499109999997</v>
      </c>
      <c r="U527">
        <v>19304.375629999999</v>
      </c>
      <c r="W527" s="83">
        <f>Bühler!N559</f>
        <v>45313.874999998727</v>
      </c>
      <c r="X527" s="83">
        <v>43122.875</v>
      </c>
      <c r="Y527">
        <v>252828.39910000001</v>
      </c>
      <c r="Z527">
        <v>20215.707050000001</v>
      </c>
      <c r="AA527">
        <v>52625.29365</v>
      </c>
      <c r="AB527">
        <v>51669.002670000002</v>
      </c>
      <c r="AC527">
        <v>45037.441619999998</v>
      </c>
      <c r="AD527">
        <v>34318.647100000002</v>
      </c>
      <c r="AE527">
        <v>37254.691099999996</v>
      </c>
      <c r="AF527">
        <v>52743.191050000001</v>
      </c>
      <c r="AG527">
        <v>27131.51499</v>
      </c>
      <c r="AH527">
        <v>309284.52559999999</v>
      </c>
      <c r="AI527">
        <v>87764.487599999993</v>
      </c>
      <c r="AJ527">
        <v>26824.784729999999</v>
      </c>
      <c r="AK527">
        <v>42178.7359</v>
      </c>
      <c r="AL527">
        <v>81297.103940000001</v>
      </c>
      <c r="AM527">
        <v>21463.643540000001</v>
      </c>
      <c r="AN527">
        <v>88149.796239999996</v>
      </c>
      <c r="AO527">
        <v>35493.499109999997</v>
      </c>
      <c r="AP527">
        <v>19304.375629999999</v>
      </c>
    </row>
    <row r="528" spans="2:42" x14ac:dyDescent="0.3">
      <c r="B528">
        <v>60.908216917028454</v>
      </c>
      <c r="C528" s="83">
        <v>43122.916666666664</v>
      </c>
      <c r="D528">
        <v>251151.83129999999</v>
      </c>
      <c r="E528">
        <v>20018.588179999999</v>
      </c>
      <c r="F528">
        <v>50620.762060000001</v>
      </c>
      <c r="G528">
        <v>49374.013250000004</v>
      </c>
      <c r="H528">
        <v>44396.506450000001</v>
      </c>
      <c r="I528">
        <v>33079.751730000004</v>
      </c>
      <c r="J528">
        <v>36513.58324</v>
      </c>
      <c r="K528">
        <v>55450.318910000002</v>
      </c>
      <c r="L528">
        <v>24806.39358</v>
      </c>
      <c r="M528">
        <v>310538.4939</v>
      </c>
      <c r="N528">
        <v>87423.84564</v>
      </c>
      <c r="O528">
        <v>28345.492460000001</v>
      </c>
      <c r="P528">
        <v>44132.340819999998</v>
      </c>
      <c r="Q528">
        <v>80691.404840000003</v>
      </c>
      <c r="R528">
        <v>30976.77794</v>
      </c>
      <c r="S528">
        <v>86880.627559999994</v>
      </c>
      <c r="T528">
        <v>31156.72219</v>
      </c>
      <c r="U528">
        <v>20664.822830000001</v>
      </c>
      <c r="W528" s="83">
        <f>Bühler!N560</f>
        <v>45313.916666665391</v>
      </c>
      <c r="X528" s="83">
        <v>43122.916666666664</v>
      </c>
      <c r="Y528">
        <v>251151.83129999999</v>
      </c>
      <c r="Z528">
        <v>20018.588179999999</v>
      </c>
      <c r="AA528">
        <v>50620.762060000001</v>
      </c>
      <c r="AB528">
        <v>49374.013250000004</v>
      </c>
      <c r="AC528">
        <v>44396.506450000001</v>
      </c>
      <c r="AD528">
        <v>33079.751730000004</v>
      </c>
      <c r="AE528">
        <v>36513.58324</v>
      </c>
      <c r="AF528">
        <v>55450.318910000002</v>
      </c>
      <c r="AG528">
        <v>24806.39358</v>
      </c>
      <c r="AH528">
        <v>310538.4939</v>
      </c>
      <c r="AI528">
        <v>87423.84564</v>
      </c>
      <c r="AJ528">
        <v>28345.492460000001</v>
      </c>
      <c r="AK528">
        <v>44132.340819999998</v>
      </c>
      <c r="AL528">
        <v>80691.404840000003</v>
      </c>
      <c r="AM528">
        <v>30976.77794</v>
      </c>
      <c r="AN528">
        <v>86880.627559999994</v>
      </c>
      <c r="AO528">
        <v>31156.72219</v>
      </c>
      <c r="AP528">
        <v>20664.822830000001</v>
      </c>
    </row>
    <row r="529" spans="2:42" x14ac:dyDescent="0.3">
      <c r="B529">
        <v>59.995075888384484</v>
      </c>
      <c r="C529" s="83">
        <v>43122.958333333336</v>
      </c>
      <c r="D529">
        <v>251254.20790000001</v>
      </c>
      <c r="E529">
        <v>19773.33843</v>
      </c>
      <c r="F529">
        <v>49408.98921</v>
      </c>
      <c r="G529">
        <v>48604.354249999997</v>
      </c>
      <c r="H529">
        <v>43399.231189999999</v>
      </c>
      <c r="I529">
        <v>31756.84275</v>
      </c>
      <c r="J529">
        <v>34273.229599999999</v>
      </c>
      <c r="K529">
        <v>53998.085400000004</v>
      </c>
      <c r="L529">
        <v>22012.54103</v>
      </c>
      <c r="M529">
        <v>305882.8751</v>
      </c>
      <c r="N529">
        <v>86999.151540000006</v>
      </c>
      <c r="O529">
        <v>28088.815879999998</v>
      </c>
      <c r="P529">
        <v>39349.881730000001</v>
      </c>
      <c r="Q529">
        <v>80805.430269999997</v>
      </c>
      <c r="R529">
        <v>32346.473239999999</v>
      </c>
      <c r="S529">
        <v>85413.557799999995</v>
      </c>
      <c r="T529">
        <v>31540.006850000002</v>
      </c>
      <c r="U529">
        <v>20195.503580000001</v>
      </c>
      <c r="W529" s="83">
        <f>Bühler!N561</f>
        <v>45313.958333332055</v>
      </c>
      <c r="X529" s="83">
        <v>43122.958333333336</v>
      </c>
      <c r="Y529">
        <v>251254.20790000001</v>
      </c>
      <c r="Z529">
        <v>19773.33843</v>
      </c>
      <c r="AA529">
        <v>49408.98921</v>
      </c>
      <c r="AB529">
        <v>48604.354249999997</v>
      </c>
      <c r="AC529">
        <v>43399.231189999999</v>
      </c>
      <c r="AD529">
        <v>31756.84275</v>
      </c>
      <c r="AE529">
        <v>34273.229599999999</v>
      </c>
      <c r="AF529">
        <v>53998.085400000004</v>
      </c>
      <c r="AG529">
        <v>22012.54103</v>
      </c>
      <c r="AH529">
        <v>305882.8751</v>
      </c>
      <c r="AI529">
        <v>86999.151540000006</v>
      </c>
      <c r="AJ529">
        <v>28088.815879999998</v>
      </c>
      <c r="AK529">
        <v>39349.881730000001</v>
      </c>
      <c r="AL529">
        <v>80805.430269999997</v>
      </c>
      <c r="AM529">
        <v>32346.473239999999</v>
      </c>
      <c r="AN529">
        <v>85413.557799999995</v>
      </c>
      <c r="AO529">
        <v>31540.006850000002</v>
      </c>
      <c r="AP529">
        <v>20195.503580000001</v>
      </c>
    </row>
    <row r="530" spans="2:42" x14ac:dyDescent="0.3">
      <c r="B530">
        <v>59.329990532795108</v>
      </c>
      <c r="C530" s="83">
        <v>43123</v>
      </c>
      <c r="D530">
        <v>251354.8321</v>
      </c>
      <c r="E530">
        <v>19221.869350000001</v>
      </c>
      <c r="F530">
        <v>49168.385649999997</v>
      </c>
      <c r="G530">
        <v>47869.156880000002</v>
      </c>
      <c r="H530">
        <v>42615.190699999999</v>
      </c>
      <c r="I530">
        <v>29441.515350000001</v>
      </c>
      <c r="J530">
        <v>32205.632180000001</v>
      </c>
      <c r="K530">
        <v>53716.219539999998</v>
      </c>
      <c r="L530">
        <v>20312.933420000001</v>
      </c>
      <c r="M530">
        <v>302491.95980000001</v>
      </c>
      <c r="N530">
        <v>85278.203989999995</v>
      </c>
      <c r="O530">
        <v>28085.21831</v>
      </c>
      <c r="P530">
        <v>37535.599009999998</v>
      </c>
      <c r="Q530">
        <v>81003.965129999997</v>
      </c>
      <c r="R530">
        <v>30006.517930000002</v>
      </c>
      <c r="S530">
        <v>84778.248540000001</v>
      </c>
      <c r="T530">
        <v>30420.029409999999</v>
      </c>
      <c r="U530">
        <v>19704.521530000002</v>
      </c>
      <c r="W530" s="83">
        <f>Bühler!N562</f>
        <v>45313.999999998719</v>
      </c>
      <c r="X530" s="83">
        <v>43123</v>
      </c>
      <c r="Y530">
        <v>251354.8321</v>
      </c>
      <c r="Z530">
        <v>19221.869350000001</v>
      </c>
      <c r="AA530">
        <v>49168.385649999997</v>
      </c>
      <c r="AB530">
        <v>47869.156880000002</v>
      </c>
      <c r="AC530">
        <v>42615.190699999999</v>
      </c>
      <c r="AD530">
        <v>29441.515350000001</v>
      </c>
      <c r="AE530">
        <v>32205.632180000001</v>
      </c>
      <c r="AF530">
        <v>53716.219539999998</v>
      </c>
      <c r="AG530">
        <v>20312.933420000001</v>
      </c>
      <c r="AH530">
        <v>302491.95980000001</v>
      </c>
      <c r="AI530">
        <v>85278.203989999995</v>
      </c>
      <c r="AJ530">
        <v>28085.21831</v>
      </c>
      <c r="AK530">
        <v>37535.599009999998</v>
      </c>
      <c r="AL530">
        <v>81003.965129999997</v>
      </c>
      <c r="AM530">
        <v>30006.517930000002</v>
      </c>
      <c r="AN530">
        <v>84778.248540000001</v>
      </c>
      <c r="AO530">
        <v>30420.029409999999</v>
      </c>
      <c r="AP530">
        <v>19704.521530000002</v>
      </c>
    </row>
    <row r="531" spans="2:42" x14ac:dyDescent="0.3">
      <c r="B531">
        <v>60.222257225342311</v>
      </c>
      <c r="C531" s="83">
        <v>43123.041666666664</v>
      </c>
      <c r="D531">
        <v>250259.6244</v>
      </c>
      <c r="E531">
        <v>19365.532340000002</v>
      </c>
      <c r="F531">
        <v>50820.512020000002</v>
      </c>
      <c r="G531">
        <v>47340.924830000004</v>
      </c>
      <c r="H531">
        <v>42759.01844</v>
      </c>
      <c r="I531">
        <v>24529.774689999998</v>
      </c>
      <c r="J531">
        <v>34649.546320000001</v>
      </c>
      <c r="K531">
        <v>51319.670899999997</v>
      </c>
      <c r="L531">
        <v>19835.766879999999</v>
      </c>
      <c r="M531">
        <v>307041.15149999998</v>
      </c>
      <c r="N531">
        <v>87439.361910000007</v>
      </c>
      <c r="O531">
        <v>27651.74612</v>
      </c>
      <c r="P531">
        <v>36413.428829999997</v>
      </c>
      <c r="Q531">
        <v>82551.242859999998</v>
      </c>
      <c r="R531">
        <v>27457.188010000002</v>
      </c>
      <c r="S531">
        <v>84786.826289999997</v>
      </c>
      <c r="T531">
        <v>30002.12817</v>
      </c>
      <c r="U531">
        <v>20201.784660000001</v>
      </c>
      <c r="W531" s="83">
        <f>Bühler!N563</f>
        <v>45314.041666665384</v>
      </c>
      <c r="X531" s="83">
        <v>43123.041666666664</v>
      </c>
      <c r="Y531">
        <v>250259.6244</v>
      </c>
      <c r="Z531">
        <v>19365.532340000002</v>
      </c>
      <c r="AA531">
        <v>50820.512020000002</v>
      </c>
      <c r="AB531">
        <v>47340.924830000004</v>
      </c>
      <c r="AC531">
        <v>42759.01844</v>
      </c>
      <c r="AD531">
        <v>24529.774689999998</v>
      </c>
      <c r="AE531">
        <v>34649.546320000001</v>
      </c>
      <c r="AF531">
        <v>51319.670899999997</v>
      </c>
      <c r="AG531">
        <v>19835.766879999999</v>
      </c>
      <c r="AH531">
        <v>307041.15149999998</v>
      </c>
      <c r="AI531">
        <v>87439.361910000007</v>
      </c>
      <c r="AJ531">
        <v>27651.74612</v>
      </c>
      <c r="AK531">
        <v>36413.428829999997</v>
      </c>
      <c r="AL531">
        <v>82551.242859999998</v>
      </c>
      <c r="AM531">
        <v>27457.188010000002</v>
      </c>
      <c r="AN531">
        <v>84786.826289999997</v>
      </c>
      <c r="AO531">
        <v>30002.12817</v>
      </c>
      <c r="AP531">
        <v>20201.784660000001</v>
      </c>
    </row>
    <row r="532" spans="2:42" x14ac:dyDescent="0.3">
      <c r="B532">
        <v>60.969145808025281</v>
      </c>
      <c r="C532" s="83">
        <v>43123.083333333336</v>
      </c>
      <c r="D532">
        <v>250923.0281</v>
      </c>
      <c r="E532">
        <v>19379.16388</v>
      </c>
      <c r="F532">
        <v>51838.782520000001</v>
      </c>
      <c r="G532">
        <v>47057.406040000002</v>
      </c>
      <c r="H532">
        <v>42548.451220000003</v>
      </c>
      <c r="I532">
        <v>22815.84765</v>
      </c>
      <c r="J532">
        <v>34765.737059999999</v>
      </c>
      <c r="K532">
        <v>50685.955119999999</v>
      </c>
      <c r="L532">
        <v>19429.226490000001</v>
      </c>
      <c r="M532">
        <v>310849.13780000003</v>
      </c>
      <c r="N532">
        <v>87731.529370000004</v>
      </c>
      <c r="O532">
        <v>27511.84202</v>
      </c>
      <c r="P532">
        <v>35751.084450000002</v>
      </c>
      <c r="Q532">
        <v>84313.257880000005</v>
      </c>
      <c r="R532">
        <v>28567.31799</v>
      </c>
      <c r="S532">
        <v>84640.090989999997</v>
      </c>
      <c r="T532">
        <v>29645.425070000001</v>
      </c>
      <c r="U532">
        <v>20613.190930000001</v>
      </c>
      <c r="W532" s="83">
        <f>Bühler!N564</f>
        <v>45314.083333332048</v>
      </c>
      <c r="X532" s="83">
        <v>43123.083333333336</v>
      </c>
      <c r="Y532">
        <v>250923.0281</v>
      </c>
      <c r="Z532">
        <v>19379.16388</v>
      </c>
      <c r="AA532">
        <v>51838.782520000001</v>
      </c>
      <c r="AB532">
        <v>47057.406040000002</v>
      </c>
      <c r="AC532">
        <v>42548.451220000003</v>
      </c>
      <c r="AD532">
        <v>22815.84765</v>
      </c>
      <c r="AE532">
        <v>34765.737059999999</v>
      </c>
      <c r="AF532">
        <v>50685.955119999999</v>
      </c>
      <c r="AG532">
        <v>19429.226490000001</v>
      </c>
      <c r="AH532">
        <v>310849.13780000003</v>
      </c>
      <c r="AI532">
        <v>87731.529370000004</v>
      </c>
      <c r="AJ532">
        <v>27511.84202</v>
      </c>
      <c r="AK532">
        <v>35751.084450000002</v>
      </c>
      <c r="AL532">
        <v>84313.257880000005</v>
      </c>
      <c r="AM532">
        <v>28567.31799</v>
      </c>
      <c r="AN532">
        <v>84640.090989999997</v>
      </c>
      <c r="AO532">
        <v>29645.425070000001</v>
      </c>
      <c r="AP532">
        <v>20613.190930000001</v>
      </c>
    </row>
    <row r="533" spans="2:42" x14ac:dyDescent="0.3">
      <c r="B533">
        <v>61.61730980055885</v>
      </c>
      <c r="C533" s="83">
        <v>43123.125</v>
      </c>
      <c r="D533">
        <v>252622.33429999999</v>
      </c>
      <c r="E533">
        <v>19391.512330000001</v>
      </c>
      <c r="F533">
        <v>52467.60527</v>
      </c>
      <c r="G533">
        <v>46469.029260000003</v>
      </c>
      <c r="H533">
        <v>42901.126049999999</v>
      </c>
      <c r="I533">
        <v>22769.668829999999</v>
      </c>
      <c r="J533">
        <v>35867.085030000002</v>
      </c>
      <c r="K533">
        <v>49039.602189999998</v>
      </c>
      <c r="L533">
        <v>19069.74279</v>
      </c>
      <c r="M533">
        <v>314153.78009999997</v>
      </c>
      <c r="N533">
        <v>87180.877959999998</v>
      </c>
      <c r="O533">
        <v>27771.389469999998</v>
      </c>
      <c r="P533">
        <v>35083.78112</v>
      </c>
      <c r="Q533">
        <v>87438.06538</v>
      </c>
      <c r="R533">
        <v>28103.194039999998</v>
      </c>
      <c r="S533">
        <v>84078.992840000006</v>
      </c>
      <c r="T533">
        <v>29792.01441</v>
      </c>
      <c r="U533">
        <v>20218.12283</v>
      </c>
      <c r="W533" s="83">
        <f>Bühler!N565</f>
        <v>45314.124999998712</v>
      </c>
      <c r="X533" s="83">
        <v>43123.125</v>
      </c>
      <c r="Y533">
        <v>252622.33429999999</v>
      </c>
      <c r="Z533">
        <v>19391.512330000001</v>
      </c>
      <c r="AA533">
        <v>52467.60527</v>
      </c>
      <c r="AB533">
        <v>46469.029260000003</v>
      </c>
      <c r="AC533">
        <v>42901.126049999999</v>
      </c>
      <c r="AD533">
        <v>22769.668829999999</v>
      </c>
      <c r="AE533">
        <v>35867.085030000002</v>
      </c>
      <c r="AF533">
        <v>49039.602189999998</v>
      </c>
      <c r="AG533">
        <v>19069.74279</v>
      </c>
      <c r="AH533">
        <v>314153.78009999997</v>
      </c>
      <c r="AI533">
        <v>87180.877959999998</v>
      </c>
      <c r="AJ533">
        <v>27771.389469999998</v>
      </c>
      <c r="AK533">
        <v>35083.78112</v>
      </c>
      <c r="AL533">
        <v>87438.06538</v>
      </c>
      <c r="AM533">
        <v>28103.194039999998</v>
      </c>
      <c r="AN533">
        <v>84078.992840000006</v>
      </c>
      <c r="AO533">
        <v>29792.01441</v>
      </c>
      <c r="AP533">
        <v>20218.12283</v>
      </c>
    </row>
    <row r="534" spans="2:42" x14ac:dyDescent="0.3">
      <c r="B534">
        <v>63.079215852318946</v>
      </c>
      <c r="C534" s="83">
        <v>43123.166666666664</v>
      </c>
      <c r="D534">
        <v>255208.8916</v>
      </c>
      <c r="E534">
        <v>20000.994859999999</v>
      </c>
      <c r="F534">
        <v>56249.054819999998</v>
      </c>
      <c r="G534">
        <v>46212.908069999998</v>
      </c>
      <c r="H534">
        <v>43714.276339999997</v>
      </c>
      <c r="I534">
        <v>26717.951420000001</v>
      </c>
      <c r="J534">
        <v>38351.761630000001</v>
      </c>
      <c r="K534">
        <v>47893.137970000003</v>
      </c>
      <c r="L534">
        <v>19747.40566</v>
      </c>
      <c r="M534">
        <v>321607.25890000002</v>
      </c>
      <c r="N534">
        <v>86871.694029999999</v>
      </c>
      <c r="O534">
        <v>28439.335040000002</v>
      </c>
      <c r="P534">
        <v>35589.859920000003</v>
      </c>
      <c r="Q534">
        <v>92865.899720000001</v>
      </c>
      <c r="R534">
        <v>27817.988079999999</v>
      </c>
      <c r="S534">
        <v>85069.06508</v>
      </c>
      <c r="T534">
        <v>29786.652839999999</v>
      </c>
      <c r="U534">
        <v>20879.841240000002</v>
      </c>
      <c r="W534" s="83">
        <f>Bühler!N566</f>
        <v>45314.166666665376</v>
      </c>
      <c r="X534" s="83">
        <v>43123.166666666664</v>
      </c>
      <c r="Y534">
        <v>255208.8916</v>
      </c>
      <c r="Z534">
        <v>20000.994859999999</v>
      </c>
      <c r="AA534">
        <v>56249.054819999998</v>
      </c>
      <c r="AB534">
        <v>46212.908069999998</v>
      </c>
      <c r="AC534">
        <v>43714.276339999997</v>
      </c>
      <c r="AD534">
        <v>26717.951420000001</v>
      </c>
      <c r="AE534">
        <v>38351.761630000001</v>
      </c>
      <c r="AF534">
        <v>47893.137970000003</v>
      </c>
      <c r="AG534">
        <v>19747.40566</v>
      </c>
      <c r="AH534">
        <v>321607.25890000002</v>
      </c>
      <c r="AI534">
        <v>86871.694029999999</v>
      </c>
      <c r="AJ534">
        <v>28439.335040000002</v>
      </c>
      <c r="AK534">
        <v>35589.859920000003</v>
      </c>
      <c r="AL534">
        <v>92865.899720000001</v>
      </c>
      <c r="AM534">
        <v>27817.988079999999</v>
      </c>
      <c r="AN534">
        <v>85069.06508</v>
      </c>
      <c r="AO534">
        <v>29786.652839999999</v>
      </c>
      <c r="AP534">
        <v>20879.841240000002</v>
      </c>
    </row>
    <row r="535" spans="2:42" x14ac:dyDescent="0.3">
      <c r="B535">
        <v>66.308612399376386</v>
      </c>
      <c r="C535" s="83">
        <v>43123.208333333336</v>
      </c>
      <c r="D535">
        <v>269643.08529999998</v>
      </c>
      <c r="E535">
        <v>21980.86937</v>
      </c>
      <c r="F535">
        <v>66218.839139999996</v>
      </c>
      <c r="G535">
        <v>49367.910609999999</v>
      </c>
      <c r="H535">
        <v>46070.176500000001</v>
      </c>
      <c r="I535">
        <v>35327.497499999998</v>
      </c>
      <c r="J535">
        <v>40584.893020000003</v>
      </c>
      <c r="K535">
        <v>48585.485439999997</v>
      </c>
      <c r="L535">
        <v>20569.63078</v>
      </c>
      <c r="M535">
        <v>338072.22850000003</v>
      </c>
      <c r="N535">
        <v>88237.830900000001</v>
      </c>
      <c r="O535">
        <v>28888.213650000002</v>
      </c>
      <c r="P535">
        <v>36831.606599999999</v>
      </c>
      <c r="Q535">
        <v>95013.467369999998</v>
      </c>
      <c r="R535">
        <v>29694.9094</v>
      </c>
      <c r="S535">
        <v>87607.41605</v>
      </c>
      <c r="T535">
        <v>31357.429530000001</v>
      </c>
      <c r="U535">
        <v>22894.491979999999</v>
      </c>
      <c r="W535" s="83">
        <f>Bühler!N567</f>
        <v>45314.208333332041</v>
      </c>
      <c r="X535" s="83">
        <v>43123.208333333336</v>
      </c>
      <c r="Y535">
        <v>269643.08529999998</v>
      </c>
      <c r="Z535">
        <v>21980.86937</v>
      </c>
      <c r="AA535">
        <v>66218.839139999996</v>
      </c>
      <c r="AB535">
        <v>49367.910609999999</v>
      </c>
      <c r="AC535">
        <v>46070.176500000001</v>
      </c>
      <c r="AD535">
        <v>35327.497499999998</v>
      </c>
      <c r="AE535">
        <v>40584.893020000003</v>
      </c>
      <c r="AF535">
        <v>48585.485439999997</v>
      </c>
      <c r="AG535">
        <v>20569.63078</v>
      </c>
      <c r="AH535">
        <v>338072.22850000003</v>
      </c>
      <c r="AI535">
        <v>88237.830900000001</v>
      </c>
      <c r="AJ535">
        <v>28888.213650000002</v>
      </c>
      <c r="AK535">
        <v>36831.606599999999</v>
      </c>
      <c r="AL535">
        <v>95013.467369999998</v>
      </c>
      <c r="AM535">
        <v>29694.9094</v>
      </c>
      <c r="AN535">
        <v>87607.41605</v>
      </c>
      <c r="AO535">
        <v>31357.429530000001</v>
      </c>
      <c r="AP535">
        <v>22894.491979999999</v>
      </c>
    </row>
    <row r="536" spans="2:42" x14ac:dyDescent="0.3">
      <c r="B536">
        <v>69.265846749621574</v>
      </c>
      <c r="C536" s="83">
        <v>43123.25</v>
      </c>
      <c r="D536">
        <v>286304.70870000002</v>
      </c>
      <c r="E536">
        <v>25603.796620000001</v>
      </c>
      <c r="F536">
        <v>77280.642829999997</v>
      </c>
      <c r="G536">
        <v>64068.742619999997</v>
      </c>
      <c r="H536">
        <v>49339.047760000001</v>
      </c>
      <c r="I536">
        <v>43585.921719999998</v>
      </c>
      <c r="J536">
        <v>43566.558969999998</v>
      </c>
      <c r="K536">
        <v>49665.99123</v>
      </c>
      <c r="L536">
        <v>22438.326690000002</v>
      </c>
      <c r="M536">
        <v>353149.5883</v>
      </c>
      <c r="N536">
        <v>89424.025370000003</v>
      </c>
      <c r="O536">
        <v>30145.507160000001</v>
      </c>
      <c r="P536">
        <v>36469.537839999997</v>
      </c>
      <c r="Q536">
        <v>96424.717009999993</v>
      </c>
      <c r="R536">
        <v>21535.262920000001</v>
      </c>
      <c r="S536">
        <v>95004.863280000005</v>
      </c>
      <c r="T536">
        <v>33969.693670000001</v>
      </c>
      <c r="U536">
        <v>23871.450669999998</v>
      </c>
      <c r="W536" s="83">
        <f>Bühler!N568</f>
        <v>45314.249999998705</v>
      </c>
      <c r="X536" s="83">
        <v>43123.25</v>
      </c>
      <c r="Y536">
        <v>286304.70870000002</v>
      </c>
      <c r="Z536">
        <v>25603.796620000001</v>
      </c>
      <c r="AA536">
        <v>77280.642829999997</v>
      </c>
      <c r="AB536">
        <v>64068.742619999997</v>
      </c>
      <c r="AC536">
        <v>49339.047760000001</v>
      </c>
      <c r="AD536">
        <v>43585.921719999998</v>
      </c>
      <c r="AE536">
        <v>43566.558969999998</v>
      </c>
      <c r="AF536">
        <v>49665.99123</v>
      </c>
      <c r="AG536">
        <v>22438.326690000002</v>
      </c>
      <c r="AH536">
        <v>353149.5883</v>
      </c>
      <c r="AI536">
        <v>89424.025370000003</v>
      </c>
      <c r="AJ536">
        <v>30145.507160000001</v>
      </c>
      <c r="AK536">
        <v>36469.537839999997</v>
      </c>
      <c r="AL536">
        <v>96424.717009999993</v>
      </c>
      <c r="AM536">
        <v>21535.262920000001</v>
      </c>
      <c r="AN536">
        <v>95004.863280000005</v>
      </c>
      <c r="AO536">
        <v>33969.693670000001</v>
      </c>
      <c r="AP536">
        <v>23871.450669999998</v>
      </c>
    </row>
    <row r="537" spans="2:42" x14ac:dyDescent="0.3">
      <c r="B537">
        <v>69.464908238298719</v>
      </c>
      <c r="C537" s="83">
        <v>43123.291666666664</v>
      </c>
      <c r="D537">
        <v>300187.33399999997</v>
      </c>
      <c r="E537">
        <v>31684.13696</v>
      </c>
      <c r="F537">
        <v>78476.495649999997</v>
      </c>
      <c r="G537">
        <v>80041.779949999996</v>
      </c>
      <c r="H537">
        <v>55126.203309999997</v>
      </c>
      <c r="I537">
        <v>52466.341699999997</v>
      </c>
      <c r="J537">
        <v>42953.134660000003</v>
      </c>
      <c r="K537">
        <v>54901.430540000001</v>
      </c>
      <c r="L537">
        <v>25367.055639999999</v>
      </c>
      <c r="M537">
        <v>354164.49660000001</v>
      </c>
      <c r="N537">
        <v>94414.627699999997</v>
      </c>
      <c r="O537">
        <v>32123.431560000001</v>
      </c>
      <c r="P537">
        <v>39199.841220000002</v>
      </c>
      <c r="Q537">
        <v>97014.108540000001</v>
      </c>
      <c r="R537">
        <v>22857.743170000002</v>
      </c>
      <c r="S537">
        <v>108769.9123</v>
      </c>
      <c r="T537">
        <v>36392.649389999999</v>
      </c>
      <c r="U537">
        <v>28674.875380000001</v>
      </c>
      <c r="W537" s="83">
        <f>Bühler!N569</f>
        <v>45314.291666665369</v>
      </c>
      <c r="X537" s="83">
        <v>43123.291666666664</v>
      </c>
      <c r="Y537">
        <v>300187.33399999997</v>
      </c>
      <c r="Z537">
        <v>31684.13696</v>
      </c>
      <c r="AA537">
        <v>78476.495649999997</v>
      </c>
      <c r="AB537">
        <v>80041.779949999996</v>
      </c>
      <c r="AC537">
        <v>55126.203309999997</v>
      </c>
      <c r="AD537">
        <v>52466.341699999997</v>
      </c>
      <c r="AE537">
        <v>42953.134660000003</v>
      </c>
      <c r="AF537">
        <v>54901.430540000001</v>
      </c>
      <c r="AG537">
        <v>25367.055639999999</v>
      </c>
      <c r="AH537">
        <v>354164.49660000001</v>
      </c>
      <c r="AI537">
        <v>94414.627699999997</v>
      </c>
      <c r="AJ537">
        <v>32123.431560000001</v>
      </c>
      <c r="AK537">
        <v>39199.841220000002</v>
      </c>
      <c r="AL537">
        <v>97014.108540000001</v>
      </c>
      <c r="AM537">
        <v>22857.743170000002</v>
      </c>
      <c r="AN537">
        <v>108769.9123</v>
      </c>
      <c r="AO537">
        <v>36392.649389999999</v>
      </c>
      <c r="AP537">
        <v>28674.875380000001</v>
      </c>
    </row>
    <row r="538" spans="2:42" x14ac:dyDescent="0.3">
      <c r="B538">
        <v>70.197140276250749</v>
      </c>
      <c r="C538" s="83">
        <v>43123.333333333336</v>
      </c>
      <c r="D538">
        <v>312058.05940000003</v>
      </c>
      <c r="E538">
        <v>38417.891320000002</v>
      </c>
      <c r="F538">
        <v>86038.830669999996</v>
      </c>
      <c r="G538">
        <v>98857.943960000004</v>
      </c>
      <c r="H538">
        <v>61724.793850000002</v>
      </c>
      <c r="I538">
        <v>56613.236499999999</v>
      </c>
      <c r="J538">
        <v>43525.556550000001</v>
      </c>
      <c r="K538">
        <v>59621.131430000001</v>
      </c>
      <c r="L538">
        <v>28218.529460000002</v>
      </c>
      <c r="M538">
        <v>357897.75699999998</v>
      </c>
      <c r="N538">
        <v>102544.7871</v>
      </c>
      <c r="O538">
        <v>34934.688719999998</v>
      </c>
      <c r="P538">
        <v>41349.825499999999</v>
      </c>
      <c r="Q538">
        <v>97473.501520000005</v>
      </c>
      <c r="R538">
        <v>24775.978620000002</v>
      </c>
      <c r="S538">
        <v>124142.65089999999</v>
      </c>
      <c r="T538">
        <v>40403.351110000003</v>
      </c>
      <c r="U538">
        <v>32703.052090000001</v>
      </c>
      <c r="W538" s="83">
        <f>Bühler!N570</f>
        <v>45314.333333332033</v>
      </c>
      <c r="X538" s="83">
        <v>43123.333333333336</v>
      </c>
      <c r="Y538">
        <v>312058.05940000003</v>
      </c>
      <c r="Z538">
        <v>38417.891320000002</v>
      </c>
      <c r="AA538">
        <v>86038.830669999996</v>
      </c>
      <c r="AB538">
        <v>98857.943960000004</v>
      </c>
      <c r="AC538">
        <v>61724.793850000002</v>
      </c>
      <c r="AD538">
        <v>56613.236499999999</v>
      </c>
      <c r="AE538">
        <v>43525.556550000001</v>
      </c>
      <c r="AF538">
        <v>59621.131430000001</v>
      </c>
      <c r="AG538">
        <v>28218.529460000002</v>
      </c>
      <c r="AH538">
        <v>357897.75699999998</v>
      </c>
      <c r="AI538">
        <v>102544.7871</v>
      </c>
      <c r="AJ538">
        <v>34934.688719999998</v>
      </c>
      <c r="AK538">
        <v>41349.825499999999</v>
      </c>
      <c r="AL538">
        <v>97473.501520000005</v>
      </c>
      <c r="AM538">
        <v>24775.978620000002</v>
      </c>
      <c r="AN538">
        <v>124142.65089999999</v>
      </c>
      <c r="AO538">
        <v>40403.351110000003</v>
      </c>
      <c r="AP538">
        <v>32703.052090000001</v>
      </c>
    </row>
    <row r="539" spans="2:42" x14ac:dyDescent="0.3">
      <c r="B539">
        <v>69.216470450335578</v>
      </c>
      <c r="C539" s="83">
        <v>43123.375</v>
      </c>
      <c r="D539">
        <v>311851.1727</v>
      </c>
      <c r="E539">
        <v>42319.92542</v>
      </c>
      <c r="F539">
        <v>89221.974549999999</v>
      </c>
      <c r="G539">
        <v>108500.1896</v>
      </c>
      <c r="H539">
        <v>63356.925840000004</v>
      </c>
      <c r="I539">
        <v>53368.615319999997</v>
      </c>
      <c r="J539">
        <v>42252.3963</v>
      </c>
      <c r="K539">
        <v>57975.889380000001</v>
      </c>
      <c r="L539">
        <v>31667.13521</v>
      </c>
      <c r="M539">
        <v>352897.84490000003</v>
      </c>
      <c r="N539">
        <v>107714.0711</v>
      </c>
      <c r="O539">
        <v>34509.921929999997</v>
      </c>
      <c r="P539">
        <v>41960.415009999997</v>
      </c>
      <c r="Q539">
        <v>98148.25116</v>
      </c>
      <c r="R539">
        <v>25025.535029999999</v>
      </c>
      <c r="S539">
        <v>130790.9523</v>
      </c>
      <c r="T539">
        <v>42552.577579999997</v>
      </c>
      <c r="U539">
        <v>32235.883809999999</v>
      </c>
      <c r="W539" s="83">
        <f>Bühler!N571</f>
        <v>45314.374999998698</v>
      </c>
      <c r="X539" s="83">
        <v>43123.375</v>
      </c>
      <c r="Y539">
        <v>311851.1727</v>
      </c>
      <c r="Z539">
        <v>42319.92542</v>
      </c>
      <c r="AA539">
        <v>89221.974549999999</v>
      </c>
      <c r="AB539">
        <v>108500.1896</v>
      </c>
      <c r="AC539">
        <v>63356.925840000004</v>
      </c>
      <c r="AD539">
        <v>53368.615319999997</v>
      </c>
      <c r="AE539">
        <v>42252.3963</v>
      </c>
      <c r="AF539">
        <v>57975.889380000001</v>
      </c>
      <c r="AG539">
        <v>31667.13521</v>
      </c>
      <c r="AH539">
        <v>352897.84490000003</v>
      </c>
      <c r="AI539">
        <v>107714.0711</v>
      </c>
      <c r="AJ539">
        <v>34509.921929999997</v>
      </c>
      <c r="AK539">
        <v>41960.415009999997</v>
      </c>
      <c r="AL539">
        <v>98148.25116</v>
      </c>
      <c r="AM539">
        <v>25025.535029999999</v>
      </c>
      <c r="AN539">
        <v>130790.9523</v>
      </c>
      <c r="AO539">
        <v>42552.577579999997</v>
      </c>
      <c r="AP539">
        <v>32235.883809999999</v>
      </c>
    </row>
    <row r="540" spans="2:42" x14ac:dyDescent="0.3">
      <c r="B540">
        <v>69.505086948181386</v>
      </c>
      <c r="C540" s="83">
        <v>43123.416666666664</v>
      </c>
      <c r="D540">
        <v>315757.2745</v>
      </c>
      <c r="E540">
        <v>43749.826130000001</v>
      </c>
      <c r="F540">
        <v>89755.176479999995</v>
      </c>
      <c r="G540">
        <v>110175.1793</v>
      </c>
      <c r="H540">
        <v>63818.063170000001</v>
      </c>
      <c r="I540">
        <v>49224.253980000001</v>
      </c>
      <c r="J540">
        <v>41606.268360000002</v>
      </c>
      <c r="K540">
        <v>59933.292800000003</v>
      </c>
      <c r="L540">
        <v>34342.297440000002</v>
      </c>
      <c r="M540">
        <v>354369.34639999998</v>
      </c>
      <c r="N540">
        <v>110378.82490000001</v>
      </c>
      <c r="O540">
        <v>36233.343849999997</v>
      </c>
      <c r="P540">
        <v>42869.391600000003</v>
      </c>
      <c r="Q540">
        <v>98140.750610000003</v>
      </c>
      <c r="R540">
        <v>25667.105339999998</v>
      </c>
      <c r="S540">
        <v>131347.9564</v>
      </c>
      <c r="T540">
        <v>44180.950389999998</v>
      </c>
      <c r="U540">
        <v>31827.18403</v>
      </c>
      <c r="W540" s="83">
        <f>Bühler!N572</f>
        <v>45314.416666665362</v>
      </c>
      <c r="X540" s="83">
        <v>43123.416666666664</v>
      </c>
      <c r="Y540">
        <v>315757.2745</v>
      </c>
      <c r="Z540">
        <v>43749.826130000001</v>
      </c>
      <c r="AA540">
        <v>89755.176479999995</v>
      </c>
      <c r="AB540">
        <v>110175.1793</v>
      </c>
      <c r="AC540">
        <v>63818.063170000001</v>
      </c>
      <c r="AD540">
        <v>49224.253980000001</v>
      </c>
      <c r="AE540">
        <v>41606.268360000002</v>
      </c>
      <c r="AF540">
        <v>59933.292800000003</v>
      </c>
      <c r="AG540">
        <v>34342.297440000002</v>
      </c>
      <c r="AH540">
        <v>354369.34639999998</v>
      </c>
      <c r="AI540">
        <v>110378.82490000001</v>
      </c>
      <c r="AJ540">
        <v>36233.343849999997</v>
      </c>
      <c r="AK540">
        <v>42869.391600000003</v>
      </c>
      <c r="AL540">
        <v>98140.750610000003</v>
      </c>
      <c r="AM540">
        <v>25667.105339999998</v>
      </c>
      <c r="AN540">
        <v>131347.9564</v>
      </c>
      <c r="AO540">
        <v>44180.950389999998</v>
      </c>
      <c r="AP540">
        <v>31827.18403</v>
      </c>
    </row>
    <row r="541" spans="2:42" x14ac:dyDescent="0.3">
      <c r="B541">
        <v>70.60925893293566</v>
      </c>
      <c r="C541" s="83">
        <v>43123.458333333336</v>
      </c>
      <c r="D541">
        <v>314363.22450000001</v>
      </c>
      <c r="E541">
        <v>43497.715250000001</v>
      </c>
      <c r="F541">
        <v>90643.677930000005</v>
      </c>
      <c r="G541">
        <v>105898.3931</v>
      </c>
      <c r="H541">
        <v>63459.738839999998</v>
      </c>
      <c r="I541">
        <v>48442.12803</v>
      </c>
      <c r="J541">
        <v>41186.944819999997</v>
      </c>
      <c r="K541">
        <v>65758.986879999997</v>
      </c>
      <c r="L541">
        <v>35071.958749999998</v>
      </c>
      <c r="M541">
        <v>359998.9301</v>
      </c>
      <c r="N541">
        <v>109799.8429</v>
      </c>
      <c r="O541">
        <v>36180.657859999999</v>
      </c>
      <c r="P541">
        <v>42315.321730000003</v>
      </c>
      <c r="Q541">
        <v>97739.676940000005</v>
      </c>
      <c r="R541">
        <v>29025.701720000001</v>
      </c>
      <c r="S541">
        <v>131998.8518</v>
      </c>
      <c r="T541">
        <v>44330.331010000002</v>
      </c>
      <c r="U541">
        <v>31283.36477</v>
      </c>
      <c r="W541" s="83">
        <f>Bühler!N573</f>
        <v>45314.458333332026</v>
      </c>
      <c r="X541" s="83">
        <v>43123.458333333336</v>
      </c>
      <c r="Y541">
        <v>314363.22450000001</v>
      </c>
      <c r="Z541">
        <v>43497.715250000001</v>
      </c>
      <c r="AA541">
        <v>90643.677930000005</v>
      </c>
      <c r="AB541">
        <v>105898.3931</v>
      </c>
      <c r="AC541">
        <v>63459.738839999998</v>
      </c>
      <c r="AD541">
        <v>48442.12803</v>
      </c>
      <c r="AE541">
        <v>41186.944819999997</v>
      </c>
      <c r="AF541">
        <v>65758.986879999997</v>
      </c>
      <c r="AG541">
        <v>35071.958749999998</v>
      </c>
      <c r="AH541">
        <v>359998.9301</v>
      </c>
      <c r="AI541">
        <v>109799.8429</v>
      </c>
      <c r="AJ541">
        <v>36180.657859999999</v>
      </c>
      <c r="AK541">
        <v>42315.321730000003</v>
      </c>
      <c r="AL541">
        <v>97739.676940000005</v>
      </c>
      <c r="AM541">
        <v>29025.701720000001</v>
      </c>
      <c r="AN541">
        <v>131998.8518</v>
      </c>
      <c r="AO541">
        <v>44330.331010000002</v>
      </c>
      <c r="AP541">
        <v>31283.36477</v>
      </c>
    </row>
    <row r="542" spans="2:42" x14ac:dyDescent="0.3">
      <c r="B542">
        <v>69.468276290345798</v>
      </c>
      <c r="C542" s="83">
        <v>43123.5</v>
      </c>
      <c r="D542">
        <v>301279.99489999999</v>
      </c>
      <c r="E542">
        <v>39050.186179999997</v>
      </c>
      <c r="F542">
        <v>84467.461519999997</v>
      </c>
      <c r="G542">
        <v>102088.10860000001</v>
      </c>
      <c r="H542">
        <v>60280.194340000002</v>
      </c>
      <c r="I542">
        <v>45919.939680000003</v>
      </c>
      <c r="J542">
        <v>41809.66906</v>
      </c>
      <c r="K542">
        <v>62802.312689999999</v>
      </c>
      <c r="L542">
        <v>37250.545530000003</v>
      </c>
      <c r="M542">
        <v>354181.66850000003</v>
      </c>
      <c r="N542">
        <v>106614.3955</v>
      </c>
      <c r="O542">
        <v>35355.792600000001</v>
      </c>
      <c r="P542">
        <v>42574.607660000001</v>
      </c>
      <c r="Q542">
        <v>95944.474499999997</v>
      </c>
      <c r="R542">
        <v>27447.86131</v>
      </c>
      <c r="S542">
        <v>122943.4561</v>
      </c>
      <c r="T542">
        <v>44238.338539999997</v>
      </c>
      <c r="U542">
        <v>28076.00532</v>
      </c>
      <c r="W542" s="83">
        <f>Bühler!N574</f>
        <v>45314.49999999869</v>
      </c>
      <c r="X542" s="83">
        <v>43123.5</v>
      </c>
      <c r="Y542">
        <v>301279.99489999999</v>
      </c>
      <c r="Z542">
        <v>39050.186179999997</v>
      </c>
      <c r="AA542">
        <v>84467.461519999997</v>
      </c>
      <c r="AB542">
        <v>102088.10860000001</v>
      </c>
      <c r="AC542">
        <v>60280.194340000002</v>
      </c>
      <c r="AD542">
        <v>45919.939680000003</v>
      </c>
      <c r="AE542">
        <v>41809.66906</v>
      </c>
      <c r="AF542">
        <v>62802.312689999999</v>
      </c>
      <c r="AG542">
        <v>37250.545530000003</v>
      </c>
      <c r="AH542">
        <v>354181.66850000003</v>
      </c>
      <c r="AI542">
        <v>106614.3955</v>
      </c>
      <c r="AJ542">
        <v>35355.792600000001</v>
      </c>
      <c r="AK542">
        <v>42574.607660000001</v>
      </c>
      <c r="AL542">
        <v>95944.474499999997</v>
      </c>
      <c r="AM542">
        <v>27447.86131</v>
      </c>
      <c r="AN542">
        <v>122943.4561</v>
      </c>
      <c r="AO542">
        <v>44238.338539999997</v>
      </c>
      <c r="AP542">
        <v>28076.00532</v>
      </c>
    </row>
    <row r="543" spans="2:42" x14ac:dyDescent="0.3">
      <c r="B543">
        <v>69.156429983365939</v>
      </c>
      <c r="C543" s="83">
        <v>43123.541666666664</v>
      </c>
      <c r="D543">
        <v>302920.58409999998</v>
      </c>
      <c r="E543">
        <v>38640.46026</v>
      </c>
      <c r="F543">
        <v>81038.442559999996</v>
      </c>
      <c r="G543">
        <v>99636.820879999999</v>
      </c>
      <c r="H543">
        <v>60209.194109999997</v>
      </c>
      <c r="I543">
        <v>45754.130369999999</v>
      </c>
      <c r="J543">
        <v>40498.540820000002</v>
      </c>
      <c r="K543">
        <v>64823.134169999998</v>
      </c>
      <c r="L543">
        <v>35861.079579999998</v>
      </c>
      <c r="M543">
        <v>352591.73060000001</v>
      </c>
      <c r="N543">
        <v>107548.7576</v>
      </c>
      <c r="O543">
        <v>34798.371440000003</v>
      </c>
      <c r="P543">
        <v>42978.136350000001</v>
      </c>
      <c r="Q543">
        <v>94281.653810000003</v>
      </c>
      <c r="R543">
        <v>27334.177930000002</v>
      </c>
      <c r="S543">
        <v>123522.09880000001</v>
      </c>
      <c r="T543">
        <v>42191.504699999998</v>
      </c>
      <c r="U543">
        <v>28018.022959999998</v>
      </c>
      <c r="W543" s="83">
        <f>Bühler!N575</f>
        <v>45314.541666665355</v>
      </c>
      <c r="X543" s="83">
        <v>43123.541666666664</v>
      </c>
      <c r="Y543">
        <v>302920.58409999998</v>
      </c>
      <c r="Z543">
        <v>38640.46026</v>
      </c>
      <c r="AA543">
        <v>81038.442559999996</v>
      </c>
      <c r="AB543">
        <v>99636.820879999999</v>
      </c>
      <c r="AC543">
        <v>60209.194109999997</v>
      </c>
      <c r="AD543">
        <v>45754.130369999999</v>
      </c>
      <c r="AE543">
        <v>40498.540820000002</v>
      </c>
      <c r="AF543">
        <v>64823.134169999998</v>
      </c>
      <c r="AG543">
        <v>35861.079579999998</v>
      </c>
      <c r="AH543">
        <v>352591.73060000001</v>
      </c>
      <c r="AI543">
        <v>107548.7576</v>
      </c>
      <c r="AJ543">
        <v>34798.371440000003</v>
      </c>
      <c r="AK543">
        <v>42978.136350000001</v>
      </c>
      <c r="AL543">
        <v>94281.653810000003</v>
      </c>
      <c r="AM543">
        <v>27334.177930000002</v>
      </c>
      <c r="AN543">
        <v>123522.09880000001</v>
      </c>
      <c r="AO543">
        <v>42191.504699999998</v>
      </c>
      <c r="AP543">
        <v>28018.022959999998</v>
      </c>
    </row>
    <row r="544" spans="2:42" x14ac:dyDescent="0.3">
      <c r="B544">
        <v>69.134607950515687</v>
      </c>
      <c r="C544" s="83">
        <v>43123.583333333336</v>
      </c>
      <c r="D544">
        <v>306016.19890000002</v>
      </c>
      <c r="E544">
        <v>41549.198259999997</v>
      </c>
      <c r="F544">
        <v>88241.782640000005</v>
      </c>
      <c r="G544">
        <v>94096.385580000002</v>
      </c>
      <c r="H544">
        <v>59696.386780000001</v>
      </c>
      <c r="I544">
        <v>45373.773459999997</v>
      </c>
      <c r="J544">
        <v>39857.195789999998</v>
      </c>
      <c r="K544">
        <v>66423.941279999999</v>
      </c>
      <c r="L544">
        <v>32154.733359999998</v>
      </c>
      <c r="M544">
        <v>352480.47169999999</v>
      </c>
      <c r="N544">
        <v>107289.1194</v>
      </c>
      <c r="O544">
        <v>34331.235419999997</v>
      </c>
      <c r="P544">
        <v>39055.507270000002</v>
      </c>
      <c r="Q544">
        <v>93432.942809999993</v>
      </c>
      <c r="R544">
        <v>26643.430069999999</v>
      </c>
      <c r="S544">
        <v>117206.3879</v>
      </c>
      <c r="T544">
        <v>41395.898260000002</v>
      </c>
      <c r="U544">
        <v>28417.304459999999</v>
      </c>
      <c r="W544" s="83">
        <f>Bühler!N576</f>
        <v>45314.583333332019</v>
      </c>
      <c r="X544" s="83">
        <v>43123.583333333336</v>
      </c>
      <c r="Y544">
        <v>306016.19890000002</v>
      </c>
      <c r="Z544">
        <v>41549.198259999997</v>
      </c>
      <c r="AA544">
        <v>88241.782640000005</v>
      </c>
      <c r="AB544">
        <v>94096.385580000002</v>
      </c>
      <c r="AC544">
        <v>59696.386780000001</v>
      </c>
      <c r="AD544">
        <v>45373.773459999997</v>
      </c>
      <c r="AE544">
        <v>39857.195789999998</v>
      </c>
      <c r="AF544">
        <v>66423.941279999999</v>
      </c>
      <c r="AG544">
        <v>32154.733359999998</v>
      </c>
      <c r="AH544">
        <v>352480.47169999999</v>
      </c>
      <c r="AI544">
        <v>107289.1194</v>
      </c>
      <c r="AJ544">
        <v>34331.235419999997</v>
      </c>
      <c r="AK544">
        <v>39055.507270000002</v>
      </c>
      <c r="AL544">
        <v>93432.942809999993</v>
      </c>
      <c r="AM544">
        <v>26643.430069999999</v>
      </c>
      <c r="AN544">
        <v>117206.3879</v>
      </c>
      <c r="AO544">
        <v>41395.898260000002</v>
      </c>
      <c r="AP544">
        <v>28417.304459999999</v>
      </c>
    </row>
    <row r="545" spans="2:42" x14ac:dyDescent="0.3">
      <c r="B545">
        <v>68.083045747215237</v>
      </c>
      <c r="C545" s="83">
        <v>43123.625</v>
      </c>
      <c r="D545">
        <v>303337.43089999998</v>
      </c>
      <c r="E545">
        <v>41338.299709999999</v>
      </c>
      <c r="F545">
        <v>88970.795039999997</v>
      </c>
      <c r="G545">
        <v>91193.31869</v>
      </c>
      <c r="H545">
        <v>58310.483139999997</v>
      </c>
      <c r="I545">
        <v>46111.179709999997</v>
      </c>
      <c r="J545">
        <v>39079.1852</v>
      </c>
      <c r="K545">
        <v>65601.896290000004</v>
      </c>
      <c r="L545">
        <v>28777.112679999998</v>
      </c>
      <c r="M545">
        <v>347119.11719999998</v>
      </c>
      <c r="N545">
        <v>104751.1885</v>
      </c>
      <c r="O545">
        <v>33561.076910000003</v>
      </c>
      <c r="P545">
        <v>38076.664629999999</v>
      </c>
      <c r="Q545">
        <v>92202.038020000007</v>
      </c>
      <c r="R545">
        <v>25975.950430000001</v>
      </c>
      <c r="S545">
        <v>113818.2775</v>
      </c>
      <c r="T545">
        <v>40348.315110000003</v>
      </c>
      <c r="U545">
        <v>28409.248650000001</v>
      </c>
      <c r="W545" s="83">
        <f>Bühler!N577</f>
        <v>45314.624999998683</v>
      </c>
      <c r="X545" s="83">
        <v>43123.625</v>
      </c>
      <c r="Y545">
        <v>303337.43089999998</v>
      </c>
      <c r="Z545">
        <v>41338.299709999999</v>
      </c>
      <c r="AA545">
        <v>88970.795039999997</v>
      </c>
      <c r="AB545">
        <v>91193.31869</v>
      </c>
      <c r="AC545">
        <v>58310.483139999997</v>
      </c>
      <c r="AD545">
        <v>46111.179709999997</v>
      </c>
      <c r="AE545">
        <v>39079.1852</v>
      </c>
      <c r="AF545">
        <v>65601.896290000004</v>
      </c>
      <c r="AG545">
        <v>28777.112679999998</v>
      </c>
      <c r="AH545">
        <v>347119.11719999998</v>
      </c>
      <c r="AI545">
        <v>104751.1885</v>
      </c>
      <c r="AJ545">
        <v>33561.076910000003</v>
      </c>
      <c r="AK545">
        <v>38076.664629999999</v>
      </c>
      <c r="AL545">
        <v>92202.038020000007</v>
      </c>
      <c r="AM545">
        <v>25975.950430000001</v>
      </c>
      <c r="AN545">
        <v>113818.2775</v>
      </c>
      <c r="AO545">
        <v>40348.315110000003</v>
      </c>
      <c r="AP545">
        <v>28409.248650000001</v>
      </c>
    </row>
    <row r="546" spans="2:42" x14ac:dyDescent="0.3">
      <c r="B546">
        <v>67.223074550794976</v>
      </c>
      <c r="C546" s="83">
        <v>43123.666666666664</v>
      </c>
      <c r="D546">
        <v>295970.42129999999</v>
      </c>
      <c r="E546">
        <v>40532.360800000002</v>
      </c>
      <c r="F546">
        <v>88393.250079999998</v>
      </c>
      <c r="G546">
        <v>87471.537939999995</v>
      </c>
      <c r="H546">
        <v>57230.913039999999</v>
      </c>
      <c r="I546">
        <v>47832.319710000003</v>
      </c>
      <c r="J546">
        <v>37641.567060000001</v>
      </c>
      <c r="K546">
        <v>61786.684820000002</v>
      </c>
      <c r="L546">
        <v>27800.617170000001</v>
      </c>
      <c r="M546">
        <v>342734.58299999998</v>
      </c>
      <c r="N546">
        <v>100376.6813</v>
      </c>
      <c r="O546">
        <v>32653.598900000001</v>
      </c>
      <c r="P546">
        <v>37995.556360000002</v>
      </c>
      <c r="Q546">
        <v>91774.310089999999</v>
      </c>
      <c r="R546">
        <v>26332.337599999999</v>
      </c>
      <c r="S546">
        <v>112671.0686</v>
      </c>
      <c r="T546">
        <v>40215.104800000001</v>
      </c>
      <c r="U546">
        <v>26742.76369</v>
      </c>
      <c r="W546" s="83">
        <f>Bühler!N578</f>
        <v>45314.666666665347</v>
      </c>
      <c r="X546" s="83">
        <v>43123.666666666664</v>
      </c>
      <c r="Y546">
        <v>295970.42129999999</v>
      </c>
      <c r="Z546">
        <v>40532.360800000002</v>
      </c>
      <c r="AA546">
        <v>88393.250079999998</v>
      </c>
      <c r="AB546">
        <v>87471.537939999995</v>
      </c>
      <c r="AC546">
        <v>57230.913039999999</v>
      </c>
      <c r="AD546">
        <v>47832.319710000003</v>
      </c>
      <c r="AE546">
        <v>37641.567060000001</v>
      </c>
      <c r="AF546">
        <v>61786.684820000002</v>
      </c>
      <c r="AG546">
        <v>27800.617170000001</v>
      </c>
      <c r="AH546">
        <v>342734.58299999998</v>
      </c>
      <c r="AI546">
        <v>100376.6813</v>
      </c>
      <c r="AJ546">
        <v>32653.598900000001</v>
      </c>
      <c r="AK546">
        <v>37995.556360000002</v>
      </c>
      <c r="AL546">
        <v>91774.310089999999</v>
      </c>
      <c r="AM546">
        <v>26332.337599999999</v>
      </c>
      <c r="AN546">
        <v>112671.0686</v>
      </c>
      <c r="AO546">
        <v>40215.104800000001</v>
      </c>
      <c r="AP546">
        <v>26742.76369</v>
      </c>
    </row>
    <row r="547" spans="2:42" x14ac:dyDescent="0.3">
      <c r="B547">
        <v>66.668424463820912</v>
      </c>
      <c r="C547" s="83">
        <v>43123.708333333336</v>
      </c>
      <c r="D547">
        <v>287769.71529999998</v>
      </c>
      <c r="E547">
        <v>38846.16403</v>
      </c>
      <c r="F547">
        <v>89349.322620000006</v>
      </c>
      <c r="G547">
        <v>79945.397880000004</v>
      </c>
      <c r="H547">
        <v>55542.366759999997</v>
      </c>
      <c r="I547">
        <v>48217.966269999997</v>
      </c>
      <c r="J547">
        <v>38416.055260000001</v>
      </c>
      <c r="K547">
        <v>56399.760260000003</v>
      </c>
      <c r="L547">
        <v>28516.269</v>
      </c>
      <c r="M547">
        <v>339906.7182</v>
      </c>
      <c r="N547">
        <v>94425.444770000002</v>
      </c>
      <c r="O547">
        <v>32552.12501</v>
      </c>
      <c r="P547">
        <v>40153.380190000003</v>
      </c>
      <c r="Q547">
        <v>90773.114849999998</v>
      </c>
      <c r="R547">
        <v>27516.097440000001</v>
      </c>
      <c r="S547">
        <v>112758.7746</v>
      </c>
      <c r="T547">
        <v>41630.762669999996</v>
      </c>
      <c r="U547">
        <v>25219.196400000001</v>
      </c>
      <c r="W547" s="83">
        <f>Bühler!N579</f>
        <v>45314.708333332012</v>
      </c>
      <c r="X547" s="83">
        <v>43123.708333333336</v>
      </c>
      <c r="Y547">
        <v>287769.71529999998</v>
      </c>
      <c r="Z547">
        <v>38846.16403</v>
      </c>
      <c r="AA547">
        <v>89349.322620000006</v>
      </c>
      <c r="AB547">
        <v>79945.397880000004</v>
      </c>
      <c r="AC547">
        <v>55542.366759999997</v>
      </c>
      <c r="AD547">
        <v>48217.966269999997</v>
      </c>
      <c r="AE547">
        <v>38416.055260000001</v>
      </c>
      <c r="AF547">
        <v>56399.760260000003</v>
      </c>
      <c r="AG547">
        <v>28516.269</v>
      </c>
      <c r="AH547">
        <v>339906.7182</v>
      </c>
      <c r="AI547">
        <v>94425.444770000002</v>
      </c>
      <c r="AJ547">
        <v>32552.12501</v>
      </c>
      <c r="AK547">
        <v>40153.380190000003</v>
      </c>
      <c r="AL547">
        <v>90773.114849999998</v>
      </c>
      <c r="AM547">
        <v>27516.097440000001</v>
      </c>
      <c r="AN547">
        <v>112758.7746</v>
      </c>
      <c r="AO547">
        <v>41630.762669999996</v>
      </c>
      <c r="AP547">
        <v>25219.196400000001</v>
      </c>
    </row>
    <row r="548" spans="2:42" x14ac:dyDescent="0.3">
      <c r="B548">
        <v>65.014250907628508</v>
      </c>
      <c r="C548" s="83">
        <v>43123.75</v>
      </c>
      <c r="D548">
        <v>280925.04499999998</v>
      </c>
      <c r="E548">
        <v>35701.597679999999</v>
      </c>
      <c r="F548">
        <v>86926.154680000007</v>
      </c>
      <c r="G548">
        <v>70562.431379999995</v>
      </c>
      <c r="H548">
        <v>54158.76384</v>
      </c>
      <c r="I548">
        <v>46681.001550000001</v>
      </c>
      <c r="J548">
        <v>40378.636059999997</v>
      </c>
      <c r="K548">
        <v>50067.174610000002</v>
      </c>
      <c r="L548">
        <v>31184.447329999999</v>
      </c>
      <c r="M548">
        <v>331472.96999999997</v>
      </c>
      <c r="N548">
        <v>93616.137690000003</v>
      </c>
      <c r="O548">
        <v>30350.735700000001</v>
      </c>
      <c r="P548">
        <v>44052.156900000002</v>
      </c>
      <c r="Q548">
        <v>89079.873430000007</v>
      </c>
      <c r="R548">
        <v>23424.861059999999</v>
      </c>
      <c r="S548">
        <v>107752.995</v>
      </c>
      <c r="T548">
        <v>42129.006909999996</v>
      </c>
      <c r="U548">
        <v>23867.509600000001</v>
      </c>
      <c r="W548" s="83">
        <f>Bühler!N580</f>
        <v>45314.749999998676</v>
      </c>
      <c r="X548" s="83">
        <v>43123.75</v>
      </c>
      <c r="Y548">
        <v>280925.04499999998</v>
      </c>
      <c r="Z548">
        <v>35701.597679999999</v>
      </c>
      <c r="AA548">
        <v>86926.154680000007</v>
      </c>
      <c r="AB548">
        <v>70562.431379999995</v>
      </c>
      <c r="AC548">
        <v>54158.76384</v>
      </c>
      <c r="AD548">
        <v>46681.001550000001</v>
      </c>
      <c r="AE548">
        <v>40378.636059999997</v>
      </c>
      <c r="AF548">
        <v>50067.174610000002</v>
      </c>
      <c r="AG548">
        <v>31184.447329999999</v>
      </c>
      <c r="AH548">
        <v>331472.96999999997</v>
      </c>
      <c r="AI548">
        <v>93616.137690000003</v>
      </c>
      <c r="AJ548">
        <v>30350.735700000001</v>
      </c>
      <c r="AK548">
        <v>44052.156900000002</v>
      </c>
      <c r="AL548">
        <v>89079.873430000007</v>
      </c>
      <c r="AM548">
        <v>23424.861059999999</v>
      </c>
      <c r="AN548">
        <v>107752.995</v>
      </c>
      <c r="AO548">
        <v>42129.006909999996</v>
      </c>
      <c r="AP548">
        <v>23867.509600000001</v>
      </c>
    </row>
    <row r="549" spans="2:42" x14ac:dyDescent="0.3">
      <c r="B549">
        <v>64.192174538209471</v>
      </c>
      <c r="C549" s="83">
        <v>43123.791666666664</v>
      </c>
      <c r="D549">
        <v>273712.1827</v>
      </c>
      <c r="E549">
        <v>29184.563470000001</v>
      </c>
      <c r="F549">
        <v>74511.061459999997</v>
      </c>
      <c r="G549">
        <v>62832.536930000002</v>
      </c>
      <c r="H549">
        <v>50922.032859999999</v>
      </c>
      <c r="I549">
        <v>43416.534740000003</v>
      </c>
      <c r="J549">
        <v>40304.50576</v>
      </c>
      <c r="K549">
        <v>48347.404699999999</v>
      </c>
      <c r="L549">
        <v>31220.898280000001</v>
      </c>
      <c r="M549">
        <v>327281.64130000002</v>
      </c>
      <c r="N549">
        <v>92512.171400000007</v>
      </c>
      <c r="O549">
        <v>28931.951659999999</v>
      </c>
      <c r="P549">
        <v>45279.309540000002</v>
      </c>
      <c r="Q549">
        <v>86901.910109999997</v>
      </c>
      <c r="R549">
        <v>22471.448110000001</v>
      </c>
      <c r="S549">
        <v>102304.81419999999</v>
      </c>
      <c r="T549">
        <v>42283.75662</v>
      </c>
      <c r="U549">
        <v>21703.350419999999</v>
      </c>
      <c r="W549" s="83">
        <f>Bühler!N581</f>
        <v>45314.79166666534</v>
      </c>
      <c r="X549" s="83">
        <v>43123.791666666664</v>
      </c>
      <c r="Y549">
        <v>273712.1827</v>
      </c>
      <c r="Z549">
        <v>29184.563470000001</v>
      </c>
      <c r="AA549">
        <v>74511.061459999997</v>
      </c>
      <c r="AB549">
        <v>62832.536930000002</v>
      </c>
      <c r="AC549">
        <v>50922.032859999999</v>
      </c>
      <c r="AD549">
        <v>43416.534740000003</v>
      </c>
      <c r="AE549">
        <v>40304.50576</v>
      </c>
      <c r="AF549">
        <v>48347.404699999999</v>
      </c>
      <c r="AG549">
        <v>31220.898280000001</v>
      </c>
      <c r="AH549">
        <v>327281.64130000002</v>
      </c>
      <c r="AI549">
        <v>92512.171400000007</v>
      </c>
      <c r="AJ549">
        <v>28931.951659999999</v>
      </c>
      <c r="AK549">
        <v>45279.309540000002</v>
      </c>
      <c r="AL549">
        <v>86901.910109999997</v>
      </c>
      <c r="AM549">
        <v>22471.448110000001</v>
      </c>
      <c r="AN549">
        <v>102304.81419999999</v>
      </c>
      <c r="AO549">
        <v>42283.75662</v>
      </c>
      <c r="AP549">
        <v>21703.350419999999</v>
      </c>
    </row>
    <row r="550" spans="2:42" x14ac:dyDescent="0.3">
      <c r="B550">
        <v>63.039657446619501</v>
      </c>
      <c r="C550" s="83">
        <v>43123.833333333336</v>
      </c>
      <c r="D550">
        <v>263439.34980000003</v>
      </c>
      <c r="E550">
        <v>22803.067230000001</v>
      </c>
      <c r="F550">
        <v>58341.303039999999</v>
      </c>
      <c r="G550">
        <v>54890.425759999998</v>
      </c>
      <c r="H550">
        <v>47878.894970000001</v>
      </c>
      <c r="I550">
        <v>39264.674209999997</v>
      </c>
      <c r="J550">
        <v>39142.322650000002</v>
      </c>
      <c r="K550">
        <v>53998.394840000001</v>
      </c>
      <c r="L550">
        <v>30042.708170000002</v>
      </c>
      <c r="M550">
        <v>321405.57169999997</v>
      </c>
      <c r="N550">
        <v>90751.233869999996</v>
      </c>
      <c r="O550">
        <v>28047.150799999999</v>
      </c>
      <c r="P550">
        <v>45193.858699999997</v>
      </c>
      <c r="Q550">
        <v>84125.616729999994</v>
      </c>
      <c r="R550">
        <v>22997.554840000001</v>
      </c>
      <c r="S550">
        <v>92523.920769999997</v>
      </c>
      <c r="T550">
        <v>40454.156280000003</v>
      </c>
      <c r="U550">
        <v>20502.987829999998</v>
      </c>
      <c r="W550" s="83">
        <f>Bühler!N582</f>
        <v>45314.833333332004</v>
      </c>
      <c r="X550" s="83">
        <v>43123.833333333336</v>
      </c>
      <c r="Y550">
        <v>263439.34980000003</v>
      </c>
      <c r="Z550">
        <v>22803.067230000001</v>
      </c>
      <c r="AA550">
        <v>58341.303039999999</v>
      </c>
      <c r="AB550">
        <v>54890.425759999998</v>
      </c>
      <c r="AC550">
        <v>47878.894970000001</v>
      </c>
      <c r="AD550">
        <v>39264.674209999997</v>
      </c>
      <c r="AE550">
        <v>39142.322650000002</v>
      </c>
      <c r="AF550">
        <v>53998.394840000001</v>
      </c>
      <c r="AG550">
        <v>30042.708170000002</v>
      </c>
      <c r="AH550">
        <v>321405.57169999997</v>
      </c>
      <c r="AI550">
        <v>90751.233869999996</v>
      </c>
      <c r="AJ550">
        <v>28047.150799999999</v>
      </c>
      <c r="AK550">
        <v>45193.858699999997</v>
      </c>
      <c r="AL550">
        <v>84125.616729999994</v>
      </c>
      <c r="AM550">
        <v>22997.554840000001</v>
      </c>
      <c r="AN550">
        <v>92523.920769999997</v>
      </c>
      <c r="AO550">
        <v>40454.156280000003</v>
      </c>
      <c r="AP550">
        <v>20502.987829999998</v>
      </c>
    </row>
    <row r="551" spans="2:42" x14ac:dyDescent="0.3">
      <c r="B551">
        <v>60.823509032140393</v>
      </c>
      <c r="C551" s="83">
        <v>43123.875</v>
      </c>
      <c r="D551">
        <v>255210.36290000001</v>
      </c>
      <c r="E551">
        <v>20017.892589999999</v>
      </c>
      <c r="F551">
        <v>51082.121579999999</v>
      </c>
      <c r="G551">
        <v>50851.732459999999</v>
      </c>
      <c r="H551">
        <v>44887.671549999999</v>
      </c>
      <c r="I551">
        <v>34525.71931</v>
      </c>
      <c r="J551">
        <v>37425.819190000002</v>
      </c>
      <c r="K551">
        <v>52371.583509999997</v>
      </c>
      <c r="L551">
        <v>28342.76296</v>
      </c>
      <c r="M551">
        <v>310106.61359999998</v>
      </c>
      <c r="N551">
        <v>88880.250249999997</v>
      </c>
      <c r="O551">
        <v>26921.932420000001</v>
      </c>
      <c r="P551">
        <v>42150.840020000003</v>
      </c>
      <c r="Q551">
        <v>82410.172779999994</v>
      </c>
      <c r="R551">
        <v>21359.214090000001</v>
      </c>
      <c r="S551">
        <v>86086.129289999997</v>
      </c>
      <c r="T551">
        <v>36917.102590000002</v>
      </c>
      <c r="U551">
        <v>18929.698130000001</v>
      </c>
      <c r="W551" s="83">
        <f>Bühler!N583</f>
        <v>45314.874999998668</v>
      </c>
      <c r="X551" s="83">
        <v>43123.875</v>
      </c>
      <c r="Y551">
        <v>255210.36290000001</v>
      </c>
      <c r="Z551">
        <v>20017.892589999999</v>
      </c>
      <c r="AA551">
        <v>51082.121579999999</v>
      </c>
      <c r="AB551">
        <v>50851.732459999999</v>
      </c>
      <c r="AC551">
        <v>44887.671549999999</v>
      </c>
      <c r="AD551">
        <v>34525.71931</v>
      </c>
      <c r="AE551">
        <v>37425.819190000002</v>
      </c>
      <c r="AF551">
        <v>52371.583509999997</v>
      </c>
      <c r="AG551">
        <v>28342.76296</v>
      </c>
      <c r="AH551">
        <v>310106.61359999998</v>
      </c>
      <c r="AI551">
        <v>88880.250249999997</v>
      </c>
      <c r="AJ551">
        <v>26921.932420000001</v>
      </c>
      <c r="AK551">
        <v>42150.840020000003</v>
      </c>
      <c r="AL551">
        <v>82410.172779999994</v>
      </c>
      <c r="AM551">
        <v>21359.214090000001</v>
      </c>
      <c r="AN551">
        <v>86086.129289999997</v>
      </c>
      <c r="AO551">
        <v>36917.102590000002</v>
      </c>
      <c r="AP551">
        <v>18929.698130000001</v>
      </c>
    </row>
    <row r="552" spans="2:42" x14ac:dyDescent="0.3">
      <c r="B552">
        <v>59.577230588030325</v>
      </c>
      <c r="C552" s="83">
        <v>43123.916666666664</v>
      </c>
      <c r="D552">
        <v>254486.72219999999</v>
      </c>
      <c r="E552">
        <v>19530.393779999999</v>
      </c>
      <c r="F552">
        <v>48949.070010000003</v>
      </c>
      <c r="G552">
        <v>48546.962449999999</v>
      </c>
      <c r="H552">
        <v>44076.90724</v>
      </c>
      <c r="I552">
        <v>32685.811089999999</v>
      </c>
      <c r="J552">
        <v>36421.777549999999</v>
      </c>
      <c r="K552">
        <v>55507.009250000003</v>
      </c>
      <c r="L552">
        <v>25835.04549</v>
      </c>
      <c r="M552">
        <v>303752.5049</v>
      </c>
      <c r="N552">
        <v>89467.014469999995</v>
      </c>
      <c r="O552">
        <v>27417.302319999999</v>
      </c>
      <c r="P552">
        <v>45074.966119999997</v>
      </c>
      <c r="Q552">
        <v>82491.488079999996</v>
      </c>
      <c r="R552">
        <v>31654.85195</v>
      </c>
      <c r="S552">
        <v>86484.420530000003</v>
      </c>
      <c r="T552">
        <v>33182.433519999999</v>
      </c>
      <c r="U552">
        <v>20094.522110000002</v>
      </c>
      <c r="W552" s="83">
        <f>Bühler!N584</f>
        <v>45314.916666665333</v>
      </c>
      <c r="X552" s="83">
        <v>43123.916666666664</v>
      </c>
      <c r="Y552">
        <v>254486.72219999999</v>
      </c>
      <c r="Z552">
        <v>19530.393779999999</v>
      </c>
      <c r="AA552">
        <v>48949.070010000003</v>
      </c>
      <c r="AB552">
        <v>48546.962449999999</v>
      </c>
      <c r="AC552">
        <v>44076.90724</v>
      </c>
      <c r="AD552">
        <v>32685.811089999999</v>
      </c>
      <c r="AE552">
        <v>36421.777549999999</v>
      </c>
      <c r="AF552">
        <v>55507.009250000003</v>
      </c>
      <c r="AG552">
        <v>25835.04549</v>
      </c>
      <c r="AH552">
        <v>303752.5049</v>
      </c>
      <c r="AI552">
        <v>89467.014469999995</v>
      </c>
      <c r="AJ552">
        <v>27417.302319999999</v>
      </c>
      <c r="AK552">
        <v>45074.966119999997</v>
      </c>
      <c r="AL552">
        <v>82491.488079999996</v>
      </c>
      <c r="AM552">
        <v>31654.85195</v>
      </c>
      <c r="AN552">
        <v>86484.420530000003</v>
      </c>
      <c r="AO552">
        <v>33182.433519999999</v>
      </c>
      <c r="AP552">
        <v>20094.522110000002</v>
      </c>
    </row>
    <row r="553" spans="2:42" x14ac:dyDescent="0.3">
      <c r="B553">
        <v>57.87642428307511</v>
      </c>
      <c r="C553" s="83">
        <v>43123.958333333336</v>
      </c>
      <c r="D553">
        <v>254415.28769999999</v>
      </c>
      <c r="E553">
        <v>19219.731589999999</v>
      </c>
      <c r="F553">
        <v>48038.823660000002</v>
      </c>
      <c r="G553">
        <v>47415.570189999999</v>
      </c>
      <c r="H553">
        <v>43129.599139999998</v>
      </c>
      <c r="I553">
        <v>30989.150969999999</v>
      </c>
      <c r="J553">
        <v>33760.132100000003</v>
      </c>
      <c r="K553">
        <v>54243.70405</v>
      </c>
      <c r="L553">
        <v>22376.387839999999</v>
      </c>
      <c r="M553">
        <v>295081.0012</v>
      </c>
      <c r="N553">
        <v>89004.476580000002</v>
      </c>
      <c r="O553">
        <v>27360.38349</v>
      </c>
      <c r="P553">
        <v>40582.978340000001</v>
      </c>
      <c r="Q553">
        <v>81580.858420000004</v>
      </c>
      <c r="R553">
        <v>34055.214809999998</v>
      </c>
      <c r="S553">
        <v>84898.232520000005</v>
      </c>
      <c r="T553">
        <v>33505.855060000002</v>
      </c>
      <c r="U553">
        <v>19901.843690000002</v>
      </c>
      <c r="W553" s="83">
        <f>Bühler!N585</f>
        <v>45314.958333331997</v>
      </c>
      <c r="X553" s="83">
        <v>43123.958333333336</v>
      </c>
      <c r="Y553">
        <v>254415.28769999999</v>
      </c>
      <c r="Z553">
        <v>19219.731589999999</v>
      </c>
      <c r="AA553">
        <v>48038.823660000002</v>
      </c>
      <c r="AB553">
        <v>47415.570189999999</v>
      </c>
      <c r="AC553">
        <v>43129.599139999998</v>
      </c>
      <c r="AD553">
        <v>30989.150969999999</v>
      </c>
      <c r="AE553">
        <v>33760.132100000003</v>
      </c>
      <c r="AF553">
        <v>54243.70405</v>
      </c>
      <c r="AG553">
        <v>22376.387839999999</v>
      </c>
      <c r="AH553">
        <v>295081.0012</v>
      </c>
      <c r="AI553">
        <v>89004.476580000002</v>
      </c>
      <c r="AJ553">
        <v>27360.38349</v>
      </c>
      <c r="AK553">
        <v>40582.978340000001</v>
      </c>
      <c r="AL553">
        <v>81580.858420000004</v>
      </c>
      <c r="AM553">
        <v>34055.214809999998</v>
      </c>
      <c r="AN553">
        <v>84898.232520000005</v>
      </c>
      <c r="AO553">
        <v>33505.855060000002</v>
      </c>
      <c r="AP553">
        <v>19901.843690000002</v>
      </c>
    </row>
    <row r="554" spans="2:42" x14ac:dyDescent="0.3">
      <c r="B554">
        <v>57.334246613438928</v>
      </c>
      <c r="C554" s="83">
        <v>43124</v>
      </c>
      <c r="D554">
        <v>253394.65549999999</v>
      </c>
      <c r="E554">
        <v>18723.225579999998</v>
      </c>
      <c r="F554">
        <v>47703.773370000003</v>
      </c>
      <c r="G554">
        <v>46679.082450000002</v>
      </c>
      <c r="H554">
        <v>42384.171249999999</v>
      </c>
      <c r="I554">
        <v>29409.446039999999</v>
      </c>
      <c r="J554">
        <v>32286.870480000001</v>
      </c>
      <c r="K554">
        <v>51626.984389999998</v>
      </c>
      <c r="L554">
        <v>20725.183659999999</v>
      </c>
      <c r="M554">
        <v>292316.72659999999</v>
      </c>
      <c r="N554">
        <v>88122.362540000002</v>
      </c>
      <c r="O554">
        <v>27177.812969999999</v>
      </c>
      <c r="P554">
        <v>38301.793740000001</v>
      </c>
      <c r="Q554">
        <v>81031.278659999996</v>
      </c>
      <c r="R554">
        <v>29786.78875</v>
      </c>
      <c r="S554">
        <v>83774.947799999994</v>
      </c>
      <c r="T554">
        <v>32138.730909999998</v>
      </c>
      <c r="U554">
        <v>19501.98532</v>
      </c>
      <c r="W554" s="83">
        <f>Bühler!N586</f>
        <v>45314.999999998661</v>
      </c>
      <c r="X554" s="83">
        <v>43124</v>
      </c>
      <c r="Y554">
        <v>253394.65549999999</v>
      </c>
      <c r="Z554">
        <v>18723.225579999998</v>
      </c>
      <c r="AA554">
        <v>47703.773370000003</v>
      </c>
      <c r="AB554">
        <v>46679.082450000002</v>
      </c>
      <c r="AC554">
        <v>42384.171249999999</v>
      </c>
      <c r="AD554">
        <v>29409.446039999999</v>
      </c>
      <c r="AE554">
        <v>32286.870480000001</v>
      </c>
      <c r="AF554">
        <v>51626.984389999998</v>
      </c>
      <c r="AG554">
        <v>20725.183659999999</v>
      </c>
      <c r="AH554">
        <v>292316.72659999999</v>
      </c>
      <c r="AI554">
        <v>88122.362540000002</v>
      </c>
      <c r="AJ554">
        <v>27177.812969999999</v>
      </c>
      <c r="AK554">
        <v>38301.793740000001</v>
      </c>
      <c r="AL554">
        <v>81031.278659999996</v>
      </c>
      <c r="AM554">
        <v>29786.78875</v>
      </c>
      <c r="AN554">
        <v>83774.947799999994</v>
      </c>
      <c r="AO554">
        <v>32138.730909999998</v>
      </c>
      <c r="AP554">
        <v>19501.98532</v>
      </c>
    </row>
    <row r="555" spans="2:42" x14ac:dyDescent="0.3">
      <c r="B555">
        <v>58.233099600324039</v>
      </c>
      <c r="C555" s="83">
        <v>43124.041666666664</v>
      </c>
      <c r="D555">
        <v>253371.90789999999</v>
      </c>
      <c r="E555">
        <v>19163.494630000001</v>
      </c>
      <c r="F555">
        <v>50295.530420000003</v>
      </c>
      <c r="G555">
        <v>46141.519800000002</v>
      </c>
      <c r="H555">
        <v>43071.071830000001</v>
      </c>
      <c r="I555">
        <v>24803.459419999999</v>
      </c>
      <c r="J555">
        <v>34791.813240000003</v>
      </c>
      <c r="K555">
        <v>51341.428950000001</v>
      </c>
      <c r="L555">
        <v>20233.613600000001</v>
      </c>
      <c r="M555">
        <v>296899.49829999998</v>
      </c>
      <c r="N555">
        <v>89952.02145</v>
      </c>
      <c r="O555">
        <v>27268.11608</v>
      </c>
      <c r="P555">
        <v>37150.302089999997</v>
      </c>
      <c r="Q555">
        <v>81834.183659999995</v>
      </c>
      <c r="R555">
        <v>28627.33354</v>
      </c>
      <c r="S555">
        <v>84780.671820000003</v>
      </c>
      <c r="T555">
        <v>31453.788430000001</v>
      </c>
      <c r="U555">
        <v>19946.621940000001</v>
      </c>
      <c r="W555" s="83">
        <f>Bühler!N587</f>
        <v>45315.041666665325</v>
      </c>
      <c r="X555" s="83">
        <v>43124.041666666664</v>
      </c>
      <c r="Y555">
        <v>253371.90789999999</v>
      </c>
      <c r="Z555">
        <v>19163.494630000001</v>
      </c>
      <c r="AA555">
        <v>50295.530420000003</v>
      </c>
      <c r="AB555">
        <v>46141.519800000002</v>
      </c>
      <c r="AC555">
        <v>43071.071830000001</v>
      </c>
      <c r="AD555">
        <v>24803.459419999999</v>
      </c>
      <c r="AE555">
        <v>34791.813240000003</v>
      </c>
      <c r="AF555">
        <v>51341.428950000001</v>
      </c>
      <c r="AG555">
        <v>20233.613600000001</v>
      </c>
      <c r="AH555">
        <v>296899.49829999998</v>
      </c>
      <c r="AI555">
        <v>89952.02145</v>
      </c>
      <c r="AJ555">
        <v>27268.11608</v>
      </c>
      <c r="AK555">
        <v>37150.302089999997</v>
      </c>
      <c r="AL555">
        <v>81834.183659999995</v>
      </c>
      <c r="AM555">
        <v>28627.33354</v>
      </c>
      <c r="AN555">
        <v>84780.671820000003</v>
      </c>
      <c r="AO555">
        <v>31453.788430000001</v>
      </c>
      <c r="AP555">
        <v>19946.621940000001</v>
      </c>
    </row>
    <row r="556" spans="2:42" x14ac:dyDescent="0.3">
      <c r="B556">
        <v>59.24998002127262</v>
      </c>
      <c r="C556" s="83">
        <v>43124.083333333336</v>
      </c>
      <c r="D556">
        <v>254171.43160000001</v>
      </c>
      <c r="E556">
        <v>19152.130870000001</v>
      </c>
      <c r="F556">
        <v>51693.512119999999</v>
      </c>
      <c r="G556">
        <v>45823.112280000001</v>
      </c>
      <c r="H556">
        <v>42532.185859999998</v>
      </c>
      <c r="I556">
        <v>23399.89861</v>
      </c>
      <c r="J556">
        <v>34908.539109999998</v>
      </c>
      <c r="K556">
        <v>51260.224340000001</v>
      </c>
      <c r="L556">
        <v>20044.705020000001</v>
      </c>
      <c r="M556">
        <v>302084.02889999998</v>
      </c>
      <c r="N556">
        <v>89419.469920000003</v>
      </c>
      <c r="O556">
        <v>27758.34809</v>
      </c>
      <c r="P556">
        <v>35590.847289999998</v>
      </c>
      <c r="Q556">
        <v>84133.280700000003</v>
      </c>
      <c r="R556">
        <v>28997.415430000001</v>
      </c>
      <c r="S556">
        <v>85625.878779999999</v>
      </c>
      <c r="T556">
        <v>31003.821339999999</v>
      </c>
      <c r="U556">
        <v>20299.789369999999</v>
      </c>
      <c r="W556" s="83">
        <f>Bühler!N588</f>
        <v>45315.08333333199</v>
      </c>
      <c r="X556" s="83">
        <v>43124.083333333336</v>
      </c>
      <c r="Y556">
        <v>254171.43160000001</v>
      </c>
      <c r="Z556">
        <v>19152.130870000001</v>
      </c>
      <c r="AA556">
        <v>51693.512119999999</v>
      </c>
      <c r="AB556">
        <v>45823.112280000001</v>
      </c>
      <c r="AC556">
        <v>42532.185859999998</v>
      </c>
      <c r="AD556">
        <v>23399.89861</v>
      </c>
      <c r="AE556">
        <v>34908.539109999998</v>
      </c>
      <c r="AF556">
        <v>51260.224340000001</v>
      </c>
      <c r="AG556">
        <v>20044.705020000001</v>
      </c>
      <c r="AH556">
        <v>302084.02889999998</v>
      </c>
      <c r="AI556">
        <v>89419.469920000003</v>
      </c>
      <c r="AJ556">
        <v>27758.34809</v>
      </c>
      <c r="AK556">
        <v>35590.847289999998</v>
      </c>
      <c r="AL556">
        <v>84133.280700000003</v>
      </c>
      <c r="AM556">
        <v>28997.415430000001</v>
      </c>
      <c r="AN556">
        <v>85625.878779999999</v>
      </c>
      <c r="AO556">
        <v>31003.821339999999</v>
      </c>
      <c r="AP556">
        <v>20299.789369999999</v>
      </c>
    </row>
    <row r="557" spans="2:42" x14ac:dyDescent="0.3">
      <c r="B557">
        <v>59.230215450273938</v>
      </c>
      <c r="C557" s="83">
        <v>43124.125</v>
      </c>
      <c r="D557">
        <v>255705.06359999999</v>
      </c>
      <c r="E557">
        <v>19150.883849999998</v>
      </c>
      <c r="F557">
        <v>52406.163189999999</v>
      </c>
      <c r="G557">
        <v>45236.70594</v>
      </c>
      <c r="H557">
        <v>42761.994789999997</v>
      </c>
      <c r="I557">
        <v>23832.667119999998</v>
      </c>
      <c r="J557">
        <v>35053.283049999998</v>
      </c>
      <c r="K557">
        <v>49579.697460000003</v>
      </c>
      <c r="L557">
        <v>20063.645189999999</v>
      </c>
      <c r="M557">
        <v>301983.2599</v>
      </c>
      <c r="N557">
        <v>89722.929390000005</v>
      </c>
      <c r="O557">
        <v>27542.908950000001</v>
      </c>
      <c r="P557">
        <v>35218.661240000001</v>
      </c>
      <c r="Q557">
        <v>87105.063080000007</v>
      </c>
      <c r="R557">
        <v>28761.115239999999</v>
      </c>
      <c r="S557">
        <v>84767.428539999994</v>
      </c>
      <c r="T557">
        <v>30744.108660000002</v>
      </c>
      <c r="U557">
        <v>20170.778689999999</v>
      </c>
      <c r="W557" s="83">
        <f>Bühler!N589</f>
        <v>45315.124999998654</v>
      </c>
      <c r="X557" s="83">
        <v>43124.125</v>
      </c>
      <c r="Y557">
        <v>255705.06359999999</v>
      </c>
      <c r="Z557">
        <v>19150.883849999998</v>
      </c>
      <c r="AA557">
        <v>52406.163189999999</v>
      </c>
      <c r="AB557">
        <v>45236.70594</v>
      </c>
      <c r="AC557">
        <v>42761.994789999997</v>
      </c>
      <c r="AD557">
        <v>23832.667119999998</v>
      </c>
      <c r="AE557">
        <v>35053.283049999998</v>
      </c>
      <c r="AF557">
        <v>49579.697460000003</v>
      </c>
      <c r="AG557">
        <v>20063.645189999999</v>
      </c>
      <c r="AH557">
        <v>301983.2599</v>
      </c>
      <c r="AI557">
        <v>89722.929390000005</v>
      </c>
      <c r="AJ557">
        <v>27542.908950000001</v>
      </c>
      <c r="AK557">
        <v>35218.661240000001</v>
      </c>
      <c r="AL557">
        <v>87105.063080000007</v>
      </c>
      <c r="AM557">
        <v>28761.115239999999</v>
      </c>
      <c r="AN557">
        <v>84767.428539999994</v>
      </c>
      <c r="AO557">
        <v>30744.108660000002</v>
      </c>
      <c r="AP557">
        <v>20170.778689999999</v>
      </c>
    </row>
    <row r="558" spans="2:42" x14ac:dyDescent="0.3">
      <c r="B558">
        <v>60.246893202433384</v>
      </c>
      <c r="C558" s="83">
        <v>43124.166666666664</v>
      </c>
      <c r="D558">
        <v>258246.5582</v>
      </c>
      <c r="E558">
        <v>19767.36735</v>
      </c>
      <c r="F558">
        <v>56025.209289999999</v>
      </c>
      <c r="G558">
        <v>45260.432289999997</v>
      </c>
      <c r="H558">
        <v>43909.900260000002</v>
      </c>
      <c r="I558">
        <v>27912.071550000001</v>
      </c>
      <c r="J558">
        <v>37381.353450000002</v>
      </c>
      <c r="K558">
        <v>47610.591549999997</v>
      </c>
      <c r="L558">
        <v>20213.457979999999</v>
      </c>
      <c r="M558">
        <v>307166.75719999999</v>
      </c>
      <c r="N558">
        <v>89810.69369</v>
      </c>
      <c r="O558">
        <v>28714.461149999999</v>
      </c>
      <c r="P558">
        <v>34819.651189999997</v>
      </c>
      <c r="Q558">
        <v>90451.197660000005</v>
      </c>
      <c r="R558">
        <v>28781.295880000001</v>
      </c>
      <c r="S558">
        <v>85192.024290000001</v>
      </c>
      <c r="T558">
        <v>30445.256399999998</v>
      </c>
      <c r="U558">
        <v>20635.88595</v>
      </c>
      <c r="W558" s="83">
        <f>Bühler!N590</f>
        <v>45315.166666665318</v>
      </c>
      <c r="X558" s="83">
        <v>43124.166666666664</v>
      </c>
      <c r="Y558">
        <v>258246.5582</v>
      </c>
      <c r="Z558">
        <v>19767.36735</v>
      </c>
      <c r="AA558">
        <v>56025.209289999999</v>
      </c>
      <c r="AB558">
        <v>45260.432289999997</v>
      </c>
      <c r="AC558">
        <v>43909.900260000002</v>
      </c>
      <c r="AD558">
        <v>27912.071550000001</v>
      </c>
      <c r="AE558">
        <v>37381.353450000002</v>
      </c>
      <c r="AF558">
        <v>47610.591549999997</v>
      </c>
      <c r="AG558">
        <v>20213.457979999999</v>
      </c>
      <c r="AH558">
        <v>307166.75719999999</v>
      </c>
      <c r="AI558">
        <v>89810.69369</v>
      </c>
      <c r="AJ558">
        <v>28714.461149999999</v>
      </c>
      <c r="AK558">
        <v>34819.651189999997</v>
      </c>
      <c r="AL558">
        <v>90451.197660000005</v>
      </c>
      <c r="AM558">
        <v>28781.295880000001</v>
      </c>
      <c r="AN558">
        <v>85192.024290000001</v>
      </c>
      <c r="AO558">
        <v>30445.256399999998</v>
      </c>
      <c r="AP558">
        <v>20635.88595</v>
      </c>
    </row>
    <row r="559" spans="2:42" x14ac:dyDescent="0.3">
      <c r="B559">
        <v>62.924236011911304</v>
      </c>
      <c r="C559" s="83">
        <v>43124.208333333336</v>
      </c>
      <c r="D559">
        <v>273697.76549999998</v>
      </c>
      <c r="E559">
        <v>21660.67355</v>
      </c>
      <c r="F559">
        <v>66477.952099999995</v>
      </c>
      <c r="G559">
        <v>48121.282429999999</v>
      </c>
      <c r="H559">
        <v>46232.926169999999</v>
      </c>
      <c r="I559">
        <v>35850.905939999997</v>
      </c>
      <c r="J559">
        <v>40090.98444</v>
      </c>
      <c r="K559">
        <v>48104.136680000003</v>
      </c>
      <c r="L559">
        <v>20950.06035</v>
      </c>
      <c r="M559">
        <v>320817.09940000001</v>
      </c>
      <c r="N559">
        <v>92010.42499</v>
      </c>
      <c r="O559">
        <v>28861.434000000001</v>
      </c>
      <c r="P559">
        <v>35559.473039999997</v>
      </c>
      <c r="Q559">
        <v>92951.038459999996</v>
      </c>
      <c r="R559">
        <v>31381.881809999999</v>
      </c>
      <c r="S559">
        <v>87411.394230000005</v>
      </c>
      <c r="T559">
        <v>31773.92656</v>
      </c>
      <c r="U559">
        <v>22820.290570000001</v>
      </c>
      <c r="W559" s="83">
        <f>Bühler!N591</f>
        <v>45315.208333331982</v>
      </c>
      <c r="X559" s="83">
        <v>43124.208333333336</v>
      </c>
      <c r="Y559">
        <v>273697.76549999998</v>
      </c>
      <c r="Z559">
        <v>21660.67355</v>
      </c>
      <c r="AA559">
        <v>66477.952099999995</v>
      </c>
      <c r="AB559">
        <v>48121.282429999999</v>
      </c>
      <c r="AC559">
        <v>46232.926169999999</v>
      </c>
      <c r="AD559">
        <v>35850.905939999997</v>
      </c>
      <c r="AE559">
        <v>40090.98444</v>
      </c>
      <c r="AF559">
        <v>48104.136680000003</v>
      </c>
      <c r="AG559">
        <v>20950.06035</v>
      </c>
      <c r="AH559">
        <v>320817.09940000001</v>
      </c>
      <c r="AI559">
        <v>92010.42499</v>
      </c>
      <c r="AJ559">
        <v>28861.434000000001</v>
      </c>
      <c r="AK559">
        <v>35559.473039999997</v>
      </c>
      <c r="AL559">
        <v>92951.038459999996</v>
      </c>
      <c r="AM559">
        <v>31381.881809999999</v>
      </c>
      <c r="AN559">
        <v>87411.394230000005</v>
      </c>
      <c r="AO559">
        <v>31773.92656</v>
      </c>
      <c r="AP559">
        <v>22820.290570000001</v>
      </c>
    </row>
    <row r="560" spans="2:42" x14ac:dyDescent="0.3">
      <c r="B560">
        <v>65.766254459843665</v>
      </c>
      <c r="C560" s="83">
        <v>43124.25</v>
      </c>
      <c r="D560">
        <v>288108.2856</v>
      </c>
      <c r="E560">
        <v>26084.674480000001</v>
      </c>
      <c r="F560">
        <v>77919.310620000004</v>
      </c>
      <c r="G560">
        <v>60065.784699999997</v>
      </c>
      <c r="H560">
        <v>49803.656360000001</v>
      </c>
      <c r="I560">
        <v>43640.644630000003</v>
      </c>
      <c r="J560">
        <v>43285.04161</v>
      </c>
      <c r="K560">
        <v>49636.545209999997</v>
      </c>
      <c r="L560">
        <v>22349.691559999999</v>
      </c>
      <c r="M560">
        <v>335307.03480000002</v>
      </c>
      <c r="N560">
        <v>92283.483290000004</v>
      </c>
      <c r="O560">
        <v>29395.27231</v>
      </c>
      <c r="P560">
        <v>35472.146390000002</v>
      </c>
      <c r="Q560">
        <v>95264.465769999995</v>
      </c>
      <c r="R560">
        <v>21776.730220000001</v>
      </c>
      <c r="S560">
        <v>95263.501180000007</v>
      </c>
      <c r="T560">
        <v>34623.579210000004</v>
      </c>
      <c r="U560">
        <v>23858.202209999999</v>
      </c>
      <c r="W560" s="83">
        <f>Bühler!N592</f>
        <v>45315.249999998647</v>
      </c>
      <c r="X560" s="83">
        <v>43124.25</v>
      </c>
      <c r="Y560">
        <v>288108.2856</v>
      </c>
      <c r="Z560">
        <v>26084.674480000001</v>
      </c>
      <c r="AA560">
        <v>77919.310620000004</v>
      </c>
      <c r="AB560">
        <v>60065.784699999997</v>
      </c>
      <c r="AC560">
        <v>49803.656360000001</v>
      </c>
      <c r="AD560">
        <v>43640.644630000003</v>
      </c>
      <c r="AE560">
        <v>43285.04161</v>
      </c>
      <c r="AF560">
        <v>49636.545209999997</v>
      </c>
      <c r="AG560">
        <v>22349.691559999999</v>
      </c>
      <c r="AH560">
        <v>335307.03480000002</v>
      </c>
      <c r="AI560">
        <v>92283.483290000004</v>
      </c>
      <c r="AJ560">
        <v>29395.27231</v>
      </c>
      <c r="AK560">
        <v>35472.146390000002</v>
      </c>
      <c r="AL560">
        <v>95264.465769999995</v>
      </c>
      <c r="AM560">
        <v>21776.730220000001</v>
      </c>
      <c r="AN560">
        <v>95263.501180000007</v>
      </c>
      <c r="AO560">
        <v>34623.579210000004</v>
      </c>
      <c r="AP560">
        <v>23858.202209999999</v>
      </c>
    </row>
    <row r="561" spans="2:42" x14ac:dyDescent="0.3">
      <c r="B561">
        <v>66.394232499759852</v>
      </c>
      <c r="C561" s="83">
        <v>43124.291666666664</v>
      </c>
      <c r="D561">
        <v>301996.5833</v>
      </c>
      <c r="E561">
        <v>31956.15958</v>
      </c>
      <c r="F561">
        <v>79043.102039999998</v>
      </c>
      <c r="G561">
        <v>74813.450870000001</v>
      </c>
      <c r="H561">
        <v>55552.110489999999</v>
      </c>
      <c r="I561">
        <v>52803.412640000002</v>
      </c>
      <c r="J561">
        <v>41490.110589999997</v>
      </c>
      <c r="K561">
        <v>55073.823170000003</v>
      </c>
      <c r="L561">
        <v>25172.435570000001</v>
      </c>
      <c r="M561">
        <v>338508.7597</v>
      </c>
      <c r="N561">
        <v>97432.584969999996</v>
      </c>
      <c r="O561">
        <v>32914.013619999998</v>
      </c>
      <c r="P561">
        <v>39470.944069999998</v>
      </c>
      <c r="Q561">
        <v>94878.735069999995</v>
      </c>
      <c r="R561">
        <v>23071.88797</v>
      </c>
      <c r="S561">
        <v>108093.2447</v>
      </c>
      <c r="T561">
        <v>36274.03052</v>
      </c>
      <c r="U561">
        <v>28459.727900000002</v>
      </c>
      <c r="W561" s="83">
        <f>Bühler!N593</f>
        <v>45315.291666665311</v>
      </c>
      <c r="X561" s="83">
        <v>43124.291666666664</v>
      </c>
      <c r="Y561">
        <v>301996.5833</v>
      </c>
      <c r="Z561">
        <v>31956.15958</v>
      </c>
      <c r="AA561">
        <v>79043.102039999998</v>
      </c>
      <c r="AB561">
        <v>74813.450870000001</v>
      </c>
      <c r="AC561">
        <v>55552.110489999999</v>
      </c>
      <c r="AD561">
        <v>52803.412640000002</v>
      </c>
      <c r="AE561">
        <v>41490.110589999997</v>
      </c>
      <c r="AF561">
        <v>55073.823170000003</v>
      </c>
      <c r="AG561">
        <v>25172.435570000001</v>
      </c>
      <c r="AH561">
        <v>338508.7597</v>
      </c>
      <c r="AI561">
        <v>97432.584969999996</v>
      </c>
      <c r="AJ561">
        <v>32914.013619999998</v>
      </c>
      <c r="AK561">
        <v>39470.944069999998</v>
      </c>
      <c r="AL561">
        <v>94878.735069999995</v>
      </c>
      <c r="AM561">
        <v>23071.88797</v>
      </c>
      <c r="AN561">
        <v>108093.2447</v>
      </c>
      <c r="AO561">
        <v>36274.03052</v>
      </c>
      <c r="AP561">
        <v>28459.727900000002</v>
      </c>
    </row>
    <row r="562" spans="2:42" x14ac:dyDescent="0.3">
      <c r="B562">
        <v>67.049450613589485</v>
      </c>
      <c r="C562" s="83">
        <v>43124.333333333336</v>
      </c>
      <c r="D562">
        <v>312738.91239999997</v>
      </c>
      <c r="E562">
        <v>38409.831050000001</v>
      </c>
      <c r="F562">
        <v>84771.576209999999</v>
      </c>
      <c r="G562">
        <v>92983.027359999993</v>
      </c>
      <c r="H562">
        <v>61797.127899999999</v>
      </c>
      <c r="I562">
        <v>56596.293740000001</v>
      </c>
      <c r="J562">
        <v>43282.06194</v>
      </c>
      <c r="K562">
        <v>59435.770969999998</v>
      </c>
      <c r="L562">
        <v>28740.61047</v>
      </c>
      <c r="M562">
        <v>341849.36719999998</v>
      </c>
      <c r="N562">
        <v>104102.90919999999</v>
      </c>
      <c r="O562">
        <v>35384.2448</v>
      </c>
      <c r="P562">
        <v>41803.457280000002</v>
      </c>
      <c r="Q562">
        <v>96257.602509999997</v>
      </c>
      <c r="R562">
        <v>25849.30285</v>
      </c>
      <c r="S562">
        <v>123519.2429</v>
      </c>
      <c r="T562">
        <v>40424.694680000001</v>
      </c>
      <c r="U562">
        <v>32039.046770000001</v>
      </c>
      <c r="W562" s="83">
        <f>Bühler!N594</f>
        <v>45315.333333331975</v>
      </c>
      <c r="X562" s="83">
        <v>43124.333333333336</v>
      </c>
      <c r="Y562">
        <v>312738.91239999997</v>
      </c>
      <c r="Z562">
        <v>38409.831050000001</v>
      </c>
      <c r="AA562">
        <v>84771.576209999999</v>
      </c>
      <c r="AB562">
        <v>92983.027359999993</v>
      </c>
      <c r="AC562">
        <v>61797.127899999999</v>
      </c>
      <c r="AD562">
        <v>56596.293740000001</v>
      </c>
      <c r="AE562">
        <v>43282.06194</v>
      </c>
      <c r="AF562">
        <v>59435.770969999998</v>
      </c>
      <c r="AG562">
        <v>28740.61047</v>
      </c>
      <c r="AH562">
        <v>341849.36719999998</v>
      </c>
      <c r="AI562">
        <v>104102.90919999999</v>
      </c>
      <c r="AJ562">
        <v>35384.2448</v>
      </c>
      <c r="AK562">
        <v>41803.457280000002</v>
      </c>
      <c r="AL562">
        <v>96257.602509999997</v>
      </c>
      <c r="AM562">
        <v>25849.30285</v>
      </c>
      <c r="AN562">
        <v>123519.2429</v>
      </c>
      <c r="AO562">
        <v>40424.694680000001</v>
      </c>
      <c r="AP562">
        <v>32039.046770000001</v>
      </c>
    </row>
    <row r="563" spans="2:42" x14ac:dyDescent="0.3">
      <c r="B563">
        <v>66.005087634043434</v>
      </c>
      <c r="C563" s="83">
        <v>43124.375</v>
      </c>
      <c r="D563">
        <v>314716.6409</v>
      </c>
      <c r="E563">
        <v>42655.817219999997</v>
      </c>
      <c r="F563">
        <v>89514.640750000006</v>
      </c>
      <c r="G563">
        <v>102424.4994</v>
      </c>
      <c r="H563">
        <v>63224.970480000004</v>
      </c>
      <c r="I563">
        <v>53989.901400000002</v>
      </c>
      <c r="J563">
        <v>42763.350980000003</v>
      </c>
      <c r="K563">
        <v>57987.734790000002</v>
      </c>
      <c r="L563">
        <v>31959.35543</v>
      </c>
      <c r="M563">
        <v>336524.71769999998</v>
      </c>
      <c r="N563">
        <v>110343.88039999999</v>
      </c>
      <c r="O563">
        <v>35489.145340000003</v>
      </c>
      <c r="P563">
        <v>42182.146840000001</v>
      </c>
      <c r="Q563">
        <v>95579.916219999999</v>
      </c>
      <c r="R563">
        <v>24575.702959999999</v>
      </c>
      <c r="S563">
        <v>130187.4016</v>
      </c>
      <c r="T563">
        <v>42771.074639999999</v>
      </c>
      <c r="U563">
        <v>31447.855609999999</v>
      </c>
      <c r="W563" s="83">
        <f>Bühler!N595</f>
        <v>45315.374999998639</v>
      </c>
      <c r="X563" s="83">
        <v>43124.375</v>
      </c>
      <c r="Y563">
        <v>314716.6409</v>
      </c>
      <c r="Z563">
        <v>42655.817219999997</v>
      </c>
      <c r="AA563">
        <v>89514.640750000006</v>
      </c>
      <c r="AB563">
        <v>102424.4994</v>
      </c>
      <c r="AC563">
        <v>63224.970480000004</v>
      </c>
      <c r="AD563">
        <v>53989.901400000002</v>
      </c>
      <c r="AE563">
        <v>42763.350980000003</v>
      </c>
      <c r="AF563">
        <v>57987.734790000002</v>
      </c>
      <c r="AG563">
        <v>31959.35543</v>
      </c>
      <c r="AH563">
        <v>336524.71769999998</v>
      </c>
      <c r="AI563">
        <v>110343.88039999999</v>
      </c>
      <c r="AJ563">
        <v>35489.145340000003</v>
      </c>
      <c r="AK563">
        <v>42182.146840000001</v>
      </c>
      <c r="AL563">
        <v>95579.916219999999</v>
      </c>
      <c r="AM563">
        <v>24575.702959999999</v>
      </c>
      <c r="AN563">
        <v>130187.4016</v>
      </c>
      <c r="AO563">
        <v>42771.074639999999</v>
      </c>
      <c r="AP563">
        <v>31447.855609999999</v>
      </c>
    </row>
    <row r="564" spans="2:42" x14ac:dyDescent="0.3">
      <c r="B564">
        <v>66.170638457249666</v>
      </c>
      <c r="C564" s="83">
        <v>43124.416666666664</v>
      </c>
      <c r="D564">
        <v>315438.97080000001</v>
      </c>
      <c r="E564">
        <v>43967.519619999999</v>
      </c>
      <c r="F564">
        <v>90225.813529999999</v>
      </c>
      <c r="G564">
        <v>102122.0214</v>
      </c>
      <c r="H564">
        <v>63657.989379999999</v>
      </c>
      <c r="I564">
        <v>50106.703990000002</v>
      </c>
      <c r="J564">
        <v>40784.592069999999</v>
      </c>
      <c r="K564">
        <v>60139.416169999997</v>
      </c>
      <c r="L564">
        <v>33669.725180000001</v>
      </c>
      <c r="M564">
        <v>337368.77299999999</v>
      </c>
      <c r="N564">
        <v>112259.97930000001</v>
      </c>
      <c r="O564">
        <v>35471.558210000003</v>
      </c>
      <c r="P564">
        <v>42352.06263</v>
      </c>
      <c r="Q564">
        <v>95824.506760000004</v>
      </c>
      <c r="R564">
        <v>25497.024020000001</v>
      </c>
      <c r="S564">
        <v>128522.4633</v>
      </c>
      <c r="T564">
        <v>43417.554810000001</v>
      </c>
      <c r="U564">
        <v>30829.90094</v>
      </c>
      <c r="W564" s="83">
        <f>Bühler!N596</f>
        <v>45315.416666665304</v>
      </c>
      <c r="X564" s="83">
        <v>43124.416666666664</v>
      </c>
      <c r="Y564">
        <v>315438.97080000001</v>
      </c>
      <c r="Z564">
        <v>43967.519619999999</v>
      </c>
      <c r="AA564">
        <v>90225.813529999999</v>
      </c>
      <c r="AB564">
        <v>102122.0214</v>
      </c>
      <c r="AC564">
        <v>63657.989379999999</v>
      </c>
      <c r="AD564">
        <v>50106.703990000002</v>
      </c>
      <c r="AE564">
        <v>40784.592069999999</v>
      </c>
      <c r="AF564">
        <v>60139.416169999997</v>
      </c>
      <c r="AG564">
        <v>33669.725180000001</v>
      </c>
      <c r="AH564">
        <v>337368.77299999999</v>
      </c>
      <c r="AI564">
        <v>112259.97930000001</v>
      </c>
      <c r="AJ564">
        <v>35471.558210000003</v>
      </c>
      <c r="AK564">
        <v>42352.06263</v>
      </c>
      <c r="AL564">
        <v>95824.506760000004</v>
      </c>
      <c r="AM564">
        <v>25497.024020000001</v>
      </c>
      <c r="AN564">
        <v>128522.4633</v>
      </c>
      <c r="AO564">
        <v>43417.554810000001</v>
      </c>
      <c r="AP564">
        <v>30829.90094</v>
      </c>
    </row>
    <row r="565" spans="2:42" x14ac:dyDescent="0.3">
      <c r="B565">
        <v>66.170934016717737</v>
      </c>
      <c r="C565" s="83">
        <v>43124.458333333336</v>
      </c>
      <c r="D565">
        <v>314925.97989999998</v>
      </c>
      <c r="E565">
        <v>43592.931799999998</v>
      </c>
      <c r="F565">
        <v>90216.956179999994</v>
      </c>
      <c r="G565">
        <v>97949.210590000002</v>
      </c>
      <c r="H565">
        <v>63009.726609999998</v>
      </c>
      <c r="I565">
        <v>49574.226949999997</v>
      </c>
      <c r="J565">
        <v>40369.954389999999</v>
      </c>
      <c r="K565">
        <v>65963.840519999998</v>
      </c>
      <c r="L565">
        <v>35194.589950000001</v>
      </c>
      <c r="M565">
        <v>337370.27990000002</v>
      </c>
      <c r="N565">
        <v>111074.2599</v>
      </c>
      <c r="O565">
        <v>34841.119740000002</v>
      </c>
      <c r="P565">
        <v>41524.610180000003</v>
      </c>
      <c r="Q565">
        <v>96332.725890000002</v>
      </c>
      <c r="R565">
        <v>28837.794979999999</v>
      </c>
      <c r="S565">
        <v>129439.5569</v>
      </c>
      <c r="T565">
        <v>42925.950120000001</v>
      </c>
      <c r="U565">
        <v>31014.581190000001</v>
      </c>
      <c r="W565" s="83">
        <f>Bühler!N597</f>
        <v>45315.458333331968</v>
      </c>
      <c r="X565" s="83">
        <v>43124.458333333336</v>
      </c>
      <c r="Y565">
        <v>314925.97989999998</v>
      </c>
      <c r="Z565">
        <v>43592.931799999998</v>
      </c>
      <c r="AA565">
        <v>90216.956179999994</v>
      </c>
      <c r="AB565">
        <v>97949.210590000002</v>
      </c>
      <c r="AC565">
        <v>63009.726609999998</v>
      </c>
      <c r="AD565">
        <v>49574.226949999997</v>
      </c>
      <c r="AE565">
        <v>40369.954389999999</v>
      </c>
      <c r="AF565">
        <v>65963.840519999998</v>
      </c>
      <c r="AG565">
        <v>35194.589950000001</v>
      </c>
      <c r="AH565">
        <v>337370.27990000002</v>
      </c>
      <c r="AI565">
        <v>111074.2599</v>
      </c>
      <c r="AJ565">
        <v>34841.119740000002</v>
      </c>
      <c r="AK565">
        <v>41524.610180000003</v>
      </c>
      <c r="AL565">
        <v>96332.725890000002</v>
      </c>
      <c r="AM565">
        <v>28837.794979999999</v>
      </c>
      <c r="AN565">
        <v>129439.5569</v>
      </c>
      <c r="AO565">
        <v>42925.950120000001</v>
      </c>
      <c r="AP565">
        <v>31014.581190000001</v>
      </c>
    </row>
    <row r="566" spans="2:42" x14ac:dyDescent="0.3">
      <c r="B566">
        <v>65.528029919651033</v>
      </c>
      <c r="C566" s="83">
        <v>43124.5</v>
      </c>
      <c r="D566">
        <v>301339.91070000001</v>
      </c>
      <c r="E566">
        <v>39358.452100000002</v>
      </c>
      <c r="F566">
        <v>85163.153260000006</v>
      </c>
      <c r="G566">
        <v>91011.579750000004</v>
      </c>
      <c r="H566">
        <v>59463.925470000002</v>
      </c>
      <c r="I566">
        <v>45525.665260000002</v>
      </c>
      <c r="J566">
        <v>40689.48936</v>
      </c>
      <c r="K566">
        <v>62994.507389999999</v>
      </c>
      <c r="L566">
        <v>37574.476770000001</v>
      </c>
      <c r="M566">
        <v>334092.45500000002</v>
      </c>
      <c r="N566">
        <v>106298.4641</v>
      </c>
      <c r="O566">
        <v>34268.353519999997</v>
      </c>
      <c r="P566">
        <v>42808.156450000002</v>
      </c>
      <c r="Q566">
        <v>94043.006739999997</v>
      </c>
      <c r="R566">
        <v>28212.003720000001</v>
      </c>
      <c r="S566">
        <v>121376.17819999999</v>
      </c>
      <c r="T566">
        <v>42201.780140000003</v>
      </c>
      <c r="U566">
        <v>27290.915939999999</v>
      </c>
      <c r="W566" s="83">
        <f>Bühler!N598</f>
        <v>45315.499999998632</v>
      </c>
      <c r="X566" s="83">
        <v>43124.5</v>
      </c>
      <c r="Y566">
        <v>301339.91070000001</v>
      </c>
      <c r="Z566">
        <v>39358.452100000002</v>
      </c>
      <c r="AA566">
        <v>85163.153260000006</v>
      </c>
      <c r="AB566">
        <v>91011.579750000004</v>
      </c>
      <c r="AC566">
        <v>59463.925470000002</v>
      </c>
      <c r="AD566">
        <v>45525.665260000002</v>
      </c>
      <c r="AE566">
        <v>40689.48936</v>
      </c>
      <c r="AF566">
        <v>62994.507389999999</v>
      </c>
      <c r="AG566">
        <v>37574.476770000001</v>
      </c>
      <c r="AH566">
        <v>334092.45500000002</v>
      </c>
      <c r="AI566">
        <v>106298.4641</v>
      </c>
      <c r="AJ566">
        <v>34268.353519999997</v>
      </c>
      <c r="AK566">
        <v>42808.156450000002</v>
      </c>
      <c r="AL566">
        <v>94043.006739999997</v>
      </c>
      <c r="AM566">
        <v>28212.003720000001</v>
      </c>
      <c r="AN566">
        <v>121376.17819999999</v>
      </c>
      <c r="AO566">
        <v>42201.780140000003</v>
      </c>
      <c r="AP566">
        <v>27290.915939999999</v>
      </c>
    </row>
    <row r="567" spans="2:42" x14ac:dyDescent="0.3">
      <c r="B567">
        <v>64.932858451119543</v>
      </c>
      <c r="C567" s="83">
        <v>43124.541666666664</v>
      </c>
      <c r="D567">
        <v>302478.33870000002</v>
      </c>
      <c r="E567">
        <v>38853.800049999998</v>
      </c>
      <c r="F567">
        <v>82150.471049999993</v>
      </c>
      <c r="G567">
        <v>84268.205679999999</v>
      </c>
      <c r="H567">
        <v>59447.300510000001</v>
      </c>
      <c r="I567">
        <v>45813.176950000001</v>
      </c>
      <c r="J567">
        <v>39239.330499999996</v>
      </c>
      <c r="K567">
        <v>66164.291830000002</v>
      </c>
      <c r="L567">
        <v>35448.841469999999</v>
      </c>
      <c r="M567">
        <v>331057.99329999997</v>
      </c>
      <c r="N567">
        <v>105780.72659999999</v>
      </c>
      <c r="O567">
        <v>33890.09403</v>
      </c>
      <c r="P567">
        <v>41086.628250000002</v>
      </c>
      <c r="Q567">
        <v>92927.985539999994</v>
      </c>
      <c r="R567">
        <v>27214.476750000002</v>
      </c>
      <c r="S567">
        <v>120692.34110000001</v>
      </c>
      <c r="T567">
        <v>41090.296179999998</v>
      </c>
      <c r="U567">
        <v>27829.15425</v>
      </c>
      <c r="W567" s="83">
        <f>Bühler!N599</f>
        <v>45315.541666665296</v>
      </c>
      <c r="X567" s="83">
        <v>43124.541666666664</v>
      </c>
      <c r="Y567">
        <v>302478.33870000002</v>
      </c>
      <c r="Z567">
        <v>38853.800049999998</v>
      </c>
      <c r="AA567">
        <v>82150.471049999993</v>
      </c>
      <c r="AB567">
        <v>84268.205679999999</v>
      </c>
      <c r="AC567">
        <v>59447.300510000001</v>
      </c>
      <c r="AD567">
        <v>45813.176950000001</v>
      </c>
      <c r="AE567">
        <v>39239.330499999996</v>
      </c>
      <c r="AF567">
        <v>66164.291830000002</v>
      </c>
      <c r="AG567">
        <v>35448.841469999999</v>
      </c>
      <c r="AH567">
        <v>331057.99329999997</v>
      </c>
      <c r="AI567">
        <v>105780.72659999999</v>
      </c>
      <c r="AJ567">
        <v>33890.09403</v>
      </c>
      <c r="AK567">
        <v>41086.628250000002</v>
      </c>
      <c r="AL567">
        <v>92927.985539999994</v>
      </c>
      <c r="AM567">
        <v>27214.476750000002</v>
      </c>
      <c r="AN567">
        <v>120692.34110000001</v>
      </c>
      <c r="AO567">
        <v>41090.296179999998</v>
      </c>
      <c r="AP567">
        <v>27829.15425</v>
      </c>
    </row>
    <row r="568" spans="2:42" x14ac:dyDescent="0.3">
      <c r="B568">
        <v>65.192272539845817</v>
      </c>
      <c r="C568" s="83">
        <v>43124.583333333336</v>
      </c>
      <c r="D568">
        <v>305347.76140000002</v>
      </c>
      <c r="E568">
        <v>41470.64503</v>
      </c>
      <c r="F568">
        <v>88488.660730000003</v>
      </c>
      <c r="G568">
        <v>81757.526060000004</v>
      </c>
      <c r="H568">
        <v>59012.303370000001</v>
      </c>
      <c r="I568">
        <v>46845.913390000002</v>
      </c>
      <c r="J568">
        <v>38959.20319</v>
      </c>
      <c r="K568">
        <v>67015.841990000001</v>
      </c>
      <c r="L568">
        <v>32171.856390000001</v>
      </c>
      <c r="M568">
        <v>332380.60729999997</v>
      </c>
      <c r="N568">
        <v>107206.6033</v>
      </c>
      <c r="O568">
        <v>33921.343800000002</v>
      </c>
      <c r="P568">
        <v>39225.578020000001</v>
      </c>
      <c r="Q568">
        <v>91681.621960000004</v>
      </c>
      <c r="R568">
        <v>27006.196309999999</v>
      </c>
      <c r="S568">
        <v>115682.1875</v>
      </c>
      <c r="T568">
        <v>40105.141439999999</v>
      </c>
      <c r="U568">
        <v>28740.317849999999</v>
      </c>
      <c r="W568" s="83">
        <f>Bühler!N600</f>
        <v>45315.583333331961</v>
      </c>
      <c r="X568" s="83">
        <v>43124.583333333336</v>
      </c>
      <c r="Y568">
        <v>305347.76140000002</v>
      </c>
      <c r="Z568">
        <v>41470.64503</v>
      </c>
      <c r="AA568">
        <v>88488.660730000003</v>
      </c>
      <c r="AB568">
        <v>81757.526060000004</v>
      </c>
      <c r="AC568">
        <v>59012.303370000001</v>
      </c>
      <c r="AD568">
        <v>46845.913390000002</v>
      </c>
      <c r="AE568">
        <v>38959.20319</v>
      </c>
      <c r="AF568">
        <v>67015.841990000001</v>
      </c>
      <c r="AG568">
        <v>32171.856390000001</v>
      </c>
      <c r="AH568">
        <v>332380.60729999997</v>
      </c>
      <c r="AI568">
        <v>107206.6033</v>
      </c>
      <c r="AJ568">
        <v>33921.343800000002</v>
      </c>
      <c r="AK568">
        <v>39225.578020000001</v>
      </c>
      <c r="AL568">
        <v>91681.621960000004</v>
      </c>
      <c r="AM568">
        <v>27006.196309999999</v>
      </c>
      <c r="AN568">
        <v>115682.1875</v>
      </c>
      <c r="AO568">
        <v>40105.141439999999</v>
      </c>
      <c r="AP568">
        <v>28740.317849999999</v>
      </c>
    </row>
    <row r="569" spans="2:42" x14ac:dyDescent="0.3">
      <c r="B569">
        <v>64.298048631278988</v>
      </c>
      <c r="C569" s="83">
        <v>43124.625</v>
      </c>
      <c r="D569">
        <v>303423.65600000002</v>
      </c>
      <c r="E569">
        <v>41167.024270000002</v>
      </c>
      <c r="F569">
        <v>89012.43823</v>
      </c>
      <c r="G569">
        <v>79996.883400000006</v>
      </c>
      <c r="H569">
        <v>58103.852599999998</v>
      </c>
      <c r="I569">
        <v>47641.45117</v>
      </c>
      <c r="J569">
        <v>38728.660980000001</v>
      </c>
      <c r="K569">
        <v>65824.918959999995</v>
      </c>
      <c r="L569">
        <v>28920.036479999999</v>
      </c>
      <c r="M569">
        <v>327821.43680000002</v>
      </c>
      <c r="N569">
        <v>106235.9757</v>
      </c>
      <c r="O569">
        <v>33960.39417</v>
      </c>
      <c r="P569">
        <v>37875.187489999997</v>
      </c>
      <c r="Q569">
        <v>91884.133140000005</v>
      </c>
      <c r="R569">
        <v>26003.788519999998</v>
      </c>
      <c r="S569">
        <v>112943.8523</v>
      </c>
      <c r="T569">
        <v>39981.397499999999</v>
      </c>
      <c r="U569">
        <v>27915.649150000001</v>
      </c>
      <c r="W569" s="83">
        <f>Bühler!N601</f>
        <v>45315.624999998625</v>
      </c>
      <c r="X569" s="83">
        <v>43124.625</v>
      </c>
      <c r="Y569">
        <v>303423.65600000002</v>
      </c>
      <c r="Z569">
        <v>41167.024270000002</v>
      </c>
      <c r="AA569">
        <v>89012.43823</v>
      </c>
      <c r="AB569">
        <v>79996.883400000006</v>
      </c>
      <c r="AC569">
        <v>58103.852599999998</v>
      </c>
      <c r="AD569">
        <v>47641.45117</v>
      </c>
      <c r="AE569">
        <v>38728.660980000001</v>
      </c>
      <c r="AF569">
        <v>65824.918959999995</v>
      </c>
      <c r="AG569">
        <v>28920.036479999999</v>
      </c>
      <c r="AH569">
        <v>327821.43680000002</v>
      </c>
      <c r="AI569">
        <v>106235.9757</v>
      </c>
      <c r="AJ569">
        <v>33960.39417</v>
      </c>
      <c r="AK569">
        <v>37875.187489999997</v>
      </c>
      <c r="AL569">
        <v>91884.133140000005</v>
      </c>
      <c r="AM569">
        <v>26003.788519999998</v>
      </c>
      <c r="AN569">
        <v>112943.8523</v>
      </c>
      <c r="AO569">
        <v>39981.397499999999</v>
      </c>
      <c r="AP569">
        <v>27915.649150000001</v>
      </c>
    </row>
    <row r="570" spans="2:42" x14ac:dyDescent="0.3">
      <c r="B570">
        <v>63.326625232983041</v>
      </c>
      <c r="C570" s="83">
        <v>43124.666666666664</v>
      </c>
      <c r="D570">
        <v>297180.6998</v>
      </c>
      <c r="E570">
        <v>40327.839569999996</v>
      </c>
      <c r="F570">
        <v>88617.249400000001</v>
      </c>
      <c r="G570">
        <v>77380.308069999999</v>
      </c>
      <c r="H570">
        <v>56929.588559999997</v>
      </c>
      <c r="I570">
        <v>48973.42598</v>
      </c>
      <c r="J570">
        <v>37955.431900000003</v>
      </c>
      <c r="K570">
        <v>61647.86105</v>
      </c>
      <c r="L570">
        <v>27984.472669999999</v>
      </c>
      <c r="M570">
        <v>322868.66729999997</v>
      </c>
      <c r="N570">
        <v>100865.768</v>
      </c>
      <c r="O570">
        <v>33967.361779999999</v>
      </c>
      <c r="P570">
        <v>38052.373010000003</v>
      </c>
      <c r="Q570">
        <v>90891.530140000003</v>
      </c>
      <c r="R570">
        <v>26123.626410000001</v>
      </c>
      <c r="S570">
        <v>111210.0802</v>
      </c>
      <c r="T570">
        <v>39892.528749999998</v>
      </c>
      <c r="U570">
        <v>26462.715629999999</v>
      </c>
      <c r="W570" s="83">
        <f>Bühler!N602</f>
        <v>45315.666666665289</v>
      </c>
      <c r="X570" s="83">
        <v>43124.666666666664</v>
      </c>
      <c r="Y570">
        <v>297180.6998</v>
      </c>
      <c r="Z570">
        <v>40327.839569999996</v>
      </c>
      <c r="AA570">
        <v>88617.249400000001</v>
      </c>
      <c r="AB570">
        <v>77380.308069999999</v>
      </c>
      <c r="AC570">
        <v>56929.588559999997</v>
      </c>
      <c r="AD570">
        <v>48973.42598</v>
      </c>
      <c r="AE570">
        <v>37955.431900000003</v>
      </c>
      <c r="AF570">
        <v>61647.86105</v>
      </c>
      <c r="AG570">
        <v>27984.472669999999</v>
      </c>
      <c r="AH570">
        <v>322868.66729999997</v>
      </c>
      <c r="AI570">
        <v>100865.768</v>
      </c>
      <c r="AJ570">
        <v>33967.361779999999</v>
      </c>
      <c r="AK570">
        <v>38052.373010000003</v>
      </c>
      <c r="AL570">
        <v>90891.530140000003</v>
      </c>
      <c r="AM570">
        <v>26123.626410000001</v>
      </c>
      <c r="AN570">
        <v>111210.0802</v>
      </c>
      <c r="AO570">
        <v>39892.528749999998</v>
      </c>
      <c r="AP570">
        <v>26462.715629999999</v>
      </c>
    </row>
    <row r="571" spans="2:42" x14ac:dyDescent="0.3">
      <c r="B571">
        <v>62.236520772693872</v>
      </c>
      <c r="C571" s="83">
        <v>43124.708333333336</v>
      </c>
      <c r="D571">
        <v>286514.10330000002</v>
      </c>
      <c r="E571">
        <v>38755.658759999998</v>
      </c>
      <c r="F571">
        <v>89078.103560000003</v>
      </c>
      <c r="G571">
        <v>73279.801160000003</v>
      </c>
      <c r="H571">
        <v>55587.342140000001</v>
      </c>
      <c r="I571">
        <v>47226.222500000003</v>
      </c>
      <c r="J571">
        <v>39185.259180000001</v>
      </c>
      <c r="K571">
        <v>56897.762560000003</v>
      </c>
      <c r="L571">
        <v>28579.477299999999</v>
      </c>
      <c r="M571">
        <v>317310.8064</v>
      </c>
      <c r="N571">
        <v>94295.344700000001</v>
      </c>
      <c r="O571">
        <v>32850.867120000003</v>
      </c>
      <c r="P571">
        <v>40619.19354</v>
      </c>
      <c r="Q571">
        <v>89712.005409999998</v>
      </c>
      <c r="R571">
        <v>27133.44109</v>
      </c>
      <c r="S571">
        <v>110740.0953</v>
      </c>
      <c r="T571">
        <v>41018.8465</v>
      </c>
      <c r="U571">
        <v>24862.29837</v>
      </c>
      <c r="W571" s="83">
        <f>Bühler!N603</f>
        <v>45315.708333331953</v>
      </c>
      <c r="X571" s="83">
        <v>43124.708333333336</v>
      </c>
      <c r="Y571">
        <v>286514.10330000002</v>
      </c>
      <c r="Z571">
        <v>38755.658759999998</v>
      </c>
      <c r="AA571">
        <v>89078.103560000003</v>
      </c>
      <c r="AB571">
        <v>73279.801160000003</v>
      </c>
      <c r="AC571">
        <v>55587.342140000001</v>
      </c>
      <c r="AD571">
        <v>47226.222500000003</v>
      </c>
      <c r="AE571">
        <v>39185.259180000001</v>
      </c>
      <c r="AF571">
        <v>56897.762560000003</v>
      </c>
      <c r="AG571">
        <v>28579.477299999999</v>
      </c>
      <c r="AH571">
        <v>317310.8064</v>
      </c>
      <c r="AI571">
        <v>94295.344700000001</v>
      </c>
      <c r="AJ571">
        <v>32850.867120000003</v>
      </c>
      <c r="AK571">
        <v>40619.19354</v>
      </c>
      <c r="AL571">
        <v>89712.005409999998</v>
      </c>
      <c r="AM571">
        <v>27133.44109</v>
      </c>
      <c r="AN571">
        <v>110740.0953</v>
      </c>
      <c r="AO571">
        <v>41018.8465</v>
      </c>
      <c r="AP571">
        <v>24862.29837</v>
      </c>
    </row>
    <row r="572" spans="2:42" x14ac:dyDescent="0.3">
      <c r="B572">
        <v>60.518725790322634</v>
      </c>
      <c r="C572" s="83">
        <v>43124.75</v>
      </c>
      <c r="D572">
        <v>280493.31479999999</v>
      </c>
      <c r="E572">
        <v>35351.040509999999</v>
      </c>
      <c r="F572">
        <v>87141.857900000003</v>
      </c>
      <c r="G572">
        <v>67864.785390000005</v>
      </c>
      <c r="H572">
        <v>54118.975559999999</v>
      </c>
      <c r="I572">
        <v>45894.34418</v>
      </c>
      <c r="J572">
        <v>40842.570809999997</v>
      </c>
      <c r="K572">
        <v>49561.562160000001</v>
      </c>
      <c r="L572">
        <v>30563.74813</v>
      </c>
      <c r="M572">
        <v>308552.68650000001</v>
      </c>
      <c r="N572">
        <v>92744.085980000003</v>
      </c>
      <c r="O572">
        <v>30253.822059999999</v>
      </c>
      <c r="P572">
        <v>43033.929799999998</v>
      </c>
      <c r="Q572">
        <v>88828.580749999994</v>
      </c>
      <c r="R572">
        <v>23296.318169999999</v>
      </c>
      <c r="S572">
        <v>106797.89599999999</v>
      </c>
      <c r="T572">
        <v>41372.08251</v>
      </c>
      <c r="U572">
        <v>22940.970249999998</v>
      </c>
      <c r="W572" s="83">
        <f>Bühler!N604</f>
        <v>45315.749999998618</v>
      </c>
      <c r="X572" s="83">
        <v>43124.75</v>
      </c>
      <c r="Y572">
        <v>280493.31479999999</v>
      </c>
      <c r="Z572">
        <v>35351.040509999999</v>
      </c>
      <c r="AA572">
        <v>87141.857900000003</v>
      </c>
      <c r="AB572">
        <v>67864.785390000005</v>
      </c>
      <c r="AC572">
        <v>54118.975559999999</v>
      </c>
      <c r="AD572">
        <v>45894.34418</v>
      </c>
      <c r="AE572">
        <v>40842.570809999997</v>
      </c>
      <c r="AF572">
        <v>49561.562160000001</v>
      </c>
      <c r="AG572">
        <v>30563.74813</v>
      </c>
      <c r="AH572">
        <v>308552.68650000001</v>
      </c>
      <c r="AI572">
        <v>92744.085980000003</v>
      </c>
      <c r="AJ572">
        <v>30253.822059999999</v>
      </c>
      <c r="AK572">
        <v>43033.929799999998</v>
      </c>
      <c r="AL572">
        <v>88828.580749999994</v>
      </c>
      <c r="AM572">
        <v>23296.318169999999</v>
      </c>
      <c r="AN572">
        <v>106797.89599999999</v>
      </c>
      <c r="AO572">
        <v>41372.08251</v>
      </c>
      <c r="AP572">
        <v>22940.970249999998</v>
      </c>
    </row>
    <row r="573" spans="2:42" x14ac:dyDescent="0.3">
      <c r="B573">
        <v>59.554511187286856</v>
      </c>
      <c r="C573" s="83">
        <v>43124.791666666664</v>
      </c>
      <c r="D573">
        <v>272869.06689999998</v>
      </c>
      <c r="E573">
        <v>29209.029020000002</v>
      </c>
      <c r="F573">
        <v>75524.567609999998</v>
      </c>
      <c r="G573">
        <v>61365.753629999999</v>
      </c>
      <c r="H573">
        <v>50917.923770000001</v>
      </c>
      <c r="I573">
        <v>41950.48429</v>
      </c>
      <c r="J573">
        <v>40679.71082</v>
      </c>
      <c r="K573">
        <v>49084.772539999998</v>
      </c>
      <c r="L573">
        <v>31218.549060000001</v>
      </c>
      <c r="M573">
        <v>303636.67080000002</v>
      </c>
      <c r="N573">
        <v>92914.992240000007</v>
      </c>
      <c r="O573">
        <v>29025.774069999999</v>
      </c>
      <c r="P573">
        <v>45404.11825</v>
      </c>
      <c r="Q573">
        <v>86744.179799999998</v>
      </c>
      <c r="R573">
        <v>22271.104039999998</v>
      </c>
      <c r="S573">
        <v>101335.79240000001</v>
      </c>
      <c r="T573">
        <v>41291.037519999998</v>
      </c>
      <c r="U573">
        <v>21392.961510000001</v>
      </c>
      <c r="W573" s="83">
        <f>Bühler!N605</f>
        <v>45315.791666665282</v>
      </c>
      <c r="X573" s="83">
        <v>43124.791666666664</v>
      </c>
      <c r="Y573">
        <v>272869.06689999998</v>
      </c>
      <c r="Z573">
        <v>29209.029020000002</v>
      </c>
      <c r="AA573">
        <v>75524.567609999998</v>
      </c>
      <c r="AB573">
        <v>61365.753629999999</v>
      </c>
      <c r="AC573">
        <v>50917.923770000001</v>
      </c>
      <c r="AD573">
        <v>41950.48429</v>
      </c>
      <c r="AE573">
        <v>40679.71082</v>
      </c>
      <c r="AF573">
        <v>49084.772539999998</v>
      </c>
      <c r="AG573">
        <v>31218.549060000001</v>
      </c>
      <c r="AH573">
        <v>303636.67080000002</v>
      </c>
      <c r="AI573">
        <v>92914.992240000007</v>
      </c>
      <c r="AJ573">
        <v>29025.774069999999</v>
      </c>
      <c r="AK573">
        <v>45404.11825</v>
      </c>
      <c r="AL573">
        <v>86744.179799999998</v>
      </c>
      <c r="AM573">
        <v>22271.104039999998</v>
      </c>
      <c r="AN573">
        <v>101335.79240000001</v>
      </c>
      <c r="AO573">
        <v>41291.037519999998</v>
      </c>
      <c r="AP573">
        <v>21392.961510000001</v>
      </c>
    </row>
    <row r="574" spans="2:42" x14ac:dyDescent="0.3">
      <c r="B574">
        <v>58.961413244261081</v>
      </c>
      <c r="C574" s="83">
        <v>43124.833333333336</v>
      </c>
      <c r="D574">
        <v>264663.91039999999</v>
      </c>
      <c r="E574">
        <v>22742.304220000002</v>
      </c>
      <c r="F574">
        <v>59076.811139999998</v>
      </c>
      <c r="G574">
        <v>54401.548060000001</v>
      </c>
      <c r="H574">
        <v>47708.093130000001</v>
      </c>
      <c r="I574">
        <v>38583.515599999999</v>
      </c>
      <c r="J574">
        <v>40317.721599999997</v>
      </c>
      <c r="K574">
        <v>54967.22883</v>
      </c>
      <c r="L574">
        <v>29708.068480000002</v>
      </c>
      <c r="M574">
        <v>300612.78090000001</v>
      </c>
      <c r="N574">
        <v>90764.55558</v>
      </c>
      <c r="O574">
        <v>28217.247139999999</v>
      </c>
      <c r="P574">
        <v>44478.587619999998</v>
      </c>
      <c r="Q574">
        <v>83590.147150000004</v>
      </c>
      <c r="R574">
        <v>23068.200349999999</v>
      </c>
      <c r="S574">
        <v>91543.621239999993</v>
      </c>
      <c r="T574">
        <v>39336.326880000001</v>
      </c>
      <c r="U574">
        <v>19758.7052</v>
      </c>
      <c r="W574" s="83">
        <f>Bühler!N606</f>
        <v>45315.833333331946</v>
      </c>
      <c r="X574" s="83">
        <v>43124.833333333336</v>
      </c>
      <c r="Y574">
        <v>264663.91039999999</v>
      </c>
      <c r="Z574">
        <v>22742.304220000002</v>
      </c>
      <c r="AA574">
        <v>59076.811139999998</v>
      </c>
      <c r="AB574">
        <v>54401.548060000001</v>
      </c>
      <c r="AC574">
        <v>47708.093130000001</v>
      </c>
      <c r="AD574">
        <v>38583.515599999999</v>
      </c>
      <c r="AE574">
        <v>40317.721599999997</v>
      </c>
      <c r="AF574">
        <v>54967.22883</v>
      </c>
      <c r="AG574">
        <v>29708.068480000002</v>
      </c>
      <c r="AH574">
        <v>300612.78090000001</v>
      </c>
      <c r="AI574">
        <v>90764.55558</v>
      </c>
      <c r="AJ574">
        <v>28217.247139999999</v>
      </c>
      <c r="AK574">
        <v>44478.587619999998</v>
      </c>
      <c r="AL574">
        <v>83590.147150000004</v>
      </c>
      <c r="AM574">
        <v>23068.200349999999</v>
      </c>
      <c r="AN574">
        <v>91543.621239999993</v>
      </c>
      <c r="AO574">
        <v>39336.326880000001</v>
      </c>
      <c r="AP574">
        <v>19758.7052</v>
      </c>
    </row>
    <row r="575" spans="2:42" x14ac:dyDescent="0.3">
      <c r="B575">
        <v>57.517855631762068</v>
      </c>
      <c r="C575" s="83">
        <v>43124.875</v>
      </c>
      <c r="D575">
        <v>254547.38740000001</v>
      </c>
      <c r="E575">
        <v>20014.550490000001</v>
      </c>
      <c r="F575">
        <v>51398.265619999998</v>
      </c>
      <c r="G575">
        <v>51259.239739999997</v>
      </c>
      <c r="H575">
        <v>44947.63596</v>
      </c>
      <c r="I575">
        <v>33506.037689999997</v>
      </c>
      <c r="J575">
        <v>38152.446380000001</v>
      </c>
      <c r="K575">
        <v>53907.357949999998</v>
      </c>
      <c r="L575">
        <v>28194.009989999999</v>
      </c>
      <c r="M575">
        <v>293252.85100000002</v>
      </c>
      <c r="N575">
        <v>89545.33382</v>
      </c>
      <c r="O575">
        <v>26979.03498</v>
      </c>
      <c r="P575">
        <v>43191.844870000001</v>
      </c>
      <c r="Q575">
        <v>81755.868130000003</v>
      </c>
      <c r="R575">
        <v>21338.013439999999</v>
      </c>
      <c r="S575">
        <v>86962.545549999995</v>
      </c>
      <c r="T575">
        <v>36238.145790000002</v>
      </c>
      <c r="U575">
        <v>18571.161390000001</v>
      </c>
      <c r="W575" s="83">
        <f>Bühler!N607</f>
        <v>45315.87499999861</v>
      </c>
      <c r="X575" s="83">
        <v>43124.875</v>
      </c>
      <c r="Y575">
        <v>254547.38740000001</v>
      </c>
      <c r="Z575">
        <v>20014.550490000001</v>
      </c>
      <c r="AA575">
        <v>51398.265619999998</v>
      </c>
      <c r="AB575">
        <v>51259.239739999997</v>
      </c>
      <c r="AC575">
        <v>44947.63596</v>
      </c>
      <c r="AD575">
        <v>33506.037689999997</v>
      </c>
      <c r="AE575">
        <v>38152.446380000001</v>
      </c>
      <c r="AF575">
        <v>53907.357949999998</v>
      </c>
      <c r="AG575">
        <v>28194.009989999999</v>
      </c>
      <c r="AH575">
        <v>293252.85100000002</v>
      </c>
      <c r="AI575">
        <v>89545.33382</v>
      </c>
      <c r="AJ575">
        <v>26979.03498</v>
      </c>
      <c r="AK575">
        <v>43191.844870000001</v>
      </c>
      <c r="AL575">
        <v>81755.868130000003</v>
      </c>
      <c r="AM575">
        <v>21338.013439999999</v>
      </c>
      <c r="AN575">
        <v>86962.545549999995</v>
      </c>
      <c r="AO575">
        <v>36238.145790000002</v>
      </c>
      <c r="AP575">
        <v>18571.161390000001</v>
      </c>
    </row>
    <row r="576" spans="2:42" x14ac:dyDescent="0.3">
      <c r="B576">
        <v>57.362203334232994</v>
      </c>
      <c r="C576" s="83">
        <v>43124.916666666664</v>
      </c>
      <c r="D576">
        <v>254711.90590000001</v>
      </c>
      <c r="E576">
        <v>19465.016049999998</v>
      </c>
      <c r="F576">
        <v>49273.1895</v>
      </c>
      <c r="G576">
        <v>48937.974710000002</v>
      </c>
      <c r="H576">
        <v>44185.077879999997</v>
      </c>
      <c r="I576">
        <v>31852.046630000001</v>
      </c>
      <c r="J576">
        <v>37106.37573</v>
      </c>
      <c r="K576">
        <v>55373.469729999997</v>
      </c>
      <c r="L576">
        <v>25583.039649999999</v>
      </c>
      <c r="M576">
        <v>292459.26299999998</v>
      </c>
      <c r="N576">
        <v>89385.567739999999</v>
      </c>
      <c r="O576">
        <v>27762.268039999999</v>
      </c>
      <c r="P576">
        <v>45075.592470000003</v>
      </c>
      <c r="Q576">
        <v>82324.795190000004</v>
      </c>
      <c r="R576">
        <v>31715.747770000002</v>
      </c>
      <c r="S576">
        <v>85378.211339999994</v>
      </c>
      <c r="T576">
        <v>32754.79348</v>
      </c>
      <c r="U576">
        <v>20005.951649999999</v>
      </c>
      <c r="W576" s="83">
        <f>Bühler!N608</f>
        <v>45315.916666665275</v>
      </c>
      <c r="X576" s="83">
        <v>43124.916666666664</v>
      </c>
      <c r="Y576">
        <v>254711.90590000001</v>
      </c>
      <c r="Z576">
        <v>19465.016049999998</v>
      </c>
      <c r="AA576">
        <v>49273.1895</v>
      </c>
      <c r="AB576">
        <v>48937.974710000002</v>
      </c>
      <c r="AC576">
        <v>44185.077879999997</v>
      </c>
      <c r="AD576">
        <v>31852.046630000001</v>
      </c>
      <c r="AE576">
        <v>37106.37573</v>
      </c>
      <c r="AF576">
        <v>55373.469729999997</v>
      </c>
      <c r="AG576">
        <v>25583.039649999999</v>
      </c>
      <c r="AH576">
        <v>292459.26299999998</v>
      </c>
      <c r="AI576">
        <v>89385.567739999999</v>
      </c>
      <c r="AJ576">
        <v>27762.268039999999</v>
      </c>
      <c r="AK576">
        <v>45075.592470000003</v>
      </c>
      <c r="AL576">
        <v>82324.795190000004</v>
      </c>
      <c r="AM576">
        <v>31715.747770000002</v>
      </c>
      <c r="AN576">
        <v>85378.211339999994</v>
      </c>
      <c r="AO576">
        <v>32754.79348</v>
      </c>
      <c r="AP576">
        <v>20005.951649999999</v>
      </c>
    </row>
    <row r="577" spans="2:42" x14ac:dyDescent="0.3">
      <c r="B577">
        <v>57.181073139766362</v>
      </c>
      <c r="C577" s="83">
        <v>43124.958333333336</v>
      </c>
      <c r="D577">
        <v>254654.89799999999</v>
      </c>
      <c r="E577">
        <v>19348.718199999999</v>
      </c>
      <c r="F577">
        <v>48109.391609999999</v>
      </c>
      <c r="G577">
        <v>48251.211960000001</v>
      </c>
      <c r="H577">
        <v>43249.739580000001</v>
      </c>
      <c r="I577">
        <v>31093.844949999999</v>
      </c>
      <c r="J577">
        <v>34209.35615</v>
      </c>
      <c r="K577">
        <v>54266.960729999999</v>
      </c>
      <c r="L577">
        <v>22548.417229999999</v>
      </c>
      <c r="M577">
        <v>291535.77679999999</v>
      </c>
      <c r="N577">
        <v>88476.552540000004</v>
      </c>
      <c r="O577">
        <v>28017.445820000001</v>
      </c>
      <c r="P577">
        <v>41514.044589999998</v>
      </c>
      <c r="Q577">
        <v>81917.371400000004</v>
      </c>
      <c r="R577">
        <v>34295.137419999999</v>
      </c>
      <c r="S577">
        <v>84638.482220000005</v>
      </c>
      <c r="T577">
        <v>33273.278590000002</v>
      </c>
      <c r="U577">
        <v>19502.422139999999</v>
      </c>
      <c r="W577" s="83">
        <f>Bühler!N609</f>
        <v>45315.958333331939</v>
      </c>
      <c r="X577" s="83">
        <v>43124.958333333336</v>
      </c>
      <c r="Y577">
        <v>254654.89799999999</v>
      </c>
      <c r="Z577">
        <v>19348.718199999999</v>
      </c>
      <c r="AA577">
        <v>48109.391609999999</v>
      </c>
      <c r="AB577">
        <v>48251.211960000001</v>
      </c>
      <c r="AC577">
        <v>43249.739580000001</v>
      </c>
      <c r="AD577">
        <v>31093.844949999999</v>
      </c>
      <c r="AE577">
        <v>34209.35615</v>
      </c>
      <c r="AF577">
        <v>54266.960729999999</v>
      </c>
      <c r="AG577">
        <v>22548.417229999999</v>
      </c>
      <c r="AH577">
        <v>291535.77679999999</v>
      </c>
      <c r="AI577">
        <v>88476.552540000004</v>
      </c>
      <c r="AJ577">
        <v>28017.445820000001</v>
      </c>
      <c r="AK577">
        <v>41514.044589999998</v>
      </c>
      <c r="AL577">
        <v>81917.371400000004</v>
      </c>
      <c r="AM577">
        <v>34295.137419999999</v>
      </c>
      <c r="AN577">
        <v>84638.482220000005</v>
      </c>
      <c r="AO577">
        <v>33273.278590000002</v>
      </c>
      <c r="AP577">
        <v>19502.422139999999</v>
      </c>
    </row>
    <row r="578" spans="2:42" x14ac:dyDescent="0.3">
      <c r="B578">
        <v>56.679281497258685</v>
      </c>
      <c r="C578" s="83">
        <v>43125</v>
      </c>
      <c r="D578">
        <v>253656.21369999999</v>
      </c>
      <c r="E578">
        <v>18981.851549999999</v>
      </c>
      <c r="F578">
        <v>47793.266819999997</v>
      </c>
      <c r="G578">
        <v>47541.721310000001</v>
      </c>
      <c r="H578">
        <v>42843.528550000003</v>
      </c>
      <c r="I578">
        <v>28948.162100000001</v>
      </c>
      <c r="J578">
        <v>31516.036530000001</v>
      </c>
      <c r="K578">
        <v>52408.002589999996</v>
      </c>
      <c r="L578">
        <v>20715.137439999999</v>
      </c>
      <c r="M578">
        <v>288977.40899999999</v>
      </c>
      <c r="N578">
        <v>87623.133400000006</v>
      </c>
      <c r="O578">
        <v>28309.431199999999</v>
      </c>
      <c r="P578">
        <v>38655.587229999997</v>
      </c>
      <c r="Q578">
        <v>81736.060450000004</v>
      </c>
      <c r="R578">
        <v>30102.95911</v>
      </c>
      <c r="S578">
        <v>83541.142749999999</v>
      </c>
      <c r="T578">
        <v>31438.86333</v>
      </c>
      <c r="U578">
        <v>19583.801299999999</v>
      </c>
      <c r="W578" s="83">
        <f>Bühler!N610</f>
        <v>45315.999999998603</v>
      </c>
      <c r="X578" s="83">
        <v>43125</v>
      </c>
      <c r="Y578">
        <v>253656.21369999999</v>
      </c>
      <c r="Z578">
        <v>18981.851549999999</v>
      </c>
      <c r="AA578">
        <v>47793.266819999997</v>
      </c>
      <c r="AB578">
        <v>47541.721310000001</v>
      </c>
      <c r="AC578">
        <v>42843.528550000003</v>
      </c>
      <c r="AD578">
        <v>28948.162100000001</v>
      </c>
      <c r="AE578">
        <v>31516.036530000001</v>
      </c>
      <c r="AF578">
        <v>52408.002589999996</v>
      </c>
      <c r="AG578">
        <v>20715.137439999999</v>
      </c>
      <c r="AH578">
        <v>288977.40899999999</v>
      </c>
      <c r="AI578">
        <v>87623.133400000006</v>
      </c>
      <c r="AJ578">
        <v>28309.431199999999</v>
      </c>
      <c r="AK578">
        <v>38655.587229999997</v>
      </c>
      <c r="AL578">
        <v>81736.060450000004</v>
      </c>
      <c r="AM578">
        <v>30102.95911</v>
      </c>
      <c r="AN578">
        <v>83541.142749999999</v>
      </c>
      <c r="AO578">
        <v>31438.86333</v>
      </c>
      <c r="AP578">
        <v>19583.801299999999</v>
      </c>
    </row>
    <row r="579" spans="2:42" x14ac:dyDescent="0.3">
      <c r="B579">
        <v>57.50766778378658</v>
      </c>
      <c r="C579" s="83">
        <v>43125.041666666664</v>
      </c>
      <c r="D579">
        <v>252691.93239999999</v>
      </c>
      <c r="E579">
        <v>19135.86592</v>
      </c>
      <c r="F579">
        <v>50541.899449999997</v>
      </c>
      <c r="G579">
        <v>47266.522440000001</v>
      </c>
      <c r="H579">
        <v>43129.639040000002</v>
      </c>
      <c r="I579">
        <v>24926.826659999999</v>
      </c>
      <c r="J579">
        <v>34862.634789999996</v>
      </c>
      <c r="K579">
        <v>51469.962180000002</v>
      </c>
      <c r="L579">
        <v>20229.33725</v>
      </c>
      <c r="M579">
        <v>293200.90860000002</v>
      </c>
      <c r="N579">
        <v>89309.295410000006</v>
      </c>
      <c r="O579">
        <v>28081.789720000001</v>
      </c>
      <c r="P579">
        <v>36404.082009999998</v>
      </c>
      <c r="Q579">
        <v>81887.167029999997</v>
      </c>
      <c r="R579">
        <v>28422.72236</v>
      </c>
      <c r="S579">
        <v>85847.257159999994</v>
      </c>
      <c r="T579">
        <v>31082.89906</v>
      </c>
      <c r="U579">
        <v>20181.866870000002</v>
      </c>
      <c r="W579" s="83">
        <f>Bühler!N611</f>
        <v>45316.041666665267</v>
      </c>
      <c r="X579" s="83">
        <v>43125.041666666664</v>
      </c>
      <c r="Y579">
        <v>252691.93239999999</v>
      </c>
      <c r="Z579">
        <v>19135.86592</v>
      </c>
      <c r="AA579">
        <v>50541.899449999997</v>
      </c>
      <c r="AB579">
        <v>47266.522440000001</v>
      </c>
      <c r="AC579">
        <v>43129.639040000002</v>
      </c>
      <c r="AD579">
        <v>24926.826659999999</v>
      </c>
      <c r="AE579">
        <v>34862.634789999996</v>
      </c>
      <c r="AF579">
        <v>51469.962180000002</v>
      </c>
      <c r="AG579">
        <v>20229.33725</v>
      </c>
      <c r="AH579">
        <v>293200.90860000002</v>
      </c>
      <c r="AI579">
        <v>89309.295410000006</v>
      </c>
      <c r="AJ579">
        <v>28081.789720000001</v>
      </c>
      <c r="AK579">
        <v>36404.082009999998</v>
      </c>
      <c r="AL579">
        <v>81887.167029999997</v>
      </c>
      <c r="AM579">
        <v>28422.72236</v>
      </c>
      <c r="AN579">
        <v>85847.257159999994</v>
      </c>
      <c r="AO579">
        <v>31082.89906</v>
      </c>
      <c r="AP579">
        <v>20181.866870000002</v>
      </c>
    </row>
    <row r="580" spans="2:42" x14ac:dyDescent="0.3">
      <c r="B580">
        <v>58.26704121891941</v>
      </c>
      <c r="C580" s="83">
        <v>43125.083333333336</v>
      </c>
      <c r="D580">
        <v>255875.17199999999</v>
      </c>
      <c r="E580">
        <v>19259.09158</v>
      </c>
      <c r="F580">
        <v>51582.339099999997</v>
      </c>
      <c r="G580">
        <v>46973.562469999997</v>
      </c>
      <c r="H580">
        <v>42891.330750000001</v>
      </c>
      <c r="I580">
        <v>23086.140370000001</v>
      </c>
      <c r="J580">
        <v>35274.081789999997</v>
      </c>
      <c r="K580">
        <v>51075.367630000001</v>
      </c>
      <c r="L580">
        <v>20060.107540000001</v>
      </c>
      <c r="M580">
        <v>297072.54849999998</v>
      </c>
      <c r="N580">
        <v>89583.230519999997</v>
      </c>
      <c r="O580">
        <v>28352.88753</v>
      </c>
      <c r="P580">
        <v>35293.953329999997</v>
      </c>
      <c r="Q580">
        <v>84220.216950000002</v>
      </c>
      <c r="R580">
        <v>29212.077270000002</v>
      </c>
      <c r="S580">
        <v>85248.891019999995</v>
      </c>
      <c r="T580">
        <v>30699.230790000001</v>
      </c>
      <c r="U580">
        <v>20393.80702</v>
      </c>
      <c r="W580" s="83">
        <f>Bühler!N612</f>
        <v>45316.083333331931</v>
      </c>
      <c r="X580" s="83">
        <v>43125.083333333336</v>
      </c>
      <c r="Y580">
        <v>255875.17199999999</v>
      </c>
      <c r="Z580">
        <v>19259.09158</v>
      </c>
      <c r="AA580">
        <v>51582.339099999997</v>
      </c>
      <c r="AB580">
        <v>46973.562469999997</v>
      </c>
      <c r="AC580">
        <v>42891.330750000001</v>
      </c>
      <c r="AD580">
        <v>23086.140370000001</v>
      </c>
      <c r="AE580">
        <v>35274.081789999997</v>
      </c>
      <c r="AF580">
        <v>51075.367630000001</v>
      </c>
      <c r="AG580">
        <v>20060.107540000001</v>
      </c>
      <c r="AH580">
        <v>297072.54849999998</v>
      </c>
      <c r="AI580">
        <v>89583.230519999997</v>
      </c>
      <c r="AJ580">
        <v>28352.88753</v>
      </c>
      <c r="AK580">
        <v>35293.953329999997</v>
      </c>
      <c r="AL580">
        <v>84220.216950000002</v>
      </c>
      <c r="AM580">
        <v>29212.077270000002</v>
      </c>
      <c r="AN580">
        <v>85248.891019999995</v>
      </c>
      <c r="AO580">
        <v>30699.230790000001</v>
      </c>
      <c r="AP580">
        <v>20393.80702</v>
      </c>
    </row>
    <row r="581" spans="2:42" x14ac:dyDescent="0.3">
      <c r="B581">
        <v>58.630858762390446</v>
      </c>
      <c r="C581" s="83">
        <v>43125.125</v>
      </c>
      <c r="D581">
        <v>257144.0564</v>
      </c>
      <c r="E581">
        <v>19282.25489</v>
      </c>
      <c r="F581">
        <v>52386.949520000002</v>
      </c>
      <c r="G581">
        <v>45804.679450000003</v>
      </c>
      <c r="H581">
        <v>43118.122860000003</v>
      </c>
      <c r="I581">
        <v>23617.775740000001</v>
      </c>
      <c r="J581">
        <v>35997.609329999999</v>
      </c>
      <c r="K581">
        <v>50064.860050000003</v>
      </c>
      <c r="L581">
        <v>19842.32919</v>
      </c>
      <c r="M581">
        <v>298927.46000000002</v>
      </c>
      <c r="N581">
        <v>89394.370880000002</v>
      </c>
      <c r="O581">
        <v>28635.546729999998</v>
      </c>
      <c r="P581">
        <v>35154.504419999997</v>
      </c>
      <c r="Q581">
        <v>87171.470740000004</v>
      </c>
      <c r="R581">
        <v>28967.921149999998</v>
      </c>
      <c r="S581">
        <v>84936.502080000006</v>
      </c>
      <c r="T581">
        <v>30519.976210000001</v>
      </c>
      <c r="U581">
        <v>20542.49252</v>
      </c>
      <c r="W581" s="83">
        <f>Bühler!N613</f>
        <v>45316.124999998596</v>
      </c>
      <c r="X581" s="83">
        <v>43125.125</v>
      </c>
      <c r="Y581">
        <v>257144.0564</v>
      </c>
      <c r="Z581">
        <v>19282.25489</v>
      </c>
      <c r="AA581">
        <v>52386.949520000002</v>
      </c>
      <c r="AB581">
        <v>45804.679450000003</v>
      </c>
      <c r="AC581">
        <v>43118.122860000003</v>
      </c>
      <c r="AD581">
        <v>23617.775740000001</v>
      </c>
      <c r="AE581">
        <v>35997.609329999999</v>
      </c>
      <c r="AF581">
        <v>50064.860050000003</v>
      </c>
      <c r="AG581">
        <v>19842.32919</v>
      </c>
      <c r="AH581">
        <v>298927.46000000002</v>
      </c>
      <c r="AI581">
        <v>89394.370880000002</v>
      </c>
      <c r="AJ581">
        <v>28635.546729999998</v>
      </c>
      <c r="AK581">
        <v>35154.504419999997</v>
      </c>
      <c r="AL581">
        <v>87171.470740000004</v>
      </c>
      <c r="AM581">
        <v>28967.921149999998</v>
      </c>
      <c r="AN581">
        <v>84936.502080000006</v>
      </c>
      <c r="AO581">
        <v>30519.976210000001</v>
      </c>
      <c r="AP581">
        <v>20542.49252</v>
      </c>
    </row>
    <row r="582" spans="2:42" x14ac:dyDescent="0.3">
      <c r="B582">
        <v>59.576886955282262</v>
      </c>
      <c r="C582" s="83">
        <v>43125.166666666664</v>
      </c>
      <c r="D582">
        <v>259487.23480000001</v>
      </c>
      <c r="E582">
        <v>19936.814109999999</v>
      </c>
      <c r="F582">
        <v>55804.811950000003</v>
      </c>
      <c r="G582">
        <v>46490.693249999997</v>
      </c>
      <c r="H582">
        <v>44272.609040000003</v>
      </c>
      <c r="I582">
        <v>27648.113130000002</v>
      </c>
      <c r="J582">
        <v>38637.099990000002</v>
      </c>
      <c r="K582">
        <v>48216.257890000001</v>
      </c>
      <c r="L582">
        <v>19180.248500000002</v>
      </c>
      <c r="M582">
        <v>303750.75290000002</v>
      </c>
      <c r="N582">
        <v>89254.787630000006</v>
      </c>
      <c r="O582">
        <v>28359.319449999999</v>
      </c>
      <c r="P582">
        <v>35339.944620000002</v>
      </c>
      <c r="Q582">
        <v>90838.579589999994</v>
      </c>
      <c r="R582">
        <v>28622.684550000002</v>
      </c>
      <c r="S582">
        <v>86116.162259999997</v>
      </c>
      <c r="T582">
        <v>30425.127100000002</v>
      </c>
      <c r="U582">
        <v>20704.81853</v>
      </c>
      <c r="W582" s="83">
        <f>Bühler!N614</f>
        <v>45316.16666666526</v>
      </c>
      <c r="X582" s="83">
        <v>43125.166666666664</v>
      </c>
      <c r="Y582">
        <v>259487.23480000001</v>
      </c>
      <c r="Z582">
        <v>19936.814109999999</v>
      </c>
      <c r="AA582">
        <v>55804.811950000003</v>
      </c>
      <c r="AB582">
        <v>46490.693249999997</v>
      </c>
      <c r="AC582">
        <v>44272.609040000003</v>
      </c>
      <c r="AD582">
        <v>27648.113130000002</v>
      </c>
      <c r="AE582">
        <v>38637.099990000002</v>
      </c>
      <c r="AF582">
        <v>48216.257890000001</v>
      </c>
      <c r="AG582">
        <v>19180.248500000002</v>
      </c>
      <c r="AH582">
        <v>303750.75290000002</v>
      </c>
      <c r="AI582">
        <v>89254.787630000006</v>
      </c>
      <c r="AJ582">
        <v>28359.319449999999</v>
      </c>
      <c r="AK582">
        <v>35339.944620000002</v>
      </c>
      <c r="AL582">
        <v>90838.579589999994</v>
      </c>
      <c r="AM582">
        <v>28622.684550000002</v>
      </c>
      <c r="AN582">
        <v>86116.162259999997</v>
      </c>
      <c r="AO582">
        <v>30425.127100000002</v>
      </c>
      <c r="AP582">
        <v>20704.81853</v>
      </c>
    </row>
    <row r="583" spans="2:42" x14ac:dyDescent="0.3">
      <c r="B583">
        <v>62.453780008257475</v>
      </c>
      <c r="C583" s="83">
        <v>43125.208333333336</v>
      </c>
      <c r="D583">
        <v>274847.90590000001</v>
      </c>
      <c r="E583">
        <v>21953.23213</v>
      </c>
      <c r="F583">
        <v>66723.541020000004</v>
      </c>
      <c r="G583">
        <v>49193.455130000002</v>
      </c>
      <c r="H583">
        <v>46151.163079999998</v>
      </c>
      <c r="I583">
        <v>35705.275320000001</v>
      </c>
      <c r="J583">
        <v>41425.342989999997</v>
      </c>
      <c r="K583">
        <v>48830.865599999997</v>
      </c>
      <c r="L583">
        <v>20598.21632</v>
      </c>
      <c r="M583">
        <v>318418.49530000001</v>
      </c>
      <c r="N583">
        <v>89911.185840000006</v>
      </c>
      <c r="O583">
        <v>29209.45433</v>
      </c>
      <c r="P583">
        <v>35765.67613</v>
      </c>
      <c r="Q583">
        <v>93588.668409999998</v>
      </c>
      <c r="R583">
        <v>31425.998439999999</v>
      </c>
      <c r="S583">
        <v>88768.559789999999</v>
      </c>
      <c r="T583">
        <v>31833.620309999998</v>
      </c>
      <c r="U583">
        <v>23027.2065</v>
      </c>
      <c r="W583" s="83">
        <f>Bühler!N615</f>
        <v>45316.208333331924</v>
      </c>
      <c r="X583" s="83">
        <v>43125.208333333336</v>
      </c>
      <c r="Y583">
        <v>274847.90590000001</v>
      </c>
      <c r="Z583">
        <v>21953.23213</v>
      </c>
      <c r="AA583">
        <v>66723.541020000004</v>
      </c>
      <c r="AB583">
        <v>49193.455130000002</v>
      </c>
      <c r="AC583">
        <v>46151.163079999998</v>
      </c>
      <c r="AD583">
        <v>35705.275320000001</v>
      </c>
      <c r="AE583">
        <v>41425.342989999997</v>
      </c>
      <c r="AF583">
        <v>48830.865599999997</v>
      </c>
      <c r="AG583">
        <v>20598.21632</v>
      </c>
      <c r="AH583">
        <v>318418.49530000001</v>
      </c>
      <c r="AI583">
        <v>89911.185840000006</v>
      </c>
      <c r="AJ583">
        <v>29209.45433</v>
      </c>
      <c r="AK583">
        <v>35765.67613</v>
      </c>
      <c r="AL583">
        <v>93588.668409999998</v>
      </c>
      <c r="AM583">
        <v>31425.998439999999</v>
      </c>
      <c r="AN583">
        <v>88768.559789999999</v>
      </c>
      <c r="AO583">
        <v>31833.620309999998</v>
      </c>
      <c r="AP583">
        <v>23027.2065</v>
      </c>
    </row>
    <row r="584" spans="2:42" x14ac:dyDescent="0.3">
      <c r="B584">
        <v>65.268253212075066</v>
      </c>
      <c r="C584" s="83">
        <v>43125.25</v>
      </c>
      <c r="D584">
        <v>290392.46000000002</v>
      </c>
      <c r="E584">
        <v>26309.850900000001</v>
      </c>
      <c r="F584">
        <v>78956.779469999994</v>
      </c>
      <c r="G584">
        <v>62947.654459999998</v>
      </c>
      <c r="H584">
        <v>49755.846089999999</v>
      </c>
      <c r="I584">
        <v>43604.885049999997</v>
      </c>
      <c r="J584">
        <v>44546.882830000002</v>
      </c>
      <c r="K584">
        <v>50593.993459999998</v>
      </c>
      <c r="L584">
        <v>22659.78025</v>
      </c>
      <c r="M584">
        <v>332767.99219999998</v>
      </c>
      <c r="N584">
        <v>92140.206720000002</v>
      </c>
      <c r="O584">
        <v>30663.344539999998</v>
      </c>
      <c r="P584">
        <v>35994.695090000001</v>
      </c>
      <c r="Q584">
        <v>95631.505430000005</v>
      </c>
      <c r="R584">
        <v>21572.391159999999</v>
      </c>
      <c r="S584">
        <v>95526.050059999994</v>
      </c>
      <c r="T584">
        <v>35347.592369999998</v>
      </c>
      <c r="U584">
        <v>23914.76813</v>
      </c>
      <c r="W584" s="83">
        <f>Bühler!N616</f>
        <v>45316.249999998588</v>
      </c>
      <c r="X584" s="83">
        <v>43125.25</v>
      </c>
      <c r="Y584">
        <v>290392.46000000002</v>
      </c>
      <c r="Z584">
        <v>26309.850900000001</v>
      </c>
      <c r="AA584">
        <v>78956.779469999994</v>
      </c>
      <c r="AB584">
        <v>62947.654459999998</v>
      </c>
      <c r="AC584">
        <v>49755.846089999999</v>
      </c>
      <c r="AD584">
        <v>43604.885049999997</v>
      </c>
      <c r="AE584">
        <v>44546.882830000002</v>
      </c>
      <c r="AF584">
        <v>50593.993459999998</v>
      </c>
      <c r="AG584">
        <v>22659.78025</v>
      </c>
      <c r="AH584">
        <v>332767.99219999998</v>
      </c>
      <c r="AI584">
        <v>92140.206720000002</v>
      </c>
      <c r="AJ584">
        <v>30663.344539999998</v>
      </c>
      <c r="AK584">
        <v>35994.695090000001</v>
      </c>
      <c r="AL584">
        <v>95631.505430000005</v>
      </c>
      <c r="AM584">
        <v>21572.391159999999</v>
      </c>
      <c r="AN584">
        <v>95526.050059999994</v>
      </c>
      <c r="AO584">
        <v>35347.592369999998</v>
      </c>
      <c r="AP584">
        <v>23914.76813</v>
      </c>
    </row>
    <row r="585" spans="2:42" x14ac:dyDescent="0.3">
      <c r="B585">
        <v>65.527644960749981</v>
      </c>
      <c r="C585" s="83">
        <v>43125.291666666664</v>
      </c>
      <c r="D585">
        <v>302746.84740000003</v>
      </c>
      <c r="E585">
        <v>31567.415580000001</v>
      </c>
      <c r="F585">
        <v>79561.254910000003</v>
      </c>
      <c r="G585">
        <v>78768.558499999999</v>
      </c>
      <c r="H585">
        <v>55810.870949999997</v>
      </c>
      <c r="I585">
        <v>52811.772850000001</v>
      </c>
      <c r="J585">
        <v>43648.230009999999</v>
      </c>
      <c r="K585">
        <v>55448.779260000003</v>
      </c>
      <c r="L585">
        <v>25901.57013</v>
      </c>
      <c r="M585">
        <v>334090.49229999998</v>
      </c>
      <c r="N585">
        <v>96454.93161</v>
      </c>
      <c r="O585">
        <v>33478.783900000002</v>
      </c>
      <c r="P585">
        <v>40425.584860000003</v>
      </c>
      <c r="Q585">
        <v>95125.539940000002</v>
      </c>
      <c r="R585">
        <v>23437.291789999999</v>
      </c>
      <c r="S585">
        <v>109320.9026</v>
      </c>
      <c r="T585">
        <v>36149.447639999999</v>
      </c>
      <c r="U585">
        <v>28315.417600000001</v>
      </c>
      <c r="W585" s="83">
        <f>Bühler!N617</f>
        <v>45316.291666665253</v>
      </c>
      <c r="X585" s="83">
        <v>43125.291666666664</v>
      </c>
      <c r="Y585">
        <v>302746.84740000003</v>
      </c>
      <c r="Z585">
        <v>31567.415580000001</v>
      </c>
      <c r="AA585">
        <v>79561.254910000003</v>
      </c>
      <c r="AB585">
        <v>78768.558499999999</v>
      </c>
      <c r="AC585">
        <v>55810.870949999997</v>
      </c>
      <c r="AD585">
        <v>52811.772850000001</v>
      </c>
      <c r="AE585">
        <v>43648.230009999999</v>
      </c>
      <c r="AF585">
        <v>55448.779260000003</v>
      </c>
      <c r="AG585">
        <v>25901.57013</v>
      </c>
      <c r="AH585">
        <v>334090.49229999998</v>
      </c>
      <c r="AI585">
        <v>96454.93161</v>
      </c>
      <c r="AJ585">
        <v>33478.783900000002</v>
      </c>
      <c r="AK585">
        <v>40425.584860000003</v>
      </c>
      <c r="AL585">
        <v>95125.539940000002</v>
      </c>
      <c r="AM585">
        <v>23437.291789999999</v>
      </c>
      <c r="AN585">
        <v>109320.9026</v>
      </c>
      <c r="AO585">
        <v>36149.447639999999</v>
      </c>
      <c r="AP585">
        <v>28315.417600000001</v>
      </c>
    </row>
    <row r="586" spans="2:42" x14ac:dyDescent="0.3">
      <c r="B586">
        <v>66.245497419612377</v>
      </c>
      <c r="C586" s="83">
        <v>43125.333333333336</v>
      </c>
      <c r="D586">
        <v>314480.94669999997</v>
      </c>
      <c r="E586">
        <v>38335.63953</v>
      </c>
      <c r="F586">
        <v>84895.542740000004</v>
      </c>
      <c r="G586">
        <v>96832.162079999995</v>
      </c>
      <c r="H586">
        <v>61459.186020000001</v>
      </c>
      <c r="I586">
        <v>55626.915110000002</v>
      </c>
      <c r="J586">
        <v>44352.025450000001</v>
      </c>
      <c r="K586">
        <v>59895.070449999999</v>
      </c>
      <c r="L586">
        <v>28781.315360000001</v>
      </c>
      <c r="M586">
        <v>337750.43890000001</v>
      </c>
      <c r="N586">
        <v>103965.302</v>
      </c>
      <c r="O586">
        <v>34736.686829999999</v>
      </c>
      <c r="P586">
        <v>42073.175629999998</v>
      </c>
      <c r="Q586">
        <v>96558.880550000002</v>
      </c>
      <c r="R586">
        <v>26181.51917</v>
      </c>
      <c r="S586">
        <v>123520.37360000001</v>
      </c>
      <c r="T586">
        <v>40013.177040000002</v>
      </c>
      <c r="U586">
        <v>32360.51613</v>
      </c>
      <c r="W586" s="83">
        <f>Bühler!N618</f>
        <v>45316.333333331917</v>
      </c>
      <c r="X586" s="83">
        <v>43125.333333333336</v>
      </c>
      <c r="Y586">
        <v>314480.94669999997</v>
      </c>
      <c r="Z586">
        <v>38335.63953</v>
      </c>
      <c r="AA586">
        <v>84895.542740000004</v>
      </c>
      <c r="AB586">
        <v>96832.162079999995</v>
      </c>
      <c r="AC586">
        <v>61459.186020000001</v>
      </c>
      <c r="AD586">
        <v>55626.915110000002</v>
      </c>
      <c r="AE586">
        <v>44352.025450000001</v>
      </c>
      <c r="AF586">
        <v>59895.070449999999</v>
      </c>
      <c r="AG586">
        <v>28781.315360000001</v>
      </c>
      <c r="AH586">
        <v>337750.43890000001</v>
      </c>
      <c r="AI586">
        <v>103965.302</v>
      </c>
      <c r="AJ586">
        <v>34736.686829999999</v>
      </c>
      <c r="AK586">
        <v>42073.175629999998</v>
      </c>
      <c r="AL586">
        <v>96558.880550000002</v>
      </c>
      <c r="AM586">
        <v>26181.51917</v>
      </c>
      <c r="AN586">
        <v>123520.37360000001</v>
      </c>
      <c r="AO586">
        <v>40013.177040000002</v>
      </c>
      <c r="AP586">
        <v>32360.51613</v>
      </c>
    </row>
    <row r="587" spans="2:42" x14ac:dyDescent="0.3">
      <c r="B587">
        <v>65.671142877756793</v>
      </c>
      <c r="C587" s="83">
        <v>43125.375</v>
      </c>
      <c r="D587">
        <v>313475.45400000003</v>
      </c>
      <c r="E587">
        <v>42834.14703</v>
      </c>
      <c r="F587">
        <v>89869.979609999995</v>
      </c>
      <c r="G587">
        <v>105388.272</v>
      </c>
      <c r="H587">
        <v>63349.46918</v>
      </c>
      <c r="I587">
        <v>53257.447560000001</v>
      </c>
      <c r="J587">
        <v>43923.925089999997</v>
      </c>
      <c r="K587">
        <v>58438.268089999998</v>
      </c>
      <c r="L587">
        <v>32395.264449999999</v>
      </c>
      <c r="M587">
        <v>334822.1116</v>
      </c>
      <c r="N587">
        <v>108665.1878</v>
      </c>
      <c r="O587">
        <v>35012.122750000002</v>
      </c>
      <c r="P587">
        <v>42514.955909999997</v>
      </c>
      <c r="Q587">
        <v>96259.300029999999</v>
      </c>
      <c r="R587">
        <v>25388.001909999999</v>
      </c>
      <c r="S587">
        <v>129386.394</v>
      </c>
      <c r="T587">
        <v>42551.208409999999</v>
      </c>
      <c r="U587">
        <v>32265.174159999999</v>
      </c>
      <c r="W587" s="83">
        <f>Bühler!N619</f>
        <v>45316.374999998581</v>
      </c>
      <c r="X587" s="83">
        <v>43125.375</v>
      </c>
      <c r="Y587">
        <v>313475.45400000003</v>
      </c>
      <c r="Z587">
        <v>42834.14703</v>
      </c>
      <c r="AA587">
        <v>89869.979609999995</v>
      </c>
      <c r="AB587">
        <v>105388.272</v>
      </c>
      <c r="AC587">
        <v>63349.46918</v>
      </c>
      <c r="AD587">
        <v>53257.447560000001</v>
      </c>
      <c r="AE587">
        <v>43923.925089999997</v>
      </c>
      <c r="AF587">
        <v>58438.268089999998</v>
      </c>
      <c r="AG587">
        <v>32395.264449999999</v>
      </c>
      <c r="AH587">
        <v>334822.1116</v>
      </c>
      <c r="AI587">
        <v>108665.1878</v>
      </c>
      <c r="AJ587">
        <v>35012.122750000002</v>
      </c>
      <c r="AK587">
        <v>42514.955909999997</v>
      </c>
      <c r="AL587">
        <v>96259.300029999999</v>
      </c>
      <c r="AM587">
        <v>25388.001909999999</v>
      </c>
      <c r="AN587">
        <v>129386.394</v>
      </c>
      <c r="AO587">
        <v>42551.208409999999</v>
      </c>
      <c r="AP587">
        <v>32265.174159999999</v>
      </c>
    </row>
    <row r="588" spans="2:42" x14ac:dyDescent="0.3">
      <c r="B588">
        <v>66.798227282082962</v>
      </c>
      <c r="C588" s="83">
        <v>43125.416666666664</v>
      </c>
      <c r="D588">
        <v>315561.23639999999</v>
      </c>
      <c r="E588">
        <v>44388.804250000001</v>
      </c>
      <c r="F588">
        <v>90272.120160000006</v>
      </c>
      <c r="G588">
        <v>105425.6577</v>
      </c>
      <c r="H588">
        <v>63742.178019999999</v>
      </c>
      <c r="I588">
        <v>48705.68</v>
      </c>
      <c r="J588">
        <v>42258.491320000001</v>
      </c>
      <c r="K588">
        <v>60562.868410000003</v>
      </c>
      <c r="L588">
        <v>34530.25505</v>
      </c>
      <c r="M588">
        <v>340568.5135</v>
      </c>
      <c r="N588">
        <v>112179.0189</v>
      </c>
      <c r="O588">
        <v>34480.509559999999</v>
      </c>
      <c r="P588">
        <v>42783.55904</v>
      </c>
      <c r="Q588">
        <v>96657.43492</v>
      </c>
      <c r="R588">
        <v>25548.880379999999</v>
      </c>
      <c r="S588">
        <v>128953.0865</v>
      </c>
      <c r="T588">
        <v>43845.523269999998</v>
      </c>
      <c r="U588">
        <v>31547.246179999998</v>
      </c>
      <c r="W588" s="83">
        <f>Bühler!N620</f>
        <v>45316.416666665245</v>
      </c>
      <c r="X588" s="83">
        <v>43125.416666666664</v>
      </c>
      <c r="Y588">
        <v>315561.23639999999</v>
      </c>
      <c r="Z588">
        <v>44388.804250000001</v>
      </c>
      <c r="AA588">
        <v>90272.120160000006</v>
      </c>
      <c r="AB588">
        <v>105425.6577</v>
      </c>
      <c r="AC588">
        <v>63742.178019999999</v>
      </c>
      <c r="AD588">
        <v>48705.68</v>
      </c>
      <c r="AE588">
        <v>42258.491320000001</v>
      </c>
      <c r="AF588">
        <v>60562.868410000003</v>
      </c>
      <c r="AG588">
        <v>34530.25505</v>
      </c>
      <c r="AH588">
        <v>340568.5135</v>
      </c>
      <c r="AI588">
        <v>112179.0189</v>
      </c>
      <c r="AJ588">
        <v>34480.509559999999</v>
      </c>
      <c r="AK588">
        <v>42783.55904</v>
      </c>
      <c r="AL588">
        <v>96657.43492</v>
      </c>
      <c r="AM588">
        <v>25548.880379999999</v>
      </c>
      <c r="AN588">
        <v>128953.0865</v>
      </c>
      <c r="AO588">
        <v>43845.523269999998</v>
      </c>
      <c r="AP588">
        <v>31547.246179999998</v>
      </c>
    </row>
    <row r="589" spans="2:42" x14ac:dyDescent="0.3">
      <c r="B589">
        <v>67.512508314014454</v>
      </c>
      <c r="C589" s="83">
        <v>43125.458333333336</v>
      </c>
      <c r="D589">
        <v>313650.44030000002</v>
      </c>
      <c r="E589">
        <v>43850.62988</v>
      </c>
      <c r="F589">
        <v>91047.557239999995</v>
      </c>
      <c r="G589">
        <v>103004.7758</v>
      </c>
      <c r="H589">
        <v>63259.897550000002</v>
      </c>
      <c r="I589">
        <v>48240.597289999998</v>
      </c>
      <c r="J589">
        <v>41839.593829999998</v>
      </c>
      <c r="K589">
        <v>65480.575290000001</v>
      </c>
      <c r="L589">
        <v>35670.929759999999</v>
      </c>
      <c r="M589">
        <v>344210.2513</v>
      </c>
      <c r="N589">
        <v>110545.90210000001</v>
      </c>
      <c r="O589">
        <v>34740.831189999997</v>
      </c>
      <c r="P589">
        <v>42578.357580000004</v>
      </c>
      <c r="Q589">
        <v>95537.525999999998</v>
      </c>
      <c r="R589">
        <v>29089.103760000002</v>
      </c>
      <c r="S589">
        <v>130888.9636</v>
      </c>
      <c r="T589">
        <v>43466.354449999999</v>
      </c>
      <c r="U589">
        <v>31124.098740000001</v>
      </c>
      <c r="W589" s="83">
        <f>Bühler!N621</f>
        <v>45316.45833333191</v>
      </c>
      <c r="X589" s="83">
        <v>43125.458333333336</v>
      </c>
      <c r="Y589">
        <v>313650.44030000002</v>
      </c>
      <c r="Z589">
        <v>43850.62988</v>
      </c>
      <c r="AA589">
        <v>91047.557239999995</v>
      </c>
      <c r="AB589">
        <v>103004.7758</v>
      </c>
      <c r="AC589">
        <v>63259.897550000002</v>
      </c>
      <c r="AD589">
        <v>48240.597289999998</v>
      </c>
      <c r="AE589">
        <v>41839.593829999998</v>
      </c>
      <c r="AF589">
        <v>65480.575290000001</v>
      </c>
      <c r="AG589">
        <v>35670.929759999999</v>
      </c>
      <c r="AH589">
        <v>344210.2513</v>
      </c>
      <c r="AI589">
        <v>110545.90210000001</v>
      </c>
      <c r="AJ589">
        <v>34740.831189999997</v>
      </c>
      <c r="AK589">
        <v>42578.357580000004</v>
      </c>
      <c r="AL589">
        <v>95537.525999999998</v>
      </c>
      <c r="AM589">
        <v>29089.103760000002</v>
      </c>
      <c r="AN589">
        <v>130888.9636</v>
      </c>
      <c r="AO589">
        <v>43466.354449999999</v>
      </c>
      <c r="AP589">
        <v>31124.098740000001</v>
      </c>
    </row>
    <row r="590" spans="2:42" x14ac:dyDescent="0.3">
      <c r="B590">
        <v>66.086155267382267</v>
      </c>
      <c r="C590" s="83">
        <v>43125.5</v>
      </c>
      <c r="D590">
        <v>302072.78659999999</v>
      </c>
      <c r="E590">
        <v>39270.855640000002</v>
      </c>
      <c r="F590">
        <v>88795.415529999998</v>
      </c>
      <c r="G590">
        <v>99903.662160000007</v>
      </c>
      <c r="H590">
        <v>59869.107559999997</v>
      </c>
      <c r="I590">
        <v>46604.279600000002</v>
      </c>
      <c r="J590">
        <v>42068.444790000001</v>
      </c>
      <c r="K590">
        <v>62541.964390000001</v>
      </c>
      <c r="L590">
        <v>37735.594960000002</v>
      </c>
      <c r="M590">
        <v>336938.03830000001</v>
      </c>
      <c r="N590">
        <v>107132.304</v>
      </c>
      <c r="O590">
        <v>33292.980589999999</v>
      </c>
      <c r="P590">
        <v>42929.781470000002</v>
      </c>
      <c r="Q590">
        <v>93089.319900000002</v>
      </c>
      <c r="R590">
        <v>27786.062839999999</v>
      </c>
      <c r="S590">
        <v>122030.2982</v>
      </c>
      <c r="T590">
        <v>43170.542359999999</v>
      </c>
      <c r="U590">
        <v>27286.313470000001</v>
      </c>
      <c r="W590" s="83">
        <f>Bühler!N622</f>
        <v>45316.499999998574</v>
      </c>
      <c r="X590" s="83">
        <v>43125.5</v>
      </c>
      <c r="Y590">
        <v>302072.78659999999</v>
      </c>
      <c r="Z590">
        <v>39270.855640000002</v>
      </c>
      <c r="AA590">
        <v>88795.415529999998</v>
      </c>
      <c r="AB590">
        <v>99903.662160000007</v>
      </c>
      <c r="AC590">
        <v>59869.107559999997</v>
      </c>
      <c r="AD590">
        <v>46604.279600000002</v>
      </c>
      <c r="AE590">
        <v>42068.444790000001</v>
      </c>
      <c r="AF590">
        <v>62541.964390000001</v>
      </c>
      <c r="AG590">
        <v>37735.594960000002</v>
      </c>
      <c r="AH590">
        <v>336938.03830000001</v>
      </c>
      <c r="AI590">
        <v>107132.304</v>
      </c>
      <c r="AJ590">
        <v>33292.980589999999</v>
      </c>
      <c r="AK590">
        <v>42929.781470000002</v>
      </c>
      <c r="AL590">
        <v>93089.319900000002</v>
      </c>
      <c r="AM590">
        <v>27786.062839999999</v>
      </c>
      <c r="AN590">
        <v>122030.2982</v>
      </c>
      <c r="AO590">
        <v>43170.542359999999</v>
      </c>
      <c r="AP590">
        <v>27286.313470000001</v>
      </c>
    </row>
    <row r="591" spans="2:42" x14ac:dyDescent="0.3">
      <c r="B591">
        <v>65.934499877674739</v>
      </c>
      <c r="C591" s="83">
        <v>43125.541666666664</v>
      </c>
      <c r="D591">
        <v>301616.2488</v>
      </c>
      <c r="E591">
        <v>38796.712529999997</v>
      </c>
      <c r="F591">
        <v>87989.881989999994</v>
      </c>
      <c r="G591">
        <v>97195.293730000005</v>
      </c>
      <c r="H591">
        <v>59929.606370000001</v>
      </c>
      <c r="I591">
        <v>45503.5795</v>
      </c>
      <c r="J591">
        <v>40889.030469999998</v>
      </c>
      <c r="K591">
        <v>65911.160130000004</v>
      </c>
      <c r="L591">
        <v>36180.727209999997</v>
      </c>
      <c r="M591">
        <v>336164.8284</v>
      </c>
      <c r="N591">
        <v>107087.0086</v>
      </c>
      <c r="O591">
        <v>32283.31294</v>
      </c>
      <c r="P591">
        <v>41903.71974</v>
      </c>
      <c r="Q591">
        <v>91472.784759999995</v>
      </c>
      <c r="R591">
        <v>27534.331180000001</v>
      </c>
      <c r="S591">
        <v>121203.9984</v>
      </c>
      <c r="T591">
        <v>41822.08079</v>
      </c>
      <c r="U591">
        <v>27656.45911</v>
      </c>
      <c r="W591" s="83">
        <f>Bühler!N623</f>
        <v>45316.541666665238</v>
      </c>
      <c r="X591" s="83">
        <v>43125.541666666664</v>
      </c>
      <c r="Y591">
        <v>301616.2488</v>
      </c>
      <c r="Z591">
        <v>38796.712529999997</v>
      </c>
      <c r="AA591">
        <v>87989.881989999994</v>
      </c>
      <c r="AB591">
        <v>97195.293730000005</v>
      </c>
      <c r="AC591">
        <v>59929.606370000001</v>
      </c>
      <c r="AD591">
        <v>45503.5795</v>
      </c>
      <c r="AE591">
        <v>40889.030469999998</v>
      </c>
      <c r="AF591">
        <v>65911.160130000004</v>
      </c>
      <c r="AG591">
        <v>36180.727209999997</v>
      </c>
      <c r="AH591">
        <v>336164.8284</v>
      </c>
      <c r="AI591">
        <v>107087.0086</v>
      </c>
      <c r="AJ591">
        <v>32283.31294</v>
      </c>
      <c r="AK591">
        <v>41903.71974</v>
      </c>
      <c r="AL591">
        <v>91472.784759999995</v>
      </c>
      <c r="AM591">
        <v>27534.331180000001</v>
      </c>
      <c r="AN591">
        <v>121203.9984</v>
      </c>
      <c r="AO591">
        <v>41822.08079</v>
      </c>
      <c r="AP591">
        <v>27656.45911</v>
      </c>
    </row>
    <row r="592" spans="2:42" x14ac:dyDescent="0.3">
      <c r="B592">
        <v>65.99393398583122</v>
      </c>
      <c r="C592" s="83">
        <v>43125.583333333336</v>
      </c>
      <c r="D592">
        <v>305454.9596</v>
      </c>
      <c r="E592">
        <v>41644.915509999999</v>
      </c>
      <c r="F592">
        <v>89636.18995</v>
      </c>
      <c r="G592">
        <v>91471.937309999994</v>
      </c>
      <c r="H592">
        <v>59572.886689999999</v>
      </c>
      <c r="I592">
        <v>46305.310539999999</v>
      </c>
      <c r="J592">
        <v>40248.389410000003</v>
      </c>
      <c r="K592">
        <v>67054.162790000002</v>
      </c>
      <c r="L592">
        <v>32391.950499999999</v>
      </c>
      <c r="M592">
        <v>336467.85119999998</v>
      </c>
      <c r="N592">
        <v>107720.3642</v>
      </c>
      <c r="O592">
        <v>32453.622189999998</v>
      </c>
      <c r="P592">
        <v>38970.092380000002</v>
      </c>
      <c r="Q592">
        <v>90268.170629999993</v>
      </c>
      <c r="R592">
        <v>27530.23156</v>
      </c>
      <c r="S592">
        <v>115218.27929999999</v>
      </c>
      <c r="T592">
        <v>40352.521970000002</v>
      </c>
      <c r="U592">
        <v>28245.42931</v>
      </c>
      <c r="W592" s="83">
        <f>Bühler!N624</f>
        <v>45316.583333331902</v>
      </c>
      <c r="X592" s="83">
        <v>43125.583333333336</v>
      </c>
      <c r="Y592">
        <v>305454.9596</v>
      </c>
      <c r="Z592">
        <v>41644.915509999999</v>
      </c>
      <c r="AA592">
        <v>89636.18995</v>
      </c>
      <c r="AB592">
        <v>91471.937309999994</v>
      </c>
      <c r="AC592">
        <v>59572.886689999999</v>
      </c>
      <c r="AD592">
        <v>46305.310539999999</v>
      </c>
      <c r="AE592">
        <v>40248.389410000003</v>
      </c>
      <c r="AF592">
        <v>67054.162790000002</v>
      </c>
      <c r="AG592">
        <v>32391.950499999999</v>
      </c>
      <c r="AH592">
        <v>336467.85119999998</v>
      </c>
      <c r="AI592">
        <v>107720.3642</v>
      </c>
      <c r="AJ592">
        <v>32453.622189999998</v>
      </c>
      <c r="AK592">
        <v>38970.092380000002</v>
      </c>
      <c r="AL592">
        <v>90268.170629999993</v>
      </c>
      <c r="AM592">
        <v>27530.23156</v>
      </c>
      <c r="AN592">
        <v>115218.27929999999</v>
      </c>
      <c r="AO592">
        <v>40352.521970000002</v>
      </c>
      <c r="AP592">
        <v>28245.42931</v>
      </c>
    </row>
    <row r="593" spans="2:42" x14ac:dyDescent="0.3">
      <c r="B593">
        <v>64.870958032673528</v>
      </c>
      <c r="C593" s="83">
        <v>43125.625</v>
      </c>
      <c r="D593">
        <v>302309.31400000001</v>
      </c>
      <c r="E593">
        <v>41223.75978</v>
      </c>
      <c r="F593">
        <v>90157.319300000003</v>
      </c>
      <c r="G593">
        <v>88513.885339999993</v>
      </c>
      <c r="H593">
        <v>58387.951730000001</v>
      </c>
      <c r="I593">
        <v>46758.166559999998</v>
      </c>
      <c r="J593">
        <v>40206.16706</v>
      </c>
      <c r="K593">
        <v>64072.502529999998</v>
      </c>
      <c r="L593">
        <v>29071.96761</v>
      </c>
      <c r="M593">
        <v>330742.39610000001</v>
      </c>
      <c r="N593">
        <v>106569.0934</v>
      </c>
      <c r="O593">
        <v>31847.52449</v>
      </c>
      <c r="P593">
        <v>37340.738539999998</v>
      </c>
      <c r="Q593">
        <v>89544.334719999999</v>
      </c>
      <c r="R593">
        <v>26754.23935</v>
      </c>
      <c r="S593">
        <v>113942.0477</v>
      </c>
      <c r="T593">
        <v>40144.500359999998</v>
      </c>
      <c r="U593">
        <v>28049.282709999999</v>
      </c>
      <c r="W593" s="83">
        <f>Bühler!N625</f>
        <v>45316.624999998567</v>
      </c>
      <c r="X593" s="83">
        <v>43125.625</v>
      </c>
      <c r="Y593">
        <v>302309.31400000001</v>
      </c>
      <c r="Z593">
        <v>41223.75978</v>
      </c>
      <c r="AA593">
        <v>90157.319300000003</v>
      </c>
      <c r="AB593">
        <v>88513.885339999993</v>
      </c>
      <c r="AC593">
        <v>58387.951730000001</v>
      </c>
      <c r="AD593">
        <v>46758.166559999998</v>
      </c>
      <c r="AE593">
        <v>40206.16706</v>
      </c>
      <c r="AF593">
        <v>64072.502529999998</v>
      </c>
      <c r="AG593">
        <v>29071.96761</v>
      </c>
      <c r="AH593">
        <v>330742.39610000001</v>
      </c>
      <c r="AI593">
        <v>106569.0934</v>
      </c>
      <c r="AJ593">
        <v>31847.52449</v>
      </c>
      <c r="AK593">
        <v>37340.738539999998</v>
      </c>
      <c r="AL593">
        <v>89544.334719999999</v>
      </c>
      <c r="AM593">
        <v>26754.23935</v>
      </c>
      <c r="AN593">
        <v>113942.0477</v>
      </c>
      <c r="AO593">
        <v>40144.500359999998</v>
      </c>
      <c r="AP593">
        <v>28049.282709999999</v>
      </c>
    </row>
    <row r="594" spans="2:42" x14ac:dyDescent="0.3">
      <c r="B594">
        <v>63.897430001478142</v>
      </c>
      <c r="C594" s="83">
        <v>43125.666666666664</v>
      </c>
      <c r="D594">
        <v>296309.10129999998</v>
      </c>
      <c r="E594">
        <v>40390.612260000002</v>
      </c>
      <c r="F594">
        <v>89089.666029999993</v>
      </c>
      <c r="G594">
        <v>83791.936690000002</v>
      </c>
      <c r="H594">
        <v>56920.497730000003</v>
      </c>
      <c r="I594">
        <v>48755.200949999999</v>
      </c>
      <c r="J594">
        <v>39317.22481</v>
      </c>
      <c r="K594">
        <v>61587.64503</v>
      </c>
      <c r="L594">
        <v>28000.389029999998</v>
      </c>
      <c r="M594">
        <v>325778.89620000002</v>
      </c>
      <c r="N594">
        <v>102218.6061</v>
      </c>
      <c r="O594">
        <v>31792.628949999998</v>
      </c>
      <c r="P594">
        <v>37921.359810000002</v>
      </c>
      <c r="Q594">
        <v>88605.010389999996</v>
      </c>
      <c r="R594">
        <v>26303.24942</v>
      </c>
      <c r="S594">
        <v>111325.7567</v>
      </c>
      <c r="T594">
        <v>39747.00733</v>
      </c>
      <c r="U594">
        <v>26371.141540000001</v>
      </c>
      <c r="W594" s="83">
        <f>Bühler!N626</f>
        <v>45316.666666665231</v>
      </c>
      <c r="X594" s="83">
        <v>43125.666666666664</v>
      </c>
      <c r="Y594">
        <v>296309.10129999998</v>
      </c>
      <c r="Z594">
        <v>40390.612260000002</v>
      </c>
      <c r="AA594">
        <v>89089.666029999993</v>
      </c>
      <c r="AB594">
        <v>83791.936690000002</v>
      </c>
      <c r="AC594">
        <v>56920.497730000003</v>
      </c>
      <c r="AD594">
        <v>48755.200949999999</v>
      </c>
      <c r="AE594">
        <v>39317.22481</v>
      </c>
      <c r="AF594">
        <v>61587.64503</v>
      </c>
      <c r="AG594">
        <v>28000.389029999998</v>
      </c>
      <c r="AH594">
        <v>325778.89620000002</v>
      </c>
      <c r="AI594">
        <v>102218.6061</v>
      </c>
      <c r="AJ594">
        <v>31792.628949999998</v>
      </c>
      <c r="AK594">
        <v>37921.359810000002</v>
      </c>
      <c r="AL594">
        <v>88605.010389999996</v>
      </c>
      <c r="AM594">
        <v>26303.24942</v>
      </c>
      <c r="AN594">
        <v>111325.7567</v>
      </c>
      <c r="AO594">
        <v>39747.00733</v>
      </c>
      <c r="AP594">
        <v>26371.141540000001</v>
      </c>
    </row>
    <row r="595" spans="2:42" x14ac:dyDescent="0.3">
      <c r="B595">
        <v>63.132710527326516</v>
      </c>
      <c r="C595" s="83">
        <v>43125.708333333336</v>
      </c>
      <c r="D595">
        <v>286824.1385</v>
      </c>
      <c r="E595">
        <v>39009.513339999998</v>
      </c>
      <c r="F595">
        <v>89764.276580000005</v>
      </c>
      <c r="G595">
        <v>77094.879520000002</v>
      </c>
      <c r="H595">
        <v>55302.510300000002</v>
      </c>
      <c r="I595">
        <v>48759.501270000001</v>
      </c>
      <c r="J595">
        <v>40520.751700000001</v>
      </c>
      <c r="K595">
        <v>56690.360860000001</v>
      </c>
      <c r="L595">
        <v>29137.351879999998</v>
      </c>
      <c r="M595">
        <v>321879.99969999999</v>
      </c>
      <c r="N595">
        <v>95601.965089999998</v>
      </c>
      <c r="O595">
        <v>31258.50045</v>
      </c>
      <c r="P595">
        <v>39557.6273</v>
      </c>
      <c r="Q595">
        <v>88074.507610000001</v>
      </c>
      <c r="R595">
        <v>27461.251830000001</v>
      </c>
      <c r="S595">
        <v>110558.0748</v>
      </c>
      <c r="T595">
        <v>40809.691800000001</v>
      </c>
      <c r="U595">
        <v>24305.561409999998</v>
      </c>
      <c r="W595" s="83">
        <f>Bühler!N627</f>
        <v>45316.708333331895</v>
      </c>
      <c r="X595" s="83">
        <v>43125.708333333336</v>
      </c>
      <c r="Y595">
        <v>286824.1385</v>
      </c>
      <c r="Z595">
        <v>39009.513339999998</v>
      </c>
      <c r="AA595">
        <v>89764.276580000005</v>
      </c>
      <c r="AB595">
        <v>77094.879520000002</v>
      </c>
      <c r="AC595">
        <v>55302.510300000002</v>
      </c>
      <c r="AD595">
        <v>48759.501270000001</v>
      </c>
      <c r="AE595">
        <v>40520.751700000001</v>
      </c>
      <c r="AF595">
        <v>56690.360860000001</v>
      </c>
      <c r="AG595">
        <v>29137.351879999998</v>
      </c>
      <c r="AH595">
        <v>321879.99969999999</v>
      </c>
      <c r="AI595">
        <v>95601.965089999998</v>
      </c>
      <c r="AJ595">
        <v>31258.50045</v>
      </c>
      <c r="AK595">
        <v>39557.6273</v>
      </c>
      <c r="AL595">
        <v>88074.507610000001</v>
      </c>
      <c r="AM595">
        <v>27461.251830000001</v>
      </c>
      <c r="AN595">
        <v>110558.0748</v>
      </c>
      <c r="AO595">
        <v>40809.691800000001</v>
      </c>
      <c r="AP595">
        <v>24305.561409999998</v>
      </c>
    </row>
    <row r="596" spans="2:42" x14ac:dyDescent="0.3">
      <c r="B596">
        <v>61.244961240683523</v>
      </c>
      <c r="C596" s="83">
        <v>43125.75</v>
      </c>
      <c r="D596">
        <v>280855.52870000002</v>
      </c>
      <c r="E596">
        <v>35946.774290000001</v>
      </c>
      <c r="F596">
        <v>87169.002080000006</v>
      </c>
      <c r="G596">
        <v>69456.383409999995</v>
      </c>
      <c r="H596">
        <v>53898.447240000001</v>
      </c>
      <c r="I596">
        <v>47054.769039999999</v>
      </c>
      <c r="J596">
        <v>41822.105920000002</v>
      </c>
      <c r="K596">
        <v>49947.726629999997</v>
      </c>
      <c r="L596">
        <v>31777.963660000001</v>
      </c>
      <c r="M596">
        <v>312255.37349999999</v>
      </c>
      <c r="N596">
        <v>93242.631580000001</v>
      </c>
      <c r="O596">
        <v>29049.677189999999</v>
      </c>
      <c r="P596">
        <v>43236.063340000001</v>
      </c>
      <c r="Q596">
        <v>87948.425870000006</v>
      </c>
      <c r="R596">
        <v>24328.949789999999</v>
      </c>
      <c r="S596">
        <v>106512.8296</v>
      </c>
      <c r="T596">
        <v>41270.016219999998</v>
      </c>
      <c r="U596">
        <v>22957.324560000001</v>
      </c>
      <c r="W596" s="83">
        <f>Bühler!N628</f>
        <v>45316.749999998559</v>
      </c>
      <c r="X596" s="83">
        <v>43125.75</v>
      </c>
      <c r="Y596">
        <v>280855.52870000002</v>
      </c>
      <c r="Z596">
        <v>35946.774290000001</v>
      </c>
      <c r="AA596">
        <v>87169.002080000006</v>
      </c>
      <c r="AB596">
        <v>69456.383409999995</v>
      </c>
      <c r="AC596">
        <v>53898.447240000001</v>
      </c>
      <c r="AD596">
        <v>47054.769039999999</v>
      </c>
      <c r="AE596">
        <v>41822.105920000002</v>
      </c>
      <c r="AF596">
        <v>49947.726629999997</v>
      </c>
      <c r="AG596">
        <v>31777.963660000001</v>
      </c>
      <c r="AH596">
        <v>312255.37349999999</v>
      </c>
      <c r="AI596">
        <v>93242.631580000001</v>
      </c>
      <c r="AJ596">
        <v>29049.677189999999</v>
      </c>
      <c r="AK596">
        <v>43236.063340000001</v>
      </c>
      <c r="AL596">
        <v>87948.425870000006</v>
      </c>
      <c r="AM596">
        <v>24328.949789999999</v>
      </c>
      <c r="AN596">
        <v>106512.8296</v>
      </c>
      <c r="AO596">
        <v>41270.016219999998</v>
      </c>
      <c r="AP596">
        <v>22957.324560000001</v>
      </c>
    </row>
    <row r="597" spans="2:42" x14ac:dyDescent="0.3">
      <c r="B597">
        <v>60.526614809745787</v>
      </c>
      <c r="C597" s="83">
        <v>43125.791666666664</v>
      </c>
      <c r="D597">
        <v>273513.11459999997</v>
      </c>
      <c r="E597">
        <v>29839.642779999998</v>
      </c>
      <c r="F597">
        <v>75281.473159999994</v>
      </c>
      <c r="G597">
        <v>62136.869939999997</v>
      </c>
      <c r="H597">
        <v>50623.254139999997</v>
      </c>
      <c r="I597">
        <v>43130.747739999999</v>
      </c>
      <c r="J597">
        <v>41495.378969999998</v>
      </c>
      <c r="K597">
        <v>47845.79694</v>
      </c>
      <c r="L597">
        <v>32354.732169999999</v>
      </c>
      <c r="M597">
        <v>308592.90840000001</v>
      </c>
      <c r="N597">
        <v>92410.310259999998</v>
      </c>
      <c r="O597">
        <v>27404.313569999998</v>
      </c>
      <c r="P597">
        <v>44683.172579999999</v>
      </c>
      <c r="Q597">
        <v>86390.998970000001</v>
      </c>
      <c r="R597">
        <v>23102.598010000002</v>
      </c>
      <c r="S597">
        <v>100863.7885</v>
      </c>
      <c r="T597">
        <v>40933.414559999997</v>
      </c>
      <c r="U597">
        <v>21309.34431</v>
      </c>
      <c r="W597" s="83">
        <f>Bühler!N629</f>
        <v>45316.791666665224</v>
      </c>
      <c r="X597" s="83">
        <v>43125.791666666664</v>
      </c>
      <c r="Y597">
        <v>273513.11459999997</v>
      </c>
      <c r="Z597">
        <v>29839.642779999998</v>
      </c>
      <c r="AA597">
        <v>75281.473159999994</v>
      </c>
      <c r="AB597">
        <v>62136.869939999997</v>
      </c>
      <c r="AC597">
        <v>50623.254139999997</v>
      </c>
      <c r="AD597">
        <v>43130.747739999999</v>
      </c>
      <c r="AE597">
        <v>41495.378969999998</v>
      </c>
      <c r="AF597">
        <v>47845.79694</v>
      </c>
      <c r="AG597">
        <v>32354.732169999999</v>
      </c>
      <c r="AH597">
        <v>308592.90840000001</v>
      </c>
      <c r="AI597">
        <v>92410.310259999998</v>
      </c>
      <c r="AJ597">
        <v>27404.313569999998</v>
      </c>
      <c r="AK597">
        <v>44683.172579999999</v>
      </c>
      <c r="AL597">
        <v>86390.998970000001</v>
      </c>
      <c r="AM597">
        <v>23102.598010000002</v>
      </c>
      <c r="AN597">
        <v>100863.7885</v>
      </c>
      <c r="AO597">
        <v>40933.414559999997</v>
      </c>
      <c r="AP597">
        <v>21309.34431</v>
      </c>
    </row>
    <row r="598" spans="2:42" x14ac:dyDescent="0.3">
      <c r="B598">
        <v>59.237890268028053</v>
      </c>
      <c r="C598" s="83">
        <v>43125.833333333336</v>
      </c>
      <c r="D598">
        <v>264236.25439999998</v>
      </c>
      <c r="E598">
        <v>23434.7209</v>
      </c>
      <c r="F598">
        <v>59234.40868</v>
      </c>
      <c r="G598">
        <v>54662.623299999999</v>
      </c>
      <c r="H598">
        <v>48055.458100000003</v>
      </c>
      <c r="I598">
        <v>39416.343930000003</v>
      </c>
      <c r="J598">
        <v>40267.530290000002</v>
      </c>
      <c r="K598">
        <v>54139.436860000002</v>
      </c>
      <c r="L598">
        <v>31306.65713</v>
      </c>
      <c r="M598">
        <v>302022.3897</v>
      </c>
      <c r="N598">
        <v>90029.00404</v>
      </c>
      <c r="O598">
        <v>26532.704320000001</v>
      </c>
      <c r="P598">
        <v>44197.917289999998</v>
      </c>
      <c r="Q598">
        <v>83575.527600000001</v>
      </c>
      <c r="R598">
        <v>24180.464530000001</v>
      </c>
      <c r="S598">
        <v>91651.533060000002</v>
      </c>
      <c r="T598">
        <v>39078.998760000002</v>
      </c>
      <c r="U598">
        <v>20014.190180000001</v>
      </c>
      <c r="W598" s="83">
        <f>Bühler!N630</f>
        <v>45316.833333331888</v>
      </c>
      <c r="X598" s="83">
        <v>43125.833333333336</v>
      </c>
      <c r="Y598">
        <v>264236.25439999998</v>
      </c>
      <c r="Z598">
        <v>23434.7209</v>
      </c>
      <c r="AA598">
        <v>59234.40868</v>
      </c>
      <c r="AB598">
        <v>54662.623299999999</v>
      </c>
      <c r="AC598">
        <v>48055.458100000003</v>
      </c>
      <c r="AD598">
        <v>39416.343930000003</v>
      </c>
      <c r="AE598">
        <v>40267.530290000002</v>
      </c>
      <c r="AF598">
        <v>54139.436860000002</v>
      </c>
      <c r="AG598">
        <v>31306.65713</v>
      </c>
      <c r="AH598">
        <v>302022.3897</v>
      </c>
      <c r="AI598">
        <v>90029.00404</v>
      </c>
      <c r="AJ598">
        <v>26532.704320000001</v>
      </c>
      <c r="AK598">
        <v>44197.917289999998</v>
      </c>
      <c r="AL598">
        <v>83575.527600000001</v>
      </c>
      <c r="AM598">
        <v>24180.464530000001</v>
      </c>
      <c r="AN598">
        <v>91651.533060000002</v>
      </c>
      <c r="AO598">
        <v>39078.998760000002</v>
      </c>
      <c r="AP598">
        <v>20014.190180000001</v>
      </c>
    </row>
    <row r="599" spans="2:42" x14ac:dyDescent="0.3">
      <c r="B599">
        <v>57.413887660916018</v>
      </c>
      <c r="C599" s="83">
        <v>43125.875</v>
      </c>
      <c r="D599">
        <v>255826.8216</v>
      </c>
      <c r="E599">
        <v>20212.786469999999</v>
      </c>
      <c r="F599">
        <v>51823.581989999999</v>
      </c>
      <c r="G599">
        <v>50846.98646</v>
      </c>
      <c r="H599">
        <v>45389.605660000001</v>
      </c>
      <c r="I599">
        <v>34107.140670000001</v>
      </c>
      <c r="J599">
        <v>38341.263030000002</v>
      </c>
      <c r="K599">
        <v>54259.687149999998</v>
      </c>
      <c r="L599">
        <v>30517.825840000001</v>
      </c>
      <c r="M599">
        <v>292722.77380000002</v>
      </c>
      <c r="N599">
        <v>88308.224489999993</v>
      </c>
      <c r="O599">
        <v>25689.42771</v>
      </c>
      <c r="P599">
        <v>41618.785430000004</v>
      </c>
      <c r="Q599">
        <v>82109.422000000006</v>
      </c>
      <c r="R599">
        <v>21993.8534</v>
      </c>
      <c r="S599">
        <v>86203.569709999996</v>
      </c>
      <c r="T599">
        <v>35990.1492</v>
      </c>
      <c r="U599">
        <v>19102.324250000001</v>
      </c>
      <c r="W599" s="83">
        <f>Bühler!N631</f>
        <v>45316.874999998552</v>
      </c>
      <c r="X599" s="83">
        <v>43125.875</v>
      </c>
      <c r="Y599">
        <v>255826.8216</v>
      </c>
      <c r="Z599">
        <v>20212.786469999999</v>
      </c>
      <c r="AA599">
        <v>51823.581989999999</v>
      </c>
      <c r="AB599">
        <v>50846.98646</v>
      </c>
      <c r="AC599">
        <v>45389.605660000001</v>
      </c>
      <c r="AD599">
        <v>34107.140670000001</v>
      </c>
      <c r="AE599">
        <v>38341.263030000002</v>
      </c>
      <c r="AF599">
        <v>54259.687149999998</v>
      </c>
      <c r="AG599">
        <v>30517.825840000001</v>
      </c>
      <c r="AH599">
        <v>292722.77380000002</v>
      </c>
      <c r="AI599">
        <v>88308.224489999993</v>
      </c>
      <c r="AJ599">
        <v>25689.42771</v>
      </c>
      <c r="AK599">
        <v>41618.785430000004</v>
      </c>
      <c r="AL599">
        <v>82109.422000000006</v>
      </c>
      <c r="AM599">
        <v>21993.8534</v>
      </c>
      <c r="AN599">
        <v>86203.569709999996</v>
      </c>
      <c r="AO599">
        <v>35990.1492</v>
      </c>
      <c r="AP599">
        <v>19102.324250000001</v>
      </c>
    </row>
    <row r="600" spans="2:42" x14ac:dyDescent="0.3">
      <c r="B600">
        <v>56.630161510344365</v>
      </c>
      <c r="C600" s="83">
        <v>43125.916666666664</v>
      </c>
      <c r="D600">
        <v>255998.87530000001</v>
      </c>
      <c r="E600">
        <v>19603.347089999999</v>
      </c>
      <c r="F600">
        <v>49569.716719999997</v>
      </c>
      <c r="G600">
        <v>48606.211739999999</v>
      </c>
      <c r="H600">
        <v>44426.857609999999</v>
      </c>
      <c r="I600">
        <v>33048.786780000002</v>
      </c>
      <c r="J600">
        <v>36802.153660000004</v>
      </c>
      <c r="K600">
        <v>55773.568160000003</v>
      </c>
      <c r="L600">
        <v>27483.272669999998</v>
      </c>
      <c r="M600">
        <v>288726.97240000003</v>
      </c>
      <c r="N600">
        <v>88905.414300000004</v>
      </c>
      <c r="O600">
        <v>26949.79765</v>
      </c>
      <c r="P600">
        <v>43804.83251</v>
      </c>
      <c r="Q600">
        <v>81384.220149999994</v>
      </c>
      <c r="R600">
        <v>32662.573850000001</v>
      </c>
      <c r="S600">
        <v>86367.167879999994</v>
      </c>
      <c r="T600">
        <v>32337.695240000001</v>
      </c>
      <c r="U600">
        <v>20048.105179999999</v>
      </c>
      <c r="W600" s="83">
        <f>Bühler!N632</f>
        <v>45316.916666665216</v>
      </c>
      <c r="X600" s="83">
        <v>43125.916666666664</v>
      </c>
      <c r="Y600">
        <v>255998.87530000001</v>
      </c>
      <c r="Z600">
        <v>19603.347089999999</v>
      </c>
      <c r="AA600">
        <v>49569.716719999997</v>
      </c>
      <c r="AB600">
        <v>48606.211739999999</v>
      </c>
      <c r="AC600">
        <v>44426.857609999999</v>
      </c>
      <c r="AD600">
        <v>33048.786780000002</v>
      </c>
      <c r="AE600">
        <v>36802.153660000004</v>
      </c>
      <c r="AF600">
        <v>55773.568160000003</v>
      </c>
      <c r="AG600">
        <v>27483.272669999998</v>
      </c>
      <c r="AH600">
        <v>288726.97240000003</v>
      </c>
      <c r="AI600">
        <v>88905.414300000004</v>
      </c>
      <c r="AJ600">
        <v>26949.79765</v>
      </c>
      <c r="AK600">
        <v>43804.83251</v>
      </c>
      <c r="AL600">
        <v>81384.220149999994</v>
      </c>
      <c r="AM600">
        <v>32662.573850000001</v>
      </c>
      <c r="AN600">
        <v>86367.167879999994</v>
      </c>
      <c r="AO600">
        <v>32337.695240000001</v>
      </c>
      <c r="AP600">
        <v>20048.105179999999</v>
      </c>
    </row>
    <row r="601" spans="2:42" x14ac:dyDescent="0.3">
      <c r="B601">
        <v>55.46337324481307</v>
      </c>
      <c r="C601" s="83">
        <v>43125.958333333336</v>
      </c>
      <c r="D601">
        <v>255508.0686</v>
      </c>
      <c r="E601">
        <v>19396.669379999999</v>
      </c>
      <c r="F601">
        <v>48439.746980000004</v>
      </c>
      <c r="G601">
        <v>47669.301729999999</v>
      </c>
      <c r="H601">
        <v>43238.749470000002</v>
      </c>
      <c r="I601">
        <v>32013.665519999999</v>
      </c>
      <c r="J601">
        <v>35025.523300000001</v>
      </c>
      <c r="K601">
        <v>54363.847150000001</v>
      </c>
      <c r="L601">
        <v>24200.389599999999</v>
      </c>
      <c r="M601">
        <v>282778.14169999998</v>
      </c>
      <c r="N601">
        <v>89071.857449999996</v>
      </c>
      <c r="O601">
        <v>26909.58569</v>
      </c>
      <c r="P601">
        <v>40911.449430000001</v>
      </c>
      <c r="Q601">
        <v>81246.632530000003</v>
      </c>
      <c r="R601">
        <v>35094.669929999996</v>
      </c>
      <c r="S601">
        <v>84413.072419999997</v>
      </c>
      <c r="T601">
        <v>32481.096819999999</v>
      </c>
      <c r="U601">
        <v>19518.278109999999</v>
      </c>
      <c r="W601" s="83">
        <f>Bühler!N633</f>
        <v>45316.958333331881</v>
      </c>
      <c r="X601" s="83">
        <v>43125.958333333336</v>
      </c>
      <c r="Y601">
        <v>255508.0686</v>
      </c>
      <c r="Z601">
        <v>19396.669379999999</v>
      </c>
      <c r="AA601">
        <v>48439.746980000004</v>
      </c>
      <c r="AB601">
        <v>47669.301729999999</v>
      </c>
      <c r="AC601">
        <v>43238.749470000002</v>
      </c>
      <c r="AD601">
        <v>32013.665519999999</v>
      </c>
      <c r="AE601">
        <v>35025.523300000001</v>
      </c>
      <c r="AF601">
        <v>54363.847150000001</v>
      </c>
      <c r="AG601">
        <v>24200.389599999999</v>
      </c>
      <c r="AH601">
        <v>282778.14169999998</v>
      </c>
      <c r="AI601">
        <v>89071.857449999996</v>
      </c>
      <c r="AJ601">
        <v>26909.58569</v>
      </c>
      <c r="AK601">
        <v>40911.449430000001</v>
      </c>
      <c r="AL601">
        <v>81246.632530000003</v>
      </c>
      <c r="AM601">
        <v>35094.669929999996</v>
      </c>
      <c r="AN601">
        <v>84413.072419999997</v>
      </c>
      <c r="AO601">
        <v>32481.096819999999</v>
      </c>
      <c r="AP601">
        <v>19518.278109999999</v>
      </c>
    </row>
    <row r="602" spans="2:42" x14ac:dyDescent="0.3">
      <c r="B602">
        <v>54.90834914340563</v>
      </c>
      <c r="C602" s="83">
        <v>43126</v>
      </c>
      <c r="D602">
        <v>255078.31820000001</v>
      </c>
      <c r="E602">
        <v>19020.419880000001</v>
      </c>
      <c r="F602">
        <v>48067.49555</v>
      </c>
      <c r="G602">
        <v>46582.506650000003</v>
      </c>
      <c r="H602">
        <v>42738.152679999999</v>
      </c>
      <c r="I602">
        <v>29884.24181</v>
      </c>
      <c r="J602">
        <v>33311.15825</v>
      </c>
      <c r="K602">
        <v>52245.900179999997</v>
      </c>
      <c r="L602">
        <v>22524.401740000001</v>
      </c>
      <c r="M602">
        <v>279948.37</v>
      </c>
      <c r="N602">
        <v>88134.031489999994</v>
      </c>
      <c r="O602">
        <v>26949.796689999999</v>
      </c>
      <c r="P602">
        <v>38662.784269999996</v>
      </c>
      <c r="Q602">
        <v>80705.001090000005</v>
      </c>
      <c r="R602">
        <v>30648.757020000001</v>
      </c>
      <c r="S602">
        <v>84634.304340000002</v>
      </c>
      <c r="T602">
        <v>31667.944589999999</v>
      </c>
      <c r="U602">
        <v>19514.668320000001</v>
      </c>
      <c r="W602" s="83">
        <f>Bühler!N634</f>
        <v>45316.999999998545</v>
      </c>
      <c r="X602" s="83">
        <v>43126</v>
      </c>
      <c r="Y602">
        <v>255078.31820000001</v>
      </c>
      <c r="Z602">
        <v>19020.419880000001</v>
      </c>
      <c r="AA602">
        <v>48067.49555</v>
      </c>
      <c r="AB602">
        <v>46582.506650000003</v>
      </c>
      <c r="AC602">
        <v>42738.152679999999</v>
      </c>
      <c r="AD602">
        <v>29884.24181</v>
      </c>
      <c r="AE602">
        <v>33311.15825</v>
      </c>
      <c r="AF602">
        <v>52245.900179999997</v>
      </c>
      <c r="AG602">
        <v>22524.401740000001</v>
      </c>
      <c r="AH602">
        <v>279948.37</v>
      </c>
      <c r="AI602">
        <v>88134.031489999994</v>
      </c>
      <c r="AJ602">
        <v>26949.796689999999</v>
      </c>
      <c r="AK602">
        <v>38662.784269999996</v>
      </c>
      <c r="AL602">
        <v>80705.001090000005</v>
      </c>
      <c r="AM602">
        <v>30648.757020000001</v>
      </c>
      <c r="AN602">
        <v>84634.304340000002</v>
      </c>
      <c r="AO602">
        <v>31667.944589999999</v>
      </c>
      <c r="AP602">
        <v>19514.668320000001</v>
      </c>
    </row>
    <row r="603" spans="2:42" x14ac:dyDescent="0.3">
      <c r="B603">
        <v>55.980686672636615</v>
      </c>
      <c r="C603" s="83">
        <v>43126.041666666664</v>
      </c>
      <c r="D603">
        <v>253433.0085</v>
      </c>
      <c r="E603">
        <v>19220.620589999999</v>
      </c>
      <c r="F603">
        <v>51395.952550000002</v>
      </c>
      <c r="G603">
        <v>46564.240720000002</v>
      </c>
      <c r="H603">
        <v>43244.781389999996</v>
      </c>
      <c r="I603">
        <v>26049.47638</v>
      </c>
      <c r="J603">
        <v>35690.819519999997</v>
      </c>
      <c r="K603">
        <v>51706.533689999997</v>
      </c>
      <c r="L603">
        <v>21919.782220000001</v>
      </c>
      <c r="M603">
        <v>285415.64679999999</v>
      </c>
      <c r="N603">
        <v>89881.724839999995</v>
      </c>
      <c r="O603">
        <v>26955.59822</v>
      </c>
      <c r="P603">
        <v>36931.898289999997</v>
      </c>
      <c r="Q603">
        <v>82313.246209999998</v>
      </c>
      <c r="R603">
        <v>28966.368340000001</v>
      </c>
      <c r="S603">
        <v>85693.909010000003</v>
      </c>
      <c r="T603">
        <v>31418.504720000001</v>
      </c>
      <c r="U603">
        <v>20297.055929999999</v>
      </c>
      <c r="W603" s="83">
        <f>Bühler!N635</f>
        <v>45317.041666665209</v>
      </c>
      <c r="X603" s="83">
        <v>43126.041666666664</v>
      </c>
      <c r="Y603">
        <v>253433.0085</v>
      </c>
      <c r="Z603">
        <v>19220.620589999999</v>
      </c>
      <c r="AA603">
        <v>51395.952550000002</v>
      </c>
      <c r="AB603">
        <v>46564.240720000002</v>
      </c>
      <c r="AC603">
        <v>43244.781389999996</v>
      </c>
      <c r="AD603">
        <v>26049.47638</v>
      </c>
      <c r="AE603">
        <v>35690.819519999997</v>
      </c>
      <c r="AF603">
        <v>51706.533689999997</v>
      </c>
      <c r="AG603">
        <v>21919.782220000001</v>
      </c>
      <c r="AH603">
        <v>285415.64679999999</v>
      </c>
      <c r="AI603">
        <v>89881.724839999995</v>
      </c>
      <c r="AJ603">
        <v>26955.59822</v>
      </c>
      <c r="AK603">
        <v>36931.898289999997</v>
      </c>
      <c r="AL603">
        <v>82313.246209999998</v>
      </c>
      <c r="AM603">
        <v>28966.368340000001</v>
      </c>
      <c r="AN603">
        <v>85693.909010000003</v>
      </c>
      <c r="AO603">
        <v>31418.504720000001</v>
      </c>
      <c r="AP603">
        <v>20297.055929999999</v>
      </c>
    </row>
    <row r="604" spans="2:42" x14ac:dyDescent="0.3">
      <c r="B604">
        <v>56.476214176507703</v>
      </c>
      <c r="C604" s="83">
        <v>43126.083333333336</v>
      </c>
      <c r="D604">
        <v>254261.8272</v>
      </c>
      <c r="E604">
        <v>19283.496780000001</v>
      </c>
      <c r="F604">
        <v>52104.786650000002</v>
      </c>
      <c r="G604">
        <v>46604.5982</v>
      </c>
      <c r="H604">
        <v>43207.672939999997</v>
      </c>
      <c r="I604">
        <v>24086.460859999999</v>
      </c>
      <c r="J604">
        <v>35318.101750000002</v>
      </c>
      <c r="K604">
        <v>50542.370150000002</v>
      </c>
      <c r="L604">
        <v>21449.851640000001</v>
      </c>
      <c r="M604">
        <v>287942.07709999999</v>
      </c>
      <c r="N604">
        <v>90864.964330000003</v>
      </c>
      <c r="O604">
        <v>26426.94613</v>
      </c>
      <c r="P604">
        <v>36624.721420000002</v>
      </c>
      <c r="Q604">
        <v>85182.252489999999</v>
      </c>
      <c r="R604">
        <v>29748.148450000001</v>
      </c>
      <c r="S604">
        <v>86323.767699999997</v>
      </c>
      <c r="T604">
        <v>31016.647560000001</v>
      </c>
      <c r="U604">
        <v>20603.176899999999</v>
      </c>
      <c r="W604" s="83">
        <f>Bühler!N636</f>
        <v>45317.083333331873</v>
      </c>
      <c r="X604" s="83">
        <v>43126.083333333336</v>
      </c>
      <c r="Y604">
        <v>254261.8272</v>
      </c>
      <c r="Z604">
        <v>19283.496780000001</v>
      </c>
      <c r="AA604">
        <v>52104.786650000002</v>
      </c>
      <c r="AB604">
        <v>46604.5982</v>
      </c>
      <c r="AC604">
        <v>43207.672939999997</v>
      </c>
      <c r="AD604">
        <v>24086.460859999999</v>
      </c>
      <c r="AE604">
        <v>35318.101750000002</v>
      </c>
      <c r="AF604">
        <v>50542.370150000002</v>
      </c>
      <c r="AG604">
        <v>21449.851640000001</v>
      </c>
      <c r="AH604">
        <v>287942.07709999999</v>
      </c>
      <c r="AI604">
        <v>90864.964330000003</v>
      </c>
      <c r="AJ604">
        <v>26426.94613</v>
      </c>
      <c r="AK604">
        <v>36624.721420000002</v>
      </c>
      <c r="AL604">
        <v>85182.252489999999</v>
      </c>
      <c r="AM604">
        <v>29748.148450000001</v>
      </c>
      <c r="AN604">
        <v>86323.767699999997</v>
      </c>
      <c r="AO604">
        <v>31016.647560000001</v>
      </c>
      <c r="AP604">
        <v>20603.176899999999</v>
      </c>
    </row>
    <row r="605" spans="2:42" x14ac:dyDescent="0.3">
      <c r="B605">
        <v>56.473524857979278</v>
      </c>
      <c r="C605" s="83">
        <v>43126.125</v>
      </c>
      <c r="D605">
        <v>255545.31469999999</v>
      </c>
      <c r="E605">
        <v>19476.896280000001</v>
      </c>
      <c r="F605">
        <v>52985.602220000001</v>
      </c>
      <c r="G605">
        <v>45681.841469999999</v>
      </c>
      <c r="H605">
        <v>42967.591410000001</v>
      </c>
      <c r="I605">
        <v>23906.506290000001</v>
      </c>
      <c r="J605">
        <v>36461.669040000001</v>
      </c>
      <c r="K605">
        <v>49770.682399999998</v>
      </c>
      <c r="L605">
        <v>20946.63638</v>
      </c>
      <c r="M605">
        <v>287928.36570000002</v>
      </c>
      <c r="N605">
        <v>90897.817750000002</v>
      </c>
      <c r="O605">
        <v>26962.351869999999</v>
      </c>
      <c r="P605">
        <v>36481.861770000003</v>
      </c>
      <c r="Q605">
        <v>87196.055500000002</v>
      </c>
      <c r="R605">
        <v>29353.393800000002</v>
      </c>
      <c r="S605">
        <v>85414.977759999994</v>
      </c>
      <c r="T605">
        <v>30858.777010000002</v>
      </c>
      <c r="U605">
        <v>20637.089909999999</v>
      </c>
      <c r="W605" s="83">
        <f>Bühler!N637</f>
        <v>45317.124999998538</v>
      </c>
      <c r="X605" s="83">
        <v>43126.125</v>
      </c>
      <c r="Y605">
        <v>255545.31469999999</v>
      </c>
      <c r="Z605">
        <v>19476.896280000001</v>
      </c>
      <c r="AA605">
        <v>52985.602220000001</v>
      </c>
      <c r="AB605">
        <v>45681.841469999999</v>
      </c>
      <c r="AC605">
        <v>42967.591410000001</v>
      </c>
      <c r="AD605">
        <v>23906.506290000001</v>
      </c>
      <c r="AE605">
        <v>36461.669040000001</v>
      </c>
      <c r="AF605">
        <v>49770.682399999998</v>
      </c>
      <c r="AG605">
        <v>20946.63638</v>
      </c>
      <c r="AH605">
        <v>287928.36570000002</v>
      </c>
      <c r="AI605">
        <v>90897.817750000002</v>
      </c>
      <c r="AJ605">
        <v>26962.351869999999</v>
      </c>
      <c r="AK605">
        <v>36481.861770000003</v>
      </c>
      <c r="AL605">
        <v>87196.055500000002</v>
      </c>
      <c r="AM605">
        <v>29353.393800000002</v>
      </c>
      <c r="AN605">
        <v>85414.977759999994</v>
      </c>
      <c r="AO605">
        <v>30858.777010000002</v>
      </c>
      <c r="AP605">
        <v>20637.089909999999</v>
      </c>
    </row>
    <row r="606" spans="2:42" x14ac:dyDescent="0.3">
      <c r="B606">
        <v>57.689050289421644</v>
      </c>
      <c r="C606" s="83">
        <v>43126.166666666664</v>
      </c>
      <c r="D606">
        <v>258231.8762</v>
      </c>
      <c r="E606">
        <v>20078.851470000001</v>
      </c>
      <c r="F606">
        <v>56771.42929</v>
      </c>
      <c r="G606">
        <v>45638.120759999998</v>
      </c>
      <c r="H606">
        <v>43762.077259999998</v>
      </c>
      <c r="I606">
        <v>27782.172159999998</v>
      </c>
      <c r="J606">
        <v>39216.160790000002</v>
      </c>
      <c r="K606">
        <v>48474.619639999997</v>
      </c>
      <c r="L606">
        <v>21218.613990000002</v>
      </c>
      <c r="M606">
        <v>294125.68119999999</v>
      </c>
      <c r="N606">
        <v>90334.447740000003</v>
      </c>
      <c r="O606">
        <v>27257.58756</v>
      </c>
      <c r="P606">
        <v>35769.954570000002</v>
      </c>
      <c r="Q606">
        <v>91118.411900000006</v>
      </c>
      <c r="R606">
        <v>29705.842649999999</v>
      </c>
      <c r="S606">
        <v>87232.384160000001</v>
      </c>
      <c r="T606">
        <v>30844.989160000001</v>
      </c>
      <c r="U606">
        <v>21025.409739999999</v>
      </c>
      <c r="W606" s="83">
        <f>Bühler!N638</f>
        <v>45317.166666665202</v>
      </c>
      <c r="X606" s="83">
        <v>43126.166666666664</v>
      </c>
      <c r="Y606">
        <v>258231.8762</v>
      </c>
      <c r="Z606">
        <v>20078.851470000001</v>
      </c>
      <c r="AA606">
        <v>56771.42929</v>
      </c>
      <c r="AB606">
        <v>45638.120759999998</v>
      </c>
      <c r="AC606">
        <v>43762.077259999998</v>
      </c>
      <c r="AD606">
        <v>27782.172159999998</v>
      </c>
      <c r="AE606">
        <v>39216.160790000002</v>
      </c>
      <c r="AF606">
        <v>48474.619639999997</v>
      </c>
      <c r="AG606">
        <v>21218.613990000002</v>
      </c>
      <c r="AH606">
        <v>294125.68119999999</v>
      </c>
      <c r="AI606">
        <v>90334.447740000003</v>
      </c>
      <c r="AJ606">
        <v>27257.58756</v>
      </c>
      <c r="AK606">
        <v>35769.954570000002</v>
      </c>
      <c r="AL606">
        <v>91118.411900000006</v>
      </c>
      <c r="AM606">
        <v>29705.842649999999</v>
      </c>
      <c r="AN606">
        <v>87232.384160000001</v>
      </c>
      <c r="AO606">
        <v>30844.989160000001</v>
      </c>
      <c r="AP606">
        <v>21025.409739999999</v>
      </c>
    </row>
    <row r="607" spans="2:42" x14ac:dyDescent="0.3">
      <c r="B607">
        <v>60.452352203188148</v>
      </c>
      <c r="C607" s="83">
        <v>43126.208333333336</v>
      </c>
      <c r="D607">
        <v>269616.261</v>
      </c>
      <c r="E607">
        <v>21975.679069999998</v>
      </c>
      <c r="F607">
        <v>67564.432509999999</v>
      </c>
      <c r="G607">
        <v>48961.212339999998</v>
      </c>
      <c r="H607">
        <v>46386.148540000002</v>
      </c>
      <c r="I607">
        <v>35979.60656</v>
      </c>
      <c r="J607">
        <v>42064.976560000003</v>
      </c>
      <c r="K607">
        <v>48120.994939999997</v>
      </c>
      <c r="L607">
        <v>22097.29146</v>
      </c>
      <c r="M607">
        <v>308214.283</v>
      </c>
      <c r="N607">
        <v>92093.688280000002</v>
      </c>
      <c r="O607">
        <v>27885.02966</v>
      </c>
      <c r="P607">
        <v>36455.98115</v>
      </c>
      <c r="Q607">
        <v>93452.290959999998</v>
      </c>
      <c r="R607">
        <v>31600.988600000001</v>
      </c>
      <c r="S607">
        <v>89582.644199999995</v>
      </c>
      <c r="T607">
        <v>32254.75979</v>
      </c>
      <c r="U607">
        <v>22669.55013</v>
      </c>
      <c r="W607" s="83">
        <f>Bühler!N639</f>
        <v>45317.208333331866</v>
      </c>
      <c r="X607" s="83">
        <v>43126.208333333336</v>
      </c>
      <c r="Y607">
        <v>269616.261</v>
      </c>
      <c r="Z607">
        <v>21975.679069999998</v>
      </c>
      <c r="AA607">
        <v>67564.432509999999</v>
      </c>
      <c r="AB607">
        <v>48961.212339999998</v>
      </c>
      <c r="AC607">
        <v>46386.148540000002</v>
      </c>
      <c r="AD607">
        <v>35979.60656</v>
      </c>
      <c r="AE607">
        <v>42064.976560000003</v>
      </c>
      <c r="AF607">
        <v>48120.994939999997</v>
      </c>
      <c r="AG607">
        <v>22097.29146</v>
      </c>
      <c r="AH607">
        <v>308214.283</v>
      </c>
      <c r="AI607">
        <v>92093.688280000002</v>
      </c>
      <c r="AJ607">
        <v>27885.02966</v>
      </c>
      <c r="AK607">
        <v>36455.98115</v>
      </c>
      <c r="AL607">
        <v>93452.290959999998</v>
      </c>
      <c r="AM607">
        <v>31600.988600000001</v>
      </c>
      <c r="AN607">
        <v>89582.644199999995</v>
      </c>
      <c r="AO607">
        <v>32254.75979</v>
      </c>
      <c r="AP607">
        <v>22669.55013</v>
      </c>
    </row>
    <row r="608" spans="2:42" x14ac:dyDescent="0.3">
      <c r="B608">
        <v>63.250211685482682</v>
      </c>
      <c r="C608" s="83">
        <v>43126.25</v>
      </c>
      <c r="D608">
        <v>284928.64350000001</v>
      </c>
      <c r="E608">
        <v>26234.901989999998</v>
      </c>
      <c r="F608">
        <v>78618.124039999995</v>
      </c>
      <c r="G608">
        <v>62326.813049999997</v>
      </c>
      <c r="H608">
        <v>49555.923340000001</v>
      </c>
      <c r="I608">
        <v>43881.882590000001</v>
      </c>
      <c r="J608">
        <v>45081.540580000001</v>
      </c>
      <c r="K608">
        <v>50387.320079999998</v>
      </c>
      <c r="L608">
        <v>24038.820029999999</v>
      </c>
      <c r="M608">
        <v>322479.07539999997</v>
      </c>
      <c r="N608">
        <v>92302.209990000003</v>
      </c>
      <c r="O608">
        <v>28556.02389</v>
      </c>
      <c r="P608">
        <v>36087.918279999998</v>
      </c>
      <c r="Q608">
        <v>94146.659570000003</v>
      </c>
      <c r="R608">
        <v>21651.751370000002</v>
      </c>
      <c r="S608">
        <v>95943.993659999993</v>
      </c>
      <c r="T608">
        <v>34928.680070000002</v>
      </c>
      <c r="U608">
        <v>23691.3043</v>
      </c>
      <c r="W608" s="83">
        <f>Bühler!N640</f>
        <v>45317.24999999853</v>
      </c>
      <c r="X608" s="83">
        <v>43126.25</v>
      </c>
      <c r="Y608">
        <v>284928.64350000001</v>
      </c>
      <c r="Z608">
        <v>26234.901989999998</v>
      </c>
      <c r="AA608">
        <v>78618.124039999995</v>
      </c>
      <c r="AB608">
        <v>62326.813049999997</v>
      </c>
      <c r="AC608">
        <v>49555.923340000001</v>
      </c>
      <c r="AD608">
        <v>43881.882590000001</v>
      </c>
      <c r="AE608">
        <v>45081.540580000001</v>
      </c>
      <c r="AF608">
        <v>50387.320079999998</v>
      </c>
      <c r="AG608">
        <v>24038.820029999999</v>
      </c>
      <c r="AH608">
        <v>322479.07539999997</v>
      </c>
      <c r="AI608">
        <v>92302.209990000003</v>
      </c>
      <c r="AJ608">
        <v>28556.02389</v>
      </c>
      <c r="AK608">
        <v>36087.918279999998</v>
      </c>
      <c r="AL608">
        <v>94146.659570000003</v>
      </c>
      <c r="AM608">
        <v>21651.751370000002</v>
      </c>
      <c r="AN608">
        <v>95943.993659999993</v>
      </c>
      <c r="AO608">
        <v>34928.680070000002</v>
      </c>
      <c r="AP608">
        <v>23691.3043</v>
      </c>
    </row>
    <row r="609" spans="2:42" x14ac:dyDescent="0.3">
      <c r="B609">
        <v>63.63364469629083</v>
      </c>
      <c r="C609" s="83">
        <v>43126.291666666664</v>
      </c>
      <c r="D609">
        <v>297280.7291</v>
      </c>
      <c r="E609">
        <v>32386.872029999999</v>
      </c>
      <c r="F609">
        <v>79237.046700000006</v>
      </c>
      <c r="G609">
        <v>78866.360719999997</v>
      </c>
      <c r="H609">
        <v>55246.995009999999</v>
      </c>
      <c r="I609">
        <v>52508.194109999997</v>
      </c>
      <c r="J609">
        <v>43724.351060000001</v>
      </c>
      <c r="K609">
        <v>55409.664660000002</v>
      </c>
      <c r="L609">
        <v>27116.904630000001</v>
      </c>
      <c r="M609">
        <v>324433.99570000003</v>
      </c>
      <c r="N609">
        <v>96633.391170000003</v>
      </c>
      <c r="O609">
        <v>32223.330880000001</v>
      </c>
      <c r="P609">
        <v>40135.64273</v>
      </c>
      <c r="Q609">
        <v>94079.60325</v>
      </c>
      <c r="R609">
        <v>23979.017070000002</v>
      </c>
      <c r="S609">
        <v>108184.13740000001</v>
      </c>
      <c r="T609">
        <v>37823.822370000002</v>
      </c>
      <c r="U609">
        <v>28136.49869</v>
      </c>
      <c r="W609" s="83">
        <f>Bühler!N641</f>
        <v>45317.291666665194</v>
      </c>
      <c r="X609" s="83">
        <v>43126.291666666664</v>
      </c>
      <c r="Y609">
        <v>297280.7291</v>
      </c>
      <c r="Z609">
        <v>32386.872029999999</v>
      </c>
      <c r="AA609">
        <v>79237.046700000006</v>
      </c>
      <c r="AB609">
        <v>78866.360719999997</v>
      </c>
      <c r="AC609">
        <v>55246.995009999999</v>
      </c>
      <c r="AD609">
        <v>52508.194109999997</v>
      </c>
      <c r="AE609">
        <v>43724.351060000001</v>
      </c>
      <c r="AF609">
        <v>55409.664660000002</v>
      </c>
      <c r="AG609">
        <v>27116.904630000001</v>
      </c>
      <c r="AH609">
        <v>324433.99570000003</v>
      </c>
      <c r="AI609">
        <v>96633.391170000003</v>
      </c>
      <c r="AJ609">
        <v>32223.330880000001</v>
      </c>
      <c r="AK609">
        <v>40135.64273</v>
      </c>
      <c r="AL609">
        <v>94079.60325</v>
      </c>
      <c r="AM609">
        <v>23979.017070000002</v>
      </c>
      <c r="AN609">
        <v>108184.13740000001</v>
      </c>
      <c r="AO609">
        <v>37823.822370000002</v>
      </c>
      <c r="AP609">
        <v>28136.49869</v>
      </c>
    </row>
    <row r="610" spans="2:42" x14ac:dyDescent="0.3">
      <c r="B610">
        <v>63.862125953568913</v>
      </c>
      <c r="C610" s="83">
        <v>43126.333333333336</v>
      </c>
      <c r="D610">
        <v>307919.43030000001</v>
      </c>
      <c r="E610">
        <v>38653.951000000001</v>
      </c>
      <c r="F610">
        <v>86230.091239999994</v>
      </c>
      <c r="G610">
        <v>96804.153749999998</v>
      </c>
      <c r="H610">
        <v>61237.811150000001</v>
      </c>
      <c r="I610">
        <v>56205.428590000003</v>
      </c>
      <c r="J610">
        <v>44924.973010000002</v>
      </c>
      <c r="K610">
        <v>59322.48259</v>
      </c>
      <c r="L610">
        <v>30398.587159999999</v>
      </c>
      <c r="M610">
        <v>325598.89970000001</v>
      </c>
      <c r="N610">
        <v>104473.8088</v>
      </c>
      <c r="O610">
        <v>34416.689429999999</v>
      </c>
      <c r="P610">
        <v>41896.112970000002</v>
      </c>
      <c r="Q610">
        <v>94805.511249999996</v>
      </c>
      <c r="R610">
        <v>26504.77259</v>
      </c>
      <c r="S610">
        <v>123891.6476</v>
      </c>
      <c r="T610">
        <v>41290.92396</v>
      </c>
      <c r="U610">
        <v>32066.621719999999</v>
      </c>
      <c r="W610" s="83">
        <f>Bühler!N642</f>
        <v>45317.333333331859</v>
      </c>
      <c r="X610" s="83">
        <v>43126.333333333336</v>
      </c>
      <c r="Y610">
        <v>307919.43030000001</v>
      </c>
      <c r="Z610">
        <v>38653.951000000001</v>
      </c>
      <c r="AA610">
        <v>86230.091239999994</v>
      </c>
      <c r="AB610">
        <v>96804.153749999998</v>
      </c>
      <c r="AC610">
        <v>61237.811150000001</v>
      </c>
      <c r="AD610">
        <v>56205.428590000003</v>
      </c>
      <c r="AE610">
        <v>44924.973010000002</v>
      </c>
      <c r="AF610">
        <v>59322.48259</v>
      </c>
      <c r="AG610">
        <v>30398.587159999999</v>
      </c>
      <c r="AH610">
        <v>325598.89970000001</v>
      </c>
      <c r="AI610">
        <v>104473.8088</v>
      </c>
      <c r="AJ610">
        <v>34416.689429999999</v>
      </c>
      <c r="AK610">
        <v>41896.112970000002</v>
      </c>
      <c r="AL610">
        <v>94805.511249999996</v>
      </c>
      <c r="AM610">
        <v>26504.77259</v>
      </c>
      <c r="AN610">
        <v>123891.6476</v>
      </c>
      <c r="AO610">
        <v>41290.92396</v>
      </c>
      <c r="AP610">
        <v>32066.621719999999</v>
      </c>
    </row>
    <row r="611" spans="2:42" x14ac:dyDescent="0.3">
      <c r="B611">
        <v>62.681940070907565</v>
      </c>
      <c r="C611" s="83">
        <v>43126.375</v>
      </c>
      <c r="D611">
        <v>305993.94270000001</v>
      </c>
      <c r="E611">
        <v>42715.680630000003</v>
      </c>
      <c r="F611">
        <v>91525.208360000004</v>
      </c>
      <c r="G611">
        <v>105111.1201</v>
      </c>
      <c r="H611">
        <v>62934.138870000002</v>
      </c>
      <c r="I611">
        <v>53196.930959999998</v>
      </c>
      <c r="J611">
        <v>44043.816500000001</v>
      </c>
      <c r="K611">
        <v>58731.936390000003</v>
      </c>
      <c r="L611">
        <v>33477.186090000003</v>
      </c>
      <c r="M611">
        <v>319581.76169999997</v>
      </c>
      <c r="N611">
        <v>110636.9629</v>
      </c>
      <c r="O611">
        <v>34466.82488</v>
      </c>
      <c r="P611">
        <v>44026.055959999998</v>
      </c>
      <c r="Q611">
        <v>94863.122390000004</v>
      </c>
      <c r="R611">
        <v>26212.283670000001</v>
      </c>
      <c r="S611">
        <v>129701.0817</v>
      </c>
      <c r="T611">
        <v>42939.136409999999</v>
      </c>
      <c r="U611">
        <v>31807.74395</v>
      </c>
      <c r="W611" s="83">
        <f>Bühler!N643</f>
        <v>45317.374999998523</v>
      </c>
      <c r="X611" s="83">
        <v>43126.375</v>
      </c>
      <c r="Y611">
        <v>305993.94270000001</v>
      </c>
      <c r="Z611">
        <v>42715.680630000003</v>
      </c>
      <c r="AA611">
        <v>91525.208360000004</v>
      </c>
      <c r="AB611">
        <v>105111.1201</v>
      </c>
      <c r="AC611">
        <v>62934.138870000002</v>
      </c>
      <c r="AD611">
        <v>53196.930959999998</v>
      </c>
      <c r="AE611">
        <v>44043.816500000001</v>
      </c>
      <c r="AF611">
        <v>58731.936390000003</v>
      </c>
      <c r="AG611">
        <v>33477.186090000003</v>
      </c>
      <c r="AH611">
        <v>319581.76169999997</v>
      </c>
      <c r="AI611">
        <v>110636.9629</v>
      </c>
      <c r="AJ611">
        <v>34466.82488</v>
      </c>
      <c r="AK611">
        <v>44026.055959999998</v>
      </c>
      <c r="AL611">
        <v>94863.122390000004</v>
      </c>
      <c r="AM611">
        <v>26212.283670000001</v>
      </c>
      <c r="AN611">
        <v>129701.0817</v>
      </c>
      <c r="AO611">
        <v>42939.136409999999</v>
      </c>
      <c r="AP611">
        <v>31807.74395</v>
      </c>
    </row>
    <row r="612" spans="2:42" x14ac:dyDescent="0.3">
      <c r="B612">
        <v>62.827680976145153</v>
      </c>
      <c r="C612" s="83">
        <v>43126.416666666664</v>
      </c>
      <c r="D612">
        <v>307141.19910000003</v>
      </c>
      <c r="E612">
        <v>44263.651100000003</v>
      </c>
      <c r="F612">
        <v>91792.361780000007</v>
      </c>
      <c r="G612">
        <v>105835.948</v>
      </c>
      <c r="H612">
        <v>63587.394610000003</v>
      </c>
      <c r="I612">
        <v>49860.696020000003</v>
      </c>
      <c r="J612">
        <v>43201.238290000001</v>
      </c>
      <c r="K612">
        <v>60239.78095</v>
      </c>
      <c r="L612">
        <v>35699.809690000002</v>
      </c>
      <c r="M612">
        <v>320324.81679999997</v>
      </c>
      <c r="N612">
        <v>112218.2298</v>
      </c>
      <c r="O612">
        <v>34224.726069999997</v>
      </c>
      <c r="P612">
        <v>45168.159189999998</v>
      </c>
      <c r="Q612">
        <v>94094.046730000002</v>
      </c>
      <c r="R612">
        <v>27447.206259999999</v>
      </c>
      <c r="S612">
        <v>129375.0546</v>
      </c>
      <c r="T612">
        <v>44344.890240000001</v>
      </c>
      <c r="U612">
        <v>30806.05557</v>
      </c>
      <c r="W612" s="83">
        <f>Bühler!N644</f>
        <v>45317.416666665187</v>
      </c>
      <c r="X612" s="83">
        <v>43126.416666666664</v>
      </c>
      <c r="Y612">
        <v>307141.19910000003</v>
      </c>
      <c r="Z612">
        <v>44263.651100000003</v>
      </c>
      <c r="AA612">
        <v>91792.361780000007</v>
      </c>
      <c r="AB612">
        <v>105835.948</v>
      </c>
      <c r="AC612">
        <v>63587.394610000003</v>
      </c>
      <c r="AD612">
        <v>49860.696020000003</v>
      </c>
      <c r="AE612">
        <v>43201.238290000001</v>
      </c>
      <c r="AF612">
        <v>60239.78095</v>
      </c>
      <c r="AG612">
        <v>35699.809690000002</v>
      </c>
      <c r="AH612">
        <v>320324.81679999997</v>
      </c>
      <c r="AI612">
        <v>112218.2298</v>
      </c>
      <c r="AJ612">
        <v>34224.726069999997</v>
      </c>
      <c r="AK612">
        <v>45168.159189999998</v>
      </c>
      <c r="AL612">
        <v>94094.046730000002</v>
      </c>
      <c r="AM612">
        <v>27447.206259999999</v>
      </c>
      <c r="AN612">
        <v>129375.0546</v>
      </c>
      <c r="AO612">
        <v>44344.890240000001</v>
      </c>
      <c r="AP612">
        <v>30806.05557</v>
      </c>
    </row>
    <row r="613" spans="2:42" x14ac:dyDescent="0.3">
      <c r="B613">
        <v>62.843324758932084</v>
      </c>
      <c r="C613" s="83">
        <v>43126.458333333336</v>
      </c>
      <c r="D613">
        <v>305193.18680000002</v>
      </c>
      <c r="E613">
        <v>43717.027470000001</v>
      </c>
      <c r="F613">
        <v>92787.537899999996</v>
      </c>
      <c r="G613">
        <v>102523.28170000001</v>
      </c>
      <c r="H613">
        <v>62936.973789999996</v>
      </c>
      <c r="I613">
        <v>48835.186999999998</v>
      </c>
      <c r="J613">
        <v>42355.764990000003</v>
      </c>
      <c r="K613">
        <v>64498.516369999998</v>
      </c>
      <c r="L613">
        <v>36498.997100000001</v>
      </c>
      <c r="M613">
        <v>320404.57610000001</v>
      </c>
      <c r="N613">
        <v>110130.6768</v>
      </c>
      <c r="O613">
        <v>33987.3249</v>
      </c>
      <c r="P613">
        <v>43730.419260000002</v>
      </c>
      <c r="Q613">
        <v>93276.422630000001</v>
      </c>
      <c r="R613">
        <v>31122.04766</v>
      </c>
      <c r="S613">
        <v>129751.3104</v>
      </c>
      <c r="T613">
        <v>44449.605130000004</v>
      </c>
      <c r="U613">
        <v>30243.400310000001</v>
      </c>
      <c r="W613" s="83">
        <f>Bühler!N645</f>
        <v>45317.458333331851</v>
      </c>
      <c r="X613" s="83">
        <v>43126.458333333336</v>
      </c>
      <c r="Y613">
        <v>305193.18680000002</v>
      </c>
      <c r="Z613">
        <v>43717.027470000001</v>
      </c>
      <c r="AA613">
        <v>92787.537899999996</v>
      </c>
      <c r="AB613">
        <v>102523.28170000001</v>
      </c>
      <c r="AC613">
        <v>62936.973789999996</v>
      </c>
      <c r="AD613">
        <v>48835.186999999998</v>
      </c>
      <c r="AE613">
        <v>42355.764990000003</v>
      </c>
      <c r="AF613">
        <v>64498.516369999998</v>
      </c>
      <c r="AG613">
        <v>36498.997100000001</v>
      </c>
      <c r="AH613">
        <v>320404.57610000001</v>
      </c>
      <c r="AI613">
        <v>110130.6768</v>
      </c>
      <c r="AJ613">
        <v>33987.3249</v>
      </c>
      <c r="AK613">
        <v>43730.419260000002</v>
      </c>
      <c r="AL613">
        <v>93276.422630000001</v>
      </c>
      <c r="AM613">
        <v>31122.04766</v>
      </c>
      <c r="AN613">
        <v>129751.3104</v>
      </c>
      <c r="AO613">
        <v>44449.605130000004</v>
      </c>
      <c r="AP613">
        <v>30243.400310000001</v>
      </c>
    </row>
    <row r="614" spans="2:42" x14ac:dyDescent="0.3">
      <c r="B614">
        <v>61.940108322627502</v>
      </c>
      <c r="C614" s="83">
        <v>43126.5</v>
      </c>
      <c r="D614">
        <v>290729.43359999999</v>
      </c>
      <c r="E614">
        <v>39371.452490000003</v>
      </c>
      <c r="F614">
        <v>90893.524510000003</v>
      </c>
      <c r="G614">
        <v>98938.94167</v>
      </c>
      <c r="H614">
        <v>59442.364110000002</v>
      </c>
      <c r="I614">
        <v>45753.634619999997</v>
      </c>
      <c r="J614">
        <v>42405.103109999996</v>
      </c>
      <c r="K614">
        <v>61877.514580000003</v>
      </c>
      <c r="L614">
        <v>39154.697590000003</v>
      </c>
      <c r="M614">
        <v>315799.5575</v>
      </c>
      <c r="N614">
        <v>107028.27740000001</v>
      </c>
      <c r="O614">
        <v>33270.433790000003</v>
      </c>
      <c r="P614">
        <v>43712.424010000002</v>
      </c>
      <c r="Q614">
        <v>90243.485700000005</v>
      </c>
      <c r="R614">
        <v>29264.44369</v>
      </c>
      <c r="S614">
        <v>121448.14200000001</v>
      </c>
      <c r="T614">
        <v>44326.993470000001</v>
      </c>
      <c r="U614">
        <v>26288.436679999999</v>
      </c>
      <c r="W614" s="83">
        <f>Bühler!N646</f>
        <v>45317.499999998516</v>
      </c>
      <c r="X614" s="83">
        <v>43126.5</v>
      </c>
      <c r="Y614">
        <v>290729.43359999999</v>
      </c>
      <c r="Z614">
        <v>39371.452490000003</v>
      </c>
      <c r="AA614">
        <v>90893.524510000003</v>
      </c>
      <c r="AB614">
        <v>98938.94167</v>
      </c>
      <c r="AC614">
        <v>59442.364110000002</v>
      </c>
      <c r="AD614">
        <v>45753.634619999997</v>
      </c>
      <c r="AE614">
        <v>42405.103109999996</v>
      </c>
      <c r="AF614">
        <v>61877.514580000003</v>
      </c>
      <c r="AG614">
        <v>39154.697590000003</v>
      </c>
      <c r="AH614">
        <v>315799.5575</v>
      </c>
      <c r="AI614">
        <v>107028.27740000001</v>
      </c>
      <c r="AJ614">
        <v>33270.433790000003</v>
      </c>
      <c r="AK614">
        <v>43712.424010000002</v>
      </c>
      <c r="AL614">
        <v>90243.485700000005</v>
      </c>
      <c r="AM614">
        <v>29264.44369</v>
      </c>
      <c r="AN614">
        <v>121448.14200000001</v>
      </c>
      <c r="AO614">
        <v>44326.993470000001</v>
      </c>
      <c r="AP614">
        <v>26288.436679999999</v>
      </c>
    </row>
    <row r="615" spans="2:42" x14ac:dyDescent="0.3">
      <c r="B615">
        <v>61.4746926582201</v>
      </c>
      <c r="C615" s="83">
        <v>43126.541666666664</v>
      </c>
      <c r="D615">
        <v>286303.19559999998</v>
      </c>
      <c r="E615">
        <v>38533.368210000001</v>
      </c>
      <c r="F615">
        <v>89389.109119999994</v>
      </c>
      <c r="G615">
        <v>94768.990680000003</v>
      </c>
      <c r="H615">
        <v>57979.333789999997</v>
      </c>
      <c r="I615">
        <v>44492.196880000003</v>
      </c>
      <c r="J615">
        <v>40885.412089999998</v>
      </c>
      <c r="K615">
        <v>64773.998619999998</v>
      </c>
      <c r="L615">
        <v>37248.349130000002</v>
      </c>
      <c r="M615">
        <v>313426.65139999997</v>
      </c>
      <c r="N615">
        <v>105150.3575</v>
      </c>
      <c r="O615">
        <v>32716.594229999999</v>
      </c>
      <c r="P615">
        <v>42570.165739999997</v>
      </c>
      <c r="Q615">
        <v>88713.480209999994</v>
      </c>
      <c r="R615">
        <v>28740.081740000001</v>
      </c>
      <c r="S615">
        <v>120918.39840000001</v>
      </c>
      <c r="T615">
        <v>42903.804459999999</v>
      </c>
      <c r="U615">
        <v>25565.58007</v>
      </c>
      <c r="W615" s="83">
        <f>Bühler!N647</f>
        <v>45317.54166666518</v>
      </c>
      <c r="X615" s="83">
        <v>43126.541666666664</v>
      </c>
      <c r="Y615">
        <v>286303.19559999998</v>
      </c>
      <c r="Z615">
        <v>38533.368210000001</v>
      </c>
      <c r="AA615">
        <v>89389.109119999994</v>
      </c>
      <c r="AB615">
        <v>94768.990680000003</v>
      </c>
      <c r="AC615">
        <v>57979.333789999997</v>
      </c>
      <c r="AD615">
        <v>44492.196880000003</v>
      </c>
      <c r="AE615">
        <v>40885.412089999998</v>
      </c>
      <c r="AF615">
        <v>64773.998619999998</v>
      </c>
      <c r="AG615">
        <v>37248.349130000002</v>
      </c>
      <c r="AH615">
        <v>313426.65139999997</v>
      </c>
      <c r="AI615">
        <v>105150.3575</v>
      </c>
      <c r="AJ615">
        <v>32716.594229999999</v>
      </c>
      <c r="AK615">
        <v>42570.165739999997</v>
      </c>
      <c r="AL615">
        <v>88713.480209999994</v>
      </c>
      <c r="AM615">
        <v>28740.081740000001</v>
      </c>
      <c r="AN615">
        <v>120918.39840000001</v>
      </c>
      <c r="AO615">
        <v>42903.804459999999</v>
      </c>
      <c r="AP615">
        <v>25565.58007</v>
      </c>
    </row>
    <row r="616" spans="2:42" x14ac:dyDescent="0.3">
      <c r="B616">
        <v>61.24121517299983</v>
      </c>
      <c r="C616" s="83">
        <v>43126.583333333336</v>
      </c>
      <c r="D616">
        <v>286838.4547</v>
      </c>
      <c r="E616">
        <v>41046.32877</v>
      </c>
      <c r="F616">
        <v>90456.795360000004</v>
      </c>
      <c r="G616">
        <v>86424.275309999997</v>
      </c>
      <c r="H616">
        <v>56725.315040000001</v>
      </c>
      <c r="I616">
        <v>44323.287149999996</v>
      </c>
      <c r="J616">
        <v>38913.764600000002</v>
      </c>
      <c r="K616">
        <v>64501.083700000003</v>
      </c>
      <c r="L616">
        <v>33979.699000000001</v>
      </c>
      <c r="M616">
        <v>312236.27429999999</v>
      </c>
      <c r="N616">
        <v>103638.3345</v>
      </c>
      <c r="O616">
        <v>32345.11176</v>
      </c>
      <c r="P616">
        <v>38862.961869999999</v>
      </c>
      <c r="Q616">
        <v>87446.3842</v>
      </c>
      <c r="R616">
        <v>28164.977220000001</v>
      </c>
      <c r="S616">
        <v>115419.78449999999</v>
      </c>
      <c r="T616">
        <v>41527.71776</v>
      </c>
      <c r="U616">
        <v>25408.020530000002</v>
      </c>
      <c r="W616" s="83">
        <f>Bühler!N648</f>
        <v>45317.583333331844</v>
      </c>
      <c r="X616" s="83">
        <v>43126.583333333336</v>
      </c>
      <c r="Y616">
        <v>286838.4547</v>
      </c>
      <c r="Z616">
        <v>41046.32877</v>
      </c>
      <c r="AA616">
        <v>90456.795360000004</v>
      </c>
      <c r="AB616">
        <v>86424.275309999997</v>
      </c>
      <c r="AC616">
        <v>56725.315040000001</v>
      </c>
      <c r="AD616">
        <v>44323.287149999996</v>
      </c>
      <c r="AE616">
        <v>38913.764600000002</v>
      </c>
      <c r="AF616">
        <v>64501.083700000003</v>
      </c>
      <c r="AG616">
        <v>33979.699000000001</v>
      </c>
      <c r="AH616">
        <v>312236.27429999999</v>
      </c>
      <c r="AI616">
        <v>103638.3345</v>
      </c>
      <c r="AJ616">
        <v>32345.11176</v>
      </c>
      <c r="AK616">
        <v>38862.961869999999</v>
      </c>
      <c r="AL616">
        <v>87446.3842</v>
      </c>
      <c r="AM616">
        <v>28164.977220000001</v>
      </c>
      <c r="AN616">
        <v>115419.78449999999</v>
      </c>
      <c r="AO616">
        <v>41527.71776</v>
      </c>
      <c r="AP616">
        <v>25408.020530000002</v>
      </c>
    </row>
    <row r="617" spans="2:42" x14ac:dyDescent="0.3">
      <c r="B617">
        <v>59.997086473394255</v>
      </c>
      <c r="C617" s="83">
        <v>43126.625</v>
      </c>
      <c r="D617">
        <v>281230.80339999998</v>
      </c>
      <c r="E617">
        <v>40652.53512</v>
      </c>
      <c r="F617">
        <v>90935.145799999998</v>
      </c>
      <c r="G617">
        <v>80660.597940000007</v>
      </c>
      <c r="H617">
        <v>55028.378219999999</v>
      </c>
      <c r="I617">
        <v>45503.570010000003</v>
      </c>
      <c r="J617">
        <v>38513.204940000003</v>
      </c>
      <c r="K617">
        <v>62640.17899</v>
      </c>
      <c r="L617">
        <v>30740.27216</v>
      </c>
      <c r="M617">
        <v>305893.12599999999</v>
      </c>
      <c r="N617">
        <v>100748.3847</v>
      </c>
      <c r="O617">
        <v>31234.912680000001</v>
      </c>
      <c r="P617">
        <v>37686.142899999999</v>
      </c>
      <c r="Q617">
        <v>85865.025559999995</v>
      </c>
      <c r="R617">
        <v>27504.330419999998</v>
      </c>
      <c r="S617">
        <v>111850.28690000001</v>
      </c>
      <c r="T617">
        <v>40686.613010000001</v>
      </c>
      <c r="U617">
        <v>24172.092140000001</v>
      </c>
      <c r="W617" s="83">
        <f>Bühler!N649</f>
        <v>45317.624999998508</v>
      </c>
      <c r="X617" s="83">
        <v>43126.625</v>
      </c>
      <c r="Y617">
        <v>281230.80339999998</v>
      </c>
      <c r="Z617">
        <v>40652.53512</v>
      </c>
      <c r="AA617">
        <v>90935.145799999998</v>
      </c>
      <c r="AB617">
        <v>80660.597940000007</v>
      </c>
      <c r="AC617">
        <v>55028.378219999999</v>
      </c>
      <c r="AD617">
        <v>45503.570010000003</v>
      </c>
      <c r="AE617">
        <v>38513.204940000003</v>
      </c>
      <c r="AF617">
        <v>62640.17899</v>
      </c>
      <c r="AG617">
        <v>30740.27216</v>
      </c>
      <c r="AH617">
        <v>305893.12599999999</v>
      </c>
      <c r="AI617">
        <v>100748.3847</v>
      </c>
      <c r="AJ617">
        <v>31234.912680000001</v>
      </c>
      <c r="AK617">
        <v>37686.142899999999</v>
      </c>
      <c r="AL617">
        <v>85865.025559999995</v>
      </c>
      <c r="AM617">
        <v>27504.330419999998</v>
      </c>
      <c r="AN617">
        <v>111850.28690000001</v>
      </c>
      <c r="AO617">
        <v>40686.613010000001</v>
      </c>
      <c r="AP617">
        <v>24172.092140000001</v>
      </c>
    </row>
    <row r="618" spans="2:42" x14ac:dyDescent="0.3">
      <c r="B618">
        <v>59.139868693209088</v>
      </c>
      <c r="C618" s="83">
        <v>43126.666666666664</v>
      </c>
      <c r="D618">
        <v>273031.59989999997</v>
      </c>
      <c r="E618">
        <v>39242.711029999999</v>
      </c>
      <c r="F618">
        <v>90805.364440000005</v>
      </c>
      <c r="G618">
        <v>74896.139769999994</v>
      </c>
      <c r="H618">
        <v>54172.94773</v>
      </c>
      <c r="I618">
        <v>46889.289629999999</v>
      </c>
      <c r="J618">
        <v>37924.75649</v>
      </c>
      <c r="K618">
        <v>58750.441579999999</v>
      </c>
      <c r="L618">
        <v>29237.810740000001</v>
      </c>
      <c r="M618">
        <v>301522.63</v>
      </c>
      <c r="N618">
        <v>97407.861799999999</v>
      </c>
      <c r="O618">
        <v>31160.301159999999</v>
      </c>
      <c r="P618">
        <v>36988.194380000001</v>
      </c>
      <c r="Q618">
        <v>84935.99368</v>
      </c>
      <c r="R618">
        <v>27168.692129999999</v>
      </c>
      <c r="S618">
        <v>110332.60739999999</v>
      </c>
      <c r="T618">
        <v>40068.472070000003</v>
      </c>
      <c r="U618">
        <v>23048.56738</v>
      </c>
      <c r="W618" s="83">
        <f>Bühler!N650</f>
        <v>45317.666666665173</v>
      </c>
      <c r="X618" s="83">
        <v>43126.666666666664</v>
      </c>
      <c r="Y618">
        <v>273031.59989999997</v>
      </c>
      <c r="Z618">
        <v>39242.711029999999</v>
      </c>
      <c r="AA618">
        <v>90805.364440000005</v>
      </c>
      <c r="AB618">
        <v>74896.139769999994</v>
      </c>
      <c r="AC618">
        <v>54172.94773</v>
      </c>
      <c r="AD618">
        <v>46889.289629999999</v>
      </c>
      <c r="AE618">
        <v>37924.75649</v>
      </c>
      <c r="AF618">
        <v>58750.441579999999</v>
      </c>
      <c r="AG618">
        <v>29237.810740000001</v>
      </c>
      <c r="AH618">
        <v>301522.63</v>
      </c>
      <c r="AI618">
        <v>97407.861799999999</v>
      </c>
      <c r="AJ618">
        <v>31160.301159999999</v>
      </c>
      <c r="AK618">
        <v>36988.194380000001</v>
      </c>
      <c r="AL618">
        <v>84935.99368</v>
      </c>
      <c r="AM618">
        <v>27168.692129999999</v>
      </c>
      <c r="AN618">
        <v>110332.60739999999</v>
      </c>
      <c r="AO618">
        <v>40068.472070000003</v>
      </c>
      <c r="AP618">
        <v>23048.56738</v>
      </c>
    </row>
    <row r="619" spans="2:42" x14ac:dyDescent="0.3">
      <c r="B619">
        <v>58.188698914938101</v>
      </c>
      <c r="C619" s="83">
        <v>43126.708333333336</v>
      </c>
      <c r="D619">
        <v>264247.2219</v>
      </c>
      <c r="E619">
        <v>37545.560920000004</v>
      </c>
      <c r="F619">
        <v>91125.922179999994</v>
      </c>
      <c r="G619">
        <v>66795.145040000003</v>
      </c>
      <c r="H619">
        <v>53008.898139999998</v>
      </c>
      <c r="I619">
        <v>47205.290430000001</v>
      </c>
      <c r="J619">
        <v>39616.624369999998</v>
      </c>
      <c r="K619">
        <v>53818.674679999996</v>
      </c>
      <c r="L619">
        <v>29954.774649999999</v>
      </c>
      <c r="M619">
        <v>296673.12290000002</v>
      </c>
      <c r="N619">
        <v>91914.543239999999</v>
      </c>
      <c r="O619">
        <v>30104.916840000002</v>
      </c>
      <c r="P619">
        <v>40214.672050000001</v>
      </c>
      <c r="Q619">
        <v>82845.937609999994</v>
      </c>
      <c r="R619">
        <v>27670.640179999999</v>
      </c>
      <c r="S619">
        <v>109348.7686</v>
      </c>
      <c r="T619">
        <v>41718.371749999998</v>
      </c>
      <c r="U619">
        <v>21761.649949999999</v>
      </c>
      <c r="W619" s="83">
        <f>Bühler!N651</f>
        <v>45317.708333331837</v>
      </c>
      <c r="X619" s="83">
        <v>43126.708333333336</v>
      </c>
      <c r="Y619">
        <v>264247.2219</v>
      </c>
      <c r="Z619">
        <v>37545.560920000004</v>
      </c>
      <c r="AA619">
        <v>91125.922179999994</v>
      </c>
      <c r="AB619">
        <v>66795.145040000003</v>
      </c>
      <c r="AC619">
        <v>53008.898139999998</v>
      </c>
      <c r="AD619">
        <v>47205.290430000001</v>
      </c>
      <c r="AE619">
        <v>39616.624369999998</v>
      </c>
      <c r="AF619">
        <v>53818.674679999996</v>
      </c>
      <c r="AG619">
        <v>29954.774649999999</v>
      </c>
      <c r="AH619">
        <v>296673.12290000002</v>
      </c>
      <c r="AI619">
        <v>91914.543239999999</v>
      </c>
      <c r="AJ619">
        <v>30104.916840000002</v>
      </c>
      <c r="AK619">
        <v>40214.672050000001</v>
      </c>
      <c r="AL619">
        <v>82845.937609999994</v>
      </c>
      <c r="AM619">
        <v>27670.640179999999</v>
      </c>
      <c r="AN619">
        <v>109348.7686</v>
      </c>
      <c r="AO619">
        <v>41718.371749999998</v>
      </c>
      <c r="AP619">
        <v>21761.649949999999</v>
      </c>
    </row>
    <row r="620" spans="2:42" x14ac:dyDescent="0.3">
      <c r="B620">
        <v>56.738407826586254</v>
      </c>
      <c r="C620" s="83">
        <v>43126.75</v>
      </c>
      <c r="D620">
        <v>257460.21059999999</v>
      </c>
      <c r="E620">
        <v>34907.225270000003</v>
      </c>
      <c r="F620">
        <v>88843.355899999995</v>
      </c>
      <c r="G620">
        <v>59094.96241</v>
      </c>
      <c r="H620">
        <v>52598.682679999998</v>
      </c>
      <c r="I620">
        <v>46648.812460000001</v>
      </c>
      <c r="J620">
        <v>41467.386720000002</v>
      </c>
      <c r="K620">
        <v>48550.795409999999</v>
      </c>
      <c r="L620">
        <v>32371.388129999999</v>
      </c>
      <c r="M620">
        <v>289278.86259999999</v>
      </c>
      <c r="N620">
        <v>90851.861189999996</v>
      </c>
      <c r="O620">
        <v>28323.92079</v>
      </c>
      <c r="P620">
        <v>43622.176829999997</v>
      </c>
      <c r="Q620">
        <v>80795.689729999998</v>
      </c>
      <c r="R620">
        <v>24772.18837</v>
      </c>
      <c r="S620">
        <v>105773.6004</v>
      </c>
      <c r="T620">
        <v>41107.706969999999</v>
      </c>
      <c r="U620">
        <v>21097.349630000001</v>
      </c>
      <c r="W620" s="83">
        <f>Bühler!N652</f>
        <v>45317.749999998501</v>
      </c>
      <c r="X620" s="83">
        <v>43126.75</v>
      </c>
      <c r="Y620">
        <v>257460.21059999999</v>
      </c>
      <c r="Z620">
        <v>34907.225270000003</v>
      </c>
      <c r="AA620">
        <v>88843.355899999995</v>
      </c>
      <c r="AB620">
        <v>59094.96241</v>
      </c>
      <c r="AC620">
        <v>52598.682679999998</v>
      </c>
      <c r="AD620">
        <v>46648.812460000001</v>
      </c>
      <c r="AE620">
        <v>41467.386720000002</v>
      </c>
      <c r="AF620">
        <v>48550.795409999999</v>
      </c>
      <c r="AG620">
        <v>32371.388129999999</v>
      </c>
      <c r="AH620">
        <v>289278.86259999999</v>
      </c>
      <c r="AI620">
        <v>90851.861189999996</v>
      </c>
      <c r="AJ620">
        <v>28323.92079</v>
      </c>
      <c r="AK620">
        <v>43622.176829999997</v>
      </c>
      <c r="AL620">
        <v>80795.689729999998</v>
      </c>
      <c r="AM620">
        <v>24772.18837</v>
      </c>
      <c r="AN620">
        <v>105773.6004</v>
      </c>
      <c r="AO620">
        <v>41107.706969999999</v>
      </c>
      <c r="AP620">
        <v>21097.349630000001</v>
      </c>
    </row>
    <row r="621" spans="2:42" x14ac:dyDescent="0.3">
      <c r="B621">
        <v>55.547834977247469</v>
      </c>
      <c r="C621" s="83">
        <v>43126.791666666664</v>
      </c>
      <c r="D621">
        <v>248178.5226</v>
      </c>
      <c r="E621">
        <v>29106.92499</v>
      </c>
      <c r="F621">
        <v>76993.159929999994</v>
      </c>
      <c r="G621">
        <v>53188.566579999999</v>
      </c>
      <c r="H621">
        <v>49888.613579999997</v>
      </c>
      <c r="I621">
        <v>43508.355960000001</v>
      </c>
      <c r="J621">
        <v>41249.008110000002</v>
      </c>
      <c r="K621">
        <v>47614.295969999999</v>
      </c>
      <c r="L621">
        <v>33864.929539999997</v>
      </c>
      <c r="M621">
        <v>283208.76699999999</v>
      </c>
      <c r="N621">
        <v>91150.015870000003</v>
      </c>
      <c r="O621">
        <v>27025.66387</v>
      </c>
      <c r="P621">
        <v>44151.78815</v>
      </c>
      <c r="Q621">
        <v>78679.307480000003</v>
      </c>
      <c r="R621">
        <v>24007.145359999999</v>
      </c>
      <c r="S621">
        <v>100446.0094</v>
      </c>
      <c r="T621">
        <v>40813.732909999999</v>
      </c>
      <c r="U621">
        <v>19562.929599999999</v>
      </c>
      <c r="W621" s="83">
        <f>Bühler!N653</f>
        <v>45317.791666665165</v>
      </c>
      <c r="X621" s="83">
        <v>43126.791666666664</v>
      </c>
      <c r="Y621">
        <v>248178.5226</v>
      </c>
      <c r="Z621">
        <v>29106.92499</v>
      </c>
      <c r="AA621">
        <v>76993.159929999994</v>
      </c>
      <c r="AB621">
        <v>53188.566579999999</v>
      </c>
      <c r="AC621">
        <v>49888.613579999997</v>
      </c>
      <c r="AD621">
        <v>43508.355960000001</v>
      </c>
      <c r="AE621">
        <v>41249.008110000002</v>
      </c>
      <c r="AF621">
        <v>47614.295969999999</v>
      </c>
      <c r="AG621">
        <v>33864.929539999997</v>
      </c>
      <c r="AH621">
        <v>283208.76699999999</v>
      </c>
      <c r="AI621">
        <v>91150.015870000003</v>
      </c>
      <c r="AJ621">
        <v>27025.66387</v>
      </c>
      <c r="AK621">
        <v>44151.78815</v>
      </c>
      <c r="AL621">
        <v>78679.307480000003</v>
      </c>
      <c r="AM621">
        <v>24007.145359999999</v>
      </c>
      <c r="AN621">
        <v>100446.0094</v>
      </c>
      <c r="AO621">
        <v>40813.732909999999</v>
      </c>
      <c r="AP621">
        <v>19562.929599999999</v>
      </c>
    </row>
    <row r="622" spans="2:42" x14ac:dyDescent="0.3">
      <c r="B622">
        <v>54.795856118732644</v>
      </c>
      <c r="C622" s="83">
        <v>43126.833333333336</v>
      </c>
      <c r="D622">
        <v>239103.9865</v>
      </c>
      <c r="E622">
        <v>22604.49655</v>
      </c>
      <c r="F622">
        <v>60347.971279999998</v>
      </c>
      <c r="G622">
        <v>49337.781139999999</v>
      </c>
      <c r="H622">
        <v>47208.31048</v>
      </c>
      <c r="I622">
        <v>39163.285259999997</v>
      </c>
      <c r="J622">
        <v>39835.023070000003</v>
      </c>
      <c r="K622">
        <v>52587.907639999998</v>
      </c>
      <c r="L622">
        <v>33038.521489999999</v>
      </c>
      <c r="M622">
        <v>279374.82809999998</v>
      </c>
      <c r="N622">
        <v>89387.345560000002</v>
      </c>
      <c r="O622">
        <v>26151.643</v>
      </c>
      <c r="P622">
        <v>43759.289519999998</v>
      </c>
      <c r="Q622">
        <v>75690.51973</v>
      </c>
      <c r="R622">
        <v>25140.209579999999</v>
      </c>
      <c r="S622">
        <v>92030.908150000003</v>
      </c>
      <c r="T622">
        <v>39407.628599999996</v>
      </c>
      <c r="U622">
        <v>18816.336149999999</v>
      </c>
      <c r="W622" s="83">
        <f>Bühler!N654</f>
        <v>45317.83333333183</v>
      </c>
      <c r="X622" s="83">
        <v>43126.833333333336</v>
      </c>
      <c r="Y622">
        <v>239103.9865</v>
      </c>
      <c r="Z622">
        <v>22604.49655</v>
      </c>
      <c r="AA622">
        <v>60347.971279999998</v>
      </c>
      <c r="AB622">
        <v>49337.781139999999</v>
      </c>
      <c r="AC622">
        <v>47208.31048</v>
      </c>
      <c r="AD622">
        <v>39163.285259999997</v>
      </c>
      <c r="AE622">
        <v>39835.023070000003</v>
      </c>
      <c r="AF622">
        <v>52587.907639999998</v>
      </c>
      <c r="AG622">
        <v>33038.521489999999</v>
      </c>
      <c r="AH622">
        <v>279374.82809999998</v>
      </c>
      <c r="AI622">
        <v>89387.345560000002</v>
      </c>
      <c r="AJ622">
        <v>26151.643</v>
      </c>
      <c r="AK622">
        <v>43759.289519999998</v>
      </c>
      <c r="AL622">
        <v>75690.51973</v>
      </c>
      <c r="AM622">
        <v>25140.209579999999</v>
      </c>
      <c r="AN622">
        <v>92030.908150000003</v>
      </c>
      <c r="AO622">
        <v>39407.628599999996</v>
      </c>
      <c r="AP622">
        <v>18816.336149999999</v>
      </c>
    </row>
    <row r="623" spans="2:42" x14ac:dyDescent="0.3">
      <c r="B623">
        <v>53.664390200731255</v>
      </c>
      <c r="C623" s="83">
        <v>43126.875</v>
      </c>
      <c r="D623">
        <v>233320.20939999999</v>
      </c>
      <c r="E623">
        <v>20091.23186</v>
      </c>
      <c r="F623">
        <v>52700.711510000001</v>
      </c>
      <c r="G623">
        <v>47160.749790000002</v>
      </c>
      <c r="H623">
        <v>44715.415459999997</v>
      </c>
      <c r="I623">
        <v>34120.853219999997</v>
      </c>
      <c r="J623">
        <v>38241.45766</v>
      </c>
      <c r="K623">
        <v>52387.434820000002</v>
      </c>
      <c r="L623">
        <v>31799.52765</v>
      </c>
      <c r="M623">
        <v>273606.08720000001</v>
      </c>
      <c r="N623">
        <v>87223.902180000005</v>
      </c>
      <c r="O623">
        <v>25270.101610000002</v>
      </c>
      <c r="P623">
        <v>41852.067320000002</v>
      </c>
      <c r="Q623">
        <v>73991.409440000003</v>
      </c>
      <c r="R623">
        <v>23139.320970000001</v>
      </c>
      <c r="S623">
        <v>86562.904689999996</v>
      </c>
      <c r="T623">
        <v>36374.597629999997</v>
      </c>
      <c r="U623">
        <v>18062.970679999999</v>
      </c>
      <c r="W623" s="83">
        <f>Bühler!N655</f>
        <v>45317.874999998494</v>
      </c>
      <c r="X623" s="83">
        <v>43126.875</v>
      </c>
      <c r="Y623">
        <v>233320.20939999999</v>
      </c>
      <c r="Z623">
        <v>20091.23186</v>
      </c>
      <c r="AA623">
        <v>52700.711510000001</v>
      </c>
      <c r="AB623">
        <v>47160.749790000002</v>
      </c>
      <c r="AC623">
        <v>44715.415459999997</v>
      </c>
      <c r="AD623">
        <v>34120.853219999997</v>
      </c>
      <c r="AE623">
        <v>38241.45766</v>
      </c>
      <c r="AF623">
        <v>52387.434820000002</v>
      </c>
      <c r="AG623">
        <v>31799.52765</v>
      </c>
      <c r="AH623">
        <v>273606.08720000001</v>
      </c>
      <c r="AI623">
        <v>87223.902180000005</v>
      </c>
      <c r="AJ623">
        <v>25270.101610000002</v>
      </c>
      <c r="AK623">
        <v>41852.067320000002</v>
      </c>
      <c r="AL623">
        <v>73991.409440000003</v>
      </c>
      <c r="AM623">
        <v>23139.320970000001</v>
      </c>
      <c r="AN623">
        <v>86562.904689999996</v>
      </c>
      <c r="AO623">
        <v>36374.597629999997</v>
      </c>
      <c r="AP623">
        <v>18062.970679999999</v>
      </c>
    </row>
    <row r="624" spans="2:42" x14ac:dyDescent="0.3">
      <c r="B624">
        <v>53.564726838080688</v>
      </c>
      <c r="C624" s="83">
        <v>43126.916666666664</v>
      </c>
      <c r="D624">
        <v>231814.0264</v>
      </c>
      <c r="E624">
        <v>19262.064279999999</v>
      </c>
      <c r="F624">
        <v>49832.724499999997</v>
      </c>
      <c r="G624">
        <v>46164.871550000003</v>
      </c>
      <c r="H624">
        <v>43625.133130000002</v>
      </c>
      <c r="I624">
        <v>32479.536120000001</v>
      </c>
      <c r="J624">
        <v>37256.492169999998</v>
      </c>
      <c r="K624">
        <v>54624.279040000001</v>
      </c>
      <c r="L624">
        <v>29268.067370000001</v>
      </c>
      <c r="M624">
        <v>273097.95689999999</v>
      </c>
      <c r="N624">
        <v>87612.11404</v>
      </c>
      <c r="O624">
        <v>26199.52117</v>
      </c>
      <c r="P624">
        <v>44242.645190000003</v>
      </c>
      <c r="Q624">
        <v>73366.553570000004</v>
      </c>
      <c r="R624">
        <v>34006.284509999998</v>
      </c>
      <c r="S624">
        <v>85313.610560000001</v>
      </c>
      <c r="T624">
        <v>33460.517500000002</v>
      </c>
      <c r="U624">
        <v>19928.537609999999</v>
      </c>
      <c r="W624" s="83">
        <f>Bühler!N656</f>
        <v>45317.916666665158</v>
      </c>
      <c r="X624" s="83">
        <v>43126.916666666664</v>
      </c>
      <c r="Y624">
        <v>231814.0264</v>
      </c>
      <c r="Z624">
        <v>19262.064279999999</v>
      </c>
      <c r="AA624">
        <v>49832.724499999997</v>
      </c>
      <c r="AB624">
        <v>46164.871550000003</v>
      </c>
      <c r="AC624">
        <v>43625.133130000002</v>
      </c>
      <c r="AD624">
        <v>32479.536120000001</v>
      </c>
      <c r="AE624">
        <v>37256.492169999998</v>
      </c>
      <c r="AF624">
        <v>54624.279040000001</v>
      </c>
      <c r="AG624">
        <v>29268.067370000001</v>
      </c>
      <c r="AH624">
        <v>273097.95689999999</v>
      </c>
      <c r="AI624">
        <v>87612.11404</v>
      </c>
      <c r="AJ624">
        <v>26199.52117</v>
      </c>
      <c r="AK624">
        <v>44242.645190000003</v>
      </c>
      <c r="AL624">
        <v>73366.553570000004</v>
      </c>
      <c r="AM624">
        <v>34006.284509999998</v>
      </c>
      <c r="AN624">
        <v>85313.610560000001</v>
      </c>
      <c r="AO624">
        <v>33460.517500000002</v>
      </c>
      <c r="AP624">
        <v>19928.537609999999</v>
      </c>
    </row>
    <row r="625" spans="2:42" x14ac:dyDescent="0.3">
      <c r="B625">
        <v>52.560565026151131</v>
      </c>
      <c r="C625" s="83">
        <v>43126.958333333336</v>
      </c>
      <c r="D625">
        <v>229007.76319999999</v>
      </c>
      <c r="E625">
        <v>18842.8357</v>
      </c>
      <c r="F625">
        <v>48604.937519999999</v>
      </c>
      <c r="G625">
        <v>45812.240700000002</v>
      </c>
      <c r="H625">
        <v>42179.072870000004</v>
      </c>
      <c r="I625">
        <v>31429.319210000001</v>
      </c>
      <c r="J625">
        <v>34356.187449999998</v>
      </c>
      <c r="K625">
        <v>54132.850359999997</v>
      </c>
      <c r="L625">
        <v>25544.929230000002</v>
      </c>
      <c r="M625">
        <v>267978.27169999998</v>
      </c>
      <c r="N625">
        <v>86736.937999999995</v>
      </c>
      <c r="O625">
        <v>26402.79221</v>
      </c>
      <c r="P625">
        <v>40720.643129999997</v>
      </c>
      <c r="Q625">
        <v>72140.315960000007</v>
      </c>
      <c r="R625">
        <v>36135.853230000001</v>
      </c>
      <c r="S625">
        <v>83773.385670000003</v>
      </c>
      <c r="T625">
        <v>33767.723720000002</v>
      </c>
      <c r="U625">
        <v>19381.384279999998</v>
      </c>
      <c r="W625" s="83">
        <f>Bühler!N657</f>
        <v>45317.958333331822</v>
      </c>
      <c r="X625" s="83">
        <v>43126.958333333336</v>
      </c>
      <c r="Y625">
        <v>229007.76319999999</v>
      </c>
      <c r="Z625">
        <v>18842.8357</v>
      </c>
      <c r="AA625">
        <v>48604.937519999999</v>
      </c>
      <c r="AB625">
        <v>45812.240700000002</v>
      </c>
      <c r="AC625">
        <v>42179.072870000004</v>
      </c>
      <c r="AD625">
        <v>31429.319210000001</v>
      </c>
      <c r="AE625">
        <v>34356.187449999998</v>
      </c>
      <c r="AF625">
        <v>54132.850359999997</v>
      </c>
      <c r="AG625">
        <v>25544.929230000002</v>
      </c>
      <c r="AH625">
        <v>267978.27169999998</v>
      </c>
      <c r="AI625">
        <v>86736.937999999995</v>
      </c>
      <c r="AJ625">
        <v>26402.79221</v>
      </c>
      <c r="AK625">
        <v>40720.643129999997</v>
      </c>
      <c r="AL625">
        <v>72140.315960000007</v>
      </c>
      <c r="AM625">
        <v>36135.853230000001</v>
      </c>
      <c r="AN625">
        <v>83773.385670000003</v>
      </c>
      <c r="AO625">
        <v>33767.723720000002</v>
      </c>
      <c r="AP625">
        <v>19381.384279999998</v>
      </c>
    </row>
    <row r="626" spans="2:42" x14ac:dyDescent="0.3">
      <c r="B626">
        <v>51.835793839649064</v>
      </c>
      <c r="C626" s="83">
        <v>43127</v>
      </c>
      <c r="D626">
        <v>226881.36670000001</v>
      </c>
      <c r="E626">
        <v>18636.874790000002</v>
      </c>
      <c r="F626">
        <v>48448.85828</v>
      </c>
      <c r="G626">
        <v>45138.817369999997</v>
      </c>
      <c r="H626">
        <v>41988.257859999998</v>
      </c>
      <c r="I626">
        <v>30024.13625</v>
      </c>
      <c r="J626">
        <v>33158.586280000003</v>
      </c>
      <c r="K626">
        <v>51760.213080000001</v>
      </c>
      <c r="L626">
        <v>23072.792519999999</v>
      </c>
      <c r="M626">
        <v>264283.0502</v>
      </c>
      <c r="N626">
        <v>84764.19803</v>
      </c>
      <c r="O626">
        <v>26800.949400000001</v>
      </c>
      <c r="P626">
        <v>38329.964699999997</v>
      </c>
      <c r="Q626">
        <v>70233.024529999995</v>
      </c>
      <c r="R626">
        <v>31863.364819999999</v>
      </c>
      <c r="S626">
        <v>82410.599610000005</v>
      </c>
      <c r="T626">
        <v>32690.840970000001</v>
      </c>
      <c r="U626">
        <v>18783.373869999999</v>
      </c>
      <c r="W626" s="83">
        <f>Bühler!N658</f>
        <v>45317.999999998487</v>
      </c>
      <c r="X626" s="83">
        <v>43127</v>
      </c>
      <c r="Y626">
        <v>226881.36670000001</v>
      </c>
      <c r="Z626">
        <v>18636.874790000002</v>
      </c>
      <c r="AA626">
        <v>48448.85828</v>
      </c>
      <c r="AB626">
        <v>45138.817369999997</v>
      </c>
      <c r="AC626">
        <v>41988.257859999998</v>
      </c>
      <c r="AD626">
        <v>30024.13625</v>
      </c>
      <c r="AE626">
        <v>33158.586280000003</v>
      </c>
      <c r="AF626">
        <v>51760.213080000001</v>
      </c>
      <c r="AG626">
        <v>23072.792519999999</v>
      </c>
      <c r="AH626">
        <v>264283.0502</v>
      </c>
      <c r="AI626">
        <v>84764.19803</v>
      </c>
      <c r="AJ626">
        <v>26800.949400000001</v>
      </c>
      <c r="AK626">
        <v>38329.964699999997</v>
      </c>
      <c r="AL626">
        <v>70233.024529999995</v>
      </c>
      <c r="AM626">
        <v>31863.364819999999</v>
      </c>
      <c r="AN626">
        <v>82410.599610000005</v>
      </c>
      <c r="AO626">
        <v>32690.840970000001</v>
      </c>
      <c r="AP626">
        <v>18783.373869999999</v>
      </c>
    </row>
    <row r="627" spans="2:42" x14ac:dyDescent="0.3">
      <c r="B627">
        <v>52.11116980681912</v>
      </c>
      <c r="C627" s="83">
        <v>43127.041666666664</v>
      </c>
      <c r="D627">
        <v>222466.80809999999</v>
      </c>
      <c r="E627">
        <v>18735.06379</v>
      </c>
      <c r="F627">
        <v>51182.96632</v>
      </c>
      <c r="G627">
        <v>44833.071430000004</v>
      </c>
      <c r="H627">
        <v>41877.771959999998</v>
      </c>
      <c r="I627">
        <v>26821.186969999999</v>
      </c>
      <c r="J627">
        <v>36726.783589999999</v>
      </c>
      <c r="K627">
        <v>51879.521119999998</v>
      </c>
      <c r="L627">
        <v>21763.785479999999</v>
      </c>
      <c r="M627">
        <v>265687.0453</v>
      </c>
      <c r="N627">
        <v>86375.729730000006</v>
      </c>
      <c r="O627">
        <v>26830.75952</v>
      </c>
      <c r="P627">
        <v>36614.221769999996</v>
      </c>
      <c r="Q627">
        <v>70384.645569999993</v>
      </c>
      <c r="R627">
        <v>30057.851320000002</v>
      </c>
      <c r="S627">
        <v>83937.965349999999</v>
      </c>
      <c r="T627">
        <v>31772.58725</v>
      </c>
      <c r="U627">
        <v>19415.538570000001</v>
      </c>
      <c r="W627" s="83">
        <f>Bühler!N659</f>
        <v>45318.041666665151</v>
      </c>
      <c r="X627" s="83">
        <v>43127.041666666664</v>
      </c>
      <c r="Y627">
        <v>222466.80809999999</v>
      </c>
      <c r="Z627">
        <v>18735.06379</v>
      </c>
      <c r="AA627">
        <v>51182.96632</v>
      </c>
      <c r="AB627">
        <v>44833.071430000004</v>
      </c>
      <c r="AC627">
        <v>41877.771959999998</v>
      </c>
      <c r="AD627">
        <v>26821.186969999999</v>
      </c>
      <c r="AE627">
        <v>36726.783589999999</v>
      </c>
      <c r="AF627">
        <v>51879.521119999998</v>
      </c>
      <c r="AG627">
        <v>21763.785479999999</v>
      </c>
      <c r="AH627">
        <v>265687.0453</v>
      </c>
      <c r="AI627">
        <v>86375.729730000006</v>
      </c>
      <c r="AJ627">
        <v>26830.75952</v>
      </c>
      <c r="AK627">
        <v>36614.221769999996</v>
      </c>
      <c r="AL627">
        <v>70384.645569999993</v>
      </c>
      <c r="AM627">
        <v>30057.851320000002</v>
      </c>
      <c r="AN627">
        <v>83937.965349999999</v>
      </c>
      <c r="AO627">
        <v>31772.58725</v>
      </c>
      <c r="AP627">
        <v>19415.538570000001</v>
      </c>
    </row>
    <row r="628" spans="2:42" x14ac:dyDescent="0.3">
      <c r="B628">
        <v>51.920655143221786</v>
      </c>
      <c r="C628" s="83">
        <v>43127.083333333336</v>
      </c>
      <c r="D628">
        <v>217168.8811</v>
      </c>
      <c r="E628">
        <v>18668.48991</v>
      </c>
      <c r="F628">
        <v>52645.56162</v>
      </c>
      <c r="G628">
        <v>44472.622049999998</v>
      </c>
      <c r="H628">
        <v>41404.440199999997</v>
      </c>
      <c r="I628">
        <v>24046.531660000001</v>
      </c>
      <c r="J628">
        <v>36659.12988</v>
      </c>
      <c r="K628">
        <v>50177.120840000003</v>
      </c>
      <c r="L628">
        <v>21871.640179999999</v>
      </c>
      <c r="M628">
        <v>264715.71269999997</v>
      </c>
      <c r="N628">
        <v>85630.965769999995</v>
      </c>
      <c r="O628">
        <v>26904.606339999998</v>
      </c>
      <c r="P628">
        <v>35622.712339999998</v>
      </c>
      <c r="Q628">
        <v>70356.641470000002</v>
      </c>
      <c r="R628">
        <v>30128.371309999999</v>
      </c>
      <c r="S628">
        <v>84094.961590000006</v>
      </c>
      <c r="T628">
        <v>30939.40929</v>
      </c>
      <c r="U628">
        <v>19619.77619</v>
      </c>
      <c r="W628" s="83">
        <f>Bühler!N660</f>
        <v>45318.083333331815</v>
      </c>
      <c r="X628" s="83">
        <v>43127.083333333336</v>
      </c>
      <c r="Y628">
        <v>217168.8811</v>
      </c>
      <c r="Z628">
        <v>18668.48991</v>
      </c>
      <c r="AA628">
        <v>52645.56162</v>
      </c>
      <c r="AB628">
        <v>44472.622049999998</v>
      </c>
      <c r="AC628">
        <v>41404.440199999997</v>
      </c>
      <c r="AD628">
        <v>24046.531660000001</v>
      </c>
      <c r="AE628">
        <v>36659.12988</v>
      </c>
      <c r="AF628">
        <v>50177.120840000003</v>
      </c>
      <c r="AG628">
        <v>21871.640179999999</v>
      </c>
      <c r="AH628">
        <v>264715.71269999997</v>
      </c>
      <c r="AI628">
        <v>85630.965769999995</v>
      </c>
      <c r="AJ628">
        <v>26904.606339999998</v>
      </c>
      <c r="AK628">
        <v>35622.712339999998</v>
      </c>
      <c r="AL628">
        <v>70356.641470000002</v>
      </c>
      <c r="AM628">
        <v>30128.371309999999</v>
      </c>
      <c r="AN628">
        <v>84094.961590000006</v>
      </c>
      <c r="AO628">
        <v>30939.40929</v>
      </c>
      <c r="AP628">
        <v>19619.77619</v>
      </c>
    </row>
    <row r="629" spans="2:42" x14ac:dyDescent="0.3">
      <c r="B629">
        <v>50.865952309204957</v>
      </c>
      <c r="C629" s="83">
        <v>43127.125</v>
      </c>
      <c r="D629">
        <v>211084.1208</v>
      </c>
      <c r="E629">
        <v>18618.52793</v>
      </c>
      <c r="F629">
        <v>52763.177280000004</v>
      </c>
      <c r="G629">
        <v>43491.643109999997</v>
      </c>
      <c r="H629">
        <v>41703.200570000001</v>
      </c>
      <c r="I629">
        <v>24020.574799999999</v>
      </c>
      <c r="J629">
        <v>36802.260560000002</v>
      </c>
      <c r="K629">
        <v>48724.021339999999</v>
      </c>
      <c r="L629">
        <v>21354.297429999999</v>
      </c>
      <c r="M629">
        <v>259338.34580000001</v>
      </c>
      <c r="N629">
        <v>84975.410480000006</v>
      </c>
      <c r="O629">
        <v>26714.883750000001</v>
      </c>
      <c r="P629">
        <v>34646.731630000002</v>
      </c>
      <c r="Q629">
        <v>69189.672449999998</v>
      </c>
      <c r="R629">
        <v>29555.309369999999</v>
      </c>
      <c r="S629">
        <v>83578.80459</v>
      </c>
      <c r="T629">
        <v>31046.441139999999</v>
      </c>
      <c r="U629">
        <v>19615.431929999999</v>
      </c>
      <c r="W629" s="83">
        <f>Bühler!N661</f>
        <v>45318.124999998479</v>
      </c>
      <c r="X629" s="83">
        <v>43127.125</v>
      </c>
      <c r="Y629">
        <v>211084.1208</v>
      </c>
      <c r="Z629">
        <v>18618.52793</v>
      </c>
      <c r="AA629">
        <v>52763.177280000004</v>
      </c>
      <c r="AB629">
        <v>43491.643109999997</v>
      </c>
      <c r="AC629">
        <v>41703.200570000001</v>
      </c>
      <c r="AD629">
        <v>24020.574799999999</v>
      </c>
      <c r="AE629">
        <v>36802.260560000002</v>
      </c>
      <c r="AF629">
        <v>48724.021339999999</v>
      </c>
      <c r="AG629">
        <v>21354.297429999999</v>
      </c>
      <c r="AH629">
        <v>259338.34580000001</v>
      </c>
      <c r="AI629">
        <v>84975.410480000006</v>
      </c>
      <c r="AJ629">
        <v>26714.883750000001</v>
      </c>
      <c r="AK629">
        <v>34646.731630000002</v>
      </c>
      <c r="AL629">
        <v>69189.672449999998</v>
      </c>
      <c r="AM629">
        <v>29555.309369999999</v>
      </c>
      <c r="AN629">
        <v>83578.80459</v>
      </c>
      <c r="AO629">
        <v>31046.441139999999</v>
      </c>
      <c r="AP629">
        <v>19615.431929999999</v>
      </c>
    </row>
    <row r="630" spans="2:42" x14ac:dyDescent="0.3">
      <c r="B630">
        <v>49.717786898789662</v>
      </c>
      <c r="C630" s="83">
        <v>43127.166666666664</v>
      </c>
      <c r="D630">
        <v>204878.9454</v>
      </c>
      <c r="E630">
        <v>18770.261289999999</v>
      </c>
      <c r="F630">
        <v>55858.644760000003</v>
      </c>
      <c r="G630">
        <v>42871.848290000002</v>
      </c>
      <c r="H630">
        <v>41859.261859999999</v>
      </c>
      <c r="I630">
        <v>27024.238290000001</v>
      </c>
      <c r="J630">
        <v>39267.1397</v>
      </c>
      <c r="K630">
        <v>46694.941420000003</v>
      </c>
      <c r="L630">
        <v>21109.948</v>
      </c>
      <c r="M630">
        <v>253484.46309999999</v>
      </c>
      <c r="N630">
        <v>84210.514290000006</v>
      </c>
      <c r="O630">
        <v>26973.656210000001</v>
      </c>
      <c r="P630">
        <v>34990.136229999996</v>
      </c>
      <c r="Q630">
        <v>69937.943239999993</v>
      </c>
      <c r="R630">
        <v>29805.69455</v>
      </c>
      <c r="S630">
        <v>84585.869000000006</v>
      </c>
      <c r="T630">
        <v>30773.740519999999</v>
      </c>
      <c r="U630">
        <v>19402.87815</v>
      </c>
      <c r="W630" s="83">
        <f>Bühler!N662</f>
        <v>45318.166666665144</v>
      </c>
      <c r="X630" s="83">
        <v>43127.166666666664</v>
      </c>
      <c r="Y630">
        <v>204878.9454</v>
      </c>
      <c r="Z630">
        <v>18770.261289999999</v>
      </c>
      <c r="AA630">
        <v>55858.644760000003</v>
      </c>
      <c r="AB630">
        <v>42871.848290000002</v>
      </c>
      <c r="AC630">
        <v>41859.261859999999</v>
      </c>
      <c r="AD630">
        <v>27024.238290000001</v>
      </c>
      <c r="AE630">
        <v>39267.1397</v>
      </c>
      <c r="AF630">
        <v>46694.941420000003</v>
      </c>
      <c r="AG630">
        <v>21109.948</v>
      </c>
      <c r="AH630">
        <v>253484.46309999999</v>
      </c>
      <c r="AI630">
        <v>84210.514290000006</v>
      </c>
      <c r="AJ630">
        <v>26973.656210000001</v>
      </c>
      <c r="AK630">
        <v>34990.136229999996</v>
      </c>
      <c r="AL630">
        <v>69937.943239999993</v>
      </c>
      <c r="AM630">
        <v>29805.69455</v>
      </c>
      <c r="AN630">
        <v>84585.869000000006</v>
      </c>
      <c r="AO630">
        <v>30773.740519999999</v>
      </c>
      <c r="AP630">
        <v>19402.87815</v>
      </c>
    </row>
    <row r="631" spans="2:42" x14ac:dyDescent="0.3">
      <c r="B631">
        <v>49.442855535908031</v>
      </c>
      <c r="C631" s="83">
        <v>43127.208333333336</v>
      </c>
      <c r="D631">
        <v>201592.51240000001</v>
      </c>
      <c r="E631">
        <v>19711.606919999998</v>
      </c>
      <c r="F631">
        <v>67134.19859</v>
      </c>
      <c r="G631">
        <v>43631.424290000003</v>
      </c>
      <c r="H631">
        <v>42001.095379999999</v>
      </c>
      <c r="I631">
        <v>32717.960200000001</v>
      </c>
      <c r="J631">
        <v>41343.93795</v>
      </c>
      <c r="K631">
        <v>45394.427559999996</v>
      </c>
      <c r="L631">
        <v>21626.714970000001</v>
      </c>
      <c r="M631">
        <v>252082.73480000001</v>
      </c>
      <c r="N631">
        <v>82838.187279999998</v>
      </c>
      <c r="O631">
        <v>26885.435659999999</v>
      </c>
      <c r="P631">
        <v>35763.515460000002</v>
      </c>
      <c r="Q631">
        <v>69143.975130000006</v>
      </c>
      <c r="R631">
        <v>31967.280210000001</v>
      </c>
      <c r="S631">
        <v>85810.543669999999</v>
      </c>
      <c r="T631">
        <v>31822.899089999999</v>
      </c>
      <c r="U631">
        <v>19414.351890000002</v>
      </c>
      <c r="W631" s="83">
        <f>Bühler!N663</f>
        <v>45318.208333331808</v>
      </c>
      <c r="X631" s="83">
        <v>43127.208333333336</v>
      </c>
      <c r="Y631">
        <v>201592.51240000001</v>
      </c>
      <c r="Z631">
        <v>19711.606919999998</v>
      </c>
      <c r="AA631">
        <v>67134.19859</v>
      </c>
      <c r="AB631">
        <v>43631.424290000003</v>
      </c>
      <c r="AC631">
        <v>42001.095379999999</v>
      </c>
      <c r="AD631">
        <v>32717.960200000001</v>
      </c>
      <c r="AE631">
        <v>41343.93795</v>
      </c>
      <c r="AF631">
        <v>45394.427559999996</v>
      </c>
      <c r="AG631">
        <v>21626.714970000001</v>
      </c>
      <c r="AH631">
        <v>252082.73480000001</v>
      </c>
      <c r="AI631">
        <v>82838.187279999998</v>
      </c>
      <c r="AJ631">
        <v>26885.435659999999</v>
      </c>
      <c r="AK631">
        <v>35763.515460000002</v>
      </c>
      <c r="AL631">
        <v>69143.975130000006</v>
      </c>
      <c r="AM631">
        <v>31967.280210000001</v>
      </c>
      <c r="AN631">
        <v>85810.543669999999</v>
      </c>
      <c r="AO631">
        <v>31822.899089999999</v>
      </c>
      <c r="AP631">
        <v>19414.351890000002</v>
      </c>
    </row>
    <row r="632" spans="2:42" x14ac:dyDescent="0.3">
      <c r="B632">
        <v>49.374512160345731</v>
      </c>
      <c r="C632" s="83">
        <v>43127.25</v>
      </c>
      <c r="D632">
        <v>202123.4074</v>
      </c>
      <c r="E632">
        <v>21546.226119999999</v>
      </c>
      <c r="F632">
        <v>78660.14284</v>
      </c>
      <c r="G632">
        <v>44709.239560000002</v>
      </c>
      <c r="H632">
        <v>42844.305460000003</v>
      </c>
      <c r="I632">
        <v>35658.49712</v>
      </c>
      <c r="J632">
        <v>44604.900029999997</v>
      </c>
      <c r="K632">
        <v>44469.141889999999</v>
      </c>
      <c r="L632">
        <v>22368.91562</v>
      </c>
      <c r="M632">
        <v>251734.28839999999</v>
      </c>
      <c r="N632">
        <v>79683.542390000002</v>
      </c>
      <c r="O632">
        <v>26046.073400000001</v>
      </c>
      <c r="P632">
        <v>34717.89662</v>
      </c>
      <c r="Q632">
        <v>67988.416159999993</v>
      </c>
      <c r="R632">
        <v>21019.37529</v>
      </c>
      <c r="S632">
        <v>90137.899600000004</v>
      </c>
      <c r="T632">
        <v>32905.156790000001</v>
      </c>
      <c r="U632">
        <v>18434.064170000001</v>
      </c>
      <c r="W632" s="83">
        <f>Bühler!N664</f>
        <v>45318.249999998472</v>
      </c>
      <c r="X632" s="83">
        <v>43127.25</v>
      </c>
      <c r="Y632">
        <v>202123.4074</v>
      </c>
      <c r="Z632">
        <v>21546.226119999999</v>
      </c>
      <c r="AA632">
        <v>78660.14284</v>
      </c>
      <c r="AB632">
        <v>44709.239560000002</v>
      </c>
      <c r="AC632">
        <v>42844.305460000003</v>
      </c>
      <c r="AD632">
        <v>35658.49712</v>
      </c>
      <c r="AE632">
        <v>44604.900029999997</v>
      </c>
      <c r="AF632">
        <v>44469.141889999999</v>
      </c>
      <c r="AG632">
        <v>22368.91562</v>
      </c>
      <c r="AH632">
        <v>251734.28839999999</v>
      </c>
      <c r="AI632">
        <v>79683.542390000002</v>
      </c>
      <c r="AJ632">
        <v>26046.073400000001</v>
      </c>
      <c r="AK632">
        <v>34717.89662</v>
      </c>
      <c r="AL632">
        <v>67988.416159999993</v>
      </c>
      <c r="AM632">
        <v>21019.37529</v>
      </c>
      <c r="AN632">
        <v>90137.899600000004</v>
      </c>
      <c r="AO632">
        <v>32905.156790000001</v>
      </c>
      <c r="AP632">
        <v>18434.064170000001</v>
      </c>
    </row>
    <row r="633" spans="2:42" x14ac:dyDescent="0.3">
      <c r="B633">
        <v>49.164200759213934</v>
      </c>
      <c r="C633" s="83">
        <v>43127.291666666664</v>
      </c>
      <c r="D633">
        <v>203856.92170000001</v>
      </c>
      <c r="E633">
        <v>24667.071110000001</v>
      </c>
      <c r="F633">
        <v>82556.829230000003</v>
      </c>
      <c r="G633">
        <v>46992.38377</v>
      </c>
      <c r="H633">
        <v>44348.44182</v>
      </c>
      <c r="I633">
        <v>38270.881300000001</v>
      </c>
      <c r="J633">
        <v>46445.536010000003</v>
      </c>
      <c r="K633">
        <v>44826.3868</v>
      </c>
      <c r="L633">
        <v>24598.18723</v>
      </c>
      <c r="M633">
        <v>250662.02280000001</v>
      </c>
      <c r="N633">
        <v>80750.106669999994</v>
      </c>
      <c r="O633">
        <v>25990.469389999998</v>
      </c>
      <c r="P633">
        <v>36205.114800000003</v>
      </c>
      <c r="Q633">
        <v>66170.373829999997</v>
      </c>
      <c r="R633">
        <v>20777.2601</v>
      </c>
      <c r="S633">
        <v>98663.378110000005</v>
      </c>
      <c r="T633">
        <v>31740.36246</v>
      </c>
      <c r="U633">
        <v>18853.13135</v>
      </c>
      <c r="W633" s="83">
        <f>Bühler!N665</f>
        <v>45318.291666665136</v>
      </c>
      <c r="X633" s="83">
        <v>43127.291666666664</v>
      </c>
      <c r="Y633">
        <v>203856.92170000001</v>
      </c>
      <c r="Z633">
        <v>24667.071110000001</v>
      </c>
      <c r="AA633">
        <v>82556.829230000003</v>
      </c>
      <c r="AB633">
        <v>46992.38377</v>
      </c>
      <c r="AC633">
        <v>44348.44182</v>
      </c>
      <c r="AD633">
        <v>38270.881300000001</v>
      </c>
      <c r="AE633">
        <v>46445.536010000003</v>
      </c>
      <c r="AF633">
        <v>44826.3868</v>
      </c>
      <c r="AG633">
        <v>24598.18723</v>
      </c>
      <c r="AH633">
        <v>250662.02280000001</v>
      </c>
      <c r="AI633">
        <v>80750.106669999994</v>
      </c>
      <c r="AJ633">
        <v>25990.469389999998</v>
      </c>
      <c r="AK633">
        <v>36205.114800000003</v>
      </c>
      <c r="AL633">
        <v>66170.373829999997</v>
      </c>
      <c r="AM633">
        <v>20777.2601</v>
      </c>
      <c r="AN633">
        <v>98663.378110000005</v>
      </c>
      <c r="AO633">
        <v>31740.36246</v>
      </c>
      <c r="AP633">
        <v>18853.13135</v>
      </c>
    </row>
    <row r="634" spans="2:42" x14ac:dyDescent="0.3">
      <c r="B634">
        <v>48.020577459787866</v>
      </c>
      <c r="C634" s="83">
        <v>43127.333333333336</v>
      </c>
      <c r="D634">
        <v>202322.5368</v>
      </c>
      <c r="E634">
        <v>27421.274259999998</v>
      </c>
      <c r="F634">
        <v>87050.749649999998</v>
      </c>
      <c r="G634">
        <v>47880.72651</v>
      </c>
      <c r="H634">
        <v>44098.39344</v>
      </c>
      <c r="I634">
        <v>38926.274310000001</v>
      </c>
      <c r="J634">
        <v>46441.432529999998</v>
      </c>
      <c r="K634">
        <v>46366.878570000001</v>
      </c>
      <c r="L634">
        <v>26195.237929999999</v>
      </c>
      <c r="M634">
        <v>244831.29790000001</v>
      </c>
      <c r="N634">
        <v>81833.873460000003</v>
      </c>
      <c r="O634">
        <v>25840.798610000002</v>
      </c>
      <c r="P634">
        <v>39100.843390000002</v>
      </c>
      <c r="Q634">
        <v>64948.603450000002</v>
      </c>
      <c r="R634">
        <v>21337.897809999999</v>
      </c>
      <c r="S634">
        <v>103488.9016</v>
      </c>
      <c r="T634">
        <v>32586.905890000002</v>
      </c>
      <c r="U634">
        <v>19067.097269999998</v>
      </c>
      <c r="W634" s="83">
        <f>Bühler!N666</f>
        <v>45318.333333331801</v>
      </c>
      <c r="X634" s="83">
        <v>43127.333333333336</v>
      </c>
      <c r="Y634">
        <v>202322.5368</v>
      </c>
      <c r="Z634">
        <v>27421.274259999998</v>
      </c>
      <c r="AA634">
        <v>87050.749649999998</v>
      </c>
      <c r="AB634">
        <v>47880.72651</v>
      </c>
      <c r="AC634">
        <v>44098.39344</v>
      </c>
      <c r="AD634">
        <v>38926.274310000001</v>
      </c>
      <c r="AE634">
        <v>46441.432529999998</v>
      </c>
      <c r="AF634">
        <v>46366.878570000001</v>
      </c>
      <c r="AG634">
        <v>26195.237929999999</v>
      </c>
      <c r="AH634">
        <v>244831.29790000001</v>
      </c>
      <c r="AI634">
        <v>81833.873460000003</v>
      </c>
      <c r="AJ634">
        <v>25840.798610000002</v>
      </c>
      <c r="AK634">
        <v>39100.843390000002</v>
      </c>
      <c r="AL634">
        <v>64948.603450000002</v>
      </c>
      <c r="AM634">
        <v>21337.897809999999</v>
      </c>
      <c r="AN634">
        <v>103488.9016</v>
      </c>
      <c r="AO634">
        <v>32586.905890000002</v>
      </c>
      <c r="AP634">
        <v>19067.097269999998</v>
      </c>
    </row>
    <row r="635" spans="2:42" x14ac:dyDescent="0.3">
      <c r="B635">
        <v>46.267786541769915</v>
      </c>
      <c r="C635" s="83">
        <v>43127.375</v>
      </c>
      <c r="D635">
        <v>199746.22769999999</v>
      </c>
      <c r="E635">
        <v>31007.263599999998</v>
      </c>
      <c r="F635">
        <v>92921.710850000003</v>
      </c>
      <c r="G635">
        <v>48359.100810000004</v>
      </c>
      <c r="H635">
        <v>43443.484660000002</v>
      </c>
      <c r="I635">
        <v>37944.414340000003</v>
      </c>
      <c r="J635">
        <v>45601.255519999999</v>
      </c>
      <c r="K635">
        <v>43913.007810000003</v>
      </c>
      <c r="L635">
        <v>28772.40567</v>
      </c>
      <c r="M635">
        <v>235894.7524</v>
      </c>
      <c r="N635">
        <v>86438.461550000007</v>
      </c>
      <c r="O635">
        <v>25942.910899999999</v>
      </c>
      <c r="P635">
        <v>40236.68288</v>
      </c>
      <c r="Q635">
        <v>63315.421430000002</v>
      </c>
      <c r="R635">
        <v>20072.85946</v>
      </c>
      <c r="S635">
        <v>103419.93030000001</v>
      </c>
      <c r="T635">
        <v>34918.365230000003</v>
      </c>
      <c r="U635">
        <v>18342.24267</v>
      </c>
      <c r="W635" s="83">
        <f>Bühler!N667</f>
        <v>45318.374999998465</v>
      </c>
      <c r="X635" s="83">
        <v>43127.375</v>
      </c>
      <c r="Y635">
        <v>199746.22769999999</v>
      </c>
      <c r="Z635">
        <v>31007.263599999998</v>
      </c>
      <c r="AA635">
        <v>92921.710850000003</v>
      </c>
      <c r="AB635">
        <v>48359.100810000004</v>
      </c>
      <c r="AC635">
        <v>43443.484660000002</v>
      </c>
      <c r="AD635">
        <v>37944.414340000003</v>
      </c>
      <c r="AE635">
        <v>45601.255519999999</v>
      </c>
      <c r="AF635">
        <v>43913.007810000003</v>
      </c>
      <c r="AG635">
        <v>28772.40567</v>
      </c>
      <c r="AH635">
        <v>235894.7524</v>
      </c>
      <c r="AI635">
        <v>86438.461550000007</v>
      </c>
      <c r="AJ635">
        <v>25942.910899999999</v>
      </c>
      <c r="AK635">
        <v>40236.68288</v>
      </c>
      <c r="AL635">
        <v>63315.421430000002</v>
      </c>
      <c r="AM635">
        <v>20072.85946</v>
      </c>
      <c r="AN635">
        <v>103419.93030000001</v>
      </c>
      <c r="AO635">
        <v>34918.365230000003</v>
      </c>
      <c r="AP635">
        <v>18342.24267</v>
      </c>
    </row>
    <row r="636" spans="2:42" x14ac:dyDescent="0.3">
      <c r="B636">
        <v>46.638172491846753</v>
      </c>
      <c r="C636" s="83">
        <v>43127.416666666664</v>
      </c>
      <c r="D636">
        <v>198142.29139999999</v>
      </c>
      <c r="E636">
        <v>32563.350040000001</v>
      </c>
      <c r="F636">
        <v>92715.321020000003</v>
      </c>
      <c r="G636">
        <v>48342.573859999997</v>
      </c>
      <c r="H636">
        <v>44365.237240000002</v>
      </c>
      <c r="I636">
        <v>37247.228239999997</v>
      </c>
      <c r="J636">
        <v>43134.447070000002</v>
      </c>
      <c r="K636">
        <v>45587.380519999999</v>
      </c>
      <c r="L636">
        <v>30887.965929999998</v>
      </c>
      <c r="M636">
        <v>237783.15270000001</v>
      </c>
      <c r="N636">
        <v>88365.448539999998</v>
      </c>
      <c r="O636">
        <v>25779.344430000001</v>
      </c>
      <c r="P636">
        <v>40542.262929999997</v>
      </c>
      <c r="Q636">
        <v>62557.620609999998</v>
      </c>
      <c r="R636">
        <v>20828.99034</v>
      </c>
      <c r="S636">
        <v>103087.0866</v>
      </c>
      <c r="T636">
        <v>37195.294500000004</v>
      </c>
      <c r="U636">
        <v>18061.317319999998</v>
      </c>
      <c r="W636" s="83">
        <f>Bühler!N668</f>
        <v>45318.416666665129</v>
      </c>
      <c r="X636" s="83">
        <v>43127.416666666664</v>
      </c>
      <c r="Y636">
        <v>198142.29139999999</v>
      </c>
      <c r="Z636">
        <v>32563.350040000001</v>
      </c>
      <c r="AA636">
        <v>92715.321020000003</v>
      </c>
      <c r="AB636">
        <v>48342.573859999997</v>
      </c>
      <c r="AC636">
        <v>44365.237240000002</v>
      </c>
      <c r="AD636">
        <v>37247.228239999997</v>
      </c>
      <c r="AE636">
        <v>43134.447070000002</v>
      </c>
      <c r="AF636">
        <v>45587.380519999999</v>
      </c>
      <c r="AG636">
        <v>30887.965929999998</v>
      </c>
      <c r="AH636">
        <v>237783.15270000001</v>
      </c>
      <c r="AI636">
        <v>88365.448539999998</v>
      </c>
      <c r="AJ636">
        <v>25779.344430000001</v>
      </c>
      <c r="AK636">
        <v>40542.262929999997</v>
      </c>
      <c r="AL636">
        <v>62557.620609999998</v>
      </c>
      <c r="AM636">
        <v>20828.99034</v>
      </c>
      <c r="AN636">
        <v>103087.0866</v>
      </c>
      <c r="AO636">
        <v>37195.294500000004</v>
      </c>
      <c r="AP636">
        <v>18061.317319999998</v>
      </c>
    </row>
    <row r="637" spans="2:42" x14ac:dyDescent="0.3">
      <c r="B637">
        <v>46.450950190868717</v>
      </c>
      <c r="C637" s="83">
        <v>43127.458333333336</v>
      </c>
      <c r="D637">
        <v>193191.98180000001</v>
      </c>
      <c r="E637">
        <v>31934.34564</v>
      </c>
      <c r="F637">
        <v>93073.718179999996</v>
      </c>
      <c r="G637">
        <v>47695.57415</v>
      </c>
      <c r="H637">
        <v>44299.065260000003</v>
      </c>
      <c r="I637">
        <v>35085.941059999997</v>
      </c>
      <c r="J637">
        <v>41779.066290000002</v>
      </c>
      <c r="K637">
        <v>50934.079510000003</v>
      </c>
      <c r="L637">
        <v>32454.640729999999</v>
      </c>
      <c r="M637">
        <v>236828.6061</v>
      </c>
      <c r="N637">
        <v>86747.442120000007</v>
      </c>
      <c r="O637">
        <v>25559.347300000001</v>
      </c>
      <c r="P637">
        <v>40597.016710000004</v>
      </c>
      <c r="Q637">
        <v>62150.837140000003</v>
      </c>
      <c r="R637">
        <v>24654.221890000001</v>
      </c>
      <c r="S637">
        <v>103489.8986</v>
      </c>
      <c r="T637">
        <v>37280.112910000003</v>
      </c>
      <c r="U637">
        <v>17408.54206</v>
      </c>
      <c r="W637" s="83">
        <f>Bühler!N669</f>
        <v>45318.458333331793</v>
      </c>
      <c r="X637" s="83">
        <v>43127.458333333336</v>
      </c>
      <c r="Y637">
        <v>193191.98180000001</v>
      </c>
      <c r="Z637">
        <v>31934.34564</v>
      </c>
      <c r="AA637">
        <v>93073.718179999996</v>
      </c>
      <c r="AB637">
        <v>47695.57415</v>
      </c>
      <c r="AC637">
        <v>44299.065260000003</v>
      </c>
      <c r="AD637">
        <v>35085.941059999997</v>
      </c>
      <c r="AE637">
        <v>41779.066290000002</v>
      </c>
      <c r="AF637">
        <v>50934.079510000003</v>
      </c>
      <c r="AG637">
        <v>32454.640729999999</v>
      </c>
      <c r="AH637">
        <v>236828.6061</v>
      </c>
      <c r="AI637">
        <v>86747.442120000007</v>
      </c>
      <c r="AJ637">
        <v>25559.347300000001</v>
      </c>
      <c r="AK637">
        <v>40597.016710000004</v>
      </c>
      <c r="AL637">
        <v>62150.837140000003</v>
      </c>
      <c r="AM637">
        <v>24654.221890000001</v>
      </c>
      <c r="AN637">
        <v>103489.8986</v>
      </c>
      <c r="AO637">
        <v>37280.112910000003</v>
      </c>
      <c r="AP637">
        <v>17408.54206</v>
      </c>
    </row>
    <row r="638" spans="2:42" x14ac:dyDescent="0.3">
      <c r="B638">
        <v>45.471970226065118</v>
      </c>
      <c r="C638" s="83">
        <v>43127.5</v>
      </c>
      <c r="D638">
        <v>185574.4846</v>
      </c>
      <c r="E638">
        <v>29791.9319</v>
      </c>
      <c r="F638">
        <v>91908.632809999996</v>
      </c>
      <c r="G638">
        <v>45794.830849999998</v>
      </c>
      <c r="H638">
        <v>42730.331570000002</v>
      </c>
      <c r="I638">
        <v>34880.434370000003</v>
      </c>
      <c r="J638">
        <v>42337.91289</v>
      </c>
      <c r="K638">
        <v>51145.755349999999</v>
      </c>
      <c r="L638">
        <v>34329.324269999997</v>
      </c>
      <c r="M638">
        <v>231837.30970000001</v>
      </c>
      <c r="N638">
        <v>84156.022039999996</v>
      </c>
      <c r="O638">
        <v>25380.648499999999</v>
      </c>
      <c r="P638">
        <v>39525.058299999997</v>
      </c>
      <c r="Q638">
        <v>58984.611700000001</v>
      </c>
      <c r="R638">
        <v>22705.436239999999</v>
      </c>
      <c r="S638">
        <v>98608.857839999997</v>
      </c>
      <c r="T638">
        <v>36298.712189999998</v>
      </c>
      <c r="U638">
        <v>16830.970799999999</v>
      </c>
      <c r="W638" s="83">
        <f>Bühler!N670</f>
        <v>45318.499999998457</v>
      </c>
      <c r="X638" s="83">
        <v>43127.5</v>
      </c>
      <c r="Y638">
        <v>185574.4846</v>
      </c>
      <c r="Z638">
        <v>29791.9319</v>
      </c>
      <c r="AA638">
        <v>91908.632809999996</v>
      </c>
      <c r="AB638">
        <v>45794.830849999998</v>
      </c>
      <c r="AC638">
        <v>42730.331570000002</v>
      </c>
      <c r="AD638">
        <v>34880.434370000003</v>
      </c>
      <c r="AE638">
        <v>42337.91289</v>
      </c>
      <c r="AF638">
        <v>51145.755349999999</v>
      </c>
      <c r="AG638">
        <v>34329.324269999997</v>
      </c>
      <c r="AH638">
        <v>231837.30970000001</v>
      </c>
      <c r="AI638">
        <v>84156.022039999996</v>
      </c>
      <c r="AJ638">
        <v>25380.648499999999</v>
      </c>
      <c r="AK638">
        <v>39525.058299999997</v>
      </c>
      <c r="AL638">
        <v>58984.611700000001</v>
      </c>
      <c r="AM638">
        <v>22705.436239999999</v>
      </c>
      <c r="AN638">
        <v>98608.857839999997</v>
      </c>
      <c r="AO638">
        <v>36298.712189999998</v>
      </c>
      <c r="AP638">
        <v>16830.970799999999</v>
      </c>
    </row>
    <row r="639" spans="2:42" x14ac:dyDescent="0.3">
      <c r="B639">
        <v>45.338194566042148</v>
      </c>
      <c r="C639" s="83">
        <v>43127.541666666664</v>
      </c>
      <c r="D639">
        <v>181101.42060000001</v>
      </c>
      <c r="E639">
        <v>28780.03571</v>
      </c>
      <c r="F639">
        <v>90323.205260000002</v>
      </c>
      <c r="G639">
        <v>44460.53458</v>
      </c>
      <c r="H639">
        <v>42126.824569999997</v>
      </c>
      <c r="I639">
        <v>34523.165350000003</v>
      </c>
      <c r="J639">
        <v>40867.795169999998</v>
      </c>
      <c r="K639">
        <v>50197.584949999997</v>
      </c>
      <c r="L639">
        <v>33898.409970000001</v>
      </c>
      <c r="M639">
        <v>231155.25899999999</v>
      </c>
      <c r="N639">
        <v>81612.908190000002</v>
      </c>
      <c r="O639">
        <v>25040.940149999999</v>
      </c>
      <c r="P639">
        <v>39011.014280000003</v>
      </c>
      <c r="Q639">
        <v>56260.967539999998</v>
      </c>
      <c r="R639">
        <v>22447.24669</v>
      </c>
      <c r="S639">
        <v>98734.458060000004</v>
      </c>
      <c r="T639">
        <v>35738.08496</v>
      </c>
      <c r="U639">
        <v>16408.572380000001</v>
      </c>
      <c r="W639" s="83">
        <f>Bühler!N671</f>
        <v>45318.541666665122</v>
      </c>
      <c r="X639" s="83">
        <v>43127.541666666664</v>
      </c>
      <c r="Y639">
        <v>181101.42060000001</v>
      </c>
      <c r="Z639">
        <v>28780.03571</v>
      </c>
      <c r="AA639">
        <v>90323.205260000002</v>
      </c>
      <c r="AB639">
        <v>44460.53458</v>
      </c>
      <c r="AC639">
        <v>42126.824569999997</v>
      </c>
      <c r="AD639">
        <v>34523.165350000003</v>
      </c>
      <c r="AE639">
        <v>40867.795169999998</v>
      </c>
      <c r="AF639">
        <v>50197.584949999997</v>
      </c>
      <c r="AG639">
        <v>33898.409970000001</v>
      </c>
      <c r="AH639">
        <v>231155.25899999999</v>
      </c>
      <c r="AI639">
        <v>81612.908190000002</v>
      </c>
      <c r="AJ639">
        <v>25040.940149999999</v>
      </c>
      <c r="AK639">
        <v>39011.014280000003</v>
      </c>
      <c r="AL639">
        <v>56260.967539999998</v>
      </c>
      <c r="AM639">
        <v>22447.24669</v>
      </c>
      <c r="AN639">
        <v>98734.458060000004</v>
      </c>
      <c r="AO639">
        <v>35738.08496</v>
      </c>
      <c r="AP639">
        <v>16408.572380000001</v>
      </c>
    </row>
    <row r="640" spans="2:42" x14ac:dyDescent="0.3">
      <c r="B640">
        <v>44.982510429211224</v>
      </c>
      <c r="C640" s="83">
        <v>43127.583333333336</v>
      </c>
      <c r="D640">
        <v>179026.69899999999</v>
      </c>
      <c r="E640">
        <v>29291.84261</v>
      </c>
      <c r="F640">
        <v>90380.356109999993</v>
      </c>
      <c r="G640">
        <v>43852.056060000003</v>
      </c>
      <c r="H640">
        <v>41901.732750000003</v>
      </c>
      <c r="I640">
        <v>34403.973140000002</v>
      </c>
      <c r="J640">
        <v>39944.519650000002</v>
      </c>
      <c r="K640">
        <v>50024.7304</v>
      </c>
      <c r="L640">
        <v>32037.725180000001</v>
      </c>
      <c r="M640">
        <v>229341.81539999999</v>
      </c>
      <c r="N640">
        <v>81646.403699999995</v>
      </c>
      <c r="O640">
        <v>24882.527109999999</v>
      </c>
      <c r="P640">
        <v>36977.887790000001</v>
      </c>
      <c r="Q640">
        <v>55211.222869999998</v>
      </c>
      <c r="R640">
        <v>22531.825260000001</v>
      </c>
      <c r="S640">
        <v>95726.376579999996</v>
      </c>
      <c r="T640">
        <v>35687.897539999998</v>
      </c>
      <c r="U640">
        <v>16175.17252</v>
      </c>
      <c r="W640" s="83">
        <f>Bühler!N672</f>
        <v>45318.583333331786</v>
      </c>
      <c r="X640" s="83">
        <v>43127.583333333336</v>
      </c>
      <c r="Y640">
        <v>179026.69899999999</v>
      </c>
      <c r="Z640">
        <v>29291.84261</v>
      </c>
      <c r="AA640">
        <v>90380.356109999993</v>
      </c>
      <c r="AB640">
        <v>43852.056060000003</v>
      </c>
      <c r="AC640">
        <v>41901.732750000003</v>
      </c>
      <c r="AD640">
        <v>34403.973140000002</v>
      </c>
      <c r="AE640">
        <v>39944.519650000002</v>
      </c>
      <c r="AF640">
        <v>50024.7304</v>
      </c>
      <c r="AG640">
        <v>32037.725180000001</v>
      </c>
      <c r="AH640">
        <v>229341.81539999999</v>
      </c>
      <c r="AI640">
        <v>81646.403699999995</v>
      </c>
      <c r="AJ640">
        <v>24882.527109999999</v>
      </c>
      <c r="AK640">
        <v>36977.887790000001</v>
      </c>
      <c r="AL640">
        <v>55211.222869999998</v>
      </c>
      <c r="AM640">
        <v>22531.825260000001</v>
      </c>
      <c r="AN640">
        <v>95726.376579999996</v>
      </c>
      <c r="AO640">
        <v>35687.897539999998</v>
      </c>
      <c r="AP640">
        <v>16175.17252</v>
      </c>
    </row>
    <row r="641" spans="2:42" x14ac:dyDescent="0.3">
      <c r="B641">
        <v>44.048739628211109</v>
      </c>
      <c r="C641" s="83">
        <v>43127.625</v>
      </c>
      <c r="D641">
        <v>178852.04569999999</v>
      </c>
      <c r="E641">
        <v>29294.0088</v>
      </c>
      <c r="F641">
        <v>89002.916970000006</v>
      </c>
      <c r="G641">
        <v>43826.175150000003</v>
      </c>
      <c r="H641">
        <v>41645.192309999999</v>
      </c>
      <c r="I641">
        <v>35081.297359999997</v>
      </c>
      <c r="J641">
        <v>39968.10024</v>
      </c>
      <c r="K641">
        <v>49218.651360000003</v>
      </c>
      <c r="L641">
        <v>29908.993129999999</v>
      </c>
      <c r="M641">
        <v>224581.01639999999</v>
      </c>
      <c r="N641">
        <v>81143.671929999997</v>
      </c>
      <c r="O641">
        <v>24695.60037</v>
      </c>
      <c r="P641">
        <v>35460.078410000002</v>
      </c>
      <c r="Q641">
        <v>54994.204239999999</v>
      </c>
      <c r="R641">
        <v>22299.577109999998</v>
      </c>
      <c r="S641">
        <v>94661.975789999997</v>
      </c>
      <c r="T641">
        <v>36215.498809999997</v>
      </c>
      <c r="U641">
        <v>16528.829559999998</v>
      </c>
      <c r="W641" s="83">
        <f>Bühler!N673</f>
        <v>45318.62499999845</v>
      </c>
      <c r="X641" s="83">
        <v>43127.625</v>
      </c>
      <c r="Y641">
        <v>178852.04569999999</v>
      </c>
      <c r="Z641">
        <v>29294.0088</v>
      </c>
      <c r="AA641">
        <v>89002.916970000006</v>
      </c>
      <c r="AB641">
        <v>43826.175150000003</v>
      </c>
      <c r="AC641">
        <v>41645.192309999999</v>
      </c>
      <c r="AD641">
        <v>35081.297359999997</v>
      </c>
      <c r="AE641">
        <v>39968.10024</v>
      </c>
      <c r="AF641">
        <v>49218.651360000003</v>
      </c>
      <c r="AG641">
        <v>29908.993129999999</v>
      </c>
      <c r="AH641">
        <v>224581.01639999999</v>
      </c>
      <c r="AI641">
        <v>81143.671929999997</v>
      </c>
      <c r="AJ641">
        <v>24695.60037</v>
      </c>
      <c r="AK641">
        <v>35460.078410000002</v>
      </c>
      <c r="AL641">
        <v>54994.204239999999</v>
      </c>
      <c r="AM641">
        <v>22299.577109999998</v>
      </c>
      <c r="AN641">
        <v>94661.975789999997</v>
      </c>
      <c r="AO641">
        <v>36215.498809999997</v>
      </c>
      <c r="AP641">
        <v>16528.829559999998</v>
      </c>
    </row>
    <row r="642" spans="2:42" x14ac:dyDescent="0.3">
      <c r="B642">
        <v>43.590732446564338</v>
      </c>
      <c r="C642" s="83">
        <v>43127.666666666664</v>
      </c>
      <c r="D642">
        <v>178648.8891</v>
      </c>
      <c r="E642">
        <v>29203.726330000001</v>
      </c>
      <c r="F642">
        <v>88540.422030000002</v>
      </c>
      <c r="G642">
        <v>43767.722289999998</v>
      </c>
      <c r="H642">
        <v>41609.982230000001</v>
      </c>
      <c r="I642">
        <v>35904.8024</v>
      </c>
      <c r="J642">
        <v>39014.771489999999</v>
      </c>
      <c r="K642">
        <v>47633.910459999999</v>
      </c>
      <c r="L642">
        <v>29063.149560000002</v>
      </c>
      <c r="M642">
        <v>222245.88219999999</v>
      </c>
      <c r="N642">
        <v>78832.825830000002</v>
      </c>
      <c r="O642">
        <v>24477.465550000001</v>
      </c>
      <c r="P642">
        <v>37053.778409999999</v>
      </c>
      <c r="Q642">
        <v>55117.451639999999</v>
      </c>
      <c r="R642">
        <v>22058.10945</v>
      </c>
      <c r="S642">
        <v>95412.339170000007</v>
      </c>
      <c r="T642">
        <v>35962.870349999997</v>
      </c>
      <c r="U642">
        <v>16777.674370000001</v>
      </c>
      <c r="W642" s="83">
        <f>Bühler!N674</f>
        <v>45318.666666665114</v>
      </c>
      <c r="X642" s="83">
        <v>43127.666666666664</v>
      </c>
      <c r="Y642">
        <v>178648.8891</v>
      </c>
      <c r="Z642">
        <v>29203.726330000001</v>
      </c>
      <c r="AA642">
        <v>88540.422030000002</v>
      </c>
      <c r="AB642">
        <v>43767.722289999998</v>
      </c>
      <c r="AC642">
        <v>41609.982230000001</v>
      </c>
      <c r="AD642">
        <v>35904.8024</v>
      </c>
      <c r="AE642">
        <v>39014.771489999999</v>
      </c>
      <c r="AF642">
        <v>47633.910459999999</v>
      </c>
      <c r="AG642">
        <v>29063.149560000002</v>
      </c>
      <c r="AH642">
        <v>222245.88219999999</v>
      </c>
      <c r="AI642">
        <v>78832.825830000002</v>
      </c>
      <c r="AJ642">
        <v>24477.465550000001</v>
      </c>
      <c r="AK642">
        <v>37053.778409999999</v>
      </c>
      <c r="AL642">
        <v>55117.451639999999</v>
      </c>
      <c r="AM642">
        <v>22058.10945</v>
      </c>
      <c r="AN642">
        <v>95412.339170000007</v>
      </c>
      <c r="AO642">
        <v>35962.870349999997</v>
      </c>
      <c r="AP642">
        <v>16777.674370000001</v>
      </c>
    </row>
    <row r="643" spans="2:42" x14ac:dyDescent="0.3">
      <c r="B643">
        <v>43.489239553350195</v>
      </c>
      <c r="C643" s="83">
        <v>43127.708333333336</v>
      </c>
      <c r="D643">
        <v>176610.04329999999</v>
      </c>
      <c r="E643">
        <v>29474.636030000001</v>
      </c>
      <c r="F643">
        <v>91002.482359999995</v>
      </c>
      <c r="G643">
        <v>44428.422530000003</v>
      </c>
      <c r="H643">
        <v>42830.98861</v>
      </c>
      <c r="I643">
        <v>36914.254439999997</v>
      </c>
      <c r="J643">
        <v>40505.251819999998</v>
      </c>
      <c r="K643">
        <v>46276.917280000001</v>
      </c>
      <c r="L643">
        <v>30224.979869999999</v>
      </c>
      <c r="M643">
        <v>221728.4241</v>
      </c>
      <c r="N643">
        <v>77043.409849999996</v>
      </c>
      <c r="O643">
        <v>25114.097580000001</v>
      </c>
      <c r="P643">
        <v>39691.618110000003</v>
      </c>
      <c r="Q643">
        <v>53572.223599999998</v>
      </c>
      <c r="R643">
        <v>24891.443719999999</v>
      </c>
      <c r="S643">
        <v>99543.698409999997</v>
      </c>
      <c r="T643">
        <v>36542.871140000003</v>
      </c>
      <c r="U643">
        <v>17018.409299999999</v>
      </c>
      <c r="W643" s="83">
        <f>Bühler!N675</f>
        <v>45318.708333331779</v>
      </c>
      <c r="X643" s="83">
        <v>43127.708333333336</v>
      </c>
      <c r="Y643">
        <v>176610.04329999999</v>
      </c>
      <c r="Z643">
        <v>29474.636030000001</v>
      </c>
      <c r="AA643">
        <v>91002.482359999995</v>
      </c>
      <c r="AB643">
        <v>44428.422530000003</v>
      </c>
      <c r="AC643">
        <v>42830.98861</v>
      </c>
      <c r="AD643">
        <v>36914.254439999997</v>
      </c>
      <c r="AE643">
        <v>40505.251819999998</v>
      </c>
      <c r="AF643">
        <v>46276.917280000001</v>
      </c>
      <c r="AG643">
        <v>30224.979869999999</v>
      </c>
      <c r="AH643">
        <v>221728.4241</v>
      </c>
      <c r="AI643">
        <v>77043.409849999996</v>
      </c>
      <c r="AJ643">
        <v>25114.097580000001</v>
      </c>
      <c r="AK643">
        <v>39691.618110000003</v>
      </c>
      <c r="AL643">
        <v>53572.223599999998</v>
      </c>
      <c r="AM643">
        <v>24891.443719999999</v>
      </c>
      <c r="AN643">
        <v>99543.698409999997</v>
      </c>
      <c r="AO643">
        <v>36542.871140000003</v>
      </c>
      <c r="AP643">
        <v>17018.409299999999</v>
      </c>
    </row>
    <row r="644" spans="2:42" x14ac:dyDescent="0.3">
      <c r="B644">
        <v>42.936458106739927</v>
      </c>
      <c r="C644" s="83">
        <v>43127.75</v>
      </c>
      <c r="D644">
        <v>177613.29680000001</v>
      </c>
      <c r="E644">
        <v>29060.908469999998</v>
      </c>
      <c r="F644">
        <v>89915.716920000006</v>
      </c>
      <c r="G644">
        <v>45528.910040000002</v>
      </c>
      <c r="H644">
        <v>43912.3819</v>
      </c>
      <c r="I644">
        <v>37854.251080000002</v>
      </c>
      <c r="J644">
        <v>43359.205549999999</v>
      </c>
      <c r="K644">
        <v>42460.865680000003</v>
      </c>
      <c r="L644">
        <v>33421.288330000003</v>
      </c>
      <c r="M644">
        <v>218910.0865</v>
      </c>
      <c r="N644">
        <v>77816.342239999998</v>
      </c>
      <c r="O644">
        <v>25915.760259999999</v>
      </c>
      <c r="P644">
        <v>42985.630859999997</v>
      </c>
      <c r="Q644">
        <v>52344.200649999999</v>
      </c>
      <c r="R644">
        <v>22344.985939999999</v>
      </c>
      <c r="S644">
        <v>99970.056240000005</v>
      </c>
      <c r="T644">
        <v>37132.687440000002</v>
      </c>
      <c r="U644">
        <v>17580.431329999999</v>
      </c>
      <c r="W644" s="83">
        <f>Bühler!N676</f>
        <v>45318.749999998443</v>
      </c>
      <c r="X644" s="83">
        <v>43127.75</v>
      </c>
      <c r="Y644">
        <v>177613.29680000001</v>
      </c>
      <c r="Z644">
        <v>29060.908469999998</v>
      </c>
      <c r="AA644">
        <v>89915.716920000006</v>
      </c>
      <c r="AB644">
        <v>45528.910040000002</v>
      </c>
      <c r="AC644">
        <v>43912.3819</v>
      </c>
      <c r="AD644">
        <v>37854.251080000002</v>
      </c>
      <c r="AE644">
        <v>43359.205549999999</v>
      </c>
      <c r="AF644">
        <v>42460.865680000003</v>
      </c>
      <c r="AG644">
        <v>33421.288330000003</v>
      </c>
      <c r="AH644">
        <v>218910.0865</v>
      </c>
      <c r="AI644">
        <v>77816.342239999998</v>
      </c>
      <c r="AJ644">
        <v>25915.760259999999</v>
      </c>
      <c r="AK644">
        <v>42985.630859999997</v>
      </c>
      <c r="AL644">
        <v>52344.200649999999</v>
      </c>
      <c r="AM644">
        <v>22344.985939999999</v>
      </c>
      <c r="AN644">
        <v>99970.056240000005</v>
      </c>
      <c r="AO644">
        <v>37132.687440000002</v>
      </c>
      <c r="AP644">
        <v>17580.431329999999</v>
      </c>
    </row>
    <row r="645" spans="2:42" x14ac:dyDescent="0.3">
      <c r="B645">
        <v>42.307139487217704</v>
      </c>
      <c r="C645" s="83">
        <v>43127.791666666664</v>
      </c>
      <c r="D645">
        <v>177947.36960000001</v>
      </c>
      <c r="E645">
        <v>25272.760679999999</v>
      </c>
      <c r="F645">
        <v>77666.937470000004</v>
      </c>
      <c r="G645">
        <v>45727.305469999999</v>
      </c>
      <c r="H645">
        <v>42871.797680000003</v>
      </c>
      <c r="I645">
        <v>37217.38076</v>
      </c>
      <c r="J645">
        <v>43156.48676</v>
      </c>
      <c r="K645">
        <v>43412.010629999997</v>
      </c>
      <c r="L645">
        <v>34810.67439</v>
      </c>
      <c r="M645">
        <v>215701.52669999999</v>
      </c>
      <c r="N645">
        <v>80699.101609999998</v>
      </c>
      <c r="O645">
        <v>25959.585589999999</v>
      </c>
      <c r="P645">
        <v>44050.117639999997</v>
      </c>
      <c r="Q645">
        <v>50901.878479999999</v>
      </c>
      <c r="R645">
        <v>22075.210599999999</v>
      </c>
      <c r="S645">
        <v>98219.208759999994</v>
      </c>
      <c r="T645">
        <v>36126.520640000002</v>
      </c>
      <c r="U645">
        <v>17372.696179999999</v>
      </c>
      <c r="W645" s="83">
        <f>Bühler!N677</f>
        <v>45318.791666665107</v>
      </c>
      <c r="X645" s="83">
        <v>43127.791666666664</v>
      </c>
      <c r="Y645">
        <v>177947.36960000001</v>
      </c>
      <c r="Z645">
        <v>25272.760679999999</v>
      </c>
      <c r="AA645">
        <v>77666.937470000004</v>
      </c>
      <c r="AB645">
        <v>45727.305469999999</v>
      </c>
      <c r="AC645">
        <v>42871.797680000003</v>
      </c>
      <c r="AD645">
        <v>37217.38076</v>
      </c>
      <c r="AE645">
        <v>43156.48676</v>
      </c>
      <c r="AF645">
        <v>43412.010629999997</v>
      </c>
      <c r="AG645">
        <v>34810.67439</v>
      </c>
      <c r="AH645">
        <v>215701.52669999999</v>
      </c>
      <c r="AI645">
        <v>80699.101609999998</v>
      </c>
      <c r="AJ645">
        <v>25959.585589999999</v>
      </c>
      <c r="AK645">
        <v>44050.117639999997</v>
      </c>
      <c r="AL645">
        <v>50901.878479999999</v>
      </c>
      <c r="AM645">
        <v>22075.210599999999</v>
      </c>
      <c r="AN645">
        <v>98219.208759999994</v>
      </c>
      <c r="AO645">
        <v>36126.520640000002</v>
      </c>
      <c r="AP645">
        <v>17372.696179999999</v>
      </c>
    </row>
    <row r="646" spans="2:42" x14ac:dyDescent="0.3">
      <c r="B646">
        <v>42.431264676550079</v>
      </c>
      <c r="C646" s="83">
        <v>43127.833333333336</v>
      </c>
      <c r="D646">
        <v>177503.97649999999</v>
      </c>
      <c r="E646">
        <v>19758.06149</v>
      </c>
      <c r="F646">
        <v>58840.268629999999</v>
      </c>
      <c r="G646">
        <v>45337.391029999999</v>
      </c>
      <c r="H646">
        <v>42188.907599999999</v>
      </c>
      <c r="I646">
        <v>35045.48949</v>
      </c>
      <c r="J646">
        <v>42208.510170000001</v>
      </c>
      <c r="K646">
        <v>50280.507270000002</v>
      </c>
      <c r="L646">
        <v>33403.319049999998</v>
      </c>
      <c r="M646">
        <v>216334.37479999999</v>
      </c>
      <c r="N646">
        <v>80929.246280000007</v>
      </c>
      <c r="O646">
        <v>24906.20016</v>
      </c>
      <c r="P646">
        <v>44525.556709999997</v>
      </c>
      <c r="Q646">
        <v>50000.2065</v>
      </c>
      <c r="R646">
        <v>23493.779900000001</v>
      </c>
      <c r="S646">
        <v>91991.196590000007</v>
      </c>
      <c r="T646">
        <v>32931.060360000003</v>
      </c>
      <c r="U646">
        <v>17491.526809999999</v>
      </c>
      <c r="W646" s="83">
        <f>Bühler!N678</f>
        <v>45318.833333331771</v>
      </c>
      <c r="X646" s="83">
        <v>43127.833333333336</v>
      </c>
      <c r="Y646">
        <v>177503.97649999999</v>
      </c>
      <c r="Z646">
        <v>19758.06149</v>
      </c>
      <c r="AA646">
        <v>58840.268629999999</v>
      </c>
      <c r="AB646">
        <v>45337.391029999999</v>
      </c>
      <c r="AC646">
        <v>42188.907599999999</v>
      </c>
      <c r="AD646">
        <v>35045.48949</v>
      </c>
      <c r="AE646">
        <v>42208.510170000001</v>
      </c>
      <c r="AF646">
        <v>50280.507270000002</v>
      </c>
      <c r="AG646">
        <v>33403.319049999998</v>
      </c>
      <c r="AH646">
        <v>216334.37479999999</v>
      </c>
      <c r="AI646">
        <v>80929.246280000007</v>
      </c>
      <c r="AJ646">
        <v>24906.20016</v>
      </c>
      <c r="AK646">
        <v>44525.556709999997</v>
      </c>
      <c r="AL646">
        <v>50000.2065</v>
      </c>
      <c r="AM646">
        <v>23493.779900000001</v>
      </c>
      <c r="AN646">
        <v>91991.196590000007</v>
      </c>
      <c r="AO646">
        <v>32931.060360000003</v>
      </c>
      <c r="AP646">
        <v>17491.526809999999</v>
      </c>
    </row>
    <row r="647" spans="2:42" x14ac:dyDescent="0.3">
      <c r="B647">
        <v>42.021785323353214</v>
      </c>
      <c r="C647" s="83">
        <v>43127.875</v>
      </c>
      <c r="D647">
        <v>176662.50450000001</v>
      </c>
      <c r="E647">
        <v>17798.227930000001</v>
      </c>
      <c r="F647">
        <v>51158.884619999997</v>
      </c>
      <c r="G647">
        <v>44972.228009999999</v>
      </c>
      <c r="H647">
        <v>41540.81295</v>
      </c>
      <c r="I647">
        <v>32160.207289999998</v>
      </c>
      <c r="J647">
        <v>41715.124779999998</v>
      </c>
      <c r="K647">
        <v>49681.427129999996</v>
      </c>
      <c r="L647">
        <v>31774.964319999999</v>
      </c>
      <c r="M647">
        <v>214246.6581</v>
      </c>
      <c r="N647">
        <v>79764.079750000004</v>
      </c>
      <c r="O647">
        <v>25013.603169999998</v>
      </c>
      <c r="P647">
        <v>42939.318919999998</v>
      </c>
      <c r="Q647">
        <v>49906.496890000002</v>
      </c>
      <c r="R647">
        <v>22112.086029999999</v>
      </c>
      <c r="S647">
        <v>88034.487630000003</v>
      </c>
      <c r="T647">
        <v>31377.685990000002</v>
      </c>
      <c r="U647">
        <v>17345.598900000001</v>
      </c>
      <c r="W647" s="83">
        <f>Bühler!N679</f>
        <v>45318.874999998436</v>
      </c>
      <c r="X647" s="83">
        <v>43127.875</v>
      </c>
      <c r="Y647">
        <v>176662.50450000001</v>
      </c>
      <c r="Z647">
        <v>17798.227930000001</v>
      </c>
      <c r="AA647">
        <v>51158.884619999997</v>
      </c>
      <c r="AB647">
        <v>44972.228009999999</v>
      </c>
      <c r="AC647">
        <v>41540.81295</v>
      </c>
      <c r="AD647">
        <v>32160.207289999998</v>
      </c>
      <c r="AE647">
        <v>41715.124779999998</v>
      </c>
      <c r="AF647">
        <v>49681.427129999996</v>
      </c>
      <c r="AG647">
        <v>31774.964319999999</v>
      </c>
      <c r="AH647">
        <v>214246.6581</v>
      </c>
      <c r="AI647">
        <v>79764.079750000004</v>
      </c>
      <c r="AJ647">
        <v>25013.603169999998</v>
      </c>
      <c r="AK647">
        <v>42939.318919999998</v>
      </c>
      <c r="AL647">
        <v>49906.496890000002</v>
      </c>
      <c r="AM647">
        <v>22112.086029999999</v>
      </c>
      <c r="AN647">
        <v>88034.487630000003</v>
      </c>
      <c r="AO647">
        <v>31377.685990000002</v>
      </c>
      <c r="AP647">
        <v>17345.598900000001</v>
      </c>
    </row>
    <row r="648" spans="2:42" x14ac:dyDescent="0.3">
      <c r="B648">
        <v>42.24121413291379</v>
      </c>
      <c r="C648" s="83">
        <v>43127.916666666664</v>
      </c>
      <c r="D648">
        <v>176528.1347</v>
      </c>
      <c r="E648">
        <v>18019.742819999999</v>
      </c>
      <c r="F648">
        <v>49083.731930000002</v>
      </c>
      <c r="G648">
        <v>45331.999600000003</v>
      </c>
      <c r="H648">
        <v>42063.73</v>
      </c>
      <c r="I648">
        <v>30778.544989999999</v>
      </c>
      <c r="J648">
        <v>40463.08339</v>
      </c>
      <c r="K648">
        <v>52640.000670000001</v>
      </c>
      <c r="L648">
        <v>29313.776440000001</v>
      </c>
      <c r="M648">
        <v>215365.40849999999</v>
      </c>
      <c r="N648">
        <v>81060.205050000004</v>
      </c>
      <c r="O648">
        <v>26224.15854</v>
      </c>
      <c r="P648">
        <v>45787.548130000003</v>
      </c>
      <c r="Q648">
        <v>50237.680789999999</v>
      </c>
      <c r="R648">
        <v>33074.807379999998</v>
      </c>
      <c r="S648">
        <v>88172.030110000007</v>
      </c>
      <c r="T648">
        <v>31008.178790000002</v>
      </c>
      <c r="U648">
        <v>19210.957750000001</v>
      </c>
      <c r="W648" s="83">
        <f>Bühler!N680</f>
        <v>45318.9166666651</v>
      </c>
      <c r="X648" s="83">
        <v>43127.916666666664</v>
      </c>
      <c r="Y648">
        <v>176528.1347</v>
      </c>
      <c r="Z648">
        <v>18019.742819999999</v>
      </c>
      <c r="AA648">
        <v>49083.731930000002</v>
      </c>
      <c r="AB648">
        <v>45331.999600000003</v>
      </c>
      <c r="AC648">
        <v>42063.73</v>
      </c>
      <c r="AD648">
        <v>30778.544989999999</v>
      </c>
      <c r="AE648">
        <v>40463.08339</v>
      </c>
      <c r="AF648">
        <v>52640.000670000001</v>
      </c>
      <c r="AG648">
        <v>29313.776440000001</v>
      </c>
      <c r="AH648">
        <v>215365.40849999999</v>
      </c>
      <c r="AI648">
        <v>81060.205050000004</v>
      </c>
      <c r="AJ648">
        <v>26224.15854</v>
      </c>
      <c r="AK648">
        <v>45787.548130000003</v>
      </c>
      <c r="AL648">
        <v>50237.680789999999</v>
      </c>
      <c r="AM648">
        <v>33074.807379999998</v>
      </c>
      <c r="AN648">
        <v>88172.030110000007</v>
      </c>
      <c r="AO648">
        <v>31008.178790000002</v>
      </c>
      <c r="AP648">
        <v>19210.957750000001</v>
      </c>
    </row>
    <row r="649" spans="2:42" x14ac:dyDescent="0.3">
      <c r="B649">
        <v>42.196244374436958</v>
      </c>
      <c r="C649" s="83">
        <v>43127.958333333336</v>
      </c>
      <c r="D649">
        <v>176446.33249999999</v>
      </c>
      <c r="E649">
        <v>18088.964339999999</v>
      </c>
      <c r="F649">
        <v>47588.430979999997</v>
      </c>
      <c r="G649">
        <v>45161.679120000001</v>
      </c>
      <c r="H649">
        <v>41518.385159999998</v>
      </c>
      <c r="I649">
        <v>30030.731159999999</v>
      </c>
      <c r="J649">
        <v>38284.985910000003</v>
      </c>
      <c r="K649">
        <v>52092.853060000001</v>
      </c>
      <c r="L649">
        <v>25144.086429999999</v>
      </c>
      <c r="M649">
        <v>215136.1317</v>
      </c>
      <c r="N649">
        <v>81158.487420000005</v>
      </c>
      <c r="O649">
        <v>26590.575499999999</v>
      </c>
      <c r="P649">
        <v>42250.7961</v>
      </c>
      <c r="Q649">
        <v>49883.261639999997</v>
      </c>
      <c r="R649">
        <v>35804.593999999997</v>
      </c>
      <c r="S649">
        <v>86289.782149999999</v>
      </c>
      <c r="T649">
        <v>32557.05342</v>
      </c>
      <c r="U649">
        <v>18772.206539999999</v>
      </c>
      <c r="W649" s="83">
        <f>Bühler!N681</f>
        <v>45318.958333331764</v>
      </c>
      <c r="X649" s="83">
        <v>43127.958333333336</v>
      </c>
      <c r="Y649">
        <v>176446.33249999999</v>
      </c>
      <c r="Z649">
        <v>18088.964339999999</v>
      </c>
      <c r="AA649">
        <v>47588.430979999997</v>
      </c>
      <c r="AB649">
        <v>45161.679120000001</v>
      </c>
      <c r="AC649">
        <v>41518.385159999998</v>
      </c>
      <c r="AD649">
        <v>30030.731159999999</v>
      </c>
      <c r="AE649">
        <v>38284.985910000003</v>
      </c>
      <c r="AF649">
        <v>52092.853060000001</v>
      </c>
      <c r="AG649">
        <v>25144.086429999999</v>
      </c>
      <c r="AH649">
        <v>215136.1317</v>
      </c>
      <c r="AI649">
        <v>81158.487420000005</v>
      </c>
      <c r="AJ649">
        <v>26590.575499999999</v>
      </c>
      <c r="AK649">
        <v>42250.7961</v>
      </c>
      <c r="AL649">
        <v>49883.261639999997</v>
      </c>
      <c r="AM649">
        <v>35804.593999999997</v>
      </c>
      <c r="AN649">
        <v>86289.782149999999</v>
      </c>
      <c r="AO649">
        <v>32557.05342</v>
      </c>
      <c r="AP649">
        <v>18772.206539999999</v>
      </c>
    </row>
    <row r="650" spans="2:42" x14ac:dyDescent="0.3">
      <c r="B650">
        <v>41.858421138098919</v>
      </c>
      <c r="C650" s="83">
        <v>43128</v>
      </c>
      <c r="D650">
        <v>176305.74369999999</v>
      </c>
      <c r="E650">
        <v>18059.16692</v>
      </c>
      <c r="F650">
        <v>47343.932030000004</v>
      </c>
      <c r="G650">
        <v>45208.593459999996</v>
      </c>
      <c r="H650">
        <v>40716.517999999996</v>
      </c>
      <c r="I650">
        <v>28669.093939999999</v>
      </c>
      <c r="J650">
        <v>36924.834589999999</v>
      </c>
      <c r="K650">
        <v>51159.181680000002</v>
      </c>
      <c r="L650">
        <v>22326.369610000002</v>
      </c>
      <c r="M650">
        <v>213413.7513</v>
      </c>
      <c r="N650">
        <v>79506.434880000001</v>
      </c>
      <c r="O650">
        <v>26452.79521</v>
      </c>
      <c r="P650">
        <v>40167.112509999999</v>
      </c>
      <c r="Q650">
        <v>50471.618949999996</v>
      </c>
      <c r="R650">
        <v>31124.496910000002</v>
      </c>
      <c r="S650">
        <v>85513.780639999997</v>
      </c>
      <c r="T650">
        <v>31891.712930000002</v>
      </c>
      <c r="U650">
        <v>18151.958989999999</v>
      </c>
      <c r="W650" s="83">
        <f>Bühler!N682</f>
        <v>45318.999999998428</v>
      </c>
      <c r="X650" s="83">
        <v>43128</v>
      </c>
      <c r="Y650">
        <v>176305.74369999999</v>
      </c>
      <c r="Z650">
        <v>18059.16692</v>
      </c>
      <c r="AA650">
        <v>47343.932030000004</v>
      </c>
      <c r="AB650">
        <v>45208.593459999996</v>
      </c>
      <c r="AC650">
        <v>40716.517999999996</v>
      </c>
      <c r="AD650">
        <v>28669.093939999999</v>
      </c>
      <c r="AE650">
        <v>36924.834589999999</v>
      </c>
      <c r="AF650">
        <v>51159.181680000002</v>
      </c>
      <c r="AG650">
        <v>22326.369610000002</v>
      </c>
      <c r="AH650">
        <v>213413.7513</v>
      </c>
      <c r="AI650">
        <v>79506.434880000001</v>
      </c>
      <c r="AJ650">
        <v>26452.79521</v>
      </c>
      <c r="AK650">
        <v>40167.112509999999</v>
      </c>
      <c r="AL650">
        <v>50471.618949999996</v>
      </c>
      <c r="AM650">
        <v>31124.496910000002</v>
      </c>
      <c r="AN650">
        <v>85513.780639999997</v>
      </c>
      <c r="AO650">
        <v>31891.712930000002</v>
      </c>
      <c r="AP650">
        <v>18151.958989999999</v>
      </c>
    </row>
    <row r="651" spans="2:42" x14ac:dyDescent="0.3">
      <c r="B651">
        <v>41.816878312120636</v>
      </c>
      <c r="C651" s="83">
        <v>43128.041666666664</v>
      </c>
      <c r="D651">
        <v>175922.3051</v>
      </c>
      <c r="E651">
        <v>17929.203990000002</v>
      </c>
      <c r="F651">
        <v>47728.379760000003</v>
      </c>
      <c r="G651">
        <v>45341.328829999999</v>
      </c>
      <c r="H651">
        <v>40732.697840000001</v>
      </c>
      <c r="I651">
        <v>24468.935580000001</v>
      </c>
      <c r="J651">
        <v>36276.59762</v>
      </c>
      <c r="K651">
        <v>50484.58008</v>
      </c>
      <c r="L651">
        <v>21558.720420000001</v>
      </c>
      <c r="M651">
        <v>213201.9466</v>
      </c>
      <c r="N651">
        <v>78368.442060000001</v>
      </c>
      <c r="O651">
        <v>26417.30861</v>
      </c>
      <c r="P651">
        <v>38196.438069999997</v>
      </c>
      <c r="Q651">
        <v>50386.025600000001</v>
      </c>
      <c r="R651">
        <v>29683.979429999999</v>
      </c>
      <c r="S651">
        <v>84684.719299999997</v>
      </c>
      <c r="T651">
        <v>30935.882130000002</v>
      </c>
      <c r="U651">
        <v>18249.77721</v>
      </c>
      <c r="W651" s="83">
        <f>Bühler!N683</f>
        <v>45319.041666665093</v>
      </c>
      <c r="X651" s="83">
        <v>43128.041666666664</v>
      </c>
      <c r="Y651">
        <v>175922.3051</v>
      </c>
      <c r="Z651">
        <v>17929.203990000002</v>
      </c>
      <c r="AA651">
        <v>47728.379760000003</v>
      </c>
      <c r="AB651">
        <v>45341.328829999999</v>
      </c>
      <c r="AC651">
        <v>40732.697840000001</v>
      </c>
      <c r="AD651">
        <v>24468.935580000001</v>
      </c>
      <c r="AE651">
        <v>36276.59762</v>
      </c>
      <c r="AF651">
        <v>50484.58008</v>
      </c>
      <c r="AG651">
        <v>21558.720420000001</v>
      </c>
      <c r="AH651">
        <v>213201.9466</v>
      </c>
      <c r="AI651">
        <v>78368.442060000001</v>
      </c>
      <c r="AJ651">
        <v>26417.30861</v>
      </c>
      <c r="AK651">
        <v>38196.438069999997</v>
      </c>
      <c r="AL651">
        <v>50386.025600000001</v>
      </c>
      <c r="AM651">
        <v>29683.979429999999</v>
      </c>
      <c r="AN651">
        <v>84684.719299999997</v>
      </c>
      <c r="AO651">
        <v>30935.882130000002</v>
      </c>
      <c r="AP651">
        <v>18249.77721</v>
      </c>
    </row>
    <row r="652" spans="2:42" x14ac:dyDescent="0.3">
      <c r="B652">
        <v>42.184169841455663</v>
      </c>
      <c r="C652" s="83">
        <v>43128.083333333336</v>
      </c>
      <c r="D652">
        <v>176194.51</v>
      </c>
      <c r="E652">
        <v>17989.691770000001</v>
      </c>
      <c r="F652">
        <v>48125.407859999999</v>
      </c>
      <c r="G652">
        <v>44862.728210000001</v>
      </c>
      <c r="H652">
        <v>40745.143239999998</v>
      </c>
      <c r="I652">
        <v>23020.734219999998</v>
      </c>
      <c r="J652">
        <v>36532.299729999999</v>
      </c>
      <c r="K652">
        <v>48325.071900000003</v>
      </c>
      <c r="L652">
        <v>20842.76585</v>
      </c>
      <c r="M652">
        <v>215074.57010000001</v>
      </c>
      <c r="N652">
        <v>77727.76844</v>
      </c>
      <c r="O652">
        <v>26225.003260000001</v>
      </c>
      <c r="P652">
        <v>36094.311750000001</v>
      </c>
      <c r="Q652">
        <v>52529.930650000002</v>
      </c>
      <c r="R652">
        <v>29353.007819999999</v>
      </c>
      <c r="S652">
        <v>84303.773400000005</v>
      </c>
      <c r="T652">
        <v>30477.111919999999</v>
      </c>
      <c r="U652">
        <v>18762.4967</v>
      </c>
      <c r="W652" s="83">
        <f>Bühler!N684</f>
        <v>45319.083333331757</v>
      </c>
      <c r="X652" s="83">
        <v>43128.083333333336</v>
      </c>
      <c r="Y652">
        <v>176194.51</v>
      </c>
      <c r="Z652">
        <v>17989.691770000001</v>
      </c>
      <c r="AA652">
        <v>48125.407859999999</v>
      </c>
      <c r="AB652">
        <v>44862.728210000001</v>
      </c>
      <c r="AC652">
        <v>40745.143239999998</v>
      </c>
      <c r="AD652">
        <v>23020.734219999998</v>
      </c>
      <c r="AE652">
        <v>36532.299729999999</v>
      </c>
      <c r="AF652">
        <v>48325.071900000003</v>
      </c>
      <c r="AG652">
        <v>20842.76585</v>
      </c>
      <c r="AH652">
        <v>215074.57010000001</v>
      </c>
      <c r="AI652">
        <v>77727.76844</v>
      </c>
      <c r="AJ652">
        <v>26225.003260000001</v>
      </c>
      <c r="AK652">
        <v>36094.311750000001</v>
      </c>
      <c r="AL652">
        <v>52529.930650000002</v>
      </c>
      <c r="AM652">
        <v>29353.007819999999</v>
      </c>
      <c r="AN652">
        <v>84303.773400000005</v>
      </c>
      <c r="AO652">
        <v>30477.111919999999</v>
      </c>
      <c r="AP652">
        <v>18762.4967</v>
      </c>
    </row>
    <row r="653" spans="2:42" x14ac:dyDescent="0.3">
      <c r="B653">
        <v>41.830222324895644</v>
      </c>
      <c r="C653" s="83">
        <v>43128.125</v>
      </c>
      <c r="D653">
        <v>175583.22930000001</v>
      </c>
      <c r="E653">
        <v>17872.94514</v>
      </c>
      <c r="F653">
        <v>47704.7336</v>
      </c>
      <c r="G653">
        <v>44775.294670000003</v>
      </c>
      <c r="H653">
        <v>40445.352209999997</v>
      </c>
      <c r="I653">
        <v>22542.051240000001</v>
      </c>
      <c r="J653">
        <v>37110.138760000002</v>
      </c>
      <c r="K653">
        <v>46019.583720000002</v>
      </c>
      <c r="L653">
        <v>20516.31493</v>
      </c>
      <c r="M653">
        <v>213269.98060000001</v>
      </c>
      <c r="N653">
        <v>77924.116909999997</v>
      </c>
      <c r="O653">
        <v>25916.270049999999</v>
      </c>
      <c r="P653">
        <v>35919.581100000003</v>
      </c>
      <c r="Q653">
        <v>53140.972309999997</v>
      </c>
      <c r="R653">
        <v>28636.50605</v>
      </c>
      <c r="S653">
        <v>83285.996740000002</v>
      </c>
      <c r="T653">
        <v>30441.86867</v>
      </c>
      <c r="U653">
        <v>18828.089059999998</v>
      </c>
      <c r="W653" s="83">
        <f>Bühler!N685</f>
        <v>45319.124999998421</v>
      </c>
      <c r="X653" s="83">
        <v>43128.125</v>
      </c>
      <c r="Y653">
        <v>175583.22930000001</v>
      </c>
      <c r="Z653">
        <v>17872.94514</v>
      </c>
      <c r="AA653">
        <v>47704.7336</v>
      </c>
      <c r="AB653">
        <v>44775.294670000003</v>
      </c>
      <c r="AC653">
        <v>40445.352209999997</v>
      </c>
      <c r="AD653">
        <v>22542.051240000001</v>
      </c>
      <c r="AE653">
        <v>37110.138760000002</v>
      </c>
      <c r="AF653">
        <v>46019.583720000002</v>
      </c>
      <c r="AG653">
        <v>20516.31493</v>
      </c>
      <c r="AH653">
        <v>213269.98060000001</v>
      </c>
      <c r="AI653">
        <v>77924.116909999997</v>
      </c>
      <c r="AJ653">
        <v>25916.270049999999</v>
      </c>
      <c r="AK653">
        <v>35919.581100000003</v>
      </c>
      <c r="AL653">
        <v>53140.972309999997</v>
      </c>
      <c r="AM653">
        <v>28636.50605</v>
      </c>
      <c r="AN653">
        <v>83285.996740000002</v>
      </c>
      <c r="AO653">
        <v>30441.86867</v>
      </c>
      <c r="AP653">
        <v>18828.089059999998</v>
      </c>
    </row>
    <row r="654" spans="2:42" x14ac:dyDescent="0.3">
      <c r="B654">
        <v>41.896250572886565</v>
      </c>
      <c r="C654" s="83">
        <v>43128.166666666664</v>
      </c>
      <c r="D654">
        <v>175125.8927</v>
      </c>
      <c r="E654">
        <v>17995.47091</v>
      </c>
      <c r="F654">
        <v>47488.370139999999</v>
      </c>
      <c r="G654">
        <v>44112.35194</v>
      </c>
      <c r="H654">
        <v>40319.822209999998</v>
      </c>
      <c r="I654">
        <v>24678.761210000001</v>
      </c>
      <c r="J654">
        <v>38491.708480000001</v>
      </c>
      <c r="K654">
        <v>45413.37674</v>
      </c>
      <c r="L654">
        <v>20127.060010000001</v>
      </c>
      <c r="M654">
        <v>213606.62340000001</v>
      </c>
      <c r="N654">
        <v>77072.093699999998</v>
      </c>
      <c r="O654">
        <v>26206.780269999999</v>
      </c>
      <c r="P654">
        <v>35189.342239999998</v>
      </c>
      <c r="Q654">
        <v>54356.217960000002</v>
      </c>
      <c r="R654">
        <v>28484.785759999999</v>
      </c>
      <c r="S654">
        <v>84703.866729999994</v>
      </c>
      <c r="T654">
        <v>30371.18476</v>
      </c>
      <c r="U654">
        <v>18789.98587</v>
      </c>
      <c r="W654" s="83">
        <f>Bühler!N686</f>
        <v>45319.166666665085</v>
      </c>
      <c r="X654" s="83">
        <v>43128.166666666664</v>
      </c>
      <c r="Y654">
        <v>175125.8927</v>
      </c>
      <c r="Z654">
        <v>17995.47091</v>
      </c>
      <c r="AA654">
        <v>47488.370139999999</v>
      </c>
      <c r="AB654">
        <v>44112.35194</v>
      </c>
      <c r="AC654">
        <v>40319.822209999998</v>
      </c>
      <c r="AD654">
        <v>24678.761210000001</v>
      </c>
      <c r="AE654">
        <v>38491.708480000001</v>
      </c>
      <c r="AF654">
        <v>45413.37674</v>
      </c>
      <c r="AG654">
        <v>20127.060010000001</v>
      </c>
      <c r="AH654">
        <v>213606.62340000001</v>
      </c>
      <c r="AI654">
        <v>77072.093699999998</v>
      </c>
      <c r="AJ654">
        <v>26206.780269999999</v>
      </c>
      <c r="AK654">
        <v>35189.342239999998</v>
      </c>
      <c r="AL654">
        <v>54356.217960000002</v>
      </c>
      <c r="AM654">
        <v>28484.785759999999</v>
      </c>
      <c r="AN654">
        <v>84703.866729999994</v>
      </c>
      <c r="AO654">
        <v>30371.18476</v>
      </c>
      <c r="AP654">
        <v>18789.98587</v>
      </c>
    </row>
    <row r="655" spans="2:42" x14ac:dyDescent="0.3">
      <c r="B655">
        <v>42.039043866236177</v>
      </c>
      <c r="C655" s="83">
        <v>43128.208333333336</v>
      </c>
      <c r="D655">
        <v>175159.79800000001</v>
      </c>
      <c r="E655">
        <v>18284.729459999999</v>
      </c>
      <c r="F655">
        <v>49389.093769999999</v>
      </c>
      <c r="G655">
        <v>44345.206019999998</v>
      </c>
      <c r="H655">
        <v>41083.238140000001</v>
      </c>
      <c r="I655">
        <v>27828.480589999999</v>
      </c>
      <c r="J655">
        <v>40771.518369999998</v>
      </c>
      <c r="K655">
        <v>46103.766040000002</v>
      </c>
      <c r="L655">
        <v>20302.695110000001</v>
      </c>
      <c r="M655">
        <v>214334.6502</v>
      </c>
      <c r="N655">
        <v>75610.001459999999</v>
      </c>
      <c r="O655">
        <v>26008.742829999999</v>
      </c>
      <c r="P655">
        <v>35220.522010000001</v>
      </c>
      <c r="Q655">
        <v>53845.943939999997</v>
      </c>
      <c r="R655">
        <v>30112.75791</v>
      </c>
      <c r="S655">
        <v>86054.542950000003</v>
      </c>
      <c r="T655">
        <v>30651.48805</v>
      </c>
      <c r="U655">
        <v>18684.68086</v>
      </c>
      <c r="W655" s="83">
        <f>Bühler!N687</f>
        <v>45319.20833333175</v>
      </c>
      <c r="X655" s="83">
        <v>43128.208333333336</v>
      </c>
      <c r="Y655">
        <v>175159.79800000001</v>
      </c>
      <c r="Z655">
        <v>18284.729459999999</v>
      </c>
      <c r="AA655">
        <v>49389.093769999999</v>
      </c>
      <c r="AB655">
        <v>44345.206019999998</v>
      </c>
      <c r="AC655">
        <v>41083.238140000001</v>
      </c>
      <c r="AD655">
        <v>27828.480589999999</v>
      </c>
      <c r="AE655">
        <v>40771.518369999998</v>
      </c>
      <c r="AF655">
        <v>46103.766040000002</v>
      </c>
      <c r="AG655">
        <v>20302.695110000001</v>
      </c>
      <c r="AH655">
        <v>214334.6502</v>
      </c>
      <c r="AI655">
        <v>75610.001459999999</v>
      </c>
      <c r="AJ655">
        <v>26008.742829999999</v>
      </c>
      <c r="AK655">
        <v>35220.522010000001</v>
      </c>
      <c r="AL655">
        <v>53845.943939999997</v>
      </c>
      <c r="AM655">
        <v>30112.75791</v>
      </c>
      <c r="AN655">
        <v>86054.542950000003</v>
      </c>
      <c r="AO655">
        <v>30651.48805</v>
      </c>
      <c r="AP655">
        <v>18684.68086</v>
      </c>
    </row>
    <row r="656" spans="2:42" x14ac:dyDescent="0.3">
      <c r="B656">
        <v>42.236850703108061</v>
      </c>
      <c r="C656" s="83">
        <v>43128.25</v>
      </c>
      <c r="D656">
        <v>176063.11230000001</v>
      </c>
      <c r="E656">
        <v>18689.202990000002</v>
      </c>
      <c r="F656">
        <v>50327.666870000001</v>
      </c>
      <c r="G656">
        <v>44923.505409999998</v>
      </c>
      <c r="H656">
        <v>40735.406470000002</v>
      </c>
      <c r="I656">
        <v>29919.749810000001</v>
      </c>
      <c r="J656">
        <v>43399.540300000001</v>
      </c>
      <c r="K656">
        <v>44779.45091</v>
      </c>
      <c r="L656">
        <v>21156.327290000001</v>
      </c>
      <c r="M656">
        <v>215343.1617</v>
      </c>
      <c r="N656">
        <v>74347.141759999999</v>
      </c>
      <c r="O656">
        <v>24976.119429999999</v>
      </c>
      <c r="P656">
        <v>36214.387629999997</v>
      </c>
      <c r="Q656">
        <v>53531.009749999997</v>
      </c>
      <c r="R656">
        <v>19665.548559999999</v>
      </c>
      <c r="S656">
        <v>90624.31525</v>
      </c>
      <c r="T656">
        <v>31854.413039999999</v>
      </c>
      <c r="U656">
        <v>17698.812389999999</v>
      </c>
      <c r="W656" s="83">
        <f>Bühler!N688</f>
        <v>45319.249999998414</v>
      </c>
      <c r="X656" s="83">
        <v>43128.25</v>
      </c>
      <c r="Y656">
        <v>176063.11230000001</v>
      </c>
      <c r="Z656">
        <v>18689.202990000002</v>
      </c>
      <c r="AA656">
        <v>50327.666870000001</v>
      </c>
      <c r="AB656">
        <v>44923.505409999998</v>
      </c>
      <c r="AC656">
        <v>40735.406470000002</v>
      </c>
      <c r="AD656">
        <v>29919.749810000001</v>
      </c>
      <c r="AE656">
        <v>43399.540300000001</v>
      </c>
      <c r="AF656">
        <v>44779.45091</v>
      </c>
      <c r="AG656">
        <v>21156.327290000001</v>
      </c>
      <c r="AH656">
        <v>215343.1617</v>
      </c>
      <c r="AI656">
        <v>74347.141759999999</v>
      </c>
      <c r="AJ656">
        <v>24976.119429999999</v>
      </c>
      <c r="AK656">
        <v>36214.387629999997</v>
      </c>
      <c r="AL656">
        <v>53531.009749999997</v>
      </c>
      <c r="AM656">
        <v>19665.548559999999</v>
      </c>
      <c r="AN656">
        <v>90624.31525</v>
      </c>
      <c r="AO656">
        <v>31854.413039999999</v>
      </c>
      <c r="AP656">
        <v>17698.812389999999</v>
      </c>
    </row>
    <row r="657" spans="2:42" x14ac:dyDescent="0.3">
      <c r="B657">
        <v>42.176411449549747</v>
      </c>
      <c r="C657" s="83">
        <v>43128.291666666664</v>
      </c>
      <c r="D657">
        <v>176133.04670000001</v>
      </c>
      <c r="E657">
        <v>19207.48803</v>
      </c>
      <c r="F657">
        <v>53060.522920000003</v>
      </c>
      <c r="G657">
        <v>45476.506220000003</v>
      </c>
      <c r="H657">
        <v>40998.252690000001</v>
      </c>
      <c r="I657">
        <v>31846.560829999999</v>
      </c>
      <c r="J657">
        <v>45058.176579999999</v>
      </c>
      <c r="K657">
        <v>43801.643450000003</v>
      </c>
      <c r="L657">
        <v>22558.895219999999</v>
      </c>
      <c r="M657">
        <v>215035.01420000001</v>
      </c>
      <c r="N657">
        <v>74699.755409999998</v>
      </c>
      <c r="O657">
        <v>25048.543809999999</v>
      </c>
      <c r="P657">
        <v>38508.78385</v>
      </c>
      <c r="Q657">
        <v>53044.69902</v>
      </c>
      <c r="R657">
        <v>18917.571899999999</v>
      </c>
      <c r="S657">
        <v>97635.440090000004</v>
      </c>
      <c r="T657">
        <v>30372.77188</v>
      </c>
      <c r="U657">
        <v>17752.782810000001</v>
      </c>
      <c r="W657" s="83">
        <f>Bühler!N689</f>
        <v>45319.291666665078</v>
      </c>
      <c r="X657" s="83">
        <v>43128.291666666664</v>
      </c>
      <c r="Y657">
        <v>176133.04670000001</v>
      </c>
      <c r="Z657">
        <v>19207.48803</v>
      </c>
      <c r="AA657">
        <v>53060.522920000003</v>
      </c>
      <c r="AB657">
        <v>45476.506220000003</v>
      </c>
      <c r="AC657">
        <v>40998.252690000001</v>
      </c>
      <c r="AD657">
        <v>31846.560829999999</v>
      </c>
      <c r="AE657">
        <v>45058.176579999999</v>
      </c>
      <c r="AF657">
        <v>43801.643450000003</v>
      </c>
      <c r="AG657">
        <v>22558.895219999999</v>
      </c>
      <c r="AH657">
        <v>215035.01420000001</v>
      </c>
      <c r="AI657">
        <v>74699.755409999998</v>
      </c>
      <c r="AJ657">
        <v>25048.543809999999</v>
      </c>
      <c r="AK657">
        <v>38508.78385</v>
      </c>
      <c r="AL657">
        <v>53044.69902</v>
      </c>
      <c r="AM657">
        <v>18917.571899999999</v>
      </c>
      <c r="AN657">
        <v>97635.440090000004</v>
      </c>
      <c r="AO657">
        <v>30372.77188</v>
      </c>
      <c r="AP657">
        <v>17752.782810000001</v>
      </c>
    </row>
    <row r="658" spans="2:42" x14ac:dyDescent="0.3">
      <c r="B658">
        <v>41.700891903593487</v>
      </c>
      <c r="C658" s="83">
        <v>43128.333333333336</v>
      </c>
      <c r="D658">
        <v>175139.7886</v>
      </c>
      <c r="E658">
        <v>19639.781289999999</v>
      </c>
      <c r="F658">
        <v>54613.263429999999</v>
      </c>
      <c r="G658">
        <v>45090.650520000003</v>
      </c>
      <c r="H658">
        <v>40825.596149999998</v>
      </c>
      <c r="I658">
        <v>32587.940579999999</v>
      </c>
      <c r="J658">
        <v>44965.400459999997</v>
      </c>
      <c r="K658">
        <v>43543.962399999997</v>
      </c>
      <c r="L658">
        <v>24446.351180000001</v>
      </c>
      <c r="M658">
        <v>212610.5938</v>
      </c>
      <c r="N658">
        <v>77672.003639999995</v>
      </c>
      <c r="O658">
        <v>24450.613539999998</v>
      </c>
      <c r="P658">
        <v>41377.877959999998</v>
      </c>
      <c r="Q658">
        <v>52194.887600000002</v>
      </c>
      <c r="R658">
        <v>19447.754420000001</v>
      </c>
      <c r="S658">
        <v>101422.64049999999</v>
      </c>
      <c r="T658">
        <v>32265.970740000001</v>
      </c>
      <c r="U658">
        <v>17357.741109999999</v>
      </c>
      <c r="W658" s="83">
        <f>Bühler!N690</f>
        <v>45319.333333331742</v>
      </c>
      <c r="X658" s="83">
        <v>43128.333333333336</v>
      </c>
      <c r="Y658">
        <v>175139.7886</v>
      </c>
      <c r="Z658">
        <v>19639.781289999999</v>
      </c>
      <c r="AA658">
        <v>54613.263429999999</v>
      </c>
      <c r="AB658">
        <v>45090.650520000003</v>
      </c>
      <c r="AC658">
        <v>40825.596149999998</v>
      </c>
      <c r="AD658">
        <v>32587.940579999999</v>
      </c>
      <c r="AE658">
        <v>44965.400459999997</v>
      </c>
      <c r="AF658">
        <v>43543.962399999997</v>
      </c>
      <c r="AG658">
        <v>24446.351180000001</v>
      </c>
      <c r="AH658">
        <v>212610.5938</v>
      </c>
      <c r="AI658">
        <v>77672.003639999995</v>
      </c>
      <c r="AJ658">
        <v>24450.613539999998</v>
      </c>
      <c r="AK658">
        <v>41377.877959999998</v>
      </c>
      <c r="AL658">
        <v>52194.887600000002</v>
      </c>
      <c r="AM658">
        <v>19447.754420000001</v>
      </c>
      <c r="AN658">
        <v>101422.64049999999</v>
      </c>
      <c r="AO658">
        <v>32265.970740000001</v>
      </c>
      <c r="AP658">
        <v>17357.741109999999</v>
      </c>
    </row>
    <row r="659" spans="2:42" x14ac:dyDescent="0.3">
      <c r="B659">
        <v>40.963934601535698</v>
      </c>
      <c r="C659" s="83">
        <v>43128.375</v>
      </c>
      <c r="D659">
        <v>173153.33300000001</v>
      </c>
      <c r="E659">
        <v>19802.79178</v>
      </c>
      <c r="F659">
        <v>54950.276030000001</v>
      </c>
      <c r="G659">
        <v>44757.648529999999</v>
      </c>
      <c r="H659">
        <v>40376.651330000001</v>
      </c>
      <c r="I659">
        <v>32386.77376</v>
      </c>
      <c r="J659">
        <v>44159.858489999999</v>
      </c>
      <c r="K659">
        <v>46355.450019999997</v>
      </c>
      <c r="L659">
        <v>26801.359649999999</v>
      </c>
      <c r="M659">
        <v>208853.24179999999</v>
      </c>
      <c r="N659">
        <v>82312.321800000005</v>
      </c>
      <c r="O659">
        <v>24297.65006</v>
      </c>
      <c r="P659">
        <v>42561.280310000002</v>
      </c>
      <c r="Q659">
        <v>51050.041790000003</v>
      </c>
      <c r="R659">
        <v>19957.110379999998</v>
      </c>
      <c r="S659">
        <v>101040.5754</v>
      </c>
      <c r="T659">
        <v>33833.769410000001</v>
      </c>
      <c r="U659">
        <v>17266.5746</v>
      </c>
      <c r="W659" s="83">
        <f>Bühler!N691</f>
        <v>45319.374999998407</v>
      </c>
      <c r="X659" s="83">
        <v>43128.375</v>
      </c>
      <c r="Y659">
        <v>173153.33300000001</v>
      </c>
      <c r="Z659">
        <v>19802.79178</v>
      </c>
      <c r="AA659">
        <v>54950.276030000001</v>
      </c>
      <c r="AB659">
        <v>44757.648529999999</v>
      </c>
      <c r="AC659">
        <v>40376.651330000001</v>
      </c>
      <c r="AD659">
        <v>32386.77376</v>
      </c>
      <c r="AE659">
        <v>44159.858489999999</v>
      </c>
      <c r="AF659">
        <v>46355.450019999997</v>
      </c>
      <c r="AG659">
        <v>26801.359649999999</v>
      </c>
      <c r="AH659">
        <v>208853.24179999999</v>
      </c>
      <c r="AI659">
        <v>82312.321800000005</v>
      </c>
      <c r="AJ659">
        <v>24297.65006</v>
      </c>
      <c r="AK659">
        <v>42561.280310000002</v>
      </c>
      <c r="AL659">
        <v>51050.041790000003</v>
      </c>
      <c r="AM659">
        <v>19957.110379999998</v>
      </c>
      <c r="AN659">
        <v>101040.5754</v>
      </c>
      <c r="AO659">
        <v>33833.769410000001</v>
      </c>
      <c r="AP659">
        <v>17266.5746</v>
      </c>
    </row>
    <row r="660" spans="2:42" x14ac:dyDescent="0.3">
      <c r="B660">
        <v>40.849369718525026</v>
      </c>
      <c r="C660" s="83">
        <v>43128.416666666664</v>
      </c>
      <c r="D660">
        <v>172210.18309999999</v>
      </c>
      <c r="E660">
        <v>20272.517950000001</v>
      </c>
      <c r="F660">
        <v>54516.213409999997</v>
      </c>
      <c r="G660">
        <v>44173.780350000001</v>
      </c>
      <c r="H660">
        <v>40645.315179999998</v>
      </c>
      <c r="I660">
        <v>31731.825280000001</v>
      </c>
      <c r="J660">
        <v>42507.499790000002</v>
      </c>
      <c r="K660">
        <v>47399.16891</v>
      </c>
      <c r="L660">
        <v>28761.422879999998</v>
      </c>
      <c r="M660">
        <v>208269.1366</v>
      </c>
      <c r="N660">
        <v>85219.693710000007</v>
      </c>
      <c r="O660">
        <v>23868.11896</v>
      </c>
      <c r="P660">
        <v>43204.099049999997</v>
      </c>
      <c r="Q660">
        <v>50820.611969999998</v>
      </c>
      <c r="R660">
        <v>20872.487379999999</v>
      </c>
      <c r="S660">
        <v>101192.65579999999</v>
      </c>
      <c r="T660">
        <v>36068.740859999998</v>
      </c>
      <c r="U660">
        <v>16972.675869999999</v>
      </c>
      <c r="W660" s="83">
        <f>Bühler!N692</f>
        <v>45319.416666665071</v>
      </c>
      <c r="X660" s="83">
        <v>43128.416666666664</v>
      </c>
      <c r="Y660">
        <v>172210.18309999999</v>
      </c>
      <c r="Z660">
        <v>20272.517950000001</v>
      </c>
      <c r="AA660">
        <v>54516.213409999997</v>
      </c>
      <c r="AB660">
        <v>44173.780350000001</v>
      </c>
      <c r="AC660">
        <v>40645.315179999998</v>
      </c>
      <c r="AD660">
        <v>31731.825280000001</v>
      </c>
      <c r="AE660">
        <v>42507.499790000002</v>
      </c>
      <c r="AF660">
        <v>47399.16891</v>
      </c>
      <c r="AG660">
        <v>28761.422879999998</v>
      </c>
      <c r="AH660">
        <v>208269.1366</v>
      </c>
      <c r="AI660">
        <v>85219.693710000007</v>
      </c>
      <c r="AJ660">
        <v>23868.11896</v>
      </c>
      <c r="AK660">
        <v>43204.099049999997</v>
      </c>
      <c r="AL660">
        <v>50820.611969999998</v>
      </c>
      <c r="AM660">
        <v>20872.487379999999</v>
      </c>
      <c r="AN660">
        <v>101192.65579999999</v>
      </c>
      <c r="AO660">
        <v>36068.740859999998</v>
      </c>
      <c r="AP660">
        <v>16972.675869999999</v>
      </c>
    </row>
    <row r="661" spans="2:42" x14ac:dyDescent="0.3">
      <c r="B661">
        <v>40.569034711066344</v>
      </c>
      <c r="C661" s="83">
        <v>43128.458333333336</v>
      </c>
      <c r="D661">
        <v>171227.8181</v>
      </c>
      <c r="E661">
        <v>20162.465520000002</v>
      </c>
      <c r="F661">
        <v>54609.354010000003</v>
      </c>
      <c r="G661">
        <v>43651.646269999997</v>
      </c>
      <c r="H661">
        <v>40367.412620000003</v>
      </c>
      <c r="I661">
        <v>30244.770110000001</v>
      </c>
      <c r="J661">
        <v>41968.51369</v>
      </c>
      <c r="K661">
        <v>49648.252090000002</v>
      </c>
      <c r="L661">
        <v>30055.274300000001</v>
      </c>
      <c r="M661">
        <v>206839.85800000001</v>
      </c>
      <c r="N661">
        <v>84770.904580000002</v>
      </c>
      <c r="O661">
        <v>24097.71702</v>
      </c>
      <c r="P661">
        <v>41801.522190000003</v>
      </c>
      <c r="Q661">
        <v>50022.285170000003</v>
      </c>
      <c r="R661">
        <v>22890.932680000002</v>
      </c>
      <c r="S661">
        <v>101605.77899999999</v>
      </c>
      <c r="T661">
        <v>36142.728580000003</v>
      </c>
      <c r="U661">
        <v>16388.49929</v>
      </c>
      <c r="W661" s="83">
        <f>Bühler!N693</f>
        <v>45319.458333331735</v>
      </c>
      <c r="X661" s="83">
        <v>43128.458333333336</v>
      </c>
      <c r="Y661">
        <v>171227.8181</v>
      </c>
      <c r="Z661">
        <v>20162.465520000002</v>
      </c>
      <c r="AA661">
        <v>54609.354010000003</v>
      </c>
      <c r="AB661">
        <v>43651.646269999997</v>
      </c>
      <c r="AC661">
        <v>40367.412620000003</v>
      </c>
      <c r="AD661">
        <v>30244.770110000001</v>
      </c>
      <c r="AE661">
        <v>41968.51369</v>
      </c>
      <c r="AF661">
        <v>49648.252090000002</v>
      </c>
      <c r="AG661">
        <v>30055.274300000001</v>
      </c>
      <c r="AH661">
        <v>206839.85800000001</v>
      </c>
      <c r="AI661">
        <v>84770.904580000002</v>
      </c>
      <c r="AJ661">
        <v>24097.71702</v>
      </c>
      <c r="AK661">
        <v>41801.522190000003</v>
      </c>
      <c r="AL661">
        <v>50022.285170000003</v>
      </c>
      <c r="AM661">
        <v>22890.932680000002</v>
      </c>
      <c r="AN661">
        <v>101605.77899999999</v>
      </c>
      <c r="AO661">
        <v>36142.728580000003</v>
      </c>
      <c r="AP661">
        <v>16388.49929</v>
      </c>
    </row>
    <row r="662" spans="2:42" x14ac:dyDescent="0.3">
      <c r="B662">
        <v>40.237974253510671</v>
      </c>
      <c r="C662" s="83">
        <v>43128.5</v>
      </c>
      <c r="D662">
        <v>169953.1796</v>
      </c>
      <c r="E662">
        <v>19755.948649999998</v>
      </c>
      <c r="F662">
        <v>52107.598270000002</v>
      </c>
      <c r="G662">
        <v>42854.876340000003</v>
      </c>
      <c r="H662">
        <v>39912.556980000001</v>
      </c>
      <c r="I662">
        <v>29236.683710000001</v>
      </c>
      <c r="J662">
        <v>42378.159079999998</v>
      </c>
      <c r="K662">
        <v>50086.042860000001</v>
      </c>
      <c r="L662">
        <v>30885.495439999999</v>
      </c>
      <c r="M662">
        <v>205151.95740000001</v>
      </c>
      <c r="N662">
        <v>82087.919070000004</v>
      </c>
      <c r="O662">
        <v>23986.068719999999</v>
      </c>
      <c r="P662">
        <v>41375.397900000004</v>
      </c>
      <c r="Q662">
        <v>48841.034829999997</v>
      </c>
      <c r="R662">
        <v>20952.18852</v>
      </c>
      <c r="S662">
        <v>96795.645009999993</v>
      </c>
      <c r="T662">
        <v>35929.011720000002</v>
      </c>
      <c r="U662">
        <v>15579.77066</v>
      </c>
      <c r="W662" s="83">
        <f>Bühler!N694</f>
        <v>45319.499999998399</v>
      </c>
      <c r="X662" s="83">
        <v>43128.5</v>
      </c>
      <c r="Y662">
        <v>169953.1796</v>
      </c>
      <c r="Z662">
        <v>19755.948649999998</v>
      </c>
      <c r="AA662">
        <v>52107.598270000002</v>
      </c>
      <c r="AB662">
        <v>42854.876340000003</v>
      </c>
      <c r="AC662">
        <v>39912.556980000001</v>
      </c>
      <c r="AD662">
        <v>29236.683710000001</v>
      </c>
      <c r="AE662">
        <v>42378.159079999998</v>
      </c>
      <c r="AF662">
        <v>50086.042860000001</v>
      </c>
      <c r="AG662">
        <v>30885.495439999999</v>
      </c>
      <c r="AH662">
        <v>205151.95740000001</v>
      </c>
      <c r="AI662">
        <v>82087.919070000004</v>
      </c>
      <c r="AJ662">
        <v>23986.068719999999</v>
      </c>
      <c r="AK662">
        <v>41375.397900000004</v>
      </c>
      <c r="AL662">
        <v>48841.034829999997</v>
      </c>
      <c r="AM662">
        <v>20952.18852</v>
      </c>
      <c r="AN662">
        <v>96795.645009999993</v>
      </c>
      <c r="AO662">
        <v>35929.011720000002</v>
      </c>
      <c r="AP662">
        <v>15579.77066</v>
      </c>
    </row>
    <row r="663" spans="2:42" x14ac:dyDescent="0.3">
      <c r="B663">
        <v>39.8187501267549</v>
      </c>
      <c r="C663" s="83">
        <v>43128.541666666664</v>
      </c>
      <c r="D663">
        <v>169321.64929999999</v>
      </c>
      <c r="E663">
        <v>19426.59419</v>
      </c>
      <c r="F663">
        <v>48134.628519999998</v>
      </c>
      <c r="G663">
        <v>42515.530789999997</v>
      </c>
      <c r="H663">
        <v>38868.747280000003</v>
      </c>
      <c r="I663">
        <v>28540.372879999999</v>
      </c>
      <c r="J663">
        <v>41678.344109999998</v>
      </c>
      <c r="K663">
        <v>50495.050819999997</v>
      </c>
      <c r="L663">
        <v>30731.696479999999</v>
      </c>
      <c r="M663">
        <v>203014.55729999999</v>
      </c>
      <c r="N663">
        <v>80278.431639999995</v>
      </c>
      <c r="O663">
        <v>23826.731810000001</v>
      </c>
      <c r="P663">
        <v>40817.671280000002</v>
      </c>
      <c r="Q663">
        <v>47056.44169</v>
      </c>
      <c r="R663">
        <v>20630.20811</v>
      </c>
      <c r="S663">
        <v>97267.21759</v>
      </c>
      <c r="T663">
        <v>34917.653279999999</v>
      </c>
      <c r="U663">
        <v>15237.072330000001</v>
      </c>
      <c r="W663" s="83">
        <f>Bühler!N695</f>
        <v>45319.541666665064</v>
      </c>
      <c r="X663" s="83">
        <v>43128.541666666664</v>
      </c>
      <c r="Y663">
        <v>169321.64929999999</v>
      </c>
      <c r="Z663">
        <v>19426.59419</v>
      </c>
      <c r="AA663">
        <v>48134.628519999998</v>
      </c>
      <c r="AB663">
        <v>42515.530789999997</v>
      </c>
      <c r="AC663">
        <v>38868.747280000003</v>
      </c>
      <c r="AD663">
        <v>28540.372879999999</v>
      </c>
      <c r="AE663">
        <v>41678.344109999998</v>
      </c>
      <c r="AF663">
        <v>50495.050819999997</v>
      </c>
      <c r="AG663">
        <v>30731.696479999999</v>
      </c>
      <c r="AH663">
        <v>203014.55729999999</v>
      </c>
      <c r="AI663">
        <v>80278.431639999995</v>
      </c>
      <c r="AJ663">
        <v>23826.731810000001</v>
      </c>
      <c r="AK663">
        <v>40817.671280000002</v>
      </c>
      <c r="AL663">
        <v>47056.44169</v>
      </c>
      <c r="AM663">
        <v>20630.20811</v>
      </c>
      <c r="AN663">
        <v>97267.21759</v>
      </c>
      <c r="AO663">
        <v>34917.653279999999</v>
      </c>
      <c r="AP663">
        <v>15237.072330000001</v>
      </c>
    </row>
    <row r="664" spans="2:42" x14ac:dyDescent="0.3">
      <c r="B664">
        <v>39.574189151675142</v>
      </c>
      <c r="C664" s="83">
        <v>43128.583333333336</v>
      </c>
      <c r="D664">
        <v>168574.81589999999</v>
      </c>
      <c r="E664">
        <v>18932.25546</v>
      </c>
      <c r="F664">
        <v>47251.238360000003</v>
      </c>
      <c r="G664">
        <v>42216.437819999999</v>
      </c>
      <c r="H664">
        <v>38255.584589999999</v>
      </c>
      <c r="I664">
        <v>28028.81482</v>
      </c>
      <c r="J664">
        <v>39667.823080000002</v>
      </c>
      <c r="K664">
        <v>47978.213100000001</v>
      </c>
      <c r="L664">
        <v>29502.584579999999</v>
      </c>
      <c r="M664">
        <v>201767.67139999999</v>
      </c>
      <c r="N664">
        <v>79994.423880000002</v>
      </c>
      <c r="O664">
        <v>23763.503290000001</v>
      </c>
      <c r="P664">
        <v>39132.467790000002</v>
      </c>
      <c r="Q664">
        <v>46676.98734</v>
      </c>
      <c r="R664">
        <v>20778.716339999999</v>
      </c>
      <c r="S664">
        <v>94738.892569999996</v>
      </c>
      <c r="T664">
        <v>34315.819510000001</v>
      </c>
      <c r="U664">
        <v>15108.42592</v>
      </c>
      <c r="W664" s="83">
        <f>Bühler!N696</f>
        <v>45319.583333331728</v>
      </c>
      <c r="X664" s="83">
        <v>43128.583333333336</v>
      </c>
      <c r="Y664">
        <v>168574.81589999999</v>
      </c>
      <c r="Z664">
        <v>18932.25546</v>
      </c>
      <c r="AA664">
        <v>47251.238360000003</v>
      </c>
      <c r="AB664">
        <v>42216.437819999999</v>
      </c>
      <c r="AC664">
        <v>38255.584589999999</v>
      </c>
      <c r="AD664">
        <v>28028.81482</v>
      </c>
      <c r="AE664">
        <v>39667.823080000002</v>
      </c>
      <c r="AF664">
        <v>47978.213100000001</v>
      </c>
      <c r="AG664">
        <v>29502.584579999999</v>
      </c>
      <c r="AH664">
        <v>201767.67139999999</v>
      </c>
      <c r="AI664">
        <v>79994.423880000002</v>
      </c>
      <c r="AJ664">
        <v>23763.503290000001</v>
      </c>
      <c r="AK664">
        <v>39132.467790000002</v>
      </c>
      <c r="AL664">
        <v>46676.98734</v>
      </c>
      <c r="AM664">
        <v>20778.716339999999</v>
      </c>
      <c r="AN664">
        <v>94738.892569999996</v>
      </c>
      <c r="AO664">
        <v>34315.819510000001</v>
      </c>
      <c r="AP664">
        <v>15108.42592</v>
      </c>
    </row>
    <row r="665" spans="2:42" x14ac:dyDescent="0.3">
      <c r="B665">
        <v>39.834997738182345</v>
      </c>
      <c r="C665" s="83">
        <v>43128.625</v>
      </c>
      <c r="D665">
        <v>168424.7672</v>
      </c>
      <c r="E665">
        <v>18868.662970000001</v>
      </c>
      <c r="F665">
        <v>46407.175109999996</v>
      </c>
      <c r="G665">
        <v>41809.294090000003</v>
      </c>
      <c r="H665">
        <v>38383.021189999999</v>
      </c>
      <c r="I665">
        <v>28105.136129999999</v>
      </c>
      <c r="J665">
        <v>39243.629079999999</v>
      </c>
      <c r="K665">
        <v>47163.380949999999</v>
      </c>
      <c r="L665">
        <v>27608.169849999998</v>
      </c>
      <c r="M665">
        <v>203097.3952</v>
      </c>
      <c r="N665">
        <v>80485.387449999995</v>
      </c>
      <c r="O665">
        <v>23448.180690000001</v>
      </c>
      <c r="P665">
        <v>36915.597070000003</v>
      </c>
      <c r="Q665">
        <v>46836.651619999997</v>
      </c>
      <c r="R665">
        <v>20818.716390000001</v>
      </c>
      <c r="S665">
        <v>92995.392290000003</v>
      </c>
      <c r="T665">
        <v>34194.781730000002</v>
      </c>
      <c r="U665">
        <v>15124.700150000001</v>
      </c>
      <c r="W665" s="83">
        <f>Bühler!N697</f>
        <v>45319.624999998392</v>
      </c>
      <c r="X665" s="83">
        <v>43128.625</v>
      </c>
      <c r="Y665">
        <v>168424.7672</v>
      </c>
      <c r="Z665">
        <v>18868.662970000001</v>
      </c>
      <c r="AA665">
        <v>46407.175109999996</v>
      </c>
      <c r="AB665">
        <v>41809.294090000003</v>
      </c>
      <c r="AC665">
        <v>38383.021189999999</v>
      </c>
      <c r="AD665">
        <v>28105.136129999999</v>
      </c>
      <c r="AE665">
        <v>39243.629079999999</v>
      </c>
      <c r="AF665">
        <v>47163.380949999999</v>
      </c>
      <c r="AG665">
        <v>27608.169849999998</v>
      </c>
      <c r="AH665">
        <v>203097.3952</v>
      </c>
      <c r="AI665">
        <v>80485.387449999995</v>
      </c>
      <c r="AJ665">
        <v>23448.180690000001</v>
      </c>
      <c r="AK665">
        <v>36915.597070000003</v>
      </c>
      <c r="AL665">
        <v>46836.651619999997</v>
      </c>
      <c r="AM665">
        <v>20818.716390000001</v>
      </c>
      <c r="AN665">
        <v>92995.392290000003</v>
      </c>
      <c r="AO665">
        <v>34194.781730000002</v>
      </c>
      <c r="AP665">
        <v>15124.700150000001</v>
      </c>
    </row>
    <row r="666" spans="2:42" x14ac:dyDescent="0.3">
      <c r="B666">
        <v>40.316574340894256</v>
      </c>
      <c r="C666" s="83">
        <v>43128.666666666664</v>
      </c>
      <c r="D666">
        <v>168778.9627</v>
      </c>
      <c r="E666">
        <v>18971.236400000002</v>
      </c>
      <c r="F666">
        <v>46728.845300000001</v>
      </c>
      <c r="G666">
        <v>42291.726849999999</v>
      </c>
      <c r="H666">
        <v>38551.185819999999</v>
      </c>
      <c r="I666">
        <v>28581.88826</v>
      </c>
      <c r="J666">
        <v>38721.118719999999</v>
      </c>
      <c r="K666">
        <v>46750.349199999997</v>
      </c>
      <c r="L666">
        <v>27024.54032</v>
      </c>
      <c r="M666">
        <v>205552.6973</v>
      </c>
      <c r="N666">
        <v>78157.397960000002</v>
      </c>
      <c r="O666">
        <v>23558.645140000001</v>
      </c>
      <c r="P666">
        <v>37483.313340000001</v>
      </c>
      <c r="Q666">
        <v>47616.62167</v>
      </c>
      <c r="R666">
        <v>20957.828140000001</v>
      </c>
      <c r="S666">
        <v>94121.825089999998</v>
      </c>
      <c r="T666">
        <v>33686.335619999998</v>
      </c>
      <c r="U666">
        <v>15718.96989</v>
      </c>
      <c r="W666" s="83">
        <f>Bühler!N698</f>
        <v>45319.666666665056</v>
      </c>
      <c r="X666" s="83">
        <v>43128.666666666664</v>
      </c>
      <c r="Y666">
        <v>168778.9627</v>
      </c>
      <c r="Z666">
        <v>18971.236400000002</v>
      </c>
      <c r="AA666">
        <v>46728.845300000001</v>
      </c>
      <c r="AB666">
        <v>42291.726849999999</v>
      </c>
      <c r="AC666">
        <v>38551.185819999999</v>
      </c>
      <c r="AD666">
        <v>28581.88826</v>
      </c>
      <c r="AE666">
        <v>38721.118719999999</v>
      </c>
      <c r="AF666">
        <v>46750.349199999997</v>
      </c>
      <c r="AG666">
        <v>27024.54032</v>
      </c>
      <c r="AH666">
        <v>205552.6973</v>
      </c>
      <c r="AI666">
        <v>78157.397960000002</v>
      </c>
      <c r="AJ666">
        <v>23558.645140000001</v>
      </c>
      <c r="AK666">
        <v>37483.313340000001</v>
      </c>
      <c r="AL666">
        <v>47616.62167</v>
      </c>
      <c r="AM666">
        <v>20957.828140000001</v>
      </c>
      <c r="AN666">
        <v>94121.825089999998</v>
      </c>
      <c r="AO666">
        <v>33686.335619999998</v>
      </c>
      <c r="AP666">
        <v>15718.96989</v>
      </c>
    </row>
    <row r="667" spans="2:42" x14ac:dyDescent="0.3">
      <c r="B667">
        <v>41.050022960379636</v>
      </c>
      <c r="C667" s="83">
        <v>43128.708333333336</v>
      </c>
      <c r="D667">
        <v>170540.91099999999</v>
      </c>
      <c r="E667">
        <v>19519.019410000001</v>
      </c>
      <c r="F667">
        <v>47986.49252</v>
      </c>
      <c r="G667">
        <v>43522.796349999997</v>
      </c>
      <c r="H667">
        <v>38985.547489999997</v>
      </c>
      <c r="I667">
        <v>29151.287950000002</v>
      </c>
      <c r="J667">
        <v>40346.734490000003</v>
      </c>
      <c r="K667">
        <v>46463.663869999997</v>
      </c>
      <c r="L667">
        <v>27570.35398</v>
      </c>
      <c r="M667">
        <v>209292.16039999999</v>
      </c>
      <c r="N667">
        <v>76643.629629999996</v>
      </c>
      <c r="O667">
        <v>23788.933430000001</v>
      </c>
      <c r="P667">
        <v>38314.657520000001</v>
      </c>
      <c r="Q667">
        <v>48567.10194</v>
      </c>
      <c r="R667">
        <v>23766.967769999999</v>
      </c>
      <c r="S667">
        <v>98552.749540000004</v>
      </c>
      <c r="T667">
        <v>34286.151270000002</v>
      </c>
      <c r="U667">
        <v>15985.69952</v>
      </c>
      <c r="W667" s="83">
        <f>Bühler!N699</f>
        <v>45319.70833333172</v>
      </c>
      <c r="X667" s="83">
        <v>43128.708333333336</v>
      </c>
      <c r="Y667">
        <v>170540.91099999999</v>
      </c>
      <c r="Z667">
        <v>19519.019410000001</v>
      </c>
      <c r="AA667">
        <v>47986.49252</v>
      </c>
      <c r="AB667">
        <v>43522.796349999997</v>
      </c>
      <c r="AC667">
        <v>38985.547489999997</v>
      </c>
      <c r="AD667">
        <v>29151.287950000002</v>
      </c>
      <c r="AE667">
        <v>40346.734490000003</v>
      </c>
      <c r="AF667">
        <v>46463.663869999997</v>
      </c>
      <c r="AG667">
        <v>27570.35398</v>
      </c>
      <c r="AH667">
        <v>209292.16039999999</v>
      </c>
      <c r="AI667">
        <v>76643.629629999996</v>
      </c>
      <c r="AJ667">
        <v>23788.933430000001</v>
      </c>
      <c r="AK667">
        <v>38314.657520000001</v>
      </c>
      <c r="AL667">
        <v>48567.10194</v>
      </c>
      <c r="AM667">
        <v>23766.967769999999</v>
      </c>
      <c r="AN667">
        <v>98552.749540000004</v>
      </c>
      <c r="AO667">
        <v>34286.151270000002</v>
      </c>
      <c r="AP667">
        <v>15985.69952</v>
      </c>
    </row>
    <row r="668" spans="2:42" x14ac:dyDescent="0.3">
      <c r="B668">
        <v>41.626898868296664</v>
      </c>
      <c r="C668" s="83">
        <v>43128.75</v>
      </c>
      <c r="D668">
        <v>173381.84289999999</v>
      </c>
      <c r="E668">
        <v>19918.56983</v>
      </c>
      <c r="F668">
        <v>48940.036610000003</v>
      </c>
      <c r="G668">
        <v>45413.304300000003</v>
      </c>
      <c r="H668">
        <v>41439.880640000003</v>
      </c>
      <c r="I668">
        <v>30871.545979999999</v>
      </c>
      <c r="J668">
        <v>43088.193780000001</v>
      </c>
      <c r="K668">
        <v>47605.986230000002</v>
      </c>
      <c r="L668">
        <v>29247.289410000001</v>
      </c>
      <c r="M668">
        <v>212233.34280000001</v>
      </c>
      <c r="N668">
        <v>78477.537119999994</v>
      </c>
      <c r="O668">
        <v>24019.656770000001</v>
      </c>
      <c r="P668">
        <v>39453.251799999998</v>
      </c>
      <c r="Q668">
        <v>49625.045140000002</v>
      </c>
      <c r="R668">
        <v>22710.525900000001</v>
      </c>
      <c r="S668">
        <v>99396.340540000005</v>
      </c>
      <c r="T668">
        <v>34797.320319999999</v>
      </c>
      <c r="U668">
        <v>17329.305319999999</v>
      </c>
      <c r="W668" s="83">
        <f>Bühler!N700</f>
        <v>45319.749999998385</v>
      </c>
      <c r="X668" s="83">
        <v>43128.75</v>
      </c>
      <c r="Y668">
        <v>173381.84289999999</v>
      </c>
      <c r="Z668">
        <v>19918.56983</v>
      </c>
      <c r="AA668">
        <v>48940.036610000003</v>
      </c>
      <c r="AB668">
        <v>45413.304300000003</v>
      </c>
      <c r="AC668">
        <v>41439.880640000003</v>
      </c>
      <c r="AD668">
        <v>30871.545979999999</v>
      </c>
      <c r="AE668">
        <v>43088.193780000001</v>
      </c>
      <c r="AF668">
        <v>47605.986230000002</v>
      </c>
      <c r="AG668">
        <v>29247.289410000001</v>
      </c>
      <c r="AH668">
        <v>212233.34280000001</v>
      </c>
      <c r="AI668">
        <v>78477.537119999994</v>
      </c>
      <c r="AJ668">
        <v>24019.656770000001</v>
      </c>
      <c r="AK668">
        <v>39453.251799999998</v>
      </c>
      <c r="AL668">
        <v>49625.045140000002</v>
      </c>
      <c r="AM668">
        <v>22710.525900000001</v>
      </c>
      <c r="AN668">
        <v>99396.340540000005</v>
      </c>
      <c r="AO668">
        <v>34797.320319999999</v>
      </c>
      <c r="AP668">
        <v>17329.305319999999</v>
      </c>
    </row>
    <row r="669" spans="2:42" x14ac:dyDescent="0.3">
      <c r="B669">
        <v>41.601905724976007</v>
      </c>
      <c r="C669" s="83">
        <v>43128.791666666664</v>
      </c>
      <c r="D669">
        <v>174144.4809</v>
      </c>
      <c r="E669">
        <v>18920.655890000002</v>
      </c>
      <c r="F669">
        <v>48178.157590000003</v>
      </c>
      <c r="G669">
        <v>46029.616849999999</v>
      </c>
      <c r="H669">
        <v>40920.121400000004</v>
      </c>
      <c r="I669">
        <v>30625.52649</v>
      </c>
      <c r="J669">
        <v>43413.094250000002</v>
      </c>
      <c r="K669">
        <v>48687.414620000003</v>
      </c>
      <c r="L669">
        <v>30354.615170000001</v>
      </c>
      <c r="M669">
        <v>212105.9161</v>
      </c>
      <c r="N669">
        <v>78917.85828</v>
      </c>
      <c r="O669">
        <v>23990.050050000002</v>
      </c>
      <c r="P669">
        <v>40404.43475</v>
      </c>
      <c r="Q669">
        <v>50897.943019999999</v>
      </c>
      <c r="R669">
        <v>22783.77649</v>
      </c>
      <c r="S669">
        <v>97239.591459999996</v>
      </c>
      <c r="T669">
        <v>34223.639759999998</v>
      </c>
      <c r="U669">
        <v>17046.295989999999</v>
      </c>
      <c r="W669" s="83">
        <f>Bühler!N701</f>
        <v>45319.791666665049</v>
      </c>
      <c r="X669" s="83">
        <v>43128.791666666664</v>
      </c>
      <c r="Y669">
        <v>174144.4809</v>
      </c>
      <c r="Z669">
        <v>18920.655890000002</v>
      </c>
      <c r="AA669">
        <v>48178.157590000003</v>
      </c>
      <c r="AB669">
        <v>46029.616849999999</v>
      </c>
      <c r="AC669">
        <v>40920.121400000004</v>
      </c>
      <c r="AD669">
        <v>30625.52649</v>
      </c>
      <c r="AE669">
        <v>43413.094250000002</v>
      </c>
      <c r="AF669">
        <v>48687.414620000003</v>
      </c>
      <c r="AG669">
        <v>30354.615170000001</v>
      </c>
      <c r="AH669">
        <v>212105.9161</v>
      </c>
      <c r="AI669">
        <v>78917.85828</v>
      </c>
      <c r="AJ669">
        <v>23990.050050000002</v>
      </c>
      <c r="AK669">
        <v>40404.43475</v>
      </c>
      <c r="AL669">
        <v>50897.943019999999</v>
      </c>
      <c r="AM669">
        <v>22783.77649</v>
      </c>
      <c r="AN669">
        <v>97239.591459999996</v>
      </c>
      <c r="AO669">
        <v>34223.639759999998</v>
      </c>
      <c r="AP669">
        <v>17046.295989999999</v>
      </c>
    </row>
    <row r="670" spans="2:42" x14ac:dyDescent="0.3">
      <c r="B670">
        <v>41.895295442525118</v>
      </c>
      <c r="C670" s="83">
        <v>43128.833333333336</v>
      </c>
      <c r="D670">
        <v>175906.3934</v>
      </c>
      <c r="E670">
        <v>18156.807359999999</v>
      </c>
      <c r="F670">
        <v>48548.851840000003</v>
      </c>
      <c r="G670">
        <v>46175.771330000003</v>
      </c>
      <c r="H670">
        <v>40355.199339999999</v>
      </c>
      <c r="I670">
        <v>29585.15495</v>
      </c>
      <c r="J670">
        <v>42185.670870000002</v>
      </c>
      <c r="K670">
        <v>48663.538310000004</v>
      </c>
      <c r="L670">
        <v>29484.412639999999</v>
      </c>
      <c r="M670">
        <v>213601.7537</v>
      </c>
      <c r="N670">
        <v>79985.195269999997</v>
      </c>
      <c r="O670">
        <v>23820.660230000001</v>
      </c>
      <c r="P670">
        <v>39645.744059999997</v>
      </c>
      <c r="Q670">
        <v>52003.788339999999</v>
      </c>
      <c r="R670">
        <v>22341.896509999999</v>
      </c>
      <c r="S670">
        <v>91477.106469999999</v>
      </c>
      <c r="T670">
        <v>31418.943230000001</v>
      </c>
      <c r="U670">
        <v>16991.668839999998</v>
      </c>
      <c r="W670" s="83">
        <f>Bühler!N702</f>
        <v>45319.833333331713</v>
      </c>
      <c r="X670" s="83">
        <v>43128.833333333336</v>
      </c>
      <c r="Y670">
        <v>175906.3934</v>
      </c>
      <c r="Z670">
        <v>18156.807359999999</v>
      </c>
      <c r="AA670">
        <v>48548.851840000003</v>
      </c>
      <c r="AB670">
        <v>46175.771330000003</v>
      </c>
      <c r="AC670">
        <v>40355.199339999999</v>
      </c>
      <c r="AD670">
        <v>29585.15495</v>
      </c>
      <c r="AE670">
        <v>42185.670870000002</v>
      </c>
      <c r="AF670">
        <v>48663.538310000004</v>
      </c>
      <c r="AG670">
        <v>29484.412639999999</v>
      </c>
      <c r="AH670">
        <v>213601.7537</v>
      </c>
      <c r="AI670">
        <v>79985.195269999997</v>
      </c>
      <c r="AJ670">
        <v>23820.660230000001</v>
      </c>
      <c r="AK670">
        <v>39645.744059999997</v>
      </c>
      <c r="AL670">
        <v>52003.788339999999</v>
      </c>
      <c r="AM670">
        <v>22341.896509999999</v>
      </c>
      <c r="AN670">
        <v>91477.106469999999</v>
      </c>
      <c r="AO670">
        <v>31418.943230000001</v>
      </c>
      <c r="AP670">
        <v>16991.668839999998</v>
      </c>
    </row>
    <row r="671" spans="2:42" x14ac:dyDescent="0.3">
      <c r="B671">
        <v>42.458239729590687</v>
      </c>
      <c r="C671" s="83">
        <v>43128.875</v>
      </c>
      <c r="D671">
        <v>177694.95569999999</v>
      </c>
      <c r="E671">
        <v>17691.02922</v>
      </c>
      <c r="F671">
        <v>48528.631849999998</v>
      </c>
      <c r="G671">
        <v>46084.510990000002</v>
      </c>
      <c r="H671">
        <v>40594.879610000004</v>
      </c>
      <c r="I671">
        <v>28251.727630000001</v>
      </c>
      <c r="J671">
        <v>40370.529799999997</v>
      </c>
      <c r="K671">
        <v>48716.504300000001</v>
      </c>
      <c r="L671">
        <v>27811.088670000001</v>
      </c>
      <c r="M671">
        <v>216471.9062</v>
      </c>
      <c r="N671">
        <v>80220.464749999999</v>
      </c>
      <c r="O671">
        <v>24053.697950000002</v>
      </c>
      <c r="P671">
        <v>38371.424780000001</v>
      </c>
      <c r="Q671">
        <v>53776.0844</v>
      </c>
      <c r="R671">
        <v>22157.090810000002</v>
      </c>
      <c r="S671">
        <v>87362.259170000005</v>
      </c>
      <c r="T671">
        <v>29842.192930000001</v>
      </c>
      <c r="U671">
        <v>17088.768319999999</v>
      </c>
      <c r="W671" s="83">
        <f>Bühler!N703</f>
        <v>45319.874999998377</v>
      </c>
      <c r="X671" s="83">
        <v>43128.875</v>
      </c>
      <c r="Y671">
        <v>177694.95569999999</v>
      </c>
      <c r="Z671">
        <v>17691.02922</v>
      </c>
      <c r="AA671">
        <v>48528.631849999998</v>
      </c>
      <c r="AB671">
        <v>46084.510990000002</v>
      </c>
      <c r="AC671">
        <v>40594.879610000004</v>
      </c>
      <c r="AD671">
        <v>28251.727630000001</v>
      </c>
      <c r="AE671">
        <v>40370.529799999997</v>
      </c>
      <c r="AF671">
        <v>48716.504300000001</v>
      </c>
      <c r="AG671">
        <v>27811.088670000001</v>
      </c>
      <c r="AH671">
        <v>216471.9062</v>
      </c>
      <c r="AI671">
        <v>80220.464749999999</v>
      </c>
      <c r="AJ671">
        <v>24053.697950000002</v>
      </c>
      <c r="AK671">
        <v>38371.424780000001</v>
      </c>
      <c r="AL671">
        <v>53776.0844</v>
      </c>
      <c r="AM671">
        <v>22157.090810000002</v>
      </c>
      <c r="AN671">
        <v>87362.259170000005</v>
      </c>
      <c r="AO671">
        <v>29842.192930000001</v>
      </c>
      <c r="AP671">
        <v>17088.768319999999</v>
      </c>
    </row>
    <row r="672" spans="2:42" x14ac:dyDescent="0.3">
      <c r="B672">
        <v>43.212767217267391</v>
      </c>
      <c r="C672" s="83">
        <v>43128.916666666664</v>
      </c>
      <c r="D672">
        <v>179899.9566</v>
      </c>
      <c r="E672">
        <v>17599.86508</v>
      </c>
      <c r="F672">
        <v>48715.04754</v>
      </c>
      <c r="G672">
        <v>46166.733569999997</v>
      </c>
      <c r="H672">
        <v>40771.2264</v>
      </c>
      <c r="I672">
        <v>28172.223580000002</v>
      </c>
      <c r="J672">
        <v>39718.306640000003</v>
      </c>
      <c r="K672">
        <v>52107.686580000001</v>
      </c>
      <c r="L672">
        <v>25401.284070000002</v>
      </c>
      <c r="M672">
        <v>220318.83919999999</v>
      </c>
      <c r="N672">
        <v>81480.643660000002</v>
      </c>
      <c r="O672">
        <v>25582.228520000001</v>
      </c>
      <c r="P672">
        <v>37724.90266</v>
      </c>
      <c r="Q672">
        <v>56182.36249</v>
      </c>
      <c r="R672">
        <v>31599.766210000002</v>
      </c>
      <c r="S672">
        <v>86745.289640000003</v>
      </c>
      <c r="T672">
        <v>29220.100859999999</v>
      </c>
      <c r="U672">
        <v>18283.722529999999</v>
      </c>
      <c r="W672" s="83">
        <f>Bühler!N704</f>
        <v>45319.916666665042</v>
      </c>
      <c r="X672" s="83">
        <v>43128.916666666664</v>
      </c>
      <c r="Y672">
        <v>179899.9566</v>
      </c>
      <c r="Z672">
        <v>17599.86508</v>
      </c>
      <c r="AA672">
        <v>48715.04754</v>
      </c>
      <c r="AB672">
        <v>46166.733569999997</v>
      </c>
      <c r="AC672">
        <v>40771.2264</v>
      </c>
      <c r="AD672">
        <v>28172.223580000002</v>
      </c>
      <c r="AE672">
        <v>39718.306640000003</v>
      </c>
      <c r="AF672">
        <v>52107.686580000001</v>
      </c>
      <c r="AG672">
        <v>25401.284070000002</v>
      </c>
      <c r="AH672">
        <v>220318.83919999999</v>
      </c>
      <c r="AI672">
        <v>81480.643660000002</v>
      </c>
      <c r="AJ672">
        <v>25582.228520000001</v>
      </c>
      <c r="AK672">
        <v>37724.90266</v>
      </c>
      <c r="AL672">
        <v>56182.36249</v>
      </c>
      <c r="AM672">
        <v>31599.766210000002</v>
      </c>
      <c r="AN672">
        <v>86745.289640000003</v>
      </c>
      <c r="AO672">
        <v>29220.100859999999</v>
      </c>
      <c r="AP672">
        <v>18283.722529999999</v>
      </c>
    </row>
    <row r="673" spans="2:42" x14ac:dyDescent="0.3">
      <c r="B673">
        <v>43.476555896018219</v>
      </c>
      <c r="C673" s="83">
        <v>43128.958333333336</v>
      </c>
      <c r="D673">
        <v>181818.6874</v>
      </c>
      <c r="E673">
        <v>17717.650320000001</v>
      </c>
      <c r="F673">
        <v>48265.078979999998</v>
      </c>
      <c r="G673">
        <v>46269.501400000001</v>
      </c>
      <c r="H673">
        <v>40699.043279999998</v>
      </c>
      <c r="I673">
        <v>26867.605530000001</v>
      </c>
      <c r="J673">
        <v>37292.185669999999</v>
      </c>
      <c r="K673">
        <v>50767.347229999999</v>
      </c>
      <c r="L673">
        <v>22391.348399999999</v>
      </c>
      <c r="M673">
        <v>221663.75690000001</v>
      </c>
      <c r="N673">
        <v>81270.762669999996</v>
      </c>
      <c r="O673">
        <v>25607.718560000001</v>
      </c>
      <c r="P673">
        <v>36208.45523</v>
      </c>
      <c r="Q673">
        <v>57393.233659999998</v>
      </c>
      <c r="R673">
        <v>34475.491549999999</v>
      </c>
      <c r="S673">
        <v>85369.534599999999</v>
      </c>
      <c r="T673">
        <v>30741.51496</v>
      </c>
      <c r="U673">
        <v>18060.092530000002</v>
      </c>
      <c r="W673" s="83">
        <f>Bühler!N705</f>
        <v>45319.958333331706</v>
      </c>
      <c r="X673" s="83">
        <v>43128.958333333336</v>
      </c>
      <c r="Y673">
        <v>181818.6874</v>
      </c>
      <c r="Z673">
        <v>17717.650320000001</v>
      </c>
      <c r="AA673">
        <v>48265.078979999998</v>
      </c>
      <c r="AB673">
        <v>46269.501400000001</v>
      </c>
      <c r="AC673">
        <v>40699.043279999998</v>
      </c>
      <c r="AD673">
        <v>26867.605530000001</v>
      </c>
      <c r="AE673">
        <v>37292.185669999999</v>
      </c>
      <c r="AF673">
        <v>50767.347229999999</v>
      </c>
      <c r="AG673">
        <v>22391.348399999999</v>
      </c>
      <c r="AH673">
        <v>221663.75690000001</v>
      </c>
      <c r="AI673">
        <v>81270.762669999996</v>
      </c>
      <c r="AJ673">
        <v>25607.718560000001</v>
      </c>
      <c r="AK673">
        <v>36208.45523</v>
      </c>
      <c r="AL673">
        <v>57393.233659999998</v>
      </c>
      <c r="AM673">
        <v>34475.491549999999</v>
      </c>
      <c r="AN673">
        <v>85369.534599999999</v>
      </c>
      <c r="AO673">
        <v>30741.51496</v>
      </c>
      <c r="AP673">
        <v>18060.092530000002</v>
      </c>
    </row>
    <row r="674" spans="2:42" x14ac:dyDescent="0.3">
      <c r="B674">
        <v>43.488701332674417</v>
      </c>
      <c r="C674" s="83">
        <v>43129</v>
      </c>
      <c r="D674">
        <v>185078.09039999999</v>
      </c>
      <c r="E674">
        <v>17692.376540000001</v>
      </c>
      <c r="F674">
        <v>48965.570200000002</v>
      </c>
      <c r="G674">
        <v>46041.618770000001</v>
      </c>
      <c r="H674">
        <v>40671.253550000001</v>
      </c>
      <c r="I674">
        <v>25814.89241</v>
      </c>
      <c r="J674">
        <v>35625.625319999999</v>
      </c>
      <c r="K674">
        <v>48874.683100000002</v>
      </c>
      <c r="L674">
        <v>20981.44311</v>
      </c>
      <c r="M674">
        <v>221725.68</v>
      </c>
      <c r="N674">
        <v>80622.372650000005</v>
      </c>
      <c r="O674">
        <v>25952.756099999999</v>
      </c>
      <c r="P674">
        <v>35014.58296</v>
      </c>
      <c r="Q674">
        <v>60582.75664</v>
      </c>
      <c r="R674">
        <v>30227.253629999999</v>
      </c>
      <c r="S674">
        <v>84578.568650000001</v>
      </c>
      <c r="T674">
        <v>30434.064740000002</v>
      </c>
      <c r="U674">
        <v>18142.203560000002</v>
      </c>
      <c r="W674" s="83">
        <f>Bühler!N706</f>
        <v>45319.99999999837</v>
      </c>
      <c r="X674" s="83">
        <v>43129</v>
      </c>
      <c r="Y674">
        <v>185078.09039999999</v>
      </c>
      <c r="Z674">
        <v>17692.376540000001</v>
      </c>
      <c r="AA674">
        <v>48965.570200000002</v>
      </c>
      <c r="AB674">
        <v>46041.618770000001</v>
      </c>
      <c r="AC674">
        <v>40671.253550000001</v>
      </c>
      <c r="AD674">
        <v>25814.89241</v>
      </c>
      <c r="AE674">
        <v>35625.625319999999</v>
      </c>
      <c r="AF674">
        <v>48874.683100000002</v>
      </c>
      <c r="AG674">
        <v>20981.44311</v>
      </c>
      <c r="AH674">
        <v>221725.68</v>
      </c>
      <c r="AI674">
        <v>80622.372650000005</v>
      </c>
      <c r="AJ674">
        <v>25952.756099999999</v>
      </c>
      <c r="AK674">
        <v>35014.58296</v>
      </c>
      <c r="AL674">
        <v>60582.75664</v>
      </c>
      <c r="AM674">
        <v>30227.253629999999</v>
      </c>
      <c r="AN674">
        <v>84578.568650000001</v>
      </c>
      <c r="AO674">
        <v>30434.064740000002</v>
      </c>
      <c r="AP674">
        <v>18142.203560000002</v>
      </c>
    </row>
    <row r="675" spans="2:42" x14ac:dyDescent="0.3">
      <c r="B675">
        <v>44.01974112354641</v>
      </c>
      <c r="C675" s="83">
        <v>43129.041666666664</v>
      </c>
      <c r="D675">
        <v>186759.2132</v>
      </c>
      <c r="E675">
        <v>17804.314679999999</v>
      </c>
      <c r="F675">
        <v>50103.9709</v>
      </c>
      <c r="G675">
        <v>45612.614650000003</v>
      </c>
      <c r="H675">
        <v>40432.082110000003</v>
      </c>
      <c r="I675">
        <v>22057.20837</v>
      </c>
      <c r="J675">
        <v>34656.174800000001</v>
      </c>
      <c r="K675">
        <v>46307.507239999999</v>
      </c>
      <c r="L675">
        <v>20664.322939999998</v>
      </c>
      <c r="M675">
        <v>224433.1685</v>
      </c>
      <c r="N675">
        <v>80144.677530000001</v>
      </c>
      <c r="O675">
        <v>26001.093819999998</v>
      </c>
      <c r="P675">
        <v>33194.627520000002</v>
      </c>
      <c r="Q675">
        <v>63539.884910000001</v>
      </c>
      <c r="R675">
        <v>28440.8246</v>
      </c>
      <c r="S675">
        <v>83444.480290000007</v>
      </c>
      <c r="T675">
        <v>29725.963629999998</v>
      </c>
      <c r="U675">
        <v>18374.395690000001</v>
      </c>
      <c r="W675" s="83">
        <f>Bühler!N707</f>
        <v>45320.041666665034</v>
      </c>
      <c r="X675" s="83">
        <v>43129.041666666664</v>
      </c>
      <c r="Y675">
        <v>186759.2132</v>
      </c>
      <c r="Z675">
        <v>17804.314679999999</v>
      </c>
      <c r="AA675">
        <v>50103.9709</v>
      </c>
      <c r="AB675">
        <v>45612.614650000003</v>
      </c>
      <c r="AC675">
        <v>40432.082110000003</v>
      </c>
      <c r="AD675">
        <v>22057.20837</v>
      </c>
      <c r="AE675">
        <v>34656.174800000001</v>
      </c>
      <c r="AF675">
        <v>46307.507239999999</v>
      </c>
      <c r="AG675">
        <v>20664.322939999998</v>
      </c>
      <c r="AH675">
        <v>224433.1685</v>
      </c>
      <c r="AI675">
        <v>80144.677530000001</v>
      </c>
      <c r="AJ675">
        <v>26001.093819999998</v>
      </c>
      <c r="AK675">
        <v>33194.627520000002</v>
      </c>
      <c r="AL675">
        <v>63539.884910000001</v>
      </c>
      <c r="AM675">
        <v>28440.8246</v>
      </c>
      <c r="AN675">
        <v>83444.480290000007</v>
      </c>
      <c r="AO675">
        <v>29725.963629999998</v>
      </c>
      <c r="AP675">
        <v>18374.395690000001</v>
      </c>
    </row>
    <row r="676" spans="2:42" x14ac:dyDescent="0.3">
      <c r="B676">
        <v>45.05381342027119</v>
      </c>
      <c r="C676" s="83">
        <v>43129.083333333336</v>
      </c>
      <c r="D676">
        <v>189089.4026</v>
      </c>
      <c r="E676">
        <v>18013.619409999999</v>
      </c>
      <c r="F676">
        <v>51233.115700000002</v>
      </c>
      <c r="G676">
        <v>45808.658029999999</v>
      </c>
      <c r="H676">
        <v>40603.278319999998</v>
      </c>
      <c r="I676">
        <v>20672.383689999999</v>
      </c>
      <c r="J676">
        <v>34511.99121</v>
      </c>
      <c r="K676">
        <v>45118.644130000001</v>
      </c>
      <c r="L676">
        <v>20287.591100000001</v>
      </c>
      <c r="M676">
        <v>229705.35130000001</v>
      </c>
      <c r="N676">
        <v>80390.102140000003</v>
      </c>
      <c r="O676">
        <v>25621.421770000001</v>
      </c>
      <c r="P676">
        <v>32877.797610000001</v>
      </c>
      <c r="Q676">
        <v>65727.732950000005</v>
      </c>
      <c r="R676">
        <v>28804.487980000002</v>
      </c>
      <c r="S676">
        <v>83245.94872</v>
      </c>
      <c r="T676">
        <v>29216.82259</v>
      </c>
      <c r="U676">
        <v>18431.026549999999</v>
      </c>
      <c r="W676" s="83">
        <f>Bühler!N708</f>
        <v>45320.083333331699</v>
      </c>
      <c r="X676" s="83">
        <v>43129.083333333336</v>
      </c>
      <c r="Y676">
        <v>189089.4026</v>
      </c>
      <c r="Z676">
        <v>18013.619409999999</v>
      </c>
      <c r="AA676">
        <v>51233.115700000002</v>
      </c>
      <c r="AB676">
        <v>45808.658029999999</v>
      </c>
      <c r="AC676">
        <v>40603.278319999998</v>
      </c>
      <c r="AD676">
        <v>20672.383689999999</v>
      </c>
      <c r="AE676">
        <v>34511.99121</v>
      </c>
      <c r="AF676">
        <v>45118.644130000001</v>
      </c>
      <c r="AG676">
        <v>20287.591100000001</v>
      </c>
      <c r="AH676">
        <v>229705.35130000001</v>
      </c>
      <c r="AI676">
        <v>80390.102140000003</v>
      </c>
      <c r="AJ676">
        <v>25621.421770000001</v>
      </c>
      <c r="AK676">
        <v>32877.797610000001</v>
      </c>
      <c r="AL676">
        <v>65727.732950000005</v>
      </c>
      <c r="AM676">
        <v>28804.487980000002</v>
      </c>
      <c r="AN676">
        <v>83245.94872</v>
      </c>
      <c r="AO676">
        <v>29216.82259</v>
      </c>
      <c r="AP676">
        <v>18431.026549999999</v>
      </c>
    </row>
    <row r="677" spans="2:42" x14ac:dyDescent="0.3">
      <c r="B677">
        <v>45.669313041044667</v>
      </c>
      <c r="C677" s="83">
        <v>43129.125</v>
      </c>
      <c r="D677">
        <v>193751.96739999999</v>
      </c>
      <c r="E677">
        <v>18201.337899999999</v>
      </c>
      <c r="F677">
        <v>52479.233050000003</v>
      </c>
      <c r="G677">
        <v>45056.75765</v>
      </c>
      <c r="H677">
        <v>41028.83743</v>
      </c>
      <c r="I677">
        <v>20708.151389999999</v>
      </c>
      <c r="J677">
        <v>35210.36419</v>
      </c>
      <c r="K677">
        <v>44595.084739999998</v>
      </c>
      <c r="L677">
        <v>19941.6113</v>
      </c>
      <c r="M677">
        <v>232843.45540000001</v>
      </c>
      <c r="N677">
        <v>80976.388739999995</v>
      </c>
      <c r="O677">
        <v>26096.267220000002</v>
      </c>
      <c r="P677">
        <v>32395.436160000001</v>
      </c>
      <c r="Q677">
        <v>71375.962329999995</v>
      </c>
      <c r="R677">
        <v>29136.955269999999</v>
      </c>
      <c r="S677">
        <v>81686.790420000005</v>
      </c>
      <c r="T677">
        <v>29523.687989999999</v>
      </c>
      <c r="U677">
        <v>18890.72061</v>
      </c>
      <c r="W677" s="83">
        <f>Bühler!N709</f>
        <v>45320.124999998363</v>
      </c>
      <c r="X677" s="83">
        <v>43129.125</v>
      </c>
      <c r="Y677">
        <v>193751.96739999999</v>
      </c>
      <c r="Z677">
        <v>18201.337899999999</v>
      </c>
      <c r="AA677">
        <v>52479.233050000003</v>
      </c>
      <c r="AB677">
        <v>45056.75765</v>
      </c>
      <c r="AC677">
        <v>41028.83743</v>
      </c>
      <c r="AD677">
        <v>20708.151389999999</v>
      </c>
      <c r="AE677">
        <v>35210.36419</v>
      </c>
      <c r="AF677">
        <v>44595.084739999998</v>
      </c>
      <c r="AG677">
        <v>19941.6113</v>
      </c>
      <c r="AH677">
        <v>232843.45540000001</v>
      </c>
      <c r="AI677">
        <v>80976.388739999995</v>
      </c>
      <c r="AJ677">
        <v>26096.267220000002</v>
      </c>
      <c r="AK677">
        <v>32395.436160000001</v>
      </c>
      <c r="AL677">
        <v>71375.962329999995</v>
      </c>
      <c r="AM677">
        <v>29136.955269999999</v>
      </c>
      <c r="AN677">
        <v>81686.790420000005</v>
      </c>
      <c r="AO677">
        <v>29523.687989999999</v>
      </c>
      <c r="AP677">
        <v>18890.72061</v>
      </c>
    </row>
    <row r="678" spans="2:42" x14ac:dyDescent="0.3">
      <c r="B678">
        <v>48.902514320486112</v>
      </c>
      <c r="C678" s="83">
        <v>43129.166666666664</v>
      </c>
      <c r="D678">
        <v>205303.56330000001</v>
      </c>
      <c r="E678">
        <v>19038.793529999999</v>
      </c>
      <c r="F678">
        <v>56561.945240000001</v>
      </c>
      <c r="G678">
        <v>45144.689480000001</v>
      </c>
      <c r="H678">
        <v>41810.844980000002</v>
      </c>
      <c r="I678">
        <v>24165.656029999998</v>
      </c>
      <c r="J678">
        <v>37551.276440000001</v>
      </c>
      <c r="K678">
        <v>45935.97062</v>
      </c>
      <c r="L678">
        <v>19792.401849999998</v>
      </c>
      <c r="M678">
        <v>249327.82329999999</v>
      </c>
      <c r="N678">
        <v>81329.675579999996</v>
      </c>
      <c r="O678">
        <v>26144.122340000002</v>
      </c>
      <c r="P678">
        <v>32536.852190000001</v>
      </c>
      <c r="Q678">
        <v>77241.643960000001</v>
      </c>
      <c r="R678">
        <v>29290.838599999999</v>
      </c>
      <c r="S678">
        <v>83412.951079999999</v>
      </c>
      <c r="T678">
        <v>29647.021430000001</v>
      </c>
      <c r="U678">
        <v>19966.5942</v>
      </c>
      <c r="W678" s="83">
        <f>Bühler!N710</f>
        <v>45320.166666665027</v>
      </c>
      <c r="X678" s="83">
        <v>43129.166666666664</v>
      </c>
      <c r="Y678">
        <v>205303.56330000001</v>
      </c>
      <c r="Z678">
        <v>19038.793529999999</v>
      </c>
      <c r="AA678">
        <v>56561.945240000001</v>
      </c>
      <c r="AB678">
        <v>45144.689480000001</v>
      </c>
      <c r="AC678">
        <v>41810.844980000002</v>
      </c>
      <c r="AD678">
        <v>24165.656029999998</v>
      </c>
      <c r="AE678">
        <v>37551.276440000001</v>
      </c>
      <c r="AF678">
        <v>45935.97062</v>
      </c>
      <c r="AG678">
        <v>19792.401849999998</v>
      </c>
      <c r="AH678">
        <v>249327.82329999999</v>
      </c>
      <c r="AI678">
        <v>81329.675579999996</v>
      </c>
      <c r="AJ678">
        <v>26144.122340000002</v>
      </c>
      <c r="AK678">
        <v>32536.852190000001</v>
      </c>
      <c r="AL678">
        <v>77241.643960000001</v>
      </c>
      <c r="AM678">
        <v>29290.838599999999</v>
      </c>
      <c r="AN678">
        <v>83412.951079999999</v>
      </c>
      <c r="AO678">
        <v>29647.021430000001</v>
      </c>
      <c r="AP678">
        <v>19966.5942</v>
      </c>
    </row>
    <row r="679" spans="2:42" x14ac:dyDescent="0.3">
      <c r="B679">
        <v>54.503621807457677</v>
      </c>
      <c r="C679" s="83">
        <v>43129.208333333336</v>
      </c>
      <c r="D679">
        <v>236365.54029999999</v>
      </c>
      <c r="E679">
        <v>21308.823970000001</v>
      </c>
      <c r="F679">
        <v>68637.477339999998</v>
      </c>
      <c r="G679">
        <v>48132.734069999999</v>
      </c>
      <c r="H679">
        <v>44565.640030000002</v>
      </c>
      <c r="I679">
        <v>32653.745470000002</v>
      </c>
      <c r="J679">
        <v>40315.389210000001</v>
      </c>
      <c r="K679">
        <v>46328.801740000003</v>
      </c>
      <c r="L679">
        <v>20823.654930000001</v>
      </c>
      <c r="M679">
        <v>277884.88130000001</v>
      </c>
      <c r="N679">
        <v>83385.512109999996</v>
      </c>
      <c r="O679">
        <v>27161.825110000002</v>
      </c>
      <c r="P679">
        <v>33612.22741</v>
      </c>
      <c r="Q679">
        <v>81991.255080000003</v>
      </c>
      <c r="R679">
        <v>31479.206989999999</v>
      </c>
      <c r="S679">
        <v>86177.389760000005</v>
      </c>
      <c r="T679">
        <v>31154.68939</v>
      </c>
      <c r="U679">
        <v>21362.86778</v>
      </c>
      <c r="W679" s="83">
        <f>Bühler!N711</f>
        <v>45320.208333331691</v>
      </c>
      <c r="X679" s="83">
        <v>43129.208333333336</v>
      </c>
      <c r="Y679">
        <v>236365.54029999999</v>
      </c>
      <c r="Z679">
        <v>21308.823970000001</v>
      </c>
      <c r="AA679">
        <v>68637.477339999998</v>
      </c>
      <c r="AB679">
        <v>48132.734069999999</v>
      </c>
      <c r="AC679">
        <v>44565.640030000002</v>
      </c>
      <c r="AD679">
        <v>32653.745470000002</v>
      </c>
      <c r="AE679">
        <v>40315.389210000001</v>
      </c>
      <c r="AF679">
        <v>46328.801740000003</v>
      </c>
      <c r="AG679">
        <v>20823.654930000001</v>
      </c>
      <c r="AH679">
        <v>277884.88130000001</v>
      </c>
      <c r="AI679">
        <v>83385.512109999996</v>
      </c>
      <c r="AJ679">
        <v>27161.825110000002</v>
      </c>
      <c r="AK679">
        <v>33612.22741</v>
      </c>
      <c r="AL679">
        <v>81991.255080000003</v>
      </c>
      <c r="AM679">
        <v>31479.206989999999</v>
      </c>
      <c r="AN679">
        <v>86177.389760000005</v>
      </c>
      <c r="AO679">
        <v>31154.68939</v>
      </c>
      <c r="AP679">
        <v>21362.86778</v>
      </c>
    </row>
    <row r="680" spans="2:42" x14ac:dyDescent="0.3">
      <c r="B680">
        <v>59.894051685133114</v>
      </c>
      <c r="C680" s="83">
        <v>43129.25</v>
      </c>
      <c r="D680">
        <v>262595.74949999998</v>
      </c>
      <c r="E680">
        <v>25558.308349999999</v>
      </c>
      <c r="F680">
        <v>80981.821490000002</v>
      </c>
      <c r="G680">
        <v>61280.505449999997</v>
      </c>
      <c r="H680">
        <v>48200.109700000001</v>
      </c>
      <c r="I680">
        <v>40304.84764</v>
      </c>
      <c r="J680">
        <v>43584.27347</v>
      </c>
      <c r="K680">
        <v>48578.886930000001</v>
      </c>
      <c r="L680">
        <v>22006.507730000001</v>
      </c>
      <c r="M680">
        <v>305367.80660000001</v>
      </c>
      <c r="N680">
        <v>84700.788549999997</v>
      </c>
      <c r="O680">
        <v>27664.259539999999</v>
      </c>
      <c r="P680">
        <v>33237.112549999998</v>
      </c>
      <c r="Q680">
        <v>86771.612880000001</v>
      </c>
      <c r="R680">
        <v>22780.54694</v>
      </c>
      <c r="S680">
        <v>93460.905570000003</v>
      </c>
      <c r="T680">
        <v>33653.375379999998</v>
      </c>
      <c r="U680">
        <v>22967.135559999999</v>
      </c>
      <c r="W680" s="83">
        <f>Bühler!N712</f>
        <v>45320.249999998356</v>
      </c>
      <c r="X680" s="83">
        <v>43129.25</v>
      </c>
      <c r="Y680">
        <v>262595.74949999998</v>
      </c>
      <c r="Z680">
        <v>25558.308349999999</v>
      </c>
      <c r="AA680">
        <v>80981.821490000002</v>
      </c>
      <c r="AB680">
        <v>61280.505449999997</v>
      </c>
      <c r="AC680">
        <v>48200.109700000001</v>
      </c>
      <c r="AD680">
        <v>40304.84764</v>
      </c>
      <c r="AE680">
        <v>43584.27347</v>
      </c>
      <c r="AF680">
        <v>48578.886930000001</v>
      </c>
      <c r="AG680">
        <v>22006.507730000001</v>
      </c>
      <c r="AH680">
        <v>305367.80660000001</v>
      </c>
      <c r="AI680">
        <v>84700.788549999997</v>
      </c>
      <c r="AJ680">
        <v>27664.259539999999</v>
      </c>
      <c r="AK680">
        <v>33237.112549999998</v>
      </c>
      <c r="AL680">
        <v>86771.612880000001</v>
      </c>
      <c r="AM680">
        <v>22780.54694</v>
      </c>
      <c r="AN680">
        <v>93460.905570000003</v>
      </c>
      <c r="AO680">
        <v>33653.375379999998</v>
      </c>
      <c r="AP680">
        <v>22967.135559999999</v>
      </c>
    </row>
    <row r="681" spans="2:42" x14ac:dyDescent="0.3">
      <c r="B681">
        <v>62.3856704284918</v>
      </c>
      <c r="C681" s="83">
        <v>43129.291666666664</v>
      </c>
      <c r="D681">
        <v>282220.19420000003</v>
      </c>
      <c r="E681">
        <v>31079.13263</v>
      </c>
      <c r="F681">
        <v>81699.878750000003</v>
      </c>
      <c r="G681">
        <v>77695.016300000003</v>
      </c>
      <c r="H681">
        <v>53923.961289999999</v>
      </c>
      <c r="I681">
        <v>48854.3125</v>
      </c>
      <c r="J681">
        <v>42306.63351</v>
      </c>
      <c r="K681">
        <v>54683.769390000001</v>
      </c>
      <c r="L681">
        <v>24487.258590000001</v>
      </c>
      <c r="M681">
        <v>318071.24089999998</v>
      </c>
      <c r="N681">
        <v>90373.082729999995</v>
      </c>
      <c r="O681">
        <v>30711.613239999999</v>
      </c>
      <c r="P681">
        <v>36394.277479999997</v>
      </c>
      <c r="Q681">
        <v>88869.0717</v>
      </c>
      <c r="R681">
        <v>24480.27333</v>
      </c>
      <c r="S681">
        <v>107346.3078</v>
      </c>
      <c r="T681">
        <v>35914.526859999998</v>
      </c>
      <c r="U681">
        <v>28069.095120000002</v>
      </c>
      <c r="W681" s="83">
        <f>Bühler!N713</f>
        <v>45320.29166666502</v>
      </c>
      <c r="X681" s="83">
        <v>43129.291666666664</v>
      </c>
      <c r="Y681">
        <v>282220.19420000003</v>
      </c>
      <c r="Z681">
        <v>31079.13263</v>
      </c>
      <c r="AA681">
        <v>81699.878750000003</v>
      </c>
      <c r="AB681">
        <v>77695.016300000003</v>
      </c>
      <c r="AC681">
        <v>53923.961289999999</v>
      </c>
      <c r="AD681">
        <v>48854.3125</v>
      </c>
      <c r="AE681">
        <v>42306.63351</v>
      </c>
      <c r="AF681">
        <v>54683.769390000001</v>
      </c>
      <c r="AG681">
        <v>24487.258590000001</v>
      </c>
      <c r="AH681">
        <v>318071.24089999998</v>
      </c>
      <c r="AI681">
        <v>90373.082729999995</v>
      </c>
      <c r="AJ681">
        <v>30711.613239999999</v>
      </c>
      <c r="AK681">
        <v>36394.277479999997</v>
      </c>
      <c r="AL681">
        <v>88869.0717</v>
      </c>
      <c r="AM681">
        <v>24480.27333</v>
      </c>
      <c r="AN681">
        <v>107346.3078</v>
      </c>
      <c r="AO681">
        <v>35914.526859999998</v>
      </c>
      <c r="AP681">
        <v>28069.095120000002</v>
      </c>
    </row>
    <row r="682" spans="2:42" x14ac:dyDescent="0.3">
      <c r="B682">
        <v>64.012187589497358</v>
      </c>
      <c r="C682" s="83">
        <v>43129.333333333336</v>
      </c>
      <c r="D682">
        <v>299476.03200000001</v>
      </c>
      <c r="E682">
        <v>37436.437209999996</v>
      </c>
      <c r="F682">
        <v>87208.400460000004</v>
      </c>
      <c r="G682">
        <v>96012.244959999996</v>
      </c>
      <c r="H682">
        <v>60192.242109999999</v>
      </c>
      <c r="I682">
        <v>52528.876969999998</v>
      </c>
      <c r="J682">
        <v>42855.636039999998</v>
      </c>
      <c r="K682">
        <v>59323.202550000002</v>
      </c>
      <c r="L682">
        <v>27881.149679999999</v>
      </c>
      <c r="M682">
        <v>326363.98389999999</v>
      </c>
      <c r="N682">
        <v>97337.080170000001</v>
      </c>
      <c r="O682">
        <v>32458.845679999999</v>
      </c>
      <c r="P682">
        <v>39080.284</v>
      </c>
      <c r="Q682">
        <v>91104.519679999998</v>
      </c>
      <c r="R682">
        <v>26522.78426</v>
      </c>
      <c r="S682">
        <v>122939.8965</v>
      </c>
      <c r="T682">
        <v>39859.299610000002</v>
      </c>
      <c r="U682">
        <v>31964.986570000001</v>
      </c>
      <c r="W682" s="83">
        <f>Bühler!N714</f>
        <v>45320.333333331684</v>
      </c>
      <c r="X682" s="83">
        <v>43129.333333333336</v>
      </c>
      <c r="Y682">
        <v>299476.03200000001</v>
      </c>
      <c r="Z682">
        <v>37436.437209999996</v>
      </c>
      <c r="AA682">
        <v>87208.400460000004</v>
      </c>
      <c r="AB682">
        <v>96012.244959999996</v>
      </c>
      <c r="AC682">
        <v>60192.242109999999</v>
      </c>
      <c r="AD682">
        <v>52528.876969999998</v>
      </c>
      <c r="AE682">
        <v>42855.636039999998</v>
      </c>
      <c r="AF682">
        <v>59323.202550000002</v>
      </c>
      <c r="AG682">
        <v>27881.149679999999</v>
      </c>
      <c r="AH682">
        <v>326363.98389999999</v>
      </c>
      <c r="AI682">
        <v>97337.080170000001</v>
      </c>
      <c r="AJ682">
        <v>32458.845679999999</v>
      </c>
      <c r="AK682">
        <v>39080.284</v>
      </c>
      <c r="AL682">
        <v>91104.519679999998</v>
      </c>
      <c r="AM682">
        <v>26522.78426</v>
      </c>
      <c r="AN682">
        <v>122939.8965</v>
      </c>
      <c r="AO682">
        <v>39859.299610000002</v>
      </c>
      <c r="AP682">
        <v>31964.986570000001</v>
      </c>
    </row>
    <row r="683" spans="2:42" x14ac:dyDescent="0.3">
      <c r="B683">
        <v>64.448885755312062</v>
      </c>
      <c r="C683" s="83">
        <v>43129.375</v>
      </c>
      <c r="D683">
        <v>303305.3652</v>
      </c>
      <c r="E683">
        <v>41508.012069999997</v>
      </c>
      <c r="F683">
        <v>92744.58511</v>
      </c>
      <c r="G683">
        <v>106397.5662</v>
      </c>
      <c r="H683">
        <v>61826.722399999999</v>
      </c>
      <c r="I683">
        <v>48883.374450000003</v>
      </c>
      <c r="J683">
        <v>41685.117630000001</v>
      </c>
      <c r="K683">
        <v>57965.516130000004</v>
      </c>
      <c r="L683">
        <v>31132.645860000001</v>
      </c>
      <c r="M683">
        <v>328590.47480000003</v>
      </c>
      <c r="N683">
        <v>104934.59420000001</v>
      </c>
      <c r="O683">
        <v>32371.774420000002</v>
      </c>
      <c r="P683">
        <v>39327.95809</v>
      </c>
      <c r="Q683">
        <v>91459.047680000003</v>
      </c>
      <c r="R683">
        <v>25373.921310000002</v>
      </c>
      <c r="S683">
        <v>130096.0102</v>
      </c>
      <c r="T683">
        <v>41483.167999999998</v>
      </c>
      <c r="U683">
        <v>31835.46329</v>
      </c>
      <c r="W683" s="83">
        <f>Bühler!N715</f>
        <v>45320.374999998348</v>
      </c>
      <c r="X683" s="83">
        <v>43129.375</v>
      </c>
      <c r="Y683">
        <v>303305.3652</v>
      </c>
      <c r="Z683">
        <v>41508.012069999997</v>
      </c>
      <c r="AA683">
        <v>92744.58511</v>
      </c>
      <c r="AB683">
        <v>106397.5662</v>
      </c>
      <c r="AC683">
        <v>61826.722399999999</v>
      </c>
      <c r="AD683">
        <v>48883.374450000003</v>
      </c>
      <c r="AE683">
        <v>41685.117630000001</v>
      </c>
      <c r="AF683">
        <v>57965.516130000004</v>
      </c>
      <c r="AG683">
        <v>31132.645860000001</v>
      </c>
      <c r="AH683">
        <v>328590.47480000003</v>
      </c>
      <c r="AI683">
        <v>104934.59420000001</v>
      </c>
      <c r="AJ683">
        <v>32371.774420000002</v>
      </c>
      <c r="AK683">
        <v>39327.95809</v>
      </c>
      <c r="AL683">
        <v>91459.047680000003</v>
      </c>
      <c r="AM683">
        <v>25373.921310000002</v>
      </c>
      <c r="AN683">
        <v>130096.0102</v>
      </c>
      <c r="AO683">
        <v>41483.167999999998</v>
      </c>
      <c r="AP683">
        <v>31835.46329</v>
      </c>
    </row>
    <row r="684" spans="2:42" x14ac:dyDescent="0.3">
      <c r="B684">
        <v>65.470752361967271</v>
      </c>
      <c r="C684" s="83">
        <v>43129.416666666664</v>
      </c>
      <c r="D684">
        <v>307426.96730000002</v>
      </c>
      <c r="E684">
        <v>43219.67121</v>
      </c>
      <c r="F684">
        <v>93316.162509999995</v>
      </c>
      <c r="G684">
        <v>108771.1621</v>
      </c>
      <c r="H684">
        <v>62590.913260000001</v>
      </c>
      <c r="I684">
        <v>45293.478640000001</v>
      </c>
      <c r="J684">
        <v>40190.784149999999</v>
      </c>
      <c r="K684">
        <v>60511.990449999998</v>
      </c>
      <c r="L684">
        <v>32948.17383</v>
      </c>
      <c r="M684">
        <v>333800.42729999998</v>
      </c>
      <c r="N684">
        <v>110060.5122</v>
      </c>
      <c r="O684">
        <v>32392.40526</v>
      </c>
      <c r="P684">
        <v>39659.075530000002</v>
      </c>
      <c r="Q684">
        <v>92139.524019999997</v>
      </c>
      <c r="R684">
        <v>25770.52851</v>
      </c>
      <c r="S684">
        <v>131431.8983</v>
      </c>
      <c r="T684">
        <v>42571.924859999999</v>
      </c>
      <c r="U684">
        <v>31282.73243</v>
      </c>
      <c r="W684" s="83">
        <f>Bühler!N716</f>
        <v>45320.416666665013</v>
      </c>
      <c r="X684" s="83">
        <v>43129.416666666664</v>
      </c>
      <c r="Y684">
        <v>307426.96730000002</v>
      </c>
      <c r="Z684">
        <v>43219.67121</v>
      </c>
      <c r="AA684">
        <v>93316.162509999995</v>
      </c>
      <c r="AB684">
        <v>108771.1621</v>
      </c>
      <c r="AC684">
        <v>62590.913260000001</v>
      </c>
      <c r="AD684">
        <v>45293.478640000001</v>
      </c>
      <c r="AE684">
        <v>40190.784149999999</v>
      </c>
      <c r="AF684">
        <v>60511.990449999998</v>
      </c>
      <c r="AG684">
        <v>32948.17383</v>
      </c>
      <c r="AH684">
        <v>333800.42729999998</v>
      </c>
      <c r="AI684">
        <v>110060.5122</v>
      </c>
      <c r="AJ684">
        <v>32392.40526</v>
      </c>
      <c r="AK684">
        <v>39659.075530000002</v>
      </c>
      <c r="AL684">
        <v>92139.524019999997</v>
      </c>
      <c r="AM684">
        <v>25770.52851</v>
      </c>
      <c r="AN684">
        <v>131431.8983</v>
      </c>
      <c r="AO684">
        <v>42571.924859999999</v>
      </c>
      <c r="AP684">
        <v>31282.73243</v>
      </c>
    </row>
    <row r="685" spans="2:42" x14ac:dyDescent="0.3">
      <c r="B685">
        <v>65.460711518983047</v>
      </c>
      <c r="C685" s="83">
        <v>43129.458333333336</v>
      </c>
      <c r="D685">
        <v>304860.3995</v>
      </c>
      <c r="E685">
        <v>42518.487099999998</v>
      </c>
      <c r="F685">
        <v>93805.721829999995</v>
      </c>
      <c r="G685">
        <v>106125.69070000001</v>
      </c>
      <c r="H685">
        <v>62334.893170000003</v>
      </c>
      <c r="I685">
        <v>46126.004410000001</v>
      </c>
      <c r="J685">
        <v>40132.991820000003</v>
      </c>
      <c r="K685">
        <v>66982.269759999996</v>
      </c>
      <c r="L685">
        <v>34286.768029999999</v>
      </c>
      <c r="M685">
        <v>333749.23440000002</v>
      </c>
      <c r="N685">
        <v>110941.34940000001</v>
      </c>
      <c r="O685">
        <v>32145.313539999999</v>
      </c>
      <c r="P685">
        <v>40234.084170000002</v>
      </c>
      <c r="Q685">
        <v>93184.722980000006</v>
      </c>
      <c r="R685">
        <v>30017.382730000001</v>
      </c>
      <c r="S685">
        <v>131238.60769999999</v>
      </c>
      <c r="T685">
        <v>43425.653359999997</v>
      </c>
      <c r="U685">
        <v>31151.092400000001</v>
      </c>
      <c r="W685" s="83">
        <f>Bühler!N717</f>
        <v>45320.458333331677</v>
      </c>
      <c r="X685" s="83">
        <v>43129.458333333336</v>
      </c>
      <c r="Y685">
        <v>304860.3995</v>
      </c>
      <c r="Z685">
        <v>42518.487099999998</v>
      </c>
      <c r="AA685">
        <v>93805.721829999995</v>
      </c>
      <c r="AB685">
        <v>106125.69070000001</v>
      </c>
      <c r="AC685">
        <v>62334.893170000003</v>
      </c>
      <c r="AD685">
        <v>46126.004410000001</v>
      </c>
      <c r="AE685">
        <v>40132.991820000003</v>
      </c>
      <c r="AF685">
        <v>66982.269759999996</v>
      </c>
      <c r="AG685">
        <v>34286.768029999999</v>
      </c>
      <c r="AH685">
        <v>333749.23440000002</v>
      </c>
      <c r="AI685">
        <v>110941.34940000001</v>
      </c>
      <c r="AJ685">
        <v>32145.313539999999</v>
      </c>
      <c r="AK685">
        <v>40234.084170000002</v>
      </c>
      <c r="AL685">
        <v>93184.722980000006</v>
      </c>
      <c r="AM685">
        <v>30017.382730000001</v>
      </c>
      <c r="AN685">
        <v>131238.60769999999</v>
      </c>
      <c r="AO685">
        <v>43425.653359999997</v>
      </c>
      <c r="AP685">
        <v>31151.092400000001</v>
      </c>
    </row>
    <row r="686" spans="2:42" x14ac:dyDescent="0.3">
      <c r="B686">
        <v>65.025990987092683</v>
      </c>
      <c r="C686" s="83">
        <v>43129.5</v>
      </c>
      <c r="D686">
        <v>295574.10940000002</v>
      </c>
      <c r="E686">
        <v>38442.344879999997</v>
      </c>
      <c r="F686">
        <v>88436.432100000005</v>
      </c>
      <c r="G686">
        <v>104453.5923</v>
      </c>
      <c r="H686">
        <v>59203.79421</v>
      </c>
      <c r="I686">
        <v>43796.043709999998</v>
      </c>
      <c r="J686">
        <v>40896.510269999999</v>
      </c>
      <c r="K686">
        <v>65151.220379999999</v>
      </c>
      <c r="L686">
        <v>36220.610119999998</v>
      </c>
      <c r="M686">
        <v>331532.82640000002</v>
      </c>
      <c r="N686">
        <v>105857.2243</v>
      </c>
      <c r="O686">
        <v>31597.702829999998</v>
      </c>
      <c r="P686">
        <v>39380.991249999999</v>
      </c>
      <c r="Q686">
        <v>92938.1397</v>
      </c>
      <c r="R686">
        <v>29131.277559999999</v>
      </c>
      <c r="S686">
        <v>122966.3459</v>
      </c>
      <c r="T686">
        <v>42885.084970000004</v>
      </c>
      <c r="U686">
        <v>27282.97926</v>
      </c>
      <c r="W686" s="83">
        <f>Bühler!N718</f>
        <v>45320.499999998341</v>
      </c>
      <c r="X686" s="83">
        <v>43129.5</v>
      </c>
      <c r="Y686">
        <v>295574.10940000002</v>
      </c>
      <c r="Z686">
        <v>38442.344879999997</v>
      </c>
      <c r="AA686">
        <v>88436.432100000005</v>
      </c>
      <c r="AB686">
        <v>104453.5923</v>
      </c>
      <c r="AC686">
        <v>59203.79421</v>
      </c>
      <c r="AD686">
        <v>43796.043709999998</v>
      </c>
      <c r="AE686">
        <v>40896.510269999999</v>
      </c>
      <c r="AF686">
        <v>65151.220379999999</v>
      </c>
      <c r="AG686">
        <v>36220.610119999998</v>
      </c>
      <c r="AH686">
        <v>331532.82640000002</v>
      </c>
      <c r="AI686">
        <v>105857.2243</v>
      </c>
      <c r="AJ686">
        <v>31597.702829999998</v>
      </c>
      <c r="AK686">
        <v>39380.991249999999</v>
      </c>
      <c r="AL686">
        <v>92938.1397</v>
      </c>
      <c r="AM686">
        <v>29131.277559999999</v>
      </c>
      <c r="AN686">
        <v>122966.3459</v>
      </c>
      <c r="AO686">
        <v>42885.084970000004</v>
      </c>
      <c r="AP686">
        <v>27282.97926</v>
      </c>
    </row>
    <row r="687" spans="2:42" x14ac:dyDescent="0.3">
      <c r="B687">
        <v>65.22332609387189</v>
      </c>
      <c r="C687" s="83">
        <v>43129.541666666664</v>
      </c>
      <c r="D687">
        <v>298616.28610000003</v>
      </c>
      <c r="E687">
        <v>37974.427360000001</v>
      </c>
      <c r="F687">
        <v>84546.349979999999</v>
      </c>
      <c r="G687">
        <v>102047.34819999999</v>
      </c>
      <c r="H687">
        <v>59645.65524</v>
      </c>
      <c r="I687">
        <v>43765.541850000001</v>
      </c>
      <c r="J687">
        <v>39842.889430000003</v>
      </c>
      <c r="K687">
        <v>65398.771699999998</v>
      </c>
      <c r="L687">
        <v>34819.710959999997</v>
      </c>
      <c r="M687">
        <v>332538.93280000001</v>
      </c>
      <c r="N687">
        <v>105786.97349999999</v>
      </c>
      <c r="O687">
        <v>31207.75992</v>
      </c>
      <c r="P687">
        <v>38803.436240000003</v>
      </c>
      <c r="Q687">
        <v>91756.690130000003</v>
      </c>
      <c r="R687">
        <v>28754.525600000001</v>
      </c>
      <c r="S687">
        <v>124038.6151</v>
      </c>
      <c r="T687">
        <v>41263.252589999996</v>
      </c>
      <c r="U687">
        <v>28087.566620000001</v>
      </c>
      <c r="W687" s="83">
        <f>Bühler!N719</f>
        <v>45320.541666665005</v>
      </c>
      <c r="X687" s="83">
        <v>43129.541666666664</v>
      </c>
      <c r="Y687">
        <v>298616.28610000003</v>
      </c>
      <c r="Z687">
        <v>37974.427360000001</v>
      </c>
      <c r="AA687">
        <v>84546.349979999999</v>
      </c>
      <c r="AB687">
        <v>102047.34819999999</v>
      </c>
      <c r="AC687">
        <v>59645.65524</v>
      </c>
      <c r="AD687">
        <v>43765.541850000001</v>
      </c>
      <c r="AE687">
        <v>39842.889430000003</v>
      </c>
      <c r="AF687">
        <v>65398.771699999998</v>
      </c>
      <c r="AG687">
        <v>34819.710959999997</v>
      </c>
      <c r="AH687">
        <v>332538.93280000001</v>
      </c>
      <c r="AI687">
        <v>105786.97349999999</v>
      </c>
      <c r="AJ687">
        <v>31207.75992</v>
      </c>
      <c r="AK687">
        <v>38803.436240000003</v>
      </c>
      <c r="AL687">
        <v>91756.690130000003</v>
      </c>
      <c r="AM687">
        <v>28754.525600000001</v>
      </c>
      <c r="AN687">
        <v>124038.6151</v>
      </c>
      <c r="AO687">
        <v>41263.252589999996</v>
      </c>
      <c r="AP687">
        <v>28087.566620000001</v>
      </c>
    </row>
    <row r="688" spans="2:42" x14ac:dyDescent="0.3">
      <c r="B688">
        <v>65.732369466119493</v>
      </c>
      <c r="C688" s="83">
        <v>43129.583333333336</v>
      </c>
      <c r="D688">
        <v>301507.20750000002</v>
      </c>
      <c r="E688">
        <v>40753.608650000002</v>
      </c>
      <c r="F688">
        <v>92299.145959999994</v>
      </c>
      <c r="G688">
        <v>95311.090909999999</v>
      </c>
      <c r="H688">
        <v>58744.469019999997</v>
      </c>
      <c r="I688">
        <v>43844.312189999997</v>
      </c>
      <c r="J688">
        <v>37150.729370000001</v>
      </c>
      <c r="K688">
        <v>67026.440560000003</v>
      </c>
      <c r="L688">
        <v>31542.267500000002</v>
      </c>
      <c r="M688">
        <v>335134.2733</v>
      </c>
      <c r="N688">
        <v>108883.8884</v>
      </c>
      <c r="O688">
        <v>30552.043320000001</v>
      </c>
      <c r="P688">
        <v>36531.414810000002</v>
      </c>
      <c r="Q688">
        <v>91034.632840000006</v>
      </c>
      <c r="R688">
        <v>27693.158490000002</v>
      </c>
      <c r="S688">
        <v>117471.86689999999</v>
      </c>
      <c r="T688">
        <v>40072.096189999997</v>
      </c>
      <c r="U688">
        <v>28840.50532</v>
      </c>
      <c r="W688" s="83">
        <f>Bühler!N720</f>
        <v>45320.58333333167</v>
      </c>
      <c r="X688" s="83">
        <v>43129.583333333336</v>
      </c>
      <c r="Y688">
        <v>301507.20750000002</v>
      </c>
      <c r="Z688">
        <v>40753.608650000002</v>
      </c>
      <c r="AA688">
        <v>92299.145959999994</v>
      </c>
      <c r="AB688">
        <v>95311.090909999999</v>
      </c>
      <c r="AC688">
        <v>58744.469019999997</v>
      </c>
      <c r="AD688">
        <v>43844.312189999997</v>
      </c>
      <c r="AE688">
        <v>37150.729370000001</v>
      </c>
      <c r="AF688">
        <v>67026.440560000003</v>
      </c>
      <c r="AG688">
        <v>31542.267500000002</v>
      </c>
      <c r="AH688">
        <v>335134.2733</v>
      </c>
      <c r="AI688">
        <v>108883.8884</v>
      </c>
      <c r="AJ688">
        <v>30552.043320000001</v>
      </c>
      <c r="AK688">
        <v>36531.414810000002</v>
      </c>
      <c r="AL688">
        <v>91034.632840000006</v>
      </c>
      <c r="AM688">
        <v>27693.158490000002</v>
      </c>
      <c r="AN688">
        <v>117471.86689999999</v>
      </c>
      <c r="AO688">
        <v>40072.096189999997</v>
      </c>
      <c r="AP688">
        <v>28840.50532</v>
      </c>
    </row>
    <row r="689" spans="2:42" x14ac:dyDescent="0.3">
      <c r="B689">
        <v>64.912604124999916</v>
      </c>
      <c r="C689" s="83">
        <v>43129.625</v>
      </c>
      <c r="D689">
        <v>297933.43819999998</v>
      </c>
      <c r="E689">
        <v>40356.286240000001</v>
      </c>
      <c r="F689">
        <v>93328.547909999994</v>
      </c>
      <c r="G689">
        <v>90976.286970000001</v>
      </c>
      <c r="H689">
        <v>56605.747929999998</v>
      </c>
      <c r="I689">
        <v>44363.759420000002</v>
      </c>
      <c r="J689">
        <v>36533.084490000001</v>
      </c>
      <c r="K689">
        <v>66157.235579999993</v>
      </c>
      <c r="L689">
        <v>28971.92308</v>
      </c>
      <c r="M689">
        <v>330954.72730000003</v>
      </c>
      <c r="N689">
        <v>106008.4145</v>
      </c>
      <c r="O689">
        <v>30154.340120000001</v>
      </c>
      <c r="P689">
        <v>34101.077369999999</v>
      </c>
      <c r="Q689">
        <v>90150.684590000004</v>
      </c>
      <c r="R689">
        <v>26681.271049999999</v>
      </c>
      <c r="S689">
        <v>114865.8659</v>
      </c>
      <c r="T689">
        <v>39254.945760000002</v>
      </c>
      <c r="U689">
        <v>28044.531869999999</v>
      </c>
      <c r="W689" s="83">
        <f>Bühler!N721</f>
        <v>45320.624999998334</v>
      </c>
      <c r="X689" s="83">
        <v>43129.625</v>
      </c>
      <c r="Y689">
        <v>297933.43819999998</v>
      </c>
      <c r="Z689">
        <v>40356.286240000001</v>
      </c>
      <c r="AA689">
        <v>93328.547909999994</v>
      </c>
      <c r="AB689">
        <v>90976.286970000001</v>
      </c>
      <c r="AC689">
        <v>56605.747929999998</v>
      </c>
      <c r="AD689">
        <v>44363.759420000002</v>
      </c>
      <c r="AE689">
        <v>36533.084490000001</v>
      </c>
      <c r="AF689">
        <v>66157.235579999993</v>
      </c>
      <c r="AG689">
        <v>28971.92308</v>
      </c>
      <c r="AH689">
        <v>330954.72730000003</v>
      </c>
      <c r="AI689">
        <v>106008.4145</v>
      </c>
      <c r="AJ689">
        <v>30154.340120000001</v>
      </c>
      <c r="AK689">
        <v>34101.077369999999</v>
      </c>
      <c r="AL689">
        <v>90150.684590000004</v>
      </c>
      <c r="AM689">
        <v>26681.271049999999</v>
      </c>
      <c r="AN689">
        <v>114865.8659</v>
      </c>
      <c r="AO689">
        <v>39254.945760000002</v>
      </c>
      <c r="AP689">
        <v>28044.531869999999</v>
      </c>
    </row>
    <row r="690" spans="2:42" x14ac:dyDescent="0.3">
      <c r="B690">
        <v>64.365232109020383</v>
      </c>
      <c r="C690" s="83">
        <v>43129.666666666664</v>
      </c>
      <c r="D690">
        <v>291764.65210000001</v>
      </c>
      <c r="E690">
        <v>39632.348440000002</v>
      </c>
      <c r="F690">
        <v>92847.227790000004</v>
      </c>
      <c r="G690">
        <v>86868.620139999999</v>
      </c>
      <c r="H690">
        <v>55889.915110000002</v>
      </c>
      <c r="I690">
        <v>45875.008099999999</v>
      </c>
      <c r="J690">
        <v>38113.61922</v>
      </c>
      <c r="K690">
        <v>61814.937230000003</v>
      </c>
      <c r="L690">
        <v>27494.739850000002</v>
      </c>
      <c r="M690">
        <v>328163.96950000001</v>
      </c>
      <c r="N690">
        <v>100575.977</v>
      </c>
      <c r="O690">
        <v>29956.740099999999</v>
      </c>
      <c r="P690">
        <v>36438.634810000003</v>
      </c>
      <c r="Q690">
        <v>89976.172820000007</v>
      </c>
      <c r="R690">
        <v>27449.84261</v>
      </c>
      <c r="S690">
        <v>111828.6203</v>
      </c>
      <c r="T690">
        <v>38890.496039999998</v>
      </c>
      <c r="U690">
        <v>26262.0527</v>
      </c>
      <c r="W690" s="83">
        <f>Bühler!N722</f>
        <v>45320.666666664998</v>
      </c>
      <c r="X690" s="83">
        <v>43129.666666666664</v>
      </c>
      <c r="Y690">
        <v>291764.65210000001</v>
      </c>
      <c r="Z690">
        <v>39632.348440000002</v>
      </c>
      <c r="AA690">
        <v>92847.227790000004</v>
      </c>
      <c r="AB690">
        <v>86868.620139999999</v>
      </c>
      <c r="AC690">
        <v>55889.915110000002</v>
      </c>
      <c r="AD690">
        <v>45875.008099999999</v>
      </c>
      <c r="AE690">
        <v>38113.61922</v>
      </c>
      <c r="AF690">
        <v>61814.937230000003</v>
      </c>
      <c r="AG690">
        <v>27494.739850000002</v>
      </c>
      <c r="AH690">
        <v>328163.96950000001</v>
      </c>
      <c r="AI690">
        <v>100575.977</v>
      </c>
      <c r="AJ690">
        <v>29956.740099999999</v>
      </c>
      <c r="AK690">
        <v>36438.634810000003</v>
      </c>
      <c r="AL690">
        <v>89976.172820000007</v>
      </c>
      <c r="AM690">
        <v>27449.84261</v>
      </c>
      <c r="AN690">
        <v>111828.6203</v>
      </c>
      <c r="AO690">
        <v>38890.496039999998</v>
      </c>
      <c r="AP690">
        <v>26262.0527</v>
      </c>
    </row>
    <row r="691" spans="2:42" x14ac:dyDescent="0.3">
      <c r="B691">
        <v>63.316867318217462</v>
      </c>
      <c r="C691" s="83">
        <v>43129.708333333336</v>
      </c>
      <c r="D691">
        <v>281718.85879999999</v>
      </c>
      <c r="E691">
        <v>37875.623829999997</v>
      </c>
      <c r="F691">
        <v>94206.852190000005</v>
      </c>
      <c r="G691">
        <v>78897.677559999996</v>
      </c>
      <c r="H691">
        <v>54209.027929999997</v>
      </c>
      <c r="I691">
        <v>44278.492429999998</v>
      </c>
      <c r="J691">
        <v>38817.561739999997</v>
      </c>
      <c r="K691">
        <v>56717.616349999997</v>
      </c>
      <c r="L691">
        <v>28420.46416</v>
      </c>
      <c r="M691">
        <v>322818.91690000001</v>
      </c>
      <c r="N691">
        <v>92443.559779999996</v>
      </c>
      <c r="O691">
        <v>29569.083320000002</v>
      </c>
      <c r="P691">
        <v>37642.742989999999</v>
      </c>
      <c r="Q691">
        <v>89009.946429999996</v>
      </c>
      <c r="R691">
        <v>26914.157299999999</v>
      </c>
      <c r="S691">
        <v>111909.4492</v>
      </c>
      <c r="T691">
        <v>40376.185799999999</v>
      </c>
      <c r="U691">
        <v>24416.412970000001</v>
      </c>
      <c r="W691" s="83">
        <f>Bühler!N723</f>
        <v>45320.708333331662</v>
      </c>
      <c r="X691" s="83">
        <v>43129.708333333336</v>
      </c>
      <c r="Y691">
        <v>281718.85879999999</v>
      </c>
      <c r="Z691">
        <v>37875.623829999997</v>
      </c>
      <c r="AA691">
        <v>94206.852190000005</v>
      </c>
      <c r="AB691">
        <v>78897.677559999996</v>
      </c>
      <c r="AC691">
        <v>54209.027929999997</v>
      </c>
      <c r="AD691">
        <v>44278.492429999998</v>
      </c>
      <c r="AE691">
        <v>38817.561739999997</v>
      </c>
      <c r="AF691">
        <v>56717.616349999997</v>
      </c>
      <c r="AG691">
        <v>28420.46416</v>
      </c>
      <c r="AH691">
        <v>322818.91690000001</v>
      </c>
      <c r="AI691">
        <v>92443.559779999996</v>
      </c>
      <c r="AJ691">
        <v>29569.083320000002</v>
      </c>
      <c r="AK691">
        <v>37642.742989999999</v>
      </c>
      <c r="AL691">
        <v>89009.946429999996</v>
      </c>
      <c r="AM691">
        <v>26914.157299999999</v>
      </c>
      <c r="AN691">
        <v>111909.4492</v>
      </c>
      <c r="AO691">
        <v>40376.185799999999</v>
      </c>
      <c r="AP691">
        <v>24416.412970000001</v>
      </c>
    </row>
    <row r="692" spans="2:42" x14ac:dyDescent="0.3">
      <c r="B692">
        <v>61.615012364582164</v>
      </c>
      <c r="C692" s="83">
        <v>43129.75</v>
      </c>
      <c r="D692">
        <v>274719.02860000002</v>
      </c>
      <c r="E692">
        <v>34643.578560000002</v>
      </c>
      <c r="F692">
        <v>92098.895810000002</v>
      </c>
      <c r="G692">
        <v>69572.917449999994</v>
      </c>
      <c r="H692">
        <v>52434.688629999997</v>
      </c>
      <c r="I692">
        <v>43790.599300000002</v>
      </c>
      <c r="J692">
        <v>40639.220889999997</v>
      </c>
      <c r="K692">
        <v>49434.985820000002</v>
      </c>
      <c r="L692">
        <v>30002.57705</v>
      </c>
      <c r="M692">
        <v>314142.06670000002</v>
      </c>
      <c r="N692">
        <v>89340.326979999998</v>
      </c>
      <c r="O692">
        <v>27793.056980000001</v>
      </c>
      <c r="P692">
        <v>40811.125740000003</v>
      </c>
      <c r="Q692">
        <v>88061.748779999994</v>
      </c>
      <c r="R692">
        <v>22854.779559999999</v>
      </c>
      <c r="S692">
        <v>106866.5892</v>
      </c>
      <c r="T692">
        <v>39930.68535</v>
      </c>
      <c r="U692">
        <v>23122.426329999998</v>
      </c>
      <c r="W692" s="83">
        <f>Bühler!N724</f>
        <v>45320.749999998327</v>
      </c>
      <c r="X692" s="83">
        <v>43129.75</v>
      </c>
      <c r="Y692">
        <v>274719.02860000002</v>
      </c>
      <c r="Z692">
        <v>34643.578560000002</v>
      </c>
      <c r="AA692">
        <v>92098.895810000002</v>
      </c>
      <c r="AB692">
        <v>69572.917449999994</v>
      </c>
      <c r="AC692">
        <v>52434.688629999997</v>
      </c>
      <c r="AD692">
        <v>43790.599300000002</v>
      </c>
      <c r="AE692">
        <v>40639.220889999997</v>
      </c>
      <c r="AF692">
        <v>49434.985820000002</v>
      </c>
      <c r="AG692">
        <v>30002.57705</v>
      </c>
      <c r="AH692">
        <v>314142.06670000002</v>
      </c>
      <c r="AI692">
        <v>89340.326979999998</v>
      </c>
      <c r="AJ692">
        <v>27793.056980000001</v>
      </c>
      <c r="AK692">
        <v>40811.125740000003</v>
      </c>
      <c r="AL692">
        <v>88061.748779999994</v>
      </c>
      <c r="AM692">
        <v>22854.779559999999</v>
      </c>
      <c r="AN692">
        <v>106866.5892</v>
      </c>
      <c r="AO692">
        <v>39930.68535</v>
      </c>
      <c r="AP692">
        <v>23122.426329999998</v>
      </c>
    </row>
    <row r="693" spans="2:42" x14ac:dyDescent="0.3">
      <c r="B693">
        <v>60.916407752703158</v>
      </c>
      <c r="C693" s="83">
        <v>43129.791666666664</v>
      </c>
      <c r="D693">
        <v>269237.4375</v>
      </c>
      <c r="E693">
        <v>28103.483489999999</v>
      </c>
      <c r="F693">
        <v>77994.667690000002</v>
      </c>
      <c r="G693">
        <v>61698.155839999999</v>
      </c>
      <c r="H693">
        <v>49297.148869999997</v>
      </c>
      <c r="I693">
        <v>40479.052320000003</v>
      </c>
      <c r="J693">
        <v>40122.154779999997</v>
      </c>
      <c r="K693">
        <v>49269.253270000001</v>
      </c>
      <c r="L693">
        <v>30137.136159999998</v>
      </c>
      <c r="M693">
        <v>310580.25459999999</v>
      </c>
      <c r="N693">
        <v>89381.547260000007</v>
      </c>
      <c r="O693">
        <v>26089.442190000002</v>
      </c>
      <c r="P693">
        <v>42399.855080000001</v>
      </c>
      <c r="Q693">
        <v>86666.115309999994</v>
      </c>
      <c r="R693">
        <v>21997.145250000001</v>
      </c>
      <c r="S693">
        <v>101214.25539999999</v>
      </c>
      <c r="T693">
        <v>39761.394160000003</v>
      </c>
      <c r="U693">
        <v>21151.526450000001</v>
      </c>
      <c r="W693" s="83">
        <f>Bühler!N725</f>
        <v>45320.791666664991</v>
      </c>
      <c r="X693" s="83">
        <v>43129.791666666664</v>
      </c>
      <c r="Y693">
        <v>269237.4375</v>
      </c>
      <c r="Z693">
        <v>28103.483489999999</v>
      </c>
      <c r="AA693">
        <v>77994.667690000002</v>
      </c>
      <c r="AB693">
        <v>61698.155839999999</v>
      </c>
      <c r="AC693">
        <v>49297.148869999997</v>
      </c>
      <c r="AD693">
        <v>40479.052320000003</v>
      </c>
      <c r="AE693">
        <v>40122.154779999997</v>
      </c>
      <c r="AF693">
        <v>49269.253270000001</v>
      </c>
      <c r="AG693">
        <v>30137.136159999998</v>
      </c>
      <c r="AH693">
        <v>310580.25459999999</v>
      </c>
      <c r="AI693">
        <v>89381.547260000007</v>
      </c>
      <c r="AJ693">
        <v>26089.442190000002</v>
      </c>
      <c r="AK693">
        <v>42399.855080000001</v>
      </c>
      <c r="AL693">
        <v>86666.115309999994</v>
      </c>
      <c r="AM693">
        <v>21997.145250000001</v>
      </c>
      <c r="AN693">
        <v>101214.25539999999</v>
      </c>
      <c r="AO693">
        <v>39761.394160000003</v>
      </c>
      <c r="AP693">
        <v>21151.526450000001</v>
      </c>
    </row>
    <row r="694" spans="2:42" x14ac:dyDescent="0.3">
      <c r="B694">
        <v>59.805119294569153</v>
      </c>
      <c r="C694" s="83">
        <v>43129.833333333336</v>
      </c>
      <c r="D694">
        <v>258807.16260000001</v>
      </c>
      <c r="E694">
        <v>21839.131460000001</v>
      </c>
      <c r="F694">
        <v>61490.549870000003</v>
      </c>
      <c r="G694">
        <v>54856.72496</v>
      </c>
      <c r="H694">
        <v>46508.22279</v>
      </c>
      <c r="I694">
        <v>35661.64645</v>
      </c>
      <c r="J694">
        <v>38485.680090000002</v>
      </c>
      <c r="K694">
        <v>56194.545420000002</v>
      </c>
      <c r="L694">
        <v>29129.74207</v>
      </c>
      <c r="M694">
        <v>304914.38780000003</v>
      </c>
      <c r="N694">
        <v>86937.152459999998</v>
      </c>
      <c r="O694">
        <v>25258.902150000002</v>
      </c>
      <c r="P694">
        <v>42250.411849999997</v>
      </c>
      <c r="Q694">
        <v>85008.758549999999</v>
      </c>
      <c r="R694">
        <v>23611.336469999998</v>
      </c>
      <c r="S694">
        <v>91382.952290000001</v>
      </c>
      <c r="T694">
        <v>37903.287989999997</v>
      </c>
      <c r="U694">
        <v>19728.017110000001</v>
      </c>
      <c r="W694" s="83">
        <f>Bühler!N726</f>
        <v>45320.833333331655</v>
      </c>
      <c r="X694" s="83">
        <v>43129.833333333336</v>
      </c>
      <c r="Y694">
        <v>258807.16260000001</v>
      </c>
      <c r="Z694">
        <v>21839.131460000001</v>
      </c>
      <c r="AA694">
        <v>61490.549870000003</v>
      </c>
      <c r="AB694">
        <v>54856.72496</v>
      </c>
      <c r="AC694">
        <v>46508.22279</v>
      </c>
      <c r="AD694">
        <v>35661.64645</v>
      </c>
      <c r="AE694">
        <v>38485.680090000002</v>
      </c>
      <c r="AF694">
        <v>56194.545420000002</v>
      </c>
      <c r="AG694">
        <v>29129.74207</v>
      </c>
      <c r="AH694">
        <v>304914.38780000003</v>
      </c>
      <c r="AI694">
        <v>86937.152459999998</v>
      </c>
      <c r="AJ694">
        <v>25258.902150000002</v>
      </c>
      <c r="AK694">
        <v>42250.411849999997</v>
      </c>
      <c r="AL694">
        <v>85008.758549999999</v>
      </c>
      <c r="AM694">
        <v>23611.336469999998</v>
      </c>
      <c r="AN694">
        <v>91382.952290000001</v>
      </c>
      <c r="AO694">
        <v>37903.287989999997</v>
      </c>
      <c r="AP694">
        <v>19728.017110000001</v>
      </c>
    </row>
    <row r="695" spans="2:42" x14ac:dyDescent="0.3">
      <c r="B695">
        <v>57.839718597983108</v>
      </c>
      <c r="C695" s="83">
        <v>43129.875</v>
      </c>
      <c r="D695">
        <v>248102.50289999999</v>
      </c>
      <c r="E695">
        <v>19237.167369999999</v>
      </c>
      <c r="F695">
        <v>54246.954019999997</v>
      </c>
      <c r="G695">
        <v>50816.679199999999</v>
      </c>
      <c r="H695">
        <v>43881.193879999999</v>
      </c>
      <c r="I695">
        <v>30441.10601</v>
      </c>
      <c r="J695">
        <v>36919.795010000002</v>
      </c>
      <c r="K695">
        <v>54998.352650000001</v>
      </c>
      <c r="L695">
        <v>27578.229340000002</v>
      </c>
      <c r="M695">
        <v>294893.85849999997</v>
      </c>
      <c r="N695">
        <v>83421.069900000002</v>
      </c>
      <c r="O695">
        <v>24773.746449999999</v>
      </c>
      <c r="P695">
        <v>40829.104350000001</v>
      </c>
      <c r="Q695">
        <v>82164.672550000003</v>
      </c>
      <c r="R695">
        <v>21045.566559999999</v>
      </c>
      <c r="S695">
        <v>86495.898400000005</v>
      </c>
      <c r="T695">
        <v>35022.37053</v>
      </c>
      <c r="U695">
        <v>18710.361509999999</v>
      </c>
      <c r="W695" s="83">
        <f>Bühler!N727</f>
        <v>45320.874999998319</v>
      </c>
      <c r="X695" s="83">
        <v>43129.875</v>
      </c>
      <c r="Y695">
        <v>248102.50289999999</v>
      </c>
      <c r="Z695">
        <v>19237.167369999999</v>
      </c>
      <c r="AA695">
        <v>54246.954019999997</v>
      </c>
      <c r="AB695">
        <v>50816.679199999999</v>
      </c>
      <c r="AC695">
        <v>43881.193879999999</v>
      </c>
      <c r="AD695">
        <v>30441.10601</v>
      </c>
      <c r="AE695">
        <v>36919.795010000002</v>
      </c>
      <c r="AF695">
        <v>54998.352650000001</v>
      </c>
      <c r="AG695">
        <v>27578.229340000002</v>
      </c>
      <c r="AH695">
        <v>294893.85849999997</v>
      </c>
      <c r="AI695">
        <v>83421.069900000002</v>
      </c>
      <c r="AJ695">
        <v>24773.746449999999</v>
      </c>
      <c r="AK695">
        <v>40829.104350000001</v>
      </c>
      <c r="AL695">
        <v>82164.672550000003</v>
      </c>
      <c r="AM695">
        <v>21045.566559999999</v>
      </c>
      <c r="AN695">
        <v>86495.898400000005</v>
      </c>
      <c r="AO695">
        <v>35022.37053</v>
      </c>
      <c r="AP695">
        <v>18710.361509999999</v>
      </c>
    </row>
    <row r="696" spans="2:42" x14ac:dyDescent="0.3">
      <c r="B696">
        <v>57.867730845278878</v>
      </c>
      <c r="C696" s="83">
        <v>43129.916666666664</v>
      </c>
      <c r="D696">
        <v>246757.56419999999</v>
      </c>
      <c r="E696">
        <v>18501.558799999999</v>
      </c>
      <c r="F696">
        <v>52049.642079999998</v>
      </c>
      <c r="G696">
        <v>48215.251340000003</v>
      </c>
      <c r="H696">
        <v>43063.240640000004</v>
      </c>
      <c r="I696">
        <v>28372.04262</v>
      </c>
      <c r="J696">
        <v>36019.333599999998</v>
      </c>
      <c r="K696">
        <v>56651.320679999997</v>
      </c>
      <c r="L696">
        <v>25003.45378</v>
      </c>
      <c r="M696">
        <v>295036.67800000001</v>
      </c>
      <c r="N696">
        <v>82526.139339999994</v>
      </c>
      <c r="O696">
        <v>26018.569370000001</v>
      </c>
      <c r="P696">
        <v>41499.971230000003</v>
      </c>
      <c r="Q696">
        <v>81860.648860000001</v>
      </c>
      <c r="R696">
        <v>30066.678169999999</v>
      </c>
      <c r="S696">
        <v>84346.701350000003</v>
      </c>
      <c r="T696">
        <v>31034.267210000002</v>
      </c>
      <c r="U696">
        <v>20034.36088</v>
      </c>
      <c r="W696" s="83">
        <f>Bühler!N728</f>
        <v>45320.916666664983</v>
      </c>
      <c r="X696" s="83">
        <v>43129.916666666664</v>
      </c>
      <c r="Y696">
        <v>246757.56419999999</v>
      </c>
      <c r="Z696">
        <v>18501.558799999999</v>
      </c>
      <c r="AA696">
        <v>52049.642079999998</v>
      </c>
      <c r="AB696">
        <v>48215.251340000003</v>
      </c>
      <c r="AC696">
        <v>43063.240640000004</v>
      </c>
      <c r="AD696">
        <v>28372.04262</v>
      </c>
      <c r="AE696">
        <v>36019.333599999998</v>
      </c>
      <c r="AF696">
        <v>56651.320679999997</v>
      </c>
      <c r="AG696">
        <v>25003.45378</v>
      </c>
      <c r="AH696">
        <v>295036.67800000001</v>
      </c>
      <c r="AI696">
        <v>82526.139339999994</v>
      </c>
      <c r="AJ696">
        <v>26018.569370000001</v>
      </c>
      <c r="AK696">
        <v>41499.971230000003</v>
      </c>
      <c r="AL696">
        <v>81860.648860000001</v>
      </c>
      <c r="AM696">
        <v>30066.678169999999</v>
      </c>
      <c r="AN696">
        <v>84346.701350000003</v>
      </c>
      <c r="AO696">
        <v>31034.267210000002</v>
      </c>
      <c r="AP696">
        <v>20034.36088</v>
      </c>
    </row>
    <row r="697" spans="2:42" x14ac:dyDescent="0.3">
      <c r="B697">
        <v>56.922064015957282</v>
      </c>
      <c r="C697" s="83">
        <v>43129.958333333336</v>
      </c>
      <c r="D697">
        <v>246085.99619999999</v>
      </c>
      <c r="E697">
        <v>18350.464179999999</v>
      </c>
      <c r="F697">
        <v>50946.250460000003</v>
      </c>
      <c r="G697">
        <v>46950.869789999997</v>
      </c>
      <c r="H697">
        <v>42406.579539999999</v>
      </c>
      <c r="I697">
        <v>26952.966280000001</v>
      </c>
      <c r="J697">
        <v>33670.08311</v>
      </c>
      <c r="K697">
        <v>55446.150719999998</v>
      </c>
      <c r="L697">
        <v>21891.761910000001</v>
      </c>
      <c r="M697">
        <v>290215.22749999998</v>
      </c>
      <c r="N697">
        <v>83182.203330000004</v>
      </c>
      <c r="O697">
        <v>25565.27766</v>
      </c>
      <c r="P697">
        <v>37579.892890000003</v>
      </c>
      <c r="Q697">
        <v>81623.163199999995</v>
      </c>
      <c r="R697">
        <v>33190.292020000001</v>
      </c>
      <c r="S697">
        <v>82783.050390000004</v>
      </c>
      <c r="T697">
        <v>31661.517220000002</v>
      </c>
      <c r="U697">
        <v>19445.587739999999</v>
      </c>
      <c r="W697" s="83">
        <f>Bühler!N729</f>
        <v>45320.958333331648</v>
      </c>
      <c r="X697" s="83">
        <v>43129.958333333336</v>
      </c>
      <c r="Y697">
        <v>246085.99619999999</v>
      </c>
      <c r="Z697">
        <v>18350.464179999999</v>
      </c>
      <c r="AA697">
        <v>50946.250460000003</v>
      </c>
      <c r="AB697">
        <v>46950.869789999997</v>
      </c>
      <c r="AC697">
        <v>42406.579539999999</v>
      </c>
      <c r="AD697">
        <v>26952.966280000001</v>
      </c>
      <c r="AE697">
        <v>33670.08311</v>
      </c>
      <c r="AF697">
        <v>55446.150719999998</v>
      </c>
      <c r="AG697">
        <v>21891.761910000001</v>
      </c>
      <c r="AH697">
        <v>290215.22749999998</v>
      </c>
      <c r="AI697">
        <v>83182.203330000004</v>
      </c>
      <c r="AJ697">
        <v>25565.27766</v>
      </c>
      <c r="AK697">
        <v>37579.892890000003</v>
      </c>
      <c r="AL697">
        <v>81623.163199999995</v>
      </c>
      <c r="AM697">
        <v>33190.292020000001</v>
      </c>
      <c r="AN697">
        <v>82783.050390000004</v>
      </c>
      <c r="AO697">
        <v>31661.517220000002</v>
      </c>
      <c r="AP697">
        <v>19445.587739999999</v>
      </c>
    </row>
    <row r="698" spans="2:42" x14ac:dyDescent="0.3">
      <c r="B698">
        <v>56.481172726452805</v>
      </c>
      <c r="C698" s="83">
        <v>43130</v>
      </c>
      <c r="D698">
        <v>247028.07810000001</v>
      </c>
      <c r="E698">
        <v>17992.897870000001</v>
      </c>
      <c r="F698">
        <v>50503.518920000002</v>
      </c>
      <c r="G698">
        <v>45896.581839999999</v>
      </c>
      <c r="H698">
        <v>41381.145510000002</v>
      </c>
      <c r="I698">
        <v>25611.17697</v>
      </c>
      <c r="J698">
        <v>30117.182710000001</v>
      </c>
      <c r="K698">
        <v>54249.429179999999</v>
      </c>
      <c r="L698">
        <v>20713.043519999999</v>
      </c>
      <c r="M698">
        <v>287967.35810000001</v>
      </c>
      <c r="N698">
        <v>82409.546830000007</v>
      </c>
      <c r="O698">
        <v>25935.06321</v>
      </c>
      <c r="P698">
        <v>36196.93417</v>
      </c>
      <c r="Q698">
        <v>82824.376900000003</v>
      </c>
      <c r="R698">
        <v>29017.85138</v>
      </c>
      <c r="S698">
        <v>82097.486220000006</v>
      </c>
      <c r="T698">
        <v>30924.625919999999</v>
      </c>
      <c r="U698">
        <v>19207.804359999998</v>
      </c>
      <c r="W698" s="83">
        <f>Bühler!N730</f>
        <v>45320.999999998312</v>
      </c>
      <c r="X698" s="83">
        <v>43130</v>
      </c>
      <c r="Y698">
        <v>247028.07810000001</v>
      </c>
      <c r="Z698">
        <v>17992.897870000001</v>
      </c>
      <c r="AA698">
        <v>50503.518920000002</v>
      </c>
      <c r="AB698">
        <v>45896.581839999999</v>
      </c>
      <c r="AC698">
        <v>41381.145510000002</v>
      </c>
      <c r="AD698">
        <v>25611.17697</v>
      </c>
      <c r="AE698">
        <v>30117.182710000001</v>
      </c>
      <c r="AF698">
        <v>54249.429179999999</v>
      </c>
      <c r="AG698">
        <v>20713.043519999999</v>
      </c>
      <c r="AH698">
        <v>287967.35810000001</v>
      </c>
      <c r="AI698">
        <v>82409.546830000007</v>
      </c>
      <c r="AJ698">
        <v>25935.06321</v>
      </c>
      <c r="AK698">
        <v>36196.93417</v>
      </c>
      <c r="AL698">
        <v>82824.376900000003</v>
      </c>
      <c r="AM698">
        <v>29017.85138</v>
      </c>
      <c r="AN698">
        <v>82097.486220000006</v>
      </c>
      <c r="AO698">
        <v>30924.625919999999</v>
      </c>
      <c r="AP698">
        <v>19207.804359999998</v>
      </c>
    </row>
    <row r="699" spans="2:42" x14ac:dyDescent="0.3">
      <c r="B699">
        <v>57.144322009635708</v>
      </c>
      <c r="C699" s="83">
        <v>43130.041666666664</v>
      </c>
      <c r="D699">
        <v>246904.7262</v>
      </c>
      <c r="E699">
        <v>18345.68735</v>
      </c>
      <c r="F699">
        <v>53104.997230000001</v>
      </c>
      <c r="G699">
        <v>45618.542500000003</v>
      </c>
      <c r="H699">
        <v>41982.3649</v>
      </c>
      <c r="I699">
        <v>22463.949329999999</v>
      </c>
      <c r="J699">
        <v>32423.141670000001</v>
      </c>
      <c r="K699">
        <v>52785.703350000003</v>
      </c>
      <c r="L699">
        <v>20637.05991</v>
      </c>
      <c r="M699">
        <v>291348.40240000002</v>
      </c>
      <c r="N699">
        <v>84737.337029999995</v>
      </c>
      <c r="O699">
        <v>26181.963339999998</v>
      </c>
      <c r="P699">
        <v>33954.529450000002</v>
      </c>
      <c r="Q699">
        <v>82878.080029999997</v>
      </c>
      <c r="R699">
        <v>27376.95217</v>
      </c>
      <c r="S699">
        <v>84175.265379999997</v>
      </c>
      <c r="T699">
        <v>30411.268349999998</v>
      </c>
      <c r="U699">
        <v>19762.8279</v>
      </c>
      <c r="W699" s="83">
        <f>Bühler!N731</f>
        <v>45321.041666664976</v>
      </c>
      <c r="X699" s="83">
        <v>43130.041666666664</v>
      </c>
      <c r="Y699">
        <v>246904.7262</v>
      </c>
      <c r="Z699">
        <v>18345.68735</v>
      </c>
      <c r="AA699">
        <v>53104.997230000001</v>
      </c>
      <c r="AB699">
        <v>45618.542500000003</v>
      </c>
      <c r="AC699">
        <v>41982.3649</v>
      </c>
      <c r="AD699">
        <v>22463.949329999999</v>
      </c>
      <c r="AE699">
        <v>32423.141670000001</v>
      </c>
      <c r="AF699">
        <v>52785.703350000003</v>
      </c>
      <c r="AG699">
        <v>20637.05991</v>
      </c>
      <c r="AH699">
        <v>291348.40240000002</v>
      </c>
      <c r="AI699">
        <v>84737.337029999995</v>
      </c>
      <c r="AJ699">
        <v>26181.963339999998</v>
      </c>
      <c r="AK699">
        <v>33954.529450000002</v>
      </c>
      <c r="AL699">
        <v>82878.080029999997</v>
      </c>
      <c r="AM699">
        <v>27376.95217</v>
      </c>
      <c r="AN699">
        <v>84175.265379999997</v>
      </c>
      <c r="AO699">
        <v>30411.268349999998</v>
      </c>
      <c r="AP699">
        <v>19762.8279</v>
      </c>
    </row>
    <row r="700" spans="2:42" x14ac:dyDescent="0.3">
      <c r="B700">
        <v>57.92401055387257</v>
      </c>
      <c r="C700" s="83">
        <v>43130.083333333336</v>
      </c>
      <c r="D700">
        <v>247264.34349999999</v>
      </c>
      <c r="E700">
        <v>18444.976910000001</v>
      </c>
      <c r="F700">
        <v>54615.416360000003</v>
      </c>
      <c r="G700">
        <v>45931.293109999999</v>
      </c>
      <c r="H700">
        <v>42325.898150000001</v>
      </c>
      <c r="I700">
        <v>20908.717789999999</v>
      </c>
      <c r="J700">
        <v>34000.117010000002</v>
      </c>
      <c r="K700">
        <v>51408.82084</v>
      </c>
      <c r="L700">
        <v>20452.272089999999</v>
      </c>
      <c r="M700">
        <v>295323.61820000003</v>
      </c>
      <c r="N700">
        <v>84251.854179999995</v>
      </c>
      <c r="O700">
        <v>25920.346669999999</v>
      </c>
      <c r="P700">
        <v>33152.087760000002</v>
      </c>
      <c r="Q700">
        <v>86518.506169999993</v>
      </c>
      <c r="R700">
        <v>28331.23533</v>
      </c>
      <c r="S700">
        <v>83824.407579999999</v>
      </c>
      <c r="T700">
        <v>30341.66704</v>
      </c>
      <c r="U700">
        <v>20187.376540000001</v>
      </c>
      <c r="W700" s="83">
        <f>Bühler!N732</f>
        <v>45321.08333333164</v>
      </c>
      <c r="X700" s="83">
        <v>43130.083333333336</v>
      </c>
      <c r="Y700">
        <v>247264.34349999999</v>
      </c>
      <c r="Z700">
        <v>18444.976910000001</v>
      </c>
      <c r="AA700">
        <v>54615.416360000003</v>
      </c>
      <c r="AB700">
        <v>45931.293109999999</v>
      </c>
      <c r="AC700">
        <v>42325.898150000001</v>
      </c>
      <c r="AD700">
        <v>20908.717789999999</v>
      </c>
      <c r="AE700">
        <v>34000.117010000002</v>
      </c>
      <c r="AF700">
        <v>51408.82084</v>
      </c>
      <c r="AG700">
        <v>20452.272089999999</v>
      </c>
      <c r="AH700">
        <v>295323.61820000003</v>
      </c>
      <c r="AI700">
        <v>84251.854179999995</v>
      </c>
      <c r="AJ700">
        <v>25920.346669999999</v>
      </c>
      <c r="AK700">
        <v>33152.087760000002</v>
      </c>
      <c r="AL700">
        <v>86518.506169999993</v>
      </c>
      <c r="AM700">
        <v>28331.23533</v>
      </c>
      <c r="AN700">
        <v>83824.407579999999</v>
      </c>
      <c r="AO700">
        <v>30341.66704</v>
      </c>
      <c r="AP700">
        <v>20187.376540000001</v>
      </c>
    </row>
    <row r="701" spans="2:42" x14ac:dyDescent="0.3">
      <c r="B701">
        <v>58.329038803839971</v>
      </c>
      <c r="C701" s="83">
        <v>43130.125</v>
      </c>
      <c r="D701">
        <v>248384.53510000001</v>
      </c>
      <c r="E701">
        <v>18555.708579999999</v>
      </c>
      <c r="F701">
        <v>55409.417970000002</v>
      </c>
      <c r="G701">
        <v>45102.64531</v>
      </c>
      <c r="H701">
        <v>42176.721369999999</v>
      </c>
      <c r="I701">
        <v>20848.055769999999</v>
      </c>
      <c r="J701">
        <v>35627.332730000002</v>
      </c>
      <c r="K701">
        <v>50676.893839999997</v>
      </c>
      <c r="L701">
        <v>20305.896639999999</v>
      </c>
      <c r="M701">
        <v>297388.64110000001</v>
      </c>
      <c r="N701">
        <v>84474.783949999997</v>
      </c>
      <c r="O701">
        <v>26118.254819999998</v>
      </c>
      <c r="P701">
        <v>32828.599840000003</v>
      </c>
      <c r="Q701">
        <v>88863.978459999998</v>
      </c>
      <c r="R701">
        <v>27827.035830000001</v>
      </c>
      <c r="S701">
        <v>83595.258409999995</v>
      </c>
      <c r="T701">
        <v>30348.869309999998</v>
      </c>
      <c r="U701">
        <v>20237.268599999999</v>
      </c>
      <c r="W701" s="83">
        <f>Bühler!N733</f>
        <v>45321.124999998305</v>
      </c>
      <c r="X701" s="83">
        <v>43130.125</v>
      </c>
      <c r="Y701">
        <v>248384.53510000001</v>
      </c>
      <c r="Z701">
        <v>18555.708579999999</v>
      </c>
      <c r="AA701">
        <v>55409.417970000002</v>
      </c>
      <c r="AB701">
        <v>45102.64531</v>
      </c>
      <c r="AC701">
        <v>42176.721369999999</v>
      </c>
      <c r="AD701">
        <v>20848.055769999999</v>
      </c>
      <c r="AE701">
        <v>35627.332730000002</v>
      </c>
      <c r="AF701">
        <v>50676.893839999997</v>
      </c>
      <c r="AG701">
        <v>20305.896639999999</v>
      </c>
      <c r="AH701">
        <v>297388.64110000001</v>
      </c>
      <c r="AI701">
        <v>84474.783949999997</v>
      </c>
      <c r="AJ701">
        <v>26118.254819999998</v>
      </c>
      <c r="AK701">
        <v>32828.599840000003</v>
      </c>
      <c r="AL701">
        <v>88863.978459999998</v>
      </c>
      <c r="AM701">
        <v>27827.035830000001</v>
      </c>
      <c r="AN701">
        <v>83595.258409999995</v>
      </c>
      <c r="AO701">
        <v>30348.869309999998</v>
      </c>
      <c r="AP701">
        <v>20237.268599999999</v>
      </c>
    </row>
    <row r="702" spans="2:42" x14ac:dyDescent="0.3">
      <c r="B702">
        <v>60.327118719788295</v>
      </c>
      <c r="C702" s="83">
        <v>43130.166666666664</v>
      </c>
      <c r="D702">
        <v>251883.09229999999</v>
      </c>
      <c r="E702">
        <v>19231.699280000001</v>
      </c>
      <c r="F702">
        <v>58801.167329999997</v>
      </c>
      <c r="G702">
        <v>45196.260609999998</v>
      </c>
      <c r="H702">
        <v>42818.105309999999</v>
      </c>
      <c r="I702">
        <v>24185.929950000002</v>
      </c>
      <c r="J702">
        <v>38300.225700000003</v>
      </c>
      <c r="K702">
        <v>48567.337959999997</v>
      </c>
      <c r="L702">
        <v>20234.150979999999</v>
      </c>
      <c r="M702">
        <v>307575.7843</v>
      </c>
      <c r="N702">
        <v>84422.389710000003</v>
      </c>
      <c r="O702">
        <v>26440.797289999999</v>
      </c>
      <c r="P702">
        <v>33215.646959999998</v>
      </c>
      <c r="Q702">
        <v>92967.732050000006</v>
      </c>
      <c r="R702">
        <v>27532.571380000001</v>
      </c>
      <c r="S702">
        <v>84362.076639999999</v>
      </c>
      <c r="T702">
        <v>30262.918259999999</v>
      </c>
      <c r="U702">
        <v>20735.942910000002</v>
      </c>
      <c r="W702" s="83">
        <f>Bühler!N734</f>
        <v>45321.166666664969</v>
      </c>
      <c r="X702" s="83">
        <v>43130.166666666664</v>
      </c>
      <c r="Y702">
        <v>251883.09229999999</v>
      </c>
      <c r="Z702">
        <v>19231.699280000001</v>
      </c>
      <c r="AA702">
        <v>58801.167329999997</v>
      </c>
      <c r="AB702">
        <v>45196.260609999998</v>
      </c>
      <c r="AC702">
        <v>42818.105309999999</v>
      </c>
      <c r="AD702">
        <v>24185.929950000002</v>
      </c>
      <c r="AE702">
        <v>38300.225700000003</v>
      </c>
      <c r="AF702">
        <v>48567.337959999997</v>
      </c>
      <c r="AG702">
        <v>20234.150979999999</v>
      </c>
      <c r="AH702">
        <v>307575.7843</v>
      </c>
      <c r="AI702">
        <v>84422.389710000003</v>
      </c>
      <c r="AJ702">
        <v>26440.797289999999</v>
      </c>
      <c r="AK702">
        <v>33215.646959999998</v>
      </c>
      <c r="AL702">
        <v>92967.732050000006</v>
      </c>
      <c r="AM702">
        <v>27532.571380000001</v>
      </c>
      <c r="AN702">
        <v>84362.076639999999</v>
      </c>
      <c r="AO702">
        <v>30262.918259999999</v>
      </c>
      <c r="AP702">
        <v>20735.942910000002</v>
      </c>
    </row>
    <row r="703" spans="2:42" x14ac:dyDescent="0.3">
      <c r="B703">
        <v>63.273377514592525</v>
      </c>
      <c r="C703" s="83">
        <v>43130.208333333336</v>
      </c>
      <c r="D703">
        <v>266873.5906</v>
      </c>
      <c r="E703">
        <v>21222.071769999999</v>
      </c>
      <c r="F703">
        <v>69907.457110000003</v>
      </c>
      <c r="G703">
        <v>48666.104079999997</v>
      </c>
      <c r="H703">
        <v>45618.532760000002</v>
      </c>
      <c r="I703">
        <v>32459.818210000001</v>
      </c>
      <c r="J703">
        <v>40719.128219999999</v>
      </c>
      <c r="K703">
        <v>49844.225850000003</v>
      </c>
      <c r="L703">
        <v>20765.146290000001</v>
      </c>
      <c r="M703">
        <v>322597.18560000003</v>
      </c>
      <c r="N703">
        <v>86153.273079999999</v>
      </c>
      <c r="O703">
        <v>27122.215270000001</v>
      </c>
      <c r="P703">
        <v>34143.24899</v>
      </c>
      <c r="Q703">
        <v>95996.908349999998</v>
      </c>
      <c r="R703">
        <v>30590.148369999999</v>
      </c>
      <c r="S703">
        <v>87362.858689999994</v>
      </c>
      <c r="T703">
        <v>31956.49913</v>
      </c>
      <c r="U703">
        <v>22685.845229999999</v>
      </c>
      <c r="W703" s="83">
        <f>Bühler!N735</f>
        <v>45321.208333331633</v>
      </c>
      <c r="X703" s="83">
        <v>43130.208333333336</v>
      </c>
      <c r="Y703">
        <v>266873.5906</v>
      </c>
      <c r="Z703">
        <v>21222.071769999999</v>
      </c>
      <c r="AA703">
        <v>69907.457110000003</v>
      </c>
      <c r="AB703">
        <v>48666.104079999997</v>
      </c>
      <c r="AC703">
        <v>45618.532760000002</v>
      </c>
      <c r="AD703">
        <v>32459.818210000001</v>
      </c>
      <c r="AE703">
        <v>40719.128219999999</v>
      </c>
      <c r="AF703">
        <v>49844.225850000003</v>
      </c>
      <c r="AG703">
        <v>20765.146290000001</v>
      </c>
      <c r="AH703">
        <v>322597.18560000003</v>
      </c>
      <c r="AI703">
        <v>86153.273079999999</v>
      </c>
      <c r="AJ703">
        <v>27122.215270000001</v>
      </c>
      <c r="AK703">
        <v>34143.24899</v>
      </c>
      <c r="AL703">
        <v>95996.908349999998</v>
      </c>
      <c r="AM703">
        <v>30590.148369999999</v>
      </c>
      <c r="AN703">
        <v>87362.858689999994</v>
      </c>
      <c r="AO703">
        <v>31956.49913</v>
      </c>
      <c r="AP703">
        <v>22685.845229999999</v>
      </c>
    </row>
    <row r="704" spans="2:42" x14ac:dyDescent="0.3">
      <c r="B704">
        <v>65.970008869567096</v>
      </c>
      <c r="C704" s="83">
        <v>43130.25</v>
      </c>
      <c r="D704">
        <v>282823.58960000001</v>
      </c>
      <c r="E704">
        <v>25332.83106</v>
      </c>
      <c r="F704">
        <v>82696.37113</v>
      </c>
      <c r="G704">
        <v>63173.697489999999</v>
      </c>
      <c r="H704">
        <v>48898.376579999996</v>
      </c>
      <c r="I704">
        <v>41367.24409</v>
      </c>
      <c r="J704">
        <v>44145.38175</v>
      </c>
      <c r="K704">
        <v>51845.44472</v>
      </c>
      <c r="L704">
        <v>22718.253639999999</v>
      </c>
      <c r="M704">
        <v>336345.86979999999</v>
      </c>
      <c r="N704">
        <v>88250.053039999999</v>
      </c>
      <c r="O704">
        <v>27932.51107</v>
      </c>
      <c r="P704">
        <v>33867.439120000003</v>
      </c>
      <c r="Q704">
        <v>97429.898000000001</v>
      </c>
      <c r="R704">
        <v>22428.950120000001</v>
      </c>
      <c r="S704">
        <v>95386.637619999994</v>
      </c>
      <c r="T704">
        <v>34935.205269999999</v>
      </c>
      <c r="U704">
        <v>23956.118180000001</v>
      </c>
      <c r="W704" s="83">
        <f>Bühler!N736</f>
        <v>45321.249999998297</v>
      </c>
      <c r="X704" s="83">
        <v>43130.25</v>
      </c>
      <c r="Y704">
        <v>282823.58960000001</v>
      </c>
      <c r="Z704">
        <v>25332.83106</v>
      </c>
      <c r="AA704">
        <v>82696.37113</v>
      </c>
      <c r="AB704">
        <v>63173.697489999999</v>
      </c>
      <c r="AC704">
        <v>48898.376579999996</v>
      </c>
      <c r="AD704">
        <v>41367.24409</v>
      </c>
      <c r="AE704">
        <v>44145.38175</v>
      </c>
      <c r="AF704">
        <v>51845.44472</v>
      </c>
      <c r="AG704">
        <v>22718.253639999999</v>
      </c>
      <c r="AH704">
        <v>336345.86979999999</v>
      </c>
      <c r="AI704">
        <v>88250.053039999999</v>
      </c>
      <c r="AJ704">
        <v>27932.51107</v>
      </c>
      <c r="AK704">
        <v>33867.439120000003</v>
      </c>
      <c r="AL704">
        <v>97429.898000000001</v>
      </c>
      <c r="AM704">
        <v>22428.950120000001</v>
      </c>
      <c r="AN704">
        <v>95386.637619999994</v>
      </c>
      <c r="AO704">
        <v>34935.205269999999</v>
      </c>
      <c r="AP704">
        <v>23956.118180000001</v>
      </c>
    </row>
    <row r="705" spans="2:42" x14ac:dyDescent="0.3">
      <c r="B705">
        <v>66.190398850521447</v>
      </c>
      <c r="C705" s="83">
        <v>43130.291666666664</v>
      </c>
      <c r="D705">
        <v>297332.52840000001</v>
      </c>
      <c r="E705">
        <v>30940.465179999999</v>
      </c>
      <c r="F705">
        <v>84207.648490000007</v>
      </c>
      <c r="G705">
        <v>80053.017609999995</v>
      </c>
      <c r="H705">
        <v>55110.085129999999</v>
      </c>
      <c r="I705">
        <v>50631.489309999997</v>
      </c>
      <c r="J705">
        <v>42692.17411</v>
      </c>
      <c r="K705">
        <v>56772.086580000003</v>
      </c>
      <c r="L705">
        <v>25937.090359999998</v>
      </c>
      <c r="M705">
        <v>337469.52069999999</v>
      </c>
      <c r="N705">
        <v>94346.030939999997</v>
      </c>
      <c r="O705">
        <v>31427.34332</v>
      </c>
      <c r="P705">
        <v>37822.289019999997</v>
      </c>
      <c r="Q705">
        <v>97532.156149999995</v>
      </c>
      <c r="R705">
        <v>23112.089980000001</v>
      </c>
      <c r="S705">
        <v>109637.10920000001</v>
      </c>
      <c r="T705">
        <v>36764.660860000004</v>
      </c>
      <c r="U705">
        <v>29500.805039999999</v>
      </c>
      <c r="W705" s="83">
        <f>Bühler!N737</f>
        <v>45321.291666664962</v>
      </c>
      <c r="X705" s="83">
        <v>43130.291666666664</v>
      </c>
      <c r="Y705">
        <v>297332.52840000001</v>
      </c>
      <c r="Z705">
        <v>30940.465179999999</v>
      </c>
      <c r="AA705">
        <v>84207.648490000007</v>
      </c>
      <c r="AB705">
        <v>80053.017609999995</v>
      </c>
      <c r="AC705">
        <v>55110.085129999999</v>
      </c>
      <c r="AD705">
        <v>50631.489309999997</v>
      </c>
      <c r="AE705">
        <v>42692.17411</v>
      </c>
      <c r="AF705">
        <v>56772.086580000003</v>
      </c>
      <c r="AG705">
        <v>25937.090359999998</v>
      </c>
      <c r="AH705">
        <v>337469.52069999999</v>
      </c>
      <c r="AI705">
        <v>94346.030939999997</v>
      </c>
      <c r="AJ705">
        <v>31427.34332</v>
      </c>
      <c r="AK705">
        <v>37822.289019999997</v>
      </c>
      <c r="AL705">
        <v>97532.156149999995</v>
      </c>
      <c r="AM705">
        <v>23112.089980000001</v>
      </c>
      <c r="AN705">
        <v>109637.10920000001</v>
      </c>
      <c r="AO705">
        <v>36764.660860000004</v>
      </c>
      <c r="AP705">
        <v>29500.805039999999</v>
      </c>
    </row>
    <row r="706" spans="2:42" x14ac:dyDescent="0.3">
      <c r="B706">
        <v>66.671342223594593</v>
      </c>
      <c r="C706" s="83">
        <v>43130.333333333336</v>
      </c>
      <c r="D706">
        <v>310772.72610000003</v>
      </c>
      <c r="E706">
        <v>37589.48242</v>
      </c>
      <c r="F706">
        <v>91018.107780000006</v>
      </c>
      <c r="G706">
        <v>97834.623779999994</v>
      </c>
      <c r="H706">
        <v>61073.900679999999</v>
      </c>
      <c r="I706">
        <v>54064.655200000001</v>
      </c>
      <c r="J706">
        <v>43414.961309999999</v>
      </c>
      <c r="K706">
        <v>61952.192880000002</v>
      </c>
      <c r="L706">
        <v>28789.871480000002</v>
      </c>
      <c r="M706">
        <v>339921.5943</v>
      </c>
      <c r="N706">
        <v>101636.37940000001</v>
      </c>
      <c r="O706">
        <v>32853.107709999997</v>
      </c>
      <c r="P706">
        <v>40265.387600000002</v>
      </c>
      <c r="Q706">
        <v>98173.787030000007</v>
      </c>
      <c r="R706">
        <v>25695.91359</v>
      </c>
      <c r="S706">
        <v>123821.2433</v>
      </c>
      <c r="T706">
        <v>40679.733590000003</v>
      </c>
      <c r="U706">
        <v>32606.894850000001</v>
      </c>
      <c r="W706" s="83">
        <f>Bühler!N738</f>
        <v>45321.333333331626</v>
      </c>
      <c r="X706" s="83">
        <v>43130.333333333336</v>
      </c>
      <c r="Y706">
        <v>310772.72610000003</v>
      </c>
      <c r="Z706">
        <v>37589.48242</v>
      </c>
      <c r="AA706">
        <v>91018.107780000006</v>
      </c>
      <c r="AB706">
        <v>97834.623779999994</v>
      </c>
      <c r="AC706">
        <v>61073.900679999999</v>
      </c>
      <c r="AD706">
        <v>54064.655200000001</v>
      </c>
      <c r="AE706">
        <v>43414.961309999999</v>
      </c>
      <c r="AF706">
        <v>61952.192880000002</v>
      </c>
      <c r="AG706">
        <v>28789.871480000002</v>
      </c>
      <c r="AH706">
        <v>339921.5943</v>
      </c>
      <c r="AI706">
        <v>101636.37940000001</v>
      </c>
      <c r="AJ706">
        <v>32853.107709999997</v>
      </c>
      <c r="AK706">
        <v>40265.387600000002</v>
      </c>
      <c r="AL706">
        <v>98173.787030000007</v>
      </c>
      <c r="AM706">
        <v>25695.91359</v>
      </c>
      <c r="AN706">
        <v>123821.2433</v>
      </c>
      <c r="AO706">
        <v>40679.733590000003</v>
      </c>
      <c r="AP706">
        <v>32606.894850000001</v>
      </c>
    </row>
    <row r="707" spans="2:42" x14ac:dyDescent="0.3">
      <c r="B707">
        <v>65.442963358275307</v>
      </c>
      <c r="C707" s="83">
        <v>43130.375</v>
      </c>
      <c r="D707">
        <v>308775.33120000002</v>
      </c>
      <c r="E707">
        <v>41554.595090000003</v>
      </c>
      <c r="F707">
        <v>95566.959889999998</v>
      </c>
      <c r="G707">
        <v>107129.7309</v>
      </c>
      <c r="H707">
        <v>62306.658360000001</v>
      </c>
      <c r="I707">
        <v>50903.917999999998</v>
      </c>
      <c r="J707">
        <v>41857.00965</v>
      </c>
      <c r="K707">
        <v>59402.118119999999</v>
      </c>
      <c r="L707">
        <v>32051.839690000001</v>
      </c>
      <c r="M707">
        <v>333658.74599999998</v>
      </c>
      <c r="N707">
        <v>108846.44</v>
      </c>
      <c r="O707">
        <v>32903.090239999998</v>
      </c>
      <c r="P707">
        <v>40274.002840000001</v>
      </c>
      <c r="Q707">
        <v>98460.582389999996</v>
      </c>
      <c r="R707">
        <v>25059.629059999999</v>
      </c>
      <c r="S707">
        <v>130658.2164</v>
      </c>
      <c r="T707">
        <v>42624.859230000002</v>
      </c>
      <c r="U707">
        <v>31550.490180000001</v>
      </c>
      <c r="W707" s="83">
        <f>Bühler!N739</f>
        <v>45321.37499999829</v>
      </c>
      <c r="X707" s="83">
        <v>43130.375</v>
      </c>
      <c r="Y707">
        <v>308775.33120000002</v>
      </c>
      <c r="Z707">
        <v>41554.595090000003</v>
      </c>
      <c r="AA707">
        <v>95566.959889999998</v>
      </c>
      <c r="AB707">
        <v>107129.7309</v>
      </c>
      <c r="AC707">
        <v>62306.658360000001</v>
      </c>
      <c r="AD707">
        <v>50903.917999999998</v>
      </c>
      <c r="AE707">
        <v>41857.00965</v>
      </c>
      <c r="AF707">
        <v>59402.118119999999</v>
      </c>
      <c r="AG707">
        <v>32051.839690000001</v>
      </c>
      <c r="AH707">
        <v>333658.74599999998</v>
      </c>
      <c r="AI707">
        <v>108846.44</v>
      </c>
      <c r="AJ707">
        <v>32903.090239999998</v>
      </c>
      <c r="AK707">
        <v>40274.002840000001</v>
      </c>
      <c r="AL707">
        <v>98460.582389999996</v>
      </c>
      <c r="AM707">
        <v>25059.629059999999</v>
      </c>
      <c r="AN707">
        <v>130658.2164</v>
      </c>
      <c r="AO707">
        <v>42624.859230000002</v>
      </c>
      <c r="AP707">
        <v>31550.490180000001</v>
      </c>
    </row>
    <row r="708" spans="2:42" x14ac:dyDescent="0.3">
      <c r="B708">
        <v>66.607325305935632</v>
      </c>
      <c r="C708" s="83">
        <v>43130.416666666664</v>
      </c>
      <c r="D708">
        <v>310799.67489999998</v>
      </c>
      <c r="E708">
        <v>42903.732120000001</v>
      </c>
      <c r="F708">
        <v>94744.494319999998</v>
      </c>
      <c r="G708">
        <v>108919.1125</v>
      </c>
      <c r="H708">
        <v>62541.720480000004</v>
      </c>
      <c r="I708">
        <v>46641.91431</v>
      </c>
      <c r="J708">
        <v>40470.781020000002</v>
      </c>
      <c r="K708">
        <v>61386.696920000002</v>
      </c>
      <c r="L708">
        <v>34504.44455</v>
      </c>
      <c r="M708">
        <v>339595.20620000002</v>
      </c>
      <c r="N708">
        <v>110654.1033</v>
      </c>
      <c r="O708">
        <v>32631.618419999999</v>
      </c>
      <c r="P708">
        <v>40999.985569999997</v>
      </c>
      <c r="Q708">
        <v>98732.505789999996</v>
      </c>
      <c r="R708">
        <v>25346.514579999999</v>
      </c>
      <c r="S708">
        <v>130292.4817</v>
      </c>
      <c r="T708">
        <v>43347.068070000001</v>
      </c>
      <c r="U708">
        <v>30674.248439999999</v>
      </c>
      <c r="W708" s="83">
        <f>Bühler!N740</f>
        <v>45321.416666664954</v>
      </c>
      <c r="X708" s="83">
        <v>43130.416666666664</v>
      </c>
      <c r="Y708">
        <v>310799.67489999998</v>
      </c>
      <c r="Z708">
        <v>42903.732120000001</v>
      </c>
      <c r="AA708">
        <v>94744.494319999998</v>
      </c>
      <c r="AB708">
        <v>108919.1125</v>
      </c>
      <c r="AC708">
        <v>62541.720480000004</v>
      </c>
      <c r="AD708">
        <v>46641.91431</v>
      </c>
      <c r="AE708">
        <v>40470.781020000002</v>
      </c>
      <c r="AF708">
        <v>61386.696920000002</v>
      </c>
      <c r="AG708">
        <v>34504.44455</v>
      </c>
      <c r="AH708">
        <v>339595.20620000002</v>
      </c>
      <c r="AI708">
        <v>110654.1033</v>
      </c>
      <c r="AJ708">
        <v>32631.618419999999</v>
      </c>
      <c r="AK708">
        <v>40999.985569999997</v>
      </c>
      <c r="AL708">
        <v>98732.505789999996</v>
      </c>
      <c r="AM708">
        <v>25346.514579999999</v>
      </c>
      <c r="AN708">
        <v>130292.4817</v>
      </c>
      <c r="AO708">
        <v>43347.068070000001</v>
      </c>
      <c r="AP708">
        <v>30674.248439999999</v>
      </c>
    </row>
    <row r="709" spans="2:42" x14ac:dyDescent="0.3">
      <c r="B709">
        <v>67.22820264192012</v>
      </c>
      <c r="C709" s="83">
        <v>43130.458333333336</v>
      </c>
      <c r="D709">
        <v>309258.45860000001</v>
      </c>
      <c r="E709">
        <v>42423.728089999997</v>
      </c>
      <c r="F709">
        <v>96582.334860000003</v>
      </c>
      <c r="G709">
        <v>104943.102</v>
      </c>
      <c r="H709">
        <v>61976.807159999997</v>
      </c>
      <c r="I709">
        <v>45482.663379999998</v>
      </c>
      <c r="J709">
        <v>40104.230839999997</v>
      </c>
      <c r="K709">
        <v>66591.489130000002</v>
      </c>
      <c r="L709">
        <v>35677.287550000001</v>
      </c>
      <c r="M709">
        <v>342760.72840000002</v>
      </c>
      <c r="N709">
        <v>109896.4699</v>
      </c>
      <c r="O709">
        <v>32239.62845</v>
      </c>
      <c r="P709">
        <v>40915.521200000003</v>
      </c>
      <c r="Q709">
        <v>98314.400810000006</v>
      </c>
      <c r="R709">
        <v>29991.676650000001</v>
      </c>
      <c r="S709">
        <v>131011.8955</v>
      </c>
      <c r="T709">
        <v>43559.774870000001</v>
      </c>
      <c r="U709">
        <v>30806.843690000002</v>
      </c>
      <c r="W709" s="83">
        <f>Bühler!N741</f>
        <v>45321.458333331619</v>
      </c>
      <c r="X709" s="83">
        <v>43130.458333333336</v>
      </c>
      <c r="Y709">
        <v>309258.45860000001</v>
      </c>
      <c r="Z709">
        <v>42423.728089999997</v>
      </c>
      <c r="AA709">
        <v>96582.334860000003</v>
      </c>
      <c r="AB709">
        <v>104943.102</v>
      </c>
      <c r="AC709">
        <v>61976.807159999997</v>
      </c>
      <c r="AD709">
        <v>45482.663379999998</v>
      </c>
      <c r="AE709">
        <v>40104.230839999997</v>
      </c>
      <c r="AF709">
        <v>66591.489130000002</v>
      </c>
      <c r="AG709">
        <v>35677.287550000001</v>
      </c>
      <c r="AH709">
        <v>342760.72840000002</v>
      </c>
      <c r="AI709">
        <v>109896.4699</v>
      </c>
      <c r="AJ709">
        <v>32239.62845</v>
      </c>
      <c r="AK709">
        <v>40915.521200000003</v>
      </c>
      <c r="AL709">
        <v>98314.400810000006</v>
      </c>
      <c r="AM709">
        <v>29991.676650000001</v>
      </c>
      <c r="AN709">
        <v>131011.8955</v>
      </c>
      <c r="AO709">
        <v>43559.774870000001</v>
      </c>
      <c r="AP709">
        <v>30806.843690000002</v>
      </c>
    </row>
    <row r="710" spans="2:42" x14ac:dyDescent="0.3">
      <c r="B710">
        <v>65.712090034410949</v>
      </c>
      <c r="C710" s="83">
        <v>43130.5</v>
      </c>
      <c r="D710">
        <v>297031.38439999998</v>
      </c>
      <c r="E710">
        <v>38018.608030000003</v>
      </c>
      <c r="F710">
        <v>89195.588499999998</v>
      </c>
      <c r="G710">
        <v>102460.1618</v>
      </c>
      <c r="H710">
        <v>58879.695930000002</v>
      </c>
      <c r="I710">
        <v>43813.958910000001</v>
      </c>
      <c r="J710">
        <v>39954.430390000001</v>
      </c>
      <c r="K710">
        <v>63902.045680000003</v>
      </c>
      <c r="L710">
        <v>37297.913359999999</v>
      </c>
      <c r="M710">
        <v>335030.87929999997</v>
      </c>
      <c r="N710">
        <v>107359.2203</v>
      </c>
      <c r="O710">
        <v>31354.571690000001</v>
      </c>
      <c r="P710">
        <v>41059.004280000001</v>
      </c>
      <c r="Q710">
        <v>97182.991689999995</v>
      </c>
      <c r="R710">
        <v>29585.870220000001</v>
      </c>
      <c r="S710">
        <v>124387.7739</v>
      </c>
      <c r="T710">
        <v>43639.677490000002</v>
      </c>
      <c r="U710">
        <v>26789.815760000001</v>
      </c>
      <c r="W710" s="83">
        <f>Bühler!N742</f>
        <v>45321.499999998283</v>
      </c>
      <c r="X710" s="83">
        <v>43130.5</v>
      </c>
      <c r="Y710">
        <v>297031.38439999998</v>
      </c>
      <c r="Z710">
        <v>38018.608030000003</v>
      </c>
      <c r="AA710">
        <v>89195.588499999998</v>
      </c>
      <c r="AB710">
        <v>102460.1618</v>
      </c>
      <c r="AC710">
        <v>58879.695930000002</v>
      </c>
      <c r="AD710">
        <v>43813.958910000001</v>
      </c>
      <c r="AE710">
        <v>39954.430390000001</v>
      </c>
      <c r="AF710">
        <v>63902.045680000003</v>
      </c>
      <c r="AG710">
        <v>37297.913359999999</v>
      </c>
      <c r="AH710">
        <v>335030.87929999997</v>
      </c>
      <c r="AI710">
        <v>107359.2203</v>
      </c>
      <c r="AJ710">
        <v>31354.571690000001</v>
      </c>
      <c r="AK710">
        <v>41059.004280000001</v>
      </c>
      <c r="AL710">
        <v>97182.991689999995</v>
      </c>
      <c r="AM710">
        <v>29585.870220000001</v>
      </c>
      <c r="AN710">
        <v>124387.7739</v>
      </c>
      <c r="AO710">
        <v>43639.677490000002</v>
      </c>
      <c r="AP710">
        <v>26789.815760000001</v>
      </c>
    </row>
    <row r="711" spans="2:42" x14ac:dyDescent="0.3">
      <c r="B711">
        <v>65.336655644612506</v>
      </c>
      <c r="C711" s="83">
        <v>43130.541666666664</v>
      </c>
      <c r="D711">
        <v>299524.22090000001</v>
      </c>
      <c r="E711">
        <v>37792.218789999999</v>
      </c>
      <c r="F711">
        <v>85212.244860000006</v>
      </c>
      <c r="G711">
        <v>99085.352270000003</v>
      </c>
      <c r="H711">
        <v>58929.026290000002</v>
      </c>
      <c r="I711">
        <v>43538.38912</v>
      </c>
      <c r="J711">
        <v>38897.080730000001</v>
      </c>
      <c r="K711">
        <v>66423.128299999997</v>
      </c>
      <c r="L711">
        <v>35350.207390000003</v>
      </c>
      <c r="M711">
        <v>333116.73969999998</v>
      </c>
      <c r="N711">
        <v>106634.5744</v>
      </c>
      <c r="O711">
        <v>31234.990249999999</v>
      </c>
      <c r="P711">
        <v>40377.45523</v>
      </c>
      <c r="Q711">
        <v>95426.575039999996</v>
      </c>
      <c r="R711">
        <v>28724.10008</v>
      </c>
      <c r="S711">
        <v>122863.2745</v>
      </c>
      <c r="T711">
        <v>42199.793460000001</v>
      </c>
      <c r="U711">
        <v>27734.497940000001</v>
      </c>
      <c r="W711" s="83">
        <f>Bühler!N743</f>
        <v>45321.541666664947</v>
      </c>
      <c r="X711" s="83">
        <v>43130.541666666664</v>
      </c>
      <c r="Y711">
        <v>299524.22090000001</v>
      </c>
      <c r="Z711">
        <v>37792.218789999999</v>
      </c>
      <c r="AA711">
        <v>85212.244860000006</v>
      </c>
      <c r="AB711">
        <v>99085.352270000003</v>
      </c>
      <c r="AC711">
        <v>58929.026290000002</v>
      </c>
      <c r="AD711">
        <v>43538.38912</v>
      </c>
      <c r="AE711">
        <v>38897.080730000001</v>
      </c>
      <c r="AF711">
        <v>66423.128299999997</v>
      </c>
      <c r="AG711">
        <v>35350.207390000003</v>
      </c>
      <c r="AH711">
        <v>333116.73969999998</v>
      </c>
      <c r="AI711">
        <v>106634.5744</v>
      </c>
      <c r="AJ711">
        <v>31234.990249999999</v>
      </c>
      <c r="AK711">
        <v>40377.45523</v>
      </c>
      <c r="AL711">
        <v>95426.575039999996</v>
      </c>
      <c r="AM711">
        <v>28724.10008</v>
      </c>
      <c r="AN711">
        <v>122863.2745</v>
      </c>
      <c r="AO711">
        <v>42199.793460000001</v>
      </c>
      <c r="AP711">
        <v>27734.497940000001</v>
      </c>
    </row>
    <row r="712" spans="2:42" x14ac:dyDescent="0.3">
      <c r="B712">
        <v>65.950208013146963</v>
      </c>
      <c r="C712" s="83">
        <v>43130.583333333336</v>
      </c>
      <c r="D712">
        <v>304452.9118</v>
      </c>
      <c r="E712">
        <v>40789.749949999998</v>
      </c>
      <c r="F712">
        <v>93639.194430000003</v>
      </c>
      <c r="G712">
        <v>92757.76483</v>
      </c>
      <c r="H712">
        <v>58866.119890000002</v>
      </c>
      <c r="I712">
        <v>43621.933250000002</v>
      </c>
      <c r="J712">
        <v>38386.295449999998</v>
      </c>
      <c r="K712">
        <v>67474.901580000005</v>
      </c>
      <c r="L712">
        <v>31919.369129999999</v>
      </c>
      <c r="M712">
        <v>336244.91580000002</v>
      </c>
      <c r="N712">
        <v>107582.7884</v>
      </c>
      <c r="O712">
        <v>30857.358479999999</v>
      </c>
      <c r="P712">
        <v>37179.347589999998</v>
      </c>
      <c r="Q712">
        <v>94466.247529999993</v>
      </c>
      <c r="R712">
        <v>28499.642779999998</v>
      </c>
      <c r="S712">
        <v>117731.6468</v>
      </c>
      <c r="T712">
        <v>40694.651669999999</v>
      </c>
      <c r="U712">
        <v>27897.47753</v>
      </c>
      <c r="W712" s="83">
        <f>Bühler!N744</f>
        <v>45321.583333331611</v>
      </c>
      <c r="X712" s="83">
        <v>43130.583333333336</v>
      </c>
      <c r="Y712">
        <v>304452.9118</v>
      </c>
      <c r="Z712">
        <v>40789.749949999998</v>
      </c>
      <c r="AA712">
        <v>93639.194430000003</v>
      </c>
      <c r="AB712">
        <v>92757.76483</v>
      </c>
      <c r="AC712">
        <v>58866.119890000002</v>
      </c>
      <c r="AD712">
        <v>43621.933250000002</v>
      </c>
      <c r="AE712">
        <v>38386.295449999998</v>
      </c>
      <c r="AF712">
        <v>67474.901580000005</v>
      </c>
      <c r="AG712">
        <v>31919.369129999999</v>
      </c>
      <c r="AH712">
        <v>336244.91580000002</v>
      </c>
      <c r="AI712">
        <v>107582.7884</v>
      </c>
      <c r="AJ712">
        <v>30857.358479999999</v>
      </c>
      <c r="AK712">
        <v>37179.347589999998</v>
      </c>
      <c r="AL712">
        <v>94466.247529999993</v>
      </c>
      <c r="AM712">
        <v>28499.642779999998</v>
      </c>
      <c r="AN712">
        <v>117731.6468</v>
      </c>
      <c r="AO712">
        <v>40694.651669999999</v>
      </c>
      <c r="AP712">
        <v>27897.47753</v>
      </c>
    </row>
    <row r="713" spans="2:42" x14ac:dyDescent="0.3">
      <c r="B713">
        <v>64.656620754224264</v>
      </c>
      <c r="C713" s="83">
        <v>43130.625</v>
      </c>
      <c r="D713">
        <v>300616.46509999997</v>
      </c>
      <c r="E713">
        <v>40508.830099999999</v>
      </c>
      <c r="F713">
        <v>94677.282319999998</v>
      </c>
      <c r="G713">
        <v>89742.931689999998</v>
      </c>
      <c r="H713">
        <v>57273.20203</v>
      </c>
      <c r="I713">
        <v>43658.291490000003</v>
      </c>
      <c r="J713">
        <v>38110.486409999998</v>
      </c>
      <c r="K713">
        <v>65393.516759999999</v>
      </c>
      <c r="L713">
        <v>28609.093219999999</v>
      </c>
      <c r="M713">
        <v>329649.60470000003</v>
      </c>
      <c r="N713">
        <v>106232.8642</v>
      </c>
      <c r="O713">
        <v>30279.921149999998</v>
      </c>
      <c r="P713">
        <v>34865.132109999999</v>
      </c>
      <c r="Q713">
        <v>93902.448829999994</v>
      </c>
      <c r="R713">
        <v>27747.426909999998</v>
      </c>
      <c r="S713">
        <v>114420.8841</v>
      </c>
      <c r="T713">
        <v>40050.588790000002</v>
      </c>
      <c r="U713">
        <v>27657.24726</v>
      </c>
      <c r="W713" s="83">
        <f>Bühler!N745</f>
        <v>45321.624999998276</v>
      </c>
      <c r="X713" s="83">
        <v>43130.625</v>
      </c>
      <c r="Y713">
        <v>300616.46509999997</v>
      </c>
      <c r="Z713">
        <v>40508.830099999999</v>
      </c>
      <c r="AA713">
        <v>94677.282319999998</v>
      </c>
      <c r="AB713">
        <v>89742.931689999998</v>
      </c>
      <c r="AC713">
        <v>57273.20203</v>
      </c>
      <c r="AD713">
        <v>43658.291490000003</v>
      </c>
      <c r="AE713">
        <v>38110.486409999998</v>
      </c>
      <c r="AF713">
        <v>65393.516759999999</v>
      </c>
      <c r="AG713">
        <v>28609.093219999999</v>
      </c>
      <c r="AH713">
        <v>329649.60470000003</v>
      </c>
      <c r="AI713">
        <v>106232.8642</v>
      </c>
      <c r="AJ713">
        <v>30279.921149999998</v>
      </c>
      <c r="AK713">
        <v>34865.132109999999</v>
      </c>
      <c r="AL713">
        <v>93902.448829999994</v>
      </c>
      <c r="AM713">
        <v>27747.426909999998</v>
      </c>
      <c r="AN713">
        <v>114420.8841</v>
      </c>
      <c r="AO713">
        <v>40050.588790000002</v>
      </c>
      <c r="AP713">
        <v>27657.24726</v>
      </c>
    </row>
    <row r="714" spans="2:42" x14ac:dyDescent="0.3">
      <c r="B714">
        <v>63.457712359027234</v>
      </c>
      <c r="C714" s="83">
        <v>43130.666666666664</v>
      </c>
      <c r="D714">
        <v>294952.59759999998</v>
      </c>
      <c r="E714">
        <v>39641.501799999998</v>
      </c>
      <c r="F714">
        <v>94816.894130000001</v>
      </c>
      <c r="G714">
        <v>86176.863620000004</v>
      </c>
      <c r="H714">
        <v>55290.010609999998</v>
      </c>
      <c r="I714">
        <v>46137.091379999998</v>
      </c>
      <c r="J714">
        <v>37330.325859999997</v>
      </c>
      <c r="K714">
        <v>61813.738250000002</v>
      </c>
      <c r="L714">
        <v>27642.265329999998</v>
      </c>
      <c r="M714">
        <v>323537.01059999998</v>
      </c>
      <c r="N714">
        <v>101988.5426</v>
      </c>
      <c r="O714">
        <v>29987.868539999999</v>
      </c>
      <c r="P714">
        <v>36423.261740000002</v>
      </c>
      <c r="Q714">
        <v>93711.018400000001</v>
      </c>
      <c r="R714">
        <v>26574.18318</v>
      </c>
      <c r="S714">
        <v>111597.8288</v>
      </c>
      <c r="T714">
        <v>40074.196040000003</v>
      </c>
      <c r="U714">
        <v>26320.988239999999</v>
      </c>
      <c r="W714" s="83">
        <f>Bühler!N746</f>
        <v>45321.66666666494</v>
      </c>
      <c r="X714" s="83">
        <v>43130.666666666664</v>
      </c>
      <c r="Y714">
        <v>294952.59759999998</v>
      </c>
      <c r="Z714">
        <v>39641.501799999998</v>
      </c>
      <c r="AA714">
        <v>94816.894130000001</v>
      </c>
      <c r="AB714">
        <v>86176.863620000004</v>
      </c>
      <c r="AC714">
        <v>55290.010609999998</v>
      </c>
      <c r="AD714">
        <v>46137.091379999998</v>
      </c>
      <c r="AE714">
        <v>37330.325859999997</v>
      </c>
      <c r="AF714">
        <v>61813.738250000002</v>
      </c>
      <c r="AG714">
        <v>27642.265329999998</v>
      </c>
      <c r="AH714">
        <v>323537.01059999998</v>
      </c>
      <c r="AI714">
        <v>101988.5426</v>
      </c>
      <c r="AJ714">
        <v>29987.868539999999</v>
      </c>
      <c r="AK714">
        <v>36423.261740000002</v>
      </c>
      <c r="AL714">
        <v>93711.018400000001</v>
      </c>
      <c r="AM714">
        <v>26574.18318</v>
      </c>
      <c r="AN714">
        <v>111597.8288</v>
      </c>
      <c r="AO714">
        <v>40074.196040000003</v>
      </c>
      <c r="AP714">
        <v>26320.988239999999</v>
      </c>
    </row>
    <row r="715" spans="2:42" x14ac:dyDescent="0.3">
      <c r="B715">
        <v>62.671162986915107</v>
      </c>
      <c r="C715" s="83">
        <v>43130.708333333336</v>
      </c>
      <c r="D715">
        <v>282702.77529999998</v>
      </c>
      <c r="E715">
        <v>37868.118040000001</v>
      </c>
      <c r="F715">
        <v>95895.853749999995</v>
      </c>
      <c r="G715">
        <v>78011.614109999995</v>
      </c>
      <c r="H715">
        <v>54069.829720000002</v>
      </c>
      <c r="I715">
        <v>45146.066659999997</v>
      </c>
      <c r="J715">
        <v>37942.495719999999</v>
      </c>
      <c r="K715">
        <v>56198.638209999997</v>
      </c>
      <c r="L715">
        <v>28358.814170000001</v>
      </c>
      <c r="M715">
        <v>319526.81510000001</v>
      </c>
      <c r="N715">
        <v>94352.890169999999</v>
      </c>
      <c r="O715">
        <v>29227.696619999999</v>
      </c>
      <c r="P715">
        <v>37660.174330000002</v>
      </c>
      <c r="Q715">
        <v>91705.407779999994</v>
      </c>
      <c r="R715">
        <v>27865.01771</v>
      </c>
      <c r="S715">
        <v>111230.1833</v>
      </c>
      <c r="T715">
        <v>39809.421990000003</v>
      </c>
      <c r="U715">
        <v>24467.151279999998</v>
      </c>
      <c r="W715" s="83">
        <f>Bühler!N747</f>
        <v>45321.708333331604</v>
      </c>
      <c r="X715" s="83">
        <v>43130.708333333336</v>
      </c>
      <c r="Y715">
        <v>282702.77529999998</v>
      </c>
      <c r="Z715">
        <v>37868.118040000001</v>
      </c>
      <c r="AA715">
        <v>95895.853749999995</v>
      </c>
      <c r="AB715">
        <v>78011.614109999995</v>
      </c>
      <c r="AC715">
        <v>54069.829720000002</v>
      </c>
      <c r="AD715">
        <v>45146.066659999997</v>
      </c>
      <c r="AE715">
        <v>37942.495719999999</v>
      </c>
      <c r="AF715">
        <v>56198.638209999997</v>
      </c>
      <c r="AG715">
        <v>28358.814170000001</v>
      </c>
      <c r="AH715">
        <v>319526.81510000001</v>
      </c>
      <c r="AI715">
        <v>94352.890169999999</v>
      </c>
      <c r="AJ715">
        <v>29227.696619999999</v>
      </c>
      <c r="AK715">
        <v>37660.174330000002</v>
      </c>
      <c r="AL715">
        <v>91705.407779999994</v>
      </c>
      <c r="AM715">
        <v>27865.01771</v>
      </c>
      <c r="AN715">
        <v>111230.1833</v>
      </c>
      <c r="AO715">
        <v>39809.421990000003</v>
      </c>
      <c r="AP715">
        <v>24467.151279999998</v>
      </c>
    </row>
    <row r="716" spans="2:42" x14ac:dyDescent="0.3">
      <c r="B716">
        <v>60.811431105981846</v>
      </c>
      <c r="C716" s="83">
        <v>43130.75</v>
      </c>
      <c r="D716">
        <v>278663.16720000003</v>
      </c>
      <c r="E716">
        <v>35108.769410000001</v>
      </c>
      <c r="F716">
        <v>93185.736199999999</v>
      </c>
      <c r="G716">
        <v>70167.908760000006</v>
      </c>
      <c r="H716">
        <v>53399.689330000001</v>
      </c>
      <c r="I716">
        <v>44033.78991</v>
      </c>
      <c r="J716">
        <v>40202.002180000003</v>
      </c>
      <c r="K716">
        <v>49677.810250000002</v>
      </c>
      <c r="L716">
        <v>30967.528869999998</v>
      </c>
      <c r="M716">
        <v>310045.03470000002</v>
      </c>
      <c r="N716">
        <v>92326.636840000006</v>
      </c>
      <c r="O716">
        <v>28190.594539999998</v>
      </c>
      <c r="P716">
        <v>42210.283470000002</v>
      </c>
      <c r="Q716">
        <v>89387.074489999999</v>
      </c>
      <c r="R716">
        <v>23476.011159999998</v>
      </c>
      <c r="S716">
        <v>107440.4685</v>
      </c>
      <c r="T716">
        <v>40808.513220000001</v>
      </c>
      <c r="U716">
        <v>23283.07631</v>
      </c>
      <c r="W716" s="83">
        <f>Bühler!N748</f>
        <v>45321.749999998268</v>
      </c>
      <c r="X716" s="83">
        <v>43130.75</v>
      </c>
      <c r="Y716">
        <v>278663.16720000003</v>
      </c>
      <c r="Z716">
        <v>35108.769410000001</v>
      </c>
      <c r="AA716">
        <v>93185.736199999999</v>
      </c>
      <c r="AB716">
        <v>70167.908760000006</v>
      </c>
      <c r="AC716">
        <v>53399.689330000001</v>
      </c>
      <c r="AD716">
        <v>44033.78991</v>
      </c>
      <c r="AE716">
        <v>40202.002180000003</v>
      </c>
      <c r="AF716">
        <v>49677.810250000002</v>
      </c>
      <c r="AG716">
        <v>30967.528869999998</v>
      </c>
      <c r="AH716">
        <v>310045.03470000002</v>
      </c>
      <c r="AI716">
        <v>92326.636840000006</v>
      </c>
      <c r="AJ716">
        <v>28190.594539999998</v>
      </c>
      <c r="AK716">
        <v>42210.283470000002</v>
      </c>
      <c r="AL716">
        <v>89387.074489999999</v>
      </c>
      <c r="AM716">
        <v>23476.011159999998</v>
      </c>
      <c r="AN716">
        <v>107440.4685</v>
      </c>
      <c r="AO716">
        <v>40808.513220000001</v>
      </c>
      <c r="AP716">
        <v>23283.07631</v>
      </c>
    </row>
    <row r="717" spans="2:42" x14ac:dyDescent="0.3">
      <c r="B717">
        <v>60.238034989596244</v>
      </c>
      <c r="C717" s="83">
        <v>43130.791666666664</v>
      </c>
      <c r="D717">
        <v>270662.14529999997</v>
      </c>
      <c r="E717">
        <v>28676.685539999999</v>
      </c>
      <c r="F717">
        <v>80126.423590000006</v>
      </c>
      <c r="G717">
        <v>62643.993990000003</v>
      </c>
      <c r="H717">
        <v>50005.044750000001</v>
      </c>
      <c r="I717">
        <v>40772.822529999998</v>
      </c>
      <c r="J717">
        <v>40011.907019999999</v>
      </c>
      <c r="K717">
        <v>49257.375370000002</v>
      </c>
      <c r="L717">
        <v>31547.29334</v>
      </c>
      <c r="M717">
        <v>307121.59389999998</v>
      </c>
      <c r="N717">
        <v>91391.606780000002</v>
      </c>
      <c r="O717">
        <v>26752.535240000001</v>
      </c>
      <c r="P717">
        <v>43453.56119</v>
      </c>
      <c r="Q717">
        <v>86864.377299999993</v>
      </c>
      <c r="R717">
        <v>22594.914710000001</v>
      </c>
      <c r="S717">
        <v>101881.5174</v>
      </c>
      <c r="T717">
        <v>41085.109570000001</v>
      </c>
      <c r="U717">
        <v>21373.462820000001</v>
      </c>
      <c r="W717" s="83">
        <f>Bühler!N749</f>
        <v>45321.791666664933</v>
      </c>
      <c r="X717" s="83">
        <v>43130.791666666664</v>
      </c>
      <c r="Y717">
        <v>270662.14529999997</v>
      </c>
      <c r="Z717">
        <v>28676.685539999999</v>
      </c>
      <c r="AA717">
        <v>80126.423590000006</v>
      </c>
      <c r="AB717">
        <v>62643.993990000003</v>
      </c>
      <c r="AC717">
        <v>50005.044750000001</v>
      </c>
      <c r="AD717">
        <v>40772.822529999998</v>
      </c>
      <c r="AE717">
        <v>40011.907019999999</v>
      </c>
      <c r="AF717">
        <v>49257.375370000002</v>
      </c>
      <c r="AG717">
        <v>31547.29334</v>
      </c>
      <c r="AH717">
        <v>307121.59389999998</v>
      </c>
      <c r="AI717">
        <v>91391.606780000002</v>
      </c>
      <c r="AJ717">
        <v>26752.535240000001</v>
      </c>
      <c r="AK717">
        <v>43453.56119</v>
      </c>
      <c r="AL717">
        <v>86864.377299999993</v>
      </c>
      <c r="AM717">
        <v>22594.914710000001</v>
      </c>
      <c r="AN717">
        <v>101881.5174</v>
      </c>
      <c r="AO717">
        <v>41085.109570000001</v>
      </c>
      <c r="AP717">
        <v>21373.462820000001</v>
      </c>
    </row>
    <row r="718" spans="2:42" x14ac:dyDescent="0.3">
      <c r="B718">
        <v>59.529854046968886</v>
      </c>
      <c r="C718" s="83">
        <v>43130.833333333336</v>
      </c>
      <c r="D718">
        <v>260769.90479999999</v>
      </c>
      <c r="E718">
        <v>22128.56367</v>
      </c>
      <c r="F718">
        <v>62230.859920000003</v>
      </c>
      <c r="G718">
        <v>54765.058720000001</v>
      </c>
      <c r="H718">
        <v>47066.886109999999</v>
      </c>
      <c r="I718">
        <v>36062.40382</v>
      </c>
      <c r="J718">
        <v>38867.758130000002</v>
      </c>
      <c r="K718">
        <v>56408.915399999998</v>
      </c>
      <c r="L718">
        <v>30551.167730000001</v>
      </c>
      <c r="M718">
        <v>303510.9572</v>
      </c>
      <c r="N718">
        <v>88923.999200000006</v>
      </c>
      <c r="O718">
        <v>26059.631440000001</v>
      </c>
      <c r="P718">
        <v>44738.56422</v>
      </c>
      <c r="Q718">
        <v>85012.32922</v>
      </c>
      <c r="R718">
        <v>24405.7582</v>
      </c>
      <c r="S718">
        <v>91910.030650000001</v>
      </c>
      <c r="T718">
        <v>39979.20362</v>
      </c>
      <c r="U718">
        <v>19963.129959999998</v>
      </c>
      <c r="W718" s="83">
        <f>Bühler!N750</f>
        <v>45321.833333331597</v>
      </c>
      <c r="X718" s="83">
        <v>43130.833333333336</v>
      </c>
      <c r="Y718">
        <v>260769.90479999999</v>
      </c>
      <c r="Z718">
        <v>22128.56367</v>
      </c>
      <c r="AA718">
        <v>62230.859920000003</v>
      </c>
      <c r="AB718">
        <v>54765.058720000001</v>
      </c>
      <c r="AC718">
        <v>47066.886109999999</v>
      </c>
      <c r="AD718">
        <v>36062.40382</v>
      </c>
      <c r="AE718">
        <v>38867.758130000002</v>
      </c>
      <c r="AF718">
        <v>56408.915399999998</v>
      </c>
      <c r="AG718">
        <v>30551.167730000001</v>
      </c>
      <c r="AH718">
        <v>303510.9572</v>
      </c>
      <c r="AI718">
        <v>88923.999200000006</v>
      </c>
      <c r="AJ718">
        <v>26059.631440000001</v>
      </c>
      <c r="AK718">
        <v>44738.56422</v>
      </c>
      <c r="AL718">
        <v>85012.32922</v>
      </c>
      <c r="AM718">
        <v>24405.7582</v>
      </c>
      <c r="AN718">
        <v>91910.030650000001</v>
      </c>
      <c r="AO718">
        <v>39979.20362</v>
      </c>
      <c r="AP718">
        <v>19963.129959999998</v>
      </c>
    </row>
    <row r="719" spans="2:42" x14ac:dyDescent="0.3">
      <c r="B719">
        <v>57.486861468144738</v>
      </c>
      <c r="C719" s="83">
        <v>43130.875</v>
      </c>
      <c r="D719">
        <v>251245.46419999999</v>
      </c>
      <c r="E719">
        <v>19411.45017</v>
      </c>
      <c r="F719">
        <v>55036.903919999997</v>
      </c>
      <c r="G719">
        <v>51075.840600000003</v>
      </c>
      <c r="H719">
        <v>44282.833980000003</v>
      </c>
      <c r="I719">
        <v>30804.649389999999</v>
      </c>
      <c r="J719">
        <v>36877.339359999998</v>
      </c>
      <c r="K719">
        <v>55589.124819999997</v>
      </c>
      <c r="L719">
        <v>28578.135119999999</v>
      </c>
      <c r="M719">
        <v>293094.82829999999</v>
      </c>
      <c r="N719">
        <v>86215.693889999995</v>
      </c>
      <c r="O719">
        <v>24838.835790000001</v>
      </c>
      <c r="P719">
        <v>41731.381479999996</v>
      </c>
      <c r="Q719">
        <v>82684.870850000007</v>
      </c>
      <c r="R719">
        <v>22159.423299999999</v>
      </c>
      <c r="S719">
        <v>85761.891510000001</v>
      </c>
      <c r="T719">
        <v>36497.619169999998</v>
      </c>
      <c r="U719">
        <v>18901.725600000002</v>
      </c>
      <c r="W719" s="83">
        <f>Bühler!N751</f>
        <v>45321.874999998261</v>
      </c>
      <c r="X719" s="83">
        <v>43130.875</v>
      </c>
      <c r="Y719">
        <v>251245.46419999999</v>
      </c>
      <c r="Z719">
        <v>19411.45017</v>
      </c>
      <c r="AA719">
        <v>55036.903919999997</v>
      </c>
      <c r="AB719">
        <v>51075.840600000003</v>
      </c>
      <c r="AC719">
        <v>44282.833980000003</v>
      </c>
      <c r="AD719">
        <v>30804.649389999999</v>
      </c>
      <c r="AE719">
        <v>36877.339359999998</v>
      </c>
      <c r="AF719">
        <v>55589.124819999997</v>
      </c>
      <c r="AG719">
        <v>28578.135119999999</v>
      </c>
      <c r="AH719">
        <v>293094.82829999999</v>
      </c>
      <c r="AI719">
        <v>86215.693889999995</v>
      </c>
      <c r="AJ719">
        <v>24838.835790000001</v>
      </c>
      <c r="AK719">
        <v>41731.381479999996</v>
      </c>
      <c r="AL719">
        <v>82684.870850000007</v>
      </c>
      <c r="AM719">
        <v>22159.423299999999</v>
      </c>
      <c r="AN719">
        <v>85761.891510000001</v>
      </c>
      <c r="AO719">
        <v>36497.619169999998</v>
      </c>
      <c r="AP719">
        <v>18901.725600000002</v>
      </c>
    </row>
    <row r="720" spans="2:42" x14ac:dyDescent="0.3">
      <c r="B720">
        <v>57.393666697770371</v>
      </c>
      <c r="C720" s="83">
        <v>43130.916666666664</v>
      </c>
      <c r="D720">
        <v>250392.51430000001</v>
      </c>
      <c r="E720">
        <v>18828.017960000001</v>
      </c>
      <c r="F720">
        <v>52573.294650000003</v>
      </c>
      <c r="G720">
        <v>48535.11303</v>
      </c>
      <c r="H720">
        <v>43330.243710000002</v>
      </c>
      <c r="I720">
        <v>28851.141210000002</v>
      </c>
      <c r="J720">
        <v>35342.07965</v>
      </c>
      <c r="K720">
        <v>57390.984629999999</v>
      </c>
      <c r="L720">
        <v>25593.51295</v>
      </c>
      <c r="M720">
        <v>292619.67790000001</v>
      </c>
      <c r="N720">
        <v>86646.858909999995</v>
      </c>
      <c r="O720">
        <v>26587.742709999999</v>
      </c>
      <c r="P720">
        <v>43961.625540000001</v>
      </c>
      <c r="Q720">
        <v>82092.043770000004</v>
      </c>
      <c r="R720">
        <v>31506.838629999998</v>
      </c>
      <c r="S720">
        <v>84310.821030000006</v>
      </c>
      <c r="T720">
        <v>33126.991000000002</v>
      </c>
      <c r="U720">
        <v>19623.315699999999</v>
      </c>
      <c r="W720" s="83">
        <f>Bühler!N752</f>
        <v>45321.916666664925</v>
      </c>
      <c r="X720" s="83">
        <v>43130.916666666664</v>
      </c>
      <c r="Y720">
        <v>250392.51430000001</v>
      </c>
      <c r="Z720">
        <v>18828.017960000001</v>
      </c>
      <c r="AA720">
        <v>52573.294650000003</v>
      </c>
      <c r="AB720">
        <v>48535.11303</v>
      </c>
      <c r="AC720">
        <v>43330.243710000002</v>
      </c>
      <c r="AD720">
        <v>28851.141210000002</v>
      </c>
      <c r="AE720">
        <v>35342.07965</v>
      </c>
      <c r="AF720">
        <v>57390.984629999999</v>
      </c>
      <c r="AG720">
        <v>25593.51295</v>
      </c>
      <c r="AH720">
        <v>292619.67790000001</v>
      </c>
      <c r="AI720">
        <v>86646.858909999995</v>
      </c>
      <c r="AJ720">
        <v>26587.742709999999</v>
      </c>
      <c r="AK720">
        <v>43961.625540000001</v>
      </c>
      <c r="AL720">
        <v>82092.043770000004</v>
      </c>
      <c r="AM720">
        <v>31506.838629999998</v>
      </c>
      <c r="AN720">
        <v>84310.821030000006</v>
      </c>
      <c r="AO720">
        <v>33126.991000000002</v>
      </c>
      <c r="AP720">
        <v>19623.315699999999</v>
      </c>
    </row>
    <row r="721" spans="2:42" x14ac:dyDescent="0.3">
      <c r="B721">
        <v>56.18200183903356</v>
      </c>
      <c r="C721" s="83">
        <v>43130.958333333336</v>
      </c>
      <c r="D721">
        <v>250138.47270000001</v>
      </c>
      <c r="E721">
        <v>18491.142520000001</v>
      </c>
      <c r="F721">
        <v>51390.767610000003</v>
      </c>
      <c r="G721">
        <v>46783.454519999999</v>
      </c>
      <c r="H721">
        <v>42436.53256</v>
      </c>
      <c r="I721">
        <v>27312.03743</v>
      </c>
      <c r="J721">
        <v>32983.155930000001</v>
      </c>
      <c r="K721">
        <v>56791.713199999998</v>
      </c>
      <c r="L721">
        <v>21760.089540000001</v>
      </c>
      <c r="M721">
        <v>286442.0454</v>
      </c>
      <c r="N721">
        <v>86139.076239999995</v>
      </c>
      <c r="O721">
        <v>26328.817510000001</v>
      </c>
      <c r="P721">
        <v>39594.819349999998</v>
      </c>
      <c r="Q721">
        <v>82097.790640000007</v>
      </c>
      <c r="R721">
        <v>33973.489959999999</v>
      </c>
      <c r="S721">
        <v>82673.096149999998</v>
      </c>
      <c r="T721">
        <v>33610.330670000003</v>
      </c>
      <c r="U721">
        <v>18964.106370000001</v>
      </c>
      <c r="W721" s="83">
        <f>Bühler!N753</f>
        <v>45321.95833333159</v>
      </c>
      <c r="X721" s="83">
        <v>43130.958333333336</v>
      </c>
      <c r="Y721">
        <v>250138.47270000001</v>
      </c>
      <c r="Z721">
        <v>18491.142520000001</v>
      </c>
      <c r="AA721">
        <v>51390.767610000003</v>
      </c>
      <c r="AB721">
        <v>46783.454519999999</v>
      </c>
      <c r="AC721">
        <v>42436.53256</v>
      </c>
      <c r="AD721">
        <v>27312.03743</v>
      </c>
      <c r="AE721">
        <v>32983.155930000001</v>
      </c>
      <c r="AF721">
        <v>56791.713199999998</v>
      </c>
      <c r="AG721">
        <v>21760.089540000001</v>
      </c>
      <c r="AH721">
        <v>286442.0454</v>
      </c>
      <c r="AI721">
        <v>86139.076239999995</v>
      </c>
      <c r="AJ721">
        <v>26328.817510000001</v>
      </c>
      <c r="AK721">
        <v>39594.819349999998</v>
      </c>
      <c r="AL721">
        <v>82097.790640000007</v>
      </c>
      <c r="AM721">
        <v>33973.489959999999</v>
      </c>
      <c r="AN721">
        <v>82673.096149999998</v>
      </c>
      <c r="AO721">
        <v>33610.330670000003</v>
      </c>
      <c r="AP721">
        <v>18964.106370000001</v>
      </c>
    </row>
    <row r="722" spans="2:42" x14ac:dyDescent="0.3">
      <c r="B722">
        <v>55.491712453176774</v>
      </c>
      <c r="C722" s="83">
        <v>43131</v>
      </c>
      <c r="D722">
        <v>249154.05850000001</v>
      </c>
      <c r="E722">
        <v>17916.935990000002</v>
      </c>
      <c r="F722">
        <v>51386.932659999999</v>
      </c>
      <c r="G722">
        <v>46145.430289999997</v>
      </c>
      <c r="H722">
        <v>41766.19283</v>
      </c>
      <c r="I722">
        <v>25638.283039999998</v>
      </c>
      <c r="J722">
        <v>31231.67727</v>
      </c>
      <c r="K722">
        <v>55009.106590000003</v>
      </c>
      <c r="L722">
        <v>20653.019759999999</v>
      </c>
      <c r="M722">
        <v>282922.62819999998</v>
      </c>
      <c r="N722">
        <v>84441.105200000005</v>
      </c>
      <c r="O722">
        <v>26301.014510000001</v>
      </c>
      <c r="P722">
        <v>37045.24942</v>
      </c>
      <c r="Q722">
        <v>82450.084419999999</v>
      </c>
      <c r="R722">
        <v>29761.21529</v>
      </c>
      <c r="S722">
        <v>81421.640549999996</v>
      </c>
      <c r="T722">
        <v>31820.946599999999</v>
      </c>
      <c r="U722">
        <v>18942.444780000002</v>
      </c>
      <c r="W722" s="83">
        <f>Bühler!N754</f>
        <v>45321.999999998254</v>
      </c>
      <c r="X722" s="83">
        <v>43131</v>
      </c>
      <c r="Y722">
        <v>249154.05850000001</v>
      </c>
      <c r="Z722">
        <v>17916.935990000002</v>
      </c>
      <c r="AA722">
        <v>51386.932659999999</v>
      </c>
      <c r="AB722">
        <v>46145.430289999997</v>
      </c>
      <c r="AC722">
        <v>41766.19283</v>
      </c>
      <c r="AD722">
        <v>25638.283039999998</v>
      </c>
      <c r="AE722">
        <v>31231.67727</v>
      </c>
      <c r="AF722">
        <v>55009.106590000003</v>
      </c>
      <c r="AG722">
        <v>20653.019759999999</v>
      </c>
      <c r="AH722">
        <v>282922.62819999998</v>
      </c>
      <c r="AI722">
        <v>84441.105200000005</v>
      </c>
      <c r="AJ722">
        <v>26301.014510000001</v>
      </c>
      <c r="AK722">
        <v>37045.24942</v>
      </c>
      <c r="AL722">
        <v>82450.084419999999</v>
      </c>
      <c r="AM722">
        <v>29761.21529</v>
      </c>
      <c r="AN722">
        <v>81421.640549999996</v>
      </c>
      <c r="AO722">
        <v>31820.946599999999</v>
      </c>
      <c r="AP722">
        <v>18942.444780000002</v>
      </c>
    </row>
    <row r="723" spans="2:42" x14ac:dyDescent="0.3">
      <c r="B723">
        <v>56.592027238788994</v>
      </c>
      <c r="C723" s="83">
        <v>43131.041666666664</v>
      </c>
      <c r="D723">
        <v>249238.90609999999</v>
      </c>
      <c r="E723">
        <v>18091.78629</v>
      </c>
      <c r="F723">
        <v>53523.740640000004</v>
      </c>
      <c r="G723">
        <v>45295.116699999999</v>
      </c>
      <c r="H723">
        <v>41826.392180000003</v>
      </c>
      <c r="I723">
        <v>22443.139920000001</v>
      </c>
      <c r="J723">
        <v>35334.266490000002</v>
      </c>
      <c r="K723">
        <v>54163.735500000003</v>
      </c>
      <c r="L723">
        <v>20288.967629999999</v>
      </c>
      <c r="M723">
        <v>288532.54609999998</v>
      </c>
      <c r="N723">
        <v>85793.362789999999</v>
      </c>
      <c r="O723">
        <v>26334.09103</v>
      </c>
      <c r="P723">
        <v>34337.602019999998</v>
      </c>
      <c r="Q723">
        <v>82868.207320000001</v>
      </c>
      <c r="R723">
        <v>27874.74394</v>
      </c>
      <c r="S723">
        <v>83287.194459999999</v>
      </c>
      <c r="T723">
        <v>31032.607209999998</v>
      </c>
      <c r="U723">
        <v>19284.740409999999</v>
      </c>
      <c r="W723" s="83">
        <f>Bühler!N755</f>
        <v>45322.041666664918</v>
      </c>
      <c r="X723" s="83">
        <v>43131.041666666664</v>
      </c>
      <c r="Y723">
        <v>249238.90609999999</v>
      </c>
      <c r="Z723">
        <v>18091.78629</v>
      </c>
      <c r="AA723">
        <v>53523.740640000004</v>
      </c>
      <c r="AB723">
        <v>45295.116699999999</v>
      </c>
      <c r="AC723">
        <v>41826.392180000003</v>
      </c>
      <c r="AD723">
        <v>22443.139920000001</v>
      </c>
      <c r="AE723">
        <v>35334.266490000002</v>
      </c>
      <c r="AF723">
        <v>54163.735500000003</v>
      </c>
      <c r="AG723">
        <v>20288.967629999999</v>
      </c>
      <c r="AH723">
        <v>288532.54609999998</v>
      </c>
      <c r="AI723">
        <v>85793.362789999999</v>
      </c>
      <c r="AJ723">
        <v>26334.09103</v>
      </c>
      <c r="AK723">
        <v>34337.602019999998</v>
      </c>
      <c r="AL723">
        <v>82868.207320000001</v>
      </c>
      <c r="AM723">
        <v>27874.74394</v>
      </c>
      <c r="AN723">
        <v>83287.194459999999</v>
      </c>
      <c r="AO723">
        <v>31032.607209999998</v>
      </c>
      <c r="AP723">
        <v>19284.740409999999</v>
      </c>
    </row>
    <row r="724" spans="2:42" x14ac:dyDescent="0.3">
      <c r="B724">
        <v>57.519221885755471</v>
      </c>
      <c r="C724" s="83">
        <v>43131.083333333336</v>
      </c>
      <c r="D724">
        <v>249389.99189999999</v>
      </c>
      <c r="E724">
        <v>18244.98199</v>
      </c>
      <c r="F724">
        <v>54476.649189999996</v>
      </c>
      <c r="G724">
        <v>45189.756079999999</v>
      </c>
      <c r="H724">
        <v>41999.68924</v>
      </c>
      <c r="I724">
        <v>21087.509190000001</v>
      </c>
      <c r="J724">
        <v>35209.283329999998</v>
      </c>
      <c r="K724">
        <v>52492.865870000001</v>
      </c>
      <c r="L724">
        <v>20107.54146</v>
      </c>
      <c r="M724">
        <v>293259.81679999997</v>
      </c>
      <c r="N724">
        <v>85789.705629999997</v>
      </c>
      <c r="O724">
        <v>26299.430690000001</v>
      </c>
      <c r="P724">
        <v>33125.42265</v>
      </c>
      <c r="Q724">
        <v>85231.551659999997</v>
      </c>
      <c r="R724">
        <v>28216.86377</v>
      </c>
      <c r="S724">
        <v>82871.127770000006</v>
      </c>
      <c r="T724">
        <v>30463.020570000001</v>
      </c>
      <c r="U724">
        <v>19737.247770000002</v>
      </c>
      <c r="W724" s="83">
        <f>Bühler!N756</f>
        <v>45322.083333331582</v>
      </c>
      <c r="X724" s="83">
        <v>43131.083333333336</v>
      </c>
      <c r="Y724">
        <v>249389.99189999999</v>
      </c>
      <c r="Z724">
        <v>18244.98199</v>
      </c>
      <c r="AA724">
        <v>54476.649189999996</v>
      </c>
      <c r="AB724">
        <v>45189.756079999999</v>
      </c>
      <c r="AC724">
        <v>41999.68924</v>
      </c>
      <c r="AD724">
        <v>21087.509190000001</v>
      </c>
      <c r="AE724">
        <v>35209.283329999998</v>
      </c>
      <c r="AF724">
        <v>52492.865870000001</v>
      </c>
      <c r="AG724">
        <v>20107.54146</v>
      </c>
      <c r="AH724">
        <v>293259.81679999997</v>
      </c>
      <c r="AI724">
        <v>85789.705629999997</v>
      </c>
      <c r="AJ724">
        <v>26299.430690000001</v>
      </c>
      <c r="AK724">
        <v>33125.42265</v>
      </c>
      <c r="AL724">
        <v>85231.551659999997</v>
      </c>
      <c r="AM724">
        <v>28216.86377</v>
      </c>
      <c r="AN724">
        <v>82871.127770000006</v>
      </c>
      <c r="AO724">
        <v>30463.020570000001</v>
      </c>
      <c r="AP724">
        <v>19737.247770000002</v>
      </c>
    </row>
    <row r="725" spans="2:42" x14ac:dyDescent="0.3">
      <c r="B725">
        <v>57.430401254289606</v>
      </c>
      <c r="C725" s="83">
        <v>43131.125</v>
      </c>
      <c r="D725">
        <v>250723.09039999999</v>
      </c>
      <c r="E725">
        <v>18462.802110000001</v>
      </c>
      <c r="F725">
        <v>55660.953889999997</v>
      </c>
      <c r="G725">
        <v>44494.291230000003</v>
      </c>
      <c r="H725">
        <v>41965.595390000002</v>
      </c>
      <c r="I725">
        <v>21020.46716</v>
      </c>
      <c r="J725">
        <v>35078.29249</v>
      </c>
      <c r="K725">
        <v>51168.419470000001</v>
      </c>
      <c r="L725">
        <v>19711.37213</v>
      </c>
      <c r="M725">
        <v>292806.96779999998</v>
      </c>
      <c r="N725">
        <v>85207.266740000006</v>
      </c>
      <c r="O725">
        <v>26654.343359999999</v>
      </c>
      <c r="P725">
        <v>33500.867429999998</v>
      </c>
      <c r="Q725">
        <v>87796.624410000004</v>
      </c>
      <c r="R725">
        <v>28425.710780000001</v>
      </c>
      <c r="S725">
        <v>82717.688670000003</v>
      </c>
      <c r="T725">
        <v>30487.299009999999</v>
      </c>
      <c r="U725">
        <v>19761.31292</v>
      </c>
      <c r="W725" s="83">
        <f>Bühler!N757</f>
        <v>45322.124999998246</v>
      </c>
      <c r="X725" s="83">
        <v>43131.125</v>
      </c>
      <c r="Y725">
        <v>250723.09039999999</v>
      </c>
      <c r="Z725">
        <v>18462.802110000001</v>
      </c>
      <c r="AA725">
        <v>55660.953889999997</v>
      </c>
      <c r="AB725">
        <v>44494.291230000003</v>
      </c>
      <c r="AC725">
        <v>41965.595390000002</v>
      </c>
      <c r="AD725">
        <v>21020.46716</v>
      </c>
      <c r="AE725">
        <v>35078.29249</v>
      </c>
      <c r="AF725">
        <v>51168.419470000001</v>
      </c>
      <c r="AG725">
        <v>19711.37213</v>
      </c>
      <c r="AH725">
        <v>292806.96779999998</v>
      </c>
      <c r="AI725">
        <v>85207.266740000006</v>
      </c>
      <c r="AJ725">
        <v>26654.343359999999</v>
      </c>
      <c r="AK725">
        <v>33500.867429999998</v>
      </c>
      <c r="AL725">
        <v>87796.624410000004</v>
      </c>
      <c r="AM725">
        <v>28425.710780000001</v>
      </c>
      <c r="AN725">
        <v>82717.688670000003</v>
      </c>
      <c r="AO725">
        <v>30487.299009999999</v>
      </c>
      <c r="AP725">
        <v>19761.31292</v>
      </c>
    </row>
    <row r="726" spans="2:42" x14ac:dyDescent="0.3">
      <c r="B726">
        <v>58.642763420758101</v>
      </c>
      <c r="C726" s="83">
        <v>43131.166666666664</v>
      </c>
      <c r="D726">
        <v>255265.1826</v>
      </c>
      <c r="E726">
        <v>19013.142930000002</v>
      </c>
      <c r="F726">
        <v>59500.725830000003</v>
      </c>
      <c r="G726">
        <v>44330.318720000003</v>
      </c>
      <c r="H726">
        <v>42804.922639999997</v>
      </c>
      <c r="I726">
        <v>24054.083269999999</v>
      </c>
      <c r="J726">
        <v>37537.039790000003</v>
      </c>
      <c r="K726">
        <v>49047.467270000001</v>
      </c>
      <c r="L726">
        <v>19811.882870000001</v>
      </c>
      <c r="M726">
        <v>298988.15549999999</v>
      </c>
      <c r="N726">
        <v>83790.01367</v>
      </c>
      <c r="O726">
        <v>26834.34476</v>
      </c>
      <c r="P726">
        <v>33992.864090000003</v>
      </c>
      <c r="Q726">
        <v>90852.423909999998</v>
      </c>
      <c r="R726">
        <v>28255.500230000001</v>
      </c>
      <c r="S726">
        <v>83299.308749999997</v>
      </c>
      <c r="T726">
        <v>30562.122360000001</v>
      </c>
      <c r="U726">
        <v>20317.754089999999</v>
      </c>
      <c r="W726" s="83">
        <f>Bühler!N758</f>
        <v>45322.166666664911</v>
      </c>
      <c r="X726" s="83">
        <v>43131.166666666664</v>
      </c>
      <c r="Y726">
        <v>255265.1826</v>
      </c>
      <c r="Z726">
        <v>19013.142930000002</v>
      </c>
      <c r="AA726">
        <v>59500.725830000003</v>
      </c>
      <c r="AB726">
        <v>44330.318720000003</v>
      </c>
      <c r="AC726">
        <v>42804.922639999997</v>
      </c>
      <c r="AD726">
        <v>24054.083269999999</v>
      </c>
      <c r="AE726">
        <v>37537.039790000003</v>
      </c>
      <c r="AF726">
        <v>49047.467270000001</v>
      </c>
      <c r="AG726">
        <v>19811.882870000001</v>
      </c>
      <c r="AH726">
        <v>298988.15549999999</v>
      </c>
      <c r="AI726">
        <v>83790.01367</v>
      </c>
      <c r="AJ726">
        <v>26834.34476</v>
      </c>
      <c r="AK726">
        <v>33992.864090000003</v>
      </c>
      <c r="AL726">
        <v>90852.423909999998</v>
      </c>
      <c r="AM726">
        <v>28255.500230000001</v>
      </c>
      <c r="AN726">
        <v>83299.308749999997</v>
      </c>
      <c r="AO726">
        <v>30562.122360000001</v>
      </c>
      <c r="AP726">
        <v>20317.754089999999</v>
      </c>
    </row>
    <row r="727" spans="2:42" x14ac:dyDescent="0.3">
      <c r="B727">
        <v>61.413367020463696</v>
      </c>
      <c r="C727" s="83">
        <v>43131.208333333336</v>
      </c>
      <c r="D727">
        <v>269012.2463</v>
      </c>
      <c r="E727">
        <v>21095.324059999999</v>
      </c>
      <c r="F727">
        <v>70411.467850000001</v>
      </c>
      <c r="G727">
        <v>47526.193939999997</v>
      </c>
      <c r="H727">
        <v>44659.181799999998</v>
      </c>
      <c r="I727">
        <v>31506.89517</v>
      </c>
      <c r="J727">
        <v>40178.180439999996</v>
      </c>
      <c r="K727">
        <v>50726.986199999999</v>
      </c>
      <c r="L727">
        <v>20958.631410000002</v>
      </c>
      <c r="M727">
        <v>313113.98469999997</v>
      </c>
      <c r="N727">
        <v>85872.82488</v>
      </c>
      <c r="O727">
        <v>27505.90926</v>
      </c>
      <c r="P727">
        <v>34491.989820000003</v>
      </c>
      <c r="Q727">
        <v>93907.431559999997</v>
      </c>
      <c r="R727">
        <v>30745.94945</v>
      </c>
      <c r="S727">
        <v>86182.380399999995</v>
      </c>
      <c r="T727">
        <v>31898.565859999999</v>
      </c>
      <c r="U727">
        <v>22251.856660000001</v>
      </c>
      <c r="W727" s="83">
        <f>Bühler!N759</f>
        <v>45322.208333331575</v>
      </c>
      <c r="X727" s="83">
        <v>43131.208333333336</v>
      </c>
      <c r="Y727">
        <v>269012.2463</v>
      </c>
      <c r="Z727">
        <v>21095.324059999999</v>
      </c>
      <c r="AA727">
        <v>70411.467850000001</v>
      </c>
      <c r="AB727">
        <v>47526.193939999997</v>
      </c>
      <c r="AC727">
        <v>44659.181799999998</v>
      </c>
      <c r="AD727">
        <v>31506.89517</v>
      </c>
      <c r="AE727">
        <v>40178.180439999996</v>
      </c>
      <c r="AF727">
        <v>50726.986199999999</v>
      </c>
      <c r="AG727">
        <v>20958.631410000002</v>
      </c>
      <c r="AH727">
        <v>313113.98469999997</v>
      </c>
      <c r="AI727">
        <v>85872.82488</v>
      </c>
      <c r="AJ727">
        <v>27505.90926</v>
      </c>
      <c r="AK727">
        <v>34491.989820000003</v>
      </c>
      <c r="AL727">
        <v>93907.431559999997</v>
      </c>
      <c r="AM727">
        <v>30745.94945</v>
      </c>
      <c r="AN727">
        <v>86182.380399999995</v>
      </c>
      <c r="AO727">
        <v>31898.565859999999</v>
      </c>
      <c r="AP727">
        <v>22251.856660000001</v>
      </c>
    </row>
    <row r="728" spans="2:42" x14ac:dyDescent="0.3">
      <c r="B728">
        <v>65.116157336964804</v>
      </c>
      <c r="C728" s="83">
        <v>43131.25</v>
      </c>
      <c r="D728">
        <v>285288.01929999999</v>
      </c>
      <c r="E728">
        <v>25849.685969999999</v>
      </c>
      <c r="F728">
        <v>83279.724449999994</v>
      </c>
      <c r="G728">
        <v>60671.872430000003</v>
      </c>
      <c r="H728">
        <v>48919.244019999998</v>
      </c>
      <c r="I728">
        <v>40928.269039999999</v>
      </c>
      <c r="J728">
        <v>43922.925539999997</v>
      </c>
      <c r="K728">
        <v>51648.950140000001</v>
      </c>
      <c r="L728">
        <v>22675.826570000001</v>
      </c>
      <c r="M728">
        <v>331992.53649999999</v>
      </c>
      <c r="N728">
        <v>90267.256410000002</v>
      </c>
      <c r="O728">
        <v>28557.960040000002</v>
      </c>
      <c r="P728">
        <v>34122.34216</v>
      </c>
      <c r="Q728">
        <v>96091.268339999995</v>
      </c>
      <c r="R728">
        <v>22323.431240000002</v>
      </c>
      <c r="S728">
        <v>95596.27317</v>
      </c>
      <c r="T728">
        <v>35042.196129999997</v>
      </c>
      <c r="U728">
        <v>23476.77362</v>
      </c>
      <c r="W728" s="83">
        <f>Bühler!N760</f>
        <v>45322.249999998239</v>
      </c>
      <c r="X728" s="83">
        <v>43131.25</v>
      </c>
      <c r="Y728">
        <v>285288.01929999999</v>
      </c>
      <c r="Z728">
        <v>25849.685969999999</v>
      </c>
      <c r="AA728">
        <v>83279.724449999994</v>
      </c>
      <c r="AB728">
        <v>60671.872430000003</v>
      </c>
      <c r="AC728">
        <v>48919.244019999998</v>
      </c>
      <c r="AD728">
        <v>40928.269039999999</v>
      </c>
      <c r="AE728">
        <v>43922.925539999997</v>
      </c>
      <c r="AF728">
        <v>51648.950140000001</v>
      </c>
      <c r="AG728">
        <v>22675.826570000001</v>
      </c>
      <c r="AH728">
        <v>331992.53649999999</v>
      </c>
      <c r="AI728">
        <v>90267.256410000002</v>
      </c>
      <c r="AJ728">
        <v>28557.960040000002</v>
      </c>
      <c r="AK728">
        <v>34122.34216</v>
      </c>
      <c r="AL728">
        <v>96091.268339999995</v>
      </c>
      <c r="AM728">
        <v>22323.431240000002</v>
      </c>
      <c r="AN728">
        <v>95596.27317</v>
      </c>
      <c r="AO728">
        <v>35042.196129999997</v>
      </c>
      <c r="AP728">
        <v>23476.77362</v>
      </c>
    </row>
    <row r="729" spans="2:42" x14ac:dyDescent="0.3">
      <c r="B729">
        <v>66.877149348644195</v>
      </c>
      <c r="C729" s="83">
        <v>43131.291666666664</v>
      </c>
      <c r="D729">
        <v>301872.13280000002</v>
      </c>
      <c r="E729">
        <v>31404.92297</v>
      </c>
      <c r="F729">
        <v>88162.490220000007</v>
      </c>
      <c r="G729">
        <v>76896.979779999994</v>
      </c>
      <c r="H729">
        <v>55594.019869999996</v>
      </c>
      <c r="I729">
        <v>51080.609790000002</v>
      </c>
      <c r="J729">
        <v>47041.689200000001</v>
      </c>
      <c r="K729">
        <v>57593.816639999997</v>
      </c>
      <c r="L729">
        <v>24711.668900000001</v>
      </c>
      <c r="M729">
        <v>340970.89500000002</v>
      </c>
      <c r="N729">
        <v>95963.939750000005</v>
      </c>
      <c r="O729">
        <v>31585.6937</v>
      </c>
      <c r="P729">
        <v>37968.02822</v>
      </c>
      <c r="Q729">
        <v>96899.439580000006</v>
      </c>
      <c r="R729">
        <v>23349.97352</v>
      </c>
      <c r="S729">
        <v>113849.22</v>
      </c>
      <c r="T729">
        <v>37387.403740000002</v>
      </c>
      <c r="U729">
        <v>28907.288540000001</v>
      </c>
      <c r="W729" s="83">
        <f>Bühler!N761</f>
        <v>45322.291666664903</v>
      </c>
      <c r="X729" s="83">
        <v>43131.291666666664</v>
      </c>
      <c r="Y729">
        <v>301872.13280000002</v>
      </c>
      <c r="Z729">
        <v>31404.92297</v>
      </c>
      <c r="AA729">
        <v>88162.490220000007</v>
      </c>
      <c r="AB729">
        <v>76896.979779999994</v>
      </c>
      <c r="AC729">
        <v>55594.019869999996</v>
      </c>
      <c r="AD729">
        <v>51080.609790000002</v>
      </c>
      <c r="AE729">
        <v>47041.689200000001</v>
      </c>
      <c r="AF729">
        <v>57593.816639999997</v>
      </c>
      <c r="AG729">
        <v>24711.668900000001</v>
      </c>
      <c r="AH729">
        <v>340970.89500000002</v>
      </c>
      <c r="AI729">
        <v>95963.939750000005</v>
      </c>
      <c r="AJ729">
        <v>31585.6937</v>
      </c>
      <c r="AK729">
        <v>37968.02822</v>
      </c>
      <c r="AL729">
        <v>96899.439580000006</v>
      </c>
      <c r="AM729">
        <v>23349.97352</v>
      </c>
      <c r="AN729">
        <v>113849.22</v>
      </c>
      <c r="AO729">
        <v>37387.403740000002</v>
      </c>
      <c r="AP729">
        <v>28907.288540000001</v>
      </c>
    </row>
    <row r="730" spans="2:42" x14ac:dyDescent="0.3">
      <c r="B730">
        <v>67.167713628300049</v>
      </c>
      <c r="C730" s="83">
        <v>43131.333333333336</v>
      </c>
      <c r="D730">
        <v>313266.67940000002</v>
      </c>
      <c r="E730">
        <v>38224.953009999997</v>
      </c>
      <c r="F730">
        <v>96709.092749999996</v>
      </c>
      <c r="G730">
        <v>94689.985920000006</v>
      </c>
      <c r="H730">
        <v>61441.066460000002</v>
      </c>
      <c r="I730">
        <v>54995.348570000002</v>
      </c>
      <c r="J730">
        <v>47947.131090000003</v>
      </c>
      <c r="K730">
        <v>62243.158530000001</v>
      </c>
      <c r="L730">
        <v>27825.1967</v>
      </c>
      <c r="M730">
        <v>342452.3272</v>
      </c>
      <c r="N730">
        <v>103263.3368</v>
      </c>
      <c r="O730">
        <v>33039.094799999999</v>
      </c>
      <c r="P730">
        <v>40673.816189999998</v>
      </c>
      <c r="Q730">
        <v>97625.30846</v>
      </c>
      <c r="R730">
        <v>26599.662400000001</v>
      </c>
      <c r="S730">
        <v>128488.6587</v>
      </c>
      <c r="T730">
        <v>41003.002110000001</v>
      </c>
      <c r="U730">
        <v>32774.171629999997</v>
      </c>
      <c r="W730" s="83">
        <f>Bühler!N762</f>
        <v>45322.333333331568</v>
      </c>
      <c r="X730" s="83">
        <v>43131.333333333336</v>
      </c>
      <c r="Y730">
        <v>313266.67940000002</v>
      </c>
      <c r="Z730">
        <v>38224.953009999997</v>
      </c>
      <c r="AA730">
        <v>96709.092749999996</v>
      </c>
      <c r="AB730">
        <v>94689.985920000006</v>
      </c>
      <c r="AC730">
        <v>61441.066460000002</v>
      </c>
      <c r="AD730">
        <v>54995.348570000002</v>
      </c>
      <c r="AE730">
        <v>47947.131090000003</v>
      </c>
      <c r="AF730">
        <v>62243.158530000001</v>
      </c>
      <c r="AG730">
        <v>27825.1967</v>
      </c>
      <c r="AH730">
        <v>342452.3272</v>
      </c>
      <c r="AI730">
        <v>103263.3368</v>
      </c>
      <c r="AJ730">
        <v>33039.094799999999</v>
      </c>
      <c r="AK730">
        <v>40673.816189999998</v>
      </c>
      <c r="AL730">
        <v>97625.30846</v>
      </c>
      <c r="AM730">
        <v>26599.662400000001</v>
      </c>
      <c r="AN730">
        <v>128488.6587</v>
      </c>
      <c r="AO730">
        <v>41003.002110000001</v>
      </c>
      <c r="AP730">
        <v>32774.171629999997</v>
      </c>
    </row>
    <row r="731" spans="2:42" x14ac:dyDescent="0.3">
      <c r="B731">
        <v>66.32962656183507</v>
      </c>
      <c r="C731" s="83">
        <v>43131.375</v>
      </c>
      <c r="D731">
        <v>312625.42070000002</v>
      </c>
      <c r="E731">
        <v>42429.919000000002</v>
      </c>
      <c r="F731">
        <v>102579.5083</v>
      </c>
      <c r="G731">
        <v>103002.781</v>
      </c>
      <c r="H731">
        <v>62859.541879999997</v>
      </c>
      <c r="I731">
        <v>51778.70753</v>
      </c>
      <c r="J731">
        <v>46116.290979999998</v>
      </c>
      <c r="K731">
        <v>60440.100189999997</v>
      </c>
      <c r="L731">
        <v>31538.277539999999</v>
      </c>
      <c r="M731">
        <v>338179.36849999998</v>
      </c>
      <c r="N731">
        <v>108766.7583</v>
      </c>
      <c r="O731">
        <v>32690.214100000001</v>
      </c>
      <c r="P731">
        <v>41451.8465</v>
      </c>
      <c r="Q731">
        <v>97502.317750000002</v>
      </c>
      <c r="R731">
        <v>25255.52464</v>
      </c>
      <c r="S731">
        <v>134970.17259999999</v>
      </c>
      <c r="T731">
        <v>42312.458330000001</v>
      </c>
      <c r="U731">
        <v>32358.397870000001</v>
      </c>
      <c r="W731" s="83">
        <f>Bühler!N763</f>
        <v>45322.374999998232</v>
      </c>
      <c r="X731" s="83">
        <v>43131.375</v>
      </c>
      <c r="Y731">
        <v>312625.42070000002</v>
      </c>
      <c r="Z731">
        <v>42429.919000000002</v>
      </c>
      <c r="AA731">
        <v>102579.5083</v>
      </c>
      <c r="AB731">
        <v>103002.781</v>
      </c>
      <c r="AC731">
        <v>62859.541879999997</v>
      </c>
      <c r="AD731">
        <v>51778.70753</v>
      </c>
      <c r="AE731">
        <v>46116.290979999998</v>
      </c>
      <c r="AF731">
        <v>60440.100189999997</v>
      </c>
      <c r="AG731">
        <v>31538.277539999999</v>
      </c>
      <c r="AH731">
        <v>338179.36849999998</v>
      </c>
      <c r="AI731">
        <v>108766.7583</v>
      </c>
      <c r="AJ731">
        <v>32690.214100000001</v>
      </c>
      <c r="AK731">
        <v>41451.8465</v>
      </c>
      <c r="AL731">
        <v>97502.317750000002</v>
      </c>
      <c r="AM731">
        <v>25255.52464</v>
      </c>
      <c r="AN731">
        <v>134970.17259999999</v>
      </c>
      <c r="AO731">
        <v>42312.458330000001</v>
      </c>
      <c r="AP731">
        <v>32358.397870000001</v>
      </c>
    </row>
    <row r="732" spans="2:42" x14ac:dyDescent="0.3">
      <c r="B732">
        <v>66.623323862075679</v>
      </c>
      <c r="C732" s="83">
        <v>43131.416666666664</v>
      </c>
      <c r="D732">
        <v>313170.99310000002</v>
      </c>
      <c r="E732">
        <v>43754.679349999999</v>
      </c>
      <c r="F732">
        <v>102543.63250000001</v>
      </c>
      <c r="G732">
        <v>102646.4838</v>
      </c>
      <c r="H732">
        <v>63222.122329999998</v>
      </c>
      <c r="I732">
        <v>48064.90552</v>
      </c>
      <c r="J732">
        <v>44640.110930000003</v>
      </c>
      <c r="K732">
        <v>63225.983110000001</v>
      </c>
      <c r="L732">
        <v>33724.264539999996</v>
      </c>
      <c r="M732">
        <v>339676.77429999999</v>
      </c>
      <c r="N732">
        <v>114010.26360000001</v>
      </c>
      <c r="O732">
        <v>32723.296330000001</v>
      </c>
      <c r="P732">
        <v>42641.482300000003</v>
      </c>
      <c r="Q732">
        <v>97224.414749999996</v>
      </c>
      <c r="R732">
        <v>25766.389050000002</v>
      </c>
      <c r="S732">
        <v>133846.14920000001</v>
      </c>
      <c r="T732">
        <v>43113.928910000002</v>
      </c>
      <c r="U732">
        <v>31853.13596</v>
      </c>
      <c r="W732" s="83">
        <f>Bühler!N764</f>
        <v>45322.416666664896</v>
      </c>
      <c r="X732" s="83">
        <v>43131.416666666664</v>
      </c>
      <c r="Y732">
        <v>313170.99310000002</v>
      </c>
      <c r="Z732">
        <v>43754.679349999999</v>
      </c>
      <c r="AA732">
        <v>102543.63250000001</v>
      </c>
      <c r="AB732">
        <v>102646.4838</v>
      </c>
      <c r="AC732">
        <v>63222.122329999998</v>
      </c>
      <c r="AD732">
        <v>48064.90552</v>
      </c>
      <c r="AE732">
        <v>44640.110930000003</v>
      </c>
      <c r="AF732">
        <v>63225.983110000001</v>
      </c>
      <c r="AG732">
        <v>33724.264539999996</v>
      </c>
      <c r="AH732">
        <v>339676.77429999999</v>
      </c>
      <c r="AI732">
        <v>114010.26360000001</v>
      </c>
      <c r="AJ732">
        <v>32723.296330000001</v>
      </c>
      <c r="AK732">
        <v>42641.482300000003</v>
      </c>
      <c r="AL732">
        <v>97224.414749999996</v>
      </c>
      <c r="AM732">
        <v>25766.389050000002</v>
      </c>
      <c r="AN732">
        <v>133846.14920000001</v>
      </c>
      <c r="AO732">
        <v>43113.928910000002</v>
      </c>
      <c r="AP732">
        <v>31853.13596</v>
      </c>
    </row>
    <row r="733" spans="2:42" x14ac:dyDescent="0.3">
      <c r="B733">
        <v>67.058860600197661</v>
      </c>
      <c r="C733" s="83">
        <v>43131.458333333336</v>
      </c>
      <c r="D733">
        <v>312554.14319999999</v>
      </c>
      <c r="E733">
        <v>43465.355029999999</v>
      </c>
      <c r="F733">
        <v>102927.8953</v>
      </c>
      <c r="G733">
        <v>99827.076190000007</v>
      </c>
      <c r="H733">
        <v>62193.779710000003</v>
      </c>
      <c r="I733">
        <v>47384.510060000001</v>
      </c>
      <c r="J733">
        <v>44444.322959999998</v>
      </c>
      <c r="K733">
        <v>68886.735360000006</v>
      </c>
      <c r="L733">
        <v>34771.370519999997</v>
      </c>
      <c r="M733">
        <v>341897.34370000003</v>
      </c>
      <c r="N733">
        <v>111862.277</v>
      </c>
      <c r="O733">
        <v>32243.000520000001</v>
      </c>
      <c r="P733">
        <v>41410.640939999997</v>
      </c>
      <c r="Q733">
        <v>97108.174150000006</v>
      </c>
      <c r="R733">
        <v>30116.278780000001</v>
      </c>
      <c r="S733">
        <v>134369.35750000001</v>
      </c>
      <c r="T733">
        <v>43403.187360000004</v>
      </c>
      <c r="U733">
        <v>31115.490559999998</v>
      </c>
      <c r="W733" s="83">
        <f>Bühler!N765</f>
        <v>45322.45833333156</v>
      </c>
      <c r="X733" s="83">
        <v>43131.458333333336</v>
      </c>
      <c r="Y733">
        <v>312554.14319999999</v>
      </c>
      <c r="Z733">
        <v>43465.355029999999</v>
      </c>
      <c r="AA733">
        <v>102927.8953</v>
      </c>
      <c r="AB733">
        <v>99827.076190000007</v>
      </c>
      <c r="AC733">
        <v>62193.779710000003</v>
      </c>
      <c r="AD733">
        <v>47384.510060000001</v>
      </c>
      <c r="AE733">
        <v>44444.322959999998</v>
      </c>
      <c r="AF733">
        <v>68886.735360000006</v>
      </c>
      <c r="AG733">
        <v>34771.370519999997</v>
      </c>
      <c r="AH733">
        <v>341897.34370000003</v>
      </c>
      <c r="AI733">
        <v>111862.277</v>
      </c>
      <c r="AJ733">
        <v>32243.000520000001</v>
      </c>
      <c r="AK733">
        <v>41410.640939999997</v>
      </c>
      <c r="AL733">
        <v>97108.174150000006</v>
      </c>
      <c r="AM733">
        <v>30116.278780000001</v>
      </c>
      <c r="AN733">
        <v>134369.35750000001</v>
      </c>
      <c r="AO733">
        <v>43403.187360000004</v>
      </c>
      <c r="AP733">
        <v>31115.490559999998</v>
      </c>
    </row>
    <row r="734" spans="2:42" x14ac:dyDescent="0.3">
      <c r="B734">
        <v>66.145790357546133</v>
      </c>
      <c r="C734" s="83">
        <v>43131.5</v>
      </c>
      <c r="D734">
        <v>299721.038</v>
      </c>
      <c r="E734">
        <v>38985.972009999998</v>
      </c>
      <c r="F734">
        <v>95282.598710000006</v>
      </c>
      <c r="G734">
        <v>93259.11563</v>
      </c>
      <c r="H734">
        <v>59099.802559999996</v>
      </c>
      <c r="I734">
        <v>45009.041530000002</v>
      </c>
      <c r="J734">
        <v>44879.424400000004</v>
      </c>
      <c r="K734">
        <v>65061.353759999998</v>
      </c>
      <c r="L734">
        <v>37179.987589999997</v>
      </c>
      <c r="M734">
        <v>337242.0858</v>
      </c>
      <c r="N734">
        <v>107469.9975</v>
      </c>
      <c r="O734">
        <v>31614.238710000001</v>
      </c>
      <c r="P734">
        <v>40508.1342</v>
      </c>
      <c r="Q734">
        <v>96760.453540000002</v>
      </c>
      <c r="R734">
        <v>29038.669819999999</v>
      </c>
      <c r="S734">
        <v>127951.88</v>
      </c>
      <c r="T734">
        <v>42444.748249999997</v>
      </c>
      <c r="U734">
        <v>27290.29135</v>
      </c>
      <c r="W734" s="83">
        <f>Bühler!N766</f>
        <v>45322.499999998225</v>
      </c>
      <c r="X734" s="83">
        <v>43131.5</v>
      </c>
      <c r="Y734">
        <v>299721.038</v>
      </c>
      <c r="Z734">
        <v>38985.972009999998</v>
      </c>
      <c r="AA734">
        <v>95282.598710000006</v>
      </c>
      <c r="AB734">
        <v>93259.11563</v>
      </c>
      <c r="AC734">
        <v>59099.802559999996</v>
      </c>
      <c r="AD734">
        <v>45009.041530000002</v>
      </c>
      <c r="AE734">
        <v>44879.424400000004</v>
      </c>
      <c r="AF734">
        <v>65061.353759999998</v>
      </c>
      <c r="AG734">
        <v>37179.987589999997</v>
      </c>
      <c r="AH734">
        <v>337242.0858</v>
      </c>
      <c r="AI734">
        <v>107469.9975</v>
      </c>
      <c r="AJ734">
        <v>31614.238710000001</v>
      </c>
      <c r="AK734">
        <v>40508.1342</v>
      </c>
      <c r="AL734">
        <v>96760.453540000002</v>
      </c>
      <c r="AM734">
        <v>29038.669819999999</v>
      </c>
      <c r="AN734">
        <v>127951.88</v>
      </c>
      <c r="AO734">
        <v>42444.748249999997</v>
      </c>
      <c r="AP734">
        <v>27290.29135</v>
      </c>
    </row>
    <row r="735" spans="2:42" x14ac:dyDescent="0.3">
      <c r="B735">
        <v>65.677405486521565</v>
      </c>
      <c r="C735" s="83">
        <v>43131.541666666664</v>
      </c>
      <c r="D735">
        <v>301794.49489999999</v>
      </c>
      <c r="E735">
        <v>38555.460030000002</v>
      </c>
      <c r="F735">
        <v>92243.53443</v>
      </c>
      <c r="G735">
        <v>85579.252649999995</v>
      </c>
      <c r="H735">
        <v>59128.383909999997</v>
      </c>
      <c r="I735">
        <v>44478.948340000003</v>
      </c>
      <c r="J735">
        <v>43390.438600000001</v>
      </c>
      <c r="K735">
        <v>67441.24368</v>
      </c>
      <c r="L735">
        <v>35137.424890000002</v>
      </c>
      <c r="M735">
        <v>334854.04129999998</v>
      </c>
      <c r="N735">
        <v>107624.2393</v>
      </c>
      <c r="O735">
        <v>31168.79393</v>
      </c>
      <c r="P735">
        <v>41107.692840000003</v>
      </c>
      <c r="Q735">
        <v>95207.032789999997</v>
      </c>
      <c r="R735">
        <v>27661.264449999999</v>
      </c>
      <c r="S735">
        <v>125823.1195</v>
      </c>
      <c r="T735">
        <v>40925.709179999998</v>
      </c>
      <c r="U735">
        <v>28821.80603</v>
      </c>
      <c r="W735" s="83">
        <f>Bühler!N767</f>
        <v>45322.541666664889</v>
      </c>
      <c r="X735" s="83">
        <v>43131.541666666664</v>
      </c>
      <c r="Y735">
        <v>301794.49489999999</v>
      </c>
      <c r="Z735">
        <v>38555.460030000002</v>
      </c>
      <c r="AA735">
        <v>92243.53443</v>
      </c>
      <c r="AB735">
        <v>85579.252649999995</v>
      </c>
      <c r="AC735">
        <v>59128.383909999997</v>
      </c>
      <c r="AD735">
        <v>44478.948340000003</v>
      </c>
      <c r="AE735">
        <v>43390.438600000001</v>
      </c>
      <c r="AF735">
        <v>67441.24368</v>
      </c>
      <c r="AG735">
        <v>35137.424890000002</v>
      </c>
      <c r="AH735">
        <v>334854.04129999998</v>
      </c>
      <c r="AI735">
        <v>107624.2393</v>
      </c>
      <c r="AJ735">
        <v>31168.79393</v>
      </c>
      <c r="AK735">
        <v>41107.692840000003</v>
      </c>
      <c r="AL735">
        <v>95207.032789999997</v>
      </c>
      <c r="AM735">
        <v>27661.264449999999</v>
      </c>
      <c r="AN735">
        <v>125823.1195</v>
      </c>
      <c r="AO735">
        <v>40925.709179999998</v>
      </c>
      <c r="AP735">
        <v>28821.80603</v>
      </c>
    </row>
    <row r="736" spans="2:42" x14ac:dyDescent="0.3">
      <c r="B736">
        <v>66.205681701240465</v>
      </c>
      <c r="C736" s="83">
        <v>43131.583333333336</v>
      </c>
      <c r="D736">
        <v>305081.4498</v>
      </c>
      <c r="E736">
        <v>41483.857000000004</v>
      </c>
      <c r="F736">
        <v>99157.745899999994</v>
      </c>
      <c r="G736">
        <v>82115.092659999995</v>
      </c>
      <c r="H736">
        <v>58769.740660000003</v>
      </c>
      <c r="I736">
        <v>45053.349029999998</v>
      </c>
      <c r="J736">
        <v>43031.228300000002</v>
      </c>
      <c r="K736">
        <v>68845.639089999997</v>
      </c>
      <c r="L736">
        <v>32077.519390000001</v>
      </c>
      <c r="M736">
        <v>337547.43979999999</v>
      </c>
      <c r="N736">
        <v>109755.9553</v>
      </c>
      <c r="O736">
        <v>30952.848989999999</v>
      </c>
      <c r="P736">
        <v>36858.496939999997</v>
      </c>
      <c r="Q736">
        <v>94001.790829999998</v>
      </c>
      <c r="R736">
        <v>27639.890630000002</v>
      </c>
      <c r="S736">
        <v>121831.098</v>
      </c>
      <c r="T736">
        <v>39973.244780000001</v>
      </c>
      <c r="U736">
        <v>29646.98676</v>
      </c>
      <c r="W736" s="83">
        <f>Bühler!N768</f>
        <v>45322.583333331553</v>
      </c>
      <c r="X736" s="83">
        <v>43131.583333333336</v>
      </c>
      <c r="Y736">
        <v>305081.4498</v>
      </c>
      <c r="Z736">
        <v>41483.857000000004</v>
      </c>
      <c r="AA736">
        <v>99157.745899999994</v>
      </c>
      <c r="AB736">
        <v>82115.092659999995</v>
      </c>
      <c r="AC736">
        <v>58769.740660000003</v>
      </c>
      <c r="AD736">
        <v>45053.349029999998</v>
      </c>
      <c r="AE736">
        <v>43031.228300000002</v>
      </c>
      <c r="AF736">
        <v>68845.639089999997</v>
      </c>
      <c r="AG736">
        <v>32077.519390000001</v>
      </c>
      <c r="AH736">
        <v>337547.43979999999</v>
      </c>
      <c r="AI736">
        <v>109755.9553</v>
      </c>
      <c r="AJ736">
        <v>30952.848989999999</v>
      </c>
      <c r="AK736">
        <v>36858.496939999997</v>
      </c>
      <c r="AL736">
        <v>94001.790829999998</v>
      </c>
      <c r="AM736">
        <v>27639.890630000002</v>
      </c>
      <c r="AN736">
        <v>121831.098</v>
      </c>
      <c r="AO736">
        <v>39973.244780000001</v>
      </c>
      <c r="AP736">
        <v>29646.98676</v>
      </c>
    </row>
    <row r="737" spans="2:42" x14ac:dyDescent="0.3">
      <c r="B737">
        <v>65.197024184433658</v>
      </c>
      <c r="C737" s="83">
        <v>43131.625</v>
      </c>
      <c r="D737">
        <v>303833.21179999999</v>
      </c>
      <c r="E737">
        <v>41170.236799999999</v>
      </c>
      <c r="F737">
        <v>100704.1875</v>
      </c>
      <c r="G737">
        <v>79097.116150000002</v>
      </c>
      <c r="H737">
        <v>58271.818979999996</v>
      </c>
      <c r="I737">
        <v>44802.698409999997</v>
      </c>
      <c r="J737">
        <v>42483.519139999997</v>
      </c>
      <c r="K737">
        <v>67520.964170000007</v>
      </c>
      <c r="L737">
        <v>28887.31926</v>
      </c>
      <c r="M737">
        <v>332404.8334</v>
      </c>
      <c r="N737">
        <v>108652.4556</v>
      </c>
      <c r="O737">
        <v>30538.015169999999</v>
      </c>
      <c r="P737">
        <v>34913.944649999998</v>
      </c>
      <c r="Q737">
        <v>92619.022289999994</v>
      </c>
      <c r="R737">
        <v>26581.352599999998</v>
      </c>
      <c r="S737">
        <v>118371.7163</v>
      </c>
      <c r="T737">
        <v>40512.028100000003</v>
      </c>
      <c r="U737">
        <v>28857.785400000001</v>
      </c>
      <c r="W737" s="83">
        <f>Bühler!N769</f>
        <v>45322.624999998217</v>
      </c>
      <c r="X737" s="83">
        <v>43131.625</v>
      </c>
      <c r="Y737">
        <v>303833.21179999999</v>
      </c>
      <c r="Z737">
        <v>41170.236799999999</v>
      </c>
      <c r="AA737">
        <v>100704.1875</v>
      </c>
      <c r="AB737">
        <v>79097.116150000002</v>
      </c>
      <c r="AC737">
        <v>58271.818979999996</v>
      </c>
      <c r="AD737">
        <v>44802.698409999997</v>
      </c>
      <c r="AE737">
        <v>42483.519139999997</v>
      </c>
      <c r="AF737">
        <v>67520.964170000007</v>
      </c>
      <c r="AG737">
        <v>28887.31926</v>
      </c>
      <c r="AH737">
        <v>332404.8334</v>
      </c>
      <c r="AI737">
        <v>108652.4556</v>
      </c>
      <c r="AJ737">
        <v>30538.015169999999</v>
      </c>
      <c r="AK737">
        <v>34913.944649999998</v>
      </c>
      <c r="AL737">
        <v>92619.022289999994</v>
      </c>
      <c r="AM737">
        <v>26581.352599999998</v>
      </c>
      <c r="AN737">
        <v>118371.7163</v>
      </c>
      <c r="AO737">
        <v>40512.028100000003</v>
      </c>
      <c r="AP737">
        <v>28857.785400000001</v>
      </c>
    </row>
    <row r="738" spans="2:42" x14ac:dyDescent="0.3">
      <c r="B738">
        <v>64.071129294677803</v>
      </c>
      <c r="C738" s="83">
        <v>43131.666666666664</v>
      </c>
      <c r="D738">
        <v>296809.08230000001</v>
      </c>
      <c r="E738">
        <v>40244.409180000002</v>
      </c>
      <c r="F738">
        <v>99874.466</v>
      </c>
      <c r="G738">
        <v>75673.539359999995</v>
      </c>
      <c r="H738">
        <v>56748.782729999999</v>
      </c>
      <c r="I738">
        <v>45891.924079999997</v>
      </c>
      <c r="J738">
        <v>41892.142330000002</v>
      </c>
      <c r="K738">
        <v>62849.934549999998</v>
      </c>
      <c r="L738">
        <v>27909.24207</v>
      </c>
      <c r="M738">
        <v>326664.49619999999</v>
      </c>
      <c r="N738">
        <v>102206.9618</v>
      </c>
      <c r="O738">
        <v>30320.434980000002</v>
      </c>
      <c r="P738">
        <v>36194.683140000001</v>
      </c>
      <c r="Q738">
        <v>92283.795570000002</v>
      </c>
      <c r="R738">
        <v>26811.547419999999</v>
      </c>
      <c r="S738">
        <v>115595.7841</v>
      </c>
      <c r="T738">
        <v>40325.75692</v>
      </c>
      <c r="U738">
        <v>26838.449000000001</v>
      </c>
      <c r="W738" s="83">
        <f>Bühler!N770</f>
        <v>45322.666666664882</v>
      </c>
      <c r="X738" s="83">
        <v>43131.666666666664</v>
      </c>
      <c r="Y738">
        <v>296809.08230000001</v>
      </c>
      <c r="Z738">
        <v>40244.409180000002</v>
      </c>
      <c r="AA738">
        <v>99874.466</v>
      </c>
      <c r="AB738">
        <v>75673.539359999995</v>
      </c>
      <c r="AC738">
        <v>56748.782729999999</v>
      </c>
      <c r="AD738">
        <v>45891.924079999997</v>
      </c>
      <c r="AE738">
        <v>41892.142330000002</v>
      </c>
      <c r="AF738">
        <v>62849.934549999998</v>
      </c>
      <c r="AG738">
        <v>27909.24207</v>
      </c>
      <c r="AH738">
        <v>326664.49619999999</v>
      </c>
      <c r="AI738">
        <v>102206.9618</v>
      </c>
      <c r="AJ738">
        <v>30320.434980000002</v>
      </c>
      <c r="AK738">
        <v>36194.683140000001</v>
      </c>
      <c r="AL738">
        <v>92283.795570000002</v>
      </c>
      <c r="AM738">
        <v>26811.547419999999</v>
      </c>
      <c r="AN738">
        <v>115595.7841</v>
      </c>
      <c r="AO738">
        <v>40325.75692</v>
      </c>
      <c r="AP738">
        <v>26838.449000000001</v>
      </c>
    </row>
    <row r="739" spans="2:42" x14ac:dyDescent="0.3">
      <c r="B739">
        <v>63.57344461269426</v>
      </c>
      <c r="C739" s="83">
        <v>43131.708333333336</v>
      </c>
      <c r="D739">
        <v>285939.1973</v>
      </c>
      <c r="E739">
        <v>38831.273209999999</v>
      </c>
      <c r="F739">
        <v>101109.92080000001</v>
      </c>
      <c r="G739">
        <v>72321.46355</v>
      </c>
      <c r="H739">
        <v>54730.665829999998</v>
      </c>
      <c r="I739">
        <v>44697.084819999996</v>
      </c>
      <c r="J739">
        <v>42384.274770000004</v>
      </c>
      <c r="K739">
        <v>57430.088049999998</v>
      </c>
      <c r="L739">
        <v>28496.680950000002</v>
      </c>
      <c r="M739">
        <v>324127.06760000001</v>
      </c>
      <c r="N739">
        <v>94902.290240000002</v>
      </c>
      <c r="O739">
        <v>29522.226419999999</v>
      </c>
      <c r="P739">
        <v>38241.81207</v>
      </c>
      <c r="Q739">
        <v>90826.511679999996</v>
      </c>
      <c r="R739">
        <v>27418.635770000001</v>
      </c>
      <c r="S739">
        <v>115330.6005</v>
      </c>
      <c r="T739">
        <v>40186.450620000003</v>
      </c>
      <c r="U739">
        <v>24947.862959999999</v>
      </c>
      <c r="W739" s="83">
        <f>Bühler!N771</f>
        <v>45322.708333331546</v>
      </c>
      <c r="X739" s="83">
        <v>43131.708333333336</v>
      </c>
      <c r="Y739">
        <v>285939.1973</v>
      </c>
      <c r="Z739">
        <v>38831.273209999999</v>
      </c>
      <c r="AA739">
        <v>101109.92080000001</v>
      </c>
      <c r="AB739">
        <v>72321.46355</v>
      </c>
      <c r="AC739">
        <v>54730.665829999998</v>
      </c>
      <c r="AD739">
        <v>44697.084819999996</v>
      </c>
      <c r="AE739">
        <v>42384.274770000004</v>
      </c>
      <c r="AF739">
        <v>57430.088049999998</v>
      </c>
      <c r="AG739">
        <v>28496.680950000002</v>
      </c>
      <c r="AH739">
        <v>324127.06760000001</v>
      </c>
      <c r="AI739">
        <v>94902.290240000002</v>
      </c>
      <c r="AJ739">
        <v>29522.226419999999</v>
      </c>
      <c r="AK739">
        <v>38241.81207</v>
      </c>
      <c r="AL739">
        <v>90826.511679999996</v>
      </c>
      <c r="AM739">
        <v>27418.635770000001</v>
      </c>
      <c r="AN739">
        <v>115330.6005</v>
      </c>
      <c r="AO739">
        <v>40186.450620000003</v>
      </c>
      <c r="AP739">
        <v>24947.862959999999</v>
      </c>
    </row>
    <row r="740" spans="2:42" x14ac:dyDescent="0.3">
      <c r="B740">
        <v>62.474356803898281</v>
      </c>
      <c r="C740" s="83">
        <v>43131.75</v>
      </c>
      <c r="D740">
        <v>281341.99819999997</v>
      </c>
      <c r="E740">
        <v>35698.331149999998</v>
      </c>
      <c r="F740">
        <v>98674.530599999998</v>
      </c>
      <c r="G740">
        <v>67671.107329999999</v>
      </c>
      <c r="H740">
        <v>54133.274219999999</v>
      </c>
      <c r="I740">
        <v>43888.985809999998</v>
      </c>
      <c r="J740">
        <v>44755.610280000001</v>
      </c>
      <c r="K740">
        <v>51053.917930000003</v>
      </c>
      <c r="L740">
        <v>30622.094000000001</v>
      </c>
      <c r="M740">
        <v>318523.40539999999</v>
      </c>
      <c r="N740">
        <v>92341.930229999998</v>
      </c>
      <c r="O740">
        <v>28345.816579999999</v>
      </c>
      <c r="P740">
        <v>43181.698060000002</v>
      </c>
      <c r="Q740">
        <v>89586.625079999998</v>
      </c>
      <c r="R740">
        <v>23567.566999999999</v>
      </c>
      <c r="S740">
        <v>111439.3061</v>
      </c>
      <c r="T740">
        <v>41470.0965</v>
      </c>
      <c r="U740">
        <v>23585.054349999999</v>
      </c>
      <c r="W740" s="83">
        <f>Bühler!N772</f>
        <v>45322.74999999821</v>
      </c>
      <c r="X740" s="83">
        <v>43131.75</v>
      </c>
      <c r="Y740">
        <v>281341.99819999997</v>
      </c>
      <c r="Z740">
        <v>35698.331149999998</v>
      </c>
      <c r="AA740">
        <v>98674.530599999998</v>
      </c>
      <c r="AB740">
        <v>67671.107329999999</v>
      </c>
      <c r="AC740">
        <v>54133.274219999999</v>
      </c>
      <c r="AD740">
        <v>43888.985809999998</v>
      </c>
      <c r="AE740">
        <v>44755.610280000001</v>
      </c>
      <c r="AF740">
        <v>51053.917930000003</v>
      </c>
      <c r="AG740">
        <v>30622.094000000001</v>
      </c>
      <c r="AH740">
        <v>318523.40539999999</v>
      </c>
      <c r="AI740">
        <v>92341.930229999998</v>
      </c>
      <c r="AJ740">
        <v>28345.816579999999</v>
      </c>
      <c r="AK740">
        <v>43181.698060000002</v>
      </c>
      <c r="AL740">
        <v>89586.625079999998</v>
      </c>
      <c r="AM740">
        <v>23567.566999999999</v>
      </c>
      <c r="AN740">
        <v>111439.3061</v>
      </c>
      <c r="AO740">
        <v>41470.0965</v>
      </c>
      <c r="AP740">
        <v>23585.054349999999</v>
      </c>
    </row>
    <row r="741" spans="2:42" x14ac:dyDescent="0.3">
      <c r="B741">
        <v>61.8149712996075</v>
      </c>
      <c r="C741" s="83">
        <v>43131.791666666664</v>
      </c>
      <c r="D741">
        <v>274390.73910000001</v>
      </c>
      <c r="E741">
        <v>29097.512500000001</v>
      </c>
      <c r="F741">
        <v>85426.727329999994</v>
      </c>
      <c r="G741">
        <v>60529.491909999997</v>
      </c>
      <c r="H741">
        <v>50889.679499999998</v>
      </c>
      <c r="I741">
        <v>41662.127119999997</v>
      </c>
      <c r="J741">
        <v>44592.26352</v>
      </c>
      <c r="K741">
        <v>50709.988790000003</v>
      </c>
      <c r="L741">
        <v>31059.487359999999</v>
      </c>
      <c r="M741">
        <v>315161.55060000002</v>
      </c>
      <c r="N741">
        <v>91322.000520000001</v>
      </c>
      <c r="O741">
        <v>27104.352780000001</v>
      </c>
      <c r="P741">
        <v>43970.448360000002</v>
      </c>
      <c r="Q741">
        <v>86954.079660000003</v>
      </c>
      <c r="R741">
        <v>22657.840769999999</v>
      </c>
      <c r="S741">
        <v>105052.6734</v>
      </c>
      <c r="T741">
        <v>41151.799619999998</v>
      </c>
      <c r="U741">
        <v>21904.178189999999</v>
      </c>
      <c r="W741" s="83">
        <f>Bühler!N773</f>
        <v>45322.791666664874</v>
      </c>
      <c r="X741" s="83">
        <v>43131.791666666664</v>
      </c>
      <c r="Y741">
        <v>274390.73910000001</v>
      </c>
      <c r="Z741">
        <v>29097.512500000001</v>
      </c>
      <c r="AA741">
        <v>85426.727329999994</v>
      </c>
      <c r="AB741">
        <v>60529.491909999997</v>
      </c>
      <c r="AC741">
        <v>50889.679499999998</v>
      </c>
      <c r="AD741">
        <v>41662.127119999997</v>
      </c>
      <c r="AE741">
        <v>44592.26352</v>
      </c>
      <c r="AF741">
        <v>50709.988790000003</v>
      </c>
      <c r="AG741">
        <v>31059.487359999999</v>
      </c>
      <c r="AH741">
        <v>315161.55060000002</v>
      </c>
      <c r="AI741">
        <v>91322.000520000001</v>
      </c>
      <c r="AJ741">
        <v>27104.352780000001</v>
      </c>
      <c r="AK741">
        <v>43970.448360000002</v>
      </c>
      <c r="AL741">
        <v>86954.079660000003</v>
      </c>
      <c r="AM741">
        <v>22657.840769999999</v>
      </c>
      <c r="AN741">
        <v>105052.6734</v>
      </c>
      <c r="AO741">
        <v>41151.799619999998</v>
      </c>
      <c r="AP741">
        <v>21904.178189999999</v>
      </c>
    </row>
    <row r="742" spans="2:42" x14ac:dyDescent="0.3">
      <c r="B742">
        <v>61.267882898327571</v>
      </c>
      <c r="C742" s="83">
        <v>43131.833333333336</v>
      </c>
      <c r="D742">
        <v>264026.00640000001</v>
      </c>
      <c r="E742">
        <v>22504.653829999999</v>
      </c>
      <c r="F742">
        <v>66209.607699999993</v>
      </c>
      <c r="G742">
        <v>53840.803939999998</v>
      </c>
      <c r="H742">
        <v>47677.892260000001</v>
      </c>
      <c r="I742">
        <v>37501.169249999999</v>
      </c>
      <c r="J742">
        <v>43109.320979999997</v>
      </c>
      <c r="K742">
        <v>56958.762280000003</v>
      </c>
      <c r="L742">
        <v>30065.128840000001</v>
      </c>
      <c r="M742">
        <v>312372.23879999999</v>
      </c>
      <c r="N742">
        <v>88305.292570000005</v>
      </c>
      <c r="O742">
        <v>25702.687519999999</v>
      </c>
      <c r="P742">
        <v>44212.078880000001</v>
      </c>
      <c r="Q742">
        <v>84805.069520000005</v>
      </c>
      <c r="R742">
        <v>24443.19989</v>
      </c>
      <c r="S742">
        <v>95802.122990000003</v>
      </c>
      <c r="T742">
        <v>39373.35095</v>
      </c>
      <c r="U742">
        <v>20820.450939999999</v>
      </c>
      <c r="W742" s="83">
        <f>Bühler!N774</f>
        <v>45322.833333331539</v>
      </c>
      <c r="X742" s="83">
        <v>43131.833333333336</v>
      </c>
      <c r="Y742">
        <v>264026.00640000001</v>
      </c>
      <c r="Z742">
        <v>22504.653829999999</v>
      </c>
      <c r="AA742">
        <v>66209.607699999993</v>
      </c>
      <c r="AB742">
        <v>53840.803939999998</v>
      </c>
      <c r="AC742">
        <v>47677.892260000001</v>
      </c>
      <c r="AD742">
        <v>37501.169249999999</v>
      </c>
      <c r="AE742">
        <v>43109.320979999997</v>
      </c>
      <c r="AF742">
        <v>56958.762280000003</v>
      </c>
      <c r="AG742">
        <v>30065.128840000001</v>
      </c>
      <c r="AH742">
        <v>312372.23879999999</v>
      </c>
      <c r="AI742">
        <v>88305.292570000005</v>
      </c>
      <c r="AJ742">
        <v>25702.687519999999</v>
      </c>
      <c r="AK742">
        <v>44212.078880000001</v>
      </c>
      <c r="AL742">
        <v>84805.069520000005</v>
      </c>
      <c r="AM742">
        <v>24443.19989</v>
      </c>
      <c r="AN742">
        <v>95802.122990000003</v>
      </c>
      <c r="AO742">
        <v>39373.35095</v>
      </c>
      <c r="AP742">
        <v>20820.450939999999</v>
      </c>
    </row>
    <row r="743" spans="2:42" x14ac:dyDescent="0.3">
      <c r="B743">
        <v>59.337085372218155</v>
      </c>
      <c r="C743" s="83">
        <v>43131.875</v>
      </c>
      <c r="D743">
        <v>253470.9566</v>
      </c>
      <c r="E743">
        <v>19419.722949999999</v>
      </c>
      <c r="F743">
        <v>57942.15537</v>
      </c>
      <c r="G743">
        <v>50900.785790000002</v>
      </c>
      <c r="H743">
        <v>45173.661590000003</v>
      </c>
      <c r="I743">
        <v>31877.416730000001</v>
      </c>
      <c r="J743">
        <v>41123.186289999998</v>
      </c>
      <c r="K743">
        <v>55447.481939999998</v>
      </c>
      <c r="L743">
        <v>28633.600689999999</v>
      </c>
      <c r="M743">
        <v>302528.13260000001</v>
      </c>
      <c r="N743">
        <v>86487.175629999998</v>
      </c>
      <c r="O743">
        <v>24781.271949999998</v>
      </c>
      <c r="P743">
        <v>42575.05242</v>
      </c>
      <c r="Q743">
        <v>82589.864390000002</v>
      </c>
      <c r="R743">
        <v>21891.15265</v>
      </c>
      <c r="S743">
        <v>89683.042910000004</v>
      </c>
      <c r="T743">
        <v>36436.536339999999</v>
      </c>
      <c r="U743">
        <v>19315.000619999999</v>
      </c>
      <c r="W743" s="83">
        <f>Bühler!N775</f>
        <v>45322.874999998203</v>
      </c>
      <c r="X743" s="83">
        <v>43131.875</v>
      </c>
      <c r="Y743">
        <v>253470.9566</v>
      </c>
      <c r="Z743">
        <v>19419.722949999999</v>
      </c>
      <c r="AA743">
        <v>57942.15537</v>
      </c>
      <c r="AB743">
        <v>50900.785790000002</v>
      </c>
      <c r="AC743">
        <v>45173.661590000003</v>
      </c>
      <c r="AD743">
        <v>31877.416730000001</v>
      </c>
      <c r="AE743">
        <v>41123.186289999998</v>
      </c>
      <c r="AF743">
        <v>55447.481939999998</v>
      </c>
      <c r="AG743">
        <v>28633.600689999999</v>
      </c>
      <c r="AH743">
        <v>302528.13260000001</v>
      </c>
      <c r="AI743">
        <v>86487.175629999998</v>
      </c>
      <c r="AJ743">
        <v>24781.271949999998</v>
      </c>
      <c r="AK743">
        <v>42575.05242</v>
      </c>
      <c r="AL743">
        <v>82589.864390000002</v>
      </c>
      <c r="AM743">
        <v>21891.15265</v>
      </c>
      <c r="AN743">
        <v>89683.042910000004</v>
      </c>
      <c r="AO743">
        <v>36436.536339999999</v>
      </c>
      <c r="AP743">
        <v>19315.000619999999</v>
      </c>
    </row>
    <row r="744" spans="2:42" x14ac:dyDescent="0.3">
      <c r="B744">
        <v>59.216524725393477</v>
      </c>
      <c r="C744" s="83">
        <v>43131.916666666664</v>
      </c>
      <c r="D744">
        <v>252811.09890000001</v>
      </c>
      <c r="E744">
        <v>18509.656449999999</v>
      </c>
      <c r="F744">
        <v>55445.231209999998</v>
      </c>
      <c r="G744">
        <v>48196.962350000002</v>
      </c>
      <c r="H744">
        <v>43920.312850000002</v>
      </c>
      <c r="I744">
        <v>30230.081440000002</v>
      </c>
      <c r="J744">
        <v>39834.345549999998</v>
      </c>
      <c r="K744">
        <v>58247.732179999999</v>
      </c>
      <c r="L744">
        <v>25736.64111</v>
      </c>
      <c r="M744">
        <v>301913.45819999999</v>
      </c>
      <c r="N744">
        <v>85204.087610000002</v>
      </c>
      <c r="O744">
        <v>26037.02823</v>
      </c>
      <c r="P744">
        <v>45308.027009999998</v>
      </c>
      <c r="Q744">
        <v>82347.175579999996</v>
      </c>
      <c r="R744">
        <v>31221.473829999999</v>
      </c>
      <c r="S744">
        <v>87898.563649999996</v>
      </c>
      <c r="T744">
        <v>32778.539429999997</v>
      </c>
      <c r="U744">
        <v>20473.01008</v>
      </c>
      <c r="W744" s="83">
        <f>Bühler!N776</f>
        <v>45322.916666664867</v>
      </c>
      <c r="X744" s="83">
        <v>43131.916666666664</v>
      </c>
      <c r="Y744">
        <v>252811.09890000001</v>
      </c>
      <c r="Z744">
        <v>18509.656449999999</v>
      </c>
      <c r="AA744">
        <v>55445.231209999998</v>
      </c>
      <c r="AB744">
        <v>48196.962350000002</v>
      </c>
      <c r="AC744">
        <v>43920.312850000002</v>
      </c>
      <c r="AD744">
        <v>30230.081440000002</v>
      </c>
      <c r="AE744">
        <v>39834.345549999998</v>
      </c>
      <c r="AF744">
        <v>58247.732179999999</v>
      </c>
      <c r="AG744">
        <v>25736.64111</v>
      </c>
      <c r="AH744">
        <v>301913.45819999999</v>
      </c>
      <c r="AI744">
        <v>85204.087610000002</v>
      </c>
      <c r="AJ744">
        <v>26037.02823</v>
      </c>
      <c r="AK744">
        <v>45308.027009999998</v>
      </c>
      <c r="AL744">
        <v>82347.175579999996</v>
      </c>
      <c r="AM744">
        <v>31221.473829999999</v>
      </c>
      <c r="AN744">
        <v>87898.563649999996</v>
      </c>
      <c r="AO744">
        <v>32778.539429999997</v>
      </c>
      <c r="AP744">
        <v>20473.01008</v>
      </c>
    </row>
    <row r="745" spans="2:42" x14ac:dyDescent="0.3">
      <c r="B745">
        <v>58.300814590841675</v>
      </c>
      <c r="C745" s="83">
        <v>43131.958333333336</v>
      </c>
      <c r="D745">
        <v>252856.21059999999</v>
      </c>
      <c r="E745">
        <v>18323.208500000001</v>
      </c>
      <c r="F745">
        <v>53903.45577</v>
      </c>
      <c r="G745">
        <v>47021.226609999998</v>
      </c>
      <c r="H745">
        <v>42854.39518</v>
      </c>
      <c r="I745">
        <v>29098.799180000002</v>
      </c>
      <c r="J745">
        <v>37318.576050000003</v>
      </c>
      <c r="K745">
        <v>58275.847829999999</v>
      </c>
      <c r="L745">
        <v>22239.519509999998</v>
      </c>
      <c r="M745">
        <v>297244.74089999998</v>
      </c>
      <c r="N745">
        <v>83783.891210000002</v>
      </c>
      <c r="O745">
        <v>25943.454890000001</v>
      </c>
      <c r="P745">
        <v>40492.677730000003</v>
      </c>
      <c r="Q745">
        <v>81719.989520000003</v>
      </c>
      <c r="R745">
        <v>32778.01309</v>
      </c>
      <c r="S745">
        <v>85801.459069999997</v>
      </c>
      <c r="T745">
        <v>33531.033089999997</v>
      </c>
      <c r="U745">
        <v>19889.881789999999</v>
      </c>
      <c r="W745" s="83">
        <f>Bühler!N777</f>
        <v>45322.958333331531</v>
      </c>
      <c r="X745" s="83">
        <v>43131.958333333336</v>
      </c>
      <c r="Y745">
        <v>252856.21059999999</v>
      </c>
      <c r="Z745">
        <v>18323.208500000001</v>
      </c>
      <c r="AA745">
        <v>53903.45577</v>
      </c>
      <c r="AB745">
        <v>47021.226609999998</v>
      </c>
      <c r="AC745">
        <v>42854.39518</v>
      </c>
      <c r="AD745">
        <v>29098.799180000002</v>
      </c>
      <c r="AE745">
        <v>37318.576050000003</v>
      </c>
      <c r="AF745">
        <v>58275.847829999999</v>
      </c>
      <c r="AG745">
        <v>22239.519509999998</v>
      </c>
      <c r="AH745">
        <v>297244.74089999998</v>
      </c>
      <c r="AI745">
        <v>83783.891210000002</v>
      </c>
      <c r="AJ745">
        <v>25943.454890000001</v>
      </c>
      <c r="AK745">
        <v>40492.677730000003</v>
      </c>
      <c r="AL745">
        <v>81719.989520000003</v>
      </c>
      <c r="AM745">
        <v>32778.01309</v>
      </c>
      <c r="AN745">
        <v>85801.459069999997</v>
      </c>
      <c r="AO745">
        <v>33531.033089999997</v>
      </c>
      <c r="AP745">
        <v>19889.881789999999</v>
      </c>
    </row>
    <row r="746" spans="2:42" x14ac:dyDescent="0.3">
      <c r="B746">
        <v>57.622882725026074</v>
      </c>
      <c r="C746" s="83">
        <v>43132</v>
      </c>
      <c r="D746">
        <v>252194.13320000001</v>
      </c>
      <c r="E746">
        <v>18268.130799999999</v>
      </c>
      <c r="F746">
        <v>53875.158009999999</v>
      </c>
      <c r="G746">
        <v>46331.676700000004</v>
      </c>
      <c r="H746">
        <v>42250.485650000002</v>
      </c>
      <c r="I746">
        <v>27027.203440000001</v>
      </c>
      <c r="J746">
        <v>35240.781660000001</v>
      </c>
      <c r="K746">
        <v>55191.918230000003</v>
      </c>
      <c r="L746">
        <v>20825.226780000001</v>
      </c>
      <c r="M746">
        <v>293788.32809999998</v>
      </c>
      <c r="N746">
        <v>83366.516260000004</v>
      </c>
      <c r="O746">
        <v>25993.84016</v>
      </c>
      <c r="P746">
        <v>38192.643479999999</v>
      </c>
      <c r="Q746">
        <v>81622.534969999993</v>
      </c>
      <c r="R746">
        <v>29261.28559</v>
      </c>
      <c r="S746">
        <v>84718.630520000006</v>
      </c>
      <c r="T746">
        <v>31500.424770000001</v>
      </c>
      <c r="U746">
        <v>19544.846560000002</v>
      </c>
      <c r="W746" s="83">
        <f>Bühler!N778</f>
        <v>45322.999999998196</v>
      </c>
      <c r="X746" s="83">
        <v>43132</v>
      </c>
      <c r="Y746">
        <v>252194.13320000001</v>
      </c>
      <c r="Z746">
        <v>18268.130799999999</v>
      </c>
      <c r="AA746">
        <v>53875.158009999999</v>
      </c>
      <c r="AB746">
        <v>46331.676700000004</v>
      </c>
      <c r="AC746">
        <v>42250.485650000002</v>
      </c>
      <c r="AD746">
        <v>27027.203440000001</v>
      </c>
      <c r="AE746">
        <v>35240.781660000001</v>
      </c>
      <c r="AF746">
        <v>55191.918230000003</v>
      </c>
      <c r="AG746">
        <v>20825.226780000001</v>
      </c>
      <c r="AH746">
        <v>293788.32809999998</v>
      </c>
      <c r="AI746">
        <v>83366.516260000004</v>
      </c>
      <c r="AJ746">
        <v>25993.84016</v>
      </c>
      <c r="AK746">
        <v>38192.643479999999</v>
      </c>
      <c r="AL746">
        <v>81622.534969999993</v>
      </c>
      <c r="AM746">
        <v>29261.28559</v>
      </c>
      <c r="AN746">
        <v>84718.630520000006</v>
      </c>
      <c r="AO746">
        <v>31500.424770000001</v>
      </c>
      <c r="AP746">
        <v>19544.846560000002</v>
      </c>
    </row>
    <row r="747" spans="2:42" x14ac:dyDescent="0.3">
      <c r="B747">
        <v>57.673862722258015</v>
      </c>
      <c r="C747" s="83">
        <v>43132.041666666664</v>
      </c>
      <c r="D747">
        <v>249741.2383</v>
      </c>
      <c r="E747">
        <v>17987.869989999999</v>
      </c>
      <c r="F747">
        <v>54115.52072</v>
      </c>
      <c r="G747">
        <v>45701.36378</v>
      </c>
      <c r="H747">
        <v>41724.393609999999</v>
      </c>
      <c r="I747">
        <v>22494.230200000002</v>
      </c>
      <c r="J747">
        <v>34354.344089999999</v>
      </c>
      <c r="K747">
        <v>53510.858110000001</v>
      </c>
      <c r="L747">
        <v>20799.674449999999</v>
      </c>
      <c r="M747">
        <v>294048.24790000002</v>
      </c>
      <c r="N747">
        <v>83199.968609999996</v>
      </c>
      <c r="O747">
        <v>25878.60338</v>
      </c>
      <c r="P747">
        <v>35701.13953</v>
      </c>
      <c r="Q747">
        <v>82119.104659999997</v>
      </c>
      <c r="R747">
        <v>27181.232889999999</v>
      </c>
      <c r="S747">
        <v>84146.780110000007</v>
      </c>
      <c r="T747">
        <v>30475.537919999999</v>
      </c>
      <c r="U747">
        <v>19578.231820000001</v>
      </c>
      <c r="W747" s="83">
        <f>Bühler!N779</f>
        <v>45323.04166666486</v>
      </c>
      <c r="X747" s="83">
        <v>43132.041666666664</v>
      </c>
      <c r="Y747">
        <v>249741.2383</v>
      </c>
      <c r="Z747">
        <v>17987.869989999999</v>
      </c>
      <c r="AA747">
        <v>54115.52072</v>
      </c>
      <c r="AB747">
        <v>45701.36378</v>
      </c>
      <c r="AC747">
        <v>41724.393609999999</v>
      </c>
      <c r="AD747">
        <v>22494.230200000002</v>
      </c>
      <c r="AE747">
        <v>34354.344089999999</v>
      </c>
      <c r="AF747">
        <v>53510.858110000001</v>
      </c>
      <c r="AG747">
        <v>20799.674449999999</v>
      </c>
      <c r="AH747">
        <v>294048.24790000002</v>
      </c>
      <c r="AI747">
        <v>83199.968609999996</v>
      </c>
      <c r="AJ747">
        <v>25878.60338</v>
      </c>
      <c r="AK747">
        <v>35701.13953</v>
      </c>
      <c r="AL747">
        <v>82119.104659999997</v>
      </c>
      <c r="AM747">
        <v>27181.232889999999</v>
      </c>
      <c r="AN747">
        <v>84146.780110000007</v>
      </c>
      <c r="AO747">
        <v>30475.537919999999</v>
      </c>
      <c r="AP747">
        <v>19578.231820000001</v>
      </c>
    </row>
    <row r="748" spans="2:42" x14ac:dyDescent="0.3">
      <c r="B748">
        <v>58.095477764081643</v>
      </c>
      <c r="C748" s="83">
        <v>43132.083333333336</v>
      </c>
      <c r="D748">
        <v>249837.34479999999</v>
      </c>
      <c r="E748">
        <v>18019.085060000001</v>
      </c>
      <c r="F748">
        <v>54693.381520000003</v>
      </c>
      <c r="G748">
        <v>45131.531669999997</v>
      </c>
      <c r="H748">
        <v>41867.075120000001</v>
      </c>
      <c r="I748">
        <v>20566.307649999999</v>
      </c>
      <c r="J748">
        <v>33923.698880000004</v>
      </c>
      <c r="K748">
        <v>52620.300029999999</v>
      </c>
      <c r="L748">
        <v>20291.806949999998</v>
      </c>
      <c r="M748">
        <v>296197.83799999999</v>
      </c>
      <c r="N748">
        <v>81646.83253</v>
      </c>
      <c r="O748">
        <v>26346.399160000001</v>
      </c>
      <c r="P748">
        <v>34689.34431</v>
      </c>
      <c r="Q748">
        <v>84364.905209999997</v>
      </c>
      <c r="R748">
        <v>28062.492539999999</v>
      </c>
      <c r="S748">
        <v>83197.799079999997</v>
      </c>
      <c r="T748">
        <v>29914.649420000002</v>
      </c>
      <c r="U748">
        <v>20244.693619999998</v>
      </c>
      <c r="W748" s="83">
        <f>Bühler!N780</f>
        <v>45323.083333331524</v>
      </c>
      <c r="X748" s="83">
        <v>43132.083333333336</v>
      </c>
      <c r="Y748">
        <v>249837.34479999999</v>
      </c>
      <c r="Z748">
        <v>18019.085060000001</v>
      </c>
      <c r="AA748">
        <v>54693.381520000003</v>
      </c>
      <c r="AB748">
        <v>45131.531669999997</v>
      </c>
      <c r="AC748">
        <v>41867.075120000001</v>
      </c>
      <c r="AD748">
        <v>20566.307649999999</v>
      </c>
      <c r="AE748">
        <v>33923.698880000004</v>
      </c>
      <c r="AF748">
        <v>52620.300029999999</v>
      </c>
      <c r="AG748">
        <v>20291.806949999998</v>
      </c>
      <c r="AH748">
        <v>296197.83799999999</v>
      </c>
      <c r="AI748">
        <v>81646.83253</v>
      </c>
      <c r="AJ748">
        <v>26346.399160000001</v>
      </c>
      <c r="AK748">
        <v>34689.34431</v>
      </c>
      <c r="AL748">
        <v>84364.905209999997</v>
      </c>
      <c r="AM748">
        <v>28062.492539999999</v>
      </c>
      <c r="AN748">
        <v>83197.799079999997</v>
      </c>
      <c r="AO748">
        <v>29914.649420000002</v>
      </c>
      <c r="AP748">
        <v>20244.693619999998</v>
      </c>
    </row>
    <row r="749" spans="2:42" x14ac:dyDescent="0.3">
      <c r="B749">
        <v>58.143487809374228</v>
      </c>
      <c r="C749" s="83">
        <v>43132.125</v>
      </c>
      <c r="D749">
        <v>250900.89629999999</v>
      </c>
      <c r="E749">
        <v>18085.208350000001</v>
      </c>
      <c r="F749">
        <v>55974.751340000003</v>
      </c>
      <c r="G749">
        <v>44720.591560000001</v>
      </c>
      <c r="H749">
        <v>41755.893730000003</v>
      </c>
      <c r="I749">
        <v>20602.48329</v>
      </c>
      <c r="J749">
        <v>34948.930220000002</v>
      </c>
      <c r="K749">
        <v>51476.094499999999</v>
      </c>
      <c r="L749">
        <v>20358.48374</v>
      </c>
      <c r="M749">
        <v>296442.61560000002</v>
      </c>
      <c r="N749">
        <v>82610.345629999996</v>
      </c>
      <c r="O749">
        <v>26178.13247</v>
      </c>
      <c r="P749">
        <v>34264.179040000003</v>
      </c>
      <c r="Q749">
        <v>87568.260169999994</v>
      </c>
      <c r="R749">
        <v>27844.367310000001</v>
      </c>
      <c r="S749">
        <v>82352.832980000007</v>
      </c>
      <c r="T749">
        <v>30077.253130000001</v>
      </c>
      <c r="U749">
        <v>20337.069869999999</v>
      </c>
      <c r="W749" s="83">
        <f>Bühler!N781</f>
        <v>45323.124999998188</v>
      </c>
      <c r="X749" s="83">
        <v>43132.125</v>
      </c>
      <c r="Y749">
        <v>250900.89629999999</v>
      </c>
      <c r="Z749">
        <v>18085.208350000001</v>
      </c>
      <c r="AA749">
        <v>55974.751340000003</v>
      </c>
      <c r="AB749">
        <v>44720.591560000001</v>
      </c>
      <c r="AC749">
        <v>41755.893730000003</v>
      </c>
      <c r="AD749">
        <v>20602.48329</v>
      </c>
      <c r="AE749">
        <v>34948.930220000002</v>
      </c>
      <c r="AF749">
        <v>51476.094499999999</v>
      </c>
      <c r="AG749">
        <v>20358.48374</v>
      </c>
      <c r="AH749">
        <v>296442.61560000002</v>
      </c>
      <c r="AI749">
        <v>82610.345629999996</v>
      </c>
      <c r="AJ749">
        <v>26178.13247</v>
      </c>
      <c r="AK749">
        <v>34264.179040000003</v>
      </c>
      <c r="AL749">
        <v>87568.260169999994</v>
      </c>
      <c r="AM749">
        <v>27844.367310000001</v>
      </c>
      <c r="AN749">
        <v>82352.832980000007</v>
      </c>
      <c r="AO749">
        <v>30077.253130000001</v>
      </c>
      <c r="AP749">
        <v>20337.069869999999</v>
      </c>
    </row>
    <row r="750" spans="2:42" x14ac:dyDescent="0.3">
      <c r="B750">
        <v>59.433289184718333</v>
      </c>
      <c r="C750" s="83">
        <v>43132.166666666664</v>
      </c>
      <c r="D750">
        <v>254432.88620000001</v>
      </c>
      <c r="E750">
        <v>18658.256649999999</v>
      </c>
      <c r="F750">
        <v>59899.646710000001</v>
      </c>
      <c r="G750">
        <v>44588.565329999998</v>
      </c>
      <c r="H750">
        <v>42156.125419999997</v>
      </c>
      <c r="I750">
        <v>23630.966830000001</v>
      </c>
      <c r="J750">
        <v>37392.176180000002</v>
      </c>
      <c r="K750">
        <v>48706.151420000002</v>
      </c>
      <c r="L750">
        <v>20051.126329999999</v>
      </c>
      <c r="M750">
        <v>303018.62449999998</v>
      </c>
      <c r="N750">
        <v>83051.408030000006</v>
      </c>
      <c r="O750">
        <v>26555.61105</v>
      </c>
      <c r="P750">
        <v>33422.616520000003</v>
      </c>
      <c r="Q750">
        <v>90604.851179999998</v>
      </c>
      <c r="R750">
        <v>27605.02591</v>
      </c>
      <c r="S750">
        <v>83251.481780000002</v>
      </c>
      <c r="T750">
        <v>30100.190340000001</v>
      </c>
      <c r="U750">
        <v>20678.386480000001</v>
      </c>
      <c r="W750" s="83">
        <f>Bühler!N782</f>
        <v>45323.166666664853</v>
      </c>
      <c r="X750" s="83">
        <v>43132.166666666664</v>
      </c>
      <c r="Y750">
        <v>254432.88620000001</v>
      </c>
      <c r="Z750">
        <v>18658.256649999999</v>
      </c>
      <c r="AA750">
        <v>59899.646710000001</v>
      </c>
      <c r="AB750">
        <v>44588.565329999998</v>
      </c>
      <c r="AC750">
        <v>42156.125419999997</v>
      </c>
      <c r="AD750">
        <v>23630.966830000001</v>
      </c>
      <c r="AE750">
        <v>37392.176180000002</v>
      </c>
      <c r="AF750">
        <v>48706.151420000002</v>
      </c>
      <c r="AG750">
        <v>20051.126329999999</v>
      </c>
      <c r="AH750">
        <v>303018.62449999998</v>
      </c>
      <c r="AI750">
        <v>83051.408030000006</v>
      </c>
      <c r="AJ750">
        <v>26555.61105</v>
      </c>
      <c r="AK750">
        <v>33422.616520000003</v>
      </c>
      <c r="AL750">
        <v>90604.851179999998</v>
      </c>
      <c r="AM750">
        <v>27605.02591</v>
      </c>
      <c r="AN750">
        <v>83251.481780000002</v>
      </c>
      <c r="AO750">
        <v>30100.190340000001</v>
      </c>
      <c r="AP750">
        <v>20678.386480000001</v>
      </c>
    </row>
    <row r="751" spans="2:42" x14ac:dyDescent="0.3">
      <c r="B751">
        <v>62.44251854330917</v>
      </c>
      <c r="C751" s="83">
        <v>43132.208333333336</v>
      </c>
      <c r="D751">
        <v>269162.80670000002</v>
      </c>
      <c r="E751">
        <v>20574.495459999998</v>
      </c>
      <c r="F751">
        <v>70068.426550000004</v>
      </c>
      <c r="G751">
        <v>48086.097670000003</v>
      </c>
      <c r="H751">
        <v>44653.923730000002</v>
      </c>
      <c r="I751">
        <v>31192.527569999998</v>
      </c>
      <c r="J751">
        <v>39997.051879999999</v>
      </c>
      <c r="K751">
        <v>49787.295010000002</v>
      </c>
      <c r="L751">
        <v>20860.772819999998</v>
      </c>
      <c r="M751">
        <v>318361.07909999997</v>
      </c>
      <c r="N751">
        <v>84623.271280000001</v>
      </c>
      <c r="O751">
        <v>26469.19483</v>
      </c>
      <c r="P751">
        <v>33498.388209999997</v>
      </c>
      <c r="Q751">
        <v>93265.516600000003</v>
      </c>
      <c r="R751">
        <v>29976.588810000001</v>
      </c>
      <c r="S751">
        <v>86665.059630000003</v>
      </c>
      <c r="T751">
        <v>31827.798060000001</v>
      </c>
      <c r="U751">
        <v>22491.929489999999</v>
      </c>
      <c r="W751" s="83">
        <f>Bühler!N783</f>
        <v>45323.208333331517</v>
      </c>
      <c r="X751" s="83">
        <v>43132.208333333336</v>
      </c>
      <c r="Y751">
        <v>269162.80670000002</v>
      </c>
      <c r="Z751">
        <v>20574.495459999998</v>
      </c>
      <c r="AA751">
        <v>70068.426550000004</v>
      </c>
      <c r="AB751">
        <v>48086.097670000003</v>
      </c>
      <c r="AC751">
        <v>44653.923730000002</v>
      </c>
      <c r="AD751">
        <v>31192.527569999998</v>
      </c>
      <c r="AE751">
        <v>39997.051879999999</v>
      </c>
      <c r="AF751">
        <v>49787.295010000002</v>
      </c>
      <c r="AG751">
        <v>20860.772819999998</v>
      </c>
      <c r="AH751">
        <v>318361.07909999997</v>
      </c>
      <c r="AI751">
        <v>84623.271280000001</v>
      </c>
      <c r="AJ751">
        <v>26469.19483</v>
      </c>
      <c r="AK751">
        <v>33498.388209999997</v>
      </c>
      <c r="AL751">
        <v>93265.516600000003</v>
      </c>
      <c r="AM751">
        <v>29976.588810000001</v>
      </c>
      <c r="AN751">
        <v>86665.059630000003</v>
      </c>
      <c r="AO751">
        <v>31827.798060000001</v>
      </c>
      <c r="AP751">
        <v>22491.929489999999</v>
      </c>
    </row>
    <row r="752" spans="2:42" x14ac:dyDescent="0.3">
      <c r="B752">
        <v>66.689078459147595</v>
      </c>
      <c r="C752" s="83">
        <v>43132.25</v>
      </c>
      <c r="D752">
        <v>285688.44709999999</v>
      </c>
      <c r="E752">
        <v>25231.310600000001</v>
      </c>
      <c r="F752">
        <v>83637.913690000001</v>
      </c>
      <c r="G752">
        <v>62329.14215</v>
      </c>
      <c r="H752">
        <v>48264.435729999997</v>
      </c>
      <c r="I752">
        <v>38659.22208</v>
      </c>
      <c r="J752">
        <v>43885.217579999997</v>
      </c>
      <c r="K752">
        <v>52174.410799999998</v>
      </c>
      <c r="L752">
        <v>21918.625029999999</v>
      </c>
      <c r="M752">
        <v>340012.02189999999</v>
      </c>
      <c r="N752">
        <v>87103.80674</v>
      </c>
      <c r="O752">
        <v>27541.899000000001</v>
      </c>
      <c r="P752">
        <v>34098.890350000001</v>
      </c>
      <c r="Q752">
        <v>94602.854919999998</v>
      </c>
      <c r="R752">
        <v>22252.218430000001</v>
      </c>
      <c r="S752">
        <v>95883.996950000001</v>
      </c>
      <c r="T752">
        <v>35248.119919999997</v>
      </c>
      <c r="U752">
        <v>23845.482380000001</v>
      </c>
      <c r="W752" s="83">
        <f>Bühler!N784</f>
        <v>45323.249999998181</v>
      </c>
      <c r="X752" s="83">
        <v>43132.25</v>
      </c>
      <c r="Y752">
        <v>285688.44709999999</v>
      </c>
      <c r="Z752">
        <v>25231.310600000001</v>
      </c>
      <c r="AA752">
        <v>83637.913690000001</v>
      </c>
      <c r="AB752">
        <v>62329.14215</v>
      </c>
      <c r="AC752">
        <v>48264.435729999997</v>
      </c>
      <c r="AD752">
        <v>38659.22208</v>
      </c>
      <c r="AE752">
        <v>43885.217579999997</v>
      </c>
      <c r="AF752">
        <v>52174.410799999998</v>
      </c>
      <c r="AG752">
        <v>21918.625029999999</v>
      </c>
      <c r="AH752">
        <v>340012.02189999999</v>
      </c>
      <c r="AI752">
        <v>87103.80674</v>
      </c>
      <c r="AJ752">
        <v>27541.899000000001</v>
      </c>
      <c r="AK752">
        <v>34098.890350000001</v>
      </c>
      <c r="AL752">
        <v>94602.854919999998</v>
      </c>
      <c r="AM752">
        <v>22252.218430000001</v>
      </c>
      <c r="AN752">
        <v>95883.996950000001</v>
      </c>
      <c r="AO752">
        <v>35248.119919999997</v>
      </c>
      <c r="AP752">
        <v>23845.482380000001</v>
      </c>
    </row>
    <row r="753" spans="2:42" x14ac:dyDescent="0.3">
      <c r="B753">
        <v>68.597560509902451</v>
      </c>
      <c r="C753" s="83">
        <v>43132.291666666664</v>
      </c>
      <c r="D753">
        <v>302459.38059999997</v>
      </c>
      <c r="E753">
        <v>31214.194090000001</v>
      </c>
      <c r="F753">
        <v>88584.111650000006</v>
      </c>
      <c r="G753">
        <v>79295.770770000003</v>
      </c>
      <c r="H753">
        <v>55532.406020000002</v>
      </c>
      <c r="I753">
        <v>46877.606039999999</v>
      </c>
      <c r="J753">
        <v>47351.842700000001</v>
      </c>
      <c r="K753">
        <v>57972.595099999999</v>
      </c>
      <c r="L753">
        <v>25667.853749999998</v>
      </c>
      <c r="M753">
        <v>349742.35340000002</v>
      </c>
      <c r="N753">
        <v>92887.314679999996</v>
      </c>
      <c r="O753">
        <v>31336.40394</v>
      </c>
      <c r="P753">
        <v>38220.082199999997</v>
      </c>
      <c r="Q753">
        <v>95210.508629999997</v>
      </c>
      <c r="R753">
        <v>23653.996429999999</v>
      </c>
      <c r="S753">
        <v>112990.25169999999</v>
      </c>
      <c r="T753">
        <v>36746.471239999999</v>
      </c>
      <c r="U753">
        <v>28573.240590000001</v>
      </c>
      <c r="W753" s="83">
        <f>Bühler!N785</f>
        <v>45323.291666664845</v>
      </c>
      <c r="X753" s="83">
        <v>43132.291666666664</v>
      </c>
      <c r="Y753">
        <v>302459.38059999997</v>
      </c>
      <c r="Z753">
        <v>31214.194090000001</v>
      </c>
      <c r="AA753">
        <v>88584.111650000006</v>
      </c>
      <c r="AB753">
        <v>79295.770770000003</v>
      </c>
      <c r="AC753">
        <v>55532.406020000002</v>
      </c>
      <c r="AD753">
        <v>46877.606039999999</v>
      </c>
      <c r="AE753">
        <v>47351.842700000001</v>
      </c>
      <c r="AF753">
        <v>57972.595099999999</v>
      </c>
      <c r="AG753">
        <v>25667.853749999998</v>
      </c>
      <c r="AH753">
        <v>349742.35340000002</v>
      </c>
      <c r="AI753">
        <v>92887.314679999996</v>
      </c>
      <c r="AJ753">
        <v>31336.40394</v>
      </c>
      <c r="AK753">
        <v>38220.082199999997</v>
      </c>
      <c r="AL753">
        <v>95210.508629999997</v>
      </c>
      <c r="AM753">
        <v>23653.996429999999</v>
      </c>
      <c r="AN753">
        <v>112990.25169999999</v>
      </c>
      <c r="AO753">
        <v>36746.471239999999</v>
      </c>
      <c r="AP753">
        <v>28573.240590000001</v>
      </c>
    </row>
    <row r="754" spans="2:42" x14ac:dyDescent="0.3">
      <c r="B754">
        <v>68.755500240400139</v>
      </c>
      <c r="C754" s="83">
        <v>43132.333333333336</v>
      </c>
      <c r="D754">
        <v>315082.51809999999</v>
      </c>
      <c r="E754">
        <v>37688.298519999997</v>
      </c>
      <c r="F754">
        <v>95546.465549999994</v>
      </c>
      <c r="G754">
        <v>98159.533349999998</v>
      </c>
      <c r="H754">
        <v>61297.517350000002</v>
      </c>
      <c r="I754">
        <v>50771.497230000001</v>
      </c>
      <c r="J754">
        <v>47876.581200000001</v>
      </c>
      <c r="K754">
        <v>63093.415780000003</v>
      </c>
      <c r="L754">
        <v>28378.59143</v>
      </c>
      <c r="M754">
        <v>350547.60379999998</v>
      </c>
      <c r="N754">
        <v>101639.4736</v>
      </c>
      <c r="O754">
        <v>32385.661199999999</v>
      </c>
      <c r="P754">
        <v>40994.707640000001</v>
      </c>
      <c r="Q754">
        <v>96737.439140000002</v>
      </c>
      <c r="R754">
        <v>25990.100060000001</v>
      </c>
      <c r="S754">
        <v>129625.76979999999</v>
      </c>
      <c r="T754">
        <v>40542.43578</v>
      </c>
      <c r="U754">
        <v>31871.759290000002</v>
      </c>
      <c r="W754" s="83">
        <f>Bühler!N786</f>
        <v>45323.333333331509</v>
      </c>
      <c r="X754" s="83">
        <v>43132.333333333336</v>
      </c>
      <c r="Y754">
        <v>315082.51809999999</v>
      </c>
      <c r="Z754">
        <v>37688.298519999997</v>
      </c>
      <c r="AA754">
        <v>95546.465549999994</v>
      </c>
      <c r="AB754">
        <v>98159.533349999998</v>
      </c>
      <c r="AC754">
        <v>61297.517350000002</v>
      </c>
      <c r="AD754">
        <v>50771.497230000001</v>
      </c>
      <c r="AE754">
        <v>47876.581200000001</v>
      </c>
      <c r="AF754">
        <v>63093.415780000003</v>
      </c>
      <c r="AG754">
        <v>28378.59143</v>
      </c>
      <c r="AH754">
        <v>350547.60379999998</v>
      </c>
      <c r="AI754">
        <v>101639.4736</v>
      </c>
      <c r="AJ754">
        <v>32385.661199999999</v>
      </c>
      <c r="AK754">
        <v>40994.707640000001</v>
      </c>
      <c r="AL754">
        <v>96737.439140000002</v>
      </c>
      <c r="AM754">
        <v>25990.100060000001</v>
      </c>
      <c r="AN754">
        <v>129625.76979999999</v>
      </c>
      <c r="AO754">
        <v>40542.43578</v>
      </c>
      <c r="AP754">
        <v>31871.759290000002</v>
      </c>
    </row>
    <row r="755" spans="2:42" x14ac:dyDescent="0.3">
      <c r="B755">
        <v>67.566827746844865</v>
      </c>
      <c r="C755" s="83">
        <v>43132.375</v>
      </c>
      <c r="D755">
        <v>313709.84080000001</v>
      </c>
      <c r="E755">
        <v>42025.154159999998</v>
      </c>
      <c r="F755">
        <v>101587.1649</v>
      </c>
      <c r="G755">
        <v>108105.2357</v>
      </c>
      <c r="H755">
        <v>62849.956460000001</v>
      </c>
      <c r="I755">
        <v>47688.677190000002</v>
      </c>
      <c r="J755">
        <v>46382.8105</v>
      </c>
      <c r="K755">
        <v>61270.822220000002</v>
      </c>
      <c r="L755">
        <v>30490.379140000001</v>
      </c>
      <c r="M755">
        <v>344487.19709999999</v>
      </c>
      <c r="N755">
        <v>106897.482</v>
      </c>
      <c r="O755">
        <v>33326.019719999997</v>
      </c>
      <c r="P755">
        <v>42557.979800000001</v>
      </c>
      <c r="Q755">
        <v>96519.102920000005</v>
      </c>
      <c r="R755">
        <v>24767.9411</v>
      </c>
      <c r="S755">
        <v>134197.16949999999</v>
      </c>
      <c r="T755">
        <v>42604.435109999999</v>
      </c>
      <c r="U755">
        <v>31716.133699999998</v>
      </c>
      <c r="W755" s="83">
        <f>Bühler!N787</f>
        <v>45323.374999998174</v>
      </c>
      <c r="X755" s="83">
        <v>43132.375</v>
      </c>
      <c r="Y755">
        <v>313709.84080000001</v>
      </c>
      <c r="Z755">
        <v>42025.154159999998</v>
      </c>
      <c r="AA755">
        <v>101587.1649</v>
      </c>
      <c r="AB755">
        <v>108105.2357</v>
      </c>
      <c r="AC755">
        <v>62849.956460000001</v>
      </c>
      <c r="AD755">
        <v>47688.677190000002</v>
      </c>
      <c r="AE755">
        <v>46382.8105</v>
      </c>
      <c r="AF755">
        <v>61270.822220000002</v>
      </c>
      <c r="AG755">
        <v>30490.379140000001</v>
      </c>
      <c r="AH755">
        <v>344487.19709999999</v>
      </c>
      <c r="AI755">
        <v>106897.482</v>
      </c>
      <c r="AJ755">
        <v>33326.019719999997</v>
      </c>
      <c r="AK755">
        <v>42557.979800000001</v>
      </c>
      <c r="AL755">
        <v>96519.102920000005</v>
      </c>
      <c r="AM755">
        <v>24767.9411</v>
      </c>
      <c r="AN755">
        <v>134197.16949999999</v>
      </c>
      <c r="AO755">
        <v>42604.435109999999</v>
      </c>
      <c r="AP755">
        <v>31716.133699999998</v>
      </c>
    </row>
    <row r="756" spans="2:42" x14ac:dyDescent="0.3">
      <c r="B756">
        <v>68.192522315768201</v>
      </c>
      <c r="C756" s="83">
        <v>43132.416666666664</v>
      </c>
      <c r="D756">
        <v>315758.61849999998</v>
      </c>
      <c r="E756">
        <v>43737.160689999997</v>
      </c>
      <c r="F756">
        <v>101795.3328</v>
      </c>
      <c r="G756">
        <v>108815.9115</v>
      </c>
      <c r="H756">
        <v>63386.876020000003</v>
      </c>
      <c r="I756">
        <v>44894.810510000003</v>
      </c>
      <c r="J756">
        <v>45643.048430000003</v>
      </c>
      <c r="K756">
        <v>63182.662380000002</v>
      </c>
      <c r="L756">
        <v>32968.17974</v>
      </c>
      <c r="M756">
        <v>347677.27980000002</v>
      </c>
      <c r="N756">
        <v>108784.008</v>
      </c>
      <c r="O756">
        <v>33555.545149999998</v>
      </c>
      <c r="P756">
        <v>43408.098830000003</v>
      </c>
      <c r="Q756">
        <v>95018.178690000001</v>
      </c>
      <c r="R756">
        <v>25098.55384</v>
      </c>
      <c r="S756">
        <v>134102.1514</v>
      </c>
      <c r="T756">
        <v>43927.027029999997</v>
      </c>
      <c r="U756">
        <v>31203.143929999998</v>
      </c>
      <c r="W756" s="83">
        <f>Bühler!N788</f>
        <v>45323.416666664838</v>
      </c>
      <c r="X756" s="83">
        <v>43132.416666666664</v>
      </c>
      <c r="Y756">
        <v>315758.61849999998</v>
      </c>
      <c r="Z756">
        <v>43737.160689999997</v>
      </c>
      <c r="AA756">
        <v>101795.3328</v>
      </c>
      <c r="AB756">
        <v>108815.9115</v>
      </c>
      <c r="AC756">
        <v>63386.876020000003</v>
      </c>
      <c r="AD756">
        <v>44894.810510000003</v>
      </c>
      <c r="AE756">
        <v>45643.048430000003</v>
      </c>
      <c r="AF756">
        <v>63182.662380000002</v>
      </c>
      <c r="AG756">
        <v>32968.17974</v>
      </c>
      <c r="AH756">
        <v>347677.27980000002</v>
      </c>
      <c r="AI756">
        <v>108784.008</v>
      </c>
      <c r="AJ756">
        <v>33555.545149999998</v>
      </c>
      <c r="AK756">
        <v>43408.098830000003</v>
      </c>
      <c r="AL756">
        <v>95018.178690000001</v>
      </c>
      <c r="AM756">
        <v>25098.55384</v>
      </c>
      <c r="AN756">
        <v>134102.1514</v>
      </c>
      <c r="AO756">
        <v>43927.027029999997</v>
      </c>
      <c r="AP756">
        <v>31203.143929999998</v>
      </c>
    </row>
    <row r="757" spans="2:42" x14ac:dyDescent="0.3">
      <c r="B757">
        <v>68.9768344660895</v>
      </c>
      <c r="C757" s="83">
        <v>43132.458333333336</v>
      </c>
      <c r="D757">
        <v>313990.66489999997</v>
      </c>
      <c r="E757">
        <v>43417.035199999998</v>
      </c>
      <c r="F757">
        <v>102412.0168</v>
      </c>
      <c r="G757">
        <v>105675.897</v>
      </c>
      <c r="H757">
        <v>63349.566140000003</v>
      </c>
      <c r="I757">
        <v>44632.083030000002</v>
      </c>
      <c r="J757">
        <v>45145.263299999999</v>
      </c>
      <c r="K757">
        <v>67953.16906</v>
      </c>
      <c r="L757">
        <v>34185.666749999997</v>
      </c>
      <c r="M757">
        <v>351676.06890000001</v>
      </c>
      <c r="N757">
        <v>109578.4031</v>
      </c>
      <c r="O757">
        <v>34062.957770000001</v>
      </c>
      <c r="P757">
        <v>41677.53772</v>
      </c>
      <c r="Q757">
        <v>94938.599419999999</v>
      </c>
      <c r="R757">
        <v>30182.560140000001</v>
      </c>
      <c r="S757">
        <v>135630.31899999999</v>
      </c>
      <c r="T757">
        <v>43710.52738</v>
      </c>
      <c r="U757">
        <v>30666.35428</v>
      </c>
      <c r="W757" s="83">
        <f>Bühler!N789</f>
        <v>45323.458333331502</v>
      </c>
      <c r="X757" s="83">
        <v>43132.458333333336</v>
      </c>
      <c r="Y757">
        <v>313990.66489999997</v>
      </c>
      <c r="Z757">
        <v>43417.035199999998</v>
      </c>
      <c r="AA757">
        <v>102412.0168</v>
      </c>
      <c r="AB757">
        <v>105675.897</v>
      </c>
      <c r="AC757">
        <v>63349.566140000003</v>
      </c>
      <c r="AD757">
        <v>44632.083030000002</v>
      </c>
      <c r="AE757">
        <v>45145.263299999999</v>
      </c>
      <c r="AF757">
        <v>67953.16906</v>
      </c>
      <c r="AG757">
        <v>34185.666749999997</v>
      </c>
      <c r="AH757">
        <v>351676.06890000001</v>
      </c>
      <c r="AI757">
        <v>109578.4031</v>
      </c>
      <c r="AJ757">
        <v>34062.957770000001</v>
      </c>
      <c r="AK757">
        <v>41677.53772</v>
      </c>
      <c r="AL757">
        <v>94938.599419999999</v>
      </c>
      <c r="AM757">
        <v>30182.560140000001</v>
      </c>
      <c r="AN757">
        <v>135630.31899999999</v>
      </c>
      <c r="AO757">
        <v>43710.52738</v>
      </c>
      <c r="AP757">
        <v>30666.35428</v>
      </c>
    </row>
    <row r="758" spans="2:42" x14ac:dyDescent="0.3">
      <c r="B758">
        <v>67.643456986658606</v>
      </c>
      <c r="C758" s="83">
        <v>43132.5</v>
      </c>
      <c r="D758">
        <v>301647.74449999997</v>
      </c>
      <c r="E758">
        <v>38998.143779999999</v>
      </c>
      <c r="F758">
        <v>100166.79640000001</v>
      </c>
      <c r="G758">
        <v>103465.0719</v>
      </c>
      <c r="H758">
        <v>59828.606169999999</v>
      </c>
      <c r="I758">
        <v>42708.030290000002</v>
      </c>
      <c r="J758">
        <v>45001.785649999998</v>
      </c>
      <c r="K758">
        <v>65436.060299999997</v>
      </c>
      <c r="L758">
        <v>36624.67469</v>
      </c>
      <c r="M758">
        <v>344877.88870000001</v>
      </c>
      <c r="N758">
        <v>107251.6707</v>
      </c>
      <c r="O758">
        <v>33290.889519999997</v>
      </c>
      <c r="P758">
        <v>42564.077499999999</v>
      </c>
      <c r="Q758">
        <v>93648.907659999997</v>
      </c>
      <c r="R758">
        <v>28879.53529</v>
      </c>
      <c r="S758">
        <v>126974.05740000001</v>
      </c>
      <c r="T758">
        <v>43497.691330000001</v>
      </c>
      <c r="U758">
        <v>26987.814269999999</v>
      </c>
      <c r="W758" s="83">
        <f>Bühler!N790</f>
        <v>45323.499999998166</v>
      </c>
      <c r="X758" s="83">
        <v>43132.5</v>
      </c>
      <c r="Y758">
        <v>301647.74449999997</v>
      </c>
      <c r="Z758">
        <v>38998.143779999999</v>
      </c>
      <c r="AA758">
        <v>100166.79640000001</v>
      </c>
      <c r="AB758">
        <v>103465.0719</v>
      </c>
      <c r="AC758">
        <v>59828.606169999999</v>
      </c>
      <c r="AD758">
        <v>42708.030290000002</v>
      </c>
      <c r="AE758">
        <v>45001.785649999998</v>
      </c>
      <c r="AF758">
        <v>65436.060299999997</v>
      </c>
      <c r="AG758">
        <v>36624.67469</v>
      </c>
      <c r="AH758">
        <v>344877.88870000001</v>
      </c>
      <c r="AI758">
        <v>107251.6707</v>
      </c>
      <c r="AJ758">
        <v>33290.889519999997</v>
      </c>
      <c r="AK758">
        <v>42564.077499999999</v>
      </c>
      <c r="AL758">
        <v>93648.907659999997</v>
      </c>
      <c r="AM758">
        <v>28879.53529</v>
      </c>
      <c r="AN758">
        <v>126974.05740000001</v>
      </c>
      <c r="AO758">
        <v>43497.691330000001</v>
      </c>
      <c r="AP758">
        <v>26987.814269999999</v>
      </c>
    </row>
    <row r="759" spans="2:42" x14ac:dyDescent="0.3">
      <c r="B759">
        <v>67.551411993414618</v>
      </c>
      <c r="C759" s="83">
        <v>43132.541666666664</v>
      </c>
      <c r="D759">
        <v>303818.43449999997</v>
      </c>
      <c r="E759">
        <v>38786.750509999998</v>
      </c>
      <c r="F759">
        <v>98507.224530000007</v>
      </c>
      <c r="G759">
        <v>99999.962060000005</v>
      </c>
      <c r="H759">
        <v>60596.111510000002</v>
      </c>
      <c r="I759">
        <v>42910.314550000003</v>
      </c>
      <c r="J759">
        <v>44165.306069999999</v>
      </c>
      <c r="K759">
        <v>68021.938120000006</v>
      </c>
      <c r="L759">
        <v>34721.344140000001</v>
      </c>
      <c r="M759">
        <v>344408.6004</v>
      </c>
      <c r="N759">
        <v>108751.6676</v>
      </c>
      <c r="O759">
        <v>33880.222170000001</v>
      </c>
      <c r="P759">
        <v>41057.91663</v>
      </c>
      <c r="Q759">
        <v>92393.406650000004</v>
      </c>
      <c r="R759">
        <v>28807.293570000002</v>
      </c>
      <c r="S759">
        <v>127915.04180000001</v>
      </c>
      <c r="T759">
        <v>42678.050170000002</v>
      </c>
      <c r="U759">
        <v>27949.746719999999</v>
      </c>
      <c r="W759" s="83">
        <f>Bühler!N791</f>
        <v>45323.541666664831</v>
      </c>
      <c r="X759" s="83">
        <v>43132.541666666664</v>
      </c>
      <c r="Y759">
        <v>303818.43449999997</v>
      </c>
      <c r="Z759">
        <v>38786.750509999998</v>
      </c>
      <c r="AA759">
        <v>98507.224530000007</v>
      </c>
      <c r="AB759">
        <v>99999.962060000005</v>
      </c>
      <c r="AC759">
        <v>60596.111510000002</v>
      </c>
      <c r="AD759">
        <v>42910.314550000003</v>
      </c>
      <c r="AE759">
        <v>44165.306069999999</v>
      </c>
      <c r="AF759">
        <v>68021.938120000006</v>
      </c>
      <c r="AG759">
        <v>34721.344140000001</v>
      </c>
      <c r="AH759">
        <v>344408.6004</v>
      </c>
      <c r="AI759">
        <v>108751.6676</v>
      </c>
      <c r="AJ759">
        <v>33880.222170000001</v>
      </c>
      <c r="AK759">
        <v>41057.91663</v>
      </c>
      <c r="AL759">
        <v>92393.406650000004</v>
      </c>
      <c r="AM759">
        <v>28807.293570000002</v>
      </c>
      <c r="AN759">
        <v>127915.04180000001</v>
      </c>
      <c r="AO759">
        <v>42678.050170000002</v>
      </c>
      <c r="AP759">
        <v>27949.746719999999</v>
      </c>
    </row>
    <row r="760" spans="2:42" x14ac:dyDescent="0.3">
      <c r="B760">
        <v>67.804351723424759</v>
      </c>
      <c r="C760" s="83">
        <v>43132.583333333336</v>
      </c>
      <c r="D760">
        <v>308765.6176</v>
      </c>
      <c r="E760">
        <v>41758.143700000001</v>
      </c>
      <c r="F760">
        <v>99699.219580000004</v>
      </c>
      <c r="G760">
        <v>95004.118530000007</v>
      </c>
      <c r="H760">
        <v>60384.973180000001</v>
      </c>
      <c r="I760">
        <v>43244.936629999997</v>
      </c>
      <c r="J760">
        <v>44099.15036</v>
      </c>
      <c r="K760">
        <v>68754.291540000006</v>
      </c>
      <c r="L760">
        <v>31667.943240000001</v>
      </c>
      <c r="M760">
        <v>345698.20510000002</v>
      </c>
      <c r="N760">
        <v>109725.09729999999</v>
      </c>
      <c r="O760">
        <v>33510.749199999998</v>
      </c>
      <c r="P760">
        <v>38540.837140000003</v>
      </c>
      <c r="Q760">
        <v>90831.840859999997</v>
      </c>
      <c r="R760">
        <v>27758.923569999999</v>
      </c>
      <c r="S760">
        <v>122709.1091</v>
      </c>
      <c r="T760">
        <v>40636.278109999999</v>
      </c>
      <c r="U760">
        <v>28814.17038</v>
      </c>
      <c r="W760" s="83">
        <f>Bühler!N792</f>
        <v>45323.583333331495</v>
      </c>
      <c r="X760" s="83">
        <v>43132.583333333336</v>
      </c>
      <c r="Y760">
        <v>308765.6176</v>
      </c>
      <c r="Z760">
        <v>41758.143700000001</v>
      </c>
      <c r="AA760">
        <v>99699.219580000004</v>
      </c>
      <c r="AB760">
        <v>95004.118530000007</v>
      </c>
      <c r="AC760">
        <v>60384.973180000001</v>
      </c>
      <c r="AD760">
        <v>43244.936629999997</v>
      </c>
      <c r="AE760">
        <v>44099.15036</v>
      </c>
      <c r="AF760">
        <v>68754.291540000006</v>
      </c>
      <c r="AG760">
        <v>31667.943240000001</v>
      </c>
      <c r="AH760">
        <v>345698.20510000002</v>
      </c>
      <c r="AI760">
        <v>109725.09729999999</v>
      </c>
      <c r="AJ760">
        <v>33510.749199999998</v>
      </c>
      <c r="AK760">
        <v>38540.837140000003</v>
      </c>
      <c r="AL760">
        <v>90831.840859999997</v>
      </c>
      <c r="AM760">
        <v>27758.923569999999</v>
      </c>
      <c r="AN760">
        <v>122709.1091</v>
      </c>
      <c r="AO760">
        <v>40636.278109999999</v>
      </c>
      <c r="AP760">
        <v>28814.17038</v>
      </c>
    </row>
    <row r="761" spans="2:42" x14ac:dyDescent="0.3">
      <c r="B761">
        <v>66.60579537527083</v>
      </c>
      <c r="C761" s="83">
        <v>43132.625</v>
      </c>
      <c r="D761">
        <v>304220.52220000001</v>
      </c>
      <c r="E761">
        <v>41419.518770000002</v>
      </c>
      <c r="F761">
        <v>100342.9409</v>
      </c>
      <c r="G761">
        <v>91631.085179999995</v>
      </c>
      <c r="H761">
        <v>59003.108849999997</v>
      </c>
      <c r="I761">
        <v>43353.95076</v>
      </c>
      <c r="J761">
        <v>43803.489930000003</v>
      </c>
      <c r="K761">
        <v>67598.667889999997</v>
      </c>
      <c r="L761">
        <v>28656.164069999999</v>
      </c>
      <c r="M761">
        <v>339587.40590000001</v>
      </c>
      <c r="N761">
        <v>106568.7357</v>
      </c>
      <c r="O761">
        <v>33001.096649999999</v>
      </c>
      <c r="P761">
        <v>35024.323400000001</v>
      </c>
      <c r="Q761">
        <v>90570.043139999994</v>
      </c>
      <c r="R761">
        <v>26544.95767</v>
      </c>
      <c r="S761">
        <v>119617.88989999999</v>
      </c>
      <c r="T761">
        <v>39777.525670000003</v>
      </c>
      <c r="U761">
        <v>28086.875230000001</v>
      </c>
      <c r="W761" s="83">
        <f>Bühler!N793</f>
        <v>45323.624999998159</v>
      </c>
      <c r="X761" s="83">
        <v>43132.625</v>
      </c>
      <c r="Y761">
        <v>304220.52220000001</v>
      </c>
      <c r="Z761">
        <v>41419.518770000002</v>
      </c>
      <c r="AA761">
        <v>100342.9409</v>
      </c>
      <c r="AB761">
        <v>91631.085179999995</v>
      </c>
      <c r="AC761">
        <v>59003.108849999997</v>
      </c>
      <c r="AD761">
        <v>43353.95076</v>
      </c>
      <c r="AE761">
        <v>43803.489930000003</v>
      </c>
      <c r="AF761">
        <v>67598.667889999997</v>
      </c>
      <c r="AG761">
        <v>28656.164069999999</v>
      </c>
      <c r="AH761">
        <v>339587.40590000001</v>
      </c>
      <c r="AI761">
        <v>106568.7357</v>
      </c>
      <c r="AJ761">
        <v>33001.096649999999</v>
      </c>
      <c r="AK761">
        <v>35024.323400000001</v>
      </c>
      <c r="AL761">
        <v>90570.043139999994</v>
      </c>
      <c r="AM761">
        <v>26544.95767</v>
      </c>
      <c r="AN761">
        <v>119617.88989999999</v>
      </c>
      <c r="AO761">
        <v>39777.525670000003</v>
      </c>
      <c r="AP761">
        <v>28086.875230000001</v>
      </c>
    </row>
    <row r="762" spans="2:42" x14ac:dyDescent="0.3">
      <c r="B762">
        <v>65.275385082241755</v>
      </c>
      <c r="C762" s="83">
        <v>43132.666666666664</v>
      </c>
      <c r="D762">
        <v>298059.86109999998</v>
      </c>
      <c r="E762">
        <v>40803.489240000003</v>
      </c>
      <c r="F762">
        <v>99826.778390000007</v>
      </c>
      <c r="G762">
        <v>87420.760269999999</v>
      </c>
      <c r="H762">
        <v>56944.428189999999</v>
      </c>
      <c r="I762">
        <v>44492.213029999999</v>
      </c>
      <c r="J762">
        <v>42882.03256</v>
      </c>
      <c r="K762">
        <v>63613.187610000001</v>
      </c>
      <c r="L762">
        <v>27687.595359999999</v>
      </c>
      <c r="M762">
        <v>332804.35379999998</v>
      </c>
      <c r="N762">
        <v>102032.2467</v>
      </c>
      <c r="O762">
        <v>32791.915110000002</v>
      </c>
      <c r="P762">
        <v>35985.981359999998</v>
      </c>
      <c r="Q762">
        <v>89947.454750000004</v>
      </c>
      <c r="R762">
        <v>26197.407620000002</v>
      </c>
      <c r="S762">
        <v>116717.2387</v>
      </c>
      <c r="T762">
        <v>39635.819839999996</v>
      </c>
      <c r="U762">
        <v>27051.338919999998</v>
      </c>
      <c r="W762" s="83">
        <f>Bühler!N794</f>
        <v>45323.666666664823</v>
      </c>
      <c r="X762" s="83">
        <v>43132.666666666664</v>
      </c>
      <c r="Y762">
        <v>298059.86109999998</v>
      </c>
      <c r="Z762">
        <v>40803.489240000003</v>
      </c>
      <c r="AA762">
        <v>99826.778390000007</v>
      </c>
      <c r="AB762">
        <v>87420.760269999999</v>
      </c>
      <c r="AC762">
        <v>56944.428189999999</v>
      </c>
      <c r="AD762">
        <v>44492.213029999999</v>
      </c>
      <c r="AE762">
        <v>42882.03256</v>
      </c>
      <c r="AF762">
        <v>63613.187610000001</v>
      </c>
      <c r="AG762">
        <v>27687.595359999999</v>
      </c>
      <c r="AH762">
        <v>332804.35379999998</v>
      </c>
      <c r="AI762">
        <v>102032.2467</v>
      </c>
      <c r="AJ762">
        <v>32791.915110000002</v>
      </c>
      <c r="AK762">
        <v>35985.981359999998</v>
      </c>
      <c r="AL762">
        <v>89947.454750000004</v>
      </c>
      <c r="AM762">
        <v>26197.407620000002</v>
      </c>
      <c r="AN762">
        <v>116717.2387</v>
      </c>
      <c r="AO762">
        <v>39635.819839999996</v>
      </c>
      <c r="AP762">
        <v>27051.338919999998</v>
      </c>
    </row>
    <row r="763" spans="2:42" x14ac:dyDescent="0.3">
      <c r="B763">
        <v>64.517601282002317</v>
      </c>
      <c r="C763" s="83">
        <v>43132.708333333336</v>
      </c>
      <c r="D763">
        <v>286468.45640000002</v>
      </c>
      <c r="E763">
        <v>38991.543270000002</v>
      </c>
      <c r="F763">
        <v>99533.643750000003</v>
      </c>
      <c r="G763">
        <v>78786.882899999997</v>
      </c>
      <c r="H763">
        <v>54900.157729999999</v>
      </c>
      <c r="I763">
        <v>44650.838989999997</v>
      </c>
      <c r="J763">
        <v>43104.3125</v>
      </c>
      <c r="K763">
        <v>56745.090609999999</v>
      </c>
      <c r="L763">
        <v>28476.690429999999</v>
      </c>
      <c r="M763">
        <v>328940.8186</v>
      </c>
      <c r="N763">
        <v>94655.612389999995</v>
      </c>
      <c r="O763">
        <v>31890.022280000001</v>
      </c>
      <c r="P763">
        <v>38750.884879999998</v>
      </c>
      <c r="Q763">
        <v>88453.497170000002</v>
      </c>
      <c r="R763">
        <v>27356.724139999998</v>
      </c>
      <c r="S763">
        <v>115628.2623</v>
      </c>
      <c r="T763">
        <v>40373.041980000002</v>
      </c>
      <c r="U763">
        <v>24459.342329999999</v>
      </c>
      <c r="W763" s="83">
        <f>Bühler!N795</f>
        <v>45323.708333331488</v>
      </c>
      <c r="X763" s="83">
        <v>43132.708333333336</v>
      </c>
      <c r="Y763">
        <v>286468.45640000002</v>
      </c>
      <c r="Z763">
        <v>38991.543270000002</v>
      </c>
      <c r="AA763">
        <v>99533.643750000003</v>
      </c>
      <c r="AB763">
        <v>78786.882899999997</v>
      </c>
      <c r="AC763">
        <v>54900.157729999999</v>
      </c>
      <c r="AD763">
        <v>44650.838989999997</v>
      </c>
      <c r="AE763">
        <v>43104.3125</v>
      </c>
      <c r="AF763">
        <v>56745.090609999999</v>
      </c>
      <c r="AG763">
        <v>28476.690429999999</v>
      </c>
      <c r="AH763">
        <v>328940.8186</v>
      </c>
      <c r="AI763">
        <v>94655.612389999995</v>
      </c>
      <c r="AJ763">
        <v>31890.022280000001</v>
      </c>
      <c r="AK763">
        <v>38750.884879999998</v>
      </c>
      <c r="AL763">
        <v>88453.497170000002</v>
      </c>
      <c r="AM763">
        <v>27356.724139999998</v>
      </c>
      <c r="AN763">
        <v>115628.2623</v>
      </c>
      <c r="AO763">
        <v>40373.041980000002</v>
      </c>
      <c r="AP763">
        <v>24459.342329999999</v>
      </c>
    </row>
    <row r="764" spans="2:42" x14ac:dyDescent="0.3">
      <c r="B764">
        <v>62.635968011021397</v>
      </c>
      <c r="C764" s="83">
        <v>43132.75</v>
      </c>
      <c r="D764">
        <v>280555.57270000002</v>
      </c>
      <c r="E764">
        <v>35837.780709999999</v>
      </c>
      <c r="F764">
        <v>97158.818480000002</v>
      </c>
      <c r="G764">
        <v>69540.422619999998</v>
      </c>
      <c r="H764">
        <v>53330.107060000002</v>
      </c>
      <c r="I764">
        <v>44099.537230000002</v>
      </c>
      <c r="J764">
        <v>44817.355660000001</v>
      </c>
      <c r="K764">
        <v>50058.032500000001</v>
      </c>
      <c r="L764">
        <v>30871.74266</v>
      </c>
      <c r="M764">
        <v>319347.37469999999</v>
      </c>
      <c r="N764">
        <v>90995.533460000006</v>
      </c>
      <c r="O764">
        <v>30210.734680000001</v>
      </c>
      <c r="P764">
        <v>41989.108059999999</v>
      </c>
      <c r="Q764">
        <v>86791.589859999993</v>
      </c>
      <c r="R764">
        <v>23041.79579</v>
      </c>
      <c r="S764">
        <v>109672.9338</v>
      </c>
      <c r="T764">
        <v>41119.362979999998</v>
      </c>
      <c r="U764">
        <v>23324.574479999999</v>
      </c>
      <c r="W764" s="83">
        <f>Bühler!N796</f>
        <v>45323.749999998152</v>
      </c>
      <c r="X764" s="83">
        <v>43132.75</v>
      </c>
      <c r="Y764">
        <v>280555.57270000002</v>
      </c>
      <c r="Z764">
        <v>35837.780709999999</v>
      </c>
      <c r="AA764">
        <v>97158.818480000002</v>
      </c>
      <c r="AB764">
        <v>69540.422619999998</v>
      </c>
      <c r="AC764">
        <v>53330.107060000002</v>
      </c>
      <c r="AD764">
        <v>44099.537230000002</v>
      </c>
      <c r="AE764">
        <v>44817.355660000001</v>
      </c>
      <c r="AF764">
        <v>50058.032500000001</v>
      </c>
      <c r="AG764">
        <v>30871.74266</v>
      </c>
      <c r="AH764">
        <v>319347.37469999999</v>
      </c>
      <c r="AI764">
        <v>90995.533460000006</v>
      </c>
      <c r="AJ764">
        <v>30210.734680000001</v>
      </c>
      <c r="AK764">
        <v>41989.108059999999</v>
      </c>
      <c r="AL764">
        <v>86791.589859999993</v>
      </c>
      <c r="AM764">
        <v>23041.79579</v>
      </c>
      <c r="AN764">
        <v>109672.9338</v>
      </c>
      <c r="AO764">
        <v>41119.362979999998</v>
      </c>
      <c r="AP764">
        <v>23324.574479999999</v>
      </c>
    </row>
    <row r="765" spans="2:42" x14ac:dyDescent="0.3">
      <c r="B765">
        <v>61.262656503130898</v>
      </c>
      <c r="C765" s="83">
        <v>43132.791666666664</v>
      </c>
      <c r="D765">
        <v>272923.71220000001</v>
      </c>
      <c r="E765">
        <v>29345.751560000001</v>
      </c>
      <c r="F765">
        <v>84248.453699999998</v>
      </c>
      <c r="G765">
        <v>62123.808949999999</v>
      </c>
      <c r="H765">
        <v>50306.39185</v>
      </c>
      <c r="I765">
        <v>40920.104200000002</v>
      </c>
      <c r="J765">
        <v>44296.059200000003</v>
      </c>
      <c r="K765">
        <v>49133.738140000001</v>
      </c>
      <c r="L765">
        <v>31272.711050000002</v>
      </c>
      <c r="M765">
        <v>312345.59220000001</v>
      </c>
      <c r="N765">
        <v>89674.069390000004</v>
      </c>
      <c r="O765">
        <v>28690.88623</v>
      </c>
      <c r="P765">
        <v>44591.88538</v>
      </c>
      <c r="Q765">
        <v>85270.400469999993</v>
      </c>
      <c r="R765">
        <v>22248.217479999999</v>
      </c>
      <c r="S765">
        <v>104591.94869999999</v>
      </c>
      <c r="T765">
        <v>40680.931470000003</v>
      </c>
      <c r="U765">
        <v>21705.352169999998</v>
      </c>
      <c r="W765" s="83">
        <f>Bühler!N797</f>
        <v>45323.791666664816</v>
      </c>
      <c r="X765" s="83">
        <v>43132.791666666664</v>
      </c>
      <c r="Y765">
        <v>272923.71220000001</v>
      </c>
      <c r="Z765">
        <v>29345.751560000001</v>
      </c>
      <c r="AA765">
        <v>84248.453699999998</v>
      </c>
      <c r="AB765">
        <v>62123.808949999999</v>
      </c>
      <c r="AC765">
        <v>50306.39185</v>
      </c>
      <c r="AD765">
        <v>40920.104200000002</v>
      </c>
      <c r="AE765">
        <v>44296.059200000003</v>
      </c>
      <c r="AF765">
        <v>49133.738140000001</v>
      </c>
      <c r="AG765">
        <v>31272.711050000002</v>
      </c>
      <c r="AH765">
        <v>312345.59220000001</v>
      </c>
      <c r="AI765">
        <v>89674.069390000004</v>
      </c>
      <c r="AJ765">
        <v>28690.88623</v>
      </c>
      <c r="AK765">
        <v>44591.88538</v>
      </c>
      <c r="AL765">
        <v>85270.400469999993</v>
      </c>
      <c r="AM765">
        <v>22248.217479999999</v>
      </c>
      <c r="AN765">
        <v>104591.94869999999</v>
      </c>
      <c r="AO765">
        <v>40680.931470000003</v>
      </c>
      <c r="AP765">
        <v>21705.352169999998</v>
      </c>
    </row>
    <row r="766" spans="2:42" x14ac:dyDescent="0.3">
      <c r="B766">
        <v>60.259914412253615</v>
      </c>
      <c r="C766" s="83">
        <v>43132.833333333336</v>
      </c>
      <c r="D766">
        <v>261671.6801</v>
      </c>
      <c r="E766">
        <v>22946.919720000002</v>
      </c>
      <c r="F766">
        <v>65485.938479999997</v>
      </c>
      <c r="G766">
        <v>54780.099670000003</v>
      </c>
      <c r="H766">
        <v>47356.106359999998</v>
      </c>
      <c r="I766">
        <v>35977.738810000003</v>
      </c>
      <c r="J766">
        <v>43036.658880000003</v>
      </c>
      <c r="K766">
        <v>56692.938710000002</v>
      </c>
      <c r="L766">
        <v>30186.722330000001</v>
      </c>
      <c r="M766">
        <v>307233.14539999998</v>
      </c>
      <c r="N766">
        <v>87898.960489999998</v>
      </c>
      <c r="O766">
        <v>26324.33281</v>
      </c>
      <c r="P766">
        <v>43135.955020000001</v>
      </c>
      <c r="Q766">
        <v>82508.963260000004</v>
      </c>
      <c r="R766">
        <v>24947.190060000001</v>
      </c>
      <c r="S766">
        <v>94832.213040000002</v>
      </c>
      <c r="T766">
        <v>38610.546399999999</v>
      </c>
      <c r="U766">
        <v>20228.481349999998</v>
      </c>
      <c r="W766" s="83">
        <f>Bühler!N798</f>
        <v>45323.83333333148</v>
      </c>
      <c r="X766" s="83">
        <v>43132.833333333336</v>
      </c>
      <c r="Y766">
        <v>261671.6801</v>
      </c>
      <c r="Z766">
        <v>22946.919720000002</v>
      </c>
      <c r="AA766">
        <v>65485.938479999997</v>
      </c>
      <c r="AB766">
        <v>54780.099670000003</v>
      </c>
      <c r="AC766">
        <v>47356.106359999998</v>
      </c>
      <c r="AD766">
        <v>35977.738810000003</v>
      </c>
      <c r="AE766">
        <v>43036.658880000003</v>
      </c>
      <c r="AF766">
        <v>56692.938710000002</v>
      </c>
      <c r="AG766">
        <v>30186.722330000001</v>
      </c>
      <c r="AH766">
        <v>307233.14539999998</v>
      </c>
      <c r="AI766">
        <v>87898.960489999998</v>
      </c>
      <c r="AJ766">
        <v>26324.33281</v>
      </c>
      <c r="AK766">
        <v>43135.955020000001</v>
      </c>
      <c r="AL766">
        <v>82508.963260000004</v>
      </c>
      <c r="AM766">
        <v>24947.190060000001</v>
      </c>
      <c r="AN766">
        <v>94832.213040000002</v>
      </c>
      <c r="AO766">
        <v>38610.546399999999</v>
      </c>
      <c r="AP766">
        <v>20228.481349999998</v>
      </c>
    </row>
    <row r="767" spans="2:42" x14ac:dyDescent="0.3">
      <c r="B767">
        <v>58.48469880956938</v>
      </c>
      <c r="C767" s="83">
        <v>43132.875</v>
      </c>
      <c r="D767">
        <v>252368.54819999999</v>
      </c>
      <c r="E767">
        <v>19930.728790000001</v>
      </c>
      <c r="F767">
        <v>57659.266439999999</v>
      </c>
      <c r="G767">
        <v>50542.21286</v>
      </c>
      <c r="H767">
        <v>44617.841569999997</v>
      </c>
      <c r="I767">
        <v>31535.667880000001</v>
      </c>
      <c r="J767">
        <v>41284.549870000003</v>
      </c>
      <c r="K767">
        <v>56522.412960000001</v>
      </c>
      <c r="L767">
        <v>29650.368689999999</v>
      </c>
      <c r="M767">
        <v>298182.2684</v>
      </c>
      <c r="N767">
        <v>84293.641269999993</v>
      </c>
      <c r="O767">
        <v>25416.926630000002</v>
      </c>
      <c r="P767">
        <v>41778.345050000004</v>
      </c>
      <c r="Q767">
        <v>80779.835519999993</v>
      </c>
      <c r="R767">
        <v>22268.49049</v>
      </c>
      <c r="S767">
        <v>89345.429569999993</v>
      </c>
      <c r="T767">
        <v>35231.574739999996</v>
      </c>
      <c r="U767">
        <v>19009.608909999999</v>
      </c>
      <c r="W767" s="83">
        <f>Bühler!N799</f>
        <v>45323.874999998145</v>
      </c>
      <c r="X767" s="83">
        <v>43132.875</v>
      </c>
      <c r="Y767">
        <v>252368.54819999999</v>
      </c>
      <c r="Z767">
        <v>19930.728790000001</v>
      </c>
      <c r="AA767">
        <v>57659.266439999999</v>
      </c>
      <c r="AB767">
        <v>50542.21286</v>
      </c>
      <c r="AC767">
        <v>44617.841569999997</v>
      </c>
      <c r="AD767">
        <v>31535.667880000001</v>
      </c>
      <c r="AE767">
        <v>41284.549870000003</v>
      </c>
      <c r="AF767">
        <v>56522.412960000001</v>
      </c>
      <c r="AG767">
        <v>29650.368689999999</v>
      </c>
      <c r="AH767">
        <v>298182.2684</v>
      </c>
      <c r="AI767">
        <v>84293.641269999993</v>
      </c>
      <c r="AJ767">
        <v>25416.926630000002</v>
      </c>
      <c r="AK767">
        <v>41778.345050000004</v>
      </c>
      <c r="AL767">
        <v>80779.835519999993</v>
      </c>
      <c r="AM767">
        <v>22268.49049</v>
      </c>
      <c r="AN767">
        <v>89345.429569999993</v>
      </c>
      <c r="AO767">
        <v>35231.574739999996</v>
      </c>
      <c r="AP767">
        <v>19009.608909999999</v>
      </c>
    </row>
    <row r="768" spans="2:42" x14ac:dyDescent="0.3">
      <c r="B768">
        <v>58.099899525154079</v>
      </c>
      <c r="C768" s="83">
        <v>43132.916666666664</v>
      </c>
      <c r="D768">
        <v>252398.6256</v>
      </c>
      <c r="E768">
        <v>19122.187969999999</v>
      </c>
      <c r="F768">
        <v>54981.09433</v>
      </c>
      <c r="G768">
        <v>48442.98216</v>
      </c>
      <c r="H768">
        <v>44069.391109999997</v>
      </c>
      <c r="I768">
        <v>29879.819339999998</v>
      </c>
      <c r="J768">
        <v>40940.960769999998</v>
      </c>
      <c r="K768">
        <v>57963.411749999999</v>
      </c>
      <c r="L768">
        <v>26680.406269999999</v>
      </c>
      <c r="M768">
        <v>296220.38219999999</v>
      </c>
      <c r="N768">
        <v>84942.104000000007</v>
      </c>
      <c r="O768">
        <v>26584.135979999999</v>
      </c>
      <c r="P768">
        <v>44888.669520000003</v>
      </c>
      <c r="Q768">
        <v>81164.457209999993</v>
      </c>
      <c r="R768">
        <v>32171.364969999999</v>
      </c>
      <c r="S768">
        <v>89044.251189999995</v>
      </c>
      <c r="T768">
        <v>31735.457600000002</v>
      </c>
      <c r="U768">
        <v>20430.257420000002</v>
      </c>
      <c r="W768" s="83">
        <f>Bühler!N800</f>
        <v>45323.916666664809</v>
      </c>
      <c r="X768" s="83">
        <v>43132.916666666664</v>
      </c>
      <c r="Y768">
        <v>252398.6256</v>
      </c>
      <c r="Z768">
        <v>19122.187969999999</v>
      </c>
      <c r="AA768">
        <v>54981.09433</v>
      </c>
      <c r="AB768">
        <v>48442.98216</v>
      </c>
      <c r="AC768">
        <v>44069.391109999997</v>
      </c>
      <c r="AD768">
        <v>29879.819339999998</v>
      </c>
      <c r="AE768">
        <v>40940.960769999998</v>
      </c>
      <c r="AF768">
        <v>57963.411749999999</v>
      </c>
      <c r="AG768">
        <v>26680.406269999999</v>
      </c>
      <c r="AH768">
        <v>296220.38219999999</v>
      </c>
      <c r="AI768">
        <v>84942.104000000007</v>
      </c>
      <c r="AJ768">
        <v>26584.135979999999</v>
      </c>
      <c r="AK768">
        <v>44888.669520000003</v>
      </c>
      <c r="AL768">
        <v>81164.457209999993</v>
      </c>
      <c r="AM768">
        <v>32171.364969999999</v>
      </c>
      <c r="AN768">
        <v>89044.251189999995</v>
      </c>
      <c r="AO768">
        <v>31735.457600000002</v>
      </c>
      <c r="AP768">
        <v>20430.257420000002</v>
      </c>
    </row>
    <row r="769" spans="2:42" x14ac:dyDescent="0.3">
      <c r="B769">
        <v>57.544419639625659</v>
      </c>
      <c r="C769" s="83">
        <v>43132.958333333336</v>
      </c>
      <c r="D769">
        <v>252280.12880000001</v>
      </c>
      <c r="E769">
        <v>18838.715230000002</v>
      </c>
      <c r="F769">
        <v>53624.761420000003</v>
      </c>
      <c r="G769">
        <v>46797.546139999999</v>
      </c>
      <c r="H769">
        <v>42740.521630000003</v>
      </c>
      <c r="I769">
        <v>28756.830389999999</v>
      </c>
      <c r="J769">
        <v>38521.974459999998</v>
      </c>
      <c r="K769">
        <v>57232.600870000002</v>
      </c>
      <c r="L769">
        <v>23004.08311</v>
      </c>
      <c r="M769">
        <v>293388.2867</v>
      </c>
      <c r="N769">
        <v>84146.977220000001</v>
      </c>
      <c r="O769">
        <v>26345.58221</v>
      </c>
      <c r="P769">
        <v>39903.702920000003</v>
      </c>
      <c r="Q769">
        <v>80519.910740000007</v>
      </c>
      <c r="R769">
        <v>33895.17454</v>
      </c>
      <c r="S769">
        <v>87265.143590000007</v>
      </c>
      <c r="T769">
        <v>32176.05905</v>
      </c>
      <c r="U769">
        <v>19840.977579999999</v>
      </c>
      <c r="W769" s="83">
        <f>Bühler!N801</f>
        <v>45323.958333331473</v>
      </c>
      <c r="X769" s="83">
        <v>43132.958333333336</v>
      </c>
      <c r="Y769">
        <v>252280.12880000001</v>
      </c>
      <c r="Z769">
        <v>18838.715230000002</v>
      </c>
      <c r="AA769">
        <v>53624.761420000003</v>
      </c>
      <c r="AB769">
        <v>46797.546139999999</v>
      </c>
      <c r="AC769">
        <v>42740.521630000003</v>
      </c>
      <c r="AD769">
        <v>28756.830389999999</v>
      </c>
      <c r="AE769">
        <v>38521.974459999998</v>
      </c>
      <c r="AF769">
        <v>57232.600870000002</v>
      </c>
      <c r="AG769">
        <v>23004.08311</v>
      </c>
      <c r="AH769">
        <v>293388.2867</v>
      </c>
      <c r="AI769">
        <v>84146.977220000001</v>
      </c>
      <c r="AJ769">
        <v>26345.58221</v>
      </c>
      <c r="AK769">
        <v>39903.702920000003</v>
      </c>
      <c r="AL769">
        <v>80519.910740000007</v>
      </c>
      <c r="AM769">
        <v>33895.17454</v>
      </c>
      <c r="AN769">
        <v>87265.143590000007</v>
      </c>
      <c r="AO769">
        <v>32176.05905</v>
      </c>
      <c r="AP769">
        <v>19840.977579999999</v>
      </c>
    </row>
    <row r="770" spans="2:42" x14ac:dyDescent="0.3">
      <c r="B770">
        <v>56.930952826230893</v>
      </c>
      <c r="C770" s="83">
        <v>43133</v>
      </c>
      <c r="D770">
        <v>251022.2513</v>
      </c>
      <c r="E770">
        <v>18565.94815</v>
      </c>
      <c r="F770">
        <v>53228.81078</v>
      </c>
      <c r="G770">
        <v>46227.753230000002</v>
      </c>
      <c r="H770">
        <v>42499.360139999997</v>
      </c>
      <c r="I770">
        <v>27260.38999</v>
      </c>
      <c r="J770">
        <v>36314.936240000003</v>
      </c>
      <c r="K770">
        <v>54781.860419999997</v>
      </c>
      <c r="L770">
        <v>21732.732459999999</v>
      </c>
      <c r="M770">
        <v>290260.54680000001</v>
      </c>
      <c r="N770">
        <v>83257.615359999996</v>
      </c>
      <c r="O770">
        <v>26188.805939999998</v>
      </c>
      <c r="P770">
        <v>36414.821640000002</v>
      </c>
      <c r="Q770">
        <v>80394.740789999996</v>
      </c>
      <c r="R770">
        <v>29774.023270000002</v>
      </c>
      <c r="S770">
        <v>86380.10944</v>
      </c>
      <c r="T770">
        <v>30473.512320000002</v>
      </c>
      <c r="U770">
        <v>19636.190559999999</v>
      </c>
      <c r="W770" s="83">
        <f>Bühler!N802</f>
        <v>45323.999999998137</v>
      </c>
      <c r="X770" s="83">
        <v>43133</v>
      </c>
      <c r="Y770">
        <v>251022.2513</v>
      </c>
      <c r="Z770">
        <v>18565.94815</v>
      </c>
      <c r="AA770">
        <v>53228.81078</v>
      </c>
      <c r="AB770">
        <v>46227.753230000002</v>
      </c>
      <c r="AC770">
        <v>42499.360139999997</v>
      </c>
      <c r="AD770">
        <v>27260.38999</v>
      </c>
      <c r="AE770">
        <v>36314.936240000003</v>
      </c>
      <c r="AF770">
        <v>54781.860419999997</v>
      </c>
      <c r="AG770">
        <v>21732.732459999999</v>
      </c>
      <c r="AH770">
        <v>290260.54680000001</v>
      </c>
      <c r="AI770">
        <v>83257.615359999996</v>
      </c>
      <c r="AJ770">
        <v>26188.805939999998</v>
      </c>
      <c r="AK770">
        <v>36414.821640000002</v>
      </c>
      <c r="AL770">
        <v>80394.740789999996</v>
      </c>
      <c r="AM770">
        <v>29774.023270000002</v>
      </c>
      <c r="AN770">
        <v>86380.10944</v>
      </c>
      <c r="AO770">
        <v>30473.512320000002</v>
      </c>
      <c r="AP770">
        <v>19636.190559999999</v>
      </c>
    </row>
    <row r="771" spans="2:42" x14ac:dyDescent="0.3">
      <c r="B771">
        <v>57.053519076175043</v>
      </c>
      <c r="C771" s="83">
        <v>43133.041666666664</v>
      </c>
      <c r="D771">
        <v>249072.5491</v>
      </c>
      <c r="E771">
        <v>18514.472320000001</v>
      </c>
      <c r="F771">
        <v>53773.85241</v>
      </c>
      <c r="G771">
        <v>45614.446089999998</v>
      </c>
      <c r="H771">
        <v>42123.936099999999</v>
      </c>
      <c r="I771">
        <v>24023.54292</v>
      </c>
      <c r="J771">
        <v>35394.739829999999</v>
      </c>
      <c r="K771">
        <v>53763.72653</v>
      </c>
      <c r="L771">
        <v>21315.452300000001</v>
      </c>
      <c r="M771">
        <v>290885.44669999997</v>
      </c>
      <c r="N771">
        <v>82318.801439999996</v>
      </c>
      <c r="O771">
        <v>25917.75704</v>
      </c>
      <c r="P771">
        <v>34373.843379999998</v>
      </c>
      <c r="Q771">
        <v>80588.11623</v>
      </c>
      <c r="R771">
        <v>27355.90883</v>
      </c>
      <c r="S771">
        <v>85392.125750000007</v>
      </c>
      <c r="T771">
        <v>29831.922999999999</v>
      </c>
      <c r="U771">
        <v>19610.421880000002</v>
      </c>
      <c r="W771" s="83">
        <f>Bühler!N803</f>
        <v>45324.041666664802</v>
      </c>
      <c r="X771" s="83">
        <v>43133.041666666664</v>
      </c>
      <c r="Y771">
        <v>249072.5491</v>
      </c>
      <c r="Z771">
        <v>18514.472320000001</v>
      </c>
      <c r="AA771">
        <v>53773.85241</v>
      </c>
      <c r="AB771">
        <v>45614.446089999998</v>
      </c>
      <c r="AC771">
        <v>42123.936099999999</v>
      </c>
      <c r="AD771">
        <v>24023.54292</v>
      </c>
      <c r="AE771">
        <v>35394.739829999999</v>
      </c>
      <c r="AF771">
        <v>53763.72653</v>
      </c>
      <c r="AG771">
        <v>21315.452300000001</v>
      </c>
      <c r="AH771">
        <v>290885.44669999997</v>
      </c>
      <c r="AI771">
        <v>82318.801439999996</v>
      </c>
      <c r="AJ771">
        <v>25917.75704</v>
      </c>
      <c r="AK771">
        <v>34373.843379999998</v>
      </c>
      <c r="AL771">
        <v>80588.11623</v>
      </c>
      <c r="AM771">
        <v>27355.90883</v>
      </c>
      <c r="AN771">
        <v>85392.125750000007</v>
      </c>
      <c r="AO771">
        <v>29831.922999999999</v>
      </c>
      <c r="AP771">
        <v>19610.421880000002</v>
      </c>
    </row>
    <row r="772" spans="2:42" x14ac:dyDescent="0.3">
      <c r="B772">
        <v>56.777162421938591</v>
      </c>
      <c r="C772" s="83">
        <v>43133.083333333336</v>
      </c>
      <c r="D772">
        <v>249467.3094</v>
      </c>
      <c r="E772">
        <v>18569.740860000002</v>
      </c>
      <c r="F772">
        <v>54196.504760000003</v>
      </c>
      <c r="G772">
        <v>45519.657209999998</v>
      </c>
      <c r="H772">
        <v>42085.455099999999</v>
      </c>
      <c r="I772">
        <v>22257.17339</v>
      </c>
      <c r="J772">
        <v>35415.691729999999</v>
      </c>
      <c r="K772">
        <v>52624.595390000002</v>
      </c>
      <c r="L772">
        <v>20570.178830000001</v>
      </c>
      <c r="M772">
        <v>289476.45159999997</v>
      </c>
      <c r="N772">
        <v>81860.91287</v>
      </c>
      <c r="O772">
        <v>26027.838210000002</v>
      </c>
      <c r="P772">
        <v>33648.848539999999</v>
      </c>
      <c r="Q772">
        <v>83464.290919999999</v>
      </c>
      <c r="R772">
        <v>28759.49135</v>
      </c>
      <c r="S772">
        <v>84618.313439999998</v>
      </c>
      <c r="T772">
        <v>29256.096020000001</v>
      </c>
      <c r="U772">
        <v>19868.413919999999</v>
      </c>
      <c r="W772" s="83">
        <f>Bühler!N804</f>
        <v>45324.083333331466</v>
      </c>
      <c r="X772" s="83">
        <v>43133.083333333336</v>
      </c>
      <c r="Y772">
        <v>249467.3094</v>
      </c>
      <c r="Z772">
        <v>18569.740860000002</v>
      </c>
      <c r="AA772">
        <v>54196.504760000003</v>
      </c>
      <c r="AB772">
        <v>45519.657209999998</v>
      </c>
      <c r="AC772">
        <v>42085.455099999999</v>
      </c>
      <c r="AD772">
        <v>22257.17339</v>
      </c>
      <c r="AE772">
        <v>35415.691729999999</v>
      </c>
      <c r="AF772">
        <v>52624.595390000002</v>
      </c>
      <c r="AG772">
        <v>20570.178830000001</v>
      </c>
      <c r="AH772">
        <v>289476.45159999997</v>
      </c>
      <c r="AI772">
        <v>81860.91287</v>
      </c>
      <c r="AJ772">
        <v>26027.838210000002</v>
      </c>
      <c r="AK772">
        <v>33648.848539999999</v>
      </c>
      <c r="AL772">
        <v>83464.290919999999</v>
      </c>
      <c r="AM772">
        <v>28759.49135</v>
      </c>
      <c r="AN772">
        <v>84618.313439999998</v>
      </c>
      <c r="AO772">
        <v>29256.096020000001</v>
      </c>
      <c r="AP772">
        <v>19868.413919999999</v>
      </c>
    </row>
    <row r="773" spans="2:42" x14ac:dyDescent="0.3">
      <c r="B773">
        <v>56.760529930065069</v>
      </c>
      <c r="C773" s="83">
        <v>43133.125</v>
      </c>
      <c r="D773">
        <v>250199.77340000001</v>
      </c>
      <c r="E773">
        <v>18640.411899999999</v>
      </c>
      <c r="F773">
        <v>55395.91678</v>
      </c>
      <c r="G773">
        <v>44750.620629999998</v>
      </c>
      <c r="H773">
        <v>42379.245929999997</v>
      </c>
      <c r="I773">
        <v>22143.918259999999</v>
      </c>
      <c r="J773">
        <v>36168.716469999999</v>
      </c>
      <c r="K773">
        <v>51500.08367</v>
      </c>
      <c r="L773">
        <v>20260.701209999999</v>
      </c>
      <c r="M773">
        <v>289391.65139999997</v>
      </c>
      <c r="N773">
        <v>82182.194789999994</v>
      </c>
      <c r="O773">
        <v>26194.562890000001</v>
      </c>
      <c r="P773">
        <v>33508.022340000003</v>
      </c>
      <c r="Q773">
        <v>86203.516539999997</v>
      </c>
      <c r="R773">
        <v>28680.742969999999</v>
      </c>
      <c r="S773">
        <v>83281.42439</v>
      </c>
      <c r="T773">
        <v>29357.38679</v>
      </c>
      <c r="U773">
        <v>20218.012470000001</v>
      </c>
      <c r="W773" s="83">
        <f>Bühler!N805</f>
        <v>45324.12499999813</v>
      </c>
      <c r="X773" s="83">
        <v>43133.125</v>
      </c>
      <c r="Y773">
        <v>250199.77340000001</v>
      </c>
      <c r="Z773">
        <v>18640.411899999999</v>
      </c>
      <c r="AA773">
        <v>55395.91678</v>
      </c>
      <c r="AB773">
        <v>44750.620629999998</v>
      </c>
      <c r="AC773">
        <v>42379.245929999997</v>
      </c>
      <c r="AD773">
        <v>22143.918259999999</v>
      </c>
      <c r="AE773">
        <v>36168.716469999999</v>
      </c>
      <c r="AF773">
        <v>51500.08367</v>
      </c>
      <c r="AG773">
        <v>20260.701209999999</v>
      </c>
      <c r="AH773">
        <v>289391.65139999997</v>
      </c>
      <c r="AI773">
        <v>82182.194789999994</v>
      </c>
      <c r="AJ773">
        <v>26194.562890000001</v>
      </c>
      <c r="AK773">
        <v>33508.022340000003</v>
      </c>
      <c r="AL773">
        <v>86203.516539999997</v>
      </c>
      <c r="AM773">
        <v>28680.742969999999</v>
      </c>
      <c r="AN773">
        <v>83281.42439</v>
      </c>
      <c r="AO773">
        <v>29357.38679</v>
      </c>
      <c r="AP773">
        <v>20218.012470000001</v>
      </c>
    </row>
    <row r="774" spans="2:42" x14ac:dyDescent="0.3">
      <c r="B774">
        <v>57.891715018518134</v>
      </c>
      <c r="C774" s="83">
        <v>43133.166666666664</v>
      </c>
      <c r="D774">
        <v>252817.1336</v>
      </c>
      <c r="E774">
        <v>19255.20004</v>
      </c>
      <c r="F774">
        <v>59450.906190000002</v>
      </c>
      <c r="G774">
        <v>45047.631800000003</v>
      </c>
      <c r="H774">
        <v>42989.918319999997</v>
      </c>
      <c r="I774">
        <v>25618.273580000001</v>
      </c>
      <c r="J774">
        <v>38679.287980000001</v>
      </c>
      <c r="K774">
        <v>49696.652880000001</v>
      </c>
      <c r="L774">
        <v>20978.042669999999</v>
      </c>
      <c r="M774">
        <v>295158.96049999999</v>
      </c>
      <c r="N774">
        <v>81873.44283</v>
      </c>
      <c r="O774">
        <v>26646.427210000002</v>
      </c>
      <c r="P774">
        <v>32491.085719999999</v>
      </c>
      <c r="Q774">
        <v>89128.627049999996</v>
      </c>
      <c r="R774">
        <v>28421.606179999999</v>
      </c>
      <c r="S774">
        <v>85381.361380000002</v>
      </c>
      <c r="T774">
        <v>29472.142390000001</v>
      </c>
      <c r="U774">
        <v>20611.654170000002</v>
      </c>
      <c r="W774" s="83">
        <f>Bühler!N806</f>
        <v>45324.166666664794</v>
      </c>
      <c r="X774" s="83">
        <v>43133.166666666664</v>
      </c>
      <c r="Y774">
        <v>252817.1336</v>
      </c>
      <c r="Z774">
        <v>19255.20004</v>
      </c>
      <c r="AA774">
        <v>59450.906190000002</v>
      </c>
      <c r="AB774">
        <v>45047.631800000003</v>
      </c>
      <c r="AC774">
        <v>42989.918319999997</v>
      </c>
      <c r="AD774">
        <v>25618.273580000001</v>
      </c>
      <c r="AE774">
        <v>38679.287980000001</v>
      </c>
      <c r="AF774">
        <v>49696.652880000001</v>
      </c>
      <c r="AG774">
        <v>20978.042669999999</v>
      </c>
      <c r="AH774">
        <v>295158.96049999999</v>
      </c>
      <c r="AI774">
        <v>81873.44283</v>
      </c>
      <c r="AJ774">
        <v>26646.427210000002</v>
      </c>
      <c r="AK774">
        <v>32491.085719999999</v>
      </c>
      <c r="AL774">
        <v>89128.627049999996</v>
      </c>
      <c r="AM774">
        <v>28421.606179999999</v>
      </c>
      <c r="AN774">
        <v>85381.361380000002</v>
      </c>
      <c r="AO774">
        <v>29472.142390000001</v>
      </c>
      <c r="AP774">
        <v>20611.654170000002</v>
      </c>
    </row>
    <row r="775" spans="2:42" x14ac:dyDescent="0.3">
      <c r="B775">
        <v>60.99136976566281</v>
      </c>
      <c r="C775" s="83">
        <v>43133.208333333336</v>
      </c>
      <c r="D775">
        <v>265652.34909999999</v>
      </c>
      <c r="E775">
        <v>21328.272140000001</v>
      </c>
      <c r="F775">
        <v>70800.942609999998</v>
      </c>
      <c r="G775">
        <v>48302.90784</v>
      </c>
      <c r="H775">
        <v>45455.577290000001</v>
      </c>
      <c r="I775">
        <v>34103.503250000002</v>
      </c>
      <c r="J775">
        <v>41518.448559999997</v>
      </c>
      <c r="K775">
        <v>49896.84158</v>
      </c>
      <c r="L775">
        <v>22176.248909999998</v>
      </c>
      <c r="M775">
        <v>310962.44589999999</v>
      </c>
      <c r="N775">
        <v>84642.737160000004</v>
      </c>
      <c r="O775">
        <v>27231.237260000002</v>
      </c>
      <c r="P775">
        <v>33430.318460000002</v>
      </c>
      <c r="Q775">
        <v>91652.800010000006</v>
      </c>
      <c r="R775">
        <v>31456.997920000002</v>
      </c>
      <c r="S775">
        <v>88107.842059999995</v>
      </c>
      <c r="T775">
        <v>30975.104869999999</v>
      </c>
      <c r="U775">
        <v>22432.46529</v>
      </c>
      <c r="W775" s="83">
        <f>Bühler!N807</f>
        <v>45324.208333331459</v>
      </c>
      <c r="X775" s="83">
        <v>43133.208333333336</v>
      </c>
      <c r="Y775">
        <v>265652.34909999999</v>
      </c>
      <c r="Z775">
        <v>21328.272140000001</v>
      </c>
      <c r="AA775">
        <v>70800.942609999998</v>
      </c>
      <c r="AB775">
        <v>48302.90784</v>
      </c>
      <c r="AC775">
        <v>45455.577290000001</v>
      </c>
      <c r="AD775">
        <v>34103.503250000002</v>
      </c>
      <c r="AE775">
        <v>41518.448559999997</v>
      </c>
      <c r="AF775">
        <v>49896.84158</v>
      </c>
      <c r="AG775">
        <v>22176.248909999998</v>
      </c>
      <c r="AH775">
        <v>310962.44589999999</v>
      </c>
      <c r="AI775">
        <v>84642.737160000004</v>
      </c>
      <c r="AJ775">
        <v>27231.237260000002</v>
      </c>
      <c r="AK775">
        <v>33430.318460000002</v>
      </c>
      <c r="AL775">
        <v>91652.800010000006</v>
      </c>
      <c r="AM775">
        <v>31456.997920000002</v>
      </c>
      <c r="AN775">
        <v>88107.842059999995</v>
      </c>
      <c r="AO775">
        <v>30975.104869999999</v>
      </c>
      <c r="AP775">
        <v>22432.46529</v>
      </c>
    </row>
    <row r="776" spans="2:42" x14ac:dyDescent="0.3">
      <c r="B776">
        <v>64.462175496864816</v>
      </c>
      <c r="C776" s="83">
        <v>43133.25</v>
      </c>
      <c r="D776">
        <v>283433.53379999998</v>
      </c>
      <c r="E776">
        <v>26102.206470000001</v>
      </c>
      <c r="F776">
        <v>83623.740239999999</v>
      </c>
      <c r="G776">
        <v>63206.435340000004</v>
      </c>
      <c r="H776">
        <v>49029.174559999999</v>
      </c>
      <c r="I776">
        <v>43518.36393</v>
      </c>
      <c r="J776">
        <v>44910.011619999997</v>
      </c>
      <c r="K776">
        <v>51676.530200000001</v>
      </c>
      <c r="L776">
        <v>23174.090349999999</v>
      </c>
      <c r="M776">
        <v>328658.23210000002</v>
      </c>
      <c r="N776">
        <v>87812.093489999999</v>
      </c>
      <c r="O776">
        <v>27565.826000000001</v>
      </c>
      <c r="P776">
        <v>32915.014349999998</v>
      </c>
      <c r="Q776">
        <v>92699.643899999995</v>
      </c>
      <c r="R776">
        <v>21617.490720000002</v>
      </c>
      <c r="S776">
        <v>96444.050839999996</v>
      </c>
      <c r="T776">
        <v>34248.243049999997</v>
      </c>
      <c r="U776">
        <v>23813.731370000001</v>
      </c>
      <c r="W776" s="83">
        <f>Bühler!N808</f>
        <v>45324.249999998123</v>
      </c>
      <c r="X776" s="83">
        <v>43133.25</v>
      </c>
      <c r="Y776">
        <v>283433.53379999998</v>
      </c>
      <c r="Z776">
        <v>26102.206470000001</v>
      </c>
      <c r="AA776">
        <v>83623.740239999999</v>
      </c>
      <c r="AB776">
        <v>63206.435340000004</v>
      </c>
      <c r="AC776">
        <v>49029.174559999999</v>
      </c>
      <c r="AD776">
        <v>43518.36393</v>
      </c>
      <c r="AE776">
        <v>44910.011619999997</v>
      </c>
      <c r="AF776">
        <v>51676.530200000001</v>
      </c>
      <c r="AG776">
        <v>23174.090349999999</v>
      </c>
      <c r="AH776">
        <v>328658.23210000002</v>
      </c>
      <c r="AI776">
        <v>87812.093489999999</v>
      </c>
      <c r="AJ776">
        <v>27565.826000000001</v>
      </c>
      <c r="AK776">
        <v>32915.014349999998</v>
      </c>
      <c r="AL776">
        <v>92699.643899999995</v>
      </c>
      <c r="AM776">
        <v>21617.490720000002</v>
      </c>
      <c r="AN776">
        <v>96444.050839999996</v>
      </c>
      <c r="AO776">
        <v>34248.243049999997</v>
      </c>
      <c r="AP776">
        <v>23813.731370000001</v>
      </c>
    </row>
    <row r="777" spans="2:42" x14ac:dyDescent="0.3">
      <c r="B777">
        <v>65.810615466630892</v>
      </c>
      <c r="C777" s="83">
        <v>43133.291666666664</v>
      </c>
      <c r="D777">
        <v>295236.1974</v>
      </c>
      <c r="E777">
        <v>31627.375660000002</v>
      </c>
      <c r="F777">
        <v>87878.645510000002</v>
      </c>
      <c r="G777">
        <v>80131.773260000002</v>
      </c>
      <c r="H777">
        <v>55647.033389999997</v>
      </c>
      <c r="I777">
        <v>53198.523880000001</v>
      </c>
      <c r="J777">
        <v>48177.215380000001</v>
      </c>
      <c r="K777">
        <v>57222.037270000001</v>
      </c>
      <c r="L777">
        <v>25828.47237</v>
      </c>
      <c r="M777">
        <v>335533.20789999998</v>
      </c>
      <c r="N777">
        <v>93699.705329999997</v>
      </c>
      <c r="O777">
        <v>30627.530360000001</v>
      </c>
      <c r="P777">
        <v>36441.642160000003</v>
      </c>
      <c r="Q777">
        <v>92893.515249999997</v>
      </c>
      <c r="R777">
        <v>23363.904869999998</v>
      </c>
      <c r="S777">
        <v>113780.95389999999</v>
      </c>
      <c r="T777">
        <v>36882.296060000001</v>
      </c>
      <c r="U777">
        <v>28904.006799999999</v>
      </c>
      <c r="W777" s="83">
        <f>Bühler!N809</f>
        <v>45324.291666664787</v>
      </c>
      <c r="X777" s="83">
        <v>43133.291666666664</v>
      </c>
      <c r="Y777">
        <v>295236.1974</v>
      </c>
      <c r="Z777">
        <v>31627.375660000002</v>
      </c>
      <c r="AA777">
        <v>87878.645510000002</v>
      </c>
      <c r="AB777">
        <v>80131.773260000002</v>
      </c>
      <c r="AC777">
        <v>55647.033389999997</v>
      </c>
      <c r="AD777">
        <v>53198.523880000001</v>
      </c>
      <c r="AE777">
        <v>48177.215380000001</v>
      </c>
      <c r="AF777">
        <v>57222.037270000001</v>
      </c>
      <c r="AG777">
        <v>25828.47237</v>
      </c>
      <c r="AH777">
        <v>335533.20789999998</v>
      </c>
      <c r="AI777">
        <v>93699.705329999997</v>
      </c>
      <c r="AJ777">
        <v>30627.530360000001</v>
      </c>
      <c r="AK777">
        <v>36441.642160000003</v>
      </c>
      <c r="AL777">
        <v>92893.515249999997</v>
      </c>
      <c r="AM777">
        <v>23363.904869999998</v>
      </c>
      <c r="AN777">
        <v>113780.95389999999</v>
      </c>
      <c r="AO777">
        <v>36882.296060000001</v>
      </c>
      <c r="AP777">
        <v>28904.006799999999</v>
      </c>
    </row>
    <row r="778" spans="2:42" x14ac:dyDescent="0.3">
      <c r="B778">
        <v>66.297837649419137</v>
      </c>
      <c r="C778" s="83">
        <v>43133.333333333336</v>
      </c>
      <c r="D778">
        <v>306962.17440000002</v>
      </c>
      <c r="E778">
        <v>38468.611069999999</v>
      </c>
      <c r="F778">
        <v>95109.15062</v>
      </c>
      <c r="G778">
        <v>97763.730599999995</v>
      </c>
      <c r="H778">
        <v>61423.863570000001</v>
      </c>
      <c r="I778">
        <v>56506.410159999999</v>
      </c>
      <c r="J778">
        <v>49095.807739999997</v>
      </c>
      <c r="K778">
        <v>61950.325040000003</v>
      </c>
      <c r="L778">
        <v>29141.213779999998</v>
      </c>
      <c r="M778">
        <v>338017.29379999998</v>
      </c>
      <c r="N778">
        <v>100956.3919</v>
      </c>
      <c r="O778">
        <v>32037.938679999999</v>
      </c>
      <c r="P778">
        <v>39820.76614</v>
      </c>
      <c r="Q778">
        <v>92622.710590000002</v>
      </c>
      <c r="R778">
        <v>25519.205170000001</v>
      </c>
      <c r="S778">
        <v>128779.5031</v>
      </c>
      <c r="T778">
        <v>39818.640579999999</v>
      </c>
      <c r="U778">
        <v>32234.38147</v>
      </c>
      <c r="W778" s="83">
        <f>Bühler!N810</f>
        <v>45324.333333331451</v>
      </c>
      <c r="X778" s="83">
        <v>43133.333333333336</v>
      </c>
      <c r="Y778">
        <v>306962.17440000002</v>
      </c>
      <c r="Z778">
        <v>38468.611069999999</v>
      </c>
      <c r="AA778">
        <v>95109.15062</v>
      </c>
      <c r="AB778">
        <v>97763.730599999995</v>
      </c>
      <c r="AC778">
        <v>61423.863570000001</v>
      </c>
      <c r="AD778">
        <v>56506.410159999999</v>
      </c>
      <c r="AE778">
        <v>49095.807739999997</v>
      </c>
      <c r="AF778">
        <v>61950.325040000003</v>
      </c>
      <c r="AG778">
        <v>29141.213779999998</v>
      </c>
      <c r="AH778">
        <v>338017.29379999998</v>
      </c>
      <c r="AI778">
        <v>100956.3919</v>
      </c>
      <c r="AJ778">
        <v>32037.938679999999</v>
      </c>
      <c r="AK778">
        <v>39820.76614</v>
      </c>
      <c r="AL778">
        <v>92622.710590000002</v>
      </c>
      <c r="AM778">
        <v>25519.205170000001</v>
      </c>
      <c r="AN778">
        <v>128779.5031</v>
      </c>
      <c r="AO778">
        <v>39818.640579999999</v>
      </c>
      <c r="AP778">
        <v>32234.38147</v>
      </c>
    </row>
    <row r="779" spans="2:42" x14ac:dyDescent="0.3">
      <c r="B779">
        <v>65.313321392305895</v>
      </c>
      <c r="C779" s="83">
        <v>43133.375</v>
      </c>
      <c r="D779">
        <v>304281.97379999998</v>
      </c>
      <c r="E779">
        <v>42410.347410000002</v>
      </c>
      <c r="F779">
        <v>100252.8671</v>
      </c>
      <c r="G779">
        <v>107140.7942</v>
      </c>
      <c r="H779">
        <v>63057.18535</v>
      </c>
      <c r="I779">
        <v>53443.231189999999</v>
      </c>
      <c r="J779">
        <v>48350.123670000001</v>
      </c>
      <c r="K779">
        <v>60564.41777</v>
      </c>
      <c r="L779">
        <v>31921.77187</v>
      </c>
      <c r="M779">
        <v>332997.7708</v>
      </c>
      <c r="N779">
        <v>105886.75750000001</v>
      </c>
      <c r="O779">
        <v>32478.81191</v>
      </c>
      <c r="P779">
        <v>42416.971189999997</v>
      </c>
      <c r="Q779">
        <v>92587.371960000004</v>
      </c>
      <c r="R779">
        <v>25388.57274</v>
      </c>
      <c r="S779">
        <v>135803.3327</v>
      </c>
      <c r="T779">
        <v>43013.639470000002</v>
      </c>
      <c r="U779">
        <v>31965.19585</v>
      </c>
      <c r="W779" s="83">
        <f>Bühler!N811</f>
        <v>45324.374999998116</v>
      </c>
      <c r="X779" s="83">
        <v>43133.375</v>
      </c>
      <c r="Y779">
        <v>304281.97379999998</v>
      </c>
      <c r="Z779">
        <v>42410.347410000002</v>
      </c>
      <c r="AA779">
        <v>100252.8671</v>
      </c>
      <c r="AB779">
        <v>107140.7942</v>
      </c>
      <c r="AC779">
        <v>63057.18535</v>
      </c>
      <c r="AD779">
        <v>53443.231189999999</v>
      </c>
      <c r="AE779">
        <v>48350.123670000001</v>
      </c>
      <c r="AF779">
        <v>60564.41777</v>
      </c>
      <c r="AG779">
        <v>31921.77187</v>
      </c>
      <c r="AH779">
        <v>332997.7708</v>
      </c>
      <c r="AI779">
        <v>105886.75750000001</v>
      </c>
      <c r="AJ779">
        <v>32478.81191</v>
      </c>
      <c r="AK779">
        <v>42416.971189999997</v>
      </c>
      <c r="AL779">
        <v>92587.371960000004</v>
      </c>
      <c r="AM779">
        <v>25388.57274</v>
      </c>
      <c r="AN779">
        <v>135803.3327</v>
      </c>
      <c r="AO779">
        <v>43013.639470000002</v>
      </c>
      <c r="AP779">
        <v>31965.19585</v>
      </c>
    </row>
    <row r="780" spans="2:42" x14ac:dyDescent="0.3">
      <c r="B780">
        <v>66.236107439020358</v>
      </c>
      <c r="C780" s="83">
        <v>43133.416666666664</v>
      </c>
      <c r="D780">
        <v>305663.78869999998</v>
      </c>
      <c r="E780">
        <v>43796.927320000003</v>
      </c>
      <c r="F780">
        <v>99636.315849999999</v>
      </c>
      <c r="G780">
        <v>107046.4166</v>
      </c>
      <c r="H780">
        <v>63334.5861</v>
      </c>
      <c r="I780">
        <v>49900.272530000002</v>
      </c>
      <c r="J780">
        <v>46836.203049999996</v>
      </c>
      <c r="K780">
        <v>62541.232029999999</v>
      </c>
      <c r="L780">
        <v>34085.550150000003</v>
      </c>
      <c r="M780">
        <v>337702.56439999997</v>
      </c>
      <c r="N780">
        <v>109712.4473</v>
      </c>
      <c r="O780">
        <v>32265.595379999999</v>
      </c>
      <c r="P780">
        <v>43113.871079999997</v>
      </c>
      <c r="Q780">
        <v>91030.160529999994</v>
      </c>
      <c r="R780">
        <v>27761.695950000001</v>
      </c>
      <c r="S780">
        <v>133634.1857</v>
      </c>
      <c r="T780">
        <v>44577.313309999998</v>
      </c>
      <c r="U780">
        <v>31019.02392</v>
      </c>
      <c r="W780" s="83">
        <f>Bühler!N812</f>
        <v>45324.41666666478</v>
      </c>
      <c r="X780" s="83">
        <v>43133.416666666664</v>
      </c>
      <c r="Y780">
        <v>305663.78869999998</v>
      </c>
      <c r="Z780">
        <v>43796.927320000003</v>
      </c>
      <c r="AA780">
        <v>99636.315849999999</v>
      </c>
      <c r="AB780">
        <v>107046.4166</v>
      </c>
      <c r="AC780">
        <v>63334.5861</v>
      </c>
      <c r="AD780">
        <v>49900.272530000002</v>
      </c>
      <c r="AE780">
        <v>46836.203049999996</v>
      </c>
      <c r="AF780">
        <v>62541.232029999999</v>
      </c>
      <c r="AG780">
        <v>34085.550150000003</v>
      </c>
      <c r="AH780">
        <v>337702.56439999997</v>
      </c>
      <c r="AI780">
        <v>109712.4473</v>
      </c>
      <c r="AJ780">
        <v>32265.595379999999</v>
      </c>
      <c r="AK780">
        <v>43113.871079999997</v>
      </c>
      <c r="AL780">
        <v>91030.160529999994</v>
      </c>
      <c r="AM780">
        <v>27761.695950000001</v>
      </c>
      <c r="AN780">
        <v>133634.1857</v>
      </c>
      <c r="AO780">
        <v>44577.313309999998</v>
      </c>
      <c r="AP780">
        <v>31019.02392</v>
      </c>
    </row>
    <row r="781" spans="2:42" x14ac:dyDescent="0.3">
      <c r="B781">
        <v>65.697161133267954</v>
      </c>
      <c r="C781" s="83">
        <v>43133.458333333336</v>
      </c>
      <c r="D781">
        <v>302873.4632</v>
      </c>
      <c r="E781">
        <v>43621.081380000003</v>
      </c>
      <c r="F781">
        <v>99833.770539999998</v>
      </c>
      <c r="G781">
        <v>103152.21060000001</v>
      </c>
      <c r="H781">
        <v>62502.540569999997</v>
      </c>
      <c r="I781">
        <v>48355.821409999997</v>
      </c>
      <c r="J781">
        <v>45943.188340000001</v>
      </c>
      <c r="K781">
        <v>67372.127049999996</v>
      </c>
      <c r="L781">
        <v>36001.882129999998</v>
      </c>
      <c r="M781">
        <v>334954.7648</v>
      </c>
      <c r="N781">
        <v>109150.03969999999</v>
      </c>
      <c r="O781">
        <v>32267.655579999999</v>
      </c>
      <c r="P781">
        <v>42101.798309999998</v>
      </c>
      <c r="Q781">
        <v>90517.908859999996</v>
      </c>
      <c r="R781">
        <v>31748.35152</v>
      </c>
      <c r="S781">
        <v>133971.55840000001</v>
      </c>
      <c r="T781">
        <v>44644.25589</v>
      </c>
      <c r="U781">
        <v>30965.837449999999</v>
      </c>
      <c r="W781" s="83">
        <f>Bühler!N813</f>
        <v>45324.458333331444</v>
      </c>
      <c r="X781" s="83">
        <v>43133.458333333336</v>
      </c>
      <c r="Y781">
        <v>302873.4632</v>
      </c>
      <c r="Z781">
        <v>43621.081380000003</v>
      </c>
      <c r="AA781">
        <v>99833.770539999998</v>
      </c>
      <c r="AB781">
        <v>103152.21060000001</v>
      </c>
      <c r="AC781">
        <v>62502.540569999997</v>
      </c>
      <c r="AD781">
        <v>48355.821409999997</v>
      </c>
      <c r="AE781">
        <v>45943.188340000001</v>
      </c>
      <c r="AF781">
        <v>67372.127049999996</v>
      </c>
      <c r="AG781">
        <v>36001.882129999998</v>
      </c>
      <c r="AH781">
        <v>334954.7648</v>
      </c>
      <c r="AI781">
        <v>109150.03969999999</v>
      </c>
      <c r="AJ781">
        <v>32267.655579999999</v>
      </c>
      <c r="AK781">
        <v>42101.798309999998</v>
      </c>
      <c r="AL781">
        <v>90517.908859999996</v>
      </c>
      <c r="AM781">
        <v>31748.35152</v>
      </c>
      <c r="AN781">
        <v>133971.55840000001</v>
      </c>
      <c r="AO781">
        <v>44644.25589</v>
      </c>
      <c r="AP781">
        <v>30965.837449999999</v>
      </c>
    </row>
    <row r="782" spans="2:42" x14ac:dyDescent="0.3">
      <c r="B782">
        <v>64.316375848471949</v>
      </c>
      <c r="C782" s="83">
        <v>43133.5</v>
      </c>
      <c r="D782">
        <v>286538.18849999999</v>
      </c>
      <c r="E782">
        <v>39173.676809999997</v>
      </c>
      <c r="F782">
        <v>98463.842019999996</v>
      </c>
      <c r="G782">
        <v>99985.222970000003</v>
      </c>
      <c r="H782">
        <v>59488.466160000004</v>
      </c>
      <c r="I782">
        <v>45460.919529999999</v>
      </c>
      <c r="J782">
        <v>45789.222450000001</v>
      </c>
      <c r="K782">
        <v>64184.795530000003</v>
      </c>
      <c r="L782">
        <v>37596.532189999998</v>
      </c>
      <c r="M782">
        <v>327914.8775</v>
      </c>
      <c r="N782">
        <v>106641.05809999999</v>
      </c>
      <c r="O782">
        <v>31522.143339999999</v>
      </c>
      <c r="P782">
        <v>42424.062899999997</v>
      </c>
      <c r="Q782">
        <v>88687.430139999997</v>
      </c>
      <c r="R782">
        <v>29906.459200000001</v>
      </c>
      <c r="S782">
        <v>126571.9969</v>
      </c>
      <c r="T782">
        <v>44455.299590000002</v>
      </c>
      <c r="U782">
        <v>27013.320899999999</v>
      </c>
      <c r="W782" s="83">
        <f>Bühler!N814</f>
        <v>45324.499999998108</v>
      </c>
      <c r="X782" s="83">
        <v>43133.5</v>
      </c>
      <c r="Y782">
        <v>286538.18849999999</v>
      </c>
      <c r="Z782">
        <v>39173.676809999997</v>
      </c>
      <c r="AA782">
        <v>98463.842019999996</v>
      </c>
      <c r="AB782">
        <v>99985.222970000003</v>
      </c>
      <c r="AC782">
        <v>59488.466160000004</v>
      </c>
      <c r="AD782">
        <v>45460.919529999999</v>
      </c>
      <c r="AE782">
        <v>45789.222450000001</v>
      </c>
      <c r="AF782">
        <v>64184.795530000003</v>
      </c>
      <c r="AG782">
        <v>37596.532189999998</v>
      </c>
      <c r="AH782">
        <v>327914.8775</v>
      </c>
      <c r="AI782">
        <v>106641.05809999999</v>
      </c>
      <c r="AJ782">
        <v>31522.143339999999</v>
      </c>
      <c r="AK782">
        <v>42424.062899999997</v>
      </c>
      <c r="AL782">
        <v>88687.430139999997</v>
      </c>
      <c r="AM782">
        <v>29906.459200000001</v>
      </c>
      <c r="AN782">
        <v>126571.9969</v>
      </c>
      <c r="AO782">
        <v>44455.299590000002</v>
      </c>
      <c r="AP782">
        <v>27013.320899999999</v>
      </c>
    </row>
    <row r="783" spans="2:42" x14ac:dyDescent="0.3">
      <c r="B783">
        <v>63.594539662222182</v>
      </c>
      <c r="C783" s="83">
        <v>43133.541666666664</v>
      </c>
      <c r="D783">
        <v>284030.00260000001</v>
      </c>
      <c r="E783">
        <v>38384.772499999999</v>
      </c>
      <c r="F783">
        <v>97563.298379999993</v>
      </c>
      <c r="G783">
        <v>94546.094639999996</v>
      </c>
      <c r="H783">
        <v>57994.023209999999</v>
      </c>
      <c r="I783">
        <v>43833.850380000003</v>
      </c>
      <c r="J783">
        <v>44638.463340000002</v>
      </c>
      <c r="K783">
        <v>65892.667260000002</v>
      </c>
      <c r="L783">
        <v>36431.454030000001</v>
      </c>
      <c r="M783">
        <v>324234.62</v>
      </c>
      <c r="N783">
        <v>103698.6439</v>
      </c>
      <c r="O783">
        <v>31620.413280000001</v>
      </c>
      <c r="P783">
        <v>40889.883869999998</v>
      </c>
      <c r="Q783">
        <v>86285.408850000007</v>
      </c>
      <c r="R783">
        <v>29256.535</v>
      </c>
      <c r="S783">
        <v>124800.87519999999</v>
      </c>
      <c r="T783">
        <v>42519.142529999997</v>
      </c>
      <c r="U783">
        <v>26737.36609</v>
      </c>
      <c r="W783" s="83">
        <f>Bühler!N815</f>
        <v>45324.541666664772</v>
      </c>
      <c r="X783" s="83">
        <v>43133.541666666664</v>
      </c>
      <c r="Y783">
        <v>284030.00260000001</v>
      </c>
      <c r="Z783">
        <v>38384.772499999999</v>
      </c>
      <c r="AA783">
        <v>97563.298379999993</v>
      </c>
      <c r="AB783">
        <v>94546.094639999996</v>
      </c>
      <c r="AC783">
        <v>57994.023209999999</v>
      </c>
      <c r="AD783">
        <v>43833.850380000003</v>
      </c>
      <c r="AE783">
        <v>44638.463340000002</v>
      </c>
      <c r="AF783">
        <v>65892.667260000002</v>
      </c>
      <c r="AG783">
        <v>36431.454030000001</v>
      </c>
      <c r="AH783">
        <v>324234.62</v>
      </c>
      <c r="AI783">
        <v>103698.6439</v>
      </c>
      <c r="AJ783">
        <v>31620.413280000001</v>
      </c>
      <c r="AK783">
        <v>40889.883869999998</v>
      </c>
      <c r="AL783">
        <v>86285.408850000007</v>
      </c>
      <c r="AM783">
        <v>29256.535</v>
      </c>
      <c r="AN783">
        <v>124800.87519999999</v>
      </c>
      <c r="AO783">
        <v>42519.142529999997</v>
      </c>
      <c r="AP783">
        <v>26737.36609</v>
      </c>
    </row>
    <row r="784" spans="2:42" x14ac:dyDescent="0.3">
      <c r="B784">
        <v>63.588068265180979</v>
      </c>
      <c r="C784" s="83">
        <v>43133.583333333336</v>
      </c>
      <c r="D784">
        <v>284373.82689999999</v>
      </c>
      <c r="E784">
        <v>40899.630929999999</v>
      </c>
      <c r="F784">
        <v>98845.578229999999</v>
      </c>
      <c r="G784">
        <v>87402.281340000001</v>
      </c>
      <c r="H784">
        <v>57124.50909</v>
      </c>
      <c r="I784">
        <v>43847.3652</v>
      </c>
      <c r="J784">
        <v>43691.730620000002</v>
      </c>
      <c r="K784">
        <v>66357.136610000001</v>
      </c>
      <c r="L784">
        <v>32640.713589999999</v>
      </c>
      <c r="M784">
        <v>324201.62579999998</v>
      </c>
      <c r="N784">
        <v>101251.0684</v>
      </c>
      <c r="O784">
        <v>30790.96441</v>
      </c>
      <c r="P784">
        <v>37929.490230000003</v>
      </c>
      <c r="Q784">
        <v>84493.39761</v>
      </c>
      <c r="R784">
        <v>28900.644550000001</v>
      </c>
      <c r="S784">
        <v>119062.4276</v>
      </c>
      <c r="T784">
        <v>39888.862529999999</v>
      </c>
      <c r="U784">
        <v>26403.06769</v>
      </c>
      <c r="W784" s="83">
        <f>Bühler!N816</f>
        <v>45324.583333331437</v>
      </c>
      <c r="X784" s="83">
        <v>43133.583333333336</v>
      </c>
      <c r="Y784">
        <v>284373.82689999999</v>
      </c>
      <c r="Z784">
        <v>40899.630929999999</v>
      </c>
      <c r="AA784">
        <v>98845.578229999999</v>
      </c>
      <c r="AB784">
        <v>87402.281340000001</v>
      </c>
      <c r="AC784">
        <v>57124.50909</v>
      </c>
      <c r="AD784">
        <v>43847.3652</v>
      </c>
      <c r="AE784">
        <v>43691.730620000002</v>
      </c>
      <c r="AF784">
        <v>66357.136610000001</v>
      </c>
      <c r="AG784">
        <v>32640.713589999999</v>
      </c>
      <c r="AH784">
        <v>324201.62579999998</v>
      </c>
      <c r="AI784">
        <v>101251.0684</v>
      </c>
      <c r="AJ784">
        <v>30790.96441</v>
      </c>
      <c r="AK784">
        <v>37929.490230000003</v>
      </c>
      <c r="AL784">
        <v>84493.39761</v>
      </c>
      <c r="AM784">
        <v>28900.644550000001</v>
      </c>
      <c r="AN784">
        <v>119062.4276</v>
      </c>
      <c r="AO784">
        <v>39888.862529999999</v>
      </c>
      <c r="AP784">
        <v>26403.06769</v>
      </c>
    </row>
    <row r="785" spans="2:42" x14ac:dyDescent="0.3">
      <c r="B785">
        <v>61.993940216689737</v>
      </c>
      <c r="C785" s="83">
        <v>43133.625</v>
      </c>
      <c r="D785">
        <v>277688.2623</v>
      </c>
      <c r="E785">
        <v>40229.422330000001</v>
      </c>
      <c r="F785">
        <v>99452.140180000002</v>
      </c>
      <c r="G785">
        <v>81641.822939999998</v>
      </c>
      <c r="H785">
        <v>54998.271820000002</v>
      </c>
      <c r="I785">
        <v>44250.865059999996</v>
      </c>
      <c r="J785">
        <v>43545.90105</v>
      </c>
      <c r="K785">
        <v>63905.373449999999</v>
      </c>
      <c r="L785">
        <v>29719.4787</v>
      </c>
      <c r="M785">
        <v>316074.01760000002</v>
      </c>
      <c r="N785">
        <v>97769.114870000005</v>
      </c>
      <c r="O785">
        <v>29728.472280000002</v>
      </c>
      <c r="P785">
        <v>34825.72522</v>
      </c>
      <c r="Q785">
        <v>83026.090670000005</v>
      </c>
      <c r="R785">
        <v>28561.607739999999</v>
      </c>
      <c r="S785">
        <v>116866.70970000001</v>
      </c>
      <c r="T785">
        <v>39079.451050000003</v>
      </c>
      <c r="U785">
        <v>25324.987140000001</v>
      </c>
      <c r="W785" s="83">
        <f>Bühler!N817</f>
        <v>45324.624999998101</v>
      </c>
      <c r="X785" s="83">
        <v>43133.625</v>
      </c>
      <c r="Y785">
        <v>277688.2623</v>
      </c>
      <c r="Z785">
        <v>40229.422330000001</v>
      </c>
      <c r="AA785">
        <v>99452.140180000002</v>
      </c>
      <c r="AB785">
        <v>81641.822939999998</v>
      </c>
      <c r="AC785">
        <v>54998.271820000002</v>
      </c>
      <c r="AD785">
        <v>44250.865059999996</v>
      </c>
      <c r="AE785">
        <v>43545.90105</v>
      </c>
      <c r="AF785">
        <v>63905.373449999999</v>
      </c>
      <c r="AG785">
        <v>29719.4787</v>
      </c>
      <c r="AH785">
        <v>316074.01760000002</v>
      </c>
      <c r="AI785">
        <v>97769.114870000005</v>
      </c>
      <c r="AJ785">
        <v>29728.472280000002</v>
      </c>
      <c r="AK785">
        <v>34825.72522</v>
      </c>
      <c r="AL785">
        <v>83026.090670000005</v>
      </c>
      <c r="AM785">
        <v>28561.607739999999</v>
      </c>
      <c r="AN785">
        <v>116866.70970000001</v>
      </c>
      <c r="AO785">
        <v>39079.451050000003</v>
      </c>
      <c r="AP785">
        <v>25324.987140000001</v>
      </c>
    </row>
    <row r="786" spans="2:42" x14ac:dyDescent="0.3">
      <c r="B786">
        <v>60.706016150983075</v>
      </c>
      <c r="C786" s="83">
        <v>43133.666666666664</v>
      </c>
      <c r="D786">
        <v>269893.61739999999</v>
      </c>
      <c r="E786">
        <v>38831.110800000002</v>
      </c>
      <c r="F786">
        <v>98858.065090000004</v>
      </c>
      <c r="G786">
        <v>74689.387759999998</v>
      </c>
      <c r="H786">
        <v>53534.602379999997</v>
      </c>
      <c r="I786">
        <v>45796.824439999997</v>
      </c>
      <c r="J786">
        <v>43105.028420000002</v>
      </c>
      <c r="K786">
        <v>59253.403400000003</v>
      </c>
      <c r="L786">
        <v>28797.92109</v>
      </c>
      <c r="M786">
        <v>309507.58010000002</v>
      </c>
      <c r="N786">
        <v>95070.061310000005</v>
      </c>
      <c r="O786">
        <v>29388.24698</v>
      </c>
      <c r="P786">
        <v>35757.497150000003</v>
      </c>
      <c r="Q786">
        <v>82580.788849999997</v>
      </c>
      <c r="R786">
        <v>27944.787369999998</v>
      </c>
      <c r="S786">
        <v>113472.5845</v>
      </c>
      <c r="T786">
        <v>38797.016250000001</v>
      </c>
      <c r="U786">
        <v>23608.611120000001</v>
      </c>
      <c r="W786" s="83">
        <f>Bühler!N818</f>
        <v>45324.666666664765</v>
      </c>
      <c r="X786" s="83">
        <v>43133.666666666664</v>
      </c>
      <c r="Y786">
        <v>269893.61739999999</v>
      </c>
      <c r="Z786">
        <v>38831.110800000002</v>
      </c>
      <c r="AA786">
        <v>98858.065090000004</v>
      </c>
      <c r="AB786">
        <v>74689.387759999998</v>
      </c>
      <c r="AC786">
        <v>53534.602379999997</v>
      </c>
      <c r="AD786">
        <v>45796.824439999997</v>
      </c>
      <c r="AE786">
        <v>43105.028420000002</v>
      </c>
      <c r="AF786">
        <v>59253.403400000003</v>
      </c>
      <c r="AG786">
        <v>28797.92109</v>
      </c>
      <c r="AH786">
        <v>309507.58010000002</v>
      </c>
      <c r="AI786">
        <v>95070.061310000005</v>
      </c>
      <c r="AJ786">
        <v>29388.24698</v>
      </c>
      <c r="AK786">
        <v>35757.497150000003</v>
      </c>
      <c r="AL786">
        <v>82580.788849999997</v>
      </c>
      <c r="AM786">
        <v>27944.787369999998</v>
      </c>
      <c r="AN786">
        <v>113472.5845</v>
      </c>
      <c r="AO786">
        <v>38797.016250000001</v>
      </c>
      <c r="AP786">
        <v>23608.611120000001</v>
      </c>
    </row>
    <row r="787" spans="2:42" x14ac:dyDescent="0.3">
      <c r="B787">
        <v>59.350100815598438</v>
      </c>
      <c r="C787" s="83">
        <v>43133.708333333336</v>
      </c>
      <c r="D787">
        <v>258854.10130000001</v>
      </c>
      <c r="E787">
        <v>36880.301180000002</v>
      </c>
      <c r="F787">
        <v>98837.243839999996</v>
      </c>
      <c r="G787">
        <v>64678.739849999998</v>
      </c>
      <c r="H787">
        <v>52485.473819999999</v>
      </c>
      <c r="I787">
        <v>46425.953600000001</v>
      </c>
      <c r="J787">
        <v>43415.655200000001</v>
      </c>
      <c r="K787">
        <v>55256.037559999997</v>
      </c>
      <c r="L787">
        <v>29677.1921</v>
      </c>
      <c r="M787">
        <v>302594.4914</v>
      </c>
      <c r="N787">
        <v>89422.905960000004</v>
      </c>
      <c r="O787">
        <v>29012.700830000002</v>
      </c>
      <c r="P787">
        <v>37831.920120000002</v>
      </c>
      <c r="Q787">
        <v>80664.065849999999</v>
      </c>
      <c r="R787">
        <v>28569.20059</v>
      </c>
      <c r="S787">
        <v>111612.374</v>
      </c>
      <c r="T787">
        <v>39594.399819999999</v>
      </c>
      <c r="U787">
        <v>22095.26211</v>
      </c>
      <c r="W787" s="83">
        <f>Bühler!N819</f>
        <v>45324.708333331429</v>
      </c>
      <c r="X787" s="83">
        <v>43133.708333333336</v>
      </c>
      <c r="Y787">
        <v>258854.10130000001</v>
      </c>
      <c r="Z787">
        <v>36880.301180000002</v>
      </c>
      <c r="AA787">
        <v>98837.243839999996</v>
      </c>
      <c r="AB787">
        <v>64678.739849999998</v>
      </c>
      <c r="AC787">
        <v>52485.473819999999</v>
      </c>
      <c r="AD787">
        <v>46425.953600000001</v>
      </c>
      <c r="AE787">
        <v>43415.655200000001</v>
      </c>
      <c r="AF787">
        <v>55256.037559999997</v>
      </c>
      <c r="AG787">
        <v>29677.1921</v>
      </c>
      <c r="AH787">
        <v>302594.4914</v>
      </c>
      <c r="AI787">
        <v>89422.905960000004</v>
      </c>
      <c r="AJ787">
        <v>29012.700830000002</v>
      </c>
      <c r="AK787">
        <v>37831.920120000002</v>
      </c>
      <c r="AL787">
        <v>80664.065849999999</v>
      </c>
      <c r="AM787">
        <v>28569.20059</v>
      </c>
      <c r="AN787">
        <v>111612.374</v>
      </c>
      <c r="AO787">
        <v>39594.399819999999</v>
      </c>
      <c r="AP787">
        <v>22095.26211</v>
      </c>
    </row>
    <row r="788" spans="2:42" x14ac:dyDescent="0.3">
      <c r="B788">
        <v>57.394747454145019</v>
      </c>
      <c r="C788" s="83">
        <v>43133.75</v>
      </c>
      <c r="D788">
        <v>252326.7309</v>
      </c>
      <c r="E788">
        <v>35083.098330000001</v>
      </c>
      <c r="F788">
        <v>97005.238129999998</v>
      </c>
      <c r="G788">
        <v>57488.874089999998</v>
      </c>
      <c r="H788">
        <v>51703.57763</v>
      </c>
      <c r="I788">
        <v>45499.263910000001</v>
      </c>
      <c r="J788">
        <v>45077.650110000002</v>
      </c>
      <c r="K788">
        <v>48261.195419999996</v>
      </c>
      <c r="L788">
        <v>31946.831870000002</v>
      </c>
      <c r="M788">
        <v>292625.18810000003</v>
      </c>
      <c r="N788">
        <v>87101.422009999995</v>
      </c>
      <c r="O788">
        <v>28324.59577</v>
      </c>
      <c r="P788">
        <v>41427.418669999999</v>
      </c>
      <c r="Q788">
        <v>78627.97838</v>
      </c>
      <c r="R788">
        <v>24978.809260000002</v>
      </c>
      <c r="S788">
        <v>108387.3428</v>
      </c>
      <c r="T788">
        <v>40627.259700000002</v>
      </c>
      <c r="U788">
        <v>21812.615290000002</v>
      </c>
      <c r="W788" s="83">
        <f>Bühler!N820</f>
        <v>45324.749999998094</v>
      </c>
      <c r="X788" s="83">
        <v>43133.75</v>
      </c>
      <c r="Y788">
        <v>252326.7309</v>
      </c>
      <c r="Z788">
        <v>35083.098330000001</v>
      </c>
      <c r="AA788">
        <v>97005.238129999998</v>
      </c>
      <c r="AB788">
        <v>57488.874089999998</v>
      </c>
      <c r="AC788">
        <v>51703.57763</v>
      </c>
      <c r="AD788">
        <v>45499.263910000001</v>
      </c>
      <c r="AE788">
        <v>45077.650110000002</v>
      </c>
      <c r="AF788">
        <v>48261.195419999996</v>
      </c>
      <c r="AG788">
        <v>31946.831870000002</v>
      </c>
      <c r="AH788">
        <v>292625.18810000003</v>
      </c>
      <c r="AI788">
        <v>87101.422009999995</v>
      </c>
      <c r="AJ788">
        <v>28324.59577</v>
      </c>
      <c r="AK788">
        <v>41427.418669999999</v>
      </c>
      <c r="AL788">
        <v>78627.97838</v>
      </c>
      <c r="AM788">
        <v>24978.809260000002</v>
      </c>
      <c r="AN788">
        <v>108387.3428</v>
      </c>
      <c r="AO788">
        <v>40627.259700000002</v>
      </c>
      <c r="AP788">
        <v>21812.615290000002</v>
      </c>
    </row>
    <row r="789" spans="2:42" x14ac:dyDescent="0.3">
      <c r="B789">
        <v>56.394279890394557</v>
      </c>
      <c r="C789" s="83">
        <v>43133.791666666664</v>
      </c>
      <c r="D789">
        <v>244269.96909999999</v>
      </c>
      <c r="E789">
        <v>28788.886460000002</v>
      </c>
      <c r="F789">
        <v>84352.129390000002</v>
      </c>
      <c r="G789">
        <v>52029.105130000004</v>
      </c>
      <c r="H789">
        <v>49420.258620000001</v>
      </c>
      <c r="I789">
        <v>43223.299429999999</v>
      </c>
      <c r="J789">
        <v>45612.762669999996</v>
      </c>
      <c r="K789">
        <v>47993.752679999998</v>
      </c>
      <c r="L789">
        <v>32807.673909999998</v>
      </c>
      <c r="M789">
        <v>287524.33789999998</v>
      </c>
      <c r="N789">
        <v>86840.698130000004</v>
      </c>
      <c r="O789">
        <v>26518.706139999998</v>
      </c>
      <c r="P789">
        <v>42636.545480000001</v>
      </c>
      <c r="Q789">
        <v>76638.941749999998</v>
      </c>
      <c r="R789">
        <v>23953.198550000001</v>
      </c>
      <c r="S789">
        <v>104312.3512</v>
      </c>
      <c r="T789">
        <v>40811.88349</v>
      </c>
      <c r="U789">
        <v>20295.607039999999</v>
      </c>
      <c r="W789" s="83">
        <f>Bühler!N821</f>
        <v>45324.791666664758</v>
      </c>
      <c r="X789" s="83">
        <v>43133.791666666664</v>
      </c>
      <c r="Y789">
        <v>244269.96909999999</v>
      </c>
      <c r="Z789">
        <v>28788.886460000002</v>
      </c>
      <c r="AA789">
        <v>84352.129390000002</v>
      </c>
      <c r="AB789">
        <v>52029.105130000004</v>
      </c>
      <c r="AC789">
        <v>49420.258620000001</v>
      </c>
      <c r="AD789">
        <v>43223.299429999999</v>
      </c>
      <c r="AE789">
        <v>45612.762669999996</v>
      </c>
      <c r="AF789">
        <v>47993.752679999998</v>
      </c>
      <c r="AG789">
        <v>32807.673909999998</v>
      </c>
      <c r="AH789">
        <v>287524.33789999998</v>
      </c>
      <c r="AI789">
        <v>86840.698130000004</v>
      </c>
      <c r="AJ789">
        <v>26518.706139999998</v>
      </c>
      <c r="AK789">
        <v>42636.545480000001</v>
      </c>
      <c r="AL789">
        <v>76638.941749999998</v>
      </c>
      <c r="AM789">
        <v>23953.198550000001</v>
      </c>
      <c r="AN789">
        <v>104312.3512</v>
      </c>
      <c r="AO789">
        <v>40811.88349</v>
      </c>
      <c r="AP789">
        <v>20295.607039999999</v>
      </c>
    </row>
    <row r="790" spans="2:42" x14ac:dyDescent="0.3">
      <c r="B790">
        <v>55.651095323533887</v>
      </c>
      <c r="C790" s="83">
        <v>43133.833333333336</v>
      </c>
      <c r="D790">
        <v>236064.05170000001</v>
      </c>
      <c r="E790">
        <v>23095.492600000001</v>
      </c>
      <c r="F790">
        <v>66080.200500000006</v>
      </c>
      <c r="G790">
        <v>48686.943939999997</v>
      </c>
      <c r="H790">
        <v>46674.844149999997</v>
      </c>
      <c r="I790">
        <v>39251.566010000002</v>
      </c>
      <c r="J790">
        <v>44792.776969999999</v>
      </c>
      <c r="K790">
        <v>54281.957759999998</v>
      </c>
      <c r="L790">
        <v>32333.251609999999</v>
      </c>
      <c r="M790">
        <v>283735.23639999999</v>
      </c>
      <c r="N790">
        <v>85474.897100000002</v>
      </c>
      <c r="O790">
        <v>25557.358080000002</v>
      </c>
      <c r="P790">
        <v>41167.478049999998</v>
      </c>
      <c r="Q790">
        <v>73824.39185</v>
      </c>
      <c r="R790">
        <v>25720.733260000001</v>
      </c>
      <c r="S790">
        <v>94740.019379999998</v>
      </c>
      <c r="T790">
        <v>38911.948100000001</v>
      </c>
      <c r="U790">
        <v>19547.127</v>
      </c>
      <c r="W790" s="83">
        <f>Bühler!N822</f>
        <v>45324.833333331422</v>
      </c>
      <c r="X790" s="83">
        <v>43133.833333333336</v>
      </c>
      <c r="Y790">
        <v>236064.05170000001</v>
      </c>
      <c r="Z790">
        <v>23095.492600000001</v>
      </c>
      <c r="AA790">
        <v>66080.200500000006</v>
      </c>
      <c r="AB790">
        <v>48686.943939999997</v>
      </c>
      <c r="AC790">
        <v>46674.844149999997</v>
      </c>
      <c r="AD790">
        <v>39251.566010000002</v>
      </c>
      <c r="AE790">
        <v>44792.776969999999</v>
      </c>
      <c r="AF790">
        <v>54281.957759999998</v>
      </c>
      <c r="AG790">
        <v>32333.251609999999</v>
      </c>
      <c r="AH790">
        <v>283735.23639999999</v>
      </c>
      <c r="AI790">
        <v>85474.897100000002</v>
      </c>
      <c r="AJ790">
        <v>25557.358080000002</v>
      </c>
      <c r="AK790">
        <v>41167.478049999998</v>
      </c>
      <c r="AL790">
        <v>73824.39185</v>
      </c>
      <c r="AM790">
        <v>25720.733260000001</v>
      </c>
      <c r="AN790">
        <v>94740.019379999998</v>
      </c>
      <c r="AO790">
        <v>38911.948100000001</v>
      </c>
      <c r="AP790">
        <v>19547.127</v>
      </c>
    </row>
    <row r="791" spans="2:42" x14ac:dyDescent="0.3">
      <c r="B791">
        <v>53.803928005295269</v>
      </c>
      <c r="C791" s="83">
        <v>43133.875</v>
      </c>
      <c r="D791">
        <v>229629.3867</v>
      </c>
      <c r="E791">
        <v>19844.257829999999</v>
      </c>
      <c r="F791">
        <v>57204.896119999998</v>
      </c>
      <c r="G791">
        <v>46280.915849999998</v>
      </c>
      <c r="H791">
        <v>44403.352420000003</v>
      </c>
      <c r="I791">
        <v>33680.151949999999</v>
      </c>
      <c r="J791">
        <v>42189.295409999999</v>
      </c>
      <c r="K791">
        <v>52978.319470000002</v>
      </c>
      <c r="L791">
        <v>31396.929240000001</v>
      </c>
      <c r="M791">
        <v>274317.516</v>
      </c>
      <c r="N791">
        <v>82932.614409999995</v>
      </c>
      <c r="O791">
        <v>24623.349730000002</v>
      </c>
      <c r="P791">
        <v>40888.766969999997</v>
      </c>
      <c r="Q791">
        <v>71419.885829999999</v>
      </c>
      <c r="R791">
        <v>23653.847150000001</v>
      </c>
      <c r="S791">
        <v>89515.653139999995</v>
      </c>
      <c r="T791">
        <v>35585.878069999999</v>
      </c>
      <c r="U791">
        <v>18548.126810000002</v>
      </c>
      <c r="W791" s="83">
        <f>Bühler!N823</f>
        <v>45324.874999998086</v>
      </c>
      <c r="X791" s="83">
        <v>43133.875</v>
      </c>
      <c r="Y791">
        <v>229629.3867</v>
      </c>
      <c r="Z791">
        <v>19844.257829999999</v>
      </c>
      <c r="AA791">
        <v>57204.896119999998</v>
      </c>
      <c r="AB791">
        <v>46280.915849999998</v>
      </c>
      <c r="AC791">
        <v>44403.352420000003</v>
      </c>
      <c r="AD791">
        <v>33680.151949999999</v>
      </c>
      <c r="AE791">
        <v>42189.295409999999</v>
      </c>
      <c r="AF791">
        <v>52978.319470000002</v>
      </c>
      <c r="AG791">
        <v>31396.929240000001</v>
      </c>
      <c r="AH791">
        <v>274317.516</v>
      </c>
      <c r="AI791">
        <v>82932.614409999995</v>
      </c>
      <c r="AJ791">
        <v>24623.349730000002</v>
      </c>
      <c r="AK791">
        <v>40888.766969999997</v>
      </c>
      <c r="AL791">
        <v>71419.885829999999</v>
      </c>
      <c r="AM791">
        <v>23653.847150000001</v>
      </c>
      <c r="AN791">
        <v>89515.653139999995</v>
      </c>
      <c r="AO791">
        <v>35585.878069999999</v>
      </c>
      <c r="AP791">
        <v>18548.126810000002</v>
      </c>
    </row>
    <row r="792" spans="2:42" x14ac:dyDescent="0.3">
      <c r="B792">
        <v>53.738958860108568</v>
      </c>
      <c r="C792" s="83">
        <v>43133.916666666664</v>
      </c>
      <c r="D792">
        <v>227179.59330000001</v>
      </c>
      <c r="E792">
        <v>18908.891660000001</v>
      </c>
      <c r="F792">
        <v>53911.430910000003</v>
      </c>
      <c r="G792">
        <v>45131.742810000003</v>
      </c>
      <c r="H792">
        <v>43302.227339999998</v>
      </c>
      <c r="I792">
        <v>31470.121449999999</v>
      </c>
      <c r="J792">
        <v>41074.390910000002</v>
      </c>
      <c r="K792">
        <v>56687.682650000002</v>
      </c>
      <c r="L792">
        <v>29107.163</v>
      </c>
      <c r="M792">
        <v>273986.27299999999</v>
      </c>
      <c r="N792">
        <v>83138.74725</v>
      </c>
      <c r="O792">
        <v>26398.35698</v>
      </c>
      <c r="P792">
        <v>43764.736279999997</v>
      </c>
      <c r="Q792">
        <v>69775.426300000006</v>
      </c>
      <c r="R792">
        <v>34067.640489999998</v>
      </c>
      <c r="S792">
        <v>87528.447060000006</v>
      </c>
      <c r="T792">
        <v>33476.288419999997</v>
      </c>
      <c r="U792">
        <v>19728.63654</v>
      </c>
      <c r="W792" s="83">
        <f>Bühler!N824</f>
        <v>45324.916666664751</v>
      </c>
      <c r="X792" s="83">
        <v>43133.916666666664</v>
      </c>
      <c r="Y792">
        <v>227179.59330000001</v>
      </c>
      <c r="Z792">
        <v>18908.891660000001</v>
      </c>
      <c r="AA792">
        <v>53911.430910000003</v>
      </c>
      <c r="AB792">
        <v>45131.742810000003</v>
      </c>
      <c r="AC792">
        <v>43302.227339999998</v>
      </c>
      <c r="AD792">
        <v>31470.121449999999</v>
      </c>
      <c r="AE792">
        <v>41074.390910000002</v>
      </c>
      <c r="AF792">
        <v>56687.682650000002</v>
      </c>
      <c r="AG792">
        <v>29107.163</v>
      </c>
      <c r="AH792">
        <v>273986.27299999999</v>
      </c>
      <c r="AI792">
        <v>83138.74725</v>
      </c>
      <c r="AJ792">
        <v>26398.35698</v>
      </c>
      <c r="AK792">
        <v>43764.736279999997</v>
      </c>
      <c r="AL792">
        <v>69775.426300000006</v>
      </c>
      <c r="AM792">
        <v>34067.640489999998</v>
      </c>
      <c r="AN792">
        <v>87528.447060000006</v>
      </c>
      <c r="AO792">
        <v>33476.288419999997</v>
      </c>
      <c r="AP792">
        <v>19728.63654</v>
      </c>
    </row>
    <row r="793" spans="2:42" x14ac:dyDescent="0.3">
      <c r="B793">
        <v>52.762618767591512</v>
      </c>
      <c r="C793" s="83">
        <v>43133.958333333336</v>
      </c>
      <c r="D793">
        <v>225008.01070000001</v>
      </c>
      <c r="E793">
        <v>18620.614839999998</v>
      </c>
      <c r="F793">
        <v>52325.701289999997</v>
      </c>
      <c r="G793">
        <v>44574.718480000003</v>
      </c>
      <c r="H793">
        <v>42357.740169999997</v>
      </c>
      <c r="I793">
        <v>29863.41143</v>
      </c>
      <c r="J793">
        <v>38660.85095</v>
      </c>
      <c r="K793">
        <v>55755.2523</v>
      </c>
      <c r="L793">
        <v>24899.586350000001</v>
      </c>
      <c r="M793">
        <v>269008.43589999998</v>
      </c>
      <c r="N793">
        <v>81279.489860000001</v>
      </c>
      <c r="O793">
        <v>26176.954570000002</v>
      </c>
      <c r="P793">
        <v>39950.276680000003</v>
      </c>
      <c r="Q793">
        <v>69644.150500000003</v>
      </c>
      <c r="R793">
        <v>36402.711759999998</v>
      </c>
      <c r="S793">
        <v>85961.813290000006</v>
      </c>
      <c r="T793">
        <v>33220.282630000002</v>
      </c>
      <c r="U793">
        <v>19245.376469999999</v>
      </c>
      <c r="W793" s="83">
        <f>Bühler!N825</f>
        <v>45324.958333331415</v>
      </c>
      <c r="X793" s="83">
        <v>43133.958333333336</v>
      </c>
      <c r="Y793">
        <v>225008.01070000001</v>
      </c>
      <c r="Z793">
        <v>18620.614839999998</v>
      </c>
      <c r="AA793">
        <v>52325.701289999997</v>
      </c>
      <c r="AB793">
        <v>44574.718480000003</v>
      </c>
      <c r="AC793">
        <v>42357.740169999997</v>
      </c>
      <c r="AD793">
        <v>29863.41143</v>
      </c>
      <c r="AE793">
        <v>38660.85095</v>
      </c>
      <c r="AF793">
        <v>55755.2523</v>
      </c>
      <c r="AG793">
        <v>24899.586350000001</v>
      </c>
      <c r="AH793">
        <v>269008.43589999998</v>
      </c>
      <c r="AI793">
        <v>81279.489860000001</v>
      </c>
      <c r="AJ793">
        <v>26176.954570000002</v>
      </c>
      <c r="AK793">
        <v>39950.276680000003</v>
      </c>
      <c r="AL793">
        <v>69644.150500000003</v>
      </c>
      <c r="AM793">
        <v>36402.711759999998</v>
      </c>
      <c r="AN793">
        <v>85961.813290000006</v>
      </c>
      <c r="AO793">
        <v>33220.282630000002</v>
      </c>
      <c r="AP793">
        <v>19245.376469999999</v>
      </c>
    </row>
    <row r="794" spans="2:42" x14ac:dyDescent="0.3">
      <c r="B794">
        <v>51.959567629191817</v>
      </c>
      <c r="C794" s="83">
        <v>43134</v>
      </c>
      <c r="D794">
        <v>222444.06890000001</v>
      </c>
      <c r="E794">
        <v>17939.00836</v>
      </c>
      <c r="F794">
        <v>51638.84762</v>
      </c>
      <c r="G794">
        <v>44264.136879999998</v>
      </c>
      <c r="H794">
        <v>41778.848310000001</v>
      </c>
      <c r="I794">
        <v>28252.282940000001</v>
      </c>
      <c r="J794">
        <v>36559.429479999999</v>
      </c>
      <c r="K794">
        <v>53087.948980000001</v>
      </c>
      <c r="L794">
        <v>21835.798480000001</v>
      </c>
      <c r="M794">
        <v>264914.1067</v>
      </c>
      <c r="N794">
        <v>79359.540540000002</v>
      </c>
      <c r="O794">
        <v>26230.229500000001</v>
      </c>
      <c r="P794">
        <v>37698.710789999997</v>
      </c>
      <c r="Q794">
        <v>67726.666280000005</v>
      </c>
      <c r="R794">
        <v>32000.80632</v>
      </c>
      <c r="S794">
        <v>84700.413889999996</v>
      </c>
      <c r="T794">
        <v>31052.572990000001</v>
      </c>
      <c r="U794">
        <v>18454.194070000001</v>
      </c>
      <c r="W794" s="83">
        <f>Bühler!N826</f>
        <v>45324.999999998079</v>
      </c>
      <c r="X794" s="83">
        <v>43134</v>
      </c>
      <c r="Y794">
        <v>222444.06890000001</v>
      </c>
      <c r="Z794">
        <v>17939.00836</v>
      </c>
      <c r="AA794">
        <v>51638.84762</v>
      </c>
      <c r="AB794">
        <v>44264.136879999998</v>
      </c>
      <c r="AC794">
        <v>41778.848310000001</v>
      </c>
      <c r="AD794">
        <v>28252.282940000001</v>
      </c>
      <c r="AE794">
        <v>36559.429479999999</v>
      </c>
      <c r="AF794">
        <v>53087.948980000001</v>
      </c>
      <c r="AG794">
        <v>21835.798480000001</v>
      </c>
      <c r="AH794">
        <v>264914.1067</v>
      </c>
      <c r="AI794">
        <v>79359.540540000002</v>
      </c>
      <c r="AJ794">
        <v>26230.229500000001</v>
      </c>
      <c r="AK794">
        <v>37698.710789999997</v>
      </c>
      <c r="AL794">
        <v>67726.666280000005</v>
      </c>
      <c r="AM794">
        <v>32000.80632</v>
      </c>
      <c r="AN794">
        <v>84700.413889999996</v>
      </c>
      <c r="AO794">
        <v>31052.572990000001</v>
      </c>
      <c r="AP794">
        <v>18454.194070000001</v>
      </c>
    </row>
    <row r="795" spans="2:42" x14ac:dyDescent="0.3">
      <c r="B795">
        <v>51.654904501925941</v>
      </c>
      <c r="C795" s="83">
        <v>43134.041666666664</v>
      </c>
      <c r="D795">
        <v>218865.93400000001</v>
      </c>
      <c r="E795">
        <v>17792.963360000002</v>
      </c>
      <c r="F795">
        <v>52130.42211</v>
      </c>
      <c r="G795">
        <v>43844.085299999999</v>
      </c>
      <c r="H795">
        <v>41100.707150000002</v>
      </c>
      <c r="I795">
        <v>24410.70305</v>
      </c>
      <c r="J795">
        <v>35141.372179999998</v>
      </c>
      <c r="K795">
        <v>52406.514069999997</v>
      </c>
      <c r="L795">
        <v>20784.89631</v>
      </c>
      <c r="M795">
        <v>263360.79200000002</v>
      </c>
      <c r="N795">
        <v>77758.943079999997</v>
      </c>
      <c r="O795">
        <v>25921.150829999999</v>
      </c>
      <c r="P795">
        <v>35709.882720000001</v>
      </c>
      <c r="Q795">
        <v>66981.109299999996</v>
      </c>
      <c r="R795">
        <v>30083.217349999999</v>
      </c>
      <c r="S795">
        <v>83518.352050000001</v>
      </c>
      <c r="T795">
        <v>30527.432649999999</v>
      </c>
      <c r="U795">
        <v>18668.386839999999</v>
      </c>
      <c r="W795" s="83">
        <f>Bühler!N827</f>
        <v>45325.041666664743</v>
      </c>
      <c r="X795" s="83">
        <v>43134.041666666664</v>
      </c>
      <c r="Y795">
        <v>218865.93400000001</v>
      </c>
      <c r="Z795">
        <v>17792.963360000002</v>
      </c>
      <c r="AA795">
        <v>52130.42211</v>
      </c>
      <c r="AB795">
        <v>43844.085299999999</v>
      </c>
      <c r="AC795">
        <v>41100.707150000002</v>
      </c>
      <c r="AD795">
        <v>24410.70305</v>
      </c>
      <c r="AE795">
        <v>35141.372179999998</v>
      </c>
      <c r="AF795">
        <v>52406.514069999997</v>
      </c>
      <c r="AG795">
        <v>20784.89631</v>
      </c>
      <c r="AH795">
        <v>263360.79200000002</v>
      </c>
      <c r="AI795">
        <v>77758.943079999997</v>
      </c>
      <c r="AJ795">
        <v>25921.150829999999</v>
      </c>
      <c r="AK795">
        <v>35709.882720000001</v>
      </c>
      <c r="AL795">
        <v>66981.109299999996</v>
      </c>
      <c r="AM795">
        <v>30083.217349999999</v>
      </c>
      <c r="AN795">
        <v>83518.352050000001</v>
      </c>
      <c r="AO795">
        <v>30527.432649999999</v>
      </c>
      <c r="AP795">
        <v>18668.386839999999</v>
      </c>
    </row>
    <row r="796" spans="2:42" x14ac:dyDescent="0.3">
      <c r="B796">
        <v>51.055253823673681</v>
      </c>
      <c r="C796" s="83">
        <v>43134.083333333336</v>
      </c>
      <c r="D796">
        <v>214634.8873</v>
      </c>
      <c r="E796">
        <v>17773.64488</v>
      </c>
      <c r="F796">
        <v>52812.539989999997</v>
      </c>
      <c r="G796">
        <v>43481.49555</v>
      </c>
      <c r="H796">
        <v>41102.848050000001</v>
      </c>
      <c r="I796">
        <v>21755.823369999998</v>
      </c>
      <c r="J796">
        <v>34738.206550000003</v>
      </c>
      <c r="K796">
        <v>50475.604480000002</v>
      </c>
      <c r="L796">
        <v>20372.348150000002</v>
      </c>
      <c r="M796">
        <v>260303.4932</v>
      </c>
      <c r="N796">
        <v>76778.71875</v>
      </c>
      <c r="O796">
        <v>25892.686679999999</v>
      </c>
      <c r="P796">
        <v>34405.405630000001</v>
      </c>
      <c r="Q796">
        <v>68072.983630000002</v>
      </c>
      <c r="R796">
        <v>29874.79924</v>
      </c>
      <c r="S796">
        <v>82444.969110000005</v>
      </c>
      <c r="T796">
        <v>29151.362369999999</v>
      </c>
      <c r="U796">
        <v>19047.16491</v>
      </c>
      <c r="W796" s="83">
        <f>Bühler!N828</f>
        <v>45325.083333331408</v>
      </c>
      <c r="X796" s="83">
        <v>43134.083333333336</v>
      </c>
      <c r="Y796">
        <v>214634.8873</v>
      </c>
      <c r="Z796">
        <v>17773.64488</v>
      </c>
      <c r="AA796">
        <v>52812.539989999997</v>
      </c>
      <c r="AB796">
        <v>43481.49555</v>
      </c>
      <c r="AC796">
        <v>41102.848050000001</v>
      </c>
      <c r="AD796">
        <v>21755.823369999998</v>
      </c>
      <c r="AE796">
        <v>34738.206550000003</v>
      </c>
      <c r="AF796">
        <v>50475.604480000002</v>
      </c>
      <c r="AG796">
        <v>20372.348150000002</v>
      </c>
      <c r="AH796">
        <v>260303.4932</v>
      </c>
      <c r="AI796">
        <v>76778.71875</v>
      </c>
      <c r="AJ796">
        <v>25892.686679999999</v>
      </c>
      <c r="AK796">
        <v>34405.405630000001</v>
      </c>
      <c r="AL796">
        <v>68072.983630000002</v>
      </c>
      <c r="AM796">
        <v>29874.79924</v>
      </c>
      <c r="AN796">
        <v>82444.969110000005</v>
      </c>
      <c r="AO796">
        <v>29151.362369999999</v>
      </c>
      <c r="AP796">
        <v>19047.16491</v>
      </c>
    </row>
    <row r="797" spans="2:42" x14ac:dyDescent="0.3">
      <c r="B797">
        <v>50.213302948235814</v>
      </c>
      <c r="C797" s="83">
        <v>43134.125</v>
      </c>
      <c r="D797">
        <v>209058.478</v>
      </c>
      <c r="E797">
        <v>17789.721519999999</v>
      </c>
      <c r="F797">
        <v>53777.91992</v>
      </c>
      <c r="G797">
        <v>42539.679660000002</v>
      </c>
      <c r="H797">
        <v>41009.963329999999</v>
      </c>
      <c r="I797">
        <v>21568.538329999999</v>
      </c>
      <c r="J797">
        <v>35361.647499999999</v>
      </c>
      <c r="K797">
        <v>49815.297270000003</v>
      </c>
      <c r="L797">
        <v>20177.992160000002</v>
      </c>
      <c r="M797">
        <v>256010.83499999999</v>
      </c>
      <c r="N797">
        <v>75363.111879999997</v>
      </c>
      <c r="O797">
        <v>25644.621449999999</v>
      </c>
      <c r="P797">
        <v>33766.818350000001</v>
      </c>
      <c r="Q797">
        <v>67044.706560000006</v>
      </c>
      <c r="R797">
        <v>29390.577850000001</v>
      </c>
      <c r="S797">
        <v>82039.36434</v>
      </c>
      <c r="T797">
        <v>30210.64472</v>
      </c>
      <c r="U797">
        <v>19163.788639999999</v>
      </c>
      <c r="W797" s="83">
        <f>Bühler!N829</f>
        <v>45325.124999998072</v>
      </c>
      <c r="X797" s="83">
        <v>43134.125</v>
      </c>
      <c r="Y797">
        <v>209058.478</v>
      </c>
      <c r="Z797">
        <v>17789.721519999999</v>
      </c>
      <c r="AA797">
        <v>53777.91992</v>
      </c>
      <c r="AB797">
        <v>42539.679660000002</v>
      </c>
      <c r="AC797">
        <v>41009.963329999999</v>
      </c>
      <c r="AD797">
        <v>21568.538329999999</v>
      </c>
      <c r="AE797">
        <v>35361.647499999999</v>
      </c>
      <c r="AF797">
        <v>49815.297270000003</v>
      </c>
      <c r="AG797">
        <v>20177.992160000002</v>
      </c>
      <c r="AH797">
        <v>256010.83499999999</v>
      </c>
      <c r="AI797">
        <v>75363.111879999997</v>
      </c>
      <c r="AJ797">
        <v>25644.621449999999</v>
      </c>
      <c r="AK797">
        <v>33766.818350000001</v>
      </c>
      <c r="AL797">
        <v>67044.706560000006</v>
      </c>
      <c r="AM797">
        <v>29390.577850000001</v>
      </c>
      <c r="AN797">
        <v>82039.36434</v>
      </c>
      <c r="AO797">
        <v>30210.64472</v>
      </c>
      <c r="AP797">
        <v>19163.788639999999</v>
      </c>
    </row>
    <row r="798" spans="2:42" x14ac:dyDescent="0.3">
      <c r="B798">
        <v>48.94371520049809</v>
      </c>
      <c r="C798" s="83">
        <v>43134.166666666664</v>
      </c>
      <c r="D798">
        <v>202171.75820000001</v>
      </c>
      <c r="E798">
        <v>17935.123479999998</v>
      </c>
      <c r="F798">
        <v>57035.860350000003</v>
      </c>
      <c r="G798">
        <v>41954.11275</v>
      </c>
      <c r="H798">
        <v>40789.102429999999</v>
      </c>
      <c r="I798">
        <v>24991.791079999999</v>
      </c>
      <c r="J798">
        <v>38079.44152</v>
      </c>
      <c r="K798">
        <v>47647.497360000001</v>
      </c>
      <c r="L798">
        <v>19818.302899999999</v>
      </c>
      <c r="M798">
        <v>249537.88459999999</v>
      </c>
      <c r="N798">
        <v>75135.516080000001</v>
      </c>
      <c r="O798">
        <v>25865.124110000001</v>
      </c>
      <c r="P798">
        <v>33312.093289999997</v>
      </c>
      <c r="Q798">
        <v>66693.539470000003</v>
      </c>
      <c r="R798">
        <v>30002.00447</v>
      </c>
      <c r="S798">
        <v>83017.376619999995</v>
      </c>
      <c r="T798">
        <v>29723.134310000001</v>
      </c>
      <c r="U798">
        <v>19233.588390000001</v>
      </c>
      <c r="W798" s="83">
        <f>Bühler!N830</f>
        <v>45325.166666664736</v>
      </c>
      <c r="X798" s="83">
        <v>43134.166666666664</v>
      </c>
      <c r="Y798">
        <v>202171.75820000001</v>
      </c>
      <c r="Z798">
        <v>17935.123479999998</v>
      </c>
      <c r="AA798">
        <v>57035.860350000003</v>
      </c>
      <c r="AB798">
        <v>41954.11275</v>
      </c>
      <c r="AC798">
        <v>40789.102429999999</v>
      </c>
      <c r="AD798">
        <v>24991.791079999999</v>
      </c>
      <c r="AE798">
        <v>38079.44152</v>
      </c>
      <c r="AF798">
        <v>47647.497360000001</v>
      </c>
      <c r="AG798">
        <v>19818.302899999999</v>
      </c>
      <c r="AH798">
        <v>249537.88459999999</v>
      </c>
      <c r="AI798">
        <v>75135.516080000001</v>
      </c>
      <c r="AJ798">
        <v>25865.124110000001</v>
      </c>
      <c r="AK798">
        <v>33312.093289999997</v>
      </c>
      <c r="AL798">
        <v>66693.539470000003</v>
      </c>
      <c r="AM798">
        <v>30002.00447</v>
      </c>
      <c r="AN798">
        <v>83017.376619999995</v>
      </c>
      <c r="AO798">
        <v>29723.134310000001</v>
      </c>
      <c r="AP798">
        <v>19233.588390000001</v>
      </c>
    </row>
    <row r="799" spans="2:42" x14ac:dyDescent="0.3">
      <c r="B799">
        <v>48.660030754432839</v>
      </c>
      <c r="C799" s="83">
        <v>43134.208333333336</v>
      </c>
      <c r="D799">
        <v>198273.2617</v>
      </c>
      <c r="E799">
        <v>18706.322209999998</v>
      </c>
      <c r="F799">
        <v>67481.325549999994</v>
      </c>
      <c r="G799">
        <v>42737.080020000001</v>
      </c>
      <c r="H799">
        <v>42019.849970000003</v>
      </c>
      <c r="I799">
        <v>31163.943869999999</v>
      </c>
      <c r="J799">
        <v>40209.013850000003</v>
      </c>
      <c r="K799">
        <v>47188.354359999998</v>
      </c>
      <c r="L799">
        <v>20176.66619</v>
      </c>
      <c r="M799">
        <v>248091.52900000001</v>
      </c>
      <c r="N799">
        <v>74958.048909999998</v>
      </c>
      <c r="O799">
        <v>26105.446390000001</v>
      </c>
      <c r="P799">
        <v>34074.356890000003</v>
      </c>
      <c r="Q799">
        <v>66213.803190000006</v>
      </c>
      <c r="R799">
        <v>31966.984570000001</v>
      </c>
      <c r="S799">
        <v>84900.310949999999</v>
      </c>
      <c r="T799">
        <v>30866.309260000002</v>
      </c>
      <c r="U799">
        <v>19513.411629999999</v>
      </c>
      <c r="W799" s="83">
        <f>Bühler!N831</f>
        <v>45325.2083333314</v>
      </c>
      <c r="X799" s="83">
        <v>43134.208333333336</v>
      </c>
      <c r="Y799">
        <v>198273.2617</v>
      </c>
      <c r="Z799">
        <v>18706.322209999998</v>
      </c>
      <c r="AA799">
        <v>67481.325549999994</v>
      </c>
      <c r="AB799">
        <v>42737.080020000001</v>
      </c>
      <c r="AC799">
        <v>42019.849970000003</v>
      </c>
      <c r="AD799">
        <v>31163.943869999999</v>
      </c>
      <c r="AE799">
        <v>40209.013850000003</v>
      </c>
      <c r="AF799">
        <v>47188.354359999998</v>
      </c>
      <c r="AG799">
        <v>20176.66619</v>
      </c>
      <c r="AH799">
        <v>248091.52900000001</v>
      </c>
      <c r="AI799">
        <v>74958.048909999998</v>
      </c>
      <c r="AJ799">
        <v>26105.446390000001</v>
      </c>
      <c r="AK799">
        <v>34074.356890000003</v>
      </c>
      <c r="AL799">
        <v>66213.803190000006</v>
      </c>
      <c r="AM799">
        <v>31966.984570000001</v>
      </c>
      <c r="AN799">
        <v>84900.310949999999</v>
      </c>
      <c r="AO799">
        <v>30866.309260000002</v>
      </c>
      <c r="AP799">
        <v>19513.411629999999</v>
      </c>
    </row>
    <row r="800" spans="2:42" x14ac:dyDescent="0.3">
      <c r="B800">
        <v>49.009756040510943</v>
      </c>
      <c r="C800" s="83">
        <v>43134.25</v>
      </c>
      <c r="D800">
        <v>198900.94880000001</v>
      </c>
      <c r="E800">
        <v>20596.540830000002</v>
      </c>
      <c r="F800">
        <v>80935.682209999999</v>
      </c>
      <c r="G800">
        <v>44479.016860000003</v>
      </c>
      <c r="H800">
        <v>42165.947370000002</v>
      </c>
      <c r="I800">
        <v>34801.797980000003</v>
      </c>
      <c r="J800">
        <v>43458.966359999999</v>
      </c>
      <c r="K800">
        <v>45348.424019999999</v>
      </c>
      <c r="L800">
        <v>21055.945</v>
      </c>
      <c r="M800">
        <v>249874.59160000001</v>
      </c>
      <c r="N800">
        <v>73132.863790000003</v>
      </c>
      <c r="O800">
        <v>25011.529559999999</v>
      </c>
      <c r="P800">
        <v>33153.263359999997</v>
      </c>
      <c r="Q800">
        <v>64386.266810000001</v>
      </c>
      <c r="R800">
        <v>20886.025679999999</v>
      </c>
      <c r="S800">
        <v>89299.429749999996</v>
      </c>
      <c r="T800">
        <v>32050.10442</v>
      </c>
      <c r="U800">
        <v>18496.177739999999</v>
      </c>
      <c r="W800" s="83">
        <f>Bühler!N832</f>
        <v>45325.249999998065</v>
      </c>
      <c r="X800" s="83">
        <v>43134.25</v>
      </c>
      <c r="Y800">
        <v>198900.94880000001</v>
      </c>
      <c r="Z800">
        <v>20596.540830000002</v>
      </c>
      <c r="AA800">
        <v>80935.682209999999</v>
      </c>
      <c r="AB800">
        <v>44479.016860000003</v>
      </c>
      <c r="AC800">
        <v>42165.947370000002</v>
      </c>
      <c r="AD800">
        <v>34801.797980000003</v>
      </c>
      <c r="AE800">
        <v>43458.966359999999</v>
      </c>
      <c r="AF800">
        <v>45348.424019999999</v>
      </c>
      <c r="AG800">
        <v>21055.945</v>
      </c>
      <c r="AH800">
        <v>249874.59160000001</v>
      </c>
      <c r="AI800">
        <v>73132.863790000003</v>
      </c>
      <c r="AJ800">
        <v>25011.529559999999</v>
      </c>
      <c r="AK800">
        <v>33153.263359999997</v>
      </c>
      <c r="AL800">
        <v>64386.266810000001</v>
      </c>
      <c r="AM800">
        <v>20886.025679999999</v>
      </c>
      <c r="AN800">
        <v>89299.429749999996</v>
      </c>
      <c r="AO800">
        <v>32050.10442</v>
      </c>
      <c r="AP800">
        <v>18496.177739999999</v>
      </c>
    </row>
    <row r="801" spans="2:42" x14ac:dyDescent="0.3">
      <c r="B801">
        <v>48.637370606801916</v>
      </c>
      <c r="C801" s="83">
        <v>43134.291666666664</v>
      </c>
      <c r="D801">
        <v>199869.66209999999</v>
      </c>
      <c r="E801">
        <v>23480.18924</v>
      </c>
      <c r="F801">
        <v>84349.627359999999</v>
      </c>
      <c r="G801">
        <v>48209.684690000002</v>
      </c>
      <c r="H801">
        <v>43613.838710000004</v>
      </c>
      <c r="I801">
        <v>37722.466509999998</v>
      </c>
      <c r="J801">
        <v>45916.816480000001</v>
      </c>
      <c r="K801">
        <v>45337.334669999997</v>
      </c>
      <c r="L801">
        <v>23269.252919999999</v>
      </c>
      <c r="M801">
        <v>247975.997</v>
      </c>
      <c r="N801">
        <v>73616.262029999998</v>
      </c>
      <c r="O801">
        <v>25900.994210000001</v>
      </c>
      <c r="P801">
        <v>36866.231910000002</v>
      </c>
      <c r="Q801">
        <v>62715.265809999997</v>
      </c>
      <c r="R801">
        <v>20812.85727</v>
      </c>
      <c r="S801">
        <v>97933.059139999998</v>
      </c>
      <c r="T801">
        <v>31481.4156</v>
      </c>
      <c r="U801">
        <v>19048.89878</v>
      </c>
      <c r="W801" s="83">
        <f>Bühler!N833</f>
        <v>45325.291666664729</v>
      </c>
      <c r="X801" s="83">
        <v>43134.291666666664</v>
      </c>
      <c r="Y801">
        <v>199869.66209999999</v>
      </c>
      <c r="Z801">
        <v>23480.18924</v>
      </c>
      <c r="AA801">
        <v>84349.627359999999</v>
      </c>
      <c r="AB801">
        <v>48209.684690000002</v>
      </c>
      <c r="AC801">
        <v>43613.838710000004</v>
      </c>
      <c r="AD801">
        <v>37722.466509999998</v>
      </c>
      <c r="AE801">
        <v>45916.816480000001</v>
      </c>
      <c r="AF801">
        <v>45337.334669999997</v>
      </c>
      <c r="AG801">
        <v>23269.252919999999</v>
      </c>
      <c r="AH801">
        <v>247975.997</v>
      </c>
      <c r="AI801">
        <v>73616.262029999998</v>
      </c>
      <c r="AJ801">
        <v>25900.994210000001</v>
      </c>
      <c r="AK801">
        <v>36866.231910000002</v>
      </c>
      <c r="AL801">
        <v>62715.265809999997</v>
      </c>
      <c r="AM801">
        <v>20812.85727</v>
      </c>
      <c r="AN801">
        <v>97933.059139999998</v>
      </c>
      <c r="AO801">
        <v>31481.4156</v>
      </c>
      <c r="AP801">
        <v>19048.89878</v>
      </c>
    </row>
    <row r="802" spans="2:42" x14ac:dyDescent="0.3">
      <c r="B802">
        <v>47.830803862179124</v>
      </c>
      <c r="C802" s="83">
        <v>43134.333333333336</v>
      </c>
      <c r="D802">
        <v>198949.7224</v>
      </c>
      <c r="E802">
        <v>26698.446380000001</v>
      </c>
      <c r="F802">
        <v>90082.064360000004</v>
      </c>
      <c r="G802">
        <v>49394.19195</v>
      </c>
      <c r="H802">
        <v>42920.656999999999</v>
      </c>
      <c r="I802">
        <v>38534.818449999999</v>
      </c>
      <c r="J802">
        <v>45165.84691</v>
      </c>
      <c r="K802">
        <v>45205.454279999998</v>
      </c>
      <c r="L802">
        <v>25090.35471</v>
      </c>
      <c r="M802">
        <v>243863.74359999999</v>
      </c>
      <c r="N802">
        <v>75358.416219999999</v>
      </c>
      <c r="O802">
        <v>25482.615030000001</v>
      </c>
      <c r="P802">
        <v>38233.39529</v>
      </c>
      <c r="Q802">
        <v>60792.201379999999</v>
      </c>
      <c r="R802">
        <v>21605.001840000001</v>
      </c>
      <c r="S802">
        <v>103187.4152</v>
      </c>
      <c r="T802">
        <v>32892.772949999999</v>
      </c>
      <c r="U802">
        <v>19037.421559999999</v>
      </c>
      <c r="W802" s="83">
        <f>Bühler!N834</f>
        <v>45325.333333331393</v>
      </c>
      <c r="X802" s="83">
        <v>43134.333333333336</v>
      </c>
      <c r="Y802">
        <v>198949.7224</v>
      </c>
      <c r="Z802">
        <v>26698.446380000001</v>
      </c>
      <c r="AA802">
        <v>90082.064360000004</v>
      </c>
      <c r="AB802">
        <v>49394.19195</v>
      </c>
      <c r="AC802">
        <v>42920.656999999999</v>
      </c>
      <c r="AD802">
        <v>38534.818449999999</v>
      </c>
      <c r="AE802">
        <v>45165.84691</v>
      </c>
      <c r="AF802">
        <v>45205.454279999998</v>
      </c>
      <c r="AG802">
        <v>25090.35471</v>
      </c>
      <c r="AH802">
        <v>243863.74359999999</v>
      </c>
      <c r="AI802">
        <v>75358.416219999999</v>
      </c>
      <c r="AJ802">
        <v>25482.615030000001</v>
      </c>
      <c r="AK802">
        <v>38233.39529</v>
      </c>
      <c r="AL802">
        <v>60792.201379999999</v>
      </c>
      <c r="AM802">
        <v>21605.001840000001</v>
      </c>
      <c r="AN802">
        <v>103187.4152</v>
      </c>
      <c r="AO802">
        <v>32892.772949999999</v>
      </c>
      <c r="AP802">
        <v>19037.421559999999</v>
      </c>
    </row>
    <row r="803" spans="2:42" x14ac:dyDescent="0.3">
      <c r="B803">
        <v>46.841082667302217</v>
      </c>
      <c r="C803" s="83">
        <v>43134.375</v>
      </c>
      <c r="D803">
        <v>195345.76070000001</v>
      </c>
      <c r="E803">
        <v>30183.657190000002</v>
      </c>
      <c r="F803">
        <v>94160.360910000003</v>
      </c>
      <c r="G803">
        <v>49557.000169999999</v>
      </c>
      <c r="H803">
        <v>42835.281269999999</v>
      </c>
      <c r="I803">
        <v>37257.760000000002</v>
      </c>
      <c r="J803">
        <v>43494.816630000001</v>
      </c>
      <c r="K803">
        <v>43841.877849999997</v>
      </c>
      <c r="L803">
        <v>27355.422429999999</v>
      </c>
      <c r="M803">
        <v>238817.68340000001</v>
      </c>
      <c r="N803">
        <v>78265.838570000007</v>
      </c>
      <c r="O803">
        <v>25068.617249999999</v>
      </c>
      <c r="P803">
        <v>38982.006009999997</v>
      </c>
      <c r="Q803">
        <v>59785.841520000002</v>
      </c>
      <c r="R803">
        <v>19812.59503</v>
      </c>
      <c r="S803">
        <v>104322.0445</v>
      </c>
      <c r="T803">
        <v>34753.61823</v>
      </c>
      <c r="U803">
        <v>18184.766629999998</v>
      </c>
      <c r="W803" s="83">
        <f>Bühler!N835</f>
        <v>45325.374999998057</v>
      </c>
      <c r="X803" s="83">
        <v>43134.375</v>
      </c>
      <c r="Y803">
        <v>195345.76070000001</v>
      </c>
      <c r="Z803">
        <v>30183.657190000002</v>
      </c>
      <c r="AA803">
        <v>94160.360910000003</v>
      </c>
      <c r="AB803">
        <v>49557.000169999999</v>
      </c>
      <c r="AC803">
        <v>42835.281269999999</v>
      </c>
      <c r="AD803">
        <v>37257.760000000002</v>
      </c>
      <c r="AE803">
        <v>43494.816630000001</v>
      </c>
      <c r="AF803">
        <v>43841.877849999997</v>
      </c>
      <c r="AG803">
        <v>27355.422429999999</v>
      </c>
      <c r="AH803">
        <v>238817.68340000001</v>
      </c>
      <c r="AI803">
        <v>78265.838570000007</v>
      </c>
      <c r="AJ803">
        <v>25068.617249999999</v>
      </c>
      <c r="AK803">
        <v>38982.006009999997</v>
      </c>
      <c r="AL803">
        <v>59785.841520000002</v>
      </c>
      <c r="AM803">
        <v>19812.59503</v>
      </c>
      <c r="AN803">
        <v>104322.0445</v>
      </c>
      <c r="AO803">
        <v>34753.61823</v>
      </c>
      <c r="AP803">
        <v>18184.766629999998</v>
      </c>
    </row>
    <row r="804" spans="2:42" x14ac:dyDescent="0.3">
      <c r="B804">
        <v>47.070119954533205</v>
      </c>
      <c r="C804" s="83">
        <v>43134.416666666664</v>
      </c>
      <c r="D804">
        <v>194037.64379999999</v>
      </c>
      <c r="E804">
        <v>31342.670829999999</v>
      </c>
      <c r="F804">
        <v>93669.777249999999</v>
      </c>
      <c r="G804">
        <v>49327.212939999998</v>
      </c>
      <c r="H804">
        <v>43381.971720000001</v>
      </c>
      <c r="I804">
        <v>35675.063289999998</v>
      </c>
      <c r="J804">
        <v>42251.382360000003</v>
      </c>
      <c r="K804">
        <v>44944.298410000003</v>
      </c>
      <c r="L804">
        <v>29571.42497</v>
      </c>
      <c r="M804">
        <v>239985.42230000001</v>
      </c>
      <c r="N804">
        <v>81099.109219999998</v>
      </c>
      <c r="O804">
        <v>24906.336660000001</v>
      </c>
      <c r="P804">
        <v>39877.194510000001</v>
      </c>
      <c r="Q804">
        <v>58667.649640000003</v>
      </c>
      <c r="R804">
        <v>20305.189310000002</v>
      </c>
      <c r="S804">
        <v>103021.125</v>
      </c>
      <c r="T804">
        <v>36562.33539</v>
      </c>
      <c r="U804">
        <v>18066.86016</v>
      </c>
      <c r="W804" s="83">
        <f>Bühler!N836</f>
        <v>45325.416666664722</v>
      </c>
      <c r="X804" s="83">
        <v>43134.416666666664</v>
      </c>
      <c r="Y804">
        <v>194037.64379999999</v>
      </c>
      <c r="Z804">
        <v>31342.670829999999</v>
      </c>
      <c r="AA804">
        <v>93669.777249999999</v>
      </c>
      <c r="AB804">
        <v>49327.212939999998</v>
      </c>
      <c r="AC804">
        <v>43381.971720000001</v>
      </c>
      <c r="AD804">
        <v>35675.063289999998</v>
      </c>
      <c r="AE804">
        <v>42251.382360000003</v>
      </c>
      <c r="AF804">
        <v>44944.298410000003</v>
      </c>
      <c r="AG804">
        <v>29571.42497</v>
      </c>
      <c r="AH804">
        <v>239985.42230000001</v>
      </c>
      <c r="AI804">
        <v>81099.109219999998</v>
      </c>
      <c r="AJ804">
        <v>24906.336660000001</v>
      </c>
      <c r="AK804">
        <v>39877.194510000001</v>
      </c>
      <c r="AL804">
        <v>58667.649640000003</v>
      </c>
      <c r="AM804">
        <v>20305.189310000002</v>
      </c>
      <c r="AN804">
        <v>103021.125</v>
      </c>
      <c r="AO804">
        <v>36562.33539</v>
      </c>
      <c r="AP804">
        <v>18066.86016</v>
      </c>
    </row>
    <row r="805" spans="2:42" x14ac:dyDescent="0.3">
      <c r="B805">
        <v>46.971001893119038</v>
      </c>
      <c r="C805" s="83">
        <v>43134.458333333336</v>
      </c>
      <c r="D805">
        <v>189389.61240000001</v>
      </c>
      <c r="E805">
        <v>30993.40754</v>
      </c>
      <c r="F805">
        <v>93760.365520000007</v>
      </c>
      <c r="G805">
        <v>48285.054600000003</v>
      </c>
      <c r="H805">
        <v>43313.06465</v>
      </c>
      <c r="I805">
        <v>34333.326739999997</v>
      </c>
      <c r="J805">
        <v>41023.57228</v>
      </c>
      <c r="K805">
        <v>49310.39675</v>
      </c>
      <c r="L805">
        <v>31263.002079999998</v>
      </c>
      <c r="M805">
        <v>239480.0722</v>
      </c>
      <c r="N805">
        <v>80124.899510000003</v>
      </c>
      <c r="O805">
        <v>24884.02261</v>
      </c>
      <c r="P805">
        <v>39611.82604</v>
      </c>
      <c r="Q805">
        <v>58077.038119999997</v>
      </c>
      <c r="R805">
        <v>24500.749210000002</v>
      </c>
      <c r="S805">
        <v>105072.67049999999</v>
      </c>
      <c r="T805">
        <v>37121.965340000002</v>
      </c>
      <c r="U805">
        <v>17271.50333</v>
      </c>
      <c r="W805" s="83">
        <f>Bühler!N837</f>
        <v>45325.458333331386</v>
      </c>
      <c r="X805" s="83">
        <v>43134.458333333336</v>
      </c>
      <c r="Y805">
        <v>189389.61240000001</v>
      </c>
      <c r="Z805">
        <v>30993.40754</v>
      </c>
      <c r="AA805">
        <v>93760.365520000007</v>
      </c>
      <c r="AB805">
        <v>48285.054600000003</v>
      </c>
      <c r="AC805">
        <v>43313.06465</v>
      </c>
      <c r="AD805">
        <v>34333.326739999997</v>
      </c>
      <c r="AE805">
        <v>41023.57228</v>
      </c>
      <c r="AF805">
        <v>49310.39675</v>
      </c>
      <c r="AG805">
        <v>31263.002079999998</v>
      </c>
      <c r="AH805">
        <v>239480.0722</v>
      </c>
      <c r="AI805">
        <v>80124.899510000003</v>
      </c>
      <c r="AJ805">
        <v>24884.02261</v>
      </c>
      <c r="AK805">
        <v>39611.82604</v>
      </c>
      <c r="AL805">
        <v>58077.038119999997</v>
      </c>
      <c r="AM805">
        <v>24500.749210000002</v>
      </c>
      <c r="AN805">
        <v>105072.67049999999</v>
      </c>
      <c r="AO805">
        <v>37121.965340000002</v>
      </c>
      <c r="AP805">
        <v>17271.50333</v>
      </c>
    </row>
    <row r="806" spans="2:42" x14ac:dyDescent="0.3">
      <c r="B806">
        <v>45.655308143255617</v>
      </c>
      <c r="C806" s="83">
        <v>43134.5</v>
      </c>
      <c r="D806">
        <v>182369.12030000001</v>
      </c>
      <c r="E806">
        <v>29147.345840000002</v>
      </c>
      <c r="F806">
        <v>92275.887319999994</v>
      </c>
      <c r="G806">
        <v>45321.961759999998</v>
      </c>
      <c r="H806">
        <v>42259.288249999998</v>
      </c>
      <c r="I806">
        <v>33309.041409999998</v>
      </c>
      <c r="J806">
        <v>41071.251530000001</v>
      </c>
      <c r="K806">
        <v>49875.127269999997</v>
      </c>
      <c r="L806">
        <v>33416.772629999999</v>
      </c>
      <c r="M806">
        <v>232772.05189999999</v>
      </c>
      <c r="N806">
        <v>78202.363150000005</v>
      </c>
      <c r="O806">
        <v>24445.345519999999</v>
      </c>
      <c r="P806">
        <v>39399.56424</v>
      </c>
      <c r="Q806">
        <v>56482.44068</v>
      </c>
      <c r="R806">
        <v>22136.903849999999</v>
      </c>
      <c r="S806">
        <v>98029.223230000003</v>
      </c>
      <c r="T806">
        <v>36344.674200000001</v>
      </c>
      <c r="U806">
        <v>16678.094209999999</v>
      </c>
      <c r="W806" s="83">
        <f>Bühler!N838</f>
        <v>45325.49999999805</v>
      </c>
      <c r="X806" s="83">
        <v>43134.5</v>
      </c>
      <c r="Y806">
        <v>182369.12030000001</v>
      </c>
      <c r="Z806">
        <v>29147.345840000002</v>
      </c>
      <c r="AA806">
        <v>92275.887319999994</v>
      </c>
      <c r="AB806">
        <v>45321.961759999998</v>
      </c>
      <c r="AC806">
        <v>42259.288249999998</v>
      </c>
      <c r="AD806">
        <v>33309.041409999998</v>
      </c>
      <c r="AE806">
        <v>41071.251530000001</v>
      </c>
      <c r="AF806">
        <v>49875.127269999997</v>
      </c>
      <c r="AG806">
        <v>33416.772629999999</v>
      </c>
      <c r="AH806">
        <v>232772.05189999999</v>
      </c>
      <c r="AI806">
        <v>78202.363150000005</v>
      </c>
      <c r="AJ806">
        <v>24445.345519999999</v>
      </c>
      <c r="AK806">
        <v>39399.56424</v>
      </c>
      <c r="AL806">
        <v>56482.44068</v>
      </c>
      <c r="AM806">
        <v>22136.903849999999</v>
      </c>
      <c r="AN806">
        <v>98029.223230000003</v>
      </c>
      <c r="AO806">
        <v>36344.674200000001</v>
      </c>
      <c r="AP806">
        <v>16678.094209999999</v>
      </c>
    </row>
    <row r="807" spans="2:42" x14ac:dyDescent="0.3">
      <c r="B807">
        <v>44.842234147672478</v>
      </c>
      <c r="C807" s="83">
        <v>43134.541666666664</v>
      </c>
      <c r="D807">
        <v>178222.7787</v>
      </c>
      <c r="E807">
        <v>28219.572779999999</v>
      </c>
      <c r="F807">
        <v>90827.162330000006</v>
      </c>
      <c r="G807">
        <v>44176.740189999997</v>
      </c>
      <c r="H807">
        <v>41672.002489999999</v>
      </c>
      <c r="I807">
        <v>33190.33395</v>
      </c>
      <c r="J807">
        <v>40131.056759999999</v>
      </c>
      <c r="K807">
        <v>50111.731240000001</v>
      </c>
      <c r="L807">
        <v>33757.055809999998</v>
      </c>
      <c r="M807">
        <v>228626.62150000001</v>
      </c>
      <c r="N807">
        <v>79332.721430000005</v>
      </c>
      <c r="O807">
        <v>24075.66085</v>
      </c>
      <c r="P807">
        <v>38253.680289999997</v>
      </c>
      <c r="Q807">
        <v>54034.093809999998</v>
      </c>
      <c r="R807">
        <v>21984.02968</v>
      </c>
      <c r="S807">
        <v>98631.972200000004</v>
      </c>
      <c r="T807">
        <v>35907.633280000002</v>
      </c>
      <c r="U807">
        <v>16518.269530000001</v>
      </c>
      <c r="W807" s="83">
        <f>Bühler!N839</f>
        <v>45325.541666664714</v>
      </c>
      <c r="X807" s="83">
        <v>43134.541666666664</v>
      </c>
      <c r="Y807">
        <v>178222.7787</v>
      </c>
      <c r="Z807">
        <v>28219.572779999999</v>
      </c>
      <c r="AA807">
        <v>90827.162330000006</v>
      </c>
      <c r="AB807">
        <v>44176.740189999997</v>
      </c>
      <c r="AC807">
        <v>41672.002489999999</v>
      </c>
      <c r="AD807">
        <v>33190.33395</v>
      </c>
      <c r="AE807">
        <v>40131.056759999999</v>
      </c>
      <c r="AF807">
        <v>50111.731240000001</v>
      </c>
      <c r="AG807">
        <v>33757.055809999998</v>
      </c>
      <c r="AH807">
        <v>228626.62150000001</v>
      </c>
      <c r="AI807">
        <v>79332.721430000005</v>
      </c>
      <c r="AJ807">
        <v>24075.66085</v>
      </c>
      <c r="AK807">
        <v>38253.680289999997</v>
      </c>
      <c r="AL807">
        <v>54034.093809999998</v>
      </c>
      <c r="AM807">
        <v>21984.02968</v>
      </c>
      <c r="AN807">
        <v>98631.972200000004</v>
      </c>
      <c r="AO807">
        <v>35907.633280000002</v>
      </c>
      <c r="AP807">
        <v>16518.269530000001</v>
      </c>
    </row>
    <row r="808" spans="2:42" x14ac:dyDescent="0.3">
      <c r="B808">
        <v>44.380779164506386</v>
      </c>
      <c r="C808" s="83">
        <v>43134.583333333336</v>
      </c>
      <c r="D808">
        <v>177372.9682</v>
      </c>
      <c r="E808">
        <v>28707.127140000001</v>
      </c>
      <c r="F808">
        <v>90359.0533</v>
      </c>
      <c r="G808">
        <v>43698.050779999998</v>
      </c>
      <c r="H808">
        <v>41426.156130000003</v>
      </c>
      <c r="I808">
        <v>34529.618889999998</v>
      </c>
      <c r="J808">
        <v>40101.530160000002</v>
      </c>
      <c r="K808">
        <v>50231.946759999999</v>
      </c>
      <c r="L808">
        <v>31300.489959999999</v>
      </c>
      <c r="M808">
        <v>226273.9088</v>
      </c>
      <c r="N808">
        <v>80257.941739999995</v>
      </c>
      <c r="O808">
        <v>23704.508570000002</v>
      </c>
      <c r="P808">
        <v>37207.865949999999</v>
      </c>
      <c r="Q808">
        <v>53091.644540000001</v>
      </c>
      <c r="R808">
        <v>22248.052640000002</v>
      </c>
      <c r="S808">
        <v>94937.357640000002</v>
      </c>
      <c r="T808">
        <v>35255.22825</v>
      </c>
      <c r="U808">
        <v>16592.08338</v>
      </c>
      <c r="W808" s="83">
        <f>Bühler!N840</f>
        <v>45325.583333331379</v>
      </c>
      <c r="X808" s="83">
        <v>43134.583333333336</v>
      </c>
      <c r="Y808">
        <v>177372.9682</v>
      </c>
      <c r="Z808">
        <v>28707.127140000001</v>
      </c>
      <c r="AA808">
        <v>90359.0533</v>
      </c>
      <c r="AB808">
        <v>43698.050779999998</v>
      </c>
      <c r="AC808">
        <v>41426.156130000003</v>
      </c>
      <c r="AD808">
        <v>34529.618889999998</v>
      </c>
      <c r="AE808">
        <v>40101.530160000002</v>
      </c>
      <c r="AF808">
        <v>50231.946759999999</v>
      </c>
      <c r="AG808">
        <v>31300.489959999999</v>
      </c>
      <c r="AH808">
        <v>226273.9088</v>
      </c>
      <c r="AI808">
        <v>80257.941739999995</v>
      </c>
      <c r="AJ808">
        <v>23704.508570000002</v>
      </c>
      <c r="AK808">
        <v>37207.865949999999</v>
      </c>
      <c r="AL808">
        <v>53091.644540000001</v>
      </c>
      <c r="AM808">
        <v>22248.052640000002</v>
      </c>
      <c r="AN808">
        <v>94937.357640000002</v>
      </c>
      <c r="AO808">
        <v>35255.22825</v>
      </c>
      <c r="AP808">
        <v>16592.08338</v>
      </c>
    </row>
    <row r="809" spans="2:42" x14ac:dyDescent="0.3">
      <c r="B809">
        <v>43.707438875535637</v>
      </c>
      <c r="C809" s="83">
        <v>43134.625</v>
      </c>
      <c r="D809">
        <v>176879.52040000001</v>
      </c>
      <c r="E809">
        <v>28605.435109999999</v>
      </c>
      <c r="F809">
        <v>90140.782160000002</v>
      </c>
      <c r="G809">
        <v>43505.151899999997</v>
      </c>
      <c r="H809">
        <v>41274.940560000003</v>
      </c>
      <c r="I809">
        <v>35600.004229999999</v>
      </c>
      <c r="J809">
        <v>39039.974889999998</v>
      </c>
      <c r="K809">
        <v>49753.739370000003</v>
      </c>
      <c r="L809">
        <v>28942.426380000001</v>
      </c>
      <c r="M809">
        <v>222840.90599999999</v>
      </c>
      <c r="N809">
        <v>79839.433180000007</v>
      </c>
      <c r="O809">
        <v>23667.211429999999</v>
      </c>
      <c r="P809">
        <v>35007.188770000001</v>
      </c>
      <c r="Q809">
        <v>52783.576609999996</v>
      </c>
      <c r="R809">
        <v>22037.512139999999</v>
      </c>
      <c r="S809">
        <v>95233.840979999994</v>
      </c>
      <c r="T809">
        <v>35648.313829999999</v>
      </c>
      <c r="U809">
        <v>16489.288120000001</v>
      </c>
      <c r="W809" s="83">
        <f>Bühler!N841</f>
        <v>45325.624999998043</v>
      </c>
      <c r="X809" s="83">
        <v>43134.625</v>
      </c>
      <c r="Y809">
        <v>176879.52040000001</v>
      </c>
      <c r="Z809">
        <v>28605.435109999999</v>
      </c>
      <c r="AA809">
        <v>90140.782160000002</v>
      </c>
      <c r="AB809">
        <v>43505.151899999997</v>
      </c>
      <c r="AC809">
        <v>41274.940560000003</v>
      </c>
      <c r="AD809">
        <v>35600.004229999999</v>
      </c>
      <c r="AE809">
        <v>39039.974889999998</v>
      </c>
      <c r="AF809">
        <v>49753.739370000003</v>
      </c>
      <c r="AG809">
        <v>28942.426380000001</v>
      </c>
      <c r="AH809">
        <v>222840.90599999999</v>
      </c>
      <c r="AI809">
        <v>79839.433180000007</v>
      </c>
      <c r="AJ809">
        <v>23667.211429999999</v>
      </c>
      <c r="AK809">
        <v>35007.188770000001</v>
      </c>
      <c r="AL809">
        <v>52783.576609999996</v>
      </c>
      <c r="AM809">
        <v>22037.512139999999</v>
      </c>
      <c r="AN809">
        <v>95233.840979999994</v>
      </c>
      <c r="AO809">
        <v>35648.313829999999</v>
      </c>
      <c r="AP809">
        <v>16489.288120000001</v>
      </c>
    </row>
    <row r="810" spans="2:42" x14ac:dyDescent="0.3">
      <c r="B810">
        <v>42.796712141539203</v>
      </c>
      <c r="C810" s="83">
        <v>43134.666666666664</v>
      </c>
      <c r="D810">
        <v>175732.6735</v>
      </c>
      <c r="E810">
        <v>28508.564880000002</v>
      </c>
      <c r="F810">
        <v>89194.467569999993</v>
      </c>
      <c r="G810">
        <v>43633.676350000002</v>
      </c>
      <c r="H810">
        <v>41073.085870000003</v>
      </c>
      <c r="I810">
        <v>36376.754070000003</v>
      </c>
      <c r="J810">
        <v>39232.315990000003</v>
      </c>
      <c r="K810">
        <v>47262.736400000002</v>
      </c>
      <c r="L810">
        <v>28207.74927</v>
      </c>
      <c r="M810">
        <v>218197.59640000001</v>
      </c>
      <c r="N810">
        <v>79447.63781</v>
      </c>
      <c r="O810">
        <v>23765.275170000001</v>
      </c>
      <c r="P810">
        <v>35296.758580000002</v>
      </c>
      <c r="Q810">
        <v>52511.765659999997</v>
      </c>
      <c r="R810">
        <v>22176.64602</v>
      </c>
      <c r="S810">
        <v>95757.352480000001</v>
      </c>
      <c r="T810">
        <v>35775.579530000003</v>
      </c>
      <c r="U810">
        <v>16588.34762</v>
      </c>
      <c r="W810" s="83">
        <f>Bühler!N842</f>
        <v>45325.666666664707</v>
      </c>
      <c r="X810" s="83">
        <v>43134.666666666664</v>
      </c>
      <c r="Y810">
        <v>175732.6735</v>
      </c>
      <c r="Z810">
        <v>28508.564880000002</v>
      </c>
      <c r="AA810">
        <v>89194.467569999993</v>
      </c>
      <c r="AB810">
        <v>43633.676350000002</v>
      </c>
      <c r="AC810">
        <v>41073.085870000003</v>
      </c>
      <c r="AD810">
        <v>36376.754070000003</v>
      </c>
      <c r="AE810">
        <v>39232.315990000003</v>
      </c>
      <c r="AF810">
        <v>47262.736400000002</v>
      </c>
      <c r="AG810">
        <v>28207.74927</v>
      </c>
      <c r="AH810">
        <v>218197.59640000001</v>
      </c>
      <c r="AI810">
        <v>79447.63781</v>
      </c>
      <c r="AJ810">
        <v>23765.275170000001</v>
      </c>
      <c r="AK810">
        <v>35296.758580000002</v>
      </c>
      <c r="AL810">
        <v>52511.765659999997</v>
      </c>
      <c r="AM810">
        <v>22176.64602</v>
      </c>
      <c r="AN810">
        <v>95757.352480000001</v>
      </c>
      <c r="AO810">
        <v>35775.579530000003</v>
      </c>
      <c r="AP810">
        <v>16588.34762</v>
      </c>
    </row>
    <row r="811" spans="2:42" x14ac:dyDescent="0.3">
      <c r="B811">
        <v>42.732308676266136</v>
      </c>
      <c r="C811" s="83">
        <v>43134.708333333336</v>
      </c>
      <c r="D811">
        <v>175329.23759999999</v>
      </c>
      <c r="E811">
        <v>28848.891619999999</v>
      </c>
      <c r="F811">
        <v>90445.628670000006</v>
      </c>
      <c r="G811">
        <v>43762.743479999997</v>
      </c>
      <c r="H811">
        <v>42302.76298</v>
      </c>
      <c r="I811">
        <v>37607.220979999998</v>
      </c>
      <c r="J811">
        <v>40996.967949999998</v>
      </c>
      <c r="K811">
        <v>45930.991990000002</v>
      </c>
      <c r="L811">
        <v>29332.27909</v>
      </c>
      <c r="M811">
        <v>217869.23749999999</v>
      </c>
      <c r="N811">
        <v>76000.67482</v>
      </c>
      <c r="O811">
        <v>24540.179820000001</v>
      </c>
      <c r="P811">
        <v>37575.75058</v>
      </c>
      <c r="Q811">
        <v>51766.631029999997</v>
      </c>
      <c r="R811">
        <v>24829.725689999999</v>
      </c>
      <c r="S811">
        <v>99855.686000000002</v>
      </c>
      <c r="T811">
        <v>37046.739909999997</v>
      </c>
      <c r="U811">
        <v>16681.715840000001</v>
      </c>
      <c r="W811" s="83">
        <f>Bühler!N843</f>
        <v>45325.708333331371</v>
      </c>
      <c r="X811" s="83">
        <v>43134.708333333336</v>
      </c>
      <c r="Y811">
        <v>175329.23759999999</v>
      </c>
      <c r="Z811">
        <v>28848.891619999999</v>
      </c>
      <c r="AA811">
        <v>90445.628670000006</v>
      </c>
      <c r="AB811">
        <v>43762.743479999997</v>
      </c>
      <c r="AC811">
        <v>42302.76298</v>
      </c>
      <c r="AD811">
        <v>37607.220979999998</v>
      </c>
      <c r="AE811">
        <v>40996.967949999998</v>
      </c>
      <c r="AF811">
        <v>45930.991990000002</v>
      </c>
      <c r="AG811">
        <v>29332.27909</v>
      </c>
      <c r="AH811">
        <v>217869.23749999999</v>
      </c>
      <c r="AI811">
        <v>76000.67482</v>
      </c>
      <c r="AJ811">
        <v>24540.179820000001</v>
      </c>
      <c r="AK811">
        <v>37575.75058</v>
      </c>
      <c r="AL811">
        <v>51766.631029999997</v>
      </c>
      <c r="AM811">
        <v>24829.725689999999</v>
      </c>
      <c r="AN811">
        <v>99855.686000000002</v>
      </c>
      <c r="AO811">
        <v>37046.739909999997</v>
      </c>
      <c r="AP811">
        <v>16681.715840000001</v>
      </c>
    </row>
    <row r="812" spans="2:42" x14ac:dyDescent="0.3">
      <c r="B812">
        <v>42.135701324959534</v>
      </c>
      <c r="C812" s="83">
        <v>43134.75</v>
      </c>
      <c r="D812">
        <v>175879.28719999999</v>
      </c>
      <c r="E812">
        <v>28526.559590000001</v>
      </c>
      <c r="F812">
        <v>89834.422000000006</v>
      </c>
      <c r="G812">
        <v>44776.851669999996</v>
      </c>
      <c r="H812">
        <v>43557.929900000003</v>
      </c>
      <c r="I812">
        <v>37917.931129999997</v>
      </c>
      <c r="J812">
        <v>43534.164340000003</v>
      </c>
      <c r="K812">
        <v>43290.594839999998</v>
      </c>
      <c r="L812">
        <v>32687.945029999999</v>
      </c>
      <c r="M812">
        <v>214827.45499999999</v>
      </c>
      <c r="N812">
        <v>75612.721659999996</v>
      </c>
      <c r="O812">
        <v>24867.15697</v>
      </c>
      <c r="P812">
        <v>41477.53499</v>
      </c>
      <c r="Q812">
        <v>51248.587899999999</v>
      </c>
      <c r="R812">
        <v>22304.453099999999</v>
      </c>
      <c r="S812">
        <v>99569.227780000001</v>
      </c>
      <c r="T812">
        <v>37141.22782</v>
      </c>
      <c r="U812">
        <v>17502.10742</v>
      </c>
      <c r="W812" s="83">
        <f>Bühler!N844</f>
        <v>45325.749999998035</v>
      </c>
      <c r="X812" s="83">
        <v>43134.75</v>
      </c>
      <c r="Y812">
        <v>175879.28719999999</v>
      </c>
      <c r="Z812">
        <v>28526.559590000001</v>
      </c>
      <c r="AA812">
        <v>89834.422000000006</v>
      </c>
      <c r="AB812">
        <v>44776.851669999996</v>
      </c>
      <c r="AC812">
        <v>43557.929900000003</v>
      </c>
      <c r="AD812">
        <v>37917.931129999997</v>
      </c>
      <c r="AE812">
        <v>43534.164340000003</v>
      </c>
      <c r="AF812">
        <v>43290.594839999998</v>
      </c>
      <c r="AG812">
        <v>32687.945029999999</v>
      </c>
      <c r="AH812">
        <v>214827.45499999999</v>
      </c>
      <c r="AI812">
        <v>75612.721659999996</v>
      </c>
      <c r="AJ812">
        <v>24867.15697</v>
      </c>
      <c r="AK812">
        <v>41477.53499</v>
      </c>
      <c r="AL812">
        <v>51248.587899999999</v>
      </c>
      <c r="AM812">
        <v>22304.453099999999</v>
      </c>
      <c r="AN812">
        <v>99569.227780000001</v>
      </c>
      <c r="AO812">
        <v>37141.22782</v>
      </c>
      <c r="AP812">
        <v>17502.10742</v>
      </c>
    </row>
    <row r="813" spans="2:42" x14ac:dyDescent="0.3">
      <c r="B813">
        <v>41.733032411936456</v>
      </c>
      <c r="C813" s="83">
        <v>43134.791666666664</v>
      </c>
      <c r="D813">
        <v>175478.94810000001</v>
      </c>
      <c r="E813">
        <v>24676.589680000001</v>
      </c>
      <c r="F813">
        <v>78772.499460000006</v>
      </c>
      <c r="G813">
        <v>44851.120499999997</v>
      </c>
      <c r="H813">
        <v>42450.555950000002</v>
      </c>
      <c r="I813">
        <v>36640.590519999998</v>
      </c>
      <c r="J813">
        <v>43600.150419999998</v>
      </c>
      <c r="K813">
        <v>44032.593059999999</v>
      </c>
      <c r="L813">
        <v>33771.623160000003</v>
      </c>
      <c r="M813">
        <v>212774.46109999999</v>
      </c>
      <c r="N813">
        <v>77044.297649999993</v>
      </c>
      <c r="O813">
        <v>24372.812880000001</v>
      </c>
      <c r="P813">
        <v>43690.462939999998</v>
      </c>
      <c r="Q813">
        <v>50340.453889999997</v>
      </c>
      <c r="R813">
        <v>22377.810519999999</v>
      </c>
      <c r="S813">
        <v>98452.005730000004</v>
      </c>
      <c r="T813">
        <v>35628.3632</v>
      </c>
      <c r="U813">
        <v>17356.68246</v>
      </c>
      <c r="W813" s="83">
        <f>Bühler!N845</f>
        <v>45325.7916666647</v>
      </c>
      <c r="X813" s="83">
        <v>43134.791666666664</v>
      </c>
      <c r="Y813">
        <v>175478.94810000001</v>
      </c>
      <c r="Z813">
        <v>24676.589680000001</v>
      </c>
      <c r="AA813">
        <v>78772.499460000006</v>
      </c>
      <c r="AB813">
        <v>44851.120499999997</v>
      </c>
      <c r="AC813">
        <v>42450.555950000002</v>
      </c>
      <c r="AD813">
        <v>36640.590519999998</v>
      </c>
      <c r="AE813">
        <v>43600.150419999998</v>
      </c>
      <c r="AF813">
        <v>44032.593059999999</v>
      </c>
      <c r="AG813">
        <v>33771.623160000003</v>
      </c>
      <c r="AH813">
        <v>212774.46109999999</v>
      </c>
      <c r="AI813">
        <v>77044.297649999993</v>
      </c>
      <c r="AJ813">
        <v>24372.812880000001</v>
      </c>
      <c r="AK813">
        <v>43690.462939999998</v>
      </c>
      <c r="AL813">
        <v>50340.453889999997</v>
      </c>
      <c r="AM813">
        <v>22377.810519999999</v>
      </c>
      <c r="AN813">
        <v>98452.005730000004</v>
      </c>
      <c r="AO813">
        <v>35628.3632</v>
      </c>
      <c r="AP813">
        <v>17356.68246</v>
      </c>
    </row>
    <row r="814" spans="2:42" x14ac:dyDescent="0.3">
      <c r="B814">
        <v>41.911777850050001</v>
      </c>
      <c r="C814" s="83">
        <v>43134.833333333336</v>
      </c>
      <c r="D814">
        <v>175577.14189999999</v>
      </c>
      <c r="E814">
        <v>19463.713810000001</v>
      </c>
      <c r="F814">
        <v>60208.596010000001</v>
      </c>
      <c r="G814">
        <v>44889.546950000004</v>
      </c>
      <c r="H814">
        <v>42499.069329999998</v>
      </c>
      <c r="I814">
        <v>33297.038039999999</v>
      </c>
      <c r="J814">
        <v>42525.727769999998</v>
      </c>
      <c r="K814">
        <v>50797.86982</v>
      </c>
      <c r="L814">
        <v>33171.210270000003</v>
      </c>
      <c r="M814">
        <v>213685.7887</v>
      </c>
      <c r="N814">
        <v>76651.961179999998</v>
      </c>
      <c r="O814">
        <v>24166.961190000002</v>
      </c>
      <c r="P814">
        <v>42675.061719999998</v>
      </c>
      <c r="Q814">
        <v>49558.042150000001</v>
      </c>
      <c r="R814">
        <v>24108.589209999998</v>
      </c>
      <c r="S814">
        <v>91774.148950000003</v>
      </c>
      <c r="T814">
        <v>33033.400549999998</v>
      </c>
      <c r="U814">
        <v>17601.520280000001</v>
      </c>
      <c r="W814" s="83">
        <f>Bühler!N846</f>
        <v>45325.833333331364</v>
      </c>
      <c r="X814" s="83">
        <v>43134.833333333336</v>
      </c>
      <c r="Y814">
        <v>175577.14189999999</v>
      </c>
      <c r="Z814">
        <v>19463.713810000001</v>
      </c>
      <c r="AA814">
        <v>60208.596010000001</v>
      </c>
      <c r="AB814">
        <v>44889.546950000004</v>
      </c>
      <c r="AC814">
        <v>42499.069329999998</v>
      </c>
      <c r="AD814">
        <v>33297.038039999999</v>
      </c>
      <c r="AE814">
        <v>42525.727769999998</v>
      </c>
      <c r="AF814">
        <v>50797.86982</v>
      </c>
      <c r="AG814">
        <v>33171.210270000003</v>
      </c>
      <c r="AH814">
        <v>213685.7887</v>
      </c>
      <c r="AI814">
        <v>76651.961179999998</v>
      </c>
      <c r="AJ814">
        <v>24166.961190000002</v>
      </c>
      <c r="AK814">
        <v>42675.061719999998</v>
      </c>
      <c r="AL814">
        <v>49558.042150000001</v>
      </c>
      <c r="AM814">
        <v>24108.589209999998</v>
      </c>
      <c r="AN814">
        <v>91774.148950000003</v>
      </c>
      <c r="AO814">
        <v>33033.400549999998</v>
      </c>
      <c r="AP814">
        <v>17601.520280000001</v>
      </c>
    </row>
    <row r="815" spans="2:42" x14ac:dyDescent="0.3">
      <c r="B815">
        <v>41.741965058921934</v>
      </c>
      <c r="C815" s="83">
        <v>43134.875</v>
      </c>
      <c r="D815">
        <v>174291.95860000001</v>
      </c>
      <c r="E815">
        <v>17568.409090000001</v>
      </c>
      <c r="F815">
        <v>51834.46099</v>
      </c>
      <c r="G815">
        <v>44140.870920000001</v>
      </c>
      <c r="H815">
        <v>41550.116430000002</v>
      </c>
      <c r="I815">
        <v>30111.921190000001</v>
      </c>
      <c r="J815">
        <v>40559.47898</v>
      </c>
      <c r="K815">
        <v>50733.593679999998</v>
      </c>
      <c r="L815">
        <v>31587.241839999999</v>
      </c>
      <c r="M815">
        <v>212820.00390000001</v>
      </c>
      <c r="N815">
        <v>75082.865269999995</v>
      </c>
      <c r="O815">
        <v>24198.70998</v>
      </c>
      <c r="P815">
        <v>42359.047899999998</v>
      </c>
      <c r="Q815">
        <v>48336.451939999999</v>
      </c>
      <c r="R815">
        <v>22442.582620000001</v>
      </c>
      <c r="S815">
        <v>87891.802370000005</v>
      </c>
      <c r="T815">
        <v>31136.99193</v>
      </c>
      <c r="U815">
        <v>17270.374220000002</v>
      </c>
      <c r="W815" s="83">
        <f>Bühler!N847</f>
        <v>45325.874999998028</v>
      </c>
      <c r="X815" s="83">
        <v>43134.875</v>
      </c>
      <c r="Y815">
        <v>174291.95860000001</v>
      </c>
      <c r="Z815">
        <v>17568.409090000001</v>
      </c>
      <c r="AA815">
        <v>51834.46099</v>
      </c>
      <c r="AB815">
        <v>44140.870920000001</v>
      </c>
      <c r="AC815">
        <v>41550.116430000002</v>
      </c>
      <c r="AD815">
        <v>30111.921190000001</v>
      </c>
      <c r="AE815">
        <v>40559.47898</v>
      </c>
      <c r="AF815">
        <v>50733.593679999998</v>
      </c>
      <c r="AG815">
        <v>31587.241839999999</v>
      </c>
      <c r="AH815">
        <v>212820.00390000001</v>
      </c>
      <c r="AI815">
        <v>75082.865269999995</v>
      </c>
      <c r="AJ815">
        <v>24198.70998</v>
      </c>
      <c r="AK815">
        <v>42359.047899999998</v>
      </c>
      <c r="AL815">
        <v>48336.451939999999</v>
      </c>
      <c r="AM815">
        <v>22442.582620000001</v>
      </c>
      <c r="AN815">
        <v>87891.802370000005</v>
      </c>
      <c r="AO815">
        <v>31136.99193</v>
      </c>
      <c r="AP815">
        <v>17270.374220000002</v>
      </c>
    </row>
    <row r="816" spans="2:42" x14ac:dyDescent="0.3">
      <c r="B816">
        <v>42.138394056278955</v>
      </c>
      <c r="C816" s="83">
        <v>43134.916666666664</v>
      </c>
      <c r="D816">
        <v>174665.36929999999</v>
      </c>
      <c r="E816">
        <v>17357.187320000001</v>
      </c>
      <c r="F816">
        <v>49175.885710000002</v>
      </c>
      <c r="G816">
        <v>44209.390500000001</v>
      </c>
      <c r="H816">
        <v>41478.361940000003</v>
      </c>
      <c r="I816">
        <v>29124.654439999998</v>
      </c>
      <c r="J816">
        <v>39628.817840000003</v>
      </c>
      <c r="K816">
        <v>53932.931060000003</v>
      </c>
      <c r="L816">
        <v>28837.974880000002</v>
      </c>
      <c r="M816">
        <v>214841.1838</v>
      </c>
      <c r="N816">
        <v>76472.886249999996</v>
      </c>
      <c r="O816">
        <v>25875.77247</v>
      </c>
      <c r="P816">
        <v>45178.886939999997</v>
      </c>
      <c r="Q816">
        <v>48492.374510000001</v>
      </c>
      <c r="R816">
        <v>33685.882129999998</v>
      </c>
      <c r="S816">
        <v>87146.153990000006</v>
      </c>
      <c r="T816">
        <v>30244.96658</v>
      </c>
      <c r="U816">
        <v>18477.599849999999</v>
      </c>
      <c r="W816" s="83">
        <f>Bühler!N848</f>
        <v>45325.916666664692</v>
      </c>
      <c r="X816" s="83">
        <v>43134.916666666664</v>
      </c>
      <c r="Y816">
        <v>174665.36929999999</v>
      </c>
      <c r="Z816">
        <v>17357.187320000001</v>
      </c>
      <c r="AA816">
        <v>49175.885710000002</v>
      </c>
      <c r="AB816">
        <v>44209.390500000001</v>
      </c>
      <c r="AC816">
        <v>41478.361940000003</v>
      </c>
      <c r="AD816">
        <v>29124.654439999998</v>
      </c>
      <c r="AE816">
        <v>39628.817840000003</v>
      </c>
      <c r="AF816">
        <v>53932.931060000003</v>
      </c>
      <c r="AG816">
        <v>28837.974880000002</v>
      </c>
      <c r="AH816">
        <v>214841.1838</v>
      </c>
      <c r="AI816">
        <v>76472.886249999996</v>
      </c>
      <c r="AJ816">
        <v>25875.77247</v>
      </c>
      <c r="AK816">
        <v>45178.886939999997</v>
      </c>
      <c r="AL816">
        <v>48492.374510000001</v>
      </c>
      <c r="AM816">
        <v>33685.882129999998</v>
      </c>
      <c r="AN816">
        <v>87146.153990000006</v>
      </c>
      <c r="AO816">
        <v>30244.96658</v>
      </c>
      <c r="AP816">
        <v>18477.599849999999</v>
      </c>
    </row>
    <row r="817" spans="2:42" x14ac:dyDescent="0.3">
      <c r="B817">
        <v>41.980953417043096</v>
      </c>
      <c r="C817" s="83">
        <v>43134.958333333336</v>
      </c>
      <c r="D817">
        <v>174287.00399999999</v>
      </c>
      <c r="E817">
        <v>17263.180939999998</v>
      </c>
      <c r="F817">
        <v>48255.330580000002</v>
      </c>
      <c r="G817">
        <v>44108.367989999999</v>
      </c>
      <c r="H817">
        <v>41121.656929999997</v>
      </c>
      <c r="I817">
        <v>28480.722839999999</v>
      </c>
      <c r="J817">
        <v>37440.321689999997</v>
      </c>
      <c r="K817">
        <v>53043.355499999998</v>
      </c>
      <c r="L817">
        <v>24166.23141</v>
      </c>
      <c r="M817">
        <v>214038.478</v>
      </c>
      <c r="N817">
        <v>76245.326679999998</v>
      </c>
      <c r="O817">
        <v>25350.391820000001</v>
      </c>
      <c r="P817">
        <v>40433.924169999998</v>
      </c>
      <c r="Q817">
        <v>48139.379419999997</v>
      </c>
      <c r="R817">
        <v>36111.758220000003</v>
      </c>
      <c r="S817">
        <v>85822.589919999999</v>
      </c>
      <c r="T817">
        <v>31245.25302</v>
      </c>
      <c r="U817">
        <v>18290.97622</v>
      </c>
      <c r="W817" s="83">
        <f>Bühler!N849</f>
        <v>45325.958333331357</v>
      </c>
      <c r="X817" s="83">
        <v>43134.958333333336</v>
      </c>
      <c r="Y817">
        <v>174287.00399999999</v>
      </c>
      <c r="Z817">
        <v>17263.180939999998</v>
      </c>
      <c r="AA817">
        <v>48255.330580000002</v>
      </c>
      <c r="AB817">
        <v>44108.367989999999</v>
      </c>
      <c r="AC817">
        <v>41121.656929999997</v>
      </c>
      <c r="AD817">
        <v>28480.722839999999</v>
      </c>
      <c r="AE817">
        <v>37440.321689999997</v>
      </c>
      <c r="AF817">
        <v>53043.355499999998</v>
      </c>
      <c r="AG817">
        <v>24166.23141</v>
      </c>
      <c r="AH817">
        <v>214038.478</v>
      </c>
      <c r="AI817">
        <v>76245.326679999998</v>
      </c>
      <c r="AJ817">
        <v>25350.391820000001</v>
      </c>
      <c r="AK817">
        <v>40433.924169999998</v>
      </c>
      <c r="AL817">
        <v>48139.379419999997</v>
      </c>
      <c r="AM817">
        <v>36111.758220000003</v>
      </c>
      <c r="AN817">
        <v>85822.589919999999</v>
      </c>
      <c r="AO817">
        <v>31245.25302</v>
      </c>
      <c r="AP817">
        <v>18290.97622</v>
      </c>
    </row>
    <row r="818" spans="2:42" x14ac:dyDescent="0.3">
      <c r="B818">
        <v>41.590289820108175</v>
      </c>
      <c r="C818" s="83">
        <v>43135</v>
      </c>
      <c r="D818">
        <v>173941.24110000001</v>
      </c>
      <c r="E818">
        <v>16854.225170000002</v>
      </c>
      <c r="F818">
        <v>47577.651169999997</v>
      </c>
      <c r="G818">
        <v>44236.538350000003</v>
      </c>
      <c r="H818">
        <v>40627.753519999998</v>
      </c>
      <c r="I818">
        <v>26927.99971</v>
      </c>
      <c r="J818">
        <v>35787.851970000003</v>
      </c>
      <c r="K818">
        <v>51196.28314</v>
      </c>
      <c r="L818">
        <v>21251.882300000001</v>
      </c>
      <c r="M818">
        <v>212046.69279999999</v>
      </c>
      <c r="N818">
        <v>74821.855110000004</v>
      </c>
      <c r="O818">
        <v>25544.091359999999</v>
      </c>
      <c r="P818">
        <v>37631.316809999997</v>
      </c>
      <c r="Q818">
        <v>48283.078679999999</v>
      </c>
      <c r="R818">
        <v>31966.319810000001</v>
      </c>
      <c r="S818">
        <v>84670.556670000005</v>
      </c>
      <c r="T818">
        <v>30088.149000000001</v>
      </c>
      <c r="U818">
        <v>17936.819820000001</v>
      </c>
      <c r="W818" s="83">
        <f>Bühler!N850</f>
        <v>45325.999999998021</v>
      </c>
      <c r="X818" s="83">
        <v>43135</v>
      </c>
      <c r="Y818">
        <v>173941.24110000001</v>
      </c>
      <c r="Z818">
        <v>16854.225170000002</v>
      </c>
      <c r="AA818">
        <v>47577.651169999997</v>
      </c>
      <c r="AB818">
        <v>44236.538350000003</v>
      </c>
      <c r="AC818">
        <v>40627.753519999998</v>
      </c>
      <c r="AD818">
        <v>26927.99971</v>
      </c>
      <c r="AE818">
        <v>35787.851970000003</v>
      </c>
      <c r="AF818">
        <v>51196.28314</v>
      </c>
      <c r="AG818">
        <v>21251.882300000001</v>
      </c>
      <c r="AH818">
        <v>212046.69279999999</v>
      </c>
      <c r="AI818">
        <v>74821.855110000004</v>
      </c>
      <c r="AJ818">
        <v>25544.091359999999</v>
      </c>
      <c r="AK818">
        <v>37631.316809999997</v>
      </c>
      <c r="AL818">
        <v>48283.078679999999</v>
      </c>
      <c r="AM818">
        <v>31966.319810000001</v>
      </c>
      <c r="AN818">
        <v>84670.556670000005</v>
      </c>
      <c r="AO818">
        <v>30088.149000000001</v>
      </c>
      <c r="AP818">
        <v>17936.819820000001</v>
      </c>
    </row>
    <row r="819" spans="2:42" x14ac:dyDescent="0.3">
      <c r="B819">
        <v>41.661548660636413</v>
      </c>
      <c r="C819" s="83">
        <v>43135.041666666664</v>
      </c>
      <c r="D819">
        <v>173343.25940000001</v>
      </c>
      <c r="E819">
        <v>16897.057079999999</v>
      </c>
      <c r="F819">
        <v>47618.783940000001</v>
      </c>
      <c r="G819">
        <v>43773.164080000002</v>
      </c>
      <c r="H819">
        <v>40484.495410000003</v>
      </c>
      <c r="I819">
        <v>23557.89329</v>
      </c>
      <c r="J819">
        <v>35021.895100000002</v>
      </c>
      <c r="K819">
        <v>50594.550020000002</v>
      </c>
      <c r="L819">
        <v>20940.542659999999</v>
      </c>
      <c r="M819">
        <v>212410.0036</v>
      </c>
      <c r="N819">
        <v>73638.609100000001</v>
      </c>
      <c r="O819">
        <v>25121.579249999999</v>
      </c>
      <c r="P819">
        <v>35589.499179999999</v>
      </c>
      <c r="Q819">
        <v>48627.75417</v>
      </c>
      <c r="R819">
        <v>29984.928599999999</v>
      </c>
      <c r="S819">
        <v>83361.659809999997</v>
      </c>
      <c r="T819">
        <v>29533.836169999999</v>
      </c>
      <c r="U819">
        <v>17968.518769999999</v>
      </c>
      <c r="W819" s="83">
        <f>Bühler!N851</f>
        <v>45326.041666664685</v>
      </c>
      <c r="X819" s="83">
        <v>43135.041666666664</v>
      </c>
      <c r="Y819">
        <v>173343.25940000001</v>
      </c>
      <c r="Z819">
        <v>16897.057079999999</v>
      </c>
      <c r="AA819">
        <v>47618.783940000001</v>
      </c>
      <c r="AB819">
        <v>43773.164080000002</v>
      </c>
      <c r="AC819">
        <v>40484.495410000003</v>
      </c>
      <c r="AD819">
        <v>23557.89329</v>
      </c>
      <c r="AE819">
        <v>35021.895100000002</v>
      </c>
      <c r="AF819">
        <v>50594.550020000002</v>
      </c>
      <c r="AG819">
        <v>20940.542659999999</v>
      </c>
      <c r="AH819">
        <v>212410.0036</v>
      </c>
      <c r="AI819">
        <v>73638.609100000001</v>
      </c>
      <c r="AJ819">
        <v>25121.579249999999</v>
      </c>
      <c r="AK819">
        <v>35589.499179999999</v>
      </c>
      <c r="AL819">
        <v>48627.75417</v>
      </c>
      <c r="AM819">
        <v>29984.928599999999</v>
      </c>
      <c r="AN819">
        <v>83361.659809999997</v>
      </c>
      <c r="AO819">
        <v>29533.836169999999</v>
      </c>
      <c r="AP819">
        <v>17968.518769999999</v>
      </c>
    </row>
    <row r="820" spans="2:42" x14ac:dyDescent="0.3">
      <c r="B820">
        <v>42.154232152401214</v>
      </c>
      <c r="C820" s="83">
        <v>43135.083333333336</v>
      </c>
      <c r="D820">
        <v>173554.75169999999</v>
      </c>
      <c r="E820">
        <v>16916.181339999999</v>
      </c>
      <c r="F820">
        <v>47591.412380000002</v>
      </c>
      <c r="G820">
        <v>43485.072480000003</v>
      </c>
      <c r="H820">
        <v>39823.752370000002</v>
      </c>
      <c r="I820">
        <v>20826.00331</v>
      </c>
      <c r="J820">
        <v>34977.605009999999</v>
      </c>
      <c r="K820">
        <v>48941.390610000002</v>
      </c>
      <c r="L820">
        <v>20224.34302</v>
      </c>
      <c r="M820">
        <v>214921.9338</v>
      </c>
      <c r="N820">
        <v>72712.966130000001</v>
      </c>
      <c r="O820">
        <v>25329.943609999998</v>
      </c>
      <c r="P820">
        <v>34439.447240000001</v>
      </c>
      <c r="Q820">
        <v>50366.465199999999</v>
      </c>
      <c r="R820">
        <v>29619.08195</v>
      </c>
      <c r="S820">
        <v>83264.438110000003</v>
      </c>
      <c r="T820">
        <v>28394.942940000001</v>
      </c>
      <c r="U820">
        <v>18359.18086</v>
      </c>
      <c r="W820" s="83">
        <f>Bühler!N852</f>
        <v>45326.083333331349</v>
      </c>
      <c r="X820" s="83">
        <v>43135.083333333336</v>
      </c>
      <c r="Y820">
        <v>173554.75169999999</v>
      </c>
      <c r="Z820">
        <v>16916.181339999999</v>
      </c>
      <c r="AA820">
        <v>47591.412380000002</v>
      </c>
      <c r="AB820">
        <v>43485.072480000003</v>
      </c>
      <c r="AC820">
        <v>39823.752370000002</v>
      </c>
      <c r="AD820">
        <v>20826.00331</v>
      </c>
      <c r="AE820">
        <v>34977.605009999999</v>
      </c>
      <c r="AF820">
        <v>48941.390610000002</v>
      </c>
      <c r="AG820">
        <v>20224.34302</v>
      </c>
      <c r="AH820">
        <v>214921.9338</v>
      </c>
      <c r="AI820">
        <v>72712.966130000001</v>
      </c>
      <c r="AJ820">
        <v>25329.943609999998</v>
      </c>
      <c r="AK820">
        <v>34439.447240000001</v>
      </c>
      <c r="AL820">
        <v>50366.465199999999</v>
      </c>
      <c r="AM820">
        <v>29619.08195</v>
      </c>
      <c r="AN820">
        <v>83264.438110000003</v>
      </c>
      <c r="AO820">
        <v>28394.942940000001</v>
      </c>
      <c r="AP820">
        <v>18359.18086</v>
      </c>
    </row>
    <row r="821" spans="2:42" x14ac:dyDescent="0.3">
      <c r="B821">
        <v>41.555997547045344</v>
      </c>
      <c r="C821" s="83">
        <v>43135.125</v>
      </c>
      <c r="D821">
        <v>172679.41709999999</v>
      </c>
      <c r="E821">
        <v>17005.829460000001</v>
      </c>
      <c r="F821">
        <v>47821.38579</v>
      </c>
      <c r="G821">
        <v>42840.458509999997</v>
      </c>
      <c r="H821">
        <v>40019.4058</v>
      </c>
      <c r="I821">
        <v>20091.609789999999</v>
      </c>
      <c r="J821">
        <v>36029.49667</v>
      </c>
      <c r="K821">
        <v>47146.30285</v>
      </c>
      <c r="L821">
        <v>19800.083689999999</v>
      </c>
      <c r="M821">
        <v>211871.8548</v>
      </c>
      <c r="N821">
        <v>73339.24209</v>
      </c>
      <c r="O821">
        <v>24965.210319999998</v>
      </c>
      <c r="P821">
        <v>33974.878750000003</v>
      </c>
      <c r="Q821">
        <v>51231.892610000003</v>
      </c>
      <c r="R821">
        <v>29110.315719999999</v>
      </c>
      <c r="S821">
        <v>82486.449510000006</v>
      </c>
      <c r="T821">
        <v>28728.6276</v>
      </c>
      <c r="U821">
        <v>18405.831870000002</v>
      </c>
      <c r="W821" s="83">
        <f>Bühler!N853</f>
        <v>45326.124999998014</v>
      </c>
      <c r="X821" s="83">
        <v>43135.125</v>
      </c>
      <c r="Y821">
        <v>172679.41709999999</v>
      </c>
      <c r="Z821">
        <v>17005.829460000001</v>
      </c>
      <c r="AA821">
        <v>47821.38579</v>
      </c>
      <c r="AB821">
        <v>42840.458509999997</v>
      </c>
      <c r="AC821">
        <v>40019.4058</v>
      </c>
      <c r="AD821">
        <v>20091.609789999999</v>
      </c>
      <c r="AE821">
        <v>36029.49667</v>
      </c>
      <c r="AF821">
        <v>47146.30285</v>
      </c>
      <c r="AG821">
        <v>19800.083689999999</v>
      </c>
      <c r="AH821">
        <v>211871.8548</v>
      </c>
      <c r="AI821">
        <v>73339.24209</v>
      </c>
      <c r="AJ821">
        <v>24965.210319999998</v>
      </c>
      <c r="AK821">
        <v>33974.878750000003</v>
      </c>
      <c r="AL821">
        <v>51231.892610000003</v>
      </c>
      <c r="AM821">
        <v>29110.315719999999</v>
      </c>
      <c r="AN821">
        <v>82486.449510000006</v>
      </c>
      <c r="AO821">
        <v>28728.6276</v>
      </c>
      <c r="AP821">
        <v>18405.831870000002</v>
      </c>
    </row>
    <row r="822" spans="2:42" x14ac:dyDescent="0.3">
      <c r="B822">
        <v>41.513089428146969</v>
      </c>
      <c r="C822" s="83">
        <v>43135.166666666664</v>
      </c>
      <c r="D822">
        <v>172209.1808</v>
      </c>
      <c r="E822">
        <v>16988.199339999999</v>
      </c>
      <c r="F822">
        <v>48376.99497</v>
      </c>
      <c r="G822">
        <v>41955.795839999999</v>
      </c>
      <c r="H822">
        <v>39934.395949999998</v>
      </c>
      <c r="I822">
        <v>21863.824690000001</v>
      </c>
      <c r="J822">
        <v>37900.968529999998</v>
      </c>
      <c r="K822">
        <v>46001.726300000002</v>
      </c>
      <c r="L822">
        <v>19596.606110000001</v>
      </c>
      <c r="M822">
        <v>211653.08919999999</v>
      </c>
      <c r="N822">
        <v>72889.610239999995</v>
      </c>
      <c r="O822">
        <v>25094.73821</v>
      </c>
      <c r="P822">
        <v>33613.108379999998</v>
      </c>
      <c r="Q822">
        <v>52655.62788</v>
      </c>
      <c r="R822">
        <v>28705.51641</v>
      </c>
      <c r="S822">
        <v>83257.360709999994</v>
      </c>
      <c r="T822">
        <v>28191.148069999999</v>
      </c>
      <c r="U822">
        <v>18330.757030000001</v>
      </c>
      <c r="W822" s="83">
        <f>Bühler!N854</f>
        <v>45326.166666664678</v>
      </c>
      <c r="X822" s="83">
        <v>43135.166666666664</v>
      </c>
      <c r="Y822">
        <v>172209.1808</v>
      </c>
      <c r="Z822">
        <v>16988.199339999999</v>
      </c>
      <c r="AA822">
        <v>48376.99497</v>
      </c>
      <c r="AB822">
        <v>41955.795839999999</v>
      </c>
      <c r="AC822">
        <v>39934.395949999998</v>
      </c>
      <c r="AD822">
        <v>21863.824690000001</v>
      </c>
      <c r="AE822">
        <v>37900.968529999998</v>
      </c>
      <c r="AF822">
        <v>46001.726300000002</v>
      </c>
      <c r="AG822">
        <v>19596.606110000001</v>
      </c>
      <c r="AH822">
        <v>211653.08919999999</v>
      </c>
      <c r="AI822">
        <v>72889.610239999995</v>
      </c>
      <c r="AJ822">
        <v>25094.73821</v>
      </c>
      <c r="AK822">
        <v>33613.108379999998</v>
      </c>
      <c r="AL822">
        <v>52655.62788</v>
      </c>
      <c r="AM822">
        <v>28705.51641</v>
      </c>
      <c r="AN822">
        <v>83257.360709999994</v>
      </c>
      <c r="AO822">
        <v>28191.148069999999</v>
      </c>
      <c r="AP822">
        <v>18330.757030000001</v>
      </c>
    </row>
    <row r="823" spans="2:42" x14ac:dyDescent="0.3">
      <c r="B823">
        <v>41.824646000939943</v>
      </c>
      <c r="C823" s="83">
        <v>43135.208333333336</v>
      </c>
      <c r="D823">
        <v>171503.68830000001</v>
      </c>
      <c r="E823">
        <v>17202.518759999999</v>
      </c>
      <c r="F823">
        <v>49210.722719999998</v>
      </c>
      <c r="G823">
        <v>42314.453009999997</v>
      </c>
      <c r="H823">
        <v>40050.754289999997</v>
      </c>
      <c r="I823">
        <v>24936.19096</v>
      </c>
      <c r="J823">
        <v>40263.673849999999</v>
      </c>
      <c r="K823">
        <v>45515.817000000003</v>
      </c>
      <c r="L823">
        <v>19989.236369999999</v>
      </c>
      <c r="M823">
        <v>213241.54990000001</v>
      </c>
      <c r="N823">
        <v>72134.395120000001</v>
      </c>
      <c r="O823">
        <v>24750.61218</v>
      </c>
      <c r="P823">
        <v>33636.153189999997</v>
      </c>
      <c r="Q823">
        <v>52078.854399999997</v>
      </c>
      <c r="R823">
        <v>29888.726879999998</v>
      </c>
      <c r="S823">
        <v>84986.32213</v>
      </c>
      <c r="T823">
        <v>29072.227439999999</v>
      </c>
      <c r="U823">
        <v>18435.678479999999</v>
      </c>
      <c r="W823" s="83">
        <f>Bühler!N855</f>
        <v>45326.208333331342</v>
      </c>
      <c r="X823" s="83">
        <v>43135.208333333336</v>
      </c>
      <c r="Y823">
        <v>171503.68830000001</v>
      </c>
      <c r="Z823">
        <v>17202.518759999999</v>
      </c>
      <c r="AA823">
        <v>49210.722719999998</v>
      </c>
      <c r="AB823">
        <v>42314.453009999997</v>
      </c>
      <c r="AC823">
        <v>40050.754289999997</v>
      </c>
      <c r="AD823">
        <v>24936.19096</v>
      </c>
      <c r="AE823">
        <v>40263.673849999999</v>
      </c>
      <c r="AF823">
        <v>45515.817000000003</v>
      </c>
      <c r="AG823">
        <v>19989.236369999999</v>
      </c>
      <c r="AH823">
        <v>213241.54990000001</v>
      </c>
      <c r="AI823">
        <v>72134.395120000001</v>
      </c>
      <c r="AJ823">
        <v>24750.61218</v>
      </c>
      <c r="AK823">
        <v>33636.153189999997</v>
      </c>
      <c r="AL823">
        <v>52078.854399999997</v>
      </c>
      <c r="AM823">
        <v>29888.726879999998</v>
      </c>
      <c r="AN823">
        <v>84986.32213</v>
      </c>
      <c r="AO823">
        <v>29072.227439999999</v>
      </c>
      <c r="AP823">
        <v>18435.678479999999</v>
      </c>
    </row>
    <row r="824" spans="2:42" x14ac:dyDescent="0.3">
      <c r="B824">
        <v>42.007446030888261</v>
      </c>
      <c r="C824" s="83">
        <v>43135.25</v>
      </c>
      <c r="D824">
        <v>171364.13200000001</v>
      </c>
      <c r="E824">
        <v>17691.03384</v>
      </c>
      <c r="F824">
        <v>50421.018109999997</v>
      </c>
      <c r="G824">
        <v>43019.002919999999</v>
      </c>
      <c r="H824">
        <v>40230.546170000001</v>
      </c>
      <c r="I824">
        <v>28127.247480000002</v>
      </c>
      <c r="J824">
        <v>42620.733899999999</v>
      </c>
      <c r="K824">
        <v>45402.131070000003</v>
      </c>
      <c r="L824">
        <v>20572.44656</v>
      </c>
      <c r="M824">
        <v>214173.5497</v>
      </c>
      <c r="N824">
        <v>71197.022469999996</v>
      </c>
      <c r="O824">
        <v>23627.100549999999</v>
      </c>
      <c r="P824">
        <v>33952.94917</v>
      </c>
      <c r="Q824">
        <v>51570.678310000003</v>
      </c>
      <c r="R824">
        <v>19534.804789999998</v>
      </c>
      <c r="S824">
        <v>89133.054510000002</v>
      </c>
      <c r="T824">
        <v>29342.708210000001</v>
      </c>
      <c r="U824">
        <v>17573.117600000001</v>
      </c>
      <c r="W824" s="83">
        <f>Bühler!N856</f>
        <v>45326.249999998006</v>
      </c>
      <c r="X824" s="83">
        <v>43135.25</v>
      </c>
      <c r="Y824">
        <v>171364.13200000001</v>
      </c>
      <c r="Z824">
        <v>17691.03384</v>
      </c>
      <c r="AA824">
        <v>50421.018109999997</v>
      </c>
      <c r="AB824">
        <v>43019.002919999999</v>
      </c>
      <c r="AC824">
        <v>40230.546170000001</v>
      </c>
      <c r="AD824">
        <v>28127.247480000002</v>
      </c>
      <c r="AE824">
        <v>42620.733899999999</v>
      </c>
      <c r="AF824">
        <v>45402.131070000003</v>
      </c>
      <c r="AG824">
        <v>20572.44656</v>
      </c>
      <c r="AH824">
        <v>214173.5497</v>
      </c>
      <c r="AI824">
        <v>71197.022469999996</v>
      </c>
      <c r="AJ824">
        <v>23627.100549999999</v>
      </c>
      <c r="AK824">
        <v>33952.94917</v>
      </c>
      <c r="AL824">
        <v>51570.678310000003</v>
      </c>
      <c r="AM824">
        <v>19534.804789999998</v>
      </c>
      <c r="AN824">
        <v>89133.054510000002</v>
      </c>
      <c r="AO824">
        <v>29342.708210000001</v>
      </c>
      <c r="AP824">
        <v>17573.117600000001</v>
      </c>
    </row>
    <row r="825" spans="2:42" x14ac:dyDescent="0.3">
      <c r="B825">
        <v>41.754707106361842</v>
      </c>
      <c r="C825" s="83">
        <v>43135.291666666664</v>
      </c>
      <c r="D825">
        <v>172417.54199999999</v>
      </c>
      <c r="E825">
        <v>18235.256099999999</v>
      </c>
      <c r="F825">
        <v>52521.987480000003</v>
      </c>
      <c r="G825">
        <v>43601.607170000003</v>
      </c>
      <c r="H825">
        <v>40633.430119999997</v>
      </c>
      <c r="I825">
        <v>30067.47235</v>
      </c>
      <c r="J825">
        <v>44291.594669999999</v>
      </c>
      <c r="K825">
        <v>44285.069239999997</v>
      </c>
      <c r="L825">
        <v>22107.50028</v>
      </c>
      <c r="M825">
        <v>212884.9688</v>
      </c>
      <c r="N825">
        <v>71248.758050000004</v>
      </c>
      <c r="O825">
        <v>23816.961080000001</v>
      </c>
      <c r="P825">
        <v>37573.469360000003</v>
      </c>
      <c r="Q825">
        <v>51695.113960000002</v>
      </c>
      <c r="R825">
        <v>18926.290730000001</v>
      </c>
      <c r="S825">
        <v>97145.643049999999</v>
      </c>
      <c r="T825">
        <v>29271.05805</v>
      </c>
      <c r="U825">
        <v>17761.419709999998</v>
      </c>
      <c r="W825" s="83">
        <f>Bühler!N857</f>
        <v>45326.291666664671</v>
      </c>
      <c r="X825" s="83">
        <v>43135.291666666664</v>
      </c>
      <c r="Y825">
        <v>172417.54199999999</v>
      </c>
      <c r="Z825">
        <v>18235.256099999999</v>
      </c>
      <c r="AA825">
        <v>52521.987480000003</v>
      </c>
      <c r="AB825">
        <v>43601.607170000003</v>
      </c>
      <c r="AC825">
        <v>40633.430119999997</v>
      </c>
      <c r="AD825">
        <v>30067.47235</v>
      </c>
      <c r="AE825">
        <v>44291.594669999999</v>
      </c>
      <c r="AF825">
        <v>44285.069239999997</v>
      </c>
      <c r="AG825">
        <v>22107.50028</v>
      </c>
      <c r="AH825">
        <v>212884.9688</v>
      </c>
      <c r="AI825">
        <v>71248.758050000004</v>
      </c>
      <c r="AJ825">
        <v>23816.961080000001</v>
      </c>
      <c r="AK825">
        <v>37573.469360000003</v>
      </c>
      <c r="AL825">
        <v>51695.113960000002</v>
      </c>
      <c r="AM825">
        <v>18926.290730000001</v>
      </c>
      <c r="AN825">
        <v>97145.643049999999</v>
      </c>
      <c r="AO825">
        <v>29271.05805</v>
      </c>
      <c r="AP825">
        <v>17761.419709999998</v>
      </c>
    </row>
    <row r="826" spans="2:42" x14ac:dyDescent="0.3">
      <c r="B826">
        <v>41.062847817035433</v>
      </c>
      <c r="C826" s="83">
        <v>43135.333333333336</v>
      </c>
      <c r="D826">
        <v>171405.65489999999</v>
      </c>
      <c r="E826">
        <v>18718.454150000001</v>
      </c>
      <c r="F826">
        <v>53615.802459999999</v>
      </c>
      <c r="G826">
        <v>43014.915009999997</v>
      </c>
      <c r="H826">
        <v>39925.240519999999</v>
      </c>
      <c r="I826">
        <v>30750.426289999999</v>
      </c>
      <c r="J826">
        <v>43487.959540000003</v>
      </c>
      <c r="K826">
        <v>44220.248079999998</v>
      </c>
      <c r="L826">
        <v>24193.30503</v>
      </c>
      <c r="M826">
        <v>209357.54749999999</v>
      </c>
      <c r="N826">
        <v>73368.177339999995</v>
      </c>
      <c r="O826">
        <v>23706.591560000001</v>
      </c>
      <c r="P826">
        <v>40213.598539999999</v>
      </c>
      <c r="Q826">
        <v>51345.910499999998</v>
      </c>
      <c r="R826">
        <v>19743.90438</v>
      </c>
      <c r="S826">
        <v>100733.05530000001</v>
      </c>
      <c r="T826">
        <v>30701.121040000002</v>
      </c>
      <c r="U826">
        <v>17280.42959</v>
      </c>
      <c r="W826" s="83">
        <f>Bühler!N858</f>
        <v>45326.333333331335</v>
      </c>
      <c r="X826" s="83">
        <v>43135.333333333336</v>
      </c>
      <c r="Y826">
        <v>171405.65489999999</v>
      </c>
      <c r="Z826">
        <v>18718.454150000001</v>
      </c>
      <c r="AA826">
        <v>53615.802459999999</v>
      </c>
      <c r="AB826">
        <v>43014.915009999997</v>
      </c>
      <c r="AC826">
        <v>39925.240519999999</v>
      </c>
      <c r="AD826">
        <v>30750.426289999999</v>
      </c>
      <c r="AE826">
        <v>43487.959540000003</v>
      </c>
      <c r="AF826">
        <v>44220.248079999998</v>
      </c>
      <c r="AG826">
        <v>24193.30503</v>
      </c>
      <c r="AH826">
        <v>209357.54749999999</v>
      </c>
      <c r="AI826">
        <v>73368.177339999995</v>
      </c>
      <c r="AJ826">
        <v>23706.591560000001</v>
      </c>
      <c r="AK826">
        <v>40213.598539999999</v>
      </c>
      <c r="AL826">
        <v>51345.910499999998</v>
      </c>
      <c r="AM826">
        <v>19743.90438</v>
      </c>
      <c r="AN826">
        <v>100733.05530000001</v>
      </c>
      <c r="AO826">
        <v>30701.121040000002</v>
      </c>
      <c r="AP826">
        <v>17280.42959</v>
      </c>
    </row>
    <row r="827" spans="2:42" x14ac:dyDescent="0.3">
      <c r="B827">
        <v>40.43344236748036</v>
      </c>
      <c r="C827" s="83">
        <v>43135.375</v>
      </c>
      <c r="D827">
        <v>170160.42379999999</v>
      </c>
      <c r="E827">
        <v>18847.400249999999</v>
      </c>
      <c r="F827">
        <v>55000.263570000003</v>
      </c>
      <c r="G827">
        <v>42934.153259999999</v>
      </c>
      <c r="H827">
        <v>40191.893510000002</v>
      </c>
      <c r="I827">
        <v>30020.93924</v>
      </c>
      <c r="J827">
        <v>42740.653709999999</v>
      </c>
      <c r="K827">
        <v>45558.141360000001</v>
      </c>
      <c r="L827">
        <v>25690.84433</v>
      </c>
      <c r="M827">
        <v>206148.54500000001</v>
      </c>
      <c r="N827">
        <v>77532.878679999994</v>
      </c>
      <c r="O827">
        <v>23381.730230000001</v>
      </c>
      <c r="P827">
        <v>41793.218350000003</v>
      </c>
      <c r="Q827">
        <v>50590.928650000002</v>
      </c>
      <c r="R827">
        <v>20406.382860000002</v>
      </c>
      <c r="S827">
        <v>101366.4376</v>
      </c>
      <c r="T827">
        <v>33131.367180000001</v>
      </c>
      <c r="U827">
        <v>16856.021840000001</v>
      </c>
      <c r="W827" s="83">
        <f>Bühler!N859</f>
        <v>45326.374999997999</v>
      </c>
      <c r="X827" s="83">
        <v>43135.375</v>
      </c>
      <c r="Y827">
        <v>170160.42379999999</v>
      </c>
      <c r="Z827">
        <v>18847.400249999999</v>
      </c>
      <c r="AA827">
        <v>55000.263570000003</v>
      </c>
      <c r="AB827">
        <v>42934.153259999999</v>
      </c>
      <c r="AC827">
        <v>40191.893510000002</v>
      </c>
      <c r="AD827">
        <v>30020.93924</v>
      </c>
      <c r="AE827">
        <v>42740.653709999999</v>
      </c>
      <c r="AF827">
        <v>45558.141360000001</v>
      </c>
      <c r="AG827">
        <v>25690.84433</v>
      </c>
      <c r="AH827">
        <v>206148.54500000001</v>
      </c>
      <c r="AI827">
        <v>77532.878679999994</v>
      </c>
      <c r="AJ827">
        <v>23381.730230000001</v>
      </c>
      <c r="AK827">
        <v>41793.218350000003</v>
      </c>
      <c r="AL827">
        <v>50590.928650000002</v>
      </c>
      <c r="AM827">
        <v>20406.382860000002</v>
      </c>
      <c r="AN827">
        <v>101366.4376</v>
      </c>
      <c r="AO827">
        <v>33131.367180000001</v>
      </c>
      <c r="AP827">
        <v>16856.021840000001</v>
      </c>
    </row>
    <row r="828" spans="2:42" x14ac:dyDescent="0.3">
      <c r="B828">
        <v>40.647128842378635</v>
      </c>
      <c r="C828" s="83">
        <v>43135.416666666664</v>
      </c>
      <c r="D828">
        <v>169875.28469999999</v>
      </c>
      <c r="E828">
        <v>19254.051049999998</v>
      </c>
      <c r="F828">
        <v>54662.60641</v>
      </c>
      <c r="G828">
        <v>43018.346879999997</v>
      </c>
      <c r="H828">
        <v>40577.307439999997</v>
      </c>
      <c r="I828">
        <v>29753.558349999999</v>
      </c>
      <c r="J828">
        <v>41528.904900000001</v>
      </c>
      <c r="K828">
        <v>47375.060700000002</v>
      </c>
      <c r="L828">
        <v>27903.948079999998</v>
      </c>
      <c r="M828">
        <v>207238.0183</v>
      </c>
      <c r="N828">
        <v>79925.214720000004</v>
      </c>
      <c r="O828">
        <v>23295.847229999999</v>
      </c>
      <c r="P828">
        <v>42916.276709999998</v>
      </c>
      <c r="Q828">
        <v>50355.105360000001</v>
      </c>
      <c r="R828">
        <v>21321.14011</v>
      </c>
      <c r="S828">
        <v>100894.58130000001</v>
      </c>
      <c r="T828">
        <v>35533.641519999997</v>
      </c>
      <c r="U828">
        <v>16942.63668</v>
      </c>
      <c r="W828" s="83">
        <f>Bühler!N860</f>
        <v>45326.416666664663</v>
      </c>
      <c r="X828" s="83">
        <v>43135.416666666664</v>
      </c>
      <c r="Y828">
        <v>169875.28469999999</v>
      </c>
      <c r="Z828">
        <v>19254.051049999998</v>
      </c>
      <c r="AA828">
        <v>54662.60641</v>
      </c>
      <c r="AB828">
        <v>43018.346879999997</v>
      </c>
      <c r="AC828">
        <v>40577.307439999997</v>
      </c>
      <c r="AD828">
        <v>29753.558349999999</v>
      </c>
      <c r="AE828">
        <v>41528.904900000001</v>
      </c>
      <c r="AF828">
        <v>47375.060700000002</v>
      </c>
      <c r="AG828">
        <v>27903.948079999998</v>
      </c>
      <c r="AH828">
        <v>207238.0183</v>
      </c>
      <c r="AI828">
        <v>79925.214720000004</v>
      </c>
      <c r="AJ828">
        <v>23295.847229999999</v>
      </c>
      <c r="AK828">
        <v>42916.276709999998</v>
      </c>
      <c r="AL828">
        <v>50355.105360000001</v>
      </c>
      <c r="AM828">
        <v>21321.14011</v>
      </c>
      <c r="AN828">
        <v>100894.58130000001</v>
      </c>
      <c r="AO828">
        <v>35533.641519999997</v>
      </c>
      <c r="AP828">
        <v>16942.63668</v>
      </c>
    </row>
    <row r="829" spans="2:42" x14ac:dyDescent="0.3">
      <c r="B829">
        <v>40.647811243666915</v>
      </c>
      <c r="C829" s="83">
        <v>43135.458333333336</v>
      </c>
      <c r="D829">
        <v>169034.53080000001</v>
      </c>
      <c r="E829">
        <v>19398.351119999999</v>
      </c>
      <c r="F829">
        <v>54236.297169999998</v>
      </c>
      <c r="G829">
        <v>43198.008029999997</v>
      </c>
      <c r="H829">
        <v>40422.034370000001</v>
      </c>
      <c r="I829">
        <v>29303.76166</v>
      </c>
      <c r="J829">
        <v>41271.645620000003</v>
      </c>
      <c r="K829">
        <v>49506.404499999997</v>
      </c>
      <c r="L829">
        <v>28621.7143</v>
      </c>
      <c r="M829">
        <v>207241.4975</v>
      </c>
      <c r="N829">
        <v>79149.196580000003</v>
      </c>
      <c r="O829">
        <v>23001.030040000001</v>
      </c>
      <c r="P829">
        <v>42287.178090000001</v>
      </c>
      <c r="Q829">
        <v>49403.200129999997</v>
      </c>
      <c r="R829">
        <v>23622.670880000001</v>
      </c>
      <c r="S829">
        <v>102036.09570000001</v>
      </c>
      <c r="T829">
        <v>36382.48863</v>
      </c>
      <c r="U829">
        <v>16540.257430000001</v>
      </c>
      <c r="W829" s="83">
        <f>Bühler!N861</f>
        <v>45326.458333331328</v>
      </c>
      <c r="X829" s="83">
        <v>43135.458333333336</v>
      </c>
      <c r="Y829">
        <v>169034.53080000001</v>
      </c>
      <c r="Z829">
        <v>19398.351119999999</v>
      </c>
      <c r="AA829">
        <v>54236.297169999998</v>
      </c>
      <c r="AB829">
        <v>43198.008029999997</v>
      </c>
      <c r="AC829">
        <v>40422.034370000001</v>
      </c>
      <c r="AD829">
        <v>29303.76166</v>
      </c>
      <c r="AE829">
        <v>41271.645620000003</v>
      </c>
      <c r="AF829">
        <v>49506.404499999997</v>
      </c>
      <c r="AG829">
        <v>28621.7143</v>
      </c>
      <c r="AH829">
        <v>207241.4975</v>
      </c>
      <c r="AI829">
        <v>79149.196580000003</v>
      </c>
      <c r="AJ829">
        <v>23001.030040000001</v>
      </c>
      <c r="AK829">
        <v>42287.178090000001</v>
      </c>
      <c r="AL829">
        <v>49403.200129999997</v>
      </c>
      <c r="AM829">
        <v>23622.670880000001</v>
      </c>
      <c r="AN829">
        <v>102036.09570000001</v>
      </c>
      <c r="AO829">
        <v>36382.48863</v>
      </c>
      <c r="AP829">
        <v>16540.257430000001</v>
      </c>
    </row>
    <row r="830" spans="2:42" x14ac:dyDescent="0.3">
      <c r="B830">
        <v>40.034314028973085</v>
      </c>
      <c r="C830" s="83">
        <v>43135.5</v>
      </c>
      <c r="D830">
        <v>167680.44399999999</v>
      </c>
      <c r="E830">
        <v>19323.149399999998</v>
      </c>
      <c r="F830">
        <v>52438.128839999998</v>
      </c>
      <c r="G830">
        <v>42731.962829999997</v>
      </c>
      <c r="H830">
        <v>39805.164599999996</v>
      </c>
      <c r="I830">
        <v>28343.559270000002</v>
      </c>
      <c r="J830">
        <v>42130.452409999998</v>
      </c>
      <c r="K830">
        <v>50514.905500000001</v>
      </c>
      <c r="L830">
        <v>29876.099010000002</v>
      </c>
      <c r="M830">
        <v>204113.60260000001</v>
      </c>
      <c r="N830">
        <v>78605.93939</v>
      </c>
      <c r="O830">
        <v>23085.37299</v>
      </c>
      <c r="P830">
        <v>40874.044820000003</v>
      </c>
      <c r="Q830">
        <v>47784.524360000003</v>
      </c>
      <c r="R830">
        <v>21282.76021</v>
      </c>
      <c r="S830">
        <v>97286.868950000004</v>
      </c>
      <c r="T830">
        <v>36071.263740000002</v>
      </c>
      <c r="U830">
        <v>15952.946540000001</v>
      </c>
      <c r="W830" s="83">
        <f>Bühler!N862</f>
        <v>45326.499999997992</v>
      </c>
      <c r="X830" s="83">
        <v>43135.5</v>
      </c>
      <c r="Y830">
        <v>167680.44399999999</v>
      </c>
      <c r="Z830">
        <v>19323.149399999998</v>
      </c>
      <c r="AA830">
        <v>52438.128839999998</v>
      </c>
      <c r="AB830">
        <v>42731.962829999997</v>
      </c>
      <c r="AC830">
        <v>39805.164599999996</v>
      </c>
      <c r="AD830">
        <v>28343.559270000002</v>
      </c>
      <c r="AE830">
        <v>42130.452409999998</v>
      </c>
      <c r="AF830">
        <v>50514.905500000001</v>
      </c>
      <c r="AG830">
        <v>29876.099010000002</v>
      </c>
      <c r="AH830">
        <v>204113.60260000001</v>
      </c>
      <c r="AI830">
        <v>78605.93939</v>
      </c>
      <c r="AJ830">
        <v>23085.37299</v>
      </c>
      <c r="AK830">
        <v>40874.044820000003</v>
      </c>
      <c r="AL830">
        <v>47784.524360000003</v>
      </c>
      <c r="AM830">
        <v>21282.76021</v>
      </c>
      <c r="AN830">
        <v>97286.868950000004</v>
      </c>
      <c r="AO830">
        <v>36071.263740000002</v>
      </c>
      <c r="AP830">
        <v>15952.946540000001</v>
      </c>
    </row>
    <row r="831" spans="2:42" x14ac:dyDescent="0.3">
      <c r="B831">
        <v>40.32115463983785</v>
      </c>
      <c r="C831" s="83">
        <v>43135.541666666664</v>
      </c>
      <c r="D831">
        <v>168286.4179</v>
      </c>
      <c r="E831">
        <v>19202.075049999999</v>
      </c>
      <c r="F831">
        <v>48026.151599999997</v>
      </c>
      <c r="G831">
        <v>42609.483950000002</v>
      </c>
      <c r="H831">
        <v>38986.771529999998</v>
      </c>
      <c r="I831">
        <v>27761.926950000001</v>
      </c>
      <c r="J831">
        <v>41478.567060000001</v>
      </c>
      <c r="K831">
        <v>50783.298020000002</v>
      </c>
      <c r="L831">
        <v>29677.608039999999</v>
      </c>
      <c r="M831">
        <v>205576.04980000001</v>
      </c>
      <c r="N831">
        <v>78988.719150000004</v>
      </c>
      <c r="O831">
        <v>23084.174330000002</v>
      </c>
      <c r="P831">
        <v>40185.369780000001</v>
      </c>
      <c r="Q831">
        <v>46062.291850000001</v>
      </c>
      <c r="R831">
        <v>21547.633969999999</v>
      </c>
      <c r="S831">
        <v>98277.918959999995</v>
      </c>
      <c r="T831">
        <v>35442.95491</v>
      </c>
      <c r="U831">
        <v>15724.660470000001</v>
      </c>
      <c r="W831" s="83">
        <f>Bühler!N863</f>
        <v>45326.541666664656</v>
      </c>
      <c r="X831" s="83">
        <v>43135.541666666664</v>
      </c>
      <c r="Y831">
        <v>168286.4179</v>
      </c>
      <c r="Z831">
        <v>19202.075049999999</v>
      </c>
      <c r="AA831">
        <v>48026.151599999997</v>
      </c>
      <c r="AB831">
        <v>42609.483950000002</v>
      </c>
      <c r="AC831">
        <v>38986.771529999998</v>
      </c>
      <c r="AD831">
        <v>27761.926950000001</v>
      </c>
      <c r="AE831">
        <v>41478.567060000001</v>
      </c>
      <c r="AF831">
        <v>50783.298020000002</v>
      </c>
      <c r="AG831">
        <v>29677.608039999999</v>
      </c>
      <c r="AH831">
        <v>205576.04980000001</v>
      </c>
      <c r="AI831">
        <v>78988.719150000004</v>
      </c>
      <c r="AJ831">
        <v>23084.174330000002</v>
      </c>
      <c r="AK831">
        <v>40185.369780000001</v>
      </c>
      <c r="AL831">
        <v>46062.291850000001</v>
      </c>
      <c r="AM831">
        <v>21547.633969999999</v>
      </c>
      <c r="AN831">
        <v>98277.918959999995</v>
      </c>
      <c r="AO831">
        <v>35442.95491</v>
      </c>
      <c r="AP831">
        <v>15724.660470000001</v>
      </c>
    </row>
    <row r="832" spans="2:42" x14ac:dyDescent="0.3">
      <c r="B832">
        <v>40.425375549492067</v>
      </c>
      <c r="C832" s="83">
        <v>43135.583333333336</v>
      </c>
      <c r="D832">
        <v>168413.09789999999</v>
      </c>
      <c r="E832">
        <v>19113.628089999998</v>
      </c>
      <c r="F832">
        <v>47146.963219999998</v>
      </c>
      <c r="G832">
        <v>42167.258650000003</v>
      </c>
      <c r="H832">
        <v>38922.807419999997</v>
      </c>
      <c r="I832">
        <v>28231.168320000001</v>
      </c>
      <c r="J832">
        <v>40298.287929999999</v>
      </c>
      <c r="K832">
        <v>48251.016539999997</v>
      </c>
      <c r="L832">
        <v>28529.528129999999</v>
      </c>
      <c r="M832">
        <v>206107.4166</v>
      </c>
      <c r="N832">
        <v>79761.465160000007</v>
      </c>
      <c r="O832">
        <v>22895.760409999999</v>
      </c>
      <c r="P832">
        <v>38485.457349999997</v>
      </c>
      <c r="Q832">
        <v>45850.184840000002</v>
      </c>
      <c r="R832">
        <v>21850.82617</v>
      </c>
      <c r="S832">
        <v>95859.717350000006</v>
      </c>
      <c r="T832">
        <v>34499.417139999998</v>
      </c>
      <c r="U832">
        <v>15740.415230000001</v>
      </c>
      <c r="W832" s="83">
        <f>Bühler!N864</f>
        <v>45326.58333333132</v>
      </c>
      <c r="X832" s="83">
        <v>43135.583333333336</v>
      </c>
      <c r="Y832">
        <v>168413.09789999999</v>
      </c>
      <c r="Z832">
        <v>19113.628089999998</v>
      </c>
      <c r="AA832">
        <v>47146.963219999998</v>
      </c>
      <c r="AB832">
        <v>42167.258650000003</v>
      </c>
      <c r="AC832">
        <v>38922.807419999997</v>
      </c>
      <c r="AD832">
        <v>28231.168320000001</v>
      </c>
      <c r="AE832">
        <v>40298.287929999999</v>
      </c>
      <c r="AF832">
        <v>48251.016539999997</v>
      </c>
      <c r="AG832">
        <v>28529.528129999999</v>
      </c>
      <c r="AH832">
        <v>206107.4166</v>
      </c>
      <c r="AI832">
        <v>79761.465160000007</v>
      </c>
      <c r="AJ832">
        <v>22895.760409999999</v>
      </c>
      <c r="AK832">
        <v>38485.457349999997</v>
      </c>
      <c r="AL832">
        <v>45850.184840000002</v>
      </c>
      <c r="AM832">
        <v>21850.82617</v>
      </c>
      <c r="AN832">
        <v>95859.717350000006</v>
      </c>
      <c r="AO832">
        <v>34499.417139999998</v>
      </c>
      <c r="AP832">
        <v>15740.415230000001</v>
      </c>
    </row>
    <row r="833" spans="2:42" x14ac:dyDescent="0.3">
      <c r="B833">
        <v>40.287148492033516</v>
      </c>
      <c r="C833" s="83">
        <v>43135.625</v>
      </c>
      <c r="D833">
        <v>168891.9418</v>
      </c>
      <c r="E833">
        <v>18992.34158</v>
      </c>
      <c r="F833">
        <v>47138.877359999999</v>
      </c>
      <c r="G833">
        <v>41751.93563</v>
      </c>
      <c r="H833">
        <v>38923.612009999997</v>
      </c>
      <c r="I833">
        <v>29050.367429999998</v>
      </c>
      <c r="J833">
        <v>40088.030460000002</v>
      </c>
      <c r="K833">
        <v>47466.169620000001</v>
      </c>
      <c r="L833">
        <v>26681.617330000001</v>
      </c>
      <c r="M833">
        <v>205402.67060000001</v>
      </c>
      <c r="N833">
        <v>80255.265039999998</v>
      </c>
      <c r="O833">
        <v>23105.883300000001</v>
      </c>
      <c r="P833">
        <v>36046.669029999997</v>
      </c>
      <c r="Q833">
        <v>46073.464200000002</v>
      </c>
      <c r="R833">
        <v>21445.278620000001</v>
      </c>
      <c r="S833">
        <v>95276.534830000004</v>
      </c>
      <c r="T833">
        <v>34901.312960000003</v>
      </c>
      <c r="U833">
        <v>15727.70609</v>
      </c>
      <c r="W833" s="83">
        <f>Bühler!N865</f>
        <v>45326.624999997985</v>
      </c>
      <c r="X833" s="83">
        <v>43135.625</v>
      </c>
      <c r="Y833">
        <v>168891.9418</v>
      </c>
      <c r="Z833">
        <v>18992.34158</v>
      </c>
      <c r="AA833">
        <v>47138.877359999999</v>
      </c>
      <c r="AB833">
        <v>41751.93563</v>
      </c>
      <c r="AC833">
        <v>38923.612009999997</v>
      </c>
      <c r="AD833">
        <v>29050.367429999998</v>
      </c>
      <c r="AE833">
        <v>40088.030460000002</v>
      </c>
      <c r="AF833">
        <v>47466.169620000001</v>
      </c>
      <c r="AG833">
        <v>26681.617330000001</v>
      </c>
      <c r="AH833">
        <v>205402.67060000001</v>
      </c>
      <c r="AI833">
        <v>80255.265039999998</v>
      </c>
      <c r="AJ833">
        <v>23105.883300000001</v>
      </c>
      <c r="AK833">
        <v>36046.669029999997</v>
      </c>
      <c r="AL833">
        <v>46073.464200000002</v>
      </c>
      <c r="AM833">
        <v>21445.278620000001</v>
      </c>
      <c r="AN833">
        <v>95276.534830000004</v>
      </c>
      <c r="AO833">
        <v>34901.312960000003</v>
      </c>
      <c r="AP833">
        <v>15727.70609</v>
      </c>
    </row>
    <row r="834" spans="2:42" x14ac:dyDescent="0.3">
      <c r="B834">
        <v>39.898632854752634</v>
      </c>
      <c r="C834" s="83">
        <v>43135.666666666664</v>
      </c>
      <c r="D834">
        <v>169628.38399999999</v>
      </c>
      <c r="E834">
        <v>19145.379140000001</v>
      </c>
      <c r="F834">
        <v>47100.202660000003</v>
      </c>
      <c r="G834">
        <v>42447.543279999998</v>
      </c>
      <c r="H834">
        <v>38692.529029999998</v>
      </c>
      <c r="I834">
        <v>29094.802749999999</v>
      </c>
      <c r="J834">
        <v>39954.728000000003</v>
      </c>
      <c r="K834">
        <v>46716.784899999999</v>
      </c>
      <c r="L834">
        <v>25867.361799999999</v>
      </c>
      <c r="M834">
        <v>203421.83670000001</v>
      </c>
      <c r="N834">
        <v>77724.842610000007</v>
      </c>
      <c r="O834">
        <v>22893.15249</v>
      </c>
      <c r="P834">
        <v>35842.426769999998</v>
      </c>
      <c r="Q834">
        <v>46395.21011</v>
      </c>
      <c r="R834">
        <v>21506.95117</v>
      </c>
      <c r="S834">
        <v>96301.929459999999</v>
      </c>
      <c r="T834">
        <v>34575.725339999997</v>
      </c>
      <c r="U834">
        <v>16079.18924</v>
      </c>
      <c r="W834" s="83">
        <f>Bühler!N866</f>
        <v>45326.666666664649</v>
      </c>
      <c r="X834" s="83">
        <v>43135.666666666664</v>
      </c>
      <c r="Y834">
        <v>169628.38399999999</v>
      </c>
      <c r="Z834">
        <v>19145.379140000001</v>
      </c>
      <c r="AA834">
        <v>47100.202660000003</v>
      </c>
      <c r="AB834">
        <v>42447.543279999998</v>
      </c>
      <c r="AC834">
        <v>38692.529029999998</v>
      </c>
      <c r="AD834">
        <v>29094.802749999999</v>
      </c>
      <c r="AE834">
        <v>39954.728000000003</v>
      </c>
      <c r="AF834">
        <v>46716.784899999999</v>
      </c>
      <c r="AG834">
        <v>25867.361799999999</v>
      </c>
      <c r="AH834">
        <v>203421.83670000001</v>
      </c>
      <c r="AI834">
        <v>77724.842610000007</v>
      </c>
      <c r="AJ834">
        <v>22893.15249</v>
      </c>
      <c r="AK834">
        <v>35842.426769999998</v>
      </c>
      <c r="AL834">
        <v>46395.21011</v>
      </c>
      <c r="AM834">
        <v>21506.95117</v>
      </c>
      <c r="AN834">
        <v>96301.929459999999</v>
      </c>
      <c r="AO834">
        <v>34575.725339999997</v>
      </c>
      <c r="AP834">
        <v>16079.18924</v>
      </c>
    </row>
    <row r="835" spans="2:42" x14ac:dyDescent="0.3">
      <c r="B835">
        <v>40.438386187505728</v>
      </c>
      <c r="C835" s="83">
        <v>43135.708333333336</v>
      </c>
      <c r="D835">
        <v>171337.65090000001</v>
      </c>
      <c r="E835">
        <v>19574.430540000001</v>
      </c>
      <c r="F835">
        <v>47793.741379999999</v>
      </c>
      <c r="G835">
        <v>43697.892599999999</v>
      </c>
      <c r="H835">
        <v>39485.105430000003</v>
      </c>
      <c r="I835">
        <v>29951.69975</v>
      </c>
      <c r="J835">
        <v>40875.622139999999</v>
      </c>
      <c r="K835">
        <v>47378.24856</v>
      </c>
      <c r="L835">
        <v>26585.679629999999</v>
      </c>
      <c r="M835">
        <v>206173.75090000001</v>
      </c>
      <c r="N835">
        <v>73731.024239999999</v>
      </c>
      <c r="O835">
        <v>23643.41303</v>
      </c>
      <c r="P835">
        <v>37518.78961</v>
      </c>
      <c r="Q835">
        <v>46874.756410000002</v>
      </c>
      <c r="R835">
        <v>24227.406449999999</v>
      </c>
      <c r="S835">
        <v>99256.830709999995</v>
      </c>
      <c r="T835">
        <v>34387.082629999997</v>
      </c>
      <c r="U835">
        <v>16313.300740000001</v>
      </c>
      <c r="W835" s="83">
        <f>Bühler!N867</f>
        <v>45326.708333331313</v>
      </c>
      <c r="X835" s="83">
        <v>43135.708333333336</v>
      </c>
      <c r="Y835">
        <v>171337.65090000001</v>
      </c>
      <c r="Z835">
        <v>19574.430540000001</v>
      </c>
      <c r="AA835">
        <v>47793.741379999999</v>
      </c>
      <c r="AB835">
        <v>43697.892599999999</v>
      </c>
      <c r="AC835">
        <v>39485.105430000003</v>
      </c>
      <c r="AD835">
        <v>29951.69975</v>
      </c>
      <c r="AE835">
        <v>40875.622139999999</v>
      </c>
      <c r="AF835">
        <v>47378.24856</v>
      </c>
      <c r="AG835">
        <v>26585.679629999999</v>
      </c>
      <c r="AH835">
        <v>206173.75090000001</v>
      </c>
      <c r="AI835">
        <v>73731.024239999999</v>
      </c>
      <c r="AJ835">
        <v>23643.41303</v>
      </c>
      <c r="AK835">
        <v>37518.78961</v>
      </c>
      <c r="AL835">
        <v>46874.756410000002</v>
      </c>
      <c r="AM835">
        <v>24227.406449999999</v>
      </c>
      <c r="AN835">
        <v>99256.830709999995</v>
      </c>
      <c r="AO835">
        <v>34387.082629999997</v>
      </c>
      <c r="AP835">
        <v>16313.300740000001</v>
      </c>
    </row>
    <row r="836" spans="2:42" x14ac:dyDescent="0.3">
      <c r="B836">
        <v>40.88522132325091</v>
      </c>
      <c r="C836" s="83">
        <v>43135.75</v>
      </c>
      <c r="D836">
        <v>174233.2476</v>
      </c>
      <c r="E836">
        <v>19623.938979999999</v>
      </c>
      <c r="F836">
        <v>48455.494250000003</v>
      </c>
      <c r="G836">
        <v>45246.729270000003</v>
      </c>
      <c r="H836">
        <v>41007.32488</v>
      </c>
      <c r="I836">
        <v>30878.508089999999</v>
      </c>
      <c r="J836">
        <v>43916.183839999998</v>
      </c>
      <c r="K836">
        <v>48412.345269999998</v>
      </c>
      <c r="L836">
        <v>28523.040099999998</v>
      </c>
      <c r="M836">
        <v>208451.92480000001</v>
      </c>
      <c r="N836">
        <v>74669.892930000002</v>
      </c>
      <c r="O836">
        <v>23933.71876</v>
      </c>
      <c r="P836">
        <v>39589.040560000001</v>
      </c>
      <c r="Q836">
        <v>48339.441590000002</v>
      </c>
      <c r="R836">
        <v>23122.604220000001</v>
      </c>
      <c r="S836">
        <v>99323.765190000006</v>
      </c>
      <c r="T836">
        <v>34394.047299999998</v>
      </c>
      <c r="U836">
        <v>17521.757020000001</v>
      </c>
      <c r="W836" s="83">
        <f>Bühler!N868</f>
        <v>45326.749999997977</v>
      </c>
      <c r="X836" s="83">
        <v>43135.75</v>
      </c>
      <c r="Y836">
        <v>174233.2476</v>
      </c>
      <c r="Z836">
        <v>19623.938979999999</v>
      </c>
      <c r="AA836">
        <v>48455.494250000003</v>
      </c>
      <c r="AB836">
        <v>45246.729270000003</v>
      </c>
      <c r="AC836">
        <v>41007.32488</v>
      </c>
      <c r="AD836">
        <v>30878.508089999999</v>
      </c>
      <c r="AE836">
        <v>43916.183839999998</v>
      </c>
      <c r="AF836">
        <v>48412.345269999998</v>
      </c>
      <c r="AG836">
        <v>28523.040099999998</v>
      </c>
      <c r="AH836">
        <v>208451.92480000001</v>
      </c>
      <c r="AI836">
        <v>74669.892930000002</v>
      </c>
      <c r="AJ836">
        <v>23933.71876</v>
      </c>
      <c r="AK836">
        <v>39589.040560000001</v>
      </c>
      <c r="AL836">
        <v>48339.441590000002</v>
      </c>
      <c r="AM836">
        <v>23122.604220000001</v>
      </c>
      <c r="AN836">
        <v>99323.765190000006</v>
      </c>
      <c r="AO836">
        <v>34394.047299999998</v>
      </c>
      <c r="AP836">
        <v>17521.757020000001</v>
      </c>
    </row>
    <row r="837" spans="2:42" x14ac:dyDescent="0.3">
      <c r="B837">
        <v>41.041218587262449</v>
      </c>
      <c r="C837" s="83">
        <v>43135.791666666664</v>
      </c>
      <c r="D837">
        <v>175596.288</v>
      </c>
      <c r="E837">
        <v>18780.01785</v>
      </c>
      <c r="F837">
        <v>48428.35843</v>
      </c>
      <c r="G837">
        <v>45877.204700000002</v>
      </c>
      <c r="H837">
        <v>41158.494160000002</v>
      </c>
      <c r="I837">
        <v>31311.6044</v>
      </c>
      <c r="J837">
        <v>43747.188540000003</v>
      </c>
      <c r="K837">
        <v>49368.409699999997</v>
      </c>
      <c r="L837">
        <v>29272.160489999998</v>
      </c>
      <c r="M837">
        <v>209247.27160000001</v>
      </c>
      <c r="N837">
        <v>74600.673299999995</v>
      </c>
      <c r="O837">
        <v>24043.022789999999</v>
      </c>
      <c r="P837">
        <v>39782.776550000002</v>
      </c>
      <c r="Q837">
        <v>48816.367489999997</v>
      </c>
      <c r="R837">
        <v>23483.331819999999</v>
      </c>
      <c r="S837">
        <v>98218.119390000007</v>
      </c>
      <c r="T837">
        <v>34201.572410000001</v>
      </c>
      <c r="U837">
        <v>17435.179769999999</v>
      </c>
      <c r="W837" s="83">
        <f>Bühler!N869</f>
        <v>45326.791666664642</v>
      </c>
      <c r="X837" s="83">
        <v>43135.791666666664</v>
      </c>
      <c r="Y837">
        <v>175596.288</v>
      </c>
      <c r="Z837">
        <v>18780.01785</v>
      </c>
      <c r="AA837">
        <v>48428.35843</v>
      </c>
      <c r="AB837">
        <v>45877.204700000002</v>
      </c>
      <c r="AC837">
        <v>41158.494160000002</v>
      </c>
      <c r="AD837">
        <v>31311.6044</v>
      </c>
      <c r="AE837">
        <v>43747.188540000003</v>
      </c>
      <c r="AF837">
        <v>49368.409699999997</v>
      </c>
      <c r="AG837">
        <v>29272.160489999998</v>
      </c>
      <c r="AH837">
        <v>209247.27160000001</v>
      </c>
      <c r="AI837">
        <v>74600.673299999995</v>
      </c>
      <c r="AJ837">
        <v>24043.022789999999</v>
      </c>
      <c r="AK837">
        <v>39782.776550000002</v>
      </c>
      <c r="AL837">
        <v>48816.367489999997</v>
      </c>
      <c r="AM837">
        <v>23483.331819999999</v>
      </c>
      <c r="AN837">
        <v>98218.119390000007</v>
      </c>
      <c r="AO837">
        <v>34201.572410000001</v>
      </c>
      <c r="AP837">
        <v>17435.179769999999</v>
      </c>
    </row>
    <row r="838" spans="2:42" x14ac:dyDescent="0.3">
      <c r="B838">
        <v>41.54984459870834</v>
      </c>
      <c r="C838" s="83">
        <v>43135.833333333336</v>
      </c>
      <c r="D838">
        <v>177230.69099999999</v>
      </c>
      <c r="E838">
        <v>17972.221119999998</v>
      </c>
      <c r="F838">
        <v>48712.877520000002</v>
      </c>
      <c r="G838">
        <v>45838.677839999997</v>
      </c>
      <c r="H838">
        <v>40460.644690000001</v>
      </c>
      <c r="I838">
        <v>30692.885470000001</v>
      </c>
      <c r="J838">
        <v>42682.828119999998</v>
      </c>
      <c r="K838">
        <v>50289.406029999998</v>
      </c>
      <c r="L838">
        <v>28445.892159999999</v>
      </c>
      <c r="M838">
        <v>211840.48420000001</v>
      </c>
      <c r="N838">
        <v>75434.804780000006</v>
      </c>
      <c r="O838">
        <v>23749.36102</v>
      </c>
      <c r="P838">
        <v>38700.66272</v>
      </c>
      <c r="Q838">
        <v>50291.362589999997</v>
      </c>
      <c r="R838">
        <v>23138.23386</v>
      </c>
      <c r="S838">
        <v>91943.989579999994</v>
      </c>
      <c r="T838">
        <v>31641.785739999999</v>
      </c>
      <c r="U838">
        <v>17628.725729999998</v>
      </c>
      <c r="W838" s="83">
        <f>Bühler!N870</f>
        <v>45326.833333331306</v>
      </c>
      <c r="X838" s="83">
        <v>43135.833333333336</v>
      </c>
      <c r="Y838">
        <v>177230.69099999999</v>
      </c>
      <c r="Z838">
        <v>17972.221119999998</v>
      </c>
      <c r="AA838">
        <v>48712.877520000002</v>
      </c>
      <c r="AB838">
        <v>45838.677839999997</v>
      </c>
      <c r="AC838">
        <v>40460.644690000001</v>
      </c>
      <c r="AD838">
        <v>30692.885470000001</v>
      </c>
      <c r="AE838">
        <v>42682.828119999998</v>
      </c>
      <c r="AF838">
        <v>50289.406029999998</v>
      </c>
      <c r="AG838">
        <v>28445.892159999999</v>
      </c>
      <c r="AH838">
        <v>211840.48420000001</v>
      </c>
      <c r="AI838">
        <v>75434.804780000006</v>
      </c>
      <c r="AJ838">
        <v>23749.36102</v>
      </c>
      <c r="AK838">
        <v>38700.66272</v>
      </c>
      <c r="AL838">
        <v>50291.362589999997</v>
      </c>
      <c r="AM838">
        <v>23138.23386</v>
      </c>
      <c r="AN838">
        <v>91943.989579999994</v>
      </c>
      <c r="AO838">
        <v>31641.785739999999</v>
      </c>
      <c r="AP838">
        <v>17628.725729999998</v>
      </c>
    </row>
    <row r="839" spans="2:42" x14ac:dyDescent="0.3">
      <c r="B839">
        <v>41.809881639472934</v>
      </c>
      <c r="C839" s="83">
        <v>43135.875</v>
      </c>
      <c r="D839">
        <v>179199.7671</v>
      </c>
      <c r="E839">
        <v>17481.119600000002</v>
      </c>
      <c r="F839">
        <v>48890.532679999997</v>
      </c>
      <c r="G839">
        <v>45719.985780000003</v>
      </c>
      <c r="H839">
        <v>40604.018279999997</v>
      </c>
      <c r="I839">
        <v>29531.785680000001</v>
      </c>
      <c r="J839">
        <v>41158.12932</v>
      </c>
      <c r="K839">
        <v>49536.153660000004</v>
      </c>
      <c r="L839">
        <v>26534.65279</v>
      </c>
      <c r="M839">
        <v>213166.27429999999</v>
      </c>
      <c r="N839">
        <v>75723.440520000004</v>
      </c>
      <c r="O839">
        <v>24034.499159999999</v>
      </c>
      <c r="P839">
        <v>38271.761409999999</v>
      </c>
      <c r="Q839">
        <v>51794.865160000001</v>
      </c>
      <c r="R839">
        <v>23083.886770000001</v>
      </c>
      <c r="S839">
        <v>88167.625530000005</v>
      </c>
      <c r="T839">
        <v>30229.875840000001</v>
      </c>
      <c r="U839">
        <v>17718.768820000001</v>
      </c>
      <c r="W839" s="83">
        <f>Bühler!N871</f>
        <v>45326.87499999797</v>
      </c>
      <c r="X839" s="83">
        <v>43135.875</v>
      </c>
      <c r="Y839">
        <v>179199.7671</v>
      </c>
      <c r="Z839">
        <v>17481.119600000002</v>
      </c>
      <c r="AA839">
        <v>48890.532679999997</v>
      </c>
      <c r="AB839">
        <v>45719.985780000003</v>
      </c>
      <c r="AC839">
        <v>40604.018279999997</v>
      </c>
      <c r="AD839">
        <v>29531.785680000001</v>
      </c>
      <c r="AE839">
        <v>41158.12932</v>
      </c>
      <c r="AF839">
        <v>49536.153660000004</v>
      </c>
      <c r="AG839">
        <v>26534.65279</v>
      </c>
      <c r="AH839">
        <v>213166.27429999999</v>
      </c>
      <c r="AI839">
        <v>75723.440520000004</v>
      </c>
      <c r="AJ839">
        <v>24034.499159999999</v>
      </c>
      <c r="AK839">
        <v>38271.761409999999</v>
      </c>
      <c r="AL839">
        <v>51794.865160000001</v>
      </c>
      <c r="AM839">
        <v>23083.886770000001</v>
      </c>
      <c r="AN839">
        <v>88167.625530000005</v>
      </c>
      <c r="AO839">
        <v>30229.875840000001</v>
      </c>
      <c r="AP839">
        <v>17718.768820000001</v>
      </c>
    </row>
    <row r="840" spans="2:42" x14ac:dyDescent="0.3">
      <c r="B840">
        <v>42.37905252447419</v>
      </c>
      <c r="C840" s="83">
        <v>43135.916666666664</v>
      </c>
      <c r="D840">
        <v>180048.245</v>
      </c>
      <c r="E840">
        <v>17408.188450000001</v>
      </c>
      <c r="F840">
        <v>48381.563329999997</v>
      </c>
      <c r="G840">
        <v>46032.211020000002</v>
      </c>
      <c r="H840">
        <v>40909.820119999997</v>
      </c>
      <c r="I840">
        <v>29581.159449999999</v>
      </c>
      <c r="J840">
        <v>39999.845430000001</v>
      </c>
      <c r="K840">
        <v>51931.370620000002</v>
      </c>
      <c r="L840">
        <v>23718.67916</v>
      </c>
      <c r="M840">
        <v>216068.17290000001</v>
      </c>
      <c r="N840">
        <v>76493.314599999998</v>
      </c>
      <c r="O840">
        <v>25205.021089999998</v>
      </c>
      <c r="P840">
        <v>36695.333680000003</v>
      </c>
      <c r="Q840">
        <v>54048.261259999999</v>
      </c>
      <c r="R840">
        <v>32945.161500000002</v>
      </c>
      <c r="S840">
        <v>86162.420159999994</v>
      </c>
      <c r="T840">
        <v>29208.729940000001</v>
      </c>
      <c r="U840">
        <v>18419.858950000002</v>
      </c>
      <c r="W840" s="83">
        <f>Bühler!N872</f>
        <v>45326.916666664634</v>
      </c>
      <c r="X840" s="83">
        <v>43135.916666666664</v>
      </c>
      <c r="Y840">
        <v>180048.245</v>
      </c>
      <c r="Z840">
        <v>17408.188450000001</v>
      </c>
      <c r="AA840">
        <v>48381.563329999997</v>
      </c>
      <c r="AB840">
        <v>46032.211020000002</v>
      </c>
      <c r="AC840">
        <v>40909.820119999997</v>
      </c>
      <c r="AD840">
        <v>29581.159449999999</v>
      </c>
      <c r="AE840">
        <v>39999.845430000001</v>
      </c>
      <c r="AF840">
        <v>51931.370620000002</v>
      </c>
      <c r="AG840">
        <v>23718.67916</v>
      </c>
      <c r="AH840">
        <v>216068.17290000001</v>
      </c>
      <c r="AI840">
        <v>76493.314599999998</v>
      </c>
      <c r="AJ840">
        <v>25205.021089999998</v>
      </c>
      <c r="AK840">
        <v>36695.333680000003</v>
      </c>
      <c r="AL840">
        <v>54048.261259999999</v>
      </c>
      <c r="AM840">
        <v>32945.161500000002</v>
      </c>
      <c r="AN840">
        <v>86162.420159999994</v>
      </c>
      <c r="AO840">
        <v>29208.729940000001</v>
      </c>
      <c r="AP840">
        <v>18419.858950000002</v>
      </c>
    </row>
    <row r="841" spans="2:42" x14ac:dyDescent="0.3">
      <c r="B841">
        <v>42.251896404080675</v>
      </c>
      <c r="C841" s="83">
        <v>43135.958333333336</v>
      </c>
      <c r="D841">
        <v>182929.63510000001</v>
      </c>
      <c r="E841">
        <v>17559.153869999998</v>
      </c>
      <c r="F841">
        <v>48368.730810000001</v>
      </c>
      <c r="G841">
        <v>45717.19947</v>
      </c>
      <c r="H841">
        <v>40874.634850000002</v>
      </c>
      <c r="I841">
        <v>28443.6453</v>
      </c>
      <c r="J841">
        <v>38062.356269999997</v>
      </c>
      <c r="K841">
        <v>51357.961730000003</v>
      </c>
      <c r="L841">
        <v>20527.354770000002</v>
      </c>
      <c r="M841">
        <v>215419.87169999999</v>
      </c>
      <c r="N841">
        <v>76503.073369999998</v>
      </c>
      <c r="O841">
        <v>25662.164929999999</v>
      </c>
      <c r="P841">
        <v>35110.44786</v>
      </c>
      <c r="Q841">
        <v>55262.160640000002</v>
      </c>
      <c r="R841">
        <v>35921.897510000003</v>
      </c>
      <c r="S841">
        <v>84931.592059999995</v>
      </c>
      <c r="T841">
        <v>30405.908009999999</v>
      </c>
      <c r="U841">
        <v>18311.233349999999</v>
      </c>
      <c r="W841" s="83">
        <f>Bühler!N873</f>
        <v>45326.958333331298</v>
      </c>
      <c r="X841" s="83">
        <v>43135.958333333336</v>
      </c>
      <c r="Y841">
        <v>182929.63510000001</v>
      </c>
      <c r="Z841">
        <v>17559.153869999998</v>
      </c>
      <c r="AA841">
        <v>48368.730810000001</v>
      </c>
      <c r="AB841">
        <v>45717.19947</v>
      </c>
      <c r="AC841">
        <v>40874.634850000002</v>
      </c>
      <c r="AD841">
        <v>28443.6453</v>
      </c>
      <c r="AE841">
        <v>38062.356269999997</v>
      </c>
      <c r="AF841">
        <v>51357.961730000003</v>
      </c>
      <c r="AG841">
        <v>20527.354770000002</v>
      </c>
      <c r="AH841">
        <v>215419.87169999999</v>
      </c>
      <c r="AI841">
        <v>76503.073369999998</v>
      </c>
      <c r="AJ841">
        <v>25662.164929999999</v>
      </c>
      <c r="AK841">
        <v>35110.44786</v>
      </c>
      <c r="AL841">
        <v>55262.160640000002</v>
      </c>
      <c r="AM841">
        <v>35921.897510000003</v>
      </c>
      <c r="AN841">
        <v>84931.592059999995</v>
      </c>
      <c r="AO841">
        <v>30405.908009999999</v>
      </c>
      <c r="AP841">
        <v>18311.233349999999</v>
      </c>
    </row>
    <row r="842" spans="2:42" x14ac:dyDescent="0.3">
      <c r="B842">
        <v>42.070202863735624</v>
      </c>
      <c r="C842" s="83">
        <v>43136</v>
      </c>
      <c r="D842">
        <v>185822.446</v>
      </c>
      <c r="E842">
        <v>17300.921839999999</v>
      </c>
      <c r="F842">
        <v>49404.847529999999</v>
      </c>
      <c r="G842">
        <v>45611.47565</v>
      </c>
      <c r="H842">
        <v>40306.380160000001</v>
      </c>
      <c r="I842">
        <v>26925.8092</v>
      </c>
      <c r="J842">
        <v>36065.100789999997</v>
      </c>
      <c r="K842">
        <v>49721.976620000001</v>
      </c>
      <c r="L842">
        <v>19725.207450000002</v>
      </c>
      <c r="M842">
        <v>214493.51329999999</v>
      </c>
      <c r="N842">
        <v>76447.088900000002</v>
      </c>
      <c r="O842">
        <v>25639.779340000001</v>
      </c>
      <c r="P842">
        <v>34087.354240000001</v>
      </c>
      <c r="Q842">
        <v>58460.226130000003</v>
      </c>
      <c r="R842">
        <v>31484.608830000001</v>
      </c>
      <c r="S842">
        <v>83897.052349999998</v>
      </c>
      <c r="T842">
        <v>29739.86465</v>
      </c>
      <c r="U842">
        <v>18356.1535</v>
      </c>
      <c r="W842" s="83">
        <f>Bühler!N874</f>
        <v>45326.999999997963</v>
      </c>
      <c r="X842" s="83">
        <v>43136</v>
      </c>
      <c r="Y842">
        <v>185822.446</v>
      </c>
      <c r="Z842">
        <v>17300.921839999999</v>
      </c>
      <c r="AA842">
        <v>49404.847529999999</v>
      </c>
      <c r="AB842">
        <v>45611.47565</v>
      </c>
      <c r="AC842">
        <v>40306.380160000001</v>
      </c>
      <c r="AD842">
        <v>26925.8092</v>
      </c>
      <c r="AE842">
        <v>36065.100789999997</v>
      </c>
      <c r="AF842">
        <v>49721.976620000001</v>
      </c>
      <c r="AG842">
        <v>19725.207450000002</v>
      </c>
      <c r="AH842">
        <v>214493.51329999999</v>
      </c>
      <c r="AI842">
        <v>76447.088900000002</v>
      </c>
      <c r="AJ842">
        <v>25639.779340000001</v>
      </c>
      <c r="AK842">
        <v>34087.354240000001</v>
      </c>
      <c r="AL842">
        <v>58460.226130000003</v>
      </c>
      <c r="AM842">
        <v>31484.608830000001</v>
      </c>
      <c r="AN842">
        <v>83897.052349999998</v>
      </c>
      <c r="AO842">
        <v>29739.86465</v>
      </c>
      <c r="AP842">
        <v>18356.1535</v>
      </c>
    </row>
    <row r="843" spans="2:42" x14ac:dyDescent="0.3">
      <c r="B843">
        <v>42.995953900112887</v>
      </c>
      <c r="C843" s="83">
        <v>43136.041666666664</v>
      </c>
      <c r="D843">
        <v>185596.3524</v>
      </c>
      <c r="E843">
        <v>17433.14921</v>
      </c>
      <c r="F843">
        <v>49917.718379999998</v>
      </c>
      <c r="G843">
        <v>45417.260629999997</v>
      </c>
      <c r="H843">
        <v>40665.971769999996</v>
      </c>
      <c r="I843">
        <v>22494.5684</v>
      </c>
      <c r="J843">
        <v>34959.334499999997</v>
      </c>
      <c r="K843">
        <v>46628.594949999999</v>
      </c>
      <c r="L843">
        <v>19420.074509999999</v>
      </c>
      <c r="M843">
        <v>219213.42379999999</v>
      </c>
      <c r="N843">
        <v>76148.780939999997</v>
      </c>
      <c r="O843">
        <v>25557.412250000001</v>
      </c>
      <c r="P843">
        <v>32928.975859999999</v>
      </c>
      <c r="Q843">
        <v>62030.777629999997</v>
      </c>
      <c r="R843">
        <v>29382.86666</v>
      </c>
      <c r="S843">
        <v>83672.868730000002</v>
      </c>
      <c r="T843">
        <v>28924.317589999999</v>
      </c>
      <c r="U843">
        <v>18706.017899999999</v>
      </c>
      <c r="W843" s="83">
        <f>Bühler!N875</f>
        <v>45327.041666664627</v>
      </c>
      <c r="X843" s="83">
        <v>43136.041666666664</v>
      </c>
      <c r="Y843">
        <v>185596.3524</v>
      </c>
      <c r="Z843">
        <v>17433.14921</v>
      </c>
      <c r="AA843">
        <v>49917.718379999998</v>
      </c>
      <c r="AB843">
        <v>45417.260629999997</v>
      </c>
      <c r="AC843">
        <v>40665.971769999996</v>
      </c>
      <c r="AD843">
        <v>22494.5684</v>
      </c>
      <c r="AE843">
        <v>34959.334499999997</v>
      </c>
      <c r="AF843">
        <v>46628.594949999999</v>
      </c>
      <c r="AG843">
        <v>19420.074509999999</v>
      </c>
      <c r="AH843">
        <v>219213.42379999999</v>
      </c>
      <c r="AI843">
        <v>76148.780939999997</v>
      </c>
      <c r="AJ843">
        <v>25557.412250000001</v>
      </c>
      <c r="AK843">
        <v>32928.975859999999</v>
      </c>
      <c r="AL843">
        <v>62030.777629999997</v>
      </c>
      <c r="AM843">
        <v>29382.86666</v>
      </c>
      <c r="AN843">
        <v>83672.868730000002</v>
      </c>
      <c r="AO843">
        <v>28924.317589999999</v>
      </c>
      <c r="AP843">
        <v>18706.017899999999</v>
      </c>
    </row>
    <row r="844" spans="2:42" x14ac:dyDescent="0.3">
      <c r="B844">
        <v>43.990023382987218</v>
      </c>
      <c r="C844" s="83">
        <v>43136.083333333336</v>
      </c>
      <c r="D844">
        <v>188071.5766</v>
      </c>
      <c r="E844">
        <v>17496.237130000001</v>
      </c>
      <c r="F844">
        <v>50648.950729999997</v>
      </c>
      <c r="G844">
        <v>44854.357640000002</v>
      </c>
      <c r="H844">
        <v>40298.419719999998</v>
      </c>
      <c r="I844">
        <v>21195.771069999999</v>
      </c>
      <c r="J844">
        <v>34581.185369999999</v>
      </c>
      <c r="K844">
        <v>46275.639199999998</v>
      </c>
      <c r="L844">
        <v>19283.65136</v>
      </c>
      <c r="M844">
        <v>224281.65359999999</v>
      </c>
      <c r="N844">
        <v>76457.550829999993</v>
      </c>
      <c r="O844">
        <v>25632.506460000001</v>
      </c>
      <c r="P844">
        <v>31386.573079999998</v>
      </c>
      <c r="Q844">
        <v>64954.3511</v>
      </c>
      <c r="R844">
        <v>29766.74987</v>
      </c>
      <c r="S844">
        <v>82721.199129999994</v>
      </c>
      <c r="T844">
        <v>28046.852780000001</v>
      </c>
      <c r="U844">
        <v>18817.862089999999</v>
      </c>
      <c r="W844" s="83">
        <f>Bühler!N876</f>
        <v>45327.083333331291</v>
      </c>
      <c r="X844" s="83">
        <v>43136.083333333336</v>
      </c>
      <c r="Y844">
        <v>188071.5766</v>
      </c>
      <c r="Z844">
        <v>17496.237130000001</v>
      </c>
      <c r="AA844">
        <v>50648.950729999997</v>
      </c>
      <c r="AB844">
        <v>44854.357640000002</v>
      </c>
      <c r="AC844">
        <v>40298.419719999998</v>
      </c>
      <c r="AD844">
        <v>21195.771069999999</v>
      </c>
      <c r="AE844">
        <v>34581.185369999999</v>
      </c>
      <c r="AF844">
        <v>46275.639199999998</v>
      </c>
      <c r="AG844">
        <v>19283.65136</v>
      </c>
      <c r="AH844">
        <v>224281.65359999999</v>
      </c>
      <c r="AI844">
        <v>76457.550829999993</v>
      </c>
      <c r="AJ844">
        <v>25632.506460000001</v>
      </c>
      <c r="AK844">
        <v>31386.573079999998</v>
      </c>
      <c r="AL844">
        <v>64954.3511</v>
      </c>
      <c r="AM844">
        <v>29766.74987</v>
      </c>
      <c r="AN844">
        <v>82721.199129999994</v>
      </c>
      <c r="AO844">
        <v>28046.852780000001</v>
      </c>
      <c r="AP844">
        <v>18817.862089999999</v>
      </c>
    </row>
    <row r="845" spans="2:42" x14ac:dyDescent="0.3">
      <c r="B845">
        <v>44.752383127919686</v>
      </c>
      <c r="C845" s="83">
        <v>43136.125</v>
      </c>
      <c r="D845">
        <v>194122.3787</v>
      </c>
      <c r="E845">
        <v>17758.462820000001</v>
      </c>
      <c r="F845">
        <v>53187.607479999999</v>
      </c>
      <c r="G845">
        <v>44513.14114</v>
      </c>
      <c r="H845">
        <v>41072.216030000003</v>
      </c>
      <c r="I845">
        <v>21177.47968</v>
      </c>
      <c r="J845">
        <v>34228.058340000003</v>
      </c>
      <c r="K845">
        <v>45620.534959999997</v>
      </c>
      <c r="L845">
        <v>18965.147410000001</v>
      </c>
      <c r="M845">
        <v>228168.5191</v>
      </c>
      <c r="N845">
        <v>76681.252680000005</v>
      </c>
      <c r="O845">
        <v>25585.30387</v>
      </c>
      <c r="P845">
        <v>31421.253079999999</v>
      </c>
      <c r="Q845">
        <v>70312.946519999998</v>
      </c>
      <c r="R845">
        <v>29673.610990000001</v>
      </c>
      <c r="S845">
        <v>82279.917790000007</v>
      </c>
      <c r="T845">
        <v>28891.8616</v>
      </c>
      <c r="U845">
        <v>19046.248009999999</v>
      </c>
      <c r="W845" s="83">
        <f>Bühler!N877</f>
        <v>45327.124999997955</v>
      </c>
      <c r="X845" s="83">
        <v>43136.125</v>
      </c>
      <c r="Y845">
        <v>194122.3787</v>
      </c>
      <c r="Z845">
        <v>17758.462820000001</v>
      </c>
      <c r="AA845">
        <v>53187.607479999999</v>
      </c>
      <c r="AB845">
        <v>44513.14114</v>
      </c>
      <c r="AC845">
        <v>41072.216030000003</v>
      </c>
      <c r="AD845">
        <v>21177.47968</v>
      </c>
      <c r="AE845">
        <v>34228.058340000003</v>
      </c>
      <c r="AF845">
        <v>45620.534959999997</v>
      </c>
      <c r="AG845">
        <v>18965.147410000001</v>
      </c>
      <c r="AH845">
        <v>228168.5191</v>
      </c>
      <c r="AI845">
        <v>76681.252680000005</v>
      </c>
      <c r="AJ845">
        <v>25585.30387</v>
      </c>
      <c r="AK845">
        <v>31421.253079999999</v>
      </c>
      <c r="AL845">
        <v>70312.946519999998</v>
      </c>
      <c r="AM845">
        <v>29673.610990000001</v>
      </c>
      <c r="AN845">
        <v>82279.917790000007</v>
      </c>
      <c r="AO845">
        <v>28891.8616</v>
      </c>
      <c r="AP845">
        <v>19046.248009999999</v>
      </c>
    </row>
    <row r="846" spans="2:42" x14ac:dyDescent="0.3">
      <c r="B846">
        <v>47.826880996231097</v>
      </c>
      <c r="C846" s="83">
        <v>43136.166666666664</v>
      </c>
      <c r="D846">
        <v>206271.36970000001</v>
      </c>
      <c r="E846">
        <v>18874.453669999999</v>
      </c>
      <c r="F846">
        <v>58015.558120000002</v>
      </c>
      <c r="G846">
        <v>44429.266430000003</v>
      </c>
      <c r="H846">
        <v>41854.226629999997</v>
      </c>
      <c r="I846">
        <v>24264.2435</v>
      </c>
      <c r="J846">
        <v>36177.365019999997</v>
      </c>
      <c r="K846">
        <v>45286.891660000001</v>
      </c>
      <c r="L846">
        <v>18863.835220000001</v>
      </c>
      <c r="M846">
        <v>243843.74299999999</v>
      </c>
      <c r="N846">
        <v>76803.148839999994</v>
      </c>
      <c r="O846">
        <v>26164.757720000001</v>
      </c>
      <c r="P846">
        <v>31527.71069</v>
      </c>
      <c r="Q846">
        <v>75611.692660000001</v>
      </c>
      <c r="R846">
        <v>29715.498220000001</v>
      </c>
      <c r="S846">
        <v>83149.093559999994</v>
      </c>
      <c r="T846">
        <v>28360.176009999999</v>
      </c>
      <c r="U846">
        <v>20285.176930000001</v>
      </c>
      <c r="W846" s="83">
        <f>Bühler!N878</f>
        <v>45327.16666666462</v>
      </c>
      <c r="X846" s="83">
        <v>43136.166666666664</v>
      </c>
      <c r="Y846">
        <v>206271.36970000001</v>
      </c>
      <c r="Z846">
        <v>18874.453669999999</v>
      </c>
      <c r="AA846">
        <v>58015.558120000002</v>
      </c>
      <c r="AB846">
        <v>44429.266430000003</v>
      </c>
      <c r="AC846">
        <v>41854.226629999997</v>
      </c>
      <c r="AD846">
        <v>24264.2435</v>
      </c>
      <c r="AE846">
        <v>36177.365019999997</v>
      </c>
      <c r="AF846">
        <v>45286.891660000001</v>
      </c>
      <c r="AG846">
        <v>18863.835220000001</v>
      </c>
      <c r="AH846">
        <v>243843.74299999999</v>
      </c>
      <c r="AI846">
        <v>76803.148839999994</v>
      </c>
      <c r="AJ846">
        <v>26164.757720000001</v>
      </c>
      <c r="AK846">
        <v>31527.71069</v>
      </c>
      <c r="AL846">
        <v>75611.692660000001</v>
      </c>
      <c r="AM846">
        <v>29715.498220000001</v>
      </c>
      <c r="AN846">
        <v>83149.093559999994</v>
      </c>
      <c r="AO846">
        <v>28360.176009999999</v>
      </c>
      <c r="AP846">
        <v>20285.176930000001</v>
      </c>
    </row>
    <row r="847" spans="2:42" x14ac:dyDescent="0.3">
      <c r="B847">
        <v>53.609115284492049</v>
      </c>
      <c r="C847" s="83">
        <v>43136.208333333336</v>
      </c>
      <c r="D847">
        <v>237394.28950000001</v>
      </c>
      <c r="E847">
        <v>20989.783640000001</v>
      </c>
      <c r="F847">
        <v>69856.849319999994</v>
      </c>
      <c r="G847">
        <v>47600.896560000001</v>
      </c>
      <c r="H847">
        <v>44726.694960000001</v>
      </c>
      <c r="I847">
        <v>33447.396639999999</v>
      </c>
      <c r="J847">
        <v>39805.888980000003</v>
      </c>
      <c r="K847">
        <v>46223.080419999998</v>
      </c>
      <c r="L847">
        <v>20128.846310000001</v>
      </c>
      <c r="M847">
        <v>273324.26990000001</v>
      </c>
      <c r="N847">
        <v>79521.192079999993</v>
      </c>
      <c r="O847">
        <v>26821.251950000002</v>
      </c>
      <c r="P847">
        <v>32349.340459999999</v>
      </c>
      <c r="Q847">
        <v>80750.223410000006</v>
      </c>
      <c r="R847">
        <v>32490.286029999999</v>
      </c>
      <c r="S847">
        <v>87013.756229999999</v>
      </c>
      <c r="T847">
        <v>30509.655350000001</v>
      </c>
      <c r="U847">
        <v>22003.475109999999</v>
      </c>
      <c r="W847" s="83">
        <f>Bühler!N879</f>
        <v>45327.208333331284</v>
      </c>
      <c r="X847" s="83">
        <v>43136.208333333336</v>
      </c>
      <c r="Y847">
        <v>237394.28950000001</v>
      </c>
      <c r="Z847">
        <v>20989.783640000001</v>
      </c>
      <c r="AA847">
        <v>69856.849319999994</v>
      </c>
      <c r="AB847">
        <v>47600.896560000001</v>
      </c>
      <c r="AC847">
        <v>44726.694960000001</v>
      </c>
      <c r="AD847">
        <v>33447.396639999999</v>
      </c>
      <c r="AE847">
        <v>39805.888980000003</v>
      </c>
      <c r="AF847">
        <v>46223.080419999998</v>
      </c>
      <c r="AG847">
        <v>20128.846310000001</v>
      </c>
      <c r="AH847">
        <v>273324.26990000001</v>
      </c>
      <c r="AI847">
        <v>79521.192079999993</v>
      </c>
      <c r="AJ847">
        <v>26821.251950000002</v>
      </c>
      <c r="AK847">
        <v>32349.340459999999</v>
      </c>
      <c r="AL847">
        <v>80750.223410000006</v>
      </c>
      <c r="AM847">
        <v>32490.286029999999</v>
      </c>
      <c r="AN847">
        <v>87013.756229999999</v>
      </c>
      <c r="AO847">
        <v>30509.655350000001</v>
      </c>
      <c r="AP847">
        <v>22003.475109999999</v>
      </c>
    </row>
    <row r="848" spans="2:42" x14ac:dyDescent="0.3">
      <c r="B848">
        <v>59.312062298328243</v>
      </c>
      <c r="C848" s="83">
        <v>43136.25</v>
      </c>
      <c r="D848">
        <v>266420.50189999997</v>
      </c>
      <c r="E848">
        <v>25483.20505</v>
      </c>
      <c r="F848">
        <v>82491.463210000002</v>
      </c>
      <c r="G848">
        <v>61035.374470000002</v>
      </c>
      <c r="H848">
        <v>48533.629659999999</v>
      </c>
      <c r="I848">
        <v>42571.413009999997</v>
      </c>
      <c r="J848">
        <v>42984.530619999998</v>
      </c>
      <c r="K848">
        <v>49248.675929999998</v>
      </c>
      <c r="L848">
        <v>21850.639709999999</v>
      </c>
      <c r="M848">
        <v>302400.55330000003</v>
      </c>
      <c r="N848">
        <v>82153.186090000003</v>
      </c>
      <c r="O848">
        <v>27952.379410000001</v>
      </c>
      <c r="P848">
        <v>32388.449079999999</v>
      </c>
      <c r="Q848">
        <v>84648.254239999995</v>
      </c>
      <c r="R848">
        <v>23015.156599999998</v>
      </c>
      <c r="S848">
        <v>95494.343420000005</v>
      </c>
      <c r="T848">
        <v>32740.13048</v>
      </c>
      <c r="U848">
        <v>23656.57648</v>
      </c>
      <c r="W848" s="83">
        <f>Bühler!N880</f>
        <v>45327.249999997948</v>
      </c>
      <c r="X848" s="83">
        <v>43136.25</v>
      </c>
      <c r="Y848">
        <v>266420.50189999997</v>
      </c>
      <c r="Z848">
        <v>25483.20505</v>
      </c>
      <c r="AA848">
        <v>82491.463210000002</v>
      </c>
      <c r="AB848">
        <v>61035.374470000002</v>
      </c>
      <c r="AC848">
        <v>48533.629659999999</v>
      </c>
      <c r="AD848">
        <v>42571.413009999997</v>
      </c>
      <c r="AE848">
        <v>42984.530619999998</v>
      </c>
      <c r="AF848">
        <v>49248.675929999998</v>
      </c>
      <c r="AG848">
        <v>21850.639709999999</v>
      </c>
      <c r="AH848">
        <v>302400.55330000003</v>
      </c>
      <c r="AI848">
        <v>82153.186090000003</v>
      </c>
      <c r="AJ848">
        <v>27952.379410000001</v>
      </c>
      <c r="AK848">
        <v>32388.449079999999</v>
      </c>
      <c r="AL848">
        <v>84648.254239999995</v>
      </c>
      <c r="AM848">
        <v>23015.156599999998</v>
      </c>
      <c r="AN848">
        <v>95494.343420000005</v>
      </c>
      <c r="AO848">
        <v>32740.13048</v>
      </c>
      <c r="AP848">
        <v>23656.57648</v>
      </c>
    </row>
    <row r="849" spans="2:42" x14ac:dyDescent="0.3">
      <c r="B849">
        <v>62.542295214543387</v>
      </c>
      <c r="C849" s="83">
        <v>43136.291666666664</v>
      </c>
      <c r="D849">
        <v>288031.81319999998</v>
      </c>
      <c r="E849">
        <v>31079.399969999999</v>
      </c>
      <c r="F849">
        <v>87690.911340000006</v>
      </c>
      <c r="G849">
        <v>77997.249190000002</v>
      </c>
      <c r="H849">
        <v>55898.984960000002</v>
      </c>
      <c r="I849">
        <v>52351.954420000002</v>
      </c>
      <c r="J849">
        <v>46567.085030000002</v>
      </c>
      <c r="K849">
        <v>55737.661619999999</v>
      </c>
      <c r="L849">
        <v>25050.622309999999</v>
      </c>
      <c r="M849">
        <v>318869.78710000002</v>
      </c>
      <c r="N849">
        <v>89392.354040000006</v>
      </c>
      <c r="O849">
        <v>30946.582559999999</v>
      </c>
      <c r="P849">
        <v>35252.179270000001</v>
      </c>
      <c r="Q849">
        <v>87445.735199999996</v>
      </c>
      <c r="R849">
        <v>25089.466339999999</v>
      </c>
      <c r="S849">
        <v>113696.86960000001</v>
      </c>
      <c r="T849">
        <v>36504.314290000002</v>
      </c>
      <c r="U849">
        <v>28486.148379999999</v>
      </c>
      <c r="W849" s="83">
        <f>Bühler!N881</f>
        <v>45327.291666664612</v>
      </c>
      <c r="X849" s="83">
        <v>43136.291666666664</v>
      </c>
      <c r="Y849">
        <v>288031.81319999998</v>
      </c>
      <c r="Z849">
        <v>31079.399969999999</v>
      </c>
      <c r="AA849">
        <v>87690.911340000006</v>
      </c>
      <c r="AB849">
        <v>77997.249190000002</v>
      </c>
      <c r="AC849">
        <v>55898.984960000002</v>
      </c>
      <c r="AD849">
        <v>52351.954420000002</v>
      </c>
      <c r="AE849">
        <v>46567.085030000002</v>
      </c>
      <c r="AF849">
        <v>55737.661619999999</v>
      </c>
      <c r="AG849">
        <v>25050.622309999999</v>
      </c>
      <c r="AH849">
        <v>318869.78710000002</v>
      </c>
      <c r="AI849">
        <v>89392.354040000006</v>
      </c>
      <c r="AJ849">
        <v>30946.582559999999</v>
      </c>
      <c r="AK849">
        <v>35252.179270000001</v>
      </c>
      <c r="AL849">
        <v>87445.735199999996</v>
      </c>
      <c r="AM849">
        <v>25089.466339999999</v>
      </c>
      <c r="AN849">
        <v>113696.86960000001</v>
      </c>
      <c r="AO849">
        <v>36504.314290000002</v>
      </c>
      <c r="AP849">
        <v>28486.148379999999</v>
      </c>
    </row>
    <row r="850" spans="2:42" x14ac:dyDescent="0.3">
      <c r="B850">
        <v>63.805540250996764</v>
      </c>
      <c r="C850" s="83">
        <v>43136.333333333336</v>
      </c>
      <c r="D850">
        <v>304437.0711</v>
      </c>
      <c r="E850">
        <v>37792.433850000001</v>
      </c>
      <c r="F850">
        <v>94596.612770000007</v>
      </c>
      <c r="G850">
        <v>95314.114979999998</v>
      </c>
      <c r="H850">
        <v>61443.115599999997</v>
      </c>
      <c r="I850">
        <v>56387.758699999998</v>
      </c>
      <c r="J850">
        <v>47764.737869999997</v>
      </c>
      <c r="K850">
        <v>61235.096339999996</v>
      </c>
      <c r="L850">
        <v>28187.467680000002</v>
      </c>
      <c r="M850">
        <v>325310.39939999999</v>
      </c>
      <c r="N850">
        <v>95326.661200000002</v>
      </c>
      <c r="O850">
        <v>33342.432560000001</v>
      </c>
      <c r="P850">
        <v>38294.072769999999</v>
      </c>
      <c r="Q850">
        <v>88479.12818</v>
      </c>
      <c r="R850">
        <v>26578.462800000001</v>
      </c>
      <c r="S850">
        <v>129740.9204</v>
      </c>
      <c r="T850">
        <v>39448.43533</v>
      </c>
      <c r="U850">
        <v>33002.976990000003</v>
      </c>
      <c r="W850" s="83">
        <f>Bühler!N882</f>
        <v>45327.333333331277</v>
      </c>
      <c r="X850" s="83">
        <v>43136.333333333336</v>
      </c>
      <c r="Y850">
        <v>304437.0711</v>
      </c>
      <c r="Z850">
        <v>37792.433850000001</v>
      </c>
      <c r="AA850">
        <v>94596.612770000007</v>
      </c>
      <c r="AB850">
        <v>95314.114979999998</v>
      </c>
      <c r="AC850">
        <v>61443.115599999997</v>
      </c>
      <c r="AD850">
        <v>56387.758699999998</v>
      </c>
      <c r="AE850">
        <v>47764.737869999997</v>
      </c>
      <c r="AF850">
        <v>61235.096339999996</v>
      </c>
      <c r="AG850">
        <v>28187.467680000002</v>
      </c>
      <c r="AH850">
        <v>325310.39939999999</v>
      </c>
      <c r="AI850">
        <v>95326.661200000002</v>
      </c>
      <c r="AJ850">
        <v>33342.432560000001</v>
      </c>
      <c r="AK850">
        <v>38294.072769999999</v>
      </c>
      <c r="AL850">
        <v>88479.12818</v>
      </c>
      <c r="AM850">
        <v>26578.462800000001</v>
      </c>
      <c r="AN850">
        <v>129740.9204</v>
      </c>
      <c r="AO850">
        <v>39448.43533</v>
      </c>
      <c r="AP850">
        <v>33002.976990000003</v>
      </c>
    </row>
    <row r="851" spans="2:42" x14ac:dyDescent="0.3">
      <c r="B851">
        <v>63.7267945708113</v>
      </c>
      <c r="C851" s="83">
        <v>43136.375</v>
      </c>
      <c r="D851">
        <v>309342.3505</v>
      </c>
      <c r="E851">
        <v>42374.387009999999</v>
      </c>
      <c r="F851">
        <v>101334.8244</v>
      </c>
      <c r="G851">
        <v>106472.68889999999</v>
      </c>
      <c r="H851">
        <v>63524.917780000003</v>
      </c>
      <c r="I851">
        <v>53535.345119999998</v>
      </c>
      <c r="J851">
        <v>47899.967349999999</v>
      </c>
      <c r="K851">
        <v>60156.627820000002</v>
      </c>
      <c r="L851">
        <v>31072.859639999999</v>
      </c>
      <c r="M851">
        <v>324908.91720000003</v>
      </c>
      <c r="N851">
        <v>102447.9627</v>
      </c>
      <c r="O851">
        <v>33699.93924</v>
      </c>
      <c r="P851">
        <v>39260.099000000002</v>
      </c>
      <c r="Q851">
        <v>89736.160350000006</v>
      </c>
      <c r="R851">
        <v>27497.967369999998</v>
      </c>
      <c r="S851">
        <v>136259.16529999999</v>
      </c>
      <c r="T851">
        <v>42633.651680000003</v>
      </c>
      <c r="U851">
        <v>32842.60024</v>
      </c>
      <c r="W851" s="83">
        <f>Bühler!N883</f>
        <v>45327.374999997941</v>
      </c>
      <c r="X851" s="83">
        <v>43136.375</v>
      </c>
      <c r="Y851">
        <v>309342.3505</v>
      </c>
      <c r="Z851">
        <v>42374.387009999999</v>
      </c>
      <c r="AA851">
        <v>101334.8244</v>
      </c>
      <c r="AB851">
        <v>106472.68889999999</v>
      </c>
      <c r="AC851">
        <v>63524.917780000003</v>
      </c>
      <c r="AD851">
        <v>53535.345119999998</v>
      </c>
      <c r="AE851">
        <v>47899.967349999999</v>
      </c>
      <c r="AF851">
        <v>60156.627820000002</v>
      </c>
      <c r="AG851">
        <v>31072.859639999999</v>
      </c>
      <c r="AH851">
        <v>324908.91720000003</v>
      </c>
      <c r="AI851">
        <v>102447.9627</v>
      </c>
      <c r="AJ851">
        <v>33699.93924</v>
      </c>
      <c r="AK851">
        <v>39260.099000000002</v>
      </c>
      <c r="AL851">
        <v>89736.160350000006</v>
      </c>
      <c r="AM851">
        <v>27497.967369999998</v>
      </c>
      <c r="AN851">
        <v>136259.16529999999</v>
      </c>
      <c r="AO851">
        <v>42633.651680000003</v>
      </c>
      <c r="AP851">
        <v>32842.60024</v>
      </c>
    </row>
    <row r="852" spans="2:42" x14ac:dyDescent="0.3">
      <c r="B852">
        <v>65.069557558901181</v>
      </c>
      <c r="C852" s="83">
        <v>43136.416666666664</v>
      </c>
      <c r="D852">
        <v>313011.35619999998</v>
      </c>
      <c r="E852">
        <v>44154.524559999998</v>
      </c>
      <c r="F852">
        <v>101017.82030000001</v>
      </c>
      <c r="G852">
        <v>107847.0266</v>
      </c>
      <c r="H852">
        <v>64199.227760000002</v>
      </c>
      <c r="I852">
        <v>49829.299429999999</v>
      </c>
      <c r="J852">
        <v>47143.476280000003</v>
      </c>
      <c r="K852">
        <v>61698.668299999998</v>
      </c>
      <c r="L852">
        <v>32891.350570000002</v>
      </c>
      <c r="M852">
        <v>331754.94910000003</v>
      </c>
      <c r="N852">
        <v>104660.64049999999</v>
      </c>
      <c r="O852">
        <v>33069.426090000001</v>
      </c>
      <c r="P852">
        <v>40539.697569999997</v>
      </c>
      <c r="Q852">
        <v>90534.156170000002</v>
      </c>
      <c r="R852">
        <v>27575.511630000001</v>
      </c>
      <c r="S852">
        <v>136520.79509999999</v>
      </c>
      <c r="T852">
        <v>44951.478569999999</v>
      </c>
      <c r="U852">
        <v>32183.863270000002</v>
      </c>
      <c r="W852" s="83">
        <f>Bühler!N884</f>
        <v>45327.416666664605</v>
      </c>
      <c r="X852" s="83">
        <v>43136.416666666664</v>
      </c>
      <c r="Y852">
        <v>313011.35619999998</v>
      </c>
      <c r="Z852">
        <v>44154.524559999998</v>
      </c>
      <c r="AA852">
        <v>101017.82030000001</v>
      </c>
      <c r="AB852">
        <v>107847.0266</v>
      </c>
      <c r="AC852">
        <v>64199.227760000002</v>
      </c>
      <c r="AD852">
        <v>49829.299429999999</v>
      </c>
      <c r="AE852">
        <v>47143.476280000003</v>
      </c>
      <c r="AF852">
        <v>61698.668299999998</v>
      </c>
      <c r="AG852">
        <v>32891.350570000002</v>
      </c>
      <c r="AH852">
        <v>331754.94910000003</v>
      </c>
      <c r="AI852">
        <v>104660.64049999999</v>
      </c>
      <c r="AJ852">
        <v>33069.426090000001</v>
      </c>
      <c r="AK852">
        <v>40539.697569999997</v>
      </c>
      <c r="AL852">
        <v>90534.156170000002</v>
      </c>
      <c r="AM852">
        <v>27575.511630000001</v>
      </c>
      <c r="AN852">
        <v>136520.79509999999</v>
      </c>
      <c r="AO852">
        <v>44951.478569999999</v>
      </c>
      <c r="AP852">
        <v>32183.863270000002</v>
      </c>
    </row>
    <row r="853" spans="2:42" x14ac:dyDescent="0.3">
      <c r="B853">
        <v>65.729675950250424</v>
      </c>
      <c r="C853" s="83">
        <v>43136.458333333336</v>
      </c>
      <c r="D853">
        <v>313263.61</v>
      </c>
      <c r="E853">
        <v>43338.205609999997</v>
      </c>
      <c r="F853">
        <v>101161.5863</v>
      </c>
      <c r="G853">
        <v>105481.389</v>
      </c>
      <c r="H853">
        <v>63271.201869999997</v>
      </c>
      <c r="I853">
        <v>48255.063370000003</v>
      </c>
      <c r="J853">
        <v>45954.885679999999</v>
      </c>
      <c r="K853">
        <v>69590.315600000002</v>
      </c>
      <c r="L853">
        <v>33721.704940000003</v>
      </c>
      <c r="M853">
        <v>335120.5405</v>
      </c>
      <c r="N853">
        <v>104518.689</v>
      </c>
      <c r="O853">
        <v>33002.039340000003</v>
      </c>
      <c r="P853">
        <v>39791.842839999998</v>
      </c>
      <c r="Q853">
        <v>91670.411999999997</v>
      </c>
      <c r="R853">
        <v>33007.345439999997</v>
      </c>
      <c r="S853">
        <v>137007.7746</v>
      </c>
      <c r="T853">
        <v>44139.702069999999</v>
      </c>
      <c r="U853">
        <v>31923.62773</v>
      </c>
      <c r="W853" s="83">
        <f>Bühler!N885</f>
        <v>45327.458333331269</v>
      </c>
      <c r="X853" s="83">
        <v>43136.458333333336</v>
      </c>
      <c r="Y853">
        <v>313263.61</v>
      </c>
      <c r="Z853">
        <v>43338.205609999997</v>
      </c>
      <c r="AA853">
        <v>101161.5863</v>
      </c>
      <c r="AB853">
        <v>105481.389</v>
      </c>
      <c r="AC853">
        <v>63271.201869999997</v>
      </c>
      <c r="AD853">
        <v>48255.063370000003</v>
      </c>
      <c r="AE853">
        <v>45954.885679999999</v>
      </c>
      <c r="AF853">
        <v>69590.315600000002</v>
      </c>
      <c r="AG853">
        <v>33721.704940000003</v>
      </c>
      <c r="AH853">
        <v>335120.5405</v>
      </c>
      <c r="AI853">
        <v>104518.689</v>
      </c>
      <c r="AJ853">
        <v>33002.039340000003</v>
      </c>
      <c r="AK853">
        <v>39791.842839999998</v>
      </c>
      <c r="AL853">
        <v>91670.411999999997</v>
      </c>
      <c r="AM853">
        <v>33007.345439999997</v>
      </c>
      <c r="AN853">
        <v>137007.7746</v>
      </c>
      <c r="AO853">
        <v>44139.702069999999</v>
      </c>
      <c r="AP853">
        <v>31923.62773</v>
      </c>
    </row>
    <row r="854" spans="2:42" x14ac:dyDescent="0.3">
      <c r="B854">
        <v>65.128712033947551</v>
      </c>
      <c r="C854" s="83">
        <v>43136.5</v>
      </c>
      <c r="D854">
        <v>299406.93689999997</v>
      </c>
      <c r="E854">
        <v>39422.18303</v>
      </c>
      <c r="F854">
        <v>93196.660130000004</v>
      </c>
      <c r="G854">
        <v>103401.3869</v>
      </c>
      <c r="H854">
        <v>60066.095419999998</v>
      </c>
      <c r="I854">
        <v>45431.266640000002</v>
      </c>
      <c r="J854">
        <v>46161.346400000002</v>
      </c>
      <c r="K854">
        <v>66594.135899999994</v>
      </c>
      <c r="L854">
        <v>35217.851519999997</v>
      </c>
      <c r="M854">
        <v>332056.54619999998</v>
      </c>
      <c r="N854">
        <v>101236.4641</v>
      </c>
      <c r="O854">
        <v>31885.575110000002</v>
      </c>
      <c r="P854">
        <v>40545.607600000003</v>
      </c>
      <c r="Q854">
        <v>90939.842480000007</v>
      </c>
      <c r="R854">
        <v>30880.73416</v>
      </c>
      <c r="S854">
        <v>129327.5852</v>
      </c>
      <c r="T854">
        <v>43043.108619999999</v>
      </c>
      <c r="U854">
        <v>26943.627960000002</v>
      </c>
      <c r="W854" s="83">
        <f>Bühler!N886</f>
        <v>45327.499999997934</v>
      </c>
      <c r="X854" s="83">
        <v>43136.5</v>
      </c>
      <c r="Y854">
        <v>299406.93689999997</v>
      </c>
      <c r="Z854">
        <v>39422.18303</v>
      </c>
      <c r="AA854">
        <v>93196.660130000004</v>
      </c>
      <c r="AB854">
        <v>103401.3869</v>
      </c>
      <c r="AC854">
        <v>60066.095419999998</v>
      </c>
      <c r="AD854">
        <v>45431.266640000002</v>
      </c>
      <c r="AE854">
        <v>46161.346400000002</v>
      </c>
      <c r="AF854">
        <v>66594.135899999994</v>
      </c>
      <c r="AG854">
        <v>35217.851519999997</v>
      </c>
      <c r="AH854">
        <v>332056.54619999998</v>
      </c>
      <c r="AI854">
        <v>101236.4641</v>
      </c>
      <c r="AJ854">
        <v>31885.575110000002</v>
      </c>
      <c r="AK854">
        <v>40545.607600000003</v>
      </c>
      <c r="AL854">
        <v>90939.842480000007</v>
      </c>
      <c r="AM854">
        <v>30880.73416</v>
      </c>
      <c r="AN854">
        <v>129327.5852</v>
      </c>
      <c r="AO854">
        <v>43043.108619999999</v>
      </c>
      <c r="AP854">
        <v>26943.627960000002</v>
      </c>
    </row>
    <row r="855" spans="2:42" x14ac:dyDescent="0.3">
      <c r="B855">
        <v>65.847365263027143</v>
      </c>
      <c r="C855" s="83">
        <v>43136.541666666664</v>
      </c>
      <c r="D855">
        <v>300500.39610000001</v>
      </c>
      <c r="E855">
        <v>38675.54133</v>
      </c>
      <c r="F855">
        <v>88675.020369999998</v>
      </c>
      <c r="G855">
        <v>100330.7822</v>
      </c>
      <c r="H855">
        <v>60879.423260000003</v>
      </c>
      <c r="I855">
        <v>44566.43116</v>
      </c>
      <c r="J855">
        <v>44700.519659999998</v>
      </c>
      <c r="K855">
        <v>67135.054799999998</v>
      </c>
      <c r="L855">
        <v>33779.71243</v>
      </c>
      <c r="M855">
        <v>335720.57549999998</v>
      </c>
      <c r="N855">
        <v>100356.81299999999</v>
      </c>
      <c r="O855">
        <v>31789.280170000002</v>
      </c>
      <c r="P855">
        <v>38851.960400000004</v>
      </c>
      <c r="Q855">
        <v>89477.661670000001</v>
      </c>
      <c r="R855">
        <v>28820.607960000001</v>
      </c>
      <c r="S855">
        <v>128339.33070000001</v>
      </c>
      <c r="T855">
        <v>42286.061329999997</v>
      </c>
      <c r="U855">
        <v>27920.265719999999</v>
      </c>
      <c r="W855" s="83">
        <f>Bühler!N887</f>
        <v>45327.541666664598</v>
      </c>
      <c r="X855" s="83">
        <v>43136.541666666664</v>
      </c>
      <c r="Y855">
        <v>300500.39610000001</v>
      </c>
      <c r="Z855">
        <v>38675.54133</v>
      </c>
      <c r="AA855">
        <v>88675.020369999998</v>
      </c>
      <c r="AB855">
        <v>100330.7822</v>
      </c>
      <c r="AC855">
        <v>60879.423260000003</v>
      </c>
      <c r="AD855">
        <v>44566.43116</v>
      </c>
      <c r="AE855">
        <v>44700.519659999998</v>
      </c>
      <c r="AF855">
        <v>67135.054799999998</v>
      </c>
      <c r="AG855">
        <v>33779.71243</v>
      </c>
      <c r="AH855">
        <v>335720.57549999998</v>
      </c>
      <c r="AI855">
        <v>100356.81299999999</v>
      </c>
      <c r="AJ855">
        <v>31789.280170000002</v>
      </c>
      <c r="AK855">
        <v>38851.960400000004</v>
      </c>
      <c r="AL855">
        <v>89477.661670000001</v>
      </c>
      <c r="AM855">
        <v>28820.607960000001</v>
      </c>
      <c r="AN855">
        <v>128339.33070000001</v>
      </c>
      <c r="AO855">
        <v>42286.061329999997</v>
      </c>
      <c r="AP855">
        <v>27920.265719999999</v>
      </c>
    </row>
    <row r="856" spans="2:42" x14ac:dyDescent="0.3">
      <c r="B856">
        <v>66.61288750799757</v>
      </c>
      <c r="C856" s="83">
        <v>43136.583333333336</v>
      </c>
      <c r="D856">
        <v>306566.5097</v>
      </c>
      <c r="E856">
        <v>41378.951589999997</v>
      </c>
      <c r="F856">
        <v>97966.895390000005</v>
      </c>
      <c r="G856">
        <v>93999.814750000005</v>
      </c>
      <c r="H856">
        <v>59651.882700000002</v>
      </c>
      <c r="I856">
        <v>44610.199959999998</v>
      </c>
      <c r="J856">
        <v>43890.49682</v>
      </c>
      <c r="K856">
        <v>69066.952220000006</v>
      </c>
      <c r="L856">
        <v>30465.76916</v>
      </c>
      <c r="M856">
        <v>339623.5649</v>
      </c>
      <c r="N856">
        <v>102061.45140000001</v>
      </c>
      <c r="O856">
        <v>30901.95349</v>
      </c>
      <c r="P856">
        <v>35921.25131</v>
      </c>
      <c r="Q856">
        <v>88248.61507</v>
      </c>
      <c r="R856">
        <v>28572.637360000001</v>
      </c>
      <c r="S856">
        <v>122440.67570000001</v>
      </c>
      <c r="T856">
        <v>40832.870130000003</v>
      </c>
      <c r="U856">
        <v>28631.045310000001</v>
      </c>
      <c r="W856" s="83">
        <f>Bühler!N888</f>
        <v>45327.583333331262</v>
      </c>
      <c r="X856" s="83">
        <v>43136.583333333336</v>
      </c>
      <c r="Y856">
        <v>306566.5097</v>
      </c>
      <c r="Z856">
        <v>41378.951589999997</v>
      </c>
      <c r="AA856">
        <v>97966.895390000005</v>
      </c>
      <c r="AB856">
        <v>93999.814750000005</v>
      </c>
      <c r="AC856">
        <v>59651.882700000002</v>
      </c>
      <c r="AD856">
        <v>44610.199959999998</v>
      </c>
      <c r="AE856">
        <v>43890.49682</v>
      </c>
      <c r="AF856">
        <v>69066.952220000006</v>
      </c>
      <c r="AG856">
        <v>30465.76916</v>
      </c>
      <c r="AH856">
        <v>339623.5649</v>
      </c>
      <c r="AI856">
        <v>102061.45140000001</v>
      </c>
      <c r="AJ856">
        <v>30901.95349</v>
      </c>
      <c r="AK856">
        <v>35921.25131</v>
      </c>
      <c r="AL856">
        <v>88248.61507</v>
      </c>
      <c r="AM856">
        <v>28572.637360000001</v>
      </c>
      <c r="AN856">
        <v>122440.67570000001</v>
      </c>
      <c r="AO856">
        <v>40832.870130000003</v>
      </c>
      <c r="AP856">
        <v>28631.045310000001</v>
      </c>
    </row>
    <row r="857" spans="2:42" x14ac:dyDescent="0.3">
      <c r="B857">
        <v>66.124126431064738</v>
      </c>
      <c r="C857" s="83">
        <v>43136.625</v>
      </c>
      <c r="D857">
        <v>304023.05129999999</v>
      </c>
      <c r="E857">
        <v>40910.215779999999</v>
      </c>
      <c r="F857">
        <v>98524.317490000001</v>
      </c>
      <c r="G857">
        <v>90727.466360000006</v>
      </c>
      <c r="H857">
        <v>58239.422740000002</v>
      </c>
      <c r="I857">
        <v>45890.042280000001</v>
      </c>
      <c r="J857">
        <v>43506.568979999996</v>
      </c>
      <c r="K857">
        <v>67326.439029999994</v>
      </c>
      <c r="L857">
        <v>27830.184109999998</v>
      </c>
      <c r="M857">
        <v>337131.63299999997</v>
      </c>
      <c r="N857">
        <v>102928.702</v>
      </c>
      <c r="O857">
        <v>30474.447380000001</v>
      </c>
      <c r="P857">
        <v>35076.66418</v>
      </c>
      <c r="Q857">
        <v>87687.148530000006</v>
      </c>
      <c r="R857">
        <v>27492.289570000001</v>
      </c>
      <c r="S857">
        <v>120028.1134</v>
      </c>
      <c r="T857">
        <v>39913.988129999998</v>
      </c>
      <c r="U857">
        <v>27974.373780000002</v>
      </c>
      <c r="W857" s="83">
        <f>Bühler!N889</f>
        <v>45327.624999997926</v>
      </c>
      <c r="X857" s="83">
        <v>43136.625</v>
      </c>
      <c r="Y857">
        <v>304023.05129999999</v>
      </c>
      <c r="Z857">
        <v>40910.215779999999</v>
      </c>
      <c r="AA857">
        <v>98524.317490000001</v>
      </c>
      <c r="AB857">
        <v>90727.466360000006</v>
      </c>
      <c r="AC857">
        <v>58239.422740000002</v>
      </c>
      <c r="AD857">
        <v>45890.042280000001</v>
      </c>
      <c r="AE857">
        <v>43506.568979999996</v>
      </c>
      <c r="AF857">
        <v>67326.439029999994</v>
      </c>
      <c r="AG857">
        <v>27830.184109999998</v>
      </c>
      <c r="AH857">
        <v>337131.63299999997</v>
      </c>
      <c r="AI857">
        <v>102928.702</v>
      </c>
      <c r="AJ857">
        <v>30474.447380000001</v>
      </c>
      <c r="AK857">
        <v>35076.66418</v>
      </c>
      <c r="AL857">
        <v>87687.148530000006</v>
      </c>
      <c r="AM857">
        <v>27492.289570000001</v>
      </c>
      <c r="AN857">
        <v>120028.1134</v>
      </c>
      <c r="AO857">
        <v>39913.988129999998</v>
      </c>
      <c r="AP857">
        <v>27974.373780000002</v>
      </c>
    </row>
    <row r="858" spans="2:42" x14ac:dyDescent="0.3">
      <c r="B858">
        <v>66.157335809855127</v>
      </c>
      <c r="C858" s="83">
        <v>43136.666666666664</v>
      </c>
      <c r="D858">
        <v>297851.77539999998</v>
      </c>
      <c r="E858">
        <v>40053.996930000001</v>
      </c>
      <c r="F858">
        <v>98012.527660000007</v>
      </c>
      <c r="G858">
        <v>87180.421830000007</v>
      </c>
      <c r="H858">
        <v>56028.274770000004</v>
      </c>
      <c r="I858">
        <v>48088.664629999999</v>
      </c>
      <c r="J858">
        <v>42502.267800000001</v>
      </c>
      <c r="K858">
        <v>63209.233540000001</v>
      </c>
      <c r="L858">
        <v>26984.819039999998</v>
      </c>
      <c r="M858">
        <v>337300.94990000001</v>
      </c>
      <c r="N858">
        <v>99100.008239999996</v>
      </c>
      <c r="O858">
        <v>30281.485840000001</v>
      </c>
      <c r="P858">
        <v>35486.24929</v>
      </c>
      <c r="Q858">
        <v>87428.189020000005</v>
      </c>
      <c r="R858">
        <v>28300.465950000002</v>
      </c>
      <c r="S858">
        <v>118383.4175</v>
      </c>
      <c r="T858">
        <v>39376.530599999998</v>
      </c>
      <c r="U858">
        <v>26069.014770000002</v>
      </c>
      <c r="W858" s="83">
        <f>Bühler!N890</f>
        <v>45327.666666664591</v>
      </c>
      <c r="X858" s="83">
        <v>43136.666666666664</v>
      </c>
      <c r="Y858">
        <v>297851.77539999998</v>
      </c>
      <c r="Z858">
        <v>40053.996930000001</v>
      </c>
      <c r="AA858">
        <v>98012.527660000007</v>
      </c>
      <c r="AB858">
        <v>87180.421830000007</v>
      </c>
      <c r="AC858">
        <v>56028.274770000004</v>
      </c>
      <c r="AD858">
        <v>48088.664629999999</v>
      </c>
      <c r="AE858">
        <v>42502.267800000001</v>
      </c>
      <c r="AF858">
        <v>63209.233540000001</v>
      </c>
      <c r="AG858">
        <v>26984.819039999998</v>
      </c>
      <c r="AH858">
        <v>337300.94990000001</v>
      </c>
      <c r="AI858">
        <v>99100.008239999996</v>
      </c>
      <c r="AJ858">
        <v>30281.485840000001</v>
      </c>
      <c r="AK858">
        <v>35486.24929</v>
      </c>
      <c r="AL858">
        <v>87428.189020000005</v>
      </c>
      <c r="AM858">
        <v>28300.465950000002</v>
      </c>
      <c r="AN858">
        <v>118383.4175</v>
      </c>
      <c r="AO858">
        <v>39376.530599999998</v>
      </c>
      <c r="AP858">
        <v>26069.014770000002</v>
      </c>
    </row>
    <row r="859" spans="2:42" x14ac:dyDescent="0.3">
      <c r="B859">
        <v>65.22755005036305</v>
      </c>
      <c r="C859" s="83">
        <v>43136.708333333336</v>
      </c>
      <c r="D859">
        <v>286710.24040000001</v>
      </c>
      <c r="E859">
        <v>38268.190649999997</v>
      </c>
      <c r="F859">
        <v>98888.402660000007</v>
      </c>
      <c r="G859">
        <v>78796.436329999997</v>
      </c>
      <c r="H859">
        <v>54565.461609999998</v>
      </c>
      <c r="I859">
        <v>47894.022279999997</v>
      </c>
      <c r="J859">
        <v>43262.911549999997</v>
      </c>
      <c r="K859">
        <v>57832.695800000001</v>
      </c>
      <c r="L859">
        <v>27238.692360000001</v>
      </c>
      <c r="M859">
        <v>332560.46850000002</v>
      </c>
      <c r="N859">
        <v>92240.537190000003</v>
      </c>
      <c r="O859">
        <v>30059.486949999999</v>
      </c>
      <c r="P859">
        <v>37624.913229999998</v>
      </c>
      <c r="Q859">
        <v>86596.790729999993</v>
      </c>
      <c r="R859">
        <v>28059.61579</v>
      </c>
      <c r="S859">
        <v>116022.2601</v>
      </c>
      <c r="T859">
        <v>40211.774790000003</v>
      </c>
      <c r="U859">
        <v>24109.285329999999</v>
      </c>
      <c r="W859" s="83">
        <f>Bühler!N891</f>
        <v>45327.708333331255</v>
      </c>
      <c r="X859" s="83">
        <v>43136.708333333336</v>
      </c>
      <c r="Y859">
        <v>286710.24040000001</v>
      </c>
      <c r="Z859">
        <v>38268.190649999997</v>
      </c>
      <c r="AA859">
        <v>98888.402660000007</v>
      </c>
      <c r="AB859">
        <v>78796.436329999997</v>
      </c>
      <c r="AC859">
        <v>54565.461609999998</v>
      </c>
      <c r="AD859">
        <v>47894.022279999997</v>
      </c>
      <c r="AE859">
        <v>43262.911549999997</v>
      </c>
      <c r="AF859">
        <v>57832.695800000001</v>
      </c>
      <c r="AG859">
        <v>27238.692360000001</v>
      </c>
      <c r="AH859">
        <v>332560.46850000002</v>
      </c>
      <c r="AI859">
        <v>92240.537190000003</v>
      </c>
      <c r="AJ859">
        <v>30059.486949999999</v>
      </c>
      <c r="AK859">
        <v>37624.913229999998</v>
      </c>
      <c r="AL859">
        <v>86596.790729999993</v>
      </c>
      <c r="AM859">
        <v>28059.61579</v>
      </c>
      <c r="AN859">
        <v>116022.2601</v>
      </c>
      <c r="AO859">
        <v>40211.774790000003</v>
      </c>
      <c r="AP859">
        <v>24109.285329999999</v>
      </c>
    </row>
    <row r="860" spans="2:42" x14ac:dyDescent="0.3">
      <c r="B860">
        <v>62.648303328307392</v>
      </c>
      <c r="C860" s="83">
        <v>43136.75</v>
      </c>
      <c r="D860">
        <v>283239.2047</v>
      </c>
      <c r="E860">
        <v>35648.217770000003</v>
      </c>
      <c r="F860">
        <v>97422.224770000001</v>
      </c>
      <c r="G860">
        <v>70333.561289999998</v>
      </c>
      <c r="H860">
        <v>53354.95491</v>
      </c>
      <c r="I860">
        <v>47562.718379999998</v>
      </c>
      <c r="J860">
        <v>45955.088499999998</v>
      </c>
      <c r="K860">
        <v>50024.702389999999</v>
      </c>
      <c r="L860">
        <v>29377.58178</v>
      </c>
      <c r="M860">
        <v>319410.2659</v>
      </c>
      <c r="N860">
        <v>90495.909719999996</v>
      </c>
      <c r="O860">
        <v>28806.035609999999</v>
      </c>
      <c r="P860">
        <v>40544.352919999998</v>
      </c>
      <c r="Q860">
        <v>85315.89817</v>
      </c>
      <c r="R860">
        <v>23291.95793</v>
      </c>
      <c r="S860">
        <v>112271.1194</v>
      </c>
      <c r="T860">
        <v>40344.182050000003</v>
      </c>
      <c r="U860">
        <v>23178.727019999998</v>
      </c>
      <c r="W860" s="83">
        <f>Bühler!N892</f>
        <v>45327.749999997919</v>
      </c>
      <c r="X860" s="83">
        <v>43136.75</v>
      </c>
      <c r="Y860">
        <v>283239.2047</v>
      </c>
      <c r="Z860">
        <v>35648.217770000003</v>
      </c>
      <c r="AA860">
        <v>97422.224770000001</v>
      </c>
      <c r="AB860">
        <v>70333.561289999998</v>
      </c>
      <c r="AC860">
        <v>53354.95491</v>
      </c>
      <c r="AD860">
        <v>47562.718379999998</v>
      </c>
      <c r="AE860">
        <v>45955.088499999998</v>
      </c>
      <c r="AF860">
        <v>50024.702389999999</v>
      </c>
      <c r="AG860">
        <v>29377.58178</v>
      </c>
      <c r="AH860">
        <v>319410.2659</v>
      </c>
      <c r="AI860">
        <v>90495.909719999996</v>
      </c>
      <c r="AJ860">
        <v>28806.035609999999</v>
      </c>
      <c r="AK860">
        <v>40544.352919999998</v>
      </c>
      <c r="AL860">
        <v>85315.89817</v>
      </c>
      <c r="AM860">
        <v>23291.95793</v>
      </c>
      <c r="AN860">
        <v>112271.1194</v>
      </c>
      <c r="AO860">
        <v>40344.182050000003</v>
      </c>
      <c r="AP860">
        <v>23178.727019999998</v>
      </c>
    </row>
    <row r="861" spans="2:42" x14ac:dyDescent="0.3">
      <c r="B861">
        <v>62.042678579039041</v>
      </c>
      <c r="C861" s="83">
        <v>43136.791666666664</v>
      </c>
      <c r="D861">
        <v>275879.68650000001</v>
      </c>
      <c r="E861">
        <v>29658.280340000001</v>
      </c>
      <c r="F861">
        <v>84216.450599999996</v>
      </c>
      <c r="G861">
        <v>62237.038800000002</v>
      </c>
      <c r="H861">
        <v>50899.758000000002</v>
      </c>
      <c r="I861">
        <v>44010.546470000001</v>
      </c>
      <c r="J861">
        <v>46001.744980000003</v>
      </c>
      <c r="K861">
        <v>49834.539519999998</v>
      </c>
      <c r="L861">
        <v>30033.989710000002</v>
      </c>
      <c r="M861">
        <v>316322.5085</v>
      </c>
      <c r="N861">
        <v>89476.641520000005</v>
      </c>
      <c r="O861">
        <v>27564.155360000001</v>
      </c>
      <c r="P861">
        <v>42687.2693</v>
      </c>
      <c r="Q861">
        <v>84505.416020000004</v>
      </c>
      <c r="R861">
        <v>22473.01341</v>
      </c>
      <c r="S861">
        <v>106910.6182</v>
      </c>
      <c r="T861">
        <v>40906.534650000001</v>
      </c>
      <c r="U861">
        <v>21719.40453</v>
      </c>
      <c r="W861" s="83">
        <f>Bühler!N893</f>
        <v>45327.791666664583</v>
      </c>
      <c r="X861" s="83">
        <v>43136.791666666664</v>
      </c>
      <c r="Y861">
        <v>275879.68650000001</v>
      </c>
      <c r="Z861">
        <v>29658.280340000001</v>
      </c>
      <c r="AA861">
        <v>84216.450599999996</v>
      </c>
      <c r="AB861">
        <v>62237.038800000002</v>
      </c>
      <c r="AC861">
        <v>50899.758000000002</v>
      </c>
      <c r="AD861">
        <v>44010.546470000001</v>
      </c>
      <c r="AE861">
        <v>46001.744980000003</v>
      </c>
      <c r="AF861">
        <v>49834.539519999998</v>
      </c>
      <c r="AG861">
        <v>30033.989710000002</v>
      </c>
      <c r="AH861">
        <v>316322.5085</v>
      </c>
      <c r="AI861">
        <v>89476.641520000005</v>
      </c>
      <c r="AJ861">
        <v>27564.155360000001</v>
      </c>
      <c r="AK861">
        <v>42687.2693</v>
      </c>
      <c r="AL861">
        <v>84505.416020000004</v>
      </c>
      <c r="AM861">
        <v>22473.01341</v>
      </c>
      <c r="AN861">
        <v>106910.6182</v>
      </c>
      <c r="AO861">
        <v>40906.534650000001</v>
      </c>
      <c r="AP861">
        <v>21719.40453</v>
      </c>
    </row>
    <row r="862" spans="2:42" x14ac:dyDescent="0.3">
      <c r="B862">
        <v>61.299112113020975</v>
      </c>
      <c r="C862" s="83">
        <v>43136.833333333336</v>
      </c>
      <c r="D862">
        <v>265704.14669999998</v>
      </c>
      <c r="E862">
        <v>23280.517639999998</v>
      </c>
      <c r="F862">
        <v>66431.621350000001</v>
      </c>
      <c r="G862">
        <v>55077.754359999999</v>
      </c>
      <c r="H862">
        <v>47664.354379999997</v>
      </c>
      <c r="I862">
        <v>39617.006200000003</v>
      </c>
      <c r="J862">
        <v>44431.754430000001</v>
      </c>
      <c r="K862">
        <v>57206.652990000002</v>
      </c>
      <c r="L862">
        <v>28752.45304</v>
      </c>
      <c r="M862">
        <v>312531.45990000002</v>
      </c>
      <c r="N862">
        <v>87689.823019999996</v>
      </c>
      <c r="O862">
        <v>26332.326580000001</v>
      </c>
      <c r="P862">
        <v>42555.900699999998</v>
      </c>
      <c r="Q862">
        <v>82471.248059999998</v>
      </c>
      <c r="R862">
        <v>25075.865699999998</v>
      </c>
      <c r="S862">
        <v>96857.974679999999</v>
      </c>
      <c r="T862">
        <v>39427.5628</v>
      </c>
      <c r="U862">
        <v>20155.527020000001</v>
      </c>
      <c r="W862" s="83">
        <f>Bühler!N894</f>
        <v>45327.833333331248</v>
      </c>
      <c r="X862" s="83">
        <v>43136.833333333336</v>
      </c>
      <c r="Y862">
        <v>265704.14669999998</v>
      </c>
      <c r="Z862">
        <v>23280.517639999998</v>
      </c>
      <c r="AA862">
        <v>66431.621350000001</v>
      </c>
      <c r="AB862">
        <v>55077.754359999999</v>
      </c>
      <c r="AC862">
        <v>47664.354379999997</v>
      </c>
      <c r="AD862">
        <v>39617.006200000003</v>
      </c>
      <c r="AE862">
        <v>44431.754430000001</v>
      </c>
      <c r="AF862">
        <v>57206.652990000002</v>
      </c>
      <c r="AG862">
        <v>28752.45304</v>
      </c>
      <c r="AH862">
        <v>312531.45990000002</v>
      </c>
      <c r="AI862">
        <v>87689.823019999996</v>
      </c>
      <c r="AJ862">
        <v>26332.326580000001</v>
      </c>
      <c r="AK862">
        <v>42555.900699999998</v>
      </c>
      <c r="AL862">
        <v>82471.248059999998</v>
      </c>
      <c r="AM862">
        <v>25075.865699999998</v>
      </c>
      <c r="AN862">
        <v>96857.974679999999</v>
      </c>
      <c r="AO862">
        <v>39427.5628</v>
      </c>
      <c r="AP862">
        <v>20155.527020000001</v>
      </c>
    </row>
    <row r="863" spans="2:42" x14ac:dyDescent="0.3">
      <c r="B863">
        <v>59.005725197081262</v>
      </c>
      <c r="C863" s="83">
        <v>43136.875</v>
      </c>
      <c r="D863">
        <v>254962.52309999999</v>
      </c>
      <c r="E863">
        <v>20473.751840000001</v>
      </c>
      <c r="F863">
        <v>57823.512470000001</v>
      </c>
      <c r="G863">
        <v>51163.950689999998</v>
      </c>
      <c r="H863">
        <v>45661.537230000002</v>
      </c>
      <c r="I863">
        <v>34239.095520000003</v>
      </c>
      <c r="J863">
        <v>42155.613259999998</v>
      </c>
      <c r="K863">
        <v>54933.122150000003</v>
      </c>
      <c r="L863">
        <v>27762.994019999998</v>
      </c>
      <c r="M863">
        <v>300838.70390000002</v>
      </c>
      <c r="N863">
        <v>84729.798439999999</v>
      </c>
      <c r="O863">
        <v>25294.014469999998</v>
      </c>
      <c r="P863">
        <v>41075.608939999998</v>
      </c>
      <c r="Q863">
        <v>80450.516990000004</v>
      </c>
      <c r="R863">
        <v>23357.320909999999</v>
      </c>
      <c r="S863">
        <v>91487.287500000006</v>
      </c>
      <c r="T863">
        <v>36290.882339999996</v>
      </c>
      <c r="U863">
        <v>18918.168839999998</v>
      </c>
      <c r="W863" s="83">
        <f>Bühler!N895</f>
        <v>45327.874999997912</v>
      </c>
      <c r="X863" s="83">
        <v>43136.875</v>
      </c>
      <c r="Y863">
        <v>254962.52309999999</v>
      </c>
      <c r="Z863">
        <v>20473.751840000001</v>
      </c>
      <c r="AA863">
        <v>57823.512470000001</v>
      </c>
      <c r="AB863">
        <v>51163.950689999998</v>
      </c>
      <c r="AC863">
        <v>45661.537230000002</v>
      </c>
      <c r="AD863">
        <v>34239.095520000003</v>
      </c>
      <c r="AE863">
        <v>42155.613259999998</v>
      </c>
      <c r="AF863">
        <v>54933.122150000003</v>
      </c>
      <c r="AG863">
        <v>27762.994019999998</v>
      </c>
      <c r="AH863">
        <v>300838.70390000002</v>
      </c>
      <c r="AI863">
        <v>84729.798439999999</v>
      </c>
      <c r="AJ863">
        <v>25294.014469999998</v>
      </c>
      <c r="AK863">
        <v>41075.608939999998</v>
      </c>
      <c r="AL863">
        <v>80450.516990000004</v>
      </c>
      <c r="AM863">
        <v>23357.320909999999</v>
      </c>
      <c r="AN863">
        <v>91487.287500000006</v>
      </c>
      <c r="AO863">
        <v>36290.882339999996</v>
      </c>
      <c r="AP863">
        <v>18918.168839999998</v>
      </c>
    </row>
    <row r="864" spans="2:42" x14ac:dyDescent="0.3">
      <c r="B864">
        <v>58.961950190043666</v>
      </c>
      <c r="C864" s="83">
        <v>43136.916666666664</v>
      </c>
      <c r="D864">
        <v>253056.8285</v>
      </c>
      <c r="E864">
        <v>19852.983240000001</v>
      </c>
      <c r="F864">
        <v>54975.071929999998</v>
      </c>
      <c r="G864">
        <v>48662.644540000001</v>
      </c>
      <c r="H864">
        <v>44742.3724</v>
      </c>
      <c r="I864">
        <v>32444.049429999999</v>
      </c>
      <c r="J864">
        <v>40811.587399999997</v>
      </c>
      <c r="K864">
        <v>58371.234320000003</v>
      </c>
      <c r="L864">
        <v>25081.53802</v>
      </c>
      <c r="M864">
        <v>300615.51850000001</v>
      </c>
      <c r="N864">
        <v>85429.803360000005</v>
      </c>
      <c r="O864">
        <v>26472.686730000001</v>
      </c>
      <c r="P864">
        <v>44430.899239999999</v>
      </c>
      <c r="Q864">
        <v>80719.751759999999</v>
      </c>
      <c r="R864">
        <v>34167.034919999998</v>
      </c>
      <c r="S864">
        <v>89760.61954</v>
      </c>
      <c r="T864">
        <v>32445.714</v>
      </c>
      <c r="U864">
        <v>20016.423149999999</v>
      </c>
      <c r="W864" s="83">
        <f>Bühler!N896</f>
        <v>45327.916666664576</v>
      </c>
      <c r="X864" s="83">
        <v>43136.916666666664</v>
      </c>
      <c r="Y864">
        <v>253056.8285</v>
      </c>
      <c r="Z864">
        <v>19852.983240000001</v>
      </c>
      <c r="AA864">
        <v>54975.071929999998</v>
      </c>
      <c r="AB864">
        <v>48662.644540000001</v>
      </c>
      <c r="AC864">
        <v>44742.3724</v>
      </c>
      <c r="AD864">
        <v>32444.049429999999</v>
      </c>
      <c r="AE864">
        <v>40811.587399999997</v>
      </c>
      <c r="AF864">
        <v>58371.234320000003</v>
      </c>
      <c r="AG864">
        <v>25081.53802</v>
      </c>
      <c r="AH864">
        <v>300615.51850000001</v>
      </c>
      <c r="AI864">
        <v>85429.803360000005</v>
      </c>
      <c r="AJ864">
        <v>26472.686730000001</v>
      </c>
      <c r="AK864">
        <v>44430.899239999999</v>
      </c>
      <c r="AL864">
        <v>80719.751759999999</v>
      </c>
      <c r="AM864">
        <v>34167.034919999998</v>
      </c>
      <c r="AN864">
        <v>89760.61954</v>
      </c>
      <c r="AO864">
        <v>32445.714</v>
      </c>
      <c r="AP864">
        <v>20016.423149999999</v>
      </c>
    </row>
    <row r="865" spans="2:42" x14ac:dyDescent="0.3">
      <c r="B865">
        <v>58.534344170158917</v>
      </c>
      <c r="C865" s="83">
        <v>43136.958333333336</v>
      </c>
      <c r="D865">
        <v>253251.86919999999</v>
      </c>
      <c r="E865">
        <v>19678.777559999999</v>
      </c>
      <c r="F865">
        <v>53548.05732</v>
      </c>
      <c r="G865">
        <v>47648.279699999999</v>
      </c>
      <c r="H865">
        <v>43989.307390000002</v>
      </c>
      <c r="I865">
        <v>31344.56265</v>
      </c>
      <c r="J865">
        <v>38559.712070000001</v>
      </c>
      <c r="K865">
        <v>57081.980499999998</v>
      </c>
      <c r="L865">
        <v>21916.458859999999</v>
      </c>
      <c r="M865">
        <v>298435.3836</v>
      </c>
      <c r="N865">
        <v>85026.834210000001</v>
      </c>
      <c r="O865">
        <v>26709.095549999998</v>
      </c>
      <c r="P865">
        <v>40130.07632</v>
      </c>
      <c r="Q865">
        <v>80940.795480000001</v>
      </c>
      <c r="R865">
        <v>35925.906280000003</v>
      </c>
      <c r="S865">
        <v>87605.410359999994</v>
      </c>
      <c r="T865">
        <v>31947.406220000001</v>
      </c>
      <c r="U865">
        <v>19621.471649999999</v>
      </c>
      <c r="W865" s="83">
        <f>Bühler!N897</f>
        <v>45327.95833333124</v>
      </c>
      <c r="X865" s="83">
        <v>43136.958333333336</v>
      </c>
      <c r="Y865">
        <v>253251.86919999999</v>
      </c>
      <c r="Z865">
        <v>19678.777559999999</v>
      </c>
      <c r="AA865">
        <v>53548.05732</v>
      </c>
      <c r="AB865">
        <v>47648.279699999999</v>
      </c>
      <c r="AC865">
        <v>43989.307390000002</v>
      </c>
      <c r="AD865">
        <v>31344.56265</v>
      </c>
      <c r="AE865">
        <v>38559.712070000001</v>
      </c>
      <c r="AF865">
        <v>57081.980499999998</v>
      </c>
      <c r="AG865">
        <v>21916.458859999999</v>
      </c>
      <c r="AH865">
        <v>298435.3836</v>
      </c>
      <c r="AI865">
        <v>85026.834210000001</v>
      </c>
      <c r="AJ865">
        <v>26709.095549999998</v>
      </c>
      <c r="AK865">
        <v>40130.07632</v>
      </c>
      <c r="AL865">
        <v>80940.795480000001</v>
      </c>
      <c r="AM865">
        <v>35925.906280000003</v>
      </c>
      <c r="AN865">
        <v>87605.410359999994</v>
      </c>
      <c r="AO865">
        <v>31947.406220000001</v>
      </c>
      <c r="AP865">
        <v>19621.471649999999</v>
      </c>
    </row>
    <row r="866" spans="2:42" x14ac:dyDescent="0.3">
      <c r="B866">
        <v>57.580922185198737</v>
      </c>
      <c r="C866" s="83">
        <v>43137</v>
      </c>
      <c r="D866">
        <v>252451.55429999999</v>
      </c>
      <c r="E866">
        <v>19321.708149999999</v>
      </c>
      <c r="F866">
        <v>53170.079389999999</v>
      </c>
      <c r="G866">
        <v>47217.356189999999</v>
      </c>
      <c r="H866">
        <v>43146.133320000001</v>
      </c>
      <c r="I866">
        <v>29523.231210000002</v>
      </c>
      <c r="J866">
        <v>36616.66087</v>
      </c>
      <c r="K866">
        <v>55025.742180000001</v>
      </c>
      <c r="L866">
        <v>20602.175070000001</v>
      </c>
      <c r="M866">
        <v>293574.39370000002</v>
      </c>
      <c r="N866">
        <v>84186.46398</v>
      </c>
      <c r="O866">
        <v>26394.20379</v>
      </c>
      <c r="P866">
        <v>37273.477830000003</v>
      </c>
      <c r="Q866">
        <v>81214.760930000004</v>
      </c>
      <c r="R866">
        <v>32503.964220000002</v>
      </c>
      <c r="S866">
        <v>86771.822379999998</v>
      </c>
      <c r="T866">
        <v>30140.701529999998</v>
      </c>
      <c r="U866">
        <v>19381.440429999999</v>
      </c>
      <c r="W866" s="83">
        <f>Bühler!N898</f>
        <v>45327.999999997905</v>
      </c>
      <c r="X866" s="83">
        <v>43137</v>
      </c>
      <c r="Y866">
        <v>252451.55429999999</v>
      </c>
      <c r="Z866">
        <v>19321.708149999999</v>
      </c>
      <c r="AA866">
        <v>53170.079389999999</v>
      </c>
      <c r="AB866">
        <v>47217.356189999999</v>
      </c>
      <c r="AC866">
        <v>43146.133320000001</v>
      </c>
      <c r="AD866">
        <v>29523.231210000002</v>
      </c>
      <c r="AE866">
        <v>36616.66087</v>
      </c>
      <c r="AF866">
        <v>55025.742180000001</v>
      </c>
      <c r="AG866">
        <v>20602.175070000001</v>
      </c>
      <c r="AH866">
        <v>293574.39370000002</v>
      </c>
      <c r="AI866">
        <v>84186.46398</v>
      </c>
      <c r="AJ866">
        <v>26394.20379</v>
      </c>
      <c r="AK866">
        <v>37273.477830000003</v>
      </c>
      <c r="AL866">
        <v>81214.760930000004</v>
      </c>
      <c r="AM866">
        <v>32503.964220000002</v>
      </c>
      <c r="AN866">
        <v>86771.822379999998</v>
      </c>
      <c r="AO866">
        <v>30140.701529999998</v>
      </c>
      <c r="AP866">
        <v>19381.440429999999</v>
      </c>
    </row>
    <row r="867" spans="2:42" x14ac:dyDescent="0.3">
      <c r="B867">
        <v>57.635372108250202</v>
      </c>
      <c r="C867" s="83">
        <v>43137.041666666664</v>
      </c>
      <c r="D867">
        <v>251618.66690000001</v>
      </c>
      <c r="E867">
        <v>19311.66329</v>
      </c>
      <c r="F867">
        <v>53161.70637</v>
      </c>
      <c r="G867">
        <v>46720.447090000001</v>
      </c>
      <c r="H867">
        <v>43102.937830000003</v>
      </c>
      <c r="I867">
        <v>24825.69342</v>
      </c>
      <c r="J867">
        <v>35882.111749999996</v>
      </c>
      <c r="K867">
        <v>53295.845029999997</v>
      </c>
      <c r="L867">
        <v>20234.050500000001</v>
      </c>
      <c r="M867">
        <v>293852.0048</v>
      </c>
      <c r="N867">
        <v>84752.25589</v>
      </c>
      <c r="O867">
        <v>26130.385389999999</v>
      </c>
      <c r="P867">
        <v>35360.196839999997</v>
      </c>
      <c r="Q867">
        <v>81957.290269999998</v>
      </c>
      <c r="R867">
        <v>29733.040280000001</v>
      </c>
      <c r="S867">
        <v>86072.594450000004</v>
      </c>
      <c r="T867">
        <v>29861.112580000001</v>
      </c>
      <c r="U867">
        <v>19747.180530000001</v>
      </c>
      <c r="W867" s="83">
        <f>Bühler!N899</f>
        <v>45328.041666664569</v>
      </c>
      <c r="X867" s="83">
        <v>43137.041666666664</v>
      </c>
      <c r="Y867">
        <v>251618.66690000001</v>
      </c>
      <c r="Z867">
        <v>19311.66329</v>
      </c>
      <c r="AA867">
        <v>53161.70637</v>
      </c>
      <c r="AB867">
        <v>46720.447090000001</v>
      </c>
      <c r="AC867">
        <v>43102.937830000003</v>
      </c>
      <c r="AD867">
        <v>24825.69342</v>
      </c>
      <c r="AE867">
        <v>35882.111749999996</v>
      </c>
      <c r="AF867">
        <v>53295.845029999997</v>
      </c>
      <c r="AG867">
        <v>20234.050500000001</v>
      </c>
      <c r="AH867">
        <v>293852.0048</v>
      </c>
      <c r="AI867">
        <v>84752.25589</v>
      </c>
      <c r="AJ867">
        <v>26130.385389999999</v>
      </c>
      <c r="AK867">
        <v>35360.196839999997</v>
      </c>
      <c r="AL867">
        <v>81957.290269999998</v>
      </c>
      <c r="AM867">
        <v>29733.040280000001</v>
      </c>
      <c r="AN867">
        <v>86072.594450000004</v>
      </c>
      <c r="AO867">
        <v>29861.112580000001</v>
      </c>
      <c r="AP867">
        <v>19747.180530000001</v>
      </c>
    </row>
    <row r="868" spans="2:42" x14ac:dyDescent="0.3">
      <c r="B868">
        <v>58.242263101044941</v>
      </c>
      <c r="C868" s="83">
        <v>43137.083333333336</v>
      </c>
      <c r="D868">
        <v>252647.9062</v>
      </c>
      <c r="E868">
        <v>19355.235420000001</v>
      </c>
      <c r="F868">
        <v>53790.964480000002</v>
      </c>
      <c r="G868">
        <v>46709.823680000001</v>
      </c>
      <c r="H868">
        <v>43027.846980000002</v>
      </c>
      <c r="I868">
        <v>22684.973720000002</v>
      </c>
      <c r="J868">
        <v>35659.628080000002</v>
      </c>
      <c r="K868">
        <v>52540.32213</v>
      </c>
      <c r="L868">
        <v>20053.512879999998</v>
      </c>
      <c r="M868">
        <v>296946.2181</v>
      </c>
      <c r="N868">
        <v>84732.763479999994</v>
      </c>
      <c r="O868">
        <v>26328.240379999999</v>
      </c>
      <c r="P868">
        <v>32875.771580000001</v>
      </c>
      <c r="Q868">
        <v>84198.736919999996</v>
      </c>
      <c r="R868">
        <v>31020.766189999998</v>
      </c>
      <c r="S868">
        <v>84722.062770000004</v>
      </c>
      <c r="T868">
        <v>28906.207829999999</v>
      </c>
      <c r="U868">
        <v>19998.720209999999</v>
      </c>
      <c r="W868" s="83">
        <f>Bühler!N900</f>
        <v>45328.083333331233</v>
      </c>
      <c r="X868" s="83">
        <v>43137.083333333336</v>
      </c>
      <c r="Y868">
        <v>252647.9062</v>
      </c>
      <c r="Z868">
        <v>19355.235420000001</v>
      </c>
      <c r="AA868">
        <v>53790.964480000002</v>
      </c>
      <c r="AB868">
        <v>46709.823680000001</v>
      </c>
      <c r="AC868">
        <v>43027.846980000002</v>
      </c>
      <c r="AD868">
        <v>22684.973720000002</v>
      </c>
      <c r="AE868">
        <v>35659.628080000002</v>
      </c>
      <c r="AF868">
        <v>52540.32213</v>
      </c>
      <c r="AG868">
        <v>20053.512879999998</v>
      </c>
      <c r="AH868">
        <v>296946.2181</v>
      </c>
      <c r="AI868">
        <v>84732.763479999994</v>
      </c>
      <c r="AJ868">
        <v>26328.240379999999</v>
      </c>
      <c r="AK868">
        <v>32875.771580000001</v>
      </c>
      <c r="AL868">
        <v>84198.736919999996</v>
      </c>
      <c r="AM868">
        <v>31020.766189999998</v>
      </c>
      <c r="AN868">
        <v>84722.062770000004</v>
      </c>
      <c r="AO868">
        <v>28906.207829999999</v>
      </c>
      <c r="AP868">
        <v>19998.720209999999</v>
      </c>
    </row>
    <row r="869" spans="2:42" x14ac:dyDescent="0.3">
      <c r="B869">
        <v>58.682592986431395</v>
      </c>
      <c r="C869" s="83">
        <v>43137.125</v>
      </c>
      <c r="D869">
        <v>254791.35870000001</v>
      </c>
      <c r="E869">
        <v>19339.20204</v>
      </c>
      <c r="F869">
        <v>55627.238680000002</v>
      </c>
      <c r="G869">
        <v>45786.376479999999</v>
      </c>
      <c r="H869">
        <v>42872.49568</v>
      </c>
      <c r="I869">
        <v>22719.996070000001</v>
      </c>
      <c r="J869">
        <v>36672.20018</v>
      </c>
      <c r="K869">
        <v>51879.431490000003</v>
      </c>
      <c r="L869">
        <v>20067.26989</v>
      </c>
      <c r="M869">
        <v>299191.22519999999</v>
      </c>
      <c r="N869">
        <v>84142.424400000004</v>
      </c>
      <c r="O869">
        <v>26449.385269999999</v>
      </c>
      <c r="P869">
        <v>32971.192739999999</v>
      </c>
      <c r="Q869">
        <v>87035.399990000005</v>
      </c>
      <c r="R869">
        <v>30045.107069999998</v>
      </c>
      <c r="S869">
        <v>84572.861680000002</v>
      </c>
      <c r="T869">
        <v>29361.368180000001</v>
      </c>
      <c r="U869">
        <v>20249.87283</v>
      </c>
      <c r="W869" s="83">
        <f>Bühler!N901</f>
        <v>45328.124999997897</v>
      </c>
      <c r="X869" s="83">
        <v>43137.125</v>
      </c>
      <c r="Y869">
        <v>254791.35870000001</v>
      </c>
      <c r="Z869">
        <v>19339.20204</v>
      </c>
      <c r="AA869">
        <v>55627.238680000002</v>
      </c>
      <c r="AB869">
        <v>45786.376479999999</v>
      </c>
      <c r="AC869">
        <v>42872.49568</v>
      </c>
      <c r="AD869">
        <v>22719.996070000001</v>
      </c>
      <c r="AE869">
        <v>36672.20018</v>
      </c>
      <c r="AF869">
        <v>51879.431490000003</v>
      </c>
      <c r="AG869">
        <v>20067.26989</v>
      </c>
      <c r="AH869">
        <v>299191.22519999999</v>
      </c>
      <c r="AI869">
        <v>84142.424400000004</v>
      </c>
      <c r="AJ869">
        <v>26449.385269999999</v>
      </c>
      <c r="AK869">
        <v>32971.192739999999</v>
      </c>
      <c r="AL869">
        <v>87035.399990000005</v>
      </c>
      <c r="AM869">
        <v>30045.107069999998</v>
      </c>
      <c r="AN869">
        <v>84572.861680000002</v>
      </c>
      <c r="AO869">
        <v>29361.368180000001</v>
      </c>
      <c r="AP869">
        <v>20249.87283</v>
      </c>
    </row>
    <row r="870" spans="2:42" x14ac:dyDescent="0.3">
      <c r="B870">
        <v>60.607006632013423</v>
      </c>
      <c r="C870" s="83">
        <v>43137.166666666664</v>
      </c>
      <c r="D870">
        <v>257955.18119999999</v>
      </c>
      <c r="E870">
        <v>19914.458040000001</v>
      </c>
      <c r="F870">
        <v>59788.182309999997</v>
      </c>
      <c r="G870">
        <v>45716.528550000003</v>
      </c>
      <c r="H870">
        <v>43954.207869999998</v>
      </c>
      <c r="I870">
        <v>27112.267029999999</v>
      </c>
      <c r="J870">
        <v>39365.490610000001</v>
      </c>
      <c r="K870">
        <v>49701.81899</v>
      </c>
      <c r="L870">
        <v>19761.844400000002</v>
      </c>
      <c r="M870">
        <v>309002.78340000001</v>
      </c>
      <c r="N870">
        <v>84021.883979999999</v>
      </c>
      <c r="O870">
        <v>27001.029910000001</v>
      </c>
      <c r="P870">
        <v>32805.929490000002</v>
      </c>
      <c r="Q870">
        <v>91169.367169999998</v>
      </c>
      <c r="R870">
        <v>29871.493569999999</v>
      </c>
      <c r="S870">
        <v>85243.995809999993</v>
      </c>
      <c r="T870">
        <v>29009.929270000001</v>
      </c>
      <c r="U870">
        <v>20724.93849</v>
      </c>
      <c r="W870" s="83">
        <f>Bühler!N902</f>
        <v>45328.166666664561</v>
      </c>
      <c r="X870" s="83">
        <v>43137.166666666664</v>
      </c>
      <c r="Y870">
        <v>257955.18119999999</v>
      </c>
      <c r="Z870">
        <v>19914.458040000001</v>
      </c>
      <c r="AA870">
        <v>59788.182309999997</v>
      </c>
      <c r="AB870">
        <v>45716.528550000003</v>
      </c>
      <c r="AC870">
        <v>43954.207869999998</v>
      </c>
      <c r="AD870">
        <v>27112.267029999999</v>
      </c>
      <c r="AE870">
        <v>39365.490610000001</v>
      </c>
      <c r="AF870">
        <v>49701.81899</v>
      </c>
      <c r="AG870">
        <v>19761.844400000002</v>
      </c>
      <c r="AH870">
        <v>309002.78340000001</v>
      </c>
      <c r="AI870">
        <v>84021.883979999999</v>
      </c>
      <c r="AJ870">
        <v>27001.029910000001</v>
      </c>
      <c r="AK870">
        <v>32805.929490000002</v>
      </c>
      <c r="AL870">
        <v>91169.367169999998</v>
      </c>
      <c r="AM870">
        <v>29871.493569999999</v>
      </c>
      <c r="AN870">
        <v>85243.995809999993</v>
      </c>
      <c r="AO870">
        <v>29009.929270000001</v>
      </c>
      <c r="AP870">
        <v>20724.93849</v>
      </c>
    </row>
    <row r="871" spans="2:42" x14ac:dyDescent="0.3">
      <c r="B871">
        <v>64.230433415863487</v>
      </c>
      <c r="C871" s="83">
        <v>43137.208333333336</v>
      </c>
      <c r="D871">
        <v>274705.39370000002</v>
      </c>
      <c r="E871">
        <v>21919.911349999998</v>
      </c>
      <c r="F871">
        <v>70278.53499</v>
      </c>
      <c r="G871">
        <v>49624.774219999999</v>
      </c>
      <c r="H871">
        <v>46246.772810000002</v>
      </c>
      <c r="I871">
        <v>35383.121469999998</v>
      </c>
      <c r="J871">
        <v>41891.553930000002</v>
      </c>
      <c r="K871">
        <v>49591.175629999998</v>
      </c>
      <c r="L871">
        <v>20819.480200000002</v>
      </c>
      <c r="M871">
        <v>327476.70289999997</v>
      </c>
      <c r="N871">
        <v>85404.112299999993</v>
      </c>
      <c r="O871">
        <v>27373.9247</v>
      </c>
      <c r="P871">
        <v>34328.300380000001</v>
      </c>
      <c r="Q871">
        <v>93549.575750000004</v>
      </c>
      <c r="R871">
        <v>32671.357769999999</v>
      </c>
      <c r="S871">
        <v>88564.490109999999</v>
      </c>
      <c r="T871">
        <v>30716.41044</v>
      </c>
      <c r="U871">
        <v>22407.79997</v>
      </c>
      <c r="W871" s="83">
        <f>Bühler!N903</f>
        <v>45328.208333331226</v>
      </c>
      <c r="X871" s="83">
        <v>43137.208333333336</v>
      </c>
      <c r="Y871">
        <v>274705.39370000002</v>
      </c>
      <c r="Z871">
        <v>21919.911349999998</v>
      </c>
      <c r="AA871">
        <v>70278.53499</v>
      </c>
      <c r="AB871">
        <v>49624.774219999999</v>
      </c>
      <c r="AC871">
        <v>46246.772810000002</v>
      </c>
      <c r="AD871">
        <v>35383.121469999998</v>
      </c>
      <c r="AE871">
        <v>41891.553930000002</v>
      </c>
      <c r="AF871">
        <v>49591.175629999998</v>
      </c>
      <c r="AG871">
        <v>20819.480200000002</v>
      </c>
      <c r="AH871">
        <v>327476.70289999997</v>
      </c>
      <c r="AI871">
        <v>85404.112299999993</v>
      </c>
      <c r="AJ871">
        <v>27373.9247</v>
      </c>
      <c r="AK871">
        <v>34328.300380000001</v>
      </c>
      <c r="AL871">
        <v>93549.575750000004</v>
      </c>
      <c r="AM871">
        <v>32671.357769999999</v>
      </c>
      <c r="AN871">
        <v>88564.490109999999</v>
      </c>
      <c r="AO871">
        <v>30716.41044</v>
      </c>
      <c r="AP871">
        <v>22407.79997</v>
      </c>
    </row>
    <row r="872" spans="2:42" x14ac:dyDescent="0.3">
      <c r="B872">
        <v>66.278589096341051</v>
      </c>
      <c r="C872" s="83">
        <v>43137.25</v>
      </c>
      <c r="D872">
        <v>292217.22710000002</v>
      </c>
      <c r="E872">
        <v>26080.129949999999</v>
      </c>
      <c r="F872">
        <v>83072.065270000006</v>
      </c>
      <c r="G872">
        <v>64368.024729999997</v>
      </c>
      <c r="H872">
        <v>49873.883999999998</v>
      </c>
      <c r="I872">
        <v>44089.117850000002</v>
      </c>
      <c r="J872">
        <v>44507.91504</v>
      </c>
      <c r="K872">
        <v>51452.705150000002</v>
      </c>
      <c r="L872">
        <v>22930.51713</v>
      </c>
      <c r="M872">
        <v>337919.1557</v>
      </c>
      <c r="N872">
        <v>86349.304499999998</v>
      </c>
      <c r="O872">
        <v>28531.0448</v>
      </c>
      <c r="P872">
        <v>34837.622600000002</v>
      </c>
      <c r="Q872">
        <v>95047.00404</v>
      </c>
      <c r="R872">
        <v>22990.481879999999</v>
      </c>
      <c r="S872">
        <v>96631.652170000001</v>
      </c>
      <c r="T872">
        <v>33709.226060000001</v>
      </c>
      <c r="U872">
        <v>23577.151399999999</v>
      </c>
      <c r="W872" s="83">
        <f>Bühler!N904</f>
        <v>45328.24999999789</v>
      </c>
      <c r="X872" s="83">
        <v>43137.25</v>
      </c>
      <c r="Y872">
        <v>292217.22710000002</v>
      </c>
      <c r="Z872">
        <v>26080.129949999999</v>
      </c>
      <c r="AA872">
        <v>83072.065270000006</v>
      </c>
      <c r="AB872">
        <v>64368.024729999997</v>
      </c>
      <c r="AC872">
        <v>49873.883999999998</v>
      </c>
      <c r="AD872">
        <v>44089.117850000002</v>
      </c>
      <c r="AE872">
        <v>44507.91504</v>
      </c>
      <c r="AF872">
        <v>51452.705150000002</v>
      </c>
      <c r="AG872">
        <v>22930.51713</v>
      </c>
      <c r="AH872">
        <v>337919.1557</v>
      </c>
      <c r="AI872">
        <v>86349.304499999998</v>
      </c>
      <c r="AJ872">
        <v>28531.0448</v>
      </c>
      <c r="AK872">
        <v>34837.622600000002</v>
      </c>
      <c r="AL872">
        <v>95047.00404</v>
      </c>
      <c r="AM872">
        <v>22990.481879999999</v>
      </c>
      <c r="AN872">
        <v>96631.652170000001</v>
      </c>
      <c r="AO872">
        <v>33709.226060000001</v>
      </c>
      <c r="AP872">
        <v>23577.151399999999</v>
      </c>
    </row>
    <row r="873" spans="2:42" x14ac:dyDescent="0.3">
      <c r="B873">
        <v>67.098260624935875</v>
      </c>
      <c r="C873" s="83">
        <v>43137.291666666664</v>
      </c>
      <c r="D873">
        <v>305386.10550000001</v>
      </c>
      <c r="E873">
        <v>31394.235049999999</v>
      </c>
      <c r="F873">
        <v>85134.773400000005</v>
      </c>
      <c r="G873">
        <v>82575.925059999994</v>
      </c>
      <c r="H873">
        <v>56766.776239999999</v>
      </c>
      <c r="I873">
        <v>53166.483229999998</v>
      </c>
      <c r="J873">
        <v>43290.099219999996</v>
      </c>
      <c r="K873">
        <v>57714.711159999999</v>
      </c>
      <c r="L873">
        <v>25855.531599999998</v>
      </c>
      <c r="M873">
        <v>342098.22340000002</v>
      </c>
      <c r="N873">
        <v>91538.636620000005</v>
      </c>
      <c r="O873">
        <v>31285.62905</v>
      </c>
      <c r="P873">
        <v>38716.137779999997</v>
      </c>
      <c r="Q873">
        <v>95193.477020000006</v>
      </c>
      <c r="R873">
        <v>24252.676599999999</v>
      </c>
      <c r="S873">
        <v>110307.8836</v>
      </c>
      <c r="T873">
        <v>36648.73184</v>
      </c>
      <c r="U873">
        <v>28068.445589999999</v>
      </c>
      <c r="W873" s="83">
        <f>Bühler!N905</f>
        <v>45328.291666664554</v>
      </c>
      <c r="X873" s="83">
        <v>43137.291666666664</v>
      </c>
      <c r="Y873">
        <v>305386.10550000001</v>
      </c>
      <c r="Z873">
        <v>31394.235049999999</v>
      </c>
      <c r="AA873">
        <v>85134.773400000005</v>
      </c>
      <c r="AB873">
        <v>82575.925059999994</v>
      </c>
      <c r="AC873">
        <v>56766.776239999999</v>
      </c>
      <c r="AD873">
        <v>53166.483229999998</v>
      </c>
      <c r="AE873">
        <v>43290.099219999996</v>
      </c>
      <c r="AF873">
        <v>57714.711159999999</v>
      </c>
      <c r="AG873">
        <v>25855.531599999998</v>
      </c>
      <c r="AH873">
        <v>342098.22340000002</v>
      </c>
      <c r="AI873">
        <v>91538.636620000005</v>
      </c>
      <c r="AJ873">
        <v>31285.62905</v>
      </c>
      <c r="AK873">
        <v>38716.137779999997</v>
      </c>
      <c r="AL873">
        <v>95193.477020000006</v>
      </c>
      <c r="AM873">
        <v>24252.676599999999</v>
      </c>
      <c r="AN873">
        <v>110307.8836</v>
      </c>
      <c r="AO873">
        <v>36648.73184</v>
      </c>
      <c r="AP873">
        <v>28068.445589999999</v>
      </c>
    </row>
    <row r="874" spans="2:42" x14ac:dyDescent="0.3">
      <c r="B874">
        <v>67.254429293432878</v>
      </c>
      <c r="C874" s="83">
        <v>43137.333333333336</v>
      </c>
      <c r="D874">
        <v>318532.82410000003</v>
      </c>
      <c r="E874">
        <v>38072.435189999997</v>
      </c>
      <c r="F874">
        <v>92149.511429999999</v>
      </c>
      <c r="G874">
        <v>100643.75079999999</v>
      </c>
      <c r="H874">
        <v>61783.925179999998</v>
      </c>
      <c r="I874">
        <v>57032.230349999998</v>
      </c>
      <c r="J874">
        <v>43585.153919999997</v>
      </c>
      <c r="K874">
        <v>62716.278230000004</v>
      </c>
      <c r="L874">
        <v>28966.22206</v>
      </c>
      <c r="M874">
        <v>342894.44410000002</v>
      </c>
      <c r="N874">
        <v>101208.5759</v>
      </c>
      <c r="O874">
        <v>33251.44281</v>
      </c>
      <c r="P874">
        <v>40255.318670000001</v>
      </c>
      <c r="Q874">
        <v>97023.59117</v>
      </c>
      <c r="R874">
        <v>28115.29954</v>
      </c>
      <c r="S874">
        <v>124389.8112</v>
      </c>
      <c r="T874">
        <v>40127.56538</v>
      </c>
      <c r="U874">
        <v>31671.64374</v>
      </c>
      <c r="W874" s="83">
        <f>Bühler!N906</f>
        <v>45328.333333331218</v>
      </c>
      <c r="X874" s="83">
        <v>43137.333333333336</v>
      </c>
      <c r="Y874">
        <v>318532.82410000003</v>
      </c>
      <c r="Z874">
        <v>38072.435189999997</v>
      </c>
      <c r="AA874">
        <v>92149.511429999999</v>
      </c>
      <c r="AB874">
        <v>100643.75079999999</v>
      </c>
      <c r="AC874">
        <v>61783.925179999998</v>
      </c>
      <c r="AD874">
        <v>57032.230349999998</v>
      </c>
      <c r="AE874">
        <v>43585.153919999997</v>
      </c>
      <c r="AF874">
        <v>62716.278230000004</v>
      </c>
      <c r="AG874">
        <v>28966.22206</v>
      </c>
      <c r="AH874">
        <v>342894.44410000002</v>
      </c>
      <c r="AI874">
        <v>101208.5759</v>
      </c>
      <c r="AJ874">
        <v>33251.44281</v>
      </c>
      <c r="AK874">
        <v>40255.318670000001</v>
      </c>
      <c r="AL874">
        <v>97023.59117</v>
      </c>
      <c r="AM874">
        <v>28115.29954</v>
      </c>
      <c r="AN874">
        <v>124389.8112</v>
      </c>
      <c r="AO874">
        <v>40127.56538</v>
      </c>
      <c r="AP874">
        <v>31671.64374</v>
      </c>
    </row>
    <row r="875" spans="2:42" x14ac:dyDescent="0.3">
      <c r="B875">
        <v>66.566478473568367</v>
      </c>
      <c r="C875" s="83">
        <v>43137.375</v>
      </c>
      <c r="D875">
        <v>317943.98680000001</v>
      </c>
      <c r="E875">
        <v>42232.683980000002</v>
      </c>
      <c r="F875">
        <v>97568.221000000005</v>
      </c>
      <c r="G875">
        <v>110309.3609</v>
      </c>
      <c r="H875">
        <v>63303.929429999997</v>
      </c>
      <c r="I875">
        <v>54418.006659999999</v>
      </c>
      <c r="J875">
        <v>42662.96486</v>
      </c>
      <c r="K875">
        <v>59736.482300000003</v>
      </c>
      <c r="L875">
        <v>31950.506839999998</v>
      </c>
      <c r="M875">
        <v>339386.95</v>
      </c>
      <c r="N875">
        <v>108011.22440000001</v>
      </c>
      <c r="O875">
        <v>33486.090250000001</v>
      </c>
      <c r="P875">
        <v>41556.75013</v>
      </c>
      <c r="Q875">
        <v>97162.152159999998</v>
      </c>
      <c r="R875">
        <v>26138.158530000001</v>
      </c>
      <c r="S875">
        <v>131478.9901</v>
      </c>
      <c r="T875">
        <v>42748.172120000003</v>
      </c>
      <c r="U875">
        <v>31997.847870000001</v>
      </c>
      <c r="W875" s="83">
        <f>Bühler!N907</f>
        <v>45328.374999997883</v>
      </c>
      <c r="X875" s="83">
        <v>43137.375</v>
      </c>
      <c r="Y875">
        <v>317943.98680000001</v>
      </c>
      <c r="Z875">
        <v>42232.683980000002</v>
      </c>
      <c r="AA875">
        <v>97568.221000000005</v>
      </c>
      <c r="AB875">
        <v>110309.3609</v>
      </c>
      <c r="AC875">
        <v>63303.929429999997</v>
      </c>
      <c r="AD875">
        <v>54418.006659999999</v>
      </c>
      <c r="AE875">
        <v>42662.96486</v>
      </c>
      <c r="AF875">
        <v>59736.482300000003</v>
      </c>
      <c r="AG875">
        <v>31950.506839999998</v>
      </c>
      <c r="AH875">
        <v>339386.95</v>
      </c>
      <c r="AI875">
        <v>108011.22440000001</v>
      </c>
      <c r="AJ875">
        <v>33486.090250000001</v>
      </c>
      <c r="AK875">
        <v>41556.75013</v>
      </c>
      <c r="AL875">
        <v>97162.152159999998</v>
      </c>
      <c r="AM875">
        <v>26138.158530000001</v>
      </c>
      <c r="AN875">
        <v>131478.9901</v>
      </c>
      <c r="AO875">
        <v>42748.172120000003</v>
      </c>
      <c r="AP875">
        <v>31997.847870000001</v>
      </c>
    </row>
    <row r="876" spans="2:42" x14ac:dyDescent="0.3">
      <c r="B876">
        <v>67.640135811453291</v>
      </c>
      <c r="C876" s="83">
        <v>43137.416666666664</v>
      </c>
      <c r="D876">
        <v>320106.77590000001</v>
      </c>
      <c r="E876">
        <v>43765.976170000002</v>
      </c>
      <c r="F876">
        <v>97695.607770000002</v>
      </c>
      <c r="G876">
        <v>110954.3838</v>
      </c>
      <c r="H876">
        <v>64027.222289999998</v>
      </c>
      <c r="I876">
        <v>50226.241820000003</v>
      </c>
      <c r="J876">
        <v>41166.3004</v>
      </c>
      <c r="K876">
        <v>61671.944990000004</v>
      </c>
      <c r="L876">
        <v>34746.686950000003</v>
      </c>
      <c r="M876">
        <v>344860.9558</v>
      </c>
      <c r="N876">
        <v>112764.08560000001</v>
      </c>
      <c r="O876">
        <v>33217.71254</v>
      </c>
      <c r="P876">
        <v>41906.674630000001</v>
      </c>
      <c r="Q876">
        <v>97201.336569999999</v>
      </c>
      <c r="R876">
        <v>26457.53845</v>
      </c>
      <c r="S876">
        <v>130827.7396</v>
      </c>
      <c r="T876">
        <v>44587.382559999998</v>
      </c>
      <c r="U876">
        <v>31299.683120000002</v>
      </c>
      <c r="W876" s="83">
        <f>Bühler!N908</f>
        <v>45328.416666664547</v>
      </c>
      <c r="X876" s="83">
        <v>43137.416666666664</v>
      </c>
      <c r="Y876">
        <v>320106.77590000001</v>
      </c>
      <c r="Z876">
        <v>43765.976170000002</v>
      </c>
      <c r="AA876">
        <v>97695.607770000002</v>
      </c>
      <c r="AB876">
        <v>110954.3838</v>
      </c>
      <c r="AC876">
        <v>64027.222289999998</v>
      </c>
      <c r="AD876">
        <v>50226.241820000003</v>
      </c>
      <c r="AE876">
        <v>41166.3004</v>
      </c>
      <c r="AF876">
        <v>61671.944990000004</v>
      </c>
      <c r="AG876">
        <v>34746.686950000003</v>
      </c>
      <c r="AH876">
        <v>344860.9558</v>
      </c>
      <c r="AI876">
        <v>112764.08560000001</v>
      </c>
      <c r="AJ876">
        <v>33217.71254</v>
      </c>
      <c r="AK876">
        <v>41906.674630000001</v>
      </c>
      <c r="AL876">
        <v>97201.336569999999</v>
      </c>
      <c r="AM876">
        <v>26457.53845</v>
      </c>
      <c r="AN876">
        <v>130827.7396</v>
      </c>
      <c r="AO876">
        <v>44587.382559999998</v>
      </c>
      <c r="AP876">
        <v>31299.683120000002</v>
      </c>
    </row>
    <row r="877" spans="2:42" x14ac:dyDescent="0.3">
      <c r="B877">
        <v>68.489291677085518</v>
      </c>
      <c r="C877" s="83">
        <v>43137.458333333336</v>
      </c>
      <c r="D877">
        <v>319997.39610000001</v>
      </c>
      <c r="E877">
        <v>43689.252370000002</v>
      </c>
      <c r="F877">
        <v>97857.729640000005</v>
      </c>
      <c r="G877">
        <v>106903.9944</v>
      </c>
      <c r="H877">
        <v>63291.36836</v>
      </c>
      <c r="I877">
        <v>49152.61651</v>
      </c>
      <c r="J877">
        <v>40775.674679999996</v>
      </c>
      <c r="K877">
        <v>67189.451939999999</v>
      </c>
      <c r="L877">
        <v>35750.732629999999</v>
      </c>
      <c r="M877">
        <v>349190.34840000002</v>
      </c>
      <c r="N877">
        <v>110709.5788</v>
      </c>
      <c r="O877">
        <v>32906.133860000002</v>
      </c>
      <c r="P877">
        <v>41788.863519999999</v>
      </c>
      <c r="Q877">
        <v>96692.427859999996</v>
      </c>
      <c r="R877">
        <v>31277.5524</v>
      </c>
      <c r="S877">
        <v>132975.77989999999</v>
      </c>
      <c r="T877">
        <v>44929.943579999999</v>
      </c>
      <c r="U877">
        <v>31522.836329999998</v>
      </c>
      <c r="W877" s="83">
        <f>Bühler!N909</f>
        <v>45328.458333331211</v>
      </c>
      <c r="X877" s="83">
        <v>43137.458333333336</v>
      </c>
      <c r="Y877">
        <v>319997.39610000001</v>
      </c>
      <c r="Z877">
        <v>43689.252370000002</v>
      </c>
      <c r="AA877">
        <v>97857.729640000005</v>
      </c>
      <c r="AB877">
        <v>106903.9944</v>
      </c>
      <c r="AC877">
        <v>63291.36836</v>
      </c>
      <c r="AD877">
        <v>49152.61651</v>
      </c>
      <c r="AE877">
        <v>40775.674679999996</v>
      </c>
      <c r="AF877">
        <v>67189.451939999999</v>
      </c>
      <c r="AG877">
        <v>35750.732629999999</v>
      </c>
      <c r="AH877">
        <v>349190.34840000002</v>
      </c>
      <c r="AI877">
        <v>110709.5788</v>
      </c>
      <c r="AJ877">
        <v>32906.133860000002</v>
      </c>
      <c r="AK877">
        <v>41788.863519999999</v>
      </c>
      <c r="AL877">
        <v>96692.427859999996</v>
      </c>
      <c r="AM877">
        <v>31277.5524</v>
      </c>
      <c r="AN877">
        <v>132975.77989999999</v>
      </c>
      <c r="AO877">
        <v>44929.943579999999</v>
      </c>
      <c r="AP877">
        <v>31522.836329999998</v>
      </c>
    </row>
    <row r="878" spans="2:42" x14ac:dyDescent="0.3">
      <c r="B878">
        <v>66.899247131083754</v>
      </c>
      <c r="C878" s="83">
        <v>43137.5</v>
      </c>
      <c r="D878">
        <v>307524.48989999999</v>
      </c>
      <c r="E878">
        <v>39342.514009999999</v>
      </c>
      <c r="F878">
        <v>89204.034459999995</v>
      </c>
      <c r="G878">
        <v>103909.6078</v>
      </c>
      <c r="H878">
        <v>60154.338159999999</v>
      </c>
      <c r="I878">
        <v>47256.204810000003</v>
      </c>
      <c r="J878">
        <v>41268.123789999998</v>
      </c>
      <c r="K878">
        <v>64644.37631</v>
      </c>
      <c r="L878">
        <v>38316.070220000001</v>
      </c>
      <c r="M878">
        <v>341083.55979999999</v>
      </c>
      <c r="N878">
        <v>106046.6346</v>
      </c>
      <c r="O878">
        <v>31836.93521</v>
      </c>
      <c r="P878">
        <v>43078.545449999998</v>
      </c>
      <c r="Q878">
        <v>95209.338430000003</v>
      </c>
      <c r="R878">
        <v>30502.151170000001</v>
      </c>
      <c r="S878">
        <v>126013.31020000001</v>
      </c>
      <c r="T878">
        <v>44824.344349999999</v>
      </c>
      <c r="U878">
        <v>27233.05442</v>
      </c>
      <c r="W878" s="83">
        <f>Bühler!N910</f>
        <v>45328.499999997875</v>
      </c>
      <c r="X878" s="83">
        <v>43137.5</v>
      </c>
      <c r="Y878">
        <v>307524.48989999999</v>
      </c>
      <c r="Z878">
        <v>39342.514009999999</v>
      </c>
      <c r="AA878">
        <v>89204.034459999995</v>
      </c>
      <c r="AB878">
        <v>103909.6078</v>
      </c>
      <c r="AC878">
        <v>60154.338159999999</v>
      </c>
      <c r="AD878">
        <v>47256.204810000003</v>
      </c>
      <c r="AE878">
        <v>41268.123789999998</v>
      </c>
      <c r="AF878">
        <v>64644.37631</v>
      </c>
      <c r="AG878">
        <v>38316.070220000001</v>
      </c>
      <c r="AH878">
        <v>341083.55979999999</v>
      </c>
      <c r="AI878">
        <v>106046.6346</v>
      </c>
      <c r="AJ878">
        <v>31836.93521</v>
      </c>
      <c r="AK878">
        <v>43078.545449999998</v>
      </c>
      <c r="AL878">
        <v>95209.338430000003</v>
      </c>
      <c r="AM878">
        <v>30502.151170000001</v>
      </c>
      <c r="AN878">
        <v>126013.31020000001</v>
      </c>
      <c r="AO878">
        <v>44824.344349999999</v>
      </c>
      <c r="AP878">
        <v>27233.05442</v>
      </c>
    </row>
    <row r="879" spans="2:42" x14ac:dyDescent="0.3">
      <c r="B879">
        <v>66.399790190661307</v>
      </c>
      <c r="C879" s="83">
        <v>43137.541666666664</v>
      </c>
      <c r="D879">
        <v>306805.29499999998</v>
      </c>
      <c r="E879">
        <v>38819.311580000001</v>
      </c>
      <c r="F879">
        <v>84914.002999999997</v>
      </c>
      <c r="G879">
        <v>99975.718070000003</v>
      </c>
      <c r="H879">
        <v>60780.62859</v>
      </c>
      <c r="I879">
        <v>45597.02594</v>
      </c>
      <c r="J879">
        <v>40253.383569999998</v>
      </c>
      <c r="K879">
        <v>66325.379629999996</v>
      </c>
      <c r="L879">
        <v>36345.383130000002</v>
      </c>
      <c r="M879">
        <v>338537.09539999999</v>
      </c>
      <c r="N879">
        <v>105024.6391</v>
      </c>
      <c r="O879">
        <v>31491.86664</v>
      </c>
      <c r="P879">
        <v>41919.610999999997</v>
      </c>
      <c r="Q879">
        <v>93013.13334</v>
      </c>
      <c r="R879">
        <v>29207.186259999999</v>
      </c>
      <c r="S879">
        <v>122817.6493</v>
      </c>
      <c r="T879">
        <v>42606.257460000001</v>
      </c>
      <c r="U879">
        <v>28652.412509999998</v>
      </c>
      <c r="W879" s="83">
        <f>Bühler!N911</f>
        <v>45328.54166666454</v>
      </c>
      <c r="X879" s="83">
        <v>43137.541666666664</v>
      </c>
      <c r="Y879">
        <v>306805.29499999998</v>
      </c>
      <c r="Z879">
        <v>38819.311580000001</v>
      </c>
      <c r="AA879">
        <v>84914.002999999997</v>
      </c>
      <c r="AB879">
        <v>99975.718070000003</v>
      </c>
      <c r="AC879">
        <v>60780.62859</v>
      </c>
      <c r="AD879">
        <v>45597.02594</v>
      </c>
      <c r="AE879">
        <v>40253.383569999998</v>
      </c>
      <c r="AF879">
        <v>66325.379629999996</v>
      </c>
      <c r="AG879">
        <v>36345.383130000002</v>
      </c>
      <c r="AH879">
        <v>338537.09539999999</v>
      </c>
      <c r="AI879">
        <v>105024.6391</v>
      </c>
      <c r="AJ879">
        <v>31491.86664</v>
      </c>
      <c r="AK879">
        <v>41919.610999999997</v>
      </c>
      <c r="AL879">
        <v>93013.13334</v>
      </c>
      <c r="AM879">
        <v>29207.186259999999</v>
      </c>
      <c r="AN879">
        <v>122817.6493</v>
      </c>
      <c r="AO879">
        <v>42606.257460000001</v>
      </c>
      <c r="AP879">
        <v>28652.412509999998</v>
      </c>
    </row>
    <row r="880" spans="2:42" x14ac:dyDescent="0.3">
      <c r="B880">
        <v>66.549959054913586</v>
      </c>
      <c r="C880" s="83">
        <v>43137.583333333336</v>
      </c>
      <c r="D880">
        <v>312041.69079999998</v>
      </c>
      <c r="E880">
        <v>41352.928569999996</v>
      </c>
      <c r="F880">
        <v>92311.972210000007</v>
      </c>
      <c r="G880">
        <v>94270.983540000001</v>
      </c>
      <c r="H880">
        <v>59578.644820000001</v>
      </c>
      <c r="I880">
        <v>45601.182739999997</v>
      </c>
      <c r="J880">
        <v>39554.276610000001</v>
      </c>
      <c r="K880">
        <v>67330.459459999998</v>
      </c>
      <c r="L880">
        <v>32623.682680000002</v>
      </c>
      <c r="M880">
        <v>339302.72629999998</v>
      </c>
      <c r="N880">
        <v>105109.3201</v>
      </c>
      <c r="O880">
        <v>30853.43534</v>
      </c>
      <c r="P880">
        <v>38663.976060000001</v>
      </c>
      <c r="Q880">
        <v>92343.386559999999</v>
      </c>
      <c r="R880">
        <v>28607.036250000001</v>
      </c>
      <c r="S880">
        <v>114964.681</v>
      </c>
      <c r="T880">
        <v>41757.602469999998</v>
      </c>
      <c r="U880">
        <v>28580.038489999999</v>
      </c>
      <c r="W880" s="83">
        <f>Bühler!N912</f>
        <v>45328.583333331204</v>
      </c>
      <c r="X880" s="83">
        <v>43137.583333333336</v>
      </c>
      <c r="Y880">
        <v>312041.69079999998</v>
      </c>
      <c r="Z880">
        <v>41352.928569999996</v>
      </c>
      <c r="AA880">
        <v>92311.972210000007</v>
      </c>
      <c r="AB880">
        <v>94270.983540000001</v>
      </c>
      <c r="AC880">
        <v>59578.644820000001</v>
      </c>
      <c r="AD880">
        <v>45601.182739999997</v>
      </c>
      <c r="AE880">
        <v>39554.276610000001</v>
      </c>
      <c r="AF880">
        <v>67330.459459999998</v>
      </c>
      <c r="AG880">
        <v>32623.682680000002</v>
      </c>
      <c r="AH880">
        <v>339302.72629999998</v>
      </c>
      <c r="AI880">
        <v>105109.3201</v>
      </c>
      <c r="AJ880">
        <v>30853.43534</v>
      </c>
      <c r="AK880">
        <v>38663.976060000001</v>
      </c>
      <c r="AL880">
        <v>92343.386559999999</v>
      </c>
      <c r="AM880">
        <v>28607.036250000001</v>
      </c>
      <c r="AN880">
        <v>114964.681</v>
      </c>
      <c r="AO880">
        <v>41757.602469999998</v>
      </c>
      <c r="AP880">
        <v>28580.038489999999</v>
      </c>
    </row>
    <row r="881" spans="2:42" x14ac:dyDescent="0.3">
      <c r="B881">
        <v>65.522780890196856</v>
      </c>
      <c r="C881" s="83">
        <v>43137.625</v>
      </c>
      <c r="D881">
        <v>308824.9241</v>
      </c>
      <c r="E881">
        <v>41015.842129999997</v>
      </c>
      <c r="F881">
        <v>93701.953599999993</v>
      </c>
      <c r="G881">
        <v>91289.166450000004</v>
      </c>
      <c r="H881">
        <v>58821.479030000002</v>
      </c>
      <c r="I881">
        <v>46158.960019999999</v>
      </c>
      <c r="J881">
        <v>39633.526510000003</v>
      </c>
      <c r="K881">
        <v>65674.268790000002</v>
      </c>
      <c r="L881">
        <v>29251.456600000001</v>
      </c>
      <c r="M881">
        <v>334065.69300000003</v>
      </c>
      <c r="N881">
        <v>103308.49280000001</v>
      </c>
      <c r="O881">
        <v>30324.669730000001</v>
      </c>
      <c r="P881">
        <v>36318.314079999996</v>
      </c>
      <c r="Q881">
        <v>91125.166630000007</v>
      </c>
      <c r="R881">
        <v>27288.676230000001</v>
      </c>
      <c r="S881">
        <v>114562.7913</v>
      </c>
      <c r="T881">
        <v>40539.27895</v>
      </c>
      <c r="U881">
        <v>27929.980329999999</v>
      </c>
      <c r="W881" s="83">
        <f>Bühler!N913</f>
        <v>45328.624999997868</v>
      </c>
      <c r="X881" s="83">
        <v>43137.625</v>
      </c>
      <c r="Y881">
        <v>308824.9241</v>
      </c>
      <c r="Z881">
        <v>41015.842129999997</v>
      </c>
      <c r="AA881">
        <v>93701.953599999993</v>
      </c>
      <c r="AB881">
        <v>91289.166450000004</v>
      </c>
      <c r="AC881">
        <v>58821.479030000002</v>
      </c>
      <c r="AD881">
        <v>46158.960019999999</v>
      </c>
      <c r="AE881">
        <v>39633.526510000003</v>
      </c>
      <c r="AF881">
        <v>65674.268790000002</v>
      </c>
      <c r="AG881">
        <v>29251.456600000001</v>
      </c>
      <c r="AH881">
        <v>334065.69300000003</v>
      </c>
      <c r="AI881">
        <v>103308.49280000001</v>
      </c>
      <c r="AJ881">
        <v>30324.669730000001</v>
      </c>
      <c r="AK881">
        <v>36318.314079999996</v>
      </c>
      <c r="AL881">
        <v>91125.166630000007</v>
      </c>
      <c r="AM881">
        <v>27288.676230000001</v>
      </c>
      <c r="AN881">
        <v>114562.7913</v>
      </c>
      <c r="AO881">
        <v>40539.27895</v>
      </c>
      <c r="AP881">
        <v>27929.980329999999</v>
      </c>
    </row>
    <row r="882" spans="2:42" x14ac:dyDescent="0.3">
      <c r="B882">
        <v>64.45807387127833</v>
      </c>
      <c r="C882" s="83">
        <v>43137.666666666664</v>
      </c>
      <c r="D882">
        <v>301466.82740000001</v>
      </c>
      <c r="E882">
        <v>40166.880879999997</v>
      </c>
      <c r="F882">
        <v>92730.219159999993</v>
      </c>
      <c r="G882">
        <v>86294.295010000002</v>
      </c>
      <c r="H882">
        <v>57115.207569999999</v>
      </c>
      <c r="I882">
        <v>48199.505279999998</v>
      </c>
      <c r="J882">
        <v>38691.296029999998</v>
      </c>
      <c r="K882">
        <v>62080.207549999999</v>
      </c>
      <c r="L882">
        <v>28464.509010000002</v>
      </c>
      <c r="M882">
        <v>328637.32010000001</v>
      </c>
      <c r="N882">
        <v>99805.53456</v>
      </c>
      <c r="O882">
        <v>30073.031459999998</v>
      </c>
      <c r="P882">
        <v>36783.91272</v>
      </c>
      <c r="Q882">
        <v>89808.370389999996</v>
      </c>
      <c r="R882">
        <v>27599.595259999998</v>
      </c>
      <c r="S882">
        <v>114134.87239999999</v>
      </c>
      <c r="T882">
        <v>40842.941899999998</v>
      </c>
      <c r="U882">
        <v>26288.926879999999</v>
      </c>
      <c r="W882" s="83">
        <f>Bühler!N914</f>
        <v>45328.666666664532</v>
      </c>
      <c r="X882" s="83">
        <v>43137.666666666664</v>
      </c>
      <c r="Y882">
        <v>301466.82740000001</v>
      </c>
      <c r="Z882">
        <v>40166.880879999997</v>
      </c>
      <c r="AA882">
        <v>92730.219159999993</v>
      </c>
      <c r="AB882">
        <v>86294.295010000002</v>
      </c>
      <c r="AC882">
        <v>57115.207569999999</v>
      </c>
      <c r="AD882">
        <v>48199.505279999998</v>
      </c>
      <c r="AE882">
        <v>38691.296029999998</v>
      </c>
      <c r="AF882">
        <v>62080.207549999999</v>
      </c>
      <c r="AG882">
        <v>28464.509010000002</v>
      </c>
      <c r="AH882">
        <v>328637.32010000001</v>
      </c>
      <c r="AI882">
        <v>99805.53456</v>
      </c>
      <c r="AJ882">
        <v>30073.031459999998</v>
      </c>
      <c r="AK882">
        <v>36783.91272</v>
      </c>
      <c r="AL882">
        <v>89808.370389999996</v>
      </c>
      <c r="AM882">
        <v>27599.595259999998</v>
      </c>
      <c r="AN882">
        <v>114134.87239999999</v>
      </c>
      <c r="AO882">
        <v>40842.941899999998</v>
      </c>
      <c r="AP882">
        <v>26288.926879999999</v>
      </c>
    </row>
    <row r="883" spans="2:42" x14ac:dyDescent="0.3">
      <c r="B883">
        <v>63.295766325725914</v>
      </c>
      <c r="C883" s="83">
        <v>43137.708333333336</v>
      </c>
      <c r="D883">
        <v>290072.55410000001</v>
      </c>
      <c r="E883">
        <v>38188.673320000002</v>
      </c>
      <c r="F883">
        <v>92560.198950000005</v>
      </c>
      <c r="G883">
        <v>77659.419349999996</v>
      </c>
      <c r="H883">
        <v>54464.690889999998</v>
      </c>
      <c r="I883">
        <v>47508.690309999998</v>
      </c>
      <c r="J883">
        <v>39153.460789999997</v>
      </c>
      <c r="K883">
        <v>57556.049460000002</v>
      </c>
      <c r="L883">
        <v>28503.247899999998</v>
      </c>
      <c r="M883">
        <v>322711.33419999998</v>
      </c>
      <c r="N883">
        <v>92292.840049999999</v>
      </c>
      <c r="O883">
        <v>29668.360199999999</v>
      </c>
      <c r="P883">
        <v>38757.50722</v>
      </c>
      <c r="Q883">
        <v>88631.481599999999</v>
      </c>
      <c r="R883">
        <v>27895.530869999999</v>
      </c>
      <c r="S883">
        <v>111536.1894</v>
      </c>
      <c r="T883">
        <v>41584.004690000002</v>
      </c>
      <c r="U883">
        <v>24509.788280000001</v>
      </c>
      <c r="W883" s="83">
        <f>Bühler!N915</f>
        <v>45328.708333331197</v>
      </c>
      <c r="X883" s="83">
        <v>43137.708333333336</v>
      </c>
      <c r="Y883">
        <v>290072.55410000001</v>
      </c>
      <c r="Z883">
        <v>38188.673320000002</v>
      </c>
      <c r="AA883">
        <v>92560.198950000005</v>
      </c>
      <c r="AB883">
        <v>77659.419349999996</v>
      </c>
      <c r="AC883">
        <v>54464.690889999998</v>
      </c>
      <c r="AD883">
        <v>47508.690309999998</v>
      </c>
      <c r="AE883">
        <v>39153.460789999997</v>
      </c>
      <c r="AF883">
        <v>57556.049460000002</v>
      </c>
      <c r="AG883">
        <v>28503.247899999998</v>
      </c>
      <c r="AH883">
        <v>322711.33419999998</v>
      </c>
      <c r="AI883">
        <v>92292.840049999999</v>
      </c>
      <c r="AJ883">
        <v>29668.360199999999</v>
      </c>
      <c r="AK883">
        <v>38757.50722</v>
      </c>
      <c r="AL883">
        <v>88631.481599999999</v>
      </c>
      <c r="AM883">
        <v>27895.530869999999</v>
      </c>
      <c r="AN883">
        <v>111536.1894</v>
      </c>
      <c r="AO883">
        <v>41584.004690000002</v>
      </c>
      <c r="AP883">
        <v>24509.788280000001</v>
      </c>
    </row>
    <row r="884" spans="2:42" x14ac:dyDescent="0.3">
      <c r="B884">
        <v>62.116390000237885</v>
      </c>
      <c r="C884" s="83">
        <v>43137.75</v>
      </c>
      <c r="D884">
        <v>284415.48509999999</v>
      </c>
      <c r="E884">
        <v>35641.214899999999</v>
      </c>
      <c r="F884">
        <v>91975.672640000004</v>
      </c>
      <c r="G884">
        <v>70144.327139999994</v>
      </c>
      <c r="H884">
        <v>53571.147539999998</v>
      </c>
      <c r="I884">
        <v>47068.03731</v>
      </c>
      <c r="J884">
        <v>41006.302219999998</v>
      </c>
      <c r="K884">
        <v>50447.364809999999</v>
      </c>
      <c r="L884">
        <v>31093.223010000002</v>
      </c>
      <c r="M884">
        <v>316698.32370000001</v>
      </c>
      <c r="N884">
        <v>91125.814750000005</v>
      </c>
      <c r="O884">
        <v>28818.538120000001</v>
      </c>
      <c r="P884">
        <v>42780.538679999998</v>
      </c>
      <c r="Q884">
        <v>87042.368499999997</v>
      </c>
      <c r="R884">
        <v>23715.926090000001</v>
      </c>
      <c r="S884">
        <v>108573.37089999999</v>
      </c>
      <c r="T884">
        <v>42591.111149999997</v>
      </c>
      <c r="U884">
        <v>23386.44529</v>
      </c>
      <c r="W884" s="83">
        <f>Bühler!N916</f>
        <v>45328.749999997861</v>
      </c>
      <c r="X884" s="83">
        <v>43137.75</v>
      </c>
      <c r="Y884">
        <v>284415.48509999999</v>
      </c>
      <c r="Z884">
        <v>35641.214899999999</v>
      </c>
      <c r="AA884">
        <v>91975.672640000004</v>
      </c>
      <c r="AB884">
        <v>70144.327139999994</v>
      </c>
      <c r="AC884">
        <v>53571.147539999998</v>
      </c>
      <c r="AD884">
        <v>47068.03731</v>
      </c>
      <c r="AE884">
        <v>41006.302219999998</v>
      </c>
      <c r="AF884">
        <v>50447.364809999999</v>
      </c>
      <c r="AG884">
        <v>31093.223010000002</v>
      </c>
      <c r="AH884">
        <v>316698.32370000001</v>
      </c>
      <c r="AI884">
        <v>91125.814750000005</v>
      </c>
      <c r="AJ884">
        <v>28818.538120000001</v>
      </c>
      <c r="AK884">
        <v>42780.538679999998</v>
      </c>
      <c r="AL884">
        <v>87042.368499999997</v>
      </c>
      <c r="AM884">
        <v>23715.926090000001</v>
      </c>
      <c r="AN884">
        <v>108573.37089999999</v>
      </c>
      <c r="AO884">
        <v>42591.111149999997</v>
      </c>
      <c r="AP884">
        <v>23386.44529</v>
      </c>
    </row>
    <row r="885" spans="2:42" x14ac:dyDescent="0.3">
      <c r="B885">
        <v>61.399024236752787</v>
      </c>
      <c r="C885" s="83">
        <v>43137.791666666664</v>
      </c>
      <c r="D885">
        <v>276986.8591</v>
      </c>
      <c r="E885">
        <v>29748.662820000001</v>
      </c>
      <c r="F885">
        <v>79488.878979999994</v>
      </c>
      <c r="G885">
        <v>62631.093430000001</v>
      </c>
      <c r="H885">
        <v>51103.815289999999</v>
      </c>
      <c r="I885">
        <v>44430.444710000003</v>
      </c>
      <c r="J885">
        <v>41105.324240000002</v>
      </c>
      <c r="K885">
        <v>48893.04997</v>
      </c>
      <c r="L885">
        <v>31354.23085</v>
      </c>
      <c r="M885">
        <v>313040.85849999997</v>
      </c>
      <c r="N885">
        <v>91604.11004</v>
      </c>
      <c r="O885">
        <v>27636.240379999999</v>
      </c>
      <c r="P885">
        <v>44681.658869999999</v>
      </c>
      <c r="Q885">
        <v>85187.573910000006</v>
      </c>
      <c r="R885">
        <v>22678.194380000001</v>
      </c>
      <c r="S885">
        <v>104159.9645</v>
      </c>
      <c r="T885">
        <v>43500.707300000002</v>
      </c>
      <c r="U885">
        <v>22025.7425</v>
      </c>
      <c r="W885" s="83">
        <f>Bühler!N917</f>
        <v>45328.791666664525</v>
      </c>
      <c r="X885" s="83">
        <v>43137.791666666664</v>
      </c>
      <c r="Y885">
        <v>276986.8591</v>
      </c>
      <c r="Z885">
        <v>29748.662820000001</v>
      </c>
      <c r="AA885">
        <v>79488.878979999994</v>
      </c>
      <c r="AB885">
        <v>62631.093430000001</v>
      </c>
      <c r="AC885">
        <v>51103.815289999999</v>
      </c>
      <c r="AD885">
        <v>44430.444710000003</v>
      </c>
      <c r="AE885">
        <v>41105.324240000002</v>
      </c>
      <c r="AF885">
        <v>48893.04997</v>
      </c>
      <c r="AG885">
        <v>31354.23085</v>
      </c>
      <c r="AH885">
        <v>313040.85849999997</v>
      </c>
      <c r="AI885">
        <v>91604.11004</v>
      </c>
      <c r="AJ885">
        <v>27636.240379999999</v>
      </c>
      <c r="AK885">
        <v>44681.658869999999</v>
      </c>
      <c r="AL885">
        <v>85187.573910000006</v>
      </c>
      <c r="AM885">
        <v>22678.194380000001</v>
      </c>
      <c r="AN885">
        <v>104159.9645</v>
      </c>
      <c r="AO885">
        <v>43500.707300000002</v>
      </c>
      <c r="AP885">
        <v>22025.7425</v>
      </c>
    </row>
    <row r="886" spans="2:42" x14ac:dyDescent="0.3">
      <c r="B886">
        <v>60.093760799935154</v>
      </c>
      <c r="C886" s="83">
        <v>43137.833333333336</v>
      </c>
      <c r="D886">
        <v>266824.8713</v>
      </c>
      <c r="E886">
        <v>23063.198680000001</v>
      </c>
      <c r="F886">
        <v>61599.435299999997</v>
      </c>
      <c r="G886">
        <v>55277.460720000003</v>
      </c>
      <c r="H886">
        <v>48089.151030000001</v>
      </c>
      <c r="I886">
        <v>39350.073069999999</v>
      </c>
      <c r="J886">
        <v>39760.159480000002</v>
      </c>
      <c r="K886">
        <v>55181.70177</v>
      </c>
      <c r="L886">
        <v>30802.713640000002</v>
      </c>
      <c r="M886">
        <v>306386.01679999998</v>
      </c>
      <c r="N886">
        <v>88858.667960000006</v>
      </c>
      <c r="O886">
        <v>26519.447209999998</v>
      </c>
      <c r="P886">
        <v>44526.616849999999</v>
      </c>
      <c r="Q886">
        <v>83391.728480000005</v>
      </c>
      <c r="R886">
        <v>24752.226869999999</v>
      </c>
      <c r="S886">
        <v>94006.9277</v>
      </c>
      <c r="T886">
        <v>42479.27824</v>
      </c>
      <c r="U886">
        <v>20641.642820000001</v>
      </c>
      <c r="W886" s="83">
        <f>Bühler!N918</f>
        <v>45328.833333331189</v>
      </c>
      <c r="X886" s="83">
        <v>43137.833333333336</v>
      </c>
      <c r="Y886">
        <v>266824.8713</v>
      </c>
      <c r="Z886">
        <v>23063.198680000001</v>
      </c>
      <c r="AA886">
        <v>61599.435299999997</v>
      </c>
      <c r="AB886">
        <v>55277.460720000003</v>
      </c>
      <c r="AC886">
        <v>48089.151030000001</v>
      </c>
      <c r="AD886">
        <v>39350.073069999999</v>
      </c>
      <c r="AE886">
        <v>39760.159480000002</v>
      </c>
      <c r="AF886">
        <v>55181.70177</v>
      </c>
      <c r="AG886">
        <v>30802.713640000002</v>
      </c>
      <c r="AH886">
        <v>306386.01679999998</v>
      </c>
      <c r="AI886">
        <v>88858.667960000006</v>
      </c>
      <c r="AJ886">
        <v>26519.447209999998</v>
      </c>
      <c r="AK886">
        <v>44526.616849999999</v>
      </c>
      <c r="AL886">
        <v>83391.728480000005</v>
      </c>
      <c r="AM886">
        <v>24752.226869999999</v>
      </c>
      <c r="AN886">
        <v>94006.9277</v>
      </c>
      <c r="AO886">
        <v>42479.27824</v>
      </c>
      <c r="AP886">
        <v>20641.642820000001</v>
      </c>
    </row>
    <row r="887" spans="2:42" x14ac:dyDescent="0.3">
      <c r="B887">
        <v>58.145167334044132</v>
      </c>
      <c r="C887" s="83">
        <v>43137.875</v>
      </c>
      <c r="D887">
        <v>257292.73749999999</v>
      </c>
      <c r="E887">
        <v>20502.551790000001</v>
      </c>
      <c r="F887">
        <v>53915.915730000001</v>
      </c>
      <c r="G887">
        <v>51007.144419999997</v>
      </c>
      <c r="H887">
        <v>45354.429450000003</v>
      </c>
      <c r="I887">
        <v>33454.214769999999</v>
      </c>
      <c r="J887">
        <v>37702.963170000003</v>
      </c>
      <c r="K887">
        <v>56327.988949999999</v>
      </c>
      <c r="L887">
        <v>28769.345079999999</v>
      </c>
      <c r="M887">
        <v>296451.17859999998</v>
      </c>
      <c r="N887">
        <v>86736.656959999993</v>
      </c>
      <c r="O887">
        <v>25518.15078</v>
      </c>
      <c r="P887">
        <v>42684.567060000001</v>
      </c>
      <c r="Q887">
        <v>81520.929550000001</v>
      </c>
      <c r="R887">
        <v>22500.65652</v>
      </c>
      <c r="S887">
        <v>87847.779710000003</v>
      </c>
      <c r="T887">
        <v>38424.564769999997</v>
      </c>
      <c r="U887">
        <v>19055.44325</v>
      </c>
      <c r="W887" s="83">
        <f>Bühler!N919</f>
        <v>45328.874999997854</v>
      </c>
      <c r="X887" s="83">
        <v>43137.875</v>
      </c>
      <c r="Y887">
        <v>257292.73749999999</v>
      </c>
      <c r="Z887">
        <v>20502.551790000001</v>
      </c>
      <c r="AA887">
        <v>53915.915730000001</v>
      </c>
      <c r="AB887">
        <v>51007.144419999997</v>
      </c>
      <c r="AC887">
        <v>45354.429450000003</v>
      </c>
      <c r="AD887">
        <v>33454.214769999999</v>
      </c>
      <c r="AE887">
        <v>37702.963170000003</v>
      </c>
      <c r="AF887">
        <v>56327.988949999999</v>
      </c>
      <c r="AG887">
        <v>28769.345079999999</v>
      </c>
      <c r="AH887">
        <v>296451.17859999998</v>
      </c>
      <c r="AI887">
        <v>86736.656959999993</v>
      </c>
      <c r="AJ887">
        <v>25518.15078</v>
      </c>
      <c r="AK887">
        <v>42684.567060000001</v>
      </c>
      <c r="AL887">
        <v>81520.929550000001</v>
      </c>
      <c r="AM887">
        <v>22500.65652</v>
      </c>
      <c r="AN887">
        <v>87847.779710000003</v>
      </c>
      <c r="AO887">
        <v>38424.564769999997</v>
      </c>
      <c r="AP887">
        <v>19055.44325</v>
      </c>
    </row>
    <row r="888" spans="2:42" x14ac:dyDescent="0.3">
      <c r="B888">
        <v>58.485217769551177</v>
      </c>
      <c r="C888" s="83">
        <v>43137.916666666664</v>
      </c>
      <c r="D888">
        <v>255062.13810000001</v>
      </c>
      <c r="E888">
        <v>19780.840649999998</v>
      </c>
      <c r="F888">
        <v>51410.188869999998</v>
      </c>
      <c r="G888">
        <v>48525.115290000002</v>
      </c>
      <c r="H888">
        <v>44409.882469999997</v>
      </c>
      <c r="I888">
        <v>31846.12846</v>
      </c>
      <c r="J888">
        <v>36579.281819999997</v>
      </c>
      <c r="K888">
        <v>58221.4493</v>
      </c>
      <c r="L888">
        <v>25952.54191</v>
      </c>
      <c r="M888">
        <v>298184.9143</v>
      </c>
      <c r="N888">
        <v>87042.910319999995</v>
      </c>
      <c r="O888">
        <v>26486.782179999998</v>
      </c>
      <c r="P888">
        <v>45489.150509999999</v>
      </c>
      <c r="Q888">
        <v>81594.65668</v>
      </c>
      <c r="R888">
        <v>33376.468399999998</v>
      </c>
      <c r="S888">
        <v>86760.415269999998</v>
      </c>
      <c r="T888">
        <v>34522.853779999998</v>
      </c>
      <c r="U888">
        <v>20405.699809999998</v>
      </c>
      <c r="W888" s="83">
        <f>Bühler!N920</f>
        <v>45328.916666664518</v>
      </c>
      <c r="X888" s="83">
        <v>43137.916666666664</v>
      </c>
      <c r="Y888">
        <v>255062.13810000001</v>
      </c>
      <c r="Z888">
        <v>19780.840649999998</v>
      </c>
      <c r="AA888">
        <v>51410.188869999998</v>
      </c>
      <c r="AB888">
        <v>48525.115290000002</v>
      </c>
      <c r="AC888">
        <v>44409.882469999997</v>
      </c>
      <c r="AD888">
        <v>31846.12846</v>
      </c>
      <c r="AE888">
        <v>36579.281819999997</v>
      </c>
      <c r="AF888">
        <v>58221.4493</v>
      </c>
      <c r="AG888">
        <v>25952.54191</v>
      </c>
      <c r="AH888">
        <v>298184.9143</v>
      </c>
      <c r="AI888">
        <v>87042.910319999995</v>
      </c>
      <c r="AJ888">
        <v>26486.782179999998</v>
      </c>
      <c r="AK888">
        <v>45489.150509999999</v>
      </c>
      <c r="AL888">
        <v>81594.65668</v>
      </c>
      <c r="AM888">
        <v>33376.468399999998</v>
      </c>
      <c r="AN888">
        <v>86760.415269999998</v>
      </c>
      <c r="AO888">
        <v>34522.853779999998</v>
      </c>
      <c r="AP888">
        <v>20405.699809999998</v>
      </c>
    </row>
    <row r="889" spans="2:42" x14ac:dyDescent="0.3">
      <c r="B889">
        <v>58.004896054009428</v>
      </c>
      <c r="C889" s="83">
        <v>43137.958333333336</v>
      </c>
      <c r="D889">
        <v>254732.9725</v>
      </c>
      <c r="E889">
        <v>19563.46818</v>
      </c>
      <c r="F889">
        <v>50205.692479999998</v>
      </c>
      <c r="G889">
        <v>47329.422149999999</v>
      </c>
      <c r="H889">
        <v>43895.673450000002</v>
      </c>
      <c r="I889">
        <v>31120.51874</v>
      </c>
      <c r="J889">
        <v>34307.314910000001</v>
      </c>
      <c r="K889">
        <v>57773.092190000003</v>
      </c>
      <c r="L889">
        <v>22191.584070000001</v>
      </c>
      <c r="M889">
        <v>295736.01020000002</v>
      </c>
      <c r="N889">
        <v>86539.220230000006</v>
      </c>
      <c r="O889">
        <v>26249.65309</v>
      </c>
      <c r="P889">
        <v>41018.346019999997</v>
      </c>
      <c r="Q889">
        <v>81120.045979999995</v>
      </c>
      <c r="R889">
        <v>35603.860939999999</v>
      </c>
      <c r="S889">
        <v>84924.397029999993</v>
      </c>
      <c r="T889">
        <v>33945.390679999997</v>
      </c>
      <c r="U889">
        <v>20359.946250000001</v>
      </c>
      <c r="W889" s="83">
        <f>Bühler!N921</f>
        <v>45328.958333331182</v>
      </c>
      <c r="X889" s="83">
        <v>43137.958333333336</v>
      </c>
      <c r="Y889">
        <v>254732.9725</v>
      </c>
      <c r="Z889">
        <v>19563.46818</v>
      </c>
      <c r="AA889">
        <v>50205.692479999998</v>
      </c>
      <c r="AB889">
        <v>47329.422149999999</v>
      </c>
      <c r="AC889">
        <v>43895.673450000002</v>
      </c>
      <c r="AD889">
        <v>31120.51874</v>
      </c>
      <c r="AE889">
        <v>34307.314910000001</v>
      </c>
      <c r="AF889">
        <v>57773.092190000003</v>
      </c>
      <c r="AG889">
        <v>22191.584070000001</v>
      </c>
      <c r="AH889">
        <v>295736.01020000002</v>
      </c>
      <c r="AI889">
        <v>86539.220230000006</v>
      </c>
      <c r="AJ889">
        <v>26249.65309</v>
      </c>
      <c r="AK889">
        <v>41018.346019999997</v>
      </c>
      <c r="AL889">
        <v>81120.045979999995</v>
      </c>
      <c r="AM889">
        <v>35603.860939999999</v>
      </c>
      <c r="AN889">
        <v>84924.397029999993</v>
      </c>
      <c r="AO889">
        <v>33945.390679999997</v>
      </c>
      <c r="AP889">
        <v>20359.946250000001</v>
      </c>
    </row>
    <row r="890" spans="2:42" x14ac:dyDescent="0.3">
      <c r="B890">
        <v>57.302456190764914</v>
      </c>
      <c r="C890" s="83">
        <v>43138</v>
      </c>
      <c r="D890">
        <v>253239.43640000001</v>
      </c>
      <c r="E890">
        <v>19326.43403</v>
      </c>
      <c r="F890">
        <v>49863.449410000001</v>
      </c>
      <c r="G890">
        <v>46740.156459999998</v>
      </c>
      <c r="H890">
        <v>43009.769269999997</v>
      </c>
      <c r="I890">
        <v>29006.640490000002</v>
      </c>
      <c r="J890">
        <v>33157.242019999998</v>
      </c>
      <c r="K890">
        <v>55388.876810000002</v>
      </c>
      <c r="L890">
        <v>20938.94757</v>
      </c>
      <c r="M890">
        <v>292154.64419999998</v>
      </c>
      <c r="N890">
        <v>85503.067949999997</v>
      </c>
      <c r="O890">
        <v>26376.176810000001</v>
      </c>
      <c r="P890">
        <v>38271.30848</v>
      </c>
      <c r="Q890">
        <v>81431.199729999993</v>
      </c>
      <c r="R890">
        <v>31340.705150000002</v>
      </c>
      <c r="S890">
        <v>84200.706489999997</v>
      </c>
      <c r="T890">
        <v>31659.174429999999</v>
      </c>
      <c r="U890">
        <v>19526.931</v>
      </c>
      <c r="W890" s="83">
        <f>Bühler!N922</f>
        <v>45328.999999997846</v>
      </c>
      <c r="X890" s="83">
        <v>43138</v>
      </c>
      <c r="Y890">
        <v>253239.43640000001</v>
      </c>
      <c r="Z890">
        <v>19326.43403</v>
      </c>
      <c r="AA890">
        <v>49863.449410000001</v>
      </c>
      <c r="AB890">
        <v>46740.156459999998</v>
      </c>
      <c r="AC890">
        <v>43009.769269999997</v>
      </c>
      <c r="AD890">
        <v>29006.640490000002</v>
      </c>
      <c r="AE890">
        <v>33157.242019999998</v>
      </c>
      <c r="AF890">
        <v>55388.876810000002</v>
      </c>
      <c r="AG890">
        <v>20938.94757</v>
      </c>
      <c r="AH890">
        <v>292154.64419999998</v>
      </c>
      <c r="AI890">
        <v>85503.067949999997</v>
      </c>
      <c r="AJ890">
        <v>26376.176810000001</v>
      </c>
      <c r="AK890">
        <v>38271.30848</v>
      </c>
      <c r="AL890">
        <v>81431.199729999993</v>
      </c>
      <c r="AM890">
        <v>31340.705150000002</v>
      </c>
      <c r="AN890">
        <v>84200.706489999997</v>
      </c>
      <c r="AO890">
        <v>31659.174429999999</v>
      </c>
      <c r="AP890">
        <v>19526.931</v>
      </c>
    </row>
    <row r="891" spans="2:42" x14ac:dyDescent="0.3">
      <c r="B891">
        <v>58.091886507658252</v>
      </c>
      <c r="C891" s="83">
        <v>43138.041666666664</v>
      </c>
      <c r="D891">
        <v>254291.3253</v>
      </c>
      <c r="E891">
        <v>19567.230339999998</v>
      </c>
      <c r="F891">
        <v>51294.703390000002</v>
      </c>
      <c r="G891">
        <v>46162.022969999998</v>
      </c>
      <c r="H891">
        <v>43629.428610000003</v>
      </c>
      <c r="I891">
        <v>25399.091700000001</v>
      </c>
      <c r="J891">
        <v>36247.975890000002</v>
      </c>
      <c r="K891">
        <v>53869.464690000001</v>
      </c>
      <c r="L891">
        <v>20153.99063</v>
      </c>
      <c r="M891">
        <v>296179.5281</v>
      </c>
      <c r="N891">
        <v>86102.906770000001</v>
      </c>
      <c r="O891">
        <v>26681.760249999999</v>
      </c>
      <c r="P891">
        <v>36009.39198</v>
      </c>
      <c r="Q891">
        <v>82086.103340000001</v>
      </c>
      <c r="R891">
        <v>29342.456050000001</v>
      </c>
      <c r="S891">
        <v>85838.930510000006</v>
      </c>
      <c r="T891">
        <v>31270.462879999999</v>
      </c>
      <c r="U891">
        <v>20265.260839999999</v>
      </c>
      <c r="W891" s="83">
        <f>Bühler!N923</f>
        <v>45329.041666664511</v>
      </c>
      <c r="X891" s="83">
        <v>43138.041666666664</v>
      </c>
      <c r="Y891">
        <v>254291.3253</v>
      </c>
      <c r="Z891">
        <v>19567.230339999998</v>
      </c>
      <c r="AA891">
        <v>51294.703390000002</v>
      </c>
      <c r="AB891">
        <v>46162.022969999998</v>
      </c>
      <c r="AC891">
        <v>43629.428610000003</v>
      </c>
      <c r="AD891">
        <v>25399.091700000001</v>
      </c>
      <c r="AE891">
        <v>36247.975890000002</v>
      </c>
      <c r="AF891">
        <v>53869.464690000001</v>
      </c>
      <c r="AG891">
        <v>20153.99063</v>
      </c>
      <c r="AH891">
        <v>296179.5281</v>
      </c>
      <c r="AI891">
        <v>86102.906770000001</v>
      </c>
      <c r="AJ891">
        <v>26681.760249999999</v>
      </c>
      <c r="AK891">
        <v>36009.39198</v>
      </c>
      <c r="AL891">
        <v>82086.103340000001</v>
      </c>
      <c r="AM891">
        <v>29342.456050000001</v>
      </c>
      <c r="AN891">
        <v>85838.930510000006</v>
      </c>
      <c r="AO891">
        <v>31270.462879999999</v>
      </c>
      <c r="AP891">
        <v>20265.260839999999</v>
      </c>
    </row>
    <row r="892" spans="2:42" x14ac:dyDescent="0.3">
      <c r="B892">
        <v>58.70369841162848</v>
      </c>
      <c r="C892" s="83">
        <v>43138.083333333336</v>
      </c>
      <c r="D892">
        <v>255693.6923</v>
      </c>
      <c r="E892">
        <v>19573.62789</v>
      </c>
      <c r="F892">
        <v>52810.077369999999</v>
      </c>
      <c r="G892">
        <v>45885.297429999999</v>
      </c>
      <c r="H892">
        <v>43814.356529999997</v>
      </c>
      <c r="I892">
        <v>23482.62658</v>
      </c>
      <c r="J892">
        <v>36181.902679999999</v>
      </c>
      <c r="K892">
        <v>53030.163119999997</v>
      </c>
      <c r="L892">
        <v>20284.529930000001</v>
      </c>
      <c r="M892">
        <v>299298.83049999998</v>
      </c>
      <c r="N892">
        <v>86300.875459999996</v>
      </c>
      <c r="O892">
        <v>26712.574110000001</v>
      </c>
      <c r="P892">
        <v>35107.175439999999</v>
      </c>
      <c r="Q892">
        <v>84203.036099999998</v>
      </c>
      <c r="R892">
        <v>30483.333770000001</v>
      </c>
      <c r="S892">
        <v>85868.904540000003</v>
      </c>
      <c r="T892">
        <v>30454.22766</v>
      </c>
      <c r="U892">
        <v>20524.65165</v>
      </c>
      <c r="W892" s="83">
        <f>Bühler!N924</f>
        <v>45329.083333331175</v>
      </c>
      <c r="X892" s="83">
        <v>43138.083333333336</v>
      </c>
      <c r="Y892">
        <v>255693.6923</v>
      </c>
      <c r="Z892">
        <v>19573.62789</v>
      </c>
      <c r="AA892">
        <v>52810.077369999999</v>
      </c>
      <c r="AB892">
        <v>45885.297429999999</v>
      </c>
      <c r="AC892">
        <v>43814.356529999997</v>
      </c>
      <c r="AD892">
        <v>23482.62658</v>
      </c>
      <c r="AE892">
        <v>36181.902679999999</v>
      </c>
      <c r="AF892">
        <v>53030.163119999997</v>
      </c>
      <c r="AG892">
        <v>20284.529930000001</v>
      </c>
      <c r="AH892">
        <v>299298.83049999998</v>
      </c>
      <c r="AI892">
        <v>86300.875459999996</v>
      </c>
      <c r="AJ892">
        <v>26712.574110000001</v>
      </c>
      <c r="AK892">
        <v>35107.175439999999</v>
      </c>
      <c r="AL892">
        <v>84203.036099999998</v>
      </c>
      <c r="AM892">
        <v>30483.333770000001</v>
      </c>
      <c r="AN892">
        <v>85868.904540000003</v>
      </c>
      <c r="AO892">
        <v>30454.22766</v>
      </c>
      <c r="AP892">
        <v>20524.65165</v>
      </c>
    </row>
    <row r="893" spans="2:42" x14ac:dyDescent="0.3">
      <c r="B893">
        <v>58.789658006260595</v>
      </c>
      <c r="C893" s="83">
        <v>43138.125</v>
      </c>
      <c r="D893">
        <v>257108.55100000001</v>
      </c>
      <c r="E893">
        <v>19680.712680000001</v>
      </c>
      <c r="F893">
        <v>54468.300230000001</v>
      </c>
      <c r="G893">
        <v>45406.093610000004</v>
      </c>
      <c r="H893">
        <v>43069.347500000003</v>
      </c>
      <c r="I893">
        <v>23134.962339999998</v>
      </c>
      <c r="J893">
        <v>36974.305289999997</v>
      </c>
      <c r="K893">
        <v>51558.379419999997</v>
      </c>
      <c r="L893">
        <v>20143.26022</v>
      </c>
      <c r="M893">
        <v>299737.09259999997</v>
      </c>
      <c r="N893">
        <v>85680.146800000002</v>
      </c>
      <c r="O893">
        <v>26689.683730000001</v>
      </c>
      <c r="P893">
        <v>34951.238599999997</v>
      </c>
      <c r="Q893">
        <v>86876.054000000004</v>
      </c>
      <c r="R893">
        <v>29793.850299999998</v>
      </c>
      <c r="S893">
        <v>84963.742400000003</v>
      </c>
      <c r="T893">
        <v>30886.351429999999</v>
      </c>
      <c r="U893">
        <v>20556.204099999999</v>
      </c>
      <c r="W893" s="83">
        <f>Bühler!N925</f>
        <v>45329.124999997839</v>
      </c>
      <c r="X893" s="83">
        <v>43138.125</v>
      </c>
      <c r="Y893">
        <v>257108.55100000001</v>
      </c>
      <c r="Z893">
        <v>19680.712680000001</v>
      </c>
      <c r="AA893">
        <v>54468.300230000001</v>
      </c>
      <c r="AB893">
        <v>45406.093610000004</v>
      </c>
      <c r="AC893">
        <v>43069.347500000003</v>
      </c>
      <c r="AD893">
        <v>23134.962339999998</v>
      </c>
      <c r="AE893">
        <v>36974.305289999997</v>
      </c>
      <c r="AF893">
        <v>51558.379419999997</v>
      </c>
      <c r="AG893">
        <v>20143.26022</v>
      </c>
      <c r="AH893">
        <v>299737.09259999997</v>
      </c>
      <c r="AI893">
        <v>85680.146800000002</v>
      </c>
      <c r="AJ893">
        <v>26689.683730000001</v>
      </c>
      <c r="AK893">
        <v>34951.238599999997</v>
      </c>
      <c r="AL893">
        <v>86876.054000000004</v>
      </c>
      <c r="AM893">
        <v>29793.850299999998</v>
      </c>
      <c r="AN893">
        <v>84963.742400000003</v>
      </c>
      <c r="AO893">
        <v>30886.351429999999</v>
      </c>
      <c r="AP893">
        <v>20556.204099999999</v>
      </c>
    </row>
    <row r="894" spans="2:42" x14ac:dyDescent="0.3">
      <c r="B894">
        <v>59.805718062864401</v>
      </c>
      <c r="C894" s="83">
        <v>43138.166666666664</v>
      </c>
      <c r="D894">
        <v>262225.07270000002</v>
      </c>
      <c r="E894">
        <v>20424.099819999999</v>
      </c>
      <c r="F894">
        <v>58084.325519999999</v>
      </c>
      <c r="G894">
        <v>45389.326730000001</v>
      </c>
      <c r="H894">
        <v>44646.84706</v>
      </c>
      <c r="I894">
        <v>27673.818650000001</v>
      </c>
      <c r="J894">
        <v>39689.748469999999</v>
      </c>
      <c r="K894">
        <v>48851.64</v>
      </c>
      <c r="L894">
        <v>20280.579320000001</v>
      </c>
      <c r="M894">
        <v>304917.44059999997</v>
      </c>
      <c r="N894">
        <v>84999.256519999995</v>
      </c>
      <c r="O894">
        <v>27288.30025</v>
      </c>
      <c r="P894">
        <v>34144.12414</v>
      </c>
      <c r="Q894">
        <v>90440.145680000001</v>
      </c>
      <c r="R894">
        <v>29855.547579999999</v>
      </c>
      <c r="S894">
        <v>86469.653820000007</v>
      </c>
      <c r="T894">
        <v>30258.96803</v>
      </c>
      <c r="U894">
        <v>21025.216400000001</v>
      </c>
      <c r="W894" s="83">
        <f>Bühler!N926</f>
        <v>45329.166666664503</v>
      </c>
      <c r="X894" s="83">
        <v>43138.166666666664</v>
      </c>
      <c r="Y894">
        <v>262225.07270000002</v>
      </c>
      <c r="Z894">
        <v>20424.099819999999</v>
      </c>
      <c r="AA894">
        <v>58084.325519999999</v>
      </c>
      <c r="AB894">
        <v>45389.326730000001</v>
      </c>
      <c r="AC894">
        <v>44646.84706</v>
      </c>
      <c r="AD894">
        <v>27673.818650000001</v>
      </c>
      <c r="AE894">
        <v>39689.748469999999</v>
      </c>
      <c r="AF894">
        <v>48851.64</v>
      </c>
      <c r="AG894">
        <v>20280.579320000001</v>
      </c>
      <c r="AH894">
        <v>304917.44059999997</v>
      </c>
      <c r="AI894">
        <v>84999.256519999995</v>
      </c>
      <c r="AJ894">
        <v>27288.30025</v>
      </c>
      <c r="AK894">
        <v>34144.12414</v>
      </c>
      <c r="AL894">
        <v>90440.145680000001</v>
      </c>
      <c r="AM894">
        <v>29855.547579999999</v>
      </c>
      <c r="AN894">
        <v>86469.653820000007</v>
      </c>
      <c r="AO894">
        <v>30258.96803</v>
      </c>
      <c r="AP894">
        <v>21025.216400000001</v>
      </c>
    </row>
    <row r="895" spans="2:42" x14ac:dyDescent="0.3">
      <c r="B895">
        <v>62.630570407476675</v>
      </c>
      <c r="C895" s="83">
        <v>43138.208333333336</v>
      </c>
      <c r="D895">
        <v>277012.95309999998</v>
      </c>
      <c r="E895">
        <v>22315.983919999999</v>
      </c>
      <c r="F895">
        <v>69016.206789999997</v>
      </c>
      <c r="G895">
        <v>48479.4277</v>
      </c>
      <c r="H895">
        <v>46642.429799999998</v>
      </c>
      <c r="I895">
        <v>35785.85684</v>
      </c>
      <c r="J895">
        <v>42385.675089999997</v>
      </c>
      <c r="K895">
        <v>49946.586609999998</v>
      </c>
      <c r="L895">
        <v>21094.16315</v>
      </c>
      <c r="M895">
        <v>319319.85519999999</v>
      </c>
      <c r="N895">
        <v>87220.224629999997</v>
      </c>
      <c r="O895">
        <v>27695.57848</v>
      </c>
      <c r="P895">
        <v>34387.449240000002</v>
      </c>
      <c r="Q895">
        <v>93298.624949999998</v>
      </c>
      <c r="R895">
        <v>32088.871419999999</v>
      </c>
      <c r="S895">
        <v>88005.65019</v>
      </c>
      <c r="T895">
        <v>32263.909919999998</v>
      </c>
      <c r="U895">
        <v>23028.451499999999</v>
      </c>
      <c r="W895" s="83">
        <f>Bühler!N927</f>
        <v>45329.208333331168</v>
      </c>
      <c r="X895" s="83">
        <v>43138.208333333336</v>
      </c>
      <c r="Y895">
        <v>277012.95309999998</v>
      </c>
      <c r="Z895">
        <v>22315.983919999999</v>
      </c>
      <c r="AA895">
        <v>69016.206789999997</v>
      </c>
      <c r="AB895">
        <v>48479.4277</v>
      </c>
      <c r="AC895">
        <v>46642.429799999998</v>
      </c>
      <c r="AD895">
        <v>35785.85684</v>
      </c>
      <c r="AE895">
        <v>42385.675089999997</v>
      </c>
      <c r="AF895">
        <v>49946.586609999998</v>
      </c>
      <c r="AG895">
        <v>21094.16315</v>
      </c>
      <c r="AH895">
        <v>319319.85519999999</v>
      </c>
      <c r="AI895">
        <v>87220.224629999997</v>
      </c>
      <c r="AJ895">
        <v>27695.57848</v>
      </c>
      <c r="AK895">
        <v>34387.449240000002</v>
      </c>
      <c r="AL895">
        <v>93298.624949999998</v>
      </c>
      <c r="AM895">
        <v>32088.871419999999</v>
      </c>
      <c r="AN895">
        <v>88005.65019</v>
      </c>
      <c r="AO895">
        <v>32263.909919999998</v>
      </c>
      <c r="AP895">
        <v>23028.451499999999</v>
      </c>
    </row>
    <row r="896" spans="2:42" x14ac:dyDescent="0.3">
      <c r="B896">
        <v>65.722407843036493</v>
      </c>
      <c r="C896" s="83">
        <v>43138.25</v>
      </c>
      <c r="D896">
        <v>293484.4988</v>
      </c>
      <c r="E896">
        <v>26695.932110000002</v>
      </c>
      <c r="F896">
        <v>81024.139360000001</v>
      </c>
      <c r="G896">
        <v>60953.006430000001</v>
      </c>
      <c r="H896">
        <v>50215.784749999999</v>
      </c>
      <c r="I896">
        <v>44358.144240000001</v>
      </c>
      <c r="J896">
        <v>45577.925219999997</v>
      </c>
      <c r="K896">
        <v>51678.31781</v>
      </c>
      <c r="L896">
        <v>22620.003089999998</v>
      </c>
      <c r="M896">
        <v>335083.48430000001</v>
      </c>
      <c r="N896">
        <v>87081.287299999996</v>
      </c>
      <c r="O896">
        <v>28948.841840000001</v>
      </c>
      <c r="P896">
        <v>35136.618340000001</v>
      </c>
      <c r="Q896">
        <v>94931.68505</v>
      </c>
      <c r="R896">
        <v>23044.561860000002</v>
      </c>
      <c r="S896">
        <v>95908.711320000002</v>
      </c>
      <c r="T896">
        <v>34958.762280000003</v>
      </c>
      <c r="U896">
        <v>24050.858830000001</v>
      </c>
      <c r="W896" s="83">
        <f>Bühler!N928</f>
        <v>45329.249999997832</v>
      </c>
      <c r="X896" s="83">
        <v>43138.25</v>
      </c>
      <c r="Y896">
        <v>293484.4988</v>
      </c>
      <c r="Z896">
        <v>26695.932110000002</v>
      </c>
      <c r="AA896">
        <v>81024.139360000001</v>
      </c>
      <c r="AB896">
        <v>60953.006430000001</v>
      </c>
      <c r="AC896">
        <v>50215.784749999999</v>
      </c>
      <c r="AD896">
        <v>44358.144240000001</v>
      </c>
      <c r="AE896">
        <v>45577.925219999997</v>
      </c>
      <c r="AF896">
        <v>51678.31781</v>
      </c>
      <c r="AG896">
        <v>22620.003089999998</v>
      </c>
      <c r="AH896">
        <v>335083.48430000001</v>
      </c>
      <c r="AI896">
        <v>87081.287299999996</v>
      </c>
      <c r="AJ896">
        <v>28948.841840000001</v>
      </c>
      <c r="AK896">
        <v>35136.618340000001</v>
      </c>
      <c r="AL896">
        <v>94931.68505</v>
      </c>
      <c r="AM896">
        <v>23044.561860000002</v>
      </c>
      <c r="AN896">
        <v>95908.711320000002</v>
      </c>
      <c r="AO896">
        <v>34958.762280000003</v>
      </c>
      <c r="AP896">
        <v>24050.858830000001</v>
      </c>
    </row>
    <row r="897" spans="2:42" x14ac:dyDescent="0.3">
      <c r="B897">
        <v>66.774014726439688</v>
      </c>
      <c r="C897" s="83">
        <v>43138.291666666664</v>
      </c>
      <c r="D897">
        <v>305500.245</v>
      </c>
      <c r="E897">
        <v>31910.272779999999</v>
      </c>
      <c r="F897">
        <v>81853.238949999999</v>
      </c>
      <c r="G897">
        <v>77568.382549999995</v>
      </c>
      <c r="H897">
        <v>56491.134259999999</v>
      </c>
      <c r="I897">
        <v>53274.722520000003</v>
      </c>
      <c r="J897">
        <v>44278.975509999997</v>
      </c>
      <c r="K897">
        <v>56604.438889999998</v>
      </c>
      <c r="L897">
        <v>25636.726200000001</v>
      </c>
      <c r="M897">
        <v>340445.06660000002</v>
      </c>
      <c r="N897">
        <v>92609.196840000004</v>
      </c>
      <c r="O897">
        <v>31888.60946</v>
      </c>
      <c r="P897">
        <v>39177.724909999997</v>
      </c>
      <c r="Q897">
        <v>94780.030939999997</v>
      </c>
      <c r="R897">
        <v>23837.64747</v>
      </c>
      <c r="S897">
        <v>109276.8496</v>
      </c>
      <c r="T897">
        <v>37384.70968</v>
      </c>
      <c r="U897">
        <v>28001.031480000001</v>
      </c>
      <c r="W897" s="83">
        <f>Bühler!N929</f>
        <v>45329.291666664496</v>
      </c>
      <c r="X897" s="83">
        <v>43138.291666666664</v>
      </c>
      <c r="Y897">
        <v>305500.245</v>
      </c>
      <c r="Z897">
        <v>31910.272779999999</v>
      </c>
      <c r="AA897">
        <v>81853.238949999999</v>
      </c>
      <c r="AB897">
        <v>77568.382549999995</v>
      </c>
      <c r="AC897">
        <v>56491.134259999999</v>
      </c>
      <c r="AD897">
        <v>53274.722520000003</v>
      </c>
      <c r="AE897">
        <v>44278.975509999997</v>
      </c>
      <c r="AF897">
        <v>56604.438889999998</v>
      </c>
      <c r="AG897">
        <v>25636.726200000001</v>
      </c>
      <c r="AH897">
        <v>340445.06660000002</v>
      </c>
      <c r="AI897">
        <v>92609.196840000004</v>
      </c>
      <c r="AJ897">
        <v>31888.60946</v>
      </c>
      <c r="AK897">
        <v>39177.724909999997</v>
      </c>
      <c r="AL897">
        <v>94780.030939999997</v>
      </c>
      <c r="AM897">
        <v>23837.64747</v>
      </c>
      <c r="AN897">
        <v>109276.8496</v>
      </c>
      <c r="AO897">
        <v>37384.70968</v>
      </c>
      <c r="AP897">
        <v>28001.031480000001</v>
      </c>
    </row>
    <row r="898" spans="2:42" x14ac:dyDescent="0.3">
      <c r="B898">
        <v>67.667099312000261</v>
      </c>
      <c r="C898" s="83">
        <v>43138.333333333336</v>
      </c>
      <c r="D898">
        <v>318191.76120000001</v>
      </c>
      <c r="E898">
        <v>38673.872100000001</v>
      </c>
      <c r="F898">
        <v>88162.812380000003</v>
      </c>
      <c r="G898">
        <v>94944.589200000002</v>
      </c>
      <c r="H898">
        <v>61461.284350000002</v>
      </c>
      <c r="I898">
        <v>56805.13162</v>
      </c>
      <c r="J898">
        <v>44208.558620000003</v>
      </c>
      <c r="K898">
        <v>60455.680840000001</v>
      </c>
      <c r="L898">
        <v>28932.99912</v>
      </c>
      <c r="M898">
        <v>344998.42830000003</v>
      </c>
      <c r="N898">
        <v>99391.510590000005</v>
      </c>
      <c r="O898">
        <v>33967.638610000002</v>
      </c>
      <c r="P898">
        <v>41601.963170000003</v>
      </c>
      <c r="Q898">
        <v>95265.625589999996</v>
      </c>
      <c r="R898">
        <v>28132.43519</v>
      </c>
      <c r="S898">
        <v>123367.2873</v>
      </c>
      <c r="T898">
        <v>40767.405449999998</v>
      </c>
      <c r="U898">
        <v>32005.13667</v>
      </c>
      <c r="W898" s="83">
        <f>Bühler!N930</f>
        <v>45329.33333333116</v>
      </c>
      <c r="X898" s="83">
        <v>43138.333333333336</v>
      </c>
      <c r="Y898">
        <v>318191.76120000001</v>
      </c>
      <c r="Z898">
        <v>38673.872100000001</v>
      </c>
      <c r="AA898">
        <v>88162.812380000003</v>
      </c>
      <c r="AB898">
        <v>94944.589200000002</v>
      </c>
      <c r="AC898">
        <v>61461.284350000002</v>
      </c>
      <c r="AD898">
        <v>56805.13162</v>
      </c>
      <c r="AE898">
        <v>44208.558620000003</v>
      </c>
      <c r="AF898">
        <v>60455.680840000001</v>
      </c>
      <c r="AG898">
        <v>28932.99912</v>
      </c>
      <c r="AH898">
        <v>344998.42830000003</v>
      </c>
      <c r="AI898">
        <v>99391.510590000005</v>
      </c>
      <c r="AJ898">
        <v>33967.638610000002</v>
      </c>
      <c r="AK898">
        <v>41601.963170000003</v>
      </c>
      <c r="AL898">
        <v>95265.625589999996</v>
      </c>
      <c r="AM898">
        <v>28132.43519</v>
      </c>
      <c r="AN898">
        <v>123367.2873</v>
      </c>
      <c r="AO898">
        <v>40767.405449999998</v>
      </c>
      <c r="AP898">
        <v>32005.13667</v>
      </c>
    </row>
    <row r="899" spans="2:42" x14ac:dyDescent="0.3">
      <c r="B899">
        <v>66.715800612607524</v>
      </c>
      <c r="C899" s="83">
        <v>43138.375</v>
      </c>
      <c r="D899">
        <v>317765.50229999999</v>
      </c>
      <c r="E899">
        <v>42932.636019999998</v>
      </c>
      <c r="F899">
        <v>93278.372690000004</v>
      </c>
      <c r="G899">
        <v>102342.27220000001</v>
      </c>
      <c r="H899">
        <v>63078.855349999998</v>
      </c>
      <c r="I899">
        <v>53905.92856</v>
      </c>
      <c r="J899">
        <v>43587.081250000003</v>
      </c>
      <c r="K899">
        <v>59227.337720000003</v>
      </c>
      <c r="L899">
        <v>31202.691770000001</v>
      </c>
      <c r="M899">
        <v>340148.26390000002</v>
      </c>
      <c r="N899">
        <v>103723.3463</v>
      </c>
      <c r="O899">
        <v>33706.252970000001</v>
      </c>
      <c r="P899">
        <v>43515.462959999997</v>
      </c>
      <c r="Q899">
        <v>95785.828200000004</v>
      </c>
      <c r="R899">
        <v>26251.900809999999</v>
      </c>
      <c r="S899">
        <v>125974.9005</v>
      </c>
      <c r="T899">
        <v>43281.067819999997</v>
      </c>
      <c r="U899">
        <v>31458.930069999999</v>
      </c>
      <c r="W899" s="83">
        <f>Bühler!N931</f>
        <v>45329.374999997824</v>
      </c>
      <c r="X899" s="83">
        <v>43138.375</v>
      </c>
      <c r="Y899">
        <v>317765.50229999999</v>
      </c>
      <c r="Z899">
        <v>42932.636019999998</v>
      </c>
      <c r="AA899">
        <v>93278.372690000004</v>
      </c>
      <c r="AB899">
        <v>102342.27220000001</v>
      </c>
      <c r="AC899">
        <v>63078.855349999998</v>
      </c>
      <c r="AD899">
        <v>53905.92856</v>
      </c>
      <c r="AE899">
        <v>43587.081250000003</v>
      </c>
      <c r="AF899">
        <v>59227.337720000003</v>
      </c>
      <c r="AG899">
        <v>31202.691770000001</v>
      </c>
      <c r="AH899">
        <v>340148.26390000002</v>
      </c>
      <c r="AI899">
        <v>103723.3463</v>
      </c>
      <c r="AJ899">
        <v>33706.252970000001</v>
      </c>
      <c r="AK899">
        <v>43515.462959999997</v>
      </c>
      <c r="AL899">
        <v>95785.828200000004</v>
      </c>
      <c r="AM899">
        <v>26251.900809999999</v>
      </c>
      <c r="AN899">
        <v>125974.9005</v>
      </c>
      <c r="AO899">
        <v>43281.067819999997</v>
      </c>
      <c r="AP899">
        <v>31458.930069999999</v>
      </c>
    </row>
    <row r="900" spans="2:42" x14ac:dyDescent="0.3">
      <c r="B900">
        <v>67.030529198103011</v>
      </c>
      <c r="C900" s="83">
        <v>43138.416666666664</v>
      </c>
      <c r="D900">
        <v>318113.32069999998</v>
      </c>
      <c r="E900">
        <v>44465.830220000003</v>
      </c>
      <c r="F900">
        <v>93610.479319999999</v>
      </c>
      <c r="G900">
        <v>101761.03019999999</v>
      </c>
      <c r="H900">
        <v>63128.168839999998</v>
      </c>
      <c r="I900">
        <v>50355.408510000001</v>
      </c>
      <c r="J900">
        <v>42397.018329999999</v>
      </c>
      <c r="K900">
        <v>61455.8531</v>
      </c>
      <c r="L900">
        <v>33520.184050000003</v>
      </c>
      <c r="M900">
        <v>341752.897</v>
      </c>
      <c r="N900">
        <v>106179.7825</v>
      </c>
      <c r="O900">
        <v>33098.084770000001</v>
      </c>
      <c r="P900">
        <v>44603.07215</v>
      </c>
      <c r="Q900">
        <v>95940.789850000001</v>
      </c>
      <c r="R900">
        <v>26299.05126</v>
      </c>
      <c r="S900">
        <v>128742.33809999999</v>
      </c>
      <c r="T900">
        <v>44107.222609999997</v>
      </c>
      <c r="U900">
        <v>30678.15726</v>
      </c>
      <c r="W900" s="83">
        <f>Bühler!N932</f>
        <v>45329.416666664489</v>
      </c>
      <c r="X900" s="83">
        <v>43138.416666666664</v>
      </c>
      <c r="Y900">
        <v>318113.32069999998</v>
      </c>
      <c r="Z900">
        <v>44465.830220000003</v>
      </c>
      <c r="AA900">
        <v>93610.479319999999</v>
      </c>
      <c r="AB900">
        <v>101761.03019999999</v>
      </c>
      <c r="AC900">
        <v>63128.168839999998</v>
      </c>
      <c r="AD900">
        <v>50355.408510000001</v>
      </c>
      <c r="AE900">
        <v>42397.018329999999</v>
      </c>
      <c r="AF900">
        <v>61455.8531</v>
      </c>
      <c r="AG900">
        <v>33520.184050000003</v>
      </c>
      <c r="AH900">
        <v>341752.897</v>
      </c>
      <c r="AI900">
        <v>106179.7825</v>
      </c>
      <c r="AJ900">
        <v>33098.084770000001</v>
      </c>
      <c r="AK900">
        <v>44603.07215</v>
      </c>
      <c r="AL900">
        <v>95940.789850000001</v>
      </c>
      <c r="AM900">
        <v>26299.05126</v>
      </c>
      <c r="AN900">
        <v>128742.33809999999</v>
      </c>
      <c r="AO900">
        <v>44107.222609999997</v>
      </c>
      <c r="AP900">
        <v>30678.15726</v>
      </c>
    </row>
    <row r="901" spans="2:42" x14ac:dyDescent="0.3">
      <c r="B901">
        <v>67.329603350550016</v>
      </c>
      <c r="C901" s="83">
        <v>43138.458333333336</v>
      </c>
      <c r="D901">
        <v>318488.09950000001</v>
      </c>
      <c r="E901">
        <v>43780.253380000002</v>
      </c>
      <c r="F901">
        <v>93743.799769999998</v>
      </c>
      <c r="G901">
        <v>98264.931809999995</v>
      </c>
      <c r="H901">
        <v>62985.843439999997</v>
      </c>
      <c r="I901">
        <v>48860.596590000001</v>
      </c>
      <c r="J901">
        <v>41675.72249</v>
      </c>
      <c r="K901">
        <v>66617.115680000003</v>
      </c>
      <c r="L901">
        <v>34896.12745</v>
      </c>
      <c r="M901">
        <v>343277.71649999998</v>
      </c>
      <c r="N901">
        <v>106862.8508</v>
      </c>
      <c r="O901">
        <v>32535.595509999999</v>
      </c>
      <c r="P901">
        <v>43846.722710000002</v>
      </c>
      <c r="Q901">
        <v>96052.889869999999</v>
      </c>
      <c r="R901">
        <v>31144.719400000002</v>
      </c>
      <c r="S901">
        <v>130148.7225</v>
      </c>
      <c r="T901">
        <v>44276.059650000003</v>
      </c>
      <c r="U901">
        <v>30054.615959999999</v>
      </c>
      <c r="W901" s="83">
        <f>Bühler!N933</f>
        <v>45329.458333331153</v>
      </c>
      <c r="X901" s="83">
        <v>43138.458333333336</v>
      </c>
      <c r="Y901">
        <v>318488.09950000001</v>
      </c>
      <c r="Z901">
        <v>43780.253380000002</v>
      </c>
      <c r="AA901">
        <v>93743.799769999998</v>
      </c>
      <c r="AB901">
        <v>98264.931809999995</v>
      </c>
      <c r="AC901">
        <v>62985.843439999997</v>
      </c>
      <c r="AD901">
        <v>48860.596590000001</v>
      </c>
      <c r="AE901">
        <v>41675.72249</v>
      </c>
      <c r="AF901">
        <v>66617.115680000003</v>
      </c>
      <c r="AG901">
        <v>34896.12745</v>
      </c>
      <c r="AH901">
        <v>343277.71649999998</v>
      </c>
      <c r="AI901">
        <v>106862.8508</v>
      </c>
      <c r="AJ901">
        <v>32535.595509999999</v>
      </c>
      <c r="AK901">
        <v>43846.722710000002</v>
      </c>
      <c r="AL901">
        <v>96052.889869999999</v>
      </c>
      <c r="AM901">
        <v>31144.719400000002</v>
      </c>
      <c r="AN901">
        <v>130148.7225</v>
      </c>
      <c r="AO901">
        <v>44276.059650000003</v>
      </c>
      <c r="AP901">
        <v>30054.615959999999</v>
      </c>
    </row>
    <row r="902" spans="2:42" x14ac:dyDescent="0.3">
      <c r="B902">
        <v>66.004018881278483</v>
      </c>
      <c r="C902" s="83">
        <v>43138.5</v>
      </c>
      <c r="D902">
        <v>306498.0491</v>
      </c>
      <c r="E902">
        <v>39426.32591</v>
      </c>
      <c r="F902">
        <v>87413.578039999993</v>
      </c>
      <c r="G902">
        <v>90288.158869999999</v>
      </c>
      <c r="H902">
        <v>59296.388379999997</v>
      </c>
      <c r="I902">
        <v>45361.277040000001</v>
      </c>
      <c r="J902">
        <v>40919.103179999998</v>
      </c>
      <c r="K902">
        <v>63218.317419999999</v>
      </c>
      <c r="L902">
        <v>37421.2673</v>
      </c>
      <c r="M902">
        <v>336519.26870000002</v>
      </c>
      <c r="N902">
        <v>103781.4835</v>
      </c>
      <c r="O902">
        <v>31657.965939999998</v>
      </c>
      <c r="P902">
        <v>44563.289620000003</v>
      </c>
      <c r="Q902">
        <v>93791.823969999998</v>
      </c>
      <c r="R902">
        <v>29376.86306</v>
      </c>
      <c r="S902">
        <v>121905.42260000001</v>
      </c>
      <c r="T902">
        <v>43547.788589999996</v>
      </c>
      <c r="U902">
        <v>26236.09359</v>
      </c>
      <c r="W902" s="83">
        <f>Bühler!N934</f>
        <v>45329.499999997817</v>
      </c>
      <c r="X902" s="83">
        <v>43138.5</v>
      </c>
      <c r="Y902">
        <v>306498.0491</v>
      </c>
      <c r="Z902">
        <v>39426.32591</v>
      </c>
      <c r="AA902">
        <v>87413.578039999993</v>
      </c>
      <c r="AB902">
        <v>90288.158869999999</v>
      </c>
      <c r="AC902">
        <v>59296.388379999997</v>
      </c>
      <c r="AD902">
        <v>45361.277040000001</v>
      </c>
      <c r="AE902">
        <v>40919.103179999998</v>
      </c>
      <c r="AF902">
        <v>63218.317419999999</v>
      </c>
      <c r="AG902">
        <v>37421.2673</v>
      </c>
      <c r="AH902">
        <v>336519.26870000002</v>
      </c>
      <c r="AI902">
        <v>103781.4835</v>
      </c>
      <c r="AJ902">
        <v>31657.965939999998</v>
      </c>
      <c r="AK902">
        <v>44563.289620000003</v>
      </c>
      <c r="AL902">
        <v>93791.823969999998</v>
      </c>
      <c r="AM902">
        <v>29376.86306</v>
      </c>
      <c r="AN902">
        <v>121905.42260000001</v>
      </c>
      <c r="AO902">
        <v>43547.788589999996</v>
      </c>
      <c r="AP902">
        <v>26236.09359</v>
      </c>
    </row>
    <row r="903" spans="2:42" x14ac:dyDescent="0.3">
      <c r="B903">
        <v>65.902435725626745</v>
      </c>
      <c r="C903" s="83">
        <v>43138.541666666664</v>
      </c>
      <c r="D903">
        <v>308749.78379999998</v>
      </c>
      <c r="E903">
        <v>39245.412980000001</v>
      </c>
      <c r="F903">
        <v>83642.172980000003</v>
      </c>
      <c r="G903">
        <v>85026.610620000007</v>
      </c>
      <c r="H903">
        <v>59205.768150000004</v>
      </c>
      <c r="I903">
        <v>44939.128980000001</v>
      </c>
      <c r="J903">
        <v>39864.079879999998</v>
      </c>
      <c r="K903">
        <v>66083.735700000005</v>
      </c>
      <c r="L903">
        <v>35774.823600000003</v>
      </c>
      <c r="M903">
        <v>336001.3504</v>
      </c>
      <c r="N903">
        <v>102364.22840000001</v>
      </c>
      <c r="O903">
        <v>32008.364219999999</v>
      </c>
      <c r="P903">
        <v>42628.466679999998</v>
      </c>
      <c r="Q903">
        <v>92349.429359999995</v>
      </c>
      <c r="R903">
        <v>28687.570940000001</v>
      </c>
      <c r="S903">
        <v>121180.9745</v>
      </c>
      <c r="T903">
        <v>41877.404990000003</v>
      </c>
      <c r="U903">
        <v>27894.00102</v>
      </c>
      <c r="W903" s="83">
        <f>Bühler!N935</f>
        <v>45329.541666664481</v>
      </c>
      <c r="X903" s="83">
        <v>43138.541666666664</v>
      </c>
      <c r="Y903">
        <v>308749.78379999998</v>
      </c>
      <c r="Z903">
        <v>39245.412980000001</v>
      </c>
      <c r="AA903">
        <v>83642.172980000003</v>
      </c>
      <c r="AB903">
        <v>85026.610620000007</v>
      </c>
      <c r="AC903">
        <v>59205.768150000004</v>
      </c>
      <c r="AD903">
        <v>44939.128980000001</v>
      </c>
      <c r="AE903">
        <v>39864.079879999998</v>
      </c>
      <c r="AF903">
        <v>66083.735700000005</v>
      </c>
      <c r="AG903">
        <v>35774.823600000003</v>
      </c>
      <c r="AH903">
        <v>336001.3504</v>
      </c>
      <c r="AI903">
        <v>102364.22840000001</v>
      </c>
      <c r="AJ903">
        <v>32008.364219999999</v>
      </c>
      <c r="AK903">
        <v>42628.466679999998</v>
      </c>
      <c r="AL903">
        <v>92349.429359999995</v>
      </c>
      <c r="AM903">
        <v>28687.570940000001</v>
      </c>
      <c r="AN903">
        <v>121180.9745</v>
      </c>
      <c r="AO903">
        <v>41877.404990000003</v>
      </c>
      <c r="AP903">
        <v>27894.00102</v>
      </c>
    </row>
    <row r="904" spans="2:42" x14ac:dyDescent="0.3">
      <c r="B904">
        <v>66.076954932055145</v>
      </c>
      <c r="C904" s="83">
        <v>43138.583333333336</v>
      </c>
      <c r="D904">
        <v>311792.08590000001</v>
      </c>
      <c r="E904">
        <v>41784.999430000003</v>
      </c>
      <c r="F904">
        <v>90028.877489999999</v>
      </c>
      <c r="G904">
        <v>80460.922720000002</v>
      </c>
      <c r="H904">
        <v>59027.516629999998</v>
      </c>
      <c r="I904">
        <v>45140.801740000003</v>
      </c>
      <c r="J904">
        <v>39053.324209999999</v>
      </c>
      <c r="K904">
        <v>67706.270550000001</v>
      </c>
      <c r="L904">
        <v>32564.682799999999</v>
      </c>
      <c r="M904">
        <v>336891.13069999998</v>
      </c>
      <c r="N904">
        <v>103879.4191</v>
      </c>
      <c r="O904">
        <v>31621.59649</v>
      </c>
      <c r="P904">
        <v>39497.296119999999</v>
      </c>
      <c r="Q904">
        <v>91811.365290000002</v>
      </c>
      <c r="R904">
        <v>27787.868900000001</v>
      </c>
      <c r="S904">
        <v>116191.836</v>
      </c>
      <c r="T904">
        <v>40609.56162</v>
      </c>
      <c r="U904">
        <v>28416.488730000001</v>
      </c>
      <c r="W904" s="83">
        <f>Bühler!N936</f>
        <v>45329.583333331146</v>
      </c>
      <c r="X904" s="83">
        <v>43138.583333333336</v>
      </c>
      <c r="Y904">
        <v>311792.08590000001</v>
      </c>
      <c r="Z904">
        <v>41784.999430000003</v>
      </c>
      <c r="AA904">
        <v>90028.877489999999</v>
      </c>
      <c r="AB904">
        <v>80460.922720000002</v>
      </c>
      <c r="AC904">
        <v>59027.516629999998</v>
      </c>
      <c r="AD904">
        <v>45140.801740000003</v>
      </c>
      <c r="AE904">
        <v>39053.324209999999</v>
      </c>
      <c r="AF904">
        <v>67706.270550000001</v>
      </c>
      <c r="AG904">
        <v>32564.682799999999</v>
      </c>
      <c r="AH904">
        <v>336891.13069999998</v>
      </c>
      <c r="AI904">
        <v>103879.4191</v>
      </c>
      <c r="AJ904">
        <v>31621.59649</v>
      </c>
      <c r="AK904">
        <v>39497.296119999999</v>
      </c>
      <c r="AL904">
        <v>91811.365290000002</v>
      </c>
      <c r="AM904">
        <v>27787.868900000001</v>
      </c>
      <c r="AN904">
        <v>116191.836</v>
      </c>
      <c r="AO904">
        <v>40609.56162</v>
      </c>
      <c r="AP904">
        <v>28416.488730000001</v>
      </c>
    </row>
    <row r="905" spans="2:42" x14ac:dyDescent="0.3">
      <c r="B905">
        <v>64.696543544010083</v>
      </c>
      <c r="C905" s="83">
        <v>43138.625</v>
      </c>
      <c r="D905">
        <v>309984.59509999998</v>
      </c>
      <c r="E905">
        <v>41254.765140000003</v>
      </c>
      <c r="F905">
        <v>91460.038239999994</v>
      </c>
      <c r="G905">
        <v>78866.432109999994</v>
      </c>
      <c r="H905">
        <v>57157.237979999998</v>
      </c>
      <c r="I905">
        <v>46164.450949999999</v>
      </c>
      <c r="J905">
        <v>38981.293250000002</v>
      </c>
      <c r="K905">
        <v>65087.984770000003</v>
      </c>
      <c r="L905">
        <v>29540.98201</v>
      </c>
      <c r="M905">
        <v>329853.14970000001</v>
      </c>
      <c r="N905">
        <v>101311.8279</v>
      </c>
      <c r="O905">
        <v>31402.35513</v>
      </c>
      <c r="P905">
        <v>37306.935590000001</v>
      </c>
      <c r="Q905">
        <v>91202.532449999999</v>
      </c>
      <c r="R905">
        <v>26867.888640000001</v>
      </c>
      <c r="S905">
        <v>114413.7941</v>
      </c>
      <c r="T905">
        <v>40383.207869999998</v>
      </c>
      <c r="U905">
        <v>27385.678110000001</v>
      </c>
      <c r="W905" s="83">
        <f>Bühler!N937</f>
        <v>45329.62499999781</v>
      </c>
      <c r="X905" s="83">
        <v>43138.625</v>
      </c>
      <c r="Y905">
        <v>309984.59509999998</v>
      </c>
      <c r="Z905">
        <v>41254.765140000003</v>
      </c>
      <c r="AA905">
        <v>91460.038239999994</v>
      </c>
      <c r="AB905">
        <v>78866.432109999994</v>
      </c>
      <c r="AC905">
        <v>57157.237979999998</v>
      </c>
      <c r="AD905">
        <v>46164.450949999999</v>
      </c>
      <c r="AE905">
        <v>38981.293250000002</v>
      </c>
      <c r="AF905">
        <v>65087.984770000003</v>
      </c>
      <c r="AG905">
        <v>29540.98201</v>
      </c>
      <c r="AH905">
        <v>329853.14970000001</v>
      </c>
      <c r="AI905">
        <v>101311.8279</v>
      </c>
      <c r="AJ905">
        <v>31402.35513</v>
      </c>
      <c r="AK905">
        <v>37306.935590000001</v>
      </c>
      <c r="AL905">
        <v>91202.532449999999</v>
      </c>
      <c r="AM905">
        <v>26867.888640000001</v>
      </c>
      <c r="AN905">
        <v>114413.7941</v>
      </c>
      <c r="AO905">
        <v>40383.207869999998</v>
      </c>
      <c r="AP905">
        <v>27385.678110000001</v>
      </c>
    </row>
    <row r="906" spans="2:42" x14ac:dyDescent="0.3">
      <c r="B906">
        <v>64.048793067984917</v>
      </c>
      <c r="C906" s="83">
        <v>43138.666666666664</v>
      </c>
      <c r="D906">
        <v>303173.44839999999</v>
      </c>
      <c r="E906">
        <v>40510.96297</v>
      </c>
      <c r="F906">
        <v>90389.1728</v>
      </c>
      <c r="G906">
        <v>76407.259149999998</v>
      </c>
      <c r="H906">
        <v>55925.23461</v>
      </c>
      <c r="I906">
        <v>48081.51167</v>
      </c>
      <c r="J906">
        <v>38725.145349999999</v>
      </c>
      <c r="K906">
        <v>61967.640579999999</v>
      </c>
      <c r="L906">
        <v>28525.78025</v>
      </c>
      <c r="M906">
        <v>326550.61570000002</v>
      </c>
      <c r="N906">
        <v>97039.861910000007</v>
      </c>
      <c r="O906">
        <v>30741.34071</v>
      </c>
      <c r="P906">
        <v>37880.93737</v>
      </c>
      <c r="Q906">
        <v>90762.765910000002</v>
      </c>
      <c r="R906">
        <v>26575.599419999999</v>
      </c>
      <c r="S906">
        <v>112801.52499999999</v>
      </c>
      <c r="T906">
        <v>40114.090150000004</v>
      </c>
      <c r="U906">
        <v>26120.613809999999</v>
      </c>
      <c r="W906" s="83">
        <f>Bühler!N938</f>
        <v>45329.666666664474</v>
      </c>
      <c r="X906" s="83">
        <v>43138.666666666664</v>
      </c>
      <c r="Y906">
        <v>303173.44839999999</v>
      </c>
      <c r="Z906">
        <v>40510.96297</v>
      </c>
      <c r="AA906">
        <v>90389.1728</v>
      </c>
      <c r="AB906">
        <v>76407.259149999998</v>
      </c>
      <c r="AC906">
        <v>55925.23461</v>
      </c>
      <c r="AD906">
        <v>48081.51167</v>
      </c>
      <c r="AE906">
        <v>38725.145349999999</v>
      </c>
      <c r="AF906">
        <v>61967.640579999999</v>
      </c>
      <c r="AG906">
        <v>28525.78025</v>
      </c>
      <c r="AH906">
        <v>326550.61570000002</v>
      </c>
      <c r="AI906">
        <v>97039.861910000007</v>
      </c>
      <c r="AJ906">
        <v>30741.34071</v>
      </c>
      <c r="AK906">
        <v>37880.93737</v>
      </c>
      <c r="AL906">
        <v>90762.765910000002</v>
      </c>
      <c r="AM906">
        <v>26575.599419999999</v>
      </c>
      <c r="AN906">
        <v>112801.52499999999</v>
      </c>
      <c r="AO906">
        <v>40114.090150000004</v>
      </c>
      <c r="AP906">
        <v>26120.613809999999</v>
      </c>
    </row>
    <row r="907" spans="2:42" x14ac:dyDescent="0.3">
      <c r="B907">
        <v>62.760601823893893</v>
      </c>
      <c r="C907" s="83">
        <v>43138.708333333336</v>
      </c>
      <c r="D907">
        <v>293434.02510000003</v>
      </c>
      <c r="E907">
        <v>38627.847009999998</v>
      </c>
      <c r="F907">
        <v>90671.114549999998</v>
      </c>
      <c r="G907">
        <v>71609.544450000001</v>
      </c>
      <c r="H907">
        <v>53664.494760000001</v>
      </c>
      <c r="I907">
        <v>48604.981399999997</v>
      </c>
      <c r="J907">
        <v>38894.18492</v>
      </c>
      <c r="K907">
        <v>56561.493840000003</v>
      </c>
      <c r="L907">
        <v>29285.621859999999</v>
      </c>
      <c r="M907">
        <v>319982.81599999999</v>
      </c>
      <c r="N907">
        <v>92270.667239999995</v>
      </c>
      <c r="O907">
        <v>30294.886719999999</v>
      </c>
      <c r="P907">
        <v>38829.351580000002</v>
      </c>
      <c r="Q907">
        <v>89318.539239999998</v>
      </c>
      <c r="R907">
        <v>27339.793079999999</v>
      </c>
      <c r="S907">
        <v>110501.2923</v>
      </c>
      <c r="T907">
        <v>40428.042750000001</v>
      </c>
      <c r="U907">
        <v>24674.07861</v>
      </c>
      <c r="W907" s="83">
        <f>Bühler!N939</f>
        <v>45329.708333331138</v>
      </c>
      <c r="X907" s="83">
        <v>43138.708333333336</v>
      </c>
      <c r="Y907">
        <v>293434.02510000003</v>
      </c>
      <c r="Z907">
        <v>38627.847009999998</v>
      </c>
      <c r="AA907">
        <v>90671.114549999998</v>
      </c>
      <c r="AB907">
        <v>71609.544450000001</v>
      </c>
      <c r="AC907">
        <v>53664.494760000001</v>
      </c>
      <c r="AD907">
        <v>48604.981399999997</v>
      </c>
      <c r="AE907">
        <v>38894.18492</v>
      </c>
      <c r="AF907">
        <v>56561.493840000003</v>
      </c>
      <c r="AG907">
        <v>29285.621859999999</v>
      </c>
      <c r="AH907">
        <v>319982.81599999999</v>
      </c>
      <c r="AI907">
        <v>92270.667239999995</v>
      </c>
      <c r="AJ907">
        <v>30294.886719999999</v>
      </c>
      <c r="AK907">
        <v>38829.351580000002</v>
      </c>
      <c r="AL907">
        <v>89318.539239999998</v>
      </c>
      <c r="AM907">
        <v>27339.793079999999</v>
      </c>
      <c r="AN907">
        <v>110501.2923</v>
      </c>
      <c r="AO907">
        <v>40428.042750000001</v>
      </c>
      <c r="AP907">
        <v>24674.07861</v>
      </c>
    </row>
    <row r="908" spans="2:42" x14ac:dyDescent="0.3">
      <c r="B908">
        <v>61.107816547926411</v>
      </c>
      <c r="C908" s="83">
        <v>43138.75</v>
      </c>
      <c r="D908">
        <v>287806.3175</v>
      </c>
      <c r="E908">
        <v>36034.991900000001</v>
      </c>
      <c r="F908">
        <v>89923.512359999993</v>
      </c>
      <c r="G908">
        <v>68360.427710000004</v>
      </c>
      <c r="H908">
        <v>53587.815569999999</v>
      </c>
      <c r="I908">
        <v>48073.979019999999</v>
      </c>
      <c r="J908">
        <v>41104.784440000003</v>
      </c>
      <c r="K908">
        <v>49894.032420000003</v>
      </c>
      <c r="L908">
        <v>31809.246459999998</v>
      </c>
      <c r="M908">
        <v>311556.1459</v>
      </c>
      <c r="N908">
        <v>90654.047040000005</v>
      </c>
      <c r="O908">
        <v>29871.87743</v>
      </c>
      <c r="P908">
        <v>43347.766739999999</v>
      </c>
      <c r="Q908">
        <v>88451.035159999999</v>
      </c>
      <c r="R908">
        <v>23841.165850000001</v>
      </c>
      <c r="S908">
        <v>106410.99490000001</v>
      </c>
      <c r="T908">
        <v>41472.854950000001</v>
      </c>
      <c r="U908">
        <v>23373.244019999998</v>
      </c>
      <c r="W908" s="83">
        <f>Bühler!N940</f>
        <v>45329.749999997803</v>
      </c>
      <c r="X908" s="83">
        <v>43138.75</v>
      </c>
      <c r="Y908">
        <v>287806.3175</v>
      </c>
      <c r="Z908">
        <v>36034.991900000001</v>
      </c>
      <c r="AA908">
        <v>89923.512359999993</v>
      </c>
      <c r="AB908">
        <v>68360.427710000004</v>
      </c>
      <c r="AC908">
        <v>53587.815569999999</v>
      </c>
      <c r="AD908">
        <v>48073.979019999999</v>
      </c>
      <c r="AE908">
        <v>41104.784440000003</v>
      </c>
      <c r="AF908">
        <v>49894.032420000003</v>
      </c>
      <c r="AG908">
        <v>31809.246459999998</v>
      </c>
      <c r="AH908">
        <v>311556.1459</v>
      </c>
      <c r="AI908">
        <v>90654.047040000005</v>
      </c>
      <c r="AJ908">
        <v>29871.87743</v>
      </c>
      <c r="AK908">
        <v>43347.766739999999</v>
      </c>
      <c r="AL908">
        <v>88451.035159999999</v>
      </c>
      <c r="AM908">
        <v>23841.165850000001</v>
      </c>
      <c r="AN908">
        <v>106410.99490000001</v>
      </c>
      <c r="AO908">
        <v>41472.854950000001</v>
      </c>
      <c r="AP908">
        <v>23373.244019999998</v>
      </c>
    </row>
    <row r="909" spans="2:42" x14ac:dyDescent="0.3">
      <c r="B909">
        <v>60.169500752717099</v>
      </c>
      <c r="C909" s="83">
        <v>43138.791666666664</v>
      </c>
      <c r="D909">
        <v>280431.73509999999</v>
      </c>
      <c r="E909">
        <v>30020.491669999999</v>
      </c>
      <c r="F909">
        <v>77430.687460000001</v>
      </c>
      <c r="G909">
        <v>62438.819990000004</v>
      </c>
      <c r="H909">
        <v>51187.436329999997</v>
      </c>
      <c r="I909">
        <v>44758.373740000003</v>
      </c>
      <c r="J909">
        <v>41172.725830000003</v>
      </c>
      <c r="K909">
        <v>49889.795559999999</v>
      </c>
      <c r="L909">
        <v>32162.030050000001</v>
      </c>
      <c r="M909">
        <v>306772.17440000002</v>
      </c>
      <c r="N909">
        <v>89975.309869999997</v>
      </c>
      <c r="O909">
        <v>28194.82676</v>
      </c>
      <c r="P909">
        <v>45478.109199999999</v>
      </c>
      <c r="Q909">
        <v>87267.127999999997</v>
      </c>
      <c r="R909">
        <v>22890.135539999999</v>
      </c>
      <c r="S909">
        <v>102653.73050000001</v>
      </c>
      <c r="T909">
        <v>41869.95854</v>
      </c>
      <c r="U909">
        <v>21609.261620000001</v>
      </c>
      <c r="W909" s="83">
        <f>Bühler!N941</f>
        <v>45329.791666664467</v>
      </c>
      <c r="X909" s="83">
        <v>43138.791666666664</v>
      </c>
      <c r="Y909">
        <v>280431.73509999999</v>
      </c>
      <c r="Z909">
        <v>30020.491669999999</v>
      </c>
      <c r="AA909">
        <v>77430.687460000001</v>
      </c>
      <c r="AB909">
        <v>62438.819990000004</v>
      </c>
      <c r="AC909">
        <v>51187.436329999997</v>
      </c>
      <c r="AD909">
        <v>44758.373740000003</v>
      </c>
      <c r="AE909">
        <v>41172.725830000003</v>
      </c>
      <c r="AF909">
        <v>49889.795559999999</v>
      </c>
      <c r="AG909">
        <v>32162.030050000001</v>
      </c>
      <c r="AH909">
        <v>306772.17440000002</v>
      </c>
      <c r="AI909">
        <v>89975.309869999997</v>
      </c>
      <c r="AJ909">
        <v>28194.82676</v>
      </c>
      <c r="AK909">
        <v>45478.109199999999</v>
      </c>
      <c r="AL909">
        <v>87267.127999999997</v>
      </c>
      <c r="AM909">
        <v>22890.135539999999</v>
      </c>
      <c r="AN909">
        <v>102653.73050000001</v>
      </c>
      <c r="AO909">
        <v>41869.95854</v>
      </c>
      <c r="AP909">
        <v>21609.261620000001</v>
      </c>
    </row>
    <row r="910" spans="2:42" x14ac:dyDescent="0.3">
      <c r="B910">
        <v>59.708967242732335</v>
      </c>
      <c r="C910" s="83">
        <v>43138.833333333336</v>
      </c>
      <c r="D910">
        <v>269657.27679999999</v>
      </c>
      <c r="E910">
        <v>23570.02072</v>
      </c>
      <c r="F910">
        <v>60151.909720000003</v>
      </c>
      <c r="G910">
        <v>55794.186600000001</v>
      </c>
      <c r="H910">
        <v>47864.821459999999</v>
      </c>
      <c r="I910">
        <v>40343.458980000003</v>
      </c>
      <c r="J910">
        <v>40417.070039999999</v>
      </c>
      <c r="K910">
        <v>57294.370170000002</v>
      </c>
      <c r="L910">
        <v>31389.616279999998</v>
      </c>
      <c r="M910">
        <v>304424.15980000002</v>
      </c>
      <c r="N910">
        <v>87628.484379999994</v>
      </c>
      <c r="O910">
        <v>27185.57115</v>
      </c>
      <c r="P910">
        <v>45400.068030000002</v>
      </c>
      <c r="Q910">
        <v>84630.062489999997</v>
      </c>
      <c r="R910">
        <v>24503.46443</v>
      </c>
      <c r="S910">
        <v>93113.39155</v>
      </c>
      <c r="T910">
        <v>40013.612370000003</v>
      </c>
      <c r="U910">
        <v>20397.628079999999</v>
      </c>
      <c r="W910" s="83">
        <f>Bühler!N942</f>
        <v>45329.833333331131</v>
      </c>
      <c r="X910" s="83">
        <v>43138.833333333336</v>
      </c>
      <c r="Y910">
        <v>269657.27679999999</v>
      </c>
      <c r="Z910">
        <v>23570.02072</v>
      </c>
      <c r="AA910">
        <v>60151.909720000003</v>
      </c>
      <c r="AB910">
        <v>55794.186600000001</v>
      </c>
      <c r="AC910">
        <v>47864.821459999999</v>
      </c>
      <c r="AD910">
        <v>40343.458980000003</v>
      </c>
      <c r="AE910">
        <v>40417.070039999999</v>
      </c>
      <c r="AF910">
        <v>57294.370170000002</v>
      </c>
      <c r="AG910">
        <v>31389.616279999998</v>
      </c>
      <c r="AH910">
        <v>304424.15980000002</v>
      </c>
      <c r="AI910">
        <v>87628.484379999994</v>
      </c>
      <c r="AJ910">
        <v>27185.57115</v>
      </c>
      <c r="AK910">
        <v>45400.068030000002</v>
      </c>
      <c r="AL910">
        <v>84630.062489999997</v>
      </c>
      <c r="AM910">
        <v>24503.46443</v>
      </c>
      <c r="AN910">
        <v>93113.39155</v>
      </c>
      <c r="AO910">
        <v>40013.612370000003</v>
      </c>
      <c r="AP910">
        <v>20397.628079999999</v>
      </c>
    </row>
    <row r="911" spans="2:42" x14ac:dyDescent="0.3">
      <c r="B911">
        <v>57.697794467966695</v>
      </c>
      <c r="C911" s="83">
        <v>43138.875</v>
      </c>
      <c r="D911">
        <v>259475.96</v>
      </c>
      <c r="E911">
        <v>20938.371190000002</v>
      </c>
      <c r="F911">
        <v>53031.720050000004</v>
      </c>
      <c r="G911">
        <v>52369.076569999997</v>
      </c>
      <c r="H911">
        <v>45527.604350000001</v>
      </c>
      <c r="I911">
        <v>34514.248240000001</v>
      </c>
      <c r="J911">
        <v>39231.951079999999</v>
      </c>
      <c r="K911">
        <v>55819.137840000003</v>
      </c>
      <c r="L911">
        <v>29727.953320000001</v>
      </c>
      <c r="M911">
        <v>294170.26309999998</v>
      </c>
      <c r="N911">
        <v>84998.834690000003</v>
      </c>
      <c r="O911">
        <v>26001.657569999999</v>
      </c>
      <c r="P911">
        <v>43291.963230000001</v>
      </c>
      <c r="Q911">
        <v>82369.676149999999</v>
      </c>
      <c r="R911">
        <v>22787.813900000001</v>
      </c>
      <c r="S911">
        <v>87627.421170000001</v>
      </c>
      <c r="T911">
        <v>36982.764159999999</v>
      </c>
      <c r="U911">
        <v>18556.623309999999</v>
      </c>
      <c r="W911" s="83">
        <f>Bühler!N943</f>
        <v>45329.874999997795</v>
      </c>
      <c r="X911" s="83">
        <v>43138.875</v>
      </c>
      <c r="Y911">
        <v>259475.96</v>
      </c>
      <c r="Z911">
        <v>20938.371190000002</v>
      </c>
      <c r="AA911">
        <v>53031.720050000004</v>
      </c>
      <c r="AB911">
        <v>52369.076569999997</v>
      </c>
      <c r="AC911">
        <v>45527.604350000001</v>
      </c>
      <c r="AD911">
        <v>34514.248240000001</v>
      </c>
      <c r="AE911">
        <v>39231.951079999999</v>
      </c>
      <c r="AF911">
        <v>55819.137840000003</v>
      </c>
      <c r="AG911">
        <v>29727.953320000001</v>
      </c>
      <c r="AH911">
        <v>294170.26309999998</v>
      </c>
      <c r="AI911">
        <v>84998.834690000003</v>
      </c>
      <c r="AJ911">
        <v>26001.657569999999</v>
      </c>
      <c r="AK911">
        <v>43291.963230000001</v>
      </c>
      <c r="AL911">
        <v>82369.676149999999</v>
      </c>
      <c r="AM911">
        <v>22787.813900000001</v>
      </c>
      <c r="AN911">
        <v>87627.421170000001</v>
      </c>
      <c r="AO911">
        <v>36982.764159999999</v>
      </c>
      <c r="AP911">
        <v>18556.623309999999</v>
      </c>
    </row>
    <row r="912" spans="2:42" x14ac:dyDescent="0.3">
      <c r="B912">
        <v>57.249757755200278</v>
      </c>
      <c r="C912" s="83">
        <v>43138.916666666664</v>
      </c>
      <c r="D912">
        <v>258718.97769999999</v>
      </c>
      <c r="E912">
        <v>20164.078939999999</v>
      </c>
      <c r="F912">
        <v>50663.661529999998</v>
      </c>
      <c r="G912">
        <v>50116.589370000002</v>
      </c>
      <c r="H912">
        <v>45334.639049999998</v>
      </c>
      <c r="I912">
        <v>32517.148860000001</v>
      </c>
      <c r="J912">
        <v>37623.173309999998</v>
      </c>
      <c r="K912">
        <v>58121.66588</v>
      </c>
      <c r="L912">
        <v>26923.129669999998</v>
      </c>
      <c r="M912">
        <v>291885.96299999999</v>
      </c>
      <c r="N912">
        <v>85338.365279999998</v>
      </c>
      <c r="O912">
        <v>27193.139070000001</v>
      </c>
      <c r="P912">
        <v>45513.88523</v>
      </c>
      <c r="Q912">
        <v>82855.115869999994</v>
      </c>
      <c r="R912">
        <v>32904.826379999999</v>
      </c>
      <c r="S912">
        <v>85999.139139999999</v>
      </c>
      <c r="T912">
        <v>32735.178650000002</v>
      </c>
      <c r="U912">
        <v>20524.176749999999</v>
      </c>
      <c r="W912" s="83">
        <f>Bühler!N944</f>
        <v>45329.91666666446</v>
      </c>
      <c r="X912" s="83">
        <v>43138.916666666664</v>
      </c>
      <c r="Y912">
        <v>258718.97769999999</v>
      </c>
      <c r="Z912">
        <v>20164.078939999999</v>
      </c>
      <c r="AA912">
        <v>50663.661529999998</v>
      </c>
      <c r="AB912">
        <v>50116.589370000002</v>
      </c>
      <c r="AC912">
        <v>45334.639049999998</v>
      </c>
      <c r="AD912">
        <v>32517.148860000001</v>
      </c>
      <c r="AE912">
        <v>37623.173309999998</v>
      </c>
      <c r="AF912">
        <v>58121.66588</v>
      </c>
      <c r="AG912">
        <v>26923.129669999998</v>
      </c>
      <c r="AH912">
        <v>291885.96299999999</v>
      </c>
      <c r="AI912">
        <v>85338.365279999998</v>
      </c>
      <c r="AJ912">
        <v>27193.139070000001</v>
      </c>
      <c r="AK912">
        <v>45513.88523</v>
      </c>
      <c r="AL912">
        <v>82855.115869999994</v>
      </c>
      <c r="AM912">
        <v>32904.826379999999</v>
      </c>
      <c r="AN912">
        <v>85999.139139999999</v>
      </c>
      <c r="AO912">
        <v>32735.178650000002</v>
      </c>
      <c r="AP912">
        <v>20524.176749999999</v>
      </c>
    </row>
    <row r="913" spans="2:42" x14ac:dyDescent="0.3">
      <c r="B913">
        <v>56.491970777534746</v>
      </c>
      <c r="C913" s="83">
        <v>43138.958333333336</v>
      </c>
      <c r="D913">
        <v>258302.40220000001</v>
      </c>
      <c r="E913">
        <v>19839.31352</v>
      </c>
      <c r="F913">
        <v>49249.177219999998</v>
      </c>
      <c r="G913">
        <v>48927.005830000002</v>
      </c>
      <c r="H913">
        <v>44105.419869999998</v>
      </c>
      <c r="I913">
        <v>31416.29653</v>
      </c>
      <c r="J913">
        <v>35188.329129999998</v>
      </c>
      <c r="K913">
        <v>57029.608540000001</v>
      </c>
      <c r="L913">
        <v>23788.2435</v>
      </c>
      <c r="M913">
        <v>288022.41159999999</v>
      </c>
      <c r="N913">
        <v>84709.65453</v>
      </c>
      <c r="O913">
        <v>26999.76511</v>
      </c>
      <c r="P913">
        <v>41545.36462</v>
      </c>
      <c r="Q913">
        <v>82041.939339999997</v>
      </c>
      <c r="R913">
        <v>35547.989289999998</v>
      </c>
      <c r="S913">
        <v>85635.307549999998</v>
      </c>
      <c r="T913">
        <v>33700.829420000002</v>
      </c>
      <c r="U913">
        <v>20161.436259999999</v>
      </c>
      <c r="W913" s="83">
        <f>Bühler!N945</f>
        <v>45329.958333331124</v>
      </c>
      <c r="X913" s="83">
        <v>43138.958333333336</v>
      </c>
      <c r="Y913">
        <v>258302.40220000001</v>
      </c>
      <c r="Z913">
        <v>19839.31352</v>
      </c>
      <c r="AA913">
        <v>49249.177219999998</v>
      </c>
      <c r="AB913">
        <v>48927.005830000002</v>
      </c>
      <c r="AC913">
        <v>44105.419869999998</v>
      </c>
      <c r="AD913">
        <v>31416.29653</v>
      </c>
      <c r="AE913">
        <v>35188.329129999998</v>
      </c>
      <c r="AF913">
        <v>57029.608540000001</v>
      </c>
      <c r="AG913">
        <v>23788.2435</v>
      </c>
      <c r="AH913">
        <v>288022.41159999999</v>
      </c>
      <c r="AI913">
        <v>84709.65453</v>
      </c>
      <c r="AJ913">
        <v>26999.76511</v>
      </c>
      <c r="AK913">
        <v>41545.36462</v>
      </c>
      <c r="AL913">
        <v>82041.939339999997</v>
      </c>
      <c r="AM913">
        <v>35547.989289999998</v>
      </c>
      <c r="AN913">
        <v>85635.307549999998</v>
      </c>
      <c r="AO913">
        <v>33700.829420000002</v>
      </c>
      <c r="AP913">
        <v>20161.436259999999</v>
      </c>
    </row>
    <row r="914" spans="2:42" x14ac:dyDescent="0.3">
      <c r="B914">
        <v>56.58016931996692</v>
      </c>
      <c r="C914" s="83">
        <v>43139</v>
      </c>
      <c r="D914">
        <v>256649.07269999999</v>
      </c>
      <c r="E914">
        <v>19539.80414</v>
      </c>
      <c r="F914">
        <v>49115.628100000002</v>
      </c>
      <c r="G914">
        <v>48024.889869999999</v>
      </c>
      <c r="H914">
        <v>43710.185189999997</v>
      </c>
      <c r="I914">
        <v>29818.47176</v>
      </c>
      <c r="J914">
        <v>33180.491670000003</v>
      </c>
      <c r="K914">
        <v>54718.069430000003</v>
      </c>
      <c r="L914">
        <v>22200.60196</v>
      </c>
      <c r="M914">
        <v>288472.08889999997</v>
      </c>
      <c r="N914">
        <v>83764.594419999994</v>
      </c>
      <c r="O914">
        <v>27631.38264</v>
      </c>
      <c r="P914">
        <v>39069.073830000001</v>
      </c>
      <c r="Q914">
        <v>81954.870429999995</v>
      </c>
      <c r="R914">
        <v>31423.849119999999</v>
      </c>
      <c r="S914">
        <v>84996.292539999995</v>
      </c>
      <c r="T914">
        <v>32196.606660000001</v>
      </c>
      <c r="U914">
        <v>19551.041280000001</v>
      </c>
      <c r="W914" s="83">
        <f>Bühler!N946</f>
        <v>45329.999999997788</v>
      </c>
      <c r="X914" s="83">
        <v>43139</v>
      </c>
      <c r="Y914">
        <v>256649.07269999999</v>
      </c>
      <c r="Z914">
        <v>19539.80414</v>
      </c>
      <c r="AA914">
        <v>49115.628100000002</v>
      </c>
      <c r="AB914">
        <v>48024.889869999999</v>
      </c>
      <c r="AC914">
        <v>43710.185189999997</v>
      </c>
      <c r="AD914">
        <v>29818.47176</v>
      </c>
      <c r="AE914">
        <v>33180.491670000003</v>
      </c>
      <c r="AF914">
        <v>54718.069430000003</v>
      </c>
      <c r="AG914">
        <v>22200.60196</v>
      </c>
      <c r="AH914">
        <v>288472.08889999997</v>
      </c>
      <c r="AI914">
        <v>83764.594419999994</v>
      </c>
      <c r="AJ914">
        <v>27631.38264</v>
      </c>
      <c r="AK914">
        <v>39069.073830000001</v>
      </c>
      <c r="AL914">
        <v>81954.870429999995</v>
      </c>
      <c r="AM914">
        <v>31423.849119999999</v>
      </c>
      <c r="AN914">
        <v>84996.292539999995</v>
      </c>
      <c r="AO914">
        <v>32196.606660000001</v>
      </c>
      <c r="AP914">
        <v>19551.041280000001</v>
      </c>
    </row>
    <row r="915" spans="2:42" x14ac:dyDescent="0.3">
      <c r="B915">
        <v>57.573654901761927</v>
      </c>
      <c r="C915" s="83">
        <v>43139.041666666664</v>
      </c>
      <c r="D915">
        <v>257542.7304</v>
      </c>
      <c r="E915">
        <v>19754.819940000001</v>
      </c>
      <c r="F915">
        <v>51025.457730000002</v>
      </c>
      <c r="G915">
        <v>48081.128069999999</v>
      </c>
      <c r="H915">
        <v>43598.668899999997</v>
      </c>
      <c r="I915">
        <v>25439.529890000002</v>
      </c>
      <c r="J915">
        <v>36105.834799999997</v>
      </c>
      <c r="K915">
        <v>53568.413860000001</v>
      </c>
      <c r="L915">
        <v>21817.387439999999</v>
      </c>
      <c r="M915">
        <v>293537.34169999999</v>
      </c>
      <c r="N915">
        <v>85226.905910000001</v>
      </c>
      <c r="O915">
        <v>27532.367460000001</v>
      </c>
      <c r="P915">
        <v>36631.539579999997</v>
      </c>
      <c r="Q915">
        <v>82407.462669999994</v>
      </c>
      <c r="R915">
        <v>29686.580139999998</v>
      </c>
      <c r="S915">
        <v>86653.593720000004</v>
      </c>
      <c r="T915">
        <v>32060.99224</v>
      </c>
      <c r="U915">
        <v>20521.187399999999</v>
      </c>
      <c r="W915" s="83">
        <f>Bühler!N947</f>
        <v>45330.041666664452</v>
      </c>
      <c r="X915" s="83">
        <v>43139.041666666664</v>
      </c>
      <c r="Y915">
        <v>257542.7304</v>
      </c>
      <c r="Z915">
        <v>19754.819940000001</v>
      </c>
      <c r="AA915">
        <v>51025.457730000002</v>
      </c>
      <c r="AB915">
        <v>48081.128069999999</v>
      </c>
      <c r="AC915">
        <v>43598.668899999997</v>
      </c>
      <c r="AD915">
        <v>25439.529890000002</v>
      </c>
      <c r="AE915">
        <v>36105.834799999997</v>
      </c>
      <c r="AF915">
        <v>53568.413860000001</v>
      </c>
      <c r="AG915">
        <v>21817.387439999999</v>
      </c>
      <c r="AH915">
        <v>293537.34169999999</v>
      </c>
      <c r="AI915">
        <v>85226.905910000001</v>
      </c>
      <c r="AJ915">
        <v>27532.367460000001</v>
      </c>
      <c r="AK915">
        <v>36631.539579999997</v>
      </c>
      <c r="AL915">
        <v>82407.462669999994</v>
      </c>
      <c r="AM915">
        <v>29686.580139999998</v>
      </c>
      <c r="AN915">
        <v>86653.593720000004</v>
      </c>
      <c r="AO915">
        <v>32060.99224</v>
      </c>
      <c r="AP915">
        <v>20521.187399999999</v>
      </c>
    </row>
    <row r="916" spans="2:42" x14ac:dyDescent="0.3">
      <c r="B916">
        <v>58.482453408848428</v>
      </c>
      <c r="C916" s="83">
        <v>43139.083333333336</v>
      </c>
      <c r="D916">
        <v>258512.4688</v>
      </c>
      <c r="E916">
        <v>19743.373599999999</v>
      </c>
      <c r="F916">
        <v>52154.113770000004</v>
      </c>
      <c r="G916">
        <v>47734.709490000001</v>
      </c>
      <c r="H916">
        <v>43593.25546</v>
      </c>
      <c r="I916">
        <v>23524.813160000002</v>
      </c>
      <c r="J916">
        <v>36368.469660000002</v>
      </c>
      <c r="K916">
        <v>53162.914250000002</v>
      </c>
      <c r="L916">
        <v>21360.94541</v>
      </c>
      <c r="M916">
        <v>298170.82030000002</v>
      </c>
      <c r="N916">
        <v>85210.064379999996</v>
      </c>
      <c r="O916">
        <v>27483.49294</v>
      </c>
      <c r="P916">
        <v>36135.293060000004</v>
      </c>
      <c r="Q916">
        <v>84799.670540000006</v>
      </c>
      <c r="R916">
        <v>30262.403310000002</v>
      </c>
      <c r="S916">
        <v>86848.22984</v>
      </c>
      <c r="T916">
        <v>31597.275600000001</v>
      </c>
      <c r="U916">
        <v>20813.465250000001</v>
      </c>
      <c r="W916" s="83">
        <f>Bühler!N948</f>
        <v>45330.083333331117</v>
      </c>
      <c r="X916" s="83">
        <v>43139.083333333336</v>
      </c>
      <c r="Y916">
        <v>258512.4688</v>
      </c>
      <c r="Z916">
        <v>19743.373599999999</v>
      </c>
      <c r="AA916">
        <v>52154.113770000004</v>
      </c>
      <c r="AB916">
        <v>47734.709490000001</v>
      </c>
      <c r="AC916">
        <v>43593.25546</v>
      </c>
      <c r="AD916">
        <v>23524.813160000002</v>
      </c>
      <c r="AE916">
        <v>36368.469660000002</v>
      </c>
      <c r="AF916">
        <v>53162.914250000002</v>
      </c>
      <c r="AG916">
        <v>21360.94541</v>
      </c>
      <c r="AH916">
        <v>298170.82030000002</v>
      </c>
      <c r="AI916">
        <v>85210.064379999996</v>
      </c>
      <c r="AJ916">
        <v>27483.49294</v>
      </c>
      <c r="AK916">
        <v>36135.293060000004</v>
      </c>
      <c r="AL916">
        <v>84799.670540000006</v>
      </c>
      <c r="AM916">
        <v>30262.403310000002</v>
      </c>
      <c r="AN916">
        <v>86848.22984</v>
      </c>
      <c r="AO916">
        <v>31597.275600000001</v>
      </c>
      <c r="AP916">
        <v>20813.465250000001</v>
      </c>
    </row>
    <row r="917" spans="2:42" x14ac:dyDescent="0.3">
      <c r="B917">
        <v>58.571583505924963</v>
      </c>
      <c r="C917" s="83">
        <v>43139.125</v>
      </c>
      <c r="D917">
        <v>260648.15719999999</v>
      </c>
      <c r="E917">
        <v>19941.44125</v>
      </c>
      <c r="F917">
        <v>54051.008479999997</v>
      </c>
      <c r="G917">
        <v>47288.333180000001</v>
      </c>
      <c r="H917">
        <v>44221.169699999999</v>
      </c>
      <c r="I917">
        <v>23593.099620000001</v>
      </c>
      <c r="J917">
        <v>36937.135560000002</v>
      </c>
      <c r="K917">
        <v>51570.716979999997</v>
      </c>
      <c r="L917">
        <v>20687.885119999999</v>
      </c>
      <c r="M917">
        <v>298625.24709999998</v>
      </c>
      <c r="N917">
        <v>84711.357529999994</v>
      </c>
      <c r="O917">
        <v>27384.37227</v>
      </c>
      <c r="P917">
        <v>35297.330020000001</v>
      </c>
      <c r="Q917">
        <v>87782.047760000001</v>
      </c>
      <c r="R917">
        <v>29791.039059999999</v>
      </c>
      <c r="S917">
        <v>86509.373130000007</v>
      </c>
      <c r="T917">
        <v>31609.281849999999</v>
      </c>
      <c r="U917">
        <v>20803.17468</v>
      </c>
      <c r="W917" s="83">
        <f>Bühler!N949</f>
        <v>45330.124999997781</v>
      </c>
      <c r="X917" s="83">
        <v>43139.125</v>
      </c>
      <c r="Y917">
        <v>260648.15719999999</v>
      </c>
      <c r="Z917">
        <v>19941.44125</v>
      </c>
      <c r="AA917">
        <v>54051.008479999997</v>
      </c>
      <c r="AB917">
        <v>47288.333180000001</v>
      </c>
      <c r="AC917">
        <v>44221.169699999999</v>
      </c>
      <c r="AD917">
        <v>23593.099620000001</v>
      </c>
      <c r="AE917">
        <v>36937.135560000002</v>
      </c>
      <c r="AF917">
        <v>51570.716979999997</v>
      </c>
      <c r="AG917">
        <v>20687.885119999999</v>
      </c>
      <c r="AH917">
        <v>298625.24709999998</v>
      </c>
      <c r="AI917">
        <v>84711.357529999994</v>
      </c>
      <c r="AJ917">
        <v>27384.37227</v>
      </c>
      <c r="AK917">
        <v>35297.330020000001</v>
      </c>
      <c r="AL917">
        <v>87782.047760000001</v>
      </c>
      <c r="AM917">
        <v>29791.039059999999</v>
      </c>
      <c r="AN917">
        <v>86509.373130000007</v>
      </c>
      <c r="AO917">
        <v>31609.281849999999</v>
      </c>
      <c r="AP917">
        <v>20803.17468</v>
      </c>
    </row>
    <row r="918" spans="2:42" x14ac:dyDescent="0.3">
      <c r="B918">
        <v>59.883072167716392</v>
      </c>
      <c r="C918" s="83">
        <v>43139.166666666664</v>
      </c>
      <c r="D918">
        <v>263154.60100000002</v>
      </c>
      <c r="E918">
        <v>20625.857169999999</v>
      </c>
      <c r="F918">
        <v>57849.385009999998</v>
      </c>
      <c r="G918">
        <v>47202.491849999999</v>
      </c>
      <c r="H918">
        <v>45197.258909999997</v>
      </c>
      <c r="I918">
        <v>28106.234799999998</v>
      </c>
      <c r="J918">
        <v>39762.4303</v>
      </c>
      <c r="K918">
        <v>49667.64673</v>
      </c>
      <c r="L918">
        <v>20472.017960000001</v>
      </c>
      <c r="M918">
        <v>305311.82789999997</v>
      </c>
      <c r="N918">
        <v>84238.392609999995</v>
      </c>
      <c r="O918">
        <v>27943.792239999999</v>
      </c>
      <c r="P918">
        <v>34496.256070000003</v>
      </c>
      <c r="Q918">
        <v>90409.736550000001</v>
      </c>
      <c r="R918">
        <v>29863.000459999999</v>
      </c>
      <c r="S918">
        <v>87422.352910000001</v>
      </c>
      <c r="T918">
        <v>31604.691770000001</v>
      </c>
      <c r="U918">
        <v>21130.688910000001</v>
      </c>
      <c r="W918" s="83">
        <f>Bühler!N950</f>
        <v>45330.166666664445</v>
      </c>
      <c r="X918" s="83">
        <v>43139.166666666664</v>
      </c>
      <c r="Y918">
        <v>263154.60100000002</v>
      </c>
      <c r="Z918">
        <v>20625.857169999999</v>
      </c>
      <c r="AA918">
        <v>57849.385009999998</v>
      </c>
      <c r="AB918">
        <v>47202.491849999999</v>
      </c>
      <c r="AC918">
        <v>45197.258909999997</v>
      </c>
      <c r="AD918">
        <v>28106.234799999998</v>
      </c>
      <c r="AE918">
        <v>39762.4303</v>
      </c>
      <c r="AF918">
        <v>49667.64673</v>
      </c>
      <c r="AG918">
        <v>20472.017960000001</v>
      </c>
      <c r="AH918">
        <v>305311.82789999997</v>
      </c>
      <c r="AI918">
        <v>84238.392609999995</v>
      </c>
      <c r="AJ918">
        <v>27943.792239999999</v>
      </c>
      <c r="AK918">
        <v>34496.256070000003</v>
      </c>
      <c r="AL918">
        <v>90409.736550000001</v>
      </c>
      <c r="AM918">
        <v>29863.000459999999</v>
      </c>
      <c r="AN918">
        <v>87422.352910000001</v>
      </c>
      <c r="AO918">
        <v>31604.691770000001</v>
      </c>
      <c r="AP918">
        <v>21130.688910000001</v>
      </c>
    </row>
    <row r="919" spans="2:42" x14ac:dyDescent="0.3">
      <c r="B919">
        <v>62.991450224385346</v>
      </c>
      <c r="C919" s="83">
        <v>43139.208333333336</v>
      </c>
      <c r="D919">
        <v>276890.26490000001</v>
      </c>
      <c r="E919">
        <v>22537.924930000001</v>
      </c>
      <c r="F919">
        <v>68567.080270000006</v>
      </c>
      <c r="G919">
        <v>50674.062910000001</v>
      </c>
      <c r="H919">
        <v>46836.937660000003</v>
      </c>
      <c r="I919">
        <v>35871.811399999999</v>
      </c>
      <c r="J919">
        <v>42504.637309999998</v>
      </c>
      <c r="K919">
        <v>49971.658730000003</v>
      </c>
      <c r="L919">
        <v>21248.671559999999</v>
      </c>
      <c r="M919">
        <v>321159.78879999998</v>
      </c>
      <c r="N919">
        <v>86903.510939999993</v>
      </c>
      <c r="O919">
        <v>28504.080529999999</v>
      </c>
      <c r="P919">
        <v>36104.829619999997</v>
      </c>
      <c r="Q919">
        <v>93055.344509999995</v>
      </c>
      <c r="R919">
        <v>32754.04781</v>
      </c>
      <c r="S919">
        <v>90224.703779999996</v>
      </c>
      <c r="T919">
        <v>33134.549370000001</v>
      </c>
      <c r="U919">
        <v>22859.532739999999</v>
      </c>
      <c r="W919" s="83">
        <f>Bühler!N951</f>
        <v>45330.208333331109</v>
      </c>
      <c r="X919" s="83">
        <v>43139.208333333336</v>
      </c>
      <c r="Y919">
        <v>276890.26490000001</v>
      </c>
      <c r="Z919">
        <v>22537.924930000001</v>
      </c>
      <c r="AA919">
        <v>68567.080270000006</v>
      </c>
      <c r="AB919">
        <v>50674.062910000001</v>
      </c>
      <c r="AC919">
        <v>46836.937660000003</v>
      </c>
      <c r="AD919">
        <v>35871.811399999999</v>
      </c>
      <c r="AE919">
        <v>42504.637309999998</v>
      </c>
      <c r="AF919">
        <v>49971.658730000003</v>
      </c>
      <c r="AG919">
        <v>21248.671559999999</v>
      </c>
      <c r="AH919">
        <v>321159.78879999998</v>
      </c>
      <c r="AI919">
        <v>86903.510939999993</v>
      </c>
      <c r="AJ919">
        <v>28504.080529999999</v>
      </c>
      <c r="AK919">
        <v>36104.829619999997</v>
      </c>
      <c r="AL919">
        <v>93055.344509999995</v>
      </c>
      <c r="AM919">
        <v>32754.04781</v>
      </c>
      <c r="AN919">
        <v>90224.703779999996</v>
      </c>
      <c r="AO919">
        <v>33134.549370000001</v>
      </c>
      <c r="AP919">
        <v>22859.532739999999</v>
      </c>
    </row>
    <row r="920" spans="2:42" x14ac:dyDescent="0.3">
      <c r="B920">
        <v>65.443579837778969</v>
      </c>
      <c r="C920" s="83">
        <v>43139.25</v>
      </c>
      <c r="D920">
        <v>293254.68099999998</v>
      </c>
      <c r="E920">
        <v>26980.566699999999</v>
      </c>
      <c r="F920">
        <v>79949.580969999995</v>
      </c>
      <c r="G920">
        <v>64407.238250000002</v>
      </c>
      <c r="H920">
        <v>50633.914720000001</v>
      </c>
      <c r="I920">
        <v>44457.715510000002</v>
      </c>
      <c r="J920">
        <v>45660.24022</v>
      </c>
      <c r="K920">
        <v>51758.332390000003</v>
      </c>
      <c r="L920">
        <v>22659.752260000001</v>
      </c>
      <c r="M920">
        <v>333661.88909999997</v>
      </c>
      <c r="N920">
        <v>89176.940889999998</v>
      </c>
      <c r="O920">
        <v>29639.448479999999</v>
      </c>
      <c r="P920">
        <v>36431.451410000001</v>
      </c>
      <c r="Q920">
        <v>95416.543139999994</v>
      </c>
      <c r="R920">
        <v>22800.028880000002</v>
      </c>
      <c r="S920">
        <v>96255.811719999998</v>
      </c>
      <c r="T920">
        <v>36384.722280000002</v>
      </c>
      <c r="U920">
        <v>24657.7078</v>
      </c>
      <c r="W920" s="83">
        <f>Bühler!N952</f>
        <v>45330.249999997774</v>
      </c>
      <c r="X920" s="83">
        <v>43139.25</v>
      </c>
      <c r="Y920">
        <v>293254.68099999998</v>
      </c>
      <c r="Z920">
        <v>26980.566699999999</v>
      </c>
      <c r="AA920">
        <v>79949.580969999995</v>
      </c>
      <c r="AB920">
        <v>64407.238250000002</v>
      </c>
      <c r="AC920">
        <v>50633.914720000001</v>
      </c>
      <c r="AD920">
        <v>44457.715510000002</v>
      </c>
      <c r="AE920">
        <v>45660.24022</v>
      </c>
      <c r="AF920">
        <v>51758.332390000003</v>
      </c>
      <c r="AG920">
        <v>22659.752260000001</v>
      </c>
      <c r="AH920">
        <v>333661.88909999997</v>
      </c>
      <c r="AI920">
        <v>89176.940889999998</v>
      </c>
      <c r="AJ920">
        <v>29639.448479999999</v>
      </c>
      <c r="AK920">
        <v>36431.451410000001</v>
      </c>
      <c r="AL920">
        <v>95416.543139999994</v>
      </c>
      <c r="AM920">
        <v>22800.028880000002</v>
      </c>
      <c r="AN920">
        <v>96255.811719999998</v>
      </c>
      <c r="AO920">
        <v>36384.722280000002</v>
      </c>
      <c r="AP920">
        <v>24657.7078</v>
      </c>
    </row>
    <row r="921" spans="2:42" x14ac:dyDescent="0.3">
      <c r="B921">
        <v>65.60109365588373</v>
      </c>
      <c r="C921" s="83">
        <v>43139.291666666664</v>
      </c>
      <c r="D921">
        <v>306671.18969999999</v>
      </c>
      <c r="E921">
        <v>32186.558570000001</v>
      </c>
      <c r="F921">
        <v>78637.233600000007</v>
      </c>
      <c r="G921">
        <v>80839.715899999996</v>
      </c>
      <c r="H921">
        <v>56669.534070000002</v>
      </c>
      <c r="I921">
        <v>53673.241370000003</v>
      </c>
      <c r="J921">
        <v>43479.832240000003</v>
      </c>
      <c r="K921">
        <v>57124.367149999998</v>
      </c>
      <c r="L921">
        <v>25838.388729999999</v>
      </c>
      <c r="M921">
        <v>334464.96799999999</v>
      </c>
      <c r="N921">
        <v>94362.277560000002</v>
      </c>
      <c r="O921">
        <v>32260.26283</v>
      </c>
      <c r="P921">
        <v>40219.280749999998</v>
      </c>
      <c r="Q921">
        <v>94864.07905</v>
      </c>
      <c r="R921">
        <v>23846.783309999999</v>
      </c>
      <c r="S921">
        <v>104894.55959999999</v>
      </c>
      <c r="T921">
        <v>37036.271860000001</v>
      </c>
      <c r="U921">
        <v>28320.84808</v>
      </c>
      <c r="W921" s="83">
        <f>Bühler!N953</f>
        <v>45330.291666664438</v>
      </c>
      <c r="X921" s="83">
        <v>43139.291666666664</v>
      </c>
      <c r="Y921">
        <v>306671.18969999999</v>
      </c>
      <c r="Z921">
        <v>32186.558570000001</v>
      </c>
      <c r="AA921">
        <v>78637.233600000007</v>
      </c>
      <c r="AB921">
        <v>80839.715899999996</v>
      </c>
      <c r="AC921">
        <v>56669.534070000002</v>
      </c>
      <c r="AD921">
        <v>53673.241370000003</v>
      </c>
      <c r="AE921">
        <v>43479.832240000003</v>
      </c>
      <c r="AF921">
        <v>57124.367149999998</v>
      </c>
      <c r="AG921">
        <v>25838.388729999999</v>
      </c>
      <c r="AH921">
        <v>334464.96799999999</v>
      </c>
      <c r="AI921">
        <v>94362.277560000002</v>
      </c>
      <c r="AJ921">
        <v>32260.26283</v>
      </c>
      <c r="AK921">
        <v>40219.280749999998</v>
      </c>
      <c r="AL921">
        <v>94864.07905</v>
      </c>
      <c r="AM921">
        <v>23846.783309999999</v>
      </c>
      <c r="AN921">
        <v>104894.55959999999</v>
      </c>
      <c r="AO921">
        <v>37036.271860000001</v>
      </c>
      <c r="AP921">
        <v>28320.84808</v>
      </c>
    </row>
    <row r="922" spans="2:42" x14ac:dyDescent="0.3">
      <c r="B922">
        <v>66.216532238694199</v>
      </c>
      <c r="C922" s="83">
        <v>43139.333333333336</v>
      </c>
      <c r="D922">
        <v>320962.2329</v>
      </c>
      <c r="E922">
        <v>38394.812180000001</v>
      </c>
      <c r="F922">
        <v>84642.975449999998</v>
      </c>
      <c r="G922">
        <v>99404.151419999995</v>
      </c>
      <c r="H922">
        <v>61696.674500000001</v>
      </c>
      <c r="I922">
        <v>56974.979679999997</v>
      </c>
      <c r="J922">
        <v>42831.90683</v>
      </c>
      <c r="K922">
        <v>61710.266329999999</v>
      </c>
      <c r="L922">
        <v>29265.101750000002</v>
      </c>
      <c r="M922">
        <v>337602.76089999999</v>
      </c>
      <c r="N922">
        <v>100855.3345</v>
      </c>
      <c r="O922">
        <v>33913.010110000003</v>
      </c>
      <c r="P922">
        <v>42544.1855</v>
      </c>
      <c r="Q922">
        <v>94937.282869999995</v>
      </c>
      <c r="R922">
        <v>26853.090560000001</v>
      </c>
      <c r="S922">
        <v>119031.5447</v>
      </c>
      <c r="T922">
        <v>41326.28615</v>
      </c>
      <c r="U922">
        <v>31392.284110000001</v>
      </c>
      <c r="W922" s="83">
        <f>Bühler!N954</f>
        <v>45330.333333331102</v>
      </c>
      <c r="X922" s="83">
        <v>43139.333333333336</v>
      </c>
      <c r="Y922">
        <v>320962.2329</v>
      </c>
      <c r="Z922">
        <v>38394.812180000001</v>
      </c>
      <c r="AA922">
        <v>84642.975449999998</v>
      </c>
      <c r="AB922">
        <v>99404.151419999995</v>
      </c>
      <c r="AC922">
        <v>61696.674500000001</v>
      </c>
      <c r="AD922">
        <v>56974.979679999997</v>
      </c>
      <c r="AE922">
        <v>42831.90683</v>
      </c>
      <c r="AF922">
        <v>61710.266329999999</v>
      </c>
      <c r="AG922">
        <v>29265.101750000002</v>
      </c>
      <c r="AH922">
        <v>337602.76089999999</v>
      </c>
      <c r="AI922">
        <v>100855.3345</v>
      </c>
      <c r="AJ922">
        <v>33913.010110000003</v>
      </c>
      <c r="AK922">
        <v>42544.1855</v>
      </c>
      <c r="AL922">
        <v>94937.282869999995</v>
      </c>
      <c r="AM922">
        <v>26853.090560000001</v>
      </c>
      <c r="AN922">
        <v>119031.5447</v>
      </c>
      <c r="AO922">
        <v>41326.28615</v>
      </c>
      <c r="AP922">
        <v>31392.284110000001</v>
      </c>
    </row>
    <row r="923" spans="2:42" x14ac:dyDescent="0.3">
      <c r="B923">
        <v>65.700998522531265</v>
      </c>
      <c r="C923" s="83">
        <v>43139.375</v>
      </c>
      <c r="D923">
        <v>317620.75660000002</v>
      </c>
      <c r="E923">
        <v>42765.733059999999</v>
      </c>
      <c r="F923">
        <v>90706.965979999994</v>
      </c>
      <c r="G923">
        <v>107514.5563</v>
      </c>
      <c r="H923">
        <v>63761.499380000001</v>
      </c>
      <c r="I923">
        <v>53119.224520000003</v>
      </c>
      <c r="J923">
        <v>42222.759059999997</v>
      </c>
      <c r="K923">
        <v>59926.882420000002</v>
      </c>
      <c r="L923">
        <v>32101.726210000001</v>
      </c>
      <c r="M923">
        <v>334974.3296</v>
      </c>
      <c r="N923">
        <v>107865.9596</v>
      </c>
      <c r="O923">
        <v>34175.764560000003</v>
      </c>
      <c r="P923">
        <v>43015.748059999998</v>
      </c>
      <c r="Q923">
        <v>95326.039680000002</v>
      </c>
      <c r="R923">
        <v>26143.84448</v>
      </c>
      <c r="S923">
        <v>125240.012</v>
      </c>
      <c r="T923">
        <v>43317.758240000003</v>
      </c>
      <c r="U923">
        <v>31503.4784</v>
      </c>
      <c r="W923" s="83">
        <f>Bühler!N955</f>
        <v>45330.374999997766</v>
      </c>
      <c r="X923" s="83">
        <v>43139.375</v>
      </c>
      <c r="Y923">
        <v>317620.75660000002</v>
      </c>
      <c r="Z923">
        <v>42765.733059999999</v>
      </c>
      <c r="AA923">
        <v>90706.965979999994</v>
      </c>
      <c r="AB923">
        <v>107514.5563</v>
      </c>
      <c r="AC923">
        <v>63761.499380000001</v>
      </c>
      <c r="AD923">
        <v>53119.224520000003</v>
      </c>
      <c r="AE923">
        <v>42222.759059999997</v>
      </c>
      <c r="AF923">
        <v>59926.882420000002</v>
      </c>
      <c r="AG923">
        <v>32101.726210000001</v>
      </c>
      <c r="AH923">
        <v>334974.3296</v>
      </c>
      <c r="AI923">
        <v>107865.9596</v>
      </c>
      <c r="AJ923">
        <v>34175.764560000003</v>
      </c>
      <c r="AK923">
        <v>43015.748059999998</v>
      </c>
      <c r="AL923">
        <v>95326.039680000002</v>
      </c>
      <c r="AM923">
        <v>26143.84448</v>
      </c>
      <c r="AN923">
        <v>125240.012</v>
      </c>
      <c r="AO923">
        <v>43317.758240000003</v>
      </c>
      <c r="AP923">
        <v>31503.4784</v>
      </c>
    </row>
    <row r="924" spans="2:42" x14ac:dyDescent="0.3">
      <c r="B924">
        <v>66.429628791094558</v>
      </c>
      <c r="C924" s="83">
        <v>43139.416666666664</v>
      </c>
      <c r="D924">
        <v>320558.46340000001</v>
      </c>
      <c r="E924">
        <v>44325.077089999999</v>
      </c>
      <c r="F924">
        <v>90720.985660000006</v>
      </c>
      <c r="G924">
        <v>109465.5888</v>
      </c>
      <c r="H924">
        <v>63706.144350000002</v>
      </c>
      <c r="I924">
        <v>49905.472090000003</v>
      </c>
      <c r="J924">
        <v>41117.247530000001</v>
      </c>
      <c r="K924">
        <v>61796.039660000002</v>
      </c>
      <c r="L924">
        <v>34308.172299999998</v>
      </c>
      <c r="M924">
        <v>338689.22649999999</v>
      </c>
      <c r="N924">
        <v>111399.0089</v>
      </c>
      <c r="O924">
        <v>33674.660920000002</v>
      </c>
      <c r="P924">
        <v>44285.064530000003</v>
      </c>
      <c r="Q924">
        <v>95302.096179999993</v>
      </c>
      <c r="R924">
        <v>26665.657340000002</v>
      </c>
      <c r="S924">
        <v>125249.1787</v>
      </c>
      <c r="T924">
        <v>44479.060290000001</v>
      </c>
      <c r="U924">
        <v>31134.088090000001</v>
      </c>
      <c r="W924" s="83">
        <f>Bühler!N956</f>
        <v>45330.416666664431</v>
      </c>
      <c r="X924" s="83">
        <v>43139.416666666664</v>
      </c>
      <c r="Y924">
        <v>320558.46340000001</v>
      </c>
      <c r="Z924">
        <v>44325.077089999999</v>
      </c>
      <c r="AA924">
        <v>90720.985660000006</v>
      </c>
      <c r="AB924">
        <v>109465.5888</v>
      </c>
      <c r="AC924">
        <v>63706.144350000002</v>
      </c>
      <c r="AD924">
        <v>49905.472090000003</v>
      </c>
      <c r="AE924">
        <v>41117.247530000001</v>
      </c>
      <c r="AF924">
        <v>61796.039660000002</v>
      </c>
      <c r="AG924">
        <v>34308.172299999998</v>
      </c>
      <c r="AH924">
        <v>338689.22649999999</v>
      </c>
      <c r="AI924">
        <v>111399.0089</v>
      </c>
      <c r="AJ924">
        <v>33674.660920000002</v>
      </c>
      <c r="AK924">
        <v>44285.064530000003</v>
      </c>
      <c r="AL924">
        <v>95302.096179999993</v>
      </c>
      <c r="AM924">
        <v>26665.657340000002</v>
      </c>
      <c r="AN924">
        <v>125249.1787</v>
      </c>
      <c r="AO924">
        <v>44479.060290000001</v>
      </c>
      <c r="AP924">
        <v>31134.088090000001</v>
      </c>
    </row>
    <row r="925" spans="2:42" x14ac:dyDescent="0.3">
      <c r="B925">
        <v>66.772865361197859</v>
      </c>
      <c r="C925" s="83">
        <v>43139.458333333336</v>
      </c>
      <c r="D925">
        <v>320962.51040000003</v>
      </c>
      <c r="E925">
        <v>44327.623249999997</v>
      </c>
      <c r="F925">
        <v>91744.66476</v>
      </c>
      <c r="G925">
        <v>106831.5533</v>
      </c>
      <c r="H925">
        <v>63904.387300000002</v>
      </c>
      <c r="I925">
        <v>48121.478340000001</v>
      </c>
      <c r="J925">
        <v>40190.46673</v>
      </c>
      <c r="K925">
        <v>66874.117079999996</v>
      </c>
      <c r="L925">
        <v>35544.804150000004</v>
      </c>
      <c r="M925">
        <v>340439.20659999998</v>
      </c>
      <c r="N925">
        <v>108256.47070000001</v>
      </c>
      <c r="O925">
        <v>33379.863140000001</v>
      </c>
      <c r="P925">
        <v>44204.809930000003</v>
      </c>
      <c r="Q925">
        <v>95519.656589999999</v>
      </c>
      <c r="R925">
        <v>30706.00865</v>
      </c>
      <c r="S925">
        <v>127039.00079999999</v>
      </c>
      <c r="T925">
        <v>43795.618210000001</v>
      </c>
      <c r="U925">
        <v>29742.719410000002</v>
      </c>
      <c r="W925" s="83">
        <f>Bühler!N957</f>
        <v>45330.458333331095</v>
      </c>
      <c r="X925" s="83">
        <v>43139.458333333336</v>
      </c>
      <c r="Y925">
        <v>320962.51040000003</v>
      </c>
      <c r="Z925">
        <v>44327.623249999997</v>
      </c>
      <c r="AA925">
        <v>91744.66476</v>
      </c>
      <c r="AB925">
        <v>106831.5533</v>
      </c>
      <c r="AC925">
        <v>63904.387300000002</v>
      </c>
      <c r="AD925">
        <v>48121.478340000001</v>
      </c>
      <c r="AE925">
        <v>40190.46673</v>
      </c>
      <c r="AF925">
        <v>66874.117079999996</v>
      </c>
      <c r="AG925">
        <v>35544.804150000004</v>
      </c>
      <c r="AH925">
        <v>340439.20659999998</v>
      </c>
      <c r="AI925">
        <v>108256.47070000001</v>
      </c>
      <c r="AJ925">
        <v>33379.863140000001</v>
      </c>
      <c r="AK925">
        <v>44204.809930000003</v>
      </c>
      <c r="AL925">
        <v>95519.656589999999</v>
      </c>
      <c r="AM925">
        <v>30706.00865</v>
      </c>
      <c r="AN925">
        <v>127039.00079999999</v>
      </c>
      <c r="AO925">
        <v>43795.618210000001</v>
      </c>
      <c r="AP925">
        <v>29742.719410000002</v>
      </c>
    </row>
    <row r="926" spans="2:42" x14ac:dyDescent="0.3">
      <c r="B926">
        <v>65.156770275466727</v>
      </c>
      <c r="C926" s="83">
        <v>43139.5</v>
      </c>
      <c r="D926">
        <v>306755.8026</v>
      </c>
      <c r="E926">
        <v>39887.391320000002</v>
      </c>
      <c r="F926">
        <v>89521.473729999998</v>
      </c>
      <c r="G926">
        <v>104066.7757</v>
      </c>
      <c r="H926">
        <v>60564.388890000002</v>
      </c>
      <c r="I926">
        <v>46625.08554</v>
      </c>
      <c r="J926">
        <v>40604.608139999997</v>
      </c>
      <c r="K926">
        <v>63773.466639999999</v>
      </c>
      <c r="L926">
        <v>36938.819629999998</v>
      </c>
      <c r="M926">
        <v>332199.60019999999</v>
      </c>
      <c r="N926">
        <v>103580.8907</v>
      </c>
      <c r="O926">
        <v>32572.08178</v>
      </c>
      <c r="P926">
        <v>43738.384919999997</v>
      </c>
      <c r="Q926">
        <v>93848.178249999997</v>
      </c>
      <c r="R926">
        <v>29810.181509999999</v>
      </c>
      <c r="S926">
        <v>118544.37940000001</v>
      </c>
      <c r="T926">
        <v>43344.262439999999</v>
      </c>
      <c r="U926">
        <v>26495.70709</v>
      </c>
      <c r="W926" s="83">
        <f>Bühler!N958</f>
        <v>45330.499999997759</v>
      </c>
      <c r="X926" s="83">
        <v>43139.5</v>
      </c>
      <c r="Y926">
        <v>306755.8026</v>
      </c>
      <c r="Z926">
        <v>39887.391320000002</v>
      </c>
      <c r="AA926">
        <v>89521.473729999998</v>
      </c>
      <c r="AB926">
        <v>104066.7757</v>
      </c>
      <c r="AC926">
        <v>60564.388890000002</v>
      </c>
      <c r="AD926">
        <v>46625.08554</v>
      </c>
      <c r="AE926">
        <v>40604.608139999997</v>
      </c>
      <c r="AF926">
        <v>63773.466639999999</v>
      </c>
      <c r="AG926">
        <v>36938.819629999998</v>
      </c>
      <c r="AH926">
        <v>332199.60019999999</v>
      </c>
      <c r="AI926">
        <v>103580.8907</v>
      </c>
      <c r="AJ926">
        <v>32572.08178</v>
      </c>
      <c r="AK926">
        <v>43738.384919999997</v>
      </c>
      <c r="AL926">
        <v>93848.178249999997</v>
      </c>
      <c r="AM926">
        <v>29810.181509999999</v>
      </c>
      <c r="AN926">
        <v>118544.37940000001</v>
      </c>
      <c r="AO926">
        <v>43344.262439999999</v>
      </c>
      <c r="AP926">
        <v>26495.70709</v>
      </c>
    </row>
    <row r="927" spans="2:42" x14ac:dyDescent="0.3">
      <c r="B927">
        <v>64.828903091909169</v>
      </c>
      <c r="C927" s="83">
        <v>43139.541666666664</v>
      </c>
      <c r="D927">
        <v>306100.26049999997</v>
      </c>
      <c r="E927">
        <v>39400.928849999997</v>
      </c>
      <c r="F927">
        <v>88192.569860000003</v>
      </c>
      <c r="G927">
        <v>100590.99370000001</v>
      </c>
      <c r="H927">
        <v>60412.125549999997</v>
      </c>
      <c r="I927">
        <v>45571.142030000003</v>
      </c>
      <c r="J927">
        <v>39723.158960000001</v>
      </c>
      <c r="K927">
        <v>67206.785529999994</v>
      </c>
      <c r="L927">
        <v>35600.648699999998</v>
      </c>
      <c r="M927">
        <v>330527.9804</v>
      </c>
      <c r="N927">
        <v>103789.8915</v>
      </c>
      <c r="O927">
        <v>31978.171969999999</v>
      </c>
      <c r="P927">
        <v>42896.023800000003</v>
      </c>
      <c r="Q927">
        <v>91885.450039999996</v>
      </c>
      <c r="R927">
        <v>29279.79018</v>
      </c>
      <c r="S927">
        <v>118065.8673</v>
      </c>
      <c r="T927">
        <v>42620.591670000002</v>
      </c>
      <c r="U927">
        <v>28138.880870000001</v>
      </c>
      <c r="W927" s="83">
        <f>Bühler!N959</f>
        <v>45330.541666664423</v>
      </c>
      <c r="X927" s="83">
        <v>43139.541666666664</v>
      </c>
      <c r="Y927">
        <v>306100.26049999997</v>
      </c>
      <c r="Z927">
        <v>39400.928849999997</v>
      </c>
      <c r="AA927">
        <v>88192.569860000003</v>
      </c>
      <c r="AB927">
        <v>100590.99370000001</v>
      </c>
      <c r="AC927">
        <v>60412.125549999997</v>
      </c>
      <c r="AD927">
        <v>45571.142030000003</v>
      </c>
      <c r="AE927">
        <v>39723.158960000001</v>
      </c>
      <c r="AF927">
        <v>67206.785529999994</v>
      </c>
      <c r="AG927">
        <v>35600.648699999998</v>
      </c>
      <c r="AH927">
        <v>330527.9804</v>
      </c>
      <c r="AI927">
        <v>103789.8915</v>
      </c>
      <c r="AJ927">
        <v>31978.171969999999</v>
      </c>
      <c r="AK927">
        <v>42896.023800000003</v>
      </c>
      <c r="AL927">
        <v>91885.450039999996</v>
      </c>
      <c r="AM927">
        <v>29279.79018</v>
      </c>
      <c r="AN927">
        <v>118065.8673</v>
      </c>
      <c r="AO927">
        <v>42620.591670000002</v>
      </c>
      <c r="AP927">
        <v>28138.880870000001</v>
      </c>
    </row>
    <row r="928" spans="2:42" x14ac:dyDescent="0.3">
      <c r="B928">
        <v>64.741683196714291</v>
      </c>
      <c r="C928" s="83">
        <v>43139.583333333336</v>
      </c>
      <c r="D928">
        <v>311618.5564</v>
      </c>
      <c r="E928">
        <v>42144.406540000004</v>
      </c>
      <c r="F928">
        <v>89632.953829999999</v>
      </c>
      <c r="G928">
        <v>94998.958610000001</v>
      </c>
      <c r="H928">
        <v>59876.068769999998</v>
      </c>
      <c r="I928">
        <v>45898.446550000001</v>
      </c>
      <c r="J928">
        <v>38981.500269999997</v>
      </c>
      <c r="K928">
        <v>67166.395539999998</v>
      </c>
      <c r="L928">
        <v>32520.113120000002</v>
      </c>
      <c r="M928">
        <v>330083.29269999999</v>
      </c>
      <c r="N928">
        <v>104760.3907</v>
      </c>
      <c r="O928">
        <v>31657.503339999999</v>
      </c>
      <c r="P928">
        <v>39552.656049999998</v>
      </c>
      <c r="Q928">
        <v>90746.056840000005</v>
      </c>
      <c r="R928">
        <v>28656.593809999998</v>
      </c>
      <c r="S928">
        <v>112789.42939999999</v>
      </c>
      <c r="T928">
        <v>41078.931559999997</v>
      </c>
      <c r="U928">
        <v>28388.080119999999</v>
      </c>
      <c r="W928" s="83">
        <f>Bühler!N960</f>
        <v>45330.583333331087</v>
      </c>
      <c r="X928" s="83">
        <v>43139.583333333336</v>
      </c>
      <c r="Y928">
        <v>311618.5564</v>
      </c>
      <c r="Z928">
        <v>42144.406540000004</v>
      </c>
      <c r="AA928">
        <v>89632.953829999999</v>
      </c>
      <c r="AB928">
        <v>94998.958610000001</v>
      </c>
      <c r="AC928">
        <v>59876.068769999998</v>
      </c>
      <c r="AD928">
        <v>45898.446550000001</v>
      </c>
      <c r="AE928">
        <v>38981.500269999997</v>
      </c>
      <c r="AF928">
        <v>67166.395539999998</v>
      </c>
      <c r="AG928">
        <v>32520.113120000002</v>
      </c>
      <c r="AH928">
        <v>330083.29269999999</v>
      </c>
      <c r="AI928">
        <v>104760.3907</v>
      </c>
      <c r="AJ928">
        <v>31657.503339999999</v>
      </c>
      <c r="AK928">
        <v>39552.656049999998</v>
      </c>
      <c r="AL928">
        <v>90746.056840000005</v>
      </c>
      <c r="AM928">
        <v>28656.593809999998</v>
      </c>
      <c r="AN928">
        <v>112789.42939999999</v>
      </c>
      <c r="AO928">
        <v>41078.931559999997</v>
      </c>
      <c r="AP928">
        <v>28388.080119999999</v>
      </c>
    </row>
    <row r="929" spans="2:42" x14ac:dyDescent="0.3">
      <c r="B929">
        <v>63.662500569828588</v>
      </c>
      <c r="C929" s="83">
        <v>43139.625</v>
      </c>
      <c r="D929">
        <v>308331.32250000001</v>
      </c>
      <c r="E929">
        <v>42048.437680000003</v>
      </c>
      <c r="F929">
        <v>89999.117039999997</v>
      </c>
      <c r="G929">
        <v>91331.82905</v>
      </c>
      <c r="H929">
        <v>58341.312729999998</v>
      </c>
      <c r="I929">
        <v>47591.84173</v>
      </c>
      <c r="J929">
        <v>39115.124589999999</v>
      </c>
      <c r="K929">
        <v>66022.769029999996</v>
      </c>
      <c r="L929">
        <v>29620.833920000001</v>
      </c>
      <c r="M929">
        <v>324581.1164</v>
      </c>
      <c r="N929">
        <v>104277.8894</v>
      </c>
      <c r="O929">
        <v>31473.211360000001</v>
      </c>
      <c r="P929">
        <v>38460.218659999999</v>
      </c>
      <c r="Q929">
        <v>89570.828439999997</v>
      </c>
      <c r="R929">
        <v>28290.796829999999</v>
      </c>
      <c r="S929">
        <v>111036.2164</v>
      </c>
      <c r="T929">
        <v>40353.813929999997</v>
      </c>
      <c r="U929">
        <v>27973.067920000001</v>
      </c>
      <c r="W929" s="83">
        <f>Bühler!N961</f>
        <v>45330.624999997752</v>
      </c>
      <c r="X929" s="83">
        <v>43139.625</v>
      </c>
      <c r="Y929">
        <v>308331.32250000001</v>
      </c>
      <c r="Z929">
        <v>42048.437680000003</v>
      </c>
      <c r="AA929">
        <v>89999.117039999997</v>
      </c>
      <c r="AB929">
        <v>91331.82905</v>
      </c>
      <c r="AC929">
        <v>58341.312729999998</v>
      </c>
      <c r="AD929">
        <v>47591.84173</v>
      </c>
      <c r="AE929">
        <v>39115.124589999999</v>
      </c>
      <c r="AF929">
        <v>66022.769029999996</v>
      </c>
      <c r="AG929">
        <v>29620.833920000001</v>
      </c>
      <c r="AH929">
        <v>324581.1164</v>
      </c>
      <c r="AI929">
        <v>104277.8894</v>
      </c>
      <c r="AJ929">
        <v>31473.211360000001</v>
      </c>
      <c r="AK929">
        <v>38460.218659999999</v>
      </c>
      <c r="AL929">
        <v>89570.828439999997</v>
      </c>
      <c r="AM929">
        <v>28290.796829999999</v>
      </c>
      <c r="AN929">
        <v>111036.2164</v>
      </c>
      <c r="AO929">
        <v>40353.813929999997</v>
      </c>
      <c r="AP929">
        <v>27973.067920000001</v>
      </c>
    </row>
    <row r="930" spans="2:42" x14ac:dyDescent="0.3">
      <c r="B930">
        <v>63.221915117392626</v>
      </c>
      <c r="C930" s="83">
        <v>43139.666666666664</v>
      </c>
      <c r="D930">
        <v>301844.1164</v>
      </c>
      <c r="E930">
        <v>41071.595730000001</v>
      </c>
      <c r="F930">
        <v>89727.185129999998</v>
      </c>
      <c r="G930">
        <v>87312.458540000007</v>
      </c>
      <c r="H930">
        <v>56718.532310000002</v>
      </c>
      <c r="I930">
        <v>49813.895190000003</v>
      </c>
      <c r="J930">
        <v>38469.562919999997</v>
      </c>
      <c r="K930">
        <v>61697.878349999999</v>
      </c>
      <c r="L930">
        <v>28432.230640000002</v>
      </c>
      <c r="M930">
        <v>322334.8063</v>
      </c>
      <c r="N930">
        <v>98890.990619999997</v>
      </c>
      <c r="O930">
        <v>31850.273850000001</v>
      </c>
      <c r="P930">
        <v>38146.373399999997</v>
      </c>
      <c r="Q930">
        <v>88846.909769999998</v>
      </c>
      <c r="R930">
        <v>28372.835190000002</v>
      </c>
      <c r="S930">
        <v>108246.95239999999</v>
      </c>
      <c r="T930">
        <v>40514.449950000002</v>
      </c>
      <c r="U930">
        <v>25815.146970000002</v>
      </c>
      <c r="W930" s="83">
        <f>Bühler!N962</f>
        <v>45330.666666664416</v>
      </c>
      <c r="X930" s="83">
        <v>43139.666666666664</v>
      </c>
      <c r="Y930">
        <v>301844.1164</v>
      </c>
      <c r="Z930">
        <v>41071.595730000001</v>
      </c>
      <c r="AA930">
        <v>89727.185129999998</v>
      </c>
      <c r="AB930">
        <v>87312.458540000007</v>
      </c>
      <c r="AC930">
        <v>56718.532310000002</v>
      </c>
      <c r="AD930">
        <v>49813.895190000003</v>
      </c>
      <c r="AE930">
        <v>38469.562919999997</v>
      </c>
      <c r="AF930">
        <v>61697.878349999999</v>
      </c>
      <c r="AG930">
        <v>28432.230640000002</v>
      </c>
      <c r="AH930">
        <v>322334.8063</v>
      </c>
      <c r="AI930">
        <v>98890.990619999997</v>
      </c>
      <c r="AJ930">
        <v>31850.273850000001</v>
      </c>
      <c r="AK930">
        <v>38146.373399999997</v>
      </c>
      <c r="AL930">
        <v>88846.909769999998</v>
      </c>
      <c r="AM930">
        <v>28372.835190000002</v>
      </c>
      <c r="AN930">
        <v>108246.95239999999</v>
      </c>
      <c r="AO930">
        <v>40514.449950000002</v>
      </c>
      <c r="AP930">
        <v>25815.146970000002</v>
      </c>
    </row>
    <row r="931" spans="2:42" x14ac:dyDescent="0.3">
      <c r="B931">
        <v>61.620340319731419</v>
      </c>
      <c r="C931" s="83">
        <v>43139.708333333336</v>
      </c>
      <c r="D931">
        <v>292483.65720000002</v>
      </c>
      <c r="E931">
        <v>39050.509440000002</v>
      </c>
      <c r="F931">
        <v>90259.1486</v>
      </c>
      <c r="G931">
        <v>78918.991670000003</v>
      </c>
      <c r="H931">
        <v>54377.066200000001</v>
      </c>
      <c r="I931">
        <v>48963.305160000004</v>
      </c>
      <c r="J931">
        <v>38859.32892</v>
      </c>
      <c r="K931">
        <v>55844.601020000002</v>
      </c>
      <c r="L931">
        <v>29205.65495</v>
      </c>
      <c r="M931">
        <v>314169.23109999998</v>
      </c>
      <c r="N931">
        <v>91795.371780000001</v>
      </c>
      <c r="O931">
        <v>31267.439770000001</v>
      </c>
      <c r="P931">
        <v>39801.970020000001</v>
      </c>
      <c r="Q931">
        <v>87535.256160000004</v>
      </c>
      <c r="R931">
        <v>28986.116829999999</v>
      </c>
      <c r="S931">
        <v>108054.9151</v>
      </c>
      <c r="T931">
        <v>40906.309950000003</v>
      </c>
      <c r="U931">
        <v>24615.777249999999</v>
      </c>
      <c r="W931" s="83">
        <f>Bühler!N963</f>
        <v>45330.70833333108</v>
      </c>
      <c r="X931" s="83">
        <v>43139.708333333336</v>
      </c>
      <c r="Y931">
        <v>292483.65720000002</v>
      </c>
      <c r="Z931">
        <v>39050.509440000002</v>
      </c>
      <c r="AA931">
        <v>90259.1486</v>
      </c>
      <c r="AB931">
        <v>78918.991670000003</v>
      </c>
      <c r="AC931">
        <v>54377.066200000001</v>
      </c>
      <c r="AD931">
        <v>48963.305160000004</v>
      </c>
      <c r="AE931">
        <v>38859.32892</v>
      </c>
      <c r="AF931">
        <v>55844.601020000002</v>
      </c>
      <c r="AG931">
        <v>29205.65495</v>
      </c>
      <c r="AH931">
        <v>314169.23109999998</v>
      </c>
      <c r="AI931">
        <v>91795.371780000001</v>
      </c>
      <c r="AJ931">
        <v>31267.439770000001</v>
      </c>
      <c r="AK931">
        <v>39801.970020000001</v>
      </c>
      <c r="AL931">
        <v>87535.256160000004</v>
      </c>
      <c r="AM931">
        <v>28986.116829999999</v>
      </c>
      <c r="AN931">
        <v>108054.9151</v>
      </c>
      <c r="AO931">
        <v>40906.309950000003</v>
      </c>
      <c r="AP931">
        <v>24615.777249999999</v>
      </c>
    </row>
    <row r="932" spans="2:42" x14ac:dyDescent="0.3">
      <c r="B932">
        <v>60.268792140763374</v>
      </c>
      <c r="C932" s="83">
        <v>43139.75</v>
      </c>
      <c r="D932">
        <v>285395.20010000002</v>
      </c>
      <c r="E932">
        <v>36265.344720000001</v>
      </c>
      <c r="F932">
        <v>87886.082739999998</v>
      </c>
      <c r="G932">
        <v>70608.040150000001</v>
      </c>
      <c r="H932">
        <v>53536.180180000003</v>
      </c>
      <c r="I932">
        <v>47834.070390000001</v>
      </c>
      <c r="J932">
        <v>40860.262999999999</v>
      </c>
      <c r="K932">
        <v>50549.176959999997</v>
      </c>
      <c r="L932">
        <v>31494.68607</v>
      </c>
      <c r="M932">
        <v>307278.40820000001</v>
      </c>
      <c r="N932">
        <v>90984.580090000003</v>
      </c>
      <c r="O932">
        <v>30026.144749999999</v>
      </c>
      <c r="P932">
        <v>43451.602850000003</v>
      </c>
      <c r="Q932">
        <v>86822.136540000007</v>
      </c>
      <c r="R932">
        <v>25585.74569</v>
      </c>
      <c r="S932">
        <v>103245.8253</v>
      </c>
      <c r="T932">
        <v>42403.635069999997</v>
      </c>
      <c r="U932">
        <v>23320.58495</v>
      </c>
      <c r="W932" s="83">
        <f>Bühler!N964</f>
        <v>45330.749999997744</v>
      </c>
      <c r="X932" s="83">
        <v>43139.75</v>
      </c>
      <c r="Y932">
        <v>285395.20010000002</v>
      </c>
      <c r="Z932">
        <v>36265.344720000001</v>
      </c>
      <c r="AA932">
        <v>87886.082739999998</v>
      </c>
      <c r="AB932">
        <v>70608.040150000001</v>
      </c>
      <c r="AC932">
        <v>53536.180180000003</v>
      </c>
      <c r="AD932">
        <v>47834.070390000001</v>
      </c>
      <c r="AE932">
        <v>40860.262999999999</v>
      </c>
      <c r="AF932">
        <v>50549.176959999997</v>
      </c>
      <c r="AG932">
        <v>31494.68607</v>
      </c>
      <c r="AH932">
        <v>307278.40820000001</v>
      </c>
      <c r="AI932">
        <v>90984.580090000003</v>
      </c>
      <c r="AJ932">
        <v>30026.144749999999</v>
      </c>
      <c r="AK932">
        <v>43451.602850000003</v>
      </c>
      <c r="AL932">
        <v>86822.136540000007</v>
      </c>
      <c r="AM932">
        <v>25585.74569</v>
      </c>
      <c r="AN932">
        <v>103245.8253</v>
      </c>
      <c r="AO932">
        <v>42403.635069999997</v>
      </c>
      <c r="AP932">
        <v>23320.58495</v>
      </c>
    </row>
    <row r="933" spans="2:42" x14ac:dyDescent="0.3">
      <c r="B933">
        <v>59.541983321902237</v>
      </c>
      <c r="C933" s="83">
        <v>43139.791666666664</v>
      </c>
      <c r="D933">
        <v>279219.59389999998</v>
      </c>
      <c r="E933">
        <v>30291.497370000001</v>
      </c>
      <c r="F933">
        <v>75593.941340000005</v>
      </c>
      <c r="G933">
        <v>63339.720390000002</v>
      </c>
      <c r="H933">
        <v>50806.414729999997</v>
      </c>
      <c r="I933">
        <v>44893.212220000001</v>
      </c>
      <c r="J933">
        <v>40636.32533</v>
      </c>
      <c r="K933">
        <v>49297.402309999998</v>
      </c>
      <c r="L933">
        <v>32414.586520000001</v>
      </c>
      <c r="M933">
        <v>303572.79790000001</v>
      </c>
      <c r="N933">
        <v>89878.9568</v>
      </c>
      <c r="O933">
        <v>28102.851839999999</v>
      </c>
      <c r="P933">
        <v>44690.965100000001</v>
      </c>
      <c r="Q933">
        <v>85115.986420000001</v>
      </c>
      <c r="R933">
        <v>24632.671869999998</v>
      </c>
      <c r="S933">
        <v>99128.52132</v>
      </c>
      <c r="T933">
        <v>42939.376040000003</v>
      </c>
      <c r="U933">
        <v>22098.822789999998</v>
      </c>
      <c r="W933" s="83">
        <f>Bühler!N965</f>
        <v>45330.791666664409</v>
      </c>
      <c r="X933" s="83">
        <v>43139.791666666664</v>
      </c>
      <c r="Y933">
        <v>279219.59389999998</v>
      </c>
      <c r="Z933">
        <v>30291.497370000001</v>
      </c>
      <c r="AA933">
        <v>75593.941340000005</v>
      </c>
      <c r="AB933">
        <v>63339.720390000002</v>
      </c>
      <c r="AC933">
        <v>50806.414729999997</v>
      </c>
      <c r="AD933">
        <v>44893.212220000001</v>
      </c>
      <c r="AE933">
        <v>40636.32533</v>
      </c>
      <c r="AF933">
        <v>49297.402309999998</v>
      </c>
      <c r="AG933">
        <v>32414.586520000001</v>
      </c>
      <c r="AH933">
        <v>303572.79790000001</v>
      </c>
      <c r="AI933">
        <v>89878.9568</v>
      </c>
      <c r="AJ933">
        <v>28102.851839999999</v>
      </c>
      <c r="AK933">
        <v>44690.965100000001</v>
      </c>
      <c r="AL933">
        <v>85115.986420000001</v>
      </c>
      <c r="AM933">
        <v>24632.671869999998</v>
      </c>
      <c r="AN933">
        <v>99128.52132</v>
      </c>
      <c r="AO933">
        <v>42939.376040000003</v>
      </c>
      <c r="AP933">
        <v>22098.822789999998</v>
      </c>
    </row>
    <row r="934" spans="2:42" x14ac:dyDescent="0.3">
      <c r="B934">
        <v>58.748981519236771</v>
      </c>
      <c r="C934" s="83">
        <v>43139.833333333336</v>
      </c>
      <c r="D934">
        <v>268252.57380000001</v>
      </c>
      <c r="E934">
        <v>23626.64141</v>
      </c>
      <c r="F934">
        <v>58805.107250000001</v>
      </c>
      <c r="G934">
        <v>56990.294450000001</v>
      </c>
      <c r="H934">
        <v>47920.543850000002</v>
      </c>
      <c r="I934">
        <v>40379.034979999997</v>
      </c>
      <c r="J934">
        <v>39162.892979999997</v>
      </c>
      <c r="K934">
        <v>54935.781929999997</v>
      </c>
      <c r="L934">
        <v>31161.520209999999</v>
      </c>
      <c r="M934">
        <v>299529.70490000001</v>
      </c>
      <c r="N934">
        <v>87947.368340000001</v>
      </c>
      <c r="O934">
        <v>26967.53903</v>
      </c>
      <c r="P934">
        <v>45438.384709999998</v>
      </c>
      <c r="Q934">
        <v>82582.843940000006</v>
      </c>
      <c r="R934">
        <v>25658.447339999999</v>
      </c>
      <c r="S934">
        <v>89802.55618</v>
      </c>
      <c r="T934">
        <v>40437.325830000002</v>
      </c>
      <c r="U934">
        <v>20887.359100000001</v>
      </c>
      <c r="W934" s="83">
        <f>Bühler!N966</f>
        <v>45330.833333331073</v>
      </c>
      <c r="X934" s="83">
        <v>43139.833333333336</v>
      </c>
      <c r="Y934">
        <v>268252.57380000001</v>
      </c>
      <c r="Z934">
        <v>23626.64141</v>
      </c>
      <c r="AA934">
        <v>58805.107250000001</v>
      </c>
      <c r="AB934">
        <v>56990.294450000001</v>
      </c>
      <c r="AC934">
        <v>47920.543850000002</v>
      </c>
      <c r="AD934">
        <v>40379.034979999997</v>
      </c>
      <c r="AE934">
        <v>39162.892979999997</v>
      </c>
      <c r="AF934">
        <v>54935.781929999997</v>
      </c>
      <c r="AG934">
        <v>31161.520209999999</v>
      </c>
      <c r="AH934">
        <v>299529.70490000001</v>
      </c>
      <c r="AI934">
        <v>87947.368340000001</v>
      </c>
      <c r="AJ934">
        <v>26967.53903</v>
      </c>
      <c r="AK934">
        <v>45438.384709999998</v>
      </c>
      <c r="AL934">
        <v>82582.843940000006</v>
      </c>
      <c r="AM934">
        <v>25658.447339999999</v>
      </c>
      <c r="AN934">
        <v>89802.55618</v>
      </c>
      <c r="AO934">
        <v>40437.325830000002</v>
      </c>
      <c r="AP934">
        <v>20887.359100000001</v>
      </c>
    </row>
    <row r="935" spans="2:42" x14ac:dyDescent="0.3">
      <c r="B935">
        <v>56.14436187298714</v>
      </c>
      <c r="C935" s="83">
        <v>43139.875</v>
      </c>
      <c r="D935">
        <v>260473.6231</v>
      </c>
      <c r="E935">
        <v>21047.028760000001</v>
      </c>
      <c r="F935">
        <v>51906.289989999997</v>
      </c>
      <c r="G935">
        <v>53075.870949999997</v>
      </c>
      <c r="H935">
        <v>45249.234839999997</v>
      </c>
      <c r="I935">
        <v>33973.471740000001</v>
      </c>
      <c r="J935">
        <v>38119.663209999999</v>
      </c>
      <c r="K935">
        <v>55336.177230000001</v>
      </c>
      <c r="L935">
        <v>29734.905569999999</v>
      </c>
      <c r="M935">
        <v>286250.13929999998</v>
      </c>
      <c r="N935">
        <v>85418.366439999998</v>
      </c>
      <c r="O935">
        <v>25845.146789999999</v>
      </c>
      <c r="P935">
        <v>42793.411930000002</v>
      </c>
      <c r="Q935">
        <v>81258.299239999993</v>
      </c>
      <c r="R935">
        <v>23459.24612</v>
      </c>
      <c r="S935">
        <v>84156.062139999995</v>
      </c>
      <c r="T935">
        <v>37676.610650000002</v>
      </c>
      <c r="U935">
        <v>19282.774969999999</v>
      </c>
      <c r="W935" s="83">
        <f>Bühler!N967</f>
        <v>45330.874999997737</v>
      </c>
      <c r="X935" s="83">
        <v>43139.875</v>
      </c>
      <c r="Y935">
        <v>260473.6231</v>
      </c>
      <c r="Z935">
        <v>21047.028760000001</v>
      </c>
      <c r="AA935">
        <v>51906.289989999997</v>
      </c>
      <c r="AB935">
        <v>53075.870949999997</v>
      </c>
      <c r="AC935">
        <v>45249.234839999997</v>
      </c>
      <c r="AD935">
        <v>33973.471740000001</v>
      </c>
      <c r="AE935">
        <v>38119.663209999999</v>
      </c>
      <c r="AF935">
        <v>55336.177230000001</v>
      </c>
      <c r="AG935">
        <v>29734.905569999999</v>
      </c>
      <c r="AH935">
        <v>286250.13929999998</v>
      </c>
      <c r="AI935">
        <v>85418.366439999998</v>
      </c>
      <c r="AJ935">
        <v>25845.146789999999</v>
      </c>
      <c r="AK935">
        <v>42793.411930000002</v>
      </c>
      <c r="AL935">
        <v>81258.299239999993</v>
      </c>
      <c r="AM935">
        <v>23459.24612</v>
      </c>
      <c r="AN935">
        <v>84156.062139999995</v>
      </c>
      <c r="AO935">
        <v>37676.610650000002</v>
      </c>
      <c r="AP935">
        <v>19282.774969999999</v>
      </c>
    </row>
    <row r="936" spans="2:42" x14ac:dyDescent="0.3">
      <c r="B936">
        <v>56.414478964604889</v>
      </c>
      <c r="C936" s="83">
        <v>43139.916666666664</v>
      </c>
      <c r="D936">
        <v>257993.17199999999</v>
      </c>
      <c r="E936">
        <v>20170.795699999999</v>
      </c>
      <c r="F936">
        <v>49625.323409999997</v>
      </c>
      <c r="G936">
        <v>50152.509819999999</v>
      </c>
      <c r="H936">
        <v>44676.113169999997</v>
      </c>
      <c r="I936">
        <v>32707.806779999999</v>
      </c>
      <c r="J936">
        <v>36937.090510000002</v>
      </c>
      <c r="K936">
        <v>57566.337330000002</v>
      </c>
      <c r="L936">
        <v>27631.778190000001</v>
      </c>
      <c r="M936">
        <v>287627.3222</v>
      </c>
      <c r="N936">
        <v>86230.032479999994</v>
      </c>
      <c r="O936">
        <v>27136.797780000001</v>
      </c>
      <c r="P936">
        <v>46350.393680000001</v>
      </c>
      <c r="Q936">
        <v>80397.220490000007</v>
      </c>
      <c r="R936">
        <v>34740.225299999998</v>
      </c>
      <c r="S936">
        <v>82727.141449999996</v>
      </c>
      <c r="T936">
        <v>33912.80227</v>
      </c>
      <c r="U936">
        <v>20832.990089999999</v>
      </c>
      <c r="W936" s="83">
        <f>Bühler!N968</f>
        <v>45330.916666664401</v>
      </c>
      <c r="X936" s="83">
        <v>43139.916666666664</v>
      </c>
      <c r="Y936">
        <v>257993.17199999999</v>
      </c>
      <c r="Z936">
        <v>20170.795699999999</v>
      </c>
      <c r="AA936">
        <v>49625.323409999997</v>
      </c>
      <c r="AB936">
        <v>50152.509819999999</v>
      </c>
      <c r="AC936">
        <v>44676.113169999997</v>
      </c>
      <c r="AD936">
        <v>32707.806779999999</v>
      </c>
      <c r="AE936">
        <v>36937.090510000002</v>
      </c>
      <c r="AF936">
        <v>57566.337330000002</v>
      </c>
      <c r="AG936">
        <v>27631.778190000001</v>
      </c>
      <c r="AH936">
        <v>287627.3222</v>
      </c>
      <c r="AI936">
        <v>86230.032479999994</v>
      </c>
      <c r="AJ936">
        <v>27136.797780000001</v>
      </c>
      <c r="AK936">
        <v>46350.393680000001</v>
      </c>
      <c r="AL936">
        <v>80397.220490000007</v>
      </c>
      <c r="AM936">
        <v>34740.225299999998</v>
      </c>
      <c r="AN936">
        <v>82727.141449999996</v>
      </c>
      <c r="AO936">
        <v>33912.80227</v>
      </c>
      <c r="AP936">
        <v>20832.990089999999</v>
      </c>
    </row>
    <row r="937" spans="2:42" x14ac:dyDescent="0.3">
      <c r="B937">
        <v>55.238709076576043</v>
      </c>
      <c r="C937" s="83">
        <v>43139.958333333336</v>
      </c>
      <c r="D937">
        <v>257489.60500000001</v>
      </c>
      <c r="E937">
        <v>19816.252400000001</v>
      </c>
      <c r="F937">
        <v>48452.067020000002</v>
      </c>
      <c r="G937">
        <v>48577.898359999999</v>
      </c>
      <c r="H937">
        <v>43826.706250000003</v>
      </c>
      <c r="I937">
        <v>31599.132610000001</v>
      </c>
      <c r="J937">
        <v>34573.013890000002</v>
      </c>
      <c r="K937">
        <v>55706.330699999999</v>
      </c>
      <c r="L937">
        <v>24025.90999</v>
      </c>
      <c r="M937">
        <v>281632.69900000002</v>
      </c>
      <c r="N937">
        <v>86307.558569999994</v>
      </c>
      <c r="O937">
        <v>27309.767250000001</v>
      </c>
      <c r="P937">
        <v>42472.985269999997</v>
      </c>
      <c r="Q937">
        <v>80617.132970000006</v>
      </c>
      <c r="R937">
        <v>36928.884689999999</v>
      </c>
      <c r="S937">
        <v>80237.875650000002</v>
      </c>
      <c r="T937">
        <v>35089.667220000003</v>
      </c>
      <c r="U937">
        <v>20441.151989999998</v>
      </c>
      <c r="W937" s="83">
        <f>Bühler!N969</f>
        <v>45330.958333331066</v>
      </c>
      <c r="X937" s="83">
        <v>43139.958333333336</v>
      </c>
      <c r="Y937">
        <v>257489.60500000001</v>
      </c>
      <c r="Z937">
        <v>19816.252400000001</v>
      </c>
      <c r="AA937">
        <v>48452.067020000002</v>
      </c>
      <c r="AB937">
        <v>48577.898359999999</v>
      </c>
      <c r="AC937">
        <v>43826.706250000003</v>
      </c>
      <c r="AD937">
        <v>31599.132610000001</v>
      </c>
      <c r="AE937">
        <v>34573.013890000002</v>
      </c>
      <c r="AF937">
        <v>55706.330699999999</v>
      </c>
      <c r="AG937">
        <v>24025.90999</v>
      </c>
      <c r="AH937">
        <v>281632.69900000002</v>
      </c>
      <c r="AI937">
        <v>86307.558569999994</v>
      </c>
      <c r="AJ937">
        <v>27309.767250000001</v>
      </c>
      <c r="AK937">
        <v>42472.985269999997</v>
      </c>
      <c r="AL937">
        <v>80617.132970000006</v>
      </c>
      <c r="AM937">
        <v>36928.884689999999</v>
      </c>
      <c r="AN937">
        <v>80237.875650000002</v>
      </c>
      <c r="AO937">
        <v>35089.667220000003</v>
      </c>
      <c r="AP937">
        <v>20441.151989999998</v>
      </c>
    </row>
    <row r="938" spans="2:42" x14ac:dyDescent="0.3">
      <c r="B938">
        <v>54.080671226759549</v>
      </c>
      <c r="C938" s="83">
        <v>43140</v>
      </c>
      <c r="D938">
        <v>256954.26920000001</v>
      </c>
      <c r="E938">
        <v>19408.089329999999</v>
      </c>
      <c r="F938">
        <v>48327.93202</v>
      </c>
      <c r="G938">
        <v>47801.71473</v>
      </c>
      <c r="H938">
        <v>42856.185850000002</v>
      </c>
      <c r="I938">
        <v>29741.273580000001</v>
      </c>
      <c r="J938">
        <v>32401.411090000001</v>
      </c>
      <c r="K938">
        <v>54257.564409999999</v>
      </c>
      <c r="L938">
        <v>22255.4663</v>
      </c>
      <c r="M938">
        <v>275728.48200000002</v>
      </c>
      <c r="N938">
        <v>84728.784610000002</v>
      </c>
      <c r="O938">
        <v>27286.892049999999</v>
      </c>
      <c r="P938">
        <v>39490.237229999999</v>
      </c>
      <c r="Q938">
        <v>80178.906910000005</v>
      </c>
      <c r="R938">
        <v>32656.952399999998</v>
      </c>
      <c r="S938">
        <v>79505.650450000001</v>
      </c>
      <c r="T938">
        <v>33229.337460000002</v>
      </c>
      <c r="U938">
        <v>19831.185750000001</v>
      </c>
      <c r="W938" s="83">
        <f>Bühler!N970</f>
        <v>45330.99999999773</v>
      </c>
      <c r="X938" s="83">
        <v>43140</v>
      </c>
      <c r="Y938">
        <v>256954.26920000001</v>
      </c>
      <c r="Z938">
        <v>19408.089329999999</v>
      </c>
      <c r="AA938">
        <v>48327.93202</v>
      </c>
      <c r="AB938">
        <v>47801.71473</v>
      </c>
      <c r="AC938">
        <v>42856.185850000002</v>
      </c>
      <c r="AD938">
        <v>29741.273580000001</v>
      </c>
      <c r="AE938">
        <v>32401.411090000001</v>
      </c>
      <c r="AF938">
        <v>54257.564409999999</v>
      </c>
      <c r="AG938">
        <v>22255.4663</v>
      </c>
      <c r="AH938">
        <v>275728.48200000002</v>
      </c>
      <c r="AI938">
        <v>84728.784610000002</v>
      </c>
      <c r="AJ938">
        <v>27286.892049999999</v>
      </c>
      <c r="AK938">
        <v>39490.237229999999</v>
      </c>
      <c r="AL938">
        <v>80178.906910000005</v>
      </c>
      <c r="AM938">
        <v>32656.952399999998</v>
      </c>
      <c r="AN938">
        <v>79505.650450000001</v>
      </c>
      <c r="AO938">
        <v>33229.337460000002</v>
      </c>
      <c r="AP938">
        <v>19831.185750000001</v>
      </c>
    </row>
    <row r="939" spans="2:42" x14ac:dyDescent="0.3">
      <c r="B939">
        <v>56.002073849227877</v>
      </c>
      <c r="C939" s="83">
        <v>43140.041666666664</v>
      </c>
      <c r="D939">
        <v>256075.75320000001</v>
      </c>
      <c r="E939">
        <v>19786.034790000002</v>
      </c>
      <c r="F939">
        <v>51812.75793</v>
      </c>
      <c r="G939">
        <v>47516.48719</v>
      </c>
      <c r="H939">
        <v>43390.447079999998</v>
      </c>
      <c r="I939">
        <v>26377.282080000001</v>
      </c>
      <c r="J939">
        <v>36216.356679999997</v>
      </c>
      <c r="K939">
        <v>53011.333619999998</v>
      </c>
      <c r="L939">
        <v>21069.096300000001</v>
      </c>
      <c r="M939">
        <v>285524.68859999999</v>
      </c>
      <c r="N939">
        <v>85841.276320000004</v>
      </c>
      <c r="O939">
        <v>27697.92741</v>
      </c>
      <c r="P939">
        <v>36942.498299999999</v>
      </c>
      <c r="Q939">
        <v>81477.884749999997</v>
      </c>
      <c r="R939">
        <v>30731.53485</v>
      </c>
      <c r="S939">
        <v>84522.895929999999</v>
      </c>
      <c r="T939">
        <v>32663.872060000002</v>
      </c>
      <c r="U939">
        <v>20932.290819999998</v>
      </c>
      <c r="W939" s="83">
        <f>Bühler!N971</f>
        <v>45331.041666664394</v>
      </c>
      <c r="X939" s="83">
        <v>43140.041666666664</v>
      </c>
      <c r="Y939">
        <v>256075.75320000001</v>
      </c>
      <c r="Z939">
        <v>19786.034790000002</v>
      </c>
      <c r="AA939">
        <v>51812.75793</v>
      </c>
      <c r="AB939">
        <v>47516.48719</v>
      </c>
      <c r="AC939">
        <v>43390.447079999998</v>
      </c>
      <c r="AD939">
        <v>26377.282080000001</v>
      </c>
      <c r="AE939">
        <v>36216.356679999997</v>
      </c>
      <c r="AF939">
        <v>53011.333619999998</v>
      </c>
      <c r="AG939">
        <v>21069.096300000001</v>
      </c>
      <c r="AH939">
        <v>285524.68859999999</v>
      </c>
      <c r="AI939">
        <v>85841.276320000004</v>
      </c>
      <c r="AJ939">
        <v>27697.92741</v>
      </c>
      <c r="AK939">
        <v>36942.498299999999</v>
      </c>
      <c r="AL939">
        <v>81477.884749999997</v>
      </c>
      <c r="AM939">
        <v>30731.53485</v>
      </c>
      <c r="AN939">
        <v>84522.895929999999</v>
      </c>
      <c r="AO939">
        <v>32663.872060000002</v>
      </c>
      <c r="AP939">
        <v>20932.290819999998</v>
      </c>
    </row>
    <row r="940" spans="2:42" x14ac:dyDescent="0.3">
      <c r="B940">
        <v>56.588330283913592</v>
      </c>
      <c r="C940" s="83">
        <v>43140.083333333336</v>
      </c>
      <c r="D940">
        <v>257453.01879999999</v>
      </c>
      <c r="E940">
        <v>19774.270519999998</v>
      </c>
      <c r="F940">
        <v>53295.545380000003</v>
      </c>
      <c r="G940">
        <v>47263.824000000001</v>
      </c>
      <c r="H940">
        <v>43367.134129999999</v>
      </c>
      <c r="I940">
        <v>23377.525710000002</v>
      </c>
      <c r="J940">
        <v>36787.210370000001</v>
      </c>
      <c r="K940">
        <v>51921.166790000003</v>
      </c>
      <c r="L940">
        <v>20978.453300000001</v>
      </c>
      <c r="M940">
        <v>288513.6973</v>
      </c>
      <c r="N940">
        <v>86154.545800000007</v>
      </c>
      <c r="O940">
        <v>27361.797559999999</v>
      </c>
      <c r="P940">
        <v>36183.038520000002</v>
      </c>
      <c r="Q940">
        <v>83751.576520000002</v>
      </c>
      <c r="R940">
        <v>31728.990720000002</v>
      </c>
      <c r="S940">
        <v>85399.510999999999</v>
      </c>
      <c r="T940">
        <v>32374.758239999999</v>
      </c>
      <c r="U940">
        <v>20829.771909999999</v>
      </c>
      <c r="W940" s="83">
        <f>Bühler!N972</f>
        <v>45331.083333331058</v>
      </c>
      <c r="X940" s="83">
        <v>43140.083333333336</v>
      </c>
      <c r="Y940">
        <v>257453.01879999999</v>
      </c>
      <c r="Z940">
        <v>19774.270519999998</v>
      </c>
      <c r="AA940">
        <v>53295.545380000003</v>
      </c>
      <c r="AB940">
        <v>47263.824000000001</v>
      </c>
      <c r="AC940">
        <v>43367.134129999999</v>
      </c>
      <c r="AD940">
        <v>23377.525710000002</v>
      </c>
      <c r="AE940">
        <v>36787.210370000001</v>
      </c>
      <c r="AF940">
        <v>51921.166790000003</v>
      </c>
      <c r="AG940">
        <v>20978.453300000001</v>
      </c>
      <c r="AH940">
        <v>288513.6973</v>
      </c>
      <c r="AI940">
        <v>86154.545800000007</v>
      </c>
      <c r="AJ940">
        <v>27361.797559999999</v>
      </c>
      <c r="AK940">
        <v>36183.038520000002</v>
      </c>
      <c r="AL940">
        <v>83751.576520000002</v>
      </c>
      <c r="AM940">
        <v>31728.990720000002</v>
      </c>
      <c r="AN940">
        <v>85399.510999999999</v>
      </c>
      <c r="AO940">
        <v>32374.758239999999</v>
      </c>
      <c r="AP940">
        <v>20829.771909999999</v>
      </c>
    </row>
    <row r="941" spans="2:42" x14ac:dyDescent="0.3">
      <c r="B941">
        <v>56.381820300443522</v>
      </c>
      <c r="C941" s="83">
        <v>43140.125</v>
      </c>
      <c r="D941">
        <v>257908.693</v>
      </c>
      <c r="E941">
        <v>19936.746630000001</v>
      </c>
      <c r="F941">
        <v>55415.610090000002</v>
      </c>
      <c r="G941">
        <v>47033.355069999998</v>
      </c>
      <c r="H941">
        <v>43942.145340000003</v>
      </c>
      <c r="I941">
        <v>23240.414150000001</v>
      </c>
      <c r="J941">
        <v>37115.511659999996</v>
      </c>
      <c r="K941">
        <v>50044.277719999998</v>
      </c>
      <c r="L941">
        <v>21137.332640000001</v>
      </c>
      <c r="M941">
        <v>287460.81310000003</v>
      </c>
      <c r="N941">
        <v>85643.613219999999</v>
      </c>
      <c r="O941">
        <v>28253.422419999999</v>
      </c>
      <c r="P941">
        <v>35881.05833</v>
      </c>
      <c r="Q941">
        <v>86290.473769999997</v>
      </c>
      <c r="R941">
        <v>31286.33136</v>
      </c>
      <c r="S941">
        <v>84631.901880000005</v>
      </c>
      <c r="T941">
        <v>32496.046279999999</v>
      </c>
      <c r="U941">
        <v>21229.441709999999</v>
      </c>
      <c r="W941" s="83">
        <f>Bühler!N973</f>
        <v>45331.124999997723</v>
      </c>
      <c r="X941" s="83">
        <v>43140.125</v>
      </c>
      <c r="Y941">
        <v>257908.693</v>
      </c>
      <c r="Z941">
        <v>19936.746630000001</v>
      </c>
      <c r="AA941">
        <v>55415.610090000002</v>
      </c>
      <c r="AB941">
        <v>47033.355069999998</v>
      </c>
      <c r="AC941">
        <v>43942.145340000003</v>
      </c>
      <c r="AD941">
        <v>23240.414150000001</v>
      </c>
      <c r="AE941">
        <v>37115.511659999996</v>
      </c>
      <c r="AF941">
        <v>50044.277719999998</v>
      </c>
      <c r="AG941">
        <v>21137.332640000001</v>
      </c>
      <c r="AH941">
        <v>287460.81310000003</v>
      </c>
      <c r="AI941">
        <v>85643.613219999999</v>
      </c>
      <c r="AJ941">
        <v>28253.422419999999</v>
      </c>
      <c r="AK941">
        <v>35881.05833</v>
      </c>
      <c r="AL941">
        <v>86290.473769999997</v>
      </c>
      <c r="AM941">
        <v>31286.33136</v>
      </c>
      <c r="AN941">
        <v>84631.901880000005</v>
      </c>
      <c r="AO941">
        <v>32496.046279999999</v>
      </c>
      <c r="AP941">
        <v>21229.441709999999</v>
      </c>
    </row>
    <row r="942" spans="2:42" x14ac:dyDescent="0.3">
      <c r="B942">
        <v>57.303169974039321</v>
      </c>
      <c r="C942" s="83">
        <v>43140.166666666664</v>
      </c>
      <c r="D942">
        <v>260649.47659999999</v>
      </c>
      <c r="E942">
        <v>20465.823680000001</v>
      </c>
      <c r="F942">
        <v>59054.079059999996</v>
      </c>
      <c r="G942">
        <v>46796.360760000003</v>
      </c>
      <c r="H942">
        <v>44755.408060000002</v>
      </c>
      <c r="I942">
        <v>27780.64026</v>
      </c>
      <c r="J942">
        <v>39593.18679</v>
      </c>
      <c r="K942">
        <v>48276.022389999998</v>
      </c>
      <c r="L942">
        <v>21246.256990000002</v>
      </c>
      <c r="M942">
        <v>292158.28340000001</v>
      </c>
      <c r="N942">
        <v>85185.228029999998</v>
      </c>
      <c r="O942">
        <v>28487.856690000001</v>
      </c>
      <c r="P942">
        <v>35037.024460000001</v>
      </c>
      <c r="Q942">
        <v>89245.737999999998</v>
      </c>
      <c r="R942">
        <v>31161.666829999998</v>
      </c>
      <c r="S942">
        <v>86374.268729999996</v>
      </c>
      <c r="T942">
        <v>32423.050810000001</v>
      </c>
      <c r="U942">
        <v>21520.902290000002</v>
      </c>
      <c r="W942" s="83">
        <f>Bühler!N974</f>
        <v>45331.166666664387</v>
      </c>
      <c r="X942" s="83">
        <v>43140.166666666664</v>
      </c>
      <c r="Y942">
        <v>260649.47659999999</v>
      </c>
      <c r="Z942">
        <v>20465.823680000001</v>
      </c>
      <c r="AA942">
        <v>59054.079059999996</v>
      </c>
      <c r="AB942">
        <v>46796.360760000003</v>
      </c>
      <c r="AC942">
        <v>44755.408060000002</v>
      </c>
      <c r="AD942">
        <v>27780.64026</v>
      </c>
      <c r="AE942">
        <v>39593.18679</v>
      </c>
      <c r="AF942">
        <v>48276.022389999998</v>
      </c>
      <c r="AG942">
        <v>21246.256990000002</v>
      </c>
      <c r="AH942">
        <v>292158.28340000001</v>
      </c>
      <c r="AI942">
        <v>85185.228029999998</v>
      </c>
      <c r="AJ942">
        <v>28487.856690000001</v>
      </c>
      <c r="AK942">
        <v>35037.024460000001</v>
      </c>
      <c r="AL942">
        <v>89245.737999999998</v>
      </c>
      <c r="AM942">
        <v>31161.666829999998</v>
      </c>
      <c r="AN942">
        <v>86374.268729999996</v>
      </c>
      <c r="AO942">
        <v>32423.050810000001</v>
      </c>
      <c r="AP942">
        <v>21520.902290000002</v>
      </c>
    </row>
    <row r="943" spans="2:42" x14ac:dyDescent="0.3">
      <c r="B943">
        <v>59.982951909161294</v>
      </c>
      <c r="C943" s="83">
        <v>43140.208333333336</v>
      </c>
      <c r="D943">
        <v>275594.39939999999</v>
      </c>
      <c r="E943">
        <v>22575.211960000001</v>
      </c>
      <c r="F943">
        <v>69955.666790000003</v>
      </c>
      <c r="G943">
        <v>49942.914299999997</v>
      </c>
      <c r="H943">
        <v>46333.507460000001</v>
      </c>
      <c r="I943">
        <v>36390.623780000002</v>
      </c>
      <c r="J943">
        <v>42559.935120000002</v>
      </c>
      <c r="K943">
        <v>49256.141810000001</v>
      </c>
      <c r="L943">
        <v>21938.028869999998</v>
      </c>
      <c r="M943">
        <v>305821.06140000001</v>
      </c>
      <c r="N943">
        <v>87689.276689999999</v>
      </c>
      <c r="O943">
        <v>28700.271669999998</v>
      </c>
      <c r="P943">
        <v>35749.345719999998</v>
      </c>
      <c r="Q943">
        <v>91466.285359999994</v>
      </c>
      <c r="R943">
        <v>33468.126369999998</v>
      </c>
      <c r="S943">
        <v>89385.248649999994</v>
      </c>
      <c r="T943">
        <v>34042.629910000003</v>
      </c>
      <c r="U943">
        <v>23305.713500000002</v>
      </c>
      <c r="W943" s="83">
        <f>Bühler!N975</f>
        <v>45331.208333331051</v>
      </c>
      <c r="X943" s="83">
        <v>43140.208333333336</v>
      </c>
      <c r="Y943">
        <v>275594.39939999999</v>
      </c>
      <c r="Z943">
        <v>22575.211960000001</v>
      </c>
      <c r="AA943">
        <v>69955.666790000003</v>
      </c>
      <c r="AB943">
        <v>49942.914299999997</v>
      </c>
      <c r="AC943">
        <v>46333.507460000001</v>
      </c>
      <c r="AD943">
        <v>36390.623780000002</v>
      </c>
      <c r="AE943">
        <v>42559.935120000002</v>
      </c>
      <c r="AF943">
        <v>49256.141810000001</v>
      </c>
      <c r="AG943">
        <v>21938.028869999998</v>
      </c>
      <c r="AH943">
        <v>305821.06140000001</v>
      </c>
      <c r="AI943">
        <v>87689.276689999999</v>
      </c>
      <c r="AJ943">
        <v>28700.271669999998</v>
      </c>
      <c r="AK943">
        <v>35749.345719999998</v>
      </c>
      <c r="AL943">
        <v>91466.285359999994</v>
      </c>
      <c r="AM943">
        <v>33468.126369999998</v>
      </c>
      <c r="AN943">
        <v>89385.248649999994</v>
      </c>
      <c r="AO943">
        <v>34042.629910000003</v>
      </c>
      <c r="AP943">
        <v>23305.713500000002</v>
      </c>
    </row>
    <row r="944" spans="2:42" x14ac:dyDescent="0.3">
      <c r="B944">
        <v>63.493718147373698</v>
      </c>
      <c r="C944" s="83">
        <v>43140.25</v>
      </c>
      <c r="D944">
        <v>290756.71289999998</v>
      </c>
      <c r="E944">
        <v>27008.57818</v>
      </c>
      <c r="F944">
        <v>82909.158339999994</v>
      </c>
      <c r="G944">
        <v>64120.78011</v>
      </c>
      <c r="H944">
        <v>50252.177600000003</v>
      </c>
      <c r="I944">
        <v>44950.644899999999</v>
      </c>
      <c r="J944">
        <v>47075.180520000002</v>
      </c>
      <c r="K944">
        <v>51486.269789999998</v>
      </c>
      <c r="L944">
        <v>23825.892469999999</v>
      </c>
      <c r="M944">
        <v>323720.58490000002</v>
      </c>
      <c r="N944">
        <v>90765.778030000001</v>
      </c>
      <c r="O944">
        <v>29577.125520000001</v>
      </c>
      <c r="P944">
        <v>35374.339469999999</v>
      </c>
      <c r="Q944">
        <v>92426.141239999997</v>
      </c>
      <c r="R944">
        <v>23319.522720000001</v>
      </c>
      <c r="S944">
        <v>99450.416729999997</v>
      </c>
      <c r="T944">
        <v>37474.284899999999</v>
      </c>
      <c r="U944">
        <v>24793.73328</v>
      </c>
      <c r="W944" s="83">
        <f>Bühler!N976</f>
        <v>45331.249999997715</v>
      </c>
      <c r="X944" s="83">
        <v>43140.25</v>
      </c>
      <c r="Y944">
        <v>290756.71289999998</v>
      </c>
      <c r="Z944">
        <v>27008.57818</v>
      </c>
      <c r="AA944">
        <v>82909.158339999994</v>
      </c>
      <c r="AB944">
        <v>64120.78011</v>
      </c>
      <c r="AC944">
        <v>50252.177600000003</v>
      </c>
      <c r="AD944">
        <v>44950.644899999999</v>
      </c>
      <c r="AE944">
        <v>47075.180520000002</v>
      </c>
      <c r="AF944">
        <v>51486.269789999998</v>
      </c>
      <c r="AG944">
        <v>23825.892469999999</v>
      </c>
      <c r="AH944">
        <v>323720.58490000002</v>
      </c>
      <c r="AI944">
        <v>90765.778030000001</v>
      </c>
      <c r="AJ944">
        <v>29577.125520000001</v>
      </c>
      <c r="AK944">
        <v>35374.339469999999</v>
      </c>
      <c r="AL944">
        <v>92426.141239999997</v>
      </c>
      <c r="AM944">
        <v>23319.522720000001</v>
      </c>
      <c r="AN944">
        <v>99450.416729999997</v>
      </c>
      <c r="AO944">
        <v>37474.284899999999</v>
      </c>
      <c r="AP944">
        <v>24793.73328</v>
      </c>
    </row>
    <row r="945" spans="2:42" x14ac:dyDescent="0.3">
      <c r="B945">
        <v>64.922672878338048</v>
      </c>
      <c r="C945" s="83">
        <v>43140.291666666664</v>
      </c>
      <c r="D945">
        <v>305349.0955</v>
      </c>
      <c r="E945">
        <v>32838.145140000001</v>
      </c>
      <c r="F945">
        <v>87935.070999999996</v>
      </c>
      <c r="G945">
        <v>81054.329580000005</v>
      </c>
      <c r="H945">
        <v>57003.972809999999</v>
      </c>
      <c r="I945">
        <v>53893.403079999996</v>
      </c>
      <c r="J945">
        <v>49629.905160000002</v>
      </c>
      <c r="K945">
        <v>57248.438260000003</v>
      </c>
      <c r="L945">
        <v>26725.015619999998</v>
      </c>
      <c r="M945">
        <v>331006.0625</v>
      </c>
      <c r="N945">
        <v>96140.935970000006</v>
      </c>
      <c r="O945">
        <v>32421.73835</v>
      </c>
      <c r="P945">
        <v>39819.798069999997</v>
      </c>
      <c r="Q945">
        <v>92704.905310000002</v>
      </c>
      <c r="R945">
        <v>26066.41</v>
      </c>
      <c r="S945">
        <v>116484.2307</v>
      </c>
      <c r="T945">
        <v>39147.664120000001</v>
      </c>
      <c r="U945">
        <v>29561.46802</v>
      </c>
      <c r="W945" s="83">
        <f>Bühler!N977</f>
        <v>45331.29166666438</v>
      </c>
      <c r="X945" s="83">
        <v>43140.291666666664</v>
      </c>
      <c r="Y945">
        <v>305349.0955</v>
      </c>
      <c r="Z945">
        <v>32838.145140000001</v>
      </c>
      <c r="AA945">
        <v>87935.070999999996</v>
      </c>
      <c r="AB945">
        <v>81054.329580000005</v>
      </c>
      <c r="AC945">
        <v>57003.972809999999</v>
      </c>
      <c r="AD945">
        <v>53893.403079999996</v>
      </c>
      <c r="AE945">
        <v>49629.905160000002</v>
      </c>
      <c r="AF945">
        <v>57248.438260000003</v>
      </c>
      <c r="AG945">
        <v>26725.015619999998</v>
      </c>
      <c r="AH945">
        <v>331006.0625</v>
      </c>
      <c r="AI945">
        <v>96140.935970000006</v>
      </c>
      <c r="AJ945">
        <v>32421.73835</v>
      </c>
      <c r="AK945">
        <v>39819.798069999997</v>
      </c>
      <c r="AL945">
        <v>92704.905310000002</v>
      </c>
      <c r="AM945">
        <v>26066.41</v>
      </c>
      <c r="AN945">
        <v>116484.2307</v>
      </c>
      <c r="AO945">
        <v>39147.664120000001</v>
      </c>
      <c r="AP945">
        <v>29561.46802</v>
      </c>
    </row>
    <row r="946" spans="2:42" x14ac:dyDescent="0.3">
      <c r="B946">
        <v>65.61740742446068</v>
      </c>
      <c r="C946" s="83">
        <v>43140.333333333336</v>
      </c>
      <c r="D946">
        <v>315995.6385</v>
      </c>
      <c r="E946">
        <v>39670.418810000003</v>
      </c>
      <c r="F946">
        <v>94332.706290000002</v>
      </c>
      <c r="G946">
        <v>97264.512879999995</v>
      </c>
      <c r="H946">
        <v>62778.032140000003</v>
      </c>
      <c r="I946">
        <v>57319.016040000002</v>
      </c>
      <c r="J946">
        <v>49640.330520000003</v>
      </c>
      <c r="K946">
        <v>61171.741170000001</v>
      </c>
      <c r="L946">
        <v>29657.55645</v>
      </c>
      <c r="M946">
        <v>334548.14319999999</v>
      </c>
      <c r="N946">
        <v>102218.6781</v>
      </c>
      <c r="O946">
        <v>33518.858160000003</v>
      </c>
      <c r="P946">
        <v>42783.14832</v>
      </c>
      <c r="Q946">
        <v>93781.195129999993</v>
      </c>
      <c r="R946">
        <v>27987.976030000002</v>
      </c>
      <c r="S946">
        <v>132593.5974</v>
      </c>
      <c r="T946">
        <v>42635.44702</v>
      </c>
      <c r="U946">
        <v>32670.617740000002</v>
      </c>
      <c r="W946" s="83">
        <f>Bühler!N978</f>
        <v>45331.333333331044</v>
      </c>
      <c r="X946" s="83">
        <v>43140.333333333336</v>
      </c>
      <c r="Y946">
        <v>315995.6385</v>
      </c>
      <c r="Z946">
        <v>39670.418810000003</v>
      </c>
      <c r="AA946">
        <v>94332.706290000002</v>
      </c>
      <c r="AB946">
        <v>97264.512879999995</v>
      </c>
      <c r="AC946">
        <v>62778.032140000003</v>
      </c>
      <c r="AD946">
        <v>57319.016040000002</v>
      </c>
      <c r="AE946">
        <v>49640.330520000003</v>
      </c>
      <c r="AF946">
        <v>61171.741170000001</v>
      </c>
      <c r="AG946">
        <v>29657.55645</v>
      </c>
      <c r="AH946">
        <v>334548.14319999999</v>
      </c>
      <c r="AI946">
        <v>102218.6781</v>
      </c>
      <c r="AJ946">
        <v>33518.858160000003</v>
      </c>
      <c r="AK946">
        <v>42783.14832</v>
      </c>
      <c r="AL946">
        <v>93781.195129999993</v>
      </c>
      <c r="AM946">
        <v>27987.976030000002</v>
      </c>
      <c r="AN946">
        <v>132593.5974</v>
      </c>
      <c r="AO946">
        <v>42635.44702</v>
      </c>
      <c r="AP946">
        <v>32670.617740000002</v>
      </c>
    </row>
    <row r="947" spans="2:42" x14ac:dyDescent="0.3">
      <c r="B947">
        <v>65.386603762913182</v>
      </c>
      <c r="C947" s="83">
        <v>43140.375</v>
      </c>
      <c r="D947">
        <v>314773.22529999999</v>
      </c>
      <c r="E947">
        <v>43518.586900000002</v>
      </c>
      <c r="F947">
        <v>100478.1593</v>
      </c>
      <c r="G947">
        <v>106936.5261</v>
      </c>
      <c r="H947">
        <v>64106.19197</v>
      </c>
      <c r="I947">
        <v>55628.88177</v>
      </c>
      <c r="J947">
        <v>49928.170469999997</v>
      </c>
      <c r="K947">
        <v>60226.942239999997</v>
      </c>
      <c r="L947">
        <v>32520.272649999999</v>
      </c>
      <c r="M947">
        <v>333371.39850000001</v>
      </c>
      <c r="N947">
        <v>109725.2132</v>
      </c>
      <c r="O947">
        <v>33466.345009999997</v>
      </c>
      <c r="P947">
        <v>45380.774899999997</v>
      </c>
      <c r="Q947">
        <v>93342.488769999996</v>
      </c>
      <c r="R947">
        <v>27108.06495</v>
      </c>
      <c r="S947">
        <v>138753.2469</v>
      </c>
      <c r="T947">
        <v>44933.21284</v>
      </c>
      <c r="U947">
        <v>32165.952969999998</v>
      </c>
      <c r="W947" s="83">
        <f>Bühler!N979</f>
        <v>45331.374999997708</v>
      </c>
      <c r="X947" s="83">
        <v>43140.375</v>
      </c>
      <c r="Y947">
        <v>314773.22529999999</v>
      </c>
      <c r="Z947">
        <v>43518.586900000002</v>
      </c>
      <c r="AA947">
        <v>100478.1593</v>
      </c>
      <c r="AB947">
        <v>106936.5261</v>
      </c>
      <c r="AC947">
        <v>64106.19197</v>
      </c>
      <c r="AD947">
        <v>55628.88177</v>
      </c>
      <c r="AE947">
        <v>49928.170469999997</v>
      </c>
      <c r="AF947">
        <v>60226.942239999997</v>
      </c>
      <c r="AG947">
        <v>32520.272649999999</v>
      </c>
      <c r="AH947">
        <v>333371.39850000001</v>
      </c>
      <c r="AI947">
        <v>109725.2132</v>
      </c>
      <c r="AJ947">
        <v>33466.345009999997</v>
      </c>
      <c r="AK947">
        <v>45380.774899999997</v>
      </c>
      <c r="AL947">
        <v>93342.488769999996</v>
      </c>
      <c r="AM947">
        <v>27108.06495</v>
      </c>
      <c r="AN947">
        <v>138753.2469</v>
      </c>
      <c r="AO947">
        <v>44933.21284</v>
      </c>
      <c r="AP947">
        <v>32165.952969999998</v>
      </c>
    </row>
    <row r="948" spans="2:42" x14ac:dyDescent="0.3">
      <c r="B948">
        <v>65.39747277651125</v>
      </c>
      <c r="C948" s="83">
        <v>43140.416666666664</v>
      </c>
      <c r="D948">
        <v>315887.76640000002</v>
      </c>
      <c r="E948">
        <v>45556.785170000003</v>
      </c>
      <c r="F948">
        <v>101612.4587</v>
      </c>
      <c r="G948">
        <v>108416.0085</v>
      </c>
      <c r="H948">
        <v>64803.020080000002</v>
      </c>
      <c r="I948">
        <v>51358.6417</v>
      </c>
      <c r="J948">
        <v>48593.577239999999</v>
      </c>
      <c r="K948">
        <v>61742.471319999997</v>
      </c>
      <c r="L948">
        <v>35330.843580000001</v>
      </c>
      <c r="M948">
        <v>333426.8138</v>
      </c>
      <c r="N948">
        <v>112148.2561</v>
      </c>
      <c r="O948">
        <v>33503.818140000003</v>
      </c>
      <c r="P948">
        <v>45116.316319999998</v>
      </c>
      <c r="Q948">
        <v>93109.212320000006</v>
      </c>
      <c r="R948">
        <v>28220.12716</v>
      </c>
      <c r="S948">
        <v>137218.8407</v>
      </c>
      <c r="T948">
        <v>45411.675020000002</v>
      </c>
      <c r="U948">
        <v>30904.230459999999</v>
      </c>
      <c r="W948" s="83">
        <f>Bühler!N980</f>
        <v>45331.416666664372</v>
      </c>
      <c r="X948" s="83">
        <v>43140.416666666664</v>
      </c>
      <c r="Y948">
        <v>315887.76640000002</v>
      </c>
      <c r="Z948">
        <v>45556.785170000003</v>
      </c>
      <c r="AA948">
        <v>101612.4587</v>
      </c>
      <c r="AB948">
        <v>108416.0085</v>
      </c>
      <c r="AC948">
        <v>64803.020080000002</v>
      </c>
      <c r="AD948">
        <v>51358.6417</v>
      </c>
      <c r="AE948">
        <v>48593.577239999999</v>
      </c>
      <c r="AF948">
        <v>61742.471319999997</v>
      </c>
      <c r="AG948">
        <v>35330.843580000001</v>
      </c>
      <c r="AH948">
        <v>333426.8138</v>
      </c>
      <c r="AI948">
        <v>112148.2561</v>
      </c>
      <c r="AJ948">
        <v>33503.818140000003</v>
      </c>
      <c r="AK948">
        <v>45116.316319999998</v>
      </c>
      <c r="AL948">
        <v>93109.212320000006</v>
      </c>
      <c r="AM948">
        <v>28220.12716</v>
      </c>
      <c r="AN948">
        <v>137218.8407</v>
      </c>
      <c r="AO948">
        <v>45411.675020000002</v>
      </c>
      <c r="AP948">
        <v>30904.230459999999</v>
      </c>
    </row>
    <row r="949" spans="2:42" x14ac:dyDescent="0.3">
      <c r="B949">
        <v>65.609495241209018</v>
      </c>
      <c r="C949" s="83">
        <v>43140.458333333336</v>
      </c>
      <c r="D949">
        <v>310281.26429999998</v>
      </c>
      <c r="E949">
        <v>45504.741950000003</v>
      </c>
      <c r="F949">
        <v>101964.0282</v>
      </c>
      <c r="G949">
        <v>104638.7221</v>
      </c>
      <c r="H949">
        <v>63701.928119999997</v>
      </c>
      <c r="I949">
        <v>48973.073519999998</v>
      </c>
      <c r="J949">
        <v>47983.095699999998</v>
      </c>
      <c r="K949">
        <v>67215.596730000005</v>
      </c>
      <c r="L949">
        <v>36295.715400000001</v>
      </c>
      <c r="M949">
        <v>334507.80320000002</v>
      </c>
      <c r="N949">
        <v>110709.6171</v>
      </c>
      <c r="O949">
        <v>33082.987209999999</v>
      </c>
      <c r="P949">
        <v>45028.301079999997</v>
      </c>
      <c r="Q949">
        <v>91707.255699999994</v>
      </c>
      <c r="R949">
        <v>32851.525800000003</v>
      </c>
      <c r="S949">
        <v>138793.2225</v>
      </c>
      <c r="T949">
        <v>45297.120199999998</v>
      </c>
      <c r="U949">
        <v>30559.539000000001</v>
      </c>
      <c r="W949" s="83">
        <f>Bühler!N981</f>
        <v>45331.458333331037</v>
      </c>
      <c r="X949" s="83">
        <v>43140.458333333336</v>
      </c>
      <c r="Y949">
        <v>310281.26429999998</v>
      </c>
      <c r="Z949">
        <v>45504.741950000003</v>
      </c>
      <c r="AA949">
        <v>101964.0282</v>
      </c>
      <c r="AB949">
        <v>104638.7221</v>
      </c>
      <c r="AC949">
        <v>63701.928119999997</v>
      </c>
      <c r="AD949">
        <v>48973.073519999998</v>
      </c>
      <c r="AE949">
        <v>47983.095699999998</v>
      </c>
      <c r="AF949">
        <v>67215.596730000005</v>
      </c>
      <c r="AG949">
        <v>36295.715400000001</v>
      </c>
      <c r="AH949">
        <v>334507.80320000002</v>
      </c>
      <c r="AI949">
        <v>110709.6171</v>
      </c>
      <c r="AJ949">
        <v>33082.987209999999</v>
      </c>
      <c r="AK949">
        <v>45028.301079999997</v>
      </c>
      <c r="AL949">
        <v>91707.255699999994</v>
      </c>
      <c r="AM949">
        <v>32851.525800000003</v>
      </c>
      <c r="AN949">
        <v>138793.2225</v>
      </c>
      <c r="AO949">
        <v>45297.120199999998</v>
      </c>
      <c r="AP949">
        <v>30559.539000000001</v>
      </c>
    </row>
    <row r="950" spans="2:42" x14ac:dyDescent="0.3">
      <c r="B950">
        <v>64.843488085711741</v>
      </c>
      <c r="C950" s="83">
        <v>43140.5</v>
      </c>
      <c r="D950">
        <v>294506.30599999998</v>
      </c>
      <c r="E950">
        <v>40486.869630000001</v>
      </c>
      <c r="F950">
        <v>99469.226680000007</v>
      </c>
      <c r="G950">
        <v>101398.58259999999</v>
      </c>
      <c r="H950">
        <v>60739.374100000001</v>
      </c>
      <c r="I950">
        <v>46706.428240000001</v>
      </c>
      <c r="J950">
        <v>47957.343150000001</v>
      </c>
      <c r="K950">
        <v>63573.728150000003</v>
      </c>
      <c r="L950">
        <v>37845.871079999997</v>
      </c>
      <c r="M950">
        <v>330602.34149999998</v>
      </c>
      <c r="N950">
        <v>105893.9814</v>
      </c>
      <c r="O950">
        <v>32384.481080000001</v>
      </c>
      <c r="P950">
        <v>44896.15382</v>
      </c>
      <c r="Q950">
        <v>89492.579100000003</v>
      </c>
      <c r="R950">
        <v>31548.71486</v>
      </c>
      <c r="S950">
        <v>129700.6351</v>
      </c>
      <c r="T950">
        <v>45575.876660000002</v>
      </c>
      <c r="U950">
        <v>26485.437399999999</v>
      </c>
      <c r="W950" s="83">
        <f>Bühler!N982</f>
        <v>45331.499999997701</v>
      </c>
      <c r="X950" s="83">
        <v>43140.5</v>
      </c>
      <c r="Y950">
        <v>294506.30599999998</v>
      </c>
      <c r="Z950">
        <v>40486.869630000001</v>
      </c>
      <c r="AA950">
        <v>99469.226680000007</v>
      </c>
      <c r="AB950">
        <v>101398.58259999999</v>
      </c>
      <c r="AC950">
        <v>60739.374100000001</v>
      </c>
      <c r="AD950">
        <v>46706.428240000001</v>
      </c>
      <c r="AE950">
        <v>47957.343150000001</v>
      </c>
      <c r="AF950">
        <v>63573.728150000003</v>
      </c>
      <c r="AG950">
        <v>37845.871079999997</v>
      </c>
      <c r="AH950">
        <v>330602.34149999998</v>
      </c>
      <c r="AI950">
        <v>105893.9814</v>
      </c>
      <c r="AJ950">
        <v>32384.481080000001</v>
      </c>
      <c r="AK950">
        <v>44896.15382</v>
      </c>
      <c r="AL950">
        <v>89492.579100000003</v>
      </c>
      <c r="AM950">
        <v>31548.71486</v>
      </c>
      <c r="AN950">
        <v>129700.6351</v>
      </c>
      <c r="AO950">
        <v>45575.876660000002</v>
      </c>
      <c r="AP950">
        <v>26485.437399999999</v>
      </c>
    </row>
    <row r="951" spans="2:42" x14ac:dyDescent="0.3">
      <c r="B951">
        <v>64.681965748450594</v>
      </c>
      <c r="C951" s="83">
        <v>43140.541666666664</v>
      </c>
      <c r="D951">
        <v>290846.31660000002</v>
      </c>
      <c r="E951">
        <v>39892.588510000001</v>
      </c>
      <c r="F951">
        <v>98091.57303</v>
      </c>
      <c r="G951">
        <v>96254.656109999996</v>
      </c>
      <c r="H951">
        <v>59222.478439999999</v>
      </c>
      <c r="I951">
        <v>46236.184520000003</v>
      </c>
      <c r="J951">
        <v>46190.987730000001</v>
      </c>
      <c r="K951">
        <v>66109.414770000003</v>
      </c>
      <c r="L951">
        <v>36337.551809999997</v>
      </c>
      <c r="M951">
        <v>329778.82530000003</v>
      </c>
      <c r="N951">
        <v>104877.0114</v>
      </c>
      <c r="O951">
        <v>31826.850989999999</v>
      </c>
      <c r="P951">
        <v>43777.563029999998</v>
      </c>
      <c r="Q951">
        <v>87632.890660000005</v>
      </c>
      <c r="R951">
        <v>30734.451789999999</v>
      </c>
      <c r="S951">
        <v>129495.1684</v>
      </c>
      <c r="T951">
        <v>43745.876389999998</v>
      </c>
      <c r="U951">
        <v>26708.24726</v>
      </c>
      <c r="W951" s="83">
        <f>Bühler!N983</f>
        <v>45331.541666664365</v>
      </c>
      <c r="X951" s="83">
        <v>43140.541666666664</v>
      </c>
      <c r="Y951">
        <v>290846.31660000002</v>
      </c>
      <c r="Z951">
        <v>39892.588510000001</v>
      </c>
      <c r="AA951">
        <v>98091.57303</v>
      </c>
      <c r="AB951">
        <v>96254.656109999996</v>
      </c>
      <c r="AC951">
        <v>59222.478439999999</v>
      </c>
      <c r="AD951">
        <v>46236.184520000003</v>
      </c>
      <c r="AE951">
        <v>46190.987730000001</v>
      </c>
      <c r="AF951">
        <v>66109.414770000003</v>
      </c>
      <c r="AG951">
        <v>36337.551809999997</v>
      </c>
      <c r="AH951">
        <v>329778.82530000003</v>
      </c>
      <c r="AI951">
        <v>104877.0114</v>
      </c>
      <c r="AJ951">
        <v>31826.850989999999</v>
      </c>
      <c r="AK951">
        <v>43777.563029999998</v>
      </c>
      <c r="AL951">
        <v>87632.890660000005</v>
      </c>
      <c r="AM951">
        <v>30734.451789999999</v>
      </c>
      <c r="AN951">
        <v>129495.1684</v>
      </c>
      <c r="AO951">
        <v>43745.876389999998</v>
      </c>
      <c r="AP951">
        <v>26708.24726</v>
      </c>
    </row>
    <row r="952" spans="2:42" x14ac:dyDescent="0.3">
      <c r="B952">
        <v>64.798565243304168</v>
      </c>
      <c r="C952" s="83">
        <v>43140.583333333336</v>
      </c>
      <c r="D952">
        <v>291884.40919999999</v>
      </c>
      <c r="E952">
        <v>42293.594409999998</v>
      </c>
      <c r="F952">
        <v>99004.945860000007</v>
      </c>
      <c r="G952">
        <v>88173.430859999993</v>
      </c>
      <c r="H952">
        <v>58680.004869999997</v>
      </c>
      <c r="I952">
        <v>45991.236230000002</v>
      </c>
      <c r="J952">
        <v>45464.315860000002</v>
      </c>
      <c r="K952">
        <v>66552.110090000002</v>
      </c>
      <c r="L952">
        <v>33021.264799999997</v>
      </c>
      <c r="M952">
        <v>330373.3039</v>
      </c>
      <c r="N952">
        <v>103165.4577</v>
      </c>
      <c r="O952">
        <v>30919.30589</v>
      </c>
      <c r="P952">
        <v>40216.540130000001</v>
      </c>
      <c r="Q952">
        <v>86251.894820000001</v>
      </c>
      <c r="R952">
        <v>30090.262139999999</v>
      </c>
      <c r="S952">
        <v>124655.6015</v>
      </c>
      <c r="T952">
        <v>41384.59446</v>
      </c>
      <c r="U952">
        <v>26512.593919999999</v>
      </c>
      <c r="W952" s="83">
        <f>Bühler!N984</f>
        <v>45331.583333331029</v>
      </c>
      <c r="X952" s="83">
        <v>43140.583333333336</v>
      </c>
      <c r="Y952">
        <v>291884.40919999999</v>
      </c>
      <c r="Z952">
        <v>42293.594409999998</v>
      </c>
      <c r="AA952">
        <v>99004.945860000007</v>
      </c>
      <c r="AB952">
        <v>88173.430859999993</v>
      </c>
      <c r="AC952">
        <v>58680.004869999997</v>
      </c>
      <c r="AD952">
        <v>45991.236230000002</v>
      </c>
      <c r="AE952">
        <v>45464.315860000002</v>
      </c>
      <c r="AF952">
        <v>66552.110090000002</v>
      </c>
      <c r="AG952">
        <v>33021.264799999997</v>
      </c>
      <c r="AH952">
        <v>330373.3039</v>
      </c>
      <c r="AI952">
        <v>103165.4577</v>
      </c>
      <c r="AJ952">
        <v>30919.30589</v>
      </c>
      <c r="AK952">
        <v>40216.540130000001</v>
      </c>
      <c r="AL952">
        <v>86251.894820000001</v>
      </c>
      <c r="AM952">
        <v>30090.262139999999</v>
      </c>
      <c r="AN952">
        <v>124655.6015</v>
      </c>
      <c r="AO952">
        <v>41384.59446</v>
      </c>
      <c r="AP952">
        <v>26512.593919999999</v>
      </c>
    </row>
    <row r="953" spans="2:42" x14ac:dyDescent="0.3">
      <c r="B953">
        <v>63.45125496619734</v>
      </c>
      <c r="C953" s="83">
        <v>43140.625</v>
      </c>
      <c r="D953">
        <v>287887.94290000002</v>
      </c>
      <c r="E953">
        <v>41646.39013</v>
      </c>
      <c r="F953">
        <v>100027.1361</v>
      </c>
      <c r="G953">
        <v>81253.643840000004</v>
      </c>
      <c r="H953">
        <v>56801.521569999997</v>
      </c>
      <c r="I953">
        <v>47100.836430000003</v>
      </c>
      <c r="J953">
        <v>45250.406269999999</v>
      </c>
      <c r="K953">
        <v>64255.292719999998</v>
      </c>
      <c r="L953">
        <v>29648.7781</v>
      </c>
      <c r="M953">
        <v>323504.08779999998</v>
      </c>
      <c r="N953">
        <v>101082.25079999999</v>
      </c>
      <c r="O953">
        <v>30246.34679</v>
      </c>
      <c r="P953">
        <v>37116.073190000003</v>
      </c>
      <c r="Q953">
        <v>84981.816850000003</v>
      </c>
      <c r="R953">
        <v>28710.5491</v>
      </c>
      <c r="S953">
        <v>120198.79399999999</v>
      </c>
      <c r="T953">
        <v>39953.923770000001</v>
      </c>
      <c r="U953">
        <v>25393.356830000001</v>
      </c>
      <c r="W953" s="83">
        <f>Bühler!N985</f>
        <v>45331.624999997694</v>
      </c>
      <c r="X953" s="83">
        <v>43140.625</v>
      </c>
      <c r="Y953">
        <v>287887.94290000002</v>
      </c>
      <c r="Z953">
        <v>41646.39013</v>
      </c>
      <c r="AA953">
        <v>100027.1361</v>
      </c>
      <c r="AB953">
        <v>81253.643840000004</v>
      </c>
      <c r="AC953">
        <v>56801.521569999997</v>
      </c>
      <c r="AD953">
        <v>47100.836430000003</v>
      </c>
      <c r="AE953">
        <v>45250.406269999999</v>
      </c>
      <c r="AF953">
        <v>64255.292719999998</v>
      </c>
      <c r="AG953">
        <v>29648.7781</v>
      </c>
      <c r="AH953">
        <v>323504.08779999998</v>
      </c>
      <c r="AI953">
        <v>101082.25079999999</v>
      </c>
      <c r="AJ953">
        <v>30246.34679</v>
      </c>
      <c r="AK953">
        <v>37116.073190000003</v>
      </c>
      <c r="AL953">
        <v>84981.816850000003</v>
      </c>
      <c r="AM953">
        <v>28710.5491</v>
      </c>
      <c r="AN953">
        <v>120198.79399999999</v>
      </c>
      <c r="AO953">
        <v>39953.923770000001</v>
      </c>
      <c r="AP953">
        <v>25393.356830000001</v>
      </c>
    </row>
    <row r="954" spans="2:42" x14ac:dyDescent="0.3">
      <c r="B954">
        <v>62.07241075531185</v>
      </c>
      <c r="C954" s="83">
        <v>43140.666666666664</v>
      </c>
      <c r="D954">
        <v>277695.73</v>
      </c>
      <c r="E954">
        <v>40244.000160000003</v>
      </c>
      <c r="F954">
        <v>99053.065199999997</v>
      </c>
      <c r="G954">
        <v>74848.456330000001</v>
      </c>
      <c r="H954">
        <v>54822.699419999997</v>
      </c>
      <c r="I954">
        <v>48724.330979999999</v>
      </c>
      <c r="J954">
        <v>44664.605159999999</v>
      </c>
      <c r="K954">
        <v>59536.683129999998</v>
      </c>
      <c r="L954">
        <v>28922.462510000001</v>
      </c>
      <c r="M954">
        <v>316474.09700000001</v>
      </c>
      <c r="N954">
        <v>96437.204389999999</v>
      </c>
      <c r="O954">
        <v>29907.750680000001</v>
      </c>
      <c r="P954">
        <v>38675.009019999998</v>
      </c>
      <c r="Q954">
        <v>83526.068830000004</v>
      </c>
      <c r="R954">
        <v>29160.814269999999</v>
      </c>
      <c r="S954">
        <v>116347.8655</v>
      </c>
      <c r="T954">
        <v>39631.855259999997</v>
      </c>
      <c r="U954">
        <v>23599.12775</v>
      </c>
      <c r="W954" s="83">
        <f>Bühler!N986</f>
        <v>45331.666666664358</v>
      </c>
      <c r="X954" s="83">
        <v>43140.666666666664</v>
      </c>
      <c r="Y954">
        <v>277695.73</v>
      </c>
      <c r="Z954">
        <v>40244.000160000003</v>
      </c>
      <c r="AA954">
        <v>99053.065199999997</v>
      </c>
      <c r="AB954">
        <v>74848.456330000001</v>
      </c>
      <c r="AC954">
        <v>54822.699419999997</v>
      </c>
      <c r="AD954">
        <v>48724.330979999999</v>
      </c>
      <c r="AE954">
        <v>44664.605159999999</v>
      </c>
      <c r="AF954">
        <v>59536.683129999998</v>
      </c>
      <c r="AG954">
        <v>28922.462510000001</v>
      </c>
      <c r="AH954">
        <v>316474.09700000001</v>
      </c>
      <c r="AI954">
        <v>96437.204389999999</v>
      </c>
      <c r="AJ954">
        <v>29907.750680000001</v>
      </c>
      <c r="AK954">
        <v>38675.009019999998</v>
      </c>
      <c r="AL954">
        <v>83526.068830000004</v>
      </c>
      <c r="AM954">
        <v>29160.814269999999</v>
      </c>
      <c r="AN954">
        <v>116347.8655</v>
      </c>
      <c r="AO954">
        <v>39631.855259999997</v>
      </c>
      <c r="AP954">
        <v>23599.12775</v>
      </c>
    </row>
    <row r="955" spans="2:42" x14ac:dyDescent="0.3">
      <c r="B955">
        <v>60.431248719751459</v>
      </c>
      <c r="C955" s="83">
        <v>43140.708333333336</v>
      </c>
      <c r="D955">
        <v>267875.28450000001</v>
      </c>
      <c r="E955">
        <v>38059.858180000003</v>
      </c>
      <c r="F955">
        <v>98928.159039999999</v>
      </c>
      <c r="G955">
        <v>66174.492440000002</v>
      </c>
      <c r="H955">
        <v>53407.353049999998</v>
      </c>
      <c r="I955">
        <v>48222.111579999997</v>
      </c>
      <c r="J955">
        <v>44797.684050000003</v>
      </c>
      <c r="K955">
        <v>54579.706610000001</v>
      </c>
      <c r="L955">
        <v>29418.712049999998</v>
      </c>
      <c r="M955">
        <v>308106.6876</v>
      </c>
      <c r="N955">
        <v>91021.444220000005</v>
      </c>
      <c r="O955">
        <v>29536.51</v>
      </c>
      <c r="P955">
        <v>41205.587290000003</v>
      </c>
      <c r="Q955">
        <v>81751.789680000002</v>
      </c>
      <c r="R955">
        <v>29837.586619999998</v>
      </c>
      <c r="S955">
        <v>113572.1413</v>
      </c>
      <c r="T955">
        <v>40631.221700000002</v>
      </c>
      <c r="U955">
        <v>22439.181680000002</v>
      </c>
      <c r="W955" s="83">
        <f>Bühler!N987</f>
        <v>45331.708333331022</v>
      </c>
      <c r="X955" s="83">
        <v>43140.708333333336</v>
      </c>
      <c r="Y955">
        <v>267875.28450000001</v>
      </c>
      <c r="Z955">
        <v>38059.858180000003</v>
      </c>
      <c r="AA955">
        <v>98928.159039999999</v>
      </c>
      <c r="AB955">
        <v>66174.492440000002</v>
      </c>
      <c r="AC955">
        <v>53407.353049999998</v>
      </c>
      <c r="AD955">
        <v>48222.111579999997</v>
      </c>
      <c r="AE955">
        <v>44797.684050000003</v>
      </c>
      <c r="AF955">
        <v>54579.706610000001</v>
      </c>
      <c r="AG955">
        <v>29418.712049999998</v>
      </c>
      <c r="AH955">
        <v>308106.6876</v>
      </c>
      <c r="AI955">
        <v>91021.444220000005</v>
      </c>
      <c r="AJ955">
        <v>29536.51</v>
      </c>
      <c r="AK955">
        <v>41205.587290000003</v>
      </c>
      <c r="AL955">
        <v>81751.789680000002</v>
      </c>
      <c r="AM955">
        <v>29837.586619999998</v>
      </c>
      <c r="AN955">
        <v>113572.1413</v>
      </c>
      <c r="AO955">
        <v>40631.221700000002</v>
      </c>
      <c r="AP955">
        <v>22439.181680000002</v>
      </c>
    </row>
    <row r="956" spans="2:42" x14ac:dyDescent="0.3">
      <c r="B956">
        <v>59.08470361392132</v>
      </c>
      <c r="C956" s="83">
        <v>43140.75</v>
      </c>
      <c r="D956">
        <v>261035.7985</v>
      </c>
      <c r="E956">
        <v>35880.837169999999</v>
      </c>
      <c r="F956">
        <v>97537.121910000002</v>
      </c>
      <c r="G956">
        <v>58989.071349999998</v>
      </c>
      <c r="H956">
        <v>53049.672859999999</v>
      </c>
      <c r="I956">
        <v>47478.777529999999</v>
      </c>
      <c r="J956">
        <v>47038.632449999997</v>
      </c>
      <c r="K956">
        <v>48697.380559999998</v>
      </c>
      <c r="L956">
        <v>32146.489809999999</v>
      </c>
      <c r="M956">
        <v>301241.37270000001</v>
      </c>
      <c r="N956">
        <v>89292.308900000004</v>
      </c>
      <c r="O956">
        <v>28363.257140000002</v>
      </c>
      <c r="P956">
        <v>45433.967290000001</v>
      </c>
      <c r="Q956">
        <v>80049.009420000002</v>
      </c>
      <c r="R956">
        <v>24731.463670000001</v>
      </c>
      <c r="S956">
        <v>110825.63649999999</v>
      </c>
      <c r="T956">
        <v>41263.437440000002</v>
      </c>
      <c r="U956">
        <v>22264.266820000001</v>
      </c>
      <c r="W956" s="83">
        <f>Bühler!N988</f>
        <v>45331.749999997686</v>
      </c>
      <c r="X956" s="83">
        <v>43140.75</v>
      </c>
      <c r="Y956">
        <v>261035.7985</v>
      </c>
      <c r="Z956">
        <v>35880.837169999999</v>
      </c>
      <c r="AA956">
        <v>97537.121910000002</v>
      </c>
      <c r="AB956">
        <v>58989.071349999998</v>
      </c>
      <c r="AC956">
        <v>53049.672859999999</v>
      </c>
      <c r="AD956">
        <v>47478.777529999999</v>
      </c>
      <c r="AE956">
        <v>47038.632449999997</v>
      </c>
      <c r="AF956">
        <v>48697.380559999998</v>
      </c>
      <c r="AG956">
        <v>32146.489809999999</v>
      </c>
      <c r="AH956">
        <v>301241.37270000001</v>
      </c>
      <c r="AI956">
        <v>89292.308900000004</v>
      </c>
      <c r="AJ956">
        <v>28363.257140000002</v>
      </c>
      <c r="AK956">
        <v>45433.967290000001</v>
      </c>
      <c r="AL956">
        <v>80049.009420000002</v>
      </c>
      <c r="AM956">
        <v>24731.463670000001</v>
      </c>
      <c r="AN956">
        <v>110825.63649999999</v>
      </c>
      <c r="AO956">
        <v>41263.437440000002</v>
      </c>
      <c r="AP956">
        <v>22264.266820000001</v>
      </c>
    </row>
    <row r="957" spans="2:42" x14ac:dyDescent="0.3">
      <c r="B957">
        <v>58.201991990826876</v>
      </c>
      <c r="C957" s="83">
        <v>43140.791666666664</v>
      </c>
      <c r="D957">
        <v>252164.8701</v>
      </c>
      <c r="E957">
        <v>30361.667870000001</v>
      </c>
      <c r="F957">
        <v>84785.418489999996</v>
      </c>
      <c r="G957">
        <v>53515.345999999998</v>
      </c>
      <c r="H957">
        <v>50910.428419999997</v>
      </c>
      <c r="I957">
        <v>45027.031819999997</v>
      </c>
      <c r="J957">
        <v>46943.465400000001</v>
      </c>
      <c r="K957">
        <v>48346.824480000003</v>
      </c>
      <c r="L957">
        <v>33547.566310000002</v>
      </c>
      <c r="M957">
        <v>296740.89720000001</v>
      </c>
      <c r="N957">
        <v>89150.002670000002</v>
      </c>
      <c r="O957">
        <v>26913.365330000001</v>
      </c>
      <c r="P957">
        <v>46687.241710000002</v>
      </c>
      <c r="Q957">
        <v>77853.133489999993</v>
      </c>
      <c r="R957">
        <v>23886.566340000001</v>
      </c>
      <c r="S957">
        <v>106207.3443</v>
      </c>
      <c r="T957">
        <v>41011.343399999998</v>
      </c>
      <c r="U957">
        <v>20886.29334</v>
      </c>
      <c r="W957" s="83">
        <f>Bühler!N989</f>
        <v>45331.79166666435</v>
      </c>
      <c r="X957" s="83">
        <v>43140.791666666664</v>
      </c>
      <c r="Y957">
        <v>252164.8701</v>
      </c>
      <c r="Z957">
        <v>30361.667870000001</v>
      </c>
      <c r="AA957">
        <v>84785.418489999996</v>
      </c>
      <c r="AB957">
        <v>53515.345999999998</v>
      </c>
      <c r="AC957">
        <v>50910.428419999997</v>
      </c>
      <c r="AD957">
        <v>45027.031819999997</v>
      </c>
      <c r="AE957">
        <v>46943.465400000001</v>
      </c>
      <c r="AF957">
        <v>48346.824480000003</v>
      </c>
      <c r="AG957">
        <v>33547.566310000002</v>
      </c>
      <c r="AH957">
        <v>296740.89720000001</v>
      </c>
      <c r="AI957">
        <v>89150.002670000002</v>
      </c>
      <c r="AJ957">
        <v>26913.365330000001</v>
      </c>
      <c r="AK957">
        <v>46687.241710000002</v>
      </c>
      <c r="AL957">
        <v>77853.133489999993</v>
      </c>
      <c r="AM957">
        <v>23886.566340000001</v>
      </c>
      <c r="AN957">
        <v>106207.3443</v>
      </c>
      <c r="AO957">
        <v>41011.343399999998</v>
      </c>
      <c r="AP957">
        <v>20886.29334</v>
      </c>
    </row>
    <row r="958" spans="2:42" x14ac:dyDescent="0.3">
      <c r="B958">
        <v>57.254861564513661</v>
      </c>
      <c r="C958" s="83">
        <v>43140.833333333336</v>
      </c>
      <c r="D958">
        <v>242577.11240000001</v>
      </c>
      <c r="E958">
        <v>23765.49163</v>
      </c>
      <c r="F958">
        <v>65483.046190000001</v>
      </c>
      <c r="G958">
        <v>50236.258699999998</v>
      </c>
      <c r="H958">
        <v>47930.567669999997</v>
      </c>
      <c r="I958">
        <v>40124.18763</v>
      </c>
      <c r="J958">
        <v>45769.752840000001</v>
      </c>
      <c r="K958">
        <v>54241.71097</v>
      </c>
      <c r="L958">
        <v>32805.997900000002</v>
      </c>
      <c r="M958">
        <v>291911.98460000003</v>
      </c>
      <c r="N958">
        <v>87870.723469999997</v>
      </c>
      <c r="O958">
        <v>26295.739750000001</v>
      </c>
      <c r="P958">
        <v>46083.759570000002</v>
      </c>
      <c r="Q958">
        <v>75835.239929999996</v>
      </c>
      <c r="R958">
        <v>26680.541870000001</v>
      </c>
      <c r="S958">
        <v>96823.985910000003</v>
      </c>
      <c r="T958">
        <v>39596.375350000002</v>
      </c>
      <c r="U958">
        <v>20073.250520000001</v>
      </c>
      <c r="W958" s="83">
        <f>Bühler!N990</f>
        <v>45331.833333331015</v>
      </c>
      <c r="X958" s="83">
        <v>43140.833333333336</v>
      </c>
      <c r="Y958">
        <v>242577.11240000001</v>
      </c>
      <c r="Z958">
        <v>23765.49163</v>
      </c>
      <c r="AA958">
        <v>65483.046190000001</v>
      </c>
      <c r="AB958">
        <v>50236.258699999998</v>
      </c>
      <c r="AC958">
        <v>47930.567669999997</v>
      </c>
      <c r="AD958">
        <v>40124.18763</v>
      </c>
      <c r="AE958">
        <v>45769.752840000001</v>
      </c>
      <c r="AF958">
        <v>54241.71097</v>
      </c>
      <c r="AG958">
        <v>32805.997900000002</v>
      </c>
      <c r="AH958">
        <v>291911.98460000003</v>
      </c>
      <c r="AI958">
        <v>87870.723469999997</v>
      </c>
      <c r="AJ958">
        <v>26295.739750000001</v>
      </c>
      <c r="AK958">
        <v>46083.759570000002</v>
      </c>
      <c r="AL958">
        <v>75835.239929999996</v>
      </c>
      <c r="AM958">
        <v>26680.541870000001</v>
      </c>
      <c r="AN958">
        <v>96823.985910000003</v>
      </c>
      <c r="AO958">
        <v>39596.375350000002</v>
      </c>
      <c r="AP958">
        <v>20073.250520000001</v>
      </c>
    </row>
    <row r="959" spans="2:42" x14ac:dyDescent="0.3">
      <c r="B959">
        <v>55.520337747571489</v>
      </c>
      <c r="C959" s="83">
        <v>43140.875</v>
      </c>
      <c r="D959">
        <v>235671.73639999999</v>
      </c>
      <c r="E959">
        <v>20945.615969999999</v>
      </c>
      <c r="F959">
        <v>56066.826139999997</v>
      </c>
      <c r="G959">
        <v>47783.088499999998</v>
      </c>
      <c r="H959">
        <v>45128.09044</v>
      </c>
      <c r="I959">
        <v>34847.364540000002</v>
      </c>
      <c r="J959">
        <v>43995.570930000002</v>
      </c>
      <c r="K959">
        <v>53012.776389999999</v>
      </c>
      <c r="L959">
        <v>31166.222170000001</v>
      </c>
      <c r="M959">
        <v>283068.57329999999</v>
      </c>
      <c r="N959">
        <v>85573.591769999999</v>
      </c>
      <c r="O959">
        <v>25450.124449999999</v>
      </c>
      <c r="P959">
        <v>44521.42398</v>
      </c>
      <c r="Q959">
        <v>73470.509810000003</v>
      </c>
      <c r="R959">
        <v>24724.824499999999</v>
      </c>
      <c r="S959">
        <v>90943.761830000003</v>
      </c>
      <c r="T959">
        <v>36397.818870000003</v>
      </c>
      <c r="U959">
        <v>19298.355930000002</v>
      </c>
      <c r="W959" s="83">
        <f>Bühler!N991</f>
        <v>45331.874999997679</v>
      </c>
      <c r="X959" s="83">
        <v>43140.875</v>
      </c>
      <c r="Y959">
        <v>235671.73639999999</v>
      </c>
      <c r="Z959">
        <v>20945.615969999999</v>
      </c>
      <c r="AA959">
        <v>56066.826139999997</v>
      </c>
      <c r="AB959">
        <v>47783.088499999998</v>
      </c>
      <c r="AC959">
        <v>45128.09044</v>
      </c>
      <c r="AD959">
        <v>34847.364540000002</v>
      </c>
      <c r="AE959">
        <v>43995.570930000002</v>
      </c>
      <c r="AF959">
        <v>53012.776389999999</v>
      </c>
      <c r="AG959">
        <v>31166.222170000001</v>
      </c>
      <c r="AH959">
        <v>283068.57329999999</v>
      </c>
      <c r="AI959">
        <v>85573.591769999999</v>
      </c>
      <c r="AJ959">
        <v>25450.124449999999</v>
      </c>
      <c r="AK959">
        <v>44521.42398</v>
      </c>
      <c r="AL959">
        <v>73470.509810000003</v>
      </c>
      <c r="AM959">
        <v>24724.824499999999</v>
      </c>
      <c r="AN959">
        <v>90943.761830000003</v>
      </c>
      <c r="AO959">
        <v>36397.818870000003</v>
      </c>
      <c r="AP959">
        <v>19298.355930000002</v>
      </c>
    </row>
    <row r="960" spans="2:42" x14ac:dyDescent="0.3">
      <c r="B960">
        <v>55.061844007843597</v>
      </c>
      <c r="C960" s="83">
        <v>43140.916666666664</v>
      </c>
      <c r="D960">
        <v>234764.33180000001</v>
      </c>
      <c r="E960">
        <v>20042.576519999999</v>
      </c>
      <c r="F960">
        <v>52899.94023</v>
      </c>
      <c r="G960">
        <v>47000.687980000002</v>
      </c>
      <c r="H960">
        <v>44518.697310000003</v>
      </c>
      <c r="I960">
        <v>33625.539790000003</v>
      </c>
      <c r="J960">
        <v>42348.890220000001</v>
      </c>
      <c r="K960">
        <v>56207.432780000003</v>
      </c>
      <c r="L960">
        <v>28905.07015</v>
      </c>
      <c r="M960">
        <v>280730.9584</v>
      </c>
      <c r="N960">
        <v>85719.739130000002</v>
      </c>
      <c r="O960">
        <v>26789.790150000001</v>
      </c>
      <c r="P960">
        <v>47117.713360000002</v>
      </c>
      <c r="Q960">
        <v>72179.392659999998</v>
      </c>
      <c r="R960">
        <v>35702.298419999999</v>
      </c>
      <c r="S960">
        <v>89547.68088</v>
      </c>
      <c r="T960">
        <v>33719.396419999997</v>
      </c>
      <c r="U960">
        <v>20802.906050000001</v>
      </c>
      <c r="W960" s="83">
        <f>Bühler!N992</f>
        <v>45331.916666664343</v>
      </c>
      <c r="X960" s="83">
        <v>43140.916666666664</v>
      </c>
      <c r="Y960">
        <v>234764.33180000001</v>
      </c>
      <c r="Z960">
        <v>20042.576519999999</v>
      </c>
      <c r="AA960">
        <v>52899.94023</v>
      </c>
      <c r="AB960">
        <v>47000.687980000002</v>
      </c>
      <c r="AC960">
        <v>44518.697310000003</v>
      </c>
      <c r="AD960">
        <v>33625.539790000003</v>
      </c>
      <c r="AE960">
        <v>42348.890220000001</v>
      </c>
      <c r="AF960">
        <v>56207.432780000003</v>
      </c>
      <c r="AG960">
        <v>28905.07015</v>
      </c>
      <c r="AH960">
        <v>280730.9584</v>
      </c>
      <c r="AI960">
        <v>85719.739130000002</v>
      </c>
      <c r="AJ960">
        <v>26789.790150000001</v>
      </c>
      <c r="AK960">
        <v>47117.713360000002</v>
      </c>
      <c r="AL960">
        <v>72179.392659999998</v>
      </c>
      <c r="AM960">
        <v>35702.298419999999</v>
      </c>
      <c r="AN960">
        <v>89547.68088</v>
      </c>
      <c r="AO960">
        <v>33719.396419999997</v>
      </c>
      <c r="AP960">
        <v>20802.906050000001</v>
      </c>
    </row>
    <row r="961" spans="2:42" x14ac:dyDescent="0.3">
      <c r="B961">
        <v>54.04020482251908</v>
      </c>
      <c r="C961" s="83">
        <v>43140.958333333336</v>
      </c>
      <c r="D961">
        <v>232927.51639999999</v>
      </c>
      <c r="E961">
        <v>19547.83958</v>
      </c>
      <c r="F961">
        <v>51450.800510000001</v>
      </c>
      <c r="G961">
        <v>46541.35325</v>
      </c>
      <c r="H961">
        <v>43421.949090000002</v>
      </c>
      <c r="I961">
        <v>31855.10024</v>
      </c>
      <c r="J961">
        <v>39838.320959999997</v>
      </c>
      <c r="K961">
        <v>55349.780030000002</v>
      </c>
      <c r="L961">
        <v>25054.595290000001</v>
      </c>
      <c r="M961">
        <v>275522.1654</v>
      </c>
      <c r="N961">
        <v>84776.464869999996</v>
      </c>
      <c r="O961">
        <v>26775.39644</v>
      </c>
      <c r="P961">
        <v>43035.485099999998</v>
      </c>
      <c r="Q961">
        <v>70525.829819999999</v>
      </c>
      <c r="R961">
        <v>37508.850160000002</v>
      </c>
      <c r="S961">
        <v>87851.803509999998</v>
      </c>
      <c r="T961">
        <v>35048.13063</v>
      </c>
      <c r="U961">
        <v>20332.304789999998</v>
      </c>
      <c r="W961" s="83">
        <f>Bühler!N993</f>
        <v>45331.958333331007</v>
      </c>
      <c r="X961" s="83">
        <v>43140.958333333336</v>
      </c>
      <c r="Y961">
        <v>232927.51639999999</v>
      </c>
      <c r="Z961">
        <v>19547.83958</v>
      </c>
      <c r="AA961">
        <v>51450.800510000001</v>
      </c>
      <c r="AB961">
        <v>46541.35325</v>
      </c>
      <c r="AC961">
        <v>43421.949090000002</v>
      </c>
      <c r="AD961">
        <v>31855.10024</v>
      </c>
      <c r="AE961">
        <v>39838.320959999997</v>
      </c>
      <c r="AF961">
        <v>55349.780030000002</v>
      </c>
      <c r="AG961">
        <v>25054.595290000001</v>
      </c>
      <c r="AH961">
        <v>275522.1654</v>
      </c>
      <c r="AI961">
        <v>84776.464869999996</v>
      </c>
      <c r="AJ961">
        <v>26775.39644</v>
      </c>
      <c r="AK961">
        <v>43035.485099999998</v>
      </c>
      <c r="AL961">
        <v>70525.829819999999</v>
      </c>
      <c r="AM961">
        <v>37508.850160000002</v>
      </c>
      <c r="AN961">
        <v>87851.803509999998</v>
      </c>
      <c r="AO961">
        <v>35048.13063</v>
      </c>
      <c r="AP961">
        <v>20332.304789999998</v>
      </c>
    </row>
    <row r="962" spans="2:42" x14ac:dyDescent="0.3">
      <c r="B962">
        <v>53.470079277886164</v>
      </c>
      <c r="C962" s="83">
        <v>43141</v>
      </c>
      <c r="D962">
        <v>229383.10079999999</v>
      </c>
      <c r="E962">
        <v>19015.55485</v>
      </c>
      <c r="F962">
        <v>51325.456550000003</v>
      </c>
      <c r="G962">
        <v>46075.61305</v>
      </c>
      <c r="H962">
        <v>43146.518049999999</v>
      </c>
      <c r="I962">
        <v>30348.679960000001</v>
      </c>
      <c r="J962">
        <v>37844.017769999999</v>
      </c>
      <c r="K962">
        <v>53153.580220000003</v>
      </c>
      <c r="L962">
        <v>22653.83468</v>
      </c>
      <c r="M962">
        <v>272615.3995</v>
      </c>
      <c r="N962">
        <v>83830.765199999994</v>
      </c>
      <c r="O962">
        <v>26598.010839999999</v>
      </c>
      <c r="P962">
        <v>40220.442620000002</v>
      </c>
      <c r="Q962">
        <v>69322.349279999995</v>
      </c>
      <c r="R962">
        <v>33467.576990000001</v>
      </c>
      <c r="S962">
        <v>87422.501189999995</v>
      </c>
      <c r="T962">
        <v>33610.617769999997</v>
      </c>
      <c r="U962">
        <v>19463.54924</v>
      </c>
      <c r="W962" s="83">
        <f>Bühler!N994</f>
        <v>45331.999999997672</v>
      </c>
      <c r="X962" s="83">
        <v>43141</v>
      </c>
      <c r="Y962">
        <v>229383.10079999999</v>
      </c>
      <c r="Z962">
        <v>19015.55485</v>
      </c>
      <c r="AA962">
        <v>51325.456550000003</v>
      </c>
      <c r="AB962">
        <v>46075.61305</v>
      </c>
      <c r="AC962">
        <v>43146.518049999999</v>
      </c>
      <c r="AD962">
        <v>30348.679960000001</v>
      </c>
      <c r="AE962">
        <v>37844.017769999999</v>
      </c>
      <c r="AF962">
        <v>53153.580220000003</v>
      </c>
      <c r="AG962">
        <v>22653.83468</v>
      </c>
      <c r="AH962">
        <v>272615.3995</v>
      </c>
      <c r="AI962">
        <v>83830.765199999994</v>
      </c>
      <c r="AJ962">
        <v>26598.010839999999</v>
      </c>
      <c r="AK962">
        <v>40220.442620000002</v>
      </c>
      <c r="AL962">
        <v>69322.349279999995</v>
      </c>
      <c r="AM962">
        <v>33467.576990000001</v>
      </c>
      <c r="AN962">
        <v>87422.501189999995</v>
      </c>
      <c r="AO962">
        <v>33610.617769999997</v>
      </c>
      <c r="AP962">
        <v>19463.54924</v>
      </c>
    </row>
    <row r="963" spans="2:42" x14ac:dyDescent="0.3">
      <c r="B963">
        <v>52.776461989310803</v>
      </c>
      <c r="C963" s="83">
        <v>43141.041666666664</v>
      </c>
      <c r="D963">
        <v>225120.1588</v>
      </c>
      <c r="E963">
        <v>18952.20349</v>
      </c>
      <c r="F963">
        <v>51455.458619999998</v>
      </c>
      <c r="G963">
        <v>45862.528319999998</v>
      </c>
      <c r="H963">
        <v>42532.210639999998</v>
      </c>
      <c r="I963">
        <v>26843.645929999999</v>
      </c>
      <c r="J963">
        <v>37244.120029999998</v>
      </c>
      <c r="K963">
        <v>51491.559390000002</v>
      </c>
      <c r="L963">
        <v>21366.90049</v>
      </c>
      <c r="M963">
        <v>269079.01510000002</v>
      </c>
      <c r="N963">
        <v>82483.926340000005</v>
      </c>
      <c r="O963">
        <v>26410.406579999999</v>
      </c>
      <c r="P963">
        <v>38297.881780000003</v>
      </c>
      <c r="Q963">
        <v>69054.081810000003</v>
      </c>
      <c r="R963">
        <v>30917.00359</v>
      </c>
      <c r="S963">
        <v>85503.320359999998</v>
      </c>
      <c r="T963">
        <v>32484.0628</v>
      </c>
      <c r="U963">
        <v>19779.65278</v>
      </c>
      <c r="W963" s="83">
        <f>Bühler!N995</f>
        <v>45332.041666664336</v>
      </c>
      <c r="X963" s="83">
        <v>43141.041666666664</v>
      </c>
      <c r="Y963">
        <v>225120.1588</v>
      </c>
      <c r="Z963">
        <v>18952.20349</v>
      </c>
      <c r="AA963">
        <v>51455.458619999998</v>
      </c>
      <c r="AB963">
        <v>45862.528319999998</v>
      </c>
      <c r="AC963">
        <v>42532.210639999998</v>
      </c>
      <c r="AD963">
        <v>26843.645929999999</v>
      </c>
      <c r="AE963">
        <v>37244.120029999998</v>
      </c>
      <c r="AF963">
        <v>51491.559390000002</v>
      </c>
      <c r="AG963">
        <v>21366.90049</v>
      </c>
      <c r="AH963">
        <v>269079.01510000002</v>
      </c>
      <c r="AI963">
        <v>82483.926340000005</v>
      </c>
      <c r="AJ963">
        <v>26410.406579999999</v>
      </c>
      <c r="AK963">
        <v>38297.881780000003</v>
      </c>
      <c r="AL963">
        <v>69054.081810000003</v>
      </c>
      <c r="AM963">
        <v>30917.00359</v>
      </c>
      <c r="AN963">
        <v>85503.320359999998</v>
      </c>
      <c r="AO963">
        <v>32484.0628</v>
      </c>
      <c r="AP963">
        <v>19779.65278</v>
      </c>
    </row>
    <row r="964" spans="2:42" x14ac:dyDescent="0.3">
      <c r="B964">
        <v>52.149268146000374</v>
      </c>
      <c r="C964" s="83">
        <v>43141.083333333336</v>
      </c>
      <c r="D964">
        <v>220213.43040000001</v>
      </c>
      <c r="E964">
        <v>18898.283810000001</v>
      </c>
      <c r="F964">
        <v>52347.982320000003</v>
      </c>
      <c r="G964">
        <v>45451.851730000002</v>
      </c>
      <c r="H964">
        <v>42255.270360000002</v>
      </c>
      <c r="I964">
        <v>24488.23344</v>
      </c>
      <c r="J964">
        <v>37206.583480000001</v>
      </c>
      <c r="K964">
        <v>51143.994780000001</v>
      </c>
      <c r="L964">
        <v>20902.749299999999</v>
      </c>
      <c r="M964">
        <v>265881.28840000002</v>
      </c>
      <c r="N964">
        <v>81211.007939999996</v>
      </c>
      <c r="O964">
        <v>26137.175299999999</v>
      </c>
      <c r="P964">
        <v>37625.657919999998</v>
      </c>
      <c r="Q964">
        <v>68565.532300000006</v>
      </c>
      <c r="R964">
        <v>30780.398700000002</v>
      </c>
      <c r="S964">
        <v>85097.732109999997</v>
      </c>
      <c r="T964">
        <v>31939.36248</v>
      </c>
      <c r="U964">
        <v>20160.290400000002</v>
      </c>
      <c r="W964" s="83">
        <f>Bühler!N996</f>
        <v>45332.083333331</v>
      </c>
      <c r="X964" s="83">
        <v>43141.083333333336</v>
      </c>
      <c r="Y964">
        <v>220213.43040000001</v>
      </c>
      <c r="Z964">
        <v>18898.283810000001</v>
      </c>
      <c r="AA964">
        <v>52347.982320000003</v>
      </c>
      <c r="AB964">
        <v>45451.851730000002</v>
      </c>
      <c r="AC964">
        <v>42255.270360000002</v>
      </c>
      <c r="AD964">
        <v>24488.23344</v>
      </c>
      <c r="AE964">
        <v>37206.583480000001</v>
      </c>
      <c r="AF964">
        <v>51143.994780000001</v>
      </c>
      <c r="AG964">
        <v>20902.749299999999</v>
      </c>
      <c r="AH964">
        <v>265881.28840000002</v>
      </c>
      <c r="AI964">
        <v>81211.007939999996</v>
      </c>
      <c r="AJ964">
        <v>26137.175299999999</v>
      </c>
      <c r="AK964">
        <v>37625.657919999998</v>
      </c>
      <c r="AL964">
        <v>68565.532300000006</v>
      </c>
      <c r="AM964">
        <v>30780.398700000002</v>
      </c>
      <c r="AN964">
        <v>85097.732109999997</v>
      </c>
      <c r="AO964">
        <v>31939.36248</v>
      </c>
      <c r="AP964">
        <v>20160.290400000002</v>
      </c>
    </row>
    <row r="965" spans="2:42" x14ac:dyDescent="0.3">
      <c r="B965">
        <v>51.019491284947165</v>
      </c>
      <c r="C965" s="83">
        <v>43141.125</v>
      </c>
      <c r="D965">
        <v>214232.15770000001</v>
      </c>
      <c r="E965">
        <v>18851.634180000001</v>
      </c>
      <c r="F965">
        <v>53088.47421</v>
      </c>
      <c r="G965">
        <v>44672.41721</v>
      </c>
      <c r="H965">
        <v>42285.718339999999</v>
      </c>
      <c r="I965">
        <v>23791.298139999999</v>
      </c>
      <c r="J965">
        <v>37493.647239999998</v>
      </c>
      <c r="K965">
        <v>49123.574009999997</v>
      </c>
      <c r="L965">
        <v>19936.698659999998</v>
      </c>
      <c r="M965">
        <v>260121.15909999999</v>
      </c>
      <c r="N965">
        <v>80838.911829999997</v>
      </c>
      <c r="O965">
        <v>26033.264780000001</v>
      </c>
      <c r="P965">
        <v>37257.191590000002</v>
      </c>
      <c r="Q965">
        <v>67441.98272</v>
      </c>
      <c r="R965">
        <v>29928.596379999999</v>
      </c>
      <c r="S965">
        <v>84283.706520000007</v>
      </c>
      <c r="T965">
        <v>31995.339019999999</v>
      </c>
      <c r="U965">
        <v>20066.206770000001</v>
      </c>
      <c r="W965" s="83">
        <f>Bühler!N997</f>
        <v>45332.124999997664</v>
      </c>
      <c r="X965" s="83">
        <v>43141.125</v>
      </c>
      <c r="Y965">
        <v>214232.15770000001</v>
      </c>
      <c r="Z965">
        <v>18851.634180000001</v>
      </c>
      <c r="AA965">
        <v>53088.47421</v>
      </c>
      <c r="AB965">
        <v>44672.41721</v>
      </c>
      <c r="AC965">
        <v>42285.718339999999</v>
      </c>
      <c r="AD965">
        <v>23791.298139999999</v>
      </c>
      <c r="AE965">
        <v>37493.647239999998</v>
      </c>
      <c r="AF965">
        <v>49123.574009999997</v>
      </c>
      <c r="AG965">
        <v>19936.698659999998</v>
      </c>
      <c r="AH965">
        <v>260121.15909999999</v>
      </c>
      <c r="AI965">
        <v>80838.911829999997</v>
      </c>
      <c r="AJ965">
        <v>26033.264780000001</v>
      </c>
      <c r="AK965">
        <v>37257.191590000002</v>
      </c>
      <c r="AL965">
        <v>67441.98272</v>
      </c>
      <c r="AM965">
        <v>29928.596379999999</v>
      </c>
      <c r="AN965">
        <v>84283.706520000007</v>
      </c>
      <c r="AO965">
        <v>31995.339019999999</v>
      </c>
      <c r="AP965">
        <v>20066.206770000001</v>
      </c>
    </row>
    <row r="966" spans="2:42" x14ac:dyDescent="0.3">
      <c r="B966">
        <v>49.877869783574766</v>
      </c>
      <c r="C966" s="83">
        <v>43141.166666666664</v>
      </c>
      <c r="D966">
        <v>208588.38370000001</v>
      </c>
      <c r="E966">
        <v>19023.484250000001</v>
      </c>
      <c r="F966">
        <v>58093.46256</v>
      </c>
      <c r="G966">
        <v>44090.120819999996</v>
      </c>
      <c r="H966">
        <v>42542.36118</v>
      </c>
      <c r="I966">
        <v>26583.40396</v>
      </c>
      <c r="J966">
        <v>39880.528149999998</v>
      </c>
      <c r="K966">
        <v>47155.975160000002</v>
      </c>
      <c r="L966">
        <v>19544.222409999998</v>
      </c>
      <c r="M966">
        <v>254300.6403</v>
      </c>
      <c r="N966">
        <v>79311.777629999997</v>
      </c>
      <c r="O966">
        <v>26079.856220000001</v>
      </c>
      <c r="P966">
        <v>36115.899989999998</v>
      </c>
      <c r="Q966">
        <v>66587.663820000002</v>
      </c>
      <c r="R966">
        <v>30813.018840000001</v>
      </c>
      <c r="S966">
        <v>85339.564480000001</v>
      </c>
      <c r="T966">
        <v>31874.343379999998</v>
      </c>
      <c r="U966">
        <v>20077.063470000001</v>
      </c>
      <c r="W966" s="83">
        <f>Bühler!N998</f>
        <v>45332.166666664329</v>
      </c>
      <c r="X966" s="83">
        <v>43141.166666666664</v>
      </c>
      <c r="Y966">
        <v>208588.38370000001</v>
      </c>
      <c r="Z966">
        <v>19023.484250000001</v>
      </c>
      <c r="AA966">
        <v>58093.46256</v>
      </c>
      <c r="AB966">
        <v>44090.120819999996</v>
      </c>
      <c r="AC966">
        <v>42542.36118</v>
      </c>
      <c r="AD966">
        <v>26583.40396</v>
      </c>
      <c r="AE966">
        <v>39880.528149999998</v>
      </c>
      <c r="AF966">
        <v>47155.975160000002</v>
      </c>
      <c r="AG966">
        <v>19544.222409999998</v>
      </c>
      <c r="AH966">
        <v>254300.6403</v>
      </c>
      <c r="AI966">
        <v>79311.777629999997</v>
      </c>
      <c r="AJ966">
        <v>26079.856220000001</v>
      </c>
      <c r="AK966">
        <v>36115.899989999998</v>
      </c>
      <c r="AL966">
        <v>66587.663820000002</v>
      </c>
      <c r="AM966">
        <v>30813.018840000001</v>
      </c>
      <c r="AN966">
        <v>85339.564480000001</v>
      </c>
      <c r="AO966">
        <v>31874.343379999998</v>
      </c>
      <c r="AP966">
        <v>20077.063470000001</v>
      </c>
    </row>
    <row r="967" spans="2:42" x14ac:dyDescent="0.3">
      <c r="B967">
        <v>48.443970448035394</v>
      </c>
      <c r="C967" s="83">
        <v>43141.208333333336</v>
      </c>
      <c r="D967">
        <v>203826.85149999999</v>
      </c>
      <c r="E967">
        <v>19855.070650000001</v>
      </c>
      <c r="F967">
        <v>67345.892829999997</v>
      </c>
      <c r="G967">
        <v>44436.82677</v>
      </c>
      <c r="H967">
        <v>42765.285530000001</v>
      </c>
      <c r="I967">
        <v>33401.216390000001</v>
      </c>
      <c r="J967">
        <v>41735.007010000001</v>
      </c>
      <c r="K967">
        <v>46528.913509999998</v>
      </c>
      <c r="L967">
        <v>20033.078170000001</v>
      </c>
      <c r="M967">
        <v>246989.9528</v>
      </c>
      <c r="N967">
        <v>78938.610379999998</v>
      </c>
      <c r="O967">
        <v>26335.897970000002</v>
      </c>
      <c r="P967">
        <v>37294.703699999998</v>
      </c>
      <c r="Q967">
        <v>66106.221730000005</v>
      </c>
      <c r="R967">
        <v>32715.290389999998</v>
      </c>
      <c r="S967">
        <v>87070.694180000006</v>
      </c>
      <c r="T967">
        <v>33201.617160000002</v>
      </c>
      <c r="U967">
        <v>20257.993040000001</v>
      </c>
      <c r="W967" s="83">
        <f>Bühler!N999</f>
        <v>45332.208333330993</v>
      </c>
      <c r="X967" s="83">
        <v>43141.208333333336</v>
      </c>
      <c r="Y967">
        <v>203826.85149999999</v>
      </c>
      <c r="Z967">
        <v>19855.070650000001</v>
      </c>
      <c r="AA967">
        <v>67345.892829999997</v>
      </c>
      <c r="AB967">
        <v>44436.82677</v>
      </c>
      <c r="AC967">
        <v>42765.285530000001</v>
      </c>
      <c r="AD967">
        <v>33401.216390000001</v>
      </c>
      <c r="AE967">
        <v>41735.007010000001</v>
      </c>
      <c r="AF967">
        <v>46528.913509999998</v>
      </c>
      <c r="AG967">
        <v>20033.078170000001</v>
      </c>
      <c r="AH967">
        <v>246989.9528</v>
      </c>
      <c r="AI967">
        <v>78938.610379999998</v>
      </c>
      <c r="AJ967">
        <v>26335.897970000002</v>
      </c>
      <c r="AK967">
        <v>37294.703699999998</v>
      </c>
      <c r="AL967">
        <v>66106.221730000005</v>
      </c>
      <c r="AM967">
        <v>32715.290389999998</v>
      </c>
      <c r="AN967">
        <v>87070.694180000006</v>
      </c>
      <c r="AO967">
        <v>33201.617160000002</v>
      </c>
      <c r="AP967">
        <v>20257.993040000001</v>
      </c>
    </row>
    <row r="968" spans="2:42" x14ac:dyDescent="0.3">
      <c r="B968">
        <v>49.282852930166179</v>
      </c>
      <c r="C968" s="83">
        <v>43141.25</v>
      </c>
      <c r="D968">
        <v>204526.3161</v>
      </c>
      <c r="E968">
        <v>21787.703320000001</v>
      </c>
      <c r="F968">
        <v>79675.613459999993</v>
      </c>
      <c r="G968">
        <v>46002.73515</v>
      </c>
      <c r="H968">
        <v>43446.605969999997</v>
      </c>
      <c r="I968">
        <v>36228.838889999999</v>
      </c>
      <c r="J968">
        <v>44753.48777</v>
      </c>
      <c r="K968">
        <v>44857.308109999998</v>
      </c>
      <c r="L968">
        <v>21659.713729999999</v>
      </c>
      <c r="M968">
        <v>251266.9669</v>
      </c>
      <c r="N968">
        <v>78085.259760000001</v>
      </c>
      <c r="O968">
        <v>25237.380720000001</v>
      </c>
      <c r="P968">
        <v>36822.922749999998</v>
      </c>
      <c r="Q968">
        <v>64542.948510000002</v>
      </c>
      <c r="R968">
        <v>21815.1829</v>
      </c>
      <c r="S968">
        <v>92353.050040000002</v>
      </c>
      <c r="T968">
        <v>34664.77306</v>
      </c>
      <c r="U968">
        <v>18985.836439999999</v>
      </c>
      <c r="W968" s="83">
        <f>Bühler!N1000</f>
        <v>45332.249999997657</v>
      </c>
      <c r="X968" s="83">
        <v>43141.25</v>
      </c>
      <c r="Y968">
        <v>204526.3161</v>
      </c>
      <c r="Z968">
        <v>21787.703320000001</v>
      </c>
      <c r="AA968">
        <v>79675.613459999993</v>
      </c>
      <c r="AB968">
        <v>46002.73515</v>
      </c>
      <c r="AC968">
        <v>43446.605969999997</v>
      </c>
      <c r="AD968">
        <v>36228.838889999999</v>
      </c>
      <c r="AE968">
        <v>44753.48777</v>
      </c>
      <c r="AF968">
        <v>44857.308109999998</v>
      </c>
      <c r="AG968">
        <v>21659.713729999999</v>
      </c>
      <c r="AH968">
        <v>251266.9669</v>
      </c>
      <c r="AI968">
        <v>78085.259760000001</v>
      </c>
      <c r="AJ968">
        <v>25237.380720000001</v>
      </c>
      <c r="AK968">
        <v>36822.922749999998</v>
      </c>
      <c r="AL968">
        <v>64542.948510000002</v>
      </c>
      <c r="AM968">
        <v>21815.1829</v>
      </c>
      <c r="AN968">
        <v>92353.050040000002</v>
      </c>
      <c r="AO968">
        <v>34664.77306</v>
      </c>
      <c r="AP968">
        <v>18985.836439999999</v>
      </c>
    </row>
    <row r="969" spans="2:42" x14ac:dyDescent="0.3">
      <c r="B969">
        <v>49.324217918351842</v>
      </c>
      <c r="C969" s="83">
        <v>43141.291666666664</v>
      </c>
      <c r="D969">
        <v>205755.6801</v>
      </c>
      <c r="E969">
        <v>24852.27434</v>
      </c>
      <c r="F969">
        <v>83096.070070000002</v>
      </c>
      <c r="G969">
        <v>48205.161260000001</v>
      </c>
      <c r="H969">
        <v>44637.206960000003</v>
      </c>
      <c r="I969">
        <v>38414.300210000001</v>
      </c>
      <c r="J969">
        <v>46918.838360000002</v>
      </c>
      <c r="K969">
        <v>45591.561699999998</v>
      </c>
      <c r="L969">
        <v>23481.888589999999</v>
      </c>
      <c r="M969">
        <v>251477.86489999999</v>
      </c>
      <c r="N969">
        <v>78688.970549999998</v>
      </c>
      <c r="O969">
        <v>26075.715069999998</v>
      </c>
      <c r="P969">
        <v>39014.979399999997</v>
      </c>
      <c r="Q969">
        <v>63200.994760000001</v>
      </c>
      <c r="R969">
        <v>22610.80802</v>
      </c>
      <c r="S969">
        <v>100081.90790000001</v>
      </c>
      <c r="T969">
        <v>33969.378770000003</v>
      </c>
      <c r="U969">
        <v>19540.195100000001</v>
      </c>
      <c r="W969" s="83">
        <f>Bühler!N1001</f>
        <v>45332.291666664321</v>
      </c>
      <c r="X969" s="83">
        <v>43141.291666666664</v>
      </c>
      <c r="Y969">
        <v>205755.6801</v>
      </c>
      <c r="Z969">
        <v>24852.27434</v>
      </c>
      <c r="AA969">
        <v>83096.070070000002</v>
      </c>
      <c r="AB969">
        <v>48205.161260000001</v>
      </c>
      <c r="AC969">
        <v>44637.206960000003</v>
      </c>
      <c r="AD969">
        <v>38414.300210000001</v>
      </c>
      <c r="AE969">
        <v>46918.838360000002</v>
      </c>
      <c r="AF969">
        <v>45591.561699999998</v>
      </c>
      <c r="AG969">
        <v>23481.888589999999</v>
      </c>
      <c r="AH969">
        <v>251477.86489999999</v>
      </c>
      <c r="AI969">
        <v>78688.970549999998</v>
      </c>
      <c r="AJ969">
        <v>26075.715069999998</v>
      </c>
      <c r="AK969">
        <v>39014.979399999997</v>
      </c>
      <c r="AL969">
        <v>63200.994760000001</v>
      </c>
      <c r="AM969">
        <v>22610.80802</v>
      </c>
      <c r="AN969">
        <v>100081.90790000001</v>
      </c>
      <c r="AO969">
        <v>33969.378770000003</v>
      </c>
      <c r="AP969">
        <v>19540.195100000001</v>
      </c>
    </row>
    <row r="970" spans="2:42" x14ac:dyDescent="0.3">
      <c r="B970">
        <v>48.520009569213805</v>
      </c>
      <c r="C970" s="83">
        <v>43141.333333333336</v>
      </c>
      <c r="D970">
        <v>204029.4149</v>
      </c>
      <c r="E970">
        <v>27636.942070000001</v>
      </c>
      <c r="F970">
        <v>87845.58915</v>
      </c>
      <c r="G970">
        <v>48656.46314</v>
      </c>
      <c r="H970">
        <v>43954.4136</v>
      </c>
      <c r="I970">
        <v>39456.017849999997</v>
      </c>
      <c r="J970">
        <v>45618.755100000002</v>
      </c>
      <c r="K970">
        <v>45645.055520000002</v>
      </c>
      <c r="L970">
        <v>26091.05169</v>
      </c>
      <c r="M970">
        <v>247377.63570000001</v>
      </c>
      <c r="N970">
        <v>79957.981100000005</v>
      </c>
      <c r="O970">
        <v>25899.967560000001</v>
      </c>
      <c r="P970">
        <v>40557.161390000001</v>
      </c>
      <c r="Q970">
        <v>62020.637669999996</v>
      </c>
      <c r="R970">
        <v>23495.431540000001</v>
      </c>
      <c r="S970">
        <v>104035.552</v>
      </c>
      <c r="T970">
        <v>34676.339</v>
      </c>
      <c r="U970">
        <v>19344.06436</v>
      </c>
      <c r="W970" s="83">
        <f>Bühler!N1002</f>
        <v>45332.333333330986</v>
      </c>
      <c r="X970" s="83">
        <v>43141.333333333336</v>
      </c>
      <c r="Y970">
        <v>204029.4149</v>
      </c>
      <c r="Z970">
        <v>27636.942070000001</v>
      </c>
      <c r="AA970">
        <v>87845.58915</v>
      </c>
      <c r="AB970">
        <v>48656.46314</v>
      </c>
      <c r="AC970">
        <v>43954.4136</v>
      </c>
      <c r="AD970">
        <v>39456.017849999997</v>
      </c>
      <c r="AE970">
        <v>45618.755100000002</v>
      </c>
      <c r="AF970">
        <v>45645.055520000002</v>
      </c>
      <c r="AG970">
        <v>26091.05169</v>
      </c>
      <c r="AH970">
        <v>247377.63570000001</v>
      </c>
      <c r="AI970">
        <v>79957.981100000005</v>
      </c>
      <c r="AJ970">
        <v>25899.967560000001</v>
      </c>
      <c r="AK970">
        <v>40557.161390000001</v>
      </c>
      <c r="AL970">
        <v>62020.637669999996</v>
      </c>
      <c r="AM970">
        <v>23495.431540000001</v>
      </c>
      <c r="AN970">
        <v>104035.552</v>
      </c>
      <c r="AO970">
        <v>34676.339</v>
      </c>
      <c r="AP970">
        <v>19344.06436</v>
      </c>
    </row>
    <row r="971" spans="2:42" x14ac:dyDescent="0.3">
      <c r="B971">
        <v>47.682172656405719</v>
      </c>
      <c r="C971" s="83">
        <v>43141.375</v>
      </c>
      <c r="D971">
        <v>202112.91690000001</v>
      </c>
      <c r="E971">
        <v>31259.694769999998</v>
      </c>
      <c r="F971">
        <v>93346.911909999995</v>
      </c>
      <c r="G971">
        <v>46430.504379999998</v>
      </c>
      <c r="H971">
        <v>44146.598380000003</v>
      </c>
      <c r="I971">
        <v>38757.553220000002</v>
      </c>
      <c r="J971">
        <v>45364.632790000003</v>
      </c>
      <c r="K971">
        <v>43520.267590000003</v>
      </c>
      <c r="L971">
        <v>28657.856049999999</v>
      </c>
      <c r="M971">
        <v>243105.95240000001</v>
      </c>
      <c r="N971">
        <v>85201.864660000007</v>
      </c>
      <c r="O971">
        <v>26320.99495</v>
      </c>
      <c r="P971">
        <v>42370.838349999998</v>
      </c>
      <c r="Q971">
        <v>60660.411690000001</v>
      </c>
      <c r="R971">
        <v>21017.096109999999</v>
      </c>
      <c r="S971">
        <v>105061.8083</v>
      </c>
      <c r="T971">
        <v>35857.500160000003</v>
      </c>
      <c r="U971">
        <v>18502.18478</v>
      </c>
      <c r="W971" s="83">
        <f>Bühler!N1003</f>
        <v>45332.37499999765</v>
      </c>
      <c r="X971" s="83">
        <v>43141.375</v>
      </c>
      <c r="Y971">
        <v>202112.91690000001</v>
      </c>
      <c r="Z971">
        <v>31259.694769999998</v>
      </c>
      <c r="AA971">
        <v>93346.911909999995</v>
      </c>
      <c r="AB971">
        <v>46430.504379999998</v>
      </c>
      <c r="AC971">
        <v>44146.598380000003</v>
      </c>
      <c r="AD971">
        <v>38757.553220000002</v>
      </c>
      <c r="AE971">
        <v>45364.632790000003</v>
      </c>
      <c r="AF971">
        <v>43520.267590000003</v>
      </c>
      <c r="AG971">
        <v>28657.856049999999</v>
      </c>
      <c r="AH971">
        <v>243105.95240000001</v>
      </c>
      <c r="AI971">
        <v>85201.864660000007</v>
      </c>
      <c r="AJ971">
        <v>26320.99495</v>
      </c>
      <c r="AK971">
        <v>42370.838349999998</v>
      </c>
      <c r="AL971">
        <v>60660.411690000001</v>
      </c>
      <c r="AM971">
        <v>21017.096109999999</v>
      </c>
      <c r="AN971">
        <v>105061.8083</v>
      </c>
      <c r="AO971">
        <v>35857.500160000003</v>
      </c>
      <c r="AP971">
        <v>18502.18478</v>
      </c>
    </row>
    <row r="972" spans="2:42" x14ac:dyDescent="0.3">
      <c r="B972">
        <v>47.66101584320635</v>
      </c>
      <c r="C972" s="83">
        <v>43141.416666666664</v>
      </c>
      <c r="D972">
        <v>199919.3713</v>
      </c>
      <c r="E972">
        <v>32969.752529999998</v>
      </c>
      <c r="F972">
        <v>92964.744460000002</v>
      </c>
      <c r="G972">
        <v>46732.027650000004</v>
      </c>
      <c r="H972">
        <v>44361.90251</v>
      </c>
      <c r="I972">
        <v>36509.136740000002</v>
      </c>
      <c r="J972">
        <v>43766.051679999997</v>
      </c>
      <c r="K972">
        <v>45524.559370000003</v>
      </c>
      <c r="L972">
        <v>30783.69298</v>
      </c>
      <c r="M972">
        <v>242998.0851</v>
      </c>
      <c r="N972">
        <v>87110.780329999994</v>
      </c>
      <c r="O972">
        <v>25602.99</v>
      </c>
      <c r="P972">
        <v>42471.714820000001</v>
      </c>
      <c r="Q972">
        <v>59352.27822</v>
      </c>
      <c r="R972">
        <v>21553.889950000001</v>
      </c>
      <c r="S972">
        <v>105584.11109999999</v>
      </c>
      <c r="T972">
        <v>37930.242579999998</v>
      </c>
      <c r="U972">
        <v>17907.817770000001</v>
      </c>
      <c r="W972" s="83">
        <f>Bühler!N1004</f>
        <v>45332.416666664314</v>
      </c>
      <c r="X972" s="83">
        <v>43141.416666666664</v>
      </c>
      <c r="Y972">
        <v>199919.3713</v>
      </c>
      <c r="Z972">
        <v>32969.752529999998</v>
      </c>
      <c r="AA972">
        <v>92964.744460000002</v>
      </c>
      <c r="AB972">
        <v>46732.027650000004</v>
      </c>
      <c r="AC972">
        <v>44361.90251</v>
      </c>
      <c r="AD972">
        <v>36509.136740000002</v>
      </c>
      <c r="AE972">
        <v>43766.051679999997</v>
      </c>
      <c r="AF972">
        <v>45524.559370000003</v>
      </c>
      <c r="AG972">
        <v>30783.69298</v>
      </c>
      <c r="AH972">
        <v>242998.0851</v>
      </c>
      <c r="AI972">
        <v>87110.780329999994</v>
      </c>
      <c r="AJ972">
        <v>25602.99</v>
      </c>
      <c r="AK972">
        <v>42471.714820000001</v>
      </c>
      <c r="AL972">
        <v>59352.27822</v>
      </c>
      <c r="AM972">
        <v>21553.889950000001</v>
      </c>
      <c r="AN972">
        <v>105584.11109999999</v>
      </c>
      <c r="AO972">
        <v>37930.242579999998</v>
      </c>
      <c r="AP972">
        <v>17907.817770000001</v>
      </c>
    </row>
    <row r="973" spans="2:42" x14ac:dyDescent="0.3">
      <c r="B973">
        <v>47.102110555051212</v>
      </c>
      <c r="C973" s="83">
        <v>43141.458333333336</v>
      </c>
      <c r="D973">
        <v>195391.23980000001</v>
      </c>
      <c r="E973">
        <v>32434.993569999999</v>
      </c>
      <c r="F973">
        <v>93355.419710000002</v>
      </c>
      <c r="G973">
        <v>46240.259279999998</v>
      </c>
      <c r="H973">
        <v>44537.213609999999</v>
      </c>
      <c r="I973">
        <v>34758.400690000002</v>
      </c>
      <c r="J973">
        <v>42497.423210000001</v>
      </c>
      <c r="K973">
        <v>50447.782050000002</v>
      </c>
      <c r="L973">
        <v>32035.561140000002</v>
      </c>
      <c r="M973">
        <v>240148.52530000001</v>
      </c>
      <c r="N973">
        <v>86086.345820000002</v>
      </c>
      <c r="O973">
        <v>25124.71614</v>
      </c>
      <c r="P973">
        <v>42513.890090000001</v>
      </c>
      <c r="Q973">
        <v>59515.75722</v>
      </c>
      <c r="R973">
        <v>27604.763589999999</v>
      </c>
      <c r="S973">
        <v>105860.1015</v>
      </c>
      <c r="T973">
        <v>38430.326849999998</v>
      </c>
      <c r="U973">
        <v>17443.813310000001</v>
      </c>
      <c r="W973" s="83">
        <f>Bühler!N1005</f>
        <v>45332.458333330978</v>
      </c>
      <c r="X973" s="83">
        <v>43141.458333333336</v>
      </c>
      <c r="Y973">
        <v>195391.23980000001</v>
      </c>
      <c r="Z973">
        <v>32434.993569999999</v>
      </c>
      <c r="AA973">
        <v>93355.419710000002</v>
      </c>
      <c r="AB973">
        <v>46240.259279999998</v>
      </c>
      <c r="AC973">
        <v>44537.213609999999</v>
      </c>
      <c r="AD973">
        <v>34758.400690000002</v>
      </c>
      <c r="AE973">
        <v>42497.423210000001</v>
      </c>
      <c r="AF973">
        <v>50447.782050000002</v>
      </c>
      <c r="AG973">
        <v>32035.561140000002</v>
      </c>
      <c r="AH973">
        <v>240148.52530000001</v>
      </c>
      <c r="AI973">
        <v>86086.345820000002</v>
      </c>
      <c r="AJ973">
        <v>25124.71614</v>
      </c>
      <c r="AK973">
        <v>42513.890090000001</v>
      </c>
      <c r="AL973">
        <v>59515.75722</v>
      </c>
      <c r="AM973">
        <v>27604.763589999999</v>
      </c>
      <c r="AN973">
        <v>105860.1015</v>
      </c>
      <c r="AO973">
        <v>38430.326849999998</v>
      </c>
      <c r="AP973">
        <v>17443.813310000001</v>
      </c>
    </row>
    <row r="974" spans="2:42" x14ac:dyDescent="0.3">
      <c r="B974">
        <v>45.485549839100955</v>
      </c>
      <c r="C974" s="83">
        <v>43141.5</v>
      </c>
      <c r="D974">
        <v>186401.37229999999</v>
      </c>
      <c r="E974">
        <v>30427.443439999999</v>
      </c>
      <c r="F974">
        <v>91880.44167</v>
      </c>
      <c r="G974">
        <v>46468.028250000003</v>
      </c>
      <c r="H974">
        <v>43650.941279999999</v>
      </c>
      <c r="I974">
        <v>34288.057269999998</v>
      </c>
      <c r="J974">
        <v>42513.52218</v>
      </c>
      <c r="K974">
        <v>51014.283770000002</v>
      </c>
      <c r="L974">
        <v>34669.248619999998</v>
      </c>
      <c r="M974">
        <v>231906.54490000001</v>
      </c>
      <c r="N974">
        <v>83861.156300000002</v>
      </c>
      <c r="O974">
        <v>24778.029689999999</v>
      </c>
      <c r="P974">
        <v>42446.330840000002</v>
      </c>
      <c r="Q974">
        <v>57454.325689999998</v>
      </c>
      <c r="R974">
        <v>23903.636989999999</v>
      </c>
      <c r="S974">
        <v>99575.116399999999</v>
      </c>
      <c r="T974">
        <v>37712.529880000002</v>
      </c>
      <c r="U974">
        <v>15811.97334</v>
      </c>
      <c r="W974" s="83">
        <f>Bühler!N1006</f>
        <v>45332.499999997643</v>
      </c>
      <c r="X974" s="83">
        <v>43141.5</v>
      </c>
      <c r="Y974">
        <v>186401.37229999999</v>
      </c>
      <c r="Z974">
        <v>30427.443439999999</v>
      </c>
      <c r="AA974">
        <v>91880.44167</v>
      </c>
      <c r="AB974">
        <v>46468.028250000003</v>
      </c>
      <c r="AC974">
        <v>43650.941279999999</v>
      </c>
      <c r="AD974">
        <v>34288.057269999998</v>
      </c>
      <c r="AE974">
        <v>42513.52218</v>
      </c>
      <c r="AF974">
        <v>51014.283770000002</v>
      </c>
      <c r="AG974">
        <v>34669.248619999998</v>
      </c>
      <c r="AH974">
        <v>231906.54490000001</v>
      </c>
      <c r="AI974">
        <v>83861.156300000002</v>
      </c>
      <c r="AJ974">
        <v>24778.029689999999</v>
      </c>
      <c r="AK974">
        <v>42446.330840000002</v>
      </c>
      <c r="AL974">
        <v>57454.325689999998</v>
      </c>
      <c r="AM974">
        <v>23903.636989999999</v>
      </c>
      <c r="AN974">
        <v>99575.116399999999</v>
      </c>
      <c r="AO974">
        <v>37712.529880000002</v>
      </c>
      <c r="AP974">
        <v>15811.97334</v>
      </c>
    </row>
    <row r="975" spans="2:42" x14ac:dyDescent="0.3">
      <c r="B975">
        <v>44.622569561327396</v>
      </c>
      <c r="C975" s="83">
        <v>43141.541666666664</v>
      </c>
      <c r="D975">
        <v>182790.1765</v>
      </c>
      <c r="E975">
        <v>29146.889759999998</v>
      </c>
      <c r="F975">
        <v>90025.638800000001</v>
      </c>
      <c r="G975">
        <v>44581.676630000002</v>
      </c>
      <c r="H975">
        <v>42597.754350000003</v>
      </c>
      <c r="I975">
        <v>33834.093489999999</v>
      </c>
      <c r="J975">
        <v>41410.065600000002</v>
      </c>
      <c r="K975">
        <v>51010.970609999997</v>
      </c>
      <c r="L975">
        <v>34215.116470000001</v>
      </c>
      <c r="M975">
        <v>227506.66899999999</v>
      </c>
      <c r="N975">
        <v>82504.624110000004</v>
      </c>
      <c r="O975">
        <v>24089.36231</v>
      </c>
      <c r="P975">
        <v>40912.683599999997</v>
      </c>
      <c r="Q975">
        <v>54847.982230000001</v>
      </c>
      <c r="R975">
        <v>23003.433280000001</v>
      </c>
      <c r="S975">
        <v>99515.628649999999</v>
      </c>
      <c r="T975">
        <v>35928.796049999997</v>
      </c>
      <c r="U975">
        <v>15499.56221</v>
      </c>
      <c r="W975" s="83">
        <f>Bühler!N1007</f>
        <v>45332.541666664307</v>
      </c>
      <c r="X975" s="83">
        <v>43141.541666666664</v>
      </c>
      <c r="Y975">
        <v>182790.1765</v>
      </c>
      <c r="Z975">
        <v>29146.889759999998</v>
      </c>
      <c r="AA975">
        <v>90025.638800000001</v>
      </c>
      <c r="AB975">
        <v>44581.676630000002</v>
      </c>
      <c r="AC975">
        <v>42597.754350000003</v>
      </c>
      <c r="AD975">
        <v>33834.093489999999</v>
      </c>
      <c r="AE975">
        <v>41410.065600000002</v>
      </c>
      <c r="AF975">
        <v>51010.970609999997</v>
      </c>
      <c r="AG975">
        <v>34215.116470000001</v>
      </c>
      <c r="AH975">
        <v>227506.66899999999</v>
      </c>
      <c r="AI975">
        <v>82504.624110000004</v>
      </c>
      <c r="AJ975">
        <v>24089.36231</v>
      </c>
      <c r="AK975">
        <v>40912.683599999997</v>
      </c>
      <c r="AL975">
        <v>54847.982230000001</v>
      </c>
      <c r="AM975">
        <v>23003.433280000001</v>
      </c>
      <c r="AN975">
        <v>99515.628649999999</v>
      </c>
      <c r="AO975">
        <v>35928.796049999997</v>
      </c>
      <c r="AP975">
        <v>15499.56221</v>
      </c>
    </row>
    <row r="976" spans="2:42" x14ac:dyDescent="0.3">
      <c r="B976">
        <v>44.200500892894333</v>
      </c>
      <c r="C976" s="83">
        <v>43141.583333333336</v>
      </c>
      <c r="D976">
        <v>181274.13459999999</v>
      </c>
      <c r="E976">
        <v>29371.063480000001</v>
      </c>
      <c r="F976">
        <v>90413.220170000001</v>
      </c>
      <c r="G976">
        <v>43728.081910000001</v>
      </c>
      <c r="H976">
        <v>41631.808640000003</v>
      </c>
      <c r="I976">
        <v>33746.931389999998</v>
      </c>
      <c r="J976">
        <v>40556.629520000002</v>
      </c>
      <c r="K976">
        <v>50097.144</v>
      </c>
      <c r="L976">
        <v>31519.468430000001</v>
      </c>
      <c r="M976">
        <v>225354.76610000001</v>
      </c>
      <c r="N976">
        <v>83237.62139</v>
      </c>
      <c r="O976">
        <v>23672.740160000001</v>
      </c>
      <c r="P976">
        <v>38399.22249</v>
      </c>
      <c r="Q976">
        <v>53865.786650000002</v>
      </c>
      <c r="R976">
        <v>22689.390319999999</v>
      </c>
      <c r="S976">
        <v>95655.751069999998</v>
      </c>
      <c r="T976">
        <v>35675.325420000001</v>
      </c>
      <c r="U976">
        <v>15365.4301</v>
      </c>
      <c r="W976" s="83">
        <f>Bühler!N1008</f>
        <v>45332.583333330971</v>
      </c>
      <c r="X976" s="83">
        <v>43141.583333333336</v>
      </c>
      <c r="Y976">
        <v>181274.13459999999</v>
      </c>
      <c r="Z976">
        <v>29371.063480000001</v>
      </c>
      <c r="AA976">
        <v>90413.220170000001</v>
      </c>
      <c r="AB976">
        <v>43728.081910000001</v>
      </c>
      <c r="AC976">
        <v>41631.808640000003</v>
      </c>
      <c r="AD976">
        <v>33746.931389999998</v>
      </c>
      <c r="AE976">
        <v>40556.629520000002</v>
      </c>
      <c r="AF976">
        <v>50097.144</v>
      </c>
      <c r="AG976">
        <v>31519.468430000001</v>
      </c>
      <c r="AH976">
        <v>225354.76610000001</v>
      </c>
      <c r="AI976">
        <v>83237.62139</v>
      </c>
      <c r="AJ976">
        <v>23672.740160000001</v>
      </c>
      <c r="AK976">
        <v>38399.22249</v>
      </c>
      <c r="AL976">
        <v>53865.786650000002</v>
      </c>
      <c r="AM976">
        <v>22689.390319999999</v>
      </c>
      <c r="AN976">
        <v>95655.751069999998</v>
      </c>
      <c r="AO976">
        <v>35675.325420000001</v>
      </c>
      <c r="AP976">
        <v>15365.4301</v>
      </c>
    </row>
    <row r="977" spans="2:42" x14ac:dyDescent="0.3">
      <c r="B977">
        <v>43.544302601955579</v>
      </c>
      <c r="C977" s="83">
        <v>43141.625</v>
      </c>
      <c r="D977">
        <v>180198.1404</v>
      </c>
      <c r="E977">
        <v>29124.460780000001</v>
      </c>
      <c r="F977">
        <v>90698.464770000006</v>
      </c>
      <c r="G977">
        <v>43087.212169999999</v>
      </c>
      <c r="H977">
        <v>41593.699829999998</v>
      </c>
      <c r="I977">
        <v>33521.115559999998</v>
      </c>
      <c r="J977">
        <v>40087.349219999996</v>
      </c>
      <c r="K977">
        <v>50322.701970000002</v>
      </c>
      <c r="L977">
        <v>29253.288120000001</v>
      </c>
      <c r="M977">
        <v>222009.1612</v>
      </c>
      <c r="N977">
        <v>83620.715089999998</v>
      </c>
      <c r="O977">
        <v>23690.564829999999</v>
      </c>
      <c r="P977">
        <v>36545.042500000003</v>
      </c>
      <c r="Q977">
        <v>54067.018080000002</v>
      </c>
      <c r="R977">
        <v>22355.618699999999</v>
      </c>
      <c r="S977">
        <v>94359.754390000002</v>
      </c>
      <c r="T977">
        <v>35494.512560000003</v>
      </c>
      <c r="U977">
        <v>15632.879569999999</v>
      </c>
      <c r="W977" s="83">
        <f>Bühler!N1009</f>
        <v>45332.624999997635</v>
      </c>
      <c r="X977" s="83">
        <v>43141.625</v>
      </c>
      <c r="Y977">
        <v>180198.1404</v>
      </c>
      <c r="Z977">
        <v>29124.460780000001</v>
      </c>
      <c r="AA977">
        <v>90698.464770000006</v>
      </c>
      <c r="AB977">
        <v>43087.212169999999</v>
      </c>
      <c r="AC977">
        <v>41593.699829999998</v>
      </c>
      <c r="AD977">
        <v>33521.115559999998</v>
      </c>
      <c r="AE977">
        <v>40087.349219999996</v>
      </c>
      <c r="AF977">
        <v>50322.701970000002</v>
      </c>
      <c r="AG977">
        <v>29253.288120000001</v>
      </c>
      <c r="AH977">
        <v>222009.1612</v>
      </c>
      <c r="AI977">
        <v>83620.715089999998</v>
      </c>
      <c r="AJ977">
        <v>23690.564829999999</v>
      </c>
      <c r="AK977">
        <v>36545.042500000003</v>
      </c>
      <c r="AL977">
        <v>54067.018080000002</v>
      </c>
      <c r="AM977">
        <v>22355.618699999999</v>
      </c>
      <c r="AN977">
        <v>94359.754390000002</v>
      </c>
      <c r="AO977">
        <v>35494.512560000003</v>
      </c>
      <c r="AP977">
        <v>15632.879569999999</v>
      </c>
    </row>
    <row r="978" spans="2:42" x14ac:dyDescent="0.3">
      <c r="B978">
        <v>42.69287854443499</v>
      </c>
      <c r="C978" s="83">
        <v>43141.666666666664</v>
      </c>
      <c r="D978">
        <v>179896.26439999999</v>
      </c>
      <c r="E978">
        <v>29015.19212</v>
      </c>
      <c r="F978">
        <v>89992.969549999994</v>
      </c>
      <c r="G978">
        <v>42689.982150000003</v>
      </c>
      <c r="H978">
        <v>41206.199990000001</v>
      </c>
      <c r="I978">
        <v>34635.165330000003</v>
      </c>
      <c r="J978">
        <v>39658.281600000002</v>
      </c>
      <c r="K978">
        <v>48263.652159999998</v>
      </c>
      <c r="L978">
        <v>28325.338029999999</v>
      </c>
      <c r="M978">
        <v>217668.20430000001</v>
      </c>
      <c r="N978">
        <v>81973.756129999994</v>
      </c>
      <c r="O978">
        <v>23584.63464</v>
      </c>
      <c r="P978">
        <v>36854.468500000003</v>
      </c>
      <c r="Q978">
        <v>53886.885580000002</v>
      </c>
      <c r="R978">
        <v>23102.807779999999</v>
      </c>
      <c r="S978">
        <v>95253.604659999997</v>
      </c>
      <c r="T978">
        <v>35726.754650000003</v>
      </c>
      <c r="U978">
        <v>15796.003919999999</v>
      </c>
      <c r="W978" s="83">
        <f>Bühler!N1010</f>
        <v>45332.6666666643</v>
      </c>
      <c r="X978" s="83">
        <v>43141.666666666664</v>
      </c>
      <c r="Y978">
        <v>179896.26439999999</v>
      </c>
      <c r="Z978">
        <v>29015.19212</v>
      </c>
      <c r="AA978">
        <v>89992.969549999994</v>
      </c>
      <c r="AB978">
        <v>42689.982150000003</v>
      </c>
      <c r="AC978">
        <v>41206.199990000001</v>
      </c>
      <c r="AD978">
        <v>34635.165330000003</v>
      </c>
      <c r="AE978">
        <v>39658.281600000002</v>
      </c>
      <c r="AF978">
        <v>48263.652159999998</v>
      </c>
      <c r="AG978">
        <v>28325.338029999999</v>
      </c>
      <c r="AH978">
        <v>217668.20430000001</v>
      </c>
      <c r="AI978">
        <v>81973.756129999994</v>
      </c>
      <c r="AJ978">
        <v>23584.63464</v>
      </c>
      <c r="AK978">
        <v>36854.468500000003</v>
      </c>
      <c r="AL978">
        <v>53886.885580000002</v>
      </c>
      <c r="AM978">
        <v>23102.807779999999</v>
      </c>
      <c r="AN978">
        <v>95253.604659999997</v>
      </c>
      <c r="AO978">
        <v>35726.754650000003</v>
      </c>
      <c r="AP978">
        <v>15796.003919999999</v>
      </c>
    </row>
    <row r="979" spans="2:42" x14ac:dyDescent="0.3">
      <c r="B979">
        <v>42.357626904949932</v>
      </c>
      <c r="C979" s="83">
        <v>43141.708333333336</v>
      </c>
      <c r="D979">
        <v>179139.92720000001</v>
      </c>
      <c r="E979">
        <v>29020.943609999998</v>
      </c>
      <c r="F979">
        <v>90706.947209999998</v>
      </c>
      <c r="G979">
        <v>42783.932950000002</v>
      </c>
      <c r="H979">
        <v>41952.467960000002</v>
      </c>
      <c r="I979">
        <v>35320.512419999999</v>
      </c>
      <c r="J979">
        <v>40562.852709999999</v>
      </c>
      <c r="K979">
        <v>46633.181349999999</v>
      </c>
      <c r="L979">
        <v>28953.52836</v>
      </c>
      <c r="M979">
        <v>215958.9351</v>
      </c>
      <c r="N979">
        <v>75235.427949999998</v>
      </c>
      <c r="O979">
        <v>23927.749540000001</v>
      </c>
      <c r="P979">
        <v>39347.264719999999</v>
      </c>
      <c r="Q979">
        <v>52416.057240000002</v>
      </c>
      <c r="R979">
        <v>25280.226050000001</v>
      </c>
      <c r="S979">
        <v>98695.775240000003</v>
      </c>
      <c r="T979">
        <v>36731.409789999998</v>
      </c>
      <c r="U979">
        <v>16101.854230000001</v>
      </c>
      <c r="W979" s="83">
        <f>Bühler!N1011</f>
        <v>45332.708333330964</v>
      </c>
      <c r="X979" s="83">
        <v>43141.708333333336</v>
      </c>
      <c r="Y979">
        <v>179139.92720000001</v>
      </c>
      <c r="Z979">
        <v>29020.943609999998</v>
      </c>
      <c r="AA979">
        <v>90706.947209999998</v>
      </c>
      <c r="AB979">
        <v>42783.932950000002</v>
      </c>
      <c r="AC979">
        <v>41952.467960000002</v>
      </c>
      <c r="AD979">
        <v>35320.512419999999</v>
      </c>
      <c r="AE979">
        <v>40562.852709999999</v>
      </c>
      <c r="AF979">
        <v>46633.181349999999</v>
      </c>
      <c r="AG979">
        <v>28953.52836</v>
      </c>
      <c r="AH979">
        <v>215958.9351</v>
      </c>
      <c r="AI979">
        <v>75235.427949999998</v>
      </c>
      <c r="AJ979">
        <v>23927.749540000001</v>
      </c>
      <c r="AK979">
        <v>39347.264719999999</v>
      </c>
      <c r="AL979">
        <v>52416.057240000002</v>
      </c>
      <c r="AM979">
        <v>25280.226050000001</v>
      </c>
      <c r="AN979">
        <v>98695.775240000003</v>
      </c>
      <c r="AO979">
        <v>36731.409789999998</v>
      </c>
      <c r="AP979">
        <v>16101.854230000001</v>
      </c>
    </row>
    <row r="980" spans="2:42" x14ac:dyDescent="0.3">
      <c r="B980">
        <v>41.490262838307139</v>
      </c>
      <c r="C980" s="83">
        <v>43141.75</v>
      </c>
      <c r="D980">
        <v>180189.0134</v>
      </c>
      <c r="E980">
        <v>28834.85484</v>
      </c>
      <c r="F980">
        <v>90902.854040000006</v>
      </c>
      <c r="G980">
        <v>44127.686880000001</v>
      </c>
      <c r="H980">
        <v>43373.670639999997</v>
      </c>
      <c r="I980">
        <v>36513.68273</v>
      </c>
      <c r="J980">
        <v>43845.023110000002</v>
      </c>
      <c r="K980">
        <v>42982.412049999999</v>
      </c>
      <c r="L980">
        <v>31759.21744</v>
      </c>
      <c r="M980">
        <v>211536.70860000001</v>
      </c>
      <c r="N980">
        <v>76134.523679999998</v>
      </c>
      <c r="O980">
        <v>24842.861369999999</v>
      </c>
      <c r="P980">
        <v>43907.57993</v>
      </c>
      <c r="Q980">
        <v>51486.35095</v>
      </c>
      <c r="R980">
        <v>21466.328990000002</v>
      </c>
      <c r="S980">
        <v>99570.789669999998</v>
      </c>
      <c r="T980">
        <v>37322.21269</v>
      </c>
      <c r="U980">
        <v>17259.83424</v>
      </c>
      <c r="W980" s="83">
        <f>Bühler!N1012</f>
        <v>45332.749999997628</v>
      </c>
      <c r="X980" s="83">
        <v>43141.75</v>
      </c>
      <c r="Y980">
        <v>180189.0134</v>
      </c>
      <c r="Z980">
        <v>28834.85484</v>
      </c>
      <c r="AA980">
        <v>90902.854040000006</v>
      </c>
      <c r="AB980">
        <v>44127.686880000001</v>
      </c>
      <c r="AC980">
        <v>43373.670639999997</v>
      </c>
      <c r="AD980">
        <v>36513.68273</v>
      </c>
      <c r="AE980">
        <v>43845.023110000002</v>
      </c>
      <c r="AF980">
        <v>42982.412049999999</v>
      </c>
      <c r="AG980">
        <v>31759.21744</v>
      </c>
      <c r="AH980">
        <v>211536.70860000001</v>
      </c>
      <c r="AI980">
        <v>76134.523679999998</v>
      </c>
      <c r="AJ980">
        <v>24842.861369999999</v>
      </c>
      <c r="AK980">
        <v>43907.57993</v>
      </c>
      <c r="AL980">
        <v>51486.35095</v>
      </c>
      <c r="AM980">
        <v>21466.328990000002</v>
      </c>
      <c r="AN980">
        <v>99570.789669999998</v>
      </c>
      <c r="AO980">
        <v>37322.21269</v>
      </c>
      <c r="AP980">
        <v>17259.83424</v>
      </c>
    </row>
    <row r="981" spans="2:42" x14ac:dyDescent="0.3">
      <c r="B981">
        <v>41.838742946017042</v>
      </c>
      <c r="C981" s="83">
        <v>43141.791666666664</v>
      </c>
      <c r="D981">
        <v>180582.1153</v>
      </c>
      <c r="E981">
        <v>24954.957340000001</v>
      </c>
      <c r="F981">
        <v>79040.406189999994</v>
      </c>
      <c r="G981">
        <v>44176.708630000001</v>
      </c>
      <c r="H981">
        <v>42991.506930000003</v>
      </c>
      <c r="I981">
        <v>35917.752540000001</v>
      </c>
      <c r="J981">
        <v>44132.347840000002</v>
      </c>
      <c r="K981">
        <v>42964.634460000001</v>
      </c>
      <c r="L981">
        <v>33095.47251</v>
      </c>
      <c r="M981">
        <v>213313.4227</v>
      </c>
      <c r="N981">
        <v>77861.675529999993</v>
      </c>
      <c r="O981">
        <v>24816.727070000001</v>
      </c>
      <c r="P981">
        <v>45598.506020000001</v>
      </c>
      <c r="Q981">
        <v>50990.9931</v>
      </c>
      <c r="R981">
        <v>21819.092619999999</v>
      </c>
      <c r="S981">
        <v>99372.156300000002</v>
      </c>
      <c r="T981">
        <v>36631.690069999997</v>
      </c>
      <c r="U981">
        <v>17472.46371</v>
      </c>
      <c r="W981" s="83">
        <f>Bühler!N1013</f>
        <v>45332.791666664292</v>
      </c>
      <c r="X981" s="83">
        <v>43141.791666666664</v>
      </c>
      <c r="Y981">
        <v>180582.1153</v>
      </c>
      <c r="Z981">
        <v>24954.957340000001</v>
      </c>
      <c r="AA981">
        <v>79040.406189999994</v>
      </c>
      <c r="AB981">
        <v>44176.708630000001</v>
      </c>
      <c r="AC981">
        <v>42991.506930000003</v>
      </c>
      <c r="AD981">
        <v>35917.752540000001</v>
      </c>
      <c r="AE981">
        <v>44132.347840000002</v>
      </c>
      <c r="AF981">
        <v>42964.634460000001</v>
      </c>
      <c r="AG981">
        <v>33095.47251</v>
      </c>
      <c r="AH981">
        <v>213313.4227</v>
      </c>
      <c r="AI981">
        <v>77861.675529999993</v>
      </c>
      <c r="AJ981">
        <v>24816.727070000001</v>
      </c>
      <c r="AK981">
        <v>45598.506020000001</v>
      </c>
      <c r="AL981">
        <v>50990.9931</v>
      </c>
      <c r="AM981">
        <v>21819.092619999999</v>
      </c>
      <c r="AN981">
        <v>99372.156300000002</v>
      </c>
      <c r="AO981">
        <v>36631.690069999997</v>
      </c>
      <c r="AP981">
        <v>17472.46371</v>
      </c>
    </row>
    <row r="982" spans="2:42" x14ac:dyDescent="0.3">
      <c r="B982">
        <v>42.046439247017595</v>
      </c>
      <c r="C982" s="83">
        <v>43141.833333333336</v>
      </c>
      <c r="D982">
        <v>180291.47719999999</v>
      </c>
      <c r="E982">
        <v>19926.715690000001</v>
      </c>
      <c r="F982">
        <v>58997.932800000002</v>
      </c>
      <c r="G982">
        <v>44195.362540000002</v>
      </c>
      <c r="H982">
        <v>42939.792260000002</v>
      </c>
      <c r="I982">
        <v>33905.774160000001</v>
      </c>
      <c r="J982">
        <v>42988.029130000003</v>
      </c>
      <c r="K982">
        <v>50005.376349999999</v>
      </c>
      <c r="L982">
        <v>32587.529320000001</v>
      </c>
      <c r="M982">
        <v>214372.3553</v>
      </c>
      <c r="N982">
        <v>78511.997029999999</v>
      </c>
      <c r="O982">
        <v>24313.99798</v>
      </c>
      <c r="P982">
        <v>45740.090329999999</v>
      </c>
      <c r="Q982">
        <v>49721.556850000001</v>
      </c>
      <c r="R982">
        <v>25067.15351</v>
      </c>
      <c r="S982">
        <v>92923.784280000007</v>
      </c>
      <c r="T982">
        <v>33847.055719999997</v>
      </c>
      <c r="U982">
        <v>17489.326349999999</v>
      </c>
      <c r="W982" s="83">
        <f>Bühler!N1014</f>
        <v>45332.833333330957</v>
      </c>
      <c r="X982" s="83">
        <v>43141.833333333336</v>
      </c>
      <c r="Y982">
        <v>180291.47719999999</v>
      </c>
      <c r="Z982">
        <v>19926.715690000001</v>
      </c>
      <c r="AA982">
        <v>58997.932800000002</v>
      </c>
      <c r="AB982">
        <v>44195.362540000002</v>
      </c>
      <c r="AC982">
        <v>42939.792260000002</v>
      </c>
      <c r="AD982">
        <v>33905.774160000001</v>
      </c>
      <c r="AE982">
        <v>42988.029130000003</v>
      </c>
      <c r="AF982">
        <v>50005.376349999999</v>
      </c>
      <c r="AG982">
        <v>32587.529320000001</v>
      </c>
      <c r="AH982">
        <v>214372.3553</v>
      </c>
      <c r="AI982">
        <v>78511.997029999999</v>
      </c>
      <c r="AJ982">
        <v>24313.99798</v>
      </c>
      <c r="AK982">
        <v>45740.090329999999</v>
      </c>
      <c r="AL982">
        <v>49721.556850000001</v>
      </c>
      <c r="AM982">
        <v>25067.15351</v>
      </c>
      <c r="AN982">
        <v>92923.784280000007</v>
      </c>
      <c r="AO982">
        <v>33847.055719999997</v>
      </c>
      <c r="AP982">
        <v>17489.326349999999</v>
      </c>
    </row>
    <row r="983" spans="2:42" x14ac:dyDescent="0.3">
      <c r="B983">
        <v>42.020771214471594</v>
      </c>
      <c r="C983" s="83">
        <v>43141.875</v>
      </c>
      <c r="D983">
        <v>178638.49729999999</v>
      </c>
      <c r="E983">
        <v>18141.07216</v>
      </c>
      <c r="F983">
        <v>51151.755599999997</v>
      </c>
      <c r="G983">
        <v>43654.610780000003</v>
      </c>
      <c r="H983">
        <v>41734.734909999999</v>
      </c>
      <c r="I983">
        <v>31375.157050000002</v>
      </c>
      <c r="J983">
        <v>41686.78613</v>
      </c>
      <c r="K983">
        <v>50623.820769999998</v>
      </c>
      <c r="L983">
        <v>31244.136579999999</v>
      </c>
      <c r="M983">
        <v>214241.4877</v>
      </c>
      <c r="N983">
        <v>76690.893330000006</v>
      </c>
      <c r="O983">
        <v>24413.860649999999</v>
      </c>
      <c r="P983">
        <v>44539.27822</v>
      </c>
      <c r="Q983">
        <v>48755.21602</v>
      </c>
      <c r="R983">
        <v>22630.684590000001</v>
      </c>
      <c r="S983">
        <v>88858.808300000004</v>
      </c>
      <c r="T983">
        <v>32004.620029999998</v>
      </c>
      <c r="U983">
        <v>17514.395</v>
      </c>
      <c r="W983" s="83">
        <f>Bühler!N1015</f>
        <v>45332.874999997621</v>
      </c>
      <c r="X983" s="83">
        <v>43141.875</v>
      </c>
      <c r="Y983">
        <v>178638.49729999999</v>
      </c>
      <c r="Z983">
        <v>18141.07216</v>
      </c>
      <c r="AA983">
        <v>51151.755599999997</v>
      </c>
      <c r="AB983">
        <v>43654.610780000003</v>
      </c>
      <c r="AC983">
        <v>41734.734909999999</v>
      </c>
      <c r="AD983">
        <v>31375.157050000002</v>
      </c>
      <c r="AE983">
        <v>41686.78613</v>
      </c>
      <c r="AF983">
        <v>50623.820769999998</v>
      </c>
      <c r="AG983">
        <v>31244.136579999999</v>
      </c>
      <c r="AH983">
        <v>214241.4877</v>
      </c>
      <c r="AI983">
        <v>76690.893330000006</v>
      </c>
      <c r="AJ983">
        <v>24413.860649999999</v>
      </c>
      <c r="AK983">
        <v>44539.27822</v>
      </c>
      <c r="AL983">
        <v>48755.21602</v>
      </c>
      <c r="AM983">
        <v>22630.684590000001</v>
      </c>
      <c r="AN983">
        <v>88858.808300000004</v>
      </c>
      <c r="AO983">
        <v>32004.620029999998</v>
      </c>
      <c r="AP983">
        <v>17514.395</v>
      </c>
    </row>
    <row r="984" spans="2:42" x14ac:dyDescent="0.3">
      <c r="B984">
        <v>42.093983250202484</v>
      </c>
      <c r="C984" s="83">
        <v>43141.916666666664</v>
      </c>
      <c r="D984">
        <v>178598.78709999999</v>
      </c>
      <c r="E984">
        <v>17880.847979999999</v>
      </c>
      <c r="F984">
        <v>48718.413460000003</v>
      </c>
      <c r="G984">
        <v>43783.297879999998</v>
      </c>
      <c r="H984">
        <v>42655.4162</v>
      </c>
      <c r="I984">
        <v>30061.59002</v>
      </c>
      <c r="J984">
        <v>40515.905489999997</v>
      </c>
      <c r="K984">
        <v>53550.327389999999</v>
      </c>
      <c r="L984">
        <v>28822.325570000001</v>
      </c>
      <c r="M984">
        <v>214614.7568</v>
      </c>
      <c r="N984">
        <v>78390.653909999994</v>
      </c>
      <c r="O984">
        <v>25615.305990000001</v>
      </c>
      <c r="P984">
        <v>48585.673750000002</v>
      </c>
      <c r="Q984">
        <v>48897.256950000003</v>
      </c>
      <c r="R984">
        <v>33744.949820000002</v>
      </c>
      <c r="S984">
        <v>87649.630229999995</v>
      </c>
      <c r="T984">
        <v>31544.40251</v>
      </c>
      <c r="U984">
        <v>19044.395509999998</v>
      </c>
      <c r="W984" s="83">
        <f>Bühler!N1016</f>
        <v>45332.916666664285</v>
      </c>
      <c r="X984" s="83">
        <v>43141.916666666664</v>
      </c>
      <c r="Y984">
        <v>178598.78709999999</v>
      </c>
      <c r="Z984">
        <v>17880.847979999999</v>
      </c>
      <c r="AA984">
        <v>48718.413460000003</v>
      </c>
      <c r="AB984">
        <v>43783.297879999998</v>
      </c>
      <c r="AC984">
        <v>42655.4162</v>
      </c>
      <c r="AD984">
        <v>30061.59002</v>
      </c>
      <c r="AE984">
        <v>40515.905489999997</v>
      </c>
      <c r="AF984">
        <v>53550.327389999999</v>
      </c>
      <c r="AG984">
        <v>28822.325570000001</v>
      </c>
      <c r="AH984">
        <v>214614.7568</v>
      </c>
      <c r="AI984">
        <v>78390.653909999994</v>
      </c>
      <c r="AJ984">
        <v>25615.305990000001</v>
      </c>
      <c r="AK984">
        <v>48585.673750000002</v>
      </c>
      <c r="AL984">
        <v>48897.256950000003</v>
      </c>
      <c r="AM984">
        <v>33744.949820000002</v>
      </c>
      <c r="AN984">
        <v>87649.630229999995</v>
      </c>
      <c r="AO984">
        <v>31544.40251</v>
      </c>
      <c r="AP984">
        <v>19044.395509999998</v>
      </c>
    </row>
    <row r="985" spans="2:42" x14ac:dyDescent="0.3">
      <c r="B985">
        <v>42.097945108268263</v>
      </c>
      <c r="C985" s="83">
        <v>43141.958333333336</v>
      </c>
      <c r="D985">
        <v>178107.72959999999</v>
      </c>
      <c r="E985">
        <v>17802.230749999999</v>
      </c>
      <c r="F985">
        <v>47761.164149999997</v>
      </c>
      <c r="G985">
        <v>43511.000849999997</v>
      </c>
      <c r="H985">
        <v>42206.375899999999</v>
      </c>
      <c r="I985">
        <v>29168.780879999998</v>
      </c>
      <c r="J985">
        <v>38910.89071</v>
      </c>
      <c r="K985">
        <v>53417.63654</v>
      </c>
      <c r="L985">
        <v>25354.77061</v>
      </c>
      <c r="M985">
        <v>214634.95619999999</v>
      </c>
      <c r="N985">
        <v>78624.655700000003</v>
      </c>
      <c r="O985">
        <v>25491.535619999999</v>
      </c>
      <c r="P985">
        <v>43494.004130000001</v>
      </c>
      <c r="Q985">
        <v>48244.939019999998</v>
      </c>
      <c r="R985">
        <v>36386.183380000002</v>
      </c>
      <c r="S985">
        <v>85690.209860000003</v>
      </c>
      <c r="T985">
        <v>33971.051529999997</v>
      </c>
      <c r="U985">
        <v>18623.609410000001</v>
      </c>
      <c r="W985" s="83">
        <f>Bühler!N1017</f>
        <v>45332.958333330949</v>
      </c>
      <c r="X985" s="83">
        <v>43141.958333333336</v>
      </c>
      <c r="Y985">
        <v>178107.72959999999</v>
      </c>
      <c r="Z985">
        <v>17802.230749999999</v>
      </c>
      <c r="AA985">
        <v>47761.164149999997</v>
      </c>
      <c r="AB985">
        <v>43511.000849999997</v>
      </c>
      <c r="AC985">
        <v>42206.375899999999</v>
      </c>
      <c r="AD985">
        <v>29168.780879999998</v>
      </c>
      <c r="AE985">
        <v>38910.89071</v>
      </c>
      <c r="AF985">
        <v>53417.63654</v>
      </c>
      <c r="AG985">
        <v>25354.77061</v>
      </c>
      <c r="AH985">
        <v>214634.95619999999</v>
      </c>
      <c r="AI985">
        <v>78624.655700000003</v>
      </c>
      <c r="AJ985">
        <v>25491.535619999999</v>
      </c>
      <c r="AK985">
        <v>43494.004130000001</v>
      </c>
      <c r="AL985">
        <v>48244.939019999998</v>
      </c>
      <c r="AM985">
        <v>36386.183380000002</v>
      </c>
      <c r="AN985">
        <v>85690.209860000003</v>
      </c>
      <c r="AO985">
        <v>33971.051529999997</v>
      </c>
      <c r="AP985">
        <v>18623.609410000001</v>
      </c>
    </row>
    <row r="986" spans="2:42" x14ac:dyDescent="0.3">
      <c r="B986">
        <v>41.536183902465851</v>
      </c>
      <c r="C986" s="83">
        <v>43142</v>
      </c>
      <c r="D986">
        <v>177516.65789999999</v>
      </c>
      <c r="E986">
        <v>17559.853620000002</v>
      </c>
      <c r="F986">
        <v>47709.159659999998</v>
      </c>
      <c r="G986">
        <v>43402.637320000002</v>
      </c>
      <c r="H986">
        <v>40988.630230000002</v>
      </c>
      <c r="I986">
        <v>27391.015800000001</v>
      </c>
      <c r="J986">
        <v>36973.21097</v>
      </c>
      <c r="K986">
        <v>51627.426520000001</v>
      </c>
      <c r="L986">
        <v>22187.07877</v>
      </c>
      <c r="M986">
        <v>211770.83559999999</v>
      </c>
      <c r="N986">
        <v>77121.245469999994</v>
      </c>
      <c r="O986">
        <v>25475.397290000001</v>
      </c>
      <c r="P986">
        <v>40151.954120000002</v>
      </c>
      <c r="Q986">
        <v>48489.7883</v>
      </c>
      <c r="R986">
        <v>31592.924419999999</v>
      </c>
      <c r="S986">
        <v>84845.762480000005</v>
      </c>
      <c r="T986">
        <v>32591.849320000001</v>
      </c>
      <c r="U986">
        <v>17969.038359999999</v>
      </c>
      <c r="W986" s="83">
        <f>Bühler!N1018</f>
        <v>45332.999999997613</v>
      </c>
      <c r="X986" s="83">
        <v>43142</v>
      </c>
      <c r="Y986">
        <v>177516.65789999999</v>
      </c>
      <c r="Z986">
        <v>17559.853620000002</v>
      </c>
      <c r="AA986">
        <v>47709.159659999998</v>
      </c>
      <c r="AB986">
        <v>43402.637320000002</v>
      </c>
      <c r="AC986">
        <v>40988.630230000002</v>
      </c>
      <c r="AD986">
        <v>27391.015800000001</v>
      </c>
      <c r="AE986">
        <v>36973.21097</v>
      </c>
      <c r="AF986">
        <v>51627.426520000001</v>
      </c>
      <c r="AG986">
        <v>22187.07877</v>
      </c>
      <c r="AH986">
        <v>211770.83559999999</v>
      </c>
      <c r="AI986">
        <v>77121.245469999994</v>
      </c>
      <c r="AJ986">
        <v>25475.397290000001</v>
      </c>
      <c r="AK986">
        <v>40151.954120000002</v>
      </c>
      <c r="AL986">
        <v>48489.7883</v>
      </c>
      <c r="AM986">
        <v>31592.924419999999</v>
      </c>
      <c r="AN986">
        <v>84845.762480000005</v>
      </c>
      <c r="AO986">
        <v>32591.849320000001</v>
      </c>
      <c r="AP986">
        <v>17969.038359999999</v>
      </c>
    </row>
    <row r="987" spans="2:42" x14ac:dyDescent="0.3">
      <c r="B987">
        <v>41.786085110896956</v>
      </c>
      <c r="C987" s="83">
        <v>43142.041666666664</v>
      </c>
      <c r="D987">
        <v>176473.06210000001</v>
      </c>
      <c r="E987">
        <v>17456.46845</v>
      </c>
      <c r="F987">
        <v>47324.66734</v>
      </c>
      <c r="G987">
        <v>43248.657789999997</v>
      </c>
      <c r="H987">
        <v>41203.748</v>
      </c>
      <c r="I987">
        <v>24027.0789</v>
      </c>
      <c r="J987">
        <v>35996.107360000002</v>
      </c>
      <c r="K987">
        <v>50176.63003</v>
      </c>
      <c r="L987">
        <v>21026.000260000001</v>
      </c>
      <c r="M987">
        <v>213044.9485</v>
      </c>
      <c r="N987">
        <v>75885.447419999997</v>
      </c>
      <c r="O987">
        <v>25335.619900000002</v>
      </c>
      <c r="P987">
        <v>37863.237099999998</v>
      </c>
      <c r="Q987">
        <v>49195.751459999999</v>
      </c>
      <c r="R987">
        <v>29273.255109999998</v>
      </c>
      <c r="S987">
        <v>83925.327350000007</v>
      </c>
      <c r="T987">
        <v>31629.702150000001</v>
      </c>
      <c r="U987">
        <v>18471.602309999998</v>
      </c>
      <c r="W987" s="83">
        <f>Bühler!N1019</f>
        <v>45333.041666664278</v>
      </c>
      <c r="X987" s="83">
        <v>43142.041666666664</v>
      </c>
      <c r="Y987">
        <v>176473.06210000001</v>
      </c>
      <c r="Z987">
        <v>17456.46845</v>
      </c>
      <c r="AA987">
        <v>47324.66734</v>
      </c>
      <c r="AB987">
        <v>43248.657789999997</v>
      </c>
      <c r="AC987">
        <v>41203.748</v>
      </c>
      <c r="AD987">
        <v>24027.0789</v>
      </c>
      <c r="AE987">
        <v>35996.107360000002</v>
      </c>
      <c r="AF987">
        <v>50176.63003</v>
      </c>
      <c r="AG987">
        <v>21026.000260000001</v>
      </c>
      <c r="AH987">
        <v>213044.9485</v>
      </c>
      <c r="AI987">
        <v>75885.447419999997</v>
      </c>
      <c r="AJ987">
        <v>25335.619900000002</v>
      </c>
      <c r="AK987">
        <v>37863.237099999998</v>
      </c>
      <c r="AL987">
        <v>49195.751459999999</v>
      </c>
      <c r="AM987">
        <v>29273.255109999998</v>
      </c>
      <c r="AN987">
        <v>83925.327350000007</v>
      </c>
      <c r="AO987">
        <v>31629.702150000001</v>
      </c>
      <c r="AP987">
        <v>18471.602309999998</v>
      </c>
    </row>
    <row r="988" spans="2:42" x14ac:dyDescent="0.3">
      <c r="B988">
        <v>42.278553322236945</v>
      </c>
      <c r="C988" s="83">
        <v>43142.083333333336</v>
      </c>
      <c r="D988">
        <v>176166.3438</v>
      </c>
      <c r="E988">
        <v>17596.176500000001</v>
      </c>
      <c r="F988">
        <v>47517.426700000004</v>
      </c>
      <c r="G988">
        <v>42644.806940000002</v>
      </c>
      <c r="H988">
        <v>40705.377740000004</v>
      </c>
      <c r="I988">
        <v>21633.73705</v>
      </c>
      <c r="J988">
        <v>35653.19513</v>
      </c>
      <c r="K988">
        <v>49343.570059999998</v>
      </c>
      <c r="L988">
        <v>20358.997899999998</v>
      </c>
      <c r="M988">
        <v>215555.78109999999</v>
      </c>
      <c r="N988">
        <v>74892.986929999999</v>
      </c>
      <c r="O988">
        <v>25287.238939999999</v>
      </c>
      <c r="P988">
        <v>35987.878409999998</v>
      </c>
      <c r="Q988">
        <v>51342.708400000003</v>
      </c>
      <c r="R988">
        <v>29534.035400000001</v>
      </c>
      <c r="S988">
        <v>83277.764769999994</v>
      </c>
      <c r="T988">
        <v>30899.63897</v>
      </c>
      <c r="U988">
        <v>18515.536400000001</v>
      </c>
      <c r="W988" s="83">
        <f>Bühler!N1020</f>
        <v>45333.083333330942</v>
      </c>
      <c r="X988" s="83">
        <v>43142.083333333336</v>
      </c>
      <c r="Y988">
        <v>176166.3438</v>
      </c>
      <c r="Z988">
        <v>17596.176500000001</v>
      </c>
      <c r="AA988">
        <v>47517.426700000004</v>
      </c>
      <c r="AB988">
        <v>42644.806940000002</v>
      </c>
      <c r="AC988">
        <v>40705.377740000004</v>
      </c>
      <c r="AD988">
        <v>21633.73705</v>
      </c>
      <c r="AE988">
        <v>35653.19513</v>
      </c>
      <c r="AF988">
        <v>49343.570059999998</v>
      </c>
      <c r="AG988">
        <v>20358.997899999998</v>
      </c>
      <c r="AH988">
        <v>215555.78109999999</v>
      </c>
      <c r="AI988">
        <v>74892.986929999999</v>
      </c>
      <c r="AJ988">
        <v>25287.238939999999</v>
      </c>
      <c r="AK988">
        <v>35987.878409999998</v>
      </c>
      <c r="AL988">
        <v>51342.708400000003</v>
      </c>
      <c r="AM988">
        <v>29534.035400000001</v>
      </c>
      <c r="AN988">
        <v>83277.764769999994</v>
      </c>
      <c r="AO988">
        <v>30899.63897</v>
      </c>
      <c r="AP988">
        <v>18515.536400000001</v>
      </c>
    </row>
    <row r="989" spans="2:42" x14ac:dyDescent="0.3">
      <c r="B989">
        <v>42.050880406080211</v>
      </c>
      <c r="C989" s="83">
        <v>43142.125</v>
      </c>
      <c r="D989">
        <v>175853.1422</v>
      </c>
      <c r="E989">
        <v>17486.619119999999</v>
      </c>
      <c r="F989">
        <v>48178.504280000001</v>
      </c>
      <c r="G989">
        <v>42045.138650000001</v>
      </c>
      <c r="H989">
        <v>40733.420140000002</v>
      </c>
      <c r="I989">
        <v>20856.37917</v>
      </c>
      <c r="J989">
        <v>36821.845630000003</v>
      </c>
      <c r="K989">
        <v>46403.24048</v>
      </c>
      <c r="L989">
        <v>20005.864249999999</v>
      </c>
      <c r="M989">
        <v>214394.99840000001</v>
      </c>
      <c r="N989">
        <v>74453.629060000007</v>
      </c>
      <c r="O989">
        <v>25227.313320000001</v>
      </c>
      <c r="P989">
        <v>35704.219140000001</v>
      </c>
      <c r="Q989">
        <v>52410.906490000001</v>
      </c>
      <c r="R989">
        <v>29008.822100000001</v>
      </c>
      <c r="S989">
        <v>82687.019239999994</v>
      </c>
      <c r="T989">
        <v>31031.004120000001</v>
      </c>
      <c r="U989">
        <v>18508.378809999998</v>
      </c>
      <c r="W989" s="83">
        <f>Bühler!N1021</f>
        <v>45333.124999997606</v>
      </c>
      <c r="X989" s="83">
        <v>43142.125</v>
      </c>
      <c r="Y989">
        <v>175853.1422</v>
      </c>
      <c r="Z989">
        <v>17486.619119999999</v>
      </c>
      <c r="AA989">
        <v>48178.504280000001</v>
      </c>
      <c r="AB989">
        <v>42045.138650000001</v>
      </c>
      <c r="AC989">
        <v>40733.420140000002</v>
      </c>
      <c r="AD989">
        <v>20856.37917</v>
      </c>
      <c r="AE989">
        <v>36821.845630000003</v>
      </c>
      <c r="AF989">
        <v>46403.24048</v>
      </c>
      <c r="AG989">
        <v>20005.864249999999</v>
      </c>
      <c r="AH989">
        <v>214394.99840000001</v>
      </c>
      <c r="AI989">
        <v>74453.629060000007</v>
      </c>
      <c r="AJ989">
        <v>25227.313320000001</v>
      </c>
      <c r="AK989">
        <v>35704.219140000001</v>
      </c>
      <c r="AL989">
        <v>52410.906490000001</v>
      </c>
      <c r="AM989">
        <v>29008.822100000001</v>
      </c>
      <c r="AN989">
        <v>82687.019239999994</v>
      </c>
      <c r="AO989">
        <v>31031.004120000001</v>
      </c>
      <c r="AP989">
        <v>18508.378809999998</v>
      </c>
    </row>
    <row r="990" spans="2:42" x14ac:dyDescent="0.3">
      <c r="B990">
        <v>41.929496766669416</v>
      </c>
      <c r="C990" s="83">
        <v>43142.166666666664</v>
      </c>
      <c r="D990">
        <v>174987.40040000001</v>
      </c>
      <c r="E990">
        <v>17496.491590000001</v>
      </c>
      <c r="F990">
        <v>48252.412470000003</v>
      </c>
      <c r="G990">
        <v>41208.580609999997</v>
      </c>
      <c r="H990">
        <v>40604.382259999998</v>
      </c>
      <c r="I990">
        <v>22361.760969999999</v>
      </c>
      <c r="J990">
        <v>39213.887629999997</v>
      </c>
      <c r="K990">
        <v>45573.229509999997</v>
      </c>
      <c r="L990">
        <v>19917.974620000001</v>
      </c>
      <c r="M990">
        <v>213776.128</v>
      </c>
      <c r="N990">
        <v>73986.93952</v>
      </c>
      <c r="O990">
        <v>25231.730960000001</v>
      </c>
      <c r="P990">
        <v>34957.375290000004</v>
      </c>
      <c r="Q990">
        <v>52853.676959999997</v>
      </c>
      <c r="R990">
        <v>28471.671549999999</v>
      </c>
      <c r="S990">
        <v>84009.863020000004</v>
      </c>
      <c r="T990">
        <v>30629.55258</v>
      </c>
      <c r="U990">
        <v>18542.229599999999</v>
      </c>
      <c r="W990" s="83">
        <f>Bühler!N1022</f>
        <v>45333.16666666427</v>
      </c>
      <c r="X990" s="83">
        <v>43142.166666666664</v>
      </c>
      <c r="Y990">
        <v>174987.40040000001</v>
      </c>
      <c r="Z990">
        <v>17496.491590000001</v>
      </c>
      <c r="AA990">
        <v>48252.412470000003</v>
      </c>
      <c r="AB990">
        <v>41208.580609999997</v>
      </c>
      <c r="AC990">
        <v>40604.382259999998</v>
      </c>
      <c r="AD990">
        <v>22361.760969999999</v>
      </c>
      <c r="AE990">
        <v>39213.887629999997</v>
      </c>
      <c r="AF990">
        <v>45573.229509999997</v>
      </c>
      <c r="AG990">
        <v>19917.974620000001</v>
      </c>
      <c r="AH990">
        <v>213776.128</v>
      </c>
      <c r="AI990">
        <v>73986.93952</v>
      </c>
      <c r="AJ990">
        <v>25231.730960000001</v>
      </c>
      <c r="AK990">
        <v>34957.375290000004</v>
      </c>
      <c r="AL990">
        <v>52853.676959999997</v>
      </c>
      <c r="AM990">
        <v>28471.671549999999</v>
      </c>
      <c r="AN990">
        <v>84009.863020000004</v>
      </c>
      <c r="AO990">
        <v>30629.55258</v>
      </c>
      <c r="AP990">
        <v>18542.229599999999</v>
      </c>
    </row>
    <row r="991" spans="2:42" x14ac:dyDescent="0.3">
      <c r="B991">
        <v>41.968511244094344</v>
      </c>
      <c r="C991" s="83">
        <v>43142.208333333336</v>
      </c>
      <c r="D991">
        <v>174922.0287</v>
      </c>
      <c r="E991">
        <v>17716.944309999999</v>
      </c>
      <c r="F991">
        <v>49244.010040000001</v>
      </c>
      <c r="G991">
        <v>41376.956469999997</v>
      </c>
      <c r="H991">
        <v>41012.544589999998</v>
      </c>
      <c r="I991">
        <v>25447.677879999999</v>
      </c>
      <c r="J991">
        <v>41276.66201</v>
      </c>
      <c r="K991">
        <v>45096.359859999997</v>
      </c>
      <c r="L991">
        <v>20399.943520000001</v>
      </c>
      <c r="M991">
        <v>213975.04199999999</v>
      </c>
      <c r="N991">
        <v>72634.151679999995</v>
      </c>
      <c r="O991">
        <v>25165.249</v>
      </c>
      <c r="P991">
        <v>35477.638630000001</v>
      </c>
      <c r="Q991">
        <v>52654.3266</v>
      </c>
      <c r="R991">
        <v>29992.153419999999</v>
      </c>
      <c r="S991">
        <v>85729.698220000006</v>
      </c>
      <c r="T991">
        <v>30787.777419999999</v>
      </c>
      <c r="U991">
        <v>18704.106329999999</v>
      </c>
      <c r="W991" s="83">
        <f>Bühler!N1023</f>
        <v>45333.208333330935</v>
      </c>
      <c r="X991" s="83">
        <v>43142.208333333336</v>
      </c>
      <c r="Y991">
        <v>174922.0287</v>
      </c>
      <c r="Z991">
        <v>17716.944309999999</v>
      </c>
      <c r="AA991">
        <v>49244.010040000001</v>
      </c>
      <c r="AB991">
        <v>41376.956469999997</v>
      </c>
      <c r="AC991">
        <v>41012.544589999998</v>
      </c>
      <c r="AD991">
        <v>25447.677879999999</v>
      </c>
      <c r="AE991">
        <v>41276.66201</v>
      </c>
      <c r="AF991">
        <v>45096.359859999997</v>
      </c>
      <c r="AG991">
        <v>20399.943520000001</v>
      </c>
      <c r="AH991">
        <v>213975.04199999999</v>
      </c>
      <c r="AI991">
        <v>72634.151679999995</v>
      </c>
      <c r="AJ991">
        <v>25165.249</v>
      </c>
      <c r="AK991">
        <v>35477.638630000001</v>
      </c>
      <c r="AL991">
        <v>52654.3266</v>
      </c>
      <c r="AM991">
        <v>29992.153419999999</v>
      </c>
      <c r="AN991">
        <v>85729.698220000006</v>
      </c>
      <c r="AO991">
        <v>30787.777419999999</v>
      </c>
      <c r="AP991">
        <v>18704.106329999999</v>
      </c>
    </row>
    <row r="992" spans="2:42" x14ac:dyDescent="0.3">
      <c r="B992">
        <v>42.432937061818144</v>
      </c>
      <c r="C992" s="83">
        <v>43142.25</v>
      </c>
      <c r="D992">
        <v>175184.11199999999</v>
      </c>
      <c r="E992">
        <v>18061.34215</v>
      </c>
      <c r="F992">
        <v>50401.462599999999</v>
      </c>
      <c r="G992">
        <v>41860.838470000002</v>
      </c>
      <c r="H992">
        <v>40658.563609999997</v>
      </c>
      <c r="I992">
        <v>27792.163919999999</v>
      </c>
      <c r="J992">
        <v>44282.838060000002</v>
      </c>
      <c r="K992">
        <v>44553.00531</v>
      </c>
      <c r="L992">
        <v>20556.309929999999</v>
      </c>
      <c r="M992">
        <v>216342.9014</v>
      </c>
      <c r="N992">
        <v>70731.591459999996</v>
      </c>
      <c r="O992">
        <v>23812.9274</v>
      </c>
      <c r="P992">
        <v>35225.850689999999</v>
      </c>
      <c r="Q992">
        <v>51991.059439999997</v>
      </c>
      <c r="R992">
        <v>20184.27882</v>
      </c>
      <c r="S992">
        <v>90435.289619999996</v>
      </c>
      <c r="T992">
        <v>31520.807840000001</v>
      </c>
      <c r="U992">
        <v>17465.0265</v>
      </c>
      <c r="W992" s="83">
        <f>Bühler!N1024</f>
        <v>45333.249999997599</v>
      </c>
      <c r="X992" s="83">
        <v>43142.25</v>
      </c>
      <c r="Y992">
        <v>175184.11199999999</v>
      </c>
      <c r="Z992">
        <v>18061.34215</v>
      </c>
      <c r="AA992">
        <v>50401.462599999999</v>
      </c>
      <c r="AB992">
        <v>41860.838470000002</v>
      </c>
      <c r="AC992">
        <v>40658.563609999997</v>
      </c>
      <c r="AD992">
        <v>27792.163919999999</v>
      </c>
      <c r="AE992">
        <v>44282.838060000002</v>
      </c>
      <c r="AF992">
        <v>44553.00531</v>
      </c>
      <c r="AG992">
        <v>20556.309929999999</v>
      </c>
      <c r="AH992">
        <v>216342.9014</v>
      </c>
      <c r="AI992">
        <v>70731.591459999996</v>
      </c>
      <c r="AJ992">
        <v>23812.9274</v>
      </c>
      <c r="AK992">
        <v>35225.850689999999</v>
      </c>
      <c r="AL992">
        <v>51991.059439999997</v>
      </c>
      <c r="AM992">
        <v>20184.27882</v>
      </c>
      <c r="AN992">
        <v>90435.289619999996</v>
      </c>
      <c r="AO992">
        <v>31520.807840000001</v>
      </c>
      <c r="AP992">
        <v>17465.0265</v>
      </c>
    </row>
    <row r="993" spans="2:42" x14ac:dyDescent="0.3">
      <c r="B993">
        <v>41.921405196139567</v>
      </c>
      <c r="C993" s="83">
        <v>43142.291666666664</v>
      </c>
      <c r="D993">
        <v>175449.9737</v>
      </c>
      <c r="E993">
        <v>18561.64689</v>
      </c>
      <c r="F993">
        <v>52216.631130000002</v>
      </c>
      <c r="G993">
        <v>42182.904900000001</v>
      </c>
      <c r="H993">
        <v>40969.423139999999</v>
      </c>
      <c r="I993">
        <v>29813.221720000001</v>
      </c>
      <c r="J993">
        <v>45238.391000000003</v>
      </c>
      <c r="K993">
        <v>44356.046799999996</v>
      </c>
      <c r="L993">
        <v>22040.330730000001</v>
      </c>
      <c r="M993">
        <v>213734.87340000001</v>
      </c>
      <c r="N993">
        <v>73026.473840000006</v>
      </c>
      <c r="O993">
        <v>24273.046699999999</v>
      </c>
      <c r="P993">
        <v>37591.72393</v>
      </c>
      <c r="Q993">
        <v>51711.562819999999</v>
      </c>
      <c r="R993">
        <v>19113.48533</v>
      </c>
      <c r="S993">
        <v>98026.067490000001</v>
      </c>
      <c r="T993">
        <v>29971.511190000001</v>
      </c>
      <c r="U993">
        <v>17553.832129999999</v>
      </c>
      <c r="W993" s="83">
        <f>Bühler!N1025</f>
        <v>45333.291666664263</v>
      </c>
      <c r="X993" s="83">
        <v>43142.291666666664</v>
      </c>
      <c r="Y993">
        <v>175449.9737</v>
      </c>
      <c r="Z993">
        <v>18561.64689</v>
      </c>
      <c r="AA993">
        <v>52216.631130000002</v>
      </c>
      <c r="AB993">
        <v>42182.904900000001</v>
      </c>
      <c r="AC993">
        <v>40969.423139999999</v>
      </c>
      <c r="AD993">
        <v>29813.221720000001</v>
      </c>
      <c r="AE993">
        <v>45238.391000000003</v>
      </c>
      <c r="AF993">
        <v>44356.046799999996</v>
      </c>
      <c r="AG993">
        <v>22040.330730000001</v>
      </c>
      <c r="AH993">
        <v>213734.87340000001</v>
      </c>
      <c r="AI993">
        <v>73026.473840000006</v>
      </c>
      <c r="AJ993">
        <v>24273.046699999999</v>
      </c>
      <c r="AK993">
        <v>37591.72393</v>
      </c>
      <c r="AL993">
        <v>51711.562819999999</v>
      </c>
      <c r="AM993">
        <v>19113.48533</v>
      </c>
      <c r="AN993">
        <v>98026.067490000001</v>
      </c>
      <c r="AO993">
        <v>29971.511190000001</v>
      </c>
      <c r="AP993">
        <v>17553.832129999999</v>
      </c>
    </row>
    <row r="994" spans="2:42" x14ac:dyDescent="0.3">
      <c r="B994">
        <v>41.156708552382852</v>
      </c>
      <c r="C994" s="83">
        <v>43142.333333333336</v>
      </c>
      <c r="D994">
        <v>174202.0355</v>
      </c>
      <c r="E994">
        <v>18982.39213</v>
      </c>
      <c r="F994">
        <v>53372.38798</v>
      </c>
      <c r="G994">
        <v>41698.810669999999</v>
      </c>
      <c r="H994">
        <v>40470.782879999999</v>
      </c>
      <c r="I994">
        <v>30302.68189</v>
      </c>
      <c r="J994">
        <v>44216.391450000003</v>
      </c>
      <c r="K994">
        <v>44238.892740000003</v>
      </c>
      <c r="L994">
        <v>23958.00517</v>
      </c>
      <c r="M994">
        <v>209836.09330000001</v>
      </c>
      <c r="N994">
        <v>74057.556679999994</v>
      </c>
      <c r="O994">
        <v>24293.133590000001</v>
      </c>
      <c r="P994">
        <v>41459.141300000003</v>
      </c>
      <c r="Q994">
        <v>51405.585339999998</v>
      </c>
      <c r="R994">
        <v>19409.355350000002</v>
      </c>
      <c r="S994">
        <v>99519.820879999999</v>
      </c>
      <c r="T994">
        <v>31672.571339999999</v>
      </c>
      <c r="U994">
        <v>17048.440559999999</v>
      </c>
      <c r="W994" s="83">
        <f>Bühler!N1026</f>
        <v>45333.333333330927</v>
      </c>
      <c r="X994" s="83">
        <v>43142.333333333336</v>
      </c>
      <c r="Y994">
        <v>174202.0355</v>
      </c>
      <c r="Z994">
        <v>18982.39213</v>
      </c>
      <c r="AA994">
        <v>53372.38798</v>
      </c>
      <c r="AB994">
        <v>41698.810669999999</v>
      </c>
      <c r="AC994">
        <v>40470.782879999999</v>
      </c>
      <c r="AD994">
        <v>30302.68189</v>
      </c>
      <c r="AE994">
        <v>44216.391450000003</v>
      </c>
      <c r="AF994">
        <v>44238.892740000003</v>
      </c>
      <c r="AG994">
        <v>23958.00517</v>
      </c>
      <c r="AH994">
        <v>209836.09330000001</v>
      </c>
      <c r="AI994">
        <v>74057.556679999994</v>
      </c>
      <c r="AJ994">
        <v>24293.133590000001</v>
      </c>
      <c r="AK994">
        <v>41459.141300000003</v>
      </c>
      <c r="AL994">
        <v>51405.585339999998</v>
      </c>
      <c r="AM994">
        <v>19409.355350000002</v>
      </c>
      <c r="AN994">
        <v>99519.820879999999</v>
      </c>
      <c r="AO994">
        <v>31672.571339999999</v>
      </c>
      <c r="AP994">
        <v>17048.440559999999</v>
      </c>
    </row>
    <row r="995" spans="2:42" x14ac:dyDescent="0.3">
      <c r="B995">
        <v>40.686636566170478</v>
      </c>
      <c r="C995" s="83">
        <v>43142.375</v>
      </c>
      <c r="D995">
        <v>172553.59469999999</v>
      </c>
      <c r="E995">
        <v>19280.36148</v>
      </c>
      <c r="F995">
        <v>54142.147989999998</v>
      </c>
      <c r="G995">
        <v>41720.884080000003</v>
      </c>
      <c r="H995">
        <v>40354.739869999998</v>
      </c>
      <c r="I995">
        <v>30037.87011</v>
      </c>
      <c r="J995">
        <v>44083.221579999998</v>
      </c>
      <c r="K995">
        <v>45515.900979999999</v>
      </c>
      <c r="L995">
        <v>26763.223320000001</v>
      </c>
      <c r="M995">
        <v>207439.44709999999</v>
      </c>
      <c r="N995">
        <v>80387.084489999994</v>
      </c>
      <c r="O995">
        <v>24199.697759999999</v>
      </c>
      <c r="P995">
        <v>44186.857680000001</v>
      </c>
      <c r="Q995">
        <v>50417.473279999998</v>
      </c>
      <c r="R995">
        <v>20173.90785</v>
      </c>
      <c r="S995">
        <v>100724.8544</v>
      </c>
      <c r="T995">
        <v>33588.553440000003</v>
      </c>
      <c r="U995">
        <v>16732.134399999999</v>
      </c>
      <c r="W995" s="83">
        <f>Bühler!N1027</f>
        <v>45333.374999997592</v>
      </c>
      <c r="X995" s="83">
        <v>43142.375</v>
      </c>
      <c r="Y995">
        <v>172553.59469999999</v>
      </c>
      <c r="Z995">
        <v>19280.36148</v>
      </c>
      <c r="AA995">
        <v>54142.147989999998</v>
      </c>
      <c r="AB995">
        <v>41720.884080000003</v>
      </c>
      <c r="AC995">
        <v>40354.739869999998</v>
      </c>
      <c r="AD995">
        <v>30037.87011</v>
      </c>
      <c r="AE995">
        <v>44083.221579999998</v>
      </c>
      <c r="AF995">
        <v>45515.900979999999</v>
      </c>
      <c r="AG995">
        <v>26763.223320000001</v>
      </c>
      <c r="AH995">
        <v>207439.44709999999</v>
      </c>
      <c r="AI995">
        <v>80387.084489999994</v>
      </c>
      <c r="AJ995">
        <v>24199.697759999999</v>
      </c>
      <c r="AK995">
        <v>44186.857680000001</v>
      </c>
      <c r="AL995">
        <v>50417.473279999998</v>
      </c>
      <c r="AM995">
        <v>20173.90785</v>
      </c>
      <c r="AN995">
        <v>100724.8544</v>
      </c>
      <c r="AO995">
        <v>33588.553440000003</v>
      </c>
      <c r="AP995">
        <v>16732.134399999999</v>
      </c>
    </row>
    <row r="996" spans="2:42" x14ac:dyDescent="0.3">
      <c r="B996">
        <v>40.493216205250391</v>
      </c>
      <c r="C996" s="83">
        <v>43142.416666666664</v>
      </c>
      <c r="D996">
        <v>172026.3578</v>
      </c>
      <c r="E996">
        <v>19801.643940000002</v>
      </c>
      <c r="F996">
        <v>53642.149669999999</v>
      </c>
      <c r="G996">
        <v>41637.525090000003</v>
      </c>
      <c r="H996">
        <v>40555.062449999998</v>
      </c>
      <c r="I996">
        <v>29286.130420000001</v>
      </c>
      <c r="J996">
        <v>42638.40395</v>
      </c>
      <c r="K996">
        <v>47377.120410000003</v>
      </c>
      <c r="L996">
        <v>28719.672070000001</v>
      </c>
      <c r="M996">
        <v>206453.29990000001</v>
      </c>
      <c r="N996">
        <v>83391.170299999998</v>
      </c>
      <c r="O996">
        <v>23919.15092</v>
      </c>
      <c r="P996">
        <v>44883.545449999998</v>
      </c>
      <c r="Q996">
        <v>50109.968030000004</v>
      </c>
      <c r="R996">
        <v>20983.44644</v>
      </c>
      <c r="S996">
        <v>99795.591570000004</v>
      </c>
      <c r="T996">
        <v>35810.720909999996</v>
      </c>
      <c r="U996">
        <v>16237.332270000001</v>
      </c>
      <c r="W996" s="83">
        <f>Bühler!N1028</f>
        <v>45333.416666664256</v>
      </c>
      <c r="X996" s="83">
        <v>43142.416666666664</v>
      </c>
      <c r="Y996">
        <v>172026.3578</v>
      </c>
      <c r="Z996">
        <v>19801.643940000002</v>
      </c>
      <c r="AA996">
        <v>53642.149669999999</v>
      </c>
      <c r="AB996">
        <v>41637.525090000003</v>
      </c>
      <c r="AC996">
        <v>40555.062449999998</v>
      </c>
      <c r="AD996">
        <v>29286.130420000001</v>
      </c>
      <c r="AE996">
        <v>42638.40395</v>
      </c>
      <c r="AF996">
        <v>47377.120410000003</v>
      </c>
      <c r="AG996">
        <v>28719.672070000001</v>
      </c>
      <c r="AH996">
        <v>206453.29990000001</v>
      </c>
      <c r="AI996">
        <v>83391.170299999998</v>
      </c>
      <c r="AJ996">
        <v>23919.15092</v>
      </c>
      <c r="AK996">
        <v>44883.545449999998</v>
      </c>
      <c r="AL996">
        <v>50109.968030000004</v>
      </c>
      <c r="AM996">
        <v>20983.44644</v>
      </c>
      <c r="AN996">
        <v>99795.591570000004</v>
      </c>
      <c r="AO996">
        <v>35810.720909999996</v>
      </c>
      <c r="AP996">
        <v>16237.332270000001</v>
      </c>
    </row>
    <row r="997" spans="2:42" x14ac:dyDescent="0.3">
      <c r="B997">
        <v>41.139460914740063</v>
      </c>
      <c r="C997" s="83">
        <v>43142.458333333336</v>
      </c>
      <c r="D997">
        <v>171225.3406</v>
      </c>
      <c r="E997">
        <v>19987.523519999999</v>
      </c>
      <c r="F997">
        <v>54031.420510000004</v>
      </c>
      <c r="G997">
        <v>41566.837619999998</v>
      </c>
      <c r="H997">
        <v>40630.672039999998</v>
      </c>
      <c r="I997">
        <v>28200.490330000001</v>
      </c>
      <c r="J997">
        <v>41592.770700000001</v>
      </c>
      <c r="K997">
        <v>48822.361040000003</v>
      </c>
      <c r="L997">
        <v>29807.675299999999</v>
      </c>
      <c r="M997">
        <v>209748.1568</v>
      </c>
      <c r="N997">
        <v>83263.877540000001</v>
      </c>
      <c r="O997">
        <v>23064.306789999999</v>
      </c>
      <c r="P997">
        <v>43503.615590000001</v>
      </c>
      <c r="Q997">
        <v>49139.833659999997</v>
      </c>
      <c r="R997">
        <v>23458.406660000001</v>
      </c>
      <c r="S997">
        <v>100847.33990000001</v>
      </c>
      <c r="T997">
        <v>36509.487509999999</v>
      </c>
      <c r="U997">
        <v>15941.89867</v>
      </c>
      <c r="W997" s="83">
        <f>Bühler!N1029</f>
        <v>45333.45833333092</v>
      </c>
      <c r="X997" s="83">
        <v>43142.458333333336</v>
      </c>
      <c r="Y997">
        <v>171225.3406</v>
      </c>
      <c r="Z997">
        <v>19987.523519999999</v>
      </c>
      <c r="AA997">
        <v>54031.420510000004</v>
      </c>
      <c r="AB997">
        <v>41566.837619999998</v>
      </c>
      <c r="AC997">
        <v>40630.672039999998</v>
      </c>
      <c r="AD997">
        <v>28200.490330000001</v>
      </c>
      <c r="AE997">
        <v>41592.770700000001</v>
      </c>
      <c r="AF997">
        <v>48822.361040000003</v>
      </c>
      <c r="AG997">
        <v>29807.675299999999</v>
      </c>
      <c r="AH997">
        <v>209748.1568</v>
      </c>
      <c r="AI997">
        <v>83263.877540000001</v>
      </c>
      <c r="AJ997">
        <v>23064.306789999999</v>
      </c>
      <c r="AK997">
        <v>43503.615590000001</v>
      </c>
      <c r="AL997">
        <v>49139.833659999997</v>
      </c>
      <c r="AM997">
        <v>23458.406660000001</v>
      </c>
      <c r="AN997">
        <v>100847.33990000001</v>
      </c>
      <c r="AO997">
        <v>36509.487509999999</v>
      </c>
      <c r="AP997">
        <v>15941.89867</v>
      </c>
    </row>
    <row r="998" spans="2:42" x14ac:dyDescent="0.3">
      <c r="B998">
        <v>40.846380898166522</v>
      </c>
      <c r="C998" s="83">
        <v>43142.5</v>
      </c>
      <c r="D998">
        <v>169654.75099999999</v>
      </c>
      <c r="E998">
        <v>19690.029060000001</v>
      </c>
      <c r="F998">
        <v>51277.93305</v>
      </c>
      <c r="G998">
        <v>41284.928310000003</v>
      </c>
      <c r="H998">
        <v>40145.462359999998</v>
      </c>
      <c r="I998">
        <v>27395.12314</v>
      </c>
      <c r="J998">
        <v>41835.927920000002</v>
      </c>
      <c r="K998">
        <v>49620.121290000003</v>
      </c>
      <c r="L998">
        <v>30858.309870000001</v>
      </c>
      <c r="M998">
        <v>208253.8982</v>
      </c>
      <c r="N998">
        <v>79861.020050000006</v>
      </c>
      <c r="O998">
        <v>23023.004209999999</v>
      </c>
      <c r="P998">
        <v>43370.02663</v>
      </c>
      <c r="Q998">
        <v>47257.978779999998</v>
      </c>
      <c r="R998">
        <v>21269.345270000002</v>
      </c>
      <c r="S998">
        <v>96329.494269999996</v>
      </c>
      <c r="T998">
        <v>36523.663269999997</v>
      </c>
      <c r="U998">
        <v>15368.10169</v>
      </c>
      <c r="W998" s="83">
        <f>Bühler!N1030</f>
        <v>45333.499999997584</v>
      </c>
      <c r="X998" s="83">
        <v>43142.5</v>
      </c>
      <c r="Y998">
        <v>169654.75099999999</v>
      </c>
      <c r="Z998">
        <v>19690.029060000001</v>
      </c>
      <c r="AA998">
        <v>51277.93305</v>
      </c>
      <c r="AB998">
        <v>41284.928310000003</v>
      </c>
      <c r="AC998">
        <v>40145.462359999998</v>
      </c>
      <c r="AD998">
        <v>27395.12314</v>
      </c>
      <c r="AE998">
        <v>41835.927920000002</v>
      </c>
      <c r="AF998">
        <v>49620.121290000003</v>
      </c>
      <c r="AG998">
        <v>30858.309870000001</v>
      </c>
      <c r="AH998">
        <v>208253.8982</v>
      </c>
      <c r="AI998">
        <v>79861.020050000006</v>
      </c>
      <c r="AJ998">
        <v>23023.004209999999</v>
      </c>
      <c r="AK998">
        <v>43370.02663</v>
      </c>
      <c r="AL998">
        <v>47257.978779999998</v>
      </c>
      <c r="AM998">
        <v>21269.345270000002</v>
      </c>
      <c r="AN998">
        <v>96329.494269999996</v>
      </c>
      <c r="AO998">
        <v>36523.663269999997</v>
      </c>
      <c r="AP998">
        <v>15368.10169</v>
      </c>
    </row>
    <row r="999" spans="2:42" x14ac:dyDescent="0.3">
      <c r="B999">
        <v>40.663700531654037</v>
      </c>
      <c r="C999" s="83">
        <v>43142.541666666664</v>
      </c>
      <c r="D999">
        <v>169869.17559999999</v>
      </c>
      <c r="E999">
        <v>19445.913980000001</v>
      </c>
      <c r="F999">
        <v>46314.147749999996</v>
      </c>
      <c r="G999">
        <v>41154.36537</v>
      </c>
      <c r="H999">
        <v>39046.093710000001</v>
      </c>
      <c r="I999">
        <v>27541.597539999999</v>
      </c>
      <c r="J999">
        <v>40822.48315</v>
      </c>
      <c r="K999">
        <v>49499.178890000003</v>
      </c>
      <c r="L999">
        <v>30505.113890000001</v>
      </c>
      <c r="M999">
        <v>207322.5085</v>
      </c>
      <c r="N999">
        <v>79220.144279999993</v>
      </c>
      <c r="O999">
        <v>23002.109899999999</v>
      </c>
      <c r="P999">
        <v>42598.136100000003</v>
      </c>
      <c r="Q999">
        <v>46409.603900000002</v>
      </c>
      <c r="R999">
        <v>20158.948489999999</v>
      </c>
      <c r="S999">
        <v>96786.645470000003</v>
      </c>
      <c r="T999">
        <v>35207.389900000002</v>
      </c>
      <c r="U999">
        <v>15030.461370000001</v>
      </c>
      <c r="W999" s="83">
        <f>Bühler!N1031</f>
        <v>45333.541666664249</v>
      </c>
      <c r="X999" s="83">
        <v>43142.541666666664</v>
      </c>
      <c r="Y999">
        <v>169869.17559999999</v>
      </c>
      <c r="Z999">
        <v>19445.913980000001</v>
      </c>
      <c r="AA999">
        <v>46314.147749999996</v>
      </c>
      <c r="AB999">
        <v>41154.36537</v>
      </c>
      <c r="AC999">
        <v>39046.093710000001</v>
      </c>
      <c r="AD999">
        <v>27541.597539999999</v>
      </c>
      <c r="AE999">
        <v>40822.48315</v>
      </c>
      <c r="AF999">
        <v>49499.178890000003</v>
      </c>
      <c r="AG999">
        <v>30505.113890000001</v>
      </c>
      <c r="AH999">
        <v>207322.5085</v>
      </c>
      <c r="AI999">
        <v>79220.144279999993</v>
      </c>
      <c r="AJ999">
        <v>23002.109899999999</v>
      </c>
      <c r="AK999">
        <v>42598.136100000003</v>
      </c>
      <c r="AL999">
        <v>46409.603900000002</v>
      </c>
      <c r="AM999">
        <v>20158.948489999999</v>
      </c>
      <c r="AN999">
        <v>96786.645470000003</v>
      </c>
      <c r="AO999">
        <v>35207.389900000002</v>
      </c>
      <c r="AP999">
        <v>15030.461370000001</v>
      </c>
    </row>
    <row r="1000" spans="2:42" x14ac:dyDescent="0.3">
      <c r="B1000">
        <v>41.009426595489131</v>
      </c>
      <c r="C1000" s="83">
        <v>43142.583333333336</v>
      </c>
      <c r="D1000">
        <v>169586.17809999999</v>
      </c>
      <c r="E1000">
        <v>19150.93146</v>
      </c>
      <c r="F1000">
        <v>45830.185030000001</v>
      </c>
      <c r="G1000">
        <v>40649.323199999999</v>
      </c>
      <c r="H1000">
        <v>38368.973839999999</v>
      </c>
      <c r="I1000">
        <v>27277.416099999999</v>
      </c>
      <c r="J1000">
        <v>39615.114479999997</v>
      </c>
      <c r="K1000">
        <v>47449.140760000002</v>
      </c>
      <c r="L1000">
        <v>29144.560170000001</v>
      </c>
      <c r="M1000">
        <v>209085.18119999999</v>
      </c>
      <c r="N1000">
        <v>80079.109209999995</v>
      </c>
      <c r="O1000">
        <v>22352.95491</v>
      </c>
      <c r="P1000">
        <v>39994.392449999999</v>
      </c>
      <c r="Q1000">
        <v>45945.05805</v>
      </c>
      <c r="R1000">
        <v>21150.05819</v>
      </c>
      <c r="S1000">
        <v>93476.544569999998</v>
      </c>
      <c r="T1000">
        <v>34729.127829999998</v>
      </c>
      <c r="U1000">
        <v>15250.78412</v>
      </c>
      <c r="W1000" s="83">
        <f>Bühler!N1032</f>
        <v>45333.583333330913</v>
      </c>
      <c r="X1000" s="83">
        <v>43142.583333333336</v>
      </c>
      <c r="Y1000">
        <v>169586.17809999999</v>
      </c>
      <c r="Z1000">
        <v>19150.93146</v>
      </c>
      <c r="AA1000">
        <v>45830.185030000001</v>
      </c>
      <c r="AB1000">
        <v>40649.323199999999</v>
      </c>
      <c r="AC1000">
        <v>38368.973839999999</v>
      </c>
      <c r="AD1000">
        <v>27277.416099999999</v>
      </c>
      <c r="AE1000">
        <v>39615.114479999997</v>
      </c>
      <c r="AF1000">
        <v>47449.140760000002</v>
      </c>
      <c r="AG1000">
        <v>29144.560170000001</v>
      </c>
      <c r="AH1000">
        <v>209085.18119999999</v>
      </c>
      <c r="AI1000">
        <v>80079.109209999995</v>
      </c>
      <c r="AJ1000">
        <v>22352.95491</v>
      </c>
      <c r="AK1000">
        <v>39994.392449999999</v>
      </c>
      <c r="AL1000">
        <v>45945.05805</v>
      </c>
      <c r="AM1000">
        <v>21150.05819</v>
      </c>
      <c r="AN1000">
        <v>93476.544569999998</v>
      </c>
      <c r="AO1000">
        <v>34729.127829999998</v>
      </c>
      <c r="AP1000">
        <v>15250.78412</v>
      </c>
    </row>
    <row r="1001" spans="2:42" x14ac:dyDescent="0.3">
      <c r="B1001">
        <v>40.952145546559429</v>
      </c>
      <c r="C1001" s="83">
        <v>43142.625</v>
      </c>
      <c r="D1001">
        <v>169213.3774</v>
      </c>
      <c r="E1001">
        <v>18993.726630000001</v>
      </c>
      <c r="F1001">
        <v>45928.102780000001</v>
      </c>
      <c r="G1001">
        <v>40325.990539999999</v>
      </c>
      <c r="H1001">
        <v>38606.06151</v>
      </c>
      <c r="I1001">
        <v>28009.440739999998</v>
      </c>
      <c r="J1001">
        <v>39470.717700000001</v>
      </c>
      <c r="K1001">
        <v>46612.274310000001</v>
      </c>
      <c r="L1001">
        <v>27380.786950000002</v>
      </c>
      <c r="M1001">
        <v>208793.13570000001</v>
      </c>
      <c r="N1001">
        <v>79583.928119999997</v>
      </c>
      <c r="O1001">
        <v>22093.92095</v>
      </c>
      <c r="P1001">
        <v>37817.30975</v>
      </c>
      <c r="Q1001">
        <v>46183.969279999998</v>
      </c>
      <c r="R1001">
        <v>20155.65539</v>
      </c>
      <c r="S1001">
        <v>92455.977140000003</v>
      </c>
      <c r="T1001">
        <v>34732.450620000003</v>
      </c>
      <c r="U1001">
        <v>14793.008229999999</v>
      </c>
      <c r="W1001" s="83">
        <f>Bühler!N1033</f>
        <v>45333.624999997577</v>
      </c>
      <c r="X1001" s="83">
        <v>43142.625</v>
      </c>
      <c r="Y1001">
        <v>169213.3774</v>
      </c>
      <c r="Z1001">
        <v>18993.726630000001</v>
      </c>
      <c r="AA1001">
        <v>45928.102780000001</v>
      </c>
      <c r="AB1001">
        <v>40325.990539999999</v>
      </c>
      <c r="AC1001">
        <v>38606.06151</v>
      </c>
      <c r="AD1001">
        <v>28009.440739999998</v>
      </c>
      <c r="AE1001">
        <v>39470.717700000001</v>
      </c>
      <c r="AF1001">
        <v>46612.274310000001</v>
      </c>
      <c r="AG1001">
        <v>27380.786950000002</v>
      </c>
      <c r="AH1001">
        <v>208793.13570000001</v>
      </c>
      <c r="AI1001">
        <v>79583.928119999997</v>
      </c>
      <c r="AJ1001">
        <v>22093.92095</v>
      </c>
      <c r="AK1001">
        <v>37817.30975</v>
      </c>
      <c r="AL1001">
        <v>46183.969279999998</v>
      </c>
      <c r="AM1001">
        <v>20155.65539</v>
      </c>
      <c r="AN1001">
        <v>92455.977140000003</v>
      </c>
      <c r="AO1001">
        <v>34732.450620000003</v>
      </c>
      <c r="AP1001">
        <v>14793.008229999999</v>
      </c>
    </row>
    <row r="1002" spans="2:42" x14ac:dyDescent="0.3">
      <c r="B1002">
        <v>40.707738029391813</v>
      </c>
      <c r="C1002" s="83">
        <v>43142.666666666664</v>
      </c>
      <c r="D1002">
        <v>169864.14840000001</v>
      </c>
      <c r="E1002">
        <v>19067.150160000001</v>
      </c>
      <c r="F1002">
        <v>45939.650029999997</v>
      </c>
      <c r="G1002">
        <v>40576.376839999997</v>
      </c>
      <c r="H1002">
        <v>38320.868000000002</v>
      </c>
      <c r="I1002">
        <v>27930.272000000001</v>
      </c>
      <c r="J1002">
        <v>35615.228580000003</v>
      </c>
      <c r="K1002">
        <v>46553.814100000003</v>
      </c>
      <c r="L1002">
        <v>26653.626919999999</v>
      </c>
      <c r="M1002">
        <v>207547.03219999999</v>
      </c>
      <c r="N1002">
        <v>77270.198369999998</v>
      </c>
      <c r="O1002">
        <v>22311.339739999999</v>
      </c>
      <c r="P1002">
        <v>37895.55818</v>
      </c>
      <c r="Q1002">
        <v>46296.784330000002</v>
      </c>
      <c r="R1002">
        <v>20073.81595</v>
      </c>
      <c r="S1002">
        <v>93352.152730000002</v>
      </c>
      <c r="T1002">
        <v>34695.396950000002</v>
      </c>
      <c r="U1002">
        <v>14917.40504</v>
      </c>
      <c r="W1002" s="83">
        <f>Bühler!N1034</f>
        <v>45333.666666664241</v>
      </c>
      <c r="X1002" s="83">
        <v>43142.666666666664</v>
      </c>
      <c r="Y1002">
        <v>169864.14840000001</v>
      </c>
      <c r="Z1002">
        <v>19067.150160000001</v>
      </c>
      <c r="AA1002">
        <v>45939.650029999997</v>
      </c>
      <c r="AB1002">
        <v>40576.376839999997</v>
      </c>
      <c r="AC1002">
        <v>38320.868000000002</v>
      </c>
      <c r="AD1002">
        <v>27930.272000000001</v>
      </c>
      <c r="AE1002">
        <v>35615.228580000003</v>
      </c>
      <c r="AF1002">
        <v>46553.814100000003</v>
      </c>
      <c r="AG1002">
        <v>26653.626919999999</v>
      </c>
      <c r="AH1002">
        <v>207547.03219999999</v>
      </c>
      <c r="AI1002">
        <v>77270.198369999998</v>
      </c>
      <c r="AJ1002">
        <v>22311.339739999999</v>
      </c>
      <c r="AK1002">
        <v>37895.55818</v>
      </c>
      <c r="AL1002">
        <v>46296.784330000002</v>
      </c>
      <c r="AM1002">
        <v>20073.81595</v>
      </c>
      <c r="AN1002">
        <v>93352.152730000002</v>
      </c>
      <c r="AO1002">
        <v>34695.396950000002</v>
      </c>
      <c r="AP1002">
        <v>14917.40504</v>
      </c>
    </row>
    <row r="1003" spans="2:42" x14ac:dyDescent="0.3">
      <c r="B1003">
        <v>41.466108515861855</v>
      </c>
      <c r="C1003" s="83">
        <v>43142.708333333336</v>
      </c>
      <c r="D1003">
        <v>171742.02729999999</v>
      </c>
      <c r="E1003">
        <v>19282.047750000002</v>
      </c>
      <c r="F1003">
        <v>46487.600720000002</v>
      </c>
      <c r="G1003">
        <v>41013.595450000001</v>
      </c>
      <c r="H1003">
        <v>38455.733549999997</v>
      </c>
      <c r="I1003">
        <v>28665.270850000001</v>
      </c>
      <c r="J1003">
        <v>38402.704169999997</v>
      </c>
      <c r="K1003">
        <v>46250.144749999999</v>
      </c>
      <c r="L1003">
        <v>27163.252059999999</v>
      </c>
      <c r="M1003">
        <v>211413.55859999999</v>
      </c>
      <c r="N1003">
        <v>72878.440359999993</v>
      </c>
      <c r="O1003">
        <v>23196.585640000001</v>
      </c>
      <c r="P1003">
        <v>38313.490790000003</v>
      </c>
      <c r="Q1003">
        <v>46999.370739999998</v>
      </c>
      <c r="R1003">
        <v>22948.356940000001</v>
      </c>
      <c r="S1003">
        <v>96130.474459999998</v>
      </c>
      <c r="T1003">
        <v>34366.906949999997</v>
      </c>
      <c r="U1003">
        <v>15533.14258</v>
      </c>
      <c r="W1003" s="83">
        <f>Bühler!N1035</f>
        <v>45333.708333330906</v>
      </c>
      <c r="X1003" s="83">
        <v>43142.708333333336</v>
      </c>
      <c r="Y1003">
        <v>171742.02729999999</v>
      </c>
      <c r="Z1003">
        <v>19282.047750000002</v>
      </c>
      <c r="AA1003">
        <v>46487.600720000002</v>
      </c>
      <c r="AB1003">
        <v>41013.595450000001</v>
      </c>
      <c r="AC1003">
        <v>38455.733549999997</v>
      </c>
      <c r="AD1003">
        <v>28665.270850000001</v>
      </c>
      <c r="AE1003">
        <v>38402.704169999997</v>
      </c>
      <c r="AF1003">
        <v>46250.144749999999</v>
      </c>
      <c r="AG1003">
        <v>27163.252059999999</v>
      </c>
      <c r="AH1003">
        <v>211413.55859999999</v>
      </c>
      <c r="AI1003">
        <v>72878.440359999993</v>
      </c>
      <c r="AJ1003">
        <v>23196.585640000001</v>
      </c>
      <c r="AK1003">
        <v>38313.490790000003</v>
      </c>
      <c r="AL1003">
        <v>46999.370739999998</v>
      </c>
      <c r="AM1003">
        <v>22948.356940000001</v>
      </c>
      <c r="AN1003">
        <v>96130.474459999998</v>
      </c>
      <c r="AO1003">
        <v>34366.906949999997</v>
      </c>
      <c r="AP1003">
        <v>15533.14258</v>
      </c>
    </row>
    <row r="1004" spans="2:42" x14ac:dyDescent="0.3">
      <c r="B1004">
        <v>41.714245899762822</v>
      </c>
      <c r="C1004" s="83">
        <v>43142.75</v>
      </c>
      <c r="D1004">
        <v>175790.06520000001</v>
      </c>
      <c r="E1004">
        <v>19634.483850000001</v>
      </c>
      <c r="F1004">
        <v>47293.122609999999</v>
      </c>
      <c r="G1004">
        <v>43185.31566</v>
      </c>
      <c r="H1004">
        <v>40931.681409999997</v>
      </c>
      <c r="I1004">
        <v>29404.549879999999</v>
      </c>
      <c r="J1004">
        <v>41976.418799999999</v>
      </c>
      <c r="K1004">
        <v>47058.114430000001</v>
      </c>
      <c r="L1004">
        <v>28871.088599999999</v>
      </c>
      <c r="M1004">
        <v>212678.67869999999</v>
      </c>
      <c r="N1004">
        <v>72947.505399999995</v>
      </c>
      <c r="O1004">
        <v>23463.085640000001</v>
      </c>
      <c r="P1004">
        <v>41255.531329999998</v>
      </c>
      <c r="Q1004">
        <v>48187.763989999999</v>
      </c>
      <c r="R1004">
        <v>22728.399969999999</v>
      </c>
      <c r="S1004">
        <v>98021.646909999996</v>
      </c>
      <c r="T1004">
        <v>35260.687660000003</v>
      </c>
      <c r="U1004">
        <v>16944.45506</v>
      </c>
      <c r="W1004" s="83">
        <f>Bühler!N1036</f>
        <v>45333.74999999757</v>
      </c>
      <c r="X1004" s="83">
        <v>43142.75</v>
      </c>
      <c r="Y1004">
        <v>175790.06520000001</v>
      </c>
      <c r="Z1004">
        <v>19634.483850000001</v>
      </c>
      <c r="AA1004">
        <v>47293.122609999999</v>
      </c>
      <c r="AB1004">
        <v>43185.31566</v>
      </c>
      <c r="AC1004">
        <v>40931.681409999997</v>
      </c>
      <c r="AD1004">
        <v>29404.549879999999</v>
      </c>
      <c r="AE1004">
        <v>41976.418799999999</v>
      </c>
      <c r="AF1004">
        <v>47058.114430000001</v>
      </c>
      <c r="AG1004">
        <v>28871.088599999999</v>
      </c>
      <c r="AH1004">
        <v>212678.67869999999</v>
      </c>
      <c r="AI1004">
        <v>72947.505399999995</v>
      </c>
      <c r="AJ1004">
        <v>23463.085640000001</v>
      </c>
      <c r="AK1004">
        <v>41255.531329999998</v>
      </c>
      <c r="AL1004">
        <v>48187.763989999999</v>
      </c>
      <c r="AM1004">
        <v>22728.399969999999</v>
      </c>
      <c r="AN1004">
        <v>98021.646909999996</v>
      </c>
      <c r="AO1004">
        <v>35260.687660000003</v>
      </c>
      <c r="AP1004">
        <v>16944.45506</v>
      </c>
    </row>
    <row r="1005" spans="2:42" x14ac:dyDescent="0.3">
      <c r="B1005">
        <v>41.618362497340975</v>
      </c>
      <c r="C1005" s="83">
        <v>43142.791666666664</v>
      </c>
      <c r="D1005">
        <v>177695.23939999999</v>
      </c>
      <c r="E1005">
        <v>19101.119439999999</v>
      </c>
      <c r="F1005">
        <v>47011.659440000003</v>
      </c>
      <c r="G1005">
        <v>43910.207159999998</v>
      </c>
      <c r="H1005">
        <v>41131.231899999999</v>
      </c>
      <c r="I1005">
        <v>30770.44442</v>
      </c>
      <c r="J1005">
        <v>42753.121350000001</v>
      </c>
      <c r="K1005">
        <v>48394.224470000001</v>
      </c>
      <c r="L1005">
        <v>29851.544239999999</v>
      </c>
      <c r="M1005">
        <v>212189.8204</v>
      </c>
      <c r="N1005">
        <v>74195.766669999997</v>
      </c>
      <c r="O1005">
        <v>24113.078310000001</v>
      </c>
      <c r="P1005">
        <v>42470.030939999997</v>
      </c>
      <c r="Q1005">
        <v>49448.92626</v>
      </c>
      <c r="R1005">
        <v>23083.155890000002</v>
      </c>
      <c r="S1005">
        <v>98007.686019999994</v>
      </c>
      <c r="T1005">
        <v>35013.279840000003</v>
      </c>
      <c r="U1005">
        <v>17379.23257</v>
      </c>
      <c r="W1005" s="83">
        <f>Bühler!N1037</f>
        <v>45333.791666664234</v>
      </c>
      <c r="X1005" s="83">
        <v>43142.791666666664</v>
      </c>
      <c r="Y1005">
        <v>177695.23939999999</v>
      </c>
      <c r="Z1005">
        <v>19101.119439999999</v>
      </c>
      <c r="AA1005">
        <v>47011.659440000003</v>
      </c>
      <c r="AB1005">
        <v>43910.207159999998</v>
      </c>
      <c r="AC1005">
        <v>41131.231899999999</v>
      </c>
      <c r="AD1005">
        <v>30770.44442</v>
      </c>
      <c r="AE1005">
        <v>42753.121350000001</v>
      </c>
      <c r="AF1005">
        <v>48394.224470000001</v>
      </c>
      <c r="AG1005">
        <v>29851.544239999999</v>
      </c>
      <c r="AH1005">
        <v>212189.8204</v>
      </c>
      <c r="AI1005">
        <v>74195.766669999997</v>
      </c>
      <c r="AJ1005">
        <v>24113.078310000001</v>
      </c>
      <c r="AK1005">
        <v>42470.030939999997</v>
      </c>
      <c r="AL1005">
        <v>49448.92626</v>
      </c>
      <c r="AM1005">
        <v>23083.155890000002</v>
      </c>
      <c r="AN1005">
        <v>98007.686019999994</v>
      </c>
      <c r="AO1005">
        <v>35013.279840000003</v>
      </c>
      <c r="AP1005">
        <v>17379.23257</v>
      </c>
    </row>
    <row r="1006" spans="2:42" x14ac:dyDescent="0.3">
      <c r="B1006">
        <v>42.086218719195536</v>
      </c>
      <c r="C1006" s="83">
        <v>43142.833333333336</v>
      </c>
      <c r="D1006">
        <v>179180.53200000001</v>
      </c>
      <c r="E1006">
        <v>17999.104429999999</v>
      </c>
      <c r="F1006">
        <v>47218.676500000001</v>
      </c>
      <c r="G1006">
        <v>43944.484369999998</v>
      </c>
      <c r="H1006">
        <v>40586.413829999998</v>
      </c>
      <c r="I1006">
        <v>30672.33798</v>
      </c>
      <c r="J1006">
        <v>41861.102059999997</v>
      </c>
      <c r="K1006">
        <v>48863.714809999998</v>
      </c>
      <c r="L1006">
        <v>29205.871749999998</v>
      </c>
      <c r="M1006">
        <v>214575.16959999999</v>
      </c>
      <c r="N1006">
        <v>75871.204849999995</v>
      </c>
      <c r="O1006">
        <v>23821.95118</v>
      </c>
      <c r="P1006">
        <v>42284.6515</v>
      </c>
      <c r="Q1006">
        <v>50789.022369999999</v>
      </c>
      <c r="R1006">
        <v>22319.477650000001</v>
      </c>
      <c r="S1006">
        <v>91830.105819999997</v>
      </c>
      <c r="T1006">
        <v>31988.545750000001</v>
      </c>
      <c r="U1006">
        <v>17410.88121</v>
      </c>
      <c r="W1006" s="83">
        <f>Bühler!N1038</f>
        <v>45333.833333330898</v>
      </c>
      <c r="X1006" s="83">
        <v>43142.833333333336</v>
      </c>
      <c r="Y1006">
        <v>179180.53200000001</v>
      </c>
      <c r="Z1006">
        <v>17999.104429999999</v>
      </c>
      <c r="AA1006">
        <v>47218.676500000001</v>
      </c>
      <c r="AB1006">
        <v>43944.484369999998</v>
      </c>
      <c r="AC1006">
        <v>40586.413829999998</v>
      </c>
      <c r="AD1006">
        <v>30672.33798</v>
      </c>
      <c r="AE1006">
        <v>41861.102059999997</v>
      </c>
      <c r="AF1006">
        <v>48863.714809999998</v>
      </c>
      <c r="AG1006">
        <v>29205.871749999998</v>
      </c>
      <c r="AH1006">
        <v>214575.16959999999</v>
      </c>
      <c r="AI1006">
        <v>75871.204849999995</v>
      </c>
      <c r="AJ1006">
        <v>23821.95118</v>
      </c>
      <c r="AK1006">
        <v>42284.6515</v>
      </c>
      <c r="AL1006">
        <v>50789.022369999999</v>
      </c>
      <c r="AM1006">
        <v>22319.477650000001</v>
      </c>
      <c r="AN1006">
        <v>91830.105819999997</v>
      </c>
      <c r="AO1006">
        <v>31988.545750000001</v>
      </c>
      <c r="AP1006">
        <v>17410.88121</v>
      </c>
    </row>
    <row r="1007" spans="2:42" x14ac:dyDescent="0.3">
      <c r="B1007">
        <v>42.479583795178513</v>
      </c>
      <c r="C1007" s="83">
        <v>43142.875</v>
      </c>
      <c r="D1007">
        <v>181302.92679999999</v>
      </c>
      <c r="E1007">
        <v>17719.032469999998</v>
      </c>
      <c r="F1007">
        <v>46976.93348</v>
      </c>
      <c r="G1007">
        <v>43971.342879999997</v>
      </c>
      <c r="H1007">
        <v>40946.638910000001</v>
      </c>
      <c r="I1007">
        <v>28994.541570000001</v>
      </c>
      <c r="J1007">
        <v>40596.769899999999</v>
      </c>
      <c r="K1007">
        <v>48686.029719999999</v>
      </c>
      <c r="L1007">
        <v>27217.5268</v>
      </c>
      <c r="M1007">
        <v>216580.72820000001</v>
      </c>
      <c r="N1007">
        <v>75710.562309999994</v>
      </c>
      <c r="O1007">
        <v>23880.069869999999</v>
      </c>
      <c r="P1007">
        <v>41037.073770000003</v>
      </c>
      <c r="Q1007">
        <v>52902.052389999997</v>
      </c>
      <c r="R1007">
        <v>22554.860690000001</v>
      </c>
      <c r="S1007">
        <v>88345.710879999999</v>
      </c>
      <c r="T1007">
        <v>30825.843420000001</v>
      </c>
      <c r="U1007">
        <v>17631.484799999998</v>
      </c>
      <c r="W1007" s="83">
        <f>Bühler!N1039</f>
        <v>45333.874999997563</v>
      </c>
      <c r="X1007" s="83">
        <v>43142.875</v>
      </c>
      <c r="Y1007">
        <v>181302.92679999999</v>
      </c>
      <c r="Z1007">
        <v>17719.032469999998</v>
      </c>
      <c r="AA1007">
        <v>46976.93348</v>
      </c>
      <c r="AB1007">
        <v>43971.342879999997</v>
      </c>
      <c r="AC1007">
        <v>40946.638910000001</v>
      </c>
      <c r="AD1007">
        <v>28994.541570000001</v>
      </c>
      <c r="AE1007">
        <v>40596.769899999999</v>
      </c>
      <c r="AF1007">
        <v>48686.029719999999</v>
      </c>
      <c r="AG1007">
        <v>27217.5268</v>
      </c>
      <c r="AH1007">
        <v>216580.72820000001</v>
      </c>
      <c r="AI1007">
        <v>75710.562309999994</v>
      </c>
      <c r="AJ1007">
        <v>23880.069869999999</v>
      </c>
      <c r="AK1007">
        <v>41037.073770000003</v>
      </c>
      <c r="AL1007">
        <v>52902.052389999997</v>
      </c>
      <c r="AM1007">
        <v>22554.860690000001</v>
      </c>
      <c r="AN1007">
        <v>88345.710879999999</v>
      </c>
      <c r="AO1007">
        <v>30825.843420000001</v>
      </c>
      <c r="AP1007">
        <v>17631.484799999998</v>
      </c>
    </row>
    <row r="1008" spans="2:42" x14ac:dyDescent="0.3">
      <c r="B1008">
        <v>43.264784604891908</v>
      </c>
      <c r="C1008" s="83">
        <v>43142.916666666664</v>
      </c>
      <c r="D1008">
        <v>183694.5612</v>
      </c>
      <c r="E1008">
        <v>17810.462210000002</v>
      </c>
      <c r="F1008">
        <v>46910.41345</v>
      </c>
      <c r="G1008">
        <v>44130.154589999998</v>
      </c>
      <c r="H1008">
        <v>41540.054340000002</v>
      </c>
      <c r="I1008">
        <v>29285.48026</v>
      </c>
      <c r="J1008">
        <v>39543.109380000002</v>
      </c>
      <c r="K1008">
        <v>50531.804060000002</v>
      </c>
      <c r="L1008">
        <v>24621.493709999999</v>
      </c>
      <c r="M1008">
        <v>220584.04810000001</v>
      </c>
      <c r="N1008">
        <v>77147.806280000004</v>
      </c>
      <c r="O1008">
        <v>25476.581870000002</v>
      </c>
      <c r="P1008">
        <v>39943.798219999997</v>
      </c>
      <c r="Q1008">
        <v>55028.53729</v>
      </c>
      <c r="R1008">
        <v>32228.971870000001</v>
      </c>
      <c r="S1008">
        <v>87575.10196</v>
      </c>
      <c r="T1008">
        <v>29970.595959999999</v>
      </c>
      <c r="U1008">
        <v>18823.387019999998</v>
      </c>
      <c r="W1008" s="83">
        <f>Bühler!N1040</f>
        <v>45333.916666664227</v>
      </c>
      <c r="X1008" s="83">
        <v>43142.916666666664</v>
      </c>
      <c r="Y1008">
        <v>183694.5612</v>
      </c>
      <c r="Z1008">
        <v>17810.462210000002</v>
      </c>
      <c r="AA1008">
        <v>46910.41345</v>
      </c>
      <c r="AB1008">
        <v>44130.154589999998</v>
      </c>
      <c r="AC1008">
        <v>41540.054340000002</v>
      </c>
      <c r="AD1008">
        <v>29285.48026</v>
      </c>
      <c r="AE1008">
        <v>39543.109380000002</v>
      </c>
      <c r="AF1008">
        <v>50531.804060000002</v>
      </c>
      <c r="AG1008">
        <v>24621.493709999999</v>
      </c>
      <c r="AH1008">
        <v>220584.04810000001</v>
      </c>
      <c r="AI1008">
        <v>77147.806280000004</v>
      </c>
      <c r="AJ1008">
        <v>25476.581870000002</v>
      </c>
      <c r="AK1008">
        <v>39943.798219999997</v>
      </c>
      <c r="AL1008">
        <v>55028.53729</v>
      </c>
      <c r="AM1008">
        <v>32228.971870000001</v>
      </c>
      <c r="AN1008">
        <v>87575.10196</v>
      </c>
      <c r="AO1008">
        <v>29970.595959999999</v>
      </c>
      <c r="AP1008">
        <v>18823.387019999998</v>
      </c>
    </row>
    <row r="1009" spans="2:42" x14ac:dyDescent="0.3">
      <c r="B1009">
        <v>43.551891805728793</v>
      </c>
      <c r="C1009" s="83">
        <v>43142.958333333336</v>
      </c>
      <c r="D1009">
        <v>187022.66529999999</v>
      </c>
      <c r="E1009">
        <v>17857.86087</v>
      </c>
      <c r="F1009">
        <v>46944.52102</v>
      </c>
      <c r="G1009">
        <v>43855.313159999998</v>
      </c>
      <c r="H1009">
        <v>41661.103089999997</v>
      </c>
      <c r="I1009">
        <v>29117.412919999999</v>
      </c>
      <c r="J1009">
        <v>37840.31912</v>
      </c>
      <c r="K1009">
        <v>49900.949489999999</v>
      </c>
      <c r="L1009">
        <v>21965.163079999998</v>
      </c>
      <c r="M1009">
        <v>222047.85449999999</v>
      </c>
      <c r="N1009">
        <v>77881.346999999994</v>
      </c>
      <c r="O1009">
        <v>25590.757669999999</v>
      </c>
      <c r="P1009">
        <v>36453.288159999996</v>
      </c>
      <c r="Q1009">
        <v>57342.292750000001</v>
      </c>
      <c r="R1009">
        <v>35781.10411</v>
      </c>
      <c r="S1009">
        <v>86357.436459999997</v>
      </c>
      <c r="T1009">
        <v>32116.41678</v>
      </c>
      <c r="U1009">
        <v>19138.194660000001</v>
      </c>
      <c r="W1009" s="83">
        <f>Bühler!N1041</f>
        <v>45333.958333330891</v>
      </c>
      <c r="X1009" s="83">
        <v>43142.958333333336</v>
      </c>
      <c r="Y1009">
        <v>187022.66529999999</v>
      </c>
      <c r="Z1009">
        <v>17857.86087</v>
      </c>
      <c r="AA1009">
        <v>46944.52102</v>
      </c>
      <c r="AB1009">
        <v>43855.313159999998</v>
      </c>
      <c r="AC1009">
        <v>41661.103089999997</v>
      </c>
      <c r="AD1009">
        <v>29117.412919999999</v>
      </c>
      <c r="AE1009">
        <v>37840.31912</v>
      </c>
      <c r="AF1009">
        <v>49900.949489999999</v>
      </c>
      <c r="AG1009">
        <v>21965.163079999998</v>
      </c>
      <c r="AH1009">
        <v>222047.85449999999</v>
      </c>
      <c r="AI1009">
        <v>77881.346999999994</v>
      </c>
      <c r="AJ1009">
        <v>25590.757669999999</v>
      </c>
      <c r="AK1009">
        <v>36453.288159999996</v>
      </c>
      <c r="AL1009">
        <v>57342.292750000001</v>
      </c>
      <c r="AM1009">
        <v>35781.10411</v>
      </c>
      <c r="AN1009">
        <v>86357.436459999997</v>
      </c>
      <c r="AO1009">
        <v>32116.41678</v>
      </c>
      <c r="AP1009">
        <v>19138.194660000001</v>
      </c>
    </row>
    <row r="1010" spans="2:42" x14ac:dyDescent="0.3">
      <c r="B1010">
        <v>43.590250419257465</v>
      </c>
      <c r="C1010" s="83">
        <v>43143</v>
      </c>
      <c r="D1010">
        <v>188732.70310000001</v>
      </c>
      <c r="E1010">
        <v>17841.451150000001</v>
      </c>
      <c r="F1010">
        <v>47663.585129999999</v>
      </c>
      <c r="G1010">
        <v>44105.885280000002</v>
      </c>
      <c r="H1010">
        <v>41604.992760000001</v>
      </c>
      <c r="I1010">
        <v>27444.316630000001</v>
      </c>
      <c r="J1010">
        <v>34724.863340000004</v>
      </c>
      <c r="K1010">
        <v>49110.150179999997</v>
      </c>
      <c r="L1010">
        <v>20050.382839999998</v>
      </c>
      <c r="M1010">
        <v>222243.4246</v>
      </c>
      <c r="N1010">
        <v>77538.952799999999</v>
      </c>
      <c r="O1010">
        <v>25617.3472</v>
      </c>
      <c r="P1010">
        <v>35016.01743</v>
      </c>
      <c r="Q1010">
        <v>60035.931839999997</v>
      </c>
      <c r="R1010">
        <v>32101.664420000001</v>
      </c>
      <c r="S1010">
        <v>85549.95147</v>
      </c>
      <c r="T1010">
        <v>31442.419699999999</v>
      </c>
      <c r="U1010">
        <v>18526.452560000002</v>
      </c>
      <c r="W1010" s="83">
        <f>Bühler!N1042</f>
        <v>45333.999999997555</v>
      </c>
      <c r="X1010" s="83">
        <v>43143</v>
      </c>
      <c r="Y1010">
        <v>188732.70310000001</v>
      </c>
      <c r="Z1010">
        <v>17841.451150000001</v>
      </c>
      <c r="AA1010">
        <v>47663.585129999999</v>
      </c>
      <c r="AB1010">
        <v>44105.885280000002</v>
      </c>
      <c r="AC1010">
        <v>41604.992760000001</v>
      </c>
      <c r="AD1010">
        <v>27444.316630000001</v>
      </c>
      <c r="AE1010">
        <v>34724.863340000004</v>
      </c>
      <c r="AF1010">
        <v>49110.150179999997</v>
      </c>
      <c r="AG1010">
        <v>20050.382839999998</v>
      </c>
      <c r="AH1010">
        <v>222243.4246</v>
      </c>
      <c r="AI1010">
        <v>77538.952799999999</v>
      </c>
      <c r="AJ1010">
        <v>25617.3472</v>
      </c>
      <c r="AK1010">
        <v>35016.01743</v>
      </c>
      <c r="AL1010">
        <v>60035.931839999997</v>
      </c>
      <c r="AM1010">
        <v>32101.664420000001</v>
      </c>
      <c r="AN1010">
        <v>85549.95147</v>
      </c>
      <c r="AO1010">
        <v>31442.419699999999</v>
      </c>
      <c r="AP1010">
        <v>18526.452560000002</v>
      </c>
    </row>
    <row r="1011" spans="2:42" x14ac:dyDescent="0.3">
      <c r="B1011">
        <v>44.314466438811245</v>
      </c>
      <c r="C1011" s="83">
        <v>43143.041666666664</v>
      </c>
      <c r="D1011">
        <v>189688.02040000001</v>
      </c>
      <c r="E1011">
        <v>18083.772010000001</v>
      </c>
      <c r="F1011">
        <v>48138.443749999999</v>
      </c>
      <c r="G1011">
        <v>43962.395660000002</v>
      </c>
      <c r="H1011">
        <v>41330.622380000001</v>
      </c>
      <c r="I1011">
        <v>23443.076690000002</v>
      </c>
      <c r="J1011">
        <v>34827.431830000001</v>
      </c>
      <c r="K1011">
        <v>46092.930160000004</v>
      </c>
      <c r="L1011">
        <v>19613.315750000002</v>
      </c>
      <c r="M1011">
        <v>225935.8156</v>
      </c>
      <c r="N1011">
        <v>76977.620630000005</v>
      </c>
      <c r="O1011">
        <v>25687.96068</v>
      </c>
      <c r="P1011">
        <v>34210.935619999997</v>
      </c>
      <c r="Q1011">
        <v>63349.478920000001</v>
      </c>
      <c r="R1011">
        <v>29790.762190000001</v>
      </c>
      <c r="S1011">
        <v>84529.547170000005</v>
      </c>
      <c r="T1011">
        <v>31106.194869999999</v>
      </c>
      <c r="U1011">
        <v>19196.81796</v>
      </c>
      <c r="W1011" s="83">
        <f>Bühler!N1043</f>
        <v>45334.04166666422</v>
      </c>
      <c r="X1011" s="83">
        <v>43143.041666666664</v>
      </c>
      <c r="Y1011">
        <v>189688.02040000001</v>
      </c>
      <c r="Z1011">
        <v>18083.772010000001</v>
      </c>
      <c r="AA1011">
        <v>48138.443749999999</v>
      </c>
      <c r="AB1011">
        <v>43962.395660000002</v>
      </c>
      <c r="AC1011">
        <v>41330.622380000001</v>
      </c>
      <c r="AD1011">
        <v>23443.076690000002</v>
      </c>
      <c r="AE1011">
        <v>34827.431830000001</v>
      </c>
      <c r="AF1011">
        <v>46092.930160000004</v>
      </c>
      <c r="AG1011">
        <v>19613.315750000002</v>
      </c>
      <c r="AH1011">
        <v>225935.8156</v>
      </c>
      <c r="AI1011">
        <v>76977.620630000005</v>
      </c>
      <c r="AJ1011">
        <v>25687.96068</v>
      </c>
      <c r="AK1011">
        <v>34210.935619999997</v>
      </c>
      <c r="AL1011">
        <v>63349.478920000001</v>
      </c>
      <c r="AM1011">
        <v>29790.762190000001</v>
      </c>
      <c r="AN1011">
        <v>84529.547170000005</v>
      </c>
      <c r="AO1011">
        <v>31106.194869999999</v>
      </c>
      <c r="AP1011">
        <v>19196.81796</v>
      </c>
    </row>
    <row r="1012" spans="2:42" x14ac:dyDescent="0.3">
      <c r="B1012">
        <v>45.088471803429648</v>
      </c>
      <c r="C1012" s="83">
        <v>43143.083333333336</v>
      </c>
      <c r="D1012">
        <v>192106.42199999999</v>
      </c>
      <c r="E1012">
        <v>18266.293000000001</v>
      </c>
      <c r="F1012">
        <v>49517.749940000002</v>
      </c>
      <c r="G1012">
        <v>43656.901279999998</v>
      </c>
      <c r="H1012">
        <v>41219.470130000002</v>
      </c>
      <c r="I1012">
        <v>21486.883819999999</v>
      </c>
      <c r="J1012">
        <v>34757.517950000001</v>
      </c>
      <c r="K1012">
        <v>44792.159390000001</v>
      </c>
      <c r="L1012">
        <v>19951.79783</v>
      </c>
      <c r="M1012">
        <v>229882.05590000001</v>
      </c>
      <c r="N1012">
        <v>76617.944489999994</v>
      </c>
      <c r="O1012">
        <v>25813.775300000001</v>
      </c>
      <c r="P1012">
        <v>33955.96989</v>
      </c>
      <c r="Q1012">
        <v>65136.142690000001</v>
      </c>
      <c r="R1012">
        <v>30341.764579999999</v>
      </c>
      <c r="S1012">
        <v>84648.137369999997</v>
      </c>
      <c r="T1012">
        <v>30617.808249999998</v>
      </c>
      <c r="U1012">
        <v>19315.938480000001</v>
      </c>
      <c r="W1012" s="83">
        <f>Bühler!N1044</f>
        <v>45334.083333330884</v>
      </c>
      <c r="X1012" s="83">
        <v>43143.083333333336</v>
      </c>
      <c r="Y1012">
        <v>192106.42199999999</v>
      </c>
      <c r="Z1012">
        <v>18266.293000000001</v>
      </c>
      <c r="AA1012">
        <v>49517.749940000002</v>
      </c>
      <c r="AB1012">
        <v>43656.901279999998</v>
      </c>
      <c r="AC1012">
        <v>41219.470130000002</v>
      </c>
      <c r="AD1012">
        <v>21486.883819999999</v>
      </c>
      <c r="AE1012">
        <v>34757.517950000001</v>
      </c>
      <c r="AF1012">
        <v>44792.159390000001</v>
      </c>
      <c r="AG1012">
        <v>19951.79783</v>
      </c>
      <c r="AH1012">
        <v>229882.05590000001</v>
      </c>
      <c r="AI1012">
        <v>76617.944489999994</v>
      </c>
      <c r="AJ1012">
        <v>25813.775300000001</v>
      </c>
      <c r="AK1012">
        <v>33955.96989</v>
      </c>
      <c r="AL1012">
        <v>65136.142690000001</v>
      </c>
      <c r="AM1012">
        <v>30341.764579999999</v>
      </c>
      <c r="AN1012">
        <v>84648.137369999997</v>
      </c>
      <c r="AO1012">
        <v>30617.808249999998</v>
      </c>
      <c r="AP1012">
        <v>19315.938480000001</v>
      </c>
    </row>
    <row r="1013" spans="2:42" x14ac:dyDescent="0.3">
      <c r="B1013">
        <v>46.133915127461783</v>
      </c>
      <c r="C1013" s="83">
        <v>43143.125</v>
      </c>
      <c r="D1013">
        <v>197041.66089999999</v>
      </c>
      <c r="E1013">
        <v>18543.392049999999</v>
      </c>
      <c r="F1013">
        <v>51687.208129999999</v>
      </c>
      <c r="G1013">
        <v>42967.78011</v>
      </c>
      <c r="H1013">
        <v>42184.074780000003</v>
      </c>
      <c r="I1013">
        <v>21510.13247</v>
      </c>
      <c r="J1013">
        <v>35762.785109999997</v>
      </c>
      <c r="K1013">
        <v>44586.430059999999</v>
      </c>
      <c r="L1013">
        <v>20337.842430000001</v>
      </c>
      <c r="M1013">
        <v>235212.21350000001</v>
      </c>
      <c r="N1013">
        <v>76473.398549999998</v>
      </c>
      <c r="O1013">
        <v>25895.944530000001</v>
      </c>
      <c r="P1013">
        <v>33455.44169</v>
      </c>
      <c r="Q1013">
        <v>70236.032170000006</v>
      </c>
      <c r="R1013">
        <v>30814.946940000002</v>
      </c>
      <c r="S1013">
        <v>83515.589370000002</v>
      </c>
      <c r="T1013">
        <v>30842.909380000001</v>
      </c>
      <c r="U1013">
        <v>19484.04033</v>
      </c>
      <c r="W1013" s="83">
        <f>Bühler!N1045</f>
        <v>45334.124999997548</v>
      </c>
      <c r="X1013" s="83">
        <v>43143.125</v>
      </c>
      <c r="Y1013">
        <v>197041.66089999999</v>
      </c>
      <c r="Z1013">
        <v>18543.392049999999</v>
      </c>
      <c r="AA1013">
        <v>51687.208129999999</v>
      </c>
      <c r="AB1013">
        <v>42967.78011</v>
      </c>
      <c r="AC1013">
        <v>42184.074780000003</v>
      </c>
      <c r="AD1013">
        <v>21510.13247</v>
      </c>
      <c r="AE1013">
        <v>35762.785109999997</v>
      </c>
      <c r="AF1013">
        <v>44586.430059999999</v>
      </c>
      <c r="AG1013">
        <v>20337.842430000001</v>
      </c>
      <c r="AH1013">
        <v>235212.21350000001</v>
      </c>
      <c r="AI1013">
        <v>76473.398549999998</v>
      </c>
      <c r="AJ1013">
        <v>25895.944530000001</v>
      </c>
      <c r="AK1013">
        <v>33455.44169</v>
      </c>
      <c r="AL1013">
        <v>70236.032170000006</v>
      </c>
      <c r="AM1013">
        <v>30814.946940000002</v>
      </c>
      <c r="AN1013">
        <v>83515.589370000002</v>
      </c>
      <c r="AO1013">
        <v>30842.909380000001</v>
      </c>
      <c r="AP1013">
        <v>19484.04033</v>
      </c>
    </row>
    <row r="1014" spans="2:42" x14ac:dyDescent="0.3">
      <c r="B1014">
        <v>49.149632809752582</v>
      </c>
      <c r="C1014" s="83">
        <v>43143.166666666664</v>
      </c>
      <c r="D1014">
        <v>208950.36749999999</v>
      </c>
      <c r="E1014">
        <v>19423.86794</v>
      </c>
      <c r="F1014">
        <v>56078.486980000001</v>
      </c>
      <c r="G1014">
        <v>43025.56697</v>
      </c>
      <c r="H1014">
        <v>43231.314409999999</v>
      </c>
      <c r="I1014">
        <v>25119.113549999998</v>
      </c>
      <c r="J1014">
        <v>38038.917410000002</v>
      </c>
      <c r="K1014">
        <v>45866.87386</v>
      </c>
      <c r="L1014">
        <v>20273.380440000001</v>
      </c>
      <c r="M1014">
        <v>250587.74859999999</v>
      </c>
      <c r="N1014">
        <v>77885.69945</v>
      </c>
      <c r="O1014">
        <v>26586.363679999999</v>
      </c>
      <c r="P1014">
        <v>34358.81495</v>
      </c>
      <c r="Q1014">
        <v>76130.405580000006</v>
      </c>
      <c r="R1014">
        <v>30644.09649</v>
      </c>
      <c r="S1014">
        <v>84275.134980000003</v>
      </c>
      <c r="T1014">
        <v>31012.085650000001</v>
      </c>
      <c r="U1014">
        <v>20704.811249999999</v>
      </c>
      <c r="W1014" s="83">
        <f>Bühler!N1046</f>
        <v>45334.166666664212</v>
      </c>
      <c r="X1014" s="83">
        <v>43143.166666666664</v>
      </c>
      <c r="Y1014">
        <v>208950.36749999999</v>
      </c>
      <c r="Z1014">
        <v>19423.86794</v>
      </c>
      <c r="AA1014">
        <v>56078.486980000001</v>
      </c>
      <c r="AB1014">
        <v>43025.56697</v>
      </c>
      <c r="AC1014">
        <v>43231.314409999999</v>
      </c>
      <c r="AD1014">
        <v>25119.113549999998</v>
      </c>
      <c r="AE1014">
        <v>38038.917410000002</v>
      </c>
      <c r="AF1014">
        <v>45866.87386</v>
      </c>
      <c r="AG1014">
        <v>20273.380440000001</v>
      </c>
      <c r="AH1014">
        <v>250587.74859999999</v>
      </c>
      <c r="AI1014">
        <v>77885.69945</v>
      </c>
      <c r="AJ1014">
        <v>26586.363679999999</v>
      </c>
      <c r="AK1014">
        <v>34358.81495</v>
      </c>
      <c r="AL1014">
        <v>76130.405580000006</v>
      </c>
      <c r="AM1014">
        <v>30644.09649</v>
      </c>
      <c r="AN1014">
        <v>84275.134980000003</v>
      </c>
      <c r="AO1014">
        <v>31012.085650000001</v>
      </c>
      <c r="AP1014">
        <v>20704.811249999999</v>
      </c>
    </row>
    <row r="1015" spans="2:42" x14ac:dyDescent="0.3">
      <c r="B1015">
        <v>54.668310940166151</v>
      </c>
      <c r="C1015" s="83">
        <v>43143.208333333336</v>
      </c>
      <c r="D1015">
        <v>238786.61060000001</v>
      </c>
      <c r="E1015">
        <v>21691.152150000002</v>
      </c>
      <c r="F1015">
        <v>67005.474459999998</v>
      </c>
      <c r="G1015">
        <v>46047.58526</v>
      </c>
      <c r="H1015">
        <v>45322.354890000002</v>
      </c>
      <c r="I1015">
        <v>34817.492319999998</v>
      </c>
      <c r="J1015">
        <v>41234.808169999997</v>
      </c>
      <c r="K1015">
        <v>47692.533150000003</v>
      </c>
      <c r="L1015">
        <v>21308.88753</v>
      </c>
      <c r="M1015">
        <v>278724.54330000002</v>
      </c>
      <c r="N1015">
        <v>79920.002099999998</v>
      </c>
      <c r="O1015">
        <v>27246.85569</v>
      </c>
      <c r="P1015">
        <v>35518.637029999998</v>
      </c>
      <c r="Q1015">
        <v>81621.57488</v>
      </c>
      <c r="R1015">
        <v>33101.191939999997</v>
      </c>
      <c r="S1015">
        <v>87050.203899999993</v>
      </c>
      <c r="T1015">
        <v>32329.464670000001</v>
      </c>
      <c r="U1015">
        <v>22209.075150000001</v>
      </c>
      <c r="W1015" s="83">
        <f>Bühler!N1047</f>
        <v>45334.208333330876</v>
      </c>
      <c r="X1015" s="83">
        <v>43143.208333333336</v>
      </c>
      <c r="Y1015">
        <v>238786.61060000001</v>
      </c>
      <c r="Z1015">
        <v>21691.152150000002</v>
      </c>
      <c r="AA1015">
        <v>67005.474459999998</v>
      </c>
      <c r="AB1015">
        <v>46047.58526</v>
      </c>
      <c r="AC1015">
        <v>45322.354890000002</v>
      </c>
      <c r="AD1015">
        <v>34817.492319999998</v>
      </c>
      <c r="AE1015">
        <v>41234.808169999997</v>
      </c>
      <c r="AF1015">
        <v>47692.533150000003</v>
      </c>
      <c r="AG1015">
        <v>21308.88753</v>
      </c>
      <c r="AH1015">
        <v>278724.54330000002</v>
      </c>
      <c r="AI1015">
        <v>79920.002099999998</v>
      </c>
      <c r="AJ1015">
        <v>27246.85569</v>
      </c>
      <c r="AK1015">
        <v>35518.637029999998</v>
      </c>
      <c r="AL1015">
        <v>81621.57488</v>
      </c>
      <c r="AM1015">
        <v>33101.191939999997</v>
      </c>
      <c r="AN1015">
        <v>87050.203899999993</v>
      </c>
      <c r="AO1015">
        <v>32329.464670000001</v>
      </c>
      <c r="AP1015">
        <v>22209.075150000001</v>
      </c>
    </row>
    <row r="1016" spans="2:42" x14ac:dyDescent="0.3">
      <c r="B1016">
        <v>59.791107394674448</v>
      </c>
      <c r="C1016" s="83">
        <v>43143.25</v>
      </c>
      <c r="D1016">
        <v>266200.49359999999</v>
      </c>
      <c r="E1016">
        <v>25989.703010000001</v>
      </c>
      <c r="F1016">
        <v>79140.277449999994</v>
      </c>
      <c r="G1016">
        <v>57843.640529999997</v>
      </c>
      <c r="H1016">
        <v>48936.788950000002</v>
      </c>
      <c r="I1016">
        <v>42675.530420000003</v>
      </c>
      <c r="J1016">
        <v>44358.992010000002</v>
      </c>
      <c r="K1016">
        <v>48682.738060000003</v>
      </c>
      <c r="L1016">
        <v>22388.8668</v>
      </c>
      <c r="M1016">
        <v>304842.9486</v>
      </c>
      <c r="N1016">
        <v>80967.713489999995</v>
      </c>
      <c r="O1016">
        <v>28378.735619999999</v>
      </c>
      <c r="P1016">
        <v>35029.669520000003</v>
      </c>
      <c r="Q1016">
        <v>85298.143209999995</v>
      </c>
      <c r="R1016">
        <v>23646.91186</v>
      </c>
      <c r="S1016">
        <v>95431.078569999998</v>
      </c>
      <c r="T1016">
        <v>35397.086479999998</v>
      </c>
      <c r="U1016">
        <v>23511.464110000001</v>
      </c>
      <c r="W1016" s="83">
        <f>Bühler!N1048</f>
        <v>45334.249999997541</v>
      </c>
      <c r="X1016" s="83">
        <v>43143.25</v>
      </c>
      <c r="Y1016">
        <v>266200.49359999999</v>
      </c>
      <c r="Z1016">
        <v>25989.703010000001</v>
      </c>
      <c r="AA1016">
        <v>79140.277449999994</v>
      </c>
      <c r="AB1016">
        <v>57843.640529999997</v>
      </c>
      <c r="AC1016">
        <v>48936.788950000002</v>
      </c>
      <c r="AD1016">
        <v>42675.530420000003</v>
      </c>
      <c r="AE1016">
        <v>44358.992010000002</v>
      </c>
      <c r="AF1016">
        <v>48682.738060000003</v>
      </c>
      <c r="AG1016">
        <v>22388.8668</v>
      </c>
      <c r="AH1016">
        <v>304842.9486</v>
      </c>
      <c r="AI1016">
        <v>80967.713489999995</v>
      </c>
      <c r="AJ1016">
        <v>28378.735619999999</v>
      </c>
      <c r="AK1016">
        <v>35029.669520000003</v>
      </c>
      <c r="AL1016">
        <v>85298.143209999995</v>
      </c>
      <c r="AM1016">
        <v>23646.91186</v>
      </c>
      <c r="AN1016">
        <v>95431.078569999998</v>
      </c>
      <c r="AO1016">
        <v>35397.086479999998</v>
      </c>
      <c r="AP1016">
        <v>23511.464110000001</v>
      </c>
    </row>
    <row r="1017" spans="2:42" x14ac:dyDescent="0.3">
      <c r="B1017">
        <v>60.28103331209099</v>
      </c>
      <c r="C1017" s="83">
        <v>43143.291666666664</v>
      </c>
      <c r="D1017">
        <v>286646.14620000002</v>
      </c>
      <c r="E1017">
        <v>30824.16848</v>
      </c>
      <c r="F1017">
        <v>78331.749320000003</v>
      </c>
      <c r="G1017">
        <v>70791.15827</v>
      </c>
      <c r="H1017">
        <v>54505.269249999998</v>
      </c>
      <c r="I1017">
        <v>50104.11318</v>
      </c>
      <c r="J1017">
        <v>42300.408560000003</v>
      </c>
      <c r="K1017">
        <v>53813.068979999996</v>
      </c>
      <c r="L1017">
        <v>24971.702669999999</v>
      </c>
      <c r="M1017">
        <v>307340.81939999998</v>
      </c>
      <c r="N1017">
        <v>86911.108649999995</v>
      </c>
      <c r="O1017">
        <v>31261.990809999999</v>
      </c>
      <c r="P1017">
        <v>37353.35454</v>
      </c>
      <c r="Q1017">
        <v>87678.042549999998</v>
      </c>
      <c r="R1017">
        <v>25526.195380000001</v>
      </c>
      <c r="S1017">
        <v>104312.94779999999</v>
      </c>
      <c r="T1017">
        <v>36142.539700000001</v>
      </c>
      <c r="U1017">
        <v>28600.280060000001</v>
      </c>
      <c r="W1017" s="83">
        <f>Bühler!N1049</f>
        <v>45334.291666664205</v>
      </c>
      <c r="X1017" s="83">
        <v>43143.291666666664</v>
      </c>
      <c r="Y1017">
        <v>286646.14620000002</v>
      </c>
      <c r="Z1017">
        <v>30824.16848</v>
      </c>
      <c r="AA1017">
        <v>78331.749320000003</v>
      </c>
      <c r="AB1017">
        <v>70791.15827</v>
      </c>
      <c r="AC1017">
        <v>54505.269249999998</v>
      </c>
      <c r="AD1017">
        <v>50104.11318</v>
      </c>
      <c r="AE1017">
        <v>42300.408560000003</v>
      </c>
      <c r="AF1017">
        <v>53813.068979999996</v>
      </c>
      <c r="AG1017">
        <v>24971.702669999999</v>
      </c>
      <c r="AH1017">
        <v>307340.81939999998</v>
      </c>
      <c r="AI1017">
        <v>86911.108649999995</v>
      </c>
      <c r="AJ1017">
        <v>31261.990809999999</v>
      </c>
      <c r="AK1017">
        <v>37353.35454</v>
      </c>
      <c r="AL1017">
        <v>87678.042549999998</v>
      </c>
      <c r="AM1017">
        <v>25526.195380000001</v>
      </c>
      <c r="AN1017">
        <v>104312.94779999999</v>
      </c>
      <c r="AO1017">
        <v>36142.539700000001</v>
      </c>
      <c r="AP1017">
        <v>28600.280060000001</v>
      </c>
    </row>
    <row r="1018" spans="2:42" x14ac:dyDescent="0.3">
      <c r="B1018">
        <v>61.615567747281595</v>
      </c>
      <c r="C1018" s="83">
        <v>43143.333333333336</v>
      </c>
      <c r="D1018">
        <v>303259.10090000002</v>
      </c>
      <c r="E1018">
        <v>37241.48605</v>
      </c>
      <c r="F1018">
        <v>83789.328970000002</v>
      </c>
      <c r="G1018">
        <v>86770.004159999997</v>
      </c>
      <c r="H1018">
        <v>59474.909379999997</v>
      </c>
      <c r="I1018">
        <v>53122.168180000001</v>
      </c>
      <c r="J1018">
        <v>42709.240519999999</v>
      </c>
      <c r="K1018">
        <v>58758.337480000002</v>
      </c>
      <c r="L1018">
        <v>28286.79261</v>
      </c>
      <c r="M1018">
        <v>314144.8983</v>
      </c>
      <c r="N1018">
        <v>94872.991510000007</v>
      </c>
      <c r="O1018">
        <v>32651.71027</v>
      </c>
      <c r="P1018">
        <v>40033.107250000001</v>
      </c>
      <c r="Q1018">
        <v>89196.867180000001</v>
      </c>
      <c r="R1018">
        <v>28320.131079999999</v>
      </c>
      <c r="S1018">
        <v>118976.02009999999</v>
      </c>
      <c r="T1018">
        <v>39010.760589999998</v>
      </c>
      <c r="U1018">
        <v>31306.801630000002</v>
      </c>
      <c r="W1018" s="83">
        <f>Bühler!N1050</f>
        <v>45334.333333330869</v>
      </c>
      <c r="X1018" s="83">
        <v>43143.333333333336</v>
      </c>
      <c r="Y1018">
        <v>303259.10090000002</v>
      </c>
      <c r="Z1018">
        <v>37241.48605</v>
      </c>
      <c r="AA1018">
        <v>83789.328970000002</v>
      </c>
      <c r="AB1018">
        <v>86770.004159999997</v>
      </c>
      <c r="AC1018">
        <v>59474.909379999997</v>
      </c>
      <c r="AD1018">
        <v>53122.168180000001</v>
      </c>
      <c r="AE1018">
        <v>42709.240519999999</v>
      </c>
      <c r="AF1018">
        <v>58758.337480000002</v>
      </c>
      <c r="AG1018">
        <v>28286.79261</v>
      </c>
      <c r="AH1018">
        <v>314144.8983</v>
      </c>
      <c r="AI1018">
        <v>94872.991510000007</v>
      </c>
      <c r="AJ1018">
        <v>32651.71027</v>
      </c>
      <c r="AK1018">
        <v>40033.107250000001</v>
      </c>
      <c r="AL1018">
        <v>89196.867180000001</v>
      </c>
      <c r="AM1018">
        <v>28320.131079999999</v>
      </c>
      <c r="AN1018">
        <v>118976.02009999999</v>
      </c>
      <c r="AO1018">
        <v>39010.760589999998</v>
      </c>
      <c r="AP1018">
        <v>31306.801630000002</v>
      </c>
    </row>
    <row r="1019" spans="2:42" x14ac:dyDescent="0.3">
      <c r="B1019">
        <v>61.287220007447758</v>
      </c>
      <c r="C1019" s="83">
        <v>43143.375</v>
      </c>
      <c r="D1019">
        <v>308855.92210000003</v>
      </c>
      <c r="E1019">
        <v>41389.138059999997</v>
      </c>
      <c r="F1019">
        <v>88720.262820000004</v>
      </c>
      <c r="G1019">
        <v>95544.246090000001</v>
      </c>
      <c r="H1019">
        <v>60973.441830000003</v>
      </c>
      <c r="I1019">
        <v>50448.528420000002</v>
      </c>
      <c r="J1019">
        <v>41488.373390000001</v>
      </c>
      <c r="K1019">
        <v>58447.220240000002</v>
      </c>
      <c r="L1019">
        <v>30392.072899999999</v>
      </c>
      <c r="M1019">
        <v>312470.8284</v>
      </c>
      <c r="N1019">
        <v>104638.0154</v>
      </c>
      <c r="O1019">
        <v>32614.808959999998</v>
      </c>
      <c r="P1019">
        <v>42380.10785</v>
      </c>
      <c r="Q1019">
        <v>90780.192450000002</v>
      </c>
      <c r="R1019">
        <v>25817.205310000001</v>
      </c>
      <c r="S1019">
        <v>122976.76949999999</v>
      </c>
      <c r="T1019">
        <v>41329.718079999999</v>
      </c>
      <c r="U1019">
        <v>31206.302530000001</v>
      </c>
      <c r="W1019" s="83">
        <f>Bühler!N1051</f>
        <v>45334.374999997533</v>
      </c>
      <c r="X1019" s="83">
        <v>43143.375</v>
      </c>
      <c r="Y1019">
        <v>308855.92210000003</v>
      </c>
      <c r="Z1019">
        <v>41389.138059999997</v>
      </c>
      <c r="AA1019">
        <v>88720.262820000004</v>
      </c>
      <c r="AB1019">
        <v>95544.246090000001</v>
      </c>
      <c r="AC1019">
        <v>60973.441830000003</v>
      </c>
      <c r="AD1019">
        <v>50448.528420000002</v>
      </c>
      <c r="AE1019">
        <v>41488.373390000001</v>
      </c>
      <c r="AF1019">
        <v>58447.220240000002</v>
      </c>
      <c r="AG1019">
        <v>30392.072899999999</v>
      </c>
      <c r="AH1019">
        <v>312470.8284</v>
      </c>
      <c r="AI1019">
        <v>104638.0154</v>
      </c>
      <c r="AJ1019">
        <v>32614.808959999998</v>
      </c>
      <c r="AK1019">
        <v>42380.10785</v>
      </c>
      <c r="AL1019">
        <v>90780.192450000002</v>
      </c>
      <c r="AM1019">
        <v>25817.205310000001</v>
      </c>
      <c r="AN1019">
        <v>122976.76949999999</v>
      </c>
      <c r="AO1019">
        <v>41329.718079999999</v>
      </c>
      <c r="AP1019">
        <v>31206.302530000001</v>
      </c>
    </row>
    <row r="1020" spans="2:42" x14ac:dyDescent="0.3">
      <c r="B1020">
        <v>61.889753493786657</v>
      </c>
      <c r="C1020" s="83">
        <v>43143.416666666664</v>
      </c>
      <c r="D1020">
        <v>310849.52610000002</v>
      </c>
      <c r="E1020">
        <v>43067.482839999997</v>
      </c>
      <c r="F1020">
        <v>89732.388619999998</v>
      </c>
      <c r="G1020">
        <v>96710.790089999995</v>
      </c>
      <c r="H1020">
        <v>61445.446179999999</v>
      </c>
      <c r="I1020">
        <v>47096.113230000003</v>
      </c>
      <c r="J1020">
        <v>40161.951699999998</v>
      </c>
      <c r="K1020">
        <v>60576.471429999998</v>
      </c>
      <c r="L1020">
        <v>32363.161359999998</v>
      </c>
      <c r="M1020">
        <v>315542.82510000002</v>
      </c>
      <c r="N1020">
        <v>109031.8944</v>
      </c>
      <c r="O1020">
        <v>32174.378089999998</v>
      </c>
      <c r="P1020">
        <v>43176.32718</v>
      </c>
      <c r="Q1020">
        <v>91567.814339999997</v>
      </c>
      <c r="R1020">
        <v>26183.478650000001</v>
      </c>
      <c r="S1020">
        <v>123568.8944</v>
      </c>
      <c r="T1020">
        <v>42323.10368</v>
      </c>
      <c r="U1020">
        <v>30308.262620000001</v>
      </c>
      <c r="W1020" s="83">
        <f>Bühler!N1052</f>
        <v>45334.416666664198</v>
      </c>
      <c r="X1020" s="83">
        <v>43143.416666666664</v>
      </c>
      <c r="Y1020">
        <v>310849.52610000002</v>
      </c>
      <c r="Z1020">
        <v>43067.482839999997</v>
      </c>
      <c r="AA1020">
        <v>89732.388619999998</v>
      </c>
      <c r="AB1020">
        <v>96710.790089999995</v>
      </c>
      <c r="AC1020">
        <v>61445.446179999999</v>
      </c>
      <c r="AD1020">
        <v>47096.113230000003</v>
      </c>
      <c r="AE1020">
        <v>40161.951699999998</v>
      </c>
      <c r="AF1020">
        <v>60576.471429999998</v>
      </c>
      <c r="AG1020">
        <v>32363.161359999998</v>
      </c>
      <c r="AH1020">
        <v>315542.82510000002</v>
      </c>
      <c r="AI1020">
        <v>109031.8944</v>
      </c>
      <c r="AJ1020">
        <v>32174.378089999998</v>
      </c>
      <c r="AK1020">
        <v>43176.32718</v>
      </c>
      <c r="AL1020">
        <v>91567.814339999997</v>
      </c>
      <c r="AM1020">
        <v>26183.478650000001</v>
      </c>
      <c r="AN1020">
        <v>123568.8944</v>
      </c>
      <c r="AO1020">
        <v>42323.10368</v>
      </c>
      <c r="AP1020">
        <v>30308.262620000001</v>
      </c>
    </row>
    <row r="1021" spans="2:42" x14ac:dyDescent="0.3">
      <c r="B1021">
        <v>64.566433554945107</v>
      </c>
      <c r="C1021" s="83">
        <v>43143.458333333336</v>
      </c>
      <c r="D1021">
        <v>309444.87819999998</v>
      </c>
      <c r="E1021">
        <v>42369.437709999998</v>
      </c>
      <c r="F1021">
        <v>89942.42439</v>
      </c>
      <c r="G1021">
        <v>93871.221420000002</v>
      </c>
      <c r="H1021">
        <v>61091.2745</v>
      </c>
      <c r="I1021">
        <v>44477.979579999999</v>
      </c>
      <c r="J1021">
        <v>39695.533349999998</v>
      </c>
      <c r="K1021">
        <v>65669.774470000004</v>
      </c>
      <c r="L1021">
        <v>33213.717170000004</v>
      </c>
      <c r="M1021">
        <v>329189.78830000001</v>
      </c>
      <c r="N1021">
        <v>105896.69590000001</v>
      </c>
      <c r="O1021">
        <v>32339.338179999999</v>
      </c>
      <c r="P1021">
        <v>41535.598409999999</v>
      </c>
      <c r="Q1021">
        <v>92217.58756</v>
      </c>
      <c r="R1021">
        <v>31726.174859999999</v>
      </c>
      <c r="S1021">
        <v>125280.2225</v>
      </c>
      <c r="T1021">
        <v>41956.030650000001</v>
      </c>
      <c r="U1021">
        <v>29806.358520000002</v>
      </c>
      <c r="W1021" s="83">
        <f>Bühler!N1053</f>
        <v>45334.458333330862</v>
      </c>
      <c r="X1021" s="83">
        <v>43143.458333333336</v>
      </c>
      <c r="Y1021">
        <v>309444.87819999998</v>
      </c>
      <c r="Z1021">
        <v>42369.437709999998</v>
      </c>
      <c r="AA1021">
        <v>89942.42439</v>
      </c>
      <c r="AB1021">
        <v>93871.221420000002</v>
      </c>
      <c r="AC1021">
        <v>61091.2745</v>
      </c>
      <c r="AD1021">
        <v>44477.979579999999</v>
      </c>
      <c r="AE1021">
        <v>39695.533349999998</v>
      </c>
      <c r="AF1021">
        <v>65669.774470000004</v>
      </c>
      <c r="AG1021">
        <v>33213.717170000004</v>
      </c>
      <c r="AH1021">
        <v>329189.78830000001</v>
      </c>
      <c r="AI1021">
        <v>105896.69590000001</v>
      </c>
      <c r="AJ1021">
        <v>32339.338179999999</v>
      </c>
      <c r="AK1021">
        <v>41535.598409999999</v>
      </c>
      <c r="AL1021">
        <v>92217.58756</v>
      </c>
      <c r="AM1021">
        <v>31726.174859999999</v>
      </c>
      <c r="AN1021">
        <v>125280.2225</v>
      </c>
      <c r="AO1021">
        <v>41956.030650000001</v>
      </c>
      <c r="AP1021">
        <v>29806.358520000002</v>
      </c>
    </row>
    <row r="1022" spans="2:42" x14ac:dyDescent="0.3">
      <c r="B1022">
        <v>64.209145661327014</v>
      </c>
      <c r="C1022" s="83">
        <v>43143.5</v>
      </c>
      <c r="D1022">
        <v>295781.33970000001</v>
      </c>
      <c r="E1022">
        <v>38193.758199999997</v>
      </c>
      <c r="F1022">
        <v>82868.147880000004</v>
      </c>
      <c r="G1022">
        <v>91071.695919999998</v>
      </c>
      <c r="H1022">
        <v>58474.594749999997</v>
      </c>
      <c r="I1022">
        <v>42248.638509999997</v>
      </c>
      <c r="J1022">
        <v>39621.944940000001</v>
      </c>
      <c r="K1022">
        <v>63187.812709999998</v>
      </c>
      <c r="L1022">
        <v>35462.427309999999</v>
      </c>
      <c r="M1022">
        <v>327368.16800000001</v>
      </c>
      <c r="N1022">
        <v>102336.4252</v>
      </c>
      <c r="O1022">
        <v>31326.077000000001</v>
      </c>
      <c r="P1022">
        <v>42773.738169999997</v>
      </c>
      <c r="Q1022">
        <v>90603.249349999998</v>
      </c>
      <c r="R1022">
        <v>29491.818009999999</v>
      </c>
      <c r="S1022">
        <v>116919.3413</v>
      </c>
      <c r="T1022">
        <v>42254.285490000002</v>
      </c>
      <c r="U1022">
        <v>25766.25776</v>
      </c>
      <c r="W1022" s="83">
        <f>Bühler!N1054</f>
        <v>45334.499999997526</v>
      </c>
      <c r="X1022" s="83">
        <v>43143.5</v>
      </c>
      <c r="Y1022">
        <v>295781.33970000001</v>
      </c>
      <c r="Z1022">
        <v>38193.758199999997</v>
      </c>
      <c r="AA1022">
        <v>82868.147880000004</v>
      </c>
      <c r="AB1022">
        <v>91071.695919999998</v>
      </c>
      <c r="AC1022">
        <v>58474.594749999997</v>
      </c>
      <c r="AD1022">
        <v>42248.638509999997</v>
      </c>
      <c r="AE1022">
        <v>39621.944940000001</v>
      </c>
      <c r="AF1022">
        <v>63187.812709999998</v>
      </c>
      <c r="AG1022">
        <v>35462.427309999999</v>
      </c>
      <c r="AH1022">
        <v>327368.16800000001</v>
      </c>
      <c r="AI1022">
        <v>102336.4252</v>
      </c>
      <c r="AJ1022">
        <v>31326.077000000001</v>
      </c>
      <c r="AK1022">
        <v>42773.738169999997</v>
      </c>
      <c r="AL1022">
        <v>90603.249349999998</v>
      </c>
      <c r="AM1022">
        <v>29491.818009999999</v>
      </c>
      <c r="AN1022">
        <v>116919.3413</v>
      </c>
      <c r="AO1022">
        <v>42254.285490000002</v>
      </c>
      <c r="AP1022">
        <v>25766.25776</v>
      </c>
    </row>
    <row r="1023" spans="2:42" x14ac:dyDescent="0.3">
      <c r="B1023">
        <v>63.839320938844544</v>
      </c>
      <c r="C1023" s="83">
        <v>43143.541666666664</v>
      </c>
      <c r="D1023">
        <v>297056.17790000001</v>
      </c>
      <c r="E1023">
        <v>37696.617469999997</v>
      </c>
      <c r="F1023">
        <v>79222.974069999997</v>
      </c>
      <c r="G1023">
        <v>88938.752479999996</v>
      </c>
      <c r="H1023">
        <v>58416.341009999996</v>
      </c>
      <c r="I1023">
        <v>41552.248220000001</v>
      </c>
      <c r="J1023">
        <v>38894.108939999998</v>
      </c>
      <c r="K1023">
        <v>65385.835740000002</v>
      </c>
      <c r="L1023">
        <v>34164.720690000002</v>
      </c>
      <c r="M1023">
        <v>325482.62910000002</v>
      </c>
      <c r="N1023">
        <v>102438.7843</v>
      </c>
      <c r="O1023">
        <v>30810.950390000002</v>
      </c>
      <c r="P1023">
        <v>40745.158860000003</v>
      </c>
      <c r="Q1023">
        <v>89999.071679999994</v>
      </c>
      <c r="R1023">
        <v>28319.535029999999</v>
      </c>
      <c r="S1023">
        <v>116039.68489999999</v>
      </c>
      <c r="T1023">
        <v>40135.529690000003</v>
      </c>
      <c r="U1023">
        <v>27656.882450000001</v>
      </c>
      <c r="W1023" s="83">
        <f>Bühler!N1055</f>
        <v>45334.54166666419</v>
      </c>
      <c r="X1023" s="83">
        <v>43143.541666666664</v>
      </c>
      <c r="Y1023">
        <v>297056.17790000001</v>
      </c>
      <c r="Z1023">
        <v>37696.617469999997</v>
      </c>
      <c r="AA1023">
        <v>79222.974069999997</v>
      </c>
      <c r="AB1023">
        <v>88938.752479999996</v>
      </c>
      <c r="AC1023">
        <v>58416.341009999996</v>
      </c>
      <c r="AD1023">
        <v>41552.248220000001</v>
      </c>
      <c r="AE1023">
        <v>38894.108939999998</v>
      </c>
      <c r="AF1023">
        <v>65385.835740000002</v>
      </c>
      <c r="AG1023">
        <v>34164.720690000002</v>
      </c>
      <c r="AH1023">
        <v>325482.62910000002</v>
      </c>
      <c r="AI1023">
        <v>102438.7843</v>
      </c>
      <c r="AJ1023">
        <v>30810.950390000002</v>
      </c>
      <c r="AK1023">
        <v>40745.158860000003</v>
      </c>
      <c r="AL1023">
        <v>89999.071679999994</v>
      </c>
      <c r="AM1023">
        <v>28319.535029999999</v>
      </c>
      <c r="AN1023">
        <v>116039.68489999999</v>
      </c>
      <c r="AO1023">
        <v>40135.529690000003</v>
      </c>
      <c r="AP1023">
        <v>27656.882450000001</v>
      </c>
    </row>
    <row r="1024" spans="2:42" x14ac:dyDescent="0.3">
      <c r="B1024">
        <v>64.806622077898126</v>
      </c>
      <c r="C1024" s="83">
        <v>43143.583333333336</v>
      </c>
      <c r="D1024">
        <v>300348.46279999998</v>
      </c>
      <c r="E1024">
        <v>40461.805399999997</v>
      </c>
      <c r="F1024">
        <v>87887.492580000006</v>
      </c>
      <c r="G1024">
        <v>84183.086890000006</v>
      </c>
      <c r="H1024">
        <v>58234.626089999998</v>
      </c>
      <c r="I1024">
        <v>42475.032279999999</v>
      </c>
      <c r="J1024">
        <v>37754.533710000003</v>
      </c>
      <c r="K1024">
        <v>66510.970969999995</v>
      </c>
      <c r="L1024">
        <v>31217.615030000001</v>
      </c>
      <c r="M1024">
        <v>330414.38140000001</v>
      </c>
      <c r="N1024">
        <v>104413.4135</v>
      </c>
      <c r="O1024">
        <v>30665.006600000001</v>
      </c>
      <c r="P1024">
        <v>38173.177629999998</v>
      </c>
      <c r="Q1024">
        <v>89341.747130000003</v>
      </c>
      <c r="R1024">
        <v>27625.71153</v>
      </c>
      <c r="S1024">
        <v>111662.02860000001</v>
      </c>
      <c r="T1024">
        <v>38936.804519999998</v>
      </c>
      <c r="U1024">
        <v>28066.456620000001</v>
      </c>
      <c r="W1024" s="83">
        <f>Bühler!N1056</f>
        <v>45334.583333330855</v>
      </c>
      <c r="X1024" s="83">
        <v>43143.583333333336</v>
      </c>
      <c r="Y1024">
        <v>300348.46279999998</v>
      </c>
      <c r="Z1024">
        <v>40461.805399999997</v>
      </c>
      <c r="AA1024">
        <v>87887.492580000006</v>
      </c>
      <c r="AB1024">
        <v>84183.086890000006</v>
      </c>
      <c r="AC1024">
        <v>58234.626089999998</v>
      </c>
      <c r="AD1024">
        <v>42475.032279999999</v>
      </c>
      <c r="AE1024">
        <v>37754.533710000003</v>
      </c>
      <c r="AF1024">
        <v>66510.970969999995</v>
      </c>
      <c r="AG1024">
        <v>31217.615030000001</v>
      </c>
      <c r="AH1024">
        <v>330414.38140000001</v>
      </c>
      <c r="AI1024">
        <v>104413.4135</v>
      </c>
      <c r="AJ1024">
        <v>30665.006600000001</v>
      </c>
      <c r="AK1024">
        <v>38173.177629999998</v>
      </c>
      <c r="AL1024">
        <v>89341.747130000003</v>
      </c>
      <c r="AM1024">
        <v>27625.71153</v>
      </c>
      <c r="AN1024">
        <v>111662.02860000001</v>
      </c>
      <c r="AO1024">
        <v>38936.804519999998</v>
      </c>
      <c r="AP1024">
        <v>28066.456620000001</v>
      </c>
    </row>
    <row r="1025" spans="2:42" x14ac:dyDescent="0.3">
      <c r="B1025">
        <v>63.978553396683559</v>
      </c>
      <c r="C1025" s="83">
        <v>43143.625</v>
      </c>
      <c r="D1025">
        <v>299234.56640000001</v>
      </c>
      <c r="E1025">
        <v>39846.967199999999</v>
      </c>
      <c r="F1025">
        <v>87365.827609999993</v>
      </c>
      <c r="G1025">
        <v>81422.084260000003</v>
      </c>
      <c r="H1025">
        <v>56624.548900000002</v>
      </c>
      <c r="I1025">
        <v>43603.977350000001</v>
      </c>
      <c r="J1025">
        <v>37639.978719999999</v>
      </c>
      <c r="K1025">
        <v>65149.764790000001</v>
      </c>
      <c r="L1025">
        <v>28427.147690000002</v>
      </c>
      <c r="M1025">
        <v>326192.50109999999</v>
      </c>
      <c r="N1025">
        <v>103238.6373</v>
      </c>
      <c r="O1025">
        <v>29930.715560000001</v>
      </c>
      <c r="P1025">
        <v>36934.98676</v>
      </c>
      <c r="Q1025">
        <v>88797.854789999998</v>
      </c>
      <c r="R1025">
        <v>27110.245510000001</v>
      </c>
      <c r="S1025">
        <v>110310.93489999999</v>
      </c>
      <c r="T1025">
        <v>38470.533589999999</v>
      </c>
      <c r="U1025">
        <v>27109.74942</v>
      </c>
      <c r="W1025" s="83">
        <f>Bühler!N1057</f>
        <v>45334.624999997519</v>
      </c>
      <c r="X1025" s="83">
        <v>43143.625</v>
      </c>
      <c r="Y1025">
        <v>299234.56640000001</v>
      </c>
      <c r="Z1025">
        <v>39846.967199999999</v>
      </c>
      <c r="AA1025">
        <v>87365.827609999993</v>
      </c>
      <c r="AB1025">
        <v>81422.084260000003</v>
      </c>
      <c r="AC1025">
        <v>56624.548900000002</v>
      </c>
      <c r="AD1025">
        <v>43603.977350000001</v>
      </c>
      <c r="AE1025">
        <v>37639.978719999999</v>
      </c>
      <c r="AF1025">
        <v>65149.764790000001</v>
      </c>
      <c r="AG1025">
        <v>28427.147690000002</v>
      </c>
      <c r="AH1025">
        <v>326192.50109999999</v>
      </c>
      <c r="AI1025">
        <v>103238.6373</v>
      </c>
      <c r="AJ1025">
        <v>29930.715560000001</v>
      </c>
      <c r="AK1025">
        <v>36934.98676</v>
      </c>
      <c r="AL1025">
        <v>88797.854789999998</v>
      </c>
      <c r="AM1025">
        <v>27110.245510000001</v>
      </c>
      <c r="AN1025">
        <v>110310.93489999999</v>
      </c>
      <c r="AO1025">
        <v>38470.533589999999</v>
      </c>
      <c r="AP1025">
        <v>27109.74942</v>
      </c>
    </row>
    <row r="1026" spans="2:42" x14ac:dyDescent="0.3">
      <c r="B1026">
        <v>63.096169833026565</v>
      </c>
      <c r="C1026" s="83">
        <v>43143.666666666664</v>
      </c>
      <c r="D1026">
        <v>292119.33960000001</v>
      </c>
      <c r="E1026">
        <v>38784.02635</v>
      </c>
      <c r="F1026">
        <v>86192.999760000006</v>
      </c>
      <c r="G1026">
        <v>76324.242410000006</v>
      </c>
      <c r="H1026">
        <v>54325.860419999997</v>
      </c>
      <c r="I1026">
        <v>45455.234270000001</v>
      </c>
      <c r="J1026">
        <v>36680.051579999999</v>
      </c>
      <c r="K1026">
        <v>60994.652529999999</v>
      </c>
      <c r="L1026">
        <v>26943.292259999998</v>
      </c>
      <c r="M1026">
        <v>321693.69819999998</v>
      </c>
      <c r="N1026">
        <v>97613.966929999995</v>
      </c>
      <c r="O1026">
        <v>29109.46026</v>
      </c>
      <c r="P1026">
        <v>36170.315840000003</v>
      </c>
      <c r="Q1026">
        <v>87686.978719999999</v>
      </c>
      <c r="R1026">
        <v>27327.306820000002</v>
      </c>
      <c r="S1026">
        <v>107091.2227</v>
      </c>
      <c r="T1026">
        <v>37595.605589999999</v>
      </c>
      <c r="U1026">
        <v>24532.126540000001</v>
      </c>
      <c r="W1026" s="83">
        <f>Bühler!N1058</f>
        <v>45334.666666664183</v>
      </c>
      <c r="X1026" s="83">
        <v>43143.666666666664</v>
      </c>
      <c r="Y1026">
        <v>292119.33960000001</v>
      </c>
      <c r="Z1026">
        <v>38784.02635</v>
      </c>
      <c r="AA1026">
        <v>86192.999760000006</v>
      </c>
      <c r="AB1026">
        <v>76324.242410000006</v>
      </c>
      <c r="AC1026">
        <v>54325.860419999997</v>
      </c>
      <c r="AD1026">
        <v>45455.234270000001</v>
      </c>
      <c r="AE1026">
        <v>36680.051579999999</v>
      </c>
      <c r="AF1026">
        <v>60994.652529999999</v>
      </c>
      <c r="AG1026">
        <v>26943.292259999998</v>
      </c>
      <c r="AH1026">
        <v>321693.69819999998</v>
      </c>
      <c r="AI1026">
        <v>97613.966929999995</v>
      </c>
      <c r="AJ1026">
        <v>29109.46026</v>
      </c>
      <c r="AK1026">
        <v>36170.315840000003</v>
      </c>
      <c r="AL1026">
        <v>87686.978719999999</v>
      </c>
      <c r="AM1026">
        <v>27327.306820000002</v>
      </c>
      <c r="AN1026">
        <v>107091.2227</v>
      </c>
      <c r="AO1026">
        <v>37595.605589999999</v>
      </c>
      <c r="AP1026">
        <v>24532.126540000001</v>
      </c>
    </row>
    <row r="1027" spans="2:42" x14ac:dyDescent="0.3">
      <c r="B1027">
        <v>62.487898425117166</v>
      </c>
      <c r="C1027" s="83">
        <v>43143.708333333336</v>
      </c>
      <c r="D1027">
        <v>281595.63309999998</v>
      </c>
      <c r="E1027">
        <v>36890.024319999997</v>
      </c>
      <c r="F1027">
        <v>87037.343470000007</v>
      </c>
      <c r="G1027">
        <v>70377.332980000007</v>
      </c>
      <c r="H1027">
        <v>52175.490559999998</v>
      </c>
      <c r="I1027">
        <v>42986.213949999998</v>
      </c>
      <c r="J1027">
        <v>36966.321779999998</v>
      </c>
      <c r="K1027">
        <v>55062.621319999998</v>
      </c>
      <c r="L1027">
        <v>27336.539270000001</v>
      </c>
      <c r="M1027">
        <v>318592.44689999998</v>
      </c>
      <c r="N1027">
        <v>87812.458060000004</v>
      </c>
      <c r="O1027">
        <v>28412.39762</v>
      </c>
      <c r="P1027">
        <v>39762.6175</v>
      </c>
      <c r="Q1027">
        <v>86581.756970000002</v>
      </c>
      <c r="R1027">
        <v>28392.758959999999</v>
      </c>
      <c r="S1027">
        <v>105084.6205</v>
      </c>
      <c r="T1027">
        <v>38074.161090000001</v>
      </c>
      <c r="U1027">
        <v>22661.33123</v>
      </c>
      <c r="W1027" s="83">
        <f>Bühler!N1059</f>
        <v>45334.708333330847</v>
      </c>
      <c r="X1027" s="83">
        <v>43143.708333333336</v>
      </c>
      <c r="Y1027">
        <v>281595.63309999998</v>
      </c>
      <c r="Z1027">
        <v>36890.024319999997</v>
      </c>
      <c r="AA1027">
        <v>87037.343470000007</v>
      </c>
      <c r="AB1027">
        <v>70377.332980000007</v>
      </c>
      <c r="AC1027">
        <v>52175.490559999998</v>
      </c>
      <c r="AD1027">
        <v>42986.213949999998</v>
      </c>
      <c r="AE1027">
        <v>36966.321779999998</v>
      </c>
      <c r="AF1027">
        <v>55062.621319999998</v>
      </c>
      <c r="AG1027">
        <v>27336.539270000001</v>
      </c>
      <c r="AH1027">
        <v>318592.44689999998</v>
      </c>
      <c r="AI1027">
        <v>87812.458060000004</v>
      </c>
      <c r="AJ1027">
        <v>28412.39762</v>
      </c>
      <c r="AK1027">
        <v>39762.6175</v>
      </c>
      <c r="AL1027">
        <v>86581.756970000002</v>
      </c>
      <c r="AM1027">
        <v>28392.758959999999</v>
      </c>
      <c r="AN1027">
        <v>105084.6205</v>
      </c>
      <c r="AO1027">
        <v>38074.161090000001</v>
      </c>
      <c r="AP1027">
        <v>22661.33123</v>
      </c>
    </row>
    <row r="1028" spans="2:42" x14ac:dyDescent="0.3">
      <c r="B1028">
        <v>60.682435079355585</v>
      </c>
      <c r="C1028" s="83">
        <v>43143.75</v>
      </c>
      <c r="D1028">
        <v>275763.59970000002</v>
      </c>
      <c r="E1028">
        <v>34304.763299999999</v>
      </c>
      <c r="F1028">
        <v>86214.307660000006</v>
      </c>
      <c r="G1028">
        <v>64346.253519999998</v>
      </c>
      <c r="H1028">
        <v>51339.016629999998</v>
      </c>
      <c r="I1028">
        <v>42957.18561</v>
      </c>
      <c r="J1028">
        <v>39457.200409999998</v>
      </c>
      <c r="K1028">
        <v>48883.59244</v>
      </c>
      <c r="L1028">
        <v>29710.305779999999</v>
      </c>
      <c r="M1028">
        <v>309387.35279999999</v>
      </c>
      <c r="N1028">
        <v>86166.812120000002</v>
      </c>
      <c r="O1028">
        <v>27516.536639999998</v>
      </c>
      <c r="P1028">
        <v>42515.111219999999</v>
      </c>
      <c r="Q1028">
        <v>84787.923800000004</v>
      </c>
      <c r="R1028">
        <v>22994.603019999999</v>
      </c>
      <c r="S1028">
        <v>101596.67570000001</v>
      </c>
      <c r="T1028">
        <v>39045.729679999997</v>
      </c>
      <c r="U1028">
        <v>21372.026180000001</v>
      </c>
      <c r="W1028" s="83">
        <f>Bühler!N1060</f>
        <v>45334.749999997512</v>
      </c>
      <c r="X1028" s="83">
        <v>43143.75</v>
      </c>
      <c r="Y1028">
        <v>275763.59970000002</v>
      </c>
      <c r="Z1028">
        <v>34304.763299999999</v>
      </c>
      <c r="AA1028">
        <v>86214.307660000006</v>
      </c>
      <c r="AB1028">
        <v>64346.253519999998</v>
      </c>
      <c r="AC1028">
        <v>51339.016629999998</v>
      </c>
      <c r="AD1028">
        <v>42957.18561</v>
      </c>
      <c r="AE1028">
        <v>39457.200409999998</v>
      </c>
      <c r="AF1028">
        <v>48883.59244</v>
      </c>
      <c r="AG1028">
        <v>29710.305779999999</v>
      </c>
      <c r="AH1028">
        <v>309387.35279999999</v>
      </c>
      <c r="AI1028">
        <v>86166.812120000002</v>
      </c>
      <c r="AJ1028">
        <v>27516.536639999998</v>
      </c>
      <c r="AK1028">
        <v>42515.111219999999</v>
      </c>
      <c r="AL1028">
        <v>84787.923800000004</v>
      </c>
      <c r="AM1028">
        <v>22994.603019999999</v>
      </c>
      <c r="AN1028">
        <v>101596.67570000001</v>
      </c>
      <c r="AO1028">
        <v>39045.729679999997</v>
      </c>
      <c r="AP1028">
        <v>21372.026180000001</v>
      </c>
    </row>
    <row r="1029" spans="2:42" x14ac:dyDescent="0.3">
      <c r="B1029">
        <v>59.905820753706962</v>
      </c>
      <c r="C1029" s="83">
        <v>43143.791666666664</v>
      </c>
      <c r="D1029">
        <v>271181.1728</v>
      </c>
      <c r="E1029">
        <v>28624.335319999998</v>
      </c>
      <c r="F1029">
        <v>73861.243029999998</v>
      </c>
      <c r="G1029">
        <v>57477.014320000002</v>
      </c>
      <c r="H1029">
        <v>49004.260269999999</v>
      </c>
      <c r="I1029">
        <v>40588.809130000001</v>
      </c>
      <c r="J1029">
        <v>40096.973729999998</v>
      </c>
      <c r="K1029">
        <v>49220.369879999998</v>
      </c>
      <c r="L1029">
        <v>30596.426940000001</v>
      </c>
      <c r="M1029">
        <v>305427.81079999998</v>
      </c>
      <c r="N1029">
        <v>86426.068429999999</v>
      </c>
      <c r="O1029">
        <v>26041.987539999998</v>
      </c>
      <c r="P1029">
        <v>45843.306109999998</v>
      </c>
      <c r="Q1029">
        <v>83037.927960000001</v>
      </c>
      <c r="R1029">
        <v>22286.24524</v>
      </c>
      <c r="S1029">
        <v>97274.92555</v>
      </c>
      <c r="T1029">
        <v>39449.092380000002</v>
      </c>
      <c r="U1029">
        <v>20354.64673</v>
      </c>
      <c r="W1029" s="83">
        <f>Bühler!N1061</f>
        <v>45334.791666664176</v>
      </c>
      <c r="X1029" s="83">
        <v>43143.791666666664</v>
      </c>
      <c r="Y1029">
        <v>271181.1728</v>
      </c>
      <c r="Z1029">
        <v>28624.335319999998</v>
      </c>
      <c r="AA1029">
        <v>73861.243029999998</v>
      </c>
      <c r="AB1029">
        <v>57477.014320000002</v>
      </c>
      <c r="AC1029">
        <v>49004.260269999999</v>
      </c>
      <c r="AD1029">
        <v>40588.809130000001</v>
      </c>
      <c r="AE1029">
        <v>40096.973729999998</v>
      </c>
      <c r="AF1029">
        <v>49220.369879999998</v>
      </c>
      <c r="AG1029">
        <v>30596.426940000001</v>
      </c>
      <c r="AH1029">
        <v>305427.81079999998</v>
      </c>
      <c r="AI1029">
        <v>86426.068429999999</v>
      </c>
      <c r="AJ1029">
        <v>26041.987539999998</v>
      </c>
      <c r="AK1029">
        <v>45843.306109999998</v>
      </c>
      <c r="AL1029">
        <v>83037.927960000001</v>
      </c>
      <c r="AM1029">
        <v>22286.24524</v>
      </c>
      <c r="AN1029">
        <v>97274.92555</v>
      </c>
      <c r="AO1029">
        <v>39449.092380000002</v>
      </c>
      <c r="AP1029">
        <v>20354.64673</v>
      </c>
    </row>
    <row r="1030" spans="2:42" x14ac:dyDescent="0.3">
      <c r="B1030">
        <v>59.244277306367813</v>
      </c>
      <c r="C1030" s="83">
        <v>43143.833333333336</v>
      </c>
      <c r="D1030">
        <v>262803.3161</v>
      </c>
      <c r="E1030">
        <v>22544.167300000001</v>
      </c>
      <c r="F1030">
        <v>57213.318180000002</v>
      </c>
      <c r="G1030">
        <v>51694.191760000002</v>
      </c>
      <c r="H1030">
        <v>46157.164819999998</v>
      </c>
      <c r="I1030">
        <v>36032.734329999999</v>
      </c>
      <c r="J1030">
        <v>38854.934580000001</v>
      </c>
      <c r="K1030">
        <v>55272.835800000001</v>
      </c>
      <c r="L1030">
        <v>29328.853749999998</v>
      </c>
      <c r="M1030">
        <v>302054.95380000002</v>
      </c>
      <c r="N1030">
        <v>83852.241729999994</v>
      </c>
      <c r="O1030">
        <v>25310.82213</v>
      </c>
      <c r="P1030">
        <v>44696.48328</v>
      </c>
      <c r="Q1030">
        <v>82265.61</v>
      </c>
      <c r="R1030">
        <v>24813.55804</v>
      </c>
      <c r="S1030">
        <v>88217.298150000002</v>
      </c>
      <c r="T1030">
        <v>37941.805560000001</v>
      </c>
      <c r="U1030">
        <v>19198.939890000001</v>
      </c>
      <c r="W1030" s="83">
        <f>Bühler!N1062</f>
        <v>45334.83333333084</v>
      </c>
      <c r="X1030" s="83">
        <v>43143.833333333336</v>
      </c>
      <c r="Y1030">
        <v>262803.3161</v>
      </c>
      <c r="Z1030">
        <v>22544.167300000001</v>
      </c>
      <c r="AA1030">
        <v>57213.318180000002</v>
      </c>
      <c r="AB1030">
        <v>51694.191760000002</v>
      </c>
      <c r="AC1030">
        <v>46157.164819999998</v>
      </c>
      <c r="AD1030">
        <v>36032.734329999999</v>
      </c>
      <c r="AE1030">
        <v>38854.934580000001</v>
      </c>
      <c r="AF1030">
        <v>55272.835800000001</v>
      </c>
      <c r="AG1030">
        <v>29328.853749999998</v>
      </c>
      <c r="AH1030">
        <v>302054.95380000002</v>
      </c>
      <c r="AI1030">
        <v>83852.241729999994</v>
      </c>
      <c r="AJ1030">
        <v>25310.82213</v>
      </c>
      <c r="AK1030">
        <v>44696.48328</v>
      </c>
      <c r="AL1030">
        <v>82265.61</v>
      </c>
      <c r="AM1030">
        <v>24813.55804</v>
      </c>
      <c r="AN1030">
        <v>88217.298150000002</v>
      </c>
      <c r="AO1030">
        <v>37941.805560000001</v>
      </c>
      <c r="AP1030">
        <v>19198.939890000001</v>
      </c>
    </row>
    <row r="1031" spans="2:42" x14ac:dyDescent="0.3">
      <c r="B1031">
        <v>57.143538068008567</v>
      </c>
      <c r="C1031" s="83">
        <v>43143.875</v>
      </c>
      <c r="D1031">
        <v>254119.3475</v>
      </c>
      <c r="E1031">
        <v>19881.616470000001</v>
      </c>
      <c r="F1031">
        <v>51028.830809999999</v>
      </c>
      <c r="G1031">
        <v>48641.382160000001</v>
      </c>
      <c r="H1031">
        <v>43958.457459999998</v>
      </c>
      <c r="I1031">
        <v>31641.114740000001</v>
      </c>
      <c r="J1031">
        <v>37151.895940000002</v>
      </c>
      <c r="K1031">
        <v>53544.42237</v>
      </c>
      <c r="L1031">
        <v>27543.968369999999</v>
      </c>
      <c r="M1031">
        <v>291344.40549999999</v>
      </c>
      <c r="N1031">
        <v>81484.262090000004</v>
      </c>
      <c r="O1031">
        <v>24399.092349999999</v>
      </c>
      <c r="P1031">
        <v>43217.724970000003</v>
      </c>
      <c r="Q1031">
        <v>81295.524699999994</v>
      </c>
      <c r="R1031">
        <v>22446.589980000001</v>
      </c>
      <c r="S1031">
        <v>83189.323109999998</v>
      </c>
      <c r="T1031">
        <v>34713.1927</v>
      </c>
      <c r="U1031">
        <v>17595.286250000001</v>
      </c>
      <c r="W1031" s="83">
        <f>Bühler!N1063</f>
        <v>45334.874999997504</v>
      </c>
      <c r="X1031" s="83">
        <v>43143.875</v>
      </c>
      <c r="Y1031">
        <v>254119.3475</v>
      </c>
      <c r="Z1031">
        <v>19881.616470000001</v>
      </c>
      <c r="AA1031">
        <v>51028.830809999999</v>
      </c>
      <c r="AB1031">
        <v>48641.382160000001</v>
      </c>
      <c r="AC1031">
        <v>43958.457459999998</v>
      </c>
      <c r="AD1031">
        <v>31641.114740000001</v>
      </c>
      <c r="AE1031">
        <v>37151.895940000002</v>
      </c>
      <c r="AF1031">
        <v>53544.42237</v>
      </c>
      <c r="AG1031">
        <v>27543.968369999999</v>
      </c>
      <c r="AH1031">
        <v>291344.40549999999</v>
      </c>
      <c r="AI1031">
        <v>81484.262090000004</v>
      </c>
      <c r="AJ1031">
        <v>24399.092349999999</v>
      </c>
      <c r="AK1031">
        <v>43217.724970000003</v>
      </c>
      <c r="AL1031">
        <v>81295.524699999994</v>
      </c>
      <c r="AM1031">
        <v>22446.589980000001</v>
      </c>
      <c r="AN1031">
        <v>83189.323109999998</v>
      </c>
      <c r="AO1031">
        <v>34713.1927</v>
      </c>
      <c r="AP1031">
        <v>17595.286250000001</v>
      </c>
    </row>
    <row r="1032" spans="2:42" x14ac:dyDescent="0.3">
      <c r="B1032">
        <v>57.022848029332359</v>
      </c>
      <c r="C1032" s="83">
        <v>43143.916666666664</v>
      </c>
      <c r="D1032">
        <v>252573.08720000001</v>
      </c>
      <c r="E1032">
        <v>19313.831579999998</v>
      </c>
      <c r="F1032">
        <v>48720.794220000003</v>
      </c>
      <c r="G1032">
        <v>47129.732380000001</v>
      </c>
      <c r="H1032">
        <v>43075.496800000001</v>
      </c>
      <c r="I1032">
        <v>29503.460190000002</v>
      </c>
      <c r="J1032">
        <v>36162.884169999998</v>
      </c>
      <c r="K1032">
        <v>56228.862139999997</v>
      </c>
      <c r="L1032">
        <v>25550.165840000001</v>
      </c>
      <c r="M1032">
        <v>290729.07140000002</v>
      </c>
      <c r="N1032">
        <v>81622.849679999999</v>
      </c>
      <c r="O1032">
        <v>26099.651440000001</v>
      </c>
      <c r="P1032">
        <v>45051.25245</v>
      </c>
      <c r="Q1032">
        <v>81312.695019999999</v>
      </c>
      <c r="R1032">
        <v>32588.765780000002</v>
      </c>
      <c r="S1032">
        <v>81784.387189999994</v>
      </c>
      <c r="T1032">
        <v>30414.45235</v>
      </c>
      <c r="U1032">
        <v>19222.03615</v>
      </c>
      <c r="W1032" s="83">
        <f>Bühler!N1064</f>
        <v>45334.916666664169</v>
      </c>
      <c r="X1032" s="83">
        <v>43143.916666666664</v>
      </c>
      <c r="Y1032">
        <v>252573.08720000001</v>
      </c>
      <c r="Z1032">
        <v>19313.831579999998</v>
      </c>
      <c r="AA1032">
        <v>48720.794220000003</v>
      </c>
      <c r="AB1032">
        <v>47129.732380000001</v>
      </c>
      <c r="AC1032">
        <v>43075.496800000001</v>
      </c>
      <c r="AD1032">
        <v>29503.460190000002</v>
      </c>
      <c r="AE1032">
        <v>36162.884169999998</v>
      </c>
      <c r="AF1032">
        <v>56228.862139999997</v>
      </c>
      <c r="AG1032">
        <v>25550.165840000001</v>
      </c>
      <c r="AH1032">
        <v>290729.07140000002</v>
      </c>
      <c r="AI1032">
        <v>81622.849679999999</v>
      </c>
      <c r="AJ1032">
        <v>26099.651440000001</v>
      </c>
      <c r="AK1032">
        <v>45051.25245</v>
      </c>
      <c r="AL1032">
        <v>81312.695019999999</v>
      </c>
      <c r="AM1032">
        <v>32588.765780000002</v>
      </c>
      <c r="AN1032">
        <v>81784.387189999994</v>
      </c>
      <c r="AO1032">
        <v>30414.45235</v>
      </c>
      <c r="AP1032">
        <v>19222.03615</v>
      </c>
    </row>
    <row r="1033" spans="2:42" x14ac:dyDescent="0.3">
      <c r="B1033">
        <v>56.388516117912992</v>
      </c>
      <c r="C1033" s="83">
        <v>43143.958333333336</v>
      </c>
      <c r="D1033">
        <v>253796.88380000001</v>
      </c>
      <c r="E1033">
        <v>18979.970649999999</v>
      </c>
      <c r="F1033">
        <v>47531.848409999999</v>
      </c>
      <c r="G1033">
        <v>46306.05644</v>
      </c>
      <c r="H1033">
        <v>42683.24134</v>
      </c>
      <c r="I1033">
        <v>28200.377820000002</v>
      </c>
      <c r="J1033">
        <v>33540.018129999997</v>
      </c>
      <c r="K1033">
        <v>55836.262410000003</v>
      </c>
      <c r="L1033">
        <v>22150.670320000001</v>
      </c>
      <c r="M1033">
        <v>287494.95150000002</v>
      </c>
      <c r="N1033">
        <v>81621.041339999996</v>
      </c>
      <c r="O1033">
        <v>26167.699209999999</v>
      </c>
      <c r="P1033">
        <v>40438.351560000003</v>
      </c>
      <c r="Q1033">
        <v>81294.377290000004</v>
      </c>
      <c r="R1033">
        <v>34849.010799999996</v>
      </c>
      <c r="S1033">
        <v>79679.155010000002</v>
      </c>
      <c r="T1033">
        <v>30705.36046</v>
      </c>
      <c r="U1033">
        <v>18941.07561</v>
      </c>
      <c r="W1033" s="83">
        <f>Bühler!N1065</f>
        <v>45334.958333330833</v>
      </c>
      <c r="X1033" s="83">
        <v>43143.958333333336</v>
      </c>
      <c r="Y1033">
        <v>253796.88380000001</v>
      </c>
      <c r="Z1033">
        <v>18979.970649999999</v>
      </c>
      <c r="AA1033">
        <v>47531.848409999999</v>
      </c>
      <c r="AB1033">
        <v>46306.05644</v>
      </c>
      <c r="AC1033">
        <v>42683.24134</v>
      </c>
      <c r="AD1033">
        <v>28200.377820000002</v>
      </c>
      <c r="AE1033">
        <v>33540.018129999997</v>
      </c>
      <c r="AF1033">
        <v>55836.262410000003</v>
      </c>
      <c r="AG1033">
        <v>22150.670320000001</v>
      </c>
      <c r="AH1033">
        <v>287494.95150000002</v>
      </c>
      <c r="AI1033">
        <v>81621.041339999996</v>
      </c>
      <c r="AJ1033">
        <v>26167.699209999999</v>
      </c>
      <c r="AK1033">
        <v>40438.351560000003</v>
      </c>
      <c r="AL1033">
        <v>81294.377290000004</v>
      </c>
      <c r="AM1033">
        <v>34849.010799999996</v>
      </c>
      <c r="AN1033">
        <v>79679.155010000002</v>
      </c>
      <c r="AO1033">
        <v>30705.36046</v>
      </c>
      <c r="AP1033">
        <v>18941.07561</v>
      </c>
    </row>
    <row r="1034" spans="2:42" x14ac:dyDescent="0.3">
      <c r="B1034">
        <v>56.039739509275435</v>
      </c>
      <c r="C1034" s="83">
        <v>43144</v>
      </c>
      <c r="D1034">
        <v>252044.89259999999</v>
      </c>
      <c r="E1034">
        <v>18418.639139999999</v>
      </c>
      <c r="F1034">
        <v>47027.275979999999</v>
      </c>
      <c r="G1034">
        <v>45817.205199999997</v>
      </c>
      <c r="H1034">
        <v>42496.90382</v>
      </c>
      <c r="I1034">
        <v>26077.114160000001</v>
      </c>
      <c r="J1034">
        <v>31558.279030000002</v>
      </c>
      <c r="K1034">
        <v>54043.872810000001</v>
      </c>
      <c r="L1034">
        <v>19819.874189999999</v>
      </c>
      <c r="M1034">
        <v>285716.72570000001</v>
      </c>
      <c r="N1034">
        <v>80986.524810000003</v>
      </c>
      <c r="O1034">
        <v>26150.417799999999</v>
      </c>
      <c r="P1034">
        <v>37171.318240000001</v>
      </c>
      <c r="Q1034">
        <v>81229.695290000003</v>
      </c>
      <c r="R1034">
        <v>31278.324519999998</v>
      </c>
      <c r="S1034">
        <v>79342.268760000006</v>
      </c>
      <c r="T1034">
        <v>29452.08999</v>
      </c>
      <c r="U1034">
        <v>18403.382870000001</v>
      </c>
      <c r="W1034" s="83">
        <f>Bühler!N1066</f>
        <v>45334.999999997497</v>
      </c>
      <c r="X1034" s="83">
        <v>43144</v>
      </c>
      <c r="Y1034">
        <v>252044.89259999999</v>
      </c>
      <c r="Z1034">
        <v>18418.639139999999</v>
      </c>
      <c r="AA1034">
        <v>47027.275979999999</v>
      </c>
      <c r="AB1034">
        <v>45817.205199999997</v>
      </c>
      <c r="AC1034">
        <v>42496.90382</v>
      </c>
      <c r="AD1034">
        <v>26077.114160000001</v>
      </c>
      <c r="AE1034">
        <v>31558.279030000002</v>
      </c>
      <c r="AF1034">
        <v>54043.872810000001</v>
      </c>
      <c r="AG1034">
        <v>19819.874189999999</v>
      </c>
      <c r="AH1034">
        <v>285716.72570000001</v>
      </c>
      <c r="AI1034">
        <v>80986.524810000003</v>
      </c>
      <c r="AJ1034">
        <v>26150.417799999999</v>
      </c>
      <c r="AK1034">
        <v>37171.318240000001</v>
      </c>
      <c r="AL1034">
        <v>81229.695290000003</v>
      </c>
      <c r="AM1034">
        <v>31278.324519999998</v>
      </c>
      <c r="AN1034">
        <v>79342.268760000006</v>
      </c>
      <c r="AO1034">
        <v>29452.08999</v>
      </c>
      <c r="AP1034">
        <v>18403.382870000001</v>
      </c>
    </row>
    <row r="1035" spans="2:42" x14ac:dyDescent="0.3">
      <c r="B1035">
        <v>56.822625936739612</v>
      </c>
      <c r="C1035" s="83">
        <v>43144.041666666664</v>
      </c>
      <c r="D1035">
        <v>253143.40460000001</v>
      </c>
      <c r="E1035">
        <v>19033.965069999998</v>
      </c>
      <c r="F1035">
        <v>51129.577340000003</v>
      </c>
      <c r="G1035">
        <v>45355.380989999998</v>
      </c>
      <c r="H1035">
        <v>42596.510600000001</v>
      </c>
      <c r="I1035">
        <v>23024.64068</v>
      </c>
      <c r="J1035">
        <v>34938.719440000001</v>
      </c>
      <c r="K1035">
        <v>52892.267140000004</v>
      </c>
      <c r="L1035">
        <v>19820.961469999998</v>
      </c>
      <c r="M1035">
        <v>289708.24579999998</v>
      </c>
      <c r="N1035">
        <v>82532.009099999996</v>
      </c>
      <c r="O1035">
        <v>25838.21905</v>
      </c>
      <c r="P1035">
        <v>36072.633139999998</v>
      </c>
      <c r="Q1035">
        <v>82171.707769999994</v>
      </c>
      <c r="R1035">
        <v>29516.961599999999</v>
      </c>
      <c r="S1035">
        <v>83852.462539999993</v>
      </c>
      <c r="T1035">
        <v>29024.48775</v>
      </c>
      <c r="U1035">
        <v>19310.100900000001</v>
      </c>
      <c r="W1035" s="83">
        <f>Bühler!N1067</f>
        <v>45335.041666664161</v>
      </c>
      <c r="X1035" s="83">
        <v>43144.041666666664</v>
      </c>
      <c r="Y1035">
        <v>253143.40460000001</v>
      </c>
      <c r="Z1035">
        <v>19033.965069999998</v>
      </c>
      <c r="AA1035">
        <v>51129.577340000003</v>
      </c>
      <c r="AB1035">
        <v>45355.380989999998</v>
      </c>
      <c r="AC1035">
        <v>42596.510600000001</v>
      </c>
      <c r="AD1035">
        <v>23024.64068</v>
      </c>
      <c r="AE1035">
        <v>34938.719440000001</v>
      </c>
      <c r="AF1035">
        <v>52892.267140000004</v>
      </c>
      <c r="AG1035">
        <v>19820.961469999998</v>
      </c>
      <c r="AH1035">
        <v>289708.24579999998</v>
      </c>
      <c r="AI1035">
        <v>82532.009099999996</v>
      </c>
      <c r="AJ1035">
        <v>25838.21905</v>
      </c>
      <c r="AK1035">
        <v>36072.633139999998</v>
      </c>
      <c r="AL1035">
        <v>82171.707769999994</v>
      </c>
      <c r="AM1035">
        <v>29516.961599999999</v>
      </c>
      <c r="AN1035">
        <v>83852.462539999993</v>
      </c>
      <c r="AO1035">
        <v>29024.48775</v>
      </c>
      <c r="AP1035">
        <v>19310.100900000001</v>
      </c>
    </row>
    <row r="1036" spans="2:42" x14ac:dyDescent="0.3">
      <c r="B1036">
        <v>57.810295200840024</v>
      </c>
      <c r="C1036" s="83">
        <v>43144.083333333336</v>
      </c>
      <c r="D1036">
        <v>253950.30660000001</v>
      </c>
      <c r="E1036">
        <v>19080.034070000002</v>
      </c>
      <c r="F1036">
        <v>52700.252330000003</v>
      </c>
      <c r="G1036">
        <v>45262.843150000001</v>
      </c>
      <c r="H1036">
        <v>42179.629289999997</v>
      </c>
      <c r="I1036">
        <v>21355.52058</v>
      </c>
      <c r="J1036">
        <v>35327.446949999998</v>
      </c>
      <c r="K1036">
        <v>51228.594259999998</v>
      </c>
      <c r="L1036">
        <v>19357.798040000001</v>
      </c>
      <c r="M1036">
        <v>294743.8443</v>
      </c>
      <c r="N1036">
        <v>82779.929799999998</v>
      </c>
      <c r="O1036">
        <v>26081.861519999999</v>
      </c>
      <c r="P1036">
        <v>34369.445829999997</v>
      </c>
      <c r="Q1036">
        <v>84321.832930000004</v>
      </c>
      <c r="R1036">
        <v>29988.78296</v>
      </c>
      <c r="S1036">
        <v>84935.679359999995</v>
      </c>
      <c r="T1036">
        <v>29061.776310000001</v>
      </c>
      <c r="U1036">
        <v>19931.869019999998</v>
      </c>
      <c r="W1036" s="83">
        <f>Bühler!N1068</f>
        <v>45335.083333330826</v>
      </c>
      <c r="X1036" s="83">
        <v>43144.083333333336</v>
      </c>
      <c r="Y1036">
        <v>253950.30660000001</v>
      </c>
      <c r="Z1036">
        <v>19080.034070000002</v>
      </c>
      <c r="AA1036">
        <v>52700.252330000003</v>
      </c>
      <c r="AB1036">
        <v>45262.843150000001</v>
      </c>
      <c r="AC1036">
        <v>42179.629289999997</v>
      </c>
      <c r="AD1036">
        <v>21355.52058</v>
      </c>
      <c r="AE1036">
        <v>35327.446949999998</v>
      </c>
      <c r="AF1036">
        <v>51228.594259999998</v>
      </c>
      <c r="AG1036">
        <v>19357.798040000001</v>
      </c>
      <c r="AH1036">
        <v>294743.8443</v>
      </c>
      <c r="AI1036">
        <v>82779.929799999998</v>
      </c>
      <c r="AJ1036">
        <v>26081.861519999999</v>
      </c>
      <c r="AK1036">
        <v>34369.445829999997</v>
      </c>
      <c r="AL1036">
        <v>84321.832930000004</v>
      </c>
      <c r="AM1036">
        <v>29988.78296</v>
      </c>
      <c r="AN1036">
        <v>84935.679359999995</v>
      </c>
      <c r="AO1036">
        <v>29061.776310000001</v>
      </c>
      <c r="AP1036">
        <v>19931.869019999998</v>
      </c>
    </row>
    <row r="1037" spans="2:42" x14ac:dyDescent="0.3">
      <c r="B1037">
        <v>57.661965909386886</v>
      </c>
      <c r="C1037" s="83">
        <v>43144.125</v>
      </c>
      <c r="D1037">
        <v>255480.7041</v>
      </c>
      <c r="E1037">
        <v>19341.71027</v>
      </c>
      <c r="F1037">
        <v>54563.423719999999</v>
      </c>
      <c r="G1037">
        <v>44402.045830000003</v>
      </c>
      <c r="H1037">
        <v>43160.414499999999</v>
      </c>
      <c r="I1037">
        <v>21125.582569999999</v>
      </c>
      <c r="J1037">
        <v>36090.59042</v>
      </c>
      <c r="K1037">
        <v>50034.783309999999</v>
      </c>
      <c r="L1037">
        <v>19425.454389999999</v>
      </c>
      <c r="M1037">
        <v>293987.59240000002</v>
      </c>
      <c r="N1037">
        <v>82986.839240000001</v>
      </c>
      <c r="O1037">
        <v>25865.346150000001</v>
      </c>
      <c r="P1037">
        <v>34420.419580000002</v>
      </c>
      <c r="Q1037">
        <v>86317.742499999993</v>
      </c>
      <c r="R1037">
        <v>29187.01266</v>
      </c>
      <c r="S1037">
        <v>84371.227849999996</v>
      </c>
      <c r="T1037">
        <v>29127.901150000002</v>
      </c>
      <c r="U1037">
        <v>19697.87628</v>
      </c>
      <c r="W1037" s="83">
        <f>Bühler!N1069</f>
        <v>45335.12499999749</v>
      </c>
      <c r="X1037" s="83">
        <v>43144.125</v>
      </c>
      <c r="Y1037">
        <v>255480.7041</v>
      </c>
      <c r="Z1037">
        <v>19341.71027</v>
      </c>
      <c r="AA1037">
        <v>54563.423719999999</v>
      </c>
      <c r="AB1037">
        <v>44402.045830000003</v>
      </c>
      <c r="AC1037">
        <v>43160.414499999999</v>
      </c>
      <c r="AD1037">
        <v>21125.582569999999</v>
      </c>
      <c r="AE1037">
        <v>36090.59042</v>
      </c>
      <c r="AF1037">
        <v>50034.783309999999</v>
      </c>
      <c r="AG1037">
        <v>19425.454389999999</v>
      </c>
      <c r="AH1037">
        <v>293987.59240000002</v>
      </c>
      <c r="AI1037">
        <v>82986.839240000001</v>
      </c>
      <c r="AJ1037">
        <v>25865.346150000001</v>
      </c>
      <c r="AK1037">
        <v>34420.419580000002</v>
      </c>
      <c r="AL1037">
        <v>86317.742499999993</v>
      </c>
      <c r="AM1037">
        <v>29187.01266</v>
      </c>
      <c r="AN1037">
        <v>84371.227849999996</v>
      </c>
      <c r="AO1037">
        <v>29127.901150000002</v>
      </c>
      <c r="AP1037">
        <v>19697.87628</v>
      </c>
    </row>
    <row r="1038" spans="2:42" x14ac:dyDescent="0.3">
      <c r="B1038">
        <v>59.62575696506336</v>
      </c>
      <c r="C1038" s="83">
        <v>43144.166666666664</v>
      </c>
      <c r="D1038">
        <v>259310.37599999999</v>
      </c>
      <c r="E1038">
        <v>19950.691650000001</v>
      </c>
      <c r="F1038">
        <v>57850.865270000002</v>
      </c>
      <c r="G1038">
        <v>44531.78325</v>
      </c>
      <c r="H1038">
        <v>43934.174270000003</v>
      </c>
      <c r="I1038">
        <v>24415.24814</v>
      </c>
      <c r="J1038">
        <v>38750.663780000003</v>
      </c>
      <c r="K1038">
        <v>47876.43677</v>
      </c>
      <c r="L1038">
        <v>19693.363600000001</v>
      </c>
      <c r="M1038">
        <v>303999.91499999998</v>
      </c>
      <c r="N1038">
        <v>82807.56306</v>
      </c>
      <c r="O1038">
        <v>26205.83957</v>
      </c>
      <c r="P1038">
        <v>34508.707009999998</v>
      </c>
      <c r="Q1038">
        <v>89884.231119999997</v>
      </c>
      <c r="R1038">
        <v>29434.287700000001</v>
      </c>
      <c r="S1038">
        <v>85377.855880000003</v>
      </c>
      <c r="T1038">
        <v>28767.482199999999</v>
      </c>
      <c r="U1038">
        <v>20298.297770000001</v>
      </c>
      <c r="W1038" s="83">
        <f>Bühler!N1070</f>
        <v>45335.166666664154</v>
      </c>
      <c r="X1038" s="83">
        <v>43144.166666666664</v>
      </c>
      <c r="Y1038">
        <v>259310.37599999999</v>
      </c>
      <c r="Z1038">
        <v>19950.691650000001</v>
      </c>
      <c r="AA1038">
        <v>57850.865270000002</v>
      </c>
      <c r="AB1038">
        <v>44531.78325</v>
      </c>
      <c r="AC1038">
        <v>43934.174270000003</v>
      </c>
      <c r="AD1038">
        <v>24415.24814</v>
      </c>
      <c r="AE1038">
        <v>38750.663780000003</v>
      </c>
      <c r="AF1038">
        <v>47876.43677</v>
      </c>
      <c r="AG1038">
        <v>19693.363600000001</v>
      </c>
      <c r="AH1038">
        <v>303999.91499999998</v>
      </c>
      <c r="AI1038">
        <v>82807.56306</v>
      </c>
      <c r="AJ1038">
        <v>26205.83957</v>
      </c>
      <c r="AK1038">
        <v>34508.707009999998</v>
      </c>
      <c r="AL1038">
        <v>89884.231119999997</v>
      </c>
      <c r="AM1038">
        <v>29434.287700000001</v>
      </c>
      <c r="AN1038">
        <v>85377.855880000003</v>
      </c>
      <c r="AO1038">
        <v>28767.482199999999</v>
      </c>
      <c r="AP1038">
        <v>20298.297770000001</v>
      </c>
    </row>
    <row r="1039" spans="2:42" x14ac:dyDescent="0.3">
      <c r="B1039">
        <v>63.090214551974668</v>
      </c>
      <c r="C1039" s="83">
        <v>43144.208333333336</v>
      </c>
      <c r="D1039">
        <v>272770.68599999999</v>
      </c>
      <c r="E1039">
        <v>21991.107410000001</v>
      </c>
      <c r="F1039">
        <v>68916.882070000007</v>
      </c>
      <c r="G1039">
        <v>48057.342640000003</v>
      </c>
      <c r="H1039">
        <v>45938.34837</v>
      </c>
      <c r="I1039">
        <v>33851.363340000004</v>
      </c>
      <c r="J1039">
        <v>41399.326800000003</v>
      </c>
      <c r="K1039">
        <v>49486.527260000003</v>
      </c>
      <c r="L1039">
        <v>20946.040679999998</v>
      </c>
      <c r="M1039">
        <v>321663.33539999998</v>
      </c>
      <c r="N1039">
        <v>83807.303969999994</v>
      </c>
      <c r="O1039">
        <v>27190.331569999998</v>
      </c>
      <c r="P1039">
        <v>35703.006999999998</v>
      </c>
      <c r="Q1039">
        <v>93639.090110000005</v>
      </c>
      <c r="R1039">
        <v>31181.117190000001</v>
      </c>
      <c r="S1039">
        <v>88205.973169999997</v>
      </c>
      <c r="T1039">
        <v>30431.252390000001</v>
      </c>
      <c r="U1039">
        <v>22116.914369999999</v>
      </c>
      <c r="W1039" s="83">
        <f>Bühler!N1071</f>
        <v>45335.208333330818</v>
      </c>
      <c r="X1039" s="83">
        <v>43144.208333333336</v>
      </c>
      <c r="Y1039">
        <v>272770.68599999999</v>
      </c>
      <c r="Z1039">
        <v>21991.107410000001</v>
      </c>
      <c r="AA1039">
        <v>68916.882070000007</v>
      </c>
      <c r="AB1039">
        <v>48057.342640000003</v>
      </c>
      <c r="AC1039">
        <v>45938.34837</v>
      </c>
      <c r="AD1039">
        <v>33851.363340000004</v>
      </c>
      <c r="AE1039">
        <v>41399.326800000003</v>
      </c>
      <c r="AF1039">
        <v>49486.527260000003</v>
      </c>
      <c r="AG1039">
        <v>20946.040679999998</v>
      </c>
      <c r="AH1039">
        <v>321663.33539999998</v>
      </c>
      <c r="AI1039">
        <v>83807.303969999994</v>
      </c>
      <c r="AJ1039">
        <v>27190.331569999998</v>
      </c>
      <c r="AK1039">
        <v>35703.006999999998</v>
      </c>
      <c r="AL1039">
        <v>93639.090110000005</v>
      </c>
      <c r="AM1039">
        <v>31181.117190000001</v>
      </c>
      <c r="AN1039">
        <v>88205.973169999997</v>
      </c>
      <c r="AO1039">
        <v>30431.252390000001</v>
      </c>
      <c r="AP1039">
        <v>22116.914369999999</v>
      </c>
    </row>
    <row r="1040" spans="2:42" x14ac:dyDescent="0.3">
      <c r="B1040">
        <v>65.338762827298339</v>
      </c>
      <c r="C1040" s="83">
        <v>43144.25</v>
      </c>
      <c r="D1040">
        <v>287045.0344</v>
      </c>
      <c r="E1040">
        <v>26308.382689999999</v>
      </c>
      <c r="F1040">
        <v>80937.553669999994</v>
      </c>
      <c r="G1040">
        <v>60658.832060000001</v>
      </c>
      <c r="H1040">
        <v>49251.873379999997</v>
      </c>
      <c r="I1040">
        <v>41504.355920000002</v>
      </c>
      <c r="J1040">
        <v>44693.814619999997</v>
      </c>
      <c r="K1040">
        <v>51688.566760000002</v>
      </c>
      <c r="L1040">
        <v>22690.169730000001</v>
      </c>
      <c r="M1040">
        <v>333127.48310000001</v>
      </c>
      <c r="N1040">
        <v>85084.560410000006</v>
      </c>
      <c r="O1040">
        <v>27770.997050000002</v>
      </c>
      <c r="P1040">
        <v>35773.556120000001</v>
      </c>
      <c r="Q1040">
        <v>94547.439830000003</v>
      </c>
      <c r="R1040">
        <v>23291.427009999999</v>
      </c>
      <c r="S1040">
        <v>95197.403309999994</v>
      </c>
      <c r="T1040">
        <v>33333.056170000003</v>
      </c>
      <c r="U1040">
        <v>23060.353220000001</v>
      </c>
      <c r="W1040" s="83">
        <f>Bühler!N1072</f>
        <v>45335.249999997483</v>
      </c>
      <c r="X1040" s="83">
        <v>43144.25</v>
      </c>
      <c r="Y1040">
        <v>287045.0344</v>
      </c>
      <c r="Z1040">
        <v>26308.382689999999</v>
      </c>
      <c r="AA1040">
        <v>80937.553669999994</v>
      </c>
      <c r="AB1040">
        <v>60658.832060000001</v>
      </c>
      <c r="AC1040">
        <v>49251.873379999997</v>
      </c>
      <c r="AD1040">
        <v>41504.355920000002</v>
      </c>
      <c r="AE1040">
        <v>44693.814619999997</v>
      </c>
      <c r="AF1040">
        <v>51688.566760000002</v>
      </c>
      <c r="AG1040">
        <v>22690.169730000001</v>
      </c>
      <c r="AH1040">
        <v>333127.48310000001</v>
      </c>
      <c r="AI1040">
        <v>85084.560410000006</v>
      </c>
      <c r="AJ1040">
        <v>27770.997050000002</v>
      </c>
      <c r="AK1040">
        <v>35773.556120000001</v>
      </c>
      <c r="AL1040">
        <v>94547.439830000003</v>
      </c>
      <c r="AM1040">
        <v>23291.427009999999</v>
      </c>
      <c r="AN1040">
        <v>95197.403309999994</v>
      </c>
      <c r="AO1040">
        <v>33333.056170000003</v>
      </c>
      <c r="AP1040">
        <v>23060.353220000001</v>
      </c>
    </row>
    <row r="1041" spans="2:42" x14ac:dyDescent="0.3">
      <c r="B1041">
        <v>65.495749173057561</v>
      </c>
      <c r="C1041" s="83">
        <v>43144.291666666664</v>
      </c>
      <c r="D1041">
        <v>301281.98340000003</v>
      </c>
      <c r="E1041">
        <v>31460.990720000002</v>
      </c>
      <c r="F1041">
        <v>79329.941019999998</v>
      </c>
      <c r="G1041">
        <v>74395.655989999999</v>
      </c>
      <c r="H1041">
        <v>54955.635439999998</v>
      </c>
      <c r="I1041">
        <v>48655.89041</v>
      </c>
      <c r="J1041">
        <v>42025.572249999997</v>
      </c>
      <c r="K1041">
        <v>56775.214139999996</v>
      </c>
      <c r="L1041">
        <v>25062.00764</v>
      </c>
      <c r="M1041">
        <v>333927.87270000001</v>
      </c>
      <c r="N1041">
        <v>90990.400160000005</v>
      </c>
      <c r="O1041">
        <v>30255.09143</v>
      </c>
      <c r="P1041">
        <v>39044.517540000001</v>
      </c>
      <c r="Q1041">
        <v>95887.145369999998</v>
      </c>
      <c r="R1041">
        <v>25094.509300000002</v>
      </c>
      <c r="S1041">
        <v>104915.81479999999</v>
      </c>
      <c r="T1041">
        <v>35439.873310000003</v>
      </c>
      <c r="U1041">
        <v>27255.18075</v>
      </c>
      <c r="W1041" s="83">
        <f>Bühler!N1073</f>
        <v>45335.291666664147</v>
      </c>
      <c r="X1041" s="83">
        <v>43144.291666666664</v>
      </c>
      <c r="Y1041">
        <v>301281.98340000003</v>
      </c>
      <c r="Z1041">
        <v>31460.990720000002</v>
      </c>
      <c r="AA1041">
        <v>79329.941019999998</v>
      </c>
      <c r="AB1041">
        <v>74395.655989999999</v>
      </c>
      <c r="AC1041">
        <v>54955.635439999998</v>
      </c>
      <c r="AD1041">
        <v>48655.89041</v>
      </c>
      <c r="AE1041">
        <v>42025.572249999997</v>
      </c>
      <c r="AF1041">
        <v>56775.214139999996</v>
      </c>
      <c r="AG1041">
        <v>25062.00764</v>
      </c>
      <c r="AH1041">
        <v>333927.87270000001</v>
      </c>
      <c r="AI1041">
        <v>90990.400160000005</v>
      </c>
      <c r="AJ1041">
        <v>30255.09143</v>
      </c>
      <c r="AK1041">
        <v>39044.517540000001</v>
      </c>
      <c r="AL1041">
        <v>95887.145369999998</v>
      </c>
      <c r="AM1041">
        <v>25094.509300000002</v>
      </c>
      <c r="AN1041">
        <v>104915.81479999999</v>
      </c>
      <c r="AO1041">
        <v>35439.873310000003</v>
      </c>
      <c r="AP1041">
        <v>27255.18075</v>
      </c>
    </row>
    <row r="1042" spans="2:42" x14ac:dyDescent="0.3">
      <c r="B1042">
        <v>65.435042329226306</v>
      </c>
      <c r="C1042" s="83">
        <v>43144.333333333336</v>
      </c>
      <c r="D1042">
        <v>313616.85129999998</v>
      </c>
      <c r="E1042">
        <v>38051.41244</v>
      </c>
      <c r="F1042">
        <v>85265.114600000001</v>
      </c>
      <c r="G1042">
        <v>88586.223809999996</v>
      </c>
      <c r="H1042">
        <v>59986.722629999997</v>
      </c>
      <c r="I1042">
        <v>52385.963770000002</v>
      </c>
      <c r="J1042">
        <v>41362.545239999999</v>
      </c>
      <c r="K1042">
        <v>61493.007239999999</v>
      </c>
      <c r="L1042">
        <v>28201.712520000001</v>
      </c>
      <c r="M1042">
        <v>333618.36090000003</v>
      </c>
      <c r="N1042">
        <v>100371.56909999999</v>
      </c>
      <c r="O1042">
        <v>32378.322510000002</v>
      </c>
      <c r="P1042">
        <v>41007.933069999999</v>
      </c>
      <c r="Q1042">
        <v>96929.871580000006</v>
      </c>
      <c r="R1042">
        <v>27146.306199999999</v>
      </c>
      <c r="S1042">
        <v>117587.64019999999</v>
      </c>
      <c r="T1042">
        <v>38369.017639999998</v>
      </c>
      <c r="U1042">
        <v>30627.940180000001</v>
      </c>
      <c r="W1042" s="83">
        <f>Bühler!N1074</f>
        <v>45335.333333330811</v>
      </c>
      <c r="X1042" s="83">
        <v>43144.333333333336</v>
      </c>
      <c r="Y1042">
        <v>313616.85129999998</v>
      </c>
      <c r="Z1042">
        <v>38051.41244</v>
      </c>
      <c r="AA1042">
        <v>85265.114600000001</v>
      </c>
      <c r="AB1042">
        <v>88586.223809999996</v>
      </c>
      <c r="AC1042">
        <v>59986.722629999997</v>
      </c>
      <c r="AD1042">
        <v>52385.963770000002</v>
      </c>
      <c r="AE1042">
        <v>41362.545239999999</v>
      </c>
      <c r="AF1042">
        <v>61493.007239999999</v>
      </c>
      <c r="AG1042">
        <v>28201.712520000001</v>
      </c>
      <c r="AH1042">
        <v>333618.36090000003</v>
      </c>
      <c r="AI1042">
        <v>100371.56909999999</v>
      </c>
      <c r="AJ1042">
        <v>32378.322510000002</v>
      </c>
      <c r="AK1042">
        <v>41007.933069999999</v>
      </c>
      <c r="AL1042">
        <v>96929.871580000006</v>
      </c>
      <c r="AM1042">
        <v>27146.306199999999</v>
      </c>
      <c r="AN1042">
        <v>117587.64019999999</v>
      </c>
      <c r="AO1042">
        <v>38369.017639999998</v>
      </c>
      <c r="AP1042">
        <v>30627.940180000001</v>
      </c>
    </row>
    <row r="1043" spans="2:42" x14ac:dyDescent="0.3">
      <c r="B1043">
        <v>65.016365700445959</v>
      </c>
      <c r="C1043" s="83">
        <v>43144.375</v>
      </c>
      <c r="D1043">
        <v>314257.85090000002</v>
      </c>
      <c r="E1043">
        <v>42042.603629999998</v>
      </c>
      <c r="F1043">
        <v>90541.508319999994</v>
      </c>
      <c r="G1043">
        <v>95901.246199999994</v>
      </c>
      <c r="H1043">
        <v>62179.84388</v>
      </c>
      <c r="I1043">
        <v>50096.026760000001</v>
      </c>
      <c r="J1043">
        <v>41107.052109999997</v>
      </c>
      <c r="K1043">
        <v>59275.679340000002</v>
      </c>
      <c r="L1043">
        <v>31356.508129999998</v>
      </c>
      <c r="M1043">
        <v>331483.75219999999</v>
      </c>
      <c r="N1043">
        <v>109954.9449</v>
      </c>
      <c r="O1043">
        <v>32148.758610000001</v>
      </c>
      <c r="P1043">
        <v>42717.58051</v>
      </c>
      <c r="Q1043">
        <v>98187.633700000006</v>
      </c>
      <c r="R1043">
        <v>25574.003820000002</v>
      </c>
      <c r="S1043">
        <v>124206.66869999999</v>
      </c>
      <c r="T1043">
        <v>40785.400690000002</v>
      </c>
      <c r="U1043">
        <v>29680.920600000001</v>
      </c>
      <c r="W1043" s="83">
        <f>Bühler!N1075</f>
        <v>45335.374999997475</v>
      </c>
      <c r="X1043" s="83">
        <v>43144.375</v>
      </c>
      <c r="Y1043">
        <v>314257.85090000002</v>
      </c>
      <c r="Z1043">
        <v>42042.603629999998</v>
      </c>
      <c r="AA1043">
        <v>90541.508319999994</v>
      </c>
      <c r="AB1043">
        <v>95901.246199999994</v>
      </c>
      <c r="AC1043">
        <v>62179.84388</v>
      </c>
      <c r="AD1043">
        <v>50096.026760000001</v>
      </c>
      <c r="AE1043">
        <v>41107.052109999997</v>
      </c>
      <c r="AF1043">
        <v>59275.679340000002</v>
      </c>
      <c r="AG1043">
        <v>31356.508129999998</v>
      </c>
      <c r="AH1043">
        <v>331483.75219999999</v>
      </c>
      <c r="AI1043">
        <v>109954.9449</v>
      </c>
      <c r="AJ1043">
        <v>32148.758610000001</v>
      </c>
      <c r="AK1043">
        <v>42717.58051</v>
      </c>
      <c r="AL1043">
        <v>98187.633700000006</v>
      </c>
      <c r="AM1043">
        <v>25574.003820000002</v>
      </c>
      <c r="AN1043">
        <v>124206.66869999999</v>
      </c>
      <c r="AO1043">
        <v>40785.400690000002</v>
      </c>
      <c r="AP1043">
        <v>29680.920600000001</v>
      </c>
    </row>
    <row r="1044" spans="2:42" x14ac:dyDescent="0.3">
      <c r="B1044">
        <v>65.741153068284618</v>
      </c>
      <c r="C1044" s="83">
        <v>43144.416666666664</v>
      </c>
      <c r="D1044">
        <v>315149.49239999999</v>
      </c>
      <c r="E1044">
        <v>43381.848209999996</v>
      </c>
      <c r="F1044">
        <v>90080.081600000005</v>
      </c>
      <c r="G1044">
        <v>98149.158880000003</v>
      </c>
      <c r="H1044">
        <v>63093.02319</v>
      </c>
      <c r="I1044">
        <v>46784.013180000002</v>
      </c>
      <c r="J1044">
        <v>40119.462059999998</v>
      </c>
      <c r="K1044">
        <v>61654.714890000003</v>
      </c>
      <c r="L1044">
        <v>33923.367639999997</v>
      </c>
      <c r="M1044">
        <v>335179.05619999999</v>
      </c>
      <c r="N1044">
        <v>113821.2635</v>
      </c>
      <c r="O1044">
        <v>32620.56423</v>
      </c>
      <c r="P1044">
        <v>44044.20132</v>
      </c>
      <c r="Q1044">
        <v>97620.797300000006</v>
      </c>
      <c r="R1044">
        <v>26356.642830000001</v>
      </c>
      <c r="S1044">
        <v>124130.4783</v>
      </c>
      <c r="T1044">
        <v>42201.179199999999</v>
      </c>
      <c r="U1044">
        <v>28878.854070000001</v>
      </c>
      <c r="W1044" s="83">
        <f>Bühler!N1076</f>
        <v>45335.416666664139</v>
      </c>
      <c r="X1044" s="83">
        <v>43144.416666666664</v>
      </c>
      <c r="Y1044">
        <v>315149.49239999999</v>
      </c>
      <c r="Z1044">
        <v>43381.848209999996</v>
      </c>
      <c r="AA1044">
        <v>90080.081600000005</v>
      </c>
      <c r="AB1044">
        <v>98149.158880000003</v>
      </c>
      <c r="AC1044">
        <v>63093.02319</v>
      </c>
      <c r="AD1044">
        <v>46784.013180000002</v>
      </c>
      <c r="AE1044">
        <v>40119.462059999998</v>
      </c>
      <c r="AF1044">
        <v>61654.714890000003</v>
      </c>
      <c r="AG1044">
        <v>33923.367639999997</v>
      </c>
      <c r="AH1044">
        <v>335179.05619999999</v>
      </c>
      <c r="AI1044">
        <v>113821.2635</v>
      </c>
      <c r="AJ1044">
        <v>32620.56423</v>
      </c>
      <c r="AK1044">
        <v>44044.20132</v>
      </c>
      <c r="AL1044">
        <v>97620.797300000006</v>
      </c>
      <c r="AM1044">
        <v>26356.642830000001</v>
      </c>
      <c r="AN1044">
        <v>124130.4783</v>
      </c>
      <c r="AO1044">
        <v>42201.179199999999</v>
      </c>
      <c r="AP1044">
        <v>28878.854070000001</v>
      </c>
    </row>
    <row r="1045" spans="2:42" x14ac:dyDescent="0.3">
      <c r="B1045">
        <v>66.512393326878112</v>
      </c>
      <c r="C1045" s="83">
        <v>43144.458333333336</v>
      </c>
      <c r="D1045">
        <v>314939.66480000003</v>
      </c>
      <c r="E1045">
        <v>42963.223319999997</v>
      </c>
      <c r="F1045">
        <v>90259.202929999999</v>
      </c>
      <c r="G1045">
        <v>95859.561960000006</v>
      </c>
      <c r="H1045">
        <v>62346.767529999997</v>
      </c>
      <c r="I1045">
        <v>45782.687879999998</v>
      </c>
      <c r="J1045">
        <v>39252.374620000002</v>
      </c>
      <c r="K1045">
        <v>67782.952910000007</v>
      </c>
      <c r="L1045">
        <v>34860.343110000002</v>
      </c>
      <c r="M1045">
        <v>339111.19870000001</v>
      </c>
      <c r="N1045">
        <v>111493.82090000001</v>
      </c>
      <c r="O1045">
        <v>32270.44642</v>
      </c>
      <c r="P1045">
        <v>43003.908159999999</v>
      </c>
      <c r="Q1045">
        <v>97026.544120000006</v>
      </c>
      <c r="R1045">
        <v>30467.1502</v>
      </c>
      <c r="S1045">
        <v>125681.36350000001</v>
      </c>
      <c r="T1045">
        <v>43341.488590000001</v>
      </c>
      <c r="U1045">
        <v>28847.700710000001</v>
      </c>
      <c r="W1045" s="83">
        <f>Bühler!N1077</f>
        <v>45335.458333330804</v>
      </c>
      <c r="X1045" s="83">
        <v>43144.458333333336</v>
      </c>
      <c r="Y1045">
        <v>314939.66480000003</v>
      </c>
      <c r="Z1045">
        <v>42963.223319999997</v>
      </c>
      <c r="AA1045">
        <v>90259.202929999999</v>
      </c>
      <c r="AB1045">
        <v>95859.561960000006</v>
      </c>
      <c r="AC1045">
        <v>62346.767529999997</v>
      </c>
      <c r="AD1045">
        <v>45782.687879999998</v>
      </c>
      <c r="AE1045">
        <v>39252.374620000002</v>
      </c>
      <c r="AF1045">
        <v>67782.952910000007</v>
      </c>
      <c r="AG1045">
        <v>34860.343110000002</v>
      </c>
      <c r="AH1045">
        <v>339111.19870000001</v>
      </c>
      <c r="AI1045">
        <v>111493.82090000001</v>
      </c>
      <c r="AJ1045">
        <v>32270.44642</v>
      </c>
      <c r="AK1045">
        <v>43003.908159999999</v>
      </c>
      <c r="AL1045">
        <v>97026.544120000006</v>
      </c>
      <c r="AM1045">
        <v>30467.1502</v>
      </c>
      <c r="AN1045">
        <v>125681.36350000001</v>
      </c>
      <c r="AO1045">
        <v>43341.488590000001</v>
      </c>
      <c r="AP1045">
        <v>28847.700710000001</v>
      </c>
    </row>
    <row r="1046" spans="2:42" x14ac:dyDescent="0.3">
      <c r="B1046">
        <v>65.630146098337079</v>
      </c>
      <c r="C1046" s="83">
        <v>43144.5</v>
      </c>
      <c r="D1046">
        <v>299035.83659999998</v>
      </c>
      <c r="E1046">
        <v>38609.426339999998</v>
      </c>
      <c r="F1046">
        <v>82464.142449999999</v>
      </c>
      <c r="G1046">
        <v>91856.012820000004</v>
      </c>
      <c r="H1046">
        <v>59075.424140000003</v>
      </c>
      <c r="I1046">
        <v>42568.151749999997</v>
      </c>
      <c r="J1046">
        <v>39645.207799999996</v>
      </c>
      <c r="K1046">
        <v>64436.990539999999</v>
      </c>
      <c r="L1046">
        <v>36779.590199999999</v>
      </c>
      <c r="M1046">
        <v>334613.09090000001</v>
      </c>
      <c r="N1046">
        <v>106915.49249999999</v>
      </c>
      <c r="O1046">
        <v>31073.251509999998</v>
      </c>
      <c r="P1046">
        <v>43568.011659999996</v>
      </c>
      <c r="Q1046">
        <v>94744.393620000003</v>
      </c>
      <c r="R1046">
        <v>29586.568960000001</v>
      </c>
      <c r="S1046">
        <v>118930.10279999999</v>
      </c>
      <c r="T1046">
        <v>43651.569259999997</v>
      </c>
      <c r="U1046">
        <v>25280.600689999999</v>
      </c>
      <c r="W1046" s="83">
        <f>Bühler!N1078</f>
        <v>45335.499999997468</v>
      </c>
      <c r="X1046" s="83">
        <v>43144.5</v>
      </c>
      <c r="Y1046">
        <v>299035.83659999998</v>
      </c>
      <c r="Z1046">
        <v>38609.426339999998</v>
      </c>
      <c r="AA1046">
        <v>82464.142449999999</v>
      </c>
      <c r="AB1046">
        <v>91856.012820000004</v>
      </c>
      <c r="AC1046">
        <v>59075.424140000003</v>
      </c>
      <c r="AD1046">
        <v>42568.151749999997</v>
      </c>
      <c r="AE1046">
        <v>39645.207799999996</v>
      </c>
      <c r="AF1046">
        <v>64436.990539999999</v>
      </c>
      <c r="AG1046">
        <v>36779.590199999999</v>
      </c>
      <c r="AH1046">
        <v>334613.09090000001</v>
      </c>
      <c r="AI1046">
        <v>106915.49249999999</v>
      </c>
      <c r="AJ1046">
        <v>31073.251509999998</v>
      </c>
      <c r="AK1046">
        <v>43568.011659999996</v>
      </c>
      <c r="AL1046">
        <v>94744.393620000003</v>
      </c>
      <c r="AM1046">
        <v>29586.568960000001</v>
      </c>
      <c r="AN1046">
        <v>118930.10279999999</v>
      </c>
      <c r="AO1046">
        <v>43651.569259999997</v>
      </c>
      <c r="AP1046">
        <v>25280.600689999999</v>
      </c>
    </row>
    <row r="1047" spans="2:42" x14ac:dyDescent="0.3">
      <c r="B1047">
        <v>64.575215568397184</v>
      </c>
      <c r="C1047" s="83">
        <v>43144.541666666664</v>
      </c>
      <c r="D1047">
        <v>300372.00079999998</v>
      </c>
      <c r="E1047">
        <v>38232.154829999999</v>
      </c>
      <c r="F1047">
        <v>78323.474300000002</v>
      </c>
      <c r="G1047">
        <v>90374.786460000003</v>
      </c>
      <c r="H1047">
        <v>58868.640820000001</v>
      </c>
      <c r="I1047">
        <v>41902.927589999999</v>
      </c>
      <c r="J1047">
        <v>38537.900750000001</v>
      </c>
      <c r="K1047">
        <v>64835.2817</v>
      </c>
      <c r="L1047">
        <v>34939.863510000003</v>
      </c>
      <c r="M1047">
        <v>329234.56310000003</v>
      </c>
      <c r="N1047">
        <v>105744.35920000001</v>
      </c>
      <c r="O1047">
        <v>30636.805100000001</v>
      </c>
      <c r="P1047">
        <v>41579.06955</v>
      </c>
      <c r="Q1047">
        <v>94576.882629999993</v>
      </c>
      <c r="R1047">
        <v>28915.346229999999</v>
      </c>
      <c r="S1047">
        <v>117120.4354</v>
      </c>
      <c r="T1047">
        <v>41786.535230000001</v>
      </c>
      <c r="U1047">
        <v>26688.414120000001</v>
      </c>
      <c r="W1047" s="83">
        <f>Bühler!N1079</f>
        <v>45335.541666664132</v>
      </c>
      <c r="X1047" s="83">
        <v>43144.541666666664</v>
      </c>
      <c r="Y1047">
        <v>300372.00079999998</v>
      </c>
      <c r="Z1047">
        <v>38232.154829999999</v>
      </c>
      <c r="AA1047">
        <v>78323.474300000002</v>
      </c>
      <c r="AB1047">
        <v>90374.786460000003</v>
      </c>
      <c r="AC1047">
        <v>58868.640820000001</v>
      </c>
      <c r="AD1047">
        <v>41902.927589999999</v>
      </c>
      <c r="AE1047">
        <v>38537.900750000001</v>
      </c>
      <c r="AF1047">
        <v>64835.2817</v>
      </c>
      <c r="AG1047">
        <v>34939.863510000003</v>
      </c>
      <c r="AH1047">
        <v>329234.56310000003</v>
      </c>
      <c r="AI1047">
        <v>105744.35920000001</v>
      </c>
      <c r="AJ1047">
        <v>30636.805100000001</v>
      </c>
      <c r="AK1047">
        <v>41579.06955</v>
      </c>
      <c r="AL1047">
        <v>94576.882629999993</v>
      </c>
      <c r="AM1047">
        <v>28915.346229999999</v>
      </c>
      <c r="AN1047">
        <v>117120.4354</v>
      </c>
      <c r="AO1047">
        <v>41786.535230000001</v>
      </c>
      <c r="AP1047">
        <v>26688.414120000001</v>
      </c>
    </row>
    <row r="1048" spans="2:42" x14ac:dyDescent="0.3">
      <c r="B1048">
        <v>65.069013375648041</v>
      </c>
      <c r="C1048" s="83">
        <v>43144.583333333336</v>
      </c>
      <c r="D1048">
        <v>303328.53220000002</v>
      </c>
      <c r="E1048">
        <v>40722.05732</v>
      </c>
      <c r="F1048">
        <v>85890.92138</v>
      </c>
      <c r="G1048">
        <v>85595.824389999994</v>
      </c>
      <c r="H1048">
        <v>58428.487350000003</v>
      </c>
      <c r="I1048">
        <v>42526.349699999999</v>
      </c>
      <c r="J1048">
        <v>36957.033239999997</v>
      </c>
      <c r="K1048">
        <v>66517.405790000004</v>
      </c>
      <c r="L1048">
        <v>31523.834780000001</v>
      </c>
      <c r="M1048">
        <v>331752.17460000003</v>
      </c>
      <c r="N1048">
        <v>107463.0307</v>
      </c>
      <c r="O1048">
        <v>30534.082190000001</v>
      </c>
      <c r="P1048">
        <v>37515.608260000001</v>
      </c>
      <c r="Q1048">
        <v>92943.632070000007</v>
      </c>
      <c r="R1048">
        <v>27406.631959999999</v>
      </c>
      <c r="S1048">
        <v>111241.23609999999</v>
      </c>
      <c r="T1048">
        <v>40055.278839999999</v>
      </c>
      <c r="U1048">
        <v>27277.39646</v>
      </c>
      <c r="W1048" s="83">
        <f>Bühler!N1080</f>
        <v>45335.583333330796</v>
      </c>
      <c r="X1048" s="83">
        <v>43144.583333333336</v>
      </c>
      <c r="Y1048">
        <v>303328.53220000002</v>
      </c>
      <c r="Z1048">
        <v>40722.05732</v>
      </c>
      <c r="AA1048">
        <v>85890.92138</v>
      </c>
      <c r="AB1048">
        <v>85595.824389999994</v>
      </c>
      <c r="AC1048">
        <v>58428.487350000003</v>
      </c>
      <c r="AD1048">
        <v>42526.349699999999</v>
      </c>
      <c r="AE1048">
        <v>36957.033239999997</v>
      </c>
      <c r="AF1048">
        <v>66517.405790000004</v>
      </c>
      <c r="AG1048">
        <v>31523.834780000001</v>
      </c>
      <c r="AH1048">
        <v>331752.17460000003</v>
      </c>
      <c r="AI1048">
        <v>107463.0307</v>
      </c>
      <c r="AJ1048">
        <v>30534.082190000001</v>
      </c>
      <c r="AK1048">
        <v>37515.608260000001</v>
      </c>
      <c r="AL1048">
        <v>92943.632070000007</v>
      </c>
      <c r="AM1048">
        <v>27406.631959999999</v>
      </c>
      <c r="AN1048">
        <v>111241.23609999999</v>
      </c>
      <c r="AO1048">
        <v>40055.278839999999</v>
      </c>
      <c r="AP1048">
        <v>27277.39646</v>
      </c>
    </row>
    <row r="1049" spans="2:42" x14ac:dyDescent="0.3">
      <c r="B1049">
        <v>64.354176627583513</v>
      </c>
      <c r="C1049" s="83">
        <v>43144.625</v>
      </c>
      <c r="D1049">
        <v>299753.83970000001</v>
      </c>
      <c r="E1049">
        <v>39997.048439999999</v>
      </c>
      <c r="F1049">
        <v>86702.064960000003</v>
      </c>
      <c r="G1049">
        <v>82869.459359999993</v>
      </c>
      <c r="H1049">
        <v>57255.267590000003</v>
      </c>
      <c r="I1049">
        <v>43647.139589999999</v>
      </c>
      <c r="J1049">
        <v>36307.249199999998</v>
      </c>
      <c r="K1049">
        <v>64912.287060000002</v>
      </c>
      <c r="L1049">
        <v>28105.624400000001</v>
      </c>
      <c r="M1049">
        <v>328107.60350000003</v>
      </c>
      <c r="N1049">
        <v>106771.3156</v>
      </c>
      <c r="O1049">
        <v>29871.591570000001</v>
      </c>
      <c r="P1049">
        <v>35777.204270000002</v>
      </c>
      <c r="Q1049">
        <v>92176.460560000007</v>
      </c>
      <c r="R1049">
        <v>26998.537789999998</v>
      </c>
      <c r="S1049">
        <v>108450.8202</v>
      </c>
      <c r="T1049">
        <v>39298.717819999998</v>
      </c>
      <c r="U1049">
        <v>26108.364280000002</v>
      </c>
      <c r="W1049" s="83">
        <f>Bühler!N1081</f>
        <v>45335.624999997461</v>
      </c>
      <c r="X1049" s="83">
        <v>43144.625</v>
      </c>
      <c r="Y1049">
        <v>299753.83970000001</v>
      </c>
      <c r="Z1049">
        <v>39997.048439999999</v>
      </c>
      <c r="AA1049">
        <v>86702.064960000003</v>
      </c>
      <c r="AB1049">
        <v>82869.459359999993</v>
      </c>
      <c r="AC1049">
        <v>57255.267590000003</v>
      </c>
      <c r="AD1049">
        <v>43647.139589999999</v>
      </c>
      <c r="AE1049">
        <v>36307.249199999998</v>
      </c>
      <c r="AF1049">
        <v>64912.287060000002</v>
      </c>
      <c r="AG1049">
        <v>28105.624400000001</v>
      </c>
      <c r="AH1049">
        <v>328107.60350000003</v>
      </c>
      <c r="AI1049">
        <v>106771.3156</v>
      </c>
      <c r="AJ1049">
        <v>29871.591570000001</v>
      </c>
      <c r="AK1049">
        <v>35777.204270000002</v>
      </c>
      <c r="AL1049">
        <v>92176.460560000007</v>
      </c>
      <c r="AM1049">
        <v>26998.537789999998</v>
      </c>
      <c r="AN1049">
        <v>108450.8202</v>
      </c>
      <c r="AO1049">
        <v>39298.717819999998</v>
      </c>
      <c r="AP1049">
        <v>26108.364280000002</v>
      </c>
    </row>
    <row r="1050" spans="2:42" x14ac:dyDescent="0.3">
      <c r="B1050">
        <v>62.615722922973923</v>
      </c>
      <c r="C1050" s="83">
        <v>43144.666666666664</v>
      </c>
      <c r="D1050">
        <v>293669.15110000002</v>
      </c>
      <c r="E1050">
        <v>39001.855199999998</v>
      </c>
      <c r="F1050">
        <v>86213.250920000006</v>
      </c>
      <c r="G1050">
        <v>78042.448990000004</v>
      </c>
      <c r="H1050">
        <v>54623.220289999997</v>
      </c>
      <c r="I1050">
        <v>44606.563370000003</v>
      </c>
      <c r="J1050">
        <v>35499.802790000002</v>
      </c>
      <c r="K1050">
        <v>60967.25056</v>
      </c>
      <c r="L1050">
        <v>27118.225920000001</v>
      </c>
      <c r="M1050">
        <v>319244.15580000001</v>
      </c>
      <c r="N1050">
        <v>100953.3532</v>
      </c>
      <c r="O1050">
        <v>29556.786759999999</v>
      </c>
      <c r="P1050">
        <v>35506.688249999999</v>
      </c>
      <c r="Q1050">
        <v>91094.000119999997</v>
      </c>
      <c r="R1050">
        <v>26866.580590000001</v>
      </c>
      <c r="S1050">
        <v>105907.9371</v>
      </c>
      <c r="T1050">
        <v>38518.346429999998</v>
      </c>
      <c r="U1050">
        <v>24228.75128</v>
      </c>
      <c r="W1050" s="83">
        <f>Bühler!N1082</f>
        <v>45335.666666664125</v>
      </c>
      <c r="X1050" s="83">
        <v>43144.666666666664</v>
      </c>
      <c r="Y1050">
        <v>293669.15110000002</v>
      </c>
      <c r="Z1050">
        <v>39001.855199999998</v>
      </c>
      <c r="AA1050">
        <v>86213.250920000006</v>
      </c>
      <c r="AB1050">
        <v>78042.448990000004</v>
      </c>
      <c r="AC1050">
        <v>54623.220289999997</v>
      </c>
      <c r="AD1050">
        <v>44606.563370000003</v>
      </c>
      <c r="AE1050">
        <v>35499.802790000002</v>
      </c>
      <c r="AF1050">
        <v>60967.25056</v>
      </c>
      <c r="AG1050">
        <v>27118.225920000001</v>
      </c>
      <c r="AH1050">
        <v>319244.15580000001</v>
      </c>
      <c r="AI1050">
        <v>100953.3532</v>
      </c>
      <c r="AJ1050">
        <v>29556.786759999999</v>
      </c>
      <c r="AK1050">
        <v>35506.688249999999</v>
      </c>
      <c r="AL1050">
        <v>91094.000119999997</v>
      </c>
      <c r="AM1050">
        <v>26866.580590000001</v>
      </c>
      <c r="AN1050">
        <v>105907.9371</v>
      </c>
      <c r="AO1050">
        <v>38518.346429999998</v>
      </c>
      <c r="AP1050">
        <v>24228.75128</v>
      </c>
    </row>
    <row r="1051" spans="2:42" x14ac:dyDescent="0.3">
      <c r="B1051">
        <v>61.948696022744237</v>
      </c>
      <c r="C1051" s="83">
        <v>43144.708333333336</v>
      </c>
      <c r="D1051">
        <v>284105.9118</v>
      </c>
      <c r="E1051">
        <v>37165.60961</v>
      </c>
      <c r="F1051">
        <v>86797.182570000004</v>
      </c>
      <c r="G1051">
        <v>71258.478260000004</v>
      </c>
      <c r="H1051">
        <v>52277.716379999998</v>
      </c>
      <c r="I1051">
        <v>43937.101369999997</v>
      </c>
      <c r="J1051">
        <v>35685.411690000001</v>
      </c>
      <c r="K1051">
        <v>55792.276120000002</v>
      </c>
      <c r="L1051">
        <v>27304.484670000002</v>
      </c>
      <c r="M1051">
        <v>315843.34159999999</v>
      </c>
      <c r="N1051">
        <v>90655.709499999997</v>
      </c>
      <c r="O1051">
        <v>29093.719430000001</v>
      </c>
      <c r="P1051">
        <v>39508.995470000002</v>
      </c>
      <c r="Q1051">
        <v>89751.203250000006</v>
      </c>
      <c r="R1051">
        <v>27493.157019999999</v>
      </c>
      <c r="S1051">
        <v>103542.70209999999</v>
      </c>
      <c r="T1051">
        <v>37830.970280000001</v>
      </c>
      <c r="U1051">
        <v>22271.50302</v>
      </c>
      <c r="W1051" s="83">
        <f>Bühler!N1083</f>
        <v>45335.708333330789</v>
      </c>
      <c r="X1051" s="83">
        <v>43144.708333333336</v>
      </c>
      <c r="Y1051">
        <v>284105.9118</v>
      </c>
      <c r="Z1051">
        <v>37165.60961</v>
      </c>
      <c r="AA1051">
        <v>86797.182570000004</v>
      </c>
      <c r="AB1051">
        <v>71258.478260000004</v>
      </c>
      <c r="AC1051">
        <v>52277.716379999998</v>
      </c>
      <c r="AD1051">
        <v>43937.101369999997</v>
      </c>
      <c r="AE1051">
        <v>35685.411690000001</v>
      </c>
      <c r="AF1051">
        <v>55792.276120000002</v>
      </c>
      <c r="AG1051">
        <v>27304.484670000002</v>
      </c>
      <c r="AH1051">
        <v>315843.34159999999</v>
      </c>
      <c r="AI1051">
        <v>90655.709499999997</v>
      </c>
      <c r="AJ1051">
        <v>29093.719430000001</v>
      </c>
      <c r="AK1051">
        <v>39508.995470000002</v>
      </c>
      <c r="AL1051">
        <v>89751.203250000006</v>
      </c>
      <c r="AM1051">
        <v>27493.157019999999</v>
      </c>
      <c r="AN1051">
        <v>103542.70209999999</v>
      </c>
      <c r="AO1051">
        <v>37830.970280000001</v>
      </c>
      <c r="AP1051">
        <v>22271.50302</v>
      </c>
    </row>
    <row r="1052" spans="2:42" x14ac:dyDescent="0.3">
      <c r="B1052">
        <v>60.244700111560547</v>
      </c>
      <c r="C1052" s="83">
        <v>43144.75</v>
      </c>
      <c r="D1052">
        <v>277710.82290000003</v>
      </c>
      <c r="E1052">
        <v>34307.131410000002</v>
      </c>
      <c r="F1052">
        <v>84677.107189999995</v>
      </c>
      <c r="G1052">
        <v>64447.150390000003</v>
      </c>
      <c r="H1052">
        <v>51384.54477</v>
      </c>
      <c r="I1052">
        <v>43080.534359999998</v>
      </c>
      <c r="J1052">
        <v>38007.15425</v>
      </c>
      <c r="K1052">
        <v>49239.331870000002</v>
      </c>
      <c r="L1052">
        <v>29895.754819999998</v>
      </c>
      <c r="M1052">
        <v>307155.57579999999</v>
      </c>
      <c r="N1052">
        <v>86887.191019999998</v>
      </c>
      <c r="O1052">
        <v>28204.605360000001</v>
      </c>
      <c r="P1052">
        <v>43430.715100000001</v>
      </c>
      <c r="Q1052">
        <v>88226.792830000006</v>
      </c>
      <c r="R1052">
        <v>23338.021629999999</v>
      </c>
      <c r="S1052">
        <v>100173.1413</v>
      </c>
      <c r="T1052">
        <v>39399.941059999997</v>
      </c>
      <c r="U1052">
        <v>21322.467189999999</v>
      </c>
      <c r="W1052" s="83">
        <f>Bühler!N1084</f>
        <v>45335.749999997453</v>
      </c>
      <c r="X1052" s="83">
        <v>43144.75</v>
      </c>
      <c r="Y1052">
        <v>277710.82290000003</v>
      </c>
      <c r="Z1052">
        <v>34307.131410000002</v>
      </c>
      <c r="AA1052">
        <v>84677.107189999995</v>
      </c>
      <c r="AB1052">
        <v>64447.150390000003</v>
      </c>
      <c r="AC1052">
        <v>51384.54477</v>
      </c>
      <c r="AD1052">
        <v>43080.534359999998</v>
      </c>
      <c r="AE1052">
        <v>38007.15425</v>
      </c>
      <c r="AF1052">
        <v>49239.331870000002</v>
      </c>
      <c r="AG1052">
        <v>29895.754819999998</v>
      </c>
      <c r="AH1052">
        <v>307155.57579999999</v>
      </c>
      <c r="AI1052">
        <v>86887.191019999998</v>
      </c>
      <c r="AJ1052">
        <v>28204.605360000001</v>
      </c>
      <c r="AK1052">
        <v>43430.715100000001</v>
      </c>
      <c r="AL1052">
        <v>88226.792830000006</v>
      </c>
      <c r="AM1052">
        <v>23338.021629999999</v>
      </c>
      <c r="AN1052">
        <v>100173.1413</v>
      </c>
      <c r="AO1052">
        <v>39399.941059999997</v>
      </c>
      <c r="AP1052">
        <v>21322.467189999999</v>
      </c>
    </row>
    <row r="1053" spans="2:42" x14ac:dyDescent="0.3">
      <c r="B1053">
        <v>58.835806766342401</v>
      </c>
      <c r="C1053" s="83">
        <v>43144.791666666664</v>
      </c>
      <c r="D1053">
        <v>271750.45380000002</v>
      </c>
      <c r="E1053">
        <v>28553.170109999999</v>
      </c>
      <c r="F1053">
        <v>72693.295060000004</v>
      </c>
      <c r="G1053">
        <v>57730.763599999998</v>
      </c>
      <c r="H1053">
        <v>49377.70364</v>
      </c>
      <c r="I1053">
        <v>40298.514040000002</v>
      </c>
      <c r="J1053">
        <v>38252.694689999997</v>
      </c>
      <c r="K1053">
        <v>49243.910049999999</v>
      </c>
      <c r="L1053">
        <v>31291.871019999999</v>
      </c>
      <c r="M1053">
        <v>299972.38050000003</v>
      </c>
      <c r="N1053">
        <v>85540.509059999997</v>
      </c>
      <c r="O1053">
        <v>26831.318240000001</v>
      </c>
      <c r="P1053">
        <v>46037.478170000002</v>
      </c>
      <c r="Q1053">
        <v>86576.635880000002</v>
      </c>
      <c r="R1053">
        <v>22843.527760000001</v>
      </c>
      <c r="S1053">
        <v>95863.151960000003</v>
      </c>
      <c r="T1053">
        <v>40512.064160000002</v>
      </c>
      <c r="U1053">
        <v>19999.797470000001</v>
      </c>
      <c r="W1053" s="83">
        <f>Bühler!N1085</f>
        <v>45335.791666664118</v>
      </c>
      <c r="X1053" s="83">
        <v>43144.791666666664</v>
      </c>
      <c r="Y1053">
        <v>271750.45380000002</v>
      </c>
      <c r="Z1053">
        <v>28553.170109999999</v>
      </c>
      <c r="AA1053">
        <v>72693.295060000004</v>
      </c>
      <c r="AB1053">
        <v>57730.763599999998</v>
      </c>
      <c r="AC1053">
        <v>49377.70364</v>
      </c>
      <c r="AD1053">
        <v>40298.514040000002</v>
      </c>
      <c r="AE1053">
        <v>38252.694689999997</v>
      </c>
      <c r="AF1053">
        <v>49243.910049999999</v>
      </c>
      <c r="AG1053">
        <v>31291.871019999999</v>
      </c>
      <c r="AH1053">
        <v>299972.38050000003</v>
      </c>
      <c r="AI1053">
        <v>85540.509059999997</v>
      </c>
      <c r="AJ1053">
        <v>26831.318240000001</v>
      </c>
      <c r="AK1053">
        <v>46037.478170000002</v>
      </c>
      <c r="AL1053">
        <v>86576.635880000002</v>
      </c>
      <c r="AM1053">
        <v>22843.527760000001</v>
      </c>
      <c r="AN1053">
        <v>95863.151960000003</v>
      </c>
      <c r="AO1053">
        <v>40512.064160000002</v>
      </c>
      <c r="AP1053">
        <v>19999.797470000001</v>
      </c>
    </row>
    <row r="1054" spans="2:42" x14ac:dyDescent="0.3">
      <c r="B1054">
        <v>57.651243351595305</v>
      </c>
      <c r="C1054" s="83">
        <v>43144.833333333336</v>
      </c>
      <c r="D1054">
        <v>265010.51049999997</v>
      </c>
      <c r="E1054">
        <v>22365.369050000001</v>
      </c>
      <c r="F1054">
        <v>56832.915359999999</v>
      </c>
      <c r="G1054">
        <v>51623.577060000003</v>
      </c>
      <c r="H1054">
        <v>46610.439030000001</v>
      </c>
      <c r="I1054">
        <v>35681.235860000001</v>
      </c>
      <c r="J1054">
        <v>37224.807139999997</v>
      </c>
      <c r="K1054">
        <v>55644.099710000002</v>
      </c>
      <c r="L1054">
        <v>29862.315600000002</v>
      </c>
      <c r="M1054">
        <v>293932.92379999999</v>
      </c>
      <c r="N1054">
        <v>83882.335709999999</v>
      </c>
      <c r="O1054">
        <v>25866.46113</v>
      </c>
      <c r="P1054">
        <v>44860.473709999998</v>
      </c>
      <c r="Q1054">
        <v>84380.651629999993</v>
      </c>
      <c r="R1054">
        <v>24480.48155</v>
      </c>
      <c r="S1054">
        <v>87197.367010000002</v>
      </c>
      <c r="T1054">
        <v>38785.262649999997</v>
      </c>
      <c r="U1054">
        <v>18910.074700000001</v>
      </c>
      <c r="W1054" s="83">
        <f>Bühler!N1086</f>
        <v>45335.833333330782</v>
      </c>
      <c r="X1054" s="83">
        <v>43144.833333333336</v>
      </c>
      <c r="Y1054">
        <v>265010.51049999997</v>
      </c>
      <c r="Z1054">
        <v>22365.369050000001</v>
      </c>
      <c r="AA1054">
        <v>56832.915359999999</v>
      </c>
      <c r="AB1054">
        <v>51623.577060000003</v>
      </c>
      <c r="AC1054">
        <v>46610.439030000001</v>
      </c>
      <c r="AD1054">
        <v>35681.235860000001</v>
      </c>
      <c r="AE1054">
        <v>37224.807139999997</v>
      </c>
      <c r="AF1054">
        <v>55644.099710000002</v>
      </c>
      <c r="AG1054">
        <v>29862.315600000002</v>
      </c>
      <c r="AH1054">
        <v>293932.92379999999</v>
      </c>
      <c r="AI1054">
        <v>83882.335709999999</v>
      </c>
      <c r="AJ1054">
        <v>25866.46113</v>
      </c>
      <c r="AK1054">
        <v>44860.473709999998</v>
      </c>
      <c r="AL1054">
        <v>84380.651629999993</v>
      </c>
      <c r="AM1054">
        <v>24480.48155</v>
      </c>
      <c r="AN1054">
        <v>87197.367010000002</v>
      </c>
      <c r="AO1054">
        <v>38785.262649999997</v>
      </c>
      <c r="AP1054">
        <v>18910.074700000001</v>
      </c>
    </row>
    <row r="1055" spans="2:42" x14ac:dyDescent="0.3">
      <c r="B1055">
        <v>55.98674922123984</v>
      </c>
      <c r="C1055" s="83">
        <v>43144.875</v>
      </c>
      <c r="D1055">
        <v>255216.6011</v>
      </c>
      <c r="E1055">
        <v>19531.142159999999</v>
      </c>
      <c r="F1055">
        <v>50122.060169999997</v>
      </c>
      <c r="G1055">
        <v>48505.438990000002</v>
      </c>
      <c r="H1055">
        <v>43933.696810000001</v>
      </c>
      <c r="I1055">
        <v>30895.201489999999</v>
      </c>
      <c r="J1055">
        <v>36040.965129999997</v>
      </c>
      <c r="K1055">
        <v>54715.786719999996</v>
      </c>
      <c r="L1055">
        <v>28277.713090000001</v>
      </c>
      <c r="M1055">
        <v>285446.55650000001</v>
      </c>
      <c r="N1055">
        <v>82949.702520000006</v>
      </c>
      <c r="O1055">
        <v>24397.146939999999</v>
      </c>
      <c r="P1055">
        <v>43363.574379999998</v>
      </c>
      <c r="Q1055">
        <v>81753.887799999997</v>
      </c>
      <c r="R1055">
        <v>22692.553039999999</v>
      </c>
      <c r="S1055">
        <v>82640.572180000003</v>
      </c>
      <c r="T1055">
        <v>35431.10194</v>
      </c>
      <c r="U1055">
        <v>17654.969089999999</v>
      </c>
      <c r="W1055" s="83">
        <f>Bühler!N1087</f>
        <v>45335.874999997446</v>
      </c>
      <c r="X1055" s="83">
        <v>43144.875</v>
      </c>
      <c r="Y1055">
        <v>255216.6011</v>
      </c>
      <c r="Z1055">
        <v>19531.142159999999</v>
      </c>
      <c r="AA1055">
        <v>50122.060169999997</v>
      </c>
      <c r="AB1055">
        <v>48505.438990000002</v>
      </c>
      <c r="AC1055">
        <v>43933.696810000001</v>
      </c>
      <c r="AD1055">
        <v>30895.201489999999</v>
      </c>
      <c r="AE1055">
        <v>36040.965129999997</v>
      </c>
      <c r="AF1055">
        <v>54715.786719999996</v>
      </c>
      <c r="AG1055">
        <v>28277.713090000001</v>
      </c>
      <c r="AH1055">
        <v>285446.55650000001</v>
      </c>
      <c r="AI1055">
        <v>82949.702520000006</v>
      </c>
      <c r="AJ1055">
        <v>24397.146939999999</v>
      </c>
      <c r="AK1055">
        <v>43363.574379999998</v>
      </c>
      <c r="AL1055">
        <v>81753.887799999997</v>
      </c>
      <c r="AM1055">
        <v>22692.553039999999</v>
      </c>
      <c r="AN1055">
        <v>82640.572180000003</v>
      </c>
      <c r="AO1055">
        <v>35431.10194</v>
      </c>
      <c r="AP1055">
        <v>17654.969089999999</v>
      </c>
    </row>
    <row r="1056" spans="2:42" x14ac:dyDescent="0.3">
      <c r="B1056">
        <v>55.892646746530559</v>
      </c>
      <c r="C1056" s="83">
        <v>43144.916666666664</v>
      </c>
      <c r="D1056">
        <v>254160.99110000001</v>
      </c>
      <c r="E1056">
        <v>19108.212149999999</v>
      </c>
      <c r="F1056">
        <v>48437.081200000001</v>
      </c>
      <c r="G1056">
        <v>46929.125849999997</v>
      </c>
      <c r="H1056">
        <v>43543.020629999999</v>
      </c>
      <c r="I1056">
        <v>29768.967540000001</v>
      </c>
      <c r="J1056">
        <v>34879.878019999996</v>
      </c>
      <c r="K1056">
        <v>56230.619480000001</v>
      </c>
      <c r="L1056">
        <v>25767.57113</v>
      </c>
      <c r="M1056">
        <v>284966.7782</v>
      </c>
      <c r="N1056">
        <v>82195.631940000007</v>
      </c>
      <c r="O1056">
        <v>25885.014149999999</v>
      </c>
      <c r="P1056">
        <v>44381.336799999997</v>
      </c>
      <c r="Q1056">
        <v>81837.206409999999</v>
      </c>
      <c r="R1056">
        <v>32493.31799</v>
      </c>
      <c r="S1056">
        <v>82046.796830000007</v>
      </c>
      <c r="T1056">
        <v>31381.269619999999</v>
      </c>
      <c r="U1056">
        <v>19445.654900000001</v>
      </c>
      <c r="W1056" s="83">
        <f>Bühler!N1088</f>
        <v>45335.91666666411</v>
      </c>
      <c r="X1056" s="83">
        <v>43144.916666666664</v>
      </c>
      <c r="Y1056">
        <v>254160.99110000001</v>
      </c>
      <c r="Z1056">
        <v>19108.212149999999</v>
      </c>
      <c r="AA1056">
        <v>48437.081200000001</v>
      </c>
      <c r="AB1056">
        <v>46929.125849999997</v>
      </c>
      <c r="AC1056">
        <v>43543.020629999999</v>
      </c>
      <c r="AD1056">
        <v>29768.967540000001</v>
      </c>
      <c r="AE1056">
        <v>34879.878019999996</v>
      </c>
      <c r="AF1056">
        <v>56230.619480000001</v>
      </c>
      <c r="AG1056">
        <v>25767.57113</v>
      </c>
      <c r="AH1056">
        <v>284966.7782</v>
      </c>
      <c r="AI1056">
        <v>82195.631940000007</v>
      </c>
      <c r="AJ1056">
        <v>25885.014149999999</v>
      </c>
      <c r="AK1056">
        <v>44381.336799999997</v>
      </c>
      <c r="AL1056">
        <v>81837.206409999999</v>
      </c>
      <c r="AM1056">
        <v>32493.31799</v>
      </c>
      <c r="AN1056">
        <v>82046.796830000007</v>
      </c>
      <c r="AO1056">
        <v>31381.269619999999</v>
      </c>
      <c r="AP1056">
        <v>19445.654900000001</v>
      </c>
    </row>
    <row r="1057" spans="2:42" x14ac:dyDescent="0.3">
      <c r="B1057">
        <v>54.820642631288408</v>
      </c>
      <c r="C1057" s="83">
        <v>43144.958333333336</v>
      </c>
      <c r="D1057">
        <v>254035.42879999999</v>
      </c>
      <c r="E1057">
        <v>18847.135890000001</v>
      </c>
      <c r="F1057">
        <v>46897.193379999997</v>
      </c>
      <c r="G1057">
        <v>45883.242819999999</v>
      </c>
      <c r="H1057">
        <v>42419.138550000003</v>
      </c>
      <c r="I1057">
        <v>28653.272870000001</v>
      </c>
      <c r="J1057">
        <v>32573.489949999999</v>
      </c>
      <c r="K1057">
        <v>56393.227509999997</v>
      </c>
      <c r="L1057">
        <v>22180.574089999998</v>
      </c>
      <c r="M1057">
        <v>279501.20130000002</v>
      </c>
      <c r="N1057">
        <v>81636.376869999993</v>
      </c>
      <c r="O1057">
        <v>26065.44486</v>
      </c>
      <c r="P1057">
        <v>41044.109519999998</v>
      </c>
      <c r="Q1057">
        <v>82115.546199999997</v>
      </c>
      <c r="R1057">
        <v>34055.70349</v>
      </c>
      <c r="S1057">
        <v>80375.882299999997</v>
      </c>
      <c r="T1057">
        <v>31565.211599999999</v>
      </c>
      <c r="U1057">
        <v>19223.381509999999</v>
      </c>
      <c r="W1057" s="83">
        <f>Bühler!N1089</f>
        <v>45335.958333330775</v>
      </c>
      <c r="X1057" s="83">
        <v>43144.958333333336</v>
      </c>
      <c r="Y1057">
        <v>254035.42879999999</v>
      </c>
      <c r="Z1057">
        <v>18847.135890000001</v>
      </c>
      <c r="AA1057">
        <v>46897.193379999997</v>
      </c>
      <c r="AB1057">
        <v>45883.242819999999</v>
      </c>
      <c r="AC1057">
        <v>42419.138550000003</v>
      </c>
      <c r="AD1057">
        <v>28653.272870000001</v>
      </c>
      <c r="AE1057">
        <v>32573.489949999999</v>
      </c>
      <c r="AF1057">
        <v>56393.227509999997</v>
      </c>
      <c r="AG1057">
        <v>22180.574089999998</v>
      </c>
      <c r="AH1057">
        <v>279501.20130000002</v>
      </c>
      <c r="AI1057">
        <v>81636.376869999993</v>
      </c>
      <c r="AJ1057">
        <v>26065.44486</v>
      </c>
      <c r="AK1057">
        <v>41044.109519999998</v>
      </c>
      <c r="AL1057">
        <v>82115.546199999997</v>
      </c>
      <c r="AM1057">
        <v>34055.70349</v>
      </c>
      <c r="AN1057">
        <v>80375.882299999997</v>
      </c>
      <c r="AO1057">
        <v>31565.211599999999</v>
      </c>
      <c r="AP1057">
        <v>19223.381509999999</v>
      </c>
    </row>
    <row r="1058" spans="2:42" x14ac:dyDescent="0.3">
      <c r="B1058">
        <v>53.917953039689628</v>
      </c>
      <c r="C1058" s="83">
        <v>43145</v>
      </c>
      <c r="D1058">
        <v>254079.7812</v>
      </c>
      <c r="E1058">
        <v>18641.261930000001</v>
      </c>
      <c r="F1058">
        <v>46787.070780000002</v>
      </c>
      <c r="G1058">
        <v>45355.382969999999</v>
      </c>
      <c r="H1058">
        <v>42188.009259999999</v>
      </c>
      <c r="I1058">
        <v>26820.82446</v>
      </c>
      <c r="J1058">
        <v>30558.733359999998</v>
      </c>
      <c r="K1058">
        <v>53877.600250000003</v>
      </c>
      <c r="L1058">
        <v>20460.18795</v>
      </c>
      <c r="M1058">
        <v>274898.8688</v>
      </c>
      <c r="N1058">
        <v>80495.617129999999</v>
      </c>
      <c r="O1058">
        <v>25351.93348</v>
      </c>
      <c r="P1058">
        <v>38135.254780000003</v>
      </c>
      <c r="Q1058">
        <v>81779.124880000003</v>
      </c>
      <c r="R1058">
        <v>30616.06927</v>
      </c>
      <c r="S1058">
        <v>80050.955849999998</v>
      </c>
      <c r="T1058">
        <v>29685.955740000001</v>
      </c>
      <c r="U1058">
        <v>18529.63204</v>
      </c>
      <c r="W1058" s="83">
        <f>Bühler!N1090</f>
        <v>45335.999999997439</v>
      </c>
      <c r="X1058" s="83">
        <v>43145</v>
      </c>
      <c r="Y1058">
        <v>254079.7812</v>
      </c>
      <c r="Z1058">
        <v>18641.261930000001</v>
      </c>
      <c r="AA1058">
        <v>46787.070780000002</v>
      </c>
      <c r="AB1058">
        <v>45355.382969999999</v>
      </c>
      <c r="AC1058">
        <v>42188.009259999999</v>
      </c>
      <c r="AD1058">
        <v>26820.82446</v>
      </c>
      <c r="AE1058">
        <v>30558.733359999998</v>
      </c>
      <c r="AF1058">
        <v>53877.600250000003</v>
      </c>
      <c r="AG1058">
        <v>20460.18795</v>
      </c>
      <c r="AH1058">
        <v>274898.8688</v>
      </c>
      <c r="AI1058">
        <v>80495.617129999999</v>
      </c>
      <c r="AJ1058">
        <v>25351.93348</v>
      </c>
      <c r="AK1058">
        <v>38135.254780000003</v>
      </c>
      <c r="AL1058">
        <v>81779.124880000003</v>
      </c>
      <c r="AM1058">
        <v>30616.06927</v>
      </c>
      <c r="AN1058">
        <v>80050.955849999998</v>
      </c>
      <c r="AO1058">
        <v>29685.955740000001</v>
      </c>
      <c r="AP1058">
        <v>18529.63204</v>
      </c>
    </row>
    <row r="1059" spans="2:42" x14ac:dyDescent="0.3">
      <c r="B1059">
        <v>55.438875270005987</v>
      </c>
      <c r="C1059" s="83">
        <v>43145.041666666664</v>
      </c>
      <c r="D1059">
        <v>254321.24069999999</v>
      </c>
      <c r="E1059">
        <v>19130.599050000001</v>
      </c>
      <c r="F1059">
        <v>50361.61047</v>
      </c>
      <c r="G1059">
        <v>45458.087890000003</v>
      </c>
      <c r="H1059">
        <v>42899.944329999998</v>
      </c>
      <c r="I1059">
        <v>23539.371159999999</v>
      </c>
      <c r="J1059">
        <v>34113.635260000003</v>
      </c>
      <c r="K1059">
        <v>52585.212469999999</v>
      </c>
      <c r="L1059">
        <v>20380.510969999999</v>
      </c>
      <c r="M1059">
        <v>282653.23959999997</v>
      </c>
      <c r="N1059">
        <v>82255.942540000004</v>
      </c>
      <c r="O1059">
        <v>25652.710729999999</v>
      </c>
      <c r="P1059">
        <v>36397.646800000002</v>
      </c>
      <c r="Q1059">
        <v>82968.83958</v>
      </c>
      <c r="R1059">
        <v>28754.240419999998</v>
      </c>
      <c r="S1059">
        <v>85250.035839999997</v>
      </c>
      <c r="T1059">
        <v>30110.375499999998</v>
      </c>
      <c r="U1059">
        <v>19197.444479999998</v>
      </c>
      <c r="W1059" s="83">
        <f>Bühler!N1091</f>
        <v>45336.041666664103</v>
      </c>
      <c r="X1059" s="83">
        <v>43145.041666666664</v>
      </c>
      <c r="Y1059">
        <v>254321.24069999999</v>
      </c>
      <c r="Z1059">
        <v>19130.599050000001</v>
      </c>
      <c r="AA1059">
        <v>50361.61047</v>
      </c>
      <c r="AB1059">
        <v>45458.087890000003</v>
      </c>
      <c r="AC1059">
        <v>42899.944329999998</v>
      </c>
      <c r="AD1059">
        <v>23539.371159999999</v>
      </c>
      <c r="AE1059">
        <v>34113.635260000003</v>
      </c>
      <c r="AF1059">
        <v>52585.212469999999</v>
      </c>
      <c r="AG1059">
        <v>20380.510969999999</v>
      </c>
      <c r="AH1059">
        <v>282653.23959999997</v>
      </c>
      <c r="AI1059">
        <v>82255.942540000004</v>
      </c>
      <c r="AJ1059">
        <v>25652.710729999999</v>
      </c>
      <c r="AK1059">
        <v>36397.646800000002</v>
      </c>
      <c r="AL1059">
        <v>82968.83958</v>
      </c>
      <c r="AM1059">
        <v>28754.240419999998</v>
      </c>
      <c r="AN1059">
        <v>85250.035839999997</v>
      </c>
      <c r="AO1059">
        <v>30110.375499999998</v>
      </c>
      <c r="AP1059">
        <v>19197.444479999998</v>
      </c>
    </row>
    <row r="1060" spans="2:42" x14ac:dyDescent="0.3">
      <c r="B1060">
        <v>55.9310800491862</v>
      </c>
      <c r="C1060" s="83">
        <v>43145.083333333336</v>
      </c>
      <c r="D1060">
        <v>254117.7524</v>
      </c>
      <c r="E1060">
        <v>19075.240760000001</v>
      </c>
      <c r="F1060">
        <v>52308.275260000002</v>
      </c>
      <c r="G1060">
        <v>45118.690260000003</v>
      </c>
      <c r="H1060">
        <v>42635.892800000001</v>
      </c>
      <c r="I1060">
        <v>21924.386709999999</v>
      </c>
      <c r="J1060">
        <v>34917.159599999999</v>
      </c>
      <c r="K1060">
        <v>51016.785949999998</v>
      </c>
      <c r="L1060">
        <v>20239.99224</v>
      </c>
      <c r="M1060">
        <v>285162.7291</v>
      </c>
      <c r="N1060">
        <v>83142.659280000007</v>
      </c>
      <c r="O1060">
        <v>25700.17165</v>
      </c>
      <c r="P1060">
        <v>35263.536010000003</v>
      </c>
      <c r="Q1060">
        <v>84559.493059999993</v>
      </c>
      <c r="R1060">
        <v>29171.81422</v>
      </c>
      <c r="S1060">
        <v>85838.988299999997</v>
      </c>
      <c r="T1060">
        <v>28965.926800000001</v>
      </c>
      <c r="U1060">
        <v>19774.692149999999</v>
      </c>
      <c r="W1060" s="83">
        <f>Bühler!N1092</f>
        <v>45336.083333330767</v>
      </c>
      <c r="X1060" s="83">
        <v>43145.083333333336</v>
      </c>
      <c r="Y1060">
        <v>254117.7524</v>
      </c>
      <c r="Z1060">
        <v>19075.240760000001</v>
      </c>
      <c r="AA1060">
        <v>52308.275260000002</v>
      </c>
      <c r="AB1060">
        <v>45118.690260000003</v>
      </c>
      <c r="AC1060">
        <v>42635.892800000001</v>
      </c>
      <c r="AD1060">
        <v>21924.386709999999</v>
      </c>
      <c r="AE1060">
        <v>34917.159599999999</v>
      </c>
      <c r="AF1060">
        <v>51016.785949999998</v>
      </c>
      <c r="AG1060">
        <v>20239.99224</v>
      </c>
      <c r="AH1060">
        <v>285162.7291</v>
      </c>
      <c r="AI1060">
        <v>83142.659280000007</v>
      </c>
      <c r="AJ1060">
        <v>25700.17165</v>
      </c>
      <c r="AK1060">
        <v>35263.536010000003</v>
      </c>
      <c r="AL1060">
        <v>84559.493059999993</v>
      </c>
      <c r="AM1060">
        <v>29171.81422</v>
      </c>
      <c r="AN1060">
        <v>85838.988299999997</v>
      </c>
      <c r="AO1060">
        <v>28965.926800000001</v>
      </c>
      <c r="AP1060">
        <v>19774.692149999999</v>
      </c>
    </row>
    <row r="1061" spans="2:42" x14ac:dyDescent="0.3">
      <c r="B1061">
        <v>55.829011237685449</v>
      </c>
      <c r="C1061" s="83">
        <v>43145.125</v>
      </c>
      <c r="D1061">
        <v>256089.5882</v>
      </c>
      <c r="E1061">
        <v>19102.473969999999</v>
      </c>
      <c r="F1061">
        <v>53737.777759999997</v>
      </c>
      <c r="G1061">
        <v>44347.078479999996</v>
      </c>
      <c r="H1061">
        <v>43016.70379</v>
      </c>
      <c r="I1061">
        <v>21836.381969999999</v>
      </c>
      <c r="J1061">
        <v>35489.678440000003</v>
      </c>
      <c r="K1061">
        <v>49605.993119999999</v>
      </c>
      <c r="L1061">
        <v>20218.757880000001</v>
      </c>
      <c r="M1061">
        <v>284642.33470000001</v>
      </c>
      <c r="N1061">
        <v>81968.766189999995</v>
      </c>
      <c r="O1061">
        <v>25791.22539</v>
      </c>
      <c r="P1061">
        <v>34449.274949999999</v>
      </c>
      <c r="Q1061">
        <v>86386.992570000002</v>
      </c>
      <c r="R1061">
        <v>28945.003710000001</v>
      </c>
      <c r="S1061">
        <v>84870.080379999999</v>
      </c>
      <c r="T1061">
        <v>29778.04089</v>
      </c>
      <c r="U1061">
        <v>20002.096989999998</v>
      </c>
      <c r="W1061" s="83">
        <f>Bühler!N1093</f>
        <v>45336.124999997432</v>
      </c>
      <c r="X1061" s="83">
        <v>43145.125</v>
      </c>
      <c r="Y1061">
        <v>256089.5882</v>
      </c>
      <c r="Z1061">
        <v>19102.473969999999</v>
      </c>
      <c r="AA1061">
        <v>53737.777759999997</v>
      </c>
      <c r="AB1061">
        <v>44347.078479999996</v>
      </c>
      <c r="AC1061">
        <v>43016.70379</v>
      </c>
      <c r="AD1061">
        <v>21836.381969999999</v>
      </c>
      <c r="AE1061">
        <v>35489.678440000003</v>
      </c>
      <c r="AF1061">
        <v>49605.993119999999</v>
      </c>
      <c r="AG1061">
        <v>20218.757880000001</v>
      </c>
      <c r="AH1061">
        <v>284642.33470000001</v>
      </c>
      <c r="AI1061">
        <v>81968.766189999995</v>
      </c>
      <c r="AJ1061">
        <v>25791.22539</v>
      </c>
      <c r="AK1061">
        <v>34449.274949999999</v>
      </c>
      <c r="AL1061">
        <v>86386.992570000002</v>
      </c>
      <c r="AM1061">
        <v>28945.003710000001</v>
      </c>
      <c r="AN1061">
        <v>84870.080379999999</v>
      </c>
      <c r="AO1061">
        <v>29778.04089</v>
      </c>
      <c r="AP1061">
        <v>20002.096989999998</v>
      </c>
    </row>
    <row r="1062" spans="2:42" x14ac:dyDescent="0.3">
      <c r="B1062">
        <v>56.73821115960196</v>
      </c>
      <c r="C1062" s="83">
        <v>43145.166666666664</v>
      </c>
      <c r="D1062">
        <v>259902.5906</v>
      </c>
      <c r="E1062">
        <v>19811.68636</v>
      </c>
      <c r="F1062">
        <v>57648.989979999998</v>
      </c>
      <c r="G1062">
        <v>44351.874779999998</v>
      </c>
      <c r="H1062">
        <v>44197.402560000002</v>
      </c>
      <c r="I1062">
        <v>25508.27276</v>
      </c>
      <c r="J1062">
        <v>37767.759460000001</v>
      </c>
      <c r="K1062">
        <v>48923.105360000001</v>
      </c>
      <c r="L1062">
        <v>20583.741000000002</v>
      </c>
      <c r="M1062">
        <v>289277.85989999998</v>
      </c>
      <c r="N1062">
        <v>82060.148369999995</v>
      </c>
      <c r="O1062">
        <v>26320.84202</v>
      </c>
      <c r="P1062">
        <v>34248.222959999999</v>
      </c>
      <c r="Q1062">
        <v>89478.70955</v>
      </c>
      <c r="R1062">
        <v>28817.04264</v>
      </c>
      <c r="S1062">
        <v>86493.724690000003</v>
      </c>
      <c r="T1062">
        <v>29188.774109999998</v>
      </c>
      <c r="U1062">
        <v>20579.338830000001</v>
      </c>
      <c r="W1062" s="83">
        <f>Bühler!N1094</f>
        <v>45336.166666664096</v>
      </c>
      <c r="X1062" s="83">
        <v>43145.166666666664</v>
      </c>
      <c r="Y1062">
        <v>259902.5906</v>
      </c>
      <c r="Z1062">
        <v>19811.68636</v>
      </c>
      <c r="AA1062">
        <v>57648.989979999998</v>
      </c>
      <c r="AB1062">
        <v>44351.874779999998</v>
      </c>
      <c r="AC1062">
        <v>44197.402560000002</v>
      </c>
      <c r="AD1062">
        <v>25508.27276</v>
      </c>
      <c r="AE1062">
        <v>37767.759460000001</v>
      </c>
      <c r="AF1062">
        <v>48923.105360000001</v>
      </c>
      <c r="AG1062">
        <v>20583.741000000002</v>
      </c>
      <c r="AH1062">
        <v>289277.85989999998</v>
      </c>
      <c r="AI1062">
        <v>82060.148369999995</v>
      </c>
      <c r="AJ1062">
        <v>26320.84202</v>
      </c>
      <c r="AK1062">
        <v>34248.222959999999</v>
      </c>
      <c r="AL1062">
        <v>89478.70955</v>
      </c>
      <c r="AM1062">
        <v>28817.04264</v>
      </c>
      <c r="AN1062">
        <v>86493.724690000003</v>
      </c>
      <c r="AO1062">
        <v>29188.774109999998</v>
      </c>
      <c r="AP1062">
        <v>20579.338830000001</v>
      </c>
    </row>
    <row r="1063" spans="2:42" x14ac:dyDescent="0.3">
      <c r="B1063">
        <v>59.668180036138708</v>
      </c>
      <c r="C1063" s="83">
        <v>43145.208333333336</v>
      </c>
      <c r="D1063">
        <v>273927.37890000001</v>
      </c>
      <c r="E1063">
        <v>21846.73702</v>
      </c>
      <c r="F1063">
        <v>67364.259409999999</v>
      </c>
      <c r="G1063">
        <v>47315.743889999998</v>
      </c>
      <c r="H1063">
        <v>46050.242709999999</v>
      </c>
      <c r="I1063">
        <v>33745.663099999998</v>
      </c>
      <c r="J1063">
        <v>40997.371500000001</v>
      </c>
      <c r="K1063">
        <v>50025.617689999999</v>
      </c>
      <c r="L1063">
        <v>21480.658599999999</v>
      </c>
      <c r="M1063">
        <v>304216.20760000002</v>
      </c>
      <c r="N1063">
        <v>83868.786859999993</v>
      </c>
      <c r="O1063">
        <v>27245.39993</v>
      </c>
      <c r="P1063">
        <v>35911.184070000003</v>
      </c>
      <c r="Q1063">
        <v>92844.266359999994</v>
      </c>
      <c r="R1063">
        <v>31815.205709999998</v>
      </c>
      <c r="S1063">
        <v>88917.535990000004</v>
      </c>
      <c r="T1063">
        <v>31656.443889999999</v>
      </c>
      <c r="U1063">
        <v>22257.721089999999</v>
      </c>
      <c r="W1063" s="83">
        <f>Bühler!N1095</f>
        <v>45336.20833333076</v>
      </c>
      <c r="X1063" s="83">
        <v>43145.208333333336</v>
      </c>
      <c r="Y1063">
        <v>273927.37890000001</v>
      </c>
      <c r="Z1063">
        <v>21846.73702</v>
      </c>
      <c r="AA1063">
        <v>67364.259409999999</v>
      </c>
      <c r="AB1063">
        <v>47315.743889999998</v>
      </c>
      <c r="AC1063">
        <v>46050.242709999999</v>
      </c>
      <c r="AD1063">
        <v>33745.663099999998</v>
      </c>
      <c r="AE1063">
        <v>40997.371500000001</v>
      </c>
      <c r="AF1063">
        <v>50025.617689999999</v>
      </c>
      <c r="AG1063">
        <v>21480.658599999999</v>
      </c>
      <c r="AH1063">
        <v>304216.20760000002</v>
      </c>
      <c r="AI1063">
        <v>83868.786859999993</v>
      </c>
      <c r="AJ1063">
        <v>27245.39993</v>
      </c>
      <c r="AK1063">
        <v>35911.184070000003</v>
      </c>
      <c r="AL1063">
        <v>92844.266359999994</v>
      </c>
      <c r="AM1063">
        <v>31815.205709999998</v>
      </c>
      <c r="AN1063">
        <v>88917.535990000004</v>
      </c>
      <c r="AO1063">
        <v>31656.443889999999</v>
      </c>
      <c r="AP1063">
        <v>22257.721089999999</v>
      </c>
    </row>
    <row r="1064" spans="2:42" x14ac:dyDescent="0.3">
      <c r="B1064">
        <v>62.284533916957592</v>
      </c>
      <c r="C1064" s="83">
        <v>43145.25</v>
      </c>
      <c r="D1064">
        <v>290044.85279999999</v>
      </c>
      <c r="E1064">
        <v>26382.719730000001</v>
      </c>
      <c r="F1064">
        <v>79001.990579999998</v>
      </c>
      <c r="G1064">
        <v>57561.621200000001</v>
      </c>
      <c r="H1064">
        <v>49263.226790000001</v>
      </c>
      <c r="I1064">
        <v>43092.397599999997</v>
      </c>
      <c r="J1064">
        <v>44644.33642</v>
      </c>
      <c r="K1064">
        <v>51735.934079999999</v>
      </c>
      <c r="L1064">
        <v>23030.636399999999</v>
      </c>
      <c r="M1064">
        <v>317555.59980000003</v>
      </c>
      <c r="N1064">
        <v>85264.219679999995</v>
      </c>
      <c r="O1064">
        <v>27866.222809999999</v>
      </c>
      <c r="P1064">
        <v>36643.541219999999</v>
      </c>
      <c r="Q1064">
        <v>93905.31637</v>
      </c>
      <c r="R1064">
        <v>22592.46731</v>
      </c>
      <c r="S1064">
        <v>94854.847540000002</v>
      </c>
      <c r="T1064">
        <v>34359.84921</v>
      </c>
      <c r="U1064">
        <v>23710.39776</v>
      </c>
      <c r="W1064" s="83">
        <f>Bühler!N1096</f>
        <v>45336.249999997424</v>
      </c>
      <c r="X1064" s="83">
        <v>43145.25</v>
      </c>
      <c r="Y1064">
        <v>290044.85279999999</v>
      </c>
      <c r="Z1064">
        <v>26382.719730000001</v>
      </c>
      <c r="AA1064">
        <v>79001.990579999998</v>
      </c>
      <c r="AB1064">
        <v>57561.621200000001</v>
      </c>
      <c r="AC1064">
        <v>49263.226790000001</v>
      </c>
      <c r="AD1064">
        <v>43092.397599999997</v>
      </c>
      <c r="AE1064">
        <v>44644.33642</v>
      </c>
      <c r="AF1064">
        <v>51735.934079999999</v>
      </c>
      <c r="AG1064">
        <v>23030.636399999999</v>
      </c>
      <c r="AH1064">
        <v>317555.59980000003</v>
      </c>
      <c r="AI1064">
        <v>85264.219679999995</v>
      </c>
      <c r="AJ1064">
        <v>27866.222809999999</v>
      </c>
      <c r="AK1064">
        <v>36643.541219999999</v>
      </c>
      <c r="AL1064">
        <v>93905.31637</v>
      </c>
      <c r="AM1064">
        <v>22592.46731</v>
      </c>
      <c r="AN1064">
        <v>94854.847540000002</v>
      </c>
      <c r="AO1064">
        <v>34359.84921</v>
      </c>
      <c r="AP1064">
        <v>23710.39776</v>
      </c>
    </row>
    <row r="1065" spans="2:42" x14ac:dyDescent="0.3">
      <c r="B1065">
        <v>62.345901665416619</v>
      </c>
      <c r="C1065" s="83">
        <v>43145.291666666664</v>
      </c>
      <c r="D1065">
        <v>302152.02010000002</v>
      </c>
      <c r="E1065">
        <v>31467.18015</v>
      </c>
      <c r="F1065">
        <v>76908.770390000005</v>
      </c>
      <c r="G1065">
        <v>70182.173009999999</v>
      </c>
      <c r="H1065">
        <v>54714.711660000001</v>
      </c>
      <c r="I1065">
        <v>50239.855689999997</v>
      </c>
      <c r="J1065">
        <v>42431.278559999999</v>
      </c>
      <c r="K1065">
        <v>55836.21413</v>
      </c>
      <c r="L1065">
        <v>25387.023379999999</v>
      </c>
      <c r="M1065">
        <v>317868.48119999998</v>
      </c>
      <c r="N1065">
        <v>91460.625639999998</v>
      </c>
      <c r="O1065">
        <v>30639.284049999998</v>
      </c>
      <c r="P1065">
        <v>40350.982120000001</v>
      </c>
      <c r="Q1065">
        <v>94413.255430000005</v>
      </c>
      <c r="R1065">
        <v>25442.728910000002</v>
      </c>
      <c r="S1065">
        <v>104705.008</v>
      </c>
      <c r="T1065">
        <v>35375.540840000001</v>
      </c>
      <c r="U1065">
        <v>28146.153310000002</v>
      </c>
      <c r="W1065" s="83">
        <f>Bühler!N1097</f>
        <v>45336.291666664089</v>
      </c>
      <c r="X1065" s="83">
        <v>43145.291666666664</v>
      </c>
      <c r="Y1065">
        <v>302152.02010000002</v>
      </c>
      <c r="Z1065">
        <v>31467.18015</v>
      </c>
      <c r="AA1065">
        <v>76908.770390000005</v>
      </c>
      <c r="AB1065">
        <v>70182.173009999999</v>
      </c>
      <c r="AC1065">
        <v>54714.711660000001</v>
      </c>
      <c r="AD1065">
        <v>50239.855689999997</v>
      </c>
      <c r="AE1065">
        <v>42431.278559999999</v>
      </c>
      <c r="AF1065">
        <v>55836.21413</v>
      </c>
      <c r="AG1065">
        <v>25387.023379999999</v>
      </c>
      <c r="AH1065">
        <v>317868.48119999998</v>
      </c>
      <c r="AI1065">
        <v>91460.625639999998</v>
      </c>
      <c r="AJ1065">
        <v>30639.284049999998</v>
      </c>
      <c r="AK1065">
        <v>40350.982120000001</v>
      </c>
      <c r="AL1065">
        <v>94413.255430000005</v>
      </c>
      <c r="AM1065">
        <v>25442.728910000002</v>
      </c>
      <c r="AN1065">
        <v>104705.008</v>
      </c>
      <c r="AO1065">
        <v>35375.540840000001</v>
      </c>
      <c r="AP1065">
        <v>28146.153310000002</v>
      </c>
    </row>
    <row r="1066" spans="2:42" x14ac:dyDescent="0.3">
      <c r="B1066">
        <v>62.943647476724863</v>
      </c>
      <c r="C1066" s="83">
        <v>43145.333333333336</v>
      </c>
      <c r="D1066">
        <v>315367.46189999999</v>
      </c>
      <c r="E1066">
        <v>37842.878839999998</v>
      </c>
      <c r="F1066">
        <v>83079.895709999997</v>
      </c>
      <c r="G1066">
        <v>82661.778839999999</v>
      </c>
      <c r="H1066">
        <v>58982.488149999997</v>
      </c>
      <c r="I1066">
        <v>53709.543109999999</v>
      </c>
      <c r="J1066">
        <v>41541.733999999997</v>
      </c>
      <c r="K1066">
        <v>60067.102809999997</v>
      </c>
      <c r="L1066">
        <v>28225.628209999999</v>
      </c>
      <c r="M1066">
        <v>320916.06809999997</v>
      </c>
      <c r="N1066">
        <v>96656.657089999993</v>
      </c>
      <c r="O1066">
        <v>32195.3246</v>
      </c>
      <c r="P1066">
        <v>42000.919090000003</v>
      </c>
      <c r="Q1066">
        <v>94823.066890000002</v>
      </c>
      <c r="R1066">
        <v>25429.369309999998</v>
      </c>
      <c r="S1066">
        <v>116293.5178</v>
      </c>
      <c r="T1066">
        <v>38225.810819999999</v>
      </c>
      <c r="U1066">
        <v>31207.193469999998</v>
      </c>
      <c r="W1066" s="83">
        <f>Bühler!N1098</f>
        <v>45336.333333330753</v>
      </c>
      <c r="X1066" s="83">
        <v>43145.333333333336</v>
      </c>
      <c r="Y1066">
        <v>315367.46189999999</v>
      </c>
      <c r="Z1066">
        <v>37842.878839999998</v>
      </c>
      <c r="AA1066">
        <v>83079.895709999997</v>
      </c>
      <c r="AB1066">
        <v>82661.778839999999</v>
      </c>
      <c r="AC1066">
        <v>58982.488149999997</v>
      </c>
      <c r="AD1066">
        <v>53709.543109999999</v>
      </c>
      <c r="AE1066">
        <v>41541.733999999997</v>
      </c>
      <c r="AF1066">
        <v>60067.102809999997</v>
      </c>
      <c r="AG1066">
        <v>28225.628209999999</v>
      </c>
      <c r="AH1066">
        <v>320916.06809999997</v>
      </c>
      <c r="AI1066">
        <v>96656.657089999993</v>
      </c>
      <c r="AJ1066">
        <v>32195.3246</v>
      </c>
      <c r="AK1066">
        <v>42000.919090000003</v>
      </c>
      <c r="AL1066">
        <v>94823.066890000002</v>
      </c>
      <c r="AM1066">
        <v>25429.369309999998</v>
      </c>
      <c r="AN1066">
        <v>116293.5178</v>
      </c>
      <c r="AO1066">
        <v>38225.810819999999</v>
      </c>
      <c r="AP1066">
        <v>31207.193469999998</v>
      </c>
    </row>
    <row r="1067" spans="2:42" x14ac:dyDescent="0.3">
      <c r="B1067">
        <v>62.236964357067748</v>
      </c>
      <c r="C1067" s="83">
        <v>43145.375</v>
      </c>
      <c r="D1067">
        <v>313357.7733</v>
      </c>
      <c r="E1067">
        <v>41733.392240000001</v>
      </c>
      <c r="F1067">
        <v>87816.749030000006</v>
      </c>
      <c r="G1067">
        <v>87903.680609999996</v>
      </c>
      <c r="H1067">
        <v>60574.241670000003</v>
      </c>
      <c r="I1067">
        <v>50890.064250000003</v>
      </c>
      <c r="J1067">
        <v>41193.457349999997</v>
      </c>
      <c r="K1067">
        <v>58483.726210000001</v>
      </c>
      <c r="L1067">
        <v>30552.89471</v>
      </c>
      <c r="M1067">
        <v>317313.06800000003</v>
      </c>
      <c r="N1067">
        <v>105273.5673</v>
      </c>
      <c r="O1067">
        <v>32517.174330000002</v>
      </c>
      <c r="P1067">
        <v>42989.231760000002</v>
      </c>
      <c r="Q1067">
        <v>95183.705149999994</v>
      </c>
      <c r="R1067">
        <v>25451.522130000001</v>
      </c>
      <c r="S1067">
        <v>121597.0765</v>
      </c>
      <c r="T1067">
        <v>40767.059289999997</v>
      </c>
      <c r="U1067">
        <v>30697.074809999998</v>
      </c>
      <c r="W1067" s="83">
        <f>Bühler!N1099</f>
        <v>45336.374999997417</v>
      </c>
      <c r="X1067" s="83">
        <v>43145.375</v>
      </c>
      <c r="Y1067">
        <v>313357.7733</v>
      </c>
      <c r="Z1067">
        <v>41733.392240000001</v>
      </c>
      <c r="AA1067">
        <v>87816.749030000006</v>
      </c>
      <c r="AB1067">
        <v>87903.680609999996</v>
      </c>
      <c r="AC1067">
        <v>60574.241670000003</v>
      </c>
      <c r="AD1067">
        <v>50890.064250000003</v>
      </c>
      <c r="AE1067">
        <v>41193.457349999997</v>
      </c>
      <c r="AF1067">
        <v>58483.726210000001</v>
      </c>
      <c r="AG1067">
        <v>30552.89471</v>
      </c>
      <c r="AH1067">
        <v>317313.06800000003</v>
      </c>
      <c r="AI1067">
        <v>105273.5673</v>
      </c>
      <c r="AJ1067">
        <v>32517.174330000002</v>
      </c>
      <c r="AK1067">
        <v>42989.231760000002</v>
      </c>
      <c r="AL1067">
        <v>95183.705149999994</v>
      </c>
      <c r="AM1067">
        <v>25451.522130000001</v>
      </c>
      <c r="AN1067">
        <v>121597.0765</v>
      </c>
      <c r="AO1067">
        <v>40767.059289999997</v>
      </c>
      <c r="AP1067">
        <v>30697.074809999998</v>
      </c>
    </row>
    <row r="1068" spans="2:42" x14ac:dyDescent="0.3">
      <c r="B1068">
        <v>62.743446704268941</v>
      </c>
      <c r="C1068" s="83">
        <v>43145.416666666664</v>
      </c>
      <c r="D1068">
        <v>315094.6875</v>
      </c>
      <c r="E1068">
        <v>43099.634429999998</v>
      </c>
      <c r="F1068">
        <v>88088.440719999999</v>
      </c>
      <c r="G1068">
        <v>88247.424249999996</v>
      </c>
      <c r="H1068">
        <v>60419.863810000003</v>
      </c>
      <c r="I1068">
        <v>46713.847170000001</v>
      </c>
      <c r="J1068">
        <v>39197.730629999998</v>
      </c>
      <c r="K1068">
        <v>60159.310089999999</v>
      </c>
      <c r="L1068">
        <v>32424.5488</v>
      </c>
      <c r="M1068">
        <v>319895.35119999998</v>
      </c>
      <c r="N1068">
        <v>108031.0549</v>
      </c>
      <c r="O1068">
        <v>32791.530579999999</v>
      </c>
      <c r="P1068">
        <v>43200.669020000001</v>
      </c>
      <c r="Q1068">
        <v>95110.248300000007</v>
      </c>
      <c r="R1068">
        <v>25306.660080000001</v>
      </c>
      <c r="S1068">
        <v>119286.98609999999</v>
      </c>
      <c r="T1068">
        <v>41511.039779999999</v>
      </c>
      <c r="U1068">
        <v>29383.956859999998</v>
      </c>
      <c r="W1068" s="83">
        <f>Bühler!N1100</f>
        <v>45336.416666664081</v>
      </c>
      <c r="X1068" s="83">
        <v>43145.416666666664</v>
      </c>
      <c r="Y1068">
        <v>315094.6875</v>
      </c>
      <c r="Z1068">
        <v>43099.634429999998</v>
      </c>
      <c r="AA1068">
        <v>88088.440719999999</v>
      </c>
      <c r="AB1068">
        <v>88247.424249999996</v>
      </c>
      <c r="AC1068">
        <v>60419.863810000003</v>
      </c>
      <c r="AD1068">
        <v>46713.847170000001</v>
      </c>
      <c r="AE1068">
        <v>39197.730629999998</v>
      </c>
      <c r="AF1068">
        <v>60159.310089999999</v>
      </c>
      <c r="AG1068">
        <v>32424.5488</v>
      </c>
      <c r="AH1068">
        <v>319895.35119999998</v>
      </c>
      <c r="AI1068">
        <v>108031.0549</v>
      </c>
      <c r="AJ1068">
        <v>32791.530579999999</v>
      </c>
      <c r="AK1068">
        <v>43200.669020000001</v>
      </c>
      <c r="AL1068">
        <v>95110.248300000007</v>
      </c>
      <c r="AM1068">
        <v>25306.660080000001</v>
      </c>
      <c r="AN1068">
        <v>119286.98609999999</v>
      </c>
      <c r="AO1068">
        <v>41511.039779999999</v>
      </c>
      <c r="AP1068">
        <v>29383.956859999998</v>
      </c>
    </row>
    <row r="1069" spans="2:42" x14ac:dyDescent="0.3">
      <c r="B1069">
        <v>63.587523532743084</v>
      </c>
      <c r="C1069" s="83">
        <v>43145.458333333336</v>
      </c>
      <c r="D1069">
        <v>311822.21110000001</v>
      </c>
      <c r="E1069">
        <v>42383.850310000002</v>
      </c>
      <c r="F1069">
        <v>88810.256760000004</v>
      </c>
      <c r="G1069">
        <v>85597.623089999994</v>
      </c>
      <c r="H1069">
        <v>59697.972659999999</v>
      </c>
      <c r="I1069">
        <v>43884.027609999997</v>
      </c>
      <c r="J1069">
        <v>38080.968399999998</v>
      </c>
      <c r="K1069">
        <v>65283.28961</v>
      </c>
      <c r="L1069">
        <v>33638.557690000001</v>
      </c>
      <c r="M1069">
        <v>324198.84850000002</v>
      </c>
      <c r="N1069">
        <v>106059.62239999999</v>
      </c>
      <c r="O1069">
        <v>32501.33495</v>
      </c>
      <c r="P1069">
        <v>41569.531719999999</v>
      </c>
      <c r="Q1069">
        <v>94565.992800000007</v>
      </c>
      <c r="R1069">
        <v>28415.209859999999</v>
      </c>
      <c r="S1069">
        <v>120999.9486</v>
      </c>
      <c r="T1069">
        <v>41525.276579999998</v>
      </c>
      <c r="U1069">
        <v>28772.230479999998</v>
      </c>
      <c r="W1069" s="83">
        <f>Bühler!N1101</f>
        <v>45336.458333330746</v>
      </c>
      <c r="X1069" s="83">
        <v>43145.458333333336</v>
      </c>
      <c r="Y1069">
        <v>311822.21110000001</v>
      </c>
      <c r="Z1069">
        <v>42383.850310000002</v>
      </c>
      <c r="AA1069">
        <v>88810.256760000004</v>
      </c>
      <c r="AB1069">
        <v>85597.623089999994</v>
      </c>
      <c r="AC1069">
        <v>59697.972659999999</v>
      </c>
      <c r="AD1069">
        <v>43884.027609999997</v>
      </c>
      <c r="AE1069">
        <v>38080.968399999998</v>
      </c>
      <c r="AF1069">
        <v>65283.28961</v>
      </c>
      <c r="AG1069">
        <v>33638.557690000001</v>
      </c>
      <c r="AH1069">
        <v>324198.84850000002</v>
      </c>
      <c r="AI1069">
        <v>106059.62239999999</v>
      </c>
      <c r="AJ1069">
        <v>32501.33495</v>
      </c>
      <c r="AK1069">
        <v>41569.531719999999</v>
      </c>
      <c r="AL1069">
        <v>94565.992800000007</v>
      </c>
      <c r="AM1069">
        <v>28415.209859999999</v>
      </c>
      <c r="AN1069">
        <v>120999.9486</v>
      </c>
      <c r="AO1069">
        <v>41525.276579999998</v>
      </c>
      <c r="AP1069">
        <v>28772.230479999998</v>
      </c>
    </row>
    <row r="1070" spans="2:42" x14ac:dyDescent="0.3">
      <c r="B1070">
        <v>62.477440319399932</v>
      </c>
      <c r="C1070" s="83">
        <v>43145.5</v>
      </c>
      <c r="D1070">
        <v>298443.9301</v>
      </c>
      <c r="E1070">
        <v>37805.212249999997</v>
      </c>
      <c r="F1070">
        <v>82375.959080000001</v>
      </c>
      <c r="G1070">
        <v>80287.679810000001</v>
      </c>
      <c r="H1070">
        <v>56261.803180000003</v>
      </c>
      <c r="I1070">
        <v>41268.876750000003</v>
      </c>
      <c r="J1070">
        <v>37635.946770000002</v>
      </c>
      <c r="K1070">
        <v>62457.73558</v>
      </c>
      <c r="L1070">
        <v>36063.910479999999</v>
      </c>
      <c r="M1070">
        <v>318539.12660000002</v>
      </c>
      <c r="N1070">
        <v>102271.496</v>
      </c>
      <c r="O1070">
        <v>31105.915710000001</v>
      </c>
      <c r="P1070">
        <v>41986.686119999998</v>
      </c>
      <c r="Q1070">
        <v>93248.598180000001</v>
      </c>
      <c r="R1070">
        <v>28282.608690000001</v>
      </c>
      <c r="S1070">
        <v>114460.26119999999</v>
      </c>
      <c r="T1070">
        <v>40166.207090000004</v>
      </c>
      <c r="U1070">
        <v>23588.041270000002</v>
      </c>
      <c r="W1070" s="83">
        <f>Bühler!N1102</f>
        <v>45336.49999999741</v>
      </c>
      <c r="X1070" s="83">
        <v>43145.5</v>
      </c>
      <c r="Y1070">
        <v>298443.9301</v>
      </c>
      <c r="Z1070">
        <v>37805.212249999997</v>
      </c>
      <c r="AA1070">
        <v>82375.959080000001</v>
      </c>
      <c r="AB1070">
        <v>80287.679810000001</v>
      </c>
      <c r="AC1070">
        <v>56261.803180000003</v>
      </c>
      <c r="AD1070">
        <v>41268.876750000003</v>
      </c>
      <c r="AE1070">
        <v>37635.946770000002</v>
      </c>
      <c r="AF1070">
        <v>62457.73558</v>
      </c>
      <c r="AG1070">
        <v>36063.910479999999</v>
      </c>
      <c r="AH1070">
        <v>318539.12660000002</v>
      </c>
      <c r="AI1070">
        <v>102271.496</v>
      </c>
      <c r="AJ1070">
        <v>31105.915710000001</v>
      </c>
      <c r="AK1070">
        <v>41986.686119999998</v>
      </c>
      <c r="AL1070">
        <v>93248.598180000001</v>
      </c>
      <c r="AM1070">
        <v>28282.608690000001</v>
      </c>
      <c r="AN1070">
        <v>114460.26119999999</v>
      </c>
      <c r="AO1070">
        <v>40166.207090000004</v>
      </c>
      <c r="AP1070">
        <v>23588.041270000002</v>
      </c>
    </row>
    <row r="1071" spans="2:42" x14ac:dyDescent="0.3">
      <c r="B1071">
        <v>62.827646240209269</v>
      </c>
      <c r="C1071" s="83">
        <v>43145.541666666664</v>
      </c>
      <c r="D1071">
        <v>297940.4595</v>
      </c>
      <c r="E1071">
        <v>36975.613449999997</v>
      </c>
      <c r="F1071">
        <v>79939.422040000005</v>
      </c>
      <c r="G1071">
        <v>75298.831919999997</v>
      </c>
      <c r="H1071">
        <v>55764.522250000002</v>
      </c>
      <c r="I1071">
        <v>40672.953220000003</v>
      </c>
      <c r="J1071">
        <v>36212.124479999999</v>
      </c>
      <c r="K1071">
        <v>64557.4548</v>
      </c>
      <c r="L1071">
        <v>34331.455840000002</v>
      </c>
      <c r="M1071">
        <v>320324.6397</v>
      </c>
      <c r="N1071">
        <v>103209.29580000001</v>
      </c>
      <c r="O1071">
        <v>30126.669529999999</v>
      </c>
      <c r="P1071">
        <v>41590.825559999997</v>
      </c>
      <c r="Q1071">
        <v>91922.937470000004</v>
      </c>
      <c r="R1071">
        <v>27534.549849999999</v>
      </c>
      <c r="S1071">
        <v>112888.692</v>
      </c>
      <c r="T1071">
        <v>39146.499470000002</v>
      </c>
      <c r="U1071">
        <v>24840.853800000001</v>
      </c>
      <c r="W1071" s="83">
        <f>Bühler!N1103</f>
        <v>45336.541666664074</v>
      </c>
      <c r="X1071" s="83">
        <v>43145.541666666664</v>
      </c>
      <c r="Y1071">
        <v>297940.4595</v>
      </c>
      <c r="Z1071">
        <v>36975.613449999997</v>
      </c>
      <c r="AA1071">
        <v>79939.422040000005</v>
      </c>
      <c r="AB1071">
        <v>75298.831919999997</v>
      </c>
      <c r="AC1071">
        <v>55764.522250000002</v>
      </c>
      <c r="AD1071">
        <v>40672.953220000003</v>
      </c>
      <c r="AE1071">
        <v>36212.124479999999</v>
      </c>
      <c r="AF1071">
        <v>64557.4548</v>
      </c>
      <c r="AG1071">
        <v>34331.455840000002</v>
      </c>
      <c r="AH1071">
        <v>320324.6397</v>
      </c>
      <c r="AI1071">
        <v>103209.29580000001</v>
      </c>
      <c r="AJ1071">
        <v>30126.669529999999</v>
      </c>
      <c r="AK1071">
        <v>41590.825559999997</v>
      </c>
      <c r="AL1071">
        <v>91922.937470000004</v>
      </c>
      <c r="AM1071">
        <v>27534.549849999999</v>
      </c>
      <c r="AN1071">
        <v>112888.692</v>
      </c>
      <c r="AO1071">
        <v>39146.499470000002</v>
      </c>
      <c r="AP1071">
        <v>24840.853800000001</v>
      </c>
    </row>
    <row r="1072" spans="2:42" x14ac:dyDescent="0.3">
      <c r="B1072">
        <v>63.247520013305298</v>
      </c>
      <c r="C1072" s="83">
        <v>43145.583333333336</v>
      </c>
      <c r="D1072">
        <v>300064.92910000001</v>
      </c>
      <c r="E1072">
        <v>39457.876060000002</v>
      </c>
      <c r="F1072">
        <v>85647.172200000001</v>
      </c>
      <c r="G1072">
        <v>72197.799459999995</v>
      </c>
      <c r="H1072">
        <v>54708.442239999997</v>
      </c>
      <c r="I1072">
        <v>40898.19281</v>
      </c>
      <c r="J1072">
        <v>35239.840250000001</v>
      </c>
      <c r="K1072">
        <v>65224.228629999998</v>
      </c>
      <c r="L1072">
        <v>31530.9787</v>
      </c>
      <c r="M1072">
        <v>322465.35200000001</v>
      </c>
      <c r="N1072">
        <v>104330.20909999999</v>
      </c>
      <c r="O1072">
        <v>29225.687040000001</v>
      </c>
      <c r="P1072">
        <v>37057.95751</v>
      </c>
      <c r="Q1072">
        <v>91701.495339999994</v>
      </c>
      <c r="R1072">
        <v>26988.25704</v>
      </c>
      <c r="S1072">
        <v>107441.21030000001</v>
      </c>
      <c r="T1072">
        <v>37679.676030000002</v>
      </c>
      <c r="U1072">
        <v>26664.51022</v>
      </c>
      <c r="W1072" s="83">
        <f>Bühler!N1104</f>
        <v>45336.583333330738</v>
      </c>
      <c r="X1072" s="83">
        <v>43145.583333333336</v>
      </c>
      <c r="Y1072">
        <v>300064.92910000001</v>
      </c>
      <c r="Z1072">
        <v>39457.876060000002</v>
      </c>
      <c r="AA1072">
        <v>85647.172200000001</v>
      </c>
      <c r="AB1072">
        <v>72197.799459999995</v>
      </c>
      <c r="AC1072">
        <v>54708.442239999997</v>
      </c>
      <c r="AD1072">
        <v>40898.19281</v>
      </c>
      <c r="AE1072">
        <v>35239.840250000001</v>
      </c>
      <c r="AF1072">
        <v>65224.228629999998</v>
      </c>
      <c r="AG1072">
        <v>31530.9787</v>
      </c>
      <c r="AH1072">
        <v>322465.35200000001</v>
      </c>
      <c r="AI1072">
        <v>104330.20909999999</v>
      </c>
      <c r="AJ1072">
        <v>29225.687040000001</v>
      </c>
      <c r="AK1072">
        <v>37057.95751</v>
      </c>
      <c r="AL1072">
        <v>91701.495339999994</v>
      </c>
      <c r="AM1072">
        <v>26988.25704</v>
      </c>
      <c r="AN1072">
        <v>107441.21030000001</v>
      </c>
      <c r="AO1072">
        <v>37679.676030000002</v>
      </c>
      <c r="AP1072">
        <v>26664.51022</v>
      </c>
    </row>
    <row r="1073" spans="2:42" x14ac:dyDescent="0.3">
      <c r="B1073">
        <v>62.377562500101682</v>
      </c>
      <c r="C1073" s="83">
        <v>43145.625</v>
      </c>
      <c r="D1073">
        <v>298348.72379999998</v>
      </c>
      <c r="E1073">
        <v>38814.512560000003</v>
      </c>
      <c r="F1073">
        <v>86489.667350000003</v>
      </c>
      <c r="G1073">
        <v>70365.379589999997</v>
      </c>
      <c r="H1073">
        <v>54149.018380000001</v>
      </c>
      <c r="I1073">
        <v>41182.886760000001</v>
      </c>
      <c r="J1073">
        <v>35226.764479999998</v>
      </c>
      <c r="K1073">
        <v>64579.386509999997</v>
      </c>
      <c r="L1073">
        <v>28491.406019999999</v>
      </c>
      <c r="M1073">
        <v>318029.90289999999</v>
      </c>
      <c r="N1073">
        <v>101041.12420000001</v>
      </c>
      <c r="O1073">
        <v>28205.603309999999</v>
      </c>
      <c r="P1073">
        <v>35566.86995</v>
      </c>
      <c r="Q1073">
        <v>90422.928339999999</v>
      </c>
      <c r="R1073">
        <v>27505.24699</v>
      </c>
      <c r="S1073">
        <v>105220.6385</v>
      </c>
      <c r="T1073">
        <v>37538.487130000001</v>
      </c>
      <c r="U1073">
        <v>25705.539349999999</v>
      </c>
      <c r="W1073" s="83">
        <f>Bühler!N1105</f>
        <v>45336.624999997402</v>
      </c>
      <c r="X1073" s="83">
        <v>43145.625</v>
      </c>
      <c r="Y1073">
        <v>298348.72379999998</v>
      </c>
      <c r="Z1073">
        <v>38814.512560000003</v>
      </c>
      <c r="AA1073">
        <v>86489.667350000003</v>
      </c>
      <c r="AB1073">
        <v>70365.379589999997</v>
      </c>
      <c r="AC1073">
        <v>54149.018380000001</v>
      </c>
      <c r="AD1073">
        <v>41182.886760000001</v>
      </c>
      <c r="AE1073">
        <v>35226.764479999998</v>
      </c>
      <c r="AF1073">
        <v>64579.386509999997</v>
      </c>
      <c r="AG1073">
        <v>28491.406019999999</v>
      </c>
      <c r="AH1073">
        <v>318029.90289999999</v>
      </c>
      <c r="AI1073">
        <v>101041.12420000001</v>
      </c>
      <c r="AJ1073">
        <v>28205.603309999999</v>
      </c>
      <c r="AK1073">
        <v>35566.86995</v>
      </c>
      <c r="AL1073">
        <v>90422.928339999999</v>
      </c>
      <c r="AM1073">
        <v>27505.24699</v>
      </c>
      <c r="AN1073">
        <v>105220.6385</v>
      </c>
      <c r="AO1073">
        <v>37538.487130000001</v>
      </c>
      <c r="AP1073">
        <v>25705.539349999999</v>
      </c>
    </row>
    <row r="1074" spans="2:42" x14ac:dyDescent="0.3">
      <c r="B1074">
        <v>62.066218697174641</v>
      </c>
      <c r="C1074" s="83">
        <v>43145.666666666664</v>
      </c>
      <c r="D1074">
        <v>291904.57130000001</v>
      </c>
      <c r="E1074">
        <v>37920.533759999998</v>
      </c>
      <c r="F1074">
        <v>85857.728740000006</v>
      </c>
      <c r="G1074">
        <v>67667.943079999997</v>
      </c>
      <c r="H1074">
        <v>52567.505089999999</v>
      </c>
      <c r="I1074">
        <v>41620.973839999999</v>
      </c>
      <c r="J1074">
        <v>34364.780299999999</v>
      </c>
      <c r="K1074">
        <v>60425.110930000003</v>
      </c>
      <c r="L1074">
        <v>26564.172030000002</v>
      </c>
      <c r="M1074">
        <v>316442.527</v>
      </c>
      <c r="N1074">
        <v>94314.425950000004</v>
      </c>
      <c r="O1074">
        <v>28413.31625</v>
      </c>
      <c r="P1074">
        <v>35387.835579999999</v>
      </c>
      <c r="Q1074">
        <v>89779.648679999998</v>
      </c>
      <c r="R1074">
        <v>26185.01584</v>
      </c>
      <c r="S1074">
        <v>101975.5659</v>
      </c>
      <c r="T1074">
        <v>36597.909899999999</v>
      </c>
      <c r="U1074">
        <v>23392.350330000001</v>
      </c>
      <c r="W1074" s="83">
        <f>Bühler!N1106</f>
        <v>45336.666666664067</v>
      </c>
      <c r="X1074" s="83">
        <v>43145.666666666664</v>
      </c>
      <c r="Y1074">
        <v>291904.57130000001</v>
      </c>
      <c r="Z1074">
        <v>37920.533759999998</v>
      </c>
      <c r="AA1074">
        <v>85857.728740000006</v>
      </c>
      <c r="AB1074">
        <v>67667.943079999997</v>
      </c>
      <c r="AC1074">
        <v>52567.505089999999</v>
      </c>
      <c r="AD1074">
        <v>41620.973839999999</v>
      </c>
      <c r="AE1074">
        <v>34364.780299999999</v>
      </c>
      <c r="AF1074">
        <v>60425.110930000003</v>
      </c>
      <c r="AG1074">
        <v>26564.172030000002</v>
      </c>
      <c r="AH1074">
        <v>316442.527</v>
      </c>
      <c r="AI1074">
        <v>94314.425950000004</v>
      </c>
      <c r="AJ1074">
        <v>28413.31625</v>
      </c>
      <c r="AK1074">
        <v>35387.835579999999</v>
      </c>
      <c r="AL1074">
        <v>89779.648679999998</v>
      </c>
      <c r="AM1074">
        <v>26185.01584</v>
      </c>
      <c r="AN1074">
        <v>101975.5659</v>
      </c>
      <c r="AO1074">
        <v>36597.909899999999</v>
      </c>
      <c r="AP1074">
        <v>23392.350330000001</v>
      </c>
    </row>
    <row r="1075" spans="2:42" x14ac:dyDescent="0.3">
      <c r="B1075">
        <v>60.923746920501934</v>
      </c>
      <c r="C1075" s="83">
        <v>43145.708333333336</v>
      </c>
      <c r="D1075">
        <v>279627.47019999998</v>
      </c>
      <c r="E1075">
        <v>36087.726110000003</v>
      </c>
      <c r="F1075">
        <v>85673.847590000005</v>
      </c>
      <c r="G1075">
        <v>64302.387219999997</v>
      </c>
      <c r="H1075">
        <v>49982.309329999996</v>
      </c>
      <c r="I1075">
        <v>41476.148650000003</v>
      </c>
      <c r="J1075">
        <v>34208.610919999999</v>
      </c>
      <c r="K1075">
        <v>55596.395850000001</v>
      </c>
      <c r="L1075">
        <v>27401.912909999999</v>
      </c>
      <c r="M1075">
        <v>310617.67310000001</v>
      </c>
      <c r="N1075">
        <v>87958.530469999998</v>
      </c>
      <c r="O1075">
        <v>28055.184550000002</v>
      </c>
      <c r="P1075">
        <v>37490.746959999997</v>
      </c>
      <c r="Q1075">
        <v>88828.547640000004</v>
      </c>
      <c r="R1075">
        <v>27130.821090000001</v>
      </c>
      <c r="S1075">
        <v>100559.5267</v>
      </c>
      <c r="T1075">
        <v>36788.329890000001</v>
      </c>
      <c r="U1075">
        <v>21700.85442</v>
      </c>
      <c r="W1075" s="83">
        <f>Bühler!N1107</f>
        <v>45336.708333330731</v>
      </c>
      <c r="X1075" s="83">
        <v>43145.708333333336</v>
      </c>
      <c r="Y1075">
        <v>279627.47019999998</v>
      </c>
      <c r="Z1075">
        <v>36087.726110000003</v>
      </c>
      <c r="AA1075">
        <v>85673.847590000005</v>
      </c>
      <c r="AB1075">
        <v>64302.387219999997</v>
      </c>
      <c r="AC1075">
        <v>49982.309329999996</v>
      </c>
      <c r="AD1075">
        <v>41476.148650000003</v>
      </c>
      <c r="AE1075">
        <v>34208.610919999999</v>
      </c>
      <c r="AF1075">
        <v>55596.395850000001</v>
      </c>
      <c r="AG1075">
        <v>27401.912909999999</v>
      </c>
      <c r="AH1075">
        <v>310617.67310000001</v>
      </c>
      <c r="AI1075">
        <v>87958.530469999998</v>
      </c>
      <c r="AJ1075">
        <v>28055.184550000002</v>
      </c>
      <c r="AK1075">
        <v>37490.746959999997</v>
      </c>
      <c r="AL1075">
        <v>88828.547640000004</v>
      </c>
      <c r="AM1075">
        <v>27130.821090000001</v>
      </c>
      <c r="AN1075">
        <v>100559.5267</v>
      </c>
      <c r="AO1075">
        <v>36788.329890000001</v>
      </c>
      <c r="AP1075">
        <v>21700.85442</v>
      </c>
    </row>
    <row r="1076" spans="2:42" x14ac:dyDescent="0.3">
      <c r="B1076">
        <v>59.664666371676006</v>
      </c>
      <c r="C1076" s="83">
        <v>43145.75</v>
      </c>
      <c r="D1076">
        <v>276460.81140000001</v>
      </c>
      <c r="E1076">
        <v>33603.002280000001</v>
      </c>
      <c r="F1076">
        <v>84726.340389999998</v>
      </c>
      <c r="G1076">
        <v>60433.362990000001</v>
      </c>
      <c r="H1076">
        <v>50122.55098</v>
      </c>
      <c r="I1076">
        <v>41842.290670000002</v>
      </c>
      <c r="J1076">
        <v>37152.06854</v>
      </c>
      <c r="K1076">
        <v>48748.17916</v>
      </c>
      <c r="L1076">
        <v>29715.35499</v>
      </c>
      <c r="M1076">
        <v>304198.29330000002</v>
      </c>
      <c r="N1076">
        <v>86452.429980000001</v>
      </c>
      <c r="O1076">
        <v>27651.892899999999</v>
      </c>
      <c r="P1076">
        <v>42605.453600000001</v>
      </c>
      <c r="Q1076">
        <v>87483.149430000005</v>
      </c>
      <c r="R1076">
        <v>23180.49841</v>
      </c>
      <c r="S1076">
        <v>98144.142189999999</v>
      </c>
      <c r="T1076">
        <v>39223.994809999997</v>
      </c>
      <c r="U1076">
        <v>20900.812610000001</v>
      </c>
      <c r="W1076" s="83">
        <f>Bühler!N1108</f>
        <v>45336.749999997395</v>
      </c>
      <c r="X1076" s="83">
        <v>43145.75</v>
      </c>
      <c r="Y1076">
        <v>276460.81140000001</v>
      </c>
      <c r="Z1076">
        <v>33603.002280000001</v>
      </c>
      <c r="AA1076">
        <v>84726.340389999998</v>
      </c>
      <c r="AB1076">
        <v>60433.362990000001</v>
      </c>
      <c r="AC1076">
        <v>50122.55098</v>
      </c>
      <c r="AD1076">
        <v>41842.290670000002</v>
      </c>
      <c r="AE1076">
        <v>37152.06854</v>
      </c>
      <c r="AF1076">
        <v>48748.17916</v>
      </c>
      <c r="AG1076">
        <v>29715.35499</v>
      </c>
      <c r="AH1076">
        <v>304198.29330000002</v>
      </c>
      <c r="AI1076">
        <v>86452.429980000001</v>
      </c>
      <c r="AJ1076">
        <v>27651.892899999999</v>
      </c>
      <c r="AK1076">
        <v>42605.453600000001</v>
      </c>
      <c r="AL1076">
        <v>87483.149430000005</v>
      </c>
      <c r="AM1076">
        <v>23180.49841</v>
      </c>
      <c r="AN1076">
        <v>98144.142189999999</v>
      </c>
      <c r="AO1076">
        <v>39223.994809999997</v>
      </c>
      <c r="AP1076">
        <v>20900.812610000001</v>
      </c>
    </row>
    <row r="1077" spans="2:42" x14ac:dyDescent="0.3">
      <c r="B1077">
        <v>59.059065001987307</v>
      </c>
      <c r="C1077" s="83">
        <v>43145.791666666664</v>
      </c>
      <c r="D1077">
        <v>271520.51360000001</v>
      </c>
      <c r="E1077">
        <v>27886.607639999998</v>
      </c>
      <c r="F1077">
        <v>72897.587809999997</v>
      </c>
      <c r="G1077">
        <v>55415.37571</v>
      </c>
      <c r="H1077">
        <v>48013.761279999999</v>
      </c>
      <c r="I1077">
        <v>39601.313399999999</v>
      </c>
      <c r="J1077">
        <v>37681.273330000004</v>
      </c>
      <c r="K1077">
        <v>47808.102200000001</v>
      </c>
      <c r="L1077">
        <v>31381.664059999999</v>
      </c>
      <c r="M1077">
        <v>301110.65509999997</v>
      </c>
      <c r="N1077">
        <v>86170.803830000004</v>
      </c>
      <c r="O1077">
        <v>27211.840359999998</v>
      </c>
      <c r="P1077">
        <v>44641.590089999998</v>
      </c>
      <c r="Q1077">
        <v>85835.723939999996</v>
      </c>
      <c r="R1077">
        <v>22790.69269</v>
      </c>
      <c r="S1077">
        <v>95185.227509999997</v>
      </c>
      <c r="T1077">
        <v>39855.926169999999</v>
      </c>
      <c r="U1077">
        <v>19839.38092</v>
      </c>
      <c r="W1077" s="83">
        <f>Bühler!N1109</f>
        <v>45336.791666664059</v>
      </c>
      <c r="X1077" s="83">
        <v>43145.791666666664</v>
      </c>
      <c r="Y1077">
        <v>271520.51360000001</v>
      </c>
      <c r="Z1077">
        <v>27886.607639999998</v>
      </c>
      <c r="AA1077">
        <v>72897.587809999997</v>
      </c>
      <c r="AB1077">
        <v>55415.37571</v>
      </c>
      <c r="AC1077">
        <v>48013.761279999999</v>
      </c>
      <c r="AD1077">
        <v>39601.313399999999</v>
      </c>
      <c r="AE1077">
        <v>37681.273330000004</v>
      </c>
      <c r="AF1077">
        <v>47808.102200000001</v>
      </c>
      <c r="AG1077">
        <v>31381.664059999999</v>
      </c>
      <c r="AH1077">
        <v>301110.65509999997</v>
      </c>
      <c r="AI1077">
        <v>86170.803830000004</v>
      </c>
      <c r="AJ1077">
        <v>27211.840359999998</v>
      </c>
      <c r="AK1077">
        <v>44641.590089999998</v>
      </c>
      <c r="AL1077">
        <v>85835.723939999996</v>
      </c>
      <c r="AM1077">
        <v>22790.69269</v>
      </c>
      <c r="AN1077">
        <v>95185.227509999997</v>
      </c>
      <c r="AO1077">
        <v>39855.926169999999</v>
      </c>
      <c r="AP1077">
        <v>19839.38092</v>
      </c>
    </row>
    <row r="1078" spans="2:42" x14ac:dyDescent="0.3">
      <c r="B1078">
        <v>58.118615192494033</v>
      </c>
      <c r="C1078" s="83">
        <v>43145.833333333336</v>
      </c>
      <c r="D1078">
        <v>263437.00699999998</v>
      </c>
      <c r="E1078">
        <v>21943.028350000001</v>
      </c>
      <c r="F1078">
        <v>57106.077290000001</v>
      </c>
      <c r="G1078">
        <v>49879.220379999999</v>
      </c>
      <c r="H1078">
        <v>45813.511480000001</v>
      </c>
      <c r="I1078">
        <v>35845.441959999996</v>
      </c>
      <c r="J1078">
        <v>37058.823389999998</v>
      </c>
      <c r="K1078">
        <v>54905.073380000002</v>
      </c>
      <c r="L1078">
        <v>29288.10053</v>
      </c>
      <c r="M1078">
        <v>296315.80339999998</v>
      </c>
      <c r="N1078">
        <v>83922.476750000002</v>
      </c>
      <c r="O1078">
        <v>26577.878290000001</v>
      </c>
      <c r="P1078">
        <v>45561.651940000003</v>
      </c>
      <c r="Q1078">
        <v>83575.498569999996</v>
      </c>
      <c r="R1078">
        <v>24644.981100000001</v>
      </c>
      <c r="S1078">
        <v>86311.538079999998</v>
      </c>
      <c r="T1078">
        <v>38962.309630000003</v>
      </c>
      <c r="U1078">
        <v>18693.801009999999</v>
      </c>
      <c r="W1078" s="83">
        <f>Bühler!N1110</f>
        <v>45336.833333330724</v>
      </c>
      <c r="X1078" s="83">
        <v>43145.833333333336</v>
      </c>
      <c r="Y1078">
        <v>263437.00699999998</v>
      </c>
      <c r="Z1078">
        <v>21943.028350000001</v>
      </c>
      <c r="AA1078">
        <v>57106.077290000001</v>
      </c>
      <c r="AB1078">
        <v>49879.220379999999</v>
      </c>
      <c r="AC1078">
        <v>45813.511480000001</v>
      </c>
      <c r="AD1078">
        <v>35845.441959999996</v>
      </c>
      <c r="AE1078">
        <v>37058.823389999998</v>
      </c>
      <c r="AF1078">
        <v>54905.073380000002</v>
      </c>
      <c r="AG1078">
        <v>29288.10053</v>
      </c>
      <c r="AH1078">
        <v>296315.80339999998</v>
      </c>
      <c r="AI1078">
        <v>83922.476750000002</v>
      </c>
      <c r="AJ1078">
        <v>26577.878290000001</v>
      </c>
      <c r="AK1078">
        <v>45561.651940000003</v>
      </c>
      <c r="AL1078">
        <v>83575.498569999996</v>
      </c>
      <c r="AM1078">
        <v>24644.981100000001</v>
      </c>
      <c r="AN1078">
        <v>86311.538079999998</v>
      </c>
      <c r="AO1078">
        <v>38962.309630000003</v>
      </c>
      <c r="AP1078">
        <v>18693.801009999999</v>
      </c>
    </row>
    <row r="1079" spans="2:42" x14ac:dyDescent="0.3">
      <c r="B1079">
        <v>56.236908624961785</v>
      </c>
      <c r="C1079" s="83">
        <v>43145.875</v>
      </c>
      <c r="D1079">
        <v>255791.3639</v>
      </c>
      <c r="E1079">
        <v>19319.46817</v>
      </c>
      <c r="F1079">
        <v>49589.373829999997</v>
      </c>
      <c r="G1079">
        <v>47056.906269999999</v>
      </c>
      <c r="H1079">
        <v>43152.20304</v>
      </c>
      <c r="I1079">
        <v>31262.133969999999</v>
      </c>
      <c r="J1079">
        <v>36277.216110000001</v>
      </c>
      <c r="K1079">
        <v>53593.080880000001</v>
      </c>
      <c r="L1079">
        <v>27777.641179999999</v>
      </c>
      <c r="M1079">
        <v>286721.98580000002</v>
      </c>
      <c r="N1079">
        <v>81808.78559</v>
      </c>
      <c r="O1079">
        <v>24997.435389999999</v>
      </c>
      <c r="P1079">
        <v>42832.611340000003</v>
      </c>
      <c r="Q1079">
        <v>80722.026519999999</v>
      </c>
      <c r="R1079">
        <v>22225.570220000001</v>
      </c>
      <c r="S1079">
        <v>81100.0478</v>
      </c>
      <c r="T1079">
        <v>36217.136850000003</v>
      </c>
      <c r="U1079">
        <v>17452.121569999999</v>
      </c>
      <c r="W1079" s="83">
        <f>Bühler!N1111</f>
        <v>45336.874999997388</v>
      </c>
      <c r="X1079" s="83">
        <v>43145.875</v>
      </c>
      <c r="Y1079">
        <v>255791.3639</v>
      </c>
      <c r="Z1079">
        <v>19319.46817</v>
      </c>
      <c r="AA1079">
        <v>49589.373829999997</v>
      </c>
      <c r="AB1079">
        <v>47056.906269999999</v>
      </c>
      <c r="AC1079">
        <v>43152.20304</v>
      </c>
      <c r="AD1079">
        <v>31262.133969999999</v>
      </c>
      <c r="AE1079">
        <v>36277.216110000001</v>
      </c>
      <c r="AF1079">
        <v>53593.080880000001</v>
      </c>
      <c r="AG1079">
        <v>27777.641179999999</v>
      </c>
      <c r="AH1079">
        <v>286721.98580000002</v>
      </c>
      <c r="AI1079">
        <v>81808.78559</v>
      </c>
      <c r="AJ1079">
        <v>24997.435389999999</v>
      </c>
      <c r="AK1079">
        <v>42832.611340000003</v>
      </c>
      <c r="AL1079">
        <v>80722.026519999999</v>
      </c>
      <c r="AM1079">
        <v>22225.570220000001</v>
      </c>
      <c r="AN1079">
        <v>81100.0478</v>
      </c>
      <c r="AO1079">
        <v>36217.136850000003</v>
      </c>
      <c r="AP1079">
        <v>17452.121569999999</v>
      </c>
    </row>
    <row r="1080" spans="2:42" x14ac:dyDescent="0.3">
      <c r="B1080">
        <v>56.167930509502639</v>
      </c>
      <c r="C1080" s="83">
        <v>43145.916666666664</v>
      </c>
      <c r="D1080">
        <v>255173.69390000001</v>
      </c>
      <c r="E1080">
        <v>18552.92308</v>
      </c>
      <c r="F1080">
        <v>47652.111279999997</v>
      </c>
      <c r="G1080">
        <v>45777.439960000003</v>
      </c>
      <c r="H1080">
        <v>42529.482859999996</v>
      </c>
      <c r="I1080">
        <v>30572.589769999999</v>
      </c>
      <c r="J1080">
        <v>35013.243979999999</v>
      </c>
      <c r="K1080">
        <v>56278.833850000003</v>
      </c>
      <c r="L1080">
        <v>25114.463339999998</v>
      </c>
      <c r="M1080">
        <v>286370.30320000002</v>
      </c>
      <c r="N1080">
        <v>81838.464200000002</v>
      </c>
      <c r="O1080">
        <v>26741.66706</v>
      </c>
      <c r="P1080">
        <v>45643.131650000003</v>
      </c>
      <c r="Q1080">
        <v>80657.253450000004</v>
      </c>
      <c r="R1080">
        <v>31344.270990000001</v>
      </c>
      <c r="S1080">
        <v>81357.118390000003</v>
      </c>
      <c r="T1080">
        <v>32510.481449999999</v>
      </c>
      <c r="U1080">
        <v>19230.266210000002</v>
      </c>
      <c r="W1080" s="83">
        <f>Bühler!N1112</f>
        <v>45336.916666664052</v>
      </c>
      <c r="X1080" s="83">
        <v>43145.916666666664</v>
      </c>
      <c r="Y1080">
        <v>255173.69390000001</v>
      </c>
      <c r="Z1080">
        <v>18552.92308</v>
      </c>
      <c r="AA1080">
        <v>47652.111279999997</v>
      </c>
      <c r="AB1080">
        <v>45777.439960000003</v>
      </c>
      <c r="AC1080">
        <v>42529.482859999996</v>
      </c>
      <c r="AD1080">
        <v>30572.589769999999</v>
      </c>
      <c r="AE1080">
        <v>35013.243979999999</v>
      </c>
      <c r="AF1080">
        <v>56278.833850000003</v>
      </c>
      <c r="AG1080">
        <v>25114.463339999998</v>
      </c>
      <c r="AH1080">
        <v>286370.30320000002</v>
      </c>
      <c r="AI1080">
        <v>81838.464200000002</v>
      </c>
      <c r="AJ1080">
        <v>26741.66706</v>
      </c>
      <c r="AK1080">
        <v>45643.131650000003</v>
      </c>
      <c r="AL1080">
        <v>80657.253450000004</v>
      </c>
      <c r="AM1080">
        <v>31344.270990000001</v>
      </c>
      <c r="AN1080">
        <v>81357.118390000003</v>
      </c>
      <c r="AO1080">
        <v>32510.481449999999</v>
      </c>
      <c r="AP1080">
        <v>19230.266210000002</v>
      </c>
    </row>
    <row r="1081" spans="2:42" x14ac:dyDescent="0.3">
      <c r="B1081">
        <v>55.438715378786689</v>
      </c>
      <c r="C1081" s="83">
        <v>43145.958333333336</v>
      </c>
      <c r="D1081">
        <v>255750.34950000001</v>
      </c>
      <c r="E1081">
        <v>18406.9316</v>
      </c>
      <c r="F1081">
        <v>46927.842649999999</v>
      </c>
      <c r="G1081">
        <v>45176.776919999997</v>
      </c>
      <c r="H1081">
        <v>42127.033790000001</v>
      </c>
      <c r="I1081">
        <v>28970.460630000001</v>
      </c>
      <c r="J1081">
        <v>32649.866900000001</v>
      </c>
      <c r="K1081">
        <v>55612.756079999999</v>
      </c>
      <c r="L1081">
        <v>21889.580529999999</v>
      </c>
      <c r="M1081">
        <v>282652.42440000002</v>
      </c>
      <c r="N1081">
        <v>81816.001749999996</v>
      </c>
      <c r="O1081">
        <v>27138.918119999998</v>
      </c>
      <c r="P1081">
        <v>39632.591410000001</v>
      </c>
      <c r="Q1081">
        <v>80160.910839999997</v>
      </c>
      <c r="R1081">
        <v>33645.863839999998</v>
      </c>
      <c r="S1081">
        <v>80233.440549999999</v>
      </c>
      <c r="T1081">
        <v>33802.763989999999</v>
      </c>
      <c r="U1081">
        <v>18823.32764</v>
      </c>
      <c r="W1081" s="83">
        <f>Bühler!N1113</f>
        <v>45336.958333330716</v>
      </c>
      <c r="X1081" s="83">
        <v>43145.958333333336</v>
      </c>
      <c r="Y1081">
        <v>255750.34950000001</v>
      </c>
      <c r="Z1081">
        <v>18406.9316</v>
      </c>
      <c r="AA1081">
        <v>46927.842649999999</v>
      </c>
      <c r="AB1081">
        <v>45176.776919999997</v>
      </c>
      <c r="AC1081">
        <v>42127.033790000001</v>
      </c>
      <c r="AD1081">
        <v>28970.460630000001</v>
      </c>
      <c r="AE1081">
        <v>32649.866900000001</v>
      </c>
      <c r="AF1081">
        <v>55612.756079999999</v>
      </c>
      <c r="AG1081">
        <v>21889.580529999999</v>
      </c>
      <c r="AH1081">
        <v>282652.42440000002</v>
      </c>
      <c r="AI1081">
        <v>81816.001749999996</v>
      </c>
      <c r="AJ1081">
        <v>27138.918119999998</v>
      </c>
      <c r="AK1081">
        <v>39632.591410000001</v>
      </c>
      <c r="AL1081">
        <v>80160.910839999997</v>
      </c>
      <c r="AM1081">
        <v>33645.863839999998</v>
      </c>
      <c r="AN1081">
        <v>80233.440549999999</v>
      </c>
      <c r="AO1081">
        <v>33802.763989999999</v>
      </c>
      <c r="AP1081">
        <v>18823.32764</v>
      </c>
    </row>
    <row r="1082" spans="2:42" x14ac:dyDescent="0.3">
      <c r="B1082">
        <v>55.385131363187362</v>
      </c>
      <c r="C1082" s="83">
        <v>43146</v>
      </c>
      <c r="D1082">
        <v>255833.26800000001</v>
      </c>
      <c r="E1082">
        <v>18237.049500000001</v>
      </c>
      <c r="F1082">
        <v>46235.570140000003</v>
      </c>
      <c r="G1082">
        <v>44822.389459999999</v>
      </c>
      <c r="H1082">
        <v>41288.912660000002</v>
      </c>
      <c r="I1082">
        <v>27277.787090000002</v>
      </c>
      <c r="J1082">
        <v>30699.581300000002</v>
      </c>
      <c r="K1082">
        <v>53387.031969999996</v>
      </c>
      <c r="L1082">
        <v>20369.709589999999</v>
      </c>
      <c r="M1082">
        <v>282379.22810000001</v>
      </c>
      <c r="N1082">
        <v>80969.994330000001</v>
      </c>
      <c r="O1082">
        <v>26618.590080000002</v>
      </c>
      <c r="P1082">
        <v>37523.415330000003</v>
      </c>
      <c r="Q1082">
        <v>80567.897859999997</v>
      </c>
      <c r="R1082">
        <v>30171.020779999999</v>
      </c>
      <c r="S1082">
        <v>79426.297500000001</v>
      </c>
      <c r="T1082">
        <v>32286.309010000001</v>
      </c>
      <c r="U1082">
        <v>18510.876209999999</v>
      </c>
      <c r="W1082" s="83">
        <f>Bühler!N1114</f>
        <v>45336.999999997381</v>
      </c>
      <c r="X1082" s="83">
        <v>43146</v>
      </c>
      <c r="Y1082">
        <v>255833.26800000001</v>
      </c>
      <c r="Z1082">
        <v>18237.049500000001</v>
      </c>
      <c r="AA1082">
        <v>46235.570140000003</v>
      </c>
      <c r="AB1082">
        <v>44822.389459999999</v>
      </c>
      <c r="AC1082">
        <v>41288.912660000002</v>
      </c>
      <c r="AD1082">
        <v>27277.787090000002</v>
      </c>
      <c r="AE1082">
        <v>30699.581300000002</v>
      </c>
      <c r="AF1082">
        <v>53387.031969999996</v>
      </c>
      <c r="AG1082">
        <v>20369.709589999999</v>
      </c>
      <c r="AH1082">
        <v>282379.22810000001</v>
      </c>
      <c r="AI1082">
        <v>80969.994330000001</v>
      </c>
      <c r="AJ1082">
        <v>26618.590080000002</v>
      </c>
      <c r="AK1082">
        <v>37523.415330000003</v>
      </c>
      <c r="AL1082">
        <v>80567.897859999997</v>
      </c>
      <c r="AM1082">
        <v>30171.020779999999</v>
      </c>
      <c r="AN1082">
        <v>79426.297500000001</v>
      </c>
      <c r="AO1082">
        <v>32286.309010000001</v>
      </c>
      <c r="AP1082">
        <v>18510.876209999999</v>
      </c>
    </row>
    <row r="1083" spans="2:42" x14ac:dyDescent="0.3">
      <c r="B1083">
        <v>56.573859716677937</v>
      </c>
      <c r="C1083" s="83">
        <v>43146.041666666664</v>
      </c>
      <c r="D1083">
        <v>254662.76139999999</v>
      </c>
      <c r="E1083">
        <v>18663.246449999999</v>
      </c>
      <c r="F1083">
        <v>50376.143150000004</v>
      </c>
      <c r="G1083">
        <v>44937.335480000002</v>
      </c>
      <c r="H1083">
        <v>42114.036289999996</v>
      </c>
      <c r="I1083">
        <v>24104.4306</v>
      </c>
      <c r="J1083">
        <v>34844.039449999997</v>
      </c>
      <c r="K1083">
        <v>52857.134639999997</v>
      </c>
      <c r="L1083">
        <v>19989.39329</v>
      </c>
      <c r="M1083">
        <v>288439.91960000002</v>
      </c>
      <c r="N1083">
        <v>82844.590259999997</v>
      </c>
      <c r="O1083">
        <v>26678.981660000001</v>
      </c>
      <c r="P1083">
        <v>35561.059930000003</v>
      </c>
      <c r="Q1083">
        <v>80844.105559999996</v>
      </c>
      <c r="R1083">
        <v>28306.338179999999</v>
      </c>
      <c r="S1083">
        <v>83319.896049999996</v>
      </c>
      <c r="T1083">
        <v>32025.64574</v>
      </c>
      <c r="U1083">
        <v>19463.213930000002</v>
      </c>
      <c r="W1083" s="83">
        <f>Bühler!N1115</f>
        <v>45337.041666664045</v>
      </c>
      <c r="X1083" s="83">
        <v>43146.041666666664</v>
      </c>
      <c r="Y1083">
        <v>254662.76139999999</v>
      </c>
      <c r="Z1083">
        <v>18663.246449999999</v>
      </c>
      <c r="AA1083">
        <v>50376.143150000004</v>
      </c>
      <c r="AB1083">
        <v>44937.335480000002</v>
      </c>
      <c r="AC1083">
        <v>42114.036289999996</v>
      </c>
      <c r="AD1083">
        <v>24104.4306</v>
      </c>
      <c r="AE1083">
        <v>34844.039449999997</v>
      </c>
      <c r="AF1083">
        <v>52857.134639999997</v>
      </c>
      <c r="AG1083">
        <v>19989.39329</v>
      </c>
      <c r="AH1083">
        <v>288439.91960000002</v>
      </c>
      <c r="AI1083">
        <v>82844.590259999997</v>
      </c>
      <c r="AJ1083">
        <v>26678.981660000001</v>
      </c>
      <c r="AK1083">
        <v>35561.059930000003</v>
      </c>
      <c r="AL1083">
        <v>80844.105559999996</v>
      </c>
      <c r="AM1083">
        <v>28306.338179999999</v>
      </c>
      <c r="AN1083">
        <v>83319.896049999996</v>
      </c>
      <c r="AO1083">
        <v>32025.64574</v>
      </c>
      <c r="AP1083">
        <v>19463.213930000002</v>
      </c>
    </row>
    <row r="1084" spans="2:42" x14ac:dyDescent="0.3">
      <c r="B1084">
        <v>57.183748375628518</v>
      </c>
      <c r="C1084" s="83">
        <v>43146.083333333336</v>
      </c>
      <c r="D1084">
        <v>257337.9921</v>
      </c>
      <c r="E1084">
        <v>18837.032060000001</v>
      </c>
      <c r="F1084">
        <v>51740.549749999998</v>
      </c>
      <c r="G1084">
        <v>44957.285409999997</v>
      </c>
      <c r="H1084">
        <v>41871.498789999998</v>
      </c>
      <c r="I1084">
        <v>22687.021959999998</v>
      </c>
      <c r="J1084">
        <v>35245.525370000003</v>
      </c>
      <c r="K1084">
        <v>51456.189960000003</v>
      </c>
      <c r="L1084">
        <v>20235.03139</v>
      </c>
      <c r="M1084">
        <v>291549.41639999999</v>
      </c>
      <c r="N1084">
        <v>82812.831699999995</v>
      </c>
      <c r="O1084">
        <v>26333.22191</v>
      </c>
      <c r="P1084">
        <v>35556.631419999998</v>
      </c>
      <c r="Q1084">
        <v>83370.890660000005</v>
      </c>
      <c r="R1084">
        <v>29096.83568</v>
      </c>
      <c r="S1084">
        <v>84162.843850000005</v>
      </c>
      <c r="T1084">
        <v>30968.455720000002</v>
      </c>
      <c r="U1084">
        <v>19734.23978</v>
      </c>
      <c r="W1084" s="83">
        <f>Bühler!N1116</f>
        <v>45337.083333330709</v>
      </c>
      <c r="X1084" s="83">
        <v>43146.083333333336</v>
      </c>
      <c r="Y1084">
        <v>257337.9921</v>
      </c>
      <c r="Z1084">
        <v>18837.032060000001</v>
      </c>
      <c r="AA1084">
        <v>51740.549749999998</v>
      </c>
      <c r="AB1084">
        <v>44957.285409999997</v>
      </c>
      <c r="AC1084">
        <v>41871.498789999998</v>
      </c>
      <c r="AD1084">
        <v>22687.021959999998</v>
      </c>
      <c r="AE1084">
        <v>35245.525370000003</v>
      </c>
      <c r="AF1084">
        <v>51456.189960000003</v>
      </c>
      <c r="AG1084">
        <v>20235.03139</v>
      </c>
      <c r="AH1084">
        <v>291549.41639999999</v>
      </c>
      <c r="AI1084">
        <v>82812.831699999995</v>
      </c>
      <c r="AJ1084">
        <v>26333.22191</v>
      </c>
      <c r="AK1084">
        <v>35556.631419999998</v>
      </c>
      <c r="AL1084">
        <v>83370.890660000005</v>
      </c>
      <c r="AM1084">
        <v>29096.83568</v>
      </c>
      <c r="AN1084">
        <v>84162.843850000005</v>
      </c>
      <c r="AO1084">
        <v>30968.455720000002</v>
      </c>
      <c r="AP1084">
        <v>19734.23978</v>
      </c>
    </row>
    <row r="1085" spans="2:42" x14ac:dyDescent="0.3">
      <c r="B1085">
        <v>57.235306703637249</v>
      </c>
      <c r="C1085" s="83">
        <v>43146.125</v>
      </c>
      <c r="D1085">
        <v>257158.98800000001</v>
      </c>
      <c r="E1085">
        <v>18930.150720000001</v>
      </c>
      <c r="F1085">
        <v>53270.669430000002</v>
      </c>
      <c r="G1085">
        <v>44203.36522</v>
      </c>
      <c r="H1085">
        <v>42460.387470000001</v>
      </c>
      <c r="I1085">
        <v>22914.967970000002</v>
      </c>
      <c r="J1085">
        <v>36042.860110000001</v>
      </c>
      <c r="K1085">
        <v>49756.901960000003</v>
      </c>
      <c r="L1085">
        <v>20073.857120000001</v>
      </c>
      <c r="M1085">
        <v>291812.28480000002</v>
      </c>
      <c r="N1085">
        <v>82975.840729999996</v>
      </c>
      <c r="O1085">
        <v>26912.487410000002</v>
      </c>
      <c r="P1085">
        <v>35026.128360000002</v>
      </c>
      <c r="Q1085">
        <v>85151.269069999995</v>
      </c>
      <c r="R1085">
        <v>29243.601760000001</v>
      </c>
      <c r="S1085">
        <v>83293.784899999999</v>
      </c>
      <c r="T1085">
        <v>30812.292890000001</v>
      </c>
      <c r="U1085">
        <v>19810.744259999999</v>
      </c>
      <c r="W1085" s="83">
        <f>Bühler!N1117</f>
        <v>45337.124999997373</v>
      </c>
      <c r="X1085" s="83">
        <v>43146.125</v>
      </c>
      <c r="Y1085">
        <v>257158.98800000001</v>
      </c>
      <c r="Z1085">
        <v>18930.150720000001</v>
      </c>
      <c r="AA1085">
        <v>53270.669430000002</v>
      </c>
      <c r="AB1085">
        <v>44203.36522</v>
      </c>
      <c r="AC1085">
        <v>42460.387470000001</v>
      </c>
      <c r="AD1085">
        <v>22914.967970000002</v>
      </c>
      <c r="AE1085">
        <v>36042.860110000001</v>
      </c>
      <c r="AF1085">
        <v>49756.901960000003</v>
      </c>
      <c r="AG1085">
        <v>20073.857120000001</v>
      </c>
      <c r="AH1085">
        <v>291812.28480000002</v>
      </c>
      <c r="AI1085">
        <v>82975.840729999996</v>
      </c>
      <c r="AJ1085">
        <v>26912.487410000002</v>
      </c>
      <c r="AK1085">
        <v>35026.128360000002</v>
      </c>
      <c r="AL1085">
        <v>85151.269069999995</v>
      </c>
      <c r="AM1085">
        <v>29243.601760000001</v>
      </c>
      <c r="AN1085">
        <v>83293.784899999999</v>
      </c>
      <c r="AO1085">
        <v>30812.292890000001</v>
      </c>
      <c r="AP1085">
        <v>19810.744259999999</v>
      </c>
    </row>
    <row r="1086" spans="2:42" x14ac:dyDescent="0.3">
      <c r="B1086">
        <v>58.380539153629329</v>
      </c>
      <c r="C1086" s="83">
        <v>43146.166666666664</v>
      </c>
      <c r="D1086">
        <v>260046.10010000001</v>
      </c>
      <c r="E1086">
        <v>19719.36881</v>
      </c>
      <c r="F1086">
        <v>57196.902950000003</v>
      </c>
      <c r="G1086">
        <v>44049.578350000003</v>
      </c>
      <c r="H1086">
        <v>43669.947480000003</v>
      </c>
      <c r="I1086">
        <v>26752.033500000001</v>
      </c>
      <c r="J1086">
        <v>38373.610240000002</v>
      </c>
      <c r="K1086">
        <v>47897.500549999997</v>
      </c>
      <c r="L1086">
        <v>20656.395560000001</v>
      </c>
      <c r="M1086">
        <v>297651.21389999997</v>
      </c>
      <c r="N1086">
        <v>82958.43432</v>
      </c>
      <c r="O1086">
        <v>27222.374080000001</v>
      </c>
      <c r="P1086">
        <v>34629.086589999999</v>
      </c>
      <c r="Q1086">
        <v>88413.875570000004</v>
      </c>
      <c r="R1086">
        <v>29018.295549999999</v>
      </c>
      <c r="S1086">
        <v>85206.936950000003</v>
      </c>
      <c r="T1086">
        <v>30595.459220000001</v>
      </c>
      <c r="U1086">
        <v>20518.244930000001</v>
      </c>
      <c r="W1086" s="83">
        <f>Bühler!N1118</f>
        <v>45337.166666664038</v>
      </c>
      <c r="X1086" s="83">
        <v>43146.166666666664</v>
      </c>
      <c r="Y1086">
        <v>260046.10010000001</v>
      </c>
      <c r="Z1086">
        <v>19719.36881</v>
      </c>
      <c r="AA1086">
        <v>57196.902950000003</v>
      </c>
      <c r="AB1086">
        <v>44049.578350000003</v>
      </c>
      <c r="AC1086">
        <v>43669.947480000003</v>
      </c>
      <c r="AD1086">
        <v>26752.033500000001</v>
      </c>
      <c r="AE1086">
        <v>38373.610240000002</v>
      </c>
      <c r="AF1086">
        <v>47897.500549999997</v>
      </c>
      <c r="AG1086">
        <v>20656.395560000001</v>
      </c>
      <c r="AH1086">
        <v>297651.21389999997</v>
      </c>
      <c r="AI1086">
        <v>82958.43432</v>
      </c>
      <c r="AJ1086">
        <v>27222.374080000001</v>
      </c>
      <c r="AK1086">
        <v>34629.086589999999</v>
      </c>
      <c r="AL1086">
        <v>88413.875570000004</v>
      </c>
      <c r="AM1086">
        <v>29018.295549999999</v>
      </c>
      <c r="AN1086">
        <v>85206.936950000003</v>
      </c>
      <c r="AO1086">
        <v>30595.459220000001</v>
      </c>
      <c r="AP1086">
        <v>20518.244930000001</v>
      </c>
    </row>
    <row r="1087" spans="2:42" x14ac:dyDescent="0.3">
      <c r="B1087">
        <v>61.387474822468064</v>
      </c>
      <c r="C1087" s="83">
        <v>43146.208333333336</v>
      </c>
      <c r="D1087">
        <v>275162.82319999998</v>
      </c>
      <c r="E1087">
        <v>21593.436460000001</v>
      </c>
      <c r="F1087">
        <v>67270.715289999993</v>
      </c>
      <c r="G1087">
        <v>46753.588880000003</v>
      </c>
      <c r="H1087">
        <v>45376.676639999998</v>
      </c>
      <c r="I1087">
        <v>34936.874210000002</v>
      </c>
      <c r="J1087">
        <v>41416.55545</v>
      </c>
      <c r="K1087">
        <v>49447.1757</v>
      </c>
      <c r="L1087">
        <v>21657.098160000001</v>
      </c>
      <c r="M1087">
        <v>312981.9742</v>
      </c>
      <c r="N1087">
        <v>85082.467340000003</v>
      </c>
      <c r="O1087">
        <v>27784.764569999999</v>
      </c>
      <c r="P1087">
        <v>35813.579250000003</v>
      </c>
      <c r="Q1087">
        <v>91242.005910000007</v>
      </c>
      <c r="R1087">
        <v>31749.637900000002</v>
      </c>
      <c r="S1087">
        <v>86879.8698</v>
      </c>
      <c r="T1087">
        <v>32216.766199999998</v>
      </c>
      <c r="U1087">
        <v>22554.42641</v>
      </c>
      <c r="W1087" s="83">
        <f>Bühler!N1119</f>
        <v>45337.208333330702</v>
      </c>
      <c r="X1087" s="83">
        <v>43146.208333333336</v>
      </c>
      <c r="Y1087">
        <v>275162.82319999998</v>
      </c>
      <c r="Z1087">
        <v>21593.436460000001</v>
      </c>
      <c r="AA1087">
        <v>67270.715289999993</v>
      </c>
      <c r="AB1087">
        <v>46753.588880000003</v>
      </c>
      <c r="AC1087">
        <v>45376.676639999998</v>
      </c>
      <c r="AD1087">
        <v>34936.874210000002</v>
      </c>
      <c r="AE1087">
        <v>41416.55545</v>
      </c>
      <c r="AF1087">
        <v>49447.1757</v>
      </c>
      <c r="AG1087">
        <v>21657.098160000001</v>
      </c>
      <c r="AH1087">
        <v>312981.9742</v>
      </c>
      <c r="AI1087">
        <v>85082.467340000003</v>
      </c>
      <c r="AJ1087">
        <v>27784.764569999999</v>
      </c>
      <c r="AK1087">
        <v>35813.579250000003</v>
      </c>
      <c r="AL1087">
        <v>91242.005910000007</v>
      </c>
      <c r="AM1087">
        <v>31749.637900000002</v>
      </c>
      <c r="AN1087">
        <v>86879.8698</v>
      </c>
      <c r="AO1087">
        <v>32216.766199999998</v>
      </c>
      <c r="AP1087">
        <v>22554.42641</v>
      </c>
    </row>
    <row r="1088" spans="2:42" x14ac:dyDescent="0.3">
      <c r="B1088">
        <v>64.557744844060522</v>
      </c>
      <c r="C1088" s="83">
        <v>43146.25</v>
      </c>
      <c r="D1088">
        <v>289218.18560000003</v>
      </c>
      <c r="E1088">
        <v>25972.55573</v>
      </c>
      <c r="F1088">
        <v>78882.266149999996</v>
      </c>
      <c r="G1088">
        <v>57716.07776</v>
      </c>
      <c r="H1088">
        <v>48506.23876</v>
      </c>
      <c r="I1088">
        <v>42690.161970000001</v>
      </c>
      <c r="J1088">
        <v>44072.105909999998</v>
      </c>
      <c r="K1088">
        <v>50701.905279999999</v>
      </c>
      <c r="L1088">
        <v>22771.312460000001</v>
      </c>
      <c r="M1088">
        <v>329145.48920000001</v>
      </c>
      <c r="N1088">
        <v>86130.570049999995</v>
      </c>
      <c r="O1088">
        <v>29142.679520000002</v>
      </c>
      <c r="P1088">
        <v>36163.362139999997</v>
      </c>
      <c r="Q1088">
        <v>93536.977840000007</v>
      </c>
      <c r="R1088">
        <v>22294.979090000001</v>
      </c>
      <c r="S1088">
        <v>93385.366469999994</v>
      </c>
      <c r="T1088">
        <v>35243.11249</v>
      </c>
      <c r="U1088">
        <v>24361.537339999999</v>
      </c>
      <c r="W1088" s="83">
        <f>Bühler!N1120</f>
        <v>45337.249999997366</v>
      </c>
      <c r="X1088" s="83">
        <v>43146.25</v>
      </c>
      <c r="Y1088">
        <v>289218.18560000003</v>
      </c>
      <c r="Z1088">
        <v>25972.55573</v>
      </c>
      <c r="AA1088">
        <v>78882.266149999996</v>
      </c>
      <c r="AB1088">
        <v>57716.07776</v>
      </c>
      <c r="AC1088">
        <v>48506.23876</v>
      </c>
      <c r="AD1088">
        <v>42690.161970000001</v>
      </c>
      <c r="AE1088">
        <v>44072.105909999998</v>
      </c>
      <c r="AF1088">
        <v>50701.905279999999</v>
      </c>
      <c r="AG1088">
        <v>22771.312460000001</v>
      </c>
      <c r="AH1088">
        <v>329145.48920000001</v>
      </c>
      <c r="AI1088">
        <v>86130.570049999995</v>
      </c>
      <c r="AJ1088">
        <v>29142.679520000002</v>
      </c>
      <c r="AK1088">
        <v>36163.362139999997</v>
      </c>
      <c r="AL1088">
        <v>93536.977840000007</v>
      </c>
      <c r="AM1088">
        <v>22294.979090000001</v>
      </c>
      <c r="AN1088">
        <v>93385.366469999994</v>
      </c>
      <c r="AO1088">
        <v>35243.11249</v>
      </c>
      <c r="AP1088">
        <v>24361.537339999999</v>
      </c>
    </row>
    <row r="1089" spans="2:42" x14ac:dyDescent="0.3">
      <c r="B1089">
        <v>65.032826866288985</v>
      </c>
      <c r="C1089" s="83">
        <v>43146.291666666664</v>
      </c>
      <c r="D1089">
        <v>303327.44569999998</v>
      </c>
      <c r="E1089">
        <v>31133.742719999998</v>
      </c>
      <c r="F1089">
        <v>76892.506689999995</v>
      </c>
      <c r="G1089">
        <v>69481.414539999998</v>
      </c>
      <c r="H1089">
        <v>54479.705650000004</v>
      </c>
      <c r="I1089">
        <v>49875.738299999997</v>
      </c>
      <c r="J1089">
        <v>41711.399360000003</v>
      </c>
      <c r="K1089">
        <v>54989.202129999998</v>
      </c>
      <c r="L1089">
        <v>25933.48775</v>
      </c>
      <c r="M1089">
        <v>331567.6789</v>
      </c>
      <c r="N1089">
        <v>91178.194539999997</v>
      </c>
      <c r="O1089">
        <v>31978.806069999999</v>
      </c>
      <c r="P1089">
        <v>39464.222719999998</v>
      </c>
      <c r="Q1089">
        <v>93781.527539999995</v>
      </c>
      <c r="R1089">
        <v>23882.132020000001</v>
      </c>
      <c r="S1089">
        <v>102893.18670000001</v>
      </c>
      <c r="T1089">
        <v>36066.810290000001</v>
      </c>
      <c r="U1089">
        <v>28177.7909</v>
      </c>
      <c r="W1089" s="83">
        <f>Bühler!N1121</f>
        <v>45337.29166666403</v>
      </c>
      <c r="X1089" s="83">
        <v>43146.291666666664</v>
      </c>
      <c r="Y1089">
        <v>303327.44569999998</v>
      </c>
      <c r="Z1089">
        <v>31133.742719999998</v>
      </c>
      <c r="AA1089">
        <v>76892.506689999995</v>
      </c>
      <c r="AB1089">
        <v>69481.414539999998</v>
      </c>
      <c r="AC1089">
        <v>54479.705650000004</v>
      </c>
      <c r="AD1089">
        <v>49875.738299999997</v>
      </c>
      <c r="AE1089">
        <v>41711.399360000003</v>
      </c>
      <c r="AF1089">
        <v>54989.202129999998</v>
      </c>
      <c r="AG1089">
        <v>25933.48775</v>
      </c>
      <c r="AH1089">
        <v>331567.6789</v>
      </c>
      <c r="AI1089">
        <v>91178.194539999997</v>
      </c>
      <c r="AJ1089">
        <v>31978.806069999999</v>
      </c>
      <c r="AK1089">
        <v>39464.222719999998</v>
      </c>
      <c r="AL1089">
        <v>93781.527539999995</v>
      </c>
      <c r="AM1089">
        <v>23882.132020000001</v>
      </c>
      <c r="AN1089">
        <v>102893.18670000001</v>
      </c>
      <c r="AO1089">
        <v>36066.810290000001</v>
      </c>
      <c r="AP1089">
        <v>28177.7909</v>
      </c>
    </row>
    <row r="1090" spans="2:42" x14ac:dyDescent="0.3">
      <c r="B1090">
        <v>65.571354928621332</v>
      </c>
      <c r="C1090" s="83">
        <v>43146.333333333336</v>
      </c>
      <c r="D1090">
        <v>314623.09590000001</v>
      </c>
      <c r="E1090">
        <v>37607.939619999997</v>
      </c>
      <c r="F1090">
        <v>81947.233609999996</v>
      </c>
      <c r="G1090">
        <v>83842.176089999994</v>
      </c>
      <c r="H1090">
        <v>59047.224739999998</v>
      </c>
      <c r="I1090">
        <v>53498.507940000003</v>
      </c>
      <c r="J1090">
        <v>41998.539360000002</v>
      </c>
      <c r="K1090">
        <v>58788.552680000001</v>
      </c>
      <c r="L1090">
        <v>28632.30257</v>
      </c>
      <c r="M1090">
        <v>334313.34610000002</v>
      </c>
      <c r="N1090">
        <v>99860.805670000002</v>
      </c>
      <c r="O1090">
        <v>33352.989600000001</v>
      </c>
      <c r="P1090">
        <v>42269.306550000001</v>
      </c>
      <c r="Q1090">
        <v>93627.173750000002</v>
      </c>
      <c r="R1090">
        <v>26165.53354</v>
      </c>
      <c r="S1090">
        <v>115189.3694</v>
      </c>
      <c r="T1090">
        <v>39157.862939999999</v>
      </c>
      <c r="U1090">
        <v>30691.103719999999</v>
      </c>
      <c r="W1090" s="83">
        <f>Bühler!N1122</f>
        <v>45337.333333330695</v>
      </c>
      <c r="X1090" s="83">
        <v>43146.333333333336</v>
      </c>
      <c r="Y1090">
        <v>314623.09590000001</v>
      </c>
      <c r="Z1090">
        <v>37607.939619999997</v>
      </c>
      <c r="AA1090">
        <v>81947.233609999996</v>
      </c>
      <c r="AB1090">
        <v>83842.176089999994</v>
      </c>
      <c r="AC1090">
        <v>59047.224739999998</v>
      </c>
      <c r="AD1090">
        <v>53498.507940000003</v>
      </c>
      <c r="AE1090">
        <v>41998.539360000002</v>
      </c>
      <c r="AF1090">
        <v>58788.552680000001</v>
      </c>
      <c r="AG1090">
        <v>28632.30257</v>
      </c>
      <c r="AH1090">
        <v>334313.34610000002</v>
      </c>
      <c r="AI1090">
        <v>99860.805670000002</v>
      </c>
      <c r="AJ1090">
        <v>33352.989600000001</v>
      </c>
      <c r="AK1090">
        <v>42269.306550000001</v>
      </c>
      <c r="AL1090">
        <v>93627.173750000002</v>
      </c>
      <c r="AM1090">
        <v>26165.53354</v>
      </c>
      <c r="AN1090">
        <v>115189.3694</v>
      </c>
      <c r="AO1090">
        <v>39157.862939999999</v>
      </c>
      <c r="AP1090">
        <v>30691.103719999999</v>
      </c>
    </row>
    <row r="1091" spans="2:42" x14ac:dyDescent="0.3">
      <c r="B1091">
        <v>64.803267931993645</v>
      </c>
      <c r="C1091" s="83">
        <v>43146.375</v>
      </c>
      <c r="D1091">
        <v>312603.39899999998</v>
      </c>
      <c r="E1091">
        <v>41653.867129999999</v>
      </c>
      <c r="F1091">
        <v>88300.212830000004</v>
      </c>
      <c r="G1091">
        <v>89837.122919999994</v>
      </c>
      <c r="H1091">
        <v>60283.497219999997</v>
      </c>
      <c r="I1091">
        <v>51193.092819999998</v>
      </c>
      <c r="J1091">
        <v>41449.260340000001</v>
      </c>
      <c r="K1091">
        <v>57227.918640000004</v>
      </c>
      <c r="L1091">
        <v>31603.753430000001</v>
      </c>
      <c r="M1091">
        <v>330397.28039999999</v>
      </c>
      <c r="N1091">
        <v>107568.8076</v>
      </c>
      <c r="O1091">
        <v>32805.981039999999</v>
      </c>
      <c r="P1091">
        <v>43488.07015</v>
      </c>
      <c r="Q1091">
        <v>93678.543179999993</v>
      </c>
      <c r="R1091">
        <v>25327.164110000002</v>
      </c>
      <c r="S1091">
        <v>122249.3898</v>
      </c>
      <c r="T1091">
        <v>41176.029560000003</v>
      </c>
      <c r="U1091">
        <v>30196.667860000001</v>
      </c>
      <c r="W1091" s="83">
        <f>Bühler!N1123</f>
        <v>45337.374999997359</v>
      </c>
      <c r="X1091" s="83">
        <v>43146.375</v>
      </c>
      <c r="Y1091">
        <v>312603.39899999998</v>
      </c>
      <c r="Z1091">
        <v>41653.867129999999</v>
      </c>
      <c r="AA1091">
        <v>88300.212830000004</v>
      </c>
      <c r="AB1091">
        <v>89837.122919999994</v>
      </c>
      <c r="AC1091">
        <v>60283.497219999997</v>
      </c>
      <c r="AD1091">
        <v>51193.092819999998</v>
      </c>
      <c r="AE1091">
        <v>41449.260340000001</v>
      </c>
      <c r="AF1091">
        <v>57227.918640000004</v>
      </c>
      <c r="AG1091">
        <v>31603.753430000001</v>
      </c>
      <c r="AH1091">
        <v>330397.28039999999</v>
      </c>
      <c r="AI1091">
        <v>107568.8076</v>
      </c>
      <c r="AJ1091">
        <v>32805.981039999999</v>
      </c>
      <c r="AK1091">
        <v>43488.07015</v>
      </c>
      <c r="AL1091">
        <v>93678.543179999993</v>
      </c>
      <c r="AM1091">
        <v>25327.164110000002</v>
      </c>
      <c r="AN1091">
        <v>122249.3898</v>
      </c>
      <c r="AO1091">
        <v>41176.029560000003</v>
      </c>
      <c r="AP1091">
        <v>30196.667860000001</v>
      </c>
    </row>
    <row r="1092" spans="2:42" x14ac:dyDescent="0.3">
      <c r="B1092">
        <v>66.130060745027166</v>
      </c>
      <c r="C1092" s="83">
        <v>43146.416666666664</v>
      </c>
      <c r="D1092">
        <v>312879.8149</v>
      </c>
      <c r="E1092">
        <v>43097.370889999998</v>
      </c>
      <c r="F1092">
        <v>88382.54019</v>
      </c>
      <c r="G1092">
        <v>90191.224029999998</v>
      </c>
      <c r="H1092">
        <v>61080.625820000001</v>
      </c>
      <c r="I1092">
        <v>47526.29941</v>
      </c>
      <c r="J1092">
        <v>40195.981290000003</v>
      </c>
      <c r="K1092">
        <v>59204.066930000001</v>
      </c>
      <c r="L1092">
        <v>33772.42525</v>
      </c>
      <c r="M1092">
        <v>337161.88890000002</v>
      </c>
      <c r="N1092">
        <v>111440.2512</v>
      </c>
      <c r="O1092">
        <v>32805.863310000001</v>
      </c>
      <c r="P1092">
        <v>43642.082990000003</v>
      </c>
      <c r="Q1092">
        <v>94492.744690000007</v>
      </c>
      <c r="R1092">
        <v>25715.337940000001</v>
      </c>
      <c r="S1092">
        <v>120089.76730000001</v>
      </c>
      <c r="T1092">
        <v>42481.723449999998</v>
      </c>
      <c r="U1092">
        <v>29667.405699999999</v>
      </c>
      <c r="W1092" s="83">
        <f>Bühler!N1124</f>
        <v>45337.416666664023</v>
      </c>
      <c r="X1092" s="83">
        <v>43146.416666666664</v>
      </c>
      <c r="Y1092">
        <v>312879.8149</v>
      </c>
      <c r="Z1092">
        <v>43097.370889999998</v>
      </c>
      <c r="AA1092">
        <v>88382.54019</v>
      </c>
      <c r="AB1092">
        <v>90191.224029999998</v>
      </c>
      <c r="AC1092">
        <v>61080.625820000001</v>
      </c>
      <c r="AD1092">
        <v>47526.29941</v>
      </c>
      <c r="AE1092">
        <v>40195.981290000003</v>
      </c>
      <c r="AF1092">
        <v>59204.066930000001</v>
      </c>
      <c r="AG1092">
        <v>33772.42525</v>
      </c>
      <c r="AH1092">
        <v>337161.88890000002</v>
      </c>
      <c r="AI1092">
        <v>111440.2512</v>
      </c>
      <c r="AJ1092">
        <v>32805.863310000001</v>
      </c>
      <c r="AK1092">
        <v>43642.082990000003</v>
      </c>
      <c r="AL1092">
        <v>94492.744690000007</v>
      </c>
      <c r="AM1092">
        <v>25715.337940000001</v>
      </c>
      <c r="AN1092">
        <v>120089.76730000001</v>
      </c>
      <c r="AO1092">
        <v>42481.723449999998</v>
      </c>
      <c r="AP1092">
        <v>29667.405699999999</v>
      </c>
    </row>
    <row r="1093" spans="2:42" x14ac:dyDescent="0.3">
      <c r="B1093">
        <v>66.082921765600688</v>
      </c>
      <c r="C1093" s="83">
        <v>43146.458333333336</v>
      </c>
      <c r="D1093">
        <v>310845.6826</v>
      </c>
      <c r="E1093">
        <v>42350.754610000004</v>
      </c>
      <c r="F1093">
        <v>88457.496599999999</v>
      </c>
      <c r="G1093">
        <v>86838.663289999997</v>
      </c>
      <c r="H1093">
        <v>60386.326070000003</v>
      </c>
      <c r="I1093">
        <v>45457.220370000003</v>
      </c>
      <c r="J1093">
        <v>39276.501389999998</v>
      </c>
      <c r="K1093">
        <v>64709.544670000003</v>
      </c>
      <c r="L1093">
        <v>35059.767090000001</v>
      </c>
      <c r="M1093">
        <v>336921.55239999999</v>
      </c>
      <c r="N1093">
        <v>108977.59020000001</v>
      </c>
      <c r="O1093">
        <v>32149.477200000001</v>
      </c>
      <c r="P1093">
        <v>42577.176979999997</v>
      </c>
      <c r="Q1093">
        <v>93857.441579999999</v>
      </c>
      <c r="R1093">
        <v>28753.141469999999</v>
      </c>
      <c r="S1093">
        <v>121346.92260000001</v>
      </c>
      <c r="T1093">
        <v>42388.522790000003</v>
      </c>
      <c r="U1093">
        <v>28958.62026</v>
      </c>
      <c r="W1093" s="83">
        <f>Bühler!N1125</f>
        <v>45337.458333330687</v>
      </c>
      <c r="X1093" s="83">
        <v>43146.458333333336</v>
      </c>
      <c r="Y1093">
        <v>310845.6826</v>
      </c>
      <c r="Z1093">
        <v>42350.754610000004</v>
      </c>
      <c r="AA1093">
        <v>88457.496599999999</v>
      </c>
      <c r="AB1093">
        <v>86838.663289999997</v>
      </c>
      <c r="AC1093">
        <v>60386.326070000003</v>
      </c>
      <c r="AD1093">
        <v>45457.220370000003</v>
      </c>
      <c r="AE1093">
        <v>39276.501389999998</v>
      </c>
      <c r="AF1093">
        <v>64709.544670000003</v>
      </c>
      <c r="AG1093">
        <v>35059.767090000001</v>
      </c>
      <c r="AH1093">
        <v>336921.55239999999</v>
      </c>
      <c r="AI1093">
        <v>108977.59020000001</v>
      </c>
      <c r="AJ1093">
        <v>32149.477200000001</v>
      </c>
      <c r="AK1093">
        <v>42577.176979999997</v>
      </c>
      <c r="AL1093">
        <v>93857.441579999999</v>
      </c>
      <c r="AM1093">
        <v>28753.141469999999</v>
      </c>
      <c r="AN1093">
        <v>121346.92260000001</v>
      </c>
      <c r="AO1093">
        <v>42388.522790000003</v>
      </c>
      <c r="AP1093">
        <v>28958.62026</v>
      </c>
    </row>
    <row r="1094" spans="2:42" x14ac:dyDescent="0.3">
      <c r="B1094">
        <v>64.589812703105622</v>
      </c>
      <c r="C1094" s="83">
        <v>43146.5</v>
      </c>
      <c r="D1094">
        <v>297256.8371</v>
      </c>
      <c r="E1094">
        <v>37621.507810000003</v>
      </c>
      <c r="F1094">
        <v>86046.732440000007</v>
      </c>
      <c r="G1094">
        <v>84367.312479999993</v>
      </c>
      <c r="H1094">
        <v>56337.251629999999</v>
      </c>
      <c r="I1094">
        <v>42756.982380000001</v>
      </c>
      <c r="J1094">
        <v>38521.475429999999</v>
      </c>
      <c r="K1094">
        <v>63040.389009999999</v>
      </c>
      <c r="L1094">
        <v>36397.263650000001</v>
      </c>
      <c r="M1094">
        <v>329308.98609999998</v>
      </c>
      <c r="N1094">
        <v>103639.72040000001</v>
      </c>
      <c r="O1094">
        <v>30571.4247</v>
      </c>
      <c r="P1094">
        <v>42660.867720000002</v>
      </c>
      <c r="Q1094">
        <v>92554.530039999998</v>
      </c>
      <c r="R1094">
        <v>28112.04737</v>
      </c>
      <c r="S1094">
        <v>113429.6406</v>
      </c>
      <c r="T1094">
        <v>42323.259579999998</v>
      </c>
      <c r="U1094">
        <v>24881.22537</v>
      </c>
      <c r="W1094" s="83">
        <f>Bühler!N1126</f>
        <v>45337.499999997352</v>
      </c>
      <c r="X1094" s="83">
        <v>43146.5</v>
      </c>
      <c r="Y1094">
        <v>297256.8371</v>
      </c>
      <c r="Z1094">
        <v>37621.507810000003</v>
      </c>
      <c r="AA1094">
        <v>86046.732440000007</v>
      </c>
      <c r="AB1094">
        <v>84367.312479999993</v>
      </c>
      <c r="AC1094">
        <v>56337.251629999999</v>
      </c>
      <c r="AD1094">
        <v>42756.982380000001</v>
      </c>
      <c r="AE1094">
        <v>38521.475429999999</v>
      </c>
      <c r="AF1094">
        <v>63040.389009999999</v>
      </c>
      <c r="AG1094">
        <v>36397.263650000001</v>
      </c>
      <c r="AH1094">
        <v>329308.98609999998</v>
      </c>
      <c r="AI1094">
        <v>103639.72040000001</v>
      </c>
      <c r="AJ1094">
        <v>30571.4247</v>
      </c>
      <c r="AK1094">
        <v>42660.867720000002</v>
      </c>
      <c r="AL1094">
        <v>92554.530039999998</v>
      </c>
      <c r="AM1094">
        <v>28112.04737</v>
      </c>
      <c r="AN1094">
        <v>113429.6406</v>
      </c>
      <c r="AO1094">
        <v>42323.259579999998</v>
      </c>
      <c r="AP1094">
        <v>24881.22537</v>
      </c>
    </row>
    <row r="1095" spans="2:42" x14ac:dyDescent="0.3">
      <c r="B1095">
        <v>63.835447362228471</v>
      </c>
      <c r="C1095" s="83">
        <v>43146.541666666664</v>
      </c>
      <c r="D1095">
        <v>298164.0747</v>
      </c>
      <c r="E1095">
        <v>36915.076410000001</v>
      </c>
      <c r="F1095">
        <v>85330.327730000005</v>
      </c>
      <c r="G1095">
        <v>81705.096879999997</v>
      </c>
      <c r="H1095">
        <v>56498.961410000004</v>
      </c>
      <c r="I1095">
        <v>41285.864079999999</v>
      </c>
      <c r="J1095">
        <v>36976.84276</v>
      </c>
      <c r="K1095">
        <v>64294.390930000001</v>
      </c>
      <c r="L1095">
        <v>34182.280769999998</v>
      </c>
      <c r="M1095">
        <v>325462.8798</v>
      </c>
      <c r="N1095">
        <v>102670.97259999999</v>
      </c>
      <c r="O1095">
        <v>29071.119890000002</v>
      </c>
      <c r="P1095">
        <v>42170.655299999999</v>
      </c>
      <c r="Q1095">
        <v>91227.470010000005</v>
      </c>
      <c r="R1095">
        <v>27523.167720000001</v>
      </c>
      <c r="S1095">
        <v>113462.4051</v>
      </c>
      <c r="T1095">
        <v>41022.548419999999</v>
      </c>
      <c r="U1095">
        <v>26188.349470000001</v>
      </c>
      <c r="W1095" s="83">
        <f>Bühler!N1127</f>
        <v>45337.541666664016</v>
      </c>
      <c r="X1095" s="83">
        <v>43146.541666666664</v>
      </c>
      <c r="Y1095">
        <v>298164.0747</v>
      </c>
      <c r="Z1095">
        <v>36915.076410000001</v>
      </c>
      <c r="AA1095">
        <v>85330.327730000005</v>
      </c>
      <c r="AB1095">
        <v>81705.096879999997</v>
      </c>
      <c r="AC1095">
        <v>56498.961410000004</v>
      </c>
      <c r="AD1095">
        <v>41285.864079999999</v>
      </c>
      <c r="AE1095">
        <v>36976.84276</v>
      </c>
      <c r="AF1095">
        <v>64294.390930000001</v>
      </c>
      <c r="AG1095">
        <v>34182.280769999998</v>
      </c>
      <c r="AH1095">
        <v>325462.8798</v>
      </c>
      <c r="AI1095">
        <v>102670.97259999999</v>
      </c>
      <c r="AJ1095">
        <v>29071.119890000002</v>
      </c>
      <c r="AK1095">
        <v>42170.655299999999</v>
      </c>
      <c r="AL1095">
        <v>91227.470010000005</v>
      </c>
      <c r="AM1095">
        <v>27523.167720000001</v>
      </c>
      <c r="AN1095">
        <v>113462.4051</v>
      </c>
      <c r="AO1095">
        <v>41022.548419999999</v>
      </c>
      <c r="AP1095">
        <v>26188.349470000001</v>
      </c>
    </row>
    <row r="1096" spans="2:42" x14ac:dyDescent="0.3">
      <c r="B1096">
        <v>63.646243700715232</v>
      </c>
      <c r="C1096" s="83">
        <v>43146.583333333336</v>
      </c>
      <c r="D1096">
        <v>298857.62569999998</v>
      </c>
      <c r="E1096">
        <v>39170.54578</v>
      </c>
      <c r="F1096">
        <v>87634.188110000003</v>
      </c>
      <c r="G1096">
        <v>77622.477799999993</v>
      </c>
      <c r="H1096">
        <v>55899.281719999999</v>
      </c>
      <c r="I1096">
        <v>42062.638279999999</v>
      </c>
      <c r="J1096">
        <v>35968.240330000001</v>
      </c>
      <c r="K1096">
        <v>65962.548639999994</v>
      </c>
      <c r="L1096">
        <v>31358.58826</v>
      </c>
      <c r="M1096">
        <v>324498.23129999998</v>
      </c>
      <c r="N1096">
        <v>103600.6001</v>
      </c>
      <c r="O1096">
        <v>28658.938170000001</v>
      </c>
      <c r="P1096">
        <v>38123.951209999999</v>
      </c>
      <c r="Q1096">
        <v>91040.05459</v>
      </c>
      <c r="R1096">
        <v>26663.671539999999</v>
      </c>
      <c r="S1096">
        <v>109617.6112</v>
      </c>
      <c r="T1096">
        <v>38414.912250000001</v>
      </c>
      <c r="U1096">
        <v>25981.737550000002</v>
      </c>
      <c r="W1096" s="83">
        <f>Bühler!N1128</f>
        <v>45337.58333333068</v>
      </c>
      <c r="X1096" s="83">
        <v>43146.583333333336</v>
      </c>
      <c r="Y1096">
        <v>298857.62569999998</v>
      </c>
      <c r="Z1096">
        <v>39170.54578</v>
      </c>
      <c r="AA1096">
        <v>87634.188110000003</v>
      </c>
      <c r="AB1096">
        <v>77622.477799999993</v>
      </c>
      <c r="AC1096">
        <v>55899.281719999999</v>
      </c>
      <c r="AD1096">
        <v>42062.638279999999</v>
      </c>
      <c r="AE1096">
        <v>35968.240330000001</v>
      </c>
      <c r="AF1096">
        <v>65962.548639999994</v>
      </c>
      <c r="AG1096">
        <v>31358.58826</v>
      </c>
      <c r="AH1096">
        <v>324498.23129999998</v>
      </c>
      <c r="AI1096">
        <v>103600.6001</v>
      </c>
      <c r="AJ1096">
        <v>28658.938170000001</v>
      </c>
      <c r="AK1096">
        <v>38123.951209999999</v>
      </c>
      <c r="AL1096">
        <v>91040.05459</v>
      </c>
      <c r="AM1096">
        <v>26663.671539999999</v>
      </c>
      <c r="AN1096">
        <v>109617.6112</v>
      </c>
      <c r="AO1096">
        <v>38414.912250000001</v>
      </c>
      <c r="AP1096">
        <v>25981.737550000002</v>
      </c>
    </row>
    <row r="1097" spans="2:42" x14ac:dyDescent="0.3">
      <c r="B1097">
        <v>62.752105053081955</v>
      </c>
      <c r="C1097" s="83">
        <v>43146.625</v>
      </c>
      <c r="D1097">
        <v>297335.47570000001</v>
      </c>
      <c r="E1097">
        <v>38772.863550000002</v>
      </c>
      <c r="F1097">
        <v>87302.799060000005</v>
      </c>
      <c r="G1097">
        <v>74696.628769999996</v>
      </c>
      <c r="H1097">
        <v>54271.13852</v>
      </c>
      <c r="I1097">
        <v>42361.136310000002</v>
      </c>
      <c r="J1097">
        <v>35521.956279999999</v>
      </c>
      <c r="K1097">
        <v>64177.458209999997</v>
      </c>
      <c r="L1097">
        <v>28536.50258</v>
      </c>
      <c r="M1097">
        <v>319939.49550000002</v>
      </c>
      <c r="N1097">
        <v>101297.13740000001</v>
      </c>
      <c r="O1097">
        <v>28700.126649999998</v>
      </c>
      <c r="P1097">
        <v>35452.949289999997</v>
      </c>
      <c r="Q1097">
        <v>89561.41317</v>
      </c>
      <c r="R1097">
        <v>25809.17497</v>
      </c>
      <c r="S1097">
        <v>105537.4679</v>
      </c>
      <c r="T1097">
        <v>37561.848789999996</v>
      </c>
      <c r="U1097">
        <v>24988.906900000002</v>
      </c>
      <c r="W1097" s="83">
        <f>Bühler!N1129</f>
        <v>45337.624999997344</v>
      </c>
      <c r="X1097" s="83">
        <v>43146.625</v>
      </c>
      <c r="Y1097">
        <v>297335.47570000001</v>
      </c>
      <c r="Z1097">
        <v>38772.863550000002</v>
      </c>
      <c r="AA1097">
        <v>87302.799060000005</v>
      </c>
      <c r="AB1097">
        <v>74696.628769999996</v>
      </c>
      <c r="AC1097">
        <v>54271.13852</v>
      </c>
      <c r="AD1097">
        <v>42361.136310000002</v>
      </c>
      <c r="AE1097">
        <v>35521.956279999999</v>
      </c>
      <c r="AF1097">
        <v>64177.458209999997</v>
      </c>
      <c r="AG1097">
        <v>28536.50258</v>
      </c>
      <c r="AH1097">
        <v>319939.49550000002</v>
      </c>
      <c r="AI1097">
        <v>101297.13740000001</v>
      </c>
      <c r="AJ1097">
        <v>28700.126649999998</v>
      </c>
      <c r="AK1097">
        <v>35452.949289999997</v>
      </c>
      <c r="AL1097">
        <v>89561.41317</v>
      </c>
      <c r="AM1097">
        <v>25809.17497</v>
      </c>
      <c r="AN1097">
        <v>105537.4679</v>
      </c>
      <c r="AO1097">
        <v>37561.848789999996</v>
      </c>
      <c r="AP1097">
        <v>24988.906900000002</v>
      </c>
    </row>
    <row r="1098" spans="2:42" x14ac:dyDescent="0.3">
      <c r="B1098">
        <v>61.800934941377363</v>
      </c>
      <c r="C1098" s="83">
        <v>43146.666666666664</v>
      </c>
      <c r="D1098">
        <v>291123.23629999999</v>
      </c>
      <c r="E1098">
        <v>37742.087590000003</v>
      </c>
      <c r="F1098">
        <v>86958.954729999998</v>
      </c>
      <c r="G1098">
        <v>71310.132039999997</v>
      </c>
      <c r="H1098">
        <v>52806.176079999997</v>
      </c>
      <c r="I1098">
        <v>43503.337579999999</v>
      </c>
      <c r="J1098">
        <v>34980.928290000003</v>
      </c>
      <c r="K1098">
        <v>61178.866049999997</v>
      </c>
      <c r="L1098">
        <v>27287.684829999998</v>
      </c>
      <c r="M1098">
        <v>315089.98670000001</v>
      </c>
      <c r="N1098">
        <v>96400.070489999998</v>
      </c>
      <c r="O1098">
        <v>28230.9954</v>
      </c>
      <c r="P1098">
        <v>35006.057869999997</v>
      </c>
      <c r="Q1098">
        <v>88115.907980000004</v>
      </c>
      <c r="R1098">
        <v>25826.636589999998</v>
      </c>
      <c r="S1098">
        <v>102415.2703</v>
      </c>
      <c r="T1098">
        <v>36942.158029999999</v>
      </c>
      <c r="U1098">
        <v>23226.658759999998</v>
      </c>
      <c r="W1098" s="83">
        <f>Bühler!N1130</f>
        <v>45337.666666664009</v>
      </c>
      <c r="X1098" s="83">
        <v>43146.666666666664</v>
      </c>
      <c r="Y1098">
        <v>291123.23629999999</v>
      </c>
      <c r="Z1098">
        <v>37742.087590000003</v>
      </c>
      <c r="AA1098">
        <v>86958.954729999998</v>
      </c>
      <c r="AB1098">
        <v>71310.132039999997</v>
      </c>
      <c r="AC1098">
        <v>52806.176079999997</v>
      </c>
      <c r="AD1098">
        <v>43503.337579999999</v>
      </c>
      <c r="AE1098">
        <v>34980.928290000003</v>
      </c>
      <c r="AF1098">
        <v>61178.866049999997</v>
      </c>
      <c r="AG1098">
        <v>27287.684829999998</v>
      </c>
      <c r="AH1098">
        <v>315089.98670000001</v>
      </c>
      <c r="AI1098">
        <v>96400.070489999998</v>
      </c>
      <c r="AJ1098">
        <v>28230.9954</v>
      </c>
      <c r="AK1098">
        <v>35006.057869999997</v>
      </c>
      <c r="AL1098">
        <v>88115.907980000004</v>
      </c>
      <c r="AM1098">
        <v>25826.636589999998</v>
      </c>
      <c r="AN1098">
        <v>102415.2703</v>
      </c>
      <c r="AO1098">
        <v>36942.158029999999</v>
      </c>
      <c r="AP1098">
        <v>23226.658759999998</v>
      </c>
    </row>
    <row r="1099" spans="2:42" x14ac:dyDescent="0.3">
      <c r="B1099">
        <v>60.662632143878859</v>
      </c>
      <c r="C1099" s="83">
        <v>43146.708333333336</v>
      </c>
      <c r="D1099">
        <v>279003.03749999998</v>
      </c>
      <c r="E1099">
        <v>35644.182610000003</v>
      </c>
      <c r="F1099">
        <v>86440.939970000007</v>
      </c>
      <c r="G1099">
        <v>66117.235069999995</v>
      </c>
      <c r="H1099">
        <v>50275.620999999999</v>
      </c>
      <c r="I1099">
        <v>43386.448109999998</v>
      </c>
      <c r="J1099">
        <v>34860.527560000002</v>
      </c>
      <c r="K1099">
        <v>55143.006909999996</v>
      </c>
      <c r="L1099">
        <v>28018.439320000001</v>
      </c>
      <c r="M1099">
        <v>309286.38819999999</v>
      </c>
      <c r="N1099">
        <v>88304.595060000007</v>
      </c>
      <c r="O1099">
        <v>27543.175739999999</v>
      </c>
      <c r="P1099">
        <v>36946.201880000001</v>
      </c>
      <c r="Q1099">
        <v>87240.843810000006</v>
      </c>
      <c r="R1099">
        <v>27134.439829999999</v>
      </c>
      <c r="S1099">
        <v>101828.0695</v>
      </c>
      <c r="T1099">
        <v>36577.110930000003</v>
      </c>
      <c r="U1099">
        <v>21207.628100000002</v>
      </c>
      <c r="W1099" s="83">
        <f>Bühler!N1131</f>
        <v>45337.708333330673</v>
      </c>
      <c r="X1099" s="83">
        <v>43146.708333333336</v>
      </c>
      <c r="Y1099">
        <v>279003.03749999998</v>
      </c>
      <c r="Z1099">
        <v>35644.182610000003</v>
      </c>
      <c r="AA1099">
        <v>86440.939970000007</v>
      </c>
      <c r="AB1099">
        <v>66117.235069999995</v>
      </c>
      <c r="AC1099">
        <v>50275.620999999999</v>
      </c>
      <c r="AD1099">
        <v>43386.448109999998</v>
      </c>
      <c r="AE1099">
        <v>34860.527560000002</v>
      </c>
      <c r="AF1099">
        <v>55143.006909999996</v>
      </c>
      <c r="AG1099">
        <v>28018.439320000001</v>
      </c>
      <c r="AH1099">
        <v>309286.38819999999</v>
      </c>
      <c r="AI1099">
        <v>88304.595060000007</v>
      </c>
      <c r="AJ1099">
        <v>27543.175739999999</v>
      </c>
      <c r="AK1099">
        <v>36946.201880000001</v>
      </c>
      <c r="AL1099">
        <v>87240.843810000006</v>
      </c>
      <c r="AM1099">
        <v>27134.439829999999</v>
      </c>
      <c r="AN1099">
        <v>101828.0695</v>
      </c>
      <c r="AO1099">
        <v>36577.110930000003</v>
      </c>
      <c r="AP1099">
        <v>21207.628100000002</v>
      </c>
    </row>
    <row r="1100" spans="2:42" x14ac:dyDescent="0.3">
      <c r="B1100">
        <v>59.440152248560125</v>
      </c>
      <c r="C1100" s="83">
        <v>43146.75</v>
      </c>
      <c r="D1100">
        <v>273289.58889999997</v>
      </c>
      <c r="E1100">
        <v>33383.05143</v>
      </c>
      <c r="F1100">
        <v>84698.352899999998</v>
      </c>
      <c r="G1100">
        <v>60476.340219999998</v>
      </c>
      <c r="H1100">
        <v>49923.58726</v>
      </c>
      <c r="I1100">
        <v>42757.447079999998</v>
      </c>
      <c r="J1100">
        <v>37398.209620000001</v>
      </c>
      <c r="K1100">
        <v>49237.174079999997</v>
      </c>
      <c r="L1100">
        <v>30367.742900000001</v>
      </c>
      <c r="M1100">
        <v>303053.61560000002</v>
      </c>
      <c r="N1100">
        <v>84822.778600000005</v>
      </c>
      <c r="O1100">
        <v>27391.30992</v>
      </c>
      <c r="P1100">
        <v>41395.242680000003</v>
      </c>
      <c r="Q1100">
        <v>85348.797049999994</v>
      </c>
      <c r="R1100">
        <v>22872.372009999999</v>
      </c>
      <c r="S1100">
        <v>97311.995550000007</v>
      </c>
      <c r="T1100">
        <v>38109.501559999997</v>
      </c>
      <c r="U1100">
        <v>20953.486369999999</v>
      </c>
      <c r="W1100" s="83">
        <f>Bühler!N1132</f>
        <v>45337.749999997337</v>
      </c>
      <c r="X1100" s="83">
        <v>43146.75</v>
      </c>
      <c r="Y1100">
        <v>273289.58889999997</v>
      </c>
      <c r="Z1100">
        <v>33383.05143</v>
      </c>
      <c r="AA1100">
        <v>84698.352899999998</v>
      </c>
      <c r="AB1100">
        <v>60476.340219999998</v>
      </c>
      <c r="AC1100">
        <v>49923.58726</v>
      </c>
      <c r="AD1100">
        <v>42757.447079999998</v>
      </c>
      <c r="AE1100">
        <v>37398.209620000001</v>
      </c>
      <c r="AF1100">
        <v>49237.174079999997</v>
      </c>
      <c r="AG1100">
        <v>30367.742900000001</v>
      </c>
      <c r="AH1100">
        <v>303053.61560000002</v>
      </c>
      <c r="AI1100">
        <v>84822.778600000005</v>
      </c>
      <c r="AJ1100">
        <v>27391.30992</v>
      </c>
      <c r="AK1100">
        <v>41395.242680000003</v>
      </c>
      <c r="AL1100">
        <v>85348.797049999994</v>
      </c>
      <c r="AM1100">
        <v>22872.372009999999</v>
      </c>
      <c r="AN1100">
        <v>97311.995550000007</v>
      </c>
      <c r="AO1100">
        <v>38109.501559999997</v>
      </c>
      <c r="AP1100">
        <v>20953.486369999999</v>
      </c>
    </row>
    <row r="1101" spans="2:42" x14ac:dyDescent="0.3">
      <c r="B1101">
        <v>58.556919056856295</v>
      </c>
      <c r="C1101" s="83">
        <v>43146.791666666664</v>
      </c>
      <c r="D1101">
        <v>269351.82059999998</v>
      </c>
      <c r="E1101">
        <v>27937.368569999999</v>
      </c>
      <c r="F1101">
        <v>71895.657709999999</v>
      </c>
      <c r="G1101">
        <v>55495.474979999999</v>
      </c>
      <c r="H1101">
        <v>47962.669820000003</v>
      </c>
      <c r="I1101">
        <v>40032.161849999997</v>
      </c>
      <c r="J1101">
        <v>38126.937330000001</v>
      </c>
      <c r="K1101">
        <v>47981.502950000002</v>
      </c>
      <c r="L1101">
        <v>31568.599040000001</v>
      </c>
      <c r="M1101">
        <v>298550.48090000002</v>
      </c>
      <c r="N1101">
        <v>84385.166490000003</v>
      </c>
      <c r="O1101">
        <v>26579.117679999999</v>
      </c>
      <c r="P1101">
        <v>43463.396930000003</v>
      </c>
      <c r="Q1101">
        <v>83830.156000000003</v>
      </c>
      <c r="R1101">
        <v>22155.644189999999</v>
      </c>
      <c r="S1101">
        <v>93991.204870000001</v>
      </c>
      <c r="T1101">
        <v>38220.342750000003</v>
      </c>
      <c r="U1101">
        <v>19849.163540000001</v>
      </c>
      <c r="W1101" s="83">
        <f>Bühler!N1133</f>
        <v>45337.791666664001</v>
      </c>
      <c r="X1101" s="83">
        <v>43146.791666666664</v>
      </c>
      <c r="Y1101">
        <v>269351.82059999998</v>
      </c>
      <c r="Z1101">
        <v>27937.368569999999</v>
      </c>
      <c r="AA1101">
        <v>71895.657709999999</v>
      </c>
      <c r="AB1101">
        <v>55495.474979999999</v>
      </c>
      <c r="AC1101">
        <v>47962.669820000003</v>
      </c>
      <c r="AD1101">
        <v>40032.161849999997</v>
      </c>
      <c r="AE1101">
        <v>38126.937330000001</v>
      </c>
      <c r="AF1101">
        <v>47981.502950000002</v>
      </c>
      <c r="AG1101">
        <v>31568.599040000001</v>
      </c>
      <c r="AH1101">
        <v>298550.48090000002</v>
      </c>
      <c r="AI1101">
        <v>84385.166490000003</v>
      </c>
      <c r="AJ1101">
        <v>26579.117679999999</v>
      </c>
      <c r="AK1101">
        <v>43463.396930000003</v>
      </c>
      <c r="AL1101">
        <v>83830.156000000003</v>
      </c>
      <c r="AM1101">
        <v>22155.644189999999</v>
      </c>
      <c r="AN1101">
        <v>93991.204870000001</v>
      </c>
      <c r="AO1101">
        <v>38220.342750000003</v>
      </c>
      <c r="AP1101">
        <v>19849.163540000001</v>
      </c>
    </row>
    <row r="1102" spans="2:42" x14ac:dyDescent="0.3">
      <c r="B1102">
        <v>57.711707769583747</v>
      </c>
      <c r="C1102" s="83">
        <v>43146.833333333336</v>
      </c>
      <c r="D1102">
        <v>261155.17610000001</v>
      </c>
      <c r="E1102">
        <v>21880.837920000002</v>
      </c>
      <c r="F1102">
        <v>56944.887170000002</v>
      </c>
      <c r="G1102">
        <v>49007.503420000001</v>
      </c>
      <c r="H1102">
        <v>45371.094669999999</v>
      </c>
      <c r="I1102">
        <v>35808.575259999998</v>
      </c>
      <c r="J1102">
        <v>37757.617819999999</v>
      </c>
      <c r="K1102">
        <v>54125.677459999999</v>
      </c>
      <c r="L1102">
        <v>30530.820540000001</v>
      </c>
      <c r="M1102">
        <v>294241.19959999999</v>
      </c>
      <c r="N1102">
        <v>83106.416679999995</v>
      </c>
      <c r="O1102">
        <v>25041.488239999999</v>
      </c>
      <c r="P1102">
        <v>43864.104440000003</v>
      </c>
      <c r="Q1102">
        <v>82349.267940000005</v>
      </c>
      <c r="R1102">
        <v>24122.885610000001</v>
      </c>
      <c r="S1102">
        <v>85736.610809999998</v>
      </c>
      <c r="T1102">
        <v>37008.142079999998</v>
      </c>
      <c r="U1102">
        <v>18638.011900000001</v>
      </c>
      <c r="W1102" s="83">
        <f>Bühler!N1134</f>
        <v>45337.833333330665</v>
      </c>
      <c r="X1102" s="83">
        <v>43146.833333333336</v>
      </c>
      <c r="Y1102">
        <v>261155.17610000001</v>
      </c>
      <c r="Z1102">
        <v>21880.837920000002</v>
      </c>
      <c r="AA1102">
        <v>56944.887170000002</v>
      </c>
      <c r="AB1102">
        <v>49007.503420000001</v>
      </c>
      <c r="AC1102">
        <v>45371.094669999999</v>
      </c>
      <c r="AD1102">
        <v>35808.575259999998</v>
      </c>
      <c r="AE1102">
        <v>37757.617819999999</v>
      </c>
      <c r="AF1102">
        <v>54125.677459999999</v>
      </c>
      <c r="AG1102">
        <v>30530.820540000001</v>
      </c>
      <c r="AH1102">
        <v>294241.19959999999</v>
      </c>
      <c r="AI1102">
        <v>83106.416679999995</v>
      </c>
      <c r="AJ1102">
        <v>25041.488239999999</v>
      </c>
      <c r="AK1102">
        <v>43864.104440000003</v>
      </c>
      <c r="AL1102">
        <v>82349.267940000005</v>
      </c>
      <c r="AM1102">
        <v>24122.885610000001</v>
      </c>
      <c r="AN1102">
        <v>85736.610809999998</v>
      </c>
      <c r="AO1102">
        <v>37008.142079999998</v>
      </c>
      <c r="AP1102">
        <v>18638.011900000001</v>
      </c>
    </row>
    <row r="1103" spans="2:42" x14ac:dyDescent="0.3">
      <c r="B1103">
        <v>55.765060379107275</v>
      </c>
      <c r="C1103" s="83">
        <v>43146.875</v>
      </c>
      <c r="D1103">
        <v>253138.5631</v>
      </c>
      <c r="E1103">
        <v>19126.20147</v>
      </c>
      <c r="F1103">
        <v>49694.769160000003</v>
      </c>
      <c r="G1103">
        <v>45460.894110000001</v>
      </c>
      <c r="H1103">
        <v>43345.52837</v>
      </c>
      <c r="I1103">
        <v>31413.362260000002</v>
      </c>
      <c r="J1103">
        <v>36401.24811</v>
      </c>
      <c r="K1103">
        <v>53702.149839999998</v>
      </c>
      <c r="L1103">
        <v>28694.865959999999</v>
      </c>
      <c r="M1103">
        <v>284316.28340000001</v>
      </c>
      <c r="N1103">
        <v>79617.278449999998</v>
      </c>
      <c r="O1103">
        <v>24210.862000000001</v>
      </c>
      <c r="P1103">
        <v>41772.664149999997</v>
      </c>
      <c r="Q1103">
        <v>80013.312250000003</v>
      </c>
      <c r="R1103">
        <v>21747.459009999999</v>
      </c>
      <c r="S1103">
        <v>80377.488289999994</v>
      </c>
      <c r="T1103">
        <v>33627.858440000004</v>
      </c>
      <c r="U1103">
        <v>17389.48731</v>
      </c>
      <c r="W1103" s="83">
        <f>Bühler!N1135</f>
        <v>45337.87499999733</v>
      </c>
      <c r="X1103" s="83">
        <v>43146.875</v>
      </c>
      <c r="Y1103">
        <v>253138.5631</v>
      </c>
      <c r="Z1103">
        <v>19126.20147</v>
      </c>
      <c r="AA1103">
        <v>49694.769160000003</v>
      </c>
      <c r="AB1103">
        <v>45460.894110000001</v>
      </c>
      <c r="AC1103">
        <v>43345.52837</v>
      </c>
      <c r="AD1103">
        <v>31413.362260000002</v>
      </c>
      <c r="AE1103">
        <v>36401.24811</v>
      </c>
      <c r="AF1103">
        <v>53702.149839999998</v>
      </c>
      <c r="AG1103">
        <v>28694.865959999999</v>
      </c>
      <c r="AH1103">
        <v>284316.28340000001</v>
      </c>
      <c r="AI1103">
        <v>79617.278449999998</v>
      </c>
      <c r="AJ1103">
        <v>24210.862000000001</v>
      </c>
      <c r="AK1103">
        <v>41772.664149999997</v>
      </c>
      <c r="AL1103">
        <v>80013.312250000003</v>
      </c>
      <c r="AM1103">
        <v>21747.459009999999</v>
      </c>
      <c r="AN1103">
        <v>80377.488289999994</v>
      </c>
      <c r="AO1103">
        <v>33627.858440000004</v>
      </c>
      <c r="AP1103">
        <v>17389.48731</v>
      </c>
    </row>
    <row r="1104" spans="2:42" x14ac:dyDescent="0.3">
      <c r="B1104">
        <v>55.750222014994243</v>
      </c>
      <c r="C1104" s="83">
        <v>43146.916666666664</v>
      </c>
      <c r="D1104">
        <v>252796.31529999999</v>
      </c>
      <c r="E1104">
        <v>18527.128390000002</v>
      </c>
      <c r="F1104">
        <v>48253.973319999997</v>
      </c>
      <c r="G1104">
        <v>44224.840629999999</v>
      </c>
      <c r="H1104">
        <v>42214.477489999997</v>
      </c>
      <c r="I1104">
        <v>29755.971750000001</v>
      </c>
      <c r="J1104">
        <v>35177.291400000002</v>
      </c>
      <c r="K1104">
        <v>55670.629390000002</v>
      </c>
      <c r="L1104">
        <v>26007.491870000002</v>
      </c>
      <c r="M1104">
        <v>284240.63050000003</v>
      </c>
      <c r="N1104">
        <v>79737.052420000007</v>
      </c>
      <c r="O1104">
        <v>25762.41691</v>
      </c>
      <c r="P1104">
        <v>44075.82703</v>
      </c>
      <c r="Q1104">
        <v>79393.492679999996</v>
      </c>
      <c r="R1104">
        <v>30979.498479999998</v>
      </c>
      <c r="S1104">
        <v>79820.093439999997</v>
      </c>
      <c r="T1104">
        <v>30296.640309999999</v>
      </c>
      <c r="U1104">
        <v>18838.312750000001</v>
      </c>
      <c r="W1104" s="83">
        <f>Bühler!N1136</f>
        <v>45337.916666663994</v>
      </c>
      <c r="X1104" s="83">
        <v>43146.916666666664</v>
      </c>
      <c r="Y1104">
        <v>252796.31529999999</v>
      </c>
      <c r="Z1104">
        <v>18527.128390000002</v>
      </c>
      <c r="AA1104">
        <v>48253.973319999997</v>
      </c>
      <c r="AB1104">
        <v>44224.840629999999</v>
      </c>
      <c r="AC1104">
        <v>42214.477489999997</v>
      </c>
      <c r="AD1104">
        <v>29755.971750000001</v>
      </c>
      <c r="AE1104">
        <v>35177.291400000002</v>
      </c>
      <c r="AF1104">
        <v>55670.629390000002</v>
      </c>
      <c r="AG1104">
        <v>26007.491870000002</v>
      </c>
      <c r="AH1104">
        <v>284240.63050000003</v>
      </c>
      <c r="AI1104">
        <v>79737.052420000007</v>
      </c>
      <c r="AJ1104">
        <v>25762.41691</v>
      </c>
      <c r="AK1104">
        <v>44075.82703</v>
      </c>
      <c r="AL1104">
        <v>79393.492679999996</v>
      </c>
      <c r="AM1104">
        <v>30979.498479999998</v>
      </c>
      <c r="AN1104">
        <v>79820.093439999997</v>
      </c>
      <c r="AO1104">
        <v>30296.640309999999</v>
      </c>
      <c r="AP1104">
        <v>18838.312750000001</v>
      </c>
    </row>
    <row r="1105" spans="2:42" x14ac:dyDescent="0.3">
      <c r="B1105">
        <v>55.43658705248771</v>
      </c>
      <c r="C1105" s="83">
        <v>43146.958333333336</v>
      </c>
      <c r="D1105">
        <v>253068.15059999999</v>
      </c>
      <c r="E1105">
        <v>18170.765060000002</v>
      </c>
      <c r="F1105">
        <v>46700.601340000001</v>
      </c>
      <c r="G1105">
        <v>43340.20016</v>
      </c>
      <c r="H1105">
        <v>41661.529090000004</v>
      </c>
      <c r="I1105">
        <v>29000.54277</v>
      </c>
      <c r="J1105">
        <v>32908.196239999997</v>
      </c>
      <c r="K1105">
        <v>54799.740980000002</v>
      </c>
      <c r="L1105">
        <v>22690.013220000001</v>
      </c>
      <c r="M1105">
        <v>282641.57319999998</v>
      </c>
      <c r="N1105">
        <v>79672.805630000003</v>
      </c>
      <c r="O1105">
        <v>25627.346150000001</v>
      </c>
      <c r="P1105">
        <v>39302.750930000002</v>
      </c>
      <c r="Q1105">
        <v>80006.490059999996</v>
      </c>
      <c r="R1105">
        <v>32994.456010000002</v>
      </c>
      <c r="S1105">
        <v>77882.178270000004</v>
      </c>
      <c r="T1105">
        <v>32043.561420000002</v>
      </c>
      <c r="U1105">
        <v>18489.121340000002</v>
      </c>
      <c r="W1105" s="83">
        <f>Bühler!N1137</f>
        <v>45337.958333330658</v>
      </c>
      <c r="X1105" s="83">
        <v>43146.958333333336</v>
      </c>
      <c r="Y1105">
        <v>253068.15059999999</v>
      </c>
      <c r="Z1105">
        <v>18170.765060000002</v>
      </c>
      <c r="AA1105">
        <v>46700.601340000001</v>
      </c>
      <c r="AB1105">
        <v>43340.20016</v>
      </c>
      <c r="AC1105">
        <v>41661.529090000004</v>
      </c>
      <c r="AD1105">
        <v>29000.54277</v>
      </c>
      <c r="AE1105">
        <v>32908.196239999997</v>
      </c>
      <c r="AF1105">
        <v>54799.740980000002</v>
      </c>
      <c r="AG1105">
        <v>22690.013220000001</v>
      </c>
      <c r="AH1105">
        <v>282641.57319999998</v>
      </c>
      <c r="AI1105">
        <v>79672.805630000003</v>
      </c>
      <c r="AJ1105">
        <v>25627.346150000001</v>
      </c>
      <c r="AK1105">
        <v>39302.750930000002</v>
      </c>
      <c r="AL1105">
        <v>80006.490059999996</v>
      </c>
      <c r="AM1105">
        <v>32994.456010000002</v>
      </c>
      <c r="AN1105">
        <v>77882.178270000004</v>
      </c>
      <c r="AO1105">
        <v>32043.561420000002</v>
      </c>
      <c r="AP1105">
        <v>18489.121340000002</v>
      </c>
    </row>
    <row r="1106" spans="2:42" x14ac:dyDescent="0.3">
      <c r="B1106">
        <v>54.345872859821881</v>
      </c>
      <c r="C1106" s="83">
        <v>43147</v>
      </c>
      <c r="D1106">
        <v>252005.49859999999</v>
      </c>
      <c r="E1106">
        <v>17815.875110000001</v>
      </c>
      <c r="F1106">
        <v>46212.65236</v>
      </c>
      <c r="G1106">
        <v>42866.60039</v>
      </c>
      <c r="H1106">
        <v>41342.89849</v>
      </c>
      <c r="I1106">
        <v>26881.06295</v>
      </c>
      <c r="J1106">
        <v>30684.293379999999</v>
      </c>
      <c r="K1106">
        <v>52804.24725</v>
      </c>
      <c r="L1106">
        <v>21226.299910000002</v>
      </c>
      <c r="M1106">
        <v>277080.60359999997</v>
      </c>
      <c r="N1106">
        <v>78393.178740000003</v>
      </c>
      <c r="O1106">
        <v>25390.235990000001</v>
      </c>
      <c r="P1106">
        <v>36165.225659999996</v>
      </c>
      <c r="Q1106">
        <v>79352.845010000005</v>
      </c>
      <c r="R1106">
        <v>29353.84676</v>
      </c>
      <c r="S1106">
        <v>77562.057320000007</v>
      </c>
      <c r="T1106">
        <v>30465.469819999998</v>
      </c>
      <c r="U1106">
        <v>17992.199649999999</v>
      </c>
      <c r="W1106" s="83">
        <f>Bühler!N1138</f>
        <v>45337.999999997322</v>
      </c>
      <c r="X1106" s="83">
        <v>43147</v>
      </c>
      <c r="Y1106">
        <v>252005.49859999999</v>
      </c>
      <c r="Z1106">
        <v>17815.875110000001</v>
      </c>
      <c r="AA1106">
        <v>46212.65236</v>
      </c>
      <c r="AB1106">
        <v>42866.60039</v>
      </c>
      <c r="AC1106">
        <v>41342.89849</v>
      </c>
      <c r="AD1106">
        <v>26881.06295</v>
      </c>
      <c r="AE1106">
        <v>30684.293379999999</v>
      </c>
      <c r="AF1106">
        <v>52804.24725</v>
      </c>
      <c r="AG1106">
        <v>21226.299910000002</v>
      </c>
      <c r="AH1106">
        <v>277080.60359999997</v>
      </c>
      <c r="AI1106">
        <v>78393.178740000003</v>
      </c>
      <c r="AJ1106">
        <v>25390.235990000001</v>
      </c>
      <c r="AK1106">
        <v>36165.225659999996</v>
      </c>
      <c r="AL1106">
        <v>79352.845010000005</v>
      </c>
      <c r="AM1106">
        <v>29353.84676</v>
      </c>
      <c r="AN1106">
        <v>77562.057320000007</v>
      </c>
      <c r="AO1106">
        <v>30465.469819999998</v>
      </c>
      <c r="AP1106">
        <v>17992.199649999999</v>
      </c>
    </row>
    <row r="1107" spans="2:42" x14ac:dyDescent="0.3">
      <c r="B1107">
        <v>55.770515039025518</v>
      </c>
      <c r="C1107" s="83">
        <v>43147.041666666664</v>
      </c>
      <c r="D1107">
        <v>251864.0417</v>
      </c>
      <c r="E1107">
        <v>18227.978319999998</v>
      </c>
      <c r="F1107">
        <v>49965.613250000002</v>
      </c>
      <c r="G1107">
        <v>42708.463159999999</v>
      </c>
      <c r="H1107">
        <v>41390.774570000001</v>
      </c>
      <c r="I1107">
        <v>23602.226999999999</v>
      </c>
      <c r="J1107">
        <v>34504.175900000002</v>
      </c>
      <c r="K1107">
        <v>52881.061179999997</v>
      </c>
      <c r="L1107">
        <v>21010.638569999999</v>
      </c>
      <c r="M1107">
        <v>284344.09379999997</v>
      </c>
      <c r="N1107">
        <v>80388.617270000002</v>
      </c>
      <c r="O1107">
        <v>25616.592489999999</v>
      </c>
      <c r="P1107">
        <v>34957.024060000003</v>
      </c>
      <c r="Q1107">
        <v>80908.059850000005</v>
      </c>
      <c r="R1107">
        <v>27434.25605</v>
      </c>
      <c r="S1107">
        <v>81699.984500000006</v>
      </c>
      <c r="T1107">
        <v>29989.088739999999</v>
      </c>
      <c r="U1107">
        <v>19059.13394</v>
      </c>
      <c r="W1107" s="83">
        <f>Bühler!N1139</f>
        <v>45338.041666663987</v>
      </c>
      <c r="X1107" s="83">
        <v>43147.041666666664</v>
      </c>
      <c r="Y1107">
        <v>251864.0417</v>
      </c>
      <c r="Z1107">
        <v>18227.978319999998</v>
      </c>
      <c r="AA1107">
        <v>49965.613250000002</v>
      </c>
      <c r="AB1107">
        <v>42708.463159999999</v>
      </c>
      <c r="AC1107">
        <v>41390.774570000001</v>
      </c>
      <c r="AD1107">
        <v>23602.226999999999</v>
      </c>
      <c r="AE1107">
        <v>34504.175900000002</v>
      </c>
      <c r="AF1107">
        <v>52881.061179999997</v>
      </c>
      <c r="AG1107">
        <v>21010.638569999999</v>
      </c>
      <c r="AH1107">
        <v>284344.09379999997</v>
      </c>
      <c r="AI1107">
        <v>80388.617270000002</v>
      </c>
      <c r="AJ1107">
        <v>25616.592489999999</v>
      </c>
      <c r="AK1107">
        <v>34957.024060000003</v>
      </c>
      <c r="AL1107">
        <v>80908.059850000005</v>
      </c>
      <c r="AM1107">
        <v>27434.25605</v>
      </c>
      <c r="AN1107">
        <v>81699.984500000006</v>
      </c>
      <c r="AO1107">
        <v>29989.088739999999</v>
      </c>
      <c r="AP1107">
        <v>19059.13394</v>
      </c>
    </row>
    <row r="1108" spans="2:42" x14ac:dyDescent="0.3">
      <c r="B1108">
        <v>56.165588040375845</v>
      </c>
      <c r="C1108" s="83">
        <v>43147.083333333336</v>
      </c>
      <c r="D1108">
        <v>254525.52239999999</v>
      </c>
      <c r="E1108">
        <v>18390.935099999999</v>
      </c>
      <c r="F1108">
        <v>51669.144829999997</v>
      </c>
      <c r="G1108">
        <v>42465.824189999999</v>
      </c>
      <c r="H1108">
        <v>41555.777040000001</v>
      </c>
      <c r="I1108">
        <v>21107.302060000002</v>
      </c>
      <c r="J1108">
        <v>34313.068099999997</v>
      </c>
      <c r="K1108">
        <v>50748.766989999996</v>
      </c>
      <c r="L1108">
        <v>20882.373660000001</v>
      </c>
      <c r="M1108">
        <v>286358.3602</v>
      </c>
      <c r="N1108">
        <v>80636.875159999996</v>
      </c>
      <c r="O1108">
        <v>25528.3534</v>
      </c>
      <c r="P1108">
        <v>34022.192089999997</v>
      </c>
      <c r="Q1108">
        <v>82855.631540000002</v>
      </c>
      <c r="R1108">
        <v>28138.339739999999</v>
      </c>
      <c r="S1108">
        <v>82279.004400000005</v>
      </c>
      <c r="T1108">
        <v>29566.046160000002</v>
      </c>
      <c r="U1108">
        <v>19234.649020000001</v>
      </c>
      <c r="W1108" s="83">
        <f>Bühler!N1140</f>
        <v>45338.083333330651</v>
      </c>
      <c r="X1108" s="83">
        <v>43147.083333333336</v>
      </c>
      <c r="Y1108">
        <v>254525.52239999999</v>
      </c>
      <c r="Z1108">
        <v>18390.935099999999</v>
      </c>
      <c r="AA1108">
        <v>51669.144829999997</v>
      </c>
      <c r="AB1108">
        <v>42465.824189999999</v>
      </c>
      <c r="AC1108">
        <v>41555.777040000001</v>
      </c>
      <c r="AD1108">
        <v>21107.302060000002</v>
      </c>
      <c r="AE1108">
        <v>34313.068099999997</v>
      </c>
      <c r="AF1108">
        <v>50748.766989999996</v>
      </c>
      <c r="AG1108">
        <v>20882.373660000001</v>
      </c>
      <c r="AH1108">
        <v>286358.3602</v>
      </c>
      <c r="AI1108">
        <v>80636.875159999996</v>
      </c>
      <c r="AJ1108">
        <v>25528.3534</v>
      </c>
      <c r="AK1108">
        <v>34022.192089999997</v>
      </c>
      <c r="AL1108">
        <v>82855.631540000002</v>
      </c>
      <c r="AM1108">
        <v>28138.339739999999</v>
      </c>
      <c r="AN1108">
        <v>82279.004400000005</v>
      </c>
      <c r="AO1108">
        <v>29566.046160000002</v>
      </c>
      <c r="AP1108">
        <v>19234.649020000001</v>
      </c>
    </row>
    <row r="1109" spans="2:42" x14ac:dyDescent="0.3">
      <c r="B1109">
        <v>56.123390507712038</v>
      </c>
      <c r="C1109" s="83">
        <v>43147.125</v>
      </c>
      <c r="D1109">
        <v>254853.89249999999</v>
      </c>
      <c r="E1109">
        <v>18475.943640000001</v>
      </c>
      <c r="F1109">
        <v>53038.462420000003</v>
      </c>
      <c r="G1109">
        <v>41914.761429999999</v>
      </c>
      <c r="H1109">
        <v>41533.255810000002</v>
      </c>
      <c r="I1109">
        <v>21168.466659999998</v>
      </c>
      <c r="J1109">
        <v>35170.565519999996</v>
      </c>
      <c r="K1109">
        <v>50149.80399</v>
      </c>
      <c r="L1109">
        <v>20000.97552</v>
      </c>
      <c r="M1109">
        <v>286143.21750000003</v>
      </c>
      <c r="N1109">
        <v>79755.185819999999</v>
      </c>
      <c r="O1109">
        <v>25357.703860000001</v>
      </c>
      <c r="P1109">
        <v>33415.846120000002</v>
      </c>
      <c r="Q1109">
        <v>85133.394570000004</v>
      </c>
      <c r="R1109">
        <v>27669.0798</v>
      </c>
      <c r="S1109">
        <v>81680.414359999995</v>
      </c>
      <c r="T1109">
        <v>29692.32316</v>
      </c>
      <c r="U1109">
        <v>19267.365399999999</v>
      </c>
      <c r="W1109" s="83">
        <f>Bühler!N1141</f>
        <v>45338.124999997315</v>
      </c>
      <c r="X1109" s="83">
        <v>43147.125</v>
      </c>
      <c r="Y1109">
        <v>254853.89249999999</v>
      </c>
      <c r="Z1109">
        <v>18475.943640000001</v>
      </c>
      <c r="AA1109">
        <v>53038.462420000003</v>
      </c>
      <c r="AB1109">
        <v>41914.761429999999</v>
      </c>
      <c r="AC1109">
        <v>41533.255810000002</v>
      </c>
      <c r="AD1109">
        <v>21168.466659999998</v>
      </c>
      <c r="AE1109">
        <v>35170.565519999996</v>
      </c>
      <c r="AF1109">
        <v>50149.80399</v>
      </c>
      <c r="AG1109">
        <v>20000.97552</v>
      </c>
      <c r="AH1109">
        <v>286143.21750000003</v>
      </c>
      <c r="AI1109">
        <v>79755.185819999999</v>
      </c>
      <c r="AJ1109">
        <v>25357.703860000001</v>
      </c>
      <c r="AK1109">
        <v>33415.846120000002</v>
      </c>
      <c r="AL1109">
        <v>85133.394570000004</v>
      </c>
      <c r="AM1109">
        <v>27669.0798</v>
      </c>
      <c r="AN1109">
        <v>81680.414359999995</v>
      </c>
      <c r="AO1109">
        <v>29692.32316</v>
      </c>
      <c r="AP1109">
        <v>19267.365399999999</v>
      </c>
    </row>
    <row r="1110" spans="2:42" x14ac:dyDescent="0.3">
      <c r="B1110">
        <v>57.307880115950503</v>
      </c>
      <c r="C1110" s="83">
        <v>43147.166666666664</v>
      </c>
      <c r="D1110">
        <v>257533.8162</v>
      </c>
      <c r="E1110">
        <v>19130.797630000001</v>
      </c>
      <c r="F1110">
        <v>57153.918230000003</v>
      </c>
      <c r="G1110">
        <v>41722.521580000001</v>
      </c>
      <c r="H1110">
        <v>42864.883609999997</v>
      </c>
      <c r="I1110">
        <v>24598.077249999998</v>
      </c>
      <c r="J1110">
        <v>37558.283589999999</v>
      </c>
      <c r="K1110">
        <v>48062.122730000003</v>
      </c>
      <c r="L1110">
        <v>20097.823049999999</v>
      </c>
      <c r="M1110">
        <v>292182.29790000001</v>
      </c>
      <c r="N1110">
        <v>79069.651400000002</v>
      </c>
      <c r="O1110">
        <v>25992.203689999998</v>
      </c>
      <c r="P1110">
        <v>32473.62672</v>
      </c>
      <c r="Q1110">
        <v>87598.56783</v>
      </c>
      <c r="R1110">
        <v>27465.914130000001</v>
      </c>
      <c r="S1110">
        <v>83246.510949999996</v>
      </c>
      <c r="T1110">
        <v>29517.806250000001</v>
      </c>
      <c r="U1110">
        <v>19646.222580000001</v>
      </c>
      <c r="W1110" s="83">
        <f>Bühler!N1142</f>
        <v>45338.166666663979</v>
      </c>
      <c r="X1110" s="83">
        <v>43147.166666666664</v>
      </c>
      <c r="Y1110">
        <v>257533.8162</v>
      </c>
      <c r="Z1110">
        <v>19130.797630000001</v>
      </c>
      <c r="AA1110">
        <v>57153.918230000003</v>
      </c>
      <c r="AB1110">
        <v>41722.521580000001</v>
      </c>
      <c r="AC1110">
        <v>42864.883609999997</v>
      </c>
      <c r="AD1110">
        <v>24598.077249999998</v>
      </c>
      <c r="AE1110">
        <v>37558.283589999999</v>
      </c>
      <c r="AF1110">
        <v>48062.122730000003</v>
      </c>
      <c r="AG1110">
        <v>20097.823049999999</v>
      </c>
      <c r="AH1110">
        <v>292182.29790000001</v>
      </c>
      <c r="AI1110">
        <v>79069.651400000002</v>
      </c>
      <c r="AJ1110">
        <v>25992.203689999998</v>
      </c>
      <c r="AK1110">
        <v>32473.62672</v>
      </c>
      <c r="AL1110">
        <v>87598.56783</v>
      </c>
      <c r="AM1110">
        <v>27465.914130000001</v>
      </c>
      <c r="AN1110">
        <v>83246.510949999996</v>
      </c>
      <c r="AO1110">
        <v>29517.806250000001</v>
      </c>
      <c r="AP1110">
        <v>19646.222580000001</v>
      </c>
    </row>
    <row r="1111" spans="2:42" x14ac:dyDescent="0.3">
      <c r="B1111">
        <v>60.478906286498635</v>
      </c>
      <c r="C1111" s="83">
        <v>43147.208333333336</v>
      </c>
      <c r="D1111">
        <v>270308.1532</v>
      </c>
      <c r="E1111">
        <v>20964.867989999999</v>
      </c>
      <c r="F1111">
        <v>67453.053539999994</v>
      </c>
      <c r="G1111">
        <v>44604.87081</v>
      </c>
      <c r="H1111">
        <v>44759.006869999997</v>
      </c>
      <c r="I1111">
        <v>33022.288769999999</v>
      </c>
      <c r="J1111">
        <v>40490.632590000001</v>
      </c>
      <c r="K1111">
        <v>48615.61767</v>
      </c>
      <c r="L1111">
        <v>21313.178319999999</v>
      </c>
      <c r="M1111">
        <v>308349.66810000001</v>
      </c>
      <c r="N1111">
        <v>80769.411559999993</v>
      </c>
      <c r="O1111">
        <v>26453.119709999999</v>
      </c>
      <c r="P1111">
        <v>33834.123800000001</v>
      </c>
      <c r="Q1111">
        <v>90613.553580000007</v>
      </c>
      <c r="R1111">
        <v>30151.426889999999</v>
      </c>
      <c r="S1111">
        <v>85388.435320000004</v>
      </c>
      <c r="T1111">
        <v>31018.683059999999</v>
      </c>
      <c r="U1111">
        <v>21539.17728</v>
      </c>
      <c r="W1111" s="83">
        <f>Bühler!N1143</f>
        <v>45338.208333330644</v>
      </c>
      <c r="X1111" s="83">
        <v>43147.208333333336</v>
      </c>
      <c r="Y1111">
        <v>270308.1532</v>
      </c>
      <c r="Z1111">
        <v>20964.867989999999</v>
      </c>
      <c r="AA1111">
        <v>67453.053539999994</v>
      </c>
      <c r="AB1111">
        <v>44604.87081</v>
      </c>
      <c r="AC1111">
        <v>44759.006869999997</v>
      </c>
      <c r="AD1111">
        <v>33022.288769999999</v>
      </c>
      <c r="AE1111">
        <v>40490.632590000001</v>
      </c>
      <c r="AF1111">
        <v>48615.61767</v>
      </c>
      <c r="AG1111">
        <v>21313.178319999999</v>
      </c>
      <c r="AH1111">
        <v>308349.66810000001</v>
      </c>
      <c r="AI1111">
        <v>80769.411559999993</v>
      </c>
      <c r="AJ1111">
        <v>26453.119709999999</v>
      </c>
      <c r="AK1111">
        <v>33834.123800000001</v>
      </c>
      <c r="AL1111">
        <v>90613.553580000007</v>
      </c>
      <c r="AM1111">
        <v>30151.426889999999</v>
      </c>
      <c r="AN1111">
        <v>85388.435320000004</v>
      </c>
      <c r="AO1111">
        <v>31018.683059999999</v>
      </c>
      <c r="AP1111">
        <v>21539.17728</v>
      </c>
    </row>
    <row r="1112" spans="2:42" x14ac:dyDescent="0.3">
      <c r="B1112">
        <v>63.973824582490636</v>
      </c>
      <c r="C1112" s="83">
        <v>43147.25</v>
      </c>
      <c r="D1112">
        <v>287182.03389999998</v>
      </c>
      <c r="E1112">
        <v>25726.133040000001</v>
      </c>
      <c r="F1112">
        <v>80003.674620000005</v>
      </c>
      <c r="G1112">
        <v>54744.135320000001</v>
      </c>
      <c r="H1112">
        <v>48089.58049</v>
      </c>
      <c r="I1112">
        <v>41278.539279999997</v>
      </c>
      <c r="J1112">
        <v>43813.405489999997</v>
      </c>
      <c r="K1112">
        <v>51663.47496</v>
      </c>
      <c r="L1112">
        <v>22721.841560000001</v>
      </c>
      <c r="M1112">
        <v>326168.39140000002</v>
      </c>
      <c r="N1112">
        <v>84741.769</v>
      </c>
      <c r="O1112">
        <v>27365.084139999999</v>
      </c>
      <c r="P1112">
        <v>33897.680379999998</v>
      </c>
      <c r="Q1112">
        <v>91729.251690000005</v>
      </c>
      <c r="R1112">
        <v>21428.708060000001</v>
      </c>
      <c r="S1112">
        <v>94629.935989999998</v>
      </c>
      <c r="T1112">
        <v>34649.966050000003</v>
      </c>
      <c r="U1112">
        <v>22912.17828</v>
      </c>
      <c r="W1112" s="83">
        <f>Bühler!N1144</f>
        <v>45338.249999997308</v>
      </c>
      <c r="X1112" s="83">
        <v>43147.25</v>
      </c>
      <c r="Y1112">
        <v>287182.03389999998</v>
      </c>
      <c r="Z1112">
        <v>25726.133040000001</v>
      </c>
      <c r="AA1112">
        <v>80003.674620000005</v>
      </c>
      <c r="AB1112">
        <v>54744.135320000001</v>
      </c>
      <c r="AC1112">
        <v>48089.58049</v>
      </c>
      <c r="AD1112">
        <v>41278.539279999997</v>
      </c>
      <c r="AE1112">
        <v>43813.405489999997</v>
      </c>
      <c r="AF1112">
        <v>51663.47496</v>
      </c>
      <c r="AG1112">
        <v>22721.841560000001</v>
      </c>
      <c r="AH1112">
        <v>326168.39140000002</v>
      </c>
      <c r="AI1112">
        <v>84741.769</v>
      </c>
      <c r="AJ1112">
        <v>27365.084139999999</v>
      </c>
      <c r="AK1112">
        <v>33897.680379999998</v>
      </c>
      <c r="AL1112">
        <v>91729.251690000005</v>
      </c>
      <c r="AM1112">
        <v>21428.708060000001</v>
      </c>
      <c r="AN1112">
        <v>94629.935989999998</v>
      </c>
      <c r="AO1112">
        <v>34649.966050000003</v>
      </c>
      <c r="AP1112">
        <v>22912.17828</v>
      </c>
    </row>
    <row r="1113" spans="2:42" x14ac:dyDescent="0.3">
      <c r="B1113">
        <v>65.991922047473295</v>
      </c>
      <c r="C1113" s="83">
        <v>43147.291666666664</v>
      </c>
      <c r="D1113">
        <v>300906.25429999997</v>
      </c>
      <c r="E1113">
        <v>31295.58207</v>
      </c>
      <c r="F1113">
        <v>84285.667929999996</v>
      </c>
      <c r="G1113">
        <v>66727.369019999998</v>
      </c>
      <c r="H1113">
        <v>54372.847020000001</v>
      </c>
      <c r="I1113">
        <v>50497.872100000001</v>
      </c>
      <c r="J1113">
        <v>45789.197659999998</v>
      </c>
      <c r="K1113">
        <v>55586.936600000001</v>
      </c>
      <c r="L1113">
        <v>26090.002779999999</v>
      </c>
      <c r="M1113">
        <v>336457.59340000001</v>
      </c>
      <c r="N1113">
        <v>90827.682990000001</v>
      </c>
      <c r="O1113">
        <v>30643.837029999999</v>
      </c>
      <c r="P1113">
        <v>37452.474390000003</v>
      </c>
      <c r="Q1113">
        <v>91851.377729999993</v>
      </c>
      <c r="R1113">
        <v>23950.64415</v>
      </c>
      <c r="S1113">
        <v>112031.96890000001</v>
      </c>
      <c r="T1113">
        <v>35306.169699999999</v>
      </c>
      <c r="U1113">
        <v>28282.092649999999</v>
      </c>
      <c r="W1113" s="83">
        <f>Bühler!N1145</f>
        <v>45338.291666663972</v>
      </c>
      <c r="X1113" s="83">
        <v>43147.291666666664</v>
      </c>
      <c r="Y1113">
        <v>300906.25429999997</v>
      </c>
      <c r="Z1113">
        <v>31295.58207</v>
      </c>
      <c r="AA1113">
        <v>84285.667929999996</v>
      </c>
      <c r="AB1113">
        <v>66727.369019999998</v>
      </c>
      <c r="AC1113">
        <v>54372.847020000001</v>
      </c>
      <c r="AD1113">
        <v>50497.872100000001</v>
      </c>
      <c r="AE1113">
        <v>45789.197659999998</v>
      </c>
      <c r="AF1113">
        <v>55586.936600000001</v>
      </c>
      <c r="AG1113">
        <v>26090.002779999999</v>
      </c>
      <c r="AH1113">
        <v>336457.59340000001</v>
      </c>
      <c r="AI1113">
        <v>90827.682990000001</v>
      </c>
      <c r="AJ1113">
        <v>30643.837029999999</v>
      </c>
      <c r="AK1113">
        <v>37452.474390000003</v>
      </c>
      <c r="AL1113">
        <v>91851.377729999993</v>
      </c>
      <c r="AM1113">
        <v>23950.64415</v>
      </c>
      <c r="AN1113">
        <v>112031.96890000001</v>
      </c>
      <c r="AO1113">
        <v>35306.169699999999</v>
      </c>
      <c r="AP1113">
        <v>28282.092649999999</v>
      </c>
    </row>
    <row r="1114" spans="2:42" x14ac:dyDescent="0.3">
      <c r="B1114">
        <v>66.35608167420682</v>
      </c>
      <c r="C1114" s="83">
        <v>43147.333333333336</v>
      </c>
      <c r="D1114">
        <v>310502.78460000001</v>
      </c>
      <c r="E1114">
        <v>37194.196089999998</v>
      </c>
      <c r="F1114">
        <v>91092.07359</v>
      </c>
      <c r="G1114">
        <v>79258.606539999993</v>
      </c>
      <c r="H1114">
        <v>59028.251790000002</v>
      </c>
      <c r="I1114">
        <v>53102.445699999997</v>
      </c>
      <c r="J1114">
        <v>46362.304530000001</v>
      </c>
      <c r="K1114">
        <v>60413.712699999996</v>
      </c>
      <c r="L1114">
        <v>28704.942330000002</v>
      </c>
      <c r="M1114">
        <v>338314.24900000001</v>
      </c>
      <c r="N1114">
        <v>94582.964470000006</v>
      </c>
      <c r="O1114">
        <v>31900.99598</v>
      </c>
      <c r="P1114">
        <v>39713.116419999998</v>
      </c>
      <c r="Q1114">
        <v>92671.191529999996</v>
      </c>
      <c r="R1114">
        <v>25507.766759999999</v>
      </c>
      <c r="S1114">
        <v>124715.5027</v>
      </c>
      <c r="T1114">
        <v>38569.018550000001</v>
      </c>
      <c r="U1114">
        <v>32057.351739999998</v>
      </c>
      <c r="W1114" s="83">
        <f>Bühler!N1146</f>
        <v>45338.333333330636</v>
      </c>
      <c r="X1114" s="83">
        <v>43147.333333333336</v>
      </c>
      <c r="Y1114">
        <v>310502.78460000001</v>
      </c>
      <c r="Z1114">
        <v>37194.196089999998</v>
      </c>
      <c r="AA1114">
        <v>91092.07359</v>
      </c>
      <c r="AB1114">
        <v>79258.606539999993</v>
      </c>
      <c r="AC1114">
        <v>59028.251790000002</v>
      </c>
      <c r="AD1114">
        <v>53102.445699999997</v>
      </c>
      <c r="AE1114">
        <v>46362.304530000001</v>
      </c>
      <c r="AF1114">
        <v>60413.712699999996</v>
      </c>
      <c r="AG1114">
        <v>28704.942330000002</v>
      </c>
      <c r="AH1114">
        <v>338314.24900000001</v>
      </c>
      <c r="AI1114">
        <v>94582.964470000006</v>
      </c>
      <c r="AJ1114">
        <v>31900.99598</v>
      </c>
      <c r="AK1114">
        <v>39713.116419999998</v>
      </c>
      <c r="AL1114">
        <v>92671.191529999996</v>
      </c>
      <c r="AM1114">
        <v>25507.766759999999</v>
      </c>
      <c r="AN1114">
        <v>124715.5027</v>
      </c>
      <c r="AO1114">
        <v>38569.018550000001</v>
      </c>
      <c r="AP1114">
        <v>32057.351739999998</v>
      </c>
    </row>
    <row r="1115" spans="2:42" x14ac:dyDescent="0.3">
      <c r="B1115">
        <v>65.935669347001408</v>
      </c>
      <c r="C1115" s="83">
        <v>43147.375</v>
      </c>
      <c r="D1115">
        <v>310072.86940000003</v>
      </c>
      <c r="E1115">
        <v>41176.623</v>
      </c>
      <c r="F1115">
        <v>96703.680919999999</v>
      </c>
      <c r="G1115">
        <v>86912.581340000004</v>
      </c>
      <c r="H1115">
        <v>60851.37672</v>
      </c>
      <c r="I1115">
        <v>50066.53903</v>
      </c>
      <c r="J1115">
        <v>45524.53656</v>
      </c>
      <c r="K1115">
        <v>58480.635199999997</v>
      </c>
      <c r="L1115">
        <v>31909.56091</v>
      </c>
      <c r="M1115">
        <v>336170.79090000002</v>
      </c>
      <c r="N1115">
        <v>105888.38099999999</v>
      </c>
      <c r="O1115">
        <v>31745.514810000001</v>
      </c>
      <c r="P1115">
        <v>42028.69973</v>
      </c>
      <c r="Q1115">
        <v>92516.007119999995</v>
      </c>
      <c r="R1115">
        <v>24971.646400000001</v>
      </c>
      <c r="S1115">
        <v>129663.5714</v>
      </c>
      <c r="T1115">
        <v>41347.277730000002</v>
      </c>
      <c r="U1115">
        <v>30366.636350000001</v>
      </c>
      <c r="W1115" s="83">
        <f>Bühler!N1147</f>
        <v>45338.374999997301</v>
      </c>
      <c r="X1115" s="83">
        <v>43147.375</v>
      </c>
      <c r="Y1115">
        <v>310072.86940000003</v>
      </c>
      <c r="Z1115">
        <v>41176.623</v>
      </c>
      <c r="AA1115">
        <v>96703.680919999999</v>
      </c>
      <c r="AB1115">
        <v>86912.581340000004</v>
      </c>
      <c r="AC1115">
        <v>60851.37672</v>
      </c>
      <c r="AD1115">
        <v>50066.53903</v>
      </c>
      <c r="AE1115">
        <v>45524.53656</v>
      </c>
      <c r="AF1115">
        <v>58480.635199999997</v>
      </c>
      <c r="AG1115">
        <v>31909.56091</v>
      </c>
      <c r="AH1115">
        <v>336170.79090000002</v>
      </c>
      <c r="AI1115">
        <v>105888.38099999999</v>
      </c>
      <c r="AJ1115">
        <v>31745.514810000001</v>
      </c>
      <c r="AK1115">
        <v>42028.69973</v>
      </c>
      <c r="AL1115">
        <v>92516.007119999995</v>
      </c>
      <c r="AM1115">
        <v>24971.646400000001</v>
      </c>
      <c r="AN1115">
        <v>129663.5714</v>
      </c>
      <c r="AO1115">
        <v>41347.277730000002</v>
      </c>
      <c r="AP1115">
        <v>30366.636350000001</v>
      </c>
    </row>
    <row r="1116" spans="2:42" x14ac:dyDescent="0.3">
      <c r="B1116">
        <v>66.225972803125103</v>
      </c>
      <c r="C1116" s="83">
        <v>43147.416666666664</v>
      </c>
      <c r="D1116">
        <v>304890.40130000003</v>
      </c>
      <c r="E1116">
        <v>42693.540289999997</v>
      </c>
      <c r="F1116">
        <v>97142.734760000007</v>
      </c>
      <c r="G1116">
        <v>88229.534090000001</v>
      </c>
      <c r="H1116">
        <v>61090.597800000003</v>
      </c>
      <c r="I1116">
        <v>45318.947679999997</v>
      </c>
      <c r="J1116">
        <v>44307.775479999997</v>
      </c>
      <c r="K1116">
        <v>61017.884729999998</v>
      </c>
      <c r="L1116">
        <v>34369.074800000002</v>
      </c>
      <c r="M1116">
        <v>337650.8933</v>
      </c>
      <c r="N1116">
        <v>107847.1379</v>
      </c>
      <c r="O1116">
        <v>31200.53254</v>
      </c>
      <c r="P1116">
        <v>42126.404479999997</v>
      </c>
      <c r="Q1116">
        <v>92604.45031</v>
      </c>
      <c r="R1116">
        <v>24997.57893</v>
      </c>
      <c r="S1116">
        <v>128663.2629</v>
      </c>
      <c r="T1116">
        <v>42323.692770000001</v>
      </c>
      <c r="U1116">
        <v>29045.285230000001</v>
      </c>
      <c r="W1116" s="83">
        <f>Bühler!N1148</f>
        <v>45338.416666663965</v>
      </c>
      <c r="X1116" s="83">
        <v>43147.416666666664</v>
      </c>
      <c r="Y1116">
        <v>304890.40130000003</v>
      </c>
      <c r="Z1116">
        <v>42693.540289999997</v>
      </c>
      <c r="AA1116">
        <v>97142.734760000007</v>
      </c>
      <c r="AB1116">
        <v>88229.534090000001</v>
      </c>
      <c r="AC1116">
        <v>61090.597800000003</v>
      </c>
      <c r="AD1116">
        <v>45318.947679999997</v>
      </c>
      <c r="AE1116">
        <v>44307.775479999997</v>
      </c>
      <c r="AF1116">
        <v>61017.884729999998</v>
      </c>
      <c r="AG1116">
        <v>34369.074800000002</v>
      </c>
      <c r="AH1116">
        <v>337650.8933</v>
      </c>
      <c r="AI1116">
        <v>107847.1379</v>
      </c>
      <c r="AJ1116">
        <v>31200.53254</v>
      </c>
      <c r="AK1116">
        <v>42126.404479999997</v>
      </c>
      <c r="AL1116">
        <v>92604.45031</v>
      </c>
      <c r="AM1116">
        <v>24997.57893</v>
      </c>
      <c r="AN1116">
        <v>128663.2629</v>
      </c>
      <c r="AO1116">
        <v>42323.692770000001</v>
      </c>
      <c r="AP1116">
        <v>29045.285230000001</v>
      </c>
    </row>
    <row r="1117" spans="2:42" x14ac:dyDescent="0.3">
      <c r="B1117">
        <v>66.574392637807904</v>
      </c>
      <c r="C1117" s="83">
        <v>43147.458333333336</v>
      </c>
      <c r="D1117">
        <v>300037.39990000002</v>
      </c>
      <c r="E1117">
        <v>42110.736080000002</v>
      </c>
      <c r="F1117">
        <v>98035.66893</v>
      </c>
      <c r="G1117">
        <v>86639.797449999998</v>
      </c>
      <c r="H1117">
        <v>60084.639340000002</v>
      </c>
      <c r="I1117">
        <v>43676.04279</v>
      </c>
      <c r="J1117">
        <v>43422.834719999999</v>
      </c>
      <c r="K1117">
        <v>66189.631869999997</v>
      </c>
      <c r="L1117">
        <v>35423.019659999998</v>
      </c>
      <c r="M1117">
        <v>339427.30009999999</v>
      </c>
      <c r="N1117">
        <v>107031.0122</v>
      </c>
      <c r="O1117">
        <v>31002.92123</v>
      </c>
      <c r="P1117">
        <v>41721.634859999998</v>
      </c>
      <c r="Q1117">
        <v>92181.510970000003</v>
      </c>
      <c r="R1117">
        <v>28705.368770000001</v>
      </c>
      <c r="S1117">
        <v>129221.9134</v>
      </c>
      <c r="T1117">
        <v>42270.337299999999</v>
      </c>
      <c r="U1117">
        <v>28402.944469999999</v>
      </c>
      <c r="W1117" s="83">
        <f>Bühler!N1149</f>
        <v>45338.458333330629</v>
      </c>
      <c r="X1117" s="83">
        <v>43147.458333333336</v>
      </c>
      <c r="Y1117">
        <v>300037.39990000002</v>
      </c>
      <c r="Z1117">
        <v>42110.736080000002</v>
      </c>
      <c r="AA1117">
        <v>98035.66893</v>
      </c>
      <c r="AB1117">
        <v>86639.797449999998</v>
      </c>
      <c r="AC1117">
        <v>60084.639340000002</v>
      </c>
      <c r="AD1117">
        <v>43676.04279</v>
      </c>
      <c r="AE1117">
        <v>43422.834719999999</v>
      </c>
      <c r="AF1117">
        <v>66189.631869999997</v>
      </c>
      <c r="AG1117">
        <v>35423.019659999998</v>
      </c>
      <c r="AH1117">
        <v>339427.30009999999</v>
      </c>
      <c r="AI1117">
        <v>107031.0122</v>
      </c>
      <c r="AJ1117">
        <v>31002.92123</v>
      </c>
      <c r="AK1117">
        <v>41721.634859999998</v>
      </c>
      <c r="AL1117">
        <v>92181.510970000003</v>
      </c>
      <c r="AM1117">
        <v>28705.368770000001</v>
      </c>
      <c r="AN1117">
        <v>129221.9134</v>
      </c>
      <c r="AO1117">
        <v>42270.337299999999</v>
      </c>
      <c r="AP1117">
        <v>28402.944469999999</v>
      </c>
    </row>
    <row r="1118" spans="2:42" x14ac:dyDescent="0.3">
      <c r="B1118">
        <v>64.74514047167068</v>
      </c>
      <c r="C1118" s="83">
        <v>43147.5</v>
      </c>
      <c r="D1118">
        <v>283871.09789999999</v>
      </c>
      <c r="E1118">
        <v>37776.329120000002</v>
      </c>
      <c r="F1118">
        <v>96129.440659999993</v>
      </c>
      <c r="G1118">
        <v>83997.54724</v>
      </c>
      <c r="H1118">
        <v>56090.577559999998</v>
      </c>
      <c r="I1118">
        <v>40644.243869999998</v>
      </c>
      <c r="J1118">
        <v>43135.813880000002</v>
      </c>
      <c r="K1118">
        <v>63223.304369999998</v>
      </c>
      <c r="L1118">
        <v>37492.747730000003</v>
      </c>
      <c r="M1118">
        <v>330100.91950000002</v>
      </c>
      <c r="N1118">
        <v>101983.57980000001</v>
      </c>
      <c r="O1118">
        <v>29272.380430000001</v>
      </c>
      <c r="P1118">
        <v>43075.044900000001</v>
      </c>
      <c r="Q1118">
        <v>90098.285990000004</v>
      </c>
      <c r="R1118">
        <v>26743.441599999998</v>
      </c>
      <c r="S1118">
        <v>121417.68799999999</v>
      </c>
      <c r="T1118">
        <v>41698.535049999999</v>
      </c>
      <c r="U1118">
        <v>23680.75503</v>
      </c>
      <c r="W1118" s="83">
        <f>Bühler!N1150</f>
        <v>45338.499999997293</v>
      </c>
      <c r="X1118" s="83">
        <v>43147.5</v>
      </c>
      <c r="Y1118">
        <v>283871.09789999999</v>
      </c>
      <c r="Z1118">
        <v>37776.329120000002</v>
      </c>
      <c r="AA1118">
        <v>96129.440659999993</v>
      </c>
      <c r="AB1118">
        <v>83997.54724</v>
      </c>
      <c r="AC1118">
        <v>56090.577559999998</v>
      </c>
      <c r="AD1118">
        <v>40644.243869999998</v>
      </c>
      <c r="AE1118">
        <v>43135.813880000002</v>
      </c>
      <c r="AF1118">
        <v>63223.304369999998</v>
      </c>
      <c r="AG1118">
        <v>37492.747730000003</v>
      </c>
      <c r="AH1118">
        <v>330100.91950000002</v>
      </c>
      <c r="AI1118">
        <v>101983.57980000001</v>
      </c>
      <c r="AJ1118">
        <v>29272.380430000001</v>
      </c>
      <c r="AK1118">
        <v>43075.044900000001</v>
      </c>
      <c r="AL1118">
        <v>90098.285990000004</v>
      </c>
      <c r="AM1118">
        <v>26743.441599999998</v>
      </c>
      <c r="AN1118">
        <v>121417.68799999999</v>
      </c>
      <c r="AO1118">
        <v>41698.535049999999</v>
      </c>
      <c r="AP1118">
        <v>23680.75503</v>
      </c>
    </row>
    <row r="1119" spans="2:42" x14ac:dyDescent="0.3">
      <c r="B1119">
        <v>63.998414408448355</v>
      </c>
      <c r="C1119" s="83">
        <v>43147.541666666664</v>
      </c>
      <c r="D1119">
        <v>280997.67930000002</v>
      </c>
      <c r="E1119">
        <v>36674.321949999998</v>
      </c>
      <c r="F1119">
        <v>94580.484939999995</v>
      </c>
      <c r="G1119">
        <v>80073.978870000006</v>
      </c>
      <c r="H1119">
        <v>54819.33279</v>
      </c>
      <c r="I1119">
        <v>39572.830710000002</v>
      </c>
      <c r="J1119">
        <v>41994.007469999997</v>
      </c>
      <c r="K1119">
        <v>65583.148449999993</v>
      </c>
      <c r="L1119">
        <v>35850.62614</v>
      </c>
      <c r="M1119">
        <v>326293.76179999998</v>
      </c>
      <c r="N1119">
        <v>100037.2328</v>
      </c>
      <c r="O1119">
        <v>29497.74193</v>
      </c>
      <c r="P1119">
        <v>41159.980539999997</v>
      </c>
      <c r="Q1119">
        <v>88195.428390000001</v>
      </c>
      <c r="R1119">
        <v>27129.44715</v>
      </c>
      <c r="S1119">
        <v>119717.3036</v>
      </c>
      <c r="T1119">
        <v>39096.0795</v>
      </c>
      <c r="U1119">
        <v>24164.279009999998</v>
      </c>
      <c r="W1119" s="83">
        <f>Bühler!N1151</f>
        <v>45338.541666663958</v>
      </c>
      <c r="X1119" s="83">
        <v>43147.541666666664</v>
      </c>
      <c r="Y1119">
        <v>280997.67930000002</v>
      </c>
      <c r="Z1119">
        <v>36674.321949999998</v>
      </c>
      <c r="AA1119">
        <v>94580.484939999995</v>
      </c>
      <c r="AB1119">
        <v>80073.978870000006</v>
      </c>
      <c r="AC1119">
        <v>54819.33279</v>
      </c>
      <c r="AD1119">
        <v>39572.830710000002</v>
      </c>
      <c r="AE1119">
        <v>41994.007469999997</v>
      </c>
      <c r="AF1119">
        <v>65583.148449999993</v>
      </c>
      <c r="AG1119">
        <v>35850.62614</v>
      </c>
      <c r="AH1119">
        <v>326293.76179999998</v>
      </c>
      <c r="AI1119">
        <v>100037.2328</v>
      </c>
      <c r="AJ1119">
        <v>29497.74193</v>
      </c>
      <c r="AK1119">
        <v>41159.980539999997</v>
      </c>
      <c r="AL1119">
        <v>88195.428390000001</v>
      </c>
      <c r="AM1119">
        <v>27129.44715</v>
      </c>
      <c r="AN1119">
        <v>119717.3036</v>
      </c>
      <c r="AO1119">
        <v>39096.0795</v>
      </c>
      <c r="AP1119">
        <v>24164.279009999998</v>
      </c>
    </row>
    <row r="1120" spans="2:42" x14ac:dyDescent="0.3">
      <c r="B1120">
        <v>64.167895256618195</v>
      </c>
      <c r="C1120" s="83">
        <v>43147.583333333336</v>
      </c>
      <c r="D1120">
        <v>281429.13020000001</v>
      </c>
      <c r="E1120">
        <v>39086.6921</v>
      </c>
      <c r="F1120">
        <v>95400.167260000002</v>
      </c>
      <c r="G1120">
        <v>74748.692249999993</v>
      </c>
      <c r="H1120">
        <v>54201.692260000003</v>
      </c>
      <c r="I1120">
        <v>39896.247049999998</v>
      </c>
      <c r="J1120">
        <v>41686.389089999997</v>
      </c>
      <c r="K1120">
        <v>65507.581429999998</v>
      </c>
      <c r="L1120">
        <v>32515.09606</v>
      </c>
      <c r="M1120">
        <v>327157.8542</v>
      </c>
      <c r="N1120">
        <v>100693.027</v>
      </c>
      <c r="O1120">
        <v>28883.835370000001</v>
      </c>
      <c r="P1120">
        <v>37629.967660000002</v>
      </c>
      <c r="Q1120">
        <v>86241.283309999999</v>
      </c>
      <c r="R1120">
        <v>26118.071349999998</v>
      </c>
      <c r="S1120">
        <v>115249.03969999999</v>
      </c>
      <c r="T1120">
        <v>36721.538260000001</v>
      </c>
      <c r="U1120">
        <v>23623.053220000002</v>
      </c>
      <c r="W1120" s="83">
        <f>Bühler!N1152</f>
        <v>45338.583333330622</v>
      </c>
      <c r="X1120" s="83">
        <v>43147.583333333336</v>
      </c>
      <c r="Y1120">
        <v>281429.13020000001</v>
      </c>
      <c r="Z1120">
        <v>39086.6921</v>
      </c>
      <c r="AA1120">
        <v>95400.167260000002</v>
      </c>
      <c r="AB1120">
        <v>74748.692249999993</v>
      </c>
      <c r="AC1120">
        <v>54201.692260000003</v>
      </c>
      <c r="AD1120">
        <v>39896.247049999998</v>
      </c>
      <c r="AE1120">
        <v>41686.389089999997</v>
      </c>
      <c r="AF1120">
        <v>65507.581429999998</v>
      </c>
      <c r="AG1120">
        <v>32515.09606</v>
      </c>
      <c r="AH1120">
        <v>327157.8542</v>
      </c>
      <c r="AI1120">
        <v>100693.027</v>
      </c>
      <c r="AJ1120">
        <v>28883.835370000001</v>
      </c>
      <c r="AK1120">
        <v>37629.967660000002</v>
      </c>
      <c r="AL1120">
        <v>86241.283309999999</v>
      </c>
      <c r="AM1120">
        <v>26118.071349999998</v>
      </c>
      <c r="AN1120">
        <v>115249.03969999999</v>
      </c>
      <c r="AO1120">
        <v>36721.538260000001</v>
      </c>
      <c r="AP1120">
        <v>23623.053220000002</v>
      </c>
    </row>
    <row r="1121" spans="2:42" x14ac:dyDescent="0.3">
      <c r="B1121">
        <v>62.485090423839971</v>
      </c>
      <c r="C1121" s="83">
        <v>43147.625</v>
      </c>
      <c r="D1121">
        <v>275551.91560000001</v>
      </c>
      <c r="E1121">
        <v>38279.954980000002</v>
      </c>
      <c r="F1121">
        <v>95900.528770000004</v>
      </c>
      <c r="G1121">
        <v>70117.779519999996</v>
      </c>
      <c r="H1121">
        <v>52697.152349999997</v>
      </c>
      <c r="I1121">
        <v>40483.719850000001</v>
      </c>
      <c r="J1121">
        <v>41260.486259999998</v>
      </c>
      <c r="K1121">
        <v>63257.080419999998</v>
      </c>
      <c r="L1121">
        <v>29291.660629999998</v>
      </c>
      <c r="M1121">
        <v>318578.13040000002</v>
      </c>
      <c r="N1121">
        <v>97589.409620000006</v>
      </c>
      <c r="O1121">
        <v>27727.38956</v>
      </c>
      <c r="P1121">
        <v>35513.566760000002</v>
      </c>
      <c r="Q1121">
        <v>84653.705040000001</v>
      </c>
      <c r="R1121">
        <v>24767.737789999999</v>
      </c>
      <c r="S1121">
        <v>112558.8299</v>
      </c>
      <c r="T1121">
        <v>36373.957970000003</v>
      </c>
      <c r="U1121">
        <v>22269.16776</v>
      </c>
      <c r="W1121" s="83">
        <f>Bühler!N1153</f>
        <v>45338.624999997286</v>
      </c>
      <c r="X1121" s="83">
        <v>43147.625</v>
      </c>
      <c r="Y1121">
        <v>275551.91560000001</v>
      </c>
      <c r="Z1121">
        <v>38279.954980000002</v>
      </c>
      <c r="AA1121">
        <v>95900.528770000004</v>
      </c>
      <c r="AB1121">
        <v>70117.779519999996</v>
      </c>
      <c r="AC1121">
        <v>52697.152349999997</v>
      </c>
      <c r="AD1121">
        <v>40483.719850000001</v>
      </c>
      <c r="AE1121">
        <v>41260.486259999998</v>
      </c>
      <c r="AF1121">
        <v>63257.080419999998</v>
      </c>
      <c r="AG1121">
        <v>29291.660629999998</v>
      </c>
      <c r="AH1121">
        <v>318578.13040000002</v>
      </c>
      <c r="AI1121">
        <v>97589.409620000006</v>
      </c>
      <c r="AJ1121">
        <v>27727.38956</v>
      </c>
      <c r="AK1121">
        <v>35513.566760000002</v>
      </c>
      <c r="AL1121">
        <v>84653.705040000001</v>
      </c>
      <c r="AM1121">
        <v>24767.737789999999</v>
      </c>
      <c r="AN1121">
        <v>112558.8299</v>
      </c>
      <c r="AO1121">
        <v>36373.957970000003</v>
      </c>
      <c r="AP1121">
        <v>22269.16776</v>
      </c>
    </row>
    <row r="1122" spans="2:42" x14ac:dyDescent="0.3">
      <c r="B1122">
        <v>61.436193551462303</v>
      </c>
      <c r="C1122" s="83">
        <v>43147.666666666664</v>
      </c>
      <c r="D1122">
        <v>266177.4326</v>
      </c>
      <c r="E1122">
        <v>36790.071239999997</v>
      </c>
      <c r="F1122">
        <v>94926.33799</v>
      </c>
      <c r="G1122">
        <v>64308.601719999999</v>
      </c>
      <c r="H1122">
        <v>50853.415430000001</v>
      </c>
      <c r="I1122">
        <v>41480.413719999997</v>
      </c>
      <c r="J1122">
        <v>40515.044309999997</v>
      </c>
      <c r="K1122">
        <v>58631.092279999997</v>
      </c>
      <c r="L1122">
        <v>28151.638080000001</v>
      </c>
      <c r="M1122">
        <v>313230.36499999999</v>
      </c>
      <c r="N1122">
        <v>92997.571490000002</v>
      </c>
      <c r="O1122">
        <v>27315.04463</v>
      </c>
      <c r="P1122">
        <v>35328.730530000001</v>
      </c>
      <c r="Q1122">
        <v>83058.506110000002</v>
      </c>
      <c r="R1122">
        <v>24638.82358</v>
      </c>
      <c r="S1122">
        <v>108791.38250000001</v>
      </c>
      <c r="T1122">
        <v>36414.939079999996</v>
      </c>
      <c r="U1122">
        <v>21221.029630000001</v>
      </c>
      <c r="W1122" s="83">
        <f>Bühler!N1154</f>
        <v>45338.66666666395</v>
      </c>
      <c r="X1122" s="83">
        <v>43147.666666666664</v>
      </c>
      <c r="Y1122">
        <v>266177.4326</v>
      </c>
      <c r="Z1122">
        <v>36790.071239999997</v>
      </c>
      <c r="AA1122">
        <v>94926.33799</v>
      </c>
      <c r="AB1122">
        <v>64308.601719999999</v>
      </c>
      <c r="AC1122">
        <v>50853.415430000001</v>
      </c>
      <c r="AD1122">
        <v>41480.413719999997</v>
      </c>
      <c r="AE1122">
        <v>40515.044309999997</v>
      </c>
      <c r="AF1122">
        <v>58631.092279999997</v>
      </c>
      <c r="AG1122">
        <v>28151.638080000001</v>
      </c>
      <c r="AH1122">
        <v>313230.36499999999</v>
      </c>
      <c r="AI1122">
        <v>92997.571490000002</v>
      </c>
      <c r="AJ1122">
        <v>27315.04463</v>
      </c>
      <c r="AK1122">
        <v>35328.730530000001</v>
      </c>
      <c r="AL1122">
        <v>83058.506110000002</v>
      </c>
      <c r="AM1122">
        <v>24638.82358</v>
      </c>
      <c r="AN1122">
        <v>108791.38250000001</v>
      </c>
      <c r="AO1122">
        <v>36414.939079999996</v>
      </c>
      <c r="AP1122">
        <v>21221.029630000001</v>
      </c>
    </row>
    <row r="1123" spans="2:42" x14ac:dyDescent="0.3">
      <c r="B1123">
        <v>60.228255676238881</v>
      </c>
      <c r="C1123" s="83">
        <v>43147.708333333336</v>
      </c>
      <c r="D1123">
        <v>257181.79810000001</v>
      </c>
      <c r="E1123">
        <v>34454.439539999999</v>
      </c>
      <c r="F1123">
        <v>94501.993140000006</v>
      </c>
      <c r="G1123">
        <v>57181.13162</v>
      </c>
      <c r="H1123">
        <v>49581.174579999999</v>
      </c>
      <c r="I1123">
        <v>41664.030550000003</v>
      </c>
      <c r="J1123">
        <v>40605.953000000001</v>
      </c>
      <c r="K1123">
        <v>54135.393859999996</v>
      </c>
      <c r="L1123">
        <v>27761.12138</v>
      </c>
      <c r="M1123">
        <v>307071.73440000002</v>
      </c>
      <c r="N1123">
        <v>86221.976670000004</v>
      </c>
      <c r="O1123">
        <v>27483.14429</v>
      </c>
      <c r="P1123">
        <v>37712.102680000004</v>
      </c>
      <c r="Q1123">
        <v>81166.156019999995</v>
      </c>
      <c r="R1123">
        <v>25332.782620000002</v>
      </c>
      <c r="S1123">
        <v>106514.88009999999</v>
      </c>
      <c r="T1123">
        <v>36470.091990000001</v>
      </c>
      <c r="U1123">
        <v>19844.960879999999</v>
      </c>
      <c r="W1123" s="83">
        <f>Bühler!N1155</f>
        <v>45338.708333330615</v>
      </c>
      <c r="X1123" s="83">
        <v>43147.708333333336</v>
      </c>
      <c r="Y1123">
        <v>257181.79810000001</v>
      </c>
      <c r="Z1123">
        <v>34454.439539999999</v>
      </c>
      <c r="AA1123">
        <v>94501.993140000006</v>
      </c>
      <c r="AB1123">
        <v>57181.13162</v>
      </c>
      <c r="AC1123">
        <v>49581.174579999999</v>
      </c>
      <c r="AD1123">
        <v>41664.030550000003</v>
      </c>
      <c r="AE1123">
        <v>40605.953000000001</v>
      </c>
      <c r="AF1123">
        <v>54135.393859999996</v>
      </c>
      <c r="AG1123">
        <v>27761.12138</v>
      </c>
      <c r="AH1123">
        <v>307071.73440000002</v>
      </c>
      <c r="AI1123">
        <v>86221.976670000004</v>
      </c>
      <c r="AJ1123">
        <v>27483.14429</v>
      </c>
      <c r="AK1123">
        <v>37712.102680000004</v>
      </c>
      <c r="AL1123">
        <v>81166.156019999995</v>
      </c>
      <c r="AM1123">
        <v>25332.782620000002</v>
      </c>
      <c r="AN1123">
        <v>106514.88009999999</v>
      </c>
      <c r="AO1123">
        <v>36470.091990000001</v>
      </c>
      <c r="AP1123">
        <v>19844.960879999999</v>
      </c>
    </row>
    <row r="1124" spans="2:42" x14ac:dyDescent="0.3">
      <c r="B1124">
        <v>58.632890079124806</v>
      </c>
      <c r="C1124" s="83">
        <v>43147.75</v>
      </c>
      <c r="D1124">
        <v>251120.23069999999</v>
      </c>
      <c r="E1124">
        <v>32849.315889999998</v>
      </c>
      <c r="F1124">
        <v>93490.499689999997</v>
      </c>
      <c r="G1124">
        <v>52245.716919999999</v>
      </c>
      <c r="H1124">
        <v>49123.388370000001</v>
      </c>
      <c r="I1124">
        <v>41180.496099999997</v>
      </c>
      <c r="J1124">
        <v>42870.586060000001</v>
      </c>
      <c r="K1124">
        <v>48141.156329999998</v>
      </c>
      <c r="L1124">
        <v>30125.03643</v>
      </c>
      <c r="M1124">
        <v>298937.81660000002</v>
      </c>
      <c r="N1124">
        <v>83022.279429999995</v>
      </c>
      <c r="O1124">
        <v>26687.67007</v>
      </c>
      <c r="P1124">
        <v>42043.21054</v>
      </c>
      <c r="Q1124">
        <v>79212.76165</v>
      </c>
      <c r="R1124">
        <v>21878.103179999998</v>
      </c>
      <c r="S1124">
        <v>103203.2329</v>
      </c>
      <c r="T1124">
        <v>36666.983529999998</v>
      </c>
      <c r="U1124">
        <v>19687.035400000001</v>
      </c>
      <c r="W1124" s="83">
        <f>Bühler!N1156</f>
        <v>45338.749999997279</v>
      </c>
      <c r="X1124" s="83">
        <v>43147.75</v>
      </c>
      <c r="Y1124">
        <v>251120.23069999999</v>
      </c>
      <c r="Z1124">
        <v>32849.315889999998</v>
      </c>
      <c r="AA1124">
        <v>93490.499689999997</v>
      </c>
      <c r="AB1124">
        <v>52245.716919999999</v>
      </c>
      <c r="AC1124">
        <v>49123.388370000001</v>
      </c>
      <c r="AD1124">
        <v>41180.496099999997</v>
      </c>
      <c r="AE1124">
        <v>42870.586060000001</v>
      </c>
      <c r="AF1124">
        <v>48141.156329999998</v>
      </c>
      <c r="AG1124">
        <v>30125.03643</v>
      </c>
      <c r="AH1124">
        <v>298937.81660000002</v>
      </c>
      <c r="AI1124">
        <v>83022.279429999995</v>
      </c>
      <c r="AJ1124">
        <v>26687.67007</v>
      </c>
      <c r="AK1124">
        <v>42043.21054</v>
      </c>
      <c r="AL1124">
        <v>79212.76165</v>
      </c>
      <c r="AM1124">
        <v>21878.103179999998</v>
      </c>
      <c r="AN1124">
        <v>103203.2329</v>
      </c>
      <c r="AO1124">
        <v>36666.983529999998</v>
      </c>
      <c r="AP1124">
        <v>19687.035400000001</v>
      </c>
    </row>
    <row r="1125" spans="2:42" x14ac:dyDescent="0.3">
      <c r="B1125">
        <v>57.363679327109146</v>
      </c>
      <c r="C1125" s="83">
        <v>43147.791666666664</v>
      </c>
      <c r="D1125">
        <v>243131.97940000001</v>
      </c>
      <c r="E1125">
        <v>27190.753710000001</v>
      </c>
      <c r="F1125">
        <v>82179.274709999998</v>
      </c>
      <c r="G1125">
        <v>47889.76053</v>
      </c>
      <c r="H1125">
        <v>47291.061629999997</v>
      </c>
      <c r="I1125">
        <v>38867.616090000003</v>
      </c>
      <c r="J1125">
        <v>43136.55932</v>
      </c>
      <c r="K1125">
        <v>46890.384689999999</v>
      </c>
      <c r="L1125">
        <v>31904.046890000001</v>
      </c>
      <c r="M1125">
        <v>292466.78830000001</v>
      </c>
      <c r="N1125">
        <v>82741.339760000003</v>
      </c>
      <c r="O1125">
        <v>25703.447789999998</v>
      </c>
      <c r="P1125">
        <v>44486.10224</v>
      </c>
      <c r="Q1125">
        <v>76752.492559999999</v>
      </c>
      <c r="R1125">
        <v>21536.289629999999</v>
      </c>
      <c r="S1125">
        <v>100300.5956</v>
      </c>
      <c r="T1125">
        <v>36931.803399999997</v>
      </c>
      <c r="U1125">
        <v>18704.925200000001</v>
      </c>
      <c r="W1125" s="83">
        <f>Bühler!N1157</f>
        <v>45338.791666663943</v>
      </c>
      <c r="X1125" s="83">
        <v>43147.791666666664</v>
      </c>
      <c r="Y1125">
        <v>243131.97940000001</v>
      </c>
      <c r="Z1125">
        <v>27190.753710000001</v>
      </c>
      <c r="AA1125">
        <v>82179.274709999998</v>
      </c>
      <c r="AB1125">
        <v>47889.76053</v>
      </c>
      <c r="AC1125">
        <v>47291.061629999997</v>
      </c>
      <c r="AD1125">
        <v>38867.616090000003</v>
      </c>
      <c r="AE1125">
        <v>43136.55932</v>
      </c>
      <c r="AF1125">
        <v>46890.384689999999</v>
      </c>
      <c r="AG1125">
        <v>31904.046890000001</v>
      </c>
      <c r="AH1125">
        <v>292466.78830000001</v>
      </c>
      <c r="AI1125">
        <v>82741.339760000003</v>
      </c>
      <c r="AJ1125">
        <v>25703.447789999998</v>
      </c>
      <c r="AK1125">
        <v>44486.10224</v>
      </c>
      <c r="AL1125">
        <v>76752.492559999999</v>
      </c>
      <c r="AM1125">
        <v>21536.289629999999</v>
      </c>
      <c r="AN1125">
        <v>100300.5956</v>
      </c>
      <c r="AO1125">
        <v>36931.803399999997</v>
      </c>
      <c r="AP1125">
        <v>18704.925200000001</v>
      </c>
    </row>
    <row r="1126" spans="2:42" x14ac:dyDescent="0.3">
      <c r="B1126">
        <v>56.785880239615302</v>
      </c>
      <c r="C1126" s="83">
        <v>43147.833333333336</v>
      </c>
      <c r="D1126">
        <v>235017.024</v>
      </c>
      <c r="E1126">
        <v>21442.706480000001</v>
      </c>
      <c r="F1126">
        <v>63405.007409999998</v>
      </c>
      <c r="G1126">
        <v>45078.322039999999</v>
      </c>
      <c r="H1126">
        <v>44971.434509999999</v>
      </c>
      <c r="I1126">
        <v>34785.363660000003</v>
      </c>
      <c r="J1126">
        <v>42121.035159999999</v>
      </c>
      <c r="K1126">
        <v>52431.925600000002</v>
      </c>
      <c r="L1126">
        <v>31047.350330000001</v>
      </c>
      <c r="M1126">
        <v>289520.89909999998</v>
      </c>
      <c r="N1126">
        <v>80599.226580000002</v>
      </c>
      <c r="O1126">
        <v>24923.395209999999</v>
      </c>
      <c r="P1126">
        <v>43516.517699999997</v>
      </c>
      <c r="Q1126">
        <v>74046.238670000006</v>
      </c>
      <c r="R1126">
        <v>23334.389719999999</v>
      </c>
      <c r="S1126">
        <v>91112.300770000002</v>
      </c>
      <c r="T1126">
        <v>35794.67239</v>
      </c>
      <c r="U1126">
        <v>18130.434420000001</v>
      </c>
      <c r="W1126" s="83">
        <f>Bühler!N1158</f>
        <v>45338.833333330607</v>
      </c>
      <c r="X1126" s="83">
        <v>43147.833333333336</v>
      </c>
      <c r="Y1126">
        <v>235017.024</v>
      </c>
      <c r="Z1126">
        <v>21442.706480000001</v>
      </c>
      <c r="AA1126">
        <v>63405.007409999998</v>
      </c>
      <c r="AB1126">
        <v>45078.322039999999</v>
      </c>
      <c r="AC1126">
        <v>44971.434509999999</v>
      </c>
      <c r="AD1126">
        <v>34785.363660000003</v>
      </c>
      <c r="AE1126">
        <v>42121.035159999999</v>
      </c>
      <c r="AF1126">
        <v>52431.925600000002</v>
      </c>
      <c r="AG1126">
        <v>31047.350330000001</v>
      </c>
      <c r="AH1126">
        <v>289520.89909999998</v>
      </c>
      <c r="AI1126">
        <v>80599.226580000002</v>
      </c>
      <c r="AJ1126">
        <v>24923.395209999999</v>
      </c>
      <c r="AK1126">
        <v>43516.517699999997</v>
      </c>
      <c r="AL1126">
        <v>74046.238670000006</v>
      </c>
      <c r="AM1126">
        <v>23334.389719999999</v>
      </c>
      <c r="AN1126">
        <v>91112.300770000002</v>
      </c>
      <c r="AO1126">
        <v>35794.67239</v>
      </c>
      <c r="AP1126">
        <v>18130.434420000001</v>
      </c>
    </row>
    <row r="1127" spans="2:42" x14ac:dyDescent="0.3">
      <c r="B1127">
        <v>55.106394189165947</v>
      </c>
      <c r="C1127" s="83">
        <v>43147.875</v>
      </c>
      <c r="D1127">
        <v>227963.07380000001</v>
      </c>
      <c r="E1127">
        <v>18715.102309999998</v>
      </c>
      <c r="F1127">
        <v>54082.087200000002</v>
      </c>
      <c r="G1127">
        <v>42535.136380000004</v>
      </c>
      <c r="H1127">
        <v>42374.231800000001</v>
      </c>
      <c r="I1127">
        <v>29655.13089</v>
      </c>
      <c r="J1127">
        <v>40438.605389999997</v>
      </c>
      <c r="K1127">
        <v>51900.632729999998</v>
      </c>
      <c r="L1127">
        <v>29392.207630000001</v>
      </c>
      <c r="M1127">
        <v>280958.09600000002</v>
      </c>
      <c r="N1127">
        <v>78522.431320000003</v>
      </c>
      <c r="O1127">
        <v>23946.834129999999</v>
      </c>
      <c r="P1127">
        <v>42010.70796</v>
      </c>
      <c r="Q1127">
        <v>71200.661099999998</v>
      </c>
      <c r="R1127">
        <v>20534.986150000001</v>
      </c>
      <c r="S1127">
        <v>85467.494579999999</v>
      </c>
      <c r="T1127">
        <v>33276.210579999999</v>
      </c>
      <c r="U1127">
        <v>16890.020690000001</v>
      </c>
      <c r="W1127" s="83">
        <f>Bühler!N1159</f>
        <v>45338.874999997272</v>
      </c>
      <c r="X1127" s="83">
        <v>43147.875</v>
      </c>
      <c r="Y1127">
        <v>227963.07380000001</v>
      </c>
      <c r="Z1127">
        <v>18715.102309999998</v>
      </c>
      <c r="AA1127">
        <v>54082.087200000002</v>
      </c>
      <c r="AB1127">
        <v>42535.136380000004</v>
      </c>
      <c r="AC1127">
        <v>42374.231800000001</v>
      </c>
      <c r="AD1127">
        <v>29655.13089</v>
      </c>
      <c r="AE1127">
        <v>40438.605389999997</v>
      </c>
      <c r="AF1127">
        <v>51900.632729999998</v>
      </c>
      <c r="AG1127">
        <v>29392.207630000001</v>
      </c>
      <c r="AH1127">
        <v>280958.09600000002</v>
      </c>
      <c r="AI1127">
        <v>78522.431320000003</v>
      </c>
      <c r="AJ1127">
        <v>23946.834129999999</v>
      </c>
      <c r="AK1127">
        <v>42010.70796</v>
      </c>
      <c r="AL1127">
        <v>71200.661099999998</v>
      </c>
      <c r="AM1127">
        <v>20534.986150000001</v>
      </c>
      <c r="AN1127">
        <v>85467.494579999999</v>
      </c>
      <c r="AO1127">
        <v>33276.210579999999</v>
      </c>
      <c r="AP1127">
        <v>16890.020690000001</v>
      </c>
    </row>
    <row r="1128" spans="2:42" x14ac:dyDescent="0.3">
      <c r="B1128">
        <v>54.474667080663629</v>
      </c>
      <c r="C1128" s="83">
        <v>43147.916666666664</v>
      </c>
      <c r="D1128">
        <v>226176.74830000001</v>
      </c>
      <c r="E1128">
        <v>17799.812740000001</v>
      </c>
      <c r="F1128">
        <v>51523.188329999997</v>
      </c>
      <c r="G1128">
        <v>41657.86234</v>
      </c>
      <c r="H1128">
        <v>41596.884639999997</v>
      </c>
      <c r="I1128">
        <v>28601.120149999999</v>
      </c>
      <c r="J1128">
        <v>38964.810039999997</v>
      </c>
      <c r="K1128">
        <v>55241.46875</v>
      </c>
      <c r="L1128">
        <v>27278.300439999999</v>
      </c>
      <c r="M1128">
        <v>277737.25660000002</v>
      </c>
      <c r="N1128">
        <v>78955.356450000007</v>
      </c>
      <c r="O1128">
        <v>24990.621749999998</v>
      </c>
      <c r="P1128">
        <v>44693.317799999997</v>
      </c>
      <c r="Q1128">
        <v>70230.136270000003</v>
      </c>
      <c r="R1128">
        <v>28235.820820000001</v>
      </c>
      <c r="S1128">
        <v>84013.868040000001</v>
      </c>
      <c r="T1128">
        <v>29606.290690000002</v>
      </c>
      <c r="U1128">
        <v>18188.15497</v>
      </c>
      <c r="W1128" s="83">
        <f>Bühler!N1160</f>
        <v>45338.916666663936</v>
      </c>
      <c r="X1128" s="83">
        <v>43147.916666666664</v>
      </c>
      <c r="Y1128">
        <v>226176.74830000001</v>
      </c>
      <c r="Z1128">
        <v>17799.812740000001</v>
      </c>
      <c r="AA1128">
        <v>51523.188329999997</v>
      </c>
      <c r="AB1128">
        <v>41657.86234</v>
      </c>
      <c r="AC1128">
        <v>41596.884639999997</v>
      </c>
      <c r="AD1128">
        <v>28601.120149999999</v>
      </c>
      <c r="AE1128">
        <v>38964.810039999997</v>
      </c>
      <c r="AF1128">
        <v>55241.46875</v>
      </c>
      <c r="AG1128">
        <v>27278.300439999999</v>
      </c>
      <c r="AH1128">
        <v>277737.25660000002</v>
      </c>
      <c r="AI1128">
        <v>78955.356450000007</v>
      </c>
      <c r="AJ1128">
        <v>24990.621749999998</v>
      </c>
      <c r="AK1128">
        <v>44693.317799999997</v>
      </c>
      <c r="AL1128">
        <v>70230.136270000003</v>
      </c>
      <c r="AM1128">
        <v>28235.820820000001</v>
      </c>
      <c r="AN1128">
        <v>84013.868040000001</v>
      </c>
      <c r="AO1128">
        <v>29606.290690000002</v>
      </c>
      <c r="AP1128">
        <v>18188.15497</v>
      </c>
    </row>
    <row r="1129" spans="2:42" x14ac:dyDescent="0.3">
      <c r="B1129">
        <v>53.747968844076098</v>
      </c>
      <c r="C1129" s="83">
        <v>43147.958333333336</v>
      </c>
      <c r="D1129">
        <v>223942.05439999999</v>
      </c>
      <c r="E1129">
        <v>17303.931909999999</v>
      </c>
      <c r="F1129">
        <v>50184.36161</v>
      </c>
      <c r="G1129">
        <v>41431.973389999999</v>
      </c>
      <c r="H1129">
        <v>40838.45622</v>
      </c>
      <c r="I1129">
        <v>26912.689480000001</v>
      </c>
      <c r="J1129">
        <v>36659.786480000002</v>
      </c>
      <c r="K1129">
        <v>54144.667130000002</v>
      </c>
      <c r="L1129">
        <v>23357.742470000001</v>
      </c>
      <c r="M1129">
        <v>274032.21010000003</v>
      </c>
      <c r="N1129">
        <v>77704.091320000007</v>
      </c>
      <c r="O1129">
        <v>24775.858240000001</v>
      </c>
      <c r="P1129">
        <v>38850.971980000002</v>
      </c>
      <c r="Q1129">
        <v>70007.503580000004</v>
      </c>
      <c r="R1129">
        <v>30346.368910000001</v>
      </c>
      <c r="S1129">
        <v>82433.961790000001</v>
      </c>
      <c r="T1129">
        <v>30666.705129999998</v>
      </c>
      <c r="U1129">
        <v>17305.024669999999</v>
      </c>
      <c r="W1129" s="83">
        <f>Bühler!N1161</f>
        <v>45338.9583333306</v>
      </c>
      <c r="X1129" s="83">
        <v>43147.958333333336</v>
      </c>
      <c r="Y1129">
        <v>223942.05439999999</v>
      </c>
      <c r="Z1129">
        <v>17303.931909999999</v>
      </c>
      <c r="AA1129">
        <v>50184.36161</v>
      </c>
      <c r="AB1129">
        <v>41431.973389999999</v>
      </c>
      <c r="AC1129">
        <v>40838.45622</v>
      </c>
      <c r="AD1129">
        <v>26912.689480000001</v>
      </c>
      <c r="AE1129">
        <v>36659.786480000002</v>
      </c>
      <c r="AF1129">
        <v>54144.667130000002</v>
      </c>
      <c r="AG1129">
        <v>23357.742470000001</v>
      </c>
      <c r="AH1129">
        <v>274032.21010000003</v>
      </c>
      <c r="AI1129">
        <v>77704.091320000007</v>
      </c>
      <c r="AJ1129">
        <v>24775.858240000001</v>
      </c>
      <c r="AK1129">
        <v>38850.971980000002</v>
      </c>
      <c r="AL1129">
        <v>70007.503580000004</v>
      </c>
      <c r="AM1129">
        <v>30346.368910000001</v>
      </c>
      <c r="AN1129">
        <v>82433.961790000001</v>
      </c>
      <c r="AO1129">
        <v>30666.705129999998</v>
      </c>
      <c r="AP1129">
        <v>17305.024669999999</v>
      </c>
    </row>
    <row r="1130" spans="2:42" x14ac:dyDescent="0.3">
      <c r="B1130">
        <v>52.658058599053554</v>
      </c>
      <c r="C1130" s="83">
        <v>43148</v>
      </c>
      <c r="D1130">
        <v>220716.8774</v>
      </c>
      <c r="E1130">
        <v>16911.313740000001</v>
      </c>
      <c r="F1130">
        <v>49702.921699999999</v>
      </c>
      <c r="G1130">
        <v>41124.235919999999</v>
      </c>
      <c r="H1130">
        <v>39857.133179999997</v>
      </c>
      <c r="I1130">
        <v>24617.045549999999</v>
      </c>
      <c r="J1130">
        <v>34446.795989999999</v>
      </c>
      <c r="K1130">
        <v>52405.610970000002</v>
      </c>
      <c r="L1130">
        <v>20435.193879999999</v>
      </c>
      <c r="M1130">
        <v>268475.3394</v>
      </c>
      <c r="N1130">
        <v>76279.145869999993</v>
      </c>
      <c r="O1130">
        <v>24924.810170000001</v>
      </c>
      <c r="P1130">
        <v>36719.10572</v>
      </c>
      <c r="Q1130">
        <v>68200.543359999996</v>
      </c>
      <c r="R1130">
        <v>26358.295630000001</v>
      </c>
      <c r="S1130">
        <v>81455.641099999993</v>
      </c>
      <c r="T1130">
        <v>29256.7268</v>
      </c>
      <c r="U1130">
        <v>16504.898430000001</v>
      </c>
      <c r="W1130" s="83">
        <f>Bühler!N1162</f>
        <v>45338.999999997264</v>
      </c>
      <c r="X1130" s="83">
        <v>43148</v>
      </c>
      <c r="Y1130">
        <v>220716.8774</v>
      </c>
      <c r="Z1130">
        <v>16911.313740000001</v>
      </c>
      <c r="AA1130">
        <v>49702.921699999999</v>
      </c>
      <c r="AB1130">
        <v>41124.235919999999</v>
      </c>
      <c r="AC1130">
        <v>39857.133179999997</v>
      </c>
      <c r="AD1130">
        <v>24617.045549999999</v>
      </c>
      <c r="AE1130">
        <v>34446.795989999999</v>
      </c>
      <c r="AF1130">
        <v>52405.610970000002</v>
      </c>
      <c r="AG1130">
        <v>20435.193879999999</v>
      </c>
      <c r="AH1130">
        <v>268475.3394</v>
      </c>
      <c r="AI1130">
        <v>76279.145869999993</v>
      </c>
      <c r="AJ1130">
        <v>24924.810170000001</v>
      </c>
      <c r="AK1130">
        <v>36719.10572</v>
      </c>
      <c r="AL1130">
        <v>68200.543359999996</v>
      </c>
      <c r="AM1130">
        <v>26358.295630000001</v>
      </c>
      <c r="AN1130">
        <v>81455.641099999993</v>
      </c>
      <c r="AO1130">
        <v>29256.7268</v>
      </c>
      <c r="AP1130">
        <v>16504.898430000001</v>
      </c>
    </row>
    <row r="1131" spans="2:42" x14ac:dyDescent="0.3">
      <c r="B1131">
        <v>52.084576790232099</v>
      </c>
      <c r="C1131" s="83">
        <v>43148.041666666664</v>
      </c>
      <c r="D1131">
        <v>216381.40820000001</v>
      </c>
      <c r="E1131">
        <v>16924.483059999999</v>
      </c>
      <c r="F1131">
        <v>49502.365640000004</v>
      </c>
      <c r="G1131">
        <v>40690.958480000001</v>
      </c>
      <c r="H1131">
        <v>39398.462679999997</v>
      </c>
      <c r="I1131">
        <v>21704.111420000001</v>
      </c>
      <c r="J1131">
        <v>33665.163200000003</v>
      </c>
      <c r="K1131">
        <v>51136.492420000002</v>
      </c>
      <c r="L1131">
        <v>18959.510170000001</v>
      </c>
      <c r="M1131">
        <v>265551.46169999999</v>
      </c>
      <c r="N1131">
        <v>74686.144209999999</v>
      </c>
      <c r="O1131">
        <v>24435.36075</v>
      </c>
      <c r="P1131">
        <v>35516.795059999997</v>
      </c>
      <c r="Q1131">
        <v>67081.52059</v>
      </c>
      <c r="R1131">
        <v>24340.59677</v>
      </c>
      <c r="S1131">
        <v>79863.992320000005</v>
      </c>
      <c r="T1131">
        <v>28389.80531</v>
      </c>
      <c r="U1131">
        <v>16913.38823</v>
      </c>
      <c r="W1131" s="83">
        <f>Bühler!N1163</f>
        <v>45339.041666663928</v>
      </c>
      <c r="X1131" s="83">
        <v>43148.041666666664</v>
      </c>
      <c r="Y1131">
        <v>216381.40820000001</v>
      </c>
      <c r="Z1131">
        <v>16924.483059999999</v>
      </c>
      <c r="AA1131">
        <v>49502.365640000004</v>
      </c>
      <c r="AB1131">
        <v>40690.958480000001</v>
      </c>
      <c r="AC1131">
        <v>39398.462679999997</v>
      </c>
      <c r="AD1131">
        <v>21704.111420000001</v>
      </c>
      <c r="AE1131">
        <v>33665.163200000003</v>
      </c>
      <c r="AF1131">
        <v>51136.492420000002</v>
      </c>
      <c r="AG1131">
        <v>18959.510170000001</v>
      </c>
      <c r="AH1131">
        <v>265551.46169999999</v>
      </c>
      <c r="AI1131">
        <v>74686.144209999999</v>
      </c>
      <c r="AJ1131">
        <v>24435.36075</v>
      </c>
      <c r="AK1131">
        <v>35516.795059999997</v>
      </c>
      <c r="AL1131">
        <v>67081.52059</v>
      </c>
      <c r="AM1131">
        <v>24340.59677</v>
      </c>
      <c r="AN1131">
        <v>79863.992320000005</v>
      </c>
      <c r="AO1131">
        <v>28389.80531</v>
      </c>
      <c r="AP1131">
        <v>16913.38823</v>
      </c>
    </row>
    <row r="1132" spans="2:42" x14ac:dyDescent="0.3">
      <c r="B1132">
        <v>51.575912002419606</v>
      </c>
      <c r="C1132" s="83">
        <v>43148.083333333336</v>
      </c>
      <c r="D1132">
        <v>212078.07509999999</v>
      </c>
      <c r="E1132">
        <v>16955.091700000001</v>
      </c>
      <c r="F1132">
        <v>50237.142229999998</v>
      </c>
      <c r="G1132">
        <v>40048.146439999997</v>
      </c>
      <c r="H1132">
        <v>39111.052499999998</v>
      </c>
      <c r="I1132">
        <v>18785.670730000002</v>
      </c>
      <c r="J1132">
        <v>33603.91678</v>
      </c>
      <c r="K1132">
        <v>49353.163370000002</v>
      </c>
      <c r="L1132">
        <v>19156.670460000001</v>
      </c>
      <c r="M1132">
        <v>262958.0514</v>
      </c>
      <c r="N1132">
        <v>73434.560689999998</v>
      </c>
      <c r="O1132">
        <v>24242.41187</v>
      </c>
      <c r="P1132">
        <v>34141.936399999999</v>
      </c>
      <c r="Q1132">
        <v>67084.077300000004</v>
      </c>
      <c r="R1132">
        <v>24044.030299999999</v>
      </c>
      <c r="S1132">
        <v>79432.80816</v>
      </c>
      <c r="T1132">
        <v>27713.723709999998</v>
      </c>
      <c r="U1132">
        <v>17040.691139999999</v>
      </c>
      <c r="W1132" s="83">
        <f>Bühler!N1164</f>
        <v>45339.083333330593</v>
      </c>
      <c r="X1132" s="83">
        <v>43148.083333333336</v>
      </c>
      <c r="Y1132">
        <v>212078.07509999999</v>
      </c>
      <c r="Z1132">
        <v>16955.091700000001</v>
      </c>
      <c r="AA1132">
        <v>50237.142229999998</v>
      </c>
      <c r="AB1132">
        <v>40048.146439999997</v>
      </c>
      <c r="AC1132">
        <v>39111.052499999998</v>
      </c>
      <c r="AD1132">
        <v>18785.670730000002</v>
      </c>
      <c r="AE1132">
        <v>33603.91678</v>
      </c>
      <c r="AF1132">
        <v>49353.163370000002</v>
      </c>
      <c r="AG1132">
        <v>19156.670460000001</v>
      </c>
      <c r="AH1132">
        <v>262958.0514</v>
      </c>
      <c r="AI1132">
        <v>73434.560689999998</v>
      </c>
      <c r="AJ1132">
        <v>24242.41187</v>
      </c>
      <c r="AK1132">
        <v>34141.936399999999</v>
      </c>
      <c r="AL1132">
        <v>67084.077300000004</v>
      </c>
      <c r="AM1132">
        <v>24044.030299999999</v>
      </c>
      <c r="AN1132">
        <v>79432.80816</v>
      </c>
      <c r="AO1132">
        <v>27713.723709999998</v>
      </c>
      <c r="AP1132">
        <v>17040.691139999999</v>
      </c>
    </row>
    <row r="1133" spans="2:42" x14ac:dyDescent="0.3">
      <c r="B1133">
        <v>50.452445313453886</v>
      </c>
      <c r="C1133" s="83">
        <v>43148.125</v>
      </c>
      <c r="D1133">
        <v>205949.8051</v>
      </c>
      <c r="E1133">
        <v>16842.387409999999</v>
      </c>
      <c r="F1133">
        <v>51496.108760000003</v>
      </c>
      <c r="G1133">
        <v>39156.606899999999</v>
      </c>
      <c r="H1133">
        <v>39286.277650000004</v>
      </c>
      <c r="I1133">
        <v>18186.655630000001</v>
      </c>
      <c r="J1133">
        <v>33833.410810000001</v>
      </c>
      <c r="K1133">
        <v>48404.587670000001</v>
      </c>
      <c r="L1133">
        <v>18906.813539999999</v>
      </c>
      <c r="M1133">
        <v>257230.0943</v>
      </c>
      <c r="N1133">
        <v>71864.699460000003</v>
      </c>
      <c r="O1133">
        <v>24069.90063</v>
      </c>
      <c r="P1133">
        <v>33337.939749999998</v>
      </c>
      <c r="Q1133">
        <v>66326.22451</v>
      </c>
      <c r="R1133">
        <v>23922.215250000001</v>
      </c>
      <c r="S1133">
        <v>78479.061369999996</v>
      </c>
      <c r="T1133">
        <v>27983.247960000001</v>
      </c>
      <c r="U1133">
        <v>17204.69342</v>
      </c>
      <c r="W1133" s="83">
        <f>Bühler!N1165</f>
        <v>45339.124999997257</v>
      </c>
      <c r="X1133" s="83">
        <v>43148.125</v>
      </c>
      <c r="Y1133">
        <v>205949.8051</v>
      </c>
      <c r="Z1133">
        <v>16842.387409999999</v>
      </c>
      <c r="AA1133">
        <v>51496.108760000003</v>
      </c>
      <c r="AB1133">
        <v>39156.606899999999</v>
      </c>
      <c r="AC1133">
        <v>39286.277650000004</v>
      </c>
      <c r="AD1133">
        <v>18186.655630000001</v>
      </c>
      <c r="AE1133">
        <v>33833.410810000001</v>
      </c>
      <c r="AF1133">
        <v>48404.587670000001</v>
      </c>
      <c r="AG1133">
        <v>18906.813539999999</v>
      </c>
      <c r="AH1133">
        <v>257230.0943</v>
      </c>
      <c r="AI1133">
        <v>71864.699460000003</v>
      </c>
      <c r="AJ1133">
        <v>24069.90063</v>
      </c>
      <c r="AK1133">
        <v>33337.939749999998</v>
      </c>
      <c r="AL1133">
        <v>66326.22451</v>
      </c>
      <c r="AM1133">
        <v>23922.215250000001</v>
      </c>
      <c r="AN1133">
        <v>78479.061369999996</v>
      </c>
      <c r="AO1133">
        <v>27983.247960000001</v>
      </c>
      <c r="AP1133">
        <v>17204.69342</v>
      </c>
    </row>
    <row r="1134" spans="2:42" x14ac:dyDescent="0.3">
      <c r="B1134">
        <v>49.092113434252006</v>
      </c>
      <c r="C1134" s="83">
        <v>43148.166666666664</v>
      </c>
      <c r="D1134">
        <v>199978.4442</v>
      </c>
      <c r="E1134">
        <v>16954.65596</v>
      </c>
      <c r="F1134">
        <v>54719.311970000002</v>
      </c>
      <c r="G1134">
        <v>39011.655200000001</v>
      </c>
      <c r="H1134">
        <v>39697.473680000003</v>
      </c>
      <c r="I1134">
        <v>20377.715830000001</v>
      </c>
      <c r="J1134">
        <v>35801.447970000001</v>
      </c>
      <c r="K1134">
        <v>45952.512300000002</v>
      </c>
      <c r="L1134">
        <v>18385.197810000001</v>
      </c>
      <c r="M1134">
        <v>250294.48800000001</v>
      </c>
      <c r="N1134">
        <v>71127.734280000004</v>
      </c>
      <c r="O1134">
        <v>23978.442490000001</v>
      </c>
      <c r="P1134">
        <v>32267.341469999999</v>
      </c>
      <c r="Q1134">
        <v>66119.037219999998</v>
      </c>
      <c r="R1134">
        <v>24260.982980000001</v>
      </c>
      <c r="S1134">
        <v>79316.371509999997</v>
      </c>
      <c r="T1134">
        <v>28107.61765</v>
      </c>
      <c r="U1134">
        <v>17296.442640000001</v>
      </c>
      <c r="W1134" s="83">
        <f>Bühler!N1166</f>
        <v>45339.166666663921</v>
      </c>
      <c r="X1134" s="83">
        <v>43148.166666666664</v>
      </c>
      <c r="Y1134">
        <v>199978.4442</v>
      </c>
      <c r="Z1134">
        <v>16954.65596</v>
      </c>
      <c r="AA1134">
        <v>54719.311970000002</v>
      </c>
      <c r="AB1134">
        <v>39011.655200000001</v>
      </c>
      <c r="AC1134">
        <v>39697.473680000003</v>
      </c>
      <c r="AD1134">
        <v>20377.715830000001</v>
      </c>
      <c r="AE1134">
        <v>35801.447970000001</v>
      </c>
      <c r="AF1134">
        <v>45952.512300000002</v>
      </c>
      <c r="AG1134">
        <v>18385.197810000001</v>
      </c>
      <c r="AH1134">
        <v>250294.48800000001</v>
      </c>
      <c r="AI1134">
        <v>71127.734280000004</v>
      </c>
      <c r="AJ1134">
        <v>23978.442490000001</v>
      </c>
      <c r="AK1134">
        <v>32267.341469999999</v>
      </c>
      <c r="AL1134">
        <v>66119.037219999998</v>
      </c>
      <c r="AM1134">
        <v>24260.982980000001</v>
      </c>
      <c r="AN1134">
        <v>79316.371509999997</v>
      </c>
      <c r="AO1134">
        <v>28107.61765</v>
      </c>
      <c r="AP1134">
        <v>17296.442640000001</v>
      </c>
    </row>
    <row r="1135" spans="2:42" x14ac:dyDescent="0.3">
      <c r="B1135">
        <v>48.510891062415503</v>
      </c>
      <c r="C1135" s="83">
        <v>43148.208333333336</v>
      </c>
      <c r="D1135">
        <v>197220.7806</v>
      </c>
      <c r="E1135">
        <v>17808.64774</v>
      </c>
      <c r="F1135">
        <v>65229.254849999998</v>
      </c>
      <c r="G1135">
        <v>39416.780980000003</v>
      </c>
      <c r="H1135">
        <v>40123.784350000002</v>
      </c>
      <c r="I1135">
        <v>27532.607680000001</v>
      </c>
      <c r="J1135">
        <v>38115.845379999999</v>
      </c>
      <c r="K1135">
        <v>45723.915130000001</v>
      </c>
      <c r="L1135">
        <v>19433.93118</v>
      </c>
      <c r="M1135">
        <v>247331.1453</v>
      </c>
      <c r="N1135">
        <v>70895.760689999996</v>
      </c>
      <c r="O1135">
        <v>24028.138220000001</v>
      </c>
      <c r="P1135">
        <v>33393.506070000003</v>
      </c>
      <c r="Q1135">
        <v>65480.307739999997</v>
      </c>
      <c r="R1135">
        <v>26487.124059999998</v>
      </c>
      <c r="S1135">
        <v>80929.095740000004</v>
      </c>
      <c r="T1135">
        <v>29099.11953</v>
      </c>
      <c r="U1135">
        <v>17895.59534</v>
      </c>
      <c r="W1135" s="83">
        <f>Bühler!N1167</f>
        <v>45339.208333330585</v>
      </c>
      <c r="X1135" s="83">
        <v>43148.208333333336</v>
      </c>
      <c r="Y1135">
        <v>197220.7806</v>
      </c>
      <c r="Z1135">
        <v>17808.64774</v>
      </c>
      <c r="AA1135">
        <v>65229.254849999998</v>
      </c>
      <c r="AB1135">
        <v>39416.780980000003</v>
      </c>
      <c r="AC1135">
        <v>40123.784350000002</v>
      </c>
      <c r="AD1135">
        <v>27532.607680000001</v>
      </c>
      <c r="AE1135">
        <v>38115.845379999999</v>
      </c>
      <c r="AF1135">
        <v>45723.915130000001</v>
      </c>
      <c r="AG1135">
        <v>19433.93118</v>
      </c>
      <c r="AH1135">
        <v>247331.1453</v>
      </c>
      <c r="AI1135">
        <v>70895.760689999996</v>
      </c>
      <c r="AJ1135">
        <v>24028.138220000001</v>
      </c>
      <c r="AK1135">
        <v>33393.506070000003</v>
      </c>
      <c r="AL1135">
        <v>65480.307739999997</v>
      </c>
      <c r="AM1135">
        <v>26487.124059999998</v>
      </c>
      <c r="AN1135">
        <v>80929.095740000004</v>
      </c>
      <c r="AO1135">
        <v>29099.11953</v>
      </c>
      <c r="AP1135">
        <v>17895.59534</v>
      </c>
    </row>
    <row r="1136" spans="2:42" x14ac:dyDescent="0.3">
      <c r="B1136">
        <v>48.774015168768912</v>
      </c>
      <c r="C1136" s="83">
        <v>43148.25</v>
      </c>
      <c r="D1136">
        <v>197359.65150000001</v>
      </c>
      <c r="E1136">
        <v>19962.318899999998</v>
      </c>
      <c r="F1136">
        <v>76505.020310000007</v>
      </c>
      <c r="G1136">
        <v>40723.509299999998</v>
      </c>
      <c r="H1136">
        <v>40113.152159999998</v>
      </c>
      <c r="I1136">
        <v>31333.48749</v>
      </c>
      <c r="J1136">
        <v>41124.213779999998</v>
      </c>
      <c r="K1136">
        <v>44872.941039999998</v>
      </c>
      <c r="L1136">
        <v>20463.14559</v>
      </c>
      <c r="M1136">
        <v>248672.6747</v>
      </c>
      <c r="N1136">
        <v>71008.328630000004</v>
      </c>
      <c r="O1136">
        <v>23506.673050000001</v>
      </c>
      <c r="P1136">
        <v>32655.193350000001</v>
      </c>
      <c r="Q1136">
        <v>64351.909290000003</v>
      </c>
      <c r="R1136">
        <v>18616.246910000002</v>
      </c>
      <c r="S1136">
        <v>86184.718559999994</v>
      </c>
      <c r="T1136">
        <v>30474.199420000001</v>
      </c>
      <c r="U1136">
        <v>17168.894120000001</v>
      </c>
      <c r="W1136" s="83">
        <f>Bühler!N1168</f>
        <v>45339.24999999725</v>
      </c>
      <c r="X1136" s="83">
        <v>43148.25</v>
      </c>
      <c r="Y1136">
        <v>197359.65150000001</v>
      </c>
      <c r="Z1136">
        <v>19962.318899999998</v>
      </c>
      <c r="AA1136">
        <v>76505.020310000007</v>
      </c>
      <c r="AB1136">
        <v>40723.509299999998</v>
      </c>
      <c r="AC1136">
        <v>40113.152159999998</v>
      </c>
      <c r="AD1136">
        <v>31333.48749</v>
      </c>
      <c r="AE1136">
        <v>41124.213779999998</v>
      </c>
      <c r="AF1136">
        <v>44872.941039999998</v>
      </c>
      <c r="AG1136">
        <v>20463.14559</v>
      </c>
      <c r="AH1136">
        <v>248672.6747</v>
      </c>
      <c r="AI1136">
        <v>71008.328630000004</v>
      </c>
      <c r="AJ1136">
        <v>23506.673050000001</v>
      </c>
      <c r="AK1136">
        <v>32655.193350000001</v>
      </c>
      <c r="AL1136">
        <v>64351.909290000003</v>
      </c>
      <c r="AM1136">
        <v>18616.246910000002</v>
      </c>
      <c r="AN1136">
        <v>86184.718559999994</v>
      </c>
      <c r="AO1136">
        <v>30474.199420000001</v>
      </c>
      <c r="AP1136">
        <v>17168.894120000001</v>
      </c>
    </row>
    <row r="1137" spans="2:42" x14ac:dyDescent="0.3">
      <c r="B1137">
        <v>48.418615862689556</v>
      </c>
      <c r="C1137" s="83">
        <v>43148.291666666664</v>
      </c>
      <c r="D1137">
        <v>197881.5307</v>
      </c>
      <c r="E1137">
        <v>22676.608459999999</v>
      </c>
      <c r="F1137">
        <v>79903.54264</v>
      </c>
      <c r="G1137">
        <v>42080.605409999996</v>
      </c>
      <c r="H1137">
        <v>41082.20491</v>
      </c>
      <c r="I1137">
        <v>33643.470549999998</v>
      </c>
      <c r="J1137">
        <v>42519.756029999997</v>
      </c>
      <c r="K1137">
        <v>45413.02708</v>
      </c>
      <c r="L1137">
        <v>22164.785639999998</v>
      </c>
      <c r="M1137">
        <v>246860.6833</v>
      </c>
      <c r="N1137">
        <v>72549.407260000007</v>
      </c>
      <c r="O1137">
        <v>24172.881659999999</v>
      </c>
      <c r="P1137">
        <v>35505.108099999998</v>
      </c>
      <c r="Q1137">
        <v>62370.59014</v>
      </c>
      <c r="R1137">
        <v>19699.406449999999</v>
      </c>
      <c r="S1137">
        <v>93986.679829999994</v>
      </c>
      <c r="T1137">
        <v>29039.062099999999</v>
      </c>
      <c r="U1137">
        <v>17712.00474</v>
      </c>
      <c r="W1137" s="83">
        <f>Bühler!N1169</f>
        <v>45339.291666663914</v>
      </c>
      <c r="X1137" s="83">
        <v>43148.291666666664</v>
      </c>
      <c r="Y1137">
        <v>197881.5307</v>
      </c>
      <c r="Z1137">
        <v>22676.608459999999</v>
      </c>
      <c r="AA1137">
        <v>79903.54264</v>
      </c>
      <c r="AB1137">
        <v>42080.605409999996</v>
      </c>
      <c r="AC1137">
        <v>41082.20491</v>
      </c>
      <c r="AD1137">
        <v>33643.470549999998</v>
      </c>
      <c r="AE1137">
        <v>42519.756029999997</v>
      </c>
      <c r="AF1137">
        <v>45413.02708</v>
      </c>
      <c r="AG1137">
        <v>22164.785639999998</v>
      </c>
      <c r="AH1137">
        <v>246860.6833</v>
      </c>
      <c r="AI1137">
        <v>72549.407260000007</v>
      </c>
      <c r="AJ1137">
        <v>24172.881659999999</v>
      </c>
      <c r="AK1137">
        <v>35505.108099999998</v>
      </c>
      <c r="AL1137">
        <v>62370.59014</v>
      </c>
      <c r="AM1137">
        <v>19699.406449999999</v>
      </c>
      <c r="AN1137">
        <v>93986.679829999994</v>
      </c>
      <c r="AO1137">
        <v>29039.062099999999</v>
      </c>
      <c r="AP1137">
        <v>17712.00474</v>
      </c>
    </row>
    <row r="1138" spans="2:42" x14ac:dyDescent="0.3">
      <c r="B1138">
        <v>47.738920603846125</v>
      </c>
      <c r="C1138" s="83">
        <v>43148.333333333336</v>
      </c>
      <c r="D1138">
        <v>197287.2562</v>
      </c>
      <c r="E1138">
        <v>25385.86275</v>
      </c>
      <c r="F1138">
        <v>83868.331860000006</v>
      </c>
      <c r="G1138">
        <v>42611.718000000001</v>
      </c>
      <c r="H1138">
        <v>40172.750419999997</v>
      </c>
      <c r="I1138">
        <v>33738.220529999999</v>
      </c>
      <c r="J1138">
        <v>42214.828049999996</v>
      </c>
      <c r="K1138">
        <v>44941.461230000001</v>
      </c>
      <c r="L1138">
        <v>24014.620770000001</v>
      </c>
      <c r="M1138">
        <v>243395.27989999999</v>
      </c>
      <c r="N1138">
        <v>73809.304390000005</v>
      </c>
      <c r="O1138">
        <v>24190.945889999999</v>
      </c>
      <c r="P1138">
        <v>38219.943240000001</v>
      </c>
      <c r="Q1138">
        <v>60880.058429999997</v>
      </c>
      <c r="R1138">
        <v>19936.098859999998</v>
      </c>
      <c r="S1138">
        <v>98122.053769999999</v>
      </c>
      <c r="T1138">
        <v>30402.823799999998</v>
      </c>
      <c r="U1138">
        <v>17288.136279999999</v>
      </c>
      <c r="W1138" s="83">
        <f>Bühler!N1170</f>
        <v>45339.333333330578</v>
      </c>
      <c r="X1138" s="83">
        <v>43148.333333333336</v>
      </c>
      <c r="Y1138">
        <v>197287.2562</v>
      </c>
      <c r="Z1138">
        <v>25385.86275</v>
      </c>
      <c r="AA1138">
        <v>83868.331860000006</v>
      </c>
      <c r="AB1138">
        <v>42611.718000000001</v>
      </c>
      <c r="AC1138">
        <v>40172.750419999997</v>
      </c>
      <c r="AD1138">
        <v>33738.220529999999</v>
      </c>
      <c r="AE1138">
        <v>42214.828049999996</v>
      </c>
      <c r="AF1138">
        <v>44941.461230000001</v>
      </c>
      <c r="AG1138">
        <v>24014.620770000001</v>
      </c>
      <c r="AH1138">
        <v>243395.27989999999</v>
      </c>
      <c r="AI1138">
        <v>73809.304390000005</v>
      </c>
      <c r="AJ1138">
        <v>24190.945889999999</v>
      </c>
      <c r="AK1138">
        <v>38219.943240000001</v>
      </c>
      <c r="AL1138">
        <v>60880.058429999997</v>
      </c>
      <c r="AM1138">
        <v>19936.098859999998</v>
      </c>
      <c r="AN1138">
        <v>98122.053769999999</v>
      </c>
      <c r="AO1138">
        <v>30402.823799999998</v>
      </c>
      <c r="AP1138">
        <v>17288.136279999999</v>
      </c>
    </row>
    <row r="1139" spans="2:42" x14ac:dyDescent="0.3">
      <c r="B1139">
        <v>46.808698732815621</v>
      </c>
      <c r="C1139" s="83">
        <v>43148.375</v>
      </c>
      <c r="D1139">
        <v>194252.239</v>
      </c>
      <c r="E1139">
        <v>28527.212660000001</v>
      </c>
      <c r="F1139">
        <v>89614.597989999995</v>
      </c>
      <c r="G1139">
        <v>43150.313840000003</v>
      </c>
      <c r="H1139">
        <v>41034.786690000001</v>
      </c>
      <c r="I1139">
        <v>33115.994259999999</v>
      </c>
      <c r="J1139">
        <v>42144.286339999999</v>
      </c>
      <c r="K1139">
        <v>43692.055710000001</v>
      </c>
      <c r="L1139">
        <v>26650.131389999999</v>
      </c>
      <c r="M1139">
        <v>238652.57500000001</v>
      </c>
      <c r="N1139">
        <v>77420.759749999997</v>
      </c>
      <c r="O1139">
        <v>24230.857510000002</v>
      </c>
      <c r="P1139">
        <v>41809.421679999999</v>
      </c>
      <c r="Q1139">
        <v>59894.747490000002</v>
      </c>
      <c r="R1139">
        <v>18929.211579999999</v>
      </c>
      <c r="S1139">
        <v>99575.022360000003</v>
      </c>
      <c r="T1139">
        <v>31757.395980000001</v>
      </c>
      <c r="U1139">
        <v>16950.032930000001</v>
      </c>
      <c r="W1139" s="83">
        <f>Bühler!N1171</f>
        <v>45339.374999997242</v>
      </c>
      <c r="X1139" s="83">
        <v>43148.375</v>
      </c>
      <c r="Y1139">
        <v>194252.239</v>
      </c>
      <c r="Z1139">
        <v>28527.212660000001</v>
      </c>
      <c r="AA1139">
        <v>89614.597989999995</v>
      </c>
      <c r="AB1139">
        <v>43150.313840000003</v>
      </c>
      <c r="AC1139">
        <v>41034.786690000001</v>
      </c>
      <c r="AD1139">
        <v>33115.994259999999</v>
      </c>
      <c r="AE1139">
        <v>42144.286339999999</v>
      </c>
      <c r="AF1139">
        <v>43692.055710000001</v>
      </c>
      <c r="AG1139">
        <v>26650.131389999999</v>
      </c>
      <c r="AH1139">
        <v>238652.57500000001</v>
      </c>
      <c r="AI1139">
        <v>77420.759749999997</v>
      </c>
      <c r="AJ1139">
        <v>24230.857510000002</v>
      </c>
      <c r="AK1139">
        <v>41809.421679999999</v>
      </c>
      <c r="AL1139">
        <v>59894.747490000002</v>
      </c>
      <c r="AM1139">
        <v>18929.211579999999</v>
      </c>
      <c r="AN1139">
        <v>99575.022360000003</v>
      </c>
      <c r="AO1139">
        <v>31757.395980000001</v>
      </c>
      <c r="AP1139">
        <v>16950.032930000001</v>
      </c>
    </row>
    <row r="1140" spans="2:42" x14ac:dyDescent="0.3">
      <c r="B1140">
        <v>46.876312771406646</v>
      </c>
      <c r="C1140" s="83">
        <v>43148.416666666664</v>
      </c>
      <c r="D1140">
        <v>192375.141</v>
      </c>
      <c r="E1140">
        <v>29962.495129999999</v>
      </c>
      <c r="F1140">
        <v>90490.424910000002</v>
      </c>
      <c r="G1140">
        <v>43812.086029999999</v>
      </c>
      <c r="H1140">
        <v>41886.787559999997</v>
      </c>
      <c r="I1140">
        <v>31939.430339999999</v>
      </c>
      <c r="J1140">
        <v>40911.152600000001</v>
      </c>
      <c r="K1140">
        <v>45335.003080000002</v>
      </c>
      <c r="L1140">
        <v>29280.97509</v>
      </c>
      <c r="M1140">
        <v>238997.30290000001</v>
      </c>
      <c r="N1140">
        <v>79926.683789999995</v>
      </c>
      <c r="O1140">
        <v>24554.259160000001</v>
      </c>
      <c r="P1140">
        <v>42654.919529999999</v>
      </c>
      <c r="Q1140">
        <v>59170.880440000001</v>
      </c>
      <c r="R1140">
        <v>19621.872220000001</v>
      </c>
      <c r="S1140">
        <v>98929.941089999993</v>
      </c>
      <c r="T1140">
        <v>33655.934070000003</v>
      </c>
      <c r="U1140">
        <v>16679.351869999999</v>
      </c>
      <c r="W1140" s="83">
        <f>Bühler!N1172</f>
        <v>45339.416666663907</v>
      </c>
      <c r="X1140" s="83">
        <v>43148.416666666664</v>
      </c>
      <c r="Y1140">
        <v>192375.141</v>
      </c>
      <c r="Z1140">
        <v>29962.495129999999</v>
      </c>
      <c r="AA1140">
        <v>90490.424910000002</v>
      </c>
      <c r="AB1140">
        <v>43812.086029999999</v>
      </c>
      <c r="AC1140">
        <v>41886.787559999997</v>
      </c>
      <c r="AD1140">
        <v>31939.430339999999</v>
      </c>
      <c r="AE1140">
        <v>40911.152600000001</v>
      </c>
      <c r="AF1140">
        <v>45335.003080000002</v>
      </c>
      <c r="AG1140">
        <v>29280.97509</v>
      </c>
      <c r="AH1140">
        <v>238997.30290000001</v>
      </c>
      <c r="AI1140">
        <v>79926.683789999995</v>
      </c>
      <c r="AJ1140">
        <v>24554.259160000001</v>
      </c>
      <c r="AK1140">
        <v>42654.919529999999</v>
      </c>
      <c r="AL1140">
        <v>59170.880440000001</v>
      </c>
      <c r="AM1140">
        <v>19621.872220000001</v>
      </c>
      <c r="AN1140">
        <v>98929.941089999993</v>
      </c>
      <c r="AO1140">
        <v>33655.934070000003</v>
      </c>
      <c r="AP1140">
        <v>16679.351869999999</v>
      </c>
    </row>
    <row r="1141" spans="2:42" x14ac:dyDescent="0.3">
      <c r="B1141">
        <v>47.056692249923948</v>
      </c>
      <c r="C1141" s="83">
        <v>43148.458333333336</v>
      </c>
      <c r="D1141">
        <v>188483.6735</v>
      </c>
      <c r="E1141">
        <v>29941.467700000001</v>
      </c>
      <c r="F1141">
        <v>92195.290819999995</v>
      </c>
      <c r="G1141">
        <v>43058.716180000003</v>
      </c>
      <c r="H1141">
        <v>42005.105409999996</v>
      </c>
      <c r="I1141">
        <v>32009.010429999998</v>
      </c>
      <c r="J1141">
        <v>40262.108699999997</v>
      </c>
      <c r="K1141">
        <v>49416.144820000001</v>
      </c>
      <c r="L1141">
        <v>31063.5609</v>
      </c>
      <c r="M1141">
        <v>239916.96160000001</v>
      </c>
      <c r="N1141">
        <v>80161.226710000003</v>
      </c>
      <c r="O1141">
        <v>24757.696339999999</v>
      </c>
      <c r="P1141">
        <v>41931.228739999999</v>
      </c>
      <c r="Q1141">
        <v>58869.026949999999</v>
      </c>
      <c r="R1141">
        <v>23821.365460000001</v>
      </c>
      <c r="S1141">
        <v>100931.83319999999</v>
      </c>
      <c r="T1141">
        <v>34844.434930000003</v>
      </c>
      <c r="U1141">
        <v>16977.042529999999</v>
      </c>
      <c r="W1141" s="83">
        <f>Bühler!N1173</f>
        <v>45339.458333330571</v>
      </c>
      <c r="X1141" s="83">
        <v>43148.458333333336</v>
      </c>
      <c r="Y1141">
        <v>188483.6735</v>
      </c>
      <c r="Z1141">
        <v>29941.467700000001</v>
      </c>
      <c r="AA1141">
        <v>92195.290819999995</v>
      </c>
      <c r="AB1141">
        <v>43058.716180000003</v>
      </c>
      <c r="AC1141">
        <v>42005.105409999996</v>
      </c>
      <c r="AD1141">
        <v>32009.010429999998</v>
      </c>
      <c r="AE1141">
        <v>40262.108699999997</v>
      </c>
      <c r="AF1141">
        <v>49416.144820000001</v>
      </c>
      <c r="AG1141">
        <v>31063.5609</v>
      </c>
      <c r="AH1141">
        <v>239916.96160000001</v>
      </c>
      <c r="AI1141">
        <v>80161.226710000003</v>
      </c>
      <c r="AJ1141">
        <v>24757.696339999999</v>
      </c>
      <c r="AK1141">
        <v>41931.228739999999</v>
      </c>
      <c r="AL1141">
        <v>58869.026949999999</v>
      </c>
      <c r="AM1141">
        <v>23821.365460000001</v>
      </c>
      <c r="AN1141">
        <v>100931.83319999999</v>
      </c>
      <c r="AO1141">
        <v>34844.434930000003</v>
      </c>
      <c r="AP1141">
        <v>16977.042529999999</v>
      </c>
    </row>
    <row r="1142" spans="2:42" x14ac:dyDescent="0.3">
      <c r="B1142">
        <v>45.894165206992334</v>
      </c>
      <c r="C1142" s="83">
        <v>43148.5</v>
      </c>
      <c r="D1142">
        <v>180673.2795</v>
      </c>
      <c r="E1142">
        <v>28102.249039999999</v>
      </c>
      <c r="F1142">
        <v>89950.437869999994</v>
      </c>
      <c r="G1142">
        <v>41850.61462</v>
      </c>
      <c r="H1142">
        <v>40892.569660000001</v>
      </c>
      <c r="I1142">
        <v>32633.275689999999</v>
      </c>
      <c r="J1142">
        <v>40266.871229999997</v>
      </c>
      <c r="K1142">
        <v>50014.03413</v>
      </c>
      <c r="L1142">
        <v>33142.987959999999</v>
      </c>
      <c r="M1142">
        <v>233989.8566</v>
      </c>
      <c r="N1142">
        <v>80312.930420000004</v>
      </c>
      <c r="O1142">
        <v>24643.11464</v>
      </c>
      <c r="P1142">
        <v>41729.061679999999</v>
      </c>
      <c r="Q1142">
        <v>56886.472159999998</v>
      </c>
      <c r="R1142">
        <v>21040.617440000002</v>
      </c>
      <c r="S1142">
        <v>95514.641029999999</v>
      </c>
      <c r="T1142">
        <v>34312.852740000002</v>
      </c>
      <c r="U1142">
        <v>15784.2911</v>
      </c>
      <c r="W1142" s="83">
        <f>Bühler!N1174</f>
        <v>45339.499999997235</v>
      </c>
      <c r="X1142" s="83">
        <v>43148.5</v>
      </c>
      <c r="Y1142">
        <v>180673.2795</v>
      </c>
      <c r="Z1142">
        <v>28102.249039999999</v>
      </c>
      <c r="AA1142">
        <v>89950.437869999994</v>
      </c>
      <c r="AB1142">
        <v>41850.61462</v>
      </c>
      <c r="AC1142">
        <v>40892.569660000001</v>
      </c>
      <c r="AD1142">
        <v>32633.275689999999</v>
      </c>
      <c r="AE1142">
        <v>40266.871229999997</v>
      </c>
      <c r="AF1142">
        <v>50014.03413</v>
      </c>
      <c r="AG1142">
        <v>33142.987959999999</v>
      </c>
      <c r="AH1142">
        <v>233989.8566</v>
      </c>
      <c r="AI1142">
        <v>80312.930420000004</v>
      </c>
      <c r="AJ1142">
        <v>24643.11464</v>
      </c>
      <c r="AK1142">
        <v>41729.061679999999</v>
      </c>
      <c r="AL1142">
        <v>56886.472159999998</v>
      </c>
      <c r="AM1142">
        <v>21040.617440000002</v>
      </c>
      <c r="AN1142">
        <v>95514.641029999999</v>
      </c>
      <c r="AO1142">
        <v>34312.852740000002</v>
      </c>
      <c r="AP1142">
        <v>15784.2911</v>
      </c>
    </row>
    <row r="1143" spans="2:42" x14ac:dyDescent="0.3">
      <c r="B1143">
        <v>45.090154858572994</v>
      </c>
      <c r="C1143" s="83">
        <v>43148.541666666664</v>
      </c>
      <c r="D1143">
        <v>175690.52239999999</v>
      </c>
      <c r="E1143">
        <v>27143.396530000002</v>
      </c>
      <c r="F1143">
        <v>87671.577170000004</v>
      </c>
      <c r="G1143">
        <v>41183.175080000001</v>
      </c>
      <c r="H1143">
        <v>40361.970110000002</v>
      </c>
      <c r="I1143">
        <v>32470.563989999999</v>
      </c>
      <c r="J1143">
        <v>39435.410739999999</v>
      </c>
      <c r="K1143">
        <v>49988.238069999999</v>
      </c>
      <c r="L1143">
        <v>33683.599589999998</v>
      </c>
      <c r="M1143">
        <v>229890.63690000001</v>
      </c>
      <c r="N1143">
        <v>78939.462509999998</v>
      </c>
      <c r="O1143">
        <v>23783.58295</v>
      </c>
      <c r="P1143">
        <v>41003.029739999998</v>
      </c>
      <c r="Q1143">
        <v>54077.258009999998</v>
      </c>
      <c r="R1143">
        <v>20666.512940000001</v>
      </c>
      <c r="S1143">
        <v>95601.457569999999</v>
      </c>
      <c r="T1143">
        <v>33108.508730000001</v>
      </c>
      <c r="U1143">
        <v>15454.104740000001</v>
      </c>
      <c r="W1143" s="83">
        <f>Bühler!N1175</f>
        <v>45339.541666663899</v>
      </c>
      <c r="X1143" s="83">
        <v>43148.541666666664</v>
      </c>
      <c r="Y1143">
        <v>175690.52239999999</v>
      </c>
      <c r="Z1143">
        <v>27143.396530000002</v>
      </c>
      <c r="AA1143">
        <v>87671.577170000004</v>
      </c>
      <c r="AB1143">
        <v>41183.175080000001</v>
      </c>
      <c r="AC1143">
        <v>40361.970110000002</v>
      </c>
      <c r="AD1143">
        <v>32470.563989999999</v>
      </c>
      <c r="AE1143">
        <v>39435.410739999999</v>
      </c>
      <c r="AF1143">
        <v>49988.238069999999</v>
      </c>
      <c r="AG1143">
        <v>33683.599589999998</v>
      </c>
      <c r="AH1143">
        <v>229890.63690000001</v>
      </c>
      <c r="AI1143">
        <v>78939.462509999998</v>
      </c>
      <c r="AJ1143">
        <v>23783.58295</v>
      </c>
      <c r="AK1143">
        <v>41003.029739999998</v>
      </c>
      <c r="AL1143">
        <v>54077.258009999998</v>
      </c>
      <c r="AM1143">
        <v>20666.512940000001</v>
      </c>
      <c r="AN1143">
        <v>95601.457569999999</v>
      </c>
      <c r="AO1143">
        <v>33108.508730000001</v>
      </c>
      <c r="AP1143">
        <v>15454.104740000001</v>
      </c>
    </row>
    <row r="1144" spans="2:42" x14ac:dyDescent="0.3">
      <c r="B1144">
        <v>44.687485474820129</v>
      </c>
      <c r="C1144" s="83">
        <v>43148.583333333336</v>
      </c>
      <c r="D1144">
        <v>174325.0503</v>
      </c>
      <c r="E1144">
        <v>27702.984329999999</v>
      </c>
      <c r="F1144">
        <v>87880.510890000005</v>
      </c>
      <c r="G1144">
        <v>40401.944960000001</v>
      </c>
      <c r="H1144">
        <v>40051.38942</v>
      </c>
      <c r="I1144">
        <v>31829.63221</v>
      </c>
      <c r="J1144">
        <v>38461.127220000002</v>
      </c>
      <c r="K1144">
        <v>47924.504240000002</v>
      </c>
      <c r="L1144">
        <v>31739.282780000001</v>
      </c>
      <c r="M1144">
        <v>227837.64060000001</v>
      </c>
      <c r="N1144">
        <v>77850.059689999995</v>
      </c>
      <c r="O1144">
        <v>23190.96286</v>
      </c>
      <c r="P1144">
        <v>37704.331810000003</v>
      </c>
      <c r="Q1144">
        <v>53238.87588</v>
      </c>
      <c r="R1144">
        <v>20754.81798</v>
      </c>
      <c r="S1144">
        <v>91724.032999999996</v>
      </c>
      <c r="T1144">
        <v>32973.994290000002</v>
      </c>
      <c r="U1144">
        <v>15356.70722</v>
      </c>
      <c r="W1144" s="83">
        <f>Bühler!N1176</f>
        <v>45339.583333330564</v>
      </c>
      <c r="X1144" s="83">
        <v>43148.583333333336</v>
      </c>
      <c r="Y1144">
        <v>174325.0503</v>
      </c>
      <c r="Z1144">
        <v>27702.984329999999</v>
      </c>
      <c r="AA1144">
        <v>87880.510890000005</v>
      </c>
      <c r="AB1144">
        <v>40401.944960000001</v>
      </c>
      <c r="AC1144">
        <v>40051.38942</v>
      </c>
      <c r="AD1144">
        <v>31829.63221</v>
      </c>
      <c r="AE1144">
        <v>38461.127220000002</v>
      </c>
      <c r="AF1144">
        <v>47924.504240000002</v>
      </c>
      <c r="AG1144">
        <v>31739.282780000001</v>
      </c>
      <c r="AH1144">
        <v>227837.64060000001</v>
      </c>
      <c r="AI1144">
        <v>77850.059689999995</v>
      </c>
      <c r="AJ1144">
        <v>23190.96286</v>
      </c>
      <c r="AK1144">
        <v>37704.331810000003</v>
      </c>
      <c r="AL1144">
        <v>53238.87588</v>
      </c>
      <c r="AM1144">
        <v>20754.81798</v>
      </c>
      <c r="AN1144">
        <v>91724.032999999996</v>
      </c>
      <c r="AO1144">
        <v>32973.994290000002</v>
      </c>
      <c r="AP1144">
        <v>15356.70722</v>
      </c>
    </row>
    <row r="1145" spans="2:42" x14ac:dyDescent="0.3">
      <c r="B1145">
        <v>43.983143412100418</v>
      </c>
      <c r="C1145" s="83">
        <v>43148.625</v>
      </c>
      <c r="D1145">
        <v>174738.4166</v>
      </c>
      <c r="E1145">
        <v>27594.094290000001</v>
      </c>
      <c r="F1145">
        <v>88233.891489999995</v>
      </c>
      <c r="G1145">
        <v>40168.704310000001</v>
      </c>
      <c r="H1145">
        <v>39876.527150000002</v>
      </c>
      <c r="I1145">
        <v>32048.893599999999</v>
      </c>
      <c r="J1145">
        <v>37798.181279999997</v>
      </c>
      <c r="K1145">
        <v>48669.783960000001</v>
      </c>
      <c r="L1145">
        <v>28733.902740000001</v>
      </c>
      <c r="M1145">
        <v>224246.57629999999</v>
      </c>
      <c r="N1145">
        <v>76608.157160000002</v>
      </c>
      <c r="O1145">
        <v>22791.51957</v>
      </c>
      <c r="P1145">
        <v>36830.049780000001</v>
      </c>
      <c r="Q1145">
        <v>52608.031629999998</v>
      </c>
      <c r="R1145">
        <v>20569.158439999999</v>
      </c>
      <c r="S1145">
        <v>91056.414420000001</v>
      </c>
      <c r="T1145">
        <v>33925.842420000001</v>
      </c>
      <c r="U1145">
        <v>14690.53299</v>
      </c>
      <c r="W1145" s="83">
        <f>Bühler!N1177</f>
        <v>45339.624999997228</v>
      </c>
      <c r="X1145" s="83">
        <v>43148.625</v>
      </c>
      <c r="Y1145">
        <v>174738.4166</v>
      </c>
      <c r="Z1145">
        <v>27594.094290000001</v>
      </c>
      <c r="AA1145">
        <v>88233.891489999995</v>
      </c>
      <c r="AB1145">
        <v>40168.704310000001</v>
      </c>
      <c r="AC1145">
        <v>39876.527150000002</v>
      </c>
      <c r="AD1145">
        <v>32048.893599999999</v>
      </c>
      <c r="AE1145">
        <v>37798.181279999997</v>
      </c>
      <c r="AF1145">
        <v>48669.783960000001</v>
      </c>
      <c r="AG1145">
        <v>28733.902740000001</v>
      </c>
      <c r="AH1145">
        <v>224246.57629999999</v>
      </c>
      <c r="AI1145">
        <v>76608.157160000002</v>
      </c>
      <c r="AJ1145">
        <v>22791.51957</v>
      </c>
      <c r="AK1145">
        <v>36830.049780000001</v>
      </c>
      <c r="AL1145">
        <v>52608.031629999998</v>
      </c>
      <c r="AM1145">
        <v>20569.158439999999</v>
      </c>
      <c r="AN1145">
        <v>91056.414420000001</v>
      </c>
      <c r="AO1145">
        <v>33925.842420000001</v>
      </c>
      <c r="AP1145">
        <v>14690.53299</v>
      </c>
    </row>
    <row r="1146" spans="2:42" x14ac:dyDescent="0.3">
      <c r="B1146">
        <v>43.43394125753133</v>
      </c>
      <c r="C1146" s="83">
        <v>43148.666666666664</v>
      </c>
      <c r="D1146">
        <v>174644.06570000001</v>
      </c>
      <c r="E1146">
        <v>27399.85945</v>
      </c>
      <c r="F1146">
        <v>87244.755000000005</v>
      </c>
      <c r="G1146">
        <v>39942.533320000002</v>
      </c>
      <c r="H1146">
        <v>39824.416530000002</v>
      </c>
      <c r="I1146">
        <v>32598.642629999998</v>
      </c>
      <c r="J1146">
        <v>37143.812510000003</v>
      </c>
      <c r="K1146">
        <v>47498.19139</v>
      </c>
      <c r="L1146">
        <v>29064.23213</v>
      </c>
      <c r="M1146">
        <v>221446.48759999999</v>
      </c>
      <c r="N1146">
        <v>74412.25434</v>
      </c>
      <c r="O1146">
        <v>22572.902750000001</v>
      </c>
      <c r="P1146">
        <v>37133.663379999998</v>
      </c>
      <c r="Q1146">
        <v>52328.289120000001</v>
      </c>
      <c r="R1146">
        <v>20360.68923</v>
      </c>
      <c r="S1146">
        <v>92090.559429999994</v>
      </c>
      <c r="T1146">
        <v>33975.58468</v>
      </c>
      <c r="U1146">
        <v>15118.72676</v>
      </c>
      <c r="W1146" s="83">
        <f>Bühler!N1178</f>
        <v>45339.666666663892</v>
      </c>
      <c r="X1146" s="83">
        <v>43148.666666666664</v>
      </c>
      <c r="Y1146">
        <v>174644.06570000001</v>
      </c>
      <c r="Z1146">
        <v>27399.85945</v>
      </c>
      <c r="AA1146">
        <v>87244.755000000005</v>
      </c>
      <c r="AB1146">
        <v>39942.533320000002</v>
      </c>
      <c r="AC1146">
        <v>39824.416530000002</v>
      </c>
      <c r="AD1146">
        <v>32598.642629999998</v>
      </c>
      <c r="AE1146">
        <v>37143.812510000003</v>
      </c>
      <c r="AF1146">
        <v>47498.19139</v>
      </c>
      <c r="AG1146">
        <v>29064.23213</v>
      </c>
      <c r="AH1146">
        <v>221446.48759999999</v>
      </c>
      <c r="AI1146">
        <v>74412.25434</v>
      </c>
      <c r="AJ1146">
        <v>22572.902750000001</v>
      </c>
      <c r="AK1146">
        <v>37133.663379999998</v>
      </c>
      <c r="AL1146">
        <v>52328.289120000001</v>
      </c>
      <c r="AM1146">
        <v>20360.68923</v>
      </c>
      <c r="AN1146">
        <v>92090.559429999994</v>
      </c>
      <c r="AO1146">
        <v>33975.58468</v>
      </c>
      <c r="AP1146">
        <v>15118.72676</v>
      </c>
    </row>
    <row r="1147" spans="2:42" x14ac:dyDescent="0.3">
      <c r="B1147">
        <v>42.760693486578425</v>
      </c>
      <c r="C1147" s="83">
        <v>43148.708333333336</v>
      </c>
      <c r="D1147">
        <v>173161.79819999999</v>
      </c>
      <c r="E1147">
        <v>27303.737280000001</v>
      </c>
      <c r="F1147">
        <v>87712.898260000002</v>
      </c>
      <c r="G1147">
        <v>39403.325519999999</v>
      </c>
      <c r="H1147">
        <v>39814.082090000004</v>
      </c>
      <c r="I1147">
        <v>33683.948499999999</v>
      </c>
      <c r="J1147">
        <v>38212.649579999998</v>
      </c>
      <c r="K1147">
        <v>46542.328569999998</v>
      </c>
      <c r="L1147">
        <v>29479.29463</v>
      </c>
      <c r="M1147">
        <v>218013.9565</v>
      </c>
      <c r="N1147">
        <v>70287.741529999999</v>
      </c>
      <c r="O1147">
        <v>23511.093649999999</v>
      </c>
      <c r="P1147">
        <v>40398.005940000003</v>
      </c>
      <c r="Q1147">
        <v>50390.701430000001</v>
      </c>
      <c r="R1147">
        <v>22317.638579999999</v>
      </c>
      <c r="S1147">
        <v>94854.873189999998</v>
      </c>
      <c r="T1147">
        <v>34239.844770000003</v>
      </c>
      <c r="U1147">
        <v>15480.122090000001</v>
      </c>
      <c r="W1147" s="83">
        <f>Bühler!N1179</f>
        <v>45339.708333330556</v>
      </c>
      <c r="X1147" s="83">
        <v>43148.708333333336</v>
      </c>
      <c r="Y1147">
        <v>173161.79819999999</v>
      </c>
      <c r="Z1147">
        <v>27303.737280000001</v>
      </c>
      <c r="AA1147">
        <v>87712.898260000002</v>
      </c>
      <c r="AB1147">
        <v>39403.325519999999</v>
      </c>
      <c r="AC1147">
        <v>39814.082090000004</v>
      </c>
      <c r="AD1147">
        <v>33683.948499999999</v>
      </c>
      <c r="AE1147">
        <v>38212.649579999998</v>
      </c>
      <c r="AF1147">
        <v>46542.328569999998</v>
      </c>
      <c r="AG1147">
        <v>29479.29463</v>
      </c>
      <c r="AH1147">
        <v>218013.9565</v>
      </c>
      <c r="AI1147">
        <v>70287.741529999999</v>
      </c>
      <c r="AJ1147">
        <v>23511.093649999999</v>
      </c>
      <c r="AK1147">
        <v>40398.005940000003</v>
      </c>
      <c r="AL1147">
        <v>50390.701430000001</v>
      </c>
      <c r="AM1147">
        <v>22317.638579999999</v>
      </c>
      <c r="AN1147">
        <v>94854.873189999998</v>
      </c>
      <c r="AO1147">
        <v>34239.844770000003</v>
      </c>
      <c r="AP1147">
        <v>15480.122090000001</v>
      </c>
    </row>
    <row r="1148" spans="2:42" x14ac:dyDescent="0.3">
      <c r="B1148">
        <v>42.380387926052499</v>
      </c>
      <c r="C1148" s="83">
        <v>43148.75</v>
      </c>
      <c r="D1148">
        <v>173260.11730000001</v>
      </c>
      <c r="E1148">
        <v>26974.50102</v>
      </c>
      <c r="F1148">
        <v>87294.298639999994</v>
      </c>
      <c r="G1148">
        <v>40456.650410000002</v>
      </c>
      <c r="H1148">
        <v>40823.178160000003</v>
      </c>
      <c r="I1148">
        <v>34712.293919999996</v>
      </c>
      <c r="J1148">
        <v>41022.706709999999</v>
      </c>
      <c r="K1148">
        <v>42758.356950000001</v>
      </c>
      <c r="L1148">
        <v>32368.925889999999</v>
      </c>
      <c r="M1148">
        <v>216074.98139999999</v>
      </c>
      <c r="N1148">
        <v>70416.902780000004</v>
      </c>
      <c r="O1148">
        <v>23849.71543</v>
      </c>
      <c r="P1148">
        <v>44264.384299999998</v>
      </c>
      <c r="Q1148">
        <v>50258.053140000004</v>
      </c>
      <c r="R1148">
        <v>20108.615180000001</v>
      </c>
      <c r="S1148">
        <v>94926.177460000006</v>
      </c>
      <c r="T1148">
        <v>34280.21084</v>
      </c>
      <c r="U1148">
        <v>16203.405790000001</v>
      </c>
      <c r="W1148" s="83">
        <f>Bühler!N1180</f>
        <v>45339.749999997221</v>
      </c>
      <c r="X1148" s="83">
        <v>43148.75</v>
      </c>
      <c r="Y1148">
        <v>173260.11730000001</v>
      </c>
      <c r="Z1148">
        <v>26974.50102</v>
      </c>
      <c r="AA1148">
        <v>87294.298639999994</v>
      </c>
      <c r="AB1148">
        <v>40456.650410000002</v>
      </c>
      <c r="AC1148">
        <v>40823.178160000003</v>
      </c>
      <c r="AD1148">
        <v>34712.293919999996</v>
      </c>
      <c r="AE1148">
        <v>41022.706709999999</v>
      </c>
      <c r="AF1148">
        <v>42758.356950000001</v>
      </c>
      <c r="AG1148">
        <v>32368.925889999999</v>
      </c>
      <c r="AH1148">
        <v>216074.98139999999</v>
      </c>
      <c r="AI1148">
        <v>70416.902780000004</v>
      </c>
      <c r="AJ1148">
        <v>23849.71543</v>
      </c>
      <c r="AK1148">
        <v>44264.384299999998</v>
      </c>
      <c r="AL1148">
        <v>50258.053140000004</v>
      </c>
      <c r="AM1148">
        <v>20108.615180000001</v>
      </c>
      <c r="AN1148">
        <v>94926.177460000006</v>
      </c>
      <c r="AO1148">
        <v>34280.21084</v>
      </c>
      <c r="AP1148">
        <v>16203.405790000001</v>
      </c>
    </row>
    <row r="1149" spans="2:42" x14ac:dyDescent="0.3">
      <c r="B1149">
        <v>42.105262132153086</v>
      </c>
      <c r="C1149" s="83">
        <v>43148.791666666664</v>
      </c>
      <c r="D1149">
        <v>174341.94990000001</v>
      </c>
      <c r="E1149">
        <v>23344.96156</v>
      </c>
      <c r="F1149">
        <v>76487.224199999997</v>
      </c>
      <c r="G1149">
        <v>41314.665719999997</v>
      </c>
      <c r="H1149">
        <v>41093.94225</v>
      </c>
      <c r="I1149">
        <v>34397.997689999997</v>
      </c>
      <c r="J1149">
        <v>41319.429539999997</v>
      </c>
      <c r="K1149">
        <v>43568.209889999998</v>
      </c>
      <c r="L1149">
        <v>34367.011859999999</v>
      </c>
      <c r="M1149">
        <v>214672.26180000001</v>
      </c>
      <c r="N1149">
        <v>72930.724199999997</v>
      </c>
      <c r="O1149">
        <v>23926.67468</v>
      </c>
      <c r="P1149">
        <v>45928.602169999998</v>
      </c>
      <c r="Q1149">
        <v>49635.760130000002</v>
      </c>
      <c r="R1149">
        <v>20260.900679999999</v>
      </c>
      <c r="S1149">
        <v>94427.353839999996</v>
      </c>
      <c r="T1149">
        <v>33327.600989999999</v>
      </c>
      <c r="U1149">
        <v>16203.032310000001</v>
      </c>
      <c r="W1149" s="83">
        <f>Bühler!N1181</f>
        <v>45339.791666663885</v>
      </c>
      <c r="X1149" s="83">
        <v>43148.791666666664</v>
      </c>
      <c r="Y1149">
        <v>174341.94990000001</v>
      </c>
      <c r="Z1149">
        <v>23344.96156</v>
      </c>
      <c r="AA1149">
        <v>76487.224199999997</v>
      </c>
      <c r="AB1149">
        <v>41314.665719999997</v>
      </c>
      <c r="AC1149">
        <v>41093.94225</v>
      </c>
      <c r="AD1149">
        <v>34397.997689999997</v>
      </c>
      <c r="AE1149">
        <v>41319.429539999997</v>
      </c>
      <c r="AF1149">
        <v>43568.209889999998</v>
      </c>
      <c r="AG1149">
        <v>34367.011859999999</v>
      </c>
      <c r="AH1149">
        <v>214672.26180000001</v>
      </c>
      <c r="AI1149">
        <v>72930.724199999997</v>
      </c>
      <c r="AJ1149">
        <v>23926.67468</v>
      </c>
      <c r="AK1149">
        <v>45928.602169999998</v>
      </c>
      <c r="AL1149">
        <v>49635.760130000002</v>
      </c>
      <c r="AM1149">
        <v>20260.900679999999</v>
      </c>
      <c r="AN1149">
        <v>94427.353839999996</v>
      </c>
      <c r="AO1149">
        <v>33327.600989999999</v>
      </c>
      <c r="AP1149">
        <v>16203.032310000001</v>
      </c>
    </row>
    <row r="1150" spans="2:42" x14ac:dyDescent="0.3">
      <c r="B1150">
        <v>42.271307515846892</v>
      </c>
      <c r="C1150" s="83">
        <v>43148.833333333336</v>
      </c>
      <c r="D1150">
        <v>173153.96059999999</v>
      </c>
      <c r="E1150">
        <v>18263.514279999999</v>
      </c>
      <c r="F1150">
        <v>58049.660810000001</v>
      </c>
      <c r="G1150">
        <v>40857.250670000001</v>
      </c>
      <c r="H1150">
        <v>40566.302349999998</v>
      </c>
      <c r="I1150">
        <v>31915.763719999999</v>
      </c>
      <c r="J1150">
        <v>40339.710330000002</v>
      </c>
      <c r="K1150">
        <v>50676.375390000001</v>
      </c>
      <c r="L1150">
        <v>33875.177620000002</v>
      </c>
      <c r="M1150">
        <v>215518.83859999999</v>
      </c>
      <c r="N1150">
        <v>72174.448430000004</v>
      </c>
      <c r="O1150">
        <v>23717.9192</v>
      </c>
      <c r="P1150">
        <v>46860.516989999996</v>
      </c>
      <c r="Q1150">
        <v>48530.935660000003</v>
      </c>
      <c r="R1150">
        <v>22394.756649999999</v>
      </c>
      <c r="S1150">
        <v>88431.705050000004</v>
      </c>
      <c r="T1150">
        <v>30847.99395</v>
      </c>
      <c r="U1150">
        <v>16398.645049999999</v>
      </c>
      <c r="W1150" s="83">
        <f>Bühler!N1182</f>
        <v>45339.833333330549</v>
      </c>
      <c r="X1150" s="83">
        <v>43148.833333333336</v>
      </c>
      <c r="Y1150">
        <v>173153.96059999999</v>
      </c>
      <c r="Z1150">
        <v>18263.514279999999</v>
      </c>
      <c r="AA1150">
        <v>58049.660810000001</v>
      </c>
      <c r="AB1150">
        <v>40857.250670000001</v>
      </c>
      <c r="AC1150">
        <v>40566.302349999998</v>
      </c>
      <c r="AD1150">
        <v>31915.763719999999</v>
      </c>
      <c r="AE1150">
        <v>40339.710330000002</v>
      </c>
      <c r="AF1150">
        <v>50676.375390000001</v>
      </c>
      <c r="AG1150">
        <v>33875.177620000002</v>
      </c>
      <c r="AH1150">
        <v>215518.83859999999</v>
      </c>
      <c r="AI1150">
        <v>72174.448430000004</v>
      </c>
      <c r="AJ1150">
        <v>23717.9192</v>
      </c>
      <c r="AK1150">
        <v>46860.516989999996</v>
      </c>
      <c r="AL1150">
        <v>48530.935660000003</v>
      </c>
      <c r="AM1150">
        <v>22394.756649999999</v>
      </c>
      <c r="AN1150">
        <v>88431.705050000004</v>
      </c>
      <c r="AO1150">
        <v>30847.99395</v>
      </c>
      <c r="AP1150">
        <v>16398.645049999999</v>
      </c>
    </row>
    <row r="1151" spans="2:42" x14ac:dyDescent="0.3">
      <c r="B1151">
        <v>42.008432092119776</v>
      </c>
      <c r="C1151" s="83">
        <v>43148.875</v>
      </c>
      <c r="D1151">
        <v>173176.6189</v>
      </c>
      <c r="E1151">
        <v>16486.284339999998</v>
      </c>
      <c r="F1151">
        <v>49997.478340000001</v>
      </c>
      <c r="G1151">
        <v>40122.027150000002</v>
      </c>
      <c r="H1151">
        <v>39557.27534</v>
      </c>
      <c r="I1151">
        <v>28591.312590000001</v>
      </c>
      <c r="J1151">
        <v>39129.334360000001</v>
      </c>
      <c r="K1151">
        <v>48520.005010000001</v>
      </c>
      <c r="L1151">
        <v>32314.550230000001</v>
      </c>
      <c r="M1151">
        <v>214178.57709999999</v>
      </c>
      <c r="N1151">
        <v>70566.897299999997</v>
      </c>
      <c r="O1151">
        <v>23595.96039</v>
      </c>
      <c r="P1151">
        <v>45153.395250000001</v>
      </c>
      <c r="Q1151">
        <v>47705.831579999998</v>
      </c>
      <c r="R1151">
        <v>20437.137320000002</v>
      </c>
      <c r="S1151">
        <v>83984.183839999998</v>
      </c>
      <c r="T1151">
        <v>29039.4542</v>
      </c>
      <c r="U1151">
        <v>16322.78556</v>
      </c>
      <c r="W1151" s="83">
        <f>Bühler!N1183</f>
        <v>45339.874999997213</v>
      </c>
      <c r="X1151" s="83">
        <v>43148.875</v>
      </c>
      <c r="Y1151">
        <v>173176.6189</v>
      </c>
      <c r="Z1151">
        <v>16486.284339999998</v>
      </c>
      <c r="AA1151">
        <v>49997.478340000001</v>
      </c>
      <c r="AB1151">
        <v>40122.027150000002</v>
      </c>
      <c r="AC1151">
        <v>39557.27534</v>
      </c>
      <c r="AD1151">
        <v>28591.312590000001</v>
      </c>
      <c r="AE1151">
        <v>39129.334360000001</v>
      </c>
      <c r="AF1151">
        <v>48520.005010000001</v>
      </c>
      <c r="AG1151">
        <v>32314.550230000001</v>
      </c>
      <c r="AH1151">
        <v>214178.57709999999</v>
      </c>
      <c r="AI1151">
        <v>70566.897299999997</v>
      </c>
      <c r="AJ1151">
        <v>23595.96039</v>
      </c>
      <c r="AK1151">
        <v>45153.395250000001</v>
      </c>
      <c r="AL1151">
        <v>47705.831579999998</v>
      </c>
      <c r="AM1151">
        <v>20437.137320000002</v>
      </c>
      <c r="AN1151">
        <v>83984.183839999998</v>
      </c>
      <c r="AO1151">
        <v>29039.4542</v>
      </c>
      <c r="AP1151">
        <v>16322.78556</v>
      </c>
    </row>
    <row r="1152" spans="2:42" x14ac:dyDescent="0.3">
      <c r="B1152">
        <v>42.160102702090583</v>
      </c>
      <c r="C1152" s="83">
        <v>43148.916666666664</v>
      </c>
      <c r="D1152">
        <v>172615.42980000001</v>
      </c>
      <c r="E1152">
        <v>16248.941559999999</v>
      </c>
      <c r="F1152">
        <v>47828.889470000002</v>
      </c>
      <c r="G1152">
        <v>40302.748420000004</v>
      </c>
      <c r="H1152">
        <v>40185.959690000003</v>
      </c>
      <c r="I1152">
        <v>27573.688279999998</v>
      </c>
      <c r="J1152">
        <v>37993.511140000002</v>
      </c>
      <c r="K1152">
        <v>52538.22032</v>
      </c>
      <c r="L1152">
        <v>29779.26441</v>
      </c>
      <c r="M1152">
        <v>214951.8646</v>
      </c>
      <c r="N1152">
        <v>72462.047749999998</v>
      </c>
      <c r="O1152">
        <v>24369.563040000001</v>
      </c>
      <c r="P1152">
        <v>48598.11202</v>
      </c>
      <c r="Q1152">
        <v>48259.10557</v>
      </c>
      <c r="R1152">
        <v>29550.045740000001</v>
      </c>
      <c r="S1152">
        <v>83245.682549999998</v>
      </c>
      <c r="T1152">
        <v>28302.033739999999</v>
      </c>
      <c r="U1152">
        <v>17379.34158</v>
      </c>
      <c r="W1152" s="83">
        <f>Bühler!N1184</f>
        <v>45339.916666663878</v>
      </c>
      <c r="X1152" s="83">
        <v>43148.916666666664</v>
      </c>
      <c r="Y1152">
        <v>172615.42980000001</v>
      </c>
      <c r="Z1152">
        <v>16248.941559999999</v>
      </c>
      <c r="AA1152">
        <v>47828.889470000002</v>
      </c>
      <c r="AB1152">
        <v>40302.748420000004</v>
      </c>
      <c r="AC1152">
        <v>40185.959690000003</v>
      </c>
      <c r="AD1152">
        <v>27573.688279999998</v>
      </c>
      <c r="AE1152">
        <v>37993.511140000002</v>
      </c>
      <c r="AF1152">
        <v>52538.22032</v>
      </c>
      <c r="AG1152">
        <v>29779.26441</v>
      </c>
      <c r="AH1152">
        <v>214951.8646</v>
      </c>
      <c r="AI1152">
        <v>72462.047749999998</v>
      </c>
      <c r="AJ1152">
        <v>24369.563040000001</v>
      </c>
      <c r="AK1152">
        <v>48598.11202</v>
      </c>
      <c r="AL1152">
        <v>48259.10557</v>
      </c>
      <c r="AM1152">
        <v>29550.045740000001</v>
      </c>
      <c r="AN1152">
        <v>83245.682549999998</v>
      </c>
      <c r="AO1152">
        <v>28302.033739999999</v>
      </c>
      <c r="AP1152">
        <v>17379.34158</v>
      </c>
    </row>
    <row r="1153" spans="2:42" x14ac:dyDescent="0.3">
      <c r="B1153">
        <v>41.563257710694046</v>
      </c>
      <c r="C1153" s="83">
        <v>43148.958333333336</v>
      </c>
      <c r="D1153">
        <v>171839.8572</v>
      </c>
      <c r="E1153">
        <v>16020.0075</v>
      </c>
      <c r="F1153">
        <v>46713.341740000003</v>
      </c>
      <c r="G1153">
        <v>40047.567510000001</v>
      </c>
      <c r="H1153">
        <v>39737.84201</v>
      </c>
      <c r="I1153">
        <v>26249.470290000001</v>
      </c>
      <c r="J1153">
        <v>36014.333209999997</v>
      </c>
      <c r="K1153">
        <v>52979.624129999997</v>
      </c>
      <c r="L1153">
        <v>25629.657319999998</v>
      </c>
      <c r="M1153">
        <v>211908.87049999999</v>
      </c>
      <c r="N1153">
        <v>71144.503299999997</v>
      </c>
      <c r="O1153">
        <v>24241.293740000001</v>
      </c>
      <c r="P1153">
        <v>44163.573499999999</v>
      </c>
      <c r="Q1153">
        <v>47881.888599999998</v>
      </c>
      <c r="R1153">
        <v>31305.792710000002</v>
      </c>
      <c r="S1153">
        <v>81965.712419999996</v>
      </c>
      <c r="T1153">
        <v>28712.44124</v>
      </c>
      <c r="U1153">
        <v>16513.622889999999</v>
      </c>
      <c r="W1153" s="83">
        <f>Bühler!N1185</f>
        <v>45339.958333330542</v>
      </c>
      <c r="X1153" s="83">
        <v>43148.958333333336</v>
      </c>
      <c r="Y1153">
        <v>171839.8572</v>
      </c>
      <c r="Z1153">
        <v>16020.0075</v>
      </c>
      <c r="AA1153">
        <v>46713.341740000003</v>
      </c>
      <c r="AB1153">
        <v>40047.567510000001</v>
      </c>
      <c r="AC1153">
        <v>39737.84201</v>
      </c>
      <c r="AD1153">
        <v>26249.470290000001</v>
      </c>
      <c r="AE1153">
        <v>36014.333209999997</v>
      </c>
      <c r="AF1153">
        <v>52979.624129999997</v>
      </c>
      <c r="AG1153">
        <v>25629.657319999998</v>
      </c>
      <c r="AH1153">
        <v>211908.87049999999</v>
      </c>
      <c r="AI1153">
        <v>71144.503299999997</v>
      </c>
      <c r="AJ1153">
        <v>24241.293740000001</v>
      </c>
      <c r="AK1153">
        <v>44163.573499999999</v>
      </c>
      <c r="AL1153">
        <v>47881.888599999998</v>
      </c>
      <c r="AM1153">
        <v>31305.792710000002</v>
      </c>
      <c r="AN1153">
        <v>81965.712419999996</v>
      </c>
      <c r="AO1153">
        <v>28712.44124</v>
      </c>
      <c r="AP1153">
        <v>16513.622889999999</v>
      </c>
    </row>
    <row r="1154" spans="2:42" x14ac:dyDescent="0.3">
      <c r="B1154">
        <v>41.552090038656779</v>
      </c>
      <c r="C1154" s="83">
        <v>43149</v>
      </c>
      <c r="D1154">
        <v>171012.12049999999</v>
      </c>
      <c r="E1154">
        <v>15761.91743</v>
      </c>
      <c r="F1154">
        <v>46015.662850000001</v>
      </c>
      <c r="G1154">
        <v>40387.60254</v>
      </c>
      <c r="H1154">
        <v>39082.577140000001</v>
      </c>
      <c r="I1154">
        <v>24119.410619999999</v>
      </c>
      <c r="J1154">
        <v>33933.715839999997</v>
      </c>
      <c r="K1154">
        <v>51622.44053</v>
      </c>
      <c r="L1154">
        <v>21682.961729999999</v>
      </c>
      <c r="M1154">
        <v>211851.9325</v>
      </c>
      <c r="N1154">
        <v>69031.297460000002</v>
      </c>
      <c r="O1154">
        <v>24395.737280000001</v>
      </c>
      <c r="P1154">
        <v>40308.157160000002</v>
      </c>
      <c r="Q1154">
        <v>47897.66719</v>
      </c>
      <c r="R1154">
        <v>27219.696189999999</v>
      </c>
      <c r="S1154">
        <v>81300.394239999994</v>
      </c>
      <c r="T1154">
        <v>27562.02648</v>
      </c>
      <c r="U1154">
        <v>16467.97956</v>
      </c>
      <c r="W1154" s="83">
        <f>Bühler!N1186</f>
        <v>45339.999999997206</v>
      </c>
      <c r="X1154" s="83">
        <v>43149</v>
      </c>
      <c r="Y1154">
        <v>171012.12049999999</v>
      </c>
      <c r="Z1154">
        <v>15761.91743</v>
      </c>
      <c r="AA1154">
        <v>46015.662850000001</v>
      </c>
      <c r="AB1154">
        <v>40387.60254</v>
      </c>
      <c r="AC1154">
        <v>39082.577140000001</v>
      </c>
      <c r="AD1154">
        <v>24119.410619999999</v>
      </c>
      <c r="AE1154">
        <v>33933.715839999997</v>
      </c>
      <c r="AF1154">
        <v>51622.44053</v>
      </c>
      <c r="AG1154">
        <v>21682.961729999999</v>
      </c>
      <c r="AH1154">
        <v>211851.9325</v>
      </c>
      <c r="AI1154">
        <v>69031.297460000002</v>
      </c>
      <c r="AJ1154">
        <v>24395.737280000001</v>
      </c>
      <c r="AK1154">
        <v>40308.157160000002</v>
      </c>
      <c r="AL1154">
        <v>47897.66719</v>
      </c>
      <c r="AM1154">
        <v>27219.696189999999</v>
      </c>
      <c r="AN1154">
        <v>81300.394239999994</v>
      </c>
      <c r="AO1154">
        <v>27562.02648</v>
      </c>
      <c r="AP1154">
        <v>16467.97956</v>
      </c>
    </row>
    <row r="1155" spans="2:42" x14ac:dyDescent="0.3">
      <c r="B1155">
        <v>41.569929030600605</v>
      </c>
      <c r="C1155" s="83">
        <v>43149.041666666664</v>
      </c>
      <c r="D1155">
        <v>170529.76360000001</v>
      </c>
      <c r="E1155">
        <v>15852.18309</v>
      </c>
      <c r="F1155">
        <v>46216.483719999997</v>
      </c>
      <c r="G1155">
        <v>40323.651080000003</v>
      </c>
      <c r="H1155">
        <v>38838.019549999997</v>
      </c>
      <c r="I1155">
        <v>21460.925480000002</v>
      </c>
      <c r="J1155">
        <v>33387.275759999997</v>
      </c>
      <c r="K1155">
        <v>49482.802580000003</v>
      </c>
      <c r="L1155">
        <v>19346.081719999998</v>
      </c>
      <c r="M1155">
        <v>211942.88399999999</v>
      </c>
      <c r="N1155">
        <v>67921.393320000003</v>
      </c>
      <c r="O1155">
        <v>23698.678029999999</v>
      </c>
      <c r="P1155">
        <v>37611.633159999998</v>
      </c>
      <c r="Q1155">
        <v>47463.503369999999</v>
      </c>
      <c r="R1155">
        <v>25300.580689999999</v>
      </c>
      <c r="S1155">
        <v>80116.077839999998</v>
      </c>
      <c r="T1155">
        <v>27129.58985</v>
      </c>
      <c r="U1155">
        <v>16620.201929999999</v>
      </c>
      <c r="W1155" s="83">
        <f>Bühler!N1187</f>
        <v>45340.04166666387</v>
      </c>
      <c r="X1155" s="83">
        <v>43149.041666666664</v>
      </c>
      <c r="Y1155">
        <v>170529.76360000001</v>
      </c>
      <c r="Z1155">
        <v>15852.18309</v>
      </c>
      <c r="AA1155">
        <v>46216.483719999997</v>
      </c>
      <c r="AB1155">
        <v>40323.651080000003</v>
      </c>
      <c r="AC1155">
        <v>38838.019549999997</v>
      </c>
      <c r="AD1155">
        <v>21460.925480000002</v>
      </c>
      <c r="AE1155">
        <v>33387.275759999997</v>
      </c>
      <c r="AF1155">
        <v>49482.802580000003</v>
      </c>
      <c r="AG1155">
        <v>19346.081719999998</v>
      </c>
      <c r="AH1155">
        <v>211942.88399999999</v>
      </c>
      <c r="AI1155">
        <v>67921.393320000003</v>
      </c>
      <c r="AJ1155">
        <v>23698.678029999999</v>
      </c>
      <c r="AK1155">
        <v>37611.633159999998</v>
      </c>
      <c r="AL1155">
        <v>47463.503369999999</v>
      </c>
      <c r="AM1155">
        <v>25300.580689999999</v>
      </c>
      <c r="AN1155">
        <v>80116.077839999998</v>
      </c>
      <c r="AO1155">
        <v>27129.58985</v>
      </c>
      <c r="AP1155">
        <v>16620.201929999999</v>
      </c>
    </row>
    <row r="1156" spans="2:42" x14ac:dyDescent="0.3">
      <c r="B1156">
        <v>41.255741902048221</v>
      </c>
      <c r="C1156" s="83">
        <v>43149.083333333336</v>
      </c>
      <c r="D1156">
        <v>169921.63099999999</v>
      </c>
      <c r="E1156">
        <v>16001.50995</v>
      </c>
      <c r="F1156">
        <v>46117.189129999999</v>
      </c>
      <c r="G1156">
        <v>40094.489990000002</v>
      </c>
      <c r="H1156">
        <v>38465.787049999999</v>
      </c>
      <c r="I1156">
        <v>19462.284739999999</v>
      </c>
      <c r="J1156">
        <v>33628.604809999997</v>
      </c>
      <c r="K1156">
        <v>48121.725209999997</v>
      </c>
      <c r="L1156">
        <v>18647.050429999999</v>
      </c>
      <c r="M1156">
        <v>210341.01149999999</v>
      </c>
      <c r="N1156">
        <v>66339.133040000001</v>
      </c>
      <c r="O1156">
        <v>23727.54954</v>
      </c>
      <c r="P1156">
        <v>35141.030330000001</v>
      </c>
      <c r="Q1156">
        <v>49448.371359999997</v>
      </c>
      <c r="R1156">
        <v>25357.258430000002</v>
      </c>
      <c r="S1156">
        <v>79547.503060000003</v>
      </c>
      <c r="T1156">
        <v>26367.812600000001</v>
      </c>
      <c r="U1156">
        <v>16902.36694</v>
      </c>
      <c r="W1156" s="83">
        <f>Bühler!N1188</f>
        <v>45340.083333330535</v>
      </c>
      <c r="X1156" s="83">
        <v>43149.083333333336</v>
      </c>
      <c r="Y1156">
        <v>169921.63099999999</v>
      </c>
      <c r="Z1156">
        <v>16001.50995</v>
      </c>
      <c r="AA1156">
        <v>46117.189129999999</v>
      </c>
      <c r="AB1156">
        <v>40094.489990000002</v>
      </c>
      <c r="AC1156">
        <v>38465.787049999999</v>
      </c>
      <c r="AD1156">
        <v>19462.284739999999</v>
      </c>
      <c r="AE1156">
        <v>33628.604809999997</v>
      </c>
      <c r="AF1156">
        <v>48121.725209999997</v>
      </c>
      <c r="AG1156">
        <v>18647.050429999999</v>
      </c>
      <c r="AH1156">
        <v>210341.01149999999</v>
      </c>
      <c r="AI1156">
        <v>66339.133040000001</v>
      </c>
      <c r="AJ1156">
        <v>23727.54954</v>
      </c>
      <c r="AK1156">
        <v>35141.030330000001</v>
      </c>
      <c r="AL1156">
        <v>49448.371359999997</v>
      </c>
      <c r="AM1156">
        <v>25357.258430000002</v>
      </c>
      <c r="AN1156">
        <v>79547.503060000003</v>
      </c>
      <c r="AO1156">
        <v>26367.812600000001</v>
      </c>
      <c r="AP1156">
        <v>16902.36694</v>
      </c>
    </row>
    <row r="1157" spans="2:42" x14ac:dyDescent="0.3">
      <c r="B1157">
        <v>41.261209801241861</v>
      </c>
      <c r="C1157" s="83">
        <v>43149.125</v>
      </c>
      <c r="D1157">
        <v>169470.8315</v>
      </c>
      <c r="E1157">
        <v>15905.66575</v>
      </c>
      <c r="F1157">
        <v>46340.663110000001</v>
      </c>
      <c r="G1157">
        <v>39338.152349999997</v>
      </c>
      <c r="H1157">
        <v>38417.32533</v>
      </c>
      <c r="I1157">
        <v>18683.08123</v>
      </c>
      <c r="J1157">
        <v>33845.19629</v>
      </c>
      <c r="K1157">
        <v>46044.850789999997</v>
      </c>
      <c r="L1157">
        <v>18159.239430000001</v>
      </c>
      <c r="M1157">
        <v>210368.88939999999</v>
      </c>
      <c r="N1157">
        <v>66350.475250000003</v>
      </c>
      <c r="O1157">
        <v>23794.50533</v>
      </c>
      <c r="P1157">
        <v>34741.535750000003</v>
      </c>
      <c r="Q1157">
        <v>50845.012860000003</v>
      </c>
      <c r="R1157">
        <v>24330.18087</v>
      </c>
      <c r="S1157">
        <v>78824.698310000007</v>
      </c>
      <c r="T1157">
        <v>26658.912100000001</v>
      </c>
      <c r="U1157">
        <v>17272.683639999999</v>
      </c>
      <c r="W1157" s="83">
        <f>Bühler!N1189</f>
        <v>45340.124999997199</v>
      </c>
      <c r="X1157" s="83">
        <v>43149.125</v>
      </c>
      <c r="Y1157">
        <v>169470.8315</v>
      </c>
      <c r="Z1157">
        <v>15905.66575</v>
      </c>
      <c r="AA1157">
        <v>46340.663110000001</v>
      </c>
      <c r="AB1157">
        <v>39338.152349999997</v>
      </c>
      <c r="AC1157">
        <v>38417.32533</v>
      </c>
      <c r="AD1157">
        <v>18683.08123</v>
      </c>
      <c r="AE1157">
        <v>33845.19629</v>
      </c>
      <c r="AF1157">
        <v>46044.850789999997</v>
      </c>
      <c r="AG1157">
        <v>18159.239430000001</v>
      </c>
      <c r="AH1157">
        <v>210368.88939999999</v>
      </c>
      <c r="AI1157">
        <v>66350.475250000003</v>
      </c>
      <c r="AJ1157">
        <v>23794.50533</v>
      </c>
      <c r="AK1157">
        <v>34741.535750000003</v>
      </c>
      <c r="AL1157">
        <v>50845.012860000003</v>
      </c>
      <c r="AM1157">
        <v>24330.18087</v>
      </c>
      <c r="AN1157">
        <v>78824.698310000007</v>
      </c>
      <c r="AO1157">
        <v>26658.912100000001</v>
      </c>
      <c r="AP1157">
        <v>17272.683639999999</v>
      </c>
    </row>
    <row r="1158" spans="2:42" x14ac:dyDescent="0.3">
      <c r="B1158">
        <v>41.117077438544314</v>
      </c>
      <c r="C1158" s="83">
        <v>43149.166666666664</v>
      </c>
      <c r="D1158">
        <v>169178.22010000001</v>
      </c>
      <c r="E1158">
        <v>16020.388650000001</v>
      </c>
      <c r="F1158">
        <v>46991.013749999998</v>
      </c>
      <c r="G1158">
        <v>38525.824979999998</v>
      </c>
      <c r="H1158">
        <v>38752.7595</v>
      </c>
      <c r="I1158">
        <v>19166.98933</v>
      </c>
      <c r="J1158">
        <v>36050.90137</v>
      </c>
      <c r="K1158">
        <v>45166.906730000002</v>
      </c>
      <c r="L1158">
        <v>18578.99051</v>
      </c>
      <c r="M1158">
        <v>209634.03539999999</v>
      </c>
      <c r="N1158">
        <v>65798.160950000005</v>
      </c>
      <c r="O1158">
        <v>24539.596949999999</v>
      </c>
      <c r="P1158">
        <v>33132.104319999999</v>
      </c>
      <c r="Q1158">
        <v>51366.15883</v>
      </c>
      <c r="R1158">
        <v>24179.56091</v>
      </c>
      <c r="S1158">
        <v>79973.349889999998</v>
      </c>
      <c r="T1158">
        <v>26203.82676</v>
      </c>
      <c r="U1158">
        <v>17431.098330000001</v>
      </c>
      <c r="W1158" s="83">
        <f>Bühler!N1190</f>
        <v>45340.166666663863</v>
      </c>
      <c r="X1158" s="83">
        <v>43149.166666666664</v>
      </c>
      <c r="Y1158">
        <v>169178.22010000001</v>
      </c>
      <c r="Z1158">
        <v>16020.388650000001</v>
      </c>
      <c r="AA1158">
        <v>46991.013749999998</v>
      </c>
      <c r="AB1158">
        <v>38525.824979999998</v>
      </c>
      <c r="AC1158">
        <v>38752.7595</v>
      </c>
      <c r="AD1158">
        <v>19166.98933</v>
      </c>
      <c r="AE1158">
        <v>36050.90137</v>
      </c>
      <c r="AF1158">
        <v>45166.906730000002</v>
      </c>
      <c r="AG1158">
        <v>18578.99051</v>
      </c>
      <c r="AH1158">
        <v>209634.03539999999</v>
      </c>
      <c r="AI1158">
        <v>65798.160950000005</v>
      </c>
      <c r="AJ1158">
        <v>24539.596949999999</v>
      </c>
      <c r="AK1158">
        <v>33132.104319999999</v>
      </c>
      <c r="AL1158">
        <v>51366.15883</v>
      </c>
      <c r="AM1158">
        <v>24179.56091</v>
      </c>
      <c r="AN1158">
        <v>79973.349889999998</v>
      </c>
      <c r="AO1158">
        <v>26203.82676</v>
      </c>
      <c r="AP1158">
        <v>17431.098330000001</v>
      </c>
    </row>
    <row r="1159" spans="2:42" x14ac:dyDescent="0.3">
      <c r="B1159">
        <v>41.354678124466538</v>
      </c>
      <c r="C1159" s="83">
        <v>43149.208333333336</v>
      </c>
      <c r="D1159">
        <v>169140.609</v>
      </c>
      <c r="E1159">
        <v>16208.106889999999</v>
      </c>
      <c r="F1159">
        <v>47644.61896</v>
      </c>
      <c r="G1159">
        <v>38746.860809999998</v>
      </c>
      <c r="H1159">
        <v>38803.540410000001</v>
      </c>
      <c r="I1159">
        <v>23982.272150000001</v>
      </c>
      <c r="J1159">
        <v>38360.191800000001</v>
      </c>
      <c r="K1159">
        <v>44558.127789999999</v>
      </c>
      <c r="L1159">
        <v>18513.36549</v>
      </c>
      <c r="M1159">
        <v>210845.4345</v>
      </c>
      <c r="N1159">
        <v>65523.96168</v>
      </c>
      <c r="O1159">
        <v>24261.65465</v>
      </c>
      <c r="P1159">
        <v>33191.857450000003</v>
      </c>
      <c r="Q1159">
        <v>50627.866320000001</v>
      </c>
      <c r="R1159">
        <v>25980.62801</v>
      </c>
      <c r="S1159">
        <v>81163.026740000001</v>
      </c>
      <c r="T1159">
        <v>26983.656739999999</v>
      </c>
      <c r="U1159">
        <v>17254.217100000002</v>
      </c>
      <c r="W1159" s="83">
        <f>Bühler!N1191</f>
        <v>45340.208333330527</v>
      </c>
      <c r="X1159" s="83">
        <v>43149.208333333336</v>
      </c>
      <c r="Y1159">
        <v>169140.609</v>
      </c>
      <c r="Z1159">
        <v>16208.106889999999</v>
      </c>
      <c r="AA1159">
        <v>47644.61896</v>
      </c>
      <c r="AB1159">
        <v>38746.860809999998</v>
      </c>
      <c r="AC1159">
        <v>38803.540410000001</v>
      </c>
      <c r="AD1159">
        <v>23982.272150000001</v>
      </c>
      <c r="AE1159">
        <v>38360.191800000001</v>
      </c>
      <c r="AF1159">
        <v>44558.127789999999</v>
      </c>
      <c r="AG1159">
        <v>18513.36549</v>
      </c>
      <c r="AH1159">
        <v>210845.4345</v>
      </c>
      <c r="AI1159">
        <v>65523.96168</v>
      </c>
      <c r="AJ1159">
        <v>24261.65465</v>
      </c>
      <c r="AK1159">
        <v>33191.857450000003</v>
      </c>
      <c r="AL1159">
        <v>50627.866320000001</v>
      </c>
      <c r="AM1159">
        <v>25980.62801</v>
      </c>
      <c r="AN1159">
        <v>81163.026740000001</v>
      </c>
      <c r="AO1159">
        <v>26983.656739999999</v>
      </c>
      <c r="AP1159">
        <v>17254.217100000002</v>
      </c>
    </row>
    <row r="1160" spans="2:42" x14ac:dyDescent="0.3">
      <c r="B1160">
        <v>41.770527412820719</v>
      </c>
      <c r="C1160" s="83">
        <v>43149.25</v>
      </c>
      <c r="D1160">
        <v>168833.3046</v>
      </c>
      <c r="E1160">
        <v>16551.095819999999</v>
      </c>
      <c r="F1160">
        <v>49504.859700000001</v>
      </c>
      <c r="G1160">
        <v>39542.855929999998</v>
      </c>
      <c r="H1160">
        <v>38260.082190000001</v>
      </c>
      <c r="I1160">
        <v>26773.458989999999</v>
      </c>
      <c r="J1160">
        <v>40522.117389999999</v>
      </c>
      <c r="K1160">
        <v>43853.563439999998</v>
      </c>
      <c r="L1160">
        <v>19332.827600000001</v>
      </c>
      <c r="M1160">
        <v>212965.6281</v>
      </c>
      <c r="N1160">
        <v>65519.972950000003</v>
      </c>
      <c r="O1160">
        <v>23637.800599999999</v>
      </c>
      <c r="P1160">
        <v>34615.048779999997</v>
      </c>
      <c r="Q1160">
        <v>50862.465750000003</v>
      </c>
      <c r="R1160">
        <v>17240.823</v>
      </c>
      <c r="S1160">
        <v>85366.231230000005</v>
      </c>
      <c r="T1160">
        <v>27624.949390000002</v>
      </c>
      <c r="U1160">
        <v>16184.644200000001</v>
      </c>
      <c r="W1160" s="83">
        <f>Bühler!N1192</f>
        <v>45340.249999997191</v>
      </c>
      <c r="X1160" s="83">
        <v>43149.25</v>
      </c>
      <c r="Y1160">
        <v>168833.3046</v>
      </c>
      <c r="Z1160">
        <v>16551.095819999999</v>
      </c>
      <c r="AA1160">
        <v>49504.859700000001</v>
      </c>
      <c r="AB1160">
        <v>39542.855929999998</v>
      </c>
      <c r="AC1160">
        <v>38260.082190000001</v>
      </c>
      <c r="AD1160">
        <v>26773.458989999999</v>
      </c>
      <c r="AE1160">
        <v>40522.117389999999</v>
      </c>
      <c r="AF1160">
        <v>43853.563439999998</v>
      </c>
      <c r="AG1160">
        <v>19332.827600000001</v>
      </c>
      <c r="AH1160">
        <v>212965.6281</v>
      </c>
      <c r="AI1160">
        <v>65519.972950000003</v>
      </c>
      <c r="AJ1160">
        <v>23637.800599999999</v>
      </c>
      <c r="AK1160">
        <v>34615.048779999997</v>
      </c>
      <c r="AL1160">
        <v>50862.465750000003</v>
      </c>
      <c r="AM1160">
        <v>17240.823</v>
      </c>
      <c r="AN1160">
        <v>85366.231230000005</v>
      </c>
      <c r="AO1160">
        <v>27624.949390000002</v>
      </c>
      <c r="AP1160">
        <v>16184.644200000001</v>
      </c>
    </row>
    <row r="1161" spans="2:42" x14ac:dyDescent="0.3">
      <c r="B1161">
        <v>41.751795799509061</v>
      </c>
      <c r="C1161" s="83">
        <v>43149.291666666664</v>
      </c>
      <c r="D1161">
        <v>168919.1562</v>
      </c>
      <c r="E1161">
        <v>17190.50474</v>
      </c>
      <c r="F1161">
        <v>51275.581480000001</v>
      </c>
      <c r="G1161">
        <v>39809.580410000002</v>
      </c>
      <c r="H1161">
        <v>39110.28673</v>
      </c>
      <c r="I1161">
        <v>28682.44443</v>
      </c>
      <c r="J1161">
        <v>41572.417229999999</v>
      </c>
      <c r="K1161">
        <v>43703.706709999999</v>
      </c>
      <c r="L1161">
        <v>20757.427609999999</v>
      </c>
      <c r="M1161">
        <v>212870.1256</v>
      </c>
      <c r="N1161">
        <v>66639.580719999998</v>
      </c>
      <c r="O1161">
        <v>24434.316439999999</v>
      </c>
      <c r="P1161">
        <v>36678.275269999998</v>
      </c>
      <c r="Q1161">
        <v>49942.614520000003</v>
      </c>
      <c r="R1161">
        <v>16681.962749999999</v>
      </c>
      <c r="S1161">
        <v>92565.870290000006</v>
      </c>
      <c r="T1161">
        <v>26858.423620000001</v>
      </c>
      <c r="U1161">
        <v>16386.105609999999</v>
      </c>
      <c r="W1161" s="83">
        <f>Bühler!N1193</f>
        <v>45340.291666663856</v>
      </c>
      <c r="X1161" s="83">
        <v>43149.291666666664</v>
      </c>
      <c r="Y1161">
        <v>168919.1562</v>
      </c>
      <c r="Z1161">
        <v>17190.50474</v>
      </c>
      <c r="AA1161">
        <v>51275.581480000001</v>
      </c>
      <c r="AB1161">
        <v>39809.580410000002</v>
      </c>
      <c r="AC1161">
        <v>39110.28673</v>
      </c>
      <c r="AD1161">
        <v>28682.44443</v>
      </c>
      <c r="AE1161">
        <v>41572.417229999999</v>
      </c>
      <c r="AF1161">
        <v>43703.706709999999</v>
      </c>
      <c r="AG1161">
        <v>20757.427609999999</v>
      </c>
      <c r="AH1161">
        <v>212870.1256</v>
      </c>
      <c r="AI1161">
        <v>66639.580719999998</v>
      </c>
      <c r="AJ1161">
        <v>24434.316439999999</v>
      </c>
      <c r="AK1161">
        <v>36678.275269999998</v>
      </c>
      <c r="AL1161">
        <v>49942.614520000003</v>
      </c>
      <c r="AM1161">
        <v>16681.962749999999</v>
      </c>
      <c r="AN1161">
        <v>92565.870290000006</v>
      </c>
      <c r="AO1161">
        <v>26858.423620000001</v>
      </c>
      <c r="AP1161">
        <v>16386.105609999999</v>
      </c>
    </row>
    <row r="1162" spans="2:42" x14ac:dyDescent="0.3">
      <c r="B1162">
        <v>41.107071547247124</v>
      </c>
      <c r="C1162" s="83">
        <v>43149.333333333336</v>
      </c>
      <c r="D1162">
        <v>167485.6183</v>
      </c>
      <c r="E1162">
        <v>17355.231090000001</v>
      </c>
      <c r="F1162">
        <v>51805.215550000001</v>
      </c>
      <c r="G1162">
        <v>38949.171029999998</v>
      </c>
      <c r="H1162">
        <v>38279.355459999999</v>
      </c>
      <c r="I1162">
        <v>28500.184969999998</v>
      </c>
      <c r="J1162">
        <v>41255.651890000001</v>
      </c>
      <c r="K1162">
        <v>44208.673179999998</v>
      </c>
      <c r="L1162">
        <v>22874.657350000001</v>
      </c>
      <c r="M1162">
        <v>209583.02069999999</v>
      </c>
      <c r="N1162">
        <v>69184.937179999994</v>
      </c>
      <c r="O1162">
        <v>24159.72033</v>
      </c>
      <c r="P1162">
        <v>40183.234989999997</v>
      </c>
      <c r="Q1162">
        <v>49233.157529999997</v>
      </c>
      <c r="R1162">
        <v>17493.147730000001</v>
      </c>
      <c r="S1162">
        <v>95413.200079999995</v>
      </c>
      <c r="T1162">
        <v>28773.87413</v>
      </c>
      <c r="U1162">
        <v>15728.20089</v>
      </c>
      <c r="W1162" s="83">
        <f>Bühler!N1194</f>
        <v>45340.33333333052</v>
      </c>
      <c r="X1162" s="83">
        <v>43149.333333333336</v>
      </c>
      <c r="Y1162">
        <v>167485.6183</v>
      </c>
      <c r="Z1162">
        <v>17355.231090000001</v>
      </c>
      <c r="AA1162">
        <v>51805.215550000001</v>
      </c>
      <c r="AB1162">
        <v>38949.171029999998</v>
      </c>
      <c r="AC1162">
        <v>38279.355459999999</v>
      </c>
      <c r="AD1162">
        <v>28500.184969999998</v>
      </c>
      <c r="AE1162">
        <v>41255.651890000001</v>
      </c>
      <c r="AF1162">
        <v>44208.673179999998</v>
      </c>
      <c r="AG1162">
        <v>22874.657350000001</v>
      </c>
      <c r="AH1162">
        <v>209583.02069999999</v>
      </c>
      <c r="AI1162">
        <v>69184.937179999994</v>
      </c>
      <c r="AJ1162">
        <v>24159.72033</v>
      </c>
      <c r="AK1162">
        <v>40183.234989999997</v>
      </c>
      <c r="AL1162">
        <v>49233.157529999997</v>
      </c>
      <c r="AM1162">
        <v>17493.147730000001</v>
      </c>
      <c r="AN1162">
        <v>95413.200079999995</v>
      </c>
      <c r="AO1162">
        <v>28773.87413</v>
      </c>
      <c r="AP1162">
        <v>15728.20089</v>
      </c>
    </row>
    <row r="1163" spans="2:42" x14ac:dyDescent="0.3">
      <c r="B1163">
        <v>40.359490187606717</v>
      </c>
      <c r="C1163" s="83">
        <v>43149.375</v>
      </c>
      <c r="D1163">
        <v>166378.09340000001</v>
      </c>
      <c r="E1163">
        <v>17716.320029999999</v>
      </c>
      <c r="F1163">
        <v>52671.038639999999</v>
      </c>
      <c r="G1163">
        <v>38898.852659999997</v>
      </c>
      <c r="H1163">
        <v>38149.475250000003</v>
      </c>
      <c r="I1163">
        <v>28330.993470000001</v>
      </c>
      <c r="J1163">
        <v>41439.071909999999</v>
      </c>
      <c r="K1163">
        <v>44915.63538</v>
      </c>
      <c r="L1163">
        <v>25583.68244</v>
      </c>
      <c r="M1163">
        <v>205771.50229999999</v>
      </c>
      <c r="N1163">
        <v>75748.814360000004</v>
      </c>
      <c r="O1163">
        <v>23747.778450000002</v>
      </c>
      <c r="P1163">
        <v>43438.396119999998</v>
      </c>
      <c r="Q1163">
        <v>48570.516470000002</v>
      </c>
      <c r="R1163">
        <v>17855.519769999999</v>
      </c>
      <c r="S1163">
        <v>96025.83223</v>
      </c>
      <c r="T1163">
        <v>30823.916069999999</v>
      </c>
      <c r="U1163">
        <v>15462.899659999999</v>
      </c>
      <c r="W1163" s="83">
        <f>Bühler!N1195</f>
        <v>45340.374999997184</v>
      </c>
      <c r="X1163" s="83">
        <v>43149.375</v>
      </c>
      <c r="Y1163">
        <v>166378.09340000001</v>
      </c>
      <c r="Z1163">
        <v>17716.320029999999</v>
      </c>
      <c r="AA1163">
        <v>52671.038639999999</v>
      </c>
      <c r="AB1163">
        <v>38898.852659999997</v>
      </c>
      <c r="AC1163">
        <v>38149.475250000003</v>
      </c>
      <c r="AD1163">
        <v>28330.993470000001</v>
      </c>
      <c r="AE1163">
        <v>41439.071909999999</v>
      </c>
      <c r="AF1163">
        <v>44915.63538</v>
      </c>
      <c r="AG1163">
        <v>25583.68244</v>
      </c>
      <c r="AH1163">
        <v>205771.50229999999</v>
      </c>
      <c r="AI1163">
        <v>75748.814360000004</v>
      </c>
      <c r="AJ1163">
        <v>23747.778450000002</v>
      </c>
      <c r="AK1163">
        <v>43438.396119999998</v>
      </c>
      <c r="AL1163">
        <v>48570.516470000002</v>
      </c>
      <c r="AM1163">
        <v>17855.519769999999</v>
      </c>
      <c r="AN1163">
        <v>96025.83223</v>
      </c>
      <c r="AO1163">
        <v>30823.916069999999</v>
      </c>
      <c r="AP1163">
        <v>15462.899659999999</v>
      </c>
    </row>
    <row r="1164" spans="2:42" x14ac:dyDescent="0.3">
      <c r="B1164">
        <v>40.581416787511664</v>
      </c>
      <c r="C1164" s="83">
        <v>43149.416666666664</v>
      </c>
      <c r="D1164">
        <v>166434.71280000001</v>
      </c>
      <c r="E1164">
        <v>18301.258010000001</v>
      </c>
      <c r="F1164">
        <v>52759.950140000001</v>
      </c>
      <c r="G1164">
        <v>39353.105109999997</v>
      </c>
      <c r="H1164">
        <v>38962.925779999998</v>
      </c>
      <c r="I1164">
        <v>27521.862799999999</v>
      </c>
      <c r="J1164">
        <v>40543.631880000001</v>
      </c>
      <c r="K1164">
        <v>46266.124179999999</v>
      </c>
      <c r="L1164">
        <v>27939.77405</v>
      </c>
      <c r="M1164">
        <v>206902.98759999999</v>
      </c>
      <c r="N1164">
        <v>79307.291339999996</v>
      </c>
      <c r="O1164">
        <v>23243.633689999999</v>
      </c>
      <c r="P1164">
        <v>43298.855739999999</v>
      </c>
      <c r="Q1164">
        <v>48313.214890000003</v>
      </c>
      <c r="R1164">
        <v>18553.795010000002</v>
      </c>
      <c r="S1164">
        <v>94807.748680000004</v>
      </c>
      <c r="T1164">
        <v>32402.454870000001</v>
      </c>
      <c r="U1164">
        <v>15505.92117</v>
      </c>
      <c r="W1164" s="83">
        <f>Bühler!N1196</f>
        <v>45340.416666663848</v>
      </c>
      <c r="X1164" s="83">
        <v>43149.416666666664</v>
      </c>
      <c r="Y1164">
        <v>166434.71280000001</v>
      </c>
      <c r="Z1164">
        <v>18301.258010000001</v>
      </c>
      <c r="AA1164">
        <v>52759.950140000001</v>
      </c>
      <c r="AB1164">
        <v>39353.105109999997</v>
      </c>
      <c r="AC1164">
        <v>38962.925779999998</v>
      </c>
      <c r="AD1164">
        <v>27521.862799999999</v>
      </c>
      <c r="AE1164">
        <v>40543.631880000001</v>
      </c>
      <c r="AF1164">
        <v>46266.124179999999</v>
      </c>
      <c r="AG1164">
        <v>27939.77405</v>
      </c>
      <c r="AH1164">
        <v>206902.98759999999</v>
      </c>
      <c r="AI1164">
        <v>79307.291339999996</v>
      </c>
      <c r="AJ1164">
        <v>23243.633689999999</v>
      </c>
      <c r="AK1164">
        <v>43298.855739999999</v>
      </c>
      <c r="AL1164">
        <v>48313.214890000003</v>
      </c>
      <c r="AM1164">
        <v>18553.795010000002</v>
      </c>
      <c r="AN1164">
        <v>94807.748680000004</v>
      </c>
      <c r="AO1164">
        <v>32402.454870000001</v>
      </c>
      <c r="AP1164">
        <v>15505.92117</v>
      </c>
    </row>
    <row r="1165" spans="2:42" x14ac:dyDescent="0.3">
      <c r="B1165">
        <v>40.929080983196066</v>
      </c>
      <c r="C1165" s="83">
        <v>43149.458333333336</v>
      </c>
      <c r="D1165">
        <v>165754.64079999999</v>
      </c>
      <c r="E1165">
        <v>18316.341779999999</v>
      </c>
      <c r="F1165">
        <v>52656.876909999999</v>
      </c>
      <c r="G1165">
        <v>39217.466099999998</v>
      </c>
      <c r="H1165">
        <v>38460.255069999999</v>
      </c>
      <c r="I1165">
        <v>26434.937279999998</v>
      </c>
      <c r="J1165">
        <v>39599.55358</v>
      </c>
      <c r="K1165">
        <v>49179.117429999998</v>
      </c>
      <c r="L1165">
        <v>28909.987140000001</v>
      </c>
      <c r="M1165">
        <v>208675.54180000001</v>
      </c>
      <c r="N1165">
        <v>78582.08266</v>
      </c>
      <c r="O1165">
        <v>22744.987440000001</v>
      </c>
      <c r="P1165">
        <v>44016.770969999998</v>
      </c>
      <c r="Q1165">
        <v>47652.063900000001</v>
      </c>
      <c r="R1165">
        <v>20624.37113</v>
      </c>
      <c r="S1165">
        <v>96410.765109999993</v>
      </c>
      <c r="T1165">
        <v>33137.84618</v>
      </c>
      <c r="U1165">
        <v>15174.417579999999</v>
      </c>
      <c r="W1165" s="83">
        <f>Bühler!N1197</f>
        <v>45340.458333330513</v>
      </c>
      <c r="X1165" s="83">
        <v>43149.458333333336</v>
      </c>
      <c r="Y1165">
        <v>165754.64079999999</v>
      </c>
      <c r="Z1165">
        <v>18316.341779999999</v>
      </c>
      <c r="AA1165">
        <v>52656.876909999999</v>
      </c>
      <c r="AB1165">
        <v>39217.466099999998</v>
      </c>
      <c r="AC1165">
        <v>38460.255069999999</v>
      </c>
      <c r="AD1165">
        <v>26434.937279999998</v>
      </c>
      <c r="AE1165">
        <v>39599.55358</v>
      </c>
      <c r="AF1165">
        <v>49179.117429999998</v>
      </c>
      <c r="AG1165">
        <v>28909.987140000001</v>
      </c>
      <c r="AH1165">
        <v>208675.54180000001</v>
      </c>
      <c r="AI1165">
        <v>78582.08266</v>
      </c>
      <c r="AJ1165">
        <v>22744.987440000001</v>
      </c>
      <c r="AK1165">
        <v>44016.770969999998</v>
      </c>
      <c r="AL1165">
        <v>47652.063900000001</v>
      </c>
      <c r="AM1165">
        <v>20624.37113</v>
      </c>
      <c r="AN1165">
        <v>96410.765109999993</v>
      </c>
      <c r="AO1165">
        <v>33137.84618</v>
      </c>
      <c r="AP1165">
        <v>15174.417579999999</v>
      </c>
    </row>
    <row r="1166" spans="2:42" x14ac:dyDescent="0.3">
      <c r="B1166">
        <v>40.382715289442849</v>
      </c>
      <c r="C1166" s="83">
        <v>43149.5</v>
      </c>
      <c r="D1166">
        <v>165213.76259999999</v>
      </c>
      <c r="E1166">
        <v>18050.691060000001</v>
      </c>
      <c r="F1166">
        <v>50047.164349999999</v>
      </c>
      <c r="G1166">
        <v>38977.777110000003</v>
      </c>
      <c r="H1166">
        <v>37916.254050000003</v>
      </c>
      <c r="I1166">
        <v>26396.972900000001</v>
      </c>
      <c r="J1166">
        <v>39371.479500000001</v>
      </c>
      <c r="K1166">
        <v>49325.738230000003</v>
      </c>
      <c r="L1166">
        <v>30145.675370000001</v>
      </c>
      <c r="M1166">
        <v>205889.91469999999</v>
      </c>
      <c r="N1166">
        <v>76470.807660000006</v>
      </c>
      <c r="O1166">
        <v>21987.971560000002</v>
      </c>
      <c r="P1166">
        <v>43286.06897</v>
      </c>
      <c r="Q1166">
        <v>46351.587749999999</v>
      </c>
      <c r="R1166">
        <v>18797.25274</v>
      </c>
      <c r="S1166">
        <v>92333.744699999996</v>
      </c>
      <c r="T1166">
        <v>32517.265019999999</v>
      </c>
      <c r="U1166">
        <v>14531.755440000001</v>
      </c>
      <c r="W1166" s="83">
        <f>Bühler!N1198</f>
        <v>45340.499999997177</v>
      </c>
      <c r="X1166" s="83">
        <v>43149.5</v>
      </c>
      <c r="Y1166">
        <v>165213.76259999999</v>
      </c>
      <c r="Z1166">
        <v>18050.691060000001</v>
      </c>
      <c r="AA1166">
        <v>50047.164349999999</v>
      </c>
      <c r="AB1166">
        <v>38977.777110000003</v>
      </c>
      <c r="AC1166">
        <v>37916.254050000003</v>
      </c>
      <c r="AD1166">
        <v>26396.972900000001</v>
      </c>
      <c r="AE1166">
        <v>39371.479500000001</v>
      </c>
      <c r="AF1166">
        <v>49325.738230000003</v>
      </c>
      <c r="AG1166">
        <v>30145.675370000001</v>
      </c>
      <c r="AH1166">
        <v>205889.91469999999</v>
      </c>
      <c r="AI1166">
        <v>76470.807660000006</v>
      </c>
      <c r="AJ1166">
        <v>21987.971560000002</v>
      </c>
      <c r="AK1166">
        <v>43286.06897</v>
      </c>
      <c r="AL1166">
        <v>46351.587749999999</v>
      </c>
      <c r="AM1166">
        <v>18797.25274</v>
      </c>
      <c r="AN1166">
        <v>92333.744699999996</v>
      </c>
      <c r="AO1166">
        <v>32517.265019999999</v>
      </c>
      <c r="AP1166">
        <v>14531.755440000001</v>
      </c>
    </row>
    <row r="1167" spans="2:42" x14ac:dyDescent="0.3">
      <c r="B1167">
        <v>40.593034967573487</v>
      </c>
      <c r="C1167" s="83">
        <v>43149.541666666664</v>
      </c>
      <c r="D1167">
        <v>164796.63879999999</v>
      </c>
      <c r="E1167">
        <v>17830.759259999999</v>
      </c>
      <c r="F1167">
        <v>45386.143109999997</v>
      </c>
      <c r="G1167">
        <v>38550.031710000003</v>
      </c>
      <c r="H1167">
        <v>37396.900840000002</v>
      </c>
      <c r="I1167">
        <v>27219.071240000001</v>
      </c>
      <c r="J1167">
        <v>38676.546710000002</v>
      </c>
      <c r="K1167">
        <v>49110.810640000003</v>
      </c>
      <c r="L1167">
        <v>30005.136760000001</v>
      </c>
      <c r="M1167">
        <v>206962.2225</v>
      </c>
      <c r="N1167">
        <v>75130.975019999998</v>
      </c>
      <c r="O1167">
        <v>21901.38897</v>
      </c>
      <c r="P1167">
        <v>41966.660689999997</v>
      </c>
      <c r="Q1167">
        <v>45313.62657</v>
      </c>
      <c r="R1167">
        <v>18237.29796</v>
      </c>
      <c r="S1167">
        <v>93253.854630000002</v>
      </c>
      <c r="T1167">
        <v>31739.456969999999</v>
      </c>
      <c r="U1167">
        <v>14332.180319999999</v>
      </c>
      <c r="W1167" s="83">
        <f>Bühler!N1199</f>
        <v>45340.541666663841</v>
      </c>
      <c r="X1167" s="83">
        <v>43149.541666666664</v>
      </c>
      <c r="Y1167">
        <v>164796.63879999999</v>
      </c>
      <c r="Z1167">
        <v>17830.759259999999</v>
      </c>
      <c r="AA1167">
        <v>45386.143109999997</v>
      </c>
      <c r="AB1167">
        <v>38550.031710000003</v>
      </c>
      <c r="AC1167">
        <v>37396.900840000002</v>
      </c>
      <c r="AD1167">
        <v>27219.071240000001</v>
      </c>
      <c r="AE1167">
        <v>38676.546710000002</v>
      </c>
      <c r="AF1167">
        <v>49110.810640000003</v>
      </c>
      <c r="AG1167">
        <v>30005.136760000001</v>
      </c>
      <c r="AH1167">
        <v>206962.2225</v>
      </c>
      <c r="AI1167">
        <v>75130.975019999998</v>
      </c>
      <c r="AJ1167">
        <v>21901.38897</v>
      </c>
      <c r="AK1167">
        <v>41966.660689999997</v>
      </c>
      <c r="AL1167">
        <v>45313.62657</v>
      </c>
      <c r="AM1167">
        <v>18237.29796</v>
      </c>
      <c r="AN1167">
        <v>93253.854630000002</v>
      </c>
      <c r="AO1167">
        <v>31739.456969999999</v>
      </c>
      <c r="AP1167">
        <v>14332.180319999999</v>
      </c>
    </row>
    <row r="1168" spans="2:42" x14ac:dyDescent="0.3">
      <c r="B1168">
        <v>40.877954647840092</v>
      </c>
      <c r="C1168" s="83">
        <v>43149.583333333336</v>
      </c>
      <c r="D1168">
        <v>164305.6955</v>
      </c>
      <c r="E1168">
        <v>17627.40148</v>
      </c>
      <c r="F1168">
        <v>44532.45564</v>
      </c>
      <c r="G1168">
        <v>38207.756479999996</v>
      </c>
      <c r="H1168">
        <v>36677.639430000003</v>
      </c>
      <c r="I1168">
        <v>27857.553769999999</v>
      </c>
      <c r="J1168">
        <v>37829.606119999997</v>
      </c>
      <c r="K1168">
        <v>46411.137390000004</v>
      </c>
      <c r="L1168">
        <v>28030.952079999999</v>
      </c>
      <c r="M1168">
        <v>208414.87590000001</v>
      </c>
      <c r="N1168">
        <v>75416.637640000001</v>
      </c>
      <c r="O1168">
        <v>21427.67092</v>
      </c>
      <c r="P1168">
        <v>39622.402029999997</v>
      </c>
      <c r="Q1168">
        <v>44878.496400000004</v>
      </c>
      <c r="R1168">
        <v>18641.605889999999</v>
      </c>
      <c r="S1168">
        <v>90065.324330000003</v>
      </c>
      <c r="T1168">
        <v>31398.23011</v>
      </c>
      <c r="U1168">
        <v>14105.387769999999</v>
      </c>
      <c r="W1168" s="83">
        <f>Bühler!N1200</f>
        <v>45340.583333330505</v>
      </c>
      <c r="X1168" s="83">
        <v>43149.583333333336</v>
      </c>
      <c r="Y1168">
        <v>164305.6955</v>
      </c>
      <c r="Z1168">
        <v>17627.40148</v>
      </c>
      <c r="AA1168">
        <v>44532.45564</v>
      </c>
      <c r="AB1168">
        <v>38207.756479999996</v>
      </c>
      <c r="AC1168">
        <v>36677.639430000003</v>
      </c>
      <c r="AD1168">
        <v>27857.553769999999</v>
      </c>
      <c r="AE1168">
        <v>37829.606119999997</v>
      </c>
      <c r="AF1168">
        <v>46411.137390000004</v>
      </c>
      <c r="AG1168">
        <v>28030.952079999999</v>
      </c>
      <c r="AH1168">
        <v>208414.87590000001</v>
      </c>
      <c r="AI1168">
        <v>75416.637640000001</v>
      </c>
      <c r="AJ1168">
        <v>21427.67092</v>
      </c>
      <c r="AK1168">
        <v>39622.402029999997</v>
      </c>
      <c r="AL1168">
        <v>44878.496400000004</v>
      </c>
      <c r="AM1168">
        <v>18641.605889999999</v>
      </c>
      <c r="AN1168">
        <v>90065.324330000003</v>
      </c>
      <c r="AO1168">
        <v>31398.23011</v>
      </c>
      <c r="AP1168">
        <v>14105.387769999999</v>
      </c>
    </row>
    <row r="1169" spans="2:42" x14ac:dyDescent="0.3">
      <c r="B1169">
        <v>40.504811339166153</v>
      </c>
      <c r="C1169" s="83">
        <v>43149.625</v>
      </c>
      <c r="D1169">
        <v>164325.4584</v>
      </c>
      <c r="E1169">
        <v>17554.353360000001</v>
      </c>
      <c r="F1169">
        <v>44586.380729999997</v>
      </c>
      <c r="G1169">
        <v>37776.922409999999</v>
      </c>
      <c r="H1169">
        <v>37067.471899999997</v>
      </c>
      <c r="I1169">
        <v>27263.619139999999</v>
      </c>
      <c r="J1169">
        <v>37735.774689999998</v>
      </c>
      <c r="K1169">
        <v>46252.151169999997</v>
      </c>
      <c r="L1169">
        <v>26355.456600000001</v>
      </c>
      <c r="M1169">
        <v>206512.4173</v>
      </c>
      <c r="N1169">
        <v>75494.01728</v>
      </c>
      <c r="O1169">
        <v>20690.941149999999</v>
      </c>
      <c r="P1169">
        <v>37547.509310000001</v>
      </c>
      <c r="Q1169">
        <v>44630.981809999997</v>
      </c>
      <c r="R1169">
        <v>18223.890350000001</v>
      </c>
      <c r="S1169">
        <v>89194.542379999999</v>
      </c>
      <c r="T1169">
        <v>31690.335620000002</v>
      </c>
      <c r="U1169">
        <v>13779.25323</v>
      </c>
      <c r="W1169" s="83">
        <f>Bühler!N1201</f>
        <v>45340.62499999717</v>
      </c>
      <c r="X1169" s="83">
        <v>43149.625</v>
      </c>
      <c r="Y1169">
        <v>164325.4584</v>
      </c>
      <c r="Z1169">
        <v>17554.353360000001</v>
      </c>
      <c r="AA1169">
        <v>44586.380729999997</v>
      </c>
      <c r="AB1169">
        <v>37776.922409999999</v>
      </c>
      <c r="AC1169">
        <v>37067.471899999997</v>
      </c>
      <c r="AD1169">
        <v>27263.619139999999</v>
      </c>
      <c r="AE1169">
        <v>37735.774689999998</v>
      </c>
      <c r="AF1169">
        <v>46252.151169999997</v>
      </c>
      <c r="AG1169">
        <v>26355.456600000001</v>
      </c>
      <c r="AH1169">
        <v>206512.4173</v>
      </c>
      <c r="AI1169">
        <v>75494.01728</v>
      </c>
      <c r="AJ1169">
        <v>20690.941149999999</v>
      </c>
      <c r="AK1169">
        <v>37547.509310000001</v>
      </c>
      <c r="AL1169">
        <v>44630.981809999997</v>
      </c>
      <c r="AM1169">
        <v>18223.890350000001</v>
      </c>
      <c r="AN1169">
        <v>89194.542379999999</v>
      </c>
      <c r="AO1169">
        <v>31690.335620000002</v>
      </c>
      <c r="AP1169">
        <v>13779.25323</v>
      </c>
    </row>
    <row r="1170" spans="2:42" x14ac:dyDescent="0.3">
      <c r="B1170">
        <v>40.090751883163101</v>
      </c>
      <c r="C1170" s="83">
        <v>43149.666666666664</v>
      </c>
      <c r="D1170">
        <v>164989.6225</v>
      </c>
      <c r="E1170">
        <v>17582.66834</v>
      </c>
      <c r="F1170">
        <v>44584.503900000003</v>
      </c>
      <c r="G1170">
        <v>38220.009639999997</v>
      </c>
      <c r="H1170">
        <v>36488.783819999997</v>
      </c>
      <c r="I1170">
        <v>27380.74439</v>
      </c>
      <c r="J1170">
        <v>37490.100559999999</v>
      </c>
      <c r="K1170">
        <v>46441.187850000002</v>
      </c>
      <c r="L1170">
        <v>25358.758860000002</v>
      </c>
      <c r="M1170">
        <v>204401.34909999999</v>
      </c>
      <c r="N1170">
        <v>73544.383679999999</v>
      </c>
      <c r="O1170">
        <v>21490.01887</v>
      </c>
      <c r="P1170">
        <v>36546.315119999999</v>
      </c>
      <c r="Q1170">
        <v>45241.580190000001</v>
      </c>
      <c r="R1170">
        <v>18485.40281</v>
      </c>
      <c r="S1170">
        <v>90832.882249999995</v>
      </c>
      <c r="T1170">
        <v>31389.641500000002</v>
      </c>
      <c r="U1170">
        <v>14199.516540000001</v>
      </c>
      <c r="W1170" s="83">
        <f>Bühler!N1202</f>
        <v>45340.666666663834</v>
      </c>
      <c r="X1170" s="83">
        <v>43149.666666666664</v>
      </c>
      <c r="Y1170">
        <v>164989.6225</v>
      </c>
      <c r="Z1170">
        <v>17582.66834</v>
      </c>
      <c r="AA1170">
        <v>44584.503900000003</v>
      </c>
      <c r="AB1170">
        <v>38220.009639999997</v>
      </c>
      <c r="AC1170">
        <v>36488.783819999997</v>
      </c>
      <c r="AD1170">
        <v>27380.74439</v>
      </c>
      <c r="AE1170">
        <v>37490.100559999999</v>
      </c>
      <c r="AF1170">
        <v>46441.187850000002</v>
      </c>
      <c r="AG1170">
        <v>25358.758860000002</v>
      </c>
      <c r="AH1170">
        <v>204401.34909999999</v>
      </c>
      <c r="AI1170">
        <v>73544.383679999999</v>
      </c>
      <c r="AJ1170">
        <v>21490.01887</v>
      </c>
      <c r="AK1170">
        <v>36546.315119999999</v>
      </c>
      <c r="AL1170">
        <v>45241.580190000001</v>
      </c>
      <c r="AM1170">
        <v>18485.40281</v>
      </c>
      <c r="AN1170">
        <v>90832.882249999995</v>
      </c>
      <c r="AO1170">
        <v>31389.641500000002</v>
      </c>
      <c r="AP1170">
        <v>14199.516540000001</v>
      </c>
    </row>
    <row r="1171" spans="2:42" x14ac:dyDescent="0.3">
      <c r="B1171">
        <v>40.456255090405072</v>
      </c>
      <c r="C1171" s="83">
        <v>43149.708333333336</v>
      </c>
      <c r="D1171">
        <v>166245.74770000001</v>
      </c>
      <c r="E1171">
        <v>17722.531729999999</v>
      </c>
      <c r="F1171">
        <v>45165.486949999999</v>
      </c>
      <c r="G1171">
        <v>38856.83655</v>
      </c>
      <c r="H1171">
        <v>36910.1783</v>
      </c>
      <c r="I1171">
        <v>28106.279989999999</v>
      </c>
      <c r="J1171">
        <v>38474.472909999997</v>
      </c>
      <c r="K1171">
        <v>45655.707439999998</v>
      </c>
      <c r="L1171">
        <v>25795.7837</v>
      </c>
      <c r="M1171">
        <v>206264.85490000001</v>
      </c>
      <c r="N1171">
        <v>68850.159</v>
      </c>
      <c r="O1171">
        <v>22030.461289999999</v>
      </c>
      <c r="P1171">
        <v>37208.235979999998</v>
      </c>
      <c r="Q1171">
        <v>45798.319040000002</v>
      </c>
      <c r="R1171">
        <v>20713.444090000001</v>
      </c>
      <c r="S1171">
        <v>94017.361770000003</v>
      </c>
      <c r="T1171">
        <v>31351.131600000001</v>
      </c>
      <c r="U1171">
        <v>14498.323119999999</v>
      </c>
      <c r="W1171" s="83">
        <f>Bühler!N1203</f>
        <v>45340.708333330498</v>
      </c>
      <c r="X1171" s="83">
        <v>43149.708333333336</v>
      </c>
      <c r="Y1171">
        <v>166245.74770000001</v>
      </c>
      <c r="Z1171">
        <v>17722.531729999999</v>
      </c>
      <c r="AA1171">
        <v>45165.486949999999</v>
      </c>
      <c r="AB1171">
        <v>38856.83655</v>
      </c>
      <c r="AC1171">
        <v>36910.1783</v>
      </c>
      <c r="AD1171">
        <v>28106.279989999999</v>
      </c>
      <c r="AE1171">
        <v>38474.472909999997</v>
      </c>
      <c r="AF1171">
        <v>45655.707439999998</v>
      </c>
      <c r="AG1171">
        <v>25795.7837</v>
      </c>
      <c r="AH1171">
        <v>206264.85490000001</v>
      </c>
      <c r="AI1171">
        <v>68850.159</v>
      </c>
      <c r="AJ1171">
        <v>22030.461289999999</v>
      </c>
      <c r="AK1171">
        <v>37208.235979999998</v>
      </c>
      <c r="AL1171">
        <v>45798.319040000002</v>
      </c>
      <c r="AM1171">
        <v>20713.444090000001</v>
      </c>
      <c r="AN1171">
        <v>94017.361770000003</v>
      </c>
      <c r="AO1171">
        <v>31351.131600000001</v>
      </c>
      <c r="AP1171">
        <v>14498.323119999999</v>
      </c>
    </row>
    <row r="1172" spans="2:42" x14ac:dyDescent="0.3">
      <c r="B1172">
        <v>40.892757962197372</v>
      </c>
      <c r="C1172" s="83">
        <v>43149.75</v>
      </c>
      <c r="D1172">
        <v>169492.68179999999</v>
      </c>
      <c r="E1172">
        <v>17881.520960000002</v>
      </c>
      <c r="F1172">
        <v>45298.610180000003</v>
      </c>
      <c r="G1172">
        <v>40044.139260000004</v>
      </c>
      <c r="H1172">
        <v>38808.091030000003</v>
      </c>
      <c r="I1172">
        <v>29622.940119999999</v>
      </c>
      <c r="J1172">
        <v>41185.849649999996</v>
      </c>
      <c r="K1172">
        <v>46292.316590000002</v>
      </c>
      <c r="L1172">
        <v>28274.48517</v>
      </c>
      <c r="M1172">
        <v>208490.35010000001</v>
      </c>
      <c r="N1172">
        <v>69204.479819999993</v>
      </c>
      <c r="O1172">
        <v>23267.35643</v>
      </c>
      <c r="P1172">
        <v>39858.123249999997</v>
      </c>
      <c r="Q1172">
        <v>46694.03198</v>
      </c>
      <c r="R1172">
        <v>20073.79177</v>
      </c>
      <c r="S1172">
        <v>94536.581160000002</v>
      </c>
      <c r="T1172">
        <v>31440.01424</v>
      </c>
      <c r="U1172">
        <v>15617.84533</v>
      </c>
      <c r="W1172" s="83">
        <f>Bühler!N1204</f>
        <v>45340.749999997162</v>
      </c>
      <c r="X1172" s="83">
        <v>43149.75</v>
      </c>
      <c r="Y1172">
        <v>169492.68179999999</v>
      </c>
      <c r="Z1172">
        <v>17881.520960000002</v>
      </c>
      <c r="AA1172">
        <v>45298.610180000003</v>
      </c>
      <c r="AB1172">
        <v>40044.139260000004</v>
      </c>
      <c r="AC1172">
        <v>38808.091030000003</v>
      </c>
      <c r="AD1172">
        <v>29622.940119999999</v>
      </c>
      <c r="AE1172">
        <v>41185.849649999996</v>
      </c>
      <c r="AF1172">
        <v>46292.316590000002</v>
      </c>
      <c r="AG1172">
        <v>28274.48517</v>
      </c>
      <c r="AH1172">
        <v>208490.35010000001</v>
      </c>
      <c r="AI1172">
        <v>69204.479819999993</v>
      </c>
      <c r="AJ1172">
        <v>23267.35643</v>
      </c>
      <c r="AK1172">
        <v>39858.123249999997</v>
      </c>
      <c r="AL1172">
        <v>46694.03198</v>
      </c>
      <c r="AM1172">
        <v>20073.79177</v>
      </c>
      <c r="AN1172">
        <v>94536.581160000002</v>
      </c>
      <c r="AO1172">
        <v>31440.01424</v>
      </c>
      <c r="AP1172">
        <v>15617.84533</v>
      </c>
    </row>
    <row r="1173" spans="2:42" x14ac:dyDescent="0.3">
      <c r="B1173">
        <v>41.261953181651933</v>
      </c>
      <c r="C1173" s="83">
        <v>43149.791666666664</v>
      </c>
      <c r="D1173">
        <v>171831.6011</v>
      </c>
      <c r="E1173">
        <v>17398.143700000001</v>
      </c>
      <c r="F1173">
        <v>45559.473680000003</v>
      </c>
      <c r="G1173">
        <v>40944.775260000002</v>
      </c>
      <c r="H1173">
        <v>39129.321530000001</v>
      </c>
      <c r="I1173">
        <v>31196.002810000002</v>
      </c>
      <c r="J1173">
        <v>41963.503819999998</v>
      </c>
      <c r="K1173">
        <v>47297.24783</v>
      </c>
      <c r="L1173">
        <v>29761.642179999999</v>
      </c>
      <c r="M1173">
        <v>210372.6795</v>
      </c>
      <c r="N1173">
        <v>69716.869409999999</v>
      </c>
      <c r="O1173">
        <v>23150.174660000001</v>
      </c>
      <c r="P1173">
        <v>40691.841500000002</v>
      </c>
      <c r="Q1173">
        <v>47665.818879999999</v>
      </c>
      <c r="R1173">
        <v>21083.90768</v>
      </c>
      <c r="S1173">
        <v>94416.750700000004</v>
      </c>
      <c r="T1173">
        <v>31109.786240000001</v>
      </c>
      <c r="U1173">
        <v>16060.971509999999</v>
      </c>
      <c r="W1173" s="83">
        <f>Bühler!N1205</f>
        <v>45340.791666663827</v>
      </c>
      <c r="X1173" s="83">
        <v>43149.791666666664</v>
      </c>
      <c r="Y1173">
        <v>171831.6011</v>
      </c>
      <c r="Z1173">
        <v>17398.143700000001</v>
      </c>
      <c r="AA1173">
        <v>45559.473680000003</v>
      </c>
      <c r="AB1173">
        <v>40944.775260000002</v>
      </c>
      <c r="AC1173">
        <v>39129.321530000001</v>
      </c>
      <c r="AD1173">
        <v>31196.002810000002</v>
      </c>
      <c r="AE1173">
        <v>41963.503819999998</v>
      </c>
      <c r="AF1173">
        <v>47297.24783</v>
      </c>
      <c r="AG1173">
        <v>29761.642179999999</v>
      </c>
      <c r="AH1173">
        <v>210372.6795</v>
      </c>
      <c r="AI1173">
        <v>69716.869409999999</v>
      </c>
      <c r="AJ1173">
        <v>23150.174660000001</v>
      </c>
      <c r="AK1173">
        <v>40691.841500000002</v>
      </c>
      <c r="AL1173">
        <v>47665.818879999999</v>
      </c>
      <c r="AM1173">
        <v>21083.90768</v>
      </c>
      <c r="AN1173">
        <v>94416.750700000004</v>
      </c>
      <c r="AO1173">
        <v>31109.786240000001</v>
      </c>
      <c r="AP1173">
        <v>16060.971509999999</v>
      </c>
    </row>
    <row r="1174" spans="2:42" x14ac:dyDescent="0.3">
      <c r="B1174">
        <v>40.93160238848499</v>
      </c>
      <c r="C1174" s="83">
        <v>43149.833333333336</v>
      </c>
      <c r="D1174">
        <v>173095.41310000001</v>
      </c>
      <c r="E1174">
        <v>16636.364610000001</v>
      </c>
      <c r="F1174">
        <v>45914.556109999998</v>
      </c>
      <c r="G1174">
        <v>41403.994100000004</v>
      </c>
      <c r="H1174">
        <v>39317.279040000001</v>
      </c>
      <c r="I1174">
        <v>29198.923289999999</v>
      </c>
      <c r="J1174">
        <v>41114.467449999996</v>
      </c>
      <c r="K1174">
        <v>47778.020270000001</v>
      </c>
      <c r="L1174">
        <v>29004.631860000001</v>
      </c>
      <c r="M1174">
        <v>208688.3971</v>
      </c>
      <c r="N1174">
        <v>70096.912729999996</v>
      </c>
      <c r="O1174">
        <v>22891.677670000001</v>
      </c>
      <c r="P1174">
        <v>40909.360639999999</v>
      </c>
      <c r="Q1174">
        <v>49191.297120000003</v>
      </c>
      <c r="R1174">
        <v>20189.182720000001</v>
      </c>
      <c r="S1174">
        <v>88277.311969999995</v>
      </c>
      <c r="T1174">
        <v>28845.650860000002</v>
      </c>
      <c r="U1174">
        <v>16186.373600000001</v>
      </c>
      <c r="W1174" s="83">
        <f>Bühler!N1206</f>
        <v>45340.833333330491</v>
      </c>
      <c r="X1174" s="83">
        <v>43149.833333333336</v>
      </c>
      <c r="Y1174">
        <v>173095.41310000001</v>
      </c>
      <c r="Z1174">
        <v>16636.364610000001</v>
      </c>
      <c r="AA1174">
        <v>45914.556109999998</v>
      </c>
      <c r="AB1174">
        <v>41403.994100000004</v>
      </c>
      <c r="AC1174">
        <v>39317.279040000001</v>
      </c>
      <c r="AD1174">
        <v>29198.923289999999</v>
      </c>
      <c r="AE1174">
        <v>41114.467449999996</v>
      </c>
      <c r="AF1174">
        <v>47778.020270000001</v>
      </c>
      <c r="AG1174">
        <v>29004.631860000001</v>
      </c>
      <c r="AH1174">
        <v>208688.3971</v>
      </c>
      <c r="AI1174">
        <v>70096.912729999996</v>
      </c>
      <c r="AJ1174">
        <v>22891.677670000001</v>
      </c>
      <c r="AK1174">
        <v>40909.360639999999</v>
      </c>
      <c r="AL1174">
        <v>49191.297120000003</v>
      </c>
      <c r="AM1174">
        <v>20189.182720000001</v>
      </c>
      <c r="AN1174">
        <v>88277.311969999995</v>
      </c>
      <c r="AO1174">
        <v>28845.650860000002</v>
      </c>
      <c r="AP1174">
        <v>16186.373600000001</v>
      </c>
    </row>
    <row r="1175" spans="2:42" x14ac:dyDescent="0.3">
      <c r="B1175">
        <v>41.540478684176939</v>
      </c>
      <c r="C1175" s="83">
        <v>43149.875</v>
      </c>
      <c r="D1175">
        <v>175653.35690000001</v>
      </c>
      <c r="E1175">
        <v>16318.942789999999</v>
      </c>
      <c r="F1175">
        <v>46232.981520000001</v>
      </c>
      <c r="G1175">
        <v>40942.801399999997</v>
      </c>
      <c r="H1175">
        <v>39049.82415</v>
      </c>
      <c r="I1175">
        <v>27976.737079999999</v>
      </c>
      <c r="J1175">
        <v>39372.20897</v>
      </c>
      <c r="K1175">
        <v>48281.456630000001</v>
      </c>
      <c r="L1175">
        <v>26606.763340000001</v>
      </c>
      <c r="M1175">
        <v>211792.73240000001</v>
      </c>
      <c r="N1175">
        <v>70609.896470000007</v>
      </c>
      <c r="O1175">
        <v>22982.5887</v>
      </c>
      <c r="P1175">
        <v>39693.687960000003</v>
      </c>
      <c r="Q1175">
        <v>50363.949330000003</v>
      </c>
      <c r="R1175">
        <v>20211.38681</v>
      </c>
      <c r="S1175">
        <v>84803.127189999999</v>
      </c>
      <c r="T1175">
        <v>27557.060600000001</v>
      </c>
      <c r="U1175">
        <v>16415.331030000001</v>
      </c>
      <c r="W1175" s="83">
        <f>Bühler!N1207</f>
        <v>45340.874999997155</v>
      </c>
      <c r="X1175" s="83">
        <v>43149.875</v>
      </c>
      <c r="Y1175">
        <v>175653.35690000001</v>
      </c>
      <c r="Z1175">
        <v>16318.942789999999</v>
      </c>
      <c r="AA1175">
        <v>46232.981520000001</v>
      </c>
      <c r="AB1175">
        <v>40942.801399999997</v>
      </c>
      <c r="AC1175">
        <v>39049.82415</v>
      </c>
      <c r="AD1175">
        <v>27976.737079999999</v>
      </c>
      <c r="AE1175">
        <v>39372.20897</v>
      </c>
      <c r="AF1175">
        <v>48281.456630000001</v>
      </c>
      <c r="AG1175">
        <v>26606.763340000001</v>
      </c>
      <c r="AH1175">
        <v>211792.73240000001</v>
      </c>
      <c r="AI1175">
        <v>70609.896470000007</v>
      </c>
      <c r="AJ1175">
        <v>22982.5887</v>
      </c>
      <c r="AK1175">
        <v>39693.687960000003</v>
      </c>
      <c r="AL1175">
        <v>50363.949330000003</v>
      </c>
      <c r="AM1175">
        <v>20211.38681</v>
      </c>
      <c r="AN1175">
        <v>84803.127189999999</v>
      </c>
      <c r="AO1175">
        <v>27557.060600000001</v>
      </c>
      <c r="AP1175">
        <v>16415.331030000001</v>
      </c>
    </row>
    <row r="1176" spans="2:42" x14ac:dyDescent="0.3">
      <c r="B1176">
        <v>41.954621459353149</v>
      </c>
      <c r="C1176" s="83">
        <v>43149.916666666664</v>
      </c>
      <c r="D1176">
        <v>177587.28049999999</v>
      </c>
      <c r="E1176">
        <v>16413.718970000002</v>
      </c>
      <c r="F1176">
        <v>45782.669260000002</v>
      </c>
      <c r="G1176">
        <v>41466.624409999997</v>
      </c>
      <c r="H1176">
        <v>39418.183989999998</v>
      </c>
      <c r="I1176">
        <v>28008.18662</v>
      </c>
      <c r="J1176">
        <v>38314.065390000003</v>
      </c>
      <c r="K1176">
        <v>50414.778509999996</v>
      </c>
      <c r="L1176">
        <v>23856.471720000001</v>
      </c>
      <c r="M1176">
        <v>213904.2254</v>
      </c>
      <c r="N1176">
        <v>72141.357329999999</v>
      </c>
      <c r="O1176">
        <v>24103.919880000001</v>
      </c>
      <c r="P1176">
        <v>37469.132570000002</v>
      </c>
      <c r="Q1176">
        <v>53418.219770000003</v>
      </c>
      <c r="R1176">
        <v>28517.679179999999</v>
      </c>
      <c r="S1176">
        <v>85088.690749999994</v>
      </c>
      <c r="T1176">
        <v>26780.60151</v>
      </c>
      <c r="U1176">
        <v>17316.664509999999</v>
      </c>
      <c r="W1176" s="83">
        <f>Bühler!N1208</f>
        <v>45340.916666663819</v>
      </c>
      <c r="X1176" s="83">
        <v>43149.916666666664</v>
      </c>
      <c r="Y1176">
        <v>177587.28049999999</v>
      </c>
      <c r="Z1176">
        <v>16413.718970000002</v>
      </c>
      <c r="AA1176">
        <v>45782.669260000002</v>
      </c>
      <c r="AB1176">
        <v>41466.624409999997</v>
      </c>
      <c r="AC1176">
        <v>39418.183989999998</v>
      </c>
      <c r="AD1176">
        <v>28008.18662</v>
      </c>
      <c r="AE1176">
        <v>38314.065390000003</v>
      </c>
      <c r="AF1176">
        <v>50414.778509999996</v>
      </c>
      <c r="AG1176">
        <v>23856.471720000001</v>
      </c>
      <c r="AH1176">
        <v>213904.2254</v>
      </c>
      <c r="AI1176">
        <v>72141.357329999999</v>
      </c>
      <c r="AJ1176">
        <v>24103.919880000001</v>
      </c>
      <c r="AK1176">
        <v>37469.132570000002</v>
      </c>
      <c r="AL1176">
        <v>53418.219770000003</v>
      </c>
      <c r="AM1176">
        <v>28517.679179999999</v>
      </c>
      <c r="AN1176">
        <v>85088.690749999994</v>
      </c>
      <c r="AO1176">
        <v>26780.60151</v>
      </c>
      <c r="AP1176">
        <v>17316.664509999999</v>
      </c>
    </row>
    <row r="1177" spans="2:42" x14ac:dyDescent="0.3">
      <c r="B1177">
        <v>42.040597274549341</v>
      </c>
      <c r="C1177" s="83">
        <v>43149.958333333336</v>
      </c>
      <c r="D1177">
        <v>181009.2077</v>
      </c>
      <c r="E1177">
        <v>16530.633750000001</v>
      </c>
      <c r="F1177">
        <v>45445.281479999998</v>
      </c>
      <c r="G1177">
        <v>42347.795010000002</v>
      </c>
      <c r="H1177">
        <v>39524.720650000003</v>
      </c>
      <c r="I1177">
        <v>27566.783510000001</v>
      </c>
      <c r="J1177">
        <v>36375.439720000002</v>
      </c>
      <c r="K1177">
        <v>49600.815049999997</v>
      </c>
      <c r="L1177">
        <v>20279.697120000001</v>
      </c>
      <c r="M1177">
        <v>214342.57019999999</v>
      </c>
      <c r="N1177">
        <v>72215.495980000007</v>
      </c>
      <c r="O1177">
        <v>24341.232329999999</v>
      </c>
      <c r="P1177">
        <v>35849.811979999999</v>
      </c>
      <c r="Q1177">
        <v>54482.8217</v>
      </c>
      <c r="R1177">
        <v>31059.452209999999</v>
      </c>
      <c r="S1177">
        <v>83987.9948</v>
      </c>
      <c r="T1177">
        <v>28803.184700000002</v>
      </c>
      <c r="U1177">
        <v>16852.11866</v>
      </c>
      <c r="W1177" s="83">
        <f>Bühler!N1209</f>
        <v>45340.958333330484</v>
      </c>
      <c r="X1177" s="83">
        <v>43149.958333333336</v>
      </c>
      <c r="Y1177">
        <v>181009.2077</v>
      </c>
      <c r="Z1177">
        <v>16530.633750000001</v>
      </c>
      <c r="AA1177">
        <v>45445.281479999998</v>
      </c>
      <c r="AB1177">
        <v>42347.795010000002</v>
      </c>
      <c r="AC1177">
        <v>39524.720650000003</v>
      </c>
      <c r="AD1177">
        <v>27566.783510000001</v>
      </c>
      <c r="AE1177">
        <v>36375.439720000002</v>
      </c>
      <c r="AF1177">
        <v>49600.815049999997</v>
      </c>
      <c r="AG1177">
        <v>20279.697120000001</v>
      </c>
      <c r="AH1177">
        <v>214342.57019999999</v>
      </c>
      <c r="AI1177">
        <v>72215.495980000007</v>
      </c>
      <c r="AJ1177">
        <v>24341.232329999999</v>
      </c>
      <c r="AK1177">
        <v>35849.811979999999</v>
      </c>
      <c r="AL1177">
        <v>54482.8217</v>
      </c>
      <c r="AM1177">
        <v>31059.452209999999</v>
      </c>
      <c r="AN1177">
        <v>83987.9948</v>
      </c>
      <c r="AO1177">
        <v>28803.184700000002</v>
      </c>
      <c r="AP1177">
        <v>16852.11866</v>
      </c>
    </row>
    <row r="1178" spans="2:42" x14ac:dyDescent="0.3">
      <c r="B1178">
        <v>41.668184656194839</v>
      </c>
      <c r="C1178" s="83">
        <v>43150</v>
      </c>
      <c r="D1178">
        <v>184288.9265</v>
      </c>
      <c r="E1178">
        <v>16409.013729999999</v>
      </c>
      <c r="F1178">
        <v>46148.580999999998</v>
      </c>
      <c r="G1178">
        <v>41692.831980000003</v>
      </c>
      <c r="H1178">
        <v>39699.88465</v>
      </c>
      <c r="I1178">
        <v>25893.31652</v>
      </c>
      <c r="J1178">
        <v>34315.369850000003</v>
      </c>
      <c r="K1178">
        <v>48699.64301</v>
      </c>
      <c r="L1178">
        <v>19134.191750000002</v>
      </c>
      <c r="M1178">
        <v>212443.837</v>
      </c>
      <c r="N1178">
        <v>71509.751990000004</v>
      </c>
      <c r="O1178">
        <v>24610.470740000001</v>
      </c>
      <c r="P1178">
        <v>33659.387669999996</v>
      </c>
      <c r="Q1178">
        <v>57654.417750000001</v>
      </c>
      <c r="R1178">
        <v>27037.797699999999</v>
      </c>
      <c r="S1178">
        <v>83686.575079999995</v>
      </c>
      <c r="T1178">
        <v>28109.22091</v>
      </c>
      <c r="U1178">
        <v>16414.55744</v>
      </c>
      <c r="W1178" s="83">
        <f>Bühler!N1210</f>
        <v>45340.999999997148</v>
      </c>
      <c r="X1178" s="83">
        <v>43150</v>
      </c>
      <c r="Y1178">
        <v>184288.9265</v>
      </c>
      <c r="Z1178">
        <v>16409.013729999999</v>
      </c>
      <c r="AA1178">
        <v>46148.580999999998</v>
      </c>
      <c r="AB1178">
        <v>41692.831980000003</v>
      </c>
      <c r="AC1178">
        <v>39699.88465</v>
      </c>
      <c r="AD1178">
        <v>25893.31652</v>
      </c>
      <c r="AE1178">
        <v>34315.369850000003</v>
      </c>
      <c r="AF1178">
        <v>48699.64301</v>
      </c>
      <c r="AG1178">
        <v>19134.191750000002</v>
      </c>
      <c r="AH1178">
        <v>212443.837</v>
      </c>
      <c r="AI1178">
        <v>71509.751990000004</v>
      </c>
      <c r="AJ1178">
        <v>24610.470740000001</v>
      </c>
      <c r="AK1178">
        <v>33659.387669999996</v>
      </c>
      <c r="AL1178">
        <v>57654.417750000001</v>
      </c>
      <c r="AM1178">
        <v>27037.797699999999</v>
      </c>
      <c r="AN1178">
        <v>83686.575079999995</v>
      </c>
      <c r="AO1178">
        <v>28109.22091</v>
      </c>
      <c r="AP1178">
        <v>16414.55744</v>
      </c>
    </row>
    <row r="1179" spans="2:42" x14ac:dyDescent="0.3">
      <c r="B1179">
        <v>42.310377951275832</v>
      </c>
      <c r="C1179" s="83">
        <v>43150.041666666664</v>
      </c>
      <c r="D1179">
        <v>184681.3224</v>
      </c>
      <c r="E1179">
        <v>16678.494149999999</v>
      </c>
      <c r="F1179">
        <v>46497.096409999998</v>
      </c>
      <c r="G1179">
        <v>41995.478499999997</v>
      </c>
      <c r="H1179">
        <v>39179.340100000001</v>
      </c>
      <c r="I1179">
        <v>21498.18346</v>
      </c>
      <c r="J1179">
        <v>33785.94801</v>
      </c>
      <c r="K1179">
        <v>46404.057330000003</v>
      </c>
      <c r="L1179">
        <v>19248.11493</v>
      </c>
      <c r="M1179">
        <v>215718.0379</v>
      </c>
      <c r="N1179">
        <v>70939.113079999996</v>
      </c>
      <c r="O1179">
        <v>24887.323550000001</v>
      </c>
      <c r="P1179">
        <v>32940.087579999999</v>
      </c>
      <c r="Q1179">
        <v>61464.626960000001</v>
      </c>
      <c r="R1179">
        <v>25105.138930000001</v>
      </c>
      <c r="S1179">
        <v>83108.621459999995</v>
      </c>
      <c r="T1179">
        <v>27835.332020000002</v>
      </c>
      <c r="U1179">
        <v>16820.247340000002</v>
      </c>
      <c r="W1179" s="83">
        <f>Bühler!N1211</f>
        <v>45341.041666663812</v>
      </c>
      <c r="X1179" s="83">
        <v>43150.041666666664</v>
      </c>
      <c r="Y1179">
        <v>184681.3224</v>
      </c>
      <c r="Z1179">
        <v>16678.494149999999</v>
      </c>
      <c r="AA1179">
        <v>46497.096409999998</v>
      </c>
      <c r="AB1179">
        <v>41995.478499999997</v>
      </c>
      <c r="AC1179">
        <v>39179.340100000001</v>
      </c>
      <c r="AD1179">
        <v>21498.18346</v>
      </c>
      <c r="AE1179">
        <v>33785.94801</v>
      </c>
      <c r="AF1179">
        <v>46404.057330000003</v>
      </c>
      <c r="AG1179">
        <v>19248.11493</v>
      </c>
      <c r="AH1179">
        <v>215718.0379</v>
      </c>
      <c r="AI1179">
        <v>70939.113079999996</v>
      </c>
      <c r="AJ1179">
        <v>24887.323550000001</v>
      </c>
      <c r="AK1179">
        <v>32940.087579999999</v>
      </c>
      <c r="AL1179">
        <v>61464.626960000001</v>
      </c>
      <c r="AM1179">
        <v>25105.138930000001</v>
      </c>
      <c r="AN1179">
        <v>83108.621459999995</v>
      </c>
      <c r="AO1179">
        <v>27835.332020000002</v>
      </c>
      <c r="AP1179">
        <v>16820.247340000002</v>
      </c>
    </row>
    <row r="1180" spans="2:42" x14ac:dyDescent="0.3">
      <c r="B1180">
        <v>43.367303865575991</v>
      </c>
      <c r="C1180" s="83">
        <v>43150.083333333336</v>
      </c>
      <c r="D1180">
        <v>186170.34589999999</v>
      </c>
      <c r="E1180">
        <v>16829.584129999999</v>
      </c>
      <c r="F1180">
        <v>47649.608950000002</v>
      </c>
      <c r="G1180">
        <v>41473.434229999999</v>
      </c>
      <c r="H1180">
        <v>39493.114939999999</v>
      </c>
      <c r="I1180">
        <v>19943.858690000001</v>
      </c>
      <c r="J1180">
        <v>33951.403460000001</v>
      </c>
      <c r="K1180">
        <v>44761.972199999997</v>
      </c>
      <c r="L1180">
        <v>18974.580399999999</v>
      </c>
      <c r="M1180">
        <v>221106.73910000001</v>
      </c>
      <c r="N1180">
        <v>69237.482440000007</v>
      </c>
      <c r="O1180">
        <v>24997.023560000001</v>
      </c>
      <c r="P1180">
        <v>32611.831859999998</v>
      </c>
      <c r="Q1180">
        <v>62974.037049999999</v>
      </c>
      <c r="R1180">
        <v>25592.435809999999</v>
      </c>
      <c r="S1180">
        <v>82297.794500000004</v>
      </c>
      <c r="T1180">
        <v>27906.203730000001</v>
      </c>
      <c r="U1180">
        <v>17349.447260000001</v>
      </c>
      <c r="W1180" s="83">
        <f>Bühler!N1212</f>
        <v>45341.083333330476</v>
      </c>
      <c r="X1180" s="83">
        <v>43150.083333333336</v>
      </c>
      <c r="Y1180">
        <v>186170.34589999999</v>
      </c>
      <c r="Z1180">
        <v>16829.584129999999</v>
      </c>
      <c r="AA1180">
        <v>47649.608950000002</v>
      </c>
      <c r="AB1180">
        <v>41473.434229999999</v>
      </c>
      <c r="AC1180">
        <v>39493.114939999999</v>
      </c>
      <c r="AD1180">
        <v>19943.858690000001</v>
      </c>
      <c r="AE1180">
        <v>33951.403460000001</v>
      </c>
      <c r="AF1180">
        <v>44761.972199999997</v>
      </c>
      <c r="AG1180">
        <v>18974.580399999999</v>
      </c>
      <c r="AH1180">
        <v>221106.73910000001</v>
      </c>
      <c r="AI1180">
        <v>69237.482440000007</v>
      </c>
      <c r="AJ1180">
        <v>24997.023560000001</v>
      </c>
      <c r="AK1180">
        <v>32611.831859999998</v>
      </c>
      <c r="AL1180">
        <v>62974.037049999999</v>
      </c>
      <c r="AM1180">
        <v>25592.435809999999</v>
      </c>
      <c r="AN1180">
        <v>82297.794500000004</v>
      </c>
      <c r="AO1180">
        <v>27906.203730000001</v>
      </c>
      <c r="AP1180">
        <v>17349.447260000001</v>
      </c>
    </row>
    <row r="1181" spans="2:42" x14ac:dyDescent="0.3">
      <c r="B1181">
        <v>44.610513445649197</v>
      </c>
      <c r="C1181" s="83">
        <v>43150.125</v>
      </c>
      <c r="D1181">
        <v>191303.5264</v>
      </c>
      <c r="E1181">
        <v>17096.551019999999</v>
      </c>
      <c r="F1181">
        <v>49925.31755</v>
      </c>
      <c r="G1181">
        <v>40826.592100000002</v>
      </c>
      <c r="H1181">
        <v>40279.768790000002</v>
      </c>
      <c r="I1181">
        <v>20111.203850000002</v>
      </c>
      <c r="J1181">
        <v>35062.054790000002</v>
      </c>
      <c r="K1181">
        <v>44635.382559999998</v>
      </c>
      <c r="L1181">
        <v>18982.22118</v>
      </c>
      <c r="M1181">
        <v>227445.20129999999</v>
      </c>
      <c r="N1181">
        <v>70415.424230000004</v>
      </c>
      <c r="O1181">
        <v>25305.767930000002</v>
      </c>
      <c r="P1181">
        <v>32845.386449999998</v>
      </c>
      <c r="Q1181">
        <v>68946.855450000003</v>
      </c>
      <c r="R1181">
        <v>26098.24684</v>
      </c>
      <c r="S1181">
        <v>81635.838099999994</v>
      </c>
      <c r="T1181">
        <v>28055.50808</v>
      </c>
      <c r="U1181">
        <v>17739.203440000001</v>
      </c>
      <c r="W1181" s="83">
        <f>Bühler!N1213</f>
        <v>45341.124999997141</v>
      </c>
      <c r="X1181" s="83">
        <v>43150.125</v>
      </c>
      <c r="Y1181">
        <v>191303.5264</v>
      </c>
      <c r="Z1181">
        <v>17096.551019999999</v>
      </c>
      <c r="AA1181">
        <v>49925.31755</v>
      </c>
      <c r="AB1181">
        <v>40826.592100000002</v>
      </c>
      <c r="AC1181">
        <v>40279.768790000002</v>
      </c>
      <c r="AD1181">
        <v>20111.203850000002</v>
      </c>
      <c r="AE1181">
        <v>35062.054790000002</v>
      </c>
      <c r="AF1181">
        <v>44635.382559999998</v>
      </c>
      <c r="AG1181">
        <v>18982.22118</v>
      </c>
      <c r="AH1181">
        <v>227445.20129999999</v>
      </c>
      <c r="AI1181">
        <v>70415.424230000004</v>
      </c>
      <c r="AJ1181">
        <v>25305.767930000002</v>
      </c>
      <c r="AK1181">
        <v>32845.386449999998</v>
      </c>
      <c r="AL1181">
        <v>68946.855450000003</v>
      </c>
      <c r="AM1181">
        <v>26098.24684</v>
      </c>
      <c r="AN1181">
        <v>81635.838099999994</v>
      </c>
      <c r="AO1181">
        <v>28055.50808</v>
      </c>
      <c r="AP1181">
        <v>17739.203440000001</v>
      </c>
    </row>
    <row r="1182" spans="2:42" x14ac:dyDescent="0.3">
      <c r="B1182">
        <v>47.613961399005007</v>
      </c>
      <c r="C1182" s="83">
        <v>43150.166666666664</v>
      </c>
      <c r="D1182">
        <v>203616.2867</v>
      </c>
      <c r="E1182">
        <v>18194.621449999999</v>
      </c>
      <c r="F1182">
        <v>53890.206449999998</v>
      </c>
      <c r="G1182">
        <v>40952.168790000003</v>
      </c>
      <c r="H1182">
        <v>41555.857109999997</v>
      </c>
      <c r="I1182">
        <v>23594.758829999999</v>
      </c>
      <c r="J1182">
        <v>37697.750480000002</v>
      </c>
      <c r="K1182">
        <v>44628.437030000001</v>
      </c>
      <c r="L1182">
        <v>18966.305369999998</v>
      </c>
      <c r="M1182">
        <v>242758.1796</v>
      </c>
      <c r="N1182">
        <v>71071.210130000007</v>
      </c>
      <c r="O1182">
        <v>25868.420750000001</v>
      </c>
      <c r="P1182">
        <v>32523.535820000001</v>
      </c>
      <c r="Q1182">
        <v>74338.624299999996</v>
      </c>
      <c r="R1182">
        <v>26290.986840000001</v>
      </c>
      <c r="S1182">
        <v>83272.659719999996</v>
      </c>
      <c r="T1182">
        <v>28361.062709999998</v>
      </c>
      <c r="U1182">
        <v>18951.384600000001</v>
      </c>
      <c r="W1182" s="83">
        <f>Bühler!N1214</f>
        <v>45341.166666663805</v>
      </c>
      <c r="X1182" s="83">
        <v>43150.166666666664</v>
      </c>
      <c r="Y1182">
        <v>203616.2867</v>
      </c>
      <c r="Z1182">
        <v>18194.621449999999</v>
      </c>
      <c r="AA1182">
        <v>53890.206449999998</v>
      </c>
      <c r="AB1182">
        <v>40952.168790000003</v>
      </c>
      <c r="AC1182">
        <v>41555.857109999997</v>
      </c>
      <c r="AD1182">
        <v>23594.758829999999</v>
      </c>
      <c r="AE1182">
        <v>37697.750480000002</v>
      </c>
      <c r="AF1182">
        <v>44628.437030000001</v>
      </c>
      <c r="AG1182">
        <v>18966.305369999998</v>
      </c>
      <c r="AH1182">
        <v>242758.1796</v>
      </c>
      <c r="AI1182">
        <v>71071.210130000007</v>
      </c>
      <c r="AJ1182">
        <v>25868.420750000001</v>
      </c>
      <c r="AK1182">
        <v>32523.535820000001</v>
      </c>
      <c r="AL1182">
        <v>74338.624299999996</v>
      </c>
      <c r="AM1182">
        <v>26290.986840000001</v>
      </c>
      <c r="AN1182">
        <v>83272.659719999996</v>
      </c>
      <c r="AO1182">
        <v>28361.062709999998</v>
      </c>
      <c r="AP1182">
        <v>18951.384600000001</v>
      </c>
    </row>
    <row r="1183" spans="2:42" x14ac:dyDescent="0.3">
      <c r="B1183">
        <v>53.426727927661268</v>
      </c>
      <c r="C1183" s="83">
        <v>43150.208333333336</v>
      </c>
      <c r="D1183">
        <v>234298.4037</v>
      </c>
      <c r="E1183">
        <v>20336.2202</v>
      </c>
      <c r="F1183">
        <v>65591.437009999994</v>
      </c>
      <c r="G1183">
        <v>43357.473709999998</v>
      </c>
      <c r="H1183">
        <v>43541.695189999999</v>
      </c>
      <c r="I1183">
        <v>33120.671690000003</v>
      </c>
      <c r="J1183">
        <v>40685.53656</v>
      </c>
      <c r="K1183">
        <v>45554.111989999998</v>
      </c>
      <c r="L1183">
        <v>19920.059710000001</v>
      </c>
      <c r="M1183">
        <v>272394.37410000002</v>
      </c>
      <c r="N1183">
        <v>73725.176359999998</v>
      </c>
      <c r="O1183">
        <v>26677.731739999999</v>
      </c>
      <c r="P1183">
        <v>33159.458010000002</v>
      </c>
      <c r="Q1183">
        <v>79417.587660000005</v>
      </c>
      <c r="R1183">
        <v>28711.770349999999</v>
      </c>
      <c r="S1183">
        <v>86251.325679999994</v>
      </c>
      <c r="T1183">
        <v>30021.57243</v>
      </c>
      <c r="U1183">
        <v>21305.775180000001</v>
      </c>
      <c r="W1183" s="83">
        <f>Bühler!N1215</f>
        <v>45341.208333330469</v>
      </c>
      <c r="X1183" s="83">
        <v>43150.208333333336</v>
      </c>
      <c r="Y1183">
        <v>234298.4037</v>
      </c>
      <c r="Z1183">
        <v>20336.2202</v>
      </c>
      <c r="AA1183">
        <v>65591.437009999994</v>
      </c>
      <c r="AB1183">
        <v>43357.473709999998</v>
      </c>
      <c r="AC1183">
        <v>43541.695189999999</v>
      </c>
      <c r="AD1183">
        <v>33120.671690000003</v>
      </c>
      <c r="AE1183">
        <v>40685.53656</v>
      </c>
      <c r="AF1183">
        <v>45554.111989999998</v>
      </c>
      <c r="AG1183">
        <v>19920.059710000001</v>
      </c>
      <c r="AH1183">
        <v>272394.37410000002</v>
      </c>
      <c r="AI1183">
        <v>73725.176359999998</v>
      </c>
      <c r="AJ1183">
        <v>26677.731739999999</v>
      </c>
      <c r="AK1183">
        <v>33159.458010000002</v>
      </c>
      <c r="AL1183">
        <v>79417.587660000005</v>
      </c>
      <c r="AM1183">
        <v>28711.770349999999</v>
      </c>
      <c r="AN1183">
        <v>86251.325679999994</v>
      </c>
      <c r="AO1183">
        <v>30021.57243</v>
      </c>
      <c r="AP1183">
        <v>21305.775180000001</v>
      </c>
    </row>
    <row r="1184" spans="2:42" x14ac:dyDescent="0.3">
      <c r="B1184">
        <v>58.922471357292807</v>
      </c>
      <c r="C1184" s="83">
        <v>43150.25</v>
      </c>
      <c r="D1184">
        <v>261547.11840000001</v>
      </c>
      <c r="E1184">
        <v>25059.69312</v>
      </c>
      <c r="F1184">
        <v>78809.949550000005</v>
      </c>
      <c r="G1184">
        <v>51408.688459999998</v>
      </c>
      <c r="H1184">
        <v>47284.385309999998</v>
      </c>
      <c r="I1184">
        <v>40686.549780000001</v>
      </c>
      <c r="J1184">
        <v>44486.250690000001</v>
      </c>
      <c r="K1184">
        <v>49222.701910000003</v>
      </c>
      <c r="L1184">
        <v>22778.857929999998</v>
      </c>
      <c r="M1184">
        <v>300414.23700000002</v>
      </c>
      <c r="N1184">
        <v>76880.932360000006</v>
      </c>
      <c r="O1184">
        <v>27253.881539999998</v>
      </c>
      <c r="P1184">
        <v>33394.100079999997</v>
      </c>
      <c r="Q1184">
        <v>82794.83077</v>
      </c>
      <c r="R1184">
        <v>20229.332600000002</v>
      </c>
      <c r="S1184">
        <v>93803.612009999997</v>
      </c>
      <c r="T1184">
        <v>32903.015399999997</v>
      </c>
      <c r="U1184">
        <v>22815.395759999999</v>
      </c>
      <c r="W1184" s="83">
        <f>Bühler!N1216</f>
        <v>45341.249999997133</v>
      </c>
      <c r="X1184" s="83">
        <v>43150.25</v>
      </c>
      <c r="Y1184">
        <v>261547.11840000001</v>
      </c>
      <c r="Z1184">
        <v>25059.69312</v>
      </c>
      <c r="AA1184">
        <v>78809.949550000005</v>
      </c>
      <c r="AB1184">
        <v>51408.688459999998</v>
      </c>
      <c r="AC1184">
        <v>47284.385309999998</v>
      </c>
      <c r="AD1184">
        <v>40686.549780000001</v>
      </c>
      <c r="AE1184">
        <v>44486.250690000001</v>
      </c>
      <c r="AF1184">
        <v>49222.701910000003</v>
      </c>
      <c r="AG1184">
        <v>22778.857929999998</v>
      </c>
      <c r="AH1184">
        <v>300414.23700000002</v>
      </c>
      <c r="AI1184">
        <v>76880.932360000006</v>
      </c>
      <c r="AJ1184">
        <v>27253.881539999998</v>
      </c>
      <c r="AK1184">
        <v>33394.100079999997</v>
      </c>
      <c r="AL1184">
        <v>82794.83077</v>
      </c>
      <c r="AM1184">
        <v>20229.332600000002</v>
      </c>
      <c r="AN1184">
        <v>93803.612009999997</v>
      </c>
      <c r="AO1184">
        <v>32903.015399999997</v>
      </c>
      <c r="AP1184">
        <v>22815.395759999999</v>
      </c>
    </row>
    <row r="1185" spans="2:42" x14ac:dyDescent="0.3">
      <c r="B1185">
        <v>62.292608011643921</v>
      </c>
      <c r="C1185" s="83">
        <v>43150.291666666664</v>
      </c>
      <c r="D1185">
        <v>281861.29389999999</v>
      </c>
      <c r="E1185">
        <v>30852.01427</v>
      </c>
      <c r="F1185">
        <v>83550.673840000003</v>
      </c>
      <c r="G1185">
        <v>61870.069389999997</v>
      </c>
      <c r="H1185">
        <v>53564.856</v>
      </c>
      <c r="I1185">
        <v>47638.331140000002</v>
      </c>
      <c r="J1185">
        <v>46475.655850000003</v>
      </c>
      <c r="K1185">
        <v>54587.560819999999</v>
      </c>
      <c r="L1185">
        <v>25851.186180000001</v>
      </c>
      <c r="M1185">
        <v>317596.76530000003</v>
      </c>
      <c r="N1185">
        <v>83740.941120000003</v>
      </c>
      <c r="O1185">
        <v>30746.398140000001</v>
      </c>
      <c r="P1185">
        <v>35566.901870000002</v>
      </c>
      <c r="Q1185">
        <v>84659.079100000003</v>
      </c>
      <c r="R1185">
        <v>22404.695059999998</v>
      </c>
      <c r="S1185">
        <v>110531.8661</v>
      </c>
      <c r="T1185">
        <v>33635.899160000001</v>
      </c>
      <c r="U1185">
        <v>28213.55128</v>
      </c>
      <c r="W1185" s="83">
        <f>Bühler!N1217</f>
        <v>45341.291666663798</v>
      </c>
      <c r="X1185" s="83">
        <v>43150.291666666664</v>
      </c>
      <c r="Y1185">
        <v>281861.29389999999</v>
      </c>
      <c r="Z1185">
        <v>30852.01427</v>
      </c>
      <c r="AA1185">
        <v>83550.673840000003</v>
      </c>
      <c r="AB1185">
        <v>61870.069389999997</v>
      </c>
      <c r="AC1185">
        <v>53564.856</v>
      </c>
      <c r="AD1185">
        <v>47638.331140000002</v>
      </c>
      <c r="AE1185">
        <v>46475.655850000003</v>
      </c>
      <c r="AF1185">
        <v>54587.560819999999</v>
      </c>
      <c r="AG1185">
        <v>25851.186180000001</v>
      </c>
      <c r="AH1185">
        <v>317596.76530000003</v>
      </c>
      <c r="AI1185">
        <v>83740.941120000003</v>
      </c>
      <c r="AJ1185">
        <v>30746.398140000001</v>
      </c>
      <c r="AK1185">
        <v>35566.901870000002</v>
      </c>
      <c r="AL1185">
        <v>84659.079100000003</v>
      </c>
      <c r="AM1185">
        <v>22404.695059999998</v>
      </c>
      <c r="AN1185">
        <v>110531.8661</v>
      </c>
      <c r="AO1185">
        <v>33635.899160000001</v>
      </c>
      <c r="AP1185">
        <v>28213.55128</v>
      </c>
    </row>
    <row r="1186" spans="2:42" x14ac:dyDescent="0.3">
      <c r="B1186">
        <v>63.058490835634913</v>
      </c>
      <c r="C1186" s="83">
        <v>43150.333333333336</v>
      </c>
      <c r="D1186">
        <v>299778.99200000003</v>
      </c>
      <c r="E1186">
        <v>37105.747689999997</v>
      </c>
      <c r="F1186">
        <v>88791.906449999995</v>
      </c>
      <c r="G1186">
        <v>69314.000610000003</v>
      </c>
      <c r="H1186">
        <v>57665.483059999999</v>
      </c>
      <c r="I1186">
        <v>50371.588539999997</v>
      </c>
      <c r="J1186">
        <v>46656.988960000002</v>
      </c>
      <c r="K1186">
        <v>58907.954420000002</v>
      </c>
      <c r="L1186">
        <v>28763.200959999998</v>
      </c>
      <c r="M1186">
        <v>321501.5931</v>
      </c>
      <c r="N1186">
        <v>93658.637489999994</v>
      </c>
      <c r="O1186">
        <v>32430.42324</v>
      </c>
      <c r="P1186">
        <v>38512.935559999998</v>
      </c>
      <c r="Q1186">
        <v>86940.971529999995</v>
      </c>
      <c r="R1186">
        <v>25123.524590000001</v>
      </c>
      <c r="S1186">
        <v>124494.2323</v>
      </c>
      <c r="T1186">
        <v>36547.986680000002</v>
      </c>
      <c r="U1186">
        <v>31190.229469999998</v>
      </c>
      <c r="W1186" s="83">
        <f>Bühler!N1218</f>
        <v>45341.333333330462</v>
      </c>
      <c r="X1186" s="83">
        <v>43150.333333333336</v>
      </c>
      <c r="Y1186">
        <v>299778.99200000003</v>
      </c>
      <c r="Z1186">
        <v>37105.747689999997</v>
      </c>
      <c r="AA1186">
        <v>88791.906449999995</v>
      </c>
      <c r="AB1186">
        <v>69314.000610000003</v>
      </c>
      <c r="AC1186">
        <v>57665.483059999999</v>
      </c>
      <c r="AD1186">
        <v>50371.588539999997</v>
      </c>
      <c r="AE1186">
        <v>46656.988960000002</v>
      </c>
      <c r="AF1186">
        <v>58907.954420000002</v>
      </c>
      <c r="AG1186">
        <v>28763.200959999998</v>
      </c>
      <c r="AH1186">
        <v>321501.5931</v>
      </c>
      <c r="AI1186">
        <v>93658.637489999994</v>
      </c>
      <c r="AJ1186">
        <v>32430.42324</v>
      </c>
      <c r="AK1186">
        <v>38512.935559999998</v>
      </c>
      <c r="AL1186">
        <v>86940.971529999995</v>
      </c>
      <c r="AM1186">
        <v>25123.524590000001</v>
      </c>
      <c r="AN1186">
        <v>124494.2323</v>
      </c>
      <c r="AO1186">
        <v>36547.986680000002</v>
      </c>
      <c r="AP1186">
        <v>31190.229469999998</v>
      </c>
    </row>
    <row r="1187" spans="2:42" x14ac:dyDescent="0.3">
      <c r="B1187">
        <v>63.213871031730534</v>
      </c>
      <c r="C1187" s="83">
        <v>43150.375</v>
      </c>
      <c r="D1187">
        <v>301899.37819999998</v>
      </c>
      <c r="E1187">
        <v>41019.81684</v>
      </c>
      <c r="F1187">
        <v>94216.097099999999</v>
      </c>
      <c r="G1187">
        <v>74566.409379999997</v>
      </c>
      <c r="H1187">
        <v>59776.081440000002</v>
      </c>
      <c r="I1187">
        <v>49583.483890000003</v>
      </c>
      <c r="J1187">
        <v>46534.599479999997</v>
      </c>
      <c r="K1187">
        <v>58409.623919999998</v>
      </c>
      <c r="L1187">
        <v>32126.564119999999</v>
      </c>
      <c r="M1187">
        <v>322293.79379999998</v>
      </c>
      <c r="N1187">
        <v>101187.67</v>
      </c>
      <c r="O1187">
        <v>32745.863450000001</v>
      </c>
      <c r="P1187">
        <v>40972.900659999999</v>
      </c>
      <c r="Q1187">
        <v>88526.395340000003</v>
      </c>
      <c r="R1187">
        <v>24627.38003</v>
      </c>
      <c r="S1187">
        <v>131150.6943</v>
      </c>
      <c r="T1187">
        <v>38771.665589999997</v>
      </c>
      <c r="U1187">
        <v>31139.86764</v>
      </c>
      <c r="W1187" s="83">
        <f>Bühler!N1219</f>
        <v>45341.374999997126</v>
      </c>
      <c r="X1187" s="83">
        <v>43150.375</v>
      </c>
      <c r="Y1187">
        <v>301899.37819999998</v>
      </c>
      <c r="Z1187">
        <v>41019.81684</v>
      </c>
      <c r="AA1187">
        <v>94216.097099999999</v>
      </c>
      <c r="AB1187">
        <v>74566.409379999997</v>
      </c>
      <c r="AC1187">
        <v>59776.081440000002</v>
      </c>
      <c r="AD1187">
        <v>49583.483890000003</v>
      </c>
      <c r="AE1187">
        <v>46534.599479999997</v>
      </c>
      <c r="AF1187">
        <v>58409.623919999998</v>
      </c>
      <c r="AG1187">
        <v>32126.564119999999</v>
      </c>
      <c r="AH1187">
        <v>322293.79379999998</v>
      </c>
      <c r="AI1187">
        <v>101187.67</v>
      </c>
      <c r="AJ1187">
        <v>32745.863450000001</v>
      </c>
      <c r="AK1187">
        <v>40972.900659999999</v>
      </c>
      <c r="AL1187">
        <v>88526.395340000003</v>
      </c>
      <c r="AM1187">
        <v>24627.38003</v>
      </c>
      <c r="AN1187">
        <v>131150.6943</v>
      </c>
      <c r="AO1187">
        <v>38771.665589999997</v>
      </c>
      <c r="AP1187">
        <v>31139.86764</v>
      </c>
    </row>
    <row r="1188" spans="2:42" x14ac:dyDescent="0.3">
      <c r="B1188">
        <v>64.628357706018136</v>
      </c>
      <c r="C1188" s="83">
        <v>43150.416666666664</v>
      </c>
      <c r="D1188">
        <v>305903.65980000002</v>
      </c>
      <c r="E1188">
        <v>42291.522700000001</v>
      </c>
      <c r="F1188">
        <v>95128.553539999994</v>
      </c>
      <c r="G1188">
        <v>76160.731719999996</v>
      </c>
      <c r="H1188">
        <v>60375.999040000002</v>
      </c>
      <c r="I1188">
        <v>47035.25806</v>
      </c>
      <c r="J1188">
        <v>45184.867919999997</v>
      </c>
      <c r="K1188">
        <v>60999.994359999997</v>
      </c>
      <c r="L1188">
        <v>33169.211730000003</v>
      </c>
      <c r="M1188">
        <v>329505.50650000002</v>
      </c>
      <c r="N1188">
        <v>105456.9993</v>
      </c>
      <c r="O1188">
        <v>32205.083869999999</v>
      </c>
      <c r="P1188">
        <v>41921.924980000003</v>
      </c>
      <c r="Q1188">
        <v>88950.230320000002</v>
      </c>
      <c r="R1188">
        <v>24884.620210000001</v>
      </c>
      <c r="S1188">
        <v>130361.8651</v>
      </c>
      <c r="T1188">
        <v>40178.814570000002</v>
      </c>
      <c r="U1188">
        <v>30367.442370000001</v>
      </c>
      <c r="W1188" s="83">
        <f>Bühler!N1220</f>
        <v>45341.41666666379</v>
      </c>
      <c r="X1188" s="83">
        <v>43150.416666666664</v>
      </c>
      <c r="Y1188">
        <v>305903.65980000002</v>
      </c>
      <c r="Z1188">
        <v>42291.522700000001</v>
      </c>
      <c r="AA1188">
        <v>95128.553539999994</v>
      </c>
      <c r="AB1188">
        <v>76160.731719999996</v>
      </c>
      <c r="AC1188">
        <v>60375.999040000002</v>
      </c>
      <c r="AD1188">
        <v>47035.25806</v>
      </c>
      <c r="AE1188">
        <v>45184.867919999997</v>
      </c>
      <c r="AF1188">
        <v>60999.994359999997</v>
      </c>
      <c r="AG1188">
        <v>33169.211730000003</v>
      </c>
      <c r="AH1188">
        <v>329505.50650000002</v>
      </c>
      <c r="AI1188">
        <v>105456.9993</v>
      </c>
      <c r="AJ1188">
        <v>32205.083869999999</v>
      </c>
      <c r="AK1188">
        <v>41921.924980000003</v>
      </c>
      <c r="AL1188">
        <v>88950.230320000002</v>
      </c>
      <c r="AM1188">
        <v>24884.620210000001</v>
      </c>
      <c r="AN1188">
        <v>130361.8651</v>
      </c>
      <c r="AO1188">
        <v>40178.814570000002</v>
      </c>
      <c r="AP1188">
        <v>30367.442370000001</v>
      </c>
    </row>
    <row r="1189" spans="2:42" x14ac:dyDescent="0.3">
      <c r="B1189">
        <v>65.220809238970958</v>
      </c>
      <c r="C1189" s="83">
        <v>43150.458333333336</v>
      </c>
      <c r="D1189">
        <v>304868.67509999999</v>
      </c>
      <c r="E1189">
        <v>41703.875460000003</v>
      </c>
      <c r="F1189">
        <v>95112.261889999994</v>
      </c>
      <c r="G1189">
        <v>75006.920570000002</v>
      </c>
      <c r="H1189">
        <v>59779.963089999997</v>
      </c>
      <c r="I1189">
        <v>44330.553160000003</v>
      </c>
      <c r="J1189">
        <v>43619.370849999999</v>
      </c>
      <c r="K1189">
        <v>66103.970369999995</v>
      </c>
      <c r="L1189">
        <v>34411.509709999998</v>
      </c>
      <c r="M1189">
        <v>332526.10070000001</v>
      </c>
      <c r="N1189">
        <v>103606.3466</v>
      </c>
      <c r="O1189">
        <v>31655.667549999998</v>
      </c>
      <c r="P1189">
        <v>39825.04393</v>
      </c>
      <c r="Q1189">
        <v>89642.893970000005</v>
      </c>
      <c r="R1189">
        <v>28617.937140000002</v>
      </c>
      <c r="S1189">
        <v>131480.02590000001</v>
      </c>
      <c r="T1189">
        <v>40324.769829999997</v>
      </c>
      <c r="U1189">
        <v>29448.876919999999</v>
      </c>
      <c r="W1189" s="83">
        <f>Bühler!N1221</f>
        <v>45341.458333330454</v>
      </c>
      <c r="X1189" s="83">
        <v>43150.458333333336</v>
      </c>
      <c r="Y1189">
        <v>304868.67509999999</v>
      </c>
      <c r="Z1189">
        <v>41703.875460000003</v>
      </c>
      <c r="AA1189">
        <v>95112.261889999994</v>
      </c>
      <c r="AB1189">
        <v>75006.920570000002</v>
      </c>
      <c r="AC1189">
        <v>59779.963089999997</v>
      </c>
      <c r="AD1189">
        <v>44330.553160000003</v>
      </c>
      <c r="AE1189">
        <v>43619.370849999999</v>
      </c>
      <c r="AF1189">
        <v>66103.970369999995</v>
      </c>
      <c r="AG1189">
        <v>34411.509709999998</v>
      </c>
      <c r="AH1189">
        <v>332526.10070000001</v>
      </c>
      <c r="AI1189">
        <v>103606.3466</v>
      </c>
      <c r="AJ1189">
        <v>31655.667549999998</v>
      </c>
      <c r="AK1189">
        <v>39825.04393</v>
      </c>
      <c r="AL1189">
        <v>89642.893970000005</v>
      </c>
      <c r="AM1189">
        <v>28617.937140000002</v>
      </c>
      <c r="AN1189">
        <v>131480.02590000001</v>
      </c>
      <c r="AO1189">
        <v>40324.769829999997</v>
      </c>
      <c r="AP1189">
        <v>29448.876919999999</v>
      </c>
    </row>
    <row r="1190" spans="2:42" x14ac:dyDescent="0.3">
      <c r="B1190">
        <v>64.985157413614559</v>
      </c>
      <c r="C1190" s="83">
        <v>43150.5</v>
      </c>
      <c r="D1190">
        <v>293800.92050000001</v>
      </c>
      <c r="E1190">
        <v>37314.070930000002</v>
      </c>
      <c r="F1190">
        <v>89286.419739999998</v>
      </c>
      <c r="G1190">
        <v>71367.429120000001</v>
      </c>
      <c r="H1190">
        <v>56714.994740000002</v>
      </c>
      <c r="I1190">
        <v>42753.819450000003</v>
      </c>
      <c r="J1190">
        <v>43089.226199999997</v>
      </c>
      <c r="K1190">
        <v>63025.600590000002</v>
      </c>
      <c r="L1190">
        <v>36373.49121</v>
      </c>
      <c r="M1190">
        <v>331324.63780000003</v>
      </c>
      <c r="N1190">
        <v>98865.914139999993</v>
      </c>
      <c r="O1190">
        <v>30244.28757</v>
      </c>
      <c r="P1190">
        <v>40513.079980000002</v>
      </c>
      <c r="Q1190">
        <v>89474.737450000001</v>
      </c>
      <c r="R1190">
        <v>27347.09708</v>
      </c>
      <c r="S1190">
        <v>123452.8055</v>
      </c>
      <c r="T1190">
        <v>39102.231679999997</v>
      </c>
      <c r="U1190">
        <v>25457.68878</v>
      </c>
      <c r="W1190" s="83">
        <f>Bühler!N1222</f>
        <v>45341.499999997119</v>
      </c>
      <c r="X1190" s="83">
        <v>43150.5</v>
      </c>
      <c r="Y1190">
        <v>293800.92050000001</v>
      </c>
      <c r="Z1190">
        <v>37314.070930000002</v>
      </c>
      <c r="AA1190">
        <v>89286.419739999998</v>
      </c>
      <c r="AB1190">
        <v>71367.429120000001</v>
      </c>
      <c r="AC1190">
        <v>56714.994740000002</v>
      </c>
      <c r="AD1190">
        <v>42753.819450000003</v>
      </c>
      <c r="AE1190">
        <v>43089.226199999997</v>
      </c>
      <c r="AF1190">
        <v>63025.600590000002</v>
      </c>
      <c r="AG1190">
        <v>36373.49121</v>
      </c>
      <c r="AH1190">
        <v>331324.63780000003</v>
      </c>
      <c r="AI1190">
        <v>98865.914139999993</v>
      </c>
      <c r="AJ1190">
        <v>30244.28757</v>
      </c>
      <c r="AK1190">
        <v>40513.079980000002</v>
      </c>
      <c r="AL1190">
        <v>89474.737450000001</v>
      </c>
      <c r="AM1190">
        <v>27347.09708</v>
      </c>
      <c r="AN1190">
        <v>123452.8055</v>
      </c>
      <c r="AO1190">
        <v>39102.231679999997</v>
      </c>
      <c r="AP1190">
        <v>25457.68878</v>
      </c>
    </row>
    <row r="1191" spans="2:42" x14ac:dyDescent="0.3">
      <c r="B1191">
        <v>64.625512144426281</v>
      </c>
      <c r="C1191" s="83">
        <v>43150.541666666664</v>
      </c>
      <c r="D1191">
        <v>296481.73910000001</v>
      </c>
      <c r="E1191">
        <v>36904.154519999996</v>
      </c>
      <c r="F1191">
        <v>85362.544880000001</v>
      </c>
      <c r="G1191">
        <v>70031.014169999995</v>
      </c>
      <c r="H1191">
        <v>57332.403480000001</v>
      </c>
      <c r="I1191">
        <v>42329.616289999998</v>
      </c>
      <c r="J1191">
        <v>41644.826110000002</v>
      </c>
      <c r="K1191">
        <v>66061.749419999993</v>
      </c>
      <c r="L1191">
        <v>34895.736490000003</v>
      </c>
      <c r="M1191">
        <v>329490.99849999999</v>
      </c>
      <c r="N1191">
        <v>98913.631930000003</v>
      </c>
      <c r="O1191">
        <v>30566.830529999999</v>
      </c>
      <c r="P1191">
        <v>39048.181490000003</v>
      </c>
      <c r="Q1191">
        <v>88059.357910000006</v>
      </c>
      <c r="R1191">
        <v>26441.568459999999</v>
      </c>
      <c r="S1191">
        <v>122383.0309</v>
      </c>
      <c r="T1191">
        <v>38105.874559999997</v>
      </c>
      <c r="U1191">
        <v>27468.221799999999</v>
      </c>
      <c r="W1191" s="83">
        <f>Bühler!N1223</f>
        <v>45341.541666663783</v>
      </c>
      <c r="X1191" s="83">
        <v>43150.541666666664</v>
      </c>
      <c r="Y1191">
        <v>296481.73910000001</v>
      </c>
      <c r="Z1191">
        <v>36904.154519999996</v>
      </c>
      <c r="AA1191">
        <v>85362.544880000001</v>
      </c>
      <c r="AB1191">
        <v>70031.014169999995</v>
      </c>
      <c r="AC1191">
        <v>57332.403480000001</v>
      </c>
      <c r="AD1191">
        <v>42329.616289999998</v>
      </c>
      <c r="AE1191">
        <v>41644.826110000002</v>
      </c>
      <c r="AF1191">
        <v>66061.749419999993</v>
      </c>
      <c r="AG1191">
        <v>34895.736490000003</v>
      </c>
      <c r="AH1191">
        <v>329490.99849999999</v>
      </c>
      <c r="AI1191">
        <v>98913.631930000003</v>
      </c>
      <c r="AJ1191">
        <v>30566.830529999999</v>
      </c>
      <c r="AK1191">
        <v>39048.181490000003</v>
      </c>
      <c r="AL1191">
        <v>88059.357910000006</v>
      </c>
      <c r="AM1191">
        <v>26441.568459999999</v>
      </c>
      <c r="AN1191">
        <v>122383.0309</v>
      </c>
      <c r="AO1191">
        <v>38105.874559999997</v>
      </c>
      <c r="AP1191">
        <v>27468.221799999999</v>
      </c>
    </row>
    <row r="1192" spans="2:42" x14ac:dyDescent="0.3">
      <c r="B1192">
        <v>64.673959889970334</v>
      </c>
      <c r="C1192" s="83">
        <v>43150.583333333336</v>
      </c>
      <c r="D1192">
        <v>300201.73019999999</v>
      </c>
      <c r="E1192">
        <v>39550.222000000002</v>
      </c>
      <c r="F1192">
        <v>92098.115229999996</v>
      </c>
      <c r="G1192">
        <v>67778.82458</v>
      </c>
      <c r="H1192">
        <v>56955.352480000001</v>
      </c>
      <c r="I1192">
        <v>43175.56983</v>
      </c>
      <c r="J1192">
        <v>41428.44283</v>
      </c>
      <c r="K1192">
        <v>67086.174700000003</v>
      </c>
      <c r="L1192">
        <v>32429.801390000001</v>
      </c>
      <c r="M1192">
        <v>329738.00770000002</v>
      </c>
      <c r="N1192">
        <v>100671.5052</v>
      </c>
      <c r="O1192">
        <v>30301.854350000001</v>
      </c>
      <c r="P1192">
        <v>36976.803670000001</v>
      </c>
      <c r="Q1192">
        <v>87303.589500000002</v>
      </c>
      <c r="R1192">
        <v>25967.22035</v>
      </c>
      <c r="S1192">
        <v>117260.5367</v>
      </c>
      <c r="T1192">
        <v>37028.091469999999</v>
      </c>
      <c r="U1192">
        <v>27750.141159999999</v>
      </c>
      <c r="W1192" s="83">
        <f>Bühler!N1224</f>
        <v>45341.583333330447</v>
      </c>
      <c r="X1192" s="83">
        <v>43150.583333333336</v>
      </c>
      <c r="Y1192">
        <v>300201.73019999999</v>
      </c>
      <c r="Z1192">
        <v>39550.222000000002</v>
      </c>
      <c r="AA1192">
        <v>92098.115229999996</v>
      </c>
      <c r="AB1192">
        <v>67778.82458</v>
      </c>
      <c r="AC1192">
        <v>56955.352480000001</v>
      </c>
      <c r="AD1192">
        <v>43175.56983</v>
      </c>
      <c r="AE1192">
        <v>41428.44283</v>
      </c>
      <c r="AF1192">
        <v>67086.174700000003</v>
      </c>
      <c r="AG1192">
        <v>32429.801390000001</v>
      </c>
      <c r="AH1192">
        <v>329738.00770000002</v>
      </c>
      <c r="AI1192">
        <v>100671.5052</v>
      </c>
      <c r="AJ1192">
        <v>30301.854350000001</v>
      </c>
      <c r="AK1192">
        <v>36976.803670000001</v>
      </c>
      <c r="AL1192">
        <v>87303.589500000002</v>
      </c>
      <c r="AM1192">
        <v>25967.22035</v>
      </c>
      <c r="AN1192">
        <v>117260.5367</v>
      </c>
      <c r="AO1192">
        <v>37028.091469999999</v>
      </c>
      <c r="AP1192">
        <v>27750.141159999999</v>
      </c>
    </row>
    <row r="1193" spans="2:42" x14ac:dyDescent="0.3">
      <c r="B1193">
        <v>63.962979850704322</v>
      </c>
      <c r="C1193" s="83">
        <v>43150.625</v>
      </c>
      <c r="D1193">
        <v>296657.10710000002</v>
      </c>
      <c r="E1193">
        <v>38887.798289999999</v>
      </c>
      <c r="F1193">
        <v>92704.680940000006</v>
      </c>
      <c r="G1193">
        <v>66241.444019999995</v>
      </c>
      <c r="H1193">
        <v>55933.555289999997</v>
      </c>
      <c r="I1193">
        <v>43973.782939999997</v>
      </c>
      <c r="J1193">
        <v>41580.378929999999</v>
      </c>
      <c r="K1193">
        <v>65366.161789999998</v>
      </c>
      <c r="L1193">
        <v>29428.710190000002</v>
      </c>
      <c r="M1193">
        <v>326113.09989999997</v>
      </c>
      <c r="N1193">
        <v>100386.8526</v>
      </c>
      <c r="O1193">
        <v>29868.635679999999</v>
      </c>
      <c r="P1193">
        <v>35446.877009999997</v>
      </c>
      <c r="Q1193">
        <v>87345.154999999999</v>
      </c>
      <c r="R1193">
        <v>24798.100760000001</v>
      </c>
      <c r="S1193">
        <v>114879.2368</v>
      </c>
      <c r="T1193">
        <v>36964.67265</v>
      </c>
      <c r="U1193">
        <v>26700.671770000001</v>
      </c>
      <c r="W1193" s="83">
        <f>Bühler!N1225</f>
        <v>45341.624999997111</v>
      </c>
      <c r="X1193" s="83">
        <v>43150.625</v>
      </c>
      <c r="Y1193">
        <v>296657.10710000002</v>
      </c>
      <c r="Z1193">
        <v>38887.798289999999</v>
      </c>
      <c r="AA1193">
        <v>92704.680940000006</v>
      </c>
      <c r="AB1193">
        <v>66241.444019999995</v>
      </c>
      <c r="AC1193">
        <v>55933.555289999997</v>
      </c>
      <c r="AD1193">
        <v>43973.782939999997</v>
      </c>
      <c r="AE1193">
        <v>41580.378929999999</v>
      </c>
      <c r="AF1193">
        <v>65366.161789999998</v>
      </c>
      <c r="AG1193">
        <v>29428.710190000002</v>
      </c>
      <c r="AH1193">
        <v>326113.09989999997</v>
      </c>
      <c r="AI1193">
        <v>100386.8526</v>
      </c>
      <c r="AJ1193">
        <v>29868.635679999999</v>
      </c>
      <c r="AK1193">
        <v>35446.877009999997</v>
      </c>
      <c r="AL1193">
        <v>87345.154999999999</v>
      </c>
      <c r="AM1193">
        <v>24798.100760000001</v>
      </c>
      <c r="AN1193">
        <v>114879.2368</v>
      </c>
      <c r="AO1193">
        <v>36964.67265</v>
      </c>
      <c r="AP1193">
        <v>26700.671770000001</v>
      </c>
    </row>
    <row r="1194" spans="2:42" x14ac:dyDescent="0.3">
      <c r="B1194">
        <v>63.130742092246862</v>
      </c>
      <c r="C1194" s="83">
        <v>43150.666666666664</v>
      </c>
      <c r="D1194">
        <v>292771.76579999999</v>
      </c>
      <c r="E1194">
        <v>38253.510479999997</v>
      </c>
      <c r="F1194">
        <v>91955.823420000001</v>
      </c>
      <c r="G1194">
        <v>63603.643519999998</v>
      </c>
      <c r="H1194">
        <v>53867.676379999997</v>
      </c>
      <c r="I1194">
        <v>45128.271189999999</v>
      </c>
      <c r="J1194">
        <v>41479.802580000003</v>
      </c>
      <c r="K1194">
        <v>62260.557070000003</v>
      </c>
      <c r="L1194">
        <v>28581.2745</v>
      </c>
      <c r="M1194">
        <v>321869.96370000002</v>
      </c>
      <c r="N1194">
        <v>97633.186310000005</v>
      </c>
      <c r="O1194">
        <v>29527.506839999998</v>
      </c>
      <c r="P1194">
        <v>34703.594089999999</v>
      </c>
      <c r="Q1194">
        <v>86174.831739999994</v>
      </c>
      <c r="R1194">
        <v>24976.084510000001</v>
      </c>
      <c r="S1194">
        <v>111985.4454</v>
      </c>
      <c r="T1194">
        <v>36264.709609999998</v>
      </c>
      <c r="U1194">
        <v>24983.77721</v>
      </c>
      <c r="W1194" s="83">
        <f>Bühler!N1226</f>
        <v>45341.666666663776</v>
      </c>
      <c r="X1194" s="83">
        <v>43150.666666666664</v>
      </c>
      <c r="Y1194">
        <v>292771.76579999999</v>
      </c>
      <c r="Z1194">
        <v>38253.510479999997</v>
      </c>
      <c r="AA1194">
        <v>91955.823420000001</v>
      </c>
      <c r="AB1194">
        <v>63603.643519999998</v>
      </c>
      <c r="AC1194">
        <v>53867.676379999997</v>
      </c>
      <c r="AD1194">
        <v>45128.271189999999</v>
      </c>
      <c r="AE1194">
        <v>41479.802580000003</v>
      </c>
      <c r="AF1194">
        <v>62260.557070000003</v>
      </c>
      <c r="AG1194">
        <v>28581.2745</v>
      </c>
      <c r="AH1194">
        <v>321869.96370000002</v>
      </c>
      <c r="AI1194">
        <v>97633.186310000005</v>
      </c>
      <c r="AJ1194">
        <v>29527.506839999998</v>
      </c>
      <c r="AK1194">
        <v>34703.594089999999</v>
      </c>
      <c r="AL1194">
        <v>86174.831739999994</v>
      </c>
      <c r="AM1194">
        <v>24976.084510000001</v>
      </c>
      <c r="AN1194">
        <v>111985.4454</v>
      </c>
      <c r="AO1194">
        <v>36264.709609999998</v>
      </c>
      <c r="AP1194">
        <v>24983.77721</v>
      </c>
    </row>
    <row r="1195" spans="2:42" x14ac:dyDescent="0.3">
      <c r="B1195">
        <v>62.042263924933629</v>
      </c>
      <c r="C1195" s="83">
        <v>43150.708333333336</v>
      </c>
      <c r="D1195">
        <v>280762.52480000001</v>
      </c>
      <c r="E1195">
        <v>36222.580419999998</v>
      </c>
      <c r="F1195">
        <v>92269.879830000005</v>
      </c>
      <c r="G1195">
        <v>58598.972880000001</v>
      </c>
      <c r="H1195">
        <v>50971.077879999997</v>
      </c>
      <c r="I1195">
        <v>43606.663619999999</v>
      </c>
      <c r="J1195">
        <v>41804.052519999997</v>
      </c>
      <c r="K1195">
        <v>56470.57316</v>
      </c>
      <c r="L1195">
        <v>28302.59809</v>
      </c>
      <c r="M1195">
        <v>316320.39439999999</v>
      </c>
      <c r="N1195">
        <v>88809.933409999998</v>
      </c>
      <c r="O1195">
        <v>28638.589980000001</v>
      </c>
      <c r="P1195">
        <v>37361.261120000003</v>
      </c>
      <c r="Q1195">
        <v>85070.677909999999</v>
      </c>
      <c r="R1195">
        <v>25208.602739999998</v>
      </c>
      <c r="S1195">
        <v>110490.9234</v>
      </c>
      <c r="T1195">
        <v>37568.742850000002</v>
      </c>
      <c r="U1195">
        <v>22698.78947</v>
      </c>
      <c r="W1195" s="83">
        <f>Bühler!N1227</f>
        <v>45341.70833333044</v>
      </c>
      <c r="X1195" s="83">
        <v>43150.708333333336</v>
      </c>
      <c r="Y1195">
        <v>280762.52480000001</v>
      </c>
      <c r="Z1195">
        <v>36222.580419999998</v>
      </c>
      <c r="AA1195">
        <v>92269.879830000005</v>
      </c>
      <c r="AB1195">
        <v>58598.972880000001</v>
      </c>
      <c r="AC1195">
        <v>50971.077879999997</v>
      </c>
      <c r="AD1195">
        <v>43606.663619999999</v>
      </c>
      <c r="AE1195">
        <v>41804.052519999997</v>
      </c>
      <c r="AF1195">
        <v>56470.57316</v>
      </c>
      <c r="AG1195">
        <v>28302.59809</v>
      </c>
      <c r="AH1195">
        <v>316320.39439999999</v>
      </c>
      <c r="AI1195">
        <v>88809.933409999998</v>
      </c>
      <c r="AJ1195">
        <v>28638.589980000001</v>
      </c>
      <c r="AK1195">
        <v>37361.261120000003</v>
      </c>
      <c r="AL1195">
        <v>85070.677909999999</v>
      </c>
      <c r="AM1195">
        <v>25208.602739999998</v>
      </c>
      <c r="AN1195">
        <v>110490.9234</v>
      </c>
      <c r="AO1195">
        <v>37568.742850000002</v>
      </c>
      <c r="AP1195">
        <v>22698.78947</v>
      </c>
    </row>
    <row r="1196" spans="2:42" x14ac:dyDescent="0.3">
      <c r="B1196">
        <v>60.969841644726372</v>
      </c>
      <c r="C1196" s="83">
        <v>43150.75</v>
      </c>
      <c r="D1196">
        <v>274503.85749999998</v>
      </c>
      <c r="E1196">
        <v>33689.44051</v>
      </c>
      <c r="F1196">
        <v>90849.198269999993</v>
      </c>
      <c r="G1196">
        <v>55034.638769999998</v>
      </c>
      <c r="H1196">
        <v>50184.033589999999</v>
      </c>
      <c r="I1196">
        <v>43982.55012</v>
      </c>
      <c r="J1196">
        <v>43875.425300000003</v>
      </c>
      <c r="K1196">
        <v>49165.481769999999</v>
      </c>
      <c r="L1196">
        <v>30899.52879</v>
      </c>
      <c r="M1196">
        <v>310852.68550000002</v>
      </c>
      <c r="N1196">
        <v>84156.035730000003</v>
      </c>
      <c r="O1196">
        <v>28366.173419999999</v>
      </c>
      <c r="P1196">
        <v>40827.392540000001</v>
      </c>
      <c r="Q1196">
        <v>84610.936979999999</v>
      </c>
      <c r="R1196">
        <v>22275.002059999999</v>
      </c>
      <c r="S1196">
        <v>106448.4329</v>
      </c>
      <c r="T1196">
        <v>38459.926339999998</v>
      </c>
      <c r="U1196">
        <v>21559.654610000001</v>
      </c>
      <c r="W1196" s="83">
        <f>Bühler!N1228</f>
        <v>45341.749999997104</v>
      </c>
      <c r="X1196" s="83">
        <v>43150.75</v>
      </c>
      <c r="Y1196">
        <v>274503.85749999998</v>
      </c>
      <c r="Z1196">
        <v>33689.44051</v>
      </c>
      <c r="AA1196">
        <v>90849.198269999993</v>
      </c>
      <c r="AB1196">
        <v>55034.638769999998</v>
      </c>
      <c r="AC1196">
        <v>50184.033589999999</v>
      </c>
      <c r="AD1196">
        <v>43982.55012</v>
      </c>
      <c r="AE1196">
        <v>43875.425300000003</v>
      </c>
      <c r="AF1196">
        <v>49165.481769999999</v>
      </c>
      <c r="AG1196">
        <v>30899.52879</v>
      </c>
      <c r="AH1196">
        <v>310852.68550000002</v>
      </c>
      <c r="AI1196">
        <v>84156.035730000003</v>
      </c>
      <c r="AJ1196">
        <v>28366.173419999999</v>
      </c>
      <c r="AK1196">
        <v>40827.392540000001</v>
      </c>
      <c r="AL1196">
        <v>84610.936979999999</v>
      </c>
      <c r="AM1196">
        <v>22275.002059999999</v>
      </c>
      <c r="AN1196">
        <v>106448.4329</v>
      </c>
      <c r="AO1196">
        <v>38459.926339999998</v>
      </c>
      <c r="AP1196">
        <v>21559.654610000001</v>
      </c>
    </row>
    <row r="1197" spans="2:42" x14ac:dyDescent="0.3">
      <c r="B1197">
        <v>60.373596931883171</v>
      </c>
      <c r="C1197" s="83">
        <v>43150.791666666664</v>
      </c>
      <c r="D1197">
        <v>268544.2352</v>
      </c>
      <c r="E1197">
        <v>28273.856179999999</v>
      </c>
      <c r="F1197">
        <v>79394.935790000003</v>
      </c>
      <c r="G1197">
        <v>51108.502560000001</v>
      </c>
      <c r="H1197">
        <v>47997.553169999999</v>
      </c>
      <c r="I1197">
        <v>41203.436099999999</v>
      </c>
      <c r="J1197">
        <v>44043.505010000001</v>
      </c>
      <c r="K1197">
        <v>48823.650900000001</v>
      </c>
      <c r="L1197">
        <v>32006.401460000001</v>
      </c>
      <c r="M1197">
        <v>307812.75189999997</v>
      </c>
      <c r="N1197">
        <v>83166.540290000004</v>
      </c>
      <c r="O1197">
        <v>27066.65595</v>
      </c>
      <c r="P1197">
        <v>43687.526360000003</v>
      </c>
      <c r="Q1197">
        <v>82938.269929999995</v>
      </c>
      <c r="R1197">
        <v>21909.371469999998</v>
      </c>
      <c r="S1197">
        <v>101942.4963</v>
      </c>
      <c r="T1197">
        <v>39445.464260000001</v>
      </c>
      <c r="U1197">
        <v>20824.459080000001</v>
      </c>
      <c r="W1197" s="83">
        <f>Bühler!N1229</f>
        <v>45341.791666663768</v>
      </c>
      <c r="X1197" s="83">
        <v>43150.791666666664</v>
      </c>
      <c r="Y1197">
        <v>268544.2352</v>
      </c>
      <c r="Z1197">
        <v>28273.856179999999</v>
      </c>
      <c r="AA1197">
        <v>79394.935790000003</v>
      </c>
      <c r="AB1197">
        <v>51108.502560000001</v>
      </c>
      <c r="AC1197">
        <v>47997.553169999999</v>
      </c>
      <c r="AD1197">
        <v>41203.436099999999</v>
      </c>
      <c r="AE1197">
        <v>44043.505010000001</v>
      </c>
      <c r="AF1197">
        <v>48823.650900000001</v>
      </c>
      <c r="AG1197">
        <v>32006.401460000001</v>
      </c>
      <c r="AH1197">
        <v>307812.75189999997</v>
      </c>
      <c r="AI1197">
        <v>83166.540290000004</v>
      </c>
      <c r="AJ1197">
        <v>27066.65595</v>
      </c>
      <c r="AK1197">
        <v>43687.526360000003</v>
      </c>
      <c r="AL1197">
        <v>82938.269929999995</v>
      </c>
      <c r="AM1197">
        <v>21909.371469999998</v>
      </c>
      <c r="AN1197">
        <v>101942.4963</v>
      </c>
      <c r="AO1197">
        <v>39445.464260000001</v>
      </c>
      <c r="AP1197">
        <v>20824.459080000001</v>
      </c>
    </row>
    <row r="1198" spans="2:42" x14ac:dyDescent="0.3">
      <c r="B1198">
        <v>59.925206956021704</v>
      </c>
      <c r="C1198" s="83">
        <v>43150.833333333336</v>
      </c>
      <c r="D1198">
        <v>260274.2476</v>
      </c>
      <c r="E1198">
        <v>22338.19643</v>
      </c>
      <c r="F1198">
        <v>62077.160940000002</v>
      </c>
      <c r="G1198">
        <v>46960.266900000002</v>
      </c>
      <c r="H1198">
        <v>46050.014219999997</v>
      </c>
      <c r="I1198">
        <v>36765.221299999997</v>
      </c>
      <c r="J1198">
        <v>42638.536699999997</v>
      </c>
      <c r="K1198">
        <v>54527.12702</v>
      </c>
      <c r="L1198">
        <v>30075.032060000001</v>
      </c>
      <c r="M1198">
        <v>305526.6507</v>
      </c>
      <c r="N1198">
        <v>81639.539130000005</v>
      </c>
      <c r="O1198">
        <v>26530.717049999999</v>
      </c>
      <c r="P1198">
        <v>42887.18131</v>
      </c>
      <c r="Q1198">
        <v>81326.397400000002</v>
      </c>
      <c r="R1198">
        <v>22833.606820000001</v>
      </c>
      <c r="S1198">
        <v>93342.364650000003</v>
      </c>
      <c r="T1198">
        <v>37301.792090000003</v>
      </c>
      <c r="U1198">
        <v>19799.175080000001</v>
      </c>
      <c r="W1198" s="83">
        <f>Bühler!N1230</f>
        <v>45341.833333330433</v>
      </c>
      <c r="X1198" s="83">
        <v>43150.833333333336</v>
      </c>
      <c r="Y1198">
        <v>260274.2476</v>
      </c>
      <c r="Z1198">
        <v>22338.19643</v>
      </c>
      <c r="AA1198">
        <v>62077.160940000002</v>
      </c>
      <c r="AB1198">
        <v>46960.266900000002</v>
      </c>
      <c r="AC1198">
        <v>46050.014219999997</v>
      </c>
      <c r="AD1198">
        <v>36765.221299999997</v>
      </c>
      <c r="AE1198">
        <v>42638.536699999997</v>
      </c>
      <c r="AF1198">
        <v>54527.12702</v>
      </c>
      <c r="AG1198">
        <v>30075.032060000001</v>
      </c>
      <c r="AH1198">
        <v>305526.6507</v>
      </c>
      <c r="AI1198">
        <v>81639.539130000005</v>
      </c>
      <c r="AJ1198">
        <v>26530.717049999999</v>
      </c>
      <c r="AK1198">
        <v>42887.18131</v>
      </c>
      <c r="AL1198">
        <v>81326.397400000002</v>
      </c>
      <c r="AM1198">
        <v>22833.606820000001</v>
      </c>
      <c r="AN1198">
        <v>93342.364650000003</v>
      </c>
      <c r="AO1198">
        <v>37301.792090000003</v>
      </c>
      <c r="AP1198">
        <v>19799.175080000001</v>
      </c>
    </row>
    <row r="1199" spans="2:42" x14ac:dyDescent="0.3">
      <c r="B1199">
        <v>59.110958666131523</v>
      </c>
      <c r="C1199" s="83">
        <v>43150.875</v>
      </c>
      <c r="D1199">
        <v>251070.88810000001</v>
      </c>
      <c r="E1199">
        <v>19512.513159999999</v>
      </c>
      <c r="F1199">
        <v>54204.323499999999</v>
      </c>
      <c r="G1199">
        <v>44732.224390000003</v>
      </c>
      <c r="H1199">
        <v>43403.58266</v>
      </c>
      <c r="I1199">
        <v>32444.106879999999</v>
      </c>
      <c r="J1199">
        <v>40851.815219999997</v>
      </c>
      <c r="K1199">
        <v>53718.292300000001</v>
      </c>
      <c r="L1199">
        <v>28153.97855</v>
      </c>
      <c r="M1199">
        <v>301375.23320000002</v>
      </c>
      <c r="N1199">
        <v>79464.600770000005</v>
      </c>
      <c r="O1199">
        <v>25760.59936</v>
      </c>
      <c r="P1199">
        <v>41629.807529999998</v>
      </c>
      <c r="Q1199">
        <v>79652.897419999994</v>
      </c>
      <c r="R1199">
        <v>21557.924889999998</v>
      </c>
      <c r="S1199">
        <v>87528.004709999994</v>
      </c>
      <c r="T1199">
        <v>33391.977619999998</v>
      </c>
      <c r="U1199">
        <v>18158.887599999998</v>
      </c>
      <c r="W1199" s="83">
        <f>Bühler!N1231</f>
        <v>45341.874999997097</v>
      </c>
      <c r="X1199" s="83">
        <v>43150.875</v>
      </c>
      <c r="Y1199">
        <v>251070.88810000001</v>
      </c>
      <c r="Z1199">
        <v>19512.513159999999</v>
      </c>
      <c r="AA1199">
        <v>54204.323499999999</v>
      </c>
      <c r="AB1199">
        <v>44732.224390000003</v>
      </c>
      <c r="AC1199">
        <v>43403.58266</v>
      </c>
      <c r="AD1199">
        <v>32444.106879999999</v>
      </c>
      <c r="AE1199">
        <v>40851.815219999997</v>
      </c>
      <c r="AF1199">
        <v>53718.292300000001</v>
      </c>
      <c r="AG1199">
        <v>28153.97855</v>
      </c>
      <c r="AH1199">
        <v>301375.23320000002</v>
      </c>
      <c r="AI1199">
        <v>79464.600770000005</v>
      </c>
      <c r="AJ1199">
        <v>25760.59936</v>
      </c>
      <c r="AK1199">
        <v>41629.807529999998</v>
      </c>
      <c r="AL1199">
        <v>79652.897419999994</v>
      </c>
      <c r="AM1199">
        <v>21557.924889999998</v>
      </c>
      <c r="AN1199">
        <v>87528.004709999994</v>
      </c>
      <c r="AO1199">
        <v>33391.977619999998</v>
      </c>
      <c r="AP1199">
        <v>18158.887599999998</v>
      </c>
    </row>
    <row r="1200" spans="2:42" x14ac:dyDescent="0.3">
      <c r="B1200">
        <v>58.881155776121545</v>
      </c>
      <c r="C1200" s="83">
        <v>43150.916666666664</v>
      </c>
      <c r="D1200">
        <v>249912.33369999999</v>
      </c>
      <c r="E1200">
        <v>18740.010439999998</v>
      </c>
      <c r="F1200">
        <v>52169.322910000003</v>
      </c>
      <c r="G1200">
        <v>43696.498240000001</v>
      </c>
      <c r="H1200">
        <v>43011.708259999999</v>
      </c>
      <c r="I1200">
        <v>30356.456620000001</v>
      </c>
      <c r="J1200">
        <v>39545.330779999997</v>
      </c>
      <c r="K1200">
        <v>56073.264730000003</v>
      </c>
      <c r="L1200">
        <v>25967.165300000001</v>
      </c>
      <c r="M1200">
        <v>300203.59090000001</v>
      </c>
      <c r="N1200">
        <v>78739.848159999994</v>
      </c>
      <c r="O1200">
        <v>26790.2372</v>
      </c>
      <c r="P1200">
        <v>43615.734210000002</v>
      </c>
      <c r="Q1200">
        <v>79046.350879999998</v>
      </c>
      <c r="R1200">
        <v>30169.27348</v>
      </c>
      <c r="S1200">
        <v>87812.188810000007</v>
      </c>
      <c r="T1200">
        <v>29598.76496</v>
      </c>
      <c r="U1200">
        <v>19195.060890000001</v>
      </c>
      <c r="W1200" s="83">
        <f>Bühler!N1232</f>
        <v>45341.916666663761</v>
      </c>
      <c r="X1200" s="83">
        <v>43150.916666666664</v>
      </c>
      <c r="Y1200">
        <v>249912.33369999999</v>
      </c>
      <c r="Z1200">
        <v>18740.010439999998</v>
      </c>
      <c r="AA1200">
        <v>52169.322910000003</v>
      </c>
      <c r="AB1200">
        <v>43696.498240000001</v>
      </c>
      <c r="AC1200">
        <v>43011.708259999999</v>
      </c>
      <c r="AD1200">
        <v>30356.456620000001</v>
      </c>
      <c r="AE1200">
        <v>39545.330779999997</v>
      </c>
      <c r="AF1200">
        <v>56073.264730000003</v>
      </c>
      <c r="AG1200">
        <v>25967.165300000001</v>
      </c>
      <c r="AH1200">
        <v>300203.59090000001</v>
      </c>
      <c r="AI1200">
        <v>78739.848159999994</v>
      </c>
      <c r="AJ1200">
        <v>26790.2372</v>
      </c>
      <c r="AK1200">
        <v>43615.734210000002</v>
      </c>
      <c r="AL1200">
        <v>79046.350879999998</v>
      </c>
      <c r="AM1200">
        <v>30169.27348</v>
      </c>
      <c r="AN1200">
        <v>87812.188810000007</v>
      </c>
      <c r="AO1200">
        <v>29598.76496</v>
      </c>
      <c r="AP1200">
        <v>19195.060890000001</v>
      </c>
    </row>
    <row r="1201" spans="2:42" x14ac:dyDescent="0.3">
      <c r="B1201">
        <v>58.585102139839016</v>
      </c>
      <c r="C1201" s="83">
        <v>43150.958333333336</v>
      </c>
      <c r="D1201">
        <v>248272.00599999999</v>
      </c>
      <c r="E1201">
        <v>18370.94441</v>
      </c>
      <c r="F1201">
        <v>50566.867639999997</v>
      </c>
      <c r="G1201">
        <v>43473.826670000002</v>
      </c>
      <c r="H1201">
        <v>42465.867290000002</v>
      </c>
      <c r="I1201">
        <v>29589.2045</v>
      </c>
      <c r="J1201">
        <v>36712.639450000002</v>
      </c>
      <c r="K1201">
        <v>55247.201000000001</v>
      </c>
      <c r="L1201">
        <v>22663.265869999999</v>
      </c>
      <c r="M1201">
        <v>298694.17139999999</v>
      </c>
      <c r="N1201">
        <v>78550.549880000006</v>
      </c>
      <c r="O1201">
        <v>26730.99078</v>
      </c>
      <c r="P1201">
        <v>38866.692799999997</v>
      </c>
      <c r="Q1201">
        <v>79586.383419999998</v>
      </c>
      <c r="R1201">
        <v>32154.55529</v>
      </c>
      <c r="S1201">
        <v>86683.320219999994</v>
      </c>
      <c r="T1201">
        <v>31151.919549999999</v>
      </c>
      <c r="U1201">
        <v>18620.609280000001</v>
      </c>
      <c r="W1201" s="83">
        <f>Bühler!N1233</f>
        <v>45341.958333330425</v>
      </c>
      <c r="X1201" s="83">
        <v>43150.958333333336</v>
      </c>
      <c r="Y1201">
        <v>248272.00599999999</v>
      </c>
      <c r="Z1201">
        <v>18370.94441</v>
      </c>
      <c r="AA1201">
        <v>50566.867639999997</v>
      </c>
      <c r="AB1201">
        <v>43473.826670000002</v>
      </c>
      <c r="AC1201">
        <v>42465.867290000002</v>
      </c>
      <c r="AD1201">
        <v>29589.2045</v>
      </c>
      <c r="AE1201">
        <v>36712.639450000002</v>
      </c>
      <c r="AF1201">
        <v>55247.201000000001</v>
      </c>
      <c r="AG1201">
        <v>22663.265869999999</v>
      </c>
      <c r="AH1201">
        <v>298694.17139999999</v>
      </c>
      <c r="AI1201">
        <v>78550.549880000006</v>
      </c>
      <c r="AJ1201">
        <v>26730.99078</v>
      </c>
      <c r="AK1201">
        <v>38866.692799999997</v>
      </c>
      <c r="AL1201">
        <v>79586.383419999998</v>
      </c>
      <c r="AM1201">
        <v>32154.55529</v>
      </c>
      <c r="AN1201">
        <v>86683.320219999994</v>
      </c>
      <c r="AO1201">
        <v>31151.919549999999</v>
      </c>
      <c r="AP1201">
        <v>18620.609280000001</v>
      </c>
    </row>
    <row r="1202" spans="2:42" x14ac:dyDescent="0.3">
      <c r="B1202">
        <v>57.583216306453139</v>
      </c>
      <c r="C1202" s="83">
        <v>43151</v>
      </c>
      <c r="D1202">
        <v>248084.88190000001</v>
      </c>
      <c r="E1202">
        <v>18080.045160000001</v>
      </c>
      <c r="F1202">
        <v>50205.228609999998</v>
      </c>
      <c r="G1202">
        <v>43196.191099999996</v>
      </c>
      <c r="H1202">
        <v>41671.316379999997</v>
      </c>
      <c r="I1202">
        <v>27037.281040000002</v>
      </c>
      <c r="J1202">
        <v>35713.642469999999</v>
      </c>
      <c r="K1202">
        <v>53812.504059999999</v>
      </c>
      <c r="L1202">
        <v>21203.80977</v>
      </c>
      <c r="M1202">
        <v>293586.09019999998</v>
      </c>
      <c r="N1202">
        <v>78897.062030000001</v>
      </c>
      <c r="O1202">
        <v>26228.926630000002</v>
      </c>
      <c r="P1202">
        <v>37155.54666</v>
      </c>
      <c r="Q1202">
        <v>79484.459730000002</v>
      </c>
      <c r="R1202">
        <v>28439.148730000001</v>
      </c>
      <c r="S1202">
        <v>85350.982139999993</v>
      </c>
      <c r="T1202">
        <v>29668.025740000001</v>
      </c>
      <c r="U1202">
        <v>18276.130639999999</v>
      </c>
      <c r="W1202" s="83">
        <f>Bühler!N1234</f>
        <v>45341.99999999709</v>
      </c>
      <c r="X1202" s="83">
        <v>43151</v>
      </c>
      <c r="Y1202">
        <v>248084.88190000001</v>
      </c>
      <c r="Z1202">
        <v>18080.045160000001</v>
      </c>
      <c r="AA1202">
        <v>50205.228609999998</v>
      </c>
      <c r="AB1202">
        <v>43196.191099999996</v>
      </c>
      <c r="AC1202">
        <v>41671.316379999997</v>
      </c>
      <c r="AD1202">
        <v>27037.281040000002</v>
      </c>
      <c r="AE1202">
        <v>35713.642469999999</v>
      </c>
      <c r="AF1202">
        <v>53812.504059999999</v>
      </c>
      <c r="AG1202">
        <v>21203.80977</v>
      </c>
      <c r="AH1202">
        <v>293586.09019999998</v>
      </c>
      <c r="AI1202">
        <v>78897.062030000001</v>
      </c>
      <c r="AJ1202">
        <v>26228.926630000002</v>
      </c>
      <c r="AK1202">
        <v>37155.54666</v>
      </c>
      <c r="AL1202">
        <v>79484.459730000002</v>
      </c>
      <c r="AM1202">
        <v>28439.148730000001</v>
      </c>
      <c r="AN1202">
        <v>85350.982139999993</v>
      </c>
      <c r="AO1202">
        <v>29668.025740000001</v>
      </c>
      <c r="AP1202">
        <v>18276.130639999999</v>
      </c>
    </row>
    <row r="1203" spans="2:42" x14ac:dyDescent="0.3">
      <c r="B1203">
        <v>57.353859334852253</v>
      </c>
      <c r="C1203" s="83">
        <v>43151.041666666664</v>
      </c>
      <c r="D1203">
        <v>246317.0257</v>
      </c>
      <c r="E1203">
        <v>18071.378669999998</v>
      </c>
      <c r="F1203">
        <v>50183.684529999999</v>
      </c>
      <c r="G1203">
        <v>42289.638310000002</v>
      </c>
      <c r="H1203">
        <v>41428.56205</v>
      </c>
      <c r="I1203">
        <v>22288.386689999999</v>
      </c>
      <c r="J1203">
        <v>34901.368589999998</v>
      </c>
      <c r="K1203">
        <v>52200.085429999999</v>
      </c>
      <c r="L1203">
        <v>20782.153279999999</v>
      </c>
      <c r="M1203">
        <v>292416.72139999998</v>
      </c>
      <c r="N1203">
        <v>78006.397039999996</v>
      </c>
      <c r="O1203">
        <v>25929.575339999999</v>
      </c>
      <c r="P1203">
        <v>34932.886270000003</v>
      </c>
      <c r="Q1203">
        <v>80255.281700000007</v>
      </c>
      <c r="R1203">
        <v>26232.59564</v>
      </c>
      <c r="S1203">
        <v>83658.391560000004</v>
      </c>
      <c r="T1203">
        <v>28946.368780000001</v>
      </c>
      <c r="U1203">
        <v>18596.994190000001</v>
      </c>
      <c r="W1203" s="83">
        <f>Bühler!N1235</f>
        <v>45342.041666663754</v>
      </c>
      <c r="X1203" s="83">
        <v>43151.041666666664</v>
      </c>
      <c r="Y1203">
        <v>246317.0257</v>
      </c>
      <c r="Z1203">
        <v>18071.378669999998</v>
      </c>
      <c r="AA1203">
        <v>50183.684529999999</v>
      </c>
      <c r="AB1203">
        <v>42289.638310000002</v>
      </c>
      <c r="AC1203">
        <v>41428.56205</v>
      </c>
      <c r="AD1203">
        <v>22288.386689999999</v>
      </c>
      <c r="AE1203">
        <v>34901.368589999998</v>
      </c>
      <c r="AF1203">
        <v>52200.085429999999</v>
      </c>
      <c r="AG1203">
        <v>20782.153279999999</v>
      </c>
      <c r="AH1203">
        <v>292416.72139999998</v>
      </c>
      <c r="AI1203">
        <v>78006.397039999996</v>
      </c>
      <c r="AJ1203">
        <v>25929.575339999999</v>
      </c>
      <c r="AK1203">
        <v>34932.886270000003</v>
      </c>
      <c r="AL1203">
        <v>80255.281700000007</v>
      </c>
      <c r="AM1203">
        <v>26232.59564</v>
      </c>
      <c r="AN1203">
        <v>83658.391560000004</v>
      </c>
      <c r="AO1203">
        <v>28946.368780000001</v>
      </c>
      <c r="AP1203">
        <v>18596.994190000001</v>
      </c>
    </row>
    <row r="1204" spans="2:42" x14ac:dyDescent="0.3">
      <c r="B1204">
        <v>57.088547982520929</v>
      </c>
      <c r="C1204" s="83">
        <v>43151.083333333336</v>
      </c>
      <c r="D1204">
        <v>246225.49950000001</v>
      </c>
      <c r="E1204">
        <v>18101.159210000002</v>
      </c>
      <c r="F1204">
        <v>51142.054680000001</v>
      </c>
      <c r="G1204">
        <v>41731.030910000001</v>
      </c>
      <c r="H1204">
        <v>41398.727650000001</v>
      </c>
      <c r="I1204">
        <v>20850.669529999999</v>
      </c>
      <c r="J1204">
        <v>34466.565349999997</v>
      </c>
      <c r="K1204">
        <v>50875.914720000001</v>
      </c>
      <c r="L1204">
        <v>20297.911639999998</v>
      </c>
      <c r="M1204">
        <v>291064.0404</v>
      </c>
      <c r="N1204">
        <v>77259.487529999999</v>
      </c>
      <c r="O1204">
        <v>25646.09561</v>
      </c>
      <c r="P1204">
        <v>35087.400419999998</v>
      </c>
      <c r="Q1204">
        <v>81426.413109999994</v>
      </c>
      <c r="R1204">
        <v>26877.442940000001</v>
      </c>
      <c r="S1204">
        <v>83514.992599999998</v>
      </c>
      <c r="T1204">
        <v>28480.160769999999</v>
      </c>
      <c r="U1204">
        <v>19019.280360000001</v>
      </c>
      <c r="W1204" s="83">
        <f>Bühler!N1236</f>
        <v>45342.083333330418</v>
      </c>
      <c r="X1204" s="83">
        <v>43151.083333333336</v>
      </c>
      <c r="Y1204">
        <v>246225.49950000001</v>
      </c>
      <c r="Z1204">
        <v>18101.159210000002</v>
      </c>
      <c r="AA1204">
        <v>51142.054680000001</v>
      </c>
      <c r="AB1204">
        <v>41731.030910000001</v>
      </c>
      <c r="AC1204">
        <v>41398.727650000001</v>
      </c>
      <c r="AD1204">
        <v>20850.669529999999</v>
      </c>
      <c r="AE1204">
        <v>34466.565349999997</v>
      </c>
      <c r="AF1204">
        <v>50875.914720000001</v>
      </c>
      <c r="AG1204">
        <v>20297.911639999998</v>
      </c>
      <c r="AH1204">
        <v>291064.0404</v>
      </c>
      <c r="AI1204">
        <v>77259.487529999999</v>
      </c>
      <c r="AJ1204">
        <v>25646.09561</v>
      </c>
      <c r="AK1204">
        <v>35087.400419999998</v>
      </c>
      <c r="AL1204">
        <v>81426.413109999994</v>
      </c>
      <c r="AM1204">
        <v>26877.442940000001</v>
      </c>
      <c r="AN1204">
        <v>83514.992599999998</v>
      </c>
      <c r="AO1204">
        <v>28480.160769999999</v>
      </c>
      <c r="AP1204">
        <v>19019.280360000001</v>
      </c>
    </row>
    <row r="1205" spans="2:42" x14ac:dyDescent="0.3">
      <c r="B1205">
        <v>56.764297808229124</v>
      </c>
      <c r="C1205" s="83">
        <v>43151.125</v>
      </c>
      <c r="D1205">
        <v>249633.21960000001</v>
      </c>
      <c r="E1205">
        <v>18293.174500000001</v>
      </c>
      <c r="F1205">
        <v>52909.03342</v>
      </c>
      <c r="G1205">
        <v>40872.891609999999</v>
      </c>
      <c r="H1205">
        <v>41881.673360000001</v>
      </c>
      <c r="I1205">
        <v>20409.556390000002</v>
      </c>
      <c r="J1205">
        <v>34750.615189999997</v>
      </c>
      <c r="K1205">
        <v>50094.609510000002</v>
      </c>
      <c r="L1205">
        <v>20052.780620000001</v>
      </c>
      <c r="M1205">
        <v>289410.86180000001</v>
      </c>
      <c r="N1205">
        <v>76984.398239999995</v>
      </c>
      <c r="O1205">
        <v>26088.997459999999</v>
      </c>
      <c r="P1205">
        <v>33559.152020000001</v>
      </c>
      <c r="Q1205">
        <v>83860.530920000005</v>
      </c>
      <c r="R1205">
        <v>26402.729439999999</v>
      </c>
      <c r="S1205">
        <v>83021.613039999997</v>
      </c>
      <c r="T1205">
        <v>28612.526730000001</v>
      </c>
      <c r="U1205">
        <v>19245.857410000001</v>
      </c>
      <c r="W1205" s="83">
        <f>Bühler!N1237</f>
        <v>45342.124999997082</v>
      </c>
      <c r="X1205" s="83">
        <v>43151.125</v>
      </c>
      <c r="Y1205">
        <v>249633.21960000001</v>
      </c>
      <c r="Z1205">
        <v>18293.174500000001</v>
      </c>
      <c r="AA1205">
        <v>52909.03342</v>
      </c>
      <c r="AB1205">
        <v>40872.891609999999</v>
      </c>
      <c r="AC1205">
        <v>41881.673360000001</v>
      </c>
      <c r="AD1205">
        <v>20409.556390000002</v>
      </c>
      <c r="AE1205">
        <v>34750.615189999997</v>
      </c>
      <c r="AF1205">
        <v>50094.609510000002</v>
      </c>
      <c r="AG1205">
        <v>20052.780620000001</v>
      </c>
      <c r="AH1205">
        <v>289410.86180000001</v>
      </c>
      <c r="AI1205">
        <v>76984.398239999995</v>
      </c>
      <c r="AJ1205">
        <v>26088.997459999999</v>
      </c>
      <c r="AK1205">
        <v>33559.152020000001</v>
      </c>
      <c r="AL1205">
        <v>83860.530920000005</v>
      </c>
      <c r="AM1205">
        <v>26402.729439999999</v>
      </c>
      <c r="AN1205">
        <v>83021.613039999997</v>
      </c>
      <c r="AO1205">
        <v>28612.526730000001</v>
      </c>
      <c r="AP1205">
        <v>19245.857410000001</v>
      </c>
    </row>
    <row r="1206" spans="2:42" x14ac:dyDescent="0.3">
      <c r="B1206">
        <v>58.000263327535258</v>
      </c>
      <c r="C1206" s="83">
        <v>43151.166666666664</v>
      </c>
      <c r="D1206">
        <v>251780.49100000001</v>
      </c>
      <c r="E1206">
        <v>18857.008109999999</v>
      </c>
      <c r="F1206">
        <v>56455.284699999997</v>
      </c>
      <c r="G1206">
        <v>41105.346369999999</v>
      </c>
      <c r="H1206">
        <v>42425.133410000002</v>
      </c>
      <c r="I1206">
        <v>24112.239150000001</v>
      </c>
      <c r="J1206">
        <v>37472.205150000002</v>
      </c>
      <c r="K1206">
        <v>48589.592320000003</v>
      </c>
      <c r="L1206">
        <v>20048.557229999999</v>
      </c>
      <c r="M1206">
        <v>295712.39039999997</v>
      </c>
      <c r="N1206">
        <v>76430.959480000005</v>
      </c>
      <c r="O1206">
        <v>26569.13551</v>
      </c>
      <c r="P1206">
        <v>33115.783519999997</v>
      </c>
      <c r="Q1206">
        <v>88701.286850000004</v>
      </c>
      <c r="R1206">
        <v>26151.244579999999</v>
      </c>
      <c r="S1206">
        <v>84336.748860000007</v>
      </c>
      <c r="T1206">
        <v>28449.719450000001</v>
      </c>
      <c r="U1206">
        <v>19648.401549999999</v>
      </c>
      <c r="W1206" s="83">
        <f>Bühler!N1238</f>
        <v>45342.166666663747</v>
      </c>
      <c r="X1206" s="83">
        <v>43151.166666666664</v>
      </c>
      <c r="Y1206">
        <v>251780.49100000001</v>
      </c>
      <c r="Z1206">
        <v>18857.008109999999</v>
      </c>
      <c r="AA1206">
        <v>56455.284699999997</v>
      </c>
      <c r="AB1206">
        <v>41105.346369999999</v>
      </c>
      <c r="AC1206">
        <v>42425.133410000002</v>
      </c>
      <c r="AD1206">
        <v>24112.239150000001</v>
      </c>
      <c r="AE1206">
        <v>37472.205150000002</v>
      </c>
      <c r="AF1206">
        <v>48589.592320000003</v>
      </c>
      <c r="AG1206">
        <v>20048.557229999999</v>
      </c>
      <c r="AH1206">
        <v>295712.39039999997</v>
      </c>
      <c r="AI1206">
        <v>76430.959480000005</v>
      </c>
      <c r="AJ1206">
        <v>26569.13551</v>
      </c>
      <c r="AK1206">
        <v>33115.783519999997</v>
      </c>
      <c r="AL1206">
        <v>88701.286850000004</v>
      </c>
      <c r="AM1206">
        <v>26151.244579999999</v>
      </c>
      <c r="AN1206">
        <v>84336.748860000007</v>
      </c>
      <c r="AO1206">
        <v>28449.719450000001</v>
      </c>
      <c r="AP1206">
        <v>19648.401549999999</v>
      </c>
    </row>
    <row r="1207" spans="2:42" x14ac:dyDescent="0.3">
      <c r="B1207">
        <v>61.546075202614894</v>
      </c>
      <c r="C1207" s="83">
        <v>43151.208333333336</v>
      </c>
      <c r="D1207">
        <v>267690.79989999998</v>
      </c>
      <c r="E1207">
        <v>20840.60514</v>
      </c>
      <c r="F1207">
        <v>67385.256819999995</v>
      </c>
      <c r="G1207">
        <v>43627.674019999999</v>
      </c>
      <c r="H1207">
        <v>44118.999889999999</v>
      </c>
      <c r="I1207">
        <v>31323.822950000002</v>
      </c>
      <c r="J1207">
        <v>40486.81871</v>
      </c>
      <c r="K1207">
        <v>49405.254610000004</v>
      </c>
      <c r="L1207">
        <v>20712.494849999999</v>
      </c>
      <c r="M1207">
        <v>313790.59289999999</v>
      </c>
      <c r="N1207">
        <v>78311.922720000002</v>
      </c>
      <c r="O1207">
        <v>27374.34001</v>
      </c>
      <c r="P1207">
        <v>34002.705840000002</v>
      </c>
      <c r="Q1207">
        <v>91874.517739999996</v>
      </c>
      <c r="R1207">
        <v>28713.724829999999</v>
      </c>
      <c r="S1207">
        <v>86343.395139999993</v>
      </c>
      <c r="T1207">
        <v>29839.106039999999</v>
      </c>
      <c r="U1207">
        <v>21797.426289999999</v>
      </c>
      <c r="W1207" s="83">
        <f>Bühler!N1239</f>
        <v>45342.208333330411</v>
      </c>
      <c r="X1207" s="83">
        <v>43151.208333333336</v>
      </c>
      <c r="Y1207">
        <v>267690.79989999998</v>
      </c>
      <c r="Z1207">
        <v>20840.60514</v>
      </c>
      <c r="AA1207">
        <v>67385.256819999995</v>
      </c>
      <c r="AB1207">
        <v>43627.674019999999</v>
      </c>
      <c r="AC1207">
        <v>44118.999889999999</v>
      </c>
      <c r="AD1207">
        <v>31323.822950000002</v>
      </c>
      <c r="AE1207">
        <v>40486.81871</v>
      </c>
      <c r="AF1207">
        <v>49405.254610000004</v>
      </c>
      <c r="AG1207">
        <v>20712.494849999999</v>
      </c>
      <c r="AH1207">
        <v>313790.59289999999</v>
      </c>
      <c r="AI1207">
        <v>78311.922720000002</v>
      </c>
      <c r="AJ1207">
        <v>27374.34001</v>
      </c>
      <c r="AK1207">
        <v>34002.705840000002</v>
      </c>
      <c r="AL1207">
        <v>91874.517739999996</v>
      </c>
      <c r="AM1207">
        <v>28713.724829999999</v>
      </c>
      <c r="AN1207">
        <v>86343.395139999993</v>
      </c>
      <c r="AO1207">
        <v>29839.106039999999</v>
      </c>
      <c r="AP1207">
        <v>21797.426289999999</v>
      </c>
    </row>
    <row r="1208" spans="2:42" x14ac:dyDescent="0.3">
      <c r="B1208">
        <v>64.767078480573389</v>
      </c>
      <c r="C1208" s="83">
        <v>43151.25</v>
      </c>
      <c r="D1208">
        <v>283205.50839999999</v>
      </c>
      <c r="E1208">
        <v>25251.677039999999</v>
      </c>
      <c r="F1208">
        <v>78216.91661</v>
      </c>
      <c r="G1208">
        <v>51727.125719999996</v>
      </c>
      <c r="H1208">
        <v>47802.521800000002</v>
      </c>
      <c r="I1208">
        <v>39271.890010000003</v>
      </c>
      <c r="J1208">
        <v>43871.120369999997</v>
      </c>
      <c r="K1208">
        <v>51031.665820000002</v>
      </c>
      <c r="L1208">
        <v>22574.303540000001</v>
      </c>
      <c r="M1208">
        <v>330212.7697</v>
      </c>
      <c r="N1208">
        <v>81442.754239999995</v>
      </c>
      <c r="O1208">
        <v>28527.793020000001</v>
      </c>
      <c r="P1208">
        <v>34004.564890000001</v>
      </c>
      <c r="Q1208">
        <v>93075.80661</v>
      </c>
      <c r="R1208">
        <v>20852.354319999999</v>
      </c>
      <c r="S1208">
        <v>93827.271080000006</v>
      </c>
      <c r="T1208">
        <v>32989.89862</v>
      </c>
      <c r="U1208">
        <v>23439.779839999999</v>
      </c>
      <c r="W1208" s="83">
        <f>Bühler!N1240</f>
        <v>45342.249999997075</v>
      </c>
      <c r="X1208" s="83">
        <v>43151.25</v>
      </c>
      <c r="Y1208">
        <v>283205.50839999999</v>
      </c>
      <c r="Z1208">
        <v>25251.677039999999</v>
      </c>
      <c r="AA1208">
        <v>78216.91661</v>
      </c>
      <c r="AB1208">
        <v>51727.125719999996</v>
      </c>
      <c r="AC1208">
        <v>47802.521800000002</v>
      </c>
      <c r="AD1208">
        <v>39271.890010000003</v>
      </c>
      <c r="AE1208">
        <v>43871.120369999997</v>
      </c>
      <c r="AF1208">
        <v>51031.665820000002</v>
      </c>
      <c r="AG1208">
        <v>22574.303540000001</v>
      </c>
      <c r="AH1208">
        <v>330212.7697</v>
      </c>
      <c r="AI1208">
        <v>81442.754239999995</v>
      </c>
      <c r="AJ1208">
        <v>28527.793020000001</v>
      </c>
      <c r="AK1208">
        <v>34004.564890000001</v>
      </c>
      <c r="AL1208">
        <v>93075.80661</v>
      </c>
      <c r="AM1208">
        <v>20852.354319999999</v>
      </c>
      <c r="AN1208">
        <v>93827.271080000006</v>
      </c>
      <c r="AO1208">
        <v>32989.89862</v>
      </c>
      <c r="AP1208">
        <v>23439.779839999999</v>
      </c>
    </row>
    <row r="1209" spans="2:42" x14ac:dyDescent="0.3">
      <c r="B1209">
        <v>66.564015909503425</v>
      </c>
      <c r="C1209" s="83">
        <v>43151.291666666664</v>
      </c>
      <c r="D1209">
        <v>297349.2991</v>
      </c>
      <c r="E1209">
        <v>30657.295529999999</v>
      </c>
      <c r="F1209">
        <v>80576.424060000005</v>
      </c>
      <c r="G1209">
        <v>62086.465819999998</v>
      </c>
      <c r="H1209">
        <v>53753.327680000002</v>
      </c>
      <c r="I1209">
        <v>47970.729650000001</v>
      </c>
      <c r="J1209">
        <v>45609.694949999997</v>
      </c>
      <c r="K1209">
        <v>55024.339090000001</v>
      </c>
      <c r="L1209">
        <v>25433.203580000001</v>
      </c>
      <c r="M1209">
        <v>339374.3947</v>
      </c>
      <c r="N1209">
        <v>86144.065919999994</v>
      </c>
      <c r="O1209">
        <v>31087.939630000001</v>
      </c>
      <c r="P1209">
        <v>37725.60282</v>
      </c>
      <c r="Q1209">
        <v>93459.069789999994</v>
      </c>
      <c r="R1209">
        <v>22193.743719999999</v>
      </c>
      <c r="S1209">
        <v>108313.65889999999</v>
      </c>
      <c r="T1209">
        <v>34256.667439999997</v>
      </c>
      <c r="U1209">
        <v>28392.049029999998</v>
      </c>
      <c r="W1209" s="83">
        <f>Bühler!N1241</f>
        <v>45342.291666663739</v>
      </c>
      <c r="X1209" s="83">
        <v>43151.291666666664</v>
      </c>
      <c r="Y1209">
        <v>297349.2991</v>
      </c>
      <c r="Z1209">
        <v>30657.295529999999</v>
      </c>
      <c r="AA1209">
        <v>80576.424060000005</v>
      </c>
      <c r="AB1209">
        <v>62086.465819999998</v>
      </c>
      <c r="AC1209">
        <v>53753.327680000002</v>
      </c>
      <c r="AD1209">
        <v>47970.729650000001</v>
      </c>
      <c r="AE1209">
        <v>45609.694949999997</v>
      </c>
      <c r="AF1209">
        <v>55024.339090000001</v>
      </c>
      <c r="AG1209">
        <v>25433.203580000001</v>
      </c>
      <c r="AH1209">
        <v>339374.3947</v>
      </c>
      <c r="AI1209">
        <v>86144.065919999994</v>
      </c>
      <c r="AJ1209">
        <v>31087.939630000001</v>
      </c>
      <c r="AK1209">
        <v>37725.60282</v>
      </c>
      <c r="AL1209">
        <v>93459.069789999994</v>
      </c>
      <c r="AM1209">
        <v>22193.743719999999</v>
      </c>
      <c r="AN1209">
        <v>108313.65889999999</v>
      </c>
      <c r="AO1209">
        <v>34256.667439999997</v>
      </c>
      <c r="AP1209">
        <v>28392.049029999998</v>
      </c>
    </row>
    <row r="1210" spans="2:42" x14ac:dyDescent="0.3">
      <c r="B1210">
        <v>66.577625864997088</v>
      </c>
      <c r="C1210" s="83">
        <v>43151.333333333336</v>
      </c>
      <c r="D1210">
        <v>307940.19949999999</v>
      </c>
      <c r="E1210">
        <v>36459.864009999998</v>
      </c>
      <c r="F1210">
        <v>85492.219549999994</v>
      </c>
      <c r="G1210">
        <v>68966.030440000002</v>
      </c>
      <c r="H1210">
        <v>58110.080300000001</v>
      </c>
      <c r="I1210">
        <v>50024.256849999998</v>
      </c>
      <c r="J1210">
        <v>46059.735289999997</v>
      </c>
      <c r="K1210">
        <v>59539.94947</v>
      </c>
      <c r="L1210">
        <v>27868.592659999998</v>
      </c>
      <c r="M1210">
        <v>339443.78460000001</v>
      </c>
      <c r="N1210">
        <v>93655.507530000003</v>
      </c>
      <c r="O1210">
        <v>32611.562900000001</v>
      </c>
      <c r="P1210">
        <v>40403.422429999999</v>
      </c>
      <c r="Q1210">
        <v>94478.475120000003</v>
      </c>
      <c r="R1210">
        <v>24192.285390000001</v>
      </c>
      <c r="S1210">
        <v>121083.46400000001</v>
      </c>
      <c r="T1210">
        <v>37456.645210000002</v>
      </c>
      <c r="U1210">
        <v>30699.22984</v>
      </c>
      <c r="W1210" s="83">
        <f>Bühler!N1242</f>
        <v>45342.333333330404</v>
      </c>
      <c r="X1210" s="83">
        <v>43151.333333333336</v>
      </c>
      <c r="Y1210">
        <v>307940.19949999999</v>
      </c>
      <c r="Z1210">
        <v>36459.864009999998</v>
      </c>
      <c r="AA1210">
        <v>85492.219549999994</v>
      </c>
      <c r="AB1210">
        <v>68966.030440000002</v>
      </c>
      <c r="AC1210">
        <v>58110.080300000001</v>
      </c>
      <c r="AD1210">
        <v>50024.256849999998</v>
      </c>
      <c r="AE1210">
        <v>46059.735289999997</v>
      </c>
      <c r="AF1210">
        <v>59539.94947</v>
      </c>
      <c r="AG1210">
        <v>27868.592659999998</v>
      </c>
      <c r="AH1210">
        <v>339443.78460000001</v>
      </c>
      <c r="AI1210">
        <v>93655.507530000003</v>
      </c>
      <c r="AJ1210">
        <v>32611.562900000001</v>
      </c>
      <c r="AK1210">
        <v>40403.422429999999</v>
      </c>
      <c r="AL1210">
        <v>94478.475120000003</v>
      </c>
      <c r="AM1210">
        <v>24192.285390000001</v>
      </c>
      <c r="AN1210">
        <v>121083.46400000001</v>
      </c>
      <c r="AO1210">
        <v>37456.645210000002</v>
      </c>
      <c r="AP1210">
        <v>30699.22984</v>
      </c>
    </row>
    <row r="1211" spans="2:42" x14ac:dyDescent="0.3">
      <c r="B1211">
        <v>65.857013458523753</v>
      </c>
      <c r="C1211" s="83">
        <v>43151.375</v>
      </c>
      <c r="D1211">
        <v>309487.342</v>
      </c>
      <c r="E1211">
        <v>40671.730629999998</v>
      </c>
      <c r="F1211">
        <v>89948.385399999999</v>
      </c>
      <c r="G1211">
        <v>74079.728430000003</v>
      </c>
      <c r="H1211">
        <v>60224.864309999997</v>
      </c>
      <c r="I1211">
        <v>47541.438199999997</v>
      </c>
      <c r="J1211">
        <v>45340.628850000001</v>
      </c>
      <c r="K1211">
        <v>58553.194799999997</v>
      </c>
      <c r="L1211">
        <v>31123.02277</v>
      </c>
      <c r="M1211">
        <v>335769.76650000003</v>
      </c>
      <c r="N1211">
        <v>102868.4255</v>
      </c>
      <c r="O1211">
        <v>31959.415130000001</v>
      </c>
      <c r="P1211">
        <v>41874.31078</v>
      </c>
      <c r="Q1211">
        <v>95173.086349999998</v>
      </c>
      <c r="R1211">
        <v>24228.550640000001</v>
      </c>
      <c r="S1211">
        <v>126340.1648</v>
      </c>
      <c r="T1211">
        <v>38709.733500000002</v>
      </c>
      <c r="U1211">
        <v>30087.503710000001</v>
      </c>
      <c r="W1211" s="83">
        <f>Bühler!N1243</f>
        <v>45342.374999997068</v>
      </c>
      <c r="X1211" s="83">
        <v>43151.375</v>
      </c>
      <c r="Y1211">
        <v>309487.342</v>
      </c>
      <c r="Z1211">
        <v>40671.730629999998</v>
      </c>
      <c r="AA1211">
        <v>89948.385399999999</v>
      </c>
      <c r="AB1211">
        <v>74079.728430000003</v>
      </c>
      <c r="AC1211">
        <v>60224.864309999997</v>
      </c>
      <c r="AD1211">
        <v>47541.438199999997</v>
      </c>
      <c r="AE1211">
        <v>45340.628850000001</v>
      </c>
      <c r="AF1211">
        <v>58553.194799999997</v>
      </c>
      <c r="AG1211">
        <v>31123.02277</v>
      </c>
      <c r="AH1211">
        <v>335769.76650000003</v>
      </c>
      <c r="AI1211">
        <v>102868.4255</v>
      </c>
      <c r="AJ1211">
        <v>31959.415130000001</v>
      </c>
      <c r="AK1211">
        <v>41874.31078</v>
      </c>
      <c r="AL1211">
        <v>95173.086349999998</v>
      </c>
      <c r="AM1211">
        <v>24228.550640000001</v>
      </c>
      <c r="AN1211">
        <v>126340.1648</v>
      </c>
      <c r="AO1211">
        <v>38709.733500000002</v>
      </c>
      <c r="AP1211">
        <v>30087.503710000001</v>
      </c>
    </row>
    <row r="1212" spans="2:42" x14ac:dyDescent="0.3">
      <c r="B1212">
        <v>66.761869015191095</v>
      </c>
      <c r="C1212" s="83">
        <v>43151.416666666664</v>
      </c>
      <c r="D1212">
        <v>311622.98</v>
      </c>
      <c r="E1212">
        <v>42257.356760000002</v>
      </c>
      <c r="F1212">
        <v>91356.373070000001</v>
      </c>
      <c r="G1212">
        <v>75779.931960000002</v>
      </c>
      <c r="H1212">
        <v>60599.907700000003</v>
      </c>
      <c r="I1212">
        <v>44849.472320000001</v>
      </c>
      <c r="J1212">
        <v>44895.709799999997</v>
      </c>
      <c r="K1212">
        <v>60817.543919999996</v>
      </c>
      <c r="L1212">
        <v>34145.623749999999</v>
      </c>
      <c r="M1212">
        <v>340383.1421</v>
      </c>
      <c r="N1212">
        <v>109299.8955</v>
      </c>
      <c r="O1212">
        <v>31826.652249999999</v>
      </c>
      <c r="P1212">
        <v>41931.27173</v>
      </c>
      <c r="Q1212">
        <v>95034.449569999997</v>
      </c>
      <c r="R1212">
        <v>24773.984059999999</v>
      </c>
      <c r="S1212">
        <v>127342.24249999999</v>
      </c>
      <c r="T1212">
        <v>40553.427799999998</v>
      </c>
      <c r="U1212">
        <v>29814.218659999999</v>
      </c>
      <c r="W1212" s="83">
        <f>Bühler!N1244</f>
        <v>45342.416666663732</v>
      </c>
      <c r="X1212" s="83">
        <v>43151.416666666664</v>
      </c>
      <c r="Y1212">
        <v>311622.98</v>
      </c>
      <c r="Z1212">
        <v>42257.356760000002</v>
      </c>
      <c r="AA1212">
        <v>91356.373070000001</v>
      </c>
      <c r="AB1212">
        <v>75779.931960000002</v>
      </c>
      <c r="AC1212">
        <v>60599.907700000003</v>
      </c>
      <c r="AD1212">
        <v>44849.472320000001</v>
      </c>
      <c r="AE1212">
        <v>44895.709799999997</v>
      </c>
      <c r="AF1212">
        <v>60817.543919999996</v>
      </c>
      <c r="AG1212">
        <v>34145.623749999999</v>
      </c>
      <c r="AH1212">
        <v>340383.1421</v>
      </c>
      <c r="AI1212">
        <v>109299.8955</v>
      </c>
      <c r="AJ1212">
        <v>31826.652249999999</v>
      </c>
      <c r="AK1212">
        <v>41931.27173</v>
      </c>
      <c r="AL1212">
        <v>95034.449569999997</v>
      </c>
      <c r="AM1212">
        <v>24773.984059999999</v>
      </c>
      <c r="AN1212">
        <v>127342.24249999999</v>
      </c>
      <c r="AO1212">
        <v>40553.427799999998</v>
      </c>
      <c r="AP1212">
        <v>29814.218659999999</v>
      </c>
    </row>
    <row r="1213" spans="2:42" x14ac:dyDescent="0.3">
      <c r="B1213">
        <v>67.382655147278413</v>
      </c>
      <c r="C1213" s="83">
        <v>43151.458333333336</v>
      </c>
      <c r="D1213">
        <v>311011.15950000001</v>
      </c>
      <c r="E1213">
        <v>41794.379139999997</v>
      </c>
      <c r="F1213">
        <v>92051.550279999996</v>
      </c>
      <c r="G1213">
        <v>74569.581049999993</v>
      </c>
      <c r="H1213">
        <v>60283.815849999999</v>
      </c>
      <c r="I1213">
        <v>43912.594839999998</v>
      </c>
      <c r="J1213">
        <v>44582.822950000002</v>
      </c>
      <c r="K1213">
        <v>66153.443299999999</v>
      </c>
      <c r="L1213">
        <v>34830.853569999999</v>
      </c>
      <c r="M1213">
        <v>343548.19929999998</v>
      </c>
      <c r="N1213">
        <v>109184.40330000001</v>
      </c>
      <c r="O1213">
        <v>31487.293119999998</v>
      </c>
      <c r="P1213">
        <v>41689.306600000004</v>
      </c>
      <c r="Q1213">
        <v>94521.097210000007</v>
      </c>
      <c r="R1213">
        <v>28463.0877</v>
      </c>
      <c r="S1213">
        <v>129042.1312</v>
      </c>
      <c r="T1213">
        <v>40894.917009999997</v>
      </c>
      <c r="U1213">
        <v>29263.194179999999</v>
      </c>
      <c r="W1213" s="83">
        <f>Bühler!N1245</f>
        <v>45342.458333330396</v>
      </c>
      <c r="X1213" s="83">
        <v>43151.458333333336</v>
      </c>
      <c r="Y1213">
        <v>311011.15950000001</v>
      </c>
      <c r="Z1213">
        <v>41794.379139999997</v>
      </c>
      <c r="AA1213">
        <v>92051.550279999996</v>
      </c>
      <c r="AB1213">
        <v>74569.581049999993</v>
      </c>
      <c r="AC1213">
        <v>60283.815849999999</v>
      </c>
      <c r="AD1213">
        <v>43912.594839999998</v>
      </c>
      <c r="AE1213">
        <v>44582.822950000002</v>
      </c>
      <c r="AF1213">
        <v>66153.443299999999</v>
      </c>
      <c r="AG1213">
        <v>34830.853569999999</v>
      </c>
      <c r="AH1213">
        <v>343548.19929999998</v>
      </c>
      <c r="AI1213">
        <v>109184.40330000001</v>
      </c>
      <c r="AJ1213">
        <v>31487.293119999998</v>
      </c>
      <c r="AK1213">
        <v>41689.306600000004</v>
      </c>
      <c r="AL1213">
        <v>94521.097210000007</v>
      </c>
      <c r="AM1213">
        <v>28463.0877</v>
      </c>
      <c r="AN1213">
        <v>129042.1312</v>
      </c>
      <c r="AO1213">
        <v>40894.917009999997</v>
      </c>
      <c r="AP1213">
        <v>29263.194179999999</v>
      </c>
    </row>
    <row r="1214" spans="2:42" x14ac:dyDescent="0.3">
      <c r="B1214">
        <v>66.21792595192548</v>
      </c>
      <c r="C1214" s="83">
        <v>43151.5</v>
      </c>
      <c r="D1214">
        <v>300280.58990000002</v>
      </c>
      <c r="E1214">
        <v>37600.576009999997</v>
      </c>
      <c r="F1214">
        <v>86678.737840000002</v>
      </c>
      <c r="G1214">
        <v>71625.347659999999</v>
      </c>
      <c r="H1214">
        <v>57134.704960000003</v>
      </c>
      <c r="I1214">
        <v>41203.390509999997</v>
      </c>
      <c r="J1214">
        <v>44441.804969999997</v>
      </c>
      <c r="K1214">
        <v>63306.084790000001</v>
      </c>
      <c r="L1214">
        <v>37184.888720000003</v>
      </c>
      <c r="M1214">
        <v>337609.86670000001</v>
      </c>
      <c r="N1214">
        <v>103860.8187</v>
      </c>
      <c r="O1214">
        <v>30535.274730000001</v>
      </c>
      <c r="P1214">
        <v>41753.307739999997</v>
      </c>
      <c r="Q1214">
        <v>93418.235050000003</v>
      </c>
      <c r="R1214">
        <v>27659.303189999999</v>
      </c>
      <c r="S1214">
        <v>122046.05250000001</v>
      </c>
      <c r="T1214">
        <v>41099.550840000004</v>
      </c>
      <c r="U1214">
        <v>25826.552360000001</v>
      </c>
      <c r="W1214" s="83">
        <f>Bühler!N1246</f>
        <v>45342.499999997061</v>
      </c>
      <c r="X1214" s="83">
        <v>43151.5</v>
      </c>
      <c r="Y1214">
        <v>300280.58990000002</v>
      </c>
      <c r="Z1214">
        <v>37600.576009999997</v>
      </c>
      <c r="AA1214">
        <v>86678.737840000002</v>
      </c>
      <c r="AB1214">
        <v>71625.347659999999</v>
      </c>
      <c r="AC1214">
        <v>57134.704960000003</v>
      </c>
      <c r="AD1214">
        <v>41203.390509999997</v>
      </c>
      <c r="AE1214">
        <v>44441.804969999997</v>
      </c>
      <c r="AF1214">
        <v>63306.084790000001</v>
      </c>
      <c r="AG1214">
        <v>37184.888720000003</v>
      </c>
      <c r="AH1214">
        <v>337609.86670000001</v>
      </c>
      <c r="AI1214">
        <v>103860.8187</v>
      </c>
      <c r="AJ1214">
        <v>30535.274730000001</v>
      </c>
      <c r="AK1214">
        <v>41753.307739999997</v>
      </c>
      <c r="AL1214">
        <v>93418.235050000003</v>
      </c>
      <c r="AM1214">
        <v>27659.303189999999</v>
      </c>
      <c r="AN1214">
        <v>122046.05250000001</v>
      </c>
      <c r="AO1214">
        <v>41099.550840000004</v>
      </c>
      <c r="AP1214">
        <v>25826.552360000001</v>
      </c>
    </row>
    <row r="1215" spans="2:42" x14ac:dyDescent="0.3">
      <c r="B1215">
        <v>65.580162047662299</v>
      </c>
      <c r="C1215" s="83">
        <v>43151.541666666664</v>
      </c>
      <c r="D1215">
        <v>300758.25929999998</v>
      </c>
      <c r="E1215">
        <v>37142.091209999999</v>
      </c>
      <c r="F1215">
        <v>83149.824399999998</v>
      </c>
      <c r="G1215">
        <v>69973.217860000004</v>
      </c>
      <c r="H1215">
        <v>57548.593840000001</v>
      </c>
      <c r="I1215">
        <v>40981.778559999999</v>
      </c>
      <c r="J1215">
        <v>43274.067309999999</v>
      </c>
      <c r="K1215">
        <v>65349.393329999999</v>
      </c>
      <c r="L1215">
        <v>35534.252820000002</v>
      </c>
      <c r="M1215">
        <v>334358.24890000001</v>
      </c>
      <c r="N1215">
        <v>104568.4094</v>
      </c>
      <c r="O1215">
        <v>30651.646860000001</v>
      </c>
      <c r="P1215">
        <v>41493.859210000002</v>
      </c>
      <c r="Q1215">
        <v>91211.820730000007</v>
      </c>
      <c r="R1215">
        <v>26710.817520000001</v>
      </c>
      <c r="S1215">
        <v>121087.7794</v>
      </c>
      <c r="T1215">
        <v>39421.28052</v>
      </c>
      <c r="U1215">
        <v>26859.713520000001</v>
      </c>
      <c r="W1215" s="83">
        <f>Bühler!N1247</f>
        <v>45342.541666663725</v>
      </c>
      <c r="X1215" s="83">
        <v>43151.541666666664</v>
      </c>
      <c r="Y1215">
        <v>300758.25929999998</v>
      </c>
      <c r="Z1215">
        <v>37142.091209999999</v>
      </c>
      <c r="AA1215">
        <v>83149.824399999998</v>
      </c>
      <c r="AB1215">
        <v>69973.217860000004</v>
      </c>
      <c r="AC1215">
        <v>57548.593840000001</v>
      </c>
      <c r="AD1215">
        <v>40981.778559999999</v>
      </c>
      <c r="AE1215">
        <v>43274.067309999999</v>
      </c>
      <c r="AF1215">
        <v>65349.393329999999</v>
      </c>
      <c r="AG1215">
        <v>35534.252820000002</v>
      </c>
      <c r="AH1215">
        <v>334358.24890000001</v>
      </c>
      <c r="AI1215">
        <v>104568.4094</v>
      </c>
      <c r="AJ1215">
        <v>30651.646860000001</v>
      </c>
      <c r="AK1215">
        <v>41493.859210000002</v>
      </c>
      <c r="AL1215">
        <v>91211.820730000007</v>
      </c>
      <c r="AM1215">
        <v>26710.817520000001</v>
      </c>
      <c r="AN1215">
        <v>121087.7794</v>
      </c>
      <c r="AO1215">
        <v>39421.28052</v>
      </c>
      <c r="AP1215">
        <v>26859.713520000001</v>
      </c>
    </row>
    <row r="1216" spans="2:42" x14ac:dyDescent="0.3">
      <c r="B1216">
        <v>66.36226606337118</v>
      </c>
      <c r="C1216" s="83">
        <v>43151.583333333336</v>
      </c>
      <c r="D1216">
        <v>305438.2536</v>
      </c>
      <c r="E1216">
        <v>39825.391439999999</v>
      </c>
      <c r="F1216">
        <v>89215.256009999997</v>
      </c>
      <c r="G1216">
        <v>68222.378790000002</v>
      </c>
      <c r="H1216">
        <v>56868.788520000002</v>
      </c>
      <c r="I1216">
        <v>41004.827190000004</v>
      </c>
      <c r="J1216">
        <v>42684.410940000002</v>
      </c>
      <c r="K1216">
        <v>66715.812059999997</v>
      </c>
      <c r="L1216">
        <v>32114.251810000002</v>
      </c>
      <c r="M1216">
        <v>338345.77990000002</v>
      </c>
      <c r="N1216">
        <v>107093.3507</v>
      </c>
      <c r="O1216">
        <v>29508.503120000001</v>
      </c>
      <c r="P1216">
        <v>37472.20665</v>
      </c>
      <c r="Q1216">
        <v>90713.84908</v>
      </c>
      <c r="R1216">
        <v>26273.797490000001</v>
      </c>
      <c r="S1216">
        <v>114708.4522</v>
      </c>
      <c r="T1216">
        <v>37813.152739999998</v>
      </c>
      <c r="U1216">
        <v>27670.966069999999</v>
      </c>
      <c r="W1216" s="83">
        <f>Bühler!N1248</f>
        <v>45342.583333330389</v>
      </c>
      <c r="X1216" s="83">
        <v>43151.583333333336</v>
      </c>
      <c r="Y1216">
        <v>305438.2536</v>
      </c>
      <c r="Z1216">
        <v>39825.391439999999</v>
      </c>
      <c r="AA1216">
        <v>89215.256009999997</v>
      </c>
      <c r="AB1216">
        <v>68222.378790000002</v>
      </c>
      <c r="AC1216">
        <v>56868.788520000002</v>
      </c>
      <c r="AD1216">
        <v>41004.827190000004</v>
      </c>
      <c r="AE1216">
        <v>42684.410940000002</v>
      </c>
      <c r="AF1216">
        <v>66715.812059999997</v>
      </c>
      <c r="AG1216">
        <v>32114.251810000002</v>
      </c>
      <c r="AH1216">
        <v>338345.77990000002</v>
      </c>
      <c r="AI1216">
        <v>107093.3507</v>
      </c>
      <c r="AJ1216">
        <v>29508.503120000001</v>
      </c>
      <c r="AK1216">
        <v>37472.20665</v>
      </c>
      <c r="AL1216">
        <v>90713.84908</v>
      </c>
      <c r="AM1216">
        <v>26273.797490000001</v>
      </c>
      <c r="AN1216">
        <v>114708.4522</v>
      </c>
      <c r="AO1216">
        <v>37813.152739999998</v>
      </c>
      <c r="AP1216">
        <v>27670.966069999999</v>
      </c>
    </row>
    <row r="1217" spans="2:42" x14ac:dyDescent="0.3">
      <c r="B1217">
        <v>65.572770236581803</v>
      </c>
      <c r="C1217" s="83">
        <v>43151.625</v>
      </c>
      <c r="D1217">
        <v>302171.41320000001</v>
      </c>
      <c r="E1217">
        <v>39385.876669999998</v>
      </c>
      <c r="F1217">
        <v>90230.172200000001</v>
      </c>
      <c r="G1217">
        <v>65818.25361</v>
      </c>
      <c r="H1217">
        <v>55459.307030000004</v>
      </c>
      <c r="I1217">
        <v>40777.104379999997</v>
      </c>
      <c r="J1217">
        <v>42588.385580000002</v>
      </c>
      <c r="K1217">
        <v>63920.332499999997</v>
      </c>
      <c r="L1217">
        <v>28773.705000000002</v>
      </c>
      <c r="M1217">
        <v>334320.56199999998</v>
      </c>
      <c r="N1217">
        <v>105778.92819999999</v>
      </c>
      <c r="O1217">
        <v>28536.740580000002</v>
      </c>
      <c r="P1217">
        <v>34567.072999999997</v>
      </c>
      <c r="Q1217">
        <v>90201.325729999997</v>
      </c>
      <c r="R1217">
        <v>26023.440910000001</v>
      </c>
      <c r="S1217">
        <v>111353.6341</v>
      </c>
      <c r="T1217">
        <v>37243.002860000001</v>
      </c>
      <c r="U1217">
        <v>26639.981100000001</v>
      </c>
      <c r="W1217" s="83">
        <f>Bühler!N1249</f>
        <v>45342.624999997053</v>
      </c>
      <c r="X1217" s="83">
        <v>43151.625</v>
      </c>
      <c r="Y1217">
        <v>302171.41320000001</v>
      </c>
      <c r="Z1217">
        <v>39385.876669999998</v>
      </c>
      <c r="AA1217">
        <v>90230.172200000001</v>
      </c>
      <c r="AB1217">
        <v>65818.25361</v>
      </c>
      <c r="AC1217">
        <v>55459.307030000004</v>
      </c>
      <c r="AD1217">
        <v>40777.104379999997</v>
      </c>
      <c r="AE1217">
        <v>42588.385580000002</v>
      </c>
      <c r="AF1217">
        <v>63920.332499999997</v>
      </c>
      <c r="AG1217">
        <v>28773.705000000002</v>
      </c>
      <c r="AH1217">
        <v>334320.56199999998</v>
      </c>
      <c r="AI1217">
        <v>105778.92819999999</v>
      </c>
      <c r="AJ1217">
        <v>28536.740580000002</v>
      </c>
      <c r="AK1217">
        <v>34567.072999999997</v>
      </c>
      <c r="AL1217">
        <v>90201.325729999997</v>
      </c>
      <c r="AM1217">
        <v>26023.440910000001</v>
      </c>
      <c r="AN1217">
        <v>111353.6341</v>
      </c>
      <c r="AO1217">
        <v>37243.002860000001</v>
      </c>
      <c r="AP1217">
        <v>26639.981100000001</v>
      </c>
    </row>
    <row r="1218" spans="2:42" x14ac:dyDescent="0.3">
      <c r="B1218">
        <v>64.497207129520746</v>
      </c>
      <c r="C1218" s="83">
        <v>43151.666666666664</v>
      </c>
      <c r="D1218">
        <v>297068.99819999997</v>
      </c>
      <c r="E1218">
        <v>38278.926890000002</v>
      </c>
      <c r="F1218">
        <v>90013.815289999999</v>
      </c>
      <c r="G1218">
        <v>63492.440320000002</v>
      </c>
      <c r="H1218">
        <v>53501.680240000002</v>
      </c>
      <c r="I1218">
        <v>42452.452539999998</v>
      </c>
      <c r="J1218">
        <v>41317.82056</v>
      </c>
      <c r="K1218">
        <v>61199.762390000004</v>
      </c>
      <c r="L1218">
        <v>27862.359079999998</v>
      </c>
      <c r="M1218">
        <v>328836.83970000001</v>
      </c>
      <c r="N1218">
        <v>100674.18769999999</v>
      </c>
      <c r="O1218">
        <v>28647.628710000001</v>
      </c>
      <c r="P1218">
        <v>34927.645279999997</v>
      </c>
      <c r="Q1218">
        <v>89150.88</v>
      </c>
      <c r="R1218">
        <v>25269.18619</v>
      </c>
      <c r="S1218">
        <v>109322.7896</v>
      </c>
      <c r="T1218">
        <v>36453.270320000003</v>
      </c>
      <c r="U1218">
        <v>24730.547200000001</v>
      </c>
      <c r="W1218" s="83">
        <f>Bühler!N1250</f>
        <v>45342.666666663717</v>
      </c>
      <c r="X1218" s="83">
        <v>43151.666666666664</v>
      </c>
      <c r="Y1218">
        <v>297068.99819999997</v>
      </c>
      <c r="Z1218">
        <v>38278.926890000002</v>
      </c>
      <c r="AA1218">
        <v>90013.815289999999</v>
      </c>
      <c r="AB1218">
        <v>63492.440320000002</v>
      </c>
      <c r="AC1218">
        <v>53501.680240000002</v>
      </c>
      <c r="AD1218">
        <v>42452.452539999998</v>
      </c>
      <c r="AE1218">
        <v>41317.82056</v>
      </c>
      <c r="AF1218">
        <v>61199.762390000004</v>
      </c>
      <c r="AG1218">
        <v>27862.359079999998</v>
      </c>
      <c r="AH1218">
        <v>328836.83970000001</v>
      </c>
      <c r="AI1218">
        <v>100674.18769999999</v>
      </c>
      <c r="AJ1218">
        <v>28647.628710000001</v>
      </c>
      <c r="AK1218">
        <v>34927.645279999997</v>
      </c>
      <c r="AL1218">
        <v>89150.88</v>
      </c>
      <c r="AM1218">
        <v>25269.18619</v>
      </c>
      <c r="AN1218">
        <v>109322.7896</v>
      </c>
      <c r="AO1218">
        <v>36453.270320000003</v>
      </c>
      <c r="AP1218">
        <v>24730.547200000001</v>
      </c>
    </row>
    <row r="1219" spans="2:42" x14ac:dyDescent="0.3">
      <c r="B1219">
        <v>63.255509435470309</v>
      </c>
      <c r="C1219" s="83">
        <v>43151.708333333336</v>
      </c>
      <c r="D1219">
        <v>285229.29869999998</v>
      </c>
      <c r="E1219">
        <v>36319.408009999999</v>
      </c>
      <c r="F1219">
        <v>88939.02996</v>
      </c>
      <c r="G1219">
        <v>58755.263939999997</v>
      </c>
      <c r="H1219">
        <v>50712.178399999997</v>
      </c>
      <c r="I1219">
        <v>42033.356269999997</v>
      </c>
      <c r="J1219">
        <v>41000.598339999997</v>
      </c>
      <c r="K1219">
        <v>55413.207869999998</v>
      </c>
      <c r="L1219">
        <v>28069.40511</v>
      </c>
      <c r="M1219">
        <v>322506.0858</v>
      </c>
      <c r="N1219">
        <v>90172.667449999994</v>
      </c>
      <c r="O1219">
        <v>28168.843059999999</v>
      </c>
      <c r="P1219">
        <v>38480.140899999999</v>
      </c>
      <c r="Q1219">
        <v>88625.101379999993</v>
      </c>
      <c r="R1219">
        <v>25672.32632</v>
      </c>
      <c r="S1219">
        <v>107359.0885</v>
      </c>
      <c r="T1219">
        <v>36904.737300000001</v>
      </c>
      <c r="U1219">
        <v>22510.916450000001</v>
      </c>
      <c r="W1219" s="83">
        <f>Bühler!N1251</f>
        <v>45342.708333330382</v>
      </c>
      <c r="X1219" s="83">
        <v>43151.708333333336</v>
      </c>
      <c r="Y1219">
        <v>285229.29869999998</v>
      </c>
      <c r="Z1219">
        <v>36319.408009999999</v>
      </c>
      <c r="AA1219">
        <v>88939.02996</v>
      </c>
      <c r="AB1219">
        <v>58755.263939999997</v>
      </c>
      <c r="AC1219">
        <v>50712.178399999997</v>
      </c>
      <c r="AD1219">
        <v>42033.356269999997</v>
      </c>
      <c r="AE1219">
        <v>41000.598339999997</v>
      </c>
      <c r="AF1219">
        <v>55413.207869999998</v>
      </c>
      <c r="AG1219">
        <v>28069.40511</v>
      </c>
      <c r="AH1219">
        <v>322506.0858</v>
      </c>
      <c r="AI1219">
        <v>90172.667449999994</v>
      </c>
      <c r="AJ1219">
        <v>28168.843059999999</v>
      </c>
      <c r="AK1219">
        <v>38480.140899999999</v>
      </c>
      <c r="AL1219">
        <v>88625.101379999993</v>
      </c>
      <c r="AM1219">
        <v>25672.32632</v>
      </c>
      <c r="AN1219">
        <v>107359.0885</v>
      </c>
      <c r="AO1219">
        <v>36904.737300000001</v>
      </c>
      <c r="AP1219">
        <v>22510.916450000001</v>
      </c>
    </row>
    <row r="1220" spans="2:42" x14ac:dyDescent="0.3">
      <c r="B1220">
        <v>61.247073503328345</v>
      </c>
      <c r="C1220" s="83">
        <v>43151.75</v>
      </c>
      <c r="D1220">
        <v>277892.31890000001</v>
      </c>
      <c r="E1220">
        <v>33739.554559999997</v>
      </c>
      <c r="F1220">
        <v>87525.81624</v>
      </c>
      <c r="G1220">
        <v>54490.862979999998</v>
      </c>
      <c r="H1220">
        <v>50095.413829999998</v>
      </c>
      <c r="I1220">
        <v>41327.650900000001</v>
      </c>
      <c r="J1220">
        <v>43327.773269999998</v>
      </c>
      <c r="K1220">
        <v>49555.254330000003</v>
      </c>
      <c r="L1220">
        <v>31084.760249999999</v>
      </c>
      <c r="M1220">
        <v>312266.14279999997</v>
      </c>
      <c r="N1220">
        <v>86840.648050000003</v>
      </c>
      <c r="O1220">
        <v>27299.852370000001</v>
      </c>
      <c r="P1220">
        <v>42442.803460000003</v>
      </c>
      <c r="Q1220">
        <v>86477.804099999994</v>
      </c>
      <c r="R1220">
        <v>22374.860830000001</v>
      </c>
      <c r="S1220">
        <v>104025.0129</v>
      </c>
      <c r="T1220">
        <v>38875.265820000001</v>
      </c>
      <c r="U1220">
        <v>21227.568950000001</v>
      </c>
      <c r="W1220" s="83">
        <f>Bühler!N1252</f>
        <v>45342.749999997046</v>
      </c>
      <c r="X1220" s="83">
        <v>43151.75</v>
      </c>
      <c r="Y1220">
        <v>277892.31890000001</v>
      </c>
      <c r="Z1220">
        <v>33739.554559999997</v>
      </c>
      <c r="AA1220">
        <v>87525.81624</v>
      </c>
      <c r="AB1220">
        <v>54490.862979999998</v>
      </c>
      <c r="AC1220">
        <v>50095.413829999998</v>
      </c>
      <c r="AD1220">
        <v>41327.650900000001</v>
      </c>
      <c r="AE1220">
        <v>43327.773269999998</v>
      </c>
      <c r="AF1220">
        <v>49555.254330000003</v>
      </c>
      <c r="AG1220">
        <v>31084.760249999999</v>
      </c>
      <c r="AH1220">
        <v>312266.14279999997</v>
      </c>
      <c r="AI1220">
        <v>86840.648050000003</v>
      </c>
      <c r="AJ1220">
        <v>27299.852370000001</v>
      </c>
      <c r="AK1220">
        <v>42442.803460000003</v>
      </c>
      <c r="AL1220">
        <v>86477.804099999994</v>
      </c>
      <c r="AM1220">
        <v>22374.860830000001</v>
      </c>
      <c r="AN1220">
        <v>104025.0129</v>
      </c>
      <c r="AO1220">
        <v>38875.265820000001</v>
      </c>
      <c r="AP1220">
        <v>21227.568950000001</v>
      </c>
    </row>
    <row r="1221" spans="2:42" x14ac:dyDescent="0.3">
      <c r="B1221">
        <v>60.712099019422311</v>
      </c>
      <c r="C1221" s="83">
        <v>43151.791666666664</v>
      </c>
      <c r="D1221">
        <v>271900.29930000001</v>
      </c>
      <c r="E1221">
        <v>28251.427889999999</v>
      </c>
      <c r="F1221">
        <v>76374.514339999994</v>
      </c>
      <c r="G1221">
        <v>51379.849349999997</v>
      </c>
      <c r="H1221">
        <v>48298.758500000004</v>
      </c>
      <c r="I1221">
        <v>39480.220329999996</v>
      </c>
      <c r="J1221">
        <v>43753.17886</v>
      </c>
      <c r="K1221">
        <v>48832.820449999999</v>
      </c>
      <c r="L1221">
        <v>32630.706719999998</v>
      </c>
      <c r="M1221">
        <v>309538.59340000001</v>
      </c>
      <c r="N1221">
        <v>85372.68161</v>
      </c>
      <c r="O1221">
        <v>26076.77824</v>
      </c>
      <c r="P1221">
        <v>45187.359250000001</v>
      </c>
      <c r="Q1221">
        <v>84628.61924</v>
      </c>
      <c r="R1221">
        <v>22159.340830000001</v>
      </c>
      <c r="S1221">
        <v>100574.3803</v>
      </c>
      <c r="T1221">
        <v>40016.594640000003</v>
      </c>
      <c r="U1221">
        <v>20028.202539999998</v>
      </c>
      <c r="W1221" s="83">
        <f>Bühler!N1253</f>
        <v>45342.79166666371</v>
      </c>
      <c r="X1221" s="83">
        <v>43151.791666666664</v>
      </c>
      <c r="Y1221">
        <v>271900.29930000001</v>
      </c>
      <c r="Z1221">
        <v>28251.427889999999</v>
      </c>
      <c r="AA1221">
        <v>76374.514339999994</v>
      </c>
      <c r="AB1221">
        <v>51379.849349999997</v>
      </c>
      <c r="AC1221">
        <v>48298.758500000004</v>
      </c>
      <c r="AD1221">
        <v>39480.220329999996</v>
      </c>
      <c r="AE1221">
        <v>43753.17886</v>
      </c>
      <c r="AF1221">
        <v>48832.820449999999</v>
      </c>
      <c r="AG1221">
        <v>32630.706719999998</v>
      </c>
      <c r="AH1221">
        <v>309538.59340000001</v>
      </c>
      <c r="AI1221">
        <v>85372.68161</v>
      </c>
      <c r="AJ1221">
        <v>26076.77824</v>
      </c>
      <c r="AK1221">
        <v>45187.359250000001</v>
      </c>
      <c r="AL1221">
        <v>84628.61924</v>
      </c>
      <c r="AM1221">
        <v>22159.340830000001</v>
      </c>
      <c r="AN1221">
        <v>100574.3803</v>
      </c>
      <c r="AO1221">
        <v>40016.594640000003</v>
      </c>
      <c r="AP1221">
        <v>20028.202539999998</v>
      </c>
    </row>
    <row r="1222" spans="2:42" x14ac:dyDescent="0.3">
      <c r="B1222">
        <v>60.952462045831929</v>
      </c>
      <c r="C1222" s="83">
        <v>43151.833333333336</v>
      </c>
      <c r="D1222">
        <v>263642.60090000002</v>
      </c>
      <c r="E1222">
        <v>22045.363290000001</v>
      </c>
      <c r="F1222">
        <v>59794.657859999999</v>
      </c>
      <c r="G1222">
        <v>47351.851519999997</v>
      </c>
      <c r="H1222">
        <v>45824.648079999999</v>
      </c>
      <c r="I1222">
        <v>36128.636610000001</v>
      </c>
      <c r="J1222">
        <v>42542.713759999999</v>
      </c>
      <c r="K1222">
        <v>54315.032050000002</v>
      </c>
      <c r="L1222">
        <v>31373.055789999999</v>
      </c>
      <c r="M1222">
        <v>310764.07620000001</v>
      </c>
      <c r="N1222">
        <v>83466.147159999993</v>
      </c>
      <c r="O1222">
        <v>25335.911410000001</v>
      </c>
      <c r="P1222">
        <v>44302.753949999998</v>
      </c>
      <c r="Q1222">
        <v>82363.292109999995</v>
      </c>
      <c r="R1222">
        <v>22822.18346</v>
      </c>
      <c r="S1222">
        <v>90890.527759999997</v>
      </c>
      <c r="T1222">
        <v>38782.585679999997</v>
      </c>
      <c r="U1222">
        <v>18876.96745</v>
      </c>
      <c r="W1222" s="83">
        <f>Bühler!N1254</f>
        <v>45342.833333330374</v>
      </c>
      <c r="X1222" s="83">
        <v>43151.833333333336</v>
      </c>
      <c r="Y1222">
        <v>263642.60090000002</v>
      </c>
      <c r="Z1222">
        <v>22045.363290000001</v>
      </c>
      <c r="AA1222">
        <v>59794.657859999999</v>
      </c>
      <c r="AB1222">
        <v>47351.851519999997</v>
      </c>
      <c r="AC1222">
        <v>45824.648079999999</v>
      </c>
      <c r="AD1222">
        <v>36128.636610000001</v>
      </c>
      <c r="AE1222">
        <v>42542.713759999999</v>
      </c>
      <c r="AF1222">
        <v>54315.032050000002</v>
      </c>
      <c r="AG1222">
        <v>31373.055789999999</v>
      </c>
      <c r="AH1222">
        <v>310764.07620000001</v>
      </c>
      <c r="AI1222">
        <v>83466.147159999993</v>
      </c>
      <c r="AJ1222">
        <v>25335.911410000001</v>
      </c>
      <c r="AK1222">
        <v>44302.753949999998</v>
      </c>
      <c r="AL1222">
        <v>82363.292109999995</v>
      </c>
      <c r="AM1222">
        <v>22822.18346</v>
      </c>
      <c r="AN1222">
        <v>90890.527759999997</v>
      </c>
      <c r="AO1222">
        <v>38782.585679999997</v>
      </c>
      <c r="AP1222">
        <v>18876.96745</v>
      </c>
    </row>
    <row r="1223" spans="2:42" x14ac:dyDescent="0.3">
      <c r="B1223">
        <v>59.10125233550562</v>
      </c>
      <c r="C1223" s="83">
        <v>43151.875</v>
      </c>
      <c r="D1223">
        <v>254748.71419999999</v>
      </c>
      <c r="E1223">
        <v>19335.44817</v>
      </c>
      <c r="F1223">
        <v>52075.700949999999</v>
      </c>
      <c r="G1223">
        <v>45083.946510000002</v>
      </c>
      <c r="H1223">
        <v>43504.364439999998</v>
      </c>
      <c r="I1223">
        <v>32393.686750000001</v>
      </c>
      <c r="J1223">
        <v>41072.986060000003</v>
      </c>
      <c r="K1223">
        <v>53594.951659999999</v>
      </c>
      <c r="L1223">
        <v>29012.334180000002</v>
      </c>
      <c r="M1223">
        <v>301325.74579999998</v>
      </c>
      <c r="N1223">
        <v>80957.837140000003</v>
      </c>
      <c r="O1223">
        <v>24521.524689999998</v>
      </c>
      <c r="P1223">
        <v>42771.932220000002</v>
      </c>
      <c r="Q1223">
        <v>79853.057430000001</v>
      </c>
      <c r="R1223">
        <v>20920.524290000001</v>
      </c>
      <c r="S1223">
        <v>85504.571679999994</v>
      </c>
      <c r="T1223">
        <v>35001.689590000002</v>
      </c>
      <c r="U1223">
        <v>17815.022980000002</v>
      </c>
      <c r="W1223" s="83">
        <f>Bühler!N1255</f>
        <v>45342.874999997039</v>
      </c>
      <c r="X1223" s="83">
        <v>43151.875</v>
      </c>
      <c r="Y1223">
        <v>254748.71419999999</v>
      </c>
      <c r="Z1223">
        <v>19335.44817</v>
      </c>
      <c r="AA1223">
        <v>52075.700949999999</v>
      </c>
      <c r="AB1223">
        <v>45083.946510000002</v>
      </c>
      <c r="AC1223">
        <v>43504.364439999998</v>
      </c>
      <c r="AD1223">
        <v>32393.686750000001</v>
      </c>
      <c r="AE1223">
        <v>41072.986060000003</v>
      </c>
      <c r="AF1223">
        <v>53594.951659999999</v>
      </c>
      <c r="AG1223">
        <v>29012.334180000002</v>
      </c>
      <c r="AH1223">
        <v>301325.74579999998</v>
      </c>
      <c r="AI1223">
        <v>80957.837140000003</v>
      </c>
      <c r="AJ1223">
        <v>24521.524689999998</v>
      </c>
      <c r="AK1223">
        <v>42771.932220000002</v>
      </c>
      <c r="AL1223">
        <v>79853.057430000001</v>
      </c>
      <c r="AM1223">
        <v>20920.524290000001</v>
      </c>
      <c r="AN1223">
        <v>85504.571679999994</v>
      </c>
      <c r="AO1223">
        <v>35001.689590000002</v>
      </c>
      <c r="AP1223">
        <v>17815.022980000002</v>
      </c>
    </row>
    <row r="1224" spans="2:42" x14ac:dyDescent="0.3">
      <c r="B1224">
        <v>59.219446604052834</v>
      </c>
      <c r="C1224" s="83">
        <v>43151.916666666664</v>
      </c>
      <c r="D1224">
        <v>254886.04920000001</v>
      </c>
      <c r="E1224">
        <v>18671.479520000001</v>
      </c>
      <c r="F1224">
        <v>50168.355380000001</v>
      </c>
      <c r="G1224">
        <v>43963.192430000003</v>
      </c>
      <c r="H1224">
        <v>42743.402450000001</v>
      </c>
      <c r="I1224">
        <v>30559.804400000001</v>
      </c>
      <c r="J1224">
        <v>40372.86492</v>
      </c>
      <c r="K1224">
        <v>55334.278680000003</v>
      </c>
      <c r="L1224">
        <v>26598.779490000001</v>
      </c>
      <c r="M1224">
        <v>301928.3553</v>
      </c>
      <c r="N1224">
        <v>80257.120150000002</v>
      </c>
      <c r="O1224">
        <v>25409.941790000001</v>
      </c>
      <c r="P1224">
        <v>44710.363389999999</v>
      </c>
      <c r="Q1224">
        <v>80088.638120000003</v>
      </c>
      <c r="R1224">
        <v>30583.92297</v>
      </c>
      <c r="S1224">
        <v>85819.333499999993</v>
      </c>
      <c r="T1224">
        <v>31655.013190000001</v>
      </c>
      <c r="U1224">
        <v>19422.084490000001</v>
      </c>
      <c r="W1224" s="83">
        <f>Bühler!N1256</f>
        <v>45342.916666663703</v>
      </c>
      <c r="X1224" s="83">
        <v>43151.916666666664</v>
      </c>
      <c r="Y1224">
        <v>254886.04920000001</v>
      </c>
      <c r="Z1224">
        <v>18671.479520000001</v>
      </c>
      <c r="AA1224">
        <v>50168.355380000001</v>
      </c>
      <c r="AB1224">
        <v>43963.192430000003</v>
      </c>
      <c r="AC1224">
        <v>42743.402450000001</v>
      </c>
      <c r="AD1224">
        <v>30559.804400000001</v>
      </c>
      <c r="AE1224">
        <v>40372.86492</v>
      </c>
      <c r="AF1224">
        <v>55334.278680000003</v>
      </c>
      <c r="AG1224">
        <v>26598.779490000001</v>
      </c>
      <c r="AH1224">
        <v>301928.3553</v>
      </c>
      <c r="AI1224">
        <v>80257.120150000002</v>
      </c>
      <c r="AJ1224">
        <v>25409.941790000001</v>
      </c>
      <c r="AK1224">
        <v>44710.363389999999</v>
      </c>
      <c r="AL1224">
        <v>80088.638120000003</v>
      </c>
      <c r="AM1224">
        <v>30583.92297</v>
      </c>
      <c r="AN1224">
        <v>85819.333499999993</v>
      </c>
      <c r="AO1224">
        <v>31655.013190000001</v>
      </c>
      <c r="AP1224">
        <v>19422.084490000001</v>
      </c>
    </row>
    <row r="1225" spans="2:42" x14ac:dyDescent="0.3">
      <c r="B1225">
        <v>58.408075551946737</v>
      </c>
      <c r="C1225" s="83">
        <v>43151.958333333336</v>
      </c>
      <c r="D1225">
        <v>254323.23740000001</v>
      </c>
      <c r="E1225">
        <v>18371.883259999999</v>
      </c>
      <c r="F1225">
        <v>49126.087379999997</v>
      </c>
      <c r="G1225">
        <v>43712.113400000002</v>
      </c>
      <c r="H1225">
        <v>42308.703289999998</v>
      </c>
      <c r="I1225">
        <v>29404.47251</v>
      </c>
      <c r="J1225">
        <v>37939.539879999997</v>
      </c>
      <c r="K1225">
        <v>54716.198239999998</v>
      </c>
      <c r="L1225">
        <v>22421.558730000001</v>
      </c>
      <c r="M1225">
        <v>297791.60729999997</v>
      </c>
      <c r="N1225">
        <v>80072.225049999994</v>
      </c>
      <c r="O1225">
        <v>25447.81309</v>
      </c>
      <c r="P1225">
        <v>40987.111349999999</v>
      </c>
      <c r="Q1225">
        <v>79874.364499999996</v>
      </c>
      <c r="R1225">
        <v>33260.498039999999</v>
      </c>
      <c r="S1225">
        <v>84403.435769999996</v>
      </c>
      <c r="T1225">
        <v>32441.35614</v>
      </c>
      <c r="U1225">
        <v>18953.282879999999</v>
      </c>
      <c r="W1225" s="83">
        <f>Bühler!N1257</f>
        <v>45342.958333330367</v>
      </c>
      <c r="X1225" s="83">
        <v>43151.958333333336</v>
      </c>
      <c r="Y1225">
        <v>254323.23740000001</v>
      </c>
      <c r="Z1225">
        <v>18371.883259999999</v>
      </c>
      <c r="AA1225">
        <v>49126.087379999997</v>
      </c>
      <c r="AB1225">
        <v>43712.113400000002</v>
      </c>
      <c r="AC1225">
        <v>42308.703289999998</v>
      </c>
      <c r="AD1225">
        <v>29404.47251</v>
      </c>
      <c r="AE1225">
        <v>37939.539879999997</v>
      </c>
      <c r="AF1225">
        <v>54716.198239999998</v>
      </c>
      <c r="AG1225">
        <v>22421.558730000001</v>
      </c>
      <c r="AH1225">
        <v>297791.60729999997</v>
      </c>
      <c r="AI1225">
        <v>80072.225049999994</v>
      </c>
      <c r="AJ1225">
        <v>25447.81309</v>
      </c>
      <c r="AK1225">
        <v>40987.111349999999</v>
      </c>
      <c r="AL1225">
        <v>79874.364499999996</v>
      </c>
      <c r="AM1225">
        <v>33260.498039999999</v>
      </c>
      <c r="AN1225">
        <v>84403.435769999996</v>
      </c>
      <c r="AO1225">
        <v>32441.35614</v>
      </c>
      <c r="AP1225">
        <v>18953.282879999999</v>
      </c>
    </row>
    <row r="1226" spans="2:42" x14ac:dyDescent="0.3">
      <c r="B1226">
        <v>57.909279241559695</v>
      </c>
      <c r="C1226" s="83">
        <v>43152</v>
      </c>
      <c r="D1226">
        <v>254705.89139999999</v>
      </c>
      <c r="E1226">
        <v>18035.421439999998</v>
      </c>
      <c r="F1226">
        <v>48565.26857</v>
      </c>
      <c r="G1226">
        <v>43551.306989999997</v>
      </c>
      <c r="H1226">
        <v>41937.145470000003</v>
      </c>
      <c r="I1226">
        <v>27187.196510000002</v>
      </c>
      <c r="J1226">
        <v>35719.098270000002</v>
      </c>
      <c r="K1226">
        <v>52434.643459999999</v>
      </c>
      <c r="L1226">
        <v>21173.66877</v>
      </c>
      <c r="M1226">
        <v>295248.5111</v>
      </c>
      <c r="N1226">
        <v>79754.389049999998</v>
      </c>
      <c r="O1226">
        <v>25949.656770000001</v>
      </c>
      <c r="P1226">
        <v>38443.888299999999</v>
      </c>
      <c r="Q1226">
        <v>79810.877240000002</v>
      </c>
      <c r="R1226">
        <v>29179.170989999999</v>
      </c>
      <c r="S1226">
        <v>82878.690329999998</v>
      </c>
      <c r="T1226">
        <v>30645.85583</v>
      </c>
      <c r="U1226">
        <v>18604.667150000001</v>
      </c>
      <c r="W1226" s="83">
        <f>Bühler!N1258</f>
        <v>45342.999999997031</v>
      </c>
      <c r="X1226" s="83">
        <v>43152</v>
      </c>
      <c r="Y1226">
        <v>254705.89139999999</v>
      </c>
      <c r="Z1226">
        <v>18035.421439999998</v>
      </c>
      <c r="AA1226">
        <v>48565.26857</v>
      </c>
      <c r="AB1226">
        <v>43551.306989999997</v>
      </c>
      <c r="AC1226">
        <v>41937.145470000003</v>
      </c>
      <c r="AD1226">
        <v>27187.196510000002</v>
      </c>
      <c r="AE1226">
        <v>35719.098270000002</v>
      </c>
      <c r="AF1226">
        <v>52434.643459999999</v>
      </c>
      <c r="AG1226">
        <v>21173.66877</v>
      </c>
      <c r="AH1226">
        <v>295248.5111</v>
      </c>
      <c r="AI1226">
        <v>79754.389049999998</v>
      </c>
      <c r="AJ1226">
        <v>25949.656770000001</v>
      </c>
      <c r="AK1226">
        <v>38443.888299999999</v>
      </c>
      <c r="AL1226">
        <v>79810.877240000002</v>
      </c>
      <c r="AM1226">
        <v>29179.170989999999</v>
      </c>
      <c r="AN1226">
        <v>82878.690329999998</v>
      </c>
      <c r="AO1226">
        <v>30645.85583</v>
      </c>
      <c r="AP1226">
        <v>18604.667150000001</v>
      </c>
    </row>
    <row r="1227" spans="2:42" x14ac:dyDescent="0.3">
      <c r="B1227">
        <v>57.784685852608085</v>
      </c>
      <c r="C1227" s="83">
        <v>43152.041666666664</v>
      </c>
      <c r="D1227">
        <v>252953.20129999999</v>
      </c>
      <c r="E1227">
        <v>18509.693670000001</v>
      </c>
      <c r="F1227">
        <v>50208.920460000001</v>
      </c>
      <c r="G1227">
        <v>42982.467069999999</v>
      </c>
      <c r="H1227">
        <v>41717.911240000001</v>
      </c>
      <c r="I1227">
        <v>22706.994739999998</v>
      </c>
      <c r="J1227">
        <v>35267.260950000004</v>
      </c>
      <c r="K1227">
        <v>50961.242890000001</v>
      </c>
      <c r="L1227">
        <v>21257.685890000001</v>
      </c>
      <c r="M1227">
        <v>294613.27590000001</v>
      </c>
      <c r="N1227">
        <v>80352.232610000006</v>
      </c>
      <c r="O1227">
        <v>25876.465319999999</v>
      </c>
      <c r="P1227">
        <v>35703.900269999998</v>
      </c>
      <c r="Q1227">
        <v>80432.948149999997</v>
      </c>
      <c r="R1227">
        <v>27490.180059999999</v>
      </c>
      <c r="S1227">
        <v>83416.316649999993</v>
      </c>
      <c r="T1227">
        <v>30281.013299999999</v>
      </c>
      <c r="U1227">
        <v>19286.88853</v>
      </c>
      <c r="W1227" s="83">
        <f>Bühler!N1259</f>
        <v>45343.041666663696</v>
      </c>
      <c r="X1227" s="83">
        <v>43152.041666666664</v>
      </c>
      <c r="Y1227">
        <v>252953.20129999999</v>
      </c>
      <c r="Z1227">
        <v>18509.693670000001</v>
      </c>
      <c r="AA1227">
        <v>50208.920460000001</v>
      </c>
      <c r="AB1227">
        <v>42982.467069999999</v>
      </c>
      <c r="AC1227">
        <v>41717.911240000001</v>
      </c>
      <c r="AD1227">
        <v>22706.994739999998</v>
      </c>
      <c r="AE1227">
        <v>35267.260950000004</v>
      </c>
      <c r="AF1227">
        <v>50961.242890000001</v>
      </c>
      <c r="AG1227">
        <v>21257.685890000001</v>
      </c>
      <c r="AH1227">
        <v>294613.27590000001</v>
      </c>
      <c r="AI1227">
        <v>80352.232610000006</v>
      </c>
      <c r="AJ1227">
        <v>25876.465319999999</v>
      </c>
      <c r="AK1227">
        <v>35703.900269999998</v>
      </c>
      <c r="AL1227">
        <v>80432.948149999997</v>
      </c>
      <c r="AM1227">
        <v>27490.180059999999</v>
      </c>
      <c r="AN1227">
        <v>83416.316649999993</v>
      </c>
      <c r="AO1227">
        <v>30281.013299999999</v>
      </c>
      <c r="AP1227">
        <v>19286.88853</v>
      </c>
    </row>
    <row r="1228" spans="2:42" x14ac:dyDescent="0.3">
      <c r="B1228">
        <v>58.214921526020149</v>
      </c>
      <c r="C1228" s="83">
        <v>43152.083333333336</v>
      </c>
      <c r="D1228">
        <v>253932.23620000001</v>
      </c>
      <c r="E1228">
        <v>18711.771079999999</v>
      </c>
      <c r="F1228">
        <v>50993.038789999999</v>
      </c>
      <c r="G1228">
        <v>43000.867899999997</v>
      </c>
      <c r="H1228">
        <v>41714.954669999999</v>
      </c>
      <c r="I1228">
        <v>21007.710429999999</v>
      </c>
      <c r="J1228">
        <v>35228.711239999997</v>
      </c>
      <c r="K1228">
        <v>50016.529779999997</v>
      </c>
      <c r="L1228">
        <v>21032.899979999998</v>
      </c>
      <c r="M1228">
        <v>296806.81800000003</v>
      </c>
      <c r="N1228">
        <v>80641.894289999997</v>
      </c>
      <c r="O1228">
        <v>26522.382519999999</v>
      </c>
      <c r="P1228">
        <v>35078.405180000002</v>
      </c>
      <c r="Q1228">
        <v>82184.984039999996</v>
      </c>
      <c r="R1228">
        <v>28079.747920000002</v>
      </c>
      <c r="S1228">
        <v>84143.100349999993</v>
      </c>
      <c r="T1228">
        <v>29403.499619999999</v>
      </c>
      <c r="U1228">
        <v>19479.104719999999</v>
      </c>
      <c r="W1228" s="83">
        <f>Bühler!N1260</f>
        <v>45343.08333333036</v>
      </c>
      <c r="X1228" s="83">
        <v>43152.083333333336</v>
      </c>
      <c r="Y1228">
        <v>253932.23620000001</v>
      </c>
      <c r="Z1228">
        <v>18711.771079999999</v>
      </c>
      <c r="AA1228">
        <v>50993.038789999999</v>
      </c>
      <c r="AB1228">
        <v>43000.867899999997</v>
      </c>
      <c r="AC1228">
        <v>41714.954669999999</v>
      </c>
      <c r="AD1228">
        <v>21007.710429999999</v>
      </c>
      <c r="AE1228">
        <v>35228.711239999997</v>
      </c>
      <c r="AF1228">
        <v>50016.529779999997</v>
      </c>
      <c r="AG1228">
        <v>21032.899979999998</v>
      </c>
      <c r="AH1228">
        <v>296806.81800000003</v>
      </c>
      <c r="AI1228">
        <v>80641.894289999997</v>
      </c>
      <c r="AJ1228">
        <v>26522.382519999999</v>
      </c>
      <c r="AK1228">
        <v>35078.405180000002</v>
      </c>
      <c r="AL1228">
        <v>82184.984039999996</v>
      </c>
      <c r="AM1228">
        <v>28079.747920000002</v>
      </c>
      <c r="AN1228">
        <v>84143.100349999993</v>
      </c>
      <c r="AO1228">
        <v>29403.499619999999</v>
      </c>
      <c r="AP1228">
        <v>19479.104719999999</v>
      </c>
    </row>
    <row r="1229" spans="2:42" x14ac:dyDescent="0.3">
      <c r="B1229">
        <v>58.2377237359795</v>
      </c>
      <c r="C1229" s="83">
        <v>43152.125</v>
      </c>
      <c r="D1229">
        <v>256982.26010000001</v>
      </c>
      <c r="E1229">
        <v>18906.591799999998</v>
      </c>
      <c r="F1229">
        <v>52606.785730000003</v>
      </c>
      <c r="G1229">
        <v>41943.795769999997</v>
      </c>
      <c r="H1229">
        <v>42434.29479</v>
      </c>
      <c r="I1229">
        <v>20965.24973</v>
      </c>
      <c r="J1229">
        <v>36041.372210000001</v>
      </c>
      <c r="K1229">
        <v>48330.9954</v>
      </c>
      <c r="L1229">
        <v>20821.016230000001</v>
      </c>
      <c r="M1229">
        <v>296923.07429999998</v>
      </c>
      <c r="N1229">
        <v>80437.914810000002</v>
      </c>
      <c r="O1229">
        <v>26862.077499999999</v>
      </c>
      <c r="P1229">
        <v>35030.743009999998</v>
      </c>
      <c r="Q1229">
        <v>85067.575209999995</v>
      </c>
      <c r="R1229">
        <v>28330.815429999999</v>
      </c>
      <c r="S1229">
        <v>83203.748189999998</v>
      </c>
      <c r="T1229">
        <v>29505.857830000001</v>
      </c>
      <c r="U1229">
        <v>19711.831099999999</v>
      </c>
      <c r="W1229" s="83">
        <f>Bühler!N1261</f>
        <v>45343.124999997024</v>
      </c>
      <c r="X1229" s="83">
        <v>43152.125</v>
      </c>
      <c r="Y1229">
        <v>256982.26010000001</v>
      </c>
      <c r="Z1229">
        <v>18906.591799999998</v>
      </c>
      <c r="AA1229">
        <v>52606.785730000003</v>
      </c>
      <c r="AB1229">
        <v>41943.795769999997</v>
      </c>
      <c r="AC1229">
        <v>42434.29479</v>
      </c>
      <c r="AD1229">
        <v>20965.24973</v>
      </c>
      <c r="AE1229">
        <v>36041.372210000001</v>
      </c>
      <c r="AF1229">
        <v>48330.9954</v>
      </c>
      <c r="AG1229">
        <v>20821.016230000001</v>
      </c>
      <c r="AH1229">
        <v>296923.07429999998</v>
      </c>
      <c r="AI1229">
        <v>80437.914810000002</v>
      </c>
      <c r="AJ1229">
        <v>26862.077499999999</v>
      </c>
      <c r="AK1229">
        <v>35030.743009999998</v>
      </c>
      <c r="AL1229">
        <v>85067.575209999995</v>
      </c>
      <c r="AM1229">
        <v>28330.815429999999</v>
      </c>
      <c r="AN1229">
        <v>83203.748189999998</v>
      </c>
      <c r="AO1229">
        <v>29505.857830000001</v>
      </c>
      <c r="AP1229">
        <v>19711.831099999999</v>
      </c>
    </row>
    <row r="1230" spans="2:42" x14ac:dyDescent="0.3">
      <c r="B1230">
        <v>59.335524589138245</v>
      </c>
      <c r="C1230" s="83">
        <v>43152.166666666664</v>
      </c>
      <c r="D1230">
        <v>259006.38510000001</v>
      </c>
      <c r="E1230">
        <v>19534.239259999998</v>
      </c>
      <c r="F1230">
        <v>56492.161780000002</v>
      </c>
      <c r="G1230">
        <v>41720.788180000003</v>
      </c>
      <c r="H1230">
        <v>43357.841590000004</v>
      </c>
      <c r="I1230">
        <v>25455.755239999999</v>
      </c>
      <c r="J1230">
        <v>38302.25045</v>
      </c>
      <c r="K1230">
        <v>47229.375110000001</v>
      </c>
      <c r="L1230">
        <v>20592.95534</v>
      </c>
      <c r="M1230">
        <v>302520.17499999999</v>
      </c>
      <c r="N1230">
        <v>79202.728749999995</v>
      </c>
      <c r="O1230">
        <v>26462.925060000001</v>
      </c>
      <c r="P1230">
        <v>33855.598440000002</v>
      </c>
      <c r="Q1230">
        <v>88277.090209999995</v>
      </c>
      <c r="R1230">
        <v>28080.47925</v>
      </c>
      <c r="S1230">
        <v>84745.392059999998</v>
      </c>
      <c r="T1230">
        <v>29708.37268</v>
      </c>
      <c r="U1230">
        <v>20210.046910000001</v>
      </c>
      <c r="W1230" s="83">
        <f>Bühler!N1262</f>
        <v>45343.166666663688</v>
      </c>
      <c r="X1230" s="83">
        <v>43152.166666666664</v>
      </c>
      <c r="Y1230">
        <v>259006.38510000001</v>
      </c>
      <c r="Z1230">
        <v>19534.239259999998</v>
      </c>
      <c r="AA1230">
        <v>56492.161780000002</v>
      </c>
      <c r="AB1230">
        <v>41720.788180000003</v>
      </c>
      <c r="AC1230">
        <v>43357.841590000004</v>
      </c>
      <c r="AD1230">
        <v>25455.755239999999</v>
      </c>
      <c r="AE1230">
        <v>38302.25045</v>
      </c>
      <c r="AF1230">
        <v>47229.375110000001</v>
      </c>
      <c r="AG1230">
        <v>20592.95534</v>
      </c>
      <c r="AH1230">
        <v>302520.17499999999</v>
      </c>
      <c r="AI1230">
        <v>79202.728749999995</v>
      </c>
      <c r="AJ1230">
        <v>26462.925060000001</v>
      </c>
      <c r="AK1230">
        <v>33855.598440000002</v>
      </c>
      <c r="AL1230">
        <v>88277.090209999995</v>
      </c>
      <c r="AM1230">
        <v>28080.47925</v>
      </c>
      <c r="AN1230">
        <v>84745.392059999998</v>
      </c>
      <c r="AO1230">
        <v>29708.37268</v>
      </c>
      <c r="AP1230">
        <v>20210.046910000001</v>
      </c>
    </row>
    <row r="1231" spans="2:42" x14ac:dyDescent="0.3">
      <c r="B1231">
        <v>62.197762744936803</v>
      </c>
      <c r="C1231" s="83">
        <v>43152.208333333336</v>
      </c>
      <c r="D1231">
        <v>273546.6923</v>
      </c>
      <c r="E1231">
        <v>21593.017179999999</v>
      </c>
      <c r="F1231">
        <v>68347.484790000002</v>
      </c>
      <c r="G1231">
        <v>44187.232029999999</v>
      </c>
      <c r="H1231">
        <v>45101.793640000004</v>
      </c>
      <c r="I1231">
        <v>34445.521580000001</v>
      </c>
      <c r="J1231">
        <v>41166.66259</v>
      </c>
      <c r="K1231">
        <v>47883.896070000003</v>
      </c>
      <c r="L1231">
        <v>21300.17755</v>
      </c>
      <c r="M1231">
        <v>317113.19990000001</v>
      </c>
      <c r="N1231">
        <v>81804.224100000007</v>
      </c>
      <c r="O1231">
        <v>27185.405739999998</v>
      </c>
      <c r="P1231">
        <v>34697.525399999999</v>
      </c>
      <c r="Q1231">
        <v>90691.704299999998</v>
      </c>
      <c r="R1231">
        <v>30350.28443</v>
      </c>
      <c r="S1231">
        <v>87343.657569999996</v>
      </c>
      <c r="T1231">
        <v>31088.35167</v>
      </c>
      <c r="U1231">
        <v>22700.119419999999</v>
      </c>
      <c r="W1231" s="83">
        <f>Bühler!N1263</f>
        <v>45343.208333330353</v>
      </c>
      <c r="X1231" s="83">
        <v>43152.208333333336</v>
      </c>
      <c r="Y1231">
        <v>273546.6923</v>
      </c>
      <c r="Z1231">
        <v>21593.017179999999</v>
      </c>
      <c r="AA1231">
        <v>68347.484790000002</v>
      </c>
      <c r="AB1231">
        <v>44187.232029999999</v>
      </c>
      <c r="AC1231">
        <v>45101.793640000004</v>
      </c>
      <c r="AD1231">
        <v>34445.521580000001</v>
      </c>
      <c r="AE1231">
        <v>41166.66259</v>
      </c>
      <c r="AF1231">
        <v>47883.896070000003</v>
      </c>
      <c r="AG1231">
        <v>21300.17755</v>
      </c>
      <c r="AH1231">
        <v>317113.19990000001</v>
      </c>
      <c r="AI1231">
        <v>81804.224100000007</v>
      </c>
      <c r="AJ1231">
        <v>27185.405739999998</v>
      </c>
      <c r="AK1231">
        <v>34697.525399999999</v>
      </c>
      <c r="AL1231">
        <v>90691.704299999998</v>
      </c>
      <c r="AM1231">
        <v>30350.28443</v>
      </c>
      <c r="AN1231">
        <v>87343.657569999996</v>
      </c>
      <c r="AO1231">
        <v>31088.35167</v>
      </c>
      <c r="AP1231">
        <v>22700.119419999999</v>
      </c>
    </row>
    <row r="1232" spans="2:42" x14ac:dyDescent="0.3">
      <c r="B1232">
        <v>64.998318292886793</v>
      </c>
      <c r="C1232" s="83">
        <v>43152.25</v>
      </c>
      <c r="D1232">
        <v>289246.3726</v>
      </c>
      <c r="E1232">
        <v>26053.414489999999</v>
      </c>
      <c r="F1232">
        <v>76246.5003</v>
      </c>
      <c r="G1232">
        <v>50180.296179999998</v>
      </c>
      <c r="H1232">
        <v>48314.343500000003</v>
      </c>
      <c r="I1232">
        <v>42045.31826</v>
      </c>
      <c r="J1232">
        <v>44173.311829999999</v>
      </c>
      <c r="K1232">
        <v>49865.74914</v>
      </c>
      <c r="L1232">
        <v>23289.022929999999</v>
      </c>
      <c r="M1232">
        <v>331391.73810000002</v>
      </c>
      <c r="N1232">
        <v>83803.858859999993</v>
      </c>
      <c r="O1232">
        <v>28489.081579999998</v>
      </c>
      <c r="P1232">
        <v>35664.694130000003</v>
      </c>
      <c r="Q1232">
        <v>92237.392179999995</v>
      </c>
      <c r="R1232">
        <v>21025.360260000001</v>
      </c>
      <c r="S1232">
        <v>93357.650980000006</v>
      </c>
      <c r="T1232">
        <v>33772.640820000001</v>
      </c>
      <c r="U1232">
        <v>24137.309219999999</v>
      </c>
      <c r="W1232" s="83">
        <f>Bühler!N1264</f>
        <v>45343.249999997017</v>
      </c>
      <c r="X1232" s="83">
        <v>43152.25</v>
      </c>
      <c r="Y1232">
        <v>289246.3726</v>
      </c>
      <c r="Z1232">
        <v>26053.414489999999</v>
      </c>
      <c r="AA1232">
        <v>76246.5003</v>
      </c>
      <c r="AB1232">
        <v>50180.296179999998</v>
      </c>
      <c r="AC1232">
        <v>48314.343500000003</v>
      </c>
      <c r="AD1232">
        <v>42045.31826</v>
      </c>
      <c r="AE1232">
        <v>44173.311829999999</v>
      </c>
      <c r="AF1232">
        <v>49865.74914</v>
      </c>
      <c r="AG1232">
        <v>23289.022929999999</v>
      </c>
      <c r="AH1232">
        <v>331391.73810000002</v>
      </c>
      <c r="AI1232">
        <v>83803.858859999993</v>
      </c>
      <c r="AJ1232">
        <v>28489.081579999998</v>
      </c>
      <c r="AK1232">
        <v>35664.694130000003</v>
      </c>
      <c r="AL1232">
        <v>92237.392179999995</v>
      </c>
      <c r="AM1232">
        <v>21025.360260000001</v>
      </c>
      <c r="AN1232">
        <v>93357.650980000006</v>
      </c>
      <c r="AO1232">
        <v>33772.640820000001</v>
      </c>
      <c r="AP1232">
        <v>24137.309219999999</v>
      </c>
    </row>
    <row r="1233" spans="2:42" x14ac:dyDescent="0.3">
      <c r="B1233">
        <v>64.591800810767836</v>
      </c>
      <c r="C1233" s="83">
        <v>43152.291666666664</v>
      </c>
      <c r="D1233">
        <v>301903.37650000001</v>
      </c>
      <c r="E1233">
        <v>31290.313249999999</v>
      </c>
      <c r="F1233">
        <v>74052.095409999994</v>
      </c>
      <c r="G1233">
        <v>58512.076789999999</v>
      </c>
      <c r="H1233">
        <v>53559.946539999997</v>
      </c>
      <c r="I1233">
        <v>49681.843090000002</v>
      </c>
      <c r="J1233">
        <v>41414.189509999997</v>
      </c>
      <c r="K1233">
        <v>54476.803019999999</v>
      </c>
      <c r="L1233">
        <v>25529.64919</v>
      </c>
      <c r="M1233">
        <v>329319.12239999999</v>
      </c>
      <c r="N1233">
        <v>88300.764360000001</v>
      </c>
      <c r="O1233">
        <v>30622.49684</v>
      </c>
      <c r="P1233">
        <v>39160.577680000002</v>
      </c>
      <c r="Q1233">
        <v>92273.709589999999</v>
      </c>
      <c r="R1233">
        <v>22753.265719999999</v>
      </c>
      <c r="S1233">
        <v>101963.1393</v>
      </c>
      <c r="T1233">
        <v>33970.582710000002</v>
      </c>
      <c r="U1233">
        <v>28221.213380000001</v>
      </c>
      <c r="W1233" s="83">
        <f>Bühler!N1265</f>
        <v>45343.291666663681</v>
      </c>
      <c r="X1233" s="83">
        <v>43152.291666666664</v>
      </c>
      <c r="Y1233">
        <v>301903.37650000001</v>
      </c>
      <c r="Z1233">
        <v>31290.313249999999</v>
      </c>
      <c r="AA1233">
        <v>74052.095409999994</v>
      </c>
      <c r="AB1233">
        <v>58512.076789999999</v>
      </c>
      <c r="AC1233">
        <v>53559.946539999997</v>
      </c>
      <c r="AD1233">
        <v>49681.843090000002</v>
      </c>
      <c r="AE1233">
        <v>41414.189509999997</v>
      </c>
      <c r="AF1233">
        <v>54476.803019999999</v>
      </c>
      <c r="AG1233">
        <v>25529.64919</v>
      </c>
      <c r="AH1233">
        <v>329319.12239999999</v>
      </c>
      <c r="AI1233">
        <v>88300.764360000001</v>
      </c>
      <c r="AJ1233">
        <v>30622.49684</v>
      </c>
      <c r="AK1233">
        <v>39160.577680000002</v>
      </c>
      <c r="AL1233">
        <v>92273.709589999999</v>
      </c>
      <c r="AM1233">
        <v>22753.265719999999</v>
      </c>
      <c r="AN1233">
        <v>101963.1393</v>
      </c>
      <c r="AO1233">
        <v>33970.582710000002</v>
      </c>
      <c r="AP1233">
        <v>28221.213380000001</v>
      </c>
    </row>
    <row r="1234" spans="2:42" x14ac:dyDescent="0.3">
      <c r="B1234">
        <v>65.060178542390574</v>
      </c>
      <c r="C1234" s="83">
        <v>43152.333333333336</v>
      </c>
      <c r="D1234">
        <v>310993.64079999999</v>
      </c>
      <c r="E1234">
        <v>36711.772440000001</v>
      </c>
      <c r="F1234">
        <v>78479.845870000005</v>
      </c>
      <c r="G1234">
        <v>65132.650199999996</v>
      </c>
      <c r="H1234">
        <v>57273.256699999998</v>
      </c>
      <c r="I1234">
        <v>51986.63422</v>
      </c>
      <c r="J1234">
        <v>41256.599099999999</v>
      </c>
      <c r="K1234">
        <v>58036.348810000003</v>
      </c>
      <c r="L1234">
        <v>28416.105670000001</v>
      </c>
      <c r="M1234">
        <v>331707.13050000003</v>
      </c>
      <c r="N1234">
        <v>95299.16274</v>
      </c>
      <c r="O1234">
        <v>32447.201120000002</v>
      </c>
      <c r="P1234">
        <v>40206.719660000002</v>
      </c>
      <c r="Q1234">
        <v>92829.559510000006</v>
      </c>
      <c r="R1234">
        <v>25471.08598</v>
      </c>
      <c r="S1234">
        <v>112571.28969999999</v>
      </c>
      <c r="T1234">
        <v>36455.399319999997</v>
      </c>
      <c r="U1234">
        <v>30621.37558</v>
      </c>
      <c r="W1234" s="83">
        <f>Bühler!N1266</f>
        <v>45343.333333330345</v>
      </c>
      <c r="X1234" s="83">
        <v>43152.333333333336</v>
      </c>
      <c r="Y1234">
        <v>310993.64079999999</v>
      </c>
      <c r="Z1234">
        <v>36711.772440000001</v>
      </c>
      <c r="AA1234">
        <v>78479.845870000005</v>
      </c>
      <c r="AB1234">
        <v>65132.650199999996</v>
      </c>
      <c r="AC1234">
        <v>57273.256699999998</v>
      </c>
      <c r="AD1234">
        <v>51986.63422</v>
      </c>
      <c r="AE1234">
        <v>41256.599099999999</v>
      </c>
      <c r="AF1234">
        <v>58036.348810000003</v>
      </c>
      <c r="AG1234">
        <v>28416.105670000001</v>
      </c>
      <c r="AH1234">
        <v>331707.13050000003</v>
      </c>
      <c r="AI1234">
        <v>95299.16274</v>
      </c>
      <c r="AJ1234">
        <v>32447.201120000002</v>
      </c>
      <c r="AK1234">
        <v>40206.719660000002</v>
      </c>
      <c r="AL1234">
        <v>92829.559510000006</v>
      </c>
      <c r="AM1234">
        <v>25471.08598</v>
      </c>
      <c r="AN1234">
        <v>112571.28969999999</v>
      </c>
      <c r="AO1234">
        <v>36455.399319999997</v>
      </c>
      <c r="AP1234">
        <v>30621.37558</v>
      </c>
    </row>
    <row r="1235" spans="2:42" x14ac:dyDescent="0.3">
      <c r="B1235">
        <v>64.518727561870577</v>
      </c>
      <c r="C1235" s="83">
        <v>43152.375</v>
      </c>
      <c r="D1235">
        <v>310488.63449999999</v>
      </c>
      <c r="E1235">
        <v>40728.562910000001</v>
      </c>
      <c r="F1235">
        <v>83597.251090000005</v>
      </c>
      <c r="G1235">
        <v>69649.517500000002</v>
      </c>
      <c r="H1235">
        <v>58984.23631</v>
      </c>
      <c r="I1235">
        <v>49283.421470000001</v>
      </c>
      <c r="J1235">
        <v>41374.293819999999</v>
      </c>
      <c r="K1235">
        <v>56400.500740000003</v>
      </c>
      <c r="L1235">
        <v>30745.69716</v>
      </c>
      <c r="M1235">
        <v>328946.56089999998</v>
      </c>
      <c r="N1235">
        <v>104077.9402</v>
      </c>
      <c r="O1235">
        <v>32057.56279</v>
      </c>
      <c r="P1235">
        <v>42393.497730000003</v>
      </c>
      <c r="Q1235">
        <v>93455.680770000006</v>
      </c>
      <c r="R1235">
        <v>24681.736799999999</v>
      </c>
      <c r="S1235">
        <v>116735.0698</v>
      </c>
      <c r="T1235">
        <v>38667.982750000003</v>
      </c>
      <c r="U1235">
        <v>29950.28096</v>
      </c>
      <c r="W1235" s="83">
        <f>Bühler!N1267</f>
        <v>45343.37499999701</v>
      </c>
      <c r="X1235" s="83">
        <v>43152.375</v>
      </c>
      <c r="Y1235">
        <v>310488.63449999999</v>
      </c>
      <c r="Z1235">
        <v>40728.562910000001</v>
      </c>
      <c r="AA1235">
        <v>83597.251090000005</v>
      </c>
      <c r="AB1235">
        <v>69649.517500000002</v>
      </c>
      <c r="AC1235">
        <v>58984.23631</v>
      </c>
      <c r="AD1235">
        <v>49283.421470000001</v>
      </c>
      <c r="AE1235">
        <v>41374.293819999999</v>
      </c>
      <c r="AF1235">
        <v>56400.500740000003</v>
      </c>
      <c r="AG1235">
        <v>30745.69716</v>
      </c>
      <c r="AH1235">
        <v>328946.56089999998</v>
      </c>
      <c r="AI1235">
        <v>104077.9402</v>
      </c>
      <c r="AJ1235">
        <v>32057.56279</v>
      </c>
      <c r="AK1235">
        <v>42393.497730000003</v>
      </c>
      <c r="AL1235">
        <v>93455.680770000006</v>
      </c>
      <c r="AM1235">
        <v>24681.736799999999</v>
      </c>
      <c r="AN1235">
        <v>116735.0698</v>
      </c>
      <c r="AO1235">
        <v>38667.982750000003</v>
      </c>
      <c r="AP1235">
        <v>29950.28096</v>
      </c>
    </row>
    <row r="1236" spans="2:42" x14ac:dyDescent="0.3">
      <c r="B1236">
        <v>64.836679744208254</v>
      </c>
      <c r="C1236" s="83">
        <v>43152.416666666664</v>
      </c>
      <c r="D1236">
        <v>309434.81050000002</v>
      </c>
      <c r="E1236">
        <v>42416.121059999998</v>
      </c>
      <c r="F1236">
        <v>85371.352650000001</v>
      </c>
      <c r="G1236">
        <v>70181.606409999993</v>
      </c>
      <c r="H1236">
        <v>59480.334000000003</v>
      </c>
      <c r="I1236">
        <v>46045.985489999999</v>
      </c>
      <c r="J1236">
        <v>40373.601119999999</v>
      </c>
      <c r="K1236">
        <v>58936.293510000003</v>
      </c>
      <c r="L1236">
        <v>33675.338640000002</v>
      </c>
      <c r="M1236">
        <v>330567.62939999998</v>
      </c>
      <c r="N1236">
        <v>108991.2311</v>
      </c>
      <c r="O1236">
        <v>31509.205269999999</v>
      </c>
      <c r="P1236">
        <v>42654.384420000002</v>
      </c>
      <c r="Q1236">
        <v>93866.117410000006</v>
      </c>
      <c r="R1236">
        <v>24846.76698</v>
      </c>
      <c r="S1236">
        <v>117265.094</v>
      </c>
      <c r="T1236">
        <v>40506.078150000001</v>
      </c>
      <c r="U1236">
        <v>29833.594529999998</v>
      </c>
      <c r="W1236" s="83">
        <f>Bühler!N1268</f>
        <v>45343.416666663674</v>
      </c>
      <c r="X1236" s="83">
        <v>43152.416666666664</v>
      </c>
      <c r="Y1236">
        <v>309434.81050000002</v>
      </c>
      <c r="Z1236">
        <v>42416.121059999998</v>
      </c>
      <c r="AA1236">
        <v>85371.352650000001</v>
      </c>
      <c r="AB1236">
        <v>70181.606409999993</v>
      </c>
      <c r="AC1236">
        <v>59480.334000000003</v>
      </c>
      <c r="AD1236">
        <v>46045.985489999999</v>
      </c>
      <c r="AE1236">
        <v>40373.601119999999</v>
      </c>
      <c r="AF1236">
        <v>58936.293510000003</v>
      </c>
      <c r="AG1236">
        <v>33675.338640000002</v>
      </c>
      <c r="AH1236">
        <v>330567.62939999998</v>
      </c>
      <c r="AI1236">
        <v>108991.2311</v>
      </c>
      <c r="AJ1236">
        <v>31509.205269999999</v>
      </c>
      <c r="AK1236">
        <v>42654.384420000002</v>
      </c>
      <c r="AL1236">
        <v>93866.117410000006</v>
      </c>
      <c r="AM1236">
        <v>24846.76698</v>
      </c>
      <c r="AN1236">
        <v>117265.094</v>
      </c>
      <c r="AO1236">
        <v>40506.078150000001</v>
      </c>
      <c r="AP1236">
        <v>29833.594529999998</v>
      </c>
    </row>
    <row r="1237" spans="2:42" x14ac:dyDescent="0.3">
      <c r="B1237">
        <v>64.971888874516182</v>
      </c>
      <c r="C1237" s="83">
        <v>43152.458333333336</v>
      </c>
      <c r="D1237">
        <v>310899.04440000001</v>
      </c>
      <c r="E1237">
        <v>41918.040139999997</v>
      </c>
      <c r="F1237">
        <v>85779.710579999999</v>
      </c>
      <c r="G1237">
        <v>68905.561470000001</v>
      </c>
      <c r="H1237">
        <v>58930.664530000002</v>
      </c>
      <c r="I1237">
        <v>44904.52936</v>
      </c>
      <c r="J1237">
        <v>39483.839310000003</v>
      </c>
      <c r="K1237">
        <v>64772.060299999997</v>
      </c>
      <c r="L1237">
        <v>34543.924270000003</v>
      </c>
      <c r="M1237">
        <v>331256.98859999998</v>
      </c>
      <c r="N1237">
        <v>108747.1283</v>
      </c>
      <c r="O1237">
        <v>31989.927360000001</v>
      </c>
      <c r="P1237">
        <v>42408.213530000001</v>
      </c>
      <c r="Q1237">
        <v>93483.83</v>
      </c>
      <c r="R1237">
        <v>28186.67569</v>
      </c>
      <c r="S1237">
        <v>117389.5429</v>
      </c>
      <c r="T1237">
        <v>40226.388650000001</v>
      </c>
      <c r="U1237">
        <v>29502.57115</v>
      </c>
      <c r="W1237" s="83">
        <f>Bühler!N1269</f>
        <v>45343.458333330338</v>
      </c>
      <c r="X1237" s="83">
        <v>43152.458333333336</v>
      </c>
      <c r="Y1237">
        <v>310899.04440000001</v>
      </c>
      <c r="Z1237">
        <v>41918.040139999997</v>
      </c>
      <c r="AA1237">
        <v>85779.710579999999</v>
      </c>
      <c r="AB1237">
        <v>68905.561470000001</v>
      </c>
      <c r="AC1237">
        <v>58930.664530000002</v>
      </c>
      <c r="AD1237">
        <v>44904.52936</v>
      </c>
      <c r="AE1237">
        <v>39483.839310000003</v>
      </c>
      <c r="AF1237">
        <v>64772.060299999997</v>
      </c>
      <c r="AG1237">
        <v>34543.924270000003</v>
      </c>
      <c r="AH1237">
        <v>331256.98859999998</v>
      </c>
      <c r="AI1237">
        <v>108747.1283</v>
      </c>
      <c r="AJ1237">
        <v>31989.927360000001</v>
      </c>
      <c r="AK1237">
        <v>42408.213530000001</v>
      </c>
      <c r="AL1237">
        <v>93483.83</v>
      </c>
      <c r="AM1237">
        <v>28186.67569</v>
      </c>
      <c r="AN1237">
        <v>117389.5429</v>
      </c>
      <c r="AO1237">
        <v>40226.388650000001</v>
      </c>
      <c r="AP1237">
        <v>29502.57115</v>
      </c>
    </row>
    <row r="1238" spans="2:42" x14ac:dyDescent="0.3">
      <c r="B1238">
        <v>64.262397733968115</v>
      </c>
      <c r="C1238" s="83">
        <v>43152.5</v>
      </c>
      <c r="D1238">
        <v>299011.75459999999</v>
      </c>
      <c r="E1238">
        <v>37633.88046</v>
      </c>
      <c r="F1238">
        <v>80284.492010000002</v>
      </c>
      <c r="G1238">
        <v>64843.018230000001</v>
      </c>
      <c r="H1238">
        <v>55808.069739999999</v>
      </c>
      <c r="I1238">
        <v>42410.57662</v>
      </c>
      <c r="J1238">
        <v>39676.292699999998</v>
      </c>
      <c r="K1238">
        <v>61117.103969999996</v>
      </c>
      <c r="L1238">
        <v>36458.374430000003</v>
      </c>
      <c r="M1238">
        <v>327639.67190000002</v>
      </c>
      <c r="N1238">
        <v>104511.3219</v>
      </c>
      <c r="O1238">
        <v>30898.72424</v>
      </c>
      <c r="P1238">
        <v>42533.285960000001</v>
      </c>
      <c r="Q1238">
        <v>91597.740879999998</v>
      </c>
      <c r="R1238">
        <v>27461.641360000001</v>
      </c>
      <c r="S1238">
        <v>108854.6372</v>
      </c>
      <c r="T1238">
        <v>39495.985099999998</v>
      </c>
      <c r="U1238">
        <v>24377.469499999999</v>
      </c>
      <c r="W1238" s="83">
        <f>Bühler!N1270</f>
        <v>45343.499999997002</v>
      </c>
      <c r="X1238" s="83">
        <v>43152.5</v>
      </c>
      <c r="Y1238">
        <v>299011.75459999999</v>
      </c>
      <c r="Z1238">
        <v>37633.88046</v>
      </c>
      <c r="AA1238">
        <v>80284.492010000002</v>
      </c>
      <c r="AB1238">
        <v>64843.018230000001</v>
      </c>
      <c r="AC1238">
        <v>55808.069739999999</v>
      </c>
      <c r="AD1238">
        <v>42410.57662</v>
      </c>
      <c r="AE1238">
        <v>39676.292699999998</v>
      </c>
      <c r="AF1238">
        <v>61117.103969999996</v>
      </c>
      <c r="AG1238">
        <v>36458.374430000003</v>
      </c>
      <c r="AH1238">
        <v>327639.67190000002</v>
      </c>
      <c r="AI1238">
        <v>104511.3219</v>
      </c>
      <c r="AJ1238">
        <v>30898.72424</v>
      </c>
      <c r="AK1238">
        <v>42533.285960000001</v>
      </c>
      <c r="AL1238">
        <v>91597.740879999998</v>
      </c>
      <c r="AM1238">
        <v>27461.641360000001</v>
      </c>
      <c r="AN1238">
        <v>108854.6372</v>
      </c>
      <c r="AO1238">
        <v>39495.985099999998</v>
      </c>
      <c r="AP1238">
        <v>24377.469499999999</v>
      </c>
    </row>
    <row r="1239" spans="2:42" x14ac:dyDescent="0.3">
      <c r="B1239">
        <v>63.682915963992016</v>
      </c>
      <c r="C1239" s="83">
        <v>43152.541666666664</v>
      </c>
      <c r="D1239">
        <v>299028.86170000001</v>
      </c>
      <c r="E1239">
        <v>36848.657099999997</v>
      </c>
      <c r="F1239">
        <v>77554.920570000002</v>
      </c>
      <c r="G1239">
        <v>62541.96041</v>
      </c>
      <c r="H1239">
        <v>55428.230860000003</v>
      </c>
      <c r="I1239">
        <v>41637.651619999997</v>
      </c>
      <c r="J1239">
        <v>38147.649720000001</v>
      </c>
      <c r="K1239">
        <v>63776.319329999998</v>
      </c>
      <c r="L1239">
        <v>34883.684329999996</v>
      </c>
      <c r="M1239">
        <v>324685.20360000001</v>
      </c>
      <c r="N1239">
        <v>103084.1066</v>
      </c>
      <c r="O1239">
        <v>30787.939640000001</v>
      </c>
      <c r="P1239">
        <v>40676.524039999997</v>
      </c>
      <c r="Q1239">
        <v>90510.725959999996</v>
      </c>
      <c r="R1239">
        <v>26194.892889999999</v>
      </c>
      <c r="S1239">
        <v>108751.1676</v>
      </c>
      <c r="T1239">
        <v>38692.99957</v>
      </c>
      <c r="U1239">
        <v>25866.474750000001</v>
      </c>
      <c r="W1239" s="83">
        <f>Bühler!N1271</f>
        <v>45343.541666663667</v>
      </c>
      <c r="X1239" s="83">
        <v>43152.541666666664</v>
      </c>
      <c r="Y1239">
        <v>299028.86170000001</v>
      </c>
      <c r="Z1239">
        <v>36848.657099999997</v>
      </c>
      <c r="AA1239">
        <v>77554.920570000002</v>
      </c>
      <c r="AB1239">
        <v>62541.96041</v>
      </c>
      <c r="AC1239">
        <v>55428.230860000003</v>
      </c>
      <c r="AD1239">
        <v>41637.651619999997</v>
      </c>
      <c r="AE1239">
        <v>38147.649720000001</v>
      </c>
      <c r="AF1239">
        <v>63776.319329999998</v>
      </c>
      <c r="AG1239">
        <v>34883.684329999996</v>
      </c>
      <c r="AH1239">
        <v>324685.20360000001</v>
      </c>
      <c r="AI1239">
        <v>103084.1066</v>
      </c>
      <c r="AJ1239">
        <v>30787.939640000001</v>
      </c>
      <c r="AK1239">
        <v>40676.524039999997</v>
      </c>
      <c r="AL1239">
        <v>90510.725959999996</v>
      </c>
      <c r="AM1239">
        <v>26194.892889999999</v>
      </c>
      <c r="AN1239">
        <v>108751.1676</v>
      </c>
      <c r="AO1239">
        <v>38692.99957</v>
      </c>
      <c r="AP1239">
        <v>25866.474750000001</v>
      </c>
    </row>
    <row r="1240" spans="2:42" x14ac:dyDescent="0.3">
      <c r="B1240">
        <v>64.347622911669944</v>
      </c>
      <c r="C1240" s="83">
        <v>43152.583333333336</v>
      </c>
      <c r="D1240">
        <v>300384.09730000002</v>
      </c>
      <c r="E1240">
        <v>39327.29941</v>
      </c>
      <c r="F1240">
        <v>82963.183130000005</v>
      </c>
      <c r="G1240">
        <v>61415.09418</v>
      </c>
      <c r="H1240">
        <v>54978.879950000002</v>
      </c>
      <c r="I1240">
        <v>41564.53613</v>
      </c>
      <c r="J1240">
        <v>37750.88377</v>
      </c>
      <c r="K1240">
        <v>64996.3842</v>
      </c>
      <c r="L1240">
        <v>31701.3226</v>
      </c>
      <c r="M1240">
        <v>328074.18959999998</v>
      </c>
      <c r="N1240">
        <v>104243.2441</v>
      </c>
      <c r="O1240">
        <v>30061.027239999999</v>
      </c>
      <c r="P1240">
        <v>37237.318639999998</v>
      </c>
      <c r="Q1240">
        <v>89194.721579999998</v>
      </c>
      <c r="R1240">
        <v>25360.985860000001</v>
      </c>
      <c r="S1240">
        <v>105275.6082</v>
      </c>
      <c r="T1240">
        <v>36688.073409999997</v>
      </c>
      <c r="U1240">
        <v>25984.54837</v>
      </c>
      <c r="W1240" s="83">
        <f>Bühler!N1272</f>
        <v>45343.583333330331</v>
      </c>
      <c r="X1240" s="83">
        <v>43152.583333333336</v>
      </c>
      <c r="Y1240">
        <v>300384.09730000002</v>
      </c>
      <c r="Z1240">
        <v>39327.29941</v>
      </c>
      <c r="AA1240">
        <v>82963.183130000005</v>
      </c>
      <c r="AB1240">
        <v>61415.09418</v>
      </c>
      <c r="AC1240">
        <v>54978.879950000002</v>
      </c>
      <c r="AD1240">
        <v>41564.53613</v>
      </c>
      <c r="AE1240">
        <v>37750.88377</v>
      </c>
      <c r="AF1240">
        <v>64996.3842</v>
      </c>
      <c r="AG1240">
        <v>31701.3226</v>
      </c>
      <c r="AH1240">
        <v>328074.18959999998</v>
      </c>
      <c r="AI1240">
        <v>104243.2441</v>
      </c>
      <c r="AJ1240">
        <v>30061.027239999999</v>
      </c>
      <c r="AK1240">
        <v>37237.318639999998</v>
      </c>
      <c r="AL1240">
        <v>89194.721579999998</v>
      </c>
      <c r="AM1240">
        <v>25360.985860000001</v>
      </c>
      <c r="AN1240">
        <v>105275.6082</v>
      </c>
      <c r="AO1240">
        <v>36688.073409999997</v>
      </c>
      <c r="AP1240">
        <v>25984.54837</v>
      </c>
    </row>
    <row r="1241" spans="2:42" x14ac:dyDescent="0.3">
      <c r="B1241">
        <v>63.359733110662049</v>
      </c>
      <c r="C1241" s="83">
        <v>43152.625</v>
      </c>
      <c r="D1241">
        <v>299194.38789999997</v>
      </c>
      <c r="E1241">
        <v>38881.648439999997</v>
      </c>
      <c r="F1241">
        <v>83357.895550000001</v>
      </c>
      <c r="G1241">
        <v>59629.482040000003</v>
      </c>
      <c r="H1241">
        <v>54055.610309999996</v>
      </c>
      <c r="I1241">
        <v>41774.35211</v>
      </c>
      <c r="J1241">
        <v>37458.107510000002</v>
      </c>
      <c r="K1241">
        <v>63492.381079999999</v>
      </c>
      <c r="L1241">
        <v>28313.06523</v>
      </c>
      <c r="M1241">
        <v>323037.46669999999</v>
      </c>
      <c r="N1241">
        <v>102041.4007</v>
      </c>
      <c r="O1241">
        <v>29720.27375</v>
      </c>
      <c r="P1241">
        <v>35287.870000000003</v>
      </c>
      <c r="Q1241">
        <v>88491.879140000005</v>
      </c>
      <c r="R1241">
        <v>24805.557560000001</v>
      </c>
      <c r="S1241">
        <v>102581.595</v>
      </c>
      <c r="T1241">
        <v>36493.32026</v>
      </c>
      <c r="U1241">
        <v>25670.602289999999</v>
      </c>
      <c r="W1241" s="83">
        <f>Bühler!N1273</f>
        <v>45343.624999996995</v>
      </c>
      <c r="X1241" s="83">
        <v>43152.625</v>
      </c>
      <c r="Y1241">
        <v>299194.38789999997</v>
      </c>
      <c r="Z1241">
        <v>38881.648439999997</v>
      </c>
      <c r="AA1241">
        <v>83357.895550000001</v>
      </c>
      <c r="AB1241">
        <v>59629.482040000003</v>
      </c>
      <c r="AC1241">
        <v>54055.610309999996</v>
      </c>
      <c r="AD1241">
        <v>41774.35211</v>
      </c>
      <c r="AE1241">
        <v>37458.107510000002</v>
      </c>
      <c r="AF1241">
        <v>63492.381079999999</v>
      </c>
      <c r="AG1241">
        <v>28313.06523</v>
      </c>
      <c r="AH1241">
        <v>323037.46669999999</v>
      </c>
      <c r="AI1241">
        <v>102041.4007</v>
      </c>
      <c r="AJ1241">
        <v>29720.27375</v>
      </c>
      <c r="AK1241">
        <v>35287.870000000003</v>
      </c>
      <c r="AL1241">
        <v>88491.879140000005</v>
      </c>
      <c r="AM1241">
        <v>24805.557560000001</v>
      </c>
      <c r="AN1241">
        <v>102581.595</v>
      </c>
      <c r="AO1241">
        <v>36493.32026</v>
      </c>
      <c r="AP1241">
        <v>25670.602289999999</v>
      </c>
    </row>
    <row r="1242" spans="2:42" x14ac:dyDescent="0.3">
      <c r="B1242">
        <v>62.262304997043508</v>
      </c>
      <c r="C1242" s="83">
        <v>43152.666666666664</v>
      </c>
      <c r="D1242">
        <v>293198.2548</v>
      </c>
      <c r="E1242">
        <v>37986.192949999997</v>
      </c>
      <c r="F1242">
        <v>82651.624720000007</v>
      </c>
      <c r="G1242">
        <v>57564.278149999998</v>
      </c>
      <c r="H1242">
        <v>52027.280220000001</v>
      </c>
      <c r="I1242">
        <v>42230.590279999997</v>
      </c>
      <c r="J1242">
        <v>36749.022010000001</v>
      </c>
      <c r="K1242">
        <v>59539.606800000001</v>
      </c>
      <c r="L1242">
        <v>27490.947059999999</v>
      </c>
      <c r="M1242">
        <v>317442.26640000002</v>
      </c>
      <c r="N1242">
        <v>97898.670499999993</v>
      </c>
      <c r="O1242">
        <v>29520.199240000002</v>
      </c>
      <c r="P1242">
        <v>35792.648249999998</v>
      </c>
      <c r="Q1242">
        <v>88331.541270000002</v>
      </c>
      <c r="R1242">
        <v>24390.856889999999</v>
      </c>
      <c r="S1242">
        <v>101392.7991</v>
      </c>
      <c r="T1242">
        <v>35933.674129999999</v>
      </c>
      <c r="U1242">
        <v>24213.981370000001</v>
      </c>
      <c r="W1242" s="83">
        <f>Bühler!N1274</f>
        <v>45343.666666663659</v>
      </c>
      <c r="X1242" s="83">
        <v>43152.666666666664</v>
      </c>
      <c r="Y1242">
        <v>293198.2548</v>
      </c>
      <c r="Z1242">
        <v>37986.192949999997</v>
      </c>
      <c r="AA1242">
        <v>82651.624720000007</v>
      </c>
      <c r="AB1242">
        <v>57564.278149999998</v>
      </c>
      <c r="AC1242">
        <v>52027.280220000001</v>
      </c>
      <c r="AD1242">
        <v>42230.590279999997</v>
      </c>
      <c r="AE1242">
        <v>36749.022010000001</v>
      </c>
      <c r="AF1242">
        <v>59539.606800000001</v>
      </c>
      <c r="AG1242">
        <v>27490.947059999999</v>
      </c>
      <c r="AH1242">
        <v>317442.26640000002</v>
      </c>
      <c r="AI1242">
        <v>97898.670499999993</v>
      </c>
      <c r="AJ1242">
        <v>29520.199240000002</v>
      </c>
      <c r="AK1242">
        <v>35792.648249999998</v>
      </c>
      <c r="AL1242">
        <v>88331.541270000002</v>
      </c>
      <c r="AM1242">
        <v>24390.856889999999</v>
      </c>
      <c r="AN1242">
        <v>101392.7991</v>
      </c>
      <c r="AO1242">
        <v>35933.674129999999</v>
      </c>
      <c r="AP1242">
        <v>24213.981370000001</v>
      </c>
    </row>
    <row r="1243" spans="2:42" x14ac:dyDescent="0.3">
      <c r="B1243">
        <v>61.375716070722149</v>
      </c>
      <c r="C1243" s="83">
        <v>43152.708333333336</v>
      </c>
      <c r="D1243">
        <v>282089.99910000002</v>
      </c>
      <c r="E1243">
        <v>35768.65423</v>
      </c>
      <c r="F1243">
        <v>82156.054839999997</v>
      </c>
      <c r="G1243">
        <v>54579.64488</v>
      </c>
      <c r="H1243">
        <v>50229.24237</v>
      </c>
      <c r="I1243">
        <v>41793.65423</v>
      </c>
      <c r="J1243">
        <v>36268.261489999997</v>
      </c>
      <c r="K1243">
        <v>53645.397810000002</v>
      </c>
      <c r="L1243">
        <v>28178.805639999999</v>
      </c>
      <c r="M1243">
        <v>312922.02260000003</v>
      </c>
      <c r="N1243">
        <v>87847.460449999999</v>
      </c>
      <c r="O1243">
        <v>28419.34922</v>
      </c>
      <c r="P1243">
        <v>37036.376199999999</v>
      </c>
      <c r="Q1243">
        <v>87233.797980000003</v>
      </c>
      <c r="R1243">
        <v>25169.04377</v>
      </c>
      <c r="S1243">
        <v>99707.901299999998</v>
      </c>
      <c r="T1243">
        <v>36502.95594</v>
      </c>
      <c r="U1243">
        <v>21904.5082</v>
      </c>
      <c r="W1243" s="83">
        <f>Bühler!N1275</f>
        <v>45343.708333330324</v>
      </c>
      <c r="X1243" s="83">
        <v>43152.708333333336</v>
      </c>
      <c r="Y1243">
        <v>282089.99910000002</v>
      </c>
      <c r="Z1243">
        <v>35768.65423</v>
      </c>
      <c r="AA1243">
        <v>82156.054839999997</v>
      </c>
      <c r="AB1243">
        <v>54579.64488</v>
      </c>
      <c r="AC1243">
        <v>50229.24237</v>
      </c>
      <c r="AD1243">
        <v>41793.65423</v>
      </c>
      <c r="AE1243">
        <v>36268.261489999997</v>
      </c>
      <c r="AF1243">
        <v>53645.397810000002</v>
      </c>
      <c r="AG1243">
        <v>28178.805639999999</v>
      </c>
      <c r="AH1243">
        <v>312922.02260000003</v>
      </c>
      <c r="AI1243">
        <v>87847.460449999999</v>
      </c>
      <c r="AJ1243">
        <v>28419.34922</v>
      </c>
      <c r="AK1243">
        <v>37036.376199999999</v>
      </c>
      <c r="AL1243">
        <v>87233.797980000003</v>
      </c>
      <c r="AM1243">
        <v>25169.04377</v>
      </c>
      <c r="AN1243">
        <v>99707.901299999998</v>
      </c>
      <c r="AO1243">
        <v>36502.95594</v>
      </c>
      <c r="AP1243">
        <v>21904.5082</v>
      </c>
    </row>
    <row r="1244" spans="2:42" x14ac:dyDescent="0.3">
      <c r="B1244">
        <v>59.962710841930786</v>
      </c>
      <c r="C1244" s="83">
        <v>43152.75</v>
      </c>
      <c r="D1244">
        <v>276908.28769999999</v>
      </c>
      <c r="E1244">
        <v>33611.994180000002</v>
      </c>
      <c r="F1244">
        <v>80581.190579999995</v>
      </c>
      <c r="G1244">
        <v>52310.060490000003</v>
      </c>
      <c r="H1244">
        <v>49369.134030000001</v>
      </c>
      <c r="I1244">
        <v>41980.095849999998</v>
      </c>
      <c r="J1244">
        <v>38697.789279999997</v>
      </c>
      <c r="K1244">
        <v>47978.589549999997</v>
      </c>
      <c r="L1244">
        <v>30753.31623</v>
      </c>
      <c r="M1244">
        <v>305717.86300000001</v>
      </c>
      <c r="N1244">
        <v>85502.069090000005</v>
      </c>
      <c r="O1244">
        <v>27855.438900000001</v>
      </c>
      <c r="P1244">
        <v>42003.561049999997</v>
      </c>
      <c r="Q1244">
        <v>85805.634160000001</v>
      </c>
      <c r="R1244">
        <v>21927.64632</v>
      </c>
      <c r="S1244">
        <v>97138.633440000005</v>
      </c>
      <c r="T1244">
        <v>37600.44614</v>
      </c>
      <c r="U1244">
        <v>20902.75503</v>
      </c>
      <c r="W1244" s="83">
        <f>Bühler!N1276</f>
        <v>45343.749999996988</v>
      </c>
      <c r="X1244" s="83">
        <v>43152.75</v>
      </c>
      <c r="Y1244">
        <v>276908.28769999999</v>
      </c>
      <c r="Z1244">
        <v>33611.994180000002</v>
      </c>
      <c r="AA1244">
        <v>80581.190579999995</v>
      </c>
      <c r="AB1244">
        <v>52310.060490000003</v>
      </c>
      <c r="AC1244">
        <v>49369.134030000001</v>
      </c>
      <c r="AD1244">
        <v>41980.095849999998</v>
      </c>
      <c r="AE1244">
        <v>38697.789279999997</v>
      </c>
      <c r="AF1244">
        <v>47978.589549999997</v>
      </c>
      <c r="AG1244">
        <v>30753.31623</v>
      </c>
      <c r="AH1244">
        <v>305717.86300000001</v>
      </c>
      <c r="AI1244">
        <v>85502.069090000005</v>
      </c>
      <c r="AJ1244">
        <v>27855.438900000001</v>
      </c>
      <c r="AK1244">
        <v>42003.561049999997</v>
      </c>
      <c r="AL1244">
        <v>85805.634160000001</v>
      </c>
      <c r="AM1244">
        <v>21927.64632</v>
      </c>
      <c r="AN1244">
        <v>97138.633440000005</v>
      </c>
      <c r="AO1244">
        <v>37600.44614</v>
      </c>
      <c r="AP1244">
        <v>20902.75503</v>
      </c>
    </row>
    <row r="1245" spans="2:42" x14ac:dyDescent="0.3">
      <c r="B1245">
        <v>59.526508021153326</v>
      </c>
      <c r="C1245" s="83">
        <v>43152.791666666664</v>
      </c>
      <c r="D1245">
        <v>272911.91940000001</v>
      </c>
      <c r="E1245">
        <v>28203.655869999999</v>
      </c>
      <c r="F1245">
        <v>70148.583450000006</v>
      </c>
      <c r="G1245">
        <v>49433.046549999999</v>
      </c>
      <c r="H1245">
        <v>48325.847439999998</v>
      </c>
      <c r="I1245">
        <v>40039.031710000003</v>
      </c>
      <c r="J1245">
        <v>39496.23244</v>
      </c>
      <c r="K1245">
        <v>47282.490250000003</v>
      </c>
      <c r="L1245">
        <v>32932.878129999997</v>
      </c>
      <c r="M1245">
        <v>303493.89760000003</v>
      </c>
      <c r="N1245">
        <v>85403.94786</v>
      </c>
      <c r="O1245">
        <v>26677.014299999999</v>
      </c>
      <c r="P1245">
        <v>44030.708930000001</v>
      </c>
      <c r="Q1245">
        <v>84174.625849999997</v>
      </c>
      <c r="R1245">
        <v>21738.00476</v>
      </c>
      <c r="S1245">
        <v>92693.326879999993</v>
      </c>
      <c r="T1245">
        <v>38080.430399999997</v>
      </c>
      <c r="U1245">
        <v>20217.04466</v>
      </c>
      <c r="W1245" s="83">
        <f>Bühler!N1277</f>
        <v>45343.791666663652</v>
      </c>
      <c r="X1245" s="83">
        <v>43152.791666666664</v>
      </c>
      <c r="Y1245">
        <v>272911.91940000001</v>
      </c>
      <c r="Z1245">
        <v>28203.655869999999</v>
      </c>
      <c r="AA1245">
        <v>70148.583450000006</v>
      </c>
      <c r="AB1245">
        <v>49433.046549999999</v>
      </c>
      <c r="AC1245">
        <v>48325.847439999998</v>
      </c>
      <c r="AD1245">
        <v>40039.031710000003</v>
      </c>
      <c r="AE1245">
        <v>39496.23244</v>
      </c>
      <c r="AF1245">
        <v>47282.490250000003</v>
      </c>
      <c r="AG1245">
        <v>32932.878129999997</v>
      </c>
      <c r="AH1245">
        <v>303493.89760000003</v>
      </c>
      <c r="AI1245">
        <v>85403.94786</v>
      </c>
      <c r="AJ1245">
        <v>26677.014299999999</v>
      </c>
      <c r="AK1245">
        <v>44030.708930000001</v>
      </c>
      <c r="AL1245">
        <v>84174.625849999997</v>
      </c>
      <c r="AM1245">
        <v>21738.00476</v>
      </c>
      <c r="AN1245">
        <v>92693.326879999993</v>
      </c>
      <c r="AO1245">
        <v>38080.430399999997</v>
      </c>
      <c r="AP1245">
        <v>20217.04466</v>
      </c>
    </row>
    <row r="1246" spans="2:42" x14ac:dyDescent="0.3">
      <c r="B1246">
        <v>58.97287837829932</v>
      </c>
      <c r="C1246" s="83">
        <v>43152.833333333336</v>
      </c>
      <c r="D1246">
        <v>263705.75290000002</v>
      </c>
      <c r="E1246">
        <v>22107.910759999999</v>
      </c>
      <c r="F1246">
        <v>54825.320670000001</v>
      </c>
      <c r="G1246">
        <v>45797.814149999998</v>
      </c>
      <c r="H1246">
        <v>45559.625820000001</v>
      </c>
      <c r="I1246">
        <v>36490.206550000003</v>
      </c>
      <c r="J1246">
        <v>38511.127159999996</v>
      </c>
      <c r="K1246">
        <v>53075.541400000002</v>
      </c>
      <c r="L1246">
        <v>31018.398239999999</v>
      </c>
      <c r="M1246">
        <v>300671.23550000001</v>
      </c>
      <c r="N1246">
        <v>84067.223540000006</v>
      </c>
      <c r="O1246">
        <v>25543.327099999999</v>
      </c>
      <c r="P1246">
        <v>45656.24222</v>
      </c>
      <c r="Q1246">
        <v>82165.118799999997</v>
      </c>
      <c r="R1246">
        <v>22561.870309999998</v>
      </c>
      <c r="S1246">
        <v>84777.930240000002</v>
      </c>
      <c r="T1246">
        <v>36079.191169999998</v>
      </c>
      <c r="U1246">
        <v>19142.451570000001</v>
      </c>
      <c r="W1246" s="83">
        <f>Bühler!N1278</f>
        <v>45343.833333330316</v>
      </c>
      <c r="X1246" s="83">
        <v>43152.833333333336</v>
      </c>
      <c r="Y1246">
        <v>263705.75290000002</v>
      </c>
      <c r="Z1246">
        <v>22107.910759999999</v>
      </c>
      <c r="AA1246">
        <v>54825.320670000001</v>
      </c>
      <c r="AB1246">
        <v>45797.814149999998</v>
      </c>
      <c r="AC1246">
        <v>45559.625820000001</v>
      </c>
      <c r="AD1246">
        <v>36490.206550000003</v>
      </c>
      <c r="AE1246">
        <v>38511.127159999996</v>
      </c>
      <c r="AF1246">
        <v>53075.541400000002</v>
      </c>
      <c r="AG1246">
        <v>31018.398239999999</v>
      </c>
      <c r="AH1246">
        <v>300671.23550000001</v>
      </c>
      <c r="AI1246">
        <v>84067.223540000006</v>
      </c>
      <c r="AJ1246">
        <v>25543.327099999999</v>
      </c>
      <c r="AK1246">
        <v>45656.24222</v>
      </c>
      <c r="AL1246">
        <v>82165.118799999997</v>
      </c>
      <c r="AM1246">
        <v>22561.870309999998</v>
      </c>
      <c r="AN1246">
        <v>84777.930240000002</v>
      </c>
      <c r="AO1246">
        <v>36079.191169999998</v>
      </c>
      <c r="AP1246">
        <v>19142.451570000001</v>
      </c>
    </row>
    <row r="1247" spans="2:42" x14ac:dyDescent="0.3">
      <c r="B1247">
        <v>57.425327748206584</v>
      </c>
      <c r="C1247" s="83">
        <v>43152.875</v>
      </c>
      <c r="D1247">
        <v>254641.9627</v>
      </c>
      <c r="E1247">
        <v>19327.765930000001</v>
      </c>
      <c r="F1247">
        <v>47892.601139999999</v>
      </c>
      <c r="G1247">
        <v>44100.289259999998</v>
      </c>
      <c r="H1247">
        <v>43264.059090000002</v>
      </c>
      <c r="I1247">
        <v>31885.989170000001</v>
      </c>
      <c r="J1247">
        <v>36919.421329999997</v>
      </c>
      <c r="K1247">
        <v>52872.265930000001</v>
      </c>
      <c r="L1247">
        <v>29222.482339999999</v>
      </c>
      <c r="M1247">
        <v>292781.10070000001</v>
      </c>
      <c r="N1247">
        <v>82399.297590000002</v>
      </c>
      <c r="O1247">
        <v>23913.63118</v>
      </c>
      <c r="P1247">
        <v>43740.802710000004</v>
      </c>
      <c r="Q1247">
        <v>79539.054199999999</v>
      </c>
      <c r="R1247">
        <v>20779.844209999999</v>
      </c>
      <c r="S1247">
        <v>80676.599969999996</v>
      </c>
      <c r="T1247">
        <v>33656.47767</v>
      </c>
      <c r="U1247">
        <v>17604.929609999999</v>
      </c>
      <c r="W1247" s="83">
        <f>Bühler!N1279</f>
        <v>45343.87499999698</v>
      </c>
      <c r="X1247" s="83">
        <v>43152.875</v>
      </c>
      <c r="Y1247">
        <v>254641.9627</v>
      </c>
      <c r="Z1247">
        <v>19327.765930000001</v>
      </c>
      <c r="AA1247">
        <v>47892.601139999999</v>
      </c>
      <c r="AB1247">
        <v>44100.289259999998</v>
      </c>
      <c r="AC1247">
        <v>43264.059090000002</v>
      </c>
      <c r="AD1247">
        <v>31885.989170000001</v>
      </c>
      <c r="AE1247">
        <v>36919.421329999997</v>
      </c>
      <c r="AF1247">
        <v>52872.265930000001</v>
      </c>
      <c r="AG1247">
        <v>29222.482339999999</v>
      </c>
      <c r="AH1247">
        <v>292781.10070000001</v>
      </c>
      <c r="AI1247">
        <v>82399.297590000002</v>
      </c>
      <c r="AJ1247">
        <v>23913.63118</v>
      </c>
      <c r="AK1247">
        <v>43740.802710000004</v>
      </c>
      <c r="AL1247">
        <v>79539.054199999999</v>
      </c>
      <c r="AM1247">
        <v>20779.844209999999</v>
      </c>
      <c r="AN1247">
        <v>80676.599969999996</v>
      </c>
      <c r="AO1247">
        <v>33656.47767</v>
      </c>
      <c r="AP1247">
        <v>17604.929609999999</v>
      </c>
    </row>
    <row r="1248" spans="2:42" x14ac:dyDescent="0.3">
      <c r="B1248">
        <v>57.743243802032737</v>
      </c>
      <c r="C1248" s="83">
        <v>43152.916666666664</v>
      </c>
      <c r="D1248">
        <v>254717.05660000001</v>
      </c>
      <c r="E1248">
        <v>18855.48662</v>
      </c>
      <c r="F1248">
        <v>46007.03095</v>
      </c>
      <c r="G1248">
        <v>43305.908369999997</v>
      </c>
      <c r="H1248">
        <v>42624.159870000003</v>
      </c>
      <c r="I1248">
        <v>30171.010869999998</v>
      </c>
      <c r="J1248">
        <v>35694.67527</v>
      </c>
      <c r="K1248">
        <v>54732.485460000004</v>
      </c>
      <c r="L1248">
        <v>26318.294890000001</v>
      </c>
      <c r="M1248">
        <v>294401.98499999999</v>
      </c>
      <c r="N1248">
        <v>82070.436069999996</v>
      </c>
      <c r="O1248">
        <v>24742.44888</v>
      </c>
      <c r="P1248">
        <v>45382.686560000002</v>
      </c>
      <c r="Q1248">
        <v>80100.791960000002</v>
      </c>
      <c r="R1248">
        <v>30304.707910000001</v>
      </c>
      <c r="S1248">
        <v>80390.953259999995</v>
      </c>
      <c r="T1248">
        <v>30368.21067</v>
      </c>
      <c r="U1248">
        <v>19250.304909999999</v>
      </c>
      <c r="W1248" s="83">
        <f>Bühler!N1280</f>
        <v>45343.916666663645</v>
      </c>
      <c r="X1248" s="83">
        <v>43152.916666666664</v>
      </c>
      <c r="Y1248">
        <v>254717.05660000001</v>
      </c>
      <c r="Z1248">
        <v>18855.48662</v>
      </c>
      <c r="AA1248">
        <v>46007.03095</v>
      </c>
      <c r="AB1248">
        <v>43305.908369999997</v>
      </c>
      <c r="AC1248">
        <v>42624.159870000003</v>
      </c>
      <c r="AD1248">
        <v>30171.010869999998</v>
      </c>
      <c r="AE1248">
        <v>35694.67527</v>
      </c>
      <c r="AF1248">
        <v>54732.485460000004</v>
      </c>
      <c r="AG1248">
        <v>26318.294890000001</v>
      </c>
      <c r="AH1248">
        <v>294401.98499999999</v>
      </c>
      <c r="AI1248">
        <v>82070.436069999996</v>
      </c>
      <c r="AJ1248">
        <v>24742.44888</v>
      </c>
      <c r="AK1248">
        <v>45382.686560000002</v>
      </c>
      <c r="AL1248">
        <v>80100.791960000002</v>
      </c>
      <c r="AM1248">
        <v>30304.707910000001</v>
      </c>
      <c r="AN1248">
        <v>80390.953259999995</v>
      </c>
      <c r="AO1248">
        <v>30368.21067</v>
      </c>
      <c r="AP1248">
        <v>19250.304909999999</v>
      </c>
    </row>
    <row r="1249" spans="2:42" x14ac:dyDescent="0.3">
      <c r="B1249">
        <v>57.111760335425203</v>
      </c>
      <c r="C1249" s="83">
        <v>43152.958333333336</v>
      </c>
      <c r="D1249">
        <v>254109.76809999999</v>
      </c>
      <c r="E1249">
        <v>18589.591090000002</v>
      </c>
      <c r="F1249">
        <v>44881.775099999999</v>
      </c>
      <c r="G1249">
        <v>42927.271569999997</v>
      </c>
      <c r="H1249">
        <v>41763.767489999998</v>
      </c>
      <c r="I1249">
        <v>29502.936610000001</v>
      </c>
      <c r="J1249">
        <v>32892.052389999997</v>
      </c>
      <c r="K1249">
        <v>54171.116260000003</v>
      </c>
      <c r="L1249">
        <v>22926.825690000001</v>
      </c>
      <c r="M1249">
        <v>291182.38780000003</v>
      </c>
      <c r="N1249">
        <v>81772.435110000006</v>
      </c>
      <c r="O1249">
        <v>25243.415819999998</v>
      </c>
      <c r="P1249">
        <v>41100.215409999997</v>
      </c>
      <c r="Q1249">
        <v>79770.225730000006</v>
      </c>
      <c r="R1249">
        <v>32788.357400000001</v>
      </c>
      <c r="S1249">
        <v>78240.130650000006</v>
      </c>
      <c r="T1249">
        <v>30960.786049999999</v>
      </c>
      <c r="U1249">
        <v>19062.661199999999</v>
      </c>
      <c r="W1249" s="83">
        <f>Bühler!N1281</f>
        <v>45343.958333330309</v>
      </c>
      <c r="X1249" s="83">
        <v>43152.958333333336</v>
      </c>
      <c r="Y1249">
        <v>254109.76809999999</v>
      </c>
      <c r="Z1249">
        <v>18589.591090000002</v>
      </c>
      <c r="AA1249">
        <v>44881.775099999999</v>
      </c>
      <c r="AB1249">
        <v>42927.271569999997</v>
      </c>
      <c r="AC1249">
        <v>41763.767489999998</v>
      </c>
      <c r="AD1249">
        <v>29502.936610000001</v>
      </c>
      <c r="AE1249">
        <v>32892.052389999997</v>
      </c>
      <c r="AF1249">
        <v>54171.116260000003</v>
      </c>
      <c r="AG1249">
        <v>22926.825690000001</v>
      </c>
      <c r="AH1249">
        <v>291182.38780000003</v>
      </c>
      <c r="AI1249">
        <v>81772.435110000006</v>
      </c>
      <c r="AJ1249">
        <v>25243.415819999998</v>
      </c>
      <c r="AK1249">
        <v>41100.215409999997</v>
      </c>
      <c r="AL1249">
        <v>79770.225730000006</v>
      </c>
      <c r="AM1249">
        <v>32788.357400000001</v>
      </c>
      <c r="AN1249">
        <v>78240.130650000006</v>
      </c>
      <c r="AO1249">
        <v>30960.786049999999</v>
      </c>
      <c r="AP1249">
        <v>19062.661199999999</v>
      </c>
    </row>
    <row r="1250" spans="2:42" x14ac:dyDescent="0.3">
      <c r="B1250">
        <v>56.468181447201836</v>
      </c>
      <c r="C1250" s="83">
        <v>43153</v>
      </c>
      <c r="D1250">
        <v>254068.7843</v>
      </c>
      <c r="E1250">
        <v>18300.189009999998</v>
      </c>
      <c r="F1250">
        <v>44681.516839999997</v>
      </c>
      <c r="G1250">
        <v>42695.201130000001</v>
      </c>
      <c r="H1250">
        <v>41462.633280000002</v>
      </c>
      <c r="I1250">
        <v>27791.684099999999</v>
      </c>
      <c r="J1250">
        <v>31043.524590000001</v>
      </c>
      <c r="K1250">
        <v>52968.932070000003</v>
      </c>
      <c r="L1250">
        <v>21148.50748</v>
      </c>
      <c r="M1250">
        <v>287901.1225</v>
      </c>
      <c r="N1250">
        <v>80551.207129999995</v>
      </c>
      <c r="O1250">
        <v>25048.403160000002</v>
      </c>
      <c r="P1250">
        <v>38449.350910000001</v>
      </c>
      <c r="Q1250">
        <v>79367.823409999997</v>
      </c>
      <c r="R1250">
        <v>28756.256150000001</v>
      </c>
      <c r="S1250">
        <v>78126.957800000004</v>
      </c>
      <c r="T1250">
        <v>29968.75056</v>
      </c>
      <c r="U1250">
        <v>18590.051500000001</v>
      </c>
      <c r="W1250" s="83">
        <f>Bühler!N1282</f>
        <v>45343.999999996973</v>
      </c>
      <c r="X1250" s="83">
        <v>43153</v>
      </c>
      <c r="Y1250">
        <v>254068.7843</v>
      </c>
      <c r="Z1250">
        <v>18300.189009999998</v>
      </c>
      <c r="AA1250">
        <v>44681.516839999997</v>
      </c>
      <c r="AB1250">
        <v>42695.201130000001</v>
      </c>
      <c r="AC1250">
        <v>41462.633280000002</v>
      </c>
      <c r="AD1250">
        <v>27791.684099999999</v>
      </c>
      <c r="AE1250">
        <v>31043.524590000001</v>
      </c>
      <c r="AF1250">
        <v>52968.932070000003</v>
      </c>
      <c r="AG1250">
        <v>21148.50748</v>
      </c>
      <c r="AH1250">
        <v>287901.1225</v>
      </c>
      <c r="AI1250">
        <v>80551.207129999995</v>
      </c>
      <c r="AJ1250">
        <v>25048.403160000002</v>
      </c>
      <c r="AK1250">
        <v>38449.350910000001</v>
      </c>
      <c r="AL1250">
        <v>79367.823409999997</v>
      </c>
      <c r="AM1250">
        <v>28756.256150000001</v>
      </c>
      <c r="AN1250">
        <v>78126.957800000004</v>
      </c>
      <c r="AO1250">
        <v>29968.75056</v>
      </c>
      <c r="AP1250">
        <v>18590.051500000001</v>
      </c>
    </row>
    <row r="1251" spans="2:42" x14ac:dyDescent="0.3">
      <c r="B1251">
        <v>57.622322478118782</v>
      </c>
      <c r="C1251" s="83">
        <v>43153.041666666664</v>
      </c>
      <c r="D1251">
        <v>252813.8536</v>
      </c>
      <c r="E1251">
        <v>18856.03874</v>
      </c>
      <c r="F1251">
        <v>48536.772859999997</v>
      </c>
      <c r="G1251">
        <v>42709.961710000003</v>
      </c>
      <c r="H1251">
        <v>41912.671679999999</v>
      </c>
      <c r="I1251">
        <v>23847.472610000001</v>
      </c>
      <c r="J1251">
        <v>35015.105069999998</v>
      </c>
      <c r="K1251">
        <v>50963.448819999998</v>
      </c>
      <c r="L1251">
        <v>21018.509259999999</v>
      </c>
      <c r="M1251">
        <v>293785.47169999999</v>
      </c>
      <c r="N1251">
        <v>83173.257440000001</v>
      </c>
      <c r="O1251">
        <v>25445.640479999998</v>
      </c>
      <c r="P1251">
        <v>37007.186970000002</v>
      </c>
      <c r="Q1251">
        <v>80615.914520000006</v>
      </c>
      <c r="R1251">
        <v>27270.289079999999</v>
      </c>
      <c r="S1251">
        <v>82746.611739999993</v>
      </c>
      <c r="T1251">
        <v>29571.08814</v>
      </c>
      <c r="U1251">
        <v>19783.638790000001</v>
      </c>
      <c r="W1251" s="83">
        <f>Bühler!N1283</f>
        <v>45344.041666663637</v>
      </c>
      <c r="X1251" s="83">
        <v>43153.041666666664</v>
      </c>
      <c r="Y1251">
        <v>252813.8536</v>
      </c>
      <c r="Z1251">
        <v>18856.03874</v>
      </c>
      <c r="AA1251">
        <v>48536.772859999997</v>
      </c>
      <c r="AB1251">
        <v>42709.961710000003</v>
      </c>
      <c r="AC1251">
        <v>41912.671679999999</v>
      </c>
      <c r="AD1251">
        <v>23847.472610000001</v>
      </c>
      <c r="AE1251">
        <v>35015.105069999998</v>
      </c>
      <c r="AF1251">
        <v>50963.448819999998</v>
      </c>
      <c r="AG1251">
        <v>21018.509259999999</v>
      </c>
      <c r="AH1251">
        <v>293785.47169999999</v>
      </c>
      <c r="AI1251">
        <v>83173.257440000001</v>
      </c>
      <c r="AJ1251">
        <v>25445.640479999998</v>
      </c>
      <c r="AK1251">
        <v>37007.186970000002</v>
      </c>
      <c r="AL1251">
        <v>80615.914520000006</v>
      </c>
      <c r="AM1251">
        <v>27270.289079999999</v>
      </c>
      <c r="AN1251">
        <v>82746.611739999993</v>
      </c>
      <c r="AO1251">
        <v>29571.08814</v>
      </c>
      <c r="AP1251">
        <v>19783.638790000001</v>
      </c>
    </row>
    <row r="1252" spans="2:42" x14ac:dyDescent="0.3">
      <c r="B1252">
        <v>58.532903697768319</v>
      </c>
      <c r="C1252" s="83">
        <v>43153.083333333336</v>
      </c>
      <c r="D1252">
        <v>253290.6747</v>
      </c>
      <c r="E1252">
        <v>18954.612430000001</v>
      </c>
      <c r="F1252">
        <v>49865.576249999998</v>
      </c>
      <c r="G1252">
        <v>42401.257689999999</v>
      </c>
      <c r="H1252">
        <v>41897.458400000003</v>
      </c>
      <c r="I1252">
        <v>22111.85886</v>
      </c>
      <c r="J1252">
        <v>35291.228580000003</v>
      </c>
      <c r="K1252">
        <v>49705.611169999996</v>
      </c>
      <c r="L1252">
        <v>20812.272140000001</v>
      </c>
      <c r="M1252">
        <v>298428.03940000001</v>
      </c>
      <c r="N1252">
        <v>83564.015509999997</v>
      </c>
      <c r="O1252">
        <v>25331.272519999999</v>
      </c>
      <c r="P1252">
        <v>35481.497369999997</v>
      </c>
      <c r="Q1252">
        <v>83080.183720000001</v>
      </c>
      <c r="R1252">
        <v>27755.548770000001</v>
      </c>
      <c r="S1252">
        <v>83576.626310000007</v>
      </c>
      <c r="T1252">
        <v>29275.291689999998</v>
      </c>
      <c r="U1252">
        <v>20147.817770000001</v>
      </c>
      <c r="W1252" s="83">
        <f>Bühler!N1284</f>
        <v>45344.083333330302</v>
      </c>
      <c r="X1252" s="83">
        <v>43153.083333333336</v>
      </c>
      <c r="Y1252">
        <v>253290.6747</v>
      </c>
      <c r="Z1252">
        <v>18954.612430000001</v>
      </c>
      <c r="AA1252">
        <v>49865.576249999998</v>
      </c>
      <c r="AB1252">
        <v>42401.257689999999</v>
      </c>
      <c r="AC1252">
        <v>41897.458400000003</v>
      </c>
      <c r="AD1252">
        <v>22111.85886</v>
      </c>
      <c r="AE1252">
        <v>35291.228580000003</v>
      </c>
      <c r="AF1252">
        <v>49705.611169999996</v>
      </c>
      <c r="AG1252">
        <v>20812.272140000001</v>
      </c>
      <c r="AH1252">
        <v>298428.03940000001</v>
      </c>
      <c r="AI1252">
        <v>83564.015509999997</v>
      </c>
      <c r="AJ1252">
        <v>25331.272519999999</v>
      </c>
      <c r="AK1252">
        <v>35481.497369999997</v>
      </c>
      <c r="AL1252">
        <v>83080.183720000001</v>
      </c>
      <c r="AM1252">
        <v>27755.548770000001</v>
      </c>
      <c r="AN1252">
        <v>83576.626310000007</v>
      </c>
      <c r="AO1252">
        <v>29275.291689999998</v>
      </c>
      <c r="AP1252">
        <v>20147.817770000001</v>
      </c>
    </row>
    <row r="1253" spans="2:42" x14ac:dyDescent="0.3">
      <c r="B1253">
        <v>58.350267089512741</v>
      </c>
      <c r="C1253" s="83">
        <v>43153.125</v>
      </c>
      <c r="D1253">
        <v>255829.5753</v>
      </c>
      <c r="E1253">
        <v>19162.61303</v>
      </c>
      <c r="F1253">
        <v>51712.252589999996</v>
      </c>
      <c r="G1253">
        <v>41657.960220000001</v>
      </c>
      <c r="H1253">
        <v>42389.80341</v>
      </c>
      <c r="I1253">
        <v>22316.190050000001</v>
      </c>
      <c r="J1253">
        <v>35781.202259999998</v>
      </c>
      <c r="K1253">
        <v>48202.938439999998</v>
      </c>
      <c r="L1253">
        <v>20332.48921</v>
      </c>
      <c r="M1253">
        <v>297496.87280000001</v>
      </c>
      <c r="N1253">
        <v>84297.653059999997</v>
      </c>
      <c r="O1253">
        <v>25674.083480000001</v>
      </c>
      <c r="P1253">
        <v>35553.872990000003</v>
      </c>
      <c r="Q1253">
        <v>85061.09792</v>
      </c>
      <c r="R1253">
        <v>27609.33034</v>
      </c>
      <c r="S1253">
        <v>82794.551370000001</v>
      </c>
      <c r="T1253">
        <v>29513.330170000001</v>
      </c>
      <c r="U1253">
        <v>20230.14417</v>
      </c>
      <c r="W1253" s="83">
        <f>Bühler!N1285</f>
        <v>45344.124999996966</v>
      </c>
      <c r="X1253" s="83">
        <v>43153.125</v>
      </c>
      <c r="Y1253">
        <v>255829.5753</v>
      </c>
      <c r="Z1253">
        <v>19162.61303</v>
      </c>
      <c r="AA1253">
        <v>51712.252589999996</v>
      </c>
      <c r="AB1253">
        <v>41657.960220000001</v>
      </c>
      <c r="AC1253">
        <v>42389.80341</v>
      </c>
      <c r="AD1253">
        <v>22316.190050000001</v>
      </c>
      <c r="AE1253">
        <v>35781.202259999998</v>
      </c>
      <c r="AF1253">
        <v>48202.938439999998</v>
      </c>
      <c r="AG1253">
        <v>20332.48921</v>
      </c>
      <c r="AH1253">
        <v>297496.87280000001</v>
      </c>
      <c r="AI1253">
        <v>84297.653059999997</v>
      </c>
      <c r="AJ1253">
        <v>25674.083480000001</v>
      </c>
      <c r="AK1253">
        <v>35553.872990000003</v>
      </c>
      <c r="AL1253">
        <v>85061.09792</v>
      </c>
      <c r="AM1253">
        <v>27609.33034</v>
      </c>
      <c r="AN1253">
        <v>82794.551370000001</v>
      </c>
      <c r="AO1253">
        <v>29513.330170000001</v>
      </c>
      <c r="AP1253">
        <v>20230.14417</v>
      </c>
    </row>
    <row r="1254" spans="2:42" x14ac:dyDescent="0.3">
      <c r="B1254">
        <v>59.384547664556671</v>
      </c>
      <c r="C1254" s="83">
        <v>43153.166666666664</v>
      </c>
      <c r="D1254">
        <v>258656.82370000001</v>
      </c>
      <c r="E1254">
        <v>19727.087899999999</v>
      </c>
      <c r="F1254">
        <v>55784.215609999999</v>
      </c>
      <c r="G1254">
        <v>41691.271639999999</v>
      </c>
      <c r="H1254">
        <v>43125.7742</v>
      </c>
      <c r="I1254">
        <v>26544.12746</v>
      </c>
      <c r="J1254">
        <v>38416.166010000001</v>
      </c>
      <c r="K1254">
        <v>47141.066680000004</v>
      </c>
      <c r="L1254">
        <v>20392.610830000001</v>
      </c>
      <c r="M1254">
        <v>302770.11749999999</v>
      </c>
      <c r="N1254">
        <v>83299.990000000005</v>
      </c>
      <c r="O1254">
        <v>26088.028399999999</v>
      </c>
      <c r="P1254">
        <v>34342.562080000003</v>
      </c>
      <c r="Q1254">
        <v>88137.196339999995</v>
      </c>
      <c r="R1254">
        <v>27934.66619</v>
      </c>
      <c r="S1254">
        <v>84474.951109999995</v>
      </c>
      <c r="T1254">
        <v>29342.955399999999</v>
      </c>
      <c r="U1254">
        <v>20928.175370000001</v>
      </c>
      <c r="W1254" s="83">
        <f>Bühler!N1286</f>
        <v>45344.16666666363</v>
      </c>
      <c r="X1254" s="83">
        <v>43153.166666666664</v>
      </c>
      <c r="Y1254">
        <v>258656.82370000001</v>
      </c>
      <c r="Z1254">
        <v>19727.087899999999</v>
      </c>
      <c r="AA1254">
        <v>55784.215609999999</v>
      </c>
      <c r="AB1254">
        <v>41691.271639999999</v>
      </c>
      <c r="AC1254">
        <v>43125.7742</v>
      </c>
      <c r="AD1254">
        <v>26544.12746</v>
      </c>
      <c r="AE1254">
        <v>38416.166010000001</v>
      </c>
      <c r="AF1254">
        <v>47141.066680000004</v>
      </c>
      <c r="AG1254">
        <v>20392.610830000001</v>
      </c>
      <c r="AH1254">
        <v>302770.11749999999</v>
      </c>
      <c r="AI1254">
        <v>83299.990000000005</v>
      </c>
      <c r="AJ1254">
        <v>26088.028399999999</v>
      </c>
      <c r="AK1254">
        <v>34342.562080000003</v>
      </c>
      <c r="AL1254">
        <v>88137.196339999995</v>
      </c>
      <c r="AM1254">
        <v>27934.66619</v>
      </c>
      <c r="AN1254">
        <v>84474.951109999995</v>
      </c>
      <c r="AO1254">
        <v>29342.955399999999</v>
      </c>
      <c r="AP1254">
        <v>20928.175370000001</v>
      </c>
    </row>
    <row r="1255" spans="2:42" x14ac:dyDescent="0.3">
      <c r="B1255">
        <v>62.279855333556199</v>
      </c>
      <c r="C1255" s="83">
        <v>43153.208333333336</v>
      </c>
      <c r="D1255">
        <v>274841.30379999999</v>
      </c>
      <c r="E1255">
        <v>21680.502240000002</v>
      </c>
      <c r="F1255">
        <v>67364.573269999993</v>
      </c>
      <c r="G1255">
        <v>43945.328020000001</v>
      </c>
      <c r="H1255">
        <v>44861.239260000002</v>
      </c>
      <c r="I1255">
        <v>33706.716500000002</v>
      </c>
      <c r="J1255">
        <v>41201.58079</v>
      </c>
      <c r="K1255">
        <v>47801.956279999999</v>
      </c>
      <c r="L1255">
        <v>21278.37458</v>
      </c>
      <c r="M1255">
        <v>317531.74619999999</v>
      </c>
      <c r="N1255">
        <v>84520.742620000005</v>
      </c>
      <c r="O1255">
        <v>27399.384689999999</v>
      </c>
      <c r="P1255">
        <v>34939.486449999997</v>
      </c>
      <c r="Q1255">
        <v>91153.815549999999</v>
      </c>
      <c r="R1255">
        <v>30289.416249999998</v>
      </c>
      <c r="S1255">
        <v>86701.678830000004</v>
      </c>
      <c r="T1255">
        <v>30786.320009999999</v>
      </c>
      <c r="U1255">
        <v>22347.871139999999</v>
      </c>
      <c r="W1255" s="83">
        <f>Bühler!N1287</f>
        <v>45344.208333330294</v>
      </c>
      <c r="X1255" s="83">
        <v>43153.208333333336</v>
      </c>
      <c r="Y1255">
        <v>274841.30379999999</v>
      </c>
      <c r="Z1255">
        <v>21680.502240000002</v>
      </c>
      <c r="AA1255">
        <v>67364.573269999993</v>
      </c>
      <c r="AB1255">
        <v>43945.328020000001</v>
      </c>
      <c r="AC1255">
        <v>44861.239260000002</v>
      </c>
      <c r="AD1255">
        <v>33706.716500000002</v>
      </c>
      <c r="AE1255">
        <v>41201.58079</v>
      </c>
      <c r="AF1255">
        <v>47801.956279999999</v>
      </c>
      <c r="AG1255">
        <v>21278.37458</v>
      </c>
      <c r="AH1255">
        <v>317531.74619999999</v>
      </c>
      <c r="AI1255">
        <v>84520.742620000005</v>
      </c>
      <c r="AJ1255">
        <v>27399.384689999999</v>
      </c>
      <c r="AK1255">
        <v>34939.486449999997</v>
      </c>
      <c r="AL1255">
        <v>91153.815549999999</v>
      </c>
      <c r="AM1255">
        <v>30289.416249999998</v>
      </c>
      <c r="AN1255">
        <v>86701.678830000004</v>
      </c>
      <c r="AO1255">
        <v>30786.320009999999</v>
      </c>
      <c r="AP1255">
        <v>22347.871139999999</v>
      </c>
    </row>
    <row r="1256" spans="2:42" x14ac:dyDescent="0.3">
      <c r="B1256">
        <v>65.109156290452788</v>
      </c>
      <c r="C1256" s="83">
        <v>43153.25</v>
      </c>
      <c r="D1256">
        <v>289636.54550000001</v>
      </c>
      <c r="E1256">
        <v>25876.804380000001</v>
      </c>
      <c r="F1256">
        <v>76538.636559999999</v>
      </c>
      <c r="G1256">
        <v>50139.246610000002</v>
      </c>
      <c r="H1256">
        <v>48063.992839999999</v>
      </c>
      <c r="I1256">
        <v>41727.410550000001</v>
      </c>
      <c r="J1256">
        <v>44427.185579999998</v>
      </c>
      <c r="K1256">
        <v>49591.435169999997</v>
      </c>
      <c r="L1256">
        <v>23030.609659999998</v>
      </c>
      <c r="M1256">
        <v>331956.8419</v>
      </c>
      <c r="N1256">
        <v>87224.623070000001</v>
      </c>
      <c r="O1256">
        <v>28680.441350000001</v>
      </c>
      <c r="P1256">
        <v>35190.73042</v>
      </c>
      <c r="Q1256">
        <v>93201.900930000003</v>
      </c>
      <c r="R1256">
        <v>21417.049080000001</v>
      </c>
      <c r="S1256">
        <v>92891.998349999994</v>
      </c>
      <c r="T1256">
        <v>33674.69629</v>
      </c>
      <c r="U1256">
        <v>24235.299950000001</v>
      </c>
      <c r="W1256" s="83">
        <f>Bühler!N1288</f>
        <v>45344.249999996959</v>
      </c>
      <c r="X1256" s="83">
        <v>43153.25</v>
      </c>
      <c r="Y1256">
        <v>289636.54550000001</v>
      </c>
      <c r="Z1256">
        <v>25876.804380000001</v>
      </c>
      <c r="AA1256">
        <v>76538.636559999999</v>
      </c>
      <c r="AB1256">
        <v>50139.246610000002</v>
      </c>
      <c r="AC1256">
        <v>48063.992839999999</v>
      </c>
      <c r="AD1256">
        <v>41727.410550000001</v>
      </c>
      <c r="AE1256">
        <v>44427.185579999998</v>
      </c>
      <c r="AF1256">
        <v>49591.435169999997</v>
      </c>
      <c r="AG1256">
        <v>23030.609659999998</v>
      </c>
      <c r="AH1256">
        <v>331956.8419</v>
      </c>
      <c r="AI1256">
        <v>87224.623070000001</v>
      </c>
      <c r="AJ1256">
        <v>28680.441350000001</v>
      </c>
      <c r="AK1256">
        <v>35190.73042</v>
      </c>
      <c r="AL1256">
        <v>93201.900930000003</v>
      </c>
      <c r="AM1256">
        <v>21417.049080000001</v>
      </c>
      <c r="AN1256">
        <v>92891.998349999994</v>
      </c>
      <c r="AO1256">
        <v>33674.69629</v>
      </c>
      <c r="AP1256">
        <v>24235.299950000001</v>
      </c>
    </row>
    <row r="1257" spans="2:42" x14ac:dyDescent="0.3">
      <c r="B1257">
        <v>65.550322819589312</v>
      </c>
      <c r="C1257" s="83">
        <v>43153.291666666664</v>
      </c>
      <c r="D1257">
        <v>301111.8848</v>
      </c>
      <c r="E1257">
        <v>30980.731790000002</v>
      </c>
      <c r="F1257">
        <v>74806.581869999995</v>
      </c>
      <c r="G1257">
        <v>58367.02908</v>
      </c>
      <c r="H1257">
        <v>52890.930959999998</v>
      </c>
      <c r="I1257">
        <v>48415.584029999998</v>
      </c>
      <c r="J1257">
        <v>41286.520420000001</v>
      </c>
      <c r="K1257">
        <v>53364.212209999998</v>
      </c>
      <c r="L1257">
        <v>26154.30096</v>
      </c>
      <c r="M1257">
        <v>334206.11459999997</v>
      </c>
      <c r="N1257">
        <v>92215.833180000001</v>
      </c>
      <c r="O1257">
        <v>31153.006249999999</v>
      </c>
      <c r="P1257">
        <v>38668.83481</v>
      </c>
      <c r="Q1257">
        <v>92984.769899999999</v>
      </c>
      <c r="R1257">
        <v>22208.720399999998</v>
      </c>
      <c r="S1257">
        <v>101670.90489999999</v>
      </c>
      <c r="T1257">
        <v>34255.480150000003</v>
      </c>
      <c r="U1257">
        <v>28062.468959999998</v>
      </c>
      <c r="W1257" s="83">
        <f>Bühler!N1289</f>
        <v>45344.291666663623</v>
      </c>
      <c r="X1257" s="83">
        <v>43153.291666666664</v>
      </c>
      <c r="Y1257">
        <v>301111.8848</v>
      </c>
      <c r="Z1257">
        <v>30980.731790000002</v>
      </c>
      <c r="AA1257">
        <v>74806.581869999995</v>
      </c>
      <c r="AB1257">
        <v>58367.02908</v>
      </c>
      <c r="AC1257">
        <v>52890.930959999998</v>
      </c>
      <c r="AD1257">
        <v>48415.584029999998</v>
      </c>
      <c r="AE1257">
        <v>41286.520420000001</v>
      </c>
      <c r="AF1257">
        <v>53364.212209999998</v>
      </c>
      <c r="AG1257">
        <v>26154.30096</v>
      </c>
      <c r="AH1257">
        <v>334206.11459999997</v>
      </c>
      <c r="AI1257">
        <v>92215.833180000001</v>
      </c>
      <c r="AJ1257">
        <v>31153.006249999999</v>
      </c>
      <c r="AK1257">
        <v>38668.83481</v>
      </c>
      <c r="AL1257">
        <v>92984.769899999999</v>
      </c>
      <c r="AM1257">
        <v>22208.720399999998</v>
      </c>
      <c r="AN1257">
        <v>101670.90489999999</v>
      </c>
      <c r="AO1257">
        <v>34255.480150000003</v>
      </c>
      <c r="AP1257">
        <v>28062.468959999998</v>
      </c>
    </row>
    <row r="1258" spans="2:42" x14ac:dyDescent="0.3">
      <c r="B1258">
        <v>65.526189856508353</v>
      </c>
      <c r="C1258" s="83">
        <v>43153.333333333336</v>
      </c>
      <c r="D1258">
        <v>309816.90509999997</v>
      </c>
      <c r="E1258">
        <v>37185.949489999999</v>
      </c>
      <c r="F1258">
        <v>80115.9568</v>
      </c>
      <c r="G1258">
        <v>65341.855839999997</v>
      </c>
      <c r="H1258">
        <v>57261.082219999997</v>
      </c>
      <c r="I1258">
        <v>51173.591419999997</v>
      </c>
      <c r="J1258">
        <v>41387.412790000002</v>
      </c>
      <c r="K1258">
        <v>57392.246480000002</v>
      </c>
      <c r="L1258">
        <v>28659.86419</v>
      </c>
      <c r="M1258">
        <v>334083.0735</v>
      </c>
      <c r="N1258">
        <v>97376.842210000003</v>
      </c>
      <c r="O1258">
        <v>32232.216960000002</v>
      </c>
      <c r="P1258">
        <v>41310.292179999997</v>
      </c>
      <c r="Q1258">
        <v>94110.791469999996</v>
      </c>
      <c r="R1258">
        <v>23641.58469</v>
      </c>
      <c r="S1258">
        <v>113745.15790000001</v>
      </c>
      <c r="T1258">
        <v>37158.70708</v>
      </c>
      <c r="U1258">
        <v>31036.530220000001</v>
      </c>
      <c r="W1258" s="83">
        <f>Bühler!N1290</f>
        <v>45344.333333330287</v>
      </c>
      <c r="X1258" s="83">
        <v>43153.333333333336</v>
      </c>
      <c r="Y1258">
        <v>309816.90509999997</v>
      </c>
      <c r="Z1258">
        <v>37185.949489999999</v>
      </c>
      <c r="AA1258">
        <v>80115.9568</v>
      </c>
      <c r="AB1258">
        <v>65341.855839999997</v>
      </c>
      <c r="AC1258">
        <v>57261.082219999997</v>
      </c>
      <c r="AD1258">
        <v>51173.591419999997</v>
      </c>
      <c r="AE1258">
        <v>41387.412790000002</v>
      </c>
      <c r="AF1258">
        <v>57392.246480000002</v>
      </c>
      <c r="AG1258">
        <v>28659.86419</v>
      </c>
      <c r="AH1258">
        <v>334083.0735</v>
      </c>
      <c r="AI1258">
        <v>97376.842210000003</v>
      </c>
      <c r="AJ1258">
        <v>32232.216960000002</v>
      </c>
      <c r="AK1258">
        <v>41310.292179999997</v>
      </c>
      <c r="AL1258">
        <v>94110.791469999996</v>
      </c>
      <c r="AM1258">
        <v>23641.58469</v>
      </c>
      <c r="AN1258">
        <v>113745.15790000001</v>
      </c>
      <c r="AO1258">
        <v>37158.70708</v>
      </c>
      <c r="AP1258">
        <v>31036.530220000001</v>
      </c>
    </row>
    <row r="1259" spans="2:42" x14ac:dyDescent="0.3">
      <c r="B1259">
        <v>64.559914006168938</v>
      </c>
      <c r="C1259" s="83">
        <v>43153.375</v>
      </c>
      <c r="D1259">
        <v>309608.467</v>
      </c>
      <c r="E1259">
        <v>41414.54077</v>
      </c>
      <c r="F1259">
        <v>84262.200379999995</v>
      </c>
      <c r="G1259">
        <v>70183.086439999999</v>
      </c>
      <c r="H1259">
        <v>58516.059589999997</v>
      </c>
      <c r="I1259">
        <v>48174.395729999997</v>
      </c>
      <c r="J1259">
        <v>40658.639329999998</v>
      </c>
      <c r="K1259">
        <v>55761.549679999996</v>
      </c>
      <c r="L1259">
        <v>32081.510900000001</v>
      </c>
      <c r="M1259">
        <v>329156.54859999998</v>
      </c>
      <c r="N1259">
        <v>106630.489</v>
      </c>
      <c r="O1259">
        <v>32403.544269999999</v>
      </c>
      <c r="P1259">
        <v>43543.797489999997</v>
      </c>
      <c r="Q1259">
        <v>93665.611499999999</v>
      </c>
      <c r="R1259">
        <v>24131.702850000001</v>
      </c>
      <c r="S1259">
        <v>118918.96799999999</v>
      </c>
      <c r="T1259">
        <v>38974.213660000001</v>
      </c>
      <c r="U1259">
        <v>30601.599129999999</v>
      </c>
      <c r="W1259" s="83">
        <f>Bühler!N1291</f>
        <v>45344.374999996951</v>
      </c>
      <c r="X1259" s="83">
        <v>43153.375</v>
      </c>
      <c r="Y1259">
        <v>309608.467</v>
      </c>
      <c r="Z1259">
        <v>41414.54077</v>
      </c>
      <c r="AA1259">
        <v>84262.200379999995</v>
      </c>
      <c r="AB1259">
        <v>70183.086439999999</v>
      </c>
      <c r="AC1259">
        <v>58516.059589999997</v>
      </c>
      <c r="AD1259">
        <v>48174.395729999997</v>
      </c>
      <c r="AE1259">
        <v>40658.639329999998</v>
      </c>
      <c r="AF1259">
        <v>55761.549679999996</v>
      </c>
      <c r="AG1259">
        <v>32081.510900000001</v>
      </c>
      <c r="AH1259">
        <v>329156.54859999998</v>
      </c>
      <c r="AI1259">
        <v>106630.489</v>
      </c>
      <c r="AJ1259">
        <v>32403.544269999999</v>
      </c>
      <c r="AK1259">
        <v>43543.797489999997</v>
      </c>
      <c r="AL1259">
        <v>93665.611499999999</v>
      </c>
      <c r="AM1259">
        <v>24131.702850000001</v>
      </c>
      <c r="AN1259">
        <v>118918.96799999999</v>
      </c>
      <c r="AO1259">
        <v>38974.213660000001</v>
      </c>
      <c r="AP1259">
        <v>30601.599129999999</v>
      </c>
    </row>
    <row r="1260" spans="2:42" x14ac:dyDescent="0.3">
      <c r="B1260">
        <v>64.980844469579012</v>
      </c>
      <c r="C1260" s="83">
        <v>43153.416666666664</v>
      </c>
      <c r="D1260">
        <v>311695.11190000002</v>
      </c>
      <c r="E1260">
        <v>42562.820200000002</v>
      </c>
      <c r="F1260">
        <v>85594.564960000003</v>
      </c>
      <c r="G1260">
        <v>71027.428849999997</v>
      </c>
      <c r="H1260">
        <v>58580.874949999998</v>
      </c>
      <c r="I1260">
        <v>45019.618829999999</v>
      </c>
      <c r="J1260">
        <v>39653.559580000001</v>
      </c>
      <c r="K1260">
        <v>58162.072079999998</v>
      </c>
      <c r="L1260">
        <v>33636.606339999998</v>
      </c>
      <c r="M1260">
        <v>331302.64840000001</v>
      </c>
      <c r="N1260">
        <v>110757.9219</v>
      </c>
      <c r="O1260">
        <v>32137.05733</v>
      </c>
      <c r="P1260">
        <v>44069.658280000003</v>
      </c>
      <c r="Q1260">
        <v>93364.449120000005</v>
      </c>
      <c r="R1260">
        <v>24510.747869999999</v>
      </c>
      <c r="S1260">
        <v>117362.25199999999</v>
      </c>
      <c r="T1260">
        <v>40257.315329999998</v>
      </c>
      <c r="U1260">
        <v>29439.324820000002</v>
      </c>
      <c r="W1260" s="83">
        <f>Bühler!N1292</f>
        <v>45344.416666663616</v>
      </c>
      <c r="X1260" s="83">
        <v>43153.416666666664</v>
      </c>
      <c r="Y1260">
        <v>311695.11190000002</v>
      </c>
      <c r="Z1260">
        <v>42562.820200000002</v>
      </c>
      <c r="AA1260">
        <v>85594.564960000003</v>
      </c>
      <c r="AB1260">
        <v>71027.428849999997</v>
      </c>
      <c r="AC1260">
        <v>58580.874949999998</v>
      </c>
      <c r="AD1260">
        <v>45019.618829999999</v>
      </c>
      <c r="AE1260">
        <v>39653.559580000001</v>
      </c>
      <c r="AF1260">
        <v>58162.072079999998</v>
      </c>
      <c r="AG1260">
        <v>33636.606339999998</v>
      </c>
      <c r="AH1260">
        <v>331302.64840000001</v>
      </c>
      <c r="AI1260">
        <v>110757.9219</v>
      </c>
      <c r="AJ1260">
        <v>32137.05733</v>
      </c>
      <c r="AK1260">
        <v>44069.658280000003</v>
      </c>
      <c r="AL1260">
        <v>93364.449120000005</v>
      </c>
      <c r="AM1260">
        <v>24510.747869999999</v>
      </c>
      <c r="AN1260">
        <v>117362.25199999999</v>
      </c>
      <c r="AO1260">
        <v>40257.315329999998</v>
      </c>
      <c r="AP1260">
        <v>29439.324820000002</v>
      </c>
    </row>
    <row r="1261" spans="2:42" x14ac:dyDescent="0.3">
      <c r="B1261">
        <v>65.137713525165083</v>
      </c>
      <c r="C1261" s="83">
        <v>43153.458333333336</v>
      </c>
      <c r="D1261">
        <v>308427.13040000002</v>
      </c>
      <c r="E1261">
        <v>41768.000019999999</v>
      </c>
      <c r="F1261">
        <v>86211.041119999994</v>
      </c>
      <c r="G1261">
        <v>69891.923389999996</v>
      </c>
      <c r="H1261">
        <v>57884.677100000001</v>
      </c>
      <c r="I1261">
        <v>43079.994330000001</v>
      </c>
      <c r="J1261">
        <v>36358.200570000001</v>
      </c>
      <c r="K1261">
        <v>63829.911780000002</v>
      </c>
      <c r="L1261">
        <v>34611.603060000001</v>
      </c>
      <c r="M1261">
        <v>332102.44</v>
      </c>
      <c r="N1261">
        <v>108902.2433</v>
      </c>
      <c r="O1261">
        <v>31640.65828</v>
      </c>
      <c r="P1261">
        <v>42786.328959999999</v>
      </c>
      <c r="Q1261">
        <v>93154.103740000006</v>
      </c>
      <c r="R1261">
        <v>27924.546129999999</v>
      </c>
      <c r="S1261">
        <v>119264.5125</v>
      </c>
      <c r="T1261">
        <v>39648.318610000002</v>
      </c>
      <c r="U1261">
        <v>28564.30703</v>
      </c>
      <c r="W1261" s="83">
        <f>Bühler!N1293</f>
        <v>45344.45833333028</v>
      </c>
      <c r="X1261" s="83">
        <v>43153.458333333336</v>
      </c>
      <c r="Y1261">
        <v>308427.13040000002</v>
      </c>
      <c r="Z1261">
        <v>41768.000019999999</v>
      </c>
      <c r="AA1261">
        <v>86211.041119999994</v>
      </c>
      <c r="AB1261">
        <v>69891.923389999996</v>
      </c>
      <c r="AC1261">
        <v>57884.677100000001</v>
      </c>
      <c r="AD1261">
        <v>43079.994330000001</v>
      </c>
      <c r="AE1261">
        <v>36358.200570000001</v>
      </c>
      <c r="AF1261">
        <v>63829.911780000002</v>
      </c>
      <c r="AG1261">
        <v>34611.603060000001</v>
      </c>
      <c r="AH1261">
        <v>332102.44</v>
      </c>
      <c r="AI1261">
        <v>108902.2433</v>
      </c>
      <c r="AJ1261">
        <v>31640.65828</v>
      </c>
      <c r="AK1261">
        <v>42786.328959999999</v>
      </c>
      <c r="AL1261">
        <v>93154.103740000006</v>
      </c>
      <c r="AM1261">
        <v>27924.546129999999</v>
      </c>
      <c r="AN1261">
        <v>119264.5125</v>
      </c>
      <c r="AO1261">
        <v>39648.318610000002</v>
      </c>
      <c r="AP1261">
        <v>28564.30703</v>
      </c>
    </row>
    <row r="1262" spans="2:42" x14ac:dyDescent="0.3">
      <c r="B1262">
        <v>64.336871913953459</v>
      </c>
      <c r="C1262" s="83">
        <v>43153.5</v>
      </c>
      <c r="D1262">
        <v>295471.02189999999</v>
      </c>
      <c r="E1262">
        <v>37198.46658</v>
      </c>
      <c r="F1262">
        <v>83949.659610000002</v>
      </c>
      <c r="G1262">
        <v>67131.101070000004</v>
      </c>
      <c r="H1262">
        <v>54871.746579999999</v>
      </c>
      <c r="I1262">
        <v>41081.62988</v>
      </c>
      <c r="J1262">
        <v>37531.952149999997</v>
      </c>
      <c r="K1262">
        <v>60888.612050000003</v>
      </c>
      <c r="L1262">
        <v>36686.573759999999</v>
      </c>
      <c r="M1262">
        <v>328019.37599999999</v>
      </c>
      <c r="N1262">
        <v>103397.1064</v>
      </c>
      <c r="O1262">
        <v>30126.833119999999</v>
      </c>
      <c r="P1262">
        <v>42150.11232</v>
      </c>
      <c r="Q1262">
        <v>90545.727669999993</v>
      </c>
      <c r="R1262">
        <v>26817.357220000002</v>
      </c>
      <c r="S1262">
        <v>112713.4601</v>
      </c>
      <c r="T1262">
        <v>38924.136980000003</v>
      </c>
      <c r="U1262">
        <v>23808.549910000002</v>
      </c>
      <c r="W1262" s="83">
        <f>Bühler!N1294</f>
        <v>45344.499999996944</v>
      </c>
      <c r="X1262" s="83">
        <v>43153.5</v>
      </c>
      <c r="Y1262">
        <v>295471.02189999999</v>
      </c>
      <c r="Z1262">
        <v>37198.46658</v>
      </c>
      <c r="AA1262">
        <v>83949.659610000002</v>
      </c>
      <c r="AB1262">
        <v>67131.101070000004</v>
      </c>
      <c r="AC1262">
        <v>54871.746579999999</v>
      </c>
      <c r="AD1262">
        <v>41081.62988</v>
      </c>
      <c r="AE1262">
        <v>37531.952149999997</v>
      </c>
      <c r="AF1262">
        <v>60888.612050000003</v>
      </c>
      <c r="AG1262">
        <v>36686.573759999999</v>
      </c>
      <c r="AH1262">
        <v>328019.37599999999</v>
      </c>
      <c r="AI1262">
        <v>103397.1064</v>
      </c>
      <c r="AJ1262">
        <v>30126.833119999999</v>
      </c>
      <c r="AK1262">
        <v>42150.11232</v>
      </c>
      <c r="AL1262">
        <v>90545.727669999993</v>
      </c>
      <c r="AM1262">
        <v>26817.357220000002</v>
      </c>
      <c r="AN1262">
        <v>112713.4601</v>
      </c>
      <c r="AO1262">
        <v>38924.136980000003</v>
      </c>
      <c r="AP1262">
        <v>23808.549910000002</v>
      </c>
    </row>
    <row r="1263" spans="2:42" x14ac:dyDescent="0.3">
      <c r="B1263">
        <v>64.106233929678965</v>
      </c>
      <c r="C1263" s="83">
        <v>43153.541666666664</v>
      </c>
      <c r="D1263">
        <v>297052.00429999997</v>
      </c>
      <c r="E1263">
        <v>36502.424509999997</v>
      </c>
      <c r="F1263">
        <v>82651.662289999993</v>
      </c>
      <c r="G1263">
        <v>66045.21746</v>
      </c>
      <c r="H1263">
        <v>54716.565410000003</v>
      </c>
      <c r="I1263">
        <v>40129.049980000003</v>
      </c>
      <c r="J1263">
        <v>37146.60514</v>
      </c>
      <c r="K1263">
        <v>63747.950279999997</v>
      </c>
      <c r="L1263">
        <v>35347.317349999998</v>
      </c>
      <c r="M1263">
        <v>326843.47600000002</v>
      </c>
      <c r="N1263">
        <v>103113.3371</v>
      </c>
      <c r="O1263">
        <v>29871.040219999999</v>
      </c>
      <c r="P1263">
        <v>41342.320740000003</v>
      </c>
      <c r="Q1263">
        <v>89280.295679999996</v>
      </c>
      <c r="R1263">
        <v>25694.62412</v>
      </c>
      <c r="S1263">
        <v>112412.7847</v>
      </c>
      <c r="T1263">
        <v>37801.04191</v>
      </c>
      <c r="U1263">
        <v>26102.702740000001</v>
      </c>
      <c r="W1263" s="83">
        <f>Bühler!N1295</f>
        <v>45344.541666663608</v>
      </c>
      <c r="X1263" s="83">
        <v>43153.541666666664</v>
      </c>
      <c r="Y1263">
        <v>297052.00429999997</v>
      </c>
      <c r="Z1263">
        <v>36502.424509999997</v>
      </c>
      <c r="AA1263">
        <v>82651.662289999993</v>
      </c>
      <c r="AB1263">
        <v>66045.21746</v>
      </c>
      <c r="AC1263">
        <v>54716.565410000003</v>
      </c>
      <c r="AD1263">
        <v>40129.049980000003</v>
      </c>
      <c r="AE1263">
        <v>37146.60514</v>
      </c>
      <c r="AF1263">
        <v>63747.950279999997</v>
      </c>
      <c r="AG1263">
        <v>35347.317349999998</v>
      </c>
      <c r="AH1263">
        <v>326843.47600000002</v>
      </c>
      <c r="AI1263">
        <v>103113.3371</v>
      </c>
      <c r="AJ1263">
        <v>29871.040219999999</v>
      </c>
      <c r="AK1263">
        <v>41342.320740000003</v>
      </c>
      <c r="AL1263">
        <v>89280.295679999996</v>
      </c>
      <c r="AM1263">
        <v>25694.62412</v>
      </c>
      <c r="AN1263">
        <v>112412.7847</v>
      </c>
      <c r="AO1263">
        <v>37801.04191</v>
      </c>
      <c r="AP1263">
        <v>26102.702740000001</v>
      </c>
    </row>
    <row r="1264" spans="2:42" x14ac:dyDescent="0.3">
      <c r="B1264">
        <v>64.519909505536745</v>
      </c>
      <c r="C1264" s="83">
        <v>43153.583333333336</v>
      </c>
      <c r="D1264">
        <v>300141.34700000001</v>
      </c>
      <c r="E1264">
        <v>39136.301679999997</v>
      </c>
      <c r="F1264">
        <v>84545.32</v>
      </c>
      <c r="G1264">
        <v>64320.41315</v>
      </c>
      <c r="H1264">
        <v>54691.703079999999</v>
      </c>
      <c r="I1264">
        <v>40429.361219999999</v>
      </c>
      <c r="J1264">
        <v>35935.050150000003</v>
      </c>
      <c r="K1264">
        <v>65025.600579999998</v>
      </c>
      <c r="L1264">
        <v>31893.99422</v>
      </c>
      <c r="M1264">
        <v>328952.587</v>
      </c>
      <c r="N1264">
        <v>104438.9789</v>
      </c>
      <c r="O1264">
        <v>30013.359759999999</v>
      </c>
      <c r="P1264">
        <v>38007.955260000002</v>
      </c>
      <c r="Q1264">
        <v>88942.71514</v>
      </c>
      <c r="R1264">
        <v>25089.976859999999</v>
      </c>
      <c r="S1264">
        <v>107472.68489999999</v>
      </c>
      <c r="T1264">
        <v>36425.392610000003</v>
      </c>
      <c r="U1264">
        <v>26664.852169999998</v>
      </c>
      <c r="W1264" s="83">
        <f>Bühler!N1296</f>
        <v>45344.583333330273</v>
      </c>
      <c r="X1264" s="83">
        <v>43153.583333333336</v>
      </c>
      <c r="Y1264">
        <v>300141.34700000001</v>
      </c>
      <c r="Z1264">
        <v>39136.301679999997</v>
      </c>
      <c r="AA1264">
        <v>84545.32</v>
      </c>
      <c r="AB1264">
        <v>64320.41315</v>
      </c>
      <c r="AC1264">
        <v>54691.703079999999</v>
      </c>
      <c r="AD1264">
        <v>40429.361219999999</v>
      </c>
      <c r="AE1264">
        <v>35935.050150000003</v>
      </c>
      <c r="AF1264">
        <v>65025.600579999998</v>
      </c>
      <c r="AG1264">
        <v>31893.99422</v>
      </c>
      <c r="AH1264">
        <v>328952.587</v>
      </c>
      <c r="AI1264">
        <v>104438.9789</v>
      </c>
      <c r="AJ1264">
        <v>30013.359759999999</v>
      </c>
      <c r="AK1264">
        <v>38007.955260000002</v>
      </c>
      <c r="AL1264">
        <v>88942.71514</v>
      </c>
      <c r="AM1264">
        <v>25089.976859999999</v>
      </c>
      <c r="AN1264">
        <v>107472.68489999999</v>
      </c>
      <c r="AO1264">
        <v>36425.392610000003</v>
      </c>
      <c r="AP1264">
        <v>26664.852169999998</v>
      </c>
    </row>
    <row r="1265" spans="2:42" x14ac:dyDescent="0.3">
      <c r="B1265">
        <v>63.645220647967577</v>
      </c>
      <c r="C1265" s="83">
        <v>43153.625</v>
      </c>
      <c r="D1265">
        <v>297106.28149999998</v>
      </c>
      <c r="E1265">
        <v>38837.974560000002</v>
      </c>
      <c r="F1265">
        <v>84659.12</v>
      </c>
      <c r="G1265">
        <v>61999.726419999999</v>
      </c>
      <c r="H1265">
        <v>53396.280989999999</v>
      </c>
      <c r="I1265">
        <v>41327.244939999997</v>
      </c>
      <c r="J1265">
        <v>35887.157789999997</v>
      </c>
      <c r="K1265">
        <v>63231.99869</v>
      </c>
      <c r="L1265">
        <v>28455.26856</v>
      </c>
      <c r="M1265">
        <v>324493.01530000003</v>
      </c>
      <c r="N1265">
        <v>103170.5545</v>
      </c>
      <c r="O1265">
        <v>28848.890189999998</v>
      </c>
      <c r="P1265">
        <v>36490.850489999997</v>
      </c>
      <c r="Q1265">
        <v>87822.506259999995</v>
      </c>
      <c r="R1265">
        <v>24455.118699999999</v>
      </c>
      <c r="S1265">
        <v>104290.9596</v>
      </c>
      <c r="T1265">
        <v>35992.179409999997</v>
      </c>
      <c r="U1265">
        <v>24963.88826</v>
      </c>
      <c r="W1265" s="83">
        <f>Bühler!N1297</f>
        <v>45344.624999996937</v>
      </c>
      <c r="X1265" s="83">
        <v>43153.625</v>
      </c>
      <c r="Y1265">
        <v>297106.28149999998</v>
      </c>
      <c r="Z1265">
        <v>38837.974560000002</v>
      </c>
      <c r="AA1265">
        <v>84659.12</v>
      </c>
      <c r="AB1265">
        <v>61999.726419999999</v>
      </c>
      <c r="AC1265">
        <v>53396.280989999999</v>
      </c>
      <c r="AD1265">
        <v>41327.244939999997</v>
      </c>
      <c r="AE1265">
        <v>35887.157789999997</v>
      </c>
      <c r="AF1265">
        <v>63231.99869</v>
      </c>
      <c r="AG1265">
        <v>28455.26856</v>
      </c>
      <c r="AH1265">
        <v>324493.01530000003</v>
      </c>
      <c r="AI1265">
        <v>103170.5545</v>
      </c>
      <c r="AJ1265">
        <v>28848.890189999998</v>
      </c>
      <c r="AK1265">
        <v>36490.850489999997</v>
      </c>
      <c r="AL1265">
        <v>87822.506259999995</v>
      </c>
      <c r="AM1265">
        <v>24455.118699999999</v>
      </c>
      <c r="AN1265">
        <v>104290.9596</v>
      </c>
      <c r="AO1265">
        <v>35992.179409999997</v>
      </c>
      <c r="AP1265">
        <v>24963.88826</v>
      </c>
    </row>
    <row r="1266" spans="2:42" x14ac:dyDescent="0.3">
      <c r="B1266">
        <v>62.951490364628413</v>
      </c>
      <c r="C1266" s="83">
        <v>43153.666666666664</v>
      </c>
      <c r="D1266">
        <v>291400.2781</v>
      </c>
      <c r="E1266">
        <v>37828.206789999997</v>
      </c>
      <c r="F1266">
        <v>83647.651559999998</v>
      </c>
      <c r="G1266">
        <v>59401.989159999997</v>
      </c>
      <c r="H1266">
        <v>51745.526579999998</v>
      </c>
      <c r="I1266">
        <v>41934.640899999999</v>
      </c>
      <c r="J1266">
        <v>35323.300840000004</v>
      </c>
      <c r="K1266">
        <v>58381.79292</v>
      </c>
      <c r="L1266">
        <v>27565.18475</v>
      </c>
      <c r="M1266">
        <v>320956.05479999998</v>
      </c>
      <c r="N1266">
        <v>99156.113729999997</v>
      </c>
      <c r="O1266">
        <v>28309.94543</v>
      </c>
      <c r="P1266">
        <v>35723.785320000003</v>
      </c>
      <c r="Q1266">
        <v>87138.432289999997</v>
      </c>
      <c r="R1266">
        <v>23608.870309999998</v>
      </c>
      <c r="S1266">
        <v>101786.93339999999</v>
      </c>
      <c r="T1266">
        <v>35684.075190000003</v>
      </c>
      <c r="U1266">
        <v>23561.281999999999</v>
      </c>
      <c r="W1266" s="83">
        <f>Bühler!N1298</f>
        <v>45344.666666663601</v>
      </c>
      <c r="X1266" s="83">
        <v>43153.666666666664</v>
      </c>
      <c r="Y1266">
        <v>291400.2781</v>
      </c>
      <c r="Z1266">
        <v>37828.206789999997</v>
      </c>
      <c r="AA1266">
        <v>83647.651559999998</v>
      </c>
      <c r="AB1266">
        <v>59401.989159999997</v>
      </c>
      <c r="AC1266">
        <v>51745.526579999998</v>
      </c>
      <c r="AD1266">
        <v>41934.640899999999</v>
      </c>
      <c r="AE1266">
        <v>35323.300840000004</v>
      </c>
      <c r="AF1266">
        <v>58381.79292</v>
      </c>
      <c r="AG1266">
        <v>27565.18475</v>
      </c>
      <c r="AH1266">
        <v>320956.05479999998</v>
      </c>
      <c r="AI1266">
        <v>99156.113729999997</v>
      </c>
      <c r="AJ1266">
        <v>28309.94543</v>
      </c>
      <c r="AK1266">
        <v>35723.785320000003</v>
      </c>
      <c r="AL1266">
        <v>87138.432289999997</v>
      </c>
      <c r="AM1266">
        <v>23608.870309999998</v>
      </c>
      <c r="AN1266">
        <v>101786.93339999999</v>
      </c>
      <c r="AO1266">
        <v>35684.075190000003</v>
      </c>
      <c r="AP1266">
        <v>23561.281999999999</v>
      </c>
    </row>
    <row r="1267" spans="2:42" x14ac:dyDescent="0.3">
      <c r="B1267">
        <v>61.709643586530156</v>
      </c>
      <c r="C1267" s="83">
        <v>43153.708333333336</v>
      </c>
      <c r="D1267">
        <v>280577.90759999998</v>
      </c>
      <c r="E1267">
        <v>35967.376100000001</v>
      </c>
      <c r="F1267">
        <v>83213.575219999999</v>
      </c>
      <c r="G1267">
        <v>55261.891080000001</v>
      </c>
      <c r="H1267">
        <v>49483.646659999999</v>
      </c>
      <c r="I1267">
        <v>40434.783929999998</v>
      </c>
      <c r="J1267">
        <v>35374.985390000002</v>
      </c>
      <c r="K1267">
        <v>53151.157829999996</v>
      </c>
      <c r="L1267">
        <v>28254.76586</v>
      </c>
      <c r="M1267">
        <v>314624.54080000002</v>
      </c>
      <c r="N1267">
        <v>90082.153219999993</v>
      </c>
      <c r="O1267">
        <v>27384.180199999999</v>
      </c>
      <c r="P1267">
        <v>37796.965660000002</v>
      </c>
      <c r="Q1267">
        <v>86461.216469999999</v>
      </c>
      <c r="R1267">
        <v>24354.12241</v>
      </c>
      <c r="S1267">
        <v>99723.025309999997</v>
      </c>
      <c r="T1267">
        <v>35678.96514</v>
      </c>
      <c r="U1267">
        <v>21481.910739999999</v>
      </c>
      <c r="W1267" s="83">
        <f>Bühler!N1299</f>
        <v>45344.708333330265</v>
      </c>
      <c r="X1267" s="83">
        <v>43153.708333333336</v>
      </c>
      <c r="Y1267">
        <v>280577.90759999998</v>
      </c>
      <c r="Z1267">
        <v>35967.376100000001</v>
      </c>
      <c r="AA1267">
        <v>83213.575219999999</v>
      </c>
      <c r="AB1267">
        <v>55261.891080000001</v>
      </c>
      <c r="AC1267">
        <v>49483.646659999999</v>
      </c>
      <c r="AD1267">
        <v>40434.783929999998</v>
      </c>
      <c r="AE1267">
        <v>35374.985390000002</v>
      </c>
      <c r="AF1267">
        <v>53151.157829999996</v>
      </c>
      <c r="AG1267">
        <v>28254.76586</v>
      </c>
      <c r="AH1267">
        <v>314624.54080000002</v>
      </c>
      <c r="AI1267">
        <v>90082.153219999993</v>
      </c>
      <c r="AJ1267">
        <v>27384.180199999999</v>
      </c>
      <c r="AK1267">
        <v>37796.965660000002</v>
      </c>
      <c r="AL1267">
        <v>86461.216469999999</v>
      </c>
      <c r="AM1267">
        <v>24354.12241</v>
      </c>
      <c r="AN1267">
        <v>99723.025309999997</v>
      </c>
      <c r="AO1267">
        <v>35678.96514</v>
      </c>
      <c r="AP1267">
        <v>21481.910739999999</v>
      </c>
    </row>
    <row r="1268" spans="2:42" x14ac:dyDescent="0.3">
      <c r="B1268">
        <v>60.042065705308154</v>
      </c>
      <c r="C1268" s="83">
        <v>43153.75</v>
      </c>
      <c r="D1268">
        <v>275531.22330000001</v>
      </c>
      <c r="E1268">
        <v>33196.517290000003</v>
      </c>
      <c r="F1268">
        <v>81704.888179999994</v>
      </c>
      <c r="G1268">
        <v>52433.635450000002</v>
      </c>
      <c r="H1268">
        <v>48420.51928</v>
      </c>
      <c r="I1268">
        <v>39292.030579999999</v>
      </c>
      <c r="J1268">
        <v>37866.846420000002</v>
      </c>
      <c r="K1268">
        <v>47965.342989999997</v>
      </c>
      <c r="L1268">
        <v>30556.00172</v>
      </c>
      <c r="M1268">
        <v>306122.45110000001</v>
      </c>
      <c r="N1268">
        <v>87534.246840000007</v>
      </c>
      <c r="O1268">
        <v>26900.688699999999</v>
      </c>
      <c r="P1268">
        <v>42247.998390000001</v>
      </c>
      <c r="Q1268">
        <v>85486.578850000005</v>
      </c>
      <c r="R1268">
        <v>21442.99136</v>
      </c>
      <c r="S1268">
        <v>95419.182230000006</v>
      </c>
      <c r="T1268">
        <v>36808.547299999998</v>
      </c>
      <c r="U1268">
        <v>20684.389449999999</v>
      </c>
      <c r="W1268" s="83">
        <f>Bühler!N1300</f>
        <v>45344.74999999693</v>
      </c>
      <c r="X1268" s="83">
        <v>43153.75</v>
      </c>
      <c r="Y1268">
        <v>275531.22330000001</v>
      </c>
      <c r="Z1268">
        <v>33196.517290000003</v>
      </c>
      <c r="AA1268">
        <v>81704.888179999994</v>
      </c>
      <c r="AB1268">
        <v>52433.635450000002</v>
      </c>
      <c r="AC1268">
        <v>48420.51928</v>
      </c>
      <c r="AD1268">
        <v>39292.030579999999</v>
      </c>
      <c r="AE1268">
        <v>37866.846420000002</v>
      </c>
      <c r="AF1268">
        <v>47965.342989999997</v>
      </c>
      <c r="AG1268">
        <v>30556.00172</v>
      </c>
      <c r="AH1268">
        <v>306122.45110000001</v>
      </c>
      <c r="AI1268">
        <v>87534.246840000007</v>
      </c>
      <c r="AJ1268">
        <v>26900.688699999999</v>
      </c>
      <c r="AK1268">
        <v>42247.998390000001</v>
      </c>
      <c r="AL1268">
        <v>85486.578850000005</v>
      </c>
      <c r="AM1268">
        <v>21442.99136</v>
      </c>
      <c r="AN1268">
        <v>95419.182230000006</v>
      </c>
      <c r="AO1268">
        <v>36808.547299999998</v>
      </c>
      <c r="AP1268">
        <v>20684.389449999999</v>
      </c>
    </row>
    <row r="1269" spans="2:42" x14ac:dyDescent="0.3">
      <c r="B1269">
        <v>59.401266849166859</v>
      </c>
      <c r="C1269" s="83">
        <v>43153.791666666664</v>
      </c>
      <c r="D1269">
        <v>269617.4694</v>
      </c>
      <c r="E1269">
        <v>28031.660479999999</v>
      </c>
      <c r="F1269">
        <v>70706.667230000006</v>
      </c>
      <c r="G1269">
        <v>49619.412880000003</v>
      </c>
      <c r="H1269">
        <v>46741.445659999998</v>
      </c>
      <c r="I1269">
        <v>36239.48446</v>
      </c>
      <c r="J1269">
        <v>38498.170080000004</v>
      </c>
      <c r="K1269">
        <v>46934.784350000002</v>
      </c>
      <c r="L1269">
        <v>32257.005539999998</v>
      </c>
      <c r="M1269">
        <v>302855.35969999997</v>
      </c>
      <c r="N1269">
        <v>86810.099740000005</v>
      </c>
      <c r="O1269">
        <v>25885.363069999999</v>
      </c>
      <c r="P1269">
        <v>45083.991759999997</v>
      </c>
      <c r="Q1269">
        <v>84259.591419999997</v>
      </c>
      <c r="R1269">
        <v>21210.333549999999</v>
      </c>
      <c r="S1269">
        <v>91914.052689999997</v>
      </c>
      <c r="T1269">
        <v>37707.540670000002</v>
      </c>
      <c r="U1269">
        <v>19927.482929999998</v>
      </c>
      <c r="W1269" s="83">
        <f>Bühler!N1301</f>
        <v>45344.791666663594</v>
      </c>
      <c r="X1269" s="83">
        <v>43153.791666666664</v>
      </c>
      <c r="Y1269">
        <v>269617.4694</v>
      </c>
      <c r="Z1269">
        <v>28031.660479999999</v>
      </c>
      <c r="AA1269">
        <v>70706.667230000006</v>
      </c>
      <c r="AB1269">
        <v>49619.412880000003</v>
      </c>
      <c r="AC1269">
        <v>46741.445659999998</v>
      </c>
      <c r="AD1269">
        <v>36239.48446</v>
      </c>
      <c r="AE1269">
        <v>38498.170080000004</v>
      </c>
      <c r="AF1269">
        <v>46934.784350000002</v>
      </c>
      <c r="AG1269">
        <v>32257.005539999998</v>
      </c>
      <c r="AH1269">
        <v>302855.35969999997</v>
      </c>
      <c r="AI1269">
        <v>86810.099740000005</v>
      </c>
      <c r="AJ1269">
        <v>25885.363069999999</v>
      </c>
      <c r="AK1269">
        <v>45083.991759999997</v>
      </c>
      <c r="AL1269">
        <v>84259.591419999997</v>
      </c>
      <c r="AM1269">
        <v>21210.333549999999</v>
      </c>
      <c r="AN1269">
        <v>91914.052689999997</v>
      </c>
      <c r="AO1269">
        <v>37707.540670000002</v>
      </c>
      <c r="AP1269">
        <v>19927.482929999998</v>
      </c>
    </row>
    <row r="1270" spans="2:42" x14ac:dyDescent="0.3">
      <c r="B1270">
        <v>59.013387050152353</v>
      </c>
      <c r="C1270" s="83">
        <v>43153.833333333336</v>
      </c>
      <c r="D1270">
        <v>262723.63390000002</v>
      </c>
      <c r="E1270">
        <v>21937.186000000002</v>
      </c>
      <c r="F1270">
        <v>55638.557690000001</v>
      </c>
      <c r="G1270">
        <v>45892.795389999999</v>
      </c>
      <c r="H1270">
        <v>44648.324919999999</v>
      </c>
      <c r="I1270">
        <v>34154.489280000002</v>
      </c>
      <c r="J1270">
        <v>37475.694770000002</v>
      </c>
      <c r="K1270">
        <v>52518.787250000001</v>
      </c>
      <c r="L1270">
        <v>30824.110270000001</v>
      </c>
      <c r="M1270">
        <v>300877.76760000002</v>
      </c>
      <c r="N1270">
        <v>84703.493019999994</v>
      </c>
      <c r="O1270">
        <v>25005.15653</v>
      </c>
      <c r="P1270">
        <v>45024.736040000003</v>
      </c>
      <c r="Q1270">
        <v>81711.504610000004</v>
      </c>
      <c r="R1270">
        <v>22014.247060000002</v>
      </c>
      <c r="S1270">
        <v>83505.619099999996</v>
      </c>
      <c r="T1270">
        <v>35412.723270000002</v>
      </c>
      <c r="U1270">
        <v>18742.281790000001</v>
      </c>
      <c r="W1270" s="83">
        <f>Bühler!N1302</f>
        <v>45344.833333330258</v>
      </c>
      <c r="X1270" s="83">
        <v>43153.833333333336</v>
      </c>
      <c r="Y1270">
        <v>262723.63390000002</v>
      </c>
      <c r="Z1270">
        <v>21937.186000000002</v>
      </c>
      <c r="AA1270">
        <v>55638.557690000001</v>
      </c>
      <c r="AB1270">
        <v>45892.795389999999</v>
      </c>
      <c r="AC1270">
        <v>44648.324919999999</v>
      </c>
      <c r="AD1270">
        <v>34154.489280000002</v>
      </c>
      <c r="AE1270">
        <v>37475.694770000002</v>
      </c>
      <c r="AF1270">
        <v>52518.787250000001</v>
      </c>
      <c r="AG1270">
        <v>30824.110270000001</v>
      </c>
      <c r="AH1270">
        <v>300877.76760000002</v>
      </c>
      <c r="AI1270">
        <v>84703.493019999994</v>
      </c>
      <c r="AJ1270">
        <v>25005.15653</v>
      </c>
      <c r="AK1270">
        <v>45024.736040000003</v>
      </c>
      <c r="AL1270">
        <v>81711.504610000004</v>
      </c>
      <c r="AM1270">
        <v>22014.247060000002</v>
      </c>
      <c r="AN1270">
        <v>83505.619099999996</v>
      </c>
      <c r="AO1270">
        <v>35412.723270000002</v>
      </c>
      <c r="AP1270">
        <v>18742.281790000001</v>
      </c>
    </row>
    <row r="1271" spans="2:42" x14ac:dyDescent="0.3">
      <c r="B1271">
        <v>57.111965750138125</v>
      </c>
      <c r="C1271" s="83">
        <v>43153.875</v>
      </c>
      <c r="D1271">
        <v>253920.82380000001</v>
      </c>
      <c r="E1271">
        <v>19084.828710000002</v>
      </c>
      <c r="F1271">
        <v>48888.454590000001</v>
      </c>
      <c r="G1271">
        <v>43621.96789</v>
      </c>
      <c r="H1271">
        <v>42449.340909999999</v>
      </c>
      <c r="I1271">
        <v>29519.24555</v>
      </c>
      <c r="J1271">
        <v>35839.131780000003</v>
      </c>
      <c r="K1271">
        <v>52465.165809999999</v>
      </c>
      <c r="L1271">
        <v>28551.184369999999</v>
      </c>
      <c r="M1271">
        <v>291183.4351</v>
      </c>
      <c r="N1271">
        <v>81373.389930000005</v>
      </c>
      <c r="O1271">
        <v>24031.776890000001</v>
      </c>
      <c r="P1271">
        <v>42179.104520000001</v>
      </c>
      <c r="Q1271">
        <v>79609.434689999995</v>
      </c>
      <c r="R1271">
        <v>20332.66819</v>
      </c>
      <c r="S1271">
        <v>78619.561310000005</v>
      </c>
      <c r="T1271">
        <v>32444.218580000001</v>
      </c>
      <c r="U1271">
        <v>17594.638050000001</v>
      </c>
      <c r="W1271" s="83">
        <f>Bühler!N1303</f>
        <v>45344.874999996922</v>
      </c>
      <c r="X1271" s="83">
        <v>43153.875</v>
      </c>
      <c r="Y1271">
        <v>253920.82380000001</v>
      </c>
      <c r="Z1271">
        <v>19084.828710000002</v>
      </c>
      <c r="AA1271">
        <v>48888.454590000001</v>
      </c>
      <c r="AB1271">
        <v>43621.96789</v>
      </c>
      <c r="AC1271">
        <v>42449.340909999999</v>
      </c>
      <c r="AD1271">
        <v>29519.24555</v>
      </c>
      <c r="AE1271">
        <v>35839.131780000003</v>
      </c>
      <c r="AF1271">
        <v>52465.165809999999</v>
      </c>
      <c r="AG1271">
        <v>28551.184369999999</v>
      </c>
      <c r="AH1271">
        <v>291183.4351</v>
      </c>
      <c r="AI1271">
        <v>81373.389930000005</v>
      </c>
      <c r="AJ1271">
        <v>24031.776890000001</v>
      </c>
      <c r="AK1271">
        <v>42179.104520000001</v>
      </c>
      <c r="AL1271">
        <v>79609.434689999995</v>
      </c>
      <c r="AM1271">
        <v>20332.66819</v>
      </c>
      <c r="AN1271">
        <v>78619.561310000005</v>
      </c>
      <c r="AO1271">
        <v>32444.218580000001</v>
      </c>
      <c r="AP1271">
        <v>17594.638050000001</v>
      </c>
    </row>
    <row r="1272" spans="2:42" x14ac:dyDescent="0.3">
      <c r="B1272">
        <v>56.607005174285327</v>
      </c>
      <c r="C1272" s="83">
        <v>43153.916666666664</v>
      </c>
      <c r="D1272">
        <v>252871.5012</v>
      </c>
      <c r="E1272">
        <v>18302.6253</v>
      </c>
      <c r="F1272">
        <v>46662.170400000003</v>
      </c>
      <c r="G1272">
        <v>43154.90249</v>
      </c>
      <c r="H1272">
        <v>41601.809329999996</v>
      </c>
      <c r="I1272">
        <v>28345.289939999999</v>
      </c>
      <c r="J1272">
        <v>34637.025999999998</v>
      </c>
      <c r="K1272">
        <v>54867.499960000001</v>
      </c>
      <c r="L1272">
        <v>25684.13696</v>
      </c>
      <c r="M1272">
        <v>288608.9106</v>
      </c>
      <c r="N1272">
        <v>81253.219729999997</v>
      </c>
      <c r="O1272">
        <v>24959.928110000001</v>
      </c>
      <c r="P1272">
        <v>44859.569340000002</v>
      </c>
      <c r="Q1272">
        <v>78995.227249999996</v>
      </c>
      <c r="R1272">
        <v>29116.194090000001</v>
      </c>
      <c r="S1272">
        <v>78431.157470000006</v>
      </c>
      <c r="T1272">
        <v>29307.938600000001</v>
      </c>
      <c r="U1272">
        <v>19156.916789999999</v>
      </c>
      <c r="W1272" s="83">
        <f>Bühler!N1304</f>
        <v>45344.916666663587</v>
      </c>
      <c r="X1272" s="83">
        <v>43153.916666666664</v>
      </c>
      <c r="Y1272">
        <v>252871.5012</v>
      </c>
      <c r="Z1272">
        <v>18302.6253</v>
      </c>
      <c r="AA1272">
        <v>46662.170400000003</v>
      </c>
      <c r="AB1272">
        <v>43154.90249</v>
      </c>
      <c r="AC1272">
        <v>41601.809329999996</v>
      </c>
      <c r="AD1272">
        <v>28345.289939999999</v>
      </c>
      <c r="AE1272">
        <v>34637.025999999998</v>
      </c>
      <c r="AF1272">
        <v>54867.499960000001</v>
      </c>
      <c r="AG1272">
        <v>25684.13696</v>
      </c>
      <c r="AH1272">
        <v>288608.9106</v>
      </c>
      <c r="AI1272">
        <v>81253.219729999997</v>
      </c>
      <c r="AJ1272">
        <v>24959.928110000001</v>
      </c>
      <c r="AK1272">
        <v>44859.569340000002</v>
      </c>
      <c r="AL1272">
        <v>78995.227249999996</v>
      </c>
      <c r="AM1272">
        <v>29116.194090000001</v>
      </c>
      <c r="AN1272">
        <v>78431.157470000006</v>
      </c>
      <c r="AO1272">
        <v>29307.938600000001</v>
      </c>
      <c r="AP1272">
        <v>19156.916789999999</v>
      </c>
    </row>
    <row r="1273" spans="2:42" x14ac:dyDescent="0.3">
      <c r="B1273">
        <v>55.559147124103355</v>
      </c>
      <c r="C1273" s="83">
        <v>43153.958333333336</v>
      </c>
      <c r="D1273">
        <v>252886.4376</v>
      </c>
      <c r="E1273">
        <v>17970.952290000001</v>
      </c>
      <c r="F1273">
        <v>45450.636590000002</v>
      </c>
      <c r="G1273">
        <v>42649.335520000001</v>
      </c>
      <c r="H1273">
        <v>41213.122530000001</v>
      </c>
      <c r="I1273">
        <v>27296.801060000002</v>
      </c>
      <c r="J1273">
        <v>32497.106090000001</v>
      </c>
      <c r="K1273">
        <v>53979.249230000001</v>
      </c>
      <c r="L1273">
        <v>22150.445019999999</v>
      </c>
      <c r="M1273">
        <v>283266.44160000002</v>
      </c>
      <c r="N1273">
        <v>81446.152260000003</v>
      </c>
      <c r="O1273">
        <v>24778.824909999999</v>
      </c>
      <c r="P1273">
        <v>39885.107329999999</v>
      </c>
      <c r="Q1273">
        <v>79103.744179999994</v>
      </c>
      <c r="R1273">
        <v>31854.38262</v>
      </c>
      <c r="S1273">
        <v>77003.971829999995</v>
      </c>
      <c r="T1273">
        <v>30130.896649999999</v>
      </c>
      <c r="U1273">
        <v>18629.544010000001</v>
      </c>
      <c r="W1273" s="83">
        <f>Bühler!N1305</f>
        <v>45344.958333330251</v>
      </c>
      <c r="X1273" s="83">
        <v>43153.958333333336</v>
      </c>
      <c r="Y1273">
        <v>252886.4376</v>
      </c>
      <c r="Z1273">
        <v>17970.952290000001</v>
      </c>
      <c r="AA1273">
        <v>45450.636590000002</v>
      </c>
      <c r="AB1273">
        <v>42649.335520000001</v>
      </c>
      <c r="AC1273">
        <v>41213.122530000001</v>
      </c>
      <c r="AD1273">
        <v>27296.801060000002</v>
      </c>
      <c r="AE1273">
        <v>32497.106090000001</v>
      </c>
      <c r="AF1273">
        <v>53979.249230000001</v>
      </c>
      <c r="AG1273">
        <v>22150.445019999999</v>
      </c>
      <c r="AH1273">
        <v>283266.44160000002</v>
      </c>
      <c r="AI1273">
        <v>81446.152260000003</v>
      </c>
      <c r="AJ1273">
        <v>24778.824909999999</v>
      </c>
      <c r="AK1273">
        <v>39885.107329999999</v>
      </c>
      <c r="AL1273">
        <v>79103.744179999994</v>
      </c>
      <c r="AM1273">
        <v>31854.38262</v>
      </c>
      <c r="AN1273">
        <v>77003.971829999995</v>
      </c>
      <c r="AO1273">
        <v>30130.896649999999</v>
      </c>
      <c r="AP1273">
        <v>18629.544010000001</v>
      </c>
    </row>
    <row r="1274" spans="2:42" x14ac:dyDescent="0.3">
      <c r="B1274">
        <v>54.490663695043295</v>
      </c>
      <c r="C1274" s="83">
        <v>43154</v>
      </c>
      <c r="D1274">
        <v>252042.58259999999</v>
      </c>
      <c r="E1274">
        <v>17662.545740000001</v>
      </c>
      <c r="F1274">
        <v>45209.584239999996</v>
      </c>
      <c r="G1274">
        <v>42455.964370000002</v>
      </c>
      <c r="H1274">
        <v>40859.686970000002</v>
      </c>
      <c r="I1274">
        <v>25462.850170000002</v>
      </c>
      <c r="J1274">
        <v>30167.404320000001</v>
      </c>
      <c r="K1274">
        <v>52494.500899999999</v>
      </c>
      <c r="L1274">
        <v>20245.665349999999</v>
      </c>
      <c r="M1274">
        <v>277818.81479999999</v>
      </c>
      <c r="N1274">
        <v>80322.908630000005</v>
      </c>
      <c r="O1274">
        <v>24278.147280000001</v>
      </c>
      <c r="P1274">
        <v>37014.729010000003</v>
      </c>
      <c r="Q1274">
        <v>78421.163639999999</v>
      </c>
      <c r="R1274">
        <v>27706.238969999999</v>
      </c>
      <c r="S1274">
        <v>76773.121119999996</v>
      </c>
      <c r="T1274">
        <v>29123.733789999998</v>
      </c>
      <c r="U1274">
        <v>18233.887549999999</v>
      </c>
      <c r="W1274" s="83">
        <f>Bühler!N1306</f>
        <v>45344.999999996915</v>
      </c>
      <c r="X1274" s="83">
        <v>43154</v>
      </c>
      <c r="Y1274">
        <v>252042.58259999999</v>
      </c>
      <c r="Z1274">
        <v>17662.545740000001</v>
      </c>
      <c r="AA1274">
        <v>45209.584239999996</v>
      </c>
      <c r="AB1274">
        <v>42455.964370000002</v>
      </c>
      <c r="AC1274">
        <v>40859.686970000002</v>
      </c>
      <c r="AD1274">
        <v>25462.850170000002</v>
      </c>
      <c r="AE1274">
        <v>30167.404320000001</v>
      </c>
      <c r="AF1274">
        <v>52494.500899999999</v>
      </c>
      <c r="AG1274">
        <v>20245.665349999999</v>
      </c>
      <c r="AH1274">
        <v>277818.81479999999</v>
      </c>
      <c r="AI1274">
        <v>80322.908630000005</v>
      </c>
      <c r="AJ1274">
        <v>24278.147280000001</v>
      </c>
      <c r="AK1274">
        <v>37014.729010000003</v>
      </c>
      <c r="AL1274">
        <v>78421.163639999999</v>
      </c>
      <c r="AM1274">
        <v>27706.238969999999</v>
      </c>
      <c r="AN1274">
        <v>76773.121119999996</v>
      </c>
      <c r="AO1274">
        <v>29123.733789999998</v>
      </c>
      <c r="AP1274">
        <v>18233.887549999999</v>
      </c>
    </row>
    <row r="1275" spans="2:42" x14ac:dyDescent="0.3">
      <c r="B1275">
        <v>55.837212547098034</v>
      </c>
      <c r="C1275" s="83">
        <v>43154.041666666664</v>
      </c>
      <c r="D1275">
        <v>251846.17490000001</v>
      </c>
      <c r="E1275">
        <v>18289.92095</v>
      </c>
      <c r="F1275">
        <v>48967.628049999999</v>
      </c>
      <c r="G1275">
        <v>42237.780440000002</v>
      </c>
      <c r="H1275">
        <v>40940.111779999999</v>
      </c>
      <c r="I1275">
        <v>22980.417720000001</v>
      </c>
      <c r="J1275">
        <v>33761.867420000002</v>
      </c>
      <c r="K1275">
        <v>51344.28701</v>
      </c>
      <c r="L1275">
        <v>20051.029190000001</v>
      </c>
      <c r="M1275">
        <v>284684.14880000002</v>
      </c>
      <c r="N1275">
        <v>81682.092260000005</v>
      </c>
      <c r="O1275">
        <v>24773.723399999999</v>
      </c>
      <c r="P1275">
        <v>35241.111369999999</v>
      </c>
      <c r="Q1275">
        <v>79293.581829999996</v>
      </c>
      <c r="R1275">
        <v>26020.238519999999</v>
      </c>
      <c r="S1275">
        <v>81460.45667</v>
      </c>
      <c r="T1275">
        <v>28541.56594</v>
      </c>
      <c r="U1275">
        <v>19259.71531</v>
      </c>
      <c r="W1275" s="83">
        <f>Bühler!N1307</f>
        <v>45345.041666663579</v>
      </c>
      <c r="X1275" s="83">
        <v>43154.041666666664</v>
      </c>
      <c r="Y1275">
        <v>251846.17490000001</v>
      </c>
      <c r="Z1275">
        <v>18289.92095</v>
      </c>
      <c r="AA1275">
        <v>48967.628049999999</v>
      </c>
      <c r="AB1275">
        <v>42237.780440000002</v>
      </c>
      <c r="AC1275">
        <v>40940.111779999999</v>
      </c>
      <c r="AD1275">
        <v>22980.417720000001</v>
      </c>
      <c r="AE1275">
        <v>33761.867420000002</v>
      </c>
      <c r="AF1275">
        <v>51344.28701</v>
      </c>
      <c r="AG1275">
        <v>20051.029190000001</v>
      </c>
      <c r="AH1275">
        <v>284684.14880000002</v>
      </c>
      <c r="AI1275">
        <v>81682.092260000005</v>
      </c>
      <c r="AJ1275">
        <v>24773.723399999999</v>
      </c>
      <c r="AK1275">
        <v>35241.111369999999</v>
      </c>
      <c r="AL1275">
        <v>79293.581829999996</v>
      </c>
      <c r="AM1275">
        <v>26020.238519999999</v>
      </c>
      <c r="AN1275">
        <v>81460.45667</v>
      </c>
      <c r="AO1275">
        <v>28541.56594</v>
      </c>
      <c r="AP1275">
        <v>19259.71531</v>
      </c>
    </row>
    <row r="1276" spans="2:42" x14ac:dyDescent="0.3">
      <c r="B1276">
        <v>55.816262266594848</v>
      </c>
      <c r="C1276" s="83">
        <v>43154.083333333336</v>
      </c>
      <c r="D1276">
        <v>252827.17670000001</v>
      </c>
      <c r="E1276">
        <v>18384.49942</v>
      </c>
      <c r="F1276">
        <v>50460.932079999999</v>
      </c>
      <c r="G1276">
        <v>42273.328500000003</v>
      </c>
      <c r="H1276">
        <v>41196.673190000001</v>
      </c>
      <c r="I1276">
        <v>20876.09189</v>
      </c>
      <c r="J1276">
        <v>34398.446380000001</v>
      </c>
      <c r="K1276">
        <v>50338.398379999999</v>
      </c>
      <c r="L1276">
        <v>20157.126540000001</v>
      </c>
      <c r="M1276">
        <v>284577.3345</v>
      </c>
      <c r="N1276">
        <v>82271.433340000003</v>
      </c>
      <c r="O1276">
        <v>25073.795770000001</v>
      </c>
      <c r="P1276">
        <v>34709.286319999999</v>
      </c>
      <c r="Q1276">
        <v>81135.586930000005</v>
      </c>
      <c r="R1276">
        <v>26910.127690000001</v>
      </c>
      <c r="S1276">
        <v>82382.687699999995</v>
      </c>
      <c r="T1276">
        <v>28593.77031</v>
      </c>
      <c r="U1276">
        <v>19653.144980000001</v>
      </c>
      <c r="W1276" s="83">
        <f>Bühler!N1308</f>
        <v>45345.083333330243</v>
      </c>
      <c r="X1276" s="83">
        <v>43154.083333333336</v>
      </c>
      <c r="Y1276">
        <v>252827.17670000001</v>
      </c>
      <c r="Z1276">
        <v>18384.49942</v>
      </c>
      <c r="AA1276">
        <v>50460.932079999999</v>
      </c>
      <c r="AB1276">
        <v>42273.328500000003</v>
      </c>
      <c r="AC1276">
        <v>41196.673190000001</v>
      </c>
      <c r="AD1276">
        <v>20876.09189</v>
      </c>
      <c r="AE1276">
        <v>34398.446380000001</v>
      </c>
      <c r="AF1276">
        <v>50338.398379999999</v>
      </c>
      <c r="AG1276">
        <v>20157.126540000001</v>
      </c>
      <c r="AH1276">
        <v>284577.3345</v>
      </c>
      <c r="AI1276">
        <v>82271.433340000003</v>
      </c>
      <c r="AJ1276">
        <v>25073.795770000001</v>
      </c>
      <c r="AK1276">
        <v>34709.286319999999</v>
      </c>
      <c r="AL1276">
        <v>81135.586930000005</v>
      </c>
      <c r="AM1276">
        <v>26910.127690000001</v>
      </c>
      <c r="AN1276">
        <v>82382.687699999995</v>
      </c>
      <c r="AO1276">
        <v>28593.77031</v>
      </c>
      <c r="AP1276">
        <v>19653.144980000001</v>
      </c>
    </row>
    <row r="1277" spans="2:42" x14ac:dyDescent="0.3">
      <c r="B1277">
        <v>55.889798399787438</v>
      </c>
      <c r="C1277" s="83">
        <v>43154.125</v>
      </c>
      <c r="D1277">
        <v>254282.5883</v>
      </c>
      <c r="E1277">
        <v>18573.854660000001</v>
      </c>
      <c r="F1277">
        <v>52291.06854</v>
      </c>
      <c r="G1277">
        <v>41444.789620000003</v>
      </c>
      <c r="H1277">
        <v>41555.781049999998</v>
      </c>
      <c r="I1277">
        <v>20602.585289999999</v>
      </c>
      <c r="J1277">
        <v>34829.112880000001</v>
      </c>
      <c r="K1277">
        <v>49594.218030000004</v>
      </c>
      <c r="L1277">
        <v>19598.515060000002</v>
      </c>
      <c r="M1277">
        <v>284952.25599999999</v>
      </c>
      <c r="N1277">
        <v>82289.885139999999</v>
      </c>
      <c r="O1277">
        <v>25080.721450000001</v>
      </c>
      <c r="P1277">
        <v>35336.560839999998</v>
      </c>
      <c r="Q1277">
        <v>83841.58786</v>
      </c>
      <c r="R1277">
        <v>26676.241239999999</v>
      </c>
      <c r="S1277">
        <v>81336.239520000003</v>
      </c>
      <c r="T1277">
        <v>29014.075919999999</v>
      </c>
      <c r="U1277">
        <v>19582.953710000002</v>
      </c>
      <c r="W1277" s="83">
        <f>Bühler!N1309</f>
        <v>45345.124999996908</v>
      </c>
      <c r="X1277" s="83">
        <v>43154.125</v>
      </c>
      <c r="Y1277">
        <v>254282.5883</v>
      </c>
      <c r="Z1277">
        <v>18573.854660000001</v>
      </c>
      <c r="AA1277">
        <v>52291.06854</v>
      </c>
      <c r="AB1277">
        <v>41444.789620000003</v>
      </c>
      <c r="AC1277">
        <v>41555.781049999998</v>
      </c>
      <c r="AD1277">
        <v>20602.585289999999</v>
      </c>
      <c r="AE1277">
        <v>34829.112880000001</v>
      </c>
      <c r="AF1277">
        <v>49594.218030000004</v>
      </c>
      <c r="AG1277">
        <v>19598.515060000002</v>
      </c>
      <c r="AH1277">
        <v>284952.25599999999</v>
      </c>
      <c r="AI1277">
        <v>82289.885139999999</v>
      </c>
      <c r="AJ1277">
        <v>25080.721450000001</v>
      </c>
      <c r="AK1277">
        <v>35336.560839999998</v>
      </c>
      <c r="AL1277">
        <v>83841.58786</v>
      </c>
      <c r="AM1277">
        <v>26676.241239999999</v>
      </c>
      <c r="AN1277">
        <v>81336.239520000003</v>
      </c>
      <c r="AO1277">
        <v>29014.075919999999</v>
      </c>
      <c r="AP1277">
        <v>19582.953710000002</v>
      </c>
    </row>
    <row r="1278" spans="2:42" x14ac:dyDescent="0.3">
      <c r="B1278">
        <v>56.587996732628575</v>
      </c>
      <c r="C1278" s="83">
        <v>43154.166666666664</v>
      </c>
      <c r="D1278">
        <v>255532.67120000001</v>
      </c>
      <c r="E1278">
        <v>19141.100299999998</v>
      </c>
      <c r="F1278">
        <v>56714.97709</v>
      </c>
      <c r="G1278">
        <v>41030.262730000002</v>
      </c>
      <c r="H1278">
        <v>42410.842060000003</v>
      </c>
      <c r="I1278">
        <v>23987.307720000001</v>
      </c>
      <c r="J1278">
        <v>37292.447489999999</v>
      </c>
      <c r="K1278">
        <v>47333.688340000001</v>
      </c>
      <c r="L1278">
        <v>19685.507389999999</v>
      </c>
      <c r="M1278">
        <v>288511.99670000002</v>
      </c>
      <c r="N1278">
        <v>81856.260980000006</v>
      </c>
      <c r="O1278">
        <v>25640.28514</v>
      </c>
      <c r="P1278">
        <v>34152.284529999997</v>
      </c>
      <c r="Q1278">
        <v>87170.481150000007</v>
      </c>
      <c r="R1278">
        <v>26553.561440000001</v>
      </c>
      <c r="S1278">
        <v>83184.391040000002</v>
      </c>
      <c r="T1278">
        <v>28933.90969</v>
      </c>
      <c r="U1278">
        <v>20195.67812</v>
      </c>
      <c r="W1278" s="83">
        <f>Bühler!N1310</f>
        <v>45345.166666663572</v>
      </c>
      <c r="X1278" s="83">
        <v>43154.166666666664</v>
      </c>
      <c r="Y1278">
        <v>255532.67120000001</v>
      </c>
      <c r="Z1278">
        <v>19141.100299999998</v>
      </c>
      <c r="AA1278">
        <v>56714.97709</v>
      </c>
      <c r="AB1278">
        <v>41030.262730000002</v>
      </c>
      <c r="AC1278">
        <v>42410.842060000003</v>
      </c>
      <c r="AD1278">
        <v>23987.307720000001</v>
      </c>
      <c r="AE1278">
        <v>37292.447489999999</v>
      </c>
      <c r="AF1278">
        <v>47333.688340000001</v>
      </c>
      <c r="AG1278">
        <v>19685.507389999999</v>
      </c>
      <c r="AH1278">
        <v>288511.99670000002</v>
      </c>
      <c r="AI1278">
        <v>81856.260980000006</v>
      </c>
      <c r="AJ1278">
        <v>25640.28514</v>
      </c>
      <c r="AK1278">
        <v>34152.284529999997</v>
      </c>
      <c r="AL1278">
        <v>87170.481150000007</v>
      </c>
      <c r="AM1278">
        <v>26553.561440000001</v>
      </c>
      <c r="AN1278">
        <v>83184.391040000002</v>
      </c>
      <c r="AO1278">
        <v>28933.90969</v>
      </c>
      <c r="AP1278">
        <v>20195.67812</v>
      </c>
    </row>
    <row r="1279" spans="2:42" x14ac:dyDescent="0.3">
      <c r="B1279">
        <v>59.580711772137384</v>
      </c>
      <c r="C1279" s="83">
        <v>43154.208333333336</v>
      </c>
      <c r="D1279">
        <v>269337.43280000001</v>
      </c>
      <c r="E1279">
        <v>21068.000919999999</v>
      </c>
      <c r="F1279">
        <v>68563.431849999994</v>
      </c>
      <c r="G1279">
        <v>43699.883450000001</v>
      </c>
      <c r="H1279">
        <v>44121.661549999997</v>
      </c>
      <c r="I1279">
        <v>32054.96416</v>
      </c>
      <c r="J1279">
        <v>40327.790800000002</v>
      </c>
      <c r="K1279">
        <v>47462.812940000003</v>
      </c>
      <c r="L1279">
        <v>20903.43576</v>
      </c>
      <c r="M1279">
        <v>303770.2536</v>
      </c>
      <c r="N1279">
        <v>82850.396500000003</v>
      </c>
      <c r="O1279">
        <v>26175.394260000001</v>
      </c>
      <c r="P1279">
        <v>34355.62283</v>
      </c>
      <c r="Q1279">
        <v>89566.877290000004</v>
      </c>
      <c r="R1279">
        <v>28834.944960000001</v>
      </c>
      <c r="S1279">
        <v>85265.07703</v>
      </c>
      <c r="T1279">
        <v>30615.29752</v>
      </c>
      <c r="U1279">
        <v>21664.04221</v>
      </c>
      <c r="W1279" s="83">
        <f>Bühler!N1311</f>
        <v>45345.208333330236</v>
      </c>
      <c r="X1279" s="83">
        <v>43154.208333333336</v>
      </c>
      <c r="Y1279">
        <v>269337.43280000001</v>
      </c>
      <c r="Z1279">
        <v>21068.000919999999</v>
      </c>
      <c r="AA1279">
        <v>68563.431849999994</v>
      </c>
      <c r="AB1279">
        <v>43699.883450000001</v>
      </c>
      <c r="AC1279">
        <v>44121.661549999997</v>
      </c>
      <c r="AD1279">
        <v>32054.96416</v>
      </c>
      <c r="AE1279">
        <v>40327.790800000002</v>
      </c>
      <c r="AF1279">
        <v>47462.812940000003</v>
      </c>
      <c r="AG1279">
        <v>20903.43576</v>
      </c>
      <c r="AH1279">
        <v>303770.2536</v>
      </c>
      <c r="AI1279">
        <v>82850.396500000003</v>
      </c>
      <c r="AJ1279">
        <v>26175.394260000001</v>
      </c>
      <c r="AK1279">
        <v>34355.62283</v>
      </c>
      <c r="AL1279">
        <v>89566.877290000004</v>
      </c>
      <c r="AM1279">
        <v>28834.944960000001</v>
      </c>
      <c r="AN1279">
        <v>85265.07703</v>
      </c>
      <c r="AO1279">
        <v>30615.29752</v>
      </c>
      <c r="AP1279">
        <v>21664.04221</v>
      </c>
    </row>
    <row r="1280" spans="2:42" x14ac:dyDescent="0.3">
      <c r="B1280">
        <v>62.889568959479178</v>
      </c>
      <c r="C1280" s="83">
        <v>43154.25</v>
      </c>
      <c r="D1280">
        <v>285286.47489999997</v>
      </c>
      <c r="E1280">
        <v>25560.43216</v>
      </c>
      <c r="F1280">
        <v>78996.498770000006</v>
      </c>
      <c r="G1280">
        <v>49718.080260000002</v>
      </c>
      <c r="H1280">
        <v>47578.784800000001</v>
      </c>
      <c r="I1280">
        <v>39815.003519999998</v>
      </c>
      <c r="J1280">
        <v>44023.273809999999</v>
      </c>
      <c r="K1280">
        <v>49959.941700000003</v>
      </c>
      <c r="L1280">
        <v>22393.435669999999</v>
      </c>
      <c r="M1280">
        <v>320640.35060000001</v>
      </c>
      <c r="N1280">
        <v>84430.619449999998</v>
      </c>
      <c r="O1280">
        <v>27042.25994</v>
      </c>
      <c r="P1280">
        <v>34687.180849999997</v>
      </c>
      <c r="Q1280">
        <v>91344.076910000003</v>
      </c>
      <c r="R1280">
        <v>20728.653849999999</v>
      </c>
      <c r="S1280">
        <v>93528.472989999995</v>
      </c>
      <c r="T1280">
        <v>32950.359069999999</v>
      </c>
      <c r="U1280">
        <v>22824.12543</v>
      </c>
      <c r="W1280" s="83">
        <f>Bühler!N1312</f>
        <v>45345.2499999969</v>
      </c>
      <c r="X1280" s="83">
        <v>43154.25</v>
      </c>
      <c r="Y1280">
        <v>285286.47489999997</v>
      </c>
      <c r="Z1280">
        <v>25560.43216</v>
      </c>
      <c r="AA1280">
        <v>78996.498770000006</v>
      </c>
      <c r="AB1280">
        <v>49718.080260000002</v>
      </c>
      <c r="AC1280">
        <v>47578.784800000001</v>
      </c>
      <c r="AD1280">
        <v>39815.003519999998</v>
      </c>
      <c r="AE1280">
        <v>44023.273809999999</v>
      </c>
      <c r="AF1280">
        <v>49959.941700000003</v>
      </c>
      <c r="AG1280">
        <v>22393.435669999999</v>
      </c>
      <c r="AH1280">
        <v>320640.35060000001</v>
      </c>
      <c r="AI1280">
        <v>84430.619449999998</v>
      </c>
      <c r="AJ1280">
        <v>27042.25994</v>
      </c>
      <c r="AK1280">
        <v>34687.180849999997</v>
      </c>
      <c r="AL1280">
        <v>91344.076910000003</v>
      </c>
      <c r="AM1280">
        <v>20728.653849999999</v>
      </c>
      <c r="AN1280">
        <v>93528.472989999995</v>
      </c>
      <c r="AO1280">
        <v>32950.359069999999</v>
      </c>
      <c r="AP1280">
        <v>22824.12543</v>
      </c>
    </row>
    <row r="1281" spans="2:42" x14ac:dyDescent="0.3">
      <c r="B1281">
        <v>65.201703571998436</v>
      </c>
      <c r="C1281" s="83">
        <v>43154.291666666664</v>
      </c>
      <c r="D1281">
        <v>298183.87400000001</v>
      </c>
      <c r="E1281">
        <v>31333.855339999998</v>
      </c>
      <c r="F1281">
        <v>82602.100560000006</v>
      </c>
      <c r="G1281">
        <v>57560.378140000001</v>
      </c>
      <c r="H1281">
        <v>53230.113469999997</v>
      </c>
      <c r="I1281">
        <v>47864.833590000002</v>
      </c>
      <c r="J1281">
        <v>46248.603450000002</v>
      </c>
      <c r="K1281">
        <v>54552.750630000002</v>
      </c>
      <c r="L1281">
        <v>25522.879290000001</v>
      </c>
      <c r="M1281">
        <v>332428.6911</v>
      </c>
      <c r="N1281">
        <v>89565.880520000006</v>
      </c>
      <c r="O1281">
        <v>30125.234779999999</v>
      </c>
      <c r="P1281">
        <v>37935.606</v>
      </c>
      <c r="Q1281">
        <v>91774.499200000006</v>
      </c>
      <c r="R1281">
        <v>21314.233459999999</v>
      </c>
      <c r="S1281">
        <v>110701.8072</v>
      </c>
      <c r="T1281">
        <v>33789.595179999997</v>
      </c>
      <c r="U1281">
        <v>28133.130860000001</v>
      </c>
      <c r="W1281" s="83">
        <f>Bühler!N1313</f>
        <v>45345.291666663565</v>
      </c>
      <c r="X1281" s="83">
        <v>43154.291666666664</v>
      </c>
      <c r="Y1281">
        <v>298183.87400000001</v>
      </c>
      <c r="Z1281">
        <v>31333.855339999998</v>
      </c>
      <c r="AA1281">
        <v>82602.100560000006</v>
      </c>
      <c r="AB1281">
        <v>57560.378140000001</v>
      </c>
      <c r="AC1281">
        <v>53230.113469999997</v>
      </c>
      <c r="AD1281">
        <v>47864.833590000002</v>
      </c>
      <c r="AE1281">
        <v>46248.603450000002</v>
      </c>
      <c r="AF1281">
        <v>54552.750630000002</v>
      </c>
      <c r="AG1281">
        <v>25522.879290000001</v>
      </c>
      <c r="AH1281">
        <v>332428.6911</v>
      </c>
      <c r="AI1281">
        <v>89565.880520000006</v>
      </c>
      <c r="AJ1281">
        <v>30125.234779999999</v>
      </c>
      <c r="AK1281">
        <v>37935.606</v>
      </c>
      <c r="AL1281">
        <v>91774.499200000006</v>
      </c>
      <c r="AM1281">
        <v>21314.233459999999</v>
      </c>
      <c r="AN1281">
        <v>110701.8072</v>
      </c>
      <c r="AO1281">
        <v>33789.595179999997</v>
      </c>
      <c r="AP1281">
        <v>28133.130860000001</v>
      </c>
    </row>
    <row r="1282" spans="2:42" x14ac:dyDescent="0.3">
      <c r="B1282">
        <v>64.925578124544757</v>
      </c>
      <c r="C1282" s="83">
        <v>43154.333333333336</v>
      </c>
      <c r="D1282">
        <v>306466.2072</v>
      </c>
      <c r="E1282">
        <v>37026.185250000002</v>
      </c>
      <c r="F1282">
        <v>88601.570160000003</v>
      </c>
      <c r="G1282">
        <v>64732.418100000003</v>
      </c>
      <c r="H1282">
        <v>56992.351119999999</v>
      </c>
      <c r="I1282">
        <v>49964.61447</v>
      </c>
      <c r="J1282">
        <v>46987.520069999999</v>
      </c>
      <c r="K1282">
        <v>58517.529699999999</v>
      </c>
      <c r="L1282">
        <v>28734.372899999998</v>
      </c>
      <c r="M1282">
        <v>331020.87479999999</v>
      </c>
      <c r="N1282">
        <v>96661.794729999994</v>
      </c>
      <c r="O1282">
        <v>31036.34791</v>
      </c>
      <c r="P1282">
        <v>40312.170570000002</v>
      </c>
      <c r="Q1282">
        <v>92501.036559999993</v>
      </c>
      <c r="R1282">
        <v>24096.706819999999</v>
      </c>
      <c r="S1282">
        <v>121886.9801</v>
      </c>
      <c r="T1282">
        <v>36579.491119999999</v>
      </c>
      <c r="U1282">
        <v>30689.252779999999</v>
      </c>
      <c r="W1282" s="83">
        <f>Bühler!N1314</f>
        <v>45345.333333330229</v>
      </c>
      <c r="X1282" s="83">
        <v>43154.333333333336</v>
      </c>
      <c r="Y1282">
        <v>306466.2072</v>
      </c>
      <c r="Z1282">
        <v>37026.185250000002</v>
      </c>
      <c r="AA1282">
        <v>88601.570160000003</v>
      </c>
      <c r="AB1282">
        <v>64732.418100000003</v>
      </c>
      <c r="AC1282">
        <v>56992.351119999999</v>
      </c>
      <c r="AD1282">
        <v>49964.61447</v>
      </c>
      <c r="AE1282">
        <v>46987.520069999999</v>
      </c>
      <c r="AF1282">
        <v>58517.529699999999</v>
      </c>
      <c r="AG1282">
        <v>28734.372899999998</v>
      </c>
      <c r="AH1282">
        <v>331020.87479999999</v>
      </c>
      <c r="AI1282">
        <v>96661.794729999994</v>
      </c>
      <c r="AJ1282">
        <v>31036.34791</v>
      </c>
      <c r="AK1282">
        <v>40312.170570000002</v>
      </c>
      <c r="AL1282">
        <v>92501.036559999993</v>
      </c>
      <c r="AM1282">
        <v>24096.706819999999</v>
      </c>
      <c r="AN1282">
        <v>121886.9801</v>
      </c>
      <c r="AO1282">
        <v>36579.491119999999</v>
      </c>
      <c r="AP1282">
        <v>30689.252779999999</v>
      </c>
    </row>
    <row r="1283" spans="2:42" x14ac:dyDescent="0.3">
      <c r="B1283">
        <v>64.411288213788126</v>
      </c>
      <c r="C1283" s="83">
        <v>43154.375</v>
      </c>
      <c r="D1283">
        <v>304854.04869999998</v>
      </c>
      <c r="E1283">
        <v>41159.324070000002</v>
      </c>
      <c r="F1283">
        <v>94515.624519999998</v>
      </c>
      <c r="G1283">
        <v>68983.947119999997</v>
      </c>
      <c r="H1283">
        <v>59048.753819999998</v>
      </c>
      <c r="I1283">
        <v>47521.706789999997</v>
      </c>
      <c r="J1283">
        <v>46617.631450000001</v>
      </c>
      <c r="K1283">
        <v>57727.180769999999</v>
      </c>
      <c r="L1283">
        <v>31461.596829999999</v>
      </c>
      <c r="M1283">
        <v>328398.78499999997</v>
      </c>
      <c r="N1283">
        <v>108055.05710000001</v>
      </c>
      <c r="O1283">
        <v>31454.445970000001</v>
      </c>
      <c r="P1283">
        <v>43099.798629999998</v>
      </c>
      <c r="Q1283">
        <v>92623.632729999998</v>
      </c>
      <c r="R1283">
        <v>23434.275290000001</v>
      </c>
      <c r="S1283">
        <v>128153.7816</v>
      </c>
      <c r="T1283">
        <v>39131.492200000001</v>
      </c>
      <c r="U1283">
        <v>29934.730439999999</v>
      </c>
      <c r="W1283" s="83">
        <f>Bühler!N1315</f>
        <v>45345.374999996893</v>
      </c>
      <c r="X1283" s="83">
        <v>43154.375</v>
      </c>
      <c r="Y1283">
        <v>304854.04869999998</v>
      </c>
      <c r="Z1283">
        <v>41159.324070000002</v>
      </c>
      <c r="AA1283">
        <v>94515.624519999998</v>
      </c>
      <c r="AB1283">
        <v>68983.947119999997</v>
      </c>
      <c r="AC1283">
        <v>59048.753819999998</v>
      </c>
      <c r="AD1283">
        <v>47521.706789999997</v>
      </c>
      <c r="AE1283">
        <v>46617.631450000001</v>
      </c>
      <c r="AF1283">
        <v>57727.180769999999</v>
      </c>
      <c r="AG1283">
        <v>31461.596829999999</v>
      </c>
      <c r="AH1283">
        <v>328398.78499999997</v>
      </c>
      <c r="AI1283">
        <v>108055.05710000001</v>
      </c>
      <c r="AJ1283">
        <v>31454.445970000001</v>
      </c>
      <c r="AK1283">
        <v>43099.798629999998</v>
      </c>
      <c r="AL1283">
        <v>92623.632729999998</v>
      </c>
      <c r="AM1283">
        <v>23434.275290000001</v>
      </c>
      <c r="AN1283">
        <v>128153.7816</v>
      </c>
      <c r="AO1283">
        <v>39131.492200000001</v>
      </c>
      <c r="AP1283">
        <v>29934.730439999999</v>
      </c>
    </row>
    <row r="1284" spans="2:42" x14ac:dyDescent="0.3">
      <c r="B1284">
        <v>64.628356274215008</v>
      </c>
      <c r="C1284" s="83">
        <v>43154.416666666664</v>
      </c>
      <c r="D1284">
        <v>303328.04820000002</v>
      </c>
      <c r="E1284">
        <v>42018.422980000003</v>
      </c>
      <c r="F1284">
        <v>95812.009000000005</v>
      </c>
      <c r="G1284">
        <v>70460.530220000001</v>
      </c>
      <c r="H1284">
        <v>59228.120320000002</v>
      </c>
      <c r="I1284">
        <v>44266.872730000003</v>
      </c>
      <c r="J1284">
        <v>44911.236870000001</v>
      </c>
      <c r="K1284">
        <v>59488.685550000002</v>
      </c>
      <c r="L1284">
        <v>34276.57301</v>
      </c>
      <c r="M1284">
        <v>329505.49920000002</v>
      </c>
      <c r="N1284">
        <v>112999.368</v>
      </c>
      <c r="O1284">
        <v>30764.34679</v>
      </c>
      <c r="P1284">
        <v>43690.631070000003</v>
      </c>
      <c r="Q1284">
        <v>92223.669510000007</v>
      </c>
      <c r="R1284">
        <v>24002.087650000001</v>
      </c>
      <c r="S1284">
        <v>126818.9164</v>
      </c>
      <c r="T1284">
        <v>40835.070639999998</v>
      </c>
      <c r="U1284">
        <v>29258.428489999998</v>
      </c>
      <c r="W1284" s="83">
        <f>Bühler!N1316</f>
        <v>45345.416666663557</v>
      </c>
      <c r="X1284" s="83">
        <v>43154.416666666664</v>
      </c>
      <c r="Y1284">
        <v>303328.04820000002</v>
      </c>
      <c r="Z1284">
        <v>42018.422980000003</v>
      </c>
      <c r="AA1284">
        <v>95812.009000000005</v>
      </c>
      <c r="AB1284">
        <v>70460.530220000001</v>
      </c>
      <c r="AC1284">
        <v>59228.120320000002</v>
      </c>
      <c r="AD1284">
        <v>44266.872730000003</v>
      </c>
      <c r="AE1284">
        <v>44911.236870000001</v>
      </c>
      <c r="AF1284">
        <v>59488.685550000002</v>
      </c>
      <c r="AG1284">
        <v>34276.57301</v>
      </c>
      <c r="AH1284">
        <v>329505.49920000002</v>
      </c>
      <c r="AI1284">
        <v>112999.368</v>
      </c>
      <c r="AJ1284">
        <v>30764.34679</v>
      </c>
      <c r="AK1284">
        <v>43690.631070000003</v>
      </c>
      <c r="AL1284">
        <v>92223.669510000007</v>
      </c>
      <c r="AM1284">
        <v>24002.087650000001</v>
      </c>
      <c r="AN1284">
        <v>126818.9164</v>
      </c>
      <c r="AO1284">
        <v>40835.070639999998</v>
      </c>
      <c r="AP1284">
        <v>29258.428489999998</v>
      </c>
    </row>
    <row r="1285" spans="2:42" x14ac:dyDescent="0.3">
      <c r="B1285">
        <v>65.005565844899806</v>
      </c>
      <c r="C1285" s="83">
        <v>43154.458333333336</v>
      </c>
      <c r="D1285">
        <v>300850.77659999998</v>
      </c>
      <c r="E1285">
        <v>41716.234100000001</v>
      </c>
      <c r="F1285">
        <v>96860.423980000007</v>
      </c>
      <c r="G1285">
        <v>70088.317859999996</v>
      </c>
      <c r="H1285">
        <v>58348.038849999997</v>
      </c>
      <c r="I1285">
        <v>43066.723559999999</v>
      </c>
      <c r="J1285">
        <v>44606.197529999998</v>
      </c>
      <c r="K1285">
        <v>65029.897960000002</v>
      </c>
      <c r="L1285">
        <v>35361.281069999997</v>
      </c>
      <c r="M1285">
        <v>331428.68949999998</v>
      </c>
      <c r="N1285">
        <v>112798.5537</v>
      </c>
      <c r="O1285">
        <v>29639.63868</v>
      </c>
      <c r="P1285">
        <v>41860.833599999998</v>
      </c>
      <c r="Q1285">
        <v>92072.704199999993</v>
      </c>
      <c r="R1285">
        <v>27716.053220000002</v>
      </c>
      <c r="S1285">
        <v>127663.48850000001</v>
      </c>
      <c r="T1285">
        <v>40645.526250000003</v>
      </c>
      <c r="U1285">
        <v>28731.223030000001</v>
      </c>
      <c r="W1285" s="83">
        <f>Bühler!N1317</f>
        <v>45345.458333330222</v>
      </c>
      <c r="X1285" s="83">
        <v>43154.458333333336</v>
      </c>
      <c r="Y1285">
        <v>300850.77659999998</v>
      </c>
      <c r="Z1285">
        <v>41716.234100000001</v>
      </c>
      <c r="AA1285">
        <v>96860.423980000007</v>
      </c>
      <c r="AB1285">
        <v>70088.317859999996</v>
      </c>
      <c r="AC1285">
        <v>58348.038849999997</v>
      </c>
      <c r="AD1285">
        <v>43066.723559999999</v>
      </c>
      <c r="AE1285">
        <v>44606.197529999998</v>
      </c>
      <c r="AF1285">
        <v>65029.897960000002</v>
      </c>
      <c r="AG1285">
        <v>35361.281069999997</v>
      </c>
      <c r="AH1285">
        <v>331428.68949999998</v>
      </c>
      <c r="AI1285">
        <v>112798.5537</v>
      </c>
      <c r="AJ1285">
        <v>29639.63868</v>
      </c>
      <c r="AK1285">
        <v>41860.833599999998</v>
      </c>
      <c r="AL1285">
        <v>92072.704199999993</v>
      </c>
      <c r="AM1285">
        <v>27716.053220000002</v>
      </c>
      <c r="AN1285">
        <v>127663.48850000001</v>
      </c>
      <c r="AO1285">
        <v>40645.526250000003</v>
      </c>
      <c r="AP1285">
        <v>28731.223030000001</v>
      </c>
    </row>
    <row r="1286" spans="2:42" x14ac:dyDescent="0.3">
      <c r="B1286">
        <v>63.191571482733927</v>
      </c>
      <c r="C1286" s="83">
        <v>43154.5</v>
      </c>
      <c r="D1286">
        <v>287609.75709999999</v>
      </c>
      <c r="E1286">
        <v>37053.167889999997</v>
      </c>
      <c r="F1286">
        <v>96224.945269999997</v>
      </c>
      <c r="G1286">
        <v>67414.605320000002</v>
      </c>
      <c r="H1286">
        <v>55213.82819</v>
      </c>
      <c r="I1286">
        <v>41049.600290000002</v>
      </c>
      <c r="J1286">
        <v>44585.729249999997</v>
      </c>
      <c r="K1286">
        <v>62159.455090000003</v>
      </c>
      <c r="L1286">
        <v>37314.14948</v>
      </c>
      <c r="M1286">
        <v>322180.10029999999</v>
      </c>
      <c r="N1286">
        <v>107808.507</v>
      </c>
      <c r="O1286">
        <v>28773.800859999999</v>
      </c>
      <c r="P1286">
        <v>42255.974770000001</v>
      </c>
      <c r="Q1286">
        <v>90016.573860000004</v>
      </c>
      <c r="R1286">
        <v>26881.305789999999</v>
      </c>
      <c r="S1286">
        <v>121066.6798</v>
      </c>
      <c r="T1286">
        <v>40055.675239999997</v>
      </c>
      <c r="U1286">
        <v>24546.112509999999</v>
      </c>
      <c r="W1286" s="83">
        <f>Bühler!N1318</f>
        <v>45345.499999996886</v>
      </c>
      <c r="X1286" s="83">
        <v>43154.5</v>
      </c>
      <c r="Y1286">
        <v>287609.75709999999</v>
      </c>
      <c r="Z1286">
        <v>37053.167889999997</v>
      </c>
      <c r="AA1286">
        <v>96224.945269999997</v>
      </c>
      <c r="AB1286">
        <v>67414.605320000002</v>
      </c>
      <c r="AC1286">
        <v>55213.82819</v>
      </c>
      <c r="AD1286">
        <v>41049.600290000002</v>
      </c>
      <c r="AE1286">
        <v>44585.729249999997</v>
      </c>
      <c r="AF1286">
        <v>62159.455090000003</v>
      </c>
      <c r="AG1286">
        <v>37314.14948</v>
      </c>
      <c r="AH1286">
        <v>322180.10029999999</v>
      </c>
      <c r="AI1286">
        <v>107808.507</v>
      </c>
      <c r="AJ1286">
        <v>28773.800859999999</v>
      </c>
      <c r="AK1286">
        <v>42255.974770000001</v>
      </c>
      <c r="AL1286">
        <v>90016.573860000004</v>
      </c>
      <c r="AM1286">
        <v>26881.305789999999</v>
      </c>
      <c r="AN1286">
        <v>121066.6798</v>
      </c>
      <c r="AO1286">
        <v>40055.675239999997</v>
      </c>
      <c r="AP1286">
        <v>24546.112509999999</v>
      </c>
    </row>
    <row r="1287" spans="2:42" x14ac:dyDescent="0.3">
      <c r="B1287">
        <v>62.434336141543234</v>
      </c>
      <c r="C1287" s="83">
        <v>43154.541666666664</v>
      </c>
      <c r="D1287">
        <v>283354.15669999999</v>
      </c>
      <c r="E1287">
        <v>36135.478860000003</v>
      </c>
      <c r="F1287">
        <v>94295.614239999995</v>
      </c>
      <c r="G1287">
        <v>65401.83281</v>
      </c>
      <c r="H1287">
        <v>53803.949229999998</v>
      </c>
      <c r="I1287">
        <v>39864.702039999996</v>
      </c>
      <c r="J1287">
        <v>42738.089670000001</v>
      </c>
      <c r="K1287">
        <v>63407.071450000003</v>
      </c>
      <c r="L1287">
        <v>35657.529369999997</v>
      </c>
      <c r="M1287">
        <v>318319.36139999999</v>
      </c>
      <c r="N1287">
        <v>106090.5144</v>
      </c>
      <c r="O1287">
        <v>27610.848399999999</v>
      </c>
      <c r="P1287">
        <v>40904.461109999997</v>
      </c>
      <c r="Q1287">
        <v>87203.555290000004</v>
      </c>
      <c r="R1287">
        <v>26044.277979999999</v>
      </c>
      <c r="S1287">
        <v>119196.0548</v>
      </c>
      <c r="T1287">
        <v>38262.806669999998</v>
      </c>
      <c r="U1287">
        <v>25357.69182</v>
      </c>
      <c r="W1287" s="83">
        <f>Bühler!N1319</f>
        <v>45345.54166666355</v>
      </c>
      <c r="X1287" s="83">
        <v>43154.541666666664</v>
      </c>
      <c r="Y1287">
        <v>283354.15669999999</v>
      </c>
      <c r="Z1287">
        <v>36135.478860000003</v>
      </c>
      <c r="AA1287">
        <v>94295.614239999995</v>
      </c>
      <c r="AB1287">
        <v>65401.83281</v>
      </c>
      <c r="AC1287">
        <v>53803.949229999998</v>
      </c>
      <c r="AD1287">
        <v>39864.702039999996</v>
      </c>
      <c r="AE1287">
        <v>42738.089670000001</v>
      </c>
      <c r="AF1287">
        <v>63407.071450000003</v>
      </c>
      <c r="AG1287">
        <v>35657.529369999997</v>
      </c>
      <c r="AH1287">
        <v>318319.36139999999</v>
      </c>
      <c r="AI1287">
        <v>106090.5144</v>
      </c>
      <c r="AJ1287">
        <v>27610.848399999999</v>
      </c>
      <c r="AK1287">
        <v>40904.461109999997</v>
      </c>
      <c r="AL1287">
        <v>87203.555290000004</v>
      </c>
      <c r="AM1287">
        <v>26044.277979999999</v>
      </c>
      <c r="AN1287">
        <v>119196.0548</v>
      </c>
      <c r="AO1287">
        <v>38262.806669999998</v>
      </c>
      <c r="AP1287">
        <v>25357.69182</v>
      </c>
    </row>
    <row r="1288" spans="2:42" x14ac:dyDescent="0.3">
      <c r="B1288">
        <v>62.314644736506729</v>
      </c>
      <c r="C1288" s="83">
        <v>43154.583333333336</v>
      </c>
      <c r="D1288">
        <v>282090.12300000002</v>
      </c>
      <c r="E1288">
        <v>38649.980170000003</v>
      </c>
      <c r="F1288">
        <v>94608.427750000003</v>
      </c>
      <c r="G1288">
        <v>62298.051500000001</v>
      </c>
      <c r="H1288">
        <v>53521.52476</v>
      </c>
      <c r="I1288">
        <v>39892.800329999998</v>
      </c>
      <c r="J1288">
        <v>42380.576200000003</v>
      </c>
      <c r="K1288">
        <v>64752.013570000003</v>
      </c>
      <c r="L1288">
        <v>32839.988120000002</v>
      </c>
      <c r="M1288">
        <v>317709.1188</v>
      </c>
      <c r="N1288">
        <v>105668.8603</v>
      </c>
      <c r="O1288">
        <v>27113.693930000001</v>
      </c>
      <c r="P1288">
        <v>38444.006350000003</v>
      </c>
      <c r="Q1288">
        <v>86058.174769999998</v>
      </c>
      <c r="R1288">
        <v>24676.835749999998</v>
      </c>
      <c r="S1288">
        <v>114263.1605</v>
      </c>
      <c r="T1288">
        <v>37081.468610000004</v>
      </c>
      <c r="U1288">
        <v>25125.991870000002</v>
      </c>
      <c r="W1288" s="83">
        <f>Bühler!N1320</f>
        <v>45345.583333330214</v>
      </c>
      <c r="X1288" s="83">
        <v>43154.583333333336</v>
      </c>
      <c r="Y1288">
        <v>282090.12300000002</v>
      </c>
      <c r="Z1288">
        <v>38649.980170000003</v>
      </c>
      <c r="AA1288">
        <v>94608.427750000003</v>
      </c>
      <c r="AB1288">
        <v>62298.051500000001</v>
      </c>
      <c r="AC1288">
        <v>53521.52476</v>
      </c>
      <c r="AD1288">
        <v>39892.800329999998</v>
      </c>
      <c r="AE1288">
        <v>42380.576200000003</v>
      </c>
      <c r="AF1288">
        <v>64752.013570000003</v>
      </c>
      <c r="AG1288">
        <v>32839.988120000002</v>
      </c>
      <c r="AH1288">
        <v>317709.1188</v>
      </c>
      <c r="AI1288">
        <v>105668.8603</v>
      </c>
      <c r="AJ1288">
        <v>27113.693930000001</v>
      </c>
      <c r="AK1288">
        <v>38444.006350000003</v>
      </c>
      <c r="AL1288">
        <v>86058.174769999998</v>
      </c>
      <c r="AM1288">
        <v>24676.835749999998</v>
      </c>
      <c r="AN1288">
        <v>114263.1605</v>
      </c>
      <c r="AO1288">
        <v>37081.468610000004</v>
      </c>
      <c r="AP1288">
        <v>25125.991870000002</v>
      </c>
    </row>
    <row r="1289" spans="2:42" x14ac:dyDescent="0.3">
      <c r="B1289">
        <v>61.82432366104365</v>
      </c>
      <c r="C1289" s="83">
        <v>43154.625</v>
      </c>
      <c r="D1289">
        <v>279584.66960000002</v>
      </c>
      <c r="E1289">
        <v>38011.715940000002</v>
      </c>
      <c r="F1289">
        <v>95228.694829999993</v>
      </c>
      <c r="G1289">
        <v>60022.021050000003</v>
      </c>
      <c r="H1289">
        <v>51772.48141</v>
      </c>
      <c r="I1289">
        <v>40428.240420000002</v>
      </c>
      <c r="J1289">
        <v>41871.053569999996</v>
      </c>
      <c r="K1289">
        <v>63335.344669999999</v>
      </c>
      <c r="L1289">
        <v>28900.820380000001</v>
      </c>
      <c r="M1289">
        <v>315209.23330000002</v>
      </c>
      <c r="N1289">
        <v>101882.2524</v>
      </c>
      <c r="O1289">
        <v>26792.33078</v>
      </c>
      <c r="P1289">
        <v>36079.058980000002</v>
      </c>
      <c r="Q1289">
        <v>84746.284599999999</v>
      </c>
      <c r="R1289">
        <v>24125.585520000001</v>
      </c>
      <c r="S1289">
        <v>110659.84080000001</v>
      </c>
      <c r="T1289">
        <v>37078.678910000002</v>
      </c>
      <c r="U1289">
        <v>22988.990140000002</v>
      </c>
      <c r="W1289" s="83">
        <f>Bühler!N1321</f>
        <v>45345.624999996879</v>
      </c>
      <c r="X1289" s="83">
        <v>43154.625</v>
      </c>
      <c r="Y1289">
        <v>279584.66960000002</v>
      </c>
      <c r="Z1289">
        <v>38011.715940000002</v>
      </c>
      <c r="AA1289">
        <v>95228.694829999993</v>
      </c>
      <c r="AB1289">
        <v>60022.021050000003</v>
      </c>
      <c r="AC1289">
        <v>51772.48141</v>
      </c>
      <c r="AD1289">
        <v>40428.240420000002</v>
      </c>
      <c r="AE1289">
        <v>41871.053569999996</v>
      </c>
      <c r="AF1289">
        <v>63335.344669999999</v>
      </c>
      <c r="AG1289">
        <v>28900.820380000001</v>
      </c>
      <c r="AH1289">
        <v>315209.23330000002</v>
      </c>
      <c r="AI1289">
        <v>101882.2524</v>
      </c>
      <c r="AJ1289">
        <v>26792.33078</v>
      </c>
      <c r="AK1289">
        <v>36079.058980000002</v>
      </c>
      <c r="AL1289">
        <v>84746.284599999999</v>
      </c>
      <c r="AM1289">
        <v>24125.585520000001</v>
      </c>
      <c r="AN1289">
        <v>110659.84080000001</v>
      </c>
      <c r="AO1289">
        <v>37078.678910000002</v>
      </c>
      <c r="AP1289">
        <v>22988.990140000002</v>
      </c>
    </row>
    <row r="1290" spans="2:42" x14ac:dyDescent="0.3">
      <c r="B1290">
        <v>61.507315958805862</v>
      </c>
      <c r="C1290" s="83">
        <v>43154.666666666664</v>
      </c>
      <c r="D1290">
        <v>270001.6876</v>
      </c>
      <c r="E1290">
        <v>36816.55255</v>
      </c>
      <c r="F1290">
        <v>94340.598110000006</v>
      </c>
      <c r="G1290">
        <v>56863.192479999998</v>
      </c>
      <c r="H1290">
        <v>50553.034570000003</v>
      </c>
      <c r="I1290">
        <v>41418.728040000002</v>
      </c>
      <c r="J1290">
        <v>40807.746469999998</v>
      </c>
      <c r="K1290">
        <v>57863.870770000001</v>
      </c>
      <c r="L1290">
        <v>27404.530429999999</v>
      </c>
      <c r="M1290">
        <v>313592.98019999999</v>
      </c>
      <c r="N1290">
        <v>96169.326019999993</v>
      </c>
      <c r="O1290">
        <v>26807.427599999999</v>
      </c>
      <c r="P1290">
        <v>35230.345719999998</v>
      </c>
      <c r="Q1290">
        <v>82886.341239999994</v>
      </c>
      <c r="R1290">
        <v>23816.919890000001</v>
      </c>
      <c r="S1290">
        <v>107727.0693</v>
      </c>
      <c r="T1290">
        <v>36072.188410000002</v>
      </c>
      <c r="U1290">
        <v>21311.451140000001</v>
      </c>
      <c r="W1290" s="83">
        <f>Bühler!N1322</f>
        <v>45345.666666663543</v>
      </c>
      <c r="X1290" s="83">
        <v>43154.666666666664</v>
      </c>
      <c r="Y1290">
        <v>270001.6876</v>
      </c>
      <c r="Z1290">
        <v>36816.55255</v>
      </c>
      <c r="AA1290">
        <v>94340.598110000006</v>
      </c>
      <c r="AB1290">
        <v>56863.192479999998</v>
      </c>
      <c r="AC1290">
        <v>50553.034570000003</v>
      </c>
      <c r="AD1290">
        <v>41418.728040000002</v>
      </c>
      <c r="AE1290">
        <v>40807.746469999998</v>
      </c>
      <c r="AF1290">
        <v>57863.870770000001</v>
      </c>
      <c r="AG1290">
        <v>27404.530429999999</v>
      </c>
      <c r="AH1290">
        <v>313592.98019999999</v>
      </c>
      <c r="AI1290">
        <v>96169.326019999993</v>
      </c>
      <c r="AJ1290">
        <v>26807.427599999999</v>
      </c>
      <c r="AK1290">
        <v>35230.345719999998</v>
      </c>
      <c r="AL1290">
        <v>82886.341239999994</v>
      </c>
      <c r="AM1290">
        <v>23816.919890000001</v>
      </c>
      <c r="AN1290">
        <v>107727.0693</v>
      </c>
      <c r="AO1290">
        <v>36072.188410000002</v>
      </c>
      <c r="AP1290">
        <v>21311.451140000001</v>
      </c>
    </row>
    <row r="1291" spans="2:42" x14ac:dyDescent="0.3">
      <c r="B1291">
        <v>60.289238269659464</v>
      </c>
      <c r="C1291" s="83">
        <v>43154.708333333336</v>
      </c>
      <c r="D1291">
        <v>259693.1795</v>
      </c>
      <c r="E1291">
        <v>34601.475079999997</v>
      </c>
      <c r="F1291">
        <v>93507.823780000006</v>
      </c>
      <c r="G1291">
        <v>52451.017140000004</v>
      </c>
      <c r="H1291">
        <v>48807.559000000001</v>
      </c>
      <c r="I1291">
        <v>41890.094599999997</v>
      </c>
      <c r="J1291">
        <v>40934.240559999998</v>
      </c>
      <c r="K1291">
        <v>53506.168460000001</v>
      </c>
      <c r="L1291">
        <v>28590.501209999999</v>
      </c>
      <c r="M1291">
        <v>307382.65210000001</v>
      </c>
      <c r="N1291">
        <v>89286.110629999996</v>
      </c>
      <c r="O1291">
        <v>26206.764139999999</v>
      </c>
      <c r="P1291">
        <v>37568.18952</v>
      </c>
      <c r="Q1291">
        <v>80995.188639999993</v>
      </c>
      <c r="R1291">
        <v>23973.094880000001</v>
      </c>
      <c r="S1291">
        <v>106162.67019999999</v>
      </c>
      <c r="T1291">
        <v>36278.277040000001</v>
      </c>
      <c r="U1291">
        <v>19918.09735</v>
      </c>
      <c r="W1291" s="83">
        <f>Bühler!N1323</f>
        <v>45345.708333330207</v>
      </c>
      <c r="X1291" s="83">
        <v>43154.708333333336</v>
      </c>
      <c r="Y1291">
        <v>259693.1795</v>
      </c>
      <c r="Z1291">
        <v>34601.475079999997</v>
      </c>
      <c r="AA1291">
        <v>93507.823780000006</v>
      </c>
      <c r="AB1291">
        <v>52451.017140000004</v>
      </c>
      <c r="AC1291">
        <v>48807.559000000001</v>
      </c>
      <c r="AD1291">
        <v>41890.094599999997</v>
      </c>
      <c r="AE1291">
        <v>40934.240559999998</v>
      </c>
      <c r="AF1291">
        <v>53506.168460000001</v>
      </c>
      <c r="AG1291">
        <v>28590.501209999999</v>
      </c>
      <c r="AH1291">
        <v>307382.65210000001</v>
      </c>
      <c r="AI1291">
        <v>89286.110629999996</v>
      </c>
      <c r="AJ1291">
        <v>26206.764139999999</v>
      </c>
      <c r="AK1291">
        <v>37568.18952</v>
      </c>
      <c r="AL1291">
        <v>80995.188639999993</v>
      </c>
      <c r="AM1291">
        <v>23973.094880000001</v>
      </c>
      <c r="AN1291">
        <v>106162.67019999999</v>
      </c>
      <c r="AO1291">
        <v>36278.277040000001</v>
      </c>
      <c r="AP1291">
        <v>19918.09735</v>
      </c>
    </row>
    <row r="1292" spans="2:42" x14ac:dyDescent="0.3">
      <c r="B1292">
        <v>58.075904819335726</v>
      </c>
      <c r="C1292" s="83">
        <v>43154.75</v>
      </c>
      <c r="D1292">
        <v>252520.92</v>
      </c>
      <c r="E1292">
        <v>32574.215349999999</v>
      </c>
      <c r="F1292">
        <v>91669.019639999999</v>
      </c>
      <c r="G1292">
        <v>49167.661489999999</v>
      </c>
      <c r="H1292">
        <v>47991.786630000002</v>
      </c>
      <c r="I1292">
        <v>41470.26281</v>
      </c>
      <c r="J1292">
        <v>43423.254990000001</v>
      </c>
      <c r="K1292">
        <v>47452.948409999997</v>
      </c>
      <c r="L1292">
        <v>31925.771649999999</v>
      </c>
      <c r="M1292">
        <v>296098.04599999997</v>
      </c>
      <c r="N1292">
        <v>86903.119420000003</v>
      </c>
      <c r="O1292">
        <v>25911.658759999998</v>
      </c>
      <c r="P1292">
        <v>41027.816220000001</v>
      </c>
      <c r="Q1292">
        <v>78698.386740000002</v>
      </c>
      <c r="R1292">
        <v>21281.13668</v>
      </c>
      <c r="S1292">
        <v>102357.9921</v>
      </c>
      <c r="T1292">
        <v>37129.493190000001</v>
      </c>
      <c r="U1292">
        <v>19612.766019999999</v>
      </c>
      <c r="W1292" s="83">
        <f>Bühler!N1324</f>
        <v>45345.749999996871</v>
      </c>
      <c r="X1292" s="83">
        <v>43154.75</v>
      </c>
      <c r="Y1292">
        <v>252520.92</v>
      </c>
      <c r="Z1292">
        <v>32574.215349999999</v>
      </c>
      <c r="AA1292">
        <v>91669.019639999999</v>
      </c>
      <c r="AB1292">
        <v>49167.661489999999</v>
      </c>
      <c r="AC1292">
        <v>47991.786630000002</v>
      </c>
      <c r="AD1292">
        <v>41470.26281</v>
      </c>
      <c r="AE1292">
        <v>43423.254990000001</v>
      </c>
      <c r="AF1292">
        <v>47452.948409999997</v>
      </c>
      <c r="AG1292">
        <v>31925.771649999999</v>
      </c>
      <c r="AH1292">
        <v>296098.04599999997</v>
      </c>
      <c r="AI1292">
        <v>86903.119420000003</v>
      </c>
      <c r="AJ1292">
        <v>25911.658759999998</v>
      </c>
      <c r="AK1292">
        <v>41027.816220000001</v>
      </c>
      <c r="AL1292">
        <v>78698.386740000002</v>
      </c>
      <c r="AM1292">
        <v>21281.13668</v>
      </c>
      <c r="AN1292">
        <v>102357.9921</v>
      </c>
      <c r="AO1292">
        <v>37129.493190000001</v>
      </c>
      <c r="AP1292">
        <v>19612.766019999999</v>
      </c>
    </row>
    <row r="1293" spans="2:42" x14ac:dyDescent="0.3">
      <c r="B1293">
        <v>57.275840461465435</v>
      </c>
      <c r="C1293" s="83">
        <v>43154.791666666664</v>
      </c>
      <c r="D1293">
        <v>246496.24340000001</v>
      </c>
      <c r="E1293">
        <v>27432.602370000001</v>
      </c>
      <c r="F1293">
        <v>80576.164260000005</v>
      </c>
      <c r="G1293">
        <v>46473.311479999997</v>
      </c>
      <c r="H1293">
        <v>47166.70349</v>
      </c>
      <c r="I1293">
        <v>39153.499530000001</v>
      </c>
      <c r="J1293">
        <v>44250.847529999999</v>
      </c>
      <c r="K1293">
        <v>47244.761180000001</v>
      </c>
      <c r="L1293">
        <v>33809.731039999999</v>
      </c>
      <c r="M1293">
        <v>292018.9448</v>
      </c>
      <c r="N1293">
        <v>84781.071580000003</v>
      </c>
      <c r="O1293">
        <v>25145.660349999998</v>
      </c>
      <c r="P1293">
        <v>44216.60428</v>
      </c>
      <c r="Q1293">
        <v>76633.313450000001</v>
      </c>
      <c r="R1293">
        <v>20765.25563</v>
      </c>
      <c r="S1293">
        <v>99836.580220000003</v>
      </c>
      <c r="T1293">
        <v>37346.743750000001</v>
      </c>
      <c r="U1293">
        <v>18950.23921</v>
      </c>
      <c r="W1293" s="83">
        <f>Bühler!N1325</f>
        <v>45345.791666663536</v>
      </c>
      <c r="X1293" s="83">
        <v>43154.791666666664</v>
      </c>
      <c r="Y1293">
        <v>246496.24340000001</v>
      </c>
      <c r="Z1293">
        <v>27432.602370000001</v>
      </c>
      <c r="AA1293">
        <v>80576.164260000005</v>
      </c>
      <c r="AB1293">
        <v>46473.311479999997</v>
      </c>
      <c r="AC1293">
        <v>47166.70349</v>
      </c>
      <c r="AD1293">
        <v>39153.499530000001</v>
      </c>
      <c r="AE1293">
        <v>44250.847529999999</v>
      </c>
      <c r="AF1293">
        <v>47244.761180000001</v>
      </c>
      <c r="AG1293">
        <v>33809.731039999999</v>
      </c>
      <c r="AH1293">
        <v>292018.9448</v>
      </c>
      <c r="AI1293">
        <v>84781.071580000003</v>
      </c>
      <c r="AJ1293">
        <v>25145.660349999998</v>
      </c>
      <c r="AK1293">
        <v>44216.60428</v>
      </c>
      <c r="AL1293">
        <v>76633.313450000001</v>
      </c>
      <c r="AM1293">
        <v>20765.25563</v>
      </c>
      <c r="AN1293">
        <v>99836.580220000003</v>
      </c>
      <c r="AO1293">
        <v>37346.743750000001</v>
      </c>
      <c r="AP1293">
        <v>18950.23921</v>
      </c>
    </row>
    <row r="1294" spans="2:42" x14ac:dyDescent="0.3">
      <c r="B1294">
        <v>55.9835283114802</v>
      </c>
      <c r="C1294" s="83">
        <v>43154.833333333336</v>
      </c>
      <c r="D1294">
        <v>236134.85620000001</v>
      </c>
      <c r="E1294">
        <v>21507.969819999998</v>
      </c>
      <c r="F1294">
        <v>62886.834849999999</v>
      </c>
      <c r="G1294">
        <v>43859.814039999997</v>
      </c>
      <c r="H1294">
        <v>44568.195359999998</v>
      </c>
      <c r="I1294">
        <v>35310.437919999997</v>
      </c>
      <c r="J1294">
        <v>42774.383560000002</v>
      </c>
      <c r="K1294">
        <v>52546.630239999999</v>
      </c>
      <c r="L1294">
        <v>32989.756459999997</v>
      </c>
      <c r="M1294">
        <v>285430.1348</v>
      </c>
      <c r="N1294">
        <v>82707.961360000001</v>
      </c>
      <c r="O1294">
        <v>24210.169760000001</v>
      </c>
      <c r="P1294">
        <v>43198.798260000003</v>
      </c>
      <c r="Q1294">
        <v>73558.022320000004</v>
      </c>
      <c r="R1294">
        <v>22817.908179999999</v>
      </c>
      <c r="S1294">
        <v>90692.281260000003</v>
      </c>
      <c r="T1294">
        <v>35637.224820000003</v>
      </c>
      <c r="U1294">
        <v>18086.156050000001</v>
      </c>
      <c r="W1294" s="83">
        <f>Bühler!N1326</f>
        <v>45345.8333333302</v>
      </c>
      <c r="X1294" s="83">
        <v>43154.833333333336</v>
      </c>
      <c r="Y1294">
        <v>236134.85620000001</v>
      </c>
      <c r="Z1294">
        <v>21507.969819999998</v>
      </c>
      <c r="AA1294">
        <v>62886.834849999999</v>
      </c>
      <c r="AB1294">
        <v>43859.814039999997</v>
      </c>
      <c r="AC1294">
        <v>44568.195359999998</v>
      </c>
      <c r="AD1294">
        <v>35310.437919999997</v>
      </c>
      <c r="AE1294">
        <v>42774.383560000002</v>
      </c>
      <c r="AF1294">
        <v>52546.630239999999</v>
      </c>
      <c r="AG1294">
        <v>32989.756459999997</v>
      </c>
      <c r="AH1294">
        <v>285430.1348</v>
      </c>
      <c r="AI1294">
        <v>82707.961360000001</v>
      </c>
      <c r="AJ1294">
        <v>24210.169760000001</v>
      </c>
      <c r="AK1294">
        <v>43198.798260000003</v>
      </c>
      <c r="AL1294">
        <v>73558.022320000004</v>
      </c>
      <c r="AM1294">
        <v>22817.908179999999</v>
      </c>
      <c r="AN1294">
        <v>90692.281260000003</v>
      </c>
      <c r="AO1294">
        <v>35637.224820000003</v>
      </c>
      <c r="AP1294">
        <v>18086.156050000001</v>
      </c>
    </row>
    <row r="1295" spans="2:42" x14ac:dyDescent="0.3">
      <c r="B1295">
        <v>54.083366017521804</v>
      </c>
      <c r="C1295" s="83">
        <v>43154.875</v>
      </c>
      <c r="D1295">
        <v>227837.7997</v>
      </c>
      <c r="E1295">
        <v>18777.046439999998</v>
      </c>
      <c r="F1295">
        <v>53902.574130000001</v>
      </c>
      <c r="G1295">
        <v>41858.139040000002</v>
      </c>
      <c r="H1295">
        <v>42352.459819999996</v>
      </c>
      <c r="I1295">
        <v>30053.69629</v>
      </c>
      <c r="J1295">
        <v>40989.379529999998</v>
      </c>
      <c r="K1295">
        <v>52055.687899999997</v>
      </c>
      <c r="L1295">
        <v>31258.097290000002</v>
      </c>
      <c r="M1295">
        <v>275742.22129999998</v>
      </c>
      <c r="N1295">
        <v>80787.123590000003</v>
      </c>
      <c r="O1295">
        <v>23286.47508</v>
      </c>
      <c r="P1295">
        <v>41595.23732</v>
      </c>
      <c r="Q1295">
        <v>70626.992670000007</v>
      </c>
      <c r="R1295">
        <v>20807.351289999999</v>
      </c>
      <c r="S1295">
        <v>84946.429980000001</v>
      </c>
      <c r="T1295">
        <v>33550.185729999997</v>
      </c>
      <c r="U1295">
        <v>17024.92355</v>
      </c>
      <c r="W1295" s="83">
        <f>Bühler!N1327</f>
        <v>45345.874999996864</v>
      </c>
      <c r="X1295" s="83">
        <v>43154.875</v>
      </c>
      <c r="Y1295">
        <v>227837.7997</v>
      </c>
      <c r="Z1295">
        <v>18777.046439999998</v>
      </c>
      <c r="AA1295">
        <v>53902.574130000001</v>
      </c>
      <c r="AB1295">
        <v>41858.139040000002</v>
      </c>
      <c r="AC1295">
        <v>42352.459819999996</v>
      </c>
      <c r="AD1295">
        <v>30053.69629</v>
      </c>
      <c r="AE1295">
        <v>40989.379529999998</v>
      </c>
      <c r="AF1295">
        <v>52055.687899999997</v>
      </c>
      <c r="AG1295">
        <v>31258.097290000002</v>
      </c>
      <c r="AH1295">
        <v>275742.22129999998</v>
      </c>
      <c r="AI1295">
        <v>80787.123590000003</v>
      </c>
      <c r="AJ1295">
        <v>23286.47508</v>
      </c>
      <c r="AK1295">
        <v>41595.23732</v>
      </c>
      <c r="AL1295">
        <v>70626.992670000007</v>
      </c>
      <c r="AM1295">
        <v>20807.351289999999</v>
      </c>
      <c r="AN1295">
        <v>84946.429980000001</v>
      </c>
      <c r="AO1295">
        <v>33550.185729999997</v>
      </c>
      <c r="AP1295">
        <v>17024.92355</v>
      </c>
    </row>
    <row r="1296" spans="2:42" x14ac:dyDescent="0.3">
      <c r="B1296">
        <v>54.167187086709468</v>
      </c>
      <c r="C1296" s="83">
        <v>43154.916666666664</v>
      </c>
      <c r="D1296">
        <v>226557.9197</v>
      </c>
      <c r="E1296">
        <v>17767.04134</v>
      </c>
      <c r="F1296">
        <v>50774.786679999997</v>
      </c>
      <c r="G1296">
        <v>41505.141669999997</v>
      </c>
      <c r="H1296">
        <v>41493.243589999998</v>
      </c>
      <c r="I1296">
        <v>28749.353780000001</v>
      </c>
      <c r="J1296">
        <v>39827.035490000002</v>
      </c>
      <c r="K1296">
        <v>54632.728130000003</v>
      </c>
      <c r="L1296">
        <v>28560.7366</v>
      </c>
      <c r="M1296">
        <v>276169.58020000003</v>
      </c>
      <c r="N1296">
        <v>80792.758130000002</v>
      </c>
      <c r="O1296">
        <v>23899.40898</v>
      </c>
      <c r="P1296">
        <v>44285.406929999997</v>
      </c>
      <c r="Q1296">
        <v>69443.249089999998</v>
      </c>
      <c r="R1296">
        <v>29121.574430000001</v>
      </c>
      <c r="S1296">
        <v>84254.796669999996</v>
      </c>
      <c r="T1296">
        <v>30260.509979999999</v>
      </c>
      <c r="U1296">
        <v>18314.168740000001</v>
      </c>
      <c r="W1296" s="83">
        <f>Bühler!N1328</f>
        <v>45345.916666663528</v>
      </c>
      <c r="X1296" s="83">
        <v>43154.916666666664</v>
      </c>
      <c r="Y1296">
        <v>226557.9197</v>
      </c>
      <c r="Z1296">
        <v>17767.04134</v>
      </c>
      <c r="AA1296">
        <v>50774.786679999997</v>
      </c>
      <c r="AB1296">
        <v>41505.141669999997</v>
      </c>
      <c r="AC1296">
        <v>41493.243589999998</v>
      </c>
      <c r="AD1296">
        <v>28749.353780000001</v>
      </c>
      <c r="AE1296">
        <v>39827.035490000002</v>
      </c>
      <c r="AF1296">
        <v>54632.728130000003</v>
      </c>
      <c r="AG1296">
        <v>28560.7366</v>
      </c>
      <c r="AH1296">
        <v>276169.58020000003</v>
      </c>
      <c r="AI1296">
        <v>80792.758130000002</v>
      </c>
      <c r="AJ1296">
        <v>23899.40898</v>
      </c>
      <c r="AK1296">
        <v>44285.406929999997</v>
      </c>
      <c r="AL1296">
        <v>69443.249089999998</v>
      </c>
      <c r="AM1296">
        <v>29121.574430000001</v>
      </c>
      <c r="AN1296">
        <v>84254.796669999996</v>
      </c>
      <c r="AO1296">
        <v>30260.509979999999</v>
      </c>
      <c r="AP1296">
        <v>18314.168740000001</v>
      </c>
    </row>
    <row r="1297" spans="2:42" x14ac:dyDescent="0.3">
      <c r="B1297">
        <v>53.715562746061799</v>
      </c>
      <c r="C1297" s="83">
        <v>43154.958333333336</v>
      </c>
      <c r="D1297">
        <v>225334.15210000001</v>
      </c>
      <c r="E1297">
        <v>17333.169030000001</v>
      </c>
      <c r="F1297">
        <v>49269.205410000002</v>
      </c>
      <c r="G1297">
        <v>41774.574869999997</v>
      </c>
      <c r="H1297">
        <v>40364.089269999997</v>
      </c>
      <c r="I1297">
        <v>28367.710749999998</v>
      </c>
      <c r="J1297">
        <v>36741.209589999999</v>
      </c>
      <c r="K1297">
        <v>53810.433299999997</v>
      </c>
      <c r="L1297">
        <v>24468.747309999999</v>
      </c>
      <c r="M1297">
        <v>273866.98869999999</v>
      </c>
      <c r="N1297">
        <v>79785.916060000003</v>
      </c>
      <c r="O1297">
        <v>23989.302220000001</v>
      </c>
      <c r="P1297">
        <v>39899.234709999997</v>
      </c>
      <c r="Q1297">
        <v>69051.907600000006</v>
      </c>
      <c r="R1297">
        <v>31100.388599999998</v>
      </c>
      <c r="S1297">
        <v>82501.428010000003</v>
      </c>
      <c r="T1297">
        <v>31268.185290000001</v>
      </c>
      <c r="U1297">
        <v>17716.462459999999</v>
      </c>
      <c r="W1297" s="83">
        <f>Bühler!N1329</f>
        <v>45345.958333330193</v>
      </c>
      <c r="X1297" s="83">
        <v>43154.958333333336</v>
      </c>
      <c r="Y1297">
        <v>225334.15210000001</v>
      </c>
      <c r="Z1297">
        <v>17333.169030000001</v>
      </c>
      <c r="AA1297">
        <v>49269.205410000002</v>
      </c>
      <c r="AB1297">
        <v>41774.574869999997</v>
      </c>
      <c r="AC1297">
        <v>40364.089269999997</v>
      </c>
      <c r="AD1297">
        <v>28367.710749999998</v>
      </c>
      <c r="AE1297">
        <v>36741.209589999999</v>
      </c>
      <c r="AF1297">
        <v>53810.433299999997</v>
      </c>
      <c r="AG1297">
        <v>24468.747309999999</v>
      </c>
      <c r="AH1297">
        <v>273866.98869999999</v>
      </c>
      <c r="AI1297">
        <v>79785.916060000003</v>
      </c>
      <c r="AJ1297">
        <v>23989.302220000001</v>
      </c>
      <c r="AK1297">
        <v>39899.234709999997</v>
      </c>
      <c r="AL1297">
        <v>69051.907600000006</v>
      </c>
      <c r="AM1297">
        <v>31100.388599999998</v>
      </c>
      <c r="AN1297">
        <v>82501.428010000003</v>
      </c>
      <c r="AO1297">
        <v>31268.185290000001</v>
      </c>
      <c r="AP1297">
        <v>17716.462459999999</v>
      </c>
    </row>
    <row r="1298" spans="2:42" x14ac:dyDescent="0.3">
      <c r="B1298">
        <v>52.239245105586228</v>
      </c>
      <c r="C1298" s="83">
        <v>43155</v>
      </c>
      <c r="D1298">
        <v>220652.01190000001</v>
      </c>
      <c r="E1298">
        <v>16966.680110000001</v>
      </c>
      <c r="F1298">
        <v>48675.112439999997</v>
      </c>
      <c r="G1298">
        <v>41452.252529999998</v>
      </c>
      <c r="H1298">
        <v>39981.945379999997</v>
      </c>
      <c r="I1298">
        <v>26011.103220000001</v>
      </c>
      <c r="J1298">
        <v>35038.924579999999</v>
      </c>
      <c r="K1298">
        <v>52628.993020000002</v>
      </c>
      <c r="L1298">
        <v>21313.937999999998</v>
      </c>
      <c r="M1298">
        <v>266340.03289999999</v>
      </c>
      <c r="N1298">
        <v>78144.552830000001</v>
      </c>
      <c r="O1298">
        <v>23866.843870000001</v>
      </c>
      <c r="P1298">
        <v>37301.897839999998</v>
      </c>
      <c r="Q1298">
        <v>67332.641799999998</v>
      </c>
      <c r="R1298">
        <v>27514.132089999999</v>
      </c>
      <c r="S1298">
        <v>82181.133289999998</v>
      </c>
      <c r="T1298">
        <v>30166.671729999998</v>
      </c>
      <c r="U1298">
        <v>17123.74423</v>
      </c>
      <c r="W1298" s="83">
        <f>Bühler!N1330</f>
        <v>45345.999999996857</v>
      </c>
      <c r="X1298" s="83">
        <v>43155</v>
      </c>
      <c r="Y1298">
        <v>220652.01190000001</v>
      </c>
      <c r="Z1298">
        <v>16966.680110000001</v>
      </c>
      <c r="AA1298">
        <v>48675.112439999997</v>
      </c>
      <c r="AB1298">
        <v>41452.252529999998</v>
      </c>
      <c r="AC1298">
        <v>39981.945379999997</v>
      </c>
      <c r="AD1298">
        <v>26011.103220000001</v>
      </c>
      <c r="AE1298">
        <v>35038.924579999999</v>
      </c>
      <c r="AF1298">
        <v>52628.993020000002</v>
      </c>
      <c r="AG1298">
        <v>21313.937999999998</v>
      </c>
      <c r="AH1298">
        <v>266340.03289999999</v>
      </c>
      <c r="AI1298">
        <v>78144.552830000001</v>
      </c>
      <c r="AJ1298">
        <v>23866.843870000001</v>
      </c>
      <c r="AK1298">
        <v>37301.897839999998</v>
      </c>
      <c r="AL1298">
        <v>67332.641799999998</v>
      </c>
      <c r="AM1298">
        <v>27514.132089999999</v>
      </c>
      <c r="AN1298">
        <v>82181.133289999998</v>
      </c>
      <c r="AO1298">
        <v>30166.671729999998</v>
      </c>
      <c r="AP1298">
        <v>17123.74423</v>
      </c>
    </row>
    <row r="1299" spans="2:42" x14ac:dyDescent="0.3">
      <c r="B1299">
        <v>52.033003398870044</v>
      </c>
      <c r="C1299" s="83">
        <v>43155.041666666664</v>
      </c>
      <c r="D1299">
        <v>217209.46</v>
      </c>
      <c r="E1299">
        <v>16875.347720000002</v>
      </c>
      <c r="F1299">
        <v>48829.020100000002</v>
      </c>
      <c r="G1299">
        <v>40917.775130000002</v>
      </c>
      <c r="H1299">
        <v>39715.17914</v>
      </c>
      <c r="I1299">
        <v>22609.481090000001</v>
      </c>
      <c r="J1299">
        <v>34248.721380000003</v>
      </c>
      <c r="K1299">
        <v>51512.447849999997</v>
      </c>
      <c r="L1299">
        <v>20696.60903</v>
      </c>
      <c r="M1299">
        <v>265288.51650000003</v>
      </c>
      <c r="N1299">
        <v>77921.326159999997</v>
      </c>
      <c r="O1299">
        <v>23424.90828</v>
      </c>
      <c r="P1299">
        <v>36037.977310000002</v>
      </c>
      <c r="Q1299">
        <v>67728.826149999994</v>
      </c>
      <c r="R1299">
        <v>25381.63941</v>
      </c>
      <c r="S1299">
        <v>81132.514890000006</v>
      </c>
      <c r="T1299">
        <v>29522.83323</v>
      </c>
      <c r="U1299">
        <v>17489.793750000001</v>
      </c>
      <c r="W1299" s="83">
        <f>Bühler!N1331</f>
        <v>45346.041666663521</v>
      </c>
      <c r="X1299" s="83">
        <v>43155.041666666664</v>
      </c>
      <c r="Y1299">
        <v>217209.46</v>
      </c>
      <c r="Z1299">
        <v>16875.347720000002</v>
      </c>
      <c r="AA1299">
        <v>48829.020100000002</v>
      </c>
      <c r="AB1299">
        <v>40917.775130000002</v>
      </c>
      <c r="AC1299">
        <v>39715.17914</v>
      </c>
      <c r="AD1299">
        <v>22609.481090000001</v>
      </c>
      <c r="AE1299">
        <v>34248.721380000003</v>
      </c>
      <c r="AF1299">
        <v>51512.447849999997</v>
      </c>
      <c r="AG1299">
        <v>20696.60903</v>
      </c>
      <c r="AH1299">
        <v>265288.51650000003</v>
      </c>
      <c r="AI1299">
        <v>77921.326159999997</v>
      </c>
      <c r="AJ1299">
        <v>23424.90828</v>
      </c>
      <c r="AK1299">
        <v>36037.977310000002</v>
      </c>
      <c r="AL1299">
        <v>67728.826149999994</v>
      </c>
      <c r="AM1299">
        <v>25381.63941</v>
      </c>
      <c r="AN1299">
        <v>81132.514890000006</v>
      </c>
      <c r="AO1299">
        <v>29522.83323</v>
      </c>
      <c r="AP1299">
        <v>17489.793750000001</v>
      </c>
    </row>
    <row r="1300" spans="2:42" x14ac:dyDescent="0.3">
      <c r="B1300">
        <v>51.318492415435223</v>
      </c>
      <c r="C1300" s="83">
        <v>43155.083333333336</v>
      </c>
      <c r="D1300">
        <v>212653.8659</v>
      </c>
      <c r="E1300">
        <v>16835.923790000001</v>
      </c>
      <c r="F1300">
        <v>49707.74252</v>
      </c>
      <c r="G1300">
        <v>40683.810839999998</v>
      </c>
      <c r="H1300">
        <v>39346.839339999999</v>
      </c>
      <c r="I1300">
        <v>19734.7713</v>
      </c>
      <c r="J1300">
        <v>34127.186560000002</v>
      </c>
      <c r="K1300">
        <v>49764.409090000001</v>
      </c>
      <c r="L1300">
        <v>20195.565490000001</v>
      </c>
      <c r="M1300">
        <v>261645.60630000001</v>
      </c>
      <c r="N1300">
        <v>76698.456770000004</v>
      </c>
      <c r="O1300">
        <v>23320.855179999999</v>
      </c>
      <c r="P1300">
        <v>34649.85929</v>
      </c>
      <c r="Q1300">
        <v>66867.273719999997</v>
      </c>
      <c r="R1300">
        <v>25007.414560000001</v>
      </c>
      <c r="S1300">
        <v>80140.789850000001</v>
      </c>
      <c r="T1300">
        <v>28584.9427</v>
      </c>
      <c r="U1300">
        <v>17754.104230000001</v>
      </c>
      <c r="W1300" s="83">
        <f>Bühler!N1332</f>
        <v>45346.083333330185</v>
      </c>
      <c r="X1300" s="83">
        <v>43155.083333333336</v>
      </c>
      <c r="Y1300">
        <v>212653.8659</v>
      </c>
      <c r="Z1300">
        <v>16835.923790000001</v>
      </c>
      <c r="AA1300">
        <v>49707.74252</v>
      </c>
      <c r="AB1300">
        <v>40683.810839999998</v>
      </c>
      <c r="AC1300">
        <v>39346.839339999999</v>
      </c>
      <c r="AD1300">
        <v>19734.7713</v>
      </c>
      <c r="AE1300">
        <v>34127.186560000002</v>
      </c>
      <c r="AF1300">
        <v>49764.409090000001</v>
      </c>
      <c r="AG1300">
        <v>20195.565490000001</v>
      </c>
      <c r="AH1300">
        <v>261645.60630000001</v>
      </c>
      <c r="AI1300">
        <v>76698.456770000004</v>
      </c>
      <c r="AJ1300">
        <v>23320.855179999999</v>
      </c>
      <c r="AK1300">
        <v>34649.85929</v>
      </c>
      <c r="AL1300">
        <v>66867.273719999997</v>
      </c>
      <c r="AM1300">
        <v>25007.414560000001</v>
      </c>
      <c r="AN1300">
        <v>80140.789850000001</v>
      </c>
      <c r="AO1300">
        <v>28584.9427</v>
      </c>
      <c r="AP1300">
        <v>17754.104230000001</v>
      </c>
    </row>
    <row r="1301" spans="2:42" x14ac:dyDescent="0.3">
      <c r="B1301">
        <v>50.198909953347112</v>
      </c>
      <c r="C1301" s="83">
        <v>43155.125</v>
      </c>
      <c r="D1301">
        <v>207018.6721</v>
      </c>
      <c r="E1301">
        <v>16917.11449</v>
      </c>
      <c r="F1301">
        <v>50908.610990000001</v>
      </c>
      <c r="G1301">
        <v>40128.997410000004</v>
      </c>
      <c r="H1301">
        <v>39470.302949999998</v>
      </c>
      <c r="I1301">
        <v>19051.476480000001</v>
      </c>
      <c r="J1301">
        <v>34344.813670000003</v>
      </c>
      <c r="K1301">
        <v>47580.229509999997</v>
      </c>
      <c r="L1301">
        <v>19229.90929</v>
      </c>
      <c r="M1301">
        <v>255937.4528</v>
      </c>
      <c r="N1301">
        <v>76735.673420000006</v>
      </c>
      <c r="O1301">
        <v>23523.88105</v>
      </c>
      <c r="P1301">
        <v>34073.75748</v>
      </c>
      <c r="Q1301">
        <v>65511.268810000001</v>
      </c>
      <c r="R1301">
        <v>24561.8138</v>
      </c>
      <c r="S1301">
        <v>79542.947560000001</v>
      </c>
      <c r="T1301">
        <v>28781.687480000001</v>
      </c>
      <c r="U1301">
        <v>17985.069759999998</v>
      </c>
      <c r="W1301" s="83">
        <f>Bühler!N1333</f>
        <v>45346.12499999685</v>
      </c>
      <c r="X1301" s="83">
        <v>43155.125</v>
      </c>
      <c r="Y1301">
        <v>207018.6721</v>
      </c>
      <c r="Z1301">
        <v>16917.11449</v>
      </c>
      <c r="AA1301">
        <v>50908.610990000001</v>
      </c>
      <c r="AB1301">
        <v>40128.997410000004</v>
      </c>
      <c r="AC1301">
        <v>39470.302949999998</v>
      </c>
      <c r="AD1301">
        <v>19051.476480000001</v>
      </c>
      <c r="AE1301">
        <v>34344.813670000003</v>
      </c>
      <c r="AF1301">
        <v>47580.229509999997</v>
      </c>
      <c r="AG1301">
        <v>19229.90929</v>
      </c>
      <c r="AH1301">
        <v>255937.4528</v>
      </c>
      <c r="AI1301">
        <v>76735.673420000006</v>
      </c>
      <c r="AJ1301">
        <v>23523.88105</v>
      </c>
      <c r="AK1301">
        <v>34073.75748</v>
      </c>
      <c r="AL1301">
        <v>65511.268810000001</v>
      </c>
      <c r="AM1301">
        <v>24561.8138</v>
      </c>
      <c r="AN1301">
        <v>79542.947560000001</v>
      </c>
      <c r="AO1301">
        <v>28781.687480000001</v>
      </c>
      <c r="AP1301">
        <v>17985.069759999998</v>
      </c>
    </row>
    <row r="1302" spans="2:42" x14ac:dyDescent="0.3">
      <c r="B1302">
        <v>49.151382375092773</v>
      </c>
      <c r="C1302" s="83">
        <v>43155.166666666664</v>
      </c>
      <c r="D1302">
        <v>199940.26579999999</v>
      </c>
      <c r="E1302">
        <v>17083.24956</v>
      </c>
      <c r="F1302">
        <v>54239.066830000003</v>
      </c>
      <c r="G1302">
        <v>39268.515740000003</v>
      </c>
      <c r="H1302">
        <v>39732.318319999998</v>
      </c>
      <c r="I1302">
        <v>21313.369149999999</v>
      </c>
      <c r="J1302">
        <v>36601.168830000002</v>
      </c>
      <c r="K1302">
        <v>46368.388149999999</v>
      </c>
      <c r="L1302">
        <v>19096.309310000001</v>
      </c>
      <c r="M1302">
        <v>250596.66870000001</v>
      </c>
      <c r="N1302">
        <v>76584.803669999994</v>
      </c>
      <c r="O1302">
        <v>23820.539659999999</v>
      </c>
      <c r="P1302">
        <v>33319.071759999999</v>
      </c>
      <c r="Q1302">
        <v>64724.370519999997</v>
      </c>
      <c r="R1302">
        <v>25396.03904</v>
      </c>
      <c r="S1302">
        <v>80585.225659999996</v>
      </c>
      <c r="T1302">
        <v>28865.44484</v>
      </c>
      <c r="U1302">
        <v>18186.227770000001</v>
      </c>
      <c r="W1302" s="83">
        <f>Bühler!N1334</f>
        <v>45346.166666663514</v>
      </c>
      <c r="X1302" s="83">
        <v>43155.166666666664</v>
      </c>
      <c r="Y1302">
        <v>199940.26579999999</v>
      </c>
      <c r="Z1302">
        <v>17083.24956</v>
      </c>
      <c r="AA1302">
        <v>54239.066830000003</v>
      </c>
      <c r="AB1302">
        <v>39268.515740000003</v>
      </c>
      <c r="AC1302">
        <v>39732.318319999998</v>
      </c>
      <c r="AD1302">
        <v>21313.369149999999</v>
      </c>
      <c r="AE1302">
        <v>36601.168830000002</v>
      </c>
      <c r="AF1302">
        <v>46368.388149999999</v>
      </c>
      <c r="AG1302">
        <v>19096.309310000001</v>
      </c>
      <c r="AH1302">
        <v>250596.66870000001</v>
      </c>
      <c r="AI1302">
        <v>76584.803669999994</v>
      </c>
      <c r="AJ1302">
        <v>23820.539659999999</v>
      </c>
      <c r="AK1302">
        <v>33319.071759999999</v>
      </c>
      <c r="AL1302">
        <v>64724.370519999997</v>
      </c>
      <c r="AM1302">
        <v>25396.03904</v>
      </c>
      <c r="AN1302">
        <v>80585.225659999996</v>
      </c>
      <c r="AO1302">
        <v>28865.44484</v>
      </c>
      <c r="AP1302">
        <v>18186.227770000001</v>
      </c>
    </row>
    <row r="1303" spans="2:42" x14ac:dyDescent="0.3">
      <c r="B1303">
        <v>48.419967406376976</v>
      </c>
      <c r="C1303" s="83">
        <v>43155.208333333336</v>
      </c>
      <c r="D1303">
        <v>197090.17869999999</v>
      </c>
      <c r="E1303">
        <v>17836.497029999999</v>
      </c>
      <c r="F1303">
        <v>66190.627290000004</v>
      </c>
      <c r="G1303">
        <v>39678.127990000001</v>
      </c>
      <c r="H1303">
        <v>40016.385459999998</v>
      </c>
      <c r="I1303">
        <v>29296.98645</v>
      </c>
      <c r="J1303">
        <v>39615.740669999999</v>
      </c>
      <c r="K1303">
        <v>46438.885320000001</v>
      </c>
      <c r="L1303">
        <v>20034.790219999999</v>
      </c>
      <c r="M1303">
        <v>246867.5741</v>
      </c>
      <c r="N1303">
        <v>74137.081059999997</v>
      </c>
      <c r="O1303">
        <v>23975.898580000001</v>
      </c>
      <c r="P1303">
        <v>33772.230600000003</v>
      </c>
      <c r="Q1303">
        <v>64762.975229999996</v>
      </c>
      <c r="R1303">
        <v>27277.817159999999</v>
      </c>
      <c r="S1303">
        <v>81676.787089999998</v>
      </c>
      <c r="T1303">
        <v>29723.507280000002</v>
      </c>
      <c r="U1303">
        <v>18371.818810000001</v>
      </c>
      <c r="W1303" s="83">
        <f>Bühler!N1335</f>
        <v>45346.208333330178</v>
      </c>
      <c r="X1303" s="83">
        <v>43155.208333333336</v>
      </c>
      <c r="Y1303">
        <v>197090.17869999999</v>
      </c>
      <c r="Z1303">
        <v>17836.497029999999</v>
      </c>
      <c r="AA1303">
        <v>66190.627290000004</v>
      </c>
      <c r="AB1303">
        <v>39678.127990000001</v>
      </c>
      <c r="AC1303">
        <v>40016.385459999998</v>
      </c>
      <c r="AD1303">
        <v>29296.98645</v>
      </c>
      <c r="AE1303">
        <v>39615.740669999999</v>
      </c>
      <c r="AF1303">
        <v>46438.885320000001</v>
      </c>
      <c r="AG1303">
        <v>20034.790219999999</v>
      </c>
      <c r="AH1303">
        <v>246867.5741</v>
      </c>
      <c r="AI1303">
        <v>74137.081059999997</v>
      </c>
      <c r="AJ1303">
        <v>23975.898580000001</v>
      </c>
      <c r="AK1303">
        <v>33772.230600000003</v>
      </c>
      <c r="AL1303">
        <v>64762.975229999996</v>
      </c>
      <c r="AM1303">
        <v>27277.817159999999</v>
      </c>
      <c r="AN1303">
        <v>81676.787089999998</v>
      </c>
      <c r="AO1303">
        <v>29723.507280000002</v>
      </c>
      <c r="AP1303">
        <v>18371.818810000001</v>
      </c>
    </row>
    <row r="1304" spans="2:42" x14ac:dyDescent="0.3">
      <c r="B1304">
        <v>48.852039514389567</v>
      </c>
      <c r="C1304" s="83">
        <v>43155.25</v>
      </c>
      <c r="D1304">
        <v>198877.05549999999</v>
      </c>
      <c r="E1304">
        <v>19868.372299999999</v>
      </c>
      <c r="F1304">
        <v>76508.626279999997</v>
      </c>
      <c r="G1304">
        <v>40996.504560000001</v>
      </c>
      <c r="H1304">
        <v>40939.831489999997</v>
      </c>
      <c r="I1304">
        <v>32672.993119999999</v>
      </c>
      <c r="J1304">
        <v>42832.449390000002</v>
      </c>
      <c r="K1304">
        <v>44751.889069999997</v>
      </c>
      <c r="L1304">
        <v>21065.197950000002</v>
      </c>
      <c r="M1304">
        <v>249070.4792</v>
      </c>
      <c r="N1304">
        <v>73250.657470000006</v>
      </c>
      <c r="O1304">
        <v>23251.651040000001</v>
      </c>
      <c r="P1304">
        <v>33487.903050000001</v>
      </c>
      <c r="Q1304">
        <v>63545.767330000002</v>
      </c>
      <c r="R1304">
        <v>18571.47006</v>
      </c>
      <c r="S1304">
        <v>86471.546660000007</v>
      </c>
      <c r="T1304">
        <v>31440.814439999998</v>
      </c>
      <c r="U1304">
        <v>17574.11825</v>
      </c>
      <c r="W1304" s="83">
        <f>Bühler!N1336</f>
        <v>45346.249999996842</v>
      </c>
      <c r="X1304" s="83">
        <v>43155.25</v>
      </c>
      <c r="Y1304">
        <v>198877.05549999999</v>
      </c>
      <c r="Z1304">
        <v>19868.372299999999</v>
      </c>
      <c r="AA1304">
        <v>76508.626279999997</v>
      </c>
      <c r="AB1304">
        <v>40996.504560000001</v>
      </c>
      <c r="AC1304">
        <v>40939.831489999997</v>
      </c>
      <c r="AD1304">
        <v>32672.993119999999</v>
      </c>
      <c r="AE1304">
        <v>42832.449390000002</v>
      </c>
      <c r="AF1304">
        <v>44751.889069999997</v>
      </c>
      <c r="AG1304">
        <v>21065.197950000002</v>
      </c>
      <c r="AH1304">
        <v>249070.4792</v>
      </c>
      <c r="AI1304">
        <v>73250.657470000006</v>
      </c>
      <c r="AJ1304">
        <v>23251.651040000001</v>
      </c>
      <c r="AK1304">
        <v>33487.903050000001</v>
      </c>
      <c r="AL1304">
        <v>63545.767330000002</v>
      </c>
      <c r="AM1304">
        <v>18571.47006</v>
      </c>
      <c r="AN1304">
        <v>86471.546660000007</v>
      </c>
      <c r="AO1304">
        <v>31440.814439999998</v>
      </c>
      <c r="AP1304">
        <v>17574.11825</v>
      </c>
    </row>
    <row r="1305" spans="2:42" x14ac:dyDescent="0.3">
      <c r="B1305">
        <v>48.286225148555488</v>
      </c>
      <c r="C1305" s="83">
        <v>43155.291666666664</v>
      </c>
      <c r="D1305">
        <v>198898.01869999999</v>
      </c>
      <c r="E1305">
        <v>22837.738600000001</v>
      </c>
      <c r="F1305">
        <v>79768.402470000001</v>
      </c>
      <c r="G1305">
        <v>41971.5052</v>
      </c>
      <c r="H1305">
        <v>41627.597399999999</v>
      </c>
      <c r="I1305">
        <v>35157.902099999999</v>
      </c>
      <c r="J1305">
        <v>44119.45276</v>
      </c>
      <c r="K1305">
        <v>44993.326659999999</v>
      </c>
      <c r="L1305">
        <v>22945.348190000001</v>
      </c>
      <c r="M1305">
        <v>246185.6937</v>
      </c>
      <c r="N1305">
        <v>74997.760639999993</v>
      </c>
      <c r="O1305">
        <v>24019.426009999999</v>
      </c>
      <c r="P1305">
        <v>37070.758930000004</v>
      </c>
      <c r="Q1305">
        <v>61442.463770000002</v>
      </c>
      <c r="R1305">
        <v>18046.981360000002</v>
      </c>
      <c r="S1305">
        <v>94394.445860000007</v>
      </c>
      <c r="T1305">
        <v>30749.799599999998</v>
      </c>
      <c r="U1305">
        <v>17778.82645</v>
      </c>
      <c r="W1305" s="83">
        <f>Bühler!N1337</f>
        <v>45346.291666663506</v>
      </c>
      <c r="X1305" s="83">
        <v>43155.291666666664</v>
      </c>
      <c r="Y1305">
        <v>198898.01869999999</v>
      </c>
      <c r="Z1305">
        <v>22837.738600000001</v>
      </c>
      <c r="AA1305">
        <v>79768.402470000001</v>
      </c>
      <c r="AB1305">
        <v>41971.5052</v>
      </c>
      <c r="AC1305">
        <v>41627.597399999999</v>
      </c>
      <c r="AD1305">
        <v>35157.902099999999</v>
      </c>
      <c r="AE1305">
        <v>44119.45276</v>
      </c>
      <c r="AF1305">
        <v>44993.326659999999</v>
      </c>
      <c r="AG1305">
        <v>22945.348190000001</v>
      </c>
      <c r="AH1305">
        <v>246185.6937</v>
      </c>
      <c r="AI1305">
        <v>74997.760639999993</v>
      </c>
      <c r="AJ1305">
        <v>24019.426009999999</v>
      </c>
      <c r="AK1305">
        <v>37070.758930000004</v>
      </c>
      <c r="AL1305">
        <v>61442.463770000002</v>
      </c>
      <c r="AM1305">
        <v>18046.981360000002</v>
      </c>
      <c r="AN1305">
        <v>94394.445860000007</v>
      </c>
      <c r="AO1305">
        <v>30749.799599999998</v>
      </c>
      <c r="AP1305">
        <v>17778.82645</v>
      </c>
    </row>
    <row r="1306" spans="2:42" x14ac:dyDescent="0.3">
      <c r="B1306">
        <v>47.722657987906572</v>
      </c>
      <c r="C1306" s="83">
        <v>43155.333333333336</v>
      </c>
      <c r="D1306">
        <v>196531.48579999999</v>
      </c>
      <c r="E1306">
        <v>24956.452300000001</v>
      </c>
      <c r="F1306">
        <v>84452.106169999999</v>
      </c>
      <c r="G1306">
        <v>41205.191579999999</v>
      </c>
      <c r="H1306">
        <v>40771.607470000003</v>
      </c>
      <c r="I1306">
        <v>35833.289920000003</v>
      </c>
      <c r="J1306">
        <v>43524.979399999997</v>
      </c>
      <c r="K1306">
        <v>45259.842019999996</v>
      </c>
      <c r="L1306">
        <v>25680.45074</v>
      </c>
      <c r="M1306">
        <v>243312.36550000001</v>
      </c>
      <c r="N1306">
        <v>75669.384779999993</v>
      </c>
      <c r="O1306">
        <v>23681.223310000001</v>
      </c>
      <c r="P1306">
        <v>39053.361649999999</v>
      </c>
      <c r="Q1306">
        <v>60030.061659999999</v>
      </c>
      <c r="R1306">
        <v>18298.04135</v>
      </c>
      <c r="S1306">
        <v>96862.790729999993</v>
      </c>
      <c r="T1306">
        <v>32346.6803</v>
      </c>
      <c r="U1306">
        <v>17228.04711</v>
      </c>
      <c r="W1306" s="83">
        <f>Bühler!N1338</f>
        <v>45346.333333330171</v>
      </c>
      <c r="X1306" s="83">
        <v>43155.333333333336</v>
      </c>
      <c r="Y1306">
        <v>196531.48579999999</v>
      </c>
      <c r="Z1306">
        <v>24956.452300000001</v>
      </c>
      <c r="AA1306">
        <v>84452.106169999999</v>
      </c>
      <c r="AB1306">
        <v>41205.191579999999</v>
      </c>
      <c r="AC1306">
        <v>40771.607470000003</v>
      </c>
      <c r="AD1306">
        <v>35833.289920000003</v>
      </c>
      <c r="AE1306">
        <v>43524.979399999997</v>
      </c>
      <c r="AF1306">
        <v>45259.842019999996</v>
      </c>
      <c r="AG1306">
        <v>25680.45074</v>
      </c>
      <c r="AH1306">
        <v>243312.36550000001</v>
      </c>
      <c r="AI1306">
        <v>75669.384779999993</v>
      </c>
      <c r="AJ1306">
        <v>23681.223310000001</v>
      </c>
      <c r="AK1306">
        <v>39053.361649999999</v>
      </c>
      <c r="AL1306">
        <v>60030.061659999999</v>
      </c>
      <c r="AM1306">
        <v>18298.04135</v>
      </c>
      <c r="AN1306">
        <v>96862.790729999993</v>
      </c>
      <c r="AO1306">
        <v>32346.6803</v>
      </c>
      <c r="AP1306">
        <v>17228.04711</v>
      </c>
    </row>
    <row r="1307" spans="2:42" x14ac:dyDescent="0.3">
      <c r="B1307">
        <v>46.737527291118745</v>
      </c>
      <c r="C1307" s="83">
        <v>43155.375</v>
      </c>
      <c r="D1307">
        <v>194476.22519999999</v>
      </c>
      <c r="E1307">
        <v>28571.54291</v>
      </c>
      <c r="F1307">
        <v>90148.922170000005</v>
      </c>
      <c r="G1307">
        <v>41387.722739999997</v>
      </c>
      <c r="H1307">
        <v>40363.084490000001</v>
      </c>
      <c r="I1307">
        <v>34856.122380000001</v>
      </c>
      <c r="J1307">
        <v>43413.736669999998</v>
      </c>
      <c r="K1307">
        <v>44372.59158</v>
      </c>
      <c r="L1307">
        <v>27565.434239999999</v>
      </c>
      <c r="M1307">
        <v>238289.70980000001</v>
      </c>
      <c r="N1307">
        <v>80439.178920000006</v>
      </c>
      <c r="O1307">
        <v>23679.682799999999</v>
      </c>
      <c r="P1307">
        <v>39915.507729999998</v>
      </c>
      <c r="Q1307">
        <v>58776.281770000001</v>
      </c>
      <c r="R1307">
        <v>17468.656989999999</v>
      </c>
      <c r="S1307">
        <v>98654.204710000005</v>
      </c>
      <c r="T1307">
        <v>32787.3727</v>
      </c>
      <c r="U1307">
        <v>17004.77594</v>
      </c>
      <c r="W1307" s="83">
        <f>Bühler!N1339</f>
        <v>45346.374999996835</v>
      </c>
      <c r="X1307" s="83">
        <v>43155.375</v>
      </c>
      <c r="Y1307">
        <v>194476.22519999999</v>
      </c>
      <c r="Z1307">
        <v>28571.54291</v>
      </c>
      <c r="AA1307">
        <v>90148.922170000005</v>
      </c>
      <c r="AB1307">
        <v>41387.722739999997</v>
      </c>
      <c r="AC1307">
        <v>40363.084490000001</v>
      </c>
      <c r="AD1307">
        <v>34856.122380000001</v>
      </c>
      <c r="AE1307">
        <v>43413.736669999998</v>
      </c>
      <c r="AF1307">
        <v>44372.59158</v>
      </c>
      <c r="AG1307">
        <v>27565.434239999999</v>
      </c>
      <c r="AH1307">
        <v>238289.70980000001</v>
      </c>
      <c r="AI1307">
        <v>80439.178920000006</v>
      </c>
      <c r="AJ1307">
        <v>23679.682799999999</v>
      </c>
      <c r="AK1307">
        <v>39915.507729999998</v>
      </c>
      <c r="AL1307">
        <v>58776.281770000001</v>
      </c>
      <c r="AM1307">
        <v>17468.656989999999</v>
      </c>
      <c r="AN1307">
        <v>98654.204710000005</v>
      </c>
      <c r="AO1307">
        <v>32787.3727</v>
      </c>
      <c r="AP1307">
        <v>17004.77594</v>
      </c>
    </row>
    <row r="1308" spans="2:42" x14ac:dyDescent="0.3">
      <c r="B1308">
        <v>47.040678885409186</v>
      </c>
      <c r="C1308" s="83">
        <v>43155.416666666664</v>
      </c>
      <c r="D1308">
        <v>192499.24950000001</v>
      </c>
      <c r="E1308">
        <v>29993.993699999999</v>
      </c>
      <c r="F1308">
        <v>89483.97236</v>
      </c>
      <c r="G1308">
        <v>41318.840129999997</v>
      </c>
      <c r="H1308">
        <v>41268.273289999997</v>
      </c>
      <c r="I1308">
        <v>33447.889750000002</v>
      </c>
      <c r="J1308">
        <v>41886.31106</v>
      </c>
      <c r="K1308">
        <v>45809.531649999997</v>
      </c>
      <c r="L1308">
        <v>30248.000759999999</v>
      </c>
      <c r="M1308">
        <v>239835.318</v>
      </c>
      <c r="N1308">
        <v>83593.160229999994</v>
      </c>
      <c r="O1308">
        <v>23287.277529999999</v>
      </c>
      <c r="P1308">
        <v>41927.552150000003</v>
      </c>
      <c r="Q1308">
        <v>58117.832349999997</v>
      </c>
      <c r="R1308">
        <v>18236.127970000001</v>
      </c>
      <c r="S1308">
        <v>97979.814410000006</v>
      </c>
      <c r="T1308">
        <v>34299.009669999999</v>
      </c>
      <c r="U1308">
        <v>16627.292460000001</v>
      </c>
      <c r="W1308" s="83">
        <f>Bühler!N1340</f>
        <v>45346.416666663499</v>
      </c>
      <c r="X1308" s="83">
        <v>43155.416666666664</v>
      </c>
      <c r="Y1308">
        <v>192499.24950000001</v>
      </c>
      <c r="Z1308">
        <v>29993.993699999999</v>
      </c>
      <c r="AA1308">
        <v>89483.97236</v>
      </c>
      <c r="AB1308">
        <v>41318.840129999997</v>
      </c>
      <c r="AC1308">
        <v>41268.273289999997</v>
      </c>
      <c r="AD1308">
        <v>33447.889750000002</v>
      </c>
      <c r="AE1308">
        <v>41886.31106</v>
      </c>
      <c r="AF1308">
        <v>45809.531649999997</v>
      </c>
      <c r="AG1308">
        <v>30248.000759999999</v>
      </c>
      <c r="AH1308">
        <v>239835.318</v>
      </c>
      <c r="AI1308">
        <v>83593.160229999994</v>
      </c>
      <c r="AJ1308">
        <v>23287.277529999999</v>
      </c>
      <c r="AK1308">
        <v>41927.552150000003</v>
      </c>
      <c r="AL1308">
        <v>58117.832349999997</v>
      </c>
      <c r="AM1308">
        <v>18236.127970000001</v>
      </c>
      <c r="AN1308">
        <v>97979.814410000006</v>
      </c>
      <c r="AO1308">
        <v>34299.009669999999</v>
      </c>
      <c r="AP1308">
        <v>16627.292460000001</v>
      </c>
    </row>
    <row r="1309" spans="2:42" x14ac:dyDescent="0.3">
      <c r="B1309">
        <v>46.979232328937492</v>
      </c>
      <c r="C1309" s="83">
        <v>43155.458333333336</v>
      </c>
      <c r="D1309">
        <v>188652.80369999999</v>
      </c>
      <c r="E1309">
        <v>30087.572919999999</v>
      </c>
      <c r="F1309">
        <v>91196.434720000005</v>
      </c>
      <c r="G1309">
        <v>40903.054300000003</v>
      </c>
      <c r="H1309">
        <v>41708.657610000002</v>
      </c>
      <c r="I1309">
        <v>33598.364450000001</v>
      </c>
      <c r="J1309">
        <v>41744.898090000002</v>
      </c>
      <c r="K1309">
        <v>50301.091899999999</v>
      </c>
      <c r="L1309">
        <v>32171.49265</v>
      </c>
      <c r="M1309">
        <v>239522.03479999999</v>
      </c>
      <c r="N1309">
        <v>84710.141900000002</v>
      </c>
      <c r="O1309">
        <v>23722.8462</v>
      </c>
      <c r="P1309">
        <v>41324.082820000003</v>
      </c>
      <c r="Q1309">
        <v>57224.655330000001</v>
      </c>
      <c r="R1309">
        <v>22149.71558</v>
      </c>
      <c r="S1309">
        <v>99573.301269999996</v>
      </c>
      <c r="T1309">
        <v>35288.153299999998</v>
      </c>
      <c r="U1309">
        <v>16578.691910000001</v>
      </c>
      <c r="W1309" s="83">
        <f>Bühler!N1341</f>
        <v>45346.458333330163</v>
      </c>
      <c r="X1309" s="83">
        <v>43155.458333333336</v>
      </c>
      <c r="Y1309">
        <v>188652.80369999999</v>
      </c>
      <c r="Z1309">
        <v>30087.572919999999</v>
      </c>
      <c r="AA1309">
        <v>91196.434720000005</v>
      </c>
      <c r="AB1309">
        <v>40903.054300000003</v>
      </c>
      <c r="AC1309">
        <v>41708.657610000002</v>
      </c>
      <c r="AD1309">
        <v>33598.364450000001</v>
      </c>
      <c r="AE1309">
        <v>41744.898090000002</v>
      </c>
      <c r="AF1309">
        <v>50301.091899999999</v>
      </c>
      <c r="AG1309">
        <v>32171.49265</v>
      </c>
      <c r="AH1309">
        <v>239522.03479999999</v>
      </c>
      <c r="AI1309">
        <v>84710.141900000002</v>
      </c>
      <c r="AJ1309">
        <v>23722.8462</v>
      </c>
      <c r="AK1309">
        <v>41324.082820000003</v>
      </c>
      <c r="AL1309">
        <v>57224.655330000001</v>
      </c>
      <c r="AM1309">
        <v>22149.71558</v>
      </c>
      <c r="AN1309">
        <v>99573.301269999996</v>
      </c>
      <c r="AO1309">
        <v>35288.153299999998</v>
      </c>
      <c r="AP1309">
        <v>16578.691910000001</v>
      </c>
    </row>
    <row r="1310" spans="2:42" x14ac:dyDescent="0.3">
      <c r="B1310">
        <v>46.002319044443873</v>
      </c>
      <c r="C1310" s="83">
        <v>43155.5</v>
      </c>
      <c r="D1310">
        <v>182043.7378</v>
      </c>
      <c r="E1310">
        <v>28313.105629999998</v>
      </c>
      <c r="F1310">
        <v>89111.365489999996</v>
      </c>
      <c r="G1310">
        <v>40222.39703</v>
      </c>
      <c r="H1310">
        <v>40737.319839999996</v>
      </c>
      <c r="I1310">
        <v>32696.288960000002</v>
      </c>
      <c r="J1310">
        <v>42162.790410000001</v>
      </c>
      <c r="K1310">
        <v>49983.305390000001</v>
      </c>
      <c r="L1310">
        <v>33901.989289999998</v>
      </c>
      <c r="M1310">
        <v>234541.27530000001</v>
      </c>
      <c r="N1310">
        <v>82867.822029999996</v>
      </c>
      <c r="O1310">
        <v>23099.914710000001</v>
      </c>
      <c r="P1310">
        <v>41389.622439999999</v>
      </c>
      <c r="Q1310">
        <v>55118.243750000001</v>
      </c>
      <c r="R1310">
        <v>20623.445169999999</v>
      </c>
      <c r="S1310">
        <v>94249.323520000005</v>
      </c>
      <c r="T1310">
        <v>34686.452640000003</v>
      </c>
      <c r="U1310">
        <v>15747.26755</v>
      </c>
      <c r="W1310" s="83">
        <f>Bühler!N1342</f>
        <v>45346.499999996828</v>
      </c>
      <c r="X1310" s="83">
        <v>43155.5</v>
      </c>
      <c r="Y1310">
        <v>182043.7378</v>
      </c>
      <c r="Z1310">
        <v>28313.105629999998</v>
      </c>
      <c r="AA1310">
        <v>89111.365489999996</v>
      </c>
      <c r="AB1310">
        <v>40222.39703</v>
      </c>
      <c r="AC1310">
        <v>40737.319839999996</v>
      </c>
      <c r="AD1310">
        <v>32696.288960000002</v>
      </c>
      <c r="AE1310">
        <v>42162.790410000001</v>
      </c>
      <c r="AF1310">
        <v>49983.305390000001</v>
      </c>
      <c r="AG1310">
        <v>33901.989289999998</v>
      </c>
      <c r="AH1310">
        <v>234541.27530000001</v>
      </c>
      <c r="AI1310">
        <v>82867.822029999996</v>
      </c>
      <c r="AJ1310">
        <v>23099.914710000001</v>
      </c>
      <c r="AK1310">
        <v>41389.622439999999</v>
      </c>
      <c r="AL1310">
        <v>55118.243750000001</v>
      </c>
      <c r="AM1310">
        <v>20623.445169999999</v>
      </c>
      <c r="AN1310">
        <v>94249.323520000005</v>
      </c>
      <c r="AO1310">
        <v>34686.452640000003</v>
      </c>
      <c r="AP1310">
        <v>15747.26755</v>
      </c>
    </row>
    <row r="1311" spans="2:42" x14ac:dyDescent="0.3">
      <c r="B1311">
        <v>45.311808552881097</v>
      </c>
      <c r="C1311" s="83">
        <v>43155.541666666664</v>
      </c>
      <c r="D1311">
        <v>178291.92</v>
      </c>
      <c r="E1311">
        <v>27455.54639</v>
      </c>
      <c r="F1311">
        <v>87137.779089999996</v>
      </c>
      <c r="G1311">
        <v>40052.120540000004</v>
      </c>
      <c r="H1311">
        <v>39864.2863</v>
      </c>
      <c r="I1311">
        <v>32430.56508</v>
      </c>
      <c r="J1311">
        <v>40907.062019999998</v>
      </c>
      <c r="K1311">
        <v>50684.825230000002</v>
      </c>
      <c r="L1311">
        <v>33322.202319999997</v>
      </c>
      <c r="M1311">
        <v>231020.73079999999</v>
      </c>
      <c r="N1311">
        <v>81272.802649999998</v>
      </c>
      <c r="O1311">
        <v>22886.088019999999</v>
      </c>
      <c r="P1311">
        <v>40120.690499999997</v>
      </c>
      <c r="Q1311">
        <v>52599.256829999998</v>
      </c>
      <c r="R1311">
        <v>20277.045030000001</v>
      </c>
      <c r="S1311">
        <v>94699.715240000005</v>
      </c>
      <c r="T1311">
        <v>33391.505749999997</v>
      </c>
      <c r="U1311">
        <v>15538.021699999999</v>
      </c>
      <c r="W1311" s="83">
        <f>Bühler!N1343</f>
        <v>45346.541666663492</v>
      </c>
      <c r="X1311" s="83">
        <v>43155.541666666664</v>
      </c>
      <c r="Y1311">
        <v>178291.92</v>
      </c>
      <c r="Z1311">
        <v>27455.54639</v>
      </c>
      <c r="AA1311">
        <v>87137.779089999996</v>
      </c>
      <c r="AB1311">
        <v>40052.120540000004</v>
      </c>
      <c r="AC1311">
        <v>39864.2863</v>
      </c>
      <c r="AD1311">
        <v>32430.56508</v>
      </c>
      <c r="AE1311">
        <v>40907.062019999998</v>
      </c>
      <c r="AF1311">
        <v>50684.825230000002</v>
      </c>
      <c r="AG1311">
        <v>33322.202319999997</v>
      </c>
      <c r="AH1311">
        <v>231020.73079999999</v>
      </c>
      <c r="AI1311">
        <v>81272.802649999998</v>
      </c>
      <c r="AJ1311">
        <v>22886.088019999999</v>
      </c>
      <c r="AK1311">
        <v>40120.690499999997</v>
      </c>
      <c r="AL1311">
        <v>52599.256829999998</v>
      </c>
      <c r="AM1311">
        <v>20277.045030000001</v>
      </c>
      <c r="AN1311">
        <v>94699.715240000005</v>
      </c>
      <c r="AO1311">
        <v>33391.505749999997</v>
      </c>
      <c r="AP1311">
        <v>15538.021699999999</v>
      </c>
    </row>
    <row r="1312" spans="2:42" x14ac:dyDescent="0.3">
      <c r="B1312">
        <v>45.003285813982991</v>
      </c>
      <c r="C1312" s="83">
        <v>43155.583333333336</v>
      </c>
      <c r="D1312">
        <v>177502.6851</v>
      </c>
      <c r="E1312">
        <v>27835.611069999999</v>
      </c>
      <c r="F1312">
        <v>87101.491729999994</v>
      </c>
      <c r="G1312">
        <v>39284.38882</v>
      </c>
      <c r="H1312">
        <v>39451.83208</v>
      </c>
      <c r="I1312">
        <v>32419.336869999999</v>
      </c>
      <c r="J1312">
        <v>39983.997819999997</v>
      </c>
      <c r="K1312">
        <v>49378.82907</v>
      </c>
      <c r="L1312">
        <v>31051.831539999999</v>
      </c>
      <c r="M1312">
        <v>229447.73800000001</v>
      </c>
      <c r="N1312">
        <v>80445.305949999994</v>
      </c>
      <c r="O1312">
        <v>22675.944660000001</v>
      </c>
      <c r="P1312">
        <v>37943.559690000002</v>
      </c>
      <c r="Q1312">
        <v>52232.277470000001</v>
      </c>
      <c r="R1312">
        <v>19816.580259999999</v>
      </c>
      <c r="S1312">
        <v>91732.625570000004</v>
      </c>
      <c r="T1312">
        <v>33254.494120000003</v>
      </c>
      <c r="U1312">
        <v>15487.36896</v>
      </c>
      <c r="W1312" s="83">
        <f>Bühler!N1344</f>
        <v>45346.583333330156</v>
      </c>
      <c r="X1312" s="83">
        <v>43155.583333333336</v>
      </c>
      <c r="Y1312">
        <v>177502.6851</v>
      </c>
      <c r="Z1312">
        <v>27835.611069999999</v>
      </c>
      <c r="AA1312">
        <v>87101.491729999994</v>
      </c>
      <c r="AB1312">
        <v>39284.38882</v>
      </c>
      <c r="AC1312">
        <v>39451.83208</v>
      </c>
      <c r="AD1312">
        <v>32419.336869999999</v>
      </c>
      <c r="AE1312">
        <v>39983.997819999997</v>
      </c>
      <c r="AF1312">
        <v>49378.82907</v>
      </c>
      <c r="AG1312">
        <v>31051.831539999999</v>
      </c>
      <c r="AH1312">
        <v>229447.73800000001</v>
      </c>
      <c r="AI1312">
        <v>80445.305949999994</v>
      </c>
      <c r="AJ1312">
        <v>22675.944660000001</v>
      </c>
      <c r="AK1312">
        <v>37943.559690000002</v>
      </c>
      <c r="AL1312">
        <v>52232.277470000001</v>
      </c>
      <c r="AM1312">
        <v>19816.580259999999</v>
      </c>
      <c r="AN1312">
        <v>91732.625570000004</v>
      </c>
      <c r="AO1312">
        <v>33254.494120000003</v>
      </c>
      <c r="AP1312">
        <v>15487.36896</v>
      </c>
    </row>
    <row r="1313" spans="2:42" x14ac:dyDescent="0.3">
      <c r="B1313">
        <v>44.491383032842158</v>
      </c>
      <c r="C1313" s="83">
        <v>43155.625</v>
      </c>
      <c r="D1313">
        <v>176900.48689999999</v>
      </c>
      <c r="E1313">
        <v>27622.010109999999</v>
      </c>
      <c r="F1313">
        <v>87521.052679999993</v>
      </c>
      <c r="G1313">
        <v>39307.554320000003</v>
      </c>
      <c r="H1313">
        <v>39058.302839999997</v>
      </c>
      <c r="I1313">
        <v>32607.823779999999</v>
      </c>
      <c r="J1313">
        <v>39424.368269999999</v>
      </c>
      <c r="K1313">
        <v>49273.69958</v>
      </c>
      <c r="L1313">
        <v>28572.651819999999</v>
      </c>
      <c r="M1313">
        <v>226837.81890000001</v>
      </c>
      <c r="N1313">
        <v>80709.876430000004</v>
      </c>
      <c r="O1313">
        <v>22512.61292</v>
      </c>
      <c r="P1313">
        <v>37611.596409999998</v>
      </c>
      <c r="Q1313">
        <v>51594.53254</v>
      </c>
      <c r="R1313">
        <v>20208.075260000001</v>
      </c>
      <c r="S1313">
        <v>90856.883730000001</v>
      </c>
      <c r="T1313">
        <v>33834.884819999999</v>
      </c>
      <c r="U1313">
        <v>15054.372240000001</v>
      </c>
      <c r="W1313" s="83">
        <f>Bühler!N1345</f>
        <v>45346.62499999682</v>
      </c>
      <c r="X1313" s="83">
        <v>43155.625</v>
      </c>
      <c r="Y1313">
        <v>176900.48689999999</v>
      </c>
      <c r="Z1313">
        <v>27622.010109999999</v>
      </c>
      <c r="AA1313">
        <v>87521.052679999993</v>
      </c>
      <c r="AB1313">
        <v>39307.554320000003</v>
      </c>
      <c r="AC1313">
        <v>39058.302839999997</v>
      </c>
      <c r="AD1313">
        <v>32607.823779999999</v>
      </c>
      <c r="AE1313">
        <v>39424.368269999999</v>
      </c>
      <c r="AF1313">
        <v>49273.69958</v>
      </c>
      <c r="AG1313">
        <v>28572.651819999999</v>
      </c>
      <c r="AH1313">
        <v>226837.81890000001</v>
      </c>
      <c r="AI1313">
        <v>80709.876430000004</v>
      </c>
      <c r="AJ1313">
        <v>22512.61292</v>
      </c>
      <c r="AK1313">
        <v>37611.596409999998</v>
      </c>
      <c r="AL1313">
        <v>51594.53254</v>
      </c>
      <c r="AM1313">
        <v>20208.075260000001</v>
      </c>
      <c r="AN1313">
        <v>90856.883730000001</v>
      </c>
      <c r="AO1313">
        <v>33834.884819999999</v>
      </c>
      <c r="AP1313">
        <v>15054.372240000001</v>
      </c>
    </row>
    <row r="1314" spans="2:42" x14ac:dyDescent="0.3">
      <c r="B1314">
        <v>43.60411984493517</v>
      </c>
      <c r="C1314" s="83">
        <v>43155.666666666664</v>
      </c>
      <c r="D1314">
        <v>176138.63449999999</v>
      </c>
      <c r="E1314">
        <v>27615.10167</v>
      </c>
      <c r="F1314">
        <v>87631.357870000007</v>
      </c>
      <c r="G1314">
        <v>39395.475140000002</v>
      </c>
      <c r="H1314">
        <v>39245.792200000004</v>
      </c>
      <c r="I1314">
        <v>33925.080829999999</v>
      </c>
      <c r="J1314">
        <v>38670.372069999998</v>
      </c>
      <c r="K1314">
        <v>47331.332690000003</v>
      </c>
      <c r="L1314">
        <v>29264.871019999999</v>
      </c>
      <c r="M1314">
        <v>222314.13740000001</v>
      </c>
      <c r="N1314">
        <v>78876.977180000002</v>
      </c>
      <c r="O1314">
        <v>22628.784950000001</v>
      </c>
      <c r="P1314">
        <v>36457.077019999997</v>
      </c>
      <c r="Q1314">
        <v>51570.28931</v>
      </c>
      <c r="R1314">
        <v>19856.105350000002</v>
      </c>
      <c r="S1314">
        <v>91484.05257</v>
      </c>
      <c r="T1314">
        <v>34052.027529999999</v>
      </c>
      <c r="U1314">
        <v>15157.459129999999</v>
      </c>
      <c r="W1314" s="83">
        <f>Bühler!N1346</f>
        <v>45346.666666663485</v>
      </c>
      <c r="X1314" s="83">
        <v>43155.666666666664</v>
      </c>
      <c r="Y1314">
        <v>176138.63449999999</v>
      </c>
      <c r="Z1314">
        <v>27615.10167</v>
      </c>
      <c r="AA1314">
        <v>87631.357870000007</v>
      </c>
      <c r="AB1314">
        <v>39395.475140000002</v>
      </c>
      <c r="AC1314">
        <v>39245.792200000004</v>
      </c>
      <c r="AD1314">
        <v>33925.080829999999</v>
      </c>
      <c r="AE1314">
        <v>38670.372069999998</v>
      </c>
      <c r="AF1314">
        <v>47331.332690000003</v>
      </c>
      <c r="AG1314">
        <v>29264.871019999999</v>
      </c>
      <c r="AH1314">
        <v>222314.13740000001</v>
      </c>
      <c r="AI1314">
        <v>78876.977180000002</v>
      </c>
      <c r="AJ1314">
        <v>22628.784950000001</v>
      </c>
      <c r="AK1314">
        <v>36457.077019999997</v>
      </c>
      <c r="AL1314">
        <v>51570.28931</v>
      </c>
      <c r="AM1314">
        <v>19856.105350000002</v>
      </c>
      <c r="AN1314">
        <v>91484.05257</v>
      </c>
      <c r="AO1314">
        <v>34052.027529999999</v>
      </c>
      <c r="AP1314">
        <v>15157.459129999999</v>
      </c>
    </row>
    <row r="1315" spans="2:42" x14ac:dyDescent="0.3">
      <c r="B1315">
        <v>42.829862934084233</v>
      </c>
      <c r="C1315" s="83">
        <v>43155.708333333336</v>
      </c>
      <c r="D1315">
        <v>174482.01819999999</v>
      </c>
      <c r="E1315">
        <v>27415.42211</v>
      </c>
      <c r="F1315">
        <v>87332.876959999994</v>
      </c>
      <c r="G1315">
        <v>39624.780659999997</v>
      </c>
      <c r="H1315">
        <v>39715.837740000003</v>
      </c>
      <c r="I1315">
        <v>34991.042240000002</v>
      </c>
      <c r="J1315">
        <v>38744.332260000003</v>
      </c>
      <c r="K1315">
        <v>45811.488960000002</v>
      </c>
      <c r="L1315">
        <v>29556.339540000001</v>
      </c>
      <c r="M1315">
        <v>218366.6146</v>
      </c>
      <c r="N1315">
        <v>75604.786250000005</v>
      </c>
      <c r="O1315">
        <v>22657.167109999999</v>
      </c>
      <c r="P1315">
        <v>38640.95091</v>
      </c>
      <c r="Q1315">
        <v>50682.943489999998</v>
      </c>
      <c r="R1315">
        <v>21888.67712</v>
      </c>
      <c r="S1315">
        <v>94424.07634</v>
      </c>
      <c r="T1315">
        <v>34509.45953</v>
      </c>
      <c r="U1315">
        <v>15716.36692</v>
      </c>
      <c r="W1315" s="83">
        <f>Bühler!N1347</f>
        <v>45346.708333330149</v>
      </c>
      <c r="X1315" s="83">
        <v>43155.708333333336</v>
      </c>
      <c r="Y1315">
        <v>174482.01819999999</v>
      </c>
      <c r="Z1315">
        <v>27415.42211</v>
      </c>
      <c r="AA1315">
        <v>87332.876959999994</v>
      </c>
      <c r="AB1315">
        <v>39624.780659999997</v>
      </c>
      <c r="AC1315">
        <v>39715.837740000003</v>
      </c>
      <c r="AD1315">
        <v>34991.042240000002</v>
      </c>
      <c r="AE1315">
        <v>38744.332260000003</v>
      </c>
      <c r="AF1315">
        <v>45811.488960000002</v>
      </c>
      <c r="AG1315">
        <v>29556.339540000001</v>
      </c>
      <c r="AH1315">
        <v>218366.6146</v>
      </c>
      <c r="AI1315">
        <v>75604.786250000005</v>
      </c>
      <c r="AJ1315">
        <v>22657.167109999999</v>
      </c>
      <c r="AK1315">
        <v>38640.95091</v>
      </c>
      <c r="AL1315">
        <v>50682.943489999998</v>
      </c>
      <c r="AM1315">
        <v>21888.67712</v>
      </c>
      <c r="AN1315">
        <v>94424.07634</v>
      </c>
      <c r="AO1315">
        <v>34509.45953</v>
      </c>
      <c r="AP1315">
        <v>15716.36692</v>
      </c>
    </row>
    <row r="1316" spans="2:42" x14ac:dyDescent="0.3">
      <c r="B1316">
        <v>42.160270085759073</v>
      </c>
      <c r="C1316" s="83">
        <v>43155.75</v>
      </c>
      <c r="D1316">
        <v>175041.49900000001</v>
      </c>
      <c r="E1316">
        <v>27184.676739999999</v>
      </c>
      <c r="F1316">
        <v>87424.674669999993</v>
      </c>
      <c r="G1316">
        <v>40350.680549999997</v>
      </c>
      <c r="H1316">
        <v>39868.111960000002</v>
      </c>
      <c r="I1316">
        <v>35200.243289999999</v>
      </c>
      <c r="J1316">
        <v>41881.968059999999</v>
      </c>
      <c r="K1316">
        <v>42313.57129</v>
      </c>
      <c r="L1316">
        <v>32132.611489999999</v>
      </c>
      <c r="M1316">
        <v>214952.71799999999</v>
      </c>
      <c r="N1316">
        <v>74763.120079999993</v>
      </c>
      <c r="O1316">
        <v>22999.909970000001</v>
      </c>
      <c r="P1316">
        <v>41930.51715</v>
      </c>
      <c r="Q1316">
        <v>49923.612589999997</v>
      </c>
      <c r="R1316">
        <v>19163.214779999998</v>
      </c>
      <c r="S1316">
        <v>95965.021980000005</v>
      </c>
      <c r="T1316">
        <v>34585.601009999998</v>
      </c>
      <c r="U1316">
        <v>16141.367319999999</v>
      </c>
      <c r="W1316" s="83">
        <f>Bühler!N1348</f>
        <v>45346.749999996813</v>
      </c>
      <c r="X1316" s="83">
        <v>43155.75</v>
      </c>
      <c r="Y1316">
        <v>175041.49900000001</v>
      </c>
      <c r="Z1316">
        <v>27184.676739999999</v>
      </c>
      <c r="AA1316">
        <v>87424.674669999993</v>
      </c>
      <c r="AB1316">
        <v>40350.680549999997</v>
      </c>
      <c r="AC1316">
        <v>39868.111960000002</v>
      </c>
      <c r="AD1316">
        <v>35200.243289999999</v>
      </c>
      <c r="AE1316">
        <v>41881.968059999999</v>
      </c>
      <c r="AF1316">
        <v>42313.57129</v>
      </c>
      <c r="AG1316">
        <v>32132.611489999999</v>
      </c>
      <c r="AH1316">
        <v>214952.71799999999</v>
      </c>
      <c r="AI1316">
        <v>74763.120079999993</v>
      </c>
      <c r="AJ1316">
        <v>22999.909970000001</v>
      </c>
      <c r="AK1316">
        <v>41930.51715</v>
      </c>
      <c r="AL1316">
        <v>49923.612589999997</v>
      </c>
      <c r="AM1316">
        <v>19163.214779999998</v>
      </c>
      <c r="AN1316">
        <v>95965.021980000005</v>
      </c>
      <c r="AO1316">
        <v>34585.601009999998</v>
      </c>
      <c r="AP1316">
        <v>16141.367319999999</v>
      </c>
    </row>
    <row r="1317" spans="2:42" x14ac:dyDescent="0.3">
      <c r="B1317">
        <v>41.995609844091575</v>
      </c>
      <c r="C1317" s="83">
        <v>43155.791666666664</v>
      </c>
      <c r="D1317">
        <v>176007.1231</v>
      </c>
      <c r="E1317">
        <v>23735.724989999999</v>
      </c>
      <c r="F1317">
        <v>76233.254239999995</v>
      </c>
      <c r="G1317">
        <v>41397.85282</v>
      </c>
      <c r="H1317">
        <v>40818.03602</v>
      </c>
      <c r="I1317">
        <v>35217.441579999999</v>
      </c>
      <c r="J1317">
        <v>43148.950270000001</v>
      </c>
      <c r="K1317">
        <v>42676.931510000002</v>
      </c>
      <c r="L1317">
        <v>34186.395680000001</v>
      </c>
      <c r="M1317">
        <v>214113.20329999999</v>
      </c>
      <c r="N1317">
        <v>76706.282319999998</v>
      </c>
      <c r="O1317">
        <v>23259.95809</v>
      </c>
      <c r="P1317">
        <v>43745.459320000002</v>
      </c>
      <c r="Q1317">
        <v>49308.30257</v>
      </c>
      <c r="R1317">
        <v>19902.252420000001</v>
      </c>
      <c r="S1317">
        <v>95431.855370000005</v>
      </c>
      <c r="T1317">
        <v>33583.975030000001</v>
      </c>
      <c r="U1317">
        <v>16723.926889999999</v>
      </c>
      <c r="W1317" s="83">
        <f>Bühler!N1349</f>
        <v>45346.791666663477</v>
      </c>
      <c r="X1317" s="83">
        <v>43155.791666666664</v>
      </c>
      <c r="Y1317">
        <v>176007.1231</v>
      </c>
      <c r="Z1317">
        <v>23735.724989999999</v>
      </c>
      <c r="AA1317">
        <v>76233.254239999995</v>
      </c>
      <c r="AB1317">
        <v>41397.85282</v>
      </c>
      <c r="AC1317">
        <v>40818.03602</v>
      </c>
      <c r="AD1317">
        <v>35217.441579999999</v>
      </c>
      <c r="AE1317">
        <v>43148.950270000001</v>
      </c>
      <c r="AF1317">
        <v>42676.931510000002</v>
      </c>
      <c r="AG1317">
        <v>34186.395680000001</v>
      </c>
      <c r="AH1317">
        <v>214113.20329999999</v>
      </c>
      <c r="AI1317">
        <v>76706.282319999998</v>
      </c>
      <c r="AJ1317">
        <v>23259.95809</v>
      </c>
      <c r="AK1317">
        <v>43745.459320000002</v>
      </c>
      <c r="AL1317">
        <v>49308.30257</v>
      </c>
      <c r="AM1317">
        <v>19902.252420000001</v>
      </c>
      <c r="AN1317">
        <v>95431.855370000005</v>
      </c>
      <c r="AO1317">
        <v>33583.975030000001</v>
      </c>
      <c r="AP1317">
        <v>16723.926889999999</v>
      </c>
    </row>
    <row r="1318" spans="2:42" x14ac:dyDescent="0.3">
      <c r="B1318">
        <v>42.246169583887763</v>
      </c>
      <c r="C1318" s="83">
        <v>43155.833333333336</v>
      </c>
      <c r="D1318">
        <v>175509.40090000001</v>
      </c>
      <c r="E1318">
        <v>18839.788499999999</v>
      </c>
      <c r="F1318">
        <v>57794.57806</v>
      </c>
      <c r="G1318">
        <v>41450.907279999999</v>
      </c>
      <c r="H1318">
        <v>40548.516349999998</v>
      </c>
      <c r="I1318">
        <v>33496.880290000001</v>
      </c>
      <c r="J1318">
        <v>42260.054499999998</v>
      </c>
      <c r="K1318">
        <v>48975.871959999997</v>
      </c>
      <c r="L1318">
        <v>33362.77147</v>
      </c>
      <c r="M1318">
        <v>215390.67370000001</v>
      </c>
      <c r="N1318">
        <v>76813.059169999993</v>
      </c>
      <c r="O1318">
        <v>23078.883419999998</v>
      </c>
      <c r="P1318">
        <v>43825.232519999998</v>
      </c>
      <c r="Q1318">
        <v>48094.056729999997</v>
      </c>
      <c r="R1318">
        <v>21858.002369999998</v>
      </c>
      <c r="S1318">
        <v>88711.466390000001</v>
      </c>
      <c r="T1318">
        <v>31616.101790000001</v>
      </c>
      <c r="U1318">
        <v>16773.263490000001</v>
      </c>
      <c r="W1318" s="83">
        <f>Bühler!N1350</f>
        <v>45346.833333330142</v>
      </c>
      <c r="X1318" s="83">
        <v>43155.833333333336</v>
      </c>
      <c r="Y1318">
        <v>175509.40090000001</v>
      </c>
      <c r="Z1318">
        <v>18839.788499999999</v>
      </c>
      <c r="AA1318">
        <v>57794.57806</v>
      </c>
      <c r="AB1318">
        <v>41450.907279999999</v>
      </c>
      <c r="AC1318">
        <v>40548.516349999998</v>
      </c>
      <c r="AD1318">
        <v>33496.880290000001</v>
      </c>
      <c r="AE1318">
        <v>42260.054499999998</v>
      </c>
      <c r="AF1318">
        <v>48975.871959999997</v>
      </c>
      <c r="AG1318">
        <v>33362.77147</v>
      </c>
      <c r="AH1318">
        <v>215390.67370000001</v>
      </c>
      <c r="AI1318">
        <v>76813.059169999993</v>
      </c>
      <c r="AJ1318">
        <v>23078.883419999998</v>
      </c>
      <c r="AK1318">
        <v>43825.232519999998</v>
      </c>
      <c r="AL1318">
        <v>48094.056729999997</v>
      </c>
      <c r="AM1318">
        <v>21858.002369999998</v>
      </c>
      <c r="AN1318">
        <v>88711.466390000001</v>
      </c>
      <c r="AO1318">
        <v>31616.101790000001</v>
      </c>
      <c r="AP1318">
        <v>16773.263490000001</v>
      </c>
    </row>
    <row r="1319" spans="2:42" x14ac:dyDescent="0.3">
      <c r="B1319">
        <v>41.886455745059799</v>
      </c>
      <c r="C1319" s="83">
        <v>43155.875</v>
      </c>
      <c r="D1319">
        <v>174096.6274</v>
      </c>
      <c r="E1319">
        <v>16881.039560000001</v>
      </c>
      <c r="F1319">
        <v>50061.631950000003</v>
      </c>
      <c r="G1319">
        <v>40928.547050000001</v>
      </c>
      <c r="H1319">
        <v>39652.21243</v>
      </c>
      <c r="I1319">
        <v>30518.052090000001</v>
      </c>
      <c r="J1319">
        <v>40851.592779999999</v>
      </c>
      <c r="K1319">
        <v>49139.63278</v>
      </c>
      <c r="L1319">
        <v>32111.585719999999</v>
      </c>
      <c r="M1319">
        <v>213556.68479999999</v>
      </c>
      <c r="N1319">
        <v>75672.438850000006</v>
      </c>
      <c r="O1319">
        <v>23067.593010000001</v>
      </c>
      <c r="P1319">
        <v>42355.895020000004</v>
      </c>
      <c r="Q1319">
        <v>46974.981820000001</v>
      </c>
      <c r="R1319">
        <v>20673.55344</v>
      </c>
      <c r="S1319">
        <v>85003.104829999997</v>
      </c>
      <c r="T1319">
        <v>30014.070080000001</v>
      </c>
      <c r="U1319">
        <v>16460.718639999999</v>
      </c>
      <c r="W1319" s="83">
        <f>Bühler!N1351</f>
        <v>45346.874999996806</v>
      </c>
      <c r="X1319" s="83">
        <v>43155.875</v>
      </c>
      <c r="Y1319">
        <v>174096.6274</v>
      </c>
      <c r="Z1319">
        <v>16881.039560000001</v>
      </c>
      <c r="AA1319">
        <v>50061.631950000003</v>
      </c>
      <c r="AB1319">
        <v>40928.547050000001</v>
      </c>
      <c r="AC1319">
        <v>39652.21243</v>
      </c>
      <c r="AD1319">
        <v>30518.052090000001</v>
      </c>
      <c r="AE1319">
        <v>40851.592779999999</v>
      </c>
      <c r="AF1319">
        <v>49139.63278</v>
      </c>
      <c r="AG1319">
        <v>32111.585719999999</v>
      </c>
      <c r="AH1319">
        <v>213556.68479999999</v>
      </c>
      <c r="AI1319">
        <v>75672.438850000006</v>
      </c>
      <c r="AJ1319">
        <v>23067.593010000001</v>
      </c>
      <c r="AK1319">
        <v>42355.895020000004</v>
      </c>
      <c r="AL1319">
        <v>46974.981820000001</v>
      </c>
      <c r="AM1319">
        <v>20673.55344</v>
      </c>
      <c r="AN1319">
        <v>85003.104829999997</v>
      </c>
      <c r="AO1319">
        <v>30014.070080000001</v>
      </c>
      <c r="AP1319">
        <v>16460.718639999999</v>
      </c>
    </row>
    <row r="1320" spans="2:42" x14ac:dyDescent="0.3">
      <c r="B1320">
        <v>42.241350369961054</v>
      </c>
      <c r="C1320" s="83">
        <v>43155.916666666664</v>
      </c>
      <c r="D1320">
        <v>174638.89989999999</v>
      </c>
      <c r="E1320">
        <v>16536.456040000001</v>
      </c>
      <c r="F1320">
        <v>47390.558859999997</v>
      </c>
      <c r="G1320">
        <v>41479.843330000003</v>
      </c>
      <c r="H1320">
        <v>40195.943939999997</v>
      </c>
      <c r="I1320">
        <v>28865.748080000001</v>
      </c>
      <c r="J1320">
        <v>39947.984109999998</v>
      </c>
      <c r="K1320">
        <v>52733.674500000001</v>
      </c>
      <c r="L1320">
        <v>29051.167399999998</v>
      </c>
      <c r="M1320">
        <v>215366.10310000001</v>
      </c>
      <c r="N1320">
        <v>76815.421900000001</v>
      </c>
      <c r="O1320">
        <v>24299.253000000001</v>
      </c>
      <c r="P1320">
        <v>46586.881130000002</v>
      </c>
      <c r="Q1320">
        <v>47524.735890000004</v>
      </c>
      <c r="R1320">
        <v>30764.86521</v>
      </c>
      <c r="S1320">
        <v>84005.688550000006</v>
      </c>
      <c r="T1320">
        <v>29561.096570000002</v>
      </c>
      <c r="U1320">
        <v>18075.87818</v>
      </c>
      <c r="W1320" s="83">
        <f>Bühler!N1352</f>
        <v>45346.91666666347</v>
      </c>
      <c r="X1320" s="83">
        <v>43155.916666666664</v>
      </c>
      <c r="Y1320">
        <v>174638.89989999999</v>
      </c>
      <c r="Z1320">
        <v>16536.456040000001</v>
      </c>
      <c r="AA1320">
        <v>47390.558859999997</v>
      </c>
      <c r="AB1320">
        <v>41479.843330000003</v>
      </c>
      <c r="AC1320">
        <v>40195.943939999997</v>
      </c>
      <c r="AD1320">
        <v>28865.748080000001</v>
      </c>
      <c r="AE1320">
        <v>39947.984109999998</v>
      </c>
      <c r="AF1320">
        <v>52733.674500000001</v>
      </c>
      <c r="AG1320">
        <v>29051.167399999998</v>
      </c>
      <c r="AH1320">
        <v>215366.10310000001</v>
      </c>
      <c r="AI1320">
        <v>76815.421900000001</v>
      </c>
      <c r="AJ1320">
        <v>24299.253000000001</v>
      </c>
      <c r="AK1320">
        <v>46586.881130000002</v>
      </c>
      <c r="AL1320">
        <v>47524.735890000004</v>
      </c>
      <c r="AM1320">
        <v>30764.86521</v>
      </c>
      <c r="AN1320">
        <v>84005.688550000006</v>
      </c>
      <c r="AO1320">
        <v>29561.096570000002</v>
      </c>
      <c r="AP1320">
        <v>18075.87818</v>
      </c>
    </row>
    <row r="1321" spans="2:42" x14ac:dyDescent="0.3">
      <c r="B1321">
        <v>41.80234819756631</v>
      </c>
      <c r="C1321" s="83">
        <v>43155.958333333336</v>
      </c>
      <c r="D1321">
        <v>174148.8688</v>
      </c>
      <c r="E1321">
        <v>16480.359250000001</v>
      </c>
      <c r="F1321">
        <v>46391.036650000002</v>
      </c>
      <c r="G1321">
        <v>41353.545149999998</v>
      </c>
      <c r="H1321">
        <v>39629.423600000002</v>
      </c>
      <c r="I1321">
        <v>28274.399549999998</v>
      </c>
      <c r="J1321">
        <v>37859.231050000002</v>
      </c>
      <c r="K1321">
        <v>51733.131849999998</v>
      </c>
      <c r="L1321">
        <v>25448.158579999999</v>
      </c>
      <c r="M1321">
        <v>213127.8653</v>
      </c>
      <c r="N1321">
        <v>76645.325530000002</v>
      </c>
      <c r="O1321">
        <v>24264.308929999999</v>
      </c>
      <c r="P1321">
        <v>41505.690479999997</v>
      </c>
      <c r="Q1321">
        <v>47286.417090000003</v>
      </c>
      <c r="R1321">
        <v>33136.551599999999</v>
      </c>
      <c r="S1321">
        <v>82327.662020000003</v>
      </c>
      <c r="T1321">
        <v>31266.133430000002</v>
      </c>
      <c r="U1321">
        <v>17342.170900000001</v>
      </c>
      <c r="W1321" s="83">
        <f>Bühler!N1353</f>
        <v>45346.958333330134</v>
      </c>
      <c r="X1321" s="83">
        <v>43155.958333333336</v>
      </c>
      <c r="Y1321">
        <v>174148.8688</v>
      </c>
      <c r="Z1321">
        <v>16480.359250000001</v>
      </c>
      <c r="AA1321">
        <v>46391.036650000002</v>
      </c>
      <c r="AB1321">
        <v>41353.545149999998</v>
      </c>
      <c r="AC1321">
        <v>39629.423600000002</v>
      </c>
      <c r="AD1321">
        <v>28274.399549999998</v>
      </c>
      <c r="AE1321">
        <v>37859.231050000002</v>
      </c>
      <c r="AF1321">
        <v>51733.131849999998</v>
      </c>
      <c r="AG1321">
        <v>25448.158579999999</v>
      </c>
      <c r="AH1321">
        <v>213127.8653</v>
      </c>
      <c r="AI1321">
        <v>76645.325530000002</v>
      </c>
      <c r="AJ1321">
        <v>24264.308929999999</v>
      </c>
      <c r="AK1321">
        <v>41505.690479999997</v>
      </c>
      <c r="AL1321">
        <v>47286.417090000003</v>
      </c>
      <c r="AM1321">
        <v>33136.551599999999</v>
      </c>
      <c r="AN1321">
        <v>82327.662020000003</v>
      </c>
      <c r="AO1321">
        <v>31266.133430000002</v>
      </c>
      <c r="AP1321">
        <v>17342.170900000001</v>
      </c>
    </row>
    <row r="1322" spans="2:42" x14ac:dyDescent="0.3">
      <c r="B1322">
        <v>41.455150416650682</v>
      </c>
      <c r="C1322" s="83">
        <v>43156</v>
      </c>
      <c r="D1322">
        <v>173876.25750000001</v>
      </c>
      <c r="E1322">
        <v>16296.51902</v>
      </c>
      <c r="F1322">
        <v>45943.67194</v>
      </c>
      <c r="G1322">
        <v>41831.310969999999</v>
      </c>
      <c r="H1322">
        <v>39480.463530000001</v>
      </c>
      <c r="I1322">
        <v>26675.056420000001</v>
      </c>
      <c r="J1322">
        <v>35817.553870000003</v>
      </c>
      <c r="K1322">
        <v>50197.754150000001</v>
      </c>
      <c r="L1322">
        <v>22483.174220000001</v>
      </c>
      <c r="M1322">
        <v>211357.68909999999</v>
      </c>
      <c r="N1322">
        <v>74853.885869999998</v>
      </c>
      <c r="O1322">
        <v>24381.0013</v>
      </c>
      <c r="P1322">
        <v>37827.381509999999</v>
      </c>
      <c r="Q1322">
        <v>46865.709929999997</v>
      </c>
      <c r="R1322">
        <v>29319.37458</v>
      </c>
      <c r="S1322">
        <v>81301.278739999994</v>
      </c>
      <c r="T1322">
        <v>30647.50779</v>
      </c>
      <c r="U1322">
        <v>17225.131119999998</v>
      </c>
      <c r="W1322" s="83">
        <f>Bühler!N1354</f>
        <v>45346.999999996799</v>
      </c>
      <c r="X1322" s="83">
        <v>43156</v>
      </c>
      <c r="Y1322">
        <v>173876.25750000001</v>
      </c>
      <c r="Z1322">
        <v>16296.51902</v>
      </c>
      <c r="AA1322">
        <v>45943.67194</v>
      </c>
      <c r="AB1322">
        <v>41831.310969999999</v>
      </c>
      <c r="AC1322">
        <v>39480.463530000001</v>
      </c>
      <c r="AD1322">
        <v>26675.056420000001</v>
      </c>
      <c r="AE1322">
        <v>35817.553870000003</v>
      </c>
      <c r="AF1322">
        <v>50197.754150000001</v>
      </c>
      <c r="AG1322">
        <v>22483.174220000001</v>
      </c>
      <c r="AH1322">
        <v>211357.68909999999</v>
      </c>
      <c r="AI1322">
        <v>74853.885869999998</v>
      </c>
      <c r="AJ1322">
        <v>24381.0013</v>
      </c>
      <c r="AK1322">
        <v>37827.381509999999</v>
      </c>
      <c r="AL1322">
        <v>46865.709929999997</v>
      </c>
      <c r="AM1322">
        <v>29319.37458</v>
      </c>
      <c r="AN1322">
        <v>81301.278739999994</v>
      </c>
      <c r="AO1322">
        <v>30647.50779</v>
      </c>
      <c r="AP1322">
        <v>17225.131119999998</v>
      </c>
    </row>
    <row r="1323" spans="2:42" x14ac:dyDescent="0.3">
      <c r="B1323">
        <v>41.163498555038181</v>
      </c>
      <c r="C1323" s="83">
        <v>43156.041666666664</v>
      </c>
      <c r="D1323">
        <v>173361.05619999999</v>
      </c>
      <c r="E1323">
        <v>16481.224910000001</v>
      </c>
      <c r="F1323">
        <v>45670.126620000003</v>
      </c>
      <c r="G1323">
        <v>41643.8171</v>
      </c>
      <c r="H1323">
        <v>38816.7811</v>
      </c>
      <c r="I1323">
        <v>23437.726739999998</v>
      </c>
      <c r="J1323">
        <v>35126.299709999999</v>
      </c>
      <c r="K1323">
        <v>49536.050329999998</v>
      </c>
      <c r="L1323">
        <v>21464.573250000001</v>
      </c>
      <c r="M1323">
        <v>209870.71189999999</v>
      </c>
      <c r="N1323">
        <v>75128.01139</v>
      </c>
      <c r="O1323">
        <v>24539.356339999998</v>
      </c>
      <c r="P1323">
        <v>36027.274689999998</v>
      </c>
      <c r="Q1323">
        <v>48132.551890000002</v>
      </c>
      <c r="R1323">
        <v>27288.87616</v>
      </c>
      <c r="S1323">
        <v>80471.765450000006</v>
      </c>
      <c r="T1323">
        <v>30010.992819999999</v>
      </c>
      <c r="U1323">
        <v>17401.471440000001</v>
      </c>
      <c r="W1323" s="83">
        <f>Bühler!N1355</f>
        <v>45347.041666663463</v>
      </c>
      <c r="X1323" s="83">
        <v>43156.041666666664</v>
      </c>
      <c r="Y1323">
        <v>173361.05619999999</v>
      </c>
      <c r="Z1323">
        <v>16481.224910000001</v>
      </c>
      <c r="AA1323">
        <v>45670.126620000003</v>
      </c>
      <c r="AB1323">
        <v>41643.8171</v>
      </c>
      <c r="AC1323">
        <v>38816.7811</v>
      </c>
      <c r="AD1323">
        <v>23437.726739999998</v>
      </c>
      <c r="AE1323">
        <v>35126.299709999999</v>
      </c>
      <c r="AF1323">
        <v>49536.050329999998</v>
      </c>
      <c r="AG1323">
        <v>21464.573250000001</v>
      </c>
      <c r="AH1323">
        <v>209870.71189999999</v>
      </c>
      <c r="AI1323">
        <v>75128.01139</v>
      </c>
      <c r="AJ1323">
        <v>24539.356339999998</v>
      </c>
      <c r="AK1323">
        <v>36027.274689999998</v>
      </c>
      <c r="AL1323">
        <v>48132.551890000002</v>
      </c>
      <c r="AM1323">
        <v>27288.87616</v>
      </c>
      <c r="AN1323">
        <v>80471.765450000006</v>
      </c>
      <c r="AO1323">
        <v>30010.992819999999</v>
      </c>
      <c r="AP1323">
        <v>17401.471440000001</v>
      </c>
    </row>
    <row r="1324" spans="2:42" x14ac:dyDescent="0.3">
      <c r="B1324">
        <v>41.522121340277302</v>
      </c>
      <c r="C1324" s="83">
        <v>43156.083333333336</v>
      </c>
      <c r="D1324">
        <v>173000.37899999999</v>
      </c>
      <c r="E1324">
        <v>16574.236570000001</v>
      </c>
      <c r="F1324">
        <v>45946.558929999999</v>
      </c>
      <c r="G1324">
        <v>41295.640350000001</v>
      </c>
      <c r="H1324">
        <v>39057.0072</v>
      </c>
      <c r="I1324">
        <v>20953.784759999999</v>
      </c>
      <c r="J1324">
        <v>35383.391069999998</v>
      </c>
      <c r="K1324">
        <v>48328.656909999998</v>
      </c>
      <c r="L1324">
        <v>20666.32863</v>
      </c>
      <c r="M1324">
        <v>211699.13810000001</v>
      </c>
      <c r="N1324">
        <v>74549.807629999996</v>
      </c>
      <c r="O1324">
        <v>24302.167229999999</v>
      </c>
      <c r="P1324">
        <v>35184.497600000002</v>
      </c>
      <c r="Q1324">
        <v>49625.582150000002</v>
      </c>
      <c r="R1324">
        <v>27116.53789</v>
      </c>
      <c r="S1324">
        <v>80135.551049999995</v>
      </c>
      <c r="T1324">
        <v>29612.68865</v>
      </c>
      <c r="U1324">
        <v>17817.57028</v>
      </c>
      <c r="W1324" s="83">
        <f>Bühler!N1356</f>
        <v>45347.083333330127</v>
      </c>
      <c r="X1324" s="83">
        <v>43156.083333333336</v>
      </c>
      <c r="Y1324">
        <v>173000.37899999999</v>
      </c>
      <c r="Z1324">
        <v>16574.236570000001</v>
      </c>
      <c r="AA1324">
        <v>45946.558929999999</v>
      </c>
      <c r="AB1324">
        <v>41295.640350000001</v>
      </c>
      <c r="AC1324">
        <v>39057.0072</v>
      </c>
      <c r="AD1324">
        <v>20953.784759999999</v>
      </c>
      <c r="AE1324">
        <v>35383.391069999998</v>
      </c>
      <c r="AF1324">
        <v>48328.656909999998</v>
      </c>
      <c r="AG1324">
        <v>20666.32863</v>
      </c>
      <c r="AH1324">
        <v>211699.13810000001</v>
      </c>
      <c r="AI1324">
        <v>74549.807629999996</v>
      </c>
      <c r="AJ1324">
        <v>24302.167229999999</v>
      </c>
      <c r="AK1324">
        <v>35184.497600000002</v>
      </c>
      <c r="AL1324">
        <v>49625.582150000002</v>
      </c>
      <c r="AM1324">
        <v>27116.53789</v>
      </c>
      <c r="AN1324">
        <v>80135.551049999995</v>
      </c>
      <c r="AO1324">
        <v>29612.68865</v>
      </c>
      <c r="AP1324">
        <v>17817.57028</v>
      </c>
    </row>
    <row r="1325" spans="2:42" x14ac:dyDescent="0.3">
      <c r="B1325">
        <v>41.160426337051554</v>
      </c>
      <c r="C1325" s="83">
        <v>43156.125</v>
      </c>
      <c r="D1325">
        <v>172077.5153</v>
      </c>
      <c r="E1325">
        <v>16605.364020000001</v>
      </c>
      <c r="F1325">
        <v>46318.354330000002</v>
      </c>
      <c r="G1325">
        <v>40833.166279999998</v>
      </c>
      <c r="H1325">
        <v>39073.481699999997</v>
      </c>
      <c r="I1325">
        <v>20765.460159999999</v>
      </c>
      <c r="J1325">
        <v>36124.36146</v>
      </c>
      <c r="K1325">
        <v>45508.763899999998</v>
      </c>
      <c r="L1325">
        <v>19965.759770000001</v>
      </c>
      <c r="M1325">
        <v>209855.04829999999</v>
      </c>
      <c r="N1325">
        <v>74476.398419999998</v>
      </c>
      <c r="O1325">
        <v>24719.996459999998</v>
      </c>
      <c r="P1325">
        <v>34255.398959999999</v>
      </c>
      <c r="Q1325">
        <v>50084.62876</v>
      </c>
      <c r="R1325">
        <v>26880.04075</v>
      </c>
      <c r="S1325">
        <v>79593.246499999994</v>
      </c>
      <c r="T1325">
        <v>29441.21299</v>
      </c>
      <c r="U1325">
        <v>18137.579089999999</v>
      </c>
      <c r="W1325" s="83">
        <f>Bühler!N1357</f>
        <v>45347.124999996791</v>
      </c>
      <c r="X1325" s="83">
        <v>43156.125</v>
      </c>
      <c r="Y1325">
        <v>172077.5153</v>
      </c>
      <c r="Z1325">
        <v>16605.364020000001</v>
      </c>
      <c r="AA1325">
        <v>46318.354330000002</v>
      </c>
      <c r="AB1325">
        <v>40833.166279999998</v>
      </c>
      <c r="AC1325">
        <v>39073.481699999997</v>
      </c>
      <c r="AD1325">
        <v>20765.460159999999</v>
      </c>
      <c r="AE1325">
        <v>36124.36146</v>
      </c>
      <c r="AF1325">
        <v>45508.763899999998</v>
      </c>
      <c r="AG1325">
        <v>19965.759770000001</v>
      </c>
      <c r="AH1325">
        <v>209855.04829999999</v>
      </c>
      <c r="AI1325">
        <v>74476.398419999998</v>
      </c>
      <c r="AJ1325">
        <v>24719.996459999998</v>
      </c>
      <c r="AK1325">
        <v>34255.398959999999</v>
      </c>
      <c r="AL1325">
        <v>50084.62876</v>
      </c>
      <c r="AM1325">
        <v>26880.04075</v>
      </c>
      <c r="AN1325">
        <v>79593.246499999994</v>
      </c>
      <c r="AO1325">
        <v>29441.21299</v>
      </c>
      <c r="AP1325">
        <v>18137.579089999999</v>
      </c>
    </row>
    <row r="1326" spans="2:42" x14ac:dyDescent="0.3">
      <c r="B1326">
        <v>41.172314735627651</v>
      </c>
      <c r="C1326" s="83">
        <v>43156.166666666664</v>
      </c>
      <c r="D1326">
        <v>171476.74669999999</v>
      </c>
      <c r="E1326">
        <v>16749.707409999999</v>
      </c>
      <c r="F1326">
        <v>46502.267610000003</v>
      </c>
      <c r="G1326">
        <v>40178.379730000001</v>
      </c>
      <c r="H1326">
        <v>38924.740089999999</v>
      </c>
      <c r="I1326">
        <v>22255.480930000002</v>
      </c>
      <c r="J1326">
        <v>38531.694289999999</v>
      </c>
      <c r="K1326">
        <v>44810.744500000001</v>
      </c>
      <c r="L1326">
        <v>19390.321469999999</v>
      </c>
      <c r="M1326">
        <v>209915.66089999999</v>
      </c>
      <c r="N1326">
        <v>74054.979300000006</v>
      </c>
      <c r="O1326">
        <v>24529.773990000002</v>
      </c>
      <c r="P1326">
        <v>33443.167260000002</v>
      </c>
      <c r="Q1326">
        <v>50955.985370000002</v>
      </c>
      <c r="R1326">
        <v>26769.6659</v>
      </c>
      <c r="S1326">
        <v>80118.568660000004</v>
      </c>
      <c r="T1326">
        <v>29330.393960000001</v>
      </c>
      <c r="U1326">
        <v>17946.279780000001</v>
      </c>
      <c r="W1326" s="83">
        <f>Bühler!N1358</f>
        <v>45347.166666663456</v>
      </c>
      <c r="X1326" s="83">
        <v>43156.166666666664</v>
      </c>
      <c r="Y1326">
        <v>171476.74669999999</v>
      </c>
      <c r="Z1326">
        <v>16749.707409999999</v>
      </c>
      <c r="AA1326">
        <v>46502.267610000003</v>
      </c>
      <c r="AB1326">
        <v>40178.379730000001</v>
      </c>
      <c r="AC1326">
        <v>38924.740089999999</v>
      </c>
      <c r="AD1326">
        <v>22255.480930000002</v>
      </c>
      <c r="AE1326">
        <v>38531.694289999999</v>
      </c>
      <c r="AF1326">
        <v>44810.744500000001</v>
      </c>
      <c r="AG1326">
        <v>19390.321469999999</v>
      </c>
      <c r="AH1326">
        <v>209915.66089999999</v>
      </c>
      <c r="AI1326">
        <v>74054.979300000006</v>
      </c>
      <c r="AJ1326">
        <v>24529.773990000002</v>
      </c>
      <c r="AK1326">
        <v>33443.167260000002</v>
      </c>
      <c r="AL1326">
        <v>50955.985370000002</v>
      </c>
      <c r="AM1326">
        <v>26769.6659</v>
      </c>
      <c r="AN1326">
        <v>80118.568660000004</v>
      </c>
      <c r="AO1326">
        <v>29330.393960000001</v>
      </c>
      <c r="AP1326">
        <v>17946.279780000001</v>
      </c>
    </row>
    <row r="1327" spans="2:42" x14ac:dyDescent="0.3">
      <c r="B1327">
        <v>41.615998570781173</v>
      </c>
      <c r="C1327" s="83">
        <v>43156.208333333336</v>
      </c>
      <c r="D1327">
        <v>171199.0355</v>
      </c>
      <c r="E1327">
        <v>17010.744170000002</v>
      </c>
      <c r="F1327">
        <v>47345.647989999998</v>
      </c>
      <c r="G1327">
        <v>40487.09865</v>
      </c>
      <c r="H1327">
        <v>39362.498789999998</v>
      </c>
      <c r="I1327">
        <v>25676.281149999999</v>
      </c>
      <c r="J1327">
        <v>40952.920039999997</v>
      </c>
      <c r="K1327">
        <v>44859.72277</v>
      </c>
      <c r="L1327">
        <v>19368.310860000001</v>
      </c>
      <c r="M1327">
        <v>212177.76800000001</v>
      </c>
      <c r="N1327">
        <v>74081.874500000005</v>
      </c>
      <c r="O1327">
        <v>24421.809720000001</v>
      </c>
      <c r="P1327">
        <v>34024.431960000002</v>
      </c>
      <c r="Q1327">
        <v>50422.382030000001</v>
      </c>
      <c r="R1327">
        <v>28061.331269999999</v>
      </c>
      <c r="S1327">
        <v>82578.240990000006</v>
      </c>
      <c r="T1327">
        <v>29671.143629999999</v>
      </c>
      <c r="U1327">
        <v>18172.69196</v>
      </c>
      <c r="W1327" s="83">
        <f>Bühler!N1359</f>
        <v>45347.20833333012</v>
      </c>
      <c r="X1327" s="83">
        <v>43156.208333333336</v>
      </c>
      <c r="Y1327">
        <v>171199.0355</v>
      </c>
      <c r="Z1327">
        <v>17010.744170000002</v>
      </c>
      <c r="AA1327">
        <v>47345.647989999998</v>
      </c>
      <c r="AB1327">
        <v>40487.09865</v>
      </c>
      <c r="AC1327">
        <v>39362.498789999998</v>
      </c>
      <c r="AD1327">
        <v>25676.281149999999</v>
      </c>
      <c r="AE1327">
        <v>40952.920039999997</v>
      </c>
      <c r="AF1327">
        <v>44859.72277</v>
      </c>
      <c r="AG1327">
        <v>19368.310860000001</v>
      </c>
      <c r="AH1327">
        <v>212177.76800000001</v>
      </c>
      <c r="AI1327">
        <v>74081.874500000005</v>
      </c>
      <c r="AJ1327">
        <v>24421.809720000001</v>
      </c>
      <c r="AK1327">
        <v>34024.431960000002</v>
      </c>
      <c r="AL1327">
        <v>50422.382030000001</v>
      </c>
      <c r="AM1327">
        <v>28061.331269999999</v>
      </c>
      <c r="AN1327">
        <v>82578.240990000006</v>
      </c>
      <c r="AO1327">
        <v>29671.143629999999</v>
      </c>
      <c r="AP1327">
        <v>18172.69196</v>
      </c>
    </row>
    <row r="1328" spans="2:42" x14ac:dyDescent="0.3">
      <c r="B1328">
        <v>41.949588730238347</v>
      </c>
      <c r="C1328" s="83">
        <v>43156.25</v>
      </c>
      <c r="D1328">
        <v>171033.0895</v>
      </c>
      <c r="E1328">
        <v>17469.730960000001</v>
      </c>
      <c r="F1328">
        <v>48820.20104</v>
      </c>
      <c r="G1328">
        <v>41086.086450000003</v>
      </c>
      <c r="H1328">
        <v>39209.538740000004</v>
      </c>
      <c r="I1328">
        <v>28395.252680000001</v>
      </c>
      <c r="J1328">
        <v>43612.316420000003</v>
      </c>
      <c r="K1328">
        <v>44521.629379999998</v>
      </c>
      <c r="L1328">
        <v>20118.967990000001</v>
      </c>
      <c r="M1328">
        <v>213878.5662</v>
      </c>
      <c r="N1328">
        <v>73316.799010000002</v>
      </c>
      <c r="O1328">
        <v>23342.232670000001</v>
      </c>
      <c r="P1328">
        <v>35065.063159999998</v>
      </c>
      <c r="Q1328">
        <v>51014.814279999999</v>
      </c>
      <c r="R1328">
        <v>18281.943449999999</v>
      </c>
      <c r="S1328">
        <v>87614.867530000003</v>
      </c>
      <c r="T1328">
        <v>30795.330259999999</v>
      </c>
      <c r="U1328">
        <v>17072.282719999999</v>
      </c>
      <c r="W1328" s="83">
        <f>Bühler!N1360</f>
        <v>45347.249999996784</v>
      </c>
      <c r="X1328" s="83">
        <v>43156.25</v>
      </c>
      <c r="Y1328">
        <v>171033.0895</v>
      </c>
      <c r="Z1328">
        <v>17469.730960000001</v>
      </c>
      <c r="AA1328">
        <v>48820.20104</v>
      </c>
      <c r="AB1328">
        <v>41086.086450000003</v>
      </c>
      <c r="AC1328">
        <v>39209.538740000004</v>
      </c>
      <c r="AD1328">
        <v>28395.252680000001</v>
      </c>
      <c r="AE1328">
        <v>43612.316420000003</v>
      </c>
      <c r="AF1328">
        <v>44521.629379999998</v>
      </c>
      <c r="AG1328">
        <v>20118.967990000001</v>
      </c>
      <c r="AH1328">
        <v>213878.5662</v>
      </c>
      <c r="AI1328">
        <v>73316.799010000002</v>
      </c>
      <c r="AJ1328">
        <v>23342.232670000001</v>
      </c>
      <c r="AK1328">
        <v>35065.063159999998</v>
      </c>
      <c r="AL1328">
        <v>51014.814279999999</v>
      </c>
      <c r="AM1328">
        <v>18281.943449999999</v>
      </c>
      <c r="AN1328">
        <v>87614.867530000003</v>
      </c>
      <c r="AO1328">
        <v>30795.330259999999</v>
      </c>
      <c r="AP1328">
        <v>17072.282719999999</v>
      </c>
    </row>
    <row r="1329" spans="2:42" x14ac:dyDescent="0.3">
      <c r="B1329">
        <v>41.727152467265</v>
      </c>
      <c r="C1329" s="83">
        <v>43156.291666666664</v>
      </c>
      <c r="D1329">
        <v>170761.2199</v>
      </c>
      <c r="E1329">
        <v>17918.522369999999</v>
      </c>
      <c r="F1329">
        <v>51366.758540000003</v>
      </c>
      <c r="G1329">
        <v>41300.883249999999</v>
      </c>
      <c r="H1329">
        <v>39128.810859999998</v>
      </c>
      <c r="I1329">
        <v>30509.083559999999</v>
      </c>
      <c r="J1329">
        <v>44339.886500000001</v>
      </c>
      <c r="K1329">
        <v>43321.996429999999</v>
      </c>
      <c r="L1329">
        <v>21651.917809999999</v>
      </c>
      <c r="M1329">
        <v>212744.48240000001</v>
      </c>
      <c r="N1329">
        <v>73510.429130000004</v>
      </c>
      <c r="O1329">
        <v>23552.748510000001</v>
      </c>
      <c r="P1329">
        <v>36900.983220000002</v>
      </c>
      <c r="Q1329">
        <v>50442.923880000002</v>
      </c>
      <c r="R1329">
        <v>17088.118190000001</v>
      </c>
      <c r="S1329">
        <v>94398.000159999996</v>
      </c>
      <c r="T1329">
        <v>29392.141060000002</v>
      </c>
      <c r="U1329">
        <v>16888.54434</v>
      </c>
      <c r="W1329" s="83">
        <f>Bühler!N1361</f>
        <v>45347.291666663448</v>
      </c>
      <c r="X1329" s="83">
        <v>43156.291666666664</v>
      </c>
      <c r="Y1329">
        <v>170761.2199</v>
      </c>
      <c r="Z1329">
        <v>17918.522369999999</v>
      </c>
      <c r="AA1329">
        <v>51366.758540000003</v>
      </c>
      <c r="AB1329">
        <v>41300.883249999999</v>
      </c>
      <c r="AC1329">
        <v>39128.810859999998</v>
      </c>
      <c r="AD1329">
        <v>30509.083559999999</v>
      </c>
      <c r="AE1329">
        <v>44339.886500000001</v>
      </c>
      <c r="AF1329">
        <v>43321.996429999999</v>
      </c>
      <c r="AG1329">
        <v>21651.917809999999</v>
      </c>
      <c r="AH1329">
        <v>212744.48240000001</v>
      </c>
      <c r="AI1329">
        <v>73510.429130000004</v>
      </c>
      <c r="AJ1329">
        <v>23552.748510000001</v>
      </c>
      <c r="AK1329">
        <v>36900.983220000002</v>
      </c>
      <c r="AL1329">
        <v>50442.923880000002</v>
      </c>
      <c r="AM1329">
        <v>17088.118190000001</v>
      </c>
      <c r="AN1329">
        <v>94398.000159999996</v>
      </c>
      <c r="AO1329">
        <v>29392.141060000002</v>
      </c>
      <c r="AP1329">
        <v>16888.54434</v>
      </c>
    </row>
    <row r="1330" spans="2:42" x14ac:dyDescent="0.3">
      <c r="B1330">
        <v>41.149389724033838</v>
      </c>
      <c r="C1330" s="83">
        <v>43156.333333333336</v>
      </c>
      <c r="D1330">
        <v>169194.05549999999</v>
      </c>
      <c r="E1330">
        <v>18104.636340000001</v>
      </c>
      <c r="F1330">
        <v>52191.791510000003</v>
      </c>
      <c r="G1330">
        <v>40035.005120000002</v>
      </c>
      <c r="H1330">
        <v>38613.989509999999</v>
      </c>
      <c r="I1330">
        <v>30600.566859999999</v>
      </c>
      <c r="J1330">
        <v>43728.514049999998</v>
      </c>
      <c r="K1330">
        <v>43491.09506</v>
      </c>
      <c r="L1330">
        <v>23231.820909999999</v>
      </c>
      <c r="M1330">
        <v>209798.77849999999</v>
      </c>
      <c r="N1330">
        <v>73947.778139999995</v>
      </c>
      <c r="O1330">
        <v>22920.345539999998</v>
      </c>
      <c r="P1330">
        <v>39407.8776</v>
      </c>
      <c r="Q1330">
        <v>49629.513550000003</v>
      </c>
      <c r="R1330">
        <v>17911.997930000001</v>
      </c>
      <c r="S1330">
        <v>95776.539579999997</v>
      </c>
      <c r="T1330">
        <v>31008.127799999998</v>
      </c>
      <c r="U1330">
        <v>16019.484899999999</v>
      </c>
      <c r="W1330" s="83">
        <f>Bühler!N1362</f>
        <v>45347.333333330113</v>
      </c>
      <c r="X1330" s="83">
        <v>43156.333333333336</v>
      </c>
      <c r="Y1330">
        <v>169194.05549999999</v>
      </c>
      <c r="Z1330">
        <v>18104.636340000001</v>
      </c>
      <c r="AA1330">
        <v>52191.791510000003</v>
      </c>
      <c r="AB1330">
        <v>40035.005120000002</v>
      </c>
      <c r="AC1330">
        <v>38613.989509999999</v>
      </c>
      <c r="AD1330">
        <v>30600.566859999999</v>
      </c>
      <c r="AE1330">
        <v>43728.514049999998</v>
      </c>
      <c r="AF1330">
        <v>43491.09506</v>
      </c>
      <c r="AG1330">
        <v>23231.820909999999</v>
      </c>
      <c r="AH1330">
        <v>209798.77849999999</v>
      </c>
      <c r="AI1330">
        <v>73947.778139999995</v>
      </c>
      <c r="AJ1330">
        <v>22920.345539999998</v>
      </c>
      <c r="AK1330">
        <v>39407.8776</v>
      </c>
      <c r="AL1330">
        <v>49629.513550000003</v>
      </c>
      <c r="AM1330">
        <v>17911.997930000001</v>
      </c>
      <c r="AN1330">
        <v>95776.539579999997</v>
      </c>
      <c r="AO1330">
        <v>31008.127799999998</v>
      </c>
      <c r="AP1330">
        <v>16019.484899999999</v>
      </c>
    </row>
    <row r="1331" spans="2:42" x14ac:dyDescent="0.3">
      <c r="B1331">
        <v>40.201841642712786</v>
      </c>
      <c r="C1331" s="83">
        <v>43156.375</v>
      </c>
      <c r="D1331">
        <v>168222.68969999999</v>
      </c>
      <c r="E1331">
        <v>18381.07044</v>
      </c>
      <c r="F1331">
        <v>53476.92067</v>
      </c>
      <c r="G1331">
        <v>39629.108229999998</v>
      </c>
      <c r="H1331">
        <v>38471.312830000003</v>
      </c>
      <c r="I1331">
        <v>29393.650020000001</v>
      </c>
      <c r="J1331">
        <v>43152.016170000003</v>
      </c>
      <c r="K1331">
        <v>44670.754659999999</v>
      </c>
      <c r="L1331">
        <v>25180.447639999999</v>
      </c>
      <c r="M1331">
        <v>204967.7365</v>
      </c>
      <c r="N1331">
        <v>78331.120909999998</v>
      </c>
      <c r="O1331">
        <v>22895.753479999999</v>
      </c>
      <c r="P1331">
        <v>42527.608979999997</v>
      </c>
      <c r="Q1331">
        <v>49044.650560000002</v>
      </c>
      <c r="R1331">
        <v>18214.54076</v>
      </c>
      <c r="S1331">
        <v>97188.423670000004</v>
      </c>
      <c r="T1331">
        <v>32005.121090000001</v>
      </c>
      <c r="U1331">
        <v>15832.06107</v>
      </c>
      <c r="W1331" s="83">
        <f>Bühler!N1363</f>
        <v>45347.374999996777</v>
      </c>
      <c r="X1331" s="83">
        <v>43156.375</v>
      </c>
      <c r="Y1331">
        <v>168222.68969999999</v>
      </c>
      <c r="Z1331">
        <v>18381.07044</v>
      </c>
      <c r="AA1331">
        <v>53476.92067</v>
      </c>
      <c r="AB1331">
        <v>39629.108229999998</v>
      </c>
      <c r="AC1331">
        <v>38471.312830000003</v>
      </c>
      <c r="AD1331">
        <v>29393.650020000001</v>
      </c>
      <c r="AE1331">
        <v>43152.016170000003</v>
      </c>
      <c r="AF1331">
        <v>44670.754659999999</v>
      </c>
      <c r="AG1331">
        <v>25180.447639999999</v>
      </c>
      <c r="AH1331">
        <v>204967.7365</v>
      </c>
      <c r="AI1331">
        <v>78331.120909999998</v>
      </c>
      <c r="AJ1331">
        <v>22895.753479999999</v>
      </c>
      <c r="AK1331">
        <v>42527.608979999997</v>
      </c>
      <c r="AL1331">
        <v>49044.650560000002</v>
      </c>
      <c r="AM1331">
        <v>18214.54076</v>
      </c>
      <c r="AN1331">
        <v>97188.423670000004</v>
      </c>
      <c r="AO1331">
        <v>32005.121090000001</v>
      </c>
      <c r="AP1331">
        <v>15832.06107</v>
      </c>
    </row>
    <row r="1332" spans="2:42" x14ac:dyDescent="0.3">
      <c r="B1332">
        <v>40.58300808957307</v>
      </c>
      <c r="C1332" s="83">
        <v>43156.416666666664</v>
      </c>
      <c r="D1332">
        <v>167405.20110000001</v>
      </c>
      <c r="E1332">
        <v>18564.28328</v>
      </c>
      <c r="F1332">
        <v>52792.262360000001</v>
      </c>
      <c r="G1332">
        <v>39294.823199999999</v>
      </c>
      <c r="H1332">
        <v>38647.247210000001</v>
      </c>
      <c r="I1332">
        <v>27696.460620000002</v>
      </c>
      <c r="J1332">
        <v>41738.178200000002</v>
      </c>
      <c r="K1332">
        <v>46497.738089999999</v>
      </c>
      <c r="L1332">
        <v>27637.51973</v>
      </c>
      <c r="M1332">
        <v>206911.10079999999</v>
      </c>
      <c r="N1332">
        <v>81954.319210000001</v>
      </c>
      <c r="O1332">
        <v>22869.890240000001</v>
      </c>
      <c r="P1332">
        <v>42936.540070000003</v>
      </c>
      <c r="Q1332">
        <v>49217.58567</v>
      </c>
      <c r="R1332">
        <v>18462.418659999999</v>
      </c>
      <c r="S1332">
        <v>96227.764949999997</v>
      </c>
      <c r="T1332">
        <v>32913.472880000001</v>
      </c>
      <c r="U1332">
        <v>15189.21747</v>
      </c>
      <c r="W1332" s="83">
        <f>Bühler!N1364</f>
        <v>45347.416666663441</v>
      </c>
      <c r="X1332" s="83">
        <v>43156.416666666664</v>
      </c>
      <c r="Y1332">
        <v>167405.20110000001</v>
      </c>
      <c r="Z1332">
        <v>18564.28328</v>
      </c>
      <c r="AA1332">
        <v>52792.262360000001</v>
      </c>
      <c r="AB1332">
        <v>39294.823199999999</v>
      </c>
      <c r="AC1332">
        <v>38647.247210000001</v>
      </c>
      <c r="AD1332">
        <v>27696.460620000002</v>
      </c>
      <c r="AE1332">
        <v>41738.178200000002</v>
      </c>
      <c r="AF1332">
        <v>46497.738089999999</v>
      </c>
      <c r="AG1332">
        <v>27637.51973</v>
      </c>
      <c r="AH1332">
        <v>206911.10079999999</v>
      </c>
      <c r="AI1332">
        <v>81954.319210000001</v>
      </c>
      <c r="AJ1332">
        <v>22869.890240000001</v>
      </c>
      <c r="AK1332">
        <v>42936.540070000003</v>
      </c>
      <c r="AL1332">
        <v>49217.58567</v>
      </c>
      <c r="AM1332">
        <v>18462.418659999999</v>
      </c>
      <c r="AN1332">
        <v>96227.764949999997</v>
      </c>
      <c r="AO1332">
        <v>32913.472880000001</v>
      </c>
      <c r="AP1332">
        <v>15189.21747</v>
      </c>
    </row>
    <row r="1333" spans="2:42" x14ac:dyDescent="0.3">
      <c r="B1333">
        <v>40.755343345132097</v>
      </c>
      <c r="C1333" s="83">
        <v>43156.458333333336</v>
      </c>
      <c r="D1333">
        <v>166105.04250000001</v>
      </c>
      <c r="E1333">
        <v>18442.76252</v>
      </c>
      <c r="F1333">
        <v>53053.229890000002</v>
      </c>
      <c r="G1333">
        <v>38679.533080000001</v>
      </c>
      <c r="H1333">
        <v>38695.876279999997</v>
      </c>
      <c r="I1333">
        <v>25879.695449999999</v>
      </c>
      <c r="J1333">
        <v>40405.570509999998</v>
      </c>
      <c r="K1333">
        <v>49431.811690000002</v>
      </c>
      <c r="L1333">
        <v>28789.64014</v>
      </c>
      <c r="M1333">
        <v>207789.7463</v>
      </c>
      <c r="N1333">
        <v>82132.591629999995</v>
      </c>
      <c r="O1333">
        <v>22489.413479999999</v>
      </c>
      <c r="P1333">
        <v>41705.96254</v>
      </c>
      <c r="Q1333">
        <v>48746.74944</v>
      </c>
      <c r="R1333">
        <v>20727.091359999999</v>
      </c>
      <c r="S1333">
        <v>97019.86752</v>
      </c>
      <c r="T1333">
        <v>33321.795140000002</v>
      </c>
      <c r="U1333">
        <v>14624.962390000001</v>
      </c>
      <c r="W1333" s="83">
        <f>Bühler!N1365</f>
        <v>45347.458333330105</v>
      </c>
      <c r="X1333" s="83">
        <v>43156.458333333336</v>
      </c>
      <c r="Y1333">
        <v>166105.04250000001</v>
      </c>
      <c r="Z1333">
        <v>18442.76252</v>
      </c>
      <c r="AA1333">
        <v>53053.229890000002</v>
      </c>
      <c r="AB1333">
        <v>38679.533080000001</v>
      </c>
      <c r="AC1333">
        <v>38695.876279999997</v>
      </c>
      <c r="AD1333">
        <v>25879.695449999999</v>
      </c>
      <c r="AE1333">
        <v>40405.570509999998</v>
      </c>
      <c r="AF1333">
        <v>49431.811690000002</v>
      </c>
      <c r="AG1333">
        <v>28789.64014</v>
      </c>
      <c r="AH1333">
        <v>207789.7463</v>
      </c>
      <c r="AI1333">
        <v>82132.591629999995</v>
      </c>
      <c r="AJ1333">
        <v>22489.413479999999</v>
      </c>
      <c r="AK1333">
        <v>41705.96254</v>
      </c>
      <c r="AL1333">
        <v>48746.74944</v>
      </c>
      <c r="AM1333">
        <v>20727.091359999999</v>
      </c>
      <c r="AN1333">
        <v>97019.86752</v>
      </c>
      <c r="AO1333">
        <v>33321.795140000002</v>
      </c>
      <c r="AP1333">
        <v>14624.962390000001</v>
      </c>
    </row>
    <row r="1334" spans="2:42" x14ac:dyDescent="0.3">
      <c r="B1334">
        <v>40.633554897714042</v>
      </c>
      <c r="C1334" s="83">
        <v>43156.5</v>
      </c>
      <c r="D1334">
        <v>165487.0294</v>
      </c>
      <c r="E1334">
        <v>18124.27648</v>
      </c>
      <c r="F1334">
        <v>50731.868179999998</v>
      </c>
      <c r="G1334">
        <v>38360.699130000001</v>
      </c>
      <c r="H1334">
        <v>37515.557139999997</v>
      </c>
      <c r="I1334">
        <v>25835.6885</v>
      </c>
      <c r="J1334">
        <v>40108.600599999998</v>
      </c>
      <c r="K1334">
        <v>48846.460610000002</v>
      </c>
      <c r="L1334">
        <v>30416.478299999999</v>
      </c>
      <c r="M1334">
        <v>207168.81200000001</v>
      </c>
      <c r="N1334">
        <v>80239.784820000001</v>
      </c>
      <c r="O1334">
        <v>22111.042239999999</v>
      </c>
      <c r="P1334">
        <v>40492.853069999997</v>
      </c>
      <c r="Q1334">
        <v>47359.814570000002</v>
      </c>
      <c r="R1334">
        <v>19048.30573</v>
      </c>
      <c r="S1334">
        <v>92207.434389999995</v>
      </c>
      <c r="T1334">
        <v>32597.647430000001</v>
      </c>
      <c r="U1334">
        <v>13746.08697</v>
      </c>
      <c r="W1334" s="83">
        <f>Bühler!N1366</f>
        <v>45347.499999996769</v>
      </c>
      <c r="X1334" s="83">
        <v>43156.5</v>
      </c>
      <c r="Y1334">
        <v>165487.0294</v>
      </c>
      <c r="Z1334">
        <v>18124.27648</v>
      </c>
      <c r="AA1334">
        <v>50731.868179999998</v>
      </c>
      <c r="AB1334">
        <v>38360.699130000001</v>
      </c>
      <c r="AC1334">
        <v>37515.557139999997</v>
      </c>
      <c r="AD1334">
        <v>25835.6885</v>
      </c>
      <c r="AE1334">
        <v>40108.600599999998</v>
      </c>
      <c r="AF1334">
        <v>48846.460610000002</v>
      </c>
      <c r="AG1334">
        <v>30416.478299999999</v>
      </c>
      <c r="AH1334">
        <v>207168.81200000001</v>
      </c>
      <c r="AI1334">
        <v>80239.784820000001</v>
      </c>
      <c r="AJ1334">
        <v>22111.042239999999</v>
      </c>
      <c r="AK1334">
        <v>40492.853069999997</v>
      </c>
      <c r="AL1334">
        <v>47359.814570000002</v>
      </c>
      <c r="AM1334">
        <v>19048.30573</v>
      </c>
      <c r="AN1334">
        <v>92207.434389999995</v>
      </c>
      <c r="AO1334">
        <v>32597.647430000001</v>
      </c>
      <c r="AP1334">
        <v>13746.08697</v>
      </c>
    </row>
    <row r="1335" spans="2:42" x14ac:dyDescent="0.3">
      <c r="B1335">
        <v>40.483451209924183</v>
      </c>
      <c r="C1335" s="83">
        <v>43156.541666666664</v>
      </c>
      <c r="D1335">
        <v>165245.9578</v>
      </c>
      <c r="E1335">
        <v>17896.090270000001</v>
      </c>
      <c r="F1335">
        <v>45681.061300000001</v>
      </c>
      <c r="G1335">
        <v>38095.264069999997</v>
      </c>
      <c r="H1335">
        <v>37119.08541</v>
      </c>
      <c r="I1335">
        <v>25416.753519999998</v>
      </c>
      <c r="J1335">
        <v>39024.603179999998</v>
      </c>
      <c r="K1335">
        <v>48333.79264</v>
      </c>
      <c r="L1335">
        <v>30196.760429999998</v>
      </c>
      <c r="M1335">
        <v>206403.5134</v>
      </c>
      <c r="N1335">
        <v>79014.150829999999</v>
      </c>
      <c r="O1335">
        <v>21647.568019999999</v>
      </c>
      <c r="P1335">
        <v>39207.189989999999</v>
      </c>
      <c r="Q1335">
        <v>45554.631710000001</v>
      </c>
      <c r="R1335">
        <v>18444.71516</v>
      </c>
      <c r="S1335">
        <v>92996.964259999993</v>
      </c>
      <c r="T1335">
        <v>31853.975849999999</v>
      </c>
      <c r="U1335">
        <v>13659.81767</v>
      </c>
      <c r="W1335" s="83">
        <f>Bühler!N1367</f>
        <v>45347.541666663434</v>
      </c>
      <c r="X1335" s="83">
        <v>43156.541666666664</v>
      </c>
      <c r="Y1335">
        <v>165245.9578</v>
      </c>
      <c r="Z1335">
        <v>17896.090270000001</v>
      </c>
      <c r="AA1335">
        <v>45681.061300000001</v>
      </c>
      <c r="AB1335">
        <v>38095.264069999997</v>
      </c>
      <c r="AC1335">
        <v>37119.08541</v>
      </c>
      <c r="AD1335">
        <v>25416.753519999998</v>
      </c>
      <c r="AE1335">
        <v>39024.603179999998</v>
      </c>
      <c r="AF1335">
        <v>48333.79264</v>
      </c>
      <c r="AG1335">
        <v>30196.760429999998</v>
      </c>
      <c r="AH1335">
        <v>206403.5134</v>
      </c>
      <c r="AI1335">
        <v>79014.150829999999</v>
      </c>
      <c r="AJ1335">
        <v>21647.568019999999</v>
      </c>
      <c r="AK1335">
        <v>39207.189989999999</v>
      </c>
      <c r="AL1335">
        <v>45554.631710000001</v>
      </c>
      <c r="AM1335">
        <v>18444.71516</v>
      </c>
      <c r="AN1335">
        <v>92996.964259999993</v>
      </c>
      <c r="AO1335">
        <v>31853.975849999999</v>
      </c>
      <c r="AP1335">
        <v>13659.81767</v>
      </c>
    </row>
    <row r="1336" spans="2:42" x14ac:dyDescent="0.3">
      <c r="B1336">
        <v>40.678101372039279</v>
      </c>
      <c r="C1336" s="83">
        <v>43156.583333333336</v>
      </c>
      <c r="D1336">
        <v>165356.91440000001</v>
      </c>
      <c r="E1336">
        <v>17699.010119999999</v>
      </c>
      <c r="F1336">
        <v>44921.744570000003</v>
      </c>
      <c r="G1336">
        <v>37571.440170000002</v>
      </c>
      <c r="H1336">
        <v>36539.388440000002</v>
      </c>
      <c r="I1336">
        <v>25538.93374</v>
      </c>
      <c r="J1336">
        <v>37967.705479999997</v>
      </c>
      <c r="K1336">
        <v>46787.102740000002</v>
      </c>
      <c r="L1336">
        <v>28975.851409999999</v>
      </c>
      <c r="M1336">
        <v>207395.9307</v>
      </c>
      <c r="N1336">
        <v>77703.781350000005</v>
      </c>
      <c r="O1336">
        <v>21416.010849999999</v>
      </c>
      <c r="P1336">
        <v>36455.043389999999</v>
      </c>
      <c r="Q1336">
        <v>45095.074959999998</v>
      </c>
      <c r="R1336">
        <v>18857.782950000001</v>
      </c>
      <c r="S1336">
        <v>90441.438680000007</v>
      </c>
      <c r="T1336">
        <v>31444.085780000001</v>
      </c>
      <c r="U1336">
        <v>13578.26324</v>
      </c>
      <c r="W1336" s="83">
        <f>Bühler!N1368</f>
        <v>45347.583333330098</v>
      </c>
      <c r="X1336" s="83">
        <v>43156.583333333336</v>
      </c>
      <c r="Y1336">
        <v>165356.91440000001</v>
      </c>
      <c r="Z1336">
        <v>17699.010119999999</v>
      </c>
      <c r="AA1336">
        <v>44921.744570000003</v>
      </c>
      <c r="AB1336">
        <v>37571.440170000002</v>
      </c>
      <c r="AC1336">
        <v>36539.388440000002</v>
      </c>
      <c r="AD1336">
        <v>25538.93374</v>
      </c>
      <c r="AE1336">
        <v>37967.705479999997</v>
      </c>
      <c r="AF1336">
        <v>46787.102740000002</v>
      </c>
      <c r="AG1336">
        <v>28975.851409999999</v>
      </c>
      <c r="AH1336">
        <v>207395.9307</v>
      </c>
      <c r="AI1336">
        <v>77703.781350000005</v>
      </c>
      <c r="AJ1336">
        <v>21416.010849999999</v>
      </c>
      <c r="AK1336">
        <v>36455.043389999999</v>
      </c>
      <c r="AL1336">
        <v>45095.074959999998</v>
      </c>
      <c r="AM1336">
        <v>18857.782950000001</v>
      </c>
      <c r="AN1336">
        <v>90441.438680000007</v>
      </c>
      <c r="AO1336">
        <v>31444.085780000001</v>
      </c>
      <c r="AP1336">
        <v>13578.26324</v>
      </c>
    </row>
    <row r="1337" spans="2:42" x14ac:dyDescent="0.3">
      <c r="B1337">
        <v>40.902188758985091</v>
      </c>
      <c r="C1337" s="83">
        <v>43156.625</v>
      </c>
      <c r="D1337">
        <v>165300.8609</v>
      </c>
      <c r="E1337">
        <v>17602.537789999998</v>
      </c>
      <c r="F1337">
        <v>45275.850489999997</v>
      </c>
      <c r="G1337">
        <v>37387.253770000003</v>
      </c>
      <c r="H1337">
        <v>36336.161659999998</v>
      </c>
      <c r="I1337">
        <v>25539.724709999999</v>
      </c>
      <c r="J1337">
        <v>37660.888220000001</v>
      </c>
      <c r="K1337">
        <v>46964.586719999999</v>
      </c>
      <c r="L1337">
        <v>27266.42511</v>
      </c>
      <c r="M1337">
        <v>208538.4327</v>
      </c>
      <c r="N1337">
        <v>78069.226809999993</v>
      </c>
      <c r="O1337">
        <v>20930.080129999998</v>
      </c>
      <c r="P1337">
        <v>35068.399700000002</v>
      </c>
      <c r="Q1337">
        <v>45088.274490000003</v>
      </c>
      <c r="R1337">
        <v>18567.086240000001</v>
      </c>
      <c r="S1337">
        <v>89318.564849999995</v>
      </c>
      <c r="T1337">
        <v>31526.890930000001</v>
      </c>
      <c r="U1337">
        <v>13327.538909999999</v>
      </c>
      <c r="W1337" s="83">
        <f>Bühler!N1369</f>
        <v>45347.624999996762</v>
      </c>
      <c r="X1337" s="83">
        <v>43156.625</v>
      </c>
      <c r="Y1337">
        <v>165300.8609</v>
      </c>
      <c r="Z1337">
        <v>17602.537789999998</v>
      </c>
      <c r="AA1337">
        <v>45275.850489999997</v>
      </c>
      <c r="AB1337">
        <v>37387.253770000003</v>
      </c>
      <c r="AC1337">
        <v>36336.161659999998</v>
      </c>
      <c r="AD1337">
        <v>25539.724709999999</v>
      </c>
      <c r="AE1337">
        <v>37660.888220000001</v>
      </c>
      <c r="AF1337">
        <v>46964.586719999999</v>
      </c>
      <c r="AG1337">
        <v>27266.42511</v>
      </c>
      <c r="AH1337">
        <v>208538.4327</v>
      </c>
      <c r="AI1337">
        <v>78069.226809999993</v>
      </c>
      <c r="AJ1337">
        <v>20930.080129999998</v>
      </c>
      <c r="AK1337">
        <v>35068.399700000002</v>
      </c>
      <c r="AL1337">
        <v>45088.274490000003</v>
      </c>
      <c r="AM1337">
        <v>18567.086240000001</v>
      </c>
      <c r="AN1337">
        <v>89318.564849999995</v>
      </c>
      <c r="AO1337">
        <v>31526.890930000001</v>
      </c>
      <c r="AP1337">
        <v>13327.538909999999</v>
      </c>
    </row>
    <row r="1338" spans="2:42" x14ac:dyDescent="0.3">
      <c r="B1338">
        <v>40.818581597260355</v>
      </c>
      <c r="C1338" s="83">
        <v>43156.666666666664</v>
      </c>
      <c r="D1338">
        <v>165939.22399999999</v>
      </c>
      <c r="E1338">
        <v>17683.717110000001</v>
      </c>
      <c r="F1338">
        <v>45285.686139999998</v>
      </c>
      <c r="G1338">
        <v>37272.89183</v>
      </c>
      <c r="H1338">
        <v>36699.233780000002</v>
      </c>
      <c r="I1338">
        <v>26247.642660000001</v>
      </c>
      <c r="J1338">
        <v>37503.451569999997</v>
      </c>
      <c r="K1338">
        <v>45857.300150000003</v>
      </c>
      <c r="L1338">
        <v>26411.524529999999</v>
      </c>
      <c r="M1338">
        <v>208112.16440000001</v>
      </c>
      <c r="N1338">
        <v>75371.214019999999</v>
      </c>
      <c r="O1338">
        <v>21107.83541</v>
      </c>
      <c r="P1338">
        <v>34217.092729999997</v>
      </c>
      <c r="Q1338">
        <v>45484.514410000003</v>
      </c>
      <c r="R1338">
        <v>18467.064610000001</v>
      </c>
      <c r="S1338">
        <v>90324.629860000001</v>
      </c>
      <c r="T1338">
        <v>31024.856670000001</v>
      </c>
      <c r="U1338">
        <v>13645.51348</v>
      </c>
      <c r="W1338" s="83">
        <f>Bühler!N1370</f>
        <v>45347.666666663426</v>
      </c>
      <c r="X1338" s="83">
        <v>43156.666666666664</v>
      </c>
      <c r="Y1338">
        <v>165939.22399999999</v>
      </c>
      <c r="Z1338">
        <v>17683.717110000001</v>
      </c>
      <c r="AA1338">
        <v>45285.686139999998</v>
      </c>
      <c r="AB1338">
        <v>37272.89183</v>
      </c>
      <c r="AC1338">
        <v>36699.233780000002</v>
      </c>
      <c r="AD1338">
        <v>26247.642660000001</v>
      </c>
      <c r="AE1338">
        <v>37503.451569999997</v>
      </c>
      <c r="AF1338">
        <v>45857.300150000003</v>
      </c>
      <c r="AG1338">
        <v>26411.524529999999</v>
      </c>
      <c r="AH1338">
        <v>208112.16440000001</v>
      </c>
      <c r="AI1338">
        <v>75371.214019999999</v>
      </c>
      <c r="AJ1338">
        <v>21107.83541</v>
      </c>
      <c r="AK1338">
        <v>34217.092729999997</v>
      </c>
      <c r="AL1338">
        <v>45484.514410000003</v>
      </c>
      <c r="AM1338">
        <v>18467.064610000001</v>
      </c>
      <c r="AN1338">
        <v>90324.629860000001</v>
      </c>
      <c r="AO1338">
        <v>31024.856670000001</v>
      </c>
      <c r="AP1338">
        <v>13645.51348</v>
      </c>
    </row>
    <row r="1339" spans="2:42" x14ac:dyDescent="0.3">
      <c r="B1339">
        <v>41.263098682986708</v>
      </c>
      <c r="C1339" s="83">
        <v>43156.708333333336</v>
      </c>
      <c r="D1339">
        <v>167102.3095</v>
      </c>
      <c r="E1339">
        <v>17752.313819999999</v>
      </c>
      <c r="F1339">
        <v>46076.989099999999</v>
      </c>
      <c r="G1339">
        <v>37993.551079999997</v>
      </c>
      <c r="H1339">
        <v>36729.419179999997</v>
      </c>
      <c r="I1339">
        <v>27541.552</v>
      </c>
      <c r="J1339">
        <v>37771.472370000003</v>
      </c>
      <c r="K1339">
        <v>44565.480810000001</v>
      </c>
      <c r="L1339">
        <v>26797.691449999998</v>
      </c>
      <c r="M1339">
        <v>210378.51980000001</v>
      </c>
      <c r="N1339">
        <v>70845.017370000001</v>
      </c>
      <c r="O1339">
        <v>21290.826389999998</v>
      </c>
      <c r="P1339">
        <v>35419.117619999997</v>
      </c>
      <c r="Q1339">
        <v>46351.826730000001</v>
      </c>
      <c r="R1339">
        <v>20868.086960000001</v>
      </c>
      <c r="S1339">
        <v>93043.752630000003</v>
      </c>
      <c r="T1339">
        <v>30984.241569999998</v>
      </c>
      <c r="U1339">
        <v>14395.48143</v>
      </c>
      <c r="W1339" s="83">
        <f>Bühler!N1371</f>
        <v>45347.708333330091</v>
      </c>
      <c r="X1339" s="83">
        <v>43156.708333333336</v>
      </c>
      <c r="Y1339">
        <v>167102.3095</v>
      </c>
      <c r="Z1339">
        <v>17752.313819999999</v>
      </c>
      <c r="AA1339">
        <v>46076.989099999999</v>
      </c>
      <c r="AB1339">
        <v>37993.551079999997</v>
      </c>
      <c r="AC1339">
        <v>36729.419179999997</v>
      </c>
      <c r="AD1339">
        <v>27541.552</v>
      </c>
      <c r="AE1339">
        <v>37771.472370000003</v>
      </c>
      <c r="AF1339">
        <v>44565.480810000001</v>
      </c>
      <c r="AG1339">
        <v>26797.691449999998</v>
      </c>
      <c r="AH1339">
        <v>210378.51980000001</v>
      </c>
      <c r="AI1339">
        <v>70845.017370000001</v>
      </c>
      <c r="AJ1339">
        <v>21290.826389999998</v>
      </c>
      <c r="AK1339">
        <v>35419.117619999997</v>
      </c>
      <c r="AL1339">
        <v>46351.826730000001</v>
      </c>
      <c r="AM1339">
        <v>20868.086960000001</v>
      </c>
      <c r="AN1339">
        <v>93043.752630000003</v>
      </c>
      <c r="AO1339">
        <v>30984.241569999998</v>
      </c>
      <c r="AP1339">
        <v>14395.48143</v>
      </c>
    </row>
    <row r="1340" spans="2:42" x14ac:dyDescent="0.3">
      <c r="B1340">
        <v>41.481436419344703</v>
      </c>
      <c r="C1340" s="83">
        <v>43156.75</v>
      </c>
      <c r="D1340">
        <v>170419.6213</v>
      </c>
      <c r="E1340">
        <v>18093.191129999999</v>
      </c>
      <c r="F1340">
        <v>46409.491240000003</v>
      </c>
      <c r="G1340">
        <v>39637.667849999998</v>
      </c>
      <c r="H1340">
        <v>37687.107680000001</v>
      </c>
      <c r="I1340">
        <v>27296.105319999999</v>
      </c>
      <c r="J1340">
        <v>40710.637710000003</v>
      </c>
      <c r="K1340">
        <v>46422.614269999998</v>
      </c>
      <c r="L1340">
        <v>28934.401160000001</v>
      </c>
      <c r="M1340">
        <v>211491.70740000001</v>
      </c>
      <c r="N1340">
        <v>71295.575710000005</v>
      </c>
      <c r="O1340">
        <v>22303.943719999999</v>
      </c>
      <c r="P1340">
        <v>38260.899250000002</v>
      </c>
      <c r="Q1340">
        <v>47246.154289999999</v>
      </c>
      <c r="R1340">
        <v>19863.301049999998</v>
      </c>
      <c r="S1340">
        <v>93725.102249999996</v>
      </c>
      <c r="T1340">
        <v>31259.285810000001</v>
      </c>
      <c r="U1340">
        <v>15448.45984</v>
      </c>
      <c r="W1340" s="83">
        <f>Bühler!N1372</f>
        <v>45347.749999996755</v>
      </c>
      <c r="X1340" s="83">
        <v>43156.75</v>
      </c>
      <c r="Y1340">
        <v>170419.6213</v>
      </c>
      <c r="Z1340">
        <v>18093.191129999999</v>
      </c>
      <c r="AA1340">
        <v>46409.491240000003</v>
      </c>
      <c r="AB1340">
        <v>39637.667849999998</v>
      </c>
      <c r="AC1340">
        <v>37687.107680000001</v>
      </c>
      <c r="AD1340">
        <v>27296.105319999999</v>
      </c>
      <c r="AE1340">
        <v>40710.637710000003</v>
      </c>
      <c r="AF1340">
        <v>46422.614269999998</v>
      </c>
      <c r="AG1340">
        <v>28934.401160000001</v>
      </c>
      <c r="AH1340">
        <v>211491.70740000001</v>
      </c>
      <c r="AI1340">
        <v>71295.575710000005</v>
      </c>
      <c r="AJ1340">
        <v>22303.943719999999</v>
      </c>
      <c r="AK1340">
        <v>38260.899250000002</v>
      </c>
      <c r="AL1340">
        <v>47246.154289999999</v>
      </c>
      <c r="AM1340">
        <v>19863.301049999998</v>
      </c>
      <c r="AN1340">
        <v>93725.102249999996</v>
      </c>
      <c r="AO1340">
        <v>31259.285810000001</v>
      </c>
      <c r="AP1340">
        <v>15448.45984</v>
      </c>
    </row>
    <row r="1341" spans="2:42" x14ac:dyDescent="0.3">
      <c r="B1341">
        <v>41.552905303428815</v>
      </c>
      <c r="C1341" s="83">
        <v>43156.791666666664</v>
      </c>
      <c r="D1341">
        <v>173204.014</v>
      </c>
      <c r="E1341">
        <v>17665.2814</v>
      </c>
      <c r="F1341">
        <v>46554.911910000003</v>
      </c>
      <c r="G1341">
        <v>41269.560279999998</v>
      </c>
      <c r="H1341">
        <v>39330.206359999996</v>
      </c>
      <c r="I1341">
        <v>28000.303019999999</v>
      </c>
      <c r="J1341">
        <v>42362.205730000001</v>
      </c>
      <c r="K1341">
        <v>48387.412909999999</v>
      </c>
      <c r="L1341">
        <v>30098.72249</v>
      </c>
      <c r="M1341">
        <v>211856.08910000001</v>
      </c>
      <c r="N1341">
        <v>72726.065900000001</v>
      </c>
      <c r="O1341">
        <v>22779.043659999999</v>
      </c>
      <c r="P1341">
        <v>39826.728309999999</v>
      </c>
      <c r="Q1341">
        <v>48282.298280000003</v>
      </c>
      <c r="R1341">
        <v>21006.097679999999</v>
      </c>
      <c r="S1341">
        <v>94384.641669999997</v>
      </c>
      <c r="T1341">
        <v>31378.94442</v>
      </c>
      <c r="U1341">
        <v>16251.50462</v>
      </c>
      <c r="W1341" s="83">
        <f>Bühler!N1373</f>
        <v>45347.791666663419</v>
      </c>
      <c r="X1341" s="83">
        <v>43156.791666666664</v>
      </c>
      <c r="Y1341">
        <v>173204.014</v>
      </c>
      <c r="Z1341">
        <v>17665.2814</v>
      </c>
      <c r="AA1341">
        <v>46554.911910000003</v>
      </c>
      <c r="AB1341">
        <v>41269.560279999998</v>
      </c>
      <c r="AC1341">
        <v>39330.206359999996</v>
      </c>
      <c r="AD1341">
        <v>28000.303019999999</v>
      </c>
      <c r="AE1341">
        <v>42362.205730000001</v>
      </c>
      <c r="AF1341">
        <v>48387.412909999999</v>
      </c>
      <c r="AG1341">
        <v>30098.72249</v>
      </c>
      <c r="AH1341">
        <v>211856.08910000001</v>
      </c>
      <c r="AI1341">
        <v>72726.065900000001</v>
      </c>
      <c r="AJ1341">
        <v>22779.043659999999</v>
      </c>
      <c r="AK1341">
        <v>39826.728309999999</v>
      </c>
      <c r="AL1341">
        <v>48282.298280000003</v>
      </c>
      <c r="AM1341">
        <v>21006.097679999999</v>
      </c>
      <c r="AN1341">
        <v>94384.641669999997</v>
      </c>
      <c r="AO1341">
        <v>31378.94442</v>
      </c>
      <c r="AP1341">
        <v>16251.50462</v>
      </c>
    </row>
    <row r="1342" spans="2:42" x14ac:dyDescent="0.3">
      <c r="B1342">
        <v>41.951052935255959</v>
      </c>
      <c r="C1342" s="83">
        <v>43156.833333333336</v>
      </c>
      <c r="D1342">
        <v>174377.74619999999</v>
      </c>
      <c r="E1342">
        <v>16902.916209999999</v>
      </c>
      <c r="F1342">
        <v>46999.295310000001</v>
      </c>
      <c r="G1342">
        <v>41208.280700000003</v>
      </c>
      <c r="H1342">
        <v>39152.08094</v>
      </c>
      <c r="I1342">
        <v>27774.996050000002</v>
      </c>
      <c r="J1342">
        <v>41482.02029</v>
      </c>
      <c r="K1342">
        <v>48205.5504</v>
      </c>
      <c r="L1342">
        <v>29277.974399999999</v>
      </c>
      <c r="M1342">
        <v>213886.03140000001</v>
      </c>
      <c r="N1342">
        <v>74160.124330000006</v>
      </c>
      <c r="O1342">
        <v>22399.072939999998</v>
      </c>
      <c r="P1342">
        <v>39311.217980000001</v>
      </c>
      <c r="Q1342">
        <v>50458.778969999999</v>
      </c>
      <c r="R1342">
        <v>20589.615880000001</v>
      </c>
      <c r="S1342">
        <v>88440.634019999998</v>
      </c>
      <c r="T1342">
        <v>28729.875670000001</v>
      </c>
      <c r="U1342">
        <v>16526.819619999998</v>
      </c>
      <c r="W1342" s="83">
        <f>Bühler!N1374</f>
        <v>45347.833333330083</v>
      </c>
      <c r="X1342" s="83">
        <v>43156.833333333336</v>
      </c>
      <c r="Y1342">
        <v>174377.74619999999</v>
      </c>
      <c r="Z1342">
        <v>16902.916209999999</v>
      </c>
      <c r="AA1342">
        <v>46999.295310000001</v>
      </c>
      <c r="AB1342">
        <v>41208.280700000003</v>
      </c>
      <c r="AC1342">
        <v>39152.08094</v>
      </c>
      <c r="AD1342">
        <v>27774.996050000002</v>
      </c>
      <c r="AE1342">
        <v>41482.02029</v>
      </c>
      <c r="AF1342">
        <v>48205.5504</v>
      </c>
      <c r="AG1342">
        <v>29277.974399999999</v>
      </c>
      <c r="AH1342">
        <v>213886.03140000001</v>
      </c>
      <c r="AI1342">
        <v>74160.124330000006</v>
      </c>
      <c r="AJ1342">
        <v>22399.072939999998</v>
      </c>
      <c r="AK1342">
        <v>39311.217980000001</v>
      </c>
      <c r="AL1342">
        <v>50458.778969999999</v>
      </c>
      <c r="AM1342">
        <v>20589.615880000001</v>
      </c>
      <c r="AN1342">
        <v>88440.634019999998</v>
      </c>
      <c r="AO1342">
        <v>28729.875670000001</v>
      </c>
      <c r="AP1342">
        <v>16526.819619999998</v>
      </c>
    </row>
    <row r="1343" spans="2:42" x14ac:dyDescent="0.3">
      <c r="B1343">
        <v>42.483557225351682</v>
      </c>
      <c r="C1343" s="83">
        <v>43156.875</v>
      </c>
      <c r="D1343">
        <v>176474.24280000001</v>
      </c>
      <c r="E1343">
        <v>16587.266599999999</v>
      </c>
      <c r="F1343">
        <v>47147.84981</v>
      </c>
      <c r="G1343">
        <v>41447.446210000002</v>
      </c>
      <c r="H1343">
        <v>38825.658479999998</v>
      </c>
      <c r="I1343">
        <v>27158.101490000001</v>
      </c>
      <c r="J1343">
        <v>39856.186719999998</v>
      </c>
      <c r="K1343">
        <v>47827.03931</v>
      </c>
      <c r="L1343">
        <v>27402.952209999999</v>
      </c>
      <c r="M1343">
        <v>216600.9866</v>
      </c>
      <c r="N1343">
        <v>74006.842749999996</v>
      </c>
      <c r="O1343">
        <v>22750.700140000001</v>
      </c>
      <c r="P1343">
        <v>39508.989560000002</v>
      </c>
      <c r="Q1343">
        <v>51173.21372</v>
      </c>
      <c r="R1343">
        <v>20543.398590000001</v>
      </c>
      <c r="S1343">
        <v>84455.914300000004</v>
      </c>
      <c r="T1343">
        <v>27309.194039999998</v>
      </c>
      <c r="U1343">
        <v>16859.07791</v>
      </c>
      <c r="W1343" s="83">
        <f>Bühler!N1375</f>
        <v>45347.874999996748</v>
      </c>
      <c r="X1343" s="83">
        <v>43156.875</v>
      </c>
      <c r="Y1343">
        <v>176474.24280000001</v>
      </c>
      <c r="Z1343">
        <v>16587.266599999999</v>
      </c>
      <c r="AA1343">
        <v>47147.84981</v>
      </c>
      <c r="AB1343">
        <v>41447.446210000002</v>
      </c>
      <c r="AC1343">
        <v>38825.658479999998</v>
      </c>
      <c r="AD1343">
        <v>27158.101490000001</v>
      </c>
      <c r="AE1343">
        <v>39856.186719999998</v>
      </c>
      <c r="AF1343">
        <v>47827.03931</v>
      </c>
      <c r="AG1343">
        <v>27402.952209999999</v>
      </c>
      <c r="AH1343">
        <v>216600.9866</v>
      </c>
      <c r="AI1343">
        <v>74006.842749999996</v>
      </c>
      <c r="AJ1343">
        <v>22750.700140000001</v>
      </c>
      <c r="AK1343">
        <v>39508.989560000002</v>
      </c>
      <c r="AL1343">
        <v>51173.21372</v>
      </c>
      <c r="AM1343">
        <v>20543.398590000001</v>
      </c>
      <c r="AN1343">
        <v>84455.914300000004</v>
      </c>
      <c r="AO1343">
        <v>27309.194039999998</v>
      </c>
      <c r="AP1343">
        <v>16859.07791</v>
      </c>
    </row>
    <row r="1344" spans="2:42" x14ac:dyDescent="0.3">
      <c r="B1344">
        <v>43.171643556555033</v>
      </c>
      <c r="C1344" s="83">
        <v>43156.916666666664</v>
      </c>
      <c r="D1344">
        <v>178774.899</v>
      </c>
      <c r="E1344">
        <v>16557.713899999999</v>
      </c>
      <c r="F1344">
        <v>47175.120470000002</v>
      </c>
      <c r="G1344">
        <v>41884.816140000003</v>
      </c>
      <c r="H1344">
        <v>40072.680500000002</v>
      </c>
      <c r="I1344">
        <v>27712.249179999999</v>
      </c>
      <c r="J1344">
        <v>38595.224889999998</v>
      </c>
      <c r="K1344">
        <v>50018.508199999997</v>
      </c>
      <c r="L1344">
        <v>25086.770410000001</v>
      </c>
      <c r="M1344">
        <v>220109.1716</v>
      </c>
      <c r="N1344">
        <v>75811.518129999997</v>
      </c>
      <c r="O1344">
        <v>24068.60022</v>
      </c>
      <c r="P1344">
        <v>37565.010840000003</v>
      </c>
      <c r="Q1344">
        <v>52746.567040000002</v>
      </c>
      <c r="R1344">
        <v>30180.581440000002</v>
      </c>
      <c r="S1344">
        <v>83046.10196</v>
      </c>
      <c r="T1344">
        <v>27139.29751</v>
      </c>
      <c r="U1344">
        <v>17930.815630000001</v>
      </c>
      <c r="W1344" s="83">
        <f>Bühler!N1376</f>
        <v>45347.916666663412</v>
      </c>
      <c r="X1344" s="83">
        <v>43156.916666666664</v>
      </c>
      <c r="Y1344">
        <v>178774.899</v>
      </c>
      <c r="Z1344">
        <v>16557.713899999999</v>
      </c>
      <c r="AA1344">
        <v>47175.120470000002</v>
      </c>
      <c r="AB1344">
        <v>41884.816140000003</v>
      </c>
      <c r="AC1344">
        <v>40072.680500000002</v>
      </c>
      <c r="AD1344">
        <v>27712.249179999999</v>
      </c>
      <c r="AE1344">
        <v>38595.224889999998</v>
      </c>
      <c r="AF1344">
        <v>50018.508199999997</v>
      </c>
      <c r="AG1344">
        <v>25086.770410000001</v>
      </c>
      <c r="AH1344">
        <v>220109.1716</v>
      </c>
      <c r="AI1344">
        <v>75811.518129999997</v>
      </c>
      <c r="AJ1344">
        <v>24068.60022</v>
      </c>
      <c r="AK1344">
        <v>37565.010840000003</v>
      </c>
      <c r="AL1344">
        <v>52746.567040000002</v>
      </c>
      <c r="AM1344">
        <v>30180.581440000002</v>
      </c>
      <c r="AN1344">
        <v>83046.10196</v>
      </c>
      <c r="AO1344">
        <v>27139.29751</v>
      </c>
      <c r="AP1344">
        <v>17930.815630000001</v>
      </c>
    </row>
    <row r="1345" spans="2:42" x14ac:dyDescent="0.3">
      <c r="B1345">
        <v>43.299272819230602</v>
      </c>
      <c r="C1345" s="83">
        <v>43156.958333333336</v>
      </c>
      <c r="D1345">
        <v>180794.86689999999</v>
      </c>
      <c r="E1345">
        <v>16583.24696</v>
      </c>
      <c r="F1345">
        <v>46955.896540000002</v>
      </c>
      <c r="G1345">
        <v>42007.164519999998</v>
      </c>
      <c r="H1345">
        <v>39893.56508</v>
      </c>
      <c r="I1345">
        <v>26958.36519</v>
      </c>
      <c r="J1345">
        <v>36279.851150000002</v>
      </c>
      <c r="K1345">
        <v>50454.51021</v>
      </c>
      <c r="L1345">
        <v>22248.639279999999</v>
      </c>
      <c r="M1345">
        <v>220759.88510000001</v>
      </c>
      <c r="N1345">
        <v>76351.261369999993</v>
      </c>
      <c r="O1345">
        <v>24601.24051</v>
      </c>
      <c r="P1345">
        <v>34442.81856</v>
      </c>
      <c r="Q1345">
        <v>54544.515630000002</v>
      </c>
      <c r="R1345">
        <v>33070.813340000001</v>
      </c>
      <c r="S1345">
        <v>81959.563540000003</v>
      </c>
      <c r="T1345">
        <v>28792.220359999999</v>
      </c>
      <c r="U1345">
        <v>17979.272209999999</v>
      </c>
      <c r="W1345" s="83">
        <f>Bühler!N1377</f>
        <v>45347.958333330076</v>
      </c>
      <c r="X1345" s="83">
        <v>43156.958333333336</v>
      </c>
      <c r="Y1345">
        <v>180794.86689999999</v>
      </c>
      <c r="Z1345">
        <v>16583.24696</v>
      </c>
      <c r="AA1345">
        <v>46955.896540000002</v>
      </c>
      <c r="AB1345">
        <v>42007.164519999998</v>
      </c>
      <c r="AC1345">
        <v>39893.56508</v>
      </c>
      <c r="AD1345">
        <v>26958.36519</v>
      </c>
      <c r="AE1345">
        <v>36279.851150000002</v>
      </c>
      <c r="AF1345">
        <v>50454.51021</v>
      </c>
      <c r="AG1345">
        <v>22248.639279999999</v>
      </c>
      <c r="AH1345">
        <v>220759.88510000001</v>
      </c>
      <c r="AI1345">
        <v>76351.261369999993</v>
      </c>
      <c r="AJ1345">
        <v>24601.24051</v>
      </c>
      <c r="AK1345">
        <v>34442.81856</v>
      </c>
      <c r="AL1345">
        <v>54544.515630000002</v>
      </c>
      <c r="AM1345">
        <v>33070.813340000001</v>
      </c>
      <c r="AN1345">
        <v>81959.563540000003</v>
      </c>
      <c r="AO1345">
        <v>28792.220359999999</v>
      </c>
      <c r="AP1345">
        <v>17979.272209999999</v>
      </c>
    </row>
    <row r="1346" spans="2:42" x14ac:dyDescent="0.3">
      <c r="B1346">
        <v>43.385570201715865</v>
      </c>
      <c r="C1346" s="83">
        <v>43157</v>
      </c>
      <c r="D1346">
        <v>183289.02729999999</v>
      </c>
      <c r="E1346">
        <v>16570.612649999999</v>
      </c>
      <c r="F1346">
        <v>47494.999340000002</v>
      </c>
      <c r="G1346">
        <v>42081.454660000003</v>
      </c>
      <c r="H1346">
        <v>39126.867140000002</v>
      </c>
      <c r="I1346">
        <v>24784.449960000002</v>
      </c>
      <c r="J1346">
        <v>35291.974730000002</v>
      </c>
      <c r="K1346">
        <v>48686.936170000001</v>
      </c>
      <c r="L1346">
        <v>20417.723569999998</v>
      </c>
      <c r="M1346">
        <v>221199.8694</v>
      </c>
      <c r="N1346">
        <v>76508.126170000003</v>
      </c>
      <c r="O1346">
        <v>24855.279259999999</v>
      </c>
      <c r="P1346">
        <v>32948.09145</v>
      </c>
      <c r="Q1346">
        <v>57713.587039999999</v>
      </c>
      <c r="R1346">
        <v>28798.800360000001</v>
      </c>
      <c r="S1346">
        <v>81336.801990000007</v>
      </c>
      <c r="T1346">
        <v>27570.866139999998</v>
      </c>
      <c r="U1346">
        <v>17316.467929999999</v>
      </c>
      <c r="W1346" s="83">
        <f>Bühler!N1378</f>
        <v>45347.99999999674</v>
      </c>
      <c r="X1346" s="83">
        <v>43157</v>
      </c>
      <c r="Y1346">
        <v>183289.02729999999</v>
      </c>
      <c r="Z1346">
        <v>16570.612649999999</v>
      </c>
      <c r="AA1346">
        <v>47494.999340000002</v>
      </c>
      <c r="AB1346">
        <v>42081.454660000003</v>
      </c>
      <c r="AC1346">
        <v>39126.867140000002</v>
      </c>
      <c r="AD1346">
        <v>24784.449960000002</v>
      </c>
      <c r="AE1346">
        <v>35291.974730000002</v>
      </c>
      <c r="AF1346">
        <v>48686.936170000001</v>
      </c>
      <c r="AG1346">
        <v>20417.723569999998</v>
      </c>
      <c r="AH1346">
        <v>221199.8694</v>
      </c>
      <c r="AI1346">
        <v>76508.126170000003</v>
      </c>
      <c r="AJ1346">
        <v>24855.279259999999</v>
      </c>
      <c r="AK1346">
        <v>32948.09145</v>
      </c>
      <c r="AL1346">
        <v>57713.587039999999</v>
      </c>
      <c r="AM1346">
        <v>28798.800360000001</v>
      </c>
      <c r="AN1346">
        <v>81336.801990000007</v>
      </c>
      <c r="AO1346">
        <v>27570.866139999998</v>
      </c>
      <c r="AP1346">
        <v>17316.467929999999</v>
      </c>
    </row>
    <row r="1347" spans="2:42" x14ac:dyDescent="0.3">
      <c r="B1347">
        <v>43.878714341809491</v>
      </c>
      <c r="C1347" s="83">
        <v>43157.041666666664</v>
      </c>
      <c r="D1347">
        <v>184888.6183</v>
      </c>
      <c r="E1347">
        <v>16853.712640000002</v>
      </c>
      <c r="F1347">
        <v>47535.836150000003</v>
      </c>
      <c r="G1347">
        <v>42041.924030000002</v>
      </c>
      <c r="H1347">
        <v>39283.685519999999</v>
      </c>
      <c r="I1347">
        <v>21034.448339999999</v>
      </c>
      <c r="J1347">
        <v>34708.145340000003</v>
      </c>
      <c r="K1347">
        <v>46370.939619999997</v>
      </c>
      <c r="L1347">
        <v>19647.89518</v>
      </c>
      <c r="M1347">
        <v>223714.1482</v>
      </c>
      <c r="N1347">
        <v>75969.247529999993</v>
      </c>
      <c r="O1347">
        <v>24589.289870000001</v>
      </c>
      <c r="P1347">
        <v>31636.098580000002</v>
      </c>
      <c r="Q1347">
        <v>62180.385549999999</v>
      </c>
      <c r="R1347">
        <v>26873.460859999999</v>
      </c>
      <c r="S1347">
        <v>80544.926879999999</v>
      </c>
      <c r="T1347">
        <v>27943.014380000001</v>
      </c>
      <c r="U1347">
        <v>17434.20881</v>
      </c>
      <c r="W1347" s="83">
        <f>Bühler!N1379</f>
        <v>45348.041666663405</v>
      </c>
      <c r="X1347" s="83">
        <v>43157.041666666664</v>
      </c>
      <c r="Y1347">
        <v>184888.6183</v>
      </c>
      <c r="Z1347">
        <v>16853.712640000002</v>
      </c>
      <c r="AA1347">
        <v>47535.836150000003</v>
      </c>
      <c r="AB1347">
        <v>42041.924030000002</v>
      </c>
      <c r="AC1347">
        <v>39283.685519999999</v>
      </c>
      <c r="AD1347">
        <v>21034.448339999999</v>
      </c>
      <c r="AE1347">
        <v>34708.145340000003</v>
      </c>
      <c r="AF1347">
        <v>46370.939619999997</v>
      </c>
      <c r="AG1347">
        <v>19647.89518</v>
      </c>
      <c r="AH1347">
        <v>223714.1482</v>
      </c>
      <c r="AI1347">
        <v>75969.247529999993</v>
      </c>
      <c r="AJ1347">
        <v>24589.289870000001</v>
      </c>
      <c r="AK1347">
        <v>31636.098580000002</v>
      </c>
      <c r="AL1347">
        <v>62180.385549999999</v>
      </c>
      <c r="AM1347">
        <v>26873.460859999999</v>
      </c>
      <c r="AN1347">
        <v>80544.926879999999</v>
      </c>
      <c r="AO1347">
        <v>27943.014380000001</v>
      </c>
      <c r="AP1347">
        <v>17434.20881</v>
      </c>
    </row>
    <row r="1348" spans="2:42" x14ac:dyDescent="0.3">
      <c r="B1348">
        <v>45.029559263882554</v>
      </c>
      <c r="C1348" s="83">
        <v>43157.083333333336</v>
      </c>
      <c r="D1348">
        <v>186095.3702</v>
      </c>
      <c r="E1348">
        <v>16881.69529</v>
      </c>
      <c r="F1348">
        <v>48788.789790000003</v>
      </c>
      <c r="G1348">
        <v>41363.383650000003</v>
      </c>
      <c r="H1348">
        <v>39192.286240000001</v>
      </c>
      <c r="I1348">
        <v>19688.697639999999</v>
      </c>
      <c r="J1348">
        <v>34247.630620000004</v>
      </c>
      <c r="K1348">
        <v>45630.53196</v>
      </c>
      <c r="L1348">
        <v>19356.679319999999</v>
      </c>
      <c r="M1348">
        <v>229581.6923</v>
      </c>
      <c r="N1348">
        <v>75813.023990000002</v>
      </c>
      <c r="O1348">
        <v>24496.39215</v>
      </c>
      <c r="P1348">
        <v>31249.08885</v>
      </c>
      <c r="Q1348">
        <v>64224.594570000001</v>
      </c>
      <c r="R1348">
        <v>27254.614560000002</v>
      </c>
      <c r="S1348">
        <v>79957.234509999995</v>
      </c>
      <c r="T1348">
        <v>27869.956289999998</v>
      </c>
      <c r="U1348">
        <v>17895.095710000001</v>
      </c>
      <c r="W1348" s="83">
        <f>Bühler!N1380</f>
        <v>45348.083333330069</v>
      </c>
      <c r="X1348" s="83">
        <v>43157.083333333336</v>
      </c>
      <c r="Y1348">
        <v>186095.3702</v>
      </c>
      <c r="Z1348">
        <v>16881.69529</v>
      </c>
      <c r="AA1348">
        <v>48788.789790000003</v>
      </c>
      <c r="AB1348">
        <v>41363.383650000003</v>
      </c>
      <c r="AC1348">
        <v>39192.286240000001</v>
      </c>
      <c r="AD1348">
        <v>19688.697639999999</v>
      </c>
      <c r="AE1348">
        <v>34247.630620000004</v>
      </c>
      <c r="AF1348">
        <v>45630.53196</v>
      </c>
      <c r="AG1348">
        <v>19356.679319999999</v>
      </c>
      <c r="AH1348">
        <v>229581.6923</v>
      </c>
      <c r="AI1348">
        <v>75813.023990000002</v>
      </c>
      <c r="AJ1348">
        <v>24496.39215</v>
      </c>
      <c r="AK1348">
        <v>31249.08885</v>
      </c>
      <c r="AL1348">
        <v>64224.594570000001</v>
      </c>
      <c r="AM1348">
        <v>27254.614560000002</v>
      </c>
      <c r="AN1348">
        <v>79957.234509999995</v>
      </c>
      <c r="AO1348">
        <v>27869.956289999998</v>
      </c>
      <c r="AP1348">
        <v>17895.095710000001</v>
      </c>
    </row>
    <row r="1349" spans="2:42" x14ac:dyDescent="0.3">
      <c r="B1349">
        <v>46.1303334621579</v>
      </c>
      <c r="C1349" s="83">
        <v>43157.125</v>
      </c>
      <c r="D1349">
        <v>190810.3382</v>
      </c>
      <c r="E1349">
        <v>17023.118299999998</v>
      </c>
      <c r="F1349">
        <v>51285.016799999998</v>
      </c>
      <c r="G1349">
        <v>40767.273520000002</v>
      </c>
      <c r="H1349">
        <v>39500.676319999999</v>
      </c>
      <c r="I1349">
        <v>19460.11635</v>
      </c>
      <c r="J1349">
        <v>34574.462460000002</v>
      </c>
      <c r="K1349">
        <v>43955.828580000001</v>
      </c>
      <c r="L1349">
        <v>18913.17828</v>
      </c>
      <c r="M1349">
        <v>235193.95250000001</v>
      </c>
      <c r="N1349">
        <v>76808.136459999994</v>
      </c>
      <c r="O1349">
        <v>24614.262060000001</v>
      </c>
      <c r="P1349">
        <v>31396.660260000001</v>
      </c>
      <c r="Q1349">
        <v>69241.480779999998</v>
      </c>
      <c r="R1349">
        <v>26748.922040000001</v>
      </c>
      <c r="S1349">
        <v>79267.031210000001</v>
      </c>
      <c r="T1349">
        <v>28811.710429999999</v>
      </c>
      <c r="U1349">
        <v>18120.403289999998</v>
      </c>
      <c r="W1349" s="83">
        <f>Bühler!N1381</f>
        <v>45348.124999996733</v>
      </c>
      <c r="X1349" s="83">
        <v>43157.125</v>
      </c>
      <c r="Y1349">
        <v>190810.3382</v>
      </c>
      <c r="Z1349">
        <v>17023.118299999998</v>
      </c>
      <c r="AA1349">
        <v>51285.016799999998</v>
      </c>
      <c r="AB1349">
        <v>40767.273520000002</v>
      </c>
      <c r="AC1349">
        <v>39500.676319999999</v>
      </c>
      <c r="AD1349">
        <v>19460.11635</v>
      </c>
      <c r="AE1349">
        <v>34574.462460000002</v>
      </c>
      <c r="AF1349">
        <v>43955.828580000001</v>
      </c>
      <c r="AG1349">
        <v>18913.17828</v>
      </c>
      <c r="AH1349">
        <v>235193.95250000001</v>
      </c>
      <c r="AI1349">
        <v>76808.136459999994</v>
      </c>
      <c r="AJ1349">
        <v>24614.262060000001</v>
      </c>
      <c r="AK1349">
        <v>31396.660260000001</v>
      </c>
      <c r="AL1349">
        <v>69241.480779999998</v>
      </c>
      <c r="AM1349">
        <v>26748.922040000001</v>
      </c>
      <c r="AN1349">
        <v>79267.031210000001</v>
      </c>
      <c r="AO1349">
        <v>28811.710429999999</v>
      </c>
      <c r="AP1349">
        <v>18120.403289999998</v>
      </c>
    </row>
    <row r="1350" spans="2:42" x14ac:dyDescent="0.3">
      <c r="B1350">
        <v>49.015580164474585</v>
      </c>
      <c r="C1350" s="83">
        <v>43157.166666666664</v>
      </c>
      <c r="D1350">
        <v>201812.8339</v>
      </c>
      <c r="E1350">
        <v>18032.002919999999</v>
      </c>
      <c r="F1350">
        <v>55272.08885</v>
      </c>
      <c r="G1350">
        <v>40721.278339999997</v>
      </c>
      <c r="H1350">
        <v>40543.50172</v>
      </c>
      <c r="I1350">
        <v>21990.979719999999</v>
      </c>
      <c r="J1350">
        <v>37272.698320000003</v>
      </c>
      <c r="K1350">
        <v>44686.148269999998</v>
      </c>
      <c r="L1350">
        <v>19055.14056</v>
      </c>
      <c r="M1350">
        <v>249904.28570000001</v>
      </c>
      <c r="N1350">
        <v>77250.506089999995</v>
      </c>
      <c r="O1350">
        <v>24945.246660000001</v>
      </c>
      <c r="P1350">
        <v>32360.81467</v>
      </c>
      <c r="Q1350">
        <v>75426.351420000006</v>
      </c>
      <c r="R1350">
        <v>27284.444879999999</v>
      </c>
      <c r="S1350">
        <v>80768.558180000007</v>
      </c>
      <c r="T1350">
        <v>28491.8423</v>
      </c>
      <c r="U1350">
        <v>18949.04291</v>
      </c>
      <c r="W1350" s="83">
        <f>Bühler!N1382</f>
        <v>45348.166666663397</v>
      </c>
      <c r="X1350" s="83">
        <v>43157.166666666664</v>
      </c>
      <c r="Y1350">
        <v>201812.8339</v>
      </c>
      <c r="Z1350">
        <v>18032.002919999999</v>
      </c>
      <c r="AA1350">
        <v>55272.08885</v>
      </c>
      <c r="AB1350">
        <v>40721.278339999997</v>
      </c>
      <c r="AC1350">
        <v>40543.50172</v>
      </c>
      <c r="AD1350">
        <v>21990.979719999999</v>
      </c>
      <c r="AE1350">
        <v>37272.698320000003</v>
      </c>
      <c r="AF1350">
        <v>44686.148269999998</v>
      </c>
      <c r="AG1350">
        <v>19055.14056</v>
      </c>
      <c r="AH1350">
        <v>249904.28570000001</v>
      </c>
      <c r="AI1350">
        <v>77250.506089999995</v>
      </c>
      <c r="AJ1350">
        <v>24945.246660000001</v>
      </c>
      <c r="AK1350">
        <v>32360.81467</v>
      </c>
      <c r="AL1350">
        <v>75426.351420000006</v>
      </c>
      <c r="AM1350">
        <v>27284.444879999999</v>
      </c>
      <c r="AN1350">
        <v>80768.558180000007</v>
      </c>
      <c r="AO1350">
        <v>28491.8423</v>
      </c>
      <c r="AP1350">
        <v>18949.04291</v>
      </c>
    </row>
    <row r="1351" spans="2:42" x14ac:dyDescent="0.3">
      <c r="B1351">
        <v>54.239185796788071</v>
      </c>
      <c r="C1351" s="83">
        <v>43157.208333333336</v>
      </c>
      <c r="D1351">
        <v>232855.57639999999</v>
      </c>
      <c r="E1351">
        <v>20136.365140000002</v>
      </c>
      <c r="F1351">
        <v>66885.068169999999</v>
      </c>
      <c r="G1351">
        <v>43163.26468</v>
      </c>
      <c r="H1351">
        <v>42946.790269999998</v>
      </c>
      <c r="I1351">
        <v>30703.263989999999</v>
      </c>
      <c r="J1351">
        <v>39656.527130000002</v>
      </c>
      <c r="K1351">
        <v>46724.251609999999</v>
      </c>
      <c r="L1351">
        <v>19931.141039999999</v>
      </c>
      <c r="M1351">
        <v>276536.66320000001</v>
      </c>
      <c r="N1351">
        <v>79512.849629999997</v>
      </c>
      <c r="O1351">
        <v>25708.925500000001</v>
      </c>
      <c r="P1351">
        <v>32513.281139999999</v>
      </c>
      <c r="Q1351">
        <v>80778.775020000001</v>
      </c>
      <c r="R1351">
        <v>29148.549470000002</v>
      </c>
      <c r="S1351">
        <v>83457.066500000001</v>
      </c>
      <c r="T1351">
        <v>30336.47769</v>
      </c>
      <c r="U1351">
        <v>20603.03354</v>
      </c>
      <c r="W1351" s="83">
        <f>Bühler!N1383</f>
        <v>45348.208333330062</v>
      </c>
      <c r="X1351" s="83">
        <v>43157.208333333336</v>
      </c>
      <c r="Y1351">
        <v>232855.57639999999</v>
      </c>
      <c r="Z1351">
        <v>20136.365140000002</v>
      </c>
      <c r="AA1351">
        <v>66885.068169999999</v>
      </c>
      <c r="AB1351">
        <v>43163.26468</v>
      </c>
      <c r="AC1351">
        <v>42946.790269999998</v>
      </c>
      <c r="AD1351">
        <v>30703.263989999999</v>
      </c>
      <c r="AE1351">
        <v>39656.527130000002</v>
      </c>
      <c r="AF1351">
        <v>46724.251609999999</v>
      </c>
      <c r="AG1351">
        <v>19931.141039999999</v>
      </c>
      <c r="AH1351">
        <v>276536.66320000001</v>
      </c>
      <c r="AI1351">
        <v>79512.849629999997</v>
      </c>
      <c r="AJ1351">
        <v>25708.925500000001</v>
      </c>
      <c r="AK1351">
        <v>32513.281139999999</v>
      </c>
      <c r="AL1351">
        <v>80778.775020000001</v>
      </c>
      <c r="AM1351">
        <v>29148.549470000002</v>
      </c>
      <c r="AN1351">
        <v>83457.066500000001</v>
      </c>
      <c r="AO1351">
        <v>30336.47769</v>
      </c>
      <c r="AP1351">
        <v>20603.03354</v>
      </c>
    </row>
    <row r="1352" spans="2:42" x14ac:dyDescent="0.3">
      <c r="B1352">
        <v>60.104110108229264</v>
      </c>
      <c r="C1352" s="83">
        <v>43157.25</v>
      </c>
      <c r="D1352">
        <v>261967.1844</v>
      </c>
      <c r="E1352">
        <v>24348.826880000001</v>
      </c>
      <c r="F1352">
        <v>80478.467449999996</v>
      </c>
      <c r="G1352">
        <v>51613.283009999999</v>
      </c>
      <c r="H1352">
        <v>46349.299930000001</v>
      </c>
      <c r="I1352">
        <v>38030.828999999998</v>
      </c>
      <c r="J1352">
        <v>43377.207779999997</v>
      </c>
      <c r="K1352">
        <v>49662.633820000003</v>
      </c>
      <c r="L1352">
        <v>21766.173210000001</v>
      </c>
      <c r="M1352">
        <v>306438.78240000003</v>
      </c>
      <c r="N1352">
        <v>82837.565090000004</v>
      </c>
      <c r="O1352">
        <v>26234.804499999998</v>
      </c>
      <c r="P1352">
        <v>32308.747599999999</v>
      </c>
      <c r="Q1352">
        <v>84487.426829999997</v>
      </c>
      <c r="R1352">
        <v>21228.463</v>
      </c>
      <c r="S1352">
        <v>92087.367320000005</v>
      </c>
      <c r="T1352">
        <v>31767.614529999999</v>
      </c>
      <c r="U1352">
        <v>22700.14444</v>
      </c>
      <c r="W1352" s="83">
        <f>Bühler!N1384</f>
        <v>45348.249999996726</v>
      </c>
      <c r="X1352" s="83">
        <v>43157.25</v>
      </c>
      <c r="Y1352">
        <v>261967.1844</v>
      </c>
      <c r="Z1352">
        <v>24348.826880000001</v>
      </c>
      <c r="AA1352">
        <v>80478.467449999996</v>
      </c>
      <c r="AB1352">
        <v>51613.283009999999</v>
      </c>
      <c r="AC1352">
        <v>46349.299930000001</v>
      </c>
      <c r="AD1352">
        <v>38030.828999999998</v>
      </c>
      <c r="AE1352">
        <v>43377.207779999997</v>
      </c>
      <c r="AF1352">
        <v>49662.633820000003</v>
      </c>
      <c r="AG1352">
        <v>21766.173210000001</v>
      </c>
      <c r="AH1352">
        <v>306438.78240000003</v>
      </c>
      <c r="AI1352">
        <v>82837.565090000004</v>
      </c>
      <c r="AJ1352">
        <v>26234.804499999998</v>
      </c>
      <c r="AK1352">
        <v>32308.747599999999</v>
      </c>
      <c r="AL1352">
        <v>84487.426829999997</v>
      </c>
      <c r="AM1352">
        <v>21228.463</v>
      </c>
      <c r="AN1352">
        <v>92087.367320000005</v>
      </c>
      <c r="AO1352">
        <v>31767.614529999999</v>
      </c>
      <c r="AP1352">
        <v>22700.14444</v>
      </c>
    </row>
    <row r="1353" spans="2:42" x14ac:dyDescent="0.3">
      <c r="B1353">
        <v>63.280659704472733</v>
      </c>
      <c r="C1353" s="83">
        <v>43157.291666666664</v>
      </c>
      <c r="D1353">
        <v>282374.1643</v>
      </c>
      <c r="E1353">
        <v>30374.295440000002</v>
      </c>
      <c r="F1353">
        <v>85678.984500000006</v>
      </c>
      <c r="G1353">
        <v>63046.000139999996</v>
      </c>
      <c r="H1353">
        <v>51927.031880000002</v>
      </c>
      <c r="I1353">
        <v>46074.366099999999</v>
      </c>
      <c r="J1353">
        <v>45217.290719999997</v>
      </c>
      <c r="K1353">
        <v>54355.417730000001</v>
      </c>
      <c r="L1353">
        <v>24429.379860000001</v>
      </c>
      <c r="M1353">
        <v>322634.31359999999</v>
      </c>
      <c r="N1353">
        <v>87469.160870000007</v>
      </c>
      <c r="O1353">
        <v>28922.437669999999</v>
      </c>
      <c r="P1353">
        <v>34600.341849999997</v>
      </c>
      <c r="Q1353">
        <v>87009.905079999997</v>
      </c>
      <c r="R1353">
        <v>22692.762030000002</v>
      </c>
      <c r="S1353">
        <v>109944.3848</v>
      </c>
      <c r="T1353">
        <v>32682.008119999999</v>
      </c>
      <c r="U1353">
        <v>28048.488689999998</v>
      </c>
      <c r="W1353" s="83">
        <f>Bühler!N1385</f>
        <v>45348.29166666339</v>
      </c>
      <c r="X1353" s="83">
        <v>43157.291666666664</v>
      </c>
      <c r="Y1353">
        <v>282374.1643</v>
      </c>
      <c r="Z1353">
        <v>30374.295440000002</v>
      </c>
      <c r="AA1353">
        <v>85678.984500000006</v>
      </c>
      <c r="AB1353">
        <v>63046.000139999996</v>
      </c>
      <c r="AC1353">
        <v>51927.031880000002</v>
      </c>
      <c r="AD1353">
        <v>46074.366099999999</v>
      </c>
      <c r="AE1353">
        <v>45217.290719999997</v>
      </c>
      <c r="AF1353">
        <v>54355.417730000001</v>
      </c>
      <c r="AG1353">
        <v>24429.379860000001</v>
      </c>
      <c r="AH1353">
        <v>322634.31359999999</v>
      </c>
      <c r="AI1353">
        <v>87469.160870000007</v>
      </c>
      <c r="AJ1353">
        <v>28922.437669999999</v>
      </c>
      <c r="AK1353">
        <v>34600.341849999997</v>
      </c>
      <c r="AL1353">
        <v>87009.905079999997</v>
      </c>
      <c r="AM1353">
        <v>22692.762030000002</v>
      </c>
      <c r="AN1353">
        <v>109944.3848</v>
      </c>
      <c r="AO1353">
        <v>32682.008119999999</v>
      </c>
      <c r="AP1353">
        <v>28048.488689999998</v>
      </c>
    </row>
    <row r="1354" spans="2:42" x14ac:dyDescent="0.3">
      <c r="B1354">
        <v>65.023369198675638</v>
      </c>
      <c r="C1354" s="83">
        <v>43157.333333333336</v>
      </c>
      <c r="D1354">
        <v>296457.69679999998</v>
      </c>
      <c r="E1354">
        <v>35655.415910000003</v>
      </c>
      <c r="F1354">
        <v>92283.612330000004</v>
      </c>
      <c r="G1354">
        <v>73301.550319999995</v>
      </c>
      <c r="H1354">
        <v>56644.60555</v>
      </c>
      <c r="I1354">
        <v>49183.708839999999</v>
      </c>
      <c r="J1354">
        <v>45804.695240000001</v>
      </c>
      <c r="K1354">
        <v>59390.163480000003</v>
      </c>
      <c r="L1354">
        <v>26814.901590000001</v>
      </c>
      <c r="M1354">
        <v>331519.45929999999</v>
      </c>
      <c r="N1354">
        <v>95123.89357</v>
      </c>
      <c r="O1354">
        <v>30383.149850000002</v>
      </c>
      <c r="P1354">
        <v>36209.569340000002</v>
      </c>
      <c r="Q1354">
        <v>88507.904639999993</v>
      </c>
      <c r="R1354">
        <v>24996.01802</v>
      </c>
      <c r="S1354">
        <v>123612.71950000001</v>
      </c>
      <c r="T1354">
        <v>35509.492509999996</v>
      </c>
      <c r="U1354">
        <v>30857.597559999998</v>
      </c>
      <c r="W1354" s="83">
        <f>Bühler!N1386</f>
        <v>45348.333333330054</v>
      </c>
      <c r="X1354" s="83">
        <v>43157.333333333336</v>
      </c>
      <c r="Y1354">
        <v>296457.69679999998</v>
      </c>
      <c r="Z1354">
        <v>35655.415910000003</v>
      </c>
      <c r="AA1354">
        <v>92283.612330000004</v>
      </c>
      <c r="AB1354">
        <v>73301.550319999995</v>
      </c>
      <c r="AC1354">
        <v>56644.60555</v>
      </c>
      <c r="AD1354">
        <v>49183.708839999999</v>
      </c>
      <c r="AE1354">
        <v>45804.695240000001</v>
      </c>
      <c r="AF1354">
        <v>59390.163480000003</v>
      </c>
      <c r="AG1354">
        <v>26814.901590000001</v>
      </c>
      <c r="AH1354">
        <v>331519.45929999999</v>
      </c>
      <c r="AI1354">
        <v>95123.89357</v>
      </c>
      <c r="AJ1354">
        <v>30383.149850000002</v>
      </c>
      <c r="AK1354">
        <v>36209.569340000002</v>
      </c>
      <c r="AL1354">
        <v>88507.904639999993</v>
      </c>
      <c r="AM1354">
        <v>24996.01802</v>
      </c>
      <c r="AN1354">
        <v>123612.71950000001</v>
      </c>
      <c r="AO1354">
        <v>35509.492509999996</v>
      </c>
      <c r="AP1354">
        <v>30857.597559999998</v>
      </c>
    </row>
    <row r="1355" spans="2:42" x14ac:dyDescent="0.3">
      <c r="B1355">
        <v>65.402545929546932</v>
      </c>
      <c r="C1355" s="83">
        <v>43157.375</v>
      </c>
      <c r="D1355">
        <v>300423.20500000002</v>
      </c>
      <c r="E1355">
        <v>39467.172550000003</v>
      </c>
      <c r="F1355">
        <v>96975.497050000005</v>
      </c>
      <c r="G1355">
        <v>79731.619779999994</v>
      </c>
      <c r="H1355">
        <v>58880.698210000002</v>
      </c>
      <c r="I1355">
        <v>47368.053489999998</v>
      </c>
      <c r="J1355">
        <v>45117.337310000003</v>
      </c>
      <c r="K1355">
        <v>58265.945039999999</v>
      </c>
      <c r="L1355">
        <v>29863.724119999999</v>
      </c>
      <c r="M1355">
        <v>333452.67910000001</v>
      </c>
      <c r="N1355">
        <v>104692.14320000001</v>
      </c>
      <c r="O1355">
        <v>30565.004369999999</v>
      </c>
      <c r="P1355">
        <v>38544.96385</v>
      </c>
      <c r="Q1355">
        <v>89886.044899999994</v>
      </c>
      <c r="R1355">
        <v>24321.080249999999</v>
      </c>
      <c r="S1355">
        <v>129183.4758</v>
      </c>
      <c r="T1355">
        <v>38212.78383</v>
      </c>
      <c r="U1355">
        <v>30206.577659999999</v>
      </c>
      <c r="W1355" s="83">
        <f>Bühler!N1387</f>
        <v>45348.374999996719</v>
      </c>
      <c r="X1355" s="83">
        <v>43157.375</v>
      </c>
      <c r="Y1355">
        <v>300423.20500000002</v>
      </c>
      <c r="Z1355">
        <v>39467.172550000003</v>
      </c>
      <c r="AA1355">
        <v>96975.497050000005</v>
      </c>
      <c r="AB1355">
        <v>79731.619779999994</v>
      </c>
      <c r="AC1355">
        <v>58880.698210000002</v>
      </c>
      <c r="AD1355">
        <v>47368.053489999998</v>
      </c>
      <c r="AE1355">
        <v>45117.337310000003</v>
      </c>
      <c r="AF1355">
        <v>58265.945039999999</v>
      </c>
      <c r="AG1355">
        <v>29863.724119999999</v>
      </c>
      <c r="AH1355">
        <v>333452.67910000001</v>
      </c>
      <c r="AI1355">
        <v>104692.14320000001</v>
      </c>
      <c r="AJ1355">
        <v>30565.004369999999</v>
      </c>
      <c r="AK1355">
        <v>38544.96385</v>
      </c>
      <c r="AL1355">
        <v>89886.044899999994</v>
      </c>
      <c r="AM1355">
        <v>24321.080249999999</v>
      </c>
      <c r="AN1355">
        <v>129183.4758</v>
      </c>
      <c r="AO1355">
        <v>38212.78383</v>
      </c>
      <c r="AP1355">
        <v>30206.577659999999</v>
      </c>
    </row>
    <row r="1356" spans="2:42" x14ac:dyDescent="0.3">
      <c r="B1356">
        <v>66.509505948789737</v>
      </c>
      <c r="C1356" s="83">
        <v>43157.416666666664</v>
      </c>
      <c r="D1356">
        <v>302546.37469999999</v>
      </c>
      <c r="E1356">
        <v>40930.588230000001</v>
      </c>
      <c r="F1356">
        <v>97093.011069999993</v>
      </c>
      <c r="G1356">
        <v>83275.939259999999</v>
      </c>
      <c r="H1356">
        <v>59525.480219999998</v>
      </c>
      <c r="I1356">
        <v>43997.083100000003</v>
      </c>
      <c r="J1356">
        <v>44303.888279999999</v>
      </c>
      <c r="K1356">
        <v>61059.13942</v>
      </c>
      <c r="L1356">
        <v>31380.935369999999</v>
      </c>
      <c r="M1356">
        <v>339096.47749999998</v>
      </c>
      <c r="N1356">
        <v>108676.7846</v>
      </c>
      <c r="O1356">
        <v>30324.834650000001</v>
      </c>
      <c r="P1356">
        <v>39571.568769999998</v>
      </c>
      <c r="Q1356">
        <v>90592.406149999995</v>
      </c>
      <c r="R1356">
        <v>24833.826710000001</v>
      </c>
      <c r="S1356">
        <v>128929.4605</v>
      </c>
      <c r="T1356">
        <v>39400.795850000002</v>
      </c>
      <c r="U1356">
        <v>29670.527859999998</v>
      </c>
      <c r="W1356" s="83">
        <f>Bühler!N1388</f>
        <v>45348.416666663383</v>
      </c>
      <c r="X1356" s="83">
        <v>43157.416666666664</v>
      </c>
      <c r="Y1356">
        <v>302546.37469999999</v>
      </c>
      <c r="Z1356">
        <v>40930.588230000001</v>
      </c>
      <c r="AA1356">
        <v>97093.011069999993</v>
      </c>
      <c r="AB1356">
        <v>83275.939259999999</v>
      </c>
      <c r="AC1356">
        <v>59525.480219999998</v>
      </c>
      <c r="AD1356">
        <v>43997.083100000003</v>
      </c>
      <c r="AE1356">
        <v>44303.888279999999</v>
      </c>
      <c r="AF1356">
        <v>61059.13942</v>
      </c>
      <c r="AG1356">
        <v>31380.935369999999</v>
      </c>
      <c r="AH1356">
        <v>339096.47749999998</v>
      </c>
      <c r="AI1356">
        <v>108676.7846</v>
      </c>
      <c r="AJ1356">
        <v>30324.834650000001</v>
      </c>
      <c r="AK1356">
        <v>39571.568769999998</v>
      </c>
      <c r="AL1356">
        <v>90592.406149999995</v>
      </c>
      <c r="AM1356">
        <v>24833.826710000001</v>
      </c>
      <c r="AN1356">
        <v>128929.4605</v>
      </c>
      <c r="AO1356">
        <v>39400.795850000002</v>
      </c>
      <c r="AP1356">
        <v>29670.527859999998</v>
      </c>
    </row>
    <row r="1357" spans="2:42" x14ac:dyDescent="0.3">
      <c r="B1357">
        <v>67.511066919778003</v>
      </c>
      <c r="C1357" s="83">
        <v>43157.458333333336</v>
      </c>
      <c r="D1357">
        <v>303725.30009999999</v>
      </c>
      <c r="E1357">
        <v>40688.839930000002</v>
      </c>
      <c r="F1357">
        <v>97926.518209999995</v>
      </c>
      <c r="G1357">
        <v>82316.411659999998</v>
      </c>
      <c r="H1357">
        <v>58448.938099999999</v>
      </c>
      <c r="I1357">
        <v>42358.946909999999</v>
      </c>
      <c r="J1357">
        <v>43623.464720000004</v>
      </c>
      <c r="K1357">
        <v>67380.19094</v>
      </c>
      <c r="L1357">
        <v>33216.427920000002</v>
      </c>
      <c r="M1357">
        <v>344202.90240000002</v>
      </c>
      <c r="N1357">
        <v>106569.143</v>
      </c>
      <c r="O1357">
        <v>30373.450669999998</v>
      </c>
      <c r="P1357">
        <v>38806.657780000001</v>
      </c>
      <c r="Q1357">
        <v>92376.520199999999</v>
      </c>
      <c r="R1357">
        <v>29951.805240000002</v>
      </c>
      <c r="S1357">
        <v>130470.51119999999</v>
      </c>
      <c r="T1357">
        <v>39653.842810000002</v>
      </c>
      <c r="U1357">
        <v>29059.361949999999</v>
      </c>
      <c r="W1357" s="83">
        <f>Bühler!N1389</f>
        <v>45348.458333330047</v>
      </c>
      <c r="X1357" s="83">
        <v>43157.458333333336</v>
      </c>
      <c r="Y1357">
        <v>303725.30009999999</v>
      </c>
      <c r="Z1357">
        <v>40688.839930000002</v>
      </c>
      <c r="AA1357">
        <v>97926.518209999995</v>
      </c>
      <c r="AB1357">
        <v>82316.411659999998</v>
      </c>
      <c r="AC1357">
        <v>58448.938099999999</v>
      </c>
      <c r="AD1357">
        <v>42358.946909999999</v>
      </c>
      <c r="AE1357">
        <v>43623.464720000004</v>
      </c>
      <c r="AF1357">
        <v>67380.19094</v>
      </c>
      <c r="AG1357">
        <v>33216.427920000002</v>
      </c>
      <c r="AH1357">
        <v>344202.90240000002</v>
      </c>
      <c r="AI1357">
        <v>106569.143</v>
      </c>
      <c r="AJ1357">
        <v>30373.450669999998</v>
      </c>
      <c r="AK1357">
        <v>38806.657780000001</v>
      </c>
      <c r="AL1357">
        <v>92376.520199999999</v>
      </c>
      <c r="AM1357">
        <v>29951.805240000002</v>
      </c>
      <c r="AN1357">
        <v>130470.51119999999</v>
      </c>
      <c r="AO1357">
        <v>39653.842810000002</v>
      </c>
      <c r="AP1357">
        <v>29059.361949999999</v>
      </c>
    </row>
    <row r="1358" spans="2:42" x14ac:dyDescent="0.3">
      <c r="B1358">
        <v>66.662295483475816</v>
      </c>
      <c r="C1358" s="83">
        <v>43157.5</v>
      </c>
      <c r="D1358">
        <v>292674.26549999998</v>
      </c>
      <c r="E1358">
        <v>36452.997219999997</v>
      </c>
      <c r="F1358">
        <v>89907.607619999995</v>
      </c>
      <c r="G1358">
        <v>79095.241290000005</v>
      </c>
      <c r="H1358">
        <v>55718.333579999999</v>
      </c>
      <c r="I1358">
        <v>40868.796889999998</v>
      </c>
      <c r="J1358">
        <v>43439.632140000002</v>
      </c>
      <c r="K1358">
        <v>63825.408589999999</v>
      </c>
      <c r="L1358">
        <v>34704.804969999997</v>
      </c>
      <c r="M1358">
        <v>339875.46980000002</v>
      </c>
      <c r="N1358">
        <v>101272.9715</v>
      </c>
      <c r="O1358">
        <v>29362.983380000001</v>
      </c>
      <c r="P1358">
        <v>38939.985509999999</v>
      </c>
      <c r="Q1358">
        <v>91702.009669999999</v>
      </c>
      <c r="R1358">
        <v>28140.403590000002</v>
      </c>
      <c r="S1358">
        <v>122926.1793</v>
      </c>
      <c r="T1358">
        <v>38104.416850000001</v>
      </c>
      <c r="U1358">
        <v>25036.316009999999</v>
      </c>
      <c r="W1358" s="83">
        <f>Bühler!N1390</f>
        <v>45348.499999996711</v>
      </c>
      <c r="X1358" s="83">
        <v>43157.5</v>
      </c>
      <c r="Y1358">
        <v>292674.26549999998</v>
      </c>
      <c r="Z1358">
        <v>36452.997219999997</v>
      </c>
      <c r="AA1358">
        <v>89907.607619999995</v>
      </c>
      <c r="AB1358">
        <v>79095.241290000005</v>
      </c>
      <c r="AC1358">
        <v>55718.333579999999</v>
      </c>
      <c r="AD1358">
        <v>40868.796889999998</v>
      </c>
      <c r="AE1358">
        <v>43439.632140000002</v>
      </c>
      <c r="AF1358">
        <v>63825.408589999999</v>
      </c>
      <c r="AG1358">
        <v>34704.804969999997</v>
      </c>
      <c r="AH1358">
        <v>339875.46980000002</v>
      </c>
      <c r="AI1358">
        <v>101272.9715</v>
      </c>
      <c r="AJ1358">
        <v>29362.983380000001</v>
      </c>
      <c r="AK1358">
        <v>38939.985509999999</v>
      </c>
      <c r="AL1358">
        <v>91702.009669999999</v>
      </c>
      <c r="AM1358">
        <v>28140.403590000002</v>
      </c>
      <c r="AN1358">
        <v>122926.1793</v>
      </c>
      <c r="AO1358">
        <v>38104.416850000001</v>
      </c>
      <c r="AP1358">
        <v>25036.316009999999</v>
      </c>
    </row>
    <row r="1359" spans="2:42" x14ac:dyDescent="0.3">
      <c r="B1359">
        <v>66.347761328998118</v>
      </c>
      <c r="C1359" s="83">
        <v>43157.541666666664</v>
      </c>
      <c r="D1359">
        <v>293143.59009999997</v>
      </c>
      <c r="E1359">
        <v>36212.179700000001</v>
      </c>
      <c r="F1359">
        <v>85480.279410000003</v>
      </c>
      <c r="G1359">
        <v>78174.230299999996</v>
      </c>
      <c r="H1359">
        <v>55879.224450000002</v>
      </c>
      <c r="I1359">
        <v>39815.048519999997</v>
      </c>
      <c r="J1359">
        <v>42457.934869999997</v>
      </c>
      <c r="K1359">
        <v>65277.102400000003</v>
      </c>
      <c r="L1359">
        <v>33330.533089999997</v>
      </c>
      <c r="M1359">
        <v>338271.82799999998</v>
      </c>
      <c r="N1359">
        <v>101218.6318</v>
      </c>
      <c r="O1359">
        <v>29191.29809</v>
      </c>
      <c r="P1359">
        <v>36749.515350000001</v>
      </c>
      <c r="Q1359">
        <v>90802.720830000006</v>
      </c>
      <c r="R1359">
        <v>27057.35138</v>
      </c>
      <c r="S1359">
        <v>122564.45970000001</v>
      </c>
      <c r="T1359">
        <v>37743.039320000003</v>
      </c>
      <c r="U1359">
        <v>27433.223419999998</v>
      </c>
      <c r="W1359" s="83">
        <f>Bühler!N1391</f>
        <v>45348.541666663376</v>
      </c>
      <c r="X1359" s="83">
        <v>43157.541666666664</v>
      </c>
      <c r="Y1359">
        <v>293143.59009999997</v>
      </c>
      <c r="Z1359">
        <v>36212.179700000001</v>
      </c>
      <c r="AA1359">
        <v>85480.279410000003</v>
      </c>
      <c r="AB1359">
        <v>78174.230299999996</v>
      </c>
      <c r="AC1359">
        <v>55879.224450000002</v>
      </c>
      <c r="AD1359">
        <v>39815.048519999997</v>
      </c>
      <c r="AE1359">
        <v>42457.934869999997</v>
      </c>
      <c r="AF1359">
        <v>65277.102400000003</v>
      </c>
      <c r="AG1359">
        <v>33330.533089999997</v>
      </c>
      <c r="AH1359">
        <v>338271.82799999998</v>
      </c>
      <c r="AI1359">
        <v>101218.6318</v>
      </c>
      <c r="AJ1359">
        <v>29191.29809</v>
      </c>
      <c r="AK1359">
        <v>36749.515350000001</v>
      </c>
      <c r="AL1359">
        <v>90802.720830000006</v>
      </c>
      <c r="AM1359">
        <v>27057.35138</v>
      </c>
      <c r="AN1359">
        <v>122564.45970000001</v>
      </c>
      <c r="AO1359">
        <v>37743.039320000003</v>
      </c>
      <c r="AP1359">
        <v>27433.223419999998</v>
      </c>
    </row>
    <row r="1360" spans="2:42" x14ac:dyDescent="0.3">
      <c r="B1360">
        <v>66.815228276928551</v>
      </c>
      <c r="C1360" s="83">
        <v>43157.583333333336</v>
      </c>
      <c r="D1360">
        <v>297670.1678</v>
      </c>
      <c r="E1360">
        <v>38958.719969999998</v>
      </c>
      <c r="F1360">
        <v>92228.443109999993</v>
      </c>
      <c r="G1360">
        <v>75280.422219999993</v>
      </c>
      <c r="H1360">
        <v>55531.502820000002</v>
      </c>
      <c r="I1360">
        <v>40297.953889999997</v>
      </c>
      <c r="J1360">
        <v>42068.156949999997</v>
      </c>
      <c r="K1360">
        <v>67044.373349999994</v>
      </c>
      <c r="L1360">
        <v>30088.196090000001</v>
      </c>
      <c r="M1360">
        <v>340655.1925</v>
      </c>
      <c r="N1360">
        <v>103306.5956</v>
      </c>
      <c r="O1360">
        <v>28896.584770000001</v>
      </c>
      <c r="P1360">
        <v>34893.57905</v>
      </c>
      <c r="Q1360">
        <v>90421.882750000004</v>
      </c>
      <c r="R1360">
        <v>26013.51973</v>
      </c>
      <c r="S1360">
        <v>117627.12119999999</v>
      </c>
      <c r="T1360">
        <v>36892.227160000002</v>
      </c>
      <c r="U1360">
        <v>26996.971689999998</v>
      </c>
      <c r="W1360" s="83">
        <f>Bühler!N1392</f>
        <v>45348.58333333004</v>
      </c>
      <c r="X1360" s="83">
        <v>43157.583333333336</v>
      </c>
      <c r="Y1360">
        <v>297670.1678</v>
      </c>
      <c r="Z1360">
        <v>38958.719969999998</v>
      </c>
      <c r="AA1360">
        <v>92228.443109999993</v>
      </c>
      <c r="AB1360">
        <v>75280.422219999993</v>
      </c>
      <c r="AC1360">
        <v>55531.502820000002</v>
      </c>
      <c r="AD1360">
        <v>40297.953889999997</v>
      </c>
      <c r="AE1360">
        <v>42068.156949999997</v>
      </c>
      <c r="AF1360">
        <v>67044.373349999994</v>
      </c>
      <c r="AG1360">
        <v>30088.196090000001</v>
      </c>
      <c r="AH1360">
        <v>340655.1925</v>
      </c>
      <c r="AI1360">
        <v>103306.5956</v>
      </c>
      <c r="AJ1360">
        <v>28896.584770000001</v>
      </c>
      <c r="AK1360">
        <v>34893.57905</v>
      </c>
      <c r="AL1360">
        <v>90421.882750000004</v>
      </c>
      <c r="AM1360">
        <v>26013.51973</v>
      </c>
      <c r="AN1360">
        <v>117627.12119999999</v>
      </c>
      <c r="AO1360">
        <v>36892.227160000002</v>
      </c>
      <c r="AP1360">
        <v>26996.971689999998</v>
      </c>
    </row>
    <row r="1361" spans="2:42" x14ac:dyDescent="0.3">
      <c r="B1361">
        <v>66.456753850028832</v>
      </c>
      <c r="C1361" s="83">
        <v>43157.625</v>
      </c>
      <c r="D1361">
        <v>295093.31880000001</v>
      </c>
      <c r="E1361">
        <v>38301.423669999996</v>
      </c>
      <c r="F1361">
        <v>94426.221699999995</v>
      </c>
      <c r="G1361">
        <v>71870.414170000004</v>
      </c>
      <c r="H1361">
        <v>54315.348259999999</v>
      </c>
      <c r="I1361">
        <v>40965.528339999997</v>
      </c>
      <c r="J1361">
        <v>41640.0167</v>
      </c>
      <c r="K1361">
        <v>66586.641180000006</v>
      </c>
      <c r="L1361">
        <v>27340.51311</v>
      </c>
      <c r="M1361">
        <v>338827.52269999997</v>
      </c>
      <c r="N1361">
        <v>100453.13989999999</v>
      </c>
      <c r="O1361">
        <v>28146.79451</v>
      </c>
      <c r="P1361">
        <v>33737.501239999998</v>
      </c>
      <c r="Q1361">
        <v>89543.376260000005</v>
      </c>
      <c r="R1361">
        <v>25807.106479999999</v>
      </c>
      <c r="S1361">
        <v>115644.97259999999</v>
      </c>
      <c r="T1361">
        <v>36829.030489999997</v>
      </c>
      <c r="U1361">
        <v>26461.10932</v>
      </c>
      <c r="W1361" s="83">
        <f>Bühler!N1393</f>
        <v>45348.624999996704</v>
      </c>
      <c r="X1361" s="83">
        <v>43157.625</v>
      </c>
      <c r="Y1361">
        <v>295093.31880000001</v>
      </c>
      <c r="Z1361">
        <v>38301.423669999996</v>
      </c>
      <c r="AA1361">
        <v>94426.221699999995</v>
      </c>
      <c r="AB1361">
        <v>71870.414170000004</v>
      </c>
      <c r="AC1361">
        <v>54315.348259999999</v>
      </c>
      <c r="AD1361">
        <v>40965.528339999997</v>
      </c>
      <c r="AE1361">
        <v>41640.0167</v>
      </c>
      <c r="AF1361">
        <v>66586.641180000006</v>
      </c>
      <c r="AG1361">
        <v>27340.51311</v>
      </c>
      <c r="AH1361">
        <v>338827.52269999997</v>
      </c>
      <c r="AI1361">
        <v>100453.13989999999</v>
      </c>
      <c r="AJ1361">
        <v>28146.79451</v>
      </c>
      <c r="AK1361">
        <v>33737.501239999998</v>
      </c>
      <c r="AL1361">
        <v>89543.376260000005</v>
      </c>
      <c r="AM1361">
        <v>25807.106479999999</v>
      </c>
      <c r="AN1361">
        <v>115644.97259999999</v>
      </c>
      <c r="AO1361">
        <v>36829.030489999997</v>
      </c>
      <c r="AP1361">
        <v>26461.10932</v>
      </c>
    </row>
    <row r="1362" spans="2:42" x14ac:dyDescent="0.3">
      <c r="B1362">
        <v>65.607130255507187</v>
      </c>
      <c r="C1362" s="83">
        <v>43157.666666666664</v>
      </c>
      <c r="D1362">
        <v>290087.25319999998</v>
      </c>
      <c r="E1362">
        <v>37274.818599999999</v>
      </c>
      <c r="F1362">
        <v>93758.050810000001</v>
      </c>
      <c r="G1362">
        <v>68784.691229999997</v>
      </c>
      <c r="H1362">
        <v>52914.409650000001</v>
      </c>
      <c r="I1362">
        <v>43164.450689999998</v>
      </c>
      <c r="J1362">
        <v>40943.319490000002</v>
      </c>
      <c r="K1362">
        <v>61693.697090000001</v>
      </c>
      <c r="L1362">
        <v>26666.000909999999</v>
      </c>
      <c r="M1362">
        <v>334495.74540000001</v>
      </c>
      <c r="N1362">
        <v>97272.249930000005</v>
      </c>
      <c r="O1362">
        <v>27932.988109999998</v>
      </c>
      <c r="P1362">
        <v>34337.455399999999</v>
      </c>
      <c r="Q1362">
        <v>88381.667570000005</v>
      </c>
      <c r="R1362">
        <v>25452.020469999999</v>
      </c>
      <c r="S1362">
        <v>112565.49490000001</v>
      </c>
      <c r="T1362">
        <v>36186.856070000002</v>
      </c>
      <c r="U1362">
        <v>24629.3282</v>
      </c>
      <c r="W1362" s="83">
        <f>Bühler!N1394</f>
        <v>45348.666666663368</v>
      </c>
      <c r="X1362" s="83">
        <v>43157.666666666664</v>
      </c>
      <c r="Y1362">
        <v>290087.25319999998</v>
      </c>
      <c r="Z1362">
        <v>37274.818599999999</v>
      </c>
      <c r="AA1362">
        <v>93758.050810000001</v>
      </c>
      <c r="AB1362">
        <v>68784.691229999997</v>
      </c>
      <c r="AC1362">
        <v>52914.409650000001</v>
      </c>
      <c r="AD1362">
        <v>43164.450689999998</v>
      </c>
      <c r="AE1362">
        <v>40943.319490000002</v>
      </c>
      <c r="AF1362">
        <v>61693.697090000001</v>
      </c>
      <c r="AG1362">
        <v>26666.000909999999</v>
      </c>
      <c r="AH1362">
        <v>334495.74540000001</v>
      </c>
      <c r="AI1362">
        <v>97272.249930000005</v>
      </c>
      <c r="AJ1362">
        <v>27932.988109999998</v>
      </c>
      <c r="AK1362">
        <v>34337.455399999999</v>
      </c>
      <c r="AL1362">
        <v>88381.667570000005</v>
      </c>
      <c r="AM1362">
        <v>25452.020469999999</v>
      </c>
      <c r="AN1362">
        <v>112565.49490000001</v>
      </c>
      <c r="AO1362">
        <v>36186.856070000002</v>
      </c>
      <c r="AP1362">
        <v>24629.3282</v>
      </c>
    </row>
    <row r="1363" spans="2:42" x14ac:dyDescent="0.3">
      <c r="B1363">
        <v>64.047174542050541</v>
      </c>
      <c r="C1363" s="83">
        <v>43157.708333333336</v>
      </c>
      <c r="D1363">
        <v>278527.42719999998</v>
      </c>
      <c r="E1363">
        <v>35165.032229999997</v>
      </c>
      <c r="F1363">
        <v>93749.907479999994</v>
      </c>
      <c r="G1363">
        <v>62246.571170000003</v>
      </c>
      <c r="H1363">
        <v>50672.915820000002</v>
      </c>
      <c r="I1363">
        <v>42763.422160000002</v>
      </c>
      <c r="J1363">
        <v>40400.13839</v>
      </c>
      <c r="K1363">
        <v>55104.233130000001</v>
      </c>
      <c r="L1363">
        <v>26895.83512</v>
      </c>
      <c r="M1363">
        <v>326542.36369999999</v>
      </c>
      <c r="N1363">
        <v>87372.343229999999</v>
      </c>
      <c r="O1363">
        <v>27036.041219999999</v>
      </c>
      <c r="P1363">
        <v>36018.060590000001</v>
      </c>
      <c r="Q1363">
        <v>87556.914929999999</v>
      </c>
      <c r="R1363">
        <v>26670.347959999999</v>
      </c>
      <c r="S1363">
        <v>109220.3015</v>
      </c>
      <c r="T1363">
        <v>36255.491020000001</v>
      </c>
      <c r="U1363">
        <v>22158.776440000001</v>
      </c>
      <c r="W1363" s="83">
        <f>Bühler!N1395</f>
        <v>45348.708333330032</v>
      </c>
      <c r="X1363" s="83">
        <v>43157.708333333336</v>
      </c>
      <c r="Y1363">
        <v>278527.42719999998</v>
      </c>
      <c r="Z1363">
        <v>35165.032229999997</v>
      </c>
      <c r="AA1363">
        <v>93749.907479999994</v>
      </c>
      <c r="AB1363">
        <v>62246.571170000003</v>
      </c>
      <c r="AC1363">
        <v>50672.915820000002</v>
      </c>
      <c r="AD1363">
        <v>42763.422160000002</v>
      </c>
      <c r="AE1363">
        <v>40400.13839</v>
      </c>
      <c r="AF1363">
        <v>55104.233130000001</v>
      </c>
      <c r="AG1363">
        <v>26895.83512</v>
      </c>
      <c r="AH1363">
        <v>326542.36369999999</v>
      </c>
      <c r="AI1363">
        <v>87372.343229999999</v>
      </c>
      <c r="AJ1363">
        <v>27036.041219999999</v>
      </c>
      <c r="AK1363">
        <v>36018.060590000001</v>
      </c>
      <c r="AL1363">
        <v>87556.914929999999</v>
      </c>
      <c r="AM1363">
        <v>26670.347959999999</v>
      </c>
      <c r="AN1363">
        <v>109220.3015</v>
      </c>
      <c r="AO1363">
        <v>36255.491020000001</v>
      </c>
      <c r="AP1363">
        <v>22158.776440000001</v>
      </c>
    </row>
    <row r="1364" spans="2:42" x14ac:dyDescent="0.3">
      <c r="B1364">
        <v>62.008494358077179</v>
      </c>
      <c r="C1364" s="83">
        <v>43157.75</v>
      </c>
      <c r="D1364">
        <v>271390.71110000001</v>
      </c>
      <c r="E1364">
        <v>32950.324000000001</v>
      </c>
      <c r="F1364">
        <v>92762.613410000005</v>
      </c>
      <c r="G1364">
        <v>57506.821810000001</v>
      </c>
      <c r="H1364">
        <v>49031.614569999998</v>
      </c>
      <c r="I1364">
        <v>41639.090629999999</v>
      </c>
      <c r="J1364">
        <v>42907.091110000001</v>
      </c>
      <c r="K1364">
        <v>48329.812209999996</v>
      </c>
      <c r="L1364">
        <v>28773.33886</v>
      </c>
      <c r="M1364">
        <v>316148.22139999998</v>
      </c>
      <c r="N1364">
        <v>85869.531589999999</v>
      </c>
      <c r="O1364">
        <v>26170.09361</v>
      </c>
      <c r="P1364">
        <v>39053.266969999997</v>
      </c>
      <c r="Q1364">
        <v>85707.110740000004</v>
      </c>
      <c r="R1364">
        <v>22211.90019</v>
      </c>
      <c r="S1364">
        <v>105271.4347</v>
      </c>
      <c r="T1364">
        <v>36029.85153</v>
      </c>
      <c r="U1364">
        <v>20956.957429999999</v>
      </c>
      <c r="W1364" s="83">
        <f>Bühler!N1396</f>
        <v>45348.749999996697</v>
      </c>
      <c r="X1364" s="83">
        <v>43157.75</v>
      </c>
      <c r="Y1364">
        <v>271390.71110000001</v>
      </c>
      <c r="Z1364">
        <v>32950.324000000001</v>
      </c>
      <c r="AA1364">
        <v>92762.613410000005</v>
      </c>
      <c r="AB1364">
        <v>57506.821810000001</v>
      </c>
      <c r="AC1364">
        <v>49031.614569999998</v>
      </c>
      <c r="AD1364">
        <v>41639.090629999999</v>
      </c>
      <c r="AE1364">
        <v>42907.091110000001</v>
      </c>
      <c r="AF1364">
        <v>48329.812209999996</v>
      </c>
      <c r="AG1364">
        <v>28773.33886</v>
      </c>
      <c r="AH1364">
        <v>316148.22139999998</v>
      </c>
      <c r="AI1364">
        <v>85869.531589999999</v>
      </c>
      <c r="AJ1364">
        <v>26170.09361</v>
      </c>
      <c r="AK1364">
        <v>39053.266969999997</v>
      </c>
      <c r="AL1364">
        <v>85707.110740000004</v>
      </c>
      <c r="AM1364">
        <v>22211.90019</v>
      </c>
      <c r="AN1364">
        <v>105271.4347</v>
      </c>
      <c r="AO1364">
        <v>36029.85153</v>
      </c>
      <c r="AP1364">
        <v>20956.957429999999</v>
      </c>
    </row>
    <row r="1365" spans="2:42" x14ac:dyDescent="0.3">
      <c r="B1365">
        <v>61.34994663513347</v>
      </c>
      <c r="C1365" s="83">
        <v>43157.791666666664</v>
      </c>
      <c r="D1365">
        <v>268347.13990000001</v>
      </c>
      <c r="E1365">
        <v>27770.910220000002</v>
      </c>
      <c r="F1365">
        <v>80139.414180000007</v>
      </c>
      <c r="G1365">
        <v>54096.291920000003</v>
      </c>
      <c r="H1365">
        <v>48148.0219</v>
      </c>
      <c r="I1365">
        <v>39370.940199999997</v>
      </c>
      <c r="J1365">
        <v>44230.534639999998</v>
      </c>
      <c r="K1365">
        <v>47962.955379999999</v>
      </c>
      <c r="L1365">
        <v>30795.538229999998</v>
      </c>
      <c r="M1365">
        <v>312790.63799999998</v>
      </c>
      <c r="N1365">
        <v>85205.119120000003</v>
      </c>
      <c r="O1365">
        <v>25704.212899999999</v>
      </c>
      <c r="P1365">
        <v>42084.948360000002</v>
      </c>
      <c r="Q1365">
        <v>84442.083310000002</v>
      </c>
      <c r="R1365">
        <v>21805.784169999999</v>
      </c>
      <c r="S1365">
        <v>102317.2591</v>
      </c>
      <c r="T1365">
        <v>36463.435850000002</v>
      </c>
      <c r="U1365">
        <v>20500.700850000001</v>
      </c>
      <c r="W1365" s="83">
        <f>Bühler!N1397</f>
        <v>45348.791666663361</v>
      </c>
      <c r="X1365" s="83">
        <v>43157.791666666664</v>
      </c>
      <c r="Y1365">
        <v>268347.13990000001</v>
      </c>
      <c r="Z1365">
        <v>27770.910220000002</v>
      </c>
      <c r="AA1365">
        <v>80139.414180000007</v>
      </c>
      <c r="AB1365">
        <v>54096.291920000003</v>
      </c>
      <c r="AC1365">
        <v>48148.0219</v>
      </c>
      <c r="AD1365">
        <v>39370.940199999997</v>
      </c>
      <c r="AE1365">
        <v>44230.534639999998</v>
      </c>
      <c r="AF1365">
        <v>47962.955379999999</v>
      </c>
      <c r="AG1365">
        <v>30795.538229999998</v>
      </c>
      <c r="AH1365">
        <v>312790.63799999998</v>
      </c>
      <c r="AI1365">
        <v>85205.119120000003</v>
      </c>
      <c r="AJ1365">
        <v>25704.212899999999</v>
      </c>
      <c r="AK1365">
        <v>42084.948360000002</v>
      </c>
      <c r="AL1365">
        <v>84442.083310000002</v>
      </c>
      <c r="AM1365">
        <v>21805.784169999999</v>
      </c>
      <c r="AN1365">
        <v>102317.2591</v>
      </c>
      <c r="AO1365">
        <v>36463.435850000002</v>
      </c>
      <c r="AP1365">
        <v>20500.700850000001</v>
      </c>
    </row>
    <row r="1366" spans="2:42" x14ac:dyDescent="0.3">
      <c r="B1366">
        <v>60.745864526234307</v>
      </c>
      <c r="C1366" s="83">
        <v>43157.833333333336</v>
      </c>
      <c r="D1366">
        <v>257579.53959999999</v>
      </c>
      <c r="E1366">
        <v>21785.736959999998</v>
      </c>
      <c r="F1366">
        <v>62958.251279999997</v>
      </c>
      <c r="G1366">
        <v>49316.521719999997</v>
      </c>
      <c r="H1366">
        <v>45244.95809</v>
      </c>
      <c r="I1366">
        <v>35937.055339999999</v>
      </c>
      <c r="J1366">
        <v>42978.996870000003</v>
      </c>
      <c r="K1366">
        <v>54308.220300000001</v>
      </c>
      <c r="L1366">
        <v>30078.515100000001</v>
      </c>
      <c r="M1366">
        <v>309710.74570000003</v>
      </c>
      <c r="N1366">
        <v>85147.511450000005</v>
      </c>
      <c r="O1366">
        <v>24748.783049999998</v>
      </c>
      <c r="P1366">
        <v>41591.650529999999</v>
      </c>
      <c r="Q1366">
        <v>83325.950389999998</v>
      </c>
      <c r="R1366">
        <v>23980.912840000001</v>
      </c>
      <c r="S1366">
        <v>92239.552450000003</v>
      </c>
      <c r="T1366">
        <v>34489.837319999999</v>
      </c>
      <c r="U1366">
        <v>19190.692299999999</v>
      </c>
      <c r="W1366" s="83">
        <f>Bühler!N1398</f>
        <v>45348.833333330025</v>
      </c>
      <c r="X1366" s="83">
        <v>43157.833333333336</v>
      </c>
      <c r="Y1366">
        <v>257579.53959999999</v>
      </c>
      <c r="Z1366">
        <v>21785.736959999998</v>
      </c>
      <c r="AA1366">
        <v>62958.251279999997</v>
      </c>
      <c r="AB1366">
        <v>49316.521719999997</v>
      </c>
      <c r="AC1366">
        <v>45244.95809</v>
      </c>
      <c r="AD1366">
        <v>35937.055339999999</v>
      </c>
      <c r="AE1366">
        <v>42978.996870000003</v>
      </c>
      <c r="AF1366">
        <v>54308.220300000001</v>
      </c>
      <c r="AG1366">
        <v>30078.515100000001</v>
      </c>
      <c r="AH1366">
        <v>309710.74570000003</v>
      </c>
      <c r="AI1366">
        <v>85147.511450000005</v>
      </c>
      <c r="AJ1366">
        <v>24748.783049999998</v>
      </c>
      <c r="AK1366">
        <v>41591.650529999999</v>
      </c>
      <c r="AL1366">
        <v>83325.950389999998</v>
      </c>
      <c r="AM1366">
        <v>23980.912840000001</v>
      </c>
      <c r="AN1366">
        <v>92239.552450000003</v>
      </c>
      <c r="AO1366">
        <v>34489.837319999999</v>
      </c>
      <c r="AP1366">
        <v>19190.692299999999</v>
      </c>
    </row>
    <row r="1367" spans="2:42" x14ac:dyDescent="0.3">
      <c r="B1367">
        <v>58.618913876239326</v>
      </c>
      <c r="C1367" s="83">
        <v>43157.875</v>
      </c>
      <c r="D1367">
        <v>247237.78349999999</v>
      </c>
      <c r="E1367">
        <v>19045.50649</v>
      </c>
      <c r="F1367">
        <v>54903.266580000003</v>
      </c>
      <c r="G1367">
        <v>46733.025009999998</v>
      </c>
      <c r="H1367">
        <v>43247.533719999999</v>
      </c>
      <c r="I1367">
        <v>30956.974279999999</v>
      </c>
      <c r="J1367">
        <v>41193.470179999997</v>
      </c>
      <c r="K1367">
        <v>52881.866900000001</v>
      </c>
      <c r="L1367">
        <v>28084.33167</v>
      </c>
      <c r="M1367">
        <v>298866.55940000003</v>
      </c>
      <c r="N1367">
        <v>83031.888290000003</v>
      </c>
      <c r="O1367">
        <v>23987.512760000001</v>
      </c>
      <c r="P1367">
        <v>41545.077700000002</v>
      </c>
      <c r="Q1367">
        <v>80204.827820000006</v>
      </c>
      <c r="R1367">
        <v>21780.700120000001</v>
      </c>
      <c r="S1367">
        <v>86948.833100000003</v>
      </c>
      <c r="T1367">
        <v>32040.560359999999</v>
      </c>
      <c r="U1367">
        <v>18041.823759999999</v>
      </c>
      <c r="W1367" s="83">
        <f>Bühler!N1399</f>
        <v>45348.874999996689</v>
      </c>
      <c r="X1367" s="83">
        <v>43157.875</v>
      </c>
      <c r="Y1367">
        <v>247237.78349999999</v>
      </c>
      <c r="Z1367">
        <v>19045.50649</v>
      </c>
      <c r="AA1367">
        <v>54903.266580000003</v>
      </c>
      <c r="AB1367">
        <v>46733.025009999998</v>
      </c>
      <c r="AC1367">
        <v>43247.533719999999</v>
      </c>
      <c r="AD1367">
        <v>30956.974279999999</v>
      </c>
      <c r="AE1367">
        <v>41193.470179999997</v>
      </c>
      <c r="AF1367">
        <v>52881.866900000001</v>
      </c>
      <c r="AG1367">
        <v>28084.33167</v>
      </c>
      <c r="AH1367">
        <v>298866.55940000003</v>
      </c>
      <c r="AI1367">
        <v>83031.888290000003</v>
      </c>
      <c r="AJ1367">
        <v>23987.512760000001</v>
      </c>
      <c r="AK1367">
        <v>41545.077700000002</v>
      </c>
      <c r="AL1367">
        <v>80204.827820000006</v>
      </c>
      <c r="AM1367">
        <v>21780.700120000001</v>
      </c>
      <c r="AN1367">
        <v>86948.833100000003</v>
      </c>
      <c r="AO1367">
        <v>32040.560359999999</v>
      </c>
      <c r="AP1367">
        <v>18041.823759999999</v>
      </c>
    </row>
    <row r="1368" spans="2:42" x14ac:dyDescent="0.3">
      <c r="B1368">
        <v>58.280436364718064</v>
      </c>
      <c r="C1368" s="83">
        <v>43157.916666666664</v>
      </c>
      <c r="D1368">
        <v>247050.427</v>
      </c>
      <c r="E1368">
        <v>18251.859619999999</v>
      </c>
      <c r="F1368">
        <v>52777.383860000002</v>
      </c>
      <c r="G1368">
        <v>45366.182430000001</v>
      </c>
      <c r="H1368">
        <v>42602.222249999999</v>
      </c>
      <c r="I1368">
        <v>29255.01928</v>
      </c>
      <c r="J1368">
        <v>40435.95635</v>
      </c>
      <c r="K1368">
        <v>55627.70289</v>
      </c>
      <c r="L1368">
        <v>25902.622859999999</v>
      </c>
      <c r="M1368">
        <v>297140.8432</v>
      </c>
      <c r="N1368">
        <v>83377.445290000003</v>
      </c>
      <c r="O1368">
        <v>25166.45304</v>
      </c>
      <c r="P1368">
        <v>42140.5317</v>
      </c>
      <c r="Q1368">
        <v>80245.773530000006</v>
      </c>
      <c r="R1368">
        <v>29714.969270000001</v>
      </c>
      <c r="S1368">
        <v>85091.165779999996</v>
      </c>
      <c r="T1368">
        <v>28928.364119999998</v>
      </c>
      <c r="U1368">
        <v>19162.580399999999</v>
      </c>
      <c r="W1368" s="83">
        <f>Bühler!N1400</f>
        <v>45348.916666663354</v>
      </c>
      <c r="X1368" s="83">
        <v>43157.916666666664</v>
      </c>
      <c r="Y1368">
        <v>247050.427</v>
      </c>
      <c r="Z1368">
        <v>18251.859619999999</v>
      </c>
      <c r="AA1368">
        <v>52777.383860000002</v>
      </c>
      <c r="AB1368">
        <v>45366.182430000001</v>
      </c>
      <c r="AC1368">
        <v>42602.222249999999</v>
      </c>
      <c r="AD1368">
        <v>29255.01928</v>
      </c>
      <c r="AE1368">
        <v>40435.95635</v>
      </c>
      <c r="AF1368">
        <v>55627.70289</v>
      </c>
      <c r="AG1368">
        <v>25902.622859999999</v>
      </c>
      <c r="AH1368">
        <v>297140.8432</v>
      </c>
      <c r="AI1368">
        <v>83377.445290000003</v>
      </c>
      <c r="AJ1368">
        <v>25166.45304</v>
      </c>
      <c r="AK1368">
        <v>42140.5317</v>
      </c>
      <c r="AL1368">
        <v>80245.773530000006</v>
      </c>
      <c r="AM1368">
        <v>29714.969270000001</v>
      </c>
      <c r="AN1368">
        <v>85091.165779999996</v>
      </c>
      <c r="AO1368">
        <v>28928.364119999998</v>
      </c>
      <c r="AP1368">
        <v>19162.580399999999</v>
      </c>
    </row>
    <row r="1369" spans="2:42" x14ac:dyDescent="0.3">
      <c r="B1369">
        <v>57.555689146207904</v>
      </c>
      <c r="C1369" s="83">
        <v>43157.958333333336</v>
      </c>
      <c r="D1369">
        <v>247527.36670000001</v>
      </c>
      <c r="E1369">
        <v>17839.88751</v>
      </c>
      <c r="F1369">
        <v>51655.280019999998</v>
      </c>
      <c r="G1369">
        <v>44950.22939</v>
      </c>
      <c r="H1369">
        <v>41961.015760000002</v>
      </c>
      <c r="I1369">
        <v>28643.639360000001</v>
      </c>
      <c r="J1369">
        <v>37443.608189999999</v>
      </c>
      <c r="K1369">
        <v>55393.50849</v>
      </c>
      <c r="L1369">
        <v>21953.99812</v>
      </c>
      <c r="M1369">
        <v>293445.7439</v>
      </c>
      <c r="N1369">
        <v>83046.131599999993</v>
      </c>
      <c r="O1369">
        <v>25169.88838</v>
      </c>
      <c r="P1369">
        <v>38458.072979999997</v>
      </c>
      <c r="Q1369">
        <v>80394.580470000001</v>
      </c>
      <c r="R1369">
        <v>32894.36464</v>
      </c>
      <c r="S1369">
        <v>83670.371440000003</v>
      </c>
      <c r="T1369">
        <v>29126.396400000001</v>
      </c>
      <c r="U1369">
        <v>18643.988720000001</v>
      </c>
      <c r="W1369" s="83">
        <f>Bühler!N1401</f>
        <v>45348.958333330018</v>
      </c>
      <c r="X1369" s="83">
        <v>43157.958333333336</v>
      </c>
      <c r="Y1369">
        <v>247527.36670000001</v>
      </c>
      <c r="Z1369">
        <v>17839.88751</v>
      </c>
      <c r="AA1369">
        <v>51655.280019999998</v>
      </c>
      <c r="AB1369">
        <v>44950.22939</v>
      </c>
      <c r="AC1369">
        <v>41961.015760000002</v>
      </c>
      <c r="AD1369">
        <v>28643.639360000001</v>
      </c>
      <c r="AE1369">
        <v>37443.608189999999</v>
      </c>
      <c r="AF1369">
        <v>55393.50849</v>
      </c>
      <c r="AG1369">
        <v>21953.99812</v>
      </c>
      <c r="AH1369">
        <v>293445.7439</v>
      </c>
      <c r="AI1369">
        <v>83046.131599999993</v>
      </c>
      <c r="AJ1369">
        <v>25169.88838</v>
      </c>
      <c r="AK1369">
        <v>38458.072979999997</v>
      </c>
      <c r="AL1369">
        <v>80394.580470000001</v>
      </c>
      <c r="AM1369">
        <v>32894.36464</v>
      </c>
      <c r="AN1369">
        <v>83670.371440000003</v>
      </c>
      <c r="AO1369">
        <v>29126.396400000001</v>
      </c>
      <c r="AP1369">
        <v>18643.988720000001</v>
      </c>
    </row>
    <row r="1370" spans="2:42" x14ac:dyDescent="0.3">
      <c r="B1370">
        <v>57.758642256143133</v>
      </c>
      <c r="C1370" s="83">
        <v>43158</v>
      </c>
      <c r="D1370">
        <v>245821.92199999999</v>
      </c>
      <c r="E1370">
        <v>17504.233120000001</v>
      </c>
      <c r="F1370">
        <v>50803.453099999999</v>
      </c>
      <c r="G1370">
        <v>44344.73504</v>
      </c>
      <c r="H1370">
        <v>41379.602050000001</v>
      </c>
      <c r="I1370">
        <v>26649.533940000001</v>
      </c>
      <c r="J1370">
        <v>35452.465479999999</v>
      </c>
      <c r="K1370">
        <v>53039.661339999999</v>
      </c>
      <c r="L1370">
        <v>20298.003939999999</v>
      </c>
      <c r="M1370">
        <v>294480.49349999998</v>
      </c>
      <c r="N1370">
        <v>81961.927020000003</v>
      </c>
      <c r="O1370">
        <v>25254.15393</v>
      </c>
      <c r="P1370">
        <v>35491.128940000002</v>
      </c>
      <c r="Q1370">
        <v>80273.018930000006</v>
      </c>
      <c r="R1370">
        <v>28961.345789999999</v>
      </c>
      <c r="S1370">
        <v>82939.647140000001</v>
      </c>
      <c r="T1370">
        <v>27872.58556</v>
      </c>
      <c r="U1370">
        <v>18365.487779999999</v>
      </c>
      <c r="W1370" s="83">
        <f>Bühler!N1402</f>
        <v>45348.999999996682</v>
      </c>
      <c r="X1370" s="83">
        <v>43158</v>
      </c>
      <c r="Y1370">
        <v>245821.92199999999</v>
      </c>
      <c r="Z1370">
        <v>17504.233120000001</v>
      </c>
      <c r="AA1370">
        <v>50803.453099999999</v>
      </c>
      <c r="AB1370">
        <v>44344.73504</v>
      </c>
      <c r="AC1370">
        <v>41379.602050000001</v>
      </c>
      <c r="AD1370">
        <v>26649.533940000001</v>
      </c>
      <c r="AE1370">
        <v>35452.465479999999</v>
      </c>
      <c r="AF1370">
        <v>53039.661339999999</v>
      </c>
      <c r="AG1370">
        <v>20298.003939999999</v>
      </c>
      <c r="AH1370">
        <v>294480.49349999998</v>
      </c>
      <c r="AI1370">
        <v>81961.927020000003</v>
      </c>
      <c r="AJ1370">
        <v>25254.15393</v>
      </c>
      <c r="AK1370">
        <v>35491.128940000002</v>
      </c>
      <c r="AL1370">
        <v>80273.018930000006</v>
      </c>
      <c r="AM1370">
        <v>28961.345789999999</v>
      </c>
      <c r="AN1370">
        <v>82939.647140000001</v>
      </c>
      <c r="AO1370">
        <v>27872.58556</v>
      </c>
      <c r="AP1370">
        <v>18365.487779999999</v>
      </c>
    </row>
    <row r="1371" spans="2:42" x14ac:dyDescent="0.3">
      <c r="B1371">
        <v>57.81860550381316</v>
      </c>
      <c r="C1371" s="83">
        <v>43158.041666666664</v>
      </c>
      <c r="D1371">
        <v>245208.4963</v>
      </c>
      <c r="E1371">
        <v>17640.733660000002</v>
      </c>
      <c r="F1371">
        <v>50868.022239999998</v>
      </c>
      <c r="G1371">
        <v>43936.728080000001</v>
      </c>
      <c r="H1371">
        <v>40752.392789999998</v>
      </c>
      <c r="I1371">
        <v>22007.347140000002</v>
      </c>
      <c r="J1371">
        <v>34667.108829999997</v>
      </c>
      <c r="K1371">
        <v>51310.566729999999</v>
      </c>
      <c r="L1371">
        <v>19978.384010000002</v>
      </c>
      <c r="M1371">
        <v>294786.21409999998</v>
      </c>
      <c r="N1371">
        <v>81809.074120000005</v>
      </c>
      <c r="O1371">
        <v>24875.707869999998</v>
      </c>
      <c r="P1371">
        <v>33587.314129999999</v>
      </c>
      <c r="Q1371">
        <v>81774.981799999994</v>
      </c>
      <c r="R1371">
        <v>26567.803100000001</v>
      </c>
      <c r="S1371">
        <v>82077.039290000001</v>
      </c>
      <c r="T1371">
        <v>27967.47307</v>
      </c>
      <c r="U1371">
        <v>18612.900030000001</v>
      </c>
      <c r="W1371" s="83">
        <f>Bühler!N1403</f>
        <v>45349.041666663346</v>
      </c>
      <c r="X1371" s="83">
        <v>43158.041666666664</v>
      </c>
      <c r="Y1371">
        <v>245208.4963</v>
      </c>
      <c r="Z1371">
        <v>17640.733660000002</v>
      </c>
      <c r="AA1371">
        <v>50868.022239999998</v>
      </c>
      <c r="AB1371">
        <v>43936.728080000001</v>
      </c>
      <c r="AC1371">
        <v>40752.392789999998</v>
      </c>
      <c r="AD1371">
        <v>22007.347140000002</v>
      </c>
      <c r="AE1371">
        <v>34667.108829999997</v>
      </c>
      <c r="AF1371">
        <v>51310.566729999999</v>
      </c>
      <c r="AG1371">
        <v>19978.384010000002</v>
      </c>
      <c r="AH1371">
        <v>294786.21409999998</v>
      </c>
      <c r="AI1371">
        <v>81809.074120000005</v>
      </c>
      <c r="AJ1371">
        <v>24875.707869999998</v>
      </c>
      <c r="AK1371">
        <v>33587.314129999999</v>
      </c>
      <c r="AL1371">
        <v>81774.981799999994</v>
      </c>
      <c r="AM1371">
        <v>26567.803100000001</v>
      </c>
      <c r="AN1371">
        <v>82077.039290000001</v>
      </c>
      <c r="AO1371">
        <v>27967.47307</v>
      </c>
      <c r="AP1371">
        <v>18612.900030000001</v>
      </c>
    </row>
    <row r="1372" spans="2:42" x14ac:dyDescent="0.3">
      <c r="B1372">
        <v>58.085180314519611</v>
      </c>
      <c r="C1372" s="83">
        <v>43158.083333333336</v>
      </c>
      <c r="D1372">
        <v>245304.12239999999</v>
      </c>
      <c r="E1372">
        <v>17728.567029999998</v>
      </c>
      <c r="F1372">
        <v>51350.520040000003</v>
      </c>
      <c r="G1372">
        <v>44030.351150000002</v>
      </c>
      <c r="H1372">
        <v>40933.058060000003</v>
      </c>
      <c r="I1372">
        <v>20465.782090000001</v>
      </c>
      <c r="J1372">
        <v>34576.237710000001</v>
      </c>
      <c r="K1372">
        <v>51338.764920000001</v>
      </c>
      <c r="L1372">
        <v>19850.192429999999</v>
      </c>
      <c r="M1372">
        <v>296145.33679999999</v>
      </c>
      <c r="N1372">
        <v>81299.907940000005</v>
      </c>
      <c r="O1372">
        <v>25139.294539999999</v>
      </c>
      <c r="P1372">
        <v>32788.494910000001</v>
      </c>
      <c r="Q1372">
        <v>83310.905230000004</v>
      </c>
      <c r="R1372">
        <v>27443.339499999998</v>
      </c>
      <c r="S1372">
        <v>80690.115319999997</v>
      </c>
      <c r="T1372">
        <v>27094.69699</v>
      </c>
      <c r="U1372">
        <v>19082.217499999999</v>
      </c>
      <c r="W1372" s="83">
        <f>Bühler!N1404</f>
        <v>45349.083333330011</v>
      </c>
      <c r="X1372" s="83">
        <v>43158.083333333336</v>
      </c>
      <c r="Y1372">
        <v>245304.12239999999</v>
      </c>
      <c r="Z1372">
        <v>17728.567029999998</v>
      </c>
      <c r="AA1372">
        <v>51350.520040000003</v>
      </c>
      <c r="AB1372">
        <v>44030.351150000002</v>
      </c>
      <c r="AC1372">
        <v>40933.058060000003</v>
      </c>
      <c r="AD1372">
        <v>20465.782090000001</v>
      </c>
      <c r="AE1372">
        <v>34576.237710000001</v>
      </c>
      <c r="AF1372">
        <v>51338.764920000001</v>
      </c>
      <c r="AG1372">
        <v>19850.192429999999</v>
      </c>
      <c r="AH1372">
        <v>296145.33679999999</v>
      </c>
      <c r="AI1372">
        <v>81299.907940000005</v>
      </c>
      <c r="AJ1372">
        <v>25139.294539999999</v>
      </c>
      <c r="AK1372">
        <v>32788.494910000001</v>
      </c>
      <c r="AL1372">
        <v>83310.905230000004</v>
      </c>
      <c r="AM1372">
        <v>27443.339499999998</v>
      </c>
      <c r="AN1372">
        <v>80690.115319999997</v>
      </c>
      <c r="AO1372">
        <v>27094.69699</v>
      </c>
      <c r="AP1372">
        <v>19082.217499999999</v>
      </c>
    </row>
    <row r="1373" spans="2:42" x14ac:dyDescent="0.3">
      <c r="B1373">
        <v>58.148466620314117</v>
      </c>
      <c r="C1373" s="83">
        <v>43158.125</v>
      </c>
      <c r="D1373">
        <v>248386.89480000001</v>
      </c>
      <c r="E1373">
        <v>17949.571100000001</v>
      </c>
      <c r="F1373">
        <v>53322.479090000001</v>
      </c>
      <c r="G1373">
        <v>43211.687489999997</v>
      </c>
      <c r="H1373">
        <v>41575.36836</v>
      </c>
      <c r="I1373">
        <v>20626.320059999998</v>
      </c>
      <c r="J1373">
        <v>35011.746460000002</v>
      </c>
      <c r="K1373">
        <v>49017.625840000001</v>
      </c>
      <c r="L1373">
        <v>19638.195400000001</v>
      </c>
      <c r="M1373">
        <v>296467.9999</v>
      </c>
      <c r="N1373">
        <v>82543.993539999996</v>
      </c>
      <c r="O1373">
        <v>25305.444479999998</v>
      </c>
      <c r="P1373">
        <v>32085.30831</v>
      </c>
      <c r="Q1373">
        <v>85384.689719999995</v>
      </c>
      <c r="R1373">
        <v>27524.382269999998</v>
      </c>
      <c r="S1373">
        <v>80601.249920000002</v>
      </c>
      <c r="T1373">
        <v>27611.74582</v>
      </c>
      <c r="U1373">
        <v>19286.527529999999</v>
      </c>
      <c r="W1373" s="83">
        <f>Bühler!N1405</f>
        <v>45349.124999996675</v>
      </c>
      <c r="X1373" s="83">
        <v>43158.125</v>
      </c>
      <c r="Y1373">
        <v>248386.89480000001</v>
      </c>
      <c r="Z1373">
        <v>17949.571100000001</v>
      </c>
      <c r="AA1373">
        <v>53322.479090000001</v>
      </c>
      <c r="AB1373">
        <v>43211.687489999997</v>
      </c>
      <c r="AC1373">
        <v>41575.36836</v>
      </c>
      <c r="AD1373">
        <v>20626.320059999998</v>
      </c>
      <c r="AE1373">
        <v>35011.746460000002</v>
      </c>
      <c r="AF1373">
        <v>49017.625840000001</v>
      </c>
      <c r="AG1373">
        <v>19638.195400000001</v>
      </c>
      <c r="AH1373">
        <v>296467.9999</v>
      </c>
      <c r="AI1373">
        <v>82543.993539999996</v>
      </c>
      <c r="AJ1373">
        <v>25305.444479999998</v>
      </c>
      <c r="AK1373">
        <v>32085.30831</v>
      </c>
      <c r="AL1373">
        <v>85384.689719999995</v>
      </c>
      <c r="AM1373">
        <v>27524.382269999998</v>
      </c>
      <c r="AN1373">
        <v>80601.249920000002</v>
      </c>
      <c r="AO1373">
        <v>27611.74582</v>
      </c>
      <c r="AP1373">
        <v>19286.527529999999</v>
      </c>
    </row>
    <row r="1374" spans="2:42" x14ac:dyDescent="0.3">
      <c r="B1374">
        <v>59.653224597603675</v>
      </c>
      <c r="C1374" s="83">
        <v>43158.166666666664</v>
      </c>
      <c r="D1374">
        <v>251118.4676</v>
      </c>
      <c r="E1374">
        <v>18644.051309999999</v>
      </c>
      <c r="F1374">
        <v>57304.289700000001</v>
      </c>
      <c r="G1374">
        <v>43568.808660000002</v>
      </c>
      <c r="H1374">
        <v>41946.942130000003</v>
      </c>
      <c r="I1374">
        <v>23807.021400000001</v>
      </c>
      <c r="J1374">
        <v>37444.739880000001</v>
      </c>
      <c r="K1374">
        <v>47261.789279999997</v>
      </c>
      <c r="L1374">
        <v>19293.153760000001</v>
      </c>
      <c r="M1374">
        <v>304139.95779999997</v>
      </c>
      <c r="N1374">
        <v>82498.583499999993</v>
      </c>
      <c r="O1374">
        <v>25552.57315</v>
      </c>
      <c r="P1374">
        <v>31542.05528</v>
      </c>
      <c r="Q1374">
        <v>89576.961720000007</v>
      </c>
      <c r="R1374">
        <v>27496.85816</v>
      </c>
      <c r="S1374">
        <v>81312.085290000003</v>
      </c>
      <c r="T1374">
        <v>27544.30168</v>
      </c>
      <c r="U1374">
        <v>19646.671610000001</v>
      </c>
      <c r="W1374" s="83">
        <f>Bühler!N1406</f>
        <v>45349.166666663339</v>
      </c>
      <c r="X1374" s="83">
        <v>43158.166666666664</v>
      </c>
      <c r="Y1374">
        <v>251118.4676</v>
      </c>
      <c r="Z1374">
        <v>18644.051309999999</v>
      </c>
      <c r="AA1374">
        <v>57304.289700000001</v>
      </c>
      <c r="AB1374">
        <v>43568.808660000002</v>
      </c>
      <c r="AC1374">
        <v>41946.942130000003</v>
      </c>
      <c r="AD1374">
        <v>23807.021400000001</v>
      </c>
      <c r="AE1374">
        <v>37444.739880000001</v>
      </c>
      <c r="AF1374">
        <v>47261.789279999997</v>
      </c>
      <c r="AG1374">
        <v>19293.153760000001</v>
      </c>
      <c r="AH1374">
        <v>304139.95779999997</v>
      </c>
      <c r="AI1374">
        <v>82498.583499999993</v>
      </c>
      <c r="AJ1374">
        <v>25552.57315</v>
      </c>
      <c r="AK1374">
        <v>31542.05528</v>
      </c>
      <c r="AL1374">
        <v>89576.961720000007</v>
      </c>
      <c r="AM1374">
        <v>27496.85816</v>
      </c>
      <c r="AN1374">
        <v>81312.085290000003</v>
      </c>
      <c r="AO1374">
        <v>27544.30168</v>
      </c>
      <c r="AP1374">
        <v>19646.671610000001</v>
      </c>
    </row>
    <row r="1375" spans="2:42" x14ac:dyDescent="0.3">
      <c r="B1375">
        <v>63.067701213197587</v>
      </c>
      <c r="C1375" s="83">
        <v>43158.208333333336</v>
      </c>
      <c r="D1375">
        <v>266744.15590000001</v>
      </c>
      <c r="E1375">
        <v>20769.307199999999</v>
      </c>
      <c r="F1375">
        <v>67446.427670000005</v>
      </c>
      <c r="G1375">
        <v>46215.706749999998</v>
      </c>
      <c r="H1375">
        <v>44343.834889999998</v>
      </c>
      <c r="I1375">
        <v>32771.49682</v>
      </c>
      <c r="J1375">
        <v>40641.163500000002</v>
      </c>
      <c r="K1375">
        <v>47870.016349999998</v>
      </c>
      <c r="L1375">
        <v>20409.2673</v>
      </c>
      <c r="M1375">
        <v>321548.55190000002</v>
      </c>
      <c r="N1375">
        <v>84708.648239999995</v>
      </c>
      <c r="O1375">
        <v>26304.73963</v>
      </c>
      <c r="P1375">
        <v>33025.867120000003</v>
      </c>
      <c r="Q1375">
        <v>92417.6486</v>
      </c>
      <c r="R1375">
        <v>30076.06855</v>
      </c>
      <c r="S1375">
        <v>84905.450230000002</v>
      </c>
      <c r="T1375">
        <v>29532.38953</v>
      </c>
      <c r="U1375">
        <v>21364.20768</v>
      </c>
      <c r="W1375" s="83">
        <f>Bühler!N1407</f>
        <v>45349.208333330003</v>
      </c>
      <c r="X1375" s="83">
        <v>43158.208333333336</v>
      </c>
      <c r="Y1375">
        <v>266744.15590000001</v>
      </c>
      <c r="Z1375">
        <v>20769.307199999999</v>
      </c>
      <c r="AA1375">
        <v>67446.427670000005</v>
      </c>
      <c r="AB1375">
        <v>46215.706749999998</v>
      </c>
      <c r="AC1375">
        <v>44343.834889999998</v>
      </c>
      <c r="AD1375">
        <v>32771.49682</v>
      </c>
      <c r="AE1375">
        <v>40641.163500000002</v>
      </c>
      <c r="AF1375">
        <v>47870.016349999998</v>
      </c>
      <c r="AG1375">
        <v>20409.2673</v>
      </c>
      <c r="AH1375">
        <v>321548.55190000002</v>
      </c>
      <c r="AI1375">
        <v>84708.648239999995</v>
      </c>
      <c r="AJ1375">
        <v>26304.73963</v>
      </c>
      <c r="AK1375">
        <v>33025.867120000003</v>
      </c>
      <c r="AL1375">
        <v>92417.6486</v>
      </c>
      <c r="AM1375">
        <v>30076.06855</v>
      </c>
      <c r="AN1375">
        <v>84905.450230000002</v>
      </c>
      <c r="AO1375">
        <v>29532.38953</v>
      </c>
      <c r="AP1375">
        <v>21364.20768</v>
      </c>
    </row>
    <row r="1376" spans="2:42" x14ac:dyDescent="0.3">
      <c r="B1376">
        <v>66.073562598196304</v>
      </c>
      <c r="C1376" s="83">
        <v>43158.25</v>
      </c>
      <c r="D1376">
        <v>284524.19140000001</v>
      </c>
      <c r="E1376">
        <v>25189.300289999999</v>
      </c>
      <c r="F1376">
        <v>80243.13996</v>
      </c>
      <c r="G1376">
        <v>55036.338329999999</v>
      </c>
      <c r="H1376">
        <v>48172.55687</v>
      </c>
      <c r="I1376">
        <v>40883.781410000003</v>
      </c>
      <c r="J1376">
        <v>44637.630160000001</v>
      </c>
      <c r="K1376">
        <v>50894.941019999998</v>
      </c>
      <c r="L1376">
        <v>21764.753860000001</v>
      </c>
      <c r="M1376">
        <v>336873.83500000002</v>
      </c>
      <c r="N1376">
        <v>88613.348639999997</v>
      </c>
      <c r="O1376">
        <v>27151.836579999999</v>
      </c>
      <c r="P1376">
        <v>33721.420460000001</v>
      </c>
      <c r="Q1376">
        <v>93534.783160000006</v>
      </c>
      <c r="R1376">
        <v>21895.475699999999</v>
      </c>
      <c r="S1376">
        <v>95170.263900000005</v>
      </c>
      <c r="T1376">
        <v>31230.002039999999</v>
      </c>
      <c r="U1376">
        <v>23627.89155</v>
      </c>
      <c r="W1376" s="83">
        <f>Bühler!N1408</f>
        <v>45349.249999996668</v>
      </c>
      <c r="X1376" s="83">
        <v>43158.25</v>
      </c>
      <c r="Y1376">
        <v>284524.19140000001</v>
      </c>
      <c r="Z1376">
        <v>25189.300289999999</v>
      </c>
      <c r="AA1376">
        <v>80243.13996</v>
      </c>
      <c r="AB1376">
        <v>55036.338329999999</v>
      </c>
      <c r="AC1376">
        <v>48172.55687</v>
      </c>
      <c r="AD1376">
        <v>40883.781410000003</v>
      </c>
      <c r="AE1376">
        <v>44637.630160000001</v>
      </c>
      <c r="AF1376">
        <v>50894.941019999998</v>
      </c>
      <c r="AG1376">
        <v>21764.753860000001</v>
      </c>
      <c r="AH1376">
        <v>336873.83500000002</v>
      </c>
      <c r="AI1376">
        <v>88613.348639999997</v>
      </c>
      <c r="AJ1376">
        <v>27151.836579999999</v>
      </c>
      <c r="AK1376">
        <v>33721.420460000001</v>
      </c>
      <c r="AL1376">
        <v>93534.783160000006</v>
      </c>
      <c r="AM1376">
        <v>21895.475699999999</v>
      </c>
      <c r="AN1376">
        <v>95170.263900000005</v>
      </c>
      <c r="AO1376">
        <v>31230.002039999999</v>
      </c>
      <c r="AP1376">
        <v>23627.89155</v>
      </c>
    </row>
    <row r="1377" spans="2:42" x14ac:dyDescent="0.3">
      <c r="B1377">
        <v>67.521297859143189</v>
      </c>
      <c r="C1377" s="83">
        <v>43158.291666666664</v>
      </c>
      <c r="D1377">
        <v>296253.87530000001</v>
      </c>
      <c r="E1377">
        <v>30842.039690000001</v>
      </c>
      <c r="F1377">
        <v>84483.276660000003</v>
      </c>
      <c r="G1377">
        <v>66775.251680000001</v>
      </c>
      <c r="H1377">
        <v>53631.412429999997</v>
      </c>
      <c r="I1377">
        <v>49946.045250000003</v>
      </c>
      <c r="J1377">
        <v>46280.488830000002</v>
      </c>
      <c r="K1377">
        <v>55822.085899999998</v>
      </c>
      <c r="L1377">
        <v>25495.08469</v>
      </c>
      <c r="M1377">
        <v>344255.06449999998</v>
      </c>
      <c r="N1377">
        <v>94550.152660000007</v>
      </c>
      <c r="O1377">
        <v>30109.277020000001</v>
      </c>
      <c r="P1377">
        <v>36945.153910000001</v>
      </c>
      <c r="Q1377">
        <v>95050.455480000004</v>
      </c>
      <c r="R1377">
        <v>22763.93561</v>
      </c>
      <c r="S1377">
        <v>112449.5067</v>
      </c>
      <c r="T1377">
        <v>33993.261570000002</v>
      </c>
      <c r="U1377">
        <v>29187.710230000001</v>
      </c>
      <c r="W1377" s="83">
        <f>Bühler!N1409</f>
        <v>45349.291666663332</v>
      </c>
      <c r="X1377" s="83">
        <v>43158.291666666664</v>
      </c>
      <c r="Y1377">
        <v>296253.87530000001</v>
      </c>
      <c r="Z1377">
        <v>30842.039690000001</v>
      </c>
      <c r="AA1377">
        <v>84483.276660000003</v>
      </c>
      <c r="AB1377">
        <v>66775.251680000001</v>
      </c>
      <c r="AC1377">
        <v>53631.412429999997</v>
      </c>
      <c r="AD1377">
        <v>49946.045250000003</v>
      </c>
      <c r="AE1377">
        <v>46280.488830000002</v>
      </c>
      <c r="AF1377">
        <v>55822.085899999998</v>
      </c>
      <c r="AG1377">
        <v>25495.08469</v>
      </c>
      <c r="AH1377">
        <v>344255.06449999998</v>
      </c>
      <c r="AI1377">
        <v>94550.152660000007</v>
      </c>
      <c r="AJ1377">
        <v>30109.277020000001</v>
      </c>
      <c r="AK1377">
        <v>36945.153910000001</v>
      </c>
      <c r="AL1377">
        <v>95050.455480000004</v>
      </c>
      <c r="AM1377">
        <v>22763.93561</v>
      </c>
      <c r="AN1377">
        <v>112449.5067</v>
      </c>
      <c r="AO1377">
        <v>33993.261570000002</v>
      </c>
      <c r="AP1377">
        <v>29187.710230000001</v>
      </c>
    </row>
    <row r="1378" spans="2:42" x14ac:dyDescent="0.3">
      <c r="B1378">
        <v>66.777753399742892</v>
      </c>
      <c r="C1378" s="83">
        <v>43158.333333333336</v>
      </c>
      <c r="D1378">
        <v>308284.31520000001</v>
      </c>
      <c r="E1378">
        <v>36965.340609999999</v>
      </c>
      <c r="F1378">
        <v>90616.545540000006</v>
      </c>
      <c r="G1378">
        <v>76322.427219999998</v>
      </c>
      <c r="H1378">
        <v>57752.883779999996</v>
      </c>
      <c r="I1378">
        <v>52660.616719999998</v>
      </c>
      <c r="J1378">
        <v>46482.412920000002</v>
      </c>
      <c r="K1378">
        <v>61087.103069999997</v>
      </c>
      <c r="L1378">
        <v>28979.20422</v>
      </c>
      <c r="M1378">
        <v>340464.12809999997</v>
      </c>
      <c r="N1378">
        <v>101881.1743</v>
      </c>
      <c r="O1378">
        <v>31118.551159999999</v>
      </c>
      <c r="P1378">
        <v>38882.599840000003</v>
      </c>
      <c r="Q1378">
        <v>95898.374320000003</v>
      </c>
      <c r="R1378">
        <v>25396.506949999999</v>
      </c>
      <c r="S1378">
        <v>125036.8993</v>
      </c>
      <c r="T1378">
        <v>36049.289320000003</v>
      </c>
      <c r="U1378">
        <v>31246.39158</v>
      </c>
      <c r="W1378" s="83">
        <f>Bühler!N1410</f>
        <v>45349.333333329996</v>
      </c>
      <c r="X1378" s="83">
        <v>43158.333333333336</v>
      </c>
      <c r="Y1378">
        <v>308284.31520000001</v>
      </c>
      <c r="Z1378">
        <v>36965.340609999999</v>
      </c>
      <c r="AA1378">
        <v>90616.545540000006</v>
      </c>
      <c r="AB1378">
        <v>76322.427219999998</v>
      </c>
      <c r="AC1378">
        <v>57752.883779999996</v>
      </c>
      <c r="AD1378">
        <v>52660.616719999998</v>
      </c>
      <c r="AE1378">
        <v>46482.412920000002</v>
      </c>
      <c r="AF1378">
        <v>61087.103069999997</v>
      </c>
      <c r="AG1378">
        <v>28979.20422</v>
      </c>
      <c r="AH1378">
        <v>340464.12809999997</v>
      </c>
      <c r="AI1378">
        <v>101881.1743</v>
      </c>
      <c r="AJ1378">
        <v>31118.551159999999</v>
      </c>
      <c r="AK1378">
        <v>38882.599840000003</v>
      </c>
      <c r="AL1378">
        <v>95898.374320000003</v>
      </c>
      <c r="AM1378">
        <v>25396.506949999999</v>
      </c>
      <c r="AN1378">
        <v>125036.8993</v>
      </c>
      <c r="AO1378">
        <v>36049.289320000003</v>
      </c>
      <c r="AP1378">
        <v>31246.39158</v>
      </c>
    </row>
    <row r="1379" spans="2:42" x14ac:dyDescent="0.3">
      <c r="B1379">
        <v>66.454164110465129</v>
      </c>
      <c r="C1379" s="83">
        <v>43158.375</v>
      </c>
      <c r="D1379">
        <v>309661.81189999997</v>
      </c>
      <c r="E1379">
        <v>40945.029670000004</v>
      </c>
      <c r="F1379">
        <v>97331.768079999994</v>
      </c>
      <c r="G1379">
        <v>81459.845849999998</v>
      </c>
      <c r="H1379">
        <v>59520.945939999998</v>
      </c>
      <c r="I1379">
        <v>49209.689259999999</v>
      </c>
      <c r="J1379">
        <v>45665.553370000001</v>
      </c>
      <c r="K1379">
        <v>58676.309450000001</v>
      </c>
      <c r="L1379">
        <v>31138.4041</v>
      </c>
      <c r="M1379">
        <v>338814.31900000002</v>
      </c>
      <c r="N1379">
        <v>108919.45970000001</v>
      </c>
      <c r="O1379">
        <v>31002.75246</v>
      </c>
      <c r="P1379">
        <v>40027.261149999998</v>
      </c>
      <c r="Q1379">
        <v>96352.420729999998</v>
      </c>
      <c r="R1379">
        <v>25713.11364</v>
      </c>
      <c r="S1379">
        <v>129780.70699999999</v>
      </c>
      <c r="T1379">
        <v>38722.356370000001</v>
      </c>
      <c r="U1379">
        <v>31054.19267</v>
      </c>
      <c r="W1379" s="83">
        <f>Bühler!N1411</f>
        <v>45349.37499999666</v>
      </c>
      <c r="X1379" s="83">
        <v>43158.375</v>
      </c>
      <c r="Y1379">
        <v>309661.81189999997</v>
      </c>
      <c r="Z1379">
        <v>40945.029670000004</v>
      </c>
      <c r="AA1379">
        <v>97331.768079999994</v>
      </c>
      <c r="AB1379">
        <v>81459.845849999998</v>
      </c>
      <c r="AC1379">
        <v>59520.945939999998</v>
      </c>
      <c r="AD1379">
        <v>49209.689259999999</v>
      </c>
      <c r="AE1379">
        <v>45665.553370000001</v>
      </c>
      <c r="AF1379">
        <v>58676.309450000001</v>
      </c>
      <c r="AG1379">
        <v>31138.4041</v>
      </c>
      <c r="AH1379">
        <v>338814.31900000002</v>
      </c>
      <c r="AI1379">
        <v>108919.45970000001</v>
      </c>
      <c r="AJ1379">
        <v>31002.75246</v>
      </c>
      <c r="AK1379">
        <v>40027.261149999998</v>
      </c>
      <c r="AL1379">
        <v>96352.420729999998</v>
      </c>
      <c r="AM1379">
        <v>25713.11364</v>
      </c>
      <c r="AN1379">
        <v>129780.70699999999</v>
      </c>
      <c r="AO1379">
        <v>38722.356370000001</v>
      </c>
      <c r="AP1379">
        <v>31054.19267</v>
      </c>
    </row>
    <row r="1380" spans="2:42" x14ac:dyDescent="0.3">
      <c r="B1380">
        <v>68.086434354463236</v>
      </c>
      <c r="C1380" s="83">
        <v>43158.416666666664</v>
      </c>
      <c r="D1380">
        <v>310874.89980000001</v>
      </c>
      <c r="E1380">
        <v>41953.390200000002</v>
      </c>
      <c r="F1380">
        <v>97374.264939999994</v>
      </c>
      <c r="G1380">
        <v>82440.87023</v>
      </c>
      <c r="H1380">
        <v>59985.580479999997</v>
      </c>
      <c r="I1380">
        <v>44076.083299999998</v>
      </c>
      <c r="J1380">
        <v>44549.078719999998</v>
      </c>
      <c r="K1380">
        <v>61159.46862</v>
      </c>
      <c r="L1380">
        <v>33754.934549999998</v>
      </c>
      <c r="M1380">
        <v>347136.39390000002</v>
      </c>
      <c r="N1380">
        <v>113429.6309</v>
      </c>
      <c r="O1380">
        <v>31276.01051</v>
      </c>
      <c r="P1380">
        <v>41620.130689999998</v>
      </c>
      <c r="Q1380">
        <v>96587.977249999996</v>
      </c>
      <c r="R1380">
        <v>26351.126850000001</v>
      </c>
      <c r="S1380">
        <v>129322.87880000001</v>
      </c>
      <c r="T1380">
        <v>40848.58064</v>
      </c>
      <c r="U1380">
        <v>30177.336770000002</v>
      </c>
      <c r="W1380" s="83">
        <f>Bühler!N1412</f>
        <v>45349.416666663325</v>
      </c>
      <c r="X1380" s="83">
        <v>43158.416666666664</v>
      </c>
      <c r="Y1380">
        <v>310874.89980000001</v>
      </c>
      <c r="Z1380">
        <v>41953.390200000002</v>
      </c>
      <c r="AA1380">
        <v>97374.264939999994</v>
      </c>
      <c r="AB1380">
        <v>82440.87023</v>
      </c>
      <c r="AC1380">
        <v>59985.580479999997</v>
      </c>
      <c r="AD1380">
        <v>44076.083299999998</v>
      </c>
      <c r="AE1380">
        <v>44549.078719999998</v>
      </c>
      <c r="AF1380">
        <v>61159.46862</v>
      </c>
      <c r="AG1380">
        <v>33754.934549999998</v>
      </c>
      <c r="AH1380">
        <v>347136.39390000002</v>
      </c>
      <c r="AI1380">
        <v>113429.6309</v>
      </c>
      <c r="AJ1380">
        <v>31276.01051</v>
      </c>
      <c r="AK1380">
        <v>41620.130689999998</v>
      </c>
      <c r="AL1380">
        <v>96587.977249999996</v>
      </c>
      <c r="AM1380">
        <v>26351.126850000001</v>
      </c>
      <c r="AN1380">
        <v>129322.87880000001</v>
      </c>
      <c r="AO1380">
        <v>40848.58064</v>
      </c>
      <c r="AP1380">
        <v>30177.336770000002</v>
      </c>
    </row>
    <row r="1381" spans="2:42" x14ac:dyDescent="0.3">
      <c r="B1381">
        <v>68.671280247327616</v>
      </c>
      <c r="C1381" s="83">
        <v>43158.458333333336</v>
      </c>
      <c r="D1381">
        <v>307772.9706</v>
      </c>
      <c r="E1381">
        <v>41794.729270000003</v>
      </c>
      <c r="F1381">
        <v>98697.867429999998</v>
      </c>
      <c r="G1381">
        <v>80709.184309999997</v>
      </c>
      <c r="H1381">
        <v>59009.065949999997</v>
      </c>
      <c r="I1381">
        <v>42516.320639999998</v>
      </c>
      <c r="J1381">
        <v>44109.552439999999</v>
      </c>
      <c r="K1381">
        <v>67204.561270000006</v>
      </c>
      <c r="L1381">
        <v>34446.114609999997</v>
      </c>
      <c r="M1381">
        <v>350118.21100000001</v>
      </c>
      <c r="N1381">
        <v>113838.3778</v>
      </c>
      <c r="O1381">
        <v>30487.159350000002</v>
      </c>
      <c r="P1381">
        <v>40854.0193</v>
      </c>
      <c r="Q1381">
        <v>96218.346799999999</v>
      </c>
      <c r="R1381">
        <v>29841.3279</v>
      </c>
      <c r="S1381">
        <v>130154.265</v>
      </c>
      <c r="T1381">
        <v>40665.652419999999</v>
      </c>
      <c r="U1381">
        <v>29547.338100000001</v>
      </c>
      <c r="W1381" s="83">
        <f>Bühler!N1413</f>
        <v>45349.458333329989</v>
      </c>
      <c r="X1381" s="83">
        <v>43158.458333333336</v>
      </c>
      <c r="Y1381">
        <v>307772.9706</v>
      </c>
      <c r="Z1381">
        <v>41794.729270000003</v>
      </c>
      <c r="AA1381">
        <v>98697.867429999998</v>
      </c>
      <c r="AB1381">
        <v>80709.184309999997</v>
      </c>
      <c r="AC1381">
        <v>59009.065949999997</v>
      </c>
      <c r="AD1381">
        <v>42516.320639999998</v>
      </c>
      <c r="AE1381">
        <v>44109.552439999999</v>
      </c>
      <c r="AF1381">
        <v>67204.561270000006</v>
      </c>
      <c r="AG1381">
        <v>34446.114609999997</v>
      </c>
      <c r="AH1381">
        <v>350118.21100000001</v>
      </c>
      <c r="AI1381">
        <v>113838.3778</v>
      </c>
      <c r="AJ1381">
        <v>30487.159350000002</v>
      </c>
      <c r="AK1381">
        <v>40854.0193</v>
      </c>
      <c r="AL1381">
        <v>96218.346799999999</v>
      </c>
      <c r="AM1381">
        <v>29841.3279</v>
      </c>
      <c r="AN1381">
        <v>130154.265</v>
      </c>
      <c r="AO1381">
        <v>40665.652419999999</v>
      </c>
      <c r="AP1381">
        <v>29547.338100000001</v>
      </c>
    </row>
    <row r="1382" spans="2:42" x14ac:dyDescent="0.3">
      <c r="B1382">
        <v>67.648702367956886</v>
      </c>
      <c r="C1382" s="83">
        <v>43158.5</v>
      </c>
      <c r="D1382">
        <v>294747.49819999997</v>
      </c>
      <c r="E1382">
        <v>37851.366430000002</v>
      </c>
      <c r="F1382">
        <v>90578.971319999997</v>
      </c>
      <c r="G1382">
        <v>77823.665110000002</v>
      </c>
      <c r="H1382">
        <v>56456.938750000001</v>
      </c>
      <c r="I1382">
        <v>40835.044240000003</v>
      </c>
      <c r="J1382">
        <v>43902.971949999999</v>
      </c>
      <c r="K1382">
        <v>63915.441989999999</v>
      </c>
      <c r="L1382">
        <v>36577.357349999998</v>
      </c>
      <c r="M1382">
        <v>344904.63209999999</v>
      </c>
      <c r="N1382">
        <v>107738.1403</v>
      </c>
      <c r="O1382">
        <v>29446.314320000001</v>
      </c>
      <c r="P1382">
        <v>41365.074509999999</v>
      </c>
      <c r="Q1382">
        <v>94924.619739999995</v>
      </c>
      <c r="R1382">
        <v>28576.058969999998</v>
      </c>
      <c r="S1382">
        <v>123789.71890000001</v>
      </c>
      <c r="T1382">
        <v>40584.400820000003</v>
      </c>
      <c r="U1382">
        <v>25462.797289999999</v>
      </c>
      <c r="W1382" s="83">
        <f>Bühler!N1414</f>
        <v>45349.499999996653</v>
      </c>
      <c r="X1382" s="83">
        <v>43158.5</v>
      </c>
      <c r="Y1382">
        <v>294747.49819999997</v>
      </c>
      <c r="Z1382">
        <v>37851.366430000002</v>
      </c>
      <c r="AA1382">
        <v>90578.971319999997</v>
      </c>
      <c r="AB1382">
        <v>77823.665110000002</v>
      </c>
      <c r="AC1382">
        <v>56456.938750000001</v>
      </c>
      <c r="AD1382">
        <v>40835.044240000003</v>
      </c>
      <c r="AE1382">
        <v>43902.971949999999</v>
      </c>
      <c r="AF1382">
        <v>63915.441989999999</v>
      </c>
      <c r="AG1382">
        <v>36577.357349999998</v>
      </c>
      <c r="AH1382">
        <v>344904.63209999999</v>
      </c>
      <c r="AI1382">
        <v>107738.1403</v>
      </c>
      <c r="AJ1382">
        <v>29446.314320000001</v>
      </c>
      <c r="AK1382">
        <v>41365.074509999999</v>
      </c>
      <c r="AL1382">
        <v>94924.619739999995</v>
      </c>
      <c r="AM1382">
        <v>28576.058969999998</v>
      </c>
      <c r="AN1382">
        <v>123789.71890000001</v>
      </c>
      <c r="AO1382">
        <v>40584.400820000003</v>
      </c>
      <c r="AP1382">
        <v>25462.797289999999</v>
      </c>
    </row>
    <row r="1383" spans="2:42" x14ac:dyDescent="0.3">
      <c r="B1383">
        <v>66.893779467255015</v>
      </c>
      <c r="C1383" s="83">
        <v>43158.541666666664</v>
      </c>
      <c r="D1383">
        <v>297143.72009999998</v>
      </c>
      <c r="E1383">
        <v>37336.333550000003</v>
      </c>
      <c r="F1383">
        <v>86369.956399999995</v>
      </c>
      <c r="G1383">
        <v>77105.933699999994</v>
      </c>
      <c r="H1383">
        <v>56136.02564</v>
      </c>
      <c r="I1383">
        <v>40197.27291</v>
      </c>
      <c r="J1383">
        <v>42333.847950000003</v>
      </c>
      <c r="K1383">
        <v>65128.204680000003</v>
      </c>
      <c r="L1383">
        <v>35296.931550000001</v>
      </c>
      <c r="M1383">
        <v>341055.68310000002</v>
      </c>
      <c r="N1383">
        <v>106511.4777</v>
      </c>
      <c r="O1383">
        <v>29078.38637</v>
      </c>
      <c r="P1383">
        <v>39820.940159999998</v>
      </c>
      <c r="Q1383">
        <v>92615.371490000005</v>
      </c>
      <c r="R1383">
        <v>27391.235260000001</v>
      </c>
      <c r="S1383">
        <v>121270.6</v>
      </c>
      <c r="T1383">
        <v>39202.734880000004</v>
      </c>
      <c r="U1383">
        <v>26621.712339999998</v>
      </c>
      <c r="W1383" s="83">
        <f>Bühler!N1415</f>
        <v>45349.541666663317</v>
      </c>
      <c r="X1383" s="83">
        <v>43158.541666666664</v>
      </c>
      <c r="Y1383">
        <v>297143.72009999998</v>
      </c>
      <c r="Z1383">
        <v>37336.333550000003</v>
      </c>
      <c r="AA1383">
        <v>86369.956399999995</v>
      </c>
      <c r="AB1383">
        <v>77105.933699999994</v>
      </c>
      <c r="AC1383">
        <v>56136.02564</v>
      </c>
      <c r="AD1383">
        <v>40197.27291</v>
      </c>
      <c r="AE1383">
        <v>42333.847950000003</v>
      </c>
      <c r="AF1383">
        <v>65128.204680000003</v>
      </c>
      <c r="AG1383">
        <v>35296.931550000001</v>
      </c>
      <c r="AH1383">
        <v>341055.68310000002</v>
      </c>
      <c r="AI1383">
        <v>106511.4777</v>
      </c>
      <c r="AJ1383">
        <v>29078.38637</v>
      </c>
      <c r="AK1383">
        <v>39820.940159999998</v>
      </c>
      <c r="AL1383">
        <v>92615.371490000005</v>
      </c>
      <c r="AM1383">
        <v>27391.235260000001</v>
      </c>
      <c r="AN1383">
        <v>121270.6</v>
      </c>
      <c r="AO1383">
        <v>39202.734880000004</v>
      </c>
      <c r="AP1383">
        <v>26621.712339999998</v>
      </c>
    </row>
    <row r="1384" spans="2:42" x14ac:dyDescent="0.3">
      <c r="B1384">
        <v>67.09297121078832</v>
      </c>
      <c r="C1384" s="83">
        <v>43158.583333333336</v>
      </c>
      <c r="D1384">
        <v>300625.06469999999</v>
      </c>
      <c r="E1384">
        <v>39886.948270000001</v>
      </c>
      <c r="F1384">
        <v>93713.690629999997</v>
      </c>
      <c r="G1384">
        <v>73894.630609999993</v>
      </c>
      <c r="H1384">
        <v>55858.933819999998</v>
      </c>
      <c r="I1384">
        <v>40180.883650000003</v>
      </c>
      <c r="J1384">
        <v>41923.121859999999</v>
      </c>
      <c r="K1384">
        <v>66529.943629999994</v>
      </c>
      <c r="L1384">
        <v>31330.572100000001</v>
      </c>
      <c r="M1384">
        <v>342071.25550000003</v>
      </c>
      <c r="N1384">
        <v>106720.8404</v>
      </c>
      <c r="O1384">
        <v>28767.348859999998</v>
      </c>
      <c r="P1384">
        <v>34735.232450000003</v>
      </c>
      <c r="Q1384">
        <v>90487.353180000006</v>
      </c>
      <c r="R1384">
        <v>27296.973859999998</v>
      </c>
      <c r="S1384">
        <v>116539.7899</v>
      </c>
      <c r="T1384">
        <v>38339.069239999997</v>
      </c>
      <c r="U1384">
        <v>26587.095219999999</v>
      </c>
      <c r="W1384" s="83">
        <f>Bühler!N1416</f>
        <v>45349.583333329982</v>
      </c>
      <c r="X1384" s="83">
        <v>43158.583333333336</v>
      </c>
      <c r="Y1384">
        <v>300625.06469999999</v>
      </c>
      <c r="Z1384">
        <v>39886.948270000001</v>
      </c>
      <c r="AA1384">
        <v>93713.690629999997</v>
      </c>
      <c r="AB1384">
        <v>73894.630609999993</v>
      </c>
      <c r="AC1384">
        <v>55858.933819999998</v>
      </c>
      <c r="AD1384">
        <v>40180.883650000003</v>
      </c>
      <c r="AE1384">
        <v>41923.121859999999</v>
      </c>
      <c r="AF1384">
        <v>66529.943629999994</v>
      </c>
      <c r="AG1384">
        <v>31330.572100000001</v>
      </c>
      <c r="AH1384">
        <v>342071.25550000003</v>
      </c>
      <c r="AI1384">
        <v>106720.8404</v>
      </c>
      <c r="AJ1384">
        <v>28767.348859999998</v>
      </c>
      <c r="AK1384">
        <v>34735.232450000003</v>
      </c>
      <c r="AL1384">
        <v>90487.353180000006</v>
      </c>
      <c r="AM1384">
        <v>27296.973859999998</v>
      </c>
      <c r="AN1384">
        <v>116539.7899</v>
      </c>
      <c r="AO1384">
        <v>38339.069239999997</v>
      </c>
      <c r="AP1384">
        <v>26587.095219999999</v>
      </c>
    </row>
    <row r="1385" spans="2:42" x14ac:dyDescent="0.3">
      <c r="B1385">
        <v>66.261835724979733</v>
      </c>
      <c r="C1385" s="83">
        <v>43158.625</v>
      </c>
      <c r="D1385">
        <v>297463.40039999998</v>
      </c>
      <c r="E1385">
        <v>39088.283810000001</v>
      </c>
      <c r="F1385">
        <v>95028.727150000006</v>
      </c>
      <c r="G1385">
        <v>70682.20061</v>
      </c>
      <c r="H1385">
        <v>54733.94298</v>
      </c>
      <c r="I1385">
        <v>42534.672720000002</v>
      </c>
      <c r="J1385">
        <v>41623.949379999998</v>
      </c>
      <c r="K1385">
        <v>65587.689289999995</v>
      </c>
      <c r="L1385">
        <v>28295.328099999999</v>
      </c>
      <c r="M1385">
        <v>337833.73920000001</v>
      </c>
      <c r="N1385">
        <v>104812.94010000001</v>
      </c>
      <c r="O1385">
        <v>28141.37427</v>
      </c>
      <c r="P1385">
        <v>34208.122190000002</v>
      </c>
      <c r="Q1385">
        <v>91498.574420000004</v>
      </c>
      <c r="R1385">
        <v>26695.209360000001</v>
      </c>
      <c r="S1385">
        <v>113179.66469999999</v>
      </c>
      <c r="T1385">
        <v>37574.330589999998</v>
      </c>
      <c r="U1385">
        <v>26347.725890000002</v>
      </c>
      <c r="W1385" s="83">
        <f>Bühler!N1417</f>
        <v>45349.624999996646</v>
      </c>
      <c r="X1385" s="83">
        <v>43158.625</v>
      </c>
      <c r="Y1385">
        <v>297463.40039999998</v>
      </c>
      <c r="Z1385">
        <v>39088.283810000001</v>
      </c>
      <c r="AA1385">
        <v>95028.727150000006</v>
      </c>
      <c r="AB1385">
        <v>70682.20061</v>
      </c>
      <c r="AC1385">
        <v>54733.94298</v>
      </c>
      <c r="AD1385">
        <v>42534.672720000002</v>
      </c>
      <c r="AE1385">
        <v>41623.949379999998</v>
      </c>
      <c r="AF1385">
        <v>65587.689289999995</v>
      </c>
      <c r="AG1385">
        <v>28295.328099999999</v>
      </c>
      <c r="AH1385">
        <v>337833.73920000001</v>
      </c>
      <c r="AI1385">
        <v>104812.94010000001</v>
      </c>
      <c r="AJ1385">
        <v>28141.37427</v>
      </c>
      <c r="AK1385">
        <v>34208.122190000002</v>
      </c>
      <c r="AL1385">
        <v>91498.574420000004</v>
      </c>
      <c r="AM1385">
        <v>26695.209360000001</v>
      </c>
      <c r="AN1385">
        <v>113179.66469999999</v>
      </c>
      <c r="AO1385">
        <v>37574.330589999998</v>
      </c>
      <c r="AP1385">
        <v>26347.725890000002</v>
      </c>
    </row>
    <row r="1386" spans="2:42" x14ac:dyDescent="0.3">
      <c r="B1386">
        <v>65.094609288467183</v>
      </c>
      <c r="C1386" s="83">
        <v>43158.666666666664</v>
      </c>
      <c r="D1386">
        <v>289986.37839999999</v>
      </c>
      <c r="E1386">
        <v>37945.128859999997</v>
      </c>
      <c r="F1386">
        <v>94198.340379999994</v>
      </c>
      <c r="G1386">
        <v>67202.31</v>
      </c>
      <c r="H1386">
        <v>53026.293489999996</v>
      </c>
      <c r="I1386">
        <v>44383.059589999997</v>
      </c>
      <c r="J1386">
        <v>40731.070350000002</v>
      </c>
      <c r="K1386">
        <v>62785.514150000003</v>
      </c>
      <c r="L1386">
        <v>26559.462060000002</v>
      </c>
      <c r="M1386">
        <v>331882.67450000002</v>
      </c>
      <c r="N1386">
        <v>101849.3368</v>
      </c>
      <c r="O1386">
        <v>28296.75877</v>
      </c>
      <c r="P1386">
        <v>35793.036840000001</v>
      </c>
      <c r="Q1386">
        <v>90450.128670000006</v>
      </c>
      <c r="R1386">
        <v>26495.85943</v>
      </c>
      <c r="S1386">
        <v>110980.11659999999</v>
      </c>
      <c r="T1386">
        <v>36907.668980000002</v>
      </c>
      <c r="U1386">
        <v>24375.496510000001</v>
      </c>
      <c r="W1386" s="83">
        <f>Bühler!N1418</f>
        <v>45349.66666666331</v>
      </c>
      <c r="X1386" s="83">
        <v>43158.666666666664</v>
      </c>
      <c r="Y1386">
        <v>289986.37839999999</v>
      </c>
      <c r="Z1386">
        <v>37945.128859999997</v>
      </c>
      <c r="AA1386">
        <v>94198.340379999994</v>
      </c>
      <c r="AB1386">
        <v>67202.31</v>
      </c>
      <c r="AC1386">
        <v>53026.293489999996</v>
      </c>
      <c r="AD1386">
        <v>44383.059589999997</v>
      </c>
      <c r="AE1386">
        <v>40731.070350000002</v>
      </c>
      <c r="AF1386">
        <v>62785.514150000003</v>
      </c>
      <c r="AG1386">
        <v>26559.462060000002</v>
      </c>
      <c r="AH1386">
        <v>331882.67450000002</v>
      </c>
      <c r="AI1386">
        <v>101849.3368</v>
      </c>
      <c r="AJ1386">
        <v>28296.75877</v>
      </c>
      <c r="AK1386">
        <v>35793.036840000001</v>
      </c>
      <c r="AL1386">
        <v>90450.128670000006</v>
      </c>
      <c r="AM1386">
        <v>26495.85943</v>
      </c>
      <c r="AN1386">
        <v>110980.11659999999</v>
      </c>
      <c r="AO1386">
        <v>36907.668980000002</v>
      </c>
      <c r="AP1386">
        <v>24375.496510000001</v>
      </c>
    </row>
    <row r="1387" spans="2:42" x14ac:dyDescent="0.3">
      <c r="B1387">
        <v>63.694112056340465</v>
      </c>
      <c r="C1387" s="83">
        <v>43158.708333333336</v>
      </c>
      <c r="D1387">
        <v>281462.89809999999</v>
      </c>
      <c r="E1387">
        <v>35500.748809999997</v>
      </c>
      <c r="F1387">
        <v>93103.740130000006</v>
      </c>
      <c r="G1387">
        <v>60665.277800000003</v>
      </c>
      <c r="H1387">
        <v>50354.93419</v>
      </c>
      <c r="I1387">
        <v>44365.84403</v>
      </c>
      <c r="J1387">
        <v>40437.611369999999</v>
      </c>
      <c r="K1387">
        <v>55737.128279999997</v>
      </c>
      <c r="L1387">
        <v>27381.544389999999</v>
      </c>
      <c r="M1387">
        <v>324742.28649999999</v>
      </c>
      <c r="N1387">
        <v>91675.197</v>
      </c>
      <c r="O1387">
        <v>27887.786069999998</v>
      </c>
      <c r="P1387">
        <v>37690.748249999997</v>
      </c>
      <c r="Q1387">
        <v>89012.746069999994</v>
      </c>
      <c r="R1387">
        <v>26601.54753</v>
      </c>
      <c r="S1387">
        <v>108145.04949999999</v>
      </c>
      <c r="T1387">
        <v>36486.978360000001</v>
      </c>
      <c r="U1387">
        <v>22385.64991</v>
      </c>
      <c r="W1387" s="83">
        <f>Bühler!N1419</f>
        <v>45349.708333329974</v>
      </c>
      <c r="X1387" s="83">
        <v>43158.708333333336</v>
      </c>
      <c r="Y1387">
        <v>281462.89809999999</v>
      </c>
      <c r="Z1387">
        <v>35500.748809999997</v>
      </c>
      <c r="AA1387">
        <v>93103.740130000006</v>
      </c>
      <c r="AB1387">
        <v>60665.277800000003</v>
      </c>
      <c r="AC1387">
        <v>50354.93419</v>
      </c>
      <c r="AD1387">
        <v>44365.84403</v>
      </c>
      <c r="AE1387">
        <v>40437.611369999999</v>
      </c>
      <c r="AF1387">
        <v>55737.128279999997</v>
      </c>
      <c r="AG1387">
        <v>27381.544389999999</v>
      </c>
      <c r="AH1387">
        <v>324742.28649999999</v>
      </c>
      <c r="AI1387">
        <v>91675.197</v>
      </c>
      <c r="AJ1387">
        <v>27887.786069999998</v>
      </c>
      <c r="AK1387">
        <v>37690.748249999997</v>
      </c>
      <c r="AL1387">
        <v>89012.746069999994</v>
      </c>
      <c r="AM1387">
        <v>26601.54753</v>
      </c>
      <c r="AN1387">
        <v>108145.04949999999</v>
      </c>
      <c r="AO1387">
        <v>36486.978360000001</v>
      </c>
      <c r="AP1387">
        <v>22385.64991</v>
      </c>
    </row>
    <row r="1388" spans="2:42" x14ac:dyDescent="0.3">
      <c r="B1388">
        <v>62.079891671619201</v>
      </c>
      <c r="C1388" s="83">
        <v>43158.75</v>
      </c>
      <c r="D1388">
        <v>275418.26500000001</v>
      </c>
      <c r="E1388">
        <v>32970.197160000003</v>
      </c>
      <c r="F1388">
        <v>91602.372929999998</v>
      </c>
      <c r="G1388">
        <v>56014.395100000002</v>
      </c>
      <c r="H1388">
        <v>49568.396630000003</v>
      </c>
      <c r="I1388">
        <v>44146.412270000001</v>
      </c>
      <c r="J1388">
        <v>42871.24785</v>
      </c>
      <c r="K1388">
        <v>48862.853349999998</v>
      </c>
      <c r="L1388">
        <v>29963.34592</v>
      </c>
      <c r="M1388">
        <v>316512.23820000002</v>
      </c>
      <c r="N1388">
        <v>88493.839760000003</v>
      </c>
      <c r="O1388">
        <v>27449.982940000002</v>
      </c>
      <c r="P1388">
        <v>41057.886850000003</v>
      </c>
      <c r="Q1388">
        <v>87518.942679999993</v>
      </c>
      <c r="R1388">
        <v>23268.89732</v>
      </c>
      <c r="S1388">
        <v>104792.6015</v>
      </c>
      <c r="T1388">
        <v>37322.816149999999</v>
      </c>
      <c r="U1388">
        <v>21682.591509999998</v>
      </c>
      <c r="W1388" s="83">
        <f>Bühler!N1420</f>
        <v>45349.749999996639</v>
      </c>
      <c r="X1388" s="83">
        <v>43158.75</v>
      </c>
      <c r="Y1388">
        <v>275418.26500000001</v>
      </c>
      <c r="Z1388">
        <v>32970.197160000003</v>
      </c>
      <c r="AA1388">
        <v>91602.372929999998</v>
      </c>
      <c r="AB1388">
        <v>56014.395100000002</v>
      </c>
      <c r="AC1388">
        <v>49568.396630000003</v>
      </c>
      <c r="AD1388">
        <v>44146.412270000001</v>
      </c>
      <c r="AE1388">
        <v>42871.24785</v>
      </c>
      <c r="AF1388">
        <v>48862.853349999998</v>
      </c>
      <c r="AG1388">
        <v>29963.34592</v>
      </c>
      <c r="AH1388">
        <v>316512.23820000002</v>
      </c>
      <c r="AI1388">
        <v>88493.839760000003</v>
      </c>
      <c r="AJ1388">
        <v>27449.982940000002</v>
      </c>
      <c r="AK1388">
        <v>41057.886850000003</v>
      </c>
      <c r="AL1388">
        <v>87518.942679999993</v>
      </c>
      <c r="AM1388">
        <v>23268.89732</v>
      </c>
      <c r="AN1388">
        <v>104792.6015</v>
      </c>
      <c r="AO1388">
        <v>37322.816149999999</v>
      </c>
      <c r="AP1388">
        <v>21682.591509999998</v>
      </c>
    </row>
    <row r="1389" spans="2:42" x14ac:dyDescent="0.3">
      <c r="B1389">
        <v>61.31391060239789</v>
      </c>
      <c r="C1389" s="83">
        <v>43158.791666666664</v>
      </c>
      <c r="D1389">
        <v>271369.67940000002</v>
      </c>
      <c r="E1389">
        <v>27928.618160000002</v>
      </c>
      <c r="F1389">
        <v>80167.410709999996</v>
      </c>
      <c r="G1389">
        <v>53109.905070000001</v>
      </c>
      <c r="H1389">
        <v>48607.600960000003</v>
      </c>
      <c r="I1389">
        <v>41785.940199999997</v>
      </c>
      <c r="J1389">
        <v>44115.623359999998</v>
      </c>
      <c r="K1389">
        <v>48830.156139999999</v>
      </c>
      <c r="L1389">
        <v>31715.126270000001</v>
      </c>
      <c r="M1389">
        <v>312606.90950000001</v>
      </c>
      <c r="N1389">
        <v>88633.156839999996</v>
      </c>
      <c r="O1389">
        <v>27337.231739999999</v>
      </c>
      <c r="P1389">
        <v>44388.230109999997</v>
      </c>
      <c r="Q1389">
        <v>86026.044750000001</v>
      </c>
      <c r="R1389">
        <v>23205.065289999999</v>
      </c>
      <c r="S1389">
        <v>102140.74679999999</v>
      </c>
      <c r="T1389">
        <v>38311.845990000002</v>
      </c>
      <c r="U1389">
        <v>20832.066589999999</v>
      </c>
      <c r="W1389" s="83">
        <f>Bühler!N1421</f>
        <v>45349.791666663303</v>
      </c>
      <c r="X1389" s="83">
        <v>43158.791666666664</v>
      </c>
      <c r="Y1389">
        <v>271369.67940000002</v>
      </c>
      <c r="Z1389">
        <v>27928.618160000002</v>
      </c>
      <c r="AA1389">
        <v>80167.410709999996</v>
      </c>
      <c r="AB1389">
        <v>53109.905070000001</v>
      </c>
      <c r="AC1389">
        <v>48607.600960000003</v>
      </c>
      <c r="AD1389">
        <v>41785.940199999997</v>
      </c>
      <c r="AE1389">
        <v>44115.623359999998</v>
      </c>
      <c r="AF1389">
        <v>48830.156139999999</v>
      </c>
      <c r="AG1389">
        <v>31715.126270000001</v>
      </c>
      <c r="AH1389">
        <v>312606.90950000001</v>
      </c>
      <c r="AI1389">
        <v>88633.156839999996</v>
      </c>
      <c r="AJ1389">
        <v>27337.231739999999</v>
      </c>
      <c r="AK1389">
        <v>44388.230109999997</v>
      </c>
      <c r="AL1389">
        <v>86026.044750000001</v>
      </c>
      <c r="AM1389">
        <v>23205.065289999999</v>
      </c>
      <c r="AN1389">
        <v>102140.74679999999</v>
      </c>
      <c r="AO1389">
        <v>38311.845990000002</v>
      </c>
      <c r="AP1389">
        <v>20832.066589999999</v>
      </c>
    </row>
    <row r="1390" spans="2:42" x14ac:dyDescent="0.3">
      <c r="B1390">
        <v>60.578798561124231</v>
      </c>
      <c r="C1390" s="83">
        <v>43158.833333333336</v>
      </c>
      <c r="D1390">
        <v>261080.01259999999</v>
      </c>
      <c r="E1390">
        <v>21778.005430000001</v>
      </c>
      <c r="F1390">
        <v>62593.379569999997</v>
      </c>
      <c r="G1390">
        <v>48712.485139999997</v>
      </c>
      <c r="H1390">
        <v>46047.859080000002</v>
      </c>
      <c r="I1390">
        <v>37524.20074</v>
      </c>
      <c r="J1390">
        <v>42727.190779999997</v>
      </c>
      <c r="K1390">
        <v>54392.882230000003</v>
      </c>
      <c r="L1390">
        <v>30347.284019999999</v>
      </c>
      <c r="M1390">
        <v>308858.96549999999</v>
      </c>
      <c r="N1390">
        <v>86819.065960000007</v>
      </c>
      <c r="O1390">
        <v>26032.31985</v>
      </c>
      <c r="P1390">
        <v>44488.111830000002</v>
      </c>
      <c r="Q1390">
        <v>83445.149869999994</v>
      </c>
      <c r="R1390">
        <v>24399.103490000001</v>
      </c>
      <c r="S1390">
        <v>92631.873919999998</v>
      </c>
      <c r="T1390">
        <v>36962.952149999997</v>
      </c>
      <c r="U1390">
        <v>19771.190269999999</v>
      </c>
      <c r="W1390" s="83">
        <f>Bühler!N1422</f>
        <v>45349.833333329967</v>
      </c>
      <c r="X1390" s="83">
        <v>43158.833333333336</v>
      </c>
      <c r="Y1390">
        <v>261080.01259999999</v>
      </c>
      <c r="Z1390">
        <v>21778.005430000001</v>
      </c>
      <c r="AA1390">
        <v>62593.379569999997</v>
      </c>
      <c r="AB1390">
        <v>48712.485139999997</v>
      </c>
      <c r="AC1390">
        <v>46047.859080000002</v>
      </c>
      <c r="AD1390">
        <v>37524.20074</v>
      </c>
      <c r="AE1390">
        <v>42727.190779999997</v>
      </c>
      <c r="AF1390">
        <v>54392.882230000003</v>
      </c>
      <c r="AG1390">
        <v>30347.284019999999</v>
      </c>
      <c r="AH1390">
        <v>308858.96549999999</v>
      </c>
      <c r="AI1390">
        <v>86819.065960000007</v>
      </c>
      <c r="AJ1390">
        <v>26032.31985</v>
      </c>
      <c r="AK1390">
        <v>44488.111830000002</v>
      </c>
      <c r="AL1390">
        <v>83445.149869999994</v>
      </c>
      <c r="AM1390">
        <v>24399.103490000001</v>
      </c>
      <c r="AN1390">
        <v>92631.873919999998</v>
      </c>
      <c r="AO1390">
        <v>36962.952149999997</v>
      </c>
      <c r="AP1390">
        <v>19771.190269999999</v>
      </c>
    </row>
    <row r="1391" spans="2:42" x14ac:dyDescent="0.3">
      <c r="B1391">
        <v>58.754211582203069</v>
      </c>
      <c r="C1391" s="83">
        <v>43158.875</v>
      </c>
      <c r="D1391">
        <v>250854.4705</v>
      </c>
      <c r="E1391">
        <v>19131.664359999999</v>
      </c>
      <c r="F1391">
        <v>54358.988259999998</v>
      </c>
      <c r="G1391">
        <v>45876.243860000002</v>
      </c>
      <c r="H1391">
        <v>43466.6103</v>
      </c>
      <c r="I1391">
        <v>32119.12084</v>
      </c>
      <c r="J1391">
        <v>40894.860529999998</v>
      </c>
      <c r="K1391">
        <v>53611.809730000001</v>
      </c>
      <c r="L1391">
        <v>28655.461670000001</v>
      </c>
      <c r="M1391">
        <v>299556.3702</v>
      </c>
      <c r="N1391">
        <v>84042.083350000001</v>
      </c>
      <c r="O1391">
        <v>25366.217240000002</v>
      </c>
      <c r="P1391">
        <v>43442.727509999997</v>
      </c>
      <c r="Q1391">
        <v>81724.440180000005</v>
      </c>
      <c r="R1391">
        <v>22418.236639999999</v>
      </c>
      <c r="S1391">
        <v>87434.792570000005</v>
      </c>
      <c r="T1391">
        <v>33344.665529999998</v>
      </c>
      <c r="U1391">
        <v>18447.749049999999</v>
      </c>
      <c r="W1391" s="83">
        <f>Bühler!N1423</f>
        <v>45349.874999996631</v>
      </c>
      <c r="X1391" s="83">
        <v>43158.875</v>
      </c>
      <c r="Y1391">
        <v>250854.4705</v>
      </c>
      <c r="Z1391">
        <v>19131.664359999999</v>
      </c>
      <c r="AA1391">
        <v>54358.988259999998</v>
      </c>
      <c r="AB1391">
        <v>45876.243860000002</v>
      </c>
      <c r="AC1391">
        <v>43466.6103</v>
      </c>
      <c r="AD1391">
        <v>32119.12084</v>
      </c>
      <c r="AE1391">
        <v>40894.860529999998</v>
      </c>
      <c r="AF1391">
        <v>53611.809730000001</v>
      </c>
      <c r="AG1391">
        <v>28655.461670000001</v>
      </c>
      <c r="AH1391">
        <v>299556.3702</v>
      </c>
      <c r="AI1391">
        <v>84042.083350000001</v>
      </c>
      <c r="AJ1391">
        <v>25366.217240000002</v>
      </c>
      <c r="AK1391">
        <v>43442.727509999997</v>
      </c>
      <c r="AL1391">
        <v>81724.440180000005</v>
      </c>
      <c r="AM1391">
        <v>22418.236639999999</v>
      </c>
      <c r="AN1391">
        <v>87434.792570000005</v>
      </c>
      <c r="AO1391">
        <v>33344.665529999998</v>
      </c>
      <c r="AP1391">
        <v>18447.749049999999</v>
      </c>
    </row>
    <row r="1392" spans="2:42" x14ac:dyDescent="0.3">
      <c r="B1392">
        <v>58.203669122620333</v>
      </c>
      <c r="C1392" s="83">
        <v>43158.916666666664</v>
      </c>
      <c r="D1392">
        <v>250046.9235</v>
      </c>
      <c r="E1392">
        <v>18493.868829999999</v>
      </c>
      <c r="F1392">
        <v>51836.177129999996</v>
      </c>
      <c r="G1392">
        <v>44512.746299999999</v>
      </c>
      <c r="H1392">
        <v>43027.342069999999</v>
      </c>
      <c r="I1392">
        <v>30614.284769999998</v>
      </c>
      <c r="J1392">
        <v>39640.175159999999</v>
      </c>
      <c r="K1392">
        <v>56500.362710000001</v>
      </c>
      <c r="L1392">
        <v>25727.9421</v>
      </c>
      <c r="M1392">
        <v>296749.44799999997</v>
      </c>
      <c r="N1392">
        <v>85018.529840000003</v>
      </c>
      <c r="O1392">
        <v>26292.718379999998</v>
      </c>
      <c r="P1392">
        <v>44411.111640000003</v>
      </c>
      <c r="Q1392">
        <v>81325.597729999994</v>
      </c>
      <c r="R1392">
        <v>31810.915540000002</v>
      </c>
      <c r="S1392">
        <v>86407.256410000002</v>
      </c>
      <c r="T1392">
        <v>30037.300279999999</v>
      </c>
      <c r="U1392">
        <v>19752.365239999999</v>
      </c>
      <c r="W1392" s="83">
        <f>Bühler!N1424</f>
        <v>45349.916666663295</v>
      </c>
      <c r="X1392" s="83">
        <v>43158.916666666664</v>
      </c>
      <c r="Y1392">
        <v>250046.9235</v>
      </c>
      <c r="Z1392">
        <v>18493.868829999999</v>
      </c>
      <c r="AA1392">
        <v>51836.177129999996</v>
      </c>
      <c r="AB1392">
        <v>44512.746299999999</v>
      </c>
      <c r="AC1392">
        <v>43027.342069999999</v>
      </c>
      <c r="AD1392">
        <v>30614.284769999998</v>
      </c>
      <c r="AE1392">
        <v>39640.175159999999</v>
      </c>
      <c r="AF1392">
        <v>56500.362710000001</v>
      </c>
      <c r="AG1392">
        <v>25727.9421</v>
      </c>
      <c r="AH1392">
        <v>296749.44799999997</v>
      </c>
      <c r="AI1392">
        <v>85018.529840000003</v>
      </c>
      <c r="AJ1392">
        <v>26292.718379999998</v>
      </c>
      <c r="AK1392">
        <v>44411.111640000003</v>
      </c>
      <c r="AL1392">
        <v>81325.597729999994</v>
      </c>
      <c r="AM1392">
        <v>31810.915540000002</v>
      </c>
      <c r="AN1392">
        <v>86407.256410000002</v>
      </c>
      <c r="AO1392">
        <v>30037.300279999999</v>
      </c>
      <c r="AP1392">
        <v>19752.365239999999</v>
      </c>
    </row>
    <row r="1393" spans="2:42" x14ac:dyDescent="0.3">
      <c r="B1393">
        <v>57.153060323672094</v>
      </c>
      <c r="C1393" s="83">
        <v>43158.958333333336</v>
      </c>
      <c r="D1393">
        <v>252086.5974</v>
      </c>
      <c r="E1393">
        <v>18019.535070000002</v>
      </c>
      <c r="F1393">
        <v>50973.181779999999</v>
      </c>
      <c r="G1393">
        <v>44091.052499999998</v>
      </c>
      <c r="H1393">
        <v>42141.054730000003</v>
      </c>
      <c r="I1393">
        <v>29086.68952</v>
      </c>
      <c r="J1393">
        <v>37155.224979999999</v>
      </c>
      <c r="K1393">
        <v>55241.293489999996</v>
      </c>
      <c r="L1393">
        <v>21587.11492</v>
      </c>
      <c r="M1393">
        <v>291392.95439999999</v>
      </c>
      <c r="N1393">
        <v>85021.914869999993</v>
      </c>
      <c r="O1393">
        <v>26266.36448</v>
      </c>
      <c r="P1393">
        <v>39800.025450000001</v>
      </c>
      <c r="Q1393">
        <v>81607.15281</v>
      </c>
      <c r="R1393">
        <v>34046.381520000003</v>
      </c>
      <c r="S1393">
        <v>84250.416719999994</v>
      </c>
      <c r="T1393">
        <v>31023.13118</v>
      </c>
      <c r="U1393">
        <v>19355.016820000001</v>
      </c>
      <c r="W1393" s="83">
        <f>Bühler!N1425</f>
        <v>45349.95833332996</v>
      </c>
      <c r="X1393" s="83">
        <v>43158.958333333336</v>
      </c>
      <c r="Y1393">
        <v>252086.5974</v>
      </c>
      <c r="Z1393">
        <v>18019.535070000002</v>
      </c>
      <c r="AA1393">
        <v>50973.181779999999</v>
      </c>
      <c r="AB1393">
        <v>44091.052499999998</v>
      </c>
      <c r="AC1393">
        <v>42141.054730000003</v>
      </c>
      <c r="AD1393">
        <v>29086.68952</v>
      </c>
      <c r="AE1393">
        <v>37155.224979999999</v>
      </c>
      <c r="AF1393">
        <v>55241.293489999996</v>
      </c>
      <c r="AG1393">
        <v>21587.11492</v>
      </c>
      <c r="AH1393">
        <v>291392.95439999999</v>
      </c>
      <c r="AI1393">
        <v>85021.914869999993</v>
      </c>
      <c r="AJ1393">
        <v>26266.36448</v>
      </c>
      <c r="AK1393">
        <v>39800.025450000001</v>
      </c>
      <c r="AL1393">
        <v>81607.15281</v>
      </c>
      <c r="AM1393">
        <v>34046.381520000003</v>
      </c>
      <c r="AN1393">
        <v>84250.416719999994</v>
      </c>
      <c r="AO1393">
        <v>31023.13118</v>
      </c>
      <c r="AP1393">
        <v>19355.016820000001</v>
      </c>
    </row>
    <row r="1394" spans="2:42" x14ac:dyDescent="0.3">
      <c r="B1394">
        <v>56.152818965200382</v>
      </c>
      <c r="C1394" s="83">
        <v>43159</v>
      </c>
      <c r="D1394">
        <v>250342.43210000001</v>
      </c>
      <c r="E1394">
        <v>17715.5327</v>
      </c>
      <c r="F1394">
        <v>50699.933790000003</v>
      </c>
      <c r="G1394">
        <v>43779.48012</v>
      </c>
      <c r="H1394">
        <v>41854.902730000002</v>
      </c>
      <c r="I1394">
        <v>26901.12472</v>
      </c>
      <c r="J1394">
        <v>35121.919609999997</v>
      </c>
      <c r="K1394">
        <v>53070.654589999998</v>
      </c>
      <c r="L1394">
        <v>19865.72408</v>
      </c>
      <c r="M1394">
        <v>286293.25750000001</v>
      </c>
      <c r="N1394">
        <v>84331.511540000007</v>
      </c>
      <c r="O1394">
        <v>26010.927179999999</v>
      </c>
      <c r="P1394">
        <v>37011.322540000001</v>
      </c>
      <c r="Q1394">
        <v>81444.317899999995</v>
      </c>
      <c r="R1394">
        <v>30196.633539999999</v>
      </c>
      <c r="S1394">
        <v>83651.574770000007</v>
      </c>
      <c r="T1394">
        <v>28790.197339999999</v>
      </c>
      <c r="U1394">
        <v>19014.18677</v>
      </c>
      <c r="W1394" s="83">
        <f>Bühler!N1426</f>
        <v>45349.999999996624</v>
      </c>
      <c r="X1394" s="83">
        <v>43159</v>
      </c>
      <c r="Y1394">
        <v>250342.43210000001</v>
      </c>
      <c r="Z1394">
        <v>17715.5327</v>
      </c>
      <c r="AA1394">
        <v>50699.933790000003</v>
      </c>
      <c r="AB1394">
        <v>43779.48012</v>
      </c>
      <c r="AC1394">
        <v>41854.902730000002</v>
      </c>
      <c r="AD1394">
        <v>26901.12472</v>
      </c>
      <c r="AE1394">
        <v>35121.919609999997</v>
      </c>
      <c r="AF1394">
        <v>53070.654589999998</v>
      </c>
      <c r="AG1394">
        <v>19865.72408</v>
      </c>
      <c r="AH1394">
        <v>286293.25750000001</v>
      </c>
      <c r="AI1394">
        <v>84331.511540000007</v>
      </c>
      <c r="AJ1394">
        <v>26010.927179999999</v>
      </c>
      <c r="AK1394">
        <v>37011.322540000001</v>
      </c>
      <c r="AL1394">
        <v>81444.317899999995</v>
      </c>
      <c r="AM1394">
        <v>30196.633539999999</v>
      </c>
      <c r="AN1394">
        <v>83651.574770000007</v>
      </c>
      <c r="AO1394">
        <v>28790.197339999999</v>
      </c>
      <c r="AP1394">
        <v>19014.18677</v>
      </c>
    </row>
    <row r="1395" spans="2:42" x14ac:dyDescent="0.3">
      <c r="B1395">
        <v>56.279527323493127</v>
      </c>
      <c r="C1395" s="83">
        <v>43159.041666666664</v>
      </c>
      <c r="D1395">
        <v>250316.21530000001</v>
      </c>
      <c r="E1395">
        <v>17830.499520000001</v>
      </c>
      <c r="F1395">
        <v>50233.04664</v>
      </c>
      <c r="G1395">
        <v>43305.591079999998</v>
      </c>
      <c r="H1395">
        <v>40870.86666</v>
      </c>
      <c r="I1395">
        <v>21999.356950000001</v>
      </c>
      <c r="J1395">
        <v>34499.867680000003</v>
      </c>
      <c r="K1395">
        <v>51643.940159999998</v>
      </c>
      <c r="L1395">
        <v>19161.218659999999</v>
      </c>
      <c r="M1395">
        <v>286939.2758</v>
      </c>
      <c r="N1395">
        <v>84229.073659999995</v>
      </c>
      <c r="O1395">
        <v>26496.084640000001</v>
      </c>
      <c r="P1395">
        <v>35581.783029999999</v>
      </c>
      <c r="Q1395">
        <v>81546.052249999993</v>
      </c>
      <c r="R1395">
        <v>28385.468570000001</v>
      </c>
      <c r="S1395">
        <v>83404.891870000007</v>
      </c>
      <c r="T1395">
        <v>28934.826560000001</v>
      </c>
      <c r="U1395">
        <v>19204.519520000002</v>
      </c>
      <c r="W1395" s="83">
        <f>Bühler!N1427</f>
        <v>45350.041666663288</v>
      </c>
      <c r="X1395" s="83">
        <v>43159.041666666664</v>
      </c>
      <c r="Y1395">
        <v>250316.21530000001</v>
      </c>
      <c r="Z1395">
        <v>17830.499520000001</v>
      </c>
      <c r="AA1395">
        <v>50233.04664</v>
      </c>
      <c r="AB1395">
        <v>43305.591079999998</v>
      </c>
      <c r="AC1395">
        <v>40870.86666</v>
      </c>
      <c r="AD1395">
        <v>21999.356950000001</v>
      </c>
      <c r="AE1395">
        <v>34499.867680000003</v>
      </c>
      <c r="AF1395">
        <v>51643.940159999998</v>
      </c>
      <c r="AG1395">
        <v>19161.218659999999</v>
      </c>
      <c r="AH1395">
        <v>286939.2758</v>
      </c>
      <c r="AI1395">
        <v>84229.073659999995</v>
      </c>
      <c r="AJ1395">
        <v>26496.084640000001</v>
      </c>
      <c r="AK1395">
        <v>35581.783029999999</v>
      </c>
      <c r="AL1395">
        <v>81546.052249999993</v>
      </c>
      <c r="AM1395">
        <v>28385.468570000001</v>
      </c>
      <c r="AN1395">
        <v>83404.891870000007</v>
      </c>
      <c r="AO1395">
        <v>28934.826560000001</v>
      </c>
      <c r="AP1395">
        <v>19204.519520000002</v>
      </c>
    </row>
    <row r="1396" spans="2:42" x14ac:dyDescent="0.3">
      <c r="B1396">
        <v>57.14196916483975</v>
      </c>
      <c r="C1396" s="83">
        <v>43159.083333333336</v>
      </c>
      <c r="D1396">
        <v>249987.24600000001</v>
      </c>
      <c r="E1396">
        <v>17952.847720000002</v>
      </c>
      <c r="F1396">
        <v>51275.867120000003</v>
      </c>
      <c r="G1396">
        <v>42989.782019999999</v>
      </c>
      <c r="H1396">
        <v>41234.009230000003</v>
      </c>
      <c r="I1396">
        <v>20282.545109999999</v>
      </c>
      <c r="J1396">
        <v>34465.642549999997</v>
      </c>
      <c r="K1396">
        <v>50838.699070000002</v>
      </c>
      <c r="L1396">
        <v>18722.227360000001</v>
      </c>
      <c r="M1396">
        <v>291336.40649999998</v>
      </c>
      <c r="N1396">
        <v>84118.264190000002</v>
      </c>
      <c r="O1396">
        <v>26392.92455</v>
      </c>
      <c r="P1396">
        <v>34573.092709999997</v>
      </c>
      <c r="Q1396">
        <v>84151.657340000005</v>
      </c>
      <c r="R1396">
        <v>29357.040010000001</v>
      </c>
      <c r="S1396">
        <v>82779.677530000001</v>
      </c>
      <c r="T1396">
        <v>27910.23187</v>
      </c>
      <c r="U1396">
        <v>19659.04334</v>
      </c>
      <c r="W1396" s="83">
        <f>Bühler!N1428</f>
        <v>45350.083333329952</v>
      </c>
      <c r="X1396" s="83">
        <v>43159.083333333336</v>
      </c>
      <c r="Y1396">
        <v>249987.24600000001</v>
      </c>
      <c r="Z1396">
        <v>17952.847720000002</v>
      </c>
      <c r="AA1396">
        <v>51275.867120000003</v>
      </c>
      <c r="AB1396">
        <v>42989.782019999999</v>
      </c>
      <c r="AC1396">
        <v>41234.009230000003</v>
      </c>
      <c r="AD1396">
        <v>20282.545109999999</v>
      </c>
      <c r="AE1396">
        <v>34465.642549999997</v>
      </c>
      <c r="AF1396">
        <v>50838.699070000002</v>
      </c>
      <c r="AG1396">
        <v>18722.227360000001</v>
      </c>
      <c r="AH1396">
        <v>291336.40649999998</v>
      </c>
      <c r="AI1396">
        <v>84118.264190000002</v>
      </c>
      <c r="AJ1396">
        <v>26392.92455</v>
      </c>
      <c r="AK1396">
        <v>34573.092709999997</v>
      </c>
      <c r="AL1396">
        <v>84151.657340000005</v>
      </c>
      <c r="AM1396">
        <v>29357.040010000001</v>
      </c>
      <c r="AN1396">
        <v>82779.677530000001</v>
      </c>
      <c r="AO1396">
        <v>27910.23187</v>
      </c>
      <c r="AP1396">
        <v>19659.04334</v>
      </c>
    </row>
    <row r="1397" spans="2:42" x14ac:dyDescent="0.3">
      <c r="B1397">
        <v>56.845948852303749</v>
      </c>
      <c r="C1397" s="83">
        <v>43159.125</v>
      </c>
      <c r="D1397">
        <v>250978.64679999999</v>
      </c>
      <c r="E1397">
        <v>18182.27029</v>
      </c>
      <c r="F1397">
        <v>52814.657760000002</v>
      </c>
      <c r="G1397">
        <v>42226.810530000002</v>
      </c>
      <c r="H1397">
        <v>41275.368629999997</v>
      </c>
      <c r="I1397">
        <v>20757.843819999998</v>
      </c>
      <c r="J1397">
        <v>34939.570489999998</v>
      </c>
      <c r="K1397">
        <v>48752.862730000001</v>
      </c>
      <c r="L1397">
        <v>18612.41793</v>
      </c>
      <c r="M1397">
        <v>289827.1569</v>
      </c>
      <c r="N1397">
        <v>83621.101410000003</v>
      </c>
      <c r="O1397">
        <v>25986.39633</v>
      </c>
      <c r="P1397">
        <v>34684.760990000002</v>
      </c>
      <c r="Q1397">
        <v>86587.563429999995</v>
      </c>
      <c r="R1397">
        <v>28730.68102</v>
      </c>
      <c r="S1397">
        <v>81115.182419999997</v>
      </c>
      <c r="T1397">
        <v>28555.478599999999</v>
      </c>
      <c r="U1397">
        <v>19715.947110000001</v>
      </c>
      <c r="W1397" s="83">
        <f>Bühler!N1429</f>
        <v>45350.124999996617</v>
      </c>
      <c r="X1397" s="83">
        <v>43159.125</v>
      </c>
      <c r="Y1397">
        <v>250978.64679999999</v>
      </c>
      <c r="Z1397">
        <v>18182.27029</v>
      </c>
      <c r="AA1397">
        <v>52814.657760000002</v>
      </c>
      <c r="AB1397">
        <v>42226.810530000002</v>
      </c>
      <c r="AC1397">
        <v>41275.368629999997</v>
      </c>
      <c r="AD1397">
        <v>20757.843819999998</v>
      </c>
      <c r="AE1397">
        <v>34939.570489999998</v>
      </c>
      <c r="AF1397">
        <v>48752.862730000001</v>
      </c>
      <c r="AG1397">
        <v>18612.41793</v>
      </c>
      <c r="AH1397">
        <v>289827.1569</v>
      </c>
      <c r="AI1397">
        <v>83621.101410000003</v>
      </c>
      <c r="AJ1397">
        <v>25986.39633</v>
      </c>
      <c r="AK1397">
        <v>34684.760990000002</v>
      </c>
      <c r="AL1397">
        <v>86587.563429999995</v>
      </c>
      <c r="AM1397">
        <v>28730.68102</v>
      </c>
      <c r="AN1397">
        <v>81115.182419999997</v>
      </c>
      <c r="AO1397">
        <v>28555.478599999999</v>
      </c>
      <c r="AP1397">
        <v>19715.947110000001</v>
      </c>
    </row>
    <row r="1398" spans="2:42" x14ac:dyDescent="0.3">
      <c r="B1398">
        <v>57.165843422672609</v>
      </c>
      <c r="C1398" s="83">
        <v>43159.166666666664</v>
      </c>
      <c r="D1398">
        <v>253747.7653</v>
      </c>
      <c r="E1398">
        <v>18712.60685</v>
      </c>
      <c r="F1398">
        <v>56925.404600000002</v>
      </c>
      <c r="G1398">
        <v>42075.930740000003</v>
      </c>
      <c r="H1398">
        <v>42029.332159999998</v>
      </c>
      <c r="I1398">
        <v>23683.142660000001</v>
      </c>
      <c r="J1398">
        <v>37771.706619999997</v>
      </c>
      <c r="K1398">
        <v>46820.293960000003</v>
      </c>
      <c r="L1398">
        <v>19390.983960000001</v>
      </c>
      <c r="M1398">
        <v>291458.1286</v>
      </c>
      <c r="N1398">
        <v>83350.863580000005</v>
      </c>
      <c r="O1398">
        <v>26581.803400000001</v>
      </c>
      <c r="P1398">
        <v>34153.247470000002</v>
      </c>
      <c r="Q1398">
        <v>89951.825339999996</v>
      </c>
      <c r="R1398">
        <v>28471.22321</v>
      </c>
      <c r="S1398">
        <v>82633.725720000002</v>
      </c>
      <c r="T1398">
        <v>28132.504089999999</v>
      </c>
      <c r="U1398">
        <v>20294.064829999999</v>
      </c>
      <c r="W1398" s="83">
        <f>Bühler!N1430</f>
        <v>45350.166666663281</v>
      </c>
      <c r="X1398" s="83">
        <v>43159.166666666664</v>
      </c>
      <c r="Y1398">
        <v>253747.7653</v>
      </c>
      <c r="Z1398">
        <v>18712.60685</v>
      </c>
      <c r="AA1398">
        <v>56925.404600000002</v>
      </c>
      <c r="AB1398">
        <v>42075.930740000003</v>
      </c>
      <c r="AC1398">
        <v>42029.332159999998</v>
      </c>
      <c r="AD1398">
        <v>23683.142660000001</v>
      </c>
      <c r="AE1398">
        <v>37771.706619999997</v>
      </c>
      <c r="AF1398">
        <v>46820.293960000003</v>
      </c>
      <c r="AG1398">
        <v>19390.983960000001</v>
      </c>
      <c r="AH1398">
        <v>291458.1286</v>
      </c>
      <c r="AI1398">
        <v>83350.863580000005</v>
      </c>
      <c r="AJ1398">
        <v>26581.803400000001</v>
      </c>
      <c r="AK1398">
        <v>34153.247470000002</v>
      </c>
      <c r="AL1398">
        <v>89951.825339999996</v>
      </c>
      <c r="AM1398">
        <v>28471.22321</v>
      </c>
      <c r="AN1398">
        <v>82633.725720000002</v>
      </c>
      <c r="AO1398">
        <v>28132.504089999999</v>
      </c>
      <c r="AP1398">
        <v>20294.064829999999</v>
      </c>
    </row>
    <row r="1399" spans="2:42" x14ac:dyDescent="0.3">
      <c r="B1399">
        <v>60.335507713091644</v>
      </c>
      <c r="C1399" s="83">
        <v>43159.208333333336</v>
      </c>
      <c r="D1399">
        <v>270014.29729999998</v>
      </c>
      <c r="E1399">
        <v>20628.234799999998</v>
      </c>
      <c r="F1399">
        <v>67312.223830000003</v>
      </c>
      <c r="G1399">
        <v>44655.180740000003</v>
      </c>
      <c r="H1399">
        <v>44151.872660000001</v>
      </c>
      <c r="I1399">
        <v>32512.338329999999</v>
      </c>
      <c r="J1399">
        <v>40368.899599999997</v>
      </c>
      <c r="K1399">
        <v>48819.598669999999</v>
      </c>
      <c r="L1399">
        <v>20088.79866</v>
      </c>
      <c r="M1399">
        <v>307618.55530000001</v>
      </c>
      <c r="N1399">
        <v>84438.023249999998</v>
      </c>
      <c r="O1399">
        <v>27077.300940000001</v>
      </c>
      <c r="P1399">
        <v>34035.67628</v>
      </c>
      <c r="Q1399">
        <v>92607.754639999999</v>
      </c>
      <c r="R1399">
        <v>30794.76194</v>
      </c>
      <c r="S1399">
        <v>86179.119860000006</v>
      </c>
      <c r="T1399">
        <v>30445.681639999999</v>
      </c>
      <c r="U1399">
        <v>22051.31841</v>
      </c>
      <c r="W1399" s="83">
        <f>Bühler!N1431</f>
        <v>45350.208333329945</v>
      </c>
      <c r="X1399" s="83">
        <v>43159.208333333336</v>
      </c>
      <c r="Y1399">
        <v>270014.29729999998</v>
      </c>
      <c r="Z1399">
        <v>20628.234799999998</v>
      </c>
      <c r="AA1399">
        <v>67312.223830000003</v>
      </c>
      <c r="AB1399">
        <v>44655.180740000003</v>
      </c>
      <c r="AC1399">
        <v>44151.872660000001</v>
      </c>
      <c r="AD1399">
        <v>32512.338329999999</v>
      </c>
      <c r="AE1399">
        <v>40368.899599999997</v>
      </c>
      <c r="AF1399">
        <v>48819.598669999999</v>
      </c>
      <c r="AG1399">
        <v>20088.79866</v>
      </c>
      <c r="AH1399">
        <v>307618.55530000001</v>
      </c>
      <c r="AI1399">
        <v>84438.023249999998</v>
      </c>
      <c r="AJ1399">
        <v>27077.300940000001</v>
      </c>
      <c r="AK1399">
        <v>34035.67628</v>
      </c>
      <c r="AL1399">
        <v>92607.754639999999</v>
      </c>
      <c r="AM1399">
        <v>30794.76194</v>
      </c>
      <c r="AN1399">
        <v>86179.119860000006</v>
      </c>
      <c r="AO1399">
        <v>30445.681639999999</v>
      </c>
      <c r="AP1399">
        <v>22051.31841</v>
      </c>
    </row>
    <row r="1400" spans="2:42" x14ac:dyDescent="0.3">
      <c r="B1400">
        <v>62.782579766373942</v>
      </c>
      <c r="C1400" s="83">
        <v>43159.25</v>
      </c>
      <c r="D1400">
        <v>285344.86190000002</v>
      </c>
      <c r="E1400">
        <v>24933.162939999998</v>
      </c>
      <c r="F1400">
        <v>77874.010070000004</v>
      </c>
      <c r="G1400">
        <v>51405.040439999997</v>
      </c>
      <c r="H1400">
        <v>47484.414700000001</v>
      </c>
      <c r="I1400">
        <v>40430.203399999999</v>
      </c>
      <c r="J1400">
        <v>43600.338810000001</v>
      </c>
      <c r="K1400">
        <v>51016.94296</v>
      </c>
      <c r="L1400">
        <v>21836.691009999999</v>
      </c>
      <c r="M1400">
        <v>320094.86979999999</v>
      </c>
      <c r="N1400">
        <v>86866.158190000002</v>
      </c>
      <c r="O1400">
        <v>27556.853599999999</v>
      </c>
      <c r="P1400">
        <v>34124.085789999997</v>
      </c>
      <c r="Q1400">
        <v>93661.245269999999</v>
      </c>
      <c r="R1400">
        <v>22473.106940000001</v>
      </c>
      <c r="S1400">
        <v>92530.83524</v>
      </c>
      <c r="T1400">
        <v>31848.755990000001</v>
      </c>
      <c r="U1400">
        <v>23791.659149999999</v>
      </c>
      <c r="W1400" s="83">
        <f>Bühler!N1432</f>
        <v>45350.249999996609</v>
      </c>
      <c r="X1400" s="83">
        <v>43159.25</v>
      </c>
      <c r="Y1400">
        <v>285344.86190000002</v>
      </c>
      <c r="Z1400">
        <v>24933.162939999998</v>
      </c>
      <c r="AA1400">
        <v>77874.010070000004</v>
      </c>
      <c r="AB1400">
        <v>51405.040439999997</v>
      </c>
      <c r="AC1400">
        <v>47484.414700000001</v>
      </c>
      <c r="AD1400">
        <v>40430.203399999999</v>
      </c>
      <c r="AE1400">
        <v>43600.338810000001</v>
      </c>
      <c r="AF1400">
        <v>51016.94296</v>
      </c>
      <c r="AG1400">
        <v>21836.691009999999</v>
      </c>
      <c r="AH1400">
        <v>320094.86979999999</v>
      </c>
      <c r="AI1400">
        <v>86866.158190000002</v>
      </c>
      <c r="AJ1400">
        <v>27556.853599999999</v>
      </c>
      <c r="AK1400">
        <v>34124.085789999997</v>
      </c>
      <c r="AL1400">
        <v>93661.245269999999</v>
      </c>
      <c r="AM1400">
        <v>22473.106940000001</v>
      </c>
      <c r="AN1400">
        <v>92530.83524</v>
      </c>
      <c r="AO1400">
        <v>31848.755990000001</v>
      </c>
      <c r="AP1400">
        <v>23791.659149999999</v>
      </c>
    </row>
    <row r="1401" spans="2:42" x14ac:dyDescent="0.3">
      <c r="B1401">
        <v>62.706070484202172</v>
      </c>
      <c r="C1401" s="83">
        <v>43159.291666666664</v>
      </c>
      <c r="D1401">
        <v>298216.6642</v>
      </c>
      <c r="E1401">
        <v>30296.440259999999</v>
      </c>
      <c r="F1401">
        <v>75856.943729999999</v>
      </c>
      <c r="G1401">
        <v>62407.094899999996</v>
      </c>
      <c r="H1401">
        <v>51939.342839999998</v>
      </c>
      <c r="I1401">
        <v>47424.862229999999</v>
      </c>
      <c r="J1401">
        <v>40564.216119999997</v>
      </c>
      <c r="K1401">
        <v>54602.568039999998</v>
      </c>
      <c r="L1401">
        <v>24652.343000000001</v>
      </c>
      <c r="M1401">
        <v>319704.78980000003</v>
      </c>
      <c r="N1401">
        <v>91346.864440000005</v>
      </c>
      <c r="O1401">
        <v>29798.580959999999</v>
      </c>
      <c r="P1401">
        <v>37937.859040000003</v>
      </c>
      <c r="Q1401">
        <v>93860.235000000001</v>
      </c>
      <c r="R1401">
        <v>23130.007259999998</v>
      </c>
      <c r="S1401">
        <v>100119.9567</v>
      </c>
      <c r="T1401">
        <v>32549.241279999998</v>
      </c>
      <c r="U1401">
        <v>27648.177960000001</v>
      </c>
      <c r="W1401" s="83">
        <f>Bühler!N1433</f>
        <v>45350.291666663274</v>
      </c>
      <c r="X1401" s="83">
        <v>43159.291666666664</v>
      </c>
      <c r="Y1401">
        <v>298216.6642</v>
      </c>
      <c r="Z1401">
        <v>30296.440259999999</v>
      </c>
      <c r="AA1401">
        <v>75856.943729999999</v>
      </c>
      <c r="AB1401">
        <v>62407.094899999996</v>
      </c>
      <c r="AC1401">
        <v>51939.342839999998</v>
      </c>
      <c r="AD1401">
        <v>47424.862229999999</v>
      </c>
      <c r="AE1401">
        <v>40564.216119999997</v>
      </c>
      <c r="AF1401">
        <v>54602.568039999998</v>
      </c>
      <c r="AG1401">
        <v>24652.343000000001</v>
      </c>
      <c r="AH1401">
        <v>319704.78980000003</v>
      </c>
      <c r="AI1401">
        <v>91346.864440000005</v>
      </c>
      <c r="AJ1401">
        <v>29798.580959999999</v>
      </c>
      <c r="AK1401">
        <v>37937.859040000003</v>
      </c>
      <c r="AL1401">
        <v>93860.235000000001</v>
      </c>
      <c r="AM1401">
        <v>23130.007259999998</v>
      </c>
      <c r="AN1401">
        <v>100119.9567</v>
      </c>
      <c r="AO1401">
        <v>32549.241279999998</v>
      </c>
      <c r="AP1401">
        <v>27648.177960000001</v>
      </c>
    </row>
    <row r="1402" spans="2:42" x14ac:dyDescent="0.3">
      <c r="B1402">
        <v>63.161156218691893</v>
      </c>
      <c r="C1402" s="83">
        <v>43159.333333333336</v>
      </c>
      <c r="D1402">
        <v>309819.86479999998</v>
      </c>
      <c r="E1402">
        <v>35678.989509999999</v>
      </c>
      <c r="F1402">
        <v>81609.455279999995</v>
      </c>
      <c r="G1402">
        <v>71645.792130000002</v>
      </c>
      <c r="H1402">
        <v>56278.045550000003</v>
      </c>
      <c r="I1402">
        <v>50816.425459999999</v>
      </c>
      <c r="J1402">
        <v>40208.114959999999</v>
      </c>
      <c r="K1402">
        <v>58410.412450000003</v>
      </c>
      <c r="L1402">
        <v>27509.6453</v>
      </c>
      <c r="M1402">
        <v>322025.02909999999</v>
      </c>
      <c r="N1402">
        <v>97481.584520000004</v>
      </c>
      <c r="O1402">
        <v>30795.17885</v>
      </c>
      <c r="P1402">
        <v>40270.061070000003</v>
      </c>
      <c r="Q1402">
        <v>93752.403439999995</v>
      </c>
      <c r="R1402">
        <v>25839.745060000001</v>
      </c>
      <c r="S1402">
        <v>112228.78569999999</v>
      </c>
      <c r="T1402">
        <v>35759.410980000001</v>
      </c>
      <c r="U1402">
        <v>30297.73127</v>
      </c>
      <c r="W1402" s="83">
        <f>Bühler!N1434</f>
        <v>45350.333333329938</v>
      </c>
      <c r="X1402" s="83">
        <v>43159.333333333336</v>
      </c>
      <c r="Y1402">
        <v>309819.86479999998</v>
      </c>
      <c r="Z1402">
        <v>35678.989509999999</v>
      </c>
      <c r="AA1402">
        <v>81609.455279999995</v>
      </c>
      <c r="AB1402">
        <v>71645.792130000002</v>
      </c>
      <c r="AC1402">
        <v>56278.045550000003</v>
      </c>
      <c r="AD1402">
        <v>50816.425459999999</v>
      </c>
      <c r="AE1402">
        <v>40208.114959999999</v>
      </c>
      <c r="AF1402">
        <v>58410.412450000003</v>
      </c>
      <c r="AG1402">
        <v>27509.6453</v>
      </c>
      <c r="AH1402">
        <v>322025.02909999999</v>
      </c>
      <c r="AI1402">
        <v>97481.584520000004</v>
      </c>
      <c r="AJ1402">
        <v>30795.17885</v>
      </c>
      <c r="AK1402">
        <v>40270.061070000003</v>
      </c>
      <c r="AL1402">
        <v>93752.403439999995</v>
      </c>
      <c r="AM1402">
        <v>25839.745060000001</v>
      </c>
      <c r="AN1402">
        <v>112228.78569999999</v>
      </c>
      <c r="AO1402">
        <v>35759.410980000001</v>
      </c>
      <c r="AP1402">
        <v>30297.73127</v>
      </c>
    </row>
    <row r="1403" spans="2:42" x14ac:dyDescent="0.3">
      <c r="B1403">
        <v>62.536882410349136</v>
      </c>
      <c r="C1403" s="83">
        <v>43159.375</v>
      </c>
      <c r="D1403">
        <v>307753.12929999997</v>
      </c>
      <c r="E1403">
        <v>39927.132890000001</v>
      </c>
      <c r="F1403">
        <v>87074.684500000003</v>
      </c>
      <c r="G1403">
        <v>75535.137010000006</v>
      </c>
      <c r="H1403">
        <v>58307.65062</v>
      </c>
      <c r="I1403">
        <v>46724.252930000002</v>
      </c>
      <c r="J1403">
        <v>39745.497329999998</v>
      </c>
      <c r="K1403">
        <v>56273.85684</v>
      </c>
      <c r="L1403">
        <v>31124.485939999999</v>
      </c>
      <c r="M1403">
        <v>318842.19010000001</v>
      </c>
      <c r="N1403">
        <v>106084.46249999999</v>
      </c>
      <c r="O1403">
        <v>30764.518209999998</v>
      </c>
      <c r="P1403">
        <v>42018.788589999996</v>
      </c>
      <c r="Q1403">
        <v>94421.571100000001</v>
      </c>
      <c r="R1403">
        <v>24990.769199999999</v>
      </c>
      <c r="S1403">
        <v>116059.79610000001</v>
      </c>
      <c r="T1403">
        <v>37555.089979999997</v>
      </c>
      <c r="U1403">
        <v>30023.176879999999</v>
      </c>
      <c r="W1403" s="83">
        <f>Bühler!N1435</f>
        <v>45350.374999996602</v>
      </c>
      <c r="X1403" s="83">
        <v>43159.375</v>
      </c>
      <c r="Y1403">
        <v>307753.12929999997</v>
      </c>
      <c r="Z1403">
        <v>39927.132890000001</v>
      </c>
      <c r="AA1403">
        <v>87074.684500000003</v>
      </c>
      <c r="AB1403">
        <v>75535.137010000006</v>
      </c>
      <c r="AC1403">
        <v>58307.65062</v>
      </c>
      <c r="AD1403">
        <v>46724.252930000002</v>
      </c>
      <c r="AE1403">
        <v>39745.497329999998</v>
      </c>
      <c r="AF1403">
        <v>56273.85684</v>
      </c>
      <c r="AG1403">
        <v>31124.485939999999</v>
      </c>
      <c r="AH1403">
        <v>318842.19010000001</v>
      </c>
      <c r="AI1403">
        <v>106084.46249999999</v>
      </c>
      <c r="AJ1403">
        <v>30764.518209999998</v>
      </c>
      <c r="AK1403">
        <v>42018.788589999996</v>
      </c>
      <c r="AL1403">
        <v>94421.571100000001</v>
      </c>
      <c r="AM1403">
        <v>24990.769199999999</v>
      </c>
      <c r="AN1403">
        <v>116059.79610000001</v>
      </c>
      <c r="AO1403">
        <v>37555.089979999997</v>
      </c>
      <c r="AP1403">
        <v>30023.176879999999</v>
      </c>
    </row>
    <row r="1404" spans="2:42" x14ac:dyDescent="0.3">
      <c r="B1404">
        <v>63.731789680770227</v>
      </c>
      <c r="C1404" s="83">
        <v>43159.416666666664</v>
      </c>
      <c r="D1404">
        <v>311015.27059999999</v>
      </c>
      <c r="E1404">
        <v>41148.909740000003</v>
      </c>
      <c r="F1404">
        <v>87836.284020000006</v>
      </c>
      <c r="G1404">
        <v>74846.312229999996</v>
      </c>
      <c r="H1404">
        <v>58736.420630000001</v>
      </c>
      <c r="I1404">
        <v>44285.116249999999</v>
      </c>
      <c r="J1404">
        <v>38993.180740000003</v>
      </c>
      <c r="K1404">
        <v>59220.674729999999</v>
      </c>
      <c r="L1404">
        <v>32971.442309999999</v>
      </c>
      <c r="M1404">
        <v>324934.38459999999</v>
      </c>
      <c r="N1404">
        <v>108978.0582</v>
      </c>
      <c r="O1404">
        <v>30652.08237</v>
      </c>
      <c r="P1404">
        <v>41863.876929999999</v>
      </c>
      <c r="Q1404">
        <v>94546.339330000003</v>
      </c>
      <c r="R1404">
        <v>25214.647489999999</v>
      </c>
      <c r="S1404">
        <v>116026.693</v>
      </c>
      <c r="T1404">
        <v>38976.86176</v>
      </c>
      <c r="U1404">
        <v>28896.710859999999</v>
      </c>
      <c r="W1404" s="83">
        <f>Bühler!N1436</f>
        <v>45350.416666663266</v>
      </c>
      <c r="X1404" s="83">
        <v>43159.416666666664</v>
      </c>
      <c r="Y1404">
        <v>311015.27059999999</v>
      </c>
      <c r="Z1404">
        <v>41148.909740000003</v>
      </c>
      <c r="AA1404">
        <v>87836.284020000006</v>
      </c>
      <c r="AB1404">
        <v>74846.312229999996</v>
      </c>
      <c r="AC1404">
        <v>58736.420630000001</v>
      </c>
      <c r="AD1404">
        <v>44285.116249999999</v>
      </c>
      <c r="AE1404">
        <v>38993.180740000003</v>
      </c>
      <c r="AF1404">
        <v>59220.674729999999</v>
      </c>
      <c r="AG1404">
        <v>32971.442309999999</v>
      </c>
      <c r="AH1404">
        <v>324934.38459999999</v>
      </c>
      <c r="AI1404">
        <v>108978.0582</v>
      </c>
      <c r="AJ1404">
        <v>30652.08237</v>
      </c>
      <c r="AK1404">
        <v>41863.876929999999</v>
      </c>
      <c r="AL1404">
        <v>94546.339330000003</v>
      </c>
      <c r="AM1404">
        <v>25214.647489999999</v>
      </c>
      <c r="AN1404">
        <v>116026.693</v>
      </c>
      <c r="AO1404">
        <v>38976.86176</v>
      </c>
      <c r="AP1404">
        <v>28896.710859999999</v>
      </c>
    </row>
    <row r="1405" spans="2:42" x14ac:dyDescent="0.3">
      <c r="B1405">
        <v>64.804452307763725</v>
      </c>
      <c r="C1405" s="83">
        <v>43159.458333333336</v>
      </c>
      <c r="D1405">
        <v>307901.72440000001</v>
      </c>
      <c r="E1405">
        <v>40593.432240000002</v>
      </c>
      <c r="F1405">
        <v>88278.590530000001</v>
      </c>
      <c r="G1405">
        <v>72934.537219999998</v>
      </c>
      <c r="H1405">
        <v>57518.667650000003</v>
      </c>
      <c r="I1405">
        <v>43024.004930000003</v>
      </c>
      <c r="J1405">
        <v>37809.832170000001</v>
      </c>
      <c r="K1405">
        <v>65257.447970000001</v>
      </c>
      <c r="L1405">
        <v>33752.777459999998</v>
      </c>
      <c r="M1405">
        <v>330403.31890000001</v>
      </c>
      <c r="N1405">
        <v>109565.035</v>
      </c>
      <c r="O1405">
        <v>29878.4162</v>
      </c>
      <c r="P1405">
        <v>40734.9447</v>
      </c>
      <c r="Q1405">
        <v>94759.771529999998</v>
      </c>
      <c r="R1405">
        <v>29185.031159999999</v>
      </c>
      <c r="S1405">
        <v>116815.3131</v>
      </c>
      <c r="T1405">
        <v>39682.132660000003</v>
      </c>
      <c r="U1405">
        <v>28738.32548</v>
      </c>
      <c r="W1405" s="83">
        <f>Bühler!N1437</f>
        <v>45350.458333329931</v>
      </c>
      <c r="X1405" s="83">
        <v>43159.458333333336</v>
      </c>
      <c r="Y1405">
        <v>307901.72440000001</v>
      </c>
      <c r="Z1405">
        <v>40593.432240000002</v>
      </c>
      <c r="AA1405">
        <v>88278.590530000001</v>
      </c>
      <c r="AB1405">
        <v>72934.537219999998</v>
      </c>
      <c r="AC1405">
        <v>57518.667650000003</v>
      </c>
      <c r="AD1405">
        <v>43024.004930000003</v>
      </c>
      <c r="AE1405">
        <v>37809.832170000001</v>
      </c>
      <c r="AF1405">
        <v>65257.447970000001</v>
      </c>
      <c r="AG1405">
        <v>33752.777459999998</v>
      </c>
      <c r="AH1405">
        <v>330403.31890000001</v>
      </c>
      <c r="AI1405">
        <v>109565.035</v>
      </c>
      <c r="AJ1405">
        <v>29878.4162</v>
      </c>
      <c r="AK1405">
        <v>40734.9447</v>
      </c>
      <c r="AL1405">
        <v>94759.771529999998</v>
      </c>
      <c r="AM1405">
        <v>29185.031159999999</v>
      </c>
      <c r="AN1405">
        <v>116815.3131</v>
      </c>
      <c r="AO1405">
        <v>39682.132660000003</v>
      </c>
      <c r="AP1405">
        <v>28738.32548</v>
      </c>
    </row>
    <row r="1406" spans="2:42" x14ac:dyDescent="0.3">
      <c r="B1406">
        <v>64.007622648113227</v>
      </c>
      <c r="C1406" s="83">
        <v>43159.5</v>
      </c>
      <c r="D1406">
        <v>294952.22389999998</v>
      </c>
      <c r="E1406">
        <v>36147.411319999999</v>
      </c>
      <c r="F1406">
        <v>81728.18849</v>
      </c>
      <c r="G1406">
        <v>68350.909870000003</v>
      </c>
      <c r="H1406">
        <v>54474.083689999999</v>
      </c>
      <c r="I1406">
        <v>41567.66876</v>
      </c>
      <c r="J1406">
        <v>37652.425490000001</v>
      </c>
      <c r="K1406">
        <v>61738.325980000001</v>
      </c>
      <c r="L1406">
        <v>36543.12934</v>
      </c>
      <c r="M1406">
        <v>326340.70970000001</v>
      </c>
      <c r="N1406">
        <v>105283.5368</v>
      </c>
      <c r="O1406">
        <v>28882.621609999998</v>
      </c>
      <c r="P1406">
        <v>41395.406620000002</v>
      </c>
      <c r="Q1406">
        <v>92635.954719999994</v>
      </c>
      <c r="R1406">
        <v>27538.220789999999</v>
      </c>
      <c r="S1406">
        <v>110980.6418</v>
      </c>
      <c r="T1406">
        <v>38114.792359999999</v>
      </c>
      <c r="U1406">
        <v>24494.910090000001</v>
      </c>
      <c r="W1406" s="83">
        <f>Bühler!N1438</f>
        <v>45350.499999996595</v>
      </c>
      <c r="X1406" s="83">
        <v>43159.5</v>
      </c>
      <c r="Y1406">
        <v>294952.22389999998</v>
      </c>
      <c r="Z1406">
        <v>36147.411319999999</v>
      </c>
      <c r="AA1406">
        <v>81728.18849</v>
      </c>
      <c r="AB1406">
        <v>68350.909870000003</v>
      </c>
      <c r="AC1406">
        <v>54474.083689999999</v>
      </c>
      <c r="AD1406">
        <v>41567.66876</v>
      </c>
      <c r="AE1406">
        <v>37652.425490000001</v>
      </c>
      <c r="AF1406">
        <v>61738.325980000001</v>
      </c>
      <c r="AG1406">
        <v>36543.12934</v>
      </c>
      <c r="AH1406">
        <v>326340.70970000001</v>
      </c>
      <c r="AI1406">
        <v>105283.5368</v>
      </c>
      <c r="AJ1406">
        <v>28882.621609999998</v>
      </c>
      <c r="AK1406">
        <v>41395.406620000002</v>
      </c>
      <c r="AL1406">
        <v>92635.954719999994</v>
      </c>
      <c r="AM1406">
        <v>27538.220789999999</v>
      </c>
      <c r="AN1406">
        <v>110980.6418</v>
      </c>
      <c r="AO1406">
        <v>38114.792359999999</v>
      </c>
      <c r="AP1406">
        <v>24494.910090000001</v>
      </c>
    </row>
    <row r="1407" spans="2:42" x14ac:dyDescent="0.3">
      <c r="B1407">
        <v>64.482482662403598</v>
      </c>
      <c r="C1407" s="83">
        <v>43159.541666666664</v>
      </c>
      <c r="D1407">
        <v>295093.7953</v>
      </c>
      <c r="E1407">
        <v>35960.207750000001</v>
      </c>
      <c r="F1407">
        <v>78702.197350000002</v>
      </c>
      <c r="G1407">
        <v>65523.685210000003</v>
      </c>
      <c r="H1407">
        <v>54516.949809999998</v>
      </c>
      <c r="I1407">
        <v>39817.490019999997</v>
      </c>
      <c r="J1407">
        <v>36729.314729999998</v>
      </c>
      <c r="K1407">
        <v>64299.380239999999</v>
      </c>
      <c r="L1407">
        <v>35296.255530000002</v>
      </c>
      <c r="M1407">
        <v>328761.76750000002</v>
      </c>
      <c r="N1407">
        <v>104569.7871</v>
      </c>
      <c r="O1407">
        <v>28730.672439999998</v>
      </c>
      <c r="P1407">
        <v>39873.142180000003</v>
      </c>
      <c r="Q1407">
        <v>92326.609490000003</v>
      </c>
      <c r="R1407">
        <v>26841.3105</v>
      </c>
      <c r="S1407">
        <v>109837.3398</v>
      </c>
      <c r="T1407">
        <v>37649.524980000002</v>
      </c>
      <c r="U1407">
        <v>25071.122050000002</v>
      </c>
      <c r="W1407" s="83">
        <f>Bühler!N1439</f>
        <v>45350.541666663259</v>
      </c>
      <c r="X1407" s="83">
        <v>43159.541666666664</v>
      </c>
      <c r="Y1407">
        <v>295093.7953</v>
      </c>
      <c r="Z1407">
        <v>35960.207750000001</v>
      </c>
      <c r="AA1407">
        <v>78702.197350000002</v>
      </c>
      <c r="AB1407">
        <v>65523.685210000003</v>
      </c>
      <c r="AC1407">
        <v>54516.949809999998</v>
      </c>
      <c r="AD1407">
        <v>39817.490019999997</v>
      </c>
      <c r="AE1407">
        <v>36729.314729999998</v>
      </c>
      <c r="AF1407">
        <v>64299.380239999999</v>
      </c>
      <c r="AG1407">
        <v>35296.255530000002</v>
      </c>
      <c r="AH1407">
        <v>328761.76750000002</v>
      </c>
      <c r="AI1407">
        <v>104569.7871</v>
      </c>
      <c r="AJ1407">
        <v>28730.672439999998</v>
      </c>
      <c r="AK1407">
        <v>39873.142180000003</v>
      </c>
      <c r="AL1407">
        <v>92326.609490000003</v>
      </c>
      <c r="AM1407">
        <v>26841.3105</v>
      </c>
      <c r="AN1407">
        <v>109837.3398</v>
      </c>
      <c r="AO1407">
        <v>37649.524980000002</v>
      </c>
      <c r="AP1407">
        <v>25071.122050000002</v>
      </c>
    </row>
    <row r="1408" spans="2:42" x14ac:dyDescent="0.3">
      <c r="B1408">
        <v>64.944523939525453</v>
      </c>
      <c r="C1408" s="83">
        <v>43159.583333333336</v>
      </c>
      <c r="D1408">
        <v>296953.50020000001</v>
      </c>
      <c r="E1408">
        <v>38731.85095</v>
      </c>
      <c r="F1408">
        <v>85850.466499999995</v>
      </c>
      <c r="G1408">
        <v>64602.187940000003</v>
      </c>
      <c r="H1408">
        <v>54606.284849999996</v>
      </c>
      <c r="I1408">
        <v>40396.716480000003</v>
      </c>
      <c r="J1408">
        <v>35780.311909999997</v>
      </c>
      <c r="K1408">
        <v>64966.621120000003</v>
      </c>
      <c r="L1408">
        <v>31513.83987</v>
      </c>
      <c r="M1408">
        <v>331117.4694</v>
      </c>
      <c r="N1408">
        <v>105185.6826</v>
      </c>
      <c r="O1408">
        <v>28333.760020000002</v>
      </c>
      <c r="P1408">
        <v>37041.646359999999</v>
      </c>
      <c r="Q1408">
        <v>91531.830799999996</v>
      </c>
      <c r="R1408">
        <v>26173.525389999999</v>
      </c>
      <c r="S1408">
        <v>104537.9642</v>
      </c>
      <c r="T1408">
        <v>36535.7376</v>
      </c>
      <c r="U1408">
        <v>26441.771530000002</v>
      </c>
      <c r="W1408" s="83">
        <f>Bühler!N1440</f>
        <v>45350.583333329923</v>
      </c>
      <c r="X1408" s="83">
        <v>43159.583333333336</v>
      </c>
      <c r="Y1408">
        <v>296953.50020000001</v>
      </c>
      <c r="Z1408">
        <v>38731.85095</v>
      </c>
      <c r="AA1408">
        <v>85850.466499999995</v>
      </c>
      <c r="AB1408">
        <v>64602.187940000003</v>
      </c>
      <c r="AC1408">
        <v>54606.284849999996</v>
      </c>
      <c r="AD1408">
        <v>40396.716480000003</v>
      </c>
      <c r="AE1408">
        <v>35780.311909999997</v>
      </c>
      <c r="AF1408">
        <v>64966.621120000003</v>
      </c>
      <c r="AG1408">
        <v>31513.83987</v>
      </c>
      <c r="AH1408">
        <v>331117.4694</v>
      </c>
      <c r="AI1408">
        <v>105185.6826</v>
      </c>
      <c r="AJ1408">
        <v>28333.760020000002</v>
      </c>
      <c r="AK1408">
        <v>37041.646359999999</v>
      </c>
      <c r="AL1408">
        <v>91531.830799999996</v>
      </c>
      <c r="AM1408">
        <v>26173.525389999999</v>
      </c>
      <c r="AN1408">
        <v>104537.9642</v>
      </c>
      <c r="AO1408">
        <v>36535.7376</v>
      </c>
      <c r="AP1408">
        <v>26441.771530000002</v>
      </c>
    </row>
    <row r="1409" spans="2:42" x14ac:dyDescent="0.3">
      <c r="B1409">
        <v>63.889190562952422</v>
      </c>
      <c r="C1409" s="83">
        <v>43159.625</v>
      </c>
      <c r="D1409">
        <v>295151.51400000002</v>
      </c>
      <c r="E1409">
        <v>38336.813719999998</v>
      </c>
      <c r="F1409">
        <v>86231.368100000007</v>
      </c>
      <c r="G1409">
        <v>62915.312160000001</v>
      </c>
      <c r="H1409">
        <v>53643.532709999999</v>
      </c>
      <c r="I1409">
        <v>41701.170680000003</v>
      </c>
      <c r="J1409">
        <v>36003.62788</v>
      </c>
      <c r="K1409">
        <v>64589.365140000002</v>
      </c>
      <c r="L1409">
        <v>28181.661339999999</v>
      </c>
      <c r="M1409">
        <v>325736.88770000002</v>
      </c>
      <c r="N1409">
        <v>105124.4442</v>
      </c>
      <c r="O1409">
        <v>28101.09172</v>
      </c>
      <c r="P1409">
        <v>35128.155310000002</v>
      </c>
      <c r="Q1409">
        <v>90420.498900000006</v>
      </c>
      <c r="R1409">
        <v>25297.901040000001</v>
      </c>
      <c r="S1409">
        <v>103436.13649999999</v>
      </c>
      <c r="T1409">
        <v>36860.519119999997</v>
      </c>
      <c r="U1409">
        <v>25045.611690000002</v>
      </c>
      <c r="W1409" s="83">
        <f>Bühler!N1441</f>
        <v>45350.624999996588</v>
      </c>
      <c r="X1409" s="83">
        <v>43159.625</v>
      </c>
      <c r="Y1409">
        <v>295151.51400000002</v>
      </c>
      <c r="Z1409">
        <v>38336.813719999998</v>
      </c>
      <c r="AA1409">
        <v>86231.368100000007</v>
      </c>
      <c r="AB1409">
        <v>62915.312160000001</v>
      </c>
      <c r="AC1409">
        <v>53643.532709999999</v>
      </c>
      <c r="AD1409">
        <v>41701.170680000003</v>
      </c>
      <c r="AE1409">
        <v>36003.62788</v>
      </c>
      <c r="AF1409">
        <v>64589.365140000002</v>
      </c>
      <c r="AG1409">
        <v>28181.661339999999</v>
      </c>
      <c r="AH1409">
        <v>325736.88770000002</v>
      </c>
      <c r="AI1409">
        <v>105124.4442</v>
      </c>
      <c r="AJ1409">
        <v>28101.09172</v>
      </c>
      <c r="AK1409">
        <v>35128.155310000002</v>
      </c>
      <c r="AL1409">
        <v>90420.498900000006</v>
      </c>
      <c r="AM1409">
        <v>25297.901040000001</v>
      </c>
      <c r="AN1409">
        <v>103436.13649999999</v>
      </c>
      <c r="AO1409">
        <v>36860.519119999997</v>
      </c>
      <c r="AP1409">
        <v>25045.611690000002</v>
      </c>
    </row>
    <row r="1410" spans="2:42" x14ac:dyDescent="0.3">
      <c r="B1410">
        <v>62.656382130291639</v>
      </c>
      <c r="C1410" s="83">
        <v>43159.666666666664</v>
      </c>
      <c r="D1410">
        <v>288761.8308</v>
      </c>
      <c r="E1410">
        <v>37548.728739999999</v>
      </c>
      <c r="F1410">
        <v>85370.088749999995</v>
      </c>
      <c r="G1410">
        <v>60938.880129999998</v>
      </c>
      <c r="H1410">
        <v>51702.327770000004</v>
      </c>
      <c r="I1410">
        <v>42093.212090000001</v>
      </c>
      <c r="J1410">
        <v>34907.870450000002</v>
      </c>
      <c r="K1410">
        <v>59447.408089999997</v>
      </c>
      <c r="L1410">
        <v>26727.25736</v>
      </c>
      <c r="M1410">
        <v>319451.45539999998</v>
      </c>
      <c r="N1410">
        <v>99805.260779999997</v>
      </c>
      <c r="O1410">
        <v>27335.65813</v>
      </c>
      <c r="P1410">
        <v>33722.472860000002</v>
      </c>
      <c r="Q1410">
        <v>89968.947750000007</v>
      </c>
      <c r="R1410">
        <v>25669.805319999999</v>
      </c>
      <c r="S1410">
        <v>101027.1024</v>
      </c>
      <c r="T1410">
        <v>36968.051449999999</v>
      </c>
      <c r="U1410">
        <v>23498.188450000001</v>
      </c>
      <c r="W1410" s="83">
        <f>Bühler!N1442</f>
        <v>45350.666666663252</v>
      </c>
      <c r="X1410" s="83">
        <v>43159.666666666664</v>
      </c>
      <c r="Y1410">
        <v>288761.8308</v>
      </c>
      <c r="Z1410">
        <v>37548.728739999999</v>
      </c>
      <c r="AA1410">
        <v>85370.088749999995</v>
      </c>
      <c r="AB1410">
        <v>60938.880129999998</v>
      </c>
      <c r="AC1410">
        <v>51702.327770000004</v>
      </c>
      <c r="AD1410">
        <v>42093.212090000001</v>
      </c>
      <c r="AE1410">
        <v>34907.870450000002</v>
      </c>
      <c r="AF1410">
        <v>59447.408089999997</v>
      </c>
      <c r="AG1410">
        <v>26727.25736</v>
      </c>
      <c r="AH1410">
        <v>319451.45539999998</v>
      </c>
      <c r="AI1410">
        <v>99805.260779999997</v>
      </c>
      <c r="AJ1410">
        <v>27335.65813</v>
      </c>
      <c r="AK1410">
        <v>33722.472860000002</v>
      </c>
      <c r="AL1410">
        <v>89968.947750000007</v>
      </c>
      <c r="AM1410">
        <v>25669.805319999999</v>
      </c>
      <c r="AN1410">
        <v>101027.1024</v>
      </c>
      <c r="AO1410">
        <v>36968.051449999999</v>
      </c>
      <c r="AP1410">
        <v>23498.188450000001</v>
      </c>
    </row>
    <row r="1411" spans="2:42" x14ac:dyDescent="0.3">
      <c r="B1411">
        <v>61.457433252332528</v>
      </c>
      <c r="C1411" s="83">
        <v>43159.708333333336</v>
      </c>
      <c r="D1411">
        <v>278663.1838</v>
      </c>
      <c r="E1411">
        <v>35253.225350000001</v>
      </c>
      <c r="F1411">
        <v>84337.617370000007</v>
      </c>
      <c r="G1411">
        <v>58250.808570000001</v>
      </c>
      <c r="H1411">
        <v>49707.853130000003</v>
      </c>
      <c r="I1411">
        <v>41614.057860000001</v>
      </c>
      <c r="J1411">
        <v>34505.611559999998</v>
      </c>
      <c r="K1411">
        <v>53965.201950000002</v>
      </c>
      <c r="L1411">
        <v>26819.938119999999</v>
      </c>
      <c r="M1411">
        <v>313338.65490000002</v>
      </c>
      <c r="N1411">
        <v>90646.823139999993</v>
      </c>
      <c r="O1411">
        <v>26672.891469999999</v>
      </c>
      <c r="P1411">
        <v>36981.697610000003</v>
      </c>
      <c r="Q1411">
        <v>89034.876829999994</v>
      </c>
      <c r="R1411">
        <v>25953.627260000001</v>
      </c>
      <c r="S1411">
        <v>99227.992509999996</v>
      </c>
      <c r="T1411">
        <v>36445.732739999999</v>
      </c>
      <c r="U1411">
        <v>21675.402450000001</v>
      </c>
      <c r="W1411" s="83">
        <f>Bühler!N1443</f>
        <v>45350.708333329916</v>
      </c>
      <c r="X1411" s="83">
        <v>43159.708333333336</v>
      </c>
      <c r="Y1411">
        <v>278663.1838</v>
      </c>
      <c r="Z1411">
        <v>35253.225350000001</v>
      </c>
      <c r="AA1411">
        <v>84337.617370000007</v>
      </c>
      <c r="AB1411">
        <v>58250.808570000001</v>
      </c>
      <c r="AC1411">
        <v>49707.853130000003</v>
      </c>
      <c r="AD1411">
        <v>41614.057860000001</v>
      </c>
      <c r="AE1411">
        <v>34505.611559999998</v>
      </c>
      <c r="AF1411">
        <v>53965.201950000002</v>
      </c>
      <c r="AG1411">
        <v>26819.938119999999</v>
      </c>
      <c r="AH1411">
        <v>313338.65490000002</v>
      </c>
      <c r="AI1411">
        <v>90646.823139999993</v>
      </c>
      <c r="AJ1411">
        <v>26672.891469999999</v>
      </c>
      <c r="AK1411">
        <v>36981.697610000003</v>
      </c>
      <c r="AL1411">
        <v>89034.876829999994</v>
      </c>
      <c r="AM1411">
        <v>25953.627260000001</v>
      </c>
      <c r="AN1411">
        <v>99227.992509999996</v>
      </c>
      <c r="AO1411">
        <v>36445.732739999999</v>
      </c>
      <c r="AP1411">
        <v>21675.402450000001</v>
      </c>
    </row>
    <row r="1412" spans="2:42" x14ac:dyDescent="0.3">
      <c r="B1412">
        <v>59.965312624331659</v>
      </c>
      <c r="C1412" s="83">
        <v>43159.75</v>
      </c>
      <c r="D1412">
        <v>271456.29180000001</v>
      </c>
      <c r="E1412">
        <v>32558.917659999999</v>
      </c>
      <c r="F1412">
        <v>82963.878890000007</v>
      </c>
      <c r="G1412">
        <v>55100.751049999999</v>
      </c>
      <c r="H1412">
        <v>48181.07589</v>
      </c>
      <c r="I1412">
        <v>40134.00935</v>
      </c>
      <c r="J1412">
        <v>37456.987300000001</v>
      </c>
      <c r="K1412">
        <v>48039.821600000003</v>
      </c>
      <c r="L1412">
        <v>29786.930400000001</v>
      </c>
      <c r="M1412">
        <v>305731.12809999997</v>
      </c>
      <c r="N1412">
        <v>87820.273870000005</v>
      </c>
      <c r="O1412">
        <v>25862.466759999999</v>
      </c>
      <c r="P1412">
        <v>40026.242720000002</v>
      </c>
      <c r="Q1412">
        <v>87421.030540000007</v>
      </c>
      <c r="R1412">
        <v>22792.135869999998</v>
      </c>
      <c r="S1412">
        <v>95439.255149999997</v>
      </c>
      <c r="T1412">
        <v>36587.582219999997</v>
      </c>
      <c r="U1412">
        <v>20577.449850000001</v>
      </c>
      <c r="W1412" s="83">
        <f>Bühler!N1444</f>
        <v>45350.74999999658</v>
      </c>
      <c r="X1412" s="83">
        <v>43159.75</v>
      </c>
      <c r="Y1412">
        <v>271456.29180000001</v>
      </c>
      <c r="Z1412">
        <v>32558.917659999999</v>
      </c>
      <c r="AA1412">
        <v>82963.878890000007</v>
      </c>
      <c r="AB1412">
        <v>55100.751049999999</v>
      </c>
      <c r="AC1412">
        <v>48181.07589</v>
      </c>
      <c r="AD1412">
        <v>40134.00935</v>
      </c>
      <c r="AE1412">
        <v>37456.987300000001</v>
      </c>
      <c r="AF1412">
        <v>48039.821600000003</v>
      </c>
      <c r="AG1412">
        <v>29786.930400000001</v>
      </c>
      <c r="AH1412">
        <v>305731.12809999997</v>
      </c>
      <c r="AI1412">
        <v>87820.273870000005</v>
      </c>
      <c r="AJ1412">
        <v>25862.466759999999</v>
      </c>
      <c r="AK1412">
        <v>40026.242720000002</v>
      </c>
      <c r="AL1412">
        <v>87421.030540000007</v>
      </c>
      <c r="AM1412">
        <v>22792.135869999998</v>
      </c>
      <c r="AN1412">
        <v>95439.255149999997</v>
      </c>
      <c r="AO1412">
        <v>36587.582219999997</v>
      </c>
      <c r="AP1412">
        <v>20577.449850000001</v>
      </c>
    </row>
    <row r="1413" spans="2:42" x14ac:dyDescent="0.3">
      <c r="B1413">
        <v>59.212843873399706</v>
      </c>
      <c r="C1413" s="83">
        <v>43159.791666666664</v>
      </c>
      <c r="D1413">
        <v>267244.24739999999</v>
      </c>
      <c r="E1413">
        <v>27279.181329999999</v>
      </c>
      <c r="F1413">
        <v>71841.825790000003</v>
      </c>
      <c r="G1413">
        <v>51970.835800000001</v>
      </c>
      <c r="H1413">
        <v>47266.607629999999</v>
      </c>
      <c r="I1413">
        <v>37937.355989999996</v>
      </c>
      <c r="J1413">
        <v>38425.867489999997</v>
      </c>
      <c r="K1413">
        <v>48117.779750000002</v>
      </c>
      <c r="L1413">
        <v>31627.873769999998</v>
      </c>
      <c r="M1413">
        <v>301894.69150000002</v>
      </c>
      <c r="N1413">
        <v>86711.197709999993</v>
      </c>
      <c r="O1413">
        <v>25100.830320000001</v>
      </c>
      <c r="P1413">
        <v>44236.708689999999</v>
      </c>
      <c r="Q1413">
        <v>86303.993440000006</v>
      </c>
      <c r="R1413">
        <v>22252.902829999999</v>
      </c>
      <c r="S1413">
        <v>92454.253200000006</v>
      </c>
      <c r="T1413">
        <v>37039.054859999997</v>
      </c>
      <c r="U1413">
        <v>19856.490300000001</v>
      </c>
      <c r="W1413" s="83">
        <f>Bühler!N1445</f>
        <v>45350.791666663245</v>
      </c>
      <c r="X1413" s="83">
        <v>43159.791666666664</v>
      </c>
      <c r="Y1413">
        <v>267244.24739999999</v>
      </c>
      <c r="Z1413">
        <v>27279.181329999999</v>
      </c>
      <c r="AA1413">
        <v>71841.825790000003</v>
      </c>
      <c r="AB1413">
        <v>51970.835800000001</v>
      </c>
      <c r="AC1413">
        <v>47266.607629999999</v>
      </c>
      <c r="AD1413">
        <v>37937.355989999996</v>
      </c>
      <c r="AE1413">
        <v>38425.867489999997</v>
      </c>
      <c r="AF1413">
        <v>48117.779750000002</v>
      </c>
      <c r="AG1413">
        <v>31627.873769999998</v>
      </c>
      <c r="AH1413">
        <v>301894.69150000002</v>
      </c>
      <c r="AI1413">
        <v>86711.197709999993</v>
      </c>
      <c r="AJ1413">
        <v>25100.830320000001</v>
      </c>
      <c r="AK1413">
        <v>44236.708689999999</v>
      </c>
      <c r="AL1413">
        <v>86303.993440000006</v>
      </c>
      <c r="AM1413">
        <v>22252.902829999999</v>
      </c>
      <c r="AN1413">
        <v>92454.253200000006</v>
      </c>
      <c r="AO1413">
        <v>37039.054859999997</v>
      </c>
      <c r="AP1413">
        <v>19856.490300000001</v>
      </c>
    </row>
    <row r="1414" spans="2:42" x14ac:dyDescent="0.3">
      <c r="B1414">
        <v>58.524900820576754</v>
      </c>
      <c r="C1414" s="83">
        <v>43159.833333333336</v>
      </c>
      <c r="D1414">
        <v>257333.4528</v>
      </c>
      <c r="E1414">
        <v>21020.838800000001</v>
      </c>
      <c r="F1414">
        <v>56145.840900000003</v>
      </c>
      <c r="G1414">
        <v>47538.298999999999</v>
      </c>
      <c r="H1414">
        <v>44616.032090000001</v>
      </c>
      <c r="I1414">
        <v>34534.084519999997</v>
      </c>
      <c r="J1414">
        <v>37043.338060000002</v>
      </c>
      <c r="K1414">
        <v>53183.101439999999</v>
      </c>
      <c r="L1414">
        <v>30079.900460000001</v>
      </c>
      <c r="M1414">
        <v>298387.23700000002</v>
      </c>
      <c r="N1414">
        <v>84901.690719999999</v>
      </c>
      <c r="O1414">
        <v>24505.278020000002</v>
      </c>
      <c r="P1414">
        <v>43867.877509999998</v>
      </c>
      <c r="Q1414">
        <v>84437.657460000002</v>
      </c>
      <c r="R1414">
        <v>23489.909439999999</v>
      </c>
      <c r="S1414">
        <v>83845.397790000003</v>
      </c>
      <c r="T1414">
        <v>35502.367019999998</v>
      </c>
      <c r="U1414">
        <v>18308.46614</v>
      </c>
      <c r="W1414" s="83">
        <f>Bühler!N1446</f>
        <v>45350.833333329909</v>
      </c>
      <c r="X1414" s="83">
        <v>43159.833333333336</v>
      </c>
      <c r="Y1414">
        <v>257333.4528</v>
      </c>
      <c r="Z1414">
        <v>21020.838800000001</v>
      </c>
      <c r="AA1414">
        <v>56145.840900000003</v>
      </c>
      <c r="AB1414">
        <v>47538.298999999999</v>
      </c>
      <c r="AC1414">
        <v>44616.032090000001</v>
      </c>
      <c r="AD1414">
        <v>34534.084519999997</v>
      </c>
      <c r="AE1414">
        <v>37043.338060000002</v>
      </c>
      <c r="AF1414">
        <v>53183.101439999999</v>
      </c>
      <c r="AG1414">
        <v>30079.900460000001</v>
      </c>
      <c r="AH1414">
        <v>298387.23700000002</v>
      </c>
      <c r="AI1414">
        <v>84901.690719999999</v>
      </c>
      <c r="AJ1414">
        <v>24505.278020000002</v>
      </c>
      <c r="AK1414">
        <v>43867.877509999998</v>
      </c>
      <c r="AL1414">
        <v>84437.657460000002</v>
      </c>
      <c r="AM1414">
        <v>23489.909439999999</v>
      </c>
      <c r="AN1414">
        <v>83845.397790000003</v>
      </c>
      <c r="AO1414">
        <v>35502.367019999998</v>
      </c>
      <c r="AP1414">
        <v>18308.46614</v>
      </c>
    </row>
    <row r="1415" spans="2:42" x14ac:dyDescent="0.3">
      <c r="B1415">
        <v>56.889769069015102</v>
      </c>
      <c r="C1415" s="83">
        <v>43159.875</v>
      </c>
      <c r="D1415">
        <v>249150.61739999999</v>
      </c>
      <c r="E1415">
        <v>18331.350409999999</v>
      </c>
      <c r="F1415">
        <v>49291.835879999999</v>
      </c>
      <c r="G1415">
        <v>44659.486830000002</v>
      </c>
      <c r="H1415">
        <v>41700.549400000004</v>
      </c>
      <c r="I1415">
        <v>29441.554940000002</v>
      </c>
      <c r="J1415">
        <v>35240.587249999997</v>
      </c>
      <c r="K1415">
        <v>53005.471250000002</v>
      </c>
      <c r="L1415">
        <v>27892.795119999999</v>
      </c>
      <c r="M1415">
        <v>290050.57280000002</v>
      </c>
      <c r="N1415">
        <v>82760.044439999998</v>
      </c>
      <c r="O1415">
        <v>23778.799599999998</v>
      </c>
      <c r="P1415">
        <v>41941.642010000003</v>
      </c>
      <c r="Q1415">
        <v>81905.563569999998</v>
      </c>
      <c r="R1415">
        <v>21362.049449999999</v>
      </c>
      <c r="S1415">
        <v>78660.068450000006</v>
      </c>
      <c r="T1415">
        <v>32081.851760000001</v>
      </c>
      <c r="U1415">
        <v>17046.14644</v>
      </c>
      <c r="W1415" s="83">
        <f>Bühler!N1447</f>
        <v>45350.874999996573</v>
      </c>
      <c r="X1415" s="83">
        <v>43159.875</v>
      </c>
      <c r="Y1415">
        <v>249150.61739999999</v>
      </c>
      <c r="Z1415">
        <v>18331.350409999999</v>
      </c>
      <c r="AA1415">
        <v>49291.835879999999</v>
      </c>
      <c r="AB1415">
        <v>44659.486830000002</v>
      </c>
      <c r="AC1415">
        <v>41700.549400000004</v>
      </c>
      <c r="AD1415">
        <v>29441.554940000002</v>
      </c>
      <c r="AE1415">
        <v>35240.587249999997</v>
      </c>
      <c r="AF1415">
        <v>53005.471250000002</v>
      </c>
      <c r="AG1415">
        <v>27892.795119999999</v>
      </c>
      <c r="AH1415">
        <v>290050.57280000002</v>
      </c>
      <c r="AI1415">
        <v>82760.044439999998</v>
      </c>
      <c r="AJ1415">
        <v>23778.799599999998</v>
      </c>
      <c r="AK1415">
        <v>41941.642010000003</v>
      </c>
      <c r="AL1415">
        <v>81905.563569999998</v>
      </c>
      <c r="AM1415">
        <v>21362.049449999999</v>
      </c>
      <c r="AN1415">
        <v>78660.068450000006</v>
      </c>
      <c r="AO1415">
        <v>32081.851760000001</v>
      </c>
      <c r="AP1415">
        <v>17046.14644</v>
      </c>
    </row>
    <row r="1416" spans="2:42" x14ac:dyDescent="0.3">
      <c r="B1416">
        <v>56.554560030576198</v>
      </c>
      <c r="C1416" s="83">
        <v>43159.916666666664</v>
      </c>
      <c r="D1416">
        <v>246993.4737</v>
      </c>
      <c r="E1416">
        <v>17657.216810000002</v>
      </c>
      <c r="F1416">
        <v>46973.929770000002</v>
      </c>
      <c r="G1416">
        <v>43332.665260000002</v>
      </c>
      <c r="H1416">
        <v>41331.100830000003</v>
      </c>
      <c r="I1416">
        <v>28592.095239999999</v>
      </c>
      <c r="J1416">
        <v>34046.581400000003</v>
      </c>
      <c r="K1416">
        <v>54518.109049999999</v>
      </c>
      <c r="L1416">
        <v>24955.02464</v>
      </c>
      <c r="M1416">
        <v>288341.5208</v>
      </c>
      <c r="N1416">
        <v>82414.6731</v>
      </c>
      <c r="O1416">
        <v>24825.253049999999</v>
      </c>
      <c r="P1416">
        <v>43914.668380000003</v>
      </c>
      <c r="Q1416">
        <v>81472.07243</v>
      </c>
      <c r="R1416">
        <v>30047.217390000002</v>
      </c>
      <c r="S1416">
        <v>77746.102629999994</v>
      </c>
      <c r="T1416">
        <v>28757.164479999999</v>
      </c>
      <c r="U1416">
        <v>18869.13737</v>
      </c>
      <c r="W1416" s="83">
        <f>Bühler!N1448</f>
        <v>45350.916666663237</v>
      </c>
      <c r="X1416" s="83">
        <v>43159.916666666664</v>
      </c>
      <c r="Y1416">
        <v>246993.4737</v>
      </c>
      <c r="Z1416">
        <v>17657.216810000002</v>
      </c>
      <c r="AA1416">
        <v>46973.929770000002</v>
      </c>
      <c r="AB1416">
        <v>43332.665260000002</v>
      </c>
      <c r="AC1416">
        <v>41331.100830000003</v>
      </c>
      <c r="AD1416">
        <v>28592.095239999999</v>
      </c>
      <c r="AE1416">
        <v>34046.581400000003</v>
      </c>
      <c r="AF1416">
        <v>54518.109049999999</v>
      </c>
      <c r="AG1416">
        <v>24955.02464</v>
      </c>
      <c r="AH1416">
        <v>288341.5208</v>
      </c>
      <c r="AI1416">
        <v>82414.6731</v>
      </c>
      <c r="AJ1416">
        <v>24825.253049999999</v>
      </c>
      <c r="AK1416">
        <v>43914.668380000003</v>
      </c>
      <c r="AL1416">
        <v>81472.07243</v>
      </c>
      <c r="AM1416">
        <v>30047.217390000002</v>
      </c>
      <c r="AN1416">
        <v>77746.102629999994</v>
      </c>
      <c r="AO1416">
        <v>28757.164479999999</v>
      </c>
      <c r="AP1416">
        <v>18869.13737</v>
      </c>
    </row>
    <row r="1417" spans="2:42" x14ac:dyDescent="0.3">
      <c r="B1417">
        <v>56.260761974546384</v>
      </c>
      <c r="C1417" s="83">
        <v>43159.958333333336</v>
      </c>
      <c r="D1417">
        <v>247930.2818</v>
      </c>
      <c r="E1417">
        <v>17022.057669999998</v>
      </c>
      <c r="F1417">
        <v>45835.930970000001</v>
      </c>
      <c r="G1417">
        <v>42805.210370000001</v>
      </c>
      <c r="H1417">
        <v>40467.559650000003</v>
      </c>
      <c r="I1417">
        <v>26761.006799999999</v>
      </c>
      <c r="J1417">
        <v>31726.885910000001</v>
      </c>
      <c r="K1417">
        <v>54502.896809999998</v>
      </c>
      <c r="L1417">
        <v>21820.745999999999</v>
      </c>
      <c r="M1417">
        <v>286843.60129999998</v>
      </c>
      <c r="N1417">
        <v>82200.990080000003</v>
      </c>
      <c r="O1417">
        <v>24666.88695</v>
      </c>
      <c r="P1417">
        <v>39359.860070000002</v>
      </c>
      <c r="Q1417">
        <v>81662.975600000005</v>
      </c>
      <c r="R1417">
        <v>32047.85656</v>
      </c>
      <c r="S1417">
        <v>76312.865460000001</v>
      </c>
      <c r="T1417">
        <v>29374.806280000001</v>
      </c>
      <c r="U1417">
        <v>18145.97033</v>
      </c>
      <c r="W1417" s="83">
        <f>Bühler!N1449</f>
        <v>45350.958333329902</v>
      </c>
      <c r="X1417" s="83">
        <v>43159.958333333336</v>
      </c>
      <c r="Y1417">
        <v>247930.2818</v>
      </c>
      <c r="Z1417">
        <v>17022.057669999998</v>
      </c>
      <c r="AA1417">
        <v>45835.930970000001</v>
      </c>
      <c r="AB1417">
        <v>42805.210370000001</v>
      </c>
      <c r="AC1417">
        <v>40467.559650000003</v>
      </c>
      <c r="AD1417">
        <v>26761.006799999999</v>
      </c>
      <c r="AE1417">
        <v>31726.885910000001</v>
      </c>
      <c r="AF1417">
        <v>54502.896809999998</v>
      </c>
      <c r="AG1417">
        <v>21820.745999999999</v>
      </c>
      <c r="AH1417">
        <v>286843.60129999998</v>
      </c>
      <c r="AI1417">
        <v>82200.990080000003</v>
      </c>
      <c r="AJ1417">
        <v>24666.88695</v>
      </c>
      <c r="AK1417">
        <v>39359.860070000002</v>
      </c>
      <c r="AL1417">
        <v>81662.975600000005</v>
      </c>
      <c r="AM1417">
        <v>32047.85656</v>
      </c>
      <c r="AN1417">
        <v>76312.865460000001</v>
      </c>
      <c r="AO1417">
        <v>29374.806280000001</v>
      </c>
      <c r="AP1417">
        <v>18145.97033</v>
      </c>
    </row>
    <row r="1418" spans="2:42" x14ac:dyDescent="0.3">
      <c r="B1418">
        <v>55.832499345443196</v>
      </c>
      <c r="C1418" s="83">
        <v>43160</v>
      </c>
      <c r="D1418">
        <v>246507.73939999999</v>
      </c>
      <c r="E1418">
        <v>16752.17713</v>
      </c>
      <c r="F1418">
        <v>45684.512990000003</v>
      </c>
      <c r="G1418">
        <v>42107.497159999999</v>
      </c>
      <c r="H1418">
        <v>39930.498930000002</v>
      </c>
      <c r="I1418">
        <v>24363.439460000001</v>
      </c>
      <c r="J1418">
        <v>29357.549800000001</v>
      </c>
      <c r="K1418">
        <v>52509.968099999998</v>
      </c>
      <c r="L1418">
        <v>19896.221369999999</v>
      </c>
      <c r="M1418">
        <v>284660.11869999999</v>
      </c>
      <c r="N1418">
        <v>81615.078999999998</v>
      </c>
      <c r="O1418">
        <v>24122.111819999998</v>
      </c>
      <c r="P1418">
        <v>36175.468500000003</v>
      </c>
      <c r="Q1418">
        <v>81025.764800000004</v>
      </c>
      <c r="R1418">
        <v>28457.540720000001</v>
      </c>
      <c r="S1418">
        <v>75095.132020000005</v>
      </c>
      <c r="T1418">
        <v>27578.838790000002</v>
      </c>
      <c r="U1418">
        <v>17913.542549999998</v>
      </c>
      <c r="W1418" s="83">
        <f>Bühler!N1450</f>
        <v>45350.999999996566</v>
      </c>
      <c r="X1418" s="83">
        <v>43160</v>
      </c>
      <c r="Y1418">
        <v>246507.73939999999</v>
      </c>
      <c r="Z1418">
        <v>16752.17713</v>
      </c>
      <c r="AA1418">
        <v>45684.512990000003</v>
      </c>
      <c r="AB1418">
        <v>42107.497159999999</v>
      </c>
      <c r="AC1418">
        <v>39930.498930000002</v>
      </c>
      <c r="AD1418">
        <v>24363.439460000001</v>
      </c>
      <c r="AE1418">
        <v>29357.549800000001</v>
      </c>
      <c r="AF1418">
        <v>52509.968099999998</v>
      </c>
      <c r="AG1418">
        <v>19896.221369999999</v>
      </c>
      <c r="AH1418">
        <v>284660.11869999999</v>
      </c>
      <c r="AI1418">
        <v>81615.078999999998</v>
      </c>
      <c r="AJ1418">
        <v>24122.111819999998</v>
      </c>
      <c r="AK1418">
        <v>36175.468500000003</v>
      </c>
      <c r="AL1418">
        <v>81025.764800000004</v>
      </c>
      <c r="AM1418">
        <v>28457.540720000001</v>
      </c>
      <c r="AN1418">
        <v>75095.132020000005</v>
      </c>
      <c r="AO1418">
        <v>27578.838790000002</v>
      </c>
      <c r="AP1418">
        <v>17913.542549999998</v>
      </c>
    </row>
    <row r="1419" spans="2:42" x14ac:dyDescent="0.3">
      <c r="B1419">
        <v>57.484501621243133</v>
      </c>
      <c r="C1419" s="83">
        <v>43160.041666666664</v>
      </c>
      <c r="D1419">
        <v>245777.56899999999</v>
      </c>
      <c r="E1419">
        <v>17281.202300000001</v>
      </c>
      <c r="F1419">
        <v>49618.349419999999</v>
      </c>
      <c r="G1419">
        <v>42171.968829999998</v>
      </c>
      <c r="H1419">
        <v>40622.525849999998</v>
      </c>
      <c r="I1419">
        <v>21522.177329999999</v>
      </c>
      <c r="J1419">
        <v>32856.985610000003</v>
      </c>
      <c r="K1419">
        <v>51093.2762</v>
      </c>
      <c r="L1419">
        <v>19710.915489999999</v>
      </c>
      <c r="M1419">
        <v>293082.79670000001</v>
      </c>
      <c r="N1419">
        <v>83418.949519999995</v>
      </c>
      <c r="O1419">
        <v>24354.293699999998</v>
      </c>
      <c r="P1419">
        <v>34260.183429999997</v>
      </c>
      <c r="Q1419">
        <v>81220.171910000005</v>
      </c>
      <c r="R1419">
        <v>26714.967120000001</v>
      </c>
      <c r="S1419">
        <v>79697.474440000005</v>
      </c>
      <c r="T1419">
        <v>27721.903200000001</v>
      </c>
      <c r="U1419">
        <v>18524.744439999999</v>
      </c>
      <c r="W1419" s="83">
        <f>Bühler!N1451</f>
        <v>45351.04166666323</v>
      </c>
      <c r="X1419" s="83">
        <v>43160.041666666664</v>
      </c>
      <c r="Y1419">
        <v>245777.56899999999</v>
      </c>
      <c r="Z1419">
        <v>17281.202300000001</v>
      </c>
      <c r="AA1419">
        <v>49618.349419999999</v>
      </c>
      <c r="AB1419">
        <v>42171.968829999998</v>
      </c>
      <c r="AC1419">
        <v>40622.525849999998</v>
      </c>
      <c r="AD1419">
        <v>21522.177329999999</v>
      </c>
      <c r="AE1419">
        <v>32856.985610000003</v>
      </c>
      <c r="AF1419">
        <v>51093.2762</v>
      </c>
      <c r="AG1419">
        <v>19710.915489999999</v>
      </c>
      <c r="AH1419">
        <v>293082.79670000001</v>
      </c>
      <c r="AI1419">
        <v>83418.949519999995</v>
      </c>
      <c r="AJ1419">
        <v>24354.293699999998</v>
      </c>
      <c r="AK1419">
        <v>34260.183429999997</v>
      </c>
      <c r="AL1419">
        <v>81220.171910000005</v>
      </c>
      <c r="AM1419">
        <v>26714.967120000001</v>
      </c>
      <c r="AN1419">
        <v>79697.474440000005</v>
      </c>
      <c r="AO1419">
        <v>27721.903200000001</v>
      </c>
      <c r="AP1419">
        <v>18524.744439999999</v>
      </c>
    </row>
    <row r="1420" spans="2:42" x14ac:dyDescent="0.3">
      <c r="B1420">
        <v>58.135961840303047</v>
      </c>
      <c r="C1420" s="83">
        <v>43160.083333333336</v>
      </c>
      <c r="D1420">
        <v>248205.88020000001</v>
      </c>
      <c r="E1420">
        <v>17445.257969999999</v>
      </c>
      <c r="F1420">
        <v>50882.698779999999</v>
      </c>
      <c r="G1420">
        <v>41922.376709999997</v>
      </c>
      <c r="H1420">
        <v>40426.994189999998</v>
      </c>
      <c r="I1420">
        <v>19821.516619999999</v>
      </c>
      <c r="J1420">
        <v>33435.54651</v>
      </c>
      <c r="K1420">
        <v>50338.593820000002</v>
      </c>
      <c r="L1420">
        <v>18804.620269999999</v>
      </c>
      <c r="M1420">
        <v>296404.24469999998</v>
      </c>
      <c r="N1420">
        <v>82852.147339999996</v>
      </c>
      <c r="O1420">
        <v>23951.758949999999</v>
      </c>
      <c r="P1420">
        <v>33343.98184</v>
      </c>
      <c r="Q1420">
        <v>83792.642110000001</v>
      </c>
      <c r="R1420">
        <v>27664.949840000001</v>
      </c>
      <c r="S1420">
        <v>81477.204769999997</v>
      </c>
      <c r="T1420">
        <v>27181.060549999998</v>
      </c>
      <c r="U1420">
        <v>18956.369709999999</v>
      </c>
      <c r="W1420" s="83">
        <f>Bühler!N1452</f>
        <v>45351.083333329894</v>
      </c>
      <c r="X1420" s="83">
        <v>43160.083333333336</v>
      </c>
      <c r="Y1420">
        <v>248205.88020000001</v>
      </c>
      <c r="Z1420">
        <v>17445.257969999999</v>
      </c>
      <c r="AA1420">
        <v>50882.698779999999</v>
      </c>
      <c r="AB1420">
        <v>41922.376709999997</v>
      </c>
      <c r="AC1420">
        <v>40426.994189999998</v>
      </c>
      <c r="AD1420">
        <v>19821.516619999999</v>
      </c>
      <c r="AE1420">
        <v>33435.54651</v>
      </c>
      <c r="AF1420">
        <v>50338.593820000002</v>
      </c>
      <c r="AG1420">
        <v>18804.620269999999</v>
      </c>
      <c r="AH1420">
        <v>296404.24469999998</v>
      </c>
      <c r="AI1420">
        <v>82852.147339999996</v>
      </c>
      <c r="AJ1420">
        <v>23951.758949999999</v>
      </c>
      <c r="AK1420">
        <v>33343.98184</v>
      </c>
      <c r="AL1420">
        <v>83792.642110000001</v>
      </c>
      <c r="AM1420">
        <v>27664.949840000001</v>
      </c>
      <c r="AN1420">
        <v>81477.204769999997</v>
      </c>
      <c r="AO1420">
        <v>27181.060549999998</v>
      </c>
      <c r="AP1420">
        <v>18956.369709999999</v>
      </c>
    </row>
    <row r="1421" spans="2:42" x14ac:dyDescent="0.3">
      <c r="B1421">
        <v>58.026367295096016</v>
      </c>
      <c r="C1421" s="83">
        <v>43160.125</v>
      </c>
      <c r="D1421">
        <v>249527.26430000001</v>
      </c>
      <c r="E1421">
        <v>17588.954860000002</v>
      </c>
      <c r="F1421">
        <v>52664.285490000002</v>
      </c>
      <c r="G1421">
        <v>41079.988649999999</v>
      </c>
      <c r="H1421">
        <v>40006.551050000002</v>
      </c>
      <c r="I1421">
        <v>19774.864679999999</v>
      </c>
      <c r="J1421">
        <v>33819.576070000003</v>
      </c>
      <c r="K1421">
        <v>48866.855810000001</v>
      </c>
      <c r="L1421">
        <v>18393.470170000001</v>
      </c>
      <c r="M1421">
        <v>295845.48060000001</v>
      </c>
      <c r="N1421">
        <v>82002.890620000006</v>
      </c>
      <c r="O1421">
        <v>23868.90725</v>
      </c>
      <c r="P1421">
        <v>34052.510280000002</v>
      </c>
      <c r="Q1421">
        <v>86365.502829999998</v>
      </c>
      <c r="R1421">
        <v>27277.508259999999</v>
      </c>
      <c r="S1421">
        <v>80470.362540000002</v>
      </c>
      <c r="T1421">
        <v>27778.478780000001</v>
      </c>
      <c r="U1421">
        <v>19202.810310000001</v>
      </c>
      <c r="W1421" s="83">
        <f>Bühler!N1453</f>
        <v>45351.124999996558</v>
      </c>
      <c r="X1421" s="83">
        <v>43160.125</v>
      </c>
      <c r="Y1421">
        <v>249527.26430000001</v>
      </c>
      <c r="Z1421">
        <v>17588.954860000002</v>
      </c>
      <c r="AA1421">
        <v>52664.285490000002</v>
      </c>
      <c r="AB1421">
        <v>41079.988649999999</v>
      </c>
      <c r="AC1421">
        <v>40006.551050000002</v>
      </c>
      <c r="AD1421">
        <v>19774.864679999999</v>
      </c>
      <c r="AE1421">
        <v>33819.576070000003</v>
      </c>
      <c r="AF1421">
        <v>48866.855810000001</v>
      </c>
      <c r="AG1421">
        <v>18393.470170000001</v>
      </c>
      <c r="AH1421">
        <v>295845.48060000001</v>
      </c>
      <c r="AI1421">
        <v>82002.890620000006</v>
      </c>
      <c r="AJ1421">
        <v>23868.90725</v>
      </c>
      <c r="AK1421">
        <v>34052.510280000002</v>
      </c>
      <c r="AL1421">
        <v>86365.502829999998</v>
      </c>
      <c r="AM1421">
        <v>27277.508259999999</v>
      </c>
      <c r="AN1421">
        <v>80470.362540000002</v>
      </c>
      <c r="AO1421">
        <v>27778.478780000001</v>
      </c>
      <c r="AP1421">
        <v>19202.810310000001</v>
      </c>
    </row>
    <row r="1422" spans="2:42" x14ac:dyDescent="0.3">
      <c r="B1422">
        <v>59.083654396442725</v>
      </c>
      <c r="C1422" s="83">
        <v>43160.166666666664</v>
      </c>
      <c r="D1422">
        <v>251846.8909</v>
      </c>
      <c r="E1422">
        <v>18168.74785</v>
      </c>
      <c r="F1422">
        <v>56410.119050000001</v>
      </c>
      <c r="G1422">
        <v>41154.89256</v>
      </c>
      <c r="H1422">
        <v>41547.612139999997</v>
      </c>
      <c r="I1422">
        <v>22412.7382</v>
      </c>
      <c r="J1422">
        <v>36118.815730000002</v>
      </c>
      <c r="K1422">
        <v>47084.444020000003</v>
      </c>
      <c r="L1422">
        <v>18871.97164</v>
      </c>
      <c r="M1422">
        <v>301236.0233</v>
      </c>
      <c r="N1422">
        <v>81270.826820000002</v>
      </c>
      <c r="O1422">
        <v>24350.921750000001</v>
      </c>
      <c r="P1422">
        <v>32782.630700000002</v>
      </c>
      <c r="Q1422">
        <v>90045.443580000006</v>
      </c>
      <c r="R1422">
        <v>27547.503489999999</v>
      </c>
      <c r="S1422">
        <v>81544.082200000004</v>
      </c>
      <c r="T1422">
        <v>27024.121370000001</v>
      </c>
      <c r="U1422">
        <v>19760.752100000002</v>
      </c>
      <c r="W1422" s="83">
        <f>Bühler!N1454</f>
        <v>45351.166666663223</v>
      </c>
      <c r="X1422" s="83">
        <v>43160.166666666664</v>
      </c>
      <c r="Y1422">
        <v>251846.8909</v>
      </c>
      <c r="Z1422">
        <v>18168.74785</v>
      </c>
      <c r="AA1422">
        <v>56410.119050000001</v>
      </c>
      <c r="AB1422">
        <v>41154.89256</v>
      </c>
      <c r="AC1422">
        <v>41547.612139999997</v>
      </c>
      <c r="AD1422">
        <v>22412.7382</v>
      </c>
      <c r="AE1422">
        <v>36118.815730000002</v>
      </c>
      <c r="AF1422">
        <v>47084.444020000003</v>
      </c>
      <c r="AG1422">
        <v>18871.97164</v>
      </c>
      <c r="AH1422">
        <v>301236.0233</v>
      </c>
      <c r="AI1422">
        <v>81270.826820000002</v>
      </c>
      <c r="AJ1422">
        <v>24350.921750000001</v>
      </c>
      <c r="AK1422">
        <v>32782.630700000002</v>
      </c>
      <c r="AL1422">
        <v>90045.443580000006</v>
      </c>
      <c r="AM1422">
        <v>27547.503489999999</v>
      </c>
      <c r="AN1422">
        <v>81544.082200000004</v>
      </c>
      <c r="AO1422">
        <v>27024.121370000001</v>
      </c>
      <c r="AP1422">
        <v>19760.752100000002</v>
      </c>
    </row>
    <row r="1423" spans="2:42" x14ac:dyDescent="0.3">
      <c r="B1423">
        <v>62.446984945256879</v>
      </c>
      <c r="C1423" s="83">
        <v>43160.208333333336</v>
      </c>
      <c r="D1423">
        <v>269006.58179999999</v>
      </c>
      <c r="E1423">
        <v>20221.369569999999</v>
      </c>
      <c r="F1423">
        <v>66713.049679999996</v>
      </c>
      <c r="G1423">
        <v>43632.120320000002</v>
      </c>
      <c r="H1423">
        <v>43485.132339999996</v>
      </c>
      <c r="I1423">
        <v>30767.579430000002</v>
      </c>
      <c r="J1423">
        <v>39451.36709</v>
      </c>
      <c r="K1423">
        <v>47508.575149999997</v>
      </c>
      <c r="L1423">
        <v>19496.306690000001</v>
      </c>
      <c r="M1423">
        <v>318383.85090000002</v>
      </c>
      <c r="N1423">
        <v>82520.264110000004</v>
      </c>
      <c r="O1423">
        <v>24932.794839999999</v>
      </c>
      <c r="P1423">
        <v>33135.019820000001</v>
      </c>
      <c r="Q1423">
        <v>92174.135999999999</v>
      </c>
      <c r="R1423">
        <v>29737.554339999999</v>
      </c>
      <c r="S1423">
        <v>84100.197310000003</v>
      </c>
      <c r="T1423">
        <v>28489.283319999999</v>
      </c>
      <c r="U1423">
        <v>21157.006119999998</v>
      </c>
      <c r="W1423" s="83">
        <f>Bühler!N1455</f>
        <v>45351.208333329887</v>
      </c>
      <c r="X1423" s="83">
        <v>43160.208333333336</v>
      </c>
      <c r="Y1423">
        <v>269006.58179999999</v>
      </c>
      <c r="Z1423">
        <v>20221.369569999999</v>
      </c>
      <c r="AA1423">
        <v>66713.049679999996</v>
      </c>
      <c r="AB1423">
        <v>43632.120320000002</v>
      </c>
      <c r="AC1423">
        <v>43485.132339999996</v>
      </c>
      <c r="AD1423">
        <v>30767.579430000002</v>
      </c>
      <c r="AE1423">
        <v>39451.36709</v>
      </c>
      <c r="AF1423">
        <v>47508.575149999997</v>
      </c>
      <c r="AG1423">
        <v>19496.306690000001</v>
      </c>
      <c r="AH1423">
        <v>318383.85090000002</v>
      </c>
      <c r="AI1423">
        <v>82520.264110000004</v>
      </c>
      <c r="AJ1423">
        <v>24932.794839999999</v>
      </c>
      <c r="AK1423">
        <v>33135.019820000001</v>
      </c>
      <c r="AL1423">
        <v>92174.135999999999</v>
      </c>
      <c r="AM1423">
        <v>29737.554339999999</v>
      </c>
      <c r="AN1423">
        <v>84100.197310000003</v>
      </c>
      <c r="AO1423">
        <v>28489.283319999999</v>
      </c>
      <c r="AP1423">
        <v>21157.006119999998</v>
      </c>
    </row>
    <row r="1424" spans="2:42" x14ac:dyDescent="0.3">
      <c r="B1424">
        <v>66.600592163516396</v>
      </c>
      <c r="C1424" s="83">
        <v>43160.25</v>
      </c>
      <c r="D1424">
        <v>285268.35350000003</v>
      </c>
      <c r="E1424">
        <v>24419.531620000002</v>
      </c>
      <c r="F1424">
        <v>79292.763300000006</v>
      </c>
      <c r="G1424">
        <v>51458.669860000002</v>
      </c>
      <c r="H1424">
        <v>47157.420120000002</v>
      </c>
      <c r="I1424">
        <v>38883.24224</v>
      </c>
      <c r="J1424">
        <v>43260.186450000001</v>
      </c>
      <c r="K1424">
        <v>51055.419159999998</v>
      </c>
      <c r="L1424">
        <v>21019.198280000001</v>
      </c>
      <c r="M1424">
        <v>339560.8775</v>
      </c>
      <c r="N1424">
        <v>86235.490120000002</v>
      </c>
      <c r="O1424">
        <v>25853.916860000001</v>
      </c>
      <c r="P1424">
        <v>33509.770129999997</v>
      </c>
      <c r="Q1424">
        <v>94010.945640000005</v>
      </c>
      <c r="R1424">
        <v>22458.93462</v>
      </c>
      <c r="S1424">
        <v>93326.239079999999</v>
      </c>
      <c r="T1424">
        <v>30573.023860000001</v>
      </c>
      <c r="U1424">
        <v>22632.080379999999</v>
      </c>
      <c r="W1424" s="83">
        <f>Bühler!N1456</f>
        <v>45351.249999996551</v>
      </c>
      <c r="X1424" s="83">
        <v>43160.25</v>
      </c>
      <c r="Y1424">
        <v>285268.35350000003</v>
      </c>
      <c r="Z1424">
        <v>24419.531620000002</v>
      </c>
      <c r="AA1424">
        <v>79292.763300000006</v>
      </c>
      <c r="AB1424">
        <v>51458.669860000002</v>
      </c>
      <c r="AC1424">
        <v>47157.420120000002</v>
      </c>
      <c r="AD1424">
        <v>38883.24224</v>
      </c>
      <c r="AE1424">
        <v>43260.186450000001</v>
      </c>
      <c r="AF1424">
        <v>51055.419159999998</v>
      </c>
      <c r="AG1424">
        <v>21019.198280000001</v>
      </c>
      <c r="AH1424">
        <v>339560.8775</v>
      </c>
      <c r="AI1424">
        <v>86235.490120000002</v>
      </c>
      <c r="AJ1424">
        <v>25853.916860000001</v>
      </c>
      <c r="AK1424">
        <v>33509.770129999997</v>
      </c>
      <c r="AL1424">
        <v>94010.945640000005</v>
      </c>
      <c r="AM1424">
        <v>22458.93462</v>
      </c>
      <c r="AN1424">
        <v>93326.239079999999</v>
      </c>
      <c r="AO1424">
        <v>30573.023860000001</v>
      </c>
      <c r="AP1424">
        <v>22632.080379999999</v>
      </c>
    </row>
    <row r="1425" spans="2:42" x14ac:dyDescent="0.3">
      <c r="B1425">
        <v>68.010931551427703</v>
      </c>
      <c r="C1425" s="83">
        <v>43160.291666666664</v>
      </c>
      <c r="D1425">
        <v>299657.5281</v>
      </c>
      <c r="E1425">
        <v>29889.357349999998</v>
      </c>
      <c r="F1425">
        <v>83501.270239999998</v>
      </c>
      <c r="G1425">
        <v>62531.828300000001</v>
      </c>
      <c r="H1425">
        <v>52416.017509999998</v>
      </c>
      <c r="I1425">
        <v>47267.059379999999</v>
      </c>
      <c r="J1425">
        <v>45176.538280000001</v>
      </c>
      <c r="K1425">
        <v>55593.035060000002</v>
      </c>
      <c r="L1425">
        <v>24000.556489999999</v>
      </c>
      <c r="M1425">
        <v>346751.44540000003</v>
      </c>
      <c r="N1425">
        <v>91984.559039999993</v>
      </c>
      <c r="O1425">
        <v>28711.133730000001</v>
      </c>
      <c r="P1425">
        <v>37096.908320000002</v>
      </c>
      <c r="Q1425">
        <v>94607.617639999997</v>
      </c>
      <c r="R1425">
        <v>22572.517090000001</v>
      </c>
      <c r="S1425">
        <v>109442.7396</v>
      </c>
      <c r="T1425">
        <v>32165.24655</v>
      </c>
      <c r="U1425">
        <v>27370.44109</v>
      </c>
      <c r="W1425" s="83">
        <f>Bühler!N1457</f>
        <v>45351.291666663215</v>
      </c>
      <c r="X1425" s="83">
        <v>43160.291666666664</v>
      </c>
      <c r="Y1425">
        <v>299657.5281</v>
      </c>
      <c r="Z1425">
        <v>29889.357349999998</v>
      </c>
      <c r="AA1425">
        <v>83501.270239999998</v>
      </c>
      <c r="AB1425">
        <v>62531.828300000001</v>
      </c>
      <c r="AC1425">
        <v>52416.017509999998</v>
      </c>
      <c r="AD1425">
        <v>47267.059379999999</v>
      </c>
      <c r="AE1425">
        <v>45176.538280000001</v>
      </c>
      <c r="AF1425">
        <v>55593.035060000002</v>
      </c>
      <c r="AG1425">
        <v>24000.556489999999</v>
      </c>
      <c r="AH1425">
        <v>346751.44540000003</v>
      </c>
      <c r="AI1425">
        <v>91984.559039999993</v>
      </c>
      <c r="AJ1425">
        <v>28711.133730000001</v>
      </c>
      <c r="AK1425">
        <v>37096.908320000002</v>
      </c>
      <c r="AL1425">
        <v>94607.617639999997</v>
      </c>
      <c r="AM1425">
        <v>22572.517090000001</v>
      </c>
      <c r="AN1425">
        <v>109442.7396</v>
      </c>
      <c r="AO1425">
        <v>32165.24655</v>
      </c>
      <c r="AP1425">
        <v>27370.44109</v>
      </c>
    </row>
    <row r="1426" spans="2:42" x14ac:dyDescent="0.3">
      <c r="B1426">
        <v>68.185377990875779</v>
      </c>
      <c r="C1426" s="83">
        <v>43160.333333333336</v>
      </c>
      <c r="D1426">
        <v>309434.7598</v>
      </c>
      <c r="E1426">
        <v>35819.245130000003</v>
      </c>
      <c r="F1426">
        <v>88574.370420000007</v>
      </c>
      <c r="G1426">
        <v>71731.360119999998</v>
      </c>
      <c r="H1426">
        <v>56452.362050000003</v>
      </c>
      <c r="I1426">
        <v>50934.787640000002</v>
      </c>
      <c r="J1426">
        <v>46182.086479999998</v>
      </c>
      <c r="K1426">
        <v>59424.25434</v>
      </c>
      <c r="L1426">
        <v>26879.431629999999</v>
      </c>
      <c r="M1426">
        <v>347640.85470000003</v>
      </c>
      <c r="N1426">
        <v>98219.28658</v>
      </c>
      <c r="O1426">
        <v>31162.527330000001</v>
      </c>
      <c r="P1426">
        <v>39968.956559999999</v>
      </c>
      <c r="Q1426">
        <v>94827.514980000007</v>
      </c>
      <c r="R1426">
        <v>25825.855309999999</v>
      </c>
      <c r="S1426">
        <v>120215.5975</v>
      </c>
      <c r="T1426">
        <v>35480.223989999999</v>
      </c>
      <c r="U1426">
        <v>30267.401010000001</v>
      </c>
      <c r="W1426" s="83">
        <f>Bühler!N1458</f>
        <v>45351.33333332988</v>
      </c>
      <c r="X1426" s="83">
        <v>43160.333333333336</v>
      </c>
      <c r="Y1426">
        <v>309434.7598</v>
      </c>
      <c r="Z1426">
        <v>35819.245130000003</v>
      </c>
      <c r="AA1426">
        <v>88574.370420000007</v>
      </c>
      <c r="AB1426">
        <v>71731.360119999998</v>
      </c>
      <c r="AC1426">
        <v>56452.362050000003</v>
      </c>
      <c r="AD1426">
        <v>50934.787640000002</v>
      </c>
      <c r="AE1426">
        <v>46182.086479999998</v>
      </c>
      <c r="AF1426">
        <v>59424.25434</v>
      </c>
      <c r="AG1426">
        <v>26879.431629999999</v>
      </c>
      <c r="AH1426">
        <v>347640.85470000003</v>
      </c>
      <c r="AI1426">
        <v>98219.28658</v>
      </c>
      <c r="AJ1426">
        <v>31162.527330000001</v>
      </c>
      <c r="AK1426">
        <v>39968.956559999999</v>
      </c>
      <c r="AL1426">
        <v>94827.514980000007</v>
      </c>
      <c r="AM1426">
        <v>25825.855309999999</v>
      </c>
      <c r="AN1426">
        <v>120215.5975</v>
      </c>
      <c r="AO1426">
        <v>35480.223989999999</v>
      </c>
      <c r="AP1426">
        <v>30267.401010000001</v>
      </c>
    </row>
    <row r="1427" spans="2:42" x14ac:dyDescent="0.3">
      <c r="B1427">
        <v>67.03387881323323</v>
      </c>
      <c r="C1427" s="83">
        <v>43160.375</v>
      </c>
      <c r="D1427">
        <v>311362.88</v>
      </c>
      <c r="E1427">
        <v>39820.850630000001</v>
      </c>
      <c r="F1427">
        <v>94672.568450000006</v>
      </c>
      <c r="G1427">
        <v>77322.065149999995</v>
      </c>
      <c r="H1427">
        <v>58593.667500000003</v>
      </c>
      <c r="I1427">
        <v>47734.640659999997</v>
      </c>
      <c r="J1427">
        <v>45393.997660000001</v>
      </c>
      <c r="K1427">
        <v>58210.845500000003</v>
      </c>
      <c r="L1427">
        <v>30125.267390000001</v>
      </c>
      <c r="M1427">
        <v>341769.97489999997</v>
      </c>
      <c r="N1427">
        <v>107147.6263</v>
      </c>
      <c r="O1427">
        <v>31383.83655</v>
      </c>
      <c r="P1427">
        <v>40794.362359999999</v>
      </c>
      <c r="Q1427">
        <v>95146.394950000002</v>
      </c>
      <c r="R1427">
        <v>24882.877369999998</v>
      </c>
      <c r="S1427">
        <v>126671.8596</v>
      </c>
      <c r="T1427">
        <v>37813.261409999999</v>
      </c>
      <c r="U1427">
        <v>29552.402770000001</v>
      </c>
      <c r="W1427" s="83">
        <f>Bühler!N1459</f>
        <v>45351.374999996544</v>
      </c>
      <c r="X1427" s="83">
        <v>43160.375</v>
      </c>
      <c r="Y1427">
        <v>311362.88</v>
      </c>
      <c r="Z1427">
        <v>39820.850630000001</v>
      </c>
      <c r="AA1427">
        <v>94672.568450000006</v>
      </c>
      <c r="AB1427">
        <v>77322.065149999995</v>
      </c>
      <c r="AC1427">
        <v>58593.667500000003</v>
      </c>
      <c r="AD1427">
        <v>47734.640659999997</v>
      </c>
      <c r="AE1427">
        <v>45393.997660000001</v>
      </c>
      <c r="AF1427">
        <v>58210.845500000003</v>
      </c>
      <c r="AG1427">
        <v>30125.267390000001</v>
      </c>
      <c r="AH1427">
        <v>341769.97489999997</v>
      </c>
      <c r="AI1427">
        <v>107147.6263</v>
      </c>
      <c r="AJ1427">
        <v>31383.83655</v>
      </c>
      <c r="AK1427">
        <v>40794.362359999999</v>
      </c>
      <c r="AL1427">
        <v>95146.394950000002</v>
      </c>
      <c r="AM1427">
        <v>24882.877369999998</v>
      </c>
      <c r="AN1427">
        <v>126671.8596</v>
      </c>
      <c r="AO1427">
        <v>37813.261409999999</v>
      </c>
      <c r="AP1427">
        <v>29552.402770000001</v>
      </c>
    </row>
    <row r="1428" spans="2:42" x14ac:dyDescent="0.3">
      <c r="B1428">
        <v>68.280622259922708</v>
      </c>
      <c r="C1428" s="83">
        <v>43160.416666666664</v>
      </c>
      <c r="D1428">
        <v>312161.11949999997</v>
      </c>
      <c r="E1428">
        <v>41259.979639999998</v>
      </c>
      <c r="F1428">
        <v>95297.409169999999</v>
      </c>
      <c r="G1428">
        <v>78916.498319999999</v>
      </c>
      <c r="H1428">
        <v>58918.617660000004</v>
      </c>
      <c r="I1428">
        <v>44826.841769999999</v>
      </c>
      <c r="J1428">
        <v>44357.521639999999</v>
      </c>
      <c r="K1428">
        <v>60356.362280000001</v>
      </c>
      <c r="L1428">
        <v>32864.283069999998</v>
      </c>
      <c r="M1428">
        <v>348126.45439999999</v>
      </c>
      <c r="N1428">
        <v>110918.1651</v>
      </c>
      <c r="O1428">
        <v>31344.62988</v>
      </c>
      <c r="P1428">
        <v>41587.305650000002</v>
      </c>
      <c r="Q1428">
        <v>94319.572920000006</v>
      </c>
      <c r="R1428">
        <v>25320.127680000001</v>
      </c>
      <c r="S1428">
        <v>127483.99709999999</v>
      </c>
      <c r="T1428">
        <v>39439.138599999998</v>
      </c>
      <c r="U1428">
        <v>28835.024509999999</v>
      </c>
      <c r="W1428" s="83">
        <f>Bühler!N1460</f>
        <v>45351.416666663208</v>
      </c>
      <c r="X1428" s="83">
        <v>43160.416666666664</v>
      </c>
      <c r="Y1428">
        <v>312161.11949999997</v>
      </c>
      <c r="Z1428">
        <v>41259.979639999998</v>
      </c>
      <c r="AA1428">
        <v>95297.409169999999</v>
      </c>
      <c r="AB1428">
        <v>78916.498319999999</v>
      </c>
      <c r="AC1428">
        <v>58918.617660000004</v>
      </c>
      <c r="AD1428">
        <v>44826.841769999999</v>
      </c>
      <c r="AE1428">
        <v>44357.521639999999</v>
      </c>
      <c r="AF1428">
        <v>60356.362280000001</v>
      </c>
      <c r="AG1428">
        <v>32864.283069999998</v>
      </c>
      <c r="AH1428">
        <v>348126.45439999999</v>
      </c>
      <c r="AI1428">
        <v>110918.1651</v>
      </c>
      <c r="AJ1428">
        <v>31344.62988</v>
      </c>
      <c r="AK1428">
        <v>41587.305650000002</v>
      </c>
      <c r="AL1428">
        <v>94319.572920000006</v>
      </c>
      <c r="AM1428">
        <v>25320.127680000001</v>
      </c>
      <c r="AN1428">
        <v>127483.99709999999</v>
      </c>
      <c r="AO1428">
        <v>39439.138599999998</v>
      </c>
      <c r="AP1428">
        <v>28835.024509999999</v>
      </c>
    </row>
    <row r="1429" spans="2:42" x14ac:dyDescent="0.3">
      <c r="B1429">
        <v>69.00647516387275</v>
      </c>
      <c r="C1429" s="83">
        <v>43160.458333333336</v>
      </c>
      <c r="D1429">
        <v>309568.0134</v>
      </c>
      <c r="E1429">
        <v>40968.103909999998</v>
      </c>
      <c r="F1429">
        <v>97629.799939999997</v>
      </c>
      <c r="G1429">
        <v>76674.09</v>
      </c>
      <c r="H1429">
        <v>58421.80992</v>
      </c>
      <c r="I1429">
        <v>43960.727729999999</v>
      </c>
      <c r="J1429">
        <v>43624.881710000001</v>
      </c>
      <c r="K1429">
        <v>65883.391470000002</v>
      </c>
      <c r="L1429">
        <v>34401.295960000003</v>
      </c>
      <c r="M1429">
        <v>351827.19099999999</v>
      </c>
      <c r="N1429">
        <v>110392.98420000001</v>
      </c>
      <c r="O1429">
        <v>31466.597280000002</v>
      </c>
      <c r="P1429">
        <v>40826.91128</v>
      </c>
      <c r="Q1429">
        <v>95033.233129999993</v>
      </c>
      <c r="R1429">
        <v>29309.37602</v>
      </c>
      <c r="S1429">
        <v>128155.7228</v>
      </c>
      <c r="T1429">
        <v>39630.126060000002</v>
      </c>
      <c r="U1429">
        <v>28901.656429999999</v>
      </c>
      <c r="W1429" s="83">
        <f>Bühler!N1461</f>
        <v>45351.458333329872</v>
      </c>
      <c r="X1429" s="83">
        <v>43160.458333333336</v>
      </c>
      <c r="Y1429">
        <v>309568.0134</v>
      </c>
      <c r="Z1429">
        <v>40968.103909999998</v>
      </c>
      <c r="AA1429">
        <v>97629.799939999997</v>
      </c>
      <c r="AB1429">
        <v>76674.09</v>
      </c>
      <c r="AC1429">
        <v>58421.80992</v>
      </c>
      <c r="AD1429">
        <v>43960.727729999999</v>
      </c>
      <c r="AE1429">
        <v>43624.881710000001</v>
      </c>
      <c r="AF1429">
        <v>65883.391470000002</v>
      </c>
      <c r="AG1429">
        <v>34401.295960000003</v>
      </c>
      <c r="AH1429">
        <v>351827.19099999999</v>
      </c>
      <c r="AI1429">
        <v>110392.98420000001</v>
      </c>
      <c r="AJ1429">
        <v>31466.597280000002</v>
      </c>
      <c r="AK1429">
        <v>40826.91128</v>
      </c>
      <c r="AL1429">
        <v>95033.233129999993</v>
      </c>
      <c r="AM1429">
        <v>29309.37602</v>
      </c>
      <c r="AN1429">
        <v>128155.7228</v>
      </c>
      <c r="AO1429">
        <v>39630.126060000002</v>
      </c>
      <c r="AP1429">
        <v>28901.656429999999</v>
      </c>
    </row>
    <row r="1430" spans="2:42" x14ac:dyDescent="0.3">
      <c r="B1430">
        <v>67.465780203241309</v>
      </c>
      <c r="C1430" s="83">
        <v>43160.5</v>
      </c>
      <c r="D1430">
        <v>296699.31920000003</v>
      </c>
      <c r="E1430">
        <v>36414.443500000001</v>
      </c>
      <c r="F1430">
        <v>94256.745920000001</v>
      </c>
      <c r="G1430">
        <v>74638.726769999994</v>
      </c>
      <c r="H1430">
        <v>55361.05704</v>
      </c>
      <c r="I1430">
        <v>42514.609149999997</v>
      </c>
      <c r="J1430">
        <v>43439.500160000003</v>
      </c>
      <c r="K1430">
        <v>62484.275399999999</v>
      </c>
      <c r="L1430">
        <v>36674.476609999998</v>
      </c>
      <c r="M1430">
        <v>343972.00959999999</v>
      </c>
      <c r="N1430">
        <v>105854.07060000001</v>
      </c>
      <c r="O1430">
        <v>29787.813610000001</v>
      </c>
      <c r="P1430">
        <v>41119.880660000003</v>
      </c>
      <c r="Q1430">
        <v>93812.454060000004</v>
      </c>
      <c r="R1430">
        <v>28210.042590000001</v>
      </c>
      <c r="S1430">
        <v>121036.6511</v>
      </c>
      <c r="T1430">
        <v>38945.053879999999</v>
      </c>
      <c r="U1430">
        <v>25454.078539999999</v>
      </c>
      <c r="W1430" s="83">
        <f>Bühler!N1462</f>
        <v>45351.499999996537</v>
      </c>
      <c r="X1430" s="83">
        <v>43160.5</v>
      </c>
      <c r="Y1430">
        <v>296699.31920000003</v>
      </c>
      <c r="Z1430">
        <v>36414.443500000001</v>
      </c>
      <c r="AA1430">
        <v>94256.745920000001</v>
      </c>
      <c r="AB1430">
        <v>74638.726769999994</v>
      </c>
      <c r="AC1430">
        <v>55361.05704</v>
      </c>
      <c r="AD1430">
        <v>42514.609149999997</v>
      </c>
      <c r="AE1430">
        <v>43439.500160000003</v>
      </c>
      <c r="AF1430">
        <v>62484.275399999999</v>
      </c>
      <c r="AG1430">
        <v>36674.476609999998</v>
      </c>
      <c r="AH1430">
        <v>343972.00959999999</v>
      </c>
      <c r="AI1430">
        <v>105854.07060000001</v>
      </c>
      <c r="AJ1430">
        <v>29787.813610000001</v>
      </c>
      <c r="AK1430">
        <v>41119.880660000003</v>
      </c>
      <c r="AL1430">
        <v>93812.454060000004</v>
      </c>
      <c r="AM1430">
        <v>28210.042590000001</v>
      </c>
      <c r="AN1430">
        <v>121036.6511</v>
      </c>
      <c r="AO1430">
        <v>38945.053879999999</v>
      </c>
      <c r="AP1430">
        <v>25454.078539999999</v>
      </c>
    </row>
    <row r="1431" spans="2:42" x14ac:dyDescent="0.3">
      <c r="B1431">
        <v>67.177961729688903</v>
      </c>
      <c r="C1431" s="83">
        <v>43160.541666666664</v>
      </c>
      <c r="D1431">
        <v>298072.56939999998</v>
      </c>
      <c r="E1431">
        <v>36106.268609999999</v>
      </c>
      <c r="F1431">
        <v>93437.152369999996</v>
      </c>
      <c r="G1431">
        <v>72991.81018</v>
      </c>
      <c r="H1431">
        <v>55856.672180000001</v>
      </c>
      <c r="I1431">
        <v>41235.747940000001</v>
      </c>
      <c r="J1431">
        <v>41953.437590000001</v>
      </c>
      <c r="K1431">
        <v>64564.189830000003</v>
      </c>
      <c r="L1431">
        <v>35376.27061</v>
      </c>
      <c r="M1431">
        <v>342504.57679999998</v>
      </c>
      <c r="N1431">
        <v>106361.79150000001</v>
      </c>
      <c r="O1431">
        <v>28748.772789999999</v>
      </c>
      <c r="P1431">
        <v>40352.464549999997</v>
      </c>
      <c r="Q1431">
        <v>92819.104479999995</v>
      </c>
      <c r="R1431">
        <v>27378.88855</v>
      </c>
      <c r="S1431">
        <v>119677.0096</v>
      </c>
      <c r="T1431">
        <v>38422.04247</v>
      </c>
      <c r="U1431">
        <v>27149.794989999999</v>
      </c>
      <c r="W1431" s="83">
        <f>Bühler!N1463</f>
        <v>45351.541666663201</v>
      </c>
      <c r="X1431" s="83">
        <v>43160.541666666664</v>
      </c>
      <c r="Y1431">
        <v>298072.56939999998</v>
      </c>
      <c r="Z1431">
        <v>36106.268609999999</v>
      </c>
      <c r="AA1431">
        <v>93437.152369999996</v>
      </c>
      <c r="AB1431">
        <v>72991.81018</v>
      </c>
      <c r="AC1431">
        <v>55856.672180000001</v>
      </c>
      <c r="AD1431">
        <v>41235.747940000001</v>
      </c>
      <c r="AE1431">
        <v>41953.437590000001</v>
      </c>
      <c r="AF1431">
        <v>64564.189830000003</v>
      </c>
      <c r="AG1431">
        <v>35376.27061</v>
      </c>
      <c r="AH1431">
        <v>342504.57679999998</v>
      </c>
      <c r="AI1431">
        <v>106361.79150000001</v>
      </c>
      <c r="AJ1431">
        <v>28748.772789999999</v>
      </c>
      <c r="AK1431">
        <v>40352.464549999997</v>
      </c>
      <c r="AL1431">
        <v>92819.104479999995</v>
      </c>
      <c r="AM1431">
        <v>27378.88855</v>
      </c>
      <c r="AN1431">
        <v>119677.0096</v>
      </c>
      <c r="AO1431">
        <v>38422.04247</v>
      </c>
      <c r="AP1431">
        <v>27149.794989999999</v>
      </c>
    </row>
    <row r="1432" spans="2:42" x14ac:dyDescent="0.3">
      <c r="B1432">
        <v>67.509543226282943</v>
      </c>
      <c r="C1432" s="83">
        <v>43160.583333333336</v>
      </c>
      <c r="D1432">
        <v>300326.72879999998</v>
      </c>
      <c r="E1432">
        <v>38914.581050000001</v>
      </c>
      <c r="F1432">
        <v>94812.936260000002</v>
      </c>
      <c r="G1432">
        <v>70931.137409999996</v>
      </c>
      <c r="H1432">
        <v>55361.411139999997</v>
      </c>
      <c r="I1432">
        <v>42063.032209999998</v>
      </c>
      <c r="J1432">
        <v>41527.271139999997</v>
      </c>
      <c r="K1432">
        <v>66424.30171</v>
      </c>
      <c r="L1432">
        <v>31333.21025</v>
      </c>
      <c r="M1432">
        <v>344195.13390000002</v>
      </c>
      <c r="N1432">
        <v>108470.037</v>
      </c>
      <c r="O1432">
        <v>28434.002039999999</v>
      </c>
      <c r="P1432">
        <v>36915.191650000001</v>
      </c>
      <c r="Q1432">
        <v>91930.899940000003</v>
      </c>
      <c r="R1432">
        <v>26647.524509999999</v>
      </c>
      <c r="S1432">
        <v>114974.5267</v>
      </c>
      <c r="T1432">
        <v>37565.241199999997</v>
      </c>
      <c r="U1432">
        <v>27415.826069999999</v>
      </c>
      <c r="W1432" s="83">
        <f>Bühler!N1464</f>
        <v>45351.583333329865</v>
      </c>
      <c r="X1432" s="83">
        <v>43160.583333333336</v>
      </c>
      <c r="Y1432">
        <v>300326.72879999998</v>
      </c>
      <c r="Z1432">
        <v>38914.581050000001</v>
      </c>
      <c r="AA1432">
        <v>94812.936260000002</v>
      </c>
      <c r="AB1432">
        <v>70931.137409999996</v>
      </c>
      <c r="AC1432">
        <v>55361.411139999997</v>
      </c>
      <c r="AD1432">
        <v>42063.032209999998</v>
      </c>
      <c r="AE1432">
        <v>41527.271139999997</v>
      </c>
      <c r="AF1432">
        <v>66424.30171</v>
      </c>
      <c r="AG1432">
        <v>31333.21025</v>
      </c>
      <c r="AH1432">
        <v>344195.13390000002</v>
      </c>
      <c r="AI1432">
        <v>108470.037</v>
      </c>
      <c r="AJ1432">
        <v>28434.002039999999</v>
      </c>
      <c r="AK1432">
        <v>36915.191650000001</v>
      </c>
      <c r="AL1432">
        <v>91930.899940000003</v>
      </c>
      <c r="AM1432">
        <v>26647.524509999999</v>
      </c>
      <c r="AN1432">
        <v>114974.5267</v>
      </c>
      <c r="AO1432">
        <v>37565.241199999997</v>
      </c>
      <c r="AP1432">
        <v>27415.826069999999</v>
      </c>
    </row>
    <row r="1433" spans="2:42" x14ac:dyDescent="0.3">
      <c r="B1433">
        <v>66.86802811553585</v>
      </c>
      <c r="C1433" s="83">
        <v>43160.625</v>
      </c>
      <c r="D1433">
        <v>298823.98729999998</v>
      </c>
      <c r="E1433">
        <v>38409.746800000001</v>
      </c>
      <c r="F1433">
        <v>95381.66721</v>
      </c>
      <c r="G1433">
        <v>68867.792270000005</v>
      </c>
      <c r="H1433">
        <v>54551.108919999999</v>
      </c>
      <c r="I1433">
        <v>42669.677340000002</v>
      </c>
      <c r="J1433">
        <v>41323.526590000001</v>
      </c>
      <c r="K1433">
        <v>65744.624089999998</v>
      </c>
      <c r="L1433">
        <v>27504.491109999999</v>
      </c>
      <c r="M1433">
        <v>340924.39069999999</v>
      </c>
      <c r="N1433">
        <v>107003.181</v>
      </c>
      <c r="O1433">
        <v>27853.247899999998</v>
      </c>
      <c r="P1433">
        <v>34960.795619999997</v>
      </c>
      <c r="Q1433">
        <v>91458.777459999998</v>
      </c>
      <c r="R1433">
        <v>25639.55589</v>
      </c>
      <c r="S1433">
        <v>112744.80530000001</v>
      </c>
      <c r="T1433">
        <v>37755.270040000003</v>
      </c>
      <c r="U1433">
        <v>26442.035779999998</v>
      </c>
      <c r="W1433" s="83">
        <f>Bühler!N1465</f>
        <v>45351.624999996529</v>
      </c>
      <c r="X1433" s="83">
        <v>43160.625</v>
      </c>
      <c r="Y1433">
        <v>298823.98729999998</v>
      </c>
      <c r="Z1433">
        <v>38409.746800000001</v>
      </c>
      <c r="AA1433">
        <v>95381.66721</v>
      </c>
      <c r="AB1433">
        <v>68867.792270000005</v>
      </c>
      <c r="AC1433">
        <v>54551.108919999999</v>
      </c>
      <c r="AD1433">
        <v>42669.677340000002</v>
      </c>
      <c r="AE1433">
        <v>41323.526590000001</v>
      </c>
      <c r="AF1433">
        <v>65744.624089999998</v>
      </c>
      <c r="AG1433">
        <v>27504.491109999999</v>
      </c>
      <c r="AH1433">
        <v>340924.39069999999</v>
      </c>
      <c r="AI1433">
        <v>107003.181</v>
      </c>
      <c r="AJ1433">
        <v>27853.247899999998</v>
      </c>
      <c r="AK1433">
        <v>34960.795619999997</v>
      </c>
      <c r="AL1433">
        <v>91458.777459999998</v>
      </c>
      <c r="AM1433">
        <v>25639.55589</v>
      </c>
      <c r="AN1433">
        <v>112744.80530000001</v>
      </c>
      <c r="AO1433">
        <v>37755.270040000003</v>
      </c>
      <c r="AP1433">
        <v>26442.035779999998</v>
      </c>
    </row>
    <row r="1434" spans="2:42" x14ac:dyDescent="0.3">
      <c r="B1434">
        <v>65.861921306947508</v>
      </c>
      <c r="C1434" s="83">
        <v>43160.666666666664</v>
      </c>
      <c r="D1434">
        <v>292352.85700000002</v>
      </c>
      <c r="E1434">
        <v>37577.15511</v>
      </c>
      <c r="F1434">
        <v>94139.663140000004</v>
      </c>
      <c r="G1434">
        <v>65918.543579999998</v>
      </c>
      <c r="H1434">
        <v>52347.013200000001</v>
      </c>
      <c r="I1434">
        <v>44605.437680000003</v>
      </c>
      <c r="J1434">
        <v>40413.425629999998</v>
      </c>
      <c r="K1434">
        <v>61640.249830000001</v>
      </c>
      <c r="L1434">
        <v>26383.922699999999</v>
      </c>
      <c r="M1434">
        <v>335794.78899999999</v>
      </c>
      <c r="N1434">
        <v>101674.2712</v>
      </c>
      <c r="O1434">
        <v>27821.84187</v>
      </c>
      <c r="P1434">
        <v>34272.717850000001</v>
      </c>
      <c r="Q1434">
        <v>91067.243749999994</v>
      </c>
      <c r="R1434">
        <v>25581.250759999999</v>
      </c>
      <c r="S1434">
        <v>110302.86410000001</v>
      </c>
      <c r="T1434">
        <v>37083.365660000003</v>
      </c>
      <c r="U1434">
        <v>24357.568230000001</v>
      </c>
      <c r="W1434" s="83">
        <f>Bühler!N1466</f>
        <v>45351.666666663194</v>
      </c>
      <c r="X1434" s="83">
        <v>43160.666666666664</v>
      </c>
      <c r="Y1434">
        <v>292352.85700000002</v>
      </c>
      <c r="Z1434">
        <v>37577.15511</v>
      </c>
      <c r="AA1434">
        <v>94139.663140000004</v>
      </c>
      <c r="AB1434">
        <v>65918.543579999998</v>
      </c>
      <c r="AC1434">
        <v>52347.013200000001</v>
      </c>
      <c r="AD1434">
        <v>44605.437680000003</v>
      </c>
      <c r="AE1434">
        <v>40413.425629999998</v>
      </c>
      <c r="AF1434">
        <v>61640.249830000001</v>
      </c>
      <c r="AG1434">
        <v>26383.922699999999</v>
      </c>
      <c r="AH1434">
        <v>335794.78899999999</v>
      </c>
      <c r="AI1434">
        <v>101674.2712</v>
      </c>
      <c r="AJ1434">
        <v>27821.84187</v>
      </c>
      <c r="AK1434">
        <v>34272.717850000001</v>
      </c>
      <c r="AL1434">
        <v>91067.243749999994</v>
      </c>
      <c r="AM1434">
        <v>25581.250759999999</v>
      </c>
      <c r="AN1434">
        <v>110302.86410000001</v>
      </c>
      <c r="AO1434">
        <v>37083.365660000003</v>
      </c>
      <c r="AP1434">
        <v>24357.568230000001</v>
      </c>
    </row>
    <row r="1435" spans="2:42" x14ac:dyDescent="0.3">
      <c r="B1435">
        <v>64.36003366340509</v>
      </c>
      <c r="C1435" s="83">
        <v>43160.708333333336</v>
      </c>
      <c r="D1435">
        <v>281689.9412</v>
      </c>
      <c r="E1435">
        <v>35555.026579999998</v>
      </c>
      <c r="F1435">
        <v>93519.979940000005</v>
      </c>
      <c r="G1435">
        <v>60383.288549999997</v>
      </c>
      <c r="H1435">
        <v>50107.950360000003</v>
      </c>
      <c r="I1435">
        <v>44014.679250000001</v>
      </c>
      <c r="J1435">
        <v>40437.392419999996</v>
      </c>
      <c r="K1435">
        <v>55692.587919999998</v>
      </c>
      <c r="L1435">
        <v>27353.976900000001</v>
      </c>
      <c r="M1435">
        <v>328137.46539999999</v>
      </c>
      <c r="N1435">
        <v>92226.406789999994</v>
      </c>
      <c r="O1435">
        <v>27856.685379999999</v>
      </c>
      <c r="P1435">
        <v>36153.786260000001</v>
      </c>
      <c r="Q1435">
        <v>89483.118780000004</v>
      </c>
      <c r="R1435">
        <v>26341.73965</v>
      </c>
      <c r="S1435">
        <v>108389.46769999999</v>
      </c>
      <c r="T1435">
        <v>36603.778129999999</v>
      </c>
      <c r="U1435">
        <v>22154.589739999999</v>
      </c>
      <c r="W1435" s="83">
        <f>Bühler!N1467</f>
        <v>45351.708333329858</v>
      </c>
      <c r="X1435" s="83">
        <v>43160.708333333336</v>
      </c>
      <c r="Y1435">
        <v>281689.9412</v>
      </c>
      <c r="Z1435">
        <v>35555.026579999998</v>
      </c>
      <c r="AA1435">
        <v>93519.979940000005</v>
      </c>
      <c r="AB1435">
        <v>60383.288549999997</v>
      </c>
      <c r="AC1435">
        <v>50107.950360000003</v>
      </c>
      <c r="AD1435">
        <v>44014.679250000001</v>
      </c>
      <c r="AE1435">
        <v>40437.392419999996</v>
      </c>
      <c r="AF1435">
        <v>55692.587919999998</v>
      </c>
      <c r="AG1435">
        <v>27353.976900000001</v>
      </c>
      <c r="AH1435">
        <v>328137.46539999999</v>
      </c>
      <c r="AI1435">
        <v>92226.406789999994</v>
      </c>
      <c r="AJ1435">
        <v>27856.685379999999</v>
      </c>
      <c r="AK1435">
        <v>36153.786260000001</v>
      </c>
      <c r="AL1435">
        <v>89483.118780000004</v>
      </c>
      <c r="AM1435">
        <v>26341.73965</v>
      </c>
      <c r="AN1435">
        <v>108389.46769999999</v>
      </c>
      <c r="AO1435">
        <v>36603.778129999999</v>
      </c>
      <c r="AP1435">
        <v>22154.589739999999</v>
      </c>
    </row>
    <row r="1436" spans="2:42" x14ac:dyDescent="0.3">
      <c r="B1436">
        <v>62.779406321868322</v>
      </c>
      <c r="C1436" s="83">
        <v>43160.75</v>
      </c>
      <c r="D1436">
        <v>274302.02620000002</v>
      </c>
      <c r="E1436">
        <v>32731.899740000001</v>
      </c>
      <c r="F1436">
        <v>91801.517800000001</v>
      </c>
      <c r="G1436">
        <v>55449.255340000003</v>
      </c>
      <c r="H1436">
        <v>48646.79105</v>
      </c>
      <c r="I1436">
        <v>42381.548260000003</v>
      </c>
      <c r="J1436">
        <v>42505.183969999998</v>
      </c>
      <c r="K1436">
        <v>47628.083489999997</v>
      </c>
      <c r="L1436">
        <v>29901.455040000001</v>
      </c>
      <c r="M1436">
        <v>320078.69010000001</v>
      </c>
      <c r="N1436">
        <v>89259.055980000005</v>
      </c>
      <c r="O1436">
        <v>27959.300609999998</v>
      </c>
      <c r="P1436">
        <v>39825.322289999996</v>
      </c>
      <c r="Q1436">
        <v>88888.139980000007</v>
      </c>
      <c r="R1436">
        <v>22401.679700000001</v>
      </c>
      <c r="S1436">
        <v>104127.2255</v>
      </c>
      <c r="T1436">
        <v>36658.285909999999</v>
      </c>
      <c r="U1436">
        <v>20682.679629999999</v>
      </c>
      <c r="W1436" s="83">
        <f>Bühler!N1468</f>
        <v>45351.749999996522</v>
      </c>
      <c r="X1436" s="83">
        <v>43160.75</v>
      </c>
      <c r="Y1436">
        <v>274302.02620000002</v>
      </c>
      <c r="Z1436">
        <v>32731.899740000001</v>
      </c>
      <c r="AA1436">
        <v>91801.517800000001</v>
      </c>
      <c r="AB1436">
        <v>55449.255340000003</v>
      </c>
      <c r="AC1436">
        <v>48646.79105</v>
      </c>
      <c r="AD1436">
        <v>42381.548260000003</v>
      </c>
      <c r="AE1436">
        <v>42505.183969999998</v>
      </c>
      <c r="AF1436">
        <v>47628.083489999997</v>
      </c>
      <c r="AG1436">
        <v>29901.455040000001</v>
      </c>
      <c r="AH1436">
        <v>320078.69010000001</v>
      </c>
      <c r="AI1436">
        <v>89259.055980000005</v>
      </c>
      <c r="AJ1436">
        <v>27959.300609999998</v>
      </c>
      <c r="AK1436">
        <v>39825.322289999996</v>
      </c>
      <c r="AL1436">
        <v>88888.139980000007</v>
      </c>
      <c r="AM1436">
        <v>22401.679700000001</v>
      </c>
      <c r="AN1436">
        <v>104127.2255</v>
      </c>
      <c r="AO1436">
        <v>36658.285909999999</v>
      </c>
      <c r="AP1436">
        <v>20682.679629999999</v>
      </c>
    </row>
    <row r="1437" spans="2:42" x14ac:dyDescent="0.3">
      <c r="B1437">
        <v>61.719079894779178</v>
      </c>
      <c r="C1437" s="83">
        <v>43160.791666666664</v>
      </c>
      <c r="D1437">
        <v>269314.0246</v>
      </c>
      <c r="E1437">
        <v>27492.707129999999</v>
      </c>
      <c r="F1437">
        <v>80092.283979999993</v>
      </c>
      <c r="G1437">
        <v>52451.896939999999</v>
      </c>
      <c r="H1437">
        <v>47805.748679999997</v>
      </c>
      <c r="I1437">
        <v>40008.146540000002</v>
      </c>
      <c r="J1437">
        <v>43493.560989999998</v>
      </c>
      <c r="K1437">
        <v>48198.055500000002</v>
      </c>
      <c r="L1437">
        <v>31468.403350000001</v>
      </c>
      <c r="M1437">
        <v>314672.65149999998</v>
      </c>
      <c r="N1437">
        <v>88333.733410000001</v>
      </c>
      <c r="O1437">
        <v>27129.365900000001</v>
      </c>
      <c r="P1437">
        <v>43463.898390000002</v>
      </c>
      <c r="Q1437">
        <v>86748.53112</v>
      </c>
      <c r="R1437">
        <v>22035.301159999999</v>
      </c>
      <c r="S1437">
        <v>101166.4022</v>
      </c>
      <c r="T1437">
        <v>37330.020980000001</v>
      </c>
      <c r="U1437">
        <v>20209.07274</v>
      </c>
      <c r="W1437" s="83">
        <f>Bühler!N1469</f>
        <v>45351.791666663186</v>
      </c>
      <c r="X1437" s="83">
        <v>43160.791666666664</v>
      </c>
      <c r="Y1437">
        <v>269314.0246</v>
      </c>
      <c r="Z1437">
        <v>27492.707129999999</v>
      </c>
      <c r="AA1437">
        <v>80092.283979999993</v>
      </c>
      <c r="AB1437">
        <v>52451.896939999999</v>
      </c>
      <c r="AC1437">
        <v>47805.748679999997</v>
      </c>
      <c r="AD1437">
        <v>40008.146540000002</v>
      </c>
      <c r="AE1437">
        <v>43493.560989999998</v>
      </c>
      <c r="AF1437">
        <v>48198.055500000002</v>
      </c>
      <c r="AG1437">
        <v>31468.403350000001</v>
      </c>
      <c r="AH1437">
        <v>314672.65149999998</v>
      </c>
      <c r="AI1437">
        <v>88333.733410000001</v>
      </c>
      <c r="AJ1437">
        <v>27129.365900000001</v>
      </c>
      <c r="AK1437">
        <v>43463.898390000002</v>
      </c>
      <c r="AL1437">
        <v>86748.53112</v>
      </c>
      <c r="AM1437">
        <v>22035.301159999999</v>
      </c>
      <c r="AN1437">
        <v>101166.4022</v>
      </c>
      <c r="AO1437">
        <v>37330.020980000001</v>
      </c>
      <c r="AP1437">
        <v>20209.07274</v>
      </c>
    </row>
    <row r="1438" spans="2:42" x14ac:dyDescent="0.3">
      <c r="B1438">
        <v>60.669122605476637</v>
      </c>
      <c r="C1438" s="83">
        <v>43160.833333333336</v>
      </c>
      <c r="D1438">
        <v>257980.33350000001</v>
      </c>
      <c r="E1438">
        <v>21253.281319999998</v>
      </c>
      <c r="F1438">
        <v>62281.17065</v>
      </c>
      <c r="G1438">
        <v>47763.333530000004</v>
      </c>
      <c r="H1438">
        <v>45201.347070000003</v>
      </c>
      <c r="I1438">
        <v>36419.901700000002</v>
      </c>
      <c r="J1438">
        <v>41951.821629999999</v>
      </c>
      <c r="K1438">
        <v>53969.743629999997</v>
      </c>
      <c r="L1438">
        <v>29365.756379999999</v>
      </c>
      <c r="M1438">
        <v>309319.47960000002</v>
      </c>
      <c r="N1438">
        <v>85397.317070000005</v>
      </c>
      <c r="O1438">
        <v>27334.505799999999</v>
      </c>
      <c r="P1438">
        <v>43063.440240000004</v>
      </c>
      <c r="Q1438">
        <v>84466.764809999993</v>
      </c>
      <c r="R1438">
        <v>23680.587090000001</v>
      </c>
      <c r="S1438">
        <v>90950.411890000003</v>
      </c>
      <c r="T1438">
        <v>35166.960919999998</v>
      </c>
      <c r="U1438">
        <v>19172.543710000002</v>
      </c>
      <c r="W1438" s="83">
        <f>Bühler!N1470</f>
        <v>45351.833333329851</v>
      </c>
      <c r="X1438" s="83">
        <v>43160.833333333336</v>
      </c>
      <c r="Y1438">
        <v>257980.33350000001</v>
      </c>
      <c r="Z1438">
        <v>21253.281319999998</v>
      </c>
      <c r="AA1438">
        <v>62281.17065</v>
      </c>
      <c r="AB1438">
        <v>47763.333530000004</v>
      </c>
      <c r="AC1438">
        <v>45201.347070000003</v>
      </c>
      <c r="AD1438">
        <v>36419.901700000002</v>
      </c>
      <c r="AE1438">
        <v>41951.821629999999</v>
      </c>
      <c r="AF1438">
        <v>53969.743629999997</v>
      </c>
      <c r="AG1438">
        <v>29365.756379999999</v>
      </c>
      <c r="AH1438">
        <v>309319.47960000002</v>
      </c>
      <c r="AI1438">
        <v>85397.317070000005</v>
      </c>
      <c r="AJ1438">
        <v>27334.505799999999</v>
      </c>
      <c r="AK1438">
        <v>43063.440240000004</v>
      </c>
      <c r="AL1438">
        <v>84466.764809999993</v>
      </c>
      <c r="AM1438">
        <v>23680.587090000001</v>
      </c>
      <c r="AN1438">
        <v>90950.411890000003</v>
      </c>
      <c r="AO1438">
        <v>35166.960919999998</v>
      </c>
      <c r="AP1438">
        <v>19172.543710000002</v>
      </c>
    </row>
    <row r="1439" spans="2:42" x14ac:dyDescent="0.3">
      <c r="B1439">
        <v>58.96162758322631</v>
      </c>
      <c r="C1439" s="83">
        <v>43160.875</v>
      </c>
      <c r="D1439">
        <v>250249.79120000001</v>
      </c>
      <c r="E1439">
        <v>18384.183400000002</v>
      </c>
      <c r="F1439">
        <v>54369.536500000002</v>
      </c>
      <c r="G1439">
        <v>45279.211389999997</v>
      </c>
      <c r="H1439">
        <v>42833.572310000003</v>
      </c>
      <c r="I1439">
        <v>30827.1567</v>
      </c>
      <c r="J1439">
        <v>40118.387759999998</v>
      </c>
      <c r="K1439">
        <v>53154.356870000003</v>
      </c>
      <c r="L1439">
        <v>27507.96056</v>
      </c>
      <c r="M1439">
        <v>300613.8737</v>
      </c>
      <c r="N1439">
        <v>83016.161749999999</v>
      </c>
      <c r="O1439">
        <v>25611.980169999999</v>
      </c>
      <c r="P1439">
        <v>40828.53746</v>
      </c>
      <c r="Q1439">
        <v>81857.183210000003</v>
      </c>
      <c r="R1439">
        <v>21539.847099999999</v>
      </c>
      <c r="S1439">
        <v>85488.672439999995</v>
      </c>
      <c r="T1439">
        <v>32518.50964</v>
      </c>
      <c r="U1439">
        <v>17857.4892</v>
      </c>
      <c r="W1439" s="83">
        <f>Bühler!N1471</f>
        <v>45351.874999996515</v>
      </c>
      <c r="X1439" s="83">
        <v>43160.875</v>
      </c>
      <c r="Y1439">
        <v>250249.79120000001</v>
      </c>
      <c r="Z1439">
        <v>18384.183400000002</v>
      </c>
      <c r="AA1439">
        <v>54369.536500000002</v>
      </c>
      <c r="AB1439">
        <v>45279.211389999997</v>
      </c>
      <c r="AC1439">
        <v>42833.572310000003</v>
      </c>
      <c r="AD1439">
        <v>30827.1567</v>
      </c>
      <c r="AE1439">
        <v>40118.387759999998</v>
      </c>
      <c r="AF1439">
        <v>53154.356870000003</v>
      </c>
      <c r="AG1439">
        <v>27507.96056</v>
      </c>
      <c r="AH1439">
        <v>300613.8737</v>
      </c>
      <c r="AI1439">
        <v>83016.161749999999</v>
      </c>
      <c r="AJ1439">
        <v>25611.980169999999</v>
      </c>
      <c r="AK1439">
        <v>40828.53746</v>
      </c>
      <c r="AL1439">
        <v>81857.183210000003</v>
      </c>
      <c r="AM1439">
        <v>21539.847099999999</v>
      </c>
      <c r="AN1439">
        <v>85488.672439999995</v>
      </c>
      <c r="AO1439">
        <v>32518.50964</v>
      </c>
      <c r="AP1439">
        <v>17857.4892</v>
      </c>
    </row>
    <row r="1440" spans="2:42" x14ac:dyDescent="0.3">
      <c r="B1440">
        <v>58.578095660320656</v>
      </c>
      <c r="C1440" s="83">
        <v>43160.916666666664</v>
      </c>
      <c r="D1440">
        <v>249278.49179999999</v>
      </c>
      <c r="E1440">
        <v>17665.57387</v>
      </c>
      <c r="F1440">
        <v>51755.318169999999</v>
      </c>
      <c r="G1440">
        <v>43848.790589999997</v>
      </c>
      <c r="H1440">
        <v>41787.284930000002</v>
      </c>
      <c r="I1440">
        <v>29951.588350000002</v>
      </c>
      <c r="J1440">
        <v>38903.090839999997</v>
      </c>
      <c r="K1440">
        <v>54139.381220000003</v>
      </c>
      <c r="L1440">
        <v>25188.152320000001</v>
      </c>
      <c r="M1440">
        <v>298658.44910000003</v>
      </c>
      <c r="N1440">
        <v>82890.001310000007</v>
      </c>
      <c r="O1440">
        <v>25952.889490000001</v>
      </c>
      <c r="P1440">
        <v>42723.228669999997</v>
      </c>
      <c r="Q1440">
        <v>81225.382679999995</v>
      </c>
      <c r="R1440">
        <v>29457.829750000001</v>
      </c>
      <c r="S1440">
        <v>85240.535659999994</v>
      </c>
      <c r="T1440">
        <v>29612.72796</v>
      </c>
      <c r="U1440">
        <v>18991.526239999999</v>
      </c>
      <c r="W1440" s="83">
        <f>Bühler!N1472</f>
        <v>45351.916666663179</v>
      </c>
      <c r="X1440" s="83">
        <v>43160.916666666664</v>
      </c>
      <c r="Y1440">
        <v>249278.49179999999</v>
      </c>
      <c r="Z1440">
        <v>17665.57387</v>
      </c>
      <c r="AA1440">
        <v>51755.318169999999</v>
      </c>
      <c r="AB1440">
        <v>43848.790589999997</v>
      </c>
      <c r="AC1440">
        <v>41787.284930000002</v>
      </c>
      <c r="AD1440">
        <v>29951.588350000002</v>
      </c>
      <c r="AE1440">
        <v>38903.090839999997</v>
      </c>
      <c r="AF1440">
        <v>54139.381220000003</v>
      </c>
      <c r="AG1440">
        <v>25188.152320000001</v>
      </c>
      <c r="AH1440">
        <v>298658.44910000003</v>
      </c>
      <c r="AI1440">
        <v>82890.001310000007</v>
      </c>
      <c r="AJ1440">
        <v>25952.889490000001</v>
      </c>
      <c r="AK1440">
        <v>42723.228669999997</v>
      </c>
      <c r="AL1440">
        <v>81225.382679999995</v>
      </c>
      <c r="AM1440">
        <v>29457.829750000001</v>
      </c>
      <c r="AN1440">
        <v>85240.535659999994</v>
      </c>
      <c r="AO1440">
        <v>29612.72796</v>
      </c>
      <c r="AP1440">
        <v>18991.526239999999</v>
      </c>
    </row>
    <row r="1441" spans="2:42" x14ac:dyDescent="0.3">
      <c r="B1441">
        <v>57.952612488301362</v>
      </c>
      <c r="C1441" s="83">
        <v>43160.958333333336</v>
      </c>
      <c r="D1441">
        <v>250416.57930000001</v>
      </c>
      <c r="E1441">
        <v>17372.870029999998</v>
      </c>
      <c r="F1441">
        <v>50490.878720000001</v>
      </c>
      <c r="G1441">
        <v>43015.105640000002</v>
      </c>
      <c r="H1441">
        <v>41469.48891</v>
      </c>
      <c r="I1441">
        <v>28456.33869</v>
      </c>
      <c r="J1441">
        <v>36378.075140000001</v>
      </c>
      <c r="K1441">
        <v>54302.122510000001</v>
      </c>
      <c r="L1441">
        <v>21789.245060000001</v>
      </c>
      <c r="M1441">
        <v>295469.44420000003</v>
      </c>
      <c r="N1441">
        <v>83053.740470000004</v>
      </c>
      <c r="O1441">
        <v>26341.06784</v>
      </c>
      <c r="P1441">
        <v>37520.945070000002</v>
      </c>
      <c r="Q1441">
        <v>81294.875509999998</v>
      </c>
      <c r="R1441">
        <v>31626.966700000001</v>
      </c>
      <c r="S1441">
        <v>83947.087950000001</v>
      </c>
      <c r="T1441">
        <v>30931.62197</v>
      </c>
      <c r="U1441">
        <v>18583.02433</v>
      </c>
      <c r="W1441" s="83">
        <f>Bühler!N1473</f>
        <v>45351.958333329843</v>
      </c>
      <c r="X1441" s="83">
        <v>43160.958333333336</v>
      </c>
      <c r="Y1441">
        <v>250416.57930000001</v>
      </c>
      <c r="Z1441">
        <v>17372.870029999998</v>
      </c>
      <c r="AA1441">
        <v>50490.878720000001</v>
      </c>
      <c r="AB1441">
        <v>43015.105640000002</v>
      </c>
      <c r="AC1441">
        <v>41469.48891</v>
      </c>
      <c r="AD1441">
        <v>28456.33869</v>
      </c>
      <c r="AE1441">
        <v>36378.075140000001</v>
      </c>
      <c r="AF1441">
        <v>54302.122510000001</v>
      </c>
      <c r="AG1441">
        <v>21789.245060000001</v>
      </c>
      <c r="AH1441">
        <v>295469.44420000003</v>
      </c>
      <c r="AI1441">
        <v>83053.740470000004</v>
      </c>
      <c r="AJ1441">
        <v>26341.06784</v>
      </c>
      <c r="AK1441">
        <v>37520.945070000002</v>
      </c>
      <c r="AL1441">
        <v>81294.875509999998</v>
      </c>
      <c r="AM1441">
        <v>31626.966700000001</v>
      </c>
      <c r="AN1441">
        <v>83947.087950000001</v>
      </c>
      <c r="AO1441">
        <v>30931.62197</v>
      </c>
      <c r="AP1441">
        <v>18583.02433</v>
      </c>
    </row>
    <row r="1442" spans="2:42" x14ac:dyDescent="0.3">
      <c r="B1442">
        <v>56.946594000390213</v>
      </c>
      <c r="C1442" s="83">
        <v>43161</v>
      </c>
      <c r="D1442">
        <v>248705.80420000001</v>
      </c>
      <c r="E1442">
        <v>17135.252530000002</v>
      </c>
      <c r="F1442">
        <v>50100.79679</v>
      </c>
      <c r="G1442">
        <v>42822.520620000003</v>
      </c>
      <c r="H1442">
        <v>40784.756710000001</v>
      </c>
      <c r="I1442">
        <v>26155.67642</v>
      </c>
      <c r="J1442">
        <v>34425.64834</v>
      </c>
      <c r="K1442">
        <v>52577.312680000003</v>
      </c>
      <c r="L1442">
        <v>20014.139439999999</v>
      </c>
      <c r="M1442">
        <v>290340.2928</v>
      </c>
      <c r="N1442">
        <v>82204.634120000002</v>
      </c>
      <c r="O1442">
        <v>25813.89546</v>
      </c>
      <c r="P1442">
        <v>35613.949070000002</v>
      </c>
      <c r="Q1442">
        <v>80134.006070000003</v>
      </c>
      <c r="R1442">
        <v>27937.292669999999</v>
      </c>
      <c r="S1442">
        <v>82580.139330000005</v>
      </c>
      <c r="T1442">
        <v>29313.16862</v>
      </c>
      <c r="U1442">
        <v>18409.205590000001</v>
      </c>
      <c r="W1442" s="83">
        <f>Bühler!N1474</f>
        <v>45351.999999996508</v>
      </c>
      <c r="X1442" s="83">
        <v>43161</v>
      </c>
      <c r="Y1442">
        <v>248705.80420000001</v>
      </c>
      <c r="Z1442">
        <v>17135.252530000002</v>
      </c>
      <c r="AA1442">
        <v>50100.79679</v>
      </c>
      <c r="AB1442">
        <v>42822.520620000003</v>
      </c>
      <c r="AC1442">
        <v>40784.756710000001</v>
      </c>
      <c r="AD1442">
        <v>26155.67642</v>
      </c>
      <c r="AE1442">
        <v>34425.64834</v>
      </c>
      <c r="AF1442">
        <v>52577.312680000003</v>
      </c>
      <c r="AG1442">
        <v>20014.139439999999</v>
      </c>
      <c r="AH1442">
        <v>290340.2928</v>
      </c>
      <c r="AI1442">
        <v>82204.634120000002</v>
      </c>
      <c r="AJ1442">
        <v>25813.89546</v>
      </c>
      <c r="AK1442">
        <v>35613.949070000002</v>
      </c>
      <c r="AL1442">
        <v>80134.006070000003</v>
      </c>
      <c r="AM1442">
        <v>27937.292669999999</v>
      </c>
      <c r="AN1442">
        <v>82580.139330000005</v>
      </c>
      <c r="AO1442">
        <v>29313.16862</v>
      </c>
      <c r="AP1442">
        <v>18409.205590000001</v>
      </c>
    </row>
    <row r="1443" spans="2:42" x14ac:dyDescent="0.3">
      <c r="B1443">
        <v>56.913630774053509</v>
      </c>
      <c r="C1443" s="83">
        <v>43161.041666666664</v>
      </c>
      <c r="D1443">
        <v>247206.84469999999</v>
      </c>
      <c r="E1443">
        <v>17187.895120000001</v>
      </c>
      <c r="F1443">
        <v>50115.921340000001</v>
      </c>
      <c r="G1443">
        <v>42185.553999999996</v>
      </c>
      <c r="H1443">
        <v>40293.070399999997</v>
      </c>
      <c r="I1443">
        <v>22652.61692</v>
      </c>
      <c r="J1443">
        <v>33888.188009999998</v>
      </c>
      <c r="K1443">
        <v>50744.724110000003</v>
      </c>
      <c r="L1443">
        <v>19468.817620000002</v>
      </c>
      <c r="M1443">
        <v>290172.23090000002</v>
      </c>
      <c r="N1443">
        <v>81308.058810000002</v>
      </c>
      <c r="O1443">
        <v>25934.12729</v>
      </c>
      <c r="P1443">
        <v>34149.070209999998</v>
      </c>
      <c r="Q1443">
        <v>81634.786080000005</v>
      </c>
      <c r="R1443">
        <v>26070.761829999999</v>
      </c>
      <c r="S1443">
        <v>81572.967799999999</v>
      </c>
      <c r="T1443">
        <v>28572.53398</v>
      </c>
      <c r="U1443">
        <v>18690.829300000001</v>
      </c>
      <c r="W1443" s="83">
        <f>Bühler!N1475</f>
        <v>45352.041666663172</v>
      </c>
      <c r="X1443" s="83">
        <v>43161.041666666664</v>
      </c>
      <c r="Y1443">
        <v>247206.84469999999</v>
      </c>
      <c r="Z1443">
        <v>17187.895120000001</v>
      </c>
      <c r="AA1443">
        <v>50115.921340000001</v>
      </c>
      <c r="AB1443">
        <v>42185.553999999996</v>
      </c>
      <c r="AC1443">
        <v>40293.070399999997</v>
      </c>
      <c r="AD1443">
        <v>22652.61692</v>
      </c>
      <c r="AE1443">
        <v>33888.188009999998</v>
      </c>
      <c r="AF1443">
        <v>50744.724110000003</v>
      </c>
      <c r="AG1443">
        <v>19468.817620000002</v>
      </c>
      <c r="AH1443">
        <v>290172.23090000002</v>
      </c>
      <c r="AI1443">
        <v>81308.058810000002</v>
      </c>
      <c r="AJ1443">
        <v>25934.12729</v>
      </c>
      <c r="AK1443">
        <v>34149.070209999998</v>
      </c>
      <c r="AL1443">
        <v>81634.786080000005</v>
      </c>
      <c r="AM1443">
        <v>26070.761829999999</v>
      </c>
      <c r="AN1443">
        <v>81572.967799999999</v>
      </c>
      <c r="AO1443">
        <v>28572.53398</v>
      </c>
      <c r="AP1443">
        <v>18690.829300000001</v>
      </c>
    </row>
    <row r="1444" spans="2:42" x14ac:dyDescent="0.3">
      <c r="B1444">
        <v>56.84936888076534</v>
      </c>
      <c r="C1444" s="83">
        <v>43161.083333333336</v>
      </c>
      <c r="D1444">
        <v>247907.7114</v>
      </c>
      <c r="E1444">
        <v>17269.803660000001</v>
      </c>
      <c r="F1444">
        <v>50859.312059999997</v>
      </c>
      <c r="G1444">
        <v>41856.63076</v>
      </c>
      <c r="H1444">
        <v>40353.83137</v>
      </c>
      <c r="I1444">
        <v>20494.03573</v>
      </c>
      <c r="J1444">
        <v>32364.135590000002</v>
      </c>
      <c r="K1444">
        <v>49974.91764</v>
      </c>
      <c r="L1444">
        <v>19018.52087</v>
      </c>
      <c r="M1444">
        <v>289844.59379999997</v>
      </c>
      <c r="N1444">
        <v>80661.598610000001</v>
      </c>
      <c r="O1444">
        <v>25836.197639999999</v>
      </c>
      <c r="P1444">
        <v>33542.264490000001</v>
      </c>
      <c r="Q1444">
        <v>83836.041469999996</v>
      </c>
      <c r="R1444">
        <v>26963.944100000001</v>
      </c>
      <c r="S1444">
        <v>81971.567200000005</v>
      </c>
      <c r="T1444">
        <v>28242.31321</v>
      </c>
      <c r="U1444">
        <v>19027.20912</v>
      </c>
      <c r="W1444" s="83">
        <f>Bühler!N1476</f>
        <v>45352.083333329836</v>
      </c>
      <c r="X1444" s="83">
        <v>43161.083333333336</v>
      </c>
      <c r="Y1444">
        <v>247907.7114</v>
      </c>
      <c r="Z1444">
        <v>17269.803660000001</v>
      </c>
      <c r="AA1444">
        <v>50859.312059999997</v>
      </c>
      <c r="AB1444">
        <v>41856.63076</v>
      </c>
      <c r="AC1444">
        <v>40353.83137</v>
      </c>
      <c r="AD1444">
        <v>20494.03573</v>
      </c>
      <c r="AE1444">
        <v>32364.135590000002</v>
      </c>
      <c r="AF1444">
        <v>49974.91764</v>
      </c>
      <c r="AG1444">
        <v>19018.52087</v>
      </c>
      <c r="AH1444">
        <v>289844.59379999997</v>
      </c>
      <c r="AI1444">
        <v>80661.598610000001</v>
      </c>
      <c r="AJ1444">
        <v>25836.197639999999</v>
      </c>
      <c r="AK1444">
        <v>33542.264490000001</v>
      </c>
      <c r="AL1444">
        <v>83836.041469999996</v>
      </c>
      <c r="AM1444">
        <v>26963.944100000001</v>
      </c>
      <c r="AN1444">
        <v>81971.567200000005</v>
      </c>
      <c r="AO1444">
        <v>28242.31321</v>
      </c>
      <c r="AP1444">
        <v>19027.20912</v>
      </c>
    </row>
    <row r="1445" spans="2:42" x14ac:dyDescent="0.3">
      <c r="B1445">
        <v>56.980853596959996</v>
      </c>
      <c r="C1445" s="83">
        <v>43161.125</v>
      </c>
      <c r="D1445">
        <v>248026.57740000001</v>
      </c>
      <c r="E1445">
        <v>17540.444149999999</v>
      </c>
      <c r="F1445">
        <v>52314.302080000001</v>
      </c>
      <c r="G1445">
        <v>41258.811809999999</v>
      </c>
      <c r="H1445">
        <v>40303.864500000003</v>
      </c>
      <c r="I1445">
        <v>20164.581269999999</v>
      </c>
      <c r="J1445">
        <v>32515.45492</v>
      </c>
      <c r="K1445">
        <v>48958.67353</v>
      </c>
      <c r="L1445">
        <v>18962.39229</v>
      </c>
      <c r="M1445">
        <v>290514.96419999999</v>
      </c>
      <c r="N1445">
        <v>81458.592059999995</v>
      </c>
      <c r="O1445">
        <v>26370.508999999998</v>
      </c>
      <c r="P1445">
        <v>33509.324330000003</v>
      </c>
      <c r="Q1445">
        <v>85924.749630000006</v>
      </c>
      <c r="R1445">
        <v>26582.829949999999</v>
      </c>
      <c r="S1445">
        <v>80737.757190000004</v>
      </c>
      <c r="T1445">
        <v>28585.65381</v>
      </c>
      <c r="U1445">
        <v>19391.259999999998</v>
      </c>
      <c r="W1445" s="83">
        <f>Bühler!N1477</f>
        <v>45352.1249999965</v>
      </c>
      <c r="X1445" s="83">
        <v>43161.125</v>
      </c>
      <c r="Y1445">
        <v>248026.57740000001</v>
      </c>
      <c r="Z1445">
        <v>17540.444149999999</v>
      </c>
      <c r="AA1445">
        <v>52314.302080000001</v>
      </c>
      <c r="AB1445">
        <v>41258.811809999999</v>
      </c>
      <c r="AC1445">
        <v>40303.864500000003</v>
      </c>
      <c r="AD1445">
        <v>20164.581269999999</v>
      </c>
      <c r="AE1445">
        <v>32515.45492</v>
      </c>
      <c r="AF1445">
        <v>48958.67353</v>
      </c>
      <c r="AG1445">
        <v>18962.39229</v>
      </c>
      <c r="AH1445">
        <v>290514.96419999999</v>
      </c>
      <c r="AI1445">
        <v>81458.592059999995</v>
      </c>
      <c r="AJ1445">
        <v>26370.508999999998</v>
      </c>
      <c r="AK1445">
        <v>33509.324330000003</v>
      </c>
      <c r="AL1445">
        <v>85924.749630000006</v>
      </c>
      <c r="AM1445">
        <v>26582.829949999999</v>
      </c>
      <c r="AN1445">
        <v>80737.757190000004</v>
      </c>
      <c r="AO1445">
        <v>28585.65381</v>
      </c>
      <c r="AP1445">
        <v>19391.259999999998</v>
      </c>
    </row>
    <row r="1446" spans="2:42" x14ac:dyDescent="0.3">
      <c r="B1446">
        <v>58.430321790794423</v>
      </c>
      <c r="C1446" s="83">
        <v>43161.166666666664</v>
      </c>
      <c r="D1446">
        <v>251847.5521</v>
      </c>
      <c r="E1446">
        <v>18228.382850000002</v>
      </c>
      <c r="F1446">
        <v>56566.109880000004</v>
      </c>
      <c r="G1446">
        <v>41179.430690000001</v>
      </c>
      <c r="H1446">
        <v>41667.369599999998</v>
      </c>
      <c r="I1446">
        <v>22257.766039999999</v>
      </c>
      <c r="J1446">
        <v>36715.49899</v>
      </c>
      <c r="K1446">
        <v>47457.974280000002</v>
      </c>
      <c r="L1446">
        <v>19049.602050000001</v>
      </c>
      <c r="M1446">
        <v>297905.02899999998</v>
      </c>
      <c r="N1446">
        <v>81028.095660000006</v>
      </c>
      <c r="O1446">
        <v>26256.14386</v>
      </c>
      <c r="P1446">
        <v>32297.204160000001</v>
      </c>
      <c r="Q1446">
        <v>90214.265010000003</v>
      </c>
      <c r="R1446">
        <v>26602.062140000002</v>
      </c>
      <c r="S1446">
        <v>81634.077059999996</v>
      </c>
      <c r="T1446">
        <v>28309.710340000001</v>
      </c>
      <c r="U1446">
        <v>19708.241109999999</v>
      </c>
      <c r="W1446" s="83">
        <f>Bühler!N1478</f>
        <v>45352.166666663165</v>
      </c>
      <c r="X1446" s="83">
        <v>43161.166666666664</v>
      </c>
      <c r="Y1446">
        <v>251847.5521</v>
      </c>
      <c r="Z1446">
        <v>18228.382850000002</v>
      </c>
      <c r="AA1446">
        <v>56566.109880000004</v>
      </c>
      <c r="AB1446">
        <v>41179.430690000001</v>
      </c>
      <c r="AC1446">
        <v>41667.369599999998</v>
      </c>
      <c r="AD1446">
        <v>22257.766039999999</v>
      </c>
      <c r="AE1446">
        <v>36715.49899</v>
      </c>
      <c r="AF1446">
        <v>47457.974280000002</v>
      </c>
      <c r="AG1446">
        <v>19049.602050000001</v>
      </c>
      <c r="AH1446">
        <v>297905.02899999998</v>
      </c>
      <c r="AI1446">
        <v>81028.095660000006</v>
      </c>
      <c r="AJ1446">
        <v>26256.14386</v>
      </c>
      <c r="AK1446">
        <v>32297.204160000001</v>
      </c>
      <c r="AL1446">
        <v>90214.265010000003</v>
      </c>
      <c r="AM1446">
        <v>26602.062140000002</v>
      </c>
      <c r="AN1446">
        <v>81634.077059999996</v>
      </c>
      <c r="AO1446">
        <v>28309.710340000001</v>
      </c>
      <c r="AP1446">
        <v>19708.241109999999</v>
      </c>
    </row>
    <row r="1447" spans="2:42" x14ac:dyDescent="0.3">
      <c r="B1447">
        <v>61.594025288700244</v>
      </c>
      <c r="C1447" s="83">
        <v>43161.208333333336</v>
      </c>
      <c r="D1447">
        <v>264332.29950000002</v>
      </c>
      <c r="E1447">
        <v>20173.017800000001</v>
      </c>
      <c r="F1447">
        <v>68551.045920000004</v>
      </c>
      <c r="G1447">
        <v>43711.552680000001</v>
      </c>
      <c r="H1447">
        <v>43760.840559999997</v>
      </c>
      <c r="I1447">
        <v>32652.998510000001</v>
      </c>
      <c r="J1447">
        <v>39994.04019</v>
      </c>
      <c r="K1447">
        <v>48251.133029999997</v>
      </c>
      <c r="L1447">
        <v>19575.181140000001</v>
      </c>
      <c r="M1447">
        <v>314035.06479999999</v>
      </c>
      <c r="N1447">
        <v>83134.696049999999</v>
      </c>
      <c r="O1447">
        <v>26712.106660000001</v>
      </c>
      <c r="P1447">
        <v>33542.258690000002</v>
      </c>
      <c r="Q1447">
        <v>92214.811820000003</v>
      </c>
      <c r="R1447">
        <v>29193.23991</v>
      </c>
      <c r="S1447">
        <v>84972.107940000002</v>
      </c>
      <c r="T1447">
        <v>30200.348689999999</v>
      </c>
      <c r="U1447">
        <v>21111.57502</v>
      </c>
      <c r="W1447" s="83">
        <f>Bühler!N1479</f>
        <v>45352.208333329829</v>
      </c>
      <c r="X1447" s="83">
        <v>43161.208333333336</v>
      </c>
      <c r="Y1447">
        <v>264332.29950000002</v>
      </c>
      <c r="Z1447">
        <v>20173.017800000001</v>
      </c>
      <c r="AA1447">
        <v>68551.045920000004</v>
      </c>
      <c r="AB1447">
        <v>43711.552680000001</v>
      </c>
      <c r="AC1447">
        <v>43760.840559999997</v>
      </c>
      <c r="AD1447">
        <v>32652.998510000001</v>
      </c>
      <c r="AE1447">
        <v>39994.04019</v>
      </c>
      <c r="AF1447">
        <v>48251.133029999997</v>
      </c>
      <c r="AG1447">
        <v>19575.181140000001</v>
      </c>
      <c r="AH1447">
        <v>314035.06479999999</v>
      </c>
      <c r="AI1447">
        <v>83134.696049999999</v>
      </c>
      <c r="AJ1447">
        <v>26712.106660000001</v>
      </c>
      <c r="AK1447">
        <v>33542.258690000002</v>
      </c>
      <c r="AL1447">
        <v>92214.811820000003</v>
      </c>
      <c r="AM1447">
        <v>29193.23991</v>
      </c>
      <c r="AN1447">
        <v>84972.107940000002</v>
      </c>
      <c r="AO1447">
        <v>30200.348689999999</v>
      </c>
      <c r="AP1447">
        <v>21111.57502</v>
      </c>
    </row>
    <row r="1448" spans="2:42" x14ac:dyDescent="0.3">
      <c r="B1448">
        <v>65.003158179696854</v>
      </c>
      <c r="C1448" s="83">
        <v>43161.25</v>
      </c>
      <c r="D1448">
        <v>282559.1128</v>
      </c>
      <c r="E1448">
        <v>24566.21429</v>
      </c>
      <c r="F1448">
        <v>79468.315759999998</v>
      </c>
      <c r="G1448">
        <v>51040.518510000002</v>
      </c>
      <c r="H1448">
        <v>47387.525849999998</v>
      </c>
      <c r="I1448">
        <v>41083.482129999997</v>
      </c>
      <c r="J1448">
        <v>43768.163480000003</v>
      </c>
      <c r="K1448">
        <v>50649.686670000003</v>
      </c>
      <c r="L1448">
        <v>21497.74036</v>
      </c>
      <c r="M1448">
        <v>331416.41409999999</v>
      </c>
      <c r="N1448">
        <v>87732.76874</v>
      </c>
      <c r="O1448">
        <v>27540.190920000001</v>
      </c>
      <c r="P1448">
        <v>33820.055079999998</v>
      </c>
      <c r="Q1448">
        <v>92486.722980000006</v>
      </c>
      <c r="R1448">
        <v>21338.68507</v>
      </c>
      <c r="S1448">
        <v>94299.218099999998</v>
      </c>
      <c r="T1448">
        <v>32576.415939999999</v>
      </c>
      <c r="U1448">
        <v>22945.327379999999</v>
      </c>
      <c r="W1448" s="83">
        <f>Bühler!N1480</f>
        <v>45352.249999996493</v>
      </c>
      <c r="X1448" s="83">
        <v>43161.25</v>
      </c>
      <c r="Y1448">
        <v>282559.1128</v>
      </c>
      <c r="Z1448">
        <v>24566.21429</v>
      </c>
      <c r="AA1448">
        <v>79468.315759999998</v>
      </c>
      <c r="AB1448">
        <v>51040.518510000002</v>
      </c>
      <c r="AC1448">
        <v>47387.525849999998</v>
      </c>
      <c r="AD1448">
        <v>41083.482129999997</v>
      </c>
      <c r="AE1448">
        <v>43768.163480000003</v>
      </c>
      <c r="AF1448">
        <v>50649.686670000003</v>
      </c>
      <c r="AG1448">
        <v>21497.74036</v>
      </c>
      <c r="AH1448">
        <v>331416.41409999999</v>
      </c>
      <c r="AI1448">
        <v>87732.76874</v>
      </c>
      <c r="AJ1448">
        <v>27540.190920000001</v>
      </c>
      <c r="AK1448">
        <v>33820.055079999998</v>
      </c>
      <c r="AL1448">
        <v>92486.722980000006</v>
      </c>
      <c r="AM1448">
        <v>21338.68507</v>
      </c>
      <c r="AN1448">
        <v>94299.218099999998</v>
      </c>
      <c r="AO1448">
        <v>32576.415939999999</v>
      </c>
      <c r="AP1448">
        <v>22945.327379999999</v>
      </c>
    </row>
    <row r="1449" spans="2:42" x14ac:dyDescent="0.3">
      <c r="B1449">
        <v>66.746875153336816</v>
      </c>
      <c r="C1449" s="83">
        <v>43161.291666666664</v>
      </c>
      <c r="D1449">
        <v>293785.96409999998</v>
      </c>
      <c r="E1449">
        <v>30004.283739999999</v>
      </c>
      <c r="F1449">
        <v>83729.215580000004</v>
      </c>
      <c r="G1449">
        <v>61461.398330000004</v>
      </c>
      <c r="H1449">
        <v>52687.636359999997</v>
      </c>
      <c r="I1449">
        <v>49533.795630000001</v>
      </c>
      <c r="J1449">
        <v>45820.510190000001</v>
      </c>
      <c r="K1449">
        <v>55428.293720000001</v>
      </c>
      <c r="L1449">
        <v>24170.817299999999</v>
      </c>
      <c r="M1449">
        <v>340306.69640000002</v>
      </c>
      <c r="N1449">
        <v>92182.107810000001</v>
      </c>
      <c r="O1449">
        <v>29914.021700000001</v>
      </c>
      <c r="P1449">
        <v>37228.02893</v>
      </c>
      <c r="Q1449">
        <v>92955.728019999995</v>
      </c>
      <c r="R1449">
        <v>22543.76885</v>
      </c>
      <c r="S1449">
        <v>109471.2151</v>
      </c>
      <c r="T1449">
        <v>33098.543080000003</v>
      </c>
      <c r="U1449">
        <v>28006.586309999999</v>
      </c>
      <c r="W1449" s="83">
        <f>Bühler!N1481</f>
        <v>45352.291666663157</v>
      </c>
      <c r="X1449" s="83">
        <v>43161.291666666664</v>
      </c>
      <c r="Y1449">
        <v>293785.96409999998</v>
      </c>
      <c r="Z1449">
        <v>30004.283739999999</v>
      </c>
      <c r="AA1449">
        <v>83729.215580000004</v>
      </c>
      <c r="AB1449">
        <v>61461.398330000004</v>
      </c>
      <c r="AC1449">
        <v>52687.636359999997</v>
      </c>
      <c r="AD1449">
        <v>49533.795630000001</v>
      </c>
      <c r="AE1449">
        <v>45820.510190000001</v>
      </c>
      <c r="AF1449">
        <v>55428.293720000001</v>
      </c>
      <c r="AG1449">
        <v>24170.817299999999</v>
      </c>
      <c r="AH1449">
        <v>340306.69640000002</v>
      </c>
      <c r="AI1449">
        <v>92182.107810000001</v>
      </c>
      <c r="AJ1449">
        <v>29914.021700000001</v>
      </c>
      <c r="AK1449">
        <v>37228.02893</v>
      </c>
      <c r="AL1449">
        <v>92955.728019999995</v>
      </c>
      <c r="AM1449">
        <v>22543.76885</v>
      </c>
      <c r="AN1449">
        <v>109471.2151</v>
      </c>
      <c r="AO1449">
        <v>33098.543080000003</v>
      </c>
      <c r="AP1449">
        <v>28006.586309999999</v>
      </c>
    </row>
    <row r="1450" spans="2:42" x14ac:dyDescent="0.3">
      <c r="B1450">
        <v>66.713915477087269</v>
      </c>
      <c r="C1450" s="83">
        <v>43161.333333333336</v>
      </c>
      <c r="D1450">
        <v>303633.98499999999</v>
      </c>
      <c r="E1450">
        <v>36134.540079999999</v>
      </c>
      <c r="F1450">
        <v>88905.523830000006</v>
      </c>
      <c r="G1450">
        <v>71438.272509999995</v>
      </c>
      <c r="H1450">
        <v>56543.263720000003</v>
      </c>
      <c r="I1450">
        <v>52590.670899999997</v>
      </c>
      <c r="J1450">
        <v>45639.849269999999</v>
      </c>
      <c r="K1450">
        <v>59006.535479999999</v>
      </c>
      <c r="L1450">
        <v>27549.083490000001</v>
      </c>
      <c r="M1450">
        <v>340138.65259999997</v>
      </c>
      <c r="N1450">
        <v>96032.194239999997</v>
      </c>
      <c r="O1450">
        <v>31027.28671</v>
      </c>
      <c r="P1450">
        <v>40180.982060000002</v>
      </c>
      <c r="Q1450">
        <v>93055.825760000007</v>
      </c>
      <c r="R1450">
        <v>23042.472389999999</v>
      </c>
      <c r="S1450">
        <v>121672.1168</v>
      </c>
      <c r="T1450">
        <v>35888.412300000004</v>
      </c>
      <c r="U1450">
        <v>30225.818579999999</v>
      </c>
      <c r="W1450" s="83">
        <f>Bühler!N1482</f>
        <v>45352.333333329821</v>
      </c>
      <c r="X1450" s="83">
        <v>43161.333333333336</v>
      </c>
      <c r="Y1450">
        <v>303633.98499999999</v>
      </c>
      <c r="Z1450">
        <v>36134.540079999999</v>
      </c>
      <c r="AA1450">
        <v>88905.523830000006</v>
      </c>
      <c r="AB1450">
        <v>71438.272509999995</v>
      </c>
      <c r="AC1450">
        <v>56543.263720000003</v>
      </c>
      <c r="AD1450">
        <v>52590.670899999997</v>
      </c>
      <c r="AE1450">
        <v>45639.849269999999</v>
      </c>
      <c r="AF1450">
        <v>59006.535479999999</v>
      </c>
      <c r="AG1450">
        <v>27549.083490000001</v>
      </c>
      <c r="AH1450">
        <v>340138.65259999997</v>
      </c>
      <c r="AI1450">
        <v>96032.194239999997</v>
      </c>
      <c r="AJ1450">
        <v>31027.28671</v>
      </c>
      <c r="AK1450">
        <v>40180.982060000002</v>
      </c>
      <c r="AL1450">
        <v>93055.825760000007</v>
      </c>
      <c r="AM1450">
        <v>23042.472389999999</v>
      </c>
      <c r="AN1450">
        <v>121672.1168</v>
      </c>
      <c r="AO1450">
        <v>35888.412300000004</v>
      </c>
      <c r="AP1450">
        <v>30225.818579999999</v>
      </c>
    </row>
    <row r="1451" spans="2:42" x14ac:dyDescent="0.3">
      <c r="B1451">
        <v>65.96425164807512</v>
      </c>
      <c r="C1451" s="83">
        <v>43161.375</v>
      </c>
      <c r="D1451">
        <v>301537.14569999999</v>
      </c>
      <c r="E1451">
        <v>39994.685519999999</v>
      </c>
      <c r="F1451">
        <v>95081.679799999998</v>
      </c>
      <c r="G1451">
        <v>76259.160229999994</v>
      </c>
      <c r="H1451">
        <v>58308.963680000001</v>
      </c>
      <c r="I1451">
        <v>47952.461770000002</v>
      </c>
      <c r="J1451">
        <v>45467.289980000001</v>
      </c>
      <c r="K1451">
        <v>57881.38723</v>
      </c>
      <c r="L1451">
        <v>29529.11722</v>
      </c>
      <c r="M1451">
        <v>336316.51679999998</v>
      </c>
      <c r="N1451">
        <v>103305.47870000001</v>
      </c>
      <c r="O1451">
        <v>30864.277389999999</v>
      </c>
      <c r="P1451">
        <v>41720.130720000001</v>
      </c>
      <c r="Q1451">
        <v>93274.224619999994</v>
      </c>
      <c r="R1451">
        <v>23416.276430000002</v>
      </c>
      <c r="S1451">
        <v>126386.1079</v>
      </c>
      <c r="T1451">
        <v>38329.10701</v>
      </c>
      <c r="U1451">
        <v>29077.530429999999</v>
      </c>
      <c r="W1451" s="83">
        <f>Bühler!N1483</f>
        <v>45352.374999996486</v>
      </c>
      <c r="X1451" s="83">
        <v>43161.375</v>
      </c>
      <c r="Y1451">
        <v>301537.14569999999</v>
      </c>
      <c r="Z1451">
        <v>39994.685519999999</v>
      </c>
      <c r="AA1451">
        <v>95081.679799999998</v>
      </c>
      <c r="AB1451">
        <v>76259.160229999994</v>
      </c>
      <c r="AC1451">
        <v>58308.963680000001</v>
      </c>
      <c r="AD1451">
        <v>47952.461770000002</v>
      </c>
      <c r="AE1451">
        <v>45467.289980000001</v>
      </c>
      <c r="AF1451">
        <v>57881.38723</v>
      </c>
      <c r="AG1451">
        <v>29529.11722</v>
      </c>
      <c r="AH1451">
        <v>336316.51679999998</v>
      </c>
      <c r="AI1451">
        <v>103305.47870000001</v>
      </c>
      <c r="AJ1451">
        <v>30864.277389999999</v>
      </c>
      <c r="AK1451">
        <v>41720.130720000001</v>
      </c>
      <c r="AL1451">
        <v>93274.224619999994</v>
      </c>
      <c r="AM1451">
        <v>23416.276430000002</v>
      </c>
      <c r="AN1451">
        <v>126386.1079</v>
      </c>
      <c r="AO1451">
        <v>38329.10701</v>
      </c>
      <c r="AP1451">
        <v>29077.530429999999</v>
      </c>
    </row>
    <row r="1452" spans="2:42" x14ac:dyDescent="0.3">
      <c r="B1452">
        <v>65.893434979731381</v>
      </c>
      <c r="C1452" s="83">
        <v>43161.416666666664</v>
      </c>
      <c r="D1452">
        <v>303230.4313</v>
      </c>
      <c r="E1452">
        <v>40941.611109999998</v>
      </c>
      <c r="F1452">
        <v>95588.048729999995</v>
      </c>
      <c r="G1452">
        <v>76906.732749999996</v>
      </c>
      <c r="H1452">
        <v>58708.106240000001</v>
      </c>
      <c r="I1452">
        <v>44050.625699999997</v>
      </c>
      <c r="J1452">
        <v>44575.150439999998</v>
      </c>
      <c r="K1452">
        <v>59775.287519999998</v>
      </c>
      <c r="L1452">
        <v>32116.75908</v>
      </c>
      <c r="M1452">
        <v>335955.46039999998</v>
      </c>
      <c r="N1452">
        <v>106861.31050000001</v>
      </c>
      <c r="O1452">
        <v>31063.143209999998</v>
      </c>
      <c r="P1452">
        <v>42069.308770000003</v>
      </c>
      <c r="Q1452">
        <v>92752.216100000005</v>
      </c>
      <c r="R1452">
        <v>25036.461770000002</v>
      </c>
      <c r="S1452">
        <v>125701.87609999999</v>
      </c>
      <c r="T1452">
        <v>39859.031389999996</v>
      </c>
      <c r="U1452">
        <v>28398.619470000001</v>
      </c>
      <c r="W1452" s="83">
        <f>Bühler!N1484</f>
        <v>45352.41666666315</v>
      </c>
      <c r="X1452" s="83">
        <v>43161.416666666664</v>
      </c>
      <c r="Y1452">
        <v>303230.4313</v>
      </c>
      <c r="Z1452">
        <v>40941.611109999998</v>
      </c>
      <c r="AA1452">
        <v>95588.048729999995</v>
      </c>
      <c r="AB1452">
        <v>76906.732749999996</v>
      </c>
      <c r="AC1452">
        <v>58708.106240000001</v>
      </c>
      <c r="AD1452">
        <v>44050.625699999997</v>
      </c>
      <c r="AE1452">
        <v>44575.150439999998</v>
      </c>
      <c r="AF1452">
        <v>59775.287519999998</v>
      </c>
      <c r="AG1452">
        <v>32116.75908</v>
      </c>
      <c r="AH1452">
        <v>335955.46039999998</v>
      </c>
      <c r="AI1452">
        <v>106861.31050000001</v>
      </c>
      <c r="AJ1452">
        <v>31063.143209999998</v>
      </c>
      <c r="AK1452">
        <v>42069.308770000003</v>
      </c>
      <c r="AL1452">
        <v>92752.216100000005</v>
      </c>
      <c r="AM1452">
        <v>25036.461770000002</v>
      </c>
      <c r="AN1452">
        <v>125701.87609999999</v>
      </c>
      <c r="AO1452">
        <v>39859.031389999996</v>
      </c>
      <c r="AP1452">
        <v>28398.619470000001</v>
      </c>
    </row>
    <row r="1453" spans="2:42" x14ac:dyDescent="0.3">
      <c r="B1453">
        <v>66.036919735917778</v>
      </c>
      <c r="C1453" s="83">
        <v>43161.458333333336</v>
      </c>
      <c r="D1453">
        <v>299081.83760000003</v>
      </c>
      <c r="E1453">
        <v>40507.528409999999</v>
      </c>
      <c r="F1453">
        <v>96288.278390000007</v>
      </c>
      <c r="G1453">
        <v>75149.578640000007</v>
      </c>
      <c r="H1453">
        <v>57383.388449999999</v>
      </c>
      <c r="I1453">
        <v>42546.419739999998</v>
      </c>
      <c r="J1453">
        <v>43757.969550000002</v>
      </c>
      <c r="K1453">
        <v>65145.869169999998</v>
      </c>
      <c r="L1453">
        <v>34116.85039</v>
      </c>
      <c r="M1453">
        <v>336687.01260000002</v>
      </c>
      <c r="N1453">
        <v>106264.3498</v>
      </c>
      <c r="O1453">
        <v>31180.693459999999</v>
      </c>
      <c r="P1453">
        <v>40619.331639999997</v>
      </c>
      <c r="Q1453">
        <v>92150.295880000005</v>
      </c>
      <c r="R1453">
        <v>29417.598979999999</v>
      </c>
      <c r="S1453">
        <v>126102.6231</v>
      </c>
      <c r="T1453">
        <v>39056.490469999997</v>
      </c>
      <c r="U1453">
        <v>26807.864669999999</v>
      </c>
      <c r="W1453" s="83">
        <f>Bühler!N1485</f>
        <v>45352.458333329814</v>
      </c>
      <c r="X1453" s="83">
        <v>43161.458333333336</v>
      </c>
      <c r="Y1453">
        <v>299081.83760000003</v>
      </c>
      <c r="Z1453">
        <v>40507.528409999999</v>
      </c>
      <c r="AA1453">
        <v>96288.278390000007</v>
      </c>
      <c r="AB1453">
        <v>75149.578640000007</v>
      </c>
      <c r="AC1453">
        <v>57383.388449999999</v>
      </c>
      <c r="AD1453">
        <v>42546.419739999998</v>
      </c>
      <c r="AE1453">
        <v>43757.969550000002</v>
      </c>
      <c r="AF1453">
        <v>65145.869169999998</v>
      </c>
      <c r="AG1453">
        <v>34116.85039</v>
      </c>
      <c r="AH1453">
        <v>336687.01260000002</v>
      </c>
      <c r="AI1453">
        <v>106264.3498</v>
      </c>
      <c r="AJ1453">
        <v>31180.693459999999</v>
      </c>
      <c r="AK1453">
        <v>40619.331639999997</v>
      </c>
      <c r="AL1453">
        <v>92150.295880000005</v>
      </c>
      <c r="AM1453">
        <v>29417.598979999999</v>
      </c>
      <c r="AN1453">
        <v>126102.6231</v>
      </c>
      <c r="AO1453">
        <v>39056.490469999997</v>
      </c>
      <c r="AP1453">
        <v>26807.864669999999</v>
      </c>
    </row>
    <row r="1454" spans="2:42" x14ac:dyDescent="0.3">
      <c r="B1454">
        <v>64.543214141093955</v>
      </c>
      <c r="C1454" s="83">
        <v>43161.5</v>
      </c>
      <c r="D1454">
        <v>283496.80310000002</v>
      </c>
      <c r="E1454">
        <v>36102.28757</v>
      </c>
      <c r="F1454">
        <v>94932.544460000005</v>
      </c>
      <c r="G1454">
        <v>71987.618950000004</v>
      </c>
      <c r="H1454">
        <v>54136.148609999997</v>
      </c>
      <c r="I1454">
        <v>40073.768129999997</v>
      </c>
      <c r="J1454">
        <v>42986.161829999997</v>
      </c>
      <c r="K1454">
        <v>62265.81639</v>
      </c>
      <c r="L1454">
        <v>35977.938459999998</v>
      </c>
      <c r="M1454">
        <v>329071.40490000002</v>
      </c>
      <c r="N1454">
        <v>102355.37820000001</v>
      </c>
      <c r="O1454">
        <v>29772.40367</v>
      </c>
      <c r="P1454">
        <v>42134.494919999997</v>
      </c>
      <c r="Q1454">
        <v>89713.110249999998</v>
      </c>
      <c r="R1454">
        <v>27639.613120000002</v>
      </c>
      <c r="S1454">
        <v>118800.1349</v>
      </c>
      <c r="T1454">
        <v>38600.971819999999</v>
      </c>
      <c r="U1454">
        <v>22977.086719999999</v>
      </c>
      <c r="W1454" s="83">
        <f>Bühler!N1486</f>
        <v>45352.499999996478</v>
      </c>
      <c r="X1454" s="83">
        <v>43161.5</v>
      </c>
      <c r="Y1454">
        <v>283496.80310000002</v>
      </c>
      <c r="Z1454">
        <v>36102.28757</v>
      </c>
      <c r="AA1454">
        <v>94932.544460000005</v>
      </c>
      <c r="AB1454">
        <v>71987.618950000004</v>
      </c>
      <c r="AC1454">
        <v>54136.148609999997</v>
      </c>
      <c r="AD1454">
        <v>40073.768129999997</v>
      </c>
      <c r="AE1454">
        <v>42986.161829999997</v>
      </c>
      <c r="AF1454">
        <v>62265.81639</v>
      </c>
      <c r="AG1454">
        <v>35977.938459999998</v>
      </c>
      <c r="AH1454">
        <v>329071.40490000002</v>
      </c>
      <c r="AI1454">
        <v>102355.37820000001</v>
      </c>
      <c r="AJ1454">
        <v>29772.40367</v>
      </c>
      <c r="AK1454">
        <v>42134.494919999997</v>
      </c>
      <c r="AL1454">
        <v>89713.110249999998</v>
      </c>
      <c r="AM1454">
        <v>27639.613120000002</v>
      </c>
      <c r="AN1454">
        <v>118800.1349</v>
      </c>
      <c r="AO1454">
        <v>38600.971819999999</v>
      </c>
      <c r="AP1454">
        <v>22977.086719999999</v>
      </c>
    </row>
    <row r="1455" spans="2:42" x14ac:dyDescent="0.3">
      <c r="B1455">
        <v>64.001219742256737</v>
      </c>
      <c r="C1455" s="83">
        <v>43161.541666666664</v>
      </c>
      <c r="D1455">
        <v>280504.23080000002</v>
      </c>
      <c r="E1455">
        <v>35179.135170000001</v>
      </c>
      <c r="F1455">
        <v>92508.884080000003</v>
      </c>
      <c r="G1455">
        <v>69889.283490000002</v>
      </c>
      <c r="H1455">
        <v>52958.492189999997</v>
      </c>
      <c r="I1455">
        <v>39479.924850000003</v>
      </c>
      <c r="J1455">
        <v>42343.544280000002</v>
      </c>
      <c r="K1455">
        <v>62801.551200000002</v>
      </c>
      <c r="L1455">
        <v>34388.291080000003</v>
      </c>
      <c r="M1455">
        <v>326308.06469999999</v>
      </c>
      <c r="N1455">
        <v>101182.8887</v>
      </c>
      <c r="O1455">
        <v>29056.605909999998</v>
      </c>
      <c r="P1455">
        <v>40523.755620000004</v>
      </c>
      <c r="Q1455">
        <v>88117.530379999997</v>
      </c>
      <c r="R1455">
        <v>26798.404310000002</v>
      </c>
      <c r="S1455">
        <v>118785.0496</v>
      </c>
      <c r="T1455">
        <v>37461.8289</v>
      </c>
      <c r="U1455">
        <v>23778.50764</v>
      </c>
      <c r="W1455" s="83">
        <f>Bühler!N1487</f>
        <v>45352.541666663143</v>
      </c>
      <c r="X1455" s="83">
        <v>43161.541666666664</v>
      </c>
      <c r="Y1455">
        <v>280504.23080000002</v>
      </c>
      <c r="Z1455">
        <v>35179.135170000001</v>
      </c>
      <c r="AA1455">
        <v>92508.884080000003</v>
      </c>
      <c r="AB1455">
        <v>69889.283490000002</v>
      </c>
      <c r="AC1455">
        <v>52958.492189999997</v>
      </c>
      <c r="AD1455">
        <v>39479.924850000003</v>
      </c>
      <c r="AE1455">
        <v>42343.544280000002</v>
      </c>
      <c r="AF1455">
        <v>62801.551200000002</v>
      </c>
      <c r="AG1455">
        <v>34388.291080000003</v>
      </c>
      <c r="AH1455">
        <v>326308.06469999999</v>
      </c>
      <c r="AI1455">
        <v>101182.8887</v>
      </c>
      <c r="AJ1455">
        <v>29056.605909999998</v>
      </c>
      <c r="AK1455">
        <v>40523.755620000004</v>
      </c>
      <c r="AL1455">
        <v>88117.530379999997</v>
      </c>
      <c r="AM1455">
        <v>26798.404310000002</v>
      </c>
      <c r="AN1455">
        <v>118785.0496</v>
      </c>
      <c r="AO1455">
        <v>37461.8289</v>
      </c>
      <c r="AP1455">
        <v>23778.50764</v>
      </c>
    </row>
    <row r="1456" spans="2:42" x14ac:dyDescent="0.3">
      <c r="B1456">
        <v>63.951037278974688</v>
      </c>
      <c r="C1456" s="83">
        <v>43161.583333333336</v>
      </c>
      <c r="D1456">
        <v>279231.98969999998</v>
      </c>
      <c r="E1456">
        <v>37608.695659999998</v>
      </c>
      <c r="F1456">
        <v>93409.079249999995</v>
      </c>
      <c r="G1456">
        <v>65659.969819999998</v>
      </c>
      <c r="H1456">
        <v>51830.219190000003</v>
      </c>
      <c r="I1456">
        <v>39895.371980000004</v>
      </c>
      <c r="J1456">
        <v>41706.741009999998</v>
      </c>
      <c r="K1456">
        <v>63703.769090000002</v>
      </c>
      <c r="L1456">
        <v>31161.950229999999</v>
      </c>
      <c r="M1456">
        <v>326052.21110000001</v>
      </c>
      <c r="N1456">
        <v>100146.09110000001</v>
      </c>
      <c r="O1456">
        <v>28168.919450000001</v>
      </c>
      <c r="P1456">
        <v>37280.133329999997</v>
      </c>
      <c r="Q1456">
        <v>85851.914380000002</v>
      </c>
      <c r="R1456">
        <v>26432.15682</v>
      </c>
      <c r="S1456">
        <v>114020.1051</v>
      </c>
      <c r="T1456">
        <v>36673.620179999998</v>
      </c>
      <c r="U1456">
        <v>23277.308980000002</v>
      </c>
      <c r="W1456" s="83">
        <f>Bühler!N1488</f>
        <v>45352.583333329807</v>
      </c>
      <c r="X1456" s="83">
        <v>43161.583333333336</v>
      </c>
      <c r="Y1456">
        <v>279231.98969999998</v>
      </c>
      <c r="Z1456">
        <v>37608.695659999998</v>
      </c>
      <c r="AA1456">
        <v>93409.079249999995</v>
      </c>
      <c r="AB1456">
        <v>65659.969819999998</v>
      </c>
      <c r="AC1456">
        <v>51830.219190000003</v>
      </c>
      <c r="AD1456">
        <v>39895.371980000004</v>
      </c>
      <c r="AE1456">
        <v>41706.741009999998</v>
      </c>
      <c r="AF1456">
        <v>63703.769090000002</v>
      </c>
      <c r="AG1456">
        <v>31161.950229999999</v>
      </c>
      <c r="AH1456">
        <v>326052.21110000001</v>
      </c>
      <c r="AI1456">
        <v>100146.09110000001</v>
      </c>
      <c r="AJ1456">
        <v>28168.919450000001</v>
      </c>
      <c r="AK1456">
        <v>37280.133329999997</v>
      </c>
      <c r="AL1456">
        <v>85851.914380000002</v>
      </c>
      <c r="AM1456">
        <v>26432.15682</v>
      </c>
      <c r="AN1456">
        <v>114020.1051</v>
      </c>
      <c r="AO1456">
        <v>36673.620179999998</v>
      </c>
      <c r="AP1456">
        <v>23277.308980000002</v>
      </c>
    </row>
    <row r="1457" spans="2:42" x14ac:dyDescent="0.3">
      <c r="B1457">
        <v>62.952881390777129</v>
      </c>
      <c r="C1457" s="83">
        <v>43161.625</v>
      </c>
      <c r="D1457">
        <v>274782.04930000001</v>
      </c>
      <c r="E1457">
        <v>36943.196989999997</v>
      </c>
      <c r="F1457">
        <v>93704.493189999994</v>
      </c>
      <c r="G1457">
        <v>61868.797270000003</v>
      </c>
      <c r="H1457">
        <v>50267.57576</v>
      </c>
      <c r="I1457">
        <v>40114.366909999997</v>
      </c>
      <c r="J1457">
        <v>41434.124839999997</v>
      </c>
      <c r="K1457">
        <v>61822.908369999997</v>
      </c>
      <c r="L1457">
        <v>28191.90899</v>
      </c>
      <c r="M1457">
        <v>320963.14689999999</v>
      </c>
      <c r="N1457">
        <v>96636.400720000005</v>
      </c>
      <c r="O1457">
        <v>27486.551960000001</v>
      </c>
      <c r="P1457">
        <v>34331.391040000002</v>
      </c>
      <c r="Q1457">
        <v>85697.425440000006</v>
      </c>
      <c r="R1457">
        <v>25333.27925</v>
      </c>
      <c r="S1457">
        <v>109523.37209999999</v>
      </c>
      <c r="T1457">
        <v>35541.783069999998</v>
      </c>
      <c r="U1457">
        <v>21901.393899999999</v>
      </c>
      <c r="W1457" s="83">
        <f>Bühler!N1489</f>
        <v>45352.624999996471</v>
      </c>
      <c r="X1457" s="83">
        <v>43161.625</v>
      </c>
      <c r="Y1457">
        <v>274782.04930000001</v>
      </c>
      <c r="Z1457">
        <v>36943.196989999997</v>
      </c>
      <c r="AA1457">
        <v>93704.493189999994</v>
      </c>
      <c r="AB1457">
        <v>61868.797270000003</v>
      </c>
      <c r="AC1457">
        <v>50267.57576</v>
      </c>
      <c r="AD1457">
        <v>40114.366909999997</v>
      </c>
      <c r="AE1457">
        <v>41434.124839999997</v>
      </c>
      <c r="AF1457">
        <v>61822.908369999997</v>
      </c>
      <c r="AG1457">
        <v>28191.90899</v>
      </c>
      <c r="AH1457">
        <v>320963.14689999999</v>
      </c>
      <c r="AI1457">
        <v>96636.400720000005</v>
      </c>
      <c r="AJ1457">
        <v>27486.551960000001</v>
      </c>
      <c r="AK1457">
        <v>34331.391040000002</v>
      </c>
      <c r="AL1457">
        <v>85697.425440000006</v>
      </c>
      <c r="AM1457">
        <v>25333.27925</v>
      </c>
      <c r="AN1457">
        <v>109523.37209999999</v>
      </c>
      <c r="AO1457">
        <v>35541.783069999998</v>
      </c>
      <c r="AP1457">
        <v>21901.393899999999</v>
      </c>
    </row>
    <row r="1458" spans="2:42" x14ac:dyDescent="0.3">
      <c r="B1458">
        <v>61.366820768300158</v>
      </c>
      <c r="C1458" s="83">
        <v>43161.666666666664</v>
      </c>
      <c r="D1458">
        <v>266958.91200000001</v>
      </c>
      <c r="E1458">
        <v>35592.091070000002</v>
      </c>
      <c r="F1458">
        <v>92724.978940000001</v>
      </c>
      <c r="G1458">
        <v>57919.041409999998</v>
      </c>
      <c r="H1458">
        <v>49291.562129999998</v>
      </c>
      <c r="I1458">
        <v>41382.70132</v>
      </c>
      <c r="J1458">
        <v>40231.97494</v>
      </c>
      <c r="K1458">
        <v>56694.256289999998</v>
      </c>
      <c r="L1458">
        <v>26929.265060000002</v>
      </c>
      <c r="M1458">
        <v>312876.67019999999</v>
      </c>
      <c r="N1458">
        <v>93336.333069999993</v>
      </c>
      <c r="O1458">
        <v>27133.891179999999</v>
      </c>
      <c r="P1458">
        <v>34038.774270000002</v>
      </c>
      <c r="Q1458">
        <v>84316.850340000005</v>
      </c>
      <c r="R1458">
        <v>24934.323469999999</v>
      </c>
      <c r="S1458">
        <v>106021.3385</v>
      </c>
      <c r="T1458">
        <v>35673.05285</v>
      </c>
      <c r="U1458">
        <v>20765.60946</v>
      </c>
      <c r="W1458" s="83">
        <f>Bühler!N1490</f>
        <v>45352.666666663135</v>
      </c>
      <c r="X1458" s="83">
        <v>43161.666666666664</v>
      </c>
      <c r="Y1458">
        <v>266958.91200000001</v>
      </c>
      <c r="Z1458">
        <v>35592.091070000002</v>
      </c>
      <c r="AA1458">
        <v>92724.978940000001</v>
      </c>
      <c r="AB1458">
        <v>57919.041409999998</v>
      </c>
      <c r="AC1458">
        <v>49291.562129999998</v>
      </c>
      <c r="AD1458">
        <v>41382.70132</v>
      </c>
      <c r="AE1458">
        <v>40231.97494</v>
      </c>
      <c r="AF1458">
        <v>56694.256289999998</v>
      </c>
      <c r="AG1458">
        <v>26929.265060000002</v>
      </c>
      <c r="AH1458">
        <v>312876.67019999999</v>
      </c>
      <c r="AI1458">
        <v>93336.333069999993</v>
      </c>
      <c r="AJ1458">
        <v>27133.891179999999</v>
      </c>
      <c r="AK1458">
        <v>34038.774270000002</v>
      </c>
      <c r="AL1458">
        <v>84316.850340000005</v>
      </c>
      <c r="AM1458">
        <v>24934.323469999999</v>
      </c>
      <c r="AN1458">
        <v>106021.3385</v>
      </c>
      <c r="AO1458">
        <v>35673.05285</v>
      </c>
      <c r="AP1458">
        <v>20765.60946</v>
      </c>
    </row>
    <row r="1459" spans="2:42" x14ac:dyDescent="0.3">
      <c r="B1459">
        <v>60.107727372473647</v>
      </c>
      <c r="C1459" s="83">
        <v>43161.708333333336</v>
      </c>
      <c r="D1459">
        <v>256221.45740000001</v>
      </c>
      <c r="E1459">
        <v>33513.65294</v>
      </c>
      <c r="F1459">
        <v>91767.530440000002</v>
      </c>
      <c r="G1459">
        <v>52952.983610000003</v>
      </c>
      <c r="H1459">
        <v>47528.085879999999</v>
      </c>
      <c r="I1459">
        <v>42780.074719999997</v>
      </c>
      <c r="J1459">
        <v>39889.775999999998</v>
      </c>
      <c r="K1459">
        <v>51609.764239999997</v>
      </c>
      <c r="L1459">
        <v>27392.669470000001</v>
      </c>
      <c r="M1459">
        <v>306457.22489999997</v>
      </c>
      <c r="N1459">
        <v>86093.609100000001</v>
      </c>
      <c r="O1459">
        <v>26189.49454</v>
      </c>
      <c r="P1459">
        <v>36301.397120000001</v>
      </c>
      <c r="Q1459">
        <v>82747.783429999996</v>
      </c>
      <c r="R1459">
        <v>25283.327300000001</v>
      </c>
      <c r="S1459">
        <v>103563.7199</v>
      </c>
      <c r="T1459">
        <v>36449.303590000003</v>
      </c>
      <c r="U1459">
        <v>19616.237679999998</v>
      </c>
      <c r="W1459" s="83">
        <f>Bühler!N1491</f>
        <v>45352.7083333298</v>
      </c>
      <c r="X1459" s="83">
        <v>43161.708333333336</v>
      </c>
      <c r="Y1459">
        <v>256221.45740000001</v>
      </c>
      <c r="Z1459">
        <v>33513.65294</v>
      </c>
      <c r="AA1459">
        <v>91767.530440000002</v>
      </c>
      <c r="AB1459">
        <v>52952.983610000003</v>
      </c>
      <c r="AC1459">
        <v>47528.085879999999</v>
      </c>
      <c r="AD1459">
        <v>42780.074719999997</v>
      </c>
      <c r="AE1459">
        <v>39889.775999999998</v>
      </c>
      <c r="AF1459">
        <v>51609.764239999997</v>
      </c>
      <c r="AG1459">
        <v>27392.669470000001</v>
      </c>
      <c r="AH1459">
        <v>306457.22489999997</v>
      </c>
      <c r="AI1459">
        <v>86093.609100000001</v>
      </c>
      <c r="AJ1459">
        <v>26189.49454</v>
      </c>
      <c r="AK1459">
        <v>36301.397120000001</v>
      </c>
      <c r="AL1459">
        <v>82747.783429999996</v>
      </c>
      <c r="AM1459">
        <v>25283.327300000001</v>
      </c>
      <c r="AN1459">
        <v>103563.7199</v>
      </c>
      <c r="AO1459">
        <v>36449.303590000003</v>
      </c>
      <c r="AP1459">
        <v>19616.237679999998</v>
      </c>
    </row>
    <row r="1460" spans="2:42" x14ac:dyDescent="0.3">
      <c r="B1460">
        <v>58.192775787983031</v>
      </c>
      <c r="C1460" s="83">
        <v>43161.75</v>
      </c>
      <c r="D1460">
        <v>249205.61420000001</v>
      </c>
      <c r="E1460">
        <v>31741.944289999999</v>
      </c>
      <c r="F1460">
        <v>89834.155469999998</v>
      </c>
      <c r="G1460">
        <v>48994.307650000002</v>
      </c>
      <c r="H1460">
        <v>46788.132299999997</v>
      </c>
      <c r="I1460">
        <v>41699.068939999997</v>
      </c>
      <c r="J1460">
        <v>42385.049579999999</v>
      </c>
      <c r="K1460">
        <v>46620.13265</v>
      </c>
      <c r="L1460">
        <v>30310.26628</v>
      </c>
      <c r="M1460">
        <v>296693.90870000003</v>
      </c>
      <c r="N1460">
        <v>84034.352509999997</v>
      </c>
      <c r="O1460">
        <v>25335.120620000002</v>
      </c>
      <c r="P1460">
        <v>39752.880080000003</v>
      </c>
      <c r="Q1460">
        <v>80031.178159999996</v>
      </c>
      <c r="R1460">
        <v>22031.732319999999</v>
      </c>
      <c r="S1460">
        <v>101067.8943</v>
      </c>
      <c r="T1460">
        <v>36709.206299999998</v>
      </c>
      <c r="U1460">
        <v>19048.888139999999</v>
      </c>
      <c r="W1460" s="83">
        <f>Bühler!N1492</f>
        <v>45352.749999996464</v>
      </c>
      <c r="X1460" s="83">
        <v>43161.75</v>
      </c>
      <c r="Y1460">
        <v>249205.61420000001</v>
      </c>
      <c r="Z1460">
        <v>31741.944289999999</v>
      </c>
      <c r="AA1460">
        <v>89834.155469999998</v>
      </c>
      <c r="AB1460">
        <v>48994.307650000002</v>
      </c>
      <c r="AC1460">
        <v>46788.132299999997</v>
      </c>
      <c r="AD1460">
        <v>41699.068939999997</v>
      </c>
      <c r="AE1460">
        <v>42385.049579999999</v>
      </c>
      <c r="AF1460">
        <v>46620.13265</v>
      </c>
      <c r="AG1460">
        <v>30310.26628</v>
      </c>
      <c r="AH1460">
        <v>296693.90870000003</v>
      </c>
      <c r="AI1460">
        <v>84034.352509999997</v>
      </c>
      <c r="AJ1460">
        <v>25335.120620000002</v>
      </c>
      <c r="AK1460">
        <v>39752.880080000003</v>
      </c>
      <c r="AL1460">
        <v>80031.178159999996</v>
      </c>
      <c r="AM1460">
        <v>22031.732319999999</v>
      </c>
      <c r="AN1460">
        <v>101067.8943</v>
      </c>
      <c r="AO1460">
        <v>36709.206299999998</v>
      </c>
      <c r="AP1460">
        <v>19048.888139999999</v>
      </c>
    </row>
    <row r="1461" spans="2:42" x14ac:dyDescent="0.3">
      <c r="B1461">
        <v>57.618523649470923</v>
      </c>
      <c r="C1461" s="83">
        <v>43161.791666666664</v>
      </c>
      <c r="D1461">
        <v>242689.41819999999</v>
      </c>
      <c r="E1461">
        <v>27120.726419999999</v>
      </c>
      <c r="F1461">
        <v>80476.321590000007</v>
      </c>
      <c r="G1461">
        <v>47146.905839999999</v>
      </c>
      <c r="H1461">
        <v>46602.171459999998</v>
      </c>
      <c r="I1461">
        <v>41219.670480000001</v>
      </c>
      <c r="J1461">
        <v>44585.419090000003</v>
      </c>
      <c r="K1461">
        <v>46560.30517</v>
      </c>
      <c r="L1461">
        <v>32902.199500000002</v>
      </c>
      <c r="M1461">
        <v>293766.10350000003</v>
      </c>
      <c r="N1461">
        <v>84217.576000000001</v>
      </c>
      <c r="O1461">
        <v>25173.275229999999</v>
      </c>
      <c r="P1461">
        <v>42128.958700000003</v>
      </c>
      <c r="Q1461">
        <v>76860.678669999994</v>
      </c>
      <c r="R1461">
        <v>22449.264620000002</v>
      </c>
      <c r="S1461">
        <v>99175.140610000002</v>
      </c>
      <c r="T1461">
        <v>37453.603080000001</v>
      </c>
      <c r="U1461">
        <v>18895.863020000001</v>
      </c>
      <c r="W1461" s="83">
        <f>Bühler!N1493</f>
        <v>45352.791666663128</v>
      </c>
      <c r="X1461" s="83">
        <v>43161.791666666664</v>
      </c>
      <c r="Y1461">
        <v>242689.41819999999</v>
      </c>
      <c r="Z1461">
        <v>27120.726419999999</v>
      </c>
      <c r="AA1461">
        <v>80476.321590000007</v>
      </c>
      <c r="AB1461">
        <v>47146.905839999999</v>
      </c>
      <c r="AC1461">
        <v>46602.171459999998</v>
      </c>
      <c r="AD1461">
        <v>41219.670480000001</v>
      </c>
      <c r="AE1461">
        <v>44585.419090000003</v>
      </c>
      <c r="AF1461">
        <v>46560.30517</v>
      </c>
      <c r="AG1461">
        <v>32902.199500000002</v>
      </c>
      <c r="AH1461">
        <v>293766.10350000003</v>
      </c>
      <c r="AI1461">
        <v>84217.576000000001</v>
      </c>
      <c r="AJ1461">
        <v>25173.275229999999</v>
      </c>
      <c r="AK1461">
        <v>42128.958700000003</v>
      </c>
      <c r="AL1461">
        <v>76860.678669999994</v>
      </c>
      <c r="AM1461">
        <v>22449.264620000002</v>
      </c>
      <c r="AN1461">
        <v>99175.140610000002</v>
      </c>
      <c r="AO1461">
        <v>37453.603080000001</v>
      </c>
      <c r="AP1461">
        <v>18895.863020000001</v>
      </c>
    </row>
    <row r="1462" spans="2:42" x14ac:dyDescent="0.3">
      <c r="B1462">
        <v>56.59670066377641</v>
      </c>
      <c r="C1462" s="83">
        <v>43161.833333333336</v>
      </c>
      <c r="D1462">
        <v>233545.83319999999</v>
      </c>
      <c r="E1462">
        <v>21379.20536</v>
      </c>
      <c r="F1462">
        <v>62729.560830000002</v>
      </c>
      <c r="G1462">
        <v>44025.433140000001</v>
      </c>
      <c r="H1462">
        <v>44588.203520000003</v>
      </c>
      <c r="I1462">
        <v>37586.311280000002</v>
      </c>
      <c r="J1462">
        <v>42978.211130000003</v>
      </c>
      <c r="K1462">
        <v>51385.804750000003</v>
      </c>
      <c r="L1462">
        <v>32180.711899999998</v>
      </c>
      <c r="M1462">
        <v>288556.37339999998</v>
      </c>
      <c r="N1462">
        <v>82944.092480000007</v>
      </c>
      <c r="O1462">
        <v>24432.519520000002</v>
      </c>
      <c r="P1462">
        <v>41844.523159999997</v>
      </c>
      <c r="Q1462">
        <v>74292.05558</v>
      </c>
      <c r="R1462">
        <v>23541.616689999999</v>
      </c>
      <c r="S1462">
        <v>90768.851890000005</v>
      </c>
      <c r="T1462">
        <v>36589.81465</v>
      </c>
      <c r="U1462">
        <v>18264.874960000001</v>
      </c>
      <c r="W1462" s="83">
        <f>Bühler!N1494</f>
        <v>45352.833333329792</v>
      </c>
      <c r="X1462" s="83">
        <v>43161.833333333336</v>
      </c>
      <c r="Y1462">
        <v>233545.83319999999</v>
      </c>
      <c r="Z1462">
        <v>21379.20536</v>
      </c>
      <c r="AA1462">
        <v>62729.560830000002</v>
      </c>
      <c r="AB1462">
        <v>44025.433140000001</v>
      </c>
      <c r="AC1462">
        <v>44588.203520000003</v>
      </c>
      <c r="AD1462">
        <v>37586.311280000002</v>
      </c>
      <c r="AE1462">
        <v>42978.211130000003</v>
      </c>
      <c r="AF1462">
        <v>51385.804750000003</v>
      </c>
      <c r="AG1462">
        <v>32180.711899999998</v>
      </c>
      <c r="AH1462">
        <v>288556.37339999998</v>
      </c>
      <c r="AI1462">
        <v>82944.092480000007</v>
      </c>
      <c r="AJ1462">
        <v>24432.519520000002</v>
      </c>
      <c r="AK1462">
        <v>41844.523159999997</v>
      </c>
      <c r="AL1462">
        <v>74292.05558</v>
      </c>
      <c r="AM1462">
        <v>23541.616689999999</v>
      </c>
      <c r="AN1462">
        <v>90768.851890000005</v>
      </c>
      <c r="AO1462">
        <v>36589.81465</v>
      </c>
      <c r="AP1462">
        <v>18264.874960000001</v>
      </c>
    </row>
    <row r="1463" spans="2:42" x14ac:dyDescent="0.3">
      <c r="B1463">
        <v>54.973373579729135</v>
      </c>
      <c r="C1463" s="83">
        <v>43161.875</v>
      </c>
      <c r="D1463">
        <v>226939.57509999999</v>
      </c>
      <c r="E1463">
        <v>18816.134330000001</v>
      </c>
      <c r="F1463">
        <v>54051.128539999998</v>
      </c>
      <c r="G1463">
        <v>42200.103210000001</v>
      </c>
      <c r="H1463">
        <v>42482.875200000002</v>
      </c>
      <c r="I1463">
        <v>32426.786</v>
      </c>
      <c r="J1463">
        <v>40987.630839999998</v>
      </c>
      <c r="K1463">
        <v>50842.842409999997</v>
      </c>
      <c r="L1463">
        <v>31009.502659999998</v>
      </c>
      <c r="M1463">
        <v>280279.89490000001</v>
      </c>
      <c r="N1463">
        <v>80891.722150000001</v>
      </c>
      <c r="O1463">
        <v>23785.098709999998</v>
      </c>
      <c r="P1463">
        <v>40823.813300000002</v>
      </c>
      <c r="Q1463">
        <v>71832.311170000001</v>
      </c>
      <c r="R1463">
        <v>21889.567040000002</v>
      </c>
      <c r="S1463">
        <v>85780.904169999994</v>
      </c>
      <c r="T1463">
        <v>34544.587699999996</v>
      </c>
      <c r="U1463">
        <v>17541.953020000001</v>
      </c>
      <c r="W1463" s="83">
        <f>Bühler!N1495</f>
        <v>45352.874999996457</v>
      </c>
      <c r="X1463" s="83">
        <v>43161.875</v>
      </c>
      <c r="Y1463">
        <v>226939.57509999999</v>
      </c>
      <c r="Z1463">
        <v>18816.134330000001</v>
      </c>
      <c r="AA1463">
        <v>54051.128539999998</v>
      </c>
      <c r="AB1463">
        <v>42200.103210000001</v>
      </c>
      <c r="AC1463">
        <v>42482.875200000002</v>
      </c>
      <c r="AD1463">
        <v>32426.786</v>
      </c>
      <c r="AE1463">
        <v>40987.630839999998</v>
      </c>
      <c r="AF1463">
        <v>50842.842409999997</v>
      </c>
      <c r="AG1463">
        <v>31009.502659999998</v>
      </c>
      <c r="AH1463">
        <v>280279.89490000001</v>
      </c>
      <c r="AI1463">
        <v>80891.722150000001</v>
      </c>
      <c r="AJ1463">
        <v>23785.098709999998</v>
      </c>
      <c r="AK1463">
        <v>40823.813300000002</v>
      </c>
      <c r="AL1463">
        <v>71832.311170000001</v>
      </c>
      <c r="AM1463">
        <v>21889.567040000002</v>
      </c>
      <c r="AN1463">
        <v>85780.904169999994</v>
      </c>
      <c r="AO1463">
        <v>34544.587699999996</v>
      </c>
      <c r="AP1463">
        <v>17541.953020000001</v>
      </c>
    </row>
    <row r="1464" spans="2:42" x14ac:dyDescent="0.3">
      <c r="B1464">
        <v>54.27662776211578</v>
      </c>
      <c r="C1464" s="83">
        <v>43161.916666666664</v>
      </c>
      <c r="D1464">
        <v>224944.7004</v>
      </c>
      <c r="E1464">
        <v>18073.00361</v>
      </c>
      <c r="F1464">
        <v>50562.710720000003</v>
      </c>
      <c r="G1464">
        <v>41555.93849</v>
      </c>
      <c r="H1464">
        <v>41632.305359999998</v>
      </c>
      <c r="I1464">
        <v>31081.439009999998</v>
      </c>
      <c r="J1464">
        <v>39928.044390000003</v>
      </c>
      <c r="K1464">
        <v>53500.258179999997</v>
      </c>
      <c r="L1464">
        <v>28412.07519</v>
      </c>
      <c r="M1464">
        <v>276727.55979999999</v>
      </c>
      <c r="N1464">
        <v>81983.319409999996</v>
      </c>
      <c r="O1464">
        <v>24976.996190000002</v>
      </c>
      <c r="P1464">
        <v>43285.051760000002</v>
      </c>
      <c r="Q1464">
        <v>70881.474459999998</v>
      </c>
      <c r="R1464">
        <v>31549.11594</v>
      </c>
      <c r="S1464">
        <v>85774.635680000007</v>
      </c>
      <c r="T1464">
        <v>31663.838070000002</v>
      </c>
      <c r="U1464">
        <v>18560.248380000001</v>
      </c>
      <c r="W1464" s="83">
        <f>Bühler!N1496</f>
        <v>45352.916666663121</v>
      </c>
      <c r="X1464" s="83">
        <v>43161.916666666664</v>
      </c>
      <c r="Y1464">
        <v>224944.7004</v>
      </c>
      <c r="Z1464">
        <v>18073.00361</v>
      </c>
      <c r="AA1464">
        <v>50562.710720000003</v>
      </c>
      <c r="AB1464">
        <v>41555.93849</v>
      </c>
      <c r="AC1464">
        <v>41632.305359999998</v>
      </c>
      <c r="AD1464">
        <v>31081.439009999998</v>
      </c>
      <c r="AE1464">
        <v>39928.044390000003</v>
      </c>
      <c r="AF1464">
        <v>53500.258179999997</v>
      </c>
      <c r="AG1464">
        <v>28412.07519</v>
      </c>
      <c r="AH1464">
        <v>276727.55979999999</v>
      </c>
      <c r="AI1464">
        <v>81983.319409999996</v>
      </c>
      <c r="AJ1464">
        <v>24976.996190000002</v>
      </c>
      <c r="AK1464">
        <v>43285.051760000002</v>
      </c>
      <c r="AL1464">
        <v>70881.474459999998</v>
      </c>
      <c r="AM1464">
        <v>31549.11594</v>
      </c>
      <c r="AN1464">
        <v>85774.635680000007</v>
      </c>
      <c r="AO1464">
        <v>31663.838070000002</v>
      </c>
      <c r="AP1464">
        <v>18560.248380000001</v>
      </c>
    </row>
    <row r="1465" spans="2:42" x14ac:dyDescent="0.3">
      <c r="B1465">
        <v>53.493525230449649</v>
      </c>
      <c r="C1465" s="83">
        <v>43161.958333333336</v>
      </c>
      <c r="D1465">
        <v>223355.2604</v>
      </c>
      <c r="E1465">
        <v>17417.024529999999</v>
      </c>
      <c r="F1465">
        <v>49121.967960000002</v>
      </c>
      <c r="G1465">
        <v>41767.566030000002</v>
      </c>
      <c r="H1465">
        <v>41125.224589999998</v>
      </c>
      <c r="I1465">
        <v>29789.558229999999</v>
      </c>
      <c r="J1465">
        <v>37568.028460000001</v>
      </c>
      <c r="K1465">
        <v>52600.820849999996</v>
      </c>
      <c r="L1465">
        <v>24620.93764</v>
      </c>
      <c r="M1465">
        <v>272734.93790000002</v>
      </c>
      <c r="N1465">
        <v>80936.110409999994</v>
      </c>
      <c r="O1465">
        <v>24919.83108</v>
      </c>
      <c r="P1465">
        <v>39084.478159999999</v>
      </c>
      <c r="Q1465">
        <v>69611.456879999998</v>
      </c>
      <c r="R1465">
        <v>33758.929490000002</v>
      </c>
      <c r="S1465">
        <v>84159.287060000002</v>
      </c>
      <c r="T1465">
        <v>32153.205989999999</v>
      </c>
      <c r="U1465">
        <v>18133.37673</v>
      </c>
      <c r="W1465" s="83">
        <f>Bühler!N1497</f>
        <v>45352.958333329785</v>
      </c>
      <c r="X1465" s="83">
        <v>43161.958333333336</v>
      </c>
      <c r="Y1465">
        <v>223355.2604</v>
      </c>
      <c r="Z1465">
        <v>17417.024529999999</v>
      </c>
      <c r="AA1465">
        <v>49121.967960000002</v>
      </c>
      <c r="AB1465">
        <v>41767.566030000002</v>
      </c>
      <c r="AC1465">
        <v>41125.224589999998</v>
      </c>
      <c r="AD1465">
        <v>29789.558229999999</v>
      </c>
      <c r="AE1465">
        <v>37568.028460000001</v>
      </c>
      <c r="AF1465">
        <v>52600.820849999996</v>
      </c>
      <c r="AG1465">
        <v>24620.93764</v>
      </c>
      <c r="AH1465">
        <v>272734.93790000002</v>
      </c>
      <c r="AI1465">
        <v>80936.110409999994</v>
      </c>
      <c r="AJ1465">
        <v>24919.83108</v>
      </c>
      <c r="AK1465">
        <v>39084.478159999999</v>
      </c>
      <c r="AL1465">
        <v>69611.456879999998</v>
      </c>
      <c r="AM1465">
        <v>33758.929490000002</v>
      </c>
      <c r="AN1465">
        <v>84159.287060000002</v>
      </c>
      <c r="AO1465">
        <v>32153.205989999999</v>
      </c>
      <c r="AP1465">
        <v>18133.37673</v>
      </c>
    </row>
    <row r="1466" spans="2:42" x14ac:dyDescent="0.3">
      <c r="B1466">
        <v>52.563688436002636</v>
      </c>
      <c r="C1466" s="83">
        <v>43162</v>
      </c>
      <c r="D1466">
        <v>220400.3132</v>
      </c>
      <c r="E1466">
        <v>17164.520069999999</v>
      </c>
      <c r="F1466">
        <v>48932.668960000003</v>
      </c>
      <c r="G1466">
        <v>41581.966119999997</v>
      </c>
      <c r="H1466">
        <v>40867.556519999998</v>
      </c>
      <c r="I1466">
        <v>27541.477220000001</v>
      </c>
      <c r="J1466">
        <v>35469.572769999999</v>
      </c>
      <c r="K1466">
        <v>50538.88622</v>
      </c>
      <c r="L1466">
        <v>21875.948509999998</v>
      </c>
      <c r="M1466">
        <v>267994.19630000001</v>
      </c>
      <c r="N1466">
        <v>80023.186199999996</v>
      </c>
      <c r="O1466">
        <v>24948.67049</v>
      </c>
      <c r="P1466">
        <v>36865.408880000003</v>
      </c>
      <c r="Q1466">
        <v>68029.206170000005</v>
      </c>
      <c r="R1466">
        <v>30119.214919999999</v>
      </c>
      <c r="S1466">
        <v>82808.550780000005</v>
      </c>
      <c r="T1466">
        <v>30440.20335</v>
      </c>
      <c r="U1466">
        <v>17645.939119999999</v>
      </c>
      <c r="W1466" s="83">
        <f>Bühler!N1498</f>
        <v>45352.999999996449</v>
      </c>
      <c r="X1466" s="83">
        <v>43162</v>
      </c>
      <c r="Y1466">
        <v>220400.3132</v>
      </c>
      <c r="Z1466">
        <v>17164.520069999999</v>
      </c>
      <c r="AA1466">
        <v>48932.668960000003</v>
      </c>
      <c r="AB1466">
        <v>41581.966119999997</v>
      </c>
      <c r="AC1466">
        <v>40867.556519999998</v>
      </c>
      <c r="AD1466">
        <v>27541.477220000001</v>
      </c>
      <c r="AE1466">
        <v>35469.572769999999</v>
      </c>
      <c r="AF1466">
        <v>50538.88622</v>
      </c>
      <c r="AG1466">
        <v>21875.948509999998</v>
      </c>
      <c r="AH1466">
        <v>267994.19630000001</v>
      </c>
      <c r="AI1466">
        <v>80023.186199999996</v>
      </c>
      <c r="AJ1466">
        <v>24948.67049</v>
      </c>
      <c r="AK1466">
        <v>36865.408880000003</v>
      </c>
      <c r="AL1466">
        <v>68029.206170000005</v>
      </c>
      <c r="AM1466">
        <v>30119.214919999999</v>
      </c>
      <c r="AN1466">
        <v>82808.550780000005</v>
      </c>
      <c r="AO1466">
        <v>30440.20335</v>
      </c>
      <c r="AP1466">
        <v>17645.939119999999</v>
      </c>
    </row>
    <row r="1467" spans="2:42" x14ac:dyDescent="0.3">
      <c r="B1467">
        <v>51.708676181802296</v>
      </c>
      <c r="C1467" s="83">
        <v>43162.041666666664</v>
      </c>
      <c r="D1467">
        <v>216321.45790000001</v>
      </c>
      <c r="E1467">
        <v>17265.599900000001</v>
      </c>
      <c r="F1467">
        <v>48836.335769999998</v>
      </c>
      <c r="G1467">
        <v>41345.07933</v>
      </c>
      <c r="H1467">
        <v>40021.904000000002</v>
      </c>
      <c r="I1467">
        <v>23916.674849999999</v>
      </c>
      <c r="J1467">
        <v>34529.858869999996</v>
      </c>
      <c r="K1467">
        <v>50001.882060000004</v>
      </c>
      <c r="L1467">
        <v>20376.618910000001</v>
      </c>
      <c r="M1467">
        <v>263634.94510000001</v>
      </c>
      <c r="N1467">
        <v>79622.467489999995</v>
      </c>
      <c r="O1467">
        <v>24949.229780000001</v>
      </c>
      <c r="P1467">
        <v>35198.014589999999</v>
      </c>
      <c r="Q1467">
        <v>68412.789250000002</v>
      </c>
      <c r="R1467">
        <v>28423.520049999999</v>
      </c>
      <c r="S1467">
        <v>81877.973110000006</v>
      </c>
      <c r="T1467">
        <v>29499.268319999999</v>
      </c>
      <c r="U1467">
        <v>17875.974269999999</v>
      </c>
      <c r="W1467" s="83">
        <f>Bühler!N1499</f>
        <v>45353.041666663114</v>
      </c>
      <c r="X1467" s="83">
        <v>43162.041666666664</v>
      </c>
      <c r="Y1467">
        <v>216321.45790000001</v>
      </c>
      <c r="Z1467">
        <v>17265.599900000001</v>
      </c>
      <c r="AA1467">
        <v>48836.335769999998</v>
      </c>
      <c r="AB1467">
        <v>41345.07933</v>
      </c>
      <c r="AC1467">
        <v>40021.904000000002</v>
      </c>
      <c r="AD1467">
        <v>23916.674849999999</v>
      </c>
      <c r="AE1467">
        <v>34529.858869999996</v>
      </c>
      <c r="AF1467">
        <v>50001.882060000004</v>
      </c>
      <c r="AG1467">
        <v>20376.618910000001</v>
      </c>
      <c r="AH1467">
        <v>263634.94510000001</v>
      </c>
      <c r="AI1467">
        <v>79622.467489999995</v>
      </c>
      <c r="AJ1467">
        <v>24949.229780000001</v>
      </c>
      <c r="AK1467">
        <v>35198.014589999999</v>
      </c>
      <c r="AL1467">
        <v>68412.789250000002</v>
      </c>
      <c r="AM1467">
        <v>28423.520049999999</v>
      </c>
      <c r="AN1467">
        <v>81877.973110000006</v>
      </c>
      <c r="AO1467">
        <v>29499.268319999999</v>
      </c>
      <c r="AP1467">
        <v>17875.974269999999</v>
      </c>
    </row>
    <row r="1468" spans="2:42" x14ac:dyDescent="0.3">
      <c r="B1468">
        <v>51.331746361910049</v>
      </c>
      <c r="C1468" s="83">
        <v>43162.083333333336</v>
      </c>
      <c r="D1468">
        <v>212602.58530000001</v>
      </c>
      <c r="E1468">
        <v>17256.956389999999</v>
      </c>
      <c r="F1468">
        <v>49775.648249999998</v>
      </c>
      <c r="G1468">
        <v>40960.572350000002</v>
      </c>
      <c r="H1468">
        <v>39702.71976</v>
      </c>
      <c r="I1468">
        <v>21362.303390000001</v>
      </c>
      <c r="J1468">
        <v>34651.531660000001</v>
      </c>
      <c r="K1468">
        <v>48611.29507</v>
      </c>
      <c r="L1468">
        <v>20046.304029999999</v>
      </c>
      <c r="M1468">
        <v>261713.18109999999</v>
      </c>
      <c r="N1468">
        <v>78530.849289999998</v>
      </c>
      <c r="O1468">
        <v>24676.46471</v>
      </c>
      <c r="P1468">
        <v>34143.334479999998</v>
      </c>
      <c r="Q1468">
        <v>68139.751340000003</v>
      </c>
      <c r="R1468">
        <v>28661.564269999999</v>
      </c>
      <c r="S1468">
        <v>81997.003620000003</v>
      </c>
      <c r="T1468">
        <v>29005.552960000001</v>
      </c>
      <c r="U1468">
        <v>18182.7713</v>
      </c>
      <c r="W1468" s="83">
        <f>Bühler!N1500</f>
        <v>45353.083333329778</v>
      </c>
      <c r="X1468" s="83">
        <v>43162.083333333336</v>
      </c>
      <c r="Y1468">
        <v>212602.58530000001</v>
      </c>
      <c r="Z1468">
        <v>17256.956389999999</v>
      </c>
      <c r="AA1468">
        <v>49775.648249999998</v>
      </c>
      <c r="AB1468">
        <v>40960.572350000002</v>
      </c>
      <c r="AC1468">
        <v>39702.71976</v>
      </c>
      <c r="AD1468">
        <v>21362.303390000001</v>
      </c>
      <c r="AE1468">
        <v>34651.531660000001</v>
      </c>
      <c r="AF1468">
        <v>48611.29507</v>
      </c>
      <c r="AG1468">
        <v>20046.304029999999</v>
      </c>
      <c r="AH1468">
        <v>261713.18109999999</v>
      </c>
      <c r="AI1468">
        <v>78530.849289999998</v>
      </c>
      <c r="AJ1468">
        <v>24676.46471</v>
      </c>
      <c r="AK1468">
        <v>34143.334479999998</v>
      </c>
      <c r="AL1468">
        <v>68139.751340000003</v>
      </c>
      <c r="AM1468">
        <v>28661.564269999999</v>
      </c>
      <c r="AN1468">
        <v>81997.003620000003</v>
      </c>
      <c r="AO1468">
        <v>29005.552960000001</v>
      </c>
      <c r="AP1468">
        <v>18182.7713</v>
      </c>
    </row>
    <row r="1469" spans="2:42" x14ac:dyDescent="0.3">
      <c r="B1469">
        <v>50.060194239137111</v>
      </c>
      <c r="C1469" s="83">
        <v>43162.125</v>
      </c>
      <c r="D1469">
        <v>207134.21109999999</v>
      </c>
      <c r="E1469">
        <v>17369.104490000002</v>
      </c>
      <c r="F1469">
        <v>51003.370999999999</v>
      </c>
      <c r="G1469">
        <v>40229.20579</v>
      </c>
      <c r="H1469">
        <v>39816.976199999997</v>
      </c>
      <c r="I1469">
        <v>20754.53818</v>
      </c>
      <c r="J1469">
        <v>35151.798119999999</v>
      </c>
      <c r="K1469">
        <v>46744.363570000001</v>
      </c>
      <c r="L1469">
        <v>19872.11204</v>
      </c>
      <c r="M1469">
        <v>255230.21539999999</v>
      </c>
      <c r="N1469">
        <v>78244.427030000006</v>
      </c>
      <c r="O1469">
        <v>24544.926360000001</v>
      </c>
      <c r="P1469">
        <v>33316.463250000001</v>
      </c>
      <c r="Q1469">
        <v>67420.941999999995</v>
      </c>
      <c r="R1469">
        <v>28270.44873</v>
      </c>
      <c r="S1469">
        <v>80954.191290000002</v>
      </c>
      <c r="T1469">
        <v>29051.14183</v>
      </c>
      <c r="U1469">
        <v>18239.100930000001</v>
      </c>
      <c r="W1469" s="83">
        <f>Bühler!N1501</f>
        <v>45353.124999996442</v>
      </c>
      <c r="X1469" s="83">
        <v>43162.125</v>
      </c>
      <c r="Y1469">
        <v>207134.21109999999</v>
      </c>
      <c r="Z1469">
        <v>17369.104490000002</v>
      </c>
      <c r="AA1469">
        <v>51003.370999999999</v>
      </c>
      <c r="AB1469">
        <v>40229.20579</v>
      </c>
      <c r="AC1469">
        <v>39816.976199999997</v>
      </c>
      <c r="AD1469">
        <v>20754.53818</v>
      </c>
      <c r="AE1469">
        <v>35151.798119999999</v>
      </c>
      <c r="AF1469">
        <v>46744.363570000001</v>
      </c>
      <c r="AG1469">
        <v>19872.11204</v>
      </c>
      <c r="AH1469">
        <v>255230.21539999999</v>
      </c>
      <c r="AI1469">
        <v>78244.427030000006</v>
      </c>
      <c r="AJ1469">
        <v>24544.926360000001</v>
      </c>
      <c r="AK1469">
        <v>33316.463250000001</v>
      </c>
      <c r="AL1469">
        <v>67420.941999999995</v>
      </c>
      <c r="AM1469">
        <v>28270.44873</v>
      </c>
      <c r="AN1469">
        <v>80954.191290000002</v>
      </c>
      <c r="AO1469">
        <v>29051.14183</v>
      </c>
      <c r="AP1469">
        <v>18239.100930000001</v>
      </c>
    </row>
    <row r="1470" spans="2:42" x14ac:dyDescent="0.3">
      <c r="B1470">
        <v>48.484075586774338</v>
      </c>
      <c r="C1470" s="83">
        <v>43162.166666666664</v>
      </c>
      <c r="D1470">
        <v>201255.1237</v>
      </c>
      <c r="E1470">
        <v>17646.708770000001</v>
      </c>
      <c r="F1470">
        <v>54384.50619</v>
      </c>
      <c r="G1470">
        <v>39559.29434</v>
      </c>
      <c r="H1470">
        <v>40405.615870000001</v>
      </c>
      <c r="I1470">
        <v>24227.41404</v>
      </c>
      <c r="J1470">
        <v>37235.185239999999</v>
      </c>
      <c r="K1470">
        <v>45570.992290000002</v>
      </c>
      <c r="L1470">
        <v>19575.064450000002</v>
      </c>
      <c r="M1470">
        <v>247194.42749999999</v>
      </c>
      <c r="N1470">
        <v>77112.830690000003</v>
      </c>
      <c r="O1470">
        <v>24708.35022</v>
      </c>
      <c r="P1470">
        <v>32568.775870000001</v>
      </c>
      <c r="Q1470">
        <v>66684.606809999997</v>
      </c>
      <c r="R1470">
        <v>28841.318070000001</v>
      </c>
      <c r="S1470">
        <v>81229.92611</v>
      </c>
      <c r="T1470">
        <v>29024.863150000001</v>
      </c>
      <c r="U1470">
        <v>18237.114140000001</v>
      </c>
      <c r="W1470" s="83">
        <f>Bühler!N1502</f>
        <v>45353.166666663106</v>
      </c>
      <c r="X1470" s="83">
        <v>43162.166666666664</v>
      </c>
      <c r="Y1470">
        <v>201255.1237</v>
      </c>
      <c r="Z1470">
        <v>17646.708770000001</v>
      </c>
      <c r="AA1470">
        <v>54384.50619</v>
      </c>
      <c r="AB1470">
        <v>39559.29434</v>
      </c>
      <c r="AC1470">
        <v>40405.615870000001</v>
      </c>
      <c r="AD1470">
        <v>24227.41404</v>
      </c>
      <c r="AE1470">
        <v>37235.185239999999</v>
      </c>
      <c r="AF1470">
        <v>45570.992290000002</v>
      </c>
      <c r="AG1470">
        <v>19575.064450000002</v>
      </c>
      <c r="AH1470">
        <v>247194.42749999999</v>
      </c>
      <c r="AI1470">
        <v>77112.830690000003</v>
      </c>
      <c r="AJ1470">
        <v>24708.35022</v>
      </c>
      <c r="AK1470">
        <v>32568.775870000001</v>
      </c>
      <c r="AL1470">
        <v>66684.606809999997</v>
      </c>
      <c r="AM1470">
        <v>28841.318070000001</v>
      </c>
      <c r="AN1470">
        <v>81229.92611</v>
      </c>
      <c r="AO1470">
        <v>29024.863150000001</v>
      </c>
      <c r="AP1470">
        <v>18237.114140000001</v>
      </c>
    </row>
    <row r="1471" spans="2:42" x14ac:dyDescent="0.3">
      <c r="B1471">
        <v>47.813673887370562</v>
      </c>
      <c r="C1471" s="83">
        <v>43162.208333333336</v>
      </c>
      <c r="D1471">
        <v>197693.4682</v>
      </c>
      <c r="E1471">
        <v>18354.07144</v>
      </c>
      <c r="F1471">
        <v>64626.781909999998</v>
      </c>
      <c r="G1471">
        <v>40172.430099999998</v>
      </c>
      <c r="H1471">
        <v>41128.340819999998</v>
      </c>
      <c r="I1471">
        <v>32214.64069</v>
      </c>
      <c r="J1471">
        <v>40083.43419</v>
      </c>
      <c r="K1471">
        <v>45376.557379999998</v>
      </c>
      <c r="L1471">
        <v>19963.908009999999</v>
      </c>
      <c r="M1471">
        <v>243776.40700000001</v>
      </c>
      <c r="N1471">
        <v>76837.126099999994</v>
      </c>
      <c r="O1471">
        <v>24775.0648</v>
      </c>
      <c r="P1471">
        <v>33175.899310000001</v>
      </c>
      <c r="Q1471">
        <v>66035.81985</v>
      </c>
      <c r="R1471">
        <v>30465.276809999999</v>
      </c>
      <c r="S1471">
        <v>82694.720889999997</v>
      </c>
      <c r="T1471">
        <v>29948.721030000001</v>
      </c>
      <c r="U1471">
        <v>18860.661990000001</v>
      </c>
      <c r="W1471" s="83">
        <f>Bühler!N1503</f>
        <v>45353.208333329771</v>
      </c>
      <c r="X1471" s="83">
        <v>43162.208333333336</v>
      </c>
      <c r="Y1471">
        <v>197693.4682</v>
      </c>
      <c r="Z1471">
        <v>18354.07144</v>
      </c>
      <c r="AA1471">
        <v>64626.781909999998</v>
      </c>
      <c r="AB1471">
        <v>40172.430099999998</v>
      </c>
      <c r="AC1471">
        <v>41128.340819999998</v>
      </c>
      <c r="AD1471">
        <v>32214.64069</v>
      </c>
      <c r="AE1471">
        <v>40083.43419</v>
      </c>
      <c r="AF1471">
        <v>45376.557379999998</v>
      </c>
      <c r="AG1471">
        <v>19963.908009999999</v>
      </c>
      <c r="AH1471">
        <v>243776.40700000001</v>
      </c>
      <c r="AI1471">
        <v>76837.126099999994</v>
      </c>
      <c r="AJ1471">
        <v>24775.0648</v>
      </c>
      <c r="AK1471">
        <v>33175.899310000001</v>
      </c>
      <c r="AL1471">
        <v>66035.81985</v>
      </c>
      <c r="AM1471">
        <v>30465.276809999999</v>
      </c>
      <c r="AN1471">
        <v>82694.720889999997</v>
      </c>
      <c r="AO1471">
        <v>29948.721030000001</v>
      </c>
      <c r="AP1471">
        <v>18860.661990000001</v>
      </c>
    </row>
    <row r="1472" spans="2:42" x14ac:dyDescent="0.3">
      <c r="B1472">
        <v>48.792340463815222</v>
      </c>
      <c r="C1472" s="83">
        <v>43162.25</v>
      </c>
      <c r="D1472">
        <v>200162.522</v>
      </c>
      <c r="E1472">
        <v>20225.04002</v>
      </c>
      <c r="F1472">
        <v>75828.414470000003</v>
      </c>
      <c r="G1472">
        <v>41426.41014</v>
      </c>
      <c r="H1472">
        <v>41395.923730000002</v>
      </c>
      <c r="I1472">
        <v>34780.346579999998</v>
      </c>
      <c r="J1472">
        <v>42479.800320000002</v>
      </c>
      <c r="K1472">
        <v>43926.628920000003</v>
      </c>
      <c r="L1472">
        <v>20973.997429999999</v>
      </c>
      <c r="M1472">
        <v>248766.10560000001</v>
      </c>
      <c r="N1472">
        <v>75906.616599999994</v>
      </c>
      <c r="O1472">
        <v>24091.643759999999</v>
      </c>
      <c r="P1472">
        <v>33260.114780000004</v>
      </c>
      <c r="Q1472">
        <v>64929.669520000003</v>
      </c>
      <c r="R1472">
        <v>20298.31018</v>
      </c>
      <c r="S1472">
        <v>87537.491940000007</v>
      </c>
      <c r="T1472">
        <v>31152.16921</v>
      </c>
      <c r="U1472">
        <v>18033.916160000001</v>
      </c>
      <c r="W1472" s="83">
        <f>Bühler!N1504</f>
        <v>45353.249999996435</v>
      </c>
      <c r="X1472" s="83">
        <v>43162.25</v>
      </c>
      <c r="Y1472">
        <v>200162.522</v>
      </c>
      <c r="Z1472">
        <v>20225.04002</v>
      </c>
      <c r="AA1472">
        <v>75828.414470000003</v>
      </c>
      <c r="AB1472">
        <v>41426.41014</v>
      </c>
      <c r="AC1472">
        <v>41395.923730000002</v>
      </c>
      <c r="AD1472">
        <v>34780.346579999998</v>
      </c>
      <c r="AE1472">
        <v>42479.800320000002</v>
      </c>
      <c r="AF1472">
        <v>43926.628920000003</v>
      </c>
      <c r="AG1472">
        <v>20973.997429999999</v>
      </c>
      <c r="AH1472">
        <v>248766.10560000001</v>
      </c>
      <c r="AI1472">
        <v>75906.616599999994</v>
      </c>
      <c r="AJ1472">
        <v>24091.643759999999</v>
      </c>
      <c r="AK1472">
        <v>33260.114780000004</v>
      </c>
      <c r="AL1472">
        <v>64929.669520000003</v>
      </c>
      <c r="AM1472">
        <v>20298.31018</v>
      </c>
      <c r="AN1472">
        <v>87537.491940000007</v>
      </c>
      <c r="AO1472">
        <v>31152.16921</v>
      </c>
      <c r="AP1472">
        <v>18033.916160000001</v>
      </c>
    </row>
    <row r="1473" spans="2:42" x14ac:dyDescent="0.3">
      <c r="B1473">
        <v>47.976365713572136</v>
      </c>
      <c r="C1473" s="83">
        <v>43162.291666666664</v>
      </c>
      <c r="D1473">
        <v>199399.51850000001</v>
      </c>
      <c r="E1473">
        <v>22835.55171</v>
      </c>
      <c r="F1473">
        <v>77840.345260000002</v>
      </c>
      <c r="G1473">
        <v>42380.898650000003</v>
      </c>
      <c r="H1473">
        <v>41452.879370000002</v>
      </c>
      <c r="I1473">
        <v>37335.15466</v>
      </c>
      <c r="J1473">
        <v>43384.190799999997</v>
      </c>
      <c r="K1473">
        <v>43971.696340000002</v>
      </c>
      <c r="L1473">
        <v>23111.35989</v>
      </c>
      <c r="M1473">
        <v>244605.88579999999</v>
      </c>
      <c r="N1473">
        <v>75238.226949999997</v>
      </c>
      <c r="O1473">
        <v>24690.746370000001</v>
      </c>
      <c r="P1473">
        <v>36201.234600000003</v>
      </c>
      <c r="Q1473">
        <v>63084.25995</v>
      </c>
      <c r="R1473">
        <v>19612.53428</v>
      </c>
      <c r="S1473">
        <v>94456.635299999994</v>
      </c>
      <c r="T1473">
        <v>29780.450710000001</v>
      </c>
      <c r="U1473">
        <v>18061.416389999999</v>
      </c>
      <c r="W1473" s="83">
        <f>Bühler!N1505</f>
        <v>45353.291666663099</v>
      </c>
      <c r="X1473" s="83">
        <v>43162.291666666664</v>
      </c>
      <c r="Y1473">
        <v>199399.51850000001</v>
      </c>
      <c r="Z1473">
        <v>22835.55171</v>
      </c>
      <c r="AA1473">
        <v>77840.345260000002</v>
      </c>
      <c r="AB1473">
        <v>42380.898650000003</v>
      </c>
      <c r="AC1473">
        <v>41452.879370000002</v>
      </c>
      <c r="AD1473">
        <v>37335.15466</v>
      </c>
      <c r="AE1473">
        <v>43384.190799999997</v>
      </c>
      <c r="AF1473">
        <v>43971.696340000002</v>
      </c>
      <c r="AG1473">
        <v>23111.35989</v>
      </c>
      <c r="AH1473">
        <v>244605.88579999999</v>
      </c>
      <c r="AI1473">
        <v>75238.226949999997</v>
      </c>
      <c r="AJ1473">
        <v>24690.746370000001</v>
      </c>
      <c r="AK1473">
        <v>36201.234600000003</v>
      </c>
      <c r="AL1473">
        <v>63084.25995</v>
      </c>
      <c r="AM1473">
        <v>19612.53428</v>
      </c>
      <c r="AN1473">
        <v>94456.635299999994</v>
      </c>
      <c r="AO1473">
        <v>29780.450710000001</v>
      </c>
      <c r="AP1473">
        <v>18061.416389999999</v>
      </c>
    </row>
    <row r="1474" spans="2:42" x14ac:dyDescent="0.3">
      <c r="B1474">
        <v>46.97344501996632</v>
      </c>
      <c r="C1474" s="83">
        <v>43162.333333333336</v>
      </c>
      <c r="D1474">
        <v>196909.96</v>
      </c>
      <c r="E1474">
        <v>25743.143800000002</v>
      </c>
      <c r="F1474">
        <v>81231.936560000002</v>
      </c>
      <c r="G1474">
        <v>42708.321880000003</v>
      </c>
      <c r="H1474">
        <v>41001.985809999998</v>
      </c>
      <c r="I1474">
        <v>37715.086909999998</v>
      </c>
      <c r="J1474">
        <v>43235.80186</v>
      </c>
      <c r="K1474">
        <v>43455.600180000001</v>
      </c>
      <c r="L1474">
        <v>25543.198639999999</v>
      </c>
      <c r="M1474">
        <v>239492.52840000001</v>
      </c>
      <c r="N1474">
        <v>75590.619640000004</v>
      </c>
      <c r="O1474">
        <v>25138.328659999999</v>
      </c>
      <c r="P1474">
        <v>37905.042139999998</v>
      </c>
      <c r="Q1474">
        <v>61499.636359999997</v>
      </c>
      <c r="R1474">
        <v>19785.948919999999</v>
      </c>
      <c r="S1474">
        <v>97671.795039999997</v>
      </c>
      <c r="T1474">
        <v>31027.735089999998</v>
      </c>
      <c r="U1474">
        <v>17599.856790000002</v>
      </c>
      <c r="W1474" s="83">
        <f>Bühler!N1506</f>
        <v>45353.333333329763</v>
      </c>
      <c r="X1474" s="83">
        <v>43162.333333333336</v>
      </c>
      <c r="Y1474">
        <v>196909.96</v>
      </c>
      <c r="Z1474">
        <v>25743.143800000002</v>
      </c>
      <c r="AA1474">
        <v>81231.936560000002</v>
      </c>
      <c r="AB1474">
        <v>42708.321880000003</v>
      </c>
      <c r="AC1474">
        <v>41001.985809999998</v>
      </c>
      <c r="AD1474">
        <v>37715.086909999998</v>
      </c>
      <c r="AE1474">
        <v>43235.80186</v>
      </c>
      <c r="AF1474">
        <v>43455.600180000001</v>
      </c>
      <c r="AG1474">
        <v>25543.198639999999</v>
      </c>
      <c r="AH1474">
        <v>239492.52840000001</v>
      </c>
      <c r="AI1474">
        <v>75590.619640000004</v>
      </c>
      <c r="AJ1474">
        <v>25138.328659999999</v>
      </c>
      <c r="AK1474">
        <v>37905.042139999998</v>
      </c>
      <c r="AL1474">
        <v>61499.636359999997</v>
      </c>
      <c r="AM1474">
        <v>19785.948919999999</v>
      </c>
      <c r="AN1474">
        <v>97671.795039999997</v>
      </c>
      <c r="AO1474">
        <v>31027.735089999998</v>
      </c>
      <c r="AP1474">
        <v>17599.856790000002</v>
      </c>
    </row>
    <row r="1475" spans="2:42" x14ac:dyDescent="0.3">
      <c r="B1475">
        <v>46.31169080336285</v>
      </c>
      <c r="C1475" s="83">
        <v>43162.375</v>
      </c>
      <c r="D1475">
        <v>194817.1501</v>
      </c>
      <c r="E1475">
        <v>29142.682680000002</v>
      </c>
      <c r="F1475">
        <v>87609.135339999993</v>
      </c>
      <c r="G1475">
        <v>43193.902600000001</v>
      </c>
      <c r="H1475">
        <v>40860.831200000001</v>
      </c>
      <c r="I1475">
        <v>36566.371980000004</v>
      </c>
      <c r="J1475">
        <v>42632.8609</v>
      </c>
      <c r="K1475">
        <v>42188.671909999997</v>
      </c>
      <c r="L1475">
        <v>27415.325570000001</v>
      </c>
      <c r="M1475">
        <v>236118.5968</v>
      </c>
      <c r="N1475">
        <v>80790.287460000007</v>
      </c>
      <c r="O1475">
        <v>25224.835589999999</v>
      </c>
      <c r="P1475">
        <v>39518.698129999997</v>
      </c>
      <c r="Q1475">
        <v>59890.181409999997</v>
      </c>
      <c r="R1475">
        <v>19139.18115</v>
      </c>
      <c r="S1475">
        <v>98229.941909999994</v>
      </c>
      <c r="T1475">
        <v>33001.245909999998</v>
      </c>
      <c r="U1475">
        <v>17355.72248</v>
      </c>
      <c r="W1475" s="83">
        <f>Bühler!N1507</f>
        <v>45353.374999996428</v>
      </c>
      <c r="X1475" s="83">
        <v>43162.375</v>
      </c>
      <c r="Y1475">
        <v>194817.1501</v>
      </c>
      <c r="Z1475">
        <v>29142.682680000002</v>
      </c>
      <c r="AA1475">
        <v>87609.135339999993</v>
      </c>
      <c r="AB1475">
        <v>43193.902600000001</v>
      </c>
      <c r="AC1475">
        <v>40860.831200000001</v>
      </c>
      <c r="AD1475">
        <v>36566.371980000004</v>
      </c>
      <c r="AE1475">
        <v>42632.8609</v>
      </c>
      <c r="AF1475">
        <v>42188.671909999997</v>
      </c>
      <c r="AG1475">
        <v>27415.325570000001</v>
      </c>
      <c r="AH1475">
        <v>236118.5968</v>
      </c>
      <c r="AI1475">
        <v>80790.287460000007</v>
      </c>
      <c r="AJ1475">
        <v>25224.835589999999</v>
      </c>
      <c r="AK1475">
        <v>39518.698129999997</v>
      </c>
      <c r="AL1475">
        <v>59890.181409999997</v>
      </c>
      <c r="AM1475">
        <v>19139.18115</v>
      </c>
      <c r="AN1475">
        <v>98229.941909999994</v>
      </c>
      <c r="AO1475">
        <v>33001.245909999998</v>
      </c>
      <c r="AP1475">
        <v>17355.72248</v>
      </c>
    </row>
    <row r="1476" spans="2:42" x14ac:dyDescent="0.3">
      <c r="B1476">
        <v>46.510133439273616</v>
      </c>
      <c r="C1476" s="83">
        <v>43162.416666666664</v>
      </c>
      <c r="D1476">
        <v>192899.07079999999</v>
      </c>
      <c r="E1476">
        <v>30182.266299999999</v>
      </c>
      <c r="F1476">
        <v>87284.016099999993</v>
      </c>
      <c r="G1476">
        <v>43267.27478</v>
      </c>
      <c r="H1476">
        <v>41258.244259999999</v>
      </c>
      <c r="I1476">
        <v>34998.167690000002</v>
      </c>
      <c r="J1476">
        <v>40861.317660000001</v>
      </c>
      <c r="K1476">
        <v>43368.988319999997</v>
      </c>
      <c r="L1476">
        <v>29480.452249999998</v>
      </c>
      <c r="M1476">
        <v>237130.3499</v>
      </c>
      <c r="N1476">
        <v>84001.761899999998</v>
      </c>
      <c r="O1476">
        <v>24134.773440000001</v>
      </c>
      <c r="P1476">
        <v>40121.876400000001</v>
      </c>
      <c r="Q1476">
        <v>59582.713779999998</v>
      </c>
      <c r="R1476">
        <v>19579.74077</v>
      </c>
      <c r="S1476">
        <v>96533.114490000007</v>
      </c>
      <c r="T1476">
        <v>34426.530859999999</v>
      </c>
      <c r="U1476">
        <v>17043.846799999999</v>
      </c>
      <c r="W1476" s="83">
        <f>Bühler!N1508</f>
        <v>45353.416666663092</v>
      </c>
      <c r="X1476" s="83">
        <v>43162.416666666664</v>
      </c>
      <c r="Y1476">
        <v>192899.07079999999</v>
      </c>
      <c r="Z1476">
        <v>30182.266299999999</v>
      </c>
      <c r="AA1476">
        <v>87284.016099999993</v>
      </c>
      <c r="AB1476">
        <v>43267.27478</v>
      </c>
      <c r="AC1476">
        <v>41258.244259999999</v>
      </c>
      <c r="AD1476">
        <v>34998.167690000002</v>
      </c>
      <c r="AE1476">
        <v>40861.317660000001</v>
      </c>
      <c r="AF1476">
        <v>43368.988319999997</v>
      </c>
      <c r="AG1476">
        <v>29480.452249999998</v>
      </c>
      <c r="AH1476">
        <v>237130.3499</v>
      </c>
      <c r="AI1476">
        <v>84001.761899999998</v>
      </c>
      <c r="AJ1476">
        <v>24134.773440000001</v>
      </c>
      <c r="AK1476">
        <v>40121.876400000001</v>
      </c>
      <c r="AL1476">
        <v>59582.713779999998</v>
      </c>
      <c r="AM1476">
        <v>19579.74077</v>
      </c>
      <c r="AN1476">
        <v>96533.114490000007</v>
      </c>
      <c r="AO1476">
        <v>34426.530859999999</v>
      </c>
      <c r="AP1476">
        <v>17043.846799999999</v>
      </c>
    </row>
    <row r="1477" spans="2:42" x14ac:dyDescent="0.3">
      <c r="B1477">
        <v>46.311559626660852</v>
      </c>
      <c r="C1477" s="83">
        <v>43162.458333333336</v>
      </c>
      <c r="D1477">
        <v>189185.0043</v>
      </c>
      <c r="E1477">
        <v>29849.093079999999</v>
      </c>
      <c r="F1477">
        <v>88673.655180000002</v>
      </c>
      <c r="G1477">
        <v>42510.104500000001</v>
      </c>
      <c r="H1477">
        <v>41495.367639999997</v>
      </c>
      <c r="I1477">
        <v>33328.973639999997</v>
      </c>
      <c r="J1477">
        <v>40312.582730000002</v>
      </c>
      <c r="K1477">
        <v>47671.98431</v>
      </c>
      <c r="L1477">
        <v>31117.971440000001</v>
      </c>
      <c r="M1477">
        <v>236117.92800000001</v>
      </c>
      <c r="N1477">
        <v>83641.046149999995</v>
      </c>
      <c r="O1477">
        <v>23348.425309999999</v>
      </c>
      <c r="P1477">
        <v>39412.428930000002</v>
      </c>
      <c r="Q1477">
        <v>59167.521659999999</v>
      </c>
      <c r="R1477">
        <v>23060.393800000002</v>
      </c>
      <c r="S1477">
        <v>99160.026410000006</v>
      </c>
      <c r="T1477">
        <v>34754.544829999999</v>
      </c>
      <c r="U1477">
        <v>16357.483109999999</v>
      </c>
      <c r="W1477" s="83">
        <f>Bühler!N1509</f>
        <v>45353.458333329756</v>
      </c>
      <c r="X1477" s="83">
        <v>43162.458333333336</v>
      </c>
      <c r="Y1477">
        <v>189185.0043</v>
      </c>
      <c r="Z1477">
        <v>29849.093079999999</v>
      </c>
      <c r="AA1477">
        <v>88673.655180000002</v>
      </c>
      <c r="AB1477">
        <v>42510.104500000001</v>
      </c>
      <c r="AC1477">
        <v>41495.367639999997</v>
      </c>
      <c r="AD1477">
        <v>33328.973639999997</v>
      </c>
      <c r="AE1477">
        <v>40312.582730000002</v>
      </c>
      <c r="AF1477">
        <v>47671.98431</v>
      </c>
      <c r="AG1477">
        <v>31117.971440000001</v>
      </c>
      <c r="AH1477">
        <v>236117.92800000001</v>
      </c>
      <c r="AI1477">
        <v>83641.046149999995</v>
      </c>
      <c r="AJ1477">
        <v>23348.425309999999</v>
      </c>
      <c r="AK1477">
        <v>39412.428930000002</v>
      </c>
      <c r="AL1477">
        <v>59167.521659999999</v>
      </c>
      <c r="AM1477">
        <v>23060.393800000002</v>
      </c>
      <c r="AN1477">
        <v>99160.026410000006</v>
      </c>
      <c r="AO1477">
        <v>34754.544829999999</v>
      </c>
      <c r="AP1477">
        <v>16357.483109999999</v>
      </c>
    </row>
    <row r="1478" spans="2:42" x14ac:dyDescent="0.3">
      <c r="B1478">
        <v>45.311941004476289</v>
      </c>
      <c r="C1478" s="83">
        <v>43162.5</v>
      </c>
      <c r="D1478">
        <v>180390.21900000001</v>
      </c>
      <c r="E1478">
        <v>27845.230960000001</v>
      </c>
      <c r="F1478">
        <v>86798.686119999998</v>
      </c>
      <c r="G1478">
        <v>41203.098639999997</v>
      </c>
      <c r="H1478">
        <v>40230.858410000001</v>
      </c>
      <c r="I1478">
        <v>32635.10454</v>
      </c>
      <c r="J1478">
        <v>40361.000870000003</v>
      </c>
      <c r="K1478">
        <v>48310.638729999999</v>
      </c>
      <c r="L1478">
        <v>33373.608809999998</v>
      </c>
      <c r="M1478">
        <v>231021.40609999999</v>
      </c>
      <c r="N1478">
        <v>81402.205119999999</v>
      </c>
      <c r="O1478">
        <v>22723.259340000001</v>
      </c>
      <c r="P1478">
        <v>38661.453520000003</v>
      </c>
      <c r="Q1478">
        <v>56112.712180000002</v>
      </c>
      <c r="R1478">
        <v>21059.100480000001</v>
      </c>
      <c r="S1478">
        <v>93523.550409999996</v>
      </c>
      <c r="T1478">
        <v>34239.058340000003</v>
      </c>
      <c r="U1478">
        <v>15388.800999999999</v>
      </c>
      <c r="W1478" s="83">
        <f>Bühler!N1510</f>
        <v>45353.49999999642</v>
      </c>
      <c r="X1478" s="83">
        <v>43162.5</v>
      </c>
      <c r="Y1478">
        <v>180390.21900000001</v>
      </c>
      <c r="Z1478">
        <v>27845.230960000001</v>
      </c>
      <c r="AA1478">
        <v>86798.686119999998</v>
      </c>
      <c r="AB1478">
        <v>41203.098639999997</v>
      </c>
      <c r="AC1478">
        <v>40230.858410000001</v>
      </c>
      <c r="AD1478">
        <v>32635.10454</v>
      </c>
      <c r="AE1478">
        <v>40361.000870000003</v>
      </c>
      <c r="AF1478">
        <v>48310.638729999999</v>
      </c>
      <c r="AG1478">
        <v>33373.608809999998</v>
      </c>
      <c r="AH1478">
        <v>231021.40609999999</v>
      </c>
      <c r="AI1478">
        <v>81402.205119999999</v>
      </c>
      <c r="AJ1478">
        <v>22723.259340000001</v>
      </c>
      <c r="AK1478">
        <v>38661.453520000003</v>
      </c>
      <c r="AL1478">
        <v>56112.712180000002</v>
      </c>
      <c r="AM1478">
        <v>21059.100480000001</v>
      </c>
      <c r="AN1478">
        <v>93523.550409999996</v>
      </c>
      <c r="AO1478">
        <v>34239.058340000003</v>
      </c>
      <c r="AP1478">
        <v>15388.800999999999</v>
      </c>
    </row>
    <row r="1479" spans="2:42" x14ac:dyDescent="0.3">
      <c r="B1479">
        <v>44.640718058109371</v>
      </c>
      <c r="C1479" s="83">
        <v>43162.541666666664</v>
      </c>
      <c r="D1479">
        <v>176727.79380000001</v>
      </c>
      <c r="E1479">
        <v>26765.615839999999</v>
      </c>
      <c r="F1479">
        <v>84987.110339999999</v>
      </c>
      <c r="G1479">
        <v>40311.426950000001</v>
      </c>
      <c r="H1479">
        <v>39204.01397</v>
      </c>
      <c r="I1479">
        <v>32797.722119999999</v>
      </c>
      <c r="J1479">
        <v>39116.650240000003</v>
      </c>
      <c r="K1479">
        <v>48486.014389999997</v>
      </c>
      <c r="L1479">
        <v>33032.548770000001</v>
      </c>
      <c r="M1479">
        <v>227599.1985</v>
      </c>
      <c r="N1479">
        <v>80231.165429999994</v>
      </c>
      <c r="O1479">
        <v>22197.96833</v>
      </c>
      <c r="P1479">
        <v>37669.772349999999</v>
      </c>
      <c r="Q1479">
        <v>54068.43432</v>
      </c>
      <c r="R1479">
        <v>20804.856810000001</v>
      </c>
      <c r="S1479">
        <v>92834.566099999996</v>
      </c>
      <c r="T1479">
        <v>33641.98558</v>
      </c>
      <c r="U1479">
        <v>14738.932000000001</v>
      </c>
      <c r="W1479" s="83">
        <f>Bühler!N1511</f>
        <v>45353.541666663084</v>
      </c>
      <c r="X1479" s="83">
        <v>43162.541666666664</v>
      </c>
      <c r="Y1479">
        <v>176727.79380000001</v>
      </c>
      <c r="Z1479">
        <v>26765.615839999999</v>
      </c>
      <c r="AA1479">
        <v>84987.110339999999</v>
      </c>
      <c r="AB1479">
        <v>40311.426950000001</v>
      </c>
      <c r="AC1479">
        <v>39204.01397</v>
      </c>
      <c r="AD1479">
        <v>32797.722119999999</v>
      </c>
      <c r="AE1479">
        <v>39116.650240000003</v>
      </c>
      <c r="AF1479">
        <v>48486.014389999997</v>
      </c>
      <c r="AG1479">
        <v>33032.548770000001</v>
      </c>
      <c r="AH1479">
        <v>227599.1985</v>
      </c>
      <c r="AI1479">
        <v>80231.165429999994</v>
      </c>
      <c r="AJ1479">
        <v>22197.96833</v>
      </c>
      <c r="AK1479">
        <v>37669.772349999999</v>
      </c>
      <c r="AL1479">
        <v>54068.43432</v>
      </c>
      <c r="AM1479">
        <v>20804.856810000001</v>
      </c>
      <c r="AN1479">
        <v>92834.566099999996</v>
      </c>
      <c r="AO1479">
        <v>33641.98558</v>
      </c>
      <c r="AP1479">
        <v>14738.932000000001</v>
      </c>
    </row>
    <row r="1480" spans="2:42" x14ac:dyDescent="0.3">
      <c r="B1480">
        <v>44.618359785571222</v>
      </c>
      <c r="C1480" s="83">
        <v>43162.583333333336</v>
      </c>
      <c r="D1480">
        <v>175360.9687</v>
      </c>
      <c r="E1480">
        <v>27214.63032</v>
      </c>
      <c r="F1480">
        <v>85112.590599999996</v>
      </c>
      <c r="G1480">
        <v>39682.811020000001</v>
      </c>
      <c r="H1480">
        <v>38758.816250000003</v>
      </c>
      <c r="I1480">
        <v>33409.058859999997</v>
      </c>
      <c r="J1480">
        <v>37980.519939999998</v>
      </c>
      <c r="K1480">
        <v>47582.950219999999</v>
      </c>
      <c r="L1480">
        <v>30516.208470000001</v>
      </c>
      <c r="M1480">
        <v>227485.20559999999</v>
      </c>
      <c r="N1480">
        <v>79900.188540000003</v>
      </c>
      <c r="O1480">
        <v>21937.458409999999</v>
      </c>
      <c r="P1480">
        <v>35516.078659999999</v>
      </c>
      <c r="Q1480">
        <v>52520.97883</v>
      </c>
      <c r="R1480">
        <v>20683.310979999998</v>
      </c>
      <c r="S1480">
        <v>89933.630770000003</v>
      </c>
      <c r="T1480">
        <v>33308.083440000002</v>
      </c>
      <c r="U1480">
        <v>14677.406580000001</v>
      </c>
      <c r="W1480" s="83">
        <f>Bühler!N1512</f>
        <v>45353.583333329749</v>
      </c>
      <c r="X1480" s="83">
        <v>43162.583333333336</v>
      </c>
      <c r="Y1480">
        <v>175360.9687</v>
      </c>
      <c r="Z1480">
        <v>27214.63032</v>
      </c>
      <c r="AA1480">
        <v>85112.590599999996</v>
      </c>
      <c r="AB1480">
        <v>39682.811020000001</v>
      </c>
      <c r="AC1480">
        <v>38758.816250000003</v>
      </c>
      <c r="AD1480">
        <v>33409.058859999997</v>
      </c>
      <c r="AE1480">
        <v>37980.519939999998</v>
      </c>
      <c r="AF1480">
        <v>47582.950219999999</v>
      </c>
      <c r="AG1480">
        <v>30516.208470000001</v>
      </c>
      <c r="AH1480">
        <v>227485.20559999999</v>
      </c>
      <c r="AI1480">
        <v>79900.188540000003</v>
      </c>
      <c r="AJ1480">
        <v>21937.458409999999</v>
      </c>
      <c r="AK1480">
        <v>35516.078659999999</v>
      </c>
      <c r="AL1480">
        <v>52520.97883</v>
      </c>
      <c r="AM1480">
        <v>20683.310979999998</v>
      </c>
      <c r="AN1480">
        <v>89933.630770000003</v>
      </c>
      <c r="AO1480">
        <v>33308.083440000002</v>
      </c>
      <c r="AP1480">
        <v>14677.406580000001</v>
      </c>
    </row>
    <row r="1481" spans="2:42" x14ac:dyDescent="0.3">
      <c r="B1481">
        <v>43.927563541411054</v>
      </c>
      <c r="C1481" s="83">
        <v>43162.625</v>
      </c>
      <c r="D1481">
        <v>173898.69149999999</v>
      </c>
      <c r="E1481">
        <v>26897.857779999998</v>
      </c>
      <c r="F1481">
        <v>84861.974679999999</v>
      </c>
      <c r="G1481">
        <v>39478.170259999999</v>
      </c>
      <c r="H1481">
        <v>38614.99123</v>
      </c>
      <c r="I1481">
        <v>33454.879059999999</v>
      </c>
      <c r="J1481">
        <v>37672.913359999999</v>
      </c>
      <c r="K1481">
        <v>47580.727680000004</v>
      </c>
      <c r="L1481">
        <v>28064.937910000001</v>
      </c>
      <c r="M1481">
        <v>223963.20420000001</v>
      </c>
      <c r="N1481">
        <v>80970.48027</v>
      </c>
      <c r="O1481">
        <v>21728.82418</v>
      </c>
      <c r="P1481">
        <v>35003.12124</v>
      </c>
      <c r="Q1481">
        <v>51772.403189999997</v>
      </c>
      <c r="R1481">
        <v>20402.759819999999</v>
      </c>
      <c r="S1481">
        <v>88548.472999999998</v>
      </c>
      <c r="T1481">
        <v>34232.209849999999</v>
      </c>
      <c r="U1481">
        <v>14265.132739999999</v>
      </c>
      <c r="W1481" s="83">
        <f>Bühler!N1513</f>
        <v>45353.624999996413</v>
      </c>
      <c r="X1481" s="83">
        <v>43162.625</v>
      </c>
      <c r="Y1481">
        <v>173898.69149999999</v>
      </c>
      <c r="Z1481">
        <v>26897.857779999998</v>
      </c>
      <c r="AA1481">
        <v>84861.974679999999</v>
      </c>
      <c r="AB1481">
        <v>39478.170259999999</v>
      </c>
      <c r="AC1481">
        <v>38614.99123</v>
      </c>
      <c r="AD1481">
        <v>33454.879059999999</v>
      </c>
      <c r="AE1481">
        <v>37672.913359999999</v>
      </c>
      <c r="AF1481">
        <v>47580.727680000004</v>
      </c>
      <c r="AG1481">
        <v>28064.937910000001</v>
      </c>
      <c r="AH1481">
        <v>223963.20420000001</v>
      </c>
      <c r="AI1481">
        <v>80970.48027</v>
      </c>
      <c r="AJ1481">
        <v>21728.82418</v>
      </c>
      <c r="AK1481">
        <v>35003.12124</v>
      </c>
      <c r="AL1481">
        <v>51772.403189999997</v>
      </c>
      <c r="AM1481">
        <v>20402.759819999999</v>
      </c>
      <c r="AN1481">
        <v>88548.472999999998</v>
      </c>
      <c r="AO1481">
        <v>34232.209849999999</v>
      </c>
      <c r="AP1481">
        <v>14265.132739999999</v>
      </c>
    </row>
    <row r="1482" spans="2:42" x14ac:dyDescent="0.3">
      <c r="B1482">
        <v>43.113984001645186</v>
      </c>
      <c r="C1482" s="83">
        <v>43162.666666666664</v>
      </c>
      <c r="D1482">
        <v>172986.54269999999</v>
      </c>
      <c r="E1482">
        <v>26892.87501</v>
      </c>
      <c r="F1482">
        <v>83860.678520000001</v>
      </c>
      <c r="G1482">
        <v>39449.73749</v>
      </c>
      <c r="H1482">
        <v>38539.286050000002</v>
      </c>
      <c r="I1482">
        <v>34313.463580000003</v>
      </c>
      <c r="J1482">
        <v>37124.267879999999</v>
      </c>
      <c r="K1482">
        <v>46197.430619999999</v>
      </c>
      <c r="L1482">
        <v>26331.005990000001</v>
      </c>
      <c r="M1482">
        <v>219815.19630000001</v>
      </c>
      <c r="N1482">
        <v>79077.842629999999</v>
      </c>
      <c r="O1482">
        <v>22032.871080000001</v>
      </c>
      <c r="P1482">
        <v>33604.162179999999</v>
      </c>
      <c r="Q1482">
        <v>51677.799899999998</v>
      </c>
      <c r="R1482">
        <v>20260.919880000001</v>
      </c>
      <c r="S1482">
        <v>89495.540030000004</v>
      </c>
      <c r="T1482">
        <v>33774.362589999997</v>
      </c>
      <c r="U1482">
        <v>14592.396919999999</v>
      </c>
      <c r="W1482" s="83">
        <f>Bühler!N1514</f>
        <v>45353.666666663077</v>
      </c>
      <c r="X1482" s="83">
        <v>43162.666666666664</v>
      </c>
      <c r="Y1482">
        <v>172986.54269999999</v>
      </c>
      <c r="Z1482">
        <v>26892.87501</v>
      </c>
      <c r="AA1482">
        <v>83860.678520000001</v>
      </c>
      <c r="AB1482">
        <v>39449.73749</v>
      </c>
      <c r="AC1482">
        <v>38539.286050000002</v>
      </c>
      <c r="AD1482">
        <v>34313.463580000003</v>
      </c>
      <c r="AE1482">
        <v>37124.267879999999</v>
      </c>
      <c r="AF1482">
        <v>46197.430619999999</v>
      </c>
      <c r="AG1482">
        <v>26331.005990000001</v>
      </c>
      <c r="AH1482">
        <v>219815.19630000001</v>
      </c>
      <c r="AI1482">
        <v>79077.842629999999</v>
      </c>
      <c r="AJ1482">
        <v>22032.871080000001</v>
      </c>
      <c r="AK1482">
        <v>33604.162179999999</v>
      </c>
      <c r="AL1482">
        <v>51677.799899999998</v>
      </c>
      <c r="AM1482">
        <v>20260.919880000001</v>
      </c>
      <c r="AN1482">
        <v>89495.540030000004</v>
      </c>
      <c r="AO1482">
        <v>33774.362589999997</v>
      </c>
      <c r="AP1482">
        <v>14592.396919999999</v>
      </c>
    </row>
    <row r="1483" spans="2:42" x14ac:dyDescent="0.3">
      <c r="B1483">
        <v>42.931713444644004</v>
      </c>
      <c r="C1483" s="83">
        <v>43162.708333333336</v>
      </c>
      <c r="D1483">
        <v>172501.48989999999</v>
      </c>
      <c r="E1483">
        <v>26778.23057</v>
      </c>
      <c r="F1483">
        <v>84564.339489999998</v>
      </c>
      <c r="G1483">
        <v>39268.489520000003</v>
      </c>
      <c r="H1483">
        <v>38433.21946</v>
      </c>
      <c r="I1483">
        <v>34858.586139999999</v>
      </c>
      <c r="J1483">
        <v>37949.912510000002</v>
      </c>
      <c r="K1483">
        <v>45093.889779999998</v>
      </c>
      <c r="L1483">
        <v>27010.278269999999</v>
      </c>
      <c r="M1483">
        <v>218885.89600000001</v>
      </c>
      <c r="N1483">
        <v>72445.682220000002</v>
      </c>
      <c r="O1483">
        <v>22201.118539999999</v>
      </c>
      <c r="P1483">
        <v>36287.10585</v>
      </c>
      <c r="Q1483">
        <v>51012.648780000003</v>
      </c>
      <c r="R1483">
        <v>22217.204030000001</v>
      </c>
      <c r="S1483">
        <v>92087.287599999996</v>
      </c>
      <c r="T1483">
        <v>33965.716650000002</v>
      </c>
      <c r="U1483">
        <v>14951.47803</v>
      </c>
      <c r="W1483" s="83">
        <f>Bühler!N1515</f>
        <v>45353.708333329741</v>
      </c>
      <c r="X1483" s="83">
        <v>43162.708333333336</v>
      </c>
      <c r="Y1483">
        <v>172501.48989999999</v>
      </c>
      <c r="Z1483">
        <v>26778.23057</v>
      </c>
      <c r="AA1483">
        <v>84564.339489999998</v>
      </c>
      <c r="AB1483">
        <v>39268.489520000003</v>
      </c>
      <c r="AC1483">
        <v>38433.21946</v>
      </c>
      <c r="AD1483">
        <v>34858.586139999999</v>
      </c>
      <c r="AE1483">
        <v>37949.912510000002</v>
      </c>
      <c r="AF1483">
        <v>45093.889779999998</v>
      </c>
      <c r="AG1483">
        <v>27010.278269999999</v>
      </c>
      <c r="AH1483">
        <v>218885.89600000001</v>
      </c>
      <c r="AI1483">
        <v>72445.682220000002</v>
      </c>
      <c r="AJ1483">
        <v>22201.118539999999</v>
      </c>
      <c r="AK1483">
        <v>36287.10585</v>
      </c>
      <c r="AL1483">
        <v>51012.648780000003</v>
      </c>
      <c r="AM1483">
        <v>22217.204030000001</v>
      </c>
      <c r="AN1483">
        <v>92087.287599999996</v>
      </c>
      <c r="AO1483">
        <v>33965.716650000002</v>
      </c>
      <c r="AP1483">
        <v>14951.47803</v>
      </c>
    </row>
    <row r="1484" spans="2:42" x14ac:dyDescent="0.3">
      <c r="B1484">
        <v>42.330468463427906</v>
      </c>
      <c r="C1484" s="83">
        <v>43162.75</v>
      </c>
      <c r="D1484">
        <v>172922.23069999999</v>
      </c>
      <c r="E1484">
        <v>26264.962820000001</v>
      </c>
      <c r="F1484">
        <v>83914.685979999995</v>
      </c>
      <c r="G1484">
        <v>40189.997739999999</v>
      </c>
      <c r="H1484">
        <v>39181.887419999999</v>
      </c>
      <c r="I1484">
        <v>35215.806239999998</v>
      </c>
      <c r="J1484">
        <v>40354.655140000003</v>
      </c>
      <c r="K1484">
        <v>40890.368390000003</v>
      </c>
      <c r="L1484">
        <v>29995.22207</v>
      </c>
      <c r="M1484">
        <v>215820.4687</v>
      </c>
      <c r="N1484">
        <v>72099.991099999999</v>
      </c>
      <c r="O1484">
        <v>22801.662359999998</v>
      </c>
      <c r="P1484">
        <v>39578.33021</v>
      </c>
      <c r="Q1484">
        <v>50730.54967</v>
      </c>
      <c r="R1484">
        <v>19929.62412</v>
      </c>
      <c r="S1484">
        <v>91829.34319</v>
      </c>
      <c r="T1484">
        <v>33677.261720000002</v>
      </c>
      <c r="U1484">
        <v>15049.219440000001</v>
      </c>
      <c r="W1484" s="83">
        <f>Bühler!N1516</f>
        <v>45353.749999996406</v>
      </c>
      <c r="X1484" s="83">
        <v>43162.75</v>
      </c>
      <c r="Y1484">
        <v>172922.23069999999</v>
      </c>
      <c r="Z1484">
        <v>26264.962820000001</v>
      </c>
      <c r="AA1484">
        <v>83914.685979999995</v>
      </c>
      <c r="AB1484">
        <v>40189.997739999999</v>
      </c>
      <c r="AC1484">
        <v>39181.887419999999</v>
      </c>
      <c r="AD1484">
        <v>35215.806239999998</v>
      </c>
      <c r="AE1484">
        <v>40354.655140000003</v>
      </c>
      <c r="AF1484">
        <v>40890.368390000003</v>
      </c>
      <c r="AG1484">
        <v>29995.22207</v>
      </c>
      <c r="AH1484">
        <v>215820.4687</v>
      </c>
      <c r="AI1484">
        <v>72099.991099999999</v>
      </c>
      <c r="AJ1484">
        <v>22801.662359999998</v>
      </c>
      <c r="AK1484">
        <v>39578.33021</v>
      </c>
      <c r="AL1484">
        <v>50730.54967</v>
      </c>
      <c r="AM1484">
        <v>19929.62412</v>
      </c>
      <c r="AN1484">
        <v>91829.34319</v>
      </c>
      <c r="AO1484">
        <v>33677.261720000002</v>
      </c>
      <c r="AP1484">
        <v>15049.219440000001</v>
      </c>
    </row>
    <row r="1485" spans="2:42" x14ac:dyDescent="0.3">
      <c r="B1485">
        <v>42.191533173383746</v>
      </c>
      <c r="C1485" s="83">
        <v>43162.791666666664</v>
      </c>
      <c r="D1485">
        <v>173614.59400000001</v>
      </c>
      <c r="E1485">
        <v>23202.791239999999</v>
      </c>
      <c r="F1485">
        <v>76078.829949999999</v>
      </c>
      <c r="G1485">
        <v>40877.183539999998</v>
      </c>
      <c r="H1485">
        <v>40092.48906</v>
      </c>
      <c r="I1485">
        <v>34771.288919999999</v>
      </c>
      <c r="J1485">
        <v>41382.492290000002</v>
      </c>
      <c r="K1485">
        <v>41696.415630000003</v>
      </c>
      <c r="L1485">
        <v>32601.56279</v>
      </c>
      <c r="M1485">
        <v>215112.11180000001</v>
      </c>
      <c r="N1485">
        <v>73914.062810000003</v>
      </c>
      <c r="O1485">
        <v>23416.683959999998</v>
      </c>
      <c r="P1485">
        <v>41595.287040000003</v>
      </c>
      <c r="Q1485">
        <v>50150.875979999997</v>
      </c>
      <c r="R1485">
        <v>20681.95105</v>
      </c>
      <c r="S1485">
        <v>92739.833540000007</v>
      </c>
      <c r="T1485">
        <v>33412.898939999999</v>
      </c>
      <c r="U1485">
        <v>15600.32813</v>
      </c>
      <c r="W1485" s="83">
        <f>Bühler!N1517</f>
        <v>45353.79166666307</v>
      </c>
      <c r="X1485" s="83">
        <v>43162.791666666664</v>
      </c>
      <c r="Y1485">
        <v>173614.59400000001</v>
      </c>
      <c r="Z1485">
        <v>23202.791239999999</v>
      </c>
      <c r="AA1485">
        <v>76078.829949999999</v>
      </c>
      <c r="AB1485">
        <v>40877.183539999998</v>
      </c>
      <c r="AC1485">
        <v>40092.48906</v>
      </c>
      <c r="AD1485">
        <v>34771.288919999999</v>
      </c>
      <c r="AE1485">
        <v>41382.492290000002</v>
      </c>
      <c r="AF1485">
        <v>41696.415630000003</v>
      </c>
      <c r="AG1485">
        <v>32601.56279</v>
      </c>
      <c r="AH1485">
        <v>215112.11180000001</v>
      </c>
      <c r="AI1485">
        <v>73914.062810000003</v>
      </c>
      <c r="AJ1485">
        <v>23416.683959999998</v>
      </c>
      <c r="AK1485">
        <v>41595.287040000003</v>
      </c>
      <c r="AL1485">
        <v>50150.875979999997</v>
      </c>
      <c r="AM1485">
        <v>20681.95105</v>
      </c>
      <c r="AN1485">
        <v>92739.833540000007</v>
      </c>
      <c r="AO1485">
        <v>33412.898939999999</v>
      </c>
      <c r="AP1485">
        <v>15600.32813</v>
      </c>
    </row>
    <row r="1486" spans="2:42" x14ac:dyDescent="0.3">
      <c r="B1486">
        <v>42.138100418957535</v>
      </c>
      <c r="C1486" s="83">
        <v>43162.833333333336</v>
      </c>
      <c r="D1486">
        <v>173041.5735</v>
      </c>
      <c r="E1486">
        <v>18120.215390000001</v>
      </c>
      <c r="F1486">
        <v>56800.671490000001</v>
      </c>
      <c r="G1486">
        <v>40885.593979999998</v>
      </c>
      <c r="H1486">
        <v>39841.855960000001</v>
      </c>
      <c r="I1486">
        <v>32142.18086</v>
      </c>
      <c r="J1486">
        <v>40680.83167</v>
      </c>
      <c r="K1486">
        <v>48366.572110000001</v>
      </c>
      <c r="L1486">
        <v>31872.886269999999</v>
      </c>
      <c r="M1486">
        <v>214839.68669999999</v>
      </c>
      <c r="N1486">
        <v>73710.914659999995</v>
      </c>
      <c r="O1486">
        <v>23333.445159999999</v>
      </c>
      <c r="P1486">
        <v>41704.311829999999</v>
      </c>
      <c r="Q1486">
        <v>48963.329339999997</v>
      </c>
      <c r="R1486">
        <v>22279.723030000001</v>
      </c>
      <c r="S1486">
        <v>87477.498919999998</v>
      </c>
      <c r="T1486">
        <v>30863.85399</v>
      </c>
      <c r="U1486">
        <v>15794.18951</v>
      </c>
      <c r="W1486" s="83">
        <f>Bühler!N1518</f>
        <v>45353.833333329734</v>
      </c>
      <c r="X1486" s="83">
        <v>43162.833333333336</v>
      </c>
      <c r="Y1486">
        <v>173041.5735</v>
      </c>
      <c r="Z1486">
        <v>18120.215390000001</v>
      </c>
      <c r="AA1486">
        <v>56800.671490000001</v>
      </c>
      <c r="AB1486">
        <v>40885.593979999998</v>
      </c>
      <c r="AC1486">
        <v>39841.855960000001</v>
      </c>
      <c r="AD1486">
        <v>32142.18086</v>
      </c>
      <c r="AE1486">
        <v>40680.83167</v>
      </c>
      <c r="AF1486">
        <v>48366.572110000001</v>
      </c>
      <c r="AG1486">
        <v>31872.886269999999</v>
      </c>
      <c r="AH1486">
        <v>214839.68669999999</v>
      </c>
      <c r="AI1486">
        <v>73710.914659999995</v>
      </c>
      <c r="AJ1486">
        <v>23333.445159999999</v>
      </c>
      <c r="AK1486">
        <v>41704.311829999999</v>
      </c>
      <c r="AL1486">
        <v>48963.329339999997</v>
      </c>
      <c r="AM1486">
        <v>22279.723030000001</v>
      </c>
      <c r="AN1486">
        <v>87477.498919999998</v>
      </c>
      <c r="AO1486">
        <v>30863.85399</v>
      </c>
      <c r="AP1486">
        <v>15794.18951</v>
      </c>
    </row>
    <row r="1487" spans="2:42" x14ac:dyDescent="0.3">
      <c r="B1487">
        <v>42.218791507690348</v>
      </c>
      <c r="C1487" s="83">
        <v>43162.875</v>
      </c>
      <c r="D1487">
        <v>171364.51670000001</v>
      </c>
      <c r="E1487">
        <v>16422.83884</v>
      </c>
      <c r="F1487">
        <v>49034.153350000001</v>
      </c>
      <c r="G1487">
        <v>40324.043689999999</v>
      </c>
      <c r="H1487">
        <v>38796.197959999998</v>
      </c>
      <c r="I1487">
        <v>29279.124500000002</v>
      </c>
      <c r="J1487">
        <v>39521.413460000003</v>
      </c>
      <c r="K1487">
        <v>47850.936320000001</v>
      </c>
      <c r="L1487">
        <v>30627.423849999999</v>
      </c>
      <c r="M1487">
        <v>215251.08749999999</v>
      </c>
      <c r="N1487">
        <v>73084.954370000007</v>
      </c>
      <c r="O1487">
        <v>22815.973979999999</v>
      </c>
      <c r="P1487">
        <v>39934.164120000001</v>
      </c>
      <c r="Q1487">
        <v>48222.030989999999</v>
      </c>
      <c r="R1487">
        <v>20898.983459999999</v>
      </c>
      <c r="S1487">
        <v>83703.313569999998</v>
      </c>
      <c r="T1487">
        <v>28788.820800000001</v>
      </c>
      <c r="U1487">
        <v>15821.73688</v>
      </c>
      <c r="W1487" s="83">
        <f>Bühler!N1519</f>
        <v>45353.874999996398</v>
      </c>
      <c r="X1487" s="83">
        <v>43162.875</v>
      </c>
      <c r="Y1487">
        <v>171364.51670000001</v>
      </c>
      <c r="Z1487">
        <v>16422.83884</v>
      </c>
      <c r="AA1487">
        <v>49034.153350000001</v>
      </c>
      <c r="AB1487">
        <v>40324.043689999999</v>
      </c>
      <c r="AC1487">
        <v>38796.197959999998</v>
      </c>
      <c r="AD1487">
        <v>29279.124500000002</v>
      </c>
      <c r="AE1487">
        <v>39521.413460000003</v>
      </c>
      <c r="AF1487">
        <v>47850.936320000001</v>
      </c>
      <c r="AG1487">
        <v>30627.423849999999</v>
      </c>
      <c r="AH1487">
        <v>215251.08749999999</v>
      </c>
      <c r="AI1487">
        <v>73084.954370000007</v>
      </c>
      <c r="AJ1487">
        <v>22815.973979999999</v>
      </c>
      <c r="AK1487">
        <v>39934.164120000001</v>
      </c>
      <c r="AL1487">
        <v>48222.030989999999</v>
      </c>
      <c r="AM1487">
        <v>20898.983459999999</v>
      </c>
      <c r="AN1487">
        <v>83703.313569999998</v>
      </c>
      <c r="AO1487">
        <v>28788.820800000001</v>
      </c>
      <c r="AP1487">
        <v>15821.73688</v>
      </c>
    </row>
    <row r="1488" spans="2:42" x14ac:dyDescent="0.3">
      <c r="B1488">
        <v>42.075362238778183</v>
      </c>
      <c r="C1488" s="83">
        <v>43162.916666666664</v>
      </c>
      <c r="D1488">
        <v>171637.87469999999</v>
      </c>
      <c r="E1488">
        <v>16011.08063</v>
      </c>
      <c r="F1488">
        <v>46234.642890000003</v>
      </c>
      <c r="G1488">
        <v>40715.527990000002</v>
      </c>
      <c r="H1488">
        <v>39161.785799999998</v>
      </c>
      <c r="I1488">
        <v>27626.323090000002</v>
      </c>
      <c r="J1488">
        <v>38260.77865</v>
      </c>
      <c r="K1488">
        <v>51350.997349999998</v>
      </c>
      <c r="L1488">
        <v>27731.029600000002</v>
      </c>
      <c r="M1488">
        <v>214519.81820000001</v>
      </c>
      <c r="N1488">
        <v>73291.944199999998</v>
      </c>
      <c r="O1488">
        <v>23906.63192</v>
      </c>
      <c r="P1488">
        <v>44192.388019999999</v>
      </c>
      <c r="Q1488">
        <v>48045.223559999999</v>
      </c>
      <c r="R1488">
        <v>29768.882109999999</v>
      </c>
      <c r="S1488">
        <v>83303.262839999996</v>
      </c>
      <c r="T1488">
        <v>28114.672190000001</v>
      </c>
      <c r="U1488">
        <v>17404.52017</v>
      </c>
      <c r="W1488" s="83">
        <f>Bühler!N1520</f>
        <v>45353.916666663063</v>
      </c>
      <c r="X1488" s="83">
        <v>43162.916666666664</v>
      </c>
      <c r="Y1488">
        <v>171637.87469999999</v>
      </c>
      <c r="Z1488">
        <v>16011.08063</v>
      </c>
      <c r="AA1488">
        <v>46234.642890000003</v>
      </c>
      <c r="AB1488">
        <v>40715.527990000002</v>
      </c>
      <c r="AC1488">
        <v>39161.785799999998</v>
      </c>
      <c r="AD1488">
        <v>27626.323090000002</v>
      </c>
      <c r="AE1488">
        <v>38260.77865</v>
      </c>
      <c r="AF1488">
        <v>51350.997349999998</v>
      </c>
      <c r="AG1488">
        <v>27731.029600000002</v>
      </c>
      <c r="AH1488">
        <v>214519.81820000001</v>
      </c>
      <c r="AI1488">
        <v>73291.944199999998</v>
      </c>
      <c r="AJ1488">
        <v>23906.63192</v>
      </c>
      <c r="AK1488">
        <v>44192.388019999999</v>
      </c>
      <c r="AL1488">
        <v>48045.223559999999</v>
      </c>
      <c r="AM1488">
        <v>29768.882109999999</v>
      </c>
      <c r="AN1488">
        <v>83303.262839999996</v>
      </c>
      <c r="AO1488">
        <v>28114.672190000001</v>
      </c>
      <c r="AP1488">
        <v>17404.52017</v>
      </c>
    </row>
    <row r="1489" spans="2:42" x14ac:dyDescent="0.3">
      <c r="B1489">
        <v>41.805477511153946</v>
      </c>
      <c r="C1489" s="83">
        <v>43162.958333333336</v>
      </c>
      <c r="D1489">
        <v>170842.53169999999</v>
      </c>
      <c r="E1489">
        <v>15922.27792</v>
      </c>
      <c r="F1489">
        <v>45085.05027</v>
      </c>
      <c r="G1489">
        <v>40471.65986</v>
      </c>
      <c r="H1489">
        <v>39297.052029999999</v>
      </c>
      <c r="I1489">
        <v>25873.723870000002</v>
      </c>
      <c r="J1489">
        <v>35598.461539999997</v>
      </c>
      <c r="K1489">
        <v>50276.768689999997</v>
      </c>
      <c r="L1489">
        <v>22652.00131</v>
      </c>
      <c r="M1489">
        <v>213143.82</v>
      </c>
      <c r="N1489">
        <v>72648.943539999993</v>
      </c>
      <c r="O1489">
        <v>23978.983939999998</v>
      </c>
      <c r="P1489">
        <v>38853.75172</v>
      </c>
      <c r="Q1489">
        <v>47952.167500000003</v>
      </c>
      <c r="R1489">
        <v>32095.392759999999</v>
      </c>
      <c r="S1489">
        <v>81648.097169999994</v>
      </c>
      <c r="T1489">
        <v>30059.832149999998</v>
      </c>
      <c r="U1489">
        <v>16969.35514</v>
      </c>
      <c r="W1489" s="83">
        <f>Bühler!N1521</f>
        <v>45353.958333329727</v>
      </c>
      <c r="X1489" s="83">
        <v>43162.958333333336</v>
      </c>
      <c r="Y1489">
        <v>170842.53169999999</v>
      </c>
      <c r="Z1489">
        <v>15922.27792</v>
      </c>
      <c r="AA1489">
        <v>45085.05027</v>
      </c>
      <c r="AB1489">
        <v>40471.65986</v>
      </c>
      <c r="AC1489">
        <v>39297.052029999999</v>
      </c>
      <c r="AD1489">
        <v>25873.723870000002</v>
      </c>
      <c r="AE1489">
        <v>35598.461539999997</v>
      </c>
      <c r="AF1489">
        <v>50276.768689999997</v>
      </c>
      <c r="AG1489">
        <v>22652.00131</v>
      </c>
      <c r="AH1489">
        <v>213143.82</v>
      </c>
      <c r="AI1489">
        <v>72648.943539999993</v>
      </c>
      <c r="AJ1489">
        <v>23978.983939999998</v>
      </c>
      <c r="AK1489">
        <v>38853.75172</v>
      </c>
      <c r="AL1489">
        <v>47952.167500000003</v>
      </c>
      <c r="AM1489">
        <v>32095.392759999999</v>
      </c>
      <c r="AN1489">
        <v>81648.097169999994</v>
      </c>
      <c r="AO1489">
        <v>30059.832149999998</v>
      </c>
      <c r="AP1489">
        <v>16969.35514</v>
      </c>
    </row>
    <row r="1490" spans="2:42" x14ac:dyDescent="0.3">
      <c r="B1490">
        <v>41.424743135401364</v>
      </c>
      <c r="C1490" s="83">
        <v>43163</v>
      </c>
      <c r="D1490">
        <v>170230.49309999999</v>
      </c>
      <c r="E1490">
        <v>15731.857959999999</v>
      </c>
      <c r="F1490">
        <v>44424.525990000002</v>
      </c>
      <c r="G1490">
        <v>40364.961889999999</v>
      </c>
      <c r="H1490">
        <v>38834.495289999999</v>
      </c>
      <c r="I1490">
        <v>24193.22262</v>
      </c>
      <c r="J1490">
        <v>34275.104850000003</v>
      </c>
      <c r="K1490">
        <v>49444.858180000003</v>
      </c>
      <c r="L1490">
        <v>19753.70133</v>
      </c>
      <c r="M1490">
        <v>211202.6586</v>
      </c>
      <c r="N1490">
        <v>71760.892860000007</v>
      </c>
      <c r="O1490">
        <v>24153.19</v>
      </c>
      <c r="P1490">
        <v>35982.004379999998</v>
      </c>
      <c r="Q1490">
        <v>48549.651819999999</v>
      </c>
      <c r="R1490">
        <v>28037.007119999998</v>
      </c>
      <c r="S1490">
        <v>81124.72507</v>
      </c>
      <c r="T1490">
        <v>29206.248319999999</v>
      </c>
      <c r="U1490">
        <v>16919.970410000002</v>
      </c>
      <c r="W1490" s="83">
        <f>Bühler!N1522</f>
        <v>45353.999999996391</v>
      </c>
      <c r="X1490" s="83">
        <v>43163</v>
      </c>
      <c r="Y1490">
        <v>170230.49309999999</v>
      </c>
      <c r="Z1490">
        <v>15731.857959999999</v>
      </c>
      <c r="AA1490">
        <v>44424.525990000002</v>
      </c>
      <c r="AB1490">
        <v>40364.961889999999</v>
      </c>
      <c r="AC1490">
        <v>38834.495289999999</v>
      </c>
      <c r="AD1490">
        <v>24193.22262</v>
      </c>
      <c r="AE1490">
        <v>34275.104850000003</v>
      </c>
      <c r="AF1490">
        <v>49444.858180000003</v>
      </c>
      <c r="AG1490">
        <v>19753.70133</v>
      </c>
      <c r="AH1490">
        <v>211202.6586</v>
      </c>
      <c r="AI1490">
        <v>71760.892860000007</v>
      </c>
      <c r="AJ1490">
        <v>24153.19</v>
      </c>
      <c r="AK1490">
        <v>35982.004379999998</v>
      </c>
      <c r="AL1490">
        <v>48549.651819999999</v>
      </c>
      <c r="AM1490">
        <v>28037.007119999998</v>
      </c>
      <c r="AN1490">
        <v>81124.72507</v>
      </c>
      <c r="AO1490">
        <v>29206.248319999999</v>
      </c>
      <c r="AP1490">
        <v>16919.970410000002</v>
      </c>
    </row>
    <row r="1491" spans="2:42" x14ac:dyDescent="0.3">
      <c r="B1491">
        <v>41.437496519583767</v>
      </c>
      <c r="C1491" s="83">
        <v>43163.041666666664</v>
      </c>
      <c r="D1491">
        <v>169799.6814</v>
      </c>
      <c r="E1491">
        <v>15711.73983</v>
      </c>
      <c r="F1491">
        <v>44055.252469999999</v>
      </c>
      <c r="G1491">
        <v>39945.043400000002</v>
      </c>
      <c r="H1491">
        <v>38323.839509999998</v>
      </c>
      <c r="I1491">
        <v>21359.745360000001</v>
      </c>
      <c r="J1491">
        <v>33759.04997</v>
      </c>
      <c r="K1491">
        <v>48629.873509999998</v>
      </c>
      <c r="L1491">
        <v>19155.403050000001</v>
      </c>
      <c r="M1491">
        <v>211267.6813</v>
      </c>
      <c r="N1491">
        <v>71416.89129</v>
      </c>
      <c r="O1491">
        <v>23428.47694</v>
      </c>
      <c r="P1491">
        <v>34388.487589999997</v>
      </c>
      <c r="Q1491">
        <v>50034.560250000002</v>
      </c>
      <c r="R1491">
        <v>26308.207009999998</v>
      </c>
      <c r="S1491">
        <v>79892.825970000005</v>
      </c>
      <c r="T1491">
        <v>28291.302329999999</v>
      </c>
      <c r="U1491">
        <v>17337.868630000001</v>
      </c>
      <c r="W1491" s="83">
        <f>Bühler!N1523</f>
        <v>45354.041666663055</v>
      </c>
      <c r="X1491" s="83">
        <v>43163.041666666664</v>
      </c>
      <c r="Y1491">
        <v>169799.6814</v>
      </c>
      <c r="Z1491">
        <v>15711.73983</v>
      </c>
      <c r="AA1491">
        <v>44055.252469999999</v>
      </c>
      <c r="AB1491">
        <v>39945.043400000002</v>
      </c>
      <c r="AC1491">
        <v>38323.839509999998</v>
      </c>
      <c r="AD1491">
        <v>21359.745360000001</v>
      </c>
      <c r="AE1491">
        <v>33759.04997</v>
      </c>
      <c r="AF1491">
        <v>48629.873509999998</v>
      </c>
      <c r="AG1491">
        <v>19155.403050000001</v>
      </c>
      <c r="AH1491">
        <v>211267.6813</v>
      </c>
      <c r="AI1491">
        <v>71416.89129</v>
      </c>
      <c r="AJ1491">
        <v>23428.47694</v>
      </c>
      <c r="AK1491">
        <v>34388.487589999997</v>
      </c>
      <c r="AL1491">
        <v>50034.560250000002</v>
      </c>
      <c r="AM1491">
        <v>26308.207009999998</v>
      </c>
      <c r="AN1491">
        <v>79892.825970000005</v>
      </c>
      <c r="AO1491">
        <v>28291.302329999999</v>
      </c>
      <c r="AP1491">
        <v>17337.868630000001</v>
      </c>
    </row>
    <row r="1492" spans="2:42" x14ac:dyDescent="0.3">
      <c r="B1492">
        <v>41.93005550331862</v>
      </c>
      <c r="C1492" s="83">
        <v>43163.083333333336</v>
      </c>
      <c r="D1492">
        <v>169876.82370000001</v>
      </c>
      <c r="E1492">
        <v>15625.31631</v>
      </c>
      <c r="F1492">
        <v>44453.780590000002</v>
      </c>
      <c r="G1492">
        <v>39878.699789999999</v>
      </c>
      <c r="H1492">
        <v>37846.309829999998</v>
      </c>
      <c r="I1492">
        <v>18490.0504</v>
      </c>
      <c r="J1492">
        <v>33383.041250000002</v>
      </c>
      <c r="K1492">
        <v>46719.516620000002</v>
      </c>
      <c r="L1492">
        <v>19264.867490000001</v>
      </c>
      <c r="M1492">
        <v>213778.9767</v>
      </c>
      <c r="N1492">
        <v>70515.863310000001</v>
      </c>
      <c r="O1492">
        <v>23421.447260000001</v>
      </c>
      <c r="P1492">
        <v>33473.634380000003</v>
      </c>
      <c r="Q1492">
        <v>50604.398549999998</v>
      </c>
      <c r="R1492">
        <v>25914.532469999998</v>
      </c>
      <c r="S1492">
        <v>79301.103390000004</v>
      </c>
      <c r="T1492">
        <v>27965.39602</v>
      </c>
      <c r="U1492">
        <v>17430.524560000002</v>
      </c>
      <c r="W1492" s="83">
        <f>Bühler!N1524</f>
        <v>45354.08333332972</v>
      </c>
      <c r="X1492" s="83">
        <v>43163.083333333336</v>
      </c>
      <c r="Y1492">
        <v>169876.82370000001</v>
      </c>
      <c r="Z1492">
        <v>15625.31631</v>
      </c>
      <c r="AA1492">
        <v>44453.780590000002</v>
      </c>
      <c r="AB1492">
        <v>39878.699789999999</v>
      </c>
      <c r="AC1492">
        <v>37846.309829999998</v>
      </c>
      <c r="AD1492">
        <v>18490.0504</v>
      </c>
      <c r="AE1492">
        <v>33383.041250000002</v>
      </c>
      <c r="AF1492">
        <v>46719.516620000002</v>
      </c>
      <c r="AG1492">
        <v>19264.867490000001</v>
      </c>
      <c r="AH1492">
        <v>213778.9767</v>
      </c>
      <c r="AI1492">
        <v>70515.863310000001</v>
      </c>
      <c r="AJ1492">
        <v>23421.447260000001</v>
      </c>
      <c r="AK1492">
        <v>33473.634380000003</v>
      </c>
      <c r="AL1492">
        <v>50604.398549999998</v>
      </c>
      <c r="AM1492">
        <v>25914.532469999998</v>
      </c>
      <c r="AN1492">
        <v>79301.103390000004</v>
      </c>
      <c r="AO1492">
        <v>27965.39602</v>
      </c>
      <c r="AP1492">
        <v>17430.524560000002</v>
      </c>
    </row>
    <row r="1493" spans="2:42" x14ac:dyDescent="0.3">
      <c r="B1493">
        <v>41.668921701366457</v>
      </c>
      <c r="C1493" s="83">
        <v>43163.125</v>
      </c>
      <c r="D1493">
        <v>169477.93359999999</v>
      </c>
      <c r="E1493">
        <v>15704.773069999999</v>
      </c>
      <c r="F1493">
        <v>44890.23115</v>
      </c>
      <c r="G1493">
        <v>39005.391369999998</v>
      </c>
      <c r="H1493">
        <v>37765.086170000002</v>
      </c>
      <c r="I1493">
        <v>18218.972330000001</v>
      </c>
      <c r="J1493">
        <v>33669.790249999998</v>
      </c>
      <c r="K1493">
        <v>44710.968159999997</v>
      </c>
      <c r="L1493">
        <v>18814.62329</v>
      </c>
      <c r="M1493">
        <v>212447.59479999999</v>
      </c>
      <c r="N1493">
        <v>70855.035109999997</v>
      </c>
      <c r="O1493">
        <v>23230.359079999998</v>
      </c>
      <c r="P1493">
        <v>32388.202649999999</v>
      </c>
      <c r="Q1493">
        <v>51111.336450000003</v>
      </c>
      <c r="R1493">
        <v>25110.708439999999</v>
      </c>
      <c r="S1493">
        <v>78677.769390000001</v>
      </c>
      <c r="T1493">
        <v>27600.596580000001</v>
      </c>
      <c r="U1493">
        <v>17272.965779999999</v>
      </c>
      <c r="W1493" s="83">
        <f>Bühler!N1525</f>
        <v>45354.124999996384</v>
      </c>
      <c r="X1493" s="83">
        <v>43163.125</v>
      </c>
      <c r="Y1493">
        <v>169477.93359999999</v>
      </c>
      <c r="Z1493">
        <v>15704.773069999999</v>
      </c>
      <c r="AA1493">
        <v>44890.23115</v>
      </c>
      <c r="AB1493">
        <v>39005.391369999998</v>
      </c>
      <c r="AC1493">
        <v>37765.086170000002</v>
      </c>
      <c r="AD1493">
        <v>18218.972330000001</v>
      </c>
      <c r="AE1493">
        <v>33669.790249999998</v>
      </c>
      <c r="AF1493">
        <v>44710.968159999997</v>
      </c>
      <c r="AG1493">
        <v>18814.62329</v>
      </c>
      <c r="AH1493">
        <v>212447.59479999999</v>
      </c>
      <c r="AI1493">
        <v>70855.035109999997</v>
      </c>
      <c r="AJ1493">
        <v>23230.359079999998</v>
      </c>
      <c r="AK1493">
        <v>32388.202649999999</v>
      </c>
      <c r="AL1493">
        <v>51111.336450000003</v>
      </c>
      <c r="AM1493">
        <v>25110.708439999999</v>
      </c>
      <c r="AN1493">
        <v>78677.769390000001</v>
      </c>
      <c r="AO1493">
        <v>27600.596580000001</v>
      </c>
      <c r="AP1493">
        <v>17272.965779999999</v>
      </c>
    </row>
    <row r="1494" spans="2:42" x14ac:dyDescent="0.3">
      <c r="B1494">
        <v>41.241541984829148</v>
      </c>
      <c r="C1494" s="83">
        <v>43163.166666666664</v>
      </c>
      <c r="D1494">
        <v>167899.77470000001</v>
      </c>
      <c r="E1494">
        <v>15649.32401</v>
      </c>
      <c r="F1494">
        <v>45078.203880000001</v>
      </c>
      <c r="G1494">
        <v>38464.330199999997</v>
      </c>
      <c r="H1494">
        <v>37522.380709999998</v>
      </c>
      <c r="I1494">
        <v>18936.187040000001</v>
      </c>
      <c r="J1494">
        <v>35663.630940000003</v>
      </c>
      <c r="K1494">
        <v>43538.162080000002</v>
      </c>
      <c r="L1494">
        <v>18421.38853</v>
      </c>
      <c r="M1494">
        <v>210268.61369999999</v>
      </c>
      <c r="N1494">
        <v>68799.135389999996</v>
      </c>
      <c r="O1494">
        <v>23178.111659999999</v>
      </c>
      <c r="P1494">
        <v>31375.759989999999</v>
      </c>
      <c r="Q1494">
        <v>52542.476499999997</v>
      </c>
      <c r="R1494">
        <v>24313.74281</v>
      </c>
      <c r="S1494">
        <v>80173.389410000003</v>
      </c>
      <c r="T1494">
        <v>27307.449059999999</v>
      </c>
      <c r="U1494">
        <v>17105.43981</v>
      </c>
      <c r="W1494" s="83">
        <f>Bühler!N1526</f>
        <v>45354.166666663048</v>
      </c>
      <c r="X1494" s="83">
        <v>43163.166666666664</v>
      </c>
      <c r="Y1494">
        <v>167899.77470000001</v>
      </c>
      <c r="Z1494">
        <v>15649.32401</v>
      </c>
      <c r="AA1494">
        <v>45078.203880000001</v>
      </c>
      <c r="AB1494">
        <v>38464.330199999997</v>
      </c>
      <c r="AC1494">
        <v>37522.380709999998</v>
      </c>
      <c r="AD1494">
        <v>18936.187040000001</v>
      </c>
      <c r="AE1494">
        <v>35663.630940000003</v>
      </c>
      <c r="AF1494">
        <v>43538.162080000002</v>
      </c>
      <c r="AG1494">
        <v>18421.38853</v>
      </c>
      <c r="AH1494">
        <v>210268.61369999999</v>
      </c>
      <c r="AI1494">
        <v>68799.135389999996</v>
      </c>
      <c r="AJ1494">
        <v>23178.111659999999</v>
      </c>
      <c r="AK1494">
        <v>31375.759989999999</v>
      </c>
      <c r="AL1494">
        <v>52542.476499999997</v>
      </c>
      <c r="AM1494">
        <v>24313.74281</v>
      </c>
      <c r="AN1494">
        <v>80173.389410000003</v>
      </c>
      <c r="AO1494">
        <v>27307.449059999999</v>
      </c>
      <c r="AP1494">
        <v>17105.43981</v>
      </c>
    </row>
    <row r="1495" spans="2:42" x14ac:dyDescent="0.3">
      <c r="B1495">
        <v>41.721019564171634</v>
      </c>
      <c r="C1495" s="83">
        <v>43163.208333333336</v>
      </c>
      <c r="D1495">
        <v>167335.66529999999</v>
      </c>
      <c r="E1495">
        <v>15811.04414</v>
      </c>
      <c r="F1495">
        <v>45928.33668</v>
      </c>
      <c r="G1495">
        <v>38494.700470000003</v>
      </c>
      <c r="H1495">
        <v>37901.793060000004</v>
      </c>
      <c r="I1495">
        <v>22932.663349999999</v>
      </c>
      <c r="J1495">
        <v>37890.266060000002</v>
      </c>
      <c r="K1495">
        <v>44006.593009999997</v>
      </c>
      <c r="L1495">
        <v>18665.432209999999</v>
      </c>
      <c r="M1495">
        <v>212713.21400000001</v>
      </c>
      <c r="N1495">
        <v>66832.698180000007</v>
      </c>
      <c r="O1495">
        <v>22814.92179</v>
      </c>
      <c r="P1495">
        <v>32161.535629999998</v>
      </c>
      <c r="Q1495">
        <v>52200.814760000001</v>
      </c>
      <c r="R1495">
        <v>25362.740379999999</v>
      </c>
      <c r="S1495">
        <v>81174.136750000005</v>
      </c>
      <c r="T1495">
        <v>27538.978999999999</v>
      </c>
      <c r="U1495">
        <v>17232.79307</v>
      </c>
      <c r="W1495" s="83">
        <f>Bühler!N1527</f>
        <v>45354.208333329712</v>
      </c>
      <c r="X1495" s="83">
        <v>43163.208333333336</v>
      </c>
      <c r="Y1495">
        <v>167335.66529999999</v>
      </c>
      <c r="Z1495">
        <v>15811.04414</v>
      </c>
      <c r="AA1495">
        <v>45928.33668</v>
      </c>
      <c r="AB1495">
        <v>38494.700470000003</v>
      </c>
      <c r="AC1495">
        <v>37901.793060000004</v>
      </c>
      <c r="AD1495">
        <v>22932.663349999999</v>
      </c>
      <c r="AE1495">
        <v>37890.266060000002</v>
      </c>
      <c r="AF1495">
        <v>44006.593009999997</v>
      </c>
      <c r="AG1495">
        <v>18665.432209999999</v>
      </c>
      <c r="AH1495">
        <v>212713.21400000001</v>
      </c>
      <c r="AI1495">
        <v>66832.698180000007</v>
      </c>
      <c r="AJ1495">
        <v>22814.92179</v>
      </c>
      <c r="AK1495">
        <v>32161.535629999998</v>
      </c>
      <c r="AL1495">
        <v>52200.814760000001</v>
      </c>
      <c r="AM1495">
        <v>25362.740379999999</v>
      </c>
      <c r="AN1495">
        <v>81174.136750000005</v>
      </c>
      <c r="AO1495">
        <v>27538.978999999999</v>
      </c>
      <c r="AP1495">
        <v>17232.79307</v>
      </c>
    </row>
    <row r="1496" spans="2:42" x14ac:dyDescent="0.3">
      <c r="B1496">
        <v>42.030444005599819</v>
      </c>
      <c r="C1496" s="83">
        <v>43163.25</v>
      </c>
      <c r="D1496">
        <v>168436.21599999999</v>
      </c>
      <c r="E1496">
        <v>16156.43454</v>
      </c>
      <c r="F1496">
        <v>47421.310460000001</v>
      </c>
      <c r="G1496">
        <v>39165.757709999998</v>
      </c>
      <c r="H1496">
        <v>37814.18679</v>
      </c>
      <c r="I1496">
        <v>25395.688340000001</v>
      </c>
      <c r="J1496">
        <v>40263.056689999998</v>
      </c>
      <c r="K1496">
        <v>42898.854959999997</v>
      </c>
      <c r="L1496">
        <v>19148.800660000001</v>
      </c>
      <c r="M1496">
        <v>214290.80410000001</v>
      </c>
      <c r="N1496">
        <v>66263.070890000003</v>
      </c>
      <c r="O1496">
        <v>22457.01413</v>
      </c>
      <c r="P1496">
        <v>32924.459889999998</v>
      </c>
      <c r="Q1496">
        <v>51931.840559999997</v>
      </c>
      <c r="R1496">
        <v>17823.543839999998</v>
      </c>
      <c r="S1496">
        <v>84534.519469999999</v>
      </c>
      <c r="T1496">
        <v>28327.017459999999</v>
      </c>
      <c r="U1496">
        <v>16126.57108</v>
      </c>
      <c r="W1496" s="83">
        <f>Bühler!N1528</f>
        <v>45354.249999996377</v>
      </c>
      <c r="X1496" s="83">
        <v>43163.25</v>
      </c>
      <c r="Y1496">
        <v>168436.21599999999</v>
      </c>
      <c r="Z1496">
        <v>16156.43454</v>
      </c>
      <c r="AA1496">
        <v>47421.310460000001</v>
      </c>
      <c r="AB1496">
        <v>39165.757709999998</v>
      </c>
      <c r="AC1496">
        <v>37814.18679</v>
      </c>
      <c r="AD1496">
        <v>25395.688340000001</v>
      </c>
      <c r="AE1496">
        <v>40263.056689999998</v>
      </c>
      <c r="AF1496">
        <v>42898.854959999997</v>
      </c>
      <c r="AG1496">
        <v>19148.800660000001</v>
      </c>
      <c r="AH1496">
        <v>214290.80410000001</v>
      </c>
      <c r="AI1496">
        <v>66263.070890000003</v>
      </c>
      <c r="AJ1496">
        <v>22457.01413</v>
      </c>
      <c r="AK1496">
        <v>32924.459889999998</v>
      </c>
      <c r="AL1496">
        <v>51931.840559999997</v>
      </c>
      <c r="AM1496">
        <v>17823.543839999998</v>
      </c>
      <c r="AN1496">
        <v>84534.519469999999</v>
      </c>
      <c r="AO1496">
        <v>28327.017459999999</v>
      </c>
      <c r="AP1496">
        <v>16126.57108</v>
      </c>
    </row>
    <row r="1497" spans="2:42" x14ac:dyDescent="0.3">
      <c r="B1497">
        <v>41.527083616833252</v>
      </c>
      <c r="C1497" s="83">
        <v>43163.291666666664</v>
      </c>
      <c r="D1497">
        <v>167941.04509999999</v>
      </c>
      <c r="E1497">
        <v>16295.86406</v>
      </c>
      <c r="F1497">
        <v>49027.386930000001</v>
      </c>
      <c r="G1497">
        <v>38861.731200000002</v>
      </c>
      <c r="H1497">
        <v>37681.458010000002</v>
      </c>
      <c r="I1497">
        <v>27074.052</v>
      </c>
      <c r="J1497">
        <v>40837.689270000003</v>
      </c>
      <c r="K1497">
        <v>42641.191639999997</v>
      </c>
      <c r="L1497">
        <v>20318.773290000001</v>
      </c>
      <c r="M1497">
        <v>211724.4381</v>
      </c>
      <c r="N1497">
        <v>67328.349050000004</v>
      </c>
      <c r="O1497">
        <v>23020.424569999999</v>
      </c>
      <c r="P1497">
        <v>34919.773780000003</v>
      </c>
      <c r="Q1497">
        <v>51615.002780000003</v>
      </c>
      <c r="R1497">
        <v>17130.195489999998</v>
      </c>
      <c r="S1497">
        <v>90457.646739999996</v>
      </c>
      <c r="T1497">
        <v>26736.52346</v>
      </c>
      <c r="U1497">
        <v>15822.757820000001</v>
      </c>
      <c r="W1497" s="83">
        <f>Bühler!N1529</f>
        <v>45354.291666663041</v>
      </c>
      <c r="X1497" s="83">
        <v>43163.291666666664</v>
      </c>
      <c r="Y1497">
        <v>167941.04509999999</v>
      </c>
      <c r="Z1497">
        <v>16295.86406</v>
      </c>
      <c r="AA1497">
        <v>49027.386930000001</v>
      </c>
      <c r="AB1497">
        <v>38861.731200000002</v>
      </c>
      <c r="AC1497">
        <v>37681.458010000002</v>
      </c>
      <c r="AD1497">
        <v>27074.052</v>
      </c>
      <c r="AE1497">
        <v>40837.689270000003</v>
      </c>
      <c r="AF1497">
        <v>42641.191639999997</v>
      </c>
      <c r="AG1497">
        <v>20318.773290000001</v>
      </c>
      <c r="AH1497">
        <v>211724.4381</v>
      </c>
      <c r="AI1497">
        <v>67328.349050000004</v>
      </c>
      <c r="AJ1497">
        <v>23020.424569999999</v>
      </c>
      <c r="AK1497">
        <v>34919.773780000003</v>
      </c>
      <c r="AL1497">
        <v>51615.002780000003</v>
      </c>
      <c r="AM1497">
        <v>17130.195489999998</v>
      </c>
      <c r="AN1497">
        <v>90457.646739999996</v>
      </c>
      <c r="AO1497">
        <v>26736.52346</v>
      </c>
      <c r="AP1497">
        <v>15822.757820000001</v>
      </c>
    </row>
    <row r="1498" spans="2:42" x14ac:dyDescent="0.3">
      <c r="B1498">
        <v>41.121248555616326</v>
      </c>
      <c r="C1498" s="83">
        <v>43163.333333333336</v>
      </c>
      <c r="D1498">
        <v>166739.7058</v>
      </c>
      <c r="E1498">
        <v>16811.518960000001</v>
      </c>
      <c r="F1498">
        <v>50190.089950000001</v>
      </c>
      <c r="G1498">
        <v>38541.586560000003</v>
      </c>
      <c r="H1498">
        <v>37013.382230000003</v>
      </c>
      <c r="I1498">
        <v>26785.510010000002</v>
      </c>
      <c r="J1498">
        <v>40963.801610000002</v>
      </c>
      <c r="K1498">
        <v>41910.911549999997</v>
      </c>
      <c r="L1498">
        <v>22085.372159999999</v>
      </c>
      <c r="M1498">
        <v>209655.30170000001</v>
      </c>
      <c r="N1498">
        <v>68144.716549999997</v>
      </c>
      <c r="O1498">
        <v>22511.412939999998</v>
      </c>
      <c r="P1498">
        <v>37733.99843</v>
      </c>
      <c r="Q1498">
        <v>51180.698770000003</v>
      </c>
      <c r="R1498">
        <v>17635.249520000001</v>
      </c>
      <c r="S1498">
        <v>92939.735390000002</v>
      </c>
      <c r="T1498">
        <v>28612.238300000001</v>
      </c>
      <c r="U1498">
        <v>15354.63587</v>
      </c>
      <c r="W1498" s="83">
        <f>Bühler!N1530</f>
        <v>45354.333333329705</v>
      </c>
      <c r="X1498" s="83">
        <v>43163.333333333336</v>
      </c>
      <c r="Y1498">
        <v>166739.7058</v>
      </c>
      <c r="Z1498">
        <v>16811.518960000001</v>
      </c>
      <c r="AA1498">
        <v>50190.089950000001</v>
      </c>
      <c r="AB1498">
        <v>38541.586560000003</v>
      </c>
      <c r="AC1498">
        <v>37013.382230000003</v>
      </c>
      <c r="AD1498">
        <v>26785.510010000002</v>
      </c>
      <c r="AE1498">
        <v>40963.801610000002</v>
      </c>
      <c r="AF1498">
        <v>41910.911549999997</v>
      </c>
      <c r="AG1498">
        <v>22085.372159999999</v>
      </c>
      <c r="AH1498">
        <v>209655.30170000001</v>
      </c>
      <c r="AI1498">
        <v>68144.716549999997</v>
      </c>
      <c r="AJ1498">
        <v>22511.412939999998</v>
      </c>
      <c r="AK1498">
        <v>37733.99843</v>
      </c>
      <c r="AL1498">
        <v>51180.698770000003</v>
      </c>
      <c r="AM1498">
        <v>17635.249520000001</v>
      </c>
      <c r="AN1498">
        <v>92939.735390000002</v>
      </c>
      <c r="AO1498">
        <v>28612.238300000001</v>
      </c>
      <c r="AP1498">
        <v>15354.63587</v>
      </c>
    </row>
    <row r="1499" spans="2:42" x14ac:dyDescent="0.3">
      <c r="B1499">
        <v>40.397622183968082</v>
      </c>
      <c r="C1499" s="83">
        <v>43163.375</v>
      </c>
      <c r="D1499">
        <v>166750.34880000001</v>
      </c>
      <c r="E1499">
        <v>17206.541310000001</v>
      </c>
      <c r="F1499">
        <v>51115.96355</v>
      </c>
      <c r="G1499">
        <v>38656.582690000003</v>
      </c>
      <c r="H1499">
        <v>37383.896220000002</v>
      </c>
      <c r="I1499">
        <v>27224.83136</v>
      </c>
      <c r="J1499">
        <v>40542.83844</v>
      </c>
      <c r="K1499">
        <v>43558.554199999999</v>
      </c>
      <c r="L1499">
        <v>24189.15466</v>
      </c>
      <c r="M1499">
        <v>205965.91699999999</v>
      </c>
      <c r="N1499">
        <v>75313.613960000002</v>
      </c>
      <c r="O1499">
        <v>22358.591929999999</v>
      </c>
      <c r="P1499">
        <v>39671.738069999999</v>
      </c>
      <c r="Q1499">
        <v>50463.95465</v>
      </c>
      <c r="R1499">
        <v>18008.14444</v>
      </c>
      <c r="S1499">
        <v>94495.318969999993</v>
      </c>
      <c r="T1499">
        <v>30452.043000000001</v>
      </c>
      <c r="U1499">
        <v>15223.1057</v>
      </c>
      <c r="W1499" s="83">
        <f>Bühler!N1531</f>
        <v>45354.374999996369</v>
      </c>
      <c r="X1499" s="83">
        <v>43163.375</v>
      </c>
      <c r="Y1499">
        <v>166750.34880000001</v>
      </c>
      <c r="Z1499">
        <v>17206.541310000001</v>
      </c>
      <c r="AA1499">
        <v>51115.96355</v>
      </c>
      <c r="AB1499">
        <v>38656.582690000003</v>
      </c>
      <c r="AC1499">
        <v>37383.896220000002</v>
      </c>
      <c r="AD1499">
        <v>27224.83136</v>
      </c>
      <c r="AE1499">
        <v>40542.83844</v>
      </c>
      <c r="AF1499">
        <v>43558.554199999999</v>
      </c>
      <c r="AG1499">
        <v>24189.15466</v>
      </c>
      <c r="AH1499">
        <v>205965.91699999999</v>
      </c>
      <c r="AI1499">
        <v>75313.613960000002</v>
      </c>
      <c r="AJ1499">
        <v>22358.591929999999</v>
      </c>
      <c r="AK1499">
        <v>39671.738069999999</v>
      </c>
      <c r="AL1499">
        <v>50463.95465</v>
      </c>
      <c r="AM1499">
        <v>18008.14444</v>
      </c>
      <c r="AN1499">
        <v>94495.318969999993</v>
      </c>
      <c r="AO1499">
        <v>30452.043000000001</v>
      </c>
      <c r="AP1499">
        <v>15223.1057</v>
      </c>
    </row>
    <row r="1500" spans="2:42" x14ac:dyDescent="0.3">
      <c r="B1500">
        <v>40.834327803004491</v>
      </c>
      <c r="C1500" s="83">
        <v>43163.416666666664</v>
      </c>
      <c r="D1500">
        <v>165642.0497</v>
      </c>
      <c r="E1500">
        <v>17684.129430000001</v>
      </c>
      <c r="F1500">
        <v>51111.146130000001</v>
      </c>
      <c r="G1500">
        <v>38339.62515</v>
      </c>
      <c r="H1500">
        <v>37770.04808</v>
      </c>
      <c r="I1500">
        <v>27327.724819999999</v>
      </c>
      <c r="J1500">
        <v>39528.313600000001</v>
      </c>
      <c r="K1500">
        <v>44662.17525</v>
      </c>
      <c r="L1500">
        <v>27058.924709999999</v>
      </c>
      <c r="M1500">
        <v>208192.44589999999</v>
      </c>
      <c r="N1500">
        <v>77219.381259999995</v>
      </c>
      <c r="O1500">
        <v>21480.05874</v>
      </c>
      <c r="P1500">
        <v>40228.175029999999</v>
      </c>
      <c r="Q1500">
        <v>49275.443899999998</v>
      </c>
      <c r="R1500">
        <v>18400.478419999999</v>
      </c>
      <c r="S1500">
        <v>93363.865239999999</v>
      </c>
      <c r="T1500">
        <v>32051.641879999999</v>
      </c>
      <c r="U1500">
        <v>14781.892589999999</v>
      </c>
      <c r="W1500" s="83">
        <f>Bühler!N1532</f>
        <v>45354.416666663034</v>
      </c>
      <c r="X1500" s="83">
        <v>43163.416666666664</v>
      </c>
      <c r="Y1500">
        <v>165642.0497</v>
      </c>
      <c r="Z1500">
        <v>17684.129430000001</v>
      </c>
      <c r="AA1500">
        <v>51111.146130000001</v>
      </c>
      <c r="AB1500">
        <v>38339.62515</v>
      </c>
      <c r="AC1500">
        <v>37770.04808</v>
      </c>
      <c r="AD1500">
        <v>27327.724819999999</v>
      </c>
      <c r="AE1500">
        <v>39528.313600000001</v>
      </c>
      <c r="AF1500">
        <v>44662.17525</v>
      </c>
      <c r="AG1500">
        <v>27058.924709999999</v>
      </c>
      <c r="AH1500">
        <v>208192.44589999999</v>
      </c>
      <c r="AI1500">
        <v>77219.381259999995</v>
      </c>
      <c r="AJ1500">
        <v>21480.05874</v>
      </c>
      <c r="AK1500">
        <v>40228.175029999999</v>
      </c>
      <c r="AL1500">
        <v>49275.443899999998</v>
      </c>
      <c r="AM1500">
        <v>18400.478419999999</v>
      </c>
      <c r="AN1500">
        <v>93363.865239999999</v>
      </c>
      <c r="AO1500">
        <v>32051.641879999999</v>
      </c>
      <c r="AP1500">
        <v>14781.892589999999</v>
      </c>
    </row>
    <row r="1501" spans="2:42" x14ac:dyDescent="0.3">
      <c r="B1501">
        <v>40.980886875847837</v>
      </c>
      <c r="C1501" s="83">
        <v>43163.458333333336</v>
      </c>
      <c r="D1501">
        <v>164847.64689999999</v>
      </c>
      <c r="E1501">
        <v>17716.261729999998</v>
      </c>
      <c r="F1501">
        <v>51532.740819999999</v>
      </c>
      <c r="G1501">
        <v>38377.711969999997</v>
      </c>
      <c r="H1501">
        <v>37725.545890000001</v>
      </c>
      <c r="I1501">
        <v>26460.120610000002</v>
      </c>
      <c r="J1501">
        <v>38737.964970000001</v>
      </c>
      <c r="K1501">
        <v>47472.74811</v>
      </c>
      <c r="L1501">
        <v>28474.278969999999</v>
      </c>
      <c r="M1501">
        <v>208939.67240000001</v>
      </c>
      <c r="N1501">
        <v>76260.509090000007</v>
      </c>
      <c r="O1501">
        <v>21305.034360000001</v>
      </c>
      <c r="P1501">
        <v>39619.86954</v>
      </c>
      <c r="Q1501">
        <v>48503.360099999998</v>
      </c>
      <c r="R1501">
        <v>20535.317350000001</v>
      </c>
      <c r="S1501">
        <v>95304.943079999997</v>
      </c>
      <c r="T1501">
        <v>32667.063559999999</v>
      </c>
      <c r="U1501">
        <v>14634.97767</v>
      </c>
      <c r="W1501" s="83">
        <f>Bühler!N1533</f>
        <v>45354.458333329698</v>
      </c>
      <c r="X1501" s="83">
        <v>43163.458333333336</v>
      </c>
      <c r="Y1501">
        <v>164847.64689999999</v>
      </c>
      <c r="Z1501">
        <v>17716.261729999998</v>
      </c>
      <c r="AA1501">
        <v>51532.740819999999</v>
      </c>
      <c r="AB1501">
        <v>38377.711969999997</v>
      </c>
      <c r="AC1501">
        <v>37725.545890000001</v>
      </c>
      <c r="AD1501">
        <v>26460.120610000002</v>
      </c>
      <c r="AE1501">
        <v>38737.964970000001</v>
      </c>
      <c r="AF1501">
        <v>47472.74811</v>
      </c>
      <c r="AG1501">
        <v>28474.278969999999</v>
      </c>
      <c r="AH1501">
        <v>208939.67240000001</v>
      </c>
      <c r="AI1501">
        <v>76260.509090000007</v>
      </c>
      <c r="AJ1501">
        <v>21305.034360000001</v>
      </c>
      <c r="AK1501">
        <v>39619.86954</v>
      </c>
      <c r="AL1501">
        <v>48503.360099999998</v>
      </c>
      <c r="AM1501">
        <v>20535.317350000001</v>
      </c>
      <c r="AN1501">
        <v>95304.943079999997</v>
      </c>
      <c r="AO1501">
        <v>32667.063559999999</v>
      </c>
      <c r="AP1501">
        <v>14634.97767</v>
      </c>
    </row>
    <row r="1502" spans="2:42" x14ac:dyDescent="0.3">
      <c r="B1502">
        <v>40.818727091993523</v>
      </c>
      <c r="C1502" s="83">
        <v>43163.5</v>
      </c>
      <c r="D1502">
        <v>164007.54550000001</v>
      </c>
      <c r="E1502">
        <v>17436.814249999999</v>
      </c>
      <c r="F1502">
        <v>48913.709609999998</v>
      </c>
      <c r="G1502">
        <v>38196.861960000002</v>
      </c>
      <c r="H1502">
        <v>37097.779320000001</v>
      </c>
      <c r="I1502">
        <v>26598.353790000001</v>
      </c>
      <c r="J1502">
        <v>38936.108440000004</v>
      </c>
      <c r="K1502">
        <v>47936.938629999997</v>
      </c>
      <c r="L1502">
        <v>30374.220259999998</v>
      </c>
      <c r="M1502">
        <v>208112.9062</v>
      </c>
      <c r="N1502">
        <v>74729.896590000004</v>
      </c>
      <c r="O1502">
        <v>21124.269420000001</v>
      </c>
      <c r="P1502">
        <v>39415.086969999997</v>
      </c>
      <c r="Q1502">
        <v>47547.622719999999</v>
      </c>
      <c r="R1502">
        <v>19079.37456</v>
      </c>
      <c r="S1502">
        <v>90892.333280000006</v>
      </c>
      <c r="T1502">
        <v>32363.151949999999</v>
      </c>
      <c r="U1502">
        <v>14081.47471</v>
      </c>
      <c r="W1502" s="83">
        <f>Bühler!N1534</f>
        <v>45354.499999996362</v>
      </c>
      <c r="X1502" s="83">
        <v>43163.5</v>
      </c>
      <c r="Y1502">
        <v>164007.54550000001</v>
      </c>
      <c r="Z1502">
        <v>17436.814249999999</v>
      </c>
      <c r="AA1502">
        <v>48913.709609999998</v>
      </c>
      <c r="AB1502">
        <v>38196.861960000002</v>
      </c>
      <c r="AC1502">
        <v>37097.779320000001</v>
      </c>
      <c r="AD1502">
        <v>26598.353790000001</v>
      </c>
      <c r="AE1502">
        <v>38936.108440000004</v>
      </c>
      <c r="AF1502">
        <v>47936.938629999997</v>
      </c>
      <c r="AG1502">
        <v>30374.220259999998</v>
      </c>
      <c r="AH1502">
        <v>208112.9062</v>
      </c>
      <c r="AI1502">
        <v>74729.896590000004</v>
      </c>
      <c r="AJ1502">
        <v>21124.269420000001</v>
      </c>
      <c r="AK1502">
        <v>39415.086969999997</v>
      </c>
      <c r="AL1502">
        <v>47547.622719999999</v>
      </c>
      <c r="AM1502">
        <v>19079.37456</v>
      </c>
      <c r="AN1502">
        <v>90892.333280000006</v>
      </c>
      <c r="AO1502">
        <v>32363.151949999999</v>
      </c>
      <c r="AP1502">
        <v>14081.47471</v>
      </c>
    </row>
    <row r="1503" spans="2:42" x14ac:dyDescent="0.3">
      <c r="B1503">
        <v>40.635949794371399</v>
      </c>
      <c r="C1503" s="83">
        <v>43163.541666666664</v>
      </c>
      <c r="D1503">
        <v>163479.30309999999</v>
      </c>
      <c r="E1503">
        <v>17400.50979</v>
      </c>
      <c r="F1503">
        <v>44038.966189999999</v>
      </c>
      <c r="G1503">
        <v>38218.723189999997</v>
      </c>
      <c r="H1503">
        <v>36317.406640000001</v>
      </c>
      <c r="I1503">
        <v>26119.74251</v>
      </c>
      <c r="J1503">
        <v>38389.875549999997</v>
      </c>
      <c r="K1503">
        <v>46706.374340000002</v>
      </c>
      <c r="L1503">
        <v>30263.441330000001</v>
      </c>
      <c r="M1503">
        <v>207181.02230000001</v>
      </c>
      <c r="N1503">
        <v>73371.108559999993</v>
      </c>
      <c r="O1503">
        <v>21213.781849999999</v>
      </c>
      <c r="P1503">
        <v>37658.472889999997</v>
      </c>
      <c r="Q1503">
        <v>45910.373590000003</v>
      </c>
      <c r="R1503">
        <v>18758.69383</v>
      </c>
      <c r="S1503">
        <v>91175.561870000005</v>
      </c>
      <c r="T1503">
        <v>31456.35902</v>
      </c>
      <c r="U1503">
        <v>13804.06828</v>
      </c>
      <c r="W1503" s="83">
        <f>Bühler!N1535</f>
        <v>45354.541666663026</v>
      </c>
      <c r="X1503" s="83">
        <v>43163.541666666664</v>
      </c>
      <c r="Y1503">
        <v>163479.30309999999</v>
      </c>
      <c r="Z1503">
        <v>17400.50979</v>
      </c>
      <c r="AA1503">
        <v>44038.966189999999</v>
      </c>
      <c r="AB1503">
        <v>38218.723189999997</v>
      </c>
      <c r="AC1503">
        <v>36317.406640000001</v>
      </c>
      <c r="AD1503">
        <v>26119.74251</v>
      </c>
      <c r="AE1503">
        <v>38389.875549999997</v>
      </c>
      <c r="AF1503">
        <v>46706.374340000002</v>
      </c>
      <c r="AG1503">
        <v>30263.441330000001</v>
      </c>
      <c r="AH1503">
        <v>207181.02230000001</v>
      </c>
      <c r="AI1503">
        <v>73371.108559999993</v>
      </c>
      <c r="AJ1503">
        <v>21213.781849999999</v>
      </c>
      <c r="AK1503">
        <v>37658.472889999997</v>
      </c>
      <c r="AL1503">
        <v>45910.373590000003</v>
      </c>
      <c r="AM1503">
        <v>18758.69383</v>
      </c>
      <c r="AN1503">
        <v>91175.561870000005</v>
      </c>
      <c r="AO1503">
        <v>31456.35902</v>
      </c>
      <c r="AP1503">
        <v>13804.06828</v>
      </c>
    </row>
    <row r="1504" spans="2:42" x14ac:dyDescent="0.3">
      <c r="B1504">
        <v>40.89522054587605</v>
      </c>
      <c r="C1504" s="83">
        <v>43163.583333333336</v>
      </c>
      <c r="D1504">
        <v>163081.0699</v>
      </c>
      <c r="E1504">
        <v>17077.300200000001</v>
      </c>
      <c r="F1504">
        <v>43414.264969999997</v>
      </c>
      <c r="G1504">
        <v>37899.308429999997</v>
      </c>
      <c r="H1504">
        <v>36024.979769999998</v>
      </c>
      <c r="I1504">
        <v>25793.522669999998</v>
      </c>
      <c r="J1504">
        <v>37447.533580000003</v>
      </c>
      <c r="K1504">
        <v>45299.286749999999</v>
      </c>
      <c r="L1504">
        <v>28421.501420000001</v>
      </c>
      <c r="M1504">
        <v>208502.90549999999</v>
      </c>
      <c r="N1504">
        <v>74042.731100000005</v>
      </c>
      <c r="O1504">
        <v>20957.055520000002</v>
      </c>
      <c r="P1504">
        <v>35482.645109999998</v>
      </c>
      <c r="Q1504">
        <v>45580.765630000002</v>
      </c>
      <c r="R1504">
        <v>18790.870149999999</v>
      </c>
      <c r="S1504">
        <v>87994.180949999994</v>
      </c>
      <c r="T1504">
        <v>30629.15076</v>
      </c>
      <c r="U1504">
        <v>13342.82906</v>
      </c>
      <c r="W1504" s="83">
        <f>Bühler!N1536</f>
        <v>45354.583333329691</v>
      </c>
      <c r="X1504" s="83">
        <v>43163.583333333336</v>
      </c>
      <c r="Y1504">
        <v>163081.0699</v>
      </c>
      <c r="Z1504">
        <v>17077.300200000001</v>
      </c>
      <c r="AA1504">
        <v>43414.264969999997</v>
      </c>
      <c r="AB1504">
        <v>37899.308429999997</v>
      </c>
      <c r="AC1504">
        <v>36024.979769999998</v>
      </c>
      <c r="AD1504">
        <v>25793.522669999998</v>
      </c>
      <c r="AE1504">
        <v>37447.533580000003</v>
      </c>
      <c r="AF1504">
        <v>45299.286749999999</v>
      </c>
      <c r="AG1504">
        <v>28421.501420000001</v>
      </c>
      <c r="AH1504">
        <v>208502.90549999999</v>
      </c>
      <c r="AI1504">
        <v>74042.731100000005</v>
      </c>
      <c r="AJ1504">
        <v>20957.055520000002</v>
      </c>
      <c r="AK1504">
        <v>35482.645109999998</v>
      </c>
      <c r="AL1504">
        <v>45580.765630000002</v>
      </c>
      <c r="AM1504">
        <v>18790.870149999999</v>
      </c>
      <c r="AN1504">
        <v>87994.180949999994</v>
      </c>
      <c r="AO1504">
        <v>30629.15076</v>
      </c>
      <c r="AP1504">
        <v>13342.82906</v>
      </c>
    </row>
    <row r="1505" spans="2:42" x14ac:dyDescent="0.3">
      <c r="B1505">
        <v>40.902013961322375</v>
      </c>
      <c r="C1505" s="83">
        <v>43163.625</v>
      </c>
      <c r="D1505">
        <v>162776.76699999999</v>
      </c>
      <c r="E1505">
        <v>17029.007290000001</v>
      </c>
      <c r="F1505">
        <v>43564.458619999998</v>
      </c>
      <c r="G1505">
        <v>37641.873220000001</v>
      </c>
      <c r="H1505">
        <v>35746.638350000001</v>
      </c>
      <c r="I1505">
        <v>26116.335149999999</v>
      </c>
      <c r="J1505">
        <v>37331.127059999999</v>
      </c>
      <c r="K1505">
        <v>44960.649799999999</v>
      </c>
      <c r="L1505">
        <v>26242.739519999999</v>
      </c>
      <c r="M1505">
        <v>208537.54149999999</v>
      </c>
      <c r="N1505">
        <v>73513.63493</v>
      </c>
      <c r="O1505">
        <v>20548.804110000001</v>
      </c>
      <c r="P1505">
        <v>33821.831270000002</v>
      </c>
      <c r="Q1505">
        <v>45890.652130000002</v>
      </c>
      <c r="R1505">
        <v>18487.596320000001</v>
      </c>
      <c r="S1505">
        <v>87098.23646</v>
      </c>
      <c r="T1505">
        <v>30929.304789999998</v>
      </c>
      <c r="U1505">
        <v>13232.505810000001</v>
      </c>
      <c r="W1505" s="83">
        <f>Bühler!N1537</f>
        <v>45354.624999996355</v>
      </c>
      <c r="X1505" s="83">
        <v>43163.625</v>
      </c>
      <c r="Y1505">
        <v>162776.76699999999</v>
      </c>
      <c r="Z1505">
        <v>17029.007290000001</v>
      </c>
      <c r="AA1505">
        <v>43564.458619999998</v>
      </c>
      <c r="AB1505">
        <v>37641.873220000001</v>
      </c>
      <c r="AC1505">
        <v>35746.638350000001</v>
      </c>
      <c r="AD1505">
        <v>26116.335149999999</v>
      </c>
      <c r="AE1505">
        <v>37331.127059999999</v>
      </c>
      <c r="AF1505">
        <v>44960.649799999999</v>
      </c>
      <c r="AG1505">
        <v>26242.739519999999</v>
      </c>
      <c r="AH1505">
        <v>208537.54149999999</v>
      </c>
      <c r="AI1505">
        <v>73513.63493</v>
      </c>
      <c r="AJ1505">
        <v>20548.804110000001</v>
      </c>
      <c r="AK1505">
        <v>33821.831270000002</v>
      </c>
      <c r="AL1505">
        <v>45890.652130000002</v>
      </c>
      <c r="AM1505">
        <v>18487.596320000001</v>
      </c>
      <c r="AN1505">
        <v>87098.23646</v>
      </c>
      <c r="AO1505">
        <v>30929.304789999998</v>
      </c>
      <c r="AP1505">
        <v>13232.505810000001</v>
      </c>
    </row>
    <row r="1506" spans="2:42" x14ac:dyDescent="0.3">
      <c r="B1506">
        <v>40.50598137729132</v>
      </c>
      <c r="C1506" s="83">
        <v>43163.666666666664</v>
      </c>
      <c r="D1506">
        <v>162691.02290000001</v>
      </c>
      <c r="E1506">
        <v>17012.15033</v>
      </c>
      <c r="F1506">
        <v>43485.747020000003</v>
      </c>
      <c r="G1506">
        <v>37907.968090000002</v>
      </c>
      <c r="H1506">
        <v>35914.447379999998</v>
      </c>
      <c r="I1506">
        <v>27232.329679999999</v>
      </c>
      <c r="J1506">
        <v>36983.801149999999</v>
      </c>
      <c r="K1506">
        <v>45070.031219999997</v>
      </c>
      <c r="L1506">
        <v>25010.284250000001</v>
      </c>
      <c r="M1506">
        <v>206518.38269999999</v>
      </c>
      <c r="N1506">
        <v>72486.859760000007</v>
      </c>
      <c r="O1506">
        <v>20341.255659999999</v>
      </c>
      <c r="P1506">
        <v>34664.397270000001</v>
      </c>
      <c r="Q1506">
        <v>46254.771739999996</v>
      </c>
      <c r="R1506">
        <v>18466.47306</v>
      </c>
      <c r="S1506">
        <v>87741.98328</v>
      </c>
      <c r="T1506">
        <v>30675.839309999999</v>
      </c>
      <c r="U1506">
        <v>13310.332979999999</v>
      </c>
      <c r="W1506" s="83">
        <f>Bühler!N1538</f>
        <v>45354.666666663019</v>
      </c>
      <c r="X1506" s="83">
        <v>43163.666666666664</v>
      </c>
      <c r="Y1506">
        <v>162691.02290000001</v>
      </c>
      <c r="Z1506">
        <v>17012.15033</v>
      </c>
      <c r="AA1506">
        <v>43485.747020000003</v>
      </c>
      <c r="AB1506">
        <v>37907.968090000002</v>
      </c>
      <c r="AC1506">
        <v>35914.447379999998</v>
      </c>
      <c r="AD1506">
        <v>27232.329679999999</v>
      </c>
      <c r="AE1506">
        <v>36983.801149999999</v>
      </c>
      <c r="AF1506">
        <v>45070.031219999997</v>
      </c>
      <c r="AG1506">
        <v>25010.284250000001</v>
      </c>
      <c r="AH1506">
        <v>206518.38269999999</v>
      </c>
      <c r="AI1506">
        <v>72486.859760000007</v>
      </c>
      <c r="AJ1506">
        <v>20341.255659999999</v>
      </c>
      <c r="AK1506">
        <v>34664.397270000001</v>
      </c>
      <c r="AL1506">
        <v>46254.771739999996</v>
      </c>
      <c r="AM1506">
        <v>18466.47306</v>
      </c>
      <c r="AN1506">
        <v>87741.98328</v>
      </c>
      <c r="AO1506">
        <v>30675.839309999999</v>
      </c>
      <c r="AP1506">
        <v>13310.332979999999</v>
      </c>
    </row>
    <row r="1507" spans="2:42" x14ac:dyDescent="0.3">
      <c r="B1507">
        <v>40.632145650399636</v>
      </c>
      <c r="C1507" s="83">
        <v>43163.708333333336</v>
      </c>
      <c r="D1507">
        <v>164557.78950000001</v>
      </c>
      <c r="E1507">
        <v>17016.136630000001</v>
      </c>
      <c r="F1507">
        <v>43829.14688</v>
      </c>
      <c r="G1507">
        <v>38434.786870000004</v>
      </c>
      <c r="H1507">
        <v>36052.919869999998</v>
      </c>
      <c r="I1507">
        <v>29242.676899999999</v>
      </c>
      <c r="J1507">
        <v>37080.959699999999</v>
      </c>
      <c r="K1507">
        <v>44682.426209999998</v>
      </c>
      <c r="L1507">
        <v>24981.7343</v>
      </c>
      <c r="M1507">
        <v>207161.62700000001</v>
      </c>
      <c r="N1507">
        <v>68172.368159999998</v>
      </c>
      <c r="O1507">
        <v>21002.416969999998</v>
      </c>
      <c r="P1507">
        <v>35227.920899999997</v>
      </c>
      <c r="Q1507">
        <v>46833.380570000001</v>
      </c>
      <c r="R1507">
        <v>20618.08095</v>
      </c>
      <c r="S1507">
        <v>90071.854380000004</v>
      </c>
      <c r="T1507">
        <v>31002.294320000001</v>
      </c>
      <c r="U1507">
        <v>13749.67339</v>
      </c>
      <c r="W1507" s="83">
        <f>Bühler!N1539</f>
        <v>45354.708333329683</v>
      </c>
      <c r="X1507" s="83">
        <v>43163.708333333336</v>
      </c>
      <c r="Y1507">
        <v>164557.78950000001</v>
      </c>
      <c r="Z1507">
        <v>17016.136630000001</v>
      </c>
      <c r="AA1507">
        <v>43829.14688</v>
      </c>
      <c r="AB1507">
        <v>38434.786870000004</v>
      </c>
      <c r="AC1507">
        <v>36052.919869999998</v>
      </c>
      <c r="AD1507">
        <v>29242.676899999999</v>
      </c>
      <c r="AE1507">
        <v>37080.959699999999</v>
      </c>
      <c r="AF1507">
        <v>44682.426209999998</v>
      </c>
      <c r="AG1507">
        <v>24981.7343</v>
      </c>
      <c r="AH1507">
        <v>207161.62700000001</v>
      </c>
      <c r="AI1507">
        <v>68172.368159999998</v>
      </c>
      <c r="AJ1507">
        <v>21002.416969999998</v>
      </c>
      <c r="AK1507">
        <v>35227.920899999997</v>
      </c>
      <c r="AL1507">
        <v>46833.380570000001</v>
      </c>
      <c r="AM1507">
        <v>20618.08095</v>
      </c>
      <c r="AN1507">
        <v>90071.854380000004</v>
      </c>
      <c r="AO1507">
        <v>31002.294320000001</v>
      </c>
      <c r="AP1507">
        <v>13749.67339</v>
      </c>
    </row>
    <row r="1508" spans="2:42" x14ac:dyDescent="0.3">
      <c r="B1508">
        <v>40.8604624072292</v>
      </c>
      <c r="C1508" s="83">
        <v>43163.75</v>
      </c>
      <c r="D1508">
        <v>167164.6911</v>
      </c>
      <c r="E1508">
        <v>17229.2255</v>
      </c>
      <c r="F1508">
        <v>44397.294719999998</v>
      </c>
      <c r="G1508">
        <v>39614.70175</v>
      </c>
      <c r="H1508">
        <v>37000.046300000002</v>
      </c>
      <c r="I1508">
        <v>29908.188630000001</v>
      </c>
      <c r="J1508">
        <v>39600.558590000001</v>
      </c>
      <c r="K1508">
        <v>45407.20854</v>
      </c>
      <c r="L1508">
        <v>27012.351910000001</v>
      </c>
      <c r="M1508">
        <v>208325.6923</v>
      </c>
      <c r="N1508">
        <v>68354.464189999999</v>
      </c>
      <c r="O1508">
        <v>21665.767889999999</v>
      </c>
      <c r="P1508">
        <v>37339.75045</v>
      </c>
      <c r="Q1508">
        <v>47599.42323</v>
      </c>
      <c r="R1508">
        <v>20268.951069999999</v>
      </c>
      <c r="S1508">
        <v>90318.270180000007</v>
      </c>
      <c r="T1508">
        <v>31506.406429999999</v>
      </c>
      <c r="U1508">
        <v>14730.73065</v>
      </c>
      <c r="W1508" s="83">
        <f>Bühler!N1540</f>
        <v>45354.749999996347</v>
      </c>
      <c r="X1508" s="83">
        <v>43163.75</v>
      </c>
      <c r="Y1508">
        <v>167164.6911</v>
      </c>
      <c r="Z1508">
        <v>17229.2255</v>
      </c>
      <c r="AA1508">
        <v>44397.294719999998</v>
      </c>
      <c r="AB1508">
        <v>39614.70175</v>
      </c>
      <c r="AC1508">
        <v>37000.046300000002</v>
      </c>
      <c r="AD1508">
        <v>29908.188630000001</v>
      </c>
      <c r="AE1508">
        <v>39600.558590000001</v>
      </c>
      <c r="AF1508">
        <v>45407.20854</v>
      </c>
      <c r="AG1508">
        <v>27012.351910000001</v>
      </c>
      <c r="AH1508">
        <v>208325.6923</v>
      </c>
      <c r="AI1508">
        <v>68354.464189999999</v>
      </c>
      <c r="AJ1508">
        <v>21665.767889999999</v>
      </c>
      <c r="AK1508">
        <v>37339.75045</v>
      </c>
      <c r="AL1508">
        <v>47599.42323</v>
      </c>
      <c r="AM1508">
        <v>20268.951069999999</v>
      </c>
      <c r="AN1508">
        <v>90318.270180000007</v>
      </c>
      <c r="AO1508">
        <v>31506.406429999999</v>
      </c>
      <c r="AP1508">
        <v>14730.73065</v>
      </c>
    </row>
    <row r="1509" spans="2:42" x14ac:dyDescent="0.3">
      <c r="B1509">
        <v>41.401566675643728</v>
      </c>
      <c r="C1509" s="83">
        <v>43163.791666666664</v>
      </c>
      <c r="D1509">
        <v>169948.37539999999</v>
      </c>
      <c r="E1509">
        <v>16916.814320000001</v>
      </c>
      <c r="F1509">
        <v>44691.388350000001</v>
      </c>
      <c r="G1509">
        <v>41050.073170000003</v>
      </c>
      <c r="H1509">
        <v>38161.331290000002</v>
      </c>
      <c r="I1509">
        <v>29905.015169999999</v>
      </c>
      <c r="J1509">
        <v>41578.427929999998</v>
      </c>
      <c r="K1509">
        <v>46086.009480000001</v>
      </c>
      <c r="L1509">
        <v>28794.090560000001</v>
      </c>
      <c r="M1509">
        <v>211084.49419999999</v>
      </c>
      <c r="N1509">
        <v>69934.219379999995</v>
      </c>
      <c r="O1509">
        <v>22000.626</v>
      </c>
      <c r="P1509">
        <v>38406.139130000003</v>
      </c>
      <c r="Q1509">
        <v>48708.842859999997</v>
      </c>
      <c r="R1509">
        <v>20624.051660000001</v>
      </c>
      <c r="S1509">
        <v>91834.131179999997</v>
      </c>
      <c r="T1509">
        <v>31245.812720000002</v>
      </c>
      <c r="U1509">
        <v>15444.493270000001</v>
      </c>
      <c r="W1509" s="83">
        <f>Bühler!N1541</f>
        <v>45354.791666663012</v>
      </c>
      <c r="X1509" s="83">
        <v>43163.791666666664</v>
      </c>
      <c r="Y1509">
        <v>169948.37539999999</v>
      </c>
      <c r="Z1509">
        <v>16916.814320000001</v>
      </c>
      <c r="AA1509">
        <v>44691.388350000001</v>
      </c>
      <c r="AB1509">
        <v>41050.073170000003</v>
      </c>
      <c r="AC1509">
        <v>38161.331290000002</v>
      </c>
      <c r="AD1509">
        <v>29905.015169999999</v>
      </c>
      <c r="AE1509">
        <v>41578.427929999998</v>
      </c>
      <c r="AF1509">
        <v>46086.009480000001</v>
      </c>
      <c r="AG1509">
        <v>28794.090560000001</v>
      </c>
      <c r="AH1509">
        <v>211084.49419999999</v>
      </c>
      <c r="AI1509">
        <v>69934.219379999995</v>
      </c>
      <c r="AJ1509">
        <v>22000.626</v>
      </c>
      <c r="AK1509">
        <v>38406.139130000003</v>
      </c>
      <c r="AL1509">
        <v>48708.842859999997</v>
      </c>
      <c r="AM1509">
        <v>20624.051660000001</v>
      </c>
      <c r="AN1509">
        <v>91834.131179999997</v>
      </c>
      <c r="AO1509">
        <v>31245.812720000002</v>
      </c>
      <c r="AP1509">
        <v>15444.493270000001</v>
      </c>
    </row>
    <row r="1510" spans="2:42" x14ac:dyDescent="0.3">
      <c r="B1510">
        <v>41.698552219617966</v>
      </c>
      <c r="C1510" s="83">
        <v>43163.833333333336</v>
      </c>
      <c r="D1510">
        <v>171199.65330000001</v>
      </c>
      <c r="E1510">
        <v>16038.51972</v>
      </c>
      <c r="F1510">
        <v>44940.221250000002</v>
      </c>
      <c r="G1510">
        <v>41183.627070000002</v>
      </c>
      <c r="H1510">
        <v>38038.843840000001</v>
      </c>
      <c r="I1510">
        <v>29145.116910000001</v>
      </c>
      <c r="J1510">
        <v>40686.608509999998</v>
      </c>
      <c r="K1510">
        <v>46579.678630000002</v>
      </c>
      <c r="L1510">
        <v>28287.80141</v>
      </c>
      <c r="M1510">
        <v>212598.66500000001</v>
      </c>
      <c r="N1510">
        <v>70479.803679999997</v>
      </c>
      <c r="O1510">
        <v>21531.042389999999</v>
      </c>
      <c r="P1510">
        <v>39078.285049999999</v>
      </c>
      <c r="Q1510">
        <v>50528.192389999997</v>
      </c>
      <c r="R1510">
        <v>20349.758819999999</v>
      </c>
      <c r="S1510">
        <v>86038.381699999998</v>
      </c>
      <c r="T1510">
        <v>28493.42555</v>
      </c>
      <c r="U1510">
        <v>15460.86276</v>
      </c>
      <c r="W1510" s="83">
        <f>Bühler!N1542</f>
        <v>45354.833333329676</v>
      </c>
      <c r="X1510" s="83">
        <v>43163.833333333336</v>
      </c>
      <c r="Y1510">
        <v>171199.65330000001</v>
      </c>
      <c r="Z1510">
        <v>16038.51972</v>
      </c>
      <c r="AA1510">
        <v>44940.221250000002</v>
      </c>
      <c r="AB1510">
        <v>41183.627070000002</v>
      </c>
      <c r="AC1510">
        <v>38038.843840000001</v>
      </c>
      <c r="AD1510">
        <v>29145.116910000001</v>
      </c>
      <c r="AE1510">
        <v>40686.608509999998</v>
      </c>
      <c r="AF1510">
        <v>46579.678630000002</v>
      </c>
      <c r="AG1510">
        <v>28287.80141</v>
      </c>
      <c r="AH1510">
        <v>212598.66500000001</v>
      </c>
      <c r="AI1510">
        <v>70479.803679999997</v>
      </c>
      <c r="AJ1510">
        <v>21531.042389999999</v>
      </c>
      <c r="AK1510">
        <v>39078.285049999999</v>
      </c>
      <c r="AL1510">
        <v>50528.192389999997</v>
      </c>
      <c r="AM1510">
        <v>20349.758819999999</v>
      </c>
      <c r="AN1510">
        <v>86038.381699999998</v>
      </c>
      <c r="AO1510">
        <v>28493.42555</v>
      </c>
      <c r="AP1510">
        <v>15460.86276</v>
      </c>
    </row>
    <row r="1511" spans="2:42" x14ac:dyDescent="0.3">
      <c r="B1511">
        <v>42.155884237447005</v>
      </c>
      <c r="C1511" s="83">
        <v>43163.875</v>
      </c>
      <c r="D1511">
        <v>172199.74720000001</v>
      </c>
      <c r="E1511">
        <v>15652.38889</v>
      </c>
      <c r="F1511">
        <v>45102.240980000002</v>
      </c>
      <c r="G1511">
        <v>40961.809179999997</v>
      </c>
      <c r="H1511">
        <v>37846.046309999998</v>
      </c>
      <c r="I1511">
        <v>27008.67511</v>
      </c>
      <c r="J1511">
        <v>39150.190799999997</v>
      </c>
      <c r="K1511">
        <v>46623.563300000002</v>
      </c>
      <c r="L1511">
        <v>26393.002410000001</v>
      </c>
      <c r="M1511">
        <v>214930.35690000001</v>
      </c>
      <c r="N1511">
        <v>71245.731310000003</v>
      </c>
      <c r="O1511">
        <v>21540.778040000001</v>
      </c>
      <c r="P1511">
        <v>36742.809220000003</v>
      </c>
      <c r="Q1511">
        <v>52424.512710000003</v>
      </c>
      <c r="R1511">
        <v>20258.335660000001</v>
      </c>
      <c r="S1511">
        <v>82118.756630000003</v>
      </c>
      <c r="T1511">
        <v>26773.643080000002</v>
      </c>
      <c r="U1511">
        <v>15569.15112</v>
      </c>
      <c r="W1511" s="83">
        <f>Bühler!N1543</f>
        <v>45354.87499999634</v>
      </c>
      <c r="X1511" s="83">
        <v>43163.875</v>
      </c>
      <c r="Y1511">
        <v>172199.74720000001</v>
      </c>
      <c r="Z1511">
        <v>15652.38889</v>
      </c>
      <c r="AA1511">
        <v>45102.240980000002</v>
      </c>
      <c r="AB1511">
        <v>40961.809179999997</v>
      </c>
      <c r="AC1511">
        <v>37846.046309999998</v>
      </c>
      <c r="AD1511">
        <v>27008.67511</v>
      </c>
      <c r="AE1511">
        <v>39150.190799999997</v>
      </c>
      <c r="AF1511">
        <v>46623.563300000002</v>
      </c>
      <c r="AG1511">
        <v>26393.002410000001</v>
      </c>
      <c r="AH1511">
        <v>214930.35690000001</v>
      </c>
      <c r="AI1511">
        <v>71245.731310000003</v>
      </c>
      <c r="AJ1511">
        <v>21540.778040000001</v>
      </c>
      <c r="AK1511">
        <v>36742.809220000003</v>
      </c>
      <c r="AL1511">
        <v>52424.512710000003</v>
      </c>
      <c r="AM1511">
        <v>20258.335660000001</v>
      </c>
      <c r="AN1511">
        <v>82118.756630000003</v>
      </c>
      <c r="AO1511">
        <v>26773.643080000002</v>
      </c>
      <c r="AP1511">
        <v>15569.15112</v>
      </c>
    </row>
    <row r="1512" spans="2:42" x14ac:dyDescent="0.3">
      <c r="B1512">
        <v>42.305039071272638</v>
      </c>
      <c r="C1512" s="83">
        <v>43163.916666666664</v>
      </c>
      <c r="D1512">
        <v>173296.253</v>
      </c>
      <c r="E1512">
        <v>15601.717839999999</v>
      </c>
      <c r="F1512">
        <v>45149.517379999998</v>
      </c>
      <c r="G1512">
        <v>41266.453710000002</v>
      </c>
      <c r="H1512">
        <v>38168.812689999999</v>
      </c>
      <c r="I1512">
        <v>27239.051240000001</v>
      </c>
      <c r="J1512">
        <v>37575.591310000003</v>
      </c>
      <c r="K1512">
        <v>48779.301390000001</v>
      </c>
      <c r="L1512">
        <v>23382.556860000001</v>
      </c>
      <c r="M1512">
        <v>215690.81779999999</v>
      </c>
      <c r="N1512">
        <v>71873.551810000004</v>
      </c>
      <c r="O1512">
        <v>22226.397710000001</v>
      </c>
      <c r="P1512">
        <v>36400.439160000002</v>
      </c>
      <c r="Q1512">
        <v>54099.197390000001</v>
      </c>
      <c r="R1512">
        <v>25720.002049999999</v>
      </c>
      <c r="S1512">
        <v>82332.587339999998</v>
      </c>
      <c r="T1512">
        <v>25959.58986</v>
      </c>
      <c r="U1512">
        <v>16685.47523</v>
      </c>
      <c r="W1512" s="83">
        <f>Bühler!N1544</f>
        <v>45354.916666663004</v>
      </c>
      <c r="X1512" s="83">
        <v>43163.916666666664</v>
      </c>
      <c r="Y1512">
        <v>173296.253</v>
      </c>
      <c r="Z1512">
        <v>15601.717839999999</v>
      </c>
      <c r="AA1512">
        <v>45149.517379999998</v>
      </c>
      <c r="AB1512">
        <v>41266.453710000002</v>
      </c>
      <c r="AC1512">
        <v>38168.812689999999</v>
      </c>
      <c r="AD1512">
        <v>27239.051240000001</v>
      </c>
      <c r="AE1512">
        <v>37575.591310000003</v>
      </c>
      <c r="AF1512">
        <v>48779.301390000001</v>
      </c>
      <c r="AG1512">
        <v>23382.556860000001</v>
      </c>
      <c r="AH1512">
        <v>215690.81779999999</v>
      </c>
      <c r="AI1512">
        <v>71873.551810000004</v>
      </c>
      <c r="AJ1512">
        <v>22226.397710000001</v>
      </c>
      <c r="AK1512">
        <v>36400.439160000002</v>
      </c>
      <c r="AL1512">
        <v>54099.197390000001</v>
      </c>
      <c r="AM1512">
        <v>25720.002049999999</v>
      </c>
      <c r="AN1512">
        <v>82332.587339999998</v>
      </c>
      <c r="AO1512">
        <v>25959.58986</v>
      </c>
      <c r="AP1512">
        <v>16685.47523</v>
      </c>
    </row>
    <row r="1513" spans="2:42" x14ac:dyDescent="0.3">
      <c r="B1513">
        <v>41.918602686709932</v>
      </c>
      <c r="C1513" s="83">
        <v>43163.958333333336</v>
      </c>
      <c r="D1513">
        <v>177107.41</v>
      </c>
      <c r="E1513">
        <v>15624.6242</v>
      </c>
      <c r="F1513">
        <v>45033.86692</v>
      </c>
      <c r="G1513">
        <v>41228.639490000001</v>
      </c>
      <c r="H1513">
        <v>38227.000619999999</v>
      </c>
      <c r="I1513">
        <v>25444.845359999999</v>
      </c>
      <c r="J1513">
        <v>34547.882449999997</v>
      </c>
      <c r="K1513">
        <v>48736.939939999997</v>
      </c>
      <c r="L1513">
        <v>20112.090990000001</v>
      </c>
      <c r="M1513">
        <v>213720.58489999999</v>
      </c>
      <c r="N1513">
        <v>72347.213709999996</v>
      </c>
      <c r="O1513">
        <v>22542.67395</v>
      </c>
      <c r="P1513">
        <v>34018.773860000001</v>
      </c>
      <c r="Q1513">
        <v>56024.512369999997</v>
      </c>
      <c r="R1513">
        <v>27248.946250000001</v>
      </c>
      <c r="S1513">
        <v>81522.502840000001</v>
      </c>
      <c r="T1513">
        <v>27868.66187</v>
      </c>
      <c r="U1513">
        <v>16261.80097</v>
      </c>
      <c r="W1513" s="83">
        <f>Bühler!N1545</f>
        <v>45354.958333329669</v>
      </c>
      <c r="X1513" s="83">
        <v>43163.958333333336</v>
      </c>
      <c r="Y1513">
        <v>177107.41</v>
      </c>
      <c r="Z1513">
        <v>15624.6242</v>
      </c>
      <c r="AA1513">
        <v>45033.86692</v>
      </c>
      <c r="AB1513">
        <v>41228.639490000001</v>
      </c>
      <c r="AC1513">
        <v>38227.000619999999</v>
      </c>
      <c r="AD1513">
        <v>25444.845359999999</v>
      </c>
      <c r="AE1513">
        <v>34547.882449999997</v>
      </c>
      <c r="AF1513">
        <v>48736.939939999997</v>
      </c>
      <c r="AG1513">
        <v>20112.090990000001</v>
      </c>
      <c r="AH1513">
        <v>213720.58489999999</v>
      </c>
      <c r="AI1513">
        <v>72347.213709999996</v>
      </c>
      <c r="AJ1513">
        <v>22542.67395</v>
      </c>
      <c r="AK1513">
        <v>34018.773860000001</v>
      </c>
      <c r="AL1513">
        <v>56024.512369999997</v>
      </c>
      <c r="AM1513">
        <v>27248.946250000001</v>
      </c>
      <c r="AN1513">
        <v>81522.502840000001</v>
      </c>
      <c r="AO1513">
        <v>27868.66187</v>
      </c>
      <c r="AP1513">
        <v>16261.80097</v>
      </c>
    </row>
    <row r="1514" spans="2:42" x14ac:dyDescent="0.3">
      <c r="B1514">
        <v>41.552955612675319</v>
      </c>
      <c r="C1514" s="83">
        <v>43164</v>
      </c>
      <c r="D1514">
        <v>179068.88620000001</v>
      </c>
      <c r="E1514">
        <v>15549.406199999999</v>
      </c>
      <c r="F1514">
        <v>45355.645490000003</v>
      </c>
      <c r="G1514">
        <v>41194.117910000001</v>
      </c>
      <c r="H1514">
        <v>38049.694510000001</v>
      </c>
      <c r="I1514">
        <v>23656.574479999999</v>
      </c>
      <c r="J1514">
        <v>33340.545819999999</v>
      </c>
      <c r="K1514">
        <v>46902.992010000002</v>
      </c>
      <c r="L1514">
        <v>18063.356370000001</v>
      </c>
      <c r="M1514">
        <v>211856.3456</v>
      </c>
      <c r="N1514">
        <v>71340.992389999999</v>
      </c>
      <c r="O1514">
        <v>23113.699059999999</v>
      </c>
      <c r="P1514">
        <v>31151.288229999998</v>
      </c>
      <c r="Q1514">
        <v>58796.816050000001</v>
      </c>
      <c r="R1514">
        <v>23949.774860000001</v>
      </c>
      <c r="S1514">
        <v>80646.863119999995</v>
      </c>
      <c r="T1514">
        <v>27110.16346</v>
      </c>
      <c r="U1514">
        <v>15977.921120000001</v>
      </c>
      <c r="W1514" s="83">
        <f>Bühler!N1546</f>
        <v>45354.999999996333</v>
      </c>
      <c r="X1514" s="83">
        <v>43164</v>
      </c>
      <c r="Y1514">
        <v>179068.88620000001</v>
      </c>
      <c r="Z1514">
        <v>15549.406199999999</v>
      </c>
      <c r="AA1514">
        <v>45355.645490000003</v>
      </c>
      <c r="AB1514">
        <v>41194.117910000001</v>
      </c>
      <c r="AC1514">
        <v>38049.694510000001</v>
      </c>
      <c r="AD1514">
        <v>23656.574479999999</v>
      </c>
      <c r="AE1514">
        <v>33340.545819999999</v>
      </c>
      <c r="AF1514">
        <v>46902.992010000002</v>
      </c>
      <c r="AG1514">
        <v>18063.356370000001</v>
      </c>
      <c r="AH1514">
        <v>211856.3456</v>
      </c>
      <c r="AI1514">
        <v>71340.992389999999</v>
      </c>
      <c r="AJ1514">
        <v>23113.699059999999</v>
      </c>
      <c r="AK1514">
        <v>31151.288229999998</v>
      </c>
      <c r="AL1514">
        <v>58796.816050000001</v>
      </c>
      <c r="AM1514">
        <v>23949.774860000001</v>
      </c>
      <c r="AN1514">
        <v>80646.863119999995</v>
      </c>
      <c r="AO1514">
        <v>27110.16346</v>
      </c>
      <c r="AP1514">
        <v>15977.921120000001</v>
      </c>
    </row>
    <row r="1515" spans="2:42" x14ac:dyDescent="0.3">
      <c r="B1515">
        <v>42.579034662555529</v>
      </c>
      <c r="C1515" s="83">
        <v>43164.041666666664</v>
      </c>
      <c r="D1515">
        <v>179825.61600000001</v>
      </c>
      <c r="E1515">
        <v>15784.80126</v>
      </c>
      <c r="F1515">
        <v>45683.442660000001</v>
      </c>
      <c r="G1515">
        <v>40884.784460000003</v>
      </c>
      <c r="H1515">
        <v>37792.471519999999</v>
      </c>
      <c r="I1515">
        <v>19208.59806</v>
      </c>
      <c r="J1515">
        <v>32856.651619999997</v>
      </c>
      <c r="K1515">
        <v>45181.896500000003</v>
      </c>
      <c r="L1515">
        <v>17797.425360000001</v>
      </c>
      <c r="M1515">
        <v>217087.7751</v>
      </c>
      <c r="N1515">
        <v>72240.617939999996</v>
      </c>
      <c r="O1515">
        <v>22754.88824</v>
      </c>
      <c r="P1515">
        <v>30235.56207</v>
      </c>
      <c r="Q1515">
        <v>62887.688370000003</v>
      </c>
      <c r="R1515">
        <v>22487.048559999999</v>
      </c>
      <c r="S1515">
        <v>79232.688399999999</v>
      </c>
      <c r="T1515">
        <v>26865.55775</v>
      </c>
      <c r="U1515">
        <v>15964.61685</v>
      </c>
      <c r="W1515" s="83">
        <f>Bühler!N1547</f>
        <v>45355.041666662997</v>
      </c>
      <c r="X1515" s="83">
        <v>43164.041666666664</v>
      </c>
      <c r="Y1515">
        <v>179825.61600000001</v>
      </c>
      <c r="Z1515">
        <v>15784.80126</v>
      </c>
      <c r="AA1515">
        <v>45683.442660000001</v>
      </c>
      <c r="AB1515">
        <v>40884.784460000003</v>
      </c>
      <c r="AC1515">
        <v>37792.471519999999</v>
      </c>
      <c r="AD1515">
        <v>19208.59806</v>
      </c>
      <c r="AE1515">
        <v>32856.651619999997</v>
      </c>
      <c r="AF1515">
        <v>45181.896500000003</v>
      </c>
      <c r="AG1515">
        <v>17797.425360000001</v>
      </c>
      <c r="AH1515">
        <v>217087.7751</v>
      </c>
      <c r="AI1515">
        <v>72240.617939999996</v>
      </c>
      <c r="AJ1515">
        <v>22754.88824</v>
      </c>
      <c r="AK1515">
        <v>30235.56207</v>
      </c>
      <c r="AL1515">
        <v>62887.688370000003</v>
      </c>
      <c r="AM1515">
        <v>22487.048559999999</v>
      </c>
      <c r="AN1515">
        <v>79232.688399999999</v>
      </c>
      <c r="AO1515">
        <v>26865.55775</v>
      </c>
      <c r="AP1515">
        <v>15964.61685</v>
      </c>
    </row>
    <row r="1516" spans="2:42" x14ac:dyDescent="0.3">
      <c r="B1516">
        <v>43.368078961405786</v>
      </c>
      <c r="C1516" s="83">
        <v>43164.083333333336</v>
      </c>
      <c r="D1516">
        <v>182166.02660000001</v>
      </c>
      <c r="E1516">
        <v>15899.38132</v>
      </c>
      <c r="F1516">
        <v>46802.423750000002</v>
      </c>
      <c r="G1516">
        <v>40291.765769999998</v>
      </c>
      <c r="H1516">
        <v>37687.310279999998</v>
      </c>
      <c r="I1516">
        <v>18226.340049999999</v>
      </c>
      <c r="J1516">
        <v>32571.345570000001</v>
      </c>
      <c r="K1516">
        <v>43145.586000000003</v>
      </c>
      <c r="L1516">
        <v>17741.385730000002</v>
      </c>
      <c r="M1516">
        <v>221110.69089999999</v>
      </c>
      <c r="N1516">
        <v>72460.738230000003</v>
      </c>
      <c r="O1516">
        <v>23007.002530000002</v>
      </c>
      <c r="P1516">
        <v>30034.694090000001</v>
      </c>
      <c r="Q1516">
        <v>65184.662799999998</v>
      </c>
      <c r="R1516">
        <v>23546.564890000001</v>
      </c>
      <c r="S1516">
        <v>78963.072740000003</v>
      </c>
      <c r="T1516">
        <v>26482.680980000001</v>
      </c>
      <c r="U1516">
        <v>16318.46551</v>
      </c>
      <c r="W1516" s="83">
        <f>Bühler!N1548</f>
        <v>45355.083333329661</v>
      </c>
      <c r="X1516" s="83">
        <v>43164.083333333336</v>
      </c>
      <c r="Y1516">
        <v>182166.02660000001</v>
      </c>
      <c r="Z1516">
        <v>15899.38132</v>
      </c>
      <c r="AA1516">
        <v>46802.423750000002</v>
      </c>
      <c r="AB1516">
        <v>40291.765769999998</v>
      </c>
      <c r="AC1516">
        <v>37687.310279999998</v>
      </c>
      <c r="AD1516">
        <v>18226.340049999999</v>
      </c>
      <c r="AE1516">
        <v>32571.345570000001</v>
      </c>
      <c r="AF1516">
        <v>43145.586000000003</v>
      </c>
      <c r="AG1516">
        <v>17741.385730000002</v>
      </c>
      <c r="AH1516">
        <v>221110.69089999999</v>
      </c>
      <c r="AI1516">
        <v>72460.738230000003</v>
      </c>
      <c r="AJ1516">
        <v>23007.002530000002</v>
      </c>
      <c r="AK1516">
        <v>30034.694090000001</v>
      </c>
      <c r="AL1516">
        <v>65184.662799999998</v>
      </c>
      <c r="AM1516">
        <v>23546.564890000001</v>
      </c>
      <c r="AN1516">
        <v>78963.072740000003</v>
      </c>
      <c r="AO1516">
        <v>26482.680980000001</v>
      </c>
      <c r="AP1516">
        <v>16318.46551</v>
      </c>
    </row>
    <row r="1517" spans="2:42" x14ac:dyDescent="0.3">
      <c r="B1517">
        <v>44.20877343941541</v>
      </c>
      <c r="C1517" s="83">
        <v>43164.125</v>
      </c>
      <c r="D1517">
        <v>187073.35079999999</v>
      </c>
      <c r="E1517">
        <v>16196.351129999999</v>
      </c>
      <c r="F1517">
        <v>49412.520969999998</v>
      </c>
      <c r="G1517">
        <v>40006.038639999999</v>
      </c>
      <c r="H1517">
        <v>38173.989459999997</v>
      </c>
      <c r="I1517">
        <v>18458.14471</v>
      </c>
      <c r="J1517">
        <v>32975.363409999998</v>
      </c>
      <c r="K1517">
        <v>42533.701130000001</v>
      </c>
      <c r="L1517">
        <v>17359.222109999999</v>
      </c>
      <c r="M1517">
        <v>225396.94339999999</v>
      </c>
      <c r="N1517">
        <v>72800.166630000007</v>
      </c>
      <c r="O1517">
        <v>23697.106500000002</v>
      </c>
      <c r="P1517">
        <v>29791.847089999999</v>
      </c>
      <c r="Q1517">
        <v>69651.313899999994</v>
      </c>
      <c r="R1517">
        <v>23439.33282</v>
      </c>
      <c r="S1517">
        <v>78251.973559999999</v>
      </c>
      <c r="T1517">
        <v>26519.224180000001</v>
      </c>
      <c r="U1517">
        <v>16574.502899999999</v>
      </c>
      <c r="W1517" s="83">
        <f>Bühler!N1549</f>
        <v>45355.124999996326</v>
      </c>
      <c r="X1517" s="83">
        <v>43164.125</v>
      </c>
      <c r="Y1517">
        <v>187073.35079999999</v>
      </c>
      <c r="Z1517">
        <v>16196.351129999999</v>
      </c>
      <c r="AA1517">
        <v>49412.520969999998</v>
      </c>
      <c r="AB1517">
        <v>40006.038639999999</v>
      </c>
      <c r="AC1517">
        <v>38173.989459999997</v>
      </c>
      <c r="AD1517">
        <v>18458.14471</v>
      </c>
      <c r="AE1517">
        <v>32975.363409999998</v>
      </c>
      <c r="AF1517">
        <v>42533.701130000001</v>
      </c>
      <c r="AG1517">
        <v>17359.222109999999</v>
      </c>
      <c r="AH1517">
        <v>225396.94339999999</v>
      </c>
      <c r="AI1517">
        <v>72800.166630000007</v>
      </c>
      <c r="AJ1517">
        <v>23697.106500000002</v>
      </c>
      <c r="AK1517">
        <v>29791.847089999999</v>
      </c>
      <c r="AL1517">
        <v>69651.313899999994</v>
      </c>
      <c r="AM1517">
        <v>23439.33282</v>
      </c>
      <c r="AN1517">
        <v>78251.973559999999</v>
      </c>
      <c r="AO1517">
        <v>26519.224180000001</v>
      </c>
      <c r="AP1517">
        <v>16574.502899999999</v>
      </c>
    </row>
    <row r="1518" spans="2:42" x14ac:dyDescent="0.3">
      <c r="B1518">
        <v>47.126622082953553</v>
      </c>
      <c r="C1518" s="83">
        <v>43164.166666666664</v>
      </c>
      <c r="D1518">
        <v>199491.3125</v>
      </c>
      <c r="E1518">
        <v>17076.24682</v>
      </c>
      <c r="F1518">
        <v>53813.659910000002</v>
      </c>
      <c r="G1518">
        <v>40164.814579999998</v>
      </c>
      <c r="H1518">
        <v>39627.502249999998</v>
      </c>
      <c r="I1518">
        <v>20773.917809999999</v>
      </c>
      <c r="J1518">
        <v>35470.592909999999</v>
      </c>
      <c r="K1518">
        <v>42739.993750000001</v>
      </c>
      <c r="L1518">
        <v>17147.842260000001</v>
      </c>
      <c r="M1518">
        <v>240273.49650000001</v>
      </c>
      <c r="N1518">
        <v>73284.799509999997</v>
      </c>
      <c r="O1518">
        <v>24185.295999999998</v>
      </c>
      <c r="P1518">
        <v>29634.660479999999</v>
      </c>
      <c r="Q1518">
        <v>76011.36795</v>
      </c>
      <c r="R1518">
        <v>23432.69714</v>
      </c>
      <c r="S1518">
        <v>79831.541190000004</v>
      </c>
      <c r="T1518">
        <v>26521.719779999999</v>
      </c>
      <c r="U1518">
        <v>18004.13205</v>
      </c>
      <c r="W1518" s="83">
        <f>Bühler!N1550</f>
        <v>45355.16666666299</v>
      </c>
      <c r="X1518" s="83">
        <v>43164.166666666664</v>
      </c>
      <c r="Y1518">
        <v>199491.3125</v>
      </c>
      <c r="Z1518">
        <v>17076.24682</v>
      </c>
      <c r="AA1518">
        <v>53813.659910000002</v>
      </c>
      <c r="AB1518">
        <v>40164.814579999998</v>
      </c>
      <c r="AC1518">
        <v>39627.502249999998</v>
      </c>
      <c r="AD1518">
        <v>20773.917809999999</v>
      </c>
      <c r="AE1518">
        <v>35470.592909999999</v>
      </c>
      <c r="AF1518">
        <v>42739.993750000001</v>
      </c>
      <c r="AG1518">
        <v>17147.842260000001</v>
      </c>
      <c r="AH1518">
        <v>240273.49650000001</v>
      </c>
      <c r="AI1518">
        <v>73284.799509999997</v>
      </c>
      <c r="AJ1518">
        <v>24185.295999999998</v>
      </c>
      <c r="AK1518">
        <v>29634.660479999999</v>
      </c>
      <c r="AL1518">
        <v>76011.36795</v>
      </c>
      <c r="AM1518">
        <v>23432.69714</v>
      </c>
      <c r="AN1518">
        <v>79831.541190000004</v>
      </c>
      <c r="AO1518">
        <v>26521.719779999999</v>
      </c>
      <c r="AP1518">
        <v>18004.13205</v>
      </c>
    </row>
    <row r="1519" spans="2:42" x14ac:dyDescent="0.3">
      <c r="B1519">
        <v>53.175573656137949</v>
      </c>
      <c r="C1519" s="83">
        <v>43164.208333333336</v>
      </c>
      <c r="D1519">
        <v>230651.49890000001</v>
      </c>
      <c r="E1519">
        <v>19242.543399999999</v>
      </c>
      <c r="F1519">
        <v>67809.421549999999</v>
      </c>
      <c r="G1519">
        <v>42595.24065</v>
      </c>
      <c r="H1519">
        <v>41773.540950000002</v>
      </c>
      <c r="I1519">
        <v>29462.035960000001</v>
      </c>
      <c r="J1519">
        <v>38208.014040000002</v>
      </c>
      <c r="K1519">
        <v>45177.602070000001</v>
      </c>
      <c r="L1519">
        <v>18194.429199999999</v>
      </c>
      <c r="M1519">
        <v>271113.8725</v>
      </c>
      <c r="N1519">
        <v>74338.600999999995</v>
      </c>
      <c r="O1519">
        <v>24870.024010000001</v>
      </c>
      <c r="P1519">
        <v>30375.278109999999</v>
      </c>
      <c r="Q1519">
        <v>81419.302880000003</v>
      </c>
      <c r="R1519">
        <v>25612.972010000001</v>
      </c>
      <c r="S1519">
        <v>82447.034920000006</v>
      </c>
      <c r="T1519">
        <v>28356.12832</v>
      </c>
      <c r="U1519">
        <v>19997.108080000002</v>
      </c>
      <c r="W1519" s="83">
        <f>Bühler!N1551</f>
        <v>45355.208333329654</v>
      </c>
      <c r="X1519" s="83">
        <v>43164.208333333336</v>
      </c>
      <c r="Y1519">
        <v>230651.49890000001</v>
      </c>
      <c r="Z1519">
        <v>19242.543399999999</v>
      </c>
      <c r="AA1519">
        <v>67809.421549999999</v>
      </c>
      <c r="AB1519">
        <v>42595.24065</v>
      </c>
      <c r="AC1519">
        <v>41773.540950000002</v>
      </c>
      <c r="AD1519">
        <v>29462.035960000001</v>
      </c>
      <c r="AE1519">
        <v>38208.014040000002</v>
      </c>
      <c r="AF1519">
        <v>45177.602070000001</v>
      </c>
      <c r="AG1519">
        <v>18194.429199999999</v>
      </c>
      <c r="AH1519">
        <v>271113.8725</v>
      </c>
      <c r="AI1519">
        <v>74338.600999999995</v>
      </c>
      <c r="AJ1519">
        <v>24870.024010000001</v>
      </c>
      <c r="AK1519">
        <v>30375.278109999999</v>
      </c>
      <c r="AL1519">
        <v>81419.302880000003</v>
      </c>
      <c r="AM1519">
        <v>25612.972010000001</v>
      </c>
      <c r="AN1519">
        <v>82447.034920000006</v>
      </c>
      <c r="AO1519">
        <v>28356.12832</v>
      </c>
      <c r="AP1519">
        <v>19997.108080000002</v>
      </c>
    </row>
    <row r="1520" spans="2:42" x14ac:dyDescent="0.3">
      <c r="B1520">
        <v>59.034417511630089</v>
      </c>
      <c r="C1520" s="83">
        <v>43164.25</v>
      </c>
      <c r="D1520">
        <v>258927.696</v>
      </c>
      <c r="E1520">
        <v>23464.786830000001</v>
      </c>
      <c r="F1520">
        <v>77646.521370000002</v>
      </c>
      <c r="G1520">
        <v>53380.736969999998</v>
      </c>
      <c r="H1520">
        <v>45681.954129999998</v>
      </c>
      <c r="I1520">
        <v>38278.59691</v>
      </c>
      <c r="J1520">
        <v>42339.333100000003</v>
      </c>
      <c r="K1520">
        <v>47879.959159999999</v>
      </c>
      <c r="L1520">
        <v>20211.460019999999</v>
      </c>
      <c r="M1520">
        <v>300984.99070000002</v>
      </c>
      <c r="N1520">
        <v>78397.364499999996</v>
      </c>
      <c r="O1520">
        <v>26129.085129999999</v>
      </c>
      <c r="P1520">
        <v>31946.042109999999</v>
      </c>
      <c r="Q1520">
        <v>85459.709260000003</v>
      </c>
      <c r="R1520">
        <v>20234.19644</v>
      </c>
      <c r="S1520">
        <v>90654.603310000006</v>
      </c>
      <c r="T1520">
        <v>30872.601139999999</v>
      </c>
      <c r="U1520">
        <v>22252.213540000001</v>
      </c>
      <c r="W1520" s="83">
        <f>Bühler!N1552</f>
        <v>45355.249999996318</v>
      </c>
      <c r="X1520" s="83">
        <v>43164.25</v>
      </c>
      <c r="Y1520">
        <v>258927.696</v>
      </c>
      <c r="Z1520">
        <v>23464.786830000001</v>
      </c>
      <c r="AA1520">
        <v>77646.521370000002</v>
      </c>
      <c r="AB1520">
        <v>53380.736969999998</v>
      </c>
      <c r="AC1520">
        <v>45681.954129999998</v>
      </c>
      <c r="AD1520">
        <v>38278.59691</v>
      </c>
      <c r="AE1520">
        <v>42339.333100000003</v>
      </c>
      <c r="AF1520">
        <v>47879.959159999999</v>
      </c>
      <c r="AG1520">
        <v>20211.460019999999</v>
      </c>
      <c r="AH1520">
        <v>300984.99070000002</v>
      </c>
      <c r="AI1520">
        <v>78397.364499999996</v>
      </c>
      <c r="AJ1520">
        <v>26129.085129999999</v>
      </c>
      <c r="AK1520">
        <v>31946.042109999999</v>
      </c>
      <c r="AL1520">
        <v>85459.709260000003</v>
      </c>
      <c r="AM1520">
        <v>20234.19644</v>
      </c>
      <c r="AN1520">
        <v>90654.603310000006</v>
      </c>
      <c r="AO1520">
        <v>30872.601139999999</v>
      </c>
      <c r="AP1520">
        <v>22252.213540000001</v>
      </c>
    </row>
    <row r="1521" spans="2:42" x14ac:dyDescent="0.3">
      <c r="B1521">
        <v>61.902624972305588</v>
      </c>
      <c r="C1521" s="83">
        <v>43164.291666666664</v>
      </c>
      <c r="D1521">
        <v>277998.78779999999</v>
      </c>
      <c r="E1521">
        <v>28840.173849999999</v>
      </c>
      <c r="F1521">
        <v>82117.102710000006</v>
      </c>
      <c r="G1521">
        <v>65833.930410000001</v>
      </c>
      <c r="H1521">
        <v>51094.79378</v>
      </c>
      <c r="I1521">
        <v>47681.426070000001</v>
      </c>
      <c r="J1521">
        <v>44229.845240000002</v>
      </c>
      <c r="K1521">
        <v>52845.793389999999</v>
      </c>
      <c r="L1521">
        <v>22788.517049999999</v>
      </c>
      <c r="M1521">
        <v>315608.44990000001</v>
      </c>
      <c r="N1521">
        <v>86440.109589999993</v>
      </c>
      <c r="O1521">
        <v>29236.21688</v>
      </c>
      <c r="P1521">
        <v>34419.191030000002</v>
      </c>
      <c r="Q1521">
        <v>88221.141430000003</v>
      </c>
      <c r="R1521">
        <v>22514.948390000001</v>
      </c>
      <c r="S1521">
        <v>106440.7199</v>
      </c>
      <c r="T1521">
        <v>33437.628210000003</v>
      </c>
      <c r="U1521">
        <v>27340.140200000002</v>
      </c>
      <c r="W1521" s="83">
        <f>Bühler!N1553</f>
        <v>45355.291666662983</v>
      </c>
      <c r="X1521" s="83">
        <v>43164.291666666664</v>
      </c>
      <c r="Y1521">
        <v>277998.78779999999</v>
      </c>
      <c r="Z1521">
        <v>28840.173849999999</v>
      </c>
      <c r="AA1521">
        <v>82117.102710000006</v>
      </c>
      <c r="AB1521">
        <v>65833.930410000001</v>
      </c>
      <c r="AC1521">
        <v>51094.79378</v>
      </c>
      <c r="AD1521">
        <v>47681.426070000001</v>
      </c>
      <c r="AE1521">
        <v>44229.845240000002</v>
      </c>
      <c r="AF1521">
        <v>52845.793389999999</v>
      </c>
      <c r="AG1521">
        <v>22788.517049999999</v>
      </c>
      <c r="AH1521">
        <v>315608.44990000001</v>
      </c>
      <c r="AI1521">
        <v>86440.109589999993</v>
      </c>
      <c r="AJ1521">
        <v>29236.21688</v>
      </c>
      <c r="AK1521">
        <v>34419.191030000002</v>
      </c>
      <c r="AL1521">
        <v>88221.141430000003</v>
      </c>
      <c r="AM1521">
        <v>22514.948390000001</v>
      </c>
      <c r="AN1521">
        <v>106440.7199</v>
      </c>
      <c r="AO1521">
        <v>33437.628210000003</v>
      </c>
      <c r="AP1521">
        <v>27340.140200000002</v>
      </c>
    </row>
    <row r="1522" spans="2:42" x14ac:dyDescent="0.3">
      <c r="B1522">
        <v>63.888883137170851</v>
      </c>
      <c r="C1522" s="83">
        <v>43164.333333333336</v>
      </c>
      <c r="D1522">
        <v>293475.71470000001</v>
      </c>
      <c r="E1522">
        <v>35049.554459999999</v>
      </c>
      <c r="F1522">
        <v>87369.971839999998</v>
      </c>
      <c r="G1522">
        <v>82568.535569999993</v>
      </c>
      <c r="H1522">
        <v>56292.186750000001</v>
      </c>
      <c r="I1522">
        <v>51297.368219999997</v>
      </c>
      <c r="J1522">
        <v>44465.145100000002</v>
      </c>
      <c r="K1522">
        <v>57853.573620000003</v>
      </c>
      <c r="L1522">
        <v>26841.873479999998</v>
      </c>
      <c r="M1522">
        <v>325735.32030000002</v>
      </c>
      <c r="N1522">
        <v>92759.985929999995</v>
      </c>
      <c r="O1522">
        <v>30306.059069999999</v>
      </c>
      <c r="P1522">
        <v>36629.293310000001</v>
      </c>
      <c r="Q1522">
        <v>89310.75834</v>
      </c>
      <c r="R1522">
        <v>24458.230780000002</v>
      </c>
      <c r="S1522">
        <v>118819.62639999999</v>
      </c>
      <c r="T1522">
        <v>35983.59719</v>
      </c>
      <c r="U1522">
        <v>30622.788919999999</v>
      </c>
      <c r="W1522" s="83">
        <f>Bühler!N1554</f>
        <v>45355.333333329647</v>
      </c>
      <c r="X1522" s="83">
        <v>43164.333333333336</v>
      </c>
      <c r="Y1522">
        <v>293475.71470000001</v>
      </c>
      <c r="Z1522">
        <v>35049.554459999999</v>
      </c>
      <c r="AA1522">
        <v>87369.971839999998</v>
      </c>
      <c r="AB1522">
        <v>82568.535569999993</v>
      </c>
      <c r="AC1522">
        <v>56292.186750000001</v>
      </c>
      <c r="AD1522">
        <v>51297.368219999997</v>
      </c>
      <c r="AE1522">
        <v>44465.145100000002</v>
      </c>
      <c r="AF1522">
        <v>57853.573620000003</v>
      </c>
      <c r="AG1522">
        <v>26841.873479999998</v>
      </c>
      <c r="AH1522">
        <v>325735.32030000002</v>
      </c>
      <c r="AI1522">
        <v>92759.985929999995</v>
      </c>
      <c r="AJ1522">
        <v>30306.059069999999</v>
      </c>
      <c r="AK1522">
        <v>36629.293310000001</v>
      </c>
      <c r="AL1522">
        <v>89310.75834</v>
      </c>
      <c r="AM1522">
        <v>24458.230780000002</v>
      </c>
      <c r="AN1522">
        <v>118819.62639999999</v>
      </c>
      <c r="AO1522">
        <v>35983.59719</v>
      </c>
      <c r="AP1522">
        <v>30622.788919999999</v>
      </c>
    </row>
    <row r="1523" spans="2:42" x14ac:dyDescent="0.3">
      <c r="B1523">
        <v>63.880000250247129</v>
      </c>
      <c r="C1523" s="83">
        <v>43164.375</v>
      </c>
      <c r="D1523">
        <v>296843.57630000002</v>
      </c>
      <c r="E1523">
        <v>38534.029929999997</v>
      </c>
      <c r="F1523">
        <v>93100.61189</v>
      </c>
      <c r="G1523">
        <v>90879.359939999995</v>
      </c>
      <c r="H1523">
        <v>58488.726499999997</v>
      </c>
      <c r="I1523">
        <v>48535.041729999997</v>
      </c>
      <c r="J1523">
        <v>44018.153030000001</v>
      </c>
      <c r="K1523">
        <v>58476.332090000004</v>
      </c>
      <c r="L1523">
        <v>29564.101719999999</v>
      </c>
      <c r="M1523">
        <v>325690.03120000003</v>
      </c>
      <c r="N1523">
        <v>99876.117129999999</v>
      </c>
      <c r="O1523">
        <v>30212.179080000002</v>
      </c>
      <c r="P1523">
        <v>38769.556349999999</v>
      </c>
      <c r="Q1523">
        <v>90603.547630000001</v>
      </c>
      <c r="R1523">
        <v>23443.932339999999</v>
      </c>
      <c r="S1523">
        <v>125095.50900000001</v>
      </c>
      <c r="T1523">
        <v>38185.288690000001</v>
      </c>
      <c r="U1523">
        <v>30361.490030000001</v>
      </c>
      <c r="W1523" s="83">
        <f>Bühler!N1555</f>
        <v>45355.374999996311</v>
      </c>
      <c r="X1523" s="83">
        <v>43164.375</v>
      </c>
      <c r="Y1523">
        <v>296843.57630000002</v>
      </c>
      <c r="Z1523">
        <v>38534.029929999997</v>
      </c>
      <c r="AA1523">
        <v>93100.61189</v>
      </c>
      <c r="AB1523">
        <v>90879.359939999995</v>
      </c>
      <c r="AC1523">
        <v>58488.726499999997</v>
      </c>
      <c r="AD1523">
        <v>48535.041729999997</v>
      </c>
      <c r="AE1523">
        <v>44018.153030000001</v>
      </c>
      <c r="AF1523">
        <v>58476.332090000004</v>
      </c>
      <c r="AG1523">
        <v>29564.101719999999</v>
      </c>
      <c r="AH1523">
        <v>325690.03120000003</v>
      </c>
      <c r="AI1523">
        <v>99876.117129999999</v>
      </c>
      <c r="AJ1523">
        <v>30212.179080000002</v>
      </c>
      <c r="AK1523">
        <v>38769.556349999999</v>
      </c>
      <c r="AL1523">
        <v>90603.547630000001</v>
      </c>
      <c r="AM1523">
        <v>23443.932339999999</v>
      </c>
      <c r="AN1523">
        <v>125095.50900000001</v>
      </c>
      <c r="AO1523">
        <v>38185.288690000001</v>
      </c>
      <c r="AP1523">
        <v>30361.490030000001</v>
      </c>
    </row>
    <row r="1524" spans="2:42" x14ac:dyDescent="0.3">
      <c r="B1524">
        <v>64.971189370045465</v>
      </c>
      <c r="C1524" s="83">
        <v>43164.416666666664</v>
      </c>
      <c r="D1524">
        <v>299370.48090000002</v>
      </c>
      <c r="E1524">
        <v>39976.224759999997</v>
      </c>
      <c r="F1524">
        <v>93792.727270000003</v>
      </c>
      <c r="G1524">
        <v>92488.426500000001</v>
      </c>
      <c r="H1524">
        <v>58998.915209999999</v>
      </c>
      <c r="I1524">
        <v>44781.533190000002</v>
      </c>
      <c r="J1524">
        <v>42517.040130000001</v>
      </c>
      <c r="K1524">
        <v>59884.351439999999</v>
      </c>
      <c r="L1524">
        <v>31059.514940000001</v>
      </c>
      <c r="M1524">
        <v>331253.42219999997</v>
      </c>
      <c r="N1524">
        <v>103198.40919999999</v>
      </c>
      <c r="O1524">
        <v>29883.163130000001</v>
      </c>
      <c r="P1524">
        <v>38673.085780000001</v>
      </c>
      <c r="Q1524">
        <v>91669.249979999993</v>
      </c>
      <c r="R1524">
        <v>23861.72262</v>
      </c>
      <c r="S1524">
        <v>126148.0034</v>
      </c>
      <c r="T1524">
        <v>39201.342069999999</v>
      </c>
      <c r="U1524">
        <v>29894.074909999999</v>
      </c>
      <c r="W1524" s="83">
        <f>Bühler!N1556</f>
        <v>45355.416666662975</v>
      </c>
      <c r="X1524" s="83">
        <v>43164.416666666664</v>
      </c>
      <c r="Y1524">
        <v>299370.48090000002</v>
      </c>
      <c r="Z1524">
        <v>39976.224759999997</v>
      </c>
      <c r="AA1524">
        <v>93792.727270000003</v>
      </c>
      <c r="AB1524">
        <v>92488.426500000001</v>
      </c>
      <c r="AC1524">
        <v>58998.915209999999</v>
      </c>
      <c r="AD1524">
        <v>44781.533190000002</v>
      </c>
      <c r="AE1524">
        <v>42517.040130000001</v>
      </c>
      <c r="AF1524">
        <v>59884.351439999999</v>
      </c>
      <c r="AG1524">
        <v>31059.514940000001</v>
      </c>
      <c r="AH1524">
        <v>331253.42219999997</v>
      </c>
      <c r="AI1524">
        <v>103198.40919999999</v>
      </c>
      <c r="AJ1524">
        <v>29883.163130000001</v>
      </c>
      <c r="AK1524">
        <v>38673.085780000001</v>
      </c>
      <c r="AL1524">
        <v>91669.249979999993</v>
      </c>
      <c r="AM1524">
        <v>23861.72262</v>
      </c>
      <c r="AN1524">
        <v>126148.0034</v>
      </c>
      <c r="AO1524">
        <v>39201.342069999999</v>
      </c>
      <c r="AP1524">
        <v>29894.074909999999</v>
      </c>
    </row>
    <row r="1525" spans="2:42" x14ac:dyDescent="0.3">
      <c r="B1525">
        <v>65.789788301582036</v>
      </c>
      <c r="C1525" s="83">
        <v>43164.458333333336</v>
      </c>
      <c r="D1525">
        <v>300833.7683</v>
      </c>
      <c r="E1525">
        <v>39562.278469999997</v>
      </c>
      <c r="F1525">
        <v>93864.226339999994</v>
      </c>
      <c r="G1525">
        <v>90658.237789999999</v>
      </c>
      <c r="H1525">
        <v>58410.389080000001</v>
      </c>
      <c r="I1525">
        <v>43128.931669999998</v>
      </c>
      <c r="J1525">
        <v>42649.953379999999</v>
      </c>
      <c r="K1525">
        <v>62760.900450000001</v>
      </c>
      <c r="L1525">
        <v>32962.984409999997</v>
      </c>
      <c r="M1525">
        <v>335427.02130000002</v>
      </c>
      <c r="N1525">
        <v>102450.1303</v>
      </c>
      <c r="O1525">
        <v>29401.629430000001</v>
      </c>
      <c r="P1525">
        <v>38603.032379999997</v>
      </c>
      <c r="Q1525">
        <v>92272.695110000001</v>
      </c>
      <c r="R1525">
        <v>27724.203949999999</v>
      </c>
      <c r="S1525">
        <v>127165.0874</v>
      </c>
      <c r="T1525">
        <v>39269.201500000003</v>
      </c>
      <c r="U1525">
        <v>28754.069619999998</v>
      </c>
      <c r="W1525" s="83">
        <f>Bühler!N1557</f>
        <v>45355.45833332964</v>
      </c>
      <c r="X1525" s="83">
        <v>43164.458333333336</v>
      </c>
      <c r="Y1525">
        <v>300833.7683</v>
      </c>
      <c r="Z1525">
        <v>39562.278469999997</v>
      </c>
      <c r="AA1525">
        <v>93864.226339999994</v>
      </c>
      <c r="AB1525">
        <v>90658.237789999999</v>
      </c>
      <c r="AC1525">
        <v>58410.389080000001</v>
      </c>
      <c r="AD1525">
        <v>43128.931669999998</v>
      </c>
      <c r="AE1525">
        <v>42649.953379999999</v>
      </c>
      <c r="AF1525">
        <v>62760.900450000001</v>
      </c>
      <c r="AG1525">
        <v>32962.984409999997</v>
      </c>
      <c r="AH1525">
        <v>335427.02130000002</v>
      </c>
      <c r="AI1525">
        <v>102450.1303</v>
      </c>
      <c r="AJ1525">
        <v>29401.629430000001</v>
      </c>
      <c r="AK1525">
        <v>38603.032379999997</v>
      </c>
      <c r="AL1525">
        <v>92272.695110000001</v>
      </c>
      <c r="AM1525">
        <v>27724.203949999999</v>
      </c>
      <c r="AN1525">
        <v>127165.0874</v>
      </c>
      <c r="AO1525">
        <v>39269.201500000003</v>
      </c>
      <c r="AP1525">
        <v>28754.069619999998</v>
      </c>
    </row>
    <row r="1526" spans="2:42" x14ac:dyDescent="0.3">
      <c r="B1526">
        <v>65.378957777358821</v>
      </c>
      <c r="C1526" s="83">
        <v>43164.5</v>
      </c>
      <c r="D1526">
        <v>289592.63429999998</v>
      </c>
      <c r="E1526">
        <v>35702.200839999998</v>
      </c>
      <c r="F1526">
        <v>87474.377420000004</v>
      </c>
      <c r="G1526">
        <v>89539.992929999993</v>
      </c>
      <c r="H1526">
        <v>55539.40019</v>
      </c>
      <c r="I1526">
        <v>41589.584860000003</v>
      </c>
      <c r="J1526">
        <v>42696.229859999999</v>
      </c>
      <c r="K1526">
        <v>60140.191650000001</v>
      </c>
      <c r="L1526">
        <v>34559.166940000003</v>
      </c>
      <c r="M1526">
        <v>333332.41570000001</v>
      </c>
      <c r="N1526">
        <v>99447.870710000003</v>
      </c>
      <c r="O1526">
        <v>28805.032910000002</v>
      </c>
      <c r="P1526">
        <v>39503.435879999997</v>
      </c>
      <c r="Q1526">
        <v>92184.415340000007</v>
      </c>
      <c r="R1526">
        <v>26970.821520000001</v>
      </c>
      <c r="S1526">
        <v>120799.16009999999</v>
      </c>
      <c r="T1526">
        <v>38883.877330000003</v>
      </c>
      <c r="U1526">
        <v>24522.6895</v>
      </c>
      <c r="W1526" s="83">
        <f>Bühler!N1558</f>
        <v>45355.499999996304</v>
      </c>
      <c r="X1526" s="83">
        <v>43164.5</v>
      </c>
      <c r="Y1526">
        <v>289592.63429999998</v>
      </c>
      <c r="Z1526">
        <v>35702.200839999998</v>
      </c>
      <c r="AA1526">
        <v>87474.377420000004</v>
      </c>
      <c r="AB1526">
        <v>89539.992929999993</v>
      </c>
      <c r="AC1526">
        <v>55539.40019</v>
      </c>
      <c r="AD1526">
        <v>41589.584860000003</v>
      </c>
      <c r="AE1526">
        <v>42696.229859999999</v>
      </c>
      <c r="AF1526">
        <v>60140.191650000001</v>
      </c>
      <c r="AG1526">
        <v>34559.166940000003</v>
      </c>
      <c r="AH1526">
        <v>333332.41570000001</v>
      </c>
      <c r="AI1526">
        <v>99447.870710000003</v>
      </c>
      <c r="AJ1526">
        <v>28805.032910000002</v>
      </c>
      <c r="AK1526">
        <v>39503.435879999997</v>
      </c>
      <c r="AL1526">
        <v>92184.415340000007</v>
      </c>
      <c r="AM1526">
        <v>26970.821520000001</v>
      </c>
      <c r="AN1526">
        <v>120799.16009999999</v>
      </c>
      <c r="AO1526">
        <v>38883.877330000003</v>
      </c>
      <c r="AP1526">
        <v>24522.6895</v>
      </c>
    </row>
    <row r="1527" spans="2:42" x14ac:dyDescent="0.3">
      <c r="B1527">
        <v>65.640124648078867</v>
      </c>
      <c r="C1527" s="83">
        <v>43164.541666666664</v>
      </c>
      <c r="D1527">
        <v>291552.74089999998</v>
      </c>
      <c r="E1527">
        <v>35234.431859999997</v>
      </c>
      <c r="F1527">
        <v>84151.285529999994</v>
      </c>
      <c r="G1527">
        <v>87396.357680000001</v>
      </c>
      <c r="H1527">
        <v>55991.258679999999</v>
      </c>
      <c r="I1527">
        <v>40670.31005</v>
      </c>
      <c r="J1527">
        <v>41647.867200000001</v>
      </c>
      <c r="K1527">
        <v>62247.50531</v>
      </c>
      <c r="L1527">
        <v>33963.392500000002</v>
      </c>
      <c r="M1527">
        <v>334663.96620000002</v>
      </c>
      <c r="N1527">
        <v>100430.54790000001</v>
      </c>
      <c r="O1527">
        <v>28701.193609999998</v>
      </c>
      <c r="P1527">
        <v>38634.477659999997</v>
      </c>
      <c r="Q1527">
        <v>91110.317450000002</v>
      </c>
      <c r="R1527">
        <v>25500.190920000001</v>
      </c>
      <c r="S1527">
        <v>120069.1192</v>
      </c>
      <c r="T1527">
        <v>37624.505440000001</v>
      </c>
      <c r="U1527">
        <v>26024.639139999999</v>
      </c>
      <c r="W1527" s="83">
        <f>Bühler!N1559</f>
        <v>45355.541666662968</v>
      </c>
      <c r="X1527" s="83">
        <v>43164.541666666664</v>
      </c>
      <c r="Y1527">
        <v>291552.74089999998</v>
      </c>
      <c r="Z1527">
        <v>35234.431859999997</v>
      </c>
      <c r="AA1527">
        <v>84151.285529999994</v>
      </c>
      <c r="AB1527">
        <v>87396.357680000001</v>
      </c>
      <c r="AC1527">
        <v>55991.258679999999</v>
      </c>
      <c r="AD1527">
        <v>40670.31005</v>
      </c>
      <c r="AE1527">
        <v>41647.867200000001</v>
      </c>
      <c r="AF1527">
        <v>62247.50531</v>
      </c>
      <c r="AG1527">
        <v>33963.392500000002</v>
      </c>
      <c r="AH1527">
        <v>334663.96620000002</v>
      </c>
      <c r="AI1527">
        <v>100430.54790000001</v>
      </c>
      <c r="AJ1527">
        <v>28701.193609999998</v>
      </c>
      <c r="AK1527">
        <v>38634.477659999997</v>
      </c>
      <c r="AL1527">
        <v>91110.317450000002</v>
      </c>
      <c r="AM1527">
        <v>25500.190920000001</v>
      </c>
      <c r="AN1527">
        <v>120069.1192</v>
      </c>
      <c r="AO1527">
        <v>37624.505440000001</v>
      </c>
      <c r="AP1527">
        <v>26024.639139999999</v>
      </c>
    </row>
    <row r="1528" spans="2:42" x14ac:dyDescent="0.3">
      <c r="B1528">
        <v>66.554872689391047</v>
      </c>
      <c r="C1528" s="83">
        <v>43164.583333333336</v>
      </c>
      <c r="D1528">
        <v>294728.69949999999</v>
      </c>
      <c r="E1528">
        <v>37899.444349999998</v>
      </c>
      <c r="F1528">
        <v>91069.626629999999</v>
      </c>
      <c r="G1528">
        <v>82886.340899999996</v>
      </c>
      <c r="H1528">
        <v>55573.174019999999</v>
      </c>
      <c r="I1528">
        <v>40685.58685</v>
      </c>
      <c r="J1528">
        <v>40941.250489999999</v>
      </c>
      <c r="K1528">
        <v>62836.323519999998</v>
      </c>
      <c r="L1528">
        <v>30500.41</v>
      </c>
      <c r="M1528">
        <v>339327.77830000001</v>
      </c>
      <c r="N1528">
        <v>104001.55100000001</v>
      </c>
      <c r="O1528">
        <v>29167.986260000001</v>
      </c>
      <c r="P1528">
        <v>35959.999159999999</v>
      </c>
      <c r="Q1528">
        <v>90099.148719999997</v>
      </c>
      <c r="R1528">
        <v>25416.0082</v>
      </c>
      <c r="S1528">
        <v>116111.60370000001</v>
      </c>
      <c r="T1528">
        <v>35838.90451</v>
      </c>
      <c r="U1528">
        <v>26763.70349</v>
      </c>
      <c r="W1528" s="83">
        <f>Bühler!N1560</f>
        <v>45355.583333329632</v>
      </c>
      <c r="X1528" s="83">
        <v>43164.583333333336</v>
      </c>
      <c r="Y1528">
        <v>294728.69949999999</v>
      </c>
      <c r="Z1528">
        <v>37899.444349999998</v>
      </c>
      <c r="AA1528">
        <v>91069.626629999999</v>
      </c>
      <c r="AB1528">
        <v>82886.340899999996</v>
      </c>
      <c r="AC1528">
        <v>55573.174019999999</v>
      </c>
      <c r="AD1528">
        <v>40685.58685</v>
      </c>
      <c r="AE1528">
        <v>40941.250489999999</v>
      </c>
      <c r="AF1528">
        <v>62836.323519999998</v>
      </c>
      <c r="AG1528">
        <v>30500.41</v>
      </c>
      <c r="AH1528">
        <v>339327.77830000001</v>
      </c>
      <c r="AI1528">
        <v>104001.55100000001</v>
      </c>
      <c r="AJ1528">
        <v>29167.986260000001</v>
      </c>
      <c r="AK1528">
        <v>35959.999159999999</v>
      </c>
      <c r="AL1528">
        <v>90099.148719999997</v>
      </c>
      <c r="AM1528">
        <v>25416.0082</v>
      </c>
      <c r="AN1528">
        <v>116111.60370000001</v>
      </c>
      <c r="AO1528">
        <v>35838.90451</v>
      </c>
      <c r="AP1528">
        <v>26763.70349</v>
      </c>
    </row>
    <row r="1529" spans="2:42" x14ac:dyDescent="0.3">
      <c r="B1529">
        <v>66.204450134808752</v>
      </c>
      <c r="C1529" s="83">
        <v>43164.625</v>
      </c>
      <c r="D1529">
        <v>291732.54090000002</v>
      </c>
      <c r="E1529">
        <v>37681.643880000003</v>
      </c>
      <c r="F1529">
        <v>91873.082739999998</v>
      </c>
      <c r="G1529">
        <v>80570.51629</v>
      </c>
      <c r="H1529">
        <v>54141.439310000002</v>
      </c>
      <c r="I1529">
        <v>41508.442439999999</v>
      </c>
      <c r="J1529">
        <v>40894.925739999999</v>
      </c>
      <c r="K1529">
        <v>61709.010719999998</v>
      </c>
      <c r="L1529">
        <v>27477.72984</v>
      </c>
      <c r="M1529">
        <v>337541.16070000001</v>
      </c>
      <c r="N1529">
        <v>100343.1213</v>
      </c>
      <c r="O1529">
        <v>27913.899109999998</v>
      </c>
      <c r="P1529">
        <v>34219.750670000001</v>
      </c>
      <c r="Q1529">
        <v>89430.961729999995</v>
      </c>
      <c r="R1529">
        <v>25009.859850000001</v>
      </c>
      <c r="S1529">
        <v>111955.9973</v>
      </c>
      <c r="T1529">
        <v>35077.671540000003</v>
      </c>
      <c r="U1529">
        <v>25860.87513</v>
      </c>
      <c r="W1529" s="83">
        <f>Bühler!N1561</f>
        <v>45355.624999996297</v>
      </c>
      <c r="X1529" s="83">
        <v>43164.625</v>
      </c>
      <c r="Y1529">
        <v>291732.54090000002</v>
      </c>
      <c r="Z1529">
        <v>37681.643880000003</v>
      </c>
      <c r="AA1529">
        <v>91873.082739999998</v>
      </c>
      <c r="AB1529">
        <v>80570.51629</v>
      </c>
      <c r="AC1529">
        <v>54141.439310000002</v>
      </c>
      <c r="AD1529">
        <v>41508.442439999999</v>
      </c>
      <c r="AE1529">
        <v>40894.925739999999</v>
      </c>
      <c r="AF1529">
        <v>61709.010719999998</v>
      </c>
      <c r="AG1529">
        <v>27477.72984</v>
      </c>
      <c r="AH1529">
        <v>337541.16070000001</v>
      </c>
      <c r="AI1529">
        <v>100343.1213</v>
      </c>
      <c r="AJ1529">
        <v>27913.899109999998</v>
      </c>
      <c r="AK1529">
        <v>34219.750670000001</v>
      </c>
      <c r="AL1529">
        <v>89430.961729999995</v>
      </c>
      <c r="AM1529">
        <v>25009.859850000001</v>
      </c>
      <c r="AN1529">
        <v>111955.9973</v>
      </c>
      <c r="AO1529">
        <v>35077.671540000003</v>
      </c>
      <c r="AP1529">
        <v>25860.87513</v>
      </c>
    </row>
    <row r="1530" spans="2:42" x14ac:dyDescent="0.3">
      <c r="B1530">
        <v>65.062369260000693</v>
      </c>
      <c r="C1530" s="83">
        <v>43164.666666666664</v>
      </c>
      <c r="D1530">
        <v>287390.7219</v>
      </c>
      <c r="E1530">
        <v>36944.804689999997</v>
      </c>
      <c r="F1530">
        <v>91238.501069999998</v>
      </c>
      <c r="G1530">
        <v>76519.353659999993</v>
      </c>
      <c r="H1530">
        <v>51635.427490000002</v>
      </c>
      <c r="I1530">
        <v>42758.732660000001</v>
      </c>
      <c r="J1530">
        <v>40047.841240000002</v>
      </c>
      <c r="K1530">
        <v>59089.520210000002</v>
      </c>
      <c r="L1530">
        <v>26489.597450000001</v>
      </c>
      <c r="M1530">
        <v>331718.29979999998</v>
      </c>
      <c r="N1530">
        <v>96430.285140000007</v>
      </c>
      <c r="O1530">
        <v>26759.299770000001</v>
      </c>
      <c r="P1530">
        <v>34964.441809999997</v>
      </c>
      <c r="Q1530">
        <v>88837.883579999994</v>
      </c>
      <c r="R1530">
        <v>25022.01082</v>
      </c>
      <c r="S1530">
        <v>108378.80319999999</v>
      </c>
      <c r="T1530">
        <v>34393.756679999999</v>
      </c>
      <c r="U1530">
        <v>24339.085800000001</v>
      </c>
      <c r="W1530" s="83">
        <f>Bühler!N1562</f>
        <v>45355.666666662961</v>
      </c>
      <c r="X1530" s="83">
        <v>43164.666666666664</v>
      </c>
      <c r="Y1530">
        <v>287390.7219</v>
      </c>
      <c r="Z1530">
        <v>36944.804689999997</v>
      </c>
      <c r="AA1530">
        <v>91238.501069999998</v>
      </c>
      <c r="AB1530">
        <v>76519.353659999993</v>
      </c>
      <c r="AC1530">
        <v>51635.427490000002</v>
      </c>
      <c r="AD1530">
        <v>42758.732660000001</v>
      </c>
      <c r="AE1530">
        <v>40047.841240000002</v>
      </c>
      <c r="AF1530">
        <v>59089.520210000002</v>
      </c>
      <c r="AG1530">
        <v>26489.597450000001</v>
      </c>
      <c r="AH1530">
        <v>331718.29979999998</v>
      </c>
      <c r="AI1530">
        <v>96430.285140000007</v>
      </c>
      <c r="AJ1530">
        <v>26759.299770000001</v>
      </c>
      <c r="AK1530">
        <v>34964.441809999997</v>
      </c>
      <c r="AL1530">
        <v>88837.883579999994</v>
      </c>
      <c r="AM1530">
        <v>25022.01082</v>
      </c>
      <c r="AN1530">
        <v>108378.80319999999</v>
      </c>
      <c r="AO1530">
        <v>34393.756679999999</v>
      </c>
      <c r="AP1530">
        <v>24339.085800000001</v>
      </c>
    </row>
    <row r="1531" spans="2:42" x14ac:dyDescent="0.3">
      <c r="B1531">
        <v>63.689559687364529</v>
      </c>
      <c r="C1531" s="83">
        <v>43164.708333333336</v>
      </c>
      <c r="D1531">
        <v>276985.55979999999</v>
      </c>
      <c r="E1531">
        <v>34397.572180000003</v>
      </c>
      <c r="F1531">
        <v>90119.270430000004</v>
      </c>
      <c r="G1531">
        <v>68729.618589999998</v>
      </c>
      <c r="H1531">
        <v>49619.976979999999</v>
      </c>
      <c r="I1531">
        <v>43039.795319999997</v>
      </c>
      <c r="J1531">
        <v>39468.4738</v>
      </c>
      <c r="K1531">
        <v>53905.996370000001</v>
      </c>
      <c r="L1531">
        <v>26554.983100000001</v>
      </c>
      <c r="M1531">
        <v>324719.07640000002</v>
      </c>
      <c r="N1531">
        <v>91112.478799999997</v>
      </c>
      <c r="O1531">
        <v>26409.707569999999</v>
      </c>
      <c r="P1531">
        <v>36740.417829999999</v>
      </c>
      <c r="Q1531">
        <v>87579.131429999994</v>
      </c>
      <c r="R1531">
        <v>26715.75807</v>
      </c>
      <c r="S1531">
        <v>105448.8913</v>
      </c>
      <c r="T1531">
        <v>34862.27637</v>
      </c>
      <c r="U1531">
        <v>22137.370760000002</v>
      </c>
      <c r="W1531" s="83">
        <f>Bühler!N1563</f>
        <v>45355.708333329625</v>
      </c>
      <c r="X1531" s="83">
        <v>43164.708333333336</v>
      </c>
      <c r="Y1531">
        <v>276985.55979999999</v>
      </c>
      <c r="Z1531">
        <v>34397.572180000003</v>
      </c>
      <c r="AA1531">
        <v>90119.270430000004</v>
      </c>
      <c r="AB1531">
        <v>68729.618589999998</v>
      </c>
      <c r="AC1531">
        <v>49619.976979999999</v>
      </c>
      <c r="AD1531">
        <v>43039.795319999997</v>
      </c>
      <c r="AE1531">
        <v>39468.4738</v>
      </c>
      <c r="AF1531">
        <v>53905.996370000001</v>
      </c>
      <c r="AG1531">
        <v>26554.983100000001</v>
      </c>
      <c r="AH1531">
        <v>324719.07640000002</v>
      </c>
      <c r="AI1531">
        <v>91112.478799999997</v>
      </c>
      <c r="AJ1531">
        <v>26409.707569999999</v>
      </c>
      <c r="AK1531">
        <v>36740.417829999999</v>
      </c>
      <c r="AL1531">
        <v>87579.131429999994</v>
      </c>
      <c r="AM1531">
        <v>26715.75807</v>
      </c>
      <c r="AN1531">
        <v>105448.8913</v>
      </c>
      <c r="AO1531">
        <v>34862.27637</v>
      </c>
      <c r="AP1531">
        <v>22137.370760000002</v>
      </c>
    </row>
    <row r="1532" spans="2:42" x14ac:dyDescent="0.3">
      <c r="B1532">
        <v>62.393047646948752</v>
      </c>
      <c r="C1532" s="83">
        <v>43164.75</v>
      </c>
      <c r="D1532">
        <v>270449.81780000002</v>
      </c>
      <c r="E1532">
        <v>31817.44958</v>
      </c>
      <c r="F1532">
        <v>89903.027109999995</v>
      </c>
      <c r="G1532">
        <v>61197.342380000002</v>
      </c>
      <c r="H1532">
        <v>48008.607000000004</v>
      </c>
      <c r="I1532">
        <v>42976.760150000002</v>
      </c>
      <c r="J1532">
        <v>41511.147980000002</v>
      </c>
      <c r="K1532">
        <v>48996.05143</v>
      </c>
      <c r="L1532">
        <v>28387.826789999999</v>
      </c>
      <c r="M1532">
        <v>318108.85340000002</v>
      </c>
      <c r="N1532">
        <v>88182.652400000006</v>
      </c>
      <c r="O1532">
        <v>26081.259699999999</v>
      </c>
      <c r="P1532">
        <v>39728.742579999998</v>
      </c>
      <c r="Q1532">
        <v>86283.879860000001</v>
      </c>
      <c r="R1532">
        <v>20945.371449999999</v>
      </c>
      <c r="S1532">
        <v>101952.1106</v>
      </c>
      <c r="T1532">
        <v>35670.329129999998</v>
      </c>
      <c r="U1532">
        <v>20944.050370000001</v>
      </c>
      <c r="W1532" s="83">
        <f>Bühler!N1564</f>
        <v>45355.749999996289</v>
      </c>
      <c r="X1532" s="83">
        <v>43164.75</v>
      </c>
      <c r="Y1532">
        <v>270449.81780000002</v>
      </c>
      <c r="Z1532">
        <v>31817.44958</v>
      </c>
      <c r="AA1532">
        <v>89903.027109999995</v>
      </c>
      <c r="AB1532">
        <v>61197.342380000002</v>
      </c>
      <c r="AC1532">
        <v>48008.607000000004</v>
      </c>
      <c r="AD1532">
        <v>42976.760150000002</v>
      </c>
      <c r="AE1532">
        <v>41511.147980000002</v>
      </c>
      <c r="AF1532">
        <v>48996.05143</v>
      </c>
      <c r="AG1532">
        <v>28387.826789999999</v>
      </c>
      <c r="AH1532">
        <v>318108.85340000002</v>
      </c>
      <c r="AI1532">
        <v>88182.652400000006</v>
      </c>
      <c r="AJ1532">
        <v>26081.259699999999</v>
      </c>
      <c r="AK1532">
        <v>39728.742579999998</v>
      </c>
      <c r="AL1532">
        <v>86283.879860000001</v>
      </c>
      <c r="AM1532">
        <v>20945.371449999999</v>
      </c>
      <c r="AN1532">
        <v>101952.1106</v>
      </c>
      <c r="AO1532">
        <v>35670.329129999998</v>
      </c>
      <c r="AP1532">
        <v>20944.050370000001</v>
      </c>
    </row>
    <row r="1533" spans="2:42" x14ac:dyDescent="0.3">
      <c r="B1533">
        <v>61.891437117728493</v>
      </c>
      <c r="C1533" s="83">
        <v>43164.791666666664</v>
      </c>
      <c r="D1533">
        <v>267578.10080000001</v>
      </c>
      <c r="E1533">
        <v>27210.498820000001</v>
      </c>
      <c r="F1533">
        <v>79550.366370000003</v>
      </c>
      <c r="G1533">
        <v>57656.022879999997</v>
      </c>
      <c r="H1533">
        <v>47414.703350000003</v>
      </c>
      <c r="I1533">
        <v>41493.992910000001</v>
      </c>
      <c r="J1533">
        <v>43497.83412</v>
      </c>
      <c r="K1533">
        <v>48093.574009999997</v>
      </c>
      <c r="L1533">
        <v>30590.559280000001</v>
      </c>
      <c r="M1533">
        <v>315551.40899999999</v>
      </c>
      <c r="N1533">
        <v>86463.536909999995</v>
      </c>
      <c r="O1533">
        <v>25770.726200000001</v>
      </c>
      <c r="P1533">
        <v>42406.557159999997</v>
      </c>
      <c r="Q1533">
        <v>84518.718479999996</v>
      </c>
      <c r="R1533">
        <v>20944.60197</v>
      </c>
      <c r="S1533">
        <v>100038.12450000001</v>
      </c>
      <c r="T1533">
        <v>37292.43204</v>
      </c>
      <c r="U1533">
        <v>20771.077359999999</v>
      </c>
      <c r="W1533" s="83">
        <f>Bühler!N1565</f>
        <v>45355.791666662954</v>
      </c>
      <c r="X1533" s="83">
        <v>43164.791666666664</v>
      </c>
      <c r="Y1533">
        <v>267578.10080000001</v>
      </c>
      <c r="Z1533">
        <v>27210.498820000001</v>
      </c>
      <c r="AA1533">
        <v>79550.366370000003</v>
      </c>
      <c r="AB1533">
        <v>57656.022879999997</v>
      </c>
      <c r="AC1533">
        <v>47414.703350000003</v>
      </c>
      <c r="AD1533">
        <v>41493.992910000001</v>
      </c>
      <c r="AE1533">
        <v>43497.83412</v>
      </c>
      <c r="AF1533">
        <v>48093.574009999997</v>
      </c>
      <c r="AG1533">
        <v>30590.559280000001</v>
      </c>
      <c r="AH1533">
        <v>315551.40899999999</v>
      </c>
      <c r="AI1533">
        <v>86463.536909999995</v>
      </c>
      <c r="AJ1533">
        <v>25770.726200000001</v>
      </c>
      <c r="AK1533">
        <v>42406.557159999997</v>
      </c>
      <c r="AL1533">
        <v>84518.718479999996</v>
      </c>
      <c r="AM1533">
        <v>20944.60197</v>
      </c>
      <c r="AN1533">
        <v>100038.12450000001</v>
      </c>
      <c r="AO1533">
        <v>37292.43204</v>
      </c>
      <c r="AP1533">
        <v>20771.077359999999</v>
      </c>
    </row>
    <row r="1534" spans="2:42" x14ac:dyDescent="0.3">
      <c r="B1534">
        <v>60.751712892782223</v>
      </c>
      <c r="C1534" s="83">
        <v>43164.833333333336</v>
      </c>
      <c r="D1534">
        <v>256812.82500000001</v>
      </c>
      <c r="E1534">
        <v>21230.99497</v>
      </c>
      <c r="F1534">
        <v>61753.883600000001</v>
      </c>
      <c r="G1534">
        <v>50771.775119999998</v>
      </c>
      <c r="H1534">
        <v>45005.786189999999</v>
      </c>
      <c r="I1534">
        <v>36712.017740000003</v>
      </c>
      <c r="J1534">
        <v>42347.492310000001</v>
      </c>
      <c r="K1534">
        <v>52748.482759999999</v>
      </c>
      <c r="L1534">
        <v>28826.419969999999</v>
      </c>
      <c r="M1534">
        <v>309740.56339999998</v>
      </c>
      <c r="N1534">
        <v>84008.475609999994</v>
      </c>
      <c r="O1534">
        <v>24807.795109999999</v>
      </c>
      <c r="P1534">
        <v>42450.565580000002</v>
      </c>
      <c r="Q1534">
        <v>82962.253949999998</v>
      </c>
      <c r="R1534">
        <v>22005.963739999999</v>
      </c>
      <c r="S1534">
        <v>90884.088900000002</v>
      </c>
      <c r="T1534">
        <v>36067.921950000004</v>
      </c>
      <c r="U1534">
        <v>19442.450560000001</v>
      </c>
      <c r="W1534" s="83">
        <f>Bühler!N1566</f>
        <v>45355.833333329618</v>
      </c>
      <c r="X1534" s="83">
        <v>43164.833333333336</v>
      </c>
      <c r="Y1534">
        <v>256812.82500000001</v>
      </c>
      <c r="Z1534">
        <v>21230.99497</v>
      </c>
      <c r="AA1534">
        <v>61753.883600000001</v>
      </c>
      <c r="AB1534">
        <v>50771.775119999998</v>
      </c>
      <c r="AC1534">
        <v>45005.786189999999</v>
      </c>
      <c r="AD1534">
        <v>36712.017740000003</v>
      </c>
      <c r="AE1534">
        <v>42347.492310000001</v>
      </c>
      <c r="AF1534">
        <v>52748.482759999999</v>
      </c>
      <c r="AG1534">
        <v>28826.419969999999</v>
      </c>
      <c r="AH1534">
        <v>309740.56339999998</v>
      </c>
      <c r="AI1534">
        <v>84008.475609999994</v>
      </c>
      <c r="AJ1534">
        <v>24807.795109999999</v>
      </c>
      <c r="AK1534">
        <v>42450.565580000002</v>
      </c>
      <c r="AL1534">
        <v>82962.253949999998</v>
      </c>
      <c r="AM1534">
        <v>22005.963739999999</v>
      </c>
      <c r="AN1534">
        <v>90884.088900000002</v>
      </c>
      <c r="AO1534">
        <v>36067.921950000004</v>
      </c>
      <c r="AP1534">
        <v>19442.450560000001</v>
      </c>
    </row>
    <row r="1535" spans="2:42" x14ac:dyDescent="0.3">
      <c r="B1535">
        <v>58.705404767896525</v>
      </c>
      <c r="C1535" s="83">
        <v>43164.875</v>
      </c>
      <c r="D1535">
        <v>248884.74040000001</v>
      </c>
      <c r="E1535">
        <v>18470.052589999999</v>
      </c>
      <c r="F1535">
        <v>54220.354670000001</v>
      </c>
      <c r="G1535">
        <v>47904.409670000001</v>
      </c>
      <c r="H1535">
        <v>42267.835859999999</v>
      </c>
      <c r="I1535">
        <v>31618.15942</v>
      </c>
      <c r="J1535">
        <v>40046.788780000003</v>
      </c>
      <c r="K1535">
        <v>50504.764320000002</v>
      </c>
      <c r="L1535">
        <v>26846.803919999998</v>
      </c>
      <c r="M1535">
        <v>299307.53029999998</v>
      </c>
      <c r="N1535">
        <v>81751.722580000001</v>
      </c>
      <c r="O1535">
        <v>24063.16516</v>
      </c>
      <c r="P1535">
        <v>40806.919620000001</v>
      </c>
      <c r="Q1535">
        <v>80782.212190000006</v>
      </c>
      <c r="R1535">
        <v>20077.99827</v>
      </c>
      <c r="S1535">
        <v>85877.662960000001</v>
      </c>
      <c r="T1535">
        <v>32840.043189999997</v>
      </c>
      <c r="U1535">
        <v>18171.10903</v>
      </c>
      <c r="W1535" s="83">
        <f>Bühler!N1567</f>
        <v>45355.874999996282</v>
      </c>
      <c r="X1535" s="83">
        <v>43164.875</v>
      </c>
      <c r="Y1535">
        <v>248884.74040000001</v>
      </c>
      <c r="Z1535">
        <v>18470.052589999999</v>
      </c>
      <c r="AA1535">
        <v>54220.354670000001</v>
      </c>
      <c r="AB1535">
        <v>47904.409670000001</v>
      </c>
      <c r="AC1535">
        <v>42267.835859999999</v>
      </c>
      <c r="AD1535">
        <v>31618.15942</v>
      </c>
      <c r="AE1535">
        <v>40046.788780000003</v>
      </c>
      <c r="AF1535">
        <v>50504.764320000002</v>
      </c>
      <c r="AG1535">
        <v>26846.803919999998</v>
      </c>
      <c r="AH1535">
        <v>299307.53029999998</v>
      </c>
      <c r="AI1535">
        <v>81751.722580000001</v>
      </c>
      <c r="AJ1535">
        <v>24063.16516</v>
      </c>
      <c r="AK1535">
        <v>40806.919620000001</v>
      </c>
      <c r="AL1535">
        <v>80782.212190000006</v>
      </c>
      <c r="AM1535">
        <v>20077.99827</v>
      </c>
      <c r="AN1535">
        <v>85877.662960000001</v>
      </c>
      <c r="AO1535">
        <v>32840.043189999997</v>
      </c>
      <c r="AP1535">
        <v>18171.10903</v>
      </c>
    </row>
    <row r="1536" spans="2:42" x14ac:dyDescent="0.3">
      <c r="B1536">
        <v>58.212002864014366</v>
      </c>
      <c r="C1536" s="83">
        <v>43164.916666666664</v>
      </c>
      <c r="D1536">
        <v>247993.2653</v>
      </c>
      <c r="E1536">
        <v>17694.702990000002</v>
      </c>
      <c r="F1536">
        <v>51688.367180000001</v>
      </c>
      <c r="G1536">
        <v>45801.504280000001</v>
      </c>
      <c r="H1536">
        <v>41998.737159999997</v>
      </c>
      <c r="I1536">
        <v>30021.254639999999</v>
      </c>
      <c r="J1536">
        <v>38791.83395</v>
      </c>
      <c r="K1536">
        <v>53565.98459</v>
      </c>
      <c r="L1536">
        <v>24549.61894</v>
      </c>
      <c r="M1536">
        <v>296791.93729999999</v>
      </c>
      <c r="N1536">
        <v>82079.410380000001</v>
      </c>
      <c r="O1536">
        <v>24787.462299999999</v>
      </c>
      <c r="P1536">
        <v>41997.320529999997</v>
      </c>
      <c r="Q1536">
        <v>80194.486529999995</v>
      </c>
      <c r="R1536">
        <v>27559.956099999999</v>
      </c>
      <c r="S1536">
        <v>85470.361550000001</v>
      </c>
      <c r="T1536">
        <v>29069.432239999998</v>
      </c>
      <c r="U1536">
        <v>19462.41618</v>
      </c>
      <c r="W1536" s="83">
        <f>Bühler!N1568</f>
        <v>45355.916666662946</v>
      </c>
      <c r="X1536" s="83">
        <v>43164.916666666664</v>
      </c>
      <c r="Y1536">
        <v>247993.2653</v>
      </c>
      <c r="Z1536">
        <v>17694.702990000002</v>
      </c>
      <c r="AA1536">
        <v>51688.367180000001</v>
      </c>
      <c r="AB1536">
        <v>45801.504280000001</v>
      </c>
      <c r="AC1536">
        <v>41998.737159999997</v>
      </c>
      <c r="AD1536">
        <v>30021.254639999999</v>
      </c>
      <c r="AE1536">
        <v>38791.83395</v>
      </c>
      <c r="AF1536">
        <v>53565.98459</v>
      </c>
      <c r="AG1536">
        <v>24549.61894</v>
      </c>
      <c r="AH1536">
        <v>296791.93729999999</v>
      </c>
      <c r="AI1536">
        <v>82079.410380000001</v>
      </c>
      <c r="AJ1536">
        <v>24787.462299999999</v>
      </c>
      <c r="AK1536">
        <v>41997.320529999997</v>
      </c>
      <c r="AL1536">
        <v>80194.486529999995</v>
      </c>
      <c r="AM1536">
        <v>27559.956099999999</v>
      </c>
      <c r="AN1536">
        <v>85470.361550000001</v>
      </c>
      <c r="AO1536">
        <v>29069.432239999998</v>
      </c>
      <c r="AP1536">
        <v>19462.41618</v>
      </c>
    </row>
    <row r="1537" spans="2:42" x14ac:dyDescent="0.3">
      <c r="B1537">
        <v>57.712923664636151</v>
      </c>
      <c r="C1537" s="83">
        <v>43164.958333333336</v>
      </c>
      <c r="D1537">
        <v>248558.09849999999</v>
      </c>
      <c r="E1537">
        <v>17457.417020000001</v>
      </c>
      <c r="F1537">
        <v>50387.351269999999</v>
      </c>
      <c r="G1537">
        <v>45038.614260000002</v>
      </c>
      <c r="H1537">
        <v>41404.161469999999</v>
      </c>
      <c r="I1537">
        <v>29123.031040000002</v>
      </c>
      <c r="J1537">
        <v>35533.824849999997</v>
      </c>
      <c r="K1537">
        <v>52632.759610000001</v>
      </c>
      <c r="L1537">
        <v>21312.565170000002</v>
      </c>
      <c r="M1537">
        <v>294247.39880000002</v>
      </c>
      <c r="N1537">
        <v>81742.141659999994</v>
      </c>
      <c r="O1537">
        <v>24494.058720000001</v>
      </c>
      <c r="P1537">
        <v>37764.642630000002</v>
      </c>
      <c r="Q1537">
        <v>80300.252630000003</v>
      </c>
      <c r="R1537">
        <v>29579.435880000001</v>
      </c>
      <c r="S1537">
        <v>84058.807520000002</v>
      </c>
      <c r="T1537">
        <v>30071.118750000001</v>
      </c>
      <c r="U1537">
        <v>18348.436979999999</v>
      </c>
      <c r="W1537" s="83">
        <f>Bühler!N1569</f>
        <v>45355.95833332961</v>
      </c>
      <c r="X1537" s="83">
        <v>43164.958333333336</v>
      </c>
      <c r="Y1537">
        <v>248558.09849999999</v>
      </c>
      <c r="Z1537">
        <v>17457.417020000001</v>
      </c>
      <c r="AA1537">
        <v>50387.351269999999</v>
      </c>
      <c r="AB1537">
        <v>45038.614260000002</v>
      </c>
      <c r="AC1537">
        <v>41404.161469999999</v>
      </c>
      <c r="AD1537">
        <v>29123.031040000002</v>
      </c>
      <c r="AE1537">
        <v>35533.824849999997</v>
      </c>
      <c r="AF1537">
        <v>52632.759610000001</v>
      </c>
      <c r="AG1537">
        <v>21312.565170000002</v>
      </c>
      <c r="AH1537">
        <v>294247.39880000002</v>
      </c>
      <c r="AI1537">
        <v>81742.141659999994</v>
      </c>
      <c r="AJ1537">
        <v>24494.058720000001</v>
      </c>
      <c r="AK1537">
        <v>37764.642630000002</v>
      </c>
      <c r="AL1537">
        <v>80300.252630000003</v>
      </c>
      <c r="AM1537">
        <v>29579.435880000001</v>
      </c>
      <c r="AN1537">
        <v>84058.807520000002</v>
      </c>
      <c r="AO1537">
        <v>30071.118750000001</v>
      </c>
      <c r="AP1537">
        <v>18348.436979999999</v>
      </c>
    </row>
    <row r="1538" spans="2:42" x14ac:dyDescent="0.3">
      <c r="B1538">
        <v>57.251248105335087</v>
      </c>
      <c r="C1538" s="83">
        <v>43165</v>
      </c>
      <c r="D1538">
        <v>247570.48130000001</v>
      </c>
      <c r="E1538">
        <v>17180.082429999999</v>
      </c>
      <c r="F1538">
        <v>49546.520400000001</v>
      </c>
      <c r="G1538">
        <v>44241.854160000003</v>
      </c>
      <c r="H1538">
        <v>40475.920359999996</v>
      </c>
      <c r="I1538">
        <v>27092.079320000001</v>
      </c>
      <c r="J1538">
        <v>34752.099280000002</v>
      </c>
      <c r="K1538">
        <v>50732.727879999999</v>
      </c>
      <c r="L1538">
        <v>19632.141230000001</v>
      </c>
      <c r="M1538">
        <v>291893.56150000001</v>
      </c>
      <c r="N1538">
        <v>80739.690229999993</v>
      </c>
      <c r="O1538">
        <v>24803.40263</v>
      </c>
      <c r="P1538">
        <v>35694.795660000003</v>
      </c>
      <c r="Q1538">
        <v>80713.404859999995</v>
      </c>
      <c r="R1538">
        <v>25734.94283</v>
      </c>
      <c r="S1538">
        <v>83858.855129999996</v>
      </c>
      <c r="T1538">
        <v>28687.263729999999</v>
      </c>
      <c r="U1538">
        <v>18301.358260000001</v>
      </c>
      <c r="W1538" s="83">
        <f>Bühler!N1570</f>
        <v>45355.999999996275</v>
      </c>
      <c r="X1538" s="83">
        <v>43165</v>
      </c>
      <c r="Y1538">
        <v>247570.48130000001</v>
      </c>
      <c r="Z1538">
        <v>17180.082429999999</v>
      </c>
      <c r="AA1538">
        <v>49546.520400000001</v>
      </c>
      <c r="AB1538">
        <v>44241.854160000003</v>
      </c>
      <c r="AC1538">
        <v>40475.920359999996</v>
      </c>
      <c r="AD1538">
        <v>27092.079320000001</v>
      </c>
      <c r="AE1538">
        <v>34752.099280000002</v>
      </c>
      <c r="AF1538">
        <v>50732.727879999999</v>
      </c>
      <c r="AG1538">
        <v>19632.141230000001</v>
      </c>
      <c r="AH1538">
        <v>291893.56150000001</v>
      </c>
      <c r="AI1538">
        <v>80739.690229999993</v>
      </c>
      <c r="AJ1538">
        <v>24803.40263</v>
      </c>
      <c r="AK1538">
        <v>35694.795660000003</v>
      </c>
      <c r="AL1538">
        <v>80713.404859999995</v>
      </c>
      <c r="AM1538">
        <v>25734.94283</v>
      </c>
      <c r="AN1538">
        <v>83858.855129999996</v>
      </c>
      <c r="AO1538">
        <v>28687.263729999999</v>
      </c>
      <c r="AP1538">
        <v>18301.358260000001</v>
      </c>
    </row>
    <row r="1539" spans="2:42" x14ac:dyDescent="0.3">
      <c r="B1539">
        <v>57.382404801319758</v>
      </c>
      <c r="C1539" s="83">
        <v>43165.041666666664</v>
      </c>
      <c r="D1539">
        <v>245278.19159999999</v>
      </c>
      <c r="E1539">
        <v>17323.08366</v>
      </c>
      <c r="F1539">
        <v>49301.018259999997</v>
      </c>
      <c r="G1539">
        <v>43976.642220000002</v>
      </c>
      <c r="H1539">
        <v>40268.217290000001</v>
      </c>
      <c r="I1539">
        <v>21956.50001</v>
      </c>
      <c r="J1539">
        <v>33836.695050000002</v>
      </c>
      <c r="K1539">
        <v>49464.84362</v>
      </c>
      <c r="L1539">
        <v>19787.544849999998</v>
      </c>
      <c r="M1539">
        <v>292562.25949999999</v>
      </c>
      <c r="N1539">
        <v>80653.682929999995</v>
      </c>
      <c r="O1539">
        <v>25065.877929999999</v>
      </c>
      <c r="P1539">
        <v>34877.6152</v>
      </c>
      <c r="Q1539">
        <v>81115.707169999994</v>
      </c>
      <c r="R1539">
        <v>24402.87616</v>
      </c>
      <c r="S1539">
        <v>82560.339040000006</v>
      </c>
      <c r="T1539">
        <v>27924.564170000001</v>
      </c>
      <c r="U1539">
        <v>18490.049370000001</v>
      </c>
      <c r="W1539" s="83">
        <f>Bühler!N1571</f>
        <v>45356.041666662939</v>
      </c>
      <c r="X1539" s="83">
        <v>43165.041666666664</v>
      </c>
      <c r="Y1539">
        <v>245278.19159999999</v>
      </c>
      <c r="Z1539">
        <v>17323.08366</v>
      </c>
      <c r="AA1539">
        <v>49301.018259999997</v>
      </c>
      <c r="AB1539">
        <v>43976.642220000002</v>
      </c>
      <c r="AC1539">
        <v>40268.217290000001</v>
      </c>
      <c r="AD1539">
        <v>21956.50001</v>
      </c>
      <c r="AE1539">
        <v>33836.695050000002</v>
      </c>
      <c r="AF1539">
        <v>49464.84362</v>
      </c>
      <c r="AG1539">
        <v>19787.544849999998</v>
      </c>
      <c r="AH1539">
        <v>292562.25949999999</v>
      </c>
      <c r="AI1539">
        <v>80653.682929999995</v>
      </c>
      <c r="AJ1539">
        <v>25065.877929999999</v>
      </c>
      <c r="AK1539">
        <v>34877.6152</v>
      </c>
      <c r="AL1539">
        <v>81115.707169999994</v>
      </c>
      <c r="AM1539">
        <v>24402.87616</v>
      </c>
      <c r="AN1539">
        <v>82560.339040000006</v>
      </c>
      <c r="AO1539">
        <v>27924.564170000001</v>
      </c>
      <c r="AP1539">
        <v>18490.049370000001</v>
      </c>
    </row>
    <row r="1540" spans="2:42" x14ac:dyDescent="0.3">
      <c r="B1540">
        <v>57.482231821027966</v>
      </c>
      <c r="C1540" s="83">
        <v>43165.083333333336</v>
      </c>
      <c r="D1540">
        <v>246083.40410000001</v>
      </c>
      <c r="E1540">
        <v>17383.530220000001</v>
      </c>
      <c r="F1540">
        <v>50044.696300000003</v>
      </c>
      <c r="G1540">
        <v>43991.979200000002</v>
      </c>
      <c r="H1540">
        <v>40295.82922</v>
      </c>
      <c r="I1540">
        <v>20389.89975</v>
      </c>
      <c r="J1540">
        <v>33592.320229999998</v>
      </c>
      <c r="K1540">
        <v>47897.724439999998</v>
      </c>
      <c r="L1540">
        <v>19137.628130000001</v>
      </c>
      <c r="M1540">
        <v>293071.2242</v>
      </c>
      <c r="N1540">
        <v>80490.756949999995</v>
      </c>
      <c r="O1540">
        <v>25020.419470000001</v>
      </c>
      <c r="P1540">
        <v>33887.114650000003</v>
      </c>
      <c r="Q1540">
        <v>82699.622000000003</v>
      </c>
      <c r="R1540">
        <v>25375.336179999998</v>
      </c>
      <c r="S1540">
        <v>81946.229089999993</v>
      </c>
      <c r="T1540">
        <v>27522.993610000001</v>
      </c>
      <c r="U1540">
        <v>18731.767090000001</v>
      </c>
      <c r="W1540" s="83">
        <f>Bühler!N1572</f>
        <v>45356.083333329603</v>
      </c>
      <c r="X1540" s="83">
        <v>43165.083333333336</v>
      </c>
      <c r="Y1540">
        <v>246083.40410000001</v>
      </c>
      <c r="Z1540">
        <v>17383.530220000001</v>
      </c>
      <c r="AA1540">
        <v>50044.696300000003</v>
      </c>
      <c r="AB1540">
        <v>43991.979200000002</v>
      </c>
      <c r="AC1540">
        <v>40295.82922</v>
      </c>
      <c r="AD1540">
        <v>20389.89975</v>
      </c>
      <c r="AE1540">
        <v>33592.320229999998</v>
      </c>
      <c r="AF1540">
        <v>47897.724439999998</v>
      </c>
      <c r="AG1540">
        <v>19137.628130000001</v>
      </c>
      <c r="AH1540">
        <v>293071.2242</v>
      </c>
      <c r="AI1540">
        <v>80490.756949999995</v>
      </c>
      <c r="AJ1540">
        <v>25020.419470000001</v>
      </c>
      <c r="AK1540">
        <v>33887.114650000003</v>
      </c>
      <c r="AL1540">
        <v>82699.622000000003</v>
      </c>
      <c r="AM1540">
        <v>25375.336179999998</v>
      </c>
      <c r="AN1540">
        <v>81946.229089999993</v>
      </c>
      <c r="AO1540">
        <v>27522.993610000001</v>
      </c>
      <c r="AP1540">
        <v>18731.767090000001</v>
      </c>
    </row>
    <row r="1541" spans="2:42" x14ac:dyDescent="0.3">
      <c r="B1541">
        <v>57.822700088066512</v>
      </c>
      <c r="C1541" s="83">
        <v>43165.125</v>
      </c>
      <c r="D1541">
        <v>247117.5074</v>
      </c>
      <c r="E1541">
        <v>17472.61404</v>
      </c>
      <c r="F1541">
        <v>51726.289250000002</v>
      </c>
      <c r="G1541">
        <v>43025.130870000001</v>
      </c>
      <c r="H1541">
        <v>40503.317089999997</v>
      </c>
      <c r="I1541">
        <v>20552.877260000001</v>
      </c>
      <c r="J1541">
        <v>34063.660860000004</v>
      </c>
      <c r="K1541">
        <v>46569.481299999999</v>
      </c>
      <c r="L1541">
        <v>18980.42239</v>
      </c>
      <c r="M1541">
        <v>294807.09019999998</v>
      </c>
      <c r="N1541">
        <v>80242.079029999994</v>
      </c>
      <c r="O1541">
        <v>25110.108680000001</v>
      </c>
      <c r="P1541">
        <v>32499.11058</v>
      </c>
      <c r="Q1541">
        <v>85480.797609999994</v>
      </c>
      <c r="R1541">
        <v>25508.524170000001</v>
      </c>
      <c r="S1541">
        <v>81067.233080000005</v>
      </c>
      <c r="T1541">
        <v>27443.69932</v>
      </c>
      <c r="U1541">
        <v>19152.988109999998</v>
      </c>
      <c r="W1541" s="83">
        <f>Bühler!N1573</f>
        <v>45356.124999996267</v>
      </c>
      <c r="X1541" s="83">
        <v>43165.125</v>
      </c>
      <c r="Y1541">
        <v>247117.5074</v>
      </c>
      <c r="Z1541">
        <v>17472.61404</v>
      </c>
      <c r="AA1541">
        <v>51726.289250000002</v>
      </c>
      <c r="AB1541">
        <v>43025.130870000001</v>
      </c>
      <c r="AC1541">
        <v>40503.317089999997</v>
      </c>
      <c r="AD1541">
        <v>20552.877260000001</v>
      </c>
      <c r="AE1541">
        <v>34063.660860000004</v>
      </c>
      <c r="AF1541">
        <v>46569.481299999999</v>
      </c>
      <c r="AG1541">
        <v>18980.42239</v>
      </c>
      <c r="AH1541">
        <v>294807.09019999998</v>
      </c>
      <c r="AI1541">
        <v>80242.079029999994</v>
      </c>
      <c r="AJ1541">
        <v>25110.108680000001</v>
      </c>
      <c r="AK1541">
        <v>32499.11058</v>
      </c>
      <c r="AL1541">
        <v>85480.797609999994</v>
      </c>
      <c r="AM1541">
        <v>25508.524170000001</v>
      </c>
      <c r="AN1541">
        <v>81067.233080000005</v>
      </c>
      <c r="AO1541">
        <v>27443.69932</v>
      </c>
      <c r="AP1541">
        <v>19152.988109999998</v>
      </c>
    </row>
    <row r="1542" spans="2:42" x14ac:dyDescent="0.3">
      <c r="B1542">
        <v>59.672009442609294</v>
      </c>
      <c r="C1542" s="83">
        <v>43165.166666666664</v>
      </c>
      <c r="D1542">
        <v>250672.59349999999</v>
      </c>
      <c r="E1542">
        <v>18072.909240000001</v>
      </c>
      <c r="F1542">
        <v>55558.727250000004</v>
      </c>
      <c r="G1542">
        <v>43061.083749999998</v>
      </c>
      <c r="H1542">
        <v>41007.159800000001</v>
      </c>
      <c r="I1542">
        <v>24251.52896</v>
      </c>
      <c r="J1542">
        <v>35815.728450000002</v>
      </c>
      <c r="K1542">
        <v>45621.274069999999</v>
      </c>
      <c r="L1542">
        <v>19215.27378</v>
      </c>
      <c r="M1542">
        <v>304235.7317</v>
      </c>
      <c r="N1542">
        <v>79625.756840000002</v>
      </c>
      <c r="O1542">
        <v>25765.345949999999</v>
      </c>
      <c r="P1542">
        <v>32478.929599999999</v>
      </c>
      <c r="Q1542">
        <v>90560.393760000006</v>
      </c>
      <c r="R1542">
        <v>25309.070629999998</v>
      </c>
      <c r="S1542">
        <v>82413.001250000001</v>
      </c>
      <c r="T1542">
        <v>27390.83641</v>
      </c>
      <c r="U1542">
        <v>20003.883310000001</v>
      </c>
      <c r="W1542" s="83">
        <f>Bühler!N1574</f>
        <v>45356.166666662932</v>
      </c>
      <c r="X1542" s="83">
        <v>43165.166666666664</v>
      </c>
      <c r="Y1542">
        <v>250672.59349999999</v>
      </c>
      <c r="Z1542">
        <v>18072.909240000001</v>
      </c>
      <c r="AA1542">
        <v>55558.727250000004</v>
      </c>
      <c r="AB1542">
        <v>43061.083749999998</v>
      </c>
      <c r="AC1542">
        <v>41007.159800000001</v>
      </c>
      <c r="AD1542">
        <v>24251.52896</v>
      </c>
      <c r="AE1542">
        <v>35815.728450000002</v>
      </c>
      <c r="AF1542">
        <v>45621.274069999999</v>
      </c>
      <c r="AG1542">
        <v>19215.27378</v>
      </c>
      <c r="AH1542">
        <v>304235.7317</v>
      </c>
      <c r="AI1542">
        <v>79625.756840000002</v>
      </c>
      <c r="AJ1542">
        <v>25765.345949999999</v>
      </c>
      <c r="AK1542">
        <v>32478.929599999999</v>
      </c>
      <c r="AL1542">
        <v>90560.393760000006</v>
      </c>
      <c r="AM1542">
        <v>25309.070629999998</v>
      </c>
      <c r="AN1542">
        <v>82413.001250000001</v>
      </c>
      <c r="AO1542">
        <v>27390.83641</v>
      </c>
      <c r="AP1542">
        <v>20003.883310000001</v>
      </c>
    </row>
    <row r="1543" spans="2:42" x14ac:dyDescent="0.3">
      <c r="B1543">
        <v>63.051197524763367</v>
      </c>
      <c r="C1543" s="83">
        <v>43165.208333333336</v>
      </c>
      <c r="D1543">
        <v>265617.51899999997</v>
      </c>
      <c r="E1543">
        <v>20198.87861</v>
      </c>
      <c r="F1543">
        <v>66088.543309999994</v>
      </c>
      <c r="G1543">
        <v>45818.821830000001</v>
      </c>
      <c r="H1543">
        <v>43399.748350000002</v>
      </c>
      <c r="I1543">
        <v>34115.42585</v>
      </c>
      <c r="J1543">
        <v>38560.647069999999</v>
      </c>
      <c r="K1543">
        <v>47375.14574</v>
      </c>
      <c r="L1543">
        <v>19937.518349999998</v>
      </c>
      <c r="M1543">
        <v>321464.40840000001</v>
      </c>
      <c r="N1543">
        <v>80629.742140000002</v>
      </c>
      <c r="O1543">
        <v>26616.978500000001</v>
      </c>
      <c r="P1543">
        <v>33292.0694</v>
      </c>
      <c r="Q1543">
        <v>93096.147760000007</v>
      </c>
      <c r="R1543">
        <v>28118.516930000002</v>
      </c>
      <c r="S1543">
        <v>85261.176160000003</v>
      </c>
      <c r="T1543">
        <v>29061.214510000002</v>
      </c>
      <c r="U1543">
        <v>21545.275890000001</v>
      </c>
      <c r="W1543" s="83">
        <f>Bühler!N1575</f>
        <v>45356.208333329596</v>
      </c>
      <c r="X1543" s="83">
        <v>43165.208333333336</v>
      </c>
      <c r="Y1543">
        <v>265617.51899999997</v>
      </c>
      <c r="Z1543">
        <v>20198.87861</v>
      </c>
      <c r="AA1543">
        <v>66088.543309999994</v>
      </c>
      <c r="AB1543">
        <v>45818.821830000001</v>
      </c>
      <c r="AC1543">
        <v>43399.748350000002</v>
      </c>
      <c r="AD1543">
        <v>34115.42585</v>
      </c>
      <c r="AE1543">
        <v>38560.647069999999</v>
      </c>
      <c r="AF1543">
        <v>47375.14574</v>
      </c>
      <c r="AG1543">
        <v>19937.518349999998</v>
      </c>
      <c r="AH1543">
        <v>321464.40840000001</v>
      </c>
      <c r="AI1543">
        <v>80629.742140000002</v>
      </c>
      <c r="AJ1543">
        <v>26616.978500000001</v>
      </c>
      <c r="AK1543">
        <v>33292.0694</v>
      </c>
      <c r="AL1543">
        <v>93096.147760000007</v>
      </c>
      <c r="AM1543">
        <v>28118.516930000002</v>
      </c>
      <c r="AN1543">
        <v>85261.176160000003</v>
      </c>
      <c r="AO1543">
        <v>29061.214510000002</v>
      </c>
      <c r="AP1543">
        <v>21545.275890000001</v>
      </c>
    </row>
    <row r="1544" spans="2:42" x14ac:dyDescent="0.3">
      <c r="B1544">
        <v>65.299032311018749</v>
      </c>
      <c r="C1544" s="83">
        <v>43165.25</v>
      </c>
      <c r="D1544">
        <v>281223.71019999997</v>
      </c>
      <c r="E1544">
        <v>24240.80963</v>
      </c>
      <c r="F1544">
        <v>76725.201990000001</v>
      </c>
      <c r="G1544">
        <v>57710.30154</v>
      </c>
      <c r="H1544">
        <v>47142.544950000003</v>
      </c>
      <c r="I1544">
        <v>41609.476020000002</v>
      </c>
      <c r="J1544">
        <v>41764.67297</v>
      </c>
      <c r="K1544">
        <v>48425.41216</v>
      </c>
      <c r="L1544">
        <v>21773.282950000001</v>
      </c>
      <c r="M1544">
        <v>332924.91840000002</v>
      </c>
      <c r="N1544">
        <v>81983.442840000003</v>
      </c>
      <c r="O1544">
        <v>27261.55343</v>
      </c>
      <c r="P1544">
        <v>34151.324310000004</v>
      </c>
      <c r="Q1544">
        <v>94438.550619999995</v>
      </c>
      <c r="R1544">
        <v>20667.561249999999</v>
      </c>
      <c r="S1544">
        <v>90664.328779999996</v>
      </c>
      <c r="T1544">
        <v>31759.283100000001</v>
      </c>
      <c r="U1544">
        <v>23561.891169999999</v>
      </c>
      <c r="W1544" s="83">
        <f>Bühler!N1576</f>
        <v>45356.24999999626</v>
      </c>
      <c r="X1544" s="83">
        <v>43165.25</v>
      </c>
      <c r="Y1544">
        <v>281223.71019999997</v>
      </c>
      <c r="Z1544">
        <v>24240.80963</v>
      </c>
      <c r="AA1544">
        <v>76725.201990000001</v>
      </c>
      <c r="AB1544">
        <v>57710.30154</v>
      </c>
      <c r="AC1544">
        <v>47142.544950000003</v>
      </c>
      <c r="AD1544">
        <v>41609.476020000002</v>
      </c>
      <c r="AE1544">
        <v>41764.67297</v>
      </c>
      <c r="AF1544">
        <v>48425.41216</v>
      </c>
      <c r="AG1544">
        <v>21773.282950000001</v>
      </c>
      <c r="AH1544">
        <v>332924.91840000002</v>
      </c>
      <c r="AI1544">
        <v>81983.442840000003</v>
      </c>
      <c r="AJ1544">
        <v>27261.55343</v>
      </c>
      <c r="AK1544">
        <v>34151.324310000004</v>
      </c>
      <c r="AL1544">
        <v>94438.550619999995</v>
      </c>
      <c r="AM1544">
        <v>20667.561249999999</v>
      </c>
      <c r="AN1544">
        <v>90664.328779999996</v>
      </c>
      <c r="AO1544">
        <v>31759.283100000001</v>
      </c>
      <c r="AP1544">
        <v>23561.891169999999</v>
      </c>
    </row>
    <row r="1545" spans="2:42" x14ac:dyDescent="0.3">
      <c r="B1545">
        <v>65.090012945483181</v>
      </c>
      <c r="C1545" s="83">
        <v>43165.291666666664</v>
      </c>
      <c r="D1545">
        <v>294556.80690000003</v>
      </c>
      <c r="E1545">
        <v>29048.997220000001</v>
      </c>
      <c r="F1545">
        <v>74248.375969999994</v>
      </c>
      <c r="G1545">
        <v>69257.808239999998</v>
      </c>
      <c r="H1545">
        <v>51516.516880000003</v>
      </c>
      <c r="I1545">
        <v>50774.15827</v>
      </c>
      <c r="J1545">
        <v>38437.570809999997</v>
      </c>
      <c r="K1545">
        <v>52973.428440000003</v>
      </c>
      <c r="L1545">
        <v>24546.528320000001</v>
      </c>
      <c r="M1545">
        <v>331859.2402</v>
      </c>
      <c r="N1545">
        <v>87542.771009999997</v>
      </c>
      <c r="O1545">
        <v>29577.78888</v>
      </c>
      <c r="P1545">
        <v>37287.714229999998</v>
      </c>
      <c r="Q1545">
        <v>95554.797210000004</v>
      </c>
      <c r="R1545">
        <v>22063.489610000001</v>
      </c>
      <c r="S1545">
        <v>97539.588610000006</v>
      </c>
      <c r="T1545">
        <v>33061.986320000004</v>
      </c>
      <c r="U1545">
        <v>27643.039949999998</v>
      </c>
      <c r="W1545" s="83">
        <f>Bühler!N1577</f>
        <v>45356.291666662924</v>
      </c>
      <c r="X1545" s="83">
        <v>43165.291666666664</v>
      </c>
      <c r="Y1545">
        <v>294556.80690000003</v>
      </c>
      <c r="Z1545">
        <v>29048.997220000001</v>
      </c>
      <c r="AA1545">
        <v>74248.375969999994</v>
      </c>
      <c r="AB1545">
        <v>69257.808239999998</v>
      </c>
      <c r="AC1545">
        <v>51516.516880000003</v>
      </c>
      <c r="AD1545">
        <v>50774.15827</v>
      </c>
      <c r="AE1545">
        <v>38437.570809999997</v>
      </c>
      <c r="AF1545">
        <v>52973.428440000003</v>
      </c>
      <c r="AG1545">
        <v>24546.528320000001</v>
      </c>
      <c r="AH1545">
        <v>331859.2402</v>
      </c>
      <c r="AI1545">
        <v>87542.771009999997</v>
      </c>
      <c r="AJ1545">
        <v>29577.78888</v>
      </c>
      <c r="AK1545">
        <v>37287.714229999998</v>
      </c>
      <c r="AL1545">
        <v>95554.797210000004</v>
      </c>
      <c r="AM1545">
        <v>22063.489610000001</v>
      </c>
      <c r="AN1545">
        <v>97539.588610000006</v>
      </c>
      <c r="AO1545">
        <v>33061.986320000004</v>
      </c>
      <c r="AP1545">
        <v>27643.039949999998</v>
      </c>
    </row>
    <row r="1546" spans="2:42" x14ac:dyDescent="0.3">
      <c r="B1546">
        <v>65.359411919189682</v>
      </c>
      <c r="C1546" s="83">
        <v>43165.333333333336</v>
      </c>
      <c r="D1546">
        <v>305172.87540000002</v>
      </c>
      <c r="E1546">
        <v>34792.744209999997</v>
      </c>
      <c r="F1546">
        <v>78556.285220000005</v>
      </c>
      <c r="G1546">
        <v>81871.084780000005</v>
      </c>
      <c r="H1546">
        <v>55983.967360000002</v>
      </c>
      <c r="I1546">
        <v>52651.981610000003</v>
      </c>
      <c r="J1546">
        <v>39136.365089999999</v>
      </c>
      <c r="K1546">
        <v>57400.591</v>
      </c>
      <c r="L1546">
        <v>27009.173289999999</v>
      </c>
      <c r="M1546">
        <v>333232.76179999998</v>
      </c>
      <c r="N1546">
        <v>96273.025099999999</v>
      </c>
      <c r="O1546">
        <v>30755.969700000001</v>
      </c>
      <c r="P1546">
        <v>39270.65769</v>
      </c>
      <c r="Q1546">
        <v>95034.771120000005</v>
      </c>
      <c r="R1546">
        <v>23368.443650000001</v>
      </c>
      <c r="S1546">
        <v>106757.7</v>
      </c>
      <c r="T1546">
        <v>35763.114560000002</v>
      </c>
      <c r="U1546">
        <v>30707.608090000002</v>
      </c>
      <c r="W1546" s="83">
        <f>Bühler!N1578</f>
        <v>45356.333333329589</v>
      </c>
      <c r="X1546" s="83">
        <v>43165.333333333336</v>
      </c>
      <c r="Y1546">
        <v>305172.87540000002</v>
      </c>
      <c r="Z1546">
        <v>34792.744209999997</v>
      </c>
      <c r="AA1546">
        <v>78556.285220000005</v>
      </c>
      <c r="AB1546">
        <v>81871.084780000005</v>
      </c>
      <c r="AC1546">
        <v>55983.967360000002</v>
      </c>
      <c r="AD1546">
        <v>52651.981610000003</v>
      </c>
      <c r="AE1546">
        <v>39136.365089999999</v>
      </c>
      <c r="AF1546">
        <v>57400.591</v>
      </c>
      <c r="AG1546">
        <v>27009.173289999999</v>
      </c>
      <c r="AH1546">
        <v>333232.76179999998</v>
      </c>
      <c r="AI1546">
        <v>96273.025099999999</v>
      </c>
      <c r="AJ1546">
        <v>30755.969700000001</v>
      </c>
      <c r="AK1546">
        <v>39270.65769</v>
      </c>
      <c r="AL1546">
        <v>95034.771120000005</v>
      </c>
      <c r="AM1546">
        <v>23368.443650000001</v>
      </c>
      <c r="AN1546">
        <v>106757.7</v>
      </c>
      <c r="AO1546">
        <v>35763.114560000002</v>
      </c>
      <c r="AP1546">
        <v>30707.608090000002</v>
      </c>
    </row>
    <row r="1547" spans="2:42" x14ac:dyDescent="0.3">
      <c r="B1547">
        <v>65.575518102128086</v>
      </c>
      <c r="C1547" s="83">
        <v>43165.375</v>
      </c>
      <c r="D1547">
        <v>306635.8909</v>
      </c>
      <c r="E1547">
        <v>38734.230479999998</v>
      </c>
      <c r="F1547">
        <v>84801.751350000006</v>
      </c>
      <c r="G1547">
        <v>89899.307010000004</v>
      </c>
      <c r="H1547">
        <v>58131.200519999999</v>
      </c>
      <c r="I1547">
        <v>47746.03428</v>
      </c>
      <c r="J1547">
        <v>39139.331789999997</v>
      </c>
      <c r="K1547">
        <v>59299.197289999996</v>
      </c>
      <c r="L1547">
        <v>30096.000090000001</v>
      </c>
      <c r="M1547">
        <v>334334.57189999998</v>
      </c>
      <c r="N1547">
        <v>104189.5822</v>
      </c>
      <c r="O1547">
        <v>29929.734570000001</v>
      </c>
      <c r="P1547">
        <v>40353.710299999999</v>
      </c>
      <c r="Q1547">
        <v>95627.677479999998</v>
      </c>
      <c r="R1547">
        <v>24609.613819999999</v>
      </c>
      <c r="S1547">
        <v>113582.73480000001</v>
      </c>
      <c r="T1547">
        <v>37605.849029999998</v>
      </c>
      <c r="U1547">
        <v>29506.062519999999</v>
      </c>
      <c r="W1547" s="83">
        <f>Bühler!N1579</f>
        <v>45356.374999996253</v>
      </c>
      <c r="X1547" s="83">
        <v>43165.375</v>
      </c>
      <c r="Y1547">
        <v>306635.8909</v>
      </c>
      <c r="Z1547">
        <v>38734.230479999998</v>
      </c>
      <c r="AA1547">
        <v>84801.751350000006</v>
      </c>
      <c r="AB1547">
        <v>89899.307010000004</v>
      </c>
      <c r="AC1547">
        <v>58131.200519999999</v>
      </c>
      <c r="AD1547">
        <v>47746.03428</v>
      </c>
      <c r="AE1547">
        <v>39139.331789999997</v>
      </c>
      <c r="AF1547">
        <v>59299.197289999996</v>
      </c>
      <c r="AG1547">
        <v>30096.000090000001</v>
      </c>
      <c r="AH1547">
        <v>334334.57189999998</v>
      </c>
      <c r="AI1547">
        <v>104189.5822</v>
      </c>
      <c r="AJ1547">
        <v>29929.734570000001</v>
      </c>
      <c r="AK1547">
        <v>40353.710299999999</v>
      </c>
      <c r="AL1547">
        <v>95627.677479999998</v>
      </c>
      <c r="AM1547">
        <v>24609.613819999999</v>
      </c>
      <c r="AN1547">
        <v>113582.73480000001</v>
      </c>
      <c r="AO1547">
        <v>37605.849029999998</v>
      </c>
      <c r="AP1547">
        <v>29506.062519999999</v>
      </c>
    </row>
    <row r="1548" spans="2:42" x14ac:dyDescent="0.3">
      <c r="B1548">
        <v>66.39551974960321</v>
      </c>
      <c r="C1548" s="83">
        <v>43165.416666666664</v>
      </c>
      <c r="D1548">
        <v>307176.47850000003</v>
      </c>
      <c r="E1548">
        <v>40026.932860000001</v>
      </c>
      <c r="F1548">
        <v>85341.540980000005</v>
      </c>
      <c r="G1548">
        <v>91599.321769999995</v>
      </c>
      <c r="H1548">
        <v>57851.925190000002</v>
      </c>
      <c r="I1548">
        <v>43336.339160000003</v>
      </c>
      <c r="J1548">
        <v>37096.554279999997</v>
      </c>
      <c r="K1548">
        <v>61118.232519999998</v>
      </c>
      <c r="L1548">
        <v>32349.81249</v>
      </c>
      <c r="M1548">
        <v>338515.32270000002</v>
      </c>
      <c r="N1548">
        <v>107071.2077</v>
      </c>
      <c r="O1548">
        <v>29668.184669999999</v>
      </c>
      <c r="P1548">
        <v>41252.758990000002</v>
      </c>
      <c r="Q1548">
        <v>94626.991129999995</v>
      </c>
      <c r="R1548">
        <v>24363.627710000001</v>
      </c>
      <c r="S1548">
        <v>114919.7993</v>
      </c>
      <c r="T1548">
        <v>39086.534379999997</v>
      </c>
      <c r="U1548">
        <v>29181.496650000001</v>
      </c>
      <c r="W1548" s="83">
        <f>Bühler!N1580</f>
        <v>45356.416666662917</v>
      </c>
      <c r="X1548" s="83">
        <v>43165.416666666664</v>
      </c>
      <c r="Y1548">
        <v>307176.47850000003</v>
      </c>
      <c r="Z1548">
        <v>40026.932860000001</v>
      </c>
      <c r="AA1548">
        <v>85341.540980000005</v>
      </c>
      <c r="AB1548">
        <v>91599.321769999995</v>
      </c>
      <c r="AC1548">
        <v>57851.925190000002</v>
      </c>
      <c r="AD1548">
        <v>43336.339160000003</v>
      </c>
      <c r="AE1548">
        <v>37096.554279999997</v>
      </c>
      <c r="AF1548">
        <v>61118.232519999998</v>
      </c>
      <c r="AG1548">
        <v>32349.81249</v>
      </c>
      <c r="AH1548">
        <v>338515.32270000002</v>
      </c>
      <c r="AI1548">
        <v>107071.2077</v>
      </c>
      <c r="AJ1548">
        <v>29668.184669999999</v>
      </c>
      <c r="AK1548">
        <v>41252.758990000002</v>
      </c>
      <c r="AL1548">
        <v>94626.991129999995</v>
      </c>
      <c r="AM1548">
        <v>24363.627710000001</v>
      </c>
      <c r="AN1548">
        <v>114919.7993</v>
      </c>
      <c r="AO1548">
        <v>39086.534379999997</v>
      </c>
      <c r="AP1548">
        <v>29181.496650000001</v>
      </c>
    </row>
    <row r="1549" spans="2:42" x14ac:dyDescent="0.3">
      <c r="B1549">
        <v>66.463112115010063</v>
      </c>
      <c r="C1549" s="83">
        <v>43165.458333333336</v>
      </c>
      <c r="D1549">
        <v>305068.10969999997</v>
      </c>
      <c r="E1549">
        <v>39559.668380000003</v>
      </c>
      <c r="F1549">
        <v>85027.675409999996</v>
      </c>
      <c r="G1549">
        <v>88854.070309999996</v>
      </c>
      <c r="H1549">
        <v>56868.608480000003</v>
      </c>
      <c r="I1549">
        <v>41506.788979999998</v>
      </c>
      <c r="J1549">
        <v>37207.718739999997</v>
      </c>
      <c r="K1549">
        <v>60563.142090000001</v>
      </c>
      <c r="L1549">
        <v>33332.906969999996</v>
      </c>
      <c r="M1549">
        <v>338859.94010000001</v>
      </c>
      <c r="N1549">
        <v>104254.7268</v>
      </c>
      <c r="O1549">
        <v>29294.12357</v>
      </c>
      <c r="P1549">
        <v>40086.144319999999</v>
      </c>
      <c r="Q1549">
        <v>94955.492589999994</v>
      </c>
      <c r="R1549">
        <v>25686.445540000001</v>
      </c>
      <c r="S1549">
        <v>114988.02650000001</v>
      </c>
      <c r="T1549">
        <v>39047.149989999998</v>
      </c>
      <c r="U1549">
        <v>28289.877260000001</v>
      </c>
      <c r="W1549" s="83">
        <f>Bühler!N1581</f>
        <v>45356.458333329581</v>
      </c>
      <c r="X1549" s="83">
        <v>43165.458333333336</v>
      </c>
      <c r="Y1549">
        <v>305068.10969999997</v>
      </c>
      <c r="Z1549">
        <v>39559.668380000003</v>
      </c>
      <c r="AA1549">
        <v>85027.675409999996</v>
      </c>
      <c r="AB1549">
        <v>88854.070309999996</v>
      </c>
      <c r="AC1549">
        <v>56868.608480000003</v>
      </c>
      <c r="AD1549">
        <v>41506.788979999998</v>
      </c>
      <c r="AE1549">
        <v>37207.718739999997</v>
      </c>
      <c r="AF1549">
        <v>60563.142090000001</v>
      </c>
      <c r="AG1549">
        <v>33332.906969999996</v>
      </c>
      <c r="AH1549">
        <v>338859.94010000001</v>
      </c>
      <c r="AI1549">
        <v>104254.7268</v>
      </c>
      <c r="AJ1549">
        <v>29294.12357</v>
      </c>
      <c r="AK1549">
        <v>40086.144319999999</v>
      </c>
      <c r="AL1549">
        <v>94955.492589999994</v>
      </c>
      <c r="AM1549">
        <v>25686.445540000001</v>
      </c>
      <c r="AN1549">
        <v>114988.02650000001</v>
      </c>
      <c r="AO1549">
        <v>39047.149989999998</v>
      </c>
      <c r="AP1549">
        <v>28289.877260000001</v>
      </c>
    </row>
    <row r="1550" spans="2:42" x14ac:dyDescent="0.3">
      <c r="B1550">
        <v>65.775887278167062</v>
      </c>
      <c r="C1550" s="83">
        <v>43165.5</v>
      </c>
      <c r="D1550">
        <v>291472.64630000002</v>
      </c>
      <c r="E1550">
        <v>35205.627809999998</v>
      </c>
      <c r="F1550">
        <v>79109.789449999997</v>
      </c>
      <c r="G1550">
        <v>87841.561079999999</v>
      </c>
      <c r="H1550">
        <v>54336.799140000003</v>
      </c>
      <c r="I1550">
        <v>40539.635589999998</v>
      </c>
      <c r="J1550">
        <v>37210.089229999998</v>
      </c>
      <c r="K1550">
        <v>58063.748099999997</v>
      </c>
      <c r="L1550">
        <v>35452.757429999998</v>
      </c>
      <c r="M1550">
        <v>335356.14740000002</v>
      </c>
      <c r="N1550">
        <v>100250.2985</v>
      </c>
      <c r="O1550">
        <v>28338.155879999998</v>
      </c>
      <c r="P1550">
        <v>40785.813439999998</v>
      </c>
      <c r="Q1550">
        <v>93559.411359999998</v>
      </c>
      <c r="R1550">
        <v>24558.179970000001</v>
      </c>
      <c r="S1550">
        <v>110604.7234</v>
      </c>
      <c r="T1550">
        <v>39650.905180000002</v>
      </c>
      <c r="U1550">
        <v>23775.633949999999</v>
      </c>
      <c r="W1550" s="83">
        <f>Bühler!N1582</f>
        <v>45356.499999996246</v>
      </c>
      <c r="X1550" s="83">
        <v>43165.5</v>
      </c>
      <c r="Y1550">
        <v>291472.64630000002</v>
      </c>
      <c r="Z1550">
        <v>35205.627809999998</v>
      </c>
      <c r="AA1550">
        <v>79109.789449999997</v>
      </c>
      <c r="AB1550">
        <v>87841.561079999999</v>
      </c>
      <c r="AC1550">
        <v>54336.799140000003</v>
      </c>
      <c r="AD1550">
        <v>40539.635589999998</v>
      </c>
      <c r="AE1550">
        <v>37210.089229999998</v>
      </c>
      <c r="AF1550">
        <v>58063.748099999997</v>
      </c>
      <c r="AG1550">
        <v>35452.757429999998</v>
      </c>
      <c r="AH1550">
        <v>335356.14740000002</v>
      </c>
      <c r="AI1550">
        <v>100250.2985</v>
      </c>
      <c r="AJ1550">
        <v>28338.155879999998</v>
      </c>
      <c r="AK1550">
        <v>40785.813439999998</v>
      </c>
      <c r="AL1550">
        <v>93559.411359999998</v>
      </c>
      <c r="AM1550">
        <v>24558.179970000001</v>
      </c>
      <c r="AN1550">
        <v>110604.7234</v>
      </c>
      <c r="AO1550">
        <v>39650.905180000002</v>
      </c>
      <c r="AP1550">
        <v>23775.633949999999</v>
      </c>
    </row>
    <row r="1551" spans="2:42" x14ac:dyDescent="0.3">
      <c r="B1551">
        <v>65.388754017374964</v>
      </c>
      <c r="C1551" s="83">
        <v>43165.541666666664</v>
      </c>
      <c r="D1551">
        <v>292079.00349999999</v>
      </c>
      <c r="E1551">
        <v>34780.532050000002</v>
      </c>
      <c r="F1551">
        <v>75470.063680000007</v>
      </c>
      <c r="G1551">
        <v>85298.451199999996</v>
      </c>
      <c r="H1551">
        <v>54815.979829999997</v>
      </c>
      <c r="I1551">
        <v>40179.479520000001</v>
      </c>
      <c r="J1551">
        <v>36298.626539999997</v>
      </c>
      <c r="K1551">
        <v>60866.151409999999</v>
      </c>
      <c r="L1551">
        <v>34018.565419999999</v>
      </c>
      <c r="M1551">
        <v>333382.3615</v>
      </c>
      <c r="N1551">
        <v>101478.106</v>
      </c>
      <c r="O1551">
        <v>27982.79466</v>
      </c>
      <c r="P1551">
        <v>39258.747589999999</v>
      </c>
      <c r="Q1551">
        <v>92876.397169999997</v>
      </c>
      <c r="R1551">
        <v>24588.14414</v>
      </c>
      <c r="S1551">
        <v>107649.8221</v>
      </c>
      <c r="T1551">
        <v>38028.079039999997</v>
      </c>
      <c r="U1551">
        <v>25327.564729999998</v>
      </c>
      <c r="W1551" s="83">
        <f>Bühler!N1583</f>
        <v>45356.54166666291</v>
      </c>
      <c r="X1551" s="83">
        <v>43165.541666666664</v>
      </c>
      <c r="Y1551">
        <v>292079.00349999999</v>
      </c>
      <c r="Z1551">
        <v>34780.532050000002</v>
      </c>
      <c r="AA1551">
        <v>75470.063680000007</v>
      </c>
      <c r="AB1551">
        <v>85298.451199999996</v>
      </c>
      <c r="AC1551">
        <v>54815.979829999997</v>
      </c>
      <c r="AD1551">
        <v>40179.479520000001</v>
      </c>
      <c r="AE1551">
        <v>36298.626539999997</v>
      </c>
      <c r="AF1551">
        <v>60866.151409999999</v>
      </c>
      <c r="AG1551">
        <v>34018.565419999999</v>
      </c>
      <c r="AH1551">
        <v>333382.3615</v>
      </c>
      <c r="AI1551">
        <v>101478.106</v>
      </c>
      <c r="AJ1551">
        <v>27982.79466</v>
      </c>
      <c r="AK1551">
        <v>39258.747589999999</v>
      </c>
      <c r="AL1551">
        <v>92876.397169999997</v>
      </c>
      <c r="AM1551">
        <v>24588.14414</v>
      </c>
      <c r="AN1551">
        <v>107649.8221</v>
      </c>
      <c r="AO1551">
        <v>38028.079039999997</v>
      </c>
      <c r="AP1551">
        <v>25327.564729999998</v>
      </c>
    </row>
    <row r="1552" spans="2:42" x14ac:dyDescent="0.3">
      <c r="B1552">
        <v>65.7410538227535</v>
      </c>
      <c r="C1552" s="83">
        <v>43165.583333333336</v>
      </c>
      <c r="D1552">
        <v>293955.36290000001</v>
      </c>
      <c r="E1552">
        <v>37429.226560000003</v>
      </c>
      <c r="F1552">
        <v>82741.590370000005</v>
      </c>
      <c r="G1552">
        <v>80155.900450000001</v>
      </c>
      <c r="H1552">
        <v>54509.873359999998</v>
      </c>
      <c r="I1552">
        <v>40680.033819999997</v>
      </c>
      <c r="J1552">
        <v>35466.248169999999</v>
      </c>
      <c r="K1552">
        <v>60955.227330000002</v>
      </c>
      <c r="L1552">
        <v>30358.22309</v>
      </c>
      <c r="M1552">
        <v>335178.5502</v>
      </c>
      <c r="N1552">
        <v>103557.91740000001</v>
      </c>
      <c r="O1552">
        <v>26987.511719999999</v>
      </c>
      <c r="P1552">
        <v>35343.401859999998</v>
      </c>
      <c r="Q1552">
        <v>91862.158389999997</v>
      </c>
      <c r="R1552">
        <v>24059.598580000002</v>
      </c>
      <c r="S1552">
        <v>102427.06419999999</v>
      </c>
      <c r="T1552">
        <v>36911.062709999998</v>
      </c>
      <c r="U1552">
        <v>25653.684150000001</v>
      </c>
      <c r="W1552" s="83">
        <f>Bühler!N1584</f>
        <v>45356.583333329574</v>
      </c>
      <c r="X1552" s="83">
        <v>43165.583333333336</v>
      </c>
      <c r="Y1552">
        <v>293955.36290000001</v>
      </c>
      <c r="Z1552">
        <v>37429.226560000003</v>
      </c>
      <c r="AA1552">
        <v>82741.590370000005</v>
      </c>
      <c r="AB1552">
        <v>80155.900450000001</v>
      </c>
      <c r="AC1552">
        <v>54509.873359999998</v>
      </c>
      <c r="AD1552">
        <v>40680.033819999997</v>
      </c>
      <c r="AE1552">
        <v>35466.248169999999</v>
      </c>
      <c r="AF1552">
        <v>60955.227330000002</v>
      </c>
      <c r="AG1552">
        <v>30358.22309</v>
      </c>
      <c r="AH1552">
        <v>335178.5502</v>
      </c>
      <c r="AI1552">
        <v>103557.91740000001</v>
      </c>
      <c r="AJ1552">
        <v>26987.511719999999</v>
      </c>
      <c r="AK1552">
        <v>35343.401859999998</v>
      </c>
      <c r="AL1552">
        <v>91862.158389999997</v>
      </c>
      <c r="AM1552">
        <v>24059.598580000002</v>
      </c>
      <c r="AN1552">
        <v>102427.06419999999</v>
      </c>
      <c r="AO1552">
        <v>36911.062709999998</v>
      </c>
      <c r="AP1552">
        <v>25653.684150000001</v>
      </c>
    </row>
    <row r="1553" spans="2:42" x14ac:dyDescent="0.3">
      <c r="B1553">
        <v>64.442734356460633</v>
      </c>
      <c r="C1553" s="83">
        <v>43165.625</v>
      </c>
      <c r="D1553">
        <v>293052.64319999999</v>
      </c>
      <c r="E1553">
        <v>37206.422610000001</v>
      </c>
      <c r="F1553">
        <v>84678.685630000007</v>
      </c>
      <c r="G1553">
        <v>77061.440520000004</v>
      </c>
      <c r="H1553">
        <v>53002.740010000001</v>
      </c>
      <c r="I1553">
        <v>40757.893960000001</v>
      </c>
      <c r="J1553">
        <v>35294.242890000001</v>
      </c>
      <c r="K1553">
        <v>60048.300719999999</v>
      </c>
      <c r="L1553">
        <v>27332.71674</v>
      </c>
      <c r="M1553">
        <v>328559.11210000003</v>
      </c>
      <c r="N1553">
        <v>101865.4151</v>
      </c>
      <c r="O1553">
        <v>26173.84909</v>
      </c>
      <c r="P1553">
        <v>33630.748440000003</v>
      </c>
      <c r="Q1553">
        <v>91477.129490000007</v>
      </c>
      <c r="R1553">
        <v>23326.478780000001</v>
      </c>
      <c r="S1553">
        <v>101377.90949999999</v>
      </c>
      <c r="T1553">
        <v>36186.784350000002</v>
      </c>
      <c r="U1553">
        <v>24568.099709999999</v>
      </c>
      <c r="W1553" s="83">
        <f>Bühler!N1585</f>
        <v>45356.624999996238</v>
      </c>
      <c r="X1553" s="83">
        <v>43165.625</v>
      </c>
      <c r="Y1553">
        <v>293052.64319999999</v>
      </c>
      <c r="Z1553">
        <v>37206.422610000001</v>
      </c>
      <c r="AA1553">
        <v>84678.685630000007</v>
      </c>
      <c r="AB1553">
        <v>77061.440520000004</v>
      </c>
      <c r="AC1553">
        <v>53002.740010000001</v>
      </c>
      <c r="AD1553">
        <v>40757.893960000001</v>
      </c>
      <c r="AE1553">
        <v>35294.242890000001</v>
      </c>
      <c r="AF1553">
        <v>60048.300719999999</v>
      </c>
      <c r="AG1553">
        <v>27332.71674</v>
      </c>
      <c r="AH1553">
        <v>328559.11210000003</v>
      </c>
      <c r="AI1553">
        <v>101865.4151</v>
      </c>
      <c r="AJ1553">
        <v>26173.84909</v>
      </c>
      <c r="AK1553">
        <v>33630.748440000003</v>
      </c>
      <c r="AL1553">
        <v>91477.129490000007</v>
      </c>
      <c r="AM1553">
        <v>23326.478780000001</v>
      </c>
      <c r="AN1553">
        <v>101377.90949999999</v>
      </c>
      <c r="AO1553">
        <v>36186.784350000002</v>
      </c>
      <c r="AP1553">
        <v>24568.099709999999</v>
      </c>
    </row>
    <row r="1554" spans="2:42" x14ac:dyDescent="0.3">
      <c r="B1554">
        <v>62.684688132591283</v>
      </c>
      <c r="C1554" s="83">
        <v>43165.666666666664</v>
      </c>
      <c r="D1554">
        <v>287386.77169999998</v>
      </c>
      <c r="E1554">
        <v>36199.422809999996</v>
      </c>
      <c r="F1554">
        <v>84584.545440000002</v>
      </c>
      <c r="G1554">
        <v>73939.687879999998</v>
      </c>
      <c r="H1554">
        <v>51391.06538</v>
      </c>
      <c r="I1554">
        <v>42448.80272</v>
      </c>
      <c r="J1554">
        <v>34829.469190000003</v>
      </c>
      <c r="K1554">
        <v>57887.70594</v>
      </c>
      <c r="L1554">
        <v>26632.398420000001</v>
      </c>
      <c r="M1554">
        <v>319595.77260000003</v>
      </c>
      <c r="N1554">
        <v>98846.681089999998</v>
      </c>
      <c r="O1554">
        <v>25852.136259999999</v>
      </c>
      <c r="P1554">
        <v>33736.988870000001</v>
      </c>
      <c r="Q1554">
        <v>90084.126090000005</v>
      </c>
      <c r="R1554">
        <v>23349.606800000001</v>
      </c>
      <c r="S1554">
        <v>99146.633900000001</v>
      </c>
      <c r="T1554">
        <v>35029.979180000002</v>
      </c>
      <c r="U1554">
        <v>23262.555980000001</v>
      </c>
      <c r="W1554" s="83">
        <f>Bühler!N1586</f>
        <v>45356.666666662903</v>
      </c>
      <c r="X1554" s="83">
        <v>43165.666666666664</v>
      </c>
      <c r="Y1554">
        <v>287386.77169999998</v>
      </c>
      <c r="Z1554">
        <v>36199.422809999996</v>
      </c>
      <c r="AA1554">
        <v>84584.545440000002</v>
      </c>
      <c r="AB1554">
        <v>73939.687879999998</v>
      </c>
      <c r="AC1554">
        <v>51391.06538</v>
      </c>
      <c r="AD1554">
        <v>42448.80272</v>
      </c>
      <c r="AE1554">
        <v>34829.469190000003</v>
      </c>
      <c r="AF1554">
        <v>57887.70594</v>
      </c>
      <c r="AG1554">
        <v>26632.398420000001</v>
      </c>
      <c r="AH1554">
        <v>319595.77260000003</v>
      </c>
      <c r="AI1554">
        <v>98846.681089999998</v>
      </c>
      <c r="AJ1554">
        <v>25852.136259999999</v>
      </c>
      <c r="AK1554">
        <v>33736.988870000001</v>
      </c>
      <c r="AL1554">
        <v>90084.126090000005</v>
      </c>
      <c r="AM1554">
        <v>23349.606800000001</v>
      </c>
      <c r="AN1554">
        <v>99146.633900000001</v>
      </c>
      <c r="AO1554">
        <v>35029.979180000002</v>
      </c>
      <c r="AP1554">
        <v>23262.555980000001</v>
      </c>
    </row>
    <row r="1555" spans="2:42" x14ac:dyDescent="0.3">
      <c r="B1555">
        <v>61.657652795138894</v>
      </c>
      <c r="C1555" s="83">
        <v>43165.708333333336</v>
      </c>
      <c r="D1555">
        <v>277400.10310000001</v>
      </c>
      <c r="E1555">
        <v>34112.445010000003</v>
      </c>
      <c r="F1555">
        <v>84098.548720000006</v>
      </c>
      <c r="G1555">
        <v>67076.969979999994</v>
      </c>
      <c r="H1555">
        <v>49357.763639999997</v>
      </c>
      <c r="I1555">
        <v>44042.792229999999</v>
      </c>
      <c r="J1555">
        <v>34266.604039999998</v>
      </c>
      <c r="K1555">
        <v>53316.85626</v>
      </c>
      <c r="L1555">
        <v>26855.10944</v>
      </c>
      <c r="M1555">
        <v>314359.46750000003</v>
      </c>
      <c r="N1555">
        <v>91294.476850000006</v>
      </c>
      <c r="O1555">
        <v>25565.379959999998</v>
      </c>
      <c r="P1555">
        <v>35460.061860000002</v>
      </c>
      <c r="Q1555">
        <v>89462.130990000005</v>
      </c>
      <c r="R1555">
        <v>24055.326059999999</v>
      </c>
      <c r="S1555">
        <v>98342.521250000005</v>
      </c>
      <c r="T1555">
        <v>34709.449540000001</v>
      </c>
      <c r="U1555">
        <v>21402.093639999999</v>
      </c>
      <c r="W1555" s="83">
        <f>Bühler!N1587</f>
        <v>45356.708333329567</v>
      </c>
      <c r="X1555" s="83">
        <v>43165.708333333336</v>
      </c>
      <c r="Y1555">
        <v>277400.10310000001</v>
      </c>
      <c r="Z1555">
        <v>34112.445010000003</v>
      </c>
      <c r="AA1555">
        <v>84098.548720000006</v>
      </c>
      <c r="AB1555">
        <v>67076.969979999994</v>
      </c>
      <c r="AC1555">
        <v>49357.763639999997</v>
      </c>
      <c r="AD1555">
        <v>44042.792229999999</v>
      </c>
      <c r="AE1555">
        <v>34266.604039999998</v>
      </c>
      <c r="AF1555">
        <v>53316.85626</v>
      </c>
      <c r="AG1555">
        <v>26855.10944</v>
      </c>
      <c r="AH1555">
        <v>314359.46750000003</v>
      </c>
      <c r="AI1555">
        <v>91294.476850000006</v>
      </c>
      <c r="AJ1555">
        <v>25565.379959999998</v>
      </c>
      <c r="AK1555">
        <v>35460.061860000002</v>
      </c>
      <c r="AL1555">
        <v>89462.130990000005</v>
      </c>
      <c r="AM1555">
        <v>24055.326059999999</v>
      </c>
      <c r="AN1555">
        <v>98342.521250000005</v>
      </c>
      <c r="AO1555">
        <v>34709.449540000001</v>
      </c>
      <c r="AP1555">
        <v>21402.093639999999</v>
      </c>
    </row>
    <row r="1556" spans="2:42" x14ac:dyDescent="0.3">
      <c r="B1556">
        <v>61.069466937105013</v>
      </c>
      <c r="C1556" s="83">
        <v>43165.75</v>
      </c>
      <c r="D1556">
        <v>272469.77480000001</v>
      </c>
      <c r="E1556">
        <v>31442.186570000002</v>
      </c>
      <c r="F1556">
        <v>83474.608009999996</v>
      </c>
      <c r="G1556">
        <v>60252.266519999997</v>
      </c>
      <c r="H1556">
        <v>48115.650840000002</v>
      </c>
      <c r="I1556">
        <v>42767.37919</v>
      </c>
      <c r="J1556">
        <v>36326.140720000003</v>
      </c>
      <c r="K1556">
        <v>51366.905509999997</v>
      </c>
      <c r="L1556">
        <v>29423.439399999999</v>
      </c>
      <c r="M1556">
        <v>311360.62170000002</v>
      </c>
      <c r="N1556">
        <v>87298.076870000004</v>
      </c>
      <c r="O1556">
        <v>25319.122660000001</v>
      </c>
      <c r="P1556">
        <v>39922.075369999999</v>
      </c>
      <c r="Q1556">
        <v>87234.218949999995</v>
      </c>
      <c r="R1556">
        <v>22537.417679999999</v>
      </c>
      <c r="S1556">
        <v>94449.155570000003</v>
      </c>
      <c r="T1556">
        <v>36348.576990000001</v>
      </c>
      <c r="U1556">
        <v>20084.58339</v>
      </c>
      <c r="W1556" s="83">
        <f>Bühler!N1588</f>
        <v>45356.749999996231</v>
      </c>
      <c r="X1556" s="83">
        <v>43165.75</v>
      </c>
      <c r="Y1556">
        <v>272469.77480000001</v>
      </c>
      <c r="Z1556">
        <v>31442.186570000002</v>
      </c>
      <c r="AA1556">
        <v>83474.608009999996</v>
      </c>
      <c r="AB1556">
        <v>60252.266519999997</v>
      </c>
      <c r="AC1556">
        <v>48115.650840000002</v>
      </c>
      <c r="AD1556">
        <v>42767.37919</v>
      </c>
      <c r="AE1556">
        <v>36326.140720000003</v>
      </c>
      <c r="AF1556">
        <v>51366.905509999997</v>
      </c>
      <c r="AG1556">
        <v>29423.439399999999</v>
      </c>
      <c r="AH1556">
        <v>311360.62170000002</v>
      </c>
      <c r="AI1556">
        <v>87298.076870000004</v>
      </c>
      <c r="AJ1556">
        <v>25319.122660000001</v>
      </c>
      <c r="AK1556">
        <v>39922.075369999999</v>
      </c>
      <c r="AL1556">
        <v>87234.218949999995</v>
      </c>
      <c r="AM1556">
        <v>22537.417679999999</v>
      </c>
      <c r="AN1556">
        <v>94449.155570000003</v>
      </c>
      <c r="AO1556">
        <v>36348.576990000001</v>
      </c>
      <c r="AP1556">
        <v>20084.58339</v>
      </c>
    </row>
    <row r="1557" spans="2:42" x14ac:dyDescent="0.3">
      <c r="B1557">
        <v>60.192757824951585</v>
      </c>
      <c r="C1557" s="83">
        <v>43165.791666666664</v>
      </c>
      <c r="D1557">
        <v>267175.53759999998</v>
      </c>
      <c r="E1557">
        <v>26593.993200000001</v>
      </c>
      <c r="F1557">
        <v>72935.117629999993</v>
      </c>
      <c r="G1557">
        <v>56946.493340000001</v>
      </c>
      <c r="H1557">
        <v>47537.976849999999</v>
      </c>
      <c r="I1557">
        <v>40461.755989999998</v>
      </c>
      <c r="J1557">
        <v>38203.45379</v>
      </c>
      <c r="K1557">
        <v>51043.550539999997</v>
      </c>
      <c r="L1557">
        <v>31370.40811</v>
      </c>
      <c r="M1557">
        <v>306890.74979999999</v>
      </c>
      <c r="N1557">
        <v>86008.917820000002</v>
      </c>
      <c r="O1557">
        <v>24848.627540000001</v>
      </c>
      <c r="P1557">
        <v>43186.50576</v>
      </c>
      <c r="Q1557">
        <v>85564.42267</v>
      </c>
      <c r="R1557">
        <v>21647.532950000001</v>
      </c>
      <c r="S1557">
        <v>92344.641789999994</v>
      </c>
      <c r="T1557">
        <v>38594.677280000004</v>
      </c>
      <c r="U1557">
        <v>19467.73919</v>
      </c>
      <c r="W1557" s="83">
        <f>Bühler!N1589</f>
        <v>45356.791666662895</v>
      </c>
      <c r="X1557" s="83">
        <v>43165.791666666664</v>
      </c>
      <c r="Y1557">
        <v>267175.53759999998</v>
      </c>
      <c r="Z1557">
        <v>26593.993200000001</v>
      </c>
      <c r="AA1557">
        <v>72935.117629999993</v>
      </c>
      <c r="AB1557">
        <v>56946.493340000001</v>
      </c>
      <c r="AC1557">
        <v>47537.976849999999</v>
      </c>
      <c r="AD1557">
        <v>40461.755989999998</v>
      </c>
      <c r="AE1557">
        <v>38203.45379</v>
      </c>
      <c r="AF1557">
        <v>51043.550539999997</v>
      </c>
      <c r="AG1557">
        <v>31370.40811</v>
      </c>
      <c r="AH1557">
        <v>306890.74979999999</v>
      </c>
      <c r="AI1557">
        <v>86008.917820000002</v>
      </c>
      <c r="AJ1557">
        <v>24848.627540000001</v>
      </c>
      <c r="AK1557">
        <v>43186.50576</v>
      </c>
      <c r="AL1557">
        <v>85564.42267</v>
      </c>
      <c r="AM1557">
        <v>21647.532950000001</v>
      </c>
      <c r="AN1557">
        <v>92344.641789999994</v>
      </c>
      <c r="AO1557">
        <v>38594.677280000004</v>
      </c>
      <c r="AP1557">
        <v>19467.73919</v>
      </c>
    </row>
    <row r="1558" spans="2:42" x14ac:dyDescent="0.3">
      <c r="B1558">
        <v>58.757095979002749</v>
      </c>
      <c r="C1558" s="83">
        <v>43165.833333333336</v>
      </c>
      <c r="D1558">
        <v>259116.4442</v>
      </c>
      <c r="E1558">
        <v>20369.400140000002</v>
      </c>
      <c r="F1558">
        <v>55956.333480000001</v>
      </c>
      <c r="G1558">
        <v>50243.056129999997</v>
      </c>
      <c r="H1558">
        <v>44243.193429999999</v>
      </c>
      <c r="I1558">
        <v>35798.332159999998</v>
      </c>
      <c r="J1558">
        <v>37017.474470000001</v>
      </c>
      <c r="K1558">
        <v>49212.513229999997</v>
      </c>
      <c r="L1558">
        <v>29390.851869999999</v>
      </c>
      <c r="M1558">
        <v>299571.07620000001</v>
      </c>
      <c r="N1558">
        <v>82785.020260000005</v>
      </c>
      <c r="O1558">
        <v>23775.544249999999</v>
      </c>
      <c r="P1558">
        <v>42469.70721</v>
      </c>
      <c r="Q1558">
        <v>82810.441449999998</v>
      </c>
      <c r="R1558">
        <v>20599.468000000001</v>
      </c>
      <c r="S1558">
        <v>84008.166100000002</v>
      </c>
      <c r="T1558">
        <v>36723.800009999999</v>
      </c>
      <c r="U1558">
        <v>18349.316139999999</v>
      </c>
      <c r="W1558" s="83">
        <f>Bühler!N1590</f>
        <v>45356.83333332956</v>
      </c>
      <c r="X1558" s="83">
        <v>43165.833333333336</v>
      </c>
      <c r="Y1558">
        <v>259116.4442</v>
      </c>
      <c r="Z1558">
        <v>20369.400140000002</v>
      </c>
      <c r="AA1558">
        <v>55956.333480000001</v>
      </c>
      <c r="AB1558">
        <v>50243.056129999997</v>
      </c>
      <c r="AC1558">
        <v>44243.193429999999</v>
      </c>
      <c r="AD1558">
        <v>35798.332159999998</v>
      </c>
      <c r="AE1558">
        <v>37017.474470000001</v>
      </c>
      <c r="AF1558">
        <v>49212.513229999997</v>
      </c>
      <c r="AG1558">
        <v>29390.851869999999</v>
      </c>
      <c r="AH1558">
        <v>299571.07620000001</v>
      </c>
      <c r="AI1558">
        <v>82785.020260000005</v>
      </c>
      <c r="AJ1558">
        <v>23775.544249999999</v>
      </c>
      <c r="AK1558">
        <v>42469.70721</v>
      </c>
      <c r="AL1558">
        <v>82810.441449999998</v>
      </c>
      <c r="AM1558">
        <v>20599.468000000001</v>
      </c>
      <c r="AN1558">
        <v>84008.166100000002</v>
      </c>
      <c r="AO1558">
        <v>36723.800009999999</v>
      </c>
      <c r="AP1558">
        <v>18349.316139999999</v>
      </c>
    </row>
    <row r="1559" spans="2:42" x14ac:dyDescent="0.3">
      <c r="B1559">
        <v>57.092600181479263</v>
      </c>
      <c r="C1559" s="83">
        <v>43165.875</v>
      </c>
      <c r="D1559">
        <v>251850.5741</v>
      </c>
      <c r="E1559">
        <v>17802.840199999999</v>
      </c>
      <c r="F1559">
        <v>49668.010410000003</v>
      </c>
      <c r="G1559">
        <v>47099.048730000002</v>
      </c>
      <c r="H1559">
        <v>41599.621529999997</v>
      </c>
      <c r="I1559">
        <v>30327.54521</v>
      </c>
      <c r="J1559">
        <v>35129.195970000001</v>
      </c>
      <c r="K1559">
        <v>49097.513310000002</v>
      </c>
      <c r="L1559">
        <v>27598.923220000001</v>
      </c>
      <c r="M1559">
        <v>291084.70039999997</v>
      </c>
      <c r="N1559">
        <v>80307.066070000001</v>
      </c>
      <c r="O1559">
        <v>22898.581750000001</v>
      </c>
      <c r="P1559">
        <v>40754.555039999999</v>
      </c>
      <c r="Q1559">
        <v>80946.087050000002</v>
      </c>
      <c r="R1559">
        <v>19670.070390000001</v>
      </c>
      <c r="S1559">
        <v>78290.961710000003</v>
      </c>
      <c r="T1559">
        <v>32869.787920000002</v>
      </c>
      <c r="U1559">
        <v>17207.138800000001</v>
      </c>
      <c r="W1559" s="83">
        <f>Bühler!N1591</f>
        <v>45356.874999996224</v>
      </c>
      <c r="X1559" s="83">
        <v>43165.875</v>
      </c>
      <c r="Y1559">
        <v>251850.5741</v>
      </c>
      <c r="Z1559">
        <v>17802.840199999999</v>
      </c>
      <c r="AA1559">
        <v>49668.010410000003</v>
      </c>
      <c r="AB1559">
        <v>47099.048730000002</v>
      </c>
      <c r="AC1559">
        <v>41599.621529999997</v>
      </c>
      <c r="AD1559">
        <v>30327.54521</v>
      </c>
      <c r="AE1559">
        <v>35129.195970000001</v>
      </c>
      <c r="AF1559">
        <v>49097.513310000002</v>
      </c>
      <c r="AG1559">
        <v>27598.923220000001</v>
      </c>
      <c r="AH1559">
        <v>291084.70039999997</v>
      </c>
      <c r="AI1559">
        <v>80307.066070000001</v>
      </c>
      <c r="AJ1559">
        <v>22898.581750000001</v>
      </c>
      <c r="AK1559">
        <v>40754.555039999999</v>
      </c>
      <c r="AL1559">
        <v>80946.087050000002</v>
      </c>
      <c r="AM1559">
        <v>19670.070390000001</v>
      </c>
      <c r="AN1559">
        <v>78290.961710000003</v>
      </c>
      <c r="AO1559">
        <v>32869.787920000002</v>
      </c>
      <c r="AP1559">
        <v>17207.138800000001</v>
      </c>
    </row>
    <row r="1560" spans="2:42" x14ac:dyDescent="0.3">
      <c r="B1560">
        <v>57.048619602818825</v>
      </c>
      <c r="C1560" s="83">
        <v>43165.916666666664</v>
      </c>
      <c r="D1560">
        <v>250061.77729999999</v>
      </c>
      <c r="E1560">
        <v>17052.602989999999</v>
      </c>
      <c r="F1560">
        <v>47038.16403</v>
      </c>
      <c r="G1560">
        <v>44758.53239</v>
      </c>
      <c r="H1560">
        <v>41219.898350000003</v>
      </c>
      <c r="I1560">
        <v>29364.958709999999</v>
      </c>
      <c r="J1560">
        <v>33796.284460000003</v>
      </c>
      <c r="K1560">
        <v>53618.42052</v>
      </c>
      <c r="L1560">
        <v>25188.397710000001</v>
      </c>
      <c r="M1560">
        <v>290860.4669</v>
      </c>
      <c r="N1560">
        <v>80639.996620000005</v>
      </c>
      <c r="O1560">
        <v>23451.98604</v>
      </c>
      <c r="P1560">
        <v>42411.483890000003</v>
      </c>
      <c r="Q1560">
        <v>79659.057369999995</v>
      </c>
      <c r="R1560">
        <v>27519.011200000001</v>
      </c>
      <c r="S1560">
        <v>76580.052689999997</v>
      </c>
      <c r="T1560">
        <v>28946.666499999999</v>
      </c>
      <c r="U1560">
        <v>18249.568670000001</v>
      </c>
      <c r="W1560" s="83">
        <f>Bühler!N1592</f>
        <v>45356.916666662888</v>
      </c>
      <c r="X1560" s="83">
        <v>43165.916666666664</v>
      </c>
      <c r="Y1560">
        <v>250061.77729999999</v>
      </c>
      <c r="Z1560">
        <v>17052.602989999999</v>
      </c>
      <c r="AA1560">
        <v>47038.16403</v>
      </c>
      <c r="AB1560">
        <v>44758.53239</v>
      </c>
      <c r="AC1560">
        <v>41219.898350000003</v>
      </c>
      <c r="AD1560">
        <v>29364.958709999999</v>
      </c>
      <c r="AE1560">
        <v>33796.284460000003</v>
      </c>
      <c r="AF1560">
        <v>53618.42052</v>
      </c>
      <c r="AG1560">
        <v>25188.397710000001</v>
      </c>
      <c r="AH1560">
        <v>290860.4669</v>
      </c>
      <c r="AI1560">
        <v>80639.996620000005</v>
      </c>
      <c r="AJ1560">
        <v>23451.98604</v>
      </c>
      <c r="AK1560">
        <v>42411.483890000003</v>
      </c>
      <c r="AL1560">
        <v>79659.057369999995</v>
      </c>
      <c r="AM1560">
        <v>27519.011200000001</v>
      </c>
      <c r="AN1560">
        <v>76580.052689999997</v>
      </c>
      <c r="AO1560">
        <v>28946.666499999999</v>
      </c>
      <c r="AP1560">
        <v>18249.568670000001</v>
      </c>
    </row>
    <row r="1561" spans="2:42" x14ac:dyDescent="0.3">
      <c r="B1561">
        <v>55.678350362731955</v>
      </c>
      <c r="C1561" s="83">
        <v>43165.958333333336</v>
      </c>
      <c r="D1561">
        <v>250233.62969999999</v>
      </c>
      <c r="E1561">
        <v>16519.93849</v>
      </c>
      <c r="F1561">
        <v>45805.286030000003</v>
      </c>
      <c r="G1561">
        <v>43497.102140000003</v>
      </c>
      <c r="H1561">
        <v>40424.499210000002</v>
      </c>
      <c r="I1561">
        <v>27751.956440000002</v>
      </c>
      <c r="J1561">
        <v>31130.203310000001</v>
      </c>
      <c r="K1561">
        <v>52408.851849999999</v>
      </c>
      <c r="L1561">
        <v>22073.050009999999</v>
      </c>
      <c r="M1561">
        <v>283874.19530000002</v>
      </c>
      <c r="N1561">
        <v>79908.800319999995</v>
      </c>
      <c r="O1561">
        <v>23254.83855</v>
      </c>
      <c r="P1561">
        <v>38250.252090000002</v>
      </c>
      <c r="Q1561">
        <v>79585.622730000003</v>
      </c>
      <c r="R1561">
        <v>29514.246490000001</v>
      </c>
      <c r="S1561">
        <v>74766.170620000004</v>
      </c>
      <c r="T1561">
        <v>29670.310270000002</v>
      </c>
      <c r="U1561">
        <v>17429.14374</v>
      </c>
      <c r="W1561" s="83">
        <f>Bühler!N1593</f>
        <v>45356.958333329552</v>
      </c>
      <c r="X1561" s="83">
        <v>43165.958333333336</v>
      </c>
      <c r="Y1561">
        <v>250233.62969999999</v>
      </c>
      <c r="Z1561">
        <v>16519.93849</v>
      </c>
      <c r="AA1561">
        <v>45805.286030000003</v>
      </c>
      <c r="AB1561">
        <v>43497.102140000003</v>
      </c>
      <c r="AC1561">
        <v>40424.499210000002</v>
      </c>
      <c r="AD1561">
        <v>27751.956440000002</v>
      </c>
      <c r="AE1561">
        <v>31130.203310000001</v>
      </c>
      <c r="AF1561">
        <v>52408.851849999999</v>
      </c>
      <c r="AG1561">
        <v>22073.050009999999</v>
      </c>
      <c r="AH1561">
        <v>283874.19530000002</v>
      </c>
      <c r="AI1561">
        <v>79908.800319999995</v>
      </c>
      <c r="AJ1561">
        <v>23254.83855</v>
      </c>
      <c r="AK1561">
        <v>38250.252090000002</v>
      </c>
      <c r="AL1561">
        <v>79585.622730000003</v>
      </c>
      <c r="AM1561">
        <v>29514.246490000001</v>
      </c>
      <c r="AN1561">
        <v>74766.170620000004</v>
      </c>
      <c r="AO1561">
        <v>29670.310270000002</v>
      </c>
      <c r="AP1561">
        <v>17429.14374</v>
      </c>
    </row>
    <row r="1562" spans="2:42" x14ac:dyDescent="0.3">
      <c r="B1562">
        <v>54.495841938505016</v>
      </c>
      <c r="C1562" s="83">
        <v>43166</v>
      </c>
      <c r="D1562">
        <v>248452.6966</v>
      </c>
      <c r="E1562">
        <v>16251.124040000001</v>
      </c>
      <c r="F1562">
        <v>45420.830900000001</v>
      </c>
      <c r="G1562">
        <v>42999.320310000003</v>
      </c>
      <c r="H1562">
        <v>39850.213949999998</v>
      </c>
      <c r="I1562">
        <v>25548.862779999999</v>
      </c>
      <c r="J1562">
        <v>29849.022840000001</v>
      </c>
      <c r="K1562">
        <v>49895.163650000002</v>
      </c>
      <c r="L1562">
        <v>19682.484830000001</v>
      </c>
      <c r="M1562">
        <v>277845.21590000001</v>
      </c>
      <c r="N1562">
        <v>79486.821240000005</v>
      </c>
      <c r="O1562">
        <v>23816.436450000001</v>
      </c>
      <c r="P1562">
        <v>35577.796990000003</v>
      </c>
      <c r="Q1562">
        <v>79732.355949999997</v>
      </c>
      <c r="R1562">
        <v>25773.400559999998</v>
      </c>
      <c r="S1562">
        <v>74723.361309999993</v>
      </c>
      <c r="T1562">
        <v>28032.71056</v>
      </c>
      <c r="U1562">
        <v>17294.227299999999</v>
      </c>
      <c r="W1562" s="83">
        <f>Bühler!N1594</f>
        <v>45356.999999996217</v>
      </c>
      <c r="X1562" s="83">
        <v>43166</v>
      </c>
      <c r="Y1562">
        <v>248452.6966</v>
      </c>
      <c r="Z1562">
        <v>16251.124040000001</v>
      </c>
      <c r="AA1562">
        <v>45420.830900000001</v>
      </c>
      <c r="AB1562">
        <v>42999.320310000003</v>
      </c>
      <c r="AC1562">
        <v>39850.213949999998</v>
      </c>
      <c r="AD1562">
        <v>25548.862779999999</v>
      </c>
      <c r="AE1562">
        <v>29849.022840000001</v>
      </c>
      <c r="AF1562">
        <v>49895.163650000002</v>
      </c>
      <c r="AG1562">
        <v>19682.484830000001</v>
      </c>
      <c r="AH1562">
        <v>277845.21590000001</v>
      </c>
      <c r="AI1562">
        <v>79486.821240000005</v>
      </c>
      <c r="AJ1562">
        <v>23816.436450000001</v>
      </c>
      <c r="AK1562">
        <v>35577.796990000003</v>
      </c>
      <c r="AL1562">
        <v>79732.355949999997</v>
      </c>
      <c r="AM1562">
        <v>25773.400559999998</v>
      </c>
      <c r="AN1562">
        <v>74723.361309999993</v>
      </c>
      <c r="AO1562">
        <v>28032.71056</v>
      </c>
      <c r="AP1562">
        <v>17294.227299999999</v>
      </c>
    </row>
    <row r="1563" spans="2:42" x14ac:dyDescent="0.3">
      <c r="B1563">
        <v>55.388599484542688</v>
      </c>
      <c r="C1563" s="83">
        <v>43166.041666666664</v>
      </c>
      <c r="D1563">
        <v>249795.3947</v>
      </c>
      <c r="E1563">
        <v>16638.367279999999</v>
      </c>
      <c r="F1563">
        <v>49202.664680000002</v>
      </c>
      <c r="G1563">
        <v>43059.487450000001</v>
      </c>
      <c r="H1563">
        <v>39978.223960000003</v>
      </c>
      <c r="I1563">
        <v>21893.79565</v>
      </c>
      <c r="J1563">
        <v>33868.556940000002</v>
      </c>
      <c r="K1563">
        <v>48925.596720000001</v>
      </c>
      <c r="L1563">
        <v>19377.875019999999</v>
      </c>
      <c r="M1563">
        <v>282396.91019999998</v>
      </c>
      <c r="N1563">
        <v>81896.617450000005</v>
      </c>
      <c r="O1563">
        <v>24360.822080000002</v>
      </c>
      <c r="P1563">
        <v>33901.027569999998</v>
      </c>
      <c r="Q1563">
        <v>80594.041819999999</v>
      </c>
      <c r="R1563">
        <v>24206.476470000001</v>
      </c>
      <c r="S1563">
        <v>79114.374460000006</v>
      </c>
      <c r="T1563">
        <v>28116.816190000001</v>
      </c>
      <c r="U1563">
        <v>17981.061659999999</v>
      </c>
      <c r="W1563" s="83">
        <f>Bühler!N1595</f>
        <v>45357.041666662881</v>
      </c>
      <c r="X1563" s="83">
        <v>43166.041666666664</v>
      </c>
      <c r="Y1563">
        <v>249795.3947</v>
      </c>
      <c r="Z1563">
        <v>16638.367279999999</v>
      </c>
      <c r="AA1563">
        <v>49202.664680000002</v>
      </c>
      <c r="AB1563">
        <v>43059.487450000001</v>
      </c>
      <c r="AC1563">
        <v>39978.223960000003</v>
      </c>
      <c r="AD1563">
        <v>21893.79565</v>
      </c>
      <c r="AE1563">
        <v>33868.556940000002</v>
      </c>
      <c r="AF1563">
        <v>48925.596720000001</v>
      </c>
      <c r="AG1563">
        <v>19377.875019999999</v>
      </c>
      <c r="AH1563">
        <v>282396.91019999998</v>
      </c>
      <c r="AI1563">
        <v>81896.617450000005</v>
      </c>
      <c r="AJ1563">
        <v>24360.822080000002</v>
      </c>
      <c r="AK1563">
        <v>33901.027569999998</v>
      </c>
      <c r="AL1563">
        <v>80594.041819999999</v>
      </c>
      <c r="AM1563">
        <v>24206.476470000001</v>
      </c>
      <c r="AN1563">
        <v>79114.374460000006</v>
      </c>
      <c r="AO1563">
        <v>28116.816190000001</v>
      </c>
      <c r="AP1563">
        <v>17981.061659999999</v>
      </c>
    </row>
    <row r="1564" spans="2:42" x14ac:dyDescent="0.3">
      <c r="B1564">
        <v>56.079061902825472</v>
      </c>
      <c r="C1564" s="83">
        <v>43166.083333333336</v>
      </c>
      <c r="D1564">
        <v>249151.8181</v>
      </c>
      <c r="E1564">
        <v>16879.139480000002</v>
      </c>
      <c r="F1564">
        <v>50350.646919999999</v>
      </c>
      <c r="G1564">
        <v>42791.72408</v>
      </c>
      <c r="H1564">
        <v>40063.285320000003</v>
      </c>
      <c r="I1564">
        <v>20513.776129999998</v>
      </c>
      <c r="J1564">
        <v>34237.351210000001</v>
      </c>
      <c r="K1564">
        <v>48732.520060000003</v>
      </c>
      <c r="L1564">
        <v>19068.935229999999</v>
      </c>
      <c r="M1564">
        <v>285917.2096</v>
      </c>
      <c r="N1564">
        <v>81501.380099999995</v>
      </c>
      <c r="O1564">
        <v>24301.214769999999</v>
      </c>
      <c r="P1564">
        <v>33035.723440000002</v>
      </c>
      <c r="Q1564">
        <v>82380.795230000003</v>
      </c>
      <c r="R1564">
        <v>25088.553159999999</v>
      </c>
      <c r="S1564">
        <v>79422.329379999996</v>
      </c>
      <c r="T1564">
        <v>27562.8521</v>
      </c>
      <c r="U1564">
        <v>18199.697390000001</v>
      </c>
      <c r="W1564" s="83">
        <f>Bühler!N1596</f>
        <v>45357.083333329545</v>
      </c>
      <c r="X1564" s="83">
        <v>43166.083333333336</v>
      </c>
      <c r="Y1564">
        <v>249151.8181</v>
      </c>
      <c r="Z1564">
        <v>16879.139480000002</v>
      </c>
      <c r="AA1564">
        <v>50350.646919999999</v>
      </c>
      <c r="AB1564">
        <v>42791.72408</v>
      </c>
      <c r="AC1564">
        <v>40063.285320000003</v>
      </c>
      <c r="AD1564">
        <v>20513.776129999998</v>
      </c>
      <c r="AE1564">
        <v>34237.351210000001</v>
      </c>
      <c r="AF1564">
        <v>48732.520060000003</v>
      </c>
      <c r="AG1564">
        <v>19068.935229999999</v>
      </c>
      <c r="AH1564">
        <v>285917.2096</v>
      </c>
      <c r="AI1564">
        <v>81501.380099999995</v>
      </c>
      <c r="AJ1564">
        <v>24301.214769999999</v>
      </c>
      <c r="AK1564">
        <v>33035.723440000002</v>
      </c>
      <c r="AL1564">
        <v>82380.795230000003</v>
      </c>
      <c r="AM1564">
        <v>25088.553159999999</v>
      </c>
      <c r="AN1564">
        <v>79422.329379999996</v>
      </c>
      <c r="AO1564">
        <v>27562.8521</v>
      </c>
      <c r="AP1564">
        <v>18199.697390000001</v>
      </c>
    </row>
    <row r="1565" spans="2:42" x14ac:dyDescent="0.3">
      <c r="B1565">
        <v>56.602347204926076</v>
      </c>
      <c r="C1565" s="83">
        <v>43166.125</v>
      </c>
      <c r="D1565">
        <v>251371.22659999999</v>
      </c>
      <c r="E1565">
        <v>17012.73042</v>
      </c>
      <c r="F1565">
        <v>52128.908210000001</v>
      </c>
      <c r="G1565">
        <v>42080.492910000001</v>
      </c>
      <c r="H1565">
        <v>40394.295559999999</v>
      </c>
      <c r="I1565">
        <v>20594.59346</v>
      </c>
      <c r="J1565">
        <v>35073.573550000001</v>
      </c>
      <c r="K1565">
        <v>47159.176630000002</v>
      </c>
      <c r="L1565">
        <v>18879.286390000001</v>
      </c>
      <c r="M1565">
        <v>288585.16210000002</v>
      </c>
      <c r="N1565">
        <v>81657.993029999998</v>
      </c>
      <c r="O1565">
        <v>24568.68446</v>
      </c>
      <c r="P1565">
        <v>32761.152409999999</v>
      </c>
      <c r="Q1565">
        <v>85005.692110000004</v>
      </c>
      <c r="R1565">
        <v>24839.848730000002</v>
      </c>
      <c r="S1565">
        <v>78817.676160000003</v>
      </c>
      <c r="T1565">
        <v>27928.510020000002</v>
      </c>
      <c r="U1565">
        <v>18495.351589999998</v>
      </c>
      <c r="W1565" s="83">
        <f>Bühler!N1597</f>
        <v>45357.124999996209</v>
      </c>
      <c r="X1565" s="83">
        <v>43166.125</v>
      </c>
      <c r="Y1565">
        <v>251371.22659999999</v>
      </c>
      <c r="Z1565">
        <v>17012.73042</v>
      </c>
      <c r="AA1565">
        <v>52128.908210000001</v>
      </c>
      <c r="AB1565">
        <v>42080.492910000001</v>
      </c>
      <c r="AC1565">
        <v>40394.295559999999</v>
      </c>
      <c r="AD1565">
        <v>20594.59346</v>
      </c>
      <c r="AE1565">
        <v>35073.573550000001</v>
      </c>
      <c r="AF1565">
        <v>47159.176630000002</v>
      </c>
      <c r="AG1565">
        <v>18879.286390000001</v>
      </c>
      <c r="AH1565">
        <v>288585.16210000002</v>
      </c>
      <c r="AI1565">
        <v>81657.993029999998</v>
      </c>
      <c r="AJ1565">
        <v>24568.68446</v>
      </c>
      <c r="AK1565">
        <v>32761.152409999999</v>
      </c>
      <c r="AL1565">
        <v>85005.692110000004</v>
      </c>
      <c r="AM1565">
        <v>24839.848730000002</v>
      </c>
      <c r="AN1565">
        <v>78817.676160000003</v>
      </c>
      <c r="AO1565">
        <v>27928.510020000002</v>
      </c>
      <c r="AP1565">
        <v>18495.351589999998</v>
      </c>
    </row>
    <row r="1566" spans="2:42" x14ac:dyDescent="0.3">
      <c r="B1566">
        <v>58.192065515568316</v>
      </c>
      <c r="C1566" s="83">
        <v>43166.166666666664</v>
      </c>
      <c r="D1566">
        <v>254484.8751</v>
      </c>
      <c r="E1566">
        <v>17592.619259999999</v>
      </c>
      <c r="F1566">
        <v>55171.79221</v>
      </c>
      <c r="G1566">
        <v>41828.634440000002</v>
      </c>
      <c r="H1566">
        <v>41266.821909999999</v>
      </c>
      <c r="I1566">
        <v>24215.741040000001</v>
      </c>
      <c r="J1566">
        <v>37624.294950000003</v>
      </c>
      <c r="K1566">
        <v>45942.28441</v>
      </c>
      <c r="L1566">
        <v>19252.409909999998</v>
      </c>
      <c r="M1566">
        <v>296690.28739999997</v>
      </c>
      <c r="N1566">
        <v>81030.535929999998</v>
      </c>
      <c r="O1566">
        <v>24710.506359999999</v>
      </c>
      <c r="P1566">
        <v>31922.475549999999</v>
      </c>
      <c r="Q1566">
        <v>88390.329899999997</v>
      </c>
      <c r="R1566">
        <v>24832.404920000001</v>
      </c>
      <c r="S1566">
        <v>80535.434290000005</v>
      </c>
      <c r="T1566">
        <v>27542.083589999998</v>
      </c>
      <c r="U1566">
        <v>19319.674060000001</v>
      </c>
      <c r="W1566" s="83">
        <f>Bühler!N1598</f>
        <v>45357.166666662873</v>
      </c>
      <c r="X1566" s="83">
        <v>43166.166666666664</v>
      </c>
      <c r="Y1566">
        <v>254484.8751</v>
      </c>
      <c r="Z1566">
        <v>17592.619259999999</v>
      </c>
      <c r="AA1566">
        <v>55171.79221</v>
      </c>
      <c r="AB1566">
        <v>41828.634440000002</v>
      </c>
      <c r="AC1566">
        <v>41266.821909999999</v>
      </c>
      <c r="AD1566">
        <v>24215.741040000001</v>
      </c>
      <c r="AE1566">
        <v>37624.294950000003</v>
      </c>
      <c r="AF1566">
        <v>45942.28441</v>
      </c>
      <c r="AG1566">
        <v>19252.409909999998</v>
      </c>
      <c r="AH1566">
        <v>296690.28739999997</v>
      </c>
      <c r="AI1566">
        <v>81030.535929999998</v>
      </c>
      <c r="AJ1566">
        <v>24710.506359999999</v>
      </c>
      <c r="AK1566">
        <v>31922.475549999999</v>
      </c>
      <c r="AL1566">
        <v>88390.329899999997</v>
      </c>
      <c r="AM1566">
        <v>24832.404920000001</v>
      </c>
      <c r="AN1566">
        <v>80535.434290000005</v>
      </c>
      <c r="AO1566">
        <v>27542.083589999998</v>
      </c>
      <c r="AP1566">
        <v>19319.674060000001</v>
      </c>
    </row>
    <row r="1567" spans="2:42" x14ac:dyDescent="0.3">
      <c r="B1567">
        <v>61.387507498961114</v>
      </c>
      <c r="C1567" s="83">
        <v>43166.208333333336</v>
      </c>
      <c r="D1567">
        <v>269689.41800000001</v>
      </c>
      <c r="E1567">
        <v>19796.60959</v>
      </c>
      <c r="F1567">
        <v>65796.697740000003</v>
      </c>
      <c r="G1567">
        <v>44717.553399999997</v>
      </c>
      <c r="H1567">
        <v>43227.39761</v>
      </c>
      <c r="I1567">
        <v>33259.460899999998</v>
      </c>
      <c r="J1567">
        <v>40336.612410000002</v>
      </c>
      <c r="K1567">
        <v>46464.199659999998</v>
      </c>
      <c r="L1567">
        <v>20003.56006</v>
      </c>
      <c r="M1567">
        <v>312982.14079999999</v>
      </c>
      <c r="N1567">
        <v>83012.955520000003</v>
      </c>
      <c r="O1567">
        <v>25081.671869999998</v>
      </c>
      <c r="P1567">
        <v>32999.199950000002</v>
      </c>
      <c r="Q1567">
        <v>90427.443880000006</v>
      </c>
      <c r="R1567">
        <v>28285.94947</v>
      </c>
      <c r="S1567">
        <v>82944.981539999993</v>
      </c>
      <c r="T1567">
        <v>29533.19371</v>
      </c>
      <c r="U1567">
        <v>21277.244159999998</v>
      </c>
      <c r="W1567" s="83">
        <f>Bühler!N1599</f>
        <v>45357.208333329538</v>
      </c>
      <c r="X1567" s="83">
        <v>43166.208333333336</v>
      </c>
      <c r="Y1567">
        <v>269689.41800000001</v>
      </c>
      <c r="Z1567">
        <v>19796.60959</v>
      </c>
      <c r="AA1567">
        <v>65796.697740000003</v>
      </c>
      <c r="AB1567">
        <v>44717.553399999997</v>
      </c>
      <c r="AC1567">
        <v>43227.39761</v>
      </c>
      <c r="AD1567">
        <v>33259.460899999998</v>
      </c>
      <c r="AE1567">
        <v>40336.612410000002</v>
      </c>
      <c r="AF1567">
        <v>46464.199659999998</v>
      </c>
      <c r="AG1567">
        <v>20003.56006</v>
      </c>
      <c r="AH1567">
        <v>312982.14079999999</v>
      </c>
      <c r="AI1567">
        <v>83012.955520000003</v>
      </c>
      <c r="AJ1567">
        <v>25081.671869999998</v>
      </c>
      <c r="AK1567">
        <v>32999.199950000002</v>
      </c>
      <c r="AL1567">
        <v>90427.443880000006</v>
      </c>
      <c r="AM1567">
        <v>28285.94947</v>
      </c>
      <c r="AN1567">
        <v>82944.981539999993</v>
      </c>
      <c r="AO1567">
        <v>29533.19371</v>
      </c>
      <c r="AP1567">
        <v>21277.244159999998</v>
      </c>
    </row>
    <row r="1568" spans="2:42" x14ac:dyDescent="0.3">
      <c r="B1568">
        <v>64.696757529927964</v>
      </c>
      <c r="C1568" s="83">
        <v>43166.25</v>
      </c>
      <c r="D1568">
        <v>285905.29129999998</v>
      </c>
      <c r="E1568">
        <v>24160.248230000001</v>
      </c>
      <c r="F1568">
        <v>77694.751310000007</v>
      </c>
      <c r="G1568">
        <v>54895.001770000003</v>
      </c>
      <c r="H1568">
        <v>46793.710330000002</v>
      </c>
      <c r="I1568">
        <v>41157.732239999998</v>
      </c>
      <c r="J1568">
        <v>43171.934800000003</v>
      </c>
      <c r="K1568">
        <v>48699.05197</v>
      </c>
      <c r="L1568">
        <v>21622.012839999999</v>
      </c>
      <c r="M1568">
        <v>329854.24070000002</v>
      </c>
      <c r="N1568">
        <v>82857.659490000005</v>
      </c>
      <c r="O1568">
        <v>26102.019110000001</v>
      </c>
      <c r="P1568">
        <v>33414.87528</v>
      </c>
      <c r="Q1568">
        <v>92702.682639999999</v>
      </c>
      <c r="R1568">
        <v>20912.596839999998</v>
      </c>
      <c r="S1568">
        <v>89288.319610000006</v>
      </c>
      <c r="T1568">
        <v>31867.92942</v>
      </c>
      <c r="U1568">
        <v>23380.878840000001</v>
      </c>
      <c r="W1568" s="83">
        <f>Bühler!N1600</f>
        <v>45357.249999996202</v>
      </c>
      <c r="X1568" s="83">
        <v>43166.25</v>
      </c>
      <c r="Y1568">
        <v>285905.29129999998</v>
      </c>
      <c r="Z1568">
        <v>24160.248230000001</v>
      </c>
      <c r="AA1568">
        <v>77694.751310000007</v>
      </c>
      <c r="AB1568">
        <v>54895.001770000003</v>
      </c>
      <c r="AC1568">
        <v>46793.710330000002</v>
      </c>
      <c r="AD1568">
        <v>41157.732239999998</v>
      </c>
      <c r="AE1568">
        <v>43171.934800000003</v>
      </c>
      <c r="AF1568">
        <v>48699.05197</v>
      </c>
      <c r="AG1568">
        <v>21622.012839999999</v>
      </c>
      <c r="AH1568">
        <v>329854.24070000002</v>
      </c>
      <c r="AI1568">
        <v>82857.659490000005</v>
      </c>
      <c r="AJ1568">
        <v>26102.019110000001</v>
      </c>
      <c r="AK1568">
        <v>33414.87528</v>
      </c>
      <c r="AL1568">
        <v>92702.682639999999</v>
      </c>
      <c r="AM1568">
        <v>20912.596839999998</v>
      </c>
      <c r="AN1568">
        <v>89288.319610000006</v>
      </c>
      <c r="AO1568">
        <v>31867.92942</v>
      </c>
      <c r="AP1568">
        <v>23380.878840000001</v>
      </c>
    </row>
    <row r="1569" spans="2:42" x14ac:dyDescent="0.3">
      <c r="B1569">
        <v>64.524981932863994</v>
      </c>
      <c r="C1569" s="83">
        <v>43166.291666666664</v>
      </c>
      <c r="D1569">
        <v>297037.78289999999</v>
      </c>
      <c r="E1569">
        <v>28730.01094</v>
      </c>
      <c r="F1569">
        <v>74971.499320000003</v>
      </c>
      <c r="G1569">
        <v>67002.697560000001</v>
      </c>
      <c r="H1569">
        <v>51469.374029999999</v>
      </c>
      <c r="I1569">
        <v>49841.588470000002</v>
      </c>
      <c r="J1569">
        <v>39453.204489999996</v>
      </c>
      <c r="K1569">
        <v>52797.778960000003</v>
      </c>
      <c r="L1569">
        <v>24384.749459999999</v>
      </c>
      <c r="M1569">
        <v>328978.4486</v>
      </c>
      <c r="N1569">
        <v>87455.093439999997</v>
      </c>
      <c r="O1569">
        <v>28405.987509999999</v>
      </c>
      <c r="P1569">
        <v>36932.913229999998</v>
      </c>
      <c r="Q1569">
        <v>93604.322549999997</v>
      </c>
      <c r="R1569">
        <v>22352.320309999999</v>
      </c>
      <c r="S1569">
        <v>96660.988209999996</v>
      </c>
      <c r="T1569">
        <v>33419.606590000003</v>
      </c>
      <c r="U1569">
        <v>26974.1679</v>
      </c>
      <c r="W1569" s="83">
        <f>Bühler!N1601</f>
        <v>45357.291666662866</v>
      </c>
      <c r="X1569" s="83">
        <v>43166.291666666664</v>
      </c>
      <c r="Y1569">
        <v>297037.78289999999</v>
      </c>
      <c r="Z1569">
        <v>28730.01094</v>
      </c>
      <c r="AA1569">
        <v>74971.499320000003</v>
      </c>
      <c r="AB1569">
        <v>67002.697560000001</v>
      </c>
      <c r="AC1569">
        <v>51469.374029999999</v>
      </c>
      <c r="AD1569">
        <v>49841.588470000002</v>
      </c>
      <c r="AE1569">
        <v>39453.204489999996</v>
      </c>
      <c r="AF1569">
        <v>52797.778960000003</v>
      </c>
      <c r="AG1569">
        <v>24384.749459999999</v>
      </c>
      <c r="AH1569">
        <v>328978.4486</v>
      </c>
      <c r="AI1569">
        <v>87455.093439999997</v>
      </c>
      <c r="AJ1569">
        <v>28405.987509999999</v>
      </c>
      <c r="AK1569">
        <v>36932.913229999998</v>
      </c>
      <c r="AL1569">
        <v>93604.322549999997</v>
      </c>
      <c r="AM1569">
        <v>22352.320309999999</v>
      </c>
      <c r="AN1569">
        <v>96660.988209999996</v>
      </c>
      <c r="AO1569">
        <v>33419.606590000003</v>
      </c>
      <c r="AP1569">
        <v>26974.1679</v>
      </c>
    </row>
    <row r="1570" spans="2:42" x14ac:dyDescent="0.3">
      <c r="B1570">
        <v>65.262230381298039</v>
      </c>
      <c r="C1570" s="83">
        <v>43166.333333333336</v>
      </c>
      <c r="D1570">
        <v>308225.77250000002</v>
      </c>
      <c r="E1570">
        <v>34729.927490000002</v>
      </c>
      <c r="F1570">
        <v>80014.365170000005</v>
      </c>
      <c r="G1570">
        <v>79740.690600000002</v>
      </c>
      <c r="H1570">
        <v>56215.886939999997</v>
      </c>
      <c r="I1570">
        <v>52143.260049999997</v>
      </c>
      <c r="J1570">
        <v>39417.062489999997</v>
      </c>
      <c r="K1570">
        <v>57087.50387</v>
      </c>
      <c r="L1570">
        <v>27493.8001</v>
      </c>
      <c r="M1570">
        <v>332737.28499999997</v>
      </c>
      <c r="N1570">
        <v>94786.426900000006</v>
      </c>
      <c r="O1570">
        <v>28840.28211</v>
      </c>
      <c r="P1570">
        <v>38853.656649999997</v>
      </c>
      <c r="Q1570">
        <v>94362.807289999997</v>
      </c>
      <c r="R1570">
        <v>24075.17582</v>
      </c>
      <c r="S1570">
        <v>107270.4452</v>
      </c>
      <c r="T1570">
        <v>36780.987979999998</v>
      </c>
      <c r="U1570">
        <v>29338.146100000002</v>
      </c>
      <c r="W1570" s="83">
        <f>Bühler!N1602</f>
        <v>45357.33333332953</v>
      </c>
      <c r="X1570" s="83">
        <v>43166.333333333336</v>
      </c>
      <c r="Y1570">
        <v>308225.77250000002</v>
      </c>
      <c r="Z1570">
        <v>34729.927490000002</v>
      </c>
      <c r="AA1570">
        <v>80014.365170000005</v>
      </c>
      <c r="AB1570">
        <v>79740.690600000002</v>
      </c>
      <c r="AC1570">
        <v>56215.886939999997</v>
      </c>
      <c r="AD1570">
        <v>52143.260049999997</v>
      </c>
      <c r="AE1570">
        <v>39417.062489999997</v>
      </c>
      <c r="AF1570">
        <v>57087.50387</v>
      </c>
      <c r="AG1570">
        <v>27493.8001</v>
      </c>
      <c r="AH1570">
        <v>332737.28499999997</v>
      </c>
      <c r="AI1570">
        <v>94786.426900000006</v>
      </c>
      <c r="AJ1570">
        <v>28840.28211</v>
      </c>
      <c r="AK1570">
        <v>38853.656649999997</v>
      </c>
      <c r="AL1570">
        <v>94362.807289999997</v>
      </c>
      <c r="AM1570">
        <v>24075.17582</v>
      </c>
      <c r="AN1570">
        <v>107270.4452</v>
      </c>
      <c r="AO1570">
        <v>36780.987979999998</v>
      </c>
      <c r="AP1570">
        <v>29338.146100000002</v>
      </c>
    </row>
    <row r="1571" spans="2:42" x14ac:dyDescent="0.3">
      <c r="B1571">
        <v>65.378077179214415</v>
      </c>
      <c r="C1571" s="83">
        <v>43166.375</v>
      </c>
      <c r="D1571">
        <v>307274.89240000001</v>
      </c>
      <c r="E1571">
        <v>38607.512040000001</v>
      </c>
      <c r="F1571">
        <v>87212.209390000004</v>
      </c>
      <c r="G1571">
        <v>86905.679050000006</v>
      </c>
      <c r="H1571">
        <v>57761.236779999999</v>
      </c>
      <c r="I1571">
        <v>47533.860159999997</v>
      </c>
      <c r="J1571">
        <v>39440.476730000002</v>
      </c>
      <c r="K1571">
        <v>59454.77562</v>
      </c>
      <c r="L1571">
        <v>30170.304619999999</v>
      </c>
      <c r="M1571">
        <v>333327.92599999998</v>
      </c>
      <c r="N1571">
        <v>102869.402</v>
      </c>
      <c r="O1571">
        <v>29402.87155</v>
      </c>
      <c r="P1571">
        <v>40554.394390000001</v>
      </c>
      <c r="Q1571">
        <v>94049.109589999993</v>
      </c>
      <c r="R1571">
        <v>25117.471969999999</v>
      </c>
      <c r="S1571">
        <v>111474.148</v>
      </c>
      <c r="T1571">
        <v>39394.724820000003</v>
      </c>
      <c r="U1571">
        <v>29206.148079999999</v>
      </c>
      <c r="W1571" s="83">
        <f>Bühler!N1603</f>
        <v>45357.374999996195</v>
      </c>
      <c r="X1571" s="83">
        <v>43166.375</v>
      </c>
      <c r="Y1571">
        <v>307274.89240000001</v>
      </c>
      <c r="Z1571">
        <v>38607.512040000001</v>
      </c>
      <c r="AA1571">
        <v>87212.209390000004</v>
      </c>
      <c r="AB1571">
        <v>86905.679050000006</v>
      </c>
      <c r="AC1571">
        <v>57761.236779999999</v>
      </c>
      <c r="AD1571">
        <v>47533.860159999997</v>
      </c>
      <c r="AE1571">
        <v>39440.476730000002</v>
      </c>
      <c r="AF1571">
        <v>59454.77562</v>
      </c>
      <c r="AG1571">
        <v>30170.304619999999</v>
      </c>
      <c r="AH1571">
        <v>333327.92599999998</v>
      </c>
      <c r="AI1571">
        <v>102869.402</v>
      </c>
      <c r="AJ1571">
        <v>29402.87155</v>
      </c>
      <c r="AK1571">
        <v>40554.394390000001</v>
      </c>
      <c r="AL1571">
        <v>94049.109589999993</v>
      </c>
      <c r="AM1571">
        <v>25117.471969999999</v>
      </c>
      <c r="AN1571">
        <v>111474.148</v>
      </c>
      <c r="AO1571">
        <v>39394.724820000003</v>
      </c>
      <c r="AP1571">
        <v>29206.148079999999</v>
      </c>
    </row>
    <row r="1572" spans="2:42" x14ac:dyDescent="0.3">
      <c r="B1572">
        <v>66.05501817843188</v>
      </c>
      <c r="C1572" s="83">
        <v>43166.416666666664</v>
      </c>
      <c r="D1572">
        <v>311765.99570000003</v>
      </c>
      <c r="E1572">
        <v>39889.521780000003</v>
      </c>
      <c r="F1572">
        <v>86751.230590000006</v>
      </c>
      <c r="G1572">
        <v>87219.497390000004</v>
      </c>
      <c r="H1572">
        <v>57109.270640000002</v>
      </c>
      <c r="I1572">
        <v>43322.394050000003</v>
      </c>
      <c r="J1572">
        <v>38470.571230000001</v>
      </c>
      <c r="K1572">
        <v>60820.43204</v>
      </c>
      <c r="L1572">
        <v>32692.468499999999</v>
      </c>
      <c r="M1572">
        <v>336779.28690000001</v>
      </c>
      <c r="N1572">
        <v>103493.9005</v>
      </c>
      <c r="O1572">
        <v>28986.855</v>
      </c>
      <c r="P1572">
        <v>40691.588969999997</v>
      </c>
      <c r="Q1572">
        <v>94063.172579999999</v>
      </c>
      <c r="R1572">
        <v>25610.546060000001</v>
      </c>
      <c r="S1572">
        <v>114324.9458</v>
      </c>
      <c r="T1572">
        <v>39954.922319999998</v>
      </c>
      <c r="U1572">
        <v>29179.970410000002</v>
      </c>
      <c r="W1572" s="83">
        <f>Bühler!N1604</f>
        <v>45357.416666662859</v>
      </c>
      <c r="X1572" s="83">
        <v>43166.416666666664</v>
      </c>
      <c r="Y1572">
        <v>311765.99570000003</v>
      </c>
      <c r="Z1572">
        <v>39889.521780000003</v>
      </c>
      <c r="AA1572">
        <v>86751.230590000006</v>
      </c>
      <c r="AB1572">
        <v>87219.497390000004</v>
      </c>
      <c r="AC1572">
        <v>57109.270640000002</v>
      </c>
      <c r="AD1572">
        <v>43322.394050000003</v>
      </c>
      <c r="AE1572">
        <v>38470.571230000001</v>
      </c>
      <c r="AF1572">
        <v>60820.43204</v>
      </c>
      <c r="AG1572">
        <v>32692.468499999999</v>
      </c>
      <c r="AH1572">
        <v>336779.28690000001</v>
      </c>
      <c r="AI1572">
        <v>103493.9005</v>
      </c>
      <c r="AJ1572">
        <v>28986.855</v>
      </c>
      <c r="AK1572">
        <v>40691.588969999997</v>
      </c>
      <c r="AL1572">
        <v>94063.172579999999</v>
      </c>
      <c r="AM1572">
        <v>25610.546060000001</v>
      </c>
      <c r="AN1572">
        <v>114324.9458</v>
      </c>
      <c r="AO1572">
        <v>39954.922319999998</v>
      </c>
      <c r="AP1572">
        <v>29179.970410000002</v>
      </c>
    </row>
    <row r="1573" spans="2:42" x14ac:dyDescent="0.3">
      <c r="B1573">
        <v>65.937156598165075</v>
      </c>
      <c r="C1573" s="83">
        <v>43166.458333333336</v>
      </c>
      <c r="D1573">
        <v>306671.90179999999</v>
      </c>
      <c r="E1573">
        <v>39427.569779999998</v>
      </c>
      <c r="F1573">
        <v>87128.84607</v>
      </c>
      <c r="G1573">
        <v>86436.075429999997</v>
      </c>
      <c r="H1573">
        <v>56525.075790000003</v>
      </c>
      <c r="I1573">
        <v>41304.214820000001</v>
      </c>
      <c r="J1573">
        <v>37535.254930000003</v>
      </c>
      <c r="K1573">
        <v>61797.0674</v>
      </c>
      <c r="L1573">
        <v>34221.86232</v>
      </c>
      <c r="M1573">
        <v>336178.37359999999</v>
      </c>
      <c r="N1573">
        <v>104107.6911</v>
      </c>
      <c r="O1573">
        <v>29216.152689999999</v>
      </c>
      <c r="P1573">
        <v>39990.581200000001</v>
      </c>
      <c r="Q1573">
        <v>93415.885639999993</v>
      </c>
      <c r="R1573">
        <v>27240.14518</v>
      </c>
      <c r="S1573">
        <v>115745.67389999999</v>
      </c>
      <c r="T1573">
        <v>39808.184090000002</v>
      </c>
      <c r="U1573">
        <v>28227.02996</v>
      </c>
      <c r="W1573" s="83">
        <f>Bühler!N1605</f>
        <v>45357.458333329523</v>
      </c>
      <c r="X1573" s="83">
        <v>43166.458333333336</v>
      </c>
      <c r="Y1573">
        <v>306671.90179999999</v>
      </c>
      <c r="Z1573">
        <v>39427.569779999998</v>
      </c>
      <c r="AA1573">
        <v>87128.84607</v>
      </c>
      <c r="AB1573">
        <v>86436.075429999997</v>
      </c>
      <c r="AC1573">
        <v>56525.075790000003</v>
      </c>
      <c r="AD1573">
        <v>41304.214820000001</v>
      </c>
      <c r="AE1573">
        <v>37535.254930000003</v>
      </c>
      <c r="AF1573">
        <v>61797.0674</v>
      </c>
      <c r="AG1573">
        <v>34221.86232</v>
      </c>
      <c r="AH1573">
        <v>336178.37359999999</v>
      </c>
      <c r="AI1573">
        <v>104107.6911</v>
      </c>
      <c r="AJ1573">
        <v>29216.152689999999</v>
      </c>
      <c r="AK1573">
        <v>39990.581200000001</v>
      </c>
      <c r="AL1573">
        <v>93415.885639999993</v>
      </c>
      <c r="AM1573">
        <v>27240.14518</v>
      </c>
      <c r="AN1573">
        <v>115745.67389999999</v>
      </c>
      <c r="AO1573">
        <v>39808.184090000002</v>
      </c>
      <c r="AP1573">
        <v>28227.02996</v>
      </c>
    </row>
    <row r="1574" spans="2:42" x14ac:dyDescent="0.3">
      <c r="B1574">
        <v>64.300490797052944</v>
      </c>
      <c r="C1574" s="83">
        <v>43166.5</v>
      </c>
      <c r="D1574">
        <v>292630.32309999998</v>
      </c>
      <c r="E1574">
        <v>35370.951330000004</v>
      </c>
      <c r="F1574">
        <v>81016.579060000004</v>
      </c>
      <c r="G1574">
        <v>80343.005569999994</v>
      </c>
      <c r="H1574">
        <v>53616.546900000001</v>
      </c>
      <c r="I1574">
        <v>39974.45102</v>
      </c>
      <c r="J1574">
        <v>36985.122920000002</v>
      </c>
      <c r="K1574">
        <v>58332.523370000003</v>
      </c>
      <c r="L1574">
        <v>36236.911319999999</v>
      </c>
      <c r="M1574">
        <v>327833.88809999998</v>
      </c>
      <c r="N1574">
        <v>101704.49980000001</v>
      </c>
      <c r="O1574">
        <v>28291.61881</v>
      </c>
      <c r="P1574">
        <v>40611.543140000002</v>
      </c>
      <c r="Q1574">
        <v>92307.77145</v>
      </c>
      <c r="R1574">
        <v>26590.982209999998</v>
      </c>
      <c r="S1574">
        <v>108381.1195</v>
      </c>
      <c r="T1574">
        <v>38352.262569999999</v>
      </c>
      <c r="U1574">
        <v>23098.623019999999</v>
      </c>
      <c r="W1574" s="83">
        <f>Bühler!N1606</f>
        <v>45357.499999996187</v>
      </c>
      <c r="X1574" s="83">
        <v>43166.5</v>
      </c>
      <c r="Y1574">
        <v>292630.32309999998</v>
      </c>
      <c r="Z1574">
        <v>35370.951330000004</v>
      </c>
      <c r="AA1574">
        <v>81016.579060000004</v>
      </c>
      <c r="AB1574">
        <v>80343.005569999994</v>
      </c>
      <c r="AC1574">
        <v>53616.546900000001</v>
      </c>
      <c r="AD1574">
        <v>39974.45102</v>
      </c>
      <c r="AE1574">
        <v>36985.122920000002</v>
      </c>
      <c r="AF1574">
        <v>58332.523370000003</v>
      </c>
      <c r="AG1574">
        <v>36236.911319999999</v>
      </c>
      <c r="AH1574">
        <v>327833.88809999998</v>
      </c>
      <c r="AI1574">
        <v>101704.49980000001</v>
      </c>
      <c r="AJ1574">
        <v>28291.61881</v>
      </c>
      <c r="AK1574">
        <v>40611.543140000002</v>
      </c>
      <c r="AL1574">
        <v>92307.77145</v>
      </c>
      <c r="AM1574">
        <v>26590.982209999998</v>
      </c>
      <c r="AN1574">
        <v>108381.1195</v>
      </c>
      <c r="AO1574">
        <v>38352.262569999999</v>
      </c>
      <c r="AP1574">
        <v>23098.623019999999</v>
      </c>
    </row>
    <row r="1575" spans="2:42" x14ac:dyDescent="0.3">
      <c r="B1575">
        <v>63.764275783235405</v>
      </c>
      <c r="C1575" s="83">
        <v>43166.541666666664</v>
      </c>
      <c r="D1575">
        <v>295018.04979999998</v>
      </c>
      <c r="E1575">
        <v>34913.355900000002</v>
      </c>
      <c r="F1575">
        <v>77569.039430000004</v>
      </c>
      <c r="G1575">
        <v>74727.819919999994</v>
      </c>
      <c r="H1575">
        <v>53925.747750000002</v>
      </c>
      <c r="I1575">
        <v>39076.773889999997</v>
      </c>
      <c r="J1575">
        <v>34612.366900000001</v>
      </c>
      <c r="K1575">
        <v>62048.342859999997</v>
      </c>
      <c r="L1575">
        <v>34773.21041</v>
      </c>
      <c r="M1575">
        <v>325100.01390000002</v>
      </c>
      <c r="N1575">
        <v>99756.1777</v>
      </c>
      <c r="O1575">
        <v>28167.062870000002</v>
      </c>
      <c r="P1575">
        <v>39040.62369</v>
      </c>
      <c r="Q1575">
        <v>90986.045840000006</v>
      </c>
      <c r="R1575">
        <v>25703.450519999999</v>
      </c>
      <c r="S1575">
        <v>107617.6982</v>
      </c>
      <c r="T1575">
        <v>37078.506569999998</v>
      </c>
      <c r="U1575">
        <v>24876.40868</v>
      </c>
      <c r="W1575" s="83">
        <f>Bühler!N1607</f>
        <v>45357.541666662852</v>
      </c>
      <c r="X1575" s="83">
        <v>43166.541666666664</v>
      </c>
      <c r="Y1575">
        <v>295018.04979999998</v>
      </c>
      <c r="Z1575">
        <v>34913.355900000002</v>
      </c>
      <c r="AA1575">
        <v>77569.039430000004</v>
      </c>
      <c r="AB1575">
        <v>74727.819919999994</v>
      </c>
      <c r="AC1575">
        <v>53925.747750000002</v>
      </c>
      <c r="AD1575">
        <v>39076.773889999997</v>
      </c>
      <c r="AE1575">
        <v>34612.366900000001</v>
      </c>
      <c r="AF1575">
        <v>62048.342859999997</v>
      </c>
      <c r="AG1575">
        <v>34773.21041</v>
      </c>
      <c r="AH1575">
        <v>325100.01390000002</v>
      </c>
      <c r="AI1575">
        <v>99756.1777</v>
      </c>
      <c r="AJ1575">
        <v>28167.062870000002</v>
      </c>
      <c r="AK1575">
        <v>39040.62369</v>
      </c>
      <c r="AL1575">
        <v>90986.045840000006</v>
      </c>
      <c r="AM1575">
        <v>25703.450519999999</v>
      </c>
      <c r="AN1575">
        <v>107617.6982</v>
      </c>
      <c r="AO1575">
        <v>37078.506569999998</v>
      </c>
      <c r="AP1575">
        <v>24876.40868</v>
      </c>
    </row>
    <row r="1576" spans="2:42" x14ac:dyDescent="0.3">
      <c r="B1576">
        <v>64.164969886712882</v>
      </c>
      <c r="C1576" s="83">
        <v>43166.583333333336</v>
      </c>
      <c r="D1576">
        <v>299048.96899999998</v>
      </c>
      <c r="E1576">
        <v>37639.182999999997</v>
      </c>
      <c r="F1576">
        <v>83496.092229999995</v>
      </c>
      <c r="G1576">
        <v>72794.738740000001</v>
      </c>
      <c r="H1576">
        <v>54168.635679999999</v>
      </c>
      <c r="I1576">
        <v>40579.49742</v>
      </c>
      <c r="J1576">
        <v>33270.18275</v>
      </c>
      <c r="K1576">
        <v>61730.000220000002</v>
      </c>
      <c r="L1576">
        <v>31101.934109999998</v>
      </c>
      <c r="M1576">
        <v>327142.93930000003</v>
      </c>
      <c r="N1576">
        <v>101995.1259</v>
      </c>
      <c r="O1576">
        <v>28202.35641</v>
      </c>
      <c r="P1576">
        <v>35737.510219999996</v>
      </c>
      <c r="Q1576">
        <v>89454.449489999999</v>
      </c>
      <c r="R1576">
        <v>24952.79823</v>
      </c>
      <c r="S1576">
        <v>104193.5248</v>
      </c>
      <c r="T1576">
        <v>36300.392249999997</v>
      </c>
      <c r="U1576">
        <v>25239.64717</v>
      </c>
      <c r="W1576" s="83">
        <f>Bühler!N1608</f>
        <v>45357.583333329516</v>
      </c>
      <c r="X1576" s="83">
        <v>43166.583333333336</v>
      </c>
      <c r="Y1576">
        <v>299048.96899999998</v>
      </c>
      <c r="Z1576">
        <v>37639.182999999997</v>
      </c>
      <c r="AA1576">
        <v>83496.092229999995</v>
      </c>
      <c r="AB1576">
        <v>72794.738740000001</v>
      </c>
      <c r="AC1576">
        <v>54168.635679999999</v>
      </c>
      <c r="AD1576">
        <v>40579.49742</v>
      </c>
      <c r="AE1576">
        <v>33270.18275</v>
      </c>
      <c r="AF1576">
        <v>61730.000220000002</v>
      </c>
      <c r="AG1576">
        <v>31101.934109999998</v>
      </c>
      <c r="AH1576">
        <v>327142.93930000003</v>
      </c>
      <c r="AI1576">
        <v>101995.1259</v>
      </c>
      <c r="AJ1576">
        <v>28202.35641</v>
      </c>
      <c r="AK1576">
        <v>35737.510219999996</v>
      </c>
      <c r="AL1576">
        <v>89454.449489999999</v>
      </c>
      <c r="AM1576">
        <v>24952.79823</v>
      </c>
      <c r="AN1576">
        <v>104193.5248</v>
      </c>
      <c r="AO1576">
        <v>36300.392249999997</v>
      </c>
      <c r="AP1576">
        <v>25239.64717</v>
      </c>
    </row>
    <row r="1577" spans="2:42" x14ac:dyDescent="0.3">
      <c r="B1577">
        <v>63.27043696365142</v>
      </c>
      <c r="C1577" s="83">
        <v>43166.625</v>
      </c>
      <c r="D1577">
        <v>296571.36200000002</v>
      </c>
      <c r="E1577">
        <v>36947.309930000003</v>
      </c>
      <c r="F1577">
        <v>83867.448600000003</v>
      </c>
      <c r="G1577">
        <v>72028.449840000001</v>
      </c>
      <c r="H1577">
        <v>52664.249369999998</v>
      </c>
      <c r="I1577">
        <v>41026.56194</v>
      </c>
      <c r="J1577">
        <v>35487.534189999998</v>
      </c>
      <c r="K1577">
        <v>60795.708379999996</v>
      </c>
      <c r="L1577">
        <v>28294.17972</v>
      </c>
      <c r="M1577">
        <v>322582.19329999998</v>
      </c>
      <c r="N1577">
        <v>99517.878670000006</v>
      </c>
      <c r="O1577">
        <v>27780.602599999998</v>
      </c>
      <c r="P1577">
        <v>34546.428899999999</v>
      </c>
      <c r="Q1577">
        <v>89416.022570000001</v>
      </c>
      <c r="R1577">
        <v>25093.688119999999</v>
      </c>
      <c r="S1577">
        <v>102301.3051</v>
      </c>
      <c r="T1577">
        <v>35884.527470000001</v>
      </c>
      <c r="U1577">
        <v>24505.79464</v>
      </c>
      <c r="W1577" s="83">
        <f>Bühler!N1609</f>
        <v>45357.62499999618</v>
      </c>
      <c r="X1577" s="83">
        <v>43166.625</v>
      </c>
      <c r="Y1577">
        <v>296571.36200000002</v>
      </c>
      <c r="Z1577">
        <v>36947.309930000003</v>
      </c>
      <c r="AA1577">
        <v>83867.448600000003</v>
      </c>
      <c r="AB1577">
        <v>72028.449840000001</v>
      </c>
      <c r="AC1577">
        <v>52664.249369999998</v>
      </c>
      <c r="AD1577">
        <v>41026.56194</v>
      </c>
      <c r="AE1577">
        <v>35487.534189999998</v>
      </c>
      <c r="AF1577">
        <v>60795.708379999996</v>
      </c>
      <c r="AG1577">
        <v>28294.17972</v>
      </c>
      <c r="AH1577">
        <v>322582.19329999998</v>
      </c>
      <c r="AI1577">
        <v>99517.878670000006</v>
      </c>
      <c r="AJ1577">
        <v>27780.602599999998</v>
      </c>
      <c r="AK1577">
        <v>34546.428899999999</v>
      </c>
      <c r="AL1577">
        <v>89416.022570000001</v>
      </c>
      <c r="AM1577">
        <v>25093.688119999999</v>
      </c>
      <c r="AN1577">
        <v>102301.3051</v>
      </c>
      <c r="AO1577">
        <v>35884.527470000001</v>
      </c>
      <c r="AP1577">
        <v>24505.79464</v>
      </c>
    </row>
    <row r="1578" spans="2:42" x14ac:dyDescent="0.3">
      <c r="B1578">
        <v>62.339624836689396</v>
      </c>
      <c r="C1578" s="83">
        <v>43166.666666666664</v>
      </c>
      <c r="D1578">
        <v>290660.8738</v>
      </c>
      <c r="E1578">
        <v>36287.688020000001</v>
      </c>
      <c r="F1578">
        <v>83103.094930000007</v>
      </c>
      <c r="G1578">
        <v>67729.464730000007</v>
      </c>
      <c r="H1578">
        <v>51365.866580000002</v>
      </c>
      <c r="I1578">
        <v>42797.796199999997</v>
      </c>
      <c r="J1578">
        <v>34963.221989999998</v>
      </c>
      <c r="K1578">
        <v>58346.76526</v>
      </c>
      <c r="L1578">
        <v>27313.61376</v>
      </c>
      <c r="M1578">
        <v>317836.47899999999</v>
      </c>
      <c r="N1578">
        <v>97260.878890000007</v>
      </c>
      <c r="O1578">
        <v>26790.39805</v>
      </c>
      <c r="P1578">
        <v>34684.02807</v>
      </c>
      <c r="Q1578">
        <v>88336.226250000007</v>
      </c>
      <c r="R1578">
        <v>24458.05718</v>
      </c>
      <c r="S1578">
        <v>100129.3538</v>
      </c>
      <c r="T1578">
        <v>36291.670279999998</v>
      </c>
      <c r="U1578">
        <v>23476.559720000001</v>
      </c>
      <c r="W1578" s="83">
        <f>Bühler!N1610</f>
        <v>45357.666666662844</v>
      </c>
      <c r="X1578" s="83">
        <v>43166.666666666664</v>
      </c>
      <c r="Y1578">
        <v>290660.8738</v>
      </c>
      <c r="Z1578">
        <v>36287.688020000001</v>
      </c>
      <c r="AA1578">
        <v>83103.094930000007</v>
      </c>
      <c r="AB1578">
        <v>67729.464730000007</v>
      </c>
      <c r="AC1578">
        <v>51365.866580000002</v>
      </c>
      <c r="AD1578">
        <v>42797.796199999997</v>
      </c>
      <c r="AE1578">
        <v>34963.221989999998</v>
      </c>
      <c r="AF1578">
        <v>58346.76526</v>
      </c>
      <c r="AG1578">
        <v>27313.61376</v>
      </c>
      <c r="AH1578">
        <v>317836.47899999999</v>
      </c>
      <c r="AI1578">
        <v>97260.878890000007</v>
      </c>
      <c r="AJ1578">
        <v>26790.39805</v>
      </c>
      <c r="AK1578">
        <v>34684.02807</v>
      </c>
      <c r="AL1578">
        <v>88336.226250000007</v>
      </c>
      <c r="AM1578">
        <v>24458.05718</v>
      </c>
      <c r="AN1578">
        <v>100129.3538</v>
      </c>
      <c r="AO1578">
        <v>36291.670279999998</v>
      </c>
      <c r="AP1578">
        <v>23476.559720000001</v>
      </c>
    </row>
    <row r="1579" spans="2:42" x14ac:dyDescent="0.3">
      <c r="B1579">
        <v>61.45403170001525</v>
      </c>
      <c r="C1579" s="83">
        <v>43166.708333333336</v>
      </c>
      <c r="D1579">
        <v>279662.28879999998</v>
      </c>
      <c r="E1579">
        <v>34239.57819</v>
      </c>
      <c r="F1579">
        <v>82437.694229999994</v>
      </c>
      <c r="G1579">
        <v>62861.829599999997</v>
      </c>
      <c r="H1579">
        <v>48891.66345</v>
      </c>
      <c r="I1579">
        <v>43605.665220000003</v>
      </c>
      <c r="J1579">
        <v>34817.148849999998</v>
      </c>
      <c r="K1579">
        <v>53084.860200000003</v>
      </c>
      <c r="L1579">
        <v>27006.560369999999</v>
      </c>
      <c r="M1579">
        <v>313321.31219999999</v>
      </c>
      <c r="N1579">
        <v>88653.076790000006</v>
      </c>
      <c r="O1579">
        <v>26432.075079999999</v>
      </c>
      <c r="P1579">
        <v>35867.014889999999</v>
      </c>
      <c r="Q1579">
        <v>87146.726939999993</v>
      </c>
      <c r="R1579">
        <v>24119.303550000001</v>
      </c>
      <c r="S1579">
        <v>96979.548160000006</v>
      </c>
      <c r="T1579">
        <v>35891.17338</v>
      </c>
      <c r="U1579">
        <v>21560.2605</v>
      </c>
      <c r="W1579" s="83">
        <f>Bühler!N1611</f>
        <v>45357.708333329509</v>
      </c>
      <c r="X1579" s="83">
        <v>43166.708333333336</v>
      </c>
      <c r="Y1579">
        <v>279662.28879999998</v>
      </c>
      <c r="Z1579">
        <v>34239.57819</v>
      </c>
      <c r="AA1579">
        <v>82437.694229999994</v>
      </c>
      <c r="AB1579">
        <v>62861.829599999997</v>
      </c>
      <c r="AC1579">
        <v>48891.66345</v>
      </c>
      <c r="AD1579">
        <v>43605.665220000003</v>
      </c>
      <c r="AE1579">
        <v>34817.148849999998</v>
      </c>
      <c r="AF1579">
        <v>53084.860200000003</v>
      </c>
      <c r="AG1579">
        <v>27006.560369999999</v>
      </c>
      <c r="AH1579">
        <v>313321.31219999999</v>
      </c>
      <c r="AI1579">
        <v>88653.076790000006</v>
      </c>
      <c r="AJ1579">
        <v>26432.075079999999</v>
      </c>
      <c r="AK1579">
        <v>35867.014889999999</v>
      </c>
      <c r="AL1579">
        <v>87146.726939999993</v>
      </c>
      <c r="AM1579">
        <v>24119.303550000001</v>
      </c>
      <c r="AN1579">
        <v>96979.548160000006</v>
      </c>
      <c r="AO1579">
        <v>35891.17338</v>
      </c>
      <c r="AP1579">
        <v>21560.2605</v>
      </c>
    </row>
    <row r="1580" spans="2:42" x14ac:dyDescent="0.3">
      <c r="B1580">
        <v>60.545058316811073</v>
      </c>
      <c r="C1580" s="83">
        <v>43166.75</v>
      </c>
      <c r="D1580">
        <v>273672.14150000003</v>
      </c>
      <c r="E1580">
        <v>31760.816279999999</v>
      </c>
      <c r="F1580">
        <v>81648.124840000004</v>
      </c>
      <c r="G1580">
        <v>58389.195619999999</v>
      </c>
      <c r="H1580">
        <v>47826.766190000002</v>
      </c>
      <c r="I1580">
        <v>43342.836349999998</v>
      </c>
      <c r="J1580">
        <v>36255.938710000002</v>
      </c>
      <c r="K1580">
        <v>51686.555330000003</v>
      </c>
      <c r="L1580">
        <v>29536.126359999998</v>
      </c>
      <c r="M1580">
        <v>308686.94199999998</v>
      </c>
      <c r="N1580">
        <v>85636.739660000007</v>
      </c>
      <c r="O1580">
        <v>25961.322749999999</v>
      </c>
      <c r="P1580">
        <v>39900.413849999997</v>
      </c>
      <c r="Q1580">
        <v>87030.511530000003</v>
      </c>
      <c r="R1580">
        <v>22613.186160000001</v>
      </c>
      <c r="S1580">
        <v>93574.745569999999</v>
      </c>
      <c r="T1580">
        <v>36957.521690000001</v>
      </c>
      <c r="U1580">
        <v>20536.062750000001</v>
      </c>
      <c r="W1580" s="83">
        <f>Bühler!N1612</f>
        <v>45357.749999996173</v>
      </c>
      <c r="X1580" s="83">
        <v>43166.75</v>
      </c>
      <c r="Y1580">
        <v>273672.14150000003</v>
      </c>
      <c r="Z1580">
        <v>31760.816279999999</v>
      </c>
      <c r="AA1580">
        <v>81648.124840000004</v>
      </c>
      <c r="AB1580">
        <v>58389.195619999999</v>
      </c>
      <c r="AC1580">
        <v>47826.766190000002</v>
      </c>
      <c r="AD1580">
        <v>43342.836349999998</v>
      </c>
      <c r="AE1580">
        <v>36255.938710000002</v>
      </c>
      <c r="AF1580">
        <v>51686.555330000003</v>
      </c>
      <c r="AG1580">
        <v>29536.126359999998</v>
      </c>
      <c r="AH1580">
        <v>308686.94199999998</v>
      </c>
      <c r="AI1580">
        <v>85636.739660000007</v>
      </c>
      <c r="AJ1580">
        <v>25961.322749999999</v>
      </c>
      <c r="AK1580">
        <v>39900.413849999997</v>
      </c>
      <c r="AL1580">
        <v>87030.511530000003</v>
      </c>
      <c r="AM1580">
        <v>22613.186160000001</v>
      </c>
      <c r="AN1580">
        <v>93574.745569999999</v>
      </c>
      <c r="AO1580">
        <v>36957.521690000001</v>
      </c>
      <c r="AP1580">
        <v>20536.062750000001</v>
      </c>
    </row>
    <row r="1581" spans="2:42" x14ac:dyDescent="0.3">
      <c r="B1581">
        <v>60.106906360875406</v>
      </c>
      <c r="C1581" s="83">
        <v>43166.791666666664</v>
      </c>
      <c r="D1581">
        <v>271153.76040000003</v>
      </c>
      <c r="E1581">
        <v>26852.446690000001</v>
      </c>
      <c r="F1581">
        <v>72156.474839999995</v>
      </c>
      <c r="G1581">
        <v>55386.964370000002</v>
      </c>
      <c r="H1581">
        <v>47945.099750000001</v>
      </c>
      <c r="I1581">
        <v>41786.300669999997</v>
      </c>
      <c r="J1581">
        <v>38258.71802</v>
      </c>
      <c r="K1581">
        <v>51056.066890000002</v>
      </c>
      <c r="L1581">
        <v>31911.18188</v>
      </c>
      <c r="M1581">
        <v>306453.03899999999</v>
      </c>
      <c r="N1581">
        <v>86001.531340000001</v>
      </c>
      <c r="O1581">
        <v>25992.777699999999</v>
      </c>
      <c r="P1581">
        <v>42632.559710000001</v>
      </c>
      <c r="Q1581">
        <v>85076.126999999993</v>
      </c>
      <c r="R1581">
        <v>22087.44629</v>
      </c>
      <c r="S1581">
        <v>92380.994219999993</v>
      </c>
      <c r="T1581">
        <v>38699.522550000002</v>
      </c>
      <c r="U1581">
        <v>20440.982380000001</v>
      </c>
      <c r="W1581" s="83">
        <f>Bühler!N1613</f>
        <v>45357.791666662837</v>
      </c>
      <c r="X1581" s="83">
        <v>43166.791666666664</v>
      </c>
      <c r="Y1581">
        <v>271153.76040000003</v>
      </c>
      <c r="Z1581">
        <v>26852.446690000001</v>
      </c>
      <c r="AA1581">
        <v>72156.474839999995</v>
      </c>
      <c r="AB1581">
        <v>55386.964370000002</v>
      </c>
      <c r="AC1581">
        <v>47945.099750000001</v>
      </c>
      <c r="AD1581">
        <v>41786.300669999997</v>
      </c>
      <c r="AE1581">
        <v>38258.71802</v>
      </c>
      <c r="AF1581">
        <v>51056.066890000002</v>
      </c>
      <c r="AG1581">
        <v>31911.18188</v>
      </c>
      <c r="AH1581">
        <v>306453.03899999999</v>
      </c>
      <c r="AI1581">
        <v>86001.531340000001</v>
      </c>
      <c r="AJ1581">
        <v>25992.777699999999</v>
      </c>
      <c r="AK1581">
        <v>42632.559710000001</v>
      </c>
      <c r="AL1581">
        <v>85076.126999999993</v>
      </c>
      <c r="AM1581">
        <v>22087.44629</v>
      </c>
      <c r="AN1581">
        <v>92380.994219999993</v>
      </c>
      <c r="AO1581">
        <v>38699.522550000002</v>
      </c>
      <c r="AP1581">
        <v>20440.982380000001</v>
      </c>
    </row>
    <row r="1582" spans="2:42" x14ac:dyDescent="0.3">
      <c r="B1582">
        <v>58.035580928539751</v>
      </c>
      <c r="C1582" s="83">
        <v>43166.833333333336</v>
      </c>
      <c r="D1582">
        <v>262284.47450000001</v>
      </c>
      <c r="E1582">
        <v>20773.683860000001</v>
      </c>
      <c r="F1582">
        <v>54893.528720000002</v>
      </c>
      <c r="G1582">
        <v>49942.527589999998</v>
      </c>
      <c r="H1582">
        <v>44787.32215</v>
      </c>
      <c r="I1582">
        <v>36008.904730000002</v>
      </c>
      <c r="J1582">
        <v>37273.643810000001</v>
      </c>
      <c r="K1582">
        <v>51434.696649999998</v>
      </c>
      <c r="L1582">
        <v>30888.570530000001</v>
      </c>
      <c r="M1582">
        <v>295892.45600000001</v>
      </c>
      <c r="N1582">
        <v>83803.537649999998</v>
      </c>
      <c r="O1582">
        <v>24815.702509999999</v>
      </c>
      <c r="P1582">
        <v>44182.394249999998</v>
      </c>
      <c r="Q1582">
        <v>82460.326570000005</v>
      </c>
      <c r="R1582">
        <v>21129.686860000002</v>
      </c>
      <c r="S1582">
        <v>83681.632230000003</v>
      </c>
      <c r="T1582">
        <v>37014.514940000001</v>
      </c>
      <c r="U1582">
        <v>19053.286649999998</v>
      </c>
      <c r="W1582" s="83">
        <f>Bühler!N1614</f>
        <v>45357.833333329501</v>
      </c>
      <c r="X1582" s="83">
        <v>43166.833333333336</v>
      </c>
      <c r="Y1582">
        <v>262284.47450000001</v>
      </c>
      <c r="Z1582">
        <v>20773.683860000001</v>
      </c>
      <c r="AA1582">
        <v>54893.528720000002</v>
      </c>
      <c r="AB1582">
        <v>49942.527589999998</v>
      </c>
      <c r="AC1582">
        <v>44787.32215</v>
      </c>
      <c r="AD1582">
        <v>36008.904730000002</v>
      </c>
      <c r="AE1582">
        <v>37273.643810000001</v>
      </c>
      <c r="AF1582">
        <v>51434.696649999998</v>
      </c>
      <c r="AG1582">
        <v>30888.570530000001</v>
      </c>
      <c r="AH1582">
        <v>295892.45600000001</v>
      </c>
      <c r="AI1582">
        <v>83803.537649999998</v>
      </c>
      <c r="AJ1582">
        <v>24815.702509999999</v>
      </c>
      <c r="AK1582">
        <v>44182.394249999998</v>
      </c>
      <c r="AL1582">
        <v>82460.326570000005</v>
      </c>
      <c r="AM1582">
        <v>21129.686860000002</v>
      </c>
      <c r="AN1582">
        <v>83681.632230000003</v>
      </c>
      <c r="AO1582">
        <v>37014.514940000001</v>
      </c>
      <c r="AP1582">
        <v>19053.286649999998</v>
      </c>
    </row>
    <row r="1583" spans="2:42" x14ac:dyDescent="0.3">
      <c r="B1583">
        <v>56.480992378101291</v>
      </c>
      <c r="C1583" s="83">
        <v>43166.875</v>
      </c>
      <c r="D1583">
        <v>254211.25090000001</v>
      </c>
      <c r="E1583">
        <v>18290.616529999999</v>
      </c>
      <c r="F1583">
        <v>48053.383110000002</v>
      </c>
      <c r="G1583">
        <v>46927.340700000001</v>
      </c>
      <c r="H1583">
        <v>41705.64935</v>
      </c>
      <c r="I1583">
        <v>30775.567859999999</v>
      </c>
      <c r="J1583">
        <v>35759.29724</v>
      </c>
      <c r="K1583">
        <v>49551.684639999999</v>
      </c>
      <c r="L1583">
        <v>28190.79521</v>
      </c>
      <c r="M1583">
        <v>287966.43859999999</v>
      </c>
      <c r="N1583">
        <v>81385.03327</v>
      </c>
      <c r="O1583">
        <v>23643.469499999999</v>
      </c>
      <c r="P1583">
        <v>41567.585529999997</v>
      </c>
      <c r="Q1583">
        <v>80985.855389999997</v>
      </c>
      <c r="R1583">
        <v>20198.131450000001</v>
      </c>
      <c r="S1583">
        <v>78771.530650000001</v>
      </c>
      <c r="T1583">
        <v>34441.637190000001</v>
      </c>
      <c r="U1583">
        <v>17764.133559999998</v>
      </c>
      <c r="W1583" s="83">
        <f>Bühler!N1615</f>
        <v>45357.874999996166</v>
      </c>
      <c r="X1583" s="83">
        <v>43166.875</v>
      </c>
      <c r="Y1583">
        <v>254211.25090000001</v>
      </c>
      <c r="Z1583">
        <v>18290.616529999999</v>
      </c>
      <c r="AA1583">
        <v>48053.383110000002</v>
      </c>
      <c r="AB1583">
        <v>46927.340700000001</v>
      </c>
      <c r="AC1583">
        <v>41705.64935</v>
      </c>
      <c r="AD1583">
        <v>30775.567859999999</v>
      </c>
      <c r="AE1583">
        <v>35759.29724</v>
      </c>
      <c r="AF1583">
        <v>49551.684639999999</v>
      </c>
      <c r="AG1583">
        <v>28190.79521</v>
      </c>
      <c r="AH1583">
        <v>287966.43859999999</v>
      </c>
      <c r="AI1583">
        <v>81385.03327</v>
      </c>
      <c r="AJ1583">
        <v>23643.469499999999</v>
      </c>
      <c r="AK1583">
        <v>41567.585529999997</v>
      </c>
      <c r="AL1583">
        <v>80985.855389999997</v>
      </c>
      <c r="AM1583">
        <v>20198.131450000001</v>
      </c>
      <c r="AN1583">
        <v>78771.530650000001</v>
      </c>
      <c r="AO1583">
        <v>34441.637190000001</v>
      </c>
      <c r="AP1583">
        <v>17764.133559999998</v>
      </c>
    </row>
    <row r="1584" spans="2:42" x14ac:dyDescent="0.3">
      <c r="B1584">
        <v>55.916414344838067</v>
      </c>
      <c r="C1584" s="83">
        <v>43166.916666666664</v>
      </c>
      <c r="D1584">
        <v>252824.7739</v>
      </c>
      <c r="E1584">
        <v>17822.969690000002</v>
      </c>
      <c r="F1584">
        <v>46374.209000000003</v>
      </c>
      <c r="G1584">
        <v>45113.960769999998</v>
      </c>
      <c r="H1584">
        <v>41723.12599</v>
      </c>
      <c r="I1584">
        <v>30004.879779999999</v>
      </c>
      <c r="J1584">
        <v>34626.443829999997</v>
      </c>
      <c r="K1584">
        <v>54081.035880000003</v>
      </c>
      <c r="L1584">
        <v>25554.085370000001</v>
      </c>
      <c r="M1584">
        <v>285087.95649999997</v>
      </c>
      <c r="N1584">
        <v>81555.955830000006</v>
      </c>
      <c r="O1584">
        <v>25254.435219999999</v>
      </c>
      <c r="P1584">
        <v>44344.194739999999</v>
      </c>
      <c r="Q1584">
        <v>80512.992310000001</v>
      </c>
      <c r="R1584">
        <v>29658.860479999999</v>
      </c>
      <c r="S1584">
        <v>78600.716320000007</v>
      </c>
      <c r="T1584">
        <v>30893.072069999998</v>
      </c>
      <c r="U1584">
        <v>19218.420330000001</v>
      </c>
      <c r="W1584" s="83">
        <f>Bühler!N1616</f>
        <v>45357.91666666283</v>
      </c>
      <c r="X1584" s="83">
        <v>43166.916666666664</v>
      </c>
      <c r="Y1584">
        <v>252824.7739</v>
      </c>
      <c r="Z1584">
        <v>17822.969690000002</v>
      </c>
      <c r="AA1584">
        <v>46374.209000000003</v>
      </c>
      <c r="AB1584">
        <v>45113.960769999998</v>
      </c>
      <c r="AC1584">
        <v>41723.12599</v>
      </c>
      <c r="AD1584">
        <v>30004.879779999999</v>
      </c>
      <c r="AE1584">
        <v>34626.443829999997</v>
      </c>
      <c r="AF1584">
        <v>54081.035880000003</v>
      </c>
      <c r="AG1584">
        <v>25554.085370000001</v>
      </c>
      <c r="AH1584">
        <v>285087.95649999997</v>
      </c>
      <c r="AI1584">
        <v>81555.955830000006</v>
      </c>
      <c r="AJ1584">
        <v>25254.435219999999</v>
      </c>
      <c r="AK1584">
        <v>44344.194739999999</v>
      </c>
      <c r="AL1584">
        <v>80512.992310000001</v>
      </c>
      <c r="AM1584">
        <v>29658.860479999999</v>
      </c>
      <c r="AN1584">
        <v>78600.716320000007</v>
      </c>
      <c r="AO1584">
        <v>30893.072069999998</v>
      </c>
      <c r="AP1584">
        <v>19218.420330000001</v>
      </c>
    </row>
    <row r="1585" spans="2:42" x14ac:dyDescent="0.3">
      <c r="B1585">
        <v>55.506056256802232</v>
      </c>
      <c r="C1585" s="83">
        <v>43166.958333333336</v>
      </c>
      <c r="D1585">
        <v>253076.15650000001</v>
      </c>
      <c r="E1585">
        <v>17367.692930000001</v>
      </c>
      <c r="F1585">
        <v>45043.945290000003</v>
      </c>
      <c r="G1585">
        <v>44306.825470000003</v>
      </c>
      <c r="H1585">
        <v>40953.645649999999</v>
      </c>
      <c r="I1585">
        <v>28405.06624</v>
      </c>
      <c r="J1585">
        <v>32601.600689999999</v>
      </c>
      <c r="K1585">
        <v>53451.859830000001</v>
      </c>
      <c r="L1585">
        <v>22275.230469999999</v>
      </c>
      <c r="M1585">
        <v>282995.75959999999</v>
      </c>
      <c r="N1585">
        <v>81292.321179999999</v>
      </c>
      <c r="O1585">
        <v>25780.041420000001</v>
      </c>
      <c r="P1585">
        <v>39040.132640000003</v>
      </c>
      <c r="Q1585">
        <v>80334.787119999994</v>
      </c>
      <c r="R1585">
        <v>31907.31077</v>
      </c>
      <c r="S1585">
        <v>77441.35441</v>
      </c>
      <c r="T1585">
        <v>31909.692920000001</v>
      </c>
      <c r="U1585">
        <v>18625.131399999998</v>
      </c>
      <c r="W1585" s="83">
        <f>Bühler!N1617</f>
        <v>45357.958333329494</v>
      </c>
      <c r="X1585" s="83">
        <v>43166.958333333336</v>
      </c>
      <c r="Y1585">
        <v>253076.15650000001</v>
      </c>
      <c r="Z1585">
        <v>17367.692930000001</v>
      </c>
      <c r="AA1585">
        <v>45043.945290000003</v>
      </c>
      <c r="AB1585">
        <v>44306.825470000003</v>
      </c>
      <c r="AC1585">
        <v>40953.645649999999</v>
      </c>
      <c r="AD1585">
        <v>28405.06624</v>
      </c>
      <c r="AE1585">
        <v>32601.600689999999</v>
      </c>
      <c r="AF1585">
        <v>53451.859830000001</v>
      </c>
      <c r="AG1585">
        <v>22275.230469999999</v>
      </c>
      <c r="AH1585">
        <v>282995.75959999999</v>
      </c>
      <c r="AI1585">
        <v>81292.321179999999</v>
      </c>
      <c r="AJ1585">
        <v>25780.041420000001</v>
      </c>
      <c r="AK1585">
        <v>39040.132640000003</v>
      </c>
      <c r="AL1585">
        <v>80334.787119999994</v>
      </c>
      <c r="AM1585">
        <v>31907.31077</v>
      </c>
      <c r="AN1585">
        <v>77441.35441</v>
      </c>
      <c r="AO1585">
        <v>31909.692920000001</v>
      </c>
      <c r="AP1585">
        <v>18625.131399999998</v>
      </c>
    </row>
    <row r="1586" spans="2:42" x14ac:dyDescent="0.3">
      <c r="B1586">
        <v>55.373470562465627</v>
      </c>
      <c r="C1586" s="83">
        <v>43167</v>
      </c>
      <c r="D1586">
        <v>252782.0865</v>
      </c>
      <c r="E1586">
        <v>16933.40351</v>
      </c>
      <c r="F1586">
        <v>44878.249609999999</v>
      </c>
      <c r="G1586">
        <v>43774.620779999997</v>
      </c>
      <c r="H1586">
        <v>40497.516559999996</v>
      </c>
      <c r="I1586">
        <v>25997.653770000001</v>
      </c>
      <c r="J1586">
        <v>30885.409149999999</v>
      </c>
      <c r="K1586">
        <v>51339.011290000002</v>
      </c>
      <c r="L1586">
        <v>20001.835950000001</v>
      </c>
      <c r="M1586">
        <v>282319.77590000001</v>
      </c>
      <c r="N1586">
        <v>81373.377240000002</v>
      </c>
      <c r="O1586">
        <v>25467.9264</v>
      </c>
      <c r="P1586">
        <v>37133.105320000002</v>
      </c>
      <c r="Q1586">
        <v>80121.730100000001</v>
      </c>
      <c r="R1586">
        <v>27827.680489999999</v>
      </c>
      <c r="S1586">
        <v>76747.312890000001</v>
      </c>
      <c r="T1586">
        <v>29875.78341</v>
      </c>
      <c r="U1586">
        <v>18379.784029999999</v>
      </c>
      <c r="W1586" s="83">
        <f>Bühler!N1618</f>
        <v>45357.999999996158</v>
      </c>
      <c r="X1586" s="83">
        <v>43167</v>
      </c>
      <c r="Y1586">
        <v>252782.0865</v>
      </c>
      <c r="Z1586">
        <v>16933.40351</v>
      </c>
      <c r="AA1586">
        <v>44878.249609999999</v>
      </c>
      <c r="AB1586">
        <v>43774.620779999997</v>
      </c>
      <c r="AC1586">
        <v>40497.516559999996</v>
      </c>
      <c r="AD1586">
        <v>25997.653770000001</v>
      </c>
      <c r="AE1586">
        <v>30885.409149999999</v>
      </c>
      <c r="AF1586">
        <v>51339.011290000002</v>
      </c>
      <c r="AG1586">
        <v>20001.835950000001</v>
      </c>
      <c r="AH1586">
        <v>282319.77590000001</v>
      </c>
      <c r="AI1586">
        <v>81373.377240000002</v>
      </c>
      <c r="AJ1586">
        <v>25467.9264</v>
      </c>
      <c r="AK1586">
        <v>37133.105320000002</v>
      </c>
      <c r="AL1586">
        <v>80121.730100000001</v>
      </c>
      <c r="AM1586">
        <v>27827.680489999999</v>
      </c>
      <c r="AN1586">
        <v>76747.312890000001</v>
      </c>
      <c r="AO1586">
        <v>29875.78341</v>
      </c>
      <c r="AP1586">
        <v>18379.784029999999</v>
      </c>
    </row>
    <row r="1587" spans="2:42" x14ac:dyDescent="0.3">
      <c r="B1587">
        <v>56.614280518969814</v>
      </c>
      <c r="C1587" s="83">
        <v>43167.041666666664</v>
      </c>
      <c r="D1587">
        <v>252059.5937</v>
      </c>
      <c r="E1587">
        <v>17624.675670000001</v>
      </c>
      <c r="F1587">
        <v>48434.192940000001</v>
      </c>
      <c r="G1587">
        <v>43665.294580000002</v>
      </c>
      <c r="H1587">
        <v>41223.469040000004</v>
      </c>
      <c r="I1587">
        <v>22589.855950000001</v>
      </c>
      <c r="J1587">
        <v>34202.311900000001</v>
      </c>
      <c r="K1587">
        <v>50133.802080000001</v>
      </c>
      <c r="L1587">
        <v>20037.130399999998</v>
      </c>
      <c r="M1587">
        <v>288646.0037</v>
      </c>
      <c r="N1587">
        <v>82216.377680000005</v>
      </c>
      <c r="O1587">
        <v>25670.346369999999</v>
      </c>
      <c r="P1587">
        <v>35156.349560000002</v>
      </c>
      <c r="Q1587">
        <v>81120.797089999993</v>
      </c>
      <c r="R1587">
        <v>26498.702280000001</v>
      </c>
      <c r="S1587">
        <v>80917.159509999998</v>
      </c>
      <c r="T1587">
        <v>29676.285059999998</v>
      </c>
      <c r="U1587">
        <v>19179.306219999999</v>
      </c>
      <c r="W1587" s="83">
        <f>Bühler!N1619</f>
        <v>45358.041666662823</v>
      </c>
      <c r="X1587" s="83">
        <v>43167.041666666664</v>
      </c>
      <c r="Y1587">
        <v>252059.5937</v>
      </c>
      <c r="Z1587">
        <v>17624.675670000001</v>
      </c>
      <c r="AA1587">
        <v>48434.192940000001</v>
      </c>
      <c r="AB1587">
        <v>43665.294580000002</v>
      </c>
      <c r="AC1587">
        <v>41223.469040000004</v>
      </c>
      <c r="AD1587">
        <v>22589.855950000001</v>
      </c>
      <c r="AE1587">
        <v>34202.311900000001</v>
      </c>
      <c r="AF1587">
        <v>50133.802080000001</v>
      </c>
      <c r="AG1587">
        <v>20037.130399999998</v>
      </c>
      <c r="AH1587">
        <v>288646.0037</v>
      </c>
      <c r="AI1587">
        <v>82216.377680000005</v>
      </c>
      <c r="AJ1587">
        <v>25670.346369999999</v>
      </c>
      <c r="AK1587">
        <v>35156.349560000002</v>
      </c>
      <c r="AL1587">
        <v>81120.797089999993</v>
      </c>
      <c r="AM1587">
        <v>26498.702280000001</v>
      </c>
      <c r="AN1587">
        <v>80917.159509999998</v>
      </c>
      <c r="AO1587">
        <v>29676.285059999998</v>
      </c>
      <c r="AP1587">
        <v>19179.306219999999</v>
      </c>
    </row>
    <row r="1588" spans="2:42" x14ac:dyDescent="0.3">
      <c r="B1588">
        <v>57.158733441441257</v>
      </c>
      <c r="C1588" s="83">
        <v>43167.083333333336</v>
      </c>
      <c r="D1588">
        <v>253773.606</v>
      </c>
      <c r="E1588">
        <v>17636.196840000001</v>
      </c>
      <c r="F1588">
        <v>50051.270960000002</v>
      </c>
      <c r="G1588">
        <v>43750.153460000001</v>
      </c>
      <c r="H1588">
        <v>40930.171549999999</v>
      </c>
      <c r="I1588">
        <v>21429.518909999999</v>
      </c>
      <c r="J1588">
        <v>34608.453529999999</v>
      </c>
      <c r="K1588">
        <v>48621.79754</v>
      </c>
      <c r="L1588">
        <v>20030.030620000001</v>
      </c>
      <c r="M1588">
        <v>291421.8786</v>
      </c>
      <c r="N1588">
        <v>82521.797829999996</v>
      </c>
      <c r="O1588">
        <v>25866.742600000001</v>
      </c>
      <c r="P1588">
        <v>34992.836609999998</v>
      </c>
      <c r="Q1588">
        <v>83133.795910000001</v>
      </c>
      <c r="R1588">
        <v>27857.373609999999</v>
      </c>
      <c r="S1588">
        <v>82170.445099999997</v>
      </c>
      <c r="T1588">
        <v>28768.020100000002</v>
      </c>
      <c r="U1588">
        <v>19174.50763</v>
      </c>
      <c r="W1588" s="83">
        <f>Bühler!N1620</f>
        <v>45358.083333329487</v>
      </c>
      <c r="X1588" s="83">
        <v>43167.083333333336</v>
      </c>
      <c r="Y1588">
        <v>253773.606</v>
      </c>
      <c r="Z1588">
        <v>17636.196840000001</v>
      </c>
      <c r="AA1588">
        <v>50051.270960000002</v>
      </c>
      <c r="AB1588">
        <v>43750.153460000001</v>
      </c>
      <c r="AC1588">
        <v>40930.171549999999</v>
      </c>
      <c r="AD1588">
        <v>21429.518909999999</v>
      </c>
      <c r="AE1588">
        <v>34608.453529999999</v>
      </c>
      <c r="AF1588">
        <v>48621.79754</v>
      </c>
      <c r="AG1588">
        <v>20030.030620000001</v>
      </c>
      <c r="AH1588">
        <v>291421.8786</v>
      </c>
      <c r="AI1588">
        <v>82521.797829999996</v>
      </c>
      <c r="AJ1588">
        <v>25866.742600000001</v>
      </c>
      <c r="AK1588">
        <v>34992.836609999998</v>
      </c>
      <c r="AL1588">
        <v>83133.795910000001</v>
      </c>
      <c r="AM1588">
        <v>27857.373609999999</v>
      </c>
      <c r="AN1588">
        <v>82170.445099999997</v>
      </c>
      <c r="AO1588">
        <v>28768.020100000002</v>
      </c>
      <c r="AP1588">
        <v>19174.50763</v>
      </c>
    </row>
    <row r="1589" spans="2:42" x14ac:dyDescent="0.3">
      <c r="B1589">
        <v>56.985553029768418</v>
      </c>
      <c r="C1589" s="83">
        <v>43167.125</v>
      </c>
      <c r="D1589">
        <v>256419.22029999999</v>
      </c>
      <c r="E1589">
        <v>17774.668259999999</v>
      </c>
      <c r="F1589">
        <v>51687.881280000001</v>
      </c>
      <c r="G1589">
        <v>43395.97092</v>
      </c>
      <c r="H1589">
        <v>41542.777190000001</v>
      </c>
      <c r="I1589">
        <v>21347.205910000001</v>
      </c>
      <c r="J1589">
        <v>35650.801809999997</v>
      </c>
      <c r="K1589">
        <v>48040.365599999997</v>
      </c>
      <c r="L1589">
        <v>19570.44155</v>
      </c>
      <c r="M1589">
        <v>290538.9241</v>
      </c>
      <c r="N1589">
        <v>82952.425270000007</v>
      </c>
      <c r="O1589">
        <v>25967.524600000001</v>
      </c>
      <c r="P1589">
        <v>34772.155850000003</v>
      </c>
      <c r="Q1589">
        <v>85053.258669999996</v>
      </c>
      <c r="R1589">
        <v>27783.91215</v>
      </c>
      <c r="S1589">
        <v>81964.594960000002</v>
      </c>
      <c r="T1589">
        <v>28607.26468</v>
      </c>
      <c r="U1589">
        <v>19753.496190000002</v>
      </c>
      <c r="W1589" s="83">
        <f>Bühler!N1621</f>
        <v>45358.124999996151</v>
      </c>
      <c r="X1589" s="83">
        <v>43167.125</v>
      </c>
      <c r="Y1589">
        <v>256419.22029999999</v>
      </c>
      <c r="Z1589">
        <v>17774.668259999999</v>
      </c>
      <c r="AA1589">
        <v>51687.881280000001</v>
      </c>
      <c r="AB1589">
        <v>43395.97092</v>
      </c>
      <c r="AC1589">
        <v>41542.777190000001</v>
      </c>
      <c r="AD1589">
        <v>21347.205910000001</v>
      </c>
      <c r="AE1589">
        <v>35650.801809999997</v>
      </c>
      <c r="AF1589">
        <v>48040.365599999997</v>
      </c>
      <c r="AG1589">
        <v>19570.44155</v>
      </c>
      <c r="AH1589">
        <v>290538.9241</v>
      </c>
      <c r="AI1589">
        <v>82952.425270000007</v>
      </c>
      <c r="AJ1589">
        <v>25967.524600000001</v>
      </c>
      <c r="AK1589">
        <v>34772.155850000003</v>
      </c>
      <c r="AL1589">
        <v>85053.258669999996</v>
      </c>
      <c r="AM1589">
        <v>27783.91215</v>
      </c>
      <c r="AN1589">
        <v>81964.594960000002</v>
      </c>
      <c r="AO1589">
        <v>28607.26468</v>
      </c>
      <c r="AP1589">
        <v>19753.496190000002</v>
      </c>
    </row>
    <row r="1590" spans="2:42" x14ac:dyDescent="0.3">
      <c r="B1590">
        <v>58.16062302105172</v>
      </c>
      <c r="C1590" s="83">
        <v>43167.166666666664</v>
      </c>
      <c r="D1590">
        <v>259250.44620000001</v>
      </c>
      <c r="E1590">
        <v>18398.463199999998</v>
      </c>
      <c r="F1590">
        <v>55549.707560000003</v>
      </c>
      <c r="G1590">
        <v>43188.724739999998</v>
      </c>
      <c r="H1590">
        <v>42295.328139999998</v>
      </c>
      <c r="I1590">
        <v>25416.346150000001</v>
      </c>
      <c r="J1590">
        <v>38060.204669999999</v>
      </c>
      <c r="K1590">
        <v>46901.192430000003</v>
      </c>
      <c r="L1590">
        <v>19445.166929999999</v>
      </c>
      <c r="M1590">
        <v>296529.97889999999</v>
      </c>
      <c r="N1590">
        <v>82584.714760000003</v>
      </c>
      <c r="O1590">
        <v>26622.170020000001</v>
      </c>
      <c r="P1590">
        <v>33518.463739999999</v>
      </c>
      <c r="Q1590">
        <v>88732.255250000002</v>
      </c>
      <c r="R1590">
        <v>27571.07663</v>
      </c>
      <c r="S1590">
        <v>83196.504350000003</v>
      </c>
      <c r="T1590">
        <v>28584.97438</v>
      </c>
      <c r="U1590">
        <v>20582.097829999999</v>
      </c>
      <c r="W1590" s="83">
        <f>Bühler!N1622</f>
        <v>45358.166666662815</v>
      </c>
      <c r="X1590" s="83">
        <v>43167.166666666664</v>
      </c>
      <c r="Y1590">
        <v>259250.44620000001</v>
      </c>
      <c r="Z1590">
        <v>18398.463199999998</v>
      </c>
      <c r="AA1590">
        <v>55549.707560000003</v>
      </c>
      <c r="AB1590">
        <v>43188.724739999998</v>
      </c>
      <c r="AC1590">
        <v>42295.328139999998</v>
      </c>
      <c r="AD1590">
        <v>25416.346150000001</v>
      </c>
      <c r="AE1590">
        <v>38060.204669999999</v>
      </c>
      <c r="AF1590">
        <v>46901.192430000003</v>
      </c>
      <c r="AG1590">
        <v>19445.166929999999</v>
      </c>
      <c r="AH1590">
        <v>296529.97889999999</v>
      </c>
      <c r="AI1590">
        <v>82584.714760000003</v>
      </c>
      <c r="AJ1590">
        <v>26622.170020000001</v>
      </c>
      <c r="AK1590">
        <v>33518.463739999999</v>
      </c>
      <c r="AL1590">
        <v>88732.255250000002</v>
      </c>
      <c r="AM1590">
        <v>27571.07663</v>
      </c>
      <c r="AN1590">
        <v>83196.504350000003</v>
      </c>
      <c r="AO1590">
        <v>28584.97438</v>
      </c>
      <c r="AP1590">
        <v>20582.097829999999</v>
      </c>
    </row>
    <row r="1591" spans="2:42" x14ac:dyDescent="0.3">
      <c r="B1591">
        <v>61.364524744512828</v>
      </c>
      <c r="C1591" s="83">
        <v>43167.208333333336</v>
      </c>
      <c r="D1591">
        <v>275134.8861</v>
      </c>
      <c r="E1591">
        <v>20546.71169</v>
      </c>
      <c r="F1591">
        <v>66120.478919999994</v>
      </c>
      <c r="G1591">
        <v>46357.032480000002</v>
      </c>
      <c r="H1591">
        <v>44529.276440000001</v>
      </c>
      <c r="I1591">
        <v>34103.437510000003</v>
      </c>
      <c r="J1591">
        <v>40982.116419999998</v>
      </c>
      <c r="K1591">
        <v>47626.255259999998</v>
      </c>
      <c r="L1591">
        <v>20424.019319999999</v>
      </c>
      <c r="M1591">
        <v>312864.96399999998</v>
      </c>
      <c r="N1591">
        <v>83790.844440000001</v>
      </c>
      <c r="O1591">
        <v>27206.35716</v>
      </c>
      <c r="P1591">
        <v>34514.198149999997</v>
      </c>
      <c r="Q1591">
        <v>91217.16029</v>
      </c>
      <c r="R1591">
        <v>30247.7778</v>
      </c>
      <c r="S1591">
        <v>86369.104479999995</v>
      </c>
      <c r="T1591">
        <v>30013.19572</v>
      </c>
      <c r="U1591">
        <v>22540.15321</v>
      </c>
      <c r="W1591" s="83">
        <f>Bühler!N1623</f>
        <v>45358.20833332948</v>
      </c>
      <c r="X1591" s="83">
        <v>43167.208333333336</v>
      </c>
      <c r="Y1591">
        <v>275134.8861</v>
      </c>
      <c r="Z1591">
        <v>20546.71169</v>
      </c>
      <c r="AA1591">
        <v>66120.478919999994</v>
      </c>
      <c r="AB1591">
        <v>46357.032480000002</v>
      </c>
      <c r="AC1591">
        <v>44529.276440000001</v>
      </c>
      <c r="AD1591">
        <v>34103.437510000003</v>
      </c>
      <c r="AE1591">
        <v>40982.116419999998</v>
      </c>
      <c r="AF1591">
        <v>47626.255259999998</v>
      </c>
      <c r="AG1591">
        <v>20424.019319999999</v>
      </c>
      <c r="AH1591">
        <v>312864.96399999998</v>
      </c>
      <c r="AI1591">
        <v>83790.844440000001</v>
      </c>
      <c r="AJ1591">
        <v>27206.35716</v>
      </c>
      <c r="AK1591">
        <v>34514.198149999997</v>
      </c>
      <c r="AL1591">
        <v>91217.16029</v>
      </c>
      <c r="AM1591">
        <v>30247.7778</v>
      </c>
      <c r="AN1591">
        <v>86369.104479999995</v>
      </c>
      <c r="AO1591">
        <v>30013.19572</v>
      </c>
      <c r="AP1591">
        <v>22540.15321</v>
      </c>
    </row>
    <row r="1592" spans="2:42" x14ac:dyDescent="0.3">
      <c r="B1592">
        <v>64.175845647437967</v>
      </c>
      <c r="C1592" s="83">
        <v>43167.25</v>
      </c>
      <c r="D1592">
        <v>290117.41830000002</v>
      </c>
      <c r="E1592">
        <v>24957.868979999999</v>
      </c>
      <c r="F1592">
        <v>77562.444040000002</v>
      </c>
      <c r="G1592">
        <v>59280.564250000003</v>
      </c>
      <c r="H1592">
        <v>47964.518100000001</v>
      </c>
      <c r="I1592">
        <v>42301.704210000004</v>
      </c>
      <c r="J1592">
        <v>44354.687169999997</v>
      </c>
      <c r="K1592">
        <v>50392.689680000003</v>
      </c>
      <c r="L1592">
        <v>21836.939299999998</v>
      </c>
      <c r="M1592">
        <v>327198.38900000002</v>
      </c>
      <c r="N1592">
        <v>86055.06482</v>
      </c>
      <c r="O1592">
        <v>28159.584620000001</v>
      </c>
      <c r="P1592">
        <v>35058.762089999997</v>
      </c>
      <c r="Q1592">
        <v>93305.338940000001</v>
      </c>
      <c r="R1592">
        <v>21353.180799999998</v>
      </c>
      <c r="S1592">
        <v>92867.263380000004</v>
      </c>
      <c r="T1592">
        <v>33171.871090000001</v>
      </c>
      <c r="U1592">
        <v>23835.88594</v>
      </c>
      <c r="W1592" s="83">
        <f>Bühler!N1624</f>
        <v>45358.249999996144</v>
      </c>
      <c r="X1592" s="83">
        <v>43167.25</v>
      </c>
      <c r="Y1592">
        <v>290117.41830000002</v>
      </c>
      <c r="Z1592">
        <v>24957.868979999999</v>
      </c>
      <c r="AA1592">
        <v>77562.444040000002</v>
      </c>
      <c r="AB1592">
        <v>59280.564250000003</v>
      </c>
      <c r="AC1592">
        <v>47964.518100000001</v>
      </c>
      <c r="AD1592">
        <v>42301.704210000004</v>
      </c>
      <c r="AE1592">
        <v>44354.687169999997</v>
      </c>
      <c r="AF1592">
        <v>50392.689680000003</v>
      </c>
      <c r="AG1592">
        <v>21836.939299999998</v>
      </c>
      <c r="AH1592">
        <v>327198.38900000002</v>
      </c>
      <c r="AI1592">
        <v>86055.06482</v>
      </c>
      <c r="AJ1592">
        <v>28159.584620000001</v>
      </c>
      <c r="AK1592">
        <v>35058.762089999997</v>
      </c>
      <c r="AL1592">
        <v>93305.338940000001</v>
      </c>
      <c r="AM1592">
        <v>21353.180799999998</v>
      </c>
      <c r="AN1592">
        <v>92867.263380000004</v>
      </c>
      <c r="AO1592">
        <v>33171.871090000001</v>
      </c>
      <c r="AP1592">
        <v>23835.88594</v>
      </c>
    </row>
    <row r="1593" spans="2:42" x14ac:dyDescent="0.3">
      <c r="B1593">
        <v>63.803999375864308</v>
      </c>
      <c r="C1593" s="83">
        <v>43167.291666666664</v>
      </c>
      <c r="D1593">
        <v>301530.70770000003</v>
      </c>
      <c r="E1593">
        <v>29225.18521</v>
      </c>
      <c r="F1593">
        <v>75160.799530000004</v>
      </c>
      <c r="G1593">
        <v>70250.486520000006</v>
      </c>
      <c r="H1593">
        <v>51896.228080000001</v>
      </c>
      <c r="I1593">
        <v>51178.363060000003</v>
      </c>
      <c r="J1593">
        <v>40214.42499</v>
      </c>
      <c r="K1593">
        <v>53468.909030000003</v>
      </c>
      <c r="L1593">
        <v>24978.453870000001</v>
      </c>
      <c r="M1593">
        <v>325302.54330000002</v>
      </c>
      <c r="N1593">
        <v>89599.929489999995</v>
      </c>
      <c r="O1593">
        <v>30205.395120000001</v>
      </c>
      <c r="P1593">
        <v>38060.750099999997</v>
      </c>
      <c r="Q1593">
        <v>93318.78701</v>
      </c>
      <c r="R1593">
        <v>21653.686450000001</v>
      </c>
      <c r="S1593">
        <v>99794.992670000007</v>
      </c>
      <c r="T1593">
        <v>34119.992310000001</v>
      </c>
      <c r="U1593">
        <v>27098.131979999998</v>
      </c>
      <c r="W1593" s="83">
        <f>Bühler!N1625</f>
        <v>45358.291666662808</v>
      </c>
      <c r="X1593" s="83">
        <v>43167.291666666664</v>
      </c>
      <c r="Y1593">
        <v>301530.70770000003</v>
      </c>
      <c r="Z1593">
        <v>29225.18521</v>
      </c>
      <c r="AA1593">
        <v>75160.799530000004</v>
      </c>
      <c r="AB1593">
        <v>70250.486520000006</v>
      </c>
      <c r="AC1593">
        <v>51896.228080000001</v>
      </c>
      <c r="AD1593">
        <v>51178.363060000003</v>
      </c>
      <c r="AE1593">
        <v>40214.42499</v>
      </c>
      <c r="AF1593">
        <v>53468.909030000003</v>
      </c>
      <c r="AG1593">
        <v>24978.453870000001</v>
      </c>
      <c r="AH1593">
        <v>325302.54330000002</v>
      </c>
      <c r="AI1593">
        <v>89599.929489999995</v>
      </c>
      <c r="AJ1593">
        <v>30205.395120000001</v>
      </c>
      <c r="AK1593">
        <v>38060.750099999997</v>
      </c>
      <c r="AL1593">
        <v>93318.78701</v>
      </c>
      <c r="AM1593">
        <v>21653.686450000001</v>
      </c>
      <c r="AN1593">
        <v>99794.992670000007</v>
      </c>
      <c r="AO1593">
        <v>34119.992310000001</v>
      </c>
      <c r="AP1593">
        <v>27098.131979999998</v>
      </c>
    </row>
    <row r="1594" spans="2:42" x14ac:dyDescent="0.3">
      <c r="B1594">
        <v>64.099954943440181</v>
      </c>
      <c r="C1594" s="83">
        <v>43167.333333333336</v>
      </c>
      <c r="D1594">
        <v>312263.45289999997</v>
      </c>
      <c r="E1594">
        <v>35577.928399999997</v>
      </c>
      <c r="F1594">
        <v>79849.170849999995</v>
      </c>
      <c r="G1594">
        <v>82546.518689999997</v>
      </c>
      <c r="H1594">
        <v>56688.113440000001</v>
      </c>
      <c r="I1594">
        <v>53413.234250000001</v>
      </c>
      <c r="J1594">
        <v>39518.378060000003</v>
      </c>
      <c r="K1594">
        <v>57727.073420000001</v>
      </c>
      <c r="L1594">
        <v>27727.24253</v>
      </c>
      <c r="M1594">
        <v>326811.46279999998</v>
      </c>
      <c r="N1594">
        <v>95150.252479999996</v>
      </c>
      <c r="O1594">
        <v>31154.73675</v>
      </c>
      <c r="P1594">
        <v>39786.601049999997</v>
      </c>
      <c r="Q1594">
        <v>93815.498330000002</v>
      </c>
      <c r="R1594">
        <v>24453.65191</v>
      </c>
      <c r="S1594">
        <v>110091.3602</v>
      </c>
      <c r="T1594">
        <v>37165.580990000002</v>
      </c>
      <c r="U1594">
        <v>30787.135340000001</v>
      </c>
      <c r="W1594" s="83">
        <f>Bühler!N1626</f>
        <v>45358.333333329472</v>
      </c>
      <c r="X1594" s="83">
        <v>43167.333333333336</v>
      </c>
      <c r="Y1594">
        <v>312263.45289999997</v>
      </c>
      <c r="Z1594">
        <v>35577.928399999997</v>
      </c>
      <c r="AA1594">
        <v>79849.170849999995</v>
      </c>
      <c r="AB1594">
        <v>82546.518689999997</v>
      </c>
      <c r="AC1594">
        <v>56688.113440000001</v>
      </c>
      <c r="AD1594">
        <v>53413.234250000001</v>
      </c>
      <c r="AE1594">
        <v>39518.378060000003</v>
      </c>
      <c r="AF1594">
        <v>57727.073420000001</v>
      </c>
      <c r="AG1594">
        <v>27727.24253</v>
      </c>
      <c r="AH1594">
        <v>326811.46279999998</v>
      </c>
      <c r="AI1594">
        <v>95150.252479999996</v>
      </c>
      <c r="AJ1594">
        <v>31154.73675</v>
      </c>
      <c r="AK1594">
        <v>39786.601049999997</v>
      </c>
      <c r="AL1594">
        <v>93815.498330000002</v>
      </c>
      <c r="AM1594">
        <v>24453.65191</v>
      </c>
      <c r="AN1594">
        <v>110091.3602</v>
      </c>
      <c r="AO1594">
        <v>37165.580990000002</v>
      </c>
      <c r="AP1594">
        <v>30787.135340000001</v>
      </c>
    </row>
    <row r="1595" spans="2:42" x14ac:dyDescent="0.3">
      <c r="B1595">
        <v>63.767080920906373</v>
      </c>
      <c r="C1595" s="83">
        <v>43167.375</v>
      </c>
      <c r="D1595">
        <v>312158.9877</v>
      </c>
      <c r="E1595">
        <v>39886.103499999997</v>
      </c>
      <c r="F1595">
        <v>85802.617689999999</v>
      </c>
      <c r="G1595">
        <v>89687.316189999998</v>
      </c>
      <c r="H1595">
        <v>58516.819320000002</v>
      </c>
      <c r="I1595">
        <v>48205.334190000001</v>
      </c>
      <c r="J1595">
        <v>40011.483529999998</v>
      </c>
      <c r="K1595">
        <v>60484.764589999999</v>
      </c>
      <c r="L1595">
        <v>30362.876349999999</v>
      </c>
      <c r="M1595">
        <v>325114.31579999998</v>
      </c>
      <c r="N1595">
        <v>103522.1765</v>
      </c>
      <c r="O1595">
        <v>31308.698899999999</v>
      </c>
      <c r="P1595">
        <v>42082.711739999999</v>
      </c>
      <c r="Q1595">
        <v>94273.389809999993</v>
      </c>
      <c r="R1595">
        <v>25309.478729999999</v>
      </c>
      <c r="S1595">
        <v>115612.56479999999</v>
      </c>
      <c r="T1595">
        <v>38609.151259999999</v>
      </c>
      <c r="U1595">
        <v>30071.120370000001</v>
      </c>
      <c r="W1595" s="83">
        <f>Bühler!N1627</f>
        <v>45358.374999996136</v>
      </c>
      <c r="X1595" s="83">
        <v>43167.375</v>
      </c>
      <c r="Y1595">
        <v>312158.9877</v>
      </c>
      <c r="Z1595">
        <v>39886.103499999997</v>
      </c>
      <c r="AA1595">
        <v>85802.617689999999</v>
      </c>
      <c r="AB1595">
        <v>89687.316189999998</v>
      </c>
      <c r="AC1595">
        <v>58516.819320000002</v>
      </c>
      <c r="AD1595">
        <v>48205.334190000001</v>
      </c>
      <c r="AE1595">
        <v>40011.483529999998</v>
      </c>
      <c r="AF1595">
        <v>60484.764589999999</v>
      </c>
      <c r="AG1595">
        <v>30362.876349999999</v>
      </c>
      <c r="AH1595">
        <v>325114.31579999998</v>
      </c>
      <c r="AI1595">
        <v>103522.1765</v>
      </c>
      <c r="AJ1595">
        <v>31308.698899999999</v>
      </c>
      <c r="AK1595">
        <v>42082.711739999999</v>
      </c>
      <c r="AL1595">
        <v>94273.389809999993</v>
      </c>
      <c r="AM1595">
        <v>25309.478729999999</v>
      </c>
      <c r="AN1595">
        <v>115612.56479999999</v>
      </c>
      <c r="AO1595">
        <v>38609.151259999999</v>
      </c>
      <c r="AP1595">
        <v>30071.120370000001</v>
      </c>
    </row>
    <row r="1596" spans="2:42" x14ac:dyDescent="0.3">
      <c r="B1596">
        <v>64.527232335088982</v>
      </c>
      <c r="C1596" s="83">
        <v>43167.416666666664</v>
      </c>
      <c r="D1596">
        <v>311542.58350000001</v>
      </c>
      <c r="E1596">
        <v>41068.259559999999</v>
      </c>
      <c r="F1596">
        <v>86085.457699999999</v>
      </c>
      <c r="G1596">
        <v>91658.515190000006</v>
      </c>
      <c r="H1596">
        <v>57987.715100000001</v>
      </c>
      <c r="I1596">
        <v>43196.869160000002</v>
      </c>
      <c r="J1596">
        <v>37822.850780000001</v>
      </c>
      <c r="K1596">
        <v>61528.596700000002</v>
      </c>
      <c r="L1596">
        <v>32753.28787</v>
      </c>
      <c r="M1596">
        <v>328989.92219999997</v>
      </c>
      <c r="N1596">
        <v>105824.3789</v>
      </c>
      <c r="O1596">
        <v>30519.877909999999</v>
      </c>
      <c r="P1596">
        <v>42246.783869999999</v>
      </c>
      <c r="Q1596">
        <v>93524.106769999999</v>
      </c>
      <c r="R1596">
        <v>25303.576209999999</v>
      </c>
      <c r="S1596">
        <v>115800.0156</v>
      </c>
      <c r="T1596">
        <v>40015.599450000002</v>
      </c>
      <c r="U1596">
        <v>28403.80386</v>
      </c>
      <c r="W1596" s="83">
        <f>Bühler!N1628</f>
        <v>45358.416666662801</v>
      </c>
      <c r="X1596" s="83">
        <v>43167.416666666664</v>
      </c>
      <c r="Y1596">
        <v>311542.58350000001</v>
      </c>
      <c r="Z1596">
        <v>41068.259559999999</v>
      </c>
      <c r="AA1596">
        <v>86085.457699999999</v>
      </c>
      <c r="AB1596">
        <v>91658.515190000006</v>
      </c>
      <c r="AC1596">
        <v>57987.715100000001</v>
      </c>
      <c r="AD1596">
        <v>43196.869160000002</v>
      </c>
      <c r="AE1596">
        <v>37822.850780000001</v>
      </c>
      <c r="AF1596">
        <v>61528.596700000002</v>
      </c>
      <c r="AG1596">
        <v>32753.28787</v>
      </c>
      <c r="AH1596">
        <v>328989.92219999997</v>
      </c>
      <c r="AI1596">
        <v>105824.3789</v>
      </c>
      <c r="AJ1596">
        <v>30519.877909999999</v>
      </c>
      <c r="AK1596">
        <v>42246.783869999999</v>
      </c>
      <c r="AL1596">
        <v>93524.106769999999</v>
      </c>
      <c r="AM1596">
        <v>25303.576209999999</v>
      </c>
      <c r="AN1596">
        <v>115800.0156</v>
      </c>
      <c r="AO1596">
        <v>40015.599450000002</v>
      </c>
      <c r="AP1596">
        <v>28403.80386</v>
      </c>
    </row>
    <row r="1597" spans="2:42" x14ac:dyDescent="0.3">
      <c r="B1597">
        <v>64.747990956311597</v>
      </c>
      <c r="C1597" s="83">
        <v>43167.458333333336</v>
      </c>
      <c r="D1597">
        <v>308046.18670000002</v>
      </c>
      <c r="E1597">
        <v>40276.859819999998</v>
      </c>
      <c r="F1597">
        <v>86803.552540000004</v>
      </c>
      <c r="G1597">
        <v>88887.721250000002</v>
      </c>
      <c r="H1597">
        <v>56570.458899999998</v>
      </c>
      <c r="I1597">
        <v>41360.175020000002</v>
      </c>
      <c r="J1597">
        <v>36878.859479999999</v>
      </c>
      <c r="K1597">
        <v>62593.727939999997</v>
      </c>
      <c r="L1597">
        <v>33912.170230000003</v>
      </c>
      <c r="M1597">
        <v>330115.45260000002</v>
      </c>
      <c r="N1597">
        <v>103107.10679999999</v>
      </c>
      <c r="O1597">
        <v>30351.152699999999</v>
      </c>
      <c r="P1597">
        <v>40491.471169999997</v>
      </c>
      <c r="Q1597">
        <v>93324.281770000001</v>
      </c>
      <c r="R1597">
        <v>26904.426810000001</v>
      </c>
      <c r="S1597">
        <v>116078.71679999999</v>
      </c>
      <c r="T1597">
        <v>39942.984600000003</v>
      </c>
      <c r="U1597">
        <v>27343.844290000001</v>
      </c>
      <c r="W1597" s="83">
        <f>Bühler!N1629</f>
        <v>45358.458333329465</v>
      </c>
      <c r="X1597" s="83">
        <v>43167.458333333336</v>
      </c>
      <c r="Y1597">
        <v>308046.18670000002</v>
      </c>
      <c r="Z1597">
        <v>40276.859819999998</v>
      </c>
      <c r="AA1597">
        <v>86803.552540000004</v>
      </c>
      <c r="AB1597">
        <v>88887.721250000002</v>
      </c>
      <c r="AC1597">
        <v>56570.458899999998</v>
      </c>
      <c r="AD1597">
        <v>41360.175020000002</v>
      </c>
      <c r="AE1597">
        <v>36878.859479999999</v>
      </c>
      <c r="AF1597">
        <v>62593.727939999997</v>
      </c>
      <c r="AG1597">
        <v>33912.170230000003</v>
      </c>
      <c r="AH1597">
        <v>330115.45260000002</v>
      </c>
      <c r="AI1597">
        <v>103107.10679999999</v>
      </c>
      <c r="AJ1597">
        <v>30351.152699999999</v>
      </c>
      <c r="AK1597">
        <v>40491.471169999997</v>
      </c>
      <c r="AL1597">
        <v>93324.281770000001</v>
      </c>
      <c r="AM1597">
        <v>26904.426810000001</v>
      </c>
      <c r="AN1597">
        <v>116078.71679999999</v>
      </c>
      <c r="AO1597">
        <v>39942.984600000003</v>
      </c>
      <c r="AP1597">
        <v>27343.844290000001</v>
      </c>
    </row>
    <row r="1598" spans="2:42" x14ac:dyDescent="0.3">
      <c r="B1598">
        <v>63.809923412226269</v>
      </c>
      <c r="C1598" s="83">
        <v>43167.5</v>
      </c>
      <c r="D1598">
        <v>294446.446</v>
      </c>
      <c r="E1598">
        <v>35799.497660000001</v>
      </c>
      <c r="F1598">
        <v>84822.750799999994</v>
      </c>
      <c r="G1598">
        <v>88002.608300000007</v>
      </c>
      <c r="H1598">
        <v>53608.365290000002</v>
      </c>
      <c r="I1598">
        <v>39921.016409999997</v>
      </c>
      <c r="J1598">
        <v>37101.121760000002</v>
      </c>
      <c r="K1598">
        <v>58871.66764</v>
      </c>
      <c r="L1598">
        <v>35342.113890000001</v>
      </c>
      <c r="M1598">
        <v>325332.74680000002</v>
      </c>
      <c r="N1598">
        <v>99250.924629999994</v>
      </c>
      <c r="O1598">
        <v>28634.110840000001</v>
      </c>
      <c r="P1598">
        <v>41609.28514</v>
      </c>
      <c r="Q1598">
        <v>92173.577850000001</v>
      </c>
      <c r="R1598">
        <v>26058.230329999999</v>
      </c>
      <c r="S1598">
        <v>108978.1447</v>
      </c>
      <c r="T1598">
        <v>39007.872170000002</v>
      </c>
      <c r="U1598">
        <v>23352.501469999999</v>
      </c>
      <c r="W1598" s="83">
        <f>Bühler!N1630</f>
        <v>45358.499999996129</v>
      </c>
      <c r="X1598" s="83">
        <v>43167.5</v>
      </c>
      <c r="Y1598">
        <v>294446.446</v>
      </c>
      <c r="Z1598">
        <v>35799.497660000001</v>
      </c>
      <c r="AA1598">
        <v>84822.750799999994</v>
      </c>
      <c r="AB1598">
        <v>88002.608300000007</v>
      </c>
      <c r="AC1598">
        <v>53608.365290000002</v>
      </c>
      <c r="AD1598">
        <v>39921.016409999997</v>
      </c>
      <c r="AE1598">
        <v>37101.121760000002</v>
      </c>
      <c r="AF1598">
        <v>58871.66764</v>
      </c>
      <c r="AG1598">
        <v>35342.113890000001</v>
      </c>
      <c r="AH1598">
        <v>325332.74680000002</v>
      </c>
      <c r="AI1598">
        <v>99250.924629999994</v>
      </c>
      <c r="AJ1598">
        <v>28634.110840000001</v>
      </c>
      <c r="AK1598">
        <v>41609.28514</v>
      </c>
      <c r="AL1598">
        <v>92173.577850000001</v>
      </c>
      <c r="AM1598">
        <v>26058.230329999999</v>
      </c>
      <c r="AN1598">
        <v>108978.1447</v>
      </c>
      <c r="AO1598">
        <v>39007.872170000002</v>
      </c>
      <c r="AP1598">
        <v>23352.501469999999</v>
      </c>
    </row>
    <row r="1599" spans="2:42" x14ac:dyDescent="0.3">
      <c r="B1599">
        <v>63.099875280651972</v>
      </c>
      <c r="C1599" s="83">
        <v>43167.541666666664</v>
      </c>
      <c r="D1599">
        <v>296454.11680000002</v>
      </c>
      <c r="E1599">
        <v>35044.72309</v>
      </c>
      <c r="F1599">
        <v>82529.592210000003</v>
      </c>
      <c r="G1599">
        <v>85551.491580000002</v>
      </c>
      <c r="H1599">
        <v>54108.883119999999</v>
      </c>
      <c r="I1599">
        <v>38737.931069999999</v>
      </c>
      <c r="J1599">
        <v>36149.491999999998</v>
      </c>
      <c r="K1599">
        <v>61328.940589999998</v>
      </c>
      <c r="L1599">
        <v>33966.883139999998</v>
      </c>
      <c r="M1599">
        <v>321712.59029999998</v>
      </c>
      <c r="N1599">
        <v>99248.348689999999</v>
      </c>
      <c r="O1599">
        <v>28013.523270000002</v>
      </c>
      <c r="P1599">
        <v>39524.765030000002</v>
      </c>
      <c r="Q1599">
        <v>91055.798750000002</v>
      </c>
      <c r="R1599">
        <v>25457.156480000001</v>
      </c>
      <c r="S1599">
        <v>107469.4889</v>
      </c>
      <c r="T1599">
        <v>38012.58855</v>
      </c>
      <c r="U1599">
        <v>24280.608</v>
      </c>
      <c r="W1599" s="83">
        <f>Bühler!N1631</f>
        <v>45358.541666662793</v>
      </c>
      <c r="X1599" s="83">
        <v>43167.541666666664</v>
      </c>
      <c r="Y1599">
        <v>296454.11680000002</v>
      </c>
      <c r="Z1599">
        <v>35044.72309</v>
      </c>
      <c r="AA1599">
        <v>82529.592210000003</v>
      </c>
      <c r="AB1599">
        <v>85551.491580000002</v>
      </c>
      <c r="AC1599">
        <v>54108.883119999999</v>
      </c>
      <c r="AD1599">
        <v>38737.931069999999</v>
      </c>
      <c r="AE1599">
        <v>36149.491999999998</v>
      </c>
      <c r="AF1599">
        <v>61328.940589999998</v>
      </c>
      <c r="AG1599">
        <v>33966.883139999998</v>
      </c>
      <c r="AH1599">
        <v>321712.59029999998</v>
      </c>
      <c r="AI1599">
        <v>99248.348689999999</v>
      </c>
      <c r="AJ1599">
        <v>28013.523270000002</v>
      </c>
      <c r="AK1599">
        <v>39524.765030000002</v>
      </c>
      <c r="AL1599">
        <v>91055.798750000002</v>
      </c>
      <c r="AM1599">
        <v>25457.156480000001</v>
      </c>
      <c r="AN1599">
        <v>107469.4889</v>
      </c>
      <c r="AO1599">
        <v>38012.58855</v>
      </c>
      <c r="AP1599">
        <v>24280.608</v>
      </c>
    </row>
    <row r="1600" spans="2:42" x14ac:dyDescent="0.3">
      <c r="B1600">
        <v>63.472333657865001</v>
      </c>
      <c r="C1600" s="83">
        <v>43167.583333333336</v>
      </c>
      <c r="D1600">
        <v>298112.3812</v>
      </c>
      <c r="E1600">
        <v>37350.126850000001</v>
      </c>
      <c r="F1600">
        <v>84740.761880000005</v>
      </c>
      <c r="G1600">
        <v>79686.225579999998</v>
      </c>
      <c r="H1600">
        <v>53116.443330000002</v>
      </c>
      <c r="I1600">
        <v>39528.849289999998</v>
      </c>
      <c r="J1600">
        <v>35339.982429999996</v>
      </c>
      <c r="K1600">
        <v>61729.663639999999</v>
      </c>
      <c r="L1600">
        <v>30805.99828</v>
      </c>
      <c r="M1600">
        <v>323611.55680000002</v>
      </c>
      <c r="N1600">
        <v>99869.649730000005</v>
      </c>
      <c r="O1600">
        <v>27973.707839999999</v>
      </c>
      <c r="P1600">
        <v>36687.349929999997</v>
      </c>
      <c r="Q1600">
        <v>90755.512100000007</v>
      </c>
      <c r="R1600">
        <v>24797.470720000001</v>
      </c>
      <c r="S1600">
        <v>103741.45510000001</v>
      </c>
      <c r="T1600">
        <v>36304.922100000003</v>
      </c>
      <c r="U1600">
        <v>25010.41617</v>
      </c>
      <c r="W1600" s="83">
        <f>Bühler!N1632</f>
        <v>45358.583333329458</v>
      </c>
      <c r="X1600" s="83">
        <v>43167.583333333336</v>
      </c>
      <c r="Y1600">
        <v>298112.3812</v>
      </c>
      <c r="Z1600">
        <v>37350.126850000001</v>
      </c>
      <c r="AA1600">
        <v>84740.761880000005</v>
      </c>
      <c r="AB1600">
        <v>79686.225579999998</v>
      </c>
      <c r="AC1600">
        <v>53116.443330000002</v>
      </c>
      <c r="AD1600">
        <v>39528.849289999998</v>
      </c>
      <c r="AE1600">
        <v>35339.982429999996</v>
      </c>
      <c r="AF1600">
        <v>61729.663639999999</v>
      </c>
      <c r="AG1600">
        <v>30805.99828</v>
      </c>
      <c r="AH1600">
        <v>323611.55680000002</v>
      </c>
      <c r="AI1600">
        <v>99869.649730000005</v>
      </c>
      <c r="AJ1600">
        <v>27973.707839999999</v>
      </c>
      <c r="AK1600">
        <v>36687.349929999997</v>
      </c>
      <c r="AL1600">
        <v>90755.512100000007</v>
      </c>
      <c r="AM1600">
        <v>24797.470720000001</v>
      </c>
      <c r="AN1600">
        <v>103741.45510000001</v>
      </c>
      <c r="AO1600">
        <v>36304.922100000003</v>
      </c>
      <c r="AP1600">
        <v>25010.41617</v>
      </c>
    </row>
    <row r="1601" spans="2:42" x14ac:dyDescent="0.3">
      <c r="B1601">
        <v>63.018268955907573</v>
      </c>
      <c r="C1601" s="83">
        <v>43167.625</v>
      </c>
      <c r="D1601">
        <v>294712.35460000002</v>
      </c>
      <c r="E1601">
        <v>36901.524879999997</v>
      </c>
      <c r="F1601">
        <v>84950.192060000001</v>
      </c>
      <c r="G1601">
        <v>76993.674379999997</v>
      </c>
      <c r="H1601">
        <v>52126.115980000002</v>
      </c>
      <c r="I1601">
        <v>40059.210769999998</v>
      </c>
      <c r="J1601">
        <v>34844.398229999999</v>
      </c>
      <c r="K1601">
        <v>61281.720520000003</v>
      </c>
      <c r="L1601">
        <v>27569.486970000002</v>
      </c>
      <c r="M1601">
        <v>321296.5232</v>
      </c>
      <c r="N1601">
        <v>98784.094360000003</v>
      </c>
      <c r="O1601">
        <v>26748.111639999999</v>
      </c>
      <c r="P1601">
        <v>34558.347399999999</v>
      </c>
      <c r="Q1601">
        <v>89600.387329999998</v>
      </c>
      <c r="R1601">
        <v>23379.347989999998</v>
      </c>
      <c r="S1601">
        <v>101238.31600000001</v>
      </c>
      <c r="T1601">
        <v>35666.934430000001</v>
      </c>
      <c r="U1601">
        <v>24176.62976</v>
      </c>
      <c r="W1601" s="83">
        <f>Bühler!N1633</f>
        <v>45358.624999996122</v>
      </c>
      <c r="X1601" s="83">
        <v>43167.625</v>
      </c>
      <c r="Y1601">
        <v>294712.35460000002</v>
      </c>
      <c r="Z1601">
        <v>36901.524879999997</v>
      </c>
      <c r="AA1601">
        <v>84950.192060000001</v>
      </c>
      <c r="AB1601">
        <v>76993.674379999997</v>
      </c>
      <c r="AC1601">
        <v>52126.115980000002</v>
      </c>
      <c r="AD1601">
        <v>40059.210769999998</v>
      </c>
      <c r="AE1601">
        <v>34844.398229999999</v>
      </c>
      <c r="AF1601">
        <v>61281.720520000003</v>
      </c>
      <c r="AG1601">
        <v>27569.486970000002</v>
      </c>
      <c r="AH1601">
        <v>321296.5232</v>
      </c>
      <c r="AI1601">
        <v>98784.094360000003</v>
      </c>
      <c r="AJ1601">
        <v>26748.111639999999</v>
      </c>
      <c r="AK1601">
        <v>34558.347399999999</v>
      </c>
      <c r="AL1601">
        <v>89600.387329999998</v>
      </c>
      <c r="AM1601">
        <v>23379.347989999998</v>
      </c>
      <c r="AN1601">
        <v>101238.31600000001</v>
      </c>
      <c r="AO1601">
        <v>35666.934430000001</v>
      </c>
      <c r="AP1601">
        <v>24176.62976</v>
      </c>
    </row>
    <row r="1602" spans="2:42" x14ac:dyDescent="0.3">
      <c r="B1602">
        <v>61.96267163721749</v>
      </c>
      <c r="C1602" s="83">
        <v>43167.666666666664</v>
      </c>
      <c r="D1602">
        <v>288113.40000000002</v>
      </c>
      <c r="E1602">
        <v>35829.975489999997</v>
      </c>
      <c r="F1602">
        <v>83527.516319999995</v>
      </c>
      <c r="G1602">
        <v>72699.324940000006</v>
      </c>
      <c r="H1602">
        <v>49941.615360000003</v>
      </c>
      <c r="I1602">
        <v>40661.89604</v>
      </c>
      <c r="J1602">
        <v>33988.471810000003</v>
      </c>
      <c r="K1602">
        <v>56967.944929999998</v>
      </c>
      <c r="L1602">
        <v>26658.92801</v>
      </c>
      <c r="M1602">
        <v>315914.59580000001</v>
      </c>
      <c r="N1602">
        <v>95167.30098</v>
      </c>
      <c r="O1602">
        <v>26217.911029999999</v>
      </c>
      <c r="P1602">
        <v>34204.550280000003</v>
      </c>
      <c r="Q1602">
        <v>88934.684819999995</v>
      </c>
      <c r="R1602">
        <v>23486.93217</v>
      </c>
      <c r="S1602">
        <v>98379.459820000004</v>
      </c>
      <c r="T1602">
        <v>35156.926890000002</v>
      </c>
      <c r="U1602">
        <v>22739.257150000001</v>
      </c>
      <c r="W1602" s="83">
        <f>Bühler!N1634</f>
        <v>45358.666666662786</v>
      </c>
      <c r="X1602" s="83">
        <v>43167.666666666664</v>
      </c>
      <c r="Y1602">
        <v>288113.40000000002</v>
      </c>
      <c r="Z1602">
        <v>35829.975489999997</v>
      </c>
      <c r="AA1602">
        <v>83527.516319999995</v>
      </c>
      <c r="AB1602">
        <v>72699.324940000006</v>
      </c>
      <c r="AC1602">
        <v>49941.615360000003</v>
      </c>
      <c r="AD1602">
        <v>40661.89604</v>
      </c>
      <c r="AE1602">
        <v>33988.471810000003</v>
      </c>
      <c r="AF1602">
        <v>56967.944929999998</v>
      </c>
      <c r="AG1602">
        <v>26658.92801</v>
      </c>
      <c r="AH1602">
        <v>315914.59580000001</v>
      </c>
      <c r="AI1602">
        <v>95167.30098</v>
      </c>
      <c r="AJ1602">
        <v>26217.911029999999</v>
      </c>
      <c r="AK1602">
        <v>34204.550280000003</v>
      </c>
      <c r="AL1602">
        <v>88934.684819999995</v>
      </c>
      <c r="AM1602">
        <v>23486.93217</v>
      </c>
      <c r="AN1602">
        <v>98379.459820000004</v>
      </c>
      <c r="AO1602">
        <v>35156.926890000002</v>
      </c>
      <c r="AP1602">
        <v>22739.257150000001</v>
      </c>
    </row>
    <row r="1603" spans="2:42" x14ac:dyDescent="0.3">
      <c r="B1603">
        <v>60.851663459447046</v>
      </c>
      <c r="C1603" s="83">
        <v>43167.708333333336</v>
      </c>
      <c r="D1603">
        <v>278871.8824</v>
      </c>
      <c r="E1603">
        <v>33727.276790000004</v>
      </c>
      <c r="F1603">
        <v>83064.495450000002</v>
      </c>
      <c r="G1603">
        <v>66197.574980000005</v>
      </c>
      <c r="H1603">
        <v>47987.439140000002</v>
      </c>
      <c r="I1603">
        <v>40703.985910000003</v>
      </c>
      <c r="J1603">
        <v>33944.080029999997</v>
      </c>
      <c r="K1603">
        <v>52893.305480000003</v>
      </c>
      <c r="L1603">
        <v>27042.791990000002</v>
      </c>
      <c r="M1603">
        <v>310250.158</v>
      </c>
      <c r="N1603">
        <v>87023.412089999998</v>
      </c>
      <c r="O1603">
        <v>25421.06897</v>
      </c>
      <c r="P1603">
        <v>35331.935469999997</v>
      </c>
      <c r="Q1603">
        <v>88342.714019999999</v>
      </c>
      <c r="R1603">
        <v>23678.151399999999</v>
      </c>
      <c r="S1603">
        <v>95705.417520000003</v>
      </c>
      <c r="T1603">
        <v>34694.067000000003</v>
      </c>
      <c r="U1603">
        <v>20775.425999999999</v>
      </c>
      <c r="W1603" s="83">
        <f>Bühler!N1635</f>
        <v>45358.70833332945</v>
      </c>
      <c r="X1603" s="83">
        <v>43167.708333333336</v>
      </c>
      <c r="Y1603">
        <v>278871.8824</v>
      </c>
      <c r="Z1603">
        <v>33727.276790000004</v>
      </c>
      <c r="AA1603">
        <v>83064.495450000002</v>
      </c>
      <c r="AB1603">
        <v>66197.574980000005</v>
      </c>
      <c r="AC1603">
        <v>47987.439140000002</v>
      </c>
      <c r="AD1603">
        <v>40703.985910000003</v>
      </c>
      <c r="AE1603">
        <v>33944.080029999997</v>
      </c>
      <c r="AF1603">
        <v>52893.305480000003</v>
      </c>
      <c r="AG1603">
        <v>27042.791990000002</v>
      </c>
      <c r="AH1603">
        <v>310250.158</v>
      </c>
      <c r="AI1603">
        <v>87023.412089999998</v>
      </c>
      <c r="AJ1603">
        <v>25421.06897</v>
      </c>
      <c r="AK1603">
        <v>35331.935469999997</v>
      </c>
      <c r="AL1603">
        <v>88342.714019999999</v>
      </c>
      <c r="AM1603">
        <v>23678.151399999999</v>
      </c>
      <c r="AN1603">
        <v>95705.417520000003</v>
      </c>
      <c r="AO1603">
        <v>34694.067000000003</v>
      </c>
      <c r="AP1603">
        <v>20775.425999999999</v>
      </c>
    </row>
    <row r="1604" spans="2:42" x14ac:dyDescent="0.3">
      <c r="B1604">
        <v>59.900678658370516</v>
      </c>
      <c r="C1604" s="83">
        <v>43167.75</v>
      </c>
      <c r="D1604">
        <v>273399.72369999997</v>
      </c>
      <c r="E1604">
        <v>31499.45996</v>
      </c>
      <c r="F1604">
        <v>81942.796789999993</v>
      </c>
      <c r="G1604">
        <v>59932.77</v>
      </c>
      <c r="H1604">
        <v>46763.555970000001</v>
      </c>
      <c r="I1604">
        <v>40483.446629999999</v>
      </c>
      <c r="J1604">
        <v>35636.561379999999</v>
      </c>
      <c r="K1604">
        <v>50604.437230000003</v>
      </c>
      <c r="L1604">
        <v>29885.338889999999</v>
      </c>
      <c r="M1604">
        <v>305401.59399999998</v>
      </c>
      <c r="N1604">
        <v>85150.281270000007</v>
      </c>
      <c r="O1604">
        <v>25729.474289999998</v>
      </c>
      <c r="P1604">
        <v>39159.006269999998</v>
      </c>
      <c r="Q1604">
        <v>86580.587969999993</v>
      </c>
      <c r="R1604">
        <v>22560.726449999998</v>
      </c>
      <c r="S1604">
        <v>91777.169500000004</v>
      </c>
      <c r="T1604">
        <v>36408.447760000003</v>
      </c>
      <c r="U1604">
        <v>19690.527999999998</v>
      </c>
      <c r="W1604" s="83">
        <f>Bühler!N1636</f>
        <v>45358.749999996115</v>
      </c>
      <c r="X1604" s="83">
        <v>43167.75</v>
      </c>
      <c r="Y1604">
        <v>273399.72369999997</v>
      </c>
      <c r="Z1604">
        <v>31499.45996</v>
      </c>
      <c r="AA1604">
        <v>81942.796789999993</v>
      </c>
      <c r="AB1604">
        <v>59932.77</v>
      </c>
      <c r="AC1604">
        <v>46763.555970000001</v>
      </c>
      <c r="AD1604">
        <v>40483.446629999999</v>
      </c>
      <c r="AE1604">
        <v>35636.561379999999</v>
      </c>
      <c r="AF1604">
        <v>50604.437230000003</v>
      </c>
      <c r="AG1604">
        <v>29885.338889999999</v>
      </c>
      <c r="AH1604">
        <v>305401.59399999998</v>
      </c>
      <c r="AI1604">
        <v>85150.281270000007</v>
      </c>
      <c r="AJ1604">
        <v>25729.474289999998</v>
      </c>
      <c r="AK1604">
        <v>39159.006269999998</v>
      </c>
      <c r="AL1604">
        <v>86580.587969999993</v>
      </c>
      <c r="AM1604">
        <v>22560.726449999998</v>
      </c>
      <c r="AN1604">
        <v>91777.169500000004</v>
      </c>
      <c r="AO1604">
        <v>36408.447760000003</v>
      </c>
      <c r="AP1604">
        <v>19690.527999999998</v>
      </c>
    </row>
    <row r="1605" spans="2:42" x14ac:dyDescent="0.3">
      <c r="B1605">
        <v>59.102395306667766</v>
      </c>
      <c r="C1605" s="83">
        <v>43167.791666666664</v>
      </c>
      <c r="D1605">
        <v>271188.57089999999</v>
      </c>
      <c r="E1605">
        <v>27091.957269999999</v>
      </c>
      <c r="F1605">
        <v>72107.397440000001</v>
      </c>
      <c r="G1605">
        <v>57754.10052</v>
      </c>
      <c r="H1605">
        <v>46767.119330000001</v>
      </c>
      <c r="I1605">
        <v>39300.380400000002</v>
      </c>
      <c r="J1605">
        <v>38034.305489999999</v>
      </c>
      <c r="K1605">
        <v>49711.227509999997</v>
      </c>
      <c r="L1605">
        <v>32644.341550000001</v>
      </c>
      <c r="M1605">
        <v>301331.57319999998</v>
      </c>
      <c r="N1605">
        <v>83904.573640000002</v>
      </c>
      <c r="O1605">
        <v>25452.603940000001</v>
      </c>
      <c r="P1605">
        <v>43037.944199999998</v>
      </c>
      <c r="Q1605">
        <v>84685.764479999998</v>
      </c>
      <c r="R1605">
        <v>22170.744999999999</v>
      </c>
      <c r="S1605">
        <v>91151.831210000004</v>
      </c>
      <c r="T1605">
        <v>38108.239099999999</v>
      </c>
      <c r="U1605">
        <v>20140.43549</v>
      </c>
      <c r="W1605" s="83">
        <f>Bühler!N1637</f>
        <v>45358.791666662779</v>
      </c>
      <c r="X1605" s="83">
        <v>43167.791666666664</v>
      </c>
      <c r="Y1605">
        <v>271188.57089999999</v>
      </c>
      <c r="Z1605">
        <v>27091.957269999999</v>
      </c>
      <c r="AA1605">
        <v>72107.397440000001</v>
      </c>
      <c r="AB1605">
        <v>57754.10052</v>
      </c>
      <c r="AC1605">
        <v>46767.119330000001</v>
      </c>
      <c r="AD1605">
        <v>39300.380400000002</v>
      </c>
      <c r="AE1605">
        <v>38034.305489999999</v>
      </c>
      <c r="AF1605">
        <v>49711.227509999997</v>
      </c>
      <c r="AG1605">
        <v>32644.341550000001</v>
      </c>
      <c r="AH1605">
        <v>301331.57319999998</v>
      </c>
      <c r="AI1605">
        <v>83904.573640000002</v>
      </c>
      <c r="AJ1605">
        <v>25452.603940000001</v>
      </c>
      <c r="AK1605">
        <v>43037.944199999998</v>
      </c>
      <c r="AL1605">
        <v>84685.764479999998</v>
      </c>
      <c r="AM1605">
        <v>22170.744999999999</v>
      </c>
      <c r="AN1605">
        <v>91151.831210000004</v>
      </c>
      <c r="AO1605">
        <v>38108.239099999999</v>
      </c>
      <c r="AP1605">
        <v>20140.43549</v>
      </c>
    </row>
    <row r="1606" spans="2:42" x14ac:dyDescent="0.3">
      <c r="B1606">
        <v>57.909682715832545</v>
      </c>
      <c r="C1606" s="83">
        <v>43167.833333333336</v>
      </c>
      <c r="D1606">
        <v>261873.01819999999</v>
      </c>
      <c r="E1606">
        <v>21006.59217</v>
      </c>
      <c r="F1606">
        <v>55799.080829999999</v>
      </c>
      <c r="G1606">
        <v>51587.381000000001</v>
      </c>
      <c r="H1606">
        <v>43616.193720000003</v>
      </c>
      <c r="I1606">
        <v>35718.801650000001</v>
      </c>
      <c r="J1606">
        <v>37069.649530000002</v>
      </c>
      <c r="K1606">
        <v>50299.517249999997</v>
      </c>
      <c r="L1606">
        <v>30785.156749999998</v>
      </c>
      <c r="M1606">
        <v>295250.56819999998</v>
      </c>
      <c r="N1606">
        <v>81284.331250000003</v>
      </c>
      <c r="O1606">
        <v>24335.926029999999</v>
      </c>
      <c r="P1606">
        <v>43746.987910000003</v>
      </c>
      <c r="Q1606">
        <v>82354.648610000004</v>
      </c>
      <c r="R1606">
        <v>20581.859369999998</v>
      </c>
      <c r="S1606">
        <v>82906.576060000007</v>
      </c>
      <c r="T1606">
        <v>36009.94096</v>
      </c>
      <c r="U1606">
        <v>18594.003560000001</v>
      </c>
      <c r="W1606" s="83">
        <f>Bühler!N1638</f>
        <v>45358.833333329443</v>
      </c>
      <c r="X1606" s="83">
        <v>43167.833333333336</v>
      </c>
      <c r="Y1606">
        <v>261873.01819999999</v>
      </c>
      <c r="Z1606">
        <v>21006.59217</v>
      </c>
      <c r="AA1606">
        <v>55799.080829999999</v>
      </c>
      <c r="AB1606">
        <v>51587.381000000001</v>
      </c>
      <c r="AC1606">
        <v>43616.193720000003</v>
      </c>
      <c r="AD1606">
        <v>35718.801650000001</v>
      </c>
      <c r="AE1606">
        <v>37069.649530000002</v>
      </c>
      <c r="AF1606">
        <v>50299.517249999997</v>
      </c>
      <c r="AG1606">
        <v>30785.156749999998</v>
      </c>
      <c r="AH1606">
        <v>295250.56819999998</v>
      </c>
      <c r="AI1606">
        <v>81284.331250000003</v>
      </c>
      <c r="AJ1606">
        <v>24335.926029999999</v>
      </c>
      <c r="AK1606">
        <v>43746.987910000003</v>
      </c>
      <c r="AL1606">
        <v>82354.648610000004</v>
      </c>
      <c r="AM1606">
        <v>20581.859369999998</v>
      </c>
      <c r="AN1606">
        <v>82906.576060000007</v>
      </c>
      <c r="AO1606">
        <v>36009.94096</v>
      </c>
      <c r="AP1606">
        <v>18594.003560000001</v>
      </c>
    </row>
    <row r="1607" spans="2:42" x14ac:dyDescent="0.3">
      <c r="B1607">
        <v>56.311161228511345</v>
      </c>
      <c r="C1607" s="83">
        <v>43167.875</v>
      </c>
      <c r="D1607">
        <v>254660.84849999999</v>
      </c>
      <c r="E1607">
        <v>18390.752570000001</v>
      </c>
      <c r="F1607">
        <v>48540.167670000003</v>
      </c>
      <c r="G1607">
        <v>47842.969790000003</v>
      </c>
      <c r="H1607">
        <v>41413.713409999997</v>
      </c>
      <c r="I1607">
        <v>30314.397079999999</v>
      </c>
      <c r="J1607">
        <v>35594.167549999998</v>
      </c>
      <c r="K1607">
        <v>50116.0723</v>
      </c>
      <c r="L1607">
        <v>28893.983390000001</v>
      </c>
      <c r="M1607">
        <v>287100.56020000001</v>
      </c>
      <c r="N1607">
        <v>80091.079320000004</v>
      </c>
      <c r="O1607">
        <v>23726.346399999999</v>
      </c>
      <c r="P1607">
        <v>41357.950290000001</v>
      </c>
      <c r="Q1607">
        <v>81019.069770000002</v>
      </c>
      <c r="R1607">
        <v>19392.405549999999</v>
      </c>
      <c r="S1607">
        <v>78443.594580000004</v>
      </c>
      <c r="T1607">
        <v>33407.538059999999</v>
      </c>
      <c r="U1607">
        <v>17505.862300000001</v>
      </c>
      <c r="W1607" s="83">
        <f>Bühler!N1639</f>
        <v>45358.874999996107</v>
      </c>
      <c r="X1607" s="83">
        <v>43167.875</v>
      </c>
      <c r="Y1607">
        <v>254660.84849999999</v>
      </c>
      <c r="Z1607">
        <v>18390.752570000001</v>
      </c>
      <c r="AA1607">
        <v>48540.167670000003</v>
      </c>
      <c r="AB1607">
        <v>47842.969790000003</v>
      </c>
      <c r="AC1607">
        <v>41413.713409999997</v>
      </c>
      <c r="AD1607">
        <v>30314.397079999999</v>
      </c>
      <c r="AE1607">
        <v>35594.167549999998</v>
      </c>
      <c r="AF1607">
        <v>50116.0723</v>
      </c>
      <c r="AG1607">
        <v>28893.983390000001</v>
      </c>
      <c r="AH1607">
        <v>287100.56020000001</v>
      </c>
      <c r="AI1607">
        <v>80091.079320000004</v>
      </c>
      <c r="AJ1607">
        <v>23726.346399999999</v>
      </c>
      <c r="AK1607">
        <v>41357.950290000001</v>
      </c>
      <c r="AL1607">
        <v>81019.069770000002</v>
      </c>
      <c r="AM1607">
        <v>19392.405549999999</v>
      </c>
      <c r="AN1607">
        <v>78443.594580000004</v>
      </c>
      <c r="AO1607">
        <v>33407.538059999999</v>
      </c>
      <c r="AP1607">
        <v>17505.862300000001</v>
      </c>
    </row>
    <row r="1608" spans="2:42" x14ac:dyDescent="0.3">
      <c r="B1608">
        <v>55.270005860608308</v>
      </c>
      <c r="C1608" s="83">
        <v>43167.916666666664</v>
      </c>
      <c r="D1608">
        <v>254457.1347</v>
      </c>
      <c r="E1608">
        <v>17806.848600000001</v>
      </c>
      <c r="F1608">
        <v>46348.958169999998</v>
      </c>
      <c r="G1608">
        <v>45882.733260000001</v>
      </c>
      <c r="H1608">
        <v>41037.612130000001</v>
      </c>
      <c r="I1608">
        <v>29070.377939999998</v>
      </c>
      <c r="J1608">
        <v>34703.648330000004</v>
      </c>
      <c r="K1608">
        <v>53164.794699999999</v>
      </c>
      <c r="L1608">
        <v>26117.400809999999</v>
      </c>
      <c r="M1608">
        <v>281792.26459999999</v>
      </c>
      <c r="N1608">
        <v>80859.411300000007</v>
      </c>
      <c r="O1608">
        <v>24903.17511</v>
      </c>
      <c r="P1608">
        <v>44145.739350000003</v>
      </c>
      <c r="Q1608">
        <v>80530.061090000003</v>
      </c>
      <c r="R1608">
        <v>28734.94356</v>
      </c>
      <c r="S1608">
        <v>77784.849919999993</v>
      </c>
      <c r="T1608">
        <v>29562.383999999998</v>
      </c>
      <c r="U1608">
        <v>19028.331620000001</v>
      </c>
      <c r="W1608" s="83">
        <f>Bühler!N1640</f>
        <v>45358.916666662772</v>
      </c>
      <c r="X1608" s="83">
        <v>43167.916666666664</v>
      </c>
      <c r="Y1608">
        <v>254457.1347</v>
      </c>
      <c r="Z1608">
        <v>17806.848600000001</v>
      </c>
      <c r="AA1608">
        <v>46348.958169999998</v>
      </c>
      <c r="AB1608">
        <v>45882.733260000001</v>
      </c>
      <c r="AC1608">
        <v>41037.612130000001</v>
      </c>
      <c r="AD1608">
        <v>29070.377939999998</v>
      </c>
      <c r="AE1608">
        <v>34703.648330000004</v>
      </c>
      <c r="AF1608">
        <v>53164.794699999999</v>
      </c>
      <c r="AG1608">
        <v>26117.400809999999</v>
      </c>
      <c r="AH1608">
        <v>281792.26459999999</v>
      </c>
      <c r="AI1608">
        <v>80859.411300000007</v>
      </c>
      <c r="AJ1608">
        <v>24903.17511</v>
      </c>
      <c r="AK1608">
        <v>44145.739350000003</v>
      </c>
      <c r="AL1608">
        <v>80530.061090000003</v>
      </c>
      <c r="AM1608">
        <v>28734.94356</v>
      </c>
      <c r="AN1608">
        <v>77784.849919999993</v>
      </c>
      <c r="AO1608">
        <v>29562.383999999998</v>
      </c>
      <c r="AP1608">
        <v>19028.331620000001</v>
      </c>
    </row>
    <row r="1609" spans="2:42" x14ac:dyDescent="0.3">
      <c r="B1609">
        <v>54.028297790888708</v>
      </c>
      <c r="C1609" s="83">
        <v>43167.958333333336</v>
      </c>
      <c r="D1609">
        <v>253237.8689</v>
      </c>
      <c r="E1609">
        <v>17457.855469999999</v>
      </c>
      <c r="F1609">
        <v>45286.583870000002</v>
      </c>
      <c r="G1609">
        <v>44699.526339999997</v>
      </c>
      <c r="H1609">
        <v>39954.540789999999</v>
      </c>
      <c r="I1609">
        <v>27505.28904</v>
      </c>
      <c r="J1609">
        <v>32585.545320000001</v>
      </c>
      <c r="K1609">
        <v>52745.578329999997</v>
      </c>
      <c r="L1609">
        <v>22102.057580000001</v>
      </c>
      <c r="M1609">
        <v>275461.45779999997</v>
      </c>
      <c r="N1609">
        <v>80960.740919999997</v>
      </c>
      <c r="O1609">
        <v>24649.984489999999</v>
      </c>
      <c r="P1609">
        <v>38884.72885</v>
      </c>
      <c r="Q1609">
        <v>80134.437059999997</v>
      </c>
      <c r="R1609">
        <v>31052.471560000002</v>
      </c>
      <c r="S1609">
        <v>76440.825790000003</v>
      </c>
      <c r="T1609">
        <v>30519.989119999998</v>
      </c>
      <c r="U1609">
        <v>18448.777050000001</v>
      </c>
      <c r="W1609" s="83">
        <f>Bühler!N1641</f>
        <v>45358.958333329436</v>
      </c>
      <c r="X1609" s="83">
        <v>43167.958333333336</v>
      </c>
      <c r="Y1609">
        <v>253237.8689</v>
      </c>
      <c r="Z1609">
        <v>17457.855469999999</v>
      </c>
      <c r="AA1609">
        <v>45286.583870000002</v>
      </c>
      <c r="AB1609">
        <v>44699.526339999997</v>
      </c>
      <c r="AC1609">
        <v>39954.540789999999</v>
      </c>
      <c r="AD1609">
        <v>27505.28904</v>
      </c>
      <c r="AE1609">
        <v>32585.545320000001</v>
      </c>
      <c r="AF1609">
        <v>52745.578329999997</v>
      </c>
      <c r="AG1609">
        <v>22102.057580000001</v>
      </c>
      <c r="AH1609">
        <v>275461.45779999997</v>
      </c>
      <c r="AI1609">
        <v>80960.740919999997</v>
      </c>
      <c r="AJ1609">
        <v>24649.984489999999</v>
      </c>
      <c r="AK1609">
        <v>38884.72885</v>
      </c>
      <c r="AL1609">
        <v>80134.437059999997</v>
      </c>
      <c r="AM1609">
        <v>31052.471560000002</v>
      </c>
      <c r="AN1609">
        <v>76440.825790000003</v>
      </c>
      <c r="AO1609">
        <v>30519.989119999998</v>
      </c>
      <c r="AP1609">
        <v>18448.777050000001</v>
      </c>
    </row>
    <row r="1610" spans="2:42" x14ac:dyDescent="0.3">
      <c r="B1610">
        <v>53.426133239024203</v>
      </c>
      <c r="C1610" s="83">
        <v>43168</v>
      </c>
      <c r="D1610">
        <v>252668.31159999999</v>
      </c>
      <c r="E1610">
        <v>17058.578509999999</v>
      </c>
      <c r="F1610">
        <v>44858.026120000002</v>
      </c>
      <c r="G1610">
        <v>44034.183290000001</v>
      </c>
      <c r="H1610">
        <v>39740.37715</v>
      </c>
      <c r="I1610">
        <v>25878.136170000002</v>
      </c>
      <c r="J1610">
        <v>30640.100849999999</v>
      </c>
      <c r="K1610">
        <v>51374.910989999997</v>
      </c>
      <c r="L1610">
        <v>20080.35641</v>
      </c>
      <c r="M1610">
        <v>272391.34210000001</v>
      </c>
      <c r="N1610">
        <v>80354.959570000006</v>
      </c>
      <c r="O1610">
        <v>24260.68028</v>
      </c>
      <c r="P1610">
        <v>35655.99639</v>
      </c>
      <c r="Q1610">
        <v>79886.903250000003</v>
      </c>
      <c r="R1610">
        <v>27758.390439999999</v>
      </c>
      <c r="S1610">
        <v>75351.621310000002</v>
      </c>
      <c r="T1610">
        <v>29347.292259999998</v>
      </c>
      <c r="U1610">
        <v>18566.164280000001</v>
      </c>
      <c r="W1610" s="83">
        <f>Bühler!N1642</f>
        <v>45358.9999999961</v>
      </c>
      <c r="X1610" s="83">
        <v>43168</v>
      </c>
      <c r="Y1610">
        <v>252668.31159999999</v>
      </c>
      <c r="Z1610">
        <v>17058.578509999999</v>
      </c>
      <c r="AA1610">
        <v>44858.026120000002</v>
      </c>
      <c r="AB1610">
        <v>44034.183290000001</v>
      </c>
      <c r="AC1610">
        <v>39740.37715</v>
      </c>
      <c r="AD1610">
        <v>25878.136170000002</v>
      </c>
      <c r="AE1610">
        <v>30640.100849999999</v>
      </c>
      <c r="AF1610">
        <v>51374.910989999997</v>
      </c>
      <c r="AG1610">
        <v>20080.35641</v>
      </c>
      <c r="AH1610">
        <v>272391.34210000001</v>
      </c>
      <c r="AI1610">
        <v>80354.959570000006</v>
      </c>
      <c r="AJ1610">
        <v>24260.68028</v>
      </c>
      <c r="AK1610">
        <v>35655.99639</v>
      </c>
      <c r="AL1610">
        <v>79886.903250000003</v>
      </c>
      <c r="AM1610">
        <v>27758.390439999999</v>
      </c>
      <c r="AN1610">
        <v>75351.621310000002</v>
      </c>
      <c r="AO1610">
        <v>29347.292259999998</v>
      </c>
      <c r="AP1610">
        <v>18566.164280000001</v>
      </c>
    </row>
    <row r="1611" spans="2:42" x14ac:dyDescent="0.3">
      <c r="B1611">
        <v>55.268762663227982</v>
      </c>
      <c r="C1611" s="83">
        <v>43168.041666666664</v>
      </c>
      <c r="D1611">
        <v>252991.01449999999</v>
      </c>
      <c r="E1611">
        <v>17539.422930000001</v>
      </c>
      <c r="F1611">
        <v>48687.451800000003</v>
      </c>
      <c r="G1611">
        <v>43970.408009999999</v>
      </c>
      <c r="H1611">
        <v>40545.164720000001</v>
      </c>
      <c r="I1611">
        <v>23077.845209999999</v>
      </c>
      <c r="J1611">
        <v>34868.647859999997</v>
      </c>
      <c r="K1611">
        <v>50045.714639999998</v>
      </c>
      <c r="L1611">
        <v>20279.163939999999</v>
      </c>
      <c r="M1611">
        <v>281785.92619999999</v>
      </c>
      <c r="N1611">
        <v>82126.11176</v>
      </c>
      <c r="O1611">
        <v>24411.00431</v>
      </c>
      <c r="P1611">
        <v>34923.485710000001</v>
      </c>
      <c r="Q1611">
        <v>81060.638349999994</v>
      </c>
      <c r="R1611">
        <v>26242.328519999999</v>
      </c>
      <c r="S1611">
        <v>80125.146659999999</v>
      </c>
      <c r="T1611">
        <v>28982.466069999999</v>
      </c>
      <c r="U1611">
        <v>19247.522580000001</v>
      </c>
      <c r="W1611" s="83">
        <f>Bühler!N1643</f>
        <v>45359.041666662764</v>
      </c>
      <c r="X1611" s="83">
        <v>43168.041666666664</v>
      </c>
      <c r="Y1611">
        <v>252991.01449999999</v>
      </c>
      <c r="Z1611">
        <v>17539.422930000001</v>
      </c>
      <c r="AA1611">
        <v>48687.451800000003</v>
      </c>
      <c r="AB1611">
        <v>43970.408009999999</v>
      </c>
      <c r="AC1611">
        <v>40545.164720000001</v>
      </c>
      <c r="AD1611">
        <v>23077.845209999999</v>
      </c>
      <c r="AE1611">
        <v>34868.647859999997</v>
      </c>
      <c r="AF1611">
        <v>50045.714639999998</v>
      </c>
      <c r="AG1611">
        <v>20279.163939999999</v>
      </c>
      <c r="AH1611">
        <v>281785.92619999999</v>
      </c>
      <c r="AI1611">
        <v>82126.11176</v>
      </c>
      <c r="AJ1611">
        <v>24411.00431</v>
      </c>
      <c r="AK1611">
        <v>34923.485710000001</v>
      </c>
      <c r="AL1611">
        <v>81060.638349999994</v>
      </c>
      <c r="AM1611">
        <v>26242.328519999999</v>
      </c>
      <c r="AN1611">
        <v>80125.146659999999</v>
      </c>
      <c r="AO1611">
        <v>28982.466069999999</v>
      </c>
      <c r="AP1611">
        <v>19247.522580000001</v>
      </c>
    </row>
    <row r="1612" spans="2:42" x14ac:dyDescent="0.3">
      <c r="B1612">
        <v>55.947833361706302</v>
      </c>
      <c r="C1612" s="83">
        <v>43168.083333333336</v>
      </c>
      <c r="D1612">
        <v>254969.66409999999</v>
      </c>
      <c r="E1612">
        <v>17611.132440000001</v>
      </c>
      <c r="F1612">
        <v>50528.547630000001</v>
      </c>
      <c r="G1612">
        <v>43997.188190000001</v>
      </c>
      <c r="H1612">
        <v>40885.692889999998</v>
      </c>
      <c r="I1612">
        <v>20987.676909999998</v>
      </c>
      <c r="J1612">
        <v>34830.56349</v>
      </c>
      <c r="K1612">
        <v>48459.432079999999</v>
      </c>
      <c r="L1612">
        <v>20280.367770000001</v>
      </c>
      <c r="M1612">
        <v>285248.14529999997</v>
      </c>
      <c r="N1612">
        <v>81513.052739999999</v>
      </c>
      <c r="O1612">
        <v>24166.994050000001</v>
      </c>
      <c r="P1612">
        <v>34807.015090000001</v>
      </c>
      <c r="Q1612">
        <v>82182.514490000001</v>
      </c>
      <c r="R1612">
        <v>27521.911179999999</v>
      </c>
      <c r="S1612">
        <v>81677.251669999998</v>
      </c>
      <c r="T1612">
        <v>28711.67265</v>
      </c>
      <c r="U1612">
        <v>19435.971420000002</v>
      </c>
      <c r="W1612" s="83">
        <f>Bühler!N1644</f>
        <v>45359.083333329429</v>
      </c>
      <c r="X1612" s="83">
        <v>43168.083333333336</v>
      </c>
      <c r="Y1612">
        <v>254969.66409999999</v>
      </c>
      <c r="Z1612">
        <v>17611.132440000001</v>
      </c>
      <c r="AA1612">
        <v>50528.547630000001</v>
      </c>
      <c r="AB1612">
        <v>43997.188190000001</v>
      </c>
      <c r="AC1612">
        <v>40885.692889999998</v>
      </c>
      <c r="AD1612">
        <v>20987.676909999998</v>
      </c>
      <c r="AE1612">
        <v>34830.56349</v>
      </c>
      <c r="AF1612">
        <v>48459.432079999999</v>
      </c>
      <c r="AG1612">
        <v>20280.367770000001</v>
      </c>
      <c r="AH1612">
        <v>285248.14529999997</v>
      </c>
      <c r="AI1612">
        <v>81513.052739999999</v>
      </c>
      <c r="AJ1612">
        <v>24166.994050000001</v>
      </c>
      <c r="AK1612">
        <v>34807.015090000001</v>
      </c>
      <c r="AL1612">
        <v>82182.514490000001</v>
      </c>
      <c r="AM1612">
        <v>27521.911179999999</v>
      </c>
      <c r="AN1612">
        <v>81677.251669999998</v>
      </c>
      <c r="AO1612">
        <v>28711.67265</v>
      </c>
      <c r="AP1612">
        <v>19435.971420000002</v>
      </c>
    </row>
    <row r="1613" spans="2:42" x14ac:dyDescent="0.3">
      <c r="B1613">
        <v>56.079720630327962</v>
      </c>
      <c r="C1613" s="83">
        <v>43168.125</v>
      </c>
      <c r="D1613">
        <v>256222.9694</v>
      </c>
      <c r="E1613">
        <v>17894.438440000002</v>
      </c>
      <c r="F1613">
        <v>52269.223420000002</v>
      </c>
      <c r="G1613">
        <v>43295.943789999998</v>
      </c>
      <c r="H1613">
        <v>40961.277119999999</v>
      </c>
      <c r="I1613">
        <v>20877.937389999999</v>
      </c>
      <c r="J1613">
        <v>35572.366430000002</v>
      </c>
      <c r="K1613">
        <v>47374.125099999997</v>
      </c>
      <c r="L1613">
        <v>19546.67857</v>
      </c>
      <c r="M1613">
        <v>285920.56809999997</v>
      </c>
      <c r="N1613">
        <v>82278.468110000002</v>
      </c>
      <c r="O1613">
        <v>24622.419720000002</v>
      </c>
      <c r="P1613">
        <v>34053.54363</v>
      </c>
      <c r="Q1613">
        <v>85204.874590000007</v>
      </c>
      <c r="R1613">
        <v>27638.636620000001</v>
      </c>
      <c r="S1613">
        <v>80640.049280000007</v>
      </c>
      <c r="T1613">
        <v>28696.39832</v>
      </c>
      <c r="U1613">
        <v>19815.221890000001</v>
      </c>
      <c r="W1613" s="83">
        <f>Bühler!N1645</f>
        <v>45359.124999996093</v>
      </c>
      <c r="X1613" s="83">
        <v>43168.125</v>
      </c>
      <c r="Y1613">
        <v>256222.9694</v>
      </c>
      <c r="Z1613">
        <v>17894.438440000002</v>
      </c>
      <c r="AA1613">
        <v>52269.223420000002</v>
      </c>
      <c r="AB1613">
        <v>43295.943789999998</v>
      </c>
      <c r="AC1613">
        <v>40961.277119999999</v>
      </c>
      <c r="AD1613">
        <v>20877.937389999999</v>
      </c>
      <c r="AE1613">
        <v>35572.366430000002</v>
      </c>
      <c r="AF1613">
        <v>47374.125099999997</v>
      </c>
      <c r="AG1613">
        <v>19546.67857</v>
      </c>
      <c r="AH1613">
        <v>285920.56809999997</v>
      </c>
      <c r="AI1613">
        <v>82278.468110000002</v>
      </c>
      <c r="AJ1613">
        <v>24622.419720000002</v>
      </c>
      <c r="AK1613">
        <v>34053.54363</v>
      </c>
      <c r="AL1613">
        <v>85204.874590000007</v>
      </c>
      <c r="AM1613">
        <v>27638.636620000001</v>
      </c>
      <c r="AN1613">
        <v>80640.049280000007</v>
      </c>
      <c r="AO1613">
        <v>28696.39832</v>
      </c>
      <c r="AP1613">
        <v>19815.221890000001</v>
      </c>
    </row>
    <row r="1614" spans="2:42" x14ac:dyDescent="0.3">
      <c r="B1614">
        <v>57.175931927048275</v>
      </c>
      <c r="C1614" s="83">
        <v>43168.166666666664</v>
      </c>
      <c r="D1614">
        <v>258221.1813</v>
      </c>
      <c r="E1614">
        <v>18433.310720000001</v>
      </c>
      <c r="F1614">
        <v>56347.296410000003</v>
      </c>
      <c r="G1614">
        <v>43318.124409999997</v>
      </c>
      <c r="H1614">
        <v>41628.952579999997</v>
      </c>
      <c r="I1614">
        <v>24663.67668</v>
      </c>
      <c r="J1614">
        <v>38179.532619999998</v>
      </c>
      <c r="K1614">
        <v>46446.135849999999</v>
      </c>
      <c r="L1614">
        <v>19923.226419999999</v>
      </c>
      <c r="M1614">
        <v>291509.56449999998</v>
      </c>
      <c r="N1614">
        <v>81774.811830000006</v>
      </c>
      <c r="O1614">
        <v>24802.962009999999</v>
      </c>
      <c r="P1614">
        <v>32970.99123</v>
      </c>
      <c r="Q1614">
        <v>89108.475290000002</v>
      </c>
      <c r="R1614">
        <v>27630.429270000001</v>
      </c>
      <c r="S1614">
        <v>81751.464290000004</v>
      </c>
      <c r="T1614">
        <v>28775.768169999999</v>
      </c>
      <c r="U1614">
        <v>20435.497380000001</v>
      </c>
      <c r="W1614" s="83">
        <f>Bühler!N1646</f>
        <v>45359.166666662757</v>
      </c>
      <c r="X1614" s="83">
        <v>43168.166666666664</v>
      </c>
      <c r="Y1614">
        <v>258221.1813</v>
      </c>
      <c r="Z1614">
        <v>18433.310720000001</v>
      </c>
      <c r="AA1614">
        <v>56347.296410000003</v>
      </c>
      <c r="AB1614">
        <v>43318.124409999997</v>
      </c>
      <c r="AC1614">
        <v>41628.952579999997</v>
      </c>
      <c r="AD1614">
        <v>24663.67668</v>
      </c>
      <c r="AE1614">
        <v>38179.532619999998</v>
      </c>
      <c r="AF1614">
        <v>46446.135849999999</v>
      </c>
      <c r="AG1614">
        <v>19923.226419999999</v>
      </c>
      <c r="AH1614">
        <v>291509.56449999998</v>
      </c>
      <c r="AI1614">
        <v>81774.811830000006</v>
      </c>
      <c r="AJ1614">
        <v>24802.962009999999</v>
      </c>
      <c r="AK1614">
        <v>32970.99123</v>
      </c>
      <c r="AL1614">
        <v>89108.475290000002</v>
      </c>
      <c r="AM1614">
        <v>27630.429270000001</v>
      </c>
      <c r="AN1614">
        <v>81751.464290000004</v>
      </c>
      <c r="AO1614">
        <v>28775.768169999999</v>
      </c>
      <c r="AP1614">
        <v>20435.497380000001</v>
      </c>
    </row>
    <row r="1615" spans="2:42" x14ac:dyDescent="0.3">
      <c r="B1615">
        <v>59.951101331142617</v>
      </c>
      <c r="C1615" s="83">
        <v>43168.208333333336</v>
      </c>
      <c r="D1615">
        <v>272270.01280000003</v>
      </c>
      <c r="E1615">
        <v>20556.706050000001</v>
      </c>
      <c r="F1615">
        <v>66654.034499999994</v>
      </c>
      <c r="G1615">
        <v>46084.911370000002</v>
      </c>
      <c r="H1615">
        <v>43958.427409999997</v>
      </c>
      <c r="I1615">
        <v>33387.758900000001</v>
      </c>
      <c r="J1615">
        <v>41348.314539999999</v>
      </c>
      <c r="K1615">
        <v>47802.019339999999</v>
      </c>
      <c r="L1615">
        <v>21308.92554</v>
      </c>
      <c r="M1615">
        <v>305658.67229999998</v>
      </c>
      <c r="N1615">
        <v>81120.572230000005</v>
      </c>
      <c r="O1615">
        <v>25668.92209</v>
      </c>
      <c r="P1615">
        <v>33775.709340000001</v>
      </c>
      <c r="Q1615">
        <v>91124.524269999994</v>
      </c>
      <c r="R1615">
        <v>30194.22928</v>
      </c>
      <c r="S1615">
        <v>84488.255059999996</v>
      </c>
      <c r="T1615">
        <v>30444.779030000002</v>
      </c>
      <c r="U1615">
        <v>21828.25374</v>
      </c>
      <c r="W1615" s="83">
        <f>Bühler!N1647</f>
        <v>45359.208333329421</v>
      </c>
      <c r="X1615" s="83">
        <v>43168.208333333336</v>
      </c>
      <c r="Y1615">
        <v>272270.01280000003</v>
      </c>
      <c r="Z1615">
        <v>20556.706050000001</v>
      </c>
      <c r="AA1615">
        <v>66654.034499999994</v>
      </c>
      <c r="AB1615">
        <v>46084.911370000002</v>
      </c>
      <c r="AC1615">
        <v>43958.427409999997</v>
      </c>
      <c r="AD1615">
        <v>33387.758900000001</v>
      </c>
      <c r="AE1615">
        <v>41348.314539999999</v>
      </c>
      <c r="AF1615">
        <v>47802.019339999999</v>
      </c>
      <c r="AG1615">
        <v>21308.92554</v>
      </c>
      <c r="AH1615">
        <v>305658.67229999998</v>
      </c>
      <c r="AI1615">
        <v>81120.572230000005</v>
      </c>
      <c r="AJ1615">
        <v>25668.92209</v>
      </c>
      <c r="AK1615">
        <v>33775.709340000001</v>
      </c>
      <c r="AL1615">
        <v>91124.524269999994</v>
      </c>
      <c r="AM1615">
        <v>30194.22928</v>
      </c>
      <c r="AN1615">
        <v>84488.255059999996</v>
      </c>
      <c r="AO1615">
        <v>30444.779030000002</v>
      </c>
      <c r="AP1615">
        <v>21828.25374</v>
      </c>
    </row>
    <row r="1616" spans="2:42" x14ac:dyDescent="0.3">
      <c r="B1616">
        <v>63.426320467963265</v>
      </c>
      <c r="C1616" s="83">
        <v>43168.25</v>
      </c>
      <c r="D1616">
        <v>287971.35379999998</v>
      </c>
      <c r="E1616">
        <v>25003.624220000002</v>
      </c>
      <c r="F1616">
        <v>78641.844880000004</v>
      </c>
      <c r="G1616">
        <v>58410.363680000002</v>
      </c>
      <c r="H1616">
        <v>47421.940170000002</v>
      </c>
      <c r="I1616">
        <v>42357.309370000003</v>
      </c>
      <c r="J1616">
        <v>45005.571300000003</v>
      </c>
      <c r="K1616">
        <v>50261.168689999999</v>
      </c>
      <c r="L1616">
        <v>22765.92612</v>
      </c>
      <c r="M1616">
        <v>323376.96010000003</v>
      </c>
      <c r="N1616">
        <v>83049.010739999998</v>
      </c>
      <c r="O1616">
        <v>26532.73748</v>
      </c>
      <c r="P1616">
        <v>34074.374839999997</v>
      </c>
      <c r="Q1616">
        <v>92209.517689999993</v>
      </c>
      <c r="R1616">
        <v>20969.10586</v>
      </c>
      <c r="S1616">
        <v>93433.85454</v>
      </c>
      <c r="T1616">
        <v>32937.151839999999</v>
      </c>
      <c r="U1616">
        <v>23367.860789999999</v>
      </c>
      <c r="W1616" s="83">
        <f>Bühler!N1648</f>
        <v>45359.249999996086</v>
      </c>
      <c r="X1616" s="83">
        <v>43168.25</v>
      </c>
      <c r="Y1616">
        <v>287971.35379999998</v>
      </c>
      <c r="Z1616">
        <v>25003.624220000002</v>
      </c>
      <c r="AA1616">
        <v>78641.844880000004</v>
      </c>
      <c r="AB1616">
        <v>58410.363680000002</v>
      </c>
      <c r="AC1616">
        <v>47421.940170000002</v>
      </c>
      <c r="AD1616">
        <v>42357.309370000003</v>
      </c>
      <c r="AE1616">
        <v>45005.571300000003</v>
      </c>
      <c r="AF1616">
        <v>50261.168689999999</v>
      </c>
      <c r="AG1616">
        <v>22765.92612</v>
      </c>
      <c r="AH1616">
        <v>323376.96010000003</v>
      </c>
      <c r="AI1616">
        <v>83049.010739999998</v>
      </c>
      <c r="AJ1616">
        <v>26532.73748</v>
      </c>
      <c r="AK1616">
        <v>34074.374839999997</v>
      </c>
      <c r="AL1616">
        <v>92209.517689999993</v>
      </c>
      <c r="AM1616">
        <v>20969.10586</v>
      </c>
      <c r="AN1616">
        <v>93433.85454</v>
      </c>
      <c r="AO1616">
        <v>32937.151839999999</v>
      </c>
      <c r="AP1616">
        <v>23367.860789999999</v>
      </c>
    </row>
    <row r="1617" spans="2:42" x14ac:dyDescent="0.3">
      <c r="B1617">
        <v>64.032349966397661</v>
      </c>
      <c r="C1617" s="83">
        <v>43168.291666666664</v>
      </c>
      <c r="D1617">
        <v>298796.06160000002</v>
      </c>
      <c r="E1617">
        <v>29882.68188</v>
      </c>
      <c r="F1617">
        <v>80333.056299999997</v>
      </c>
      <c r="G1617">
        <v>70340.267630000002</v>
      </c>
      <c r="H1617">
        <v>52107.397259999998</v>
      </c>
      <c r="I1617">
        <v>51352.312440000002</v>
      </c>
      <c r="J1617">
        <v>41225.572220000002</v>
      </c>
      <c r="K1617">
        <v>54321.200770000003</v>
      </c>
      <c r="L1617">
        <v>25837.286649999998</v>
      </c>
      <c r="M1617">
        <v>326466.78110000002</v>
      </c>
      <c r="N1617">
        <v>87837.15509</v>
      </c>
      <c r="O1617">
        <v>29837.086319999999</v>
      </c>
      <c r="P1617">
        <v>37481.235780000003</v>
      </c>
      <c r="Q1617">
        <v>92528.067179999998</v>
      </c>
      <c r="R1617">
        <v>21088.264439999999</v>
      </c>
      <c r="S1617">
        <v>107007.5684</v>
      </c>
      <c r="T1617">
        <v>34147.895219999999</v>
      </c>
      <c r="U1617">
        <v>27683.22868</v>
      </c>
      <c r="W1617" s="83">
        <f>Bühler!N1649</f>
        <v>45359.29166666275</v>
      </c>
      <c r="X1617" s="83">
        <v>43168.291666666664</v>
      </c>
      <c r="Y1617">
        <v>298796.06160000002</v>
      </c>
      <c r="Z1617">
        <v>29882.68188</v>
      </c>
      <c r="AA1617">
        <v>80333.056299999997</v>
      </c>
      <c r="AB1617">
        <v>70340.267630000002</v>
      </c>
      <c r="AC1617">
        <v>52107.397259999998</v>
      </c>
      <c r="AD1617">
        <v>51352.312440000002</v>
      </c>
      <c r="AE1617">
        <v>41225.572220000002</v>
      </c>
      <c r="AF1617">
        <v>54321.200770000003</v>
      </c>
      <c r="AG1617">
        <v>25837.286649999998</v>
      </c>
      <c r="AH1617">
        <v>326466.78110000002</v>
      </c>
      <c r="AI1617">
        <v>87837.15509</v>
      </c>
      <c r="AJ1617">
        <v>29837.086319999999</v>
      </c>
      <c r="AK1617">
        <v>37481.235780000003</v>
      </c>
      <c r="AL1617">
        <v>92528.067179999998</v>
      </c>
      <c r="AM1617">
        <v>21088.264439999999</v>
      </c>
      <c r="AN1617">
        <v>107007.5684</v>
      </c>
      <c r="AO1617">
        <v>34147.895219999999</v>
      </c>
      <c r="AP1617">
        <v>27683.22868</v>
      </c>
    </row>
    <row r="1618" spans="2:42" x14ac:dyDescent="0.3">
      <c r="B1618">
        <v>64.27647575178483</v>
      </c>
      <c r="C1618" s="83">
        <v>43168.333333333336</v>
      </c>
      <c r="D1618">
        <v>307174.4706</v>
      </c>
      <c r="E1618">
        <v>36048.767379999998</v>
      </c>
      <c r="F1618">
        <v>86156.931140000001</v>
      </c>
      <c r="G1618">
        <v>83736.084409999996</v>
      </c>
      <c r="H1618">
        <v>56839.081480000001</v>
      </c>
      <c r="I1618">
        <v>52679.202940000003</v>
      </c>
      <c r="J1618">
        <v>41563.671269999999</v>
      </c>
      <c r="K1618">
        <v>59348.965629999999</v>
      </c>
      <c r="L1618">
        <v>28275.56251</v>
      </c>
      <c r="M1618">
        <v>327711.44819999998</v>
      </c>
      <c r="N1618">
        <v>93266.727790000004</v>
      </c>
      <c r="O1618">
        <v>30735.089929999998</v>
      </c>
      <c r="P1618">
        <v>39750.821600000003</v>
      </c>
      <c r="Q1618">
        <v>92895.531149999995</v>
      </c>
      <c r="R1618">
        <v>24300.892220000002</v>
      </c>
      <c r="S1618">
        <v>117695.6887</v>
      </c>
      <c r="T1618">
        <v>37836.078500000003</v>
      </c>
      <c r="U1618">
        <v>29722.397110000002</v>
      </c>
      <c r="W1618" s="83">
        <f>Bühler!N1650</f>
        <v>45359.333333329414</v>
      </c>
      <c r="X1618" s="83">
        <v>43168.333333333336</v>
      </c>
      <c r="Y1618">
        <v>307174.4706</v>
      </c>
      <c r="Z1618">
        <v>36048.767379999998</v>
      </c>
      <c r="AA1618">
        <v>86156.931140000001</v>
      </c>
      <c r="AB1618">
        <v>83736.084409999996</v>
      </c>
      <c r="AC1618">
        <v>56839.081480000001</v>
      </c>
      <c r="AD1618">
        <v>52679.202940000003</v>
      </c>
      <c r="AE1618">
        <v>41563.671269999999</v>
      </c>
      <c r="AF1618">
        <v>59348.965629999999</v>
      </c>
      <c r="AG1618">
        <v>28275.56251</v>
      </c>
      <c r="AH1618">
        <v>327711.44819999998</v>
      </c>
      <c r="AI1618">
        <v>93266.727790000004</v>
      </c>
      <c r="AJ1618">
        <v>30735.089929999998</v>
      </c>
      <c r="AK1618">
        <v>39750.821600000003</v>
      </c>
      <c r="AL1618">
        <v>92895.531149999995</v>
      </c>
      <c r="AM1618">
        <v>24300.892220000002</v>
      </c>
      <c r="AN1618">
        <v>117695.6887</v>
      </c>
      <c r="AO1618">
        <v>37836.078500000003</v>
      </c>
      <c r="AP1618">
        <v>29722.397110000002</v>
      </c>
    </row>
    <row r="1619" spans="2:42" x14ac:dyDescent="0.3">
      <c r="B1619">
        <v>63.695336385301637</v>
      </c>
      <c r="C1619" s="83">
        <v>43168.375</v>
      </c>
      <c r="D1619">
        <v>308172.21710000001</v>
      </c>
      <c r="E1619">
        <v>39807.854890000002</v>
      </c>
      <c r="F1619">
        <v>93625.336379999993</v>
      </c>
      <c r="G1619">
        <v>90269.649770000004</v>
      </c>
      <c r="H1619">
        <v>58637.243999999999</v>
      </c>
      <c r="I1619">
        <v>48119.373010000003</v>
      </c>
      <c r="J1619">
        <v>40924.353750000002</v>
      </c>
      <c r="K1619">
        <v>61596.522599999997</v>
      </c>
      <c r="L1619">
        <v>30516.95638</v>
      </c>
      <c r="M1619">
        <v>324748.52870000002</v>
      </c>
      <c r="N1619">
        <v>100898.3753</v>
      </c>
      <c r="O1619">
        <v>31033.696660000001</v>
      </c>
      <c r="P1619">
        <v>41861.992559999999</v>
      </c>
      <c r="Q1619">
        <v>92711.620729999995</v>
      </c>
      <c r="R1619">
        <v>26886.47552</v>
      </c>
      <c r="S1619">
        <v>124208.73149999999</v>
      </c>
      <c r="T1619">
        <v>39675.895230000002</v>
      </c>
      <c r="U1619">
        <v>28799.582190000001</v>
      </c>
      <c r="W1619" s="83">
        <f>Bühler!N1651</f>
        <v>45359.374999996078</v>
      </c>
      <c r="X1619" s="83">
        <v>43168.375</v>
      </c>
      <c r="Y1619">
        <v>308172.21710000001</v>
      </c>
      <c r="Z1619">
        <v>39807.854890000002</v>
      </c>
      <c r="AA1619">
        <v>93625.336379999993</v>
      </c>
      <c r="AB1619">
        <v>90269.649770000004</v>
      </c>
      <c r="AC1619">
        <v>58637.243999999999</v>
      </c>
      <c r="AD1619">
        <v>48119.373010000003</v>
      </c>
      <c r="AE1619">
        <v>40924.353750000002</v>
      </c>
      <c r="AF1619">
        <v>61596.522599999997</v>
      </c>
      <c r="AG1619">
        <v>30516.95638</v>
      </c>
      <c r="AH1619">
        <v>324748.52870000002</v>
      </c>
      <c r="AI1619">
        <v>100898.3753</v>
      </c>
      <c r="AJ1619">
        <v>31033.696660000001</v>
      </c>
      <c r="AK1619">
        <v>41861.992559999999</v>
      </c>
      <c r="AL1619">
        <v>92711.620729999995</v>
      </c>
      <c r="AM1619">
        <v>26886.47552</v>
      </c>
      <c r="AN1619">
        <v>124208.73149999999</v>
      </c>
      <c r="AO1619">
        <v>39675.895230000002</v>
      </c>
      <c r="AP1619">
        <v>28799.582190000001</v>
      </c>
    </row>
    <row r="1620" spans="2:42" x14ac:dyDescent="0.3">
      <c r="B1620">
        <v>63.958778979586732</v>
      </c>
      <c r="C1620" s="83">
        <v>43168.416666666664</v>
      </c>
      <c r="D1620">
        <v>305791.08720000001</v>
      </c>
      <c r="E1620">
        <v>40743.305849999997</v>
      </c>
      <c r="F1620">
        <v>93278.515889999995</v>
      </c>
      <c r="G1620">
        <v>91305.931809999995</v>
      </c>
      <c r="H1620">
        <v>58407.787279999997</v>
      </c>
      <c r="I1620">
        <v>43634.141430000003</v>
      </c>
      <c r="J1620">
        <v>38431.628680000002</v>
      </c>
      <c r="K1620">
        <v>63504.858979999997</v>
      </c>
      <c r="L1620">
        <v>33305.793089999999</v>
      </c>
      <c r="M1620">
        <v>326091.68190000003</v>
      </c>
      <c r="N1620">
        <v>103378.52650000001</v>
      </c>
      <c r="O1620">
        <v>30880.872299999999</v>
      </c>
      <c r="P1620">
        <v>41519.75316</v>
      </c>
      <c r="Q1620">
        <v>92030.956330000001</v>
      </c>
      <c r="R1620">
        <v>27091.299459999998</v>
      </c>
      <c r="S1620">
        <v>122745.79300000001</v>
      </c>
      <c r="T1620">
        <v>39831.706480000001</v>
      </c>
      <c r="U1620">
        <v>27842.991529999999</v>
      </c>
      <c r="W1620" s="83">
        <f>Bühler!N1652</f>
        <v>45359.416666662743</v>
      </c>
      <c r="X1620" s="83">
        <v>43168.416666666664</v>
      </c>
      <c r="Y1620">
        <v>305791.08720000001</v>
      </c>
      <c r="Z1620">
        <v>40743.305849999997</v>
      </c>
      <c r="AA1620">
        <v>93278.515889999995</v>
      </c>
      <c r="AB1620">
        <v>91305.931809999995</v>
      </c>
      <c r="AC1620">
        <v>58407.787279999997</v>
      </c>
      <c r="AD1620">
        <v>43634.141430000003</v>
      </c>
      <c r="AE1620">
        <v>38431.628680000002</v>
      </c>
      <c r="AF1620">
        <v>63504.858979999997</v>
      </c>
      <c r="AG1620">
        <v>33305.793089999999</v>
      </c>
      <c r="AH1620">
        <v>326091.68190000003</v>
      </c>
      <c r="AI1620">
        <v>103378.52650000001</v>
      </c>
      <c r="AJ1620">
        <v>30880.872299999999</v>
      </c>
      <c r="AK1620">
        <v>41519.75316</v>
      </c>
      <c r="AL1620">
        <v>92030.956330000001</v>
      </c>
      <c r="AM1620">
        <v>27091.299459999998</v>
      </c>
      <c r="AN1620">
        <v>122745.79300000001</v>
      </c>
      <c r="AO1620">
        <v>39831.706480000001</v>
      </c>
      <c r="AP1620">
        <v>27842.991529999999</v>
      </c>
    </row>
    <row r="1621" spans="2:42" x14ac:dyDescent="0.3">
      <c r="B1621">
        <v>63.823711676242354</v>
      </c>
      <c r="C1621" s="83">
        <v>43168.458333333336</v>
      </c>
      <c r="D1621">
        <v>300471.9706</v>
      </c>
      <c r="E1621">
        <v>40071.61836</v>
      </c>
      <c r="F1621">
        <v>93393.162939999995</v>
      </c>
      <c r="G1621">
        <v>88808.6826</v>
      </c>
      <c r="H1621">
        <v>56732.392760000002</v>
      </c>
      <c r="I1621">
        <v>40798.531629999998</v>
      </c>
      <c r="J1621">
        <v>37735.608350000002</v>
      </c>
      <c r="K1621">
        <v>62286.7428</v>
      </c>
      <c r="L1621">
        <v>34394.40236</v>
      </c>
      <c r="M1621">
        <v>325403.04580000002</v>
      </c>
      <c r="N1621">
        <v>101967.8214</v>
      </c>
      <c r="O1621">
        <v>30065.725009999998</v>
      </c>
      <c r="P1621">
        <v>39552.821920000002</v>
      </c>
      <c r="Q1621">
        <v>91617.149850000002</v>
      </c>
      <c r="R1621">
        <v>28683.251230000002</v>
      </c>
      <c r="S1621">
        <v>123729.8852</v>
      </c>
      <c r="T1621">
        <v>39375.372640000001</v>
      </c>
      <c r="U1621">
        <v>26449.064640000001</v>
      </c>
      <c r="W1621" s="83">
        <f>Bühler!N1653</f>
        <v>45359.458333329407</v>
      </c>
      <c r="X1621" s="83">
        <v>43168.458333333336</v>
      </c>
      <c r="Y1621">
        <v>300471.9706</v>
      </c>
      <c r="Z1621">
        <v>40071.61836</v>
      </c>
      <c r="AA1621">
        <v>93393.162939999995</v>
      </c>
      <c r="AB1621">
        <v>88808.6826</v>
      </c>
      <c r="AC1621">
        <v>56732.392760000002</v>
      </c>
      <c r="AD1621">
        <v>40798.531629999998</v>
      </c>
      <c r="AE1621">
        <v>37735.608350000002</v>
      </c>
      <c r="AF1621">
        <v>62286.7428</v>
      </c>
      <c r="AG1621">
        <v>34394.40236</v>
      </c>
      <c r="AH1621">
        <v>325403.04580000002</v>
      </c>
      <c r="AI1621">
        <v>101967.8214</v>
      </c>
      <c r="AJ1621">
        <v>30065.725009999998</v>
      </c>
      <c r="AK1621">
        <v>39552.821920000002</v>
      </c>
      <c r="AL1621">
        <v>91617.149850000002</v>
      </c>
      <c r="AM1621">
        <v>28683.251230000002</v>
      </c>
      <c r="AN1621">
        <v>123729.8852</v>
      </c>
      <c r="AO1621">
        <v>39375.372640000001</v>
      </c>
      <c r="AP1621">
        <v>26449.064640000001</v>
      </c>
    </row>
    <row r="1622" spans="2:42" x14ac:dyDescent="0.3">
      <c r="B1622">
        <v>62.408948252064626</v>
      </c>
      <c r="C1622" s="83">
        <v>43168.5</v>
      </c>
      <c r="D1622">
        <v>283902.90860000002</v>
      </c>
      <c r="E1622">
        <v>35628.996610000002</v>
      </c>
      <c r="F1622">
        <v>91212.773140000005</v>
      </c>
      <c r="G1622">
        <v>87378.855590000006</v>
      </c>
      <c r="H1622">
        <v>53423.75619</v>
      </c>
      <c r="I1622">
        <v>38697.084080000001</v>
      </c>
      <c r="J1622">
        <v>37541.735269999997</v>
      </c>
      <c r="K1622">
        <v>58807.745069999997</v>
      </c>
      <c r="L1622">
        <v>36798.010170000001</v>
      </c>
      <c r="M1622">
        <v>318189.92210000003</v>
      </c>
      <c r="N1622">
        <v>98510.193079999997</v>
      </c>
      <c r="O1622">
        <v>28814.398280000001</v>
      </c>
      <c r="P1622">
        <v>40241.854639999998</v>
      </c>
      <c r="Q1622">
        <v>89992.854420000003</v>
      </c>
      <c r="R1622">
        <v>27564.11881</v>
      </c>
      <c r="S1622">
        <v>115668.484</v>
      </c>
      <c r="T1622">
        <v>38895.909729999999</v>
      </c>
      <c r="U1622">
        <v>21968.812730000001</v>
      </c>
      <c r="W1622" s="83">
        <f>Bühler!N1654</f>
        <v>45359.499999996071</v>
      </c>
      <c r="X1622" s="83">
        <v>43168.5</v>
      </c>
      <c r="Y1622">
        <v>283902.90860000002</v>
      </c>
      <c r="Z1622">
        <v>35628.996610000002</v>
      </c>
      <c r="AA1622">
        <v>91212.773140000005</v>
      </c>
      <c r="AB1622">
        <v>87378.855590000006</v>
      </c>
      <c r="AC1622">
        <v>53423.75619</v>
      </c>
      <c r="AD1622">
        <v>38697.084080000001</v>
      </c>
      <c r="AE1622">
        <v>37541.735269999997</v>
      </c>
      <c r="AF1622">
        <v>58807.745069999997</v>
      </c>
      <c r="AG1622">
        <v>36798.010170000001</v>
      </c>
      <c r="AH1622">
        <v>318189.92210000003</v>
      </c>
      <c r="AI1622">
        <v>98510.193079999997</v>
      </c>
      <c r="AJ1622">
        <v>28814.398280000001</v>
      </c>
      <c r="AK1622">
        <v>40241.854639999998</v>
      </c>
      <c r="AL1622">
        <v>89992.854420000003</v>
      </c>
      <c r="AM1622">
        <v>27564.11881</v>
      </c>
      <c r="AN1622">
        <v>115668.484</v>
      </c>
      <c r="AO1622">
        <v>38895.909729999999</v>
      </c>
      <c r="AP1622">
        <v>21968.812730000001</v>
      </c>
    </row>
    <row r="1623" spans="2:42" x14ac:dyDescent="0.3">
      <c r="B1623">
        <v>62.210648443418208</v>
      </c>
      <c r="C1623" s="83">
        <v>43168.541666666664</v>
      </c>
      <c r="D1623">
        <v>280215.83789999998</v>
      </c>
      <c r="E1623">
        <v>34326.602220000001</v>
      </c>
      <c r="F1623">
        <v>90219.774669999999</v>
      </c>
      <c r="G1623">
        <v>83997.074410000001</v>
      </c>
      <c r="H1623">
        <v>52322.680439999996</v>
      </c>
      <c r="I1623">
        <v>37516.325400000002</v>
      </c>
      <c r="J1623">
        <v>36349.973160000001</v>
      </c>
      <c r="K1623">
        <v>60363.451280000001</v>
      </c>
      <c r="L1623">
        <v>35351.434560000002</v>
      </c>
      <c r="M1623">
        <v>317178.89720000001</v>
      </c>
      <c r="N1623">
        <v>95717.591069999995</v>
      </c>
      <c r="O1623">
        <v>27125.295819999999</v>
      </c>
      <c r="P1623">
        <v>39041.780559999999</v>
      </c>
      <c r="Q1623">
        <v>88516.21918</v>
      </c>
      <c r="R1623">
        <v>26706.178820000001</v>
      </c>
      <c r="S1623">
        <v>114919.749</v>
      </c>
      <c r="T1623">
        <v>37185.992919999997</v>
      </c>
      <c r="U1623">
        <v>23177.48173</v>
      </c>
      <c r="W1623" s="83">
        <f>Bühler!N1655</f>
        <v>45359.541666662735</v>
      </c>
      <c r="X1623" s="83">
        <v>43168.541666666664</v>
      </c>
      <c r="Y1623">
        <v>280215.83789999998</v>
      </c>
      <c r="Z1623">
        <v>34326.602220000001</v>
      </c>
      <c r="AA1623">
        <v>90219.774669999999</v>
      </c>
      <c r="AB1623">
        <v>83997.074410000001</v>
      </c>
      <c r="AC1623">
        <v>52322.680439999996</v>
      </c>
      <c r="AD1623">
        <v>37516.325400000002</v>
      </c>
      <c r="AE1623">
        <v>36349.973160000001</v>
      </c>
      <c r="AF1623">
        <v>60363.451280000001</v>
      </c>
      <c r="AG1623">
        <v>35351.434560000002</v>
      </c>
      <c r="AH1623">
        <v>317178.89720000001</v>
      </c>
      <c r="AI1623">
        <v>95717.591069999995</v>
      </c>
      <c r="AJ1623">
        <v>27125.295819999999</v>
      </c>
      <c r="AK1623">
        <v>39041.780559999999</v>
      </c>
      <c r="AL1623">
        <v>88516.21918</v>
      </c>
      <c r="AM1623">
        <v>26706.178820000001</v>
      </c>
      <c r="AN1623">
        <v>114919.749</v>
      </c>
      <c r="AO1623">
        <v>37185.992919999997</v>
      </c>
      <c r="AP1623">
        <v>23177.48173</v>
      </c>
    </row>
    <row r="1624" spans="2:42" x14ac:dyDescent="0.3">
      <c r="B1624">
        <v>62.076534779790926</v>
      </c>
      <c r="C1624" s="83">
        <v>43168.583333333336</v>
      </c>
      <c r="D1624">
        <v>278154.4154</v>
      </c>
      <c r="E1624">
        <v>36797.411910000003</v>
      </c>
      <c r="F1624">
        <v>90495.338279999996</v>
      </c>
      <c r="G1624">
        <v>75783.537379999994</v>
      </c>
      <c r="H1624">
        <v>50959.378080000002</v>
      </c>
      <c r="I1624">
        <v>38035.801420000003</v>
      </c>
      <c r="J1624">
        <v>35787.74278</v>
      </c>
      <c r="K1624">
        <v>61369.885999999999</v>
      </c>
      <c r="L1624">
        <v>31406.500889999999</v>
      </c>
      <c r="M1624">
        <v>316495.12319999997</v>
      </c>
      <c r="N1624">
        <v>96322.202480000007</v>
      </c>
      <c r="O1624">
        <v>27375.458760000001</v>
      </c>
      <c r="P1624">
        <v>35306.421439999998</v>
      </c>
      <c r="Q1624">
        <v>87037.155310000002</v>
      </c>
      <c r="R1624">
        <v>25803.415280000001</v>
      </c>
      <c r="S1624">
        <v>109467.7784</v>
      </c>
      <c r="T1624">
        <v>35689.835650000001</v>
      </c>
      <c r="U1624">
        <v>23114.152050000001</v>
      </c>
      <c r="W1624" s="83">
        <f>Bühler!N1656</f>
        <v>45359.583333329399</v>
      </c>
      <c r="X1624" s="83">
        <v>43168.583333333336</v>
      </c>
      <c r="Y1624">
        <v>278154.4154</v>
      </c>
      <c r="Z1624">
        <v>36797.411910000003</v>
      </c>
      <c r="AA1624">
        <v>90495.338279999996</v>
      </c>
      <c r="AB1624">
        <v>75783.537379999994</v>
      </c>
      <c r="AC1624">
        <v>50959.378080000002</v>
      </c>
      <c r="AD1624">
        <v>38035.801420000003</v>
      </c>
      <c r="AE1624">
        <v>35787.74278</v>
      </c>
      <c r="AF1624">
        <v>61369.885999999999</v>
      </c>
      <c r="AG1624">
        <v>31406.500889999999</v>
      </c>
      <c r="AH1624">
        <v>316495.12319999997</v>
      </c>
      <c r="AI1624">
        <v>96322.202480000007</v>
      </c>
      <c r="AJ1624">
        <v>27375.458760000001</v>
      </c>
      <c r="AK1624">
        <v>35306.421439999998</v>
      </c>
      <c r="AL1624">
        <v>87037.155310000002</v>
      </c>
      <c r="AM1624">
        <v>25803.415280000001</v>
      </c>
      <c r="AN1624">
        <v>109467.7784</v>
      </c>
      <c r="AO1624">
        <v>35689.835650000001</v>
      </c>
      <c r="AP1624">
        <v>23114.152050000001</v>
      </c>
    </row>
    <row r="1625" spans="2:42" x14ac:dyDescent="0.3">
      <c r="B1625">
        <v>60.904309742073487</v>
      </c>
      <c r="C1625" s="83">
        <v>43168.625</v>
      </c>
      <c r="D1625">
        <v>273344.54009999998</v>
      </c>
      <c r="E1625">
        <v>36090.106010000003</v>
      </c>
      <c r="F1625">
        <v>90088.278550000003</v>
      </c>
      <c r="G1625">
        <v>71191.078229999999</v>
      </c>
      <c r="H1625">
        <v>49448.794889999997</v>
      </c>
      <c r="I1625">
        <v>40045.149519999999</v>
      </c>
      <c r="J1625">
        <v>35376.939400000003</v>
      </c>
      <c r="K1625">
        <v>58674.615510000003</v>
      </c>
      <c r="L1625">
        <v>27368.98371</v>
      </c>
      <c r="M1625">
        <v>310518.57329999999</v>
      </c>
      <c r="N1625">
        <v>94912.677519999997</v>
      </c>
      <c r="O1625">
        <v>26089.167689999998</v>
      </c>
      <c r="P1625">
        <v>32995.226490000001</v>
      </c>
      <c r="Q1625">
        <v>86219.506229999999</v>
      </c>
      <c r="R1625">
        <v>25083.1996</v>
      </c>
      <c r="S1625">
        <v>104426.25410000001</v>
      </c>
      <c r="T1625">
        <v>34692.018080000002</v>
      </c>
      <c r="U1625">
        <v>21485.563119999999</v>
      </c>
      <c r="W1625" s="83">
        <f>Bühler!N1657</f>
        <v>45359.624999996064</v>
      </c>
      <c r="X1625" s="83">
        <v>43168.625</v>
      </c>
      <c r="Y1625">
        <v>273344.54009999998</v>
      </c>
      <c r="Z1625">
        <v>36090.106010000003</v>
      </c>
      <c r="AA1625">
        <v>90088.278550000003</v>
      </c>
      <c r="AB1625">
        <v>71191.078229999999</v>
      </c>
      <c r="AC1625">
        <v>49448.794889999997</v>
      </c>
      <c r="AD1625">
        <v>40045.149519999999</v>
      </c>
      <c r="AE1625">
        <v>35376.939400000003</v>
      </c>
      <c r="AF1625">
        <v>58674.615510000003</v>
      </c>
      <c r="AG1625">
        <v>27368.98371</v>
      </c>
      <c r="AH1625">
        <v>310518.57329999999</v>
      </c>
      <c r="AI1625">
        <v>94912.677519999997</v>
      </c>
      <c r="AJ1625">
        <v>26089.167689999998</v>
      </c>
      <c r="AK1625">
        <v>32995.226490000001</v>
      </c>
      <c r="AL1625">
        <v>86219.506229999999</v>
      </c>
      <c r="AM1625">
        <v>25083.1996</v>
      </c>
      <c r="AN1625">
        <v>104426.25410000001</v>
      </c>
      <c r="AO1625">
        <v>34692.018080000002</v>
      </c>
      <c r="AP1625">
        <v>21485.563119999999</v>
      </c>
    </row>
    <row r="1626" spans="2:42" x14ac:dyDescent="0.3">
      <c r="B1626">
        <v>59.367282747207774</v>
      </c>
      <c r="C1626" s="83">
        <v>43168.666666666664</v>
      </c>
      <c r="D1626">
        <v>263866.2879</v>
      </c>
      <c r="E1626">
        <v>34859.015590000003</v>
      </c>
      <c r="F1626">
        <v>88512.22077</v>
      </c>
      <c r="G1626">
        <v>65687.254499999995</v>
      </c>
      <c r="H1626">
        <v>47741.10716</v>
      </c>
      <c r="I1626">
        <v>42207.396070000003</v>
      </c>
      <c r="J1626">
        <v>34335.283459999999</v>
      </c>
      <c r="K1626">
        <v>55003.51283</v>
      </c>
      <c r="L1626">
        <v>26570.372149999999</v>
      </c>
      <c r="M1626">
        <v>302682.09289999999</v>
      </c>
      <c r="N1626">
        <v>90579.945040000006</v>
      </c>
      <c r="O1626">
        <v>25720.563480000001</v>
      </c>
      <c r="P1626">
        <v>31336.695199999998</v>
      </c>
      <c r="Q1626">
        <v>84557.143129999997</v>
      </c>
      <c r="R1626">
        <v>24665.897550000002</v>
      </c>
      <c r="S1626">
        <v>101118.50569999999</v>
      </c>
      <c r="T1626">
        <v>33677.0236</v>
      </c>
      <c r="U1626">
        <v>19567.856779999998</v>
      </c>
      <c r="W1626" s="83">
        <f>Bühler!N1658</f>
        <v>45359.666666662728</v>
      </c>
      <c r="X1626" s="83">
        <v>43168.666666666664</v>
      </c>
      <c r="Y1626">
        <v>263866.2879</v>
      </c>
      <c r="Z1626">
        <v>34859.015590000003</v>
      </c>
      <c r="AA1626">
        <v>88512.22077</v>
      </c>
      <c r="AB1626">
        <v>65687.254499999995</v>
      </c>
      <c r="AC1626">
        <v>47741.10716</v>
      </c>
      <c r="AD1626">
        <v>42207.396070000003</v>
      </c>
      <c r="AE1626">
        <v>34335.283459999999</v>
      </c>
      <c r="AF1626">
        <v>55003.51283</v>
      </c>
      <c r="AG1626">
        <v>26570.372149999999</v>
      </c>
      <c r="AH1626">
        <v>302682.09289999999</v>
      </c>
      <c r="AI1626">
        <v>90579.945040000006</v>
      </c>
      <c r="AJ1626">
        <v>25720.563480000001</v>
      </c>
      <c r="AK1626">
        <v>31336.695199999998</v>
      </c>
      <c r="AL1626">
        <v>84557.143129999997</v>
      </c>
      <c r="AM1626">
        <v>24665.897550000002</v>
      </c>
      <c r="AN1626">
        <v>101118.50569999999</v>
      </c>
      <c r="AO1626">
        <v>33677.0236</v>
      </c>
      <c r="AP1626">
        <v>19567.856779999998</v>
      </c>
    </row>
    <row r="1627" spans="2:42" x14ac:dyDescent="0.3">
      <c r="B1627">
        <v>57.851427158164981</v>
      </c>
      <c r="C1627" s="83">
        <v>43168.708333333336</v>
      </c>
      <c r="D1627">
        <v>254044.54319999999</v>
      </c>
      <c r="E1627">
        <v>32278.65797</v>
      </c>
      <c r="F1627">
        <v>87838.755969999998</v>
      </c>
      <c r="G1627">
        <v>57347.69571</v>
      </c>
      <c r="H1627">
        <v>46218.361929999999</v>
      </c>
      <c r="I1627">
        <v>42027.788950000002</v>
      </c>
      <c r="J1627">
        <v>33930.378389999998</v>
      </c>
      <c r="K1627">
        <v>52241.249830000001</v>
      </c>
      <c r="L1627">
        <v>26400.89143</v>
      </c>
      <c r="M1627">
        <v>294953.55420000001</v>
      </c>
      <c r="N1627">
        <v>81938.806679999994</v>
      </c>
      <c r="O1627">
        <v>25560.015810000001</v>
      </c>
      <c r="P1627">
        <v>34316.380940000003</v>
      </c>
      <c r="Q1627">
        <v>83025.347110000002</v>
      </c>
      <c r="R1627">
        <v>24920.252270000001</v>
      </c>
      <c r="S1627">
        <v>99145.674669999993</v>
      </c>
      <c r="T1627">
        <v>33275.459640000001</v>
      </c>
      <c r="U1627">
        <v>18511.605169999999</v>
      </c>
      <c r="W1627" s="83">
        <f>Bühler!N1659</f>
        <v>45359.708333329392</v>
      </c>
      <c r="X1627" s="83">
        <v>43168.708333333336</v>
      </c>
      <c r="Y1627">
        <v>254044.54319999999</v>
      </c>
      <c r="Z1627">
        <v>32278.65797</v>
      </c>
      <c r="AA1627">
        <v>87838.755969999998</v>
      </c>
      <c r="AB1627">
        <v>57347.69571</v>
      </c>
      <c r="AC1627">
        <v>46218.361929999999</v>
      </c>
      <c r="AD1627">
        <v>42027.788950000002</v>
      </c>
      <c r="AE1627">
        <v>33930.378389999998</v>
      </c>
      <c r="AF1627">
        <v>52241.249830000001</v>
      </c>
      <c r="AG1627">
        <v>26400.89143</v>
      </c>
      <c r="AH1627">
        <v>294953.55420000001</v>
      </c>
      <c r="AI1627">
        <v>81938.806679999994</v>
      </c>
      <c r="AJ1627">
        <v>25560.015810000001</v>
      </c>
      <c r="AK1627">
        <v>34316.380940000003</v>
      </c>
      <c r="AL1627">
        <v>83025.347110000002</v>
      </c>
      <c r="AM1627">
        <v>24920.252270000001</v>
      </c>
      <c r="AN1627">
        <v>99145.674669999993</v>
      </c>
      <c r="AO1627">
        <v>33275.459640000001</v>
      </c>
      <c r="AP1627">
        <v>18511.605169999999</v>
      </c>
    </row>
    <row r="1628" spans="2:42" x14ac:dyDescent="0.3">
      <c r="B1628">
        <v>56.984119461414757</v>
      </c>
      <c r="C1628" s="83">
        <v>43168.75</v>
      </c>
      <c r="D1628">
        <v>247339.47579999999</v>
      </c>
      <c r="E1628">
        <v>30373.952290000001</v>
      </c>
      <c r="F1628">
        <v>86596.530029999994</v>
      </c>
      <c r="G1628">
        <v>51070.866220000004</v>
      </c>
      <c r="H1628">
        <v>45459.912859999997</v>
      </c>
      <c r="I1628">
        <v>42439.70246</v>
      </c>
      <c r="J1628">
        <v>35537.47019</v>
      </c>
      <c r="K1628">
        <v>50644.685599999997</v>
      </c>
      <c r="L1628">
        <v>29374.24598</v>
      </c>
      <c r="M1628">
        <v>290531.6151</v>
      </c>
      <c r="N1628">
        <v>80968.757110000006</v>
      </c>
      <c r="O1628">
        <v>25525.625059999998</v>
      </c>
      <c r="P1628">
        <v>37552.903429999998</v>
      </c>
      <c r="Q1628">
        <v>80656.599199999997</v>
      </c>
      <c r="R1628">
        <v>23215.028849999999</v>
      </c>
      <c r="S1628">
        <v>95742.070259999993</v>
      </c>
      <c r="T1628">
        <v>34263.749450000003</v>
      </c>
      <c r="U1628">
        <v>17895.459699999999</v>
      </c>
      <c r="W1628" s="83">
        <f>Bühler!N1660</f>
        <v>45359.749999996056</v>
      </c>
      <c r="X1628" s="83">
        <v>43168.75</v>
      </c>
      <c r="Y1628">
        <v>247339.47579999999</v>
      </c>
      <c r="Z1628">
        <v>30373.952290000001</v>
      </c>
      <c r="AA1628">
        <v>86596.530029999994</v>
      </c>
      <c r="AB1628">
        <v>51070.866220000004</v>
      </c>
      <c r="AC1628">
        <v>45459.912859999997</v>
      </c>
      <c r="AD1628">
        <v>42439.70246</v>
      </c>
      <c r="AE1628">
        <v>35537.47019</v>
      </c>
      <c r="AF1628">
        <v>50644.685599999997</v>
      </c>
      <c r="AG1628">
        <v>29374.24598</v>
      </c>
      <c r="AH1628">
        <v>290531.6151</v>
      </c>
      <c r="AI1628">
        <v>80968.757110000006</v>
      </c>
      <c r="AJ1628">
        <v>25525.625059999998</v>
      </c>
      <c r="AK1628">
        <v>37552.903429999998</v>
      </c>
      <c r="AL1628">
        <v>80656.599199999997</v>
      </c>
      <c r="AM1628">
        <v>23215.028849999999</v>
      </c>
      <c r="AN1628">
        <v>95742.070259999993</v>
      </c>
      <c r="AO1628">
        <v>34263.749450000003</v>
      </c>
      <c r="AP1628">
        <v>17895.459699999999</v>
      </c>
    </row>
    <row r="1629" spans="2:42" x14ac:dyDescent="0.3">
      <c r="B1629">
        <v>55.931226387310247</v>
      </c>
      <c r="C1629" s="83">
        <v>43168.791666666664</v>
      </c>
      <c r="D1629">
        <v>240847.0963</v>
      </c>
      <c r="E1629">
        <v>26343.287919999999</v>
      </c>
      <c r="F1629">
        <v>77160.846590000001</v>
      </c>
      <c r="G1629">
        <v>48580.048360000001</v>
      </c>
      <c r="H1629">
        <v>45846.869930000001</v>
      </c>
      <c r="I1629">
        <v>40633.168250000002</v>
      </c>
      <c r="J1629">
        <v>38153.814259999999</v>
      </c>
      <c r="K1629">
        <v>49174.424559999999</v>
      </c>
      <c r="L1629">
        <v>32261.305250000001</v>
      </c>
      <c r="M1629">
        <v>285163.47519999999</v>
      </c>
      <c r="N1629">
        <v>80628.256129999994</v>
      </c>
      <c r="O1629">
        <v>25881.2323</v>
      </c>
      <c r="P1629">
        <v>41181.847999999998</v>
      </c>
      <c r="Q1629">
        <v>77975.502489999999</v>
      </c>
      <c r="R1629">
        <v>22739.37934</v>
      </c>
      <c r="S1629">
        <v>95284.809630000003</v>
      </c>
      <c r="T1629">
        <v>35336.51945</v>
      </c>
      <c r="U1629">
        <v>18034.013129999999</v>
      </c>
      <c r="W1629" s="83">
        <f>Bühler!N1661</f>
        <v>45359.791666662721</v>
      </c>
      <c r="X1629" s="83">
        <v>43168.791666666664</v>
      </c>
      <c r="Y1629">
        <v>240847.0963</v>
      </c>
      <c r="Z1629">
        <v>26343.287919999999</v>
      </c>
      <c r="AA1629">
        <v>77160.846590000001</v>
      </c>
      <c r="AB1629">
        <v>48580.048360000001</v>
      </c>
      <c r="AC1629">
        <v>45846.869930000001</v>
      </c>
      <c r="AD1629">
        <v>40633.168250000002</v>
      </c>
      <c r="AE1629">
        <v>38153.814259999999</v>
      </c>
      <c r="AF1629">
        <v>49174.424559999999</v>
      </c>
      <c r="AG1629">
        <v>32261.305250000001</v>
      </c>
      <c r="AH1629">
        <v>285163.47519999999</v>
      </c>
      <c r="AI1629">
        <v>80628.256129999994</v>
      </c>
      <c r="AJ1629">
        <v>25881.2323</v>
      </c>
      <c r="AK1629">
        <v>41181.847999999998</v>
      </c>
      <c r="AL1629">
        <v>77975.502489999999</v>
      </c>
      <c r="AM1629">
        <v>22739.37934</v>
      </c>
      <c r="AN1629">
        <v>95284.809630000003</v>
      </c>
      <c r="AO1629">
        <v>35336.51945</v>
      </c>
      <c r="AP1629">
        <v>18034.013129999999</v>
      </c>
    </row>
    <row r="1630" spans="2:42" x14ac:dyDescent="0.3">
      <c r="B1630">
        <v>54.566991805086438</v>
      </c>
      <c r="C1630" s="83">
        <v>43168.833333333336</v>
      </c>
      <c r="D1630">
        <v>231624.00940000001</v>
      </c>
      <c r="E1630">
        <v>20519.020229999998</v>
      </c>
      <c r="F1630">
        <v>59892.96632</v>
      </c>
      <c r="G1630">
        <v>45750.715340000002</v>
      </c>
      <c r="H1630">
        <v>43221.598310000001</v>
      </c>
      <c r="I1630">
        <v>36256.209799999997</v>
      </c>
      <c r="J1630">
        <v>37259.017720000003</v>
      </c>
      <c r="K1630">
        <v>49050.506820000002</v>
      </c>
      <c r="L1630">
        <v>31625.484659999998</v>
      </c>
      <c r="M1630">
        <v>278207.97110000002</v>
      </c>
      <c r="N1630">
        <v>77865.816770000005</v>
      </c>
      <c r="O1630">
        <v>24807.72608</v>
      </c>
      <c r="P1630">
        <v>39874.186600000001</v>
      </c>
      <c r="Q1630">
        <v>75684.012119999999</v>
      </c>
      <c r="R1630">
        <v>21679.130359999999</v>
      </c>
      <c r="S1630">
        <v>86653.996060000005</v>
      </c>
      <c r="T1630">
        <v>33978.65309</v>
      </c>
      <c r="U1630">
        <v>17321.97465</v>
      </c>
      <c r="W1630" s="83">
        <f>Bühler!N1662</f>
        <v>45359.833333329385</v>
      </c>
      <c r="X1630" s="83">
        <v>43168.833333333336</v>
      </c>
      <c r="Y1630">
        <v>231624.00940000001</v>
      </c>
      <c r="Z1630">
        <v>20519.020229999998</v>
      </c>
      <c r="AA1630">
        <v>59892.96632</v>
      </c>
      <c r="AB1630">
        <v>45750.715340000002</v>
      </c>
      <c r="AC1630">
        <v>43221.598310000001</v>
      </c>
      <c r="AD1630">
        <v>36256.209799999997</v>
      </c>
      <c r="AE1630">
        <v>37259.017720000003</v>
      </c>
      <c r="AF1630">
        <v>49050.506820000002</v>
      </c>
      <c r="AG1630">
        <v>31625.484659999998</v>
      </c>
      <c r="AH1630">
        <v>278207.97110000002</v>
      </c>
      <c r="AI1630">
        <v>77865.816770000005</v>
      </c>
      <c r="AJ1630">
        <v>24807.72608</v>
      </c>
      <c r="AK1630">
        <v>39874.186600000001</v>
      </c>
      <c r="AL1630">
        <v>75684.012119999999</v>
      </c>
      <c r="AM1630">
        <v>21679.130359999999</v>
      </c>
      <c r="AN1630">
        <v>86653.996060000005</v>
      </c>
      <c r="AO1630">
        <v>33978.65309</v>
      </c>
      <c r="AP1630">
        <v>17321.97465</v>
      </c>
    </row>
    <row r="1631" spans="2:42" x14ac:dyDescent="0.3">
      <c r="B1631">
        <v>53.416562262827206</v>
      </c>
      <c r="C1631" s="83">
        <v>43168.875</v>
      </c>
      <c r="D1631">
        <v>225114.94130000001</v>
      </c>
      <c r="E1631">
        <v>18005.25318</v>
      </c>
      <c r="F1631">
        <v>51339.45016</v>
      </c>
      <c r="G1631">
        <v>43633.616909999997</v>
      </c>
      <c r="H1631">
        <v>41367.45766</v>
      </c>
      <c r="I1631">
        <v>30482.09172</v>
      </c>
      <c r="J1631">
        <v>35802.557970000002</v>
      </c>
      <c r="K1631">
        <v>49542.980029999999</v>
      </c>
      <c r="L1631">
        <v>30420.677940000001</v>
      </c>
      <c r="M1631">
        <v>272342.54479999997</v>
      </c>
      <c r="N1631">
        <v>75450.44008</v>
      </c>
      <c r="O1631">
        <v>23561.026949999999</v>
      </c>
      <c r="P1631">
        <v>38732.916649999999</v>
      </c>
      <c r="Q1631">
        <v>73133.009330000001</v>
      </c>
      <c r="R1631">
        <v>20819.535459999999</v>
      </c>
      <c r="S1631">
        <v>82278.379969999995</v>
      </c>
      <c r="T1631">
        <v>31917.76182</v>
      </c>
      <c r="U1631">
        <v>16476.786520000001</v>
      </c>
      <c r="W1631" s="83">
        <f>Bühler!N1663</f>
        <v>45359.874999996049</v>
      </c>
      <c r="X1631" s="83">
        <v>43168.875</v>
      </c>
      <c r="Y1631">
        <v>225114.94130000001</v>
      </c>
      <c r="Z1631">
        <v>18005.25318</v>
      </c>
      <c r="AA1631">
        <v>51339.45016</v>
      </c>
      <c r="AB1631">
        <v>43633.616909999997</v>
      </c>
      <c r="AC1631">
        <v>41367.45766</v>
      </c>
      <c r="AD1631">
        <v>30482.09172</v>
      </c>
      <c r="AE1631">
        <v>35802.557970000002</v>
      </c>
      <c r="AF1631">
        <v>49542.980029999999</v>
      </c>
      <c r="AG1631">
        <v>30420.677940000001</v>
      </c>
      <c r="AH1631">
        <v>272342.54479999997</v>
      </c>
      <c r="AI1631">
        <v>75450.44008</v>
      </c>
      <c r="AJ1631">
        <v>23561.026949999999</v>
      </c>
      <c r="AK1631">
        <v>38732.916649999999</v>
      </c>
      <c r="AL1631">
        <v>73133.009330000001</v>
      </c>
      <c r="AM1631">
        <v>20819.535459999999</v>
      </c>
      <c r="AN1631">
        <v>82278.379969999995</v>
      </c>
      <c r="AO1631">
        <v>31917.76182</v>
      </c>
      <c r="AP1631">
        <v>16476.786520000001</v>
      </c>
    </row>
    <row r="1632" spans="2:42" x14ac:dyDescent="0.3">
      <c r="B1632">
        <v>53.155860041639237</v>
      </c>
      <c r="C1632" s="83">
        <v>43168.916666666664</v>
      </c>
      <c r="D1632">
        <v>223579.36720000001</v>
      </c>
      <c r="E1632">
        <v>17058.118620000001</v>
      </c>
      <c r="F1632">
        <v>48310.310060000003</v>
      </c>
      <c r="G1632">
        <v>42857.333509999997</v>
      </c>
      <c r="H1632">
        <v>40435.615149999998</v>
      </c>
      <c r="I1632">
        <v>29184.408390000001</v>
      </c>
      <c r="J1632">
        <v>34801.939149999998</v>
      </c>
      <c r="K1632">
        <v>52599.462489999998</v>
      </c>
      <c r="L1632">
        <v>28284.552479999998</v>
      </c>
      <c r="M1632">
        <v>271013.36330000003</v>
      </c>
      <c r="N1632">
        <v>75823.946710000004</v>
      </c>
      <c r="O1632">
        <v>24819.13278</v>
      </c>
      <c r="P1632">
        <v>40943.871520000001</v>
      </c>
      <c r="Q1632">
        <v>72385.112460000004</v>
      </c>
      <c r="R1632">
        <v>28889.024799999999</v>
      </c>
      <c r="S1632">
        <v>82391.278279999999</v>
      </c>
      <c r="T1632">
        <v>28878.85771</v>
      </c>
      <c r="U1632">
        <v>17733.79363</v>
      </c>
      <c r="W1632" s="83">
        <f>Bühler!N1664</f>
        <v>45359.916666662713</v>
      </c>
      <c r="X1632" s="83">
        <v>43168.916666666664</v>
      </c>
      <c r="Y1632">
        <v>223579.36720000001</v>
      </c>
      <c r="Z1632">
        <v>17058.118620000001</v>
      </c>
      <c r="AA1632">
        <v>48310.310060000003</v>
      </c>
      <c r="AB1632">
        <v>42857.333509999997</v>
      </c>
      <c r="AC1632">
        <v>40435.615149999998</v>
      </c>
      <c r="AD1632">
        <v>29184.408390000001</v>
      </c>
      <c r="AE1632">
        <v>34801.939149999998</v>
      </c>
      <c r="AF1632">
        <v>52599.462489999998</v>
      </c>
      <c r="AG1632">
        <v>28284.552479999998</v>
      </c>
      <c r="AH1632">
        <v>271013.36330000003</v>
      </c>
      <c r="AI1632">
        <v>75823.946710000004</v>
      </c>
      <c r="AJ1632">
        <v>24819.13278</v>
      </c>
      <c r="AK1632">
        <v>40943.871520000001</v>
      </c>
      <c r="AL1632">
        <v>72385.112460000004</v>
      </c>
      <c r="AM1632">
        <v>28889.024799999999</v>
      </c>
      <c r="AN1632">
        <v>82391.278279999999</v>
      </c>
      <c r="AO1632">
        <v>28878.85771</v>
      </c>
      <c r="AP1632">
        <v>17733.79363</v>
      </c>
    </row>
    <row r="1633" spans="2:42" x14ac:dyDescent="0.3">
      <c r="B1633">
        <v>51.450815991732718</v>
      </c>
      <c r="C1633" s="83">
        <v>43168.958333333336</v>
      </c>
      <c r="D1633">
        <v>221257.62469999999</v>
      </c>
      <c r="E1633">
        <v>16893.970389999999</v>
      </c>
      <c r="F1633">
        <v>46888.346890000001</v>
      </c>
      <c r="G1633">
        <v>42576.602099999996</v>
      </c>
      <c r="H1633">
        <v>39585.776619999997</v>
      </c>
      <c r="I1633">
        <v>27450.89647</v>
      </c>
      <c r="J1633">
        <v>32258.440920000001</v>
      </c>
      <c r="K1633">
        <v>52628.813139999998</v>
      </c>
      <c r="L1633">
        <v>24528.965950000002</v>
      </c>
      <c r="M1633">
        <v>262320.2536</v>
      </c>
      <c r="N1633">
        <v>75108.826589999997</v>
      </c>
      <c r="O1633">
        <v>25064.923490000001</v>
      </c>
      <c r="P1633">
        <v>36669.400260000002</v>
      </c>
      <c r="Q1633">
        <v>71030.295259999999</v>
      </c>
      <c r="R1633">
        <v>31212.214090000001</v>
      </c>
      <c r="S1633">
        <v>81230.451409999994</v>
      </c>
      <c r="T1633">
        <v>29579.829249999999</v>
      </c>
      <c r="U1633">
        <v>17131.32561</v>
      </c>
      <c r="W1633" s="83">
        <f>Bühler!N1665</f>
        <v>45359.958333329378</v>
      </c>
      <c r="X1633" s="83">
        <v>43168.958333333336</v>
      </c>
      <c r="Y1633">
        <v>221257.62469999999</v>
      </c>
      <c r="Z1633">
        <v>16893.970389999999</v>
      </c>
      <c r="AA1633">
        <v>46888.346890000001</v>
      </c>
      <c r="AB1633">
        <v>42576.602099999996</v>
      </c>
      <c r="AC1633">
        <v>39585.776619999997</v>
      </c>
      <c r="AD1633">
        <v>27450.89647</v>
      </c>
      <c r="AE1633">
        <v>32258.440920000001</v>
      </c>
      <c r="AF1633">
        <v>52628.813139999998</v>
      </c>
      <c r="AG1633">
        <v>24528.965950000002</v>
      </c>
      <c r="AH1633">
        <v>262320.2536</v>
      </c>
      <c r="AI1633">
        <v>75108.826589999997</v>
      </c>
      <c r="AJ1633">
        <v>25064.923490000001</v>
      </c>
      <c r="AK1633">
        <v>36669.400260000002</v>
      </c>
      <c r="AL1633">
        <v>71030.295259999999</v>
      </c>
      <c r="AM1633">
        <v>31212.214090000001</v>
      </c>
      <c r="AN1633">
        <v>81230.451409999994</v>
      </c>
      <c r="AO1633">
        <v>29579.829249999999</v>
      </c>
      <c r="AP1633">
        <v>17131.32561</v>
      </c>
    </row>
    <row r="1634" spans="2:42" x14ac:dyDescent="0.3">
      <c r="B1634">
        <v>50.611190050736894</v>
      </c>
      <c r="C1634" s="83">
        <v>43169</v>
      </c>
      <c r="D1634">
        <v>219086.08929999999</v>
      </c>
      <c r="E1634">
        <v>16499.529490000001</v>
      </c>
      <c r="F1634">
        <v>46393.76442</v>
      </c>
      <c r="G1634">
        <v>42080.744299999998</v>
      </c>
      <c r="H1634">
        <v>39204.103880000002</v>
      </c>
      <c r="I1634">
        <v>25932.119449999998</v>
      </c>
      <c r="J1634">
        <v>30404.799869999999</v>
      </c>
      <c r="K1634">
        <v>50644.916649999999</v>
      </c>
      <c r="L1634">
        <v>21336.671559999999</v>
      </c>
      <c r="M1634">
        <v>258039.44899999999</v>
      </c>
      <c r="N1634">
        <v>74282.130590000001</v>
      </c>
      <c r="O1634">
        <v>24808.95478</v>
      </c>
      <c r="P1634">
        <v>34712.56568</v>
      </c>
      <c r="Q1634">
        <v>68841.005770000003</v>
      </c>
      <c r="R1634">
        <v>27558.166379999999</v>
      </c>
      <c r="S1634">
        <v>80341.624519999998</v>
      </c>
      <c r="T1634">
        <v>28093.10512</v>
      </c>
      <c r="U1634">
        <v>16835.206419999999</v>
      </c>
      <c r="W1634" s="83">
        <f>Bühler!N1666</f>
        <v>45359.999999996042</v>
      </c>
      <c r="X1634" s="83">
        <v>43169</v>
      </c>
      <c r="Y1634">
        <v>219086.08929999999</v>
      </c>
      <c r="Z1634">
        <v>16499.529490000001</v>
      </c>
      <c r="AA1634">
        <v>46393.76442</v>
      </c>
      <c r="AB1634">
        <v>42080.744299999998</v>
      </c>
      <c r="AC1634">
        <v>39204.103880000002</v>
      </c>
      <c r="AD1634">
        <v>25932.119449999998</v>
      </c>
      <c r="AE1634">
        <v>30404.799869999999</v>
      </c>
      <c r="AF1634">
        <v>50644.916649999999</v>
      </c>
      <c r="AG1634">
        <v>21336.671559999999</v>
      </c>
      <c r="AH1634">
        <v>258039.44899999999</v>
      </c>
      <c r="AI1634">
        <v>74282.130590000001</v>
      </c>
      <c r="AJ1634">
        <v>24808.95478</v>
      </c>
      <c r="AK1634">
        <v>34712.56568</v>
      </c>
      <c r="AL1634">
        <v>68841.005770000003</v>
      </c>
      <c r="AM1634">
        <v>27558.166379999999</v>
      </c>
      <c r="AN1634">
        <v>80341.624519999998</v>
      </c>
      <c r="AO1634">
        <v>28093.10512</v>
      </c>
      <c r="AP1634">
        <v>16835.206419999999</v>
      </c>
    </row>
    <row r="1635" spans="2:42" x14ac:dyDescent="0.3">
      <c r="B1635">
        <v>50.313129163780623</v>
      </c>
      <c r="C1635" s="83">
        <v>43169.041666666664</v>
      </c>
      <c r="D1635">
        <v>216010.44020000001</v>
      </c>
      <c r="E1635">
        <v>16545.06623</v>
      </c>
      <c r="F1635">
        <v>47720.599419999999</v>
      </c>
      <c r="G1635">
        <v>42006.97365</v>
      </c>
      <c r="H1635">
        <v>39115.135029999998</v>
      </c>
      <c r="I1635">
        <v>22125.562679999999</v>
      </c>
      <c r="J1635">
        <v>33185.828659999999</v>
      </c>
      <c r="K1635">
        <v>49773.244299999998</v>
      </c>
      <c r="L1635">
        <v>20217.326000000001</v>
      </c>
      <c r="M1635">
        <v>256519.79560000001</v>
      </c>
      <c r="N1635">
        <v>75681.524569999994</v>
      </c>
      <c r="O1635">
        <v>24825.090120000001</v>
      </c>
      <c r="P1635">
        <v>33582.942289999999</v>
      </c>
      <c r="Q1635">
        <v>68808.920029999994</v>
      </c>
      <c r="R1635">
        <v>26079.458439999999</v>
      </c>
      <c r="S1635">
        <v>80904.515159999995</v>
      </c>
      <c r="T1635">
        <v>28084.278910000001</v>
      </c>
      <c r="U1635">
        <v>17147.04277</v>
      </c>
      <c r="W1635" s="83">
        <f>Bühler!N1667</f>
        <v>45360.041666662706</v>
      </c>
      <c r="X1635" s="83">
        <v>43169.041666666664</v>
      </c>
      <c r="Y1635">
        <v>216010.44020000001</v>
      </c>
      <c r="Z1635">
        <v>16545.06623</v>
      </c>
      <c r="AA1635">
        <v>47720.599419999999</v>
      </c>
      <c r="AB1635">
        <v>42006.97365</v>
      </c>
      <c r="AC1635">
        <v>39115.135029999998</v>
      </c>
      <c r="AD1635">
        <v>22125.562679999999</v>
      </c>
      <c r="AE1635">
        <v>33185.828659999999</v>
      </c>
      <c r="AF1635">
        <v>49773.244299999998</v>
      </c>
      <c r="AG1635">
        <v>20217.326000000001</v>
      </c>
      <c r="AH1635">
        <v>256519.79560000001</v>
      </c>
      <c r="AI1635">
        <v>75681.524569999994</v>
      </c>
      <c r="AJ1635">
        <v>24825.090120000001</v>
      </c>
      <c r="AK1635">
        <v>33582.942289999999</v>
      </c>
      <c r="AL1635">
        <v>68808.920029999994</v>
      </c>
      <c r="AM1635">
        <v>26079.458439999999</v>
      </c>
      <c r="AN1635">
        <v>80904.515159999995</v>
      </c>
      <c r="AO1635">
        <v>28084.278910000001</v>
      </c>
      <c r="AP1635">
        <v>17147.04277</v>
      </c>
    </row>
    <row r="1636" spans="2:42" x14ac:dyDescent="0.3">
      <c r="B1636">
        <v>49.676236070404919</v>
      </c>
      <c r="C1636" s="83">
        <v>43169.083333333336</v>
      </c>
      <c r="D1636">
        <v>211922.84039999999</v>
      </c>
      <c r="E1636">
        <v>16573.774010000001</v>
      </c>
      <c r="F1636">
        <v>48635.09749</v>
      </c>
      <c r="G1636">
        <v>41878.740709999998</v>
      </c>
      <c r="H1636">
        <v>39063.069929999998</v>
      </c>
      <c r="I1636">
        <v>19158.040130000001</v>
      </c>
      <c r="J1636">
        <v>33407.321499999998</v>
      </c>
      <c r="K1636">
        <v>48231.477440000002</v>
      </c>
      <c r="L1636">
        <v>20410.354009999999</v>
      </c>
      <c r="M1636">
        <v>253272.6176</v>
      </c>
      <c r="N1636">
        <v>74277.673800000004</v>
      </c>
      <c r="O1636">
        <v>24634.681369999998</v>
      </c>
      <c r="P1636">
        <v>33346.829519999999</v>
      </c>
      <c r="Q1636">
        <v>67832.234580000004</v>
      </c>
      <c r="R1636">
        <v>26180.47479</v>
      </c>
      <c r="S1636">
        <v>80965.0101</v>
      </c>
      <c r="T1636">
        <v>27883.974190000001</v>
      </c>
      <c r="U1636">
        <v>17344.972280000002</v>
      </c>
      <c r="W1636" s="83">
        <f>Bühler!N1668</f>
        <v>45360.08333332937</v>
      </c>
      <c r="X1636" s="83">
        <v>43169.083333333336</v>
      </c>
      <c r="Y1636">
        <v>211922.84039999999</v>
      </c>
      <c r="Z1636">
        <v>16573.774010000001</v>
      </c>
      <c r="AA1636">
        <v>48635.09749</v>
      </c>
      <c r="AB1636">
        <v>41878.740709999998</v>
      </c>
      <c r="AC1636">
        <v>39063.069929999998</v>
      </c>
      <c r="AD1636">
        <v>19158.040130000001</v>
      </c>
      <c r="AE1636">
        <v>33407.321499999998</v>
      </c>
      <c r="AF1636">
        <v>48231.477440000002</v>
      </c>
      <c r="AG1636">
        <v>20410.354009999999</v>
      </c>
      <c r="AH1636">
        <v>253272.6176</v>
      </c>
      <c r="AI1636">
        <v>74277.673800000004</v>
      </c>
      <c r="AJ1636">
        <v>24634.681369999998</v>
      </c>
      <c r="AK1636">
        <v>33346.829519999999</v>
      </c>
      <c r="AL1636">
        <v>67832.234580000004</v>
      </c>
      <c r="AM1636">
        <v>26180.47479</v>
      </c>
      <c r="AN1636">
        <v>80965.0101</v>
      </c>
      <c r="AO1636">
        <v>27883.974190000001</v>
      </c>
      <c r="AP1636">
        <v>17344.972280000002</v>
      </c>
    </row>
    <row r="1637" spans="2:42" x14ac:dyDescent="0.3">
      <c r="B1637">
        <v>48.822737859738908</v>
      </c>
      <c r="C1637" s="83">
        <v>43169.125</v>
      </c>
      <c r="D1637">
        <v>206615.71489999999</v>
      </c>
      <c r="E1637">
        <v>16728.640019999999</v>
      </c>
      <c r="F1637">
        <v>50131.864229999999</v>
      </c>
      <c r="G1637">
        <v>40904.912799999998</v>
      </c>
      <c r="H1637">
        <v>38832.62081</v>
      </c>
      <c r="I1637">
        <v>19084.856059999998</v>
      </c>
      <c r="J1637">
        <v>34322.877050000003</v>
      </c>
      <c r="K1637">
        <v>46663.761079999997</v>
      </c>
      <c r="L1637">
        <v>20301.336490000002</v>
      </c>
      <c r="M1637">
        <v>248921.0857</v>
      </c>
      <c r="N1637">
        <v>74569.414480000007</v>
      </c>
      <c r="O1637">
        <v>24379.772690000002</v>
      </c>
      <c r="P1637">
        <v>32039.36304</v>
      </c>
      <c r="Q1637">
        <v>66896.655079999997</v>
      </c>
      <c r="R1637">
        <v>25990.32748</v>
      </c>
      <c r="S1637">
        <v>80174.373800000001</v>
      </c>
      <c r="T1637">
        <v>28092.41114</v>
      </c>
      <c r="U1637">
        <v>17310.92929</v>
      </c>
      <c r="W1637" s="83">
        <f>Bühler!N1669</f>
        <v>45360.124999996035</v>
      </c>
      <c r="X1637" s="83">
        <v>43169.125</v>
      </c>
      <c r="Y1637">
        <v>206615.71489999999</v>
      </c>
      <c r="Z1637">
        <v>16728.640019999999</v>
      </c>
      <c r="AA1637">
        <v>50131.864229999999</v>
      </c>
      <c r="AB1637">
        <v>40904.912799999998</v>
      </c>
      <c r="AC1637">
        <v>38832.62081</v>
      </c>
      <c r="AD1637">
        <v>19084.856059999998</v>
      </c>
      <c r="AE1637">
        <v>34322.877050000003</v>
      </c>
      <c r="AF1637">
        <v>46663.761079999997</v>
      </c>
      <c r="AG1637">
        <v>20301.336490000002</v>
      </c>
      <c r="AH1637">
        <v>248921.0857</v>
      </c>
      <c r="AI1637">
        <v>74569.414480000007</v>
      </c>
      <c r="AJ1637">
        <v>24379.772690000002</v>
      </c>
      <c r="AK1637">
        <v>32039.36304</v>
      </c>
      <c r="AL1637">
        <v>66896.655079999997</v>
      </c>
      <c r="AM1637">
        <v>25990.32748</v>
      </c>
      <c r="AN1637">
        <v>80174.373800000001</v>
      </c>
      <c r="AO1637">
        <v>28092.41114</v>
      </c>
      <c r="AP1637">
        <v>17310.92929</v>
      </c>
    </row>
    <row r="1638" spans="2:42" x14ac:dyDescent="0.3">
      <c r="B1638">
        <v>47.410679798130012</v>
      </c>
      <c r="C1638" s="83">
        <v>43169.166666666664</v>
      </c>
      <c r="D1638">
        <v>200076.19870000001</v>
      </c>
      <c r="E1638">
        <v>16923.581320000001</v>
      </c>
      <c r="F1638">
        <v>53391.239710000002</v>
      </c>
      <c r="G1638">
        <v>40283.416400000002</v>
      </c>
      <c r="H1638">
        <v>39314.605280000003</v>
      </c>
      <c r="I1638">
        <v>22437.312539999999</v>
      </c>
      <c r="J1638">
        <v>36151.432090000002</v>
      </c>
      <c r="K1638">
        <v>45215.947930000002</v>
      </c>
      <c r="L1638">
        <v>19815.889879999999</v>
      </c>
      <c r="M1638">
        <v>241721.75520000001</v>
      </c>
      <c r="N1638">
        <v>75034.927249999993</v>
      </c>
      <c r="O1638">
        <v>24637.183430000001</v>
      </c>
      <c r="P1638">
        <v>31093.122179999998</v>
      </c>
      <c r="Q1638">
        <v>66139.829140000002</v>
      </c>
      <c r="R1638">
        <v>26693.109629999999</v>
      </c>
      <c r="S1638">
        <v>80969.213820000004</v>
      </c>
      <c r="T1638">
        <v>28020.130160000001</v>
      </c>
      <c r="U1638">
        <v>17382.94413</v>
      </c>
      <c r="W1638" s="83">
        <f>Bühler!N1670</f>
        <v>45360.166666662699</v>
      </c>
      <c r="X1638" s="83">
        <v>43169.166666666664</v>
      </c>
      <c r="Y1638">
        <v>200076.19870000001</v>
      </c>
      <c r="Z1638">
        <v>16923.581320000001</v>
      </c>
      <c r="AA1638">
        <v>53391.239710000002</v>
      </c>
      <c r="AB1638">
        <v>40283.416400000002</v>
      </c>
      <c r="AC1638">
        <v>39314.605280000003</v>
      </c>
      <c r="AD1638">
        <v>22437.312539999999</v>
      </c>
      <c r="AE1638">
        <v>36151.432090000002</v>
      </c>
      <c r="AF1638">
        <v>45215.947930000002</v>
      </c>
      <c r="AG1638">
        <v>19815.889879999999</v>
      </c>
      <c r="AH1638">
        <v>241721.75520000001</v>
      </c>
      <c r="AI1638">
        <v>75034.927249999993</v>
      </c>
      <c r="AJ1638">
        <v>24637.183430000001</v>
      </c>
      <c r="AK1638">
        <v>31093.122179999998</v>
      </c>
      <c r="AL1638">
        <v>66139.829140000002</v>
      </c>
      <c r="AM1638">
        <v>26693.109629999999</v>
      </c>
      <c r="AN1638">
        <v>80969.213820000004</v>
      </c>
      <c r="AO1638">
        <v>28020.130160000001</v>
      </c>
      <c r="AP1638">
        <v>17382.94413</v>
      </c>
    </row>
    <row r="1639" spans="2:42" x14ac:dyDescent="0.3">
      <c r="B1639">
        <v>46.980675743389291</v>
      </c>
      <c r="C1639" s="83">
        <v>43169.208333333336</v>
      </c>
      <c r="D1639">
        <v>197029.60860000001</v>
      </c>
      <c r="E1639">
        <v>17717.839650000002</v>
      </c>
      <c r="F1639">
        <v>63023.153879999998</v>
      </c>
      <c r="G1639">
        <v>40939.127090000002</v>
      </c>
      <c r="H1639">
        <v>40072.946450000003</v>
      </c>
      <c r="I1639">
        <v>31145.55215</v>
      </c>
      <c r="J1639">
        <v>39609.94745</v>
      </c>
      <c r="K1639">
        <v>45385.261760000001</v>
      </c>
      <c r="L1639">
        <v>19860.714339999999</v>
      </c>
      <c r="M1639">
        <v>239529.394</v>
      </c>
      <c r="N1639">
        <v>72833.797680000003</v>
      </c>
      <c r="O1639">
        <v>24764.914280000001</v>
      </c>
      <c r="P1639">
        <v>32116.807580000001</v>
      </c>
      <c r="Q1639">
        <v>64775.83584</v>
      </c>
      <c r="R1639">
        <v>28761.374019999999</v>
      </c>
      <c r="S1639">
        <v>83144.315480000005</v>
      </c>
      <c r="T1639">
        <v>29272.500510000002</v>
      </c>
      <c r="U1639">
        <v>17687.298780000001</v>
      </c>
      <c r="W1639" s="83">
        <f>Bühler!N1671</f>
        <v>45360.208333329363</v>
      </c>
      <c r="X1639" s="83">
        <v>43169.208333333336</v>
      </c>
      <c r="Y1639">
        <v>197029.60860000001</v>
      </c>
      <c r="Z1639">
        <v>17717.839650000002</v>
      </c>
      <c r="AA1639">
        <v>63023.153879999998</v>
      </c>
      <c r="AB1639">
        <v>40939.127090000002</v>
      </c>
      <c r="AC1639">
        <v>40072.946450000003</v>
      </c>
      <c r="AD1639">
        <v>31145.55215</v>
      </c>
      <c r="AE1639">
        <v>39609.94745</v>
      </c>
      <c r="AF1639">
        <v>45385.261760000001</v>
      </c>
      <c r="AG1639">
        <v>19860.714339999999</v>
      </c>
      <c r="AH1639">
        <v>239529.394</v>
      </c>
      <c r="AI1639">
        <v>72833.797680000003</v>
      </c>
      <c r="AJ1639">
        <v>24764.914280000001</v>
      </c>
      <c r="AK1639">
        <v>32116.807580000001</v>
      </c>
      <c r="AL1639">
        <v>64775.83584</v>
      </c>
      <c r="AM1639">
        <v>28761.374019999999</v>
      </c>
      <c r="AN1639">
        <v>83144.315480000005</v>
      </c>
      <c r="AO1639">
        <v>29272.500510000002</v>
      </c>
      <c r="AP1639">
        <v>17687.298780000001</v>
      </c>
    </row>
    <row r="1640" spans="2:42" x14ac:dyDescent="0.3">
      <c r="B1640">
        <v>47.245153354804252</v>
      </c>
      <c r="C1640" s="83">
        <v>43169.25</v>
      </c>
      <c r="D1640">
        <v>198593.25930000001</v>
      </c>
      <c r="E1640">
        <v>19750.038359999999</v>
      </c>
      <c r="F1640">
        <v>75215.780979999996</v>
      </c>
      <c r="G1640">
        <v>42867.80442</v>
      </c>
      <c r="H1640">
        <v>41051.000549999997</v>
      </c>
      <c r="I1640">
        <v>34808.892440000003</v>
      </c>
      <c r="J1640">
        <v>42583.07129</v>
      </c>
      <c r="K1640">
        <v>43988.630089999999</v>
      </c>
      <c r="L1640">
        <v>20769.86868</v>
      </c>
      <c r="M1640">
        <v>240877.8242</v>
      </c>
      <c r="N1640">
        <v>70833.041769999996</v>
      </c>
      <c r="O1640">
        <v>25000.11419</v>
      </c>
      <c r="P1640">
        <v>32389.047330000001</v>
      </c>
      <c r="Q1640">
        <v>63903.407149999999</v>
      </c>
      <c r="R1640">
        <v>19576.83857</v>
      </c>
      <c r="S1640">
        <v>87166.543479999993</v>
      </c>
      <c r="T1640">
        <v>30769.536329999999</v>
      </c>
      <c r="U1640">
        <v>17186.68246</v>
      </c>
      <c r="W1640" s="83">
        <f>Bühler!N1672</f>
        <v>45360.249999996027</v>
      </c>
      <c r="X1640" s="83">
        <v>43169.25</v>
      </c>
      <c r="Y1640">
        <v>198593.25930000001</v>
      </c>
      <c r="Z1640">
        <v>19750.038359999999</v>
      </c>
      <c r="AA1640">
        <v>75215.780979999996</v>
      </c>
      <c r="AB1640">
        <v>42867.80442</v>
      </c>
      <c r="AC1640">
        <v>41051.000549999997</v>
      </c>
      <c r="AD1640">
        <v>34808.892440000003</v>
      </c>
      <c r="AE1640">
        <v>42583.07129</v>
      </c>
      <c r="AF1640">
        <v>43988.630089999999</v>
      </c>
      <c r="AG1640">
        <v>20769.86868</v>
      </c>
      <c r="AH1640">
        <v>240877.8242</v>
      </c>
      <c r="AI1640">
        <v>70833.041769999996</v>
      </c>
      <c r="AJ1640">
        <v>25000.11419</v>
      </c>
      <c r="AK1640">
        <v>32389.047330000001</v>
      </c>
      <c r="AL1640">
        <v>63903.407149999999</v>
      </c>
      <c r="AM1640">
        <v>19576.83857</v>
      </c>
      <c r="AN1640">
        <v>87166.543479999993</v>
      </c>
      <c r="AO1640">
        <v>30769.536329999999</v>
      </c>
      <c r="AP1640">
        <v>17186.68246</v>
      </c>
    </row>
    <row r="1641" spans="2:42" x14ac:dyDescent="0.3">
      <c r="B1641">
        <v>46.995622512650641</v>
      </c>
      <c r="C1641" s="83">
        <v>43169.291666666664</v>
      </c>
      <c r="D1641">
        <v>197938.6869</v>
      </c>
      <c r="E1641">
        <v>21868.246950000001</v>
      </c>
      <c r="F1641">
        <v>76839.920880000005</v>
      </c>
      <c r="G1641">
        <v>44457.721310000001</v>
      </c>
      <c r="H1641">
        <v>40436.843330000003</v>
      </c>
      <c r="I1641">
        <v>36640.146079999999</v>
      </c>
      <c r="J1641">
        <v>42405.820079999998</v>
      </c>
      <c r="K1641">
        <v>42979.0602</v>
      </c>
      <c r="L1641">
        <v>23193.15136</v>
      </c>
      <c r="M1641">
        <v>239605.59959999999</v>
      </c>
      <c r="N1641">
        <v>72444.782149999999</v>
      </c>
      <c r="O1641">
        <v>25317.929469999999</v>
      </c>
      <c r="P1641">
        <v>34172.703529999999</v>
      </c>
      <c r="Q1641">
        <v>62518.549780000001</v>
      </c>
      <c r="R1641">
        <v>18304.414390000002</v>
      </c>
      <c r="S1641">
        <v>93667.655499999993</v>
      </c>
      <c r="T1641">
        <v>29090.107059999998</v>
      </c>
      <c r="U1641">
        <v>16944.25244</v>
      </c>
      <c r="W1641" s="83">
        <f>Bühler!N1673</f>
        <v>45360.291666662692</v>
      </c>
      <c r="X1641" s="83">
        <v>43169.291666666664</v>
      </c>
      <c r="Y1641">
        <v>197938.6869</v>
      </c>
      <c r="Z1641">
        <v>21868.246950000001</v>
      </c>
      <c r="AA1641">
        <v>76839.920880000005</v>
      </c>
      <c r="AB1641">
        <v>44457.721310000001</v>
      </c>
      <c r="AC1641">
        <v>40436.843330000003</v>
      </c>
      <c r="AD1641">
        <v>36640.146079999999</v>
      </c>
      <c r="AE1641">
        <v>42405.820079999998</v>
      </c>
      <c r="AF1641">
        <v>42979.0602</v>
      </c>
      <c r="AG1641">
        <v>23193.15136</v>
      </c>
      <c r="AH1641">
        <v>239605.59959999999</v>
      </c>
      <c r="AI1641">
        <v>72444.782149999999</v>
      </c>
      <c r="AJ1641">
        <v>25317.929469999999</v>
      </c>
      <c r="AK1641">
        <v>34172.703529999999</v>
      </c>
      <c r="AL1641">
        <v>62518.549780000001</v>
      </c>
      <c r="AM1641">
        <v>18304.414390000002</v>
      </c>
      <c r="AN1641">
        <v>93667.655499999993</v>
      </c>
      <c r="AO1641">
        <v>29090.107059999998</v>
      </c>
      <c r="AP1641">
        <v>16944.25244</v>
      </c>
    </row>
    <row r="1642" spans="2:42" x14ac:dyDescent="0.3">
      <c r="B1642">
        <v>46.05854683546427</v>
      </c>
      <c r="C1642" s="83">
        <v>43169.333333333336</v>
      </c>
      <c r="D1642">
        <v>195073.02429999999</v>
      </c>
      <c r="E1642">
        <v>24793.861199999999</v>
      </c>
      <c r="F1642">
        <v>80481.322390000001</v>
      </c>
      <c r="G1642">
        <v>45953.408790000001</v>
      </c>
      <c r="H1642">
        <v>40132.681980000001</v>
      </c>
      <c r="I1642">
        <v>36831.397709999997</v>
      </c>
      <c r="J1642">
        <v>42691.744039999998</v>
      </c>
      <c r="K1642">
        <v>43458.36105</v>
      </c>
      <c r="L1642">
        <v>25116.85226</v>
      </c>
      <c r="M1642">
        <v>234827.95079999999</v>
      </c>
      <c r="N1642">
        <v>74949.160560000004</v>
      </c>
      <c r="O1642">
        <v>24833.869419999999</v>
      </c>
      <c r="P1642">
        <v>37155.411919999999</v>
      </c>
      <c r="Q1642">
        <v>61142.814509999997</v>
      </c>
      <c r="R1642">
        <v>18646.533889999999</v>
      </c>
      <c r="S1642">
        <v>96327.256899999993</v>
      </c>
      <c r="T1642">
        <v>30593.356779999998</v>
      </c>
      <c r="U1642">
        <v>16140.377979999999</v>
      </c>
      <c r="W1642" s="83">
        <f>Bühler!N1674</f>
        <v>45360.333333329356</v>
      </c>
      <c r="X1642" s="83">
        <v>43169.333333333336</v>
      </c>
      <c r="Y1642">
        <v>195073.02429999999</v>
      </c>
      <c r="Z1642">
        <v>24793.861199999999</v>
      </c>
      <c r="AA1642">
        <v>80481.322390000001</v>
      </c>
      <c r="AB1642">
        <v>45953.408790000001</v>
      </c>
      <c r="AC1642">
        <v>40132.681980000001</v>
      </c>
      <c r="AD1642">
        <v>36831.397709999997</v>
      </c>
      <c r="AE1642">
        <v>42691.744039999998</v>
      </c>
      <c r="AF1642">
        <v>43458.36105</v>
      </c>
      <c r="AG1642">
        <v>25116.85226</v>
      </c>
      <c r="AH1642">
        <v>234827.95079999999</v>
      </c>
      <c r="AI1642">
        <v>74949.160560000004</v>
      </c>
      <c r="AJ1642">
        <v>24833.869419999999</v>
      </c>
      <c r="AK1642">
        <v>37155.411919999999</v>
      </c>
      <c r="AL1642">
        <v>61142.814509999997</v>
      </c>
      <c r="AM1642">
        <v>18646.533889999999</v>
      </c>
      <c r="AN1642">
        <v>96327.256899999993</v>
      </c>
      <c r="AO1642">
        <v>30593.356779999998</v>
      </c>
      <c r="AP1642">
        <v>16140.377979999999</v>
      </c>
    </row>
    <row r="1643" spans="2:42" x14ac:dyDescent="0.3">
      <c r="B1643">
        <v>45.603907509727165</v>
      </c>
      <c r="C1643" s="83">
        <v>43169.375</v>
      </c>
      <c r="D1643">
        <v>193328.5289</v>
      </c>
      <c r="E1643">
        <v>28121.51007</v>
      </c>
      <c r="F1643">
        <v>87451.966060000006</v>
      </c>
      <c r="G1643">
        <v>46814.928950000001</v>
      </c>
      <c r="H1643">
        <v>40667.960850000003</v>
      </c>
      <c r="I1643">
        <v>35310.532420000003</v>
      </c>
      <c r="J1643">
        <v>41429.632859999998</v>
      </c>
      <c r="K1643">
        <v>44167.557240000002</v>
      </c>
      <c r="L1643">
        <v>27901.706600000001</v>
      </c>
      <c r="M1643">
        <v>232509.98749999999</v>
      </c>
      <c r="N1643">
        <v>79732.762589999998</v>
      </c>
      <c r="O1643">
        <v>24267.111680000002</v>
      </c>
      <c r="P1643">
        <v>39335.193679999997</v>
      </c>
      <c r="Q1643">
        <v>60367.304689999997</v>
      </c>
      <c r="R1643">
        <v>19264.813460000001</v>
      </c>
      <c r="S1643">
        <v>97209.971730000005</v>
      </c>
      <c r="T1643">
        <v>32215.530900000002</v>
      </c>
      <c r="U1643">
        <v>15773.79516</v>
      </c>
      <c r="W1643" s="83">
        <f>Bühler!N1675</f>
        <v>45360.37499999602</v>
      </c>
      <c r="X1643" s="83">
        <v>43169.375</v>
      </c>
      <c r="Y1643">
        <v>193328.5289</v>
      </c>
      <c r="Z1643">
        <v>28121.51007</v>
      </c>
      <c r="AA1643">
        <v>87451.966060000006</v>
      </c>
      <c r="AB1643">
        <v>46814.928950000001</v>
      </c>
      <c r="AC1643">
        <v>40667.960850000003</v>
      </c>
      <c r="AD1643">
        <v>35310.532420000003</v>
      </c>
      <c r="AE1643">
        <v>41429.632859999998</v>
      </c>
      <c r="AF1643">
        <v>44167.557240000002</v>
      </c>
      <c r="AG1643">
        <v>27901.706600000001</v>
      </c>
      <c r="AH1643">
        <v>232509.98749999999</v>
      </c>
      <c r="AI1643">
        <v>79732.762589999998</v>
      </c>
      <c r="AJ1643">
        <v>24267.111680000002</v>
      </c>
      <c r="AK1643">
        <v>39335.193679999997</v>
      </c>
      <c r="AL1643">
        <v>60367.304689999997</v>
      </c>
      <c r="AM1643">
        <v>19264.813460000001</v>
      </c>
      <c r="AN1643">
        <v>97209.971730000005</v>
      </c>
      <c r="AO1643">
        <v>32215.530900000002</v>
      </c>
      <c r="AP1643">
        <v>15773.79516</v>
      </c>
    </row>
    <row r="1644" spans="2:42" x14ac:dyDescent="0.3">
      <c r="B1644">
        <v>45.41192354153948</v>
      </c>
      <c r="C1644" s="83">
        <v>43169.416666666664</v>
      </c>
      <c r="D1644">
        <v>190257.76360000001</v>
      </c>
      <c r="E1644">
        <v>28955.722330000001</v>
      </c>
      <c r="F1644">
        <v>88761.786389999994</v>
      </c>
      <c r="G1644">
        <v>46804.32432</v>
      </c>
      <c r="H1644">
        <v>40530.078070000003</v>
      </c>
      <c r="I1644">
        <v>32629.402669999999</v>
      </c>
      <c r="J1644">
        <v>39694.66012</v>
      </c>
      <c r="K1644">
        <v>45492.893730000003</v>
      </c>
      <c r="L1644">
        <v>30188.990839999999</v>
      </c>
      <c r="M1644">
        <v>231531.1637</v>
      </c>
      <c r="N1644">
        <v>82079.477719999995</v>
      </c>
      <c r="O1644">
        <v>23506.38221</v>
      </c>
      <c r="P1644">
        <v>39535.691330000001</v>
      </c>
      <c r="Q1644">
        <v>59801.266259999997</v>
      </c>
      <c r="R1644">
        <v>19260.83466</v>
      </c>
      <c r="S1644">
        <v>95499.411030000003</v>
      </c>
      <c r="T1644">
        <v>34081.636610000001</v>
      </c>
      <c r="U1644">
        <v>15591.447389999999</v>
      </c>
      <c r="W1644" s="83">
        <f>Bühler!N1676</f>
        <v>45360.416666662684</v>
      </c>
      <c r="X1644" s="83">
        <v>43169.416666666664</v>
      </c>
      <c r="Y1644">
        <v>190257.76360000001</v>
      </c>
      <c r="Z1644">
        <v>28955.722330000001</v>
      </c>
      <c r="AA1644">
        <v>88761.786389999994</v>
      </c>
      <c r="AB1644">
        <v>46804.32432</v>
      </c>
      <c r="AC1644">
        <v>40530.078070000003</v>
      </c>
      <c r="AD1644">
        <v>32629.402669999999</v>
      </c>
      <c r="AE1644">
        <v>39694.66012</v>
      </c>
      <c r="AF1644">
        <v>45492.893730000003</v>
      </c>
      <c r="AG1644">
        <v>30188.990839999999</v>
      </c>
      <c r="AH1644">
        <v>231531.1637</v>
      </c>
      <c r="AI1644">
        <v>82079.477719999995</v>
      </c>
      <c r="AJ1644">
        <v>23506.38221</v>
      </c>
      <c r="AK1644">
        <v>39535.691330000001</v>
      </c>
      <c r="AL1644">
        <v>59801.266259999997</v>
      </c>
      <c r="AM1644">
        <v>19260.83466</v>
      </c>
      <c r="AN1644">
        <v>95499.411030000003</v>
      </c>
      <c r="AO1644">
        <v>34081.636610000001</v>
      </c>
      <c r="AP1644">
        <v>15591.447389999999</v>
      </c>
    </row>
    <row r="1645" spans="2:42" x14ac:dyDescent="0.3">
      <c r="B1645">
        <v>45.174775481925884</v>
      </c>
      <c r="C1645" s="83">
        <v>43169.458333333336</v>
      </c>
      <c r="D1645">
        <v>185615.76420000001</v>
      </c>
      <c r="E1645">
        <v>28486.977279999999</v>
      </c>
      <c r="F1645">
        <v>88558.430670000002</v>
      </c>
      <c r="G1645">
        <v>45752.224179999997</v>
      </c>
      <c r="H1645">
        <v>40104.038500000002</v>
      </c>
      <c r="I1645">
        <v>31527.933249999998</v>
      </c>
      <c r="J1645">
        <v>38598.651810000003</v>
      </c>
      <c r="K1645">
        <v>45853.061840000002</v>
      </c>
      <c r="L1645">
        <v>31425.05256</v>
      </c>
      <c r="M1645">
        <v>230322.0723</v>
      </c>
      <c r="N1645">
        <v>80923.273830000006</v>
      </c>
      <c r="O1645">
        <v>22821.72422</v>
      </c>
      <c r="P1645">
        <v>37290.71789</v>
      </c>
      <c r="Q1645">
        <v>58799.568090000001</v>
      </c>
      <c r="R1645">
        <v>20868.734229999998</v>
      </c>
      <c r="S1645">
        <v>97500.473140000002</v>
      </c>
      <c r="T1645">
        <v>34171.005879999997</v>
      </c>
      <c r="U1645">
        <v>14838.632820000001</v>
      </c>
      <c r="W1645" s="83">
        <f>Bühler!N1677</f>
        <v>45360.458333329349</v>
      </c>
      <c r="X1645" s="83">
        <v>43169.458333333336</v>
      </c>
      <c r="Y1645">
        <v>185615.76420000001</v>
      </c>
      <c r="Z1645">
        <v>28486.977279999999</v>
      </c>
      <c r="AA1645">
        <v>88558.430670000002</v>
      </c>
      <c r="AB1645">
        <v>45752.224179999997</v>
      </c>
      <c r="AC1645">
        <v>40104.038500000002</v>
      </c>
      <c r="AD1645">
        <v>31527.933249999998</v>
      </c>
      <c r="AE1645">
        <v>38598.651810000003</v>
      </c>
      <c r="AF1645">
        <v>45853.061840000002</v>
      </c>
      <c r="AG1645">
        <v>31425.05256</v>
      </c>
      <c r="AH1645">
        <v>230322.0723</v>
      </c>
      <c r="AI1645">
        <v>80923.273830000006</v>
      </c>
      <c r="AJ1645">
        <v>22821.72422</v>
      </c>
      <c r="AK1645">
        <v>37290.71789</v>
      </c>
      <c r="AL1645">
        <v>58799.568090000001</v>
      </c>
      <c r="AM1645">
        <v>20868.734229999998</v>
      </c>
      <c r="AN1645">
        <v>97500.473140000002</v>
      </c>
      <c r="AO1645">
        <v>34171.005879999997</v>
      </c>
      <c r="AP1645">
        <v>14838.632820000001</v>
      </c>
    </row>
    <row r="1646" spans="2:42" x14ac:dyDescent="0.3">
      <c r="B1646">
        <v>44.236697091441599</v>
      </c>
      <c r="C1646" s="83">
        <v>43169.5</v>
      </c>
      <c r="D1646">
        <v>177005.21470000001</v>
      </c>
      <c r="E1646">
        <v>26603.191139999999</v>
      </c>
      <c r="F1646">
        <v>87438.481140000004</v>
      </c>
      <c r="G1646">
        <v>43692.929900000003</v>
      </c>
      <c r="H1646">
        <v>39040.790419999998</v>
      </c>
      <c r="I1646">
        <v>31601.74826</v>
      </c>
      <c r="J1646">
        <v>38036.053070000002</v>
      </c>
      <c r="K1646">
        <v>45600.154759999998</v>
      </c>
      <c r="L1646">
        <v>33924.632169999997</v>
      </c>
      <c r="M1646">
        <v>225539.3112</v>
      </c>
      <c r="N1646">
        <v>78669.113400000002</v>
      </c>
      <c r="O1646">
        <v>22477.276539999999</v>
      </c>
      <c r="P1646">
        <v>38088.646430000001</v>
      </c>
      <c r="Q1646">
        <v>56438.981449999999</v>
      </c>
      <c r="R1646">
        <v>19508.589459999999</v>
      </c>
      <c r="S1646">
        <v>92008.529599999994</v>
      </c>
      <c r="T1646">
        <v>33593.057760000003</v>
      </c>
      <c r="U1646">
        <v>13752.432629999999</v>
      </c>
      <c r="W1646" s="83">
        <f>Bühler!N1678</f>
        <v>45360.499999996013</v>
      </c>
      <c r="X1646" s="83">
        <v>43169.5</v>
      </c>
      <c r="Y1646">
        <v>177005.21470000001</v>
      </c>
      <c r="Z1646">
        <v>26603.191139999999</v>
      </c>
      <c r="AA1646">
        <v>87438.481140000004</v>
      </c>
      <c r="AB1646">
        <v>43692.929900000003</v>
      </c>
      <c r="AC1646">
        <v>39040.790419999998</v>
      </c>
      <c r="AD1646">
        <v>31601.74826</v>
      </c>
      <c r="AE1646">
        <v>38036.053070000002</v>
      </c>
      <c r="AF1646">
        <v>45600.154759999998</v>
      </c>
      <c r="AG1646">
        <v>33924.632169999997</v>
      </c>
      <c r="AH1646">
        <v>225539.3112</v>
      </c>
      <c r="AI1646">
        <v>78669.113400000002</v>
      </c>
      <c r="AJ1646">
        <v>22477.276539999999</v>
      </c>
      <c r="AK1646">
        <v>38088.646430000001</v>
      </c>
      <c r="AL1646">
        <v>56438.981449999999</v>
      </c>
      <c r="AM1646">
        <v>19508.589459999999</v>
      </c>
      <c r="AN1646">
        <v>92008.529599999994</v>
      </c>
      <c r="AO1646">
        <v>33593.057760000003</v>
      </c>
      <c r="AP1646">
        <v>13752.432629999999</v>
      </c>
    </row>
    <row r="1647" spans="2:42" x14ac:dyDescent="0.3">
      <c r="B1647">
        <v>43.604978887577843</v>
      </c>
      <c r="C1647" s="83">
        <v>43169.541666666664</v>
      </c>
      <c r="D1647">
        <v>173120.14369999999</v>
      </c>
      <c r="E1647">
        <v>25416.374220000002</v>
      </c>
      <c r="F1647">
        <v>85733.919720000005</v>
      </c>
      <c r="G1647">
        <v>42372.120540000004</v>
      </c>
      <c r="H1647">
        <v>38025.87081</v>
      </c>
      <c r="I1647">
        <v>31304.52103</v>
      </c>
      <c r="J1647">
        <v>37605.868920000001</v>
      </c>
      <c r="K1647">
        <v>47622.79711</v>
      </c>
      <c r="L1647">
        <v>33195.11088</v>
      </c>
      <c r="M1647">
        <v>222318.5172</v>
      </c>
      <c r="N1647">
        <v>77320.655859999999</v>
      </c>
      <c r="O1647">
        <v>22074.792850000002</v>
      </c>
      <c r="P1647">
        <v>36824.207110000003</v>
      </c>
      <c r="Q1647">
        <v>53823.538659999998</v>
      </c>
      <c r="R1647">
        <v>19270.044460000001</v>
      </c>
      <c r="S1647">
        <v>91465.27867</v>
      </c>
      <c r="T1647">
        <v>32048.719850000001</v>
      </c>
      <c r="U1647">
        <v>13323.66325</v>
      </c>
      <c r="W1647" s="83">
        <f>Bühler!N1679</f>
        <v>45360.541666662677</v>
      </c>
      <c r="X1647" s="83">
        <v>43169.541666666664</v>
      </c>
      <c r="Y1647">
        <v>173120.14369999999</v>
      </c>
      <c r="Z1647">
        <v>25416.374220000002</v>
      </c>
      <c r="AA1647">
        <v>85733.919720000005</v>
      </c>
      <c r="AB1647">
        <v>42372.120540000004</v>
      </c>
      <c r="AC1647">
        <v>38025.87081</v>
      </c>
      <c r="AD1647">
        <v>31304.52103</v>
      </c>
      <c r="AE1647">
        <v>37605.868920000001</v>
      </c>
      <c r="AF1647">
        <v>47622.79711</v>
      </c>
      <c r="AG1647">
        <v>33195.11088</v>
      </c>
      <c r="AH1647">
        <v>222318.5172</v>
      </c>
      <c r="AI1647">
        <v>77320.655859999999</v>
      </c>
      <c r="AJ1647">
        <v>22074.792850000002</v>
      </c>
      <c r="AK1647">
        <v>36824.207110000003</v>
      </c>
      <c r="AL1647">
        <v>53823.538659999998</v>
      </c>
      <c r="AM1647">
        <v>19270.044460000001</v>
      </c>
      <c r="AN1647">
        <v>91465.27867</v>
      </c>
      <c r="AO1647">
        <v>32048.719850000001</v>
      </c>
      <c r="AP1647">
        <v>13323.66325</v>
      </c>
    </row>
    <row r="1648" spans="2:42" x14ac:dyDescent="0.3">
      <c r="B1648">
        <v>43.713945694993676</v>
      </c>
      <c r="C1648" s="83">
        <v>43169.583333333336</v>
      </c>
      <c r="D1648">
        <v>172716.2383</v>
      </c>
      <c r="E1648">
        <v>25624.97969</v>
      </c>
      <c r="F1648">
        <v>85955.278279999999</v>
      </c>
      <c r="G1648">
        <v>41036.630559999998</v>
      </c>
      <c r="H1648">
        <v>37911.421199999997</v>
      </c>
      <c r="I1648">
        <v>31210.140090000001</v>
      </c>
      <c r="J1648">
        <v>36672.497150000003</v>
      </c>
      <c r="K1648">
        <v>47234.751920000002</v>
      </c>
      <c r="L1648">
        <v>30129.901160000001</v>
      </c>
      <c r="M1648">
        <v>222874.0808</v>
      </c>
      <c r="N1648">
        <v>77186.247109999997</v>
      </c>
      <c r="O1648">
        <v>20564.41171</v>
      </c>
      <c r="P1648">
        <v>32991.723120000002</v>
      </c>
      <c r="Q1648">
        <v>53473.37139</v>
      </c>
      <c r="R1648">
        <v>19032.943569999999</v>
      </c>
      <c r="S1648">
        <v>88250.171010000005</v>
      </c>
      <c r="T1648">
        <v>32102.55083</v>
      </c>
      <c r="U1648">
        <v>13352.3045</v>
      </c>
      <c r="W1648" s="83">
        <f>Bühler!N1680</f>
        <v>45360.583333329341</v>
      </c>
      <c r="X1648" s="83">
        <v>43169.583333333336</v>
      </c>
      <c r="Y1648">
        <v>172716.2383</v>
      </c>
      <c r="Z1648">
        <v>25624.97969</v>
      </c>
      <c r="AA1648">
        <v>85955.278279999999</v>
      </c>
      <c r="AB1648">
        <v>41036.630559999998</v>
      </c>
      <c r="AC1648">
        <v>37911.421199999997</v>
      </c>
      <c r="AD1648">
        <v>31210.140090000001</v>
      </c>
      <c r="AE1648">
        <v>36672.497150000003</v>
      </c>
      <c r="AF1648">
        <v>47234.751920000002</v>
      </c>
      <c r="AG1648">
        <v>30129.901160000001</v>
      </c>
      <c r="AH1648">
        <v>222874.0808</v>
      </c>
      <c r="AI1648">
        <v>77186.247109999997</v>
      </c>
      <c r="AJ1648">
        <v>20564.41171</v>
      </c>
      <c r="AK1648">
        <v>32991.723120000002</v>
      </c>
      <c r="AL1648">
        <v>53473.37139</v>
      </c>
      <c r="AM1648">
        <v>19032.943569999999</v>
      </c>
      <c r="AN1648">
        <v>88250.171010000005</v>
      </c>
      <c r="AO1648">
        <v>32102.55083</v>
      </c>
      <c r="AP1648">
        <v>13352.3045</v>
      </c>
    </row>
    <row r="1649" spans="2:42" x14ac:dyDescent="0.3">
      <c r="B1649">
        <v>43.2538117365335</v>
      </c>
      <c r="C1649" s="83">
        <v>43169.625</v>
      </c>
      <c r="D1649">
        <v>171910.93369999999</v>
      </c>
      <c r="E1649">
        <v>25403.243439999998</v>
      </c>
      <c r="F1649">
        <v>86132.760550000006</v>
      </c>
      <c r="G1649">
        <v>40227.541700000002</v>
      </c>
      <c r="H1649">
        <v>37604.540370000002</v>
      </c>
      <c r="I1649">
        <v>31085.08095</v>
      </c>
      <c r="J1649">
        <v>36473.404699999999</v>
      </c>
      <c r="K1649">
        <v>46528.195379999997</v>
      </c>
      <c r="L1649">
        <v>27774.00203</v>
      </c>
      <c r="M1649">
        <v>220528.10329999999</v>
      </c>
      <c r="N1649">
        <v>75817.664109999998</v>
      </c>
      <c r="O1649">
        <v>21309.004270000001</v>
      </c>
      <c r="P1649">
        <v>32318.075049999999</v>
      </c>
      <c r="Q1649">
        <v>52615.750999999997</v>
      </c>
      <c r="R1649">
        <v>19049.604660000001</v>
      </c>
      <c r="S1649">
        <v>87289.572020000007</v>
      </c>
      <c r="T1649">
        <v>32489.249599999999</v>
      </c>
      <c r="U1649">
        <v>13696.08509</v>
      </c>
      <c r="W1649" s="83">
        <f>Bühler!N1681</f>
        <v>45360.624999996005</v>
      </c>
      <c r="X1649" s="83">
        <v>43169.625</v>
      </c>
      <c r="Y1649">
        <v>171910.93369999999</v>
      </c>
      <c r="Z1649">
        <v>25403.243439999998</v>
      </c>
      <c r="AA1649">
        <v>86132.760550000006</v>
      </c>
      <c r="AB1649">
        <v>40227.541700000002</v>
      </c>
      <c r="AC1649">
        <v>37604.540370000002</v>
      </c>
      <c r="AD1649">
        <v>31085.08095</v>
      </c>
      <c r="AE1649">
        <v>36473.404699999999</v>
      </c>
      <c r="AF1649">
        <v>46528.195379999997</v>
      </c>
      <c r="AG1649">
        <v>27774.00203</v>
      </c>
      <c r="AH1649">
        <v>220528.10329999999</v>
      </c>
      <c r="AI1649">
        <v>75817.664109999998</v>
      </c>
      <c r="AJ1649">
        <v>21309.004270000001</v>
      </c>
      <c r="AK1649">
        <v>32318.075049999999</v>
      </c>
      <c r="AL1649">
        <v>52615.750999999997</v>
      </c>
      <c r="AM1649">
        <v>19049.604660000001</v>
      </c>
      <c r="AN1649">
        <v>87289.572020000007</v>
      </c>
      <c r="AO1649">
        <v>32489.249599999999</v>
      </c>
      <c r="AP1649">
        <v>13696.08509</v>
      </c>
    </row>
    <row r="1650" spans="2:42" x14ac:dyDescent="0.3">
      <c r="B1650">
        <v>42.417236967979868</v>
      </c>
      <c r="C1650" s="83">
        <v>43169.666666666664</v>
      </c>
      <c r="D1650">
        <v>170173.70060000001</v>
      </c>
      <c r="E1650">
        <v>25244.41865</v>
      </c>
      <c r="F1650">
        <v>84742.577900000004</v>
      </c>
      <c r="G1650">
        <v>39459.479720000003</v>
      </c>
      <c r="H1650">
        <v>37460.748449999999</v>
      </c>
      <c r="I1650">
        <v>31785.013790000001</v>
      </c>
      <c r="J1650">
        <v>35726.097280000002</v>
      </c>
      <c r="K1650">
        <v>44476.03398</v>
      </c>
      <c r="L1650">
        <v>26627.844710000001</v>
      </c>
      <c r="M1650">
        <v>216262.85500000001</v>
      </c>
      <c r="N1650">
        <v>73678.720140000005</v>
      </c>
      <c r="O1650">
        <v>21198.592929999999</v>
      </c>
      <c r="P1650">
        <v>31920.03429</v>
      </c>
      <c r="Q1650">
        <v>51999.449079999999</v>
      </c>
      <c r="R1650">
        <v>18837.515520000001</v>
      </c>
      <c r="S1650">
        <v>87355.283819999997</v>
      </c>
      <c r="T1650">
        <v>32641.954860000002</v>
      </c>
      <c r="U1650">
        <v>13473.88423</v>
      </c>
      <c r="W1650" s="83">
        <f>Bühler!N1682</f>
        <v>45360.66666666267</v>
      </c>
      <c r="X1650" s="83">
        <v>43169.666666666664</v>
      </c>
      <c r="Y1650">
        <v>170173.70060000001</v>
      </c>
      <c r="Z1650">
        <v>25244.41865</v>
      </c>
      <c r="AA1650">
        <v>84742.577900000004</v>
      </c>
      <c r="AB1650">
        <v>39459.479720000003</v>
      </c>
      <c r="AC1650">
        <v>37460.748449999999</v>
      </c>
      <c r="AD1650">
        <v>31785.013790000001</v>
      </c>
      <c r="AE1650">
        <v>35726.097280000002</v>
      </c>
      <c r="AF1650">
        <v>44476.03398</v>
      </c>
      <c r="AG1650">
        <v>26627.844710000001</v>
      </c>
      <c r="AH1650">
        <v>216262.85500000001</v>
      </c>
      <c r="AI1650">
        <v>73678.720140000005</v>
      </c>
      <c r="AJ1650">
        <v>21198.592929999999</v>
      </c>
      <c r="AK1650">
        <v>31920.03429</v>
      </c>
      <c r="AL1650">
        <v>51999.449079999999</v>
      </c>
      <c r="AM1650">
        <v>18837.515520000001</v>
      </c>
      <c r="AN1650">
        <v>87355.283819999997</v>
      </c>
      <c r="AO1650">
        <v>32641.954860000002</v>
      </c>
      <c r="AP1650">
        <v>13473.88423</v>
      </c>
    </row>
    <row r="1651" spans="2:42" x14ac:dyDescent="0.3">
      <c r="B1651">
        <v>42.430537575545316</v>
      </c>
      <c r="C1651" s="83">
        <v>43169.708333333336</v>
      </c>
      <c r="D1651">
        <v>168803.5852</v>
      </c>
      <c r="E1651">
        <v>24861.193569999999</v>
      </c>
      <c r="F1651">
        <v>84616.064490000004</v>
      </c>
      <c r="G1651">
        <v>39222.38564</v>
      </c>
      <c r="H1651">
        <v>37105.240169999997</v>
      </c>
      <c r="I1651">
        <v>32467.986560000001</v>
      </c>
      <c r="J1651">
        <v>35906.307480000003</v>
      </c>
      <c r="K1651">
        <v>44003.79307</v>
      </c>
      <c r="L1651">
        <v>26066.86851</v>
      </c>
      <c r="M1651">
        <v>216330.66769999999</v>
      </c>
      <c r="N1651">
        <v>70270.899040000004</v>
      </c>
      <c r="O1651">
        <v>21372.570390000001</v>
      </c>
      <c r="P1651">
        <v>35581.988069999999</v>
      </c>
      <c r="Q1651">
        <v>50805.936410000002</v>
      </c>
      <c r="R1651">
        <v>20623.023829999998</v>
      </c>
      <c r="S1651">
        <v>90125.690239999996</v>
      </c>
      <c r="T1651">
        <v>32535.768520000001</v>
      </c>
      <c r="U1651">
        <v>13622.028</v>
      </c>
      <c r="W1651" s="83">
        <f>Bühler!N1683</f>
        <v>45360.708333329334</v>
      </c>
      <c r="X1651" s="83">
        <v>43169.708333333336</v>
      </c>
      <c r="Y1651">
        <v>168803.5852</v>
      </c>
      <c r="Z1651">
        <v>24861.193569999999</v>
      </c>
      <c r="AA1651">
        <v>84616.064490000004</v>
      </c>
      <c r="AB1651">
        <v>39222.38564</v>
      </c>
      <c r="AC1651">
        <v>37105.240169999997</v>
      </c>
      <c r="AD1651">
        <v>32467.986560000001</v>
      </c>
      <c r="AE1651">
        <v>35906.307480000003</v>
      </c>
      <c r="AF1651">
        <v>44003.79307</v>
      </c>
      <c r="AG1651">
        <v>26066.86851</v>
      </c>
      <c r="AH1651">
        <v>216330.66769999999</v>
      </c>
      <c r="AI1651">
        <v>70270.899040000004</v>
      </c>
      <c r="AJ1651">
        <v>21372.570390000001</v>
      </c>
      <c r="AK1651">
        <v>35581.988069999999</v>
      </c>
      <c r="AL1651">
        <v>50805.936410000002</v>
      </c>
      <c r="AM1651">
        <v>20623.023829999998</v>
      </c>
      <c r="AN1651">
        <v>90125.690239999996</v>
      </c>
      <c r="AO1651">
        <v>32535.768520000001</v>
      </c>
      <c r="AP1651">
        <v>13622.028</v>
      </c>
    </row>
    <row r="1652" spans="2:42" x14ac:dyDescent="0.3">
      <c r="B1652">
        <v>42.222997262629541</v>
      </c>
      <c r="C1652" s="83">
        <v>43169.75</v>
      </c>
      <c r="D1652">
        <v>169770.48809999999</v>
      </c>
      <c r="E1652">
        <v>24403.104510000001</v>
      </c>
      <c r="F1652">
        <v>84184.539539999998</v>
      </c>
      <c r="G1652">
        <v>39475.990729999998</v>
      </c>
      <c r="H1652">
        <v>37714.860990000001</v>
      </c>
      <c r="I1652">
        <v>33044.229050000002</v>
      </c>
      <c r="J1652">
        <v>37642.683620000003</v>
      </c>
      <c r="K1652">
        <v>44254.755830000002</v>
      </c>
      <c r="L1652">
        <v>29617.656080000001</v>
      </c>
      <c r="M1652">
        <v>215272.53039999999</v>
      </c>
      <c r="N1652">
        <v>70490.089250000005</v>
      </c>
      <c r="O1652">
        <v>21515.222320000001</v>
      </c>
      <c r="P1652">
        <v>37898.968979999998</v>
      </c>
      <c r="Q1652">
        <v>49895.150569999998</v>
      </c>
      <c r="R1652">
        <v>19760.061300000001</v>
      </c>
      <c r="S1652">
        <v>89163.168489999996</v>
      </c>
      <c r="T1652">
        <v>32945.81611</v>
      </c>
      <c r="U1652">
        <v>14384.278979999999</v>
      </c>
      <c r="W1652" s="83">
        <f>Bühler!N1684</f>
        <v>45360.749999995998</v>
      </c>
      <c r="X1652" s="83">
        <v>43169.75</v>
      </c>
      <c r="Y1652">
        <v>169770.48809999999</v>
      </c>
      <c r="Z1652">
        <v>24403.104510000001</v>
      </c>
      <c r="AA1652">
        <v>84184.539539999998</v>
      </c>
      <c r="AB1652">
        <v>39475.990729999998</v>
      </c>
      <c r="AC1652">
        <v>37714.860990000001</v>
      </c>
      <c r="AD1652">
        <v>33044.229050000002</v>
      </c>
      <c r="AE1652">
        <v>37642.683620000003</v>
      </c>
      <c r="AF1652">
        <v>44254.755830000002</v>
      </c>
      <c r="AG1652">
        <v>29617.656080000001</v>
      </c>
      <c r="AH1652">
        <v>215272.53039999999</v>
      </c>
      <c r="AI1652">
        <v>70490.089250000005</v>
      </c>
      <c r="AJ1652">
        <v>21515.222320000001</v>
      </c>
      <c r="AK1652">
        <v>37898.968979999998</v>
      </c>
      <c r="AL1652">
        <v>49895.150569999998</v>
      </c>
      <c r="AM1652">
        <v>19760.061300000001</v>
      </c>
      <c r="AN1652">
        <v>89163.168489999996</v>
      </c>
      <c r="AO1652">
        <v>32945.81611</v>
      </c>
      <c r="AP1652">
        <v>14384.278979999999</v>
      </c>
    </row>
    <row r="1653" spans="2:42" x14ac:dyDescent="0.3">
      <c r="B1653">
        <v>41.496551631416573</v>
      </c>
      <c r="C1653" s="83">
        <v>43169.791666666664</v>
      </c>
      <c r="D1653">
        <v>171237.9504</v>
      </c>
      <c r="E1653">
        <v>21928.55572</v>
      </c>
      <c r="F1653">
        <v>74385.011620000005</v>
      </c>
      <c r="G1653">
        <v>41087.25851</v>
      </c>
      <c r="H1653">
        <v>39614.699189999999</v>
      </c>
      <c r="I1653">
        <v>33620.691989999999</v>
      </c>
      <c r="J1653">
        <v>40212.847679999999</v>
      </c>
      <c r="K1653">
        <v>45271.392220000002</v>
      </c>
      <c r="L1653">
        <v>32725.616480000001</v>
      </c>
      <c r="M1653">
        <v>211568.77179999999</v>
      </c>
      <c r="N1653">
        <v>72091.430770000006</v>
      </c>
      <c r="O1653">
        <v>22442.523120000002</v>
      </c>
      <c r="P1653">
        <v>41911.23386</v>
      </c>
      <c r="Q1653">
        <v>48950.163289999997</v>
      </c>
      <c r="R1653">
        <v>20105.48991</v>
      </c>
      <c r="S1653">
        <v>90709.249450000003</v>
      </c>
      <c r="T1653">
        <v>32739.2749</v>
      </c>
      <c r="U1653">
        <v>15309.34888</v>
      </c>
      <c r="W1653" s="83">
        <f>Bühler!N1685</f>
        <v>45360.791666662662</v>
      </c>
      <c r="X1653" s="83">
        <v>43169.791666666664</v>
      </c>
      <c r="Y1653">
        <v>171237.9504</v>
      </c>
      <c r="Z1653">
        <v>21928.55572</v>
      </c>
      <c r="AA1653">
        <v>74385.011620000005</v>
      </c>
      <c r="AB1653">
        <v>41087.25851</v>
      </c>
      <c r="AC1653">
        <v>39614.699189999999</v>
      </c>
      <c r="AD1653">
        <v>33620.691989999999</v>
      </c>
      <c r="AE1653">
        <v>40212.847679999999</v>
      </c>
      <c r="AF1653">
        <v>45271.392220000002</v>
      </c>
      <c r="AG1653">
        <v>32725.616480000001</v>
      </c>
      <c r="AH1653">
        <v>211568.77179999999</v>
      </c>
      <c r="AI1653">
        <v>72091.430770000006</v>
      </c>
      <c r="AJ1653">
        <v>22442.523120000002</v>
      </c>
      <c r="AK1653">
        <v>41911.23386</v>
      </c>
      <c r="AL1653">
        <v>48950.163289999997</v>
      </c>
      <c r="AM1653">
        <v>20105.48991</v>
      </c>
      <c r="AN1653">
        <v>90709.249450000003</v>
      </c>
      <c r="AO1653">
        <v>32739.2749</v>
      </c>
      <c r="AP1653">
        <v>15309.34888</v>
      </c>
    </row>
    <row r="1654" spans="2:42" x14ac:dyDescent="0.3">
      <c r="B1654">
        <v>41.311446771111072</v>
      </c>
      <c r="C1654" s="83">
        <v>43169.833333333336</v>
      </c>
      <c r="D1654">
        <v>171199.37719999999</v>
      </c>
      <c r="E1654">
        <v>17060.857629999999</v>
      </c>
      <c r="F1654">
        <v>55771.27074</v>
      </c>
      <c r="G1654">
        <v>41069.764600000002</v>
      </c>
      <c r="H1654">
        <v>38520.309910000004</v>
      </c>
      <c r="I1654">
        <v>31794.733459999999</v>
      </c>
      <c r="J1654">
        <v>38945.14516</v>
      </c>
      <c r="K1654">
        <v>45563.716370000002</v>
      </c>
      <c r="L1654">
        <v>31153.004970000002</v>
      </c>
      <c r="M1654">
        <v>210625.0209</v>
      </c>
      <c r="N1654">
        <v>71227.421799999996</v>
      </c>
      <c r="O1654">
        <v>22178.061870000001</v>
      </c>
      <c r="P1654">
        <v>40966.098319999997</v>
      </c>
      <c r="Q1654">
        <v>47739.984409999997</v>
      </c>
      <c r="R1654">
        <v>19777.303199999998</v>
      </c>
      <c r="S1654">
        <v>85452.588359999994</v>
      </c>
      <c r="T1654">
        <v>29817.768940000002</v>
      </c>
      <c r="U1654">
        <v>15296.34851</v>
      </c>
      <c r="W1654" s="83">
        <f>Bühler!N1686</f>
        <v>45360.833333329327</v>
      </c>
      <c r="X1654" s="83">
        <v>43169.833333333336</v>
      </c>
      <c r="Y1654">
        <v>171199.37719999999</v>
      </c>
      <c r="Z1654">
        <v>17060.857629999999</v>
      </c>
      <c r="AA1654">
        <v>55771.27074</v>
      </c>
      <c r="AB1654">
        <v>41069.764600000002</v>
      </c>
      <c r="AC1654">
        <v>38520.309910000004</v>
      </c>
      <c r="AD1654">
        <v>31794.733459999999</v>
      </c>
      <c r="AE1654">
        <v>38945.14516</v>
      </c>
      <c r="AF1654">
        <v>45563.716370000002</v>
      </c>
      <c r="AG1654">
        <v>31153.004970000002</v>
      </c>
      <c r="AH1654">
        <v>210625.0209</v>
      </c>
      <c r="AI1654">
        <v>71227.421799999996</v>
      </c>
      <c r="AJ1654">
        <v>22178.061870000001</v>
      </c>
      <c r="AK1654">
        <v>40966.098319999997</v>
      </c>
      <c r="AL1654">
        <v>47739.984409999997</v>
      </c>
      <c r="AM1654">
        <v>19777.303199999998</v>
      </c>
      <c r="AN1654">
        <v>85452.588359999994</v>
      </c>
      <c r="AO1654">
        <v>29817.768940000002</v>
      </c>
      <c r="AP1654">
        <v>15296.34851</v>
      </c>
    </row>
    <row r="1655" spans="2:42" x14ac:dyDescent="0.3">
      <c r="B1655">
        <v>41.333427302604989</v>
      </c>
      <c r="C1655" s="83">
        <v>43169.875</v>
      </c>
      <c r="D1655">
        <v>171201.87059999999</v>
      </c>
      <c r="E1655">
        <v>15417.949919999999</v>
      </c>
      <c r="F1655">
        <v>47909.98027</v>
      </c>
      <c r="G1655">
        <v>41047.217859999997</v>
      </c>
      <c r="H1655">
        <v>37614.399140000001</v>
      </c>
      <c r="I1655">
        <v>28276.86346</v>
      </c>
      <c r="J1655">
        <v>37769.331489999997</v>
      </c>
      <c r="K1655">
        <v>44958.226949999997</v>
      </c>
      <c r="L1655">
        <v>29612.05861</v>
      </c>
      <c r="M1655">
        <v>210737.08790000001</v>
      </c>
      <c r="N1655">
        <v>69945.246660000004</v>
      </c>
      <c r="O1655">
        <v>22262.68648</v>
      </c>
      <c r="P1655">
        <v>39702.623350000002</v>
      </c>
      <c r="Q1655">
        <v>47283.711459999999</v>
      </c>
      <c r="R1655">
        <v>19173.19527</v>
      </c>
      <c r="S1655">
        <v>82324.206279999999</v>
      </c>
      <c r="T1655">
        <v>28201.303759999999</v>
      </c>
      <c r="U1655">
        <v>15330.22105</v>
      </c>
      <c r="W1655" s="83">
        <f>Bühler!N1687</f>
        <v>45360.874999995991</v>
      </c>
      <c r="X1655" s="83">
        <v>43169.875</v>
      </c>
      <c r="Y1655">
        <v>171201.87059999999</v>
      </c>
      <c r="Z1655">
        <v>15417.949919999999</v>
      </c>
      <c r="AA1655">
        <v>47909.98027</v>
      </c>
      <c r="AB1655">
        <v>41047.217859999997</v>
      </c>
      <c r="AC1655">
        <v>37614.399140000001</v>
      </c>
      <c r="AD1655">
        <v>28276.86346</v>
      </c>
      <c r="AE1655">
        <v>37769.331489999997</v>
      </c>
      <c r="AF1655">
        <v>44958.226949999997</v>
      </c>
      <c r="AG1655">
        <v>29612.05861</v>
      </c>
      <c r="AH1655">
        <v>210737.08790000001</v>
      </c>
      <c r="AI1655">
        <v>69945.246660000004</v>
      </c>
      <c r="AJ1655">
        <v>22262.68648</v>
      </c>
      <c r="AK1655">
        <v>39702.623350000002</v>
      </c>
      <c r="AL1655">
        <v>47283.711459999999</v>
      </c>
      <c r="AM1655">
        <v>19173.19527</v>
      </c>
      <c r="AN1655">
        <v>82324.206279999999</v>
      </c>
      <c r="AO1655">
        <v>28201.303759999999</v>
      </c>
      <c r="AP1655">
        <v>15330.22105</v>
      </c>
    </row>
    <row r="1656" spans="2:42" x14ac:dyDescent="0.3">
      <c r="B1656">
        <v>41.117911610962985</v>
      </c>
      <c r="C1656" s="83">
        <v>43169.916666666664</v>
      </c>
      <c r="D1656">
        <v>171539.66149999999</v>
      </c>
      <c r="E1656">
        <v>15509.120559999999</v>
      </c>
      <c r="F1656">
        <v>45945.887669999996</v>
      </c>
      <c r="G1656">
        <v>41445.692080000001</v>
      </c>
      <c r="H1656">
        <v>38454.406660000001</v>
      </c>
      <c r="I1656">
        <v>28059.892019999999</v>
      </c>
      <c r="J1656">
        <v>37314.697440000004</v>
      </c>
      <c r="K1656">
        <v>50939.33352</v>
      </c>
      <c r="L1656">
        <v>27349.583419999999</v>
      </c>
      <c r="M1656">
        <v>209638.28839999999</v>
      </c>
      <c r="N1656">
        <v>71129.88493</v>
      </c>
      <c r="O1656">
        <v>23506.386149999998</v>
      </c>
      <c r="P1656">
        <v>42550.169459999997</v>
      </c>
      <c r="Q1656">
        <v>47322.174379999997</v>
      </c>
      <c r="R1656">
        <v>26817.63421</v>
      </c>
      <c r="S1656">
        <v>82902.956609999994</v>
      </c>
      <c r="T1656">
        <v>27439.917310000001</v>
      </c>
      <c r="U1656">
        <v>16441.066849999999</v>
      </c>
      <c r="W1656" s="83">
        <f>Bühler!N1688</f>
        <v>45360.916666662655</v>
      </c>
      <c r="X1656" s="83">
        <v>43169.916666666664</v>
      </c>
      <c r="Y1656">
        <v>171539.66149999999</v>
      </c>
      <c r="Z1656">
        <v>15509.120559999999</v>
      </c>
      <c r="AA1656">
        <v>45945.887669999996</v>
      </c>
      <c r="AB1656">
        <v>41445.692080000001</v>
      </c>
      <c r="AC1656">
        <v>38454.406660000001</v>
      </c>
      <c r="AD1656">
        <v>28059.892019999999</v>
      </c>
      <c r="AE1656">
        <v>37314.697440000004</v>
      </c>
      <c r="AF1656">
        <v>50939.33352</v>
      </c>
      <c r="AG1656">
        <v>27349.583419999999</v>
      </c>
      <c r="AH1656">
        <v>209638.28839999999</v>
      </c>
      <c r="AI1656">
        <v>71129.88493</v>
      </c>
      <c r="AJ1656">
        <v>23506.386149999998</v>
      </c>
      <c r="AK1656">
        <v>42550.169459999997</v>
      </c>
      <c r="AL1656">
        <v>47322.174379999997</v>
      </c>
      <c r="AM1656">
        <v>26817.63421</v>
      </c>
      <c r="AN1656">
        <v>82902.956609999994</v>
      </c>
      <c r="AO1656">
        <v>27439.917310000001</v>
      </c>
      <c r="AP1656">
        <v>16441.066849999999</v>
      </c>
    </row>
    <row r="1657" spans="2:42" x14ac:dyDescent="0.3">
      <c r="B1657">
        <v>40.941899406544714</v>
      </c>
      <c r="C1657" s="83">
        <v>43169.958333333336</v>
      </c>
      <c r="D1657">
        <v>170834.20790000001</v>
      </c>
      <c r="E1657">
        <v>15419.50093</v>
      </c>
      <c r="F1657">
        <v>44720.308089999999</v>
      </c>
      <c r="G1657">
        <v>41402.072780000002</v>
      </c>
      <c r="H1657">
        <v>38098.843999999997</v>
      </c>
      <c r="I1657">
        <v>27020.253980000001</v>
      </c>
      <c r="J1657">
        <v>35237.381110000002</v>
      </c>
      <c r="K1657">
        <v>50456.760560000002</v>
      </c>
      <c r="L1657">
        <v>23612.326830000002</v>
      </c>
      <c r="M1657">
        <v>208740.89610000001</v>
      </c>
      <c r="N1657">
        <v>70299.901110000006</v>
      </c>
      <c r="O1657">
        <v>23581.966369999998</v>
      </c>
      <c r="P1657">
        <v>37896.107739999999</v>
      </c>
      <c r="Q1657">
        <v>47122.771130000001</v>
      </c>
      <c r="R1657">
        <v>28807.035899999999</v>
      </c>
      <c r="S1657">
        <v>81152.151530000003</v>
      </c>
      <c r="T1657">
        <v>29727.466779999999</v>
      </c>
      <c r="U1657">
        <v>15822.409600000001</v>
      </c>
      <c r="W1657" s="83">
        <f>Bühler!N1689</f>
        <v>45360.958333329319</v>
      </c>
      <c r="X1657" s="83">
        <v>43169.958333333336</v>
      </c>
      <c r="Y1657">
        <v>170834.20790000001</v>
      </c>
      <c r="Z1657">
        <v>15419.50093</v>
      </c>
      <c r="AA1657">
        <v>44720.308089999999</v>
      </c>
      <c r="AB1657">
        <v>41402.072780000002</v>
      </c>
      <c r="AC1657">
        <v>38098.843999999997</v>
      </c>
      <c r="AD1657">
        <v>27020.253980000001</v>
      </c>
      <c r="AE1657">
        <v>35237.381110000002</v>
      </c>
      <c r="AF1657">
        <v>50456.760560000002</v>
      </c>
      <c r="AG1657">
        <v>23612.326830000002</v>
      </c>
      <c r="AH1657">
        <v>208740.89610000001</v>
      </c>
      <c r="AI1657">
        <v>70299.901110000006</v>
      </c>
      <c r="AJ1657">
        <v>23581.966369999998</v>
      </c>
      <c r="AK1657">
        <v>37896.107739999999</v>
      </c>
      <c r="AL1657">
        <v>47122.771130000001</v>
      </c>
      <c r="AM1657">
        <v>28807.035899999999</v>
      </c>
      <c r="AN1657">
        <v>81152.151530000003</v>
      </c>
      <c r="AO1657">
        <v>29727.466779999999</v>
      </c>
      <c r="AP1657">
        <v>15822.409600000001</v>
      </c>
    </row>
    <row r="1658" spans="2:42" x14ac:dyDescent="0.3">
      <c r="B1658">
        <v>40.995258432917268</v>
      </c>
      <c r="C1658" s="83">
        <v>43170</v>
      </c>
      <c r="D1658">
        <v>170678.08309999999</v>
      </c>
      <c r="E1658">
        <v>15042.844429999999</v>
      </c>
      <c r="F1658">
        <v>44119.712780000002</v>
      </c>
      <c r="G1658">
        <v>41872.857580000004</v>
      </c>
      <c r="H1658">
        <v>37939.852449999998</v>
      </c>
      <c r="I1658">
        <v>24718.312809999999</v>
      </c>
      <c r="J1658">
        <v>33476.317450000002</v>
      </c>
      <c r="K1658">
        <v>49266.377489999999</v>
      </c>
      <c r="L1658">
        <v>20743.292969999999</v>
      </c>
      <c r="M1658">
        <v>209012.94529999999</v>
      </c>
      <c r="N1658">
        <v>70182.677490000002</v>
      </c>
      <c r="O1658">
        <v>23651.537629999999</v>
      </c>
      <c r="P1658">
        <v>36357.894269999997</v>
      </c>
      <c r="Q1658">
        <v>47648.633900000001</v>
      </c>
      <c r="R1658">
        <v>25433.150079999999</v>
      </c>
      <c r="S1658">
        <v>80957.142189999999</v>
      </c>
      <c r="T1658">
        <v>28191.704549999999</v>
      </c>
      <c r="U1658">
        <v>15728.79479</v>
      </c>
      <c r="W1658" s="83">
        <f>Bühler!N1690</f>
        <v>45360.999999995984</v>
      </c>
      <c r="X1658" s="83">
        <v>43170</v>
      </c>
      <c r="Y1658">
        <v>170678.08309999999</v>
      </c>
      <c r="Z1658">
        <v>15042.844429999999</v>
      </c>
      <c r="AA1658">
        <v>44119.712780000002</v>
      </c>
      <c r="AB1658">
        <v>41872.857580000004</v>
      </c>
      <c r="AC1658">
        <v>37939.852449999998</v>
      </c>
      <c r="AD1658">
        <v>24718.312809999999</v>
      </c>
      <c r="AE1658">
        <v>33476.317450000002</v>
      </c>
      <c r="AF1658">
        <v>49266.377489999999</v>
      </c>
      <c r="AG1658">
        <v>20743.292969999999</v>
      </c>
      <c r="AH1658">
        <v>209012.94529999999</v>
      </c>
      <c r="AI1658">
        <v>70182.677490000002</v>
      </c>
      <c r="AJ1658">
        <v>23651.537629999999</v>
      </c>
      <c r="AK1658">
        <v>36357.894269999997</v>
      </c>
      <c r="AL1658">
        <v>47648.633900000001</v>
      </c>
      <c r="AM1658">
        <v>25433.150079999999</v>
      </c>
      <c r="AN1658">
        <v>80957.142189999999</v>
      </c>
      <c r="AO1658">
        <v>28191.704549999999</v>
      </c>
      <c r="AP1658">
        <v>15728.79479</v>
      </c>
    </row>
    <row r="1659" spans="2:42" x14ac:dyDescent="0.3">
      <c r="B1659">
        <v>41.05528303237017</v>
      </c>
      <c r="C1659" s="83">
        <v>43170.041666666664</v>
      </c>
      <c r="D1659">
        <v>170914.05470000001</v>
      </c>
      <c r="E1659">
        <v>15259.651320000001</v>
      </c>
      <c r="F1659">
        <v>44222.45407</v>
      </c>
      <c r="G1659">
        <v>41472.393060000002</v>
      </c>
      <c r="H1659">
        <v>37394.062059999997</v>
      </c>
      <c r="I1659">
        <v>21641.082829999999</v>
      </c>
      <c r="J1659">
        <v>32794.623820000001</v>
      </c>
      <c r="K1659">
        <v>47318.668850000002</v>
      </c>
      <c r="L1659">
        <v>19186.851119999999</v>
      </c>
      <c r="M1659">
        <v>209318.97870000001</v>
      </c>
      <c r="N1659">
        <v>69210.556570000001</v>
      </c>
      <c r="O1659">
        <v>23323.08066</v>
      </c>
      <c r="P1659">
        <v>34334.135479999997</v>
      </c>
      <c r="Q1659">
        <v>48309.432439999997</v>
      </c>
      <c r="R1659">
        <v>24031.42714</v>
      </c>
      <c r="S1659">
        <v>79984.533779999998</v>
      </c>
      <c r="T1659">
        <v>27309.811280000002</v>
      </c>
      <c r="U1659">
        <v>16418.84433</v>
      </c>
      <c r="W1659" s="83">
        <f>Bühler!N1691</f>
        <v>45361.041666662648</v>
      </c>
      <c r="X1659" s="83">
        <v>43170.041666666664</v>
      </c>
      <c r="Y1659">
        <v>170914.05470000001</v>
      </c>
      <c r="Z1659">
        <v>15259.651320000001</v>
      </c>
      <c r="AA1659">
        <v>44222.45407</v>
      </c>
      <c r="AB1659">
        <v>41472.393060000002</v>
      </c>
      <c r="AC1659">
        <v>37394.062059999997</v>
      </c>
      <c r="AD1659">
        <v>21641.082829999999</v>
      </c>
      <c r="AE1659">
        <v>32794.623820000001</v>
      </c>
      <c r="AF1659">
        <v>47318.668850000002</v>
      </c>
      <c r="AG1659">
        <v>19186.851119999999</v>
      </c>
      <c r="AH1659">
        <v>209318.97870000001</v>
      </c>
      <c r="AI1659">
        <v>69210.556570000001</v>
      </c>
      <c r="AJ1659">
        <v>23323.08066</v>
      </c>
      <c r="AK1659">
        <v>34334.135479999997</v>
      </c>
      <c r="AL1659">
        <v>48309.432439999997</v>
      </c>
      <c r="AM1659">
        <v>24031.42714</v>
      </c>
      <c r="AN1659">
        <v>79984.533779999998</v>
      </c>
      <c r="AO1659">
        <v>27309.811280000002</v>
      </c>
      <c r="AP1659">
        <v>16418.84433</v>
      </c>
    </row>
    <row r="1660" spans="2:42" x14ac:dyDescent="0.3">
      <c r="B1660">
        <v>41.424748627248938</v>
      </c>
      <c r="C1660" s="83">
        <v>43170.083333333336</v>
      </c>
      <c r="D1660">
        <v>171353.19039999999</v>
      </c>
      <c r="E1660">
        <v>15317.132100000001</v>
      </c>
      <c r="F1660">
        <v>44283.374739999999</v>
      </c>
      <c r="G1660">
        <v>41519.364110000002</v>
      </c>
      <c r="H1660">
        <v>37285.569600000003</v>
      </c>
      <c r="I1660">
        <v>18847.953450000001</v>
      </c>
      <c r="J1660">
        <v>33530.277820000003</v>
      </c>
      <c r="K1660">
        <v>45910.553959999997</v>
      </c>
      <c r="L1660">
        <v>18772.55214</v>
      </c>
      <c r="M1660">
        <v>211202.68659999999</v>
      </c>
      <c r="N1660">
        <v>69353.139639999994</v>
      </c>
      <c r="O1660">
        <v>23669.271690000001</v>
      </c>
      <c r="P1660">
        <v>32408.395410000001</v>
      </c>
      <c r="Q1660">
        <v>49240.242559999999</v>
      </c>
      <c r="R1660">
        <v>24113.111519999999</v>
      </c>
      <c r="S1660">
        <v>79801.907930000001</v>
      </c>
      <c r="T1660">
        <v>27057.119930000001</v>
      </c>
      <c r="U1660">
        <v>16717.242989999999</v>
      </c>
      <c r="W1660" s="83">
        <f>Bühler!N1692</f>
        <v>45361.083333329312</v>
      </c>
      <c r="X1660" s="83">
        <v>43170.083333333336</v>
      </c>
      <c r="Y1660">
        <v>171353.19039999999</v>
      </c>
      <c r="Z1660">
        <v>15317.132100000001</v>
      </c>
      <c r="AA1660">
        <v>44283.374739999999</v>
      </c>
      <c r="AB1660">
        <v>41519.364110000002</v>
      </c>
      <c r="AC1660">
        <v>37285.569600000003</v>
      </c>
      <c r="AD1660">
        <v>18847.953450000001</v>
      </c>
      <c r="AE1660">
        <v>33530.277820000003</v>
      </c>
      <c r="AF1660">
        <v>45910.553959999997</v>
      </c>
      <c r="AG1660">
        <v>18772.55214</v>
      </c>
      <c r="AH1660">
        <v>211202.68659999999</v>
      </c>
      <c r="AI1660">
        <v>69353.139639999994</v>
      </c>
      <c r="AJ1660">
        <v>23669.271690000001</v>
      </c>
      <c r="AK1660">
        <v>32408.395410000001</v>
      </c>
      <c r="AL1660">
        <v>49240.242559999999</v>
      </c>
      <c r="AM1660">
        <v>24113.111519999999</v>
      </c>
      <c r="AN1660">
        <v>79801.907930000001</v>
      </c>
      <c r="AO1660">
        <v>27057.119930000001</v>
      </c>
      <c r="AP1660">
        <v>16717.242989999999</v>
      </c>
    </row>
    <row r="1661" spans="2:42" x14ac:dyDescent="0.3">
      <c r="B1661">
        <v>41.237318381385343</v>
      </c>
      <c r="C1661" s="83">
        <v>43170.125</v>
      </c>
      <c r="D1661">
        <v>170808.32120000001</v>
      </c>
      <c r="E1661">
        <v>15382.51743</v>
      </c>
      <c r="F1661">
        <v>44810.901660000003</v>
      </c>
      <c r="G1661">
        <v>41011.502589999996</v>
      </c>
      <c r="H1661">
        <v>37606.17914</v>
      </c>
      <c r="I1661">
        <v>18413.724579999998</v>
      </c>
      <c r="J1661">
        <v>34036.810429999998</v>
      </c>
      <c r="K1661">
        <v>44491.37384</v>
      </c>
      <c r="L1661">
        <v>18657.43707</v>
      </c>
      <c r="M1661">
        <v>210247.07980000001</v>
      </c>
      <c r="N1661">
        <v>69928.705530000007</v>
      </c>
      <c r="O1661">
        <v>23565.19123</v>
      </c>
      <c r="P1661">
        <v>32003.3194</v>
      </c>
      <c r="Q1661">
        <v>50408.26986</v>
      </c>
      <c r="R1661">
        <v>24036.623149999999</v>
      </c>
      <c r="S1661">
        <v>78780.414770000003</v>
      </c>
      <c r="T1661">
        <v>27032.435079999999</v>
      </c>
      <c r="U1661">
        <v>16907.296320000001</v>
      </c>
      <c r="W1661" s="83">
        <f>Bühler!N1693</f>
        <v>45361.124999995976</v>
      </c>
      <c r="X1661" s="83">
        <v>43170.125</v>
      </c>
      <c r="Y1661">
        <v>170808.32120000001</v>
      </c>
      <c r="Z1661">
        <v>15382.51743</v>
      </c>
      <c r="AA1661">
        <v>44810.901660000003</v>
      </c>
      <c r="AB1661">
        <v>41011.502589999996</v>
      </c>
      <c r="AC1661">
        <v>37606.17914</v>
      </c>
      <c r="AD1661">
        <v>18413.724579999998</v>
      </c>
      <c r="AE1661">
        <v>34036.810429999998</v>
      </c>
      <c r="AF1661">
        <v>44491.37384</v>
      </c>
      <c r="AG1661">
        <v>18657.43707</v>
      </c>
      <c r="AH1661">
        <v>210247.07980000001</v>
      </c>
      <c r="AI1661">
        <v>69928.705530000007</v>
      </c>
      <c r="AJ1661">
        <v>23565.19123</v>
      </c>
      <c r="AK1661">
        <v>32003.3194</v>
      </c>
      <c r="AL1661">
        <v>50408.26986</v>
      </c>
      <c r="AM1661">
        <v>24036.623149999999</v>
      </c>
      <c r="AN1661">
        <v>78780.414770000003</v>
      </c>
      <c r="AO1661">
        <v>27032.435079999999</v>
      </c>
      <c r="AP1661">
        <v>16907.296320000001</v>
      </c>
    </row>
    <row r="1662" spans="2:42" x14ac:dyDescent="0.3">
      <c r="B1662">
        <v>40.657037469132582</v>
      </c>
      <c r="C1662" s="83">
        <v>43170.166666666664</v>
      </c>
      <c r="D1662">
        <v>170194.8621</v>
      </c>
      <c r="E1662">
        <v>15547.27679</v>
      </c>
      <c r="F1662">
        <v>44727.215579999996</v>
      </c>
      <c r="G1662">
        <v>40467.1031</v>
      </c>
      <c r="H1662">
        <v>37756.569499999998</v>
      </c>
      <c r="I1662">
        <v>20505.653910000001</v>
      </c>
      <c r="J1662">
        <v>36458.183539999998</v>
      </c>
      <c r="K1662">
        <v>43345.187310000001</v>
      </c>
      <c r="L1662">
        <v>17963.127980000001</v>
      </c>
      <c r="M1662">
        <v>207288.53709999999</v>
      </c>
      <c r="N1662">
        <v>69551.369909999994</v>
      </c>
      <c r="O1662">
        <v>23738.612789999999</v>
      </c>
      <c r="P1662">
        <v>31143.292519999999</v>
      </c>
      <c r="Q1662">
        <v>50331.355190000002</v>
      </c>
      <c r="R1662">
        <v>24084.93994</v>
      </c>
      <c r="S1662">
        <v>80405.938030000005</v>
      </c>
      <c r="T1662">
        <v>26543.288939999999</v>
      </c>
      <c r="U1662">
        <v>17048.986580000001</v>
      </c>
      <c r="W1662" s="83">
        <f>Bühler!N1694</f>
        <v>45361.166666662641</v>
      </c>
      <c r="X1662" s="83">
        <v>43170.166666666664</v>
      </c>
      <c r="Y1662">
        <v>170194.8621</v>
      </c>
      <c r="Z1662">
        <v>15547.27679</v>
      </c>
      <c r="AA1662">
        <v>44727.215579999996</v>
      </c>
      <c r="AB1662">
        <v>40467.1031</v>
      </c>
      <c r="AC1662">
        <v>37756.569499999998</v>
      </c>
      <c r="AD1662">
        <v>20505.653910000001</v>
      </c>
      <c r="AE1662">
        <v>36458.183539999998</v>
      </c>
      <c r="AF1662">
        <v>43345.187310000001</v>
      </c>
      <c r="AG1662">
        <v>17963.127980000001</v>
      </c>
      <c r="AH1662">
        <v>207288.53709999999</v>
      </c>
      <c r="AI1662">
        <v>69551.369909999994</v>
      </c>
      <c r="AJ1662">
        <v>23738.612789999999</v>
      </c>
      <c r="AK1662">
        <v>31143.292519999999</v>
      </c>
      <c r="AL1662">
        <v>50331.355190000002</v>
      </c>
      <c r="AM1662">
        <v>24084.93994</v>
      </c>
      <c r="AN1662">
        <v>80405.938030000005</v>
      </c>
      <c r="AO1662">
        <v>26543.288939999999</v>
      </c>
      <c r="AP1662">
        <v>17048.986580000001</v>
      </c>
    </row>
    <row r="1663" spans="2:42" x14ac:dyDescent="0.3">
      <c r="B1663">
        <v>41.034039016476868</v>
      </c>
      <c r="C1663" s="83">
        <v>43170.208333333336</v>
      </c>
      <c r="D1663">
        <v>170683.86970000001</v>
      </c>
      <c r="E1663">
        <v>15884.528120000001</v>
      </c>
      <c r="F1663">
        <v>45626.516680000001</v>
      </c>
      <c r="G1663">
        <v>40478.255929999999</v>
      </c>
      <c r="H1663">
        <v>38122.030619999998</v>
      </c>
      <c r="I1663">
        <v>24360.438890000001</v>
      </c>
      <c r="J1663">
        <v>38956.66979</v>
      </c>
      <c r="K1663">
        <v>42962.44743</v>
      </c>
      <c r="L1663">
        <v>18133.27564</v>
      </c>
      <c r="M1663">
        <v>209210.66680000001</v>
      </c>
      <c r="N1663">
        <v>67883.597959999999</v>
      </c>
      <c r="O1663">
        <v>23840.462159999999</v>
      </c>
      <c r="P1663">
        <v>31657.82618</v>
      </c>
      <c r="Q1663">
        <v>50493.488599999997</v>
      </c>
      <c r="R1663">
        <v>25684.136020000002</v>
      </c>
      <c r="S1663">
        <v>81667.715670000005</v>
      </c>
      <c r="T1663">
        <v>26996.384330000001</v>
      </c>
      <c r="U1663">
        <v>16931.645039999999</v>
      </c>
      <c r="W1663" s="83">
        <f>Bühler!N1695</f>
        <v>45361.208333329305</v>
      </c>
      <c r="X1663" s="83">
        <v>43170.208333333336</v>
      </c>
      <c r="Y1663">
        <v>170683.86970000001</v>
      </c>
      <c r="Z1663">
        <v>15884.528120000001</v>
      </c>
      <c r="AA1663">
        <v>45626.516680000001</v>
      </c>
      <c r="AB1663">
        <v>40478.255929999999</v>
      </c>
      <c r="AC1663">
        <v>38122.030619999998</v>
      </c>
      <c r="AD1663">
        <v>24360.438890000001</v>
      </c>
      <c r="AE1663">
        <v>38956.66979</v>
      </c>
      <c r="AF1663">
        <v>42962.44743</v>
      </c>
      <c r="AG1663">
        <v>18133.27564</v>
      </c>
      <c r="AH1663">
        <v>209210.66680000001</v>
      </c>
      <c r="AI1663">
        <v>67883.597959999999</v>
      </c>
      <c r="AJ1663">
        <v>23840.462159999999</v>
      </c>
      <c r="AK1663">
        <v>31657.82618</v>
      </c>
      <c r="AL1663">
        <v>50493.488599999997</v>
      </c>
      <c r="AM1663">
        <v>25684.136020000002</v>
      </c>
      <c r="AN1663">
        <v>81667.715670000005</v>
      </c>
      <c r="AO1663">
        <v>26996.384330000001</v>
      </c>
      <c r="AP1663">
        <v>16931.645039999999</v>
      </c>
    </row>
    <row r="1664" spans="2:42" x14ac:dyDescent="0.3">
      <c r="B1664">
        <v>41.432206850457575</v>
      </c>
      <c r="C1664" s="83">
        <v>43170.25</v>
      </c>
      <c r="D1664">
        <v>171557.08420000001</v>
      </c>
      <c r="E1664">
        <v>16388.346259999998</v>
      </c>
      <c r="F1664">
        <v>47136.044779999997</v>
      </c>
      <c r="G1664">
        <v>41371.921289999998</v>
      </c>
      <c r="H1664">
        <v>38002.57329</v>
      </c>
      <c r="I1664">
        <v>27177.175729999999</v>
      </c>
      <c r="J1664">
        <v>41470.260520000003</v>
      </c>
      <c r="K1664">
        <v>43153.467360000002</v>
      </c>
      <c r="L1664">
        <v>19722.651669999999</v>
      </c>
      <c r="M1664">
        <v>211240.7121</v>
      </c>
      <c r="N1664">
        <v>67184.025959999999</v>
      </c>
      <c r="O1664">
        <v>23229.739939999999</v>
      </c>
      <c r="P1664">
        <v>32803.563730000002</v>
      </c>
      <c r="Q1664">
        <v>50350.625890000003</v>
      </c>
      <c r="R1664">
        <v>17303.740860000002</v>
      </c>
      <c r="S1664">
        <v>85445.937650000007</v>
      </c>
      <c r="T1664">
        <v>27973.51109</v>
      </c>
      <c r="U1664">
        <v>16455.812890000001</v>
      </c>
      <c r="W1664" s="83">
        <f>Bühler!N1696</f>
        <v>45361.249999995969</v>
      </c>
      <c r="X1664" s="83">
        <v>43170.25</v>
      </c>
      <c r="Y1664">
        <v>171557.08420000001</v>
      </c>
      <c r="Z1664">
        <v>16388.346259999998</v>
      </c>
      <c r="AA1664">
        <v>47136.044779999997</v>
      </c>
      <c r="AB1664">
        <v>41371.921289999998</v>
      </c>
      <c r="AC1664">
        <v>38002.57329</v>
      </c>
      <c r="AD1664">
        <v>27177.175729999999</v>
      </c>
      <c r="AE1664">
        <v>41470.260520000003</v>
      </c>
      <c r="AF1664">
        <v>43153.467360000002</v>
      </c>
      <c r="AG1664">
        <v>19722.651669999999</v>
      </c>
      <c r="AH1664">
        <v>211240.7121</v>
      </c>
      <c r="AI1664">
        <v>67184.025959999999</v>
      </c>
      <c r="AJ1664">
        <v>23229.739939999999</v>
      </c>
      <c r="AK1664">
        <v>32803.563730000002</v>
      </c>
      <c r="AL1664">
        <v>50350.625890000003</v>
      </c>
      <c r="AM1664">
        <v>17303.740860000002</v>
      </c>
      <c r="AN1664">
        <v>85445.937650000007</v>
      </c>
      <c r="AO1664">
        <v>27973.51109</v>
      </c>
      <c r="AP1664">
        <v>16455.812890000001</v>
      </c>
    </row>
    <row r="1665" spans="2:42" x14ac:dyDescent="0.3">
      <c r="B1665">
        <v>41.147797009783048</v>
      </c>
      <c r="C1665" s="83">
        <v>43170.291666666664</v>
      </c>
      <c r="D1665">
        <v>169967.8389</v>
      </c>
      <c r="E1665">
        <v>16419.717069999999</v>
      </c>
      <c r="F1665">
        <v>48668.834819999996</v>
      </c>
      <c r="G1665">
        <v>40918.275439999998</v>
      </c>
      <c r="H1665">
        <v>37116.022920000003</v>
      </c>
      <c r="I1665">
        <v>28774.497510000001</v>
      </c>
      <c r="J1665">
        <v>41423.62513</v>
      </c>
      <c r="K1665">
        <v>41052.263290000003</v>
      </c>
      <c r="L1665">
        <v>21161.065689999999</v>
      </c>
      <c r="M1665">
        <v>209790.6581</v>
      </c>
      <c r="N1665">
        <v>68124.695019999999</v>
      </c>
      <c r="O1665">
        <v>23826.101289999999</v>
      </c>
      <c r="P1665">
        <v>35359.371709999999</v>
      </c>
      <c r="Q1665">
        <v>49875.123820000001</v>
      </c>
      <c r="R1665">
        <v>15977.89407</v>
      </c>
      <c r="S1665">
        <v>90994.809439999997</v>
      </c>
      <c r="T1665">
        <v>26517.55732</v>
      </c>
      <c r="U1665">
        <v>15932.056759999999</v>
      </c>
      <c r="W1665" s="83">
        <f>Bühler!N1697</f>
        <v>45361.291666662633</v>
      </c>
      <c r="X1665" s="83">
        <v>43170.291666666664</v>
      </c>
      <c r="Y1665">
        <v>169967.8389</v>
      </c>
      <c r="Z1665">
        <v>16419.717069999999</v>
      </c>
      <c r="AA1665">
        <v>48668.834819999996</v>
      </c>
      <c r="AB1665">
        <v>40918.275439999998</v>
      </c>
      <c r="AC1665">
        <v>37116.022920000003</v>
      </c>
      <c r="AD1665">
        <v>28774.497510000001</v>
      </c>
      <c r="AE1665">
        <v>41423.62513</v>
      </c>
      <c r="AF1665">
        <v>41052.263290000003</v>
      </c>
      <c r="AG1665">
        <v>21161.065689999999</v>
      </c>
      <c r="AH1665">
        <v>209790.6581</v>
      </c>
      <c r="AI1665">
        <v>68124.695019999999</v>
      </c>
      <c r="AJ1665">
        <v>23826.101289999999</v>
      </c>
      <c r="AK1665">
        <v>35359.371709999999</v>
      </c>
      <c r="AL1665">
        <v>49875.123820000001</v>
      </c>
      <c r="AM1665">
        <v>15977.89407</v>
      </c>
      <c r="AN1665">
        <v>90994.809439999997</v>
      </c>
      <c r="AO1665">
        <v>26517.55732</v>
      </c>
      <c r="AP1665">
        <v>15932.056759999999</v>
      </c>
    </row>
    <row r="1666" spans="2:42" x14ac:dyDescent="0.3">
      <c r="B1666">
        <v>40.744411175286956</v>
      </c>
      <c r="C1666" s="83">
        <v>43170.333333333336</v>
      </c>
      <c r="D1666">
        <v>167511.52720000001</v>
      </c>
      <c r="E1666">
        <v>16714.84028</v>
      </c>
      <c r="F1666">
        <v>49606.568760000002</v>
      </c>
      <c r="G1666">
        <v>40252.675629999998</v>
      </c>
      <c r="H1666">
        <v>37155.508719999998</v>
      </c>
      <c r="I1666">
        <v>28457.495129999999</v>
      </c>
      <c r="J1666">
        <v>41210.980949999997</v>
      </c>
      <c r="K1666">
        <v>41988.93881</v>
      </c>
      <c r="L1666">
        <v>22226.862420000001</v>
      </c>
      <c r="M1666">
        <v>207734.00899999999</v>
      </c>
      <c r="N1666">
        <v>69411.44296</v>
      </c>
      <c r="O1666">
        <v>23063.172839999999</v>
      </c>
      <c r="P1666">
        <v>37727.73547</v>
      </c>
      <c r="Q1666">
        <v>49330.752159999996</v>
      </c>
      <c r="R1666">
        <v>16754.397850000001</v>
      </c>
      <c r="S1666">
        <v>92315.067200000005</v>
      </c>
      <c r="T1666">
        <v>28521.567920000001</v>
      </c>
      <c r="U1666">
        <v>14890.008900000001</v>
      </c>
      <c r="W1666" s="83">
        <f>Bühler!N1698</f>
        <v>45361.333333329298</v>
      </c>
      <c r="X1666" s="83">
        <v>43170.333333333336</v>
      </c>
      <c r="Y1666">
        <v>167511.52720000001</v>
      </c>
      <c r="Z1666">
        <v>16714.84028</v>
      </c>
      <c r="AA1666">
        <v>49606.568760000002</v>
      </c>
      <c r="AB1666">
        <v>40252.675629999998</v>
      </c>
      <c r="AC1666">
        <v>37155.508719999998</v>
      </c>
      <c r="AD1666">
        <v>28457.495129999999</v>
      </c>
      <c r="AE1666">
        <v>41210.980949999997</v>
      </c>
      <c r="AF1666">
        <v>41988.93881</v>
      </c>
      <c r="AG1666">
        <v>22226.862420000001</v>
      </c>
      <c r="AH1666">
        <v>207734.00899999999</v>
      </c>
      <c r="AI1666">
        <v>69411.44296</v>
      </c>
      <c r="AJ1666">
        <v>23063.172839999999</v>
      </c>
      <c r="AK1666">
        <v>37727.73547</v>
      </c>
      <c r="AL1666">
        <v>49330.752159999996</v>
      </c>
      <c r="AM1666">
        <v>16754.397850000001</v>
      </c>
      <c r="AN1666">
        <v>92315.067200000005</v>
      </c>
      <c r="AO1666">
        <v>28521.567920000001</v>
      </c>
      <c r="AP1666">
        <v>14890.008900000001</v>
      </c>
    </row>
    <row r="1667" spans="2:42" x14ac:dyDescent="0.3">
      <c r="B1667">
        <v>40.236187677040597</v>
      </c>
      <c r="C1667" s="83">
        <v>43170.375</v>
      </c>
      <c r="D1667">
        <v>166148.9393</v>
      </c>
      <c r="E1667">
        <v>16951.117869999998</v>
      </c>
      <c r="F1667">
        <v>50704.93088</v>
      </c>
      <c r="G1667">
        <v>39657.287969999998</v>
      </c>
      <c r="H1667">
        <v>36865.984329999999</v>
      </c>
      <c r="I1667">
        <v>27050.120190000001</v>
      </c>
      <c r="J1667">
        <v>40534.927380000001</v>
      </c>
      <c r="K1667">
        <v>44051.516409999997</v>
      </c>
      <c r="L1667">
        <v>23511.8053</v>
      </c>
      <c r="M1667">
        <v>205142.8486</v>
      </c>
      <c r="N1667">
        <v>75636.761249999996</v>
      </c>
      <c r="O1667">
        <v>22447.08411</v>
      </c>
      <c r="P1667">
        <v>39464.563719999998</v>
      </c>
      <c r="Q1667">
        <v>48899.366869999998</v>
      </c>
      <c r="R1667">
        <v>17116.443319999998</v>
      </c>
      <c r="S1667">
        <v>93212.381099999999</v>
      </c>
      <c r="T1667">
        <v>29577.21369</v>
      </c>
      <c r="U1667">
        <v>14405.193859999999</v>
      </c>
      <c r="W1667" s="83">
        <f>Bühler!N1699</f>
        <v>45361.374999995962</v>
      </c>
      <c r="X1667" s="83">
        <v>43170.375</v>
      </c>
      <c r="Y1667">
        <v>166148.9393</v>
      </c>
      <c r="Z1667">
        <v>16951.117869999998</v>
      </c>
      <c r="AA1667">
        <v>50704.93088</v>
      </c>
      <c r="AB1667">
        <v>39657.287969999998</v>
      </c>
      <c r="AC1667">
        <v>36865.984329999999</v>
      </c>
      <c r="AD1667">
        <v>27050.120190000001</v>
      </c>
      <c r="AE1667">
        <v>40534.927380000001</v>
      </c>
      <c r="AF1667">
        <v>44051.516409999997</v>
      </c>
      <c r="AG1667">
        <v>23511.8053</v>
      </c>
      <c r="AH1667">
        <v>205142.8486</v>
      </c>
      <c r="AI1667">
        <v>75636.761249999996</v>
      </c>
      <c r="AJ1667">
        <v>22447.08411</v>
      </c>
      <c r="AK1667">
        <v>39464.563719999998</v>
      </c>
      <c r="AL1667">
        <v>48899.366869999998</v>
      </c>
      <c r="AM1667">
        <v>17116.443319999998</v>
      </c>
      <c r="AN1667">
        <v>93212.381099999999</v>
      </c>
      <c r="AO1667">
        <v>29577.21369</v>
      </c>
      <c r="AP1667">
        <v>14405.193859999999</v>
      </c>
    </row>
    <row r="1668" spans="2:42" x14ac:dyDescent="0.3">
      <c r="B1668">
        <v>40.46619262781374</v>
      </c>
      <c r="C1668" s="83">
        <v>43170.416666666664</v>
      </c>
      <c r="D1668">
        <v>165111.12150000001</v>
      </c>
      <c r="E1668">
        <v>17088.886470000001</v>
      </c>
      <c r="F1668">
        <v>51056.918109999999</v>
      </c>
      <c r="G1668">
        <v>39172.138250000004</v>
      </c>
      <c r="H1668">
        <v>36821.013299999999</v>
      </c>
      <c r="I1668">
        <v>26279.115000000002</v>
      </c>
      <c r="J1668">
        <v>38586.459750000002</v>
      </c>
      <c r="K1668">
        <v>46768.547079999997</v>
      </c>
      <c r="L1668">
        <v>26973.70147</v>
      </c>
      <c r="M1668">
        <v>206315.52110000001</v>
      </c>
      <c r="N1668">
        <v>78741.990309999994</v>
      </c>
      <c r="O1668">
        <v>21316.23588</v>
      </c>
      <c r="P1668">
        <v>39558.965579999996</v>
      </c>
      <c r="Q1668">
        <v>48467.252809999998</v>
      </c>
      <c r="R1668">
        <v>17632.902320000001</v>
      </c>
      <c r="S1668">
        <v>91867.756670000002</v>
      </c>
      <c r="T1668">
        <v>31305.268169999999</v>
      </c>
      <c r="U1668">
        <v>13927.82547</v>
      </c>
      <c r="W1668" s="83">
        <f>Bühler!N1700</f>
        <v>45361.416666662626</v>
      </c>
      <c r="X1668" s="83">
        <v>43170.416666666664</v>
      </c>
      <c r="Y1668">
        <v>165111.12150000001</v>
      </c>
      <c r="Z1668">
        <v>17088.886470000001</v>
      </c>
      <c r="AA1668">
        <v>51056.918109999999</v>
      </c>
      <c r="AB1668">
        <v>39172.138250000004</v>
      </c>
      <c r="AC1668">
        <v>36821.013299999999</v>
      </c>
      <c r="AD1668">
        <v>26279.115000000002</v>
      </c>
      <c r="AE1668">
        <v>38586.459750000002</v>
      </c>
      <c r="AF1668">
        <v>46768.547079999997</v>
      </c>
      <c r="AG1668">
        <v>26973.70147</v>
      </c>
      <c r="AH1668">
        <v>206315.52110000001</v>
      </c>
      <c r="AI1668">
        <v>78741.990309999994</v>
      </c>
      <c r="AJ1668">
        <v>21316.23588</v>
      </c>
      <c r="AK1668">
        <v>39558.965579999996</v>
      </c>
      <c r="AL1668">
        <v>48467.252809999998</v>
      </c>
      <c r="AM1668">
        <v>17632.902320000001</v>
      </c>
      <c r="AN1668">
        <v>91867.756670000002</v>
      </c>
      <c r="AO1668">
        <v>31305.268169999999</v>
      </c>
      <c r="AP1668">
        <v>13927.82547</v>
      </c>
    </row>
    <row r="1669" spans="2:42" x14ac:dyDescent="0.3">
      <c r="B1669">
        <v>40.532064828878653</v>
      </c>
      <c r="C1669" s="83">
        <v>43170.458333333336</v>
      </c>
      <c r="D1669">
        <v>162930.24600000001</v>
      </c>
      <c r="E1669">
        <v>16830.281080000001</v>
      </c>
      <c r="F1669">
        <v>51051.577259999998</v>
      </c>
      <c r="G1669">
        <v>39000.891219999998</v>
      </c>
      <c r="H1669">
        <v>36579.475229999996</v>
      </c>
      <c r="I1669">
        <v>25617.140770000002</v>
      </c>
      <c r="J1669">
        <v>37928.621630000001</v>
      </c>
      <c r="K1669">
        <v>47308.620239999997</v>
      </c>
      <c r="L1669">
        <v>28282.61377</v>
      </c>
      <c r="M1669">
        <v>206651.3683</v>
      </c>
      <c r="N1669">
        <v>77828.779020000002</v>
      </c>
      <c r="O1669">
        <v>20439.482230000001</v>
      </c>
      <c r="P1669">
        <v>38513.9539</v>
      </c>
      <c r="Q1669">
        <v>48148.174489999998</v>
      </c>
      <c r="R1669">
        <v>19256.329140000002</v>
      </c>
      <c r="S1669">
        <v>92527.27781</v>
      </c>
      <c r="T1669">
        <v>31670.51165</v>
      </c>
      <c r="U1669">
        <v>13302.070879999999</v>
      </c>
      <c r="W1669" s="83">
        <f>Bühler!N1701</f>
        <v>45361.45833332929</v>
      </c>
      <c r="X1669" s="83">
        <v>43170.458333333336</v>
      </c>
      <c r="Y1669">
        <v>162930.24600000001</v>
      </c>
      <c r="Z1669">
        <v>16830.281080000001</v>
      </c>
      <c r="AA1669">
        <v>51051.577259999998</v>
      </c>
      <c r="AB1669">
        <v>39000.891219999998</v>
      </c>
      <c r="AC1669">
        <v>36579.475229999996</v>
      </c>
      <c r="AD1669">
        <v>25617.140770000002</v>
      </c>
      <c r="AE1669">
        <v>37928.621630000001</v>
      </c>
      <c r="AF1669">
        <v>47308.620239999997</v>
      </c>
      <c r="AG1669">
        <v>28282.61377</v>
      </c>
      <c r="AH1669">
        <v>206651.3683</v>
      </c>
      <c r="AI1669">
        <v>77828.779020000002</v>
      </c>
      <c r="AJ1669">
        <v>20439.482230000001</v>
      </c>
      <c r="AK1669">
        <v>38513.9539</v>
      </c>
      <c r="AL1669">
        <v>48148.174489999998</v>
      </c>
      <c r="AM1669">
        <v>19256.329140000002</v>
      </c>
      <c r="AN1669">
        <v>92527.27781</v>
      </c>
      <c r="AO1669">
        <v>31670.51165</v>
      </c>
      <c r="AP1669">
        <v>13302.070879999999</v>
      </c>
    </row>
    <row r="1670" spans="2:42" x14ac:dyDescent="0.3">
      <c r="B1670">
        <v>40.040550374938213</v>
      </c>
      <c r="C1670" s="83">
        <v>43170.5</v>
      </c>
      <c r="D1670">
        <v>162291.2898</v>
      </c>
      <c r="E1670">
        <v>16613.608530000001</v>
      </c>
      <c r="F1670">
        <v>49002.530939999997</v>
      </c>
      <c r="G1670">
        <v>38616.594819999998</v>
      </c>
      <c r="H1670">
        <v>36034.364939999999</v>
      </c>
      <c r="I1670">
        <v>25491.999629999998</v>
      </c>
      <c r="J1670">
        <v>37986.524429999998</v>
      </c>
      <c r="K1670">
        <v>46745.05573</v>
      </c>
      <c r="L1670">
        <v>29738.04549</v>
      </c>
      <c r="M1670">
        <v>204145.39840000001</v>
      </c>
      <c r="N1670">
        <v>75656.365529999995</v>
      </c>
      <c r="O1670">
        <v>20006.291270000002</v>
      </c>
      <c r="P1670">
        <v>38219.425779999998</v>
      </c>
      <c r="Q1670">
        <v>46857.499860000004</v>
      </c>
      <c r="R1670">
        <v>17525.958190000001</v>
      </c>
      <c r="S1670">
        <v>87946.757259999998</v>
      </c>
      <c r="T1670">
        <v>31440.66476</v>
      </c>
      <c r="U1670">
        <v>12754.55219</v>
      </c>
      <c r="W1670" s="83">
        <f>Bühler!N1702</f>
        <v>45361.499999995955</v>
      </c>
      <c r="X1670" s="83">
        <v>43170.5</v>
      </c>
      <c r="Y1670">
        <v>162291.2898</v>
      </c>
      <c r="Z1670">
        <v>16613.608530000001</v>
      </c>
      <c r="AA1670">
        <v>49002.530939999997</v>
      </c>
      <c r="AB1670">
        <v>38616.594819999998</v>
      </c>
      <c r="AC1670">
        <v>36034.364939999999</v>
      </c>
      <c r="AD1670">
        <v>25491.999629999998</v>
      </c>
      <c r="AE1670">
        <v>37986.524429999998</v>
      </c>
      <c r="AF1670">
        <v>46745.05573</v>
      </c>
      <c r="AG1670">
        <v>29738.04549</v>
      </c>
      <c r="AH1670">
        <v>204145.39840000001</v>
      </c>
      <c r="AI1670">
        <v>75656.365529999995</v>
      </c>
      <c r="AJ1670">
        <v>20006.291270000002</v>
      </c>
      <c r="AK1670">
        <v>38219.425779999998</v>
      </c>
      <c r="AL1670">
        <v>46857.499860000004</v>
      </c>
      <c r="AM1670">
        <v>17525.958190000001</v>
      </c>
      <c r="AN1670">
        <v>87946.757259999998</v>
      </c>
      <c r="AO1670">
        <v>31440.66476</v>
      </c>
      <c r="AP1670">
        <v>12754.55219</v>
      </c>
    </row>
    <row r="1671" spans="2:42" x14ac:dyDescent="0.3">
      <c r="B1671">
        <v>39.877410315906076</v>
      </c>
      <c r="C1671" s="83">
        <v>43170.541666666664</v>
      </c>
      <c r="D1671">
        <v>162399.0999</v>
      </c>
      <c r="E1671">
        <v>16117.85325</v>
      </c>
      <c r="F1671">
        <v>44905.02693</v>
      </c>
      <c r="G1671">
        <v>38509.636830000003</v>
      </c>
      <c r="H1671">
        <v>35242.52706</v>
      </c>
      <c r="I1671">
        <v>25284.854449999999</v>
      </c>
      <c r="J1671">
        <v>37269.737119999998</v>
      </c>
      <c r="K1671">
        <v>45841.966099999998</v>
      </c>
      <c r="L1671">
        <v>29439.446739999999</v>
      </c>
      <c r="M1671">
        <v>203313.63430000001</v>
      </c>
      <c r="N1671">
        <v>74196.038809999998</v>
      </c>
      <c r="O1671">
        <v>20047.63091</v>
      </c>
      <c r="P1671">
        <v>38115.011059999997</v>
      </c>
      <c r="Q1671">
        <v>45781.407379999997</v>
      </c>
      <c r="R1671">
        <v>17196.41203</v>
      </c>
      <c r="S1671">
        <v>88664.16446</v>
      </c>
      <c r="T1671">
        <v>30645.517779999998</v>
      </c>
      <c r="U1671">
        <v>12373.42916</v>
      </c>
      <c r="W1671" s="83">
        <f>Bühler!N1703</f>
        <v>45361.541666662619</v>
      </c>
      <c r="X1671" s="83">
        <v>43170.541666666664</v>
      </c>
      <c r="Y1671">
        <v>162399.0999</v>
      </c>
      <c r="Z1671">
        <v>16117.85325</v>
      </c>
      <c r="AA1671">
        <v>44905.02693</v>
      </c>
      <c r="AB1671">
        <v>38509.636830000003</v>
      </c>
      <c r="AC1671">
        <v>35242.52706</v>
      </c>
      <c r="AD1671">
        <v>25284.854449999999</v>
      </c>
      <c r="AE1671">
        <v>37269.737119999998</v>
      </c>
      <c r="AF1671">
        <v>45841.966099999998</v>
      </c>
      <c r="AG1671">
        <v>29439.446739999999</v>
      </c>
      <c r="AH1671">
        <v>203313.63430000001</v>
      </c>
      <c r="AI1671">
        <v>74196.038809999998</v>
      </c>
      <c r="AJ1671">
        <v>20047.63091</v>
      </c>
      <c r="AK1671">
        <v>38115.011059999997</v>
      </c>
      <c r="AL1671">
        <v>45781.407379999997</v>
      </c>
      <c r="AM1671">
        <v>17196.41203</v>
      </c>
      <c r="AN1671">
        <v>88664.16446</v>
      </c>
      <c r="AO1671">
        <v>30645.517779999998</v>
      </c>
      <c r="AP1671">
        <v>12373.42916</v>
      </c>
    </row>
    <row r="1672" spans="2:42" x14ac:dyDescent="0.3">
      <c r="B1672">
        <v>40.149707945602209</v>
      </c>
      <c r="C1672" s="83">
        <v>43170.583333333336</v>
      </c>
      <c r="D1672">
        <v>161792.51680000001</v>
      </c>
      <c r="E1672">
        <v>15922.2989</v>
      </c>
      <c r="F1672">
        <v>44240.69571</v>
      </c>
      <c r="G1672">
        <v>38112.369830000003</v>
      </c>
      <c r="H1672">
        <v>34811.540789999999</v>
      </c>
      <c r="I1672">
        <v>25529.934740000001</v>
      </c>
      <c r="J1672">
        <v>36250.403910000001</v>
      </c>
      <c r="K1672">
        <v>45181.921900000001</v>
      </c>
      <c r="L1672">
        <v>27625.5697</v>
      </c>
      <c r="M1672">
        <v>204701.93460000001</v>
      </c>
      <c r="N1672">
        <v>73454.686489999993</v>
      </c>
      <c r="O1672">
        <v>19834.434679999998</v>
      </c>
      <c r="P1672">
        <v>35260.003810000002</v>
      </c>
      <c r="Q1672">
        <v>45217.635990000002</v>
      </c>
      <c r="R1672">
        <v>17389.020420000001</v>
      </c>
      <c r="S1672">
        <v>85651.000369999994</v>
      </c>
      <c r="T1672">
        <v>30293.162079999998</v>
      </c>
      <c r="U1672">
        <v>11927.15423</v>
      </c>
      <c r="W1672" s="83">
        <f>Bühler!N1704</f>
        <v>45361.583333329283</v>
      </c>
      <c r="X1672" s="83">
        <v>43170.583333333336</v>
      </c>
      <c r="Y1672">
        <v>161792.51680000001</v>
      </c>
      <c r="Z1672">
        <v>15922.2989</v>
      </c>
      <c r="AA1672">
        <v>44240.69571</v>
      </c>
      <c r="AB1672">
        <v>38112.369830000003</v>
      </c>
      <c r="AC1672">
        <v>34811.540789999999</v>
      </c>
      <c r="AD1672">
        <v>25529.934740000001</v>
      </c>
      <c r="AE1672">
        <v>36250.403910000001</v>
      </c>
      <c r="AF1672">
        <v>45181.921900000001</v>
      </c>
      <c r="AG1672">
        <v>27625.5697</v>
      </c>
      <c r="AH1672">
        <v>204701.93460000001</v>
      </c>
      <c r="AI1672">
        <v>73454.686489999993</v>
      </c>
      <c r="AJ1672">
        <v>19834.434679999998</v>
      </c>
      <c r="AK1672">
        <v>35260.003810000002</v>
      </c>
      <c r="AL1672">
        <v>45217.635990000002</v>
      </c>
      <c r="AM1672">
        <v>17389.020420000001</v>
      </c>
      <c r="AN1672">
        <v>85651.000369999994</v>
      </c>
      <c r="AO1672">
        <v>30293.162079999998</v>
      </c>
      <c r="AP1672">
        <v>11927.15423</v>
      </c>
    </row>
    <row r="1673" spans="2:42" x14ac:dyDescent="0.3">
      <c r="B1673">
        <v>40.158044177941377</v>
      </c>
      <c r="C1673" s="83">
        <v>43170.625</v>
      </c>
      <c r="D1673">
        <v>162022.1776</v>
      </c>
      <c r="E1673">
        <v>15803.734759999999</v>
      </c>
      <c r="F1673">
        <v>44372.894820000001</v>
      </c>
      <c r="G1673">
        <v>37756.293890000001</v>
      </c>
      <c r="H1673">
        <v>34833.790639999999</v>
      </c>
      <c r="I1673">
        <v>25150.232209999998</v>
      </c>
      <c r="J1673">
        <v>36009.529009999998</v>
      </c>
      <c r="K1673">
        <v>45173.936280000002</v>
      </c>
      <c r="L1673">
        <v>26146.898560000001</v>
      </c>
      <c r="M1673">
        <v>204744.43659999999</v>
      </c>
      <c r="N1673">
        <v>72974.972599999994</v>
      </c>
      <c r="O1673">
        <v>19247.35454</v>
      </c>
      <c r="P1673">
        <v>32393.49769</v>
      </c>
      <c r="Q1673">
        <v>44653.335169999998</v>
      </c>
      <c r="R1673">
        <v>16911.632829999999</v>
      </c>
      <c r="S1673">
        <v>85304.162809999994</v>
      </c>
      <c r="T1673">
        <v>29744.28515</v>
      </c>
      <c r="U1673">
        <v>12094.059010000001</v>
      </c>
      <c r="W1673" s="83">
        <f>Bühler!N1705</f>
        <v>45361.624999995947</v>
      </c>
      <c r="X1673" s="83">
        <v>43170.625</v>
      </c>
      <c r="Y1673">
        <v>162022.1776</v>
      </c>
      <c r="Z1673">
        <v>15803.734759999999</v>
      </c>
      <c r="AA1673">
        <v>44372.894820000001</v>
      </c>
      <c r="AB1673">
        <v>37756.293890000001</v>
      </c>
      <c r="AC1673">
        <v>34833.790639999999</v>
      </c>
      <c r="AD1673">
        <v>25150.232209999998</v>
      </c>
      <c r="AE1673">
        <v>36009.529009999998</v>
      </c>
      <c r="AF1673">
        <v>45173.936280000002</v>
      </c>
      <c r="AG1673">
        <v>26146.898560000001</v>
      </c>
      <c r="AH1673">
        <v>204744.43659999999</v>
      </c>
      <c r="AI1673">
        <v>72974.972599999994</v>
      </c>
      <c r="AJ1673">
        <v>19247.35454</v>
      </c>
      <c r="AK1673">
        <v>32393.49769</v>
      </c>
      <c r="AL1673">
        <v>44653.335169999998</v>
      </c>
      <c r="AM1673">
        <v>16911.632829999999</v>
      </c>
      <c r="AN1673">
        <v>85304.162809999994</v>
      </c>
      <c r="AO1673">
        <v>29744.28515</v>
      </c>
      <c r="AP1673">
        <v>12094.059010000001</v>
      </c>
    </row>
    <row r="1674" spans="2:42" x14ac:dyDescent="0.3">
      <c r="B1674">
        <v>39.594171454816312</v>
      </c>
      <c r="C1674" s="83">
        <v>43170.666666666664</v>
      </c>
      <c r="D1674">
        <v>161472.3364</v>
      </c>
      <c r="E1674">
        <v>15879.622520000001</v>
      </c>
      <c r="F1674">
        <v>44310.03873</v>
      </c>
      <c r="G1674">
        <v>37917.436020000001</v>
      </c>
      <c r="H1674">
        <v>34571.506009999997</v>
      </c>
      <c r="I1674">
        <v>25704.811849999998</v>
      </c>
      <c r="J1674">
        <v>35753.745920000001</v>
      </c>
      <c r="K1674">
        <v>44223.019760000003</v>
      </c>
      <c r="L1674">
        <v>24691.944449999999</v>
      </c>
      <c r="M1674">
        <v>201869.55050000001</v>
      </c>
      <c r="N1674">
        <v>69774.775169999994</v>
      </c>
      <c r="O1674">
        <v>19225.864389999999</v>
      </c>
      <c r="P1674">
        <v>32230.232970000001</v>
      </c>
      <c r="Q1674">
        <v>45504.642590000003</v>
      </c>
      <c r="R1674">
        <v>16788.514589999999</v>
      </c>
      <c r="S1674">
        <v>85389.537670000005</v>
      </c>
      <c r="T1674">
        <v>28596.818179999998</v>
      </c>
      <c r="U1674">
        <v>12280.28226</v>
      </c>
      <c r="W1674" s="83">
        <f>Bühler!N1706</f>
        <v>45361.666666662612</v>
      </c>
      <c r="X1674" s="83">
        <v>43170.666666666664</v>
      </c>
      <c r="Y1674">
        <v>161472.3364</v>
      </c>
      <c r="Z1674">
        <v>15879.622520000001</v>
      </c>
      <c r="AA1674">
        <v>44310.03873</v>
      </c>
      <c r="AB1674">
        <v>37917.436020000001</v>
      </c>
      <c r="AC1674">
        <v>34571.506009999997</v>
      </c>
      <c r="AD1674">
        <v>25704.811849999998</v>
      </c>
      <c r="AE1674">
        <v>35753.745920000001</v>
      </c>
      <c r="AF1674">
        <v>44223.019760000003</v>
      </c>
      <c r="AG1674">
        <v>24691.944449999999</v>
      </c>
      <c r="AH1674">
        <v>201869.55050000001</v>
      </c>
      <c r="AI1674">
        <v>69774.775169999994</v>
      </c>
      <c r="AJ1674">
        <v>19225.864389999999</v>
      </c>
      <c r="AK1674">
        <v>32230.232970000001</v>
      </c>
      <c r="AL1674">
        <v>45504.642590000003</v>
      </c>
      <c r="AM1674">
        <v>16788.514589999999</v>
      </c>
      <c r="AN1674">
        <v>85389.537670000005</v>
      </c>
      <c r="AO1674">
        <v>28596.818179999998</v>
      </c>
      <c r="AP1674">
        <v>12280.28226</v>
      </c>
    </row>
    <row r="1675" spans="2:42" x14ac:dyDescent="0.3">
      <c r="B1675">
        <v>40.043183872758824</v>
      </c>
      <c r="C1675" s="83">
        <v>43170.708333333336</v>
      </c>
      <c r="D1675">
        <v>162522.20740000001</v>
      </c>
      <c r="E1675">
        <v>15810.688399999999</v>
      </c>
      <c r="F1675">
        <v>44552.52087</v>
      </c>
      <c r="G1675">
        <v>38190.699159999996</v>
      </c>
      <c r="H1675">
        <v>34530.935559999998</v>
      </c>
      <c r="I1675">
        <v>26538.49598</v>
      </c>
      <c r="J1675">
        <v>36142.267449999999</v>
      </c>
      <c r="K1675">
        <v>43441.142480000002</v>
      </c>
      <c r="L1675">
        <v>24957.42426</v>
      </c>
      <c r="M1675">
        <v>204158.82519999999</v>
      </c>
      <c r="N1675">
        <v>64626.070630000002</v>
      </c>
      <c r="O1675">
        <v>18983.011500000001</v>
      </c>
      <c r="P1675">
        <v>33195.843910000003</v>
      </c>
      <c r="Q1675">
        <v>46211.398589999997</v>
      </c>
      <c r="R1675">
        <v>18983.532019999999</v>
      </c>
      <c r="S1675">
        <v>88080.131150000001</v>
      </c>
      <c r="T1675">
        <v>28543.566439999999</v>
      </c>
      <c r="U1675">
        <v>12738.92345</v>
      </c>
      <c r="W1675" s="83">
        <f>Bühler!N1707</f>
        <v>45361.708333329276</v>
      </c>
      <c r="X1675" s="83">
        <v>43170.708333333336</v>
      </c>
      <c r="Y1675">
        <v>162522.20740000001</v>
      </c>
      <c r="Z1675">
        <v>15810.688399999999</v>
      </c>
      <c r="AA1675">
        <v>44552.52087</v>
      </c>
      <c r="AB1675">
        <v>38190.699159999996</v>
      </c>
      <c r="AC1675">
        <v>34530.935559999998</v>
      </c>
      <c r="AD1675">
        <v>26538.49598</v>
      </c>
      <c r="AE1675">
        <v>36142.267449999999</v>
      </c>
      <c r="AF1675">
        <v>43441.142480000002</v>
      </c>
      <c r="AG1675">
        <v>24957.42426</v>
      </c>
      <c r="AH1675">
        <v>204158.82519999999</v>
      </c>
      <c r="AI1675">
        <v>64626.070630000002</v>
      </c>
      <c r="AJ1675">
        <v>18983.011500000001</v>
      </c>
      <c r="AK1675">
        <v>33195.843910000003</v>
      </c>
      <c r="AL1675">
        <v>46211.398589999997</v>
      </c>
      <c r="AM1675">
        <v>18983.532019999999</v>
      </c>
      <c r="AN1675">
        <v>88080.131150000001</v>
      </c>
      <c r="AO1675">
        <v>28543.566439999999</v>
      </c>
      <c r="AP1675">
        <v>12738.92345</v>
      </c>
    </row>
    <row r="1676" spans="2:42" x14ac:dyDescent="0.3">
      <c r="B1676">
        <v>39.947763335018571</v>
      </c>
      <c r="C1676" s="83">
        <v>43170.75</v>
      </c>
      <c r="D1676">
        <v>164768.3008</v>
      </c>
      <c r="E1676">
        <v>15786.213</v>
      </c>
      <c r="F1676">
        <v>44588.94137</v>
      </c>
      <c r="G1676">
        <v>39382.398399999998</v>
      </c>
      <c r="H1676">
        <v>35297.583039999998</v>
      </c>
      <c r="I1676">
        <v>27555.98473</v>
      </c>
      <c r="J1676">
        <v>37735.097040000001</v>
      </c>
      <c r="K1676">
        <v>44116.609940000002</v>
      </c>
      <c r="L1676">
        <v>26674.983560000001</v>
      </c>
      <c r="M1676">
        <v>203672.32680000001</v>
      </c>
      <c r="N1676">
        <v>63962.227039999998</v>
      </c>
      <c r="O1676">
        <v>20157.962780000002</v>
      </c>
      <c r="P1676">
        <v>36106.436229999999</v>
      </c>
      <c r="Q1676">
        <v>46562.03557</v>
      </c>
      <c r="R1676">
        <v>18011.83008</v>
      </c>
      <c r="S1676">
        <v>87802.287379999994</v>
      </c>
      <c r="T1676">
        <v>29529.345809999999</v>
      </c>
      <c r="U1676">
        <v>13601.48165</v>
      </c>
      <c r="W1676" s="83">
        <f>Bühler!N1708</f>
        <v>45361.74999999594</v>
      </c>
      <c r="X1676" s="83">
        <v>43170.75</v>
      </c>
      <c r="Y1676">
        <v>164768.3008</v>
      </c>
      <c r="Z1676">
        <v>15786.213</v>
      </c>
      <c r="AA1676">
        <v>44588.94137</v>
      </c>
      <c r="AB1676">
        <v>39382.398399999998</v>
      </c>
      <c r="AC1676">
        <v>35297.583039999998</v>
      </c>
      <c r="AD1676">
        <v>27555.98473</v>
      </c>
      <c r="AE1676">
        <v>37735.097040000001</v>
      </c>
      <c r="AF1676">
        <v>44116.609940000002</v>
      </c>
      <c r="AG1676">
        <v>26674.983560000001</v>
      </c>
      <c r="AH1676">
        <v>203672.32680000001</v>
      </c>
      <c r="AI1676">
        <v>63962.227039999998</v>
      </c>
      <c r="AJ1676">
        <v>20157.962780000002</v>
      </c>
      <c r="AK1676">
        <v>36106.436229999999</v>
      </c>
      <c r="AL1676">
        <v>46562.03557</v>
      </c>
      <c r="AM1676">
        <v>18011.83008</v>
      </c>
      <c r="AN1676">
        <v>87802.287379999994</v>
      </c>
      <c r="AO1676">
        <v>29529.345809999999</v>
      </c>
      <c r="AP1676">
        <v>13601.48165</v>
      </c>
    </row>
    <row r="1677" spans="2:42" x14ac:dyDescent="0.3">
      <c r="B1677">
        <v>40.146548858355231</v>
      </c>
      <c r="C1677" s="83">
        <v>43170.791666666664</v>
      </c>
      <c r="D1677">
        <v>167920.8988</v>
      </c>
      <c r="E1677">
        <v>15793.041859999999</v>
      </c>
      <c r="F1677">
        <v>45111.075129999997</v>
      </c>
      <c r="G1677">
        <v>41503.875019999999</v>
      </c>
      <c r="H1677">
        <v>37325.808559999998</v>
      </c>
      <c r="I1677">
        <v>28731.5468</v>
      </c>
      <c r="J1677">
        <v>40817.981610000003</v>
      </c>
      <c r="K1677">
        <v>46238.51208</v>
      </c>
      <c r="L1677">
        <v>28638.006000000001</v>
      </c>
      <c r="M1677">
        <v>204685.82810000001</v>
      </c>
      <c r="N1677">
        <v>66225.85385</v>
      </c>
      <c r="O1677">
        <v>20928.367440000002</v>
      </c>
      <c r="P1677">
        <v>37869.965519999998</v>
      </c>
      <c r="Q1677">
        <v>48065.361689999998</v>
      </c>
      <c r="R1677">
        <v>19019.920279999998</v>
      </c>
      <c r="S1677">
        <v>90146.241970000003</v>
      </c>
      <c r="T1677">
        <v>30164.47032</v>
      </c>
      <c r="U1677">
        <v>14725.468929999999</v>
      </c>
      <c r="W1677" s="83">
        <f>Bühler!N1709</f>
        <v>45361.791666662604</v>
      </c>
      <c r="X1677" s="83">
        <v>43170.791666666664</v>
      </c>
      <c r="Y1677">
        <v>167920.8988</v>
      </c>
      <c r="Z1677">
        <v>15793.041859999999</v>
      </c>
      <c r="AA1677">
        <v>45111.075129999997</v>
      </c>
      <c r="AB1677">
        <v>41503.875019999999</v>
      </c>
      <c r="AC1677">
        <v>37325.808559999998</v>
      </c>
      <c r="AD1677">
        <v>28731.5468</v>
      </c>
      <c r="AE1677">
        <v>40817.981610000003</v>
      </c>
      <c r="AF1677">
        <v>46238.51208</v>
      </c>
      <c r="AG1677">
        <v>28638.006000000001</v>
      </c>
      <c r="AH1677">
        <v>204685.82810000001</v>
      </c>
      <c r="AI1677">
        <v>66225.85385</v>
      </c>
      <c r="AJ1677">
        <v>20928.367440000002</v>
      </c>
      <c r="AK1677">
        <v>37869.965519999998</v>
      </c>
      <c r="AL1677">
        <v>48065.361689999998</v>
      </c>
      <c r="AM1677">
        <v>19019.920279999998</v>
      </c>
      <c r="AN1677">
        <v>90146.241970000003</v>
      </c>
      <c r="AO1677">
        <v>30164.47032</v>
      </c>
      <c r="AP1677">
        <v>14725.468929999999</v>
      </c>
    </row>
    <row r="1678" spans="2:42" x14ac:dyDescent="0.3">
      <c r="B1678">
        <v>40.599596136708747</v>
      </c>
      <c r="C1678" s="83">
        <v>43170.833333333336</v>
      </c>
      <c r="D1678">
        <v>170099.93119999999</v>
      </c>
      <c r="E1678">
        <v>15115.195470000001</v>
      </c>
      <c r="F1678">
        <v>44985.377139999997</v>
      </c>
      <c r="G1678">
        <v>41707.097569999998</v>
      </c>
      <c r="H1678">
        <v>37327.657209999998</v>
      </c>
      <c r="I1678">
        <v>28078.611270000001</v>
      </c>
      <c r="J1678">
        <v>39341.870970000004</v>
      </c>
      <c r="K1678">
        <v>46414.748469999999</v>
      </c>
      <c r="L1678">
        <v>27705.70722</v>
      </c>
      <c r="M1678">
        <v>206995.67439999999</v>
      </c>
      <c r="N1678">
        <v>67441.602289999995</v>
      </c>
      <c r="O1678">
        <v>21150.179749999999</v>
      </c>
      <c r="P1678">
        <v>37622.167070000003</v>
      </c>
      <c r="Q1678">
        <v>49541.004500000003</v>
      </c>
      <c r="R1678">
        <v>18903.544129999998</v>
      </c>
      <c r="S1678">
        <v>85045.848069999993</v>
      </c>
      <c r="T1678">
        <v>27275.43635</v>
      </c>
      <c r="U1678">
        <v>15026.608130000001</v>
      </c>
      <c r="W1678" s="83">
        <f>Bühler!N1710</f>
        <v>45361.833333329268</v>
      </c>
      <c r="X1678" s="83">
        <v>43170.833333333336</v>
      </c>
      <c r="Y1678">
        <v>170099.93119999999</v>
      </c>
      <c r="Z1678">
        <v>15115.195470000001</v>
      </c>
      <c r="AA1678">
        <v>44985.377139999997</v>
      </c>
      <c r="AB1678">
        <v>41707.097569999998</v>
      </c>
      <c r="AC1678">
        <v>37327.657209999998</v>
      </c>
      <c r="AD1678">
        <v>28078.611270000001</v>
      </c>
      <c r="AE1678">
        <v>39341.870970000004</v>
      </c>
      <c r="AF1678">
        <v>46414.748469999999</v>
      </c>
      <c r="AG1678">
        <v>27705.70722</v>
      </c>
      <c r="AH1678">
        <v>206995.67439999999</v>
      </c>
      <c r="AI1678">
        <v>67441.602289999995</v>
      </c>
      <c r="AJ1678">
        <v>21150.179749999999</v>
      </c>
      <c r="AK1678">
        <v>37622.167070000003</v>
      </c>
      <c r="AL1678">
        <v>49541.004500000003</v>
      </c>
      <c r="AM1678">
        <v>18903.544129999998</v>
      </c>
      <c r="AN1678">
        <v>85045.848069999993</v>
      </c>
      <c r="AO1678">
        <v>27275.43635</v>
      </c>
      <c r="AP1678">
        <v>15026.608130000001</v>
      </c>
    </row>
    <row r="1679" spans="2:42" x14ac:dyDescent="0.3">
      <c r="B1679">
        <v>41.085868680983118</v>
      </c>
      <c r="C1679" s="83">
        <v>43170.875</v>
      </c>
      <c r="D1679">
        <v>172272.05220000001</v>
      </c>
      <c r="E1679">
        <v>14857.851259999999</v>
      </c>
      <c r="F1679">
        <v>45385.04853</v>
      </c>
      <c r="G1679">
        <v>42205.161310000003</v>
      </c>
      <c r="H1679">
        <v>36652.162149999996</v>
      </c>
      <c r="I1679">
        <v>26995.198230000002</v>
      </c>
      <c r="J1679">
        <v>38032.917990000002</v>
      </c>
      <c r="K1679">
        <v>46713.558239999998</v>
      </c>
      <c r="L1679">
        <v>25311.742180000001</v>
      </c>
      <c r="M1679">
        <v>209474.9186</v>
      </c>
      <c r="N1679">
        <v>68770.505940000003</v>
      </c>
      <c r="O1679">
        <v>20902.104210000001</v>
      </c>
      <c r="P1679">
        <v>36178.895929999999</v>
      </c>
      <c r="Q1679">
        <v>51923.11838</v>
      </c>
      <c r="R1679">
        <v>18623.144789999998</v>
      </c>
      <c r="S1679">
        <v>81574.346099999995</v>
      </c>
      <c r="T1679">
        <v>25937.754359999999</v>
      </c>
      <c r="U1679">
        <v>15236.0879</v>
      </c>
      <c r="W1679" s="83">
        <f>Bühler!N1711</f>
        <v>45361.874999995933</v>
      </c>
      <c r="X1679" s="83">
        <v>43170.875</v>
      </c>
      <c r="Y1679">
        <v>172272.05220000001</v>
      </c>
      <c r="Z1679">
        <v>14857.851259999999</v>
      </c>
      <c r="AA1679">
        <v>45385.04853</v>
      </c>
      <c r="AB1679">
        <v>42205.161310000003</v>
      </c>
      <c r="AC1679">
        <v>36652.162149999996</v>
      </c>
      <c r="AD1679">
        <v>26995.198230000002</v>
      </c>
      <c r="AE1679">
        <v>38032.917990000002</v>
      </c>
      <c r="AF1679">
        <v>46713.558239999998</v>
      </c>
      <c r="AG1679">
        <v>25311.742180000001</v>
      </c>
      <c r="AH1679">
        <v>209474.9186</v>
      </c>
      <c r="AI1679">
        <v>68770.505940000003</v>
      </c>
      <c r="AJ1679">
        <v>20902.104210000001</v>
      </c>
      <c r="AK1679">
        <v>36178.895929999999</v>
      </c>
      <c r="AL1679">
        <v>51923.11838</v>
      </c>
      <c r="AM1679">
        <v>18623.144789999998</v>
      </c>
      <c r="AN1679">
        <v>81574.346099999995</v>
      </c>
      <c r="AO1679">
        <v>25937.754359999999</v>
      </c>
      <c r="AP1679">
        <v>15236.0879</v>
      </c>
    </row>
    <row r="1680" spans="2:42" x14ac:dyDescent="0.3">
      <c r="B1680">
        <v>41.59927905273738</v>
      </c>
      <c r="C1680" s="83">
        <v>43170.916666666664</v>
      </c>
      <c r="D1680">
        <v>174493.573</v>
      </c>
      <c r="E1680">
        <v>14875.3254</v>
      </c>
      <c r="F1680">
        <v>44929.006719999998</v>
      </c>
      <c r="G1680">
        <v>42416.875139999996</v>
      </c>
      <c r="H1680">
        <v>37475.68662</v>
      </c>
      <c r="I1680">
        <v>27200.89543</v>
      </c>
      <c r="J1680">
        <v>37043.302430000003</v>
      </c>
      <c r="K1680">
        <v>47911.460279999999</v>
      </c>
      <c r="L1680">
        <v>22954.88624</v>
      </c>
      <c r="M1680">
        <v>212092.52410000001</v>
      </c>
      <c r="N1680">
        <v>69568.059659999999</v>
      </c>
      <c r="O1680">
        <v>22368.401709999998</v>
      </c>
      <c r="P1680">
        <v>34260.019110000001</v>
      </c>
      <c r="Q1680">
        <v>53971.281139999999</v>
      </c>
      <c r="R1680">
        <v>24178.442129999999</v>
      </c>
      <c r="S1680">
        <v>81342.711280000003</v>
      </c>
      <c r="T1680">
        <v>25108.960950000001</v>
      </c>
      <c r="U1680">
        <v>16099.720079999999</v>
      </c>
      <c r="W1680" s="83">
        <f>Bühler!N1712</f>
        <v>45361.916666662597</v>
      </c>
      <c r="X1680" s="83">
        <v>43170.916666666664</v>
      </c>
      <c r="Y1680">
        <v>174493.573</v>
      </c>
      <c r="Z1680">
        <v>14875.3254</v>
      </c>
      <c r="AA1680">
        <v>44929.006719999998</v>
      </c>
      <c r="AB1680">
        <v>42416.875139999996</v>
      </c>
      <c r="AC1680">
        <v>37475.68662</v>
      </c>
      <c r="AD1680">
        <v>27200.89543</v>
      </c>
      <c r="AE1680">
        <v>37043.302430000003</v>
      </c>
      <c r="AF1680">
        <v>47911.460279999999</v>
      </c>
      <c r="AG1680">
        <v>22954.88624</v>
      </c>
      <c r="AH1680">
        <v>212092.52410000001</v>
      </c>
      <c r="AI1680">
        <v>69568.059659999999</v>
      </c>
      <c r="AJ1680">
        <v>22368.401709999998</v>
      </c>
      <c r="AK1680">
        <v>34260.019110000001</v>
      </c>
      <c r="AL1680">
        <v>53971.281139999999</v>
      </c>
      <c r="AM1680">
        <v>24178.442129999999</v>
      </c>
      <c r="AN1680">
        <v>81342.711280000003</v>
      </c>
      <c r="AO1680">
        <v>25108.960950000001</v>
      </c>
      <c r="AP1680">
        <v>16099.720079999999</v>
      </c>
    </row>
    <row r="1681" spans="2:42" x14ac:dyDescent="0.3">
      <c r="B1681">
        <v>42.400985296507969</v>
      </c>
      <c r="C1681" s="83">
        <v>43170.958333333336</v>
      </c>
      <c r="D1681">
        <v>176784.25870000001</v>
      </c>
      <c r="E1681">
        <v>14947.55085</v>
      </c>
      <c r="F1681">
        <v>44850.935519999999</v>
      </c>
      <c r="G1681">
        <v>42479.07056</v>
      </c>
      <c r="H1681">
        <v>37090.482089999998</v>
      </c>
      <c r="I1681">
        <v>25802.957559999999</v>
      </c>
      <c r="J1681">
        <v>34818.029110000003</v>
      </c>
      <c r="K1681">
        <v>47478.865109999999</v>
      </c>
      <c r="L1681">
        <v>19792.523270000002</v>
      </c>
      <c r="M1681">
        <v>216179.9964</v>
      </c>
      <c r="N1681">
        <v>70310.0144</v>
      </c>
      <c r="O1681">
        <v>22820.789519999998</v>
      </c>
      <c r="P1681">
        <v>32453.19296</v>
      </c>
      <c r="Q1681">
        <v>55355.638120000003</v>
      </c>
      <c r="R1681">
        <v>26967.443050000002</v>
      </c>
      <c r="S1681">
        <v>79819.951480000003</v>
      </c>
      <c r="T1681">
        <v>27462.80442</v>
      </c>
      <c r="U1681">
        <v>15601.674360000001</v>
      </c>
      <c r="W1681" s="83">
        <f>Bühler!N1713</f>
        <v>45361.958333329261</v>
      </c>
      <c r="X1681" s="83">
        <v>43170.958333333336</v>
      </c>
      <c r="Y1681">
        <v>176784.25870000001</v>
      </c>
      <c r="Z1681">
        <v>14947.55085</v>
      </c>
      <c r="AA1681">
        <v>44850.935519999999</v>
      </c>
      <c r="AB1681">
        <v>42479.07056</v>
      </c>
      <c r="AC1681">
        <v>37090.482089999998</v>
      </c>
      <c r="AD1681">
        <v>25802.957559999999</v>
      </c>
      <c r="AE1681">
        <v>34818.029110000003</v>
      </c>
      <c r="AF1681">
        <v>47478.865109999999</v>
      </c>
      <c r="AG1681">
        <v>19792.523270000002</v>
      </c>
      <c r="AH1681">
        <v>216179.9964</v>
      </c>
      <c r="AI1681">
        <v>70310.0144</v>
      </c>
      <c r="AJ1681">
        <v>22820.789519999998</v>
      </c>
      <c r="AK1681">
        <v>32453.19296</v>
      </c>
      <c r="AL1681">
        <v>55355.638120000003</v>
      </c>
      <c r="AM1681">
        <v>26967.443050000002</v>
      </c>
      <c r="AN1681">
        <v>79819.951480000003</v>
      </c>
      <c r="AO1681">
        <v>27462.80442</v>
      </c>
      <c r="AP1681">
        <v>15601.674360000001</v>
      </c>
    </row>
    <row r="1682" spans="2:42" x14ac:dyDescent="0.3">
      <c r="B1682">
        <v>42.170778402654122</v>
      </c>
      <c r="C1682" s="83">
        <v>43171</v>
      </c>
      <c r="D1682">
        <v>178333.93890000001</v>
      </c>
      <c r="E1682">
        <v>14960.283450000001</v>
      </c>
      <c r="F1682">
        <v>45061.473570000002</v>
      </c>
      <c r="G1682">
        <v>42594.478000000003</v>
      </c>
      <c r="H1682">
        <v>37144.980770000002</v>
      </c>
      <c r="I1682">
        <v>23927.408360000001</v>
      </c>
      <c r="J1682">
        <v>33316.277439999998</v>
      </c>
      <c r="K1682">
        <v>45612.171020000002</v>
      </c>
      <c r="L1682">
        <v>18198.033599999999</v>
      </c>
      <c r="M1682">
        <v>215006.29430000001</v>
      </c>
      <c r="N1682">
        <v>70491.109079999995</v>
      </c>
      <c r="O1682">
        <v>23160.692350000001</v>
      </c>
      <c r="P1682">
        <v>30709.03602</v>
      </c>
      <c r="Q1682">
        <v>58134.999559999997</v>
      </c>
      <c r="R1682">
        <v>23589.446479999999</v>
      </c>
      <c r="S1682">
        <v>79801.580149999994</v>
      </c>
      <c r="T1682">
        <v>26954.687170000001</v>
      </c>
      <c r="U1682">
        <v>15636.69462</v>
      </c>
      <c r="W1682" s="83">
        <f>Bühler!N1714</f>
        <v>45361.999999995925</v>
      </c>
      <c r="X1682" s="83">
        <v>43171</v>
      </c>
      <c r="Y1682">
        <v>178333.93890000001</v>
      </c>
      <c r="Z1682">
        <v>14960.283450000001</v>
      </c>
      <c r="AA1682">
        <v>45061.473570000002</v>
      </c>
      <c r="AB1682">
        <v>42594.478000000003</v>
      </c>
      <c r="AC1682">
        <v>37144.980770000002</v>
      </c>
      <c r="AD1682">
        <v>23927.408360000001</v>
      </c>
      <c r="AE1682">
        <v>33316.277439999998</v>
      </c>
      <c r="AF1682">
        <v>45612.171020000002</v>
      </c>
      <c r="AG1682">
        <v>18198.033599999999</v>
      </c>
      <c r="AH1682">
        <v>215006.29430000001</v>
      </c>
      <c r="AI1682">
        <v>70491.109079999995</v>
      </c>
      <c r="AJ1682">
        <v>23160.692350000001</v>
      </c>
      <c r="AK1682">
        <v>30709.03602</v>
      </c>
      <c r="AL1682">
        <v>58134.999559999997</v>
      </c>
      <c r="AM1682">
        <v>23589.446479999999</v>
      </c>
      <c r="AN1682">
        <v>79801.580149999994</v>
      </c>
      <c r="AO1682">
        <v>26954.687170000001</v>
      </c>
      <c r="AP1682">
        <v>15636.69462</v>
      </c>
    </row>
    <row r="1683" spans="2:42" x14ac:dyDescent="0.3">
      <c r="B1683">
        <v>42.906810387237279</v>
      </c>
      <c r="C1683" s="83">
        <v>43171.041666666664</v>
      </c>
      <c r="D1683">
        <v>179691.3303</v>
      </c>
      <c r="E1683">
        <v>15128.99409</v>
      </c>
      <c r="F1683">
        <v>45666.89961</v>
      </c>
      <c r="G1683">
        <v>42383.467290000001</v>
      </c>
      <c r="H1683">
        <v>37169.650070000003</v>
      </c>
      <c r="I1683">
        <v>19320.056390000002</v>
      </c>
      <c r="J1683">
        <v>32866.164859999997</v>
      </c>
      <c r="K1683">
        <v>44231.882619999997</v>
      </c>
      <c r="L1683">
        <v>17541.02852</v>
      </c>
      <c r="M1683">
        <v>218758.92860000001</v>
      </c>
      <c r="N1683">
        <v>70971.967269999994</v>
      </c>
      <c r="O1683">
        <v>23430.690620000001</v>
      </c>
      <c r="P1683">
        <v>30027.394660000002</v>
      </c>
      <c r="Q1683">
        <v>62320.82</v>
      </c>
      <c r="R1683">
        <v>22235.586770000002</v>
      </c>
      <c r="S1683">
        <v>78993.590549999994</v>
      </c>
      <c r="T1683">
        <v>26050.584640000001</v>
      </c>
      <c r="U1683">
        <v>15978.246440000001</v>
      </c>
      <c r="W1683" s="83">
        <f>Bühler!N1715</f>
        <v>45362.04166666259</v>
      </c>
      <c r="X1683" s="83">
        <v>43171.041666666664</v>
      </c>
      <c r="Y1683">
        <v>179691.3303</v>
      </c>
      <c r="Z1683">
        <v>15128.99409</v>
      </c>
      <c r="AA1683">
        <v>45666.89961</v>
      </c>
      <c r="AB1683">
        <v>42383.467290000001</v>
      </c>
      <c r="AC1683">
        <v>37169.650070000003</v>
      </c>
      <c r="AD1683">
        <v>19320.056390000002</v>
      </c>
      <c r="AE1683">
        <v>32866.164859999997</v>
      </c>
      <c r="AF1683">
        <v>44231.882619999997</v>
      </c>
      <c r="AG1683">
        <v>17541.02852</v>
      </c>
      <c r="AH1683">
        <v>218758.92860000001</v>
      </c>
      <c r="AI1683">
        <v>70971.967269999994</v>
      </c>
      <c r="AJ1683">
        <v>23430.690620000001</v>
      </c>
      <c r="AK1683">
        <v>30027.394660000002</v>
      </c>
      <c r="AL1683">
        <v>62320.82</v>
      </c>
      <c r="AM1683">
        <v>22235.586770000002</v>
      </c>
      <c r="AN1683">
        <v>78993.590549999994</v>
      </c>
      <c r="AO1683">
        <v>26050.584640000001</v>
      </c>
      <c r="AP1683">
        <v>15978.246440000001</v>
      </c>
    </row>
    <row r="1684" spans="2:42" x14ac:dyDescent="0.3">
      <c r="B1684">
        <v>44.030053028435802</v>
      </c>
      <c r="C1684" s="83">
        <v>43171.083333333336</v>
      </c>
      <c r="D1684">
        <v>182525.95790000001</v>
      </c>
      <c r="E1684">
        <v>15371.70508</v>
      </c>
      <c r="F1684">
        <v>46575.684910000004</v>
      </c>
      <c r="G1684">
        <v>42166.685960000003</v>
      </c>
      <c r="H1684">
        <v>37241.613299999997</v>
      </c>
      <c r="I1684">
        <v>18222.152669999999</v>
      </c>
      <c r="J1684">
        <v>32643.118729999998</v>
      </c>
      <c r="K1684">
        <v>43599.133679999999</v>
      </c>
      <c r="L1684">
        <v>17165.63812</v>
      </c>
      <c r="M1684">
        <v>224485.74340000001</v>
      </c>
      <c r="N1684">
        <v>70906.521189999999</v>
      </c>
      <c r="O1684">
        <v>23371.693630000002</v>
      </c>
      <c r="P1684">
        <v>29548.959709999999</v>
      </c>
      <c r="Q1684">
        <v>65146.134660000003</v>
      </c>
      <c r="R1684">
        <v>23359.906940000001</v>
      </c>
      <c r="S1684">
        <v>78642.105249999993</v>
      </c>
      <c r="T1684">
        <v>25590.698250000001</v>
      </c>
      <c r="U1684">
        <v>16227.413409999999</v>
      </c>
      <c r="W1684" s="83">
        <f>Bühler!N1716</f>
        <v>45362.083333329254</v>
      </c>
      <c r="X1684" s="83">
        <v>43171.083333333336</v>
      </c>
      <c r="Y1684">
        <v>182525.95790000001</v>
      </c>
      <c r="Z1684">
        <v>15371.70508</v>
      </c>
      <c r="AA1684">
        <v>46575.684910000004</v>
      </c>
      <c r="AB1684">
        <v>42166.685960000003</v>
      </c>
      <c r="AC1684">
        <v>37241.613299999997</v>
      </c>
      <c r="AD1684">
        <v>18222.152669999999</v>
      </c>
      <c r="AE1684">
        <v>32643.118729999998</v>
      </c>
      <c r="AF1684">
        <v>43599.133679999999</v>
      </c>
      <c r="AG1684">
        <v>17165.63812</v>
      </c>
      <c r="AH1684">
        <v>224485.74340000001</v>
      </c>
      <c r="AI1684">
        <v>70906.521189999999</v>
      </c>
      <c r="AJ1684">
        <v>23371.693630000002</v>
      </c>
      <c r="AK1684">
        <v>29548.959709999999</v>
      </c>
      <c r="AL1684">
        <v>65146.134660000003</v>
      </c>
      <c r="AM1684">
        <v>23359.906940000001</v>
      </c>
      <c r="AN1684">
        <v>78642.105249999993</v>
      </c>
      <c r="AO1684">
        <v>25590.698250000001</v>
      </c>
      <c r="AP1684">
        <v>16227.413409999999</v>
      </c>
    </row>
    <row r="1685" spans="2:42" x14ac:dyDescent="0.3">
      <c r="B1685">
        <v>45.262436902051796</v>
      </c>
      <c r="C1685" s="83">
        <v>43171.125</v>
      </c>
      <c r="D1685">
        <v>187176.283</v>
      </c>
      <c r="E1685">
        <v>15663.014349999999</v>
      </c>
      <c r="F1685">
        <v>49169.131679999999</v>
      </c>
      <c r="G1685">
        <v>41235.608110000001</v>
      </c>
      <c r="H1685">
        <v>37607.285349999998</v>
      </c>
      <c r="I1685">
        <v>18669.500759999999</v>
      </c>
      <c r="J1685">
        <v>33484.744460000002</v>
      </c>
      <c r="K1685">
        <v>42541.182650000002</v>
      </c>
      <c r="L1685">
        <v>17227.896720000001</v>
      </c>
      <c r="M1685">
        <v>230769.0111</v>
      </c>
      <c r="N1685">
        <v>71479.935670000006</v>
      </c>
      <c r="O1685">
        <v>23081.641479999998</v>
      </c>
      <c r="P1685">
        <v>28893.586009999999</v>
      </c>
      <c r="Q1685">
        <v>70636.837820000001</v>
      </c>
      <c r="R1685">
        <v>23545.545910000001</v>
      </c>
      <c r="S1685">
        <v>77914.090769999995</v>
      </c>
      <c r="T1685">
        <v>25616.44744</v>
      </c>
      <c r="U1685">
        <v>16753.598859999998</v>
      </c>
      <c r="W1685" s="83">
        <f>Bühler!N1717</f>
        <v>45362.124999995918</v>
      </c>
      <c r="X1685" s="83">
        <v>43171.125</v>
      </c>
      <c r="Y1685">
        <v>187176.283</v>
      </c>
      <c r="Z1685">
        <v>15663.014349999999</v>
      </c>
      <c r="AA1685">
        <v>49169.131679999999</v>
      </c>
      <c r="AB1685">
        <v>41235.608110000001</v>
      </c>
      <c r="AC1685">
        <v>37607.285349999998</v>
      </c>
      <c r="AD1685">
        <v>18669.500759999999</v>
      </c>
      <c r="AE1685">
        <v>33484.744460000002</v>
      </c>
      <c r="AF1685">
        <v>42541.182650000002</v>
      </c>
      <c r="AG1685">
        <v>17227.896720000001</v>
      </c>
      <c r="AH1685">
        <v>230769.0111</v>
      </c>
      <c r="AI1685">
        <v>71479.935670000006</v>
      </c>
      <c r="AJ1685">
        <v>23081.641479999998</v>
      </c>
      <c r="AK1685">
        <v>28893.586009999999</v>
      </c>
      <c r="AL1685">
        <v>70636.837820000001</v>
      </c>
      <c r="AM1685">
        <v>23545.545910000001</v>
      </c>
      <c r="AN1685">
        <v>77914.090769999995</v>
      </c>
      <c r="AO1685">
        <v>25616.44744</v>
      </c>
      <c r="AP1685">
        <v>16753.598859999998</v>
      </c>
    </row>
    <row r="1686" spans="2:42" x14ac:dyDescent="0.3">
      <c r="B1686">
        <v>48.239311609471841</v>
      </c>
      <c r="C1686" s="83">
        <v>43171.166666666664</v>
      </c>
      <c r="D1686">
        <v>198664.49110000001</v>
      </c>
      <c r="E1686">
        <v>16667.439549999999</v>
      </c>
      <c r="F1686">
        <v>53332.96845</v>
      </c>
      <c r="G1686">
        <v>41609.963669999997</v>
      </c>
      <c r="H1686">
        <v>38952.880839999998</v>
      </c>
      <c r="I1686">
        <v>21587.259569999998</v>
      </c>
      <c r="J1686">
        <v>35420.500970000001</v>
      </c>
      <c r="K1686">
        <v>42456.822999999997</v>
      </c>
      <c r="L1686">
        <v>17069.635149999998</v>
      </c>
      <c r="M1686">
        <v>245946.50659999999</v>
      </c>
      <c r="N1686">
        <v>72025.870790000001</v>
      </c>
      <c r="O1686">
        <v>23569.016070000001</v>
      </c>
      <c r="P1686">
        <v>29684.252380000002</v>
      </c>
      <c r="Q1686">
        <v>75733.060930000007</v>
      </c>
      <c r="R1686">
        <v>23834.721730000001</v>
      </c>
      <c r="S1686">
        <v>79202.153200000001</v>
      </c>
      <c r="T1686">
        <v>25735.163830000001</v>
      </c>
      <c r="U1686">
        <v>18146.528170000001</v>
      </c>
      <c r="W1686" s="83">
        <f>Bühler!N1718</f>
        <v>45362.166666662582</v>
      </c>
      <c r="X1686" s="83">
        <v>43171.166666666664</v>
      </c>
      <c r="Y1686">
        <v>198664.49110000001</v>
      </c>
      <c r="Z1686">
        <v>16667.439549999999</v>
      </c>
      <c r="AA1686">
        <v>53332.96845</v>
      </c>
      <c r="AB1686">
        <v>41609.963669999997</v>
      </c>
      <c r="AC1686">
        <v>38952.880839999998</v>
      </c>
      <c r="AD1686">
        <v>21587.259569999998</v>
      </c>
      <c r="AE1686">
        <v>35420.500970000001</v>
      </c>
      <c r="AF1686">
        <v>42456.822999999997</v>
      </c>
      <c r="AG1686">
        <v>17069.635149999998</v>
      </c>
      <c r="AH1686">
        <v>245946.50659999999</v>
      </c>
      <c r="AI1686">
        <v>72025.870790000001</v>
      </c>
      <c r="AJ1686">
        <v>23569.016070000001</v>
      </c>
      <c r="AK1686">
        <v>29684.252380000002</v>
      </c>
      <c r="AL1686">
        <v>75733.060930000007</v>
      </c>
      <c r="AM1686">
        <v>23834.721730000001</v>
      </c>
      <c r="AN1686">
        <v>79202.153200000001</v>
      </c>
      <c r="AO1686">
        <v>25735.163830000001</v>
      </c>
      <c r="AP1686">
        <v>18146.528170000001</v>
      </c>
    </row>
    <row r="1687" spans="2:42" x14ac:dyDescent="0.3">
      <c r="B1687">
        <v>53.880177130802075</v>
      </c>
      <c r="C1687" s="83">
        <v>43171.208333333336</v>
      </c>
      <c r="D1687">
        <v>228604.2003</v>
      </c>
      <c r="E1687">
        <v>18774.937569999998</v>
      </c>
      <c r="F1687">
        <v>64003.84044</v>
      </c>
      <c r="G1687">
        <v>44522.396070000003</v>
      </c>
      <c r="H1687">
        <v>41298.90769</v>
      </c>
      <c r="I1687">
        <v>31038.412410000001</v>
      </c>
      <c r="J1687">
        <v>38666.268499999998</v>
      </c>
      <c r="K1687">
        <v>43857.228470000002</v>
      </c>
      <c r="L1687">
        <v>18117.134460000001</v>
      </c>
      <c r="M1687">
        <v>274706.2696</v>
      </c>
      <c r="N1687">
        <v>74325.073380000002</v>
      </c>
      <c r="O1687">
        <v>25546.185700000002</v>
      </c>
      <c r="P1687">
        <v>30451.66044</v>
      </c>
      <c r="Q1687">
        <v>82198.345279999994</v>
      </c>
      <c r="R1687">
        <v>26150.555899999999</v>
      </c>
      <c r="S1687">
        <v>81854.369770000005</v>
      </c>
      <c r="T1687">
        <v>27248.00822</v>
      </c>
      <c r="U1687">
        <v>19848.923200000001</v>
      </c>
      <c r="W1687" s="83">
        <f>Bühler!N1719</f>
        <v>45362.208333329247</v>
      </c>
      <c r="X1687" s="83">
        <v>43171.208333333336</v>
      </c>
      <c r="Y1687">
        <v>228604.2003</v>
      </c>
      <c r="Z1687">
        <v>18774.937569999998</v>
      </c>
      <c r="AA1687">
        <v>64003.84044</v>
      </c>
      <c r="AB1687">
        <v>44522.396070000003</v>
      </c>
      <c r="AC1687">
        <v>41298.90769</v>
      </c>
      <c r="AD1687">
        <v>31038.412410000001</v>
      </c>
      <c r="AE1687">
        <v>38666.268499999998</v>
      </c>
      <c r="AF1687">
        <v>43857.228470000002</v>
      </c>
      <c r="AG1687">
        <v>18117.134460000001</v>
      </c>
      <c r="AH1687">
        <v>274706.2696</v>
      </c>
      <c r="AI1687">
        <v>74325.073380000002</v>
      </c>
      <c r="AJ1687">
        <v>25546.185700000002</v>
      </c>
      <c r="AK1687">
        <v>30451.66044</v>
      </c>
      <c r="AL1687">
        <v>82198.345279999994</v>
      </c>
      <c r="AM1687">
        <v>26150.555899999999</v>
      </c>
      <c r="AN1687">
        <v>81854.369770000005</v>
      </c>
      <c r="AO1687">
        <v>27248.00822</v>
      </c>
      <c r="AP1687">
        <v>19848.923200000001</v>
      </c>
    </row>
    <row r="1688" spans="2:42" x14ac:dyDescent="0.3">
      <c r="B1688">
        <v>59.153005094532141</v>
      </c>
      <c r="C1688" s="83">
        <v>43171.25</v>
      </c>
      <c r="D1688">
        <v>257162.49600000001</v>
      </c>
      <c r="E1688">
        <v>22949.408510000001</v>
      </c>
      <c r="F1688">
        <v>74999.230330000006</v>
      </c>
      <c r="G1688">
        <v>57257.309179999997</v>
      </c>
      <c r="H1688">
        <v>44679.171199999997</v>
      </c>
      <c r="I1688">
        <v>40318.080070000004</v>
      </c>
      <c r="J1688">
        <v>41558.902849999999</v>
      </c>
      <c r="K1688">
        <v>46867.815199999997</v>
      </c>
      <c r="L1688">
        <v>18768.640200000002</v>
      </c>
      <c r="M1688">
        <v>301589.60550000001</v>
      </c>
      <c r="N1688">
        <v>76696.272070000006</v>
      </c>
      <c r="O1688">
        <v>26247.695199999998</v>
      </c>
      <c r="P1688">
        <v>31359.4738</v>
      </c>
      <c r="Q1688">
        <v>86423.863270000002</v>
      </c>
      <c r="R1688">
        <v>19913.705139999998</v>
      </c>
      <c r="S1688">
        <v>88996.646720000004</v>
      </c>
      <c r="T1688">
        <v>29779.095270000002</v>
      </c>
      <c r="U1688">
        <v>22126.220649999999</v>
      </c>
      <c r="W1688" s="83">
        <f>Bühler!N1720</f>
        <v>45362.249999995911</v>
      </c>
      <c r="X1688" s="83">
        <v>43171.25</v>
      </c>
      <c r="Y1688">
        <v>257162.49600000001</v>
      </c>
      <c r="Z1688">
        <v>22949.408510000001</v>
      </c>
      <c r="AA1688">
        <v>74999.230330000006</v>
      </c>
      <c r="AB1688">
        <v>57257.309179999997</v>
      </c>
      <c r="AC1688">
        <v>44679.171199999997</v>
      </c>
      <c r="AD1688">
        <v>40318.080070000004</v>
      </c>
      <c r="AE1688">
        <v>41558.902849999999</v>
      </c>
      <c r="AF1688">
        <v>46867.815199999997</v>
      </c>
      <c r="AG1688">
        <v>18768.640200000002</v>
      </c>
      <c r="AH1688">
        <v>301589.60550000001</v>
      </c>
      <c r="AI1688">
        <v>76696.272070000006</v>
      </c>
      <c r="AJ1688">
        <v>26247.695199999998</v>
      </c>
      <c r="AK1688">
        <v>31359.4738</v>
      </c>
      <c r="AL1688">
        <v>86423.863270000002</v>
      </c>
      <c r="AM1688">
        <v>19913.705139999998</v>
      </c>
      <c r="AN1688">
        <v>88996.646720000004</v>
      </c>
      <c r="AO1688">
        <v>29779.095270000002</v>
      </c>
      <c r="AP1688">
        <v>22126.220649999999</v>
      </c>
    </row>
    <row r="1689" spans="2:42" x14ac:dyDescent="0.3">
      <c r="B1689">
        <v>60.531395070782217</v>
      </c>
      <c r="C1689" s="83">
        <v>43171.291666666664</v>
      </c>
      <c r="D1689">
        <v>275740.9167</v>
      </c>
      <c r="E1689">
        <v>27074.96357</v>
      </c>
      <c r="F1689">
        <v>72435.655960000004</v>
      </c>
      <c r="G1689">
        <v>69681.094760000007</v>
      </c>
      <c r="H1689">
        <v>48327.480349999998</v>
      </c>
      <c r="I1689">
        <v>49188.37227</v>
      </c>
      <c r="J1689">
        <v>38073.851860000002</v>
      </c>
      <c r="K1689">
        <v>51473.71903</v>
      </c>
      <c r="L1689">
        <v>21842.997080000001</v>
      </c>
      <c r="M1689">
        <v>308617.28039999999</v>
      </c>
      <c r="N1689">
        <v>83139.41072</v>
      </c>
      <c r="O1689">
        <v>28373.697039999999</v>
      </c>
      <c r="P1689">
        <v>34409.334060000001</v>
      </c>
      <c r="Q1689">
        <v>87524.062279999998</v>
      </c>
      <c r="R1689">
        <v>20980.832920000001</v>
      </c>
      <c r="S1689">
        <v>95744.542390000002</v>
      </c>
      <c r="T1689">
        <v>31382.13536</v>
      </c>
      <c r="U1689">
        <v>25626.906419999999</v>
      </c>
      <c r="W1689" s="83">
        <f>Bühler!N1721</f>
        <v>45362.291666662575</v>
      </c>
      <c r="X1689" s="83">
        <v>43171.291666666664</v>
      </c>
      <c r="Y1689">
        <v>275740.9167</v>
      </c>
      <c r="Z1689">
        <v>27074.96357</v>
      </c>
      <c r="AA1689">
        <v>72435.655960000004</v>
      </c>
      <c r="AB1689">
        <v>69681.094760000007</v>
      </c>
      <c r="AC1689">
        <v>48327.480349999998</v>
      </c>
      <c r="AD1689">
        <v>49188.37227</v>
      </c>
      <c r="AE1689">
        <v>38073.851860000002</v>
      </c>
      <c r="AF1689">
        <v>51473.71903</v>
      </c>
      <c r="AG1689">
        <v>21842.997080000001</v>
      </c>
      <c r="AH1689">
        <v>308617.28039999999</v>
      </c>
      <c r="AI1689">
        <v>83139.41072</v>
      </c>
      <c r="AJ1689">
        <v>28373.697039999999</v>
      </c>
      <c r="AK1689">
        <v>34409.334060000001</v>
      </c>
      <c r="AL1689">
        <v>87524.062279999998</v>
      </c>
      <c r="AM1689">
        <v>20980.832920000001</v>
      </c>
      <c r="AN1689">
        <v>95744.542390000002</v>
      </c>
      <c r="AO1689">
        <v>31382.13536</v>
      </c>
      <c r="AP1689">
        <v>25626.906419999999</v>
      </c>
    </row>
    <row r="1690" spans="2:42" x14ac:dyDescent="0.3">
      <c r="B1690">
        <v>62.290149036893645</v>
      </c>
      <c r="C1690" s="83">
        <v>43171.333333333336</v>
      </c>
      <c r="D1690">
        <v>291403.27299999999</v>
      </c>
      <c r="E1690">
        <v>32763.824420000001</v>
      </c>
      <c r="F1690">
        <v>77006.354829999997</v>
      </c>
      <c r="G1690">
        <v>84676.285829999993</v>
      </c>
      <c r="H1690">
        <v>53940.396999999997</v>
      </c>
      <c r="I1690">
        <v>51094.482709999997</v>
      </c>
      <c r="J1690">
        <v>38320.928699999997</v>
      </c>
      <c r="K1690">
        <v>58111.866349999997</v>
      </c>
      <c r="L1690">
        <v>25307.5952</v>
      </c>
      <c r="M1690">
        <v>317584.22830000002</v>
      </c>
      <c r="N1690">
        <v>89200.689960000003</v>
      </c>
      <c r="O1690">
        <v>29592.889719999999</v>
      </c>
      <c r="P1690">
        <v>35613.644699999997</v>
      </c>
      <c r="Q1690">
        <v>89884.242910000001</v>
      </c>
      <c r="R1690">
        <v>22946.8685</v>
      </c>
      <c r="S1690">
        <v>108769.4345</v>
      </c>
      <c r="T1690">
        <v>34923.173779999997</v>
      </c>
      <c r="U1690">
        <v>28232.02793</v>
      </c>
      <c r="W1690" s="83">
        <f>Bühler!N1722</f>
        <v>45362.333333329239</v>
      </c>
      <c r="X1690" s="83">
        <v>43171.333333333336</v>
      </c>
      <c r="Y1690">
        <v>291403.27299999999</v>
      </c>
      <c r="Z1690">
        <v>32763.824420000001</v>
      </c>
      <c r="AA1690">
        <v>77006.354829999997</v>
      </c>
      <c r="AB1690">
        <v>84676.285829999993</v>
      </c>
      <c r="AC1690">
        <v>53940.396999999997</v>
      </c>
      <c r="AD1690">
        <v>51094.482709999997</v>
      </c>
      <c r="AE1690">
        <v>38320.928699999997</v>
      </c>
      <c r="AF1690">
        <v>58111.866349999997</v>
      </c>
      <c r="AG1690">
        <v>25307.5952</v>
      </c>
      <c r="AH1690">
        <v>317584.22830000002</v>
      </c>
      <c r="AI1690">
        <v>89200.689960000003</v>
      </c>
      <c r="AJ1690">
        <v>29592.889719999999</v>
      </c>
      <c r="AK1690">
        <v>35613.644699999997</v>
      </c>
      <c r="AL1690">
        <v>89884.242910000001</v>
      </c>
      <c r="AM1690">
        <v>22946.8685</v>
      </c>
      <c r="AN1690">
        <v>108769.4345</v>
      </c>
      <c r="AO1690">
        <v>34923.173779999997</v>
      </c>
      <c r="AP1690">
        <v>28232.02793</v>
      </c>
    </row>
    <row r="1691" spans="2:42" x14ac:dyDescent="0.3">
      <c r="B1691">
        <v>62.848778712755646</v>
      </c>
      <c r="C1691" s="83">
        <v>43171.375</v>
      </c>
      <c r="D1691">
        <v>296169.07410000003</v>
      </c>
      <c r="E1691">
        <v>36589.561410000002</v>
      </c>
      <c r="F1691">
        <v>83284.919399999999</v>
      </c>
      <c r="G1691">
        <v>95784.955629999997</v>
      </c>
      <c r="H1691">
        <v>56929.099600000001</v>
      </c>
      <c r="I1691">
        <v>47806.588830000001</v>
      </c>
      <c r="J1691">
        <v>38003.736010000001</v>
      </c>
      <c r="K1691">
        <v>59989.948380000002</v>
      </c>
      <c r="L1691">
        <v>28431.229220000001</v>
      </c>
      <c r="M1691">
        <v>320432.38290000003</v>
      </c>
      <c r="N1691">
        <v>99899.731639999998</v>
      </c>
      <c r="O1691">
        <v>29949.497920000002</v>
      </c>
      <c r="P1691">
        <v>37860.181830000001</v>
      </c>
      <c r="Q1691">
        <v>91267.368319999994</v>
      </c>
      <c r="R1691">
        <v>23691.231080000001</v>
      </c>
      <c r="S1691">
        <v>114827.8211</v>
      </c>
      <c r="T1691">
        <v>37077.338470000002</v>
      </c>
      <c r="U1691">
        <v>28486.718110000002</v>
      </c>
      <c r="W1691" s="83">
        <f>Bühler!N1723</f>
        <v>45362.374999995904</v>
      </c>
      <c r="X1691" s="83">
        <v>43171.375</v>
      </c>
      <c r="Y1691">
        <v>296169.07410000003</v>
      </c>
      <c r="Z1691">
        <v>36589.561410000002</v>
      </c>
      <c r="AA1691">
        <v>83284.919399999999</v>
      </c>
      <c r="AB1691">
        <v>95784.955629999997</v>
      </c>
      <c r="AC1691">
        <v>56929.099600000001</v>
      </c>
      <c r="AD1691">
        <v>47806.588830000001</v>
      </c>
      <c r="AE1691">
        <v>38003.736010000001</v>
      </c>
      <c r="AF1691">
        <v>59989.948380000002</v>
      </c>
      <c r="AG1691">
        <v>28431.229220000001</v>
      </c>
      <c r="AH1691">
        <v>320432.38290000003</v>
      </c>
      <c r="AI1691">
        <v>99899.731639999998</v>
      </c>
      <c r="AJ1691">
        <v>29949.497920000002</v>
      </c>
      <c r="AK1691">
        <v>37860.181830000001</v>
      </c>
      <c r="AL1691">
        <v>91267.368319999994</v>
      </c>
      <c r="AM1691">
        <v>23691.231080000001</v>
      </c>
      <c r="AN1691">
        <v>114827.8211</v>
      </c>
      <c r="AO1691">
        <v>37077.338470000002</v>
      </c>
      <c r="AP1691">
        <v>28486.718110000002</v>
      </c>
    </row>
    <row r="1692" spans="2:42" x14ac:dyDescent="0.3">
      <c r="B1692">
        <v>64.059382978043885</v>
      </c>
      <c r="C1692" s="83">
        <v>43171.416666666664</v>
      </c>
      <c r="D1692">
        <v>300638.31929999997</v>
      </c>
      <c r="E1692">
        <v>38092.865489999996</v>
      </c>
      <c r="F1692">
        <v>84205.283509999994</v>
      </c>
      <c r="G1692">
        <v>98255.191189999998</v>
      </c>
      <c r="H1692">
        <v>57308.11909</v>
      </c>
      <c r="I1692">
        <v>44102.153539999999</v>
      </c>
      <c r="J1692">
        <v>37014.621959999997</v>
      </c>
      <c r="K1692">
        <v>61226.19412</v>
      </c>
      <c r="L1692">
        <v>29969.443439999999</v>
      </c>
      <c r="M1692">
        <v>326604.60800000001</v>
      </c>
      <c r="N1692">
        <v>103851.2669</v>
      </c>
      <c r="O1692">
        <v>29668.154460000002</v>
      </c>
      <c r="P1692">
        <v>37520.3897</v>
      </c>
      <c r="Q1692">
        <v>91873.264290000006</v>
      </c>
      <c r="R1692">
        <v>24380.251509999998</v>
      </c>
      <c r="S1692">
        <v>114573.9905</v>
      </c>
      <c r="T1692">
        <v>38675.157760000002</v>
      </c>
      <c r="U1692">
        <v>28428.65942</v>
      </c>
      <c r="W1692" s="83">
        <f>Bühler!N1724</f>
        <v>45362.416666662568</v>
      </c>
      <c r="X1692" s="83">
        <v>43171.416666666664</v>
      </c>
      <c r="Y1692">
        <v>300638.31929999997</v>
      </c>
      <c r="Z1692">
        <v>38092.865489999996</v>
      </c>
      <c r="AA1692">
        <v>84205.283509999994</v>
      </c>
      <c r="AB1692">
        <v>98255.191189999998</v>
      </c>
      <c r="AC1692">
        <v>57308.11909</v>
      </c>
      <c r="AD1692">
        <v>44102.153539999999</v>
      </c>
      <c r="AE1692">
        <v>37014.621959999997</v>
      </c>
      <c r="AF1692">
        <v>61226.19412</v>
      </c>
      <c r="AG1692">
        <v>29969.443439999999</v>
      </c>
      <c r="AH1692">
        <v>326604.60800000001</v>
      </c>
      <c r="AI1692">
        <v>103851.2669</v>
      </c>
      <c r="AJ1692">
        <v>29668.154460000002</v>
      </c>
      <c r="AK1692">
        <v>37520.3897</v>
      </c>
      <c r="AL1692">
        <v>91873.264290000006</v>
      </c>
      <c r="AM1692">
        <v>24380.251509999998</v>
      </c>
      <c r="AN1692">
        <v>114573.9905</v>
      </c>
      <c r="AO1692">
        <v>38675.157760000002</v>
      </c>
      <c r="AP1692">
        <v>28428.65942</v>
      </c>
    </row>
    <row r="1693" spans="2:42" x14ac:dyDescent="0.3">
      <c r="B1693">
        <v>64.59604496941256</v>
      </c>
      <c r="C1693" s="83">
        <v>43171.458333333336</v>
      </c>
      <c r="D1693">
        <v>299757.59450000001</v>
      </c>
      <c r="E1693">
        <v>38078.044410000002</v>
      </c>
      <c r="F1693">
        <v>83893.719150000004</v>
      </c>
      <c r="G1693">
        <v>96753.322839999993</v>
      </c>
      <c r="H1693">
        <v>56157.952389999999</v>
      </c>
      <c r="I1693">
        <v>42585.019200000002</v>
      </c>
      <c r="J1693">
        <v>36410.771000000001</v>
      </c>
      <c r="K1693">
        <v>61382.20521</v>
      </c>
      <c r="L1693">
        <v>31587.789270000001</v>
      </c>
      <c r="M1693">
        <v>329340.7611</v>
      </c>
      <c r="N1693">
        <v>102559.74</v>
      </c>
      <c r="O1693">
        <v>29096.063750000001</v>
      </c>
      <c r="P1693">
        <v>36243.084589999999</v>
      </c>
      <c r="Q1693">
        <v>93233.82561</v>
      </c>
      <c r="R1693">
        <v>25759.666379999999</v>
      </c>
      <c r="S1693">
        <v>116831.9577</v>
      </c>
      <c r="T1693">
        <v>38453.524590000001</v>
      </c>
      <c r="U1693">
        <v>27907.164560000001</v>
      </c>
      <c r="W1693" s="83">
        <f>Bühler!N1725</f>
        <v>45362.458333329232</v>
      </c>
      <c r="X1693" s="83">
        <v>43171.458333333336</v>
      </c>
      <c r="Y1693">
        <v>299757.59450000001</v>
      </c>
      <c r="Z1693">
        <v>38078.044410000002</v>
      </c>
      <c r="AA1693">
        <v>83893.719150000004</v>
      </c>
      <c r="AB1693">
        <v>96753.322839999993</v>
      </c>
      <c r="AC1693">
        <v>56157.952389999999</v>
      </c>
      <c r="AD1693">
        <v>42585.019200000002</v>
      </c>
      <c r="AE1693">
        <v>36410.771000000001</v>
      </c>
      <c r="AF1693">
        <v>61382.20521</v>
      </c>
      <c r="AG1693">
        <v>31587.789270000001</v>
      </c>
      <c r="AH1693">
        <v>329340.7611</v>
      </c>
      <c r="AI1693">
        <v>102559.74</v>
      </c>
      <c r="AJ1693">
        <v>29096.063750000001</v>
      </c>
      <c r="AK1693">
        <v>36243.084589999999</v>
      </c>
      <c r="AL1693">
        <v>93233.82561</v>
      </c>
      <c r="AM1693">
        <v>25759.666379999999</v>
      </c>
      <c r="AN1693">
        <v>116831.9577</v>
      </c>
      <c r="AO1693">
        <v>38453.524590000001</v>
      </c>
      <c r="AP1693">
        <v>27907.164560000001</v>
      </c>
    </row>
    <row r="1694" spans="2:42" x14ac:dyDescent="0.3">
      <c r="B1694">
        <v>63.870015835996682</v>
      </c>
      <c r="C1694" s="83">
        <v>43171.5</v>
      </c>
      <c r="D1694">
        <v>286643.07699999999</v>
      </c>
      <c r="E1694">
        <v>33894.185120000002</v>
      </c>
      <c r="F1694">
        <v>78070.509439999994</v>
      </c>
      <c r="G1694">
        <v>94634.646269999997</v>
      </c>
      <c r="H1694">
        <v>53233.073270000001</v>
      </c>
      <c r="I1694">
        <v>40486.979399999997</v>
      </c>
      <c r="J1694">
        <v>36463.921779999997</v>
      </c>
      <c r="K1694">
        <v>57834.828500000003</v>
      </c>
      <c r="L1694">
        <v>34209.292370000003</v>
      </c>
      <c r="M1694">
        <v>325639.12599999999</v>
      </c>
      <c r="N1694">
        <v>98552.1489</v>
      </c>
      <c r="O1694">
        <v>27937.167590000001</v>
      </c>
      <c r="P1694">
        <v>36924.074430000001</v>
      </c>
      <c r="Q1694">
        <v>93497.919479999997</v>
      </c>
      <c r="R1694">
        <v>24251.95405</v>
      </c>
      <c r="S1694">
        <v>109841.163</v>
      </c>
      <c r="T1694">
        <v>37990.688040000001</v>
      </c>
      <c r="U1694">
        <v>22805.29117</v>
      </c>
      <c r="W1694" s="83">
        <f>Bühler!N1726</f>
        <v>45362.499999995896</v>
      </c>
      <c r="X1694" s="83">
        <v>43171.5</v>
      </c>
      <c r="Y1694">
        <v>286643.07699999999</v>
      </c>
      <c r="Z1694">
        <v>33894.185120000002</v>
      </c>
      <c r="AA1694">
        <v>78070.509439999994</v>
      </c>
      <c r="AB1694">
        <v>94634.646269999997</v>
      </c>
      <c r="AC1694">
        <v>53233.073270000001</v>
      </c>
      <c r="AD1694">
        <v>40486.979399999997</v>
      </c>
      <c r="AE1694">
        <v>36463.921779999997</v>
      </c>
      <c r="AF1694">
        <v>57834.828500000003</v>
      </c>
      <c r="AG1694">
        <v>34209.292370000003</v>
      </c>
      <c r="AH1694">
        <v>325639.12599999999</v>
      </c>
      <c r="AI1694">
        <v>98552.1489</v>
      </c>
      <c r="AJ1694">
        <v>27937.167590000001</v>
      </c>
      <c r="AK1694">
        <v>36924.074430000001</v>
      </c>
      <c r="AL1694">
        <v>93497.919479999997</v>
      </c>
      <c r="AM1694">
        <v>24251.95405</v>
      </c>
      <c r="AN1694">
        <v>109841.163</v>
      </c>
      <c r="AO1694">
        <v>37990.688040000001</v>
      </c>
      <c r="AP1694">
        <v>22805.29117</v>
      </c>
    </row>
    <row r="1695" spans="2:42" x14ac:dyDescent="0.3">
      <c r="B1695">
        <v>63.441156144993741</v>
      </c>
      <c r="C1695" s="83">
        <v>43171.541666666664</v>
      </c>
      <c r="D1695">
        <v>289433.98820000002</v>
      </c>
      <c r="E1695">
        <v>33269.711770000002</v>
      </c>
      <c r="F1695">
        <v>75930.324670000002</v>
      </c>
      <c r="G1695">
        <v>91888.099220000004</v>
      </c>
      <c r="H1695">
        <v>53738.358050000003</v>
      </c>
      <c r="I1695">
        <v>40156.654929999997</v>
      </c>
      <c r="J1695">
        <v>35676.541749999997</v>
      </c>
      <c r="K1695">
        <v>60280.95779</v>
      </c>
      <c r="L1695">
        <v>32603.716820000001</v>
      </c>
      <c r="M1695">
        <v>323452.5993</v>
      </c>
      <c r="N1695">
        <v>97823.352299999999</v>
      </c>
      <c r="O1695">
        <v>27659.97825</v>
      </c>
      <c r="P1695">
        <v>35760.444199999998</v>
      </c>
      <c r="Q1695">
        <v>91707.47034</v>
      </c>
      <c r="R1695">
        <v>23668.27432</v>
      </c>
      <c r="S1695">
        <v>107785.36960000001</v>
      </c>
      <c r="T1695">
        <v>36327.260410000003</v>
      </c>
      <c r="U1695">
        <v>24874.362949999999</v>
      </c>
      <c r="W1695" s="83">
        <f>Bühler!N1727</f>
        <v>45362.541666662561</v>
      </c>
      <c r="X1695" s="83">
        <v>43171.541666666664</v>
      </c>
      <c r="Y1695">
        <v>289433.98820000002</v>
      </c>
      <c r="Z1695">
        <v>33269.711770000002</v>
      </c>
      <c r="AA1695">
        <v>75930.324670000002</v>
      </c>
      <c r="AB1695">
        <v>91888.099220000004</v>
      </c>
      <c r="AC1695">
        <v>53738.358050000003</v>
      </c>
      <c r="AD1695">
        <v>40156.654929999997</v>
      </c>
      <c r="AE1695">
        <v>35676.541749999997</v>
      </c>
      <c r="AF1695">
        <v>60280.95779</v>
      </c>
      <c r="AG1695">
        <v>32603.716820000001</v>
      </c>
      <c r="AH1695">
        <v>323452.5993</v>
      </c>
      <c r="AI1695">
        <v>97823.352299999999</v>
      </c>
      <c r="AJ1695">
        <v>27659.97825</v>
      </c>
      <c r="AK1695">
        <v>35760.444199999998</v>
      </c>
      <c r="AL1695">
        <v>91707.47034</v>
      </c>
      <c r="AM1695">
        <v>23668.27432</v>
      </c>
      <c r="AN1695">
        <v>107785.36960000001</v>
      </c>
      <c r="AO1695">
        <v>36327.260410000003</v>
      </c>
      <c r="AP1695">
        <v>24874.362949999999</v>
      </c>
    </row>
    <row r="1696" spans="2:42" x14ac:dyDescent="0.3">
      <c r="B1696">
        <v>63.771916178873489</v>
      </c>
      <c r="C1696" s="83">
        <v>43171.583333333336</v>
      </c>
      <c r="D1696">
        <v>293455.34049999999</v>
      </c>
      <c r="E1696">
        <v>35997.197090000001</v>
      </c>
      <c r="F1696">
        <v>82108.644199999995</v>
      </c>
      <c r="G1696">
        <v>86074.980339999995</v>
      </c>
      <c r="H1696">
        <v>52816.887130000003</v>
      </c>
      <c r="I1696">
        <v>40700.408470000002</v>
      </c>
      <c r="J1696">
        <v>34762.301039999998</v>
      </c>
      <c r="K1696">
        <v>62317.683190000003</v>
      </c>
      <c r="L1696">
        <v>29362.745289999999</v>
      </c>
      <c r="M1696">
        <v>325138.9682</v>
      </c>
      <c r="N1696">
        <v>98695.771630000003</v>
      </c>
      <c r="O1696">
        <v>27335.302960000001</v>
      </c>
      <c r="P1696">
        <v>33715.96731</v>
      </c>
      <c r="Q1696">
        <v>91128.586429999996</v>
      </c>
      <c r="R1696">
        <v>23321.991740000001</v>
      </c>
      <c r="S1696">
        <v>103609.6646</v>
      </c>
      <c r="T1696">
        <v>35007.734120000001</v>
      </c>
      <c r="U1696">
        <v>25277.556779999999</v>
      </c>
      <c r="W1696" s="83">
        <f>Bühler!N1728</f>
        <v>45362.583333329225</v>
      </c>
      <c r="X1696" s="83">
        <v>43171.583333333336</v>
      </c>
      <c r="Y1696">
        <v>293455.34049999999</v>
      </c>
      <c r="Z1696">
        <v>35997.197090000001</v>
      </c>
      <c r="AA1696">
        <v>82108.644199999995</v>
      </c>
      <c r="AB1696">
        <v>86074.980339999995</v>
      </c>
      <c r="AC1696">
        <v>52816.887130000003</v>
      </c>
      <c r="AD1696">
        <v>40700.408470000002</v>
      </c>
      <c r="AE1696">
        <v>34762.301039999998</v>
      </c>
      <c r="AF1696">
        <v>62317.683190000003</v>
      </c>
      <c r="AG1696">
        <v>29362.745289999999</v>
      </c>
      <c r="AH1696">
        <v>325138.9682</v>
      </c>
      <c r="AI1696">
        <v>98695.771630000003</v>
      </c>
      <c r="AJ1696">
        <v>27335.302960000001</v>
      </c>
      <c r="AK1696">
        <v>33715.96731</v>
      </c>
      <c r="AL1696">
        <v>91128.586429999996</v>
      </c>
      <c r="AM1696">
        <v>23321.991740000001</v>
      </c>
      <c r="AN1696">
        <v>103609.6646</v>
      </c>
      <c r="AO1696">
        <v>35007.734120000001</v>
      </c>
      <c r="AP1696">
        <v>25277.556779999999</v>
      </c>
    </row>
    <row r="1697" spans="2:42" x14ac:dyDescent="0.3">
      <c r="B1697">
        <v>62.754423985719143</v>
      </c>
      <c r="C1697" s="83">
        <v>43171.625</v>
      </c>
      <c r="D1697">
        <v>290644.31109999999</v>
      </c>
      <c r="E1697">
        <v>35425.418100000003</v>
      </c>
      <c r="F1697">
        <v>82293.69803</v>
      </c>
      <c r="G1697">
        <v>82366.971810000003</v>
      </c>
      <c r="H1697">
        <v>51722.392690000001</v>
      </c>
      <c r="I1697">
        <v>40945.411870000004</v>
      </c>
      <c r="J1697">
        <v>34310.42525</v>
      </c>
      <c r="K1697">
        <v>60764.657299999999</v>
      </c>
      <c r="L1697">
        <v>26581.26699</v>
      </c>
      <c r="M1697">
        <v>319951.31849999999</v>
      </c>
      <c r="N1697">
        <v>95216.112080000006</v>
      </c>
      <c r="O1697">
        <v>26360.476729999998</v>
      </c>
      <c r="P1697">
        <v>31123.028470000001</v>
      </c>
      <c r="Q1697">
        <v>90268.782600000006</v>
      </c>
      <c r="R1697">
        <v>22472.07747</v>
      </c>
      <c r="S1697">
        <v>101105.1289</v>
      </c>
      <c r="T1697">
        <v>34070.389640000001</v>
      </c>
      <c r="U1697">
        <v>23846.87312</v>
      </c>
      <c r="W1697" s="83">
        <f>Bühler!N1729</f>
        <v>45362.624999995889</v>
      </c>
      <c r="X1697" s="83">
        <v>43171.625</v>
      </c>
      <c r="Y1697">
        <v>290644.31109999999</v>
      </c>
      <c r="Z1697">
        <v>35425.418100000003</v>
      </c>
      <c r="AA1697">
        <v>82293.69803</v>
      </c>
      <c r="AB1697">
        <v>82366.971810000003</v>
      </c>
      <c r="AC1697">
        <v>51722.392690000001</v>
      </c>
      <c r="AD1697">
        <v>40945.411870000004</v>
      </c>
      <c r="AE1697">
        <v>34310.42525</v>
      </c>
      <c r="AF1697">
        <v>60764.657299999999</v>
      </c>
      <c r="AG1697">
        <v>26581.26699</v>
      </c>
      <c r="AH1697">
        <v>319951.31849999999</v>
      </c>
      <c r="AI1697">
        <v>95216.112080000006</v>
      </c>
      <c r="AJ1697">
        <v>26360.476729999998</v>
      </c>
      <c r="AK1697">
        <v>31123.028470000001</v>
      </c>
      <c r="AL1697">
        <v>90268.782600000006</v>
      </c>
      <c r="AM1697">
        <v>22472.07747</v>
      </c>
      <c r="AN1697">
        <v>101105.1289</v>
      </c>
      <c r="AO1697">
        <v>34070.389640000001</v>
      </c>
      <c r="AP1697">
        <v>23846.87312</v>
      </c>
    </row>
    <row r="1698" spans="2:42" x14ac:dyDescent="0.3">
      <c r="B1698">
        <v>61.744513974618627</v>
      </c>
      <c r="C1698" s="83">
        <v>43171.666666666664</v>
      </c>
      <c r="D1698">
        <v>283666.27620000002</v>
      </c>
      <c r="E1698">
        <v>34236.259539999999</v>
      </c>
      <c r="F1698">
        <v>81892.709480000005</v>
      </c>
      <c r="G1698">
        <v>78138.607120000001</v>
      </c>
      <c r="H1698">
        <v>49668.03501</v>
      </c>
      <c r="I1698">
        <v>42695.966569999997</v>
      </c>
      <c r="J1698">
        <v>33263.569900000002</v>
      </c>
      <c r="K1698">
        <v>57104.613989999998</v>
      </c>
      <c r="L1698">
        <v>25653.64834</v>
      </c>
      <c r="M1698">
        <v>314802.32630000002</v>
      </c>
      <c r="N1698">
        <v>92254.322140000004</v>
      </c>
      <c r="O1698">
        <v>25290.913629999999</v>
      </c>
      <c r="P1698">
        <v>32038.47048</v>
      </c>
      <c r="Q1698">
        <v>89649.785409999997</v>
      </c>
      <c r="R1698">
        <v>22248.957559999999</v>
      </c>
      <c r="S1698">
        <v>97718.469710000005</v>
      </c>
      <c r="T1698">
        <v>33681.918360000003</v>
      </c>
      <c r="U1698">
        <v>21897.466939999998</v>
      </c>
      <c r="W1698" s="83">
        <f>Bühler!N1730</f>
        <v>45362.666666662553</v>
      </c>
      <c r="X1698" s="83">
        <v>43171.666666666664</v>
      </c>
      <c r="Y1698">
        <v>283666.27620000002</v>
      </c>
      <c r="Z1698">
        <v>34236.259539999999</v>
      </c>
      <c r="AA1698">
        <v>81892.709480000005</v>
      </c>
      <c r="AB1698">
        <v>78138.607120000001</v>
      </c>
      <c r="AC1698">
        <v>49668.03501</v>
      </c>
      <c r="AD1698">
        <v>42695.966569999997</v>
      </c>
      <c r="AE1698">
        <v>33263.569900000002</v>
      </c>
      <c r="AF1698">
        <v>57104.613989999998</v>
      </c>
      <c r="AG1698">
        <v>25653.64834</v>
      </c>
      <c r="AH1698">
        <v>314802.32630000002</v>
      </c>
      <c r="AI1698">
        <v>92254.322140000004</v>
      </c>
      <c r="AJ1698">
        <v>25290.913629999999</v>
      </c>
      <c r="AK1698">
        <v>32038.47048</v>
      </c>
      <c r="AL1698">
        <v>89649.785409999997</v>
      </c>
      <c r="AM1698">
        <v>22248.957559999999</v>
      </c>
      <c r="AN1698">
        <v>97718.469710000005</v>
      </c>
      <c r="AO1698">
        <v>33681.918360000003</v>
      </c>
      <c r="AP1698">
        <v>21897.466939999998</v>
      </c>
    </row>
    <row r="1699" spans="2:42" x14ac:dyDescent="0.3">
      <c r="B1699">
        <v>60.806955681713134</v>
      </c>
      <c r="C1699" s="83">
        <v>43171.708333333336</v>
      </c>
      <c r="D1699">
        <v>274229.16950000002</v>
      </c>
      <c r="E1699">
        <v>31898.484479999999</v>
      </c>
      <c r="F1699">
        <v>81017.016680000001</v>
      </c>
      <c r="G1699">
        <v>69562.602719999995</v>
      </c>
      <c r="H1699">
        <v>47253.894370000002</v>
      </c>
      <c r="I1699">
        <v>42531.29494</v>
      </c>
      <c r="J1699">
        <v>32944.524089999999</v>
      </c>
      <c r="K1699">
        <v>53088.88306</v>
      </c>
      <c r="L1699">
        <v>25566.73359</v>
      </c>
      <c r="M1699">
        <v>310022.2169</v>
      </c>
      <c r="N1699">
        <v>85315.00387</v>
      </c>
      <c r="O1699">
        <v>24510.440360000001</v>
      </c>
      <c r="P1699">
        <v>33035.093289999997</v>
      </c>
      <c r="Q1699">
        <v>88709.845780000003</v>
      </c>
      <c r="R1699">
        <v>23169.32215</v>
      </c>
      <c r="S1699">
        <v>95344.038440000004</v>
      </c>
      <c r="T1699">
        <v>33736.71961</v>
      </c>
      <c r="U1699">
        <v>20211.714090000001</v>
      </c>
      <c r="W1699" s="83">
        <f>Bühler!N1731</f>
        <v>45362.708333329218</v>
      </c>
      <c r="X1699" s="83">
        <v>43171.708333333336</v>
      </c>
      <c r="Y1699">
        <v>274229.16950000002</v>
      </c>
      <c r="Z1699">
        <v>31898.484479999999</v>
      </c>
      <c r="AA1699">
        <v>81017.016680000001</v>
      </c>
      <c r="AB1699">
        <v>69562.602719999995</v>
      </c>
      <c r="AC1699">
        <v>47253.894370000002</v>
      </c>
      <c r="AD1699">
        <v>42531.29494</v>
      </c>
      <c r="AE1699">
        <v>32944.524089999999</v>
      </c>
      <c r="AF1699">
        <v>53088.88306</v>
      </c>
      <c r="AG1699">
        <v>25566.73359</v>
      </c>
      <c r="AH1699">
        <v>310022.2169</v>
      </c>
      <c r="AI1699">
        <v>85315.00387</v>
      </c>
      <c r="AJ1699">
        <v>24510.440360000001</v>
      </c>
      <c r="AK1699">
        <v>33035.093289999997</v>
      </c>
      <c r="AL1699">
        <v>88709.845780000003</v>
      </c>
      <c r="AM1699">
        <v>23169.32215</v>
      </c>
      <c r="AN1699">
        <v>95344.038440000004</v>
      </c>
      <c r="AO1699">
        <v>33736.71961</v>
      </c>
      <c r="AP1699">
        <v>20211.714090000001</v>
      </c>
    </row>
    <row r="1700" spans="2:42" x14ac:dyDescent="0.3">
      <c r="B1700">
        <v>60.094127165009418</v>
      </c>
      <c r="C1700" s="83">
        <v>43171.75</v>
      </c>
      <c r="D1700">
        <v>268372.00300000003</v>
      </c>
      <c r="E1700">
        <v>29633.139019999999</v>
      </c>
      <c r="F1700">
        <v>80388.066940000004</v>
      </c>
      <c r="G1700">
        <v>60863.841310000003</v>
      </c>
      <c r="H1700">
        <v>45798.543469999997</v>
      </c>
      <c r="I1700">
        <v>41893.287210000002</v>
      </c>
      <c r="J1700">
        <v>34352.101620000001</v>
      </c>
      <c r="K1700">
        <v>51291.078479999996</v>
      </c>
      <c r="L1700">
        <v>27281.613089999999</v>
      </c>
      <c r="M1700">
        <v>306387.8847</v>
      </c>
      <c r="N1700">
        <v>82245.056020000004</v>
      </c>
      <c r="O1700">
        <v>23964.602709999999</v>
      </c>
      <c r="P1700">
        <v>37337.316630000001</v>
      </c>
      <c r="Q1700">
        <v>86734.080260000002</v>
      </c>
      <c r="R1700">
        <v>21606.443510000001</v>
      </c>
      <c r="S1700">
        <v>91246.733089999994</v>
      </c>
      <c r="T1700">
        <v>33652.258679999999</v>
      </c>
      <c r="U1700">
        <v>18837.254919999999</v>
      </c>
      <c r="W1700" s="83">
        <f>Bühler!N1732</f>
        <v>45362.749999995882</v>
      </c>
      <c r="X1700" s="83">
        <v>43171.75</v>
      </c>
      <c r="Y1700">
        <v>268372.00300000003</v>
      </c>
      <c r="Z1700">
        <v>29633.139019999999</v>
      </c>
      <c r="AA1700">
        <v>80388.066940000004</v>
      </c>
      <c r="AB1700">
        <v>60863.841310000003</v>
      </c>
      <c r="AC1700">
        <v>45798.543469999997</v>
      </c>
      <c r="AD1700">
        <v>41893.287210000002</v>
      </c>
      <c r="AE1700">
        <v>34352.101620000001</v>
      </c>
      <c r="AF1700">
        <v>51291.078479999996</v>
      </c>
      <c r="AG1700">
        <v>27281.613089999999</v>
      </c>
      <c r="AH1700">
        <v>306387.8847</v>
      </c>
      <c r="AI1700">
        <v>82245.056020000004</v>
      </c>
      <c r="AJ1700">
        <v>23964.602709999999</v>
      </c>
      <c r="AK1700">
        <v>37337.316630000001</v>
      </c>
      <c r="AL1700">
        <v>86734.080260000002</v>
      </c>
      <c r="AM1700">
        <v>21606.443510000001</v>
      </c>
      <c r="AN1700">
        <v>91246.733089999994</v>
      </c>
      <c r="AO1700">
        <v>33652.258679999999</v>
      </c>
      <c r="AP1700">
        <v>18837.254919999999</v>
      </c>
    </row>
    <row r="1701" spans="2:42" x14ac:dyDescent="0.3">
      <c r="B1701">
        <v>59.636636099351946</v>
      </c>
      <c r="C1701" s="83">
        <v>43171.791666666664</v>
      </c>
      <c r="D1701">
        <v>265727.48460000003</v>
      </c>
      <c r="E1701">
        <v>25423.490720000002</v>
      </c>
      <c r="F1701">
        <v>70374.474929999997</v>
      </c>
      <c r="G1701">
        <v>57620.419849999998</v>
      </c>
      <c r="H1701">
        <v>45666.241020000001</v>
      </c>
      <c r="I1701">
        <v>39912.304279999997</v>
      </c>
      <c r="J1701">
        <v>36809.919979999999</v>
      </c>
      <c r="K1701">
        <v>49506.466679999998</v>
      </c>
      <c r="L1701">
        <v>28785.85226</v>
      </c>
      <c r="M1701">
        <v>304055.38189999998</v>
      </c>
      <c r="N1701">
        <v>81227.990569999994</v>
      </c>
      <c r="O1701">
        <v>23534.12386</v>
      </c>
      <c r="P1701">
        <v>40469.34575</v>
      </c>
      <c r="Q1701">
        <v>85436.689840000006</v>
      </c>
      <c r="R1701">
        <v>20830.738219999999</v>
      </c>
      <c r="S1701">
        <v>89819.9133</v>
      </c>
      <c r="T1701">
        <v>36197.737110000002</v>
      </c>
      <c r="U1701">
        <v>18862.410070000002</v>
      </c>
      <c r="W1701" s="83">
        <f>Bühler!N1733</f>
        <v>45362.791666662546</v>
      </c>
      <c r="X1701" s="83">
        <v>43171.791666666664</v>
      </c>
      <c r="Y1701">
        <v>265727.48460000003</v>
      </c>
      <c r="Z1701">
        <v>25423.490720000002</v>
      </c>
      <c r="AA1701">
        <v>70374.474929999997</v>
      </c>
      <c r="AB1701">
        <v>57620.419849999998</v>
      </c>
      <c r="AC1701">
        <v>45666.241020000001</v>
      </c>
      <c r="AD1701">
        <v>39912.304279999997</v>
      </c>
      <c r="AE1701">
        <v>36809.919979999999</v>
      </c>
      <c r="AF1701">
        <v>49506.466679999998</v>
      </c>
      <c r="AG1701">
        <v>28785.85226</v>
      </c>
      <c r="AH1701">
        <v>304055.38189999998</v>
      </c>
      <c r="AI1701">
        <v>81227.990569999994</v>
      </c>
      <c r="AJ1701">
        <v>23534.12386</v>
      </c>
      <c r="AK1701">
        <v>40469.34575</v>
      </c>
      <c r="AL1701">
        <v>85436.689840000006</v>
      </c>
      <c r="AM1701">
        <v>20830.738219999999</v>
      </c>
      <c r="AN1701">
        <v>89819.9133</v>
      </c>
      <c r="AO1701">
        <v>36197.737110000002</v>
      </c>
      <c r="AP1701">
        <v>18862.410070000002</v>
      </c>
    </row>
    <row r="1702" spans="2:42" x14ac:dyDescent="0.3">
      <c r="B1702">
        <v>57.950053012740518</v>
      </c>
      <c r="C1702" s="83">
        <v>43171.833333333336</v>
      </c>
      <c r="D1702">
        <v>255937.45800000001</v>
      </c>
      <c r="E1702">
        <v>19698.424940000001</v>
      </c>
      <c r="F1702">
        <v>54142.483520000002</v>
      </c>
      <c r="G1702">
        <v>50431.33365</v>
      </c>
      <c r="H1702">
        <v>42959.486949999999</v>
      </c>
      <c r="I1702">
        <v>35253.89241</v>
      </c>
      <c r="J1702">
        <v>35846.323479999999</v>
      </c>
      <c r="K1702">
        <v>49560.979059999998</v>
      </c>
      <c r="L1702">
        <v>27903.660940000002</v>
      </c>
      <c r="M1702">
        <v>295456.39480000001</v>
      </c>
      <c r="N1702">
        <v>78809.938959999999</v>
      </c>
      <c r="O1702">
        <v>22586.24541</v>
      </c>
      <c r="P1702">
        <v>41167.696400000001</v>
      </c>
      <c r="Q1702">
        <v>83199.751520000005</v>
      </c>
      <c r="R1702">
        <v>19499.639719999999</v>
      </c>
      <c r="S1702">
        <v>81293.20981</v>
      </c>
      <c r="T1702">
        <v>35044.910660000001</v>
      </c>
      <c r="U1702">
        <v>17594.72595</v>
      </c>
      <c r="W1702" s="83">
        <f>Bühler!N1734</f>
        <v>45362.83333332921</v>
      </c>
      <c r="X1702" s="83">
        <v>43171.833333333336</v>
      </c>
      <c r="Y1702">
        <v>255937.45800000001</v>
      </c>
      <c r="Z1702">
        <v>19698.424940000001</v>
      </c>
      <c r="AA1702">
        <v>54142.483520000002</v>
      </c>
      <c r="AB1702">
        <v>50431.33365</v>
      </c>
      <c r="AC1702">
        <v>42959.486949999999</v>
      </c>
      <c r="AD1702">
        <v>35253.89241</v>
      </c>
      <c r="AE1702">
        <v>35846.323479999999</v>
      </c>
      <c r="AF1702">
        <v>49560.979059999998</v>
      </c>
      <c r="AG1702">
        <v>27903.660940000002</v>
      </c>
      <c r="AH1702">
        <v>295456.39480000001</v>
      </c>
      <c r="AI1702">
        <v>78809.938959999999</v>
      </c>
      <c r="AJ1702">
        <v>22586.24541</v>
      </c>
      <c r="AK1702">
        <v>41167.696400000001</v>
      </c>
      <c r="AL1702">
        <v>83199.751520000005</v>
      </c>
      <c r="AM1702">
        <v>19499.639719999999</v>
      </c>
      <c r="AN1702">
        <v>81293.20981</v>
      </c>
      <c r="AO1702">
        <v>35044.910660000001</v>
      </c>
      <c r="AP1702">
        <v>17594.72595</v>
      </c>
    </row>
    <row r="1703" spans="2:42" x14ac:dyDescent="0.3">
      <c r="B1703">
        <v>56.286880495503198</v>
      </c>
      <c r="C1703" s="83">
        <v>43171.875</v>
      </c>
      <c r="D1703">
        <v>245597.21400000001</v>
      </c>
      <c r="E1703">
        <v>17087.871569999999</v>
      </c>
      <c r="F1703">
        <v>47431.122410000004</v>
      </c>
      <c r="G1703">
        <v>46766.530070000001</v>
      </c>
      <c r="H1703">
        <v>40221.037969999998</v>
      </c>
      <c r="I1703">
        <v>29372.311969999999</v>
      </c>
      <c r="J1703">
        <v>34405.873829999997</v>
      </c>
      <c r="K1703">
        <v>47774.349540000003</v>
      </c>
      <c r="L1703">
        <v>25968.290550000002</v>
      </c>
      <c r="M1703">
        <v>286976.76569999999</v>
      </c>
      <c r="N1703">
        <v>77287.061570000005</v>
      </c>
      <c r="O1703">
        <v>22045.421559999999</v>
      </c>
      <c r="P1703">
        <v>39021.814839999999</v>
      </c>
      <c r="Q1703">
        <v>81576.074049999996</v>
      </c>
      <c r="R1703">
        <v>18405.610820000002</v>
      </c>
      <c r="S1703">
        <v>76559.67499</v>
      </c>
      <c r="T1703">
        <v>31595.870139999999</v>
      </c>
      <c r="U1703">
        <v>16782.405129999999</v>
      </c>
      <c r="W1703" s="83">
        <f>Bühler!N1735</f>
        <v>45362.874999995875</v>
      </c>
      <c r="X1703" s="83">
        <v>43171.875</v>
      </c>
      <c r="Y1703">
        <v>245597.21400000001</v>
      </c>
      <c r="Z1703">
        <v>17087.871569999999</v>
      </c>
      <c r="AA1703">
        <v>47431.122410000004</v>
      </c>
      <c r="AB1703">
        <v>46766.530070000001</v>
      </c>
      <c r="AC1703">
        <v>40221.037969999998</v>
      </c>
      <c r="AD1703">
        <v>29372.311969999999</v>
      </c>
      <c r="AE1703">
        <v>34405.873829999997</v>
      </c>
      <c r="AF1703">
        <v>47774.349540000003</v>
      </c>
      <c r="AG1703">
        <v>25968.290550000002</v>
      </c>
      <c r="AH1703">
        <v>286976.76569999999</v>
      </c>
      <c r="AI1703">
        <v>77287.061570000005</v>
      </c>
      <c r="AJ1703">
        <v>22045.421559999999</v>
      </c>
      <c r="AK1703">
        <v>39021.814839999999</v>
      </c>
      <c r="AL1703">
        <v>81576.074049999996</v>
      </c>
      <c r="AM1703">
        <v>18405.610820000002</v>
      </c>
      <c r="AN1703">
        <v>76559.67499</v>
      </c>
      <c r="AO1703">
        <v>31595.870139999999</v>
      </c>
      <c r="AP1703">
        <v>16782.405129999999</v>
      </c>
    </row>
    <row r="1704" spans="2:42" x14ac:dyDescent="0.3">
      <c r="B1704">
        <v>55.992010921170902</v>
      </c>
      <c r="C1704" s="83">
        <v>43171.916666666664</v>
      </c>
      <c r="D1704">
        <v>245209.764</v>
      </c>
      <c r="E1704">
        <v>16392.336480000002</v>
      </c>
      <c r="F1704">
        <v>45314.820469999999</v>
      </c>
      <c r="G1704">
        <v>44398.961080000001</v>
      </c>
      <c r="H1704">
        <v>39852.675490000001</v>
      </c>
      <c r="I1704">
        <v>27769.497650000001</v>
      </c>
      <c r="J1704">
        <v>33238.430549999997</v>
      </c>
      <c r="K1704">
        <v>52892.488440000001</v>
      </c>
      <c r="L1704">
        <v>23140.941760000002</v>
      </c>
      <c r="M1704">
        <v>285473.38309999998</v>
      </c>
      <c r="N1704">
        <v>76999.065409999996</v>
      </c>
      <c r="O1704">
        <v>22615.002530000002</v>
      </c>
      <c r="P1704">
        <v>41464.133280000002</v>
      </c>
      <c r="Q1704">
        <v>81335.14963</v>
      </c>
      <c r="R1704">
        <v>24486.40667</v>
      </c>
      <c r="S1704">
        <v>76785.650030000004</v>
      </c>
      <c r="T1704">
        <v>27644.66244</v>
      </c>
      <c r="U1704">
        <v>17137.206740000001</v>
      </c>
      <c r="W1704" s="83">
        <f>Bühler!N1736</f>
        <v>45362.916666662539</v>
      </c>
      <c r="X1704" s="83">
        <v>43171.916666666664</v>
      </c>
      <c r="Y1704">
        <v>245209.764</v>
      </c>
      <c r="Z1704">
        <v>16392.336480000002</v>
      </c>
      <c r="AA1704">
        <v>45314.820469999999</v>
      </c>
      <c r="AB1704">
        <v>44398.961080000001</v>
      </c>
      <c r="AC1704">
        <v>39852.675490000001</v>
      </c>
      <c r="AD1704">
        <v>27769.497650000001</v>
      </c>
      <c r="AE1704">
        <v>33238.430549999997</v>
      </c>
      <c r="AF1704">
        <v>52892.488440000001</v>
      </c>
      <c r="AG1704">
        <v>23140.941760000002</v>
      </c>
      <c r="AH1704">
        <v>285473.38309999998</v>
      </c>
      <c r="AI1704">
        <v>76999.065409999996</v>
      </c>
      <c r="AJ1704">
        <v>22615.002530000002</v>
      </c>
      <c r="AK1704">
        <v>41464.133280000002</v>
      </c>
      <c r="AL1704">
        <v>81335.14963</v>
      </c>
      <c r="AM1704">
        <v>24486.40667</v>
      </c>
      <c r="AN1704">
        <v>76785.650030000004</v>
      </c>
      <c r="AO1704">
        <v>27644.66244</v>
      </c>
      <c r="AP1704">
        <v>17137.206740000001</v>
      </c>
    </row>
    <row r="1705" spans="2:42" x14ac:dyDescent="0.3">
      <c r="B1705">
        <v>55.677947653395009</v>
      </c>
      <c r="C1705" s="83">
        <v>43171.958333333336</v>
      </c>
      <c r="D1705">
        <v>246833.45670000001</v>
      </c>
      <c r="E1705">
        <v>16271.690049999999</v>
      </c>
      <c r="F1705">
        <v>44591.681640000003</v>
      </c>
      <c r="G1705">
        <v>43269.05171</v>
      </c>
      <c r="H1705">
        <v>38853.455499999996</v>
      </c>
      <c r="I1705">
        <v>26494.980370000001</v>
      </c>
      <c r="J1705">
        <v>30967.523870000001</v>
      </c>
      <c r="K1705">
        <v>51894.367129999999</v>
      </c>
      <c r="L1705">
        <v>20404.060079999999</v>
      </c>
      <c r="M1705">
        <v>283872.1421</v>
      </c>
      <c r="N1705">
        <v>75874.405010000002</v>
      </c>
      <c r="O1705">
        <v>22753.858069999998</v>
      </c>
      <c r="P1705">
        <v>36360.744070000001</v>
      </c>
      <c r="Q1705">
        <v>80455.686860000002</v>
      </c>
      <c r="R1705">
        <v>26015.713520000001</v>
      </c>
      <c r="S1705">
        <v>75299.8802</v>
      </c>
      <c r="T1705">
        <v>28438.638060000001</v>
      </c>
      <c r="U1705">
        <v>16233.9033</v>
      </c>
      <c r="W1705" s="83">
        <f>Bühler!N1737</f>
        <v>45362.958333329203</v>
      </c>
      <c r="X1705" s="83">
        <v>43171.958333333336</v>
      </c>
      <c r="Y1705">
        <v>246833.45670000001</v>
      </c>
      <c r="Z1705">
        <v>16271.690049999999</v>
      </c>
      <c r="AA1705">
        <v>44591.681640000003</v>
      </c>
      <c r="AB1705">
        <v>43269.05171</v>
      </c>
      <c r="AC1705">
        <v>38853.455499999996</v>
      </c>
      <c r="AD1705">
        <v>26494.980370000001</v>
      </c>
      <c r="AE1705">
        <v>30967.523870000001</v>
      </c>
      <c r="AF1705">
        <v>51894.367129999999</v>
      </c>
      <c r="AG1705">
        <v>20404.060079999999</v>
      </c>
      <c r="AH1705">
        <v>283872.1421</v>
      </c>
      <c r="AI1705">
        <v>75874.405010000002</v>
      </c>
      <c r="AJ1705">
        <v>22753.858069999998</v>
      </c>
      <c r="AK1705">
        <v>36360.744070000001</v>
      </c>
      <c r="AL1705">
        <v>80455.686860000002</v>
      </c>
      <c r="AM1705">
        <v>26015.713520000001</v>
      </c>
      <c r="AN1705">
        <v>75299.8802</v>
      </c>
      <c r="AO1705">
        <v>28438.638060000001</v>
      </c>
      <c r="AP1705">
        <v>16233.9033</v>
      </c>
    </row>
    <row r="1706" spans="2:42" x14ac:dyDescent="0.3">
      <c r="B1706">
        <v>55.239268813526053</v>
      </c>
      <c r="C1706" s="83">
        <v>43172</v>
      </c>
      <c r="D1706">
        <v>244763.2408</v>
      </c>
      <c r="E1706">
        <v>15679.267330000001</v>
      </c>
      <c r="F1706">
        <v>43733.844680000002</v>
      </c>
      <c r="G1706">
        <v>42797.8963</v>
      </c>
      <c r="H1706">
        <v>38357.929300000003</v>
      </c>
      <c r="I1706">
        <v>24362.011999999999</v>
      </c>
      <c r="J1706">
        <v>29047.84476</v>
      </c>
      <c r="K1706">
        <v>50315.087619999998</v>
      </c>
      <c r="L1706">
        <v>18704.039690000001</v>
      </c>
      <c r="M1706">
        <v>281635.5528</v>
      </c>
      <c r="N1706">
        <v>75606.392680000004</v>
      </c>
      <c r="O1706">
        <v>22429.274969999999</v>
      </c>
      <c r="P1706">
        <v>34405.433100000002</v>
      </c>
      <c r="Q1706">
        <v>81301.435289999994</v>
      </c>
      <c r="R1706">
        <v>22576.896980000001</v>
      </c>
      <c r="S1706">
        <v>74896.250270000004</v>
      </c>
      <c r="T1706">
        <v>27124.056229999998</v>
      </c>
      <c r="U1706">
        <v>16445.329819999999</v>
      </c>
      <c r="W1706" s="83">
        <f>Bühler!N1738</f>
        <v>45362.999999995867</v>
      </c>
      <c r="X1706" s="83">
        <v>43172</v>
      </c>
      <c r="Y1706">
        <v>244763.2408</v>
      </c>
      <c r="Z1706">
        <v>15679.267330000001</v>
      </c>
      <c r="AA1706">
        <v>43733.844680000002</v>
      </c>
      <c r="AB1706">
        <v>42797.8963</v>
      </c>
      <c r="AC1706">
        <v>38357.929300000003</v>
      </c>
      <c r="AD1706">
        <v>24362.011999999999</v>
      </c>
      <c r="AE1706">
        <v>29047.84476</v>
      </c>
      <c r="AF1706">
        <v>50315.087619999998</v>
      </c>
      <c r="AG1706">
        <v>18704.039690000001</v>
      </c>
      <c r="AH1706">
        <v>281635.5528</v>
      </c>
      <c r="AI1706">
        <v>75606.392680000004</v>
      </c>
      <c r="AJ1706">
        <v>22429.274969999999</v>
      </c>
      <c r="AK1706">
        <v>34405.433100000002</v>
      </c>
      <c r="AL1706">
        <v>81301.435289999994</v>
      </c>
      <c r="AM1706">
        <v>22576.896980000001</v>
      </c>
      <c r="AN1706">
        <v>74896.250270000004</v>
      </c>
      <c r="AO1706">
        <v>27124.056229999998</v>
      </c>
      <c r="AP1706">
        <v>16445.329819999999</v>
      </c>
    </row>
    <row r="1707" spans="2:42" x14ac:dyDescent="0.3">
      <c r="B1707">
        <v>56.948445498344086</v>
      </c>
      <c r="C1707" s="83">
        <v>43172.041666666664</v>
      </c>
      <c r="D1707">
        <v>245237.11790000001</v>
      </c>
      <c r="E1707">
        <v>16203.896339999999</v>
      </c>
      <c r="F1707">
        <v>47984.197780000002</v>
      </c>
      <c r="G1707">
        <v>42647.054580000004</v>
      </c>
      <c r="H1707">
        <v>38942.296439999998</v>
      </c>
      <c r="I1707">
        <v>20128.633750000001</v>
      </c>
      <c r="J1707">
        <v>32368.785159999999</v>
      </c>
      <c r="K1707">
        <v>48658.372069999998</v>
      </c>
      <c r="L1707">
        <v>18824.70721</v>
      </c>
      <c r="M1707">
        <v>290349.73259999999</v>
      </c>
      <c r="N1707">
        <v>78387.011469999998</v>
      </c>
      <c r="O1707">
        <v>21831.679260000001</v>
      </c>
      <c r="P1707">
        <v>33168.0677</v>
      </c>
      <c r="Q1707">
        <v>82606.641759999999</v>
      </c>
      <c r="R1707">
        <v>21266.45435</v>
      </c>
      <c r="S1707">
        <v>78945.066330000001</v>
      </c>
      <c r="T1707">
        <v>26594.193060000001</v>
      </c>
      <c r="U1707">
        <v>16983.63694</v>
      </c>
      <c r="W1707" s="83">
        <f>Bühler!N1739</f>
        <v>45363.041666662531</v>
      </c>
      <c r="X1707" s="83">
        <v>43172.041666666664</v>
      </c>
      <c r="Y1707">
        <v>245237.11790000001</v>
      </c>
      <c r="Z1707">
        <v>16203.896339999999</v>
      </c>
      <c r="AA1707">
        <v>47984.197780000002</v>
      </c>
      <c r="AB1707">
        <v>42647.054580000004</v>
      </c>
      <c r="AC1707">
        <v>38942.296439999998</v>
      </c>
      <c r="AD1707">
        <v>20128.633750000001</v>
      </c>
      <c r="AE1707">
        <v>32368.785159999999</v>
      </c>
      <c r="AF1707">
        <v>48658.372069999998</v>
      </c>
      <c r="AG1707">
        <v>18824.70721</v>
      </c>
      <c r="AH1707">
        <v>290349.73259999999</v>
      </c>
      <c r="AI1707">
        <v>78387.011469999998</v>
      </c>
      <c r="AJ1707">
        <v>21831.679260000001</v>
      </c>
      <c r="AK1707">
        <v>33168.0677</v>
      </c>
      <c r="AL1707">
        <v>82606.641759999999</v>
      </c>
      <c r="AM1707">
        <v>21266.45435</v>
      </c>
      <c r="AN1707">
        <v>78945.066330000001</v>
      </c>
      <c r="AO1707">
        <v>26594.193060000001</v>
      </c>
      <c r="AP1707">
        <v>16983.63694</v>
      </c>
    </row>
    <row r="1708" spans="2:42" x14ac:dyDescent="0.3">
      <c r="B1708">
        <v>57.769292360774237</v>
      </c>
      <c r="C1708" s="83">
        <v>43172.083333333336</v>
      </c>
      <c r="D1708">
        <v>247326.05869999999</v>
      </c>
      <c r="E1708">
        <v>16269.43957</v>
      </c>
      <c r="F1708">
        <v>49258.041660000003</v>
      </c>
      <c r="G1708">
        <v>42606.138789999997</v>
      </c>
      <c r="H1708">
        <v>39104.550620000002</v>
      </c>
      <c r="I1708">
        <v>18924.182219999999</v>
      </c>
      <c r="J1708">
        <v>32821.580620000001</v>
      </c>
      <c r="K1708">
        <v>47762.762110000003</v>
      </c>
      <c r="L1708">
        <v>18626.560539999999</v>
      </c>
      <c r="M1708">
        <v>294534.79269999999</v>
      </c>
      <c r="N1708">
        <v>77522.448789999995</v>
      </c>
      <c r="O1708">
        <v>22675.54408</v>
      </c>
      <c r="P1708">
        <v>32588.853790000001</v>
      </c>
      <c r="Q1708">
        <v>84817.053910000002</v>
      </c>
      <c r="R1708">
        <v>22052.364740000001</v>
      </c>
      <c r="S1708">
        <v>80340.339349999995</v>
      </c>
      <c r="T1708">
        <v>26462.744050000001</v>
      </c>
      <c r="U1708">
        <v>17359.806519999998</v>
      </c>
      <c r="W1708" s="83">
        <f>Bühler!N1740</f>
        <v>45363.083333329196</v>
      </c>
      <c r="X1708" s="83">
        <v>43172.083333333336</v>
      </c>
      <c r="Y1708">
        <v>247326.05869999999</v>
      </c>
      <c r="Z1708">
        <v>16269.43957</v>
      </c>
      <c r="AA1708">
        <v>49258.041660000003</v>
      </c>
      <c r="AB1708">
        <v>42606.138789999997</v>
      </c>
      <c r="AC1708">
        <v>39104.550620000002</v>
      </c>
      <c r="AD1708">
        <v>18924.182219999999</v>
      </c>
      <c r="AE1708">
        <v>32821.580620000001</v>
      </c>
      <c r="AF1708">
        <v>47762.762110000003</v>
      </c>
      <c r="AG1708">
        <v>18626.560539999999</v>
      </c>
      <c r="AH1708">
        <v>294534.79269999999</v>
      </c>
      <c r="AI1708">
        <v>77522.448789999995</v>
      </c>
      <c r="AJ1708">
        <v>22675.54408</v>
      </c>
      <c r="AK1708">
        <v>32588.853790000001</v>
      </c>
      <c r="AL1708">
        <v>84817.053910000002</v>
      </c>
      <c r="AM1708">
        <v>22052.364740000001</v>
      </c>
      <c r="AN1708">
        <v>80340.339349999995</v>
      </c>
      <c r="AO1708">
        <v>26462.744050000001</v>
      </c>
      <c r="AP1708">
        <v>17359.806519999998</v>
      </c>
    </row>
    <row r="1709" spans="2:42" x14ac:dyDescent="0.3">
      <c r="B1709">
        <v>57.465186342217038</v>
      </c>
      <c r="C1709" s="83">
        <v>43172.125</v>
      </c>
      <c r="D1709">
        <v>248466.54010000001</v>
      </c>
      <c r="E1709">
        <v>16483.767080000001</v>
      </c>
      <c r="F1709">
        <v>50932.340790000002</v>
      </c>
      <c r="G1709">
        <v>42319.501790000002</v>
      </c>
      <c r="H1709">
        <v>39115.215519999998</v>
      </c>
      <c r="I1709">
        <v>19162.006430000001</v>
      </c>
      <c r="J1709">
        <v>33968.2091</v>
      </c>
      <c r="K1709">
        <v>46200.736660000002</v>
      </c>
      <c r="L1709">
        <v>18519.295580000002</v>
      </c>
      <c r="M1709">
        <v>292984.31839999999</v>
      </c>
      <c r="N1709">
        <v>77372.412779999999</v>
      </c>
      <c r="O1709">
        <v>23181.380280000001</v>
      </c>
      <c r="P1709">
        <v>30571.267260000001</v>
      </c>
      <c r="Q1709">
        <v>86958.199309999996</v>
      </c>
      <c r="R1709">
        <v>22458.14041</v>
      </c>
      <c r="S1709">
        <v>79921.607529999994</v>
      </c>
      <c r="T1709">
        <v>26278.775549999998</v>
      </c>
      <c r="U1709">
        <v>17606.15497</v>
      </c>
      <c r="W1709" s="83">
        <f>Bühler!N1741</f>
        <v>45363.12499999586</v>
      </c>
      <c r="X1709" s="83">
        <v>43172.125</v>
      </c>
      <c r="Y1709">
        <v>248466.54010000001</v>
      </c>
      <c r="Z1709">
        <v>16483.767080000001</v>
      </c>
      <c r="AA1709">
        <v>50932.340790000002</v>
      </c>
      <c r="AB1709">
        <v>42319.501790000002</v>
      </c>
      <c r="AC1709">
        <v>39115.215519999998</v>
      </c>
      <c r="AD1709">
        <v>19162.006430000001</v>
      </c>
      <c r="AE1709">
        <v>33968.2091</v>
      </c>
      <c r="AF1709">
        <v>46200.736660000002</v>
      </c>
      <c r="AG1709">
        <v>18519.295580000002</v>
      </c>
      <c r="AH1709">
        <v>292984.31839999999</v>
      </c>
      <c r="AI1709">
        <v>77372.412779999999</v>
      </c>
      <c r="AJ1709">
        <v>23181.380280000001</v>
      </c>
      <c r="AK1709">
        <v>30571.267260000001</v>
      </c>
      <c r="AL1709">
        <v>86958.199309999996</v>
      </c>
      <c r="AM1709">
        <v>22458.14041</v>
      </c>
      <c r="AN1709">
        <v>79921.607529999994</v>
      </c>
      <c r="AO1709">
        <v>26278.775549999998</v>
      </c>
      <c r="AP1709">
        <v>17606.15497</v>
      </c>
    </row>
    <row r="1710" spans="2:42" x14ac:dyDescent="0.3">
      <c r="B1710">
        <v>59.237589157871192</v>
      </c>
      <c r="C1710" s="83">
        <v>43172.166666666664</v>
      </c>
      <c r="D1710">
        <v>251486.01259999999</v>
      </c>
      <c r="E1710">
        <v>17004.126250000001</v>
      </c>
      <c r="F1710">
        <v>54813.059880000001</v>
      </c>
      <c r="G1710">
        <v>42074.550589999999</v>
      </c>
      <c r="H1710">
        <v>40076.834239999996</v>
      </c>
      <c r="I1710">
        <v>21756.37125</v>
      </c>
      <c r="J1710">
        <v>35592.54825</v>
      </c>
      <c r="K1710">
        <v>45344.928240000001</v>
      </c>
      <c r="L1710">
        <v>19016.027190000001</v>
      </c>
      <c r="M1710">
        <v>302020.85450000002</v>
      </c>
      <c r="N1710">
        <v>75870.219790000003</v>
      </c>
      <c r="O1710">
        <v>24233.440299999998</v>
      </c>
      <c r="P1710">
        <v>31064.020270000001</v>
      </c>
      <c r="Q1710">
        <v>91794.473010000002</v>
      </c>
      <c r="R1710">
        <v>22692.072260000001</v>
      </c>
      <c r="S1710">
        <v>81146.961110000004</v>
      </c>
      <c r="T1710">
        <v>26660.809249999998</v>
      </c>
      <c r="U1710">
        <v>18074.281220000001</v>
      </c>
      <c r="W1710" s="83">
        <f>Bühler!N1742</f>
        <v>45363.166666662524</v>
      </c>
      <c r="X1710" s="83">
        <v>43172.166666666664</v>
      </c>
      <c r="Y1710">
        <v>251486.01259999999</v>
      </c>
      <c r="Z1710">
        <v>17004.126250000001</v>
      </c>
      <c r="AA1710">
        <v>54813.059880000001</v>
      </c>
      <c r="AB1710">
        <v>42074.550589999999</v>
      </c>
      <c r="AC1710">
        <v>40076.834239999996</v>
      </c>
      <c r="AD1710">
        <v>21756.37125</v>
      </c>
      <c r="AE1710">
        <v>35592.54825</v>
      </c>
      <c r="AF1710">
        <v>45344.928240000001</v>
      </c>
      <c r="AG1710">
        <v>19016.027190000001</v>
      </c>
      <c r="AH1710">
        <v>302020.85450000002</v>
      </c>
      <c r="AI1710">
        <v>75870.219790000003</v>
      </c>
      <c r="AJ1710">
        <v>24233.440299999998</v>
      </c>
      <c r="AK1710">
        <v>31064.020270000001</v>
      </c>
      <c r="AL1710">
        <v>91794.473010000002</v>
      </c>
      <c r="AM1710">
        <v>22692.072260000001</v>
      </c>
      <c r="AN1710">
        <v>81146.961110000004</v>
      </c>
      <c r="AO1710">
        <v>26660.809249999998</v>
      </c>
      <c r="AP1710">
        <v>18074.281220000001</v>
      </c>
    </row>
    <row r="1711" spans="2:42" x14ac:dyDescent="0.3">
      <c r="B1711">
        <v>62.960169680530896</v>
      </c>
      <c r="C1711" s="83">
        <v>43172.208333333336</v>
      </c>
      <c r="D1711">
        <v>266372.0796</v>
      </c>
      <c r="E1711">
        <v>19118.259559999999</v>
      </c>
      <c r="F1711">
        <v>64752.681120000001</v>
      </c>
      <c r="G1711">
        <v>45450.042589999997</v>
      </c>
      <c r="H1711">
        <v>42020.072169999999</v>
      </c>
      <c r="I1711">
        <v>31145.265200000002</v>
      </c>
      <c r="J1711">
        <v>38941.352899999998</v>
      </c>
      <c r="K1711">
        <v>46898.364379999999</v>
      </c>
      <c r="L1711">
        <v>19600.105660000001</v>
      </c>
      <c r="M1711">
        <v>321000.30599999998</v>
      </c>
      <c r="N1711">
        <v>76313.584990000003</v>
      </c>
      <c r="O1711">
        <v>24529.597239999999</v>
      </c>
      <c r="P1711">
        <v>31415.414229999998</v>
      </c>
      <c r="Q1711">
        <v>94933.633759999997</v>
      </c>
      <c r="R1711">
        <v>25382.772250000002</v>
      </c>
      <c r="S1711">
        <v>83415.554680000001</v>
      </c>
      <c r="T1711">
        <v>28141.22236</v>
      </c>
      <c r="U1711">
        <v>19813.70174</v>
      </c>
      <c r="W1711" s="83">
        <f>Bühler!N1743</f>
        <v>45363.208333329188</v>
      </c>
      <c r="X1711" s="83">
        <v>43172.208333333336</v>
      </c>
      <c r="Y1711">
        <v>266372.0796</v>
      </c>
      <c r="Z1711">
        <v>19118.259559999999</v>
      </c>
      <c r="AA1711">
        <v>64752.681120000001</v>
      </c>
      <c r="AB1711">
        <v>45450.042589999997</v>
      </c>
      <c r="AC1711">
        <v>42020.072169999999</v>
      </c>
      <c r="AD1711">
        <v>31145.265200000002</v>
      </c>
      <c r="AE1711">
        <v>38941.352899999998</v>
      </c>
      <c r="AF1711">
        <v>46898.364379999999</v>
      </c>
      <c r="AG1711">
        <v>19600.105660000001</v>
      </c>
      <c r="AH1711">
        <v>321000.30599999998</v>
      </c>
      <c r="AI1711">
        <v>76313.584990000003</v>
      </c>
      <c r="AJ1711">
        <v>24529.597239999999</v>
      </c>
      <c r="AK1711">
        <v>31415.414229999998</v>
      </c>
      <c r="AL1711">
        <v>94933.633759999997</v>
      </c>
      <c r="AM1711">
        <v>25382.772250000002</v>
      </c>
      <c r="AN1711">
        <v>83415.554680000001</v>
      </c>
      <c r="AO1711">
        <v>28141.22236</v>
      </c>
      <c r="AP1711">
        <v>19813.70174</v>
      </c>
    </row>
    <row r="1712" spans="2:42" x14ac:dyDescent="0.3">
      <c r="B1712">
        <v>66.30379520566504</v>
      </c>
      <c r="C1712" s="83">
        <v>43172.25</v>
      </c>
      <c r="D1712">
        <v>282579.495</v>
      </c>
      <c r="E1712">
        <v>23345.535459999999</v>
      </c>
      <c r="F1712">
        <v>77440.243459999998</v>
      </c>
      <c r="G1712">
        <v>59710.977169999998</v>
      </c>
      <c r="H1712">
        <v>46081.926039999998</v>
      </c>
      <c r="I1712">
        <v>40263.942060000001</v>
      </c>
      <c r="J1712">
        <v>42310.971610000001</v>
      </c>
      <c r="K1712">
        <v>48876.295460000001</v>
      </c>
      <c r="L1712">
        <v>20938.12141</v>
      </c>
      <c r="M1712">
        <v>338047.66820000001</v>
      </c>
      <c r="N1712">
        <v>79940.945500000002</v>
      </c>
      <c r="O1712">
        <v>26815.93116</v>
      </c>
      <c r="P1712">
        <v>32629.224829999999</v>
      </c>
      <c r="Q1712">
        <v>96473.387440000006</v>
      </c>
      <c r="R1712">
        <v>18895.358069999998</v>
      </c>
      <c r="S1712">
        <v>92115.780039999998</v>
      </c>
      <c r="T1712">
        <v>30899.792560000002</v>
      </c>
      <c r="U1712">
        <v>21925.989720000001</v>
      </c>
      <c r="W1712" s="83">
        <f>Bühler!N1744</f>
        <v>45363.249999995853</v>
      </c>
      <c r="X1712" s="83">
        <v>43172.25</v>
      </c>
      <c r="Y1712">
        <v>282579.495</v>
      </c>
      <c r="Z1712">
        <v>23345.535459999999</v>
      </c>
      <c r="AA1712">
        <v>77440.243459999998</v>
      </c>
      <c r="AB1712">
        <v>59710.977169999998</v>
      </c>
      <c r="AC1712">
        <v>46081.926039999998</v>
      </c>
      <c r="AD1712">
        <v>40263.942060000001</v>
      </c>
      <c r="AE1712">
        <v>42310.971610000001</v>
      </c>
      <c r="AF1712">
        <v>48876.295460000001</v>
      </c>
      <c r="AG1712">
        <v>20938.12141</v>
      </c>
      <c r="AH1712">
        <v>338047.66820000001</v>
      </c>
      <c r="AI1712">
        <v>79940.945500000002</v>
      </c>
      <c r="AJ1712">
        <v>26815.93116</v>
      </c>
      <c r="AK1712">
        <v>32629.224829999999</v>
      </c>
      <c r="AL1712">
        <v>96473.387440000006</v>
      </c>
      <c r="AM1712">
        <v>18895.358069999998</v>
      </c>
      <c r="AN1712">
        <v>92115.780039999998</v>
      </c>
      <c r="AO1712">
        <v>30899.792560000002</v>
      </c>
      <c r="AP1712">
        <v>21925.989720000001</v>
      </c>
    </row>
    <row r="1713" spans="2:42" x14ac:dyDescent="0.3">
      <c r="B1713">
        <v>67.407954343418751</v>
      </c>
      <c r="C1713" s="83">
        <v>43172.291666666664</v>
      </c>
      <c r="D1713">
        <v>296852.50839999999</v>
      </c>
      <c r="E1713">
        <v>28370.06882</v>
      </c>
      <c r="F1713">
        <v>79553.582500000004</v>
      </c>
      <c r="G1713">
        <v>72607.441869999995</v>
      </c>
      <c r="H1713">
        <v>50789.047839999999</v>
      </c>
      <c r="I1713">
        <v>50562.803220000002</v>
      </c>
      <c r="J1713">
        <v>43363.148650000003</v>
      </c>
      <c r="K1713">
        <v>54042.924980000003</v>
      </c>
      <c r="L1713">
        <v>23811.57519</v>
      </c>
      <c r="M1713">
        <v>343677.18640000001</v>
      </c>
      <c r="N1713">
        <v>87303.186839999995</v>
      </c>
      <c r="O1713">
        <v>29473.801189999998</v>
      </c>
      <c r="P1713">
        <v>36380.007339999996</v>
      </c>
      <c r="Q1713">
        <v>96891.174809999997</v>
      </c>
      <c r="R1713">
        <v>19924.932489999999</v>
      </c>
      <c r="S1713">
        <v>107128.3751</v>
      </c>
      <c r="T1713">
        <v>32005.314780000001</v>
      </c>
      <c r="U1713">
        <v>26482.11995</v>
      </c>
      <c r="W1713" s="83">
        <f>Bühler!N1745</f>
        <v>45363.291666662517</v>
      </c>
      <c r="X1713" s="83">
        <v>43172.291666666664</v>
      </c>
      <c r="Y1713">
        <v>296852.50839999999</v>
      </c>
      <c r="Z1713">
        <v>28370.06882</v>
      </c>
      <c r="AA1713">
        <v>79553.582500000004</v>
      </c>
      <c r="AB1713">
        <v>72607.441869999995</v>
      </c>
      <c r="AC1713">
        <v>50789.047839999999</v>
      </c>
      <c r="AD1713">
        <v>50562.803220000002</v>
      </c>
      <c r="AE1713">
        <v>43363.148650000003</v>
      </c>
      <c r="AF1713">
        <v>54042.924980000003</v>
      </c>
      <c r="AG1713">
        <v>23811.57519</v>
      </c>
      <c r="AH1713">
        <v>343677.18640000001</v>
      </c>
      <c r="AI1713">
        <v>87303.186839999995</v>
      </c>
      <c r="AJ1713">
        <v>29473.801189999998</v>
      </c>
      <c r="AK1713">
        <v>36380.007339999996</v>
      </c>
      <c r="AL1713">
        <v>96891.174809999997</v>
      </c>
      <c r="AM1713">
        <v>19924.932489999999</v>
      </c>
      <c r="AN1713">
        <v>107128.3751</v>
      </c>
      <c r="AO1713">
        <v>32005.314780000001</v>
      </c>
      <c r="AP1713">
        <v>26482.11995</v>
      </c>
    </row>
    <row r="1714" spans="2:42" x14ac:dyDescent="0.3">
      <c r="B1714">
        <v>68.198680618656581</v>
      </c>
      <c r="C1714" s="83">
        <v>43172.333333333336</v>
      </c>
      <c r="D1714">
        <v>308005.27639999997</v>
      </c>
      <c r="E1714">
        <v>34590.977019999998</v>
      </c>
      <c r="F1714">
        <v>85915.342829999994</v>
      </c>
      <c r="G1714">
        <v>88182.073310000007</v>
      </c>
      <c r="H1714">
        <v>56559.512159999998</v>
      </c>
      <c r="I1714">
        <v>53104.704519999999</v>
      </c>
      <c r="J1714">
        <v>44906.359250000001</v>
      </c>
      <c r="K1714">
        <v>61056.232539999997</v>
      </c>
      <c r="L1714">
        <v>26687.15611</v>
      </c>
      <c r="M1714">
        <v>347708.6777</v>
      </c>
      <c r="N1714">
        <v>96383.816000000006</v>
      </c>
      <c r="O1714">
        <v>30661.02002</v>
      </c>
      <c r="P1714">
        <v>38112.309710000001</v>
      </c>
      <c r="Q1714">
        <v>96745.381840000002</v>
      </c>
      <c r="R1714">
        <v>22396.589449999999</v>
      </c>
      <c r="S1714">
        <v>119343.8091</v>
      </c>
      <c r="T1714">
        <v>35514.072319999999</v>
      </c>
      <c r="U1714">
        <v>29980.170900000001</v>
      </c>
      <c r="W1714" s="83">
        <f>Bühler!N1746</f>
        <v>45363.333333329181</v>
      </c>
      <c r="X1714" s="83">
        <v>43172.333333333336</v>
      </c>
      <c r="Y1714">
        <v>308005.27639999997</v>
      </c>
      <c r="Z1714">
        <v>34590.977019999998</v>
      </c>
      <c r="AA1714">
        <v>85915.342829999994</v>
      </c>
      <c r="AB1714">
        <v>88182.073310000007</v>
      </c>
      <c r="AC1714">
        <v>56559.512159999998</v>
      </c>
      <c r="AD1714">
        <v>53104.704519999999</v>
      </c>
      <c r="AE1714">
        <v>44906.359250000001</v>
      </c>
      <c r="AF1714">
        <v>61056.232539999997</v>
      </c>
      <c r="AG1714">
        <v>26687.15611</v>
      </c>
      <c r="AH1714">
        <v>347708.6777</v>
      </c>
      <c r="AI1714">
        <v>96383.816000000006</v>
      </c>
      <c r="AJ1714">
        <v>30661.02002</v>
      </c>
      <c r="AK1714">
        <v>38112.309710000001</v>
      </c>
      <c r="AL1714">
        <v>96745.381840000002</v>
      </c>
      <c r="AM1714">
        <v>22396.589449999999</v>
      </c>
      <c r="AN1714">
        <v>119343.8091</v>
      </c>
      <c r="AO1714">
        <v>35514.072319999999</v>
      </c>
      <c r="AP1714">
        <v>29980.170900000001</v>
      </c>
    </row>
    <row r="1715" spans="2:42" x14ac:dyDescent="0.3">
      <c r="B1715">
        <v>67.886700447892139</v>
      </c>
      <c r="C1715" s="83">
        <v>43172.375</v>
      </c>
      <c r="D1715">
        <v>309485.19870000001</v>
      </c>
      <c r="E1715">
        <v>38719.413869999997</v>
      </c>
      <c r="F1715">
        <v>93511.992830000003</v>
      </c>
      <c r="G1715">
        <v>98241.096179999993</v>
      </c>
      <c r="H1715">
        <v>58792.8171</v>
      </c>
      <c r="I1715">
        <v>49176.084150000002</v>
      </c>
      <c r="J1715">
        <v>44164.709719999999</v>
      </c>
      <c r="K1715">
        <v>61963.855560000004</v>
      </c>
      <c r="L1715">
        <v>29438.959149999999</v>
      </c>
      <c r="M1715">
        <v>346118.05729999999</v>
      </c>
      <c r="N1715">
        <v>105395.2732</v>
      </c>
      <c r="O1715">
        <v>31235.08698</v>
      </c>
      <c r="P1715">
        <v>40002.038780000003</v>
      </c>
      <c r="Q1715">
        <v>97824.020359999995</v>
      </c>
      <c r="R1715">
        <v>23397.137999999999</v>
      </c>
      <c r="S1715">
        <v>126180.52899999999</v>
      </c>
      <c r="T1715">
        <v>38199.397799999999</v>
      </c>
      <c r="U1715">
        <v>29841.956999999999</v>
      </c>
      <c r="W1715" s="83">
        <f>Bühler!N1747</f>
        <v>45363.374999995845</v>
      </c>
      <c r="X1715" s="83">
        <v>43172.375</v>
      </c>
      <c r="Y1715">
        <v>309485.19870000001</v>
      </c>
      <c r="Z1715">
        <v>38719.413869999997</v>
      </c>
      <c r="AA1715">
        <v>93511.992830000003</v>
      </c>
      <c r="AB1715">
        <v>98241.096179999993</v>
      </c>
      <c r="AC1715">
        <v>58792.8171</v>
      </c>
      <c r="AD1715">
        <v>49176.084150000002</v>
      </c>
      <c r="AE1715">
        <v>44164.709719999999</v>
      </c>
      <c r="AF1715">
        <v>61963.855560000004</v>
      </c>
      <c r="AG1715">
        <v>29438.959149999999</v>
      </c>
      <c r="AH1715">
        <v>346118.05729999999</v>
      </c>
      <c r="AI1715">
        <v>105395.2732</v>
      </c>
      <c r="AJ1715">
        <v>31235.08698</v>
      </c>
      <c r="AK1715">
        <v>40002.038780000003</v>
      </c>
      <c r="AL1715">
        <v>97824.020359999995</v>
      </c>
      <c r="AM1715">
        <v>23397.137999999999</v>
      </c>
      <c r="AN1715">
        <v>126180.52899999999</v>
      </c>
      <c r="AO1715">
        <v>38199.397799999999</v>
      </c>
      <c r="AP1715">
        <v>29841.956999999999</v>
      </c>
    </row>
    <row r="1716" spans="2:42" x14ac:dyDescent="0.3">
      <c r="B1716">
        <v>68.676174287677483</v>
      </c>
      <c r="C1716" s="83">
        <v>43172.416666666664</v>
      </c>
      <c r="D1716">
        <v>309885.43719999999</v>
      </c>
      <c r="E1716">
        <v>39681.490409999999</v>
      </c>
      <c r="F1716">
        <v>94224.347739999997</v>
      </c>
      <c r="G1716">
        <v>99795.075939999995</v>
      </c>
      <c r="H1716">
        <v>58762.378510000002</v>
      </c>
      <c r="I1716">
        <v>45442.207430000002</v>
      </c>
      <c r="J1716">
        <v>42628.541499999999</v>
      </c>
      <c r="K1716">
        <v>63216.561430000002</v>
      </c>
      <c r="L1716">
        <v>31912.89777</v>
      </c>
      <c r="M1716">
        <v>350143.16310000001</v>
      </c>
      <c r="N1716">
        <v>108958.6249</v>
      </c>
      <c r="O1716">
        <v>30663.398590000001</v>
      </c>
      <c r="P1716">
        <v>39374.131880000001</v>
      </c>
      <c r="Q1716">
        <v>97723.76599</v>
      </c>
      <c r="R1716">
        <v>23515.65799</v>
      </c>
      <c r="S1716">
        <v>126387.4362</v>
      </c>
      <c r="T1716">
        <v>39609.863010000001</v>
      </c>
      <c r="U1716">
        <v>28738.706849999999</v>
      </c>
      <c r="W1716" s="83">
        <f>Bühler!N1748</f>
        <v>45363.41666666251</v>
      </c>
      <c r="X1716" s="83">
        <v>43172.416666666664</v>
      </c>
      <c r="Y1716">
        <v>309885.43719999999</v>
      </c>
      <c r="Z1716">
        <v>39681.490409999999</v>
      </c>
      <c r="AA1716">
        <v>94224.347739999997</v>
      </c>
      <c r="AB1716">
        <v>99795.075939999995</v>
      </c>
      <c r="AC1716">
        <v>58762.378510000002</v>
      </c>
      <c r="AD1716">
        <v>45442.207430000002</v>
      </c>
      <c r="AE1716">
        <v>42628.541499999999</v>
      </c>
      <c r="AF1716">
        <v>63216.561430000002</v>
      </c>
      <c r="AG1716">
        <v>31912.89777</v>
      </c>
      <c r="AH1716">
        <v>350143.16310000001</v>
      </c>
      <c r="AI1716">
        <v>108958.6249</v>
      </c>
      <c r="AJ1716">
        <v>30663.398590000001</v>
      </c>
      <c r="AK1716">
        <v>39374.131880000001</v>
      </c>
      <c r="AL1716">
        <v>97723.76599</v>
      </c>
      <c r="AM1716">
        <v>23515.65799</v>
      </c>
      <c r="AN1716">
        <v>126387.4362</v>
      </c>
      <c r="AO1716">
        <v>39609.863010000001</v>
      </c>
      <c r="AP1716">
        <v>28738.706849999999</v>
      </c>
    </row>
    <row r="1717" spans="2:42" x14ac:dyDescent="0.3">
      <c r="B1717">
        <v>68.917653061376285</v>
      </c>
      <c r="C1717" s="83">
        <v>43172.458333333336</v>
      </c>
      <c r="D1717">
        <v>306512.33490000002</v>
      </c>
      <c r="E1717">
        <v>39301.752370000002</v>
      </c>
      <c r="F1717">
        <v>94446.949410000001</v>
      </c>
      <c r="G1717">
        <v>97006.985740000004</v>
      </c>
      <c r="H1717">
        <v>57868.444300000003</v>
      </c>
      <c r="I1717">
        <v>43730.304640000002</v>
      </c>
      <c r="J1717">
        <v>42022.419150000002</v>
      </c>
      <c r="K1717">
        <v>64136.644990000001</v>
      </c>
      <c r="L1717">
        <v>32706.80197</v>
      </c>
      <c r="M1717">
        <v>351374.3345</v>
      </c>
      <c r="N1717">
        <v>108037.2162</v>
      </c>
      <c r="O1717">
        <v>31216.970209999999</v>
      </c>
      <c r="P1717">
        <v>38217.475780000001</v>
      </c>
      <c r="Q1717">
        <v>98013.560660000003</v>
      </c>
      <c r="R1717">
        <v>25717.949079999999</v>
      </c>
      <c r="S1717">
        <v>128070.7292</v>
      </c>
      <c r="T1717">
        <v>39888.857779999998</v>
      </c>
      <c r="U1717">
        <v>29051.962049999998</v>
      </c>
      <c r="W1717" s="83">
        <f>Bühler!N1749</f>
        <v>45363.458333329174</v>
      </c>
      <c r="X1717" s="83">
        <v>43172.458333333336</v>
      </c>
      <c r="Y1717">
        <v>306512.33490000002</v>
      </c>
      <c r="Z1717">
        <v>39301.752370000002</v>
      </c>
      <c r="AA1717">
        <v>94446.949410000001</v>
      </c>
      <c r="AB1717">
        <v>97006.985740000004</v>
      </c>
      <c r="AC1717">
        <v>57868.444300000003</v>
      </c>
      <c r="AD1717">
        <v>43730.304640000002</v>
      </c>
      <c r="AE1717">
        <v>42022.419150000002</v>
      </c>
      <c r="AF1717">
        <v>64136.644990000001</v>
      </c>
      <c r="AG1717">
        <v>32706.80197</v>
      </c>
      <c r="AH1717">
        <v>351374.3345</v>
      </c>
      <c r="AI1717">
        <v>108037.2162</v>
      </c>
      <c r="AJ1717">
        <v>31216.970209999999</v>
      </c>
      <c r="AK1717">
        <v>38217.475780000001</v>
      </c>
      <c r="AL1717">
        <v>98013.560660000003</v>
      </c>
      <c r="AM1717">
        <v>25717.949079999999</v>
      </c>
      <c r="AN1717">
        <v>128070.7292</v>
      </c>
      <c r="AO1717">
        <v>39888.857779999998</v>
      </c>
      <c r="AP1717">
        <v>29051.962049999998</v>
      </c>
    </row>
    <row r="1718" spans="2:42" x14ac:dyDescent="0.3">
      <c r="B1718">
        <v>67.783722716004519</v>
      </c>
      <c r="C1718" s="83">
        <v>43172.5</v>
      </c>
      <c r="D1718">
        <v>294147.52620000002</v>
      </c>
      <c r="E1718">
        <v>34373.859900000003</v>
      </c>
      <c r="F1718">
        <v>87547.61868</v>
      </c>
      <c r="G1718">
        <v>96467.366510000007</v>
      </c>
      <c r="H1718">
        <v>54720.484949999998</v>
      </c>
      <c r="I1718">
        <v>42111.112130000001</v>
      </c>
      <c r="J1718">
        <v>42149.643880000003</v>
      </c>
      <c r="K1718">
        <v>59928.692940000001</v>
      </c>
      <c r="L1718">
        <v>34123.444080000001</v>
      </c>
      <c r="M1718">
        <v>345593.02879999997</v>
      </c>
      <c r="N1718">
        <v>103485.4656</v>
      </c>
      <c r="O1718">
        <v>28829.142199999998</v>
      </c>
      <c r="P1718">
        <v>39750.589359999998</v>
      </c>
      <c r="Q1718">
        <v>97490.403120000003</v>
      </c>
      <c r="R1718">
        <v>24495.83166</v>
      </c>
      <c r="S1718">
        <v>121511.19869999999</v>
      </c>
      <c r="T1718">
        <v>39957.354829999997</v>
      </c>
      <c r="U1718">
        <v>24551.639340000002</v>
      </c>
      <c r="W1718" s="83">
        <f>Bühler!N1750</f>
        <v>45363.499999995838</v>
      </c>
      <c r="X1718" s="83">
        <v>43172.5</v>
      </c>
      <c r="Y1718">
        <v>294147.52620000002</v>
      </c>
      <c r="Z1718">
        <v>34373.859900000003</v>
      </c>
      <c r="AA1718">
        <v>87547.61868</v>
      </c>
      <c r="AB1718">
        <v>96467.366510000007</v>
      </c>
      <c r="AC1718">
        <v>54720.484949999998</v>
      </c>
      <c r="AD1718">
        <v>42111.112130000001</v>
      </c>
      <c r="AE1718">
        <v>42149.643880000003</v>
      </c>
      <c r="AF1718">
        <v>59928.692940000001</v>
      </c>
      <c r="AG1718">
        <v>34123.444080000001</v>
      </c>
      <c r="AH1718">
        <v>345593.02879999997</v>
      </c>
      <c r="AI1718">
        <v>103485.4656</v>
      </c>
      <c r="AJ1718">
        <v>28829.142199999998</v>
      </c>
      <c r="AK1718">
        <v>39750.589359999998</v>
      </c>
      <c r="AL1718">
        <v>97490.403120000003</v>
      </c>
      <c r="AM1718">
        <v>24495.83166</v>
      </c>
      <c r="AN1718">
        <v>121511.19869999999</v>
      </c>
      <c r="AO1718">
        <v>39957.354829999997</v>
      </c>
      <c r="AP1718">
        <v>24551.639340000002</v>
      </c>
    </row>
    <row r="1719" spans="2:42" x14ac:dyDescent="0.3">
      <c r="B1719">
        <v>67.483767259318427</v>
      </c>
      <c r="C1719" s="83">
        <v>43172.541666666664</v>
      </c>
      <c r="D1719">
        <v>296651.61040000001</v>
      </c>
      <c r="E1719">
        <v>34241.676930000001</v>
      </c>
      <c r="F1719">
        <v>84194.777780000004</v>
      </c>
      <c r="G1719">
        <v>93010.603860000003</v>
      </c>
      <c r="H1719">
        <v>55332.590369999998</v>
      </c>
      <c r="I1719">
        <v>41293.161419999997</v>
      </c>
      <c r="J1719">
        <v>40621.705600000001</v>
      </c>
      <c r="K1719">
        <v>61604.720549999998</v>
      </c>
      <c r="L1719">
        <v>33145.50245</v>
      </c>
      <c r="M1719">
        <v>344063.71600000001</v>
      </c>
      <c r="N1719">
        <v>102422.31020000001</v>
      </c>
      <c r="O1719">
        <v>28681.048599999998</v>
      </c>
      <c r="P1719">
        <v>37321.41547</v>
      </c>
      <c r="Q1719">
        <v>96073.628649999999</v>
      </c>
      <c r="R1719">
        <v>24121.612379999999</v>
      </c>
      <c r="S1719">
        <v>119718.6964</v>
      </c>
      <c r="T1719">
        <v>38312.373119999997</v>
      </c>
      <c r="U1719">
        <v>25543.249810000001</v>
      </c>
      <c r="W1719" s="83">
        <f>Bühler!N1751</f>
        <v>45363.541666662502</v>
      </c>
      <c r="X1719" s="83">
        <v>43172.541666666664</v>
      </c>
      <c r="Y1719">
        <v>296651.61040000001</v>
      </c>
      <c r="Z1719">
        <v>34241.676930000001</v>
      </c>
      <c r="AA1719">
        <v>84194.777780000004</v>
      </c>
      <c r="AB1719">
        <v>93010.603860000003</v>
      </c>
      <c r="AC1719">
        <v>55332.590369999998</v>
      </c>
      <c r="AD1719">
        <v>41293.161419999997</v>
      </c>
      <c r="AE1719">
        <v>40621.705600000001</v>
      </c>
      <c r="AF1719">
        <v>61604.720549999998</v>
      </c>
      <c r="AG1719">
        <v>33145.50245</v>
      </c>
      <c r="AH1719">
        <v>344063.71600000001</v>
      </c>
      <c r="AI1719">
        <v>102422.31020000001</v>
      </c>
      <c r="AJ1719">
        <v>28681.048599999998</v>
      </c>
      <c r="AK1719">
        <v>37321.41547</v>
      </c>
      <c r="AL1719">
        <v>96073.628649999999</v>
      </c>
      <c r="AM1719">
        <v>24121.612379999999</v>
      </c>
      <c r="AN1719">
        <v>119718.6964</v>
      </c>
      <c r="AO1719">
        <v>38312.373119999997</v>
      </c>
      <c r="AP1719">
        <v>25543.249810000001</v>
      </c>
    </row>
    <row r="1720" spans="2:42" x14ac:dyDescent="0.3">
      <c r="B1720">
        <v>67.108731636494923</v>
      </c>
      <c r="C1720" s="83">
        <v>43172.583333333336</v>
      </c>
      <c r="D1720">
        <v>298756.00050000002</v>
      </c>
      <c r="E1720">
        <v>37225.330520000003</v>
      </c>
      <c r="F1720">
        <v>91122.945699999997</v>
      </c>
      <c r="G1720">
        <v>87836.888930000001</v>
      </c>
      <c r="H1720">
        <v>54374.652499999997</v>
      </c>
      <c r="I1720">
        <v>41495.289380000002</v>
      </c>
      <c r="J1720">
        <v>40339.800349999998</v>
      </c>
      <c r="K1720">
        <v>64047.204319999997</v>
      </c>
      <c r="L1720">
        <v>29984.537609999999</v>
      </c>
      <c r="M1720">
        <v>342151.60950000002</v>
      </c>
      <c r="N1720">
        <v>104097.1762</v>
      </c>
      <c r="O1720">
        <v>27531.12356</v>
      </c>
      <c r="P1720">
        <v>34362.256399999998</v>
      </c>
      <c r="Q1720">
        <v>94847.19356</v>
      </c>
      <c r="R1720">
        <v>23478.76254</v>
      </c>
      <c r="S1720">
        <v>113442.1357</v>
      </c>
      <c r="T1720">
        <v>35670.553800000002</v>
      </c>
      <c r="U1720">
        <v>25464.406879999999</v>
      </c>
      <c r="W1720" s="83">
        <f>Bühler!N1752</f>
        <v>45363.583333329167</v>
      </c>
      <c r="X1720" s="83">
        <v>43172.583333333336</v>
      </c>
      <c r="Y1720">
        <v>298756.00050000002</v>
      </c>
      <c r="Z1720">
        <v>37225.330520000003</v>
      </c>
      <c r="AA1720">
        <v>91122.945699999997</v>
      </c>
      <c r="AB1720">
        <v>87836.888930000001</v>
      </c>
      <c r="AC1720">
        <v>54374.652499999997</v>
      </c>
      <c r="AD1720">
        <v>41495.289380000002</v>
      </c>
      <c r="AE1720">
        <v>40339.800349999998</v>
      </c>
      <c r="AF1720">
        <v>64047.204319999997</v>
      </c>
      <c r="AG1720">
        <v>29984.537609999999</v>
      </c>
      <c r="AH1720">
        <v>342151.60950000002</v>
      </c>
      <c r="AI1720">
        <v>104097.1762</v>
      </c>
      <c r="AJ1720">
        <v>27531.12356</v>
      </c>
      <c r="AK1720">
        <v>34362.256399999998</v>
      </c>
      <c r="AL1720">
        <v>94847.19356</v>
      </c>
      <c r="AM1720">
        <v>23478.76254</v>
      </c>
      <c r="AN1720">
        <v>113442.1357</v>
      </c>
      <c r="AO1720">
        <v>35670.553800000002</v>
      </c>
      <c r="AP1720">
        <v>25464.406879999999</v>
      </c>
    </row>
    <row r="1721" spans="2:42" x14ac:dyDescent="0.3">
      <c r="B1721">
        <v>66.208368332686334</v>
      </c>
      <c r="C1721" s="83">
        <v>43172.625</v>
      </c>
      <c r="D1721">
        <v>297671.31809999997</v>
      </c>
      <c r="E1721">
        <v>37067.593919999999</v>
      </c>
      <c r="F1721">
        <v>92592.778720000002</v>
      </c>
      <c r="G1721">
        <v>83958.715339999995</v>
      </c>
      <c r="H1721">
        <v>53249.598010000002</v>
      </c>
      <c r="I1721">
        <v>42588.817690000003</v>
      </c>
      <c r="J1721">
        <v>39579.45508</v>
      </c>
      <c r="K1721">
        <v>62979.768259999997</v>
      </c>
      <c r="L1721">
        <v>26601.25058</v>
      </c>
      <c r="M1721">
        <v>337561.13750000001</v>
      </c>
      <c r="N1721">
        <v>101604.4693</v>
      </c>
      <c r="O1721">
        <v>26617.581579999998</v>
      </c>
      <c r="P1721">
        <v>31655.702430000001</v>
      </c>
      <c r="Q1721">
        <v>94484.433109999998</v>
      </c>
      <c r="R1721">
        <v>22886.781350000001</v>
      </c>
      <c r="S1721">
        <v>111487.7366</v>
      </c>
      <c r="T1721">
        <v>35304.427499999998</v>
      </c>
      <c r="U1721">
        <v>24942.555779999999</v>
      </c>
      <c r="W1721" s="83">
        <f>Bühler!N1753</f>
        <v>45363.624999995831</v>
      </c>
      <c r="X1721" s="83">
        <v>43172.625</v>
      </c>
      <c r="Y1721">
        <v>297671.31809999997</v>
      </c>
      <c r="Z1721">
        <v>37067.593919999999</v>
      </c>
      <c r="AA1721">
        <v>92592.778720000002</v>
      </c>
      <c r="AB1721">
        <v>83958.715339999995</v>
      </c>
      <c r="AC1721">
        <v>53249.598010000002</v>
      </c>
      <c r="AD1721">
        <v>42588.817690000003</v>
      </c>
      <c r="AE1721">
        <v>39579.45508</v>
      </c>
      <c r="AF1721">
        <v>62979.768259999997</v>
      </c>
      <c r="AG1721">
        <v>26601.25058</v>
      </c>
      <c r="AH1721">
        <v>337561.13750000001</v>
      </c>
      <c r="AI1721">
        <v>101604.4693</v>
      </c>
      <c r="AJ1721">
        <v>26617.581579999998</v>
      </c>
      <c r="AK1721">
        <v>31655.702430000001</v>
      </c>
      <c r="AL1721">
        <v>94484.433109999998</v>
      </c>
      <c r="AM1721">
        <v>22886.781350000001</v>
      </c>
      <c r="AN1721">
        <v>111487.7366</v>
      </c>
      <c r="AO1721">
        <v>35304.427499999998</v>
      </c>
      <c r="AP1721">
        <v>24942.555779999999</v>
      </c>
    </row>
    <row r="1722" spans="2:42" x14ac:dyDescent="0.3">
      <c r="B1722">
        <v>65.391945055406552</v>
      </c>
      <c r="C1722" s="83">
        <v>43172.666666666664</v>
      </c>
      <c r="D1722">
        <v>290072.94799999997</v>
      </c>
      <c r="E1722">
        <v>36033.058080000003</v>
      </c>
      <c r="F1722">
        <v>91503.645829999994</v>
      </c>
      <c r="G1722">
        <v>79092.664199999999</v>
      </c>
      <c r="H1722">
        <v>51066.208879999998</v>
      </c>
      <c r="I1722">
        <v>44051.841039999999</v>
      </c>
      <c r="J1722">
        <v>39051.182650000002</v>
      </c>
      <c r="K1722">
        <v>59862.686710000002</v>
      </c>
      <c r="L1722">
        <v>25580.756020000001</v>
      </c>
      <c r="M1722">
        <v>333398.63089999999</v>
      </c>
      <c r="N1722">
        <v>97530.103659999993</v>
      </c>
      <c r="O1722">
        <v>26311.835709999999</v>
      </c>
      <c r="P1722">
        <v>33084.769339999999</v>
      </c>
      <c r="Q1722">
        <v>93339.473849999995</v>
      </c>
      <c r="R1722">
        <v>22251.362990000001</v>
      </c>
      <c r="S1722">
        <v>108527.7331</v>
      </c>
      <c r="T1722">
        <v>34649.413280000001</v>
      </c>
      <c r="U1722">
        <v>23468.7886</v>
      </c>
      <c r="W1722" s="83">
        <f>Bühler!N1754</f>
        <v>45363.666666662495</v>
      </c>
      <c r="X1722" s="83">
        <v>43172.666666666664</v>
      </c>
      <c r="Y1722">
        <v>290072.94799999997</v>
      </c>
      <c r="Z1722">
        <v>36033.058080000003</v>
      </c>
      <c r="AA1722">
        <v>91503.645829999994</v>
      </c>
      <c r="AB1722">
        <v>79092.664199999999</v>
      </c>
      <c r="AC1722">
        <v>51066.208879999998</v>
      </c>
      <c r="AD1722">
        <v>44051.841039999999</v>
      </c>
      <c r="AE1722">
        <v>39051.182650000002</v>
      </c>
      <c r="AF1722">
        <v>59862.686710000002</v>
      </c>
      <c r="AG1722">
        <v>25580.756020000001</v>
      </c>
      <c r="AH1722">
        <v>333398.63089999999</v>
      </c>
      <c r="AI1722">
        <v>97530.103659999993</v>
      </c>
      <c r="AJ1722">
        <v>26311.835709999999</v>
      </c>
      <c r="AK1722">
        <v>33084.769339999999</v>
      </c>
      <c r="AL1722">
        <v>93339.473849999995</v>
      </c>
      <c r="AM1722">
        <v>22251.362990000001</v>
      </c>
      <c r="AN1722">
        <v>108527.7331</v>
      </c>
      <c r="AO1722">
        <v>34649.413280000001</v>
      </c>
      <c r="AP1722">
        <v>23468.7886</v>
      </c>
    </row>
    <row r="1723" spans="2:42" x14ac:dyDescent="0.3">
      <c r="B1723">
        <v>64.019315693825703</v>
      </c>
      <c r="C1723" s="83">
        <v>43172.708333333336</v>
      </c>
      <c r="D1723">
        <v>280862.98269999999</v>
      </c>
      <c r="E1723">
        <v>33839.337140000003</v>
      </c>
      <c r="F1723">
        <v>91007.640660000005</v>
      </c>
      <c r="G1723">
        <v>70685.621469999998</v>
      </c>
      <c r="H1723">
        <v>48894.945099999997</v>
      </c>
      <c r="I1723">
        <v>43190.715279999997</v>
      </c>
      <c r="J1723">
        <v>38612.735189999999</v>
      </c>
      <c r="K1723">
        <v>55129.390749999999</v>
      </c>
      <c r="L1723">
        <v>25996.60527</v>
      </c>
      <c r="M1723">
        <v>326400.32630000002</v>
      </c>
      <c r="N1723">
        <v>90260.593630000003</v>
      </c>
      <c r="O1723">
        <v>25664.774150000001</v>
      </c>
      <c r="P1723">
        <v>34852.686909999997</v>
      </c>
      <c r="Q1723">
        <v>91025.866389999996</v>
      </c>
      <c r="R1723">
        <v>23229.728370000001</v>
      </c>
      <c r="S1723">
        <v>106159.40760000001</v>
      </c>
      <c r="T1723">
        <v>34429.57417</v>
      </c>
      <c r="U1723">
        <v>20884.868259999999</v>
      </c>
      <c r="W1723" s="83">
        <f>Bühler!N1755</f>
        <v>45363.708333329159</v>
      </c>
      <c r="X1723" s="83">
        <v>43172.708333333336</v>
      </c>
      <c r="Y1723">
        <v>280862.98269999999</v>
      </c>
      <c r="Z1723">
        <v>33839.337140000003</v>
      </c>
      <c r="AA1723">
        <v>91007.640660000005</v>
      </c>
      <c r="AB1723">
        <v>70685.621469999998</v>
      </c>
      <c r="AC1723">
        <v>48894.945099999997</v>
      </c>
      <c r="AD1723">
        <v>43190.715279999997</v>
      </c>
      <c r="AE1723">
        <v>38612.735189999999</v>
      </c>
      <c r="AF1723">
        <v>55129.390749999999</v>
      </c>
      <c r="AG1723">
        <v>25996.60527</v>
      </c>
      <c r="AH1723">
        <v>326400.32630000002</v>
      </c>
      <c r="AI1723">
        <v>90260.593630000003</v>
      </c>
      <c r="AJ1723">
        <v>25664.774150000001</v>
      </c>
      <c r="AK1723">
        <v>34852.686909999997</v>
      </c>
      <c r="AL1723">
        <v>91025.866389999996</v>
      </c>
      <c r="AM1723">
        <v>23229.728370000001</v>
      </c>
      <c r="AN1723">
        <v>106159.40760000001</v>
      </c>
      <c r="AO1723">
        <v>34429.57417</v>
      </c>
      <c r="AP1723">
        <v>20884.868259999999</v>
      </c>
    </row>
    <row r="1724" spans="2:42" x14ac:dyDescent="0.3">
      <c r="B1724">
        <v>63.01811736130086</v>
      </c>
      <c r="C1724" s="83">
        <v>43172.75</v>
      </c>
      <c r="D1724">
        <v>275262.33270000003</v>
      </c>
      <c r="E1724">
        <v>31122.921900000001</v>
      </c>
      <c r="F1724">
        <v>90182.014890000006</v>
      </c>
      <c r="G1724">
        <v>62010.34448</v>
      </c>
      <c r="H1724">
        <v>47510.136689999999</v>
      </c>
      <c r="I1724">
        <v>43563.713159999999</v>
      </c>
      <c r="J1724">
        <v>40047.35039</v>
      </c>
      <c r="K1724">
        <v>52940.501230000002</v>
      </c>
      <c r="L1724">
        <v>28315.043590000001</v>
      </c>
      <c r="M1724">
        <v>321295.75030000001</v>
      </c>
      <c r="N1724">
        <v>86966.910319999995</v>
      </c>
      <c r="O1724">
        <v>25066.441920000001</v>
      </c>
      <c r="P1724">
        <v>38791.334210000001</v>
      </c>
      <c r="Q1724">
        <v>89788.825379999995</v>
      </c>
      <c r="R1724">
        <v>21024.021919999999</v>
      </c>
      <c r="S1724">
        <v>101094.48820000001</v>
      </c>
      <c r="T1724">
        <v>35718.836369999997</v>
      </c>
      <c r="U1724">
        <v>19320.9323</v>
      </c>
      <c r="W1724" s="83">
        <f>Bühler!N1756</f>
        <v>45363.749999995824</v>
      </c>
      <c r="X1724" s="83">
        <v>43172.75</v>
      </c>
      <c r="Y1724">
        <v>275262.33270000003</v>
      </c>
      <c r="Z1724">
        <v>31122.921900000001</v>
      </c>
      <c r="AA1724">
        <v>90182.014890000006</v>
      </c>
      <c r="AB1724">
        <v>62010.34448</v>
      </c>
      <c r="AC1724">
        <v>47510.136689999999</v>
      </c>
      <c r="AD1724">
        <v>43563.713159999999</v>
      </c>
      <c r="AE1724">
        <v>40047.35039</v>
      </c>
      <c r="AF1724">
        <v>52940.501230000002</v>
      </c>
      <c r="AG1724">
        <v>28315.043590000001</v>
      </c>
      <c r="AH1724">
        <v>321295.75030000001</v>
      </c>
      <c r="AI1724">
        <v>86966.910319999995</v>
      </c>
      <c r="AJ1724">
        <v>25066.441920000001</v>
      </c>
      <c r="AK1724">
        <v>38791.334210000001</v>
      </c>
      <c r="AL1724">
        <v>89788.825379999995</v>
      </c>
      <c r="AM1724">
        <v>21024.021919999999</v>
      </c>
      <c r="AN1724">
        <v>101094.48820000001</v>
      </c>
      <c r="AO1724">
        <v>35718.836369999997</v>
      </c>
      <c r="AP1724">
        <v>19320.9323</v>
      </c>
    </row>
    <row r="1725" spans="2:42" x14ac:dyDescent="0.3">
      <c r="B1725">
        <v>62.400330464468688</v>
      </c>
      <c r="C1725" s="83">
        <v>43172.791666666664</v>
      </c>
      <c r="D1725">
        <v>270391.31530000002</v>
      </c>
      <c r="E1725">
        <v>26845.46602</v>
      </c>
      <c r="F1725">
        <v>79947.535380000001</v>
      </c>
      <c r="G1725">
        <v>58995.34031</v>
      </c>
      <c r="H1725">
        <v>47302.111579999997</v>
      </c>
      <c r="I1725">
        <v>40504.877959999998</v>
      </c>
      <c r="J1725">
        <v>42347.303919999998</v>
      </c>
      <c r="K1725">
        <v>52190.08051</v>
      </c>
      <c r="L1725">
        <v>29982.357530000001</v>
      </c>
      <c r="M1725">
        <v>318145.98460000003</v>
      </c>
      <c r="N1725">
        <v>86084.036789999998</v>
      </c>
      <c r="O1725">
        <v>24049.90753</v>
      </c>
      <c r="P1725">
        <v>41354.760900000001</v>
      </c>
      <c r="Q1725">
        <v>87937.971489999996</v>
      </c>
      <c r="R1725">
        <v>20810.285790000002</v>
      </c>
      <c r="S1725">
        <v>99848.684309999997</v>
      </c>
      <c r="T1725">
        <v>37967.803390000001</v>
      </c>
      <c r="U1725">
        <v>19673.079880000001</v>
      </c>
      <c r="W1725" s="83">
        <f>Bühler!N1757</f>
        <v>45363.791666662488</v>
      </c>
      <c r="X1725" s="83">
        <v>43172.791666666664</v>
      </c>
      <c r="Y1725">
        <v>270391.31530000002</v>
      </c>
      <c r="Z1725">
        <v>26845.46602</v>
      </c>
      <c r="AA1725">
        <v>79947.535380000001</v>
      </c>
      <c r="AB1725">
        <v>58995.34031</v>
      </c>
      <c r="AC1725">
        <v>47302.111579999997</v>
      </c>
      <c r="AD1725">
        <v>40504.877959999998</v>
      </c>
      <c r="AE1725">
        <v>42347.303919999998</v>
      </c>
      <c r="AF1725">
        <v>52190.08051</v>
      </c>
      <c r="AG1725">
        <v>29982.357530000001</v>
      </c>
      <c r="AH1725">
        <v>318145.98460000003</v>
      </c>
      <c r="AI1725">
        <v>86084.036789999998</v>
      </c>
      <c r="AJ1725">
        <v>24049.90753</v>
      </c>
      <c r="AK1725">
        <v>41354.760900000001</v>
      </c>
      <c r="AL1725">
        <v>87937.971489999996</v>
      </c>
      <c r="AM1725">
        <v>20810.285790000002</v>
      </c>
      <c r="AN1725">
        <v>99848.684309999997</v>
      </c>
      <c r="AO1725">
        <v>37967.803390000001</v>
      </c>
      <c r="AP1725">
        <v>19673.079880000001</v>
      </c>
    </row>
    <row r="1726" spans="2:42" x14ac:dyDescent="0.3">
      <c r="B1726">
        <v>60.906842484104899</v>
      </c>
      <c r="C1726" s="83">
        <v>43172.833333333336</v>
      </c>
      <c r="D1726">
        <v>260991.7893</v>
      </c>
      <c r="E1726">
        <v>20675.988499999999</v>
      </c>
      <c r="F1726">
        <v>61720.379229999999</v>
      </c>
      <c r="G1726">
        <v>51455.61608</v>
      </c>
      <c r="H1726">
        <v>44597.342429999997</v>
      </c>
      <c r="I1726">
        <v>35480.82215</v>
      </c>
      <c r="J1726">
        <v>41238.662539999998</v>
      </c>
      <c r="K1726">
        <v>50975.163919999999</v>
      </c>
      <c r="L1726">
        <v>28538.248950000001</v>
      </c>
      <c r="M1726">
        <v>310531.48639999999</v>
      </c>
      <c r="N1726">
        <v>82783.387740000006</v>
      </c>
      <c r="O1726">
        <v>23242.429469999999</v>
      </c>
      <c r="P1726">
        <v>42474.316140000003</v>
      </c>
      <c r="Q1726">
        <v>85793.412890000007</v>
      </c>
      <c r="R1726">
        <v>19548.68953</v>
      </c>
      <c r="S1726">
        <v>90349.991420000006</v>
      </c>
      <c r="T1726">
        <v>36056.15668</v>
      </c>
      <c r="U1726">
        <v>18460.299579999999</v>
      </c>
      <c r="W1726" s="83">
        <f>Bühler!N1758</f>
        <v>45363.833333329152</v>
      </c>
      <c r="X1726" s="83">
        <v>43172.833333333336</v>
      </c>
      <c r="Y1726">
        <v>260991.7893</v>
      </c>
      <c r="Z1726">
        <v>20675.988499999999</v>
      </c>
      <c r="AA1726">
        <v>61720.379229999999</v>
      </c>
      <c r="AB1726">
        <v>51455.61608</v>
      </c>
      <c r="AC1726">
        <v>44597.342429999997</v>
      </c>
      <c r="AD1726">
        <v>35480.82215</v>
      </c>
      <c r="AE1726">
        <v>41238.662539999998</v>
      </c>
      <c r="AF1726">
        <v>50975.163919999999</v>
      </c>
      <c r="AG1726">
        <v>28538.248950000001</v>
      </c>
      <c r="AH1726">
        <v>310531.48639999999</v>
      </c>
      <c r="AI1726">
        <v>82783.387740000006</v>
      </c>
      <c r="AJ1726">
        <v>23242.429469999999</v>
      </c>
      <c r="AK1726">
        <v>42474.316140000003</v>
      </c>
      <c r="AL1726">
        <v>85793.412890000007</v>
      </c>
      <c r="AM1726">
        <v>19548.68953</v>
      </c>
      <c r="AN1726">
        <v>90349.991420000006</v>
      </c>
      <c r="AO1726">
        <v>36056.15668</v>
      </c>
      <c r="AP1726">
        <v>18460.299579999999</v>
      </c>
    </row>
    <row r="1727" spans="2:42" x14ac:dyDescent="0.3">
      <c r="B1727">
        <v>58.942656035016988</v>
      </c>
      <c r="C1727" s="83">
        <v>43172.875</v>
      </c>
      <c r="D1727">
        <v>251783.46160000001</v>
      </c>
      <c r="E1727">
        <v>17674.630570000001</v>
      </c>
      <c r="F1727">
        <v>53812.767460000003</v>
      </c>
      <c r="G1727">
        <v>47584.269310000003</v>
      </c>
      <c r="H1727">
        <v>41455.588900000002</v>
      </c>
      <c r="I1727">
        <v>29825.033490000002</v>
      </c>
      <c r="J1727">
        <v>39633.212180000002</v>
      </c>
      <c r="K1727">
        <v>49128.504399999998</v>
      </c>
      <c r="L1727">
        <v>26496.73386</v>
      </c>
      <c r="M1727">
        <v>300517.14789999998</v>
      </c>
      <c r="N1727">
        <v>80757.441909999994</v>
      </c>
      <c r="O1727">
        <v>22147.067500000001</v>
      </c>
      <c r="P1727">
        <v>39524.05287</v>
      </c>
      <c r="Q1727">
        <v>83585.416519999999</v>
      </c>
      <c r="R1727">
        <v>18528.364610000001</v>
      </c>
      <c r="S1727">
        <v>84936.128100000002</v>
      </c>
      <c r="T1727">
        <v>32849.52547</v>
      </c>
      <c r="U1727">
        <v>17247.43015</v>
      </c>
      <c r="W1727" s="83">
        <f>Bühler!N1759</f>
        <v>45363.874999995816</v>
      </c>
      <c r="X1727" s="83">
        <v>43172.875</v>
      </c>
      <c r="Y1727">
        <v>251783.46160000001</v>
      </c>
      <c r="Z1727">
        <v>17674.630570000001</v>
      </c>
      <c r="AA1727">
        <v>53812.767460000003</v>
      </c>
      <c r="AB1727">
        <v>47584.269310000003</v>
      </c>
      <c r="AC1727">
        <v>41455.588900000002</v>
      </c>
      <c r="AD1727">
        <v>29825.033490000002</v>
      </c>
      <c r="AE1727">
        <v>39633.212180000002</v>
      </c>
      <c r="AF1727">
        <v>49128.504399999998</v>
      </c>
      <c r="AG1727">
        <v>26496.73386</v>
      </c>
      <c r="AH1727">
        <v>300517.14789999998</v>
      </c>
      <c r="AI1727">
        <v>80757.441909999994</v>
      </c>
      <c r="AJ1727">
        <v>22147.067500000001</v>
      </c>
      <c r="AK1727">
        <v>39524.05287</v>
      </c>
      <c r="AL1727">
        <v>83585.416519999999</v>
      </c>
      <c r="AM1727">
        <v>18528.364610000001</v>
      </c>
      <c r="AN1727">
        <v>84936.128100000002</v>
      </c>
      <c r="AO1727">
        <v>32849.52547</v>
      </c>
      <c r="AP1727">
        <v>17247.43015</v>
      </c>
    </row>
    <row r="1728" spans="2:42" x14ac:dyDescent="0.3">
      <c r="B1728">
        <v>57.773975533791102</v>
      </c>
      <c r="C1728" s="83">
        <v>43172.916666666664</v>
      </c>
      <c r="D1728">
        <v>249741.88269999999</v>
      </c>
      <c r="E1728">
        <v>16974.18319</v>
      </c>
      <c r="F1728">
        <v>51104.482819999997</v>
      </c>
      <c r="G1728">
        <v>45352.650780000004</v>
      </c>
      <c r="H1728">
        <v>40723.846610000001</v>
      </c>
      <c r="I1728">
        <v>28170.030309999998</v>
      </c>
      <c r="J1728">
        <v>38171.897689999998</v>
      </c>
      <c r="K1728">
        <v>53272.42628</v>
      </c>
      <c r="L1728">
        <v>24067.522280000001</v>
      </c>
      <c r="M1728">
        <v>294558.66970000003</v>
      </c>
      <c r="N1728">
        <v>80652.729330000002</v>
      </c>
      <c r="O1728">
        <v>22813.86492</v>
      </c>
      <c r="P1728">
        <v>41501.540200000003</v>
      </c>
      <c r="Q1728">
        <v>82915.181790000002</v>
      </c>
      <c r="R1728">
        <v>24843.787520000002</v>
      </c>
      <c r="S1728">
        <v>83203.207020000002</v>
      </c>
      <c r="T1728">
        <v>29177.301309999999</v>
      </c>
      <c r="U1728">
        <v>18000.62082</v>
      </c>
      <c r="W1728" s="83">
        <f>Bühler!N1760</f>
        <v>45363.916666662481</v>
      </c>
      <c r="X1728" s="83">
        <v>43172.916666666664</v>
      </c>
      <c r="Y1728">
        <v>249741.88269999999</v>
      </c>
      <c r="Z1728">
        <v>16974.18319</v>
      </c>
      <c r="AA1728">
        <v>51104.482819999997</v>
      </c>
      <c r="AB1728">
        <v>45352.650780000004</v>
      </c>
      <c r="AC1728">
        <v>40723.846610000001</v>
      </c>
      <c r="AD1728">
        <v>28170.030309999998</v>
      </c>
      <c r="AE1728">
        <v>38171.897689999998</v>
      </c>
      <c r="AF1728">
        <v>53272.42628</v>
      </c>
      <c r="AG1728">
        <v>24067.522280000001</v>
      </c>
      <c r="AH1728">
        <v>294558.66970000003</v>
      </c>
      <c r="AI1728">
        <v>80652.729330000002</v>
      </c>
      <c r="AJ1728">
        <v>22813.86492</v>
      </c>
      <c r="AK1728">
        <v>41501.540200000003</v>
      </c>
      <c r="AL1728">
        <v>82915.181790000002</v>
      </c>
      <c r="AM1728">
        <v>24843.787520000002</v>
      </c>
      <c r="AN1728">
        <v>83203.207020000002</v>
      </c>
      <c r="AO1728">
        <v>29177.301309999999</v>
      </c>
      <c r="AP1728">
        <v>18000.62082</v>
      </c>
    </row>
    <row r="1729" spans="2:42" x14ac:dyDescent="0.3">
      <c r="B1729">
        <v>56.902320451275557</v>
      </c>
      <c r="C1729" s="83">
        <v>43172.958333333336</v>
      </c>
      <c r="D1729">
        <v>251230.79370000001</v>
      </c>
      <c r="E1729">
        <v>16650.282910000002</v>
      </c>
      <c r="F1729">
        <v>50020.128230000002</v>
      </c>
      <c r="G1729">
        <v>44060.214959999998</v>
      </c>
      <c r="H1729">
        <v>40076.826869999997</v>
      </c>
      <c r="I1729">
        <v>26685.605449999999</v>
      </c>
      <c r="J1729">
        <v>35293.836920000002</v>
      </c>
      <c r="K1729">
        <v>52685.90324</v>
      </c>
      <c r="L1729">
        <v>20788.953460000001</v>
      </c>
      <c r="M1729">
        <v>290114.56559999997</v>
      </c>
      <c r="N1729">
        <v>80496.528359999997</v>
      </c>
      <c r="O1729">
        <v>22542.90972</v>
      </c>
      <c r="P1729">
        <v>36666.692280000003</v>
      </c>
      <c r="Q1729">
        <v>81967.30141</v>
      </c>
      <c r="R1729">
        <v>26830.427749999999</v>
      </c>
      <c r="S1729">
        <v>81568.465450000003</v>
      </c>
      <c r="T1729">
        <v>29025.203799999999</v>
      </c>
      <c r="U1729">
        <v>16915.44155</v>
      </c>
      <c r="W1729" s="83">
        <f>Bühler!N1761</f>
        <v>45363.958333329145</v>
      </c>
      <c r="X1729" s="83">
        <v>43172.958333333336</v>
      </c>
      <c r="Y1729">
        <v>251230.79370000001</v>
      </c>
      <c r="Z1729">
        <v>16650.282910000002</v>
      </c>
      <c r="AA1729">
        <v>50020.128230000002</v>
      </c>
      <c r="AB1729">
        <v>44060.214959999998</v>
      </c>
      <c r="AC1729">
        <v>40076.826869999997</v>
      </c>
      <c r="AD1729">
        <v>26685.605449999999</v>
      </c>
      <c r="AE1729">
        <v>35293.836920000002</v>
      </c>
      <c r="AF1729">
        <v>52685.90324</v>
      </c>
      <c r="AG1729">
        <v>20788.953460000001</v>
      </c>
      <c r="AH1729">
        <v>290114.56559999997</v>
      </c>
      <c r="AI1729">
        <v>80496.528359999997</v>
      </c>
      <c r="AJ1729">
        <v>22542.90972</v>
      </c>
      <c r="AK1729">
        <v>36666.692280000003</v>
      </c>
      <c r="AL1729">
        <v>81967.30141</v>
      </c>
      <c r="AM1729">
        <v>26830.427749999999</v>
      </c>
      <c r="AN1729">
        <v>81568.465450000003</v>
      </c>
      <c r="AO1729">
        <v>29025.203799999999</v>
      </c>
      <c r="AP1729">
        <v>16915.44155</v>
      </c>
    </row>
    <row r="1730" spans="2:42" x14ac:dyDescent="0.3">
      <c r="B1730">
        <v>56.058407103335391</v>
      </c>
      <c r="C1730" s="83">
        <v>43173</v>
      </c>
      <c r="D1730">
        <v>249585.89799999999</v>
      </c>
      <c r="E1730">
        <v>16208.85183</v>
      </c>
      <c r="F1730">
        <v>49129.037600000003</v>
      </c>
      <c r="G1730">
        <v>43308.654990000003</v>
      </c>
      <c r="H1730">
        <v>39051.661800000002</v>
      </c>
      <c r="I1730">
        <v>24928.304110000001</v>
      </c>
      <c r="J1730">
        <v>33598.882850000002</v>
      </c>
      <c r="K1730">
        <v>50732.197339999999</v>
      </c>
      <c r="L1730">
        <v>19171.232769999999</v>
      </c>
      <c r="M1730">
        <v>285811.90179999999</v>
      </c>
      <c r="N1730">
        <v>79792.146789999999</v>
      </c>
      <c r="O1730">
        <v>22614.896410000001</v>
      </c>
      <c r="P1730">
        <v>34196.697959999998</v>
      </c>
      <c r="Q1730">
        <v>82056.820559999993</v>
      </c>
      <c r="R1730">
        <v>22781.37298</v>
      </c>
      <c r="S1730">
        <v>80452.30025</v>
      </c>
      <c r="T1730">
        <v>27615.592000000001</v>
      </c>
      <c r="U1730">
        <v>16790.95881</v>
      </c>
      <c r="W1730" s="83">
        <f>Bühler!N1762</f>
        <v>45363.999999995809</v>
      </c>
      <c r="X1730" s="83">
        <v>43173</v>
      </c>
      <c r="Y1730">
        <v>249585.89799999999</v>
      </c>
      <c r="Z1730">
        <v>16208.85183</v>
      </c>
      <c r="AA1730">
        <v>49129.037600000003</v>
      </c>
      <c r="AB1730">
        <v>43308.654990000003</v>
      </c>
      <c r="AC1730">
        <v>39051.661800000002</v>
      </c>
      <c r="AD1730">
        <v>24928.304110000001</v>
      </c>
      <c r="AE1730">
        <v>33598.882850000002</v>
      </c>
      <c r="AF1730">
        <v>50732.197339999999</v>
      </c>
      <c r="AG1730">
        <v>19171.232769999999</v>
      </c>
      <c r="AH1730">
        <v>285811.90179999999</v>
      </c>
      <c r="AI1730">
        <v>79792.146789999999</v>
      </c>
      <c r="AJ1730">
        <v>22614.896410000001</v>
      </c>
      <c r="AK1730">
        <v>34196.697959999998</v>
      </c>
      <c r="AL1730">
        <v>82056.820559999993</v>
      </c>
      <c r="AM1730">
        <v>22781.37298</v>
      </c>
      <c r="AN1730">
        <v>80452.30025</v>
      </c>
      <c r="AO1730">
        <v>27615.592000000001</v>
      </c>
      <c r="AP1730">
        <v>16790.95881</v>
      </c>
    </row>
    <row r="1731" spans="2:42" x14ac:dyDescent="0.3">
      <c r="B1731">
        <v>56.045702067025374</v>
      </c>
      <c r="C1731" s="83">
        <v>43173.041666666664</v>
      </c>
      <c r="D1731">
        <v>248151.33410000001</v>
      </c>
      <c r="E1731">
        <v>16225.441989999999</v>
      </c>
      <c r="F1731">
        <v>49224.300069999998</v>
      </c>
      <c r="G1731">
        <v>43072.708550000003</v>
      </c>
      <c r="H1731">
        <v>38815.252939999998</v>
      </c>
      <c r="I1731">
        <v>19782.00462</v>
      </c>
      <c r="J1731">
        <v>32967.362869999997</v>
      </c>
      <c r="K1731">
        <v>49433.664940000002</v>
      </c>
      <c r="L1731">
        <v>19027.81106</v>
      </c>
      <c r="M1731">
        <v>285747.12560000003</v>
      </c>
      <c r="N1731">
        <v>79849.879220000003</v>
      </c>
      <c r="O1731">
        <v>22673.002659999998</v>
      </c>
      <c r="P1731">
        <v>32948.218000000001</v>
      </c>
      <c r="Q1731">
        <v>82278.670889999994</v>
      </c>
      <c r="R1731">
        <v>21345.374510000001</v>
      </c>
      <c r="S1731">
        <v>79330.80618</v>
      </c>
      <c r="T1731">
        <v>26755.23316</v>
      </c>
      <c r="U1731">
        <v>17179.284339999998</v>
      </c>
      <c r="W1731" s="83">
        <f>Bühler!N1763</f>
        <v>45364.041666662473</v>
      </c>
      <c r="X1731" s="83">
        <v>43173.041666666664</v>
      </c>
      <c r="Y1731">
        <v>248151.33410000001</v>
      </c>
      <c r="Z1731">
        <v>16225.441989999999</v>
      </c>
      <c r="AA1731">
        <v>49224.300069999998</v>
      </c>
      <c r="AB1731">
        <v>43072.708550000003</v>
      </c>
      <c r="AC1731">
        <v>38815.252939999998</v>
      </c>
      <c r="AD1731">
        <v>19782.00462</v>
      </c>
      <c r="AE1731">
        <v>32967.362869999997</v>
      </c>
      <c r="AF1731">
        <v>49433.664940000002</v>
      </c>
      <c r="AG1731">
        <v>19027.81106</v>
      </c>
      <c r="AH1731">
        <v>285747.12560000003</v>
      </c>
      <c r="AI1731">
        <v>79849.879220000003</v>
      </c>
      <c r="AJ1731">
        <v>22673.002659999998</v>
      </c>
      <c r="AK1731">
        <v>32948.218000000001</v>
      </c>
      <c r="AL1731">
        <v>82278.670889999994</v>
      </c>
      <c r="AM1731">
        <v>21345.374510000001</v>
      </c>
      <c r="AN1731">
        <v>79330.80618</v>
      </c>
      <c r="AO1731">
        <v>26755.23316</v>
      </c>
      <c r="AP1731">
        <v>17179.284339999998</v>
      </c>
    </row>
    <row r="1732" spans="2:42" x14ac:dyDescent="0.3">
      <c r="B1732">
        <v>56.503075783668464</v>
      </c>
      <c r="C1732" s="83">
        <v>43173.083333333336</v>
      </c>
      <c r="D1732">
        <v>247819.726</v>
      </c>
      <c r="E1732">
        <v>16270.419959999999</v>
      </c>
      <c r="F1732">
        <v>49734.511310000002</v>
      </c>
      <c r="G1732">
        <v>42438.758540000003</v>
      </c>
      <c r="H1732">
        <v>38852.81695</v>
      </c>
      <c r="I1732">
        <v>18574.280279999999</v>
      </c>
      <c r="J1732">
        <v>32730.076819999998</v>
      </c>
      <c r="K1732">
        <v>48006.408009999999</v>
      </c>
      <c r="L1732">
        <v>18659.899379999999</v>
      </c>
      <c r="M1732">
        <v>288079.03009999997</v>
      </c>
      <c r="N1732">
        <v>79417.010779999997</v>
      </c>
      <c r="O1732">
        <v>22454.436679999999</v>
      </c>
      <c r="P1732">
        <v>31653.854210000001</v>
      </c>
      <c r="Q1732">
        <v>84607.06985</v>
      </c>
      <c r="R1732">
        <v>22319.981759999999</v>
      </c>
      <c r="S1732">
        <v>78972.580310000005</v>
      </c>
      <c r="T1732">
        <v>26201.56913</v>
      </c>
      <c r="U1732">
        <v>17542.009669999999</v>
      </c>
      <c r="W1732" s="83">
        <f>Bühler!N1764</f>
        <v>45364.083333329138</v>
      </c>
      <c r="X1732" s="83">
        <v>43173.083333333336</v>
      </c>
      <c r="Y1732">
        <v>247819.726</v>
      </c>
      <c r="Z1732">
        <v>16270.419959999999</v>
      </c>
      <c r="AA1732">
        <v>49734.511310000002</v>
      </c>
      <c r="AB1732">
        <v>42438.758540000003</v>
      </c>
      <c r="AC1732">
        <v>38852.81695</v>
      </c>
      <c r="AD1732">
        <v>18574.280279999999</v>
      </c>
      <c r="AE1732">
        <v>32730.076819999998</v>
      </c>
      <c r="AF1732">
        <v>48006.408009999999</v>
      </c>
      <c r="AG1732">
        <v>18659.899379999999</v>
      </c>
      <c r="AH1732">
        <v>288079.03009999997</v>
      </c>
      <c r="AI1732">
        <v>79417.010779999997</v>
      </c>
      <c r="AJ1732">
        <v>22454.436679999999</v>
      </c>
      <c r="AK1732">
        <v>31653.854210000001</v>
      </c>
      <c r="AL1732">
        <v>84607.06985</v>
      </c>
      <c r="AM1732">
        <v>22319.981759999999</v>
      </c>
      <c r="AN1732">
        <v>78972.580310000005</v>
      </c>
      <c r="AO1732">
        <v>26201.56913</v>
      </c>
      <c r="AP1732">
        <v>17542.009669999999</v>
      </c>
    </row>
    <row r="1733" spans="2:42" x14ac:dyDescent="0.3">
      <c r="B1733">
        <v>56.612152035760914</v>
      </c>
      <c r="C1733" s="83">
        <v>43173.125</v>
      </c>
      <c r="D1733">
        <v>251010.32699999999</v>
      </c>
      <c r="E1733">
        <v>16368.34463</v>
      </c>
      <c r="F1733">
        <v>51089.878400000001</v>
      </c>
      <c r="G1733">
        <v>41585.596100000002</v>
      </c>
      <c r="H1733">
        <v>38840.994420000003</v>
      </c>
      <c r="I1733">
        <v>18748.343680000002</v>
      </c>
      <c r="J1733">
        <v>33742.974470000001</v>
      </c>
      <c r="K1733">
        <v>46993.241549999999</v>
      </c>
      <c r="L1733">
        <v>18350.626660000002</v>
      </c>
      <c r="M1733">
        <v>288635.15169999999</v>
      </c>
      <c r="N1733">
        <v>78185.91433</v>
      </c>
      <c r="O1733">
        <v>22685.92182</v>
      </c>
      <c r="P1733">
        <v>32021.576669999999</v>
      </c>
      <c r="Q1733">
        <v>87853.002349999995</v>
      </c>
      <c r="R1733">
        <v>22401.615819999999</v>
      </c>
      <c r="S1733">
        <v>78539.782550000004</v>
      </c>
      <c r="T1733">
        <v>26261.06437</v>
      </c>
      <c r="U1733">
        <v>17910.596659999999</v>
      </c>
      <c r="W1733" s="83">
        <f>Bühler!N1765</f>
        <v>45364.124999995802</v>
      </c>
      <c r="X1733" s="83">
        <v>43173.125</v>
      </c>
      <c r="Y1733">
        <v>251010.32699999999</v>
      </c>
      <c r="Z1733">
        <v>16368.34463</v>
      </c>
      <c r="AA1733">
        <v>51089.878400000001</v>
      </c>
      <c r="AB1733">
        <v>41585.596100000002</v>
      </c>
      <c r="AC1733">
        <v>38840.994420000003</v>
      </c>
      <c r="AD1733">
        <v>18748.343680000002</v>
      </c>
      <c r="AE1733">
        <v>33742.974470000001</v>
      </c>
      <c r="AF1733">
        <v>46993.241549999999</v>
      </c>
      <c r="AG1733">
        <v>18350.626660000002</v>
      </c>
      <c r="AH1733">
        <v>288635.15169999999</v>
      </c>
      <c r="AI1733">
        <v>78185.91433</v>
      </c>
      <c r="AJ1733">
        <v>22685.92182</v>
      </c>
      <c r="AK1733">
        <v>32021.576669999999</v>
      </c>
      <c r="AL1733">
        <v>87853.002349999995</v>
      </c>
      <c r="AM1733">
        <v>22401.615819999999</v>
      </c>
      <c r="AN1733">
        <v>78539.782550000004</v>
      </c>
      <c r="AO1733">
        <v>26261.06437</v>
      </c>
      <c r="AP1733">
        <v>17910.596659999999</v>
      </c>
    </row>
    <row r="1734" spans="2:42" x14ac:dyDescent="0.3">
      <c r="B1734">
        <v>57.473760508852266</v>
      </c>
      <c r="C1734" s="83">
        <v>43173.166666666664</v>
      </c>
      <c r="D1734">
        <v>253584.28539999999</v>
      </c>
      <c r="E1734">
        <v>16896.236690000002</v>
      </c>
      <c r="F1734">
        <v>54849.95508</v>
      </c>
      <c r="G1734">
        <v>41839.182950000002</v>
      </c>
      <c r="H1734">
        <v>39708.533170000002</v>
      </c>
      <c r="I1734">
        <v>21987.206030000001</v>
      </c>
      <c r="J1734">
        <v>35890.052920000002</v>
      </c>
      <c r="K1734">
        <v>45937.27691</v>
      </c>
      <c r="L1734">
        <v>18373.22855</v>
      </c>
      <c r="M1734">
        <v>293028.03350000002</v>
      </c>
      <c r="N1734">
        <v>77333.07703</v>
      </c>
      <c r="O1734">
        <v>23177.548149999999</v>
      </c>
      <c r="P1734">
        <v>31181.269950000002</v>
      </c>
      <c r="Q1734">
        <v>91248.563370000003</v>
      </c>
      <c r="R1734">
        <v>22516.189470000001</v>
      </c>
      <c r="S1734">
        <v>79394.839659999998</v>
      </c>
      <c r="T1734">
        <v>26301.117630000001</v>
      </c>
      <c r="U1734">
        <v>18758.830760000001</v>
      </c>
      <c r="W1734" s="83">
        <f>Bühler!N1766</f>
        <v>45364.166666662466</v>
      </c>
      <c r="X1734" s="83">
        <v>43173.166666666664</v>
      </c>
      <c r="Y1734">
        <v>253584.28539999999</v>
      </c>
      <c r="Z1734">
        <v>16896.236690000002</v>
      </c>
      <c r="AA1734">
        <v>54849.95508</v>
      </c>
      <c r="AB1734">
        <v>41839.182950000002</v>
      </c>
      <c r="AC1734">
        <v>39708.533170000002</v>
      </c>
      <c r="AD1734">
        <v>21987.206030000001</v>
      </c>
      <c r="AE1734">
        <v>35890.052920000002</v>
      </c>
      <c r="AF1734">
        <v>45937.27691</v>
      </c>
      <c r="AG1734">
        <v>18373.22855</v>
      </c>
      <c r="AH1734">
        <v>293028.03350000002</v>
      </c>
      <c r="AI1734">
        <v>77333.07703</v>
      </c>
      <c r="AJ1734">
        <v>23177.548149999999</v>
      </c>
      <c r="AK1734">
        <v>31181.269950000002</v>
      </c>
      <c r="AL1734">
        <v>91248.563370000003</v>
      </c>
      <c r="AM1734">
        <v>22516.189470000001</v>
      </c>
      <c r="AN1734">
        <v>79394.839659999998</v>
      </c>
      <c r="AO1734">
        <v>26301.117630000001</v>
      </c>
      <c r="AP1734">
        <v>18758.830760000001</v>
      </c>
    </row>
    <row r="1735" spans="2:42" x14ac:dyDescent="0.3">
      <c r="B1735">
        <v>60.637709884619376</v>
      </c>
      <c r="C1735" s="83">
        <v>43173.208333333336</v>
      </c>
      <c r="D1735">
        <v>268391.98210000002</v>
      </c>
      <c r="E1735">
        <v>19010.106070000002</v>
      </c>
      <c r="F1735">
        <v>64844.768369999998</v>
      </c>
      <c r="G1735">
        <v>44843.574760000003</v>
      </c>
      <c r="H1735">
        <v>41981.822460000003</v>
      </c>
      <c r="I1735">
        <v>31518.447990000001</v>
      </c>
      <c r="J1735">
        <v>38348.383900000001</v>
      </c>
      <c r="K1735">
        <v>47896.508549999999</v>
      </c>
      <c r="L1735">
        <v>19416.146359999999</v>
      </c>
      <c r="M1735">
        <v>309159.32290000003</v>
      </c>
      <c r="N1735">
        <v>79807.618929999997</v>
      </c>
      <c r="O1735">
        <v>24343.02044</v>
      </c>
      <c r="P1735">
        <v>31591.599849999999</v>
      </c>
      <c r="Q1735">
        <v>93895.211800000005</v>
      </c>
      <c r="R1735">
        <v>25417.354899999998</v>
      </c>
      <c r="S1735">
        <v>82120.433180000007</v>
      </c>
      <c r="T1735">
        <v>27791.196309999999</v>
      </c>
      <c r="U1735">
        <v>20146.577410000002</v>
      </c>
      <c r="W1735" s="83">
        <f>Bühler!N1767</f>
        <v>45364.20833332913</v>
      </c>
      <c r="X1735" s="83">
        <v>43173.208333333336</v>
      </c>
      <c r="Y1735">
        <v>268391.98210000002</v>
      </c>
      <c r="Z1735">
        <v>19010.106070000002</v>
      </c>
      <c r="AA1735">
        <v>64844.768369999998</v>
      </c>
      <c r="AB1735">
        <v>44843.574760000003</v>
      </c>
      <c r="AC1735">
        <v>41981.822460000003</v>
      </c>
      <c r="AD1735">
        <v>31518.447990000001</v>
      </c>
      <c r="AE1735">
        <v>38348.383900000001</v>
      </c>
      <c r="AF1735">
        <v>47896.508549999999</v>
      </c>
      <c r="AG1735">
        <v>19416.146359999999</v>
      </c>
      <c r="AH1735">
        <v>309159.32290000003</v>
      </c>
      <c r="AI1735">
        <v>79807.618929999997</v>
      </c>
      <c r="AJ1735">
        <v>24343.02044</v>
      </c>
      <c r="AK1735">
        <v>31591.599849999999</v>
      </c>
      <c r="AL1735">
        <v>93895.211800000005</v>
      </c>
      <c r="AM1735">
        <v>25417.354899999998</v>
      </c>
      <c r="AN1735">
        <v>82120.433180000007</v>
      </c>
      <c r="AO1735">
        <v>27791.196309999999</v>
      </c>
      <c r="AP1735">
        <v>20146.577410000002</v>
      </c>
    </row>
    <row r="1736" spans="2:42" x14ac:dyDescent="0.3">
      <c r="B1736">
        <v>64.462135053330201</v>
      </c>
      <c r="C1736" s="83">
        <v>43173.25</v>
      </c>
      <c r="D1736">
        <v>284785.40539999999</v>
      </c>
      <c r="E1736">
        <v>23456.877680000001</v>
      </c>
      <c r="F1736">
        <v>76949.240269999995</v>
      </c>
      <c r="G1736">
        <v>56983.779069999997</v>
      </c>
      <c r="H1736">
        <v>45943.22178</v>
      </c>
      <c r="I1736">
        <v>40057.977449999998</v>
      </c>
      <c r="J1736">
        <v>42194.825850000001</v>
      </c>
      <c r="K1736">
        <v>49757.681210000002</v>
      </c>
      <c r="L1736">
        <v>20632.57922</v>
      </c>
      <c r="M1736">
        <v>328658.02590000001</v>
      </c>
      <c r="N1736">
        <v>83556.336729999995</v>
      </c>
      <c r="O1736">
        <v>25850.76785</v>
      </c>
      <c r="P1736">
        <v>32770.861010000001</v>
      </c>
      <c r="Q1736">
        <v>96102.482569999993</v>
      </c>
      <c r="R1736">
        <v>18786.572510000002</v>
      </c>
      <c r="S1736">
        <v>92140.193920000005</v>
      </c>
      <c r="T1736">
        <v>30739.193350000001</v>
      </c>
      <c r="U1736">
        <v>22704.281579999999</v>
      </c>
      <c r="W1736" s="83">
        <f>Bühler!N1768</f>
        <v>45364.249999995794</v>
      </c>
      <c r="X1736" s="83">
        <v>43173.25</v>
      </c>
      <c r="Y1736">
        <v>284785.40539999999</v>
      </c>
      <c r="Z1736">
        <v>23456.877680000001</v>
      </c>
      <c r="AA1736">
        <v>76949.240269999995</v>
      </c>
      <c r="AB1736">
        <v>56983.779069999997</v>
      </c>
      <c r="AC1736">
        <v>45943.22178</v>
      </c>
      <c r="AD1736">
        <v>40057.977449999998</v>
      </c>
      <c r="AE1736">
        <v>42194.825850000001</v>
      </c>
      <c r="AF1736">
        <v>49757.681210000002</v>
      </c>
      <c r="AG1736">
        <v>20632.57922</v>
      </c>
      <c r="AH1736">
        <v>328658.02590000001</v>
      </c>
      <c r="AI1736">
        <v>83556.336729999995</v>
      </c>
      <c r="AJ1736">
        <v>25850.76785</v>
      </c>
      <c r="AK1736">
        <v>32770.861010000001</v>
      </c>
      <c r="AL1736">
        <v>96102.482569999993</v>
      </c>
      <c r="AM1736">
        <v>18786.572510000002</v>
      </c>
      <c r="AN1736">
        <v>92140.193920000005</v>
      </c>
      <c r="AO1736">
        <v>30739.193350000001</v>
      </c>
      <c r="AP1736">
        <v>22704.281579999999</v>
      </c>
    </row>
    <row r="1737" spans="2:42" x14ac:dyDescent="0.3">
      <c r="B1737">
        <v>66.299914273895979</v>
      </c>
      <c r="C1737" s="83">
        <v>43173.291666666664</v>
      </c>
      <c r="D1737">
        <v>297867.50959999999</v>
      </c>
      <c r="E1737">
        <v>28440.557710000001</v>
      </c>
      <c r="F1737">
        <v>79613.103650000005</v>
      </c>
      <c r="G1737">
        <v>70172.806200000006</v>
      </c>
      <c r="H1737">
        <v>50626.763299999999</v>
      </c>
      <c r="I1737">
        <v>50417.674850000003</v>
      </c>
      <c r="J1737">
        <v>42739.881860000001</v>
      </c>
      <c r="K1737">
        <v>53998.948850000001</v>
      </c>
      <c r="L1737">
        <v>23639.930530000001</v>
      </c>
      <c r="M1737">
        <v>338027.88140000001</v>
      </c>
      <c r="N1737">
        <v>89825.291379999995</v>
      </c>
      <c r="O1737">
        <v>28272.194370000001</v>
      </c>
      <c r="P1737">
        <v>36875.892679999997</v>
      </c>
      <c r="Q1737">
        <v>96103.930089999994</v>
      </c>
      <c r="R1737">
        <v>19990.61001</v>
      </c>
      <c r="S1737">
        <v>106959.76360000001</v>
      </c>
      <c r="T1737">
        <v>32636.37543</v>
      </c>
      <c r="U1737">
        <v>27255.965049999999</v>
      </c>
      <c r="W1737" s="83">
        <f>Bühler!N1769</f>
        <v>45364.291666662459</v>
      </c>
      <c r="X1737" s="83">
        <v>43173.291666666664</v>
      </c>
      <c r="Y1737">
        <v>297867.50959999999</v>
      </c>
      <c r="Z1737">
        <v>28440.557710000001</v>
      </c>
      <c r="AA1737">
        <v>79613.103650000005</v>
      </c>
      <c r="AB1737">
        <v>70172.806200000006</v>
      </c>
      <c r="AC1737">
        <v>50626.763299999999</v>
      </c>
      <c r="AD1737">
        <v>50417.674850000003</v>
      </c>
      <c r="AE1737">
        <v>42739.881860000001</v>
      </c>
      <c r="AF1737">
        <v>53998.948850000001</v>
      </c>
      <c r="AG1737">
        <v>23639.930530000001</v>
      </c>
      <c r="AH1737">
        <v>338027.88140000001</v>
      </c>
      <c r="AI1737">
        <v>89825.291379999995</v>
      </c>
      <c r="AJ1737">
        <v>28272.194370000001</v>
      </c>
      <c r="AK1737">
        <v>36875.892679999997</v>
      </c>
      <c r="AL1737">
        <v>96103.930089999994</v>
      </c>
      <c r="AM1737">
        <v>19990.61001</v>
      </c>
      <c r="AN1737">
        <v>106959.76360000001</v>
      </c>
      <c r="AO1737">
        <v>32636.37543</v>
      </c>
      <c r="AP1737">
        <v>27255.965049999999</v>
      </c>
    </row>
    <row r="1738" spans="2:42" x14ac:dyDescent="0.3">
      <c r="B1738">
        <v>67.23181039349997</v>
      </c>
      <c r="C1738" s="83">
        <v>43173.333333333336</v>
      </c>
      <c r="D1738">
        <v>309020.92859999998</v>
      </c>
      <c r="E1738">
        <v>34747.465340000002</v>
      </c>
      <c r="F1738">
        <v>85851.999989999997</v>
      </c>
      <c r="G1738">
        <v>83927.123829999997</v>
      </c>
      <c r="H1738">
        <v>56335.834940000001</v>
      </c>
      <c r="I1738">
        <v>53286.004679999998</v>
      </c>
      <c r="J1738">
        <v>44081.315549999999</v>
      </c>
      <c r="K1738">
        <v>60861.974099999999</v>
      </c>
      <c r="L1738">
        <v>26420.328420000002</v>
      </c>
      <c r="M1738">
        <v>342779.12239999999</v>
      </c>
      <c r="N1738">
        <v>96681.776089999999</v>
      </c>
      <c r="O1738">
        <v>29401.201300000001</v>
      </c>
      <c r="P1738">
        <v>38302.88379</v>
      </c>
      <c r="Q1738">
        <v>95815.510490000001</v>
      </c>
      <c r="R1738">
        <v>21958.87788</v>
      </c>
      <c r="S1738">
        <v>120536.6035</v>
      </c>
      <c r="T1738">
        <v>36051.52003</v>
      </c>
      <c r="U1738">
        <v>30198.385249999999</v>
      </c>
      <c r="W1738" s="83">
        <f>Bühler!N1770</f>
        <v>45364.333333329123</v>
      </c>
      <c r="X1738" s="83">
        <v>43173.333333333336</v>
      </c>
      <c r="Y1738">
        <v>309020.92859999998</v>
      </c>
      <c r="Z1738">
        <v>34747.465340000002</v>
      </c>
      <c r="AA1738">
        <v>85851.999989999997</v>
      </c>
      <c r="AB1738">
        <v>83927.123829999997</v>
      </c>
      <c r="AC1738">
        <v>56335.834940000001</v>
      </c>
      <c r="AD1738">
        <v>53286.004679999998</v>
      </c>
      <c r="AE1738">
        <v>44081.315549999999</v>
      </c>
      <c r="AF1738">
        <v>60861.974099999999</v>
      </c>
      <c r="AG1738">
        <v>26420.328420000002</v>
      </c>
      <c r="AH1738">
        <v>342779.12239999999</v>
      </c>
      <c r="AI1738">
        <v>96681.776089999999</v>
      </c>
      <c r="AJ1738">
        <v>29401.201300000001</v>
      </c>
      <c r="AK1738">
        <v>38302.88379</v>
      </c>
      <c r="AL1738">
        <v>95815.510490000001</v>
      </c>
      <c r="AM1738">
        <v>21958.87788</v>
      </c>
      <c r="AN1738">
        <v>120536.6035</v>
      </c>
      <c r="AO1738">
        <v>36051.52003</v>
      </c>
      <c r="AP1738">
        <v>30198.385249999999</v>
      </c>
    </row>
    <row r="1739" spans="2:42" x14ac:dyDescent="0.3">
      <c r="B1739">
        <v>67.476108701355869</v>
      </c>
      <c r="C1739" s="83">
        <v>43173.375</v>
      </c>
      <c r="D1739">
        <v>309499.16680000001</v>
      </c>
      <c r="E1739">
        <v>38510.688219999996</v>
      </c>
      <c r="F1739">
        <v>94221.362659999999</v>
      </c>
      <c r="G1739">
        <v>90488.519889999996</v>
      </c>
      <c r="H1739">
        <v>58274.631999999998</v>
      </c>
      <c r="I1739">
        <v>49499.306680000002</v>
      </c>
      <c r="J1739">
        <v>44130.066039999998</v>
      </c>
      <c r="K1739">
        <v>62801.38796</v>
      </c>
      <c r="L1739">
        <v>30080.302640000002</v>
      </c>
      <c r="M1739">
        <v>344024.6691</v>
      </c>
      <c r="N1739">
        <v>106265.11960000001</v>
      </c>
      <c r="O1739">
        <v>29617.165980000002</v>
      </c>
      <c r="P1739">
        <v>39880.870410000003</v>
      </c>
      <c r="Q1739">
        <v>97223.163860000001</v>
      </c>
      <c r="R1739">
        <v>22725.646710000001</v>
      </c>
      <c r="S1739">
        <v>124595.09239999999</v>
      </c>
      <c r="T1739">
        <v>38548.813289999998</v>
      </c>
      <c r="U1739">
        <v>29472.1986</v>
      </c>
      <c r="W1739" s="83">
        <f>Bühler!N1771</f>
        <v>45364.374999995787</v>
      </c>
      <c r="X1739" s="83">
        <v>43173.375</v>
      </c>
      <c r="Y1739">
        <v>309499.16680000001</v>
      </c>
      <c r="Z1739">
        <v>38510.688219999996</v>
      </c>
      <c r="AA1739">
        <v>94221.362659999999</v>
      </c>
      <c r="AB1739">
        <v>90488.519889999996</v>
      </c>
      <c r="AC1739">
        <v>58274.631999999998</v>
      </c>
      <c r="AD1739">
        <v>49499.306680000002</v>
      </c>
      <c r="AE1739">
        <v>44130.066039999998</v>
      </c>
      <c r="AF1739">
        <v>62801.38796</v>
      </c>
      <c r="AG1739">
        <v>30080.302640000002</v>
      </c>
      <c r="AH1739">
        <v>344024.6691</v>
      </c>
      <c r="AI1739">
        <v>106265.11960000001</v>
      </c>
      <c r="AJ1739">
        <v>29617.165980000002</v>
      </c>
      <c r="AK1739">
        <v>39880.870410000003</v>
      </c>
      <c r="AL1739">
        <v>97223.163860000001</v>
      </c>
      <c r="AM1739">
        <v>22725.646710000001</v>
      </c>
      <c r="AN1739">
        <v>124595.09239999999</v>
      </c>
      <c r="AO1739">
        <v>38548.813289999998</v>
      </c>
      <c r="AP1739">
        <v>29472.1986</v>
      </c>
    </row>
    <row r="1740" spans="2:42" x14ac:dyDescent="0.3">
      <c r="B1740">
        <v>68.012665602298497</v>
      </c>
      <c r="C1740" s="83">
        <v>43173.416666666664</v>
      </c>
      <c r="D1740">
        <v>311857.47259999998</v>
      </c>
      <c r="E1740">
        <v>39616.48113</v>
      </c>
      <c r="F1740">
        <v>94790.297510000004</v>
      </c>
      <c r="G1740">
        <v>90062.550669999997</v>
      </c>
      <c r="H1740">
        <v>58162.605020000003</v>
      </c>
      <c r="I1740">
        <v>44173.40079</v>
      </c>
      <c r="J1740">
        <v>42106.836080000001</v>
      </c>
      <c r="K1740">
        <v>63545.326999999997</v>
      </c>
      <c r="L1740">
        <v>31343.4997</v>
      </c>
      <c r="M1740">
        <v>346760.28639999998</v>
      </c>
      <c r="N1740">
        <v>110155.3051</v>
      </c>
      <c r="O1740">
        <v>28876.941780000001</v>
      </c>
      <c r="P1740">
        <v>40693.094499999999</v>
      </c>
      <c r="Q1740">
        <v>97679.186619999993</v>
      </c>
      <c r="R1740">
        <v>22838.926350000002</v>
      </c>
      <c r="S1740">
        <v>123579.5802</v>
      </c>
      <c r="T1740">
        <v>39055.726840000003</v>
      </c>
      <c r="U1740">
        <v>29317.00171</v>
      </c>
      <c r="W1740" s="83">
        <f>Bühler!N1772</f>
        <v>45364.416666662451</v>
      </c>
      <c r="X1740" s="83">
        <v>43173.416666666664</v>
      </c>
      <c r="Y1740">
        <v>311857.47259999998</v>
      </c>
      <c r="Z1740">
        <v>39616.48113</v>
      </c>
      <c r="AA1740">
        <v>94790.297510000004</v>
      </c>
      <c r="AB1740">
        <v>90062.550669999997</v>
      </c>
      <c r="AC1740">
        <v>58162.605020000003</v>
      </c>
      <c r="AD1740">
        <v>44173.40079</v>
      </c>
      <c r="AE1740">
        <v>42106.836080000001</v>
      </c>
      <c r="AF1740">
        <v>63545.326999999997</v>
      </c>
      <c r="AG1740">
        <v>31343.4997</v>
      </c>
      <c r="AH1740">
        <v>346760.28639999998</v>
      </c>
      <c r="AI1740">
        <v>110155.3051</v>
      </c>
      <c r="AJ1740">
        <v>28876.941780000001</v>
      </c>
      <c r="AK1740">
        <v>40693.094499999999</v>
      </c>
      <c r="AL1740">
        <v>97679.186619999993</v>
      </c>
      <c r="AM1740">
        <v>22838.926350000002</v>
      </c>
      <c r="AN1740">
        <v>123579.5802</v>
      </c>
      <c r="AO1740">
        <v>39055.726840000003</v>
      </c>
      <c r="AP1740">
        <v>29317.00171</v>
      </c>
    </row>
    <row r="1741" spans="2:42" x14ac:dyDescent="0.3">
      <c r="B1741">
        <v>67.970651163909977</v>
      </c>
      <c r="C1741" s="83">
        <v>43173.458333333336</v>
      </c>
      <c r="D1741">
        <v>309252.42560000002</v>
      </c>
      <c r="E1741">
        <v>38842.33354</v>
      </c>
      <c r="F1741">
        <v>94627.537760000007</v>
      </c>
      <c r="G1741">
        <v>87869.663249999998</v>
      </c>
      <c r="H1741">
        <v>57288.325879999997</v>
      </c>
      <c r="I1741">
        <v>42262.429259999997</v>
      </c>
      <c r="J1741">
        <v>41626.601199999997</v>
      </c>
      <c r="K1741">
        <v>63311.94584</v>
      </c>
      <c r="L1741">
        <v>32615.263470000002</v>
      </c>
      <c r="M1741">
        <v>346546.0772</v>
      </c>
      <c r="N1741">
        <v>107770.19590000001</v>
      </c>
      <c r="O1741">
        <v>27838.20505</v>
      </c>
      <c r="P1741">
        <v>39010.28428</v>
      </c>
      <c r="Q1741">
        <v>97208.516359999994</v>
      </c>
      <c r="R1741">
        <v>24857.712149999999</v>
      </c>
      <c r="S1741">
        <v>126167.455</v>
      </c>
      <c r="T1741">
        <v>38873.131690000002</v>
      </c>
      <c r="U1741">
        <v>28313.557339999999</v>
      </c>
      <c r="W1741" s="83">
        <f>Bühler!N1773</f>
        <v>45364.458333329116</v>
      </c>
      <c r="X1741" s="83">
        <v>43173.458333333336</v>
      </c>
      <c r="Y1741">
        <v>309252.42560000002</v>
      </c>
      <c r="Z1741">
        <v>38842.33354</v>
      </c>
      <c r="AA1741">
        <v>94627.537760000007</v>
      </c>
      <c r="AB1741">
        <v>87869.663249999998</v>
      </c>
      <c r="AC1741">
        <v>57288.325879999997</v>
      </c>
      <c r="AD1741">
        <v>42262.429259999997</v>
      </c>
      <c r="AE1741">
        <v>41626.601199999997</v>
      </c>
      <c r="AF1741">
        <v>63311.94584</v>
      </c>
      <c r="AG1741">
        <v>32615.263470000002</v>
      </c>
      <c r="AH1741">
        <v>346546.0772</v>
      </c>
      <c r="AI1741">
        <v>107770.19590000001</v>
      </c>
      <c r="AJ1741">
        <v>27838.20505</v>
      </c>
      <c r="AK1741">
        <v>39010.28428</v>
      </c>
      <c r="AL1741">
        <v>97208.516359999994</v>
      </c>
      <c r="AM1741">
        <v>24857.712149999999</v>
      </c>
      <c r="AN1741">
        <v>126167.455</v>
      </c>
      <c r="AO1741">
        <v>38873.131690000002</v>
      </c>
      <c r="AP1741">
        <v>28313.557339999999</v>
      </c>
    </row>
    <row r="1742" spans="2:42" x14ac:dyDescent="0.3">
      <c r="B1742">
        <v>66.616407939201025</v>
      </c>
      <c r="C1742" s="83">
        <v>43173.5</v>
      </c>
      <c r="D1742">
        <v>295570.98540000001</v>
      </c>
      <c r="E1742">
        <v>34811.636180000001</v>
      </c>
      <c r="F1742">
        <v>87904.447960000005</v>
      </c>
      <c r="G1742">
        <v>82457.006460000004</v>
      </c>
      <c r="H1742">
        <v>53808.66474</v>
      </c>
      <c r="I1742">
        <v>40544.629079999999</v>
      </c>
      <c r="J1742">
        <v>41057.506789999999</v>
      </c>
      <c r="K1742">
        <v>59596.934390000002</v>
      </c>
      <c r="L1742">
        <v>34433.315649999997</v>
      </c>
      <c r="M1742">
        <v>339641.51370000001</v>
      </c>
      <c r="N1742">
        <v>103016.78140000001</v>
      </c>
      <c r="O1742">
        <v>26924.415130000001</v>
      </c>
      <c r="P1742">
        <v>39587.499900000003</v>
      </c>
      <c r="Q1742">
        <v>96538.765410000007</v>
      </c>
      <c r="R1742">
        <v>25135.869879999998</v>
      </c>
      <c r="S1742">
        <v>119393.1777</v>
      </c>
      <c r="T1742">
        <v>37978.452290000001</v>
      </c>
      <c r="U1742">
        <v>23299.639719999999</v>
      </c>
      <c r="W1742" s="83">
        <f>Bühler!N1774</f>
        <v>45364.49999999578</v>
      </c>
      <c r="X1742" s="83">
        <v>43173.5</v>
      </c>
      <c r="Y1742">
        <v>295570.98540000001</v>
      </c>
      <c r="Z1742">
        <v>34811.636180000001</v>
      </c>
      <c r="AA1742">
        <v>87904.447960000005</v>
      </c>
      <c r="AB1742">
        <v>82457.006460000004</v>
      </c>
      <c r="AC1742">
        <v>53808.66474</v>
      </c>
      <c r="AD1742">
        <v>40544.629079999999</v>
      </c>
      <c r="AE1742">
        <v>41057.506789999999</v>
      </c>
      <c r="AF1742">
        <v>59596.934390000002</v>
      </c>
      <c r="AG1742">
        <v>34433.315649999997</v>
      </c>
      <c r="AH1742">
        <v>339641.51370000001</v>
      </c>
      <c r="AI1742">
        <v>103016.78140000001</v>
      </c>
      <c r="AJ1742">
        <v>26924.415130000001</v>
      </c>
      <c r="AK1742">
        <v>39587.499900000003</v>
      </c>
      <c r="AL1742">
        <v>96538.765410000007</v>
      </c>
      <c r="AM1742">
        <v>25135.869879999998</v>
      </c>
      <c r="AN1742">
        <v>119393.1777</v>
      </c>
      <c r="AO1742">
        <v>37978.452290000001</v>
      </c>
      <c r="AP1742">
        <v>23299.639719999999</v>
      </c>
    </row>
    <row r="1743" spans="2:42" x14ac:dyDescent="0.3">
      <c r="B1743">
        <v>66.028950810112448</v>
      </c>
      <c r="C1743" s="83">
        <v>43173.541666666664</v>
      </c>
      <c r="D1743">
        <v>296829.61969999998</v>
      </c>
      <c r="E1743">
        <v>34543.339019999999</v>
      </c>
      <c r="F1743">
        <v>84411.461230000001</v>
      </c>
      <c r="G1743">
        <v>77091.282930000001</v>
      </c>
      <c r="H1743">
        <v>54010.870540000004</v>
      </c>
      <c r="I1743">
        <v>40708.707540000003</v>
      </c>
      <c r="J1743">
        <v>40184.209920000001</v>
      </c>
      <c r="K1743">
        <v>62620.298049999998</v>
      </c>
      <c r="L1743">
        <v>32528.158200000002</v>
      </c>
      <c r="M1743">
        <v>336646.38329999999</v>
      </c>
      <c r="N1743">
        <v>102094.9804</v>
      </c>
      <c r="O1743">
        <v>26538.645820000002</v>
      </c>
      <c r="P1743">
        <v>38140.908759999998</v>
      </c>
      <c r="Q1743">
        <v>95720.723499999993</v>
      </c>
      <c r="R1743">
        <v>24486.480240000001</v>
      </c>
      <c r="S1743">
        <v>117621.9786</v>
      </c>
      <c r="T1743">
        <v>37183.567609999998</v>
      </c>
      <c r="U1743">
        <v>24268.577570000001</v>
      </c>
      <c r="W1743" s="83">
        <f>Bühler!N1775</f>
        <v>45364.541666662444</v>
      </c>
      <c r="X1743" s="83">
        <v>43173.541666666664</v>
      </c>
      <c r="Y1743">
        <v>296829.61969999998</v>
      </c>
      <c r="Z1743">
        <v>34543.339019999999</v>
      </c>
      <c r="AA1743">
        <v>84411.461230000001</v>
      </c>
      <c r="AB1743">
        <v>77091.282930000001</v>
      </c>
      <c r="AC1743">
        <v>54010.870540000004</v>
      </c>
      <c r="AD1743">
        <v>40708.707540000003</v>
      </c>
      <c r="AE1743">
        <v>40184.209920000001</v>
      </c>
      <c r="AF1743">
        <v>62620.298049999998</v>
      </c>
      <c r="AG1743">
        <v>32528.158200000002</v>
      </c>
      <c r="AH1743">
        <v>336646.38329999999</v>
      </c>
      <c r="AI1743">
        <v>102094.9804</v>
      </c>
      <c r="AJ1743">
        <v>26538.645820000002</v>
      </c>
      <c r="AK1743">
        <v>38140.908759999998</v>
      </c>
      <c r="AL1743">
        <v>95720.723499999993</v>
      </c>
      <c r="AM1743">
        <v>24486.480240000001</v>
      </c>
      <c r="AN1743">
        <v>117621.9786</v>
      </c>
      <c r="AO1743">
        <v>37183.567609999998</v>
      </c>
      <c r="AP1743">
        <v>24268.577570000001</v>
      </c>
    </row>
    <row r="1744" spans="2:42" x14ac:dyDescent="0.3">
      <c r="B1744">
        <v>66.74138499254677</v>
      </c>
      <c r="C1744" s="83">
        <v>43173.583333333336</v>
      </c>
      <c r="D1744">
        <v>298776.89270000003</v>
      </c>
      <c r="E1744">
        <v>36844.070240000001</v>
      </c>
      <c r="F1744">
        <v>91931.45895</v>
      </c>
      <c r="G1744">
        <v>73159.073929999999</v>
      </c>
      <c r="H1744">
        <v>53580.014730000003</v>
      </c>
      <c r="I1744">
        <v>40790.321559999997</v>
      </c>
      <c r="J1744">
        <v>39858.437389999999</v>
      </c>
      <c r="K1744">
        <v>64925.123809999997</v>
      </c>
      <c r="L1744">
        <v>29560.0144</v>
      </c>
      <c r="M1744">
        <v>340278.70500000002</v>
      </c>
      <c r="N1744">
        <v>103962.3731</v>
      </c>
      <c r="O1744">
        <v>26174.819780000002</v>
      </c>
      <c r="P1744">
        <v>35089.656519999997</v>
      </c>
      <c r="Q1744">
        <v>94093.977329999994</v>
      </c>
      <c r="R1744">
        <v>24220.861669999998</v>
      </c>
      <c r="S1744">
        <v>112661.4431</v>
      </c>
      <c r="T1744">
        <v>35979.144289999997</v>
      </c>
      <c r="U1744">
        <v>25126.809809999999</v>
      </c>
      <c r="W1744" s="83">
        <f>Bühler!N1776</f>
        <v>45364.583333329108</v>
      </c>
      <c r="X1744" s="83">
        <v>43173.583333333336</v>
      </c>
      <c r="Y1744">
        <v>298776.89270000003</v>
      </c>
      <c r="Z1744">
        <v>36844.070240000001</v>
      </c>
      <c r="AA1744">
        <v>91931.45895</v>
      </c>
      <c r="AB1744">
        <v>73159.073929999999</v>
      </c>
      <c r="AC1744">
        <v>53580.014730000003</v>
      </c>
      <c r="AD1744">
        <v>40790.321559999997</v>
      </c>
      <c r="AE1744">
        <v>39858.437389999999</v>
      </c>
      <c r="AF1744">
        <v>64925.123809999997</v>
      </c>
      <c r="AG1744">
        <v>29560.0144</v>
      </c>
      <c r="AH1744">
        <v>340278.70500000002</v>
      </c>
      <c r="AI1744">
        <v>103962.3731</v>
      </c>
      <c r="AJ1744">
        <v>26174.819780000002</v>
      </c>
      <c r="AK1744">
        <v>35089.656519999997</v>
      </c>
      <c r="AL1744">
        <v>94093.977329999994</v>
      </c>
      <c r="AM1744">
        <v>24220.861669999998</v>
      </c>
      <c r="AN1744">
        <v>112661.4431</v>
      </c>
      <c r="AO1744">
        <v>35979.144289999997</v>
      </c>
      <c r="AP1744">
        <v>25126.809809999999</v>
      </c>
    </row>
    <row r="1745" spans="2:42" x14ac:dyDescent="0.3">
      <c r="B1745">
        <v>66.363239434512053</v>
      </c>
      <c r="C1745" s="83">
        <v>43173.625</v>
      </c>
      <c r="D1745">
        <v>297479.97029999999</v>
      </c>
      <c r="E1745">
        <v>36524.91403</v>
      </c>
      <c r="F1745">
        <v>92678.665680000006</v>
      </c>
      <c r="G1745">
        <v>71702.632440000001</v>
      </c>
      <c r="H1745">
        <v>52526.461510000001</v>
      </c>
      <c r="I1745">
        <v>41225.844019999997</v>
      </c>
      <c r="J1745">
        <v>39565.525699999998</v>
      </c>
      <c r="K1745">
        <v>62956.124770000002</v>
      </c>
      <c r="L1745">
        <v>26837.53758</v>
      </c>
      <c r="M1745">
        <v>338350.7426</v>
      </c>
      <c r="N1745">
        <v>101605.1646</v>
      </c>
      <c r="O1745">
        <v>25536.280170000002</v>
      </c>
      <c r="P1745">
        <v>32326.058110000002</v>
      </c>
      <c r="Q1745">
        <v>94002.030029999994</v>
      </c>
      <c r="R1745">
        <v>23535.024539999999</v>
      </c>
      <c r="S1745">
        <v>109082.3011</v>
      </c>
      <c r="T1745">
        <v>36087.1106</v>
      </c>
      <c r="U1745">
        <v>24497.308130000001</v>
      </c>
      <c r="W1745" s="83">
        <f>Bühler!N1777</f>
        <v>45364.624999995773</v>
      </c>
      <c r="X1745" s="83">
        <v>43173.625</v>
      </c>
      <c r="Y1745">
        <v>297479.97029999999</v>
      </c>
      <c r="Z1745">
        <v>36524.91403</v>
      </c>
      <c r="AA1745">
        <v>92678.665680000006</v>
      </c>
      <c r="AB1745">
        <v>71702.632440000001</v>
      </c>
      <c r="AC1745">
        <v>52526.461510000001</v>
      </c>
      <c r="AD1745">
        <v>41225.844019999997</v>
      </c>
      <c r="AE1745">
        <v>39565.525699999998</v>
      </c>
      <c r="AF1745">
        <v>62956.124770000002</v>
      </c>
      <c r="AG1745">
        <v>26837.53758</v>
      </c>
      <c r="AH1745">
        <v>338350.7426</v>
      </c>
      <c r="AI1745">
        <v>101605.1646</v>
      </c>
      <c r="AJ1745">
        <v>25536.280170000002</v>
      </c>
      <c r="AK1745">
        <v>32326.058110000002</v>
      </c>
      <c r="AL1745">
        <v>94002.030029999994</v>
      </c>
      <c r="AM1745">
        <v>23535.024539999999</v>
      </c>
      <c r="AN1745">
        <v>109082.3011</v>
      </c>
      <c r="AO1745">
        <v>36087.1106</v>
      </c>
      <c r="AP1745">
        <v>24497.308130000001</v>
      </c>
    </row>
    <row r="1746" spans="2:42" x14ac:dyDescent="0.3">
      <c r="B1746">
        <v>65.78412718742257</v>
      </c>
      <c r="C1746" s="83">
        <v>43173.666666666664</v>
      </c>
      <c r="D1746">
        <v>289873.78869999998</v>
      </c>
      <c r="E1746">
        <v>35449.333789999997</v>
      </c>
      <c r="F1746">
        <v>91579.378670000006</v>
      </c>
      <c r="G1746">
        <v>69283.172500000001</v>
      </c>
      <c r="H1746">
        <v>50775.679400000001</v>
      </c>
      <c r="I1746">
        <v>42513.557110000002</v>
      </c>
      <c r="J1746">
        <v>39453.69371</v>
      </c>
      <c r="K1746">
        <v>59016.862589999997</v>
      </c>
      <c r="L1746">
        <v>26048.008419999998</v>
      </c>
      <c r="M1746">
        <v>335398.15830000001</v>
      </c>
      <c r="N1746">
        <v>97089.838140000007</v>
      </c>
      <c r="O1746">
        <v>25119.749240000001</v>
      </c>
      <c r="P1746">
        <v>31444.815620000001</v>
      </c>
      <c r="Q1746">
        <v>92696.888449999999</v>
      </c>
      <c r="R1746">
        <v>22402.055499999999</v>
      </c>
      <c r="S1746">
        <v>107093.2429</v>
      </c>
      <c r="T1746">
        <v>35345.033020000003</v>
      </c>
      <c r="U1746">
        <v>23148.70667</v>
      </c>
      <c r="W1746" s="83">
        <f>Bühler!N1778</f>
        <v>45364.666666662437</v>
      </c>
      <c r="X1746" s="83">
        <v>43173.666666666664</v>
      </c>
      <c r="Y1746">
        <v>289873.78869999998</v>
      </c>
      <c r="Z1746">
        <v>35449.333789999997</v>
      </c>
      <c r="AA1746">
        <v>91579.378670000006</v>
      </c>
      <c r="AB1746">
        <v>69283.172500000001</v>
      </c>
      <c r="AC1746">
        <v>50775.679400000001</v>
      </c>
      <c r="AD1746">
        <v>42513.557110000002</v>
      </c>
      <c r="AE1746">
        <v>39453.69371</v>
      </c>
      <c r="AF1746">
        <v>59016.862589999997</v>
      </c>
      <c r="AG1746">
        <v>26048.008419999998</v>
      </c>
      <c r="AH1746">
        <v>335398.15830000001</v>
      </c>
      <c r="AI1746">
        <v>97089.838140000007</v>
      </c>
      <c r="AJ1746">
        <v>25119.749240000001</v>
      </c>
      <c r="AK1746">
        <v>31444.815620000001</v>
      </c>
      <c r="AL1746">
        <v>92696.888449999999</v>
      </c>
      <c r="AM1746">
        <v>22402.055499999999</v>
      </c>
      <c r="AN1746">
        <v>107093.2429</v>
      </c>
      <c r="AO1746">
        <v>35345.033020000003</v>
      </c>
      <c r="AP1746">
        <v>23148.70667</v>
      </c>
    </row>
    <row r="1747" spans="2:42" x14ac:dyDescent="0.3">
      <c r="B1747">
        <v>64.281152491494538</v>
      </c>
      <c r="C1747" s="83">
        <v>43173.708333333336</v>
      </c>
      <c r="D1747">
        <v>279670.88620000001</v>
      </c>
      <c r="E1747">
        <v>33549.890500000001</v>
      </c>
      <c r="F1747">
        <v>91036.336339999994</v>
      </c>
      <c r="G1747">
        <v>64936.935389999999</v>
      </c>
      <c r="H1747">
        <v>48473.051180000002</v>
      </c>
      <c r="I1747">
        <v>42487.875650000002</v>
      </c>
      <c r="J1747">
        <v>38646.606610000003</v>
      </c>
      <c r="K1747">
        <v>54334.997860000003</v>
      </c>
      <c r="L1747">
        <v>26103.730629999998</v>
      </c>
      <c r="M1747">
        <v>327735.29239999998</v>
      </c>
      <c r="N1747">
        <v>89663.081779999993</v>
      </c>
      <c r="O1747">
        <v>24229.780630000001</v>
      </c>
      <c r="P1747">
        <v>33593.815470000001</v>
      </c>
      <c r="Q1747">
        <v>91612.938829999999</v>
      </c>
      <c r="R1747">
        <v>23196.396250000002</v>
      </c>
      <c r="S1747">
        <v>104885.7666</v>
      </c>
      <c r="T1747">
        <v>35014.081440000002</v>
      </c>
      <c r="U1747">
        <v>21090.422429999999</v>
      </c>
      <c r="W1747" s="83">
        <f>Bühler!N1779</f>
        <v>45364.708333329101</v>
      </c>
      <c r="X1747" s="83">
        <v>43173.708333333336</v>
      </c>
      <c r="Y1747">
        <v>279670.88620000001</v>
      </c>
      <c r="Z1747">
        <v>33549.890500000001</v>
      </c>
      <c r="AA1747">
        <v>91036.336339999994</v>
      </c>
      <c r="AB1747">
        <v>64936.935389999999</v>
      </c>
      <c r="AC1747">
        <v>48473.051180000002</v>
      </c>
      <c r="AD1747">
        <v>42487.875650000002</v>
      </c>
      <c r="AE1747">
        <v>38646.606610000003</v>
      </c>
      <c r="AF1747">
        <v>54334.997860000003</v>
      </c>
      <c r="AG1747">
        <v>26103.730629999998</v>
      </c>
      <c r="AH1747">
        <v>327735.29239999998</v>
      </c>
      <c r="AI1747">
        <v>89663.081779999993</v>
      </c>
      <c r="AJ1747">
        <v>24229.780630000001</v>
      </c>
      <c r="AK1747">
        <v>33593.815470000001</v>
      </c>
      <c r="AL1747">
        <v>91612.938829999999</v>
      </c>
      <c r="AM1747">
        <v>23196.396250000002</v>
      </c>
      <c r="AN1747">
        <v>104885.7666</v>
      </c>
      <c r="AO1747">
        <v>35014.081440000002</v>
      </c>
      <c r="AP1747">
        <v>21090.422429999999</v>
      </c>
    </row>
    <row r="1748" spans="2:42" x14ac:dyDescent="0.3">
      <c r="B1748">
        <v>63.268635421896711</v>
      </c>
      <c r="C1748" s="83">
        <v>43173.75</v>
      </c>
      <c r="D1748">
        <v>272476.90769999998</v>
      </c>
      <c r="E1748">
        <v>31215.858909999999</v>
      </c>
      <c r="F1748">
        <v>90023.606899999999</v>
      </c>
      <c r="G1748">
        <v>59351.944450000003</v>
      </c>
      <c r="H1748">
        <v>47266.615120000002</v>
      </c>
      <c r="I1748">
        <v>42075.946470000003</v>
      </c>
      <c r="J1748">
        <v>39669.838730000003</v>
      </c>
      <c r="K1748">
        <v>53130.771249999998</v>
      </c>
      <c r="L1748">
        <v>28219.893599999999</v>
      </c>
      <c r="M1748">
        <v>322573.00819999998</v>
      </c>
      <c r="N1748">
        <v>84436.343370000002</v>
      </c>
      <c r="O1748">
        <v>23328.39602</v>
      </c>
      <c r="P1748">
        <v>38153.33683</v>
      </c>
      <c r="Q1748">
        <v>89961.683680000002</v>
      </c>
      <c r="R1748">
        <v>22021.897430000001</v>
      </c>
      <c r="S1748">
        <v>99575.689939999997</v>
      </c>
      <c r="T1748">
        <v>35008.911070000002</v>
      </c>
      <c r="U1748">
        <v>19272.54062</v>
      </c>
      <c r="W1748" s="83">
        <f>Bühler!N1780</f>
        <v>45364.749999995765</v>
      </c>
      <c r="X1748" s="83">
        <v>43173.75</v>
      </c>
      <c r="Y1748">
        <v>272476.90769999998</v>
      </c>
      <c r="Z1748">
        <v>31215.858909999999</v>
      </c>
      <c r="AA1748">
        <v>90023.606899999999</v>
      </c>
      <c r="AB1748">
        <v>59351.944450000003</v>
      </c>
      <c r="AC1748">
        <v>47266.615120000002</v>
      </c>
      <c r="AD1748">
        <v>42075.946470000003</v>
      </c>
      <c r="AE1748">
        <v>39669.838730000003</v>
      </c>
      <c r="AF1748">
        <v>53130.771249999998</v>
      </c>
      <c r="AG1748">
        <v>28219.893599999999</v>
      </c>
      <c r="AH1748">
        <v>322573.00819999998</v>
      </c>
      <c r="AI1748">
        <v>84436.343370000002</v>
      </c>
      <c r="AJ1748">
        <v>23328.39602</v>
      </c>
      <c r="AK1748">
        <v>38153.33683</v>
      </c>
      <c r="AL1748">
        <v>89961.683680000002</v>
      </c>
      <c r="AM1748">
        <v>22021.897430000001</v>
      </c>
      <c r="AN1748">
        <v>99575.689939999997</v>
      </c>
      <c r="AO1748">
        <v>35008.911070000002</v>
      </c>
      <c r="AP1748">
        <v>19272.54062</v>
      </c>
    </row>
    <row r="1749" spans="2:42" x14ac:dyDescent="0.3">
      <c r="B1749">
        <v>62.21558257425535</v>
      </c>
      <c r="C1749" s="83">
        <v>43173.791666666664</v>
      </c>
      <c r="D1749">
        <v>269391.21120000002</v>
      </c>
      <c r="E1749">
        <v>26403.634020000001</v>
      </c>
      <c r="F1749">
        <v>79837.871060000005</v>
      </c>
      <c r="G1749">
        <v>56499.15238</v>
      </c>
      <c r="H1749">
        <v>47321.607900000003</v>
      </c>
      <c r="I1749">
        <v>40136.79494</v>
      </c>
      <c r="J1749">
        <v>42595.250610000003</v>
      </c>
      <c r="K1749">
        <v>51655.347580000001</v>
      </c>
      <c r="L1749">
        <v>30513.766299999999</v>
      </c>
      <c r="M1749">
        <v>317204.05369999999</v>
      </c>
      <c r="N1749">
        <v>83940.080759999997</v>
      </c>
      <c r="O1749">
        <v>23752.07908</v>
      </c>
      <c r="P1749">
        <v>41849.02306</v>
      </c>
      <c r="Q1749">
        <v>87937.954769999997</v>
      </c>
      <c r="R1749">
        <v>21742.792270000002</v>
      </c>
      <c r="S1749">
        <v>99000.567899999995</v>
      </c>
      <c r="T1749">
        <v>36849.73216</v>
      </c>
      <c r="U1749">
        <v>19514.996419999999</v>
      </c>
      <c r="W1749" s="83">
        <f>Bühler!N1781</f>
        <v>45364.79166666243</v>
      </c>
      <c r="X1749" s="83">
        <v>43173.791666666664</v>
      </c>
      <c r="Y1749">
        <v>269391.21120000002</v>
      </c>
      <c r="Z1749">
        <v>26403.634020000001</v>
      </c>
      <c r="AA1749">
        <v>79837.871060000005</v>
      </c>
      <c r="AB1749">
        <v>56499.15238</v>
      </c>
      <c r="AC1749">
        <v>47321.607900000003</v>
      </c>
      <c r="AD1749">
        <v>40136.79494</v>
      </c>
      <c r="AE1749">
        <v>42595.250610000003</v>
      </c>
      <c r="AF1749">
        <v>51655.347580000001</v>
      </c>
      <c r="AG1749">
        <v>30513.766299999999</v>
      </c>
      <c r="AH1749">
        <v>317204.05369999999</v>
      </c>
      <c r="AI1749">
        <v>83940.080759999997</v>
      </c>
      <c r="AJ1749">
        <v>23752.07908</v>
      </c>
      <c r="AK1749">
        <v>41849.02306</v>
      </c>
      <c r="AL1749">
        <v>87937.954769999997</v>
      </c>
      <c r="AM1749">
        <v>21742.792270000002</v>
      </c>
      <c r="AN1749">
        <v>99000.567899999995</v>
      </c>
      <c r="AO1749">
        <v>36849.73216</v>
      </c>
      <c r="AP1749">
        <v>19514.996419999999</v>
      </c>
    </row>
    <row r="1750" spans="2:42" x14ac:dyDescent="0.3">
      <c r="B1750">
        <v>59.987177787799091</v>
      </c>
      <c r="C1750" s="83">
        <v>43173.833333333336</v>
      </c>
      <c r="D1750">
        <v>260096.38329999999</v>
      </c>
      <c r="E1750">
        <v>20509.910100000001</v>
      </c>
      <c r="F1750">
        <v>62274.817020000002</v>
      </c>
      <c r="G1750">
        <v>50445.71688</v>
      </c>
      <c r="H1750">
        <v>44002.647239999998</v>
      </c>
      <c r="I1750">
        <v>35501.374450000003</v>
      </c>
      <c r="J1750">
        <v>41215.458899999998</v>
      </c>
      <c r="K1750">
        <v>50885.475250000003</v>
      </c>
      <c r="L1750">
        <v>29120.894980000001</v>
      </c>
      <c r="M1750">
        <v>305842.60690000001</v>
      </c>
      <c r="N1750">
        <v>83613.124169999996</v>
      </c>
      <c r="O1750">
        <v>22566.226640000001</v>
      </c>
      <c r="P1750">
        <v>41571.149039999997</v>
      </c>
      <c r="Q1750">
        <v>85557.853600000002</v>
      </c>
      <c r="R1750">
        <v>20263.138800000001</v>
      </c>
      <c r="S1750">
        <v>90257.661989999993</v>
      </c>
      <c r="T1750">
        <v>35155.399310000001</v>
      </c>
      <c r="U1750">
        <v>18138.578890000001</v>
      </c>
      <c r="W1750" s="83">
        <f>Bühler!N1782</f>
        <v>45364.833333329094</v>
      </c>
      <c r="X1750" s="83">
        <v>43173.833333333336</v>
      </c>
      <c r="Y1750">
        <v>260096.38329999999</v>
      </c>
      <c r="Z1750">
        <v>20509.910100000001</v>
      </c>
      <c r="AA1750">
        <v>62274.817020000002</v>
      </c>
      <c r="AB1750">
        <v>50445.71688</v>
      </c>
      <c r="AC1750">
        <v>44002.647239999998</v>
      </c>
      <c r="AD1750">
        <v>35501.374450000003</v>
      </c>
      <c r="AE1750">
        <v>41215.458899999998</v>
      </c>
      <c r="AF1750">
        <v>50885.475250000003</v>
      </c>
      <c r="AG1750">
        <v>29120.894980000001</v>
      </c>
      <c r="AH1750">
        <v>305842.60690000001</v>
      </c>
      <c r="AI1750">
        <v>83613.124169999996</v>
      </c>
      <c r="AJ1750">
        <v>22566.226640000001</v>
      </c>
      <c r="AK1750">
        <v>41571.149039999997</v>
      </c>
      <c r="AL1750">
        <v>85557.853600000002</v>
      </c>
      <c r="AM1750">
        <v>20263.138800000001</v>
      </c>
      <c r="AN1750">
        <v>90257.661989999993</v>
      </c>
      <c r="AO1750">
        <v>35155.399310000001</v>
      </c>
      <c r="AP1750">
        <v>18138.578890000001</v>
      </c>
    </row>
    <row r="1751" spans="2:42" x14ac:dyDescent="0.3">
      <c r="B1751">
        <v>57.737104720610859</v>
      </c>
      <c r="C1751" s="83">
        <v>43173.875</v>
      </c>
      <c r="D1751">
        <v>251317.97990000001</v>
      </c>
      <c r="E1751">
        <v>17403.983130000001</v>
      </c>
      <c r="F1751">
        <v>54249.445699999997</v>
      </c>
      <c r="G1751">
        <v>47356.424830000004</v>
      </c>
      <c r="H1751">
        <v>41425.790990000001</v>
      </c>
      <c r="I1751">
        <v>30014.76542</v>
      </c>
      <c r="J1751">
        <v>39656.744379999996</v>
      </c>
      <c r="K1751">
        <v>48732.005100000002</v>
      </c>
      <c r="L1751">
        <v>27351.206910000001</v>
      </c>
      <c r="M1751">
        <v>294370.6851</v>
      </c>
      <c r="N1751">
        <v>81085.665590000004</v>
      </c>
      <c r="O1751">
        <v>21796.21847</v>
      </c>
      <c r="P1751">
        <v>39827.296649999997</v>
      </c>
      <c r="Q1751">
        <v>83371.906570000006</v>
      </c>
      <c r="R1751">
        <v>19387.258399999999</v>
      </c>
      <c r="S1751">
        <v>84232.802939999994</v>
      </c>
      <c r="T1751">
        <v>32072.219069999999</v>
      </c>
      <c r="U1751">
        <v>17136.911960000001</v>
      </c>
      <c r="W1751" s="83">
        <f>Bühler!N1783</f>
        <v>45364.874999995758</v>
      </c>
      <c r="X1751" s="83">
        <v>43173.875</v>
      </c>
      <c r="Y1751">
        <v>251317.97990000001</v>
      </c>
      <c r="Z1751">
        <v>17403.983130000001</v>
      </c>
      <c r="AA1751">
        <v>54249.445699999997</v>
      </c>
      <c r="AB1751">
        <v>47356.424830000004</v>
      </c>
      <c r="AC1751">
        <v>41425.790990000001</v>
      </c>
      <c r="AD1751">
        <v>30014.76542</v>
      </c>
      <c r="AE1751">
        <v>39656.744379999996</v>
      </c>
      <c r="AF1751">
        <v>48732.005100000002</v>
      </c>
      <c r="AG1751">
        <v>27351.206910000001</v>
      </c>
      <c r="AH1751">
        <v>294370.6851</v>
      </c>
      <c r="AI1751">
        <v>81085.665590000004</v>
      </c>
      <c r="AJ1751">
        <v>21796.21847</v>
      </c>
      <c r="AK1751">
        <v>39827.296649999997</v>
      </c>
      <c r="AL1751">
        <v>83371.906570000006</v>
      </c>
      <c r="AM1751">
        <v>19387.258399999999</v>
      </c>
      <c r="AN1751">
        <v>84232.802939999994</v>
      </c>
      <c r="AO1751">
        <v>32072.219069999999</v>
      </c>
      <c r="AP1751">
        <v>17136.911960000001</v>
      </c>
    </row>
    <row r="1752" spans="2:42" x14ac:dyDescent="0.3">
      <c r="B1752">
        <v>55.911160902292117</v>
      </c>
      <c r="C1752" s="83">
        <v>43173.916666666664</v>
      </c>
      <c r="D1752">
        <v>250747.03529999999</v>
      </c>
      <c r="E1752">
        <v>16606.823079999998</v>
      </c>
      <c r="F1752">
        <v>51778.822670000001</v>
      </c>
      <c r="G1752">
        <v>44569.951269999998</v>
      </c>
      <c r="H1752">
        <v>40755.066850000003</v>
      </c>
      <c r="I1752">
        <v>28570.625069999998</v>
      </c>
      <c r="J1752">
        <v>38286.163950000002</v>
      </c>
      <c r="K1752">
        <v>53693.021919999999</v>
      </c>
      <c r="L1752">
        <v>24461.841919999999</v>
      </c>
      <c r="M1752">
        <v>285061.17200000002</v>
      </c>
      <c r="N1752">
        <v>80998.669779999997</v>
      </c>
      <c r="O1752">
        <v>22543.908370000001</v>
      </c>
      <c r="P1752">
        <v>41637.611550000001</v>
      </c>
      <c r="Q1752">
        <v>82737.295740000001</v>
      </c>
      <c r="R1752">
        <v>25359.12026</v>
      </c>
      <c r="S1752">
        <v>83643.480049999998</v>
      </c>
      <c r="T1752">
        <v>28419.887480000001</v>
      </c>
      <c r="U1752">
        <v>17960.694630000002</v>
      </c>
      <c r="W1752" s="83">
        <f>Bühler!N1784</f>
        <v>45364.916666662422</v>
      </c>
      <c r="X1752" s="83">
        <v>43173.916666666664</v>
      </c>
      <c r="Y1752">
        <v>250747.03529999999</v>
      </c>
      <c r="Z1752">
        <v>16606.823079999998</v>
      </c>
      <c r="AA1752">
        <v>51778.822670000001</v>
      </c>
      <c r="AB1752">
        <v>44569.951269999998</v>
      </c>
      <c r="AC1752">
        <v>40755.066850000003</v>
      </c>
      <c r="AD1752">
        <v>28570.625069999998</v>
      </c>
      <c r="AE1752">
        <v>38286.163950000002</v>
      </c>
      <c r="AF1752">
        <v>53693.021919999999</v>
      </c>
      <c r="AG1752">
        <v>24461.841919999999</v>
      </c>
      <c r="AH1752">
        <v>285061.17200000002</v>
      </c>
      <c r="AI1752">
        <v>80998.669779999997</v>
      </c>
      <c r="AJ1752">
        <v>22543.908370000001</v>
      </c>
      <c r="AK1752">
        <v>41637.611550000001</v>
      </c>
      <c r="AL1752">
        <v>82737.295740000001</v>
      </c>
      <c r="AM1752">
        <v>25359.12026</v>
      </c>
      <c r="AN1752">
        <v>83643.480049999998</v>
      </c>
      <c r="AO1752">
        <v>28419.887480000001</v>
      </c>
      <c r="AP1752">
        <v>17960.694630000002</v>
      </c>
    </row>
    <row r="1753" spans="2:42" x14ac:dyDescent="0.3">
      <c r="B1753">
        <v>54.063839165068018</v>
      </c>
      <c r="C1753" s="83">
        <v>43173.958333333336</v>
      </c>
      <c r="D1753">
        <v>251343.00750000001</v>
      </c>
      <c r="E1753">
        <v>16270.67181</v>
      </c>
      <c r="F1753">
        <v>50810.441899999998</v>
      </c>
      <c r="G1753">
        <v>43898.910580000003</v>
      </c>
      <c r="H1753">
        <v>39694.205800000003</v>
      </c>
      <c r="I1753">
        <v>26912.707999999999</v>
      </c>
      <c r="J1753">
        <v>35984.426030000002</v>
      </c>
      <c r="K1753">
        <v>52766.14705</v>
      </c>
      <c r="L1753">
        <v>21545.35269</v>
      </c>
      <c r="M1753">
        <v>275642.6643</v>
      </c>
      <c r="N1753">
        <v>80921.960510000004</v>
      </c>
      <c r="O1753">
        <v>22979.38377</v>
      </c>
      <c r="P1753">
        <v>37219.478730000003</v>
      </c>
      <c r="Q1753">
        <v>82771.476519999997</v>
      </c>
      <c r="R1753">
        <v>27216.422569999999</v>
      </c>
      <c r="S1753">
        <v>82457.323229999995</v>
      </c>
      <c r="T1753">
        <v>29203.08066</v>
      </c>
      <c r="U1753">
        <v>16997.497159999999</v>
      </c>
      <c r="W1753" s="83">
        <f>Bühler!N1785</f>
        <v>45364.958333329087</v>
      </c>
      <c r="X1753" s="83">
        <v>43173.958333333336</v>
      </c>
      <c r="Y1753">
        <v>251343.00750000001</v>
      </c>
      <c r="Z1753">
        <v>16270.67181</v>
      </c>
      <c r="AA1753">
        <v>50810.441899999998</v>
      </c>
      <c r="AB1753">
        <v>43898.910580000003</v>
      </c>
      <c r="AC1753">
        <v>39694.205800000003</v>
      </c>
      <c r="AD1753">
        <v>26912.707999999999</v>
      </c>
      <c r="AE1753">
        <v>35984.426030000002</v>
      </c>
      <c r="AF1753">
        <v>52766.14705</v>
      </c>
      <c r="AG1753">
        <v>21545.35269</v>
      </c>
      <c r="AH1753">
        <v>275642.6643</v>
      </c>
      <c r="AI1753">
        <v>80921.960510000004</v>
      </c>
      <c r="AJ1753">
        <v>22979.38377</v>
      </c>
      <c r="AK1753">
        <v>37219.478730000003</v>
      </c>
      <c r="AL1753">
        <v>82771.476519999997</v>
      </c>
      <c r="AM1753">
        <v>27216.422569999999</v>
      </c>
      <c r="AN1753">
        <v>82457.323229999995</v>
      </c>
      <c r="AO1753">
        <v>29203.08066</v>
      </c>
      <c r="AP1753">
        <v>16997.497159999999</v>
      </c>
    </row>
    <row r="1754" spans="2:42" x14ac:dyDescent="0.3">
      <c r="B1754">
        <v>52.956264156965865</v>
      </c>
      <c r="C1754" s="83">
        <v>43174</v>
      </c>
      <c r="D1754">
        <v>251180.38219999999</v>
      </c>
      <c r="E1754">
        <v>15955.6248</v>
      </c>
      <c r="F1754">
        <v>49612.463739999999</v>
      </c>
      <c r="G1754">
        <v>43302.803379999998</v>
      </c>
      <c r="H1754">
        <v>39154.681600000004</v>
      </c>
      <c r="I1754">
        <v>25127.217670000002</v>
      </c>
      <c r="J1754">
        <v>34440.569900000002</v>
      </c>
      <c r="K1754">
        <v>50666.670400000003</v>
      </c>
      <c r="L1754">
        <v>19863.15206</v>
      </c>
      <c r="M1754">
        <v>269995.7304</v>
      </c>
      <c r="N1754">
        <v>80633.378469999996</v>
      </c>
      <c r="O1754">
        <v>23282.874349999998</v>
      </c>
      <c r="P1754">
        <v>33957.290300000001</v>
      </c>
      <c r="Q1754">
        <v>82704.764259999996</v>
      </c>
      <c r="R1754">
        <v>23574.825690000001</v>
      </c>
      <c r="S1754">
        <v>81768.452499999999</v>
      </c>
      <c r="T1754">
        <v>27685.60096</v>
      </c>
      <c r="U1754">
        <v>17228.82445</v>
      </c>
      <c r="W1754" s="83">
        <f>Bühler!N1786</f>
        <v>45364.999999995751</v>
      </c>
      <c r="X1754" s="83">
        <v>43174</v>
      </c>
      <c r="Y1754">
        <v>251180.38219999999</v>
      </c>
      <c r="Z1754">
        <v>15955.6248</v>
      </c>
      <c r="AA1754">
        <v>49612.463739999999</v>
      </c>
      <c r="AB1754">
        <v>43302.803379999998</v>
      </c>
      <c r="AC1754">
        <v>39154.681600000004</v>
      </c>
      <c r="AD1754">
        <v>25127.217670000002</v>
      </c>
      <c r="AE1754">
        <v>34440.569900000002</v>
      </c>
      <c r="AF1754">
        <v>50666.670400000003</v>
      </c>
      <c r="AG1754">
        <v>19863.15206</v>
      </c>
      <c r="AH1754">
        <v>269995.7304</v>
      </c>
      <c r="AI1754">
        <v>80633.378469999996</v>
      </c>
      <c r="AJ1754">
        <v>23282.874349999998</v>
      </c>
      <c r="AK1754">
        <v>33957.290300000001</v>
      </c>
      <c r="AL1754">
        <v>82704.764259999996</v>
      </c>
      <c r="AM1754">
        <v>23574.825690000001</v>
      </c>
      <c r="AN1754">
        <v>81768.452499999999</v>
      </c>
      <c r="AO1754">
        <v>27685.60096</v>
      </c>
      <c r="AP1754">
        <v>17228.82445</v>
      </c>
    </row>
    <row r="1755" spans="2:42" x14ac:dyDescent="0.3">
      <c r="B1755">
        <v>52.47294848226538</v>
      </c>
      <c r="C1755" s="83">
        <v>43174.041666666664</v>
      </c>
      <c r="D1755">
        <v>249058.9957</v>
      </c>
      <c r="E1755">
        <v>16106.96883</v>
      </c>
      <c r="F1755">
        <v>50366.826059999999</v>
      </c>
      <c r="G1755">
        <v>42877.440869999999</v>
      </c>
      <c r="H1755">
        <v>38848.841950000002</v>
      </c>
      <c r="I1755">
        <v>19406.585790000001</v>
      </c>
      <c r="J1755">
        <v>33890.31007</v>
      </c>
      <c r="K1755">
        <v>49821.596610000001</v>
      </c>
      <c r="L1755">
        <v>18874.334060000001</v>
      </c>
      <c r="M1755">
        <v>267531.56170000002</v>
      </c>
      <c r="N1755">
        <v>79939.635479999997</v>
      </c>
      <c r="O1755">
        <v>22790.077679999999</v>
      </c>
      <c r="P1755">
        <v>32571.522389999998</v>
      </c>
      <c r="Q1755">
        <v>83174.505900000004</v>
      </c>
      <c r="R1755">
        <v>22224.354909999998</v>
      </c>
      <c r="S1755">
        <v>80430.808239999998</v>
      </c>
      <c r="T1755">
        <v>27262.363140000001</v>
      </c>
      <c r="U1755">
        <v>17755.97147</v>
      </c>
      <c r="W1755" s="83">
        <f>Bühler!N1787</f>
        <v>45365.041666662415</v>
      </c>
      <c r="X1755" s="83">
        <v>43174.041666666664</v>
      </c>
      <c r="Y1755">
        <v>249058.9957</v>
      </c>
      <c r="Z1755">
        <v>16106.96883</v>
      </c>
      <c r="AA1755">
        <v>50366.826059999999</v>
      </c>
      <c r="AB1755">
        <v>42877.440869999999</v>
      </c>
      <c r="AC1755">
        <v>38848.841950000002</v>
      </c>
      <c r="AD1755">
        <v>19406.585790000001</v>
      </c>
      <c r="AE1755">
        <v>33890.31007</v>
      </c>
      <c r="AF1755">
        <v>49821.596610000001</v>
      </c>
      <c r="AG1755">
        <v>18874.334060000001</v>
      </c>
      <c r="AH1755">
        <v>267531.56170000002</v>
      </c>
      <c r="AI1755">
        <v>79939.635479999997</v>
      </c>
      <c r="AJ1755">
        <v>22790.077679999999</v>
      </c>
      <c r="AK1755">
        <v>32571.522389999998</v>
      </c>
      <c r="AL1755">
        <v>83174.505900000004</v>
      </c>
      <c r="AM1755">
        <v>22224.354909999998</v>
      </c>
      <c r="AN1755">
        <v>80430.808239999998</v>
      </c>
      <c r="AO1755">
        <v>27262.363140000001</v>
      </c>
      <c r="AP1755">
        <v>17755.97147</v>
      </c>
    </row>
    <row r="1756" spans="2:42" x14ac:dyDescent="0.3">
      <c r="B1756">
        <v>52.758166232558928</v>
      </c>
      <c r="C1756" s="83">
        <v>43174.083333333336</v>
      </c>
      <c r="D1756">
        <v>250134.5938</v>
      </c>
      <c r="E1756">
        <v>16254.14242</v>
      </c>
      <c r="F1756">
        <v>50826.894010000004</v>
      </c>
      <c r="G1756">
        <v>42554.164100000002</v>
      </c>
      <c r="H1756">
        <v>38497.477039999998</v>
      </c>
      <c r="I1756">
        <v>18131.22625</v>
      </c>
      <c r="J1756">
        <v>33399.813889999998</v>
      </c>
      <c r="K1756">
        <v>49138.8197</v>
      </c>
      <c r="L1756">
        <v>18549.788489999999</v>
      </c>
      <c r="M1756">
        <v>268985.73479999998</v>
      </c>
      <c r="N1756">
        <v>78572.32501</v>
      </c>
      <c r="O1756">
        <v>23170.629079999999</v>
      </c>
      <c r="P1756">
        <v>32177.156220000001</v>
      </c>
      <c r="Q1756">
        <v>84567.703280000002</v>
      </c>
      <c r="R1756">
        <v>23968.698919999999</v>
      </c>
      <c r="S1756">
        <v>80306.676579999999</v>
      </c>
      <c r="T1756">
        <v>26592.11665</v>
      </c>
      <c r="U1756">
        <v>17727.517459999999</v>
      </c>
      <c r="W1756" s="83">
        <f>Bühler!N1788</f>
        <v>45365.083333329079</v>
      </c>
      <c r="X1756" s="83">
        <v>43174.083333333336</v>
      </c>
      <c r="Y1756">
        <v>250134.5938</v>
      </c>
      <c r="Z1756">
        <v>16254.14242</v>
      </c>
      <c r="AA1756">
        <v>50826.894010000004</v>
      </c>
      <c r="AB1756">
        <v>42554.164100000002</v>
      </c>
      <c r="AC1756">
        <v>38497.477039999998</v>
      </c>
      <c r="AD1756">
        <v>18131.22625</v>
      </c>
      <c r="AE1756">
        <v>33399.813889999998</v>
      </c>
      <c r="AF1756">
        <v>49138.8197</v>
      </c>
      <c r="AG1756">
        <v>18549.788489999999</v>
      </c>
      <c r="AH1756">
        <v>268985.73479999998</v>
      </c>
      <c r="AI1756">
        <v>78572.32501</v>
      </c>
      <c r="AJ1756">
        <v>23170.629079999999</v>
      </c>
      <c r="AK1756">
        <v>32177.156220000001</v>
      </c>
      <c r="AL1756">
        <v>84567.703280000002</v>
      </c>
      <c r="AM1756">
        <v>23968.698919999999</v>
      </c>
      <c r="AN1756">
        <v>80306.676579999999</v>
      </c>
      <c r="AO1756">
        <v>26592.11665</v>
      </c>
      <c r="AP1756">
        <v>17727.517459999999</v>
      </c>
    </row>
    <row r="1757" spans="2:42" x14ac:dyDescent="0.3">
      <c r="B1757">
        <v>52.79797241865257</v>
      </c>
      <c r="C1757" s="83">
        <v>43174.125</v>
      </c>
      <c r="D1757">
        <v>250853.33960000001</v>
      </c>
      <c r="E1757">
        <v>16355.21853</v>
      </c>
      <c r="F1757">
        <v>51967.910409999997</v>
      </c>
      <c r="G1757">
        <v>42202.607060000002</v>
      </c>
      <c r="H1757">
        <v>39093.636619999997</v>
      </c>
      <c r="I1757">
        <v>18772.73633</v>
      </c>
      <c r="J1757">
        <v>33964.657579999999</v>
      </c>
      <c r="K1757">
        <v>46912.795570000002</v>
      </c>
      <c r="L1757">
        <v>18188.33797</v>
      </c>
      <c r="M1757">
        <v>269188.68530000001</v>
      </c>
      <c r="N1757">
        <v>78651.799369999993</v>
      </c>
      <c r="O1757">
        <v>23195.287970000001</v>
      </c>
      <c r="P1757">
        <v>31224.928889999999</v>
      </c>
      <c r="Q1757">
        <v>86964.527260000003</v>
      </c>
      <c r="R1757">
        <v>23646.52318</v>
      </c>
      <c r="S1757">
        <v>79290.067219999997</v>
      </c>
      <c r="T1757">
        <v>26797.00434</v>
      </c>
      <c r="U1757">
        <v>17889.76425</v>
      </c>
      <c r="W1757" s="83">
        <f>Bühler!N1789</f>
        <v>45365.124999995744</v>
      </c>
      <c r="X1757" s="83">
        <v>43174.125</v>
      </c>
      <c r="Y1757">
        <v>250853.33960000001</v>
      </c>
      <c r="Z1757">
        <v>16355.21853</v>
      </c>
      <c r="AA1757">
        <v>51967.910409999997</v>
      </c>
      <c r="AB1757">
        <v>42202.607060000002</v>
      </c>
      <c r="AC1757">
        <v>39093.636619999997</v>
      </c>
      <c r="AD1757">
        <v>18772.73633</v>
      </c>
      <c r="AE1757">
        <v>33964.657579999999</v>
      </c>
      <c r="AF1757">
        <v>46912.795570000002</v>
      </c>
      <c r="AG1757">
        <v>18188.33797</v>
      </c>
      <c r="AH1757">
        <v>269188.68530000001</v>
      </c>
      <c r="AI1757">
        <v>78651.799369999993</v>
      </c>
      <c r="AJ1757">
        <v>23195.287970000001</v>
      </c>
      <c r="AK1757">
        <v>31224.928889999999</v>
      </c>
      <c r="AL1757">
        <v>86964.527260000003</v>
      </c>
      <c r="AM1757">
        <v>23646.52318</v>
      </c>
      <c r="AN1757">
        <v>79290.067219999997</v>
      </c>
      <c r="AO1757">
        <v>26797.00434</v>
      </c>
      <c r="AP1757">
        <v>17889.76425</v>
      </c>
    </row>
    <row r="1758" spans="2:42" x14ac:dyDescent="0.3">
      <c r="B1758">
        <v>54.016426711246204</v>
      </c>
      <c r="C1758" s="83">
        <v>43174.166666666664</v>
      </c>
      <c r="D1758">
        <v>253715.82889999999</v>
      </c>
      <c r="E1758">
        <v>16932.613099999999</v>
      </c>
      <c r="F1758">
        <v>55693.196470000003</v>
      </c>
      <c r="G1758">
        <v>41870.270709999997</v>
      </c>
      <c r="H1758">
        <v>39894.952590000001</v>
      </c>
      <c r="I1758">
        <v>21432.093860000001</v>
      </c>
      <c r="J1758">
        <v>35885.47739</v>
      </c>
      <c r="K1758">
        <v>45813.575819999998</v>
      </c>
      <c r="L1758">
        <v>17913.441589999999</v>
      </c>
      <c r="M1758">
        <v>275400.93349999998</v>
      </c>
      <c r="N1758">
        <v>77555.22898</v>
      </c>
      <c r="O1758">
        <v>24437.825680000002</v>
      </c>
      <c r="P1758">
        <v>30437.29693</v>
      </c>
      <c r="Q1758">
        <v>90772.838440000007</v>
      </c>
      <c r="R1758">
        <v>23955.823209999999</v>
      </c>
      <c r="S1758">
        <v>80622.226420000006</v>
      </c>
      <c r="T1758">
        <v>26812.593379999998</v>
      </c>
      <c r="U1758">
        <v>18841.3593</v>
      </c>
      <c r="W1758" s="83">
        <f>Bühler!N1790</f>
        <v>45365.166666662408</v>
      </c>
      <c r="X1758" s="83">
        <v>43174.166666666664</v>
      </c>
      <c r="Y1758">
        <v>253715.82889999999</v>
      </c>
      <c r="Z1758">
        <v>16932.613099999999</v>
      </c>
      <c r="AA1758">
        <v>55693.196470000003</v>
      </c>
      <c r="AB1758">
        <v>41870.270709999997</v>
      </c>
      <c r="AC1758">
        <v>39894.952590000001</v>
      </c>
      <c r="AD1758">
        <v>21432.093860000001</v>
      </c>
      <c r="AE1758">
        <v>35885.47739</v>
      </c>
      <c r="AF1758">
        <v>45813.575819999998</v>
      </c>
      <c r="AG1758">
        <v>17913.441589999999</v>
      </c>
      <c r="AH1758">
        <v>275400.93349999998</v>
      </c>
      <c r="AI1758">
        <v>77555.22898</v>
      </c>
      <c r="AJ1758">
        <v>24437.825680000002</v>
      </c>
      <c r="AK1758">
        <v>30437.29693</v>
      </c>
      <c r="AL1758">
        <v>90772.838440000007</v>
      </c>
      <c r="AM1758">
        <v>23955.823209999999</v>
      </c>
      <c r="AN1758">
        <v>80622.226420000006</v>
      </c>
      <c r="AO1758">
        <v>26812.593379999998</v>
      </c>
      <c r="AP1758">
        <v>18841.3593</v>
      </c>
    </row>
    <row r="1759" spans="2:42" x14ac:dyDescent="0.3">
      <c r="B1759">
        <v>57.103083785060242</v>
      </c>
      <c r="C1759" s="83">
        <v>43174.208333333336</v>
      </c>
      <c r="D1759">
        <v>268880.641</v>
      </c>
      <c r="E1759">
        <v>18919.22291</v>
      </c>
      <c r="F1759">
        <v>65879.133069999996</v>
      </c>
      <c r="G1759">
        <v>44977.636720000002</v>
      </c>
      <c r="H1759">
        <v>42090.700089999998</v>
      </c>
      <c r="I1759">
        <v>31821.861779999999</v>
      </c>
      <c r="J1759">
        <v>38902.004529999998</v>
      </c>
      <c r="K1759">
        <v>46841.986380000002</v>
      </c>
      <c r="L1759">
        <v>19038.09246</v>
      </c>
      <c r="M1759">
        <v>291138.1507</v>
      </c>
      <c r="N1759">
        <v>78906.990900000004</v>
      </c>
      <c r="O1759">
        <v>25419.87456</v>
      </c>
      <c r="P1759">
        <v>31468.188480000001</v>
      </c>
      <c r="Q1759">
        <v>93359.332299999995</v>
      </c>
      <c r="R1759">
        <v>27054.46255</v>
      </c>
      <c r="S1759">
        <v>83737.746840000007</v>
      </c>
      <c r="T1759">
        <v>28339.77736</v>
      </c>
      <c r="U1759">
        <v>20747.36506</v>
      </c>
      <c r="W1759" s="83">
        <f>Bühler!N1791</f>
        <v>45365.208333329072</v>
      </c>
      <c r="X1759" s="83">
        <v>43174.208333333336</v>
      </c>
      <c r="Y1759">
        <v>268880.641</v>
      </c>
      <c r="Z1759">
        <v>18919.22291</v>
      </c>
      <c r="AA1759">
        <v>65879.133069999996</v>
      </c>
      <c r="AB1759">
        <v>44977.636720000002</v>
      </c>
      <c r="AC1759">
        <v>42090.700089999998</v>
      </c>
      <c r="AD1759">
        <v>31821.861779999999</v>
      </c>
      <c r="AE1759">
        <v>38902.004529999998</v>
      </c>
      <c r="AF1759">
        <v>46841.986380000002</v>
      </c>
      <c r="AG1759">
        <v>19038.09246</v>
      </c>
      <c r="AH1759">
        <v>291138.1507</v>
      </c>
      <c r="AI1759">
        <v>78906.990900000004</v>
      </c>
      <c r="AJ1759">
        <v>25419.87456</v>
      </c>
      <c r="AK1759">
        <v>31468.188480000001</v>
      </c>
      <c r="AL1759">
        <v>93359.332299999995</v>
      </c>
      <c r="AM1759">
        <v>27054.46255</v>
      </c>
      <c r="AN1759">
        <v>83737.746840000007</v>
      </c>
      <c r="AO1759">
        <v>28339.77736</v>
      </c>
      <c r="AP1759">
        <v>20747.36506</v>
      </c>
    </row>
    <row r="1760" spans="2:42" x14ac:dyDescent="0.3">
      <c r="B1760">
        <v>61.094591002149023</v>
      </c>
      <c r="C1760" s="83">
        <v>43174.25</v>
      </c>
      <c r="D1760">
        <v>286660.86330000003</v>
      </c>
      <c r="E1760">
        <v>23234.30471</v>
      </c>
      <c r="F1760">
        <v>78487.582880000002</v>
      </c>
      <c r="G1760">
        <v>59657.154640000001</v>
      </c>
      <c r="H1760">
        <v>45779.494619999998</v>
      </c>
      <c r="I1760">
        <v>41856.670080000004</v>
      </c>
      <c r="J1760">
        <v>42739.683230000002</v>
      </c>
      <c r="K1760">
        <v>49509.965490000002</v>
      </c>
      <c r="L1760">
        <v>20792.23662</v>
      </c>
      <c r="M1760">
        <v>311488.71590000001</v>
      </c>
      <c r="N1760">
        <v>83939.024619999997</v>
      </c>
      <c r="O1760">
        <v>26040.84952</v>
      </c>
      <c r="P1760">
        <v>33064.302989999996</v>
      </c>
      <c r="Q1760">
        <v>95006.319000000003</v>
      </c>
      <c r="R1760">
        <v>20540.22811</v>
      </c>
      <c r="S1760">
        <v>93033.179029999999</v>
      </c>
      <c r="T1760">
        <v>31384.55905</v>
      </c>
      <c r="U1760">
        <v>23729.773130000001</v>
      </c>
      <c r="W1760" s="83">
        <f>Bühler!N1792</f>
        <v>45365.249999995736</v>
      </c>
      <c r="X1760" s="83">
        <v>43174.25</v>
      </c>
      <c r="Y1760">
        <v>286660.86330000003</v>
      </c>
      <c r="Z1760">
        <v>23234.30471</v>
      </c>
      <c r="AA1760">
        <v>78487.582880000002</v>
      </c>
      <c r="AB1760">
        <v>59657.154640000001</v>
      </c>
      <c r="AC1760">
        <v>45779.494619999998</v>
      </c>
      <c r="AD1760">
        <v>41856.670080000004</v>
      </c>
      <c r="AE1760">
        <v>42739.683230000002</v>
      </c>
      <c r="AF1760">
        <v>49509.965490000002</v>
      </c>
      <c r="AG1760">
        <v>20792.23662</v>
      </c>
      <c r="AH1760">
        <v>311488.71590000001</v>
      </c>
      <c r="AI1760">
        <v>83939.024619999997</v>
      </c>
      <c r="AJ1760">
        <v>26040.84952</v>
      </c>
      <c r="AK1760">
        <v>33064.302989999996</v>
      </c>
      <c r="AL1760">
        <v>95006.319000000003</v>
      </c>
      <c r="AM1760">
        <v>20540.22811</v>
      </c>
      <c r="AN1760">
        <v>93033.179029999999</v>
      </c>
      <c r="AO1760">
        <v>31384.55905</v>
      </c>
      <c r="AP1760">
        <v>23729.773130000001</v>
      </c>
    </row>
    <row r="1761" spans="2:42" x14ac:dyDescent="0.3">
      <c r="B1761">
        <v>62.497044253857133</v>
      </c>
      <c r="C1761" s="83">
        <v>43174.291666666664</v>
      </c>
      <c r="D1761">
        <v>299801.03389999998</v>
      </c>
      <c r="E1761">
        <v>28130.505120000002</v>
      </c>
      <c r="F1761">
        <v>80914.887180000005</v>
      </c>
      <c r="G1761">
        <v>73395.927089999997</v>
      </c>
      <c r="H1761">
        <v>50585.685850000002</v>
      </c>
      <c r="I1761">
        <v>51876.494570000003</v>
      </c>
      <c r="J1761">
        <v>43437.874730000003</v>
      </c>
      <c r="K1761">
        <v>54567.350059999997</v>
      </c>
      <c r="L1761">
        <v>23430.142029999999</v>
      </c>
      <c r="M1761">
        <v>318639.07659999997</v>
      </c>
      <c r="N1761">
        <v>89640.682090000002</v>
      </c>
      <c r="O1761">
        <v>29198.17339</v>
      </c>
      <c r="P1761">
        <v>36773.204449999997</v>
      </c>
      <c r="Q1761">
        <v>95096.574569999997</v>
      </c>
      <c r="R1761">
        <v>20221.532009999999</v>
      </c>
      <c r="S1761">
        <v>106881.8605</v>
      </c>
      <c r="T1761">
        <v>33541.355929999998</v>
      </c>
      <c r="U1761">
        <v>27414.301920000002</v>
      </c>
      <c r="W1761" s="83">
        <f>Bühler!N1793</f>
        <v>45365.291666662401</v>
      </c>
      <c r="X1761" s="83">
        <v>43174.291666666664</v>
      </c>
      <c r="Y1761">
        <v>299801.03389999998</v>
      </c>
      <c r="Z1761">
        <v>28130.505120000002</v>
      </c>
      <c r="AA1761">
        <v>80914.887180000005</v>
      </c>
      <c r="AB1761">
        <v>73395.927089999997</v>
      </c>
      <c r="AC1761">
        <v>50585.685850000002</v>
      </c>
      <c r="AD1761">
        <v>51876.494570000003</v>
      </c>
      <c r="AE1761">
        <v>43437.874730000003</v>
      </c>
      <c r="AF1761">
        <v>54567.350059999997</v>
      </c>
      <c r="AG1761">
        <v>23430.142029999999</v>
      </c>
      <c r="AH1761">
        <v>318639.07659999997</v>
      </c>
      <c r="AI1761">
        <v>89640.682090000002</v>
      </c>
      <c r="AJ1761">
        <v>29198.17339</v>
      </c>
      <c r="AK1761">
        <v>36773.204449999997</v>
      </c>
      <c r="AL1761">
        <v>95096.574569999997</v>
      </c>
      <c r="AM1761">
        <v>20221.532009999999</v>
      </c>
      <c r="AN1761">
        <v>106881.8605</v>
      </c>
      <c r="AO1761">
        <v>33541.355929999998</v>
      </c>
      <c r="AP1761">
        <v>27414.301920000002</v>
      </c>
    </row>
    <row r="1762" spans="2:42" x14ac:dyDescent="0.3">
      <c r="B1762">
        <v>63.188753105787562</v>
      </c>
      <c r="C1762" s="83">
        <v>43174.333333333336</v>
      </c>
      <c r="D1762">
        <v>311060.90059999999</v>
      </c>
      <c r="E1762">
        <v>34012.356500000002</v>
      </c>
      <c r="F1762">
        <v>87832.476379999993</v>
      </c>
      <c r="G1762">
        <v>86919.929709999997</v>
      </c>
      <c r="H1762">
        <v>55685.308799999999</v>
      </c>
      <c r="I1762">
        <v>52794.335059999998</v>
      </c>
      <c r="J1762">
        <v>44457.647779999999</v>
      </c>
      <c r="K1762">
        <v>61128.243139999999</v>
      </c>
      <c r="L1762">
        <v>25785.06868</v>
      </c>
      <c r="M1762">
        <v>322165.73090000002</v>
      </c>
      <c r="N1762">
        <v>98528.830459999997</v>
      </c>
      <c r="O1762">
        <v>30135.84158</v>
      </c>
      <c r="P1762">
        <v>38311.122770000002</v>
      </c>
      <c r="Q1762">
        <v>95760.551040000006</v>
      </c>
      <c r="R1762">
        <v>23686.463769999998</v>
      </c>
      <c r="S1762">
        <v>119573.4176</v>
      </c>
      <c r="T1762">
        <v>36989.944439999999</v>
      </c>
      <c r="U1762">
        <v>30374.486400000002</v>
      </c>
      <c r="W1762" s="83">
        <f>Bühler!N1794</f>
        <v>45365.333333329065</v>
      </c>
      <c r="X1762" s="83">
        <v>43174.333333333336</v>
      </c>
      <c r="Y1762">
        <v>311060.90059999999</v>
      </c>
      <c r="Z1762">
        <v>34012.356500000002</v>
      </c>
      <c r="AA1762">
        <v>87832.476379999993</v>
      </c>
      <c r="AB1762">
        <v>86919.929709999997</v>
      </c>
      <c r="AC1762">
        <v>55685.308799999999</v>
      </c>
      <c r="AD1762">
        <v>52794.335059999998</v>
      </c>
      <c r="AE1762">
        <v>44457.647779999999</v>
      </c>
      <c r="AF1762">
        <v>61128.243139999999</v>
      </c>
      <c r="AG1762">
        <v>25785.06868</v>
      </c>
      <c r="AH1762">
        <v>322165.73090000002</v>
      </c>
      <c r="AI1762">
        <v>98528.830459999997</v>
      </c>
      <c r="AJ1762">
        <v>30135.84158</v>
      </c>
      <c r="AK1762">
        <v>38311.122770000002</v>
      </c>
      <c r="AL1762">
        <v>95760.551040000006</v>
      </c>
      <c r="AM1762">
        <v>23686.463769999998</v>
      </c>
      <c r="AN1762">
        <v>119573.4176</v>
      </c>
      <c r="AO1762">
        <v>36989.944439999999</v>
      </c>
      <c r="AP1762">
        <v>30374.486400000002</v>
      </c>
    </row>
    <row r="1763" spans="2:42" x14ac:dyDescent="0.3">
      <c r="B1763">
        <v>62.523960877562331</v>
      </c>
      <c r="C1763" s="83">
        <v>43174.375</v>
      </c>
      <c r="D1763">
        <v>310231.6752</v>
      </c>
      <c r="E1763">
        <v>38040.569109999997</v>
      </c>
      <c r="F1763">
        <v>95070.080220000003</v>
      </c>
      <c r="G1763">
        <v>95793.549759999994</v>
      </c>
      <c r="H1763">
        <v>57700.991119999999</v>
      </c>
      <c r="I1763">
        <v>49175.115189999997</v>
      </c>
      <c r="J1763">
        <v>44124.410960000001</v>
      </c>
      <c r="K1763">
        <v>61850.615299999998</v>
      </c>
      <c r="L1763">
        <v>28537.586739999999</v>
      </c>
      <c r="M1763">
        <v>318776.3101</v>
      </c>
      <c r="N1763">
        <v>106630.55319999999</v>
      </c>
      <c r="O1763">
        <v>30277.1486</v>
      </c>
      <c r="P1763">
        <v>39236.275350000004</v>
      </c>
      <c r="Q1763">
        <v>96653.371969999993</v>
      </c>
      <c r="R1763">
        <v>23894.128570000001</v>
      </c>
      <c r="S1763">
        <v>124773.1669</v>
      </c>
      <c r="T1763">
        <v>38090.129099999998</v>
      </c>
      <c r="U1763">
        <v>29177.166450000001</v>
      </c>
      <c r="W1763" s="83">
        <f>Bühler!N1795</f>
        <v>45365.374999995729</v>
      </c>
      <c r="X1763" s="83">
        <v>43174.375</v>
      </c>
      <c r="Y1763">
        <v>310231.6752</v>
      </c>
      <c r="Z1763">
        <v>38040.569109999997</v>
      </c>
      <c r="AA1763">
        <v>95070.080220000003</v>
      </c>
      <c r="AB1763">
        <v>95793.549759999994</v>
      </c>
      <c r="AC1763">
        <v>57700.991119999999</v>
      </c>
      <c r="AD1763">
        <v>49175.115189999997</v>
      </c>
      <c r="AE1763">
        <v>44124.410960000001</v>
      </c>
      <c r="AF1763">
        <v>61850.615299999998</v>
      </c>
      <c r="AG1763">
        <v>28537.586739999999</v>
      </c>
      <c r="AH1763">
        <v>318776.3101</v>
      </c>
      <c r="AI1763">
        <v>106630.55319999999</v>
      </c>
      <c r="AJ1763">
        <v>30277.1486</v>
      </c>
      <c r="AK1763">
        <v>39236.275350000004</v>
      </c>
      <c r="AL1763">
        <v>96653.371969999993</v>
      </c>
      <c r="AM1763">
        <v>23894.128570000001</v>
      </c>
      <c r="AN1763">
        <v>124773.1669</v>
      </c>
      <c r="AO1763">
        <v>38090.129099999998</v>
      </c>
      <c r="AP1763">
        <v>29177.166450000001</v>
      </c>
    </row>
    <row r="1764" spans="2:42" x14ac:dyDescent="0.3">
      <c r="B1764">
        <v>63.108910154457242</v>
      </c>
      <c r="C1764" s="83">
        <v>43174.416666666664</v>
      </c>
      <c r="D1764">
        <v>310074.79450000002</v>
      </c>
      <c r="E1764">
        <v>39442.375</v>
      </c>
      <c r="F1764">
        <v>95214.94945</v>
      </c>
      <c r="G1764">
        <v>97579.48646</v>
      </c>
      <c r="H1764">
        <v>58049.74209</v>
      </c>
      <c r="I1764">
        <v>44531.695390000001</v>
      </c>
      <c r="J1764">
        <v>42926.121059999998</v>
      </c>
      <c r="K1764">
        <v>63300.106570000004</v>
      </c>
      <c r="L1764">
        <v>30173.983499999998</v>
      </c>
      <c r="M1764">
        <v>321758.65429999999</v>
      </c>
      <c r="N1764">
        <v>108445.0618</v>
      </c>
      <c r="O1764">
        <v>30097.126410000001</v>
      </c>
      <c r="P1764">
        <v>39432.758959999999</v>
      </c>
      <c r="Q1764">
        <v>96010.940430000002</v>
      </c>
      <c r="R1764">
        <v>24627.245490000001</v>
      </c>
      <c r="S1764">
        <v>124590.86500000001</v>
      </c>
      <c r="T1764">
        <v>39804.481529999997</v>
      </c>
      <c r="U1764">
        <v>28241.56739</v>
      </c>
      <c r="W1764" s="83">
        <f>Bühler!N1796</f>
        <v>45365.416666662393</v>
      </c>
      <c r="X1764" s="83">
        <v>43174.416666666664</v>
      </c>
      <c r="Y1764">
        <v>310074.79450000002</v>
      </c>
      <c r="Z1764">
        <v>39442.375</v>
      </c>
      <c r="AA1764">
        <v>95214.94945</v>
      </c>
      <c r="AB1764">
        <v>97579.48646</v>
      </c>
      <c r="AC1764">
        <v>58049.74209</v>
      </c>
      <c r="AD1764">
        <v>44531.695390000001</v>
      </c>
      <c r="AE1764">
        <v>42926.121059999998</v>
      </c>
      <c r="AF1764">
        <v>63300.106570000004</v>
      </c>
      <c r="AG1764">
        <v>30173.983499999998</v>
      </c>
      <c r="AH1764">
        <v>321758.65429999999</v>
      </c>
      <c r="AI1764">
        <v>108445.0618</v>
      </c>
      <c r="AJ1764">
        <v>30097.126410000001</v>
      </c>
      <c r="AK1764">
        <v>39432.758959999999</v>
      </c>
      <c r="AL1764">
        <v>96010.940430000002</v>
      </c>
      <c r="AM1764">
        <v>24627.245490000001</v>
      </c>
      <c r="AN1764">
        <v>124590.86500000001</v>
      </c>
      <c r="AO1764">
        <v>39804.481529999997</v>
      </c>
      <c r="AP1764">
        <v>28241.56739</v>
      </c>
    </row>
    <row r="1765" spans="2:42" x14ac:dyDescent="0.3">
      <c r="B1765">
        <v>63.711371952571582</v>
      </c>
      <c r="C1765" s="83">
        <v>43174.458333333336</v>
      </c>
      <c r="D1765">
        <v>307708.79790000001</v>
      </c>
      <c r="E1765">
        <v>38806.730199999998</v>
      </c>
      <c r="F1765">
        <v>95655.150330000004</v>
      </c>
      <c r="G1765">
        <v>94800.269490000006</v>
      </c>
      <c r="H1765">
        <v>57042.830979999999</v>
      </c>
      <c r="I1765">
        <v>43180.96198</v>
      </c>
      <c r="J1765">
        <v>42076.952310000001</v>
      </c>
      <c r="K1765">
        <v>63347.604070000001</v>
      </c>
      <c r="L1765">
        <v>31617.674930000001</v>
      </c>
      <c r="M1765">
        <v>324830.2855</v>
      </c>
      <c r="N1765">
        <v>107846.5578</v>
      </c>
      <c r="O1765">
        <v>30403.228159999999</v>
      </c>
      <c r="P1765">
        <v>37622.418769999997</v>
      </c>
      <c r="Q1765">
        <v>96295.482669999998</v>
      </c>
      <c r="R1765">
        <v>25840.080279999998</v>
      </c>
      <c r="S1765">
        <v>125352.8796</v>
      </c>
      <c r="T1765">
        <v>40246.278270000003</v>
      </c>
      <c r="U1765">
        <v>27364.575280000001</v>
      </c>
      <c r="W1765" s="83">
        <f>Bühler!N1797</f>
        <v>45365.458333329057</v>
      </c>
      <c r="X1765" s="83">
        <v>43174.458333333336</v>
      </c>
      <c r="Y1765">
        <v>307708.79790000001</v>
      </c>
      <c r="Z1765">
        <v>38806.730199999998</v>
      </c>
      <c r="AA1765">
        <v>95655.150330000004</v>
      </c>
      <c r="AB1765">
        <v>94800.269490000006</v>
      </c>
      <c r="AC1765">
        <v>57042.830979999999</v>
      </c>
      <c r="AD1765">
        <v>43180.96198</v>
      </c>
      <c r="AE1765">
        <v>42076.952310000001</v>
      </c>
      <c r="AF1765">
        <v>63347.604070000001</v>
      </c>
      <c r="AG1765">
        <v>31617.674930000001</v>
      </c>
      <c r="AH1765">
        <v>324830.2855</v>
      </c>
      <c r="AI1765">
        <v>107846.5578</v>
      </c>
      <c r="AJ1765">
        <v>30403.228159999999</v>
      </c>
      <c r="AK1765">
        <v>37622.418769999997</v>
      </c>
      <c r="AL1765">
        <v>96295.482669999998</v>
      </c>
      <c r="AM1765">
        <v>25840.080279999998</v>
      </c>
      <c r="AN1765">
        <v>125352.8796</v>
      </c>
      <c r="AO1765">
        <v>40246.278270000003</v>
      </c>
      <c r="AP1765">
        <v>27364.575280000001</v>
      </c>
    </row>
    <row r="1766" spans="2:42" x14ac:dyDescent="0.3">
      <c r="B1766">
        <v>61.951381496979373</v>
      </c>
      <c r="C1766" s="83">
        <v>43174.5</v>
      </c>
      <c r="D1766">
        <v>293277.81949999998</v>
      </c>
      <c r="E1766">
        <v>34645.946049999999</v>
      </c>
      <c r="F1766">
        <v>92607.657149999999</v>
      </c>
      <c r="G1766">
        <v>93698.656400000007</v>
      </c>
      <c r="H1766">
        <v>53707.598680000003</v>
      </c>
      <c r="I1766">
        <v>40910.760920000001</v>
      </c>
      <c r="J1766">
        <v>41715.675750000002</v>
      </c>
      <c r="K1766">
        <v>58672.659160000003</v>
      </c>
      <c r="L1766">
        <v>34338.731299999999</v>
      </c>
      <c r="M1766">
        <v>315857.03340000001</v>
      </c>
      <c r="N1766">
        <v>103078.3</v>
      </c>
      <c r="O1766">
        <v>28720.414970000002</v>
      </c>
      <c r="P1766">
        <v>40027.744409999999</v>
      </c>
      <c r="Q1766">
        <v>95266.698250000001</v>
      </c>
      <c r="R1766">
        <v>24972.754949999999</v>
      </c>
      <c r="S1766">
        <v>118997.34600000001</v>
      </c>
      <c r="T1766">
        <v>39275.433810000002</v>
      </c>
      <c r="U1766">
        <v>23666.70724</v>
      </c>
      <c r="W1766" s="83">
        <f>Bühler!N1798</f>
        <v>45365.499999995722</v>
      </c>
      <c r="X1766" s="83">
        <v>43174.5</v>
      </c>
      <c r="Y1766">
        <v>293277.81949999998</v>
      </c>
      <c r="Z1766">
        <v>34645.946049999999</v>
      </c>
      <c r="AA1766">
        <v>92607.657149999999</v>
      </c>
      <c r="AB1766">
        <v>93698.656400000007</v>
      </c>
      <c r="AC1766">
        <v>53707.598680000003</v>
      </c>
      <c r="AD1766">
        <v>40910.760920000001</v>
      </c>
      <c r="AE1766">
        <v>41715.675750000002</v>
      </c>
      <c r="AF1766">
        <v>58672.659160000003</v>
      </c>
      <c r="AG1766">
        <v>34338.731299999999</v>
      </c>
      <c r="AH1766">
        <v>315857.03340000001</v>
      </c>
      <c r="AI1766">
        <v>103078.3</v>
      </c>
      <c r="AJ1766">
        <v>28720.414970000002</v>
      </c>
      <c r="AK1766">
        <v>40027.744409999999</v>
      </c>
      <c r="AL1766">
        <v>95266.698250000001</v>
      </c>
      <c r="AM1766">
        <v>24972.754949999999</v>
      </c>
      <c r="AN1766">
        <v>118997.34600000001</v>
      </c>
      <c r="AO1766">
        <v>39275.433810000002</v>
      </c>
      <c r="AP1766">
        <v>23666.70724</v>
      </c>
    </row>
    <row r="1767" spans="2:42" x14ac:dyDescent="0.3">
      <c r="B1767">
        <v>61.213728691654104</v>
      </c>
      <c r="C1767" s="83">
        <v>43174.541666666664</v>
      </c>
      <c r="D1767">
        <v>294258.41720000003</v>
      </c>
      <c r="E1767">
        <v>34022.700700000001</v>
      </c>
      <c r="F1767">
        <v>91786.258669999996</v>
      </c>
      <c r="G1767">
        <v>90116.511480000001</v>
      </c>
      <c r="H1767">
        <v>54054.200340000003</v>
      </c>
      <c r="I1767">
        <v>40706.195339999998</v>
      </c>
      <c r="J1767">
        <v>40519.235280000001</v>
      </c>
      <c r="K1767">
        <v>62858.864889999997</v>
      </c>
      <c r="L1767">
        <v>33184.496590000002</v>
      </c>
      <c r="M1767">
        <v>312096.13540000003</v>
      </c>
      <c r="N1767">
        <v>101545.3431</v>
      </c>
      <c r="O1767">
        <v>29183.440610000001</v>
      </c>
      <c r="P1767">
        <v>37601.986140000001</v>
      </c>
      <c r="Q1767">
        <v>93728.611829999994</v>
      </c>
      <c r="R1767">
        <v>24435.869699999999</v>
      </c>
      <c r="S1767">
        <v>117764.86229999999</v>
      </c>
      <c r="T1767">
        <v>38379.06738</v>
      </c>
      <c r="U1767">
        <v>24430.875820000001</v>
      </c>
      <c r="W1767" s="83">
        <f>Bühler!N1799</f>
        <v>45365.541666662386</v>
      </c>
      <c r="X1767" s="83">
        <v>43174.541666666664</v>
      </c>
      <c r="Y1767">
        <v>294258.41720000003</v>
      </c>
      <c r="Z1767">
        <v>34022.700700000001</v>
      </c>
      <c r="AA1767">
        <v>91786.258669999996</v>
      </c>
      <c r="AB1767">
        <v>90116.511480000001</v>
      </c>
      <c r="AC1767">
        <v>54054.200340000003</v>
      </c>
      <c r="AD1767">
        <v>40706.195339999998</v>
      </c>
      <c r="AE1767">
        <v>40519.235280000001</v>
      </c>
      <c r="AF1767">
        <v>62858.864889999997</v>
      </c>
      <c r="AG1767">
        <v>33184.496590000002</v>
      </c>
      <c r="AH1767">
        <v>312096.13540000003</v>
      </c>
      <c r="AI1767">
        <v>101545.3431</v>
      </c>
      <c r="AJ1767">
        <v>29183.440610000001</v>
      </c>
      <c r="AK1767">
        <v>37601.986140000001</v>
      </c>
      <c r="AL1767">
        <v>93728.611829999994</v>
      </c>
      <c r="AM1767">
        <v>24435.869699999999</v>
      </c>
      <c r="AN1767">
        <v>117764.86229999999</v>
      </c>
      <c r="AO1767">
        <v>38379.06738</v>
      </c>
      <c r="AP1767">
        <v>24430.875820000001</v>
      </c>
    </row>
    <row r="1768" spans="2:42" x14ac:dyDescent="0.3">
      <c r="B1768">
        <v>61.801647998943331</v>
      </c>
      <c r="C1768" s="83">
        <v>43174.583333333336</v>
      </c>
      <c r="D1768">
        <v>298194.56290000002</v>
      </c>
      <c r="E1768">
        <v>36706.650070000003</v>
      </c>
      <c r="F1768">
        <v>93167.360339999999</v>
      </c>
      <c r="G1768">
        <v>82931.506959999999</v>
      </c>
      <c r="H1768">
        <v>53401.61879</v>
      </c>
      <c r="I1768">
        <v>40765.375650000002</v>
      </c>
      <c r="J1768">
        <v>39912.473740000001</v>
      </c>
      <c r="K1768">
        <v>64676.707260000003</v>
      </c>
      <c r="L1768">
        <v>29544.654460000002</v>
      </c>
      <c r="M1768">
        <v>315093.62219999998</v>
      </c>
      <c r="N1768">
        <v>101077.0863</v>
      </c>
      <c r="O1768">
        <v>28289.475259999999</v>
      </c>
      <c r="P1768">
        <v>33927.663359999999</v>
      </c>
      <c r="Q1768">
        <v>93088.594079999995</v>
      </c>
      <c r="R1768">
        <v>24398.365839999999</v>
      </c>
      <c r="S1768">
        <v>112656.47440000001</v>
      </c>
      <c r="T1768">
        <v>36008.211799999997</v>
      </c>
      <c r="U1768">
        <v>24520.75332</v>
      </c>
      <c r="W1768" s="83">
        <f>Bühler!N1800</f>
        <v>45365.58333332905</v>
      </c>
      <c r="X1768" s="83">
        <v>43174.583333333336</v>
      </c>
      <c r="Y1768">
        <v>298194.56290000002</v>
      </c>
      <c r="Z1768">
        <v>36706.650070000003</v>
      </c>
      <c r="AA1768">
        <v>93167.360339999999</v>
      </c>
      <c r="AB1768">
        <v>82931.506959999999</v>
      </c>
      <c r="AC1768">
        <v>53401.61879</v>
      </c>
      <c r="AD1768">
        <v>40765.375650000002</v>
      </c>
      <c r="AE1768">
        <v>39912.473740000001</v>
      </c>
      <c r="AF1768">
        <v>64676.707260000003</v>
      </c>
      <c r="AG1768">
        <v>29544.654460000002</v>
      </c>
      <c r="AH1768">
        <v>315093.62219999998</v>
      </c>
      <c r="AI1768">
        <v>101077.0863</v>
      </c>
      <c r="AJ1768">
        <v>28289.475259999999</v>
      </c>
      <c r="AK1768">
        <v>33927.663359999999</v>
      </c>
      <c r="AL1768">
        <v>93088.594079999995</v>
      </c>
      <c r="AM1768">
        <v>24398.365839999999</v>
      </c>
      <c r="AN1768">
        <v>112656.47440000001</v>
      </c>
      <c r="AO1768">
        <v>36008.211799999997</v>
      </c>
      <c r="AP1768">
        <v>24520.75332</v>
      </c>
    </row>
    <row r="1769" spans="2:42" x14ac:dyDescent="0.3">
      <c r="B1769">
        <v>61.158844834189487</v>
      </c>
      <c r="C1769" s="83">
        <v>43174.625</v>
      </c>
      <c r="D1769">
        <v>295792.21260000003</v>
      </c>
      <c r="E1769">
        <v>36395.30816</v>
      </c>
      <c r="F1769">
        <v>93825.50907</v>
      </c>
      <c r="G1769">
        <v>78649.276700000002</v>
      </c>
      <c r="H1769">
        <v>51882.717519999998</v>
      </c>
      <c r="I1769">
        <v>41357.543290000001</v>
      </c>
      <c r="J1769">
        <v>39772.52493</v>
      </c>
      <c r="K1769">
        <v>62356.791550000002</v>
      </c>
      <c r="L1769">
        <v>26564.721809999999</v>
      </c>
      <c r="M1769">
        <v>311816.31189999997</v>
      </c>
      <c r="N1769">
        <v>99116.211490000002</v>
      </c>
      <c r="O1769">
        <v>27348.264899999998</v>
      </c>
      <c r="P1769">
        <v>30884.21631</v>
      </c>
      <c r="Q1769">
        <v>91684.688020000001</v>
      </c>
      <c r="R1769">
        <v>23425.854469999998</v>
      </c>
      <c r="S1769">
        <v>109387.7307</v>
      </c>
      <c r="T1769">
        <v>35481.134680000003</v>
      </c>
      <c r="U1769">
        <v>23773.522529999998</v>
      </c>
      <c r="W1769" s="83">
        <f>Bühler!N1801</f>
        <v>45365.624999995714</v>
      </c>
      <c r="X1769" s="83">
        <v>43174.625</v>
      </c>
      <c r="Y1769">
        <v>295792.21260000003</v>
      </c>
      <c r="Z1769">
        <v>36395.30816</v>
      </c>
      <c r="AA1769">
        <v>93825.50907</v>
      </c>
      <c r="AB1769">
        <v>78649.276700000002</v>
      </c>
      <c r="AC1769">
        <v>51882.717519999998</v>
      </c>
      <c r="AD1769">
        <v>41357.543290000001</v>
      </c>
      <c r="AE1769">
        <v>39772.52493</v>
      </c>
      <c r="AF1769">
        <v>62356.791550000002</v>
      </c>
      <c r="AG1769">
        <v>26564.721809999999</v>
      </c>
      <c r="AH1769">
        <v>311816.31189999997</v>
      </c>
      <c r="AI1769">
        <v>99116.211490000002</v>
      </c>
      <c r="AJ1769">
        <v>27348.264899999998</v>
      </c>
      <c r="AK1769">
        <v>30884.21631</v>
      </c>
      <c r="AL1769">
        <v>91684.688020000001</v>
      </c>
      <c r="AM1769">
        <v>23425.854469999998</v>
      </c>
      <c r="AN1769">
        <v>109387.7307</v>
      </c>
      <c r="AO1769">
        <v>35481.134680000003</v>
      </c>
      <c r="AP1769">
        <v>23773.522529999998</v>
      </c>
    </row>
    <row r="1770" spans="2:42" x14ac:dyDescent="0.3">
      <c r="B1770">
        <v>59.752276619550798</v>
      </c>
      <c r="C1770" s="83">
        <v>43174.666666666664</v>
      </c>
      <c r="D1770">
        <v>288669.64020000002</v>
      </c>
      <c r="E1770">
        <v>35587.537909999999</v>
      </c>
      <c r="F1770">
        <v>93091.852299999999</v>
      </c>
      <c r="G1770">
        <v>74704.548190000001</v>
      </c>
      <c r="H1770">
        <v>50010.473389999999</v>
      </c>
      <c r="I1770">
        <v>43052.711510000001</v>
      </c>
      <c r="J1770">
        <v>38692.27809</v>
      </c>
      <c r="K1770">
        <v>58688.593289999997</v>
      </c>
      <c r="L1770">
        <v>24907.23588</v>
      </c>
      <c r="M1770">
        <v>304644.97120000003</v>
      </c>
      <c r="N1770">
        <v>96312.301519999994</v>
      </c>
      <c r="O1770">
        <v>26626.26211</v>
      </c>
      <c r="P1770">
        <v>31168.71586</v>
      </c>
      <c r="Q1770">
        <v>91221.898960000006</v>
      </c>
      <c r="R1770">
        <v>22315.18996</v>
      </c>
      <c r="S1770">
        <v>106690.183</v>
      </c>
      <c r="T1770">
        <v>34046.211770000002</v>
      </c>
      <c r="U1770">
        <v>22252.139480000002</v>
      </c>
      <c r="W1770" s="83">
        <f>Bühler!N1802</f>
        <v>45365.666666662379</v>
      </c>
      <c r="X1770" s="83">
        <v>43174.666666666664</v>
      </c>
      <c r="Y1770">
        <v>288669.64020000002</v>
      </c>
      <c r="Z1770">
        <v>35587.537909999999</v>
      </c>
      <c r="AA1770">
        <v>93091.852299999999</v>
      </c>
      <c r="AB1770">
        <v>74704.548190000001</v>
      </c>
      <c r="AC1770">
        <v>50010.473389999999</v>
      </c>
      <c r="AD1770">
        <v>43052.711510000001</v>
      </c>
      <c r="AE1770">
        <v>38692.27809</v>
      </c>
      <c r="AF1770">
        <v>58688.593289999997</v>
      </c>
      <c r="AG1770">
        <v>24907.23588</v>
      </c>
      <c r="AH1770">
        <v>304644.97120000003</v>
      </c>
      <c r="AI1770">
        <v>96312.301519999994</v>
      </c>
      <c r="AJ1770">
        <v>26626.26211</v>
      </c>
      <c r="AK1770">
        <v>31168.71586</v>
      </c>
      <c r="AL1770">
        <v>91221.898960000006</v>
      </c>
      <c r="AM1770">
        <v>22315.18996</v>
      </c>
      <c r="AN1770">
        <v>106690.183</v>
      </c>
      <c r="AO1770">
        <v>34046.211770000002</v>
      </c>
      <c r="AP1770">
        <v>22252.139480000002</v>
      </c>
    </row>
    <row r="1771" spans="2:42" x14ac:dyDescent="0.3">
      <c r="B1771">
        <v>58.490331562258888</v>
      </c>
      <c r="C1771" s="83">
        <v>43174.708333333336</v>
      </c>
      <c r="D1771">
        <v>278364.89480000001</v>
      </c>
      <c r="E1771">
        <v>33426.011109999999</v>
      </c>
      <c r="F1771">
        <v>92132.59547</v>
      </c>
      <c r="G1771">
        <v>67048.673850000006</v>
      </c>
      <c r="H1771">
        <v>47901.617729999998</v>
      </c>
      <c r="I1771">
        <v>42449.640330000002</v>
      </c>
      <c r="J1771">
        <v>38162.21501</v>
      </c>
      <c r="K1771">
        <v>53989.920100000003</v>
      </c>
      <c r="L1771">
        <v>25216.180680000001</v>
      </c>
      <c r="M1771">
        <v>298210.98680000001</v>
      </c>
      <c r="N1771">
        <v>89250.257759999993</v>
      </c>
      <c r="O1771">
        <v>26068.136200000001</v>
      </c>
      <c r="P1771">
        <v>32617.783350000002</v>
      </c>
      <c r="Q1771">
        <v>89774.256689999995</v>
      </c>
      <c r="R1771">
        <v>23871.202659999999</v>
      </c>
      <c r="S1771">
        <v>104810.7518</v>
      </c>
      <c r="T1771">
        <v>34304.669800000003</v>
      </c>
      <c r="U1771">
        <v>20326.066510000001</v>
      </c>
      <c r="W1771" s="83">
        <f>Bühler!N1803</f>
        <v>45365.708333329043</v>
      </c>
      <c r="X1771" s="83">
        <v>43174.708333333336</v>
      </c>
      <c r="Y1771">
        <v>278364.89480000001</v>
      </c>
      <c r="Z1771">
        <v>33426.011109999999</v>
      </c>
      <c r="AA1771">
        <v>92132.59547</v>
      </c>
      <c r="AB1771">
        <v>67048.673850000006</v>
      </c>
      <c r="AC1771">
        <v>47901.617729999998</v>
      </c>
      <c r="AD1771">
        <v>42449.640330000002</v>
      </c>
      <c r="AE1771">
        <v>38162.21501</v>
      </c>
      <c r="AF1771">
        <v>53989.920100000003</v>
      </c>
      <c r="AG1771">
        <v>25216.180680000001</v>
      </c>
      <c r="AH1771">
        <v>298210.98680000001</v>
      </c>
      <c r="AI1771">
        <v>89250.257759999993</v>
      </c>
      <c r="AJ1771">
        <v>26068.136200000001</v>
      </c>
      <c r="AK1771">
        <v>32617.783350000002</v>
      </c>
      <c r="AL1771">
        <v>89774.256689999995</v>
      </c>
      <c r="AM1771">
        <v>23871.202659999999</v>
      </c>
      <c r="AN1771">
        <v>104810.7518</v>
      </c>
      <c r="AO1771">
        <v>34304.669800000003</v>
      </c>
      <c r="AP1771">
        <v>20326.066510000001</v>
      </c>
    </row>
    <row r="1772" spans="2:42" x14ac:dyDescent="0.3">
      <c r="B1772">
        <v>57.265361329817488</v>
      </c>
      <c r="C1772" s="83">
        <v>43174.75</v>
      </c>
      <c r="D1772">
        <v>272460.45510000002</v>
      </c>
      <c r="E1772">
        <v>30874.363580000001</v>
      </c>
      <c r="F1772">
        <v>90640.732839999997</v>
      </c>
      <c r="G1772">
        <v>60483.241179999997</v>
      </c>
      <c r="H1772">
        <v>46532.045140000002</v>
      </c>
      <c r="I1772">
        <v>42299.195240000001</v>
      </c>
      <c r="J1772">
        <v>39705.524490000003</v>
      </c>
      <c r="K1772">
        <v>53081.174229999997</v>
      </c>
      <c r="L1772">
        <v>27271.729899999998</v>
      </c>
      <c r="M1772">
        <v>291965.51730000001</v>
      </c>
      <c r="N1772">
        <v>87184.568780000001</v>
      </c>
      <c r="O1772">
        <v>25624.797920000001</v>
      </c>
      <c r="P1772">
        <v>36971.822529999998</v>
      </c>
      <c r="Q1772">
        <v>88641.772400000002</v>
      </c>
      <c r="R1772">
        <v>21972.397629999999</v>
      </c>
      <c r="S1772">
        <v>99102.670570000002</v>
      </c>
      <c r="T1772">
        <v>35363.282659999997</v>
      </c>
      <c r="U1772">
        <v>19337.632819999999</v>
      </c>
      <c r="W1772" s="83">
        <f>Bühler!N1804</f>
        <v>45365.749999995707</v>
      </c>
      <c r="X1772" s="83">
        <v>43174.75</v>
      </c>
      <c r="Y1772">
        <v>272460.45510000002</v>
      </c>
      <c r="Z1772">
        <v>30874.363580000001</v>
      </c>
      <c r="AA1772">
        <v>90640.732839999997</v>
      </c>
      <c r="AB1772">
        <v>60483.241179999997</v>
      </c>
      <c r="AC1772">
        <v>46532.045140000002</v>
      </c>
      <c r="AD1772">
        <v>42299.195240000001</v>
      </c>
      <c r="AE1772">
        <v>39705.524490000003</v>
      </c>
      <c r="AF1772">
        <v>53081.174229999997</v>
      </c>
      <c r="AG1772">
        <v>27271.729899999998</v>
      </c>
      <c r="AH1772">
        <v>291965.51730000001</v>
      </c>
      <c r="AI1772">
        <v>87184.568780000001</v>
      </c>
      <c r="AJ1772">
        <v>25624.797920000001</v>
      </c>
      <c r="AK1772">
        <v>36971.822529999998</v>
      </c>
      <c r="AL1772">
        <v>88641.772400000002</v>
      </c>
      <c r="AM1772">
        <v>21972.397629999999</v>
      </c>
      <c r="AN1772">
        <v>99102.670570000002</v>
      </c>
      <c r="AO1772">
        <v>35363.282659999997</v>
      </c>
      <c r="AP1772">
        <v>19337.632819999999</v>
      </c>
    </row>
    <row r="1773" spans="2:42" x14ac:dyDescent="0.3">
      <c r="B1773">
        <v>56.153228657029231</v>
      </c>
      <c r="C1773" s="83">
        <v>43174.791666666664</v>
      </c>
      <c r="D1773">
        <v>266927.32929999998</v>
      </c>
      <c r="E1773">
        <v>26494.65739</v>
      </c>
      <c r="F1773">
        <v>80891.445760000002</v>
      </c>
      <c r="G1773">
        <v>58167.075879999997</v>
      </c>
      <c r="H1773">
        <v>46699.577980000002</v>
      </c>
      <c r="I1773">
        <v>40497.429929999998</v>
      </c>
      <c r="J1773">
        <v>42356.998529999997</v>
      </c>
      <c r="K1773">
        <v>51720.202340000003</v>
      </c>
      <c r="L1773">
        <v>29759.415290000001</v>
      </c>
      <c r="M1773">
        <v>286295.34629999998</v>
      </c>
      <c r="N1773">
        <v>86529.536550000004</v>
      </c>
      <c r="O1773">
        <v>25031.93836</v>
      </c>
      <c r="P1773">
        <v>40604.104420000003</v>
      </c>
      <c r="Q1773">
        <v>85767.687090000007</v>
      </c>
      <c r="R1773">
        <v>21766.69745</v>
      </c>
      <c r="S1773">
        <v>98370.467860000004</v>
      </c>
      <c r="T1773">
        <v>37327.445050000002</v>
      </c>
      <c r="U1773">
        <v>19336.004789999999</v>
      </c>
      <c r="W1773" s="83">
        <f>Bühler!N1805</f>
        <v>45365.791666662371</v>
      </c>
      <c r="X1773" s="83">
        <v>43174.791666666664</v>
      </c>
      <c r="Y1773">
        <v>266927.32929999998</v>
      </c>
      <c r="Z1773">
        <v>26494.65739</v>
      </c>
      <c r="AA1773">
        <v>80891.445760000002</v>
      </c>
      <c r="AB1773">
        <v>58167.075879999997</v>
      </c>
      <c r="AC1773">
        <v>46699.577980000002</v>
      </c>
      <c r="AD1773">
        <v>40497.429929999998</v>
      </c>
      <c r="AE1773">
        <v>42356.998529999997</v>
      </c>
      <c r="AF1773">
        <v>51720.202340000003</v>
      </c>
      <c r="AG1773">
        <v>29759.415290000001</v>
      </c>
      <c r="AH1773">
        <v>286295.34629999998</v>
      </c>
      <c r="AI1773">
        <v>86529.536550000004</v>
      </c>
      <c r="AJ1773">
        <v>25031.93836</v>
      </c>
      <c r="AK1773">
        <v>40604.104420000003</v>
      </c>
      <c r="AL1773">
        <v>85767.687090000007</v>
      </c>
      <c r="AM1773">
        <v>21766.69745</v>
      </c>
      <c r="AN1773">
        <v>98370.467860000004</v>
      </c>
      <c r="AO1773">
        <v>37327.445050000002</v>
      </c>
      <c r="AP1773">
        <v>19336.004789999999</v>
      </c>
    </row>
    <row r="1774" spans="2:42" x14ac:dyDescent="0.3">
      <c r="B1774">
        <v>54.312453594385552</v>
      </c>
      <c r="C1774" s="83">
        <v>43174.833333333336</v>
      </c>
      <c r="D1774">
        <v>258677.1378</v>
      </c>
      <c r="E1774">
        <v>20352.76773</v>
      </c>
      <c r="F1774">
        <v>62024.966110000001</v>
      </c>
      <c r="G1774">
        <v>51069.025450000001</v>
      </c>
      <c r="H1774">
        <v>43724.68389</v>
      </c>
      <c r="I1774">
        <v>35829.832190000001</v>
      </c>
      <c r="J1774">
        <v>41087.8992</v>
      </c>
      <c r="K1774">
        <v>49421.634310000001</v>
      </c>
      <c r="L1774">
        <v>29018.944790000001</v>
      </c>
      <c r="M1774">
        <v>276910.21659999999</v>
      </c>
      <c r="N1774">
        <v>84571.129780000003</v>
      </c>
      <c r="O1774">
        <v>24062.64918</v>
      </c>
      <c r="P1774">
        <v>41342.21759</v>
      </c>
      <c r="Q1774">
        <v>83963.116880000001</v>
      </c>
      <c r="R1774">
        <v>19851.00045</v>
      </c>
      <c r="S1774">
        <v>89293.617830000003</v>
      </c>
      <c r="T1774">
        <v>35510.042549999998</v>
      </c>
      <c r="U1774">
        <v>18108.835029999998</v>
      </c>
      <c r="W1774" s="83">
        <f>Bühler!N1806</f>
        <v>45365.833333329036</v>
      </c>
      <c r="X1774" s="83">
        <v>43174.833333333336</v>
      </c>
      <c r="Y1774">
        <v>258677.1378</v>
      </c>
      <c r="Z1774">
        <v>20352.76773</v>
      </c>
      <c r="AA1774">
        <v>62024.966110000001</v>
      </c>
      <c r="AB1774">
        <v>51069.025450000001</v>
      </c>
      <c r="AC1774">
        <v>43724.68389</v>
      </c>
      <c r="AD1774">
        <v>35829.832190000001</v>
      </c>
      <c r="AE1774">
        <v>41087.8992</v>
      </c>
      <c r="AF1774">
        <v>49421.634310000001</v>
      </c>
      <c r="AG1774">
        <v>29018.944790000001</v>
      </c>
      <c r="AH1774">
        <v>276910.21659999999</v>
      </c>
      <c r="AI1774">
        <v>84571.129780000003</v>
      </c>
      <c r="AJ1774">
        <v>24062.64918</v>
      </c>
      <c r="AK1774">
        <v>41342.21759</v>
      </c>
      <c r="AL1774">
        <v>83963.116880000001</v>
      </c>
      <c r="AM1774">
        <v>19851.00045</v>
      </c>
      <c r="AN1774">
        <v>89293.617830000003</v>
      </c>
      <c r="AO1774">
        <v>35510.042549999998</v>
      </c>
      <c r="AP1774">
        <v>18108.835029999998</v>
      </c>
    </row>
    <row r="1775" spans="2:42" x14ac:dyDescent="0.3">
      <c r="B1775">
        <v>52.499550109284847</v>
      </c>
      <c r="C1775" s="83">
        <v>43174.875</v>
      </c>
      <c r="D1775">
        <v>250816.3137</v>
      </c>
      <c r="E1775">
        <v>17510.277870000002</v>
      </c>
      <c r="F1775">
        <v>54048.275370000003</v>
      </c>
      <c r="G1775">
        <v>47437.977859999999</v>
      </c>
      <c r="H1775">
        <v>41201.54926</v>
      </c>
      <c r="I1775">
        <v>30323.69166</v>
      </c>
      <c r="J1775">
        <v>39534.450559999997</v>
      </c>
      <c r="K1775">
        <v>49799.901449999998</v>
      </c>
      <c r="L1775">
        <v>27298.87067</v>
      </c>
      <c r="M1775">
        <v>267667.18920000002</v>
      </c>
      <c r="N1775">
        <v>81367.672690000007</v>
      </c>
      <c r="O1775">
        <v>22478.509539999999</v>
      </c>
      <c r="P1775">
        <v>38507.13452</v>
      </c>
      <c r="Q1775">
        <v>82051.727669999993</v>
      </c>
      <c r="R1775">
        <v>18972.86491</v>
      </c>
      <c r="S1775">
        <v>83969.520499999999</v>
      </c>
      <c r="T1775">
        <v>32242.894779999999</v>
      </c>
      <c r="U1775">
        <v>16956.48389</v>
      </c>
      <c r="W1775" s="83">
        <f>Bühler!N1807</f>
        <v>45365.8749999957</v>
      </c>
      <c r="X1775" s="83">
        <v>43174.875</v>
      </c>
      <c r="Y1775">
        <v>250816.3137</v>
      </c>
      <c r="Z1775">
        <v>17510.277870000002</v>
      </c>
      <c r="AA1775">
        <v>54048.275370000003</v>
      </c>
      <c r="AB1775">
        <v>47437.977859999999</v>
      </c>
      <c r="AC1775">
        <v>41201.54926</v>
      </c>
      <c r="AD1775">
        <v>30323.69166</v>
      </c>
      <c r="AE1775">
        <v>39534.450559999997</v>
      </c>
      <c r="AF1775">
        <v>49799.901449999998</v>
      </c>
      <c r="AG1775">
        <v>27298.87067</v>
      </c>
      <c r="AH1775">
        <v>267667.18920000002</v>
      </c>
      <c r="AI1775">
        <v>81367.672690000007</v>
      </c>
      <c r="AJ1775">
        <v>22478.509539999999</v>
      </c>
      <c r="AK1775">
        <v>38507.13452</v>
      </c>
      <c r="AL1775">
        <v>82051.727669999993</v>
      </c>
      <c r="AM1775">
        <v>18972.86491</v>
      </c>
      <c r="AN1775">
        <v>83969.520499999999</v>
      </c>
      <c r="AO1775">
        <v>32242.894779999999</v>
      </c>
      <c r="AP1775">
        <v>16956.48389</v>
      </c>
    </row>
    <row r="1776" spans="2:42" x14ac:dyDescent="0.3">
      <c r="B1776">
        <v>52.439838427461083</v>
      </c>
      <c r="C1776" s="83">
        <v>43174.916666666664</v>
      </c>
      <c r="D1776">
        <v>250893.30369999999</v>
      </c>
      <c r="E1776">
        <v>16739.35498</v>
      </c>
      <c r="F1776">
        <v>51522.483959999998</v>
      </c>
      <c r="G1776">
        <v>44791.088230000001</v>
      </c>
      <c r="H1776">
        <v>40460.317170000002</v>
      </c>
      <c r="I1776">
        <v>29420.44368</v>
      </c>
      <c r="J1776">
        <v>38550.332620000001</v>
      </c>
      <c r="K1776">
        <v>52791.017480000002</v>
      </c>
      <c r="L1776">
        <v>24776.43375</v>
      </c>
      <c r="M1776">
        <v>267362.7512</v>
      </c>
      <c r="N1776">
        <v>81264.153090000007</v>
      </c>
      <c r="O1776">
        <v>22944.264309999999</v>
      </c>
      <c r="P1776">
        <v>41420.687120000002</v>
      </c>
      <c r="Q1776">
        <v>81235.857980000001</v>
      </c>
      <c r="R1776">
        <v>25501.87643</v>
      </c>
      <c r="S1776">
        <v>83056.190640000001</v>
      </c>
      <c r="T1776">
        <v>29156.90741</v>
      </c>
      <c r="U1776">
        <v>17934.53052</v>
      </c>
      <c r="W1776" s="83">
        <f>Bühler!N1808</f>
        <v>45365.916666662364</v>
      </c>
      <c r="X1776" s="83">
        <v>43174.916666666664</v>
      </c>
      <c r="Y1776">
        <v>250893.30369999999</v>
      </c>
      <c r="Z1776">
        <v>16739.35498</v>
      </c>
      <c r="AA1776">
        <v>51522.483959999998</v>
      </c>
      <c r="AB1776">
        <v>44791.088230000001</v>
      </c>
      <c r="AC1776">
        <v>40460.317170000002</v>
      </c>
      <c r="AD1776">
        <v>29420.44368</v>
      </c>
      <c r="AE1776">
        <v>38550.332620000001</v>
      </c>
      <c r="AF1776">
        <v>52791.017480000002</v>
      </c>
      <c r="AG1776">
        <v>24776.43375</v>
      </c>
      <c r="AH1776">
        <v>267362.7512</v>
      </c>
      <c r="AI1776">
        <v>81264.153090000007</v>
      </c>
      <c r="AJ1776">
        <v>22944.264309999999</v>
      </c>
      <c r="AK1776">
        <v>41420.687120000002</v>
      </c>
      <c r="AL1776">
        <v>81235.857980000001</v>
      </c>
      <c r="AM1776">
        <v>25501.87643</v>
      </c>
      <c r="AN1776">
        <v>83056.190640000001</v>
      </c>
      <c r="AO1776">
        <v>29156.90741</v>
      </c>
      <c r="AP1776">
        <v>17934.53052</v>
      </c>
    </row>
    <row r="1777" spans="2:42" x14ac:dyDescent="0.3">
      <c r="B1777">
        <v>51.125529133143033</v>
      </c>
      <c r="C1777" s="83">
        <v>43174.958333333336</v>
      </c>
      <c r="D1777">
        <v>251593.7016</v>
      </c>
      <c r="E1777">
        <v>16668.215990000001</v>
      </c>
      <c r="F1777">
        <v>49832.563179999997</v>
      </c>
      <c r="G1777">
        <v>43682.920510000004</v>
      </c>
      <c r="H1777">
        <v>39563.840239999998</v>
      </c>
      <c r="I1777">
        <v>28767.092260000001</v>
      </c>
      <c r="J1777">
        <v>35819.356599999999</v>
      </c>
      <c r="K1777">
        <v>52576.606070000002</v>
      </c>
      <c r="L1777">
        <v>21360.05531</v>
      </c>
      <c r="M1777">
        <v>260661.78950000001</v>
      </c>
      <c r="N1777">
        <v>80739.692129999996</v>
      </c>
      <c r="O1777">
        <v>22471.576260000002</v>
      </c>
      <c r="P1777">
        <v>36633.446799999998</v>
      </c>
      <c r="Q1777">
        <v>80323.916540000006</v>
      </c>
      <c r="R1777">
        <v>28018.100849999999</v>
      </c>
      <c r="S1777">
        <v>81234.944180000006</v>
      </c>
      <c r="T1777">
        <v>29688.858130000001</v>
      </c>
      <c r="U1777">
        <v>17346.757890000001</v>
      </c>
      <c r="W1777" s="83">
        <f>Bühler!N1809</f>
        <v>45365.958333329028</v>
      </c>
      <c r="X1777" s="83">
        <v>43174.958333333336</v>
      </c>
      <c r="Y1777">
        <v>251593.7016</v>
      </c>
      <c r="Z1777">
        <v>16668.215990000001</v>
      </c>
      <c r="AA1777">
        <v>49832.563179999997</v>
      </c>
      <c r="AB1777">
        <v>43682.920510000004</v>
      </c>
      <c r="AC1777">
        <v>39563.840239999998</v>
      </c>
      <c r="AD1777">
        <v>28767.092260000001</v>
      </c>
      <c r="AE1777">
        <v>35819.356599999999</v>
      </c>
      <c r="AF1777">
        <v>52576.606070000002</v>
      </c>
      <c r="AG1777">
        <v>21360.05531</v>
      </c>
      <c r="AH1777">
        <v>260661.78950000001</v>
      </c>
      <c r="AI1777">
        <v>80739.692129999996</v>
      </c>
      <c r="AJ1777">
        <v>22471.576260000002</v>
      </c>
      <c r="AK1777">
        <v>36633.446799999998</v>
      </c>
      <c r="AL1777">
        <v>80323.916540000006</v>
      </c>
      <c r="AM1777">
        <v>28018.100849999999</v>
      </c>
      <c r="AN1777">
        <v>81234.944180000006</v>
      </c>
      <c r="AO1777">
        <v>29688.858130000001</v>
      </c>
      <c r="AP1777">
        <v>17346.757890000001</v>
      </c>
    </row>
    <row r="1778" spans="2:42" x14ac:dyDescent="0.3">
      <c r="B1778">
        <v>50.898109195021938</v>
      </c>
      <c r="C1778" s="83">
        <v>43175</v>
      </c>
      <c r="D1778">
        <v>248258.85269999999</v>
      </c>
      <c r="E1778">
        <v>16109.499390000001</v>
      </c>
      <c r="F1778">
        <v>48825.464390000001</v>
      </c>
      <c r="G1778">
        <v>42831.678979999997</v>
      </c>
      <c r="H1778">
        <v>38973.623050000002</v>
      </c>
      <c r="I1778">
        <v>26224.530900000002</v>
      </c>
      <c r="J1778">
        <v>33858.396769999999</v>
      </c>
      <c r="K1778">
        <v>50691.5429</v>
      </c>
      <c r="L1778">
        <v>19645.844489999999</v>
      </c>
      <c r="M1778">
        <v>259502.2966</v>
      </c>
      <c r="N1778">
        <v>80527.835720000003</v>
      </c>
      <c r="O1778">
        <v>22437.843789999999</v>
      </c>
      <c r="P1778">
        <v>34545.489569999998</v>
      </c>
      <c r="Q1778">
        <v>81107.070519999994</v>
      </c>
      <c r="R1778">
        <v>24372.590110000001</v>
      </c>
      <c r="S1778">
        <v>81191.016359999994</v>
      </c>
      <c r="T1778">
        <v>28064.52346</v>
      </c>
      <c r="U1778">
        <v>17507.024710000002</v>
      </c>
      <c r="W1778" s="83">
        <f>Bühler!N1810</f>
        <v>45365.999999995693</v>
      </c>
      <c r="X1778" s="83">
        <v>43175</v>
      </c>
      <c r="Y1778">
        <v>248258.85269999999</v>
      </c>
      <c r="Z1778">
        <v>16109.499390000001</v>
      </c>
      <c r="AA1778">
        <v>48825.464390000001</v>
      </c>
      <c r="AB1778">
        <v>42831.678979999997</v>
      </c>
      <c r="AC1778">
        <v>38973.623050000002</v>
      </c>
      <c r="AD1778">
        <v>26224.530900000002</v>
      </c>
      <c r="AE1778">
        <v>33858.396769999999</v>
      </c>
      <c r="AF1778">
        <v>50691.5429</v>
      </c>
      <c r="AG1778">
        <v>19645.844489999999</v>
      </c>
      <c r="AH1778">
        <v>259502.2966</v>
      </c>
      <c r="AI1778">
        <v>80527.835720000003</v>
      </c>
      <c r="AJ1778">
        <v>22437.843789999999</v>
      </c>
      <c r="AK1778">
        <v>34545.489569999998</v>
      </c>
      <c r="AL1778">
        <v>81107.070519999994</v>
      </c>
      <c r="AM1778">
        <v>24372.590110000001</v>
      </c>
      <c r="AN1778">
        <v>81191.016359999994</v>
      </c>
      <c r="AO1778">
        <v>28064.52346</v>
      </c>
      <c r="AP1778">
        <v>17507.024710000002</v>
      </c>
    </row>
    <row r="1779" spans="2:42" x14ac:dyDescent="0.3">
      <c r="B1779">
        <v>51.495209420034371</v>
      </c>
      <c r="C1779" s="83">
        <v>43175.041666666664</v>
      </c>
      <c r="D1779">
        <v>248574.1403</v>
      </c>
      <c r="E1779">
        <v>16175.210779999999</v>
      </c>
      <c r="F1779">
        <v>49282.80012</v>
      </c>
      <c r="G1779">
        <v>42599.850639999997</v>
      </c>
      <c r="H1779">
        <v>38762.018889999999</v>
      </c>
      <c r="I1779">
        <v>21490.91504</v>
      </c>
      <c r="J1779">
        <v>33023.553449999999</v>
      </c>
      <c r="K1779">
        <v>49720.177689999997</v>
      </c>
      <c r="L1779">
        <v>18784.55027</v>
      </c>
      <c r="M1779">
        <v>262546.592</v>
      </c>
      <c r="N1779">
        <v>79859.312380000003</v>
      </c>
      <c r="O1779">
        <v>22608.356909999999</v>
      </c>
      <c r="P1779">
        <v>32911.838259999997</v>
      </c>
      <c r="Q1779">
        <v>82212.62745</v>
      </c>
      <c r="R1779">
        <v>22903.653139999999</v>
      </c>
      <c r="S1779">
        <v>80610.839930000002</v>
      </c>
      <c r="T1779">
        <v>27292.422040000001</v>
      </c>
      <c r="U1779">
        <v>17968.347669999999</v>
      </c>
      <c r="W1779" s="83">
        <f>Bühler!N1811</f>
        <v>45366.041666662357</v>
      </c>
      <c r="X1779" s="83">
        <v>43175.041666666664</v>
      </c>
      <c r="Y1779">
        <v>248574.1403</v>
      </c>
      <c r="Z1779">
        <v>16175.210779999999</v>
      </c>
      <c r="AA1779">
        <v>49282.80012</v>
      </c>
      <c r="AB1779">
        <v>42599.850639999997</v>
      </c>
      <c r="AC1779">
        <v>38762.018889999999</v>
      </c>
      <c r="AD1779">
        <v>21490.91504</v>
      </c>
      <c r="AE1779">
        <v>33023.553449999999</v>
      </c>
      <c r="AF1779">
        <v>49720.177689999997</v>
      </c>
      <c r="AG1779">
        <v>18784.55027</v>
      </c>
      <c r="AH1779">
        <v>262546.592</v>
      </c>
      <c r="AI1779">
        <v>79859.312380000003</v>
      </c>
      <c r="AJ1779">
        <v>22608.356909999999</v>
      </c>
      <c r="AK1779">
        <v>32911.838259999997</v>
      </c>
      <c r="AL1779">
        <v>82212.62745</v>
      </c>
      <c r="AM1779">
        <v>22903.653139999999</v>
      </c>
      <c r="AN1779">
        <v>80610.839930000002</v>
      </c>
      <c r="AO1779">
        <v>27292.422040000001</v>
      </c>
      <c r="AP1779">
        <v>17968.347669999999</v>
      </c>
    </row>
    <row r="1780" spans="2:42" x14ac:dyDescent="0.3">
      <c r="B1780">
        <v>51.347797424035647</v>
      </c>
      <c r="C1780" s="83">
        <v>43175.083333333336</v>
      </c>
      <c r="D1780">
        <v>246596.61859999999</v>
      </c>
      <c r="E1780">
        <v>16202.17958</v>
      </c>
      <c r="F1780">
        <v>50086.046240000003</v>
      </c>
      <c r="G1780">
        <v>42352.080679999999</v>
      </c>
      <c r="H1780">
        <v>38734.167249999999</v>
      </c>
      <c r="I1780">
        <v>19713.14977</v>
      </c>
      <c r="J1780">
        <v>32666.51484</v>
      </c>
      <c r="K1780">
        <v>48515.445160000003</v>
      </c>
      <c r="L1780">
        <v>18617.066409999999</v>
      </c>
      <c r="M1780">
        <v>261795.01689999999</v>
      </c>
      <c r="N1780">
        <v>79409.621429999999</v>
      </c>
      <c r="O1780">
        <v>22798.418570000002</v>
      </c>
      <c r="P1780">
        <v>32822.74826</v>
      </c>
      <c r="Q1780">
        <v>84513.342810000002</v>
      </c>
      <c r="R1780">
        <v>24394.445459999999</v>
      </c>
      <c r="S1780">
        <v>79771.645390000005</v>
      </c>
      <c r="T1780">
        <v>26795.953850000002</v>
      </c>
      <c r="U1780">
        <v>17878.421910000001</v>
      </c>
      <c r="W1780" s="83">
        <f>Bühler!N1812</f>
        <v>45366.083333329021</v>
      </c>
      <c r="X1780" s="83">
        <v>43175.083333333336</v>
      </c>
      <c r="Y1780">
        <v>246596.61859999999</v>
      </c>
      <c r="Z1780">
        <v>16202.17958</v>
      </c>
      <c r="AA1780">
        <v>50086.046240000003</v>
      </c>
      <c r="AB1780">
        <v>42352.080679999999</v>
      </c>
      <c r="AC1780">
        <v>38734.167249999999</v>
      </c>
      <c r="AD1780">
        <v>19713.14977</v>
      </c>
      <c r="AE1780">
        <v>32666.51484</v>
      </c>
      <c r="AF1780">
        <v>48515.445160000003</v>
      </c>
      <c r="AG1780">
        <v>18617.066409999999</v>
      </c>
      <c r="AH1780">
        <v>261795.01689999999</v>
      </c>
      <c r="AI1780">
        <v>79409.621429999999</v>
      </c>
      <c r="AJ1780">
        <v>22798.418570000002</v>
      </c>
      <c r="AK1780">
        <v>32822.74826</v>
      </c>
      <c r="AL1780">
        <v>84513.342810000002</v>
      </c>
      <c r="AM1780">
        <v>24394.445459999999</v>
      </c>
      <c r="AN1780">
        <v>79771.645390000005</v>
      </c>
      <c r="AO1780">
        <v>26795.953850000002</v>
      </c>
      <c r="AP1780">
        <v>17878.421910000001</v>
      </c>
    </row>
    <row r="1781" spans="2:42" x14ac:dyDescent="0.3">
      <c r="B1781">
        <v>51.247625084797626</v>
      </c>
      <c r="C1781" s="83">
        <v>43175.125</v>
      </c>
      <c r="D1781">
        <v>249742.89060000001</v>
      </c>
      <c r="E1781">
        <v>16418.912820000001</v>
      </c>
      <c r="F1781">
        <v>51865.915549999998</v>
      </c>
      <c r="G1781">
        <v>41490.796060000001</v>
      </c>
      <c r="H1781">
        <v>38934.584730000002</v>
      </c>
      <c r="I1781">
        <v>19597.90739</v>
      </c>
      <c r="J1781">
        <v>33549.335619999998</v>
      </c>
      <c r="K1781">
        <v>46378.584470000002</v>
      </c>
      <c r="L1781">
        <v>18672.224419999999</v>
      </c>
      <c r="M1781">
        <v>261284.2916</v>
      </c>
      <c r="N1781">
        <v>79049.245410000003</v>
      </c>
      <c r="O1781">
        <v>23300.473020000001</v>
      </c>
      <c r="P1781">
        <v>32474.35887</v>
      </c>
      <c r="Q1781">
        <v>86305.446800000005</v>
      </c>
      <c r="R1781">
        <v>24583.22825</v>
      </c>
      <c r="S1781">
        <v>79062.374899999995</v>
      </c>
      <c r="T1781">
        <v>26796.577860000001</v>
      </c>
      <c r="U1781">
        <v>18221.729220000001</v>
      </c>
      <c r="W1781" s="83">
        <f>Bühler!N1813</f>
        <v>45366.124999995685</v>
      </c>
      <c r="X1781" s="83">
        <v>43175.125</v>
      </c>
      <c r="Y1781">
        <v>249742.89060000001</v>
      </c>
      <c r="Z1781">
        <v>16418.912820000001</v>
      </c>
      <c r="AA1781">
        <v>51865.915549999998</v>
      </c>
      <c r="AB1781">
        <v>41490.796060000001</v>
      </c>
      <c r="AC1781">
        <v>38934.584730000002</v>
      </c>
      <c r="AD1781">
        <v>19597.90739</v>
      </c>
      <c r="AE1781">
        <v>33549.335619999998</v>
      </c>
      <c r="AF1781">
        <v>46378.584470000002</v>
      </c>
      <c r="AG1781">
        <v>18672.224419999999</v>
      </c>
      <c r="AH1781">
        <v>261284.2916</v>
      </c>
      <c r="AI1781">
        <v>79049.245410000003</v>
      </c>
      <c r="AJ1781">
        <v>23300.473020000001</v>
      </c>
      <c r="AK1781">
        <v>32474.35887</v>
      </c>
      <c r="AL1781">
        <v>86305.446800000005</v>
      </c>
      <c r="AM1781">
        <v>24583.22825</v>
      </c>
      <c r="AN1781">
        <v>79062.374899999995</v>
      </c>
      <c r="AO1781">
        <v>26796.577860000001</v>
      </c>
      <c r="AP1781">
        <v>18221.729220000001</v>
      </c>
    </row>
    <row r="1782" spans="2:42" x14ac:dyDescent="0.3">
      <c r="B1782">
        <v>52.181141554413941</v>
      </c>
      <c r="C1782" s="83">
        <v>43175.166666666664</v>
      </c>
      <c r="D1782">
        <v>251178.68770000001</v>
      </c>
      <c r="E1782">
        <v>17018.029869999998</v>
      </c>
      <c r="F1782">
        <v>55606.004209999999</v>
      </c>
      <c r="G1782">
        <v>41706.131520000003</v>
      </c>
      <c r="H1782">
        <v>39517.729169999999</v>
      </c>
      <c r="I1782">
        <v>22394.199359999999</v>
      </c>
      <c r="J1782">
        <v>35717.963150000003</v>
      </c>
      <c r="K1782">
        <v>45650.825109999998</v>
      </c>
      <c r="L1782">
        <v>18526.547890000002</v>
      </c>
      <c r="M1782">
        <v>266043.79389999999</v>
      </c>
      <c r="N1782">
        <v>78371.029909999997</v>
      </c>
      <c r="O1782">
        <v>23489.99986</v>
      </c>
      <c r="P1782">
        <v>31602.005399999998</v>
      </c>
      <c r="Q1782">
        <v>89777.851209999993</v>
      </c>
      <c r="R1782">
        <v>24985.701209999999</v>
      </c>
      <c r="S1782">
        <v>80365.949170000007</v>
      </c>
      <c r="T1782">
        <v>26825.832719999999</v>
      </c>
      <c r="U1782">
        <v>18867.221959999999</v>
      </c>
      <c r="W1782" s="83">
        <f>Bühler!N1814</f>
        <v>45366.16666666235</v>
      </c>
      <c r="X1782" s="83">
        <v>43175.166666666664</v>
      </c>
      <c r="Y1782">
        <v>251178.68770000001</v>
      </c>
      <c r="Z1782">
        <v>17018.029869999998</v>
      </c>
      <c r="AA1782">
        <v>55606.004209999999</v>
      </c>
      <c r="AB1782">
        <v>41706.131520000003</v>
      </c>
      <c r="AC1782">
        <v>39517.729169999999</v>
      </c>
      <c r="AD1782">
        <v>22394.199359999999</v>
      </c>
      <c r="AE1782">
        <v>35717.963150000003</v>
      </c>
      <c r="AF1782">
        <v>45650.825109999998</v>
      </c>
      <c r="AG1782">
        <v>18526.547890000002</v>
      </c>
      <c r="AH1782">
        <v>266043.79389999999</v>
      </c>
      <c r="AI1782">
        <v>78371.029909999997</v>
      </c>
      <c r="AJ1782">
        <v>23489.99986</v>
      </c>
      <c r="AK1782">
        <v>31602.005399999998</v>
      </c>
      <c r="AL1782">
        <v>89777.851209999993</v>
      </c>
      <c r="AM1782">
        <v>24985.701209999999</v>
      </c>
      <c r="AN1782">
        <v>80365.949170000007</v>
      </c>
      <c r="AO1782">
        <v>26825.832719999999</v>
      </c>
      <c r="AP1782">
        <v>18867.221959999999</v>
      </c>
    </row>
    <row r="1783" spans="2:42" x14ac:dyDescent="0.3">
      <c r="B1783">
        <v>55.087684386334644</v>
      </c>
      <c r="C1783" s="83">
        <v>43175.208333333336</v>
      </c>
      <c r="D1783">
        <v>265373.03529999999</v>
      </c>
      <c r="E1783">
        <v>18929.820110000001</v>
      </c>
      <c r="F1783">
        <v>65985.748340000006</v>
      </c>
      <c r="G1783">
        <v>44683.66272</v>
      </c>
      <c r="H1783">
        <v>41921.042970000002</v>
      </c>
      <c r="I1783">
        <v>32232.511879999998</v>
      </c>
      <c r="J1783">
        <v>38747.630250000002</v>
      </c>
      <c r="K1783">
        <v>46486.890570000003</v>
      </c>
      <c r="L1783">
        <v>19143.140500000001</v>
      </c>
      <c r="M1783">
        <v>280862.7047</v>
      </c>
      <c r="N1783">
        <v>79419.768840000004</v>
      </c>
      <c r="O1783">
        <v>24461.536349999998</v>
      </c>
      <c r="P1783">
        <v>32631.897779999999</v>
      </c>
      <c r="Q1783">
        <v>91978.937380000003</v>
      </c>
      <c r="R1783">
        <v>27561.80299</v>
      </c>
      <c r="S1783">
        <v>83452.527279999995</v>
      </c>
      <c r="T1783">
        <v>28760.517169999999</v>
      </c>
      <c r="U1783">
        <v>20598.882460000001</v>
      </c>
      <c r="W1783" s="83">
        <f>Bühler!N1815</f>
        <v>45366.208333329014</v>
      </c>
      <c r="X1783" s="83">
        <v>43175.208333333336</v>
      </c>
      <c r="Y1783">
        <v>265373.03529999999</v>
      </c>
      <c r="Z1783">
        <v>18929.820110000001</v>
      </c>
      <c r="AA1783">
        <v>65985.748340000006</v>
      </c>
      <c r="AB1783">
        <v>44683.66272</v>
      </c>
      <c r="AC1783">
        <v>41921.042970000002</v>
      </c>
      <c r="AD1783">
        <v>32232.511879999998</v>
      </c>
      <c r="AE1783">
        <v>38747.630250000002</v>
      </c>
      <c r="AF1783">
        <v>46486.890570000003</v>
      </c>
      <c r="AG1783">
        <v>19143.140500000001</v>
      </c>
      <c r="AH1783">
        <v>280862.7047</v>
      </c>
      <c r="AI1783">
        <v>79419.768840000004</v>
      </c>
      <c r="AJ1783">
        <v>24461.536349999998</v>
      </c>
      <c r="AK1783">
        <v>32631.897779999999</v>
      </c>
      <c r="AL1783">
        <v>91978.937380000003</v>
      </c>
      <c r="AM1783">
        <v>27561.80299</v>
      </c>
      <c r="AN1783">
        <v>83452.527279999995</v>
      </c>
      <c r="AO1783">
        <v>28760.517169999999</v>
      </c>
      <c r="AP1783">
        <v>20598.882460000001</v>
      </c>
    </row>
    <row r="1784" spans="2:42" x14ac:dyDescent="0.3">
      <c r="B1784">
        <v>58.863051253347621</v>
      </c>
      <c r="C1784" s="83">
        <v>43175.25</v>
      </c>
      <c r="D1784">
        <v>280210.58059999999</v>
      </c>
      <c r="E1784">
        <v>23531.084739999998</v>
      </c>
      <c r="F1784">
        <v>77581.8266</v>
      </c>
      <c r="G1784">
        <v>58766.80773</v>
      </c>
      <c r="H1784">
        <v>45459.460079999997</v>
      </c>
      <c r="I1784">
        <v>41944.938499999997</v>
      </c>
      <c r="J1784">
        <v>42918.062790000004</v>
      </c>
      <c r="K1784">
        <v>49234.712299999999</v>
      </c>
      <c r="L1784">
        <v>21031.784060000002</v>
      </c>
      <c r="M1784">
        <v>300111.2856</v>
      </c>
      <c r="N1784">
        <v>82701.694539999997</v>
      </c>
      <c r="O1784">
        <v>25968.44829</v>
      </c>
      <c r="P1784">
        <v>33199.166069999999</v>
      </c>
      <c r="Q1784">
        <v>93568.105750000002</v>
      </c>
      <c r="R1784">
        <v>19939.659739999999</v>
      </c>
      <c r="S1784">
        <v>92385.831399999995</v>
      </c>
      <c r="T1784">
        <v>31502.10757</v>
      </c>
      <c r="U1784">
        <v>22067.72351</v>
      </c>
      <c r="W1784" s="83">
        <f>Bühler!N1816</f>
        <v>45366.249999995678</v>
      </c>
      <c r="X1784" s="83">
        <v>43175.25</v>
      </c>
      <c r="Y1784">
        <v>280210.58059999999</v>
      </c>
      <c r="Z1784">
        <v>23531.084739999998</v>
      </c>
      <c r="AA1784">
        <v>77581.8266</v>
      </c>
      <c r="AB1784">
        <v>58766.80773</v>
      </c>
      <c r="AC1784">
        <v>45459.460079999997</v>
      </c>
      <c r="AD1784">
        <v>41944.938499999997</v>
      </c>
      <c r="AE1784">
        <v>42918.062790000004</v>
      </c>
      <c r="AF1784">
        <v>49234.712299999999</v>
      </c>
      <c r="AG1784">
        <v>21031.784060000002</v>
      </c>
      <c r="AH1784">
        <v>300111.2856</v>
      </c>
      <c r="AI1784">
        <v>82701.694539999997</v>
      </c>
      <c r="AJ1784">
        <v>25968.44829</v>
      </c>
      <c r="AK1784">
        <v>33199.166069999999</v>
      </c>
      <c r="AL1784">
        <v>93568.105750000002</v>
      </c>
      <c r="AM1784">
        <v>19939.659739999999</v>
      </c>
      <c r="AN1784">
        <v>92385.831399999995</v>
      </c>
      <c r="AO1784">
        <v>31502.10757</v>
      </c>
      <c r="AP1784">
        <v>22067.72351</v>
      </c>
    </row>
    <row r="1785" spans="2:42" x14ac:dyDescent="0.3">
      <c r="B1785">
        <v>60.370178060632313</v>
      </c>
      <c r="C1785" s="83">
        <v>43175.291666666664</v>
      </c>
      <c r="D1785">
        <v>292838.3591</v>
      </c>
      <c r="E1785">
        <v>28270.86292</v>
      </c>
      <c r="F1785">
        <v>80441.638049999994</v>
      </c>
      <c r="G1785">
        <v>71734.420079999996</v>
      </c>
      <c r="H1785">
        <v>49918.779390000003</v>
      </c>
      <c r="I1785">
        <v>52318.139990000003</v>
      </c>
      <c r="J1785">
        <v>43176.022689999998</v>
      </c>
      <c r="K1785">
        <v>54629.527190000001</v>
      </c>
      <c r="L1785">
        <v>23684.868579999998</v>
      </c>
      <c r="M1785">
        <v>307795.32089999999</v>
      </c>
      <c r="N1785">
        <v>87494.354609999995</v>
      </c>
      <c r="O1785">
        <v>28775.536899999999</v>
      </c>
      <c r="P1785">
        <v>36903.15365</v>
      </c>
      <c r="Q1785">
        <v>93014.115130000006</v>
      </c>
      <c r="R1785">
        <v>19868.993460000002</v>
      </c>
      <c r="S1785">
        <v>105592.9996</v>
      </c>
      <c r="T1785">
        <v>33549.89776</v>
      </c>
      <c r="U1785">
        <v>26171.969519999999</v>
      </c>
      <c r="W1785" s="83">
        <f>Bühler!N1817</f>
        <v>45366.291666662342</v>
      </c>
      <c r="X1785" s="83">
        <v>43175.291666666664</v>
      </c>
      <c r="Y1785">
        <v>292838.3591</v>
      </c>
      <c r="Z1785">
        <v>28270.86292</v>
      </c>
      <c r="AA1785">
        <v>80441.638049999994</v>
      </c>
      <c r="AB1785">
        <v>71734.420079999996</v>
      </c>
      <c r="AC1785">
        <v>49918.779390000003</v>
      </c>
      <c r="AD1785">
        <v>52318.139990000003</v>
      </c>
      <c r="AE1785">
        <v>43176.022689999998</v>
      </c>
      <c r="AF1785">
        <v>54629.527190000001</v>
      </c>
      <c r="AG1785">
        <v>23684.868579999998</v>
      </c>
      <c r="AH1785">
        <v>307795.32089999999</v>
      </c>
      <c r="AI1785">
        <v>87494.354609999995</v>
      </c>
      <c r="AJ1785">
        <v>28775.536899999999</v>
      </c>
      <c r="AK1785">
        <v>36903.15365</v>
      </c>
      <c r="AL1785">
        <v>93014.115130000006</v>
      </c>
      <c r="AM1785">
        <v>19868.993460000002</v>
      </c>
      <c r="AN1785">
        <v>105592.9996</v>
      </c>
      <c r="AO1785">
        <v>33549.89776</v>
      </c>
      <c r="AP1785">
        <v>26171.969519999999</v>
      </c>
    </row>
    <row r="1786" spans="2:42" x14ac:dyDescent="0.3">
      <c r="B1786">
        <v>60.972750048745432</v>
      </c>
      <c r="C1786" s="83">
        <v>43175.333333333336</v>
      </c>
      <c r="D1786">
        <v>302401.3725</v>
      </c>
      <c r="E1786">
        <v>34430.115189999997</v>
      </c>
      <c r="F1786">
        <v>86897.063500000004</v>
      </c>
      <c r="G1786">
        <v>86561.898870000005</v>
      </c>
      <c r="H1786">
        <v>55343.6371</v>
      </c>
      <c r="I1786">
        <v>53534.632519999999</v>
      </c>
      <c r="J1786">
        <v>44405.101419999999</v>
      </c>
      <c r="K1786">
        <v>59647.252480000003</v>
      </c>
      <c r="L1786">
        <v>26544.460179999998</v>
      </c>
      <c r="M1786">
        <v>310867.51390000002</v>
      </c>
      <c r="N1786">
        <v>93563.598790000004</v>
      </c>
      <c r="O1786">
        <v>29920.196970000001</v>
      </c>
      <c r="P1786">
        <v>39166.613669999999</v>
      </c>
      <c r="Q1786">
        <v>93529.471090000006</v>
      </c>
      <c r="R1786">
        <v>22808.93189</v>
      </c>
      <c r="S1786">
        <v>118086.49099999999</v>
      </c>
      <c r="T1786">
        <v>36241.041510000003</v>
      </c>
      <c r="U1786">
        <v>28654.982840000001</v>
      </c>
      <c r="W1786" s="83">
        <f>Bühler!N1818</f>
        <v>45366.333333329007</v>
      </c>
      <c r="X1786" s="83">
        <v>43175.333333333336</v>
      </c>
      <c r="Y1786">
        <v>302401.3725</v>
      </c>
      <c r="Z1786">
        <v>34430.115189999997</v>
      </c>
      <c r="AA1786">
        <v>86897.063500000004</v>
      </c>
      <c r="AB1786">
        <v>86561.898870000005</v>
      </c>
      <c r="AC1786">
        <v>55343.6371</v>
      </c>
      <c r="AD1786">
        <v>53534.632519999999</v>
      </c>
      <c r="AE1786">
        <v>44405.101419999999</v>
      </c>
      <c r="AF1786">
        <v>59647.252480000003</v>
      </c>
      <c r="AG1786">
        <v>26544.460179999998</v>
      </c>
      <c r="AH1786">
        <v>310867.51390000002</v>
      </c>
      <c r="AI1786">
        <v>93563.598790000004</v>
      </c>
      <c r="AJ1786">
        <v>29920.196970000001</v>
      </c>
      <c r="AK1786">
        <v>39166.613669999999</v>
      </c>
      <c r="AL1786">
        <v>93529.471090000006</v>
      </c>
      <c r="AM1786">
        <v>22808.93189</v>
      </c>
      <c r="AN1786">
        <v>118086.49099999999</v>
      </c>
      <c r="AO1786">
        <v>36241.041510000003</v>
      </c>
      <c r="AP1786">
        <v>28654.982840000001</v>
      </c>
    </row>
    <row r="1787" spans="2:42" x14ac:dyDescent="0.3">
      <c r="B1787">
        <v>60.433045789573136</v>
      </c>
      <c r="C1787" s="83">
        <v>43175.375</v>
      </c>
      <c r="D1787">
        <v>301147.03289999999</v>
      </c>
      <c r="E1787">
        <v>38266.53817</v>
      </c>
      <c r="F1787">
        <v>94195.594599999997</v>
      </c>
      <c r="G1787">
        <v>95614.677970000004</v>
      </c>
      <c r="H1787">
        <v>56996.913849999997</v>
      </c>
      <c r="I1787">
        <v>48952.400029999997</v>
      </c>
      <c r="J1787">
        <v>44215.320769999998</v>
      </c>
      <c r="K1787">
        <v>62102.656199999998</v>
      </c>
      <c r="L1787">
        <v>29560.111850000001</v>
      </c>
      <c r="M1787">
        <v>308115.84989999997</v>
      </c>
      <c r="N1787">
        <v>100988.1979</v>
      </c>
      <c r="O1787">
        <v>29330.15367</v>
      </c>
      <c r="P1787">
        <v>40302.177470000002</v>
      </c>
      <c r="Q1787">
        <v>93704.289730000004</v>
      </c>
      <c r="R1787">
        <v>23610.430609999999</v>
      </c>
      <c r="S1787">
        <v>124334.79519999999</v>
      </c>
      <c r="T1787">
        <v>37838.664069999999</v>
      </c>
      <c r="U1787">
        <v>29119.485840000001</v>
      </c>
      <c r="W1787" s="83">
        <f>Bühler!N1819</f>
        <v>45366.374999995671</v>
      </c>
      <c r="X1787" s="83">
        <v>43175.375</v>
      </c>
      <c r="Y1787">
        <v>301147.03289999999</v>
      </c>
      <c r="Z1787">
        <v>38266.53817</v>
      </c>
      <c r="AA1787">
        <v>94195.594599999997</v>
      </c>
      <c r="AB1787">
        <v>95614.677970000004</v>
      </c>
      <c r="AC1787">
        <v>56996.913849999997</v>
      </c>
      <c r="AD1787">
        <v>48952.400029999997</v>
      </c>
      <c r="AE1787">
        <v>44215.320769999998</v>
      </c>
      <c r="AF1787">
        <v>62102.656199999998</v>
      </c>
      <c r="AG1787">
        <v>29560.111850000001</v>
      </c>
      <c r="AH1787">
        <v>308115.84989999997</v>
      </c>
      <c r="AI1787">
        <v>100988.1979</v>
      </c>
      <c r="AJ1787">
        <v>29330.15367</v>
      </c>
      <c r="AK1787">
        <v>40302.177470000002</v>
      </c>
      <c r="AL1787">
        <v>93704.289730000004</v>
      </c>
      <c r="AM1787">
        <v>23610.430609999999</v>
      </c>
      <c r="AN1787">
        <v>124334.79519999999</v>
      </c>
      <c r="AO1787">
        <v>37838.664069999999</v>
      </c>
      <c r="AP1787">
        <v>29119.485840000001</v>
      </c>
    </row>
    <row r="1788" spans="2:42" x14ac:dyDescent="0.3">
      <c r="B1788">
        <v>60.436367062847154</v>
      </c>
      <c r="C1788" s="83">
        <v>43175.416666666664</v>
      </c>
      <c r="D1788">
        <v>299336.42469999997</v>
      </c>
      <c r="E1788">
        <v>39227.163659999998</v>
      </c>
      <c r="F1788">
        <v>95227.187460000001</v>
      </c>
      <c r="G1788">
        <v>95759.805800000002</v>
      </c>
      <c r="H1788">
        <v>56940.398099999999</v>
      </c>
      <c r="I1788">
        <v>45129.54853</v>
      </c>
      <c r="J1788">
        <v>42596.050869999999</v>
      </c>
      <c r="K1788">
        <v>62817.464010000003</v>
      </c>
      <c r="L1788">
        <v>31984.18649</v>
      </c>
      <c r="M1788">
        <v>308132.78330000001</v>
      </c>
      <c r="N1788">
        <v>103958.06</v>
      </c>
      <c r="O1788">
        <v>29553.57879</v>
      </c>
      <c r="P1788">
        <v>39682.635000000002</v>
      </c>
      <c r="Q1788">
        <v>93204.662049999999</v>
      </c>
      <c r="R1788">
        <v>24027.756430000001</v>
      </c>
      <c r="S1788">
        <v>123374.3979</v>
      </c>
      <c r="T1788">
        <v>38700.088309999999</v>
      </c>
      <c r="U1788">
        <v>28035.196510000002</v>
      </c>
      <c r="W1788" s="83">
        <f>Bühler!N1820</f>
        <v>45366.416666662335</v>
      </c>
      <c r="X1788" s="83">
        <v>43175.416666666664</v>
      </c>
      <c r="Y1788">
        <v>299336.42469999997</v>
      </c>
      <c r="Z1788">
        <v>39227.163659999998</v>
      </c>
      <c r="AA1788">
        <v>95227.187460000001</v>
      </c>
      <c r="AB1788">
        <v>95759.805800000002</v>
      </c>
      <c r="AC1788">
        <v>56940.398099999999</v>
      </c>
      <c r="AD1788">
        <v>45129.54853</v>
      </c>
      <c r="AE1788">
        <v>42596.050869999999</v>
      </c>
      <c r="AF1788">
        <v>62817.464010000003</v>
      </c>
      <c r="AG1788">
        <v>31984.18649</v>
      </c>
      <c r="AH1788">
        <v>308132.78330000001</v>
      </c>
      <c r="AI1788">
        <v>103958.06</v>
      </c>
      <c r="AJ1788">
        <v>29553.57879</v>
      </c>
      <c r="AK1788">
        <v>39682.635000000002</v>
      </c>
      <c r="AL1788">
        <v>93204.662049999999</v>
      </c>
      <c r="AM1788">
        <v>24027.756430000001</v>
      </c>
      <c r="AN1788">
        <v>123374.3979</v>
      </c>
      <c r="AO1788">
        <v>38700.088309999999</v>
      </c>
      <c r="AP1788">
        <v>28035.196510000002</v>
      </c>
    </row>
    <row r="1789" spans="2:42" x14ac:dyDescent="0.3">
      <c r="B1789">
        <v>60.26238882301832</v>
      </c>
      <c r="C1789" s="83">
        <v>43175.458333333336</v>
      </c>
      <c r="D1789">
        <v>296970.70079999999</v>
      </c>
      <c r="E1789">
        <v>38686.06611</v>
      </c>
      <c r="F1789">
        <v>95417.607059999995</v>
      </c>
      <c r="G1789">
        <v>93338.650080000007</v>
      </c>
      <c r="H1789">
        <v>55563.80775</v>
      </c>
      <c r="I1789">
        <v>44276.49568</v>
      </c>
      <c r="J1789">
        <v>41881.63637</v>
      </c>
      <c r="K1789">
        <v>63305.649770000004</v>
      </c>
      <c r="L1789">
        <v>33201.403530000003</v>
      </c>
      <c r="M1789">
        <v>307245.7611</v>
      </c>
      <c r="N1789">
        <v>103275.51360000001</v>
      </c>
      <c r="O1789">
        <v>28545.409469999999</v>
      </c>
      <c r="P1789">
        <v>38224.208070000001</v>
      </c>
      <c r="Q1789">
        <v>92867.548200000005</v>
      </c>
      <c r="R1789">
        <v>25767.899229999999</v>
      </c>
      <c r="S1789">
        <v>124372.81969999999</v>
      </c>
      <c r="T1789">
        <v>38181.678140000004</v>
      </c>
      <c r="U1789">
        <v>26773.390309999999</v>
      </c>
      <c r="W1789" s="83">
        <f>Bühler!N1821</f>
        <v>45366.458333328999</v>
      </c>
      <c r="X1789" s="83">
        <v>43175.458333333336</v>
      </c>
      <c r="Y1789">
        <v>296970.70079999999</v>
      </c>
      <c r="Z1789">
        <v>38686.06611</v>
      </c>
      <c r="AA1789">
        <v>95417.607059999995</v>
      </c>
      <c r="AB1789">
        <v>93338.650080000007</v>
      </c>
      <c r="AC1789">
        <v>55563.80775</v>
      </c>
      <c r="AD1789">
        <v>44276.49568</v>
      </c>
      <c r="AE1789">
        <v>41881.63637</v>
      </c>
      <c r="AF1789">
        <v>63305.649770000004</v>
      </c>
      <c r="AG1789">
        <v>33201.403530000003</v>
      </c>
      <c r="AH1789">
        <v>307245.7611</v>
      </c>
      <c r="AI1789">
        <v>103275.51360000001</v>
      </c>
      <c r="AJ1789">
        <v>28545.409469999999</v>
      </c>
      <c r="AK1789">
        <v>38224.208070000001</v>
      </c>
      <c r="AL1789">
        <v>92867.548200000005</v>
      </c>
      <c r="AM1789">
        <v>25767.899229999999</v>
      </c>
      <c r="AN1789">
        <v>124372.81969999999</v>
      </c>
      <c r="AO1789">
        <v>38181.678140000004</v>
      </c>
      <c r="AP1789">
        <v>26773.390309999999</v>
      </c>
    </row>
    <row r="1790" spans="2:42" x14ac:dyDescent="0.3">
      <c r="B1790">
        <v>58.822743485047006</v>
      </c>
      <c r="C1790" s="83">
        <v>43175.5</v>
      </c>
      <c r="D1790">
        <v>282699.8027</v>
      </c>
      <c r="E1790">
        <v>34343.516080000001</v>
      </c>
      <c r="F1790">
        <v>94307.400020000001</v>
      </c>
      <c r="G1790">
        <v>91876.781900000002</v>
      </c>
      <c r="H1790">
        <v>52777.198420000001</v>
      </c>
      <c r="I1790">
        <v>41341.023430000001</v>
      </c>
      <c r="J1790">
        <v>41691.47466</v>
      </c>
      <c r="K1790">
        <v>59198.752379999998</v>
      </c>
      <c r="L1790">
        <v>35378.023520000002</v>
      </c>
      <c r="M1790">
        <v>299905.77779999998</v>
      </c>
      <c r="N1790">
        <v>99230.970019999993</v>
      </c>
      <c r="O1790">
        <v>27728.750700000001</v>
      </c>
      <c r="P1790">
        <v>39543.373420000004</v>
      </c>
      <c r="Q1790">
        <v>91374.421929999997</v>
      </c>
      <c r="R1790">
        <v>25273.618750000001</v>
      </c>
      <c r="S1790">
        <v>117094.727</v>
      </c>
      <c r="T1790">
        <v>38618.568639999998</v>
      </c>
      <c r="U1790">
        <v>22917.531620000002</v>
      </c>
      <c r="W1790" s="83">
        <f>Bühler!N1822</f>
        <v>45366.499999995664</v>
      </c>
      <c r="X1790" s="83">
        <v>43175.5</v>
      </c>
      <c r="Y1790">
        <v>282699.8027</v>
      </c>
      <c r="Z1790">
        <v>34343.516080000001</v>
      </c>
      <c r="AA1790">
        <v>94307.400020000001</v>
      </c>
      <c r="AB1790">
        <v>91876.781900000002</v>
      </c>
      <c r="AC1790">
        <v>52777.198420000001</v>
      </c>
      <c r="AD1790">
        <v>41341.023430000001</v>
      </c>
      <c r="AE1790">
        <v>41691.47466</v>
      </c>
      <c r="AF1790">
        <v>59198.752379999998</v>
      </c>
      <c r="AG1790">
        <v>35378.023520000002</v>
      </c>
      <c r="AH1790">
        <v>299905.77779999998</v>
      </c>
      <c r="AI1790">
        <v>99230.970019999993</v>
      </c>
      <c r="AJ1790">
        <v>27728.750700000001</v>
      </c>
      <c r="AK1790">
        <v>39543.373420000004</v>
      </c>
      <c r="AL1790">
        <v>91374.421929999997</v>
      </c>
      <c r="AM1790">
        <v>25273.618750000001</v>
      </c>
      <c r="AN1790">
        <v>117094.727</v>
      </c>
      <c r="AO1790">
        <v>38618.568639999998</v>
      </c>
      <c r="AP1790">
        <v>22917.531620000002</v>
      </c>
    </row>
    <row r="1791" spans="2:42" x14ac:dyDescent="0.3">
      <c r="B1791">
        <v>58.056729307830338</v>
      </c>
      <c r="C1791" s="83">
        <v>43175.541666666664</v>
      </c>
      <c r="D1791">
        <v>279806.77960000001</v>
      </c>
      <c r="E1791">
        <v>33599.08958</v>
      </c>
      <c r="F1791">
        <v>92967.778709999999</v>
      </c>
      <c r="G1791">
        <v>87015.942420000007</v>
      </c>
      <c r="H1791">
        <v>51654.02289</v>
      </c>
      <c r="I1791">
        <v>39199.458500000001</v>
      </c>
      <c r="J1791">
        <v>40373.842360000002</v>
      </c>
      <c r="K1791">
        <v>62292.040110000002</v>
      </c>
      <c r="L1791">
        <v>33805.641810000001</v>
      </c>
      <c r="M1791">
        <v>296000.28029999998</v>
      </c>
      <c r="N1791">
        <v>98625.863930000007</v>
      </c>
      <c r="O1791">
        <v>28003.972849999998</v>
      </c>
      <c r="P1791">
        <v>38258.96544</v>
      </c>
      <c r="Q1791">
        <v>89729.224589999998</v>
      </c>
      <c r="R1791">
        <v>24460.68102</v>
      </c>
      <c r="S1791">
        <v>116336.159</v>
      </c>
      <c r="T1791">
        <v>37133.941270000003</v>
      </c>
      <c r="U1791">
        <v>23210.496070000001</v>
      </c>
      <c r="W1791" s="83">
        <f>Bühler!N1823</f>
        <v>45366.541666662328</v>
      </c>
      <c r="X1791" s="83">
        <v>43175.541666666664</v>
      </c>
      <c r="Y1791">
        <v>279806.77960000001</v>
      </c>
      <c r="Z1791">
        <v>33599.08958</v>
      </c>
      <c r="AA1791">
        <v>92967.778709999999</v>
      </c>
      <c r="AB1791">
        <v>87015.942420000007</v>
      </c>
      <c r="AC1791">
        <v>51654.02289</v>
      </c>
      <c r="AD1791">
        <v>39199.458500000001</v>
      </c>
      <c r="AE1791">
        <v>40373.842360000002</v>
      </c>
      <c r="AF1791">
        <v>62292.040110000002</v>
      </c>
      <c r="AG1791">
        <v>33805.641810000001</v>
      </c>
      <c r="AH1791">
        <v>296000.28029999998</v>
      </c>
      <c r="AI1791">
        <v>98625.863930000007</v>
      </c>
      <c r="AJ1791">
        <v>28003.972849999998</v>
      </c>
      <c r="AK1791">
        <v>38258.96544</v>
      </c>
      <c r="AL1791">
        <v>89729.224589999998</v>
      </c>
      <c r="AM1791">
        <v>24460.68102</v>
      </c>
      <c r="AN1791">
        <v>116336.159</v>
      </c>
      <c r="AO1791">
        <v>37133.941270000003</v>
      </c>
      <c r="AP1791">
        <v>23210.496070000001</v>
      </c>
    </row>
    <row r="1792" spans="2:42" x14ac:dyDescent="0.3">
      <c r="B1792">
        <v>57.470807091296855</v>
      </c>
      <c r="C1792" s="83">
        <v>43175.583333333336</v>
      </c>
      <c r="D1792">
        <v>278762.88339999999</v>
      </c>
      <c r="E1792">
        <v>36074.35022</v>
      </c>
      <c r="F1792">
        <v>93992.095709999994</v>
      </c>
      <c r="G1792">
        <v>79502.675589999999</v>
      </c>
      <c r="H1792">
        <v>50923.715340000002</v>
      </c>
      <c r="I1792">
        <v>40306.281660000001</v>
      </c>
      <c r="J1792">
        <v>39978.964180000003</v>
      </c>
      <c r="K1792">
        <v>62574.633580000002</v>
      </c>
      <c r="L1792">
        <v>30477.86061</v>
      </c>
      <c r="M1792">
        <v>293012.97560000001</v>
      </c>
      <c r="N1792">
        <v>99102.022750000004</v>
      </c>
      <c r="O1792">
        <v>27407.81913</v>
      </c>
      <c r="P1792">
        <v>34693.342579999997</v>
      </c>
      <c r="Q1792">
        <v>87602.130550000002</v>
      </c>
      <c r="R1792">
        <v>23706.093130000001</v>
      </c>
      <c r="S1792">
        <v>110932.22319999999</v>
      </c>
      <c r="T1792">
        <v>35412.347300000001</v>
      </c>
      <c r="U1792">
        <v>23445.59994</v>
      </c>
      <c r="W1792" s="83">
        <f>Bühler!N1824</f>
        <v>45366.583333328992</v>
      </c>
      <c r="X1792" s="83">
        <v>43175.583333333336</v>
      </c>
      <c r="Y1792">
        <v>278762.88339999999</v>
      </c>
      <c r="Z1792">
        <v>36074.35022</v>
      </c>
      <c r="AA1792">
        <v>93992.095709999994</v>
      </c>
      <c r="AB1792">
        <v>79502.675589999999</v>
      </c>
      <c r="AC1792">
        <v>50923.715340000002</v>
      </c>
      <c r="AD1792">
        <v>40306.281660000001</v>
      </c>
      <c r="AE1792">
        <v>39978.964180000003</v>
      </c>
      <c r="AF1792">
        <v>62574.633580000002</v>
      </c>
      <c r="AG1792">
        <v>30477.86061</v>
      </c>
      <c r="AH1792">
        <v>293012.97560000001</v>
      </c>
      <c r="AI1792">
        <v>99102.022750000004</v>
      </c>
      <c r="AJ1792">
        <v>27407.81913</v>
      </c>
      <c r="AK1792">
        <v>34693.342579999997</v>
      </c>
      <c r="AL1792">
        <v>87602.130550000002</v>
      </c>
      <c r="AM1792">
        <v>23706.093130000001</v>
      </c>
      <c r="AN1792">
        <v>110932.22319999999</v>
      </c>
      <c r="AO1792">
        <v>35412.347300000001</v>
      </c>
      <c r="AP1792">
        <v>23445.59994</v>
      </c>
    </row>
    <row r="1793" spans="2:42" x14ac:dyDescent="0.3">
      <c r="B1793">
        <v>56.262759810624303</v>
      </c>
      <c r="C1793" s="83">
        <v>43175.625</v>
      </c>
      <c r="D1793">
        <v>272603.875</v>
      </c>
      <c r="E1793">
        <v>35438.41749</v>
      </c>
      <c r="F1793">
        <v>93965.844649999999</v>
      </c>
      <c r="G1793">
        <v>74280.584690000003</v>
      </c>
      <c r="H1793">
        <v>49006.828580000001</v>
      </c>
      <c r="I1793">
        <v>40667.827570000001</v>
      </c>
      <c r="J1793">
        <v>39566.224490000001</v>
      </c>
      <c r="K1793">
        <v>60452.129919999999</v>
      </c>
      <c r="L1793">
        <v>27164.72366</v>
      </c>
      <c r="M1793">
        <v>286853.78720000002</v>
      </c>
      <c r="N1793">
        <v>96652.895139999993</v>
      </c>
      <c r="O1793">
        <v>26557.162530000001</v>
      </c>
      <c r="P1793">
        <v>31556.525089999999</v>
      </c>
      <c r="Q1793">
        <v>86380.484169999996</v>
      </c>
      <c r="R1793">
        <v>23179.19742</v>
      </c>
      <c r="S1793">
        <v>107461.79949999999</v>
      </c>
      <c r="T1793">
        <v>33977.992420000002</v>
      </c>
      <c r="U1793">
        <v>21814.33757</v>
      </c>
      <c r="W1793" s="83">
        <f>Bühler!N1825</f>
        <v>45366.624999995656</v>
      </c>
      <c r="X1793" s="83">
        <v>43175.625</v>
      </c>
      <c r="Y1793">
        <v>272603.875</v>
      </c>
      <c r="Z1793">
        <v>35438.41749</v>
      </c>
      <c r="AA1793">
        <v>93965.844649999999</v>
      </c>
      <c r="AB1793">
        <v>74280.584690000003</v>
      </c>
      <c r="AC1793">
        <v>49006.828580000001</v>
      </c>
      <c r="AD1793">
        <v>40667.827570000001</v>
      </c>
      <c r="AE1793">
        <v>39566.224490000001</v>
      </c>
      <c r="AF1793">
        <v>60452.129919999999</v>
      </c>
      <c r="AG1793">
        <v>27164.72366</v>
      </c>
      <c r="AH1793">
        <v>286853.78720000002</v>
      </c>
      <c r="AI1793">
        <v>96652.895139999993</v>
      </c>
      <c r="AJ1793">
        <v>26557.162530000001</v>
      </c>
      <c r="AK1793">
        <v>31556.525089999999</v>
      </c>
      <c r="AL1793">
        <v>86380.484169999996</v>
      </c>
      <c r="AM1793">
        <v>23179.19742</v>
      </c>
      <c r="AN1793">
        <v>107461.79949999999</v>
      </c>
      <c r="AO1793">
        <v>33977.992420000002</v>
      </c>
      <c r="AP1793">
        <v>21814.33757</v>
      </c>
    </row>
    <row r="1794" spans="2:42" x14ac:dyDescent="0.3">
      <c r="B1794">
        <v>54.815758005534363</v>
      </c>
      <c r="C1794" s="83">
        <v>43175.666666666664</v>
      </c>
      <c r="D1794">
        <v>263147.2242</v>
      </c>
      <c r="E1794">
        <v>34127.162170000003</v>
      </c>
      <c r="F1794">
        <v>93130.39632</v>
      </c>
      <c r="G1794">
        <v>68163.706649999993</v>
      </c>
      <c r="H1794">
        <v>47292.61952</v>
      </c>
      <c r="I1794">
        <v>42056.457699999999</v>
      </c>
      <c r="J1794">
        <v>38917.405809999997</v>
      </c>
      <c r="K1794">
        <v>56259.291169999997</v>
      </c>
      <c r="L1794">
        <v>26163.298630000001</v>
      </c>
      <c r="M1794">
        <v>279476.29719999997</v>
      </c>
      <c r="N1794">
        <v>92843.207049999997</v>
      </c>
      <c r="O1794">
        <v>24999.42915</v>
      </c>
      <c r="P1794">
        <v>33054.06914</v>
      </c>
      <c r="Q1794">
        <v>85120.968940000006</v>
      </c>
      <c r="R1794">
        <v>22824.452399999998</v>
      </c>
      <c r="S1794">
        <v>104099.4785</v>
      </c>
      <c r="T1794">
        <v>33577.916400000002</v>
      </c>
      <c r="U1794">
        <v>19770.964739999999</v>
      </c>
      <c r="W1794" s="83">
        <f>Bühler!N1826</f>
        <v>45366.66666666232</v>
      </c>
      <c r="X1794" s="83">
        <v>43175.666666666664</v>
      </c>
      <c r="Y1794">
        <v>263147.2242</v>
      </c>
      <c r="Z1794">
        <v>34127.162170000003</v>
      </c>
      <c r="AA1794">
        <v>93130.39632</v>
      </c>
      <c r="AB1794">
        <v>68163.706649999993</v>
      </c>
      <c r="AC1794">
        <v>47292.61952</v>
      </c>
      <c r="AD1794">
        <v>42056.457699999999</v>
      </c>
      <c r="AE1794">
        <v>38917.405809999997</v>
      </c>
      <c r="AF1794">
        <v>56259.291169999997</v>
      </c>
      <c r="AG1794">
        <v>26163.298630000001</v>
      </c>
      <c r="AH1794">
        <v>279476.29719999997</v>
      </c>
      <c r="AI1794">
        <v>92843.207049999997</v>
      </c>
      <c r="AJ1794">
        <v>24999.42915</v>
      </c>
      <c r="AK1794">
        <v>33054.06914</v>
      </c>
      <c r="AL1794">
        <v>85120.968940000006</v>
      </c>
      <c r="AM1794">
        <v>22824.452399999998</v>
      </c>
      <c r="AN1794">
        <v>104099.4785</v>
      </c>
      <c r="AO1794">
        <v>33577.916400000002</v>
      </c>
      <c r="AP1794">
        <v>19770.964739999999</v>
      </c>
    </row>
    <row r="1795" spans="2:42" x14ac:dyDescent="0.3">
      <c r="B1795">
        <v>53.663956638979201</v>
      </c>
      <c r="C1795" s="83">
        <v>43175.708333333336</v>
      </c>
      <c r="D1795">
        <v>253985.59039999999</v>
      </c>
      <c r="E1795">
        <v>31854.76108</v>
      </c>
      <c r="F1795">
        <v>92494.021160000004</v>
      </c>
      <c r="G1795">
        <v>59038.626340000003</v>
      </c>
      <c r="H1795">
        <v>46043.790719999997</v>
      </c>
      <c r="I1795">
        <v>43455.691480000001</v>
      </c>
      <c r="J1795">
        <v>38667.208440000002</v>
      </c>
      <c r="K1795">
        <v>52919.844770000003</v>
      </c>
      <c r="L1795">
        <v>26575.29883</v>
      </c>
      <c r="M1795">
        <v>273603.87670000002</v>
      </c>
      <c r="N1795">
        <v>86123.623529999997</v>
      </c>
      <c r="O1795">
        <v>24869.9581</v>
      </c>
      <c r="P1795">
        <v>33976.354429999999</v>
      </c>
      <c r="Q1795">
        <v>83785.962039999999</v>
      </c>
      <c r="R1795">
        <v>23377.112939999999</v>
      </c>
      <c r="S1795">
        <v>101186.38039999999</v>
      </c>
      <c r="T1795">
        <v>33622.120490000001</v>
      </c>
      <c r="U1795">
        <v>18610.56856</v>
      </c>
      <c r="W1795" s="83">
        <f>Bühler!N1827</f>
        <v>45366.708333328985</v>
      </c>
      <c r="X1795" s="83">
        <v>43175.708333333336</v>
      </c>
      <c r="Y1795">
        <v>253985.59039999999</v>
      </c>
      <c r="Z1795">
        <v>31854.76108</v>
      </c>
      <c r="AA1795">
        <v>92494.021160000004</v>
      </c>
      <c r="AB1795">
        <v>59038.626340000003</v>
      </c>
      <c r="AC1795">
        <v>46043.790719999997</v>
      </c>
      <c r="AD1795">
        <v>43455.691480000001</v>
      </c>
      <c r="AE1795">
        <v>38667.208440000002</v>
      </c>
      <c r="AF1795">
        <v>52919.844770000003</v>
      </c>
      <c r="AG1795">
        <v>26575.29883</v>
      </c>
      <c r="AH1795">
        <v>273603.87670000002</v>
      </c>
      <c r="AI1795">
        <v>86123.623529999997</v>
      </c>
      <c r="AJ1795">
        <v>24869.9581</v>
      </c>
      <c r="AK1795">
        <v>33976.354429999999</v>
      </c>
      <c r="AL1795">
        <v>83785.962039999999</v>
      </c>
      <c r="AM1795">
        <v>23377.112939999999</v>
      </c>
      <c r="AN1795">
        <v>101186.38039999999</v>
      </c>
      <c r="AO1795">
        <v>33622.120490000001</v>
      </c>
      <c r="AP1795">
        <v>18610.56856</v>
      </c>
    </row>
    <row r="1796" spans="2:42" x14ac:dyDescent="0.3">
      <c r="B1796">
        <v>53.154920837635743</v>
      </c>
      <c r="C1796" s="83">
        <v>43175.75</v>
      </c>
      <c r="D1796">
        <v>246756.93369999999</v>
      </c>
      <c r="E1796">
        <v>29756.811389999999</v>
      </c>
      <c r="F1796">
        <v>90285.569919999994</v>
      </c>
      <c r="G1796">
        <v>52141.077660000003</v>
      </c>
      <c r="H1796">
        <v>45141.086300000003</v>
      </c>
      <c r="I1796">
        <v>43373.564250000003</v>
      </c>
      <c r="J1796">
        <v>40091.88697</v>
      </c>
      <c r="K1796">
        <v>50570.587370000001</v>
      </c>
      <c r="L1796">
        <v>29264.994750000002</v>
      </c>
      <c r="M1796">
        <v>271008.5748</v>
      </c>
      <c r="N1796">
        <v>83671.833979999996</v>
      </c>
      <c r="O1796">
        <v>24227.866829999999</v>
      </c>
      <c r="P1796">
        <v>37224.225550000003</v>
      </c>
      <c r="Q1796">
        <v>81054.622879999995</v>
      </c>
      <c r="R1796">
        <v>21876.922549999999</v>
      </c>
      <c r="S1796">
        <v>97340.327130000005</v>
      </c>
      <c r="T1796">
        <v>35359.936869999998</v>
      </c>
      <c r="U1796">
        <v>17910.5766</v>
      </c>
      <c r="W1796" s="83">
        <f>Bühler!N1828</f>
        <v>45366.749999995649</v>
      </c>
      <c r="X1796" s="83">
        <v>43175.75</v>
      </c>
      <c r="Y1796">
        <v>246756.93369999999</v>
      </c>
      <c r="Z1796">
        <v>29756.811389999999</v>
      </c>
      <c r="AA1796">
        <v>90285.569919999994</v>
      </c>
      <c r="AB1796">
        <v>52141.077660000003</v>
      </c>
      <c r="AC1796">
        <v>45141.086300000003</v>
      </c>
      <c r="AD1796">
        <v>43373.564250000003</v>
      </c>
      <c r="AE1796">
        <v>40091.88697</v>
      </c>
      <c r="AF1796">
        <v>50570.587370000001</v>
      </c>
      <c r="AG1796">
        <v>29264.994750000002</v>
      </c>
      <c r="AH1796">
        <v>271008.5748</v>
      </c>
      <c r="AI1796">
        <v>83671.833979999996</v>
      </c>
      <c r="AJ1796">
        <v>24227.866829999999</v>
      </c>
      <c r="AK1796">
        <v>37224.225550000003</v>
      </c>
      <c r="AL1796">
        <v>81054.622879999995</v>
      </c>
      <c r="AM1796">
        <v>21876.922549999999</v>
      </c>
      <c r="AN1796">
        <v>97340.327130000005</v>
      </c>
      <c r="AO1796">
        <v>35359.936869999998</v>
      </c>
      <c r="AP1796">
        <v>17910.5766</v>
      </c>
    </row>
    <row r="1797" spans="2:42" x14ac:dyDescent="0.3">
      <c r="B1797">
        <v>52.065016064847036</v>
      </c>
      <c r="C1797" s="83">
        <v>43175.791666666664</v>
      </c>
      <c r="D1797">
        <v>241032.54310000001</v>
      </c>
      <c r="E1797">
        <v>25773.504819999998</v>
      </c>
      <c r="F1797">
        <v>82583.598700000002</v>
      </c>
      <c r="G1797">
        <v>49576.75157</v>
      </c>
      <c r="H1797">
        <v>45917.943780000001</v>
      </c>
      <c r="I1797">
        <v>40929.418489999996</v>
      </c>
      <c r="J1797">
        <v>42408.283450000003</v>
      </c>
      <c r="K1797">
        <v>49319.028169999998</v>
      </c>
      <c r="L1797">
        <v>32103.484229999998</v>
      </c>
      <c r="M1797">
        <v>265451.73200000002</v>
      </c>
      <c r="N1797">
        <v>83247.457399999999</v>
      </c>
      <c r="O1797">
        <v>24717.793399999999</v>
      </c>
      <c r="P1797">
        <v>39098.731419999996</v>
      </c>
      <c r="Q1797">
        <v>79080.335760000002</v>
      </c>
      <c r="R1797">
        <v>21403.469379999999</v>
      </c>
      <c r="S1797">
        <v>96210.258289999998</v>
      </c>
      <c r="T1797">
        <v>37111.968809999998</v>
      </c>
      <c r="U1797">
        <v>18142.301729999999</v>
      </c>
      <c r="W1797" s="83">
        <f>Bühler!N1829</f>
        <v>45366.791666662313</v>
      </c>
      <c r="X1797" s="83">
        <v>43175.791666666664</v>
      </c>
      <c r="Y1797">
        <v>241032.54310000001</v>
      </c>
      <c r="Z1797">
        <v>25773.504819999998</v>
      </c>
      <c r="AA1797">
        <v>82583.598700000002</v>
      </c>
      <c r="AB1797">
        <v>49576.75157</v>
      </c>
      <c r="AC1797">
        <v>45917.943780000001</v>
      </c>
      <c r="AD1797">
        <v>40929.418489999996</v>
      </c>
      <c r="AE1797">
        <v>42408.283450000003</v>
      </c>
      <c r="AF1797">
        <v>49319.028169999998</v>
      </c>
      <c r="AG1797">
        <v>32103.484229999998</v>
      </c>
      <c r="AH1797">
        <v>265451.73200000002</v>
      </c>
      <c r="AI1797">
        <v>83247.457399999999</v>
      </c>
      <c r="AJ1797">
        <v>24717.793399999999</v>
      </c>
      <c r="AK1797">
        <v>39098.731419999996</v>
      </c>
      <c r="AL1797">
        <v>79080.335760000002</v>
      </c>
      <c r="AM1797">
        <v>21403.469379999999</v>
      </c>
      <c r="AN1797">
        <v>96210.258289999998</v>
      </c>
      <c r="AO1797">
        <v>37111.968809999998</v>
      </c>
      <c r="AP1797">
        <v>18142.301729999999</v>
      </c>
    </row>
    <row r="1798" spans="2:42" x14ac:dyDescent="0.3">
      <c r="B1798">
        <v>50.937052356883406</v>
      </c>
      <c r="C1798" s="83">
        <v>43175.833333333336</v>
      </c>
      <c r="D1798">
        <v>232529.0013</v>
      </c>
      <c r="E1798">
        <v>19881.314269999999</v>
      </c>
      <c r="F1798">
        <v>65024.37745</v>
      </c>
      <c r="G1798">
        <v>46116.760249999999</v>
      </c>
      <c r="H1798">
        <v>43241.813820000003</v>
      </c>
      <c r="I1798">
        <v>35012.575700000001</v>
      </c>
      <c r="J1798">
        <v>41312.610950000002</v>
      </c>
      <c r="K1798">
        <v>49235.055130000001</v>
      </c>
      <c r="L1798">
        <v>31088.77031</v>
      </c>
      <c r="M1798">
        <v>259700.84700000001</v>
      </c>
      <c r="N1798">
        <v>81012.649999999994</v>
      </c>
      <c r="O1798">
        <v>23650.15265</v>
      </c>
      <c r="P1798">
        <v>40417.170639999997</v>
      </c>
      <c r="Q1798">
        <v>75835.569390000004</v>
      </c>
      <c r="R1798">
        <v>19791.546020000002</v>
      </c>
      <c r="S1798">
        <v>88359.415110000002</v>
      </c>
      <c r="T1798">
        <v>35550.912329999999</v>
      </c>
      <c r="U1798">
        <v>17360.42138</v>
      </c>
      <c r="W1798" s="83">
        <f>Bühler!N1830</f>
        <v>45366.833333328977</v>
      </c>
      <c r="X1798" s="83">
        <v>43175.833333333336</v>
      </c>
      <c r="Y1798">
        <v>232529.0013</v>
      </c>
      <c r="Z1798">
        <v>19881.314269999999</v>
      </c>
      <c r="AA1798">
        <v>65024.37745</v>
      </c>
      <c r="AB1798">
        <v>46116.760249999999</v>
      </c>
      <c r="AC1798">
        <v>43241.813820000003</v>
      </c>
      <c r="AD1798">
        <v>35012.575700000001</v>
      </c>
      <c r="AE1798">
        <v>41312.610950000002</v>
      </c>
      <c r="AF1798">
        <v>49235.055130000001</v>
      </c>
      <c r="AG1798">
        <v>31088.77031</v>
      </c>
      <c r="AH1798">
        <v>259700.84700000001</v>
      </c>
      <c r="AI1798">
        <v>81012.649999999994</v>
      </c>
      <c r="AJ1798">
        <v>23650.15265</v>
      </c>
      <c r="AK1798">
        <v>40417.170639999997</v>
      </c>
      <c r="AL1798">
        <v>75835.569390000004</v>
      </c>
      <c r="AM1798">
        <v>19791.546020000002</v>
      </c>
      <c r="AN1798">
        <v>88359.415110000002</v>
      </c>
      <c r="AO1798">
        <v>35550.912329999999</v>
      </c>
      <c r="AP1798">
        <v>17360.42138</v>
      </c>
    </row>
    <row r="1799" spans="2:42" x14ac:dyDescent="0.3">
      <c r="B1799">
        <v>49.045721071502918</v>
      </c>
      <c r="C1799" s="83">
        <v>43175.875</v>
      </c>
      <c r="D1799">
        <v>226076.03219999999</v>
      </c>
      <c r="E1799">
        <v>17102.323250000001</v>
      </c>
      <c r="F1799">
        <v>53541.000670000001</v>
      </c>
      <c r="G1799">
        <v>43865.43129</v>
      </c>
      <c r="H1799">
        <v>40903.142399999997</v>
      </c>
      <c r="I1799">
        <v>30642.263439999999</v>
      </c>
      <c r="J1799">
        <v>39729.117489999997</v>
      </c>
      <c r="K1799">
        <v>48352.144749999999</v>
      </c>
      <c r="L1799">
        <v>29421.73835</v>
      </c>
      <c r="M1799">
        <v>250057.95809999999</v>
      </c>
      <c r="N1799">
        <v>78188.262409999996</v>
      </c>
      <c r="O1799">
        <v>22327.14457</v>
      </c>
      <c r="P1799">
        <v>37886.857060000002</v>
      </c>
      <c r="Q1799">
        <v>74204.710800000001</v>
      </c>
      <c r="R1799">
        <v>18982.20422</v>
      </c>
      <c r="S1799">
        <v>83849.10759</v>
      </c>
      <c r="T1799">
        <v>33196.77089</v>
      </c>
      <c r="U1799">
        <v>16462.326720000001</v>
      </c>
      <c r="W1799" s="83">
        <f>Bühler!N1831</f>
        <v>45366.874999995642</v>
      </c>
      <c r="X1799" s="83">
        <v>43175.875</v>
      </c>
      <c r="Y1799">
        <v>226076.03219999999</v>
      </c>
      <c r="Z1799">
        <v>17102.323250000001</v>
      </c>
      <c r="AA1799">
        <v>53541.000670000001</v>
      </c>
      <c r="AB1799">
        <v>43865.43129</v>
      </c>
      <c r="AC1799">
        <v>40903.142399999997</v>
      </c>
      <c r="AD1799">
        <v>30642.263439999999</v>
      </c>
      <c r="AE1799">
        <v>39729.117489999997</v>
      </c>
      <c r="AF1799">
        <v>48352.144749999999</v>
      </c>
      <c r="AG1799">
        <v>29421.73835</v>
      </c>
      <c r="AH1799">
        <v>250057.95809999999</v>
      </c>
      <c r="AI1799">
        <v>78188.262409999996</v>
      </c>
      <c r="AJ1799">
        <v>22327.14457</v>
      </c>
      <c r="AK1799">
        <v>37886.857060000002</v>
      </c>
      <c r="AL1799">
        <v>74204.710800000001</v>
      </c>
      <c r="AM1799">
        <v>18982.20422</v>
      </c>
      <c r="AN1799">
        <v>83849.10759</v>
      </c>
      <c r="AO1799">
        <v>33196.77089</v>
      </c>
      <c r="AP1799">
        <v>16462.326720000001</v>
      </c>
    </row>
    <row r="1800" spans="2:42" x14ac:dyDescent="0.3">
      <c r="B1800">
        <v>48.984047250610466</v>
      </c>
      <c r="C1800" s="83">
        <v>43175.916666666664</v>
      </c>
      <c r="D1800">
        <v>223623.36009999999</v>
      </c>
      <c r="E1800">
        <v>16286.154130000001</v>
      </c>
      <c r="F1800">
        <v>50977.129589999997</v>
      </c>
      <c r="G1800">
        <v>42804.485249999998</v>
      </c>
      <c r="H1800">
        <v>40245.283719999999</v>
      </c>
      <c r="I1800">
        <v>29653.371729999999</v>
      </c>
      <c r="J1800">
        <v>38840.765579999999</v>
      </c>
      <c r="K1800">
        <v>52812.167690000002</v>
      </c>
      <c r="L1800">
        <v>26879.903040000001</v>
      </c>
      <c r="M1800">
        <v>249743.51620000001</v>
      </c>
      <c r="N1800">
        <v>78373.036479999995</v>
      </c>
      <c r="O1800">
        <v>23096.889019999999</v>
      </c>
      <c r="P1800">
        <v>41551.628420000001</v>
      </c>
      <c r="Q1800">
        <v>72822.702069999999</v>
      </c>
      <c r="R1800">
        <v>26371.237270000001</v>
      </c>
      <c r="S1800">
        <v>82269.89933</v>
      </c>
      <c r="T1800">
        <v>29701.730589999999</v>
      </c>
      <c r="U1800">
        <v>17362.470990000002</v>
      </c>
      <c r="W1800" s="83">
        <f>Bühler!N1832</f>
        <v>45366.916666662306</v>
      </c>
      <c r="X1800" s="83">
        <v>43175.916666666664</v>
      </c>
      <c r="Y1800">
        <v>223623.36009999999</v>
      </c>
      <c r="Z1800">
        <v>16286.154130000001</v>
      </c>
      <c r="AA1800">
        <v>50977.129589999997</v>
      </c>
      <c r="AB1800">
        <v>42804.485249999998</v>
      </c>
      <c r="AC1800">
        <v>40245.283719999999</v>
      </c>
      <c r="AD1800">
        <v>29653.371729999999</v>
      </c>
      <c r="AE1800">
        <v>38840.765579999999</v>
      </c>
      <c r="AF1800">
        <v>52812.167690000002</v>
      </c>
      <c r="AG1800">
        <v>26879.903040000001</v>
      </c>
      <c r="AH1800">
        <v>249743.51620000001</v>
      </c>
      <c r="AI1800">
        <v>78373.036479999995</v>
      </c>
      <c r="AJ1800">
        <v>23096.889019999999</v>
      </c>
      <c r="AK1800">
        <v>41551.628420000001</v>
      </c>
      <c r="AL1800">
        <v>72822.702069999999</v>
      </c>
      <c r="AM1800">
        <v>26371.237270000001</v>
      </c>
      <c r="AN1800">
        <v>82269.89933</v>
      </c>
      <c r="AO1800">
        <v>29701.730589999999</v>
      </c>
      <c r="AP1800">
        <v>17362.470990000002</v>
      </c>
    </row>
    <row r="1801" spans="2:42" x14ac:dyDescent="0.3">
      <c r="B1801">
        <v>47.607690905516229</v>
      </c>
      <c r="C1801" s="83">
        <v>43175.958333333336</v>
      </c>
      <c r="D1801">
        <v>221515.10370000001</v>
      </c>
      <c r="E1801">
        <v>16110.462519999999</v>
      </c>
      <c r="F1801">
        <v>49199.054120000001</v>
      </c>
      <c r="G1801">
        <v>42703.575149999997</v>
      </c>
      <c r="H1801">
        <v>39413.916019999997</v>
      </c>
      <c r="I1801">
        <v>28094.749930000002</v>
      </c>
      <c r="J1801">
        <v>36521.563159999998</v>
      </c>
      <c r="K1801">
        <v>52009.832430000002</v>
      </c>
      <c r="L1801">
        <v>23274.444630000002</v>
      </c>
      <c r="M1801">
        <v>242726.20970000001</v>
      </c>
      <c r="N1801">
        <v>77218.764290000006</v>
      </c>
      <c r="O1801">
        <v>23239.94454</v>
      </c>
      <c r="P1801">
        <v>37666.858079999998</v>
      </c>
      <c r="Q1801">
        <v>72112.054310000007</v>
      </c>
      <c r="R1801">
        <v>28413.199540000001</v>
      </c>
      <c r="S1801">
        <v>80379.873909999995</v>
      </c>
      <c r="T1801">
        <v>30622.654340000001</v>
      </c>
      <c r="U1801">
        <v>16266.913130000001</v>
      </c>
      <c r="W1801" s="83">
        <f>Bühler!N1833</f>
        <v>45366.95833332897</v>
      </c>
      <c r="X1801" s="83">
        <v>43175.958333333336</v>
      </c>
      <c r="Y1801">
        <v>221515.10370000001</v>
      </c>
      <c r="Z1801">
        <v>16110.462519999999</v>
      </c>
      <c r="AA1801">
        <v>49199.054120000001</v>
      </c>
      <c r="AB1801">
        <v>42703.575149999997</v>
      </c>
      <c r="AC1801">
        <v>39413.916019999997</v>
      </c>
      <c r="AD1801">
        <v>28094.749930000002</v>
      </c>
      <c r="AE1801">
        <v>36521.563159999998</v>
      </c>
      <c r="AF1801">
        <v>52009.832430000002</v>
      </c>
      <c r="AG1801">
        <v>23274.444630000002</v>
      </c>
      <c r="AH1801">
        <v>242726.20970000001</v>
      </c>
      <c r="AI1801">
        <v>77218.764290000006</v>
      </c>
      <c r="AJ1801">
        <v>23239.94454</v>
      </c>
      <c r="AK1801">
        <v>37666.858079999998</v>
      </c>
      <c r="AL1801">
        <v>72112.054310000007</v>
      </c>
      <c r="AM1801">
        <v>28413.199540000001</v>
      </c>
      <c r="AN1801">
        <v>80379.873909999995</v>
      </c>
      <c r="AO1801">
        <v>30622.654340000001</v>
      </c>
      <c r="AP1801">
        <v>16266.913130000001</v>
      </c>
    </row>
    <row r="1802" spans="2:42" x14ac:dyDescent="0.3">
      <c r="B1802">
        <v>46.406636276674405</v>
      </c>
      <c r="C1802" s="83">
        <v>43176</v>
      </c>
      <c r="D1802">
        <v>218904.50440000001</v>
      </c>
      <c r="E1802">
        <v>15793.213030000001</v>
      </c>
      <c r="F1802">
        <v>48431.32978</v>
      </c>
      <c r="G1802">
        <v>41940.228669999997</v>
      </c>
      <c r="H1802">
        <v>38428.466289999997</v>
      </c>
      <c r="I1802">
        <v>26223.384290000002</v>
      </c>
      <c r="J1802">
        <v>34213.679029999999</v>
      </c>
      <c r="K1802">
        <v>50331.16704</v>
      </c>
      <c r="L1802">
        <v>20805.161820000001</v>
      </c>
      <c r="M1802">
        <v>236602.67310000001</v>
      </c>
      <c r="N1802">
        <v>76637.419240000003</v>
      </c>
      <c r="O1802">
        <v>23067.74582</v>
      </c>
      <c r="P1802">
        <v>35543.788630000003</v>
      </c>
      <c r="Q1802">
        <v>70624.436730000001</v>
      </c>
      <c r="R1802">
        <v>24932.77895</v>
      </c>
      <c r="S1802">
        <v>80374.929659999994</v>
      </c>
      <c r="T1802">
        <v>27999.734260000001</v>
      </c>
      <c r="U1802">
        <v>16003.378360000001</v>
      </c>
      <c r="W1802" s="83">
        <f>Bühler!N1834</f>
        <v>45366.999999995634</v>
      </c>
      <c r="X1802" s="83">
        <v>43176</v>
      </c>
      <c r="Y1802">
        <v>218904.50440000001</v>
      </c>
      <c r="Z1802">
        <v>15793.213030000001</v>
      </c>
      <c r="AA1802">
        <v>48431.32978</v>
      </c>
      <c r="AB1802">
        <v>41940.228669999997</v>
      </c>
      <c r="AC1802">
        <v>38428.466289999997</v>
      </c>
      <c r="AD1802">
        <v>26223.384290000002</v>
      </c>
      <c r="AE1802">
        <v>34213.679029999999</v>
      </c>
      <c r="AF1802">
        <v>50331.16704</v>
      </c>
      <c r="AG1802">
        <v>20805.161820000001</v>
      </c>
      <c r="AH1802">
        <v>236602.67310000001</v>
      </c>
      <c r="AI1802">
        <v>76637.419240000003</v>
      </c>
      <c r="AJ1802">
        <v>23067.74582</v>
      </c>
      <c r="AK1802">
        <v>35543.788630000003</v>
      </c>
      <c r="AL1802">
        <v>70624.436730000001</v>
      </c>
      <c r="AM1802">
        <v>24932.77895</v>
      </c>
      <c r="AN1802">
        <v>80374.929659999994</v>
      </c>
      <c r="AO1802">
        <v>27999.734260000001</v>
      </c>
      <c r="AP1802">
        <v>16003.378360000001</v>
      </c>
    </row>
    <row r="1803" spans="2:42" x14ac:dyDescent="0.3">
      <c r="B1803">
        <v>45.985613667907579</v>
      </c>
      <c r="C1803" s="83">
        <v>43176.041666666664</v>
      </c>
      <c r="D1803">
        <v>214887.641</v>
      </c>
      <c r="E1803">
        <v>15687.62701</v>
      </c>
      <c r="F1803">
        <v>48763.575409999998</v>
      </c>
      <c r="G1803">
        <v>41367.430050000003</v>
      </c>
      <c r="H1803">
        <v>38420.066590000002</v>
      </c>
      <c r="I1803">
        <v>22601.535530000001</v>
      </c>
      <c r="J1803">
        <v>33306.059569999998</v>
      </c>
      <c r="K1803">
        <v>48936.166940000003</v>
      </c>
      <c r="L1803">
        <v>19280.471979999998</v>
      </c>
      <c r="M1803">
        <v>234456.1035</v>
      </c>
      <c r="N1803">
        <v>76665.028409999999</v>
      </c>
      <c r="O1803">
        <v>23043.184669999999</v>
      </c>
      <c r="P1803">
        <v>32868.370920000001</v>
      </c>
      <c r="Q1803">
        <v>70344.022939999995</v>
      </c>
      <c r="R1803">
        <v>22903.251550000001</v>
      </c>
      <c r="S1803">
        <v>79685.633549999999</v>
      </c>
      <c r="T1803">
        <v>27005.07202</v>
      </c>
      <c r="U1803">
        <v>16470.95793</v>
      </c>
      <c r="W1803" s="83">
        <f>Bühler!N1835</f>
        <v>45367.041666662299</v>
      </c>
      <c r="X1803" s="83">
        <v>43176.041666666664</v>
      </c>
      <c r="Y1803">
        <v>214887.641</v>
      </c>
      <c r="Z1803">
        <v>15687.62701</v>
      </c>
      <c r="AA1803">
        <v>48763.575409999998</v>
      </c>
      <c r="AB1803">
        <v>41367.430050000003</v>
      </c>
      <c r="AC1803">
        <v>38420.066590000002</v>
      </c>
      <c r="AD1803">
        <v>22601.535530000001</v>
      </c>
      <c r="AE1803">
        <v>33306.059569999998</v>
      </c>
      <c r="AF1803">
        <v>48936.166940000003</v>
      </c>
      <c r="AG1803">
        <v>19280.471979999998</v>
      </c>
      <c r="AH1803">
        <v>234456.1035</v>
      </c>
      <c r="AI1803">
        <v>76665.028409999999</v>
      </c>
      <c r="AJ1803">
        <v>23043.184669999999</v>
      </c>
      <c r="AK1803">
        <v>32868.370920000001</v>
      </c>
      <c r="AL1803">
        <v>70344.022939999995</v>
      </c>
      <c r="AM1803">
        <v>22903.251550000001</v>
      </c>
      <c r="AN1803">
        <v>79685.633549999999</v>
      </c>
      <c r="AO1803">
        <v>27005.07202</v>
      </c>
      <c r="AP1803">
        <v>16470.95793</v>
      </c>
    </row>
    <row r="1804" spans="2:42" x14ac:dyDescent="0.3">
      <c r="B1804">
        <v>45.692587824487582</v>
      </c>
      <c r="C1804" s="83">
        <v>43176.083333333336</v>
      </c>
      <c r="D1804">
        <v>210630.6574</v>
      </c>
      <c r="E1804">
        <v>15716.139800000001</v>
      </c>
      <c r="F1804">
        <v>49103.784749999999</v>
      </c>
      <c r="G1804">
        <v>40795.027739999998</v>
      </c>
      <c r="H1804">
        <v>37795.44571</v>
      </c>
      <c r="I1804">
        <v>19602.482629999999</v>
      </c>
      <c r="J1804">
        <v>33268.348489999997</v>
      </c>
      <c r="K1804">
        <v>47322.932059999999</v>
      </c>
      <c r="L1804">
        <v>19048.57719</v>
      </c>
      <c r="M1804">
        <v>232962.12109999999</v>
      </c>
      <c r="N1804">
        <v>75536.491970000003</v>
      </c>
      <c r="O1804">
        <v>23312.395560000001</v>
      </c>
      <c r="P1804">
        <v>31867.017329999999</v>
      </c>
      <c r="Q1804">
        <v>70117.032330000002</v>
      </c>
      <c r="R1804">
        <v>23159.997009999999</v>
      </c>
      <c r="S1804">
        <v>78369.459789999994</v>
      </c>
      <c r="T1804">
        <v>26418.839339999999</v>
      </c>
      <c r="U1804">
        <v>16583.053449999999</v>
      </c>
      <c r="W1804" s="83">
        <f>Bühler!N1836</f>
        <v>45367.083333328963</v>
      </c>
      <c r="X1804" s="83">
        <v>43176.083333333336</v>
      </c>
      <c r="Y1804">
        <v>210630.6574</v>
      </c>
      <c r="Z1804">
        <v>15716.139800000001</v>
      </c>
      <c r="AA1804">
        <v>49103.784749999999</v>
      </c>
      <c r="AB1804">
        <v>40795.027739999998</v>
      </c>
      <c r="AC1804">
        <v>37795.44571</v>
      </c>
      <c r="AD1804">
        <v>19602.482629999999</v>
      </c>
      <c r="AE1804">
        <v>33268.348489999997</v>
      </c>
      <c r="AF1804">
        <v>47322.932059999999</v>
      </c>
      <c r="AG1804">
        <v>19048.57719</v>
      </c>
      <c r="AH1804">
        <v>232962.12109999999</v>
      </c>
      <c r="AI1804">
        <v>75536.491970000003</v>
      </c>
      <c r="AJ1804">
        <v>23312.395560000001</v>
      </c>
      <c r="AK1804">
        <v>31867.017329999999</v>
      </c>
      <c r="AL1804">
        <v>70117.032330000002</v>
      </c>
      <c r="AM1804">
        <v>23159.997009999999</v>
      </c>
      <c r="AN1804">
        <v>78369.459789999994</v>
      </c>
      <c r="AO1804">
        <v>26418.839339999999</v>
      </c>
      <c r="AP1804">
        <v>16583.053449999999</v>
      </c>
    </row>
    <row r="1805" spans="2:42" x14ac:dyDescent="0.3">
      <c r="B1805">
        <v>44.441683381416617</v>
      </c>
      <c r="C1805" s="83">
        <v>43176.125</v>
      </c>
      <c r="D1805">
        <v>205998.57010000001</v>
      </c>
      <c r="E1805">
        <v>15777.746639999999</v>
      </c>
      <c r="F1805">
        <v>50507.349490000001</v>
      </c>
      <c r="G1805">
        <v>39883.560640000003</v>
      </c>
      <c r="H1805">
        <v>37958.697809999998</v>
      </c>
      <c r="I1805">
        <v>19112.551640000001</v>
      </c>
      <c r="J1805">
        <v>34012.930469999999</v>
      </c>
      <c r="K1805">
        <v>45706.593059999999</v>
      </c>
      <c r="L1805">
        <v>18613.191289999999</v>
      </c>
      <c r="M1805">
        <v>226584.42689999999</v>
      </c>
      <c r="N1805">
        <v>74266.888089999993</v>
      </c>
      <c r="O1805">
        <v>23259.80298</v>
      </c>
      <c r="P1805">
        <v>31324.547289999999</v>
      </c>
      <c r="Q1805">
        <v>69246.510439999998</v>
      </c>
      <c r="R1805">
        <v>23233.250489999999</v>
      </c>
      <c r="S1805">
        <v>77304.786070000002</v>
      </c>
      <c r="T1805">
        <v>26334.601869999999</v>
      </c>
      <c r="U1805">
        <v>16887.68403</v>
      </c>
      <c r="W1805" s="83">
        <f>Bühler!N1837</f>
        <v>45367.124999995627</v>
      </c>
      <c r="X1805" s="83">
        <v>43176.125</v>
      </c>
      <c r="Y1805">
        <v>205998.57010000001</v>
      </c>
      <c r="Z1805">
        <v>15777.746639999999</v>
      </c>
      <c r="AA1805">
        <v>50507.349490000001</v>
      </c>
      <c r="AB1805">
        <v>39883.560640000003</v>
      </c>
      <c r="AC1805">
        <v>37958.697809999998</v>
      </c>
      <c r="AD1805">
        <v>19112.551640000001</v>
      </c>
      <c r="AE1805">
        <v>34012.930469999999</v>
      </c>
      <c r="AF1805">
        <v>45706.593059999999</v>
      </c>
      <c r="AG1805">
        <v>18613.191289999999</v>
      </c>
      <c r="AH1805">
        <v>226584.42689999999</v>
      </c>
      <c r="AI1805">
        <v>74266.888089999993</v>
      </c>
      <c r="AJ1805">
        <v>23259.80298</v>
      </c>
      <c r="AK1805">
        <v>31324.547289999999</v>
      </c>
      <c r="AL1805">
        <v>69246.510439999998</v>
      </c>
      <c r="AM1805">
        <v>23233.250489999999</v>
      </c>
      <c r="AN1805">
        <v>77304.786070000002</v>
      </c>
      <c r="AO1805">
        <v>26334.601869999999</v>
      </c>
      <c r="AP1805">
        <v>16887.68403</v>
      </c>
    </row>
    <row r="1806" spans="2:42" x14ac:dyDescent="0.3">
      <c r="B1806">
        <v>43.48973125023155</v>
      </c>
      <c r="C1806" s="83">
        <v>43176.166666666664</v>
      </c>
      <c r="D1806">
        <v>198871.55710000001</v>
      </c>
      <c r="E1806">
        <v>15936.0455</v>
      </c>
      <c r="F1806">
        <v>53372.208229999997</v>
      </c>
      <c r="G1806">
        <v>39350.657859999999</v>
      </c>
      <c r="H1806">
        <v>38235.167630000004</v>
      </c>
      <c r="I1806">
        <v>22246.057049999999</v>
      </c>
      <c r="J1806">
        <v>35656.37298</v>
      </c>
      <c r="K1806">
        <v>44524.273240000002</v>
      </c>
      <c r="L1806">
        <v>18479.81697</v>
      </c>
      <c r="M1806">
        <v>221730.93100000001</v>
      </c>
      <c r="N1806">
        <v>74353.782810000004</v>
      </c>
      <c r="O1806">
        <v>23244.48041</v>
      </c>
      <c r="P1806">
        <v>30839.557120000001</v>
      </c>
      <c r="Q1806">
        <v>68524.809699999998</v>
      </c>
      <c r="R1806">
        <v>23762.723279999998</v>
      </c>
      <c r="S1806">
        <v>78543.737290000005</v>
      </c>
      <c r="T1806">
        <v>26259.684700000002</v>
      </c>
      <c r="U1806">
        <v>17156.411329999999</v>
      </c>
      <c r="W1806" s="83">
        <f>Bühler!N1838</f>
        <v>45367.166666662291</v>
      </c>
      <c r="X1806" s="83">
        <v>43176.166666666664</v>
      </c>
      <c r="Y1806">
        <v>198871.55710000001</v>
      </c>
      <c r="Z1806">
        <v>15936.0455</v>
      </c>
      <c r="AA1806">
        <v>53372.208229999997</v>
      </c>
      <c r="AB1806">
        <v>39350.657859999999</v>
      </c>
      <c r="AC1806">
        <v>38235.167630000004</v>
      </c>
      <c r="AD1806">
        <v>22246.057049999999</v>
      </c>
      <c r="AE1806">
        <v>35656.37298</v>
      </c>
      <c r="AF1806">
        <v>44524.273240000002</v>
      </c>
      <c r="AG1806">
        <v>18479.81697</v>
      </c>
      <c r="AH1806">
        <v>221730.93100000001</v>
      </c>
      <c r="AI1806">
        <v>74353.782810000004</v>
      </c>
      <c r="AJ1806">
        <v>23244.48041</v>
      </c>
      <c r="AK1806">
        <v>30839.557120000001</v>
      </c>
      <c r="AL1806">
        <v>68524.809699999998</v>
      </c>
      <c r="AM1806">
        <v>23762.723279999998</v>
      </c>
      <c r="AN1806">
        <v>78543.737290000005</v>
      </c>
      <c r="AO1806">
        <v>26259.684700000002</v>
      </c>
      <c r="AP1806">
        <v>17156.411329999999</v>
      </c>
    </row>
    <row r="1807" spans="2:42" x14ac:dyDescent="0.3">
      <c r="B1807">
        <v>42.956465182036389</v>
      </c>
      <c r="C1807" s="83">
        <v>43176.208333333336</v>
      </c>
      <c r="D1807">
        <v>195872.00390000001</v>
      </c>
      <c r="E1807">
        <v>16854.086859999999</v>
      </c>
      <c r="F1807">
        <v>63264.529820000003</v>
      </c>
      <c r="G1807">
        <v>40218.766349999998</v>
      </c>
      <c r="H1807">
        <v>38857.079720000002</v>
      </c>
      <c r="I1807">
        <v>29030.754369999999</v>
      </c>
      <c r="J1807">
        <v>38278.509579999998</v>
      </c>
      <c r="K1807">
        <v>43460.581700000002</v>
      </c>
      <c r="L1807">
        <v>19384.567009999999</v>
      </c>
      <c r="M1807">
        <v>219012.0919</v>
      </c>
      <c r="N1807">
        <v>71702.924339999998</v>
      </c>
      <c r="O1807">
        <v>23707.114409999998</v>
      </c>
      <c r="P1807">
        <v>31413.008119999999</v>
      </c>
      <c r="Q1807">
        <v>67778.972219999996</v>
      </c>
      <c r="R1807">
        <v>26094.454720000002</v>
      </c>
      <c r="S1807">
        <v>80887.778900000005</v>
      </c>
      <c r="T1807">
        <v>27491.627949999998</v>
      </c>
      <c r="U1807">
        <v>17994.47465</v>
      </c>
      <c r="W1807" s="83">
        <f>Bühler!N1839</f>
        <v>45367.208333328956</v>
      </c>
      <c r="X1807" s="83">
        <v>43176.208333333336</v>
      </c>
      <c r="Y1807">
        <v>195872.00390000001</v>
      </c>
      <c r="Z1807">
        <v>16854.086859999999</v>
      </c>
      <c r="AA1807">
        <v>63264.529820000003</v>
      </c>
      <c r="AB1807">
        <v>40218.766349999998</v>
      </c>
      <c r="AC1807">
        <v>38857.079720000002</v>
      </c>
      <c r="AD1807">
        <v>29030.754369999999</v>
      </c>
      <c r="AE1807">
        <v>38278.509579999998</v>
      </c>
      <c r="AF1807">
        <v>43460.581700000002</v>
      </c>
      <c r="AG1807">
        <v>19384.567009999999</v>
      </c>
      <c r="AH1807">
        <v>219012.0919</v>
      </c>
      <c r="AI1807">
        <v>71702.924339999998</v>
      </c>
      <c r="AJ1807">
        <v>23707.114409999998</v>
      </c>
      <c r="AK1807">
        <v>31413.008119999999</v>
      </c>
      <c r="AL1807">
        <v>67778.972219999996</v>
      </c>
      <c r="AM1807">
        <v>26094.454720000002</v>
      </c>
      <c r="AN1807">
        <v>80887.778900000005</v>
      </c>
      <c r="AO1807">
        <v>27491.627949999998</v>
      </c>
      <c r="AP1807">
        <v>17994.47465</v>
      </c>
    </row>
    <row r="1808" spans="2:42" x14ac:dyDescent="0.3">
      <c r="B1808">
        <v>43.940949429523791</v>
      </c>
      <c r="C1808" s="83">
        <v>43176.25</v>
      </c>
      <c r="D1808">
        <v>195927.9087</v>
      </c>
      <c r="E1808">
        <v>18780.811389999999</v>
      </c>
      <c r="F1808">
        <v>74583.270369999998</v>
      </c>
      <c r="G1808">
        <v>42647.373149999999</v>
      </c>
      <c r="H1808">
        <v>39722.769289999997</v>
      </c>
      <c r="I1808">
        <v>32997.112110000002</v>
      </c>
      <c r="J1808">
        <v>41296.071580000003</v>
      </c>
      <c r="K1808">
        <v>43089.973169999997</v>
      </c>
      <c r="L1808">
        <v>20334.545419999999</v>
      </c>
      <c r="M1808">
        <v>224031.45170000001</v>
      </c>
      <c r="N1808">
        <v>72072.025179999997</v>
      </c>
      <c r="O1808">
        <v>23814.33829</v>
      </c>
      <c r="P1808">
        <v>32253.967649999999</v>
      </c>
      <c r="Q1808">
        <v>65974.581749999998</v>
      </c>
      <c r="R1808">
        <v>17460.0075</v>
      </c>
      <c r="S1808">
        <v>85244.530299999999</v>
      </c>
      <c r="T1808">
        <v>29189.180950000002</v>
      </c>
      <c r="U1808">
        <v>17372.112669999999</v>
      </c>
      <c r="W1808" s="83">
        <f>Bühler!N1840</f>
        <v>45367.24999999562</v>
      </c>
      <c r="X1808" s="83">
        <v>43176.25</v>
      </c>
      <c r="Y1808">
        <v>195927.9087</v>
      </c>
      <c r="Z1808">
        <v>18780.811389999999</v>
      </c>
      <c r="AA1808">
        <v>74583.270369999998</v>
      </c>
      <c r="AB1808">
        <v>42647.373149999999</v>
      </c>
      <c r="AC1808">
        <v>39722.769289999997</v>
      </c>
      <c r="AD1808">
        <v>32997.112110000002</v>
      </c>
      <c r="AE1808">
        <v>41296.071580000003</v>
      </c>
      <c r="AF1808">
        <v>43089.973169999997</v>
      </c>
      <c r="AG1808">
        <v>20334.545419999999</v>
      </c>
      <c r="AH1808">
        <v>224031.45170000001</v>
      </c>
      <c r="AI1808">
        <v>72072.025179999997</v>
      </c>
      <c r="AJ1808">
        <v>23814.33829</v>
      </c>
      <c r="AK1808">
        <v>32253.967649999999</v>
      </c>
      <c r="AL1808">
        <v>65974.581749999998</v>
      </c>
      <c r="AM1808">
        <v>17460.0075</v>
      </c>
      <c r="AN1808">
        <v>85244.530299999999</v>
      </c>
      <c r="AO1808">
        <v>29189.180950000002</v>
      </c>
      <c r="AP1808">
        <v>17372.112669999999</v>
      </c>
    </row>
    <row r="1809" spans="2:42" x14ac:dyDescent="0.3">
      <c r="B1809">
        <v>44.239887501833472</v>
      </c>
      <c r="C1809" s="83">
        <v>43176.291666666664</v>
      </c>
      <c r="D1809">
        <v>195406.6054</v>
      </c>
      <c r="E1809">
        <v>20512.677350000002</v>
      </c>
      <c r="F1809">
        <v>76349.143169999996</v>
      </c>
      <c r="G1809">
        <v>44766.520980000001</v>
      </c>
      <c r="H1809">
        <v>38702.21817</v>
      </c>
      <c r="I1809">
        <v>35043.908409999996</v>
      </c>
      <c r="J1809">
        <v>41174.008329999997</v>
      </c>
      <c r="K1809">
        <v>42777.110710000001</v>
      </c>
      <c r="L1809">
        <v>22122.185119999998</v>
      </c>
      <c r="M1809">
        <v>225555.57740000001</v>
      </c>
      <c r="N1809">
        <v>70971.254780000003</v>
      </c>
      <c r="O1809">
        <v>23980.900160000001</v>
      </c>
      <c r="P1809">
        <v>34355.059910000004</v>
      </c>
      <c r="Q1809">
        <v>63481.169580000002</v>
      </c>
      <c r="R1809">
        <v>15975.93636</v>
      </c>
      <c r="S1809">
        <v>91303.831600000005</v>
      </c>
      <c r="T1809">
        <v>27539.52002</v>
      </c>
      <c r="U1809">
        <v>17099.939640000001</v>
      </c>
      <c r="W1809" s="83">
        <f>Bühler!N1841</f>
        <v>45367.291666662284</v>
      </c>
      <c r="X1809" s="83">
        <v>43176.291666666664</v>
      </c>
      <c r="Y1809">
        <v>195406.6054</v>
      </c>
      <c r="Z1809">
        <v>20512.677350000002</v>
      </c>
      <c r="AA1809">
        <v>76349.143169999996</v>
      </c>
      <c r="AB1809">
        <v>44766.520980000001</v>
      </c>
      <c r="AC1809">
        <v>38702.21817</v>
      </c>
      <c r="AD1809">
        <v>35043.908409999996</v>
      </c>
      <c r="AE1809">
        <v>41174.008329999997</v>
      </c>
      <c r="AF1809">
        <v>42777.110710000001</v>
      </c>
      <c r="AG1809">
        <v>22122.185119999998</v>
      </c>
      <c r="AH1809">
        <v>225555.57740000001</v>
      </c>
      <c r="AI1809">
        <v>70971.254780000003</v>
      </c>
      <c r="AJ1809">
        <v>23980.900160000001</v>
      </c>
      <c r="AK1809">
        <v>34355.059910000004</v>
      </c>
      <c r="AL1809">
        <v>63481.169580000002</v>
      </c>
      <c r="AM1809">
        <v>15975.93636</v>
      </c>
      <c r="AN1809">
        <v>91303.831600000005</v>
      </c>
      <c r="AO1809">
        <v>27539.52002</v>
      </c>
      <c r="AP1809">
        <v>17099.939640000001</v>
      </c>
    </row>
    <row r="1810" spans="2:42" x14ac:dyDescent="0.3">
      <c r="B1810">
        <v>44.507588160905883</v>
      </c>
      <c r="C1810" s="83">
        <v>43176.333333333336</v>
      </c>
      <c r="D1810">
        <v>194301.70910000001</v>
      </c>
      <c r="E1810">
        <v>23695.788560000001</v>
      </c>
      <c r="F1810">
        <v>80879.477840000007</v>
      </c>
      <c r="G1810">
        <v>45634.014629999998</v>
      </c>
      <c r="H1810">
        <v>39516.184710000001</v>
      </c>
      <c r="I1810">
        <v>36243.424019999999</v>
      </c>
      <c r="J1810">
        <v>42086.915999999997</v>
      </c>
      <c r="K1810">
        <v>43504.931219999999</v>
      </c>
      <c r="L1810">
        <v>24031.778969999999</v>
      </c>
      <c r="M1810">
        <v>226920.44020000001</v>
      </c>
      <c r="N1810">
        <v>73760.418300000005</v>
      </c>
      <c r="O1810">
        <v>23970.332549999999</v>
      </c>
      <c r="P1810">
        <v>36458.069009999999</v>
      </c>
      <c r="Q1810">
        <v>62050.504289999997</v>
      </c>
      <c r="R1810">
        <v>16691.086920000002</v>
      </c>
      <c r="S1810">
        <v>94142.848249999995</v>
      </c>
      <c r="T1810">
        <v>29385.532090000001</v>
      </c>
      <c r="U1810">
        <v>17004.741480000001</v>
      </c>
      <c r="W1810" s="83">
        <f>Bühler!N1842</f>
        <v>45367.333333328948</v>
      </c>
      <c r="X1810" s="83">
        <v>43176.333333333336</v>
      </c>
      <c r="Y1810">
        <v>194301.70910000001</v>
      </c>
      <c r="Z1810">
        <v>23695.788560000001</v>
      </c>
      <c r="AA1810">
        <v>80879.477840000007</v>
      </c>
      <c r="AB1810">
        <v>45634.014629999998</v>
      </c>
      <c r="AC1810">
        <v>39516.184710000001</v>
      </c>
      <c r="AD1810">
        <v>36243.424019999999</v>
      </c>
      <c r="AE1810">
        <v>42086.915999999997</v>
      </c>
      <c r="AF1810">
        <v>43504.931219999999</v>
      </c>
      <c r="AG1810">
        <v>24031.778969999999</v>
      </c>
      <c r="AH1810">
        <v>226920.44020000001</v>
      </c>
      <c r="AI1810">
        <v>73760.418300000005</v>
      </c>
      <c r="AJ1810">
        <v>23970.332549999999</v>
      </c>
      <c r="AK1810">
        <v>36458.069009999999</v>
      </c>
      <c r="AL1810">
        <v>62050.504289999997</v>
      </c>
      <c r="AM1810">
        <v>16691.086920000002</v>
      </c>
      <c r="AN1810">
        <v>94142.848249999995</v>
      </c>
      <c r="AO1810">
        <v>29385.532090000001</v>
      </c>
      <c r="AP1810">
        <v>17004.741480000001</v>
      </c>
    </row>
    <row r="1811" spans="2:42" x14ac:dyDescent="0.3">
      <c r="B1811">
        <v>44.254233482584212</v>
      </c>
      <c r="C1811" s="83">
        <v>43176.375</v>
      </c>
      <c r="D1811">
        <v>192179.4761</v>
      </c>
      <c r="E1811">
        <v>27235.01136</v>
      </c>
      <c r="F1811">
        <v>87458.165389999995</v>
      </c>
      <c r="G1811">
        <v>46684.082860000002</v>
      </c>
      <c r="H1811">
        <v>40147.164040000003</v>
      </c>
      <c r="I1811">
        <v>34667.5988</v>
      </c>
      <c r="J1811">
        <v>41992.003170000004</v>
      </c>
      <c r="K1811">
        <v>44767.50821</v>
      </c>
      <c r="L1811">
        <v>26374.680400000001</v>
      </c>
      <c r="M1811">
        <v>225628.7199</v>
      </c>
      <c r="N1811">
        <v>79778.291339999996</v>
      </c>
      <c r="O1811">
        <v>24541.25</v>
      </c>
      <c r="P1811">
        <v>38213.656089999997</v>
      </c>
      <c r="Q1811">
        <v>61062.103690000004</v>
      </c>
      <c r="R1811">
        <v>17188.29695</v>
      </c>
      <c r="S1811">
        <v>95589.872390000004</v>
      </c>
      <c r="T1811">
        <v>31159.105940000001</v>
      </c>
      <c r="U1811">
        <v>16700.085500000001</v>
      </c>
      <c r="W1811" s="83">
        <f>Bühler!N1843</f>
        <v>45367.374999995613</v>
      </c>
      <c r="X1811" s="83">
        <v>43176.375</v>
      </c>
      <c r="Y1811">
        <v>192179.4761</v>
      </c>
      <c r="Z1811">
        <v>27235.01136</v>
      </c>
      <c r="AA1811">
        <v>87458.165389999995</v>
      </c>
      <c r="AB1811">
        <v>46684.082860000002</v>
      </c>
      <c r="AC1811">
        <v>40147.164040000003</v>
      </c>
      <c r="AD1811">
        <v>34667.5988</v>
      </c>
      <c r="AE1811">
        <v>41992.003170000004</v>
      </c>
      <c r="AF1811">
        <v>44767.50821</v>
      </c>
      <c r="AG1811">
        <v>26374.680400000001</v>
      </c>
      <c r="AH1811">
        <v>225628.7199</v>
      </c>
      <c r="AI1811">
        <v>79778.291339999996</v>
      </c>
      <c r="AJ1811">
        <v>24541.25</v>
      </c>
      <c r="AK1811">
        <v>38213.656089999997</v>
      </c>
      <c r="AL1811">
        <v>61062.103690000004</v>
      </c>
      <c r="AM1811">
        <v>17188.29695</v>
      </c>
      <c r="AN1811">
        <v>95589.872390000004</v>
      </c>
      <c r="AO1811">
        <v>31159.105940000001</v>
      </c>
      <c r="AP1811">
        <v>16700.085500000001</v>
      </c>
    </row>
    <row r="1812" spans="2:42" x14ac:dyDescent="0.3">
      <c r="B1812">
        <v>44.065014110464176</v>
      </c>
      <c r="C1812" s="83">
        <v>43176.416666666664</v>
      </c>
      <c r="D1812">
        <v>189167.3627</v>
      </c>
      <c r="E1812">
        <v>28513.34475</v>
      </c>
      <c r="F1812">
        <v>88286.59087</v>
      </c>
      <c r="G1812">
        <v>47048.751279999997</v>
      </c>
      <c r="H1812">
        <v>40030.269090000002</v>
      </c>
      <c r="I1812">
        <v>33634.448360000002</v>
      </c>
      <c r="J1812">
        <v>40367.23414</v>
      </c>
      <c r="K1812">
        <v>45777.486060000003</v>
      </c>
      <c r="L1812">
        <v>29153.0609</v>
      </c>
      <c r="M1812">
        <v>224663.99129999999</v>
      </c>
      <c r="N1812">
        <v>82252.193880000006</v>
      </c>
      <c r="O1812">
        <v>24880.06408</v>
      </c>
      <c r="P1812">
        <v>38428.486429999997</v>
      </c>
      <c r="Q1812">
        <v>60000.647949999999</v>
      </c>
      <c r="R1812">
        <v>17581.88078</v>
      </c>
      <c r="S1812">
        <v>95090.55932</v>
      </c>
      <c r="T1812">
        <v>32947.247860000003</v>
      </c>
      <c r="U1812">
        <v>16322.988079999999</v>
      </c>
      <c r="W1812" s="83">
        <f>Bühler!N1844</f>
        <v>45367.416666662277</v>
      </c>
      <c r="X1812" s="83">
        <v>43176.416666666664</v>
      </c>
      <c r="Y1812">
        <v>189167.3627</v>
      </c>
      <c r="Z1812">
        <v>28513.34475</v>
      </c>
      <c r="AA1812">
        <v>88286.59087</v>
      </c>
      <c r="AB1812">
        <v>47048.751279999997</v>
      </c>
      <c r="AC1812">
        <v>40030.269090000002</v>
      </c>
      <c r="AD1812">
        <v>33634.448360000002</v>
      </c>
      <c r="AE1812">
        <v>40367.23414</v>
      </c>
      <c r="AF1812">
        <v>45777.486060000003</v>
      </c>
      <c r="AG1812">
        <v>29153.0609</v>
      </c>
      <c r="AH1812">
        <v>224663.99129999999</v>
      </c>
      <c r="AI1812">
        <v>82252.193880000006</v>
      </c>
      <c r="AJ1812">
        <v>24880.06408</v>
      </c>
      <c r="AK1812">
        <v>38428.486429999997</v>
      </c>
      <c r="AL1812">
        <v>60000.647949999999</v>
      </c>
      <c r="AM1812">
        <v>17581.88078</v>
      </c>
      <c r="AN1812">
        <v>95090.55932</v>
      </c>
      <c r="AO1812">
        <v>32947.247860000003</v>
      </c>
      <c r="AP1812">
        <v>16322.988079999999</v>
      </c>
    </row>
    <row r="1813" spans="2:42" x14ac:dyDescent="0.3">
      <c r="B1813">
        <v>44.138153849944537</v>
      </c>
      <c r="C1813" s="83">
        <v>43176.458333333336</v>
      </c>
      <c r="D1813">
        <v>186105.69589999999</v>
      </c>
      <c r="E1813">
        <v>28327.559150000001</v>
      </c>
      <c r="F1813">
        <v>88862.162249999994</v>
      </c>
      <c r="G1813">
        <v>46420.260840000003</v>
      </c>
      <c r="H1813">
        <v>39894.820249999997</v>
      </c>
      <c r="I1813">
        <v>32129.559229999999</v>
      </c>
      <c r="J1813">
        <v>39350.203110000002</v>
      </c>
      <c r="K1813">
        <v>46199.022129999998</v>
      </c>
      <c r="L1813">
        <v>30301.930700000001</v>
      </c>
      <c r="M1813">
        <v>225036.89180000001</v>
      </c>
      <c r="N1813">
        <v>80618.883010000005</v>
      </c>
      <c r="O1813">
        <v>23833.809130000001</v>
      </c>
      <c r="P1813">
        <v>36865.502549999997</v>
      </c>
      <c r="Q1813">
        <v>58796.40105</v>
      </c>
      <c r="R1813">
        <v>19363.810079999999</v>
      </c>
      <c r="S1813">
        <v>96572.054789999995</v>
      </c>
      <c r="T1813">
        <v>33384.538549999997</v>
      </c>
      <c r="U1813">
        <v>15623.795969999999</v>
      </c>
      <c r="W1813" s="83">
        <f>Bühler!N1845</f>
        <v>45367.458333328941</v>
      </c>
      <c r="X1813" s="83">
        <v>43176.458333333336</v>
      </c>
      <c r="Y1813">
        <v>186105.69589999999</v>
      </c>
      <c r="Z1813">
        <v>28327.559150000001</v>
      </c>
      <c r="AA1813">
        <v>88862.162249999994</v>
      </c>
      <c r="AB1813">
        <v>46420.260840000003</v>
      </c>
      <c r="AC1813">
        <v>39894.820249999997</v>
      </c>
      <c r="AD1813">
        <v>32129.559229999999</v>
      </c>
      <c r="AE1813">
        <v>39350.203110000002</v>
      </c>
      <c r="AF1813">
        <v>46199.022129999998</v>
      </c>
      <c r="AG1813">
        <v>30301.930700000001</v>
      </c>
      <c r="AH1813">
        <v>225036.89180000001</v>
      </c>
      <c r="AI1813">
        <v>80618.883010000005</v>
      </c>
      <c r="AJ1813">
        <v>23833.809130000001</v>
      </c>
      <c r="AK1813">
        <v>36865.502549999997</v>
      </c>
      <c r="AL1813">
        <v>58796.40105</v>
      </c>
      <c r="AM1813">
        <v>19363.810079999999</v>
      </c>
      <c r="AN1813">
        <v>96572.054789999995</v>
      </c>
      <c r="AO1813">
        <v>33384.538549999997</v>
      </c>
      <c r="AP1813">
        <v>15623.795969999999</v>
      </c>
    </row>
    <row r="1814" spans="2:42" x14ac:dyDescent="0.3">
      <c r="B1814">
        <v>42.958521212084825</v>
      </c>
      <c r="C1814" s="83">
        <v>43176.5</v>
      </c>
      <c r="D1814">
        <v>179227.4448</v>
      </c>
      <c r="E1814">
        <v>26294.800640000001</v>
      </c>
      <c r="F1814">
        <v>86823.633690000002</v>
      </c>
      <c r="G1814">
        <v>43993.600339999997</v>
      </c>
      <c r="H1814">
        <v>38667.809880000001</v>
      </c>
      <c r="I1814">
        <v>31472.461439999999</v>
      </c>
      <c r="J1814">
        <v>39231.917609999997</v>
      </c>
      <c r="K1814">
        <v>46163.776760000001</v>
      </c>
      <c r="L1814">
        <v>32650.6116</v>
      </c>
      <c r="M1814">
        <v>219022.57449999999</v>
      </c>
      <c r="N1814">
        <v>79397.254140000005</v>
      </c>
      <c r="O1814">
        <v>22057.931240000002</v>
      </c>
      <c r="P1814">
        <v>37631.695939999998</v>
      </c>
      <c r="Q1814">
        <v>55768.44382</v>
      </c>
      <c r="R1814">
        <v>18608.885920000001</v>
      </c>
      <c r="S1814">
        <v>90859.030910000001</v>
      </c>
      <c r="T1814">
        <v>32841.320290000003</v>
      </c>
      <c r="U1814">
        <v>14487.01943</v>
      </c>
      <c r="W1814" s="83">
        <f>Bühler!N1846</f>
        <v>45367.499999995605</v>
      </c>
      <c r="X1814" s="83">
        <v>43176.5</v>
      </c>
      <c r="Y1814">
        <v>179227.4448</v>
      </c>
      <c r="Z1814">
        <v>26294.800640000001</v>
      </c>
      <c r="AA1814">
        <v>86823.633690000002</v>
      </c>
      <c r="AB1814">
        <v>43993.600339999997</v>
      </c>
      <c r="AC1814">
        <v>38667.809880000001</v>
      </c>
      <c r="AD1814">
        <v>31472.461439999999</v>
      </c>
      <c r="AE1814">
        <v>39231.917609999997</v>
      </c>
      <c r="AF1814">
        <v>46163.776760000001</v>
      </c>
      <c r="AG1814">
        <v>32650.6116</v>
      </c>
      <c r="AH1814">
        <v>219022.57449999999</v>
      </c>
      <c r="AI1814">
        <v>79397.254140000005</v>
      </c>
      <c r="AJ1814">
        <v>22057.931240000002</v>
      </c>
      <c r="AK1814">
        <v>37631.695939999998</v>
      </c>
      <c r="AL1814">
        <v>55768.44382</v>
      </c>
      <c r="AM1814">
        <v>18608.885920000001</v>
      </c>
      <c r="AN1814">
        <v>90859.030910000001</v>
      </c>
      <c r="AO1814">
        <v>32841.320290000003</v>
      </c>
      <c r="AP1814">
        <v>14487.01943</v>
      </c>
    </row>
    <row r="1815" spans="2:42" x14ac:dyDescent="0.3">
      <c r="B1815">
        <v>41.969894248222857</v>
      </c>
      <c r="C1815" s="83">
        <v>43176.541666666664</v>
      </c>
      <c r="D1815">
        <v>174643.08480000001</v>
      </c>
      <c r="E1815">
        <v>25179.250520000001</v>
      </c>
      <c r="F1815">
        <v>86123.316879999998</v>
      </c>
      <c r="G1815">
        <v>42778.990769999997</v>
      </c>
      <c r="H1815">
        <v>38326.200779999999</v>
      </c>
      <c r="I1815">
        <v>31799.260579999998</v>
      </c>
      <c r="J1815">
        <v>38532.958509999997</v>
      </c>
      <c r="K1815">
        <v>47314.958379999996</v>
      </c>
      <c r="L1815">
        <v>32517.829109999999</v>
      </c>
      <c r="M1815">
        <v>213982.0932</v>
      </c>
      <c r="N1815">
        <v>78266.706600000005</v>
      </c>
      <c r="O1815">
        <v>21586.569380000001</v>
      </c>
      <c r="P1815">
        <v>36242.994189999998</v>
      </c>
      <c r="Q1815">
        <v>53109.661959999998</v>
      </c>
      <c r="R1815">
        <v>18347.818240000001</v>
      </c>
      <c r="S1815">
        <v>90910.839219999994</v>
      </c>
      <c r="T1815">
        <v>32116.146130000001</v>
      </c>
      <c r="U1815">
        <v>14325.90373</v>
      </c>
      <c r="W1815" s="83">
        <f>Bühler!N1847</f>
        <v>45367.54166666227</v>
      </c>
      <c r="X1815" s="83">
        <v>43176.541666666664</v>
      </c>
      <c r="Y1815">
        <v>174643.08480000001</v>
      </c>
      <c r="Z1815">
        <v>25179.250520000001</v>
      </c>
      <c r="AA1815">
        <v>86123.316879999998</v>
      </c>
      <c r="AB1815">
        <v>42778.990769999997</v>
      </c>
      <c r="AC1815">
        <v>38326.200779999999</v>
      </c>
      <c r="AD1815">
        <v>31799.260579999998</v>
      </c>
      <c r="AE1815">
        <v>38532.958509999997</v>
      </c>
      <c r="AF1815">
        <v>47314.958379999996</v>
      </c>
      <c r="AG1815">
        <v>32517.829109999999</v>
      </c>
      <c r="AH1815">
        <v>213982.0932</v>
      </c>
      <c r="AI1815">
        <v>78266.706600000005</v>
      </c>
      <c r="AJ1815">
        <v>21586.569380000001</v>
      </c>
      <c r="AK1815">
        <v>36242.994189999998</v>
      </c>
      <c r="AL1815">
        <v>53109.661959999998</v>
      </c>
      <c r="AM1815">
        <v>18347.818240000001</v>
      </c>
      <c r="AN1815">
        <v>90910.839219999994</v>
      </c>
      <c r="AO1815">
        <v>32116.146130000001</v>
      </c>
      <c r="AP1815">
        <v>14325.90373</v>
      </c>
    </row>
    <row r="1816" spans="2:42" x14ac:dyDescent="0.3">
      <c r="B1816">
        <v>42.471731257314225</v>
      </c>
      <c r="C1816" s="83">
        <v>43176.583333333336</v>
      </c>
      <c r="D1816">
        <v>173327.49410000001</v>
      </c>
      <c r="E1816">
        <v>25631.88694</v>
      </c>
      <c r="F1816">
        <v>85783.912240000005</v>
      </c>
      <c r="G1816">
        <v>41315.361149999997</v>
      </c>
      <c r="H1816">
        <v>37599.295940000004</v>
      </c>
      <c r="I1816">
        <v>32131.730250000001</v>
      </c>
      <c r="J1816">
        <v>37637.44268</v>
      </c>
      <c r="K1816">
        <v>47438.612200000003</v>
      </c>
      <c r="L1816">
        <v>30090.198270000001</v>
      </c>
      <c r="M1816">
        <v>216540.6923</v>
      </c>
      <c r="N1816">
        <v>79231.979479999995</v>
      </c>
      <c r="O1816">
        <v>21209.481970000001</v>
      </c>
      <c r="P1816">
        <v>34309.194219999998</v>
      </c>
      <c r="Q1816">
        <v>51657.169300000001</v>
      </c>
      <c r="R1816">
        <v>18539.430779999999</v>
      </c>
      <c r="S1816">
        <v>87661.675969999997</v>
      </c>
      <c r="T1816">
        <v>32128.635470000001</v>
      </c>
      <c r="U1816">
        <v>14001.484210000001</v>
      </c>
      <c r="W1816" s="83">
        <f>Bühler!N1848</f>
        <v>45367.583333328934</v>
      </c>
      <c r="X1816" s="83">
        <v>43176.583333333336</v>
      </c>
      <c r="Y1816">
        <v>173327.49410000001</v>
      </c>
      <c r="Z1816">
        <v>25631.88694</v>
      </c>
      <c r="AA1816">
        <v>85783.912240000005</v>
      </c>
      <c r="AB1816">
        <v>41315.361149999997</v>
      </c>
      <c r="AC1816">
        <v>37599.295940000004</v>
      </c>
      <c r="AD1816">
        <v>32131.730250000001</v>
      </c>
      <c r="AE1816">
        <v>37637.44268</v>
      </c>
      <c r="AF1816">
        <v>47438.612200000003</v>
      </c>
      <c r="AG1816">
        <v>30090.198270000001</v>
      </c>
      <c r="AH1816">
        <v>216540.6923</v>
      </c>
      <c r="AI1816">
        <v>79231.979479999995</v>
      </c>
      <c r="AJ1816">
        <v>21209.481970000001</v>
      </c>
      <c r="AK1816">
        <v>34309.194219999998</v>
      </c>
      <c r="AL1816">
        <v>51657.169300000001</v>
      </c>
      <c r="AM1816">
        <v>18539.430779999999</v>
      </c>
      <c r="AN1816">
        <v>87661.675969999997</v>
      </c>
      <c r="AO1816">
        <v>32128.635470000001</v>
      </c>
      <c r="AP1816">
        <v>14001.484210000001</v>
      </c>
    </row>
    <row r="1817" spans="2:42" x14ac:dyDescent="0.3">
      <c r="B1817">
        <v>42.148033111772094</v>
      </c>
      <c r="C1817" s="83">
        <v>43176.625</v>
      </c>
      <c r="D1817">
        <v>172394.58549999999</v>
      </c>
      <c r="E1817">
        <v>25415.3056</v>
      </c>
      <c r="F1817">
        <v>85826.740040000004</v>
      </c>
      <c r="G1817">
        <v>40695.503530000002</v>
      </c>
      <c r="H1817">
        <v>37219.832309999998</v>
      </c>
      <c r="I1817">
        <v>31999.46905</v>
      </c>
      <c r="J1817">
        <v>37041.808499999999</v>
      </c>
      <c r="K1817">
        <v>46185.3321</v>
      </c>
      <c r="L1817">
        <v>27252.308939999999</v>
      </c>
      <c r="M1817">
        <v>214890.32819999999</v>
      </c>
      <c r="N1817">
        <v>78113.025429999994</v>
      </c>
      <c r="O1817">
        <v>21254.166819999999</v>
      </c>
      <c r="P1817">
        <v>32557.574079999999</v>
      </c>
      <c r="Q1817">
        <v>51033.78211</v>
      </c>
      <c r="R1817">
        <v>18601.826539999998</v>
      </c>
      <c r="S1817">
        <v>86738.152459999998</v>
      </c>
      <c r="T1817">
        <v>32380.899069999999</v>
      </c>
      <c r="U1817">
        <v>14010.762430000001</v>
      </c>
      <c r="W1817" s="83">
        <f>Bühler!N1849</f>
        <v>45367.624999995598</v>
      </c>
      <c r="X1817" s="83">
        <v>43176.625</v>
      </c>
      <c r="Y1817">
        <v>172394.58549999999</v>
      </c>
      <c r="Z1817">
        <v>25415.3056</v>
      </c>
      <c r="AA1817">
        <v>85826.740040000004</v>
      </c>
      <c r="AB1817">
        <v>40695.503530000002</v>
      </c>
      <c r="AC1817">
        <v>37219.832309999998</v>
      </c>
      <c r="AD1817">
        <v>31999.46905</v>
      </c>
      <c r="AE1817">
        <v>37041.808499999999</v>
      </c>
      <c r="AF1817">
        <v>46185.3321</v>
      </c>
      <c r="AG1817">
        <v>27252.308939999999</v>
      </c>
      <c r="AH1817">
        <v>214890.32819999999</v>
      </c>
      <c r="AI1817">
        <v>78113.025429999994</v>
      </c>
      <c r="AJ1817">
        <v>21254.166819999999</v>
      </c>
      <c r="AK1817">
        <v>32557.574079999999</v>
      </c>
      <c r="AL1817">
        <v>51033.78211</v>
      </c>
      <c r="AM1817">
        <v>18601.826539999998</v>
      </c>
      <c r="AN1817">
        <v>86738.152459999998</v>
      </c>
      <c r="AO1817">
        <v>32380.899069999999</v>
      </c>
      <c r="AP1817">
        <v>14010.762430000001</v>
      </c>
    </row>
    <row r="1818" spans="2:42" x14ac:dyDescent="0.3">
      <c r="B1818">
        <v>41.765176607662802</v>
      </c>
      <c r="C1818" s="83">
        <v>43176.666666666664</v>
      </c>
      <c r="D1818">
        <v>171649.58199999999</v>
      </c>
      <c r="E1818">
        <v>25233.093570000001</v>
      </c>
      <c r="F1818">
        <v>84970.730819999997</v>
      </c>
      <c r="G1818">
        <v>40221.621469999998</v>
      </c>
      <c r="H1818">
        <v>37134.22176</v>
      </c>
      <c r="I1818">
        <v>32496.013500000001</v>
      </c>
      <c r="J1818">
        <v>36569.407749999998</v>
      </c>
      <c r="K1818">
        <v>44885.575519999999</v>
      </c>
      <c r="L1818">
        <v>26482.048129999999</v>
      </c>
      <c r="M1818">
        <v>212938.34719999999</v>
      </c>
      <c r="N1818">
        <v>75568.049480000001</v>
      </c>
      <c r="O1818">
        <v>21025.4889</v>
      </c>
      <c r="P1818">
        <v>33402.255409999998</v>
      </c>
      <c r="Q1818">
        <v>50514.809430000001</v>
      </c>
      <c r="R1818">
        <v>17744.43852</v>
      </c>
      <c r="S1818">
        <v>87042.494179999994</v>
      </c>
      <c r="T1818">
        <v>31985.373640000002</v>
      </c>
      <c r="U1818">
        <v>13822.28638</v>
      </c>
      <c r="W1818" s="83">
        <f>Bühler!N1850</f>
        <v>45367.666666662262</v>
      </c>
      <c r="X1818" s="83">
        <v>43176.666666666664</v>
      </c>
      <c r="Y1818">
        <v>171649.58199999999</v>
      </c>
      <c r="Z1818">
        <v>25233.093570000001</v>
      </c>
      <c r="AA1818">
        <v>84970.730819999997</v>
      </c>
      <c r="AB1818">
        <v>40221.621469999998</v>
      </c>
      <c r="AC1818">
        <v>37134.22176</v>
      </c>
      <c r="AD1818">
        <v>32496.013500000001</v>
      </c>
      <c r="AE1818">
        <v>36569.407749999998</v>
      </c>
      <c r="AF1818">
        <v>44885.575519999999</v>
      </c>
      <c r="AG1818">
        <v>26482.048129999999</v>
      </c>
      <c r="AH1818">
        <v>212938.34719999999</v>
      </c>
      <c r="AI1818">
        <v>75568.049480000001</v>
      </c>
      <c r="AJ1818">
        <v>21025.4889</v>
      </c>
      <c r="AK1818">
        <v>33402.255409999998</v>
      </c>
      <c r="AL1818">
        <v>50514.809430000001</v>
      </c>
      <c r="AM1818">
        <v>17744.43852</v>
      </c>
      <c r="AN1818">
        <v>87042.494179999994</v>
      </c>
      <c r="AO1818">
        <v>31985.373640000002</v>
      </c>
      <c r="AP1818">
        <v>13822.28638</v>
      </c>
    </row>
    <row r="1819" spans="2:42" x14ac:dyDescent="0.3">
      <c r="B1819">
        <v>41.007366073893927</v>
      </c>
      <c r="C1819" s="83">
        <v>43176.708333333336</v>
      </c>
      <c r="D1819">
        <v>170446.39499999999</v>
      </c>
      <c r="E1819">
        <v>25128.442459999998</v>
      </c>
      <c r="F1819">
        <v>84986.736720000001</v>
      </c>
      <c r="G1819">
        <v>39967.45779</v>
      </c>
      <c r="H1819">
        <v>37445.910600000003</v>
      </c>
      <c r="I1819">
        <v>33619.630689999998</v>
      </c>
      <c r="J1819">
        <v>37061.607669999998</v>
      </c>
      <c r="K1819">
        <v>44792.127410000001</v>
      </c>
      <c r="L1819">
        <v>27414.65854</v>
      </c>
      <c r="M1819">
        <v>209074.67569999999</v>
      </c>
      <c r="N1819">
        <v>71549.957200000004</v>
      </c>
      <c r="O1819">
        <v>21080.988789999999</v>
      </c>
      <c r="P1819">
        <v>34365.957560000003</v>
      </c>
      <c r="Q1819">
        <v>49953.931709999997</v>
      </c>
      <c r="R1819">
        <v>20073.298859999999</v>
      </c>
      <c r="S1819">
        <v>89485.291989999998</v>
      </c>
      <c r="T1819">
        <v>32202.88103</v>
      </c>
      <c r="U1819">
        <v>14281.53652</v>
      </c>
      <c r="W1819" s="83">
        <f>Bühler!N1851</f>
        <v>45367.708333328927</v>
      </c>
      <c r="X1819" s="83">
        <v>43176.708333333336</v>
      </c>
      <c r="Y1819">
        <v>170446.39499999999</v>
      </c>
      <c r="Z1819">
        <v>25128.442459999998</v>
      </c>
      <c r="AA1819">
        <v>84986.736720000001</v>
      </c>
      <c r="AB1819">
        <v>39967.45779</v>
      </c>
      <c r="AC1819">
        <v>37445.910600000003</v>
      </c>
      <c r="AD1819">
        <v>33619.630689999998</v>
      </c>
      <c r="AE1819">
        <v>37061.607669999998</v>
      </c>
      <c r="AF1819">
        <v>44792.127410000001</v>
      </c>
      <c r="AG1819">
        <v>27414.65854</v>
      </c>
      <c r="AH1819">
        <v>209074.67569999999</v>
      </c>
      <c r="AI1819">
        <v>71549.957200000004</v>
      </c>
      <c r="AJ1819">
        <v>21080.988789999999</v>
      </c>
      <c r="AK1819">
        <v>34365.957560000003</v>
      </c>
      <c r="AL1819">
        <v>49953.931709999997</v>
      </c>
      <c r="AM1819">
        <v>20073.298859999999</v>
      </c>
      <c r="AN1819">
        <v>89485.291989999998</v>
      </c>
      <c r="AO1819">
        <v>32202.88103</v>
      </c>
      <c r="AP1819">
        <v>14281.53652</v>
      </c>
    </row>
    <row r="1820" spans="2:42" x14ac:dyDescent="0.3">
      <c r="B1820">
        <v>40.886759374004619</v>
      </c>
      <c r="C1820" s="83">
        <v>43176.75</v>
      </c>
      <c r="D1820">
        <v>169811.2838</v>
      </c>
      <c r="E1820">
        <v>24619.25446</v>
      </c>
      <c r="F1820">
        <v>83976.108479999995</v>
      </c>
      <c r="G1820">
        <v>40229.737809999999</v>
      </c>
      <c r="H1820">
        <v>37261.940949999997</v>
      </c>
      <c r="I1820">
        <v>34002.494339999997</v>
      </c>
      <c r="J1820">
        <v>38607.604220000001</v>
      </c>
      <c r="K1820">
        <v>44327.330150000002</v>
      </c>
      <c r="L1820">
        <v>29603.802960000001</v>
      </c>
      <c r="M1820">
        <v>208459.7665</v>
      </c>
      <c r="N1820">
        <v>70876.30919</v>
      </c>
      <c r="O1820">
        <v>21597.50489</v>
      </c>
      <c r="P1820">
        <v>39452.486210000003</v>
      </c>
      <c r="Q1820">
        <v>49028.188929999997</v>
      </c>
      <c r="R1820">
        <v>18970.747599999999</v>
      </c>
      <c r="S1820">
        <v>89061.879230000006</v>
      </c>
      <c r="T1820">
        <v>32894.549760000002</v>
      </c>
      <c r="U1820">
        <v>14577.74151</v>
      </c>
      <c r="W1820" s="83">
        <f>Bühler!N1852</f>
        <v>45367.749999995591</v>
      </c>
      <c r="X1820" s="83">
        <v>43176.75</v>
      </c>
      <c r="Y1820">
        <v>169811.2838</v>
      </c>
      <c r="Z1820">
        <v>24619.25446</v>
      </c>
      <c r="AA1820">
        <v>83976.108479999995</v>
      </c>
      <c r="AB1820">
        <v>40229.737809999999</v>
      </c>
      <c r="AC1820">
        <v>37261.940949999997</v>
      </c>
      <c r="AD1820">
        <v>34002.494339999997</v>
      </c>
      <c r="AE1820">
        <v>38607.604220000001</v>
      </c>
      <c r="AF1820">
        <v>44327.330150000002</v>
      </c>
      <c r="AG1820">
        <v>29603.802960000001</v>
      </c>
      <c r="AH1820">
        <v>208459.7665</v>
      </c>
      <c r="AI1820">
        <v>70876.30919</v>
      </c>
      <c r="AJ1820">
        <v>21597.50489</v>
      </c>
      <c r="AK1820">
        <v>39452.486210000003</v>
      </c>
      <c r="AL1820">
        <v>49028.188929999997</v>
      </c>
      <c r="AM1820">
        <v>18970.747599999999</v>
      </c>
      <c r="AN1820">
        <v>89061.879230000006</v>
      </c>
      <c r="AO1820">
        <v>32894.549760000002</v>
      </c>
      <c r="AP1820">
        <v>14577.74151</v>
      </c>
    </row>
    <row r="1821" spans="2:42" x14ac:dyDescent="0.3">
      <c r="B1821">
        <v>41.060746420403312</v>
      </c>
      <c r="C1821" s="83">
        <v>43176.791666666664</v>
      </c>
      <c r="D1821">
        <v>171305.33609999999</v>
      </c>
      <c r="E1821">
        <v>21898.201710000001</v>
      </c>
      <c r="F1821">
        <v>74479.28512</v>
      </c>
      <c r="G1821">
        <v>41604.598080000003</v>
      </c>
      <c r="H1821">
        <v>38909.102859999999</v>
      </c>
      <c r="I1821">
        <v>34784.214650000002</v>
      </c>
      <c r="J1821">
        <v>41046.278709999999</v>
      </c>
      <c r="K1821">
        <v>45053.761330000001</v>
      </c>
      <c r="L1821">
        <v>32983.832159999998</v>
      </c>
      <c r="M1821">
        <v>209346.83360000001</v>
      </c>
      <c r="N1821">
        <v>72761.567240000004</v>
      </c>
      <c r="O1821">
        <v>22434.429789999998</v>
      </c>
      <c r="P1821">
        <v>42809.34001</v>
      </c>
      <c r="Q1821">
        <v>48520.492129999999</v>
      </c>
      <c r="R1821">
        <v>19276.88438</v>
      </c>
      <c r="S1821">
        <v>90910.583020000005</v>
      </c>
      <c r="T1821">
        <v>33279.306259999998</v>
      </c>
      <c r="U1821">
        <v>15429.53658</v>
      </c>
      <c r="W1821" s="83">
        <f>Bühler!N1853</f>
        <v>45367.791666662255</v>
      </c>
      <c r="X1821" s="83">
        <v>43176.791666666664</v>
      </c>
      <c r="Y1821">
        <v>171305.33609999999</v>
      </c>
      <c r="Z1821">
        <v>21898.201710000001</v>
      </c>
      <c r="AA1821">
        <v>74479.28512</v>
      </c>
      <c r="AB1821">
        <v>41604.598080000003</v>
      </c>
      <c r="AC1821">
        <v>38909.102859999999</v>
      </c>
      <c r="AD1821">
        <v>34784.214650000002</v>
      </c>
      <c r="AE1821">
        <v>41046.278709999999</v>
      </c>
      <c r="AF1821">
        <v>45053.761330000001</v>
      </c>
      <c r="AG1821">
        <v>32983.832159999998</v>
      </c>
      <c r="AH1821">
        <v>209346.83360000001</v>
      </c>
      <c r="AI1821">
        <v>72761.567240000004</v>
      </c>
      <c r="AJ1821">
        <v>22434.429789999998</v>
      </c>
      <c r="AK1821">
        <v>42809.34001</v>
      </c>
      <c r="AL1821">
        <v>48520.492129999999</v>
      </c>
      <c r="AM1821">
        <v>19276.88438</v>
      </c>
      <c r="AN1821">
        <v>90910.583020000005</v>
      </c>
      <c r="AO1821">
        <v>33279.306259999998</v>
      </c>
      <c r="AP1821">
        <v>15429.53658</v>
      </c>
    </row>
    <row r="1822" spans="2:42" x14ac:dyDescent="0.3">
      <c r="B1822">
        <v>40.555862396982917</v>
      </c>
      <c r="C1822" s="83">
        <v>43176.833333333336</v>
      </c>
      <c r="D1822">
        <v>171290.07939999999</v>
      </c>
      <c r="E1822">
        <v>16994.25549</v>
      </c>
      <c r="F1822">
        <v>55560.154580000002</v>
      </c>
      <c r="G1822">
        <v>41432.824280000001</v>
      </c>
      <c r="H1822">
        <v>38353.544070000004</v>
      </c>
      <c r="I1822">
        <v>32349.191279999999</v>
      </c>
      <c r="J1822">
        <v>40059.936880000001</v>
      </c>
      <c r="K1822">
        <v>45145.554279999997</v>
      </c>
      <c r="L1822">
        <v>32661.83309</v>
      </c>
      <c r="M1822">
        <v>206772.69940000001</v>
      </c>
      <c r="N1822">
        <v>72502.768909999999</v>
      </c>
      <c r="O1822">
        <v>22409.066500000001</v>
      </c>
      <c r="P1822">
        <v>42668.520620000003</v>
      </c>
      <c r="Q1822">
        <v>47792.265420000003</v>
      </c>
      <c r="R1822">
        <v>19022.678609999999</v>
      </c>
      <c r="S1822">
        <v>85107.883180000004</v>
      </c>
      <c r="T1822">
        <v>30394.308990000001</v>
      </c>
      <c r="U1822">
        <v>15456.69622</v>
      </c>
      <c r="W1822" s="83">
        <f>Bühler!N1854</f>
        <v>45367.833333328919</v>
      </c>
      <c r="X1822" s="83">
        <v>43176.833333333336</v>
      </c>
      <c r="Y1822">
        <v>171290.07939999999</v>
      </c>
      <c r="Z1822">
        <v>16994.25549</v>
      </c>
      <c r="AA1822">
        <v>55560.154580000002</v>
      </c>
      <c r="AB1822">
        <v>41432.824280000001</v>
      </c>
      <c r="AC1822">
        <v>38353.544070000004</v>
      </c>
      <c r="AD1822">
        <v>32349.191279999999</v>
      </c>
      <c r="AE1822">
        <v>40059.936880000001</v>
      </c>
      <c r="AF1822">
        <v>45145.554279999997</v>
      </c>
      <c r="AG1822">
        <v>32661.83309</v>
      </c>
      <c r="AH1822">
        <v>206772.69940000001</v>
      </c>
      <c r="AI1822">
        <v>72502.768909999999</v>
      </c>
      <c r="AJ1822">
        <v>22409.066500000001</v>
      </c>
      <c r="AK1822">
        <v>42668.520620000003</v>
      </c>
      <c r="AL1822">
        <v>47792.265420000003</v>
      </c>
      <c r="AM1822">
        <v>19022.678609999999</v>
      </c>
      <c r="AN1822">
        <v>85107.883180000004</v>
      </c>
      <c r="AO1822">
        <v>30394.308990000001</v>
      </c>
      <c r="AP1822">
        <v>15456.69622</v>
      </c>
    </row>
    <row r="1823" spans="2:42" x14ac:dyDescent="0.3">
      <c r="B1823">
        <v>40.266264250997381</v>
      </c>
      <c r="C1823" s="83">
        <v>43176.875</v>
      </c>
      <c r="D1823">
        <v>170522.011</v>
      </c>
      <c r="E1823">
        <v>15255.711300000001</v>
      </c>
      <c r="F1823">
        <v>47982.176549999996</v>
      </c>
      <c r="G1823">
        <v>40915.03183</v>
      </c>
      <c r="H1823">
        <v>37527.854249999997</v>
      </c>
      <c r="I1823">
        <v>28952.819820000001</v>
      </c>
      <c r="J1823">
        <v>38673.299749999998</v>
      </c>
      <c r="K1823">
        <v>44323.58524</v>
      </c>
      <c r="L1823">
        <v>30742.143380000001</v>
      </c>
      <c r="M1823">
        <v>205296.193</v>
      </c>
      <c r="N1823">
        <v>71368.073869999993</v>
      </c>
      <c r="O1823">
        <v>21817.835480000002</v>
      </c>
      <c r="P1823">
        <v>40333.714720000004</v>
      </c>
      <c r="Q1823">
        <v>47034.376920000002</v>
      </c>
      <c r="R1823">
        <v>18321.580389999999</v>
      </c>
      <c r="S1823">
        <v>82604.246400000004</v>
      </c>
      <c r="T1823">
        <v>28506.514859999999</v>
      </c>
      <c r="U1823">
        <v>15305.516600000001</v>
      </c>
      <c r="W1823" s="83">
        <f>Bühler!N1855</f>
        <v>45367.874999995583</v>
      </c>
      <c r="X1823" s="83">
        <v>43176.875</v>
      </c>
      <c r="Y1823">
        <v>170522.011</v>
      </c>
      <c r="Z1823">
        <v>15255.711300000001</v>
      </c>
      <c r="AA1823">
        <v>47982.176549999996</v>
      </c>
      <c r="AB1823">
        <v>40915.03183</v>
      </c>
      <c r="AC1823">
        <v>37527.854249999997</v>
      </c>
      <c r="AD1823">
        <v>28952.819820000001</v>
      </c>
      <c r="AE1823">
        <v>38673.299749999998</v>
      </c>
      <c r="AF1823">
        <v>44323.58524</v>
      </c>
      <c r="AG1823">
        <v>30742.143380000001</v>
      </c>
      <c r="AH1823">
        <v>205296.193</v>
      </c>
      <c r="AI1823">
        <v>71368.073869999993</v>
      </c>
      <c r="AJ1823">
        <v>21817.835480000002</v>
      </c>
      <c r="AK1823">
        <v>40333.714720000004</v>
      </c>
      <c r="AL1823">
        <v>47034.376920000002</v>
      </c>
      <c r="AM1823">
        <v>18321.580389999999</v>
      </c>
      <c r="AN1823">
        <v>82604.246400000004</v>
      </c>
      <c r="AO1823">
        <v>28506.514859999999</v>
      </c>
      <c r="AP1823">
        <v>15305.516600000001</v>
      </c>
    </row>
    <row r="1824" spans="2:42" x14ac:dyDescent="0.3">
      <c r="B1824">
        <v>40.751301325705505</v>
      </c>
      <c r="C1824" s="83">
        <v>43176.916666666664</v>
      </c>
      <c r="D1824">
        <v>170631.0001</v>
      </c>
      <c r="E1824">
        <v>15252.300020000001</v>
      </c>
      <c r="F1824">
        <v>45822.208689999999</v>
      </c>
      <c r="G1824">
        <v>41390.392079999998</v>
      </c>
      <c r="H1824">
        <v>37917.754710000001</v>
      </c>
      <c r="I1824">
        <v>28294.770189999999</v>
      </c>
      <c r="J1824">
        <v>37861.973610000001</v>
      </c>
      <c r="K1824">
        <v>50653.012309999998</v>
      </c>
      <c r="L1824">
        <v>28165.589240000001</v>
      </c>
      <c r="M1824">
        <v>207769.13819999999</v>
      </c>
      <c r="N1824">
        <v>72097.234920000003</v>
      </c>
      <c r="O1824">
        <v>23071.778139999999</v>
      </c>
      <c r="P1824">
        <v>44196.106090000001</v>
      </c>
      <c r="Q1824">
        <v>46959.286749999999</v>
      </c>
      <c r="R1824">
        <v>26543.174760000002</v>
      </c>
      <c r="S1824">
        <v>81808.391140000007</v>
      </c>
      <c r="T1824">
        <v>27912.10742</v>
      </c>
      <c r="U1824">
        <v>16211.72263</v>
      </c>
      <c r="W1824" s="83">
        <f>Bühler!N1856</f>
        <v>45367.916666662248</v>
      </c>
      <c r="X1824" s="83">
        <v>43176.916666666664</v>
      </c>
      <c r="Y1824">
        <v>170631.0001</v>
      </c>
      <c r="Z1824">
        <v>15252.300020000001</v>
      </c>
      <c r="AA1824">
        <v>45822.208689999999</v>
      </c>
      <c r="AB1824">
        <v>41390.392079999998</v>
      </c>
      <c r="AC1824">
        <v>37917.754710000001</v>
      </c>
      <c r="AD1824">
        <v>28294.770189999999</v>
      </c>
      <c r="AE1824">
        <v>37861.973610000001</v>
      </c>
      <c r="AF1824">
        <v>50653.012309999998</v>
      </c>
      <c r="AG1824">
        <v>28165.589240000001</v>
      </c>
      <c r="AH1824">
        <v>207769.13819999999</v>
      </c>
      <c r="AI1824">
        <v>72097.234920000003</v>
      </c>
      <c r="AJ1824">
        <v>23071.778139999999</v>
      </c>
      <c r="AK1824">
        <v>44196.106090000001</v>
      </c>
      <c r="AL1824">
        <v>46959.286749999999</v>
      </c>
      <c r="AM1824">
        <v>26543.174760000002</v>
      </c>
      <c r="AN1824">
        <v>81808.391140000007</v>
      </c>
      <c r="AO1824">
        <v>27912.10742</v>
      </c>
      <c r="AP1824">
        <v>16211.72263</v>
      </c>
    </row>
    <row r="1825" spans="2:42" x14ac:dyDescent="0.3">
      <c r="B1825">
        <v>40.323765130739886</v>
      </c>
      <c r="C1825" s="83">
        <v>43176.958333333336</v>
      </c>
      <c r="D1825">
        <v>169957.31469999999</v>
      </c>
      <c r="E1825">
        <v>15200.52622</v>
      </c>
      <c r="F1825">
        <v>44435.183859999997</v>
      </c>
      <c r="G1825">
        <v>41070.515930000001</v>
      </c>
      <c r="H1825">
        <v>37632.351269999999</v>
      </c>
      <c r="I1825">
        <v>27661.35068</v>
      </c>
      <c r="J1825">
        <v>35969.855689999997</v>
      </c>
      <c r="K1825">
        <v>50314.851840000003</v>
      </c>
      <c r="L1825">
        <v>23977.165809999999</v>
      </c>
      <c r="M1825">
        <v>205589.35930000001</v>
      </c>
      <c r="N1825">
        <v>72246.954360000003</v>
      </c>
      <c r="O1825">
        <v>23180.242679999999</v>
      </c>
      <c r="P1825">
        <v>39220.569289999999</v>
      </c>
      <c r="Q1825">
        <v>46486.084699999999</v>
      </c>
      <c r="R1825">
        <v>28761.998309999999</v>
      </c>
      <c r="S1825">
        <v>80249.319350000005</v>
      </c>
      <c r="T1825">
        <v>28609.704949999999</v>
      </c>
      <c r="U1825">
        <v>15308.488300000001</v>
      </c>
      <c r="W1825" s="83">
        <f>Bühler!N1857</f>
        <v>45367.958333328912</v>
      </c>
      <c r="X1825" s="83">
        <v>43176.958333333336</v>
      </c>
      <c r="Y1825">
        <v>169957.31469999999</v>
      </c>
      <c r="Z1825">
        <v>15200.52622</v>
      </c>
      <c r="AA1825">
        <v>44435.183859999997</v>
      </c>
      <c r="AB1825">
        <v>41070.515930000001</v>
      </c>
      <c r="AC1825">
        <v>37632.351269999999</v>
      </c>
      <c r="AD1825">
        <v>27661.35068</v>
      </c>
      <c r="AE1825">
        <v>35969.855689999997</v>
      </c>
      <c r="AF1825">
        <v>50314.851840000003</v>
      </c>
      <c r="AG1825">
        <v>23977.165809999999</v>
      </c>
      <c r="AH1825">
        <v>205589.35930000001</v>
      </c>
      <c r="AI1825">
        <v>72246.954360000003</v>
      </c>
      <c r="AJ1825">
        <v>23180.242679999999</v>
      </c>
      <c r="AK1825">
        <v>39220.569289999999</v>
      </c>
      <c r="AL1825">
        <v>46486.084699999999</v>
      </c>
      <c r="AM1825">
        <v>28761.998309999999</v>
      </c>
      <c r="AN1825">
        <v>80249.319350000005</v>
      </c>
      <c r="AO1825">
        <v>28609.704949999999</v>
      </c>
      <c r="AP1825">
        <v>15308.488300000001</v>
      </c>
    </row>
    <row r="1826" spans="2:42" x14ac:dyDescent="0.3">
      <c r="B1826">
        <v>40.193398986213168</v>
      </c>
      <c r="C1826" s="83">
        <v>43177</v>
      </c>
      <c r="D1826">
        <v>169133.1446</v>
      </c>
      <c r="E1826">
        <v>14934.87227</v>
      </c>
      <c r="F1826">
        <v>43650.383139999998</v>
      </c>
      <c r="G1826">
        <v>41332.272380000002</v>
      </c>
      <c r="H1826">
        <v>37518.020550000001</v>
      </c>
      <c r="I1826">
        <v>25726.659660000001</v>
      </c>
      <c r="J1826">
        <v>34101.479639999998</v>
      </c>
      <c r="K1826">
        <v>48433.847659999999</v>
      </c>
      <c r="L1826">
        <v>20336.806140000001</v>
      </c>
      <c r="M1826">
        <v>204924.69190000001</v>
      </c>
      <c r="N1826">
        <v>70904.092780000006</v>
      </c>
      <c r="O1826">
        <v>22816.854739999999</v>
      </c>
      <c r="P1826">
        <v>35235.243640000001</v>
      </c>
      <c r="Q1826">
        <v>46073.771999999997</v>
      </c>
      <c r="R1826">
        <v>25225.291829999998</v>
      </c>
      <c r="S1826">
        <v>79433.952040000004</v>
      </c>
      <c r="T1826">
        <v>27427.930980000001</v>
      </c>
      <c r="U1826">
        <v>15436.36753</v>
      </c>
      <c r="W1826" s="83">
        <f>Bühler!N1858</f>
        <v>45367.999999995576</v>
      </c>
      <c r="X1826" s="83">
        <v>43177</v>
      </c>
      <c r="Y1826">
        <v>169133.1446</v>
      </c>
      <c r="Z1826">
        <v>14934.87227</v>
      </c>
      <c r="AA1826">
        <v>43650.383139999998</v>
      </c>
      <c r="AB1826">
        <v>41332.272380000002</v>
      </c>
      <c r="AC1826">
        <v>37518.020550000001</v>
      </c>
      <c r="AD1826">
        <v>25726.659660000001</v>
      </c>
      <c r="AE1826">
        <v>34101.479639999998</v>
      </c>
      <c r="AF1826">
        <v>48433.847659999999</v>
      </c>
      <c r="AG1826">
        <v>20336.806140000001</v>
      </c>
      <c r="AH1826">
        <v>204924.69190000001</v>
      </c>
      <c r="AI1826">
        <v>70904.092780000006</v>
      </c>
      <c r="AJ1826">
        <v>22816.854739999999</v>
      </c>
      <c r="AK1826">
        <v>35235.243640000001</v>
      </c>
      <c r="AL1826">
        <v>46073.771999999997</v>
      </c>
      <c r="AM1826">
        <v>25225.291829999998</v>
      </c>
      <c r="AN1826">
        <v>79433.952040000004</v>
      </c>
      <c r="AO1826">
        <v>27427.930980000001</v>
      </c>
      <c r="AP1826">
        <v>15436.36753</v>
      </c>
    </row>
    <row r="1827" spans="2:42" x14ac:dyDescent="0.3">
      <c r="B1827">
        <v>39.903341604088176</v>
      </c>
      <c r="C1827" s="83">
        <v>43177.041666666664</v>
      </c>
      <c r="D1827">
        <v>169721.8774</v>
      </c>
      <c r="E1827">
        <v>14925.10612</v>
      </c>
      <c r="F1827">
        <v>43784.00402</v>
      </c>
      <c r="G1827">
        <v>41039.385479999997</v>
      </c>
      <c r="H1827">
        <v>36882.577440000001</v>
      </c>
      <c r="I1827">
        <v>21650.60096</v>
      </c>
      <c r="J1827">
        <v>33547.90034</v>
      </c>
      <c r="K1827">
        <v>47093.052620000002</v>
      </c>
      <c r="L1827">
        <v>19459.964169999999</v>
      </c>
      <c r="M1827">
        <v>203445.84409999999</v>
      </c>
      <c r="N1827">
        <v>70146.946169999996</v>
      </c>
      <c r="O1827">
        <v>22721.915260000002</v>
      </c>
      <c r="P1827">
        <v>33724.655850000003</v>
      </c>
      <c r="Q1827">
        <v>46983.015330000002</v>
      </c>
      <c r="R1827">
        <v>23363.841049999999</v>
      </c>
      <c r="S1827">
        <v>78740.114549999998</v>
      </c>
      <c r="T1827">
        <v>26665.764500000001</v>
      </c>
      <c r="U1827">
        <v>15872.21754</v>
      </c>
      <c r="W1827" s="83">
        <f>Bühler!N1859</f>
        <v>45368.04166666224</v>
      </c>
      <c r="X1827" s="83">
        <v>43177.041666666664</v>
      </c>
      <c r="Y1827">
        <v>169721.8774</v>
      </c>
      <c r="Z1827">
        <v>14925.10612</v>
      </c>
      <c r="AA1827">
        <v>43784.00402</v>
      </c>
      <c r="AB1827">
        <v>41039.385479999997</v>
      </c>
      <c r="AC1827">
        <v>36882.577440000001</v>
      </c>
      <c r="AD1827">
        <v>21650.60096</v>
      </c>
      <c r="AE1827">
        <v>33547.90034</v>
      </c>
      <c r="AF1827">
        <v>47093.052620000002</v>
      </c>
      <c r="AG1827">
        <v>19459.964169999999</v>
      </c>
      <c r="AH1827">
        <v>203445.84409999999</v>
      </c>
      <c r="AI1827">
        <v>70146.946169999996</v>
      </c>
      <c r="AJ1827">
        <v>22721.915260000002</v>
      </c>
      <c r="AK1827">
        <v>33724.655850000003</v>
      </c>
      <c r="AL1827">
        <v>46983.015330000002</v>
      </c>
      <c r="AM1827">
        <v>23363.841049999999</v>
      </c>
      <c r="AN1827">
        <v>78740.114549999998</v>
      </c>
      <c r="AO1827">
        <v>26665.764500000001</v>
      </c>
      <c r="AP1827">
        <v>15872.21754</v>
      </c>
    </row>
    <row r="1828" spans="2:42" x14ac:dyDescent="0.3">
      <c r="B1828">
        <v>39.977700769094369</v>
      </c>
      <c r="C1828" s="83">
        <v>43177.083333333336</v>
      </c>
      <c r="D1828">
        <v>169629.37909999999</v>
      </c>
      <c r="E1828">
        <v>14987.684579999999</v>
      </c>
      <c r="F1828">
        <v>43849.10555</v>
      </c>
      <c r="G1828">
        <v>40868.416850000001</v>
      </c>
      <c r="H1828">
        <v>37171.499199999998</v>
      </c>
      <c r="I1828">
        <v>18349.852449999998</v>
      </c>
      <c r="J1828">
        <v>33459.523070000003</v>
      </c>
      <c r="K1828">
        <v>45448.120450000002</v>
      </c>
      <c r="L1828">
        <v>19835.357840000001</v>
      </c>
      <c r="M1828">
        <v>203824.96179999999</v>
      </c>
      <c r="N1828">
        <v>69885.858770000006</v>
      </c>
      <c r="O1828">
        <v>22918.523130000001</v>
      </c>
      <c r="P1828">
        <v>32453.342229999998</v>
      </c>
      <c r="Q1828">
        <v>48956.29767</v>
      </c>
      <c r="R1828">
        <v>23254.76238</v>
      </c>
      <c r="S1828">
        <v>78304.730620000002</v>
      </c>
      <c r="T1828">
        <v>25531.108700000001</v>
      </c>
      <c r="U1828">
        <v>15971.41496</v>
      </c>
      <c r="W1828" s="83">
        <f>Bühler!N1860</f>
        <v>45368.083333328905</v>
      </c>
      <c r="X1828" s="83">
        <v>43177.083333333336</v>
      </c>
      <c r="Y1828">
        <v>169629.37909999999</v>
      </c>
      <c r="Z1828">
        <v>14987.684579999999</v>
      </c>
      <c r="AA1828">
        <v>43849.10555</v>
      </c>
      <c r="AB1828">
        <v>40868.416850000001</v>
      </c>
      <c r="AC1828">
        <v>37171.499199999998</v>
      </c>
      <c r="AD1828">
        <v>18349.852449999998</v>
      </c>
      <c r="AE1828">
        <v>33459.523070000003</v>
      </c>
      <c r="AF1828">
        <v>45448.120450000002</v>
      </c>
      <c r="AG1828">
        <v>19835.357840000001</v>
      </c>
      <c r="AH1828">
        <v>203824.96179999999</v>
      </c>
      <c r="AI1828">
        <v>69885.858770000006</v>
      </c>
      <c r="AJ1828">
        <v>22918.523130000001</v>
      </c>
      <c r="AK1828">
        <v>32453.342229999998</v>
      </c>
      <c r="AL1828">
        <v>48956.29767</v>
      </c>
      <c r="AM1828">
        <v>23254.76238</v>
      </c>
      <c r="AN1828">
        <v>78304.730620000002</v>
      </c>
      <c r="AO1828">
        <v>25531.108700000001</v>
      </c>
      <c r="AP1828">
        <v>15971.41496</v>
      </c>
    </row>
    <row r="1829" spans="2:42" x14ac:dyDescent="0.3">
      <c r="B1829">
        <v>39.873961690609619</v>
      </c>
      <c r="C1829" s="83">
        <v>43177.125</v>
      </c>
      <c r="D1829">
        <v>168799.8039</v>
      </c>
      <c r="E1829">
        <v>15075.83059</v>
      </c>
      <c r="F1829">
        <v>43784.649360000003</v>
      </c>
      <c r="G1829">
        <v>39948.639799999997</v>
      </c>
      <c r="H1829">
        <v>36854.675929999998</v>
      </c>
      <c r="I1829">
        <v>18163.678349999998</v>
      </c>
      <c r="J1829">
        <v>33930.069470000002</v>
      </c>
      <c r="K1829">
        <v>43345.711539999997</v>
      </c>
      <c r="L1829">
        <v>19401.589830000001</v>
      </c>
      <c r="M1829">
        <v>203296.05160000001</v>
      </c>
      <c r="N1829">
        <v>70684.314580000006</v>
      </c>
      <c r="O1829">
        <v>23164.684140000001</v>
      </c>
      <c r="P1829">
        <v>32309.566599999998</v>
      </c>
      <c r="Q1829">
        <v>50271.617760000001</v>
      </c>
      <c r="R1829">
        <v>22965.60224</v>
      </c>
      <c r="S1829">
        <v>77972.876120000001</v>
      </c>
      <c r="T1829">
        <v>25756.793450000001</v>
      </c>
      <c r="U1829">
        <v>16146.86954</v>
      </c>
      <c r="W1829" s="83">
        <f>Bühler!N1861</f>
        <v>45368.124999995569</v>
      </c>
      <c r="X1829" s="83">
        <v>43177.125</v>
      </c>
      <c r="Y1829">
        <v>168799.8039</v>
      </c>
      <c r="Z1829">
        <v>15075.83059</v>
      </c>
      <c r="AA1829">
        <v>43784.649360000003</v>
      </c>
      <c r="AB1829">
        <v>39948.639799999997</v>
      </c>
      <c r="AC1829">
        <v>36854.675929999998</v>
      </c>
      <c r="AD1829">
        <v>18163.678349999998</v>
      </c>
      <c r="AE1829">
        <v>33930.069470000002</v>
      </c>
      <c r="AF1829">
        <v>43345.711539999997</v>
      </c>
      <c r="AG1829">
        <v>19401.589830000001</v>
      </c>
      <c r="AH1829">
        <v>203296.05160000001</v>
      </c>
      <c r="AI1829">
        <v>70684.314580000006</v>
      </c>
      <c r="AJ1829">
        <v>23164.684140000001</v>
      </c>
      <c r="AK1829">
        <v>32309.566599999998</v>
      </c>
      <c r="AL1829">
        <v>50271.617760000001</v>
      </c>
      <c r="AM1829">
        <v>22965.60224</v>
      </c>
      <c r="AN1829">
        <v>77972.876120000001</v>
      </c>
      <c r="AO1829">
        <v>25756.793450000001</v>
      </c>
      <c r="AP1829">
        <v>16146.86954</v>
      </c>
    </row>
    <row r="1830" spans="2:42" x14ac:dyDescent="0.3">
      <c r="B1830">
        <v>39.825276461885565</v>
      </c>
      <c r="C1830" s="83">
        <v>43177.166666666664</v>
      </c>
      <c r="D1830">
        <v>167768.6525</v>
      </c>
      <c r="E1830">
        <v>15175.23452</v>
      </c>
      <c r="F1830">
        <v>43919.263500000001</v>
      </c>
      <c r="G1830">
        <v>39281.546490000001</v>
      </c>
      <c r="H1830">
        <v>36931.084419999999</v>
      </c>
      <c r="I1830">
        <v>19292.72825</v>
      </c>
      <c r="J1830">
        <v>35955.210209999997</v>
      </c>
      <c r="K1830">
        <v>42619.7353</v>
      </c>
      <c r="L1830">
        <v>19446.499800000001</v>
      </c>
      <c r="M1830">
        <v>203047.8316</v>
      </c>
      <c r="N1830">
        <v>69775.16171</v>
      </c>
      <c r="O1830">
        <v>23678.467390000002</v>
      </c>
      <c r="P1830">
        <v>31927.303339999999</v>
      </c>
      <c r="Q1830">
        <v>51019.209540000003</v>
      </c>
      <c r="R1830">
        <v>22797.908889999999</v>
      </c>
      <c r="S1830">
        <v>79169.442930000005</v>
      </c>
      <c r="T1830">
        <v>25536.567449999999</v>
      </c>
      <c r="U1830">
        <v>16246.728349999999</v>
      </c>
      <c r="W1830" s="83">
        <f>Bühler!N1862</f>
        <v>45368.166666662233</v>
      </c>
      <c r="X1830" s="83">
        <v>43177.166666666664</v>
      </c>
      <c r="Y1830">
        <v>167768.6525</v>
      </c>
      <c r="Z1830">
        <v>15175.23452</v>
      </c>
      <c r="AA1830">
        <v>43919.263500000001</v>
      </c>
      <c r="AB1830">
        <v>39281.546490000001</v>
      </c>
      <c r="AC1830">
        <v>36931.084419999999</v>
      </c>
      <c r="AD1830">
        <v>19292.72825</v>
      </c>
      <c r="AE1830">
        <v>35955.210209999997</v>
      </c>
      <c r="AF1830">
        <v>42619.7353</v>
      </c>
      <c r="AG1830">
        <v>19446.499800000001</v>
      </c>
      <c r="AH1830">
        <v>203047.8316</v>
      </c>
      <c r="AI1830">
        <v>69775.16171</v>
      </c>
      <c r="AJ1830">
        <v>23678.467390000002</v>
      </c>
      <c r="AK1830">
        <v>31927.303339999999</v>
      </c>
      <c r="AL1830">
        <v>51019.209540000003</v>
      </c>
      <c r="AM1830">
        <v>22797.908889999999</v>
      </c>
      <c r="AN1830">
        <v>79169.442930000005</v>
      </c>
      <c r="AO1830">
        <v>25536.567449999999</v>
      </c>
      <c r="AP1830">
        <v>16246.728349999999</v>
      </c>
    </row>
    <row r="1831" spans="2:42" x14ac:dyDescent="0.3">
      <c r="B1831">
        <v>39.70257142510777</v>
      </c>
      <c r="C1831" s="83">
        <v>43177.208333333336</v>
      </c>
      <c r="D1831">
        <v>167579.3475</v>
      </c>
      <c r="E1831">
        <v>15399.95069</v>
      </c>
      <c r="F1831">
        <v>44825.552909999999</v>
      </c>
      <c r="G1831">
        <v>39953.643199999999</v>
      </c>
      <c r="H1831">
        <v>37643.59794</v>
      </c>
      <c r="I1831">
        <v>23992.803159999999</v>
      </c>
      <c r="J1831">
        <v>38241.107170000003</v>
      </c>
      <c r="K1831">
        <v>41911.747170000002</v>
      </c>
      <c r="L1831">
        <v>19902.69081</v>
      </c>
      <c r="M1831">
        <v>202422.22409999999</v>
      </c>
      <c r="N1831">
        <v>68578.234030000007</v>
      </c>
      <c r="O1831">
        <v>23398.522919999999</v>
      </c>
      <c r="P1831">
        <v>32778.887139999999</v>
      </c>
      <c r="Q1831">
        <v>50396.697959999998</v>
      </c>
      <c r="R1831">
        <v>24014.63811</v>
      </c>
      <c r="S1831">
        <v>81295.499800000005</v>
      </c>
      <c r="T1831">
        <v>26031.870760000002</v>
      </c>
      <c r="U1831">
        <v>16611.906930000001</v>
      </c>
      <c r="W1831" s="83">
        <f>Bühler!N1863</f>
        <v>45368.208333328897</v>
      </c>
      <c r="X1831" s="83">
        <v>43177.208333333336</v>
      </c>
      <c r="Y1831">
        <v>167579.3475</v>
      </c>
      <c r="Z1831">
        <v>15399.95069</v>
      </c>
      <c r="AA1831">
        <v>44825.552909999999</v>
      </c>
      <c r="AB1831">
        <v>39953.643199999999</v>
      </c>
      <c r="AC1831">
        <v>37643.59794</v>
      </c>
      <c r="AD1831">
        <v>23992.803159999999</v>
      </c>
      <c r="AE1831">
        <v>38241.107170000003</v>
      </c>
      <c r="AF1831">
        <v>41911.747170000002</v>
      </c>
      <c r="AG1831">
        <v>19902.69081</v>
      </c>
      <c r="AH1831">
        <v>202422.22409999999</v>
      </c>
      <c r="AI1831">
        <v>68578.234030000007</v>
      </c>
      <c r="AJ1831">
        <v>23398.522919999999</v>
      </c>
      <c r="AK1831">
        <v>32778.887139999999</v>
      </c>
      <c r="AL1831">
        <v>50396.697959999998</v>
      </c>
      <c r="AM1831">
        <v>24014.63811</v>
      </c>
      <c r="AN1831">
        <v>81295.499800000005</v>
      </c>
      <c r="AO1831">
        <v>26031.870760000002</v>
      </c>
      <c r="AP1831">
        <v>16611.906930000001</v>
      </c>
    </row>
    <row r="1832" spans="2:42" x14ac:dyDescent="0.3">
      <c r="B1832">
        <v>39.616365011154784</v>
      </c>
      <c r="C1832" s="83">
        <v>43177.25</v>
      </c>
      <c r="D1832">
        <v>167850.5753</v>
      </c>
      <c r="E1832">
        <v>15838.32336</v>
      </c>
      <c r="F1832">
        <v>46293.908739999999</v>
      </c>
      <c r="G1832">
        <v>40324.724370000004</v>
      </c>
      <c r="H1832">
        <v>37249.600400000003</v>
      </c>
      <c r="I1832">
        <v>26676.93246</v>
      </c>
      <c r="J1832">
        <v>40631.256289999998</v>
      </c>
      <c r="K1832">
        <v>41789.030070000001</v>
      </c>
      <c r="L1832">
        <v>20556.933430000001</v>
      </c>
      <c r="M1832">
        <v>201982.70360000001</v>
      </c>
      <c r="N1832">
        <v>67706.843290000004</v>
      </c>
      <c r="O1832">
        <v>22732.27216</v>
      </c>
      <c r="P1832">
        <v>33553.658990000004</v>
      </c>
      <c r="Q1832">
        <v>49750.760260000003</v>
      </c>
      <c r="R1832">
        <v>16292.86075</v>
      </c>
      <c r="S1832">
        <v>84598.865739999994</v>
      </c>
      <c r="T1832">
        <v>26833.701580000001</v>
      </c>
      <c r="U1832">
        <v>15597.060949999999</v>
      </c>
      <c r="W1832" s="83">
        <f>Bühler!N1864</f>
        <v>45368.249999995562</v>
      </c>
      <c r="X1832" s="83">
        <v>43177.25</v>
      </c>
      <c r="Y1832">
        <v>167850.5753</v>
      </c>
      <c r="Z1832">
        <v>15838.32336</v>
      </c>
      <c r="AA1832">
        <v>46293.908739999999</v>
      </c>
      <c r="AB1832">
        <v>40324.724370000004</v>
      </c>
      <c r="AC1832">
        <v>37249.600400000003</v>
      </c>
      <c r="AD1832">
        <v>26676.93246</v>
      </c>
      <c r="AE1832">
        <v>40631.256289999998</v>
      </c>
      <c r="AF1832">
        <v>41789.030070000001</v>
      </c>
      <c r="AG1832">
        <v>20556.933430000001</v>
      </c>
      <c r="AH1832">
        <v>201982.70360000001</v>
      </c>
      <c r="AI1832">
        <v>67706.843290000004</v>
      </c>
      <c r="AJ1832">
        <v>22732.27216</v>
      </c>
      <c r="AK1832">
        <v>33553.658990000004</v>
      </c>
      <c r="AL1832">
        <v>49750.760260000003</v>
      </c>
      <c r="AM1832">
        <v>16292.86075</v>
      </c>
      <c r="AN1832">
        <v>84598.865739999994</v>
      </c>
      <c r="AO1832">
        <v>26833.701580000001</v>
      </c>
      <c r="AP1832">
        <v>15597.060949999999</v>
      </c>
    </row>
    <row r="1833" spans="2:42" x14ac:dyDescent="0.3">
      <c r="B1833">
        <v>39.269149793623114</v>
      </c>
      <c r="C1833" s="83">
        <v>43177.291666666664</v>
      </c>
      <c r="D1833">
        <v>166886.5208</v>
      </c>
      <c r="E1833">
        <v>15931.022220000001</v>
      </c>
      <c r="F1833">
        <v>47966.945189999999</v>
      </c>
      <c r="G1833">
        <v>39946.863850000002</v>
      </c>
      <c r="H1833">
        <v>36222.374989999997</v>
      </c>
      <c r="I1833">
        <v>27773.245719999999</v>
      </c>
      <c r="J1833">
        <v>40656.002410000001</v>
      </c>
      <c r="K1833">
        <v>41470.463860000003</v>
      </c>
      <c r="L1833">
        <v>21351.211210000001</v>
      </c>
      <c r="M1833">
        <v>200212.43849999999</v>
      </c>
      <c r="N1833">
        <v>67223.021470000007</v>
      </c>
      <c r="O1833">
        <v>22456.181130000001</v>
      </c>
      <c r="P1833">
        <v>35014.315670000004</v>
      </c>
      <c r="Q1833">
        <v>49139.657749999998</v>
      </c>
      <c r="R1833">
        <v>14834.60946</v>
      </c>
      <c r="S1833">
        <v>89207.122329999998</v>
      </c>
      <c r="T1833">
        <v>25716.817340000001</v>
      </c>
      <c r="U1833">
        <v>15181.54866</v>
      </c>
      <c r="W1833" s="83">
        <f>Bühler!N1865</f>
        <v>45368.291666662226</v>
      </c>
      <c r="X1833" s="83">
        <v>43177.291666666664</v>
      </c>
      <c r="Y1833">
        <v>166886.5208</v>
      </c>
      <c r="Z1833">
        <v>15931.022220000001</v>
      </c>
      <c r="AA1833">
        <v>47966.945189999999</v>
      </c>
      <c r="AB1833">
        <v>39946.863850000002</v>
      </c>
      <c r="AC1833">
        <v>36222.374989999997</v>
      </c>
      <c r="AD1833">
        <v>27773.245719999999</v>
      </c>
      <c r="AE1833">
        <v>40656.002410000001</v>
      </c>
      <c r="AF1833">
        <v>41470.463860000003</v>
      </c>
      <c r="AG1833">
        <v>21351.211210000001</v>
      </c>
      <c r="AH1833">
        <v>200212.43849999999</v>
      </c>
      <c r="AI1833">
        <v>67223.021470000007</v>
      </c>
      <c r="AJ1833">
        <v>22456.181130000001</v>
      </c>
      <c r="AK1833">
        <v>35014.315670000004</v>
      </c>
      <c r="AL1833">
        <v>49139.657749999998</v>
      </c>
      <c r="AM1833">
        <v>14834.60946</v>
      </c>
      <c r="AN1833">
        <v>89207.122329999998</v>
      </c>
      <c r="AO1833">
        <v>25716.817340000001</v>
      </c>
      <c r="AP1833">
        <v>15181.54866</v>
      </c>
    </row>
    <row r="1834" spans="2:42" x14ac:dyDescent="0.3">
      <c r="B1834">
        <v>39.007640466979488</v>
      </c>
      <c r="C1834" s="83">
        <v>43177.333333333336</v>
      </c>
      <c r="D1834">
        <v>165763.86040000001</v>
      </c>
      <c r="E1834">
        <v>16260.658960000001</v>
      </c>
      <c r="F1834">
        <v>48764.073239999998</v>
      </c>
      <c r="G1834">
        <v>40129.27966</v>
      </c>
      <c r="H1834">
        <v>36308.071479999999</v>
      </c>
      <c r="I1834">
        <v>27854.537090000002</v>
      </c>
      <c r="J1834">
        <v>41193.766669999997</v>
      </c>
      <c r="K1834">
        <v>41676.180800000002</v>
      </c>
      <c r="L1834">
        <v>23200.858339999999</v>
      </c>
      <c r="M1834">
        <v>198879.14199999999</v>
      </c>
      <c r="N1834">
        <v>67345.477129999999</v>
      </c>
      <c r="O1834">
        <v>22507.119340000001</v>
      </c>
      <c r="P1834">
        <v>37999.270329999999</v>
      </c>
      <c r="Q1834">
        <v>48380.07705</v>
      </c>
      <c r="R1834">
        <v>15788.069009999999</v>
      </c>
      <c r="S1834">
        <v>91245.846359999996</v>
      </c>
      <c r="T1834">
        <v>27619.683509999999</v>
      </c>
      <c r="U1834">
        <v>14726.456539999999</v>
      </c>
      <c r="W1834" s="83">
        <f>Bühler!N1866</f>
        <v>45368.33333332889</v>
      </c>
      <c r="X1834" s="83">
        <v>43177.333333333336</v>
      </c>
      <c r="Y1834">
        <v>165763.86040000001</v>
      </c>
      <c r="Z1834">
        <v>16260.658960000001</v>
      </c>
      <c r="AA1834">
        <v>48764.073239999998</v>
      </c>
      <c r="AB1834">
        <v>40129.27966</v>
      </c>
      <c r="AC1834">
        <v>36308.071479999999</v>
      </c>
      <c r="AD1834">
        <v>27854.537090000002</v>
      </c>
      <c r="AE1834">
        <v>41193.766669999997</v>
      </c>
      <c r="AF1834">
        <v>41676.180800000002</v>
      </c>
      <c r="AG1834">
        <v>23200.858339999999</v>
      </c>
      <c r="AH1834">
        <v>198879.14199999999</v>
      </c>
      <c r="AI1834">
        <v>67345.477129999999</v>
      </c>
      <c r="AJ1834">
        <v>22507.119340000001</v>
      </c>
      <c r="AK1834">
        <v>37999.270329999999</v>
      </c>
      <c r="AL1834">
        <v>48380.07705</v>
      </c>
      <c r="AM1834">
        <v>15788.069009999999</v>
      </c>
      <c r="AN1834">
        <v>91245.846359999996</v>
      </c>
      <c r="AO1834">
        <v>27619.683509999999</v>
      </c>
      <c r="AP1834">
        <v>14726.456539999999</v>
      </c>
    </row>
    <row r="1835" spans="2:42" x14ac:dyDescent="0.3">
      <c r="B1835">
        <v>39.115835493287818</v>
      </c>
      <c r="C1835" s="83">
        <v>43177.375</v>
      </c>
      <c r="D1835">
        <v>165436.83309999999</v>
      </c>
      <c r="E1835">
        <v>16753.638269999999</v>
      </c>
      <c r="F1835">
        <v>50340.342040000003</v>
      </c>
      <c r="G1835">
        <v>39814.402589999998</v>
      </c>
      <c r="H1835">
        <v>36823.38379</v>
      </c>
      <c r="I1835">
        <v>26921.559150000001</v>
      </c>
      <c r="J1835">
        <v>41350.688479999997</v>
      </c>
      <c r="K1835">
        <v>43396.724800000004</v>
      </c>
      <c r="L1835">
        <v>25641.614979999998</v>
      </c>
      <c r="M1835">
        <v>199430.77069999999</v>
      </c>
      <c r="N1835">
        <v>75583.278160000002</v>
      </c>
      <c r="O1835">
        <v>22423.506850000002</v>
      </c>
      <c r="P1835">
        <v>39717.825320000004</v>
      </c>
      <c r="Q1835">
        <v>48050.404369999997</v>
      </c>
      <c r="R1835">
        <v>16286.04968</v>
      </c>
      <c r="S1835">
        <v>92906.357029999999</v>
      </c>
      <c r="T1835">
        <v>29811.174459999998</v>
      </c>
      <c r="U1835">
        <v>14643.842839999999</v>
      </c>
      <c r="W1835" s="83">
        <f>Bühler!N1867</f>
        <v>45368.374999995554</v>
      </c>
      <c r="X1835" s="83">
        <v>43177.375</v>
      </c>
      <c r="Y1835">
        <v>165436.83309999999</v>
      </c>
      <c r="Z1835">
        <v>16753.638269999999</v>
      </c>
      <c r="AA1835">
        <v>50340.342040000003</v>
      </c>
      <c r="AB1835">
        <v>39814.402589999998</v>
      </c>
      <c r="AC1835">
        <v>36823.38379</v>
      </c>
      <c r="AD1835">
        <v>26921.559150000001</v>
      </c>
      <c r="AE1835">
        <v>41350.688479999997</v>
      </c>
      <c r="AF1835">
        <v>43396.724800000004</v>
      </c>
      <c r="AG1835">
        <v>25641.614979999998</v>
      </c>
      <c r="AH1835">
        <v>199430.77069999999</v>
      </c>
      <c r="AI1835">
        <v>75583.278160000002</v>
      </c>
      <c r="AJ1835">
        <v>22423.506850000002</v>
      </c>
      <c r="AK1835">
        <v>39717.825320000004</v>
      </c>
      <c r="AL1835">
        <v>48050.404369999997</v>
      </c>
      <c r="AM1835">
        <v>16286.04968</v>
      </c>
      <c r="AN1835">
        <v>92906.357029999999</v>
      </c>
      <c r="AO1835">
        <v>29811.174459999998</v>
      </c>
      <c r="AP1835">
        <v>14643.842839999999</v>
      </c>
    </row>
    <row r="1836" spans="2:42" x14ac:dyDescent="0.3">
      <c r="B1836">
        <v>39.535359376852298</v>
      </c>
      <c r="C1836" s="83">
        <v>43177.416666666664</v>
      </c>
      <c r="D1836">
        <v>164511.29139999999</v>
      </c>
      <c r="E1836">
        <v>17258.275259999999</v>
      </c>
      <c r="F1836">
        <v>50226.5841</v>
      </c>
      <c r="G1836">
        <v>39554.219210000003</v>
      </c>
      <c r="H1836">
        <v>37159.435420000002</v>
      </c>
      <c r="I1836">
        <v>27503.925360000001</v>
      </c>
      <c r="J1836">
        <v>39762.07761</v>
      </c>
      <c r="K1836">
        <v>44972.408660000001</v>
      </c>
      <c r="L1836">
        <v>26968.49179</v>
      </c>
      <c r="M1836">
        <v>201569.6991</v>
      </c>
      <c r="N1836">
        <v>77380.59938</v>
      </c>
      <c r="O1836">
        <v>21683.125800000002</v>
      </c>
      <c r="P1836">
        <v>40532.026839999999</v>
      </c>
      <c r="Q1836">
        <v>47772.979090000001</v>
      </c>
      <c r="R1836">
        <v>16884.723989999999</v>
      </c>
      <c r="S1836">
        <v>92699.567649999997</v>
      </c>
      <c r="T1836">
        <v>32100.820220000001</v>
      </c>
      <c r="U1836">
        <v>14392.934600000001</v>
      </c>
      <c r="W1836" s="83">
        <f>Bühler!N1868</f>
        <v>45368.416666662219</v>
      </c>
      <c r="X1836" s="83">
        <v>43177.416666666664</v>
      </c>
      <c r="Y1836">
        <v>164511.29139999999</v>
      </c>
      <c r="Z1836">
        <v>17258.275259999999</v>
      </c>
      <c r="AA1836">
        <v>50226.5841</v>
      </c>
      <c r="AB1836">
        <v>39554.219210000003</v>
      </c>
      <c r="AC1836">
        <v>37159.435420000002</v>
      </c>
      <c r="AD1836">
        <v>27503.925360000001</v>
      </c>
      <c r="AE1836">
        <v>39762.07761</v>
      </c>
      <c r="AF1836">
        <v>44972.408660000001</v>
      </c>
      <c r="AG1836">
        <v>26968.49179</v>
      </c>
      <c r="AH1836">
        <v>201569.6991</v>
      </c>
      <c r="AI1836">
        <v>77380.59938</v>
      </c>
      <c r="AJ1836">
        <v>21683.125800000002</v>
      </c>
      <c r="AK1836">
        <v>40532.026839999999</v>
      </c>
      <c r="AL1836">
        <v>47772.979090000001</v>
      </c>
      <c r="AM1836">
        <v>16884.723989999999</v>
      </c>
      <c r="AN1836">
        <v>92699.567649999997</v>
      </c>
      <c r="AO1836">
        <v>32100.820220000001</v>
      </c>
      <c r="AP1836">
        <v>14392.934600000001</v>
      </c>
    </row>
    <row r="1837" spans="2:42" x14ac:dyDescent="0.3">
      <c r="B1837">
        <v>39.868110028953154</v>
      </c>
      <c r="C1837" s="83">
        <v>43177.458333333336</v>
      </c>
      <c r="D1837">
        <v>163234.6513</v>
      </c>
      <c r="E1837">
        <v>17240.870719999999</v>
      </c>
      <c r="F1837">
        <v>50340.598489999997</v>
      </c>
      <c r="G1837">
        <v>39306.936240000003</v>
      </c>
      <c r="H1837">
        <v>36894.614399999999</v>
      </c>
      <c r="I1837">
        <v>26784.871770000002</v>
      </c>
      <c r="J1837">
        <v>39714.527829999999</v>
      </c>
      <c r="K1837">
        <v>46572.14402</v>
      </c>
      <c r="L1837">
        <v>28815.71617</v>
      </c>
      <c r="M1837">
        <v>203266.21710000001</v>
      </c>
      <c r="N1837">
        <v>76302.838879999996</v>
      </c>
      <c r="O1837">
        <v>21109.92627</v>
      </c>
      <c r="P1837">
        <v>40607.373879999999</v>
      </c>
      <c r="Q1837">
        <v>47315.454989999998</v>
      </c>
      <c r="R1837">
        <v>19022.895840000001</v>
      </c>
      <c r="S1837">
        <v>93988.602199999994</v>
      </c>
      <c r="T1837">
        <v>32656.943650000001</v>
      </c>
      <c r="U1837">
        <v>14020.147919999999</v>
      </c>
      <c r="W1837" s="83">
        <f>Bühler!N1869</f>
        <v>45368.458333328883</v>
      </c>
      <c r="X1837" s="83">
        <v>43177.458333333336</v>
      </c>
      <c r="Y1837">
        <v>163234.6513</v>
      </c>
      <c r="Z1837">
        <v>17240.870719999999</v>
      </c>
      <c r="AA1837">
        <v>50340.598489999997</v>
      </c>
      <c r="AB1837">
        <v>39306.936240000003</v>
      </c>
      <c r="AC1837">
        <v>36894.614399999999</v>
      </c>
      <c r="AD1837">
        <v>26784.871770000002</v>
      </c>
      <c r="AE1837">
        <v>39714.527829999999</v>
      </c>
      <c r="AF1837">
        <v>46572.14402</v>
      </c>
      <c r="AG1837">
        <v>28815.71617</v>
      </c>
      <c r="AH1837">
        <v>203266.21710000001</v>
      </c>
      <c r="AI1837">
        <v>76302.838879999996</v>
      </c>
      <c r="AJ1837">
        <v>21109.92627</v>
      </c>
      <c r="AK1837">
        <v>40607.373879999999</v>
      </c>
      <c r="AL1837">
        <v>47315.454989999998</v>
      </c>
      <c r="AM1837">
        <v>19022.895840000001</v>
      </c>
      <c r="AN1837">
        <v>93988.602199999994</v>
      </c>
      <c r="AO1837">
        <v>32656.943650000001</v>
      </c>
      <c r="AP1837">
        <v>14020.147919999999</v>
      </c>
    </row>
    <row r="1838" spans="2:42" x14ac:dyDescent="0.3">
      <c r="B1838">
        <v>39.731116734665342</v>
      </c>
      <c r="C1838" s="83">
        <v>43177.5</v>
      </c>
      <c r="D1838">
        <v>162857.61040000001</v>
      </c>
      <c r="E1838">
        <v>16870.0389</v>
      </c>
      <c r="F1838">
        <v>48327.22582</v>
      </c>
      <c r="G1838">
        <v>39405.658360000001</v>
      </c>
      <c r="H1838">
        <v>36249.675069999998</v>
      </c>
      <c r="I1838">
        <v>26476.945680000001</v>
      </c>
      <c r="J1838">
        <v>40116.829689999999</v>
      </c>
      <c r="K1838">
        <v>46114.629739999997</v>
      </c>
      <c r="L1838">
        <v>30815.024440000001</v>
      </c>
      <c r="M1838">
        <v>202567.76139999999</v>
      </c>
      <c r="N1838">
        <v>72997.706779999993</v>
      </c>
      <c r="O1838">
        <v>21034.121469999998</v>
      </c>
      <c r="P1838">
        <v>40908.97363</v>
      </c>
      <c r="Q1838">
        <v>45472.276980000002</v>
      </c>
      <c r="R1838">
        <v>17778.782340000002</v>
      </c>
      <c r="S1838">
        <v>89521.407059999998</v>
      </c>
      <c r="T1838">
        <v>32790.860489999999</v>
      </c>
      <c r="U1838">
        <v>13828.54797</v>
      </c>
      <c r="W1838" s="83">
        <f>Bühler!N1870</f>
        <v>45368.499999995547</v>
      </c>
      <c r="X1838" s="83">
        <v>43177.5</v>
      </c>
      <c r="Y1838">
        <v>162857.61040000001</v>
      </c>
      <c r="Z1838">
        <v>16870.0389</v>
      </c>
      <c r="AA1838">
        <v>48327.22582</v>
      </c>
      <c r="AB1838">
        <v>39405.658360000001</v>
      </c>
      <c r="AC1838">
        <v>36249.675069999998</v>
      </c>
      <c r="AD1838">
        <v>26476.945680000001</v>
      </c>
      <c r="AE1838">
        <v>40116.829689999999</v>
      </c>
      <c r="AF1838">
        <v>46114.629739999997</v>
      </c>
      <c r="AG1838">
        <v>30815.024440000001</v>
      </c>
      <c r="AH1838">
        <v>202567.76139999999</v>
      </c>
      <c r="AI1838">
        <v>72997.706779999993</v>
      </c>
      <c r="AJ1838">
        <v>21034.121469999998</v>
      </c>
      <c r="AK1838">
        <v>40908.97363</v>
      </c>
      <c r="AL1838">
        <v>45472.276980000002</v>
      </c>
      <c r="AM1838">
        <v>17778.782340000002</v>
      </c>
      <c r="AN1838">
        <v>89521.407059999998</v>
      </c>
      <c r="AO1838">
        <v>32790.860489999999</v>
      </c>
      <c r="AP1838">
        <v>13828.54797</v>
      </c>
    </row>
    <row r="1839" spans="2:42" x14ac:dyDescent="0.3">
      <c r="B1839">
        <v>39.934274710128747</v>
      </c>
      <c r="C1839" s="83">
        <v>43177.541666666664</v>
      </c>
      <c r="D1839">
        <v>162483.1753</v>
      </c>
      <c r="E1839">
        <v>16659.799889999998</v>
      </c>
      <c r="F1839">
        <v>44103.991710000002</v>
      </c>
      <c r="G1839">
        <v>38970.995139999999</v>
      </c>
      <c r="H1839">
        <v>35866.166310000001</v>
      </c>
      <c r="I1839">
        <v>26782.8279</v>
      </c>
      <c r="J1839">
        <v>38463.588929999998</v>
      </c>
      <c r="K1839">
        <v>46057.091789999999</v>
      </c>
      <c r="L1839">
        <v>30309.579740000001</v>
      </c>
      <c r="M1839">
        <v>203603.55549999999</v>
      </c>
      <c r="N1839">
        <v>73906.571670000005</v>
      </c>
      <c r="O1839">
        <v>20596.42556</v>
      </c>
      <c r="P1839">
        <v>38725.295940000004</v>
      </c>
      <c r="Q1839">
        <v>43764.427580000003</v>
      </c>
      <c r="R1839">
        <v>17780.292369999999</v>
      </c>
      <c r="S1839">
        <v>89617.628289999993</v>
      </c>
      <c r="T1839">
        <v>32352.687880000001</v>
      </c>
      <c r="U1839">
        <v>13838.544099999999</v>
      </c>
      <c r="W1839" s="83">
        <f>Bühler!N1871</f>
        <v>45368.541666662211</v>
      </c>
      <c r="X1839" s="83">
        <v>43177.541666666664</v>
      </c>
      <c r="Y1839">
        <v>162483.1753</v>
      </c>
      <c r="Z1839">
        <v>16659.799889999998</v>
      </c>
      <c r="AA1839">
        <v>44103.991710000002</v>
      </c>
      <c r="AB1839">
        <v>38970.995139999999</v>
      </c>
      <c r="AC1839">
        <v>35866.166310000001</v>
      </c>
      <c r="AD1839">
        <v>26782.8279</v>
      </c>
      <c r="AE1839">
        <v>38463.588929999998</v>
      </c>
      <c r="AF1839">
        <v>46057.091789999999</v>
      </c>
      <c r="AG1839">
        <v>30309.579740000001</v>
      </c>
      <c r="AH1839">
        <v>203603.55549999999</v>
      </c>
      <c r="AI1839">
        <v>73906.571670000005</v>
      </c>
      <c r="AJ1839">
        <v>20596.42556</v>
      </c>
      <c r="AK1839">
        <v>38725.295940000004</v>
      </c>
      <c r="AL1839">
        <v>43764.427580000003</v>
      </c>
      <c r="AM1839">
        <v>17780.292369999999</v>
      </c>
      <c r="AN1839">
        <v>89617.628289999993</v>
      </c>
      <c r="AO1839">
        <v>32352.687880000001</v>
      </c>
      <c r="AP1839">
        <v>13838.544099999999</v>
      </c>
    </row>
    <row r="1840" spans="2:42" x14ac:dyDescent="0.3">
      <c r="B1840">
        <v>40.202227856893266</v>
      </c>
      <c r="C1840" s="83">
        <v>43177.583333333336</v>
      </c>
      <c r="D1840">
        <v>162052.69870000001</v>
      </c>
      <c r="E1840">
        <v>16661.946329999999</v>
      </c>
      <c r="F1840">
        <v>43611.994079999997</v>
      </c>
      <c r="G1840">
        <v>38558.285600000003</v>
      </c>
      <c r="H1840">
        <v>35447.373209999998</v>
      </c>
      <c r="I1840">
        <v>27302.55774</v>
      </c>
      <c r="J1840">
        <v>37411.309379999999</v>
      </c>
      <c r="K1840">
        <v>44893.805509999998</v>
      </c>
      <c r="L1840">
        <v>28760.785029999999</v>
      </c>
      <c r="M1840">
        <v>204969.70559999999</v>
      </c>
      <c r="N1840">
        <v>74296.102140000003</v>
      </c>
      <c r="O1840">
        <v>20592.966359999999</v>
      </c>
      <c r="P1840">
        <v>36404.73702</v>
      </c>
      <c r="Q1840">
        <v>43535.62386</v>
      </c>
      <c r="R1840">
        <v>17817.58279</v>
      </c>
      <c r="S1840">
        <v>86838.875320000006</v>
      </c>
      <c r="T1840">
        <v>31541.76525</v>
      </c>
      <c r="U1840">
        <v>13757.3393</v>
      </c>
      <c r="W1840" s="83">
        <f>Bühler!N1872</f>
        <v>45368.583333328876</v>
      </c>
      <c r="X1840" s="83">
        <v>43177.583333333336</v>
      </c>
      <c r="Y1840">
        <v>162052.69870000001</v>
      </c>
      <c r="Z1840">
        <v>16661.946329999999</v>
      </c>
      <c r="AA1840">
        <v>43611.994079999997</v>
      </c>
      <c r="AB1840">
        <v>38558.285600000003</v>
      </c>
      <c r="AC1840">
        <v>35447.373209999998</v>
      </c>
      <c r="AD1840">
        <v>27302.55774</v>
      </c>
      <c r="AE1840">
        <v>37411.309379999999</v>
      </c>
      <c r="AF1840">
        <v>44893.805509999998</v>
      </c>
      <c r="AG1840">
        <v>28760.785029999999</v>
      </c>
      <c r="AH1840">
        <v>204969.70559999999</v>
      </c>
      <c r="AI1840">
        <v>74296.102140000003</v>
      </c>
      <c r="AJ1840">
        <v>20592.966359999999</v>
      </c>
      <c r="AK1840">
        <v>36404.73702</v>
      </c>
      <c r="AL1840">
        <v>43535.62386</v>
      </c>
      <c r="AM1840">
        <v>17817.58279</v>
      </c>
      <c r="AN1840">
        <v>86838.875320000006</v>
      </c>
      <c r="AO1840">
        <v>31541.76525</v>
      </c>
      <c r="AP1840">
        <v>13757.3393</v>
      </c>
    </row>
    <row r="1841" spans="2:42" x14ac:dyDescent="0.3">
      <c r="B1841">
        <v>39.888938488508948</v>
      </c>
      <c r="C1841" s="83">
        <v>43177.625</v>
      </c>
      <c r="D1841">
        <v>162253.8915</v>
      </c>
      <c r="E1841">
        <v>16626.65652</v>
      </c>
      <c r="F1841">
        <v>43314.602559999999</v>
      </c>
      <c r="G1841">
        <v>38424.432430000001</v>
      </c>
      <c r="H1841">
        <v>35188.251360000002</v>
      </c>
      <c r="I1841">
        <v>27543.791720000001</v>
      </c>
      <c r="J1841">
        <v>37172.431689999998</v>
      </c>
      <c r="K1841">
        <v>44585.318800000001</v>
      </c>
      <c r="L1841">
        <v>26676.13783</v>
      </c>
      <c r="M1841">
        <v>203372.41029999999</v>
      </c>
      <c r="N1841">
        <v>73903.768460000007</v>
      </c>
      <c r="O1841">
        <v>19845.674500000001</v>
      </c>
      <c r="P1841">
        <v>34172.083579999999</v>
      </c>
      <c r="Q1841">
        <v>43402.410960000001</v>
      </c>
      <c r="R1841">
        <v>17689.810990000002</v>
      </c>
      <c r="S1841">
        <v>85907.791360000003</v>
      </c>
      <c r="T1841">
        <v>31557.948400000001</v>
      </c>
      <c r="U1841">
        <v>13942.83473</v>
      </c>
      <c r="W1841" s="83">
        <f>Bühler!N1873</f>
        <v>45368.62499999554</v>
      </c>
      <c r="X1841" s="83">
        <v>43177.625</v>
      </c>
      <c r="Y1841">
        <v>162253.8915</v>
      </c>
      <c r="Z1841">
        <v>16626.65652</v>
      </c>
      <c r="AA1841">
        <v>43314.602559999999</v>
      </c>
      <c r="AB1841">
        <v>38424.432430000001</v>
      </c>
      <c r="AC1841">
        <v>35188.251360000002</v>
      </c>
      <c r="AD1841">
        <v>27543.791720000001</v>
      </c>
      <c r="AE1841">
        <v>37172.431689999998</v>
      </c>
      <c r="AF1841">
        <v>44585.318800000001</v>
      </c>
      <c r="AG1841">
        <v>26676.13783</v>
      </c>
      <c r="AH1841">
        <v>203372.41029999999</v>
      </c>
      <c r="AI1841">
        <v>73903.768460000007</v>
      </c>
      <c r="AJ1841">
        <v>19845.674500000001</v>
      </c>
      <c r="AK1841">
        <v>34172.083579999999</v>
      </c>
      <c r="AL1841">
        <v>43402.410960000001</v>
      </c>
      <c r="AM1841">
        <v>17689.810990000002</v>
      </c>
      <c r="AN1841">
        <v>85907.791360000003</v>
      </c>
      <c r="AO1841">
        <v>31557.948400000001</v>
      </c>
      <c r="AP1841">
        <v>13942.83473</v>
      </c>
    </row>
    <row r="1842" spans="2:42" x14ac:dyDescent="0.3">
      <c r="B1842">
        <v>39.240888216447587</v>
      </c>
      <c r="C1842" s="83">
        <v>43177.666666666664</v>
      </c>
      <c r="D1842">
        <v>162292.54389999999</v>
      </c>
      <c r="E1842">
        <v>16662.754280000001</v>
      </c>
      <c r="F1842">
        <v>43060.383500000004</v>
      </c>
      <c r="G1842">
        <v>38951.568090000001</v>
      </c>
      <c r="H1842">
        <v>34922.192389999997</v>
      </c>
      <c r="I1842">
        <v>28540.80083</v>
      </c>
      <c r="J1842">
        <v>36790.540280000001</v>
      </c>
      <c r="K1842">
        <v>43755.256309999997</v>
      </c>
      <c r="L1842">
        <v>24972.23112</v>
      </c>
      <c r="M1842">
        <v>200068.34779999999</v>
      </c>
      <c r="N1842">
        <v>72237.909629999995</v>
      </c>
      <c r="O1842">
        <v>19788.39515</v>
      </c>
      <c r="P1842">
        <v>33371.463909999999</v>
      </c>
      <c r="Q1842">
        <v>43926.782740000002</v>
      </c>
      <c r="R1842">
        <v>17205.351610000002</v>
      </c>
      <c r="S1842">
        <v>86649.882469999997</v>
      </c>
      <c r="T1842">
        <v>31025.651460000001</v>
      </c>
      <c r="U1842">
        <v>13646.92504</v>
      </c>
      <c r="W1842" s="83">
        <f>Bühler!N1874</f>
        <v>45368.666666662204</v>
      </c>
      <c r="X1842" s="83">
        <v>43177.666666666664</v>
      </c>
      <c r="Y1842">
        <v>162292.54389999999</v>
      </c>
      <c r="Z1842">
        <v>16662.754280000001</v>
      </c>
      <c r="AA1842">
        <v>43060.383500000004</v>
      </c>
      <c r="AB1842">
        <v>38951.568090000001</v>
      </c>
      <c r="AC1842">
        <v>34922.192389999997</v>
      </c>
      <c r="AD1842">
        <v>28540.80083</v>
      </c>
      <c r="AE1842">
        <v>36790.540280000001</v>
      </c>
      <c r="AF1842">
        <v>43755.256309999997</v>
      </c>
      <c r="AG1842">
        <v>24972.23112</v>
      </c>
      <c r="AH1842">
        <v>200068.34779999999</v>
      </c>
      <c r="AI1842">
        <v>72237.909629999995</v>
      </c>
      <c r="AJ1842">
        <v>19788.39515</v>
      </c>
      <c r="AK1842">
        <v>33371.463909999999</v>
      </c>
      <c r="AL1842">
        <v>43926.782740000002</v>
      </c>
      <c r="AM1842">
        <v>17205.351610000002</v>
      </c>
      <c r="AN1842">
        <v>86649.882469999997</v>
      </c>
      <c r="AO1842">
        <v>31025.651460000001</v>
      </c>
      <c r="AP1842">
        <v>13646.92504</v>
      </c>
    </row>
    <row r="1843" spans="2:42" x14ac:dyDescent="0.3">
      <c r="B1843">
        <v>39.091513669491597</v>
      </c>
      <c r="C1843" s="83">
        <v>43177.708333333336</v>
      </c>
      <c r="D1843">
        <v>164338.17120000001</v>
      </c>
      <c r="E1843">
        <v>16683.80344</v>
      </c>
      <c r="F1843">
        <v>43554.47767</v>
      </c>
      <c r="G1843">
        <v>39260.217830000001</v>
      </c>
      <c r="H1843">
        <v>35260.496290000003</v>
      </c>
      <c r="I1843">
        <v>29446.25908</v>
      </c>
      <c r="J1843">
        <v>37627.978580000003</v>
      </c>
      <c r="K1843">
        <v>43210.445500000002</v>
      </c>
      <c r="L1843">
        <v>24970.742010000002</v>
      </c>
      <c r="M1843">
        <v>199306.76670000001</v>
      </c>
      <c r="N1843">
        <v>67982.490520000007</v>
      </c>
      <c r="O1843">
        <v>19970.9836</v>
      </c>
      <c r="P1843">
        <v>34849.464749999999</v>
      </c>
      <c r="Q1843">
        <v>44615.136570000002</v>
      </c>
      <c r="R1843">
        <v>19676.368539999999</v>
      </c>
      <c r="S1843">
        <v>89551.248430000007</v>
      </c>
      <c r="T1843">
        <v>31162.597949999999</v>
      </c>
      <c r="U1843">
        <v>13834.582759999999</v>
      </c>
      <c r="W1843" s="83">
        <f>Bühler!N1875</f>
        <v>45368.708333328868</v>
      </c>
      <c r="X1843" s="83">
        <v>43177.708333333336</v>
      </c>
      <c r="Y1843">
        <v>164338.17120000001</v>
      </c>
      <c r="Z1843">
        <v>16683.80344</v>
      </c>
      <c r="AA1843">
        <v>43554.47767</v>
      </c>
      <c r="AB1843">
        <v>39260.217830000001</v>
      </c>
      <c r="AC1843">
        <v>35260.496290000003</v>
      </c>
      <c r="AD1843">
        <v>29446.25908</v>
      </c>
      <c r="AE1843">
        <v>37627.978580000003</v>
      </c>
      <c r="AF1843">
        <v>43210.445500000002</v>
      </c>
      <c r="AG1843">
        <v>24970.742010000002</v>
      </c>
      <c r="AH1843">
        <v>199306.76670000001</v>
      </c>
      <c r="AI1843">
        <v>67982.490520000007</v>
      </c>
      <c r="AJ1843">
        <v>19970.9836</v>
      </c>
      <c r="AK1843">
        <v>34849.464749999999</v>
      </c>
      <c r="AL1843">
        <v>44615.136570000002</v>
      </c>
      <c r="AM1843">
        <v>19676.368539999999</v>
      </c>
      <c r="AN1843">
        <v>89551.248430000007</v>
      </c>
      <c r="AO1843">
        <v>31162.597949999999</v>
      </c>
      <c r="AP1843">
        <v>13834.582759999999</v>
      </c>
    </row>
    <row r="1844" spans="2:42" x14ac:dyDescent="0.3">
      <c r="B1844">
        <v>39.382991851424634</v>
      </c>
      <c r="C1844" s="83">
        <v>43177.75</v>
      </c>
      <c r="D1844">
        <v>166187.6011</v>
      </c>
      <c r="E1844">
        <v>16594.413069999999</v>
      </c>
      <c r="F1844">
        <v>43812.93995</v>
      </c>
      <c r="G1844">
        <v>40205.875099999997</v>
      </c>
      <c r="H1844">
        <v>35520.093580000001</v>
      </c>
      <c r="I1844">
        <v>29976.050060000001</v>
      </c>
      <c r="J1844">
        <v>39361.724869999998</v>
      </c>
      <c r="K1844">
        <v>44599.417260000002</v>
      </c>
      <c r="L1844">
        <v>26880.461930000001</v>
      </c>
      <c r="M1844">
        <v>200792.8584</v>
      </c>
      <c r="N1844">
        <v>67616.108810000005</v>
      </c>
      <c r="O1844">
        <v>20584.956289999998</v>
      </c>
      <c r="P1844">
        <v>36821.618569999999</v>
      </c>
      <c r="Q1844">
        <v>45951.134120000002</v>
      </c>
      <c r="R1844">
        <v>18833.348999999998</v>
      </c>
      <c r="S1844">
        <v>88947.409480000002</v>
      </c>
      <c r="T1844">
        <v>30891.266329999999</v>
      </c>
      <c r="U1844">
        <v>14424.54787</v>
      </c>
      <c r="W1844" s="83">
        <f>Bühler!N1876</f>
        <v>45368.749999995533</v>
      </c>
      <c r="X1844" s="83">
        <v>43177.75</v>
      </c>
      <c r="Y1844">
        <v>166187.6011</v>
      </c>
      <c r="Z1844">
        <v>16594.413069999999</v>
      </c>
      <c r="AA1844">
        <v>43812.93995</v>
      </c>
      <c r="AB1844">
        <v>40205.875099999997</v>
      </c>
      <c r="AC1844">
        <v>35520.093580000001</v>
      </c>
      <c r="AD1844">
        <v>29976.050060000001</v>
      </c>
      <c r="AE1844">
        <v>39361.724869999998</v>
      </c>
      <c r="AF1844">
        <v>44599.417260000002</v>
      </c>
      <c r="AG1844">
        <v>26880.461930000001</v>
      </c>
      <c r="AH1844">
        <v>200792.8584</v>
      </c>
      <c r="AI1844">
        <v>67616.108810000005</v>
      </c>
      <c r="AJ1844">
        <v>20584.956289999998</v>
      </c>
      <c r="AK1844">
        <v>36821.618569999999</v>
      </c>
      <c r="AL1844">
        <v>45951.134120000002</v>
      </c>
      <c r="AM1844">
        <v>18833.348999999998</v>
      </c>
      <c r="AN1844">
        <v>88947.409480000002</v>
      </c>
      <c r="AO1844">
        <v>30891.266329999999</v>
      </c>
      <c r="AP1844">
        <v>14424.54787</v>
      </c>
    </row>
    <row r="1845" spans="2:42" x14ac:dyDescent="0.3">
      <c r="B1845">
        <v>39.66266316910427</v>
      </c>
      <c r="C1845" s="83">
        <v>43177.791666666664</v>
      </c>
      <c r="D1845">
        <v>168963.16250000001</v>
      </c>
      <c r="E1845">
        <v>16398.215749999999</v>
      </c>
      <c r="F1845">
        <v>44223.855329999999</v>
      </c>
      <c r="G1845">
        <v>41747.184959999999</v>
      </c>
      <c r="H1845">
        <v>37178.345110000002</v>
      </c>
      <c r="I1845">
        <v>31338.700870000001</v>
      </c>
      <c r="J1845">
        <v>41935.114289999998</v>
      </c>
      <c r="K1845">
        <v>46282.140829999997</v>
      </c>
      <c r="L1845">
        <v>28850.817200000001</v>
      </c>
      <c r="M1845">
        <v>202218.75320000001</v>
      </c>
      <c r="N1845">
        <v>69384.457970000003</v>
      </c>
      <c r="O1845">
        <v>21988.141339999998</v>
      </c>
      <c r="P1845">
        <v>38052.451110000002</v>
      </c>
      <c r="Q1845">
        <v>47295.412069999998</v>
      </c>
      <c r="R1845">
        <v>19200.765159999999</v>
      </c>
      <c r="S1845">
        <v>91163.495110000003</v>
      </c>
      <c r="T1845">
        <v>30998.062010000001</v>
      </c>
      <c r="U1845">
        <v>15326.916010000001</v>
      </c>
      <c r="W1845" s="83">
        <f>Bühler!N1877</f>
        <v>45368.791666662197</v>
      </c>
      <c r="X1845" s="83">
        <v>43177.791666666664</v>
      </c>
      <c r="Y1845">
        <v>168963.16250000001</v>
      </c>
      <c r="Z1845">
        <v>16398.215749999999</v>
      </c>
      <c r="AA1845">
        <v>44223.855329999999</v>
      </c>
      <c r="AB1845">
        <v>41747.184959999999</v>
      </c>
      <c r="AC1845">
        <v>37178.345110000002</v>
      </c>
      <c r="AD1845">
        <v>31338.700870000001</v>
      </c>
      <c r="AE1845">
        <v>41935.114289999998</v>
      </c>
      <c r="AF1845">
        <v>46282.140829999997</v>
      </c>
      <c r="AG1845">
        <v>28850.817200000001</v>
      </c>
      <c r="AH1845">
        <v>202218.75320000001</v>
      </c>
      <c r="AI1845">
        <v>69384.457970000003</v>
      </c>
      <c r="AJ1845">
        <v>21988.141339999998</v>
      </c>
      <c r="AK1845">
        <v>38052.451110000002</v>
      </c>
      <c r="AL1845">
        <v>47295.412069999998</v>
      </c>
      <c r="AM1845">
        <v>19200.765159999999</v>
      </c>
      <c r="AN1845">
        <v>91163.495110000003</v>
      </c>
      <c r="AO1845">
        <v>30998.062010000001</v>
      </c>
      <c r="AP1845">
        <v>15326.916010000001</v>
      </c>
    </row>
    <row r="1846" spans="2:42" x14ac:dyDescent="0.3">
      <c r="B1846">
        <v>40.236131464057955</v>
      </c>
      <c r="C1846" s="83">
        <v>43177.833333333336</v>
      </c>
      <c r="D1846">
        <v>170563.10569999999</v>
      </c>
      <c r="E1846">
        <v>15585.113740000001</v>
      </c>
      <c r="F1846">
        <v>44217.717019999996</v>
      </c>
      <c r="G1846">
        <v>42157.765509999997</v>
      </c>
      <c r="H1846">
        <v>37877.104489999998</v>
      </c>
      <c r="I1846">
        <v>31229.399160000001</v>
      </c>
      <c r="J1846">
        <v>40956.830240000003</v>
      </c>
      <c r="K1846">
        <v>45604.923040000001</v>
      </c>
      <c r="L1846">
        <v>28553.779149999998</v>
      </c>
      <c r="M1846">
        <v>205142.56200000001</v>
      </c>
      <c r="N1846">
        <v>69808.630210000003</v>
      </c>
      <c r="O1846">
        <v>22059.001629999999</v>
      </c>
      <c r="P1846">
        <v>37415.480219999998</v>
      </c>
      <c r="Q1846">
        <v>48664.917730000001</v>
      </c>
      <c r="R1846">
        <v>18932.927370000001</v>
      </c>
      <c r="S1846">
        <v>85305.020839999997</v>
      </c>
      <c r="T1846">
        <v>28279.973050000001</v>
      </c>
      <c r="U1846">
        <v>15286.12895</v>
      </c>
      <c r="W1846" s="83">
        <f>Bühler!N1878</f>
        <v>45368.833333328861</v>
      </c>
      <c r="X1846" s="83">
        <v>43177.833333333336</v>
      </c>
      <c r="Y1846">
        <v>170563.10569999999</v>
      </c>
      <c r="Z1846">
        <v>15585.113740000001</v>
      </c>
      <c r="AA1846">
        <v>44217.717019999996</v>
      </c>
      <c r="AB1846">
        <v>42157.765509999997</v>
      </c>
      <c r="AC1846">
        <v>37877.104489999998</v>
      </c>
      <c r="AD1846">
        <v>31229.399160000001</v>
      </c>
      <c r="AE1846">
        <v>40956.830240000003</v>
      </c>
      <c r="AF1846">
        <v>45604.923040000001</v>
      </c>
      <c r="AG1846">
        <v>28553.779149999998</v>
      </c>
      <c r="AH1846">
        <v>205142.56200000001</v>
      </c>
      <c r="AI1846">
        <v>69808.630210000003</v>
      </c>
      <c r="AJ1846">
        <v>22059.001629999999</v>
      </c>
      <c r="AK1846">
        <v>37415.480219999998</v>
      </c>
      <c r="AL1846">
        <v>48664.917730000001</v>
      </c>
      <c r="AM1846">
        <v>18932.927370000001</v>
      </c>
      <c r="AN1846">
        <v>85305.020839999997</v>
      </c>
      <c r="AO1846">
        <v>28279.973050000001</v>
      </c>
      <c r="AP1846">
        <v>15286.12895</v>
      </c>
    </row>
    <row r="1847" spans="2:42" x14ac:dyDescent="0.3">
      <c r="B1847">
        <v>40.840072354019568</v>
      </c>
      <c r="C1847" s="83">
        <v>43177.875</v>
      </c>
      <c r="D1847">
        <v>173129.95199999999</v>
      </c>
      <c r="E1847">
        <v>15233.402679999999</v>
      </c>
      <c r="F1847">
        <v>44247.21269</v>
      </c>
      <c r="G1847">
        <v>41857.780319999998</v>
      </c>
      <c r="H1847">
        <v>37017.050020000002</v>
      </c>
      <c r="I1847">
        <v>28488.696670000001</v>
      </c>
      <c r="J1847">
        <v>39172.623220000001</v>
      </c>
      <c r="K1847">
        <v>45579.866090000003</v>
      </c>
      <c r="L1847">
        <v>27241.819800000001</v>
      </c>
      <c r="M1847">
        <v>208221.73430000001</v>
      </c>
      <c r="N1847">
        <v>69612.896550000005</v>
      </c>
      <c r="O1847">
        <v>21831.82113</v>
      </c>
      <c r="P1847">
        <v>36386.721380000003</v>
      </c>
      <c r="Q1847">
        <v>50854.837910000002</v>
      </c>
      <c r="R1847">
        <v>19438.110990000001</v>
      </c>
      <c r="S1847">
        <v>82165.49037</v>
      </c>
      <c r="T1847">
        <v>26594.204880000001</v>
      </c>
      <c r="U1847">
        <v>15287.776809999999</v>
      </c>
      <c r="W1847" s="83">
        <f>Bühler!N1879</f>
        <v>45368.874999995525</v>
      </c>
      <c r="X1847" s="83">
        <v>43177.875</v>
      </c>
      <c r="Y1847">
        <v>173129.95199999999</v>
      </c>
      <c r="Z1847">
        <v>15233.402679999999</v>
      </c>
      <c r="AA1847">
        <v>44247.21269</v>
      </c>
      <c r="AB1847">
        <v>41857.780319999998</v>
      </c>
      <c r="AC1847">
        <v>37017.050020000002</v>
      </c>
      <c r="AD1847">
        <v>28488.696670000001</v>
      </c>
      <c r="AE1847">
        <v>39172.623220000001</v>
      </c>
      <c r="AF1847">
        <v>45579.866090000003</v>
      </c>
      <c r="AG1847">
        <v>27241.819800000001</v>
      </c>
      <c r="AH1847">
        <v>208221.73430000001</v>
      </c>
      <c r="AI1847">
        <v>69612.896550000005</v>
      </c>
      <c r="AJ1847">
        <v>21831.82113</v>
      </c>
      <c r="AK1847">
        <v>36386.721380000003</v>
      </c>
      <c r="AL1847">
        <v>50854.837910000002</v>
      </c>
      <c r="AM1847">
        <v>19438.110990000001</v>
      </c>
      <c r="AN1847">
        <v>82165.49037</v>
      </c>
      <c r="AO1847">
        <v>26594.204880000001</v>
      </c>
      <c r="AP1847">
        <v>15287.776809999999</v>
      </c>
    </row>
    <row r="1848" spans="2:42" x14ac:dyDescent="0.3">
      <c r="B1848">
        <v>41.321532411880504</v>
      </c>
      <c r="C1848" s="83">
        <v>43177.916666666664</v>
      </c>
      <c r="D1848">
        <v>174594.1605</v>
      </c>
      <c r="E1848">
        <v>15134.20608</v>
      </c>
      <c r="F1848">
        <v>44083.108410000001</v>
      </c>
      <c r="G1848">
        <v>42390.527929999997</v>
      </c>
      <c r="H1848">
        <v>38070.820650000001</v>
      </c>
      <c r="I1848">
        <v>28286.866040000001</v>
      </c>
      <c r="J1848">
        <v>37983.57271</v>
      </c>
      <c r="K1848">
        <v>48079.141069999998</v>
      </c>
      <c r="L1848">
        <v>24371.005809999999</v>
      </c>
      <c r="M1848">
        <v>210676.44219999999</v>
      </c>
      <c r="N1848">
        <v>71101.278590000002</v>
      </c>
      <c r="O1848">
        <v>22672.772819999998</v>
      </c>
      <c r="P1848">
        <v>35404.638050000001</v>
      </c>
      <c r="Q1848">
        <v>53046.577989999998</v>
      </c>
      <c r="R1848">
        <v>25424.053629999999</v>
      </c>
      <c r="S1848">
        <v>81776.264639999994</v>
      </c>
      <c r="T1848">
        <v>25929.710569999999</v>
      </c>
      <c r="U1848">
        <v>16167.17886</v>
      </c>
      <c r="W1848" s="83">
        <f>Bühler!N1880</f>
        <v>45368.91666666219</v>
      </c>
      <c r="X1848" s="83">
        <v>43177.916666666664</v>
      </c>
      <c r="Y1848">
        <v>174594.1605</v>
      </c>
      <c r="Z1848">
        <v>15134.20608</v>
      </c>
      <c r="AA1848">
        <v>44083.108410000001</v>
      </c>
      <c r="AB1848">
        <v>42390.527929999997</v>
      </c>
      <c r="AC1848">
        <v>38070.820650000001</v>
      </c>
      <c r="AD1848">
        <v>28286.866040000001</v>
      </c>
      <c r="AE1848">
        <v>37983.57271</v>
      </c>
      <c r="AF1848">
        <v>48079.141069999998</v>
      </c>
      <c r="AG1848">
        <v>24371.005809999999</v>
      </c>
      <c r="AH1848">
        <v>210676.44219999999</v>
      </c>
      <c r="AI1848">
        <v>71101.278590000002</v>
      </c>
      <c r="AJ1848">
        <v>22672.772819999998</v>
      </c>
      <c r="AK1848">
        <v>35404.638050000001</v>
      </c>
      <c r="AL1848">
        <v>53046.577989999998</v>
      </c>
      <c r="AM1848">
        <v>25424.053629999999</v>
      </c>
      <c r="AN1848">
        <v>81776.264639999994</v>
      </c>
      <c r="AO1848">
        <v>25929.710569999999</v>
      </c>
      <c r="AP1848">
        <v>16167.17886</v>
      </c>
    </row>
    <row r="1849" spans="2:42" x14ac:dyDescent="0.3">
      <c r="B1849">
        <v>40.967958576320271</v>
      </c>
      <c r="C1849" s="83">
        <v>43177.958333333336</v>
      </c>
      <c r="D1849">
        <v>177010.57149999999</v>
      </c>
      <c r="E1849">
        <v>15159.72601</v>
      </c>
      <c r="F1849">
        <v>43969.653039999997</v>
      </c>
      <c r="G1849">
        <v>42438.621910000002</v>
      </c>
      <c r="H1849">
        <v>37748.52807</v>
      </c>
      <c r="I1849">
        <v>27593.795569999998</v>
      </c>
      <c r="J1849">
        <v>35959.947489999999</v>
      </c>
      <c r="K1849">
        <v>47335.08599</v>
      </c>
      <c r="L1849">
        <v>21348.602080000001</v>
      </c>
      <c r="M1849">
        <v>208873.7579</v>
      </c>
      <c r="N1849">
        <v>71400.078139999998</v>
      </c>
      <c r="O1849">
        <v>23193.025450000001</v>
      </c>
      <c r="P1849">
        <v>32718.083729999998</v>
      </c>
      <c r="Q1849">
        <v>54445.344570000001</v>
      </c>
      <c r="R1849">
        <v>27768.381819999999</v>
      </c>
      <c r="S1849">
        <v>80525.078519999995</v>
      </c>
      <c r="T1849">
        <v>28419.84087</v>
      </c>
      <c r="U1849">
        <v>15605.680329999999</v>
      </c>
      <c r="W1849" s="83">
        <f>Bühler!N1881</f>
        <v>45368.958333328854</v>
      </c>
      <c r="X1849" s="83">
        <v>43177.958333333336</v>
      </c>
      <c r="Y1849">
        <v>177010.57149999999</v>
      </c>
      <c r="Z1849">
        <v>15159.72601</v>
      </c>
      <c r="AA1849">
        <v>43969.653039999997</v>
      </c>
      <c r="AB1849">
        <v>42438.621910000002</v>
      </c>
      <c r="AC1849">
        <v>37748.52807</v>
      </c>
      <c r="AD1849">
        <v>27593.795569999998</v>
      </c>
      <c r="AE1849">
        <v>35959.947489999999</v>
      </c>
      <c r="AF1849">
        <v>47335.08599</v>
      </c>
      <c r="AG1849">
        <v>21348.602080000001</v>
      </c>
      <c r="AH1849">
        <v>208873.7579</v>
      </c>
      <c r="AI1849">
        <v>71400.078139999998</v>
      </c>
      <c r="AJ1849">
        <v>23193.025450000001</v>
      </c>
      <c r="AK1849">
        <v>32718.083729999998</v>
      </c>
      <c r="AL1849">
        <v>54445.344570000001</v>
      </c>
      <c r="AM1849">
        <v>27768.381819999999</v>
      </c>
      <c r="AN1849">
        <v>80525.078519999995</v>
      </c>
      <c r="AO1849">
        <v>28419.84087</v>
      </c>
      <c r="AP1849">
        <v>15605.680329999999</v>
      </c>
    </row>
    <row r="1850" spans="2:42" x14ac:dyDescent="0.3">
      <c r="B1850">
        <v>40.656274553436148</v>
      </c>
      <c r="C1850" s="83">
        <v>43178</v>
      </c>
      <c r="D1850">
        <v>178810.39309999999</v>
      </c>
      <c r="E1850">
        <v>15128.370349999999</v>
      </c>
      <c r="F1850">
        <v>44117.878669999998</v>
      </c>
      <c r="G1850">
        <v>42065.176019999999</v>
      </c>
      <c r="H1850">
        <v>37583.483509999998</v>
      </c>
      <c r="I1850">
        <v>25113.47984</v>
      </c>
      <c r="J1850">
        <v>33791.670400000003</v>
      </c>
      <c r="K1850">
        <v>45753.797899999998</v>
      </c>
      <c r="L1850">
        <v>19753.72424</v>
      </c>
      <c r="M1850">
        <v>207284.64739999999</v>
      </c>
      <c r="N1850">
        <v>71350.856969999993</v>
      </c>
      <c r="O1850">
        <v>23055.152959999999</v>
      </c>
      <c r="P1850">
        <v>31305.132420000002</v>
      </c>
      <c r="Q1850">
        <v>57908.558720000001</v>
      </c>
      <c r="R1850">
        <v>24557.68305</v>
      </c>
      <c r="S1850">
        <v>80439.41519</v>
      </c>
      <c r="T1850">
        <v>27150.45003</v>
      </c>
      <c r="U1850">
        <v>15679.750899999999</v>
      </c>
      <c r="W1850" s="83">
        <f>Bühler!N1882</f>
        <v>45368.999999995518</v>
      </c>
      <c r="X1850" s="83">
        <v>43178</v>
      </c>
      <c r="Y1850">
        <v>178810.39309999999</v>
      </c>
      <c r="Z1850">
        <v>15128.370349999999</v>
      </c>
      <c r="AA1850">
        <v>44117.878669999998</v>
      </c>
      <c r="AB1850">
        <v>42065.176019999999</v>
      </c>
      <c r="AC1850">
        <v>37583.483509999998</v>
      </c>
      <c r="AD1850">
        <v>25113.47984</v>
      </c>
      <c r="AE1850">
        <v>33791.670400000003</v>
      </c>
      <c r="AF1850">
        <v>45753.797899999998</v>
      </c>
      <c r="AG1850">
        <v>19753.72424</v>
      </c>
      <c r="AH1850">
        <v>207284.64739999999</v>
      </c>
      <c r="AI1850">
        <v>71350.856969999993</v>
      </c>
      <c r="AJ1850">
        <v>23055.152959999999</v>
      </c>
      <c r="AK1850">
        <v>31305.132420000002</v>
      </c>
      <c r="AL1850">
        <v>57908.558720000001</v>
      </c>
      <c r="AM1850">
        <v>24557.68305</v>
      </c>
      <c r="AN1850">
        <v>80439.41519</v>
      </c>
      <c r="AO1850">
        <v>27150.45003</v>
      </c>
      <c r="AP1850">
        <v>15679.750899999999</v>
      </c>
    </row>
    <row r="1851" spans="2:42" x14ac:dyDescent="0.3">
      <c r="B1851">
        <v>41.467981804682339</v>
      </c>
      <c r="C1851" s="83">
        <v>43178.041666666664</v>
      </c>
      <c r="D1851">
        <v>180053.0324</v>
      </c>
      <c r="E1851">
        <v>15363.828649999999</v>
      </c>
      <c r="F1851">
        <v>44791.232539999997</v>
      </c>
      <c r="G1851">
        <v>41953.840389999998</v>
      </c>
      <c r="H1851">
        <v>37493.618909999997</v>
      </c>
      <c r="I1851">
        <v>19807.158299999999</v>
      </c>
      <c r="J1851">
        <v>32950.862430000001</v>
      </c>
      <c r="K1851">
        <v>43561.25071</v>
      </c>
      <c r="L1851">
        <v>19190.118129999999</v>
      </c>
      <c r="M1851">
        <v>211423.10949999999</v>
      </c>
      <c r="N1851">
        <v>71103.113979999995</v>
      </c>
      <c r="O1851">
        <v>23188.53989</v>
      </c>
      <c r="P1851">
        <v>31242.241249999999</v>
      </c>
      <c r="Q1851">
        <v>61540.054779999999</v>
      </c>
      <c r="R1851">
        <v>23206.475180000001</v>
      </c>
      <c r="S1851">
        <v>79385.345209999999</v>
      </c>
      <c r="T1851">
        <v>26622.999390000001</v>
      </c>
      <c r="U1851">
        <v>15956.1595</v>
      </c>
      <c r="W1851" s="83">
        <f>Bühler!N1883</f>
        <v>45369.041666662182</v>
      </c>
      <c r="X1851" s="83">
        <v>43178.041666666664</v>
      </c>
      <c r="Y1851">
        <v>180053.0324</v>
      </c>
      <c r="Z1851">
        <v>15363.828649999999</v>
      </c>
      <c r="AA1851">
        <v>44791.232539999997</v>
      </c>
      <c r="AB1851">
        <v>41953.840389999998</v>
      </c>
      <c r="AC1851">
        <v>37493.618909999997</v>
      </c>
      <c r="AD1851">
        <v>19807.158299999999</v>
      </c>
      <c r="AE1851">
        <v>32950.862430000001</v>
      </c>
      <c r="AF1851">
        <v>43561.25071</v>
      </c>
      <c r="AG1851">
        <v>19190.118129999999</v>
      </c>
      <c r="AH1851">
        <v>211423.10949999999</v>
      </c>
      <c r="AI1851">
        <v>71103.113979999995</v>
      </c>
      <c r="AJ1851">
        <v>23188.53989</v>
      </c>
      <c r="AK1851">
        <v>31242.241249999999</v>
      </c>
      <c r="AL1851">
        <v>61540.054779999999</v>
      </c>
      <c r="AM1851">
        <v>23206.475180000001</v>
      </c>
      <c r="AN1851">
        <v>79385.345209999999</v>
      </c>
      <c r="AO1851">
        <v>26622.999390000001</v>
      </c>
      <c r="AP1851">
        <v>15956.1595</v>
      </c>
    </row>
    <row r="1852" spans="2:42" x14ac:dyDescent="0.3">
      <c r="B1852">
        <v>42.445534144095902</v>
      </c>
      <c r="C1852" s="83">
        <v>43178.083333333336</v>
      </c>
      <c r="D1852">
        <v>182356.8113</v>
      </c>
      <c r="E1852">
        <v>15432.205260000001</v>
      </c>
      <c r="F1852">
        <v>45795.88308</v>
      </c>
      <c r="G1852">
        <v>41633.169139999998</v>
      </c>
      <c r="H1852">
        <v>37670.173049999998</v>
      </c>
      <c r="I1852">
        <v>18754.021820000002</v>
      </c>
      <c r="J1852">
        <v>32655.568859999999</v>
      </c>
      <c r="K1852">
        <v>42492.879139999997</v>
      </c>
      <c r="L1852">
        <v>19307.82429</v>
      </c>
      <c r="M1852">
        <v>216407.12719999999</v>
      </c>
      <c r="N1852">
        <v>71069.29694</v>
      </c>
      <c r="O1852">
        <v>23427.368719999999</v>
      </c>
      <c r="P1852">
        <v>30953.140879999999</v>
      </c>
      <c r="Q1852">
        <v>63622.28873</v>
      </c>
      <c r="R1852">
        <v>23524.550780000001</v>
      </c>
      <c r="S1852">
        <v>79513.542490000007</v>
      </c>
      <c r="T1852">
        <v>25897.40106</v>
      </c>
      <c r="U1852">
        <v>16229.409379999999</v>
      </c>
      <c r="W1852" s="83">
        <f>Bühler!N1884</f>
        <v>45369.083333328846</v>
      </c>
      <c r="X1852" s="83">
        <v>43178.083333333336</v>
      </c>
      <c r="Y1852">
        <v>182356.8113</v>
      </c>
      <c r="Z1852">
        <v>15432.205260000001</v>
      </c>
      <c r="AA1852">
        <v>45795.88308</v>
      </c>
      <c r="AB1852">
        <v>41633.169139999998</v>
      </c>
      <c r="AC1852">
        <v>37670.173049999998</v>
      </c>
      <c r="AD1852">
        <v>18754.021820000002</v>
      </c>
      <c r="AE1852">
        <v>32655.568859999999</v>
      </c>
      <c r="AF1852">
        <v>42492.879139999997</v>
      </c>
      <c r="AG1852">
        <v>19307.82429</v>
      </c>
      <c r="AH1852">
        <v>216407.12719999999</v>
      </c>
      <c r="AI1852">
        <v>71069.29694</v>
      </c>
      <c r="AJ1852">
        <v>23427.368719999999</v>
      </c>
      <c r="AK1852">
        <v>30953.140879999999</v>
      </c>
      <c r="AL1852">
        <v>63622.28873</v>
      </c>
      <c r="AM1852">
        <v>23524.550780000001</v>
      </c>
      <c r="AN1852">
        <v>79513.542490000007</v>
      </c>
      <c r="AO1852">
        <v>25897.40106</v>
      </c>
      <c r="AP1852">
        <v>16229.409379999999</v>
      </c>
    </row>
    <row r="1853" spans="2:42" x14ac:dyDescent="0.3">
      <c r="B1853">
        <v>43.403744824001294</v>
      </c>
      <c r="C1853" s="83">
        <v>43178.125</v>
      </c>
      <c r="D1853">
        <v>187871.51259999999</v>
      </c>
      <c r="E1853">
        <v>15780.02349</v>
      </c>
      <c r="F1853">
        <v>48103.432390000002</v>
      </c>
      <c r="G1853">
        <v>41006.135159999998</v>
      </c>
      <c r="H1853">
        <v>38209.211430000003</v>
      </c>
      <c r="I1853">
        <v>18957.460599999999</v>
      </c>
      <c r="J1853">
        <v>33546.1924</v>
      </c>
      <c r="K1853">
        <v>42064.370280000003</v>
      </c>
      <c r="L1853">
        <v>19300.79551</v>
      </c>
      <c r="M1853">
        <v>221292.53210000001</v>
      </c>
      <c r="N1853">
        <v>71854.636639999997</v>
      </c>
      <c r="O1853">
        <v>23350.99883</v>
      </c>
      <c r="P1853">
        <v>30409.849569999998</v>
      </c>
      <c r="Q1853">
        <v>69542.692439999999</v>
      </c>
      <c r="R1853">
        <v>23916.686699999998</v>
      </c>
      <c r="S1853">
        <v>78757.897549999994</v>
      </c>
      <c r="T1853">
        <v>26384.254260000002</v>
      </c>
      <c r="U1853">
        <v>16796.527870000002</v>
      </c>
      <c r="W1853" s="83">
        <f>Bühler!N1885</f>
        <v>45369.124999995511</v>
      </c>
      <c r="X1853" s="83">
        <v>43178.125</v>
      </c>
      <c r="Y1853">
        <v>187871.51259999999</v>
      </c>
      <c r="Z1853">
        <v>15780.02349</v>
      </c>
      <c r="AA1853">
        <v>48103.432390000002</v>
      </c>
      <c r="AB1853">
        <v>41006.135159999998</v>
      </c>
      <c r="AC1853">
        <v>38209.211430000003</v>
      </c>
      <c r="AD1853">
        <v>18957.460599999999</v>
      </c>
      <c r="AE1853">
        <v>33546.1924</v>
      </c>
      <c r="AF1853">
        <v>42064.370280000003</v>
      </c>
      <c r="AG1853">
        <v>19300.79551</v>
      </c>
      <c r="AH1853">
        <v>221292.53210000001</v>
      </c>
      <c r="AI1853">
        <v>71854.636639999997</v>
      </c>
      <c r="AJ1853">
        <v>23350.99883</v>
      </c>
      <c r="AK1853">
        <v>30409.849569999998</v>
      </c>
      <c r="AL1853">
        <v>69542.692439999999</v>
      </c>
      <c r="AM1853">
        <v>23916.686699999998</v>
      </c>
      <c r="AN1853">
        <v>78757.897549999994</v>
      </c>
      <c r="AO1853">
        <v>26384.254260000002</v>
      </c>
      <c r="AP1853">
        <v>16796.527870000002</v>
      </c>
    </row>
    <row r="1854" spans="2:42" x14ac:dyDescent="0.3">
      <c r="B1854">
        <v>46.739353467732556</v>
      </c>
      <c r="C1854" s="83">
        <v>43178.166666666664</v>
      </c>
      <c r="D1854">
        <v>200921.9111</v>
      </c>
      <c r="E1854">
        <v>16836.583159999998</v>
      </c>
      <c r="F1854">
        <v>52261.351349999997</v>
      </c>
      <c r="G1854">
        <v>41368.78355</v>
      </c>
      <c r="H1854">
        <v>39498.331819999999</v>
      </c>
      <c r="I1854">
        <v>21912.459070000001</v>
      </c>
      <c r="J1854">
        <v>36239.46097</v>
      </c>
      <c r="K1854">
        <v>42434.472260000002</v>
      </c>
      <c r="L1854">
        <v>18783.46197</v>
      </c>
      <c r="M1854">
        <v>238299.02050000001</v>
      </c>
      <c r="N1854">
        <v>74044.737280000001</v>
      </c>
      <c r="O1854">
        <v>24300.297910000001</v>
      </c>
      <c r="P1854">
        <v>30748.072769999999</v>
      </c>
      <c r="Q1854">
        <v>74620.537320000003</v>
      </c>
      <c r="R1854">
        <v>24152.411889999999</v>
      </c>
      <c r="S1854">
        <v>79475.357669999998</v>
      </c>
      <c r="T1854">
        <v>26172.785690000001</v>
      </c>
      <c r="U1854">
        <v>17847.195469999999</v>
      </c>
      <c r="W1854" s="83">
        <f>Bühler!N1886</f>
        <v>45369.166666662175</v>
      </c>
      <c r="X1854" s="83">
        <v>43178.166666666664</v>
      </c>
      <c r="Y1854">
        <v>200921.9111</v>
      </c>
      <c r="Z1854">
        <v>16836.583159999998</v>
      </c>
      <c r="AA1854">
        <v>52261.351349999997</v>
      </c>
      <c r="AB1854">
        <v>41368.78355</v>
      </c>
      <c r="AC1854">
        <v>39498.331819999999</v>
      </c>
      <c r="AD1854">
        <v>21912.459070000001</v>
      </c>
      <c r="AE1854">
        <v>36239.46097</v>
      </c>
      <c r="AF1854">
        <v>42434.472260000002</v>
      </c>
      <c r="AG1854">
        <v>18783.46197</v>
      </c>
      <c r="AH1854">
        <v>238299.02050000001</v>
      </c>
      <c r="AI1854">
        <v>74044.737280000001</v>
      </c>
      <c r="AJ1854">
        <v>24300.297910000001</v>
      </c>
      <c r="AK1854">
        <v>30748.072769999999</v>
      </c>
      <c r="AL1854">
        <v>74620.537320000003</v>
      </c>
      <c r="AM1854">
        <v>24152.411889999999</v>
      </c>
      <c r="AN1854">
        <v>79475.357669999998</v>
      </c>
      <c r="AO1854">
        <v>26172.785690000001</v>
      </c>
      <c r="AP1854">
        <v>17847.195469999999</v>
      </c>
    </row>
    <row r="1855" spans="2:42" x14ac:dyDescent="0.3">
      <c r="B1855">
        <v>52.271533874199903</v>
      </c>
      <c r="C1855" s="83">
        <v>43178.208333333336</v>
      </c>
      <c r="D1855">
        <v>231693.96539999999</v>
      </c>
      <c r="E1855">
        <v>19031.623530000001</v>
      </c>
      <c r="F1855">
        <v>62640.013910000001</v>
      </c>
      <c r="G1855">
        <v>44320.415260000002</v>
      </c>
      <c r="H1855">
        <v>41389.501830000001</v>
      </c>
      <c r="I1855">
        <v>32276.41346</v>
      </c>
      <c r="J1855">
        <v>39925.25864</v>
      </c>
      <c r="K1855">
        <v>43740.698929999999</v>
      </c>
      <c r="L1855">
        <v>19437.190129999999</v>
      </c>
      <c r="M1855">
        <v>266504.65610000002</v>
      </c>
      <c r="N1855">
        <v>76468.617899999997</v>
      </c>
      <c r="O1855">
        <v>25237.44184</v>
      </c>
      <c r="P1855">
        <v>31623.22062</v>
      </c>
      <c r="Q1855">
        <v>80824.354600000006</v>
      </c>
      <c r="R1855">
        <v>26770.647150000001</v>
      </c>
      <c r="S1855">
        <v>82418.415869999997</v>
      </c>
      <c r="T1855">
        <v>28345.672480000001</v>
      </c>
      <c r="U1855">
        <v>20104.06971</v>
      </c>
      <c r="W1855" s="83">
        <f>Bühler!N1887</f>
        <v>45369.208333328839</v>
      </c>
      <c r="X1855" s="83">
        <v>43178.208333333336</v>
      </c>
      <c r="Y1855">
        <v>231693.96539999999</v>
      </c>
      <c r="Z1855">
        <v>19031.623530000001</v>
      </c>
      <c r="AA1855">
        <v>62640.013910000001</v>
      </c>
      <c r="AB1855">
        <v>44320.415260000002</v>
      </c>
      <c r="AC1855">
        <v>41389.501830000001</v>
      </c>
      <c r="AD1855">
        <v>32276.41346</v>
      </c>
      <c r="AE1855">
        <v>39925.25864</v>
      </c>
      <c r="AF1855">
        <v>43740.698929999999</v>
      </c>
      <c r="AG1855">
        <v>19437.190129999999</v>
      </c>
      <c r="AH1855">
        <v>266504.65610000002</v>
      </c>
      <c r="AI1855">
        <v>76468.617899999997</v>
      </c>
      <c r="AJ1855">
        <v>25237.44184</v>
      </c>
      <c r="AK1855">
        <v>31623.22062</v>
      </c>
      <c r="AL1855">
        <v>80824.354600000006</v>
      </c>
      <c r="AM1855">
        <v>26770.647150000001</v>
      </c>
      <c r="AN1855">
        <v>82418.415869999997</v>
      </c>
      <c r="AO1855">
        <v>28345.672480000001</v>
      </c>
      <c r="AP1855">
        <v>20104.06971</v>
      </c>
    </row>
    <row r="1856" spans="2:42" x14ac:dyDescent="0.3">
      <c r="B1856">
        <v>58.256430792887009</v>
      </c>
      <c r="C1856" s="83">
        <v>43178.25</v>
      </c>
      <c r="D1856">
        <v>257938.5361</v>
      </c>
      <c r="E1856">
        <v>23477.047600000002</v>
      </c>
      <c r="F1856">
        <v>76286.631080000006</v>
      </c>
      <c r="G1856">
        <v>57216.74134</v>
      </c>
      <c r="H1856">
        <v>45623.675649999997</v>
      </c>
      <c r="I1856">
        <v>42185.212469999999</v>
      </c>
      <c r="J1856">
        <v>43750.396460000004</v>
      </c>
      <c r="K1856">
        <v>47448.19644</v>
      </c>
      <c r="L1856">
        <v>22056.736639999999</v>
      </c>
      <c r="M1856">
        <v>297018.45159999997</v>
      </c>
      <c r="N1856">
        <v>79679.964240000001</v>
      </c>
      <c r="O1856">
        <v>26713.49307</v>
      </c>
      <c r="P1856">
        <v>32166.79017</v>
      </c>
      <c r="Q1856">
        <v>85127.188479999997</v>
      </c>
      <c r="R1856">
        <v>19727.55214</v>
      </c>
      <c r="S1856">
        <v>90521.869879999998</v>
      </c>
      <c r="T1856">
        <v>30841.367149999998</v>
      </c>
      <c r="U1856">
        <v>22969.530360000001</v>
      </c>
      <c r="W1856" s="83">
        <f>Bühler!N1888</f>
        <v>45369.249999995503</v>
      </c>
      <c r="X1856" s="83">
        <v>43178.25</v>
      </c>
      <c r="Y1856">
        <v>257938.5361</v>
      </c>
      <c r="Z1856">
        <v>23477.047600000002</v>
      </c>
      <c r="AA1856">
        <v>76286.631080000006</v>
      </c>
      <c r="AB1856">
        <v>57216.74134</v>
      </c>
      <c r="AC1856">
        <v>45623.675649999997</v>
      </c>
      <c r="AD1856">
        <v>42185.212469999999</v>
      </c>
      <c r="AE1856">
        <v>43750.396460000004</v>
      </c>
      <c r="AF1856">
        <v>47448.19644</v>
      </c>
      <c r="AG1856">
        <v>22056.736639999999</v>
      </c>
      <c r="AH1856">
        <v>297018.45159999997</v>
      </c>
      <c r="AI1856">
        <v>79679.964240000001</v>
      </c>
      <c r="AJ1856">
        <v>26713.49307</v>
      </c>
      <c r="AK1856">
        <v>32166.79017</v>
      </c>
      <c r="AL1856">
        <v>85127.188479999997</v>
      </c>
      <c r="AM1856">
        <v>19727.55214</v>
      </c>
      <c r="AN1856">
        <v>90521.869879999998</v>
      </c>
      <c r="AO1856">
        <v>30841.367149999998</v>
      </c>
      <c r="AP1856">
        <v>22969.530360000001</v>
      </c>
    </row>
    <row r="1857" spans="2:42" x14ac:dyDescent="0.3">
      <c r="B1857">
        <v>61.199046256784627</v>
      </c>
      <c r="C1857" s="83">
        <v>43178.291666666664</v>
      </c>
      <c r="D1857">
        <v>276531.88650000002</v>
      </c>
      <c r="E1857">
        <v>28152.69425</v>
      </c>
      <c r="F1857">
        <v>78537.755789999996</v>
      </c>
      <c r="G1857">
        <v>69153.446559999997</v>
      </c>
      <c r="H1857">
        <v>50157.120320000002</v>
      </c>
      <c r="I1857">
        <v>51764.616329999997</v>
      </c>
      <c r="J1857">
        <v>44222.282829999996</v>
      </c>
      <c r="K1857">
        <v>52947.415580000001</v>
      </c>
      <c r="L1857">
        <v>24856.65454</v>
      </c>
      <c r="M1857">
        <v>312021.27750000003</v>
      </c>
      <c r="N1857">
        <v>87449.616420000006</v>
      </c>
      <c r="O1857">
        <v>29229.633949999999</v>
      </c>
      <c r="P1857">
        <v>34933.671479999997</v>
      </c>
      <c r="Q1857">
        <v>87716.794349999996</v>
      </c>
      <c r="R1857">
        <v>20441.466489999999</v>
      </c>
      <c r="S1857">
        <v>105628.9185</v>
      </c>
      <c r="T1857">
        <v>32706.416450000001</v>
      </c>
      <c r="U1857">
        <v>26599.279129999999</v>
      </c>
      <c r="W1857" s="83">
        <f>Bühler!N1889</f>
        <v>45369.291666662168</v>
      </c>
      <c r="X1857" s="83">
        <v>43178.291666666664</v>
      </c>
      <c r="Y1857">
        <v>276531.88650000002</v>
      </c>
      <c r="Z1857">
        <v>28152.69425</v>
      </c>
      <c r="AA1857">
        <v>78537.755789999996</v>
      </c>
      <c r="AB1857">
        <v>69153.446559999997</v>
      </c>
      <c r="AC1857">
        <v>50157.120320000002</v>
      </c>
      <c r="AD1857">
        <v>51764.616329999997</v>
      </c>
      <c r="AE1857">
        <v>44222.282829999996</v>
      </c>
      <c r="AF1857">
        <v>52947.415580000001</v>
      </c>
      <c r="AG1857">
        <v>24856.65454</v>
      </c>
      <c r="AH1857">
        <v>312021.27750000003</v>
      </c>
      <c r="AI1857">
        <v>87449.616420000006</v>
      </c>
      <c r="AJ1857">
        <v>29229.633949999999</v>
      </c>
      <c r="AK1857">
        <v>34933.671479999997</v>
      </c>
      <c r="AL1857">
        <v>87716.794349999996</v>
      </c>
      <c r="AM1857">
        <v>20441.466489999999</v>
      </c>
      <c r="AN1857">
        <v>105628.9185</v>
      </c>
      <c r="AO1857">
        <v>32706.416450000001</v>
      </c>
      <c r="AP1857">
        <v>26599.279129999999</v>
      </c>
    </row>
    <row r="1858" spans="2:42" x14ac:dyDescent="0.3">
      <c r="B1858">
        <v>62.783639889092726</v>
      </c>
      <c r="C1858" s="83">
        <v>43178.333333333336</v>
      </c>
      <c r="D1858">
        <v>294611.55320000002</v>
      </c>
      <c r="E1858">
        <v>34377.521009999997</v>
      </c>
      <c r="F1858">
        <v>85356.851129999995</v>
      </c>
      <c r="G1858">
        <v>83967.858800000002</v>
      </c>
      <c r="H1858">
        <v>55587.24237</v>
      </c>
      <c r="I1858">
        <v>54740.050759999998</v>
      </c>
      <c r="J1858">
        <v>46366.548560000003</v>
      </c>
      <c r="K1858">
        <v>59248.576179999996</v>
      </c>
      <c r="L1858">
        <v>26461.794180000001</v>
      </c>
      <c r="M1858">
        <v>320100.27480000001</v>
      </c>
      <c r="N1858">
        <v>95314.961439999999</v>
      </c>
      <c r="O1858">
        <v>30153.092400000001</v>
      </c>
      <c r="P1858">
        <v>36702.19917</v>
      </c>
      <c r="Q1858">
        <v>89692.485140000004</v>
      </c>
      <c r="R1858">
        <v>23467.400160000001</v>
      </c>
      <c r="S1858">
        <v>118268.7844</v>
      </c>
      <c r="T1858">
        <v>35183.204510000003</v>
      </c>
      <c r="U1858">
        <v>30434.403279999999</v>
      </c>
      <c r="W1858" s="83">
        <f>Bühler!N1890</f>
        <v>45369.333333328832</v>
      </c>
      <c r="X1858" s="83">
        <v>43178.333333333336</v>
      </c>
      <c r="Y1858">
        <v>294611.55320000002</v>
      </c>
      <c r="Z1858">
        <v>34377.521009999997</v>
      </c>
      <c r="AA1858">
        <v>85356.851129999995</v>
      </c>
      <c r="AB1858">
        <v>83967.858800000002</v>
      </c>
      <c r="AC1858">
        <v>55587.24237</v>
      </c>
      <c r="AD1858">
        <v>54740.050759999998</v>
      </c>
      <c r="AE1858">
        <v>46366.548560000003</v>
      </c>
      <c r="AF1858">
        <v>59248.576179999996</v>
      </c>
      <c r="AG1858">
        <v>26461.794180000001</v>
      </c>
      <c r="AH1858">
        <v>320100.27480000001</v>
      </c>
      <c r="AI1858">
        <v>95314.961439999999</v>
      </c>
      <c r="AJ1858">
        <v>30153.092400000001</v>
      </c>
      <c r="AK1858">
        <v>36702.19917</v>
      </c>
      <c r="AL1858">
        <v>89692.485140000004</v>
      </c>
      <c r="AM1858">
        <v>23467.400160000001</v>
      </c>
      <c r="AN1858">
        <v>118268.7844</v>
      </c>
      <c r="AO1858">
        <v>35183.204510000003</v>
      </c>
      <c r="AP1858">
        <v>30434.403279999999</v>
      </c>
    </row>
    <row r="1859" spans="2:42" x14ac:dyDescent="0.3">
      <c r="B1859">
        <v>62.96640683065943</v>
      </c>
      <c r="C1859" s="83">
        <v>43178.375</v>
      </c>
      <c r="D1859">
        <v>298934.71299999999</v>
      </c>
      <c r="E1859">
        <v>38150.959179999998</v>
      </c>
      <c r="F1859">
        <v>92377.972800000003</v>
      </c>
      <c r="G1859">
        <v>94255.626210000002</v>
      </c>
      <c r="H1859">
        <v>58221.280910000001</v>
      </c>
      <c r="I1859">
        <v>49203.267590000003</v>
      </c>
      <c r="J1859">
        <v>46254.937769999997</v>
      </c>
      <c r="K1859">
        <v>60524.962979999997</v>
      </c>
      <c r="L1859">
        <v>30287.362539999998</v>
      </c>
      <c r="M1859">
        <v>321032.10590000002</v>
      </c>
      <c r="N1859">
        <v>103178.1663</v>
      </c>
      <c r="O1859">
        <v>30237.704740000001</v>
      </c>
      <c r="P1859">
        <v>39107.017650000002</v>
      </c>
      <c r="Q1859">
        <v>91304.122810000001</v>
      </c>
      <c r="R1859">
        <v>24341.190610000001</v>
      </c>
      <c r="S1859">
        <v>123305.6502</v>
      </c>
      <c r="T1859">
        <v>37762.276250000003</v>
      </c>
      <c r="U1859">
        <v>30446.02203</v>
      </c>
      <c r="W1859" s="83">
        <f>Bühler!N1891</f>
        <v>45369.374999995496</v>
      </c>
      <c r="X1859" s="83">
        <v>43178.375</v>
      </c>
      <c r="Y1859">
        <v>298934.71299999999</v>
      </c>
      <c r="Z1859">
        <v>38150.959179999998</v>
      </c>
      <c r="AA1859">
        <v>92377.972800000003</v>
      </c>
      <c r="AB1859">
        <v>94255.626210000002</v>
      </c>
      <c r="AC1859">
        <v>58221.280910000001</v>
      </c>
      <c r="AD1859">
        <v>49203.267590000003</v>
      </c>
      <c r="AE1859">
        <v>46254.937769999997</v>
      </c>
      <c r="AF1859">
        <v>60524.962979999997</v>
      </c>
      <c r="AG1859">
        <v>30287.362539999998</v>
      </c>
      <c r="AH1859">
        <v>321032.10590000002</v>
      </c>
      <c r="AI1859">
        <v>103178.1663</v>
      </c>
      <c r="AJ1859">
        <v>30237.704740000001</v>
      </c>
      <c r="AK1859">
        <v>39107.017650000002</v>
      </c>
      <c r="AL1859">
        <v>91304.122810000001</v>
      </c>
      <c r="AM1859">
        <v>24341.190610000001</v>
      </c>
      <c r="AN1859">
        <v>123305.6502</v>
      </c>
      <c r="AO1859">
        <v>37762.276250000003</v>
      </c>
      <c r="AP1859">
        <v>30446.02203</v>
      </c>
    </row>
    <row r="1860" spans="2:42" x14ac:dyDescent="0.3">
      <c r="B1860">
        <v>63.497962423700855</v>
      </c>
      <c r="C1860" s="83">
        <v>43178.416666666664</v>
      </c>
      <c r="D1860">
        <v>300864.33929999999</v>
      </c>
      <c r="E1860">
        <v>38901.945769999998</v>
      </c>
      <c r="F1860">
        <v>93335.873049999995</v>
      </c>
      <c r="G1860">
        <v>96410.988920000003</v>
      </c>
      <c r="H1860">
        <v>57842.491280000002</v>
      </c>
      <c r="I1860">
        <v>44778.93838</v>
      </c>
      <c r="J1860">
        <v>43859.248249999997</v>
      </c>
      <c r="K1860">
        <v>61852.361729999997</v>
      </c>
      <c r="L1860">
        <v>32499.27893</v>
      </c>
      <c r="M1860">
        <v>323742.2242</v>
      </c>
      <c r="N1860">
        <v>105377.4506</v>
      </c>
      <c r="O1860">
        <v>30138.014930000001</v>
      </c>
      <c r="P1860">
        <v>38452.779670000004</v>
      </c>
      <c r="Q1860">
        <v>91408.667100000006</v>
      </c>
      <c r="R1860">
        <v>24637.72033</v>
      </c>
      <c r="S1860">
        <v>124549.1982</v>
      </c>
      <c r="T1860">
        <v>38998.594770000003</v>
      </c>
      <c r="U1860">
        <v>27988.10655</v>
      </c>
      <c r="W1860" s="83">
        <f>Bühler!N1892</f>
        <v>45369.41666666216</v>
      </c>
      <c r="X1860" s="83">
        <v>43178.416666666664</v>
      </c>
      <c r="Y1860">
        <v>300864.33929999999</v>
      </c>
      <c r="Z1860">
        <v>38901.945769999998</v>
      </c>
      <c r="AA1860">
        <v>93335.873049999995</v>
      </c>
      <c r="AB1860">
        <v>96410.988920000003</v>
      </c>
      <c r="AC1860">
        <v>57842.491280000002</v>
      </c>
      <c r="AD1860">
        <v>44778.93838</v>
      </c>
      <c r="AE1860">
        <v>43859.248249999997</v>
      </c>
      <c r="AF1860">
        <v>61852.361729999997</v>
      </c>
      <c r="AG1860">
        <v>32499.27893</v>
      </c>
      <c r="AH1860">
        <v>323742.2242</v>
      </c>
      <c r="AI1860">
        <v>105377.4506</v>
      </c>
      <c r="AJ1860">
        <v>30138.014930000001</v>
      </c>
      <c r="AK1860">
        <v>38452.779670000004</v>
      </c>
      <c r="AL1860">
        <v>91408.667100000006</v>
      </c>
      <c r="AM1860">
        <v>24637.72033</v>
      </c>
      <c r="AN1860">
        <v>124549.1982</v>
      </c>
      <c r="AO1860">
        <v>38998.594770000003</v>
      </c>
      <c r="AP1860">
        <v>27988.10655</v>
      </c>
    </row>
    <row r="1861" spans="2:42" x14ac:dyDescent="0.3">
      <c r="B1861">
        <v>64.497116278670916</v>
      </c>
      <c r="C1861" s="83">
        <v>43178.458333333336</v>
      </c>
      <c r="D1861">
        <v>300273.05839999998</v>
      </c>
      <c r="E1861">
        <v>38042.229169999999</v>
      </c>
      <c r="F1861">
        <v>93236.574380000005</v>
      </c>
      <c r="G1861">
        <v>94075.600959999996</v>
      </c>
      <c r="H1861">
        <v>56593.088230000001</v>
      </c>
      <c r="I1861">
        <v>43517.871290000003</v>
      </c>
      <c r="J1861">
        <v>43038.511129999999</v>
      </c>
      <c r="K1861">
        <v>62689.299930000001</v>
      </c>
      <c r="L1861">
        <v>32481.587339999998</v>
      </c>
      <c r="M1861">
        <v>328836.37650000001</v>
      </c>
      <c r="N1861">
        <v>106372.25780000001</v>
      </c>
      <c r="O1861">
        <v>29622.838879999999</v>
      </c>
      <c r="P1861">
        <v>37052.175349999998</v>
      </c>
      <c r="Q1861">
        <v>92923.220690000002</v>
      </c>
      <c r="R1861">
        <v>26887.003779999999</v>
      </c>
      <c r="S1861">
        <v>126185.41710000001</v>
      </c>
      <c r="T1861">
        <v>38375.72666</v>
      </c>
      <c r="U1861">
        <v>27307.40006</v>
      </c>
      <c r="W1861" s="83">
        <f>Bühler!N1893</f>
        <v>45369.458333328825</v>
      </c>
      <c r="X1861" s="83">
        <v>43178.458333333336</v>
      </c>
      <c r="Y1861">
        <v>300273.05839999998</v>
      </c>
      <c r="Z1861">
        <v>38042.229169999999</v>
      </c>
      <c r="AA1861">
        <v>93236.574380000005</v>
      </c>
      <c r="AB1861">
        <v>94075.600959999996</v>
      </c>
      <c r="AC1861">
        <v>56593.088230000001</v>
      </c>
      <c r="AD1861">
        <v>43517.871290000003</v>
      </c>
      <c r="AE1861">
        <v>43038.511129999999</v>
      </c>
      <c r="AF1861">
        <v>62689.299930000001</v>
      </c>
      <c r="AG1861">
        <v>32481.587339999998</v>
      </c>
      <c r="AH1861">
        <v>328836.37650000001</v>
      </c>
      <c r="AI1861">
        <v>106372.25780000001</v>
      </c>
      <c r="AJ1861">
        <v>29622.838879999999</v>
      </c>
      <c r="AK1861">
        <v>37052.175349999998</v>
      </c>
      <c r="AL1861">
        <v>92923.220690000002</v>
      </c>
      <c r="AM1861">
        <v>26887.003779999999</v>
      </c>
      <c r="AN1861">
        <v>126185.41710000001</v>
      </c>
      <c r="AO1861">
        <v>38375.72666</v>
      </c>
      <c r="AP1861">
        <v>27307.40006</v>
      </c>
    </row>
    <row r="1862" spans="2:42" x14ac:dyDescent="0.3">
      <c r="B1862">
        <v>64.462543882154435</v>
      </c>
      <c r="C1862" s="83">
        <v>43178.5</v>
      </c>
      <c r="D1862">
        <v>287543.97360000003</v>
      </c>
      <c r="E1862">
        <v>34135.878100000002</v>
      </c>
      <c r="F1862">
        <v>86724.064010000002</v>
      </c>
      <c r="G1862">
        <v>94790.132660000003</v>
      </c>
      <c r="H1862">
        <v>54080.752740000004</v>
      </c>
      <c r="I1862">
        <v>41692.164870000001</v>
      </c>
      <c r="J1862">
        <v>42989.392489999998</v>
      </c>
      <c r="K1862">
        <v>58285.750610000003</v>
      </c>
      <c r="L1862">
        <v>33926.104099999997</v>
      </c>
      <c r="M1862">
        <v>328660.1103</v>
      </c>
      <c r="N1862">
        <v>102930.45209999999</v>
      </c>
      <c r="O1862">
        <v>27731.448639999999</v>
      </c>
      <c r="P1862">
        <v>37902.115389999999</v>
      </c>
      <c r="Q1862">
        <v>92190.793640000004</v>
      </c>
      <c r="R1862">
        <v>25991.55371</v>
      </c>
      <c r="S1862">
        <v>119074.783</v>
      </c>
      <c r="T1862">
        <v>38570.147530000002</v>
      </c>
      <c r="U1862">
        <v>23552.649140000001</v>
      </c>
      <c r="W1862" s="83">
        <f>Bühler!N1894</f>
        <v>45369.499999995489</v>
      </c>
      <c r="X1862" s="83">
        <v>43178.5</v>
      </c>
      <c r="Y1862">
        <v>287543.97360000003</v>
      </c>
      <c r="Z1862">
        <v>34135.878100000002</v>
      </c>
      <c r="AA1862">
        <v>86724.064010000002</v>
      </c>
      <c r="AB1862">
        <v>94790.132660000003</v>
      </c>
      <c r="AC1862">
        <v>54080.752740000004</v>
      </c>
      <c r="AD1862">
        <v>41692.164870000001</v>
      </c>
      <c r="AE1862">
        <v>42989.392489999998</v>
      </c>
      <c r="AF1862">
        <v>58285.750610000003</v>
      </c>
      <c r="AG1862">
        <v>33926.104099999997</v>
      </c>
      <c r="AH1862">
        <v>328660.1103</v>
      </c>
      <c r="AI1862">
        <v>102930.45209999999</v>
      </c>
      <c r="AJ1862">
        <v>27731.448639999999</v>
      </c>
      <c r="AK1862">
        <v>37902.115389999999</v>
      </c>
      <c r="AL1862">
        <v>92190.793640000004</v>
      </c>
      <c r="AM1862">
        <v>25991.55371</v>
      </c>
      <c r="AN1862">
        <v>119074.783</v>
      </c>
      <c r="AO1862">
        <v>38570.147530000002</v>
      </c>
      <c r="AP1862">
        <v>23552.649140000001</v>
      </c>
    </row>
    <row r="1863" spans="2:42" x14ac:dyDescent="0.3">
      <c r="B1863">
        <v>64.97193641822517</v>
      </c>
      <c r="C1863" s="83">
        <v>43178.541666666664</v>
      </c>
      <c r="D1863">
        <v>291167.9423</v>
      </c>
      <c r="E1863">
        <v>33794.80068</v>
      </c>
      <c r="F1863">
        <v>83495.113190000004</v>
      </c>
      <c r="G1863">
        <v>91013.692039999994</v>
      </c>
      <c r="H1863">
        <v>53998.519480000003</v>
      </c>
      <c r="I1863">
        <v>40906.440519999996</v>
      </c>
      <c r="J1863">
        <v>41393.074480000003</v>
      </c>
      <c r="K1863">
        <v>61898.221080000003</v>
      </c>
      <c r="L1863">
        <v>32283.990750000001</v>
      </c>
      <c r="M1863">
        <v>331257.23100000003</v>
      </c>
      <c r="N1863">
        <v>103143.2824</v>
      </c>
      <c r="O1863">
        <v>27760.638660000001</v>
      </c>
      <c r="P1863">
        <v>36188.553330000002</v>
      </c>
      <c r="Q1863">
        <v>91291.303880000007</v>
      </c>
      <c r="R1863">
        <v>24696.29262</v>
      </c>
      <c r="S1863">
        <v>117731.53350000001</v>
      </c>
      <c r="T1863">
        <v>36907.305829999998</v>
      </c>
      <c r="U1863">
        <v>24693.115890000001</v>
      </c>
      <c r="W1863" s="83">
        <f>Bühler!N1895</f>
        <v>45369.541666662153</v>
      </c>
      <c r="X1863" s="83">
        <v>43178.541666666664</v>
      </c>
      <c r="Y1863">
        <v>291167.9423</v>
      </c>
      <c r="Z1863">
        <v>33794.80068</v>
      </c>
      <c r="AA1863">
        <v>83495.113190000004</v>
      </c>
      <c r="AB1863">
        <v>91013.692039999994</v>
      </c>
      <c r="AC1863">
        <v>53998.519480000003</v>
      </c>
      <c r="AD1863">
        <v>40906.440519999996</v>
      </c>
      <c r="AE1863">
        <v>41393.074480000003</v>
      </c>
      <c r="AF1863">
        <v>61898.221080000003</v>
      </c>
      <c r="AG1863">
        <v>32283.990750000001</v>
      </c>
      <c r="AH1863">
        <v>331257.23100000003</v>
      </c>
      <c r="AI1863">
        <v>103143.2824</v>
      </c>
      <c r="AJ1863">
        <v>27760.638660000001</v>
      </c>
      <c r="AK1863">
        <v>36188.553330000002</v>
      </c>
      <c r="AL1863">
        <v>91291.303880000007</v>
      </c>
      <c r="AM1863">
        <v>24696.29262</v>
      </c>
      <c r="AN1863">
        <v>117731.53350000001</v>
      </c>
      <c r="AO1863">
        <v>36907.305829999998</v>
      </c>
      <c r="AP1863">
        <v>24693.115890000001</v>
      </c>
    </row>
    <row r="1864" spans="2:42" x14ac:dyDescent="0.3">
      <c r="B1864">
        <v>66.403622166532017</v>
      </c>
      <c r="C1864" s="83">
        <v>43178.583333333336</v>
      </c>
      <c r="D1864">
        <v>295682.74040000001</v>
      </c>
      <c r="E1864">
        <v>36409.015050000002</v>
      </c>
      <c r="F1864">
        <v>90936.697709999993</v>
      </c>
      <c r="G1864">
        <v>83740.508319999994</v>
      </c>
      <c r="H1864">
        <v>53099.300239999997</v>
      </c>
      <c r="I1864">
        <v>41504.863920000003</v>
      </c>
      <c r="J1864">
        <v>41223.349970000003</v>
      </c>
      <c r="K1864">
        <v>64083.693870000003</v>
      </c>
      <c r="L1864">
        <v>28748.854520000001</v>
      </c>
      <c r="M1864">
        <v>338556.63260000001</v>
      </c>
      <c r="N1864">
        <v>104715.79549999999</v>
      </c>
      <c r="O1864">
        <v>27175.2857</v>
      </c>
      <c r="P1864">
        <v>33864.92007</v>
      </c>
      <c r="Q1864">
        <v>90619.220490000007</v>
      </c>
      <c r="R1864">
        <v>24352.140340000002</v>
      </c>
      <c r="S1864">
        <v>112917.21460000001</v>
      </c>
      <c r="T1864">
        <v>34722.625610000003</v>
      </c>
      <c r="U1864">
        <v>25250.720529999999</v>
      </c>
      <c r="W1864" s="83">
        <f>Bühler!N1896</f>
        <v>45369.583333328817</v>
      </c>
      <c r="X1864" s="83">
        <v>43178.583333333336</v>
      </c>
      <c r="Y1864">
        <v>295682.74040000001</v>
      </c>
      <c r="Z1864">
        <v>36409.015050000002</v>
      </c>
      <c r="AA1864">
        <v>90936.697709999993</v>
      </c>
      <c r="AB1864">
        <v>83740.508319999994</v>
      </c>
      <c r="AC1864">
        <v>53099.300239999997</v>
      </c>
      <c r="AD1864">
        <v>41504.863920000003</v>
      </c>
      <c r="AE1864">
        <v>41223.349970000003</v>
      </c>
      <c r="AF1864">
        <v>64083.693870000003</v>
      </c>
      <c r="AG1864">
        <v>28748.854520000001</v>
      </c>
      <c r="AH1864">
        <v>338556.63260000001</v>
      </c>
      <c r="AI1864">
        <v>104715.79549999999</v>
      </c>
      <c r="AJ1864">
        <v>27175.2857</v>
      </c>
      <c r="AK1864">
        <v>33864.92007</v>
      </c>
      <c r="AL1864">
        <v>90619.220490000007</v>
      </c>
      <c r="AM1864">
        <v>24352.140340000002</v>
      </c>
      <c r="AN1864">
        <v>112917.21460000001</v>
      </c>
      <c r="AO1864">
        <v>34722.625610000003</v>
      </c>
      <c r="AP1864">
        <v>25250.720529999999</v>
      </c>
    </row>
    <row r="1865" spans="2:42" x14ac:dyDescent="0.3">
      <c r="B1865">
        <v>66.053256079910994</v>
      </c>
      <c r="C1865" s="83">
        <v>43178.625</v>
      </c>
      <c r="D1865">
        <v>293119.64510000002</v>
      </c>
      <c r="E1865">
        <v>35892.476089999996</v>
      </c>
      <c r="F1865">
        <v>91960.307400000005</v>
      </c>
      <c r="G1865">
        <v>79907.455350000004</v>
      </c>
      <c r="H1865">
        <v>51819.162360000002</v>
      </c>
      <c r="I1865">
        <v>42243.603640000001</v>
      </c>
      <c r="J1865">
        <v>40605.811040000001</v>
      </c>
      <c r="K1865">
        <v>63062.095739999997</v>
      </c>
      <c r="L1865">
        <v>26574.315139999999</v>
      </c>
      <c r="M1865">
        <v>336770.30290000001</v>
      </c>
      <c r="N1865">
        <v>101621.36810000001</v>
      </c>
      <c r="O1865">
        <v>25906.44903</v>
      </c>
      <c r="P1865">
        <v>32687.816770000001</v>
      </c>
      <c r="Q1865">
        <v>90594.843850000005</v>
      </c>
      <c r="R1865">
        <v>23871.070970000001</v>
      </c>
      <c r="S1865">
        <v>110521.9008</v>
      </c>
      <c r="T1865">
        <v>33925.854359999998</v>
      </c>
      <c r="U1865">
        <v>23971.950349999999</v>
      </c>
      <c r="W1865" s="83">
        <f>Bühler!N1897</f>
        <v>45369.624999995482</v>
      </c>
      <c r="X1865" s="83">
        <v>43178.625</v>
      </c>
      <c r="Y1865">
        <v>293119.64510000002</v>
      </c>
      <c r="Z1865">
        <v>35892.476089999996</v>
      </c>
      <c r="AA1865">
        <v>91960.307400000005</v>
      </c>
      <c r="AB1865">
        <v>79907.455350000004</v>
      </c>
      <c r="AC1865">
        <v>51819.162360000002</v>
      </c>
      <c r="AD1865">
        <v>42243.603640000001</v>
      </c>
      <c r="AE1865">
        <v>40605.811040000001</v>
      </c>
      <c r="AF1865">
        <v>63062.095739999997</v>
      </c>
      <c r="AG1865">
        <v>26574.315139999999</v>
      </c>
      <c r="AH1865">
        <v>336770.30290000001</v>
      </c>
      <c r="AI1865">
        <v>101621.36810000001</v>
      </c>
      <c r="AJ1865">
        <v>25906.44903</v>
      </c>
      <c r="AK1865">
        <v>32687.816770000001</v>
      </c>
      <c r="AL1865">
        <v>90594.843850000005</v>
      </c>
      <c r="AM1865">
        <v>23871.070970000001</v>
      </c>
      <c r="AN1865">
        <v>110521.9008</v>
      </c>
      <c r="AO1865">
        <v>33925.854359999998</v>
      </c>
      <c r="AP1865">
        <v>23971.950349999999</v>
      </c>
    </row>
    <row r="1866" spans="2:42" x14ac:dyDescent="0.3">
      <c r="B1866">
        <v>64.914129230684338</v>
      </c>
      <c r="C1866" s="83">
        <v>43178.666666666664</v>
      </c>
      <c r="D1866">
        <v>285740.61430000002</v>
      </c>
      <c r="E1866">
        <v>34585.586009999999</v>
      </c>
      <c r="F1866">
        <v>91273.567599999995</v>
      </c>
      <c r="G1866">
        <v>75108.798970000003</v>
      </c>
      <c r="H1866">
        <v>49789.27403</v>
      </c>
      <c r="I1866">
        <v>44133.737820000002</v>
      </c>
      <c r="J1866">
        <v>39496.862690000002</v>
      </c>
      <c r="K1866">
        <v>59169.561430000002</v>
      </c>
      <c r="L1866">
        <v>25487.940200000001</v>
      </c>
      <c r="M1866">
        <v>330962.50300000003</v>
      </c>
      <c r="N1866">
        <v>97425.387220000004</v>
      </c>
      <c r="O1866">
        <v>25024.456249999999</v>
      </c>
      <c r="P1866">
        <v>32347.74566</v>
      </c>
      <c r="Q1866">
        <v>89656.304319999996</v>
      </c>
      <c r="R1866">
        <v>23474.641240000001</v>
      </c>
      <c r="S1866">
        <v>107029.0865</v>
      </c>
      <c r="T1866">
        <v>33506.267670000001</v>
      </c>
      <c r="U1866">
        <v>22589.326000000001</v>
      </c>
      <c r="W1866" s="83">
        <f>Bühler!N1898</f>
        <v>45369.666666662146</v>
      </c>
      <c r="X1866" s="83">
        <v>43178.666666666664</v>
      </c>
      <c r="Y1866">
        <v>285740.61430000002</v>
      </c>
      <c r="Z1866">
        <v>34585.586009999999</v>
      </c>
      <c r="AA1866">
        <v>91273.567599999995</v>
      </c>
      <c r="AB1866">
        <v>75108.798970000003</v>
      </c>
      <c r="AC1866">
        <v>49789.27403</v>
      </c>
      <c r="AD1866">
        <v>44133.737820000002</v>
      </c>
      <c r="AE1866">
        <v>39496.862690000002</v>
      </c>
      <c r="AF1866">
        <v>59169.561430000002</v>
      </c>
      <c r="AG1866">
        <v>25487.940200000001</v>
      </c>
      <c r="AH1866">
        <v>330962.50300000003</v>
      </c>
      <c r="AI1866">
        <v>97425.387220000004</v>
      </c>
      <c r="AJ1866">
        <v>25024.456249999999</v>
      </c>
      <c r="AK1866">
        <v>32347.74566</v>
      </c>
      <c r="AL1866">
        <v>89656.304319999996</v>
      </c>
      <c r="AM1866">
        <v>23474.641240000001</v>
      </c>
      <c r="AN1866">
        <v>107029.0865</v>
      </c>
      <c r="AO1866">
        <v>33506.267670000001</v>
      </c>
      <c r="AP1866">
        <v>22589.326000000001</v>
      </c>
    </row>
    <row r="1867" spans="2:42" x14ac:dyDescent="0.3">
      <c r="B1867">
        <v>63.523617060061532</v>
      </c>
      <c r="C1867" s="83">
        <v>43178.708333333336</v>
      </c>
      <c r="D1867">
        <v>275782.10350000003</v>
      </c>
      <c r="E1867">
        <v>32620.20089</v>
      </c>
      <c r="F1867">
        <v>90488.805590000004</v>
      </c>
      <c r="G1867">
        <v>67359.626879999996</v>
      </c>
      <c r="H1867">
        <v>47483.099600000001</v>
      </c>
      <c r="I1867">
        <v>43920.60499</v>
      </c>
      <c r="J1867">
        <v>39009.911139999997</v>
      </c>
      <c r="K1867">
        <v>54423.23919</v>
      </c>
      <c r="L1867">
        <v>24725.53772</v>
      </c>
      <c r="M1867">
        <v>323873.02350000001</v>
      </c>
      <c r="N1867">
        <v>88705.795700000002</v>
      </c>
      <c r="O1867">
        <v>24703.918420000002</v>
      </c>
      <c r="P1867">
        <v>33786.071660000001</v>
      </c>
      <c r="Q1867">
        <v>89241.54148</v>
      </c>
      <c r="R1867">
        <v>24148.11492</v>
      </c>
      <c r="S1867">
        <v>104288.9843</v>
      </c>
      <c r="T1867">
        <v>33470.47378</v>
      </c>
      <c r="U1867">
        <v>20375.626</v>
      </c>
      <c r="W1867" s="83">
        <f>Bühler!N1899</f>
        <v>45369.70833332881</v>
      </c>
      <c r="X1867" s="83">
        <v>43178.708333333336</v>
      </c>
      <c r="Y1867">
        <v>275782.10350000003</v>
      </c>
      <c r="Z1867">
        <v>32620.20089</v>
      </c>
      <c r="AA1867">
        <v>90488.805590000004</v>
      </c>
      <c r="AB1867">
        <v>67359.626879999996</v>
      </c>
      <c r="AC1867">
        <v>47483.099600000001</v>
      </c>
      <c r="AD1867">
        <v>43920.60499</v>
      </c>
      <c r="AE1867">
        <v>39009.911139999997</v>
      </c>
      <c r="AF1867">
        <v>54423.23919</v>
      </c>
      <c r="AG1867">
        <v>24725.53772</v>
      </c>
      <c r="AH1867">
        <v>323873.02350000001</v>
      </c>
      <c r="AI1867">
        <v>88705.795700000002</v>
      </c>
      <c r="AJ1867">
        <v>24703.918420000002</v>
      </c>
      <c r="AK1867">
        <v>33786.071660000001</v>
      </c>
      <c r="AL1867">
        <v>89241.54148</v>
      </c>
      <c r="AM1867">
        <v>24148.11492</v>
      </c>
      <c r="AN1867">
        <v>104288.9843</v>
      </c>
      <c r="AO1867">
        <v>33470.47378</v>
      </c>
      <c r="AP1867">
        <v>20375.626</v>
      </c>
    </row>
    <row r="1868" spans="2:42" x14ac:dyDescent="0.3">
      <c r="B1868">
        <v>62.852600764073237</v>
      </c>
      <c r="C1868" s="83">
        <v>43178.75</v>
      </c>
      <c r="D1868">
        <v>270099.9903</v>
      </c>
      <c r="E1868">
        <v>30246.81467</v>
      </c>
      <c r="F1868">
        <v>88479.286040000006</v>
      </c>
      <c r="G1868">
        <v>59741.886720000002</v>
      </c>
      <c r="H1868">
        <v>45733.249620000002</v>
      </c>
      <c r="I1868">
        <v>43598.058870000001</v>
      </c>
      <c r="J1868">
        <v>39906.821499999998</v>
      </c>
      <c r="K1868">
        <v>52029.221859999998</v>
      </c>
      <c r="L1868">
        <v>27135.062239999999</v>
      </c>
      <c r="M1868">
        <v>320451.86949999997</v>
      </c>
      <c r="N1868">
        <v>85303.39086</v>
      </c>
      <c r="O1868">
        <v>23541.651580000002</v>
      </c>
      <c r="P1868">
        <v>37065.212140000003</v>
      </c>
      <c r="Q1868">
        <v>87673.008270000006</v>
      </c>
      <c r="R1868">
        <v>22416.889869999999</v>
      </c>
      <c r="S1868">
        <v>99137.529089999996</v>
      </c>
      <c r="T1868">
        <v>33626.152090000003</v>
      </c>
      <c r="U1868">
        <v>19323.818190000002</v>
      </c>
      <c r="W1868" s="83">
        <f>Bühler!N1900</f>
        <v>45369.749999995474</v>
      </c>
      <c r="X1868" s="83">
        <v>43178.75</v>
      </c>
      <c r="Y1868">
        <v>270099.9903</v>
      </c>
      <c r="Z1868">
        <v>30246.81467</v>
      </c>
      <c r="AA1868">
        <v>88479.286040000006</v>
      </c>
      <c r="AB1868">
        <v>59741.886720000002</v>
      </c>
      <c r="AC1868">
        <v>45733.249620000002</v>
      </c>
      <c r="AD1868">
        <v>43598.058870000001</v>
      </c>
      <c r="AE1868">
        <v>39906.821499999998</v>
      </c>
      <c r="AF1868">
        <v>52029.221859999998</v>
      </c>
      <c r="AG1868">
        <v>27135.062239999999</v>
      </c>
      <c r="AH1868">
        <v>320451.86949999997</v>
      </c>
      <c r="AI1868">
        <v>85303.39086</v>
      </c>
      <c r="AJ1868">
        <v>23541.651580000002</v>
      </c>
      <c r="AK1868">
        <v>37065.212140000003</v>
      </c>
      <c r="AL1868">
        <v>87673.008270000006</v>
      </c>
      <c r="AM1868">
        <v>22416.889869999999</v>
      </c>
      <c r="AN1868">
        <v>99137.529089999996</v>
      </c>
      <c r="AO1868">
        <v>33626.152090000003</v>
      </c>
      <c r="AP1868">
        <v>19323.818190000002</v>
      </c>
    </row>
    <row r="1869" spans="2:42" x14ac:dyDescent="0.3">
      <c r="B1869">
        <v>62.265490386317595</v>
      </c>
      <c r="C1869" s="83">
        <v>43178.791666666664</v>
      </c>
      <c r="D1869">
        <v>265805.79489999998</v>
      </c>
      <c r="E1869">
        <v>26237.994200000001</v>
      </c>
      <c r="F1869">
        <v>78702.863039999997</v>
      </c>
      <c r="G1869">
        <v>56381.269289999997</v>
      </c>
      <c r="H1869">
        <v>46382.572090000001</v>
      </c>
      <c r="I1869">
        <v>41560.137640000001</v>
      </c>
      <c r="J1869">
        <v>42804.952080000003</v>
      </c>
      <c r="K1869">
        <v>51087.360710000001</v>
      </c>
      <c r="L1869">
        <v>28798.88192</v>
      </c>
      <c r="M1869">
        <v>317458.50699999998</v>
      </c>
      <c r="N1869">
        <v>85291.667440000005</v>
      </c>
      <c r="O1869">
        <v>24242.711169999999</v>
      </c>
      <c r="P1869">
        <v>39225.874060000002</v>
      </c>
      <c r="Q1869">
        <v>86333.319990000004</v>
      </c>
      <c r="R1869">
        <v>21585.654930000001</v>
      </c>
      <c r="S1869">
        <v>98477.816409999999</v>
      </c>
      <c r="T1869">
        <v>35955.503239999998</v>
      </c>
      <c r="U1869">
        <v>19508.60252</v>
      </c>
      <c r="W1869" s="83">
        <f>Bühler!N1901</f>
        <v>45369.791666662139</v>
      </c>
      <c r="X1869" s="83">
        <v>43178.791666666664</v>
      </c>
      <c r="Y1869">
        <v>265805.79489999998</v>
      </c>
      <c r="Z1869">
        <v>26237.994200000001</v>
      </c>
      <c r="AA1869">
        <v>78702.863039999997</v>
      </c>
      <c r="AB1869">
        <v>56381.269289999997</v>
      </c>
      <c r="AC1869">
        <v>46382.572090000001</v>
      </c>
      <c r="AD1869">
        <v>41560.137640000001</v>
      </c>
      <c r="AE1869">
        <v>42804.952080000003</v>
      </c>
      <c r="AF1869">
        <v>51087.360710000001</v>
      </c>
      <c r="AG1869">
        <v>28798.88192</v>
      </c>
      <c r="AH1869">
        <v>317458.50699999998</v>
      </c>
      <c r="AI1869">
        <v>85291.667440000005</v>
      </c>
      <c r="AJ1869">
        <v>24242.711169999999</v>
      </c>
      <c r="AK1869">
        <v>39225.874060000002</v>
      </c>
      <c r="AL1869">
        <v>86333.319990000004</v>
      </c>
      <c r="AM1869">
        <v>21585.654930000001</v>
      </c>
      <c r="AN1869">
        <v>98477.816409999999</v>
      </c>
      <c r="AO1869">
        <v>35955.503239999998</v>
      </c>
      <c r="AP1869">
        <v>19508.60252</v>
      </c>
    </row>
    <row r="1870" spans="2:42" x14ac:dyDescent="0.3">
      <c r="B1870">
        <v>60.538333529845659</v>
      </c>
      <c r="C1870" s="83">
        <v>43178.833333333336</v>
      </c>
      <c r="D1870">
        <v>255424.07680000001</v>
      </c>
      <c r="E1870">
        <v>20620.284909999998</v>
      </c>
      <c r="F1870">
        <v>60568.959799999997</v>
      </c>
      <c r="G1870">
        <v>49835.458780000001</v>
      </c>
      <c r="H1870">
        <v>43393.515429999999</v>
      </c>
      <c r="I1870">
        <v>36834.234550000001</v>
      </c>
      <c r="J1870">
        <v>41542.018049999999</v>
      </c>
      <c r="K1870">
        <v>50394.56884</v>
      </c>
      <c r="L1870">
        <v>27337.172549999999</v>
      </c>
      <c r="M1870">
        <v>308652.65590000001</v>
      </c>
      <c r="N1870">
        <v>83971.055890000003</v>
      </c>
      <c r="O1870">
        <v>22863.328730000001</v>
      </c>
      <c r="P1870">
        <v>39974.702129999998</v>
      </c>
      <c r="Q1870">
        <v>84310.350449999998</v>
      </c>
      <c r="R1870">
        <v>20154.928329999999</v>
      </c>
      <c r="S1870">
        <v>89530.202069999999</v>
      </c>
      <c r="T1870">
        <v>34228.858399999997</v>
      </c>
      <c r="U1870">
        <v>17986.91834</v>
      </c>
      <c r="W1870" s="83">
        <f>Bühler!N1902</f>
        <v>45369.833333328803</v>
      </c>
      <c r="X1870" s="83">
        <v>43178.833333333336</v>
      </c>
      <c r="Y1870">
        <v>255424.07680000001</v>
      </c>
      <c r="Z1870">
        <v>20620.284909999998</v>
      </c>
      <c r="AA1870">
        <v>60568.959799999997</v>
      </c>
      <c r="AB1870">
        <v>49835.458780000001</v>
      </c>
      <c r="AC1870">
        <v>43393.515429999999</v>
      </c>
      <c r="AD1870">
        <v>36834.234550000001</v>
      </c>
      <c r="AE1870">
        <v>41542.018049999999</v>
      </c>
      <c r="AF1870">
        <v>50394.56884</v>
      </c>
      <c r="AG1870">
        <v>27337.172549999999</v>
      </c>
      <c r="AH1870">
        <v>308652.65590000001</v>
      </c>
      <c r="AI1870">
        <v>83971.055890000003</v>
      </c>
      <c r="AJ1870">
        <v>22863.328730000001</v>
      </c>
      <c r="AK1870">
        <v>39974.702129999998</v>
      </c>
      <c r="AL1870">
        <v>84310.350449999998</v>
      </c>
      <c r="AM1870">
        <v>20154.928329999999</v>
      </c>
      <c r="AN1870">
        <v>89530.202069999999</v>
      </c>
      <c r="AO1870">
        <v>34228.858399999997</v>
      </c>
      <c r="AP1870">
        <v>17986.91834</v>
      </c>
    </row>
    <row r="1871" spans="2:42" x14ac:dyDescent="0.3">
      <c r="B1871">
        <v>59.106861139816971</v>
      </c>
      <c r="C1871" s="83">
        <v>43178.875</v>
      </c>
      <c r="D1871">
        <v>247419.3449</v>
      </c>
      <c r="E1871">
        <v>18105.667000000001</v>
      </c>
      <c r="F1871">
        <v>53298.071380000001</v>
      </c>
      <c r="G1871">
        <v>46307.704489999996</v>
      </c>
      <c r="H1871">
        <v>41539.679329999999</v>
      </c>
      <c r="I1871">
        <v>31026.88265</v>
      </c>
      <c r="J1871">
        <v>39634.462630000002</v>
      </c>
      <c r="K1871">
        <v>48764.955020000001</v>
      </c>
      <c r="L1871">
        <v>25852.8567</v>
      </c>
      <c r="M1871">
        <v>301354.34210000001</v>
      </c>
      <c r="N1871">
        <v>81372.071129999997</v>
      </c>
      <c r="O1871">
        <v>22067.553380000001</v>
      </c>
      <c r="P1871">
        <v>38557.64026</v>
      </c>
      <c r="Q1871">
        <v>82377.235249999998</v>
      </c>
      <c r="R1871">
        <v>19210.443480000002</v>
      </c>
      <c r="S1871">
        <v>84150.617419999995</v>
      </c>
      <c r="T1871">
        <v>31452.589510000002</v>
      </c>
      <c r="U1871">
        <v>16809.641049999998</v>
      </c>
      <c r="W1871" s="83">
        <f>Bühler!N1903</f>
        <v>45369.874999995467</v>
      </c>
      <c r="X1871" s="83">
        <v>43178.875</v>
      </c>
      <c r="Y1871">
        <v>247419.3449</v>
      </c>
      <c r="Z1871">
        <v>18105.667000000001</v>
      </c>
      <c r="AA1871">
        <v>53298.071380000001</v>
      </c>
      <c r="AB1871">
        <v>46307.704489999996</v>
      </c>
      <c r="AC1871">
        <v>41539.679329999999</v>
      </c>
      <c r="AD1871">
        <v>31026.88265</v>
      </c>
      <c r="AE1871">
        <v>39634.462630000002</v>
      </c>
      <c r="AF1871">
        <v>48764.955020000001</v>
      </c>
      <c r="AG1871">
        <v>25852.8567</v>
      </c>
      <c r="AH1871">
        <v>301354.34210000001</v>
      </c>
      <c r="AI1871">
        <v>81372.071129999997</v>
      </c>
      <c r="AJ1871">
        <v>22067.553380000001</v>
      </c>
      <c r="AK1871">
        <v>38557.64026</v>
      </c>
      <c r="AL1871">
        <v>82377.235249999998</v>
      </c>
      <c r="AM1871">
        <v>19210.443480000002</v>
      </c>
      <c r="AN1871">
        <v>84150.617419999995</v>
      </c>
      <c r="AO1871">
        <v>31452.589510000002</v>
      </c>
      <c r="AP1871">
        <v>16809.641049999998</v>
      </c>
    </row>
    <row r="1872" spans="2:42" x14ac:dyDescent="0.3">
      <c r="B1872">
        <v>58.872496466235219</v>
      </c>
      <c r="C1872" s="83">
        <v>43178.916666666664</v>
      </c>
      <c r="D1872">
        <v>246218.0754</v>
      </c>
      <c r="E1872">
        <v>16913.050299999999</v>
      </c>
      <c r="F1872">
        <v>51032.011509999997</v>
      </c>
      <c r="G1872">
        <v>43797.781130000003</v>
      </c>
      <c r="H1872">
        <v>40382.670279999998</v>
      </c>
      <c r="I1872">
        <v>29756.0059</v>
      </c>
      <c r="J1872">
        <v>38664.686350000004</v>
      </c>
      <c r="K1872">
        <v>52949.783669999997</v>
      </c>
      <c r="L1872">
        <v>23705.96053</v>
      </c>
      <c r="M1872">
        <v>300159.44170000002</v>
      </c>
      <c r="N1872">
        <v>80861.391409999997</v>
      </c>
      <c r="O1872">
        <v>22935.321769999999</v>
      </c>
      <c r="P1872">
        <v>41325.895420000001</v>
      </c>
      <c r="Q1872">
        <v>81933.662620000003</v>
      </c>
      <c r="R1872">
        <v>25404.593099999998</v>
      </c>
      <c r="S1872">
        <v>83710.014790000001</v>
      </c>
      <c r="T1872">
        <v>27423.423490000001</v>
      </c>
      <c r="U1872">
        <v>17852.847529999999</v>
      </c>
      <c r="W1872" s="83">
        <f>Bühler!N1904</f>
        <v>45369.916666662131</v>
      </c>
      <c r="X1872" s="83">
        <v>43178.916666666664</v>
      </c>
      <c r="Y1872">
        <v>246218.0754</v>
      </c>
      <c r="Z1872">
        <v>16913.050299999999</v>
      </c>
      <c r="AA1872">
        <v>51032.011509999997</v>
      </c>
      <c r="AB1872">
        <v>43797.781130000003</v>
      </c>
      <c r="AC1872">
        <v>40382.670279999998</v>
      </c>
      <c r="AD1872">
        <v>29756.0059</v>
      </c>
      <c r="AE1872">
        <v>38664.686350000004</v>
      </c>
      <c r="AF1872">
        <v>52949.783669999997</v>
      </c>
      <c r="AG1872">
        <v>23705.96053</v>
      </c>
      <c r="AH1872">
        <v>300159.44170000002</v>
      </c>
      <c r="AI1872">
        <v>80861.391409999997</v>
      </c>
      <c r="AJ1872">
        <v>22935.321769999999</v>
      </c>
      <c r="AK1872">
        <v>41325.895420000001</v>
      </c>
      <c r="AL1872">
        <v>81933.662620000003</v>
      </c>
      <c r="AM1872">
        <v>25404.593099999998</v>
      </c>
      <c r="AN1872">
        <v>83710.014790000001</v>
      </c>
      <c r="AO1872">
        <v>27423.423490000001</v>
      </c>
      <c r="AP1872">
        <v>17852.847529999999</v>
      </c>
    </row>
    <row r="1873" spans="2:42" x14ac:dyDescent="0.3">
      <c r="B1873">
        <v>57.85365943729299</v>
      </c>
      <c r="C1873" s="83">
        <v>43178.958333333336</v>
      </c>
      <c r="D1873">
        <v>246540.29889999999</v>
      </c>
      <c r="E1873">
        <v>16614.52404</v>
      </c>
      <c r="F1873">
        <v>49792.879970000002</v>
      </c>
      <c r="G1873">
        <v>42935.057119999998</v>
      </c>
      <c r="H1873">
        <v>40001.89486</v>
      </c>
      <c r="I1873">
        <v>28165.14875</v>
      </c>
      <c r="J1873">
        <v>36269.870159999999</v>
      </c>
      <c r="K1873">
        <v>52160.783029999999</v>
      </c>
      <c r="L1873">
        <v>20675.16275</v>
      </c>
      <c r="M1873">
        <v>294964.93540000002</v>
      </c>
      <c r="N1873">
        <v>80639.543690000006</v>
      </c>
      <c r="O1873">
        <v>22629.06926</v>
      </c>
      <c r="P1873">
        <v>36164.618219999997</v>
      </c>
      <c r="Q1873">
        <v>81578.203160000005</v>
      </c>
      <c r="R1873">
        <v>27447.297859999999</v>
      </c>
      <c r="S1873">
        <v>81848.262659999993</v>
      </c>
      <c r="T1873">
        <v>28941.68086</v>
      </c>
      <c r="U1873">
        <v>16766.69124</v>
      </c>
      <c r="W1873" s="83">
        <f>Bühler!N1905</f>
        <v>45369.958333328796</v>
      </c>
      <c r="X1873" s="83">
        <v>43178.958333333336</v>
      </c>
      <c r="Y1873">
        <v>246540.29889999999</v>
      </c>
      <c r="Z1873">
        <v>16614.52404</v>
      </c>
      <c r="AA1873">
        <v>49792.879970000002</v>
      </c>
      <c r="AB1873">
        <v>42935.057119999998</v>
      </c>
      <c r="AC1873">
        <v>40001.89486</v>
      </c>
      <c r="AD1873">
        <v>28165.14875</v>
      </c>
      <c r="AE1873">
        <v>36269.870159999999</v>
      </c>
      <c r="AF1873">
        <v>52160.783029999999</v>
      </c>
      <c r="AG1873">
        <v>20675.16275</v>
      </c>
      <c r="AH1873">
        <v>294964.93540000002</v>
      </c>
      <c r="AI1873">
        <v>80639.543690000006</v>
      </c>
      <c r="AJ1873">
        <v>22629.06926</v>
      </c>
      <c r="AK1873">
        <v>36164.618219999997</v>
      </c>
      <c r="AL1873">
        <v>81578.203160000005</v>
      </c>
      <c r="AM1873">
        <v>27447.297859999999</v>
      </c>
      <c r="AN1873">
        <v>81848.262659999993</v>
      </c>
      <c r="AO1873">
        <v>28941.68086</v>
      </c>
      <c r="AP1873">
        <v>16766.69124</v>
      </c>
    </row>
    <row r="1874" spans="2:42" x14ac:dyDescent="0.3">
      <c r="B1874">
        <v>57.539046769008749</v>
      </c>
      <c r="C1874" s="83">
        <v>43179</v>
      </c>
      <c r="D1874">
        <v>244581.68059999999</v>
      </c>
      <c r="E1874">
        <v>16359.68541</v>
      </c>
      <c r="F1874">
        <v>49020.194199999998</v>
      </c>
      <c r="G1874">
        <v>42188.871599999999</v>
      </c>
      <c r="H1874">
        <v>39363.78572</v>
      </c>
      <c r="I1874">
        <v>26125.777580000002</v>
      </c>
      <c r="J1874">
        <v>33961.36793</v>
      </c>
      <c r="K1874">
        <v>50548.169679999999</v>
      </c>
      <c r="L1874">
        <v>19341.70462</v>
      </c>
      <c r="M1874">
        <v>293360.8933</v>
      </c>
      <c r="N1874">
        <v>80435.436459999997</v>
      </c>
      <c r="O1874">
        <v>22371.688880000002</v>
      </c>
      <c r="P1874">
        <v>34454.869379999996</v>
      </c>
      <c r="Q1874">
        <v>81936.894830000005</v>
      </c>
      <c r="R1874">
        <v>23545.252980000001</v>
      </c>
      <c r="S1874">
        <v>81249.187600000005</v>
      </c>
      <c r="T1874">
        <v>27585.271949999998</v>
      </c>
      <c r="U1874">
        <v>16866.805049999999</v>
      </c>
      <c r="W1874" s="83">
        <f>Bühler!N1906</f>
        <v>45369.99999999546</v>
      </c>
      <c r="X1874" s="83">
        <v>43179</v>
      </c>
      <c r="Y1874">
        <v>244581.68059999999</v>
      </c>
      <c r="Z1874">
        <v>16359.68541</v>
      </c>
      <c r="AA1874">
        <v>49020.194199999998</v>
      </c>
      <c r="AB1874">
        <v>42188.871599999999</v>
      </c>
      <c r="AC1874">
        <v>39363.78572</v>
      </c>
      <c r="AD1874">
        <v>26125.777580000002</v>
      </c>
      <c r="AE1874">
        <v>33961.36793</v>
      </c>
      <c r="AF1874">
        <v>50548.169679999999</v>
      </c>
      <c r="AG1874">
        <v>19341.70462</v>
      </c>
      <c r="AH1874">
        <v>293360.8933</v>
      </c>
      <c r="AI1874">
        <v>80435.436459999997</v>
      </c>
      <c r="AJ1874">
        <v>22371.688880000002</v>
      </c>
      <c r="AK1874">
        <v>34454.869379999996</v>
      </c>
      <c r="AL1874">
        <v>81936.894830000005</v>
      </c>
      <c r="AM1874">
        <v>23545.252980000001</v>
      </c>
      <c r="AN1874">
        <v>81249.187600000005</v>
      </c>
      <c r="AO1874">
        <v>27585.271949999998</v>
      </c>
      <c r="AP1874">
        <v>16866.805049999999</v>
      </c>
    </row>
    <row r="1875" spans="2:42" x14ac:dyDescent="0.3">
      <c r="B1875">
        <v>57.471680118537101</v>
      </c>
      <c r="C1875" s="83">
        <v>43179.041666666664</v>
      </c>
      <c r="D1875">
        <v>244750.99679999999</v>
      </c>
      <c r="E1875">
        <v>16271.577139999999</v>
      </c>
      <c r="F1875">
        <v>49065.301480000002</v>
      </c>
      <c r="G1875">
        <v>41593.862399999998</v>
      </c>
      <c r="H1875">
        <v>38839.381170000001</v>
      </c>
      <c r="I1875">
        <v>20299.775539999999</v>
      </c>
      <c r="J1875">
        <v>33528.182030000004</v>
      </c>
      <c r="K1875">
        <v>48959.678290000003</v>
      </c>
      <c r="L1875">
        <v>18554.732499999998</v>
      </c>
      <c r="M1875">
        <v>293017.42670000001</v>
      </c>
      <c r="N1875">
        <v>80508.868210000001</v>
      </c>
      <c r="O1875">
        <v>22334.30747</v>
      </c>
      <c r="P1875">
        <v>32986.339370000002</v>
      </c>
      <c r="Q1875">
        <v>82507.543520000007</v>
      </c>
      <c r="R1875">
        <v>21878.25836</v>
      </c>
      <c r="S1875">
        <v>80951.757379999995</v>
      </c>
      <c r="T1875">
        <v>26601.003850000001</v>
      </c>
      <c r="U1875">
        <v>17485.208859999999</v>
      </c>
      <c r="W1875" s="83">
        <f>Bühler!N1907</f>
        <v>45370.041666662124</v>
      </c>
      <c r="X1875" s="83">
        <v>43179.041666666664</v>
      </c>
      <c r="Y1875">
        <v>244750.99679999999</v>
      </c>
      <c r="Z1875">
        <v>16271.577139999999</v>
      </c>
      <c r="AA1875">
        <v>49065.301480000002</v>
      </c>
      <c r="AB1875">
        <v>41593.862399999998</v>
      </c>
      <c r="AC1875">
        <v>38839.381170000001</v>
      </c>
      <c r="AD1875">
        <v>20299.775539999999</v>
      </c>
      <c r="AE1875">
        <v>33528.182030000004</v>
      </c>
      <c r="AF1875">
        <v>48959.678290000003</v>
      </c>
      <c r="AG1875">
        <v>18554.732499999998</v>
      </c>
      <c r="AH1875">
        <v>293017.42670000001</v>
      </c>
      <c r="AI1875">
        <v>80508.868210000001</v>
      </c>
      <c r="AJ1875">
        <v>22334.30747</v>
      </c>
      <c r="AK1875">
        <v>32986.339370000002</v>
      </c>
      <c r="AL1875">
        <v>82507.543520000007</v>
      </c>
      <c r="AM1875">
        <v>21878.25836</v>
      </c>
      <c r="AN1875">
        <v>80951.757379999995</v>
      </c>
      <c r="AO1875">
        <v>26601.003850000001</v>
      </c>
      <c r="AP1875">
        <v>17485.208859999999</v>
      </c>
    </row>
    <row r="1876" spans="2:42" x14ac:dyDescent="0.3">
      <c r="B1876">
        <v>58.163440417311023</v>
      </c>
      <c r="C1876" s="83">
        <v>43179.083333333336</v>
      </c>
      <c r="D1876">
        <v>244308.06719999999</v>
      </c>
      <c r="E1876">
        <v>16413.72681</v>
      </c>
      <c r="F1876">
        <v>49688.360939999999</v>
      </c>
      <c r="G1876">
        <v>41157.860919999999</v>
      </c>
      <c r="H1876">
        <v>39138.594729999997</v>
      </c>
      <c r="I1876">
        <v>18821.271110000001</v>
      </c>
      <c r="J1876">
        <v>33201.717149999997</v>
      </c>
      <c r="K1876">
        <v>47657.437030000001</v>
      </c>
      <c r="L1876">
        <v>18421.088749999999</v>
      </c>
      <c r="M1876">
        <v>296544.34330000001</v>
      </c>
      <c r="N1876">
        <v>81241.54264</v>
      </c>
      <c r="O1876">
        <v>22701.809990000002</v>
      </c>
      <c r="P1876">
        <v>30922.719570000001</v>
      </c>
      <c r="Q1876">
        <v>84597.592220000006</v>
      </c>
      <c r="R1876">
        <v>23028.72811</v>
      </c>
      <c r="S1876">
        <v>80509.883730000001</v>
      </c>
      <c r="T1876">
        <v>26420.550780000001</v>
      </c>
      <c r="U1876">
        <v>17536.540140000001</v>
      </c>
      <c r="W1876" s="83">
        <f>Bühler!N1908</f>
        <v>45370.083333328788</v>
      </c>
      <c r="X1876" s="83">
        <v>43179.083333333336</v>
      </c>
      <c r="Y1876">
        <v>244308.06719999999</v>
      </c>
      <c r="Z1876">
        <v>16413.72681</v>
      </c>
      <c r="AA1876">
        <v>49688.360939999999</v>
      </c>
      <c r="AB1876">
        <v>41157.860919999999</v>
      </c>
      <c r="AC1876">
        <v>39138.594729999997</v>
      </c>
      <c r="AD1876">
        <v>18821.271110000001</v>
      </c>
      <c r="AE1876">
        <v>33201.717149999997</v>
      </c>
      <c r="AF1876">
        <v>47657.437030000001</v>
      </c>
      <c r="AG1876">
        <v>18421.088749999999</v>
      </c>
      <c r="AH1876">
        <v>296544.34330000001</v>
      </c>
      <c r="AI1876">
        <v>81241.54264</v>
      </c>
      <c r="AJ1876">
        <v>22701.809990000002</v>
      </c>
      <c r="AK1876">
        <v>30922.719570000001</v>
      </c>
      <c r="AL1876">
        <v>84597.592220000006</v>
      </c>
      <c r="AM1876">
        <v>23028.72811</v>
      </c>
      <c r="AN1876">
        <v>80509.883730000001</v>
      </c>
      <c r="AO1876">
        <v>26420.550780000001</v>
      </c>
      <c r="AP1876">
        <v>17536.540140000001</v>
      </c>
    </row>
    <row r="1877" spans="2:42" x14ac:dyDescent="0.3">
      <c r="B1877">
        <v>58.254267711038416</v>
      </c>
      <c r="C1877" s="83">
        <v>43179.125</v>
      </c>
      <c r="D1877">
        <v>247311.02729999999</v>
      </c>
      <c r="E1877">
        <v>16510.994309999998</v>
      </c>
      <c r="F1877">
        <v>51003.965150000004</v>
      </c>
      <c r="G1877">
        <v>40583.658320000002</v>
      </c>
      <c r="H1877">
        <v>39317.716939999998</v>
      </c>
      <c r="I1877">
        <v>19426.152040000001</v>
      </c>
      <c r="J1877">
        <v>33926.274980000002</v>
      </c>
      <c r="K1877">
        <v>45843.876680000001</v>
      </c>
      <c r="L1877">
        <v>18304.055230000002</v>
      </c>
      <c r="M1877">
        <v>297007.42320000002</v>
      </c>
      <c r="N1877">
        <v>81106.942949999997</v>
      </c>
      <c r="O1877">
        <v>23029.270659999998</v>
      </c>
      <c r="P1877">
        <v>30937.125349999998</v>
      </c>
      <c r="Q1877">
        <v>88004.222179999997</v>
      </c>
      <c r="R1877">
        <v>23350.005710000001</v>
      </c>
      <c r="S1877">
        <v>79781.174230000004</v>
      </c>
      <c r="T1877">
        <v>26454.774399999998</v>
      </c>
      <c r="U1877">
        <v>17522.27115</v>
      </c>
      <c r="W1877" s="83">
        <f>Bühler!N1909</f>
        <v>45370.124999995453</v>
      </c>
      <c r="X1877" s="83">
        <v>43179.125</v>
      </c>
      <c r="Y1877">
        <v>247311.02729999999</v>
      </c>
      <c r="Z1877">
        <v>16510.994309999998</v>
      </c>
      <c r="AA1877">
        <v>51003.965150000004</v>
      </c>
      <c r="AB1877">
        <v>40583.658320000002</v>
      </c>
      <c r="AC1877">
        <v>39317.716939999998</v>
      </c>
      <c r="AD1877">
        <v>19426.152040000001</v>
      </c>
      <c r="AE1877">
        <v>33926.274980000002</v>
      </c>
      <c r="AF1877">
        <v>45843.876680000001</v>
      </c>
      <c r="AG1877">
        <v>18304.055230000002</v>
      </c>
      <c r="AH1877">
        <v>297007.42320000002</v>
      </c>
      <c r="AI1877">
        <v>81106.942949999997</v>
      </c>
      <c r="AJ1877">
        <v>23029.270659999998</v>
      </c>
      <c r="AK1877">
        <v>30937.125349999998</v>
      </c>
      <c r="AL1877">
        <v>88004.222179999997</v>
      </c>
      <c r="AM1877">
        <v>23350.005710000001</v>
      </c>
      <c r="AN1877">
        <v>79781.174230000004</v>
      </c>
      <c r="AO1877">
        <v>26454.774399999998</v>
      </c>
      <c r="AP1877">
        <v>17522.27115</v>
      </c>
    </row>
    <row r="1878" spans="2:42" x14ac:dyDescent="0.3">
      <c r="B1878">
        <v>59.750520130559913</v>
      </c>
      <c r="C1878" s="83">
        <v>43179.166666666664</v>
      </c>
      <c r="D1878">
        <v>251283.37409999999</v>
      </c>
      <c r="E1878">
        <v>17281.265530000001</v>
      </c>
      <c r="F1878">
        <v>54539.971599999997</v>
      </c>
      <c r="G1878">
        <v>40695.719499999999</v>
      </c>
      <c r="H1878">
        <v>40612.564059999997</v>
      </c>
      <c r="I1878">
        <v>22526.157599999999</v>
      </c>
      <c r="J1878">
        <v>36132.298929999997</v>
      </c>
      <c r="K1878">
        <v>45472.579129999998</v>
      </c>
      <c r="L1878">
        <v>18638.299279999999</v>
      </c>
      <c r="M1878">
        <v>304636.01579999999</v>
      </c>
      <c r="N1878">
        <v>80091.958329999994</v>
      </c>
      <c r="O1878">
        <v>24222.834220000001</v>
      </c>
      <c r="P1878">
        <v>30699.668079999999</v>
      </c>
      <c r="Q1878">
        <v>91588.150720000005</v>
      </c>
      <c r="R1878">
        <v>23687.100279999999</v>
      </c>
      <c r="S1878">
        <v>81128.456409999999</v>
      </c>
      <c r="T1878">
        <v>26657.220120000002</v>
      </c>
      <c r="U1878">
        <v>18333.644670000001</v>
      </c>
      <c r="W1878" s="83">
        <f>Bühler!N1910</f>
        <v>45370.166666662117</v>
      </c>
      <c r="X1878" s="83">
        <v>43179.166666666664</v>
      </c>
      <c r="Y1878">
        <v>251283.37409999999</v>
      </c>
      <c r="Z1878">
        <v>17281.265530000001</v>
      </c>
      <c r="AA1878">
        <v>54539.971599999997</v>
      </c>
      <c r="AB1878">
        <v>40695.719499999999</v>
      </c>
      <c r="AC1878">
        <v>40612.564059999997</v>
      </c>
      <c r="AD1878">
        <v>22526.157599999999</v>
      </c>
      <c r="AE1878">
        <v>36132.298929999997</v>
      </c>
      <c r="AF1878">
        <v>45472.579129999998</v>
      </c>
      <c r="AG1878">
        <v>18638.299279999999</v>
      </c>
      <c r="AH1878">
        <v>304636.01579999999</v>
      </c>
      <c r="AI1878">
        <v>80091.958329999994</v>
      </c>
      <c r="AJ1878">
        <v>24222.834220000001</v>
      </c>
      <c r="AK1878">
        <v>30699.668079999999</v>
      </c>
      <c r="AL1878">
        <v>91588.150720000005</v>
      </c>
      <c r="AM1878">
        <v>23687.100279999999</v>
      </c>
      <c r="AN1878">
        <v>81128.456409999999</v>
      </c>
      <c r="AO1878">
        <v>26657.220120000002</v>
      </c>
      <c r="AP1878">
        <v>18333.644670000001</v>
      </c>
    </row>
    <row r="1879" spans="2:42" x14ac:dyDescent="0.3">
      <c r="B1879">
        <v>63.321015251847221</v>
      </c>
      <c r="C1879" s="83">
        <v>43179.208333333336</v>
      </c>
      <c r="D1879">
        <v>267176.68410000001</v>
      </c>
      <c r="E1879">
        <v>19308.286270000001</v>
      </c>
      <c r="F1879">
        <v>65582.333289999995</v>
      </c>
      <c r="G1879">
        <v>43752.593549999998</v>
      </c>
      <c r="H1879">
        <v>42304.345329999996</v>
      </c>
      <c r="I1879">
        <v>33365.059789999999</v>
      </c>
      <c r="J1879">
        <v>39999.234949999998</v>
      </c>
      <c r="K1879">
        <v>46132.435460000001</v>
      </c>
      <c r="L1879">
        <v>19600.106680000001</v>
      </c>
      <c r="M1879">
        <v>322840.065</v>
      </c>
      <c r="N1879">
        <v>82118.723190000004</v>
      </c>
      <c r="O1879">
        <v>24820.126489999999</v>
      </c>
      <c r="P1879">
        <v>31867.713899999999</v>
      </c>
      <c r="Q1879">
        <v>95449.226850000006</v>
      </c>
      <c r="R1879">
        <v>26041.18651</v>
      </c>
      <c r="S1879">
        <v>83655.682629999996</v>
      </c>
      <c r="T1879">
        <v>28300.59374</v>
      </c>
      <c r="U1879">
        <v>20517.17772</v>
      </c>
      <c r="W1879" s="83">
        <f>Bühler!N1911</f>
        <v>45370.208333328781</v>
      </c>
      <c r="X1879" s="83">
        <v>43179.208333333336</v>
      </c>
      <c r="Y1879">
        <v>267176.68410000001</v>
      </c>
      <c r="Z1879">
        <v>19308.286270000001</v>
      </c>
      <c r="AA1879">
        <v>65582.333289999995</v>
      </c>
      <c r="AB1879">
        <v>43752.593549999998</v>
      </c>
      <c r="AC1879">
        <v>42304.345329999996</v>
      </c>
      <c r="AD1879">
        <v>33365.059789999999</v>
      </c>
      <c r="AE1879">
        <v>39999.234949999998</v>
      </c>
      <c r="AF1879">
        <v>46132.435460000001</v>
      </c>
      <c r="AG1879">
        <v>19600.106680000001</v>
      </c>
      <c r="AH1879">
        <v>322840.065</v>
      </c>
      <c r="AI1879">
        <v>82118.723190000004</v>
      </c>
      <c r="AJ1879">
        <v>24820.126489999999</v>
      </c>
      <c r="AK1879">
        <v>31867.713899999999</v>
      </c>
      <c r="AL1879">
        <v>95449.226850000006</v>
      </c>
      <c r="AM1879">
        <v>26041.18651</v>
      </c>
      <c r="AN1879">
        <v>83655.682629999996</v>
      </c>
      <c r="AO1879">
        <v>28300.59374</v>
      </c>
      <c r="AP1879">
        <v>20517.17772</v>
      </c>
    </row>
    <row r="1880" spans="2:42" x14ac:dyDescent="0.3">
      <c r="B1880">
        <v>66.811628410072714</v>
      </c>
      <c r="C1880" s="83">
        <v>43179.25</v>
      </c>
      <c r="D1880">
        <v>283794.78490000003</v>
      </c>
      <c r="E1880">
        <v>23650.445370000001</v>
      </c>
      <c r="F1880">
        <v>76974.989759999997</v>
      </c>
      <c r="G1880">
        <v>58540.433510000003</v>
      </c>
      <c r="H1880">
        <v>46475.161719999996</v>
      </c>
      <c r="I1880">
        <v>43274.195310000003</v>
      </c>
      <c r="J1880">
        <v>44070.196689999997</v>
      </c>
      <c r="K1880">
        <v>49299.159149999999</v>
      </c>
      <c r="L1880">
        <v>21452.843400000002</v>
      </c>
      <c r="M1880">
        <v>340636.83870000002</v>
      </c>
      <c r="N1880">
        <v>86224.587159999995</v>
      </c>
      <c r="O1880">
        <v>26081.117320000001</v>
      </c>
      <c r="P1880">
        <v>33097.289870000001</v>
      </c>
      <c r="Q1880">
        <v>95965.725279999999</v>
      </c>
      <c r="R1880">
        <v>19710.830979999999</v>
      </c>
      <c r="S1880">
        <v>92804.214770000006</v>
      </c>
      <c r="T1880">
        <v>31607.535639999998</v>
      </c>
      <c r="U1880">
        <v>23601.50316</v>
      </c>
      <c r="W1880" s="83">
        <f>Bühler!N1912</f>
        <v>45370.249999995445</v>
      </c>
      <c r="X1880" s="83">
        <v>43179.25</v>
      </c>
      <c r="Y1880">
        <v>283794.78490000003</v>
      </c>
      <c r="Z1880">
        <v>23650.445370000001</v>
      </c>
      <c r="AA1880">
        <v>76974.989759999997</v>
      </c>
      <c r="AB1880">
        <v>58540.433510000003</v>
      </c>
      <c r="AC1880">
        <v>46475.161719999996</v>
      </c>
      <c r="AD1880">
        <v>43274.195310000003</v>
      </c>
      <c r="AE1880">
        <v>44070.196689999997</v>
      </c>
      <c r="AF1880">
        <v>49299.159149999999</v>
      </c>
      <c r="AG1880">
        <v>21452.843400000002</v>
      </c>
      <c r="AH1880">
        <v>340636.83870000002</v>
      </c>
      <c r="AI1880">
        <v>86224.587159999995</v>
      </c>
      <c r="AJ1880">
        <v>26081.117320000001</v>
      </c>
      <c r="AK1880">
        <v>33097.289870000001</v>
      </c>
      <c r="AL1880">
        <v>95965.725279999999</v>
      </c>
      <c r="AM1880">
        <v>19710.830979999999</v>
      </c>
      <c r="AN1880">
        <v>92804.214770000006</v>
      </c>
      <c r="AO1880">
        <v>31607.535639999998</v>
      </c>
      <c r="AP1880">
        <v>23601.50316</v>
      </c>
    </row>
    <row r="1881" spans="2:42" x14ac:dyDescent="0.3">
      <c r="B1881">
        <v>68.119575320523865</v>
      </c>
      <c r="C1881" s="83">
        <v>43179.291666666664</v>
      </c>
      <c r="D1881">
        <v>295872.98979999998</v>
      </c>
      <c r="E1881">
        <v>28376.534629999998</v>
      </c>
      <c r="F1881">
        <v>78352.406719999999</v>
      </c>
      <c r="G1881">
        <v>70547.888470000005</v>
      </c>
      <c r="H1881">
        <v>50974.853450000002</v>
      </c>
      <c r="I1881">
        <v>52091.483350000002</v>
      </c>
      <c r="J1881">
        <v>44194.717349999999</v>
      </c>
      <c r="K1881">
        <v>54550.065589999998</v>
      </c>
      <c r="L1881">
        <v>23985.681400000001</v>
      </c>
      <c r="M1881">
        <v>347305.36200000002</v>
      </c>
      <c r="N1881">
        <v>89491.46948</v>
      </c>
      <c r="O1881">
        <v>28695.599440000002</v>
      </c>
      <c r="P1881">
        <v>37203.601730000002</v>
      </c>
      <c r="Q1881">
        <v>95781.903630000001</v>
      </c>
      <c r="R1881">
        <v>20065.566999999999</v>
      </c>
      <c r="S1881">
        <v>107391.9041</v>
      </c>
      <c r="T1881">
        <v>33215.553480000002</v>
      </c>
      <c r="U1881">
        <v>27416.195530000001</v>
      </c>
      <c r="W1881" s="83">
        <f>Bühler!N1913</f>
        <v>45370.291666662109</v>
      </c>
      <c r="X1881" s="83">
        <v>43179.291666666664</v>
      </c>
      <c r="Y1881">
        <v>295872.98979999998</v>
      </c>
      <c r="Z1881">
        <v>28376.534629999998</v>
      </c>
      <c r="AA1881">
        <v>78352.406719999999</v>
      </c>
      <c r="AB1881">
        <v>70547.888470000005</v>
      </c>
      <c r="AC1881">
        <v>50974.853450000002</v>
      </c>
      <c r="AD1881">
        <v>52091.483350000002</v>
      </c>
      <c r="AE1881">
        <v>44194.717349999999</v>
      </c>
      <c r="AF1881">
        <v>54550.065589999998</v>
      </c>
      <c r="AG1881">
        <v>23985.681400000001</v>
      </c>
      <c r="AH1881">
        <v>347305.36200000002</v>
      </c>
      <c r="AI1881">
        <v>89491.46948</v>
      </c>
      <c r="AJ1881">
        <v>28695.599440000002</v>
      </c>
      <c r="AK1881">
        <v>37203.601730000002</v>
      </c>
      <c r="AL1881">
        <v>95781.903630000001</v>
      </c>
      <c r="AM1881">
        <v>20065.566999999999</v>
      </c>
      <c r="AN1881">
        <v>107391.9041</v>
      </c>
      <c r="AO1881">
        <v>33215.553480000002</v>
      </c>
      <c r="AP1881">
        <v>27416.195530000001</v>
      </c>
    </row>
    <row r="1882" spans="2:42" x14ac:dyDescent="0.3">
      <c r="B1882">
        <v>68.670990925029287</v>
      </c>
      <c r="C1882" s="83">
        <v>43179.333333333336</v>
      </c>
      <c r="D1882">
        <v>306994.49249999999</v>
      </c>
      <c r="E1882">
        <v>34710.903420000002</v>
      </c>
      <c r="F1882">
        <v>84862.180160000004</v>
      </c>
      <c r="G1882">
        <v>86910.048060000001</v>
      </c>
      <c r="H1882">
        <v>56411.247860000003</v>
      </c>
      <c r="I1882">
        <v>54643.243000000002</v>
      </c>
      <c r="J1882">
        <v>45666.332649999997</v>
      </c>
      <c r="K1882">
        <v>61317.083409999999</v>
      </c>
      <c r="L1882">
        <v>26935.5681</v>
      </c>
      <c r="M1882">
        <v>350116.73590000003</v>
      </c>
      <c r="N1882">
        <v>95157.90453</v>
      </c>
      <c r="O1882">
        <v>29880.213960000001</v>
      </c>
      <c r="P1882">
        <v>38191.18447</v>
      </c>
      <c r="Q1882">
        <v>97297.502770000006</v>
      </c>
      <c r="R1882">
        <v>22886.376700000001</v>
      </c>
      <c r="S1882">
        <v>116796.14049999999</v>
      </c>
      <c r="T1882">
        <v>36428.830849999998</v>
      </c>
      <c r="U1882">
        <v>29599.193350000001</v>
      </c>
      <c r="W1882" s="83">
        <f>Bühler!N1914</f>
        <v>45370.333333328774</v>
      </c>
      <c r="X1882" s="83">
        <v>43179.333333333336</v>
      </c>
      <c r="Y1882">
        <v>306994.49249999999</v>
      </c>
      <c r="Z1882">
        <v>34710.903420000002</v>
      </c>
      <c r="AA1882">
        <v>84862.180160000004</v>
      </c>
      <c r="AB1882">
        <v>86910.048060000001</v>
      </c>
      <c r="AC1882">
        <v>56411.247860000003</v>
      </c>
      <c r="AD1882">
        <v>54643.243000000002</v>
      </c>
      <c r="AE1882">
        <v>45666.332649999997</v>
      </c>
      <c r="AF1882">
        <v>61317.083409999999</v>
      </c>
      <c r="AG1882">
        <v>26935.5681</v>
      </c>
      <c r="AH1882">
        <v>350116.73590000003</v>
      </c>
      <c r="AI1882">
        <v>95157.90453</v>
      </c>
      <c r="AJ1882">
        <v>29880.213960000001</v>
      </c>
      <c r="AK1882">
        <v>38191.18447</v>
      </c>
      <c r="AL1882">
        <v>97297.502770000006</v>
      </c>
      <c r="AM1882">
        <v>22886.376700000001</v>
      </c>
      <c r="AN1882">
        <v>116796.14049999999</v>
      </c>
      <c r="AO1882">
        <v>36428.830849999998</v>
      </c>
      <c r="AP1882">
        <v>29599.193350000001</v>
      </c>
    </row>
    <row r="1883" spans="2:42" x14ac:dyDescent="0.3">
      <c r="B1883">
        <v>68.695097076125876</v>
      </c>
      <c r="C1883" s="83">
        <v>43179.375</v>
      </c>
      <c r="D1883">
        <v>308890.78600000002</v>
      </c>
      <c r="E1883">
        <v>38368.25563</v>
      </c>
      <c r="F1883">
        <v>93633.998619999998</v>
      </c>
      <c r="G1883">
        <v>96612.964340000006</v>
      </c>
      <c r="H1883">
        <v>57751.328809999999</v>
      </c>
      <c r="I1883">
        <v>48902.975380000003</v>
      </c>
      <c r="J1883">
        <v>44639.898139999998</v>
      </c>
      <c r="K1883">
        <v>62684.624490000002</v>
      </c>
      <c r="L1883">
        <v>29297.360000000001</v>
      </c>
      <c r="M1883">
        <v>350239.64030000003</v>
      </c>
      <c r="N1883">
        <v>102325.2172</v>
      </c>
      <c r="O1883">
        <v>29681.2238</v>
      </c>
      <c r="P1883">
        <v>39080.263099999996</v>
      </c>
      <c r="Q1883">
        <v>98322.582280000002</v>
      </c>
      <c r="R1883">
        <v>23482.052299999999</v>
      </c>
      <c r="S1883">
        <v>123083.3256</v>
      </c>
      <c r="T1883">
        <v>38257.329539999999</v>
      </c>
      <c r="U1883">
        <v>28705.58092</v>
      </c>
      <c r="W1883" s="83">
        <f>Bühler!N1915</f>
        <v>45370.374999995438</v>
      </c>
      <c r="X1883" s="83">
        <v>43179.375</v>
      </c>
      <c r="Y1883">
        <v>308890.78600000002</v>
      </c>
      <c r="Z1883">
        <v>38368.25563</v>
      </c>
      <c r="AA1883">
        <v>93633.998619999998</v>
      </c>
      <c r="AB1883">
        <v>96612.964340000006</v>
      </c>
      <c r="AC1883">
        <v>57751.328809999999</v>
      </c>
      <c r="AD1883">
        <v>48902.975380000003</v>
      </c>
      <c r="AE1883">
        <v>44639.898139999998</v>
      </c>
      <c r="AF1883">
        <v>62684.624490000002</v>
      </c>
      <c r="AG1883">
        <v>29297.360000000001</v>
      </c>
      <c r="AH1883">
        <v>350239.64030000003</v>
      </c>
      <c r="AI1883">
        <v>102325.2172</v>
      </c>
      <c r="AJ1883">
        <v>29681.2238</v>
      </c>
      <c r="AK1883">
        <v>39080.263099999996</v>
      </c>
      <c r="AL1883">
        <v>98322.582280000002</v>
      </c>
      <c r="AM1883">
        <v>23482.052299999999</v>
      </c>
      <c r="AN1883">
        <v>123083.3256</v>
      </c>
      <c r="AO1883">
        <v>38257.329539999999</v>
      </c>
      <c r="AP1883">
        <v>28705.58092</v>
      </c>
    </row>
    <row r="1884" spans="2:42" x14ac:dyDescent="0.3">
      <c r="B1884">
        <v>69.850665045951899</v>
      </c>
      <c r="C1884" s="83">
        <v>43179.416666666664</v>
      </c>
      <c r="D1884">
        <v>309029.84269999998</v>
      </c>
      <c r="E1884">
        <v>38940.42037</v>
      </c>
      <c r="F1884">
        <v>94764.520139999993</v>
      </c>
      <c r="G1884">
        <v>97361.232650000005</v>
      </c>
      <c r="H1884">
        <v>57253.302889999999</v>
      </c>
      <c r="I1884">
        <v>44269.544439999998</v>
      </c>
      <c r="J1884">
        <v>42831.222759999997</v>
      </c>
      <c r="K1884">
        <v>63723.513149999999</v>
      </c>
      <c r="L1884">
        <v>31291.46067</v>
      </c>
      <c r="M1884">
        <v>356131.2647</v>
      </c>
      <c r="N1884">
        <v>105848.48299999999</v>
      </c>
      <c r="O1884">
        <v>29480.598689999999</v>
      </c>
      <c r="P1884">
        <v>39439.408539999997</v>
      </c>
      <c r="Q1884">
        <v>97706.339959999998</v>
      </c>
      <c r="R1884">
        <v>24293.473010000002</v>
      </c>
      <c r="S1884">
        <v>123293.5914</v>
      </c>
      <c r="T1884">
        <v>38929.5504</v>
      </c>
      <c r="U1884">
        <v>27597.505690000002</v>
      </c>
      <c r="W1884" s="83">
        <f>Bühler!N1916</f>
        <v>45370.416666662102</v>
      </c>
      <c r="X1884" s="83">
        <v>43179.416666666664</v>
      </c>
      <c r="Y1884">
        <v>309029.84269999998</v>
      </c>
      <c r="Z1884">
        <v>38940.42037</v>
      </c>
      <c r="AA1884">
        <v>94764.520139999993</v>
      </c>
      <c r="AB1884">
        <v>97361.232650000005</v>
      </c>
      <c r="AC1884">
        <v>57253.302889999999</v>
      </c>
      <c r="AD1884">
        <v>44269.544439999998</v>
      </c>
      <c r="AE1884">
        <v>42831.222759999997</v>
      </c>
      <c r="AF1884">
        <v>63723.513149999999</v>
      </c>
      <c r="AG1884">
        <v>31291.46067</v>
      </c>
      <c r="AH1884">
        <v>356131.2647</v>
      </c>
      <c r="AI1884">
        <v>105848.48299999999</v>
      </c>
      <c r="AJ1884">
        <v>29480.598689999999</v>
      </c>
      <c r="AK1884">
        <v>39439.408539999997</v>
      </c>
      <c r="AL1884">
        <v>97706.339959999998</v>
      </c>
      <c r="AM1884">
        <v>24293.473010000002</v>
      </c>
      <c r="AN1884">
        <v>123293.5914</v>
      </c>
      <c r="AO1884">
        <v>38929.5504</v>
      </c>
      <c r="AP1884">
        <v>27597.505690000002</v>
      </c>
    </row>
    <row r="1885" spans="2:42" x14ac:dyDescent="0.3">
      <c r="B1885">
        <v>69.884322324139248</v>
      </c>
      <c r="C1885" s="83">
        <v>43179.458333333336</v>
      </c>
      <c r="D1885">
        <v>306337.86219999997</v>
      </c>
      <c r="E1885">
        <v>38145.986190000003</v>
      </c>
      <c r="F1885">
        <v>95785.617169999998</v>
      </c>
      <c r="G1885">
        <v>94485.522459999993</v>
      </c>
      <c r="H1885">
        <v>55795.103589999999</v>
      </c>
      <c r="I1885">
        <v>43004.630010000001</v>
      </c>
      <c r="J1885">
        <v>42377.301720000003</v>
      </c>
      <c r="K1885">
        <v>64444.509400000003</v>
      </c>
      <c r="L1885">
        <v>31530.058560000001</v>
      </c>
      <c r="M1885">
        <v>356302.8652</v>
      </c>
      <c r="N1885">
        <v>106133.0214</v>
      </c>
      <c r="O1885">
        <v>28489.911120000001</v>
      </c>
      <c r="P1885">
        <v>37744.481050000002</v>
      </c>
      <c r="Q1885">
        <v>98123.474249999999</v>
      </c>
      <c r="R1885">
        <v>25827.451539999998</v>
      </c>
      <c r="S1885">
        <v>124913.68399999999</v>
      </c>
      <c r="T1885">
        <v>38058.494030000002</v>
      </c>
      <c r="U1885">
        <v>26399.863140000001</v>
      </c>
      <c r="W1885" s="83">
        <f>Bühler!N1917</f>
        <v>45370.458333328766</v>
      </c>
      <c r="X1885" s="83">
        <v>43179.458333333336</v>
      </c>
      <c r="Y1885">
        <v>306337.86219999997</v>
      </c>
      <c r="Z1885">
        <v>38145.986190000003</v>
      </c>
      <c r="AA1885">
        <v>95785.617169999998</v>
      </c>
      <c r="AB1885">
        <v>94485.522459999993</v>
      </c>
      <c r="AC1885">
        <v>55795.103589999999</v>
      </c>
      <c r="AD1885">
        <v>43004.630010000001</v>
      </c>
      <c r="AE1885">
        <v>42377.301720000003</v>
      </c>
      <c r="AF1885">
        <v>64444.509400000003</v>
      </c>
      <c r="AG1885">
        <v>31530.058560000001</v>
      </c>
      <c r="AH1885">
        <v>356302.8652</v>
      </c>
      <c r="AI1885">
        <v>106133.0214</v>
      </c>
      <c r="AJ1885">
        <v>28489.911120000001</v>
      </c>
      <c r="AK1885">
        <v>37744.481050000002</v>
      </c>
      <c r="AL1885">
        <v>98123.474249999999</v>
      </c>
      <c r="AM1885">
        <v>25827.451539999998</v>
      </c>
      <c r="AN1885">
        <v>124913.68399999999</v>
      </c>
      <c r="AO1885">
        <v>38058.494030000002</v>
      </c>
      <c r="AP1885">
        <v>26399.863140000001</v>
      </c>
    </row>
    <row r="1886" spans="2:42" x14ac:dyDescent="0.3">
      <c r="B1886">
        <v>68.672123383226079</v>
      </c>
      <c r="C1886" s="83">
        <v>43179.5</v>
      </c>
      <c r="D1886">
        <v>294269.42229999998</v>
      </c>
      <c r="E1886">
        <v>34078.245490000001</v>
      </c>
      <c r="F1886">
        <v>88057.530719999995</v>
      </c>
      <c r="G1886">
        <v>93141.125490000006</v>
      </c>
      <c r="H1886">
        <v>53115.489970000002</v>
      </c>
      <c r="I1886">
        <v>40732.787389999998</v>
      </c>
      <c r="J1886">
        <v>42417.854650000001</v>
      </c>
      <c r="K1886">
        <v>59198.030420000003</v>
      </c>
      <c r="L1886">
        <v>33396.068370000001</v>
      </c>
      <c r="M1886">
        <v>350122.5097</v>
      </c>
      <c r="N1886">
        <v>101381.766</v>
      </c>
      <c r="O1886">
        <v>27574.260119999999</v>
      </c>
      <c r="P1886">
        <v>38998.160550000001</v>
      </c>
      <c r="Q1886">
        <v>97840.237280000001</v>
      </c>
      <c r="R1886">
        <v>25887.618539999999</v>
      </c>
      <c r="S1886">
        <v>118341.6602</v>
      </c>
      <c r="T1886">
        <v>38472.179109999997</v>
      </c>
      <c r="U1886">
        <v>22327.787059999999</v>
      </c>
      <c r="W1886" s="83">
        <f>Bühler!N1918</f>
        <v>45370.499999995431</v>
      </c>
      <c r="X1886" s="83">
        <v>43179.5</v>
      </c>
      <c r="Y1886">
        <v>294269.42229999998</v>
      </c>
      <c r="Z1886">
        <v>34078.245490000001</v>
      </c>
      <c r="AA1886">
        <v>88057.530719999995</v>
      </c>
      <c r="AB1886">
        <v>93141.125490000006</v>
      </c>
      <c r="AC1886">
        <v>53115.489970000002</v>
      </c>
      <c r="AD1886">
        <v>40732.787389999998</v>
      </c>
      <c r="AE1886">
        <v>42417.854650000001</v>
      </c>
      <c r="AF1886">
        <v>59198.030420000003</v>
      </c>
      <c r="AG1886">
        <v>33396.068370000001</v>
      </c>
      <c r="AH1886">
        <v>350122.5097</v>
      </c>
      <c r="AI1886">
        <v>101381.766</v>
      </c>
      <c r="AJ1886">
        <v>27574.260119999999</v>
      </c>
      <c r="AK1886">
        <v>38998.160550000001</v>
      </c>
      <c r="AL1886">
        <v>97840.237280000001</v>
      </c>
      <c r="AM1886">
        <v>25887.618539999999</v>
      </c>
      <c r="AN1886">
        <v>118341.6602</v>
      </c>
      <c r="AO1886">
        <v>38472.179109999997</v>
      </c>
      <c r="AP1886">
        <v>22327.787059999999</v>
      </c>
    </row>
    <row r="1887" spans="2:42" x14ac:dyDescent="0.3">
      <c r="B1887">
        <v>67.478383248096435</v>
      </c>
      <c r="C1887" s="83">
        <v>43179.541666666664</v>
      </c>
      <c r="D1887">
        <v>295132.90159999998</v>
      </c>
      <c r="E1887">
        <v>33459.873399999997</v>
      </c>
      <c r="F1887">
        <v>84760.106100000005</v>
      </c>
      <c r="G1887">
        <v>88918.166209999996</v>
      </c>
      <c r="H1887">
        <v>53379.316749999998</v>
      </c>
      <c r="I1887">
        <v>40067.15969</v>
      </c>
      <c r="J1887">
        <v>40843.289279999997</v>
      </c>
      <c r="K1887">
        <v>62353.065190000001</v>
      </c>
      <c r="L1887">
        <v>32205.579979999999</v>
      </c>
      <c r="M1887">
        <v>344036.26579999999</v>
      </c>
      <c r="N1887">
        <v>98868.211259999996</v>
      </c>
      <c r="O1887">
        <v>27631.867040000001</v>
      </c>
      <c r="P1887">
        <v>37309.86232</v>
      </c>
      <c r="Q1887">
        <v>95679.98749</v>
      </c>
      <c r="R1887">
        <v>24915.420979999999</v>
      </c>
      <c r="S1887">
        <v>118015.4093</v>
      </c>
      <c r="T1887">
        <v>36674.881970000002</v>
      </c>
      <c r="U1887">
        <v>23734.7451</v>
      </c>
      <c r="W1887" s="83">
        <f>Bühler!N1919</f>
        <v>45370.541666662095</v>
      </c>
      <c r="X1887" s="83">
        <v>43179.541666666664</v>
      </c>
      <c r="Y1887">
        <v>295132.90159999998</v>
      </c>
      <c r="Z1887">
        <v>33459.873399999997</v>
      </c>
      <c r="AA1887">
        <v>84760.106100000005</v>
      </c>
      <c r="AB1887">
        <v>88918.166209999996</v>
      </c>
      <c r="AC1887">
        <v>53379.316749999998</v>
      </c>
      <c r="AD1887">
        <v>40067.15969</v>
      </c>
      <c r="AE1887">
        <v>40843.289279999997</v>
      </c>
      <c r="AF1887">
        <v>62353.065190000001</v>
      </c>
      <c r="AG1887">
        <v>32205.579979999999</v>
      </c>
      <c r="AH1887">
        <v>344036.26579999999</v>
      </c>
      <c r="AI1887">
        <v>98868.211259999996</v>
      </c>
      <c r="AJ1887">
        <v>27631.867040000001</v>
      </c>
      <c r="AK1887">
        <v>37309.86232</v>
      </c>
      <c r="AL1887">
        <v>95679.98749</v>
      </c>
      <c r="AM1887">
        <v>24915.420979999999</v>
      </c>
      <c r="AN1887">
        <v>118015.4093</v>
      </c>
      <c r="AO1887">
        <v>36674.881970000002</v>
      </c>
      <c r="AP1887">
        <v>23734.7451</v>
      </c>
    </row>
    <row r="1888" spans="2:42" x14ac:dyDescent="0.3">
      <c r="B1888">
        <v>68.091954386981328</v>
      </c>
      <c r="C1888" s="83">
        <v>43179.583333333336</v>
      </c>
      <c r="D1888">
        <v>298719.70789999998</v>
      </c>
      <c r="E1888">
        <v>36247.579810000003</v>
      </c>
      <c r="F1888">
        <v>92306.374519999998</v>
      </c>
      <c r="G1888">
        <v>81810.190260000003</v>
      </c>
      <c r="H1888">
        <v>52904.924509999997</v>
      </c>
      <c r="I1888">
        <v>40454.581149999998</v>
      </c>
      <c r="J1888">
        <v>40144.037850000001</v>
      </c>
      <c r="K1888">
        <v>65697.272249999995</v>
      </c>
      <c r="L1888">
        <v>29117.917399999998</v>
      </c>
      <c r="M1888">
        <v>347164.53759999998</v>
      </c>
      <c r="N1888">
        <v>99955.930110000001</v>
      </c>
      <c r="O1888">
        <v>26879.761839999999</v>
      </c>
      <c r="P1888">
        <v>33772.497340000002</v>
      </c>
      <c r="Q1888">
        <v>94524.656910000005</v>
      </c>
      <c r="R1888">
        <v>23241.71516</v>
      </c>
      <c r="S1888">
        <v>111186.95269999999</v>
      </c>
      <c r="T1888">
        <v>34984.7166</v>
      </c>
      <c r="U1888">
        <v>24261.839769999999</v>
      </c>
      <c r="W1888" s="83">
        <f>Bühler!N1920</f>
        <v>45370.583333328759</v>
      </c>
      <c r="X1888" s="83">
        <v>43179.583333333336</v>
      </c>
      <c r="Y1888">
        <v>298719.70789999998</v>
      </c>
      <c r="Z1888">
        <v>36247.579810000003</v>
      </c>
      <c r="AA1888">
        <v>92306.374519999998</v>
      </c>
      <c r="AB1888">
        <v>81810.190260000003</v>
      </c>
      <c r="AC1888">
        <v>52904.924509999997</v>
      </c>
      <c r="AD1888">
        <v>40454.581149999998</v>
      </c>
      <c r="AE1888">
        <v>40144.037850000001</v>
      </c>
      <c r="AF1888">
        <v>65697.272249999995</v>
      </c>
      <c r="AG1888">
        <v>29117.917399999998</v>
      </c>
      <c r="AH1888">
        <v>347164.53759999998</v>
      </c>
      <c r="AI1888">
        <v>99955.930110000001</v>
      </c>
      <c r="AJ1888">
        <v>26879.761839999999</v>
      </c>
      <c r="AK1888">
        <v>33772.497340000002</v>
      </c>
      <c r="AL1888">
        <v>94524.656910000005</v>
      </c>
      <c r="AM1888">
        <v>23241.71516</v>
      </c>
      <c r="AN1888">
        <v>111186.95269999999</v>
      </c>
      <c r="AO1888">
        <v>34984.7166</v>
      </c>
      <c r="AP1888">
        <v>24261.839769999999</v>
      </c>
    </row>
    <row r="1889" spans="2:42" x14ac:dyDescent="0.3">
      <c r="B1889">
        <v>66.906062710057782</v>
      </c>
      <c r="C1889" s="83">
        <v>43179.625</v>
      </c>
      <c r="D1889">
        <v>296310.76929999999</v>
      </c>
      <c r="E1889">
        <v>35902.583989999999</v>
      </c>
      <c r="F1889">
        <v>93115.964930000002</v>
      </c>
      <c r="G1889">
        <v>78071.195980000004</v>
      </c>
      <c r="H1889">
        <v>51485.74912</v>
      </c>
      <c r="I1889">
        <v>41086.034749999999</v>
      </c>
      <c r="J1889">
        <v>39946.326780000003</v>
      </c>
      <c r="K1889">
        <v>62803.321499999998</v>
      </c>
      <c r="L1889">
        <v>25767.551820000001</v>
      </c>
      <c r="M1889">
        <v>341118.3088</v>
      </c>
      <c r="N1889">
        <v>97193.683279999997</v>
      </c>
      <c r="O1889">
        <v>26044.89892</v>
      </c>
      <c r="P1889">
        <v>32099.889759999998</v>
      </c>
      <c r="Q1889">
        <v>94416.257949999999</v>
      </c>
      <c r="R1889">
        <v>23319.82447</v>
      </c>
      <c r="S1889">
        <v>107612.26579999999</v>
      </c>
      <c r="T1889">
        <v>34434.82604</v>
      </c>
      <c r="U1889">
        <v>23871.66462</v>
      </c>
      <c r="W1889" s="83">
        <f>Bühler!N1921</f>
        <v>45370.624999995423</v>
      </c>
      <c r="X1889" s="83">
        <v>43179.625</v>
      </c>
      <c r="Y1889">
        <v>296310.76929999999</v>
      </c>
      <c r="Z1889">
        <v>35902.583989999999</v>
      </c>
      <c r="AA1889">
        <v>93115.964930000002</v>
      </c>
      <c r="AB1889">
        <v>78071.195980000004</v>
      </c>
      <c r="AC1889">
        <v>51485.74912</v>
      </c>
      <c r="AD1889">
        <v>41086.034749999999</v>
      </c>
      <c r="AE1889">
        <v>39946.326780000003</v>
      </c>
      <c r="AF1889">
        <v>62803.321499999998</v>
      </c>
      <c r="AG1889">
        <v>25767.551820000001</v>
      </c>
      <c r="AH1889">
        <v>341118.3088</v>
      </c>
      <c r="AI1889">
        <v>97193.683279999997</v>
      </c>
      <c r="AJ1889">
        <v>26044.89892</v>
      </c>
      <c r="AK1889">
        <v>32099.889759999998</v>
      </c>
      <c r="AL1889">
        <v>94416.257949999999</v>
      </c>
      <c r="AM1889">
        <v>23319.82447</v>
      </c>
      <c r="AN1889">
        <v>107612.26579999999</v>
      </c>
      <c r="AO1889">
        <v>34434.82604</v>
      </c>
      <c r="AP1889">
        <v>23871.66462</v>
      </c>
    </row>
    <row r="1890" spans="2:42" x14ac:dyDescent="0.3">
      <c r="B1890">
        <v>66.241567355421282</v>
      </c>
      <c r="C1890" s="83">
        <v>43179.666666666664</v>
      </c>
      <c r="D1890">
        <v>287755.511</v>
      </c>
      <c r="E1890">
        <v>34908.863140000001</v>
      </c>
      <c r="F1890">
        <v>92360.660239999997</v>
      </c>
      <c r="G1890">
        <v>73828.159239999994</v>
      </c>
      <c r="H1890">
        <v>49733.231290000003</v>
      </c>
      <c r="I1890">
        <v>42510.261169999998</v>
      </c>
      <c r="J1890">
        <v>39890.380579999997</v>
      </c>
      <c r="K1890">
        <v>59130.683620000003</v>
      </c>
      <c r="L1890">
        <v>24925.932339999999</v>
      </c>
      <c r="M1890">
        <v>337730.40159999998</v>
      </c>
      <c r="N1890">
        <v>94022.452220000006</v>
      </c>
      <c r="O1890">
        <v>23738.607650000002</v>
      </c>
      <c r="P1890">
        <v>32322.37054</v>
      </c>
      <c r="Q1890">
        <v>93402.825679999994</v>
      </c>
      <c r="R1890">
        <v>23482.887999999999</v>
      </c>
      <c r="S1890">
        <v>104814.1814</v>
      </c>
      <c r="T1890">
        <v>33871.943440000003</v>
      </c>
      <c r="U1890">
        <v>22250.305899999999</v>
      </c>
      <c r="W1890" s="83">
        <f>Bühler!N1922</f>
        <v>45370.666666662088</v>
      </c>
      <c r="X1890" s="83">
        <v>43179.666666666664</v>
      </c>
      <c r="Y1890">
        <v>287755.511</v>
      </c>
      <c r="Z1890">
        <v>34908.863140000001</v>
      </c>
      <c r="AA1890">
        <v>92360.660239999997</v>
      </c>
      <c r="AB1890">
        <v>73828.159239999994</v>
      </c>
      <c r="AC1890">
        <v>49733.231290000003</v>
      </c>
      <c r="AD1890">
        <v>42510.261169999998</v>
      </c>
      <c r="AE1890">
        <v>39890.380579999997</v>
      </c>
      <c r="AF1890">
        <v>59130.683620000003</v>
      </c>
      <c r="AG1890">
        <v>24925.932339999999</v>
      </c>
      <c r="AH1890">
        <v>337730.40159999998</v>
      </c>
      <c r="AI1890">
        <v>94022.452220000006</v>
      </c>
      <c r="AJ1890">
        <v>23738.607650000002</v>
      </c>
      <c r="AK1890">
        <v>32322.37054</v>
      </c>
      <c r="AL1890">
        <v>93402.825679999994</v>
      </c>
      <c r="AM1890">
        <v>23482.887999999999</v>
      </c>
      <c r="AN1890">
        <v>104814.1814</v>
      </c>
      <c r="AO1890">
        <v>33871.943440000003</v>
      </c>
      <c r="AP1890">
        <v>22250.305899999999</v>
      </c>
    </row>
    <row r="1891" spans="2:42" x14ac:dyDescent="0.3">
      <c r="B1891">
        <v>64.641763168644715</v>
      </c>
      <c r="C1891" s="83">
        <v>43179.708333333336</v>
      </c>
      <c r="D1891">
        <v>278502.11310000002</v>
      </c>
      <c r="E1891">
        <v>32604.90884</v>
      </c>
      <c r="F1891">
        <v>91756.845759999997</v>
      </c>
      <c r="G1891">
        <v>67039.047550000003</v>
      </c>
      <c r="H1891">
        <v>47230.888559999999</v>
      </c>
      <c r="I1891">
        <v>41982.491370000003</v>
      </c>
      <c r="J1891">
        <v>39434.287300000004</v>
      </c>
      <c r="K1891">
        <v>55438.065179999998</v>
      </c>
      <c r="L1891">
        <v>25444.441599999998</v>
      </c>
      <c r="M1891">
        <v>329573.85379999998</v>
      </c>
      <c r="N1891">
        <v>85684.699850000005</v>
      </c>
      <c r="O1891">
        <v>23707.96083</v>
      </c>
      <c r="P1891">
        <v>34193.79924</v>
      </c>
      <c r="Q1891">
        <v>92267.291329999993</v>
      </c>
      <c r="R1891">
        <v>23221.85744</v>
      </c>
      <c r="S1891">
        <v>103104.5995</v>
      </c>
      <c r="T1891">
        <v>32798.982150000003</v>
      </c>
      <c r="U1891">
        <v>19754.086869999999</v>
      </c>
      <c r="W1891" s="83">
        <f>Bühler!N1923</f>
        <v>45370.708333328752</v>
      </c>
      <c r="X1891" s="83">
        <v>43179.708333333336</v>
      </c>
      <c r="Y1891">
        <v>278502.11310000002</v>
      </c>
      <c r="Z1891">
        <v>32604.90884</v>
      </c>
      <c r="AA1891">
        <v>91756.845759999997</v>
      </c>
      <c r="AB1891">
        <v>67039.047550000003</v>
      </c>
      <c r="AC1891">
        <v>47230.888559999999</v>
      </c>
      <c r="AD1891">
        <v>41982.491370000003</v>
      </c>
      <c r="AE1891">
        <v>39434.287300000004</v>
      </c>
      <c r="AF1891">
        <v>55438.065179999998</v>
      </c>
      <c r="AG1891">
        <v>25444.441599999998</v>
      </c>
      <c r="AH1891">
        <v>329573.85379999998</v>
      </c>
      <c r="AI1891">
        <v>85684.699850000005</v>
      </c>
      <c r="AJ1891">
        <v>23707.96083</v>
      </c>
      <c r="AK1891">
        <v>34193.79924</v>
      </c>
      <c r="AL1891">
        <v>92267.291329999993</v>
      </c>
      <c r="AM1891">
        <v>23221.85744</v>
      </c>
      <c r="AN1891">
        <v>103104.5995</v>
      </c>
      <c r="AO1891">
        <v>32798.982150000003</v>
      </c>
      <c r="AP1891">
        <v>19754.086869999999</v>
      </c>
    </row>
    <row r="1892" spans="2:42" x14ac:dyDescent="0.3">
      <c r="B1892">
        <v>62.870644464635298</v>
      </c>
      <c r="C1892" s="83">
        <v>43179.75</v>
      </c>
      <c r="D1892">
        <v>272898.48680000001</v>
      </c>
      <c r="E1892">
        <v>30089.681349999999</v>
      </c>
      <c r="F1892">
        <v>90010.60914</v>
      </c>
      <c r="G1892">
        <v>59173.98287</v>
      </c>
      <c r="H1892">
        <v>45563.487150000001</v>
      </c>
      <c r="I1892">
        <v>40847.559990000002</v>
      </c>
      <c r="J1892">
        <v>40140.446360000002</v>
      </c>
      <c r="K1892">
        <v>52375.988689999998</v>
      </c>
      <c r="L1892">
        <v>27021.499360000002</v>
      </c>
      <c r="M1892">
        <v>320543.86469999998</v>
      </c>
      <c r="N1892">
        <v>82421.535250000001</v>
      </c>
      <c r="O1892">
        <v>22953.615659999999</v>
      </c>
      <c r="P1892">
        <v>37556.289429999997</v>
      </c>
      <c r="Q1892">
        <v>90672.847840000002</v>
      </c>
      <c r="R1892">
        <v>21696.50244</v>
      </c>
      <c r="S1892">
        <v>98507.412460000007</v>
      </c>
      <c r="T1892">
        <v>34235.263579999999</v>
      </c>
      <c r="U1892">
        <v>18588.627209999999</v>
      </c>
      <c r="W1892" s="83">
        <f>Bühler!N1924</f>
        <v>45370.749999995416</v>
      </c>
      <c r="X1892" s="83">
        <v>43179.75</v>
      </c>
      <c r="Y1892">
        <v>272898.48680000001</v>
      </c>
      <c r="Z1892">
        <v>30089.681349999999</v>
      </c>
      <c r="AA1892">
        <v>90010.60914</v>
      </c>
      <c r="AB1892">
        <v>59173.98287</v>
      </c>
      <c r="AC1892">
        <v>45563.487150000001</v>
      </c>
      <c r="AD1892">
        <v>40847.559990000002</v>
      </c>
      <c r="AE1892">
        <v>40140.446360000002</v>
      </c>
      <c r="AF1892">
        <v>52375.988689999998</v>
      </c>
      <c r="AG1892">
        <v>27021.499360000002</v>
      </c>
      <c r="AH1892">
        <v>320543.86469999998</v>
      </c>
      <c r="AI1892">
        <v>82421.535250000001</v>
      </c>
      <c r="AJ1892">
        <v>22953.615659999999</v>
      </c>
      <c r="AK1892">
        <v>37556.289429999997</v>
      </c>
      <c r="AL1892">
        <v>90672.847840000002</v>
      </c>
      <c r="AM1892">
        <v>21696.50244</v>
      </c>
      <c r="AN1892">
        <v>98507.412460000007</v>
      </c>
      <c r="AO1892">
        <v>34235.263579999999</v>
      </c>
      <c r="AP1892">
        <v>18588.627209999999</v>
      </c>
    </row>
    <row r="1893" spans="2:42" x14ac:dyDescent="0.3">
      <c r="B1893">
        <v>62.220854669469311</v>
      </c>
      <c r="C1893" s="83">
        <v>43179.791666666664</v>
      </c>
      <c r="D1893">
        <v>268388.70020000002</v>
      </c>
      <c r="E1893">
        <v>25457.502069999999</v>
      </c>
      <c r="F1893">
        <v>80621.327380000002</v>
      </c>
      <c r="G1893">
        <v>56002.310539999999</v>
      </c>
      <c r="H1893">
        <v>45977.77231</v>
      </c>
      <c r="I1893">
        <v>38445.395799999998</v>
      </c>
      <c r="J1893">
        <v>42531.70276</v>
      </c>
      <c r="K1893">
        <v>52138.298060000001</v>
      </c>
      <c r="L1893">
        <v>28585.03126</v>
      </c>
      <c r="M1893">
        <v>317230.93329999998</v>
      </c>
      <c r="N1893">
        <v>82645.561100000006</v>
      </c>
      <c r="O1893">
        <v>23727.549599999998</v>
      </c>
      <c r="P1893">
        <v>40632.219089999999</v>
      </c>
      <c r="Q1893">
        <v>88076.90625</v>
      </c>
      <c r="R1893">
        <v>20373.12141</v>
      </c>
      <c r="S1893">
        <v>97844.827430000005</v>
      </c>
      <c r="T1893">
        <v>36914.768479999999</v>
      </c>
      <c r="U1893">
        <v>18463.90308</v>
      </c>
      <c r="W1893" s="83">
        <f>Bühler!N1925</f>
        <v>45370.79166666208</v>
      </c>
      <c r="X1893" s="83">
        <v>43179.791666666664</v>
      </c>
      <c r="Y1893">
        <v>268388.70020000002</v>
      </c>
      <c r="Z1893">
        <v>25457.502069999999</v>
      </c>
      <c r="AA1893">
        <v>80621.327380000002</v>
      </c>
      <c r="AB1893">
        <v>56002.310539999999</v>
      </c>
      <c r="AC1893">
        <v>45977.77231</v>
      </c>
      <c r="AD1893">
        <v>38445.395799999998</v>
      </c>
      <c r="AE1893">
        <v>42531.70276</v>
      </c>
      <c r="AF1893">
        <v>52138.298060000001</v>
      </c>
      <c r="AG1893">
        <v>28585.03126</v>
      </c>
      <c r="AH1893">
        <v>317230.93329999998</v>
      </c>
      <c r="AI1893">
        <v>82645.561100000006</v>
      </c>
      <c r="AJ1893">
        <v>23727.549599999998</v>
      </c>
      <c r="AK1893">
        <v>40632.219089999999</v>
      </c>
      <c r="AL1893">
        <v>88076.90625</v>
      </c>
      <c r="AM1893">
        <v>20373.12141</v>
      </c>
      <c r="AN1893">
        <v>97844.827430000005</v>
      </c>
      <c r="AO1893">
        <v>36914.768479999999</v>
      </c>
      <c r="AP1893">
        <v>18463.90308</v>
      </c>
    </row>
    <row r="1894" spans="2:42" x14ac:dyDescent="0.3">
      <c r="B1894">
        <v>61.091714490073358</v>
      </c>
      <c r="C1894" s="83">
        <v>43179.833333333336</v>
      </c>
      <c r="D1894">
        <v>258150.6378</v>
      </c>
      <c r="E1894">
        <v>19811.687959999999</v>
      </c>
      <c r="F1894">
        <v>61716.691420000003</v>
      </c>
      <c r="G1894">
        <v>49409.134910000001</v>
      </c>
      <c r="H1894">
        <v>43569.95779</v>
      </c>
      <c r="I1894">
        <v>34392.239730000001</v>
      </c>
      <c r="J1894">
        <v>41389.561629999997</v>
      </c>
      <c r="K1894">
        <v>50208.166940000003</v>
      </c>
      <c r="L1894">
        <v>28386.617040000001</v>
      </c>
      <c r="M1894">
        <v>311474.05009999999</v>
      </c>
      <c r="N1894">
        <v>79571.786319999999</v>
      </c>
      <c r="O1894">
        <v>22743.618589999998</v>
      </c>
      <c r="P1894">
        <v>41286.866320000001</v>
      </c>
      <c r="Q1894">
        <v>85457.562579999998</v>
      </c>
      <c r="R1894">
        <v>19858.9565</v>
      </c>
      <c r="S1894">
        <v>88950.394140000004</v>
      </c>
      <c r="T1894">
        <v>35543.696550000001</v>
      </c>
      <c r="U1894">
        <v>17621.74985</v>
      </c>
      <c r="W1894" s="83">
        <f>Bühler!N1926</f>
        <v>45370.833333328745</v>
      </c>
      <c r="X1894" s="83">
        <v>43179.833333333336</v>
      </c>
      <c r="Y1894">
        <v>258150.6378</v>
      </c>
      <c r="Z1894">
        <v>19811.687959999999</v>
      </c>
      <c r="AA1894">
        <v>61716.691420000003</v>
      </c>
      <c r="AB1894">
        <v>49409.134910000001</v>
      </c>
      <c r="AC1894">
        <v>43569.95779</v>
      </c>
      <c r="AD1894">
        <v>34392.239730000001</v>
      </c>
      <c r="AE1894">
        <v>41389.561629999997</v>
      </c>
      <c r="AF1894">
        <v>50208.166940000003</v>
      </c>
      <c r="AG1894">
        <v>28386.617040000001</v>
      </c>
      <c r="AH1894">
        <v>311474.05009999999</v>
      </c>
      <c r="AI1894">
        <v>79571.786319999999</v>
      </c>
      <c r="AJ1894">
        <v>22743.618589999998</v>
      </c>
      <c r="AK1894">
        <v>41286.866320000001</v>
      </c>
      <c r="AL1894">
        <v>85457.562579999998</v>
      </c>
      <c r="AM1894">
        <v>19858.9565</v>
      </c>
      <c r="AN1894">
        <v>88950.394140000004</v>
      </c>
      <c r="AO1894">
        <v>35543.696550000001</v>
      </c>
      <c r="AP1894">
        <v>17621.74985</v>
      </c>
    </row>
    <row r="1895" spans="2:42" x14ac:dyDescent="0.3">
      <c r="B1895">
        <v>58.559659018064821</v>
      </c>
      <c r="C1895" s="83">
        <v>43179.875</v>
      </c>
      <c r="D1895">
        <v>249587.3039</v>
      </c>
      <c r="E1895">
        <v>17046.783520000001</v>
      </c>
      <c r="F1895">
        <v>54175.315519999996</v>
      </c>
      <c r="G1895">
        <v>46062.699699999997</v>
      </c>
      <c r="H1895">
        <v>41023.073199999999</v>
      </c>
      <c r="I1895">
        <v>28973.485349999999</v>
      </c>
      <c r="J1895">
        <v>39417.764060000001</v>
      </c>
      <c r="K1895">
        <v>50545.817000000003</v>
      </c>
      <c r="L1895">
        <v>26764.982810000001</v>
      </c>
      <c r="M1895">
        <v>298564.45049999998</v>
      </c>
      <c r="N1895">
        <v>78270.916289999994</v>
      </c>
      <c r="O1895">
        <v>21174.210299999999</v>
      </c>
      <c r="P1895">
        <v>38797.934329999996</v>
      </c>
      <c r="Q1895">
        <v>83496.571729999996</v>
      </c>
      <c r="R1895">
        <v>18653.886320000001</v>
      </c>
      <c r="S1895">
        <v>83006.930470000007</v>
      </c>
      <c r="T1895">
        <v>31933.70233</v>
      </c>
      <c r="U1895">
        <v>16264.184600000001</v>
      </c>
      <c r="W1895" s="83">
        <f>Bühler!N1927</f>
        <v>45370.874999995409</v>
      </c>
      <c r="X1895" s="83">
        <v>43179.875</v>
      </c>
      <c r="Y1895">
        <v>249587.3039</v>
      </c>
      <c r="Z1895">
        <v>17046.783520000001</v>
      </c>
      <c r="AA1895">
        <v>54175.315519999996</v>
      </c>
      <c r="AB1895">
        <v>46062.699699999997</v>
      </c>
      <c r="AC1895">
        <v>41023.073199999999</v>
      </c>
      <c r="AD1895">
        <v>28973.485349999999</v>
      </c>
      <c r="AE1895">
        <v>39417.764060000001</v>
      </c>
      <c r="AF1895">
        <v>50545.817000000003</v>
      </c>
      <c r="AG1895">
        <v>26764.982810000001</v>
      </c>
      <c r="AH1895">
        <v>298564.45049999998</v>
      </c>
      <c r="AI1895">
        <v>78270.916289999994</v>
      </c>
      <c r="AJ1895">
        <v>21174.210299999999</v>
      </c>
      <c r="AK1895">
        <v>38797.934329999996</v>
      </c>
      <c r="AL1895">
        <v>83496.571729999996</v>
      </c>
      <c r="AM1895">
        <v>18653.886320000001</v>
      </c>
      <c r="AN1895">
        <v>83006.930470000007</v>
      </c>
      <c r="AO1895">
        <v>31933.70233</v>
      </c>
      <c r="AP1895">
        <v>16264.184600000001</v>
      </c>
    </row>
    <row r="1896" spans="2:42" x14ac:dyDescent="0.3">
      <c r="B1896">
        <v>58.454342014090244</v>
      </c>
      <c r="C1896" s="83">
        <v>43179.916666666664</v>
      </c>
      <c r="D1896">
        <v>247687.83739999999</v>
      </c>
      <c r="E1896">
        <v>16209.153490000001</v>
      </c>
      <c r="F1896">
        <v>51685.342259999998</v>
      </c>
      <c r="G1896">
        <v>43419.352870000002</v>
      </c>
      <c r="H1896">
        <v>39856.638760000002</v>
      </c>
      <c r="I1896">
        <v>27642.03126</v>
      </c>
      <c r="J1896">
        <v>37844.229270000003</v>
      </c>
      <c r="K1896">
        <v>53460.806510000002</v>
      </c>
      <c r="L1896">
        <v>24108.34808</v>
      </c>
      <c r="M1896">
        <v>298027.49530000001</v>
      </c>
      <c r="N1896">
        <v>77777.993820000003</v>
      </c>
      <c r="O1896">
        <v>21705.813409999999</v>
      </c>
      <c r="P1896">
        <v>40156.05386</v>
      </c>
      <c r="Q1896">
        <v>82689.471810000003</v>
      </c>
      <c r="R1896">
        <v>23512.209149999999</v>
      </c>
      <c r="S1896">
        <v>81702.706359999996</v>
      </c>
      <c r="T1896">
        <v>27871.516199999998</v>
      </c>
      <c r="U1896">
        <v>16469.654009999998</v>
      </c>
      <c r="W1896" s="83">
        <f>Bühler!N1928</f>
        <v>45370.916666662073</v>
      </c>
      <c r="X1896" s="83">
        <v>43179.916666666664</v>
      </c>
      <c r="Y1896">
        <v>247687.83739999999</v>
      </c>
      <c r="Z1896">
        <v>16209.153490000001</v>
      </c>
      <c r="AA1896">
        <v>51685.342259999998</v>
      </c>
      <c r="AB1896">
        <v>43419.352870000002</v>
      </c>
      <c r="AC1896">
        <v>39856.638760000002</v>
      </c>
      <c r="AD1896">
        <v>27642.03126</v>
      </c>
      <c r="AE1896">
        <v>37844.229270000003</v>
      </c>
      <c r="AF1896">
        <v>53460.806510000002</v>
      </c>
      <c r="AG1896">
        <v>24108.34808</v>
      </c>
      <c r="AH1896">
        <v>298027.49530000001</v>
      </c>
      <c r="AI1896">
        <v>77777.993820000003</v>
      </c>
      <c r="AJ1896">
        <v>21705.813409999999</v>
      </c>
      <c r="AK1896">
        <v>40156.05386</v>
      </c>
      <c r="AL1896">
        <v>82689.471810000003</v>
      </c>
      <c r="AM1896">
        <v>23512.209149999999</v>
      </c>
      <c r="AN1896">
        <v>81702.706359999996</v>
      </c>
      <c r="AO1896">
        <v>27871.516199999998</v>
      </c>
      <c r="AP1896">
        <v>16469.654009999998</v>
      </c>
    </row>
    <row r="1897" spans="2:42" x14ac:dyDescent="0.3">
      <c r="B1897">
        <v>57.322233294944319</v>
      </c>
      <c r="C1897" s="83">
        <v>43179.958333333336</v>
      </c>
      <c r="D1897">
        <v>249261.04019999999</v>
      </c>
      <c r="E1897">
        <v>16031.896989999999</v>
      </c>
      <c r="F1897">
        <v>50298.788339999999</v>
      </c>
      <c r="G1897">
        <v>42360.12457</v>
      </c>
      <c r="H1897">
        <v>39254.943299999999</v>
      </c>
      <c r="I1897">
        <v>25841.855810000001</v>
      </c>
      <c r="J1897">
        <v>35542.350989999999</v>
      </c>
      <c r="K1897">
        <v>52300.675799999997</v>
      </c>
      <c r="L1897">
        <v>20810.126260000001</v>
      </c>
      <c r="M1897">
        <v>292255.47710000002</v>
      </c>
      <c r="N1897">
        <v>76476.685389999999</v>
      </c>
      <c r="O1897">
        <v>21228.86939</v>
      </c>
      <c r="P1897">
        <v>35802.424930000001</v>
      </c>
      <c r="Q1897">
        <v>82016.380489999996</v>
      </c>
      <c r="R1897">
        <v>25375.14631</v>
      </c>
      <c r="S1897">
        <v>80333.145950000006</v>
      </c>
      <c r="T1897">
        <v>27976.02133</v>
      </c>
      <c r="U1897">
        <v>15640.073050000001</v>
      </c>
      <c r="W1897" s="83">
        <f>Bühler!N1929</f>
        <v>45370.958333328737</v>
      </c>
      <c r="X1897" s="83">
        <v>43179.958333333336</v>
      </c>
      <c r="Y1897">
        <v>249261.04019999999</v>
      </c>
      <c r="Z1897">
        <v>16031.896989999999</v>
      </c>
      <c r="AA1897">
        <v>50298.788339999999</v>
      </c>
      <c r="AB1897">
        <v>42360.12457</v>
      </c>
      <c r="AC1897">
        <v>39254.943299999999</v>
      </c>
      <c r="AD1897">
        <v>25841.855810000001</v>
      </c>
      <c r="AE1897">
        <v>35542.350989999999</v>
      </c>
      <c r="AF1897">
        <v>52300.675799999997</v>
      </c>
      <c r="AG1897">
        <v>20810.126260000001</v>
      </c>
      <c r="AH1897">
        <v>292255.47710000002</v>
      </c>
      <c r="AI1897">
        <v>76476.685389999999</v>
      </c>
      <c r="AJ1897">
        <v>21228.86939</v>
      </c>
      <c r="AK1897">
        <v>35802.424930000001</v>
      </c>
      <c r="AL1897">
        <v>82016.380489999996</v>
      </c>
      <c r="AM1897">
        <v>25375.14631</v>
      </c>
      <c r="AN1897">
        <v>80333.145950000006</v>
      </c>
      <c r="AO1897">
        <v>27976.02133</v>
      </c>
      <c r="AP1897">
        <v>15640.073050000001</v>
      </c>
    </row>
    <row r="1898" spans="2:42" x14ac:dyDescent="0.3">
      <c r="B1898">
        <v>56.369622142050623</v>
      </c>
      <c r="C1898" s="83">
        <v>43180</v>
      </c>
      <c r="D1898">
        <v>246992.1826</v>
      </c>
      <c r="E1898">
        <v>15652.588820000001</v>
      </c>
      <c r="F1898">
        <v>49470.50748</v>
      </c>
      <c r="G1898">
        <v>41648.547610000001</v>
      </c>
      <c r="H1898">
        <v>38224.327579999997</v>
      </c>
      <c r="I1898">
        <v>24467.897959999998</v>
      </c>
      <c r="J1898">
        <v>33352.534500000002</v>
      </c>
      <c r="K1898">
        <v>50429.205860000002</v>
      </c>
      <c r="L1898">
        <v>19198.538570000001</v>
      </c>
      <c r="M1898">
        <v>287398.62119999999</v>
      </c>
      <c r="N1898">
        <v>76600.950710000005</v>
      </c>
      <c r="O1898">
        <v>21674.388050000001</v>
      </c>
      <c r="P1898">
        <v>33126.670700000002</v>
      </c>
      <c r="Q1898">
        <v>81913.645910000007</v>
      </c>
      <c r="R1898">
        <v>21849.26484</v>
      </c>
      <c r="S1898">
        <v>79410.746339999998</v>
      </c>
      <c r="T1898">
        <v>26468.177909999999</v>
      </c>
      <c r="U1898">
        <v>15872.537490000001</v>
      </c>
      <c r="W1898" s="83">
        <f>Bühler!N1930</f>
        <v>45370.999999995402</v>
      </c>
      <c r="X1898" s="83">
        <v>43180</v>
      </c>
      <c r="Y1898">
        <v>246992.1826</v>
      </c>
      <c r="Z1898">
        <v>15652.588820000001</v>
      </c>
      <c r="AA1898">
        <v>49470.50748</v>
      </c>
      <c r="AB1898">
        <v>41648.547610000001</v>
      </c>
      <c r="AC1898">
        <v>38224.327579999997</v>
      </c>
      <c r="AD1898">
        <v>24467.897959999998</v>
      </c>
      <c r="AE1898">
        <v>33352.534500000002</v>
      </c>
      <c r="AF1898">
        <v>50429.205860000002</v>
      </c>
      <c r="AG1898">
        <v>19198.538570000001</v>
      </c>
      <c r="AH1898">
        <v>287398.62119999999</v>
      </c>
      <c r="AI1898">
        <v>76600.950710000005</v>
      </c>
      <c r="AJ1898">
        <v>21674.388050000001</v>
      </c>
      <c r="AK1898">
        <v>33126.670700000002</v>
      </c>
      <c r="AL1898">
        <v>81913.645910000007</v>
      </c>
      <c r="AM1898">
        <v>21849.26484</v>
      </c>
      <c r="AN1898">
        <v>79410.746339999998</v>
      </c>
      <c r="AO1898">
        <v>26468.177909999999</v>
      </c>
      <c r="AP1898">
        <v>15872.537490000001</v>
      </c>
    </row>
    <row r="1899" spans="2:42" x14ac:dyDescent="0.3">
      <c r="B1899">
        <v>56.638259729932521</v>
      </c>
      <c r="C1899" s="83">
        <v>43180.041666666664</v>
      </c>
      <c r="D1899">
        <v>245641.7487</v>
      </c>
      <c r="E1899">
        <v>15622.412840000001</v>
      </c>
      <c r="F1899">
        <v>50004.251329999999</v>
      </c>
      <c r="G1899">
        <v>41026.173320000002</v>
      </c>
      <c r="H1899">
        <v>38423.020850000001</v>
      </c>
      <c r="I1899">
        <v>19101.036469999999</v>
      </c>
      <c r="J1899">
        <v>32221.09532</v>
      </c>
      <c r="K1899">
        <v>49401.215510000002</v>
      </c>
      <c r="L1899">
        <v>18879.372179999998</v>
      </c>
      <c r="M1899">
        <v>288768.26089999999</v>
      </c>
      <c r="N1899">
        <v>75892.765270000004</v>
      </c>
      <c r="O1899">
        <v>21581.76283</v>
      </c>
      <c r="P1899">
        <v>31223.72378</v>
      </c>
      <c r="Q1899">
        <v>82059.171610000005</v>
      </c>
      <c r="R1899">
        <v>20198.610240000002</v>
      </c>
      <c r="S1899">
        <v>78319.010829999999</v>
      </c>
      <c r="T1899">
        <v>25828.34361</v>
      </c>
      <c r="U1899">
        <v>16323.63363</v>
      </c>
      <c r="W1899" s="83">
        <f>Bühler!N1931</f>
        <v>45371.041666662066</v>
      </c>
      <c r="X1899" s="83">
        <v>43180.041666666664</v>
      </c>
      <c r="Y1899">
        <v>245641.7487</v>
      </c>
      <c r="Z1899">
        <v>15622.412840000001</v>
      </c>
      <c r="AA1899">
        <v>50004.251329999999</v>
      </c>
      <c r="AB1899">
        <v>41026.173320000002</v>
      </c>
      <c r="AC1899">
        <v>38423.020850000001</v>
      </c>
      <c r="AD1899">
        <v>19101.036469999999</v>
      </c>
      <c r="AE1899">
        <v>32221.09532</v>
      </c>
      <c r="AF1899">
        <v>49401.215510000002</v>
      </c>
      <c r="AG1899">
        <v>18879.372179999998</v>
      </c>
      <c r="AH1899">
        <v>288768.26089999999</v>
      </c>
      <c r="AI1899">
        <v>75892.765270000004</v>
      </c>
      <c r="AJ1899">
        <v>21581.76283</v>
      </c>
      <c r="AK1899">
        <v>31223.72378</v>
      </c>
      <c r="AL1899">
        <v>82059.171610000005</v>
      </c>
      <c r="AM1899">
        <v>20198.610240000002</v>
      </c>
      <c r="AN1899">
        <v>78319.010829999999</v>
      </c>
      <c r="AO1899">
        <v>25828.34361</v>
      </c>
      <c r="AP1899">
        <v>16323.63363</v>
      </c>
    </row>
    <row r="1900" spans="2:42" x14ac:dyDescent="0.3">
      <c r="B1900">
        <v>57.464403243980783</v>
      </c>
      <c r="C1900" s="83">
        <v>43180.083333333336</v>
      </c>
      <c r="D1900">
        <v>246113.30319999999</v>
      </c>
      <c r="E1900">
        <v>15586.846089999999</v>
      </c>
      <c r="F1900">
        <v>49576.081489999997</v>
      </c>
      <c r="G1900">
        <v>40849.813589999998</v>
      </c>
      <c r="H1900">
        <v>38244.817410000003</v>
      </c>
      <c r="I1900">
        <v>17820.673719999999</v>
      </c>
      <c r="J1900">
        <v>32301.387770000001</v>
      </c>
      <c r="K1900">
        <v>47869.485999999997</v>
      </c>
      <c r="L1900">
        <v>18578.263159999999</v>
      </c>
      <c r="M1900">
        <v>292980.32579999999</v>
      </c>
      <c r="N1900">
        <v>75916.952619999996</v>
      </c>
      <c r="O1900">
        <v>21639.91058</v>
      </c>
      <c r="P1900">
        <v>30432.91777</v>
      </c>
      <c r="Q1900">
        <v>83881.692110000004</v>
      </c>
      <c r="R1900">
        <v>21253.038189999999</v>
      </c>
      <c r="S1900">
        <v>77762.533720000007</v>
      </c>
      <c r="T1900">
        <v>25050.25562</v>
      </c>
      <c r="U1900">
        <v>16271.345810000001</v>
      </c>
      <c r="W1900" s="83">
        <f>Bühler!N1932</f>
        <v>45371.08333332873</v>
      </c>
      <c r="X1900" s="83">
        <v>43180.083333333336</v>
      </c>
      <c r="Y1900">
        <v>246113.30319999999</v>
      </c>
      <c r="Z1900">
        <v>15586.846089999999</v>
      </c>
      <c r="AA1900">
        <v>49576.081489999997</v>
      </c>
      <c r="AB1900">
        <v>40849.813589999998</v>
      </c>
      <c r="AC1900">
        <v>38244.817410000003</v>
      </c>
      <c r="AD1900">
        <v>17820.673719999999</v>
      </c>
      <c r="AE1900">
        <v>32301.387770000001</v>
      </c>
      <c r="AF1900">
        <v>47869.485999999997</v>
      </c>
      <c r="AG1900">
        <v>18578.263159999999</v>
      </c>
      <c r="AH1900">
        <v>292980.32579999999</v>
      </c>
      <c r="AI1900">
        <v>75916.952619999996</v>
      </c>
      <c r="AJ1900">
        <v>21639.91058</v>
      </c>
      <c r="AK1900">
        <v>30432.91777</v>
      </c>
      <c r="AL1900">
        <v>83881.692110000004</v>
      </c>
      <c r="AM1900">
        <v>21253.038189999999</v>
      </c>
      <c r="AN1900">
        <v>77762.533720000007</v>
      </c>
      <c r="AO1900">
        <v>25050.25562</v>
      </c>
      <c r="AP1900">
        <v>16271.345810000001</v>
      </c>
    </row>
    <row r="1901" spans="2:42" x14ac:dyDescent="0.3">
      <c r="B1901">
        <v>57.60574537545078</v>
      </c>
      <c r="C1901" s="83">
        <v>43180.125</v>
      </c>
      <c r="D1901">
        <v>247501.48240000001</v>
      </c>
      <c r="E1901">
        <v>15688.59352</v>
      </c>
      <c r="F1901">
        <v>51216.892650000002</v>
      </c>
      <c r="G1901">
        <v>40103.883040000001</v>
      </c>
      <c r="H1901">
        <v>38113.653890000001</v>
      </c>
      <c r="I1901">
        <v>17769.825390000002</v>
      </c>
      <c r="J1901">
        <v>33087.037759999999</v>
      </c>
      <c r="K1901">
        <v>46255.103840000003</v>
      </c>
      <c r="L1901">
        <v>18172.55312</v>
      </c>
      <c r="M1901">
        <v>293700.95390000002</v>
      </c>
      <c r="N1901">
        <v>76114.646739999996</v>
      </c>
      <c r="O1901">
        <v>22034.965520000002</v>
      </c>
      <c r="P1901">
        <v>31025.466209999999</v>
      </c>
      <c r="Q1901">
        <v>86746.994070000001</v>
      </c>
      <c r="R1901">
        <v>21411.404630000001</v>
      </c>
      <c r="S1901">
        <v>77634.42022</v>
      </c>
      <c r="T1901">
        <v>25441.06308</v>
      </c>
      <c r="U1901">
        <v>16494.00375</v>
      </c>
      <c r="W1901" s="83">
        <f>Bühler!N1933</f>
        <v>45371.124999995394</v>
      </c>
      <c r="X1901" s="83">
        <v>43180.125</v>
      </c>
      <c r="Y1901">
        <v>247501.48240000001</v>
      </c>
      <c r="Z1901">
        <v>15688.59352</v>
      </c>
      <c r="AA1901">
        <v>51216.892650000002</v>
      </c>
      <c r="AB1901">
        <v>40103.883040000001</v>
      </c>
      <c r="AC1901">
        <v>38113.653890000001</v>
      </c>
      <c r="AD1901">
        <v>17769.825390000002</v>
      </c>
      <c r="AE1901">
        <v>33087.037759999999</v>
      </c>
      <c r="AF1901">
        <v>46255.103840000003</v>
      </c>
      <c r="AG1901">
        <v>18172.55312</v>
      </c>
      <c r="AH1901">
        <v>293700.95390000002</v>
      </c>
      <c r="AI1901">
        <v>76114.646739999996</v>
      </c>
      <c r="AJ1901">
        <v>22034.965520000002</v>
      </c>
      <c r="AK1901">
        <v>31025.466209999999</v>
      </c>
      <c r="AL1901">
        <v>86746.994070000001</v>
      </c>
      <c r="AM1901">
        <v>21411.404630000001</v>
      </c>
      <c r="AN1901">
        <v>77634.42022</v>
      </c>
      <c r="AO1901">
        <v>25441.06308</v>
      </c>
      <c r="AP1901">
        <v>16494.00375</v>
      </c>
    </row>
    <row r="1902" spans="2:42" x14ac:dyDescent="0.3">
      <c r="B1902">
        <v>58.543440493815766</v>
      </c>
      <c r="C1902" s="83">
        <v>43180.166666666664</v>
      </c>
      <c r="D1902">
        <v>251747.13149999999</v>
      </c>
      <c r="E1902">
        <v>16162.58541</v>
      </c>
      <c r="F1902">
        <v>54792.294580000002</v>
      </c>
      <c r="G1902">
        <v>40606.220699999998</v>
      </c>
      <c r="H1902">
        <v>39271.788670000002</v>
      </c>
      <c r="I1902">
        <v>20778.439109999999</v>
      </c>
      <c r="J1902">
        <v>35271.84302</v>
      </c>
      <c r="K1902">
        <v>44625.678119999997</v>
      </c>
      <c r="L1902">
        <v>17945.908530000001</v>
      </c>
      <c r="M1902">
        <v>298481.76089999999</v>
      </c>
      <c r="N1902">
        <v>74768.199189999999</v>
      </c>
      <c r="O1902">
        <v>22260.855899999999</v>
      </c>
      <c r="P1902">
        <v>29911.574860000001</v>
      </c>
      <c r="Q1902">
        <v>90228.253580000004</v>
      </c>
      <c r="R1902">
        <v>21791.837500000001</v>
      </c>
      <c r="S1902">
        <v>78675.775070000003</v>
      </c>
      <c r="T1902">
        <v>25448.45405</v>
      </c>
      <c r="U1902">
        <v>17480.836179999998</v>
      </c>
      <c r="W1902" s="83">
        <f>Bühler!N1934</f>
        <v>45371.166666662059</v>
      </c>
      <c r="X1902" s="83">
        <v>43180.166666666664</v>
      </c>
      <c r="Y1902">
        <v>251747.13149999999</v>
      </c>
      <c r="Z1902">
        <v>16162.58541</v>
      </c>
      <c r="AA1902">
        <v>54792.294580000002</v>
      </c>
      <c r="AB1902">
        <v>40606.220699999998</v>
      </c>
      <c r="AC1902">
        <v>39271.788670000002</v>
      </c>
      <c r="AD1902">
        <v>20778.439109999999</v>
      </c>
      <c r="AE1902">
        <v>35271.84302</v>
      </c>
      <c r="AF1902">
        <v>44625.678119999997</v>
      </c>
      <c r="AG1902">
        <v>17945.908530000001</v>
      </c>
      <c r="AH1902">
        <v>298481.76089999999</v>
      </c>
      <c r="AI1902">
        <v>74768.199189999999</v>
      </c>
      <c r="AJ1902">
        <v>22260.855899999999</v>
      </c>
      <c r="AK1902">
        <v>29911.574860000001</v>
      </c>
      <c r="AL1902">
        <v>90228.253580000004</v>
      </c>
      <c r="AM1902">
        <v>21791.837500000001</v>
      </c>
      <c r="AN1902">
        <v>78675.775070000003</v>
      </c>
      <c r="AO1902">
        <v>25448.45405</v>
      </c>
      <c r="AP1902">
        <v>17480.836179999998</v>
      </c>
    </row>
    <row r="1903" spans="2:42" x14ac:dyDescent="0.3">
      <c r="B1903">
        <v>61.53003479075084</v>
      </c>
      <c r="C1903" s="83">
        <v>43180.208333333336</v>
      </c>
      <c r="D1903">
        <v>267560.09360000002</v>
      </c>
      <c r="E1903">
        <v>18179.32012</v>
      </c>
      <c r="F1903">
        <v>65730.271930000003</v>
      </c>
      <c r="G1903">
        <v>43373.996319999998</v>
      </c>
      <c r="H1903">
        <v>41375.255799999999</v>
      </c>
      <c r="I1903">
        <v>30491.804459999999</v>
      </c>
      <c r="J1903">
        <v>38153.315770000001</v>
      </c>
      <c r="K1903">
        <v>46458.524069999999</v>
      </c>
      <c r="L1903">
        <v>19304.567910000002</v>
      </c>
      <c r="M1903">
        <v>313708.81140000001</v>
      </c>
      <c r="N1903">
        <v>76660.997929999998</v>
      </c>
      <c r="O1903">
        <v>23136.98846</v>
      </c>
      <c r="P1903">
        <v>31145.028119999999</v>
      </c>
      <c r="Q1903">
        <v>93652.870790000001</v>
      </c>
      <c r="R1903">
        <v>24351.29207</v>
      </c>
      <c r="S1903">
        <v>81423.164720000001</v>
      </c>
      <c r="T1903">
        <v>27392.712479999998</v>
      </c>
      <c r="U1903">
        <v>19228.31323</v>
      </c>
      <c r="W1903" s="83">
        <f>Bühler!N1935</f>
        <v>45371.208333328723</v>
      </c>
      <c r="X1903" s="83">
        <v>43180.208333333336</v>
      </c>
      <c r="Y1903">
        <v>267560.09360000002</v>
      </c>
      <c r="Z1903">
        <v>18179.32012</v>
      </c>
      <c r="AA1903">
        <v>65730.271930000003</v>
      </c>
      <c r="AB1903">
        <v>43373.996319999998</v>
      </c>
      <c r="AC1903">
        <v>41375.255799999999</v>
      </c>
      <c r="AD1903">
        <v>30491.804459999999</v>
      </c>
      <c r="AE1903">
        <v>38153.315770000001</v>
      </c>
      <c r="AF1903">
        <v>46458.524069999999</v>
      </c>
      <c r="AG1903">
        <v>19304.567910000002</v>
      </c>
      <c r="AH1903">
        <v>313708.81140000001</v>
      </c>
      <c r="AI1903">
        <v>76660.997929999998</v>
      </c>
      <c r="AJ1903">
        <v>23136.98846</v>
      </c>
      <c r="AK1903">
        <v>31145.028119999999</v>
      </c>
      <c r="AL1903">
        <v>93652.870790000001</v>
      </c>
      <c r="AM1903">
        <v>24351.29207</v>
      </c>
      <c r="AN1903">
        <v>81423.164720000001</v>
      </c>
      <c r="AO1903">
        <v>27392.712479999998</v>
      </c>
      <c r="AP1903">
        <v>19228.31323</v>
      </c>
    </row>
    <row r="1904" spans="2:42" x14ac:dyDescent="0.3">
      <c r="B1904">
        <v>65.543186595172074</v>
      </c>
      <c r="C1904" s="83">
        <v>43180.25</v>
      </c>
      <c r="D1904">
        <v>284027.7513</v>
      </c>
      <c r="E1904">
        <v>22678.721600000001</v>
      </c>
      <c r="F1904">
        <v>77195.441179999994</v>
      </c>
      <c r="G1904">
        <v>56273.285889999999</v>
      </c>
      <c r="H1904">
        <v>44806.832280000002</v>
      </c>
      <c r="I1904">
        <v>40547.411050000002</v>
      </c>
      <c r="J1904">
        <v>41649.544999999998</v>
      </c>
      <c r="K1904">
        <v>50067.632420000002</v>
      </c>
      <c r="L1904">
        <v>21325.089609999999</v>
      </c>
      <c r="M1904">
        <v>334169.73080000002</v>
      </c>
      <c r="N1904">
        <v>81558.123470000006</v>
      </c>
      <c r="O1904">
        <v>24975.774789999999</v>
      </c>
      <c r="P1904">
        <v>31951.107499999998</v>
      </c>
      <c r="Q1904">
        <v>95202.401259999999</v>
      </c>
      <c r="R1904">
        <v>18736.574619999999</v>
      </c>
      <c r="S1904">
        <v>90463.420140000002</v>
      </c>
      <c r="T1904">
        <v>29567.46457</v>
      </c>
      <c r="U1904">
        <v>22056.865300000001</v>
      </c>
      <c r="W1904" s="83">
        <f>Bühler!N1936</f>
        <v>45371.249999995387</v>
      </c>
      <c r="X1904" s="83">
        <v>43180.25</v>
      </c>
      <c r="Y1904">
        <v>284027.7513</v>
      </c>
      <c r="Z1904">
        <v>22678.721600000001</v>
      </c>
      <c r="AA1904">
        <v>77195.441179999994</v>
      </c>
      <c r="AB1904">
        <v>56273.285889999999</v>
      </c>
      <c r="AC1904">
        <v>44806.832280000002</v>
      </c>
      <c r="AD1904">
        <v>40547.411050000002</v>
      </c>
      <c r="AE1904">
        <v>41649.544999999998</v>
      </c>
      <c r="AF1904">
        <v>50067.632420000002</v>
      </c>
      <c r="AG1904">
        <v>21325.089609999999</v>
      </c>
      <c r="AH1904">
        <v>334169.73080000002</v>
      </c>
      <c r="AI1904">
        <v>81558.123470000006</v>
      </c>
      <c r="AJ1904">
        <v>24975.774789999999</v>
      </c>
      <c r="AK1904">
        <v>31951.107499999998</v>
      </c>
      <c r="AL1904">
        <v>95202.401259999999</v>
      </c>
      <c r="AM1904">
        <v>18736.574619999999</v>
      </c>
      <c r="AN1904">
        <v>90463.420140000002</v>
      </c>
      <c r="AO1904">
        <v>29567.46457</v>
      </c>
      <c r="AP1904">
        <v>22056.865300000001</v>
      </c>
    </row>
    <row r="1905" spans="2:42" x14ac:dyDescent="0.3">
      <c r="B1905">
        <v>67.128972664497937</v>
      </c>
      <c r="C1905" s="83">
        <v>43180.291666666664</v>
      </c>
      <c r="D1905">
        <v>295867.21590000001</v>
      </c>
      <c r="E1905">
        <v>27469.12284</v>
      </c>
      <c r="F1905">
        <v>78896.052339999995</v>
      </c>
      <c r="G1905">
        <v>67642.184680000006</v>
      </c>
      <c r="H1905">
        <v>49256.652419999999</v>
      </c>
      <c r="I1905">
        <v>49328.170299999998</v>
      </c>
      <c r="J1905">
        <v>42236.785109999997</v>
      </c>
      <c r="K1905">
        <v>54760.149969999999</v>
      </c>
      <c r="L1905">
        <v>23365.252120000001</v>
      </c>
      <c r="M1905">
        <v>342254.8077</v>
      </c>
      <c r="N1905">
        <v>84942.658169999995</v>
      </c>
      <c r="O1905">
        <v>27218.57012</v>
      </c>
      <c r="P1905">
        <v>35956.709139999999</v>
      </c>
      <c r="Q1905">
        <v>95063.83829</v>
      </c>
      <c r="R1905">
        <v>19633.954140000002</v>
      </c>
      <c r="S1905">
        <v>105685.81849999999</v>
      </c>
      <c r="T1905">
        <v>31381.762170000002</v>
      </c>
      <c r="U1905">
        <v>25970.6319</v>
      </c>
      <c r="W1905" s="83">
        <f>Bühler!N1937</f>
        <v>45371.291666662051</v>
      </c>
      <c r="X1905" s="83">
        <v>43180.291666666664</v>
      </c>
      <c r="Y1905">
        <v>295867.21590000001</v>
      </c>
      <c r="Z1905">
        <v>27469.12284</v>
      </c>
      <c r="AA1905">
        <v>78896.052339999995</v>
      </c>
      <c r="AB1905">
        <v>67642.184680000006</v>
      </c>
      <c r="AC1905">
        <v>49256.652419999999</v>
      </c>
      <c r="AD1905">
        <v>49328.170299999998</v>
      </c>
      <c r="AE1905">
        <v>42236.785109999997</v>
      </c>
      <c r="AF1905">
        <v>54760.149969999999</v>
      </c>
      <c r="AG1905">
        <v>23365.252120000001</v>
      </c>
      <c r="AH1905">
        <v>342254.8077</v>
      </c>
      <c r="AI1905">
        <v>84942.658169999995</v>
      </c>
      <c r="AJ1905">
        <v>27218.57012</v>
      </c>
      <c r="AK1905">
        <v>35956.709139999999</v>
      </c>
      <c r="AL1905">
        <v>95063.83829</v>
      </c>
      <c r="AM1905">
        <v>19633.954140000002</v>
      </c>
      <c r="AN1905">
        <v>105685.81849999999</v>
      </c>
      <c r="AO1905">
        <v>31381.762170000002</v>
      </c>
      <c r="AP1905">
        <v>25970.6319</v>
      </c>
    </row>
    <row r="1906" spans="2:42" x14ac:dyDescent="0.3">
      <c r="B1906">
        <v>67.975655766919715</v>
      </c>
      <c r="C1906" s="83">
        <v>43180.333333333336</v>
      </c>
      <c r="D1906">
        <v>306816.20750000002</v>
      </c>
      <c r="E1906">
        <v>33238.315770000001</v>
      </c>
      <c r="F1906">
        <v>85839.427150000003</v>
      </c>
      <c r="G1906">
        <v>83050.770770000003</v>
      </c>
      <c r="H1906">
        <v>54914.369910000001</v>
      </c>
      <c r="I1906">
        <v>51589.410060000002</v>
      </c>
      <c r="J1906">
        <v>44062.480620000002</v>
      </c>
      <c r="K1906">
        <v>60025.991240000003</v>
      </c>
      <c r="L1906">
        <v>25892.329829999999</v>
      </c>
      <c r="M1906">
        <v>346571.59299999999</v>
      </c>
      <c r="N1906">
        <v>91355.443790000005</v>
      </c>
      <c r="O1906">
        <v>28462.864409999998</v>
      </c>
      <c r="P1906">
        <v>37035.674449999999</v>
      </c>
      <c r="Q1906">
        <v>95531.646040000007</v>
      </c>
      <c r="R1906">
        <v>22085.436409999998</v>
      </c>
      <c r="S1906">
        <v>116828.88800000001</v>
      </c>
      <c r="T1906">
        <v>35410.46041</v>
      </c>
      <c r="U1906">
        <v>28985.77173</v>
      </c>
      <c r="W1906" s="83">
        <f>Bühler!N1938</f>
        <v>45371.333333328716</v>
      </c>
      <c r="X1906" s="83">
        <v>43180.333333333336</v>
      </c>
      <c r="Y1906">
        <v>306816.20750000002</v>
      </c>
      <c r="Z1906">
        <v>33238.315770000001</v>
      </c>
      <c r="AA1906">
        <v>85839.427150000003</v>
      </c>
      <c r="AB1906">
        <v>83050.770770000003</v>
      </c>
      <c r="AC1906">
        <v>54914.369910000001</v>
      </c>
      <c r="AD1906">
        <v>51589.410060000002</v>
      </c>
      <c r="AE1906">
        <v>44062.480620000002</v>
      </c>
      <c r="AF1906">
        <v>60025.991240000003</v>
      </c>
      <c r="AG1906">
        <v>25892.329829999999</v>
      </c>
      <c r="AH1906">
        <v>346571.59299999999</v>
      </c>
      <c r="AI1906">
        <v>91355.443790000005</v>
      </c>
      <c r="AJ1906">
        <v>28462.864409999998</v>
      </c>
      <c r="AK1906">
        <v>37035.674449999999</v>
      </c>
      <c r="AL1906">
        <v>95531.646040000007</v>
      </c>
      <c r="AM1906">
        <v>22085.436409999998</v>
      </c>
      <c r="AN1906">
        <v>116828.88800000001</v>
      </c>
      <c r="AO1906">
        <v>35410.46041</v>
      </c>
      <c r="AP1906">
        <v>28985.77173</v>
      </c>
    </row>
    <row r="1907" spans="2:42" x14ac:dyDescent="0.3">
      <c r="B1907">
        <v>67.990401730697357</v>
      </c>
      <c r="C1907" s="83">
        <v>43180.375</v>
      </c>
      <c r="D1907">
        <v>306025.95390000002</v>
      </c>
      <c r="E1907">
        <v>37315.487580000001</v>
      </c>
      <c r="F1907">
        <v>93739.262359999993</v>
      </c>
      <c r="G1907">
        <v>91453.409589999996</v>
      </c>
      <c r="H1907">
        <v>56852.967409999997</v>
      </c>
      <c r="I1907">
        <v>48747.760479999997</v>
      </c>
      <c r="J1907">
        <v>43722.923260000003</v>
      </c>
      <c r="K1907">
        <v>61970.243970000003</v>
      </c>
      <c r="L1907">
        <v>28094.96283</v>
      </c>
      <c r="M1907">
        <v>346646.77480000001</v>
      </c>
      <c r="N1907">
        <v>98600.331940000004</v>
      </c>
      <c r="O1907">
        <v>28312.832160000002</v>
      </c>
      <c r="P1907">
        <v>39199.246319999998</v>
      </c>
      <c r="Q1907">
        <v>96470.491999999998</v>
      </c>
      <c r="R1907">
        <v>23537.490010000001</v>
      </c>
      <c r="S1907">
        <v>122995.0491</v>
      </c>
      <c r="T1907">
        <v>38218.425510000001</v>
      </c>
      <c r="U1907">
        <v>29068.870470000002</v>
      </c>
      <c r="W1907" s="83">
        <f>Bühler!N1939</f>
        <v>45371.37499999538</v>
      </c>
      <c r="X1907" s="83">
        <v>43180.375</v>
      </c>
      <c r="Y1907">
        <v>306025.95390000002</v>
      </c>
      <c r="Z1907">
        <v>37315.487580000001</v>
      </c>
      <c r="AA1907">
        <v>93739.262359999993</v>
      </c>
      <c r="AB1907">
        <v>91453.409589999996</v>
      </c>
      <c r="AC1907">
        <v>56852.967409999997</v>
      </c>
      <c r="AD1907">
        <v>48747.760479999997</v>
      </c>
      <c r="AE1907">
        <v>43722.923260000003</v>
      </c>
      <c r="AF1907">
        <v>61970.243970000003</v>
      </c>
      <c r="AG1907">
        <v>28094.96283</v>
      </c>
      <c r="AH1907">
        <v>346646.77480000001</v>
      </c>
      <c r="AI1907">
        <v>98600.331940000004</v>
      </c>
      <c r="AJ1907">
        <v>28312.832160000002</v>
      </c>
      <c r="AK1907">
        <v>39199.246319999998</v>
      </c>
      <c r="AL1907">
        <v>96470.491999999998</v>
      </c>
      <c r="AM1907">
        <v>23537.490010000001</v>
      </c>
      <c r="AN1907">
        <v>122995.0491</v>
      </c>
      <c r="AO1907">
        <v>38218.425510000001</v>
      </c>
      <c r="AP1907">
        <v>29068.870470000002</v>
      </c>
    </row>
    <row r="1908" spans="2:42" x14ac:dyDescent="0.3">
      <c r="B1908">
        <v>68.616319052880954</v>
      </c>
      <c r="C1908" s="83">
        <v>43180.416666666664</v>
      </c>
      <c r="D1908">
        <v>308148.20620000002</v>
      </c>
      <c r="E1908">
        <v>38461.499730000003</v>
      </c>
      <c r="F1908">
        <v>94834.824640000006</v>
      </c>
      <c r="G1908">
        <v>94356.865139999994</v>
      </c>
      <c r="H1908">
        <v>56633.185899999997</v>
      </c>
      <c r="I1908">
        <v>45969.518450000003</v>
      </c>
      <c r="J1908">
        <v>42506.699840000001</v>
      </c>
      <c r="K1908">
        <v>64076.455730000001</v>
      </c>
      <c r="L1908">
        <v>30476.905429999999</v>
      </c>
      <c r="M1908">
        <v>349837.99320000003</v>
      </c>
      <c r="N1908">
        <v>101975.6796</v>
      </c>
      <c r="O1908">
        <v>28348.83006</v>
      </c>
      <c r="P1908">
        <v>38925.126510000002</v>
      </c>
      <c r="Q1908">
        <v>97790.955929999996</v>
      </c>
      <c r="R1908">
        <v>24160.992340000001</v>
      </c>
      <c r="S1908">
        <v>122935.0726</v>
      </c>
      <c r="T1908">
        <v>38910.867209999997</v>
      </c>
      <c r="U1908">
        <v>28433.829860000002</v>
      </c>
      <c r="W1908" s="83">
        <f>Bühler!N1940</f>
        <v>45371.416666662044</v>
      </c>
      <c r="X1908" s="83">
        <v>43180.416666666664</v>
      </c>
      <c r="Y1908">
        <v>308148.20620000002</v>
      </c>
      <c r="Z1908">
        <v>38461.499730000003</v>
      </c>
      <c r="AA1908">
        <v>94834.824640000006</v>
      </c>
      <c r="AB1908">
        <v>94356.865139999994</v>
      </c>
      <c r="AC1908">
        <v>56633.185899999997</v>
      </c>
      <c r="AD1908">
        <v>45969.518450000003</v>
      </c>
      <c r="AE1908">
        <v>42506.699840000001</v>
      </c>
      <c r="AF1908">
        <v>64076.455730000001</v>
      </c>
      <c r="AG1908">
        <v>30476.905429999999</v>
      </c>
      <c r="AH1908">
        <v>349837.99320000003</v>
      </c>
      <c r="AI1908">
        <v>101975.6796</v>
      </c>
      <c r="AJ1908">
        <v>28348.83006</v>
      </c>
      <c r="AK1908">
        <v>38925.126510000002</v>
      </c>
      <c r="AL1908">
        <v>97790.955929999996</v>
      </c>
      <c r="AM1908">
        <v>24160.992340000001</v>
      </c>
      <c r="AN1908">
        <v>122935.0726</v>
      </c>
      <c r="AO1908">
        <v>38910.867209999997</v>
      </c>
      <c r="AP1908">
        <v>28433.829860000002</v>
      </c>
    </row>
    <row r="1909" spans="2:42" x14ac:dyDescent="0.3">
      <c r="B1909">
        <v>68.697707606255378</v>
      </c>
      <c r="C1909" s="83">
        <v>43180.458333333336</v>
      </c>
      <c r="D1909">
        <v>304902.35609999998</v>
      </c>
      <c r="E1909">
        <v>38027.544719999998</v>
      </c>
      <c r="F1909">
        <v>95192.373930000002</v>
      </c>
      <c r="G1909">
        <v>90221.942309999999</v>
      </c>
      <c r="H1909">
        <v>55444.158940000001</v>
      </c>
      <c r="I1909">
        <v>43397.489500000003</v>
      </c>
      <c r="J1909">
        <v>42354.129200000003</v>
      </c>
      <c r="K1909">
        <v>63453.289720000001</v>
      </c>
      <c r="L1909">
        <v>31684.157879999999</v>
      </c>
      <c r="M1909">
        <v>350252.95</v>
      </c>
      <c r="N1909">
        <v>101816.99159999999</v>
      </c>
      <c r="O1909">
        <v>28115.20117</v>
      </c>
      <c r="P1909">
        <v>37189.697500000002</v>
      </c>
      <c r="Q1909">
        <v>97084.479160000003</v>
      </c>
      <c r="R1909">
        <v>25138.540270000001</v>
      </c>
      <c r="S1909">
        <v>123685.1412</v>
      </c>
      <c r="T1909">
        <v>37938.609219999998</v>
      </c>
      <c r="U1909">
        <v>26964.971320000001</v>
      </c>
      <c r="W1909" s="83">
        <f>Bühler!N1941</f>
        <v>45371.458333328708</v>
      </c>
      <c r="X1909" s="83">
        <v>43180.458333333336</v>
      </c>
      <c r="Y1909">
        <v>304902.35609999998</v>
      </c>
      <c r="Z1909">
        <v>38027.544719999998</v>
      </c>
      <c r="AA1909">
        <v>95192.373930000002</v>
      </c>
      <c r="AB1909">
        <v>90221.942309999999</v>
      </c>
      <c r="AC1909">
        <v>55444.158940000001</v>
      </c>
      <c r="AD1909">
        <v>43397.489500000003</v>
      </c>
      <c r="AE1909">
        <v>42354.129200000003</v>
      </c>
      <c r="AF1909">
        <v>63453.289720000001</v>
      </c>
      <c r="AG1909">
        <v>31684.157879999999</v>
      </c>
      <c r="AH1909">
        <v>350252.95</v>
      </c>
      <c r="AI1909">
        <v>101816.99159999999</v>
      </c>
      <c r="AJ1909">
        <v>28115.20117</v>
      </c>
      <c r="AK1909">
        <v>37189.697500000002</v>
      </c>
      <c r="AL1909">
        <v>97084.479160000003</v>
      </c>
      <c r="AM1909">
        <v>25138.540270000001</v>
      </c>
      <c r="AN1909">
        <v>123685.1412</v>
      </c>
      <c r="AO1909">
        <v>37938.609219999998</v>
      </c>
      <c r="AP1909">
        <v>26964.971320000001</v>
      </c>
    </row>
    <row r="1910" spans="2:42" x14ac:dyDescent="0.3">
      <c r="B1910">
        <v>67.733958398073824</v>
      </c>
      <c r="C1910" s="83">
        <v>43180.5</v>
      </c>
      <c r="D1910">
        <v>293776.11820000003</v>
      </c>
      <c r="E1910">
        <v>34375.133150000001</v>
      </c>
      <c r="F1910">
        <v>87636.378299999997</v>
      </c>
      <c r="G1910">
        <v>84605.039489999996</v>
      </c>
      <c r="H1910">
        <v>52808.887860000003</v>
      </c>
      <c r="I1910">
        <v>41992.404369999997</v>
      </c>
      <c r="J1910">
        <v>41882.712180000002</v>
      </c>
      <c r="K1910">
        <v>59620.575750000004</v>
      </c>
      <c r="L1910">
        <v>34223.346030000001</v>
      </c>
      <c r="M1910">
        <v>345339.30709999998</v>
      </c>
      <c r="N1910">
        <v>98148.040689999994</v>
      </c>
      <c r="O1910">
        <v>26688.892059999998</v>
      </c>
      <c r="P1910">
        <v>38636.647870000001</v>
      </c>
      <c r="Q1910">
        <v>96472.615709999998</v>
      </c>
      <c r="R1910">
        <v>24739.670750000001</v>
      </c>
      <c r="S1910">
        <v>116600.36930000001</v>
      </c>
      <c r="T1910">
        <v>37645.425949999997</v>
      </c>
      <c r="U1910">
        <v>22384.114720000001</v>
      </c>
      <c r="W1910" s="83">
        <f>Bühler!N1942</f>
        <v>45371.499999995372</v>
      </c>
      <c r="X1910" s="83">
        <v>43180.5</v>
      </c>
      <c r="Y1910">
        <v>293776.11820000003</v>
      </c>
      <c r="Z1910">
        <v>34375.133150000001</v>
      </c>
      <c r="AA1910">
        <v>87636.378299999997</v>
      </c>
      <c r="AB1910">
        <v>84605.039489999996</v>
      </c>
      <c r="AC1910">
        <v>52808.887860000003</v>
      </c>
      <c r="AD1910">
        <v>41992.404369999997</v>
      </c>
      <c r="AE1910">
        <v>41882.712180000002</v>
      </c>
      <c r="AF1910">
        <v>59620.575750000004</v>
      </c>
      <c r="AG1910">
        <v>34223.346030000001</v>
      </c>
      <c r="AH1910">
        <v>345339.30709999998</v>
      </c>
      <c r="AI1910">
        <v>98148.040689999994</v>
      </c>
      <c r="AJ1910">
        <v>26688.892059999998</v>
      </c>
      <c r="AK1910">
        <v>38636.647870000001</v>
      </c>
      <c r="AL1910">
        <v>96472.615709999998</v>
      </c>
      <c r="AM1910">
        <v>24739.670750000001</v>
      </c>
      <c r="AN1910">
        <v>116600.36930000001</v>
      </c>
      <c r="AO1910">
        <v>37645.425949999997</v>
      </c>
      <c r="AP1910">
        <v>22384.114720000001</v>
      </c>
    </row>
    <row r="1911" spans="2:42" x14ac:dyDescent="0.3">
      <c r="B1911">
        <v>66.905710074602439</v>
      </c>
      <c r="C1911" s="83">
        <v>43180.541666666664</v>
      </c>
      <c r="D1911">
        <v>294128.39309999999</v>
      </c>
      <c r="E1911">
        <v>33705.63708</v>
      </c>
      <c r="F1911">
        <v>84469.542700000005</v>
      </c>
      <c r="G1911">
        <v>78880.208119999996</v>
      </c>
      <c r="H1911">
        <v>52670.450729999997</v>
      </c>
      <c r="I1911">
        <v>41111.260240000003</v>
      </c>
      <c r="J1911">
        <v>40156.546999999999</v>
      </c>
      <c r="K1911">
        <v>61872.19083</v>
      </c>
      <c r="L1911">
        <v>33046.877979999997</v>
      </c>
      <c r="M1911">
        <v>341116.51089999999</v>
      </c>
      <c r="N1911">
        <v>97535.363159999994</v>
      </c>
      <c r="O1911">
        <v>26989.728810000001</v>
      </c>
      <c r="P1911">
        <v>36619.95278</v>
      </c>
      <c r="Q1911">
        <v>96056.630940000003</v>
      </c>
      <c r="R1911">
        <v>23679.41678</v>
      </c>
      <c r="S1911">
        <v>115473.6121</v>
      </c>
      <c r="T1911">
        <v>36161.946210000002</v>
      </c>
      <c r="U1911">
        <v>24206.748629999998</v>
      </c>
      <c r="W1911" s="83">
        <f>Bühler!N1943</f>
        <v>45371.541666662037</v>
      </c>
      <c r="X1911" s="83">
        <v>43180.541666666664</v>
      </c>
      <c r="Y1911">
        <v>294128.39309999999</v>
      </c>
      <c r="Z1911">
        <v>33705.63708</v>
      </c>
      <c r="AA1911">
        <v>84469.542700000005</v>
      </c>
      <c r="AB1911">
        <v>78880.208119999996</v>
      </c>
      <c r="AC1911">
        <v>52670.450729999997</v>
      </c>
      <c r="AD1911">
        <v>41111.260240000003</v>
      </c>
      <c r="AE1911">
        <v>40156.546999999999</v>
      </c>
      <c r="AF1911">
        <v>61872.19083</v>
      </c>
      <c r="AG1911">
        <v>33046.877979999997</v>
      </c>
      <c r="AH1911">
        <v>341116.51089999999</v>
      </c>
      <c r="AI1911">
        <v>97535.363159999994</v>
      </c>
      <c r="AJ1911">
        <v>26989.728810000001</v>
      </c>
      <c r="AK1911">
        <v>36619.95278</v>
      </c>
      <c r="AL1911">
        <v>96056.630940000003</v>
      </c>
      <c r="AM1911">
        <v>23679.41678</v>
      </c>
      <c r="AN1911">
        <v>115473.6121</v>
      </c>
      <c r="AO1911">
        <v>36161.946210000002</v>
      </c>
      <c r="AP1911">
        <v>24206.748629999998</v>
      </c>
    </row>
    <row r="1912" spans="2:42" x14ac:dyDescent="0.3">
      <c r="B1912">
        <v>67.138818684189559</v>
      </c>
      <c r="C1912" s="83">
        <v>43180.583333333336</v>
      </c>
      <c r="D1912">
        <v>298497.92849999998</v>
      </c>
      <c r="E1912">
        <v>35890.344290000001</v>
      </c>
      <c r="F1912">
        <v>91408.503479999999</v>
      </c>
      <c r="G1912">
        <v>75504.793539999999</v>
      </c>
      <c r="H1912">
        <v>53096.7235</v>
      </c>
      <c r="I1912">
        <v>41477.868629999997</v>
      </c>
      <c r="J1912">
        <v>39892.196819999997</v>
      </c>
      <c r="K1912">
        <v>62828.722119999999</v>
      </c>
      <c r="L1912">
        <v>29814.023450000001</v>
      </c>
      <c r="M1912">
        <v>342305.0073</v>
      </c>
      <c r="N1912">
        <v>98716.674710000007</v>
      </c>
      <c r="O1912">
        <v>26779.47768</v>
      </c>
      <c r="P1912">
        <v>34072.543389999999</v>
      </c>
      <c r="Q1912">
        <v>95542.899300000005</v>
      </c>
      <c r="R1912">
        <v>23543.995429999999</v>
      </c>
      <c r="S1912">
        <v>111014.8134</v>
      </c>
      <c r="T1912">
        <v>34708.959340000001</v>
      </c>
      <c r="U1912">
        <v>24715.077450000001</v>
      </c>
      <c r="W1912" s="83">
        <f>Bühler!N1944</f>
        <v>45371.583333328701</v>
      </c>
      <c r="X1912" s="83">
        <v>43180.583333333336</v>
      </c>
      <c r="Y1912">
        <v>298497.92849999998</v>
      </c>
      <c r="Z1912">
        <v>35890.344290000001</v>
      </c>
      <c r="AA1912">
        <v>91408.503479999999</v>
      </c>
      <c r="AB1912">
        <v>75504.793539999999</v>
      </c>
      <c r="AC1912">
        <v>53096.7235</v>
      </c>
      <c r="AD1912">
        <v>41477.868629999997</v>
      </c>
      <c r="AE1912">
        <v>39892.196819999997</v>
      </c>
      <c r="AF1912">
        <v>62828.722119999999</v>
      </c>
      <c r="AG1912">
        <v>29814.023450000001</v>
      </c>
      <c r="AH1912">
        <v>342305.0073</v>
      </c>
      <c r="AI1912">
        <v>98716.674710000007</v>
      </c>
      <c r="AJ1912">
        <v>26779.47768</v>
      </c>
      <c r="AK1912">
        <v>34072.543389999999</v>
      </c>
      <c r="AL1912">
        <v>95542.899300000005</v>
      </c>
      <c r="AM1912">
        <v>23543.995429999999</v>
      </c>
      <c r="AN1912">
        <v>111014.8134</v>
      </c>
      <c r="AO1912">
        <v>34708.959340000001</v>
      </c>
      <c r="AP1912">
        <v>24715.077450000001</v>
      </c>
    </row>
    <row r="1913" spans="2:42" x14ac:dyDescent="0.3">
      <c r="B1913">
        <v>65.813897080919944</v>
      </c>
      <c r="C1913" s="83">
        <v>43180.625</v>
      </c>
      <c r="D1913">
        <v>295531.50799999997</v>
      </c>
      <c r="E1913">
        <v>35755.876230000002</v>
      </c>
      <c r="F1913">
        <v>92583.168139999994</v>
      </c>
      <c r="G1913">
        <v>73054.171390000003</v>
      </c>
      <c r="H1913">
        <v>51828.072289999996</v>
      </c>
      <c r="I1913">
        <v>41705.603589999999</v>
      </c>
      <c r="J1913">
        <v>39870.363369999999</v>
      </c>
      <c r="K1913">
        <v>62517.878510000002</v>
      </c>
      <c r="L1913">
        <v>26483.791580000001</v>
      </c>
      <c r="M1913">
        <v>335549.93910000002</v>
      </c>
      <c r="N1913">
        <v>95230.756290000005</v>
      </c>
      <c r="O1913">
        <v>26389.205249999999</v>
      </c>
      <c r="P1913">
        <v>31109.94082</v>
      </c>
      <c r="Q1913">
        <v>94810.435939999996</v>
      </c>
      <c r="R1913">
        <v>22976.725399999999</v>
      </c>
      <c r="S1913">
        <v>108579.5717</v>
      </c>
      <c r="T1913">
        <v>34295.091979999997</v>
      </c>
      <c r="U1913">
        <v>23819.820660000001</v>
      </c>
      <c r="W1913" s="83">
        <f>Bühler!N1945</f>
        <v>45371.624999995365</v>
      </c>
      <c r="X1913" s="83">
        <v>43180.625</v>
      </c>
      <c r="Y1913">
        <v>295531.50799999997</v>
      </c>
      <c r="Z1913">
        <v>35755.876230000002</v>
      </c>
      <c r="AA1913">
        <v>92583.168139999994</v>
      </c>
      <c r="AB1913">
        <v>73054.171390000003</v>
      </c>
      <c r="AC1913">
        <v>51828.072289999996</v>
      </c>
      <c r="AD1913">
        <v>41705.603589999999</v>
      </c>
      <c r="AE1913">
        <v>39870.363369999999</v>
      </c>
      <c r="AF1913">
        <v>62517.878510000002</v>
      </c>
      <c r="AG1913">
        <v>26483.791580000001</v>
      </c>
      <c r="AH1913">
        <v>335549.93910000002</v>
      </c>
      <c r="AI1913">
        <v>95230.756290000005</v>
      </c>
      <c r="AJ1913">
        <v>26389.205249999999</v>
      </c>
      <c r="AK1913">
        <v>31109.94082</v>
      </c>
      <c r="AL1913">
        <v>94810.435939999996</v>
      </c>
      <c r="AM1913">
        <v>22976.725399999999</v>
      </c>
      <c r="AN1913">
        <v>108579.5717</v>
      </c>
      <c r="AO1913">
        <v>34295.091979999997</v>
      </c>
      <c r="AP1913">
        <v>23819.820660000001</v>
      </c>
    </row>
    <row r="1914" spans="2:42" x14ac:dyDescent="0.3">
      <c r="B1914">
        <v>64.783801313339467</v>
      </c>
      <c r="C1914" s="83">
        <v>43180.666666666664</v>
      </c>
      <c r="D1914">
        <v>289678.647</v>
      </c>
      <c r="E1914">
        <v>34925.516949999997</v>
      </c>
      <c r="F1914">
        <v>91365.812619999997</v>
      </c>
      <c r="G1914">
        <v>70095.652770000001</v>
      </c>
      <c r="H1914">
        <v>49770.985209999999</v>
      </c>
      <c r="I1914">
        <v>43595.638420000003</v>
      </c>
      <c r="J1914">
        <v>38845.165119999998</v>
      </c>
      <c r="K1914">
        <v>59110.957719999999</v>
      </c>
      <c r="L1914">
        <v>25342.71256</v>
      </c>
      <c r="M1914">
        <v>330298.03049999999</v>
      </c>
      <c r="N1914">
        <v>94087.114159999997</v>
      </c>
      <c r="O1914">
        <v>25311.823639999999</v>
      </c>
      <c r="P1914">
        <v>31750.715</v>
      </c>
      <c r="Q1914">
        <v>93443.165420000005</v>
      </c>
      <c r="R1914">
        <v>22422.852419999999</v>
      </c>
      <c r="S1914">
        <v>105333.5956</v>
      </c>
      <c r="T1914">
        <v>33804.337059999998</v>
      </c>
      <c r="U1914">
        <v>22527.332439999998</v>
      </c>
      <c r="W1914" s="83">
        <f>Bühler!N1946</f>
        <v>45371.666666662029</v>
      </c>
      <c r="X1914" s="83">
        <v>43180.666666666664</v>
      </c>
      <c r="Y1914">
        <v>289678.647</v>
      </c>
      <c r="Z1914">
        <v>34925.516949999997</v>
      </c>
      <c r="AA1914">
        <v>91365.812619999997</v>
      </c>
      <c r="AB1914">
        <v>70095.652770000001</v>
      </c>
      <c r="AC1914">
        <v>49770.985209999999</v>
      </c>
      <c r="AD1914">
        <v>43595.638420000003</v>
      </c>
      <c r="AE1914">
        <v>38845.165119999998</v>
      </c>
      <c r="AF1914">
        <v>59110.957719999999</v>
      </c>
      <c r="AG1914">
        <v>25342.71256</v>
      </c>
      <c r="AH1914">
        <v>330298.03049999999</v>
      </c>
      <c r="AI1914">
        <v>94087.114159999997</v>
      </c>
      <c r="AJ1914">
        <v>25311.823639999999</v>
      </c>
      <c r="AK1914">
        <v>31750.715</v>
      </c>
      <c r="AL1914">
        <v>93443.165420000005</v>
      </c>
      <c r="AM1914">
        <v>22422.852419999999</v>
      </c>
      <c r="AN1914">
        <v>105333.5956</v>
      </c>
      <c r="AO1914">
        <v>33804.337059999998</v>
      </c>
      <c r="AP1914">
        <v>22527.332439999998</v>
      </c>
    </row>
    <row r="1915" spans="2:42" x14ac:dyDescent="0.3">
      <c r="B1915">
        <v>63.336224904083601</v>
      </c>
      <c r="C1915" s="83">
        <v>43180.708333333336</v>
      </c>
      <c r="D1915">
        <v>279430.87390000001</v>
      </c>
      <c r="E1915">
        <v>32755.38336</v>
      </c>
      <c r="F1915">
        <v>90733.732080000002</v>
      </c>
      <c r="G1915">
        <v>65542.322769999999</v>
      </c>
      <c r="H1915">
        <v>47693.212440000003</v>
      </c>
      <c r="I1915">
        <v>43033.010269999999</v>
      </c>
      <c r="J1915">
        <v>38571.656040000002</v>
      </c>
      <c r="K1915">
        <v>53661.492140000002</v>
      </c>
      <c r="L1915">
        <v>25301.173419999999</v>
      </c>
      <c r="M1915">
        <v>322917.61090000003</v>
      </c>
      <c r="N1915">
        <v>87809.098299999998</v>
      </c>
      <c r="O1915">
        <v>24571.43088</v>
      </c>
      <c r="P1915">
        <v>32687.843390000002</v>
      </c>
      <c r="Q1915">
        <v>92654.84676</v>
      </c>
      <c r="R1915">
        <v>22770.768370000002</v>
      </c>
      <c r="S1915">
        <v>103673.45630000001</v>
      </c>
      <c r="T1915">
        <v>33817.089399999997</v>
      </c>
      <c r="U1915">
        <v>19943.69138</v>
      </c>
      <c r="W1915" s="83">
        <f>Bühler!N1947</f>
        <v>45371.708333328694</v>
      </c>
      <c r="X1915" s="83">
        <v>43180.708333333336</v>
      </c>
      <c r="Y1915">
        <v>279430.87390000001</v>
      </c>
      <c r="Z1915">
        <v>32755.38336</v>
      </c>
      <c r="AA1915">
        <v>90733.732080000002</v>
      </c>
      <c r="AB1915">
        <v>65542.322769999999</v>
      </c>
      <c r="AC1915">
        <v>47693.212440000003</v>
      </c>
      <c r="AD1915">
        <v>43033.010269999999</v>
      </c>
      <c r="AE1915">
        <v>38571.656040000002</v>
      </c>
      <c r="AF1915">
        <v>53661.492140000002</v>
      </c>
      <c r="AG1915">
        <v>25301.173419999999</v>
      </c>
      <c r="AH1915">
        <v>322917.61090000003</v>
      </c>
      <c r="AI1915">
        <v>87809.098299999998</v>
      </c>
      <c r="AJ1915">
        <v>24571.43088</v>
      </c>
      <c r="AK1915">
        <v>32687.843390000002</v>
      </c>
      <c r="AL1915">
        <v>92654.84676</v>
      </c>
      <c r="AM1915">
        <v>22770.768370000002</v>
      </c>
      <c r="AN1915">
        <v>103673.45630000001</v>
      </c>
      <c r="AO1915">
        <v>33817.089399999997</v>
      </c>
      <c r="AP1915">
        <v>19943.69138</v>
      </c>
    </row>
    <row r="1916" spans="2:42" x14ac:dyDescent="0.3">
      <c r="B1916">
        <v>62.57991005538716</v>
      </c>
      <c r="C1916" s="83">
        <v>43180.75</v>
      </c>
      <c r="D1916">
        <v>270885.0601</v>
      </c>
      <c r="E1916">
        <v>30136.776099999999</v>
      </c>
      <c r="F1916">
        <v>88644.070120000004</v>
      </c>
      <c r="G1916">
        <v>60409.913809999998</v>
      </c>
      <c r="H1916">
        <v>45818.378409999998</v>
      </c>
      <c r="I1916">
        <v>42776.501880000003</v>
      </c>
      <c r="J1916">
        <v>39341.73919</v>
      </c>
      <c r="K1916">
        <v>51490.624819999997</v>
      </c>
      <c r="L1916">
        <v>27059.017080000001</v>
      </c>
      <c r="M1916">
        <v>319061.56510000001</v>
      </c>
      <c r="N1916">
        <v>84852.511710000006</v>
      </c>
      <c r="O1916">
        <v>23906.446120000001</v>
      </c>
      <c r="P1916">
        <v>37360.595979999998</v>
      </c>
      <c r="Q1916">
        <v>90491.444489999994</v>
      </c>
      <c r="R1916">
        <v>21062.247100000001</v>
      </c>
      <c r="S1916">
        <v>98803.359769999995</v>
      </c>
      <c r="T1916">
        <v>34759.33137</v>
      </c>
      <c r="U1916">
        <v>18497.993849999999</v>
      </c>
      <c r="W1916" s="83">
        <f>Bühler!N1948</f>
        <v>45371.749999995358</v>
      </c>
      <c r="X1916" s="83">
        <v>43180.75</v>
      </c>
      <c r="Y1916">
        <v>270885.0601</v>
      </c>
      <c r="Z1916">
        <v>30136.776099999999</v>
      </c>
      <c r="AA1916">
        <v>88644.070120000004</v>
      </c>
      <c r="AB1916">
        <v>60409.913809999998</v>
      </c>
      <c r="AC1916">
        <v>45818.378409999998</v>
      </c>
      <c r="AD1916">
        <v>42776.501880000003</v>
      </c>
      <c r="AE1916">
        <v>39341.73919</v>
      </c>
      <c r="AF1916">
        <v>51490.624819999997</v>
      </c>
      <c r="AG1916">
        <v>27059.017080000001</v>
      </c>
      <c r="AH1916">
        <v>319061.56510000001</v>
      </c>
      <c r="AI1916">
        <v>84852.511710000006</v>
      </c>
      <c r="AJ1916">
        <v>23906.446120000001</v>
      </c>
      <c r="AK1916">
        <v>37360.595979999998</v>
      </c>
      <c r="AL1916">
        <v>90491.444489999994</v>
      </c>
      <c r="AM1916">
        <v>21062.247100000001</v>
      </c>
      <c r="AN1916">
        <v>98803.359769999995</v>
      </c>
      <c r="AO1916">
        <v>34759.33137</v>
      </c>
      <c r="AP1916">
        <v>18497.993849999999</v>
      </c>
    </row>
    <row r="1917" spans="2:42" x14ac:dyDescent="0.3">
      <c r="B1917">
        <v>62.041392349110239</v>
      </c>
      <c r="C1917" s="83">
        <v>43180.791666666664</v>
      </c>
      <c r="D1917">
        <v>266695.62290000002</v>
      </c>
      <c r="E1917">
        <v>26197.500459999999</v>
      </c>
      <c r="F1917">
        <v>79030.772100000002</v>
      </c>
      <c r="G1917">
        <v>58680.085709999999</v>
      </c>
      <c r="H1917">
        <v>46425.875619999999</v>
      </c>
      <c r="I1917">
        <v>42282.231639999998</v>
      </c>
      <c r="J1917">
        <v>42556.245430000003</v>
      </c>
      <c r="K1917">
        <v>51584.174939999997</v>
      </c>
      <c r="L1917">
        <v>29829.856930000002</v>
      </c>
      <c r="M1917">
        <v>316315.95069999999</v>
      </c>
      <c r="N1917">
        <v>84690.678459999996</v>
      </c>
      <c r="O1917">
        <v>23961.52319</v>
      </c>
      <c r="P1917">
        <v>40775.238270000002</v>
      </c>
      <c r="Q1917">
        <v>88547.488819999999</v>
      </c>
      <c r="R1917">
        <v>21293.34994</v>
      </c>
      <c r="S1917">
        <v>96817.764739999999</v>
      </c>
      <c r="T1917">
        <v>36417.871070000001</v>
      </c>
      <c r="U1917">
        <v>18594.00476</v>
      </c>
      <c r="W1917" s="83">
        <f>Bühler!N1949</f>
        <v>45371.791666662022</v>
      </c>
      <c r="X1917" s="83">
        <v>43180.791666666664</v>
      </c>
      <c r="Y1917">
        <v>266695.62290000002</v>
      </c>
      <c r="Z1917">
        <v>26197.500459999999</v>
      </c>
      <c r="AA1917">
        <v>79030.772100000002</v>
      </c>
      <c r="AB1917">
        <v>58680.085709999999</v>
      </c>
      <c r="AC1917">
        <v>46425.875619999999</v>
      </c>
      <c r="AD1917">
        <v>42282.231639999998</v>
      </c>
      <c r="AE1917">
        <v>42556.245430000003</v>
      </c>
      <c r="AF1917">
        <v>51584.174939999997</v>
      </c>
      <c r="AG1917">
        <v>29829.856930000002</v>
      </c>
      <c r="AH1917">
        <v>316315.95069999999</v>
      </c>
      <c r="AI1917">
        <v>84690.678459999996</v>
      </c>
      <c r="AJ1917">
        <v>23961.52319</v>
      </c>
      <c r="AK1917">
        <v>40775.238270000002</v>
      </c>
      <c r="AL1917">
        <v>88547.488819999999</v>
      </c>
      <c r="AM1917">
        <v>21293.34994</v>
      </c>
      <c r="AN1917">
        <v>96817.764739999999</v>
      </c>
      <c r="AO1917">
        <v>36417.871070000001</v>
      </c>
      <c r="AP1917">
        <v>18594.00476</v>
      </c>
    </row>
    <row r="1918" spans="2:42" x14ac:dyDescent="0.3">
      <c r="B1918">
        <v>60.696752325975275</v>
      </c>
      <c r="C1918" s="83">
        <v>43180.833333333336</v>
      </c>
      <c r="D1918">
        <v>257258.60690000001</v>
      </c>
      <c r="E1918">
        <v>20095.453140000001</v>
      </c>
      <c r="F1918">
        <v>61276.034849999996</v>
      </c>
      <c r="G1918">
        <v>52530.749600000003</v>
      </c>
      <c r="H1918">
        <v>43752.86911</v>
      </c>
      <c r="I1918">
        <v>36597.88134</v>
      </c>
      <c r="J1918">
        <v>41364.311240000003</v>
      </c>
      <c r="K1918">
        <v>50807.689189999997</v>
      </c>
      <c r="L1918">
        <v>28732.090700000001</v>
      </c>
      <c r="M1918">
        <v>309460.34879999998</v>
      </c>
      <c r="N1918">
        <v>82658.577040000004</v>
      </c>
      <c r="O1918">
        <v>23275.396239999998</v>
      </c>
      <c r="P1918">
        <v>40778.365530000003</v>
      </c>
      <c r="Q1918">
        <v>85005.589009999996</v>
      </c>
      <c r="R1918">
        <v>20047.46399</v>
      </c>
      <c r="S1918">
        <v>89008.473480000001</v>
      </c>
      <c r="T1918">
        <v>34549.885249999999</v>
      </c>
      <c r="U1918">
        <v>17905.692299999999</v>
      </c>
      <c r="W1918" s="83">
        <f>Bühler!N1950</f>
        <v>45371.833333328686</v>
      </c>
      <c r="X1918" s="83">
        <v>43180.833333333336</v>
      </c>
      <c r="Y1918">
        <v>257258.60690000001</v>
      </c>
      <c r="Z1918">
        <v>20095.453140000001</v>
      </c>
      <c r="AA1918">
        <v>61276.034849999996</v>
      </c>
      <c r="AB1918">
        <v>52530.749600000003</v>
      </c>
      <c r="AC1918">
        <v>43752.86911</v>
      </c>
      <c r="AD1918">
        <v>36597.88134</v>
      </c>
      <c r="AE1918">
        <v>41364.311240000003</v>
      </c>
      <c r="AF1918">
        <v>50807.689189999997</v>
      </c>
      <c r="AG1918">
        <v>28732.090700000001</v>
      </c>
      <c r="AH1918">
        <v>309460.34879999998</v>
      </c>
      <c r="AI1918">
        <v>82658.577040000004</v>
      </c>
      <c r="AJ1918">
        <v>23275.396239999998</v>
      </c>
      <c r="AK1918">
        <v>40778.365530000003</v>
      </c>
      <c r="AL1918">
        <v>85005.589009999996</v>
      </c>
      <c r="AM1918">
        <v>20047.46399</v>
      </c>
      <c r="AN1918">
        <v>89008.473480000001</v>
      </c>
      <c r="AO1918">
        <v>34549.885249999999</v>
      </c>
      <c r="AP1918">
        <v>17905.692299999999</v>
      </c>
    </row>
    <row r="1919" spans="2:42" x14ac:dyDescent="0.3">
      <c r="B1919">
        <v>58.814031453423993</v>
      </c>
      <c r="C1919" s="83">
        <v>43180.875</v>
      </c>
      <c r="D1919">
        <v>248327.56469999999</v>
      </c>
      <c r="E1919">
        <v>17128.244159999998</v>
      </c>
      <c r="F1919">
        <v>53435.289479999999</v>
      </c>
      <c r="G1919">
        <v>49169.837319999999</v>
      </c>
      <c r="H1919">
        <v>40778.226040000001</v>
      </c>
      <c r="I1919">
        <v>30063.684939999999</v>
      </c>
      <c r="J1919">
        <v>39617.049659999997</v>
      </c>
      <c r="K1919">
        <v>49247.723819999999</v>
      </c>
      <c r="L1919">
        <v>26698.280129999999</v>
      </c>
      <c r="M1919">
        <v>299861.35979999998</v>
      </c>
      <c r="N1919">
        <v>79783.926659999997</v>
      </c>
      <c r="O1919">
        <v>22218.040099999998</v>
      </c>
      <c r="P1919">
        <v>38800.754849999998</v>
      </c>
      <c r="Q1919">
        <v>82645.739310000004</v>
      </c>
      <c r="R1919">
        <v>18868.491610000001</v>
      </c>
      <c r="S1919">
        <v>84109.906019999995</v>
      </c>
      <c r="T1919">
        <v>32130.94858</v>
      </c>
      <c r="U1919">
        <v>16543.92051</v>
      </c>
      <c r="W1919" s="83">
        <f>Bühler!N1951</f>
        <v>45371.874999995351</v>
      </c>
      <c r="X1919" s="83">
        <v>43180.875</v>
      </c>
      <c r="Y1919">
        <v>248327.56469999999</v>
      </c>
      <c r="Z1919">
        <v>17128.244159999998</v>
      </c>
      <c r="AA1919">
        <v>53435.289479999999</v>
      </c>
      <c r="AB1919">
        <v>49169.837319999999</v>
      </c>
      <c r="AC1919">
        <v>40778.226040000001</v>
      </c>
      <c r="AD1919">
        <v>30063.684939999999</v>
      </c>
      <c r="AE1919">
        <v>39617.049659999997</v>
      </c>
      <c r="AF1919">
        <v>49247.723819999999</v>
      </c>
      <c r="AG1919">
        <v>26698.280129999999</v>
      </c>
      <c r="AH1919">
        <v>299861.35979999998</v>
      </c>
      <c r="AI1919">
        <v>79783.926659999997</v>
      </c>
      <c r="AJ1919">
        <v>22218.040099999998</v>
      </c>
      <c r="AK1919">
        <v>38800.754849999998</v>
      </c>
      <c r="AL1919">
        <v>82645.739310000004</v>
      </c>
      <c r="AM1919">
        <v>18868.491610000001</v>
      </c>
      <c r="AN1919">
        <v>84109.906019999995</v>
      </c>
      <c r="AO1919">
        <v>32130.94858</v>
      </c>
      <c r="AP1919">
        <v>16543.92051</v>
      </c>
    </row>
    <row r="1920" spans="2:42" x14ac:dyDescent="0.3">
      <c r="B1920">
        <v>58.315028276907164</v>
      </c>
      <c r="C1920" s="83">
        <v>43180.916666666664</v>
      </c>
      <c r="D1920">
        <v>248465.79060000001</v>
      </c>
      <c r="E1920">
        <v>16421.3308</v>
      </c>
      <c r="F1920">
        <v>50889.906540000004</v>
      </c>
      <c r="G1920">
        <v>46370.005660000003</v>
      </c>
      <c r="H1920">
        <v>40543.95536</v>
      </c>
      <c r="I1920">
        <v>28858.434850000001</v>
      </c>
      <c r="J1920">
        <v>38492.215839999997</v>
      </c>
      <c r="K1920">
        <v>53324.599770000001</v>
      </c>
      <c r="L1920">
        <v>23936.464309999999</v>
      </c>
      <c r="M1920">
        <v>297317.20890000003</v>
      </c>
      <c r="N1920">
        <v>79482.631450000001</v>
      </c>
      <c r="O1920">
        <v>22870.333979999999</v>
      </c>
      <c r="P1920">
        <v>41974.158490000002</v>
      </c>
      <c r="Q1920">
        <v>81702.962620000006</v>
      </c>
      <c r="R1920">
        <v>24557.760160000002</v>
      </c>
      <c r="S1920">
        <v>83216.64559</v>
      </c>
      <c r="T1920">
        <v>28771.278760000001</v>
      </c>
      <c r="U1920">
        <v>17249.899839999998</v>
      </c>
      <c r="W1920" s="83">
        <f>Bühler!N1952</f>
        <v>45371.916666662015</v>
      </c>
      <c r="X1920" s="83">
        <v>43180.916666666664</v>
      </c>
      <c r="Y1920">
        <v>248465.79060000001</v>
      </c>
      <c r="Z1920">
        <v>16421.3308</v>
      </c>
      <c r="AA1920">
        <v>50889.906540000004</v>
      </c>
      <c r="AB1920">
        <v>46370.005660000003</v>
      </c>
      <c r="AC1920">
        <v>40543.95536</v>
      </c>
      <c r="AD1920">
        <v>28858.434850000001</v>
      </c>
      <c r="AE1920">
        <v>38492.215839999997</v>
      </c>
      <c r="AF1920">
        <v>53324.599770000001</v>
      </c>
      <c r="AG1920">
        <v>23936.464309999999</v>
      </c>
      <c r="AH1920">
        <v>297317.20890000003</v>
      </c>
      <c r="AI1920">
        <v>79482.631450000001</v>
      </c>
      <c r="AJ1920">
        <v>22870.333979999999</v>
      </c>
      <c r="AK1920">
        <v>41974.158490000002</v>
      </c>
      <c r="AL1920">
        <v>81702.962620000006</v>
      </c>
      <c r="AM1920">
        <v>24557.760160000002</v>
      </c>
      <c r="AN1920">
        <v>83216.64559</v>
      </c>
      <c r="AO1920">
        <v>28771.278760000001</v>
      </c>
      <c r="AP1920">
        <v>17249.899839999998</v>
      </c>
    </row>
    <row r="1921" spans="2:42" x14ac:dyDescent="0.3">
      <c r="B1921">
        <v>57.765118537005932</v>
      </c>
      <c r="C1921" s="83">
        <v>43180.958333333336</v>
      </c>
      <c r="D1921">
        <v>248702.6893</v>
      </c>
      <c r="E1921">
        <v>15974.29221</v>
      </c>
      <c r="F1921">
        <v>49522.32228</v>
      </c>
      <c r="G1921">
        <v>45380.537559999997</v>
      </c>
      <c r="H1921">
        <v>39565.6895</v>
      </c>
      <c r="I1921">
        <v>26919.47032</v>
      </c>
      <c r="J1921">
        <v>35865.698149999997</v>
      </c>
      <c r="K1921">
        <v>52437.496140000003</v>
      </c>
      <c r="L1921">
        <v>19979.625909999999</v>
      </c>
      <c r="M1921">
        <v>294513.51260000002</v>
      </c>
      <c r="N1921">
        <v>80821.027119999999</v>
      </c>
      <c r="O1921">
        <v>23060.148949999999</v>
      </c>
      <c r="P1921">
        <v>37936.866199999997</v>
      </c>
      <c r="Q1921">
        <v>82242.863639999996</v>
      </c>
      <c r="R1921">
        <v>26521.215619999999</v>
      </c>
      <c r="S1921">
        <v>81499.914820000005</v>
      </c>
      <c r="T1921">
        <v>28747.644270000001</v>
      </c>
      <c r="U1921">
        <v>16489.05341</v>
      </c>
      <c r="W1921" s="83">
        <f>Bühler!N1953</f>
        <v>45371.958333328679</v>
      </c>
      <c r="X1921" s="83">
        <v>43180.958333333336</v>
      </c>
      <c r="Y1921">
        <v>248702.6893</v>
      </c>
      <c r="Z1921">
        <v>15974.29221</v>
      </c>
      <c r="AA1921">
        <v>49522.32228</v>
      </c>
      <c r="AB1921">
        <v>45380.537559999997</v>
      </c>
      <c r="AC1921">
        <v>39565.6895</v>
      </c>
      <c r="AD1921">
        <v>26919.47032</v>
      </c>
      <c r="AE1921">
        <v>35865.698149999997</v>
      </c>
      <c r="AF1921">
        <v>52437.496140000003</v>
      </c>
      <c r="AG1921">
        <v>19979.625909999999</v>
      </c>
      <c r="AH1921">
        <v>294513.51260000002</v>
      </c>
      <c r="AI1921">
        <v>80821.027119999999</v>
      </c>
      <c r="AJ1921">
        <v>23060.148949999999</v>
      </c>
      <c r="AK1921">
        <v>37936.866199999997</v>
      </c>
      <c r="AL1921">
        <v>82242.863639999996</v>
      </c>
      <c r="AM1921">
        <v>26521.215619999999</v>
      </c>
      <c r="AN1921">
        <v>81499.914820000005</v>
      </c>
      <c r="AO1921">
        <v>28747.644270000001</v>
      </c>
      <c r="AP1921">
        <v>16489.05341</v>
      </c>
    </row>
    <row r="1922" spans="2:42" x14ac:dyDescent="0.3">
      <c r="B1922">
        <v>56.035736835013942</v>
      </c>
      <c r="C1922" s="83">
        <v>43181</v>
      </c>
      <c r="D1922">
        <v>247829.73970000001</v>
      </c>
      <c r="E1922">
        <v>15848.98344</v>
      </c>
      <c r="F1922">
        <v>48831.363100000002</v>
      </c>
      <c r="G1922">
        <v>44581.173719999999</v>
      </c>
      <c r="H1922">
        <v>38984.07905</v>
      </c>
      <c r="I1922">
        <v>25499.28429</v>
      </c>
      <c r="J1922">
        <v>33863.87023</v>
      </c>
      <c r="K1922">
        <v>50876.5101</v>
      </c>
      <c r="L1922">
        <v>18207.848419999998</v>
      </c>
      <c r="M1922">
        <v>285696.31819999998</v>
      </c>
      <c r="N1922">
        <v>79935.432239999995</v>
      </c>
      <c r="O1922">
        <v>22755.693500000001</v>
      </c>
      <c r="P1922">
        <v>35108.34547</v>
      </c>
      <c r="Q1922">
        <v>81266.942809999993</v>
      </c>
      <c r="R1922">
        <v>22650.478719999999</v>
      </c>
      <c r="S1922">
        <v>80975.063689999995</v>
      </c>
      <c r="T1922">
        <v>27485.55903</v>
      </c>
      <c r="U1922">
        <v>16843.924940000001</v>
      </c>
      <c r="W1922" s="83">
        <f>Bühler!N1954</f>
        <v>45371.999999995343</v>
      </c>
      <c r="X1922" s="83">
        <v>43181</v>
      </c>
      <c r="Y1922">
        <v>247829.73970000001</v>
      </c>
      <c r="Z1922">
        <v>15848.98344</v>
      </c>
      <c r="AA1922">
        <v>48831.363100000002</v>
      </c>
      <c r="AB1922">
        <v>44581.173719999999</v>
      </c>
      <c r="AC1922">
        <v>38984.07905</v>
      </c>
      <c r="AD1922">
        <v>25499.28429</v>
      </c>
      <c r="AE1922">
        <v>33863.87023</v>
      </c>
      <c r="AF1922">
        <v>50876.5101</v>
      </c>
      <c r="AG1922">
        <v>18207.848419999998</v>
      </c>
      <c r="AH1922">
        <v>285696.31819999998</v>
      </c>
      <c r="AI1922">
        <v>79935.432239999995</v>
      </c>
      <c r="AJ1922">
        <v>22755.693500000001</v>
      </c>
      <c r="AK1922">
        <v>35108.34547</v>
      </c>
      <c r="AL1922">
        <v>81266.942809999993</v>
      </c>
      <c r="AM1922">
        <v>22650.478719999999</v>
      </c>
      <c r="AN1922">
        <v>80975.063689999995</v>
      </c>
      <c r="AO1922">
        <v>27485.55903</v>
      </c>
      <c r="AP1922">
        <v>16843.924940000001</v>
      </c>
    </row>
    <row r="1923" spans="2:42" x14ac:dyDescent="0.3">
      <c r="B1923">
        <v>57.108295999521928</v>
      </c>
      <c r="C1923" s="83">
        <v>43181.041666666664</v>
      </c>
      <c r="D1923">
        <v>246317.63510000001</v>
      </c>
      <c r="E1923">
        <v>15675.976619999999</v>
      </c>
      <c r="F1923">
        <v>48721.015200000002</v>
      </c>
      <c r="G1923">
        <v>44149.919589999998</v>
      </c>
      <c r="H1923">
        <v>39006.037810000002</v>
      </c>
      <c r="I1923">
        <v>20354.917750000001</v>
      </c>
      <c r="J1923">
        <v>32705.974969999999</v>
      </c>
      <c r="K1923">
        <v>49038.151389999999</v>
      </c>
      <c r="L1923">
        <v>17540.189439999998</v>
      </c>
      <c r="M1923">
        <v>291164.72499999998</v>
      </c>
      <c r="N1923">
        <v>79448.691290000002</v>
      </c>
      <c r="O1923">
        <v>22902.20637</v>
      </c>
      <c r="P1923">
        <v>33465.107250000001</v>
      </c>
      <c r="Q1923">
        <v>81478.008839999995</v>
      </c>
      <c r="R1923">
        <v>21238.428739999999</v>
      </c>
      <c r="S1923">
        <v>80588.611860000005</v>
      </c>
      <c r="T1923">
        <v>26725.024710000002</v>
      </c>
      <c r="U1923">
        <v>17021.327979999998</v>
      </c>
      <c r="W1923" s="83">
        <f>Bühler!N1955</f>
        <v>45372.041666662008</v>
      </c>
      <c r="X1923" s="83">
        <v>43181.041666666664</v>
      </c>
      <c r="Y1923">
        <v>246317.63510000001</v>
      </c>
      <c r="Z1923">
        <v>15675.976619999999</v>
      </c>
      <c r="AA1923">
        <v>48721.015200000002</v>
      </c>
      <c r="AB1923">
        <v>44149.919589999998</v>
      </c>
      <c r="AC1923">
        <v>39006.037810000002</v>
      </c>
      <c r="AD1923">
        <v>20354.917750000001</v>
      </c>
      <c r="AE1923">
        <v>32705.974969999999</v>
      </c>
      <c r="AF1923">
        <v>49038.151389999999</v>
      </c>
      <c r="AG1923">
        <v>17540.189439999998</v>
      </c>
      <c r="AH1923">
        <v>291164.72499999998</v>
      </c>
      <c r="AI1923">
        <v>79448.691290000002</v>
      </c>
      <c r="AJ1923">
        <v>22902.20637</v>
      </c>
      <c r="AK1923">
        <v>33465.107250000001</v>
      </c>
      <c r="AL1923">
        <v>81478.008839999995</v>
      </c>
      <c r="AM1923">
        <v>21238.428739999999</v>
      </c>
      <c r="AN1923">
        <v>80588.611860000005</v>
      </c>
      <c r="AO1923">
        <v>26725.024710000002</v>
      </c>
      <c r="AP1923">
        <v>17021.327979999998</v>
      </c>
    </row>
    <row r="1924" spans="2:42" x14ac:dyDescent="0.3">
      <c r="B1924">
        <v>57.594315055803392</v>
      </c>
      <c r="C1924" s="83">
        <v>43181.083333333336</v>
      </c>
      <c r="D1924">
        <v>244568.12760000001</v>
      </c>
      <c r="E1924">
        <v>15742.869060000001</v>
      </c>
      <c r="F1924">
        <v>49419.458259999999</v>
      </c>
      <c r="G1924">
        <v>43831.504979999998</v>
      </c>
      <c r="H1924">
        <v>38503.496780000001</v>
      </c>
      <c r="I1924">
        <v>18596.392390000001</v>
      </c>
      <c r="J1924">
        <v>33154.236830000002</v>
      </c>
      <c r="K1924">
        <v>48062.133670000003</v>
      </c>
      <c r="L1924">
        <v>17385.320380000001</v>
      </c>
      <c r="M1924">
        <v>293642.67680000002</v>
      </c>
      <c r="N1924">
        <v>78949.081149999998</v>
      </c>
      <c r="O1924">
        <v>22664.633330000001</v>
      </c>
      <c r="P1924">
        <v>31898.393619999999</v>
      </c>
      <c r="Q1924">
        <v>84122.678190000006</v>
      </c>
      <c r="R1924">
        <v>22254.601030000002</v>
      </c>
      <c r="S1924">
        <v>79443.327139999994</v>
      </c>
      <c r="T1924">
        <v>26228.096979999998</v>
      </c>
      <c r="U1924">
        <v>16974.343659999999</v>
      </c>
      <c r="W1924" s="83">
        <f>Bühler!N1956</f>
        <v>45372.083333328672</v>
      </c>
      <c r="X1924" s="83">
        <v>43181.083333333336</v>
      </c>
      <c r="Y1924">
        <v>244568.12760000001</v>
      </c>
      <c r="Z1924">
        <v>15742.869060000001</v>
      </c>
      <c r="AA1924">
        <v>49419.458259999999</v>
      </c>
      <c r="AB1924">
        <v>43831.504979999998</v>
      </c>
      <c r="AC1924">
        <v>38503.496780000001</v>
      </c>
      <c r="AD1924">
        <v>18596.392390000001</v>
      </c>
      <c r="AE1924">
        <v>33154.236830000002</v>
      </c>
      <c r="AF1924">
        <v>48062.133670000003</v>
      </c>
      <c r="AG1924">
        <v>17385.320380000001</v>
      </c>
      <c r="AH1924">
        <v>293642.67680000002</v>
      </c>
      <c r="AI1924">
        <v>78949.081149999998</v>
      </c>
      <c r="AJ1924">
        <v>22664.633330000001</v>
      </c>
      <c r="AK1924">
        <v>31898.393619999999</v>
      </c>
      <c r="AL1924">
        <v>84122.678190000006</v>
      </c>
      <c r="AM1924">
        <v>22254.601030000002</v>
      </c>
      <c r="AN1924">
        <v>79443.327139999994</v>
      </c>
      <c r="AO1924">
        <v>26228.096979999998</v>
      </c>
      <c r="AP1924">
        <v>16974.343659999999</v>
      </c>
    </row>
    <row r="1925" spans="2:42" x14ac:dyDescent="0.3">
      <c r="B1925">
        <v>57.497413543296688</v>
      </c>
      <c r="C1925" s="83">
        <v>43181.125</v>
      </c>
      <c r="D1925">
        <v>247550.8665</v>
      </c>
      <c r="E1925">
        <v>15934.4403</v>
      </c>
      <c r="F1925">
        <v>51102.013189999998</v>
      </c>
      <c r="G1925">
        <v>43291.538410000001</v>
      </c>
      <c r="H1925">
        <v>38712.622430000003</v>
      </c>
      <c r="I1925">
        <v>18720.104159999999</v>
      </c>
      <c r="J1925">
        <v>34047.704830000002</v>
      </c>
      <c r="K1925">
        <v>46641.177710000004</v>
      </c>
      <c r="L1925">
        <v>17546.694640000002</v>
      </c>
      <c r="M1925">
        <v>293148.62770000001</v>
      </c>
      <c r="N1925">
        <v>77878.213640000002</v>
      </c>
      <c r="O1925">
        <v>23379.355070000001</v>
      </c>
      <c r="P1925">
        <v>31271.457750000001</v>
      </c>
      <c r="Q1925">
        <v>86390.502989999994</v>
      </c>
      <c r="R1925">
        <v>22500.255109999998</v>
      </c>
      <c r="S1925">
        <v>78510.132710000005</v>
      </c>
      <c r="T1925">
        <v>26288.893919999999</v>
      </c>
      <c r="U1925">
        <v>17314.635249999999</v>
      </c>
      <c r="W1925" s="83">
        <f>Bühler!N1957</f>
        <v>45372.124999995336</v>
      </c>
      <c r="X1925" s="83">
        <v>43181.125</v>
      </c>
      <c r="Y1925">
        <v>247550.8665</v>
      </c>
      <c r="Z1925">
        <v>15934.4403</v>
      </c>
      <c r="AA1925">
        <v>51102.013189999998</v>
      </c>
      <c r="AB1925">
        <v>43291.538410000001</v>
      </c>
      <c r="AC1925">
        <v>38712.622430000003</v>
      </c>
      <c r="AD1925">
        <v>18720.104159999999</v>
      </c>
      <c r="AE1925">
        <v>34047.704830000002</v>
      </c>
      <c r="AF1925">
        <v>46641.177710000004</v>
      </c>
      <c r="AG1925">
        <v>17546.694640000002</v>
      </c>
      <c r="AH1925">
        <v>293148.62770000001</v>
      </c>
      <c r="AI1925">
        <v>77878.213640000002</v>
      </c>
      <c r="AJ1925">
        <v>23379.355070000001</v>
      </c>
      <c r="AK1925">
        <v>31271.457750000001</v>
      </c>
      <c r="AL1925">
        <v>86390.502989999994</v>
      </c>
      <c r="AM1925">
        <v>22500.255109999998</v>
      </c>
      <c r="AN1925">
        <v>78510.132710000005</v>
      </c>
      <c r="AO1925">
        <v>26288.893919999999</v>
      </c>
      <c r="AP1925">
        <v>17314.635249999999</v>
      </c>
    </row>
    <row r="1926" spans="2:42" x14ac:dyDescent="0.3">
      <c r="B1926">
        <v>58.812834485631974</v>
      </c>
      <c r="C1926" s="83">
        <v>43181.166666666664</v>
      </c>
      <c r="D1926">
        <v>250675.024</v>
      </c>
      <c r="E1926">
        <v>16413.492719999998</v>
      </c>
      <c r="F1926">
        <v>54917.597199999997</v>
      </c>
      <c r="G1926">
        <v>43218.872869999999</v>
      </c>
      <c r="H1926">
        <v>39717.45306</v>
      </c>
      <c r="I1926">
        <v>21682.111669999998</v>
      </c>
      <c r="J1926">
        <v>36021.751920000002</v>
      </c>
      <c r="K1926">
        <v>45047.632830000002</v>
      </c>
      <c r="L1926">
        <v>17774.553950000001</v>
      </c>
      <c r="M1926">
        <v>299855.25709999999</v>
      </c>
      <c r="N1926">
        <v>75383.545469999997</v>
      </c>
      <c r="O1926">
        <v>24294.756399999998</v>
      </c>
      <c r="P1926">
        <v>31174.80154</v>
      </c>
      <c r="Q1926">
        <v>90754.986420000001</v>
      </c>
      <c r="R1926">
        <v>22770.631140000001</v>
      </c>
      <c r="S1926">
        <v>79671.985190000007</v>
      </c>
      <c r="T1926">
        <v>26291.64878</v>
      </c>
      <c r="U1926">
        <v>18163.534459999999</v>
      </c>
      <c r="W1926" s="83">
        <f>Bühler!N1958</f>
        <v>45372.166666662</v>
      </c>
      <c r="X1926" s="83">
        <v>43181.166666666664</v>
      </c>
      <c r="Y1926">
        <v>250675.024</v>
      </c>
      <c r="Z1926">
        <v>16413.492719999998</v>
      </c>
      <c r="AA1926">
        <v>54917.597199999997</v>
      </c>
      <c r="AB1926">
        <v>43218.872869999999</v>
      </c>
      <c r="AC1926">
        <v>39717.45306</v>
      </c>
      <c r="AD1926">
        <v>21682.111669999998</v>
      </c>
      <c r="AE1926">
        <v>36021.751920000002</v>
      </c>
      <c r="AF1926">
        <v>45047.632830000002</v>
      </c>
      <c r="AG1926">
        <v>17774.553950000001</v>
      </c>
      <c r="AH1926">
        <v>299855.25709999999</v>
      </c>
      <c r="AI1926">
        <v>75383.545469999997</v>
      </c>
      <c r="AJ1926">
        <v>24294.756399999998</v>
      </c>
      <c r="AK1926">
        <v>31174.80154</v>
      </c>
      <c r="AL1926">
        <v>90754.986420000001</v>
      </c>
      <c r="AM1926">
        <v>22770.631140000001</v>
      </c>
      <c r="AN1926">
        <v>79671.985190000007</v>
      </c>
      <c r="AO1926">
        <v>26291.64878</v>
      </c>
      <c r="AP1926">
        <v>18163.534459999999</v>
      </c>
    </row>
    <row r="1927" spans="2:42" x14ac:dyDescent="0.3">
      <c r="B1927">
        <v>62.18806008208054</v>
      </c>
      <c r="C1927" s="83">
        <v>43181.208333333336</v>
      </c>
      <c r="D1927">
        <v>265776.14779999998</v>
      </c>
      <c r="E1927">
        <v>18398.892199999998</v>
      </c>
      <c r="F1927">
        <v>66033.821909999999</v>
      </c>
      <c r="G1927">
        <v>46750.220130000002</v>
      </c>
      <c r="H1927">
        <v>42006.834669999997</v>
      </c>
      <c r="I1927">
        <v>31298.56076</v>
      </c>
      <c r="J1927">
        <v>38891.680610000003</v>
      </c>
      <c r="K1927">
        <v>45926.83599</v>
      </c>
      <c r="L1927">
        <v>18980.370869999999</v>
      </c>
      <c r="M1927">
        <v>317063.73119999998</v>
      </c>
      <c r="N1927">
        <v>76915.407829999996</v>
      </c>
      <c r="O1927">
        <v>24810.191129999999</v>
      </c>
      <c r="P1927">
        <v>32732.360690000001</v>
      </c>
      <c r="Q1927">
        <v>94176.44786</v>
      </c>
      <c r="R1927">
        <v>25637.415969999998</v>
      </c>
      <c r="S1927">
        <v>83212.070739999996</v>
      </c>
      <c r="T1927">
        <v>28032.076860000001</v>
      </c>
      <c r="U1927">
        <v>20091.26021</v>
      </c>
      <c r="W1927" s="83">
        <f>Bühler!N1959</f>
        <v>45372.208333328665</v>
      </c>
      <c r="X1927" s="83">
        <v>43181.208333333336</v>
      </c>
      <c r="Y1927">
        <v>265776.14779999998</v>
      </c>
      <c r="Z1927">
        <v>18398.892199999998</v>
      </c>
      <c r="AA1927">
        <v>66033.821909999999</v>
      </c>
      <c r="AB1927">
        <v>46750.220130000002</v>
      </c>
      <c r="AC1927">
        <v>42006.834669999997</v>
      </c>
      <c r="AD1927">
        <v>31298.56076</v>
      </c>
      <c r="AE1927">
        <v>38891.680610000003</v>
      </c>
      <c r="AF1927">
        <v>45926.83599</v>
      </c>
      <c r="AG1927">
        <v>18980.370869999999</v>
      </c>
      <c r="AH1927">
        <v>317063.73119999998</v>
      </c>
      <c r="AI1927">
        <v>76915.407829999996</v>
      </c>
      <c r="AJ1927">
        <v>24810.191129999999</v>
      </c>
      <c r="AK1927">
        <v>32732.360690000001</v>
      </c>
      <c r="AL1927">
        <v>94176.44786</v>
      </c>
      <c r="AM1927">
        <v>25637.415969999998</v>
      </c>
      <c r="AN1927">
        <v>83212.070739999996</v>
      </c>
      <c r="AO1927">
        <v>28032.076860000001</v>
      </c>
      <c r="AP1927">
        <v>20091.26021</v>
      </c>
    </row>
    <row r="1928" spans="2:42" x14ac:dyDescent="0.3">
      <c r="B1928">
        <v>66.006599049336415</v>
      </c>
      <c r="C1928" s="83">
        <v>43181.25</v>
      </c>
      <c r="D1928">
        <v>282107.73430000001</v>
      </c>
      <c r="E1928">
        <v>22674.752649999999</v>
      </c>
      <c r="F1928">
        <v>77107.126220000006</v>
      </c>
      <c r="G1928">
        <v>60769.087440000003</v>
      </c>
      <c r="H1928">
        <v>45734.701679999998</v>
      </c>
      <c r="I1928">
        <v>41658.805330000003</v>
      </c>
      <c r="J1928">
        <v>42780.436829999999</v>
      </c>
      <c r="K1928">
        <v>49472.503900000003</v>
      </c>
      <c r="L1928">
        <v>20821.38161</v>
      </c>
      <c r="M1928">
        <v>336532.42359999998</v>
      </c>
      <c r="N1928">
        <v>81441.056509999995</v>
      </c>
      <c r="O1928">
        <v>26304.932519999998</v>
      </c>
      <c r="P1928">
        <v>32961.126179999999</v>
      </c>
      <c r="Q1928">
        <v>96028.948099999994</v>
      </c>
      <c r="R1928">
        <v>19511.826840000002</v>
      </c>
      <c r="S1928">
        <v>90789.957349999997</v>
      </c>
      <c r="T1928">
        <v>31337.704839999999</v>
      </c>
      <c r="U1928">
        <v>22870.314620000001</v>
      </c>
      <c r="W1928" s="83">
        <f>Bühler!N1960</f>
        <v>45372.249999995329</v>
      </c>
      <c r="X1928" s="83">
        <v>43181.25</v>
      </c>
      <c r="Y1928">
        <v>282107.73430000001</v>
      </c>
      <c r="Z1928">
        <v>22674.752649999999</v>
      </c>
      <c r="AA1928">
        <v>77107.126220000006</v>
      </c>
      <c r="AB1928">
        <v>60769.087440000003</v>
      </c>
      <c r="AC1928">
        <v>45734.701679999998</v>
      </c>
      <c r="AD1928">
        <v>41658.805330000003</v>
      </c>
      <c r="AE1928">
        <v>42780.436829999999</v>
      </c>
      <c r="AF1928">
        <v>49472.503900000003</v>
      </c>
      <c r="AG1928">
        <v>20821.38161</v>
      </c>
      <c r="AH1928">
        <v>336532.42359999998</v>
      </c>
      <c r="AI1928">
        <v>81441.056509999995</v>
      </c>
      <c r="AJ1928">
        <v>26304.932519999998</v>
      </c>
      <c r="AK1928">
        <v>32961.126179999999</v>
      </c>
      <c r="AL1928">
        <v>96028.948099999994</v>
      </c>
      <c r="AM1928">
        <v>19511.826840000002</v>
      </c>
      <c r="AN1928">
        <v>90789.957349999997</v>
      </c>
      <c r="AO1928">
        <v>31337.704839999999</v>
      </c>
      <c r="AP1928">
        <v>22870.314620000001</v>
      </c>
    </row>
    <row r="1929" spans="2:42" x14ac:dyDescent="0.3">
      <c r="B1929">
        <v>67.164215870581572</v>
      </c>
      <c r="C1929" s="83">
        <v>43181.291666666664</v>
      </c>
      <c r="D1929">
        <v>295228.86359999998</v>
      </c>
      <c r="E1929">
        <v>27349.666860000001</v>
      </c>
      <c r="F1929">
        <v>79416.758809999999</v>
      </c>
      <c r="G1929">
        <v>73242.094299999997</v>
      </c>
      <c r="H1929">
        <v>49631.08597</v>
      </c>
      <c r="I1929">
        <v>51148.57346</v>
      </c>
      <c r="J1929">
        <v>43410.846039999997</v>
      </c>
      <c r="K1929">
        <v>55016.802880000003</v>
      </c>
      <c r="L1929">
        <v>23597.371650000001</v>
      </c>
      <c r="M1929">
        <v>342434.49400000001</v>
      </c>
      <c r="N1929">
        <v>88407.065310000005</v>
      </c>
      <c r="O1929">
        <v>27916.761060000001</v>
      </c>
      <c r="P1929">
        <v>36870.124239999997</v>
      </c>
      <c r="Q1929">
        <v>95274.517229999998</v>
      </c>
      <c r="R1929">
        <v>19851.19414</v>
      </c>
      <c r="S1929">
        <v>104753.77989999999</v>
      </c>
      <c r="T1929">
        <v>32476.705180000001</v>
      </c>
      <c r="U1929">
        <v>26533.624059999998</v>
      </c>
      <c r="W1929" s="83">
        <f>Bühler!N1961</f>
        <v>45372.291666661993</v>
      </c>
      <c r="X1929" s="83">
        <v>43181.291666666664</v>
      </c>
      <c r="Y1929">
        <v>295228.86359999998</v>
      </c>
      <c r="Z1929">
        <v>27349.666860000001</v>
      </c>
      <c r="AA1929">
        <v>79416.758809999999</v>
      </c>
      <c r="AB1929">
        <v>73242.094299999997</v>
      </c>
      <c r="AC1929">
        <v>49631.08597</v>
      </c>
      <c r="AD1929">
        <v>51148.57346</v>
      </c>
      <c r="AE1929">
        <v>43410.846039999997</v>
      </c>
      <c r="AF1929">
        <v>55016.802880000003</v>
      </c>
      <c r="AG1929">
        <v>23597.371650000001</v>
      </c>
      <c r="AH1929">
        <v>342434.49400000001</v>
      </c>
      <c r="AI1929">
        <v>88407.065310000005</v>
      </c>
      <c r="AJ1929">
        <v>27916.761060000001</v>
      </c>
      <c r="AK1929">
        <v>36870.124239999997</v>
      </c>
      <c r="AL1929">
        <v>95274.517229999998</v>
      </c>
      <c r="AM1929">
        <v>19851.19414</v>
      </c>
      <c r="AN1929">
        <v>104753.77989999999</v>
      </c>
      <c r="AO1929">
        <v>32476.705180000001</v>
      </c>
      <c r="AP1929">
        <v>26533.624059999998</v>
      </c>
    </row>
    <row r="1930" spans="2:42" x14ac:dyDescent="0.3">
      <c r="B1930">
        <v>67.938827750923053</v>
      </c>
      <c r="C1930" s="83">
        <v>43181.333333333336</v>
      </c>
      <c r="D1930">
        <v>306204.91529999999</v>
      </c>
      <c r="E1930">
        <v>33282.408779999998</v>
      </c>
      <c r="F1930">
        <v>86673.299660000004</v>
      </c>
      <c r="G1930">
        <v>87344.531870000006</v>
      </c>
      <c r="H1930">
        <v>55299.73732</v>
      </c>
      <c r="I1930">
        <v>53964.780220000001</v>
      </c>
      <c r="J1930">
        <v>44791.46658</v>
      </c>
      <c r="K1930">
        <v>60746.285109999997</v>
      </c>
      <c r="L1930">
        <v>26493.223470000001</v>
      </c>
      <c r="M1930">
        <v>346383.82659999997</v>
      </c>
      <c r="N1930">
        <v>95428.938649999996</v>
      </c>
      <c r="O1930">
        <v>28967.128990000001</v>
      </c>
      <c r="P1930">
        <v>38347.629300000001</v>
      </c>
      <c r="Q1930">
        <v>95943.430940000006</v>
      </c>
      <c r="R1930">
        <v>22867.63481</v>
      </c>
      <c r="S1930">
        <v>118151.62609999999</v>
      </c>
      <c r="T1930">
        <v>35553.297380000004</v>
      </c>
      <c r="U1930">
        <v>30237.469150000001</v>
      </c>
      <c r="W1930" s="83">
        <f>Bühler!N1962</f>
        <v>45372.333333328657</v>
      </c>
      <c r="X1930" s="83">
        <v>43181.333333333336</v>
      </c>
      <c r="Y1930">
        <v>306204.91529999999</v>
      </c>
      <c r="Z1930">
        <v>33282.408779999998</v>
      </c>
      <c r="AA1930">
        <v>86673.299660000004</v>
      </c>
      <c r="AB1930">
        <v>87344.531870000006</v>
      </c>
      <c r="AC1930">
        <v>55299.73732</v>
      </c>
      <c r="AD1930">
        <v>53964.780220000001</v>
      </c>
      <c r="AE1930">
        <v>44791.46658</v>
      </c>
      <c r="AF1930">
        <v>60746.285109999997</v>
      </c>
      <c r="AG1930">
        <v>26493.223470000001</v>
      </c>
      <c r="AH1930">
        <v>346383.82659999997</v>
      </c>
      <c r="AI1930">
        <v>95428.938649999996</v>
      </c>
      <c r="AJ1930">
        <v>28967.128990000001</v>
      </c>
      <c r="AK1930">
        <v>38347.629300000001</v>
      </c>
      <c r="AL1930">
        <v>95943.430940000006</v>
      </c>
      <c r="AM1930">
        <v>22867.63481</v>
      </c>
      <c r="AN1930">
        <v>118151.62609999999</v>
      </c>
      <c r="AO1930">
        <v>35553.297380000004</v>
      </c>
      <c r="AP1930">
        <v>30237.469150000001</v>
      </c>
    </row>
    <row r="1931" spans="2:42" x14ac:dyDescent="0.3">
      <c r="B1931">
        <v>67.714361642245947</v>
      </c>
      <c r="C1931" s="83">
        <v>43181.375</v>
      </c>
      <c r="D1931">
        <v>308084.9375</v>
      </c>
      <c r="E1931">
        <v>37872.857300000003</v>
      </c>
      <c r="F1931">
        <v>93941.246140000003</v>
      </c>
      <c r="G1931">
        <v>96953.131150000001</v>
      </c>
      <c r="H1931">
        <v>57640.870949999997</v>
      </c>
      <c r="I1931">
        <v>49928.092989999997</v>
      </c>
      <c r="J1931">
        <v>44777.145040000003</v>
      </c>
      <c r="K1931">
        <v>62652.826359999999</v>
      </c>
      <c r="L1931">
        <v>29523.86606</v>
      </c>
      <c r="M1931">
        <v>345239.39370000002</v>
      </c>
      <c r="N1931">
        <v>105305.9552</v>
      </c>
      <c r="O1931">
        <v>29621.134030000001</v>
      </c>
      <c r="P1931">
        <v>39606.364479999997</v>
      </c>
      <c r="Q1931">
        <v>95933.912549999994</v>
      </c>
      <c r="R1931">
        <v>25333.560809999999</v>
      </c>
      <c r="S1931">
        <v>124314.2598</v>
      </c>
      <c r="T1931">
        <v>38147.630799999999</v>
      </c>
      <c r="U1931">
        <v>29752.9359</v>
      </c>
      <c r="W1931" s="83">
        <f>Bühler!N1963</f>
        <v>45372.374999995322</v>
      </c>
      <c r="X1931" s="83">
        <v>43181.375</v>
      </c>
      <c r="Y1931">
        <v>308084.9375</v>
      </c>
      <c r="Z1931">
        <v>37872.857300000003</v>
      </c>
      <c r="AA1931">
        <v>93941.246140000003</v>
      </c>
      <c r="AB1931">
        <v>96953.131150000001</v>
      </c>
      <c r="AC1931">
        <v>57640.870949999997</v>
      </c>
      <c r="AD1931">
        <v>49928.092989999997</v>
      </c>
      <c r="AE1931">
        <v>44777.145040000003</v>
      </c>
      <c r="AF1931">
        <v>62652.826359999999</v>
      </c>
      <c r="AG1931">
        <v>29523.86606</v>
      </c>
      <c r="AH1931">
        <v>345239.39370000002</v>
      </c>
      <c r="AI1931">
        <v>105305.9552</v>
      </c>
      <c r="AJ1931">
        <v>29621.134030000001</v>
      </c>
      <c r="AK1931">
        <v>39606.364479999997</v>
      </c>
      <c r="AL1931">
        <v>95933.912549999994</v>
      </c>
      <c r="AM1931">
        <v>25333.560809999999</v>
      </c>
      <c r="AN1931">
        <v>124314.2598</v>
      </c>
      <c r="AO1931">
        <v>38147.630799999999</v>
      </c>
      <c r="AP1931">
        <v>29752.9359</v>
      </c>
    </row>
    <row r="1932" spans="2:42" x14ac:dyDescent="0.3">
      <c r="B1932">
        <v>68.625056739277625</v>
      </c>
      <c r="C1932" s="83">
        <v>43181.416666666664</v>
      </c>
      <c r="D1932">
        <v>309021.87449999998</v>
      </c>
      <c r="E1932">
        <v>39191.633549999999</v>
      </c>
      <c r="F1932">
        <v>95401.035279999996</v>
      </c>
      <c r="G1932">
        <v>97792.396760000003</v>
      </c>
      <c r="H1932">
        <v>57794.05788</v>
      </c>
      <c r="I1932">
        <v>46571.120519999997</v>
      </c>
      <c r="J1932">
        <v>43290.696750000003</v>
      </c>
      <c r="K1932">
        <v>64590.400170000001</v>
      </c>
      <c r="L1932">
        <v>31809.262330000001</v>
      </c>
      <c r="M1932">
        <v>349882.54200000002</v>
      </c>
      <c r="N1932">
        <v>110349.7107</v>
      </c>
      <c r="O1932">
        <v>30539.346560000002</v>
      </c>
      <c r="P1932">
        <v>39817.522949999999</v>
      </c>
      <c r="Q1932">
        <v>95723.494699999996</v>
      </c>
      <c r="R1932">
        <v>25755.91488</v>
      </c>
      <c r="S1932">
        <v>124155.4185</v>
      </c>
      <c r="T1932">
        <v>39413.760450000002</v>
      </c>
      <c r="U1932">
        <v>29445.494630000001</v>
      </c>
      <c r="W1932" s="83">
        <f>Bühler!N1964</f>
        <v>45372.416666661986</v>
      </c>
      <c r="X1932" s="83">
        <v>43181.416666666664</v>
      </c>
      <c r="Y1932">
        <v>309021.87449999998</v>
      </c>
      <c r="Z1932">
        <v>39191.633549999999</v>
      </c>
      <c r="AA1932">
        <v>95401.035279999996</v>
      </c>
      <c r="AB1932">
        <v>97792.396760000003</v>
      </c>
      <c r="AC1932">
        <v>57794.05788</v>
      </c>
      <c r="AD1932">
        <v>46571.120519999997</v>
      </c>
      <c r="AE1932">
        <v>43290.696750000003</v>
      </c>
      <c r="AF1932">
        <v>64590.400170000001</v>
      </c>
      <c r="AG1932">
        <v>31809.262330000001</v>
      </c>
      <c r="AH1932">
        <v>349882.54200000002</v>
      </c>
      <c r="AI1932">
        <v>110349.7107</v>
      </c>
      <c r="AJ1932">
        <v>30539.346560000002</v>
      </c>
      <c r="AK1932">
        <v>39817.522949999999</v>
      </c>
      <c r="AL1932">
        <v>95723.494699999996</v>
      </c>
      <c r="AM1932">
        <v>25755.91488</v>
      </c>
      <c r="AN1932">
        <v>124155.4185</v>
      </c>
      <c r="AO1932">
        <v>39413.760450000002</v>
      </c>
      <c r="AP1932">
        <v>29445.494630000001</v>
      </c>
    </row>
    <row r="1933" spans="2:42" x14ac:dyDescent="0.3">
      <c r="B1933">
        <v>69.259199240796988</v>
      </c>
      <c r="C1933" s="83">
        <v>43181.458333333336</v>
      </c>
      <c r="D1933">
        <v>309459.2132</v>
      </c>
      <c r="E1933">
        <v>38961.999559999997</v>
      </c>
      <c r="F1933">
        <v>95749.395139999993</v>
      </c>
      <c r="G1933">
        <v>95874.747700000007</v>
      </c>
      <c r="H1933">
        <v>57307.463739999999</v>
      </c>
      <c r="I1933">
        <v>45926.751759999999</v>
      </c>
      <c r="J1933">
        <v>43093.562790000004</v>
      </c>
      <c r="K1933">
        <v>63899.709840000003</v>
      </c>
      <c r="L1933">
        <v>33093.908320000002</v>
      </c>
      <c r="M1933">
        <v>353115.69620000001</v>
      </c>
      <c r="N1933">
        <v>107969.084</v>
      </c>
      <c r="O1933">
        <v>29757.28572</v>
      </c>
      <c r="P1933">
        <v>37804.978810000001</v>
      </c>
      <c r="Q1933">
        <v>95688.500360000005</v>
      </c>
      <c r="R1933">
        <v>27547.55401</v>
      </c>
      <c r="S1933">
        <v>125955.664</v>
      </c>
      <c r="T1933">
        <v>39122.731760000002</v>
      </c>
      <c r="U1933">
        <v>27940.834490000001</v>
      </c>
      <c r="W1933" s="83">
        <f>Bühler!N1965</f>
        <v>45372.45833332865</v>
      </c>
      <c r="X1933" s="83">
        <v>43181.458333333336</v>
      </c>
      <c r="Y1933">
        <v>309459.2132</v>
      </c>
      <c r="Z1933">
        <v>38961.999559999997</v>
      </c>
      <c r="AA1933">
        <v>95749.395139999993</v>
      </c>
      <c r="AB1933">
        <v>95874.747700000007</v>
      </c>
      <c r="AC1933">
        <v>57307.463739999999</v>
      </c>
      <c r="AD1933">
        <v>45926.751759999999</v>
      </c>
      <c r="AE1933">
        <v>43093.562790000004</v>
      </c>
      <c r="AF1933">
        <v>63899.709840000003</v>
      </c>
      <c r="AG1933">
        <v>33093.908320000002</v>
      </c>
      <c r="AH1933">
        <v>353115.69620000001</v>
      </c>
      <c r="AI1933">
        <v>107969.084</v>
      </c>
      <c r="AJ1933">
        <v>29757.28572</v>
      </c>
      <c r="AK1933">
        <v>37804.978810000001</v>
      </c>
      <c r="AL1933">
        <v>95688.500360000005</v>
      </c>
      <c r="AM1933">
        <v>27547.55401</v>
      </c>
      <c r="AN1933">
        <v>125955.664</v>
      </c>
      <c r="AO1933">
        <v>39122.731760000002</v>
      </c>
      <c r="AP1933">
        <v>27940.834490000001</v>
      </c>
    </row>
    <row r="1934" spans="2:42" x14ac:dyDescent="0.3">
      <c r="B1934">
        <v>67.713873711202936</v>
      </c>
      <c r="C1934" s="83">
        <v>43181.5</v>
      </c>
      <c r="D1934">
        <v>294376.72009999998</v>
      </c>
      <c r="E1934">
        <v>34832.840909999999</v>
      </c>
      <c r="F1934">
        <v>93585.973729999998</v>
      </c>
      <c r="G1934">
        <v>93761.467059999995</v>
      </c>
      <c r="H1934">
        <v>54196.979160000003</v>
      </c>
      <c r="I1934">
        <v>42710.023220000003</v>
      </c>
      <c r="J1934">
        <v>42798.825779999999</v>
      </c>
      <c r="K1934">
        <v>59881.805710000001</v>
      </c>
      <c r="L1934">
        <v>35859.223760000001</v>
      </c>
      <c r="M1934">
        <v>345236.90600000002</v>
      </c>
      <c r="N1934">
        <v>101177.8631</v>
      </c>
      <c r="O1934">
        <v>27934.449420000001</v>
      </c>
      <c r="P1934">
        <v>40602.520519999998</v>
      </c>
      <c r="Q1934">
        <v>95281.127189999999</v>
      </c>
      <c r="R1934">
        <v>26102.683379999999</v>
      </c>
      <c r="S1934">
        <v>118385.3686</v>
      </c>
      <c r="T1934">
        <v>39341.822249999997</v>
      </c>
      <c r="U1934">
        <v>23639.543600000001</v>
      </c>
      <c r="W1934" s="83">
        <f>Bühler!N1966</f>
        <v>45372.499999995314</v>
      </c>
      <c r="X1934" s="83">
        <v>43181.5</v>
      </c>
      <c r="Y1934">
        <v>294376.72009999998</v>
      </c>
      <c r="Z1934">
        <v>34832.840909999999</v>
      </c>
      <c r="AA1934">
        <v>93585.973729999998</v>
      </c>
      <c r="AB1934">
        <v>93761.467059999995</v>
      </c>
      <c r="AC1934">
        <v>54196.979160000003</v>
      </c>
      <c r="AD1934">
        <v>42710.023220000003</v>
      </c>
      <c r="AE1934">
        <v>42798.825779999999</v>
      </c>
      <c r="AF1934">
        <v>59881.805710000001</v>
      </c>
      <c r="AG1934">
        <v>35859.223760000001</v>
      </c>
      <c r="AH1934">
        <v>345236.90600000002</v>
      </c>
      <c r="AI1934">
        <v>101177.8631</v>
      </c>
      <c r="AJ1934">
        <v>27934.449420000001</v>
      </c>
      <c r="AK1934">
        <v>40602.520519999998</v>
      </c>
      <c r="AL1934">
        <v>95281.127189999999</v>
      </c>
      <c r="AM1934">
        <v>26102.683379999999</v>
      </c>
      <c r="AN1934">
        <v>118385.3686</v>
      </c>
      <c r="AO1934">
        <v>39341.822249999997</v>
      </c>
      <c r="AP1934">
        <v>23639.543600000001</v>
      </c>
    </row>
    <row r="1935" spans="2:42" x14ac:dyDescent="0.3">
      <c r="B1935">
        <v>67.175184208165717</v>
      </c>
      <c r="C1935" s="83">
        <v>43181.541666666664</v>
      </c>
      <c r="D1935">
        <v>295144.39610000001</v>
      </c>
      <c r="E1935">
        <v>34466.6967</v>
      </c>
      <c r="F1935">
        <v>91556.156870000006</v>
      </c>
      <c r="G1935">
        <v>90137.168160000001</v>
      </c>
      <c r="H1935">
        <v>55217.633240000003</v>
      </c>
      <c r="I1935">
        <v>42260.849459999998</v>
      </c>
      <c r="J1935">
        <v>41435.873010000003</v>
      </c>
      <c r="K1935">
        <v>62700.263919999998</v>
      </c>
      <c r="L1935">
        <v>34458.071199999998</v>
      </c>
      <c r="M1935">
        <v>342490.41570000001</v>
      </c>
      <c r="N1935">
        <v>102696.71339999999</v>
      </c>
      <c r="O1935">
        <v>28347.685160000001</v>
      </c>
      <c r="P1935">
        <v>38357.951399999998</v>
      </c>
      <c r="Q1935">
        <v>94711.374389999997</v>
      </c>
      <c r="R1935">
        <v>25811.41891</v>
      </c>
      <c r="S1935">
        <v>117270.51210000001</v>
      </c>
      <c r="T1935">
        <v>38458.99353</v>
      </c>
      <c r="U1935">
        <v>25118.418590000001</v>
      </c>
      <c r="W1935" s="83">
        <f>Bühler!N1967</f>
        <v>45372.541666661979</v>
      </c>
      <c r="X1935" s="83">
        <v>43181.541666666664</v>
      </c>
      <c r="Y1935">
        <v>295144.39610000001</v>
      </c>
      <c r="Z1935">
        <v>34466.6967</v>
      </c>
      <c r="AA1935">
        <v>91556.156870000006</v>
      </c>
      <c r="AB1935">
        <v>90137.168160000001</v>
      </c>
      <c r="AC1935">
        <v>55217.633240000003</v>
      </c>
      <c r="AD1935">
        <v>42260.849459999998</v>
      </c>
      <c r="AE1935">
        <v>41435.873010000003</v>
      </c>
      <c r="AF1935">
        <v>62700.263919999998</v>
      </c>
      <c r="AG1935">
        <v>34458.071199999998</v>
      </c>
      <c r="AH1935">
        <v>342490.41570000001</v>
      </c>
      <c r="AI1935">
        <v>102696.71339999999</v>
      </c>
      <c r="AJ1935">
        <v>28347.685160000001</v>
      </c>
      <c r="AK1935">
        <v>38357.951399999998</v>
      </c>
      <c r="AL1935">
        <v>94711.374389999997</v>
      </c>
      <c r="AM1935">
        <v>25811.41891</v>
      </c>
      <c r="AN1935">
        <v>117270.51210000001</v>
      </c>
      <c r="AO1935">
        <v>38458.99353</v>
      </c>
      <c r="AP1935">
        <v>25118.418590000001</v>
      </c>
    </row>
    <row r="1936" spans="2:42" x14ac:dyDescent="0.3">
      <c r="B1936">
        <v>67.76827467835605</v>
      </c>
      <c r="C1936" s="83">
        <v>43181.583333333336</v>
      </c>
      <c r="D1936">
        <v>298639.38410000002</v>
      </c>
      <c r="E1936">
        <v>36950.298060000001</v>
      </c>
      <c r="F1936">
        <v>93667.242759999994</v>
      </c>
      <c r="G1936">
        <v>83598.025030000004</v>
      </c>
      <c r="H1936">
        <v>54594.666380000002</v>
      </c>
      <c r="I1936">
        <v>43118.037969999998</v>
      </c>
      <c r="J1936">
        <v>41035.27104</v>
      </c>
      <c r="K1936">
        <v>64306.734499999999</v>
      </c>
      <c r="L1936">
        <v>31079.05502</v>
      </c>
      <c r="M1936">
        <v>345514.26750000002</v>
      </c>
      <c r="N1936">
        <v>104615.6268</v>
      </c>
      <c r="O1936">
        <v>27881.613710000001</v>
      </c>
      <c r="P1936">
        <v>34995.201789999999</v>
      </c>
      <c r="Q1936">
        <v>93521.458599999998</v>
      </c>
      <c r="R1936">
        <v>25525.619050000001</v>
      </c>
      <c r="S1936">
        <v>112345.6983</v>
      </c>
      <c r="T1936">
        <v>36809.317040000002</v>
      </c>
      <c r="U1936">
        <v>26461.83006</v>
      </c>
      <c r="W1936" s="83">
        <f>Bühler!N1968</f>
        <v>45372.583333328643</v>
      </c>
      <c r="X1936" s="83">
        <v>43181.583333333336</v>
      </c>
      <c r="Y1936">
        <v>298639.38410000002</v>
      </c>
      <c r="Z1936">
        <v>36950.298060000001</v>
      </c>
      <c r="AA1936">
        <v>93667.242759999994</v>
      </c>
      <c r="AB1936">
        <v>83598.025030000004</v>
      </c>
      <c r="AC1936">
        <v>54594.666380000002</v>
      </c>
      <c r="AD1936">
        <v>43118.037969999998</v>
      </c>
      <c r="AE1936">
        <v>41035.27104</v>
      </c>
      <c r="AF1936">
        <v>64306.734499999999</v>
      </c>
      <c r="AG1936">
        <v>31079.05502</v>
      </c>
      <c r="AH1936">
        <v>345514.26750000002</v>
      </c>
      <c r="AI1936">
        <v>104615.6268</v>
      </c>
      <c r="AJ1936">
        <v>27881.613710000001</v>
      </c>
      <c r="AK1936">
        <v>34995.201789999999</v>
      </c>
      <c r="AL1936">
        <v>93521.458599999998</v>
      </c>
      <c r="AM1936">
        <v>25525.619050000001</v>
      </c>
      <c r="AN1936">
        <v>112345.6983</v>
      </c>
      <c r="AO1936">
        <v>36809.317040000002</v>
      </c>
      <c r="AP1936">
        <v>26461.83006</v>
      </c>
    </row>
    <row r="1937" spans="2:42" x14ac:dyDescent="0.3">
      <c r="B1937">
        <v>67.19359790234418</v>
      </c>
      <c r="C1937" s="83">
        <v>43181.625</v>
      </c>
      <c r="D1937">
        <v>296491.30619999999</v>
      </c>
      <c r="E1937">
        <v>36825.665589999997</v>
      </c>
      <c r="F1937">
        <v>93834.468670000002</v>
      </c>
      <c r="G1937">
        <v>80622.4804</v>
      </c>
      <c r="H1937">
        <v>52903.285349999998</v>
      </c>
      <c r="I1937">
        <v>43392.589809999998</v>
      </c>
      <c r="J1937">
        <v>40636.753989999997</v>
      </c>
      <c r="K1937">
        <v>63348.088989999997</v>
      </c>
      <c r="L1937">
        <v>27561.770229999998</v>
      </c>
      <c r="M1937">
        <v>342584.29729999998</v>
      </c>
      <c r="N1937">
        <v>102469.9035</v>
      </c>
      <c r="O1937">
        <v>27620.741839999999</v>
      </c>
      <c r="P1937">
        <v>32245.975030000001</v>
      </c>
      <c r="Q1937">
        <v>92399.564639999997</v>
      </c>
      <c r="R1937">
        <v>24948.06554</v>
      </c>
      <c r="S1937">
        <v>108752.4471</v>
      </c>
      <c r="T1937">
        <v>36262.861499999999</v>
      </c>
      <c r="U1937">
        <v>25188.811010000001</v>
      </c>
      <c r="W1937" s="83">
        <f>Bühler!N1969</f>
        <v>45372.624999995307</v>
      </c>
      <c r="X1937" s="83">
        <v>43181.625</v>
      </c>
      <c r="Y1937">
        <v>296491.30619999999</v>
      </c>
      <c r="Z1937">
        <v>36825.665589999997</v>
      </c>
      <c r="AA1937">
        <v>93834.468670000002</v>
      </c>
      <c r="AB1937">
        <v>80622.4804</v>
      </c>
      <c r="AC1937">
        <v>52903.285349999998</v>
      </c>
      <c r="AD1937">
        <v>43392.589809999998</v>
      </c>
      <c r="AE1937">
        <v>40636.753989999997</v>
      </c>
      <c r="AF1937">
        <v>63348.088989999997</v>
      </c>
      <c r="AG1937">
        <v>27561.770229999998</v>
      </c>
      <c r="AH1937">
        <v>342584.29729999998</v>
      </c>
      <c r="AI1937">
        <v>102469.9035</v>
      </c>
      <c r="AJ1937">
        <v>27620.741839999999</v>
      </c>
      <c r="AK1937">
        <v>32245.975030000001</v>
      </c>
      <c r="AL1937">
        <v>92399.564639999997</v>
      </c>
      <c r="AM1937">
        <v>24948.06554</v>
      </c>
      <c r="AN1937">
        <v>108752.4471</v>
      </c>
      <c r="AO1937">
        <v>36262.861499999999</v>
      </c>
      <c r="AP1937">
        <v>25188.811010000001</v>
      </c>
    </row>
    <row r="1938" spans="2:42" x14ac:dyDescent="0.3">
      <c r="B1938">
        <v>65.932917323341954</v>
      </c>
      <c r="C1938" s="83">
        <v>43181.666666666664</v>
      </c>
      <c r="D1938">
        <v>288021.5331</v>
      </c>
      <c r="E1938">
        <v>35730.369890000002</v>
      </c>
      <c r="F1938">
        <v>92850.431349999999</v>
      </c>
      <c r="G1938">
        <v>76173.580100000006</v>
      </c>
      <c r="H1938">
        <v>50773.313419999999</v>
      </c>
      <c r="I1938">
        <v>45375.64776</v>
      </c>
      <c r="J1938">
        <v>39825.336289999999</v>
      </c>
      <c r="K1938">
        <v>59217.295250000003</v>
      </c>
      <c r="L1938">
        <v>26027.254939999999</v>
      </c>
      <c r="M1938">
        <v>336156.7598</v>
      </c>
      <c r="N1938">
        <v>97897.470530000006</v>
      </c>
      <c r="O1938">
        <v>26292.12024</v>
      </c>
      <c r="P1938">
        <v>32243.901440000001</v>
      </c>
      <c r="Q1938">
        <v>92013.14731</v>
      </c>
      <c r="R1938">
        <v>24465.79348</v>
      </c>
      <c r="S1938">
        <v>107688.64</v>
      </c>
      <c r="T1938">
        <v>35209.481449999999</v>
      </c>
      <c r="U1938">
        <v>23220.471509999999</v>
      </c>
      <c r="W1938" s="83">
        <f>Bühler!N1970</f>
        <v>45372.666666661971</v>
      </c>
      <c r="X1938" s="83">
        <v>43181.666666666664</v>
      </c>
      <c r="Y1938">
        <v>288021.5331</v>
      </c>
      <c r="Z1938">
        <v>35730.369890000002</v>
      </c>
      <c r="AA1938">
        <v>92850.431349999999</v>
      </c>
      <c r="AB1938">
        <v>76173.580100000006</v>
      </c>
      <c r="AC1938">
        <v>50773.313419999999</v>
      </c>
      <c r="AD1938">
        <v>45375.64776</v>
      </c>
      <c r="AE1938">
        <v>39825.336289999999</v>
      </c>
      <c r="AF1938">
        <v>59217.295250000003</v>
      </c>
      <c r="AG1938">
        <v>26027.254939999999</v>
      </c>
      <c r="AH1938">
        <v>336156.7598</v>
      </c>
      <c r="AI1938">
        <v>97897.470530000006</v>
      </c>
      <c r="AJ1938">
        <v>26292.12024</v>
      </c>
      <c r="AK1938">
        <v>32243.901440000001</v>
      </c>
      <c r="AL1938">
        <v>92013.14731</v>
      </c>
      <c r="AM1938">
        <v>24465.79348</v>
      </c>
      <c r="AN1938">
        <v>107688.64</v>
      </c>
      <c r="AO1938">
        <v>35209.481449999999</v>
      </c>
      <c r="AP1938">
        <v>23220.471509999999</v>
      </c>
    </row>
    <row r="1939" spans="2:42" x14ac:dyDescent="0.3">
      <c r="B1939">
        <v>64.573726198949444</v>
      </c>
      <c r="C1939" s="83">
        <v>43181.708333333336</v>
      </c>
      <c r="D1939">
        <v>277255.11810000002</v>
      </c>
      <c r="E1939">
        <v>33397.008410000002</v>
      </c>
      <c r="F1939">
        <v>92715.748309999995</v>
      </c>
      <c r="G1939">
        <v>68045.668959999995</v>
      </c>
      <c r="H1939">
        <v>48174.965409999997</v>
      </c>
      <c r="I1939">
        <v>44170.190949999997</v>
      </c>
      <c r="J1939">
        <v>39355.976470000001</v>
      </c>
      <c r="K1939">
        <v>54382.79391</v>
      </c>
      <c r="L1939">
        <v>26075.774870000001</v>
      </c>
      <c r="M1939">
        <v>329226.96960000001</v>
      </c>
      <c r="N1939">
        <v>89729.034169999999</v>
      </c>
      <c r="O1939">
        <v>25553.501799999998</v>
      </c>
      <c r="P1939">
        <v>33029.634680000003</v>
      </c>
      <c r="Q1939">
        <v>90869.566470000005</v>
      </c>
      <c r="R1939">
        <v>25122.259859999998</v>
      </c>
      <c r="S1939">
        <v>103125.1749</v>
      </c>
      <c r="T1939">
        <v>34668.511279999999</v>
      </c>
      <c r="U1939">
        <v>20857.24769</v>
      </c>
      <c r="W1939" s="83">
        <f>Bühler!N1971</f>
        <v>45372.708333328635</v>
      </c>
      <c r="X1939" s="83">
        <v>43181.708333333336</v>
      </c>
      <c r="Y1939">
        <v>277255.11810000002</v>
      </c>
      <c r="Z1939">
        <v>33397.008410000002</v>
      </c>
      <c r="AA1939">
        <v>92715.748309999995</v>
      </c>
      <c r="AB1939">
        <v>68045.668959999995</v>
      </c>
      <c r="AC1939">
        <v>48174.965409999997</v>
      </c>
      <c r="AD1939">
        <v>44170.190949999997</v>
      </c>
      <c r="AE1939">
        <v>39355.976470000001</v>
      </c>
      <c r="AF1939">
        <v>54382.79391</v>
      </c>
      <c r="AG1939">
        <v>26075.774870000001</v>
      </c>
      <c r="AH1939">
        <v>329226.96960000001</v>
      </c>
      <c r="AI1939">
        <v>89729.034169999999</v>
      </c>
      <c r="AJ1939">
        <v>25553.501799999998</v>
      </c>
      <c r="AK1939">
        <v>33029.634680000003</v>
      </c>
      <c r="AL1939">
        <v>90869.566470000005</v>
      </c>
      <c r="AM1939">
        <v>25122.259859999998</v>
      </c>
      <c r="AN1939">
        <v>103125.1749</v>
      </c>
      <c r="AO1939">
        <v>34668.511279999999</v>
      </c>
      <c r="AP1939">
        <v>20857.24769</v>
      </c>
    </row>
    <row r="1940" spans="2:42" x14ac:dyDescent="0.3">
      <c r="B1940">
        <v>63.337123978372318</v>
      </c>
      <c r="C1940" s="83">
        <v>43181.75</v>
      </c>
      <c r="D1940">
        <v>270442.64159999997</v>
      </c>
      <c r="E1940">
        <v>30661.637770000001</v>
      </c>
      <c r="F1940">
        <v>90495.039180000007</v>
      </c>
      <c r="G1940">
        <v>60146.002659999998</v>
      </c>
      <c r="H1940">
        <v>46090.260269999999</v>
      </c>
      <c r="I1940">
        <v>41537.453719999998</v>
      </c>
      <c r="J1940">
        <v>40540.870450000002</v>
      </c>
      <c r="K1940">
        <v>52519.167609999997</v>
      </c>
      <c r="L1940">
        <v>27918.213090000001</v>
      </c>
      <c r="M1940">
        <v>322922.1948</v>
      </c>
      <c r="N1940">
        <v>86861.628259999998</v>
      </c>
      <c r="O1940">
        <v>24976.403579999998</v>
      </c>
      <c r="P1940">
        <v>37828.468910000003</v>
      </c>
      <c r="Q1940">
        <v>88628.562250000003</v>
      </c>
      <c r="R1940">
        <v>22975.41676</v>
      </c>
      <c r="S1940">
        <v>97807.05416</v>
      </c>
      <c r="T1940">
        <v>35551.808929999999</v>
      </c>
      <c r="U1940">
        <v>18928.982410000001</v>
      </c>
      <c r="W1940" s="83">
        <f>Bühler!N1972</f>
        <v>45372.7499999953</v>
      </c>
      <c r="X1940" s="83">
        <v>43181.75</v>
      </c>
      <c r="Y1940">
        <v>270442.64159999997</v>
      </c>
      <c r="Z1940">
        <v>30661.637770000001</v>
      </c>
      <c r="AA1940">
        <v>90495.039180000007</v>
      </c>
      <c r="AB1940">
        <v>60146.002659999998</v>
      </c>
      <c r="AC1940">
        <v>46090.260269999999</v>
      </c>
      <c r="AD1940">
        <v>41537.453719999998</v>
      </c>
      <c r="AE1940">
        <v>40540.870450000002</v>
      </c>
      <c r="AF1940">
        <v>52519.167609999997</v>
      </c>
      <c r="AG1940">
        <v>27918.213090000001</v>
      </c>
      <c r="AH1940">
        <v>322922.1948</v>
      </c>
      <c r="AI1940">
        <v>86861.628259999998</v>
      </c>
      <c r="AJ1940">
        <v>24976.403579999998</v>
      </c>
      <c r="AK1940">
        <v>37828.468910000003</v>
      </c>
      <c r="AL1940">
        <v>88628.562250000003</v>
      </c>
      <c r="AM1940">
        <v>22975.41676</v>
      </c>
      <c r="AN1940">
        <v>97807.05416</v>
      </c>
      <c r="AO1940">
        <v>35551.808929999999</v>
      </c>
      <c r="AP1940">
        <v>18928.982410000001</v>
      </c>
    </row>
    <row r="1941" spans="2:42" x14ac:dyDescent="0.3">
      <c r="B1941">
        <v>61.993907285218043</v>
      </c>
      <c r="C1941" s="83">
        <v>43181.791666666664</v>
      </c>
      <c r="D1941">
        <v>265666.08470000001</v>
      </c>
      <c r="E1941">
        <v>25993.38089</v>
      </c>
      <c r="F1941">
        <v>80761.380179999993</v>
      </c>
      <c r="G1941">
        <v>58066.050750000002</v>
      </c>
      <c r="H1941">
        <v>46303.736649999999</v>
      </c>
      <c r="I1941">
        <v>40732.029840000003</v>
      </c>
      <c r="J1941">
        <v>43040.197200000002</v>
      </c>
      <c r="K1941">
        <v>51595.852509999997</v>
      </c>
      <c r="L1941">
        <v>30253.786639999998</v>
      </c>
      <c r="M1941">
        <v>316073.84970000002</v>
      </c>
      <c r="N1941">
        <v>86823.18462</v>
      </c>
      <c r="O1941">
        <v>24870.171310000002</v>
      </c>
      <c r="P1941">
        <v>40974.373339999998</v>
      </c>
      <c r="Q1941">
        <v>86445.521349999995</v>
      </c>
      <c r="R1941">
        <v>22896.357339999999</v>
      </c>
      <c r="S1941">
        <v>96603.586219999997</v>
      </c>
      <c r="T1941">
        <v>37541.938979999999</v>
      </c>
      <c r="U1941">
        <v>18857.498</v>
      </c>
      <c r="W1941" s="83">
        <f>Bühler!N1973</f>
        <v>45372.791666661964</v>
      </c>
      <c r="X1941" s="83">
        <v>43181.791666666664</v>
      </c>
      <c r="Y1941">
        <v>265666.08470000001</v>
      </c>
      <c r="Z1941">
        <v>25993.38089</v>
      </c>
      <c r="AA1941">
        <v>80761.380179999993</v>
      </c>
      <c r="AB1941">
        <v>58066.050750000002</v>
      </c>
      <c r="AC1941">
        <v>46303.736649999999</v>
      </c>
      <c r="AD1941">
        <v>40732.029840000003</v>
      </c>
      <c r="AE1941">
        <v>43040.197200000002</v>
      </c>
      <c r="AF1941">
        <v>51595.852509999997</v>
      </c>
      <c r="AG1941">
        <v>30253.786639999998</v>
      </c>
      <c r="AH1941">
        <v>316073.84970000002</v>
      </c>
      <c r="AI1941">
        <v>86823.18462</v>
      </c>
      <c r="AJ1941">
        <v>24870.171310000002</v>
      </c>
      <c r="AK1941">
        <v>40974.373339999998</v>
      </c>
      <c r="AL1941">
        <v>86445.521349999995</v>
      </c>
      <c r="AM1941">
        <v>22896.357339999999</v>
      </c>
      <c r="AN1941">
        <v>96603.586219999997</v>
      </c>
      <c r="AO1941">
        <v>37541.938979999999</v>
      </c>
      <c r="AP1941">
        <v>18857.498</v>
      </c>
    </row>
    <row r="1942" spans="2:42" x14ac:dyDescent="0.3">
      <c r="B1942">
        <v>60.748677607470512</v>
      </c>
      <c r="C1942" s="83">
        <v>43181.833333333336</v>
      </c>
      <c r="D1942">
        <v>256433.77970000001</v>
      </c>
      <c r="E1942">
        <v>19908.985509999999</v>
      </c>
      <c r="F1942">
        <v>62539.152560000002</v>
      </c>
      <c r="G1942">
        <v>51809.401839999999</v>
      </c>
      <c r="H1942">
        <v>44022.064539999999</v>
      </c>
      <c r="I1942">
        <v>36280.783900000002</v>
      </c>
      <c r="J1942">
        <v>42307.338250000001</v>
      </c>
      <c r="K1942">
        <v>49812.029600000002</v>
      </c>
      <c r="L1942">
        <v>30349.1715</v>
      </c>
      <c r="M1942">
        <v>309725.08809999999</v>
      </c>
      <c r="N1942">
        <v>83807.503809999995</v>
      </c>
      <c r="O1942">
        <v>24017.354810000001</v>
      </c>
      <c r="P1942">
        <v>41334.801850000003</v>
      </c>
      <c r="Q1942">
        <v>84192.689379999996</v>
      </c>
      <c r="R1942">
        <v>21689.216939999998</v>
      </c>
      <c r="S1942">
        <v>88713.599900000001</v>
      </c>
      <c r="T1942">
        <v>35814.237679999998</v>
      </c>
      <c r="U1942">
        <v>18076.419279999998</v>
      </c>
      <c r="W1942" s="83">
        <f>Bühler!N1974</f>
        <v>45372.833333328628</v>
      </c>
      <c r="X1942" s="83">
        <v>43181.833333333336</v>
      </c>
      <c r="Y1942">
        <v>256433.77970000001</v>
      </c>
      <c r="Z1942">
        <v>19908.985509999999</v>
      </c>
      <c r="AA1942">
        <v>62539.152560000002</v>
      </c>
      <c r="AB1942">
        <v>51809.401839999999</v>
      </c>
      <c r="AC1942">
        <v>44022.064539999999</v>
      </c>
      <c r="AD1942">
        <v>36280.783900000002</v>
      </c>
      <c r="AE1942">
        <v>42307.338250000001</v>
      </c>
      <c r="AF1942">
        <v>49812.029600000002</v>
      </c>
      <c r="AG1942">
        <v>30349.1715</v>
      </c>
      <c r="AH1942">
        <v>309725.08809999999</v>
      </c>
      <c r="AI1942">
        <v>83807.503809999995</v>
      </c>
      <c r="AJ1942">
        <v>24017.354810000001</v>
      </c>
      <c r="AK1942">
        <v>41334.801850000003</v>
      </c>
      <c r="AL1942">
        <v>84192.689379999996</v>
      </c>
      <c r="AM1942">
        <v>21689.216939999998</v>
      </c>
      <c r="AN1942">
        <v>88713.599900000001</v>
      </c>
      <c r="AO1942">
        <v>35814.237679999998</v>
      </c>
      <c r="AP1942">
        <v>18076.419279999998</v>
      </c>
    </row>
    <row r="1943" spans="2:42" x14ac:dyDescent="0.3">
      <c r="B1943">
        <v>58.913893817094063</v>
      </c>
      <c r="C1943" s="83">
        <v>43181.875</v>
      </c>
      <c r="D1943">
        <v>247244.23879999999</v>
      </c>
      <c r="E1943">
        <v>17180.637879999998</v>
      </c>
      <c r="F1943">
        <v>54825.836660000001</v>
      </c>
      <c r="G1943">
        <v>47829.831080000004</v>
      </c>
      <c r="H1943">
        <v>41176.31914</v>
      </c>
      <c r="I1943">
        <v>31503.562160000001</v>
      </c>
      <c r="J1943">
        <v>40398.55154</v>
      </c>
      <c r="K1943">
        <v>49225.828609999997</v>
      </c>
      <c r="L1943">
        <v>28760.799760000002</v>
      </c>
      <c r="M1943">
        <v>300370.50469999999</v>
      </c>
      <c r="N1943">
        <v>80904.047560000006</v>
      </c>
      <c r="O1943">
        <v>22708.746899999998</v>
      </c>
      <c r="P1943">
        <v>38361.822440000004</v>
      </c>
      <c r="Q1943">
        <v>82284.977660000004</v>
      </c>
      <c r="R1943">
        <v>20532.331440000002</v>
      </c>
      <c r="S1943">
        <v>83632.67641</v>
      </c>
      <c r="T1943">
        <v>32555.479459999999</v>
      </c>
      <c r="U1943">
        <v>16722.457699999999</v>
      </c>
      <c r="W1943" s="83">
        <f>Bühler!N1975</f>
        <v>45372.874999995292</v>
      </c>
      <c r="X1943" s="83">
        <v>43181.875</v>
      </c>
      <c r="Y1943">
        <v>247244.23879999999</v>
      </c>
      <c r="Z1943">
        <v>17180.637879999998</v>
      </c>
      <c r="AA1943">
        <v>54825.836660000001</v>
      </c>
      <c r="AB1943">
        <v>47829.831080000004</v>
      </c>
      <c r="AC1943">
        <v>41176.31914</v>
      </c>
      <c r="AD1943">
        <v>31503.562160000001</v>
      </c>
      <c r="AE1943">
        <v>40398.55154</v>
      </c>
      <c r="AF1943">
        <v>49225.828609999997</v>
      </c>
      <c r="AG1943">
        <v>28760.799760000002</v>
      </c>
      <c r="AH1943">
        <v>300370.50469999999</v>
      </c>
      <c r="AI1943">
        <v>80904.047560000006</v>
      </c>
      <c r="AJ1943">
        <v>22708.746899999998</v>
      </c>
      <c r="AK1943">
        <v>38361.822440000004</v>
      </c>
      <c r="AL1943">
        <v>82284.977660000004</v>
      </c>
      <c r="AM1943">
        <v>20532.331440000002</v>
      </c>
      <c r="AN1943">
        <v>83632.67641</v>
      </c>
      <c r="AO1943">
        <v>32555.479459999999</v>
      </c>
      <c r="AP1943">
        <v>16722.457699999999</v>
      </c>
    </row>
    <row r="1944" spans="2:42" x14ac:dyDescent="0.3">
      <c r="B1944">
        <v>58.542028912466144</v>
      </c>
      <c r="C1944" s="83">
        <v>43181.916666666664</v>
      </c>
      <c r="D1944">
        <v>246919.93419999999</v>
      </c>
      <c r="E1944">
        <v>16340.9948</v>
      </c>
      <c r="F1944">
        <v>51759.05949</v>
      </c>
      <c r="G1944">
        <v>45325.419419999998</v>
      </c>
      <c r="H1944">
        <v>40374.633410000002</v>
      </c>
      <c r="I1944">
        <v>29656.373530000001</v>
      </c>
      <c r="J1944">
        <v>38922.29954</v>
      </c>
      <c r="K1944">
        <v>53524.390359999998</v>
      </c>
      <c r="L1944">
        <v>26191.584930000001</v>
      </c>
      <c r="M1944">
        <v>298474.56400000001</v>
      </c>
      <c r="N1944">
        <v>81072.740430000005</v>
      </c>
      <c r="O1944">
        <v>22937.209439999999</v>
      </c>
      <c r="P1944">
        <v>41151.926399999997</v>
      </c>
      <c r="Q1944">
        <v>81555.452829999995</v>
      </c>
      <c r="R1944">
        <v>26396.466609999999</v>
      </c>
      <c r="S1944">
        <v>83207.668229999996</v>
      </c>
      <c r="T1944">
        <v>28298.624520000001</v>
      </c>
      <c r="U1944">
        <v>17021.540400000002</v>
      </c>
      <c r="W1944" s="83">
        <f>Bühler!N1976</f>
        <v>45372.916666661957</v>
      </c>
      <c r="X1944" s="83">
        <v>43181.916666666664</v>
      </c>
      <c r="Y1944">
        <v>246919.93419999999</v>
      </c>
      <c r="Z1944">
        <v>16340.9948</v>
      </c>
      <c r="AA1944">
        <v>51759.05949</v>
      </c>
      <c r="AB1944">
        <v>45325.419419999998</v>
      </c>
      <c r="AC1944">
        <v>40374.633410000002</v>
      </c>
      <c r="AD1944">
        <v>29656.373530000001</v>
      </c>
      <c r="AE1944">
        <v>38922.29954</v>
      </c>
      <c r="AF1944">
        <v>53524.390359999998</v>
      </c>
      <c r="AG1944">
        <v>26191.584930000001</v>
      </c>
      <c r="AH1944">
        <v>298474.56400000001</v>
      </c>
      <c r="AI1944">
        <v>81072.740430000005</v>
      </c>
      <c r="AJ1944">
        <v>22937.209439999999</v>
      </c>
      <c r="AK1944">
        <v>41151.926399999997</v>
      </c>
      <c r="AL1944">
        <v>81555.452829999995</v>
      </c>
      <c r="AM1944">
        <v>26396.466609999999</v>
      </c>
      <c r="AN1944">
        <v>83207.668229999996</v>
      </c>
      <c r="AO1944">
        <v>28298.624520000001</v>
      </c>
      <c r="AP1944">
        <v>17021.540400000002</v>
      </c>
    </row>
    <row r="1945" spans="2:42" x14ac:dyDescent="0.3">
      <c r="B1945">
        <v>57.121165065550692</v>
      </c>
      <c r="C1945" s="83">
        <v>43181.958333333336</v>
      </c>
      <c r="D1945">
        <v>246538.95879999999</v>
      </c>
      <c r="E1945">
        <v>16233.57494</v>
      </c>
      <c r="F1945">
        <v>50297.02882</v>
      </c>
      <c r="G1945">
        <v>43607.153879999998</v>
      </c>
      <c r="H1945">
        <v>39519.77461</v>
      </c>
      <c r="I1945">
        <v>27432.554380000001</v>
      </c>
      <c r="J1945">
        <v>36892.80373</v>
      </c>
      <c r="K1945">
        <v>52660.07763</v>
      </c>
      <c r="L1945">
        <v>22430.08827</v>
      </c>
      <c r="M1945">
        <v>291230.33750000002</v>
      </c>
      <c r="N1945">
        <v>80820.899999999994</v>
      </c>
      <c r="O1945">
        <v>22802.465700000001</v>
      </c>
      <c r="P1945">
        <v>36216.204570000002</v>
      </c>
      <c r="Q1945">
        <v>81392.771729999993</v>
      </c>
      <c r="R1945">
        <v>28035.283530000001</v>
      </c>
      <c r="S1945">
        <v>81538.102979999996</v>
      </c>
      <c r="T1945">
        <v>28941.974559999999</v>
      </c>
      <c r="U1945">
        <v>16303.05991</v>
      </c>
      <c r="W1945" s="83">
        <f>Bühler!N1977</f>
        <v>45372.958333328621</v>
      </c>
      <c r="X1945" s="83">
        <v>43181.958333333336</v>
      </c>
      <c r="Y1945">
        <v>246538.95879999999</v>
      </c>
      <c r="Z1945">
        <v>16233.57494</v>
      </c>
      <c r="AA1945">
        <v>50297.02882</v>
      </c>
      <c r="AB1945">
        <v>43607.153879999998</v>
      </c>
      <c r="AC1945">
        <v>39519.77461</v>
      </c>
      <c r="AD1945">
        <v>27432.554380000001</v>
      </c>
      <c r="AE1945">
        <v>36892.80373</v>
      </c>
      <c r="AF1945">
        <v>52660.07763</v>
      </c>
      <c r="AG1945">
        <v>22430.08827</v>
      </c>
      <c r="AH1945">
        <v>291230.33750000002</v>
      </c>
      <c r="AI1945">
        <v>80820.899999999994</v>
      </c>
      <c r="AJ1945">
        <v>22802.465700000001</v>
      </c>
      <c r="AK1945">
        <v>36216.204570000002</v>
      </c>
      <c r="AL1945">
        <v>81392.771729999993</v>
      </c>
      <c r="AM1945">
        <v>28035.283530000001</v>
      </c>
      <c r="AN1945">
        <v>81538.102979999996</v>
      </c>
      <c r="AO1945">
        <v>28941.974559999999</v>
      </c>
      <c r="AP1945">
        <v>16303.05991</v>
      </c>
    </row>
    <row r="1946" spans="2:42" x14ac:dyDescent="0.3">
      <c r="B1946">
        <v>55.824824547302825</v>
      </c>
      <c r="C1946" s="83">
        <v>43182</v>
      </c>
      <c r="D1946">
        <v>244749.20610000001</v>
      </c>
      <c r="E1946">
        <v>15965.813690000001</v>
      </c>
      <c r="F1946">
        <v>49178.82619</v>
      </c>
      <c r="G1946">
        <v>43142.87702</v>
      </c>
      <c r="H1946">
        <v>38562.353660000001</v>
      </c>
      <c r="I1946">
        <v>25476.486980000001</v>
      </c>
      <c r="J1946">
        <v>34204.518100000001</v>
      </c>
      <c r="K1946">
        <v>49798.958910000001</v>
      </c>
      <c r="L1946">
        <v>20667.996999999999</v>
      </c>
      <c r="M1946">
        <v>284620.989</v>
      </c>
      <c r="N1946">
        <v>80359.531539999996</v>
      </c>
      <c r="O1946">
        <v>22443.645970000001</v>
      </c>
      <c r="P1946">
        <v>33325.932739999997</v>
      </c>
      <c r="Q1946">
        <v>81036.53284</v>
      </c>
      <c r="R1946">
        <v>24241.843199999999</v>
      </c>
      <c r="S1946">
        <v>80427.737150000001</v>
      </c>
      <c r="T1946">
        <v>27564.540929999999</v>
      </c>
      <c r="U1946">
        <v>16352.175999999999</v>
      </c>
      <c r="W1946" s="83">
        <f>Bühler!N1978</f>
        <v>45372.999999995285</v>
      </c>
      <c r="X1946" s="83">
        <v>43182</v>
      </c>
      <c r="Y1946">
        <v>244749.20610000001</v>
      </c>
      <c r="Z1946">
        <v>15965.813690000001</v>
      </c>
      <c r="AA1946">
        <v>49178.82619</v>
      </c>
      <c r="AB1946">
        <v>43142.87702</v>
      </c>
      <c r="AC1946">
        <v>38562.353660000001</v>
      </c>
      <c r="AD1946">
        <v>25476.486980000001</v>
      </c>
      <c r="AE1946">
        <v>34204.518100000001</v>
      </c>
      <c r="AF1946">
        <v>49798.958910000001</v>
      </c>
      <c r="AG1946">
        <v>20667.996999999999</v>
      </c>
      <c r="AH1946">
        <v>284620.989</v>
      </c>
      <c r="AI1946">
        <v>80359.531539999996</v>
      </c>
      <c r="AJ1946">
        <v>22443.645970000001</v>
      </c>
      <c r="AK1946">
        <v>33325.932739999997</v>
      </c>
      <c r="AL1946">
        <v>81036.53284</v>
      </c>
      <c r="AM1946">
        <v>24241.843199999999</v>
      </c>
      <c r="AN1946">
        <v>80427.737150000001</v>
      </c>
      <c r="AO1946">
        <v>27564.540929999999</v>
      </c>
      <c r="AP1946">
        <v>16352.175999999999</v>
      </c>
    </row>
    <row r="1947" spans="2:42" x14ac:dyDescent="0.3">
      <c r="B1947">
        <v>55.602876960694658</v>
      </c>
      <c r="C1947" s="83">
        <v>43182.041666666664</v>
      </c>
      <c r="D1947">
        <v>244592.0337</v>
      </c>
      <c r="E1947">
        <v>15906.2654</v>
      </c>
      <c r="F1947">
        <v>48833.778639999997</v>
      </c>
      <c r="G1947">
        <v>42315.529820000003</v>
      </c>
      <c r="H1947">
        <v>38583.92613</v>
      </c>
      <c r="I1947">
        <v>22558.005089999999</v>
      </c>
      <c r="J1947">
        <v>33453.987849999998</v>
      </c>
      <c r="K1947">
        <v>48853.745519999997</v>
      </c>
      <c r="L1947">
        <v>20073.441009999999</v>
      </c>
      <c r="M1947">
        <v>283489.39669999998</v>
      </c>
      <c r="N1947">
        <v>79218.732260000004</v>
      </c>
      <c r="O1947">
        <v>22465.582579999998</v>
      </c>
      <c r="P1947">
        <v>32079.195090000001</v>
      </c>
      <c r="Q1947">
        <v>81967.783370000005</v>
      </c>
      <c r="R1947">
        <v>22547.578809999999</v>
      </c>
      <c r="S1947">
        <v>79549.363389999999</v>
      </c>
      <c r="T1947">
        <v>26828.647939999999</v>
      </c>
      <c r="U1947">
        <v>16277.47984</v>
      </c>
      <c r="W1947" s="83">
        <f>Bühler!N1979</f>
        <v>45373.041666661949</v>
      </c>
      <c r="X1947" s="83">
        <v>43182.041666666664</v>
      </c>
      <c r="Y1947">
        <v>244592.0337</v>
      </c>
      <c r="Z1947">
        <v>15906.2654</v>
      </c>
      <c r="AA1947">
        <v>48833.778639999997</v>
      </c>
      <c r="AB1947">
        <v>42315.529820000003</v>
      </c>
      <c r="AC1947">
        <v>38583.92613</v>
      </c>
      <c r="AD1947">
        <v>22558.005089999999</v>
      </c>
      <c r="AE1947">
        <v>33453.987849999998</v>
      </c>
      <c r="AF1947">
        <v>48853.745519999997</v>
      </c>
      <c r="AG1947">
        <v>20073.441009999999</v>
      </c>
      <c r="AH1947">
        <v>283489.39669999998</v>
      </c>
      <c r="AI1947">
        <v>79218.732260000004</v>
      </c>
      <c r="AJ1947">
        <v>22465.582579999998</v>
      </c>
      <c r="AK1947">
        <v>32079.195090000001</v>
      </c>
      <c r="AL1947">
        <v>81967.783370000005</v>
      </c>
      <c r="AM1947">
        <v>22547.578809999999</v>
      </c>
      <c r="AN1947">
        <v>79549.363389999999</v>
      </c>
      <c r="AO1947">
        <v>26828.647939999999</v>
      </c>
      <c r="AP1947">
        <v>16277.47984</v>
      </c>
    </row>
    <row r="1948" spans="2:42" x14ac:dyDescent="0.3">
      <c r="B1948">
        <v>55.812695429279408</v>
      </c>
      <c r="C1948" s="83">
        <v>43182.083333333336</v>
      </c>
      <c r="D1948">
        <v>242334.4474</v>
      </c>
      <c r="E1948">
        <v>15798.497079999999</v>
      </c>
      <c r="F1948">
        <v>49606.793380000003</v>
      </c>
      <c r="G1948">
        <v>41895.759380000003</v>
      </c>
      <c r="H1948">
        <v>38123.682359999999</v>
      </c>
      <c r="I1948">
        <v>19201.220529999999</v>
      </c>
      <c r="J1948">
        <v>33384.34706</v>
      </c>
      <c r="K1948">
        <v>48321.034350000002</v>
      </c>
      <c r="L1948">
        <v>19630.694169999999</v>
      </c>
      <c r="M1948">
        <v>284559.14909999998</v>
      </c>
      <c r="N1948">
        <v>78194.905270000003</v>
      </c>
      <c r="O1948">
        <v>22598.53787</v>
      </c>
      <c r="P1948">
        <v>32218.493210000001</v>
      </c>
      <c r="Q1948">
        <v>85223.63665</v>
      </c>
      <c r="R1948">
        <v>23610.565159999998</v>
      </c>
      <c r="S1948">
        <v>79635.238519999999</v>
      </c>
      <c r="T1948">
        <v>26243.520980000001</v>
      </c>
      <c r="U1948">
        <v>16585.78933</v>
      </c>
      <c r="W1948" s="83">
        <f>Bühler!N1980</f>
        <v>45373.083333328614</v>
      </c>
      <c r="X1948" s="83">
        <v>43182.083333333336</v>
      </c>
      <c r="Y1948">
        <v>242334.4474</v>
      </c>
      <c r="Z1948">
        <v>15798.497079999999</v>
      </c>
      <c r="AA1948">
        <v>49606.793380000003</v>
      </c>
      <c r="AB1948">
        <v>41895.759380000003</v>
      </c>
      <c r="AC1948">
        <v>38123.682359999999</v>
      </c>
      <c r="AD1948">
        <v>19201.220529999999</v>
      </c>
      <c r="AE1948">
        <v>33384.34706</v>
      </c>
      <c r="AF1948">
        <v>48321.034350000002</v>
      </c>
      <c r="AG1948">
        <v>19630.694169999999</v>
      </c>
      <c r="AH1948">
        <v>284559.14909999998</v>
      </c>
      <c r="AI1948">
        <v>78194.905270000003</v>
      </c>
      <c r="AJ1948">
        <v>22598.53787</v>
      </c>
      <c r="AK1948">
        <v>32218.493210000001</v>
      </c>
      <c r="AL1948">
        <v>85223.63665</v>
      </c>
      <c r="AM1948">
        <v>23610.565159999998</v>
      </c>
      <c r="AN1948">
        <v>79635.238519999999</v>
      </c>
      <c r="AO1948">
        <v>26243.520980000001</v>
      </c>
      <c r="AP1948">
        <v>16585.78933</v>
      </c>
    </row>
    <row r="1949" spans="2:42" x14ac:dyDescent="0.3">
      <c r="B1949">
        <v>55.835296480707711</v>
      </c>
      <c r="C1949" s="83">
        <v>43182.125</v>
      </c>
      <c r="D1949">
        <v>245214.35819999999</v>
      </c>
      <c r="E1949">
        <v>15846.922920000001</v>
      </c>
      <c r="F1949">
        <v>51533.688889999998</v>
      </c>
      <c r="G1949">
        <v>41804.634810000003</v>
      </c>
      <c r="H1949">
        <v>38630.487569999998</v>
      </c>
      <c r="I1949">
        <v>19154.289069999999</v>
      </c>
      <c r="J1949">
        <v>33910.687080000003</v>
      </c>
      <c r="K1949">
        <v>45962.492279999999</v>
      </c>
      <c r="L1949">
        <v>18435.586609999998</v>
      </c>
      <c r="M1949">
        <v>284674.3798</v>
      </c>
      <c r="N1949">
        <v>78003.629310000004</v>
      </c>
      <c r="O1949">
        <v>22479.774570000001</v>
      </c>
      <c r="P1949">
        <v>31586.829679999999</v>
      </c>
      <c r="Q1949">
        <v>86474.825070000006</v>
      </c>
      <c r="R1949">
        <v>23490.219420000001</v>
      </c>
      <c r="S1949">
        <v>78340.233600000007</v>
      </c>
      <c r="T1949">
        <v>26428.267100000001</v>
      </c>
      <c r="U1949">
        <v>16689.172030000002</v>
      </c>
      <c r="W1949" s="83">
        <f>Bühler!N1981</f>
        <v>45373.124999995278</v>
      </c>
      <c r="X1949" s="83">
        <v>43182.125</v>
      </c>
      <c r="Y1949">
        <v>245214.35819999999</v>
      </c>
      <c r="Z1949">
        <v>15846.922920000001</v>
      </c>
      <c r="AA1949">
        <v>51533.688889999998</v>
      </c>
      <c r="AB1949">
        <v>41804.634810000003</v>
      </c>
      <c r="AC1949">
        <v>38630.487569999998</v>
      </c>
      <c r="AD1949">
        <v>19154.289069999999</v>
      </c>
      <c r="AE1949">
        <v>33910.687080000003</v>
      </c>
      <c r="AF1949">
        <v>45962.492279999999</v>
      </c>
      <c r="AG1949">
        <v>18435.586609999998</v>
      </c>
      <c r="AH1949">
        <v>284674.3798</v>
      </c>
      <c r="AI1949">
        <v>78003.629310000004</v>
      </c>
      <c r="AJ1949">
        <v>22479.774570000001</v>
      </c>
      <c r="AK1949">
        <v>31586.829679999999</v>
      </c>
      <c r="AL1949">
        <v>86474.825070000006</v>
      </c>
      <c r="AM1949">
        <v>23490.219420000001</v>
      </c>
      <c r="AN1949">
        <v>78340.233600000007</v>
      </c>
      <c r="AO1949">
        <v>26428.267100000001</v>
      </c>
      <c r="AP1949">
        <v>16689.172030000002</v>
      </c>
    </row>
    <row r="1950" spans="2:42" x14ac:dyDescent="0.3">
      <c r="B1950">
        <v>57.102444259410511</v>
      </c>
      <c r="C1950" s="83">
        <v>43182.166666666664</v>
      </c>
      <c r="D1950">
        <v>248209.87779999999</v>
      </c>
      <c r="E1950">
        <v>16509.195449999999</v>
      </c>
      <c r="F1950">
        <v>55209.700949999999</v>
      </c>
      <c r="G1950">
        <v>41403.780189999998</v>
      </c>
      <c r="H1950">
        <v>39220.922760000001</v>
      </c>
      <c r="I1950">
        <v>21258.92914</v>
      </c>
      <c r="J1950">
        <v>36095.119899999998</v>
      </c>
      <c r="K1950">
        <v>45031.590880000003</v>
      </c>
      <c r="L1950">
        <v>18854.333040000001</v>
      </c>
      <c r="M1950">
        <v>291134.89010000002</v>
      </c>
      <c r="N1950">
        <v>76761.295660000003</v>
      </c>
      <c r="O1950">
        <v>23213.810130000002</v>
      </c>
      <c r="P1950">
        <v>30424.486400000002</v>
      </c>
      <c r="Q1950">
        <v>91263.515010000003</v>
      </c>
      <c r="R1950">
        <v>23299.525839999998</v>
      </c>
      <c r="S1950">
        <v>79293.872619999995</v>
      </c>
      <c r="T1950">
        <v>26352.228480000002</v>
      </c>
      <c r="U1950">
        <v>17196.91779</v>
      </c>
      <c r="W1950" s="83">
        <f>Bühler!N1982</f>
        <v>45373.166666661942</v>
      </c>
      <c r="X1950" s="83">
        <v>43182.166666666664</v>
      </c>
      <c r="Y1950">
        <v>248209.87779999999</v>
      </c>
      <c r="Z1950">
        <v>16509.195449999999</v>
      </c>
      <c r="AA1950">
        <v>55209.700949999999</v>
      </c>
      <c r="AB1950">
        <v>41403.780189999998</v>
      </c>
      <c r="AC1950">
        <v>39220.922760000001</v>
      </c>
      <c r="AD1950">
        <v>21258.92914</v>
      </c>
      <c r="AE1950">
        <v>36095.119899999998</v>
      </c>
      <c r="AF1950">
        <v>45031.590880000003</v>
      </c>
      <c r="AG1950">
        <v>18854.333040000001</v>
      </c>
      <c r="AH1950">
        <v>291134.89010000002</v>
      </c>
      <c r="AI1950">
        <v>76761.295660000003</v>
      </c>
      <c r="AJ1950">
        <v>23213.810130000002</v>
      </c>
      <c r="AK1950">
        <v>30424.486400000002</v>
      </c>
      <c r="AL1950">
        <v>91263.515010000003</v>
      </c>
      <c r="AM1950">
        <v>23299.525839999998</v>
      </c>
      <c r="AN1950">
        <v>79293.872619999995</v>
      </c>
      <c r="AO1950">
        <v>26352.228480000002</v>
      </c>
      <c r="AP1950">
        <v>17196.91779</v>
      </c>
    </row>
    <row r="1951" spans="2:42" x14ac:dyDescent="0.3">
      <c r="B1951">
        <v>59.945959118123731</v>
      </c>
      <c r="C1951" s="83">
        <v>43182.208333333336</v>
      </c>
      <c r="D1951">
        <v>260212.81099999999</v>
      </c>
      <c r="E1951">
        <v>18392.982169999999</v>
      </c>
      <c r="F1951">
        <v>66155.337809999997</v>
      </c>
      <c r="G1951">
        <v>44553.417800000003</v>
      </c>
      <c r="H1951">
        <v>41502.90481</v>
      </c>
      <c r="I1951">
        <v>31136.551200000002</v>
      </c>
      <c r="J1951">
        <v>39050.123820000001</v>
      </c>
      <c r="K1951">
        <v>45891.20738</v>
      </c>
      <c r="L1951">
        <v>20437.298060000001</v>
      </c>
      <c r="M1951">
        <v>305632.45490000001</v>
      </c>
      <c r="N1951">
        <v>76760.809359999999</v>
      </c>
      <c r="O1951">
        <v>24152.893489999999</v>
      </c>
      <c r="P1951">
        <v>31561.550889999999</v>
      </c>
      <c r="Q1951">
        <v>94391.919710000002</v>
      </c>
      <c r="R1951">
        <v>25636.35729</v>
      </c>
      <c r="S1951">
        <v>82329.504790000006</v>
      </c>
      <c r="T1951">
        <v>27282.312119999999</v>
      </c>
      <c r="U1951">
        <v>19440.078239999999</v>
      </c>
      <c r="W1951" s="83">
        <f>Bühler!N1983</f>
        <v>45373.208333328606</v>
      </c>
      <c r="X1951" s="83">
        <v>43182.208333333336</v>
      </c>
      <c r="Y1951">
        <v>260212.81099999999</v>
      </c>
      <c r="Z1951">
        <v>18392.982169999999</v>
      </c>
      <c r="AA1951">
        <v>66155.337809999997</v>
      </c>
      <c r="AB1951">
        <v>44553.417800000003</v>
      </c>
      <c r="AC1951">
        <v>41502.90481</v>
      </c>
      <c r="AD1951">
        <v>31136.551200000002</v>
      </c>
      <c r="AE1951">
        <v>39050.123820000001</v>
      </c>
      <c r="AF1951">
        <v>45891.20738</v>
      </c>
      <c r="AG1951">
        <v>20437.298060000001</v>
      </c>
      <c r="AH1951">
        <v>305632.45490000001</v>
      </c>
      <c r="AI1951">
        <v>76760.809359999999</v>
      </c>
      <c r="AJ1951">
        <v>24152.893489999999</v>
      </c>
      <c r="AK1951">
        <v>31561.550889999999</v>
      </c>
      <c r="AL1951">
        <v>94391.919710000002</v>
      </c>
      <c r="AM1951">
        <v>25636.35729</v>
      </c>
      <c r="AN1951">
        <v>82329.504790000006</v>
      </c>
      <c r="AO1951">
        <v>27282.312119999999</v>
      </c>
      <c r="AP1951">
        <v>19440.078239999999</v>
      </c>
    </row>
    <row r="1952" spans="2:42" x14ac:dyDescent="0.3">
      <c r="B1952">
        <v>63.514122204794639</v>
      </c>
      <c r="C1952" s="83">
        <v>43182.25</v>
      </c>
      <c r="D1952">
        <v>276106.60090000002</v>
      </c>
      <c r="E1952">
        <v>22738.326410000001</v>
      </c>
      <c r="F1952">
        <v>78256.734549999994</v>
      </c>
      <c r="G1952">
        <v>58145.053699999997</v>
      </c>
      <c r="H1952">
        <v>45023.320460000003</v>
      </c>
      <c r="I1952">
        <v>40614.375679999997</v>
      </c>
      <c r="J1952">
        <v>42586.00099</v>
      </c>
      <c r="K1952">
        <v>48464.995219999997</v>
      </c>
      <c r="L1952">
        <v>21455.886340000001</v>
      </c>
      <c r="M1952">
        <v>323824.61430000002</v>
      </c>
      <c r="N1952">
        <v>80538.831019999998</v>
      </c>
      <c r="O1952">
        <v>26320.160899999999</v>
      </c>
      <c r="P1952">
        <v>32107.751830000001</v>
      </c>
      <c r="Q1952">
        <v>95280.685639999996</v>
      </c>
      <c r="R1952">
        <v>20011.262320000002</v>
      </c>
      <c r="S1952">
        <v>90337.173349999997</v>
      </c>
      <c r="T1952">
        <v>31170.608810000002</v>
      </c>
      <c r="U1952">
        <v>21667.581129999999</v>
      </c>
      <c r="W1952" s="83">
        <f>Bühler!N1984</f>
        <v>45373.249999995271</v>
      </c>
      <c r="X1952" s="83">
        <v>43182.25</v>
      </c>
      <c r="Y1952">
        <v>276106.60090000002</v>
      </c>
      <c r="Z1952">
        <v>22738.326410000001</v>
      </c>
      <c r="AA1952">
        <v>78256.734549999994</v>
      </c>
      <c r="AB1952">
        <v>58145.053699999997</v>
      </c>
      <c r="AC1952">
        <v>45023.320460000003</v>
      </c>
      <c r="AD1952">
        <v>40614.375679999997</v>
      </c>
      <c r="AE1952">
        <v>42586.00099</v>
      </c>
      <c r="AF1952">
        <v>48464.995219999997</v>
      </c>
      <c r="AG1952">
        <v>21455.886340000001</v>
      </c>
      <c r="AH1952">
        <v>323824.61430000002</v>
      </c>
      <c r="AI1952">
        <v>80538.831019999998</v>
      </c>
      <c r="AJ1952">
        <v>26320.160899999999</v>
      </c>
      <c r="AK1952">
        <v>32107.751830000001</v>
      </c>
      <c r="AL1952">
        <v>95280.685639999996</v>
      </c>
      <c r="AM1952">
        <v>20011.262320000002</v>
      </c>
      <c r="AN1952">
        <v>90337.173349999997</v>
      </c>
      <c r="AO1952">
        <v>31170.608810000002</v>
      </c>
      <c r="AP1952">
        <v>21667.581129999999</v>
      </c>
    </row>
    <row r="1953" spans="2:42" x14ac:dyDescent="0.3">
      <c r="B1953">
        <v>64.939106231895877</v>
      </c>
      <c r="C1953" s="83">
        <v>43182.291666666664</v>
      </c>
      <c r="D1953">
        <v>288539.79889999999</v>
      </c>
      <c r="E1953">
        <v>27440.60771</v>
      </c>
      <c r="F1953">
        <v>81239.797189999997</v>
      </c>
      <c r="G1953">
        <v>70137.078819999995</v>
      </c>
      <c r="H1953">
        <v>49359.186179999997</v>
      </c>
      <c r="I1953">
        <v>51273.943650000001</v>
      </c>
      <c r="J1953">
        <v>43785.650269999998</v>
      </c>
      <c r="K1953">
        <v>53703.755709999998</v>
      </c>
      <c r="L1953">
        <v>24124.505539999998</v>
      </c>
      <c r="M1953">
        <v>331089.84740000003</v>
      </c>
      <c r="N1953">
        <v>86099.592040000003</v>
      </c>
      <c r="O1953">
        <v>27936.497749999999</v>
      </c>
      <c r="P1953">
        <v>35242.526810000003</v>
      </c>
      <c r="Q1953">
        <v>94778.396290000004</v>
      </c>
      <c r="R1953">
        <v>21302.046399999999</v>
      </c>
      <c r="S1953">
        <v>103252.76059999999</v>
      </c>
      <c r="T1953">
        <v>32411.81637</v>
      </c>
      <c r="U1953">
        <v>25855.533729999999</v>
      </c>
      <c r="W1953" s="83">
        <f>Bühler!N1985</f>
        <v>45373.291666661935</v>
      </c>
      <c r="X1953" s="83">
        <v>43182.291666666664</v>
      </c>
      <c r="Y1953">
        <v>288539.79889999999</v>
      </c>
      <c r="Z1953">
        <v>27440.60771</v>
      </c>
      <c r="AA1953">
        <v>81239.797189999997</v>
      </c>
      <c r="AB1953">
        <v>70137.078819999995</v>
      </c>
      <c r="AC1953">
        <v>49359.186179999997</v>
      </c>
      <c r="AD1953">
        <v>51273.943650000001</v>
      </c>
      <c r="AE1953">
        <v>43785.650269999998</v>
      </c>
      <c r="AF1953">
        <v>53703.755709999998</v>
      </c>
      <c r="AG1953">
        <v>24124.505539999998</v>
      </c>
      <c r="AH1953">
        <v>331089.84740000003</v>
      </c>
      <c r="AI1953">
        <v>86099.592040000003</v>
      </c>
      <c r="AJ1953">
        <v>27936.497749999999</v>
      </c>
      <c r="AK1953">
        <v>35242.526810000003</v>
      </c>
      <c r="AL1953">
        <v>94778.396290000004</v>
      </c>
      <c r="AM1953">
        <v>21302.046399999999</v>
      </c>
      <c r="AN1953">
        <v>103252.76059999999</v>
      </c>
      <c r="AO1953">
        <v>32411.81637</v>
      </c>
      <c r="AP1953">
        <v>25855.533729999999</v>
      </c>
    </row>
    <row r="1954" spans="2:42" x14ac:dyDescent="0.3">
      <c r="B1954">
        <v>64.720546389531094</v>
      </c>
      <c r="C1954" s="83">
        <v>43182.333333333336</v>
      </c>
      <c r="D1954">
        <v>299368.34629999998</v>
      </c>
      <c r="E1954">
        <v>33351.13162</v>
      </c>
      <c r="F1954">
        <v>87442.728860000003</v>
      </c>
      <c r="G1954">
        <v>85537.623139999996</v>
      </c>
      <c r="H1954">
        <v>55522.367530000003</v>
      </c>
      <c r="I1954">
        <v>54997.207640000001</v>
      </c>
      <c r="J1954">
        <v>45467.733820000001</v>
      </c>
      <c r="K1954">
        <v>59452.453730000001</v>
      </c>
      <c r="L1954">
        <v>26367.427619999999</v>
      </c>
      <c r="M1954">
        <v>329975.52740000002</v>
      </c>
      <c r="N1954">
        <v>92540.964349999995</v>
      </c>
      <c r="O1954">
        <v>29338.605879999999</v>
      </c>
      <c r="P1954">
        <v>37745.663829999998</v>
      </c>
      <c r="Q1954">
        <v>94658.831279999999</v>
      </c>
      <c r="R1954">
        <v>23990.519629999999</v>
      </c>
      <c r="S1954">
        <v>117136.5442</v>
      </c>
      <c r="T1954">
        <v>35986.308969999998</v>
      </c>
      <c r="U1954">
        <v>29224.402279999998</v>
      </c>
      <c r="W1954" s="83">
        <f>Bühler!N1986</f>
        <v>45373.333333328599</v>
      </c>
      <c r="X1954" s="83">
        <v>43182.333333333336</v>
      </c>
      <c r="Y1954">
        <v>299368.34629999998</v>
      </c>
      <c r="Z1954">
        <v>33351.13162</v>
      </c>
      <c r="AA1954">
        <v>87442.728860000003</v>
      </c>
      <c r="AB1954">
        <v>85537.623139999996</v>
      </c>
      <c r="AC1954">
        <v>55522.367530000003</v>
      </c>
      <c r="AD1954">
        <v>54997.207640000001</v>
      </c>
      <c r="AE1954">
        <v>45467.733820000001</v>
      </c>
      <c r="AF1954">
        <v>59452.453730000001</v>
      </c>
      <c r="AG1954">
        <v>26367.427619999999</v>
      </c>
      <c r="AH1954">
        <v>329975.52740000002</v>
      </c>
      <c r="AI1954">
        <v>92540.964349999995</v>
      </c>
      <c r="AJ1954">
        <v>29338.605879999999</v>
      </c>
      <c r="AK1954">
        <v>37745.663829999998</v>
      </c>
      <c r="AL1954">
        <v>94658.831279999999</v>
      </c>
      <c r="AM1954">
        <v>23990.519629999999</v>
      </c>
      <c r="AN1954">
        <v>117136.5442</v>
      </c>
      <c r="AO1954">
        <v>35986.308969999998</v>
      </c>
      <c r="AP1954">
        <v>29224.402279999998</v>
      </c>
    </row>
    <row r="1955" spans="2:42" x14ac:dyDescent="0.3">
      <c r="B1955">
        <v>64.458845044359848</v>
      </c>
      <c r="C1955" s="83">
        <v>43182.375</v>
      </c>
      <c r="D1955">
        <v>300138.80320000002</v>
      </c>
      <c r="E1955">
        <v>37680.403870000002</v>
      </c>
      <c r="F1955">
        <v>95242.480939999994</v>
      </c>
      <c r="G1955">
        <v>95619.835030000002</v>
      </c>
      <c r="H1955">
        <v>57344.147929999999</v>
      </c>
      <c r="I1955">
        <v>50559.006099999999</v>
      </c>
      <c r="J1955">
        <v>45413.237739999997</v>
      </c>
      <c r="K1955">
        <v>61545.09895</v>
      </c>
      <c r="L1955">
        <v>30271.504430000001</v>
      </c>
      <c r="M1955">
        <v>328641.25189999997</v>
      </c>
      <c r="N1955">
        <v>101899.43769999999</v>
      </c>
      <c r="O1955">
        <v>30153.91302</v>
      </c>
      <c r="P1955">
        <v>40604.178229999998</v>
      </c>
      <c r="Q1955">
        <v>95104.259090000007</v>
      </c>
      <c r="R1955">
        <v>25130.589909999999</v>
      </c>
      <c r="S1955">
        <v>122781.0454</v>
      </c>
      <c r="T1955">
        <v>38255.076540000002</v>
      </c>
      <c r="U1955">
        <v>28688.61406</v>
      </c>
      <c r="W1955" s="83">
        <f>Bühler!N1987</f>
        <v>45373.374999995263</v>
      </c>
      <c r="X1955" s="83">
        <v>43182.375</v>
      </c>
      <c r="Y1955">
        <v>300138.80320000002</v>
      </c>
      <c r="Z1955">
        <v>37680.403870000002</v>
      </c>
      <c r="AA1955">
        <v>95242.480939999994</v>
      </c>
      <c r="AB1955">
        <v>95619.835030000002</v>
      </c>
      <c r="AC1955">
        <v>57344.147929999999</v>
      </c>
      <c r="AD1955">
        <v>50559.006099999999</v>
      </c>
      <c r="AE1955">
        <v>45413.237739999997</v>
      </c>
      <c r="AF1955">
        <v>61545.09895</v>
      </c>
      <c r="AG1955">
        <v>30271.504430000001</v>
      </c>
      <c r="AH1955">
        <v>328641.25189999997</v>
      </c>
      <c r="AI1955">
        <v>101899.43769999999</v>
      </c>
      <c r="AJ1955">
        <v>30153.91302</v>
      </c>
      <c r="AK1955">
        <v>40604.178229999998</v>
      </c>
      <c r="AL1955">
        <v>95104.259090000007</v>
      </c>
      <c r="AM1955">
        <v>25130.589909999999</v>
      </c>
      <c r="AN1955">
        <v>122781.0454</v>
      </c>
      <c r="AO1955">
        <v>38255.076540000002</v>
      </c>
      <c r="AP1955">
        <v>28688.61406</v>
      </c>
    </row>
    <row r="1956" spans="2:42" x14ac:dyDescent="0.3">
      <c r="B1956">
        <v>64.642350168695174</v>
      </c>
      <c r="C1956" s="83">
        <v>43182.416666666664</v>
      </c>
      <c r="D1956">
        <v>299713.95649999997</v>
      </c>
      <c r="E1956">
        <v>39203.48042</v>
      </c>
      <c r="F1956">
        <v>96320.293099999995</v>
      </c>
      <c r="G1956">
        <v>98661.493350000004</v>
      </c>
      <c r="H1956">
        <v>57362.770989999997</v>
      </c>
      <c r="I1956">
        <v>47120.878570000001</v>
      </c>
      <c r="J1956">
        <v>44729.501770000003</v>
      </c>
      <c r="K1956">
        <v>63229.077239999999</v>
      </c>
      <c r="L1956">
        <v>32959.499510000001</v>
      </c>
      <c r="M1956">
        <v>329576.84659999999</v>
      </c>
      <c r="N1956">
        <v>105604.3428</v>
      </c>
      <c r="O1956">
        <v>31240.60327</v>
      </c>
      <c r="P1956">
        <v>39965.819710000003</v>
      </c>
      <c r="Q1956">
        <v>94217.813939999993</v>
      </c>
      <c r="R1956">
        <v>25887.883140000002</v>
      </c>
      <c r="S1956">
        <v>125650.8605</v>
      </c>
      <c r="T1956">
        <v>39888.212010000003</v>
      </c>
      <c r="U1956">
        <v>27839.52072</v>
      </c>
      <c r="W1956" s="83">
        <f>Bühler!N1988</f>
        <v>45373.416666661928</v>
      </c>
      <c r="X1956" s="83">
        <v>43182.416666666664</v>
      </c>
      <c r="Y1956">
        <v>299713.95649999997</v>
      </c>
      <c r="Z1956">
        <v>39203.48042</v>
      </c>
      <c r="AA1956">
        <v>96320.293099999995</v>
      </c>
      <c r="AB1956">
        <v>98661.493350000004</v>
      </c>
      <c r="AC1956">
        <v>57362.770989999997</v>
      </c>
      <c r="AD1956">
        <v>47120.878570000001</v>
      </c>
      <c r="AE1956">
        <v>44729.501770000003</v>
      </c>
      <c r="AF1956">
        <v>63229.077239999999</v>
      </c>
      <c r="AG1956">
        <v>32959.499510000001</v>
      </c>
      <c r="AH1956">
        <v>329576.84659999999</v>
      </c>
      <c r="AI1956">
        <v>105604.3428</v>
      </c>
      <c r="AJ1956">
        <v>31240.60327</v>
      </c>
      <c r="AK1956">
        <v>39965.819710000003</v>
      </c>
      <c r="AL1956">
        <v>94217.813939999993</v>
      </c>
      <c r="AM1956">
        <v>25887.883140000002</v>
      </c>
      <c r="AN1956">
        <v>125650.8605</v>
      </c>
      <c r="AO1956">
        <v>39888.212010000003</v>
      </c>
      <c r="AP1956">
        <v>27839.52072</v>
      </c>
    </row>
    <row r="1957" spans="2:42" x14ac:dyDescent="0.3">
      <c r="B1957">
        <v>64.94261491446828</v>
      </c>
      <c r="C1957" s="83">
        <v>43182.458333333336</v>
      </c>
      <c r="D1957">
        <v>295996.5393</v>
      </c>
      <c r="E1957">
        <v>38936.135170000001</v>
      </c>
      <c r="F1957">
        <v>96265.520069999999</v>
      </c>
      <c r="G1957">
        <v>95598.13222</v>
      </c>
      <c r="H1957">
        <v>57063.813770000001</v>
      </c>
      <c r="I1957">
        <v>44963.312740000001</v>
      </c>
      <c r="J1957">
        <v>43984.481650000002</v>
      </c>
      <c r="K1957">
        <v>64048.433729999997</v>
      </c>
      <c r="L1957">
        <v>33758.295129999999</v>
      </c>
      <c r="M1957">
        <v>331107.73629999999</v>
      </c>
      <c r="N1957">
        <v>104208.4326</v>
      </c>
      <c r="O1957">
        <v>30723.290990000001</v>
      </c>
      <c r="P1957">
        <v>38568.562310000001</v>
      </c>
      <c r="Q1957">
        <v>93161.050619999995</v>
      </c>
      <c r="R1957">
        <v>27447.51468</v>
      </c>
      <c r="S1957">
        <v>125811.51760000001</v>
      </c>
      <c r="T1957">
        <v>39271.042990000002</v>
      </c>
      <c r="U1957">
        <v>26764.544600000001</v>
      </c>
      <c r="W1957" s="83">
        <f>Bühler!N1989</f>
        <v>45373.458333328592</v>
      </c>
      <c r="X1957" s="83">
        <v>43182.458333333336</v>
      </c>
      <c r="Y1957">
        <v>295996.5393</v>
      </c>
      <c r="Z1957">
        <v>38936.135170000001</v>
      </c>
      <c r="AA1957">
        <v>96265.520069999999</v>
      </c>
      <c r="AB1957">
        <v>95598.13222</v>
      </c>
      <c r="AC1957">
        <v>57063.813770000001</v>
      </c>
      <c r="AD1957">
        <v>44963.312740000001</v>
      </c>
      <c r="AE1957">
        <v>43984.481650000002</v>
      </c>
      <c r="AF1957">
        <v>64048.433729999997</v>
      </c>
      <c r="AG1957">
        <v>33758.295129999999</v>
      </c>
      <c r="AH1957">
        <v>331107.73629999999</v>
      </c>
      <c r="AI1957">
        <v>104208.4326</v>
      </c>
      <c r="AJ1957">
        <v>30723.290990000001</v>
      </c>
      <c r="AK1957">
        <v>38568.562310000001</v>
      </c>
      <c r="AL1957">
        <v>93161.050619999995</v>
      </c>
      <c r="AM1957">
        <v>27447.51468</v>
      </c>
      <c r="AN1957">
        <v>125811.51760000001</v>
      </c>
      <c r="AO1957">
        <v>39271.042990000002</v>
      </c>
      <c r="AP1957">
        <v>26764.544600000001</v>
      </c>
    </row>
    <row r="1958" spans="2:42" x14ac:dyDescent="0.3">
      <c r="B1958">
        <v>63.994836195162947</v>
      </c>
      <c r="C1958" s="83">
        <v>43182.5</v>
      </c>
      <c r="D1958">
        <v>281653.63329999999</v>
      </c>
      <c r="E1958">
        <v>34326.36982</v>
      </c>
      <c r="F1958">
        <v>94553.840649999998</v>
      </c>
      <c r="G1958">
        <v>93193.008610000004</v>
      </c>
      <c r="H1958">
        <v>53697.058810000002</v>
      </c>
      <c r="I1958">
        <v>42460.98285</v>
      </c>
      <c r="J1958">
        <v>43453.092960000002</v>
      </c>
      <c r="K1958">
        <v>59635.416510000003</v>
      </c>
      <c r="L1958">
        <v>35756.079319999997</v>
      </c>
      <c r="M1958">
        <v>326275.5184</v>
      </c>
      <c r="N1958">
        <v>99929.615170000005</v>
      </c>
      <c r="O1958">
        <v>29005.09101</v>
      </c>
      <c r="P1958">
        <v>40032.834819999996</v>
      </c>
      <c r="Q1958">
        <v>92220.195689999993</v>
      </c>
      <c r="R1958">
        <v>25884.971300000001</v>
      </c>
      <c r="S1958">
        <v>117644.4151</v>
      </c>
      <c r="T1958">
        <v>39025.324370000002</v>
      </c>
      <c r="U1958">
        <v>22439.694060000002</v>
      </c>
      <c r="W1958" s="83">
        <f>Bühler!N1990</f>
        <v>45373.499999995256</v>
      </c>
      <c r="X1958" s="83">
        <v>43182.5</v>
      </c>
      <c r="Y1958">
        <v>281653.63329999999</v>
      </c>
      <c r="Z1958">
        <v>34326.36982</v>
      </c>
      <c r="AA1958">
        <v>94553.840649999998</v>
      </c>
      <c r="AB1958">
        <v>93193.008610000004</v>
      </c>
      <c r="AC1958">
        <v>53697.058810000002</v>
      </c>
      <c r="AD1958">
        <v>42460.98285</v>
      </c>
      <c r="AE1958">
        <v>43453.092960000002</v>
      </c>
      <c r="AF1958">
        <v>59635.416510000003</v>
      </c>
      <c r="AG1958">
        <v>35756.079319999997</v>
      </c>
      <c r="AH1958">
        <v>326275.5184</v>
      </c>
      <c r="AI1958">
        <v>99929.615170000005</v>
      </c>
      <c r="AJ1958">
        <v>29005.09101</v>
      </c>
      <c r="AK1958">
        <v>40032.834819999996</v>
      </c>
      <c r="AL1958">
        <v>92220.195689999993</v>
      </c>
      <c r="AM1958">
        <v>25884.971300000001</v>
      </c>
      <c r="AN1958">
        <v>117644.4151</v>
      </c>
      <c r="AO1958">
        <v>39025.324370000002</v>
      </c>
      <c r="AP1958">
        <v>22439.694060000002</v>
      </c>
    </row>
    <row r="1959" spans="2:42" x14ac:dyDescent="0.3">
      <c r="B1959">
        <v>63.460113767446714</v>
      </c>
      <c r="C1959" s="83">
        <v>43182.541666666664</v>
      </c>
      <c r="D1959">
        <v>277976.47610000003</v>
      </c>
      <c r="E1959">
        <v>33390.356879999999</v>
      </c>
      <c r="F1959">
        <v>93180.57041</v>
      </c>
      <c r="G1959">
        <v>87708.552429999996</v>
      </c>
      <c r="H1959">
        <v>52216.395020000004</v>
      </c>
      <c r="I1959">
        <v>40830.74267</v>
      </c>
      <c r="J1959">
        <v>42254.380010000001</v>
      </c>
      <c r="K1959">
        <v>61278.162340000003</v>
      </c>
      <c r="L1959">
        <v>34961.382579999998</v>
      </c>
      <c r="M1959">
        <v>323549.25410000002</v>
      </c>
      <c r="N1959">
        <v>98574.261939999997</v>
      </c>
      <c r="O1959">
        <v>28684.997630000002</v>
      </c>
      <c r="P1959">
        <v>38253.572749999999</v>
      </c>
      <c r="Q1959">
        <v>90217.288339999999</v>
      </c>
      <c r="R1959">
        <v>25438.679980000001</v>
      </c>
      <c r="S1959">
        <v>115985.4809</v>
      </c>
      <c r="T1959">
        <v>36920.40625</v>
      </c>
      <c r="U1959">
        <v>22904.293280000002</v>
      </c>
      <c r="W1959" s="83">
        <f>Bühler!N1991</f>
        <v>45373.54166666192</v>
      </c>
      <c r="X1959" s="83">
        <v>43182.541666666664</v>
      </c>
      <c r="Y1959">
        <v>277976.47610000003</v>
      </c>
      <c r="Z1959">
        <v>33390.356879999999</v>
      </c>
      <c r="AA1959">
        <v>93180.57041</v>
      </c>
      <c r="AB1959">
        <v>87708.552429999996</v>
      </c>
      <c r="AC1959">
        <v>52216.395020000004</v>
      </c>
      <c r="AD1959">
        <v>40830.74267</v>
      </c>
      <c r="AE1959">
        <v>42254.380010000001</v>
      </c>
      <c r="AF1959">
        <v>61278.162340000003</v>
      </c>
      <c r="AG1959">
        <v>34961.382579999998</v>
      </c>
      <c r="AH1959">
        <v>323549.25410000002</v>
      </c>
      <c r="AI1959">
        <v>98574.261939999997</v>
      </c>
      <c r="AJ1959">
        <v>28684.997630000002</v>
      </c>
      <c r="AK1959">
        <v>38253.572749999999</v>
      </c>
      <c r="AL1959">
        <v>90217.288339999999</v>
      </c>
      <c r="AM1959">
        <v>25438.679980000001</v>
      </c>
      <c r="AN1959">
        <v>115985.4809</v>
      </c>
      <c r="AO1959">
        <v>36920.40625</v>
      </c>
      <c r="AP1959">
        <v>22904.293280000002</v>
      </c>
    </row>
    <row r="1960" spans="2:42" x14ac:dyDescent="0.3">
      <c r="B1960">
        <v>63.511463954432472</v>
      </c>
      <c r="C1960" s="83">
        <v>43182.583333333336</v>
      </c>
      <c r="D1960">
        <v>277491.9276</v>
      </c>
      <c r="E1960">
        <v>35764.960429999999</v>
      </c>
      <c r="F1960">
        <v>94239.812489999997</v>
      </c>
      <c r="G1960">
        <v>80241.804350000006</v>
      </c>
      <c r="H1960">
        <v>51385.334280000003</v>
      </c>
      <c r="I1960">
        <v>41183.343099999998</v>
      </c>
      <c r="J1960">
        <v>41779.109729999996</v>
      </c>
      <c r="K1960">
        <v>61475.672129999999</v>
      </c>
      <c r="L1960">
        <v>32094.03717</v>
      </c>
      <c r="M1960">
        <v>323811.0613</v>
      </c>
      <c r="N1960">
        <v>97179.734750000003</v>
      </c>
      <c r="O1960">
        <v>28204.375550000001</v>
      </c>
      <c r="P1960">
        <v>35696.123249999997</v>
      </c>
      <c r="Q1960">
        <v>88942.664269999994</v>
      </c>
      <c r="R1960">
        <v>25279.887890000002</v>
      </c>
      <c r="S1960">
        <v>110927.7766</v>
      </c>
      <c r="T1960">
        <v>34674.627469999999</v>
      </c>
      <c r="U1960">
        <v>22125.303189999999</v>
      </c>
      <c r="W1960" s="83">
        <f>Bühler!N1992</f>
        <v>45373.583333328585</v>
      </c>
      <c r="X1960" s="83">
        <v>43182.583333333336</v>
      </c>
      <c r="Y1960">
        <v>277491.9276</v>
      </c>
      <c r="Z1960">
        <v>35764.960429999999</v>
      </c>
      <c r="AA1960">
        <v>94239.812489999997</v>
      </c>
      <c r="AB1960">
        <v>80241.804350000006</v>
      </c>
      <c r="AC1960">
        <v>51385.334280000003</v>
      </c>
      <c r="AD1960">
        <v>41183.343099999998</v>
      </c>
      <c r="AE1960">
        <v>41779.109729999996</v>
      </c>
      <c r="AF1960">
        <v>61475.672129999999</v>
      </c>
      <c r="AG1960">
        <v>32094.03717</v>
      </c>
      <c r="AH1960">
        <v>323811.0613</v>
      </c>
      <c r="AI1960">
        <v>97179.734750000003</v>
      </c>
      <c r="AJ1960">
        <v>28204.375550000001</v>
      </c>
      <c r="AK1960">
        <v>35696.123249999997</v>
      </c>
      <c r="AL1960">
        <v>88942.664269999994</v>
      </c>
      <c r="AM1960">
        <v>25279.887890000002</v>
      </c>
      <c r="AN1960">
        <v>110927.7766</v>
      </c>
      <c r="AO1960">
        <v>34674.627469999999</v>
      </c>
      <c r="AP1960">
        <v>22125.303189999999</v>
      </c>
    </row>
    <row r="1961" spans="2:42" x14ac:dyDescent="0.3">
      <c r="B1961">
        <v>62.883230347466771</v>
      </c>
      <c r="C1961" s="83">
        <v>43182.625</v>
      </c>
      <c r="D1961">
        <v>272622.13799999998</v>
      </c>
      <c r="E1961">
        <v>35121.507060000004</v>
      </c>
      <c r="F1961">
        <v>94584.329490000004</v>
      </c>
      <c r="G1961">
        <v>74598.266359999994</v>
      </c>
      <c r="H1961">
        <v>49217.123209999998</v>
      </c>
      <c r="I1961">
        <v>41545.471279999998</v>
      </c>
      <c r="J1961">
        <v>41067.006730000001</v>
      </c>
      <c r="K1961">
        <v>60053.716269999997</v>
      </c>
      <c r="L1961">
        <v>28705.119429999999</v>
      </c>
      <c r="M1961">
        <v>320608.03340000001</v>
      </c>
      <c r="N1961">
        <v>94906.356780000002</v>
      </c>
      <c r="O1961">
        <v>26722.177080000001</v>
      </c>
      <c r="P1961">
        <v>32654.405910000001</v>
      </c>
      <c r="Q1961">
        <v>87738.605890000006</v>
      </c>
      <c r="R1961">
        <v>24771.871660000001</v>
      </c>
      <c r="S1961">
        <v>107413.2884</v>
      </c>
      <c r="T1961">
        <v>33279.216719999997</v>
      </c>
      <c r="U1961">
        <v>20570.48893</v>
      </c>
      <c r="W1961" s="83">
        <f>Bühler!N1993</f>
        <v>45373.624999995249</v>
      </c>
      <c r="X1961" s="83">
        <v>43182.625</v>
      </c>
      <c r="Y1961">
        <v>272622.13799999998</v>
      </c>
      <c r="Z1961">
        <v>35121.507060000004</v>
      </c>
      <c r="AA1961">
        <v>94584.329490000004</v>
      </c>
      <c r="AB1961">
        <v>74598.266359999994</v>
      </c>
      <c r="AC1961">
        <v>49217.123209999998</v>
      </c>
      <c r="AD1961">
        <v>41545.471279999998</v>
      </c>
      <c r="AE1961">
        <v>41067.006730000001</v>
      </c>
      <c r="AF1961">
        <v>60053.716269999997</v>
      </c>
      <c r="AG1961">
        <v>28705.119429999999</v>
      </c>
      <c r="AH1961">
        <v>320608.03340000001</v>
      </c>
      <c r="AI1961">
        <v>94906.356780000002</v>
      </c>
      <c r="AJ1961">
        <v>26722.177080000001</v>
      </c>
      <c r="AK1961">
        <v>32654.405910000001</v>
      </c>
      <c r="AL1961">
        <v>87738.605890000006</v>
      </c>
      <c r="AM1961">
        <v>24771.871660000001</v>
      </c>
      <c r="AN1961">
        <v>107413.2884</v>
      </c>
      <c r="AO1961">
        <v>33279.216719999997</v>
      </c>
      <c r="AP1961">
        <v>20570.48893</v>
      </c>
    </row>
    <row r="1962" spans="2:42" x14ac:dyDescent="0.3">
      <c r="B1962">
        <v>61.326169484933935</v>
      </c>
      <c r="C1962" s="83">
        <v>43182.666666666664</v>
      </c>
      <c r="D1962">
        <v>262738.79009999998</v>
      </c>
      <c r="E1962">
        <v>33664.914389999998</v>
      </c>
      <c r="F1962">
        <v>93768.443180000002</v>
      </c>
      <c r="G1962">
        <v>68135.596609999993</v>
      </c>
      <c r="H1962">
        <v>47725.853580000003</v>
      </c>
      <c r="I1962">
        <v>42662.58137</v>
      </c>
      <c r="J1962">
        <v>39917.125870000003</v>
      </c>
      <c r="K1962">
        <v>56110.256179999997</v>
      </c>
      <c r="L1962">
        <v>27798.348139999998</v>
      </c>
      <c r="M1962">
        <v>312669.41100000002</v>
      </c>
      <c r="N1962">
        <v>91229.115130000006</v>
      </c>
      <c r="O1962">
        <v>25671.604039999998</v>
      </c>
      <c r="P1962">
        <v>32719.57761</v>
      </c>
      <c r="Q1962">
        <v>85529.923809999993</v>
      </c>
      <c r="R1962">
        <v>23701.193350000001</v>
      </c>
      <c r="S1962">
        <v>104323.2978</v>
      </c>
      <c r="T1962">
        <v>32409.296419999999</v>
      </c>
      <c r="U1962">
        <v>18991.164529999998</v>
      </c>
      <c r="W1962" s="83">
        <f>Bühler!N1994</f>
        <v>45373.666666661913</v>
      </c>
      <c r="X1962" s="83">
        <v>43182.666666666664</v>
      </c>
      <c r="Y1962">
        <v>262738.79009999998</v>
      </c>
      <c r="Z1962">
        <v>33664.914389999998</v>
      </c>
      <c r="AA1962">
        <v>93768.443180000002</v>
      </c>
      <c r="AB1962">
        <v>68135.596609999993</v>
      </c>
      <c r="AC1962">
        <v>47725.853580000003</v>
      </c>
      <c r="AD1962">
        <v>42662.58137</v>
      </c>
      <c r="AE1962">
        <v>39917.125870000003</v>
      </c>
      <c r="AF1962">
        <v>56110.256179999997</v>
      </c>
      <c r="AG1962">
        <v>27798.348139999998</v>
      </c>
      <c r="AH1962">
        <v>312669.41100000002</v>
      </c>
      <c r="AI1962">
        <v>91229.115130000006</v>
      </c>
      <c r="AJ1962">
        <v>25671.604039999998</v>
      </c>
      <c r="AK1962">
        <v>32719.57761</v>
      </c>
      <c r="AL1962">
        <v>85529.923809999993</v>
      </c>
      <c r="AM1962">
        <v>23701.193350000001</v>
      </c>
      <c r="AN1962">
        <v>104323.2978</v>
      </c>
      <c r="AO1962">
        <v>32409.296419999999</v>
      </c>
      <c r="AP1962">
        <v>18991.164529999998</v>
      </c>
    </row>
    <row r="1963" spans="2:42" x14ac:dyDescent="0.3">
      <c r="B1963">
        <v>59.96588173665004</v>
      </c>
      <c r="C1963" s="83">
        <v>43182.708333333336</v>
      </c>
      <c r="D1963">
        <v>251494.3345</v>
      </c>
      <c r="E1963">
        <v>31341.439920000001</v>
      </c>
      <c r="F1963">
        <v>92494.510819999996</v>
      </c>
      <c r="G1963">
        <v>59152.608990000001</v>
      </c>
      <c r="H1963">
        <v>45503.022850000001</v>
      </c>
      <c r="I1963">
        <v>41577.502489999999</v>
      </c>
      <c r="J1963">
        <v>39563.17323</v>
      </c>
      <c r="K1963">
        <v>52216.430240000002</v>
      </c>
      <c r="L1963">
        <v>28133.230230000001</v>
      </c>
      <c r="M1963">
        <v>305734.02970000001</v>
      </c>
      <c r="N1963">
        <v>82916.098410000006</v>
      </c>
      <c r="O1963">
        <v>25003.831719999998</v>
      </c>
      <c r="P1963">
        <v>34483.531309999998</v>
      </c>
      <c r="Q1963">
        <v>83510.269740000003</v>
      </c>
      <c r="R1963">
        <v>23921.455160000001</v>
      </c>
      <c r="S1963">
        <v>100750.1727</v>
      </c>
      <c r="T1963">
        <v>32750.350320000001</v>
      </c>
      <c r="U1963">
        <v>17734.615689999999</v>
      </c>
      <c r="W1963" s="83">
        <f>Bühler!N1995</f>
        <v>45373.708333328577</v>
      </c>
      <c r="X1963" s="83">
        <v>43182.708333333336</v>
      </c>
      <c r="Y1963">
        <v>251494.3345</v>
      </c>
      <c r="Z1963">
        <v>31341.439920000001</v>
      </c>
      <c r="AA1963">
        <v>92494.510819999996</v>
      </c>
      <c r="AB1963">
        <v>59152.608990000001</v>
      </c>
      <c r="AC1963">
        <v>45503.022850000001</v>
      </c>
      <c r="AD1963">
        <v>41577.502489999999</v>
      </c>
      <c r="AE1963">
        <v>39563.17323</v>
      </c>
      <c r="AF1963">
        <v>52216.430240000002</v>
      </c>
      <c r="AG1963">
        <v>28133.230230000001</v>
      </c>
      <c r="AH1963">
        <v>305734.02970000001</v>
      </c>
      <c r="AI1963">
        <v>82916.098410000006</v>
      </c>
      <c r="AJ1963">
        <v>25003.831719999998</v>
      </c>
      <c r="AK1963">
        <v>34483.531309999998</v>
      </c>
      <c r="AL1963">
        <v>83510.269740000003</v>
      </c>
      <c r="AM1963">
        <v>23921.455160000001</v>
      </c>
      <c r="AN1963">
        <v>100750.1727</v>
      </c>
      <c r="AO1963">
        <v>32750.350320000001</v>
      </c>
      <c r="AP1963">
        <v>17734.615689999999</v>
      </c>
    </row>
    <row r="1964" spans="2:42" x14ac:dyDescent="0.3">
      <c r="B1964">
        <v>58.329980538016088</v>
      </c>
      <c r="C1964" s="83">
        <v>43182.75</v>
      </c>
      <c r="D1964">
        <v>243509.55960000001</v>
      </c>
      <c r="E1964">
        <v>29143.348180000001</v>
      </c>
      <c r="F1964">
        <v>91213.585330000002</v>
      </c>
      <c r="G1964">
        <v>52046.286829999997</v>
      </c>
      <c r="H1964">
        <v>44290.048390000004</v>
      </c>
      <c r="I1964">
        <v>40923.68634</v>
      </c>
      <c r="J1964">
        <v>40410.949249999998</v>
      </c>
      <c r="K1964">
        <v>50355.949500000002</v>
      </c>
      <c r="L1964">
        <v>30283.778200000001</v>
      </c>
      <c r="M1964">
        <v>297393.4425</v>
      </c>
      <c r="N1964">
        <v>80384.118199999997</v>
      </c>
      <c r="O1964">
        <v>24454.409729999999</v>
      </c>
      <c r="P1964">
        <v>37740.487699999998</v>
      </c>
      <c r="Q1964">
        <v>80335.294209999993</v>
      </c>
      <c r="R1964">
        <v>22511.614389999999</v>
      </c>
      <c r="S1964">
        <v>96540.752649999995</v>
      </c>
      <c r="T1964">
        <v>34226.474679999999</v>
      </c>
      <c r="U1964">
        <v>16943.274799999999</v>
      </c>
      <c r="W1964" s="83">
        <f>Bühler!N1996</f>
        <v>45373.749999995242</v>
      </c>
      <c r="X1964" s="83">
        <v>43182.75</v>
      </c>
      <c r="Y1964">
        <v>243509.55960000001</v>
      </c>
      <c r="Z1964">
        <v>29143.348180000001</v>
      </c>
      <c r="AA1964">
        <v>91213.585330000002</v>
      </c>
      <c r="AB1964">
        <v>52046.286829999997</v>
      </c>
      <c r="AC1964">
        <v>44290.048390000004</v>
      </c>
      <c r="AD1964">
        <v>40923.68634</v>
      </c>
      <c r="AE1964">
        <v>40410.949249999998</v>
      </c>
      <c r="AF1964">
        <v>50355.949500000002</v>
      </c>
      <c r="AG1964">
        <v>30283.778200000001</v>
      </c>
      <c r="AH1964">
        <v>297393.4425</v>
      </c>
      <c r="AI1964">
        <v>80384.118199999997</v>
      </c>
      <c r="AJ1964">
        <v>24454.409729999999</v>
      </c>
      <c r="AK1964">
        <v>37740.487699999998</v>
      </c>
      <c r="AL1964">
        <v>80335.294209999993</v>
      </c>
      <c r="AM1964">
        <v>22511.614389999999</v>
      </c>
      <c r="AN1964">
        <v>96540.752649999995</v>
      </c>
      <c r="AO1964">
        <v>34226.474679999999</v>
      </c>
      <c r="AP1964">
        <v>16943.274799999999</v>
      </c>
    </row>
    <row r="1965" spans="2:42" x14ac:dyDescent="0.3">
      <c r="B1965">
        <v>56.779967657678277</v>
      </c>
      <c r="C1965" s="83">
        <v>43182.791666666664</v>
      </c>
      <c r="D1965">
        <v>237340.0013</v>
      </c>
      <c r="E1965">
        <v>25043.112410000002</v>
      </c>
      <c r="F1965">
        <v>81245.146120000005</v>
      </c>
      <c r="G1965">
        <v>49322.689449999998</v>
      </c>
      <c r="H1965">
        <v>45078.256159999997</v>
      </c>
      <c r="I1965">
        <v>39694.41749</v>
      </c>
      <c r="J1965">
        <v>43401.233489999999</v>
      </c>
      <c r="K1965">
        <v>49010.708980000003</v>
      </c>
      <c r="L1965">
        <v>32339.900290000001</v>
      </c>
      <c r="M1965">
        <v>289490.75400000002</v>
      </c>
      <c r="N1965">
        <v>80855.069180000006</v>
      </c>
      <c r="O1965">
        <v>24297.05791</v>
      </c>
      <c r="P1965">
        <v>38941.331420000002</v>
      </c>
      <c r="Q1965">
        <v>77925.851469999994</v>
      </c>
      <c r="R1965">
        <v>22085.477220000001</v>
      </c>
      <c r="S1965">
        <v>96112.444510000001</v>
      </c>
      <c r="T1965">
        <v>36647.687940000003</v>
      </c>
      <c r="U1965">
        <v>17106.39847</v>
      </c>
      <c r="W1965" s="83">
        <f>Bühler!N1997</f>
        <v>45373.791666661906</v>
      </c>
      <c r="X1965" s="83">
        <v>43182.791666666664</v>
      </c>
      <c r="Y1965">
        <v>237340.0013</v>
      </c>
      <c r="Z1965">
        <v>25043.112410000002</v>
      </c>
      <c r="AA1965">
        <v>81245.146120000005</v>
      </c>
      <c r="AB1965">
        <v>49322.689449999998</v>
      </c>
      <c r="AC1965">
        <v>45078.256159999997</v>
      </c>
      <c r="AD1965">
        <v>39694.41749</v>
      </c>
      <c r="AE1965">
        <v>43401.233489999999</v>
      </c>
      <c r="AF1965">
        <v>49010.708980000003</v>
      </c>
      <c r="AG1965">
        <v>32339.900290000001</v>
      </c>
      <c r="AH1965">
        <v>289490.75400000002</v>
      </c>
      <c r="AI1965">
        <v>80855.069180000006</v>
      </c>
      <c r="AJ1965">
        <v>24297.05791</v>
      </c>
      <c r="AK1965">
        <v>38941.331420000002</v>
      </c>
      <c r="AL1965">
        <v>77925.851469999994</v>
      </c>
      <c r="AM1965">
        <v>22085.477220000001</v>
      </c>
      <c r="AN1965">
        <v>96112.444510000001</v>
      </c>
      <c r="AO1965">
        <v>36647.687940000003</v>
      </c>
      <c r="AP1965">
        <v>17106.39847</v>
      </c>
    </row>
    <row r="1966" spans="2:42" x14ac:dyDescent="0.3">
      <c r="B1966">
        <v>55.34200947412225</v>
      </c>
      <c r="C1966" s="83">
        <v>43182.833333333336</v>
      </c>
      <c r="D1966">
        <v>228328.70939999999</v>
      </c>
      <c r="E1966">
        <v>19410.012060000001</v>
      </c>
      <c r="F1966">
        <v>62099.883849999998</v>
      </c>
      <c r="G1966">
        <v>45811.140780000002</v>
      </c>
      <c r="H1966">
        <v>43012.631569999998</v>
      </c>
      <c r="I1966">
        <v>35078.387730000002</v>
      </c>
      <c r="J1966">
        <v>42651.188049999997</v>
      </c>
      <c r="K1966">
        <v>47984.821779999998</v>
      </c>
      <c r="L1966">
        <v>30508.4139</v>
      </c>
      <c r="M1966">
        <v>282159.3726</v>
      </c>
      <c r="N1966">
        <v>79737.221090000006</v>
      </c>
      <c r="O1966">
        <v>23040.896260000001</v>
      </c>
      <c r="P1966">
        <v>39888.031540000004</v>
      </c>
      <c r="Q1966">
        <v>74879.666270000002</v>
      </c>
      <c r="R1966">
        <v>21216.692749999998</v>
      </c>
      <c r="S1966">
        <v>87882.404039999994</v>
      </c>
      <c r="T1966">
        <v>35615.54722</v>
      </c>
      <c r="U1966">
        <v>16492.334650000001</v>
      </c>
      <c r="W1966" s="83">
        <f>Bühler!N1998</f>
        <v>45373.83333332857</v>
      </c>
      <c r="X1966" s="83">
        <v>43182.833333333336</v>
      </c>
      <c r="Y1966">
        <v>228328.70939999999</v>
      </c>
      <c r="Z1966">
        <v>19410.012060000001</v>
      </c>
      <c r="AA1966">
        <v>62099.883849999998</v>
      </c>
      <c r="AB1966">
        <v>45811.140780000002</v>
      </c>
      <c r="AC1966">
        <v>43012.631569999998</v>
      </c>
      <c r="AD1966">
        <v>35078.387730000002</v>
      </c>
      <c r="AE1966">
        <v>42651.188049999997</v>
      </c>
      <c r="AF1966">
        <v>47984.821779999998</v>
      </c>
      <c r="AG1966">
        <v>30508.4139</v>
      </c>
      <c r="AH1966">
        <v>282159.3726</v>
      </c>
      <c r="AI1966">
        <v>79737.221090000006</v>
      </c>
      <c r="AJ1966">
        <v>23040.896260000001</v>
      </c>
      <c r="AK1966">
        <v>39888.031540000004</v>
      </c>
      <c r="AL1966">
        <v>74879.666270000002</v>
      </c>
      <c r="AM1966">
        <v>21216.692749999998</v>
      </c>
      <c r="AN1966">
        <v>87882.404039999994</v>
      </c>
      <c r="AO1966">
        <v>35615.54722</v>
      </c>
      <c r="AP1966">
        <v>16492.334650000001</v>
      </c>
    </row>
    <row r="1967" spans="2:42" x14ac:dyDescent="0.3">
      <c r="B1967">
        <v>54.372859131922532</v>
      </c>
      <c r="C1967" s="83">
        <v>43182.875</v>
      </c>
      <c r="D1967">
        <v>221634.5888</v>
      </c>
      <c r="E1967">
        <v>16791.521560000001</v>
      </c>
      <c r="F1967">
        <v>53276.038890000003</v>
      </c>
      <c r="G1967">
        <v>43447.065499999997</v>
      </c>
      <c r="H1967">
        <v>40634.582170000001</v>
      </c>
      <c r="I1967">
        <v>30148.265640000001</v>
      </c>
      <c r="J1967">
        <v>40674.678240000001</v>
      </c>
      <c r="K1967">
        <v>49414.376120000001</v>
      </c>
      <c r="L1967">
        <v>29358.437290000002</v>
      </c>
      <c r="M1967">
        <v>277218.19219999999</v>
      </c>
      <c r="N1967">
        <v>77660.137470000001</v>
      </c>
      <c r="O1967">
        <v>22613.948230000002</v>
      </c>
      <c r="P1967">
        <v>37886.223270000002</v>
      </c>
      <c r="Q1967">
        <v>72378.490489999996</v>
      </c>
      <c r="R1967">
        <v>20185.193210000001</v>
      </c>
      <c r="S1967">
        <v>83014.290640000007</v>
      </c>
      <c r="T1967">
        <v>32735.889370000001</v>
      </c>
      <c r="U1967">
        <v>15725.694020000001</v>
      </c>
      <c r="W1967" s="83">
        <f>Bühler!N1999</f>
        <v>45373.874999995234</v>
      </c>
      <c r="X1967" s="83">
        <v>43182.875</v>
      </c>
      <c r="Y1967">
        <v>221634.5888</v>
      </c>
      <c r="Z1967">
        <v>16791.521560000001</v>
      </c>
      <c r="AA1967">
        <v>53276.038890000003</v>
      </c>
      <c r="AB1967">
        <v>43447.065499999997</v>
      </c>
      <c r="AC1967">
        <v>40634.582170000001</v>
      </c>
      <c r="AD1967">
        <v>30148.265640000001</v>
      </c>
      <c r="AE1967">
        <v>40674.678240000001</v>
      </c>
      <c r="AF1967">
        <v>49414.376120000001</v>
      </c>
      <c r="AG1967">
        <v>29358.437290000002</v>
      </c>
      <c r="AH1967">
        <v>277218.19219999999</v>
      </c>
      <c r="AI1967">
        <v>77660.137470000001</v>
      </c>
      <c r="AJ1967">
        <v>22613.948230000002</v>
      </c>
      <c r="AK1967">
        <v>37886.223270000002</v>
      </c>
      <c r="AL1967">
        <v>72378.490489999996</v>
      </c>
      <c r="AM1967">
        <v>20185.193210000001</v>
      </c>
      <c r="AN1967">
        <v>83014.290640000007</v>
      </c>
      <c r="AO1967">
        <v>32735.889370000001</v>
      </c>
      <c r="AP1967">
        <v>15725.694020000001</v>
      </c>
    </row>
    <row r="1968" spans="2:42" x14ac:dyDescent="0.3">
      <c r="B1968">
        <v>54.437820117792839</v>
      </c>
      <c r="C1968" s="83">
        <v>43182.916666666664</v>
      </c>
      <c r="D1968">
        <v>217929.21249999999</v>
      </c>
      <c r="E1968">
        <v>15955.495150000001</v>
      </c>
      <c r="F1968">
        <v>50513.450060000003</v>
      </c>
      <c r="G1968">
        <v>42017.586439999999</v>
      </c>
      <c r="H1968">
        <v>39746.997040000002</v>
      </c>
      <c r="I1968">
        <v>28650.48905</v>
      </c>
      <c r="J1968">
        <v>39484.473579999998</v>
      </c>
      <c r="K1968">
        <v>52694.877509999998</v>
      </c>
      <c r="L1968">
        <v>27036.055420000001</v>
      </c>
      <c r="M1968">
        <v>277549.39360000001</v>
      </c>
      <c r="N1968">
        <v>76270.883860000002</v>
      </c>
      <c r="O1968">
        <v>23297.790359999999</v>
      </c>
      <c r="P1968">
        <v>40761.694560000004</v>
      </c>
      <c r="Q1968">
        <v>70782.408729999996</v>
      </c>
      <c r="R1968">
        <v>26080.094120000002</v>
      </c>
      <c r="S1968">
        <v>82520.360109999994</v>
      </c>
      <c r="T1968">
        <v>29089.89705</v>
      </c>
      <c r="U1968">
        <v>16018.97205</v>
      </c>
      <c r="W1968" s="83">
        <f>Bühler!N2000</f>
        <v>45373.916666661898</v>
      </c>
      <c r="X1968" s="83">
        <v>43182.916666666664</v>
      </c>
      <c r="Y1968">
        <v>217929.21249999999</v>
      </c>
      <c r="Z1968">
        <v>15955.495150000001</v>
      </c>
      <c r="AA1968">
        <v>50513.450060000003</v>
      </c>
      <c r="AB1968">
        <v>42017.586439999999</v>
      </c>
      <c r="AC1968">
        <v>39746.997040000002</v>
      </c>
      <c r="AD1968">
        <v>28650.48905</v>
      </c>
      <c r="AE1968">
        <v>39484.473579999998</v>
      </c>
      <c r="AF1968">
        <v>52694.877509999998</v>
      </c>
      <c r="AG1968">
        <v>27036.055420000001</v>
      </c>
      <c r="AH1968">
        <v>277549.39360000001</v>
      </c>
      <c r="AI1968">
        <v>76270.883860000002</v>
      </c>
      <c r="AJ1968">
        <v>23297.790359999999</v>
      </c>
      <c r="AK1968">
        <v>40761.694560000004</v>
      </c>
      <c r="AL1968">
        <v>70782.408729999996</v>
      </c>
      <c r="AM1968">
        <v>26080.094120000002</v>
      </c>
      <c r="AN1968">
        <v>82520.360109999994</v>
      </c>
      <c r="AO1968">
        <v>29089.89705</v>
      </c>
      <c r="AP1968">
        <v>16018.97205</v>
      </c>
    </row>
    <row r="1969" spans="2:42" x14ac:dyDescent="0.3">
      <c r="B1969">
        <v>53.229825166582145</v>
      </c>
      <c r="C1969" s="83">
        <v>43182.958333333336</v>
      </c>
      <c r="D1969">
        <v>216167.6887</v>
      </c>
      <c r="E1969">
        <v>15447.80176</v>
      </c>
      <c r="F1969">
        <v>49121.873870000003</v>
      </c>
      <c r="G1969">
        <v>41688.632669999999</v>
      </c>
      <c r="H1969">
        <v>38692.990129999998</v>
      </c>
      <c r="I1969">
        <v>27294.338810000001</v>
      </c>
      <c r="J1969">
        <v>36922.371370000001</v>
      </c>
      <c r="K1969">
        <v>51949.99725</v>
      </c>
      <c r="L1969">
        <v>23469.6191</v>
      </c>
      <c r="M1969">
        <v>271390.47200000001</v>
      </c>
      <c r="N1969">
        <v>74912.963189999995</v>
      </c>
      <c r="O1969">
        <v>22800.818889999999</v>
      </c>
      <c r="P1969">
        <v>36059.89041</v>
      </c>
      <c r="Q1969">
        <v>69071.032619999998</v>
      </c>
      <c r="R1969">
        <v>27891.627380000002</v>
      </c>
      <c r="S1969">
        <v>80654.416320000004</v>
      </c>
      <c r="T1969">
        <v>29390.345740000001</v>
      </c>
      <c r="U1969">
        <v>15329.05385</v>
      </c>
      <c r="W1969" s="83">
        <f>Bühler!N2001</f>
        <v>45373.958333328563</v>
      </c>
      <c r="X1969" s="83">
        <v>43182.958333333336</v>
      </c>
      <c r="Y1969">
        <v>216167.6887</v>
      </c>
      <c r="Z1969">
        <v>15447.80176</v>
      </c>
      <c r="AA1969">
        <v>49121.873870000003</v>
      </c>
      <c r="AB1969">
        <v>41688.632669999999</v>
      </c>
      <c r="AC1969">
        <v>38692.990129999998</v>
      </c>
      <c r="AD1969">
        <v>27294.338810000001</v>
      </c>
      <c r="AE1969">
        <v>36922.371370000001</v>
      </c>
      <c r="AF1969">
        <v>51949.99725</v>
      </c>
      <c r="AG1969">
        <v>23469.6191</v>
      </c>
      <c r="AH1969">
        <v>271390.47200000001</v>
      </c>
      <c r="AI1969">
        <v>74912.963189999995</v>
      </c>
      <c r="AJ1969">
        <v>22800.818889999999</v>
      </c>
      <c r="AK1969">
        <v>36059.89041</v>
      </c>
      <c r="AL1969">
        <v>69071.032619999998</v>
      </c>
      <c r="AM1969">
        <v>27891.627380000002</v>
      </c>
      <c r="AN1969">
        <v>80654.416320000004</v>
      </c>
      <c r="AO1969">
        <v>29390.345740000001</v>
      </c>
      <c r="AP1969">
        <v>15329.05385</v>
      </c>
    </row>
    <row r="1970" spans="2:42" x14ac:dyDescent="0.3">
      <c r="B1970">
        <v>52.009908061546525</v>
      </c>
      <c r="C1970" s="83">
        <v>43183</v>
      </c>
      <c r="D1970">
        <v>212863.3444</v>
      </c>
      <c r="E1970">
        <v>15217.792939999999</v>
      </c>
      <c r="F1970">
        <v>48017.457260000003</v>
      </c>
      <c r="G1970">
        <v>41271.396090000002</v>
      </c>
      <c r="H1970">
        <v>37972.196490000002</v>
      </c>
      <c r="I1970">
        <v>25381.84276</v>
      </c>
      <c r="J1970">
        <v>35244.138870000002</v>
      </c>
      <c r="K1970">
        <v>50372.196839999997</v>
      </c>
      <c r="L1970">
        <v>19733.624360000002</v>
      </c>
      <c r="M1970">
        <v>265170.76569999999</v>
      </c>
      <c r="N1970">
        <v>74966.436489999993</v>
      </c>
      <c r="O1970">
        <v>22824.32476</v>
      </c>
      <c r="P1970">
        <v>33813.853170000002</v>
      </c>
      <c r="Q1970">
        <v>68276.205220000003</v>
      </c>
      <c r="R1970">
        <v>24172.49265</v>
      </c>
      <c r="S1970">
        <v>80040.117580000006</v>
      </c>
      <c r="T1970">
        <v>28520.298940000001</v>
      </c>
      <c r="U1970">
        <v>14993.52547</v>
      </c>
      <c r="W1970" s="83">
        <f>Bühler!N2002</f>
        <v>45373.999999995227</v>
      </c>
      <c r="X1970" s="83">
        <v>43183</v>
      </c>
      <c r="Y1970">
        <v>212863.3444</v>
      </c>
      <c r="Z1970">
        <v>15217.792939999999</v>
      </c>
      <c r="AA1970">
        <v>48017.457260000003</v>
      </c>
      <c r="AB1970">
        <v>41271.396090000002</v>
      </c>
      <c r="AC1970">
        <v>37972.196490000002</v>
      </c>
      <c r="AD1970">
        <v>25381.84276</v>
      </c>
      <c r="AE1970">
        <v>35244.138870000002</v>
      </c>
      <c r="AF1970">
        <v>50372.196839999997</v>
      </c>
      <c r="AG1970">
        <v>19733.624360000002</v>
      </c>
      <c r="AH1970">
        <v>265170.76569999999</v>
      </c>
      <c r="AI1970">
        <v>74966.436489999993</v>
      </c>
      <c r="AJ1970">
        <v>22824.32476</v>
      </c>
      <c r="AK1970">
        <v>33813.853170000002</v>
      </c>
      <c r="AL1970">
        <v>68276.205220000003</v>
      </c>
      <c r="AM1970">
        <v>24172.49265</v>
      </c>
      <c r="AN1970">
        <v>80040.117580000006</v>
      </c>
      <c r="AO1970">
        <v>28520.298940000001</v>
      </c>
      <c r="AP1970">
        <v>14993.52547</v>
      </c>
    </row>
    <row r="1971" spans="2:42" x14ac:dyDescent="0.3">
      <c r="B1971">
        <v>51.133430705360638</v>
      </c>
      <c r="C1971" s="83">
        <v>43183.041666666664</v>
      </c>
      <c r="D1971">
        <v>209419.14559999999</v>
      </c>
      <c r="E1971">
        <v>15197.20213</v>
      </c>
      <c r="F1971">
        <v>48108.64862</v>
      </c>
      <c r="G1971">
        <v>40921.786760000003</v>
      </c>
      <c r="H1971">
        <v>37696.897109999998</v>
      </c>
      <c r="I1971">
        <v>20932.394179999999</v>
      </c>
      <c r="J1971">
        <v>34592.634149999998</v>
      </c>
      <c r="K1971">
        <v>49512.570030000003</v>
      </c>
      <c r="L1971">
        <v>18650.035810000001</v>
      </c>
      <c r="M1971">
        <v>260702.0754</v>
      </c>
      <c r="N1971">
        <v>73723.769979999997</v>
      </c>
      <c r="O1971">
        <v>22667.920119999999</v>
      </c>
      <c r="P1971">
        <v>32906.767800000001</v>
      </c>
      <c r="Q1971">
        <v>68341.625440000003</v>
      </c>
      <c r="R1971">
        <v>22708.154979999999</v>
      </c>
      <c r="S1971">
        <v>79007.719089999999</v>
      </c>
      <c r="T1971">
        <v>27880.362550000002</v>
      </c>
      <c r="U1971">
        <v>15198.42246</v>
      </c>
      <c r="W1971" s="83">
        <f>Bühler!N2003</f>
        <v>45374.041666661891</v>
      </c>
      <c r="X1971" s="83">
        <v>43183.041666666664</v>
      </c>
      <c r="Y1971">
        <v>209419.14559999999</v>
      </c>
      <c r="Z1971">
        <v>15197.20213</v>
      </c>
      <c r="AA1971">
        <v>48108.64862</v>
      </c>
      <c r="AB1971">
        <v>40921.786760000003</v>
      </c>
      <c r="AC1971">
        <v>37696.897109999998</v>
      </c>
      <c r="AD1971">
        <v>20932.394179999999</v>
      </c>
      <c r="AE1971">
        <v>34592.634149999998</v>
      </c>
      <c r="AF1971">
        <v>49512.570030000003</v>
      </c>
      <c r="AG1971">
        <v>18650.035810000001</v>
      </c>
      <c r="AH1971">
        <v>260702.0754</v>
      </c>
      <c r="AI1971">
        <v>73723.769979999997</v>
      </c>
      <c r="AJ1971">
        <v>22667.920119999999</v>
      </c>
      <c r="AK1971">
        <v>32906.767800000001</v>
      </c>
      <c r="AL1971">
        <v>68341.625440000003</v>
      </c>
      <c r="AM1971">
        <v>22708.154979999999</v>
      </c>
      <c r="AN1971">
        <v>79007.719089999999</v>
      </c>
      <c r="AO1971">
        <v>27880.362550000002</v>
      </c>
      <c r="AP1971">
        <v>15198.42246</v>
      </c>
    </row>
    <row r="1972" spans="2:42" x14ac:dyDescent="0.3">
      <c r="B1972">
        <v>50.584345311393669</v>
      </c>
      <c r="C1972" s="83">
        <v>43183.083333333336</v>
      </c>
      <c r="D1972">
        <v>204640.16399999999</v>
      </c>
      <c r="E1972">
        <v>15074.688829999999</v>
      </c>
      <c r="F1972">
        <v>49274.264159999999</v>
      </c>
      <c r="G1972">
        <v>40324.35398</v>
      </c>
      <c r="H1972">
        <v>37355.429170000003</v>
      </c>
      <c r="I1972">
        <v>17879.583620000001</v>
      </c>
      <c r="J1972">
        <v>34172.97795</v>
      </c>
      <c r="K1972">
        <v>47800.047019999998</v>
      </c>
      <c r="L1972">
        <v>18671.24526</v>
      </c>
      <c r="M1972">
        <v>257902.58199999999</v>
      </c>
      <c r="N1972">
        <v>72378.653200000001</v>
      </c>
      <c r="O1972">
        <v>22980.028149999998</v>
      </c>
      <c r="P1972">
        <v>31032.117030000001</v>
      </c>
      <c r="Q1972">
        <v>68340.579849999995</v>
      </c>
      <c r="R1972">
        <v>22523.040249999998</v>
      </c>
      <c r="S1972">
        <v>78927.856639999998</v>
      </c>
      <c r="T1972">
        <v>26720.850569999999</v>
      </c>
      <c r="U1972">
        <v>15457.638569999999</v>
      </c>
      <c r="W1972" s="83">
        <f>Bühler!N2004</f>
        <v>45374.083333328555</v>
      </c>
      <c r="X1972" s="83">
        <v>43183.083333333336</v>
      </c>
      <c r="Y1972">
        <v>204640.16399999999</v>
      </c>
      <c r="Z1972">
        <v>15074.688829999999</v>
      </c>
      <c r="AA1972">
        <v>49274.264159999999</v>
      </c>
      <c r="AB1972">
        <v>40324.35398</v>
      </c>
      <c r="AC1972">
        <v>37355.429170000003</v>
      </c>
      <c r="AD1972">
        <v>17879.583620000001</v>
      </c>
      <c r="AE1972">
        <v>34172.97795</v>
      </c>
      <c r="AF1972">
        <v>47800.047019999998</v>
      </c>
      <c r="AG1972">
        <v>18671.24526</v>
      </c>
      <c r="AH1972">
        <v>257902.58199999999</v>
      </c>
      <c r="AI1972">
        <v>72378.653200000001</v>
      </c>
      <c r="AJ1972">
        <v>22980.028149999998</v>
      </c>
      <c r="AK1972">
        <v>31032.117030000001</v>
      </c>
      <c r="AL1972">
        <v>68340.579849999995</v>
      </c>
      <c r="AM1972">
        <v>22523.040249999998</v>
      </c>
      <c r="AN1972">
        <v>78927.856639999998</v>
      </c>
      <c r="AO1972">
        <v>26720.850569999999</v>
      </c>
      <c r="AP1972">
        <v>15457.638569999999</v>
      </c>
    </row>
    <row r="1973" spans="2:42" x14ac:dyDescent="0.3">
      <c r="B1973">
        <v>49.20507183416548</v>
      </c>
      <c r="C1973" s="83">
        <v>43183.125</v>
      </c>
      <c r="D1973">
        <v>200286.69680000001</v>
      </c>
      <c r="E1973">
        <v>15135.280500000001</v>
      </c>
      <c r="F1973">
        <v>50160.55861</v>
      </c>
      <c r="G1973">
        <v>39569.844319999997</v>
      </c>
      <c r="H1973">
        <v>37035.011760000001</v>
      </c>
      <c r="I1973">
        <v>17560.30615</v>
      </c>
      <c r="J1973">
        <v>34602.68406</v>
      </c>
      <c r="K1973">
        <v>46086.80717</v>
      </c>
      <c r="L1973">
        <v>18666.09318</v>
      </c>
      <c r="M1973">
        <v>250870.4026</v>
      </c>
      <c r="N1973">
        <v>73173.307929999995</v>
      </c>
      <c r="O1973">
        <v>22565.4676</v>
      </c>
      <c r="P1973">
        <v>29591.075390000002</v>
      </c>
      <c r="Q1973">
        <v>67280.895470000003</v>
      </c>
      <c r="R1973">
        <v>22102.2019</v>
      </c>
      <c r="S1973">
        <v>78465.065730000002</v>
      </c>
      <c r="T1973">
        <v>26593.838660000001</v>
      </c>
      <c r="U1973">
        <v>15643.893910000001</v>
      </c>
      <c r="W1973" s="83">
        <f>Bühler!N2005</f>
        <v>45374.12499999522</v>
      </c>
      <c r="X1973" s="83">
        <v>43183.125</v>
      </c>
      <c r="Y1973">
        <v>200286.69680000001</v>
      </c>
      <c r="Z1973">
        <v>15135.280500000001</v>
      </c>
      <c r="AA1973">
        <v>50160.55861</v>
      </c>
      <c r="AB1973">
        <v>39569.844319999997</v>
      </c>
      <c r="AC1973">
        <v>37035.011760000001</v>
      </c>
      <c r="AD1973">
        <v>17560.30615</v>
      </c>
      <c r="AE1973">
        <v>34602.68406</v>
      </c>
      <c r="AF1973">
        <v>46086.80717</v>
      </c>
      <c r="AG1973">
        <v>18666.09318</v>
      </c>
      <c r="AH1973">
        <v>250870.4026</v>
      </c>
      <c r="AI1973">
        <v>73173.307929999995</v>
      </c>
      <c r="AJ1973">
        <v>22565.4676</v>
      </c>
      <c r="AK1973">
        <v>29591.075390000002</v>
      </c>
      <c r="AL1973">
        <v>67280.895470000003</v>
      </c>
      <c r="AM1973">
        <v>22102.2019</v>
      </c>
      <c r="AN1973">
        <v>78465.065730000002</v>
      </c>
      <c r="AO1973">
        <v>26593.838660000001</v>
      </c>
      <c r="AP1973">
        <v>15643.893910000001</v>
      </c>
    </row>
    <row r="1974" spans="2:42" x14ac:dyDescent="0.3">
      <c r="B1974">
        <v>47.982074999080304</v>
      </c>
      <c r="C1974" s="83">
        <v>43183.166666666664</v>
      </c>
      <c r="D1974">
        <v>194183.13690000001</v>
      </c>
      <c r="E1974">
        <v>15233.305979999999</v>
      </c>
      <c r="F1974">
        <v>52869.50533</v>
      </c>
      <c r="G1974">
        <v>39019.38521</v>
      </c>
      <c r="H1974">
        <v>37533.269890000003</v>
      </c>
      <c r="I1974">
        <v>19948.656859999999</v>
      </c>
      <c r="J1974">
        <v>36817.82965</v>
      </c>
      <c r="K1974">
        <v>44475.835330000002</v>
      </c>
      <c r="L1974">
        <v>18744.831620000001</v>
      </c>
      <c r="M1974">
        <v>244634.9944</v>
      </c>
      <c r="N1974">
        <v>71735.172619999998</v>
      </c>
      <c r="O1974">
        <v>23119.085490000001</v>
      </c>
      <c r="P1974">
        <v>29658.379690000002</v>
      </c>
      <c r="Q1974">
        <v>67762.895730000004</v>
      </c>
      <c r="R1974">
        <v>22745.41605</v>
      </c>
      <c r="S1974">
        <v>79203.961479999998</v>
      </c>
      <c r="T1974">
        <v>26307.189450000002</v>
      </c>
      <c r="U1974">
        <v>15700.54415</v>
      </c>
      <c r="W1974" s="83">
        <f>Bühler!N2006</f>
        <v>45374.166666661884</v>
      </c>
      <c r="X1974" s="83">
        <v>43183.166666666664</v>
      </c>
      <c r="Y1974">
        <v>194183.13690000001</v>
      </c>
      <c r="Z1974">
        <v>15233.305979999999</v>
      </c>
      <c r="AA1974">
        <v>52869.50533</v>
      </c>
      <c r="AB1974">
        <v>39019.38521</v>
      </c>
      <c r="AC1974">
        <v>37533.269890000003</v>
      </c>
      <c r="AD1974">
        <v>19948.656859999999</v>
      </c>
      <c r="AE1974">
        <v>36817.82965</v>
      </c>
      <c r="AF1974">
        <v>44475.835330000002</v>
      </c>
      <c r="AG1974">
        <v>18744.831620000001</v>
      </c>
      <c r="AH1974">
        <v>244634.9944</v>
      </c>
      <c r="AI1974">
        <v>71735.172619999998</v>
      </c>
      <c r="AJ1974">
        <v>23119.085490000001</v>
      </c>
      <c r="AK1974">
        <v>29658.379690000002</v>
      </c>
      <c r="AL1974">
        <v>67762.895730000004</v>
      </c>
      <c r="AM1974">
        <v>22745.41605</v>
      </c>
      <c r="AN1974">
        <v>79203.961479999998</v>
      </c>
      <c r="AO1974">
        <v>26307.189450000002</v>
      </c>
      <c r="AP1974">
        <v>15700.54415</v>
      </c>
    </row>
    <row r="1975" spans="2:42" x14ac:dyDescent="0.3">
      <c r="B1975">
        <v>47.582169407231682</v>
      </c>
      <c r="C1975" s="83">
        <v>43183.208333333336</v>
      </c>
      <c r="D1975">
        <v>191061.52220000001</v>
      </c>
      <c r="E1975">
        <v>16134.125620000001</v>
      </c>
      <c r="F1975">
        <v>63319.111709999997</v>
      </c>
      <c r="G1975">
        <v>39998.26139</v>
      </c>
      <c r="H1975">
        <v>38416.834490000001</v>
      </c>
      <c r="I1975">
        <v>28605.11131</v>
      </c>
      <c r="J1975">
        <v>39147.762470000001</v>
      </c>
      <c r="K1975">
        <v>44277.162490000002</v>
      </c>
      <c r="L1975">
        <v>19371.776570000002</v>
      </c>
      <c r="M1975">
        <v>242596.08919999999</v>
      </c>
      <c r="N1975">
        <v>69770.139769999994</v>
      </c>
      <c r="O1975">
        <v>23633.114710000002</v>
      </c>
      <c r="P1975">
        <v>30945.117300000002</v>
      </c>
      <c r="Q1975">
        <v>66126.479609999995</v>
      </c>
      <c r="R1975">
        <v>25191.09935</v>
      </c>
      <c r="S1975">
        <v>81112.71544</v>
      </c>
      <c r="T1975">
        <v>27506.190610000001</v>
      </c>
      <c r="U1975">
        <v>16455.423889999998</v>
      </c>
      <c r="W1975" s="83">
        <f>Bühler!N2007</f>
        <v>45374.208333328548</v>
      </c>
      <c r="X1975" s="83">
        <v>43183.208333333336</v>
      </c>
      <c r="Y1975">
        <v>191061.52220000001</v>
      </c>
      <c r="Z1975">
        <v>16134.125620000001</v>
      </c>
      <c r="AA1975">
        <v>63319.111709999997</v>
      </c>
      <c r="AB1975">
        <v>39998.26139</v>
      </c>
      <c r="AC1975">
        <v>38416.834490000001</v>
      </c>
      <c r="AD1975">
        <v>28605.11131</v>
      </c>
      <c r="AE1975">
        <v>39147.762470000001</v>
      </c>
      <c r="AF1975">
        <v>44277.162490000002</v>
      </c>
      <c r="AG1975">
        <v>19371.776570000002</v>
      </c>
      <c r="AH1975">
        <v>242596.08919999999</v>
      </c>
      <c r="AI1975">
        <v>69770.139769999994</v>
      </c>
      <c r="AJ1975">
        <v>23633.114710000002</v>
      </c>
      <c r="AK1975">
        <v>30945.117300000002</v>
      </c>
      <c r="AL1975">
        <v>66126.479609999995</v>
      </c>
      <c r="AM1975">
        <v>25191.09935</v>
      </c>
      <c r="AN1975">
        <v>81112.71544</v>
      </c>
      <c r="AO1975">
        <v>27506.190610000001</v>
      </c>
      <c r="AP1975">
        <v>16455.423889999998</v>
      </c>
    </row>
    <row r="1976" spans="2:42" x14ac:dyDescent="0.3">
      <c r="B1976">
        <v>47.842908698390779</v>
      </c>
      <c r="C1976" s="83">
        <v>43183.25</v>
      </c>
      <c r="D1976">
        <v>191646.50829999999</v>
      </c>
      <c r="E1976">
        <v>18011.358950000002</v>
      </c>
      <c r="F1976">
        <v>75154.400609999997</v>
      </c>
      <c r="G1976">
        <v>41531.158450000003</v>
      </c>
      <c r="H1976">
        <v>38579.416299999997</v>
      </c>
      <c r="I1976">
        <v>31834.34664</v>
      </c>
      <c r="J1976">
        <v>42064.997929999998</v>
      </c>
      <c r="K1976">
        <v>43221.988720000001</v>
      </c>
      <c r="L1976">
        <v>20030.83138</v>
      </c>
      <c r="M1976">
        <v>243925.45970000001</v>
      </c>
      <c r="N1976">
        <v>69016.841180000003</v>
      </c>
      <c r="O1976">
        <v>23170.070090000001</v>
      </c>
      <c r="P1976">
        <v>30950.963500000002</v>
      </c>
      <c r="Q1976">
        <v>64487.381070000003</v>
      </c>
      <c r="R1976">
        <v>18078.756369999999</v>
      </c>
      <c r="S1976">
        <v>83833.463570000007</v>
      </c>
      <c r="T1976">
        <v>28667.155350000001</v>
      </c>
      <c r="U1976">
        <v>16352.258970000001</v>
      </c>
      <c r="W1976" s="83">
        <f>Bühler!N2008</f>
        <v>45374.249999995212</v>
      </c>
      <c r="X1976" s="83">
        <v>43183.25</v>
      </c>
      <c r="Y1976">
        <v>191646.50829999999</v>
      </c>
      <c r="Z1976">
        <v>18011.358950000002</v>
      </c>
      <c r="AA1976">
        <v>75154.400609999997</v>
      </c>
      <c r="AB1976">
        <v>41531.158450000003</v>
      </c>
      <c r="AC1976">
        <v>38579.416299999997</v>
      </c>
      <c r="AD1976">
        <v>31834.34664</v>
      </c>
      <c r="AE1976">
        <v>42064.997929999998</v>
      </c>
      <c r="AF1976">
        <v>43221.988720000001</v>
      </c>
      <c r="AG1976">
        <v>20030.83138</v>
      </c>
      <c r="AH1976">
        <v>243925.45970000001</v>
      </c>
      <c r="AI1976">
        <v>69016.841180000003</v>
      </c>
      <c r="AJ1976">
        <v>23170.070090000001</v>
      </c>
      <c r="AK1976">
        <v>30950.963500000002</v>
      </c>
      <c r="AL1976">
        <v>64487.381070000003</v>
      </c>
      <c r="AM1976">
        <v>18078.756369999999</v>
      </c>
      <c r="AN1976">
        <v>83833.463570000007</v>
      </c>
      <c r="AO1976">
        <v>28667.155350000001</v>
      </c>
      <c r="AP1976">
        <v>16352.258970000001</v>
      </c>
    </row>
    <row r="1977" spans="2:42" x14ac:dyDescent="0.3">
      <c r="B1977">
        <v>47.170533268197175</v>
      </c>
      <c r="C1977" s="83">
        <v>43183.291666666664</v>
      </c>
      <c r="D1977">
        <v>190373.0864</v>
      </c>
      <c r="E1977">
        <v>19929.45638</v>
      </c>
      <c r="F1977">
        <v>76865.498930000002</v>
      </c>
      <c r="G1977">
        <v>42775.745560000003</v>
      </c>
      <c r="H1977">
        <v>38259.734190000003</v>
      </c>
      <c r="I1977">
        <v>32488.668519999999</v>
      </c>
      <c r="J1977">
        <v>42827.363660000003</v>
      </c>
      <c r="K1977">
        <v>43349.3194</v>
      </c>
      <c r="L1977">
        <v>21426.55488</v>
      </c>
      <c r="M1977">
        <v>240497.3762</v>
      </c>
      <c r="N1977">
        <v>70492.268169999996</v>
      </c>
      <c r="O1977">
        <v>23636.529549999999</v>
      </c>
      <c r="P1977">
        <v>33810.60512</v>
      </c>
      <c r="Q1977">
        <v>62583.639089999997</v>
      </c>
      <c r="R1977">
        <v>17299.144209999999</v>
      </c>
      <c r="S1977">
        <v>89117.894499999995</v>
      </c>
      <c r="T1977">
        <v>27956.003710000001</v>
      </c>
      <c r="U1977">
        <v>15844.52111</v>
      </c>
      <c r="W1977" s="83">
        <f>Bühler!N2009</f>
        <v>45374.291666661877</v>
      </c>
      <c r="X1977" s="83">
        <v>43183.291666666664</v>
      </c>
      <c r="Y1977">
        <v>190373.0864</v>
      </c>
      <c r="Z1977">
        <v>19929.45638</v>
      </c>
      <c r="AA1977">
        <v>76865.498930000002</v>
      </c>
      <c r="AB1977">
        <v>42775.745560000003</v>
      </c>
      <c r="AC1977">
        <v>38259.734190000003</v>
      </c>
      <c r="AD1977">
        <v>32488.668519999999</v>
      </c>
      <c r="AE1977">
        <v>42827.363660000003</v>
      </c>
      <c r="AF1977">
        <v>43349.3194</v>
      </c>
      <c r="AG1977">
        <v>21426.55488</v>
      </c>
      <c r="AH1977">
        <v>240497.3762</v>
      </c>
      <c r="AI1977">
        <v>70492.268169999996</v>
      </c>
      <c r="AJ1977">
        <v>23636.529549999999</v>
      </c>
      <c r="AK1977">
        <v>33810.60512</v>
      </c>
      <c r="AL1977">
        <v>62583.639089999997</v>
      </c>
      <c r="AM1977">
        <v>17299.144209999999</v>
      </c>
      <c r="AN1977">
        <v>89117.894499999995</v>
      </c>
      <c r="AO1977">
        <v>27956.003710000001</v>
      </c>
      <c r="AP1977">
        <v>15844.52111</v>
      </c>
    </row>
    <row r="1978" spans="2:42" x14ac:dyDescent="0.3">
      <c r="B1978">
        <v>46.304474809859613</v>
      </c>
      <c r="C1978" s="83">
        <v>43183.333333333336</v>
      </c>
      <c r="D1978">
        <v>189089.74179999999</v>
      </c>
      <c r="E1978">
        <v>22945.483950000002</v>
      </c>
      <c r="F1978">
        <v>81598.368019999994</v>
      </c>
      <c r="G1978">
        <v>44386.148959999999</v>
      </c>
      <c r="H1978">
        <v>38954.82548</v>
      </c>
      <c r="I1978">
        <v>34011.969420000001</v>
      </c>
      <c r="J1978">
        <v>43392.929889999999</v>
      </c>
      <c r="K1978">
        <v>44622.737609999996</v>
      </c>
      <c r="L1978">
        <v>24141.561819999999</v>
      </c>
      <c r="M1978">
        <v>236081.8063</v>
      </c>
      <c r="N1978">
        <v>71953.461139999999</v>
      </c>
      <c r="O1978">
        <v>24101.300319999998</v>
      </c>
      <c r="P1978">
        <v>35511.069170000002</v>
      </c>
      <c r="Q1978">
        <v>61386.908629999998</v>
      </c>
      <c r="R1978">
        <v>17840.411700000001</v>
      </c>
      <c r="S1978">
        <v>92815.978270000007</v>
      </c>
      <c r="T1978">
        <v>29148.904879999998</v>
      </c>
      <c r="U1978">
        <v>15325.261570000001</v>
      </c>
      <c r="W1978" s="83">
        <f>Bühler!N2010</f>
        <v>45374.333333328541</v>
      </c>
      <c r="X1978" s="83">
        <v>43183.333333333336</v>
      </c>
      <c r="Y1978">
        <v>189089.74179999999</v>
      </c>
      <c r="Z1978">
        <v>22945.483950000002</v>
      </c>
      <c r="AA1978">
        <v>81598.368019999994</v>
      </c>
      <c r="AB1978">
        <v>44386.148959999999</v>
      </c>
      <c r="AC1978">
        <v>38954.82548</v>
      </c>
      <c r="AD1978">
        <v>34011.969420000001</v>
      </c>
      <c r="AE1978">
        <v>43392.929889999999</v>
      </c>
      <c r="AF1978">
        <v>44622.737609999996</v>
      </c>
      <c r="AG1978">
        <v>24141.561819999999</v>
      </c>
      <c r="AH1978">
        <v>236081.8063</v>
      </c>
      <c r="AI1978">
        <v>71953.461139999999</v>
      </c>
      <c r="AJ1978">
        <v>24101.300319999998</v>
      </c>
      <c r="AK1978">
        <v>35511.069170000002</v>
      </c>
      <c r="AL1978">
        <v>61386.908629999998</v>
      </c>
      <c r="AM1978">
        <v>17840.411700000001</v>
      </c>
      <c r="AN1978">
        <v>92815.978270000007</v>
      </c>
      <c r="AO1978">
        <v>29148.904879999998</v>
      </c>
      <c r="AP1978">
        <v>15325.261570000001</v>
      </c>
    </row>
    <row r="1979" spans="2:42" x14ac:dyDescent="0.3">
      <c r="B1979">
        <v>45.668705525020776</v>
      </c>
      <c r="C1979" s="83">
        <v>43183.375</v>
      </c>
      <c r="D1979">
        <v>188030.04089999999</v>
      </c>
      <c r="E1979">
        <v>26353.613679999999</v>
      </c>
      <c r="F1979">
        <v>87855.080180000004</v>
      </c>
      <c r="G1979">
        <v>45367.190719999999</v>
      </c>
      <c r="H1979">
        <v>39445.964610000003</v>
      </c>
      <c r="I1979">
        <v>33915.971859999998</v>
      </c>
      <c r="J1979">
        <v>42721.785550000001</v>
      </c>
      <c r="K1979">
        <v>46045.430869999997</v>
      </c>
      <c r="L1979">
        <v>27071.79969</v>
      </c>
      <c r="M1979">
        <v>232840.35800000001</v>
      </c>
      <c r="N1979">
        <v>79330.78443</v>
      </c>
      <c r="O1979">
        <v>24552.585070000001</v>
      </c>
      <c r="P1979">
        <v>37138.17194</v>
      </c>
      <c r="Q1979">
        <v>60797.751499999998</v>
      </c>
      <c r="R1979">
        <v>18323.56465</v>
      </c>
      <c r="S1979">
        <v>94951.966220000002</v>
      </c>
      <c r="T1979">
        <v>31088.337029999999</v>
      </c>
      <c r="U1979">
        <v>15662.83819</v>
      </c>
      <c r="W1979" s="83">
        <f>Bühler!N2011</f>
        <v>45374.374999995205</v>
      </c>
      <c r="X1979" s="83">
        <v>43183.375</v>
      </c>
      <c r="Y1979">
        <v>188030.04089999999</v>
      </c>
      <c r="Z1979">
        <v>26353.613679999999</v>
      </c>
      <c r="AA1979">
        <v>87855.080180000004</v>
      </c>
      <c r="AB1979">
        <v>45367.190719999999</v>
      </c>
      <c r="AC1979">
        <v>39445.964610000003</v>
      </c>
      <c r="AD1979">
        <v>33915.971859999998</v>
      </c>
      <c r="AE1979">
        <v>42721.785550000001</v>
      </c>
      <c r="AF1979">
        <v>46045.430869999997</v>
      </c>
      <c r="AG1979">
        <v>27071.79969</v>
      </c>
      <c r="AH1979">
        <v>232840.35800000001</v>
      </c>
      <c r="AI1979">
        <v>79330.78443</v>
      </c>
      <c r="AJ1979">
        <v>24552.585070000001</v>
      </c>
      <c r="AK1979">
        <v>37138.17194</v>
      </c>
      <c r="AL1979">
        <v>60797.751499999998</v>
      </c>
      <c r="AM1979">
        <v>18323.56465</v>
      </c>
      <c r="AN1979">
        <v>94951.966220000002</v>
      </c>
      <c r="AO1979">
        <v>31088.337029999999</v>
      </c>
      <c r="AP1979">
        <v>15662.83819</v>
      </c>
    </row>
    <row r="1980" spans="2:42" x14ac:dyDescent="0.3">
      <c r="B1980">
        <v>45.697555200616279</v>
      </c>
      <c r="C1980" s="83">
        <v>43183.416666666664</v>
      </c>
      <c r="D1980">
        <v>186892.4222</v>
      </c>
      <c r="E1980">
        <v>27675.671259999999</v>
      </c>
      <c r="F1980">
        <v>88458.341079999998</v>
      </c>
      <c r="G1980">
        <v>45043.562080000003</v>
      </c>
      <c r="H1980">
        <v>39994.642939999998</v>
      </c>
      <c r="I1980">
        <v>32970.059079999999</v>
      </c>
      <c r="J1980">
        <v>41628.805760000003</v>
      </c>
      <c r="K1980">
        <v>46910.015220000001</v>
      </c>
      <c r="L1980">
        <v>29123.668890000001</v>
      </c>
      <c r="M1980">
        <v>232987.44709999999</v>
      </c>
      <c r="N1980">
        <v>81131.080610000005</v>
      </c>
      <c r="O1980">
        <v>24641.48173</v>
      </c>
      <c r="P1980">
        <v>37897.741620000001</v>
      </c>
      <c r="Q1980">
        <v>59657.769439999996</v>
      </c>
      <c r="R1980">
        <v>18783.88334</v>
      </c>
      <c r="S1980">
        <v>95203.359200000006</v>
      </c>
      <c r="T1980">
        <v>32718.953539999999</v>
      </c>
      <c r="U1980">
        <v>15414.812749999999</v>
      </c>
      <c r="W1980" s="83">
        <f>Bühler!N2012</f>
        <v>45374.416666661869</v>
      </c>
      <c r="X1980" s="83">
        <v>43183.416666666664</v>
      </c>
      <c r="Y1980">
        <v>186892.4222</v>
      </c>
      <c r="Z1980">
        <v>27675.671259999999</v>
      </c>
      <c r="AA1980">
        <v>88458.341079999998</v>
      </c>
      <c r="AB1980">
        <v>45043.562080000003</v>
      </c>
      <c r="AC1980">
        <v>39994.642939999998</v>
      </c>
      <c r="AD1980">
        <v>32970.059079999999</v>
      </c>
      <c r="AE1980">
        <v>41628.805760000003</v>
      </c>
      <c r="AF1980">
        <v>46910.015220000001</v>
      </c>
      <c r="AG1980">
        <v>29123.668890000001</v>
      </c>
      <c r="AH1980">
        <v>232987.44709999999</v>
      </c>
      <c r="AI1980">
        <v>81131.080610000005</v>
      </c>
      <c r="AJ1980">
        <v>24641.48173</v>
      </c>
      <c r="AK1980">
        <v>37897.741620000001</v>
      </c>
      <c r="AL1980">
        <v>59657.769439999996</v>
      </c>
      <c r="AM1980">
        <v>18783.88334</v>
      </c>
      <c r="AN1980">
        <v>95203.359200000006</v>
      </c>
      <c r="AO1980">
        <v>32718.953539999999</v>
      </c>
      <c r="AP1980">
        <v>15414.812749999999</v>
      </c>
    </row>
    <row r="1981" spans="2:42" x14ac:dyDescent="0.3">
      <c r="B1981">
        <v>45.371993690806775</v>
      </c>
      <c r="C1981" s="83">
        <v>43183.458333333336</v>
      </c>
      <c r="D1981">
        <v>183325.9252</v>
      </c>
      <c r="E1981">
        <v>27351.55169</v>
      </c>
      <c r="F1981">
        <v>88544.09564</v>
      </c>
      <c r="G1981">
        <v>44094.035129999997</v>
      </c>
      <c r="H1981">
        <v>39812.780449999998</v>
      </c>
      <c r="I1981">
        <v>32518.91473</v>
      </c>
      <c r="J1981">
        <v>40098.199630000003</v>
      </c>
      <c r="K1981">
        <v>47364.2742</v>
      </c>
      <c r="L1981">
        <v>30273.17352</v>
      </c>
      <c r="M1981">
        <v>231327.5827</v>
      </c>
      <c r="N1981">
        <v>79833.097139999998</v>
      </c>
      <c r="O1981">
        <v>23606.435939999999</v>
      </c>
      <c r="P1981">
        <v>36864.142760000002</v>
      </c>
      <c r="Q1981">
        <v>58966.575349999999</v>
      </c>
      <c r="R1981">
        <v>20881.722849999998</v>
      </c>
      <c r="S1981">
        <v>96174.721810000003</v>
      </c>
      <c r="T1981">
        <v>32784.247730000003</v>
      </c>
      <c r="U1981">
        <v>15047.766729999999</v>
      </c>
      <c r="W1981" s="83">
        <f>Bühler!N2013</f>
        <v>45374.458333328534</v>
      </c>
      <c r="X1981" s="83">
        <v>43183.458333333336</v>
      </c>
      <c r="Y1981">
        <v>183325.9252</v>
      </c>
      <c r="Z1981">
        <v>27351.55169</v>
      </c>
      <c r="AA1981">
        <v>88544.09564</v>
      </c>
      <c r="AB1981">
        <v>44094.035129999997</v>
      </c>
      <c r="AC1981">
        <v>39812.780449999998</v>
      </c>
      <c r="AD1981">
        <v>32518.91473</v>
      </c>
      <c r="AE1981">
        <v>40098.199630000003</v>
      </c>
      <c r="AF1981">
        <v>47364.2742</v>
      </c>
      <c r="AG1981">
        <v>30273.17352</v>
      </c>
      <c r="AH1981">
        <v>231327.5827</v>
      </c>
      <c r="AI1981">
        <v>79833.097139999998</v>
      </c>
      <c r="AJ1981">
        <v>23606.435939999999</v>
      </c>
      <c r="AK1981">
        <v>36864.142760000002</v>
      </c>
      <c r="AL1981">
        <v>58966.575349999999</v>
      </c>
      <c r="AM1981">
        <v>20881.722849999998</v>
      </c>
      <c r="AN1981">
        <v>96174.721810000003</v>
      </c>
      <c r="AO1981">
        <v>32784.247730000003</v>
      </c>
      <c r="AP1981">
        <v>15047.766729999999</v>
      </c>
    </row>
    <row r="1982" spans="2:42" x14ac:dyDescent="0.3">
      <c r="B1982">
        <v>44.696805277445669</v>
      </c>
      <c r="C1982" s="83">
        <v>43183.5</v>
      </c>
      <c r="D1982">
        <v>175961.3554</v>
      </c>
      <c r="E1982">
        <v>25641.769110000001</v>
      </c>
      <c r="F1982">
        <v>86245.679359999995</v>
      </c>
      <c r="G1982">
        <v>42427.058199999999</v>
      </c>
      <c r="H1982">
        <v>38394.915719999997</v>
      </c>
      <c r="I1982">
        <v>31315.523499999999</v>
      </c>
      <c r="J1982">
        <v>40108.930959999998</v>
      </c>
      <c r="K1982">
        <v>46469.301650000001</v>
      </c>
      <c r="L1982">
        <v>32197.084510000001</v>
      </c>
      <c r="M1982">
        <v>227885.15729999999</v>
      </c>
      <c r="N1982">
        <v>77479.872619999995</v>
      </c>
      <c r="O1982">
        <v>22419.5265</v>
      </c>
      <c r="P1982">
        <v>37444.848109999999</v>
      </c>
      <c r="Q1982">
        <v>56351.256410000002</v>
      </c>
      <c r="R1982">
        <v>19669.995279999999</v>
      </c>
      <c r="S1982">
        <v>90697.077369999999</v>
      </c>
      <c r="T1982">
        <v>31844.681540000001</v>
      </c>
      <c r="U1982">
        <v>13979.28637</v>
      </c>
      <c r="W1982" s="83">
        <f>Bühler!N2014</f>
        <v>45374.499999995198</v>
      </c>
      <c r="X1982" s="83">
        <v>43183.5</v>
      </c>
      <c r="Y1982">
        <v>175961.3554</v>
      </c>
      <c r="Z1982">
        <v>25641.769110000001</v>
      </c>
      <c r="AA1982">
        <v>86245.679359999995</v>
      </c>
      <c r="AB1982">
        <v>42427.058199999999</v>
      </c>
      <c r="AC1982">
        <v>38394.915719999997</v>
      </c>
      <c r="AD1982">
        <v>31315.523499999999</v>
      </c>
      <c r="AE1982">
        <v>40108.930959999998</v>
      </c>
      <c r="AF1982">
        <v>46469.301650000001</v>
      </c>
      <c r="AG1982">
        <v>32197.084510000001</v>
      </c>
      <c r="AH1982">
        <v>227885.15729999999</v>
      </c>
      <c r="AI1982">
        <v>77479.872619999995</v>
      </c>
      <c r="AJ1982">
        <v>22419.5265</v>
      </c>
      <c r="AK1982">
        <v>37444.848109999999</v>
      </c>
      <c r="AL1982">
        <v>56351.256410000002</v>
      </c>
      <c r="AM1982">
        <v>19669.995279999999</v>
      </c>
      <c r="AN1982">
        <v>90697.077369999999</v>
      </c>
      <c r="AO1982">
        <v>31844.681540000001</v>
      </c>
      <c r="AP1982">
        <v>13979.28637</v>
      </c>
    </row>
    <row r="1983" spans="2:42" x14ac:dyDescent="0.3">
      <c r="B1983">
        <v>44.131837264163629</v>
      </c>
      <c r="C1983" s="83">
        <v>43183.541666666664</v>
      </c>
      <c r="D1983">
        <v>172106.32449999999</v>
      </c>
      <c r="E1983">
        <v>24734.57878</v>
      </c>
      <c r="F1983">
        <v>85128.005220000006</v>
      </c>
      <c r="G1983">
        <v>40986.876190000003</v>
      </c>
      <c r="H1983">
        <v>38180.673470000002</v>
      </c>
      <c r="I1983">
        <v>31118.025249999999</v>
      </c>
      <c r="J1983">
        <v>39196.13824</v>
      </c>
      <c r="K1983">
        <v>47311.147770000003</v>
      </c>
      <c r="L1983">
        <v>31585.987420000001</v>
      </c>
      <c r="M1983">
        <v>225004.6869</v>
      </c>
      <c r="N1983">
        <v>75588.910730000003</v>
      </c>
      <c r="O1983">
        <v>21777.711480000002</v>
      </c>
      <c r="P1983">
        <v>36557.846619999997</v>
      </c>
      <c r="Q1983">
        <v>54179.05646</v>
      </c>
      <c r="R1983">
        <v>19416.07447</v>
      </c>
      <c r="S1983">
        <v>91293.594949999999</v>
      </c>
      <c r="T1983">
        <v>31267.003100000002</v>
      </c>
      <c r="U1983">
        <v>13633.17139</v>
      </c>
      <c r="W1983" s="83">
        <f>Bühler!N2015</f>
        <v>45374.541666661862</v>
      </c>
      <c r="X1983" s="83">
        <v>43183.541666666664</v>
      </c>
      <c r="Y1983">
        <v>172106.32449999999</v>
      </c>
      <c r="Z1983">
        <v>24734.57878</v>
      </c>
      <c r="AA1983">
        <v>85128.005220000006</v>
      </c>
      <c r="AB1983">
        <v>40986.876190000003</v>
      </c>
      <c r="AC1983">
        <v>38180.673470000002</v>
      </c>
      <c r="AD1983">
        <v>31118.025249999999</v>
      </c>
      <c r="AE1983">
        <v>39196.13824</v>
      </c>
      <c r="AF1983">
        <v>47311.147770000003</v>
      </c>
      <c r="AG1983">
        <v>31585.987420000001</v>
      </c>
      <c r="AH1983">
        <v>225004.6869</v>
      </c>
      <c r="AI1983">
        <v>75588.910730000003</v>
      </c>
      <c r="AJ1983">
        <v>21777.711480000002</v>
      </c>
      <c r="AK1983">
        <v>36557.846619999997</v>
      </c>
      <c r="AL1983">
        <v>54179.05646</v>
      </c>
      <c r="AM1983">
        <v>19416.07447</v>
      </c>
      <c r="AN1983">
        <v>91293.594949999999</v>
      </c>
      <c r="AO1983">
        <v>31267.003100000002</v>
      </c>
      <c r="AP1983">
        <v>13633.17139</v>
      </c>
    </row>
    <row r="1984" spans="2:42" x14ac:dyDescent="0.3">
      <c r="B1984">
        <v>43.983121954667411</v>
      </c>
      <c r="C1984" s="83">
        <v>43183.583333333336</v>
      </c>
      <c r="D1984">
        <v>171107.95749999999</v>
      </c>
      <c r="E1984">
        <v>25238.552469999999</v>
      </c>
      <c r="F1984">
        <v>85675.568910000002</v>
      </c>
      <c r="G1984">
        <v>40133.839529999997</v>
      </c>
      <c r="H1984">
        <v>37582.443800000001</v>
      </c>
      <c r="I1984">
        <v>32076.294580000002</v>
      </c>
      <c r="J1984">
        <v>38210.719319999997</v>
      </c>
      <c r="K1984">
        <v>47573.231529999997</v>
      </c>
      <c r="L1984">
        <v>29948.055840000001</v>
      </c>
      <c r="M1984">
        <v>224246.4669</v>
      </c>
      <c r="N1984">
        <v>75041.626239999998</v>
      </c>
      <c r="O1984">
        <v>21511.977599999998</v>
      </c>
      <c r="P1984">
        <v>34650.891389999997</v>
      </c>
      <c r="Q1984">
        <v>53139.707909999997</v>
      </c>
      <c r="R1984">
        <v>19688.865880000001</v>
      </c>
      <c r="S1984">
        <v>87894.224019999994</v>
      </c>
      <c r="T1984">
        <v>30804.286370000002</v>
      </c>
      <c r="U1984">
        <v>13540.230519999999</v>
      </c>
      <c r="W1984" s="83">
        <f>Bühler!N2016</f>
        <v>45374.583333328526</v>
      </c>
      <c r="X1984" s="83">
        <v>43183.583333333336</v>
      </c>
      <c r="Y1984">
        <v>171107.95749999999</v>
      </c>
      <c r="Z1984">
        <v>25238.552469999999</v>
      </c>
      <c r="AA1984">
        <v>85675.568910000002</v>
      </c>
      <c r="AB1984">
        <v>40133.839529999997</v>
      </c>
      <c r="AC1984">
        <v>37582.443800000001</v>
      </c>
      <c r="AD1984">
        <v>32076.294580000002</v>
      </c>
      <c r="AE1984">
        <v>38210.719319999997</v>
      </c>
      <c r="AF1984">
        <v>47573.231529999997</v>
      </c>
      <c r="AG1984">
        <v>29948.055840000001</v>
      </c>
      <c r="AH1984">
        <v>224246.4669</v>
      </c>
      <c r="AI1984">
        <v>75041.626239999998</v>
      </c>
      <c r="AJ1984">
        <v>21511.977599999998</v>
      </c>
      <c r="AK1984">
        <v>34650.891389999997</v>
      </c>
      <c r="AL1984">
        <v>53139.707909999997</v>
      </c>
      <c r="AM1984">
        <v>19688.865880000001</v>
      </c>
      <c r="AN1984">
        <v>87894.224019999994</v>
      </c>
      <c r="AO1984">
        <v>30804.286370000002</v>
      </c>
      <c r="AP1984">
        <v>13540.230519999999</v>
      </c>
    </row>
    <row r="1985" spans="2:42" x14ac:dyDescent="0.3">
      <c r="B1985">
        <v>43.343391812063594</v>
      </c>
      <c r="C1985" s="83">
        <v>43183.625</v>
      </c>
      <c r="D1985">
        <v>170733.32</v>
      </c>
      <c r="E1985">
        <v>25207.884979999999</v>
      </c>
      <c r="F1985">
        <v>85347.249769999995</v>
      </c>
      <c r="G1985">
        <v>39851.642809999998</v>
      </c>
      <c r="H1985">
        <v>37601.018320000003</v>
      </c>
      <c r="I1985">
        <v>32074.261429999999</v>
      </c>
      <c r="J1985">
        <v>38106.045050000001</v>
      </c>
      <c r="K1985">
        <v>46614.075620000003</v>
      </c>
      <c r="L1985">
        <v>28511.085470000002</v>
      </c>
      <c r="M1985">
        <v>220984.82430000001</v>
      </c>
      <c r="N1985">
        <v>75309.384000000005</v>
      </c>
      <c r="O1985">
        <v>21251.892090000001</v>
      </c>
      <c r="P1985">
        <v>32477.709910000001</v>
      </c>
      <c r="Q1985">
        <v>52038.706299999998</v>
      </c>
      <c r="R1985">
        <v>19389.614420000002</v>
      </c>
      <c r="S1985">
        <v>86842.159090000001</v>
      </c>
      <c r="T1985">
        <v>30913.693299999999</v>
      </c>
      <c r="U1985">
        <v>13659.337799999999</v>
      </c>
      <c r="W1985" s="83">
        <f>Bühler!N2017</f>
        <v>45374.624999995191</v>
      </c>
      <c r="X1985" s="83">
        <v>43183.625</v>
      </c>
      <c r="Y1985">
        <v>170733.32</v>
      </c>
      <c r="Z1985">
        <v>25207.884979999999</v>
      </c>
      <c r="AA1985">
        <v>85347.249769999995</v>
      </c>
      <c r="AB1985">
        <v>39851.642809999998</v>
      </c>
      <c r="AC1985">
        <v>37601.018320000003</v>
      </c>
      <c r="AD1985">
        <v>32074.261429999999</v>
      </c>
      <c r="AE1985">
        <v>38106.045050000001</v>
      </c>
      <c r="AF1985">
        <v>46614.075620000003</v>
      </c>
      <c r="AG1985">
        <v>28511.085470000002</v>
      </c>
      <c r="AH1985">
        <v>220984.82430000001</v>
      </c>
      <c r="AI1985">
        <v>75309.384000000005</v>
      </c>
      <c r="AJ1985">
        <v>21251.892090000001</v>
      </c>
      <c r="AK1985">
        <v>32477.709910000001</v>
      </c>
      <c r="AL1985">
        <v>52038.706299999998</v>
      </c>
      <c r="AM1985">
        <v>19389.614420000002</v>
      </c>
      <c r="AN1985">
        <v>86842.159090000001</v>
      </c>
      <c r="AO1985">
        <v>30913.693299999999</v>
      </c>
      <c r="AP1985">
        <v>13659.337799999999</v>
      </c>
    </row>
    <row r="1986" spans="2:42" x14ac:dyDescent="0.3">
      <c r="B1986">
        <v>42.664448485221449</v>
      </c>
      <c r="C1986" s="83">
        <v>43183.666666666664</v>
      </c>
      <c r="D1986">
        <v>170143.44020000001</v>
      </c>
      <c r="E1986">
        <v>25189.085149999999</v>
      </c>
      <c r="F1986">
        <v>84842.61262</v>
      </c>
      <c r="G1986">
        <v>39688.344980000002</v>
      </c>
      <c r="H1986">
        <v>37586.391369999998</v>
      </c>
      <c r="I1986">
        <v>32581.773290000001</v>
      </c>
      <c r="J1986">
        <v>37518.249609999999</v>
      </c>
      <c r="K1986">
        <v>45009.636659999996</v>
      </c>
      <c r="L1986">
        <v>27353.530309999998</v>
      </c>
      <c r="M1986">
        <v>217523.25459999999</v>
      </c>
      <c r="N1986">
        <v>74775.296069999997</v>
      </c>
      <c r="O1986">
        <v>20792.2006</v>
      </c>
      <c r="P1986">
        <v>34370.634310000001</v>
      </c>
      <c r="Q1986">
        <v>51744.854120000004</v>
      </c>
      <c r="R1986">
        <v>19272.853220000001</v>
      </c>
      <c r="S1986">
        <v>87016.071649999998</v>
      </c>
      <c r="T1986">
        <v>31150.878830000001</v>
      </c>
      <c r="U1986">
        <v>13833.852699999999</v>
      </c>
      <c r="W1986" s="83">
        <f>Bühler!N2018</f>
        <v>45374.666666661855</v>
      </c>
      <c r="X1986" s="83">
        <v>43183.666666666664</v>
      </c>
      <c r="Y1986">
        <v>170143.44020000001</v>
      </c>
      <c r="Z1986">
        <v>25189.085149999999</v>
      </c>
      <c r="AA1986">
        <v>84842.61262</v>
      </c>
      <c r="AB1986">
        <v>39688.344980000002</v>
      </c>
      <c r="AC1986">
        <v>37586.391369999998</v>
      </c>
      <c r="AD1986">
        <v>32581.773290000001</v>
      </c>
      <c r="AE1986">
        <v>37518.249609999999</v>
      </c>
      <c r="AF1986">
        <v>45009.636659999996</v>
      </c>
      <c r="AG1986">
        <v>27353.530309999998</v>
      </c>
      <c r="AH1986">
        <v>217523.25459999999</v>
      </c>
      <c r="AI1986">
        <v>74775.296069999997</v>
      </c>
      <c r="AJ1986">
        <v>20792.2006</v>
      </c>
      <c r="AK1986">
        <v>34370.634310000001</v>
      </c>
      <c r="AL1986">
        <v>51744.854120000004</v>
      </c>
      <c r="AM1986">
        <v>19272.853220000001</v>
      </c>
      <c r="AN1986">
        <v>87016.071649999998</v>
      </c>
      <c r="AO1986">
        <v>31150.878830000001</v>
      </c>
      <c r="AP1986">
        <v>13833.852699999999</v>
      </c>
    </row>
    <row r="1987" spans="2:42" x14ac:dyDescent="0.3">
      <c r="B1987">
        <v>42.091566817657146</v>
      </c>
      <c r="C1987" s="83">
        <v>43183.708333333336</v>
      </c>
      <c r="D1987">
        <v>168865.19270000001</v>
      </c>
      <c r="E1987">
        <v>24889.097659999999</v>
      </c>
      <c r="F1987">
        <v>84080.913339999999</v>
      </c>
      <c r="G1987">
        <v>39401.336340000002</v>
      </c>
      <c r="H1987">
        <v>37723.644010000004</v>
      </c>
      <c r="I1987">
        <v>33900.352709999999</v>
      </c>
      <c r="J1987">
        <v>37969.3442</v>
      </c>
      <c r="K1987">
        <v>44100.469810000002</v>
      </c>
      <c r="L1987">
        <v>28121.560440000001</v>
      </c>
      <c r="M1987">
        <v>214602.43669999999</v>
      </c>
      <c r="N1987">
        <v>71902.947780000002</v>
      </c>
      <c r="O1987">
        <v>21318.55428</v>
      </c>
      <c r="P1987">
        <v>35297.415690000002</v>
      </c>
      <c r="Q1987">
        <v>50757.887730000002</v>
      </c>
      <c r="R1987">
        <v>21332.352169999998</v>
      </c>
      <c r="S1987">
        <v>89761.660820000005</v>
      </c>
      <c r="T1987">
        <v>31879.820370000001</v>
      </c>
      <c r="U1987">
        <v>14008.48711</v>
      </c>
      <c r="W1987" s="83">
        <f>Bühler!N2019</f>
        <v>45374.708333328519</v>
      </c>
      <c r="X1987" s="83">
        <v>43183.708333333336</v>
      </c>
      <c r="Y1987">
        <v>168865.19270000001</v>
      </c>
      <c r="Z1987">
        <v>24889.097659999999</v>
      </c>
      <c r="AA1987">
        <v>84080.913339999999</v>
      </c>
      <c r="AB1987">
        <v>39401.336340000002</v>
      </c>
      <c r="AC1987">
        <v>37723.644010000004</v>
      </c>
      <c r="AD1987">
        <v>33900.352709999999</v>
      </c>
      <c r="AE1987">
        <v>37969.3442</v>
      </c>
      <c r="AF1987">
        <v>44100.469810000002</v>
      </c>
      <c r="AG1987">
        <v>28121.560440000001</v>
      </c>
      <c r="AH1987">
        <v>214602.43669999999</v>
      </c>
      <c r="AI1987">
        <v>71902.947780000002</v>
      </c>
      <c r="AJ1987">
        <v>21318.55428</v>
      </c>
      <c r="AK1987">
        <v>35297.415690000002</v>
      </c>
      <c r="AL1987">
        <v>50757.887730000002</v>
      </c>
      <c r="AM1987">
        <v>21332.352169999998</v>
      </c>
      <c r="AN1987">
        <v>89761.660820000005</v>
      </c>
      <c r="AO1987">
        <v>31879.820370000001</v>
      </c>
      <c r="AP1987">
        <v>14008.48711</v>
      </c>
    </row>
    <row r="1988" spans="2:42" x14ac:dyDescent="0.3">
      <c r="B1988">
        <v>41.602550742473319</v>
      </c>
      <c r="C1988" s="83">
        <v>43183.75</v>
      </c>
      <c r="D1988">
        <v>168410.76199999999</v>
      </c>
      <c r="E1988">
        <v>24275.827130000001</v>
      </c>
      <c r="F1988">
        <v>84084.031870000006</v>
      </c>
      <c r="G1988">
        <v>39767.175289999999</v>
      </c>
      <c r="H1988">
        <v>37984.303460000003</v>
      </c>
      <c r="I1988">
        <v>33833.96168</v>
      </c>
      <c r="J1988">
        <v>39394.9836</v>
      </c>
      <c r="K1988">
        <v>44546.364320000001</v>
      </c>
      <c r="L1988">
        <v>30661.766930000002</v>
      </c>
      <c r="M1988">
        <v>212109.2047</v>
      </c>
      <c r="N1988">
        <v>70830.647870000001</v>
      </c>
      <c r="O1988">
        <v>21647.84951</v>
      </c>
      <c r="P1988">
        <v>39131.348599999998</v>
      </c>
      <c r="Q1988">
        <v>49875.960129999999</v>
      </c>
      <c r="R1988">
        <v>20022.270069999999</v>
      </c>
      <c r="S1988">
        <v>88852.216450000007</v>
      </c>
      <c r="T1988">
        <v>31627.692500000001</v>
      </c>
      <c r="U1988">
        <v>14260.27096</v>
      </c>
      <c r="W1988" s="83">
        <f>Bühler!N2020</f>
        <v>45374.749999995183</v>
      </c>
      <c r="X1988" s="83">
        <v>43183.75</v>
      </c>
      <c r="Y1988">
        <v>168410.76199999999</v>
      </c>
      <c r="Z1988">
        <v>24275.827130000001</v>
      </c>
      <c r="AA1988">
        <v>84084.031870000006</v>
      </c>
      <c r="AB1988">
        <v>39767.175289999999</v>
      </c>
      <c r="AC1988">
        <v>37984.303460000003</v>
      </c>
      <c r="AD1988">
        <v>33833.96168</v>
      </c>
      <c r="AE1988">
        <v>39394.9836</v>
      </c>
      <c r="AF1988">
        <v>44546.364320000001</v>
      </c>
      <c r="AG1988">
        <v>30661.766930000002</v>
      </c>
      <c r="AH1988">
        <v>212109.2047</v>
      </c>
      <c r="AI1988">
        <v>70830.647870000001</v>
      </c>
      <c r="AJ1988">
        <v>21647.84951</v>
      </c>
      <c r="AK1988">
        <v>39131.348599999998</v>
      </c>
      <c r="AL1988">
        <v>49875.960129999999</v>
      </c>
      <c r="AM1988">
        <v>20022.270069999999</v>
      </c>
      <c r="AN1988">
        <v>88852.216450000007</v>
      </c>
      <c r="AO1988">
        <v>31627.692500000001</v>
      </c>
      <c r="AP1988">
        <v>14260.27096</v>
      </c>
    </row>
    <row r="1989" spans="2:42" x14ac:dyDescent="0.3">
      <c r="B1989">
        <v>41.345114640718734</v>
      </c>
      <c r="C1989" s="83">
        <v>43183.791666666664</v>
      </c>
      <c r="D1989">
        <v>169649.43840000001</v>
      </c>
      <c r="E1989">
        <v>21497.83007</v>
      </c>
      <c r="F1989">
        <v>74699.357090000005</v>
      </c>
      <c r="G1989">
        <v>41130.087950000001</v>
      </c>
      <c r="H1989">
        <v>38735.575700000001</v>
      </c>
      <c r="I1989">
        <v>33392.302040000002</v>
      </c>
      <c r="J1989">
        <v>41602.198179999999</v>
      </c>
      <c r="K1989">
        <v>46003.100530000003</v>
      </c>
      <c r="L1989">
        <v>32892.568270000003</v>
      </c>
      <c r="M1989">
        <v>210796.67540000001</v>
      </c>
      <c r="N1989">
        <v>70472.096669999999</v>
      </c>
      <c r="O1989">
        <v>22418.644039999999</v>
      </c>
      <c r="P1989">
        <v>40312.838029999999</v>
      </c>
      <c r="Q1989">
        <v>48573.719570000001</v>
      </c>
      <c r="R1989">
        <v>20536.132969999999</v>
      </c>
      <c r="S1989">
        <v>90763.531419999999</v>
      </c>
      <c r="T1989">
        <v>31519.42266</v>
      </c>
      <c r="U1989">
        <v>15081.04312</v>
      </c>
      <c r="W1989" s="83">
        <f>Bühler!N2021</f>
        <v>45374.791666661848</v>
      </c>
      <c r="X1989" s="83">
        <v>43183.791666666664</v>
      </c>
      <c r="Y1989">
        <v>169649.43840000001</v>
      </c>
      <c r="Z1989">
        <v>21497.83007</v>
      </c>
      <c r="AA1989">
        <v>74699.357090000005</v>
      </c>
      <c r="AB1989">
        <v>41130.087950000001</v>
      </c>
      <c r="AC1989">
        <v>38735.575700000001</v>
      </c>
      <c r="AD1989">
        <v>33392.302040000002</v>
      </c>
      <c r="AE1989">
        <v>41602.198179999999</v>
      </c>
      <c r="AF1989">
        <v>46003.100530000003</v>
      </c>
      <c r="AG1989">
        <v>32892.568270000003</v>
      </c>
      <c r="AH1989">
        <v>210796.67540000001</v>
      </c>
      <c r="AI1989">
        <v>70472.096669999999</v>
      </c>
      <c r="AJ1989">
        <v>22418.644039999999</v>
      </c>
      <c r="AK1989">
        <v>40312.838029999999</v>
      </c>
      <c r="AL1989">
        <v>48573.719570000001</v>
      </c>
      <c r="AM1989">
        <v>20536.132969999999</v>
      </c>
      <c r="AN1989">
        <v>90763.531419999999</v>
      </c>
      <c r="AO1989">
        <v>31519.42266</v>
      </c>
      <c r="AP1989">
        <v>15081.04312</v>
      </c>
    </row>
    <row r="1990" spans="2:42" x14ac:dyDescent="0.3">
      <c r="B1990">
        <v>41.400558529339477</v>
      </c>
      <c r="C1990" s="83">
        <v>43183.833333333336</v>
      </c>
      <c r="D1990">
        <v>169294.70600000001</v>
      </c>
      <c r="E1990">
        <v>16688.161270000001</v>
      </c>
      <c r="F1990">
        <v>56176.481310000003</v>
      </c>
      <c r="G1990">
        <v>40911.964659999998</v>
      </c>
      <c r="H1990">
        <v>38574.719559999998</v>
      </c>
      <c r="I1990">
        <v>31205.013029999998</v>
      </c>
      <c r="J1990">
        <v>40437.061410000002</v>
      </c>
      <c r="K1990">
        <v>46352.564550000003</v>
      </c>
      <c r="L1990">
        <v>33454.66014</v>
      </c>
      <c r="M1990">
        <v>211079.3542</v>
      </c>
      <c r="N1990">
        <v>71131.292910000004</v>
      </c>
      <c r="O1990">
        <v>22181.918570000002</v>
      </c>
      <c r="P1990">
        <v>41194.32862</v>
      </c>
      <c r="Q1990">
        <v>47886.493990000003</v>
      </c>
      <c r="R1990">
        <v>20105.628919999999</v>
      </c>
      <c r="S1990">
        <v>85188.357040000003</v>
      </c>
      <c r="T1990">
        <v>29371.589749999999</v>
      </c>
      <c r="U1990">
        <v>15226.83511</v>
      </c>
      <c r="W1990" s="83">
        <f>Bühler!N2022</f>
        <v>45374.833333328512</v>
      </c>
      <c r="X1990" s="83">
        <v>43183.833333333336</v>
      </c>
      <c r="Y1990">
        <v>169294.70600000001</v>
      </c>
      <c r="Z1990">
        <v>16688.161270000001</v>
      </c>
      <c r="AA1990">
        <v>56176.481310000003</v>
      </c>
      <c r="AB1990">
        <v>40911.964659999998</v>
      </c>
      <c r="AC1990">
        <v>38574.719559999998</v>
      </c>
      <c r="AD1990">
        <v>31205.013029999998</v>
      </c>
      <c r="AE1990">
        <v>40437.061410000002</v>
      </c>
      <c r="AF1990">
        <v>46352.564550000003</v>
      </c>
      <c r="AG1990">
        <v>33454.66014</v>
      </c>
      <c r="AH1990">
        <v>211079.3542</v>
      </c>
      <c r="AI1990">
        <v>71131.292910000004</v>
      </c>
      <c r="AJ1990">
        <v>22181.918570000002</v>
      </c>
      <c r="AK1990">
        <v>41194.32862</v>
      </c>
      <c r="AL1990">
        <v>47886.493990000003</v>
      </c>
      <c r="AM1990">
        <v>20105.628919999999</v>
      </c>
      <c r="AN1990">
        <v>85188.357040000003</v>
      </c>
      <c r="AO1990">
        <v>29371.589749999999</v>
      </c>
      <c r="AP1990">
        <v>15226.83511</v>
      </c>
    </row>
    <row r="1991" spans="2:42" x14ac:dyDescent="0.3">
      <c r="B1991">
        <v>41.248480836167417</v>
      </c>
      <c r="C1991" s="83">
        <v>43183.875</v>
      </c>
      <c r="D1991">
        <v>168399.3124</v>
      </c>
      <c r="E1991">
        <v>14933.38768</v>
      </c>
      <c r="F1991">
        <v>48596.502939999998</v>
      </c>
      <c r="G1991">
        <v>40437.14011</v>
      </c>
      <c r="H1991">
        <v>37847.24826</v>
      </c>
      <c r="I1991">
        <v>27861.449519999998</v>
      </c>
      <c r="J1991">
        <v>39263.833910000001</v>
      </c>
      <c r="K1991">
        <v>45189.971310000001</v>
      </c>
      <c r="L1991">
        <v>32048.11116</v>
      </c>
      <c r="M1991">
        <v>210303.99119999999</v>
      </c>
      <c r="N1991">
        <v>70495.252869999997</v>
      </c>
      <c r="O1991">
        <v>21843.419829999999</v>
      </c>
      <c r="P1991">
        <v>39725.09678</v>
      </c>
      <c r="Q1991">
        <v>47288.38121</v>
      </c>
      <c r="R1991">
        <v>19486.139050000002</v>
      </c>
      <c r="S1991">
        <v>81613.564209999997</v>
      </c>
      <c r="T1991">
        <v>27727.053319999999</v>
      </c>
      <c r="U1991">
        <v>14986.706039999999</v>
      </c>
      <c r="W1991" s="83">
        <f>Bühler!N2023</f>
        <v>45374.874999995176</v>
      </c>
      <c r="X1991" s="83">
        <v>43183.875</v>
      </c>
      <c r="Y1991">
        <v>168399.3124</v>
      </c>
      <c r="Z1991">
        <v>14933.38768</v>
      </c>
      <c r="AA1991">
        <v>48596.502939999998</v>
      </c>
      <c r="AB1991">
        <v>40437.14011</v>
      </c>
      <c r="AC1991">
        <v>37847.24826</v>
      </c>
      <c r="AD1991">
        <v>27861.449519999998</v>
      </c>
      <c r="AE1991">
        <v>39263.833910000001</v>
      </c>
      <c r="AF1991">
        <v>45189.971310000001</v>
      </c>
      <c r="AG1991">
        <v>32048.11116</v>
      </c>
      <c r="AH1991">
        <v>210303.99119999999</v>
      </c>
      <c r="AI1991">
        <v>70495.252869999997</v>
      </c>
      <c r="AJ1991">
        <v>21843.419829999999</v>
      </c>
      <c r="AK1991">
        <v>39725.09678</v>
      </c>
      <c r="AL1991">
        <v>47288.38121</v>
      </c>
      <c r="AM1991">
        <v>19486.139050000002</v>
      </c>
      <c r="AN1991">
        <v>81613.564209999997</v>
      </c>
      <c r="AO1991">
        <v>27727.053319999999</v>
      </c>
      <c r="AP1991">
        <v>14986.706039999999</v>
      </c>
    </row>
    <row r="1992" spans="2:42" x14ac:dyDescent="0.3">
      <c r="B1992">
        <v>41.53280076745169</v>
      </c>
      <c r="C1992" s="83">
        <v>43183.916666666664</v>
      </c>
      <c r="D1992">
        <v>168893.2763</v>
      </c>
      <c r="E1992">
        <v>14678.254000000001</v>
      </c>
      <c r="F1992">
        <v>46138.800660000001</v>
      </c>
      <c r="G1992">
        <v>40672.93462</v>
      </c>
      <c r="H1992">
        <v>38288.945509999998</v>
      </c>
      <c r="I1992">
        <v>26866.401089999999</v>
      </c>
      <c r="J1992">
        <v>38245.765679999997</v>
      </c>
      <c r="K1992">
        <v>50703.219989999998</v>
      </c>
      <c r="L1992">
        <v>29004.286649999998</v>
      </c>
      <c r="M1992">
        <v>211753.58679999999</v>
      </c>
      <c r="N1992">
        <v>71471.302259999997</v>
      </c>
      <c r="O1992">
        <v>22965.468970000002</v>
      </c>
      <c r="P1992">
        <v>42722.620320000002</v>
      </c>
      <c r="Q1992">
        <v>47211.005100000002</v>
      </c>
      <c r="R1992">
        <v>26912.30371</v>
      </c>
      <c r="S1992">
        <v>81285.843359999999</v>
      </c>
      <c r="T1992">
        <v>26915.37255</v>
      </c>
      <c r="U1992">
        <v>15685.09705</v>
      </c>
      <c r="W1992" s="83">
        <f>Bühler!N2024</f>
        <v>45374.91666666184</v>
      </c>
      <c r="X1992" s="83">
        <v>43183.916666666664</v>
      </c>
      <c r="Y1992">
        <v>168893.2763</v>
      </c>
      <c r="Z1992">
        <v>14678.254000000001</v>
      </c>
      <c r="AA1992">
        <v>46138.800660000001</v>
      </c>
      <c r="AB1992">
        <v>40672.93462</v>
      </c>
      <c r="AC1992">
        <v>38288.945509999998</v>
      </c>
      <c r="AD1992">
        <v>26866.401089999999</v>
      </c>
      <c r="AE1992">
        <v>38245.765679999997</v>
      </c>
      <c r="AF1992">
        <v>50703.219989999998</v>
      </c>
      <c r="AG1992">
        <v>29004.286649999998</v>
      </c>
      <c r="AH1992">
        <v>211753.58679999999</v>
      </c>
      <c r="AI1992">
        <v>71471.302259999997</v>
      </c>
      <c r="AJ1992">
        <v>22965.468970000002</v>
      </c>
      <c r="AK1992">
        <v>42722.620320000002</v>
      </c>
      <c r="AL1992">
        <v>47211.005100000002</v>
      </c>
      <c r="AM1992">
        <v>26912.30371</v>
      </c>
      <c r="AN1992">
        <v>81285.843359999999</v>
      </c>
      <c r="AO1992">
        <v>26915.37255</v>
      </c>
      <c r="AP1992">
        <v>15685.09705</v>
      </c>
    </row>
    <row r="1993" spans="2:42" x14ac:dyDescent="0.3">
      <c r="B1993">
        <v>41.206860810503265</v>
      </c>
      <c r="C1993" s="83">
        <v>43183.958333333336</v>
      </c>
      <c r="D1993">
        <v>168017.068</v>
      </c>
      <c r="E1993">
        <v>14603.524230000001</v>
      </c>
      <c r="F1993">
        <v>44969.316959999996</v>
      </c>
      <c r="G1993">
        <v>40444.070160000003</v>
      </c>
      <c r="H1993">
        <v>37390.286119999997</v>
      </c>
      <c r="I1993">
        <v>26222.801390000001</v>
      </c>
      <c r="J1993">
        <v>35873.131309999997</v>
      </c>
      <c r="K1993">
        <v>50437.245589999999</v>
      </c>
      <c r="L1993">
        <v>23803.750339999999</v>
      </c>
      <c r="M1993">
        <v>210091.7929</v>
      </c>
      <c r="N1993">
        <v>70245.412129999997</v>
      </c>
      <c r="O1993">
        <v>22348.728230000001</v>
      </c>
      <c r="P1993">
        <v>38346.261830000003</v>
      </c>
      <c r="Q1993">
        <v>46310.975079999997</v>
      </c>
      <c r="R1993">
        <v>28785.77074</v>
      </c>
      <c r="S1993">
        <v>79604.990390000006</v>
      </c>
      <c r="T1993">
        <v>28755.4499</v>
      </c>
      <c r="U1993">
        <v>14839.098969999999</v>
      </c>
      <c r="W1993" s="83">
        <f>Bühler!N2025</f>
        <v>45374.958333328505</v>
      </c>
      <c r="X1993" s="83">
        <v>43183.958333333336</v>
      </c>
      <c r="Y1993">
        <v>168017.068</v>
      </c>
      <c r="Z1993">
        <v>14603.524230000001</v>
      </c>
      <c r="AA1993">
        <v>44969.316959999996</v>
      </c>
      <c r="AB1993">
        <v>40444.070160000003</v>
      </c>
      <c r="AC1993">
        <v>37390.286119999997</v>
      </c>
      <c r="AD1993">
        <v>26222.801390000001</v>
      </c>
      <c r="AE1993">
        <v>35873.131309999997</v>
      </c>
      <c r="AF1993">
        <v>50437.245589999999</v>
      </c>
      <c r="AG1993">
        <v>23803.750339999999</v>
      </c>
      <c r="AH1993">
        <v>210091.7929</v>
      </c>
      <c r="AI1993">
        <v>70245.412129999997</v>
      </c>
      <c r="AJ1993">
        <v>22348.728230000001</v>
      </c>
      <c r="AK1993">
        <v>38346.261830000003</v>
      </c>
      <c r="AL1993">
        <v>46310.975079999997</v>
      </c>
      <c r="AM1993">
        <v>28785.77074</v>
      </c>
      <c r="AN1993">
        <v>79604.990390000006</v>
      </c>
      <c r="AO1993">
        <v>28755.4499</v>
      </c>
      <c r="AP1993">
        <v>14839.098969999999</v>
      </c>
    </row>
    <row r="1994" spans="2:42" x14ac:dyDescent="0.3">
      <c r="B1994">
        <v>41.154778167961368</v>
      </c>
      <c r="C1994" s="83">
        <v>43184</v>
      </c>
      <c r="D1994">
        <v>166855.75090000001</v>
      </c>
      <c r="E1994">
        <v>14560.880660000001</v>
      </c>
      <c r="F1994">
        <v>44138.931600000004</v>
      </c>
      <c r="G1994">
        <v>40700.27953</v>
      </c>
      <c r="H1994">
        <v>36867.382899999997</v>
      </c>
      <c r="I1994">
        <v>24502.567419999999</v>
      </c>
      <c r="J1994">
        <v>34357.582190000001</v>
      </c>
      <c r="K1994">
        <v>48422.275079999999</v>
      </c>
      <c r="L1994">
        <v>20463.433969999998</v>
      </c>
      <c r="M1994">
        <v>209826.2513</v>
      </c>
      <c r="N1994">
        <v>69065.794039999993</v>
      </c>
      <c r="O1994">
        <v>22871.796419999999</v>
      </c>
      <c r="P1994">
        <v>35786.429060000002</v>
      </c>
      <c r="Q1994">
        <v>46433.349820000003</v>
      </c>
      <c r="R1994">
        <v>24603.834409999999</v>
      </c>
      <c r="S1994">
        <v>78642.341159999996</v>
      </c>
      <c r="T1994">
        <v>27448.07964</v>
      </c>
      <c r="U1994">
        <v>14727.4362</v>
      </c>
      <c r="W1994" s="83">
        <f>Bühler!N2026</f>
        <v>45374.999999995169</v>
      </c>
      <c r="X1994" s="83">
        <v>43184</v>
      </c>
      <c r="Y1994">
        <v>166855.75090000001</v>
      </c>
      <c r="Z1994">
        <v>14560.880660000001</v>
      </c>
      <c r="AA1994">
        <v>44138.931600000004</v>
      </c>
      <c r="AB1994">
        <v>40700.27953</v>
      </c>
      <c r="AC1994">
        <v>36867.382899999997</v>
      </c>
      <c r="AD1994">
        <v>24502.567419999999</v>
      </c>
      <c r="AE1994">
        <v>34357.582190000001</v>
      </c>
      <c r="AF1994">
        <v>48422.275079999999</v>
      </c>
      <c r="AG1994">
        <v>20463.433969999998</v>
      </c>
      <c r="AH1994">
        <v>209826.2513</v>
      </c>
      <c r="AI1994">
        <v>69065.794039999993</v>
      </c>
      <c r="AJ1994">
        <v>22871.796419999999</v>
      </c>
      <c r="AK1994">
        <v>35786.429060000002</v>
      </c>
      <c r="AL1994">
        <v>46433.349820000003</v>
      </c>
      <c r="AM1994">
        <v>24603.834409999999</v>
      </c>
      <c r="AN1994">
        <v>78642.341159999996</v>
      </c>
      <c r="AO1994">
        <v>27448.07964</v>
      </c>
      <c r="AP1994">
        <v>14727.4362</v>
      </c>
    </row>
    <row r="1995" spans="2:42" x14ac:dyDescent="0.3">
      <c r="B1995">
        <v>40.999959885941045</v>
      </c>
      <c r="C1995" s="83">
        <v>43184.041666666664</v>
      </c>
      <c r="D1995">
        <v>166179.1023</v>
      </c>
      <c r="E1995">
        <v>14471.24934</v>
      </c>
      <c r="F1995">
        <v>44293.194360000001</v>
      </c>
      <c r="G1995">
        <v>40375.958619999998</v>
      </c>
      <c r="H1995">
        <v>36981.595800000003</v>
      </c>
      <c r="I1995">
        <v>20502.937839999999</v>
      </c>
      <c r="J1995">
        <v>33907.377390000001</v>
      </c>
      <c r="K1995">
        <v>47392.387840000003</v>
      </c>
      <c r="L1995">
        <v>18952.243289999999</v>
      </c>
      <c r="M1995">
        <v>209036.9155</v>
      </c>
      <c r="N1995">
        <v>68691.281459999998</v>
      </c>
      <c r="O1995">
        <v>22741.013370000001</v>
      </c>
      <c r="P1995">
        <v>33323.270080000002</v>
      </c>
      <c r="Q1995">
        <v>47080.512179999998</v>
      </c>
      <c r="R1995">
        <v>23074.06539</v>
      </c>
      <c r="S1995">
        <v>77918.744390000007</v>
      </c>
      <c r="T1995">
        <v>26642.576840000002</v>
      </c>
      <c r="U1995">
        <v>14899.04833</v>
      </c>
      <c r="W1995" s="83">
        <f>Bühler!N2027</f>
        <v>45375.041666661833</v>
      </c>
      <c r="X1995" s="83">
        <v>43184.041666666664</v>
      </c>
      <c r="Y1995">
        <v>166179.1023</v>
      </c>
      <c r="Z1995">
        <v>14471.24934</v>
      </c>
      <c r="AA1995">
        <v>44293.194360000001</v>
      </c>
      <c r="AB1995">
        <v>40375.958619999998</v>
      </c>
      <c r="AC1995">
        <v>36981.595800000003</v>
      </c>
      <c r="AD1995">
        <v>20502.937839999999</v>
      </c>
      <c r="AE1995">
        <v>33907.377390000001</v>
      </c>
      <c r="AF1995">
        <v>47392.387840000003</v>
      </c>
      <c r="AG1995">
        <v>18952.243289999999</v>
      </c>
      <c r="AH1995">
        <v>209036.9155</v>
      </c>
      <c r="AI1995">
        <v>68691.281459999998</v>
      </c>
      <c r="AJ1995">
        <v>22741.013370000001</v>
      </c>
      <c r="AK1995">
        <v>33323.270080000002</v>
      </c>
      <c r="AL1995">
        <v>47080.512179999998</v>
      </c>
      <c r="AM1995">
        <v>23074.06539</v>
      </c>
      <c r="AN1995">
        <v>77918.744390000007</v>
      </c>
      <c r="AO1995">
        <v>26642.576840000002</v>
      </c>
      <c r="AP1995">
        <v>14899.04833</v>
      </c>
    </row>
    <row r="1996" spans="2:42" x14ac:dyDescent="0.3">
      <c r="B1996">
        <v>40.963599383082673</v>
      </c>
      <c r="C1996" s="83">
        <v>43184.083333333336</v>
      </c>
      <c r="D1996">
        <v>166804.92790000001</v>
      </c>
      <c r="E1996">
        <v>14511.40281</v>
      </c>
      <c r="F1996">
        <v>44694.559200000003</v>
      </c>
      <c r="G1996">
        <v>39783.178010000003</v>
      </c>
      <c r="H1996">
        <v>36702.14443</v>
      </c>
      <c r="I1996">
        <v>17318.331129999999</v>
      </c>
      <c r="J1996">
        <v>33449.969620000003</v>
      </c>
      <c r="K1996">
        <v>46076.311540000002</v>
      </c>
      <c r="L1996">
        <v>18616.201980000002</v>
      </c>
      <c r="M1996">
        <v>208851.53270000001</v>
      </c>
      <c r="N1996">
        <v>68008.777879999994</v>
      </c>
      <c r="O1996">
        <v>23165.390009999999</v>
      </c>
      <c r="P1996">
        <v>32216.032579999999</v>
      </c>
      <c r="Q1996">
        <v>49801.330880000001</v>
      </c>
      <c r="R1996">
        <v>23177.875599999999</v>
      </c>
      <c r="S1996">
        <v>77652.776089999999</v>
      </c>
      <c r="T1996">
        <v>25920.113539999998</v>
      </c>
      <c r="U1996">
        <v>15415.888999999999</v>
      </c>
      <c r="W1996" s="83">
        <f>Bühler!N2028</f>
        <v>45375.083333328497</v>
      </c>
      <c r="X1996" s="83">
        <v>43184.083333333336</v>
      </c>
      <c r="Y1996">
        <v>166804.92790000001</v>
      </c>
      <c r="Z1996">
        <v>14511.40281</v>
      </c>
      <c r="AA1996">
        <v>44694.559200000003</v>
      </c>
      <c r="AB1996">
        <v>39783.178010000003</v>
      </c>
      <c r="AC1996">
        <v>36702.14443</v>
      </c>
      <c r="AD1996">
        <v>17318.331129999999</v>
      </c>
      <c r="AE1996">
        <v>33449.969620000003</v>
      </c>
      <c r="AF1996">
        <v>46076.311540000002</v>
      </c>
      <c r="AG1996">
        <v>18616.201980000002</v>
      </c>
      <c r="AH1996">
        <v>208851.53270000001</v>
      </c>
      <c r="AI1996">
        <v>68008.777879999994</v>
      </c>
      <c r="AJ1996">
        <v>23165.390009999999</v>
      </c>
      <c r="AK1996">
        <v>32216.032579999999</v>
      </c>
      <c r="AL1996">
        <v>49801.330880000001</v>
      </c>
      <c r="AM1996">
        <v>23177.875599999999</v>
      </c>
      <c r="AN1996">
        <v>77652.776089999999</v>
      </c>
      <c r="AO1996">
        <v>25920.113539999998</v>
      </c>
      <c r="AP1996">
        <v>15415.888999999999</v>
      </c>
    </row>
    <row r="1997" spans="2:42" x14ac:dyDescent="0.3">
      <c r="B1997">
        <v>40.546009963597875</v>
      </c>
      <c r="C1997" s="83">
        <v>43184.125</v>
      </c>
      <c r="D1997">
        <v>166347.88389999999</v>
      </c>
      <c r="E1997">
        <v>14546.26094</v>
      </c>
      <c r="F1997">
        <v>44449.24108</v>
      </c>
      <c r="G1997">
        <v>39235.914470000003</v>
      </c>
      <c r="H1997">
        <v>36906.506110000002</v>
      </c>
      <c r="I1997">
        <v>17069.221269999998</v>
      </c>
      <c r="J1997">
        <v>33924.558250000002</v>
      </c>
      <c r="K1997">
        <v>43895.730409999996</v>
      </c>
      <c r="L1997">
        <v>18398.383969999999</v>
      </c>
      <c r="M1997">
        <v>206722.46710000001</v>
      </c>
      <c r="N1997">
        <v>67691.15999</v>
      </c>
      <c r="O1997">
        <v>23254.703280000002</v>
      </c>
      <c r="P1997">
        <v>31744.05863</v>
      </c>
      <c r="Q1997">
        <v>49964.760820000003</v>
      </c>
      <c r="R1997">
        <v>22719.761610000001</v>
      </c>
      <c r="S1997">
        <v>76796.476729999995</v>
      </c>
      <c r="T1997">
        <v>25915.865229999999</v>
      </c>
      <c r="U1997">
        <v>15364.65524</v>
      </c>
      <c r="W1997" s="83">
        <f>Bühler!N2029</f>
        <v>45375.124999995161</v>
      </c>
      <c r="X1997" s="83">
        <v>43184.125</v>
      </c>
      <c r="Y1997">
        <v>166347.88389999999</v>
      </c>
      <c r="Z1997">
        <v>14546.26094</v>
      </c>
      <c r="AA1997">
        <v>44449.24108</v>
      </c>
      <c r="AB1997">
        <v>39235.914470000003</v>
      </c>
      <c r="AC1997">
        <v>36906.506110000002</v>
      </c>
      <c r="AD1997">
        <v>17069.221269999998</v>
      </c>
      <c r="AE1997">
        <v>33924.558250000002</v>
      </c>
      <c r="AF1997">
        <v>43895.730409999996</v>
      </c>
      <c r="AG1997">
        <v>18398.383969999999</v>
      </c>
      <c r="AH1997">
        <v>206722.46710000001</v>
      </c>
      <c r="AI1997">
        <v>67691.15999</v>
      </c>
      <c r="AJ1997">
        <v>23254.703280000002</v>
      </c>
      <c r="AK1997">
        <v>31744.05863</v>
      </c>
      <c r="AL1997">
        <v>49964.760820000003</v>
      </c>
      <c r="AM1997">
        <v>22719.761610000001</v>
      </c>
      <c r="AN1997">
        <v>76796.476729999995</v>
      </c>
      <c r="AO1997">
        <v>25915.865229999999</v>
      </c>
      <c r="AP1997">
        <v>15364.65524</v>
      </c>
    </row>
    <row r="1998" spans="2:42" x14ac:dyDescent="0.3">
      <c r="B1998">
        <v>40.239739882505006</v>
      </c>
      <c r="C1998" s="83">
        <v>43184.166666666664</v>
      </c>
      <c r="D1998">
        <v>165703.78599999999</v>
      </c>
      <c r="E1998">
        <v>14713.428320000001</v>
      </c>
      <c r="F1998">
        <v>44910.672839999999</v>
      </c>
      <c r="G1998">
        <v>38533.014479999998</v>
      </c>
      <c r="H1998">
        <v>36779.509409999999</v>
      </c>
      <c r="I1998">
        <v>18189.067429999999</v>
      </c>
      <c r="J1998">
        <v>36126.648209999999</v>
      </c>
      <c r="K1998">
        <v>42829.604500000001</v>
      </c>
      <c r="L1998">
        <v>18246.717209999999</v>
      </c>
      <c r="M1998">
        <v>205160.95939999999</v>
      </c>
      <c r="N1998">
        <v>65465.527170000001</v>
      </c>
      <c r="O1998">
        <v>23077.4774</v>
      </c>
      <c r="P1998">
        <v>30949.028340000001</v>
      </c>
      <c r="Q1998">
        <v>50912.098819999999</v>
      </c>
      <c r="R1998">
        <v>22654.493559999999</v>
      </c>
      <c r="S1998">
        <v>77999.412660000002</v>
      </c>
      <c r="T1998">
        <v>25610.33108</v>
      </c>
      <c r="U1998">
        <v>15821.63659</v>
      </c>
      <c r="W1998" s="83">
        <f>Bühler!N2030</f>
        <v>45375.166666661826</v>
      </c>
      <c r="X1998" s="83">
        <v>43184.166666666664</v>
      </c>
      <c r="Y1998">
        <v>165703.78599999999</v>
      </c>
      <c r="Z1998">
        <v>14713.428320000001</v>
      </c>
      <c r="AA1998">
        <v>44910.672839999999</v>
      </c>
      <c r="AB1998">
        <v>38533.014479999998</v>
      </c>
      <c r="AC1998">
        <v>36779.509409999999</v>
      </c>
      <c r="AD1998">
        <v>18189.067429999999</v>
      </c>
      <c r="AE1998">
        <v>36126.648209999999</v>
      </c>
      <c r="AF1998">
        <v>42829.604500000001</v>
      </c>
      <c r="AG1998">
        <v>18246.717209999999</v>
      </c>
      <c r="AH1998">
        <v>205160.95939999999</v>
      </c>
      <c r="AI1998">
        <v>65465.527170000001</v>
      </c>
      <c r="AJ1998">
        <v>23077.4774</v>
      </c>
      <c r="AK1998">
        <v>30949.028340000001</v>
      </c>
      <c r="AL1998">
        <v>50912.098819999999</v>
      </c>
      <c r="AM1998">
        <v>22654.493559999999</v>
      </c>
      <c r="AN1998">
        <v>77999.412660000002</v>
      </c>
      <c r="AO1998">
        <v>25610.33108</v>
      </c>
      <c r="AP1998">
        <v>15821.63659</v>
      </c>
    </row>
    <row r="1999" spans="2:42" x14ac:dyDescent="0.3">
      <c r="B1999">
        <v>40.29513271655707</v>
      </c>
      <c r="C1999" s="83">
        <v>43184.208333333336</v>
      </c>
      <c r="D1999">
        <v>165208.65530000001</v>
      </c>
      <c r="E1999">
        <v>14876.952789999999</v>
      </c>
      <c r="F1999">
        <v>45852.585160000002</v>
      </c>
      <c r="G1999">
        <v>38979.33178</v>
      </c>
      <c r="H1999">
        <v>37280.681750000003</v>
      </c>
      <c r="I1999">
        <v>23010.794310000001</v>
      </c>
      <c r="J1999">
        <v>38275.87902</v>
      </c>
      <c r="K1999">
        <v>42278.42267</v>
      </c>
      <c r="L1999">
        <v>19165.38063</v>
      </c>
      <c r="M1999">
        <v>205443.37789999999</v>
      </c>
      <c r="N1999">
        <v>64436.568180000002</v>
      </c>
      <c r="O1999">
        <v>22992.668099999999</v>
      </c>
      <c r="P1999">
        <v>31999.61534</v>
      </c>
      <c r="Q1999">
        <v>51032.018640000002</v>
      </c>
      <c r="R1999">
        <v>24201.0785</v>
      </c>
      <c r="S1999">
        <v>79970.794930000004</v>
      </c>
      <c r="T1999">
        <v>26273.73719</v>
      </c>
      <c r="U1999">
        <v>15950.02816</v>
      </c>
      <c r="W1999" s="83">
        <f>Bühler!N2031</f>
        <v>45375.20833332849</v>
      </c>
      <c r="X1999" s="83">
        <v>43184.208333333336</v>
      </c>
      <c r="Y1999">
        <v>165208.65530000001</v>
      </c>
      <c r="Z1999">
        <v>14876.952789999999</v>
      </c>
      <c r="AA1999">
        <v>45852.585160000002</v>
      </c>
      <c r="AB1999">
        <v>38979.33178</v>
      </c>
      <c r="AC1999">
        <v>37280.681750000003</v>
      </c>
      <c r="AD1999">
        <v>23010.794310000001</v>
      </c>
      <c r="AE1999">
        <v>38275.87902</v>
      </c>
      <c r="AF1999">
        <v>42278.42267</v>
      </c>
      <c r="AG1999">
        <v>19165.38063</v>
      </c>
      <c r="AH1999">
        <v>205443.37789999999</v>
      </c>
      <c r="AI1999">
        <v>64436.568180000002</v>
      </c>
      <c r="AJ1999">
        <v>22992.668099999999</v>
      </c>
      <c r="AK1999">
        <v>31999.61534</v>
      </c>
      <c r="AL1999">
        <v>51032.018640000002</v>
      </c>
      <c r="AM1999">
        <v>24201.0785</v>
      </c>
      <c r="AN1999">
        <v>79970.794930000004</v>
      </c>
      <c r="AO1999">
        <v>26273.73719</v>
      </c>
      <c r="AP1999">
        <v>15950.02816</v>
      </c>
    </row>
    <row r="2000" spans="2:42" x14ac:dyDescent="0.3">
      <c r="B2000">
        <v>40.927948701522951</v>
      </c>
      <c r="C2000" s="83">
        <v>43184.25</v>
      </c>
      <c r="D2000">
        <v>165562.70499999999</v>
      </c>
      <c r="E2000">
        <v>15262.75736</v>
      </c>
      <c r="F2000">
        <v>47022.739679999999</v>
      </c>
      <c r="G2000">
        <v>39573.682840000001</v>
      </c>
      <c r="H2000">
        <v>36780.662709999997</v>
      </c>
      <c r="I2000">
        <v>25054.566200000001</v>
      </c>
      <c r="J2000">
        <v>40819.619579999999</v>
      </c>
      <c r="K2000">
        <v>42037.485379999998</v>
      </c>
      <c r="L2000">
        <v>19537.118689999999</v>
      </c>
      <c r="M2000">
        <v>208669.7689</v>
      </c>
      <c r="N2000">
        <v>65317.989329999997</v>
      </c>
      <c r="O2000">
        <v>22418.976770000001</v>
      </c>
      <c r="P2000">
        <v>32724.524890000001</v>
      </c>
      <c r="Q2000">
        <v>51284.589319999999</v>
      </c>
      <c r="R2000">
        <v>17090.502619999999</v>
      </c>
      <c r="S2000">
        <v>83755.444560000004</v>
      </c>
      <c r="T2000">
        <v>26675.336340000002</v>
      </c>
      <c r="U2000">
        <v>15461.8621</v>
      </c>
      <c r="W2000" s="83">
        <f>Bühler!N2032</f>
        <v>45375.249999995154</v>
      </c>
      <c r="X2000" s="83">
        <v>43184.25</v>
      </c>
      <c r="Y2000">
        <v>165562.70499999999</v>
      </c>
      <c r="Z2000">
        <v>15262.75736</v>
      </c>
      <c r="AA2000">
        <v>47022.739679999999</v>
      </c>
      <c r="AB2000">
        <v>39573.682840000001</v>
      </c>
      <c r="AC2000">
        <v>36780.662709999997</v>
      </c>
      <c r="AD2000">
        <v>25054.566200000001</v>
      </c>
      <c r="AE2000">
        <v>40819.619579999999</v>
      </c>
      <c r="AF2000">
        <v>42037.485379999998</v>
      </c>
      <c r="AG2000">
        <v>19537.118689999999</v>
      </c>
      <c r="AH2000">
        <v>208669.7689</v>
      </c>
      <c r="AI2000">
        <v>65317.989329999997</v>
      </c>
      <c r="AJ2000">
        <v>22418.976770000001</v>
      </c>
      <c r="AK2000">
        <v>32724.524890000001</v>
      </c>
      <c r="AL2000">
        <v>51284.589319999999</v>
      </c>
      <c r="AM2000">
        <v>17090.502619999999</v>
      </c>
      <c r="AN2000">
        <v>83755.444560000004</v>
      </c>
      <c r="AO2000">
        <v>26675.336340000002</v>
      </c>
      <c r="AP2000">
        <v>15461.8621</v>
      </c>
    </row>
    <row r="2001" spans="2:42" x14ac:dyDescent="0.3">
      <c r="B2001">
        <v>40.287951164783614</v>
      </c>
      <c r="C2001" s="83">
        <v>43184.291666666664</v>
      </c>
      <c r="D2001">
        <v>163632.2334</v>
      </c>
      <c r="E2001">
        <v>15232.91322</v>
      </c>
      <c r="F2001">
        <v>48150.220860000001</v>
      </c>
      <c r="G2001">
        <v>39233.772700000001</v>
      </c>
      <c r="H2001">
        <v>35663.563049999997</v>
      </c>
      <c r="I2001">
        <v>26366.315139999999</v>
      </c>
      <c r="J2001">
        <v>40648.90266</v>
      </c>
      <c r="K2001">
        <v>40906.410499999998</v>
      </c>
      <c r="L2001">
        <v>20826.36418</v>
      </c>
      <c r="M2001">
        <v>205406.76300000001</v>
      </c>
      <c r="N2001">
        <v>66045.06035</v>
      </c>
      <c r="O2001">
        <v>22282.791509999999</v>
      </c>
      <c r="P2001">
        <v>35522.385399999999</v>
      </c>
      <c r="Q2001">
        <v>49960.53284</v>
      </c>
      <c r="R2001">
        <v>15867.21695</v>
      </c>
      <c r="S2001">
        <v>88578.40698</v>
      </c>
      <c r="T2001">
        <v>25478.552220000001</v>
      </c>
      <c r="U2001">
        <v>14473.563120000001</v>
      </c>
      <c r="W2001" s="83">
        <f>Bühler!N2033</f>
        <v>45375.291666661818</v>
      </c>
      <c r="X2001" s="83">
        <v>43184.291666666664</v>
      </c>
      <c r="Y2001">
        <v>163632.2334</v>
      </c>
      <c r="Z2001">
        <v>15232.91322</v>
      </c>
      <c r="AA2001">
        <v>48150.220860000001</v>
      </c>
      <c r="AB2001">
        <v>39233.772700000001</v>
      </c>
      <c r="AC2001">
        <v>35663.563049999997</v>
      </c>
      <c r="AD2001">
        <v>26366.315139999999</v>
      </c>
      <c r="AE2001">
        <v>40648.90266</v>
      </c>
      <c r="AF2001">
        <v>40906.410499999998</v>
      </c>
      <c r="AG2001">
        <v>20826.36418</v>
      </c>
      <c r="AH2001">
        <v>205406.76300000001</v>
      </c>
      <c r="AI2001">
        <v>66045.06035</v>
      </c>
      <c r="AJ2001">
        <v>22282.791509999999</v>
      </c>
      <c r="AK2001">
        <v>35522.385399999999</v>
      </c>
      <c r="AL2001">
        <v>49960.53284</v>
      </c>
      <c r="AM2001">
        <v>15867.21695</v>
      </c>
      <c r="AN2001">
        <v>88578.40698</v>
      </c>
      <c r="AO2001">
        <v>25478.552220000001</v>
      </c>
      <c r="AP2001">
        <v>14473.563120000001</v>
      </c>
    </row>
    <row r="2002" spans="2:42" x14ac:dyDescent="0.3">
      <c r="B2002">
        <v>39.976092893421537</v>
      </c>
      <c r="C2002" s="83">
        <v>43184.333333333336</v>
      </c>
      <c r="D2002">
        <v>162220.2169</v>
      </c>
      <c r="E2002">
        <v>15711.486500000001</v>
      </c>
      <c r="F2002">
        <v>49234.558810000002</v>
      </c>
      <c r="G2002">
        <v>39369.589809999998</v>
      </c>
      <c r="H2002">
        <v>36297.695959999997</v>
      </c>
      <c r="I2002">
        <v>26628.609369999998</v>
      </c>
      <c r="J2002">
        <v>40821.638220000001</v>
      </c>
      <c r="K2002">
        <v>41475.55373</v>
      </c>
      <c r="L2002">
        <v>22319.262559999999</v>
      </c>
      <c r="M2002">
        <v>203816.7641</v>
      </c>
      <c r="N2002">
        <v>67521.298689999996</v>
      </c>
      <c r="O2002">
        <v>21896.981790000002</v>
      </c>
      <c r="P2002">
        <v>37010.983740000003</v>
      </c>
      <c r="Q2002">
        <v>49885.549019999999</v>
      </c>
      <c r="R2002">
        <v>16646.94688</v>
      </c>
      <c r="S2002">
        <v>90610.513260000007</v>
      </c>
      <c r="T2002">
        <v>27411.709409999999</v>
      </c>
      <c r="U2002">
        <v>13956.172979999999</v>
      </c>
      <c r="W2002" s="83">
        <f>Bühler!N2034</f>
        <v>45375.333333328483</v>
      </c>
      <c r="X2002" s="83">
        <v>43184.333333333336</v>
      </c>
      <c r="Y2002">
        <v>162220.2169</v>
      </c>
      <c r="Z2002">
        <v>15711.486500000001</v>
      </c>
      <c r="AA2002">
        <v>49234.558810000002</v>
      </c>
      <c r="AB2002">
        <v>39369.589809999998</v>
      </c>
      <c r="AC2002">
        <v>36297.695959999997</v>
      </c>
      <c r="AD2002">
        <v>26628.609369999998</v>
      </c>
      <c r="AE2002">
        <v>40821.638220000001</v>
      </c>
      <c r="AF2002">
        <v>41475.55373</v>
      </c>
      <c r="AG2002">
        <v>22319.262559999999</v>
      </c>
      <c r="AH2002">
        <v>203816.7641</v>
      </c>
      <c r="AI2002">
        <v>67521.298689999996</v>
      </c>
      <c r="AJ2002">
        <v>21896.981790000002</v>
      </c>
      <c r="AK2002">
        <v>37010.983740000003</v>
      </c>
      <c r="AL2002">
        <v>49885.549019999999</v>
      </c>
      <c r="AM2002">
        <v>16646.94688</v>
      </c>
      <c r="AN2002">
        <v>90610.513260000007</v>
      </c>
      <c r="AO2002">
        <v>27411.709409999999</v>
      </c>
      <c r="AP2002">
        <v>13956.172979999999</v>
      </c>
    </row>
    <row r="2003" spans="2:42" x14ac:dyDescent="0.3">
      <c r="B2003">
        <v>39.629122494609128</v>
      </c>
      <c r="C2003" s="83">
        <v>43184.375</v>
      </c>
      <c r="D2003">
        <v>161954.13690000001</v>
      </c>
      <c r="E2003">
        <v>16083.264380000001</v>
      </c>
      <c r="F2003">
        <v>50905.66833</v>
      </c>
      <c r="G2003">
        <v>39417.11479</v>
      </c>
      <c r="H2003">
        <v>36818.536780000002</v>
      </c>
      <c r="I2003">
        <v>27308.208559999999</v>
      </c>
      <c r="J2003">
        <v>41288.490310000001</v>
      </c>
      <c r="K2003">
        <v>43549.637280000003</v>
      </c>
      <c r="L2003">
        <v>24352.419720000002</v>
      </c>
      <c r="M2003">
        <v>202047.74720000001</v>
      </c>
      <c r="N2003">
        <v>74896.163079999998</v>
      </c>
      <c r="O2003">
        <v>21631.874189999999</v>
      </c>
      <c r="P2003">
        <v>39049.908069999998</v>
      </c>
      <c r="Q2003">
        <v>49318.503629999999</v>
      </c>
      <c r="R2003">
        <v>17294.194469999999</v>
      </c>
      <c r="S2003">
        <v>92359.268800000005</v>
      </c>
      <c r="T2003">
        <v>29326.04364</v>
      </c>
      <c r="U2003">
        <v>13933.29242</v>
      </c>
      <c r="W2003" s="83">
        <f>Bühler!N2035</f>
        <v>45375.374999995147</v>
      </c>
      <c r="X2003" s="83">
        <v>43184.375</v>
      </c>
      <c r="Y2003">
        <v>161954.13690000001</v>
      </c>
      <c r="Z2003">
        <v>16083.264380000001</v>
      </c>
      <c r="AA2003">
        <v>50905.66833</v>
      </c>
      <c r="AB2003">
        <v>39417.11479</v>
      </c>
      <c r="AC2003">
        <v>36818.536780000002</v>
      </c>
      <c r="AD2003">
        <v>27308.208559999999</v>
      </c>
      <c r="AE2003">
        <v>41288.490310000001</v>
      </c>
      <c r="AF2003">
        <v>43549.637280000003</v>
      </c>
      <c r="AG2003">
        <v>24352.419720000002</v>
      </c>
      <c r="AH2003">
        <v>202047.74720000001</v>
      </c>
      <c r="AI2003">
        <v>74896.163079999998</v>
      </c>
      <c r="AJ2003">
        <v>21631.874189999999</v>
      </c>
      <c r="AK2003">
        <v>39049.908069999998</v>
      </c>
      <c r="AL2003">
        <v>49318.503629999999</v>
      </c>
      <c r="AM2003">
        <v>17294.194469999999</v>
      </c>
      <c r="AN2003">
        <v>92359.268800000005</v>
      </c>
      <c r="AO2003">
        <v>29326.04364</v>
      </c>
      <c r="AP2003">
        <v>13933.29242</v>
      </c>
    </row>
    <row r="2004" spans="2:42" x14ac:dyDescent="0.3">
      <c r="B2004">
        <v>39.984417887086927</v>
      </c>
      <c r="C2004" s="83">
        <v>43184.416666666664</v>
      </c>
      <c r="D2004">
        <v>160714.28460000001</v>
      </c>
      <c r="E2004">
        <v>16627.168440000001</v>
      </c>
      <c r="F2004">
        <v>51110.3393</v>
      </c>
      <c r="G2004">
        <v>39145.551249999997</v>
      </c>
      <c r="H2004">
        <v>37046.565369999997</v>
      </c>
      <c r="I2004">
        <v>27263.767479999999</v>
      </c>
      <c r="J2004">
        <v>39489.007389999999</v>
      </c>
      <c r="K2004">
        <v>45009.242290000002</v>
      </c>
      <c r="L2004">
        <v>27260.268220000002</v>
      </c>
      <c r="M2004">
        <v>203859.20879999999</v>
      </c>
      <c r="N2004">
        <v>76347.991949999996</v>
      </c>
      <c r="O2004">
        <v>22110.892039999999</v>
      </c>
      <c r="P2004">
        <v>40372.96456</v>
      </c>
      <c r="Q2004">
        <v>48591.505669999999</v>
      </c>
      <c r="R2004">
        <v>18138.50735</v>
      </c>
      <c r="S2004">
        <v>91909.33541</v>
      </c>
      <c r="T2004">
        <v>31452.790369999999</v>
      </c>
      <c r="U2004">
        <v>13744.276110000001</v>
      </c>
      <c r="W2004" s="83">
        <f>Bühler!N2036</f>
        <v>45375.416666661811</v>
      </c>
      <c r="X2004" s="83">
        <v>43184.416666666664</v>
      </c>
      <c r="Y2004">
        <v>160714.28460000001</v>
      </c>
      <c r="Z2004">
        <v>16627.168440000001</v>
      </c>
      <c r="AA2004">
        <v>51110.3393</v>
      </c>
      <c r="AB2004">
        <v>39145.551249999997</v>
      </c>
      <c r="AC2004">
        <v>37046.565369999997</v>
      </c>
      <c r="AD2004">
        <v>27263.767479999999</v>
      </c>
      <c r="AE2004">
        <v>39489.007389999999</v>
      </c>
      <c r="AF2004">
        <v>45009.242290000002</v>
      </c>
      <c r="AG2004">
        <v>27260.268220000002</v>
      </c>
      <c r="AH2004">
        <v>203859.20879999999</v>
      </c>
      <c r="AI2004">
        <v>76347.991949999996</v>
      </c>
      <c r="AJ2004">
        <v>22110.892039999999</v>
      </c>
      <c r="AK2004">
        <v>40372.96456</v>
      </c>
      <c r="AL2004">
        <v>48591.505669999999</v>
      </c>
      <c r="AM2004">
        <v>18138.50735</v>
      </c>
      <c r="AN2004">
        <v>91909.33541</v>
      </c>
      <c r="AO2004">
        <v>31452.790369999999</v>
      </c>
      <c r="AP2004">
        <v>13744.276110000001</v>
      </c>
    </row>
    <row r="2005" spans="2:42" x14ac:dyDescent="0.3">
      <c r="B2005">
        <v>40.019508988606567</v>
      </c>
      <c r="C2005" s="83">
        <v>43184.458333333336</v>
      </c>
      <c r="D2005">
        <v>160170.26190000001</v>
      </c>
      <c r="E2005">
        <v>16676.921289999998</v>
      </c>
      <c r="F2005">
        <v>51134.879059999999</v>
      </c>
      <c r="G2005">
        <v>38911.38321</v>
      </c>
      <c r="H2005">
        <v>36863.196530000001</v>
      </c>
      <c r="I2005">
        <v>27572.240659999999</v>
      </c>
      <c r="J2005">
        <v>38876.860780000003</v>
      </c>
      <c r="K2005">
        <v>46410.13996</v>
      </c>
      <c r="L2005">
        <v>28280.65511</v>
      </c>
      <c r="M2005">
        <v>204038.11960000001</v>
      </c>
      <c r="N2005">
        <v>74681.809290000005</v>
      </c>
      <c r="O2005">
        <v>21847.69901</v>
      </c>
      <c r="P2005">
        <v>39156.737930000003</v>
      </c>
      <c r="Q2005">
        <v>47321.948759999999</v>
      </c>
      <c r="R2005">
        <v>20270.26267</v>
      </c>
      <c r="S2005">
        <v>92863.709709999996</v>
      </c>
      <c r="T2005">
        <v>32643.448690000001</v>
      </c>
      <c r="U2005">
        <v>13585.9617</v>
      </c>
      <c r="W2005" s="83">
        <f>Bühler!N2037</f>
        <v>45375.458333328475</v>
      </c>
      <c r="X2005" s="83">
        <v>43184.458333333336</v>
      </c>
      <c r="Y2005">
        <v>160170.26190000001</v>
      </c>
      <c r="Z2005">
        <v>16676.921289999998</v>
      </c>
      <c r="AA2005">
        <v>51134.879059999999</v>
      </c>
      <c r="AB2005">
        <v>38911.38321</v>
      </c>
      <c r="AC2005">
        <v>36863.196530000001</v>
      </c>
      <c r="AD2005">
        <v>27572.240659999999</v>
      </c>
      <c r="AE2005">
        <v>38876.860780000003</v>
      </c>
      <c r="AF2005">
        <v>46410.13996</v>
      </c>
      <c r="AG2005">
        <v>28280.65511</v>
      </c>
      <c r="AH2005">
        <v>204038.11960000001</v>
      </c>
      <c r="AI2005">
        <v>74681.809290000005</v>
      </c>
      <c r="AJ2005">
        <v>21847.69901</v>
      </c>
      <c r="AK2005">
        <v>39156.737930000003</v>
      </c>
      <c r="AL2005">
        <v>47321.948759999999</v>
      </c>
      <c r="AM2005">
        <v>20270.26267</v>
      </c>
      <c r="AN2005">
        <v>92863.709709999996</v>
      </c>
      <c r="AO2005">
        <v>32643.448690000001</v>
      </c>
      <c r="AP2005">
        <v>13585.9617</v>
      </c>
    </row>
    <row r="2006" spans="2:42" x14ac:dyDescent="0.3">
      <c r="B2006">
        <v>39.401471663525122</v>
      </c>
      <c r="C2006" s="83">
        <v>43184.5</v>
      </c>
      <c r="D2006">
        <v>160045.717</v>
      </c>
      <c r="E2006">
        <v>16397.693289999999</v>
      </c>
      <c r="F2006">
        <v>48670.399680000002</v>
      </c>
      <c r="G2006">
        <v>39043.771699999998</v>
      </c>
      <c r="H2006">
        <v>36237.232429999996</v>
      </c>
      <c r="I2006">
        <v>27471.235339999999</v>
      </c>
      <c r="J2006">
        <v>39351.544349999996</v>
      </c>
      <c r="K2006">
        <v>46685.066729999999</v>
      </c>
      <c r="L2006">
        <v>29927.089049999999</v>
      </c>
      <c r="M2006">
        <v>200887.07709999999</v>
      </c>
      <c r="N2006">
        <v>73304.86434</v>
      </c>
      <c r="O2006">
        <v>21068.02651</v>
      </c>
      <c r="P2006">
        <v>39284.688710000002</v>
      </c>
      <c r="Q2006">
        <v>45975.684150000001</v>
      </c>
      <c r="R2006">
        <v>18681.6181</v>
      </c>
      <c r="S2006">
        <v>88598.100730000006</v>
      </c>
      <c r="T2006">
        <v>31972.921839999999</v>
      </c>
      <c r="U2006">
        <v>13101.583490000001</v>
      </c>
      <c r="W2006" s="83">
        <f>Bühler!N2038</f>
        <v>45375.49999999514</v>
      </c>
      <c r="X2006" s="83">
        <v>43184.5</v>
      </c>
      <c r="Y2006">
        <v>160045.717</v>
      </c>
      <c r="Z2006">
        <v>16397.693289999999</v>
      </c>
      <c r="AA2006">
        <v>48670.399680000002</v>
      </c>
      <c r="AB2006">
        <v>39043.771699999998</v>
      </c>
      <c r="AC2006">
        <v>36237.232429999996</v>
      </c>
      <c r="AD2006">
        <v>27471.235339999999</v>
      </c>
      <c r="AE2006">
        <v>39351.544349999996</v>
      </c>
      <c r="AF2006">
        <v>46685.066729999999</v>
      </c>
      <c r="AG2006">
        <v>29927.089049999999</v>
      </c>
      <c r="AH2006">
        <v>200887.07709999999</v>
      </c>
      <c r="AI2006">
        <v>73304.86434</v>
      </c>
      <c r="AJ2006">
        <v>21068.02651</v>
      </c>
      <c r="AK2006">
        <v>39284.688710000002</v>
      </c>
      <c r="AL2006">
        <v>45975.684150000001</v>
      </c>
      <c r="AM2006">
        <v>18681.6181</v>
      </c>
      <c r="AN2006">
        <v>88598.100730000006</v>
      </c>
      <c r="AO2006">
        <v>31972.921839999999</v>
      </c>
      <c r="AP2006">
        <v>13101.583490000001</v>
      </c>
    </row>
    <row r="2007" spans="2:42" x14ac:dyDescent="0.3">
      <c r="B2007">
        <v>39.200371149913273</v>
      </c>
      <c r="C2007" s="83">
        <v>43184.541666666664</v>
      </c>
      <c r="D2007">
        <v>159697.15160000001</v>
      </c>
      <c r="E2007">
        <v>16207.316559999999</v>
      </c>
      <c r="F2007">
        <v>44194.938219999996</v>
      </c>
      <c r="G2007">
        <v>38844.27766</v>
      </c>
      <c r="H2007">
        <v>35468.159699999997</v>
      </c>
      <c r="I2007">
        <v>27389.461220000001</v>
      </c>
      <c r="J2007">
        <v>38532.045010000002</v>
      </c>
      <c r="K2007">
        <v>44608.942369999997</v>
      </c>
      <c r="L2007">
        <v>30043.078109999999</v>
      </c>
      <c r="M2007">
        <v>199861.77290000001</v>
      </c>
      <c r="N2007">
        <v>72096.776310000001</v>
      </c>
      <c r="O2007">
        <v>21315.533909999998</v>
      </c>
      <c r="P2007">
        <v>38562.486409999998</v>
      </c>
      <c r="Q2007">
        <v>44944.727709999999</v>
      </c>
      <c r="R2007">
        <v>18391.105609999999</v>
      </c>
      <c r="S2007">
        <v>89536.53469</v>
      </c>
      <c r="T2007">
        <v>31157.042529999999</v>
      </c>
      <c r="U2007">
        <v>12763.77629</v>
      </c>
      <c r="W2007" s="83">
        <f>Bühler!N2039</f>
        <v>45375.541666661804</v>
      </c>
      <c r="X2007" s="83">
        <v>43184.541666666664</v>
      </c>
      <c r="Y2007">
        <v>159697.15160000001</v>
      </c>
      <c r="Z2007">
        <v>16207.316559999999</v>
      </c>
      <c r="AA2007">
        <v>44194.938219999996</v>
      </c>
      <c r="AB2007">
        <v>38844.27766</v>
      </c>
      <c r="AC2007">
        <v>35468.159699999997</v>
      </c>
      <c r="AD2007">
        <v>27389.461220000001</v>
      </c>
      <c r="AE2007">
        <v>38532.045010000002</v>
      </c>
      <c r="AF2007">
        <v>44608.942369999997</v>
      </c>
      <c r="AG2007">
        <v>30043.078109999999</v>
      </c>
      <c r="AH2007">
        <v>199861.77290000001</v>
      </c>
      <c r="AI2007">
        <v>72096.776310000001</v>
      </c>
      <c r="AJ2007">
        <v>21315.533909999998</v>
      </c>
      <c r="AK2007">
        <v>38562.486409999998</v>
      </c>
      <c r="AL2007">
        <v>44944.727709999999</v>
      </c>
      <c r="AM2007">
        <v>18391.105609999999</v>
      </c>
      <c r="AN2007">
        <v>89536.53469</v>
      </c>
      <c r="AO2007">
        <v>31157.042529999999</v>
      </c>
      <c r="AP2007">
        <v>12763.77629</v>
      </c>
    </row>
    <row r="2008" spans="2:42" x14ac:dyDescent="0.3">
      <c r="B2008">
        <v>39.633512324510683</v>
      </c>
      <c r="C2008" s="83">
        <v>43184.583333333336</v>
      </c>
      <c r="D2008">
        <v>159574.66959999999</v>
      </c>
      <c r="E2008">
        <v>16058.72726</v>
      </c>
      <c r="F2008">
        <v>44019.544430000002</v>
      </c>
      <c r="G2008">
        <v>38393.567860000003</v>
      </c>
      <c r="H2008">
        <v>35692.879059999999</v>
      </c>
      <c r="I2008">
        <v>26369.983830000001</v>
      </c>
      <c r="J2008">
        <v>37546.146990000001</v>
      </c>
      <c r="K2008">
        <v>44103.387269999999</v>
      </c>
      <c r="L2008">
        <v>28885.352139999999</v>
      </c>
      <c r="M2008">
        <v>202070.1286</v>
      </c>
      <c r="N2008">
        <v>71548.212480000002</v>
      </c>
      <c r="O2008">
        <v>20465.305530000001</v>
      </c>
      <c r="P2008">
        <v>36913.305569999997</v>
      </c>
      <c r="Q2008">
        <v>44758.140939999997</v>
      </c>
      <c r="R2008">
        <v>18681.446169999999</v>
      </c>
      <c r="S2008">
        <v>86404.091419999997</v>
      </c>
      <c r="T2008">
        <v>30505.549650000001</v>
      </c>
      <c r="U2008">
        <v>12721.594349999999</v>
      </c>
      <c r="W2008" s="83">
        <f>Bühler!N2040</f>
        <v>45375.583333328468</v>
      </c>
      <c r="X2008" s="83">
        <v>43184.583333333336</v>
      </c>
      <c r="Y2008">
        <v>159574.66959999999</v>
      </c>
      <c r="Z2008">
        <v>16058.72726</v>
      </c>
      <c r="AA2008">
        <v>44019.544430000002</v>
      </c>
      <c r="AB2008">
        <v>38393.567860000003</v>
      </c>
      <c r="AC2008">
        <v>35692.879059999999</v>
      </c>
      <c r="AD2008">
        <v>26369.983830000001</v>
      </c>
      <c r="AE2008">
        <v>37546.146990000001</v>
      </c>
      <c r="AF2008">
        <v>44103.387269999999</v>
      </c>
      <c r="AG2008">
        <v>28885.352139999999</v>
      </c>
      <c r="AH2008">
        <v>202070.1286</v>
      </c>
      <c r="AI2008">
        <v>71548.212480000002</v>
      </c>
      <c r="AJ2008">
        <v>20465.305530000001</v>
      </c>
      <c r="AK2008">
        <v>36913.305569999997</v>
      </c>
      <c r="AL2008">
        <v>44758.140939999997</v>
      </c>
      <c r="AM2008">
        <v>18681.446169999999</v>
      </c>
      <c r="AN2008">
        <v>86404.091419999997</v>
      </c>
      <c r="AO2008">
        <v>30505.549650000001</v>
      </c>
      <c r="AP2008">
        <v>12721.594349999999</v>
      </c>
    </row>
    <row r="2009" spans="2:42" x14ac:dyDescent="0.3">
      <c r="B2009">
        <v>39.511098316426711</v>
      </c>
      <c r="C2009" s="83">
        <v>43184.625</v>
      </c>
      <c r="D2009">
        <v>159999.96100000001</v>
      </c>
      <c r="E2009">
        <v>15880.3087</v>
      </c>
      <c r="F2009">
        <v>43676.941570000003</v>
      </c>
      <c r="G2009">
        <v>38259.400950000003</v>
      </c>
      <c r="H2009">
        <v>35478.10338</v>
      </c>
      <c r="I2009">
        <v>26702.229599999999</v>
      </c>
      <c r="J2009">
        <v>37178.441859999999</v>
      </c>
      <c r="K2009">
        <v>44814.040280000001</v>
      </c>
      <c r="L2009">
        <v>26679.796129999999</v>
      </c>
      <c r="M2009">
        <v>201446.0049</v>
      </c>
      <c r="N2009">
        <v>71287.241670000003</v>
      </c>
      <c r="O2009">
        <v>20283.366910000001</v>
      </c>
      <c r="P2009">
        <v>34320.882019999997</v>
      </c>
      <c r="Q2009">
        <v>43875.17671</v>
      </c>
      <c r="R2009">
        <v>18306.577850000001</v>
      </c>
      <c r="S2009">
        <v>86163.120320000002</v>
      </c>
      <c r="T2009">
        <v>30451.555359999998</v>
      </c>
      <c r="U2009">
        <v>12701.00621</v>
      </c>
      <c r="W2009" s="83">
        <f>Bühler!N2041</f>
        <v>45375.624999995132</v>
      </c>
      <c r="X2009" s="83">
        <v>43184.625</v>
      </c>
      <c r="Y2009">
        <v>159999.96100000001</v>
      </c>
      <c r="Z2009">
        <v>15880.3087</v>
      </c>
      <c r="AA2009">
        <v>43676.941570000003</v>
      </c>
      <c r="AB2009">
        <v>38259.400950000003</v>
      </c>
      <c r="AC2009">
        <v>35478.10338</v>
      </c>
      <c r="AD2009">
        <v>26702.229599999999</v>
      </c>
      <c r="AE2009">
        <v>37178.441859999999</v>
      </c>
      <c r="AF2009">
        <v>44814.040280000001</v>
      </c>
      <c r="AG2009">
        <v>26679.796129999999</v>
      </c>
      <c r="AH2009">
        <v>201446.0049</v>
      </c>
      <c r="AI2009">
        <v>71287.241670000003</v>
      </c>
      <c r="AJ2009">
        <v>20283.366910000001</v>
      </c>
      <c r="AK2009">
        <v>34320.882019999997</v>
      </c>
      <c r="AL2009">
        <v>43875.17671</v>
      </c>
      <c r="AM2009">
        <v>18306.577850000001</v>
      </c>
      <c r="AN2009">
        <v>86163.120320000002</v>
      </c>
      <c r="AO2009">
        <v>30451.555359999998</v>
      </c>
      <c r="AP2009">
        <v>12701.00621</v>
      </c>
    </row>
    <row r="2010" spans="2:42" x14ac:dyDescent="0.3">
      <c r="B2010">
        <v>39.486025482475043</v>
      </c>
      <c r="C2010" s="83">
        <v>43184.666666666664</v>
      </c>
      <c r="D2010">
        <v>160090.02650000001</v>
      </c>
      <c r="E2010">
        <v>15900.14696</v>
      </c>
      <c r="F2010">
        <v>43885.236830000002</v>
      </c>
      <c r="G2010">
        <v>38049.85267</v>
      </c>
      <c r="H2010">
        <v>35325.851519999997</v>
      </c>
      <c r="I2010">
        <v>26885.979909999998</v>
      </c>
      <c r="J2010">
        <v>36396.776330000001</v>
      </c>
      <c r="K2010">
        <v>42854.131240000002</v>
      </c>
      <c r="L2010">
        <v>25735.320009999999</v>
      </c>
      <c r="M2010">
        <v>201318.17189999999</v>
      </c>
      <c r="N2010">
        <v>69874.426089999994</v>
      </c>
      <c r="O2010">
        <v>19769.117679999999</v>
      </c>
      <c r="P2010">
        <v>33765.525739999997</v>
      </c>
      <c r="Q2010">
        <v>44792.915200000003</v>
      </c>
      <c r="R2010">
        <v>18139.995470000002</v>
      </c>
      <c r="S2010">
        <v>86811.296100000007</v>
      </c>
      <c r="T2010">
        <v>29405.748230000001</v>
      </c>
      <c r="U2010">
        <v>12515.756799999999</v>
      </c>
      <c r="W2010" s="83">
        <f>Bühler!N2042</f>
        <v>45375.666666661797</v>
      </c>
      <c r="X2010" s="83">
        <v>43184.666666666664</v>
      </c>
      <c r="Y2010">
        <v>160090.02650000001</v>
      </c>
      <c r="Z2010">
        <v>15900.14696</v>
      </c>
      <c r="AA2010">
        <v>43885.236830000002</v>
      </c>
      <c r="AB2010">
        <v>38049.85267</v>
      </c>
      <c r="AC2010">
        <v>35325.851519999997</v>
      </c>
      <c r="AD2010">
        <v>26885.979909999998</v>
      </c>
      <c r="AE2010">
        <v>36396.776330000001</v>
      </c>
      <c r="AF2010">
        <v>42854.131240000002</v>
      </c>
      <c r="AG2010">
        <v>25735.320009999999</v>
      </c>
      <c r="AH2010">
        <v>201318.17189999999</v>
      </c>
      <c r="AI2010">
        <v>69874.426089999994</v>
      </c>
      <c r="AJ2010">
        <v>19769.117679999999</v>
      </c>
      <c r="AK2010">
        <v>33765.525739999997</v>
      </c>
      <c r="AL2010">
        <v>44792.915200000003</v>
      </c>
      <c r="AM2010">
        <v>18139.995470000002</v>
      </c>
      <c r="AN2010">
        <v>86811.296100000007</v>
      </c>
      <c r="AO2010">
        <v>29405.748230000001</v>
      </c>
      <c r="AP2010">
        <v>12515.756799999999</v>
      </c>
    </row>
    <row r="2011" spans="2:42" x14ac:dyDescent="0.3">
      <c r="B2011">
        <v>39.938114511882254</v>
      </c>
      <c r="C2011" s="83">
        <v>43184.708333333336</v>
      </c>
      <c r="D2011">
        <v>161172.56359999999</v>
      </c>
      <c r="E2011">
        <v>15857.657209999999</v>
      </c>
      <c r="F2011">
        <v>43636.649250000002</v>
      </c>
      <c r="G2011">
        <v>38155.34908</v>
      </c>
      <c r="H2011">
        <v>35053.62743</v>
      </c>
      <c r="I2011">
        <v>28073.02866</v>
      </c>
      <c r="J2011">
        <v>36338.058080000003</v>
      </c>
      <c r="K2011">
        <v>43388.977189999998</v>
      </c>
      <c r="L2011">
        <v>25809.09431</v>
      </c>
      <c r="M2011">
        <v>203623.13260000001</v>
      </c>
      <c r="N2011">
        <v>65239.522949999999</v>
      </c>
      <c r="O2011">
        <v>20049.208310000002</v>
      </c>
      <c r="P2011">
        <v>34516.097540000002</v>
      </c>
      <c r="Q2011">
        <v>45495.4689</v>
      </c>
      <c r="R2011">
        <v>20273.2428</v>
      </c>
      <c r="S2011">
        <v>88556.603109999996</v>
      </c>
      <c r="T2011">
        <v>29272.37671</v>
      </c>
      <c r="U2011">
        <v>12601.029860000001</v>
      </c>
      <c r="W2011" s="83">
        <f>Bühler!N2043</f>
        <v>45375.708333328461</v>
      </c>
      <c r="X2011" s="83">
        <v>43184.708333333336</v>
      </c>
      <c r="Y2011">
        <v>161172.56359999999</v>
      </c>
      <c r="Z2011">
        <v>15857.657209999999</v>
      </c>
      <c r="AA2011">
        <v>43636.649250000002</v>
      </c>
      <c r="AB2011">
        <v>38155.34908</v>
      </c>
      <c r="AC2011">
        <v>35053.62743</v>
      </c>
      <c r="AD2011">
        <v>28073.02866</v>
      </c>
      <c r="AE2011">
        <v>36338.058080000003</v>
      </c>
      <c r="AF2011">
        <v>43388.977189999998</v>
      </c>
      <c r="AG2011">
        <v>25809.09431</v>
      </c>
      <c r="AH2011">
        <v>203623.13260000001</v>
      </c>
      <c r="AI2011">
        <v>65239.522949999999</v>
      </c>
      <c r="AJ2011">
        <v>20049.208310000002</v>
      </c>
      <c r="AK2011">
        <v>34516.097540000002</v>
      </c>
      <c r="AL2011">
        <v>45495.4689</v>
      </c>
      <c r="AM2011">
        <v>20273.2428</v>
      </c>
      <c r="AN2011">
        <v>88556.603109999996</v>
      </c>
      <c r="AO2011">
        <v>29272.37671</v>
      </c>
      <c r="AP2011">
        <v>12601.029860000001</v>
      </c>
    </row>
    <row r="2012" spans="2:42" x14ac:dyDescent="0.3">
      <c r="B2012">
        <v>40.179916539651863</v>
      </c>
      <c r="C2012" s="83">
        <v>43184.75</v>
      </c>
      <c r="D2012">
        <v>163081.6874</v>
      </c>
      <c r="E2012">
        <v>15869.267599999999</v>
      </c>
      <c r="F2012">
        <v>44120.01251</v>
      </c>
      <c r="G2012">
        <v>38961.656239999997</v>
      </c>
      <c r="H2012">
        <v>35417.495309999998</v>
      </c>
      <c r="I2012">
        <v>28927.46646</v>
      </c>
      <c r="J2012">
        <v>37878.437080000003</v>
      </c>
      <c r="K2012">
        <v>45859.043619999997</v>
      </c>
      <c r="L2012">
        <v>27014.460800000001</v>
      </c>
      <c r="M2012">
        <v>204855.95209999999</v>
      </c>
      <c r="N2012">
        <v>65564.884730000005</v>
      </c>
      <c r="O2012">
        <v>20444.758310000001</v>
      </c>
      <c r="P2012">
        <v>35070.001839999997</v>
      </c>
      <c r="Q2012">
        <v>46383.158470000002</v>
      </c>
      <c r="R2012">
        <v>19246.541870000001</v>
      </c>
      <c r="S2012">
        <v>87809.076209999999</v>
      </c>
      <c r="T2012">
        <v>29517.190559999999</v>
      </c>
      <c r="U2012">
        <v>13337.276889999999</v>
      </c>
      <c r="W2012" s="83">
        <f>Bühler!N2044</f>
        <v>45375.749999995125</v>
      </c>
      <c r="X2012" s="83">
        <v>43184.75</v>
      </c>
      <c r="Y2012">
        <v>163081.6874</v>
      </c>
      <c r="Z2012">
        <v>15869.267599999999</v>
      </c>
      <c r="AA2012">
        <v>44120.01251</v>
      </c>
      <c r="AB2012">
        <v>38961.656239999997</v>
      </c>
      <c r="AC2012">
        <v>35417.495309999998</v>
      </c>
      <c r="AD2012">
        <v>28927.46646</v>
      </c>
      <c r="AE2012">
        <v>37878.437080000003</v>
      </c>
      <c r="AF2012">
        <v>45859.043619999997</v>
      </c>
      <c r="AG2012">
        <v>27014.460800000001</v>
      </c>
      <c r="AH2012">
        <v>204855.95209999999</v>
      </c>
      <c r="AI2012">
        <v>65564.884730000005</v>
      </c>
      <c r="AJ2012">
        <v>20444.758310000001</v>
      </c>
      <c r="AK2012">
        <v>35070.001839999997</v>
      </c>
      <c r="AL2012">
        <v>46383.158470000002</v>
      </c>
      <c r="AM2012">
        <v>19246.541870000001</v>
      </c>
      <c r="AN2012">
        <v>87809.076209999999</v>
      </c>
      <c r="AO2012">
        <v>29517.190559999999</v>
      </c>
      <c r="AP2012">
        <v>13337.276889999999</v>
      </c>
    </row>
    <row r="2013" spans="2:42" x14ac:dyDescent="0.3">
      <c r="B2013">
        <v>40.42729098824266</v>
      </c>
      <c r="C2013" s="83">
        <v>43184.791666666664</v>
      </c>
      <c r="D2013">
        <v>166101.11319999999</v>
      </c>
      <c r="E2013">
        <v>15898.47114</v>
      </c>
      <c r="F2013">
        <v>44475.730320000002</v>
      </c>
      <c r="G2013">
        <v>41079.314630000001</v>
      </c>
      <c r="H2013">
        <v>37340.563240000003</v>
      </c>
      <c r="I2013">
        <v>30019.67568</v>
      </c>
      <c r="J2013">
        <v>41617.685219999999</v>
      </c>
      <c r="K2013">
        <v>46367.681750000003</v>
      </c>
      <c r="L2013">
        <v>29292.96329</v>
      </c>
      <c r="M2013">
        <v>206117.18239999999</v>
      </c>
      <c r="N2013">
        <v>67055.78731</v>
      </c>
      <c r="O2013">
        <v>21134.91502</v>
      </c>
      <c r="P2013">
        <v>36976.95521</v>
      </c>
      <c r="Q2013">
        <v>48217.808270000001</v>
      </c>
      <c r="R2013">
        <v>19874.095730000001</v>
      </c>
      <c r="S2013">
        <v>89367.052920000002</v>
      </c>
      <c r="T2013">
        <v>29534.498479999998</v>
      </c>
      <c r="U2013">
        <v>14482.7204</v>
      </c>
      <c r="W2013" s="83">
        <f>Bühler!N2045</f>
        <v>45375.791666661789</v>
      </c>
      <c r="X2013" s="83">
        <v>43184.791666666664</v>
      </c>
      <c r="Y2013">
        <v>166101.11319999999</v>
      </c>
      <c r="Z2013">
        <v>15898.47114</v>
      </c>
      <c r="AA2013">
        <v>44475.730320000002</v>
      </c>
      <c r="AB2013">
        <v>41079.314630000001</v>
      </c>
      <c r="AC2013">
        <v>37340.563240000003</v>
      </c>
      <c r="AD2013">
        <v>30019.67568</v>
      </c>
      <c r="AE2013">
        <v>41617.685219999999</v>
      </c>
      <c r="AF2013">
        <v>46367.681750000003</v>
      </c>
      <c r="AG2013">
        <v>29292.96329</v>
      </c>
      <c r="AH2013">
        <v>206117.18239999999</v>
      </c>
      <c r="AI2013">
        <v>67055.78731</v>
      </c>
      <c r="AJ2013">
        <v>21134.91502</v>
      </c>
      <c r="AK2013">
        <v>36976.95521</v>
      </c>
      <c r="AL2013">
        <v>48217.808270000001</v>
      </c>
      <c r="AM2013">
        <v>19874.095730000001</v>
      </c>
      <c r="AN2013">
        <v>89367.052920000002</v>
      </c>
      <c r="AO2013">
        <v>29534.498479999998</v>
      </c>
      <c r="AP2013">
        <v>14482.7204</v>
      </c>
    </row>
    <row r="2014" spans="2:42" x14ac:dyDescent="0.3">
      <c r="B2014">
        <v>40.979018745441323</v>
      </c>
      <c r="C2014" s="83">
        <v>43184.833333333336</v>
      </c>
      <c r="D2014">
        <v>168018.56200000001</v>
      </c>
      <c r="E2014">
        <v>15090.10721</v>
      </c>
      <c r="F2014">
        <v>44722.403380000003</v>
      </c>
      <c r="G2014">
        <v>41572.496639999998</v>
      </c>
      <c r="H2014">
        <v>37731.104350000001</v>
      </c>
      <c r="I2014">
        <v>29872.057349999999</v>
      </c>
      <c r="J2014">
        <v>41272.116390000003</v>
      </c>
      <c r="K2014">
        <v>45255.282749999998</v>
      </c>
      <c r="L2014">
        <v>28495.481349999998</v>
      </c>
      <c r="M2014">
        <v>208930.14780000001</v>
      </c>
      <c r="N2014">
        <v>68104.682320000007</v>
      </c>
      <c r="O2014">
        <v>21822.509109999999</v>
      </c>
      <c r="P2014">
        <v>36689.496449999999</v>
      </c>
      <c r="Q2014">
        <v>49833.475839999999</v>
      </c>
      <c r="R2014">
        <v>19754.009750000001</v>
      </c>
      <c r="S2014">
        <v>85116.007060000004</v>
      </c>
      <c r="T2014">
        <v>27552.896430000001</v>
      </c>
      <c r="U2014">
        <v>14802.84367</v>
      </c>
      <c r="W2014" s="83">
        <f>Bühler!N2046</f>
        <v>45375.833333328454</v>
      </c>
      <c r="X2014" s="83">
        <v>43184.833333333336</v>
      </c>
      <c r="Y2014">
        <v>168018.56200000001</v>
      </c>
      <c r="Z2014">
        <v>15090.10721</v>
      </c>
      <c r="AA2014">
        <v>44722.403380000003</v>
      </c>
      <c r="AB2014">
        <v>41572.496639999998</v>
      </c>
      <c r="AC2014">
        <v>37731.104350000001</v>
      </c>
      <c r="AD2014">
        <v>29872.057349999999</v>
      </c>
      <c r="AE2014">
        <v>41272.116390000003</v>
      </c>
      <c r="AF2014">
        <v>45255.282749999998</v>
      </c>
      <c r="AG2014">
        <v>28495.481349999998</v>
      </c>
      <c r="AH2014">
        <v>208930.14780000001</v>
      </c>
      <c r="AI2014">
        <v>68104.682320000007</v>
      </c>
      <c r="AJ2014">
        <v>21822.509109999999</v>
      </c>
      <c r="AK2014">
        <v>36689.496449999999</v>
      </c>
      <c r="AL2014">
        <v>49833.475839999999</v>
      </c>
      <c r="AM2014">
        <v>19754.009750000001</v>
      </c>
      <c r="AN2014">
        <v>85116.007060000004</v>
      </c>
      <c r="AO2014">
        <v>27552.896430000001</v>
      </c>
      <c r="AP2014">
        <v>14802.84367</v>
      </c>
    </row>
    <row r="2015" spans="2:42" x14ac:dyDescent="0.3">
      <c r="B2015">
        <v>41.519248790177386</v>
      </c>
      <c r="C2015" s="83">
        <v>43184.875</v>
      </c>
      <c r="D2015">
        <v>171066.0197</v>
      </c>
      <c r="E2015">
        <v>14760.102220000001</v>
      </c>
      <c r="F2015">
        <v>44817.225539999999</v>
      </c>
      <c r="G2015">
        <v>41588.938309999998</v>
      </c>
      <c r="H2015">
        <v>37122.068249999997</v>
      </c>
      <c r="I2015">
        <v>27863.569179999999</v>
      </c>
      <c r="J2015">
        <v>39768.512349999997</v>
      </c>
      <c r="K2015">
        <v>46429.638299999999</v>
      </c>
      <c r="L2015">
        <v>26762.554840000001</v>
      </c>
      <c r="M2015">
        <v>211684.49249999999</v>
      </c>
      <c r="N2015">
        <v>69119.98143</v>
      </c>
      <c r="O2015">
        <v>22446.2844</v>
      </c>
      <c r="P2015">
        <v>36333.601479999998</v>
      </c>
      <c r="Q2015">
        <v>52286.894229999998</v>
      </c>
      <c r="R2015">
        <v>19969.71831</v>
      </c>
      <c r="S2015">
        <v>81609.635859999995</v>
      </c>
      <c r="T2015">
        <v>25398.480070000001</v>
      </c>
      <c r="U2015">
        <v>14923.79358</v>
      </c>
      <c r="W2015" s="83">
        <f>Bühler!N2047</f>
        <v>45375.874999995118</v>
      </c>
      <c r="X2015" s="83">
        <v>43184.875</v>
      </c>
      <c r="Y2015">
        <v>171066.0197</v>
      </c>
      <c r="Z2015">
        <v>14760.102220000001</v>
      </c>
      <c r="AA2015">
        <v>44817.225539999999</v>
      </c>
      <c r="AB2015">
        <v>41588.938309999998</v>
      </c>
      <c r="AC2015">
        <v>37122.068249999997</v>
      </c>
      <c r="AD2015">
        <v>27863.569179999999</v>
      </c>
      <c r="AE2015">
        <v>39768.512349999997</v>
      </c>
      <c r="AF2015">
        <v>46429.638299999999</v>
      </c>
      <c r="AG2015">
        <v>26762.554840000001</v>
      </c>
      <c r="AH2015">
        <v>211684.49249999999</v>
      </c>
      <c r="AI2015">
        <v>69119.98143</v>
      </c>
      <c r="AJ2015">
        <v>22446.2844</v>
      </c>
      <c r="AK2015">
        <v>36333.601479999998</v>
      </c>
      <c r="AL2015">
        <v>52286.894229999998</v>
      </c>
      <c r="AM2015">
        <v>19969.71831</v>
      </c>
      <c r="AN2015">
        <v>81609.635859999995</v>
      </c>
      <c r="AO2015">
        <v>25398.480070000001</v>
      </c>
      <c r="AP2015">
        <v>14923.79358</v>
      </c>
    </row>
    <row r="2016" spans="2:42" x14ac:dyDescent="0.3">
      <c r="B2016">
        <v>41.99378203953723</v>
      </c>
      <c r="C2016" s="83">
        <v>43184.916666666664</v>
      </c>
      <c r="D2016">
        <v>173686.51250000001</v>
      </c>
      <c r="E2016">
        <v>14816.154549999999</v>
      </c>
      <c r="F2016">
        <v>44681.317049999998</v>
      </c>
      <c r="G2016">
        <v>41498.936269999998</v>
      </c>
      <c r="H2016">
        <v>37848.996370000001</v>
      </c>
      <c r="I2016">
        <v>28674.89705</v>
      </c>
      <c r="J2016">
        <v>38319.234620000003</v>
      </c>
      <c r="K2016">
        <v>48455.36823</v>
      </c>
      <c r="L2016">
        <v>24528.063590000002</v>
      </c>
      <c r="M2016">
        <v>214103.88430000001</v>
      </c>
      <c r="N2016">
        <v>70272.889710000003</v>
      </c>
      <c r="O2016">
        <v>23678.729090000001</v>
      </c>
      <c r="P2016">
        <v>35513.77317</v>
      </c>
      <c r="Q2016">
        <v>53882.147510000003</v>
      </c>
      <c r="R2016">
        <v>26315.847269999998</v>
      </c>
      <c r="S2016">
        <v>81036.408009999999</v>
      </c>
      <c r="T2016">
        <v>24745.41243</v>
      </c>
      <c r="U2016">
        <v>15580.040129999999</v>
      </c>
      <c r="W2016" s="83">
        <f>Bühler!N2048</f>
        <v>45375.916666661782</v>
      </c>
      <c r="X2016" s="83">
        <v>43184.916666666664</v>
      </c>
      <c r="Y2016">
        <v>173686.51250000001</v>
      </c>
      <c r="Z2016">
        <v>14816.154549999999</v>
      </c>
      <c r="AA2016">
        <v>44681.317049999998</v>
      </c>
      <c r="AB2016">
        <v>41498.936269999998</v>
      </c>
      <c r="AC2016">
        <v>37848.996370000001</v>
      </c>
      <c r="AD2016">
        <v>28674.89705</v>
      </c>
      <c r="AE2016">
        <v>38319.234620000003</v>
      </c>
      <c r="AF2016">
        <v>48455.36823</v>
      </c>
      <c r="AG2016">
        <v>24528.063590000002</v>
      </c>
      <c r="AH2016">
        <v>214103.88430000001</v>
      </c>
      <c r="AI2016">
        <v>70272.889710000003</v>
      </c>
      <c r="AJ2016">
        <v>23678.729090000001</v>
      </c>
      <c r="AK2016">
        <v>35513.77317</v>
      </c>
      <c r="AL2016">
        <v>53882.147510000003</v>
      </c>
      <c r="AM2016">
        <v>26315.847269999998</v>
      </c>
      <c r="AN2016">
        <v>81036.408009999999</v>
      </c>
      <c r="AO2016">
        <v>24745.41243</v>
      </c>
      <c r="AP2016">
        <v>15580.040129999999</v>
      </c>
    </row>
    <row r="2017" spans="2:42" x14ac:dyDescent="0.3">
      <c r="B2017">
        <v>41.991421349244746</v>
      </c>
      <c r="C2017" s="83">
        <v>43184.958333333336</v>
      </c>
      <c r="D2017">
        <v>175590.6869</v>
      </c>
      <c r="E2017">
        <v>14908.055920000001</v>
      </c>
      <c r="F2017">
        <v>44484.992129999999</v>
      </c>
      <c r="G2017">
        <v>40747.157749999998</v>
      </c>
      <c r="H2017">
        <v>37880.384050000001</v>
      </c>
      <c r="I2017">
        <v>27731.049299999999</v>
      </c>
      <c r="J2017">
        <v>35813.641640000002</v>
      </c>
      <c r="K2017">
        <v>47456.839670000001</v>
      </c>
      <c r="L2017">
        <v>20548.295760000001</v>
      </c>
      <c r="M2017">
        <v>214091.84839999999</v>
      </c>
      <c r="N2017">
        <v>70541.296489999993</v>
      </c>
      <c r="O2017">
        <v>23728.339759999999</v>
      </c>
      <c r="P2017">
        <v>32812.662450000003</v>
      </c>
      <c r="Q2017">
        <v>54866.967389999998</v>
      </c>
      <c r="R2017">
        <v>28664.246070000001</v>
      </c>
      <c r="S2017">
        <v>79453.950450000004</v>
      </c>
      <c r="T2017">
        <v>26196.067729999999</v>
      </c>
      <c r="U2017">
        <v>15048.95003</v>
      </c>
      <c r="W2017" s="83">
        <f>Bühler!N2049</f>
        <v>45375.958333328446</v>
      </c>
      <c r="X2017" s="83">
        <v>43184.958333333336</v>
      </c>
      <c r="Y2017">
        <v>175590.6869</v>
      </c>
      <c r="Z2017">
        <v>14908.055920000001</v>
      </c>
      <c r="AA2017">
        <v>44484.992129999999</v>
      </c>
      <c r="AB2017">
        <v>40747.157749999998</v>
      </c>
      <c r="AC2017">
        <v>37880.384050000001</v>
      </c>
      <c r="AD2017">
        <v>27731.049299999999</v>
      </c>
      <c r="AE2017">
        <v>35813.641640000002</v>
      </c>
      <c r="AF2017">
        <v>47456.839670000001</v>
      </c>
      <c r="AG2017">
        <v>20548.295760000001</v>
      </c>
      <c r="AH2017">
        <v>214091.84839999999</v>
      </c>
      <c r="AI2017">
        <v>70541.296489999993</v>
      </c>
      <c r="AJ2017">
        <v>23728.339759999999</v>
      </c>
      <c r="AK2017">
        <v>32812.662450000003</v>
      </c>
      <c r="AL2017">
        <v>54866.967389999998</v>
      </c>
      <c r="AM2017">
        <v>28664.246070000001</v>
      </c>
      <c r="AN2017">
        <v>79453.950450000004</v>
      </c>
      <c r="AO2017">
        <v>26196.067729999999</v>
      </c>
      <c r="AP2017">
        <v>15048.95003</v>
      </c>
    </row>
    <row r="2018" spans="2:42" x14ac:dyDescent="0.3">
      <c r="B2018">
        <v>42.014710882221138</v>
      </c>
      <c r="C2018" s="83">
        <v>43185</v>
      </c>
      <c r="D2018">
        <v>178496.01310000001</v>
      </c>
      <c r="E2018">
        <v>14997.840399999999</v>
      </c>
      <c r="F2018">
        <v>45106.998659999997</v>
      </c>
      <c r="G2018">
        <v>41786.59764</v>
      </c>
      <c r="H2018">
        <v>37454.503190000003</v>
      </c>
      <c r="I2018">
        <v>25967.533749999999</v>
      </c>
      <c r="J2018">
        <v>34574.982739999999</v>
      </c>
      <c r="K2018">
        <v>45087.50419</v>
      </c>
      <c r="L2018">
        <v>19426.96299</v>
      </c>
      <c r="M2018">
        <v>214210.58929999999</v>
      </c>
      <c r="N2018">
        <v>69931.824410000001</v>
      </c>
      <c r="O2018">
        <v>23698.809280000001</v>
      </c>
      <c r="P2018">
        <v>31454.125110000001</v>
      </c>
      <c r="Q2018">
        <v>57316.541389999999</v>
      </c>
      <c r="R2018">
        <v>25399.801940000001</v>
      </c>
      <c r="S2018">
        <v>79616.475550000003</v>
      </c>
      <c r="T2018">
        <v>25527.607059999998</v>
      </c>
      <c r="U2018">
        <v>14904.806710000001</v>
      </c>
      <c r="W2018" s="83">
        <f>Bühler!N2050</f>
        <v>45375.999999995111</v>
      </c>
      <c r="X2018" s="83">
        <v>43185</v>
      </c>
      <c r="Y2018">
        <v>178496.01310000001</v>
      </c>
      <c r="Z2018">
        <v>14997.840399999999</v>
      </c>
      <c r="AA2018">
        <v>45106.998659999997</v>
      </c>
      <c r="AB2018">
        <v>41786.59764</v>
      </c>
      <c r="AC2018">
        <v>37454.503190000003</v>
      </c>
      <c r="AD2018">
        <v>25967.533749999999</v>
      </c>
      <c r="AE2018">
        <v>34574.982739999999</v>
      </c>
      <c r="AF2018">
        <v>45087.50419</v>
      </c>
      <c r="AG2018">
        <v>19426.96299</v>
      </c>
      <c r="AH2018">
        <v>214210.58929999999</v>
      </c>
      <c r="AI2018">
        <v>69931.824410000001</v>
      </c>
      <c r="AJ2018">
        <v>23698.809280000001</v>
      </c>
      <c r="AK2018">
        <v>31454.125110000001</v>
      </c>
      <c r="AL2018">
        <v>57316.541389999999</v>
      </c>
      <c r="AM2018">
        <v>25399.801940000001</v>
      </c>
      <c r="AN2018">
        <v>79616.475550000003</v>
      </c>
      <c r="AO2018">
        <v>25527.607059999998</v>
      </c>
      <c r="AP2018">
        <v>14904.806710000001</v>
      </c>
    </row>
    <row r="2019" spans="2:42" x14ac:dyDescent="0.3">
      <c r="B2019">
        <v>42.520906417682909</v>
      </c>
      <c r="C2019" s="83">
        <v>43185.041666666664</v>
      </c>
      <c r="D2019">
        <v>179822.20929999999</v>
      </c>
      <c r="E2019">
        <v>15166.53937</v>
      </c>
      <c r="F2019">
        <v>45416.321819999997</v>
      </c>
      <c r="G2019">
        <v>41511.443079999997</v>
      </c>
      <c r="H2019">
        <v>37428.079380000003</v>
      </c>
      <c r="I2019">
        <v>19753.609339999999</v>
      </c>
      <c r="J2019">
        <v>34224.392959999997</v>
      </c>
      <c r="K2019">
        <v>43781.839169999999</v>
      </c>
      <c r="L2019">
        <v>18896.513149999999</v>
      </c>
      <c r="M2019">
        <v>216791.41020000001</v>
      </c>
      <c r="N2019">
        <v>70634.992970000007</v>
      </c>
      <c r="O2019">
        <v>24351.53544</v>
      </c>
      <c r="P2019">
        <v>29762.66762</v>
      </c>
      <c r="Q2019">
        <v>61861.389280000003</v>
      </c>
      <c r="R2019">
        <v>23816.367320000001</v>
      </c>
      <c r="S2019">
        <v>78625.328710000002</v>
      </c>
      <c r="T2019">
        <v>25235.490819999999</v>
      </c>
      <c r="U2019">
        <v>15175.52018</v>
      </c>
      <c r="W2019" s="83">
        <f>Bühler!N2051</f>
        <v>45376.041666661775</v>
      </c>
      <c r="X2019" s="83">
        <v>43185.041666666664</v>
      </c>
      <c r="Y2019">
        <v>179822.20929999999</v>
      </c>
      <c r="Z2019">
        <v>15166.53937</v>
      </c>
      <c r="AA2019">
        <v>45416.321819999997</v>
      </c>
      <c r="AB2019">
        <v>41511.443079999997</v>
      </c>
      <c r="AC2019">
        <v>37428.079380000003</v>
      </c>
      <c r="AD2019">
        <v>19753.609339999999</v>
      </c>
      <c r="AE2019">
        <v>34224.392959999997</v>
      </c>
      <c r="AF2019">
        <v>43781.839169999999</v>
      </c>
      <c r="AG2019">
        <v>18896.513149999999</v>
      </c>
      <c r="AH2019">
        <v>216791.41020000001</v>
      </c>
      <c r="AI2019">
        <v>70634.992970000007</v>
      </c>
      <c r="AJ2019">
        <v>24351.53544</v>
      </c>
      <c r="AK2019">
        <v>29762.66762</v>
      </c>
      <c r="AL2019">
        <v>61861.389280000003</v>
      </c>
      <c r="AM2019">
        <v>23816.367320000001</v>
      </c>
      <c r="AN2019">
        <v>78625.328710000002</v>
      </c>
      <c r="AO2019">
        <v>25235.490819999999</v>
      </c>
      <c r="AP2019">
        <v>15175.52018</v>
      </c>
    </row>
    <row r="2020" spans="2:42" x14ac:dyDescent="0.3">
      <c r="B2020">
        <v>43.525530486268082</v>
      </c>
      <c r="C2020" s="83">
        <v>43185.083333333336</v>
      </c>
      <c r="D2020">
        <v>181284.07629999999</v>
      </c>
      <c r="E2020">
        <v>15384.384700000001</v>
      </c>
      <c r="F2020">
        <v>46629.641779999998</v>
      </c>
      <c r="G2020">
        <v>42056.97206</v>
      </c>
      <c r="H2020">
        <v>37649.01586</v>
      </c>
      <c r="I2020">
        <v>19018.432049999999</v>
      </c>
      <c r="J2020">
        <v>34345.735350000003</v>
      </c>
      <c r="K2020">
        <v>42719.584860000003</v>
      </c>
      <c r="L2020">
        <v>18950.392179999999</v>
      </c>
      <c r="M2020">
        <v>221913.4522</v>
      </c>
      <c r="N2020">
        <v>71163.955530000007</v>
      </c>
      <c r="O2020">
        <v>24578.0124</v>
      </c>
      <c r="P2020">
        <v>29435.30773</v>
      </c>
      <c r="Q2020">
        <v>62966.393909999999</v>
      </c>
      <c r="R2020">
        <v>24961.579600000001</v>
      </c>
      <c r="S2020">
        <v>78020.437779999993</v>
      </c>
      <c r="T2020">
        <v>24841.805799999998</v>
      </c>
      <c r="U2020">
        <v>15629.916160000001</v>
      </c>
      <c r="W2020" s="83">
        <f>Bühler!N2052</f>
        <v>45376.083333328439</v>
      </c>
      <c r="X2020" s="83">
        <v>43185.083333333336</v>
      </c>
      <c r="Y2020">
        <v>181284.07629999999</v>
      </c>
      <c r="Z2020">
        <v>15384.384700000001</v>
      </c>
      <c r="AA2020">
        <v>46629.641779999998</v>
      </c>
      <c r="AB2020">
        <v>42056.97206</v>
      </c>
      <c r="AC2020">
        <v>37649.01586</v>
      </c>
      <c r="AD2020">
        <v>19018.432049999999</v>
      </c>
      <c r="AE2020">
        <v>34345.735350000003</v>
      </c>
      <c r="AF2020">
        <v>42719.584860000003</v>
      </c>
      <c r="AG2020">
        <v>18950.392179999999</v>
      </c>
      <c r="AH2020">
        <v>221913.4522</v>
      </c>
      <c r="AI2020">
        <v>71163.955530000007</v>
      </c>
      <c r="AJ2020">
        <v>24578.0124</v>
      </c>
      <c r="AK2020">
        <v>29435.30773</v>
      </c>
      <c r="AL2020">
        <v>62966.393909999999</v>
      </c>
      <c r="AM2020">
        <v>24961.579600000001</v>
      </c>
      <c r="AN2020">
        <v>78020.437779999993</v>
      </c>
      <c r="AO2020">
        <v>24841.805799999998</v>
      </c>
      <c r="AP2020">
        <v>15629.916160000001</v>
      </c>
    </row>
    <row r="2021" spans="2:42" x14ac:dyDescent="0.3">
      <c r="B2021">
        <v>44.601016589780691</v>
      </c>
      <c r="C2021" s="83">
        <v>43185.125</v>
      </c>
      <c r="D2021">
        <v>187091.62049999999</v>
      </c>
      <c r="E2021">
        <v>15786.19068</v>
      </c>
      <c r="F2021">
        <v>48269.816270000003</v>
      </c>
      <c r="G2021">
        <v>41742.428599999999</v>
      </c>
      <c r="H2021">
        <v>37856.349280000002</v>
      </c>
      <c r="I2021">
        <v>19275.8413</v>
      </c>
      <c r="J2021">
        <v>35311.838210000002</v>
      </c>
      <c r="K2021">
        <v>41675.716079999998</v>
      </c>
      <c r="L2021">
        <v>18601.671910000001</v>
      </c>
      <c r="M2021">
        <v>227396.7819</v>
      </c>
      <c r="N2021">
        <v>71828.82157</v>
      </c>
      <c r="O2021">
        <v>25098.204549999999</v>
      </c>
      <c r="P2021">
        <v>29437.163280000001</v>
      </c>
      <c r="Q2021">
        <v>68528.848190000004</v>
      </c>
      <c r="R2021">
        <v>25415.189340000001</v>
      </c>
      <c r="S2021">
        <v>77403.701849999998</v>
      </c>
      <c r="T2021">
        <v>25827.431140000001</v>
      </c>
      <c r="U2021">
        <v>16243.35519</v>
      </c>
      <c r="W2021" s="83">
        <f>Bühler!N2053</f>
        <v>45376.124999995103</v>
      </c>
      <c r="X2021" s="83">
        <v>43185.125</v>
      </c>
      <c r="Y2021">
        <v>187091.62049999999</v>
      </c>
      <c r="Z2021">
        <v>15786.19068</v>
      </c>
      <c r="AA2021">
        <v>48269.816270000003</v>
      </c>
      <c r="AB2021">
        <v>41742.428599999999</v>
      </c>
      <c r="AC2021">
        <v>37856.349280000002</v>
      </c>
      <c r="AD2021">
        <v>19275.8413</v>
      </c>
      <c r="AE2021">
        <v>35311.838210000002</v>
      </c>
      <c r="AF2021">
        <v>41675.716079999998</v>
      </c>
      <c r="AG2021">
        <v>18601.671910000001</v>
      </c>
      <c r="AH2021">
        <v>227396.7819</v>
      </c>
      <c r="AI2021">
        <v>71828.82157</v>
      </c>
      <c r="AJ2021">
        <v>25098.204549999999</v>
      </c>
      <c r="AK2021">
        <v>29437.163280000001</v>
      </c>
      <c r="AL2021">
        <v>68528.848190000004</v>
      </c>
      <c r="AM2021">
        <v>25415.189340000001</v>
      </c>
      <c r="AN2021">
        <v>77403.701849999998</v>
      </c>
      <c r="AO2021">
        <v>25827.431140000001</v>
      </c>
      <c r="AP2021">
        <v>16243.35519</v>
      </c>
    </row>
    <row r="2022" spans="2:42" x14ac:dyDescent="0.3">
      <c r="B2022">
        <v>47.826808464615674</v>
      </c>
      <c r="C2022" s="83">
        <v>43185.166666666664</v>
      </c>
      <c r="D2022">
        <v>200371.4547</v>
      </c>
      <c r="E2022">
        <v>16695.488430000001</v>
      </c>
      <c r="F2022">
        <v>52424.604610000002</v>
      </c>
      <c r="G2022">
        <v>41403.779909999997</v>
      </c>
      <c r="H2022">
        <v>39177.7601</v>
      </c>
      <c r="I2022">
        <v>23206.74149</v>
      </c>
      <c r="J2022">
        <v>37664.738369999999</v>
      </c>
      <c r="K2022">
        <v>41844.545270000002</v>
      </c>
      <c r="L2022">
        <v>18625.259539999999</v>
      </c>
      <c r="M2022">
        <v>243843.3732</v>
      </c>
      <c r="N2022">
        <v>72454.411349999995</v>
      </c>
      <c r="O2022">
        <v>25736.556110000001</v>
      </c>
      <c r="P2022">
        <v>30340.299040000002</v>
      </c>
      <c r="Q2022">
        <v>75481.083480000001</v>
      </c>
      <c r="R2022">
        <v>25952.473829999999</v>
      </c>
      <c r="S2022">
        <v>79323.332250000007</v>
      </c>
      <c r="T2022">
        <v>25679.916509999999</v>
      </c>
      <c r="U2022">
        <v>17822.936379999999</v>
      </c>
      <c r="W2022" s="83">
        <f>Bühler!N2054</f>
        <v>45376.166666661768</v>
      </c>
      <c r="X2022" s="83">
        <v>43185.166666666664</v>
      </c>
      <c r="Y2022">
        <v>200371.4547</v>
      </c>
      <c r="Z2022">
        <v>16695.488430000001</v>
      </c>
      <c r="AA2022">
        <v>52424.604610000002</v>
      </c>
      <c r="AB2022">
        <v>41403.779909999997</v>
      </c>
      <c r="AC2022">
        <v>39177.7601</v>
      </c>
      <c r="AD2022">
        <v>23206.74149</v>
      </c>
      <c r="AE2022">
        <v>37664.738369999999</v>
      </c>
      <c r="AF2022">
        <v>41844.545270000002</v>
      </c>
      <c r="AG2022">
        <v>18625.259539999999</v>
      </c>
      <c r="AH2022">
        <v>243843.3732</v>
      </c>
      <c r="AI2022">
        <v>72454.411349999995</v>
      </c>
      <c r="AJ2022">
        <v>25736.556110000001</v>
      </c>
      <c r="AK2022">
        <v>30340.299040000002</v>
      </c>
      <c r="AL2022">
        <v>75481.083480000001</v>
      </c>
      <c r="AM2022">
        <v>25952.473829999999</v>
      </c>
      <c r="AN2022">
        <v>79323.332250000007</v>
      </c>
      <c r="AO2022">
        <v>25679.916509999999</v>
      </c>
      <c r="AP2022">
        <v>17822.936379999999</v>
      </c>
    </row>
    <row r="2023" spans="2:42" x14ac:dyDescent="0.3">
      <c r="B2023">
        <v>53.366632875649508</v>
      </c>
      <c r="C2023" s="83">
        <v>43185.208333333336</v>
      </c>
      <c r="D2023">
        <v>231261.63519999999</v>
      </c>
      <c r="E2023">
        <v>18974.451700000001</v>
      </c>
      <c r="F2023">
        <v>63615.841030000003</v>
      </c>
      <c r="G2023">
        <v>44456.609819999998</v>
      </c>
      <c r="H2023">
        <v>41878.966379999998</v>
      </c>
      <c r="I2023">
        <v>33510.572999999997</v>
      </c>
      <c r="J2023">
        <v>40871.58855</v>
      </c>
      <c r="K2023">
        <v>43804.423219999997</v>
      </c>
      <c r="L2023">
        <v>19588.786240000001</v>
      </c>
      <c r="M2023">
        <v>272087.98149999999</v>
      </c>
      <c r="N2023">
        <v>74029.442760000005</v>
      </c>
      <c r="O2023">
        <v>26402.918699999998</v>
      </c>
      <c r="P2023">
        <v>31898.928489999998</v>
      </c>
      <c r="Q2023">
        <v>80943.153709999999</v>
      </c>
      <c r="R2023">
        <v>28311.550029999999</v>
      </c>
      <c r="S2023">
        <v>82032.247080000001</v>
      </c>
      <c r="T2023">
        <v>28193.59374</v>
      </c>
      <c r="U2023">
        <v>19698.248899999999</v>
      </c>
      <c r="W2023" s="83">
        <f>Bühler!N2055</f>
        <v>45376.208333328432</v>
      </c>
      <c r="X2023" s="83">
        <v>43185.208333333336</v>
      </c>
      <c r="Y2023">
        <v>231261.63519999999</v>
      </c>
      <c r="Z2023">
        <v>18974.451700000001</v>
      </c>
      <c r="AA2023">
        <v>63615.841030000003</v>
      </c>
      <c r="AB2023">
        <v>44456.609819999998</v>
      </c>
      <c r="AC2023">
        <v>41878.966379999998</v>
      </c>
      <c r="AD2023">
        <v>33510.572999999997</v>
      </c>
      <c r="AE2023">
        <v>40871.58855</v>
      </c>
      <c r="AF2023">
        <v>43804.423219999997</v>
      </c>
      <c r="AG2023">
        <v>19588.786240000001</v>
      </c>
      <c r="AH2023">
        <v>272087.98149999999</v>
      </c>
      <c r="AI2023">
        <v>74029.442760000005</v>
      </c>
      <c r="AJ2023">
        <v>26402.918699999998</v>
      </c>
      <c r="AK2023">
        <v>31898.928489999998</v>
      </c>
      <c r="AL2023">
        <v>80943.153709999999</v>
      </c>
      <c r="AM2023">
        <v>28311.550029999999</v>
      </c>
      <c r="AN2023">
        <v>82032.247080000001</v>
      </c>
      <c r="AO2023">
        <v>28193.59374</v>
      </c>
      <c r="AP2023">
        <v>19698.248899999999</v>
      </c>
    </row>
    <row r="2024" spans="2:42" x14ac:dyDescent="0.3">
      <c r="B2024">
        <v>58.776682359161477</v>
      </c>
      <c r="C2024" s="83">
        <v>43185.25</v>
      </c>
      <c r="D2024">
        <v>258058.64780000001</v>
      </c>
      <c r="E2024">
        <v>23163.17252</v>
      </c>
      <c r="F2024">
        <v>76441.534060000005</v>
      </c>
      <c r="G2024">
        <v>57094.594790000003</v>
      </c>
      <c r="H2024">
        <v>45369.551729999999</v>
      </c>
      <c r="I2024">
        <v>42898.474009999998</v>
      </c>
      <c r="J2024">
        <v>44257.070699999997</v>
      </c>
      <c r="K2024">
        <v>46882.275869999998</v>
      </c>
      <c r="L2024">
        <v>21670.793809999999</v>
      </c>
      <c r="M2024">
        <v>299670.93670000002</v>
      </c>
      <c r="N2024">
        <v>79460.390610000002</v>
      </c>
      <c r="O2024">
        <v>26846.275880000001</v>
      </c>
      <c r="P2024">
        <v>31229.992989999999</v>
      </c>
      <c r="Q2024">
        <v>84737.980349999998</v>
      </c>
      <c r="R2024">
        <v>20795.714230000001</v>
      </c>
      <c r="S2024">
        <v>90434.389729999995</v>
      </c>
      <c r="T2024">
        <v>29940.321370000001</v>
      </c>
      <c r="U2024">
        <v>22729.038479999999</v>
      </c>
      <c r="W2024" s="83">
        <f>Bühler!N2056</f>
        <v>45376.249999995096</v>
      </c>
      <c r="X2024" s="83">
        <v>43185.25</v>
      </c>
      <c r="Y2024">
        <v>258058.64780000001</v>
      </c>
      <c r="Z2024">
        <v>23163.17252</v>
      </c>
      <c r="AA2024">
        <v>76441.534060000005</v>
      </c>
      <c r="AB2024">
        <v>57094.594790000003</v>
      </c>
      <c r="AC2024">
        <v>45369.551729999999</v>
      </c>
      <c r="AD2024">
        <v>42898.474009999998</v>
      </c>
      <c r="AE2024">
        <v>44257.070699999997</v>
      </c>
      <c r="AF2024">
        <v>46882.275869999998</v>
      </c>
      <c r="AG2024">
        <v>21670.793809999999</v>
      </c>
      <c r="AH2024">
        <v>299670.93670000002</v>
      </c>
      <c r="AI2024">
        <v>79460.390610000002</v>
      </c>
      <c r="AJ2024">
        <v>26846.275880000001</v>
      </c>
      <c r="AK2024">
        <v>31229.992989999999</v>
      </c>
      <c r="AL2024">
        <v>84737.980349999998</v>
      </c>
      <c r="AM2024">
        <v>20795.714230000001</v>
      </c>
      <c r="AN2024">
        <v>90434.389729999995</v>
      </c>
      <c r="AO2024">
        <v>29940.321370000001</v>
      </c>
      <c r="AP2024">
        <v>22729.038479999999</v>
      </c>
    </row>
    <row r="2025" spans="2:42" x14ac:dyDescent="0.3">
      <c r="B2025">
        <v>61.960061009019263</v>
      </c>
      <c r="C2025" s="83">
        <v>43185.291666666664</v>
      </c>
      <c r="D2025">
        <v>277323.86050000001</v>
      </c>
      <c r="E2025">
        <v>27721.623189999998</v>
      </c>
      <c r="F2025">
        <v>78390.353109999996</v>
      </c>
      <c r="G2025">
        <v>68155.278260000006</v>
      </c>
      <c r="H2025">
        <v>48890.399100000002</v>
      </c>
      <c r="I2025">
        <v>51508.27104</v>
      </c>
      <c r="J2025">
        <v>44729.010520000003</v>
      </c>
      <c r="K2025">
        <v>52454.160649999998</v>
      </c>
      <c r="L2025">
        <v>24211.642390000001</v>
      </c>
      <c r="M2025">
        <v>315901.2856</v>
      </c>
      <c r="N2025">
        <v>85282.421600000001</v>
      </c>
      <c r="O2025">
        <v>29104.777730000002</v>
      </c>
      <c r="P2025">
        <v>33573.100100000003</v>
      </c>
      <c r="Q2025">
        <v>85948.53731</v>
      </c>
      <c r="R2025">
        <v>20989.437040000001</v>
      </c>
      <c r="S2025">
        <v>104607.0793</v>
      </c>
      <c r="T2025">
        <v>32329.90611</v>
      </c>
      <c r="U2025">
        <v>26675.860089999998</v>
      </c>
      <c r="W2025" s="83">
        <f>Bühler!N2057</f>
        <v>45376.29166666176</v>
      </c>
      <c r="X2025" s="83">
        <v>43185.291666666664</v>
      </c>
      <c r="Y2025">
        <v>277323.86050000001</v>
      </c>
      <c r="Z2025">
        <v>27721.623189999998</v>
      </c>
      <c r="AA2025">
        <v>78390.353109999996</v>
      </c>
      <c r="AB2025">
        <v>68155.278260000006</v>
      </c>
      <c r="AC2025">
        <v>48890.399100000002</v>
      </c>
      <c r="AD2025">
        <v>51508.27104</v>
      </c>
      <c r="AE2025">
        <v>44729.010520000003</v>
      </c>
      <c r="AF2025">
        <v>52454.160649999998</v>
      </c>
      <c r="AG2025">
        <v>24211.642390000001</v>
      </c>
      <c r="AH2025">
        <v>315901.2856</v>
      </c>
      <c r="AI2025">
        <v>85282.421600000001</v>
      </c>
      <c r="AJ2025">
        <v>29104.777730000002</v>
      </c>
      <c r="AK2025">
        <v>33573.100100000003</v>
      </c>
      <c r="AL2025">
        <v>85948.53731</v>
      </c>
      <c r="AM2025">
        <v>20989.437040000001</v>
      </c>
      <c r="AN2025">
        <v>104607.0793</v>
      </c>
      <c r="AO2025">
        <v>32329.90611</v>
      </c>
      <c r="AP2025">
        <v>26675.860089999998</v>
      </c>
    </row>
    <row r="2026" spans="2:42" x14ac:dyDescent="0.3">
      <c r="B2026">
        <v>63.597806213157895</v>
      </c>
      <c r="C2026" s="83">
        <v>43185.333333333336</v>
      </c>
      <c r="D2026">
        <v>291043.88500000001</v>
      </c>
      <c r="E2026">
        <v>33619.612950000002</v>
      </c>
      <c r="F2026">
        <v>85350.328819999995</v>
      </c>
      <c r="G2026">
        <v>82734.237070000003</v>
      </c>
      <c r="H2026">
        <v>54975.345220000003</v>
      </c>
      <c r="I2026">
        <v>54024.508439999998</v>
      </c>
      <c r="J2026">
        <v>46100.167159999997</v>
      </c>
      <c r="K2026">
        <v>59024.45001</v>
      </c>
      <c r="L2026">
        <v>26838.625940000002</v>
      </c>
      <c r="M2026">
        <v>324251.27439999999</v>
      </c>
      <c r="N2026">
        <v>93171.557830000005</v>
      </c>
      <c r="O2026">
        <v>31000.70794</v>
      </c>
      <c r="P2026">
        <v>35614.356820000001</v>
      </c>
      <c r="Q2026">
        <v>88037.529490000001</v>
      </c>
      <c r="R2026">
        <v>23603.135020000002</v>
      </c>
      <c r="S2026">
        <v>117146.59420000001</v>
      </c>
      <c r="T2026">
        <v>35464.689100000003</v>
      </c>
      <c r="U2026">
        <v>29662.938170000001</v>
      </c>
      <c r="W2026" s="83">
        <f>Bühler!N2058</f>
        <v>45376.333333328424</v>
      </c>
      <c r="X2026" s="83">
        <v>43185.333333333336</v>
      </c>
      <c r="Y2026">
        <v>291043.88500000001</v>
      </c>
      <c r="Z2026">
        <v>33619.612950000002</v>
      </c>
      <c r="AA2026">
        <v>85350.328819999995</v>
      </c>
      <c r="AB2026">
        <v>82734.237070000003</v>
      </c>
      <c r="AC2026">
        <v>54975.345220000003</v>
      </c>
      <c r="AD2026">
        <v>54024.508439999998</v>
      </c>
      <c r="AE2026">
        <v>46100.167159999997</v>
      </c>
      <c r="AF2026">
        <v>59024.45001</v>
      </c>
      <c r="AG2026">
        <v>26838.625940000002</v>
      </c>
      <c r="AH2026">
        <v>324251.27439999999</v>
      </c>
      <c r="AI2026">
        <v>93171.557830000005</v>
      </c>
      <c r="AJ2026">
        <v>31000.70794</v>
      </c>
      <c r="AK2026">
        <v>35614.356820000001</v>
      </c>
      <c r="AL2026">
        <v>88037.529490000001</v>
      </c>
      <c r="AM2026">
        <v>23603.135020000002</v>
      </c>
      <c r="AN2026">
        <v>117146.59420000001</v>
      </c>
      <c r="AO2026">
        <v>35464.689100000003</v>
      </c>
      <c r="AP2026">
        <v>29662.938170000001</v>
      </c>
    </row>
    <row r="2027" spans="2:42" x14ac:dyDescent="0.3">
      <c r="B2027">
        <v>64.141265836927275</v>
      </c>
      <c r="C2027" s="83">
        <v>43185.375</v>
      </c>
      <c r="D2027">
        <v>293958.9265</v>
      </c>
      <c r="E2027">
        <v>37317.228020000002</v>
      </c>
      <c r="F2027">
        <v>93223.727570000003</v>
      </c>
      <c r="G2027">
        <v>91951.404949999996</v>
      </c>
      <c r="H2027">
        <v>57056.312149999998</v>
      </c>
      <c r="I2027">
        <v>47039.180260000001</v>
      </c>
      <c r="J2027">
        <v>44868.381379999999</v>
      </c>
      <c r="K2027">
        <v>60987.407500000001</v>
      </c>
      <c r="L2027">
        <v>29351.424650000001</v>
      </c>
      <c r="M2027">
        <v>327022.08500000002</v>
      </c>
      <c r="N2027">
        <v>101949.48850000001</v>
      </c>
      <c r="O2027">
        <v>30292.364119999998</v>
      </c>
      <c r="P2027">
        <v>36778.261489999997</v>
      </c>
      <c r="Q2027">
        <v>89739.479340000005</v>
      </c>
      <c r="R2027">
        <v>24215.378140000001</v>
      </c>
      <c r="S2027">
        <v>122680.5482</v>
      </c>
      <c r="T2027">
        <v>36850.37356</v>
      </c>
      <c r="U2027">
        <v>29190.945520000001</v>
      </c>
      <c r="W2027" s="83">
        <f>Bühler!N2059</f>
        <v>45376.374999995089</v>
      </c>
      <c r="X2027" s="83">
        <v>43185.375</v>
      </c>
      <c r="Y2027">
        <v>293958.9265</v>
      </c>
      <c r="Z2027">
        <v>37317.228020000002</v>
      </c>
      <c r="AA2027">
        <v>93223.727570000003</v>
      </c>
      <c r="AB2027">
        <v>91951.404949999996</v>
      </c>
      <c r="AC2027">
        <v>57056.312149999998</v>
      </c>
      <c r="AD2027">
        <v>47039.180260000001</v>
      </c>
      <c r="AE2027">
        <v>44868.381379999999</v>
      </c>
      <c r="AF2027">
        <v>60987.407500000001</v>
      </c>
      <c r="AG2027">
        <v>29351.424650000001</v>
      </c>
      <c r="AH2027">
        <v>327022.08500000002</v>
      </c>
      <c r="AI2027">
        <v>101949.48850000001</v>
      </c>
      <c r="AJ2027">
        <v>30292.364119999998</v>
      </c>
      <c r="AK2027">
        <v>36778.261489999997</v>
      </c>
      <c r="AL2027">
        <v>89739.479340000005</v>
      </c>
      <c r="AM2027">
        <v>24215.378140000001</v>
      </c>
      <c r="AN2027">
        <v>122680.5482</v>
      </c>
      <c r="AO2027">
        <v>36850.37356</v>
      </c>
      <c r="AP2027">
        <v>29190.945520000001</v>
      </c>
    </row>
    <row r="2028" spans="2:42" x14ac:dyDescent="0.3">
      <c r="B2028">
        <v>65.547989627762178</v>
      </c>
      <c r="C2028" s="83">
        <v>43185.416666666664</v>
      </c>
      <c r="D2028">
        <v>295452.87099999998</v>
      </c>
      <c r="E2028">
        <v>38469.966780000002</v>
      </c>
      <c r="F2028">
        <v>94141.506129999994</v>
      </c>
      <c r="G2028">
        <v>94786.676319999999</v>
      </c>
      <c r="H2028">
        <v>57029.090279999997</v>
      </c>
      <c r="I2028">
        <v>42914.815719999999</v>
      </c>
      <c r="J2028">
        <v>43021.652699999999</v>
      </c>
      <c r="K2028">
        <v>63599.454140000002</v>
      </c>
      <c r="L2028">
        <v>31155.9679</v>
      </c>
      <c r="M2028">
        <v>334194.21889999998</v>
      </c>
      <c r="N2028">
        <v>105194.7901</v>
      </c>
      <c r="O2028">
        <v>30065.604940000001</v>
      </c>
      <c r="P2028">
        <v>37003.565110000003</v>
      </c>
      <c r="Q2028">
        <v>91159.869489999997</v>
      </c>
      <c r="R2028">
        <v>25060.37617</v>
      </c>
      <c r="S2028">
        <v>124237.9924</v>
      </c>
      <c r="T2028">
        <v>37849.019229999998</v>
      </c>
      <c r="U2028">
        <v>27673.206529999999</v>
      </c>
      <c r="W2028" s="83">
        <f>Bühler!N2060</f>
        <v>45376.416666661753</v>
      </c>
      <c r="X2028" s="83">
        <v>43185.416666666664</v>
      </c>
      <c r="Y2028">
        <v>295452.87099999998</v>
      </c>
      <c r="Z2028">
        <v>38469.966780000002</v>
      </c>
      <c r="AA2028">
        <v>94141.506129999994</v>
      </c>
      <c r="AB2028">
        <v>94786.676319999999</v>
      </c>
      <c r="AC2028">
        <v>57029.090279999997</v>
      </c>
      <c r="AD2028">
        <v>42914.815719999999</v>
      </c>
      <c r="AE2028">
        <v>43021.652699999999</v>
      </c>
      <c r="AF2028">
        <v>63599.454140000002</v>
      </c>
      <c r="AG2028">
        <v>31155.9679</v>
      </c>
      <c r="AH2028">
        <v>334194.21889999998</v>
      </c>
      <c r="AI2028">
        <v>105194.7901</v>
      </c>
      <c r="AJ2028">
        <v>30065.604940000001</v>
      </c>
      <c r="AK2028">
        <v>37003.565110000003</v>
      </c>
      <c r="AL2028">
        <v>91159.869489999997</v>
      </c>
      <c r="AM2028">
        <v>25060.37617</v>
      </c>
      <c r="AN2028">
        <v>124237.9924</v>
      </c>
      <c r="AO2028">
        <v>37849.019229999998</v>
      </c>
      <c r="AP2028">
        <v>27673.206529999999</v>
      </c>
    </row>
    <row r="2029" spans="2:42" x14ac:dyDescent="0.3">
      <c r="B2029">
        <v>66.486305422971498</v>
      </c>
      <c r="C2029" s="83">
        <v>43185.458333333336</v>
      </c>
      <c r="D2029">
        <v>295409.95199999999</v>
      </c>
      <c r="E2029">
        <v>37818.024279999998</v>
      </c>
      <c r="F2029">
        <v>93625.229080000005</v>
      </c>
      <c r="G2029">
        <v>91545.512019999995</v>
      </c>
      <c r="H2029">
        <v>55621.979030000002</v>
      </c>
      <c r="I2029">
        <v>41526.012009999999</v>
      </c>
      <c r="J2029">
        <v>42438.615790000003</v>
      </c>
      <c r="K2029">
        <v>63682.032550000004</v>
      </c>
      <c r="L2029">
        <v>32357.907299999999</v>
      </c>
      <c r="M2029">
        <v>338978.19040000002</v>
      </c>
      <c r="N2029">
        <v>104454.27929999999</v>
      </c>
      <c r="O2029">
        <v>29609.008590000001</v>
      </c>
      <c r="P2029">
        <v>37257.212950000001</v>
      </c>
      <c r="Q2029">
        <v>91809.018890000007</v>
      </c>
      <c r="R2029">
        <v>27558.073219999998</v>
      </c>
      <c r="S2029">
        <v>124582.8907</v>
      </c>
      <c r="T2029">
        <v>37680.123599999999</v>
      </c>
      <c r="U2029">
        <v>26552.541499999999</v>
      </c>
      <c r="W2029" s="83">
        <f>Bühler!N2061</f>
        <v>45376.458333328417</v>
      </c>
      <c r="X2029" s="83">
        <v>43185.458333333336</v>
      </c>
      <c r="Y2029">
        <v>295409.95199999999</v>
      </c>
      <c r="Z2029">
        <v>37818.024279999998</v>
      </c>
      <c r="AA2029">
        <v>93625.229080000005</v>
      </c>
      <c r="AB2029">
        <v>91545.512019999995</v>
      </c>
      <c r="AC2029">
        <v>55621.979030000002</v>
      </c>
      <c r="AD2029">
        <v>41526.012009999999</v>
      </c>
      <c r="AE2029">
        <v>42438.615790000003</v>
      </c>
      <c r="AF2029">
        <v>63682.032550000004</v>
      </c>
      <c r="AG2029">
        <v>32357.907299999999</v>
      </c>
      <c r="AH2029">
        <v>338978.19040000002</v>
      </c>
      <c r="AI2029">
        <v>104454.27929999999</v>
      </c>
      <c r="AJ2029">
        <v>29609.008590000001</v>
      </c>
      <c r="AK2029">
        <v>37257.212950000001</v>
      </c>
      <c r="AL2029">
        <v>91809.018890000007</v>
      </c>
      <c r="AM2029">
        <v>27558.073219999998</v>
      </c>
      <c r="AN2029">
        <v>124582.8907</v>
      </c>
      <c r="AO2029">
        <v>37680.123599999999</v>
      </c>
      <c r="AP2029">
        <v>26552.541499999999</v>
      </c>
    </row>
    <row r="2030" spans="2:42" x14ac:dyDescent="0.3">
      <c r="B2030">
        <v>65.343572724697907</v>
      </c>
      <c r="C2030" s="83">
        <v>43185.5</v>
      </c>
      <c r="D2030">
        <v>283290.97289999999</v>
      </c>
      <c r="E2030">
        <v>33687.453070000003</v>
      </c>
      <c r="F2030">
        <v>86765.103359999994</v>
      </c>
      <c r="G2030">
        <v>90995.735199999996</v>
      </c>
      <c r="H2030">
        <v>53255.701009999997</v>
      </c>
      <c r="I2030">
        <v>40910.613649999999</v>
      </c>
      <c r="J2030">
        <v>41729.475899999998</v>
      </c>
      <c r="K2030">
        <v>59113.682939999999</v>
      </c>
      <c r="L2030">
        <v>34405.572289999996</v>
      </c>
      <c r="M2030">
        <v>333152.0062</v>
      </c>
      <c r="N2030">
        <v>98555.337530000004</v>
      </c>
      <c r="O2030">
        <v>27956.608219999998</v>
      </c>
      <c r="P2030">
        <v>36373.505449999997</v>
      </c>
      <c r="Q2030">
        <v>91811.037549999994</v>
      </c>
      <c r="R2030">
        <v>26214.374059999998</v>
      </c>
      <c r="S2030">
        <v>118047.08869999999</v>
      </c>
      <c r="T2030">
        <v>37522.712010000003</v>
      </c>
      <c r="U2030">
        <v>23009.771540000002</v>
      </c>
      <c r="W2030" s="83">
        <f>Bühler!N2062</f>
        <v>45376.499999995081</v>
      </c>
      <c r="X2030" s="83">
        <v>43185.5</v>
      </c>
      <c r="Y2030">
        <v>283290.97289999999</v>
      </c>
      <c r="Z2030">
        <v>33687.453070000003</v>
      </c>
      <c r="AA2030">
        <v>86765.103359999994</v>
      </c>
      <c r="AB2030">
        <v>90995.735199999996</v>
      </c>
      <c r="AC2030">
        <v>53255.701009999997</v>
      </c>
      <c r="AD2030">
        <v>40910.613649999999</v>
      </c>
      <c r="AE2030">
        <v>41729.475899999998</v>
      </c>
      <c r="AF2030">
        <v>59113.682939999999</v>
      </c>
      <c r="AG2030">
        <v>34405.572289999996</v>
      </c>
      <c r="AH2030">
        <v>333152.0062</v>
      </c>
      <c r="AI2030">
        <v>98555.337530000004</v>
      </c>
      <c r="AJ2030">
        <v>27956.608219999998</v>
      </c>
      <c r="AK2030">
        <v>36373.505449999997</v>
      </c>
      <c r="AL2030">
        <v>91811.037549999994</v>
      </c>
      <c r="AM2030">
        <v>26214.374059999998</v>
      </c>
      <c r="AN2030">
        <v>118047.08869999999</v>
      </c>
      <c r="AO2030">
        <v>37522.712010000003</v>
      </c>
      <c r="AP2030">
        <v>23009.771540000002</v>
      </c>
    </row>
    <row r="2031" spans="2:42" x14ac:dyDescent="0.3">
      <c r="B2031">
        <v>65.629072736342906</v>
      </c>
      <c r="C2031" s="83">
        <v>43185.541666666664</v>
      </c>
      <c r="D2031">
        <v>285053.86849999998</v>
      </c>
      <c r="E2031">
        <v>33386.078999999998</v>
      </c>
      <c r="F2031">
        <v>84258.801319999999</v>
      </c>
      <c r="G2031">
        <v>87102.22769</v>
      </c>
      <c r="H2031">
        <v>53123.779649999997</v>
      </c>
      <c r="I2031">
        <v>40852.495999999999</v>
      </c>
      <c r="J2031">
        <v>40799.956720000002</v>
      </c>
      <c r="K2031">
        <v>61893.100729999998</v>
      </c>
      <c r="L2031">
        <v>32422.920959999999</v>
      </c>
      <c r="M2031">
        <v>334607.61839999998</v>
      </c>
      <c r="N2031">
        <v>97056.890549999996</v>
      </c>
      <c r="O2031">
        <v>28206.513650000001</v>
      </c>
      <c r="P2031">
        <v>35168.250610000003</v>
      </c>
      <c r="Q2031">
        <v>90557.408670000004</v>
      </c>
      <c r="R2031">
        <v>25611.336869999999</v>
      </c>
      <c r="S2031">
        <v>117707.053</v>
      </c>
      <c r="T2031">
        <v>36203.949359999999</v>
      </c>
      <c r="U2031">
        <v>24522.629870000001</v>
      </c>
      <c r="W2031" s="83">
        <f>Bühler!N2063</f>
        <v>45376.541666661746</v>
      </c>
      <c r="X2031" s="83">
        <v>43185.541666666664</v>
      </c>
      <c r="Y2031">
        <v>285053.86849999998</v>
      </c>
      <c r="Z2031">
        <v>33386.078999999998</v>
      </c>
      <c r="AA2031">
        <v>84258.801319999999</v>
      </c>
      <c r="AB2031">
        <v>87102.22769</v>
      </c>
      <c r="AC2031">
        <v>53123.779649999997</v>
      </c>
      <c r="AD2031">
        <v>40852.495999999999</v>
      </c>
      <c r="AE2031">
        <v>40799.956720000002</v>
      </c>
      <c r="AF2031">
        <v>61893.100729999998</v>
      </c>
      <c r="AG2031">
        <v>32422.920959999999</v>
      </c>
      <c r="AH2031">
        <v>334607.61839999998</v>
      </c>
      <c r="AI2031">
        <v>97056.890549999996</v>
      </c>
      <c r="AJ2031">
        <v>28206.513650000001</v>
      </c>
      <c r="AK2031">
        <v>35168.250610000003</v>
      </c>
      <c r="AL2031">
        <v>90557.408670000004</v>
      </c>
      <c r="AM2031">
        <v>25611.336869999999</v>
      </c>
      <c r="AN2031">
        <v>117707.053</v>
      </c>
      <c r="AO2031">
        <v>36203.949359999999</v>
      </c>
      <c r="AP2031">
        <v>24522.629870000001</v>
      </c>
    </row>
    <row r="2032" spans="2:42" x14ac:dyDescent="0.3">
      <c r="B2032">
        <v>65.926046041342559</v>
      </c>
      <c r="C2032" s="83">
        <v>43185.583333333336</v>
      </c>
      <c r="D2032">
        <v>289043.89150000003</v>
      </c>
      <c r="E2032">
        <v>36073.745790000001</v>
      </c>
      <c r="F2032">
        <v>91396.159239999994</v>
      </c>
      <c r="G2032">
        <v>80588.668699999995</v>
      </c>
      <c r="H2032">
        <v>52488.715049999999</v>
      </c>
      <c r="I2032">
        <v>41450.993029999998</v>
      </c>
      <c r="J2032">
        <v>40249.963920000002</v>
      </c>
      <c r="K2032">
        <v>64071.894410000001</v>
      </c>
      <c r="L2032">
        <v>28661.49814</v>
      </c>
      <c r="M2032">
        <v>336121.7268</v>
      </c>
      <c r="N2032">
        <v>98732.671619999994</v>
      </c>
      <c r="O2032">
        <v>27338.181049999999</v>
      </c>
      <c r="P2032">
        <v>32114.91791</v>
      </c>
      <c r="Q2032">
        <v>89513.768039999995</v>
      </c>
      <c r="R2032">
        <v>24916.794320000001</v>
      </c>
      <c r="S2032">
        <v>112611.3095</v>
      </c>
      <c r="T2032">
        <v>34238.233070000002</v>
      </c>
      <c r="U2032">
        <v>25314.95491</v>
      </c>
      <c r="W2032" s="83">
        <f>Bühler!N2064</f>
        <v>45376.58333332841</v>
      </c>
      <c r="X2032" s="83">
        <v>43185.583333333336</v>
      </c>
      <c r="Y2032">
        <v>289043.89150000003</v>
      </c>
      <c r="Z2032">
        <v>36073.745790000001</v>
      </c>
      <c r="AA2032">
        <v>91396.159239999994</v>
      </c>
      <c r="AB2032">
        <v>80588.668699999995</v>
      </c>
      <c r="AC2032">
        <v>52488.715049999999</v>
      </c>
      <c r="AD2032">
        <v>41450.993029999998</v>
      </c>
      <c r="AE2032">
        <v>40249.963920000002</v>
      </c>
      <c r="AF2032">
        <v>64071.894410000001</v>
      </c>
      <c r="AG2032">
        <v>28661.49814</v>
      </c>
      <c r="AH2032">
        <v>336121.7268</v>
      </c>
      <c r="AI2032">
        <v>98732.671619999994</v>
      </c>
      <c r="AJ2032">
        <v>27338.181049999999</v>
      </c>
      <c r="AK2032">
        <v>32114.91791</v>
      </c>
      <c r="AL2032">
        <v>89513.768039999995</v>
      </c>
      <c r="AM2032">
        <v>24916.794320000001</v>
      </c>
      <c r="AN2032">
        <v>112611.3095</v>
      </c>
      <c r="AO2032">
        <v>34238.233070000002</v>
      </c>
      <c r="AP2032">
        <v>25314.95491</v>
      </c>
    </row>
    <row r="2033" spans="2:42" x14ac:dyDescent="0.3">
      <c r="B2033">
        <v>65.163864840297407</v>
      </c>
      <c r="C2033" s="83">
        <v>43185.625</v>
      </c>
      <c r="D2033">
        <v>287156.89840000001</v>
      </c>
      <c r="E2033">
        <v>35737.051930000001</v>
      </c>
      <c r="F2033">
        <v>92976.143590000007</v>
      </c>
      <c r="G2033">
        <v>77154.465039999995</v>
      </c>
      <c r="H2033">
        <v>51109.448859999997</v>
      </c>
      <c r="I2033">
        <v>41048.014770000002</v>
      </c>
      <c r="J2033">
        <v>39983.550640000001</v>
      </c>
      <c r="K2033">
        <v>62488.349430000002</v>
      </c>
      <c r="L2033">
        <v>25494.99294</v>
      </c>
      <c r="M2033">
        <v>332235.77159999998</v>
      </c>
      <c r="N2033">
        <v>96882.823310000007</v>
      </c>
      <c r="O2033">
        <v>26606.909479999998</v>
      </c>
      <c r="P2033">
        <v>30950.95103</v>
      </c>
      <c r="Q2033">
        <v>89183.923689999996</v>
      </c>
      <c r="R2033">
        <v>24012.210070000001</v>
      </c>
      <c r="S2033">
        <v>109630.8959</v>
      </c>
      <c r="T2033">
        <v>33471.807370000002</v>
      </c>
      <c r="U2033">
        <v>23882.720829999998</v>
      </c>
      <c r="W2033" s="83">
        <f>Bühler!N2065</f>
        <v>45376.624999995074</v>
      </c>
      <c r="X2033" s="83">
        <v>43185.625</v>
      </c>
      <c r="Y2033">
        <v>287156.89840000001</v>
      </c>
      <c r="Z2033">
        <v>35737.051930000001</v>
      </c>
      <c r="AA2033">
        <v>92976.143590000007</v>
      </c>
      <c r="AB2033">
        <v>77154.465039999995</v>
      </c>
      <c r="AC2033">
        <v>51109.448859999997</v>
      </c>
      <c r="AD2033">
        <v>41048.014770000002</v>
      </c>
      <c r="AE2033">
        <v>39983.550640000001</v>
      </c>
      <c r="AF2033">
        <v>62488.349430000002</v>
      </c>
      <c r="AG2033">
        <v>25494.99294</v>
      </c>
      <c r="AH2033">
        <v>332235.77159999998</v>
      </c>
      <c r="AI2033">
        <v>96882.823310000007</v>
      </c>
      <c r="AJ2033">
        <v>26606.909479999998</v>
      </c>
      <c r="AK2033">
        <v>30950.95103</v>
      </c>
      <c r="AL2033">
        <v>89183.923689999996</v>
      </c>
      <c r="AM2033">
        <v>24012.210070000001</v>
      </c>
      <c r="AN2033">
        <v>109630.8959</v>
      </c>
      <c r="AO2033">
        <v>33471.807370000002</v>
      </c>
      <c r="AP2033">
        <v>23882.720829999998</v>
      </c>
    </row>
    <row r="2034" spans="2:42" x14ac:dyDescent="0.3">
      <c r="B2034">
        <v>64.421434519859488</v>
      </c>
      <c r="C2034" s="83">
        <v>43185.666666666664</v>
      </c>
      <c r="D2034">
        <v>278836.33669999999</v>
      </c>
      <c r="E2034">
        <v>34315.308290000001</v>
      </c>
      <c r="F2034">
        <v>91482.426699999996</v>
      </c>
      <c r="G2034">
        <v>72892.618709999995</v>
      </c>
      <c r="H2034">
        <v>49129.893790000002</v>
      </c>
      <c r="I2034">
        <v>41702.149899999997</v>
      </c>
      <c r="J2034">
        <v>39312.309959999999</v>
      </c>
      <c r="K2034">
        <v>58644.925920000001</v>
      </c>
      <c r="L2034">
        <v>25007.29261</v>
      </c>
      <c r="M2034">
        <v>328450.51559999998</v>
      </c>
      <c r="N2034">
        <v>92855.49957</v>
      </c>
      <c r="O2034">
        <v>25638.733090000002</v>
      </c>
      <c r="P2034">
        <v>30750.49252</v>
      </c>
      <c r="Q2034">
        <v>88807.243860000002</v>
      </c>
      <c r="R2034">
        <v>24237.34044</v>
      </c>
      <c r="S2034">
        <v>106016.6023</v>
      </c>
      <c r="T2034">
        <v>32687.3397</v>
      </c>
      <c r="U2034">
        <v>21696.677459999999</v>
      </c>
      <c r="W2034" s="83">
        <f>Bühler!N2066</f>
        <v>45376.666666661738</v>
      </c>
      <c r="X2034" s="83">
        <v>43185.666666666664</v>
      </c>
      <c r="Y2034">
        <v>278836.33669999999</v>
      </c>
      <c r="Z2034">
        <v>34315.308290000001</v>
      </c>
      <c r="AA2034">
        <v>91482.426699999996</v>
      </c>
      <c r="AB2034">
        <v>72892.618709999995</v>
      </c>
      <c r="AC2034">
        <v>49129.893790000002</v>
      </c>
      <c r="AD2034">
        <v>41702.149899999997</v>
      </c>
      <c r="AE2034">
        <v>39312.309959999999</v>
      </c>
      <c r="AF2034">
        <v>58644.925920000001</v>
      </c>
      <c r="AG2034">
        <v>25007.29261</v>
      </c>
      <c r="AH2034">
        <v>328450.51559999998</v>
      </c>
      <c r="AI2034">
        <v>92855.49957</v>
      </c>
      <c r="AJ2034">
        <v>25638.733090000002</v>
      </c>
      <c r="AK2034">
        <v>30750.49252</v>
      </c>
      <c r="AL2034">
        <v>88807.243860000002</v>
      </c>
      <c r="AM2034">
        <v>24237.34044</v>
      </c>
      <c r="AN2034">
        <v>106016.6023</v>
      </c>
      <c r="AO2034">
        <v>32687.3397</v>
      </c>
      <c r="AP2034">
        <v>21696.677459999999</v>
      </c>
    </row>
    <row r="2035" spans="2:42" x14ac:dyDescent="0.3">
      <c r="B2035">
        <v>63.385970137843969</v>
      </c>
      <c r="C2035" s="83">
        <v>43185.708333333336</v>
      </c>
      <c r="D2035">
        <v>270458.61</v>
      </c>
      <c r="E2035">
        <v>32329.465260000001</v>
      </c>
      <c r="F2035">
        <v>90389.067670000004</v>
      </c>
      <c r="G2035">
        <v>65486.871630000001</v>
      </c>
      <c r="H2035">
        <v>46759.269549999997</v>
      </c>
      <c r="I2035">
        <v>41255.249900000003</v>
      </c>
      <c r="J2035">
        <v>39016.08023</v>
      </c>
      <c r="K2035">
        <v>53610.885450000002</v>
      </c>
      <c r="L2035">
        <v>24895.335470000002</v>
      </c>
      <c r="M2035">
        <v>323171.2353</v>
      </c>
      <c r="N2035">
        <v>85465.733059999999</v>
      </c>
      <c r="O2035">
        <v>24485.422930000001</v>
      </c>
      <c r="P2035">
        <v>32100.942510000001</v>
      </c>
      <c r="Q2035">
        <v>88410.015270000004</v>
      </c>
      <c r="R2035">
        <v>24700.541000000001</v>
      </c>
      <c r="S2035">
        <v>102633.2369</v>
      </c>
      <c r="T2035">
        <v>32509.17237</v>
      </c>
      <c r="U2035">
        <v>19493.69426</v>
      </c>
      <c r="W2035" s="83">
        <f>Bühler!N2067</f>
        <v>45376.708333328403</v>
      </c>
      <c r="X2035" s="83">
        <v>43185.708333333336</v>
      </c>
      <c r="Y2035">
        <v>270458.61</v>
      </c>
      <c r="Z2035">
        <v>32329.465260000001</v>
      </c>
      <c r="AA2035">
        <v>90389.067670000004</v>
      </c>
      <c r="AB2035">
        <v>65486.871630000001</v>
      </c>
      <c r="AC2035">
        <v>46759.269549999997</v>
      </c>
      <c r="AD2035">
        <v>41255.249900000003</v>
      </c>
      <c r="AE2035">
        <v>39016.08023</v>
      </c>
      <c r="AF2035">
        <v>53610.885450000002</v>
      </c>
      <c r="AG2035">
        <v>24895.335470000002</v>
      </c>
      <c r="AH2035">
        <v>323171.2353</v>
      </c>
      <c r="AI2035">
        <v>85465.733059999999</v>
      </c>
      <c r="AJ2035">
        <v>24485.422930000001</v>
      </c>
      <c r="AK2035">
        <v>32100.942510000001</v>
      </c>
      <c r="AL2035">
        <v>88410.015270000004</v>
      </c>
      <c r="AM2035">
        <v>24700.541000000001</v>
      </c>
      <c r="AN2035">
        <v>102633.2369</v>
      </c>
      <c r="AO2035">
        <v>32509.17237</v>
      </c>
      <c r="AP2035">
        <v>19493.69426</v>
      </c>
    </row>
    <row r="2036" spans="2:42" x14ac:dyDescent="0.3">
      <c r="B2036">
        <v>62.430817789396365</v>
      </c>
      <c r="C2036" s="83">
        <v>43185.75</v>
      </c>
      <c r="D2036">
        <v>263878.90059999999</v>
      </c>
      <c r="E2036">
        <v>29561.265179999999</v>
      </c>
      <c r="F2036">
        <v>88559.597800000003</v>
      </c>
      <c r="G2036">
        <v>57085.280780000001</v>
      </c>
      <c r="H2036">
        <v>44906.352180000002</v>
      </c>
      <c r="I2036">
        <v>41610.736720000001</v>
      </c>
      <c r="J2036">
        <v>39707.803209999998</v>
      </c>
      <c r="K2036">
        <v>52098.245510000001</v>
      </c>
      <c r="L2036">
        <v>26690.717619999999</v>
      </c>
      <c r="M2036">
        <v>318301.42320000002</v>
      </c>
      <c r="N2036">
        <v>82404.497489999994</v>
      </c>
      <c r="O2036">
        <v>23578.091489999999</v>
      </c>
      <c r="P2036">
        <v>35141.672579999999</v>
      </c>
      <c r="Q2036">
        <v>86606.535900000003</v>
      </c>
      <c r="R2036">
        <v>22563.34389</v>
      </c>
      <c r="S2036">
        <v>97111.985369999995</v>
      </c>
      <c r="T2036">
        <v>32702.011470000001</v>
      </c>
      <c r="U2036">
        <v>18267.319670000001</v>
      </c>
      <c r="W2036" s="83">
        <f>Bühler!N2068</f>
        <v>45376.749999995067</v>
      </c>
      <c r="X2036" s="83">
        <v>43185.75</v>
      </c>
      <c r="Y2036">
        <v>263878.90059999999</v>
      </c>
      <c r="Z2036">
        <v>29561.265179999999</v>
      </c>
      <c r="AA2036">
        <v>88559.597800000003</v>
      </c>
      <c r="AB2036">
        <v>57085.280780000001</v>
      </c>
      <c r="AC2036">
        <v>44906.352180000002</v>
      </c>
      <c r="AD2036">
        <v>41610.736720000001</v>
      </c>
      <c r="AE2036">
        <v>39707.803209999998</v>
      </c>
      <c r="AF2036">
        <v>52098.245510000001</v>
      </c>
      <c r="AG2036">
        <v>26690.717619999999</v>
      </c>
      <c r="AH2036">
        <v>318301.42320000002</v>
      </c>
      <c r="AI2036">
        <v>82404.497489999994</v>
      </c>
      <c r="AJ2036">
        <v>23578.091489999999</v>
      </c>
      <c r="AK2036">
        <v>35141.672579999999</v>
      </c>
      <c r="AL2036">
        <v>86606.535900000003</v>
      </c>
      <c r="AM2036">
        <v>22563.34389</v>
      </c>
      <c r="AN2036">
        <v>97111.985369999995</v>
      </c>
      <c r="AO2036">
        <v>32702.011470000001</v>
      </c>
      <c r="AP2036">
        <v>18267.319670000001</v>
      </c>
    </row>
    <row r="2037" spans="2:42" x14ac:dyDescent="0.3">
      <c r="B2037">
        <v>61.406895486126302</v>
      </c>
      <c r="C2037" s="83">
        <v>43185.791666666664</v>
      </c>
      <c r="D2037">
        <v>260950.0258</v>
      </c>
      <c r="E2037">
        <v>25152.292379999999</v>
      </c>
      <c r="F2037">
        <v>79237.491209999993</v>
      </c>
      <c r="G2037">
        <v>55225.089269999997</v>
      </c>
      <c r="H2037">
        <v>45171.462220000001</v>
      </c>
      <c r="I2037">
        <v>39528.296219999997</v>
      </c>
      <c r="J2037">
        <v>42870.682460000004</v>
      </c>
      <c r="K2037">
        <v>50257.167889999997</v>
      </c>
      <c r="L2037">
        <v>28615.240229999999</v>
      </c>
      <c r="M2037">
        <v>313080.98979999998</v>
      </c>
      <c r="N2037">
        <v>83163.593739999997</v>
      </c>
      <c r="O2037">
        <v>23494.824779999999</v>
      </c>
      <c r="P2037">
        <v>38607.494639999997</v>
      </c>
      <c r="Q2037">
        <v>84890.818549999996</v>
      </c>
      <c r="R2037">
        <v>21998.998960000001</v>
      </c>
      <c r="S2037">
        <v>95844.015950000001</v>
      </c>
      <c r="T2037">
        <v>35095.91893</v>
      </c>
      <c r="U2037">
        <v>18696.671310000002</v>
      </c>
      <c r="W2037" s="83">
        <f>Bühler!N2069</f>
        <v>45376.791666661731</v>
      </c>
      <c r="X2037" s="83">
        <v>43185.791666666664</v>
      </c>
      <c r="Y2037">
        <v>260950.0258</v>
      </c>
      <c r="Z2037">
        <v>25152.292379999999</v>
      </c>
      <c r="AA2037">
        <v>79237.491209999993</v>
      </c>
      <c r="AB2037">
        <v>55225.089269999997</v>
      </c>
      <c r="AC2037">
        <v>45171.462220000001</v>
      </c>
      <c r="AD2037">
        <v>39528.296219999997</v>
      </c>
      <c r="AE2037">
        <v>42870.682460000004</v>
      </c>
      <c r="AF2037">
        <v>50257.167889999997</v>
      </c>
      <c r="AG2037">
        <v>28615.240229999999</v>
      </c>
      <c r="AH2037">
        <v>313080.98979999998</v>
      </c>
      <c r="AI2037">
        <v>83163.593739999997</v>
      </c>
      <c r="AJ2037">
        <v>23494.824779999999</v>
      </c>
      <c r="AK2037">
        <v>38607.494639999997</v>
      </c>
      <c r="AL2037">
        <v>84890.818549999996</v>
      </c>
      <c r="AM2037">
        <v>21998.998960000001</v>
      </c>
      <c r="AN2037">
        <v>95844.015950000001</v>
      </c>
      <c r="AO2037">
        <v>35095.91893</v>
      </c>
      <c r="AP2037">
        <v>18696.671310000002</v>
      </c>
    </row>
    <row r="2038" spans="2:42" x14ac:dyDescent="0.3">
      <c r="B2038">
        <v>60.077943415923741</v>
      </c>
      <c r="C2038" s="83">
        <v>43185.833333333336</v>
      </c>
      <c r="D2038">
        <v>253106.23809999999</v>
      </c>
      <c r="E2038">
        <v>19784.026529999999</v>
      </c>
      <c r="F2038">
        <v>61281.065670000004</v>
      </c>
      <c r="G2038">
        <v>49308.410150000003</v>
      </c>
      <c r="H2038">
        <v>43183.013250000004</v>
      </c>
      <c r="I2038">
        <v>34635.862699999998</v>
      </c>
      <c r="J2038">
        <v>41951.194949999997</v>
      </c>
      <c r="K2038">
        <v>50470.68202</v>
      </c>
      <c r="L2038">
        <v>27876.953689999998</v>
      </c>
      <c r="M2038">
        <v>306305.37239999999</v>
      </c>
      <c r="N2038">
        <v>80933.40625</v>
      </c>
      <c r="O2038">
        <v>23493.657169999999</v>
      </c>
      <c r="P2038">
        <v>38312.703540000002</v>
      </c>
      <c r="Q2038">
        <v>82775.996429999999</v>
      </c>
      <c r="R2038">
        <v>20918.570810000001</v>
      </c>
      <c r="S2038">
        <v>88134.136259999999</v>
      </c>
      <c r="T2038">
        <v>33676.727830000003</v>
      </c>
      <c r="U2038">
        <v>17690.41013</v>
      </c>
      <c r="W2038" s="83">
        <f>Bühler!N2070</f>
        <v>45376.833333328395</v>
      </c>
      <c r="X2038" s="83">
        <v>43185.833333333336</v>
      </c>
      <c r="Y2038">
        <v>253106.23809999999</v>
      </c>
      <c r="Z2038">
        <v>19784.026529999999</v>
      </c>
      <c r="AA2038">
        <v>61281.065670000004</v>
      </c>
      <c r="AB2038">
        <v>49308.410150000003</v>
      </c>
      <c r="AC2038">
        <v>43183.013250000004</v>
      </c>
      <c r="AD2038">
        <v>34635.862699999998</v>
      </c>
      <c r="AE2038">
        <v>41951.194949999997</v>
      </c>
      <c r="AF2038">
        <v>50470.68202</v>
      </c>
      <c r="AG2038">
        <v>27876.953689999998</v>
      </c>
      <c r="AH2038">
        <v>306305.37239999999</v>
      </c>
      <c r="AI2038">
        <v>80933.40625</v>
      </c>
      <c r="AJ2038">
        <v>23493.657169999999</v>
      </c>
      <c r="AK2038">
        <v>38312.703540000002</v>
      </c>
      <c r="AL2038">
        <v>82775.996429999999</v>
      </c>
      <c r="AM2038">
        <v>20918.570810000001</v>
      </c>
      <c r="AN2038">
        <v>88134.136259999999</v>
      </c>
      <c r="AO2038">
        <v>33676.727830000003</v>
      </c>
      <c r="AP2038">
        <v>17690.41013</v>
      </c>
    </row>
    <row r="2039" spans="2:42" x14ac:dyDescent="0.3">
      <c r="B2039">
        <v>58.356028508345346</v>
      </c>
      <c r="C2039" s="83">
        <v>43185.875</v>
      </c>
      <c r="D2039">
        <v>245236.42800000001</v>
      </c>
      <c r="E2039">
        <v>17003.782879999999</v>
      </c>
      <c r="F2039">
        <v>54201.641179999999</v>
      </c>
      <c r="G2039">
        <v>46024.56364</v>
      </c>
      <c r="H2039">
        <v>40702.708760000001</v>
      </c>
      <c r="I2039">
        <v>30261.44009</v>
      </c>
      <c r="J2039">
        <v>40017.492469999997</v>
      </c>
      <c r="K2039">
        <v>48254.95203</v>
      </c>
      <c r="L2039">
        <v>26460.127219999998</v>
      </c>
      <c r="M2039">
        <v>297526.24719999998</v>
      </c>
      <c r="N2039">
        <v>78320.567809999993</v>
      </c>
      <c r="O2039">
        <v>22496.29722</v>
      </c>
      <c r="P2039">
        <v>37292.96039</v>
      </c>
      <c r="Q2039">
        <v>80704.623179999995</v>
      </c>
      <c r="R2039">
        <v>19938.067350000001</v>
      </c>
      <c r="S2039">
        <v>82863.32157</v>
      </c>
      <c r="T2039">
        <v>30775.360219999999</v>
      </c>
      <c r="U2039">
        <v>16111.63574</v>
      </c>
      <c r="W2039" s="83">
        <f>Bühler!N2071</f>
        <v>45376.87499999506</v>
      </c>
      <c r="X2039" s="83">
        <v>43185.875</v>
      </c>
      <c r="Y2039">
        <v>245236.42800000001</v>
      </c>
      <c r="Z2039">
        <v>17003.782879999999</v>
      </c>
      <c r="AA2039">
        <v>54201.641179999999</v>
      </c>
      <c r="AB2039">
        <v>46024.56364</v>
      </c>
      <c r="AC2039">
        <v>40702.708760000001</v>
      </c>
      <c r="AD2039">
        <v>30261.44009</v>
      </c>
      <c r="AE2039">
        <v>40017.492469999997</v>
      </c>
      <c r="AF2039">
        <v>48254.95203</v>
      </c>
      <c r="AG2039">
        <v>26460.127219999998</v>
      </c>
      <c r="AH2039">
        <v>297526.24719999998</v>
      </c>
      <c r="AI2039">
        <v>78320.567809999993</v>
      </c>
      <c r="AJ2039">
        <v>22496.29722</v>
      </c>
      <c r="AK2039">
        <v>37292.96039</v>
      </c>
      <c r="AL2039">
        <v>80704.623179999995</v>
      </c>
      <c r="AM2039">
        <v>19938.067350000001</v>
      </c>
      <c r="AN2039">
        <v>82863.32157</v>
      </c>
      <c r="AO2039">
        <v>30775.360219999999</v>
      </c>
      <c r="AP2039">
        <v>16111.63574</v>
      </c>
    </row>
    <row r="2040" spans="2:42" x14ac:dyDescent="0.3">
      <c r="B2040">
        <v>58.377361296031907</v>
      </c>
      <c r="C2040" s="83">
        <v>43185.916666666664</v>
      </c>
      <c r="D2040">
        <v>243490.31030000001</v>
      </c>
      <c r="E2040">
        <v>16372.820890000001</v>
      </c>
      <c r="F2040">
        <v>51802.866909999997</v>
      </c>
      <c r="G2040">
        <v>43444.848319999997</v>
      </c>
      <c r="H2040">
        <v>40156.484470000003</v>
      </c>
      <c r="I2040">
        <v>28935.307870000001</v>
      </c>
      <c r="J2040">
        <v>38772.020700000001</v>
      </c>
      <c r="K2040">
        <v>52159.250840000001</v>
      </c>
      <c r="L2040">
        <v>23742.554069999998</v>
      </c>
      <c r="M2040">
        <v>297635.01169999997</v>
      </c>
      <c r="N2040">
        <v>77811.367559999999</v>
      </c>
      <c r="O2040">
        <v>23528.48893</v>
      </c>
      <c r="P2040">
        <v>39235.664380000002</v>
      </c>
      <c r="Q2040">
        <v>80623.770810000002</v>
      </c>
      <c r="R2040">
        <v>26058.23273</v>
      </c>
      <c r="S2040">
        <v>81852.559340000007</v>
      </c>
      <c r="T2040">
        <v>27244.75807</v>
      </c>
      <c r="U2040">
        <v>16845.10628</v>
      </c>
      <c r="W2040" s="83">
        <f>Bühler!N2072</f>
        <v>45376.916666661724</v>
      </c>
      <c r="X2040" s="83">
        <v>43185.916666666664</v>
      </c>
      <c r="Y2040">
        <v>243490.31030000001</v>
      </c>
      <c r="Z2040">
        <v>16372.820890000001</v>
      </c>
      <c r="AA2040">
        <v>51802.866909999997</v>
      </c>
      <c r="AB2040">
        <v>43444.848319999997</v>
      </c>
      <c r="AC2040">
        <v>40156.484470000003</v>
      </c>
      <c r="AD2040">
        <v>28935.307870000001</v>
      </c>
      <c r="AE2040">
        <v>38772.020700000001</v>
      </c>
      <c r="AF2040">
        <v>52159.250840000001</v>
      </c>
      <c r="AG2040">
        <v>23742.554069999998</v>
      </c>
      <c r="AH2040">
        <v>297635.01169999997</v>
      </c>
      <c r="AI2040">
        <v>77811.367559999999</v>
      </c>
      <c r="AJ2040">
        <v>23528.48893</v>
      </c>
      <c r="AK2040">
        <v>39235.664380000002</v>
      </c>
      <c r="AL2040">
        <v>80623.770810000002</v>
      </c>
      <c r="AM2040">
        <v>26058.23273</v>
      </c>
      <c r="AN2040">
        <v>81852.559340000007</v>
      </c>
      <c r="AO2040">
        <v>27244.75807</v>
      </c>
      <c r="AP2040">
        <v>16845.10628</v>
      </c>
    </row>
    <row r="2041" spans="2:42" x14ac:dyDescent="0.3">
      <c r="B2041">
        <v>57.388533605141184</v>
      </c>
      <c r="C2041" s="83">
        <v>43185.958333333336</v>
      </c>
      <c r="D2041">
        <v>244234.11679999999</v>
      </c>
      <c r="E2041">
        <v>16176.118780000001</v>
      </c>
      <c r="F2041">
        <v>50958.650430000002</v>
      </c>
      <c r="G2041">
        <v>42486.641340000002</v>
      </c>
      <c r="H2041">
        <v>39067.83354</v>
      </c>
      <c r="I2041">
        <v>28234.338049999998</v>
      </c>
      <c r="J2041">
        <v>36405.836060000001</v>
      </c>
      <c r="K2041">
        <v>51979.214189999999</v>
      </c>
      <c r="L2041">
        <v>20445.898519999999</v>
      </c>
      <c r="M2041">
        <v>292593.50699999998</v>
      </c>
      <c r="N2041">
        <v>77960.51152</v>
      </c>
      <c r="O2041">
        <v>23520.094089999999</v>
      </c>
      <c r="P2041">
        <v>35233.517520000001</v>
      </c>
      <c r="Q2041">
        <v>79832.963279999996</v>
      </c>
      <c r="R2041">
        <v>27848.348900000001</v>
      </c>
      <c r="S2041">
        <v>79626.665169999993</v>
      </c>
      <c r="T2041">
        <v>27957.19081</v>
      </c>
      <c r="U2041">
        <v>16106.843790000001</v>
      </c>
      <c r="W2041" s="83">
        <f>Bühler!N2073</f>
        <v>45376.958333328388</v>
      </c>
      <c r="X2041" s="83">
        <v>43185.958333333336</v>
      </c>
      <c r="Y2041">
        <v>244234.11679999999</v>
      </c>
      <c r="Z2041">
        <v>16176.118780000001</v>
      </c>
      <c r="AA2041">
        <v>50958.650430000002</v>
      </c>
      <c r="AB2041">
        <v>42486.641340000002</v>
      </c>
      <c r="AC2041">
        <v>39067.83354</v>
      </c>
      <c r="AD2041">
        <v>28234.338049999998</v>
      </c>
      <c r="AE2041">
        <v>36405.836060000001</v>
      </c>
      <c r="AF2041">
        <v>51979.214189999999</v>
      </c>
      <c r="AG2041">
        <v>20445.898519999999</v>
      </c>
      <c r="AH2041">
        <v>292593.50699999998</v>
      </c>
      <c r="AI2041">
        <v>77960.51152</v>
      </c>
      <c r="AJ2041">
        <v>23520.094089999999</v>
      </c>
      <c r="AK2041">
        <v>35233.517520000001</v>
      </c>
      <c r="AL2041">
        <v>79832.963279999996</v>
      </c>
      <c r="AM2041">
        <v>27848.348900000001</v>
      </c>
      <c r="AN2041">
        <v>79626.665169999993</v>
      </c>
      <c r="AO2041">
        <v>27957.19081</v>
      </c>
      <c r="AP2041">
        <v>16106.843790000001</v>
      </c>
    </row>
    <row r="2042" spans="2:42" x14ac:dyDescent="0.3">
      <c r="B2042">
        <v>56.60804205472062</v>
      </c>
      <c r="C2042" s="83">
        <v>43186</v>
      </c>
      <c r="D2042">
        <v>242488.21520000001</v>
      </c>
      <c r="E2042">
        <v>15858.93288</v>
      </c>
      <c r="F2042">
        <v>49899.96112</v>
      </c>
      <c r="G2042">
        <v>41548.34618</v>
      </c>
      <c r="H2042">
        <v>38304.506950000003</v>
      </c>
      <c r="I2042">
        <v>25583.141479999998</v>
      </c>
      <c r="J2042">
        <v>34736.788260000001</v>
      </c>
      <c r="K2042">
        <v>50859.608209999999</v>
      </c>
      <c r="L2042">
        <v>18531.448820000001</v>
      </c>
      <c r="M2042">
        <v>288614.19709999999</v>
      </c>
      <c r="N2042">
        <v>77630.62556</v>
      </c>
      <c r="O2042">
        <v>23697.955480000001</v>
      </c>
      <c r="P2042">
        <v>32976.194150000003</v>
      </c>
      <c r="Q2042">
        <v>80051.740569999994</v>
      </c>
      <c r="R2042">
        <v>24117.544389999999</v>
      </c>
      <c r="S2042">
        <v>78823.748210000005</v>
      </c>
      <c r="T2042">
        <v>26459.150720000001</v>
      </c>
      <c r="U2042">
        <v>15980.019399999999</v>
      </c>
      <c r="W2042" s="83">
        <f>Bühler!N2074</f>
        <v>45376.999999995052</v>
      </c>
      <c r="X2042" s="83">
        <v>43186</v>
      </c>
      <c r="Y2042">
        <v>242488.21520000001</v>
      </c>
      <c r="Z2042">
        <v>15858.93288</v>
      </c>
      <c r="AA2042">
        <v>49899.96112</v>
      </c>
      <c r="AB2042">
        <v>41548.34618</v>
      </c>
      <c r="AC2042">
        <v>38304.506950000003</v>
      </c>
      <c r="AD2042">
        <v>25583.141479999998</v>
      </c>
      <c r="AE2042">
        <v>34736.788260000001</v>
      </c>
      <c r="AF2042">
        <v>50859.608209999999</v>
      </c>
      <c r="AG2042">
        <v>18531.448820000001</v>
      </c>
      <c r="AH2042">
        <v>288614.19709999999</v>
      </c>
      <c r="AI2042">
        <v>77630.62556</v>
      </c>
      <c r="AJ2042">
        <v>23697.955480000001</v>
      </c>
      <c r="AK2042">
        <v>32976.194150000003</v>
      </c>
      <c r="AL2042">
        <v>80051.740569999994</v>
      </c>
      <c r="AM2042">
        <v>24117.544389999999</v>
      </c>
      <c r="AN2042">
        <v>78823.748210000005</v>
      </c>
      <c r="AO2042">
        <v>26459.150720000001</v>
      </c>
      <c r="AP2042">
        <v>15980.019399999999</v>
      </c>
    </row>
    <row r="2043" spans="2:42" x14ac:dyDescent="0.3">
      <c r="B2043">
        <v>56.774622893552689</v>
      </c>
      <c r="C2043" s="83">
        <v>43186.041666666664</v>
      </c>
      <c r="D2043">
        <v>240822.83230000001</v>
      </c>
      <c r="E2043">
        <v>15938.426240000001</v>
      </c>
      <c r="F2043">
        <v>50281.671240000003</v>
      </c>
      <c r="G2043">
        <v>41112.16257</v>
      </c>
      <c r="H2043">
        <v>38218.970780000003</v>
      </c>
      <c r="I2043">
        <v>19933.99352</v>
      </c>
      <c r="J2043">
        <v>33495.26887</v>
      </c>
      <c r="K2043">
        <v>49380.823420000001</v>
      </c>
      <c r="L2043">
        <v>18563.451079999999</v>
      </c>
      <c r="M2043">
        <v>289463.50390000001</v>
      </c>
      <c r="N2043">
        <v>78131.830010000005</v>
      </c>
      <c r="O2043">
        <v>23501.161550000001</v>
      </c>
      <c r="P2043">
        <v>31858.227999999999</v>
      </c>
      <c r="Q2043">
        <v>81279.38149</v>
      </c>
      <c r="R2043">
        <v>21851.808499999999</v>
      </c>
      <c r="S2043">
        <v>78031.282819999993</v>
      </c>
      <c r="T2043">
        <v>26273.735669999998</v>
      </c>
      <c r="U2043">
        <v>16078.58646</v>
      </c>
      <c r="W2043" s="83">
        <f>Bühler!N2075</f>
        <v>45377.041666661717</v>
      </c>
      <c r="X2043" s="83">
        <v>43186.041666666664</v>
      </c>
      <c r="Y2043">
        <v>240822.83230000001</v>
      </c>
      <c r="Z2043">
        <v>15938.426240000001</v>
      </c>
      <c r="AA2043">
        <v>50281.671240000003</v>
      </c>
      <c r="AB2043">
        <v>41112.16257</v>
      </c>
      <c r="AC2043">
        <v>38218.970780000003</v>
      </c>
      <c r="AD2043">
        <v>19933.99352</v>
      </c>
      <c r="AE2043">
        <v>33495.26887</v>
      </c>
      <c r="AF2043">
        <v>49380.823420000001</v>
      </c>
      <c r="AG2043">
        <v>18563.451079999999</v>
      </c>
      <c r="AH2043">
        <v>289463.50390000001</v>
      </c>
      <c r="AI2043">
        <v>78131.830010000005</v>
      </c>
      <c r="AJ2043">
        <v>23501.161550000001</v>
      </c>
      <c r="AK2043">
        <v>31858.227999999999</v>
      </c>
      <c r="AL2043">
        <v>81279.38149</v>
      </c>
      <c r="AM2043">
        <v>21851.808499999999</v>
      </c>
      <c r="AN2043">
        <v>78031.282819999993</v>
      </c>
      <c r="AO2043">
        <v>26273.735669999998</v>
      </c>
      <c r="AP2043">
        <v>16078.58646</v>
      </c>
    </row>
    <row r="2044" spans="2:42" x14ac:dyDescent="0.3">
      <c r="B2044">
        <v>57.306146418127057</v>
      </c>
      <c r="C2044" s="83">
        <v>43186.083333333336</v>
      </c>
      <c r="D2044">
        <v>242471.2855</v>
      </c>
      <c r="E2044">
        <v>15834.712519999999</v>
      </c>
      <c r="F2044">
        <v>50993.936470000001</v>
      </c>
      <c r="G2044">
        <v>40707.387269999999</v>
      </c>
      <c r="H2044">
        <v>38430.656159999999</v>
      </c>
      <c r="I2044">
        <v>17940.672760000001</v>
      </c>
      <c r="J2044">
        <v>33339.6967</v>
      </c>
      <c r="K2044">
        <v>47726.776850000002</v>
      </c>
      <c r="L2044">
        <v>18290.12847</v>
      </c>
      <c r="M2044">
        <v>292173.45870000002</v>
      </c>
      <c r="N2044">
        <v>77603.497870000007</v>
      </c>
      <c r="O2044">
        <v>23241.35714</v>
      </c>
      <c r="P2044">
        <v>31029.298320000002</v>
      </c>
      <c r="Q2044">
        <v>83570.984679999994</v>
      </c>
      <c r="R2044">
        <v>22834.827440000001</v>
      </c>
      <c r="S2044">
        <v>77515.602840000007</v>
      </c>
      <c r="T2044">
        <v>25279.902340000001</v>
      </c>
      <c r="U2044">
        <v>16574.727920000001</v>
      </c>
      <c r="W2044" s="83">
        <f>Bühler!N2076</f>
        <v>45377.083333328381</v>
      </c>
      <c r="X2044" s="83">
        <v>43186.083333333336</v>
      </c>
      <c r="Y2044">
        <v>242471.2855</v>
      </c>
      <c r="Z2044">
        <v>15834.712519999999</v>
      </c>
      <c r="AA2044">
        <v>50993.936470000001</v>
      </c>
      <c r="AB2044">
        <v>40707.387269999999</v>
      </c>
      <c r="AC2044">
        <v>38430.656159999999</v>
      </c>
      <c r="AD2044">
        <v>17940.672760000001</v>
      </c>
      <c r="AE2044">
        <v>33339.6967</v>
      </c>
      <c r="AF2044">
        <v>47726.776850000002</v>
      </c>
      <c r="AG2044">
        <v>18290.12847</v>
      </c>
      <c r="AH2044">
        <v>292173.45870000002</v>
      </c>
      <c r="AI2044">
        <v>77603.497870000007</v>
      </c>
      <c r="AJ2044">
        <v>23241.35714</v>
      </c>
      <c r="AK2044">
        <v>31029.298320000002</v>
      </c>
      <c r="AL2044">
        <v>83570.984679999994</v>
      </c>
      <c r="AM2044">
        <v>22834.827440000001</v>
      </c>
      <c r="AN2044">
        <v>77515.602840000007</v>
      </c>
      <c r="AO2044">
        <v>25279.902340000001</v>
      </c>
      <c r="AP2044">
        <v>16574.727920000001</v>
      </c>
    </row>
    <row r="2045" spans="2:42" x14ac:dyDescent="0.3">
      <c r="B2045">
        <v>57.387216012840007</v>
      </c>
      <c r="C2045" s="83">
        <v>43186.125</v>
      </c>
      <c r="D2045">
        <v>241829.43280000001</v>
      </c>
      <c r="E2045">
        <v>15984.16865</v>
      </c>
      <c r="F2045">
        <v>51920.399599999997</v>
      </c>
      <c r="G2045">
        <v>40197.837549999997</v>
      </c>
      <c r="H2045">
        <v>38280.276919999997</v>
      </c>
      <c r="I2045">
        <v>18388.80098</v>
      </c>
      <c r="J2045">
        <v>34215.157070000001</v>
      </c>
      <c r="K2045">
        <v>46421.979899999998</v>
      </c>
      <c r="L2045">
        <v>18134.16475</v>
      </c>
      <c r="M2045">
        <v>292586.7893</v>
      </c>
      <c r="N2045">
        <v>77520.077999999994</v>
      </c>
      <c r="O2045">
        <v>23758.875739999999</v>
      </c>
      <c r="P2045">
        <v>29732.3151</v>
      </c>
      <c r="Q2045">
        <v>86038.365860000005</v>
      </c>
      <c r="R2045">
        <v>22198.663130000001</v>
      </c>
      <c r="S2045">
        <v>77112.327520000006</v>
      </c>
      <c r="T2045">
        <v>25887.431850000001</v>
      </c>
      <c r="U2045">
        <v>17159.007989999998</v>
      </c>
      <c r="W2045" s="83">
        <f>Bühler!N2077</f>
        <v>45377.124999995045</v>
      </c>
      <c r="X2045" s="83">
        <v>43186.125</v>
      </c>
      <c r="Y2045">
        <v>241829.43280000001</v>
      </c>
      <c r="Z2045">
        <v>15984.16865</v>
      </c>
      <c r="AA2045">
        <v>51920.399599999997</v>
      </c>
      <c r="AB2045">
        <v>40197.837549999997</v>
      </c>
      <c r="AC2045">
        <v>38280.276919999997</v>
      </c>
      <c r="AD2045">
        <v>18388.80098</v>
      </c>
      <c r="AE2045">
        <v>34215.157070000001</v>
      </c>
      <c r="AF2045">
        <v>46421.979899999998</v>
      </c>
      <c r="AG2045">
        <v>18134.16475</v>
      </c>
      <c r="AH2045">
        <v>292586.7893</v>
      </c>
      <c r="AI2045">
        <v>77520.077999999994</v>
      </c>
      <c r="AJ2045">
        <v>23758.875739999999</v>
      </c>
      <c r="AK2045">
        <v>29732.3151</v>
      </c>
      <c r="AL2045">
        <v>86038.365860000005</v>
      </c>
      <c r="AM2045">
        <v>22198.663130000001</v>
      </c>
      <c r="AN2045">
        <v>77112.327520000006</v>
      </c>
      <c r="AO2045">
        <v>25887.431850000001</v>
      </c>
      <c r="AP2045">
        <v>17159.007989999998</v>
      </c>
    </row>
    <row r="2046" spans="2:42" x14ac:dyDescent="0.3">
      <c r="B2046">
        <v>58.930953064751407</v>
      </c>
      <c r="C2046" s="83">
        <v>43186.166666666664</v>
      </c>
      <c r="D2046">
        <v>245086.9803</v>
      </c>
      <c r="E2046">
        <v>16612.351900000001</v>
      </c>
      <c r="F2046">
        <v>55593.258000000002</v>
      </c>
      <c r="G2046">
        <v>40171.437879999998</v>
      </c>
      <c r="H2046">
        <v>39151.662040000003</v>
      </c>
      <c r="I2046">
        <v>21785.04075</v>
      </c>
      <c r="J2046">
        <v>36073.631909999996</v>
      </c>
      <c r="K2046">
        <v>44752.61015</v>
      </c>
      <c r="L2046">
        <v>18279.053080000002</v>
      </c>
      <c r="M2046">
        <v>300457.48070000001</v>
      </c>
      <c r="N2046">
        <v>77083.50589</v>
      </c>
      <c r="O2046">
        <v>23867.726620000001</v>
      </c>
      <c r="P2046">
        <v>29860.190610000001</v>
      </c>
      <c r="Q2046">
        <v>90257.687160000001</v>
      </c>
      <c r="R2046">
        <v>23205.436590000001</v>
      </c>
      <c r="S2046">
        <v>79262.085829999996</v>
      </c>
      <c r="T2046">
        <v>25364.884529999999</v>
      </c>
      <c r="U2046">
        <v>17931.124670000001</v>
      </c>
      <c r="W2046" s="83">
        <f>Bühler!N2078</f>
        <v>45377.166666661709</v>
      </c>
      <c r="X2046" s="83">
        <v>43186.166666666664</v>
      </c>
      <c r="Y2046">
        <v>245086.9803</v>
      </c>
      <c r="Z2046">
        <v>16612.351900000001</v>
      </c>
      <c r="AA2046">
        <v>55593.258000000002</v>
      </c>
      <c r="AB2046">
        <v>40171.437879999998</v>
      </c>
      <c r="AC2046">
        <v>39151.662040000003</v>
      </c>
      <c r="AD2046">
        <v>21785.04075</v>
      </c>
      <c r="AE2046">
        <v>36073.631909999996</v>
      </c>
      <c r="AF2046">
        <v>44752.61015</v>
      </c>
      <c r="AG2046">
        <v>18279.053080000002</v>
      </c>
      <c r="AH2046">
        <v>300457.48070000001</v>
      </c>
      <c r="AI2046">
        <v>77083.50589</v>
      </c>
      <c r="AJ2046">
        <v>23867.726620000001</v>
      </c>
      <c r="AK2046">
        <v>29860.190610000001</v>
      </c>
      <c r="AL2046">
        <v>90257.687160000001</v>
      </c>
      <c r="AM2046">
        <v>23205.436590000001</v>
      </c>
      <c r="AN2046">
        <v>79262.085829999996</v>
      </c>
      <c r="AO2046">
        <v>25364.884529999999</v>
      </c>
      <c r="AP2046">
        <v>17931.124670000001</v>
      </c>
    </row>
    <row r="2047" spans="2:42" x14ac:dyDescent="0.3">
      <c r="B2047">
        <v>62.694847874075435</v>
      </c>
      <c r="C2047" s="83">
        <v>43186.208333333336</v>
      </c>
      <c r="D2047">
        <v>261089.69839999999</v>
      </c>
      <c r="E2047">
        <v>18653.49134</v>
      </c>
      <c r="F2047">
        <v>66033.441730000006</v>
      </c>
      <c r="G2047">
        <v>43414.959199999998</v>
      </c>
      <c r="H2047">
        <v>41281.93045</v>
      </c>
      <c r="I2047">
        <v>32012.867989999999</v>
      </c>
      <c r="J2047">
        <v>39029.37715</v>
      </c>
      <c r="K2047">
        <v>45565.069869999999</v>
      </c>
      <c r="L2047">
        <v>19675.28931</v>
      </c>
      <c r="M2047">
        <v>319647.57169999997</v>
      </c>
      <c r="N2047">
        <v>78283.112179999996</v>
      </c>
      <c r="O2047">
        <v>24750.12199</v>
      </c>
      <c r="P2047">
        <v>31020.19427</v>
      </c>
      <c r="Q2047">
        <v>94051.963090000005</v>
      </c>
      <c r="R2047">
        <v>25274.70839</v>
      </c>
      <c r="S2047">
        <v>82011.596170000004</v>
      </c>
      <c r="T2047">
        <v>27585.38825</v>
      </c>
      <c r="U2047">
        <v>19956.76136</v>
      </c>
      <c r="W2047" s="83">
        <f>Bühler!N2079</f>
        <v>45377.208333328374</v>
      </c>
      <c r="X2047" s="83">
        <v>43186.208333333336</v>
      </c>
      <c r="Y2047">
        <v>261089.69839999999</v>
      </c>
      <c r="Z2047">
        <v>18653.49134</v>
      </c>
      <c r="AA2047">
        <v>66033.441730000006</v>
      </c>
      <c r="AB2047">
        <v>43414.959199999998</v>
      </c>
      <c r="AC2047">
        <v>41281.93045</v>
      </c>
      <c r="AD2047">
        <v>32012.867989999999</v>
      </c>
      <c r="AE2047">
        <v>39029.37715</v>
      </c>
      <c r="AF2047">
        <v>45565.069869999999</v>
      </c>
      <c r="AG2047">
        <v>19675.28931</v>
      </c>
      <c r="AH2047">
        <v>319647.57169999997</v>
      </c>
      <c r="AI2047">
        <v>78283.112179999996</v>
      </c>
      <c r="AJ2047">
        <v>24750.12199</v>
      </c>
      <c r="AK2047">
        <v>31020.19427</v>
      </c>
      <c r="AL2047">
        <v>94051.963090000005</v>
      </c>
      <c r="AM2047">
        <v>25274.70839</v>
      </c>
      <c r="AN2047">
        <v>82011.596170000004</v>
      </c>
      <c r="AO2047">
        <v>27585.38825</v>
      </c>
      <c r="AP2047">
        <v>19956.76136</v>
      </c>
    </row>
    <row r="2048" spans="2:42" x14ac:dyDescent="0.3">
      <c r="B2048">
        <v>65.607942264398162</v>
      </c>
      <c r="C2048" s="83">
        <v>43186.25</v>
      </c>
      <c r="D2048">
        <v>277276.13589999999</v>
      </c>
      <c r="E2048">
        <v>22776.115269999998</v>
      </c>
      <c r="F2048">
        <v>77821.536999999997</v>
      </c>
      <c r="G2048">
        <v>56917.255940000003</v>
      </c>
      <c r="H2048">
        <v>44436.426010000003</v>
      </c>
      <c r="I2048">
        <v>41464.605190000002</v>
      </c>
      <c r="J2048">
        <v>42609.831189999997</v>
      </c>
      <c r="K2048">
        <v>48745.86191</v>
      </c>
      <c r="L2048">
        <v>21739.728630000001</v>
      </c>
      <c r="M2048">
        <v>334499.88540000003</v>
      </c>
      <c r="N2048">
        <v>81534.060540000006</v>
      </c>
      <c r="O2048">
        <v>25533.310130000002</v>
      </c>
      <c r="P2048">
        <v>31856.712810000001</v>
      </c>
      <c r="Q2048">
        <v>94868.905169999998</v>
      </c>
      <c r="R2048">
        <v>19539.47579</v>
      </c>
      <c r="S2048">
        <v>89696.780239999993</v>
      </c>
      <c r="T2048">
        <v>30247.225610000001</v>
      </c>
      <c r="U2048">
        <v>22726.139910000002</v>
      </c>
      <c r="W2048" s="83">
        <f>Bühler!N2080</f>
        <v>45377.249999995038</v>
      </c>
      <c r="X2048" s="83">
        <v>43186.25</v>
      </c>
      <c r="Y2048">
        <v>277276.13589999999</v>
      </c>
      <c r="Z2048">
        <v>22776.115269999998</v>
      </c>
      <c r="AA2048">
        <v>77821.536999999997</v>
      </c>
      <c r="AB2048">
        <v>56917.255940000003</v>
      </c>
      <c r="AC2048">
        <v>44436.426010000003</v>
      </c>
      <c r="AD2048">
        <v>41464.605190000002</v>
      </c>
      <c r="AE2048">
        <v>42609.831189999997</v>
      </c>
      <c r="AF2048">
        <v>48745.86191</v>
      </c>
      <c r="AG2048">
        <v>21739.728630000001</v>
      </c>
      <c r="AH2048">
        <v>334499.88540000003</v>
      </c>
      <c r="AI2048">
        <v>81534.060540000006</v>
      </c>
      <c r="AJ2048">
        <v>25533.310130000002</v>
      </c>
      <c r="AK2048">
        <v>31856.712810000001</v>
      </c>
      <c r="AL2048">
        <v>94868.905169999998</v>
      </c>
      <c r="AM2048">
        <v>19539.47579</v>
      </c>
      <c r="AN2048">
        <v>89696.780239999993</v>
      </c>
      <c r="AO2048">
        <v>30247.225610000001</v>
      </c>
      <c r="AP2048">
        <v>22726.139910000002</v>
      </c>
    </row>
    <row r="2049" spans="2:42" x14ac:dyDescent="0.3">
      <c r="B2049">
        <v>66.392378373564654</v>
      </c>
      <c r="C2049" s="83">
        <v>43186.291666666664</v>
      </c>
      <c r="D2049">
        <v>290370.78409999999</v>
      </c>
      <c r="E2049">
        <v>27258.832890000001</v>
      </c>
      <c r="F2049">
        <v>79422.445470000006</v>
      </c>
      <c r="G2049">
        <v>68456.759820000007</v>
      </c>
      <c r="H2049">
        <v>49135.21097</v>
      </c>
      <c r="I2049">
        <v>50279.223760000001</v>
      </c>
      <c r="J2049">
        <v>42461.570829999997</v>
      </c>
      <c r="K2049">
        <v>54148.121169999999</v>
      </c>
      <c r="L2049">
        <v>23717.225399999999</v>
      </c>
      <c r="M2049">
        <v>338499.30650000001</v>
      </c>
      <c r="N2049">
        <v>88264.948730000004</v>
      </c>
      <c r="O2049">
        <v>28038.631740000001</v>
      </c>
      <c r="P2049">
        <v>35882.121529999997</v>
      </c>
      <c r="Q2049">
        <v>94939.800019999995</v>
      </c>
      <c r="R2049">
        <v>20079.164120000001</v>
      </c>
      <c r="S2049">
        <v>103271.35219999999</v>
      </c>
      <c r="T2049">
        <v>32106.73531</v>
      </c>
      <c r="U2049">
        <v>26882.722399999999</v>
      </c>
      <c r="W2049" s="83">
        <f>Bühler!N2081</f>
        <v>45377.291666661702</v>
      </c>
      <c r="X2049" s="83">
        <v>43186.291666666664</v>
      </c>
      <c r="Y2049">
        <v>290370.78409999999</v>
      </c>
      <c r="Z2049">
        <v>27258.832890000001</v>
      </c>
      <c r="AA2049">
        <v>79422.445470000006</v>
      </c>
      <c r="AB2049">
        <v>68456.759820000007</v>
      </c>
      <c r="AC2049">
        <v>49135.21097</v>
      </c>
      <c r="AD2049">
        <v>50279.223760000001</v>
      </c>
      <c r="AE2049">
        <v>42461.570829999997</v>
      </c>
      <c r="AF2049">
        <v>54148.121169999999</v>
      </c>
      <c r="AG2049">
        <v>23717.225399999999</v>
      </c>
      <c r="AH2049">
        <v>338499.30650000001</v>
      </c>
      <c r="AI2049">
        <v>88264.948730000004</v>
      </c>
      <c r="AJ2049">
        <v>28038.631740000001</v>
      </c>
      <c r="AK2049">
        <v>35882.121529999997</v>
      </c>
      <c r="AL2049">
        <v>94939.800019999995</v>
      </c>
      <c r="AM2049">
        <v>20079.164120000001</v>
      </c>
      <c r="AN2049">
        <v>103271.35219999999</v>
      </c>
      <c r="AO2049">
        <v>32106.73531</v>
      </c>
      <c r="AP2049">
        <v>26882.722399999999</v>
      </c>
    </row>
    <row r="2050" spans="2:42" x14ac:dyDescent="0.3">
      <c r="B2050">
        <v>67.563833316956334</v>
      </c>
      <c r="C2050" s="83">
        <v>43186.333333333336</v>
      </c>
      <c r="D2050">
        <v>302064.15000000002</v>
      </c>
      <c r="E2050">
        <v>33162.228439999999</v>
      </c>
      <c r="F2050">
        <v>86175.316269999996</v>
      </c>
      <c r="G2050">
        <v>84589.073690000005</v>
      </c>
      <c r="H2050">
        <v>54918.985330000003</v>
      </c>
      <c r="I2050">
        <v>52981.038419999997</v>
      </c>
      <c r="J2050">
        <v>44440.27562</v>
      </c>
      <c r="K2050">
        <v>60135.797129999999</v>
      </c>
      <c r="L2050">
        <v>26344.951260000002</v>
      </c>
      <c r="M2050">
        <v>344471.9301</v>
      </c>
      <c r="N2050">
        <v>97079.708060000004</v>
      </c>
      <c r="O2050">
        <v>29561.85787</v>
      </c>
      <c r="P2050">
        <v>38258.50604</v>
      </c>
      <c r="Q2050">
        <v>95739.243650000004</v>
      </c>
      <c r="R2050">
        <v>22146.51556</v>
      </c>
      <c r="S2050">
        <v>115395.48</v>
      </c>
      <c r="T2050">
        <v>35070.386709999999</v>
      </c>
      <c r="U2050">
        <v>29869.674869999999</v>
      </c>
      <c r="W2050" s="83">
        <f>Bühler!N2082</f>
        <v>45377.333333328366</v>
      </c>
      <c r="X2050" s="83">
        <v>43186.333333333336</v>
      </c>
      <c r="Y2050">
        <v>302064.15000000002</v>
      </c>
      <c r="Z2050">
        <v>33162.228439999999</v>
      </c>
      <c r="AA2050">
        <v>86175.316269999996</v>
      </c>
      <c r="AB2050">
        <v>84589.073690000005</v>
      </c>
      <c r="AC2050">
        <v>54918.985330000003</v>
      </c>
      <c r="AD2050">
        <v>52981.038419999997</v>
      </c>
      <c r="AE2050">
        <v>44440.27562</v>
      </c>
      <c r="AF2050">
        <v>60135.797129999999</v>
      </c>
      <c r="AG2050">
        <v>26344.951260000002</v>
      </c>
      <c r="AH2050">
        <v>344471.9301</v>
      </c>
      <c r="AI2050">
        <v>97079.708060000004</v>
      </c>
      <c r="AJ2050">
        <v>29561.85787</v>
      </c>
      <c r="AK2050">
        <v>38258.50604</v>
      </c>
      <c r="AL2050">
        <v>95739.243650000004</v>
      </c>
      <c r="AM2050">
        <v>22146.51556</v>
      </c>
      <c r="AN2050">
        <v>115395.48</v>
      </c>
      <c r="AO2050">
        <v>35070.386709999999</v>
      </c>
      <c r="AP2050">
        <v>29869.674869999999</v>
      </c>
    </row>
    <row r="2051" spans="2:42" x14ac:dyDescent="0.3">
      <c r="B2051">
        <v>67.59441406213395</v>
      </c>
      <c r="C2051" s="83">
        <v>43186.375</v>
      </c>
      <c r="D2051">
        <v>304496.92540000001</v>
      </c>
      <c r="E2051">
        <v>37395.5766</v>
      </c>
      <c r="F2051">
        <v>93842.145709999997</v>
      </c>
      <c r="G2051">
        <v>94254.675749999995</v>
      </c>
      <c r="H2051">
        <v>57150.064539999999</v>
      </c>
      <c r="I2051">
        <v>48728.356330000002</v>
      </c>
      <c r="J2051">
        <v>44184.313090000003</v>
      </c>
      <c r="K2051">
        <v>62277.589720000004</v>
      </c>
      <c r="L2051">
        <v>29436.670569999998</v>
      </c>
      <c r="M2051">
        <v>344627.84499999997</v>
      </c>
      <c r="N2051">
        <v>105100.2074</v>
      </c>
      <c r="O2051">
        <v>29499.961500000001</v>
      </c>
      <c r="P2051">
        <v>39129.30111</v>
      </c>
      <c r="Q2051">
        <v>96441.108200000002</v>
      </c>
      <c r="R2051">
        <v>22560.684219999999</v>
      </c>
      <c r="S2051">
        <v>122135.3558</v>
      </c>
      <c r="T2051">
        <v>37659.894899999999</v>
      </c>
      <c r="U2051">
        <v>29179.717649999999</v>
      </c>
      <c r="W2051" s="83">
        <f>Bühler!N2083</f>
        <v>45377.374999995031</v>
      </c>
      <c r="X2051" s="83">
        <v>43186.375</v>
      </c>
      <c r="Y2051">
        <v>304496.92540000001</v>
      </c>
      <c r="Z2051">
        <v>37395.5766</v>
      </c>
      <c r="AA2051">
        <v>93842.145709999997</v>
      </c>
      <c r="AB2051">
        <v>94254.675749999995</v>
      </c>
      <c r="AC2051">
        <v>57150.064539999999</v>
      </c>
      <c r="AD2051">
        <v>48728.356330000002</v>
      </c>
      <c r="AE2051">
        <v>44184.313090000003</v>
      </c>
      <c r="AF2051">
        <v>62277.589720000004</v>
      </c>
      <c r="AG2051">
        <v>29436.670569999998</v>
      </c>
      <c r="AH2051">
        <v>344627.84499999997</v>
      </c>
      <c r="AI2051">
        <v>105100.2074</v>
      </c>
      <c r="AJ2051">
        <v>29499.961500000001</v>
      </c>
      <c r="AK2051">
        <v>39129.30111</v>
      </c>
      <c r="AL2051">
        <v>96441.108200000002</v>
      </c>
      <c r="AM2051">
        <v>22560.684219999999</v>
      </c>
      <c r="AN2051">
        <v>122135.3558</v>
      </c>
      <c r="AO2051">
        <v>37659.894899999999</v>
      </c>
      <c r="AP2051">
        <v>29179.717649999999</v>
      </c>
    </row>
    <row r="2052" spans="2:42" x14ac:dyDescent="0.3">
      <c r="B2052">
        <v>68.241529876717223</v>
      </c>
      <c r="C2052" s="83">
        <v>43186.416666666664</v>
      </c>
      <c r="D2052">
        <v>307501.8702</v>
      </c>
      <c r="E2052">
        <v>39167.555260000001</v>
      </c>
      <c r="F2052">
        <v>95035.663360000006</v>
      </c>
      <c r="G2052">
        <v>95528.610520000002</v>
      </c>
      <c r="H2052">
        <v>57650.241719999998</v>
      </c>
      <c r="I2052">
        <v>45544.079409999998</v>
      </c>
      <c r="J2052">
        <v>42749.984089999998</v>
      </c>
      <c r="K2052">
        <v>62795.440029999998</v>
      </c>
      <c r="L2052">
        <v>32294.64301</v>
      </c>
      <c r="M2052">
        <v>347927.14319999999</v>
      </c>
      <c r="N2052">
        <v>106802.60189999999</v>
      </c>
      <c r="O2052">
        <v>29989.519899999999</v>
      </c>
      <c r="P2052">
        <v>39181.671419999999</v>
      </c>
      <c r="Q2052">
        <v>96243.127670000002</v>
      </c>
      <c r="R2052">
        <v>25060.1963</v>
      </c>
      <c r="S2052">
        <v>123397.26210000001</v>
      </c>
      <c r="T2052">
        <v>38880.802089999997</v>
      </c>
      <c r="U2052">
        <v>27942.814259999999</v>
      </c>
      <c r="W2052" s="83">
        <f>Bühler!N2084</f>
        <v>45377.416666661695</v>
      </c>
      <c r="X2052" s="83">
        <v>43186.416666666664</v>
      </c>
      <c r="Y2052">
        <v>307501.8702</v>
      </c>
      <c r="Z2052">
        <v>39167.555260000001</v>
      </c>
      <c r="AA2052">
        <v>95035.663360000006</v>
      </c>
      <c r="AB2052">
        <v>95528.610520000002</v>
      </c>
      <c r="AC2052">
        <v>57650.241719999998</v>
      </c>
      <c r="AD2052">
        <v>45544.079409999998</v>
      </c>
      <c r="AE2052">
        <v>42749.984089999998</v>
      </c>
      <c r="AF2052">
        <v>62795.440029999998</v>
      </c>
      <c r="AG2052">
        <v>32294.64301</v>
      </c>
      <c r="AH2052">
        <v>347927.14319999999</v>
      </c>
      <c r="AI2052">
        <v>106802.60189999999</v>
      </c>
      <c r="AJ2052">
        <v>29989.519899999999</v>
      </c>
      <c r="AK2052">
        <v>39181.671419999999</v>
      </c>
      <c r="AL2052">
        <v>96243.127670000002</v>
      </c>
      <c r="AM2052">
        <v>25060.1963</v>
      </c>
      <c r="AN2052">
        <v>123397.26210000001</v>
      </c>
      <c r="AO2052">
        <v>38880.802089999997</v>
      </c>
      <c r="AP2052">
        <v>27942.814259999999</v>
      </c>
    </row>
    <row r="2053" spans="2:42" x14ac:dyDescent="0.3">
      <c r="B2053">
        <v>68.483646744262643</v>
      </c>
      <c r="C2053" s="83">
        <v>43186.458333333336</v>
      </c>
      <c r="D2053">
        <v>303767.52039999998</v>
      </c>
      <c r="E2053">
        <v>38780.870730000002</v>
      </c>
      <c r="F2053">
        <v>95803.338799999998</v>
      </c>
      <c r="G2053">
        <v>94044.022580000004</v>
      </c>
      <c r="H2053">
        <v>56424.331769999997</v>
      </c>
      <c r="I2053">
        <v>44155.311659999999</v>
      </c>
      <c r="J2053">
        <v>42686.393620000003</v>
      </c>
      <c r="K2053">
        <v>63290.889510000001</v>
      </c>
      <c r="L2053">
        <v>33233.558389999998</v>
      </c>
      <c r="M2053">
        <v>349161.56790000002</v>
      </c>
      <c r="N2053">
        <v>104002.55469999999</v>
      </c>
      <c r="O2053">
        <v>29542.822370000002</v>
      </c>
      <c r="P2053">
        <v>37662.103000000003</v>
      </c>
      <c r="Q2053">
        <v>96258.597529999999</v>
      </c>
      <c r="R2053">
        <v>27181.184130000001</v>
      </c>
      <c r="S2053">
        <v>125029.618</v>
      </c>
      <c r="T2053">
        <v>39373.727120000003</v>
      </c>
      <c r="U2053">
        <v>28173.636930000001</v>
      </c>
      <c r="W2053" s="83">
        <f>Bühler!N2085</f>
        <v>45377.458333328359</v>
      </c>
      <c r="X2053" s="83">
        <v>43186.458333333336</v>
      </c>
      <c r="Y2053">
        <v>303767.52039999998</v>
      </c>
      <c r="Z2053">
        <v>38780.870730000002</v>
      </c>
      <c r="AA2053">
        <v>95803.338799999998</v>
      </c>
      <c r="AB2053">
        <v>94044.022580000004</v>
      </c>
      <c r="AC2053">
        <v>56424.331769999997</v>
      </c>
      <c r="AD2053">
        <v>44155.311659999999</v>
      </c>
      <c r="AE2053">
        <v>42686.393620000003</v>
      </c>
      <c r="AF2053">
        <v>63290.889510000001</v>
      </c>
      <c r="AG2053">
        <v>33233.558389999998</v>
      </c>
      <c r="AH2053">
        <v>349161.56790000002</v>
      </c>
      <c r="AI2053">
        <v>104002.55469999999</v>
      </c>
      <c r="AJ2053">
        <v>29542.822370000002</v>
      </c>
      <c r="AK2053">
        <v>37662.103000000003</v>
      </c>
      <c r="AL2053">
        <v>96258.597529999999</v>
      </c>
      <c r="AM2053">
        <v>27181.184130000001</v>
      </c>
      <c r="AN2053">
        <v>125029.618</v>
      </c>
      <c r="AO2053">
        <v>39373.727120000003</v>
      </c>
      <c r="AP2053">
        <v>28173.636930000001</v>
      </c>
    </row>
    <row r="2054" spans="2:42" x14ac:dyDescent="0.3">
      <c r="B2054">
        <v>67.422794629678435</v>
      </c>
      <c r="C2054" s="83">
        <v>43186.5</v>
      </c>
      <c r="D2054">
        <v>292363.77980000002</v>
      </c>
      <c r="E2054">
        <v>34495.039270000001</v>
      </c>
      <c r="F2054">
        <v>88519.737210000007</v>
      </c>
      <c r="G2054">
        <v>93559.403720000002</v>
      </c>
      <c r="H2054">
        <v>53797.952299999997</v>
      </c>
      <c r="I2054">
        <v>42365.194289999999</v>
      </c>
      <c r="J2054">
        <v>42655.430480000003</v>
      </c>
      <c r="K2054">
        <v>59412.652999999998</v>
      </c>
      <c r="L2054">
        <v>35136.906889999998</v>
      </c>
      <c r="M2054">
        <v>343752.84909999999</v>
      </c>
      <c r="N2054">
        <v>102613.1583</v>
      </c>
      <c r="O2054">
        <v>27770.440149999999</v>
      </c>
      <c r="P2054">
        <v>39131.74295</v>
      </c>
      <c r="Q2054">
        <v>95734.237139999997</v>
      </c>
      <c r="R2054">
        <v>26028.987509999999</v>
      </c>
      <c r="S2054">
        <v>118787.5048</v>
      </c>
      <c r="T2054">
        <v>39934.379659999999</v>
      </c>
      <c r="U2054">
        <v>24366.374039999999</v>
      </c>
      <c r="W2054" s="83">
        <f>Bühler!N2086</f>
        <v>45377.499999995023</v>
      </c>
      <c r="X2054" s="83">
        <v>43186.5</v>
      </c>
      <c r="Y2054">
        <v>292363.77980000002</v>
      </c>
      <c r="Z2054">
        <v>34495.039270000001</v>
      </c>
      <c r="AA2054">
        <v>88519.737210000007</v>
      </c>
      <c r="AB2054">
        <v>93559.403720000002</v>
      </c>
      <c r="AC2054">
        <v>53797.952299999997</v>
      </c>
      <c r="AD2054">
        <v>42365.194289999999</v>
      </c>
      <c r="AE2054">
        <v>42655.430480000003</v>
      </c>
      <c r="AF2054">
        <v>59412.652999999998</v>
      </c>
      <c r="AG2054">
        <v>35136.906889999998</v>
      </c>
      <c r="AH2054">
        <v>343752.84909999999</v>
      </c>
      <c r="AI2054">
        <v>102613.1583</v>
      </c>
      <c r="AJ2054">
        <v>27770.440149999999</v>
      </c>
      <c r="AK2054">
        <v>39131.74295</v>
      </c>
      <c r="AL2054">
        <v>95734.237139999997</v>
      </c>
      <c r="AM2054">
        <v>26028.987509999999</v>
      </c>
      <c r="AN2054">
        <v>118787.5048</v>
      </c>
      <c r="AO2054">
        <v>39934.379659999999</v>
      </c>
      <c r="AP2054">
        <v>24366.374039999999</v>
      </c>
    </row>
    <row r="2055" spans="2:42" x14ac:dyDescent="0.3">
      <c r="B2055">
        <v>66.484311627324303</v>
      </c>
      <c r="C2055" s="83">
        <v>43186.541666666664</v>
      </c>
      <c r="D2055">
        <v>294158.56040000002</v>
      </c>
      <c r="E2055">
        <v>34340.023229999999</v>
      </c>
      <c r="F2055">
        <v>85256.724759999997</v>
      </c>
      <c r="G2055">
        <v>90392.418030000001</v>
      </c>
      <c r="H2055">
        <v>53772.810709999998</v>
      </c>
      <c r="I2055">
        <v>41999.981249999997</v>
      </c>
      <c r="J2055">
        <v>41286.198629999999</v>
      </c>
      <c r="K2055">
        <v>62249.861640000003</v>
      </c>
      <c r="L2055">
        <v>33646.618340000001</v>
      </c>
      <c r="M2055">
        <v>338968.02510000003</v>
      </c>
      <c r="N2055">
        <v>102516.9163</v>
      </c>
      <c r="O2055">
        <v>28875.398300000001</v>
      </c>
      <c r="P2055">
        <v>37398.470690000002</v>
      </c>
      <c r="Q2055">
        <v>93925.367910000001</v>
      </c>
      <c r="R2055">
        <v>25574.716280000001</v>
      </c>
      <c r="S2055">
        <v>117658.2994</v>
      </c>
      <c r="T2055">
        <v>38195.009299999998</v>
      </c>
      <c r="U2055">
        <v>26146.777819999999</v>
      </c>
      <c r="W2055" s="83">
        <f>Bühler!N2087</f>
        <v>45377.541666661687</v>
      </c>
      <c r="X2055" s="83">
        <v>43186.541666666664</v>
      </c>
      <c r="Y2055">
        <v>294158.56040000002</v>
      </c>
      <c r="Z2055">
        <v>34340.023229999999</v>
      </c>
      <c r="AA2055">
        <v>85256.724759999997</v>
      </c>
      <c r="AB2055">
        <v>90392.418030000001</v>
      </c>
      <c r="AC2055">
        <v>53772.810709999998</v>
      </c>
      <c r="AD2055">
        <v>41999.981249999997</v>
      </c>
      <c r="AE2055">
        <v>41286.198629999999</v>
      </c>
      <c r="AF2055">
        <v>62249.861640000003</v>
      </c>
      <c r="AG2055">
        <v>33646.618340000001</v>
      </c>
      <c r="AH2055">
        <v>338968.02510000003</v>
      </c>
      <c r="AI2055">
        <v>102516.9163</v>
      </c>
      <c r="AJ2055">
        <v>28875.398300000001</v>
      </c>
      <c r="AK2055">
        <v>37398.470690000002</v>
      </c>
      <c r="AL2055">
        <v>93925.367910000001</v>
      </c>
      <c r="AM2055">
        <v>25574.716280000001</v>
      </c>
      <c r="AN2055">
        <v>117658.2994</v>
      </c>
      <c r="AO2055">
        <v>38195.009299999998</v>
      </c>
      <c r="AP2055">
        <v>26146.777819999999</v>
      </c>
    </row>
    <row r="2056" spans="2:42" x14ac:dyDescent="0.3">
      <c r="B2056">
        <v>67.00714287131315</v>
      </c>
      <c r="C2056" s="83">
        <v>43186.583333333336</v>
      </c>
      <c r="D2056">
        <v>295959.28889999999</v>
      </c>
      <c r="E2056">
        <v>37196.030879999998</v>
      </c>
      <c r="F2056">
        <v>91757.885670000003</v>
      </c>
      <c r="G2056">
        <v>85091.636429999999</v>
      </c>
      <c r="H2056">
        <v>53824.484640000002</v>
      </c>
      <c r="I2056">
        <v>41902.200709999997</v>
      </c>
      <c r="J2056">
        <v>41025.96817</v>
      </c>
      <c r="K2056">
        <v>64845.717989999997</v>
      </c>
      <c r="L2056">
        <v>30150.662909999999</v>
      </c>
      <c r="M2056">
        <v>341633.66259999998</v>
      </c>
      <c r="N2056">
        <v>104463.47040000001</v>
      </c>
      <c r="O2056">
        <v>28305.882580000001</v>
      </c>
      <c r="P2056">
        <v>34801.231469999999</v>
      </c>
      <c r="Q2056">
        <v>93268.948510000002</v>
      </c>
      <c r="R2056">
        <v>25313.07029</v>
      </c>
      <c r="S2056">
        <v>112275.48579999999</v>
      </c>
      <c r="T2056">
        <v>37054.827250000002</v>
      </c>
      <c r="U2056">
        <v>25536.694889999999</v>
      </c>
      <c r="W2056" s="83">
        <f>Bühler!N2088</f>
        <v>45377.583333328352</v>
      </c>
      <c r="X2056" s="83">
        <v>43186.583333333336</v>
      </c>
      <c r="Y2056">
        <v>295959.28889999999</v>
      </c>
      <c r="Z2056">
        <v>37196.030879999998</v>
      </c>
      <c r="AA2056">
        <v>91757.885670000003</v>
      </c>
      <c r="AB2056">
        <v>85091.636429999999</v>
      </c>
      <c r="AC2056">
        <v>53824.484640000002</v>
      </c>
      <c r="AD2056">
        <v>41902.200709999997</v>
      </c>
      <c r="AE2056">
        <v>41025.96817</v>
      </c>
      <c r="AF2056">
        <v>64845.717989999997</v>
      </c>
      <c r="AG2056">
        <v>30150.662909999999</v>
      </c>
      <c r="AH2056">
        <v>341633.66259999998</v>
      </c>
      <c r="AI2056">
        <v>104463.47040000001</v>
      </c>
      <c r="AJ2056">
        <v>28305.882580000001</v>
      </c>
      <c r="AK2056">
        <v>34801.231469999999</v>
      </c>
      <c r="AL2056">
        <v>93268.948510000002</v>
      </c>
      <c r="AM2056">
        <v>25313.07029</v>
      </c>
      <c r="AN2056">
        <v>112275.48579999999</v>
      </c>
      <c r="AO2056">
        <v>37054.827250000002</v>
      </c>
      <c r="AP2056">
        <v>25536.694889999999</v>
      </c>
    </row>
    <row r="2057" spans="2:42" x14ac:dyDescent="0.3">
      <c r="B2057">
        <v>66.357545369267143</v>
      </c>
      <c r="C2057" s="83">
        <v>43186.625</v>
      </c>
      <c r="D2057">
        <v>293641.10749999998</v>
      </c>
      <c r="E2057">
        <v>36840.179989999997</v>
      </c>
      <c r="F2057">
        <v>92820.527530000007</v>
      </c>
      <c r="G2057">
        <v>81989.339810000005</v>
      </c>
      <c r="H2057">
        <v>52889.47251</v>
      </c>
      <c r="I2057">
        <v>42448.58685</v>
      </c>
      <c r="J2057">
        <v>41152.648370000003</v>
      </c>
      <c r="K2057">
        <v>63413.278299999998</v>
      </c>
      <c r="L2057">
        <v>27639.198779999999</v>
      </c>
      <c r="M2057">
        <v>338321.71159999998</v>
      </c>
      <c r="N2057">
        <v>102758.4422</v>
      </c>
      <c r="O2057">
        <v>27189.177459999999</v>
      </c>
      <c r="P2057">
        <v>32183.989320000001</v>
      </c>
      <c r="Q2057">
        <v>92780.703980000006</v>
      </c>
      <c r="R2057">
        <v>25071.370330000002</v>
      </c>
      <c r="S2057">
        <v>109872.35520000001</v>
      </c>
      <c r="T2057">
        <v>36145.202720000001</v>
      </c>
      <c r="U2057">
        <v>25657.487779999999</v>
      </c>
      <c r="W2057" s="83">
        <f>Bühler!N2089</f>
        <v>45377.624999995016</v>
      </c>
      <c r="X2057" s="83">
        <v>43186.625</v>
      </c>
      <c r="Y2057">
        <v>293641.10749999998</v>
      </c>
      <c r="Z2057">
        <v>36840.179989999997</v>
      </c>
      <c r="AA2057">
        <v>92820.527530000007</v>
      </c>
      <c r="AB2057">
        <v>81989.339810000005</v>
      </c>
      <c r="AC2057">
        <v>52889.47251</v>
      </c>
      <c r="AD2057">
        <v>42448.58685</v>
      </c>
      <c r="AE2057">
        <v>41152.648370000003</v>
      </c>
      <c r="AF2057">
        <v>63413.278299999998</v>
      </c>
      <c r="AG2057">
        <v>27639.198779999999</v>
      </c>
      <c r="AH2057">
        <v>338321.71159999998</v>
      </c>
      <c r="AI2057">
        <v>102758.4422</v>
      </c>
      <c r="AJ2057">
        <v>27189.177459999999</v>
      </c>
      <c r="AK2057">
        <v>32183.989320000001</v>
      </c>
      <c r="AL2057">
        <v>92780.703980000006</v>
      </c>
      <c r="AM2057">
        <v>25071.370330000002</v>
      </c>
      <c r="AN2057">
        <v>109872.35520000001</v>
      </c>
      <c r="AO2057">
        <v>36145.202720000001</v>
      </c>
      <c r="AP2057">
        <v>25657.487779999999</v>
      </c>
    </row>
    <row r="2058" spans="2:42" x14ac:dyDescent="0.3">
      <c r="B2058">
        <v>65.56835369276456</v>
      </c>
      <c r="C2058" s="83">
        <v>43186.666666666664</v>
      </c>
      <c r="D2058">
        <v>285358.37790000002</v>
      </c>
      <c r="E2058">
        <v>36043.786540000001</v>
      </c>
      <c r="F2058">
        <v>92219.747130000003</v>
      </c>
      <c r="G2058">
        <v>77833.319759999998</v>
      </c>
      <c r="H2058">
        <v>51047.913289999997</v>
      </c>
      <c r="I2058">
        <v>44813.310570000001</v>
      </c>
      <c r="J2058">
        <v>40986.543799999999</v>
      </c>
      <c r="K2058">
        <v>59487.361060000003</v>
      </c>
      <c r="L2058">
        <v>26491.47955</v>
      </c>
      <c r="M2058">
        <v>334298.04440000001</v>
      </c>
      <c r="N2058">
        <v>99144.381640000007</v>
      </c>
      <c r="O2058">
        <v>26319.536690000001</v>
      </c>
      <c r="P2058">
        <v>34043.44846</v>
      </c>
      <c r="Q2058">
        <v>91349.282130000007</v>
      </c>
      <c r="R2058">
        <v>24602.922719999999</v>
      </c>
      <c r="S2058">
        <v>106546.97100000001</v>
      </c>
      <c r="T2058">
        <v>35691.312189999997</v>
      </c>
      <c r="U2058">
        <v>24079.941490000001</v>
      </c>
      <c r="W2058" s="83">
        <f>Bühler!N2090</f>
        <v>45377.66666666168</v>
      </c>
      <c r="X2058" s="83">
        <v>43186.666666666664</v>
      </c>
      <c r="Y2058">
        <v>285358.37790000002</v>
      </c>
      <c r="Z2058">
        <v>36043.786540000001</v>
      </c>
      <c r="AA2058">
        <v>92219.747130000003</v>
      </c>
      <c r="AB2058">
        <v>77833.319759999998</v>
      </c>
      <c r="AC2058">
        <v>51047.913289999997</v>
      </c>
      <c r="AD2058">
        <v>44813.310570000001</v>
      </c>
      <c r="AE2058">
        <v>40986.543799999999</v>
      </c>
      <c r="AF2058">
        <v>59487.361060000003</v>
      </c>
      <c r="AG2058">
        <v>26491.47955</v>
      </c>
      <c r="AH2058">
        <v>334298.04440000001</v>
      </c>
      <c r="AI2058">
        <v>99144.381640000007</v>
      </c>
      <c r="AJ2058">
        <v>26319.536690000001</v>
      </c>
      <c r="AK2058">
        <v>34043.44846</v>
      </c>
      <c r="AL2058">
        <v>91349.282130000007</v>
      </c>
      <c r="AM2058">
        <v>24602.922719999999</v>
      </c>
      <c r="AN2058">
        <v>106546.97100000001</v>
      </c>
      <c r="AO2058">
        <v>35691.312189999997</v>
      </c>
      <c r="AP2058">
        <v>24079.941490000001</v>
      </c>
    </row>
    <row r="2059" spans="2:42" x14ac:dyDescent="0.3">
      <c r="B2059">
        <v>64.308094201174882</v>
      </c>
      <c r="C2059" s="83">
        <v>43186.708333333336</v>
      </c>
      <c r="D2059">
        <v>274700.50030000001</v>
      </c>
      <c r="E2059">
        <v>34018.287109999997</v>
      </c>
      <c r="F2059">
        <v>91334.180479999995</v>
      </c>
      <c r="G2059">
        <v>69580.129549999998</v>
      </c>
      <c r="H2059">
        <v>48836.015579999999</v>
      </c>
      <c r="I2059">
        <v>44655.081109999999</v>
      </c>
      <c r="J2059">
        <v>40622.528140000002</v>
      </c>
      <c r="K2059">
        <v>54287.439769999997</v>
      </c>
      <c r="L2059">
        <v>26793.791560000001</v>
      </c>
      <c r="M2059">
        <v>327872.65379999997</v>
      </c>
      <c r="N2059">
        <v>90598.59276</v>
      </c>
      <c r="O2059">
        <v>25128.629499999999</v>
      </c>
      <c r="P2059">
        <v>34250.711940000001</v>
      </c>
      <c r="Q2059">
        <v>89593.748900000006</v>
      </c>
      <c r="R2059">
        <v>25272.90566</v>
      </c>
      <c r="S2059">
        <v>104266.5944</v>
      </c>
      <c r="T2059">
        <v>35582.156470000002</v>
      </c>
      <c r="U2059">
        <v>21243.227180000002</v>
      </c>
      <c r="W2059" s="83">
        <f>Bühler!N2091</f>
        <v>45377.708333328344</v>
      </c>
      <c r="X2059" s="83">
        <v>43186.708333333336</v>
      </c>
      <c r="Y2059">
        <v>274700.50030000001</v>
      </c>
      <c r="Z2059">
        <v>34018.287109999997</v>
      </c>
      <c r="AA2059">
        <v>91334.180479999995</v>
      </c>
      <c r="AB2059">
        <v>69580.129549999998</v>
      </c>
      <c r="AC2059">
        <v>48836.015579999999</v>
      </c>
      <c r="AD2059">
        <v>44655.081109999999</v>
      </c>
      <c r="AE2059">
        <v>40622.528140000002</v>
      </c>
      <c r="AF2059">
        <v>54287.439769999997</v>
      </c>
      <c r="AG2059">
        <v>26793.791560000001</v>
      </c>
      <c r="AH2059">
        <v>327872.65379999997</v>
      </c>
      <c r="AI2059">
        <v>90598.59276</v>
      </c>
      <c r="AJ2059">
        <v>25128.629499999999</v>
      </c>
      <c r="AK2059">
        <v>34250.711940000001</v>
      </c>
      <c r="AL2059">
        <v>89593.748900000006</v>
      </c>
      <c r="AM2059">
        <v>25272.90566</v>
      </c>
      <c r="AN2059">
        <v>104266.5944</v>
      </c>
      <c r="AO2059">
        <v>35582.156470000002</v>
      </c>
      <c r="AP2059">
        <v>21243.227180000002</v>
      </c>
    </row>
    <row r="2060" spans="2:42" x14ac:dyDescent="0.3">
      <c r="B2060">
        <v>63.028797102295101</v>
      </c>
      <c r="C2060" s="83">
        <v>43186.75</v>
      </c>
      <c r="D2060">
        <v>269192.9485</v>
      </c>
      <c r="E2060">
        <v>30951.397280000001</v>
      </c>
      <c r="F2060">
        <v>89155.428769999999</v>
      </c>
      <c r="G2060">
        <v>60644.226159999998</v>
      </c>
      <c r="H2060">
        <v>46719.966099999998</v>
      </c>
      <c r="I2060">
        <v>43275.674220000001</v>
      </c>
      <c r="J2060">
        <v>41518.458579999999</v>
      </c>
      <c r="K2060">
        <v>52150.517509999998</v>
      </c>
      <c r="L2060">
        <v>28125.359530000002</v>
      </c>
      <c r="M2060">
        <v>321350.20059999998</v>
      </c>
      <c r="N2060">
        <v>88117.141489999995</v>
      </c>
      <c r="O2060">
        <v>24059.033220000001</v>
      </c>
      <c r="P2060">
        <v>37771.331259999999</v>
      </c>
      <c r="Q2060">
        <v>88534.123680000004</v>
      </c>
      <c r="R2060">
        <v>23204.493170000002</v>
      </c>
      <c r="S2060">
        <v>97581.867589999994</v>
      </c>
      <c r="T2060">
        <v>36364.459089999997</v>
      </c>
      <c r="U2060">
        <v>19286.23633</v>
      </c>
      <c r="W2060" s="83">
        <f>Bühler!N2092</f>
        <v>45377.749999995009</v>
      </c>
      <c r="X2060" s="83">
        <v>43186.75</v>
      </c>
      <c r="Y2060">
        <v>269192.9485</v>
      </c>
      <c r="Z2060">
        <v>30951.397280000001</v>
      </c>
      <c r="AA2060">
        <v>89155.428769999999</v>
      </c>
      <c r="AB2060">
        <v>60644.226159999998</v>
      </c>
      <c r="AC2060">
        <v>46719.966099999998</v>
      </c>
      <c r="AD2060">
        <v>43275.674220000001</v>
      </c>
      <c r="AE2060">
        <v>41518.458579999999</v>
      </c>
      <c r="AF2060">
        <v>52150.517509999998</v>
      </c>
      <c r="AG2060">
        <v>28125.359530000002</v>
      </c>
      <c r="AH2060">
        <v>321350.20059999998</v>
      </c>
      <c r="AI2060">
        <v>88117.141489999995</v>
      </c>
      <c r="AJ2060">
        <v>24059.033220000001</v>
      </c>
      <c r="AK2060">
        <v>37771.331259999999</v>
      </c>
      <c r="AL2060">
        <v>88534.123680000004</v>
      </c>
      <c r="AM2060">
        <v>23204.493170000002</v>
      </c>
      <c r="AN2060">
        <v>97581.867589999994</v>
      </c>
      <c r="AO2060">
        <v>36364.459089999997</v>
      </c>
      <c r="AP2060">
        <v>19286.23633</v>
      </c>
    </row>
    <row r="2061" spans="2:42" x14ac:dyDescent="0.3">
      <c r="B2061">
        <v>62.016118709674856</v>
      </c>
      <c r="C2061" s="83">
        <v>43186.791666666664</v>
      </c>
      <c r="D2061">
        <v>265622.36680000002</v>
      </c>
      <c r="E2061">
        <v>26157.81582</v>
      </c>
      <c r="F2061">
        <v>78544.533439999999</v>
      </c>
      <c r="G2061">
        <v>57215.769619999999</v>
      </c>
      <c r="H2061">
        <v>46417.762280000003</v>
      </c>
      <c r="I2061">
        <v>40867.618459999998</v>
      </c>
      <c r="J2061">
        <v>43709.337169999999</v>
      </c>
      <c r="K2061">
        <v>52818.358339999999</v>
      </c>
      <c r="L2061">
        <v>30323.870739999998</v>
      </c>
      <c r="M2061">
        <v>316187.09389999998</v>
      </c>
      <c r="N2061">
        <v>86602.345549999998</v>
      </c>
      <c r="O2061">
        <v>23807.66473</v>
      </c>
      <c r="P2061">
        <v>41022.285000000003</v>
      </c>
      <c r="Q2061">
        <v>86884.479479999995</v>
      </c>
      <c r="R2061">
        <v>22933.508620000001</v>
      </c>
      <c r="S2061">
        <v>96724.497040000002</v>
      </c>
      <c r="T2061">
        <v>38070.01266</v>
      </c>
      <c r="U2061">
        <v>19060.28283</v>
      </c>
      <c r="W2061" s="83">
        <f>Bühler!N2093</f>
        <v>45377.791666661673</v>
      </c>
      <c r="X2061" s="83">
        <v>43186.791666666664</v>
      </c>
      <c r="Y2061">
        <v>265622.36680000002</v>
      </c>
      <c r="Z2061">
        <v>26157.81582</v>
      </c>
      <c r="AA2061">
        <v>78544.533439999999</v>
      </c>
      <c r="AB2061">
        <v>57215.769619999999</v>
      </c>
      <c r="AC2061">
        <v>46417.762280000003</v>
      </c>
      <c r="AD2061">
        <v>40867.618459999998</v>
      </c>
      <c r="AE2061">
        <v>43709.337169999999</v>
      </c>
      <c r="AF2061">
        <v>52818.358339999999</v>
      </c>
      <c r="AG2061">
        <v>30323.870739999998</v>
      </c>
      <c r="AH2061">
        <v>316187.09389999998</v>
      </c>
      <c r="AI2061">
        <v>86602.345549999998</v>
      </c>
      <c r="AJ2061">
        <v>23807.66473</v>
      </c>
      <c r="AK2061">
        <v>41022.285000000003</v>
      </c>
      <c r="AL2061">
        <v>86884.479479999995</v>
      </c>
      <c r="AM2061">
        <v>22933.508620000001</v>
      </c>
      <c r="AN2061">
        <v>96724.497040000002</v>
      </c>
      <c r="AO2061">
        <v>38070.01266</v>
      </c>
      <c r="AP2061">
        <v>19060.28283</v>
      </c>
    </row>
    <row r="2062" spans="2:42" x14ac:dyDescent="0.3">
      <c r="B2062">
        <v>60.816040197897706</v>
      </c>
      <c r="C2062" s="83">
        <v>43186.833333333336</v>
      </c>
      <c r="D2062">
        <v>257967.31039999999</v>
      </c>
      <c r="E2062">
        <v>20295.66359</v>
      </c>
      <c r="F2062">
        <v>60619.872150000003</v>
      </c>
      <c r="G2062">
        <v>50912.566449999998</v>
      </c>
      <c r="H2062">
        <v>44032.233590000003</v>
      </c>
      <c r="I2062">
        <v>36212.902750000001</v>
      </c>
      <c r="J2062">
        <v>42623.326719999997</v>
      </c>
      <c r="K2062">
        <v>50528.681519999998</v>
      </c>
      <c r="L2062">
        <v>29274.84605</v>
      </c>
      <c r="M2062">
        <v>310068.53399999999</v>
      </c>
      <c r="N2062">
        <v>83833.214300000007</v>
      </c>
      <c r="O2062">
        <v>23457.027750000001</v>
      </c>
      <c r="P2062">
        <v>42032.787660000002</v>
      </c>
      <c r="Q2062">
        <v>84613.942479999998</v>
      </c>
      <c r="R2062">
        <v>21727.509770000001</v>
      </c>
      <c r="S2062">
        <v>88686.541410000005</v>
      </c>
      <c r="T2062">
        <v>37043.354379999997</v>
      </c>
      <c r="U2062">
        <v>18472.225859999999</v>
      </c>
      <c r="W2062" s="83">
        <f>Bühler!N2094</f>
        <v>45377.833333328337</v>
      </c>
      <c r="X2062" s="83">
        <v>43186.833333333336</v>
      </c>
      <c r="Y2062">
        <v>257967.31039999999</v>
      </c>
      <c r="Z2062">
        <v>20295.66359</v>
      </c>
      <c r="AA2062">
        <v>60619.872150000003</v>
      </c>
      <c r="AB2062">
        <v>50912.566449999998</v>
      </c>
      <c r="AC2062">
        <v>44032.233590000003</v>
      </c>
      <c r="AD2062">
        <v>36212.902750000001</v>
      </c>
      <c r="AE2062">
        <v>42623.326719999997</v>
      </c>
      <c r="AF2062">
        <v>50528.681519999998</v>
      </c>
      <c r="AG2062">
        <v>29274.84605</v>
      </c>
      <c r="AH2062">
        <v>310068.53399999999</v>
      </c>
      <c r="AI2062">
        <v>83833.214300000007</v>
      </c>
      <c r="AJ2062">
        <v>23457.027750000001</v>
      </c>
      <c r="AK2062">
        <v>42032.787660000002</v>
      </c>
      <c r="AL2062">
        <v>84613.942479999998</v>
      </c>
      <c r="AM2062">
        <v>21727.509770000001</v>
      </c>
      <c r="AN2062">
        <v>88686.541410000005</v>
      </c>
      <c r="AO2062">
        <v>37043.354379999997</v>
      </c>
      <c r="AP2062">
        <v>18472.225859999999</v>
      </c>
    </row>
    <row r="2063" spans="2:42" x14ac:dyDescent="0.3">
      <c r="B2063">
        <v>58.532653642180122</v>
      </c>
      <c r="C2063" s="83">
        <v>43186.875</v>
      </c>
      <c r="D2063">
        <v>248394.57010000001</v>
      </c>
      <c r="E2063">
        <v>17483.680270000001</v>
      </c>
      <c r="F2063">
        <v>53795.092830000001</v>
      </c>
      <c r="G2063">
        <v>46928.151270000002</v>
      </c>
      <c r="H2063">
        <v>41460.365389999999</v>
      </c>
      <c r="I2063">
        <v>31696.592809999998</v>
      </c>
      <c r="J2063">
        <v>40914.169979999999</v>
      </c>
      <c r="K2063">
        <v>49406.242180000001</v>
      </c>
      <c r="L2063">
        <v>27269.70148</v>
      </c>
      <c r="M2063">
        <v>298426.76449999999</v>
      </c>
      <c r="N2063">
        <v>80890.576419999998</v>
      </c>
      <c r="O2063">
        <v>22306.204989999998</v>
      </c>
      <c r="P2063">
        <v>39495.786189999999</v>
      </c>
      <c r="Q2063">
        <v>82382.288159999996</v>
      </c>
      <c r="R2063">
        <v>20588.135180000001</v>
      </c>
      <c r="S2063">
        <v>83359.914269999994</v>
      </c>
      <c r="T2063">
        <v>33608.60727</v>
      </c>
      <c r="U2063">
        <v>16581.536390000001</v>
      </c>
      <c r="W2063" s="83">
        <f>Bühler!N2095</f>
        <v>45377.874999995001</v>
      </c>
      <c r="X2063" s="83">
        <v>43186.875</v>
      </c>
      <c r="Y2063">
        <v>248394.57010000001</v>
      </c>
      <c r="Z2063">
        <v>17483.680270000001</v>
      </c>
      <c r="AA2063">
        <v>53795.092830000001</v>
      </c>
      <c r="AB2063">
        <v>46928.151270000002</v>
      </c>
      <c r="AC2063">
        <v>41460.365389999999</v>
      </c>
      <c r="AD2063">
        <v>31696.592809999998</v>
      </c>
      <c r="AE2063">
        <v>40914.169979999999</v>
      </c>
      <c r="AF2063">
        <v>49406.242180000001</v>
      </c>
      <c r="AG2063">
        <v>27269.70148</v>
      </c>
      <c r="AH2063">
        <v>298426.76449999999</v>
      </c>
      <c r="AI2063">
        <v>80890.576419999998</v>
      </c>
      <c r="AJ2063">
        <v>22306.204989999998</v>
      </c>
      <c r="AK2063">
        <v>39495.786189999999</v>
      </c>
      <c r="AL2063">
        <v>82382.288159999996</v>
      </c>
      <c r="AM2063">
        <v>20588.135180000001</v>
      </c>
      <c r="AN2063">
        <v>83359.914269999994</v>
      </c>
      <c r="AO2063">
        <v>33608.60727</v>
      </c>
      <c r="AP2063">
        <v>16581.536390000001</v>
      </c>
    </row>
    <row r="2064" spans="2:42" x14ac:dyDescent="0.3">
      <c r="B2064">
        <v>57.877119688273893</v>
      </c>
      <c r="C2064" s="83">
        <v>43186.916666666664</v>
      </c>
      <c r="D2064">
        <v>247734.05360000001</v>
      </c>
      <c r="E2064">
        <v>16754.071629999999</v>
      </c>
      <c r="F2064">
        <v>51145.763749999998</v>
      </c>
      <c r="G2064">
        <v>44366.925080000001</v>
      </c>
      <c r="H2064">
        <v>40322.228649999997</v>
      </c>
      <c r="I2064">
        <v>29763.048320000002</v>
      </c>
      <c r="J2064">
        <v>39396.028310000002</v>
      </c>
      <c r="K2064">
        <v>52818.770550000001</v>
      </c>
      <c r="L2064">
        <v>24670.07603</v>
      </c>
      <c r="M2064">
        <v>295084.54670000001</v>
      </c>
      <c r="N2064">
        <v>79910.072769999999</v>
      </c>
      <c r="O2064">
        <v>23155.331989999999</v>
      </c>
      <c r="P2064">
        <v>41947.112809999999</v>
      </c>
      <c r="Q2064">
        <v>80967.789300000004</v>
      </c>
      <c r="R2064">
        <v>27215.04739</v>
      </c>
      <c r="S2064">
        <v>82403.149470000004</v>
      </c>
      <c r="T2064">
        <v>29334.644209999999</v>
      </c>
      <c r="U2064">
        <v>16881.54866</v>
      </c>
      <c r="W2064" s="83">
        <f>Bühler!N2096</f>
        <v>45377.916666661666</v>
      </c>
      <c r="X2064" s="83">
        <v>43186.916666666664</v>
      </c>
      <c r="Y2064">
        <v>247734.05360000001</v>
      </c>
      <c r="Z2064">
        <v>16754.071629999999</v>
      </c>
      <c r="AA2064">
        <v>51145.763749999998</v>
      </c>
      <c r="AB2064">
        <v>44366.925080000001</v>
      </c>
      <c r="AC2064">
        <v>40322.228649999997</v>
      </c>
      <c r="AD2064">
        <v>29763.048320000002</v>
      </c>
      <c r="AE2064">
        <v>39396.028310000002</v>
      </c>
      <c r="AF2064">
        <v>52818.770550000001</v>
      </c>
      <c r="AG2064">
        <v>24670.07603</v>
      </c>
      <c r="AH2064">
        <v>295084.54670000001</v>
      </c>
      <c r="AI2064">
        <v>79910.072769999999</v>
      </c>
      <c r="AJ2064">
        <v>23155.331989999999</v>
      </c>
      <c r="AK2064">
        <v>41947.112809999999</v>
      </c>
      <c r="AL2064">
        <v>80967.789300000004</v>
      </c>
      <c r="AM2064">
        <v>27215.04739</v>
      </c>
      <c r="AN2064">
        <v>82403.149470000004</v>
      </c>
      <c r="AO2064">
        <v>29334.644209999999</v>
      </c>
      <c r="AP2064">
        <v>16881.54866</v>
      </c>
    </row>
    <row r="2065" spans="2:42" x14ac:dyDescent="0.3">
      <c r="B2065">
        <v>56.489615481021126</v>
      </c>
      <c r="C2065" s="83">
        <v>43186.958333333336</v>
      </c>
      <c r="D2065">
        <v>248590.58960000001</v>
      </c>
      <c r="E2065">
        <v>16472.796330000001</v>
      </c>
      <c r="F2065">
        <v>49635.583729999998</v>
      </c>
      <c r="G2065">
        <v>43309.049489999998</v>
      </c>
      <c r="H2065">
        <v>39400.870580000003</v>
      </c>
      <c r="I2065">
        <v>28274.261320000001</v>
      </c>
      <c r="J2065">
        <v>36879.51528</v>
      </c>
      <c r="K2065">
        <v>52952.534509999998</v>
      </c>
      <c r="L2065">
        <v>20658.303</v>
      </c>
      <c r="M2065">
        <v>288010.4032</v>
      </c>
      <c r="N2065">
        <v>80002.552060000002</v>
      </c>
      <c r="O2065">
        <v>22925.435570000001</v>
      </c>
      <c r="P2065">
        <v>37301.478470000002</v>
      </c>
      <c r="Q2065">
        <v>81023.526519999999</v>
      </c>
      <c r="R2065">
        <v>28452.943599999999</v>
      </c>
      <c r="S2065">
        <v>80008.259160000001</v>
      </c>
      <c r="T2065">
        <v>29742.609939999998</v>
      </c>
      <c r="U2065">
        <v>16259.81768</v>
      </c>
      <c r="W2065" s="83">
        <f>Bühler!N2097</f>
        <v>45377.95833332833</v>
      </c>
      <c r="X2065" s="83">
        <v>43186.958333333336</v>
      </c>
      <c r="Y2065">
        <v>248590.58960000001</v>
      </c>
      <c r="Z2065">
        <v>16472.796330000001</v>
      </c>
      <c r="AA2065">
        <v>49635.583729999998</v>
      </c>
      <c r="AB2065">
        <v>43309.049489999998</v>
      </c>
      <c r="AC2065">
        <v>39400.870580000003</v>
      </c>
      <c r="AD2065">
        <v>28274.261320000001</v>
      </c>
      <c r="AE2065">
        <v>36879.51528</v>
      </c>
      <c r="AF2065">
        <v>52952.534509999998</v>
      </c>
      <c r="AG2065">
        <v>20658.303</v>
      </c>
      <c r="AH2065">
        <v>288010.4032</v>
      </c>
      <c r="AI2065">
        <v>80002.552060000002</v>
      </c>
      <c r="AJ2065">
        <v>22925.435570000001</v>
      </c>
      <c r="AK2065">
        <v>37301.478470000002</v>
      </c>
      <c r="AL2065">
        <v>81023.526519999999</v>
      </c>
      <c r="AM2065">
        <v>28452.943599999999</v>
      </c>
      <c r="AN2065">
        <v>80008.259160000001</v>
      </c>
      <c r="AO2065">
        <v>29742.609939999998</v>
      </c>
      <c r="AP2065">
        <v>16259.81768</v>
      </c>
    </row>
    <row r="2066" spans="2:42" x14ac:dyDescent="0.3">
      <c r="B2066">
        <v>55.9627003226542</v>
      </c>
      <c r="C2066" s="83">
        <v>43187</v>
      </c>
      <c r="D2066">
        <v>247169.054</v>
      </c>
      <c r="E2066">
        <v>16291.0345</v>
      </c>
      <c r="F2066">
        <v>48852.49596</v>
      </c>
      <c r="G2066">
        <v>42605.98775</v>
      </c>
      <c r="H2066">
        <v>38973.137770000001</v>
      </c>
      <c r="I2066">
        <v>26215.754000000001</v>
      </c>
      <c r="J2066">
        <v>35190.689740000002</v>
      </c>
      <c r="K2066">
        <v>51196.19801</v>
      </c>
      <c r="L2066">
        <v>19289.109929999999</v>
      </c>
      <c r="M2066">
        <v>285323.94400000002</v>
      </c>
      <c r="N2066">
        <v>81036.576270000005</v>
      </c>
      <c r="O2066">
        <v>22539.16145</v>
      </c>
      <c r="P2066">
        <v>34588.117579999998</v>
      </c>
      <c r="Q2066">
        <v>80757.884609999994</v>
      </c>
      <c r="R2066">
        <v>24490.724829999999</v>
      </c>
      <c r="S2066">
        <v>80058.392569999996</v>
      </c>
      <c r="T2066">
        <v>27757.950580000001</v>
      </c>
      <c r="U2066">
        <v>15977.6698</v>
      </c>
      <c r="W2066" s="83">
        <f>Bühler!N2098</f>
        <v>45377.999999994994</v>
      </c>
      <c r="X2066" s="83">
        <v>43187</v>
      </c>
      <c r="Y2066">
        <v>247169.054</v>
      </c>
      <c r="Z2066">
        <v>16291.0345</v>
      </c>
      <c r="AA2066">
        <v>48852.49596</v>
      </c>
      <c r="AB2066">
        <v>42605.98775</v>
      </c>
      <c r="AC2066">
        <v>38973.137770000001</v>
      </c>
      <c r="AD2066">
        <v>26215.754000000001</v>
      </c>
      <c r="AE2066">
        <v>35190.689740000002</v>
      </c>
      <c r="AF2066">
        <v>51196.19801</v>
      </c>
      <c r="AG2066">
        <v>19289.109929999999</v>
      </c>
      <c r="AH2066">
        <v>285323.94400000002</v>
      </c>
      <c r="AI2066">
        <v>81036.576270000005</v>
      </c>
      <c r="AJ2066">
        <v>22539.16145</v>
      </c>
      <c r="AK2066">
        <v>34588.117579999998</v>
      </c>
      <c r="AL2066">
        <v>80757.884609999994</v>
      </c>
      <c r="AM2066">
        <v>24490.724829999999</v>
      </c>
      <c r="AN2066">
        <v>80058.392569999996</v>
      </c>
      <c r="AO2066">
        <v>27757.950580000001</v>
      </c>
      <c r="AP2066">
        <v>15977.6698</v>
      </c>
    </row>
    <row r="2067" spans="2:42" x14ac:dyDescent="0.3">
      <c r="B2067">
        <v>55.528518658693088</v>
      </c>
      <c r="C2067" s="83">
        <v>43187.041666666664</v>
      </c>
      <c r="D2067">
        <v>245670.27239999999</v>
      </c>
      <c r="E2067">
        <v>16334.29177</v>
      </c>
      <c r="F2067">
        <v>49438.628640000003</v>
      </c>
      <c r="G2067">
        <v>42158.840940000002</v>
      </c>
      <c r="H2067">
        <v>38307.736089999999</v>
      </c>
      <c r="I2067">
        <v>20260.902669999999</v>
      </c>
      <c r="J2067">
        <v>34589.785129999997</v>
      </c>
      <c r="K2067">
        <v>49494.555130000001</v>
      </c>
      <c r="L2067">
        <v>18869.112069999999</v>
      </c>
      <c r="M2067">
        <v>283110.28340000001</v>
      </c>
      <c r="N2067">
        <v>80148.560870000001</v>
      </c>
      <c r="O2067">
        <v>22635.606110000001</v>
      </c>
      <c r="P2067">
        <v>32554.649939999999</v>
      </c>
      <c r="Q2067">
        <v>81479.498330000002</v>
      </c>
      <c r="R2067">
        <v>22917.121070000001</v>
      </c>
      <c r="S2067">
        <v>79540.92641</v>
      </c>
      <c r="T2067">
        <v>27428.714749999999</v>
      </c>
      <c r="U2067">
        <v>16346.4305</v>
      </c>
      <c r="W2067" s="83">
        <f>Bühler!N2099</f>
        <v>45378.041666661658</v>
      </c>
      <c r="X2067" s="83">
        <v>43187.041666666664</v>
      </c>
      <c r="Y2067">
        <v>245670.27239999999</v>
      </c>
      <c r="Z2067">
        <v>16334.29177</v>
      </c>
      <c r="AA2067">
        <v>49438.628640000003</v>
      </c>
      <c r="AB2067">
        <v>42158.840940000002</v>
      </c>
      <c r="AC2067">
        <v>38307.736089999999</v>
      </c>
      <c r="AD2067">
        <v>20260.902669999999</v>
      </c>
      <c r="AE2067">
        <v>34589.785129999997</v>
      </c>
      <c r="AF2067">
        <v>49494.555130000001</v>
      </c>
      <c r="AG2067">
        <v>18869.112069999999</v>
      </c>
      <c r="AH2067">
        <v>283110.28340000001</v>
      </c>
      <c r="AI2067">
        <v>80148.560870000001</v>
      </c>
      <c r="AJ2067">
        <v>22635.606110000001</v>
      </c>
      <c r="AK2067">
        <v>32554.649939999999</v>
      </c>
      <c r="AL2067">
        <v>81479.498330000002</v>
      </c>
      <c r="AM2067">
        <v>22917.121070000001</v>
      </c>
      <c r="AN2067">
        <v>79540.92641</v>
      </c>
      <c r="AO2067">
        <v>27428.714749999999</v>
      </c>
      <c r="AP2067">
        <v>16346.4305</v>
      </c>
    </row>
    <row r="2068" spans="2:42" x14ac:dyDescent="0.3">
      <c r="B2068">
        <v>55.86080171920068</v>
      </c>
      <c r="C2068" s="83">
        <v>43187.083333333336</v>
      </c>
      <c r="D2068">
        <v>246624.89480000001</v>
      </c>
      <c r="E2068">
        <v>16335.47444</v>
      </c>
      <c r="F2068">
        <v>50509.170720000002</v>
      </c>
      <c r="G2068">
        <v>41859.960509999997</v>
      </c>
      <c r="H2068">
        <v>38833.970939999999</v>
      </c>
      <c r="I2068">
        <v>18143.440040000001</v>
      </c>
      <c r="J2068">
        <v>34556.961539999997</v>
      </c>
      <c r="K2068">
        <v>48370.012069999997</v>
      </c>
      <c r="L2068">
        <v>18665.691220000001</v>
      </c>
      <c r="M2068">
        <v>284804.41739999998</v>
      </c>
      <c r="N2068">
        <v>78492.033530000001</v>
      </c>
      <c r="O2068">
        <v>22607.757720000001</v>
      </c>
      <c r="P2068">
        <v>31481.481459999999</v>
      </c>
      <c r="Q2068">
        <v>83873.674429999999</v>
      </c>
      <c r="R2068">
        <v>24051.95017</v>
      </c>
      <c r="S2068">
        <v>78788.173599999995</v>
      </c>
      <c r="T2068">
        <v>26712.976470000001</v>
      </c>
      <c r="U2068">
        <v>16530.45277</v>
      </c>
      <c r="W2068" s="83">
        <f>Bühler!N2100</f>
        <v>45378.083333328323</v>
      </c>
      <c r="X2068" s="83">
        <v>43187.083333333336</v>
      </c>
      <c r="Y2068">
        <v>246624.89480000001</v>
      </c>
      <c r="Z2068">
        <v>16335.47444</v>
      </c>
      <c r="AA2068">
        <v>50509.170720000002</v>
      </c>
      <c r="AB2068">
        <v>41859.960509999997</v>
      </c>
      <c r="AC2068">
        <v>38833.970939999999</v>
      </c>
      <c r="AD2068">
        <v>18143.440040000001</v>
      </c>
      <c r="AE2068">
        <v>34556.961539999997</v>
      </c>
      <c r="AF2068">
        <v>48370.012069999997</v>
      </c>
      <c r="AG2068">
        <v>18665.691220000001</v>
      </c>
      <c r="AH2068">
        <v>284804.41739999998</v>
      </c>
      <c r="AI2068">
        <v>78492.033530000001</v>
      </c>
      <c r="AJ2068">
        <v>22607.757720000001</v>
      </c>
      <c r="AK2068">
        <v>31481.481459999999</v>
      </c>
      <c r="AL2068">
        <v>83873.674429999999</v>
      </c>
      <c r="AM2068">
        <v>24051.95017</v>
      </c>
      <c r="AN2068">
        <v>78788.173599999995</v>
      </c>
      <c r="AO2068">
        <v>26712.976470000001</v>
      </c>
      <c r="AP2068">
        <v>16530.45277</v>
      </c>
    </row>
    <row r="2069" spans="2:42" x14ac:dyDescent="0.3">
      <c r="B2069">
        <v>55.87226167521122</v>
      </c>
      <c r="C2069" s="83">
        <v>43187.125</v>
      </c>
      <c r="D2069">
        <v>247215.14240000001</v>
      </c>
      <c r="E2069">
        <v>16505.143380000001</v>
      </c>
      <c r="F2069">
        <v>51504.661619999999</v>
      </c>
      <c r="G2069">
        <v>41195.642699999997</v>
      </c>
      <c r="H2069">
        <v>38694.810160000001</v>
      </c>
      <c r="I2069">
        <v>18709.315320000002</v>
      </c>
      <c r="J2069">
        <v>34893.445189999999</v>
      </c>
      <c r="K2069">
        <v>46393.171589999998</v>
      </c>
      <c r="L2069">
        <v>18526.273690000002</v>
      </c>
      <c r="M2069">
        <v>284862.8456</v>
      </c>
      <c r="N2069">
        <v>79019.782919999998</v>
      </c>
      <c r="O2069">
        <v>22913.178550000001</v>
      </c>
      <c r="P2069">
        <v>31790.15724</v>
      </c>
      <c r="Q2069">
        <v>86271.584640000001</v>
      </c>
      <c r="R2069">
        <v>23745.899099999999</v>
      </c>
      <c r="S2069">
        <v>77956.135460000005</v>
      </c>
      <c r="T2069">
        <v>26976.16158</v>
      </c>
      <c r="U2069">
        <v>16768.682919999999</v>
      </c>
      <c r="W2069" s="83">
        <f>Bühler!N2101</f>
        <v>45378.124999994987</v>
      </c>
      <c r="X2069" s="83">
        <v>43187.125</v>
      </c>
      <c r="Y2069">
        <v>247215.14240000001</v>
      </c>
      <c r="Z2069">
        <v>16505.143380000001</v>
      </c>
      <c r="AA2069">
        <v>51504.661619999999</v>
      </c>
      <c r="AB2069">
        <v>41195.642699999997</v>
      </c>
      <c r="AC2069">
        <v>38694.810160000001</v>
      </c>
      <c r="AD2069">
        <v>18709.315320000002</v>
      </c>
      <c r="AE2069">
        <v>34893.445189999999</v>
      </c>
      <c r="AF2069">
        <v>46393.171589999998</v>
      </c>
      <c r="AG2069">
        <v>18526.273690000002</v>
      </c>
      <c r="AH2069">
        <v>284862.8456</v>
      </c>
      <c r="AI2069">
        <v>79019.782919999998</v>
      </c>
      <c r="AJ2069">
        <v>22913.178550000001</v>
      </c>
      <c r="AK2069">
        <v>31790.15724</v>
      </c>
      <c r="AL2069">
        <v>86271.584640000001</v>
      </c>
      <c r="AM2069">
        <v>23745.899099999999</v>
      </c>
      <c r="AN2069">
        <v>77956.135460000005</v>
      </c>
      <c r="AO2069">
        <v>26976.16158</v>
      </c>
      <c r="AP2069">
        <v>16768.682919999999</v>
      </c>
    </row>
    <row r="2070" spans="2:42" x14ac:dyDescent="0.3">
      <c r="B2070">
        <v>56.734317557356</v>
      </c>
      <c r="C2070" s="83">
        <v>43187.166666666664</v>
      </c>
      <c r="D2070">
        <v>249906.4137</v>
      </c>
      <c r="E2070">
        <v>17154.325959999998</v>
      </c>
      <c r="F2070">
        <v>54306.937120000002</v>
      </c>
      <c r="G2070">
        <v>41113.883450000001</v>
      </c>
      <c r="H2070">
        <v>39472.094149999997</v>
      </c>
      <c r="I2070">
        <v>21809.776890000001</v>
      </c>
      <c r="J2070">
        <v>36891.544249999999</v>
      </c>
      <c r="K2070">
        <v>45210.312729999998</v>
      </c>
      <c r="L2070">
        <v>18511.314030000001</v>
      </c>
      <c r="M2070">
        <v>289258.0085</v>
      </c>
      <c r="N2070">
        <v>78865.115390000006</v>
      </c>
      <c r="O2070">
        <v>23776.60844</v>
      </c>
      <c r="P2070">
        <v>31329.956679999999</v>
      </c>
      <c r="Q2070">
        <v>89346.751279999997</v>
      </c>
      <c r="R2070">
        <v>24105.189109999999</v>
      </c>
      <c r="S2070">
        <v>79835.286200000002</v>
      </c>
      <c r="T2070">
        <v>26622.04018</v>
      </c>
      <c r="U2070">
        <v>17663.145410000001</v>
      </c>
      <c r="W2070" s="83">
        <f>Bühler!N2102</f>
        <v>45378.166666661651</v>
      </c>
      <c r="X2070" s="83">
        <v>43187.166666666664</v>
      </c>
      <c r="Y2070">
        <v>249906.4137</v>
      </c>
      <c r="Z2070">
        <v>17154.325959999998</v>
      </c>
      <c r="AA2070">
        <v>54306.937120000002</v>
      </c>
      <c r="AB2070">
        <v>41113.883450000001</v>
      </c>
      <c r="AC2070">
        <v>39472.094149999997</v>
      </c>
      <c r="AD2070">
        <v>21809.776890000001</v>
      </c>
      <c r="AE2070">
        <v>36891.544249999999</v>
      </c>
      <c r="AF2070">
        <v>45210.312729999998</v>
      </c>
      <c r="AG2070">
        <v>18511.314030000001</v>
      </c>
      <c r="AH2070">
        <v>289258.0085</v>
      </c>
      <c r="AI2070">
        <v>78865.115390000006</v>
      </c>
      <c r="AJ2070">
        <v>23776.60844</v>
      </c>
      <c r="AK2070">
        <v>31329.956679999999</v>
      </c>
      <c r="AL2070">
        <v>89346.751279999997</v>
      </c>
      <c r="AM2070">
        <v>24105.189109999999</v>
      </c>
      <c r="AN2070">
        <v>79835.286200000002</v>
      </c>
      <c r="AO2070">
        <v>26622.04018</v>
      </c>
      <c r="AP2070">
        <v>17663.145410000001</v>
      </c>
    </row>
    <row r="2071" spans="2:42" x14ac:dyDescent="0.3">
      <c r="B2071">
        <v>59.952829105616196</v>
      </c>
      <c r="C2071" s="83">
        <v>43187.208333333336</v>
      </c>
      <c r="D2071">
        <v>266165.7709</v>
      </c>
      <c r="E2071">
        <v>19095.328119999998</v>
      </c>
      <c r="F2071">
        <v>65617.723050000001</v>
      </c>
      <c r="G2071">
        <v>44519.82602</v>
      </c>
      <c r="H2071">
        <v>41814.464390000001</v>
      </c>
      <c r="I2071">
        <v>32269.046539999999</v>
      </c>
      <c r="J2071">
        <v>39557.358209999999</v>
      </c>
      <c r="K2071">
        <v>46533.869650000001</v>
      </c>
      <c r="L2071">
        <v>19339.057779999999</v>
      </c>
      <c r="M2071">
        <v>305667.48129999998</v>
      </c>
      <c r="N2071">
        <v>81216.764899999995</v>
      </c>
      <c r="O2071">
        <v>24119.39414</v>
      </c>
      <c r="P2071">
        <v>31936.889459999999</v>
      </c>
      <c r="Q2071">
        <v>93323.396919999999</v>
      </c>
      <c r="R2071">
        <v>26800.588729999999</v>
      </c>
      <c r="S2071">
        <v>83293.563909999997</v>
      </c>
      <c r="T2071">
        <v>28654.470669999999</v>
      </c>
      <c r="U2071">
        <v>19947.86981</v>
      </c>
      <c r="W2071" s="83">
        <f>Bühler!N2103</f>
        <v>45378.208333328315</v>
      </c>
      <c r="X2071" s="83">
        <v>43187.208333333336</v>
      </c>
      <c r="Y2071">
        <v>266165.7709</v>
      </c>
      <c r="Z2071">
        <v>19095.328119999998</v>
      </c>
      <c r="AA2071">
        <v>65617.723050000001</v>
      </c>
      <c r="AB2071">
        <v>44519.82602</v>
      </c>
      <c r="AC2071">
        <v>41814.464390000001</v>
      </c>
      <c r="AD2071">
        <v>32269.046539999999</v>
      </c>
      <c r="AE2071">
        <v>39557.358209999999</v>
      </c>
      <c r="AF2071">
        <v>46533.869650000001</v>
      </c>
      <c r="AG2071">
        <v>19339.057779999999</v>
      </c>
      <c r="AH2071">
        <v>305667.48129999998</v>
      </c>
      <c r="AI2071">
        <v>81216.764899999995</v>
      </c>
      <c r="AJ2071">
        <v>24119.39414</v>
      </c>
      <c r="AK2071">
        <v>31936.889459999999</v>
      </c>
      <c r="AL2071">
        <v>93323.396919999999</v>
      </c>
      <c r="AM2071">
        <v>26800.588729999999</v>
      </c>
      <c r="AN2071">
        <v>83293.563909999997</v>
      </c>
      <c r="AO2071">
        <v>28654.470669999999</v>
      </c>
      <c r="AP2071">
        <v>19947.86981</v>
      </c>
    </row>
    <row r="2072" spans="2:42" x14ac:dyDescent="0.3">
      <c r="B2072">
        <v>63.382906000718769</v>
      </c>
      <c r="C2072" s="83">
        <v>43187.25</v>
      </c>
      <c r="D2072">
        <v>281864.81780000002</v>
      </c>
      <c r="E2072">
        <v>23566.738509999999</v>
      </c>
      <c r="F2072">
        <v>78793.40724</v>
      </c>
      <c r="G2072">
        <v>56554.100550000003</v>
      </c>
      <c r="H2072">
        <v>45063.837010000003</v>
      </c>
      <c r="I2072">
        <v>42346.35428</v>
      </c>
      <c r="J2072">
        <v>43601.370629999998</v>
      </c>
      <c r="K2072">
        <v>49661.094960000002</v>
      </c>
      <c r="L2072">
        <v>21714.070930000002</v>
      </c>
      <c r="M2072">
        <v>323155.61290000001</v>
      </c>
      <c r="N2072">
        <v>84097.848750000005</v>
      </c>
      <c r="O2072">
        <v>25607.192719999999</v>
      </c>
      <c r="P2072">
        <v>32700.836340000002</v>
      </c>
      <c r="Q2072">
        <v>94753.141459999999</v>
      </c>
      <c r="R2072">
        <v>20168.43334</v>
      </c>
      <c r="S2072">
        <v>91287.183709999998</v>
      </c>
      <c r="T2072">
        <v>30742.587009999999</v>
      </c>
      <c r="U2072">
        <v>23471.199130000001</v>
      </c>
      <c r="W2072" s="83">
        <f>Bühler!N2104</f>
        <v>45378.24999999498</v>
      </c>
      <c r="X2072" s="83">
        <v>43187.25</v>
      </c>
      <c r="Y2072">
        <v>281864.81780000002</v>
      </c>
      <c r="Z2072">
        <v>23566.738509999999</v>
      </c>
      <c r="AA2072">
        <v>78793.40724</v>
      </c>
      <c r="AB2072">
        <v>56554.100550000003</v>
      </c>
      <c r="AC2072">
        <v>45063.837010000003</v>
      </c>
      <c r="AD2072">
        <v>42346.35428</v>
      </c>
      <c r="AE2072">
        <v>43601.370629999998</v>
      </c>
      <c r="AF2072">
        <v>49661.094960000002</v>
      </c>
      <c r="AG2072">
        <v>21714.070930000002</v>
      </c>
      <c r="AH2072">
        <v>323155.61290000001</v>
      </c>
      <c r="AI2072">
        <v>84097.848750000005</v>
      </c>
      <c r="AJ2072">
        <v>25607.192719999999</v>
      </c>
      <c r="AK2072">
        <v>32700.836340000002</v>
      </c>
      <c r="AL2072">
        <v>94753.141459999999</v>
      </c>
      <c r="AM2072">
        <v>20168.43334</v>
      </c>
      <c r="AN2072">
        <v>91287.183709999998</v>
      </c>
      <c r="AO2072">
        <v>30742.587009999999</v>
      </c>
      <c r="AP2072">
        <v>23471.199130000001</v>
      </c>
    </row>
    <row r="2073" spans="2:42" x14ac:dyDescent="0.3">
      <c r="B2073">
        <v>64.984747898309365</v>
      </c>
      <c r="C2073" s="83">
        <v>43187.291666666664</v>
      </c>
      <c r="D2073">
        <v>295410.52419999999</v>
      </c>
      <c r="E2073">
        <v>28129.287840000001</v>
      </c>
      <c r="F2073">
        <v>80140.387530000007</v>
      </c>
      <c r="G2073">
        <v>67878.636350000001</v>
      </c>
      <c r="H2073">
        <v>49991.55356</v>
      </c>
      <c r="I2073">
        <v>51949.627090000002</v>
      </c>
      <c r="J2073">
        <v>44267.563309999998</v>
      </c>
      <c r="K2073">
        <v>54895.932999999997</v>
      </c>
      <c r="L2073">
        <v>24052.276020000001</v>
      </c>
      <c r="M2073">
        <v>331322.54989999998</v>
      </c>
      <c r="N2073">
        <v>88555.540770000007</v>
      </c>
      <c r="O2073">
        <v>28169.056110000001</v>
      </c>
      <c r="P2073">
        <v>36619.731059999998</v>
      </c>
      <c r="Q2073">
        <v>94129.2307</v>
      </c>
      <c r="R2073">
        <v>21232.95347</v>
      </c>
      <c r="S2073">
        <v>104121.68730000001</v>
      </c>
      <c r="T2073">
        <v>32449.034500000002</v>
      </c>
      <c r="U2073">
        <v>26364.9054</v>
      </c>
      <c r="W2073" s="83">
        <f>Bühler!N2105</f>
        <v>45378.291666661644</v>
      </c>
      <c r="X2073" s="83">
        <v>43187.291666666664</v>
      </c>
      <c r="Y2073">
        <v>295410.52419999999</v>
      </c>
      <c r="Z2073">
        <v>28129.287840000001</v>
      </c>
      <c r="AA2073">
        <v>80140.387530000007</v>
      </c>
      <c r="AB2073">
        <v>67878.636350000001</v>
      </c>
      <c r="AC2073">
        <v>49991.55356</v>
      </c>
      <c r="AD2073">
        <v>51949.627090000002</v>
      </c>
      <c r="AE2073">
        <v>44267.563309999998</v>
      </c>
      <c r="AF2073">
        <v>54895.932999999997</v>
      </c>
      <c r="AG2073">
        <v>24052.276020000001</v>
      </c>
      <c r="AH2073">
        <v>331322.54989999998</v>
      </c>
      <c r="AI2073">
        <v>88555.540770000007</v>
      </c>
      <c r="AJ2073">
        <v>28169.056110000001</v>
      </c>
      <c r="AK2073">
        <v>36619.731059999998</v>
      </c>
      <c r="AL2073">
        <v>94129.2307</v>
      </c>
      <c r="AM2073">
        <v>21232.95347</v>
      </c>
      <c r="AN2073">
        <v>104121.68730000001</v>
      </c>
      <c r="AO2073">
        <v>32449.034500000002</v>
      </c>
      <c r="AP2073">
        <v>26364.9054</v>
      </c>
    </row>
    <row r="2074" spans="2:42" x14ac:dyDescent="0.3">
      <c r="B2074">
        <v>65.803788531300654</v>
      </c>
      <c r="C2074" s="83">
        <v>43187.333333333336</v>
      </c>
      <c r="D2074">
        <v>306520.48670000001</v>
      </c>
      <c r="E2074">
        <v>34206.865919999997</v>
      </c>
      <c r="F2074">
        <v>87691.150689999995</v>
      </c>
      <c r="G2074">
        <v>83608.873919999998</v>
      </c>
      <c r="H2074">
        <v>55489.810469999997</v>
      </c>
      <c r="I2074">
        <v>53055.409019999999</v>
      </c>
      <c r="J2074">
        <v>45921.363210000003</v>
      </c>
      <c r="K2074">
        <v>61714.16863</v>
      </c>
      <c r="L2074">
        <v>27305.168399999999</v>
      </c>
      <c r="M2074">
        <v>335498.40100000001</v>
      </c>
      <c r="N2074">
        <v>97793.608739999996</v>
      </c>
      <c r="O2074">
        <v>29602.500459999999</v>
      </c>
      <c r="P2074">
        <v>37980.041579999997</v>
      </c>
      <c r="Q2074">
        <v>94583.733170000007</v>
      </c>
      <c r="R2074">
        <v>24085.226500000001</v>
      </c>
      <c r="S2074">
        <v>118050.45970000001</v>
      </c>
      <c r="T2074">
        <v>35951.915789999999</v>
      </c>
      <c r="U2074">
        <v>29678.857840000001</v>
      </c>
      <c r="W2074" s="83">
        <f>Bühler!N2106</f>
        <v>45378.333333328308</v>
      </c>
      <c r="X2074" s="83">
        <v>43187.333333333336</v>
      </c>
      <c r="Y2074">
        <v>306520.48670000001</v>
      </c>
      <c r="Z2074">
        <v>34206.865919999997</v>
      </c>
      <c r="AA2074">
        <v>87691.150689999995</v>
      </c>
      <c r="AB2074">
        <v>83608.873919999998</v>
      </c>
      <c r="AC2074">
        <v>55489.810469999997</v>
      </c>
      <c r="AD2074">
        <v>53055.409019999999</v>
      </c>
      <c r="AE2074">
        <v>45921.363210000003</v>
      </c>
      <c r="AF2074">
        <v>61714.16863</v>
      </c>
      <c r="AG2074">
        <v>27305.168399999999</v>
      </c>
      <c r="AH2074">
        <v>335498.40100000001</v>
      </c>
      <c r="AI2074">
        <v>97793.608739999996</v>
      </c>
      <c r="AJ2074">
        <v>29602.500459999999</v>
      </c>
      <c r="AK2074">
        <v>37980.041579999997</v>
      </c>
      <c r="AL2074">
        <v>94583.733170000007</v>
      </c>
      <c r="AM2074">
        <v>24085.226500000001</v>
      </c>
      <c r="AN2074">
        <v>118050.45970000001</v>
      </c>
      <c r="AO2074">
        <v>35951.915789999999</v>
      </c>
      <c r="AP2074">
        <v>29678.857840000001</v>
      </c>
    </row>
    <row r="2075" spans="2:42" x14ac:dyDescent="0.3">
      <c r="B2075">
        <v>65.274095890638023</v>
      </c>
      <c r="C2075" s="83">
        <v>43187.375</v>
      </c>
      <c r="D2075">
        <v>306070.10340000002</v>
      </c>
      <c r="E2075">
        <v>38382.851600000002</v>
      </c>
      <c r="F2075">
        <v>94959.886639999997</v>
      </c>
      <c r="G2075">
        <v>90246.473230000003</v>
      </c>
      <c r="H2075">
        <v>57769.454380000003</v>
      </c>
      <c r="I2075">
        <v>49543.358800000002</v>
      </c>
      <c r="J2075">
        <v>46105.311679999999</v>
      </c>
      <c r="K2075">
        <v>63135.517500000002</v>
      </c>
      <c r="L2075">
        <v>30422.06191</v>
      </c>
      <c r="M2075">
        <v>332797.78090000001</v>
      </c>
      <c r="N2075">
        <v>105382.7289</v>
      </c>
      <c r="O2075">
        <v>29885.154979999999</v>
      </c>
      <c r="P2075">
        <v>40260.968200000003</v>
      </c>
      <c r="Q2075">
        <v>95690.27493</v>
      </c>
      <c r="R2075">
        <v>24853.560140000001</v>
      </c>
      <c r="S2075">
        <v>123803.8891</v>
      </c>
      <c r="T2075">
        <v>38972.525220000003</v>
      </c>
      <c r="U2075">
        <v>29558.442350000001</v>
      </c>
      <c r="W2075" s="83">
        <f>Bühler!N2107</f>
        <v>45378.374999994972</v>
      </c>
      <c r="X2075" s="83">
        <v>43187.375</v>
      </c>
      <c r="Y2075">
        <v>306070.10340000002</v>
      </c>
      <c r="Z2075">
        <v>38382.851600000002</v>
      </c>
      <c r="AA2075">
        <v>94959.886639999997</v>
      </c>
      <c r="AB2075">
        <v>90246.473230000003</v>
      </c>
      <c r="AC2075">
        <v>57769.454380000003</v>
      </c>
      <c r="AD2075">
        <v>49543.358800000002</v>
      </c>
      <c r="AE2075">
        <v>46105.311679999999</v>
      </c>
      <c r="AF2075">
        <v>63135.517500000002</v>
      </c>
      <c r="AG2075">
        <v>30422.06191</v>
      </c>
      <c r="AH2075">
        <v>332797.78090000001</v>
      </c>
      <c r="AI2075">
        <v>105382.7289</v>
      </c>
      <c r="AJ2075">
        <v>29885.154979999999</v>
      </c>
      <c r="AK2075">
        <v>40260.968200000003</v>
      </c>
      <c r="AL2075">
        <v>95690.27493</v>
      </c>
      <c r="AM2075">
        <v>24853.560140000001</v>
      </c>
      <c r="AN2075">
        <v>123803.8891</v>
      </c>
      <c r="AO2075">
        <v>38972.525220000003</v>
      </c>
      <c r="AP2075">
        <v>29558.442350000001</v>
      </c>
    </row>
    <row r="2076" spans="2:42" x14ac:dyDescent="0.3">
      <c r="B2076">
        <v>66.462113599052799</v>
      </c>
      <c r="C2076" s="83">
        <v>43187.416666666664</v>
      </c>
      <c r="D2076">
        <v>309562.4338</v>
      </c>
      <c r="E2076">
        <v>39656.598789999996</v>
      </c>
      <c r="F2076">
        <v>95160.97004</v>
      </c>
      <c r="G2076">
        <v>92149.788759999996</v>
      </c>
      <c r="H2076">
        <v>58024.095600000001</v>
      </c>
      <c r="I2076">
        <v>46257.042020000001</v>
      </c>
      <c r="J2076">
        <v>44277.95074</v>
      </c>
      <c r="K2076">
        <v>63671.487880000001</v>
      </c>
      <c r="L2076">
        <v>32454.247329999998</v>
      </c>
      <c r="M2076">
        <v>338854.8492</v>
      </c>
      <c r="N2076">
        <v>107350.9972</v>
      </c>
      <c r="O2076">
        <v>30056.68376</v>
      </c>
      <c r="P2076">
        <v>40872.242969999999</v>
      </c>
      <c r="Q2076">
        <v>96313.872820000004</v>
      </c>
      <c r="R2076">
        <v>25825.519260000001</v>
      </c>
      <c r="S2076">
        <v>124417.2689</v>
      </c>
      <c r="T2076">
        <v>40443.045019999998</v>
      </c>
      <c r="U2076">
        <v>29259.77317</v>
      </c>
      <c r="W2076" s="83">
        <f>Bühler!N2108</f>
        <v>45378.416666661637</v>
      </c>
      <c r="X2076" s="83">
        <v>43187.416666666664</v>
      </c>
      <c r="Y2076">
        <v>309562.4338</v>
      </c>
      <c r="Z2076">
        <v>39656.598789999996</v>
      </c>
      <c r="AA2076">
        <v>95160.97004</v>
      </c>
      <c r="AB2076">
        <v>92149.788759999996</v>
      </c>
      <c r="AC2076">
        <v>58024.095600000001</v>
      </c>
      <c r="AD2076">
        <v>46257.042020000001</v>
      </c>
      <c r="AE2076">
        <v>44277.95074</v>
      </c>
      <c r="AF2076">
        <v>63671.487880000001</v>
      </c>
      <c r="AG2076">
        <v>32454.247329999998</v>
      </c>
      <c r="AH2076">
        <v>338854.8492</v>
      </c>
      <c r="AI2076">
        <v>107350.9972</v>
      </c>
      <c r="AJ2076">
        <v>30056.68376</v>
      </c>
      <c r="AK2076">
        <v>40872.242969999999</v>
      </c>
      <c r="AL2076">
        <v>96313.872820000004</v>
      </c>
      <c r="AM2076">
        <v>25825.519260000001</v>
      </c>
      <c r="AN2076">
        <v>124417.2689</v>
      </c>
      <c r="AO2076">
        <v>40443.045019999998</v>
      </c>
      <c r="AP2076">
        <v>29259.77317</v>
      </c>
    </row>
    <row r="2077" spans="2:42" x14ac:dyDescent="0.3">
      <c r="B2077">
        <v>66.489718684692335</v>
      </c>
      <c r="C2077" s="83">
        <v>43187.458333333336</v>
      </c>
      <c r="D2077">
        <v>307202.78169999999</v>
      </c>
      <c r="E2077">
        <v>39170.770680000001</v>
      </c>
      <c r="F2077">
        <v>94808.42108</v>
      </c>
      <c r="G2077">
        <v>89213.841709999993</v>
      </c>
      <c r="H2077">
        <v>56746.53858</v>
      </c>
      <c r="I2077">
        <v>44159.64127</v>
      </c>
      <c r="J2077">
        <v>43289.638019999999</v>
      </c>
      <c r="K2077">
        <v>64390.100850000003</v>
      </c>
      <c r="L2077">
        <v>33138.203730000001</v>
      </c>
      <c r="M2077">
        <v>338995.59279999998</v>
      </c>
      <c r="N2077">
        <v>104746.6118</v>
      </c>
      <c r="O2077">
        <v>29747.464070000002</v>
      </c>
      <c r="P2077">
        <v>39994.273020000001</v>
      </c>
      <c r="Q2077">
        <v>95787.130789999996</v>
      </c>
      <c r="R2077">
        <v>27076.492600000001</v>
      </c>
      <c r="S2077">
        <v>125318.9</v>
      </c>
      <c r="T2077">
        <v>39378.228389999997</v>
      </c>
      <c r="U2077">
        <v>28916.869610000002</v>
      </c>
      <c r="W2077" s="83">
        <f>Bühler!N2109</f>
        <v>45378.458333328301</v>
      </c>
      <c r="X2077" s="83">
        <v>43187.458333333336</v>
      </c>
      <c r="Y2077">
        <v>307202.78169999999</v>
      </c>
      <c r="Z2077">
        <v>39170.770680000001</v>
      </c>
      <c r="AA2077">
        <v>94808.42108</v>
      </c>
      <c r="AB2077">
        <v>89213.841709999993</v>
      </c>
      <c r="AC2077">
        <v>56746.53858</v>
      </c>
      <c r="AD2077">
        <v>44159.64127</v>
      </c>
      <c r="AE2077">
        <v>43289.638019999999</v>
      </c>
      <c r="AF2077">
        <v>64390.100850000003</v>
      </c>
      <c r="AG2077">
        <v>33138.203730000001</v>
      </c>
      <c r="AH2077">
        <v>338995.59279999998</v>
      </c>
      <c r="AI2077">
        <v>104746.6118</v>
      </c>
      <c r="AJ2077">
        <v>29747.464070000002</v>
      </c>
      <c r="AK2077">
        <v>39994.273020000001</v>
      </c>
      <c r="AL2077">
        <v>95787.130789999996</v>
      </c>
      <c r="AM2077">
        <v>27076.492600000001</v>
      </c>
      <c r="AN2077">
        <v>125318.9</v>
      </c>
      <c r="AO2077">
        <v>39378.228389999997</v>
      </c>
      <c r="AP2077">
        <v>28916.869610000002</v>
      </c>
    </row>
    <row r="2078" spans="2:42" x14ac:dyDescent="0.3">
      <c r="B2078">
        <v>65.985997697291467</v>
      </c>
      <c r="C2078" s="83">
        <v>43187.5</v>
      </c>
      <c r="D2078">
        <v>291355.1801</v>
      </c>
      <c r="E2078">
        <v>35217.325279999997</v>
      </c>
      <c r="F2078">
        <v>87893.154150000002</v>
      </c>
      <c r="G2078">
        <v>82702.179440000007</v>
      </c>
      <c r="H2078">
        <v>53730.690880000002</v>
      </c>
      <c r="I2078">
        <v>42631.940199999997</v>
      </c>
      <c r="J2078">
        <v>43397.164360000002</v>
      </c>
      <c r="K2078">
        <v>60671.243860000002</v>
      </c>
      <c r="L2078">
        <v>35961.914259999998</v>
      </c>
      <c r="M2078">
        <v>336427.38829999999</v>
      </c>
      <c r="N2078">
        <v>101201.94650000001</v>
      </c>
      <c r="O2078">
        <v>28114.564770000001</v>
      </c>
      <c r="P2078">
        <v>41194.610619999999</v>
      </c>
      <c r="Q2078">
        <v>94215.357029999999</v>
      </c>
      <c r="R2078">
        <v>26853.50129</v>
      </c>
      <c r="S2078">
        <v>118602.9638</v>
      </c>
      <c r="T2078">
        <v>39541.368260000003</v>
      </c>
      <c r="U2078">
        <v>24307.36522</v>
      </c>
      <c r="W2078" s="83">
        <f>Bühler!N2110</f>
        <v>45378.499999994965</v>
      </c>
      <c r="X2078" s="83">
        <v>43187.5</v>
      </c>
      <c r="Y2078">
        <v>291355.1801</v>
      </c>
      <c r="Z2078">
        <v>35217.325279999997</v>
      </c>
      <c r="AA2078">
        <v>87893.154150000002</v>
      </c>
      <c r="AB2078">
        <v>82702.179440000007</v>
      </c>
      <c r="AC2078">
        <v>53730.690880000002</v>
      </c>
      <c r="AD2078">
        <v>42631.940199999997</v>
      </c>
      <c r="AE2078">
        <v>43397.164360000002</v>
      </c>
      <c r="AF2078">
        <v>60671.243860000002</v>
      </c>
      <c r="AG2078">
        <v>35961.914259999998</v>
      </c>
      <c r="AH2078">
        <v>336427.38829999999</v>
      </c>
      <c r="AI2078">
        <v>101201.94650000001</v>
      </c>
      <c r="AJ2078">
        <v>28114.564770000001</v>
      </c>
      <c r="AK2078">
        <v>41194.610619999999</v>
      </c>
      <c r="AL2078">
        <v>94215.357029999999</v>
      </c>
      <c r="AM2078">
        <v>26853.50129</v>
      </c>
      <c r="AN2078">
        <v>118602.9638</v>
      </c>
      <c r="AO2078">
        <v>39541.368260000003</v>
      </c>
      <c r="AP2078">
        <v>24307.36522</v>
      </c>
    </row>
    <row r="2079" spans="2:42" x14ac:dyDescent="0.3">
      <c r="B2079">
        <v>65.248356934803383</v>
      </c>
      <c r="C2079" s="83">
        <v>43187.541666666664</v>
      </c>
      <c r="D2079">
        <v>294246.16239999997</v>
      </c>
      <c r="E2079">
        <v>34762.998460000003</v>
      </c>
      <c r="F2079">
        <v>83854.594299999997</v>
      </c>
      <c r="G2079">
        <v>77317.785279999996</v>
      </c>
      <c r="H2079">
        <v>54087.273569999998</v>
      </c>
      <c r="I2079">
        <v>40876.421340000001</v>
      </c>
      <c r="J2079">
        <v>42169.670489999997</v>
      </c>
      <c r="K2079">
        <v>63638.78069</v>
      </c>
      <c r="L2079">
        <v>34184.794549999999</v>
      </c>
      <c r="M2079">
        <v>332666.55170000001</v>
      </c>
      <c r="N2079">
        <v>101521.1189</v>
      </c>
      <c r="O2079">
        <v>28013.424429999999</v>
      </c>
      <c r="P2079">
        <v>38694.18763</v>
      </c>
      <c r="Q2079">
        <v>92927.868560000003</v>
      </c>
      <c r="R2079">
        <v>25765.226449999998</v>
      </c>
      <c r="S2079">
        <v>118261.2236</v>
      </c>
      <c r="T2079">
        <v>37838.975469999998</v>
      </c>
      <c r="U2079">
        <v>25693.862829999998</v>
      </c>
      <c r="W2079" s="83">
        <f>Bühler!N2111</f>
        <v>45378.541666661629</v>
      </c>
      <c r="X2079" s="83">
        <v>43187.541666666664</v>
      </c>
      <c r="Y2079">
        <v>294246.16239999997</v>
      </c>
      <c r="Z2079">
        <v>34762.998460000003</v>
      </c>
      <c r="AA2079">
        <v>83854.594299999997</v>
      </c>
      <c r="AB2079">
        <v>77317.785279999996</v>
      </c>
      <c r="AC2079">
        <v>54087.273569999998</v>
      </c>
      <c r="AD2079">
        <v>40876.421340000001</v>
      </c>
      <c r="AE2079">
        <v>42169.670489999997</v>
      </c>
      <c r="AF2079">
        <v>63638.78069</v>
      </c>
      <c r="AG2079">
        <v>34184.794549999999</v>
      </c>
      <c r="AH2079">
        <v>332666.55170000001</v>
      </c>
      <c r="AI2079">
        <v>101521.1189</v>
      </c>
      <c r="AJ2079">
        <v>28013.424429999999</v>
      </c>
      <c r="AK2079">
        <v>38694.18763</v>
      </c>
      <c r="AL2079">
        <v>92927.868560000003</v>
      </c>
      <c r="AM2079">
        <v>25765.226449999998</v>
      </c>
      <c r="AN2079">
        <v>118261.2236</v>
      </c>
      <c r="AO2079">
        <v>37838.975469999998</v>
      </c>
      <c r="AP2079">
        <v>25693.862829999998</v>
      </c>
    </row>
    <row r="2080" spans="2:42" x14ac:dyDescent="0.3">
      <c r="B2080">
        <v>65.561757905375856</v>
      </c>
      <c r="C2080" s="83">
        <v>43187.583333333336</v>
      </c>
      <c r="D2080">
        <v>296474.35479999997</v>
      </c>
      <c r="E2080">
        <v>37345.291660000003</v>
      </c>
      <c r="F2080">
        <v>90982.573199999999</v>
      </c>
      <c r="G2080">
        <v>74412.112210000007</v>
      </c>
      <c r="H2080">
        <v>54210.513480000001</v>
      </c>
      <c r="I2080">
        <v>40895.86737</v>
      </c>
      <c r="J2080">
        <v>42074.39273</v>
      </c>
      <c r="K2080">
        <v>65481.160109999997</v>
      </c>
      <c r="L2080">
        <v>30763.564490000001</v>
      </c>
      <c r="M2080">
        <v>334264.41600000003</v>
      </c>
      <c r="N2080">
        <v>101982.98820000001</v>
      </c>
      <c r="O2080">
        <v>27590.753379999998</v>
      </c>
      <c r="P2080">
        <v>35998.697359999998</v>
      </c>
      <c r="Q2080">
        <v>91832.440849999999</v>
      </c>
      <c r="R2080">
        <v>25341.56148</v>
      </c>
      <c r="S2080">
        <v>112526.72560000001</v>
      </c>
      <c r="T2080">
        <v>36577.677430000003</v>
      </c>
      <c r="U2080">
        <v>27007.013210000001</v>
      </c>
      <c r="W2080" s="83">
        <f>Bühler!N2112</f>
        <v>45378.583333328294</v>
      </c>
      <c r="X2080" s="83">
        <v>43187.583333333336</v>
      </c>
      <c r="Y2080">
        <v>296474.35479999997</v>
      </c>
      <c r="Z2080">
        <v>37345.291660000003</v>
      </c>
      <c r="AA2080">
        <v>90982.573199999999</v>
      </c>
      <c r="AB2080">
        <v>74412.112210000007</v>
      </c>
      <c r="AC2080">
        <v>54210.513480000001</v>
      </c>
      <c r="AD2080">
        <v>40895.86737</v>
      </c>
      <c r="AE2080">
        <v>42074.39273</v>
      </c>
      <c r="AF2080">
        <v>65481.160109999997</v>
      </c>
      <c r="AG2080">
        <v>30763.564490000001</v>
      </c>
      <c r="AH2080">
        <v>334264.41600000003</v>
      </c>
      <c r="AI2080">
        <v>101982.98820000001</v>
      </c>
      <c r="AJ2080">
        <v>27590.753379999998</v>
      </c>
      <c r="AK2080">
        <v>35998.697359999998</v>
      </c>
      <c r="AL2080">
        <v>91832.440849999999</v>
      </c>
      <c r="AM2080">
        <v>25341.56148</v>
      </c>
      <c r="AN2080">
        <v>112526.72560000001</v>
      </c>
      <c r="AO2080">
        <v>36577.677430000003</v>
      </c>
      <c r="AP2080">
        <v>27007.013210000001</v>
      </c>
    </row>
    <row r="2081" spans="2:42" x14ac:dyDescent="0.3">
      <c r="B2081">
        <v>64.519201527929766</v>
      </c>
      <c r="C2081" s="83">
        <v>43187.625</v>
      </c>
      <c r="D2081">
        <v>293991.62</v>
      </c>
      <c r="E2081">
        <v>37147.947769999999</v>
      </c>
      <c r="F2081">
        <v>91665.025819999995</v>
      </c>
      <c r="G2081">
        <v>72102.806089999998</v>
      </c>
      <c r="H2081">
        <v>52922.075750000004</v>
      </c>
      <c r="I2081">
        <v>41627.031609999998</v>
      </c>
      <c r="J2081">
        <v>41525.968840000001</v>
      </c>
      <c r="K2081">
        <v>62977.497349999998</v>
      </c>
      <c r="L2081">
        <v>27628.19095</v>
      </c>
      <c r="M2081">
        <v>328948.97739999997</v>
      </c>
      <c r="N2081">
        <v>99103.614069999996</v>
      </c>
      <c r="O2081">
        <v>26839.851920000001</v>
      </c>
      <c r="P2081">
        <v>33851.153389999999</v>
      </c>
      <c r="Q2081">
        <v>90954.250979999997</v>
      </c>
      <c r="R2081">
        <v>24694.612209999999</v>
      </c>
      <c r="S2081">
        <v>109181.5229</v>
      </c>
      <c r="T2081">
        <v>35679.11346</v>
      </c>
      <c r="U2081">
        <v>25029.05557</v>
      </c>
      <c r="W2081" s="83">
        <f>Bühler!N2113</f>
        <v>45378.624999994958</v>
      </c>
      <c r="X2081" s="83">
        <v>43187.625</v>
      </c>
      <c r="Y2081">
        <v>293991.62</v>
      </c>
      <c r="Z2081">
        <v>37147.947769999999</v>
      </c>
      <c r="AA2081">
        <v>91665.025819999995</v>
      </c>
      <c r="AB2081">
        <v>72102.806089999998</v>
      </c>
      <c r="AC2081">
        <v>52922.075750000004</v>
      </c>
      <c r="AD2081">
        <v>41627.031609999998</v>
      </c>
      <c r="AE2081">
        <v>41525.968840000001</v>
      </c>
      <c r="AF2081">
        <v>62977.497349999998</v>
      </c>
      <c r="AG2081">
        <v>27628.19095</v>
      </c>
      <c r="AH2081">
        <v>328948.97739999997</v>
      </c>
      <c r="AI2081">
        <v>99103.614069999996</v>
      </c>
      <c r="AJ2081">
        <v>26839.851920000001</v>
      </c>
      <c r="AK2081">
        <v>33851.153389999999</v>
      </c>
      <c r="AL2081">
        <v>90954.250979999997</v>
      </c>
      <c r="AM2081">
        <v>24694.612209999999</v>
      </c>
      <c r="AN2081">
        <v>109181.5229</v>
      </c>
      <c r="AO2081">
        <v>35679.11346</v>
      </c>
      <c r="AP2081">
        <v>25029.05557</v>
      </c>
    </row>
    <row r="2082" spans="2:42" x14ac:dyDescent="0.3">
      <c r="B2082">
        <v>63.822683680831872</v>
      </c>
      <c r="C2082" s="83">
        <v>43187.666666666664</v>
      </c>
      <c r="D2082">
        <v>286695.4706</v>
      </c>
      <c r="E2082">
        <v>36084.1489</v>
      </c>
      <c r="F2082">
        <v>90873.274220000007</v>
      </c>
      <c r="G2082">
        <v>68787.053270000004</v>
      </c>
      <c r="H2082">
        <v>51026.451889999997</v>
      </c>
      <c r="I2082">
        <v>43072.693370000001</v>
      </c>
      <c r="J2082">
        <v>40793.150159999997</v>
      </c>
      <c r="K2082">
        <v>59160.241260000003</v>
      </c>
      <c r="L2082">
        <v>26278.683400000002</v>
      </c>
      <c r="M2082">
        <v>325397.80459999997</v>
      </c>
      <c r="N2082">
        <v>96673.732440000007</v>
      </c>
      <c r="O2082">
        <v>26733.686949999999</v>
      </c>
      <c r="P2082">
        <v>34763.59042</v>
      </c>
      <c r="Q2082">
        <v>90141.224040000001</v>
      </c>
      <c r="R2082">
        <v>23984.340990000001</v>
      </c>
      <c r="S2082">
        <v>106688.63649999999</v>
      </c>
      <c r="T2082">
        <v>35115.081180000001</v>
      </c>
      <c r="U2082">
        <v>23082.746220000001</v>
      </c>
      <c r="W2082" s="83">
        <f>Bühler!N2114</f>
        <v>45378.666666661622</v>
      </c>
      <c r="X2082" s="83">
        <v>43187.666666666664</v>
      </c>
      <c r="Y2082">
        <v>286695.4706</v>
      </c>
      <c r="Z2082">
        <v>36084.1489</v>
      </c>
      <c r="AA2082">
        <v>90873.274220000007</v>
      </c>
      <c r="AB2082">
        <v>68787.053270000004</v>
      </c>
      <c r="AC2082">
        <v>51026.451889999997</v>
      </c>
      <c r="AD2082">
        <v>43072.693370000001</v>
      </c>
      <c r="AE2082">
        <v>40793.150159999997</v>
      </c>
      <c r="AF2082">
        <v>59160.241260000003</v>
      </c>
      <c r="AG2082">
        <v>26278.683400000002</v>
      </c>
      <c r="AH2082">
        <v>325397.80459999997</v>
      </c>
      <c r="AI2082">
        <v>96673.732440000007</v>
      </c>
      <c r="AJ2082">
        <v>26733.686949999999</v>
      </c>
      <c r="AK2082">
        <v>34763.59042</v>
      </c>
      <c r="AL2082">
        <v>90141.224040000001</v>
      </c>
      <c r="AM2082">
        <v>23984.340990000001</v>
      </c>
      <c r="AN2082">
        <v>106688.63649999999</v>
      </c>
      <c r="AO2082">
        <v>35115.081180000001</v>
      </c>
      <c r="AP2082">
        <v>23082.746220000001</v>
      </c>
    </row>
    <row r="2083" spans="2:42" x14ac:dyDescent="0.3">
      <c r="B2083">
        <v>62.522741530491459</v>
      </c>
      <c r="C2083" s="83">
        <v>43187.708333333336</v>
      </c>
      <c r="D2083">
        <v>275486.14490000001</v>
      </c>
      <c r="E2083">
        <v>33909.235269999997</v>
      </c>
      <c r="F2083">
        <v>90173.597630000004</v>
      </c>
      <c r="G2083">
        <v>64097.803910000002</v>
      </c>
      <c r="H2083">
        <v>48643.570390000001</v>
      </c>
      <c r="I2083">
        <v>43436.742539999999</v>
      </c>
      <c r="J2083">
        <v>40130.629139999997</v>
      </c>
      <c r="K2083">
        <v>54829.9</v>
      </c>
      <c r="L2083">
        <v>26301.693630000002</v>
      </c>
      <c r="M2083">
        <v>318770.09330000001</v>
      </c>
      <c r="N2083">
        <v>89690.756359999999</v>
      </c>
      <c r="O2083">
        <v>26064.36707</v>
      </c>
      <c r="P2083">
        <v>35333.11189</v>
      </c>
      <c r="Q2083">
        <v>89113.908720000007</v>
      </c>
      <c r="R2083">
        <v>23748.719779999999</v>
      </c>
      <c r="S2083">
        <v>104345.9448</v>
      </c>
      <c r="T2083">
        <v>35403.293700000002</v>
      </c>
      <c r="U2083">
        <v>20808.330900000001</v>
      </c>
      <c r="W2083" s="83">
        <f>Bühler!N2115</f>
        <v>45378.708333328286</v>
      </c>
      <c r="X2083" s="83">
        <v>43187.708333333336</v>
      </c>
      <c r="Y2083">
        <v>275486.14490000001</v>
      </c>
      <c r="Z2083">
        <v>33909.235269999997</v>
      </c>
      <c r="AA2083">
        <v>90173.597630000004</v>
      </c>
      <c r="AB2083">
        <v>64097.803910000002</v>
      </c>
      <c r="AC2083">
        <v>48643.570390000001</v>
      </c>
      <c r="AD2083">
        <v>43436.742539999999</v>
      </c>
      <c r="AE2083">
        <v>40130.629139999997</v>
      </c>
      <c r="AF2083">
        <v>54829.9</v>
      </c>
      <c r="AG2083">
        <v>26301.693630000002</v>
      </c>
      <c r="AH2083">
        <v>318770.09330000001</v>
      </c>
      <c r="AI2083">
        <v>89690.756359999999</v>
      </c>
      <c r="AJ2083">
        <v>26064.36707</v>
      </c>
      <c r="AK2083">
        <v>35333.11189</v>
      </c>
      <c r="AL2083">
        <v>89113.908720000007</v>
      </c>
      <c r="AM2083">
        <v>23748.719779999999</v>
      </c>
      <c r="AN2083">
        <v>104345.9448</v>
      </c>
      <c r="AO2083">
        <v>35403.293700000002</v>
      </c>
      <c r="AP2083">
        <v>20808.330900000001</v>
      </c>
    </row>
    <row r="2084" spans="2:42" x14ac:dyDescent="0.3">
      <c r="B2084">
        <v>61.683305823172773</v>
      </c>
      <c r="C2084" s="83">
        <v>43187.75</v>
      </c>
      <c r="D2084">
        <v>268506.5356</v>
      </c>
      <c r="E2084">
        <v>31178.137920000001</v>
      </c>
      <c r="F2084">
        <v>87965.624299999996</v>
      </c>
      <c r="G2084">
        <v>58079.47221</v>
      </c>
      <c r="H2084">
        <v>46588.283660000001</v>
      </c>
      <c r="I2084">
        <v>43557.35499</v>
      </c>
      <c r="J2084">
        <v>41390.672899999998</v>
      </c>
      <c r="K2084">
        <v>52100.493999999999</v>
      </c>
      <c r="L2084">
        <v>27659.210340000001</v>
      </c>
      <c r="M2084">
        <v>314490.2586</v>
      </c>
      <c r="N2084">
        <v>86854.562690000006</v>
      </c>
      <c r="O2084">
        <v>24535.16706</v>
      </c>
      <c r="P2084">
        <v>38527.196340000002</v>
      </c>
      <c r="Q2084">
        <v>87865.938840000003</v>
      </c>
      <c r="R2084">
        <v>22153.13294</v>
      </c>
      <c r="S2084">
        <v>98189.78327</v>
      </c>
      <c r="T2084">
        <v>35852.431089999998</v>
      </c>
      <c r="U2084">
        <v>19515.156569999999</v>
      </c>
      <c r="W2084" s="83">
        <f>Bühler!N2116</f>
        <v>45378.74999999495</v>
      </c>
      <c r="X2084" s="83">
        <v>43187.75</v>
      </c>
      <c r="Y2084">
        <v>268506.5356</v>
      </c>
      <c r="Z2084">
        <v>31178.137920000001</v>
      </c>
      <c r="AA2084">
        <v>87965.624299999996</v>
      </c>
      <c r="AB2084">
        <v>58079.47221</v>
      </c>
      <c r="AC2084">
        <v>46588.283660000001</v>
      </c>
      <c r="AD2084">
        <v>43557.35499</v>
      </c>
      <c r="AE2084">
        <v>41390.672899999998</v>
      </c>
      <c r="AF2084">
        <v>52100.493999999999</v>
      </c>
      <c r="AG2084">
        <v>27659.210340000001</v>
      </c>
      <c r="AH2084">
        <v>314490.2586</v>
      </c>
      <c r="AI2084">
        <v>86854.562690000006</v>
      </c>
      <c r="AJ2084">
        <v>24535.16706</v>
      </c>
      <c r="AK2084">
        <v>38527.196340000002</v>
      </c>
      <c r="AL2084">
        <v>87865.938840000003</v>
      </c>
      <c r="AM2084">
        <v>22153.13294</v>
      </c>
      <c r="AN2084">
        <v>98189.78327</v>
      </c>
      <c r="AO2084">
        <v>35852.431089999998</v>
      </c>
      <c r="AP2084">
        <v>19515.156569999999</v>
      </c>
    </row>
    <row r="2085" spans="2:42" x14ac:dyDescent="0.3">
      <c r="B2085">
        <v>61.295671392062268</v>
      </c>
      <c r="C2085" s="83">
        <v>43187.791666666664</v>
      </c>
      <c r="D2085">
        <v>264227.73570000002</v>
      </c>
      <c r="E2085">
        <v>26585.691169999998</v>
      </c>
      <c r="F2085">
        <v>79199.738010000001</v>
      </c>
      <c r="G2085">
        <v>55930.363160000001</v>
      </c>
      <c r="H2085">
        <v>46630.830430000002</v>
      </c>
      <c r="I2085">
        <v>40551.035680000001</v>
      </c>
      <c r="J2085">
        <v>44104.702380000002</v>
      </c>
      <c r="K2085">
        <v>51025.673410000003</v>
      </c>
      <c r="L2085">
        <v>29978.65382</v>
      </c>
      <c r="M2085">
        <v>312513.91749999998</v>
      </c>
      <c r="N2085">
        <v>86057.005179999993</v>
      </c>
      <c r="O2085">
        <v>24476.906309999998</v>
      </c>
      <c r="P2085">
        <v>41490.216410000001</v>
      </c>
      <c r="Q2085">
        <v>86110.496299999999</v>
      </c>
      <c r="R2085">
        <v>22004.83381</v>
      </c>
      <c r="S2085">
        <v>97268.608649999995</v>
      </c>
      <c r="T2085">
        <v>36643.788500000002</v>
      </c>
      <c r="U2085">
        <v>19273.35514</v>
      </c>
      <c r="W2085" s="83">
        <f>Bühler!N2117</f>
        <v>45378.791666661615</v>
      </c>
      <c r="X2085" s="83">
        <v>43187.791666666664</v>
      </c>
      <c r="Y2085">
        <v>264227.73570000002</v>
      </c>
      <c r="Z2085">
        <v>26585.691169999998</v>
      </c>
      <c r="AA2085">
        <v>79199.738010000001</v>
      </c>
      <c r="AB2085">
        <v>55930.363160000001</v>
      </c>
      <c r="AC2085">
        <v>46630.830430000002</v>
      </c>
      <c r="AD2085">
        <v>40551.035680000001</v>
      </c>
      <c r="AE2085">
        <v>44104.702380000002</v>
      </c>
      <c r="AF2085">
        <v>51025.673410000003</v>
      </c>
      <c r="AG2085">
        <v>29978.65382</v>
      </c>
      <c r="AH2085">
        <v>312513.91749999998</v>
      </c>
      <c r="AI2085">
        <v>86057.005179999993</v>
      </c>
      <c r="AJ2085">
        <v>24476.906309999998</v>
      </c>
      <c r="AK2085">
        <v>41490.216410000001</v>
      </c>
      <c r="AL2085">
        <v>86110.496299999999</v>
      </c>
      <c r="AM2085">
        <v>22004.83381</v>
      </c>
      <c r="AN2085">
        <v>97268.608649999995</v>
      </c>
      <c r="AO2085">
        <v>36643.788500000002</v>
      </c>
      <c r="AP2085">
        <v>19273.35514</v>
      </c>
    </row>
    <row r="2086" spans="2:42" x14ac:dyDescent="0.3">
      <c r="B2086">
        <v>60.080282648783211</v>
      </c>
      <c r="C2086" s="83">
        <v>43187.833333333336</v>
      </c>
      <c r="D2086">
        <v>256978.48379999999</v>
      </c>
      <c r="E2086">
        <v>20673.569090000001</v>
      </c>
      <c r="F2086">
        <v>61685.626989999997</v>
      </c>
      <c r="G2086">
        <v>50811.179409999997</v>
      </c>
      <c r="H2086">
        <v>44464.106039999999</v>
      </c>
      <c r="I2086">
        <v>36012.329640000004</v>
      </c>
      <c r="J2086">
        <v>42989.400139999998</v>
      </c>
      <c r="K2086">
        <v>51528.197440000004</v>
      </c>
      <c r="L2086">
        <v>29477.70464</v>
      </c>
      <c r="M2086">
        <v>306317.29889999999</v>
      </c>
      <c r="N2086">
        <v>83661.643909999999</v>
      </c>
      <c r="O2086">
        <v>23794.508709999998</v>
      </c>
      <c r="P2086">
        <v>42444.498209999998</v>
      </c>
      <c r="Q2086">
        <v>84578.415710000001</v>
      </c>
      <c r="R2086">
        <v>20786.841520000002</v>
      </c>
      <c r="S2086">
        <v>90306.314689999999</v>
      </c>
      <c r="T2086">
        <v>35448.406230000001</v>
      </c>
      <c r="U2086">
        <v>18416.981510000001</v>
      </c>
      <c r="W2086" s="83">
        <f>Bühler!N2118</f>
        <v>45378.833333328279</v>
      </c>
      <c r="X2086" s="83">
        <v>43187.833333333336</v>
      </c>
      <c r="Y2086">
        <v>256978.48379999999</v>
      </c>
      <c r="Z2086">
        <v>20673.569090000001</v>
      </c>
      <c r="AA2086">
        <v>61685.626989999997</v>
      </c>
      <c r="AB2086">
        <v>50811.179409999997</v>
      </c>
      <c r="AC2086">
        <v>44464.106039999999</v>
      </c>
      <c r="AD2086">
        <v>36012.329640000004</v>
      </c>
      <c r="AE2086">
        <v>42989.400139999998</v>
      </c>
      <c r="AF2086">
        <v>51528.197440000004</v>
      </c>
      <c r="AG2086">
        <v>29477.70464</v>
      </c>
      <c r="AH2086">
        <v>306317.29889999999</v>
      </c>
      <c r="AI2086">
        <v>83661.643909999999</v>
      </c>
      <c r="AJ2086">
        <v>23794.508709999998</v>
      </c>
      <c r="AK2086">
        <v>42444.498209999998</v>
      </c>
      <c r="AL2086">
        <v>84578.415710000001</v>
      </c>
      <c r="AM2086">
        <v>20786.841520000002</v>
      </c>
      <c r="AN2086">
        <v>90306.314689999999</v>
      </c>
      <c r="AO2086">
        <v>35448.406230000001</v>
      </c>
      <c r="AP2086">
        <v>18416.981510000001</v>
      </c>
    </row>
    <row r="2087" spans="2:42" x14ac:dyDescent="0.3">
      <c r="B2087">
        <v>58.027311892878366</v>
      </c>
      <c r="C2087" s="83">
        <v>43187.875</v>
      </c>
      <c r="D2087">
        <v>249173.54449999999</v>
      </c>
      <c r="E2087">
        <v>17941.72408</v>
      </c>
      <c r="F2087">
        <v>54277.875930000002</v>
      </c>
      <c r="G2087">
        <v>47106.137799999997</v>
      </c>
      <c r="H2087">
        <v>41378.948329999999</v>
      </c>
      <c r="I2087">
        <v>31252.37228</v>
      </c>
      <c r="J2087">
        <v>41382.783739999999</v>
      </c>
      <c r="K2087">
        <v>50091.521769999999</v>
      </c>
      <c r="L2087">
        <v>27753.97911</v>
      </c>
      <c r="M2087">
        <v>295850.2966</v>
      </c>
      <c r="N2087">
        <v>81288.462209999998</v>
      </c>
      <c r="O2087">
        <v>23028.318459999999</v>
      </c>
      <c r="P2087">
        <v>40752.331019999998</v>
      </c>
      <c r="Q2087">
        <v>82412.771699999998</v>
      </c>
      <c r="R2087">
        <v>19579.33844</v>
      </c>
      <c r="S2087">
        <v>84554.961370000005</v>
      </c>
      <c r="T2087">
        <v>32569.769530000001</v>
      </c>
      <c r="U2087">
        <v>16971.654020000002</v>
      </c>
      <c r="W2087" s="83">
        <f>Bühler!N2119</f>
        <v>45378.874999994943</v>
      </c>
      <c r="X2087" s="83">
        <v>43187.875</v>
      </c>
      <c r="Y2087">
        <v>249173.54449999999</v>
      </c>
      <c r="Z2087">
        <v>17941.72408</v>
      </c>
      <c r="AA2087">
        <v>54277.875930000002</v>
      </c>
      <c r="AB2087">
        <v>47106.137799999997</v>
      </c>
      <c r="AC2087">
        <v>41378.948329999999</v>
      </c>
      <c r="AD2087">
        <v>31252.37228</v>
      </c>
      <c r="AE2087">
        <v>41382.783739999999</v>
      </c>
      <c r="AF2087">
        <v>50091.521769999999</v>
      </c>
      <c r="AG2087">
        <v>27753.97911</v>
      </c>
      <c r="AH2087">
        <v>295850.2966</v>
      </c>
      <c r="AI2087">
        <v>81288.462209999998</v>
      </c>
      <c r="AJ2087">
        <v>23028.318459999999</v>
      </c>
      <c r="AK2087">
        <v>40752.331019999998</v>
      </c>
      <c r="AL2087">
        <v>82412.771699999998</v>
      </c>
      <c r="AM2087">
        <v>19579.33844</v>
      </c>
      <c r="AN2087">
        <v>84554.961370000005</v>
      </c>
      <c r="AO2087">
        <v>32569.769530000001</v>
      </c>
      <c r="AP2087">
        <v>16971.654020000002</v>
      </c>
    </row>
    <row r="2088" spans="2:42" x14ac:dyDescent="0.3">
      <c r="B2088">
        <v>57.853065513591837</v>
      </c>
      <c r="C2088" s="83">
        <v>43187.916666666664</v>
      </c>
      <c r="D2088">
        <v>248014.579</v>
      </c>
      <c r="E2088">
        <v>17281.691210000001</v>
      </c>
      <c r="F2088">
        <v>51775.407659999997</v>
      </c>
      <c r="G2088">
        <v>45249.085400000004</v>
      </c>
      <c r="H2088">
        <v>41101.184910000004</v>
      </c>
      <c r="I2088">
        <v>29656.587070000001</v>
      </c>
      <c r="J2088">
        <v>39316.559200000003</v>
      </c>
      <c r="K2088">
        <v>53357.654020000002</v>
      </c>
      <c r="L2088">
        <v>25813.607400000001</v>
      </c>
      <c r="M2088">
        <v>294961.90730000002</v>
      </c>
      <c r="N2088">
        <v>80883.649189999996</v>
      </c>
      <c r="O2088">
        <v>23870.715329999999</v>
      </c>
      <c r="P2088">
        <v>43783.042860000001</v>
      </c>
      <c r="Q2088">
        <v>81314.253110000005</v>
      </c>
      <c r="R2088">
        <v>27956.06825</v>
      </c>
      <c r="S2088">
        <v>83914.377659999998</v>
      </c>
      <c r="T2088">
        <v>28980.918079999999</v>
      </c>
      <c r="U2088">
        <v>17906.574860000001</v>
      </c>
      <c r="W2088" s="83">
        <f>Bühler!N2120</f>
        <v>45378.916666661607</v>
      </c>
      <c r="X2088" s="83">
        <v>43187.916666666664</v>
      </c>
      <c r="Y2088">
        <v>248014.579</v>
      </c>
      <c r="Z2088">
        <v>17281.691210000001</v>
      </c>
      <c r="AA2088">
        <v>51775.407659999997</v>
      </c>
      <c r="AB2088">
        <v>45249.085400000004</v>
      </c>
      <c r="AC2088">
        <v>41101.184910000004</v>
      </c>
      <c r="AD2088">
        <v>29656.587070000001</v>
      </c>
      <c r="AE2088">
        <v>39316.559200000003</v>
      </c>
      <c r="AF2088">
        <v>53357.654020000002</v>
      </c>
      <c r="AG2088">
        <v>25813.607400000001</v>
      </c>
      <c r="AH2088">
        <v>294961.90730000002</v>
      </c>
      <c r="AI2088">
        <v>80883.649189999996</v>
      </c>
      <c r="AJ2088">
        <v>23870.715329999999</v>
      </c>
      <c r="AK2088">
        <v>43783.042860000001</v>
      </c>
      <c r="AL2088">
        <v>81314.253110000005</v>
      </c>
      <c r="AM2088">
        <v>27956.06825</v>
      </c>
      <c r="AN2088">
        <v>83914.377659999998</v>
      </c>
      <c r="AO2088">
        <v>28980.918079999999</v>
      </c>
      <c r="AP2088">
        <v>17906.574860000001</v>
      </c>
    </row>
    <row r="2089" spans="2:42" x14ac:dyDescent="0.3">
      <c r="B2089">
        <v>56.952023319354666</v>
      </c>
      <c r="C2089" s="83">
        <v>43187.958333333336</v>
      </c>
      <c r="D2089">
        <v>248600.45120000001</v>
      </c>
      <c r="E2089">
        <v>16875.905879999998</v>
      </c>
      <c r="F2089">
        <v>50093.839690000001</v>
      </c>
      <c r="G2089">
        <v>44444.06669</v>
      </c>
      <c r="H2089">
        <v>40038.50664</v>
      </c>
      <c r="I2089">
        <v>28551.206730000002</v>
      </c>
      <c r="J2089">
        <v>37664.201910000003</v>
      </c>
      <c r="K2089">
        <v>52573.529880000002</v>
      </c>
      <c r="L2089">
        <v>22365.580440000002</v>
      </c>
      <c r="M2089">
        <v>290367.97399999999</v>
      </c>
      <c r="N2089">
        <v>80736.137400000007</v>
      </c>
      <c r="O2089">
        <v>24304.629290000001</v>
      </c>
      <c r="P2089">
        <v>39024.473899999997</v>
      </c>
      <c r="Q2089">
        <v>80775.180609999996</v>
      </c>
      <c r="R2089">
        <v>30034.484199999999</v>
      </c>
      <c r="S2089">
        <v>81955.763959999997</v>
      </c>
      <c r="T2089">
        <v>28939.112990000001</v>
      </c>
      <c r="U2089">
        <v>17295.06914</v>
      </c>
      <c r="W2089" s="83">
        <f>Bühler!N2121</f>
        <v>45378.958333328272</v>
      </c>
      <c r="X2089" s="83">
        <v>43187.958333333336</v>
      </c>
      <c r="Y2089">
        <v>248600.45120000001</v>
      </c>
      <c r="Z2089">
        <v>16875.905879999998</v>
      </c>
      <c r="AA2089">
        <v>50093.839690000001</v>
      </c>
      <c r="AB2089">
        <v>44444.06669</v>
      </c>
      <c r="AC2089">
        <v>40038.50664</v>
      </c>
      <c r="AD2089">
        <v>28551.206730000002</v>
      </c>
      <c r="AE2089">
        <v>37664.201910000003</v>
      </c>
      <c r="AF2089">
        <v>52573.529880000002</v>
      </c>
      <c r="AG2089">
        <v>22365.580440000002</v>
      </c>
      <c r="AH2089">
        <v>290367.97399999999</v>
      </c>
      <c r="AI2089">
        <v>80736.137400000007</v>
      </c>
      <c r="AJ2089">
        <v>24304.629290000001</v>
      </c>
      <c r="AK2089">
        <v>39024.473899999997</v>
      </c>
      <c r="AL2089">
        <v>80775.180609999996</v>
      </c>
      <c r="AM2089">
        <v>30034.484199999999</v>
      </c>
      <c r="AN2089">
        <v>81955.763959999997</v>
      </c>
      <c r="AO2089">
        <v>28939.112990000001</v>
      </c>
      <c r="AP2089">
        <v>17295.06914</v>
      </c>
    </row>
    <row r="2090" spans="2:42" x14ac:dyDescent="0.3">
      <c r="B2090">
        <v>56.567378591221029</v>
      </c>
      <c r="C2090" s="83">
        <v>43188</v>
      </c>
      <c r="D2090">
        <v>246095.4644</v>
      </c>
      <c r="E2090">
        <v>16711.227709999999</v>
      </c>
      <c r="F2090">
        <v>49414.911419999997</v>
      </c>
      <c r="G2090">
        <v>43709.937859999998</v>
      </c>
      <c r="H2090">
        <v>39360.985639999999</v>
      </c>
      <c r="I2090">
        <v>26750.76066</v>
      </c>
      <c r="J2090">
        <v>35948.126660000002</v>
      </c>
      <c r="K2090">
        <v>51532.904139999999</v>
      </c>
      <c r="L2090">
        <v>20446.387849999999</v>
      </c>
      <c r="M2090">
        <v>288406.87579999998</v>
      </c>
      <c r="N2090">
        <v>80617.80068</v>
      </c>
      <c r="O2090">
        <v>24459.920289999998</v>
      </c>
      <c r="P2090">
        <v>36353.615030000001</v>
      </c>
      <c r="Q2090">
        <v>79852.772939999995</v>
      </c>
      <c r="R2090">
        <v>25880.719829999998</v>
      </c>
      <c r="S2090">
        <v>81857.386639999997</v>
      </c>
      <c r="T2090">
        <v>28075.627069999999</v>
      </c>
      <c r="U2090">
        <v>17286.740150000001</v>
      </c>
      <c r="W2090" s="83">
        <f>Bühler!N2122</f>
        <v>45378.999999994936</v>
      </c>
      <c r="X2090" s="83">
        <v>43188</v>
      </c>
      <c r="Y2090">
        <v>246095.4644</v>
      </c>
      <c r="Z2090">
        <v>16711.227709999999</v>
      </c>
      <c r="AA2090">
        <v>49414.911419999997</v>
      </c>
      <c r="AB2090">
        <v>43709.937859999998</v>
      </c>
      <c r="AC2090">
        <v>39360.985639999999</v>
      </c>
      <c r="AD2090">
        <v>26750.76066</v>
      </c>
      <c r="AE2090">
        <v>35948.126660000002</v>
      </c>
      <c r="AF2090">
        <v>51532.904139999999</v>
      </c>
      <c r="AG2090">
        <v>20446.387849999999</v>
      </c>
      <c r="AH2090">
        <v>288406.87579999998</v>
      </c>
      <c r="AI2090">
        <v>80617.80068</v>
      </c>
      <c r="AJ2090">
        <v>24459.920289999998</v>
      </c>
      <c r="AK2090">
        <v>36353.615030000001</v>
      </c>
      <c r="AL2090">
        <v>79852.772939999995</v>
      </c>
      <c r="AM2090">
        <v>25880.719829999998</v>
      </c>
      <c r="AN2090">
        <v>81857.386639999997</v>
      </c>
      <c r="AO2090">
        <v>28075.627069999999</v>
      </c>
      <c r="AP2090">
        <v>17286.740150000001</v>
      </c>
    </row>
    <row r="2091" spans="2:42" x14ac:dyDescent="0.3">
      <c r="B2091">
        <v>56.521742691247489</v>
      </c>
      <c r="C2091" s="83">
        <v>43188.041666666664</v>
      </c>
      <c r="D2091">
        <v>248455.2714</v>
      </c>
      <c r="E2091">
        <v>16736.574120000001</v>
      </c>
      <c r="F2091">
        <v>49529.480539999997</v>
      </c>
      <c r="G2091">
        <v>43255.499450000003</v>
      </c>
      <c r="H2091">
        <v>39051.637029999998</v>
      </c>
      <c r="I2091">
        <v>20619.192910000002</v>
      </c>
      <c r="J2091">
        <v>34706.54982</v>
      </c>
      <c r="K2091">
        <v>49519.291700000002</v>
      </c>
      <c r="L2091">
        <v>19956.169279999998</v>
      </c>
      <c r="M2091">
        <v>288174.20270000002</v>
      </c>
      <c r="N2091">
        <v>80329.984670000005</v>
      </c>
      <c r="O2091">
        <v>24241.192940000001</v>
      </c>
      <c r="P2091">
        <v>34189.12803</v>
      </c>
      <c r="Q2091">
        <v>80488.621960000004</v>
      </c>
      <c r="R2091">
        <v>24240.78284</v>
      </c>
      <c r="S2091">
        <v>80873.387929999997</v>
      </c>
      <c r="T2091">
        <v>27806.832910000001</v>
      </c>
      <c r="U2091">
        <v>17507.590499999998</v>
      </c>
      <c r="W2091" s="83">
        <f>Bühler!N2123</f>
        <v>45379.0416666616</v>
      </c>
      <c r="X2091" s="83">
        <v>43188.041666666664</v>
      </c>
      <c r="Y2091">
        <v>248455.2714</v>
      </c>
      <c r="Z2091">
        <v>16736.574120000001</v>
      </c>
      <c r="AA2091">
        <v>49529.480539999997</v>
      </c>
      <c r="AB2091">
        <v>43255.499450000003</v>
      </c>
      <c r="AC2091">
        <v>39051.637029999998</v>
      </c>
      <c r="AD2091">
        <v>20619.192910000002</v>
      </c>
      <c r="AE2091">
        <v>34706.54982</v>
      </c>
      <c r="AF2091">
        <v>49519.291700000002</v>
      </c>
      <c r="AG2091">
        <v>19956.169279999998</v>
      </c>
      <c r="AH2091">
        <v>288174.20270000002</v>
      </c>
      <c r="AI2091">
        <v>80329.984670000005</v>
      </c>
      <c r="AJ2091">
        <v>24241.192940000001</v>
      </c>
      <c r="AK2091">
        <v>34189.12803</v>
      </c>
      <c r="AL2091">
        <v>80488.621960000004</v>
      </c>
      <c r="AM2091">
        <v>24240.78284</v>
      </c>
      <c r="AN2091">
        <v>80873.387929999997</v>
      </c>
      <c r="AO2091">
        <v>27806.832910000001</v>
      </c>
      <c r="AP2091">
        <v>17507.590499999998</v>
      </c>
    </row>
    <row r="2092" spans="2:42" x14ac:dyDescent="0.3">
      <c r="B2092">
        <v>56.853590032491489</v>
      </c>
      <c r="C2092" s="83">
        <v>43188.083333333336</v>
      </c>
      <c r="D2092">
        <v>246619.60320000001</v>
      </c>
      <c r="E2092">
        <v>16791.047009999998</v>
      </c>
      <c r="F2092">
        <v>50562.537960000001</v>
      </c>
      <c r="G2092">
        <v>43176.291420000001</v>
      </c>
      <c r="H2092">
        <v>39177.98057</v>
      </c>
      <c r="I2092">
        <v>18974.70666</v>
      </c>
      <c r="J2092">
        <v>35198.057990000001</v>
      </c>
      <c r="K2092">
        <v>48412.105009999999</v>
      </c>
      <c r="L2092">
        <v>19330.291280000001</v>
      </c>
      <c r="M2092">
        <v>289866.1152</v>
      </c>
      <c r="N2092">
        <v>80471.814620000005</v>
      </c>
      <c r="O2092">
        <v>24608.429810000001</v>
      </c>
      <c r="P2092">
        <v>33348.088909999999</v>
      </c>
      <c r="Q2092">
        <v>83018.557140000004</v>
      </c>
      <c r="R2092">
        <v>25254.622090000001</v>
      </c>
      <c r="S2092">
        <v>80054.368140000006</v>
      </c>
      <c r="T2092">
        <v>26905.852920000001</v>
      </c>
      <c r="U2092">
        <v>17862.105009999999</v>
      </c>
      <c r="W2092" s="83">
        <f>Bühler!N2124</f>
        <v>45379.083333328264</v>
      </c>
      <c r="X2092" s="83">
        <v>43188.083333333336</v>
      </c>
      <c r="Y2092">
        <v>246619.60320000001</v>
      </c>
      <c r="Z2092">
        <v>16791.047009999998</v>
      </c>
      <c r="AA2092">
        <v>50562.537960000001</v>
      </c>
      <c r="AB2092">
        <v>43176.291420000001</v>
      </c>
      <c r="AC2092">
        <v>39177.98057</v>
      </c>
      <c r="AD2092">
        <v>18974.70666</v>
      </c>
      <c r="AE2092">
        <v>35198.057990000001</v>
      </c>
      <c r="AF2092">
        <v>48412.105009999999</v>
      </c>
      <c r="AG2092">
        <v>19330.291280000001</v>
      </c>
      <c r="AH2092">
        <v>289866.1152</v>
      </c>
      <c r="AI2092">
        <v>80471.814620000005</v>
      </c>
      <c r="AJ2092">
        <v>24608.429810000001</v>
      </c>
      <c r="AK2092">
        <v>33348.088909999999</v>
      </c>
      <c r="AL2092">
        <v>83018.557140000004</v>
      </c>
      <c r="AM2092">
        <v>25254.622090000001</v>
      </c>
      <c r="AN2092">
        <v>80054.368140000006</v>
      </c>
      <c r="AO2092">
        <v>26905.852920000001</v>
      </c>
      <c r="AP2092">
        <v>17862.105009999999</v>
      </c>
    </row>
    <row r="2093" spans="2:42" x14ac:dyDescent="0.3">
      <c r="B2093">
        <v>56.929341204333461</v>
      </c>
      <c r="C2093" s="83">
        <v>43188.125</v>
      </c>
      <c r="D2093">
        <v>249242.4124</v>
      </c>
      <c r="E2093">
        <v>16899.176289999999</v>
      </c>
      <c r="F2093">
        <v>51974.340649999998</v>
      </c>
      <c r="G2093">
        <v>42526.061999999998</v>
      </c>
      <c r="H2093">
        <v>39350.275150000001</v>
      </c>
      <c r="I2093">
        <v>19114.855159999999</v>
      </c>
      <c r="J2093">
        <v>35759.392339999999</v>
      </c>
      <c r="K2093">
        <v>46720.53067</v>
      </c>
      <c r="L2093">
        <v>19241.41576</v>
      </c>
      <c r="M2093">
        <v>290252.33</v>
      </c>
      <c r="N2093">
        <v>80720.383489999993</v>
      </c>
      <c r="O2093">
        <v>25014.138360000001</v>
      </c>
      <c r="P2093">
        <v>32629.660779999998</v>
      </c>
      <c r="Q2093">
        <v>86171.666740000001</v>
      </c>
      <c r="R2093">
        <v>25411.515169999999</v>
      </c>
      <c r="S2093">
        <v>79446.313649999996</v>
      </c>
      <c r="T2093">
        <v>27449.839230000001</v>
      </c>
      <c r="U2093">
        <v>18064.06853</v>
      </c>
      <c r="W2093" s="83">
        <f>Bühler!N2125</f>
        <v>45379.124999994929</v>
      </c>
      <c r="X2093" s="83">
        <v>43188.125</v>
      </c>
      <c r="Y2093">
        <v>249242.4124</v>
      </c>
      <c r="Z2093">
        <v>16899.176289999999</v>
      </c>
      <c r="AA2093">
        <v>51974.340649999998</v>
      </c>
      <c r="AB2093">
        <v>42526.061999999998</v>
      </c>
      <c r="AC2093">
        <v>39350.275150000001</v>
      </c>
      <c r="AD2093">
        <v>19114.855159999999</v>
      </c>
      <c r="AE2093">
        <v>35759.392339999999</v>
      </c>
      <c r="AF2093">
        <v>46720.53067</v>
      </c>
      <c r="AG2093">
        <v>19241.41576</v>
      </c>
      <c r="AH2093">
        <v>290252.33</v>
      </c>
      <c r="AI2093">
        <v>80720.383489999993</v>
      </c>
      <c r="AJ2093">
        <v>25014.138360000001</v>
      </c>
      <c r="AK2093">
        <v>32629.660779999998</v>
      </c>
      <c r="AL2093">
        <v>86171.666740000001</v>
      </c>
      <c r="AM2093">
        <v>25411.515169999999</v>
      </c>
      <c r="AN2093">
        <v>79446.313649999996</v>
      </c>
      <c r="AO2093">
        <v>27449.839230000001</v>
      </c>
      <c r="AP2093">
        <v>18064.06853</v>
      </c>
    </row>
    <row r="2094" spans="2:42" x14ac:dyDescent="0.3">
      <c r="B2094">
        <v>58.105965976891831</v>
      </c>
      <c r="C2094" s="83">
        <v>43188.166666666664</v>
      </c>
      <c r="D2094">
        <v>252230.3738</v>
      </c>
      <c r="E2094">
        <v>17588.999670000001</v>
      </c>
      <c r="F2094">
        <v>55268.17914</v>
      </c>
      <c r="G2094">
        <v>42294.522870000001</v>
      </c>
      <c r="H2094">
        <v>40089.808879999997</v>
      </c>
      <c r="I2094">
        <v>22935.73446</v>
      </c>
      <c r="J2094">
        <v>37917.678350000002</v>
      </c>
      <c r="K2094">
        <v>45943.983809999998</v>
      </c>
      <c r="L2094">
        <v>19234.78917</v>
      </c>
      <c r="M2094">
        <v>296251.31180000002</v>
      </c>
      <c r="N2094">
        <v>78771.449210000006</v>
      </c>
      <c r="O2094">
        <v>25593.901669999999</v>
      </c>
      <c r="P2094">
        <v>31987.59319</v>
      </c>
      <c r="Q2094">
        <v>89381.513260000007</v>
      </c>
      <c r="R2094">
        <v>25061.879659999999</v>
      </c>
      <c r="S2094">
        <v>81632.15509</v>
      </c>
      <c r="T2094">
        <v>27271.926889999999</v>
      </c>
      <c r="U2094">
        <v>18511.628639999999</v>
      </c>
      <c r="W2094" s="83">
        <f>Bühler!N2126</f>
        <v>45379.166666661593</v>
      </c>
      <c r="X2094" s="83">
        <v>43188.166666666664</v>
      </c>
      <c r="Y2094">
        <v>252230.3738</v>
      </c>
      <c r="Z2094">
        <v>17588.999670000001</v>
      </c>
      <c r="AA2094">
        <v>55268.17914</v>
      </c>
      <c r="AB2094">
        <v>42294.522870000001</v>
      </c>
      <c r="AC2094">
        <v>40089.808879999997</v>
      </c>
      <c r="AD2094">
        <v>22935.73446</v>
      </c>
      <c r="AE2094">
        <v>37917.678350000002</v>
      </c>
      <c r="AF2094">
        <v>45943.983809999998</v>
      </c>
      <c r="AG2094">
        <v>19234.78917</v>
      </c>
      <c r="AH2094">
        <v>296251.31180000002</v>
      </c>
      <c r="AI2094">
        <v>78771.449210000006</v>
      </c>
      <c r="AJ2094">
        <v>25593.901669999999</v>
      </c>
      <c r="AK2094">
        <v>31987.59319</v>
      </c>
      <c r="AL2094">
        <v>89381.513260000007</v>
      </c>
      <c r="AM2094">
        <v>25061.879659999999</v>
      </c>
      <c r="AN2094">
        <v>81632.15509</v>
      </c>
      <c r="AO2094">
        <v>27271.926889999999</v>
      </c>
      <c r="AP2094">
        <v>18511.628639999999</v>
      </c>
    </row>
    <row r="2095" spans="2:42" x14ac:dyDescent="0.3">
      <c r="B2095">
        <v>61.77082955483457</v>
      </c>
      <c r="C2095" s="83">
        <v>43188.208333333336</v>
      </c>
      <c r="D2095">
        <v>267111.77020000003</v>
      </c>
      <c r="E2095">
        <v>19627.463360000002</v>
      </c>
      <c r="F2095">
        <v>66177.801519999994</v>
      </c>
      <c r="G2095">
        <v>45789.063929999997</v>
      </c>
      <c r="H2095">
        <v>42361.474999999999</v>
      </c>
      <c r="I2095">
        <v>32474.24094</v>
      </c>
      <c r="J2095">
        <v>40932.76683</v>
      </c>
      <c r="K2095">
        <v>46529.260009999998</v>
      </c>
      <c r="L2095">
        <v>20341.17944</v>
      </c>
      <c r="M2095">
        <v>314936.49540000001</v>
      </c>
      <c r="N2095">
        <v>80555.666630000007</v>
      </c>
      <c r="O2095">
        <v>26339.814289999998</v>
      </c>
      <c r="P2095">
        <v>33874.689420000002</v>
      </c>
      <c r="Q2095">
        <v>93082.480639999994</v>
      </c>
      <c r="R2095">
        <v>27903.198899999999</v>
      </c>
      <c r="S2095">
        <v>84203.575689999998</v>
      </c>
      <c r="T2095">
        <v>29034.697049999999</v>
      </c>
      <c r="U2095">
        <v>21297.6165</v>
      </c>
      <c r="W2095" s="83">
        <f>Bühler!N2127</f>
        <v>45379.208333328257</v>
      </c>
      <c r="X2095" s="83">
        <v>43188.208333333336</v>
      </c>
      <c r="Y2095">
        <v>267111.77020000003</v>
      </c>
      <c r="Z2095">
        <v>19627.463360000002</v>
      </c>
      <c r="AA2095">
        <v>66177.801519999994</v>
      </c>
      <c r="AB2095">
        <v>45789.063929999997</v>
      </c>
      <c r="AC2095">
        <v>42361.474999999999</v>
      </c>
      <c r="AD2095">
        <v>32474.24094</v>
      </c>
      <c r="AE2095">
        <v>40932.76683</v>
      </c>
      <c r="AF2095">
        <v>46529.260009999998</v>
      </c>
      <c r="AG2095">
        <v>20341.17944</v>
      </c>
      <c r="AH2095">
        <v>314936.49540000001</v>
      </c>
      <c r="AI2095">
        <v>80555.666630000007</v>
      </c>
      <c r="AJ2095">
        <v>26339.814289999998</v>
      </c>
      <c r="AK2095">
        <v>33874.689420000002</v>
      </c>
      <c r="AL2095">
        <v>93082.480639999994</v>
      </c>
      <c r="AM2095">
        <v>27903.198899999999</v>
      </c>
      <c r="AN2095">
        <v>84203.575689999998</v>
      </c>
      <c r="AO2095">
        <v>29034.697049999999</v>
      </c>
      <c r="AP2095">
        <v>21297.6165</v>
      </c>
    </row>
    <row r="2096" spans="2:42" x14ac:dyDescent="0.3">
      <c r="B2096">
        <v>65.822253613481394</v>
      </c>
      <c r="C2096" s="83">
        <v>43188.25</v>
      </c>
      <c r="D2096">
        <v>282636.48550000001</v>
      </c>
      <c r="E2096">
        <v>23802.111229999999</v>
      </c>
      <c r="F2096">
        <v>78801.208549999996</v>
      </c>
      <c r="G2096">
        <v>59682.406479999998</v>
      </c>
      <c r="H2096">
        <v>45397.791929999999</v>
      </c>
      <c r="I2096">
        <v>39984.769659999998</v>
      </c>
      <c r="J2096">
        <v>44566.790269999998</v>
      </c>
      <c r="K2096">
        <v>49743.664550000001</v>
      </c>
      <c r="L2096">
        <v>22156.900239999999</v>
      </c>
      <c r="M2096">
        <v>335592.54460000002</v>
      </c>
      <c r="N2096">
        <v>83474.186709999994</v>
      </c>
      <c r="O2096">
        <v>27571.515100000001</v>
      </c>
      <c r="P2096">
        <v>34824.795510000004</v>
      </c>
      <c r="Q2096">
        <v>95464.609899999996</v>
      </c>
      <c r="R2096">
        <v>19788.902429999998</v>
      </c>
      <c r="S2096">
        <v>91262.269820000001</v>
      </c>
      <c r="T2096">
        <v>32079.94947</v>
      </c>
      <c r="U2096">
        <v>23646.218489999999</v>
      </c>
      <c r="W2096" s="83">
        <f>Bühler!N2128</f>
        <v>45379.249999994921</v>
      </c>
      <c r="X2096" s="83">
        <v>43188.25</v>
      </c>
      <c r="Y2096">
        <v>282636.48550000001</v>
      </c>
      <c r="Z2096">
        <v>23802.111229999999</v>
      </c>
      <c r="AA2096">
        <v>78801.208549999996</v>
      </c>
      <c r="AB2096">
        <v>59682.406479999998</v>
      </c>
      <c r="AC2096">
        <v>45397.791929999999</v>
      </c>
      <c r="AD2096">
        <v>39984.769659999998</v>
      </c>
      <c r="AE2096">
        <v>44566.790269999998</v>
      </c>
      <c r="AF2096">
        <v>49743.664550000001</v>
      </c>
      <c r="AG2096">
        <v>22156.900239999999</v>
      </c>
      <c r="AH2096">
        <v>335592.54460000002</v>
      </c>
      <c r="AI2096">
        <v>83474.186709999994</v>
      </c>
      <c r="AJ2096">
        <v>27571.515100000001</v>
      </c>
      <c r="AK2096">
        <v>34824.795510000004</v>
      </c>
      <c r="AL2096">
        <v>95464.609899999996</v>
      </c>
      <c r="AM2096">
        <v>19788.902429999998</v>
      </c>
      <c r="AN2096">
        <v>91262.269820000001</v>
      </c>
      <c r="AO2096">
        <v>32079.94947</v>
      </c>
      <c r="AP2096">
        <v>23646.218489999999</v>
      </c>
    </row>
    <row r="2097" spans="2:42" x14ac:dyDescent="0.3">
      <c r="B2097">
        <v>67.059069741521427</v>
      </c>
      <c r="C2097" s="83">
        <v>43188.291666666664</v>
      </c>
      <c r="D2097">
        <v>295180.74690000003</v>
      </c>
      <c r="E2097">
        <v>28256.803889999999</v>
      </c>
      <c r="F2097">
        <v>80143.096120000002</v>
      </c>
      <c r="G2097">
        <v>70610.481299999999</v>
      </c>
      <c r="H2097">
        <v>50006.925969999997</v>
      </c>
      <c r="I2097">
        <v>47175.258349999996</v>
      </c>
      <c r="J2097">
        <v>45105.39748</v>
      </c>
      <c r="K2097">
        <v>54440.013639999997</v>
      </c>
      <c r="L2097">
        <v>24564.3547</v>
      </c>
      <c r="M2097">
        <v>341898.41</v>
      </c>
      <c r="N2097">
        <v>88185.315359999993</v>
      </c>
      <c r="O2097">
        <v>29506.79693</v>
      </c>
      <c r="P2097">
        <v>38354.251049999999</v>
      </c>
      <c r="Q2097">
        <v>94367.330180000004</v>
      </c>
      <c r="R2097">
        <v>19744.714810000001</v>
      </c>
      <c r="S2097">
        <v>105138.3735</v>
      </c>
      <c r="T2097">
        <v>33278.058620000003</v>
      </c>
      <c r="U2097">
        <v>26866.942149999999</v>
      </c>
      <c r="W2097" s="83">
        <f>Bühler!N2129</f>
        <v>45379.291666661586</v>
      </c>
      <c r="X2097" s="83">
        <v>43188.291666666664</v>
      </c>
      <c r="Y2097">
        <v>295180.74690000003</v>
      </c>
      <c r="Z2097">
        <v>28256.803889999999</v>
      </c>
      <c r="AA2097">
        <v>80143.096120000002</v>
      </c>
      <c r="AB2097">
        <v>70610.481299999999</v>
      </c>
      <c r="AC2097">
        <v>50006.925969999997</v>
      </c>
      <c r="AD2097">
        <v>47175.258349999996</v>
      </c>
      <c r="AE2097">
        <v>45105.39748</v>
      </c>
      <c r="AF2097">
        <v>54440.013639999997</v>
      </c>
      <c r="AG2097">
        <v>24564.3547</v>
      </c>
      <c r="AH2097">
        <v>341898.41</v>
      </c>
      <c r="AI2097">
        <v>88185.315359999993</v>
      </c>
      <c r="AJ2097">
        <v>29506.79693</v>
      </c>
      <c r="AK2097">
        <v>38354.251049999999</v>
      </c>
      <c r="AL2097">
        <v>94367.330180000004</v>
      </c>
      <c r="AM2097">
        <v>19744.714810000001</v>
      </c>
      <c r="AN2097">
        <v>105138.3735</v>
      </c>
      <c r="AO2097">
        <v>33278.058620000003</v>
      </c>
      <c r="AP2097">
        <v>26866.942149999999</v>
      </c>
    </row>
    <row r="2098" spans="2:42" x14ac:dyDescent="0.3">
      <c r="B2098">
        <v>67.802582112840923</v>
      </c>
      <c r="C2098" s="83">
        <v>43188.333333333336</v>
      </c>
      <c r="D2098">
        <v>306377.34350000002</v>
      </c>
      <c r="E2098">
        <v>33818.669390000003</v>
      </c>
      <c r="F2098">
        <v>87591.377689999994</v>
      </c>
      <c r="G2098">
        <v>85060.258579999994</v>
      </c>
      <c r="H2098">
        <v>55113.98113</v>
      </c>
      <c r="I2098">
        <v>50464.652820000003</v>
      </c>
      <c r="J2098">
        <v>46185.66863</v>
      </c>
      <c r="K2098">
        <v>60449.384299999998</v>
      </c>
      <c r="L2098">
        <v>27468.955419999998</v>
      </c>
      <c r="M2098">
        <v>345689.18280000001</v>
      </c>
      <c r="N2098">
        <v>94297.878639999995</v>
      </c>
      <c r="O2098">
        <v>31164.403709999999</v>
      </c>
      <c r="P2098">
        <v>39412.565909999998</v>
      </c>
      <c r="Q2098">
        <v>95213.687409999999</v>
      </c>
      <c r="R2098">
        <v>23374.5988</v>
      </c>
      <c r="S2098">
        <v>117510.3927</v>
      </c>
      <c r="T2098">
        <v>36473.818919999998</v>
      </c>
      <c r="U2098">
        <v>29970.641039999999</v>
      </c>
      <c r="W2098" s="83">
        <f>Bühler!N2130</f>
        <v>45379.33333332825</v>
      </c>
      <c r="X2098" s="83">
        <v>43188.333333333336</v>
      </c>
      <c r="Y2098">
        <v>306377.34350000002</v>
      </c>
      <c r="Z2098">
        <v>33818.669390000003</v>
      </c>
      <c r="AA2098">
        <v>87591.377689999994</v>
      </c>
      <c r="AB2098">
        <v>85060.258579999994</v>
      </c>
      <c r="AC2098">
        <v>55113.98113</v>
      </c>
      <c r="AD2098">
        <v>50464.652820000003</v>
      </c>
      <c r="AE2098">
        <v>46185.66863</v>
      </c>
      <c r="AF2098">
        <v>60449.384299999998</v>
      </c>
      <c r="AG2098">
        <v>27468.955419999998</v>
      </c>
      <c r="AH2098">
        <v>345689.18280000001</v>
      </c>
      <c r="AI2098">
        <v>94297.878639999995</v>
      </c>
      <c r="AJ2098">
        <v>31164.403709999999</v>
      </c>
      <c r="AK2098">
        <v>39412.565909999998</v>
      </c>
      <c r="AL2098">
        <v>95213.687409999999</v>
      </c>
      <c r="AM2098">
        <v>23374.5988</v>
      </c>
      <c r="AN2098">
        <v>117510.3927</v>
      </c>
      <c r="AO2098">
        <v>36473.818919999998</v>
      </c>
      <c r="AP2098">
        <v>29970.641039999999</v>
      </c>
    </row>
    <row r="2099" spans="2:42" x14ac:dyDescent="0.3">
      <c r="B2099">
        <v>67.155418754548677</v>
      </c>
      <c r="C2099" s="83">
        <v>43188.375</v>
      </c>
      <c r="D2099">
        <v>307292.39260000002</v>
      </c>
      <c r="E2099">
        <v>38368.441870000002</v>
      </c>
      <c r="F2099">
        <v>94408.688089999996</v>
      </c>
      <c r="G2099">
        <v>93324.719119999994</v>
      </c>
      <c r="H2099">
        <v>57545.289810000002</v>
      </c>
      <c r="I2099">
        <v>47077.348700000002</v>
      </c>
      <c r="J2099">
        <v>45696.32026</v>
      </c>
      <c r="K2099">
        <v>62645.184370000003</v>
      </c>
      <c r="L2099">
        <v>30099.18578</v>
      </c>
      <c r="M2099">
        <v>342389.6422</v>
      </c>
      <c r="N2099">
        <v>101414.00199999999</v>
      </c>
      <c r="O2099">
        <v>31259.645079999998</v>
      </c>
      <c r="P2099">
        <v>40431.949399999998</v>
      </c>
      <c r="Q2099">
        <v>96095.052830000001</v>
      </c>
      <c r="R2099">
        <v>24765.116460000001</v>
      </c>
      <c r="S2099">
        <v>122870.8536</v>
      </c>
      <c r="T2099">
        <v>39094.630160000001</v>
      </c>
      <c r="U2099">
        <v>29437.819680000001</v>
      </c>
      <c r="W2099" s="83">
        <f>Bühler!N2131</f>
        <v>45379.374999994914</v>
      </c>
      <c r="X2099" s="83">
        <v>43188.375</v>
      </c>
      <c r="Y2099">
        <v>307292.39260000002</v>
      </c>
      <c r="Z2099">
        <v>38368.441870000002</v>
      </c>
      <c r="AA2099">
        <v>94408.688089999996</v>
      </c>
      <c r="AB2099">
        <v>93324.719119999994</v>
      </c>
      <c r="AC2099">
        <v>57545.289810000002</v>
      </c>
      <c r="AD2099">
        <v>47077.348700000002</v>
      </c>
      <c r="AE2099">
        <v>45696.32026</v>
      </c>
      <c r="AF2099">
        <v>62645.184370000003</v>
      </c>
      <c r="AG2099">
        <v>30099.18578</v>
      </c>
      <c r="AH2099">
        <v>342389.6422</v>
      </c>
      <c r="AI2099">
        <v>101414.00199999999</v>
      </c>
      <c r="AJ2099">
        <v>31259.645079999998</v>
      </c>
      <c r="AK2099">
        <v>40431.949399999998</v>
      </c>
      <c r="AL2099">
        <v>96095.052830000001</v>
      </c>
      <c r="AM2099">
        <v>24765.116460000001</v>
      </c>
      <c r="AN2099">
        <v>122870.8536</v>
      </c>
      <c r="AO2099">
        <v>39094.630160000001</v>
      </c>
      <c r="AP2099">
        <v>29437.819680000001</v>
      </c>
    </row>
    <row r="2100" spans="2:42" x14ac:dyDescent="0.3">
      <c r="B2100">
        <v>68.01008490466954</v>
      </c>
      <c r="C2100" s="83">
        <v>43188.416666666664</v>
      </c>
      <c r="D2100">
        <v>308864.80089999997</v>
      </c>
      <c r="E2100">
        <v>39868.163399999998</v>
      </c>
      <c r="F2100">
        <v>95825.940319999994</v>
      </c>
      <c r="G2100">
        <v>97063.353640000001</v>
      </c>
      <c r="H2100">
        <v>58015.57847</v>
      </c>
      <c r="I2100">
        <v>43307.819689999997</v>
      </c>
      <c r="J2100">
        <v>43527.876839999997</v>
      </c>
      <c r="K2100">
        <v>64284.526689999999</v>
      </c>
      <c r="L2100">
        <v>32916.249689999997</v>
      </c>
      <c r="M2100">
        <v>346747.12880000001</v>
      </c>
      <c r="N2100">
        <v>104199.6058</v>
      </c>
      <c r="O2100">
        <v>31078.068200000002</v>
      </c>
      <c r="P2100">
        <v>41276.684950000003</v>
      </c>
      <c r="Q2100">
        <v>95637.898369999995</v>
      </c>
      <c r="R2100">
        <v>25764.590660000002</v>
      </c>
      <c r="S2100">
        <v>123477.44289999999</v>
      </c>
      <c r="T2100">
        <v>40346.353000000003</v>
      </c>
      <c r="U2100">
        <v>28699.89892</v>
      </c>
      <c r="W2100" s="83">
        <f>Bühler!N2132</f>
        <v>45379.416666661578</v>
      </c>
      <c r="X2100" s="83">
        <v>43188.416666666664</v>
      </c>
      <c r="Y2100">
        <v>308864.80089999997</v>
      </c>
      <c r="Z2100">
        <v>39868.163399999998</v>
      </c>
      <c r="AA2100">
        <v>95825.940319999994</v>
      </c>
      <c r="AB2100">
        <v>97063.353640000001</v>
      </c>
      <c r="AC2100">
        <v>58015.57847</v>
      </c>
      <c r="AD2100">
        <v>43307.819689999997</v>
      </c>
      <c r="AE2100">
        <v>43527.876839999997</v>
      </c>
      <c r="AF2100">
        <v>64284.526689999999</v>
      </c>
      <c r="AG2100">
        <v>32916.249689999997</v>
      </c>
      <c r="AH2100">
        <v>346747.12880000001</v>
      </c>
      <c r="AI2100">
        <v>104199.6058</v>
      </c>
      <c r="AJ2100">
        <v>31078.068200000002</v>
      </c>
      <c r="AK2100">
        <v>41276.684950000003</v>
      </c>
      <c r="AL2100">
        <v>95637.898369999995</v>
      </c>
      <c r="AM2100">
        <v>25764.590660000002</v>
      </c>
      <c r="AN2100">
        <v>123477.44289999999</v>
      </c>
      <c r="AO2100">
        <v>40346.353000000003</v>
      </c>
      <c r="AP2100">
        <v>28699.89892</v>
      </c>
    </row>
    <row r="2101" spans="2:42" x14ac:dyDescent="0.3">
      <c r="B2101">
        <v>68.047823214014969</v>
      </c>
      <c r="C2101" s="83">
        <v>43188.458333333336</v>
      </c>
      <c r="D2101">
        <v>305843.45699999999</v>
      </c>
      <c r="E2101">
        <v>39552.883670000003</v>
      </c>
      <c r="F2101">
        <v>95193.778760000001</v>
      </c>
      <c r="G2101">
        <v>94771.670490000004</v>
      </c>
      <c r="H2101">
        <v>56782.912360000002</v>
      </c>
      <c r="I2101">
        <v>42262.27104</v>
      </c>
      <c r="J2101">
        <v>44168.971649999999</v>
      </c>
      <c r="K2101">
        <v>64547.594700000001</v>
      </c>
      <c r="L2101">
        <v>34266.558940000003</v>
      </c>
      <c r="M2101">
        <v>346939.53629999998</v>
      </c>
      <c r="N2101">
        <v>101956.5717</v>
      </c>
      <c r="O2101">
        <v>30702.92842</v>
      </c>
      <c r="P2101">
        <v>40575.824639999999</v>
      </c>
      <c r="Q2101">
        <v>95278.966450000007</v>
      </c>
      <c r="R2101">
        <v>27750.596089999999</v>
      </c>
      <c r="S2101">
        <v>125568.55100000001</v>
      </c>
      <c r="T2101">
        <v>39891.014029999998</v>
      </c>
      <c r="U2101">
        <v>27263.17843</v>
      </c>
      <c r="W2101" s="83">
        <f>Bühler!N2133</f>
        <v>45379.458333328243</v>
      </c>
      <c r="X2101" s="83">
        <v>43188.458333333336</v>
      </c>
      <c r="Y2101">
        <v>305843.45699999999</v>
      </c>
      <c r="Z2101">
        <v>39552.883670000003</v>
      </c>
      <c r="AA2101">
        <v>95193.778760000001</v>
      </c>
      <c r="AB2101">
        <v>94771.670490000004</v>
      </c>
      <c r="AC2101">
        <v>56782.912360000002</v>
      </c>
      <c r="AD2101">
        <v>42262.27104</v>
      </c>
      <c r="AE2101">
        <v>44168.971649999999</v>
      </c>
      <c r="AF2101">
        <v>64547.594700000001</v>
      </c>
      <c r="AG2101">
        <v>34266.558940000003</v>
      </c>
      <c r="AH2101">
        <v>346939.53629999998</v>
      </c>
      <c r="AI2101">
        <v>101956.5717</v>
      </c>
      <c r="AJ2101">
        <v>30702.92842</v>
      </c>
      <c r="AK2101">
        <v>40575.824639999999</v>
      </c>
      <c r="AL2101">
        <v>95278.966450000007</v>
      </c>
      <c r="AM2101">
        <v>27750.596089999999</v>
      </c>
      <c r="AN2101">
        <v>125568.55100000001</v>
      </c>
      <c r="AO2101">
        <v>39891.014029999998</v>
      </c>
      <c r="AP2101">
        <v>27263.17843</v>
      </c>
    </row>
    <row r="2102" spans="2:42" x14ac:dyDescent="0.3">
      <c r="B2102">
        <v>66.74420395790537</v>
      </c>
      <c r="C2102" s="83">
        <v>43188.5</v>
      </c>
      <c r="D2102">
        <v>290808.85739999998</v>
      </c>
      <c r="E2102">
        <v>35326.139239999997</v>
      </c>
      <c r="F2102">
        <v>92176.17813</v>
      </c>
      <c r="G2102">
        <v>93024.07591</v>
      </c>
      <c r="H2102">
        <v>54317.478419999999</v>
      </c>
      <c r="I2102">
        <v>40661.98143</v>
      </c>
      <c r="J2102">
        <v>43803.688569999998</v>
      </c>
      <c r="K2102">
        <v>60115.383070000003</v>
      </c>
      <c r="L2102">
        <v>36482.009080000003</v>
      </c>
      <c r="M2102">
        <v>340293.07740000001</v>
      </c>
      <c r="N2102">
        <v>99602.841579999993</v>
      </c>
      <c r="O2102">
        <v>28825.245190000001</v>
      </c>
      <c r="P2102">
        <v>41503.258390000003</v>
      </c>
      <c r="Q2102">
        <v>94868.896269999997</v>
      </c>
      <c r="R2102">
        <v>26932.283179999999</v>
      </c>
      <c r="S2102">
        <v>118854.11990000001</v>
      </c>
      <c r="T2102">
        <v>40396.193460000002</v>
      </c>
      <c r="U2102">
        <v>23596.467250000002</v>
      </c>
      <c r="W2102" s="83">
        <f>Bühler!N2134</f>
        <v>45379.499999994907</v>
      </c>
      <c r="X2102" s="83">
        <v>43188.5</v>
      </c>
      <c r="Y2102">
        <v>290808.85739999998</v>
      </c>
      <c r="Z2102">
        <v>35326.139239999997</v>
      </c>
      <c r="AA2102">
        <v>92176.17813</v>
      </c>
      <c r="AB2102">
        <v>93024.07591</v>
      </c>
      <c r="AC2102">
        <v>54317.478419999999</v>
      </c>
      <c r="AD2102">
        <v>40661.98143</v>
      </c>
      <c r="AE2102">
        <v>43803.688569999998</v>
      </c>
      <c r="AF2102">
        <v>60115.383070000003</v>
      </c>
      <c r="AG2102">
        <v>36482.009080000003</v>
      </c>
      <c r="AH2102">
        <v>340293.07740000001</v>
      </c>
      <c r="AI2102">
        <v>99602.841579999993</v>
      </c>
      <c r="AJ2102">
        <v>28825.245190000001</v>
      </c>
      <c r="AK2102">
        <v>41503.258390000003</v>
      </c>
      <c r="AL2102">
        <v>94868.896269999997</v>
      </c>
      <c r="AM2102">
        <v>26932.283179999999</v>
      </c>
      <c r="AN2102">
        <v>118854.11990000001</v>
      </c>
      <c r="AO2102">
        <v>40396.193460000002</v>
      </c>
      <c r="AP2102">
        <v>23596.467250000002</v>
      </c>
    </row>
    <row r="2103" spans="2:42" x14ac:dyDescent="0.3">
      <c r="B2103">
        <v>66.0173783692954</v>
      </c>
      <c r="C2103" s="83">
        <v>43188.541666666664</v>
      </c>
      <c r="D2103">
        <v>292924.59360000002</v>
      </c>
      <c r="E2103">
        <v>34957.54479</v>
      </c>
      <c r="F2103">
        <v>91687.306559999997</v>
      </c>
      <c r="G2103">
        <v>90309.090270000001</v>
      </c>
      <c r="H2103">
        <v>54765.075640000003</v>
      </c>
      <c r="I2103">
        <v>41436.793740000001</v>
      </c>
      <c r="J2103">
        <v>43144.78269</v>
      </c>
      <c r="K2103">
        <v>63611.261930000001</v>
      </c>
      <c r="L2103">
        <v>34910.783369999997</v>
      </c>
      <c r="M2103">
        <v>336587.38160000002</v>
      </c>
      <c r="N2103">
        <v>100368.951</v>
      </c>
      <c r="O2103">
        <v>28928.454150000001</v>
      </c>
      <c r="P2103">
        <v>39463.617709999999</v>
      </c>
      <c r="Q2103">
        <v>92788.883830000006</v>
      </c>
      <c r="R2103">
        <v>26659.825830000002</v>
      </c>
      <c r="S2103">
        <v>117783.5267</v>
      </c>
      <c r="T2103">
        <v>38837.234340000003</v>
      </c>
      <c r="U2103">
        <v>25623.282230000001</v>
      </c>
      <c r="W2103" s="83">
        <f>Bühler!N2135</f>
        <v>45379.541666661571</v>
      </c>
      <c r="X2103" s="83">
        <v>43188.541666666664</v>
      </c>
      <c r="Y2103">
        <v>292924.59360000002</v>
      </c>
      <c r="Z2103">
        <v>34957.54479</v>
      </c>
      <c r="AA2103">
        <v>91687.306559999997</v>
      </c>
      <c r="AB2103">
        <v>90309.090270000001</v>
      </c>
      <c r="AC2103">
        <v>54765.075640000003</v>
      </c>
      <c r="AD2103">
        <v>41436.793740000001</v>
      </c>
      <c r="AE2103">
        <v>43144.78269</v>
      </c>
      <c r="AF2103">
        <v>63611.261930000001</v>
      </c>
      <c r="AG2103">
        <v>34910.783369999997</v>
      </c>
      <c r="AH2103">
        <v>336587.38160000002</v>
      </c>
      <c r="AI2103">
        <v>100368.951</v>
      </c>
      <c r="AJ2103">
        <v>28928.454150000001</v>
      </c>
      <c r="AK2103">
        <v>39463.617709999999</v>
      </c>
      <c r="AL2103">
        <v>92788.883830000006</v>
      </c>
      <c r="AM2103">
        <v>26659.825830000002</v>
      </c>
      <c r="AN2103">
        <v>117783.5267</v>
      </c>
      <c r="AO2103">
        <v>38837.234340000003</v>
      </c>
      <c r="AP2103">
        <v>25623.282230000001</v>
      </c>
    </row>
    <row r="2104" spans="2:42" x14ac:dyDescent="0.3">
      <c r="B2104">
        <v>66.438075036908842</v>
      </c>
      <c r="C2104" s="83">
        <v>43188.583333333336</v>
      </c>
      <c r="D2104">
        <v>294988.49239999999</v>
      </c>
      <c r="E2104">
        <v>37658.107179999999</v>
      </c>
      <c r="F2104">
        <v>92753.384820000007</v>
      </c>
      <c r="G2104">
        <v>83925.964179999995</v>
      </c>
      <c r="H2104">
        <v>54538.453430000001</v>
      </c>
      <c r="I2104">
        <v>41626.606870000003</v>
      </c>
      <c r="J2104">
        <v>42567.858760000003</v>
      </c>
      <c r="K2104">
        <v>65156.916169999997</v>
      </c>
      <c r="L2104">
        <v>31281.305270000001</v>
      </c>
      <c r="M2104">
        <v>338732.28940000001</v>
      </c>
      <c r="N2104">
        <v>102499.98360000001</v>
      </c>
      <c r="O2104">
        <v>28676.039410000001</v>
      </c>
      <c r="P2104">
        <v>37537.126190000003</v>
      </c>
      <c r="Q2104">
        <v>92130.558350000007</v>
      </c>
      <c r="R2104">
        <v>26258.308580000001</v>
      </c>
      <c r="S2104">
        <v>113137.211</v>
      </c>
      <c r="T2104">
        <v>37419.17916</v>
      </c>
      <c r="U2104">
        <v>26187.805380000002</v>
      </c>
      <c r="W2104" s="83">
        <f>Bühler!N2136</f>
        <v>45379.583333328235</v>
      </c>
      <c r="X2104" s="83">
        <v>43188.583333333336</v>
      </c>
      <c r="Y2104">
        <v>294988.49239999999</v>
      </c>
      <c r="Z2104">
        <v>37658.107179999999</v>
      </c>
      <c r="AA2104">
        <v>92753.384820000007</v>
      </c>
      <c r="AB2104">
        <v>83925.964179999995</v>
      </c>
      <c r="AC2104">
        <v>54538.453430000001</v>
      </c>
      <c r="AD2104">
        <v>41626.606870000003</v>
      </c>
      <c r="AE2104">
        <v>42567.858760000003</v>
      </c>
      <c r="AF2104">
        <v>65156.916169999997</v>
      </c>
      <c r="AG2104">
        <v>31281.305270000001</v>
      </c>
      <c r="AH2104">
        <v>338732.28940000001</v>
      </c>
      <c r="AI2104">
        <v>102499.98360000001</v>
      </c>
      <c r="AJ2104">
        <v>28676.039410000001</v>
      </c>
      <c r="AK2104">
        <v>37537.126190000003</v>
      </c>
      <c r="AL2104">
        <v>92130.558350000007</v>
      </c>
      <c r="AM2104">
        <v>26258.308580000001</v>
      </c>
      <c r="AN2104">
        <v>113137.211</v>
      </c>
      <c r="AO2104">
        <v>37419.17916</v>
      </c>
      <c r="AP2104">
        <v>26187.805380000002</v>
      </c>
    </row>
    <row r="2105" spans="2:42" x14ac:dyDescent="0.3">
      <c r="B2105">
        <v>65.355894488888651</v>
      </c>
      <c r="C2105" s="83">
        <v>43188.625</v>
      </c>
      <c r="D2105">
        <v>291482.31479999999</v>
      </c>
      <c r="E2105">
        <v>37393.620510000001</v>
      </c>
      <c r="F2105">
        <v>93459.721619999997</v>
      </c>
      <c r="G2105">
        <v>79677.472089999996</v>
      </c>
      <c r="H2105">
        <v>52974.774519999999</v>
      </c>
      <c r="I2105">
        <v>42431.570619999999</v>
      </c>
      <c r="J2105">
        <v>42320.704389999999</v>
      </c>
      <c r="K2105">
        <v>62807.551520000001</v>
      </c>
      <c r="L2105">
        <v>27814.967769999999</v>
      </c>
      <c r="M2105">
        <v>333214.82829999999</v>
      </c>
      <c r="N2105">
        <v>102301.6208</v>
      </c>
      <c r="O2105">
        <v>28480.809109999998</v>
      </c>
      <c r="P2105">
        <v>33208.019010000004</v>
      </c>
      <c r="Q2105">
        <v>91266.251279999997</v>
      </c>
      <c r="R2105">
        <v>25247.167509999999</v>
      </c>
      <c r="S2105">
        <v>110500.74559999999</v>
      </c>
      <c r="T2105">
        <v>36413.572030000003</v>
      </c>
      <c r="U2105">
        <v>24403.748390000001</v>
      </c>
      <c r="W2105" s="83">
        <f>Bühler!N2137</f>
        <v>45379.6249999949</v>
      </c>
      <c r="X2105" s="83">
        <v>43188.625</v>
      </c>
      <c r="Y2105">
        <v>291482.31479999999</v>
      </c>
      <c r="Z2105">
        <v>37393.620510000001</v>
      </c>
      <c r="AA2105">
        <v>93459.721619999997</v>
      </c>
      <c r="AB2105">
        <v>79677.472089999996</v>
      </c>
      <c r="AC2105">
        <v>52974.774519999999</v>
      </c>
      <c r="AD2105">
        <v>42431.570619999999</v>
      </c>
      <c r="AE2105">
        <v>42320.704389999999</v>
      </c>
      <c r="AF2105">
        <v>62807.551520000001</v>
      </c>
      <c r="AG2105">
        <v>27814.967769999999</v>
      </c>
      <c r="AH2105">
        <v>333214.82829999999</v>
      </c>
      <c r="AI2105">
        <v>102301.6208</v>
      </c>
      <c r="AJ2105">
        <v>28480.809109999998</v>
      </c>
      <c r="AK2105">
        <v>33208.019010000004</v>
      </c>
      <c r="AL2105">
        <v>91266.251279999997</v>
      </c>
      <c r="AM2105">
        <v>25247.167509999999</v>
      </c>
      <c r="AN2105">
        <v>110500.74559999999</v>
      </c>
      <c r="AO2105">
        <v>36413.572030000003</v>
      </c>
      <c r="AP2105">
        <v>24403.748390000001</v>
      </c>
    </row>
    <row r="2106" spans="2:42" x14ac:dyDescent="0.3">
      <c r="B2106">
        <v>63.553980288847818</v>
      </c>
      <c r="C2106" s="83">
        <v>43188.666666666664</v>
      </c>
      <c r="D2106">
        <v>284094.53869999998</v>
      </c>
      <c r="E2106">
        <v>36437.908629999998</v>
      </c>
      <c r="F2106">
        <v>92656.287460000007</v>
      </c>
      <c r="G2106">
        <v>74635.204949999999</v>
      </c>
      <c r="H2106">
        <v>50933.630160000001</v>
      </c>
      <c r="I2106">
        <v>43158.580379999999</v>
      </c>
      <c r="J2106">
        <v>40753.086300000003</v>
      </c>
      <c r="K2106">
        <v>58485.672189999997</v>
      </c>
      <c r="L2106">
        <v>26594.476259999999</v>
      </c>
      <c r="M2106">
        <v>324027.82939999999</v>
      </c>
      <c r="N2106">
        <v>98182.481870000003</v>
      </c>
      <c r="O2106">
        <v>27292.532370000001</v>
      </c>
      <c r="P2106">
        <v>33879.293169999997</v>
      </c>
      <c r="Q2106">
        <v>90004.522079999995</v>
      </c>
      <c r="R2106">
        <v>24775.857749999999</v>
      </c>
      <c r="S2106">
        <v>106643.444</v>
      </c>
      <c r="T2106">
        <v>35178.410799999998</v>
      </c>
      <c r="U2106">
        <v>22529.543799999999</v>
      </c>
      <c r="W2106" s="83">
        <f>Bühler!N2138</f>
        <v>45379.666666661564</v>
      </c>
      <c r="X2106" s="83">
        <v>43188.666666666664</v>
      </c>
      <c r="Y2106">
        <v>284094.53869999998</v>
      </c>
      <c r="Z2106">
        <v>36437.908629999998</v>
      </c>
      <c r="AA2106">
        <v>92656.287460000007</v>
      </c>
      <c r="AB2106">
        <v>74635.204949999999</v>
      </c>
      <c r="AC2106">
        <v>50933.630160000001</v>
      </c>
      <c r="AD2106">
        <v>43158.580379999999</v>
      </c>
      <c r="AE2106">
        <v>40753.086300000003</v>
      </c>
      <c r="AF2106">
        <v>58485.672189999997</v>
      </c>
      <c r="AG2106">
        <v>26594.476259999999</v>
      </c>
      <c r="AH2106">
        <v>324027.82939999999</v>
      </c>
      <c r="AI2106">
        <v>98182.481870000003</v>
      </c>
      <c r="AJ2106">
        <v>27292.532370000001</v>
      </c>
      <c r="AK2106">
        <v>33879.293169999997</v>
      </c>
      <c r="AL2106">
        <v>90004.522079999995</v>
      </c>
      <c r="AM2106">
        <v>24775.857749999999</v>
      </c>
      <c r="AN2106">
        <v>106643.444</v>
      </c>
      <c r="AO2106">
        <v>35178.410799999998</v>
      </c>
      <c r="AP2106">
        <v>22529.543799999999</v>
      </c>
    </row>
    <row r="2107" spans="2:42" x14ac:dyDescent="0.3">
      <c r="B2107">
        <v>62.002187049595932</v>
      </c>
      <c r="C2107" s="83">
        <v>43188.708333333336</v>
      </c>
      <c r="D2107">
        <v>274572.88329999999</v>
      </c>
      <c r="E2107">
        <v>34002.322789999998</v>
      </c>
      <c r="F2107">
        <v>92365.493950000004</v>
      </c>
      <c r="G2107">
        <v>67573.130239999999</v>
      </c>
      <c r="H2107">
        <v>48486.819459999999</v>
      </c>
      <c r="I2107">
        <v>42248.174879999999</v>
      </c>
      <c r="J2107">
        <v>39990.808210000003</v>
      </c>
      <c r="K2107">
        <v>54594.697999999997</v>
      </c>
      <c r="L2107">
        <v>27130.530490000001</v>
      </c>
      <c r="M2107">
        <v>316116.0638</v>
      </c>
      <c r="N2107">
        <v>90838.913039999999</v>
      </c>
      <c r="O2107">
        <v>25662.79334</v>
      </c>
      <c r="P2107">
        <v>34496.650049999997</v>
      </c>
      <c r="Q2107">
        <v>89228.434970000002</v>
      </c>
      <c r="R2107">
        <v>25280.782859999999</v>
      </c>
      <c r="S2107">
        <v>103344.658</v>
      </c>
      <c r="T2107">
        <v>35234.852449999998</v>
      </c>
      <c r="U2107">
        <v>20595.637149999999</v>
      </c>
      <c r="W2107" s="83">
        <f>Bühler!N2139</f>
        <v>45379.708333328228</v>
      </c>
      <c r="X2107" s="83">
        <v>43188.708333333336</v>
      </c>
      <c r="Y2107">
        <v>274572.88329999999</v>
      </c>
      <c r="Z2107">
        <v>34002.322789999998</v>
      </c>
      <c r="AA2107">
        <v>92365.493950000004</v>
      </c>
      <c r="AB2107">
        <v>67573.130239999999</v>
      </c>
      <c r="AC2107">
        <v>48486.819459999999</v>
      </c>
      <c r="AD2107">
        <v>42248.174879999999</v>
      </c>
      <c r="AE2107">
        <v>39990.808210000003</v>
      </c>
      <c r="AF2107">
        <v>54594.697999999997</v>
      </c>
      <c r="AG2107">
        <v>27130.530490000001</v>
      </c>
      <c r="AH2107">
        <v>316116.0638</v>
      </c>
      <c r="AI2107">
        <v>90838.913039999999</v>
      </c>
      <c r="AJ2107">
        <v>25662.79334</v>
      </c>
      <c r="AK2107">
        <v>34496.650049999997</v>
      </c>
      <c r="AL2107">
        <v>89228.434970000002</v>
      </c>
      <c r="AM2107">
        <v>25280.782859999999</v>
      </c>
      <c r="AN2107">
        <v>103344.658</v>
      </c>
      <c r="AO2107">
        <v>35234.852449999998</v>
      </c>
      <c r="AP2107">
        <v>20595.637149999999</v>
      </c>
    </row>
    <row r="2108" spans="2:42" x14ac:dyDescent="0.3">
      <c r="B2108">
        <v>61.744897187896683</v>
      </c>
      <c r="C2108" s="83">
        <v>43188.75</v>
      </c>
      <c r="D2108">
        <v>267360.32439999998</v>
      </c>
      <c r="E2108">
        <v>31029.070769999998</v>
      </c>
      <c r="F2108">
        <v>90543.566449999998</v>
      </c>
      <c r="G2108">
        <v>59282.767829999997</v>
      </c>
      <c r="H2108">
        <v>46010.989759999997</v>
      </c>
      <c r="I2108">
        <v>41042.473330000001</v>
      </c>
      <c r="J2108">
        <v>40749.857100000001</v>
      </c>
      <c r="K2108">
        <v>51836.277349999997</v>
      </c>
      <c r="L2108">
        <v>29063.246999999999</v>
      </c>
      <c r="M2108">
        <v>314804.28009999997</v>
      </c>
      <c r="N2108">
        <v>87113.514670000004</v>
      </c>
      <c r="O2108">
        <v>24563.62729</v>
      </c>
      <c r="P2108">
        <v>38272.796860000002</v>
      </c>
      <c r="Q2108">
        <v>87701.611579999997</v>
      </c>
      <c r="R2108">
        <v>23182.129489999999</v>
      </c>
      <c r="S2108">
        <v>97711.820120000004</v>
      </c>
      <c r="T2108">
        <v>35211.395020000004</v>
      </c>
      <c r="U2108">
        <v>18686.978709999999</v>
      </c>
      <c r="W2108" s="83">
        <f>Bühler!N2140</f>
        <v>45379.749999994892</v>
      </c>
      <c r="X2108" s="83">
        <v>43188.75</v>
      </c>
      <c r="Y2108">
        <v>267360.32439999998</v>
      </c>
      <c r="Z2108">
        <v>31029.070769999998</v>
      </c>
      <c r="AA2108">
        <v>90543.566449999998</v>
      </c>
      <c r="AB2108">
        <v>59282.767829999997</v>
      </c>
      <c r="AC2108">
        <v>46010.989759999997</v>
      </c>
      <c r="AD2108">
        <v>41042.473330000001</v>
      </c>
      <c r="AE2108">
        <v>40749.857100000001</v>
      </c>
      <c r="AF2108">
        <v>51836.277349999997</v>
      </c>
      <c r="AG2108">
        <v>29063.246999999999</v>
      </c>
      <c r="AH2108">
        <v>314804.28009999997</v>
      </c>
      <c r="AI2108">
        <v>87113.514670000004</v>
      </c>
      <c r="AJ2108">
        <v>24563.62729</v>
      </c>
      <c r="AK2108">
        <v>38272.796860000002</v>
      </c>
      <c r="AL2108">
        <v>87701.611579999997</v>
      </c>
      <c r="AM2108">
        <v>23182.129489999999</v>
      </c>
      <c r="AN2108">
        <v>97711.820120000004</v>
      </c>
      <c r="AO2108">
        <v>35211.395020000004</v>
      </c>
      <c r="AP2108">
        <v>18686.978709999999</v>
      </c>
    </row>
    <row r="2109" spans="2:42" x14ac:dyDescent="0.3">
      <c r="B2109">
        <v>60.850679339975919</v>
      </c>
      <c r="C2109" s="83">
        <v>43188.791666666664</v>
      </c>
      <c r="D2109">
        <v>263226.57150000002</v>
      </c>
      <c r="E2109">
        <v>25984.244589999998</v>
      </c>
      <c r="F2109">
        <v>80271.691999999995</v>
      </c>
      <c r="G2109">
        <v>56795.751360000002</v>
      </c>
      <c r="H2109">
        <v>46048.237710000001</v>
      </c>
      <c r="I2109">
        <v>38913.410430000004</v>
      </c>
      <c r="J2109">
        <v>43231.856220000001</v>
      </c>
      <c r="K2109">
        <v>50891.933279999997</v>
      </c>
      <c r="L2109">
        <v>30741.91923</v>
      </c>
      <c r="M2109">
        <v>310245.14049999998</v>
      </c>
      <c r="N2109">
        <v>87094.06336</v>
      </c>
      <c r="O2109">
        <v>24338.666949999999</v>
      </c>
      <c r="P2109">
        <v>41713.045890000001</v>
      </c>
      <c r="Q2109">
        <v>86285.188710000002</v>
      </c>
      <c r="R2109">
        <v>22671.789700000001</v>
      </c>
      <c r="S2109">
        <v>96424.579450000005</v>
      </c>
      <c r="T2109">
        <v>36913.972280000002</v>
      </c>
      <c r="U2109">
        <v>18736.892159999999</v>
      </c>
      <c r="W2109" s="83">
        <f>Bühler!N2141</f>
        <v>45379.791666661557</v>
      </c>
      <c r="X2109" s="83">
        <v>43188.791666666664</v>
      </c>
      <c r="Y2109">
        <v>263226.57150000002</v>
      </c>
      <c r="Z2109">
        <v>25984.244589999998</v>
      </c>
      <c r="AA2109">
        <v>80271.691999999995</v>
      </c>
      <c r="AB2109">
        <v>56795.751360000002</v>
      </c>
      <c r="AC2109">
        <v>46048.237710000001</v>
      </c>
      <c r="AD2109">
        <v>38913.410430000004</v>
      </c>
      <c r="AE2109">
        <v>43231.856220000001</v>
      </c>
      <c r="AF2109">
        <v>50891.933279999997</v>
      </c>
      <c r="AG2109">
        <v>30741.91923</v>
      </c>
      <c r="AH2109">
        <v>310245.14049999998</v>
      </c>
      <c r="AI2109">
        <v>87094.06336</v>
      </c>
      <c r="AJ2109">
        <v>24338.666949999999</v>
      </c>
      <c r="AK2109">
        <v>41713.045890000001</v>
      </c>
      <c r="AL2109">
        <v>86285.188710000002</v>
      </c>
      <c r="AM2109">
        <v>22671.789700000001</v>
      </c>
      <c r="AN2109">
        <v>96424.579450000005</v>
      </c>
      <c r="AO2109">
        <v>36913.972280000002</v>
      </c>
      <c r="AP2109">
        <v>18736.892159999999</v>
      </c>
    </row>
    <row r="2110" spans="2:42" x14ac:dyDescent="0.3">
      <c r="B2110">
        <v>59.682237812574364</v>
      </c>
      <c r="C2110" s="83">
        <v>43188.833333333336</v>
      </c>
      <c r="D2110">
        <v>255491.6735</v>
      </c>
      <c r="E2110">
        <v>20499.358319999999</v>
      </c>
      <c r="F2110">
        <v>62253.564359999997</v>
      </c>
      <c r="G2110">
        <v>50801.034760000002</v>
      </c>
      <c r="H2110">
        <v>43810.858939999998</v>
      </c>
      <c r="I2110">
        <v>34438.104189999998</v>
      </c>
      <c r="J2110">
        <v>42639.770340000003</v>
      </c>
      <c r="K2110">
        <v>50735.044399999999</v>
      </c>
      <c r="L2110">
        <v>30129.457450000002</v>
      </c>
      <c r="M2110">
        <v>304287.88069999998</v>
      </c>
      <c r="N2110">
        <v>84457.661819999994</v>
      </c>
      <c r="O2110">
        <v>24005.746760000002</v>
      </c>
      <c r="P2110">
        <v>42757.650520000003</v>
      </c>
      <c r="Q2110">
        <v>84090.212620000006</v>
      </c>
      <c r="R2110">
        <v>21704.68158</v>
      </c>
      <c r="S2110">
        <v>89111.497170000002</v>
      </c>
      <c r="T2110">
        <v>35520.111779999999</v>
      </c>
      <c r="U2110">
        <v>18080.454300000001</v>
      </c>
      <c r="W2110" s="83">
        <f>Bühler!N2142</f>
        <v>45379.833333328221</v>
      </c>
      <c r="X2110" s="83">
        <v>43188.833333333336</v>
      </c>
      <c r="Y2110">
        <v>255491.6735</v>
      </c>
      <c r="Z2110">
        <v>20499.358319999999</v>
      </c>
      <c r="AA2110">
        <v>62253.564359999997</v>
      </c>
      <c r="AB2110">
        <v>50801.034760000002</v>
      </c>
      <c r="AC2110">
        <v>43810.858939999998</v>
      </c>
      <c r="AD2110">
        <v>34438.104189999998</v>
      </c>
      <c r="AE2110">
        <v>42639.770340000003</v>
      </c>
      <c r="AF2110">
        <v>50735.044399999999</v>
      </c>
      <c r="AG2110">
        <v>30129.457450000002</v>
      </c>
      <c r="AH2110">
        <v>304287.88069999998</v>
      </c>
      <c r="AI2110">
        <v>84457.661819999994</v>
      </c>
      <c r="AJ2110">
        <v>24005.746760000002</v>
      </c>
      <c r="AK2110">
        <v>42757.650520000003</v>
      </c>
      <c r="AL2110">
        <v>84090.212620000006</v>
      </c>
      <c r="AM2110">
        <v>21704.68158</v>
      </c>
      <c r="AN2110">
        <v>89111.497170000002</v>
      </c>
      <c r="AO2110">
        <v>35520.111779999999</v>
      </c>
      <c r="AP2110">
        <v>18080.454300000001</v>
      </c>
    </row>
    <row r="2111" spans="2:42" x14ac:dyDescent="0.3">
      <c r="B2111">
        <v>57.649442476707797</v>
      </c>
      <c r="C2111" s="83">
        <v>43188.875</v>
      </c>
      <c r="D2111">
        <v>247458.94769999999</v>
      </c>
      <c r="E2111">
        <v>17620.623220000001</v>
      </c>
      <c r="F2111">
        <v>54918.687449999998</v>
      </c>
      <c r="G2111">
        <v>46749.921799999996</v>
      </c>
      <c r="H2111">
        <v>41045.773650000003</v>
      </c>
      <c r="I2111">
        <v>28830.18924</v>
      </c>
      <c r="J2111">
        <v>40697.847710000002</v>
      </c>
      <c r="K2111">
        <v>49910.429470000003</v>
      </c>
      <c r="L2111">
        <v>28137.181110000001</v>
      </c>
      <c r="M2111">
        <v>293923.74209999997</v>
      </c>
      <c r="N2111">
        <v>81831.241680000006</v>
      </c>
      <c r="O2111">
        <v>22971.92009</v>
      </c>
      <c r="P2111">
        <v>39152.794240000003</v>
      </c>
      <c r="Q2111">
        <v>82575.970329999996</v>
      </c>
      <c r="R2111">
        <v>20900.564699999999</v>
      </c>
      <c r="S2111">
        <v>84084.379360000006</v>
      </c>
      <c r="T2111">
        <v>32321.225920000001</v>
      </c>
      <c r="U2111">
        <v>16724.028880000002</v>
      </c>
      <c r="W2111" s="83">
        <f>Bühler!N2143</f>
        <v>45379.874999994885</v>
      </c>
      <c r="X2111" s="83">
        <v>43188.875</v>
      </c>
      <c r="Y2111">
        <v>247458.94769999999</v>
      </c>
      <c r="Z2111">
        <v>17620.623220000001</v>
      </c>
      <c r="AA2111">
        <v>54918.687449999998</v>
      </c>
      <c r="AB2111">
        <v>46749.921799999996</v>
      </c>
      <c r="AC2111">
        <v>41045.773650000003</v>
      </c>
      <c r="AD2111">
        <v>28830.18924</v>
      </c>
      <c r="AE2111">
        <v>40697.847710000002</v>
      </c>
      <c r="AF2111">
        <v>49910.429470000003</v>
      </c>
      <c r="AG2111">
        <v>28137.181110000001</v>
      </c>
      <c r="AH2111">
        <v>293923.74209999997</v>
      </c>
      <c r="AI2111">
        <v>81831.241680000006</v>
      </c>
      <c r="AJ2111">
        <v>22971.92009</v>
      </c>
      <c r="AK2111">
        <v>39152.794240000003</v>
      </c>
      <c r="AL2111">
        <v>82575.970329999996</v>
      </c>
      <c r="AM2111">
        <v>20900.564699999999</v>
      </c>
      <c r="AN2111">
        <v>84084.379360000006</v>
      </c>
      <c r="AO2111">
        <v>32321.225920000001</v>
      </c>
      <c r="AP2111">
        <v>16724.028880000002</v>
      </c>
    </row>
    <row r="2112" spans="2:42" x14ac:dyDescent="0.3">
      <c r="B2112">
        <v>57.843344786479804</v>
      </c>
      <c r="C2112" s="83">
        <v>43188.916666666664</v>
      </c>
      <c r="D2112">
        <v>247406.72719999999</v>
      </c>
      <c r="E2112">
        <v>16716.339059999998</v>
      </c>
      <c r="F2112">
        <v>52141.975039999998</v>
      </c>
      <c r="G2112">
        <v>44566.330679999999</v>
      </c>
      <c r="H2112">
        <v>40479.683279999997</v>
      </c>
      <c r="I2112">
        <v>27408.86983</v>
      </c>
      <c r="J2112">
        <v>39545.870880000002</v>
      </c>
      <c r="K2112">
        <v>53558.511939999997</v>
      </c>
      <c r="L2112">
        <v>25318.138620000002</v>
      </c>
      <c r="M2112">
        <v>294912.34649999999</v>
      </c>
      <c r="N2112">
        <v>80419.571110000004</v>
      </c>
      <c r="O2112">
        <v>23474.415540000002</v>
      </c>
      <c r="P2112">
        <v>42560.188009999998</v>
      </c>
      <c r="Q2112">
        <v>81905.302379999994</v>
      </c>
      <c r="R2112">
        <v>27499.291829999998</v>
      </c>
      <c r="S2112">
        <v>82886.354890000002</v>
      </c>
      <c r="T2112">
        <v>29037.243989999999</v>
      </c>
      <c r="U2112">
        <v>17306.66445</v>
      </c>
      <c r="W2112" s="83">
        <f>Bühler!N2144</f>
        <v>45379.916666661549</v>
      </c>
      <c r="X2112" s="83">
        <v>43188.916666666664</v>
      </c>
      <c r="Y2112">
        <v>247406.72719999999</v>
      </c>
      <c r="Z2112">
        <v>16716.339059999998</v>
      </c>
      <c r="AA2112">
        <v>52141.975039999998</v>
      </c>
      <c r="AB2112">
        <v>44566.330679999999</v>
      </c>
      <c r="AC2112">
        <v>40479.683279999997</v>
      </c>
      <c r="AD2112">
        <v>27408.86983</v>
      </c>
      <c r="AE2112">
        <v>39545.870880000002</v>
      </c>
      <c r="AF2112">
        <v>53558.511939999997</v>
      </c>
      <c r="AG2112">
        <v>25318.138620000002</v>
      </c>
      <c r="AH2112">
        <v>294912.34649999999</v>
      </c>
      <c r="AI2112">
        <v>80419.571110000004</v>
      </c>
      <c r="AJ2112">
        <v>23474.415540000002</v>
      </c>
      <c r="AK2112">
        <v>42560.188009999998</v>
      </c>
      <c r="AL2112">
        <v>81905.302379999994</v>
      </c>
      <c r="AM2112">
        <v>27499.291829999998</v>
      </c>
      <c r="AN2112">
        <v>82886.354890000002</v>
      </c>
      <c r="AO2112">
        <v>29037.243989999999</v>
      </c>
      <c r="AP2112">
        <v>17306.66445</v>
      </c>
    </row>
    <row r="2113" spans="2:42" x14ac:dyDescent="0.3">
      <c r="B2113">
        <v>57.140161346687819</v>
      </c>
      <c r="C2113" s="83">
        <v>43188.958333333336</v>
      </c>
      <c r="D2113">
        <v>247504.82459999999</v>
      </c>
      <c r="E2113">
        <v>16412.67484</v>
      </c>
      <c r="F2113">
        <v>51134.88121</v>
      </c>
      <c r="G2113">
        <v>43349.735679999998</v>
      </c>
      <c r="H2113">
        <v>39366.71155</v>
      </c>
      <c r="I2113">
        <v>25942.512360000001</v>
      </c>
      <c r="J2113">
        <v>37586.47741</v>
      </c>
      <c r="K2113">
        <v>52619.5818</v>
      </c>
      <c r="L2113">
        <v>22101.04047</v>
      </c>
      <c r="M2113">
        <v>291327.18939999997</v>
      </c>
      <c r="N2113">
        <v>79915.813639999993</v>
      </c>
      <c r="O2113">
        <v>23256.874769999999</v>
      </c>
      <c r="P2113">
        <v>37485.364170000001</v>
      </c>
      <c r="Q2113">
        <v>80567.818270000003</v>
      </c>
      <c r="R2113">
        <v>28981.908200000002</v>
      </c>
      <c r="S2113">
        <v>81180.811079999999</v>
      </c>
      <c r="T2113">
        <v>29826.38148</v>
      </c>
      <c r="U2113">
        <v>16394.542099999999</v>
      </c>
      <c r="W2113" s="83">
        <f>Bühler!N2145</f>
        <v>45379.958333328213</v>
      </c>
      <c r="X2113" s="83">
        <v>43188.958333333336</v>
      </c>
      <c r="Y2113">
        <v>247504.82459999999</v>
      </c>
      <c r="Z2113">
        <v>16412.67484</v>
      </c>
      <c r="AA2113">
        <v>51134.88121</v>
      </c>
      <c r="AB2113">
        <v>43349.735679999998</v>
      </c>
      <c r="AC2113">
        <v>39366.71155</v>
      </c>
      <c r="AD2113">
        <v>25942.512360000001</v>
      </c>
      <c r="AE2113">
        <v>37586.47741</v>
      </c>
      <c r="AF2113">
        <v>52619.5818</v>
      </c>
      <c r="AG2113">
        <v>22101.04047</v>
      </c>
      <c r="AH2113">
        <v>291327.18939999997</v>
      </c>
      <c r="AI2113">
        <v>79915.813639999993</v>
      </c>
      <c r="AJ2113">
        <v>23256.874769999999</v>
      </c>
      <c r="AK2113">
        <v>37485.364170000001</v>
      </c>
      <c r="AL2113">
        <v>80567.818270000003</v>
      </c>
      <c r="AM2113">
        <v>28981.908200000002</v>
      </c>
      <c r="AN2113">
        <v>81180.811079999999</v>
      </c>
      <c r="AO2113">
        <v>29826.38148</v>
      </c>
      <c r="AP2113">
        <v>16394.542099999999</v>
      </c>
    </row>
    <row r="2114" spans="2:42" x14ac:dyDescent="0.3">
      <c r="B2114">
        <v>56.394218891659037</v>
      </c>
      <c r="C2114" s="83">
        <v>43189</v>
      </c>
      <c r="D2114">
        <v>245664.09220000001</v>
      </c>
      <c r="E2114">
        <v>16169.21254</v>
      </c>
      <c r="F2114">
        <v>49825.940060000001</v>
      </c>
      <c r="G2114">
        <v>42862.751989999997</v>
      </c>
      <c r="H2114">
        <v>38615.303800000002</v>
      </c>
      <c r="I2114">
        <v>23988.607380000001</v>
      </c>
      <c r="J2114">
        <v>35228.401230000003</v>
      </c>
      <c r="K2114">
        <v>50783.440060000001</v>
      </c>
      <c r="L2114">
        <v>20036.046269999999</v>
      </c>
      <c r="M2114">
        <v>287524.0269</v>
      </c>
      <c r="N2114">
        <v>78655.062669999999</v>
      </c>
      <c r="O2114">
        <v>23084.402170000001</v>
      </c>
      <c r="P2114">
        <v>34476.530200000001</v>
      </c>
      <c r="Q2114">
        <v>80732.249750000003</v>
      </c>
      <c r="R2114">
        <v>25173.224910000001</v>
      </c>
      <c r="S2114">
        <v>80540.687919999997</v>
      </c>
      <c r="T2114">
        <v>27730.02737</v>
      </c>
      <c r="U2114">
        <v>16371.374620000001</v>
      </c>
      <c r="W2114" s="83">
        <f>Bühler!N2146</f>
        <v>45379.999999994878</v>
      </c>
      <c r="X2114" s="83">
        <v>43189</v>
      </c>
      <c r="Y2114">
        <v>245664.09220000001</v>
      </c>
      <c r="Z2114">
        <v>16169.21254</v>
      </c>
      <c r="AA2114">
        <v>49825.940060000001</v>
      </c>
      <c r="AB2114">
        <v>42862.751989999997</v>
      </c>
      <c r="AC2114">
        <v>38615.303800000002</v>
      </c>
      <c r="AD2114">
        <v>23988.607380000001</v>
      </c>
      <c r="AE2114">
        <v>35228.401230000003</v>
      </c>
      <c r="AF2114">
        <v>50783.440060000001</v>
      </c>
      <c r="AG2114">
        <v>20036.046269999999</v>
      </c>
      <c r="AH2114">
        <v>287524.0269</v>
      </c>
      <c r="AI2114">
        <v>78655.062669999999</v>
      </c>
      <c r="AJ2114">
        <v>23084.402170000001</v>
      </c>
      <c r="AK2114">
        <v>34476.530200000001</v>
      </c>
      <c r="AL2114">
        <v>80732.249750000003</v>
      </c>
      <c r="AM2114">
        <v>25173.224910000001</v>
      </c>
      <c r="AN2114">
        <v>80540.687919999997</v>
      </c>
      <c r="AO2114">
        <v>27730.02737</v>
      </c>
      <c r="AP2114">
        <v>16371.374620000001</v>
      </c>
    </row>
    <row r="2115" spans="2:42" x14ac:dyDescent="0.3">
      <c r="B2115">
        <v>55.849023294872218</v>
      </c>
      <c r="C2115" s="83">
        <v>43189.041666666664</v>
      </c>
      <c r="D2115">
        <v>244621.74919999999</v>
      </c>
      <c r="E2115">
        <v>16098.84168</v>
      </c>
      <c r="F2115">
        <v>50239.634160000001</v>
      </c>
      <c r="G2115">
        <v>42314.579380000003</v>
      </c>
      <c r="H2115">
        <v>38259.368479999997</v>
      </c>
      <c r="I2115">
        <v>19761.09404</v>
      </c>
      <c r="J2115">
        <v>34168.399290000001</v>
      </c>
      <c r="K2115">
        <v>49019.346619999997</v>
      </c>
      <c r="L2115">
        <v>19313.090830000001</v>
      </c>
      <c r="M2115">
        <v>284744.36550000001</v>
      </c>
      <c r="N2115">
        <v>78268.981620000006</v>
      </c>
      <c r="O2115">
        <v>23031.222330000001</v>
      </c>
      <c r="P2115">
        <v>33204.831209999997</v>
      </c>
      <c r="Q2115">
        <v>81534.197950000002</v>
      </c>
      <c r="R2115">
        <v>23331.473770000001</v>
      </c>
      <c r="S2115">
        <v>80039.956449999998</v>
      </c>
      <c r="T2115">
        <v>27527.246179999998</v>
      </c>
      <c r="U2115">
        <v>16556.444169999999</v>
      </c>
      <c r="W2115" s="83">
        <f>Bühler!N2147</f>
        <v>45380.041666661542</v>
      </c>
      <c r="X2115" s="83">
        <v>43189.041666666664</v>
      </c>
      <c r="Y2115">
        <v>244621.74919999999</v>
      </c>
      <c r="Z2115">
        <v>16098.84168</v>
      </c>
      <c r="AA2115">
        <v>50239.634160000001</v>
      </c>
      <c r="AB2115">
        <v>42314.579380000003</v>
      </c>
      <c r="AC2115">
        <v>38259.368479999997</v>
      </c>
      <c r="AD2115">
        <v>19761.09404</v>
      </c>
      <c r="AE2115">
        <v>34168.399290000001</v>
      </c>
      <c r="AF2115">
        <v>49019.346619999997</v>
      </c>
      <c r="AG2115">
        <v>19313.090830000001</v>
      </c>
      <c r="AH2115">
        <v>284744.36550000001</v>
      </c>
      <c r="AI2115">
        <v>78268.981620000006</v>
      </c>
      <c r="AJ2115">
        <v>23031.222330000001</v>
      </c>
      <c r="AK2115">
        <v>33204.831209999997</v>
      </c>
      <c r="AL2115">
        <v>81534.197950000002</v>
      </c>
      <c r="AM2115">
        <v>23331.473770000001</v>
      </c>
      <c r="AN2115">
        <v>80039.956449999998</v>
      </c>
      <c r="AO2115">
        <v>27527.246179999998</v>
      </c>
      <c r="AP2115">
        <v>16556.444169999999</v>
      </c>
    </row>
    <row r="2116" spans="2:42" x14ac:dyDescent="0.3">
      <c r="B2116">
        <v>56.038364958669426</v>
      </c>
      <c r="C2116" s="83">
        <v>43189.083333333336</v>
      </c>
      <c r="D2116">
        <v>244025.14300000001</v>
      </c>
      <c r="E2116">
        <v>16091.49416</v>
      </c>
      <c r="F2116">
        <v>51309.852570000003</v>
      </c>
      <c r="G2116">
        <v>41706.35194</v>
      </c>
      <c r="H2116">
        <v>38080.200850000001</v>
      </c>
      <c r="I2116">
        <v>17637.12413</v>
      </c>
      <c r="J2116">
        <v>33818.186670000003</v>
      </c>
      <c r="K2116">
        <v>48065.096669999999</v>
      </c>
      <c r="L2116">
        <v>19302.232080000002</v>
      </c>
      <c r="M2116">
        <v>285709.71759999997</v>
      </c>
      <c r="N2116">
        <v>77913.445000000007</v>
      </c>
      <c r="O2116">
        <v>23046.016210000002</v>
      </c>
      <c r="P2116">
        <v>32648.956600000001</v>
      </c>
      <c r="Q2116">
        <v>83993.24338</v>
      </c>
      <c r="R2116">
        <v>24521.684969999998</v>
      </c>
      <c r="S2116">
        <v>78688.448539999998</v>
      </c>
      <c r="T2116">
        <v>26340.264520000001</v>
      </c>
      <c r="U2116">
        <v>16757.504130000001</v>
      </c>
      <c r="W2116" s="83">
        <f>Bühler!N2148</f>
        <v>45380.083333328206</v>
      </c>
      <c r="X2116" s="83">
        <v>43189.083333333336</v>
      </c>
      <c r="Y2116">
        <v>244025.14300000001</v>
      </c>
      <c r="Z2116">
        <v>16091.49416</v>
      </c>
      <c r="AA2116">
        <v>51309.852570000003</v>
      </c>
      <c r="AB2116">
        <v>41706.35194</v>
      </c>
      <c r="AC2116">
        <v>38080.200850000001</v>
      </c>
      <c r="AD2116">
        <v>17637.12413</v>
      </c>
      <c r="AE2116">
        <v>33818.186670000003</v>
      </c>
      <c r="AF2116">
        <v>48065.096669999999</v>
      </c>
      <c r="AG2116">
        <v>19302.232080000002</v>
      </c>
      <c r="AH2116">
        <v>285709.71759999997</v>
      </c>
      <c r="AI2116">
        <v>77913.445000000007</v>
      </c>
      <c r="AJ2116">
        <v>23046.016210000002</v>
      </c>
      <c r="AK2116">
        <v>32648.956600000001</v>
      </c>
      <c r="AL2116">
        <v>83993.24338</v>
      </c>
      <c r="AM2116">
        <v>24521.684969999998</v>
      </c>
      <c r="AN2116">
        <v>78688.448539999998</v>
      </c>
      <c r="AO2116">
        <v>26340.264520000001</v>
      </c>
      <c r="AP2116">
        <v>16757.504130000001</v>
      </c>
    </row>
    <row r="2117" spans="2:42" x14ac:dyDescent="0.3">
      <c r="B2117">
        <v>56.541377399664832</v>
      </c>
      <c r="C2117" s="83">
        <v>43189.125</v>
      </c>
      <c r="D2117">
        <v>245178.61720000001</v>
      </c>
      <c r="E2117">
        <v>16387.03198</v>
      </c>
      <c r="F2117">
        <v>52657.982369999998</v>
      </c>
      <c r="G2117">
        <v>41677.356319999999</v>
      </c>
      <c r="H2117">
        <v>38220.272019999997</v>
      </c>
      <c r="I2117">
        <v>17838.404259999999</v>
      </c>
      <c r="J2117">
        <v>34741.945740000003</v>
      </c>
      <c r="K2117">
        <v>46489.126810000002</v>
      </c>
      <c r="L2117">
        <v>19471.38046</v>
      </c>
      <c r="M2117">
        <v>288274.30959999998</v>
      </c>
      <c r="N2117">
        <v>77979.574370000002</v>
      </c>
      <c r="O2117">
        <v>23367.423350000001</v>
      </c>
      <c r="P2117">
        <v>32749.4012</v>
      </c>
      <c r="Q2117">
        <v>86173.072230000005</v>
      </c>
      <c r="R2117">
        <v>24675.907729999999</v>
      </c>
      <c r="S2117">
        <v>78606.463029999999</v>
      </c>
      <c r="T2117">
        <v>26818.535489999998</v>
      </c>
      <c r="U2117">
        <v>17242.92885</v>
      </c>
      <c r="W2117" s="83">
        <f>Bühler!N2149</f>
        <v>45380.12499999487</v>
      </c>
      <c r="X2117" s="83">
        <v>43189.125</v>
      </c>
      <c r="Y2117">
        <v>245178.61720000001</v>
      </c>
      <c r="Z2117">
        <v>16387.03198</v>
      </c>
      <c r="AA2117">
        <v>52657.982369999998</v>
      </c>
      <c r="AB2117">
        <v>41677.356319999999</v>
      </c>
      <c r="AC2117">
        <v>38220.272019999997</v>
      </c>
      <c r="AD2117">
        <v>17838.404259999999</v>
      </c>
      <c r="AE2117">
        <v>34741.945740000003</v>
      </c>
      <c r="AF2117">
        <v>46489.126810000002</v>
      </c>
      <c r="AG2117">
        <v>19471.38046</v>
      </c>
      <c r="AH2117">
        <v>288274.30959999998</v>
      </c>
      <c r="AI2117">
        <v>77979.574370000002</v>
      </c>
      <c r="AJ2117">
        <v>23367.423350000001</v>
      </c>
      <c r="AK2117">
        <v>32749.4012</v>
      </c>
      <c r="AL2117">
        <v>86173.072230000005</v>
      </c>
      <c r="AM2117">
        <v>24675.907729999999</v>
      </c>
      <c r="AN2117">
        <v>78606.463029999999</v>
      </c>
      <c r="AO2117">
        <v>26818.535489999998</v>
      </c>
      <c r="AP2117">
        <v>17242.92885</v>
      </c>
    </row>
    <row r="2118" spans="2:42" x14ac:dyDescent="0.3">
      <c r="B2118">
        <v>57.560811098232008</v>
      </c>
      <c r="C2118" s="83">
        <v>43189.166666666664</v>
      </c>
      <c r="D2118">
        <v>245799.43179999999</v>
      </c>
      <c r="E2118">
        <v>16960.42887</v>
      </c>
      <c r="F2118">
        <v>56673.132660000003</v>
      </c>
      <c r="G2118">
        <v>41376.577299999997</v>
      </c>
      <c r="H2118">
        <v>39118.986810000002</v>
      </c>
      <c r="I2118">
        <v>20286.92799</v>
      </c>
      <c r="J2118">
        <v>36943.637880000002</v>
      </c>
      <c r="K2118">
        <v>44826.967019999996</v>
      </c>
      <c r="L2118">
        <v>19840.98229</v>
      </c>
      <c r="M2118">
        <v>293471.85800000001</v>
      </c>
      <c r="N2118">
        <v>78160.040389999995</v>
      </c>
      <c r="O2118">
        <v>23879.998930000002</v>
      </c>
      <c r="P2118">
        <v>30849.394489999999</v>
      </c>
      <c r="Q2118">
        <v>90244.648990000002</v>
      </c>
      <c r="R2118">
        <v>24751.315549999999</v>
      </c>
      <c r="S2118">
        <v>79934.028200000001</v>
      </c>
      <c r="T2118">
        <v>26471.327819999999</v>
      </c>
      <c r="U2118">
        <v>18041.368129999999</v>
      </c>
      <c r="W2118" s="83">
        <f>Bühler!N2150</f>
        <v>45380.166666661535</v>
      </c>
      <c r="X2118" s="83">
        <v>43189.166666666664</v>
      </c>
      <c r="Y2118">
        <v>245799.43179999999</v>
      </c>
      <c r="Z2118">
        <v>16960.42887</v>
      </c>
      <c r="AA2118">
        <v>56673.132660000003</v>
      </c>
      <c r="AB2118">
        <v>41376.577299999997</v>
      </c>
      <c r="AC2118">
        <v>39118.986810000002</v>
      </c>
      <c r="AD2118">
        <v>20286.92799</v>
      </c>
      <c r="AE2118">
        <v>36943.637880000002</v>
      </c>
      <c r="AF2118">
        <v>44826.967019999996</v>
      </c>
      <c r="AG2118">
        <v>19840.98229</v>
      </c>
      <c r="AH2118">
        <v>293471.85800000001</v>
      </c>
      <c r="AI2118">
        <v>78160.040389999995</v>
      </c>
      <c r="AJ2118">
        <v>23879.998930000002</v>
      </c>
      <c r="AK2118">
        <v>30849.394489999999</v>
      </c>
      <c r="AL2118">
        <v>90244.648990000002</v>
      </c>
      <c r="AM2118">
        <v>24751.315549999999</v>
      </c>
      <c r="AN2118">
        <v>79934.028200000001</v>
      </c>
      <c r="AO2118">
        <v>26471.327819999999</v>
      </c>
      <c r="AP2118">
        <v>18041.368129999999</v>
      </c>
    </row>
    <row r="2119" spans="2:42" x14ac:dyDescent="0.3">
      <c r="B2119">
        <v>60.418013249420959</v>
      </c>
      <c r="C2119" s="83">
        <v>43189.208333333336</v>
      </c>
      <c r="D2119">
        <v>257875.7671</v>
      </c>
      <c r="E2119">
        <v>19024.14559</v>
      </c>
      <c r="F2119">
        <v>67172.968540000002</v>
      </c>
      <c r="G2119">
        <v>44710.38248</v>
      </c>
      <c r="H2119">
        <v>41445.0844</v>
      </c>
      <c r="I2119">
        <v>29898.072629999999</v>
      </c>
      <c r="J2119">
        <v>40323.630940000003</v>
      </c>
      <c r="K2119">
        <v>46961.653050000001</v>
      </c>
      <c r="L2119">
        <v>20669.250209999998</v>
      </c>
      <c r="M2119">
        <v>308039.20699999999</v>
      </c>
      <c r="N2119">
        <v>80644.160489999995</v>
      </c>
      <c r="O2119">
        <v>24619.094440000001</v>
      </c>
      <c r="P2119">
        <v>31956.840950000002</v>
      </c>
      <c r="Q2119">
        <v>92561.372010000006</v>
      </c>
      <c r="R2119">
        <v>27291.285100000001</v>
      </c>
      <c r="S2119">
        <v>83094.812600000005</v>
      </c>
      <c r="T2119">
        <v>28799.852449999998</v>
      </c>
      <c r="U2119">
        <v>19968.854189999998</v>
      </c>
      <c r="W2119" s="83">
        <f>Bühler!N2151</f>
        <v>45380.208333328199</v>
      </c>
      <c r="X2119" s="83">
        <v>43189.208333333336</v>
      </c>
      <c r="Y2119">
        <v>257875.7671</v>
      </c>
      <c r="Z2119">
        <v>19024.14559</v>
      </c>
      <c r="AA2119">
        <v>67172.968540000002</v>
      </c>
      <c r="AB2119">
        <v>44710.38248</v>
      </c>
      <c r="AC2119">
        <v>41445.0844</v>
      </c>
      <c r="AD2119">
        <v>29898.072629999999</v>
      </c>
      <c r="AE2119">
        <v>40323.630940000003</v>
      </c>
      <c r="AF2119">
        <v>46961.653050000001</v>
      </c>
      <c r="AG2119">
        <v>20669.250209999998</v>
      </c>
      <c r="AH2119">
        <v>308039.20699999999</v>
      </c>
      <c r="AI2119">
        <v>80644.160489999995</v>
      </c>
      <c r="AJ2119">
        <v>24619.094440000001</v>
      </c>
      <c r="AK2119">
        <v>31956.840950000002</v>
      </c>
      <c r="AL2119">
        <v>92561.372010000006</v>
      </c>
      <c r="AM2119">
        <v>27291.285100000001</v>
      </c>
      <c r="AN2119">
        <v>83094.812600000005</v>
      </c>
      <c r="AO2119">
        <v>28799.852449999998</v>
      </c>
      <c r="AP2119">
        <v>19968.854189999998</v>
      </c>
    </row>
    <row r="2120" spans="2:42" x14ac:dyDescent="0.3">
      <c r="B2120">
        <v>64.340318126759726</v>
      </c>
      <c r="C2120" s="83">
        <v>43189.25</v>
      </c>
      <c r="D2120">
        <v>271976.74959999998</v>
      </c>
      <c r="E2120">
        <v>23181.047920000001</v>
      </c>
      <c r="F2120">
        <v>80131.149619999997</v>
      </c>
      <c r="G2120">
        <v>57767.160340000002</v>
      </c>
      <c r="H2120">
        <v>44496.079089999999</v>
      </c>
      <c r="I2120">
        <v>38128.237059999999</v>
      </c>
      <c r="J2120">
        <v>43194.265850000003</v>
      </c>
      <c r="K2120">
        <v>49726.66618</v>
      </c>
      <c r="L2120">
        <v>22345.131679999999</v>
      </c>
      <c r="M2120">
        <v>328036.94640000002</v>
      </c>
      <c r="N2120">
        <v>83536.871249999997</v>
      </c>
      <c r="O2120">
        <v>26003.55989</v>
      </c>
      <c r="P2120">
        <v>32860.053789999998</v>
      </c>
      <c r="Q2120">
        <v>93628.78688</v>
      </c>
      <c r="R2120">
        <v>20381.941139999999</v>
      </c>
      <c r="S2120">
        <v>90670.277170000001</v>
      </c>
      <c r="T2120">
        <v>31321.624400000001</v>
      </c>
      <c r="U2120">
        <v>21596.903389999999</v>
      </c>
      <c r="W2120" s="83">
        <f>Bühler!N2152</f>
        <v>45380.249999994863</v>
      </c>
      <c r="X2120" s="83">
        <v>43189.25</v>
      </c>
      <c r="Y2120">
        <v>271976.74959999998</v>
      </c>
      <c r="Z2120">
        <v>23181.047920000001</v>
      </c>
      <c r="AA2120">
        <v>80131.149619999997</v>
      </c>
      <c r="AB2120">
        <v>57767.160340000002</v>
      </c>
      <c r="AC2120">
        <v>44496.079089999999</v>
      </c>
      <c r="AD2120">
        <v>38128.237059999999</v>
      </c>
      <c r="AE2120">
        <v>43194.265850000003</v>
      </c>
      <c r="AF2120">
        <v>49726.66618</v>
      </c>
      <c r="AG2120">
        <v>22345.131679999999</v>
      </c>
      <c r="AH2120">
        <v>328036.94640000002</v>
      </c>
      <c r="AI2120">
        <v>83536.871249999997</v>
      </c>
      <c r="AJ2120">
        <v>26003.55989</v>
      </c>
      <c r="AK2120">
        <v>32860.053789999998</v>
      </c>
      <c r="AL2120">
        <v>93628.78688</v>
      </c>
      <c r="AM2120">
        <v>20381.941139999999</v>
      </c>
      <c r="AN2120">
        <v>90670.277170000001</v>
      </c>
      <c r="AO2120">
        <v>31321.624400000001</v>
      </c>
      <c r="AP2120">
        <v>21596.903389999999</v>
      </c>
    </row>
    <row r="2121" spans="2:42" x14ac:dyDescent="0.3">
      <c r="B2121">
        <v>65.584466302810441</v>
      </c>
      <c r="C2121" s="83">
        <v>43189.291666666664</v>
      </c>
      <c r="D2121">
        <v>284737.58490000002</v>
      </c>
      <c r="E2121">
        <v>27382.14084</v>
      </c>
      <c r="F2121">
        <v>82336.902329999997</v>
      </c>
      <c r="G2121">
        <v>69200.459340000001</v>
      </c>
      <c r="H2121">
        <v>48650.367160000002</v>
      </c>
      <c r="I2121">
        <v>46105.835019999999</v>
      </c>
      <c r="J2121">
        <v>43987.526409999999</v>
      </c>
      <c r="K2121">
        <v>54527.725610000001</v>
      </c>
      <c r="L2121">
        <v>24910.77421</v>
      </c>
      <c r="M2121">
        <v>334380.19400000002</v>
      </c>
      <c r="N2121">
        <v>86233.247440000006</v>
      </c>
      <c r="O2121">
        <v>27654.16835</v>
      </c>
      <c r="P2121">
        <v>36583.242380000003</v>
      </c>
      <c r="Q2121">
        <v>92685.897070000006</v>
      </c>
      <c r="R2121">
        <v>20874.323230000002</v>
      </c>
      <c r="S2121">
        <v>104198.0678</v>
      </c>
      <c r="T2121">
        <v>32431.067500000001</v>
      </c>
      <c r="U2121">
        <v>25349.107550000001</v>
      </c>
      <c r="W2121" s="83">
        <f>Bühler!N2153</f>
        <v>45380.291666661527</v>
      </c>
      <c r="X2121" s="83">
        <v>43189.291666666664</v>
      </c>
      <c r="Y2121">
        <v>284737.58490000002</v>
      </c>
      <c r="Z2121">
        <v>27382.14084</v>
      </c>
      <c r="AA2121">
        <v>82336.902329999997</v>
      </c>
      <c r="AB2121">
        <v>69200.459340000001</v>
      </c>
      <c r="AC2121">
        <v>48650.367160000002</v>
      </c>
      <c r="AD2121">
        <v>46105.835019999999</v>
      </c>
      <c r="AE2121">
        <v>43987.526409999999</v>
      </c>
      <c r="AF2121">
        <v>54527.725610000001</v>
      </c>
      <c r="AG2121">
        <v>24910.77421</v>
      </c>
      <c r="AH2121">
        <v>334380.19400000002</v>
      </c>
      <c r="AI2121">
        <v>86233.247440000006</v>
      </c>
      <c r="AJ2121">
        <v>27654.16835</v>
      </c>
      <c r="AK2121">
        <v>36583.242380000003</v>
      </c>
      <c r="AL2121">
        <v>92685.897070000006</v>
      </c>
      <c r="AM2121">
        <v>20874.323230000002</v>
      </c>
      <c r="AN2121">
        <v>104198.0678</v>
      </c>
      <c r="AO2121">
        <v>32431.067500000001</v>
      </c>
      <c r="AP2121">
        <v>25349.107550000001</v>
      </c>
    </row>
    <row r="2122" spans="2:42" x14ac:dyDescent="0.3">
      <c r="B2122">
        <v>65.622701800884798</v>
      </c>
      <c r="C2122" s="83">
        <v>43189.333333333336</v>
      </c>
      <c r="D2122">
        <v>295183.86450000003</v>
      </c>
      <c r="E2122">
        <v>33273.268300000003</v>
      </c>
      <c r="F2122">
        <v>88135.080130000002</v>
      </c>
      <c r="G2122">
        <v>84064.105729999996</v>
      </c>
      <c r="H2122">
        <v>54406.561099999999</v>
      </c>
      <c r="I2122">
        <v>47499.355280000003</v>
      </c>
      <c r="J2122">
        <v>45338.778740000002</v>
      </c>
      <c r="K2122">
        <v>58629.032829999996</v>
      </c>
      <c r="L2122">
        <v>27657.521570000001</v>
      </c>
      <c r="M2122">
        <v>334575.13640000002</v>
      </c>
      <c r="N2122">
        <v>92659.179810000001</v>
      </c>
      <c r="O2122">
        <v>28867.350429999999</v>
      </c>
      <c r="P2122">
        <v>38717.001609999999</v>
      </c>
      <c r="Q2122">
        <v>93969.261830000003</v>
      </c>
      <c r="R2122">
        <v>24068.126199999999</v>
      </c>
      <c r="S2122">
        <v>115910.8893</v>
      </c>
      <c r="T2122">
        <v>35281.660300000003</v>
      </c>
      <c r="U2122">
        <v>27996.699649999999</v>
      </c>
      <c r="W2122" s="83">
        <f>Bühler!N2154</f>
        <v>45380.333333328192</v>
      </c>
      <c r="X2122" s="83">
        <v>43189.333333333336</v>
      </c>
      <c r="Y2122">
        <v>295183.86450000003</v>
      </c>
      <c r="Z2122">
        <v>33273.268300000003</v>
      </c>
      <c r="AA2122">
        <v>88135.080130000002</v>
      </c>
      <c r="AB2122">
        <v>84064.105729999996</v>
      </c>
      <c r="AC2122">
        <v>54406.561099999999</v>
      </c>
      <c r="AD2122">
        <v>47499.355280000003</v>
      </c>
      <c r="AE2122">
        <v>45338.778740000002</v>
      </c>
      <c r="AF2122">
        <v>58629.032829999996</v>
      </c>
      <c r="AG2122">
        <v>27657.521570000001</v>
      </c>
      <c r="AH2122">
        <v>334575.13640000002</v>
      </c>
      <c r="AI2122">
        <v>92659.179810000001</v>
      </c>
      <c r="AJ2122">
        <v>28867.350429999999</v>
      </c>
      <c r="AK2122">
        <v>38717.001609999999</v>
      </c>
      <c r="AL2122">
        <v>93969.261830000003</v>
      </c>
      <c r="AM2122">
        <v>24068.126199999999</v>
      </c>
      <c r="AN2122">
        <v>115910.8893</v>
      </c>
      <c r="AO2122">
        <v>35281.660300000003</v>
      </c>
      <c r="AP2122">
        <v>27996.699649999999</v>
      </c>
    </row>
    <row r="2123" spans="2:42" x14ac:dyDescent="0.3">
      <c r="B2123">
        <v>65.948748750792163</v>
      </c>
      <c r="C2123" s="83">
        <v>43189.375</v>
      </c>
      <c r="D2123">
        <v>295024.76370000001</v>
      </c>
      <c r="E2123">
        <v>37028.364710000002</v>
      </c>
      <c r="F2123">
        <v>95988.954509999996</v>
      </c>
      <c r="G2123">
        <v>93150.142590000003</v>
      </c>
      <c r="H2123">
        <v>55997.127439999997</v>
      </c>
      <c r="I2123">
        <v>44059.459560000003</v>
      </c>
      <c r="J2123">
        <v>44575.891280000003</v>
      </c>
      <c r="K2123">
        <v>60818.270669999998</v>
      </c>
      <c r="L2123">
        <v>30882.747159999999</v>
      </c>
      <c r="M2123">
        <v>336237.47580000001</v>
      </c>
      <c r="N2123">
        <v>98670.339380000005</v>
      </c>
      <c r="O2123">
        <v>28794.421470000001</v>
      </c>
      <c r="P2123">
        <v>40478.14359</v>
      </c>
      <c r="Q2123">
        <v>94313.802450000003</v>
      </c>
      <c r="R2123">
        <v>24822.119890000002</v>
      </c>
      <c r="S2123">
        <v>122280.73269999999</v>
      </c>
      <c r="T2123">
        <v>37251.223619999997</v>
      </c>
      <c r="U2123">
        <v>26785.382409999998</v>
      </c>
      <c r="W2123" s="83">
        <f>Bühler!N2155</f>
        <v>45380.374999994856</v>
      </c>
      <c r="X2123" s="83">
        <v>43189.375</v>
      </c>
      <c r="Y2123">
        <v>295024.76370000001</v>
      </c>
      <c r="Z2123">
        <v>37028.364710000002</v>
      </c>
      <c r="AA2123">
        <v>95988.954509999996</v>
      </c>
      <c r="AB2123">
        <v>93150.142590000003</v>
      </c>
      <c r="AC2123">
        <v>55997.127439999997</v>
      </c>
      <c r="AD2123">
        <v>44059.459560000003</v>
      </c>
      <c r="AE2123">
        <v>44575.891280000003</v>
      </c>
      <c r="AF2123">
        <v>60818.270669999998</v>
      </c>
      <c r="AG2123">
        <v>30882.747159999999</v>
      </c>
      <c r="AH2123">
        <v>336237.47580000001</v>
      </c>
      <c r="AI2123">
        <v>98670.339380000005</v>
      </c>
      <c r="AJ2123">
        <v>28794.421470000001</v>
      </c>
      <c r="AK2123">
        <v>40478.14359</v>
      </c>
      <c r="AL2123">
        <v>94313.802450000003</v>
      </c>
      <c r="AM2123">
        <v>24822.119890000002</v>
      </c>
      <c r="AN2123">
        <v>122280.73269999999</v>
      </c>
      <c r="AO2123">
        <v>37251.223619999997</v>
      </c>
      <c r="AP2123">
        <v>26785.382409999998</v>
      </c>
    </row>
    <row r="2124" spans="2:42" x14ac:dyDescent="0.3">
      <c r="B2124">
        <v>66.23001713697316</v>
      </c>
      <c r="C2124" s="83">
        <v>43189.416666666664</v>
      </c>
      <c r="D2124">
        <v>293673.15159999998</v>
      </c>
      <c r="E2124">
        <v>38194.615579999998</v>
      </c>
      <c r="F2124">
        <v>96325.340989999997</v>
      </c>
      <c r="G2124">
        <v>93853.602100000004</v>
      </c>
      <c r="H2124">
        <v>56153.766320000002</v>
      </c>
      <c r="I2124">
        <v>40206.215230000002</v>
      </c>
      <c r="J2124">
        <v>43034.96082</v>
      </c>
      <c r="K2124">
        <v>62636.710099999997</v>
      </c>
      <c r="L2124">
        <v>32600.529259999999</v>
      </c>
      <c r="M2124">
        <v>337671.51319999999</v>
      </c>
      <c r="N2124">
        <v>101129.5202</v>
      </c>
      <c r="O2124">
        <v>28937.593710000001</v>
      </c>
      <c r="P2124">
        <v>41404.225989999999</v>
      </c>
      <c r="Q2124">
        <v>94419.28701</v>
      </c>
      <c r="R2124">
        <v>24968.787090000002</v>
      </c>
      <c r="S2124">
        <v>122404.8141</v>
      </c>
      <c r="T2124">
        <v>38813.532570000003</v>
      </c>
      <c r="U2124">
        <v>25834.08713</v>
      </c>
      <c r="W2124" s="83">
        <f>Bühler!N2156</f>
        <v>45380.41666666152</v>
      </c>
      <c r="X2124" s="83">
        <v>43189.416666666664</v>
      </c>
      <c r="Y2124">
        <v>293673.15159999998</v>
      </c>
      <c r="Z2124">
        <v>38194.615579999998</v>
      </c>
      <c r="AA2124">
        <v>96325.340989999997</v>
      </c>
      <c r="AB2124">
        <v>93853.602100000004</v>
      </c>
      <c r="AC2124">
        <v>56153.766320000002</v>
      </c>
      <c r="AD2124">
        <v>40206.215230000002</v>
      </c>
      <c r="AE2124">
        <v>43034.96082</v>
      </c>
      <c r="AF2124">
        <v>62636.710099999997</v>
      </c>
      <c r="AG2124">
        <v>32600.529259999999</v>
      </c>
      <c r="AH2124">
        <v>337671.51319999999</v>
      </c>
      <c r="AI2124">
        <v>101129.5202</v>
      </c>
      <c r="AJ2124">
        <v>28937.593710000001</v>
      </c>
      <c r="AK2124">
        <v>41404.225989999999</v>
      </c>
      <c r="AL2124">
        <v>94419.28701</v>
      </c>
      <c r="AM2124">
        <v>24968.787090000002</v>
      </c>
      <c r="AN2124">
        <v>122404.8141</v>
      </c>
      <c r="AO2124">
        <v>38813.532570000003</v>
      </c>
      <c r="AP2124">
        <v>25834.08713</v>
      </c>
    </row>
    <row r="2125" spans="2:42" x14ac:dyDescent="0.3">
      <c r="B2125">
        <v>66.024823019795022</v>
      </c>
      <c r="C2125" s="83">
        <v>43189.458333333336</v>
      </c>
      <c r="D2125">
        <v>288575.45480000001</v>
      </c>
      <c r="E2125">
        <v>37832.522669999998</v>
      </c>
      <c r="F2125">
        <v>96439.750820000001</v>
      </c>
      <c r="G2125">
        <v>91755.779160000006</v>
      </c>
      <c r="H2125">
        <v>54898.055289999997</v>
      </c>
      <c r="I2125">
        <v>39001.211069999998</v>
      </c>
      <c r="J2125">
        <v>42526.832950000004</v>
      </c>
      <c r="K2125">
        <v>62848.93187</v>
      </c>
      <c r="L2125">
        <v>34063.812510000003</v>
      </c>
      <c r="M2125">
        <v>336625.33789999998</v>
      </c>
      <c r="N2125">
        <v>100877.084</v>
      </c>
      <c r="O2125">
        <v>28390.252519999998</v>
      </c>
      <c r="P2125">
        <v>38587.005449999997</v>
      </c>
      <c r="Q2125">
        <v>93479.960940000004</v>
      </c>
      <c r="R2125">
        <v>26331.427640000002</v>
      </c>
      <c r="S2125">
        <v>123319.656</v>
      </c>
      <c r="T2125">
        <v>38533.547030000002</v>
      </c>
      <c r="U2125">
        <v>25599.889220000001</v>
      </c>
      <c r="W2125" s="83">
        <f>Bühler!N2157</f>
        <v>45380.458333328184</v>
      </c>
      <c r="X2125" s="83">
        <v>43189.458333333336</v>
      </c>
      <c r="Y2125">
        <v>288575.45480000001</v>
      </c>
      <c r="Z2125">
        <v>37832.522669999998</v>
      </c>
      <c r="AA2125">
        <v>96439.750820000001</v>
      </c>
      <c r="AB2125">
        <v>91755.779160000006</v>
      </c>
      <c r="AC2125">
        <v>54898.055289999997</v>
      </c>
      <c r="AD2125">
        <v>39001.211069999998</v>
      </c>
      <c r="AE2125">
        <v>42526.832950000004</v>
      </c>
      <c r="AF2125">
        <v>62848.93187</v>
      </c>
      <c r="AG2125">
        <v>34063.812510000003</v>
      </c>
      <c r="AH2125">
        <v>336625.33789999998</v>
      </c>
      <c r="AI2125">
        <v>100877.084</v>
      </c>
      <c r="AJ2125">
        <v>28390.252519999998</v>
      </c>
      <c r="AK2125">
        <v>38587.005449999997</v>
      </c>
      <c r="AL2125">
        <v>93479.960940000004</v>
      </c>
      <c r="AM2125">
        <v>26331.427640000002</v>
      </c>
      <c r="AN2125">
        <v>123319.656</v>
      </c>
      <c r="AO2125">
        <v>38533.547030000002</v>
      </c>
      <c r="AP2125">
        <v>25599.889220000001</v>
      </c>
    </row>
    <row r="2126" spans="2:42" x14ac:dyDescent="0.3">
      <c r="B2126">
        <v>64.483540058812324</v>
      </c>
      <c r="C2126" s="83">
        <v>43189.5</v>
      </c>
      <c r="D2126">
        <v>273586.35710000002</v>
      </c>
      <c r="E2126">
        <v>33631.797689999999</v>
      </c>
      <c r="F2126">
        <v>94308.604139999996</v>
      </c>
      <c r="G2126">
        <v>90938.103050000005</v>
      </c>
      <c r="H2126">
        <v>52307.156739999999</v>
      </c>
      <c r="I2126">
        <v>37230.484859999997</v>
      </c>
      <c r="J2126">
        <v>42851.381990000002</v>
      </c>
      <c r="K2126">
        <v>58732.875390000001</v>
      </c>
      <c r="L2126">
        <v>35872.069510000001</v>
      </c>
      <c r="M2126">
        <v>328767.15860000002</v>
      </c>
      <c r="N2126">
        <v>97983.507530000003</v>
      </c>
      <c r="O2126">
        <v>27170.47336</v>
      </c>
      <c r="P2126">
        <v>39519.712639999998</v>
      </c>
      <c r="Q2126">
        <v>91581.80171</v>
      </c>
      <c r="R2126">
        <v>26055.702310000001</v>
      </c>
      <c r="S2126">
        <v>116145.4066</v>
      </c>
      <c r="T2126">
        <v>38057.387349999997</v>
      </c>
      <c r="U2126">
        <v>21607.302039999999</v>
      </c>
      <c r="W2126" s="83">
        <f>Bühler!N2158</f>
        <v>45380.499999994849</v>
      </c>
      <c r="X2126" s="83">
        <v>43189.5</v>
      </c>
      <c r="Y2126">
        <v>273586.35710000002</v>
      </c>
      <c r="Z2126">
        <v>33631.797689999999</v>
      </c>
      <c r="AA2126">
        <v>94308.604139999996</v>
      </c>
      <c r="AB2126">
        <v>90938.103050000005</v>
      </c>
      <c r="AC2126">
        <v>52307.156739999999</v>
      </c>
      <c r="AD2126">
        <v>37230.484859999997</v>
      </c>
      <c r="AE2126">
        <v>42851.381990000002</v>
      </c>
      <c r="AF2126">
        <v>58732.875390000001</v>
      </c>
      <c r="AG2126">
        <v>35872.069510000001</v>
      </c>
      <c r="AH2126">
        <v>328767.15860000002</v>
      </c>
      <c r="AI2126">
        <v>97983.507530000003</v>
      </c>
      <c r="AJ2126">
        <v>27170.47336</v>
      </c>
      <c r="AK2126">
        <v>39519.712639999998</v>
      </c>
      <c r="AL2126">
        <v>91581.80171</v>
      </c>
      <c r="AM2126">
        <v>26055.702310000001</v>
      </c>
      <c r="AN2126">
        <v>116145.4066</v>
      </c>
      <c r="AO2126">
        <v>38057.387349999997</v>
      </c>
      <c r="AP2126">
        <v>21607.302039999999</v>
      </c>
    </row>
    <row r="2127" spans="2:42" x14ac:dyDescent="0.3">
      <c r="B2127">
        <v>63.154458479075764</v>
      </c>
      <c r="C2127" s="83">
        <v>43189.541666666664</v>
      </c>
      <c r="D2127">
        <v>270670.8824</v>
      </c>
      <c r="E2127">
        <v>32843.460019999999</v>
      </c>
      <c r="F2127">
        <v>93672.510540000003</v>
      </c>
      <c r="G2127">
        <v>86553.327539999998</v>
      </c>
      <c r="H2127">
        <v>51161.338940000001</v>
      </c>
      <c r="I2127">
        <v>37049.15969</v>
      </c>
      <c r="J2127">
        <v>41913.344069999999</v>
      </c>
      <c r="K2127">
        <v>60640.639669999997</v>
      </c>
      <c r="L2127">
        <v>34069.447440000004</v>
      </c>
      <c r="M2127">
        <v>321990.88089999999</v>
      </c>
      <c r="N2127">
        <v>95386.058980000002</v>
      </c>
      <c r="O2127">
        <v>27427.5177</v>
      </c>
      <c r="P2127">
        <v>38100.084990000003</v>
      </c>
      <c r="Q2127">
        <v>89422.287639999995</v>
      </c>
      <c r="R2127">
        <v>25911.51685</v>
      </c>
      <c r="S2127">
        <v>114974.3944</v>
      </c>
      <c r="T2127">
        <v>36162.649559999998</v>
      </c>
      <c r="U2127">
        <v>22022.982349999998</v>
      </c>
      <c r="W2127" s="83">
        <f>Bühler!N2159</f>
        <v>45380.541666661513</v>
      </c>
      <c r="X2127" s="83">
        <v>43189.541666666664</v>
      </c>
      <c r="Y2127">
        <v>270670.8824</v>
      </c>
      <c r="Z2127">
        <v>32843.460019999999</v>
      </c>
      <c r="AA2127">
        <v>93672.510540000003</v>
      </c>
      <c r="AB2127">
        <v>86553.327539999998</v>
      </c>
      <c r="AC2127">
        <v>51161.338940000001</v>
      </c>
      <c r="AD2127">
        <v>37049.15969</v>
      </c>
      <c r="AE2127">
        <v>41913.344069999999</v>
      </c>
      <c r="AF2127">
        <v>60640.639669999997</v>
      </c>
      <c r="AG2127">
        <v>34069.447440000004</v>
      </c>
      <c r="AH2127">
        <v>321990.88089999999</v>
      </c>
      <c r="AI2127">
        <v>95386.058980000002</v>
      </c>
      <c r="AJ2127">
        <v>27427.5177</v>
      </c>
      <c r="AK2127">
        <v>38100.084990000003</v>
      </c>
      <c r="AL2127">
        <v>89422.287639999995</v>
      </c>
      <c r="AM2127">
        <v>25911.51685</v>
      </c>
      <c r="AN2127">
        <v>114974.3944</v>
      </c>
      <c r="AO2127">
        <v>36162.649559999998</v>
      </c>
      <c r="AP2127">
        <v>22022.982349999998</v>
      </c>
    </row>
    <row r="2128" spans="2:42" x14ac:dyDescent="0.3">
      <c r="B2128">
        <v>63.064127491458947</v>
      </c>
      <c r="C2128" s="83">
        <v>43189.583333333336</v>
      </c>
      <c r="D2128">
        <v>268820.31170000002</v>
      </c>
      <c r="E2128">
        <v>35238.439590000002</v>
      </c>
      <c r="F2128">
        <v>94613.500069999995</v>
      </c>
      <c r="G2128">
        <v>78620.079939999996</v>
      </c>
      <c r="H2128">
        <v>50478.567909999998</v>
      </c>
      <c r="I2128">
        <v>36731.761559999999</v>
      </c>
      <c r="J2128">
        <v>41149.829239999999</v>
      </c>
      <c r="K2128">
        <v>60730.530910000001</v>
      </c>
      <c r="L2128">
        <v>31698.305369999998</v>
      </c>
      <c r="M2128">
        <v>321530.33140000002</v>
      </c>
      <c r="N2128">
        <v>94370.384950000007</v>
      </c>
      <c r="O2128">
        <v>26740.35613</v>
      </c>
      <c r="P2128">
        <v>35849.65655</v>
      </c>
      <c r="Q2128">
        <v>89309.523199999996</v>
      </c>
      <c r="R2128">
        <v>25370.301039999998</v>
      </c>
      <c r="S2128">
        <v>110969.8371</v>
      </c>
      <c r="T2128">
        <v>34549.743900000001</v>
      </c>
      <c r="U2128">
        <v>22761.416809999999</v>
      </c>
      <c r="W2128" s="83">
        <f>Bühler!N2160</f>
        <v>45380.583333328177</v>
      </c>
      <c r="X2128" s="83">
        <v>43189.583333333336</v>
      </c>
      <c r="Y2128">
        <v>268820.31170000002</v>
      </c>
      <c r="Z2128">
        <v>35238.439590000002</v>
      </c>
      <c r="AA2128">
        <v>94613.500069999995</v>
      </c>
      <c r="AB2128">
        <v>78620.079939999996</v>
      </c>
      <c r="AC2128">
        <v>50478.567909999998</v>
      </c>
      <c r="AD2128">
        <v>36731.761559999999</v>
      </c>
      <c r="AE2128">
        <v>41149.829239999999</v>
      </c>
      <c r="AF2128">
        <v>60730.530910000001</v>
      </c>
      <c r="AG2128">
        <v>31698.305369999998</v>
      </c>
      <c r="AH2128">
        <v>321530.33140000002</v>
      </c>
      <c r="AI2128">
        <v>94370.384950000007</v>
      </c>
      <c r="AJ2128">
        <v>26740.35613</v>
      </c>
      <c r="AK2128">
        <v>35849.65655</v>
      </c>
      <c r="AL2128">
        <v>89309.523199999996</v>
      </c>
      <c r="AM2128">
        <v>25370.301039999998</v>
      </c>
      <c r="AN2128">
        <v>110969.8371</v>
      </c>
      <c r="AO2128">
        <v>34549.743900000001</v>
      </c>
      <c r="AP2128">
        <v>22761.416809999999</v>
      </c>
    </row>
    <row r="2129" spans="2:42" x14ac:dyDescent="0.3">
      <c r="B2129">
        <v>61.192016809575165</v>
      </c>
      <c r="C2129" s="83">
        <v>43189.625</v>
      </c>
      <c r="D2129">
        <v>264426.9301</v>
      </c>
      <c r="E2129">
        <v>34775.092040000003</v>
      </c>
      <c r="F2129">
        <v>93981.085279999999</v>
      </c>
      <c r="G2129">
        <v>73429.613230000003</v>
      </c>
      <c r="H2129">
        <v>48675.197990000001</v>
      </c>
      <c r="I2129">
        <v>37204.16461</v>
      </c>
      <c r="J2129">
        <v>40576.361250000002</v>
      </c>
      <c r="K2129">
        <v>59518.36075</v>
      </c>
      <c r="L2129">
        <v>27944.301370000001</v>
      </c>
      <c r="M2129">
        <v>311985.43810000003</v>
      </c>
      <c r="N2129">
        <v>91788.318790000005</v>
      </c>
      <c r="O2129">
        <v>25878.69138</v>
      </c>
      <c r="P2129">
        <v>32867.856169999999</v>
      </c>
      <c r="Q2129">
        <v>86995.280589999995</v>
      </c>
      <c r="R2129">
        <v>24254.27277</v>
      </c>
      <c r="S2129">
        <v>106400.09050000001</v>
      </c>
      <c r="T2129">
        <v>33744.789380000002</v>
      </c>
      <c r="U2129">
        <v>21633.811300000001</v>
      </c>
      <c r="W2129" s="83">
        <f>Bühler!N2161</f>
        <v>45380.624999994841</v>
      </c>
      <c r="X2129" s="83">
        <v>43189.625</v>
      </c>
      <c r="Y2129">
        <v>264426.9301</v>
      </c>
      <c r="Z2129">
        <v>34775.092040000003</v>
      </c>
      <c r="AA2129">
        <v>93981.085279999999</v>
      </c>
      <c r="AB2129">
        <v>73429.613230000003</v>
      </c>
      <c r="AC2129">
        <v>48675.197990000001</v>
      </c>
      <c r="AD2129">
        <v>37204.16461</v>
      </c>
      <c r="AE2129">
        <v>40576.361250000002</v>
      </c>
      <c r="AF2129">
        <v>59518.36075</v>
      </c>
      <c r="AG2129">
        <v>27944.301370000001</v>
      </c>
      <c r="AH2129">
        <v>311985.43810000003</v>
      </c>
      <c r="AI2129">
        <v>91788.318790000005</v>
      </c>
      <c r="AJ2129">
        <v>25878.69138</v>
      </c>
      <c r="AK2129">
        <v>32867.856169999999</v>
      </c>
      <c r="AL2129">
        <v>86995.280589999995</v>
      </c>
      <c r="AM2129">
        <v>24254.27277</v>
      </c>
      <c r="AN2129">
        <v>106400.09050000001</v>
      </c>
      <c r="AO2129">
        <v>33744.789380000002</v>
      </c>
      <c r="AP2129">
        <v>21633.811300000001</v>
      </c>
    </row>
    <row r="2130" spans="2:42" x14ac:dyDescent="0.3">
      <c r="B2130">
        <v>59.774162279377904</v>
      </c>
      <c r="C2130" s="83">
        <v>43189.666666666664</v>
      </c>
      <c r="D2130">
        <v>256150.4008</v>
      </c>
      <c r="E2130">
        <v>33291.582249999999</v>
      </c>
      <c r="F2130">
        <v>92917.133249999999</v>
      </c>
      <c r="G2130">
        <v>67315.394350000002</v>
      </c>
      <c r="H2130">
        <v>46857.568350000001</v>
      </c>
      <c r="I2130">
        <v>38561.647199999999</v>
      </c>
      <c r="J2130">
        <v>39543.640879999999</v>
      </c>
      <c r="K2130">
        <v>54761.079720000002</v>
      </c>
      <c r="L2130">
        <v>26960.1538</v>
      </c>
      <c r="M2130">
        <v>304756.55450000003</v>
      </c>
      <c r="N2130">
        <v>88189.106700000004</v>
      </c>
      <c r="O2130">
        <v>25247.877710000001</v>
      </c>
      <c r="P2130">
        <v>32846.643150000004</v>
      </c>
      <c r="Q2130">
        <v>85982.683550000002</v>
      </c>
      <c r="R2130">
        <v>23411.89272</v>
      </c>
      <c r="S2130">
        <v>103566.81630000001</v>
      </c>
      <c r="T2130">
        <v>33729.317439999999</v>
      </c>
      <c r="U2130">
        <v>19527.39373</v>
      </c>
      <c r="W2130" s="83">
        <f>Bühler!N2162</f>
        <v>45380.666666661506</v>
      </c>
      <c r="X2130" s="83">
        <v>43189.666666666664</v>
      </c>
      <c r="Y2130">
        <v>256150.4008</v>
      </c>
      <c r="Z2130">
        <v>33291.582249999999</v>
      </c>
      <c r="AA2130">
        <v>92917.133249999999</v>
      </c>
      <c r="AB2130">
        <v>67315.394350000002</v>
      </c>
      <c r="AC2130">
        <v>46857.568350000001</v>
      </c>
      <c r="AD2130">
        <v>38561.647199999999</v>
      </c>
      <c r="AE2130">
        <v>39543.640879999999</v>
      </c>
      <c r="AF2130">
        <v>54761.079720000002</v>
      </c>
      <c r="AG2130">
        <v>26960.1538</v>
      </c>
      <c r="AH2130">
        <v>304756.55450000003</v>
      </c>
      <c r="AI2130">
        <v>88189.106700000004</v>
      </c>
      <c r="AJ2130">
        <v>25247.877710000001</v>
      </c>
      <c r="AK2130">
        <v>32846.643150000004</v>
      </c>
      <c r="AL2130">
        <v>85982.683550000002</v>
      </c>
      <c r="AM2130">
        <v>23411.89272</v>
      </c>
      <c r="AN2130">
        <v>103566.81630000001</v>
      </c>
      <c r="AO2130">
        <v>33729.317439999999</v>
      </c>
      <c r="AP2130">
        <v>19527.39373</v>
      </c>
    </row>
    <row r="2131" spans="2:42" x14ac:dyDescent="0.3">
      <c r="B2131">
        <v>58.759527612197608</v>
      </c>
      <c r="C2131" s="83">
        <v>43189.708333333336</v>
      </c>
      <c r="D2131">
        <v>245863.64499999999</v>
      </c>
      <c r="E2131">
        <v>31098.16978</v>
      </c>
      <c r="F2131">
        <v>91792.914449999997</v>
      </c>
      <c r="G2131">
        <v>58032.984519999998</v>
      </c>
      <c r="H2131">
        <v>45303.011890000002</v>
      </c>
      <c r="I2131">
        <v>38540.737350000003</v>
      </c>
      <c r="J2131">
        <v>39411.736129999998</v>
      </c>
      <c r="K2131">
        <v>50703.854350000001</v>
      </c>
      <c r="L2131">
        <v>28033.981820000001</v>
      </c>
      <c r="M2131">
        <v>299583.47379999998</v>
      </c>
      <c r="N2131">
        <v>81398.217279999997</v>
      </c>
      <c r="O2131">
        <v>23856.006280000001</v>
      </c>
      <c r="P2131">
        <v>34600.039980000001</v>
      </c>
      <c r="Q2131">
        <v>83176.823329999999</v>
      </c>
      <c r="R2131">
        <v>24059.645039999999</v>
      </c>
      <c r="S2131">
        <v>100456.1537</v>
      </c>
      <c r="T2131">
        <v>33258.538079999998</v>
      </c>
      <c r="U2131">
        <v>18092.622100000001</v>
      </c>
      <c r="W2131" s="83">
        <f>Bühler!N2163</f>
        <v>45380.70833332817</v>
      </c>
      <c r="X2131" s="83">
        <v>43189.708333333336</v>
      </c>
      <c r="Y2131">
        <v>245863.64499999999</v>
      </c>
      <c r="Z2131">
        <v>31098.16978</v>
      </c>
      <c r="AA2131">
        <v>91792.914449999997</v>
      </c>
      <c r="AB2131">
        <v>58032.984519999998</v>
      </c>
      <c r="AC2131">
        <v>45303.011890000002</v>
      </c>
      <c r="AD2131">
        <v>38540.737350000003</v>
      </c>
      <c r="AE2131">
        <v>39411.736129999998</v>
      </c>
      <c r="AF2131">
        <v>50703.854350000001</v>
      </c>
      <c r="AG2131">
        <v>28033.981820000001</v>
      </c>
      <c r="AH2131">
        <v>299583.47379999998</v>
      </c>
      <c r="AI2131">
        <v>81398.217279999997</v>
      </c>
      <c r="AJ2131">
        <v>23856.006280000001</v>
      </c>
      <c r="AK2131">
        <v>34600.039980000001</v>
      </c>
      <c r="AL2131">
        <v>83176.823329999999</v>
      </c>
      <c r="AM2131">
        <v>24059.645039999999</v>
      </c>
      <c r="AN2131">
        <v>100456.1537</v>
      </c>
      <c r="AO2131">
        <v>33258.538079999998</v>
      </c>
      <c r="AP2131">
        <v>18092.622100000001</v>
      </c>
    </row>
    <row r="2132" spans="2:42" x14ac:dyDescent="0.3">
      <c r="B2132">
        <v>58.468869284652079</v>
      </c>
      <c r="C2132" s="83">
        <v>43189.75</v>
      </c>
      <c r="D2132">
        <v>239032.72959999999</v>
      </c>
      <c r="E2132">
        <v>28892.2065</v>
      </c>
      <c r="F2132">
        <v>90285.845449999993</v>
      </c>
      <c r="G2132">
        <v>50174.121449999999</v>
      </c>
      <c r="H2132">
        <v>43659.894370000002</v>
      </c>
      <c r="I2132">
        <v>37317.072180000003</v>
      </c>
      <c r="J2132">
        <v>40125.029889999998</v>
      </c>
      <c r="K2132">
        <v>49083.104520000001</v>
      </c>
      <c r="L2132">
        <v>30151.884109999999</v>
      </c>
      <c r="M2132">
        <v>298101.56209999998</v>
      </c>
      <c r="N2132">
        <v>80125.178750000006</v>
      </c>
      <c r="O2132">
        <v>23225.680639999999</v>
      </c>
      <c r="P2132">
        <v>38168.725539999999</v>
      </c>
      <c r="Q2132">
        <v>80674.41545</v>
      </c>
      <c r="R2132">
        <v>22570.54235</v>
      </c>
      <c r="S2132">
        <v>95086.572990000001</v>
      </c>
      <c r="T2132">
        <v>33966.437290000002</v>
      </c>
      <c r="U2132">
        <v>17168.11202</v>
      </c>
      <c r="W2132" s="83">
        <f>Bühler!N2164</f>
        <v>45380.749999994834</v>
      </c>
      <c r="X2132" s="83">
        <v>43189.75</v>
      </c>
      <c r="Y2132">
        <v>239032.72959999999</v>
      </c>
      <c r="Z2132">
        <v>28892.2065</v>
      </c>
      <c r="AA2132">
        <v>90285.845449999993</v>
      </c>
      <c r="AB2132">
        <v>50174.121449999999</v>
      </c>
      <c r="AC2132">
        <v>43659.894370000002</v>
      </c>
      <c r="AD2132">
        <v>37317.072180000003</v>
      </c>
      <c r="AE2132">
        <v>40125.029889999998</v>
      </c>
      <c r="AF2132">
        <v>49083.104520000001</v>
      </c>
      <c r="AG2132">
        <v>30151.884109999999</v>
      </c>
      <c r="AH2132">
        <v>298101.56209999998</v>
      </c>
      <c r="AI2132">
        <v>80125.178750000006</v>
      </c>
      <c r="AJ2132">
        <v>23225.680639999999</v>
      </c>
      <c r="AK2132">
        <v>38168.725539999999</v>
      </c>
      <c r="AL2132">
        <v>80674.41545</v>
      </c>
      <c r="AM2132">
        <v>22570.54235</v>
      </c>
      <c r="AN2132">
        <v>95086.572990000001</v>
      </c>
      <c r="AO2132">
        <v>33966.437290000002</v>
      </c>
      <c r="AP2132">
        <v>17168.11202</v>
      </c>
    </row>
    <row r="2133" spans="2:42" x14ac:dyDescent="0.3">
      <c r="B2133">
        <v>57.211776588509728</v>
      </c>
      <c r="C2133" s="83">
        <v>43189.791666666664</v>
      </c>
      <c r="D2133">
        <v>231957.98319999999</v>
      </c>
      <c r="E2133">
        <v>24848.984329999999</v>
      </c>
      <c r="F2133">
        <v>81043.570160000003</v>
      </c>
      <c r="G2133">
        <v>47956.07402</v>
      </c>
      <c r="H2133">
        <v>43727.428820000001</v>
      </c>
      <c r="I2133">
        <v>34707.918460000001</v>
      </c>
      <c r="J2133">
        <v>43006.04004</v>
      </c>
      <c r="K2133">
        <v>49566.216930000002</v>
      </c>
      <c r="L2133">
        <v>32684.415690000002</v>
      </c>
      <c r="M2133">
        <v>291692.3173</v>
      </c>
      <c r="N2133">
        <v>80728.625620000006</v>
      </c>
      <c r="O2133">
        <v>23605.85439</v>
      </c>
      <c r="P2133">
        <v>39965.624510000001</v>
      </c>
      <c r="Q2133">
        <v>78301.199049999996</v>
      </c>
      <c r="R2133">
        <v>22223.76064</v>
      </c>
      <c r="S2133">
        <v>94295.295859999998</v>
      </c>
      <c r="T2133">
        <v>35807.863949999999</v>
      </c>
      <c r="U2133">
        <v>17226.934219999999</v>
      </c>
      <c r="W2133" s="83">
        <f>Bühler!N2165</f>
        <v>45380.791666661498</v>
      </c>
      <c r="X2133" s="83">
        <v>43189.791666666664</v>
      </c>
      <c r="Y2133">
        <v>231957.98319999999</v>
      </c>
      <c r="Z2133">
        <v>24848.984329999999</v>
      </c>
      <c r="AA2133">
        <v>81043.570160000003</v>
      </c>
      <c r="AB2133">
        <v>47956.07402</v>
      </c>
      <c r="AC2133">
        <v>43727.428820000001</v>
      </c>
      <c r="AD2133">
        <v>34707.918460000001</v>
      </c>
      <c r="AE2133">
        <v>43006.04004</v>
      </c>
      <c r="AF2133">
        <v>49566.216930000002</v>
      </c>
      <c r="AG2133">
        <v>32684.415690000002</v>
      </c>
      <c r="AH2133">
        <v>291692.3173</v>
      </c>
      <c r="AI2133">
        <v>80728.625620000006</v>
      </c>
      <c r="AJ2133">
        <v>23605.85439</v>
      </c>
      <c r="AK2133">
        <v>39965.624510000001</v>
      </c>
      <c r="AL2133">
        <v>78301.199049999996</v>
      </c>
      <c r="AM2133">
        <v>22223.76064</v>
      </c>
      <c r="AN2133">
        <v>94295.295859999998</v>
      </c>
      <c r="AO2133">
        <v>35807.863949999999</v>
      </c>
      <c r="AP2133">
        <v>17226.934219999999</v>
      </c>
    </row>
    <row r="2134" spans="2:42" x14ac:dyDescent="0.3">
      <c r="B2134">
        <v>55.471232941692946</v>
      </c>
      <c r="C2134" s="83">
        <v>43189.833333333336</v>
      </c>
      <c r="D2134">
        <v>225529.1519</v>
      </c>
      <c r="E2134">
        <v>19535.893029999999</v>
      </c>
      <c r="F2134">
        <v>63293.236969999998</v>
      </c>
      <c r="G2134">
        <v>44851.254580000001</v>
      </c>
      <c r="H2134">
        <v>42243.466650000002</v>
      </c>
      <c r="I2134">
        <v>31212.23256</v>
      </c>
      <c r="J2134">
        <v>42589.508099999999</v>
      </c>
      <c r="K2134">
        <v>49299.47795</v>
      </c>
      <c r="L2134">
        <v>30880.563770000001</v>
      </c>
      <c r="M2134">
        <v>282818.21409999998</v>
      </c>
      <c r="N2134">
        <v>79264.053740000003</v>
      </c>
      <c r="O2134">
        <v>24028.475200000001</v>
      </c>
      <c r="P2134">
        <v>41127.206109999999</v>
      </c>
      <c r="Q2134">
        <v>74870.77347</v>
      </c>
      <c r="R2134">
        <v>21299.993269999999</v>
      </c>
      <c r="S2134">
        <v>86924.702269999994</v>
      </c>
      <c r="T2134">
        <v>34926.166400000002</v>
      </c>
      <c r="U2134">
        <v>16799.427319999999</v>
      </c>
      <c r="W2134" s="83">
        <f>Bühler!N2166</f>
        <v>45380.833333328163</v>
      </c>
      <c r="X2134" s="83">
        <v>43189.833333333336</v>
      </c>
      <c r="Y2134">
        <v>225529.1519</v>
      </c>
      <c r="Z2134">
        <v>19535.893029999999</v>
      </c>
      <c r="AA2134">
        <v>63293.236969999998</v>
      </c>
      <c r="AB2134">
        <v>44851.254580000001</v>
      </c>
      <c r="AC2134">
        <v>42243.466650000002</v>
      </c>
      <c r="AD2134">
        <v>31212.23256</v>
      </c>
      <c r="AE2134">
        <v>42589.508099999999</v>
      </c>
      <c r="AF2134">
        <v>49299.47795</v>
      </c>
      <c r="AG2134">
        <v>30880.563770000001</v>
      </c>
      <c r="AH2134">
        <v>282818.21409999998</v>
      </c>
      <c r="AI2134">
        <v>79264.053740000003</v>
      </c>
      <c r="AJ2134">
        <v>24028.475200000001</v>
      </c>
      <c r="AK2134">
        <v>41127.206109999999</v>
      </c>
      <c r="AL2134">
        <v>74870.77347</v>
      </c>
      <c r="AM2134">
        <v>21299.993269999999</v>
      </c>
      <c r="AN2134">
        <v>86924.702269999994</v>
      </c>
      <c r="AO2134">
        <v>34926.166400000002</v>
      </c>
      <c r="AP2134">
        <v>16799.427319999999</v>
      </c>
    </row>
    <row r="2135" spans="2:42" x14ac:dyDescent="0.3">
      <c r="B2135">
        <v>54.211281111249747</v>
      </c>
      <c r="C2135" s="83">
        <v>43189.875</v>
      </c>
      <c r="D2135">
        <v>220232.15210000001</v>
      </c>
      <c r="E2135">
        <v>16762.715939999998</v>
      </c>
      <c r="F2135">
        <v>54028.71933</v>
      </c>
      <c r="G2135">
        <v>42414.7048</v>
      </c>
      <c r="H2135">
        <v>39834.347090000003</v>
      </c>
      <c r="I2135">
        <v>27001.63536</v>
      </c>
      <c r="J2135">
        <v>40782.845480000004</v>
      </c>
      <c r="K2135">
        <v>47589.299800000001</v>
      </c>
      <c r="L2135">
        <v>28911.970140000001</v>
      </c>
      <c r="M2135">
        <v>276394.3921</v>
      </c>
      <c r="N2135">
        <v>76516.513099999996</v>
      </c>
      <c r="O2135">
        <v>23550.963930000002</v>
      </c>
      <c r="P2135">
        <v>39058.990989999998</v>
      </c>
      <c r="Q2135">
        <v>72454.489350000003</v>
      </c>
      <c r="R2135">
        <v>20271.648069999999</v>
      </c>
      <c r="S2135">
        <v>82245.607340000002</v>
      </c>
      <c r="T2135">
        <v>31784.102579999999</v>
      </c>
      <c r="U2135">
        <v>15578.934279999999</v>
      </c>
      <c r="W2135" s="83">
        <f>Bühler!N2167</f>
        <v>45380.874999994827</v>
      </c>
      <c r="X2135" s="83">
        <v>43189.875</v>
      </c>
      <c r="Y2135">
        <v>220232.15210000001</v>
      </c>
      <c r="Z2135">
        <v>16762.715939999998</v>
      </c>
      <c r="AA2135">
        <v>54028.71933</v>
      </c>
      <c r="AB2135">
        <v>42414.7048</v>
      </c>
      <c r="AC2135">
        <v>39834.347090000003</v>
      </c>
      <c r="AD2135">
        <v>27001.63536</v>
      </c>
      <c r="AE2135">
        <v>40782.845480000004</v>
      </c>
      <c r="AF2135">
        <v>47589.299800000001</v>
      </c>
      <c r="AG2135">
        <v>28911.970140000001</v>
      </c>
      <c r="AH2135">
        <v>276394.3921</v>
      </c>
      <c r="AI2135">
        <v>76516.513099999996</v>
      </c>
      <c r="AJ2135">
        <v>23550.963930000002</v>
      </c>
      <c r="AK2135">
        <v>39058.990989999998</v>
      </c>
      <c r="AL2135">
        <v>72454.489350000003</v>
      </c>
      <c r="AM2135">
        <v>20271.648069999999</v>
      </c>
      <c r="AN2135">
        <v>82245.607340000002</v>
      </c>
      <c r="AO2135">
        <v>31784.102579999999</v>
      </c>
      <c r="AP2135">
        <v>15578.934279999999</v>
      </c>
    </row>
    <row r="2136" spans="2:42" x14ac:dyDescent="0.3">
      <c r="B2136">
        <v>53.827436251101197</v>
      </c>
      <c r="C2136" s="83">
        <v>43189.916666666664</v>
      </c>
      <c r="D2136">
        <v>218364.4725</v>
      </c>
      <c r="E2136">
        <v>15876.594789999999</v>
      </c>
      <c r="F2136">
        <v>51144.024160000001</v>
      </c>
      <c r="G2136">
        <v>41491.790719999997</v>
      </c>
      <c r="H2136">
        <v>39315.671679999999</v>
      </c>
      <c r="I2136">
        <v>25531.129140000001</v>
      </c>
      <c r="J2136">
        <v>39527.698420000001</v>
      </c>
      <c r="K2136">
        <v>52095.081039999997</v>
      </c>
      <c r="L2136">
        <v>26681.139579999999</v>
      </c>
      <c r="M2136">
        <v>274437.37199999997</v>
      </c>
      <c r="N2136">
        <v>75582.963090000005</v>
      </c>
      <c r="O2136">
        <v>24103.660240000001</v>
      </c>
      <c r="P2136">
        <v>42413.936029999997</v>
      </c>
      <c r="Q2136">
        <v>71261.309959999999</v>
      </c>
      <c r="R2136">
        <v>27165.36536</v>
      </c>
      <c r="S2136">
        <v>80469.731780000002</v>
      </c>
      <c r="T2136">
        <v>28422.878069999999</v>
      </c>
      <c r="U2136">
        <v>16222.562250000001</v>
      </c>
      <c r="W2136" s="83">
        <f>Bühler!N2168</f>
        <v>45380.916666661491</v>
      </c>
      <c r="X2136" s="83">
        <v>43189.916666666664</v>
      </c>
      <c r="Y2136">
        <v>218364.4725</v>
      </c>
      <c r="Z2136">
        <v>15876.594789999999</v>
      </c>
      <c r="AA2136">
        <v>51144.024160000001</v>
      </c>
      <c r="AB2136">
        <v>41491.790719999997</v>
      </c>
      <c r="AC2136">
        <v>39315.671679999999</v>
      </c>
      <c r="AD2136">
        <v>25531.129140000001</v>
      </c>
      <c r="AE2136">
        <v>39527.698420000001</v>
      </c>
      <c r="AF2136">
        <v>52095.081039999997</v>
      </c>
      <c r="AG2136">
        <v>26681.139579999999</v>
      </c>
      <c r="AH2136">
        <v>274437.37199999997</v>
      </c>
      <c r="AI2136">
        <v>75582.963090000005</v>
      </c>
      <c r="AJ2136">
        <v>24103.660240000001</v>
      </c>
      <c r="AK2136">
        <v>42413.936029999997</v>
      </c>
      <c r="AL2136">
        <v>71261.309959999999</v>
      </c>
      <c r="AM2136">
        <v>27165.36536</v>
      </c>
      <c r="AN2136">
        <v>80469.731780000002</v>
      </c>
      <c r="AO2136">
        <v>28422.878069999999</v>
      </c>
      <c r="AP2136">
        <v>16222.562250000001</v>
      </c>
    </row>
    <row r="2137" spans="2:42" x14ac:dyDescent="0.3">
      <c r="B2137">
        <v>52.625624865277736</v>
      </c>
      <c r="C2137" s="83">
        <v>43189.958333333336</v>
      </c>
      <c r="D2137">
        <v>215400.42670000001</v>
      </c>
      <c r="E2137">
        <v>15359.60295</v>
      </c>
      <c r="F2137">
        <v>49925.771970000002</v>
      </c>
      <c r="G2137">
        <v>41186.261989999999</v>
      </c>
      <c r="H2137">
        <v>38274.793810000003</v>
      </c>
      <c r="I2137">
        <v>24220.065190000001</v>
      </c>
      <c r="J2137">
        <v>36828.138760000002</v>
      </c>
      <c r="K2137">
        <v>52126.96587</v>
      </c>
      <c r="L2137">
        <v>23826.854899999998</v>
      </c>
      <c r="M2137">
        <v>268309.97710000002</v>
      </c>
      <c r="N2137">
        <v>75405.609899999996</v>
      </c>
      <c r="O2137">
        <v>23500.797689999999</v>
      </c>
      <c r="P2137">
        <v>38427.403939999997</v>
      </c>
      <c r="Q2137">
        <v>69688.286680000005</v>
      </c>
      <c r="R2137">
        <v>28947.941279999999</v>
      </c>
      <c r="S2137">
        <v>79052.366940000007</v>
      </c>
      <c r="T2137">
        <v>28457.022919999999</v>
      </c>
      <c r="U2137">
        <v>15631.71667</v>
      </c>
      <c r="W2137" s="83">
        <f>Bühler!N2169</f>
        <v>45380.958333328155</v>
      </c>
      <c r="X2137" s="83">
        <v>43189.958333333336</v>
      </c>
      <c r="Y2137">
        <v>215400.42670000001</v>
      </c>
      <c r="Z2137">
        <v>15359.60295</v>
      </c>
      <c r="AA2137">
        <v>49925.771970000002</v>
      </c>
      <c r="AB2137">
        <v>41186.261989999999</v>
      </c>
      <c r="AC2137">
        <v>38274.793810000003</v>
      </c>
      <c r="AD2137">
        <v>24220.065190000001</v>
      </c>
      <c r="AE2137">
        <v>36828.138760000002</v>
      </c>
      <c r="AF2137">
        <v>52126.96587</v>
      </c>
      <c r="AG2137">
        <v>23826.854899999998</v>
      </c>
      <c r="AH2137">
        <v>268309.97710000002</v>
      </c>
      <c r="AI2137">
        <v>75405.609899999996</v>
      </c>
      <c r="AJ2137">
        <v>23500.797689999999</v>
      </c>
      <c r="AK2137">
        <v>38427.403939999997</v>
      </c>
      <c r="AL2137">
        <v>69688.286680000005</v>
      </c>
      <c r="AM2137">
        <v>28947.941279999999</v>
      </c>
      <c r="AN2137">
        <v>79052.366940000007</v>
      </c>
      <c r="AO2137">
        <v>28457.022919999999</v>
      </c>
      <c r="AP2137">
        <v>15631.71667</v>
      </c>
    </row>
    <row r="2138" spans="2:42" x14ac:dyDescent="0.3">
      <c r="B2138">
        <v>51.345861351629175</v>
      </c>
      <c r="C2138" s="83">
        <v>43190</v>
      </c>
      <c r="D2138">
        <v>212072.21350000001</v>
      </c>
      <c r="E2138">
        <v>15101.027169999999</v>
      </c>
      <c r="F2138">
        <v>48928.325340000003</v>
      </c>
      <c r="G2138">
        <v>40799.959640000001</v>
      </c>
      <c r="H2138">
        <v>37494.874040000002</v>
      </c>
      <c r="I2138">
        <v>22523.373920000002</v>
      </c>
      <c r="J2138">
        <v>34906.909829999997</v>
      </c>
      <c r="K2138">
        <v>50517.715190000003</v>
      </c>
      <c r="L2138">
        <v>21490.057089999998</v>
      </c>
      <c r="M2138">
        <v>261785.1459</v>
      </c>
      <c r="N2138">
        <v>74595.103310000006</v>
      </c>
      <c r="O2138">
        <v>23274.365829999999</v>
      </c>
      <c r="P2138">
        <v>36006.704400000002</v>
      </c>
      <c r="Q2138">
        <v>68479.150760000004</v>
      </c>
      <c r="R2138">
        <v>25224.49595</v>
      </c>
      <c r="S2138">
        <v>77969.910010000007</v>
      </c>
      <c r="T2138">
        <v>26759.25117</v>
      </c>
      <c r="U2138">
        <v>15337.696610000001</v>
      </c>
      <c r="W2138" s="83">
        <f>Bühler!N2170</f>
        <v>45380.99999999482</v>
      </c>
      <c r="X2138" s="83">
        <v>43190</v>
      </c>
      <c r="Y2138">
        <v>212072.21350000001</v>
      </c>
      <c r="Z2138">
        <v>15101.027169999999</v>
      </c>
      <c r="AA2138">
        <v>48928.325340000003</v>
      </c>
      <c r="AB2138">
        <v>40799.959640000001</v>
      </c>
      <c r="AC2138">
        <v>37494.874040000002</v>
      </c>
      <c r="AD2138">
        <v>22523.373920000002</v>
      </c>
      <c r="AE2138">
        <v>34906.909829999997</v>
      </c>
      <c r="AF2138">
        <v>50517.715190000003</v>
      </c>
      <c r="AG2138">
        <v>21490.057089999998</v>
      </c>
      <c r="AH2138">
        <v>261785.1459</v>
      </c>
      <c r="AI2138">
        <v>74595.103310000006</v>
      </c>
      <c r="AJ2138">
        <v>23274.365829999999</v>
      </c>
      <c r="AK2138">
        <v>36006.704400000002</v>
      </c>
      <c r="AL2138">
        <v>68479.150760000004</v>
      </c>
      <c r="AM2138">
        <v>25224.49595</v>
      </c>
      <c r="AN2138">
        <v>77969.910010000007</v>
      </c>
      <c r="AO2138">
        <v>26759.25117</v>
      </c>
      <c r="AP2138">
        <v>15337.696610000001</v>
      </c>
    </row>
    <row r="2139" spans="2:42" x14ac:dyDescent="0.3">
      <c r="B2139">
        <v>50.494637589635019</v>
      </c>
      <c r="C2139" s="83">
        <v>43190.041666666664</v>
      </c>
      <c r="D2139">
        <v>208455.92610000001</v>
      </c>
      <c r="E2139">
        <v>14965.46694</v>
      </c>
      <c r="F2139">
        <v>48961.392540000001</v>
      </c>
      <c r="G2139">
        <v>40269.111250000002</v>
      </c>
      <c r="H2139">
        <v>36866.419419999998</v>
      </c>
      <c r="I2139">
        <v>18948.556550000001</v>
      </c>
      <c r="J2139">
        <v>33565.791519999999</v>
      </c>
      <c r="K2139">
        <v>47920.608979999997</v>
      </c>
      <c r="L2139">
        <v>20214.746790000001</v>
      </c>
      <c r="M2139">
        <v>257445.2102</v>
      </c>
      <c r="N2139">
        <v>74067.882110000006</v>
      </c>
      <c r="O2139">
        <v>23151.695650000001</v>
      </c>
      <c r="P2139">
        <v>32924.933519999999</v>
      </c>
      <c r="Q2139">
        <v>68315.599480000004</v>
      </c>
      <c r="R2139">
        <v>23211.209470000002</v>
      </c>
      <c r="S2139">
        <v>77545.73328</v>
      </c>
      <c r="T2139">
        <v>26446.9647</v>
      </c>
      <c r="U2139">
        <v>15370.849490000001</v>
      </c>
      <c r="W2139" s="83">
        <f>Bühler!N2171</f>
        <v>45381.041666661484</v>
      </c>
      <c r="X2139" s="83">
        <v>43190.041666666664</v>
      </c>
      <c r="Y2139">
        <v>208455.92610000001</v>
      </c>
      <c r="Z2139">
        <v>14965.46694</v>
      </c>
      <c r="AA2139">
        <v>48961.392540000001</v>
      </c>
      <c r="AB2139">
        <v>40269.111250000002</v>
      </c>
      <c r="AC2139">
        <v>36866.419419999998</v>
      </c>
      <c r="AD2139">
        <v>18948.556550000001</v>
      </c>
      <c r="AE2139">
        <v>33565.791519999999</v>
      </c>
      <c r="AF2139">
        <v>47920.608979999997</v>
      </c>
      <c r="AG2139">
        <v>20214.746790000001</v>
      </c>
      <c r="AH2139">
        <v>257445.2102</v>
      </c>
      <c r="AI2139">
        <v>74067.882110000006</v>
      </c>
      <c r="AJ2139">
        <v>23151.695650000001</v>
      </c>
      <c r="AK2139">
        <v>32924.933519999999</v>
      </c>
      <c r="AL2139">
        <v>68315.599480000004</v>
      </c>
      <c r="AM2139">
        <v>23211.209470000002</v>
      </c>
      <c r="AN2139">
        <v>77545.73328</v>
      </c>
      <c r="AO2139">
        <v>26446.9647</v>
      </c>
      <c r="AP2139">
        <v>15370.849490000001</v>
      </c>
    </row>
    <row r="2140" spans="2:42" x14ac:dyDescent="0.3">
      <c r="B2140">
        <v>50.140548206883977</v>
      </c>
      <c r="C2140" s="83">
        <v>43190.083333333336</v>
      </c>
      <c r="D2140">
        <v>204228.739</v>
      </c>
      <c r="E2140">
        <v>14983.37098</v>
      </c>
      <c r="F2140">
        <v>49599.784829999997</v>
      </c>
      <c r="G2140">
        <v>39846.53729</v>
      </c>
      <c r="H2140">
        <v>36514.911979999997</v>
      </c>
      <c r="I2140">
        <v>17231.87933</v>
      </c>
      <c r="J2140">
        <v>33580.313690000003</v>
      </c>
      <c r="K2140">
        <v>46915.762699999999</v>
      </c>
      <c r="L2140">
        <v>19447.86535</v>
      </c>
      <c r="M2140">
        <v>255639.89739999999</v>
      </c>
      <c r="N2140">
        <v>72648.607040000003</v>
      </c>
      <c r="O2140">
        <v>23175.252899999999</v>
      </c>
      <c r="P2140">
        <v>31829.434300000001</v>
      </c>
      <c r="Q2140">
        <v>68118.985010000004</v>
      </c>
      <c r="R2140">
        <v>23370.522290000001</v>
      </c>
      <c r="S2140">
        <v>76600.698990000004</v>
      </c>
      <c r="T2140">
        <v>25205.038329999999</v>
      </c>
      <c r="U2140">
        <v>15606.83304</v>
      </c>
      <c r="W2140" s="83">
        <f>Bühler!N2172</f>
        <v>45381.083333328148</v>
      </c>
      <c r="X2140" s="83">
        <v>43190.083333333336</v>
      </c>
      <c r="Y2140">
        <v>204228.739</v>
      </c>
      <c r="Z2140">
        <v>14983.37098</v>
      </c>
      <c r="AA2140">
        <v>49599.784829999997</v>
      </c>
      <c r="AB2140">
        <v>39846.53729</v>
      </c>
      <c r="AC2140">
        <v>36514.911979999997</v>
      </c>
      <c r="AD2140">
        <v>17231.87933</v>
      </c>
      <c r="AE2140">
        <v>33580.313690000003</v>
      </c>
      <c r="AF2140">
        <v>46915.762699999999</v>
      </c>
      <c r="AG2140">
        <v>19447.86535</v>
      </c>
      <c r="AH2140">
        <v>255639.89739999999</v>
      </c>
      <c r="AI2140">
        <v>72648.607040000003</v>
      </c>
      <c r="AJ2140">
        <v>23175.252899999999</v>
      </c>
      <c r="AK2140">
        <v>31829.434300000001</v>
      </c>
      <c r="AL2140">
        <v>68118.985010000004</v>
      </c>
      <c r="AM2140">
        <v>23370.522290000001</v>
      </c>
      <c r="AN2140">
        <v>76600.698990000004</v>
      </c>
      <c r="AO2140">
        <v>25205.038329999999</v>
      </c>
      <c r="AP2140">
        <v>15606.83304</v>
      </c>
    </row>
    <row r="2141" spans="2:42" x14ac:dyDescent="0.3">
      <c r="B2141">
        <v>49.157446963525089</v>
      </c>
      <c r="C2141" s="83">
        <v>43190.125</v>
      </c>
      <c r="D2141">
        <v>199502.4473</v>
      </c>
      <c r="E2141">
        <v>14953.457060000001</v>
      </c>
      <c r="F2141">
        <v>50374.201269999998</v>
      </c>
      <c r="G2141">
        <v>39017.963680000001</v>
      </c>
      <c r="H2141">
        <v>36656.492610000001</v>
      </c>
      <c r="I2141">
        <v>16757.288670000002</v>
      </c>
      <c r="J2141">
        <v>33771.2837</v>
      </c>
      <c r="K2141">
        <v>45352.552929999998</v>
      </c>
      <c r="L2141">
        <v>19472.480490000002</v>
      </c>
      <c r="M2141">
        <v>250627.5888</v>
      </c>
      <c r="N2141">
        <v>72798.861709999997</v>
      </c>
      <c r="O2141">
        <v>22940.00261</v>
      </c>
      <c r="P2141">
        <v>31334.842130000001</v>
      </c>
      <c r="Q2141">
        <v>68277.255109999998</v>
      </c>
      <c r="R2141">
        <v>23071.068780000001</v>
      </c>
      <c r="S2141">
        <v>76017.660789999994</v>
      </c>
      <c r="T2141">
        <v>25866.359250000001</v>
      </c>
      <c r="U2141">
        <v>15879.964840000001</v>
      </c>
      <c r="W2141" s="83">
        <f>Bühler!N2173</f>
        <v>45381.124999994812</v>
      </c>
      <c r="X2141" s="83">
        <v>43190.125</v>
      </c>
      <c r="Y2141">
        <v>199502.4473</v>
      </c>
      <c r="Z2141">
        <v>14953.457060000001</v>
      </c>
      <c r="AA2141">
        <v>50374.201269999998</v>
      </c>
      <c r="AB2141">
        <v>39017.963680000001</v>
      </c>
      <c r="AC2141">
        <v>36656.492610000001</v>
      </c>
      <c r="AD2141">
        <v>16757.288670000002</v>
      </c>
      <c r="AE2141">
        <v>33771.2837</v>
      </c>
      <c r="AF2141">
        <v>45352.552929999998</v>
      </c>
      <c r="AG2141">
        <v>19472.480490000002</v>
      </c>
      <c r="AH2141">
        <v>250627.5888</v>
      </c>
      <c r="AI2141">
        <v>72798.861709999997</v>
      </c>
      <c r="AJ2141">
        <v>22940.00261</v>
      </c>
      <c r="AK2141">
        <v>31334.842130000001</v>
      </c>
      <c r="AL2141">
        <v>68277.255109999998</v>
      </c>
      <c r="AM2141">
        <v>23071.068780000001</v>
      </c>
      <c r="AN2141">
        <v>76017.660789999994</v>
      </c>
      <c r="AO2141">
        <v>25866.359250000001</v>
      </c>
      <c r="AP2141">
        <v>15879.964840000001</v>
      </c>
    </row>
    <row r="2142" spans="2:42" x14ac:dyDescent="0.3">
      <c r="B2142">
        <v>47.807848508127478</v>
      </c>
      <c r="C2142" s="83">
        <v>43190.166666666664</v>
      </c>
      <c r="D2142">
        <v>192544.54329999999</v>
      </c>
      <c r="E2142">
        <v>15108.068740000001</v>
      </c>
      <c r="F2142">
        <v>54381.850030000001</v>
      </c>
      <c r="G2142">
        <v>38197.218350000003</v>
      </c>
      <c r="H2142">
        <v>36613.56983</v>
      </c>
      <c r="I2142">
        <v>18627.321510000002</v>
      </c>
      <c r="J2142">
        <v>35895.691709999999</v>
      </c>
      <c r="K2142">
        <v>44146.524920000003</v>
      </c>
      <c r="L2142">
        <v>19157.898990000002</v>
      </c>
      <c r="M2142">
        <v>243746.7065</v>
      </c>
      <c r="N2142">
        <v>71866.173939999993</v>
      </c>
      <c r="O2142">
        <v>22735.76743</v>
      </c>
      <c r="P2142">
        <v>30914.647669999998</v>
      </c>
      <c r="Q2142">
        <v>67384.091350000002</v>
      </c>
      <c r="R2142">
        <v>23933.17049</v>
      </c>
      <c r="S2142">
        <v>76703.649479999993</v>
      </c>
      <c r="T2142">
        <v>25009.881539999998</v>
      </c>
      <c r="U2142">
        <v>16246.87559</v>
      </c>
      <c r="W2142" s="83">
        <f>Bühler!N2174</f>
        <v>45381.166666661476</v>
      </c>
      <c r="X2142" s="83">
        <v>43190.166666666664</v>
      </c>
      <c r="Y2142">
        <v>192544.54329999999</v>
      </c>
      <c r="Z2142">
        <v>15108.068740000001</v>
      </c>
      <c r="AA2142">
        <v>54381.850030000001</v>
      </c>
      <c r="AB2142">
        <v>38197.218350000003</v>
      </c>
      <c r="AC2142">
        <v>36613.56983</v>
      </c>
      <c r="AD2142">
        <v>18627.321510000002</v>
      </c>
      <c r="AE2142">
        <v>35895.691709999999</v>
      </c>
      <c r="AF2142">
        <v>44146.524920000003</v>
      </c>
      <c r="AG2142">
        <v>19157.898990000002</v>
      </c>
      <c r="AH2142">
        <v>243746.7065</v>
      </c>
      <c r="AI2142">
        <v>71866.173939999993</v>
      </c>
      <c r="AJ2142">
        <v>22735.76743</v>
      </c>
      <c r="AK2142">
        <v>30914.647669999998</v>
      </c>
      <c r="AL2142">
        <v>67384.091350000002</v>
      </c>
      <c r="AM2142">
        <v>23933.17049</v>
      </c>
      <c r="AN2142">
        <v>76703.649479999993</v>
      </c>
      <c r="AO2142">
        <v>25009.881539999998</v>
      </c>
      <c r="AP2142">
        <v>16246.87559</v>
      </c>
    </row>
    <row r="2143" spans="2:42" x14ac:dyDescent="0.3">
      <c r="B2143">
        <v>47.247679133957497</v>
      </c>
      <c r="C2143" s="83">
        <v>43190.208333333336</v>
      </c>
      <c r="D2143">
        <v>189213.76459999999</v>
      </c>
      <c r="E2143">
        <v>16097.521000000001</v>
      </c>
      <c r="F2143">
        <v>65453.547789999997</v>
      </c>
      <c r="G2143">
        <v>38725.096940000003</v>
      </c>
      <c r="H2143">
        <v>37424.687720000002</v>
      </c>
      <c r="I2143">
        <v>25191.274700000002</v>
      </c>
      <c r="J2143">
        <v>38396.383320000001</v>
      </c>
      <c r="K2143">
        <v>43777.784890000003</v>
      </c>
      <c r="L2143">
        <v>19371.191439999999</v>
      </c>
      <c r="M2143">
        <v>240890.70180000001</v>
      </c>
      <c r="N2143">
        <v>70530.030159999995</v>
      </c>
      <c r="O2143">
        <v>22773.426220000001</v>
      </c>
      <c r="P2143">
        <v>31054.913489999999</v>
      </c>
      <c r="Q2143">
        <v>67209.144020000007</v>
      </c>
      <c r="R2143">
        <v>26056.832490000001</v>
      </c>
      <c r="S2143">
        <v>79177.856700000004</v>
      </c>
      <c r="T2143">
        <v>26762.746299999999</v>
      </c>
      <c r="U2143">
        <v>16862.722740000001</v>
      </c>
      <c r="W2143" s="83">
        <f>Bühler!N2175</f>
        <v>45381.208333328141</v>
      </c>
      <c r="X2143" s="83">
        <v>43190.208333333336</v>
      </c>
      <c r="Y2143">
        <v>189213.76459999999</v>
      </c>
      <c r="Z2143">
        <v>16097.521000000001</v>
      </c>
      <c r="AA2143">
        <v>65453.547789999997</v>
      </c>
      <c r="AB2143">
        <v>38725.096940000003</v>
      </c>
      <c r="AC2143">
        <v>37424.687720000002</v>
      </c>
      <c r="AD2143">
        <v>25191.274700000002</v>
      </c>
      <c r="AE2143">
        <v>38396.383320000001</v>
      </c>
      <c r="AF2143">
        <v>43777.784890000003</v>
      </c>
      <c r="AG2143">
        <v>19371.191439999999</v>
      </c>
      <c r="AH2143">
        <v>240890.70180000001</v>
      </c>
      <c r="AI2143">
        <v>70530.030159999995</v>
      </c>
      <c r="AJ2143">
        <v>22773.426220000001</v>
      </c>
      <c r="AK2143">
        <v>31054.913489999999</v>
      </c>
      <c r="AL2143">
        <v>67209.144020000007</v>
      </c>
      <c r="AM2143">
        <v>26056.832490000001</v>
      </c>
      <c r="AN2143">
        <v>79177.856700000004</v>
      </c>
      <c r="AO2143">
        <v>26762.746299999999</v>
      </c>
      <c r="AP2143">
        <v>16862.722740000001</v>
      </c>
    </row>
    <row r="2144" spans="2:42" x14ac:dyDescent="0.3">
      <c r="B2144">
        <v>47.371026618832481</v>
      </c>
      <c r="C2144" s="83">
        <v>43190.25</v>
      </c>
      <c r="D2144">
        <v>189086.43169999999</v>
      </c>
      <c r="E2144">
        <v>17759.756580000001</v>
      </c>
      <c r="F2144">
        <v>75231.440860000002</v>
      </c>
      <c r="G2144">
        <v>39868.082119999999</v>
      </c>
      <c r="H2144">
        <v>37272.236519999999</v>
      </c>
      <c r="I2144">
        <v>27606.11491</v>
      </c>
      <c r="J2144">
        <v>40438.59693</v>
      </c>
      <c r="K2144">
        <v>42144.252079999998</v>
      </c>
      <c r="L2144">
        <v>20185.719440000001</v>
      </c>
      <c r="M2144">
        <v>241519.58480000001</v>
      </c>
      <c r="N2144">
        <v>70106.320999999996</v>
      </c>
      <c r="O2144">
        <v>22511.855210000002</v>
      </c>
      <c r="P2144">
        <v>31641.022850000001</v>
      </c>
      <c r="Q2144">
        <v>65764.532810000004</v>
      </c>
      <c r="R2144">
        <v>18031.89646</v>
      </c>
      <c r="S2144">
        <v>83394.582859999995</v>
      </c>
      <c r="T2144">
        <v>27385.579160000001</v>
      </c>
      <c r="U2144">
        <v>16127.91192</v>
      </c>
      <c r="W2144" s="83">
        <f>Bühler!N2176</f>
        <v>45381.249999994805</v>
      </c>
      <c r="X2144" s="83">
        <v>43190.25</v>
      </c>
      <c r="Y2144">
        <v>189086.43169999999</v>
      </c>
      <c r="Z2144">
        <v>17759.756580000001</v>
      </c>
      <c r="AA2144">
        <v>75231.440860000002</v>
      </c>
      <c r="AB2144">
        <v>39868.082119999999</v>
      </c>
      <c r="AC2144">
        <v>37272.236519999999</v>
      </c>
      <c r="AD2144">
        <v>27606.11491</v>
      </c>
      <c r="AE2144">
        <v>40438.59693</v>
      </c>
      <c r="AF2144">
        <v>42144.252079999998</v>
      </c>
      <c r="AG2144">
        <v>20185.719440000001</v>
      </c>
      <c r="AH2144">
        <v>241519.58480000001</v>
      </c>
      <c r="AI2144">
        <v>70106.320999999996</v>
      </c>
      <c r="AJ2144">
        <v>22511.855210000002</v>
      </c>
      <c r="AK2144">
        <v>31641.022850000001</v>
      </c>
      <c r="AL2144">
        <v>65764.532810000004</v>
      </c>
      <c r="AM2144">
        <v>18031.89646</v>
      </c>
      <c r="AN2144">
        <v>83394.582859999995</v>
      </c>
      <c r="AO2144">
        <v>27385.579160000001</v>
      </c>
      <c r="AP2144">
        <v>16127.91192</v>
      </c>
    </row>
    <row r="2145" spans="2:42" x14ac:dyDescent="0.3">
      <c r="B2145">
        <v>46.752516857563677</v>
      </c>
      <c r="C2145" s="83">
        <v>43190.291666666664</v>
      </c>
      <c r="D2145">
        <v>188496.66579999999</v>
      </c>
      <c r="E2145">
        <v>19408.29248</v>
      </c>
      <c r="F2145">
        <v>76807.946930000006</v>
      </c>
      <c r="G2145">
        <v>41023.829420000002</v>
      </c>
      <c r="H2145">
        <v>36887.607600000003</v>
      </c>
      <c r="I2145">
        <v>28872.84994</v>
      </c>
      <c r="J2145">
        <v>40502.997000000003</v>
      </c>
      <c r="K2145">
        <v>42351.067569999999</v>
      </c>
      <c r="L2145">
        <v>21916.489880000001</v>
      </c>
      <c r="M2145">
        <v>238366.1336</v>
      </c>
      <c r="N2145">
        <v>69985.321320000003</v>
      </c>
      <c r="O2145">
        <v>22492.398290000001</v>
      </c>
      <c r="P2145">
        <v>34274.403810000003</v>
      </c>
      <c r="Q2145">
        <v>63236.856070000002</v>
      </c>
      <c r="R2145">
        <v>17013.27982</v>
      </c>
      <c r="S2145">
        <v>89228.236229999995</v>
      </c>
      <c r="T2145">
        <v>26540.750370000002</v>
      </c>
      <c r="U2145">
        <v>15524.485259999999</v>
      </c>
      <c r="W2145" s="83">
        <f>Bühler!N2177</f>
        <v>45381.291666661469</v>
      </c>
      <c r="X2145" s="83">
        <v>43190.291666666664</v>
      </c>
      <c r="Y2145">
        <v>188496.66579999999</v>
      </c>
      <c r="Z2145">
        <v>19408.29248</v>
      </c>
      <c r="AA2145">
        <v>76807.946930000006</v>
      </c>
      <c r="AB2145">
        <v>41023.829420000002</v>
      </c>
      <c r="AC2145">
        <v>36887.607600000003</v>
      </c>
      <c r="AD2145">
        <v>28872.84994</v>
      </c>
      <c r="AE2145">
        <v>40502.997000000003</v>
      </c>
      <c r="AF2145">
        <v>42351.067569999999</v>
      </c>
      <c r="AG2145">
        <v>21916.489880000001</v>
      </c>
      <c r="AH2145">
        <v>238366.1336</v>
      </c>
      <c r="AI2145">
        <v>69985.321320000003</v>
      </c>
      <c r="AJ2145">
        <v>22492.398290000001</v>
      </c>
      <c r="AK2145">
        <v>34274.403810000003</v>
      </c>
      <c r="AL2145">
        <v>63236.856070000002</v>
      </c>
      <c r="AM2145">
        <v>17013.27982</v>
      </c>
      <c r="AN2145">
        <v>89228.236229999995</v>
      </c>
      <c r="AO2145">
        <v>26540.750370000002</v>
      </c>
      <c r="AP2145">
        <v>15524.485259999999</v>
      </c>
    </row>
    <row r="2146" spans="2:42" x14ac:dyDescent="0.3">
      <c r="B2146">
        <v>46.367918515928274</v>
      </c>
      <c r="C2146" s="83">
        <v>43190.333333333336</v>
      </c>
      <c r="D2146">
        <v>187807.95879999999</v>
      </c>
      <c r="E2146">
        <v>22330.566279999999</v>
      </c>
      <c r="F2146">
        <v>82162.101949999997</v>
      </c>
      <c r="G2146">
        <v>42226.398000000001</v>
      </c>
      <c r="H2146">
        <v>37752.875639999998</v>
      </c>
      <c r="I2146">
        <v>29537.71329</v>
      </c>
      <c r="J2146">
        <v>41868.666299999997</v>
      </c>
      <c r="K2146">
        <v>43074.59895</v>
      </c>
      <c r="L2146">
        <v>24070.072230000002</v>
      </c>
      <c r="M2146">
        <v>236405.27189999999</v>
      </c>
      <c r="N2146">
        <v>72967.566649999993</v>
      </c>
      <c r="O2146">
        <v>22772.922350000001</v>
      </c>
      <c r="P2146">
        <v>36018.055059999999</v>
      </c>
      <c r="Q2146">
        <v>62588.021399999998</v>
      </c>
      <c r="R2146">
        <v>18088.812310000001</v>
      </c>
      <c r="S2146">
        <v>91922.120649999997</v>
      </c>
      <c r="T2146">
        <v>28064.005959999999</v>
      </c>
      <c r="U2146">
        <v>15764.85161</v>
      </c>
      <c r="W2146" s="83">
        <f>Bühler!N2178</f>
        <v>45381.333333328133</v>
      </c>
      <c r="X2146" s="83">
        <v>43190.333333333336</v>
      </c>
      <c r="Y2146">
        <v>187807.95879999999</v>
      </c>
      <c r="Z2146">
        <v>22330.566279999999</v>
      </c>
      <c r="AA2146">
        <v>82162.101949999997</v>
      </c>
      <c r="AB2146">
        <v>42226.398000000001</v>
      </c>
      <c r="AC2146">
        <v>37752.875639999998</v>
      </c>
      <c r="AD2146">
        <v>29537.71329</v>
      </c>
      <c r="AE2146">
        <v>41868.666299999997</v>
      </c>
      <c r="AF2146">
        <v>43074.59895</v>
      </c>
      <c r="AG2146">
        <v>24070.072230000002</v>
      </c>
      <c r="AH2146">
        <v>236405.27189999999</v>
      </c>
      <c r="AI2146">
        <v>72967.566649999993</v>
      </c>
      <c r="AJ2146">
        <v>22772.922350000001</v>
      </c>
      <c r="AK2146">
        <v>36018.055059999999</v>
      </c>
      <c r="AL2146">
        <v>62588.021399999998</v>
      </c>
      <c r="AM2146">
        <v>18088.812310000001</v>
      </c>
      <c r="AN2146">
        <v>91922.120649999997</v>
      </c>
      <c r="AO2146">
        <v>28064.005959999999</v>
      </c>
      <c r="AP2146">
        <v>15764.85161</v>
      </c>
    </row>
    <row r="2147" spans="2:42" x14ac:dyDescent="0.3">
      <c r="B2147">
        <v>46.103492920155318</v>
      </c>
      <c r="C2147" s="83">
        <v>43190.375</v>
      </c>
      <c r="D2147">
        <v>186296.79920000001</v>
      </c>
      <c r="E2147">
        <v>25853.681690000001</v>
      </c>
      <c r="F2147">
        <v>90233.193299999999</v>
      </c>
      <c r="G2147">
        <v>43403.960910000002</v>
      </c>
      <c r="H2147">
        <v>38500.444929999998</v>
      </c>
      <c r="I2147">
        <v>29565.510050000001</v>
      </c>
      <c r="J2147">
        <v>41186.099159999998</v>
      </c>
      <c r="K2147">
        <v>43700.443489999998</v>
      </c>
      <c r="L2147">
        <v>26804.760030000001</v>
      </c>
      <c r="M2147">
        <v>235057.10690000001</v>
      </c>
      <c r="N2147">
        <v>79424.693100000004</v>
      </c>
      <c r="O2147">
        <v>22968.878379999998</v>
      </c>
      <c r="P2147">
        <v>38267.851589999998</v>
      </c>
      <c r="Q2147">
        <v>62345.284290000003</v>
      </c>
      <c r="R2147">
        <v>18383.631890000001</v>
      </c>
      <c r="S2147">
        <v>94004.243910000005</v>
      </c>
      <c r="T2147">
        <v>30133.13262</v>
      </c>
      <c r="U2147">
        <v>15472.022440000001</v>
      </c>
      <c r="W2147" s="83">
        <f>Bühler!N2179</f>
        <v>45381.374999994798</v>
      </c>
      <c r="X2147" s="83">
        <v>43190.375</v>
      </c>
      <c r="Y2147">
        <v>186296.79920000001</v>
      </c>
      <c r="Z2147">
        <v>25853.681690000001</v>
      </c>
      <c r="AA2147">
        <v>90233.193299999999</v>
      </c>
      <c r="AB2147">
        <v>43403.960910000002</v>
      </c>
      <c r="AC2147">
        <v>38500.444929999998</v>
      </c>
      <c r="AD2147">
        <v>29565.510050000001</v>
      </c>
      <c r="AE2147">
        <v>41186.099159999998</v>
      </c>
      <c r="AF2147">
        <v>43700.443489999998</v>
      </c>
      <c r="AG2147">
        <v>26804.760030000001</v>
      </c>
      <c r="AH2147">
        <v>235057.10690000001</v>
      </c>
      <c r="AI2147">
        <v>79424.693100000004</v>
      </c>
      <c r="AJ2147">
        <v>22968.878379999998</v>
      </c>
      <c r="AK2147">
        <v>38267.851589999998</v>
      </c>
      <c r="AL2147">
        <v>62345.284290000003</v>
      </c>
      <c r="AM2147">
        <v>18383.631890000001</v>
      </c>
      <c r="AN2147">
        <v>94004.243910000005</v>
      </c>
      <c r="AO2147">
        <v>30133.13262</v>
      </c>
      <c r="AP2147">
        <v>15472.022440000001</v>
      </c>
    </row>
    <row r="2148" spans="2:42" x14ac:dyDescent="0.3">
      <c r="B2148">
        <v>46.226534214914437</v>
      </c>
      <c r="C2148" s="83">
        <v>43190.416666666664</v>
      </c>
      <c r="D2148">
        <v>184457.69829999999</v>
      </c>
      <c r="E2148">
        <v>27202.658100000001</v>
      </c>
      <c r="F2148">
        <v>91203.392300000007</v>
      </c>
      <c r="G2148">
        <v>43773.990859999998</v>
      </c>
      <c r="H2148">
        <v>38905.677519999997</v>
      </c>
      <c r="I2148">
        <v>28668.398349999999</v>
      </c>
      <c r="J2148">
        <v>40272.608979999997</v>
      </c>
      <c r="K2148">
        <v>44247.403129999999</v>
      </c>
      <c r="L2148">
        <v>30369.028180000001</v>
      </c>
      <c r="M2148">
        <v>235684.42879999999</v>
      </c>
      <c r="N2148">
        <v>80364.527189999993</v>
      </c>
      <c r="O2148">
        <v>22557.9058</v>
      </c>
      <c r="P2148">
        <v>38532.324390000002</v>
      </c>
      <c r="Q2148">
        <v>61287.487939999999</v>
      </c>
      <c r="R2148">
        <v>18722.784309999999</v>
      </c>
      <c r="S2148">
        <v>94188.864740000005</v>
      </c>
      <c r="T2148">
        <v>31976.014589999999</v>
      </c>
      <c r="U2148">
        <v>15172.09066</v>
      </c>
      <c r="W2148" s="83">
        <f>Bühler!N2180</f>
        <v>45381.416666661462</v>
      </c>
      <c r="X2148" s="83">
        <v>43190.416666666664</v>
      </c>
      <c r="Y2148">
        <v>184457.69829999999</v>
      </c>
      <c r="Z2148">
        <v>27202.658100000001</v>
      </c>
      <c r="AA2148">
        <v>91203.392300000007</v>
      </c>
      <c r="AB2148">
        <v>43773.990859999998</v>
      </c>
      <c r="AC2148">
        <v>38905.677519999997</v>
      </c>
      <c r="AD2148">
        <v>28668.398349999999</v>
      </c>
      <c r="AE2148">
        <v>40272.608979999997</v>
      </c>
      <c r="AF2148">
        <v>44247.403129999999</v>
      </c>
      <c r="AG2148">
        <v>30369.028180000001</v>
      </c>
      <c r="AH2148">
        <v>235684.42879999999</v>
      </c>
      <c r="AI2148">
        <v>80364.527189999993</v>
      </c>
      <c r="AJ2148">
        <v>22557.9058</v>
      </c>
      <c r="AK2148">
        <v>38532.324390000002</v>
      </c>
      <c r="AL2148">
        <v>61287.487939999999</v>
      </c>
      <c r="AM2148">
        <v>18722.784309999999</v>
      </c>
      <c r="AN2148">
        <v>94188.864740000005</v>
      </c>
      <c r="AO2148">
        <v>31976.014589999999</v>
      </c>
      <c r="AP2148">
        <v>15172.09066</v>
      </c>
    </row>
    <row r="2149" spans="2:42" x14ac:dyDescent="0.3">
      <c r="B2149">
        <v>46.073494016614191</v>
      </c>
      <c r="C2149" s="83">
        <v>43190.458333333336</v>
      </c>
      <c r="D2149">
        <v>181470.4688</v>
      </c>
      <c r="E2149">
        <v>27244.280500000001</v>
      </c>
      <c r="F2149">
        <v>91261.508589999998</v>
      </c>
      <c r="G2149">
        <v>43872.301740000003</v>
      </c>
      <c r="H2149">
        <v>38555.768929999998</v>
      </c>
      <c r="I2149">
        <v>28953.390950000001</v>
      </c>
      <c r="J2149">
        <v>39954.828220000003</v>
      </c>
      <c r="K2149">
        <v>46192.964070000002</v>
      </c>
      <c r="L2149">
        <v>31886.207119999999</v>
      </c>
      <c r="M2149">
        <v>234904.15849999999</v>
      </c>
      <c r="N2149">
        <v>79991.792449999994</v>
      </c>
      <c r="O2149">
        <v>22535.31048</v>
      </c>
      <c r="P2149">
        <v>37134.65393</v>
      </c>
      <c r="Q2149">
        <v>60689.54135</v>
      </c>
      <c r="R2149">
        <v>20565.848839999999</v>
      </c>
      <c r="S2149">
        <v>96167.436369999996</v>
      </c>
      <c r="T2149">
        <v>32442.616870000002</v>
      </c>
      <c r="U2149">
        <v>14672.93707</v>
      </c>
      <c r="W2149" s="83">
        <f>Bühler!N2181</f>
        <v>45381.458333328126</v>
      </c>
      <c r="X2149" s="83">
        <v>43190.458333333336</v>
      </c>
      <c r="Y2149">
        <v>181470.4688</v>
      </c>
      <c r="Z2149">
        <v>27244.280500000001</v>
      </c>
      <c r="AA2149">
        <v>91261.508589999998</v>
      </c>
      <c r="AB2149">
        <v>43872.301740000003</v>
      </c>
      <c r="AC2149">
        <v>38555.768929999998</v>
      </c>
      <c r="AD2149">
        <v>28953.390950000001</v>
      </c>
      <c r="AE2149">
        <v>39954.828220000003</v>
      </c>
      <c r="AF2149">
        <v>46192.964070000002</v>
      </c>
      <c r="AG2149">
        <v>31886.207119999999</v>
      </c>
      <c r="AH2149">
        <v>234904.15849999999</v>
      </c>
      <c r="AI2149">
        <v>79991.792449999994</v>
      </c>
      <c r="AJ2149">
        <v>22535.31048</v>
      </c>
      <c r="AK2149">
        <v>37134.65393</v>
      </c>
      <c r="AL2149">
        <v>60689.54135</v>
      </c>
      <c r="AM2149">
        <v>20565.848839999999</v>
      </c>
      <c r="AN2149">
        <v>96167.436369999996</v>
      </c>
      <c r="AO2149">
        <v>32442.616870000002</v>
      </c>
      <c r="AP2149">
        <v>14672.93707</v>
      </c>
    </row>
    <row r="2150" spans="2:42" x14ac:dyDescent="0.3">
      <c r="B2150">
        <v>45.382638499727726</v>
      </c>
      <c r="C2150" s="83">
        <v>43190.5</v>
      </c>
      <c r="D2150">
        <v>174443.8395</v>
      </c>
      <c r="E2150">
        <v>25584.60886</v>
      </c>
      <c r="F2150">
        <v>90026.388569999996</v>
      </c>
      <c r="G2150">
        <v>41999.532290000003</v>
      </c>
      <c r="H2150">
        <v>37916.500339999999</v>
      </c>
      <c r="I2150">
        <v>28480.741330000001</v>
      </c>
      <c r="J2150">
        <v>40157.693460000002</v>
      </c>
      <c r="K2150">
        <v>46346.881719999998</v>
      </c>
      <c r="L2150">
        <v>33849.099629999997</v>
      </c>
      <c r="M2150">
        <v>231381.85490000001</v>
      </c>
      <c r="N2150">
        <v>79446.781940000001</v>
      </c>
      <c r="O2150">
        <v>21351.673050000001</v>
      </c>
      <c r="P2150">
        <v>37691.999450000003</v>
      </c>
      <c r="Q2150">
        <v>57730.612829999998</v>
      </c>
      <c r="R2150">
        <v>19031.394219999998</v>
      </c>
      <c r="S2150">
        <v>90823.472590000005</v>
      </c>
      <c r="T2150">
        <v>31723.447510000002</v>
      </c>
      <c r="U2150">
        <v>13042.399439999999</v>
      </c>
      <c r="W2150" s="83">
        <f>Bühler!N2182</f>
        <v>45381.49999999479</v>
      </c>
      <c r="X2150" s="83">
        <v>43190.5</v>
      </c>
      <c r="Y2150">
        <v>174443.8395</v>
      </c>
      <c r="Z2150">
        <v>25584.60886</v>
      </c>
      <c r="AA2150">
        <v>90026.388569999996</v>
      </c>
      <c r="AB2150">
        <v>41999.532290000003</v>
      </c>
      <c r="AC2150">
        <v>37916.500339999999</v>
      </c>
      <c r="AD2150">
        <v>28480.741330000001</v>
      </c>
      <c r="AE2150">
        <v>40157.693460000002</v>
      </c>
      <c r="AF2150">
        <v>46346.881719999998</v>
      </c>
      <c r="AG2150">
        <v>33849.099629999997</v>
      </c>
      <c r="AH2150">
        <v>231381.85490000001</v>
      </c>
      <c r="AI2150">
        <v>79446.781940000001</v>
      </c>
      <c r="AJ2150">
        <v>21351.673050000001</v>
      </c>
      <c r="AK2150">
        <v>37691.999450000003</v>
      </c>
      <c r="AL2150">
        <v>57730.612829999998</v>
      </c>
      <c r="AM2150">
        <v>19031.394219999998</v>
      </c>
      <c r="AN2150">
        <v>90823.472590000005</v>
      </c>
      <c r="AO2150">
        <v>31723.447510000002</v>
      </c>
      <c r="AP2150">
        <v>13042.399439999999</v>
      </c>
    </row>
    <row r="2151" spans="2:42" x14ac:dyDescent="0.3">
      <c r="B2151">
        <v>44.549124926238093</v>
      </c>
      <c r="C2151" s="83">
        <v>43190.541666666664</v>
      </c>
      <c r="D2151">
        <v>170224.69029999999</v>
      </c>
      <c r="E2151">
        <v>24680.140790000001</v>
      </c>
      <c r="F2151">
        <v>87813.537389999998</v>
      </c>
      <c r="G2151">
        <v>40367.144110000001</v>
      </c>
      <c r="H2151">
        <v>37243.410960000001</v>
      </c>
      <c r="I2151">
        <v>28523.28284</v>
      </c>
      <c r="J2151">
        <v>39026.2713</v>
      </c>
      <c r="K2151">
        <v>47197.328679999999</v>
      </c>
      <c r="L2151">
        <v>33065.947569999997</v>
      </c>
      <c r="M2151">
        <v>227132.21400000001</v>
      </c>
      <c r="N2151">
        <v>76345.48461</v>
      </c>
      <c r="O2151">
        <v>21059.647099999998</v>
      </c>
      <c r="P2151">
        <v>36342.615180000001</v>
      </c>
      <c r="Q2151">
        <v>55784.857429999996</v>
      </c>
      <c r="R2151">
        <v>19080.621800000001</v>
      </c>
      <c r="S2151">
        <v>90392.702959999995</v>
      </c>
      <c r="T2151">
        <v>30972.298409999999</v>
      </c>
      <c r="U2151">
        <v>12373.285980000001</v>
      </c>
      <c r="W2151" s="83">
        <f>Bühler!N2183</f>
        <v>45381.541666661455</v>
      </c>
      <c r="X2151" s="83">
        <v>43190.541666666664</v>
      </c>
      <c r="Y2151">
        <v>170224.69029999999</v>
      </c>
      <c r="Z2151">
        <v>24680.140790000001</v>
      </c>
      <c r="AA2151">
        <v>87813.537389999998</v>
      </c>
      <c r="AB2151">
        <v>40367.144110000001</v>
      </c>
      <c r="AC2151">
        <v>37243.410960000001</v>
      </c>
      <c r="AD2151">
        <v>28523.28284</v>
      </c>
      <c r="AE2151">
        <v>39026.2713</v>
      </c>
      <c r="AF2151">
        <v>47197.328679999999</v>
      </c>
      <c r="AG2151">
        <v>33065.947569999997</v>
      </c>
      <c r="AH2151">
        <v>227132.21400000001</v>
      </c>
      <c r="AI2151">
        <v>76345.48461</v>
      </c>
      <c r="AJ2151">
        <v>21059.647099999998</v>
      </c>
      <c r="AK2151">
        <v>36342.615180000001</v>
      </c>
      <c r="AL2151">
        <v>55784.857429999996</v>
      </c>
      <c r="AM2151">
        <v>19080.621800000001</v>
      </c>
      <c r="AN2151">
        <v>90392.702959999995</v>
      </c>
      <c r="AO2151">
        <v>30972.298409999999</v>
      </c>
      <c r="AP2151">
        <v>12373.285980000001</v>
      </c>
    </row>
    <row r="2152" spans="2:42" x14ac:dyDescent="0.3">
      <c r="B2152">
        <v>44.59295710733165</v>
      </c>
      <c r="C2152" s="83">
        <v>43190.583333333336</v>
      </c>
      <c r="D2152">
        <v>169624.0098</v>
      </c>
      <c r="E2152">
        <v>25221.484260000001</v>
      </c>
      <c r="F2152">
        <v>88092.812760000001</v>
      </c>
      <c r="G2152">
        <v>39567.782550000004</v>
      </c>
      <c r="H2152">
        <v>36947.710910000002</v>
      </c>
      <c r="I2152">
        <v>29084.83453</v>
      </c>
      <c r="J2152">
        <v>38147.363039999997</v>
      </c>
      <c r="K2152">
        <v>46560.60065</v>
      </c>
      <c r="L2152">
        <v>30506.175480000002</v>
      </c>
      <c r="M2152">
        <v>227355.69089999999</v>
      </c>
      <c r="N2152">
        <v>75963.702600000004</v>
      </c>
      <c r="O2152">
        <v>20596.78573</v>
      </c>
      <c r="P2152">
        <v>34637.098310000001</v>
      </c>
      <c r="Q2152">
        <v>54512.143389999997</v>
      </c>
      <c r="R2152">
        <v>19188.301670000001</v>
      </c>
      <c r="S2152">
        <v>86905.416339999996</v>
      </c>
      <c r="T2152">
        <v>30586.719099999998</v>
      </c>
      <c r="U2152">
        <v>12484.11512</v>
      </c>
      <c r="W2152" s="83">
        <f>Bühler!N2184</f>
        <v>45381.583333328119</v>
      </c>
      <c r="X2152" s="83">
        <v>43190.583333333336</v>
      </c>
      <c r="Y2152">
        <v>169624.0098</v>
      </c>
      <c r="Z2152">
        <v>25221.484260000001</v>
      </c>
      <c r="AA2152">
        <v>88092.812760000001</v>
      </c>
      <c r="AB2152">
        <v>39567.782550000004</v>
      </c>
      <c r="AC2152">
        <v>36947.710910000002</v>
      </c>
      <c r="AD2152">
        <v>29084.83453</v>
      </c>
      <c r="AE2152">
        <v>38147.363039999997</v>
      </c>
      <c r="AF2152">
        <v>46560.60065</v>
      </c>
      <c r="AG2152">
        <v>30506.175480000002</v>
      </c>
      <c r="AH2152">
        <v>227355.69089999999</v>
      </c>
      <c r="AI2152">
        <v>75963.702600000004</v>
      </c>
      <c r="AJ2152">
        <v>20596.78573</v>
      </c>
      <c r="AK2152">
        <v>34637.098310000001</v>
      </c>
      <c r="AL2152">
        <v>54512.143389999997</v>
      </c>
      <c r="AM2152">
        <v>19188.301670000001</v>
      </c>
      <c r="AN2152">
        <v>86905.416339999996</v>
      </c>
      <c r="AO2152">
        <v>30586.719099999998</v>
      </c>
      <c r="AP2152">
        <v>12484.11512</v>
      </c>
    </row>
    <row r="2153" spans="2:42" x14ac:dyDescent="0.3">
      <c r="B2153">
        <v>44.007053366942493</v>
      </c>
      <c r="C2153" s="83">
        <v>43190.625</v>
      </c>
      <c r="D2153">
        <v>169304.27249999999</v>
      </c>
      <c r="E2153">
        <v>24920.087500000001</v>
      </c>
      <c r="F2153">
        <v>87964.203439999997</v>
      </c>
      <c r="G2153">
        <v>38623.592420000001</v>
      </c>
      <c r="H2153">
        <v>36726.923929999997</v>
      </c>
      <c r="I2153">
        <v>29484.584599999998</v>
      </c>
      <c r="J2153">
        <v>37172.081539999999</v>
      </c>
      <c r="K2153">
        <v>46399.351390000003</v>
      </c>
      <c r="L2153">
        <v>27261.64831</v>
      </c>
      <c r="M2153">
        <v>224368.4804</v>
      </c>
      <c r="N2153">
        <v>74313.251510000002</v>
      </c>
      <c r="O2153">
        <v>20135.304179999999</v>
      </c>
      <c r="P2153">
        <v>32350.919989999999</v>
      </c>
      <c r="Q2153">
        <v>53922.531949999997</v>
      </c>
      <c r="R2153">
        <v>18995.392049999999</v>
      </c>
      <c r="S2153">
        <v>86326.074219999995</v>
      </c>
      <c r="T2153">
        <v>30816.17021</v>
      </c>
      <c r="U2153">
        <v>12133.34794</v>
      </c>
      <c r="W2153" s="83">
        <f>Bühler!N2185</f>
        <v>45381.624999994783</v>
      </c>
      <c r="X2153" s="83">
        <v>43190.625</v>
      </c>
      <c r="Y2153">
        <v>169304.27249999999</v>
      </c>
      <c r="Z2153">
        <v>24920.087500000001</v>
      </c>
      <c r="AA2153">
        <v>87964.203439999997</v>
      </c>
      <c r="AB2153">
        <v>38623.592420000001</v>
      </c>
      <c r="AC2153">
        <v>36726.923929999997</v>
      </c>
      <c r="AD2153">
        <v>29484.584599999998</v>
      </c>
      <c r="AE2153">
        <v>37172.081539999999</v>
      </c>
      <c r="AF2153">
        <v>46399.351390000003</v>
      </c>
      <c r="AG2153">
        <v>27261.64831</v>
      </c>
      <c r="AH2153">
        <v>224368.4804</v>
      </c>
      <c r="AI2153">
        <v>74313.251510000002</v>
      </c>
      <c r="AJ2153">
        <v>20135.304179999999</v>
      </c>
      <c r="AK2153">
        <v>32350.919989999999</v>
      </c>
      <c r="AL2153">
        <v>53922.531949999997</v>
      </c>
      <c r="AM2153">
        <v>18995.392049999999</v>
      </c>
      <c r="AN2153">
        <v>86326.074219999995</v>
      </c>
      <c r="AO2153">
        <v>30816.17021</v>
      </c>
      <c r="AP2153">
        <v>12133.34794</v>
      </c>
    </row>
    <row r="2154" spans="2:42" x14ac:dyDescent="0.3">
      <c r="B2154">
        <v>43.588598549962832</v>
      </c>
      <c r="C2154" s="83">
        <v>43190.666666666664</v>
      </c>
      <c r="D2154">
        <v>168429.103</v>
      </c>
      <c r="E2154">
        <v>24699.200369999999</v>
      </c>
      <c r="F2154">
        <v>87194.288239999994</v>
      </c>
      <c r="G2154">
        <v>38628.792710000002</v>
      </c>
      <c r="H2154">
        <v>36507.793290000001</v>
      </c>
      <c r="I2154">
        <v>29740.796190000001</v>
      </c>
      <c r="J2154">
        <v>36478.510110000003</v>
      </c>
      <c r="K2154">
        <v>45518.226640000001</v>
      </c>
      <c r="L2154">
        <v>26414.21817</v>
      </c>
      <c r="M2154">
        <v>222235.00260000001</v>
      </c>
      <c r="N2154">
        <v>73520.951379999999</v>
      </c>
      <c r="O2154">
        <v>20262.104889999999</v>
      </c>
      <c r="P2154">
        <v>31612.249070000002</v>
      </c>
      <c r="Q2154">
        <v>53477.708100000003</v>
      </c>
      <c r="R2154">
        <v>18925.505010000001</v>
      </c>
      <c r="S2154">
        <v>86595.310769999996</v>
      </c>
      <c r="T2154">
        <v>30460.65079</v>
      </c>
      <c r="U2154">
        <v>12007.87796</v>
      </c>
      <c r="W2154" s="83">
        <f>Bühler!N2186</f>
        <v>45381.666666661447</v>
      </c>
      <c r="X2154" s="83">
        <v>43190.666666666664</v>
      </c>
      <c r="Y2154">
        <v>168429.103</v>
      </c>
      <c r="Z2154">
        <v>24699.200369999999</v>
      </c>
      <c r="AA2154">
        <v>87194.288239999994</v>
      </c>
      <c r="AB2154">
        <v>38628.792710000002</v>
      </c>
      <c r="AC2154">
        <v>36507.793290000001</v>
      </c>
      <c r="AD2154">
        <v>29740.796190000001</v>
      </c>
      <c r="AE2154">
        <v>36478.510110000003</v>
      </c>
      <c r="AF2154">
        <v>45518.226640000001</v>
      </c>
      <c r="AG2154">
        <v>26414.21817</v>
      </c>
      <c r="AH2154">
        <v>222235.00260000001</v>
      </c>
      <c r="AI2154">
        <v>73520.951379999999</v>
      </c>
      <c r="AJ2154">
        <v>20262.104889999999</v>
      </c>
      <c r="AK2154">
        <v>31612.249070000002</v>
      </c>
      <c r="AL2154">
        <v>53477.708100000003</v>
      </c>
      <c r="AM2154">
        <v>18925.505010000001</v>
      </c>
      <c r="AN2154">
        <v>86595.310769999996</v>
      </c>
      <c r="AO2154">
        <v>30460.65079</v>
      </c>
      <c r="AP2154">
        <v>12007.87796</v>
      </c>
    </row>
    <row r="2155" spans="2:42" x14ac:dyDescent="0.3">
      <c r="B2155">
        <v>42.912973083603717</v>
      </c>
      <c r="C2155" s="83">
        <v>43190.708333333336</v>
      </c>
      <c r="D2155">
        <v>166988.5931</v>
      </c>
      <c r="E2155">
        <v>24496.67801</v>
      </c>
      <c r="F2155">
        <v>87133.855030000006</v>
      </c>
      <c r="G2155">
        <v>38237.558929999999</v>
      </c>
      <c r="H2155">
        <v>36472.87255</v>
      </c>
      <c r="I2155">
        <v>30088.503290000001</v>
      </c>
      <c r="J2155">
        <v>36909.140480000002</v>
      </c>
      <c r="K2155">
        <v>43979.977789999997</v>
      </c>
      <c r="L2155">
        <v>27235.2935</v>
      </c>
      <c r="M2155">
        <v>218790.34890000001</v>
      </c>
      <c r="N2155">
        <v>69456.841549999997</v>
      </c>
      <c r="O2155">
        <v>20055.562559999998</v>
      </c>
      <c r="P2155">
        <v>34009.756690000002</v>
      </c>
      <c r="Q2155">
        <v>52774.869019999998</v>
      </c>
      <c r="R2155">
        <v>20884.374540000001</v>
      </c>
      <c r="S2155">
        <v>88272.657430000007</v>
      </c>
      <c r="T2155">
        <v>30613.791290000001</v>
      </c>
      <c r="U2155">
        <v>12305.488429999999</v>
      </c>
      <c r="W2155" s="83">
        <f>Bühler!N2187</f>
        <v>45381.708333328112</v>
      </c>
      <c r="X2155" s="83">
        <v>43190.708333333336</v>
      </c>
      <c r="Y2155">
        <v>166988.5931</v>
      </c>
      <c r="Z2155">
        <v>24496.67801</v>
      </c>
      <c r="AA2155">
        <v>87133.855030000006</v>
      </c>
      <c r="AB2155">
        <v>38237.558929999999</v>
      </c>
      <c r="AC2155">
        <v>36472.87255</v>
      </c>
      <c r="AD2155">
        <v>30088.503290000001</v>
      </c>
      <c r="AE2155">
        <v>36909.140480000002</v>
      </c>
      <c r="AF2155">
        <v>43979.977789999997</v>
      </c>
      <c r="AG2155">
        <v>27235.2935</v>
      </c>
      <c r="AH2155">
        <v>218790.34890000001</v>
      </c>
      <c r="AI2155">
        <v>69456.841549999997</v>
      </c>
      <c r="AJ2155">
        <v>20055.562559999998</v>
      </c>
      <c r="AK2155">
        <v>34009.756690000002</v>
      </c>
      <c r="AL2155">
        <v>52774.869019999998</v>
      </c>
      <c r="AM2155">
        <v>20884.374540000001</v>
      </c>
      <c r="AN2155">
        <v>88272.657430000007</v>
      </c>
      <c r="AO2155">
        <v>30613.791290000001</v>
      </c>
      <c r="AP2155">
        <v>12305.488429999999</v>
      </c>
    </row>
    <row r="2156" spans="2:42" x14ac:dyDescent="0.3">
      <c r="B2156">
        <v>42.402895223797252</v>
      </c>
      <c r="C2156" s="83">
        <v>43190.75</v>
      </c>
      <c r="D2156">
        <v>166248.02350000001</v>
      </c>
      <c r="E2156">
        <v>23739.923569999999</v>
      </c>
      <c r="F2156">
        <v>86877.059389999995</v>
      </c>
      <c r="G2156">
        <v>38032.698190000003</v>
      </c>
      <c r="H2156">
        <v>36156.821620000002</v>
      </c>
      <c r="I2156">
        <v>30486.251609999999</v>
      </c>
      <c r="J2156">
        <v>37876.379480000003</v>
      </c>
      <c r="K2156">
        <v>44006.114200000004</v>
      </c>
      <c r="L2156">
        <v>29823.573059999999</v>
      </c>
      <c r="M2156">
        <v>216189.7341</v>
      </c>
      <c r="N2156">
        <v>68614.157030000002</v>
      </c>
      <c r="O2156">
        <v>20787.820449999999</v>
      </c>
      <c r="P2156">
        <v>36963.340629999999</v>
      </c>
      <c r="Q2156">
        <v>51847.098969999999</v>
      </c>
      <c r="R2156">
        <v>19766.044320000001</v>
      </c>
      <c r="S2156">
        <v>86783.433369999999</v>
      </c>
      <c r="T2156">
        <v>31386.72078</v>
      </c>
      <c r="U2156">
        <v>12666.700790000001</v>
      </c>
      <c r="W2156" s="83">
        <f>Bühler!N2188</f>
        <v>45381.749999994776</v>
      </c>
      <c r="X2156" s="83">
        <v>43190.75</v>
      </c>
      <c r="Y2156">
        <v>166248.02350000001</v>
      </c>
      <c r="Z2156">
        <v>23739.923569999999</v>
      </c>
      <c r="AA2156">
        <v>86877.059389999995</v>
      </c>
      <c r="AB2156">
        <v>38032.698190000003</v>
      </c>
      <c r="AC2156">
        <v>36156.821620000002</v>
      </c>
      <c r="AD2156">
        <v>30486.251609999999</v>
      </c>
      <c r="AE2156">
        <v>37876.379480000003</v>
      </c>
      <c r="AF2156">
        <v>44006.114200000004</v>
      </c>
      <c r="AG2156">
        <v>29823.573059999999</v>
      </c>
      <c r="AH2156">
        <v>216189.7341</v>
      </c>
      <c r="AI2156">
        <v>68614.157030000002</v>
      </c>
      <c r="AJ2156">
        <v>20787.820449999999</v>
      </c>
      <c r="AK2156">
        <v>36963.340629999999</v>
      </c>
      <c r="AL2156">
        <v>51847.098969999999</v>
      </c>
      <c r="AM2156">
        <v>19766.044320000001</v>
      </c>
      <c r="AN2156">
        <v>86783.433369999999</v>
      </c>
      <c r="AO2156">
        <v>31386.72078</v>
      </c>
      <c r="AP2156">
        <v>12666.700790000001</v>
      </c>
    </row>
    <row r="2157" spans="2:42" x14ac:dyDescent="0.3">
      <c r="B2157">
        <v>42.057408702585001</v>
      </c>
      <c r="C2157" s="83">
        <v>43190.791666666664</v>
      </c>
      <c r="D2157">
        <v>167256.54889999999</v>
      </c>
      <c r="E2157">
        <v>21028.384770000001</v>
      </c>
      <c r="F2157">
        <v>78873.372329999998</v>
      </c>
      <c r="G2157">
        <v>39309.310120000002</v>
      </c>
      <c r="H2157">
        <v>37612.538820000002</v>
      </c>
      <c r="I2157">
        <v>29762.068490000001</v>
      </c>
      <c r="J2157">
        <v>40731.204169999997</v>
      </c>
      <c r="K2157">
        <v>45845.761149999998</v>
      </c>
      <c r="L2157">
        <v>31724.989249999999</v>
      </c>
      <c r="M2157">
        <v>214428.28270000001</v>
      </c>
      <c r="N2157">
        <v>70781.981830000004</v>
      </c>
      <c r="O2157">
        <v>21295.142309999999</v>
      </c>
      <c r="P2157">
        <v>41121.982279999997</v>
      </c>
      <c r="Q2157">
        <v>50528.699220000002</v>
      </c>
      <c r="R2157">
        <v>20522.039379999998</v>
      </c>
      <c r="S2157">
        <v>89099.7497</v>
      </c>
      <c r="T2157">
        <v>31831.63335</v>
      </c>
      <c r="U2157">
        <v>13862.118689999999</v>
      </c>
      <c r="W2157" s="83">
        <f>Bühler!N2189</f>
        <v>45381.79166666144</v>
      </c>
      <c r="X2157" s="83">
        <v>43190.791666666664</v>
      </c>
      <c r="Y2157">
        <v>167256.54889999999</v>
      </c>
      <c r="Z2157">
        <v>21028.384770000001</v>
      </c>
      <c r="AA2157">
        <v>78873.372329999998</v>
      </c>
      <c r="AB2157">
        <v>39309.310120000002</v>
      </c>
      <c r="AC2157">
        <v>37612.538820000002</v>
      </c>
      <c r="AD2157">
        <v>29762.068490000001</v>
      </c>
      <c r="AE2157">
        <v>40731.204169999997</v>
      </c>
      <c r="AF2157">
        <v>45845.761149999998</v>
      </c>
      <c r="AG2157">
        <v>31724.989249999999</v>
      </c>
      <c r="AH2157">
        <v>214428.28270000001</v>
      </c>
      <c r="AI2157">
        <v>70781.981830000004</v>
      </c>
      <c r="AJ2157">
        <v>21295.142309999999</v>
      </c>
      <c r="AK2157">
        <v>41121.982279999997</v>
      </c>
      <c r="AL2157">
        <v>50528.699220000002</v>
      </c>
      <c r="AM2157">
        <v>20522.039379999998</v>
      </c>
      <c r="AN2157">
        <v>89099.7497</v>
      </c>
      <c r="AO2157">
        <v>31831.63335</v>
      </c>
      <c r="AP2157">
        <v>13862.118689999999</v>
      </c>
    </row>
    <row r="2158" spans="2:42" x14ac:dyDescent="0.3">
      <c r="B2158">
        <v>41.784256462951738</v>
      </c>
      <c r="C2158" s="83">
        <v>43190.833333333336</v>
      </c>
      <c r="D2158">
        <v>167395.79930000001</v>
      </c>
      <c r="E2158">
        <v>16408.925050000002</v>
      </c>
      <c r="F2158">
        <v>58565.765270000004</v>
      </c>
      <c r="G2158">
        <v>39478.023849999998</v>
      </c>
      <c r="H2158">
        <v>37218.070339999998</v>
      </c>
      <c r="I2158">
        <v>27673.990409999999</v>
      </c>
      <c r="J2158">
        <v>40291.802029999999</v>
      </c>
      <c r="K2158">
        <v>46114.753649999999</v>
      </c>
      <c r="L2158">
        <v>32285.424879999999</v>
      </c>
      <c r="M2158">
        <v>213035.62520000001</v>
      </c>
      <c r="N2158">
        <v>70524.197190000006</v>
      </c>
      <c r="O2158">
        <v>21175.156869999999</v>
      </c>
      <c r="P2158">
        <v>40175.270400000001</v>
      </c>
      <c r="Q2158">
        <v>48873.964520000001</v>
      </c>
      <c r="R2158">
        <v>19895.66761</v>
      </c>
      <c r="S2158">
        <v>83918.898440000004</v>
      </c>
      <c r="T2158">
        <v>29324.450120000001</v>
      </c>
      <c r="U2158">
        <v>14299.463739999999</v>
      </c>
      <c r="W2158" s="83">
        <f>Bühler!N2190</f>
        <v>45381.833333328104</v>
      </c>
      <c r="X2158" s="83">
        <v>43190.833333333336</v>
      </c>
      <c r="Y2158">
        <v>167395.79930000001</v>
      </c>
      <c r="Z2158">
        <v>16408.925050000002</v>
      </c>
      <c r="AA2158">
        <v>58565.765270000004</v>
      </c>
      <c r="AB2158">
        <v>39478.023849999998</v>
      </c>
      <c r="AC2158">
        <v>37218.070339999998</v>
      </c>
      <c r="AD2158">
        <v>27673.990409999999</v>
      </c>
      <c r="AE2158">
        <v>40291.802029999999</v>
      </c>
      <c r="AF2158">
        <v>46114.753649999999</v>
      </c>
      <c r="AG2158">
        <v>32285.424879999999</v>
      </c>
      <c r="AH2158">
        <v>213035.62520000001</v>
      </c>
      <c r="AI2158">
        <v>70524.197190000006</v>
      </c>
      <c r="AJ2158">
        <v>21175.156869999999</v>
      </c>
      <c r="AK2158">
        <v>40175.270400000001</v>
      </c>
      <c r="AL2158">
        <v>48873.964520000001</v>
      </c>
      <c r="AM2158">
        <v>19895.66761</v>
      </c>
      <c r="AN2158">
        <v>83918.898440000004</v>
      </c>
      <c r="AO2158">
        <v>29324.450120000001</v>
      </c>
      <c r="AP2158">
        <v>14299.463739999999</v>
      </c>
    </row>
    <row r="2159" spans="2:42" x14ac:dyDescent="0.3">
      <c r="B2159">
        <v>41.246451539648412</v>
      </c>
      <c r="C2159" s="83">
        <v>43190.875</v>
      </c>
      <c r="D2159">
        <v>166923.31719999999</v>
      </c>
      <c r="E2159">
        <v>14368.59922</v>
      </c>
      <c r="F2159">
        <v>49578.349620000001</v>
      </c>
      <c r="G2159">
        <v>38971.45192</v>
      </c>
      <c r="H2159">
        <v>36388.19715</v>
      </c>
      <c r="I2159">
        <v>25110.6541</v>
      </c>
      <c r="J2159">
        <v>39298.814530000003</v>
      </c>
      <c r="K2159">
        <v>45612.13061</v>
      </c>
      <c r="L2159">
        <v>30912.470600000001</v>
      </c>
      <c r="M2159">
        <v>210293.64490000001</v>
      </c>
      <c r="N2159">
        <v>69878.895690000005</v>
      </c>
      <c r="O2159">
        <v>20553.028409999999</v>
      </c>
      <c r="P2159">
        <v>39322.123449999999</v>
      </c>
      <c r="Q2159">
        <v>48513.798920000001</v>
      </c>
      <c r="R2159">
        <v>19517.356970000001</v>
      </c>
      <c r="S2159">
        <v>80399.143840000004</v>
      </c>
      <c r="T2159">
        <v>26998.36796</v>
      </c>
      <c r="U2159">
        <v>14217.289210000001</v>
      </c>
      <c r="W2159" s="83">
        <f>Bühler!N2191</f>
        <v>45381.874999994769</v>
      </c>
      <c r="X2159" s="83">
        <v>43190.875</v>
      </c>
      <c r="Y2159">
        <v>166923.31719999999</v>
      </c>
      <c r="Z2159">
        <v>14368.59922</v>
      </c>
      <c r="AA2159">
        <v>49578.349620000001</v>
      </c>
      <c r="AB2159">
        <v>38971.45192</v>
      </c>
      <c r="AC2159">
        <v>36388.19715</v>
      </c>
      <c r="AD2159">
        <v>25110.6541</v>
      </c>
      <c r="AE2159">
        <v>39298.814530000003</v>
      </c>
      <c r="AF2159">
        <v>45612.13061</v>
      </c>
      <c r="AG2159">
        <v>30912.470600000001</v>
      </c>
      <c r="AH2159">
        <v>210293.64490000001</v>
      </c>
      <c r="AI2159">
        <v>69878.895690000005</v>
      </c>
      <c r="AJ2159">
        <v>20553.028409999999</v>
      </c>
      <c r="AK2159">
        <v>39322.123449999999</v>
      </c>
      <c r="AL2159">
        <v>48513.798920000001</v>
      </c>
      <c r="AM2159">
        <v>19517.356970000001</v>
      </c>
      <c r="AN2159">
        <v>80399.143840000004</v>
      </c>
      <c r="AO2159">
        <v>26998.36796</v>
      </c>
      <c r="AP2159">
        <v>14217.289210000001</v>
      </c>
    </row>
    <row r="2160" spans="2:42" x14ac:dyDescent="0.3">
      <c r="B2160">
        <v>41.4786952420842</v>
      </c>
      <c r="C2160" s="83">
        <v>43190.916666666664</v>
      </c>
      <c r="D2160">
        <v>166215.78969999999</v>
      </c>
      <c r="E2160">
        <v>13960.75179</v>
      </c>
      <c r="F2160">
        <v>47260.35972</v>
      </c>
      <c r="G2160">
        <v>39303.130949999999</v>
      </c>
      <c r="H2160">
        <v>36843.641340000002</v>
      </c>
      <c r="I2160">
        <v>23911.385829999999</v>
      </c>
      <c r="J2160">
        <v>38064.136989999999</v>
      </c>
      <c r="K2160">
        <v>50374.273430000001</v>
      </c>
      <c r="L2160">
        <v>27848.167119999998</v>
      </c>
      <c r="M2160">
        <v>211477.7316</v>
      </c>
      <c r="N2160">
        <v>70030.392720000003</v>
      </c>
      <c r="O2160">
        <v>20995.346560000002</v>
      </c>
      <c r="P2160">
        <v>42387.209580000002</v>
      </c>
      <c r="Q2160">
        <v>48394.873979999997</v>
      </c>
      <c r="R2160">
        <v>24585.883140000002</v>
      </c>
      <c r="S2160">
        <v>78666.224579999995</v>
      </c>
      <c r="T2160">
        <v>25806.506799999999</v>
      </c>
      <c r="U2160">
        <v>15027.68324</v>
      </c>
      <c r="W2160" s="83">
        <f>Bühler!N2192</f>
        <v>45381.916666661433</v>
      </c>
      <c r="X2160" s="83">
        <v>43190.916666666664</v>
      </c>
      <c r="Y2160">
        <v>166215.78969999999</v>
      </c>
      <c r="Z2160">
        <v>13960.75179</v>
      </c>
      <c r="AA2160">
        <v>47260.35972</v>
      </c>
      <c r="AB2160">
        <v>39303.130949999999</v>
      </c>
      <c r="AC2160">
        <v>36843.641340000002</v>
      </c>
      <c r="AD2160">
        <v>23911.385829999999</v>
      </c>
      <c r="AE2160">
        <v>38064.136989999999</v>
      </c>
      <c r="AF2160">
        <v>50374.273430000001</v>
      </c>
      <c r="AG2160">
        <v>27848.167119999998</v>
      </c>
      <c r="AH2160">
        <v>211477.7316</v>
      </c>
      <c r="AI2160">
        <v>70030.392720000003</v>
      </c>
      <c r="AJ2160">
        <v>20995.346560000002</v>
      </c>
      <c r="AK2160">
        <v>42387.209580000002</v>
      </c>
      <c r="AL2160">
        <v>48394.873979999997</v>
      </c>
      <c r="AM2160">
        <v>24585.883140000002</v>
      </c>
      <c r="AN2160">
        <v>78666.224579999995</v>
      </c>
      <c r="AO2160">
        <v>25806.506799999999</v>
      </c>
      <c r="AP2160">
        <v>15027.68324</v>
      </c>
    </row>
    <row r="2161" spans="2:42" x14ac:dyDescent="0.3">
      <c r="B2161">
        <v>40.955251147133801</v>
      </c>
      <c r="C2161" s="83">
        <v>43190.958333333336</v>
      </c>
      <c r="D2161">
        <v>165589.5042</v>
      </c>
      <c r="E2161">
        <v>13660.81452</v>
      </c>
      <c r="F2161">
        <v>46392.178999999996</v>
      </c>
      <c r="G2161">
        <v>38822.009129999999</v>
      </c>
      <c r="H2161">
        <v>36228.002659999998</v>
      </c>
      <c r="I2161">
        <v>23228.716189999999</v>
      </c>
      <c r="J2161">
        <v>35306.99495</v>
      </c>
      <c r="K2161">
        <v>49979.013250000004</v>
      </c>
      <c r="L2161">
        <v>23502.409149999999</v>
      </c>
      <c r="M2161">
        <v>208808.96950000001</v>
      </c>
      <c r="N2161">
        <v>68634.124750000003</v>
      </c>
      <c r="O2161">
        <v>20832.164369999999</v>
      </c>
      <c r="P2161">
        <v>37969.76326</v>
      </c>
      <c r="Q2161">
        <v>48208.288829999998</v>
      </c>
      <c r="R2161">
        <v>26237.95854</v>
      </c>
      <c r="S2161">
        <v>77642.291740000001</v>
      </c>
      <c r="T2161">
        <v>26537.90092</v>
      </c>
      <c r="U2161">
        <v>14223.352919999999</v>
      </c>
      <c r="W2161" s="83">
        <f>Bühler!N2193</f>
        <v>45381.958333328097</v>
      </c>
      <c r="X2161" s="83">
        <v>43190.958333333336</v>
      </c>
      <c r="Y2161">
        <v>165589.5042</v>
      </c>
      <c r="Z2161">
        <v>13660.81452</v>
      </c>
      <c r="AA2161">
        <v>46392.178999999996</v>
      </c>
      <c r="AB2161">
        <v>38822.009129999999</v>
      </c>
      <c r="AC2161">
        <v>36228.002659999998</v>
      </c>
      <c r="AD2161">
        <v>23228.716189999999</v>
      </c>
      <c r="AE2161">
        <v>35306.99495</v>
      </c>
      <c r="AF2161">
        <v>49979.013250000004</v>
      </c>
      <c r="AG2161">
        <v>23502.409149999999</v>
      </c>
      <c r="AH2161">
        <v>208808.96950000001</v>
      </c>
      <c r="AI2161">
        <v>68634.124750000003</v>
      </c>
      <c r="AJ2161">
        <v>20832.164369999999</v>
      </c>
      <c r="AK2161">
        <v>37969.76326</v>
      </c>
      <c r="AL2161">
        <v>48208.288829999998</v>
      </c>
      <c r="AM2161">
        <v>26237.95854</v>
      </c>
      <c r="AN2161">
        <v>77642.291740000001</v>
      </c>
      <c r="AO2161">
        <v>26537.90092</v>
      </c>
      <c r="AP2161">
        <v>14223.352919999999</v>
      </c>
    </row>
    <row r="2162" spans="2:42" x14ac:dyDescent="0.3">
      <c r="B2162">
        <v>40.740968061451809</v>
      </c>
      <c r="C2162" s="83">
        <v>43191</v>
      </c>
      <c r="D2162">
        <v>165145.7022</v>
      </c>
      <c r="E2162">
        <v>13556.25419</v>
      </c>
      <c r="F2162">
        <v>45609.664230000002</v>
      </c>
      <c r="G2162">
        <v>39204.622750000002</v>
      </c>
      <c r="H2162">
        <v>35924.002619999999</v>
      </c>
      <c r="I2162">
        <v>21650.954399999999</v>
      </c>
      <c r="J2162">
        <v>33672.594060000003</v>
      </c>
      <c r="K2162">
        <v>48185.762499999997</v>
      </c>
      <c r="L2162">
        <v>21046.656299999999</v>
      </c>
      <c r="M2162">
        <v>207716.45439999999</v>
      </c>
      <c r="N2162">
        <v>67963.093720000004</v>
      </c>
      <c r="O2162">
        <v>21061.9915</v>
      </c>
      <c r="P2162">
        <v>35232.146930000003</v>
      </c>
      <c r="Q2162">
        <v>48526.04911</v>
      </c>
      <c r="R2162">
        <v>22515.21992</v>
      </c>
      <c r="S2162">
        <v>77122.321389999997</v>
      </c>
      <c r="T2162">
        <v>25058.580249999999</v>
      </c>
      <c r="U2162">
        <v>14198.870569999999</v>
      </c>
      <c r="W2162" s="83">
        <f>Bühler!N2194</f>
        <v>45381.999999994761</v>
      </c>
      <c r="X2162" s="83">
        <v>43191</v>
      </c>
      <c r="Y2162">
        <v>165145.7022</v>
      </c>
      <c r="Z2162">
        <v>13556.25419</v>
      </c>
      <c r="AA2162">
        <v>45609.664230000002</v>
      </c>
      <c r="AB2162">
        <v>39204.622750000002</v>
      </c>
      <c r="AC2162">
        <v>35924.002619999999</v>
      </c>
      <c r="AD2162">
        <v>21650.954399999999</v>
      </c>
      <c r="AE2162">
        <v>33672.594060000003</v>
      </c>
      <c r="AF2162">
        <v>48185.762499999997</v>
      </c>
      <c r="AG2162">
        <v>21046.656299999999</v>
      </c>
      <c r="AH2162">
        <v>207716.45439999999</v>
      </c>
      <c r="AI2162">
        <v>67963.093720000004</v>
      </c>
      <c r="AJ2162">
        <v>21061.9915</v>
      </c>
      <c r="AK2162">
        <v>35232.146930000003</v>
      </c>
      <c r="AL2162">
        <v>48526.04911</v>
      </c>
      <c r="AM2162">
        <v>22515.21992</v>
      </c>
      <c r="AN2162">
        <v>77122.321389999997</v>
      </c>
      <c r="AO2162">
        <v>25058.580249999999</v>
      </c>
      <c r="AP2162">
        <v>14198.870569999999</v>
      </c>
    </row>
    <row r="2163" spans="2:42" x14ac:dyDescent="0.3">
      <c r="B2163">
        <v>40.605235832662679</v>
      </c>
      <c r="C2163" s="83">
        <v>43191.041666666664</v>
      </c>
      <c r="D2163">
        <v>164717.7488</v>
      </c>
      <c r="E2163">
        <v>13546.59254</v>
      </c>
      <c r="F2163">
        <v>45763.504379999998</v>
      </c>
      <c r="G2163">
        <v>38794.202570000001</v>
      </c>
      <c r="H2163">
        <v>35166.082280000002</v>
      </c>
      <c r="I2163">
        <v>17905.626</v>
      </c>
      <c r="J2163">
        <v>33072.928449999999</v>
      </c>
      <c r="K2163">
        <v>46904.359680000001</v>
      </c>
      <c r="L2163">
        <v>19235.06407</v>
      </c>
      <c r="M2163">
        <v>207024.42819999999</v>
      </c>
      <c r="N2163">
        <v>66587.085070000001</v>
      </c>
      <c r="O2163">
        <v>20884.855319999999</v>
      </c>
      <c r="P2163">
        <v>32718.3403</v>
      </c>
      <c r="Q2163">
        <v>50222.064740000002</v>
      </c>
      <c r="R2163">
        <v>20272.460719999999</v>
      </c>
      <c r="S2163">
        <v>76164.813569999998</v>
      </c>
      <c r="T2163">
        <v>24568.55257</v>
      </c>
      <c r="U2163">
        <v>14311.97681</v>
      </c>
      <c r="W2163" s="83">
        <f>Bühler!N2195</f>
        <v>45382.041666661426</v>
      </c>
      <c r="X2163" s="83">
        <v>43191.041666666664</v>
      </c>
      <c r="Y2163">
        <v>164717.7488</v>
      </c>
      <c r="Z2163">
        <v>13546.59254</v>
      </c>
      <c r="AA2163">
        <v>45763.504379999998</v>
      </c>
      <c r="AB2163">
        <v>38794.202570000001</v>
      </c>
      <c r="AC2163">
        <v>35166.082280000002</v>
      </c>
      <c r="AD2163">
        <v>17905.626</v>
      </c>
      <c r="AE2163">
        <v>33072.928449999999</v>
      </c>
      <c r="AF2163">
        <v>46904.359680000001</v>
      </c>
      <c r="AG2163">
        <v>19235.06407</v>
      </c>
      <c r="AH2163">
        <v>207024.42819999999</v>
      </c>
      <c r="AI2163">
        <v>66587.085070000001</v>
      </c>
      <c r="AJ2163">
        <v>20884.855319999999</v>
      </c>
      <c r="AK2163">
        <v>32718.3403</v>
      </c>
      <c r="AL2163">
        <v>50222.064740000002</v>
      </c>
      <c r="AM2163">
        <v>20272.460719999999</v>
      </c>
      <c r="AN2163">
        <v>76164.813569999998</v>
      </c>
      <c r="AO2163">
        <v>24568.55257</v>
      </c>
      <c r="AP2163">
        <v>14311.97681</v>
      </c>
    </row>
    <row r="2164" spans="2:42" x14ac:dyDescent="0.3">
      <c r="B2164">
        <v>40.856364292502413</v>
      </c>
      <c r="C2164" s="83">
        <v>43191.083333333336</v>
      </c>
      <c r="D2164">
        <v>164459.32209999999</v>
      </c>
      <c r="E2164">
        <v>13532.115390000001</v>
      </c>
      <c r="F2164">
        <v>45912.589099999997</v>
      </c>
      <c r="G2164">
        <v>38674.941039999998</v>
      </c>
      <c r="H2164">
        <v>35215.141430000003</v>
      </c>
      <c r="I2164">
        <v>16876.85613</v>
      </c>
      <c r="J2164">
        <v>33382.529470000001</v>
      </c>
      <c r="K2164">
        <v>46263.874810000001</v>
      </c>
      <c r="L2164">
        <v>18600.94182</v>
      </c>
      <c r="M2164">
        <v>208304.79819999999</v>
      </c>
      <c r="N2164">
        <v>65950.895019999996</v>
      </c>
      <c r="O2164">
        <v>21139.273679999998</v>
      </c>
      <c r="P2164">
        <v>32059.087090000001</v>
      </c>
      <c r="Q2164">
        <v>50825.658210000001</v>
      </c>
      <c r="R2164">
        <v>20288.761989999999</v>
      </c>
      <c r="S2164">
        <v>75638.208769999997</v>
      </c>
      <c r="T2164">
        <v>24118.718150000001</v>
      </c>
      <c r="U2164">
        <v>14500.34172</v>
      </c>
      <c r="W2164" s="83">
        <f>Bühler!N2196</f>
        <v>45382.08333332809</v>
      </c>
      <c r="X2164" s="83">
        <v>43191.083333333336</v>
      </c>
      <c r="Y2164">
        <v>164459.32209999999</v>
      </c>
      <c r="Z2164">
        <v>13532.115390000001</v>
      </c>
      <c r="AA2164">
        <v>45912.589099999997</v>
      </c>
      <c r="AB2164">
        <v>38674.941039999998</v>
      </c>
      <c r="AC2164">
        <v>35215.141430000003</v>
      </c>
      <c r="AD2164">
        <v>16876.85613</v>
      </c>
      <c r="AE2164">
        <v>33382.529470000001</v>
      </c>
      <c r="AF2164">
        <v>46263.874810000001</v>
      </c>
      <c r="AG2164">
        <v>18600.94182</v>
      </c>
      <c r="AH2164">
        <v>208304.79819999999</v>
      </c>
      <c r="AI2164">
        <v>65950.895019999996</v>
      </c>
      <c r="AJ2164">
        <v>21139.273679999998</v>
      </c>
      <c r="AK2164">
        <v>32059.087090000001</v>
      </c>
      <c r="AL2164">
        <v>50825.658210000001</v>
      </c>
      <c r="AM2164">
        <v>20288.761989999999</v>
      </c>
      <c r="AN2164">
        <v>75638.208769999997</v>
      </c>
      <c r="AO2164">
        <v>24118.718150000001</v>
      </c>
      <c r="AP2164">
        <v>14500.34172</v>
      </c>
    </row>
    <row r="2165" spans="2:42" x14ac:dyDescent="0.3">
      <c r="B2165">
        <v>41.107367655899949</v>
      </c>
      <c r="C2165" s="83">
        <v>43191.125</v>
      </c>
      <c r="D2165">
        <v>164197.65580000001</v>
      </c>
      <c r="E2165">
        <v>13524.79342</v>
      </c>
      <c r="F2165">
        <v>46043.957849999999</v>
      </c>
      <c r="G2165">
        <v>38552.442329999998</v>
      </c>
      <c r="H2165">
        <v>35266.86118</v>
      </c>
      <c r="I2165">
        <v>15840.75238</v>
      </c>
      <c r="J2165">
        <v>33503.930189999999</v>
      </c>
      <c r="K2165">
        <v>45620.244890000002</v>
      </c>
      <c r="L2165">
        <v>17911.158350000002</v>
      </c>
      <c r="M2165">
        <v>209584.53039999999</v>
      </c>
      <c r="N2165">
        <v>65301.053520000001</v>
      </c>
      <c r="O2165">
        <v>21396.366569999998</v>
      </c>
      <c r="P2165">
        <v>31464.201509999999</v>
      </c>
      <c r="Q2165">
        <v>51522.168790000003</v>
      </c>
      <c r="R2165">
        <v>20311.891810000001</v>
      </c>
      <c r="S2165">
        <v>75118.08124</v>
      </c>
      <c r="T2165">
        <v>23707.307270000001</v>
      </c>
      <c r="U2165">
        <v>14655.838250000001</v>
      </c>
      <c r="W2165" s="83">
        <f>Bühler!N2197</f>
        <v>45382.124999994754</v>
      </c>
      <c r="X2165" s="83">
        <v>43191.125</v>
      </c>
      <c r="Y2165">
        <v>164197.65580000001</v>
      </c>
      <c r="Z2165">
        <v>13524.79342</v>
      </c>
      <c r="AA2165">
        <v>46043.957849999999</v>
      </c>
      <c r="AB2165">
        <v>38552.442329999998</v>
      </c>
      <c r="AC2165">
        <v>35266.86118</v>
      </c>
      <c r="AD2165">
        <v>15840.75238</v>
      </c>
      <c r="AE2165">
        <v>33503.930189999999</v>
      </c>
      <c r="AF2165">
        <v>45620.244890000002</v>
      </c>
      <c r="AG2165">
        <v>17911.158350000002</v>
      </c>
      <c r="AH2165">
        <v>209584.53039999999</v>
      </c>
      <c r="AI2165">
        <v>65301.053520000001</v>
      </c>
      <c r="AJ2165">
        <v>21396.366569999998</v>
      </c>
      <c r="AK2165">
        <v>31464.201509999999</v>
      </c>
      <c r="AL2165">
        <v>51522.168790000003</v>
      </c>
      <c r="AM2165">
        <v>20311.891810000001</v>
      </c>
      <c r="AN2165">
        <v>75118.08124</v>
      </c>
      <c r="AO2165">
        <v>23707.307270000001</v>
      </c>
      <c r="AP2165">
        <v>14655.838250000001</v>
      </c>
    </row>
    <row r="2166" spans="2:42" x14ac:dyDescent="0.3">
      <c r="B2166">
        <v>40.969458988304375</v>
      </c>
      <c r="C2166" s="83">
        <v>43191.166666666664</v>
      </c>
      <c r="D2166">
        <v>163610.5865</v>
      </c>
      <c r="E2166">
        <v>13657.83409</v>
      </c>
      <c r="F2166">
        <v>45758.482300000003</v>
      </c>
      <c r="G2166">
        <v>38037.903680000003</v>
      </c>
      <c r="H2166">
        <v>35111.706310000001</v>
      </c>
      <c r="I2166">
        <v>16575.662700000001</v>
      </c>
      <c r="J2166">
        <v>35187.165139999997</v>
      </c>
      <c r="K2166">
        <v>43674.37012</v>
      </c>
      <c r="L2166">
        <v>18088.601480000001</v>
      </c>
      <c r="M2166">
        <v>208881.40770000001</v>
      </c>
      <c r="N2166">
        <v>63857.168949999999</v>
      </c>
      <c r="O2166">
        <v>21352.520499999999</v>
      </c>
      <c r="P2166">
        <v>30786.950789999999</v>
      </c>
      <c r="Q2166">
        <v>51734.165760000004</v>
      </c>
      <c r="R2166">
        <v>20103.75402</v>
      </c>
      <c r="S2166">
        <v>75838.807209999999</v>
      </c>
      <c r="T2166">
        <v>24003.099480000001</v>
      </c>
      <c r="U2166">
        <v>14936.907639999999</v>
      </c>
      <c r="W2166" s="83">
        <f>Bühler!N2198</f>
        <v>45382.166666661418</v>
      </c>
      <c r="X2166" s="83">
        <v>43191.166666666664</v>
      </c>
      <c r="Y2166">
        <v>163610.5865</v>
      </c>
      <c r="Z2166">
        <v>13657.83409</v>
      </c>
      <c r="AA2166">
        <v>45758.482300000003</v>
      </c>
      <c r="AB2166">
        <v>38037.903680000003</v>
      </c>
      <c r="AC2166">
        <v>35111.706310000001</v>
      </c>
      <c r="AD2166">
        <v>16575.662700000001</v>
      </c>
      <c r="AE2166">
        <v>35187.165139999997</v>
      </c>
      <c r="AF2166">
        <v>43674.37012</v>
      </c>
      <c r="AG2166">
        <v>18088.601480000001</v>
      </c>
      <c r="AH2166">
        <v>208881.40770000001</v>
      </c>
      <c r="AI2166">
        <v>63857.168949999999</v>
      </c>
      <c r="AJ2166">
        <v>21352.520499999999</v>
      </c>
      <c r="AK2166">
        <v>30786.950789999999</v>
      </c>
      <c r="AL2166">
        <v>51734.165760000004</v>
      </c>
      <c r="AM2166">
        <v>20103.75402</v>
      </c>
      <c r="AN2166">
        <v>75838.807209999999</v>
      </c>
      <c r="AO2166">
        <v>24003.099480000001</v>
      </c>
      <c r="AP2166">
        <v>14936.907639999999</v>
      </c>
    </row>
    <row r="2167" spans="2:42" x14ac:dyDescent="0.3">
      <c r="B2167">
        <v>41.162122317650429</v>
      </c>
      <c r="C2167" s="83">
        <v>43191.208333333336</v>
      </c>
      <c r="D2167">
        <v>163372.0019</v>
      </c>
      <c r="E2167">
        <v>13796.86105</v>
      </c>
      <c r="F2167">
        <v>46449.653680000003</v>
      </c>
      <c r="G2167">
        <v>37634.358560000001</v>
      </c>
      <c r="H2167">
        <v>35747.740489999996</v>
      </c>
      <c r="I2167">
        <v>20259.113399999998</v>
      </c>
      <c r="J2167">
        <v>36945.966079999998</v>
      </c>
      <c r="K2167">
        <v>42110.300810000001</v>
      </c>
      <c r="L2167">
        <v>18434.599549999999</v>
      </c>
      <c r="M2167">
        <v>209863.69519999999</v>
      </c>
      <c r="N2167">
        <v>63959.254480000003</v>
      </c>
      <c r="O2167">
        <v>21594.03412</v>
      </c>
      <c r="P2167">
        <v>30562.561760000001</v>
      </c>
      <c r="Q2167">
        <v>52244.28933</v>
      </c>
      <c r="R2167">
        <v>21612.16185</v>
      </c>
      <c r="S2167">
        <v>77708.850539999999</v>
      </c>
      <c r="T2167">
        <v>23724.949509999999</v>
      </c>
      <c r="U2167">
        <v>15354.924919999999</v>
      </c>
      <c r="W2167" s="83">
        <f>Bühler!N2199</f>
        <v>45382.208333328083</v>
      </c>
      <c r="X2167" s="83">
        <v>43191.208333333336</v>
      </c>
      <c r="Y2167">
        <v>163372.0019</v>
      </c>
      <c r="Z2167">
        <v>13796.86105</v>
      </c>
      <c r="AA2167">
        <v>46449.653680000003</v>
      </c>
      <c r="AB2167">
        <v>37634.358560000001</v>
      </c>
      <c r="AC2167">
        <v>35747.740489999996</v>
      </c>
      <c r="AD2167">
        <v>20259.113399999998</v>
      </c>
      <c r="AE2167">
        <v>36945.966079999998</v>
      </c>
      <c r="AF2167">
        <v>42110.300810000001</v>
      </c>
      <c r="AG2167">
        <v>18434.599549999999</v>
      </c>
      <c r="AH2167">
        <v>209863.69519999999</v>
      </c>
      <c r="AI2167">
        <v>63959.254480000003</v>
      </c>
      <c r="AJ2167">
        <v>21594.03412</v>
      </c>
      <c r="AK2167">
        <v>30562.561760000001</v>
      </c>
      <c r="AL2167">
        <v>52244.28933</v>
      </c>
      <c r="AM2167">
        <v>21612.16185</v>
      </c>
      <c r="AN2167">
        <v>77708.850539999999</v>
      </c>
      <c r="AO2167">
        <v>23724.949509999999</v>
      </c>
      <c r="AP2167">
        <v>15354.924919999999</v>
      </c>
    </row>
    <row r="2168" spans="2:42" x14ac:dyDescent="0.3">
      <c r="B2168">
        <v>41.106147053549634</v>
      </c>
      <c r="C2168" s="83">
        <v>43191.25</v>
      </c>
      <c r="D2168">
        <v>163804.0883</v>
      </c>
      <c r="E2168">
        <v>14371.581389999999</v>
      </c>
      <c r="F2168">
        <v>48580.826639999999</v>
      </c>
      <c r="G2168">
        <v>38233.448210000002</v>
      </c>
      <c r="H2168">
        <v>35560.033150000003</v>
      </c>
      <c r="I2168">
        <v>23012.116160000001</v>
      </c>
      <c r="J2168">
        <v>39239.308369999999</v>
      </c>
      <c r="K2168">
        <v>41872.886740000002</v>
      </c>
      <c r="L2168">
        <v>18832.003939999999</v>
      </c>
      <c r="M2168">
        <v>209578.30720000001</v>
      </c>
      <c r="N2168">
        <v>64752.504419999997</v>
      </c>
      <c r="O2168">
        <v>20412.24698</v>
      </c>
      <c r="P2168">
        <v>32013.249329999999</v>
      </c>
      <c r="Q2168">
        <v>52186.935420000002</v>
      </c>
      <c r="R2168">
        <v>16881.758109999999</v>
      </c>
      <c r="S2168">
        <v>81536.860530000005</v>
      </c>
      <c r="T2168">
        <v>24723.595410000002</v>
      </c>
      <c r="U2168">
        <v>14972.01195</v>
      </c>
      <c r="W2168" s="83">
        <f>Bühler!N2200</f>
        <v>45382.249999994747</v>
      </c>
      <c r="X2168" s="83">
        <v>43191.25</v>
      </c>
      <c r="Y2168">
        <v>163804.0883</v>
      </c>
      <c r="Z2168">
        <v>14371.581389999999</v>
      </c>
      <c r="AA2168">
        <v>48580.826639999999</v>
      </c>
      <c r="AB2168">
        <v>38233.448210000002</v>
      </c>
      <c r="AC2168">
        <v>35560.033150000003</v>
      </c>
      <c r="AD2168">
        <v>23012.116160000001</v>
      </c>
      <c r="AE2168">
        <v>39239.308369999999</v>
      </c>
      <c r="AF2168">
        <v>41872.886740000002</v>
      </c>
      <c r="AG2168">
        <v>18832.003939999999</v>
      </c>
      <c r="AH2168">
        <v>209578.30720000001</v>
      </c>
      <c r="AI2168">
        <v>64752.504419999997</v>
      </c>
      <c r="AJ2168">
        <v>20412.24698</v>
      </c>
      <c r="AK2168">
        <v>32013.249329999999</v>
      </c>
      <c r="AL2168">
        <v>52186.935420000002</v>
      </c>
      <c r="AM2168">
        <v>16881.758109999999</v>
      </c>
      <c r="AN2168">
        <v>81536.860530000005</v>
      </c>
      <c r="AO2168">
        <v>24723.595410000002</v>
      </c>
      <c r="AP2168">
        <v>14972.01195</v>
      </c>
    </row>
    <row r="2169" spans="2:42" x14ac:dyDescent="0.3">
      <c r="B2169">
        <v>41.075844313541602</v>
      </c>
      <c r="C2169" s="83">
        <v>43191.291666666664</v>
      </c>
      <c r="D2169">
        <v>163316.5502</v>
      </c>
      <c r="E2169">
        <v>14822.784320000001</v>
      </c>
      <c r="F2169">
        <v>51171.966110000001</v>
      </c>
      <c r="G2169">
        <v>38512.898359999999</v>
      </c>
      <c r="H2169">
        <v>35447.579030000001</v>
      </c>
      <c r="I2169">
        <v>24587.696820000001</v>
      </c>
      <c r="J2169">
        <v>40460.378929999999</v>
      </c>
      <c r="K2169">
        <v>41389.302219999998</v>
      </c>
      <c r="L2169">
        <v>19973.73403</v>
      </c>
      <c r="M2169">
        <v>209423.80970000001</v>
      </c>
      <c r="N2169">
        <v>65592.768379999994</v>
      </c>
      <c r="O2169">
        <v>20904.807949999999</v>
      </c>
      <c r="P2169">
        <v>33228.352509999997</v>
      </c>
      <c r="Q2169">
        <v>51702.928039999999</v>
      </c>
      <c r="R2169">
        <v>15658.90121</v>
      </c>
      <c r="S2169">
        <v>87421.694610000006</v>
      </c>
      <c r="T2169">
        <v>23547.412909999999</v>
      </c>
      <c r="U2169">
        <v>14447.55761</v>
      </c>
      <c r="W2169" s="83">
        <f>Bühler!N2201</f>
        <v>45382.291666661411</v>
      </c>
      <c r="X2169" s="83">
        <v>43191.291666666664</v>
      </c>
      <c r="Y2169">
        <v>163316.5502</v>
      </c>
      <c r="Z2169">
        <v>14822.784320000001</v>
      </c>
      <c r="AA2169">
        <v>51171.966110000001</v>
      </c>
      <c r="AB2169">
        <v>38512.898359999999</v>
      </c>
      <c r="AC2169">
        <v>35447.579030000001</v>
      </c>
      <c r="AD2169">
        <v>24587.696820000001</v>
      </c>
      <c r="AE2169">
        <v>40460.378929999999</v>
      </c>
      <c r="AF2169">
        <v>41389.302219999998</v>
      </c>
      <c r="AG2169">
        <v>19973.73403</v>
      </c>
      <c r="AH2169">
        <v>209423.80970000001</v>
      </c>
      <c r="AI2169">
        <v>65592.768379999994</v>
      </c>
      <c r="AJ2169">
        <v>20904.807949999999</v>
      </c>
      <c r="AK2169">
        <v>33228.352509999997</v>
      </c>
      <c r="AL2169">
        <v>51702.928039999999</v>
      </c>
      <c r="AM2169">
        <v>15658.90121</v>
      </c>
      <c r="AN2169">
        <v>87421.694610000006</v>
      </c>
      <c r="AO2169">
        <v>23547.412909999999</v>
      </c>
      <c r="AP2169">
        <v>14447.55761</v>
      </c>
    </row>
    <row r="2170" spans="2:42" x14ac:dyDescent="0.3">
      <c r="B2170">
        <v>40.317900092511834</v>
      </c>
      <c r="C2170" s="83">
        <v>43191.333333333336</v>
      </c>
      <c r="D2170">
        <v>161087.35389999999</v>
      </c>
      <c r="E2170">
        <v>15002.55869</v>
      </c>
      <c r="F2170">
        <v>51433.625489999999</v>
      </c>
      <c r="G2170">
        <v>37993.832199999997</v>
      </c>
      <c r="H2170">
        <v>34761.928319999999</v>
      </c>
      <c r="I2170">
        <v>24564.525389999999</v>
      </c>
      <c r="J2170">
        <v>40287.604030000002</v>
      </c>
      <c r="K2170">
        <v>42079.801270000004</v>
      </c>
      <c r="L2170">
        <v>20781.053029999999</v>
      </c>
      <c r="M2170">
        <v>205559.4566</v>
      </c>
      <c r="N2170">
        <v>66927.930439999996</v>
      </c>
      <c r="O2170">
        <v>20506.08815</v>
      </c>
      <c r="P2170">
        <v>36229.753649999999</v>
      </c>
      <c r="Q2170">
        <v>50532.792280000001</v>
      </c>
      <c r="R2170">
        <v>16291.018169999999</v>
      </c>
      <c r="S2170">
        <v>89362.829379999996</v>
      </c>
      <c r="T2170">
        <v>25944.496510000001</v>
      </c>
      <c r="U2170">
        <v>13766.2798</v>
      </c>
      <c r="W2170" s="83">
        <f>Bühler!N2202</f>
        <v>45382.333333328075</v>
      </c>
      <c r="X2170" s="83">
        <v>43191.333333333336</v>
      </c>
      <c r="Y2170">
        <v>161087.35389999999</v>
      </c>
      <c r="Z2170">
        <v>15002.55869</v>
      </c>
      <c r="AA2170">
        <v>51433.625489999999</v>
      </c>
      <c r="AB2170">
        <v>37993.832199999997</v>
      </c>
      <c r="AC2170">
        <v>34761.928319999999</v>
      </c>
      <c r="AD2170">
        <v>24564.525389999999</v>
      </c>
      <c r="AE2170">
        <v>40287.604030000002</v>
      </c>
      <c r="AF2170">
        <v>42079.801270000004</v>
      </c>
      <c r="AG2170">
        <v>20781.053029999999</v>
      </c>
      <c r="AH2170">
        <v>205559.4566</v>
      </c>
      <c r="AI2170">
        <v>66927.930439999996</v>
      </c>
      <c r="AJ2170">
        <v>20506.08815</v>
      </c>
      <c r="AK2170">
        <v>36229.753649999999</v>
      </c>
      <c r="AL2170">
        <v>50532.792280000001</v>
      </c>
      <c r="AM2170">
        <v>16291.018169999999</v>
      </c>
      <c r="AN2170">
        <v>89362.829379999996</v>
      </c>
      <c r="AO2170">
        <v>25944.496510000001</v>
      </c>
      <c r="AP2170">
        <v>13766.2798</v>
      </c>
    </row>
    <row r="2171" spans="2:42" x14ac:dyDescent="0.3">
      <c r="B2171">
        <v>39.551689974019297</v>
      </c>
      <c r="C2171" s="83">
        <v>43191.375</v>
      </c>
      <c r="D2171">
        <v>160640.99600000001</v>
      </c>
      <c r="E2171">
        <v>15638.70458</v>
      </c>
      <c r="F2171">
        <v>51682.195590000003</v>
      </c>
      <c r="G2171">
        <v>37895.050360000001</v>
      </c>
      <c r="H2171">
        <v>35329.630969999998</v>
      </c>
      <c r="I2171">
        <v>24774.322769999999</v>
      </c>
      <c r="J2171">
        <v>40355.017319999999</v>
      </c>
      <c r="K2171">
        <v>42642.290549999998</v>
      </c>
      <c r="L2171">
        <v>23614.34577</v>
      </c>
      <c r="M2171">
        <v>201652.9601</v>
      </c>
      <c r="N2171">
        <v>72811.835940000004</v>
      </c>
      <c r="O2171">
        <v>20404.758409999999</v>
      </c>
      <c r="P2171">
        <v>38729.834949999997</v>
      </c>
      <c r="Q2171">
        <v>49455.027600000001</v>
      </c>
      <c r="R2171">
        <v>17016.312190000001</v>
      </c>
      <c r="S2171">
        <v>90950.933659999995</v>
      </c>
      <c r="T2171">
        <v>28168.234339999999</v>
      </c>
      <c r="U2171">
        <v>13591.43173</v>
      </c>
      <c r="W2171" s="83">
        <f>Bühler!N2203</f>
        <v>45382.374999994739</v>
      </c>
      <c r="X2171" s="83">
        <v>43191.375</v>
      </c>
      <c r="Y2171">
        <v>160640.99600000001</v>
      </c>
      <c r="Z2171">
        <v>15638.70458</v>
      </c>
      <c r="AA2171">
        <v>51682.195590000003</v>
      </c>
      <c r="AB2171">
        <v>37895.050360000001</v>
      </c>
      <c r="AC2171">
        <v>35329.630969999998</v>
      </c>
      <c r="AD2171">
        <v>24774.322769999999</v>
      </c>
      <c r="AE2171">
        <v>40355.017319999999</v>
      </c>
      <c r="AF2171">
        <v>42642.290549999998</v>
      </c>
      <c r="AG2171">
        <v>23614.34577</v>
      </c>
      <c r="AH2171">
        <v>201652.9601</v>
      </c>
      <c r="AI2171">
        <v>72811.835940000004</v>
      </c>
      <c r="AJ2171">
        <v>20404.758409999999</v>
      </c>
      <c r="AK2171">
        <v>38729.834949999997</v>
      </c>
      <c r="AL2171">
        <v>49455.027600000001</v>
      </c>
      <c r="AM2171">
        <v>17016.312190000001</v>
      </c>
      <c r="AN2171">
        <v>90950.933659999995</v>
      </c>
      <c r="AO2171">
        <v>28168.234339999999</v>
      </c>
      <c r="AP2171">
        <v>13591.43173</v>
      </c>
    </row>
    <row r="2172" spans="2:42" x14ac:dyDescent="0.3">
      <c r="B2172">
        <v>39.381294556705086</v>
      </c>
      <c r="C2172" s="83">
        <v>43191.416666666664</v>
      </c>
      <c r="D2172">
        <v>160045.45319999999</v>
      </c>
      <c r="E2172">
        <v>16036.04003</v>
      </c>
      <c r="F2172">
        <v>51656.916960000002</v>
      </c>
      <c r="G2172">
        <v>38029.497860000003</v>
      </c>
      <c r="H2172">
        <v>35799.632839999998</v>
      </c>
      <c r="I2172">
        <v>25149.26484</v>
      </c>
      <c r="J2172">
        <v>39830.702129999998</v>
      </c>
      <c r="K2172">
        <v>44280.193339999998</v>
      </c>
      <c r="L2172">
        <v>26852.189760000001</v>
      </c>
      <c r="M2172">
        <v>200784.20480000001</v>
      </c>
      <c r="N2172">
        <v>75216.90526</v>
      </c>
      <c r="O2172">
        <v>19961.59532</v>
      </c>
      <c r="P2172">
        <v>39813.64993</v>
      </c>
      <c r="Q2172">
        <v>50059.497710000003</v>
      </c>
      <c r="R2172">
        <v>17559.20089</v>
      </c>
      <c r="S2172">
        <v>90565.211729999995</v>
      </c>
      <c r="T2172">
        <v>30065.148249999998</v>
      </c>
      <c r="U2172">
        <v>13689.19332</v>
      </c>
      <c r="W2172" s="83">
        <f>Bühler!N2204</f>
        <v>45382.416666661404</v>
      </c>
      <c r="X2172" s="83">
        <v>43191.416666666664</v>
      </c>
      <c r="Y2172">
        <v>160045.45319999999</v>
      </c>
      <c r="Z2172">
        <v>16036.04003</v>
      </c>
      <c r="AA2172">
        <v>51656.916960000002</v>
      </c>
      <c r="AB2172">
        <v>38029.497860000003</v>
      </c>
      <c r="AC2172">
        <v>35799.632839999998</v>
      </c>
      <c r="AD2172">
        <v>25149.26484</v>
      </c>
      <c r="AE2172">
        <v>39830.702129999998</v>
      </c>
      <c r="AF2172">
        <v>44280.193339999998</v>
      </c>
      <c r="AG2172">
        <v>26852.189760000001</v>
      </c>
      <c r="AH2172">
        <v>200784.20480000001</v>
      </c>
      <c r="AI2172">
        <v>75216.90526</v>
      </c>
      <c r="AJ2172">
        <v>19961.59532</v>
      </c>
      <c r="AK2172">
        <v>39813.64993</v>
      </c>
      <c r="AL2172">
        <v>50059.497710000003</v>
      </c>
      <c r="AM2172">
        <v>17559.20089</v>
      </c>
      <c r="AN2172">
        <v>90565.211729999995</v>
      </c>
      <c r="AO2172">
        <v>30065.148249999998</v>
      </c>
      <c r="AP2172">
        <v>13689.19332</v>
      </c>
    </row>
    <row r="2173" spans="2:42" x14ac:dyDescent="0.3">
      <c r="B2173">
        <v>39.905979083498281</v>
      </c>
      <c r="C2173" s="83">
        <v>43191.458333333336</v>
      </c>
      <c r="D2173">
        <v>159602.19469999999</v>
      </c>
      <c r="E2173">
        <v>16109.13999</v>
      </c>
      <c r="F2173">
        <v>52114.345849999998</v>
      </c>
      <c r="G2173">
        <v>38243.04464</v>
      </c>
      <c r="H2173">
        <v>35740.364229999999</v>
      </c>
      <c r="I2173">
        <v>24843.962060000002</v>
      </c>
      <c r="J2173">
        <v>39043.085590000002</v>
      </c>
      <c r="K2173">
        <v>45667.518620000003</v>
      </c>
      <c r="L2173">
        <v>28129.14097</v>
      </c>
      <c r="M2173">
        <v>203459.29120000001</v>
      </c>
      <c r="N2173">
        <v>76128.419989999995</v>
      </c>
      <c r="O2173">
        <v>19887.5815</v>
      </c>
      <c r="P2173">
        <v>39643.245609999998</v>
      </c>
      <c r="Q2173">
        <v>48651.210950000001</v>
      </c>
      <c r="R2173">
        <v>19672.884709999998</v>
      </c>
      <c r="S2173">
        <v>92296.361359999995</v>
      </c>
      <c r="T2173">
        <v>30861.40495</v>
      </c>
      <c r="U2173">
        <v>13689.219880000001</v>
      </c>
      <c r="W2173" s="83">
        <f>Bühler!N2205</f>
        <v>45382.458333328068</v>
      </c>
      <c r="X2173" s="83">
        <v>43191.458333333336</v>
      </c>
      <c r="Y2173">
        <v>159602.19469999999</v>
      </c>
      <c r="Z2173">
        <v>16109.13999</v>
      </c>
      <c r="AA2173">
        <v>52114.345849999998</v>
      </c>
      <c r="AB2173">
        <v>38243.04464</v>
      </c>
      <c r="AC2173">
        <v>35740.364229999999</v>
      </c>
      <c r="AD2173">
        <v>24843.962060000002</v>
      </c>
      <c r="AE2173">
        <v>39043.085590000002</v>
      </c>
      <c r="AF2173">
        <v>45667.518620000003</v>
      </c>
      <c r="AG2173">
        <v>28129.14097</v>
      </c>
      <c r="AH2173">
        <v>203459.29120000001</v>
      </c>
      <c r="AI2173">
        <v>76128.419989999995</v>
      </c>
      <c r="AJ2173">
        <v>19887.5815</v>
      </c>
      <c r="AK2173">
        <v>39643.245609999998</v>
      </c>
      <c r="AL2173">
        <v>48651.210950000001</v>
      </c>
      <c r="AM2173">
        <v>19672.884709999998</v>
      </c>
      <c r="AN2173">
        <v>92296.361359999995</v>
      </c>
      <c r="AO2173">
        <v>30861.40495</v>
      </c>
      <c r="AP2173">
        <v>13689.219880000001</v>
      </c>
    </row>
    <row r="2174" spans="2:42" x14ac:dyDescent="0.3">
      <c r="B2174">
        <v>39.894240416223475</v>
      </c>
      <c r="C2174" s="83">
        <v>43191.5</v>
      </c>
      <c r="D2174">
        <v>158956.6992</v>
      </c>
      <c r="E2174">
        <v>16066.940759999999</v>
      </c>
      <c r="F2174">
        <v>50225.925689999996</v>
      </c>
      <c r="G2174">
        <v>38212.135179999997</v>
      </c>
      <c r="H2174">
        <v>35333.555399999997</v>
      </c>
      <c r="I2174">
        <v>25099.949130000001</v>
      </c>
      <c r="J2174">
        <v>39755.003799999999</v>
      </c>
      <c r="K2174">
        <v>45901.876219999998</v>
      </c>
      <c r="L2174">
        <v>29618.388640000001</v>
      </c>
      <c r="M2174">
        <v>203399.44200000001</v>
      </c>
      <c r="N2174">
        <v>74644.092569999993</v>
      </c>
      <c r="O2174">
        <v>20582.580600000001</v>
      </c>
      <c r="P2174">
        <v>38851.475140000002</v>
      </c>
      <c r="Q2174">
        <v>47415.934029999997</v>
      </c>
      <c r="R2174">
        <v>17876.79564</v>
      </c>
      <c r="S2174">
        <v>87573.202789999996</v>
      </c>
      <c r="T2174">
        <v>30729.825509999999</v>
      </c>
      <c r="U2174">
        <v>13198.49603</v>
      </c>
      <c r="W2174" s="83">
        <f>Bühler!N2206</f>
        <v>45382.499999994732</v>
      </c>
      <c r="X2174" s="83">
        <v>43191.5</v>
      </c>
      <c r="Y2174">
        <v>158956.6992</v>
      </c>
      <c r="Z2174">
        <v>16066.940759999999</v>
      </c>
      <c r="AA2174">
        <v>50225.925689999996</v>
      </c>
      <c r="AB2174">
        <v>38212.135179999997</v>
      </c>
      <c r="AC2174">
        <v>35333.555399999997</v>
      </c>
      <c r="AD2174">
        <v>25099.949130000001</v>
      </c>
      <c r="AE2174">
        <v>39755.003799999999</v>
      </c>
      <c r="AF2174">
        <v>45901.876219999998</v>
      </c>
      <c r="AG2174">
        <v>29618.388640000001</v>
      </c>
      <c r="AH2174">
        <v>203399.44200000001</v>
      </c>
      <c r="AI2174">
        <v>74644.092569999993</v>
      </c>
      <c r="AJ2174">
        <v>20582.580600000001</v>
      </c>
      <c r="AK2174">
        <v>38851.475140000002</v>
      </c>
      <c r="AL2174">
        <v>47415.934029999997</v>
      </c>
      <c r="AM2174">
        <v>17876.79564</v>
      </c>
      <c r="AN2174">
        <v>87573.202789999996</v>
      </c>
      <c r="AO2174">
        <v>30729.825509999999</v>
      </c>
      <c r="AP2174">
        <v>13198.49603</v>
      </c>
    </row>
    <row r="2175" spans="2:42" x14ac:dyDescent="0.3">
      <c r="B2175">
        <v>39.725647364441102</v>
      </c>
      <c r="C2175" s="83">
        <v>43191.541666666664</v>
      </c>
      <c r="D2175">
        <v>158886.2542</v>
      </c>
      <c r="E2175">
        <v>15971.496010000001</v>
      </c>
      <c r="F2175">
        <v>45098.671219999997</v>
      </c>
      <c r="G2175">
        <v>37715.13882</v>
      </c>
      <c r="H2175">
        <v>34698.052000000003</v>
      </c>
      <c r="I2175">
        <v>24889.692849999999</v>
      </c>
      <c r="J2175">
        <v>38975.642500000002</v>
      </c>
      <c r="K2175">
        <v>46143.946400000001</v>
      </c>
      <c r="L2175">
        <v>29752.555420000001</v>
      </c>
      <c r="M2175">
        <v>202539.87599999999</v>
      </c>
      <c r="N2175">
        <v>73468.298020000002</v>
      </c>
      <c r="O2175">
        <v>19438.84965</v>
      </c>
      <c r="P2175">
        <v>39448.129549999998</v>
      </c>
      <c r="Q2175">
        <v>46468.026639999996</v>
      </c>
      <c r="R2175">
        <v>17951.349849999999</v>
      </c>
      <c r="S2175">
        <v>88300.228650000005</v>
      </c>
      <c r="T2175">
        <v>30146.83783</v>
      </c>
      <c r="U2175">
        <v>12921.284879999999</v>
      </c>
      <c r="W2175" s="83">
        <f>Bühler!N2207</f>
        <v>45382.541666661396</v>
      </c>
      <c r="X2175" s="83">
        <v>43191.541666666664</v>
      </c>
      <c r="Y2175">
        <v>158886.2542</v>
      </c>
      <c r="Z2175">
        <v>15971.496010000001</v>
      </c>
      <c r="AA2175">
        <v>45098.671219999997</v>
      </c>
      <c r="AB2175">
        <v>37715.13882</v>
      </c>
      <c r="AC2175">
        <v>34698.052000000003</v>
      </c>
      <c r="AD2175">
        <v>24889.692849999999</v>
      </c>
      <c r="AE2175">
        <v>38975.642500000002</v>
      </c>
      <c r="AF2175">
        <v>46143.946400000001</v>
      </c>
      <c r="AG2175">
        <v>29752.555420000001</v>
      </c>
      <c r="AH2175">
        <v>202539.87599999999</v>
      </c>
      <c r="AI2175">
        <v>73468.298020000002</v>
      </c>
      <c r="AJ2175">
        <v>19438.84965</v>
      </c>
      <c r="AK2175">
        <v>39448.129549999998</v>
      </c>
      <c r="AL2175">
        <v>46468.026639999996</v>
      </c>
      <c r="AM2175">
        <v>17951.349849999999</v>
      </c>
      <c r="AN2175">
        <v>88300.228650000005</v>
      </c>
      <c r="AO2175">
        <v>30146.83783</v>
      </c>
      <c r="AP2175">
        <v>12921.284879999999</v>
      </c>
    </row>
    <row r="2176" spans="2:42" x14ac:dyDescent="0.3">
      <c r="B2176">
        <v>39.710710598187831</v>
      </c>
      <c r="C2176" s="83">
        <v>43191.583333333336</v>
      </c>
      <c r="D2176">
        <v>159059.01629999999</v>
      </c>
      <c r="E2176">
        <v>15954.18492</v>
      </c>
      <c r="F2176">
        <v>45065.708989999999</v>
      </c>
      <c r="G2176">
        <v>37349.161169999999</v>
      </c>
      <c r="H2176">
        <v>34608.071360000002</v>
      </c>
      <c r="I2176">
        <v>24422.963640000002</v>
      </c>
      <c r="J2176">
        <v>37689.892639999998</v>
      </c>
      <c r="K2176">
        <v>44830.891609999999</v>
      </c>
      <c r="L2176">
        <v>28374.670539999999</v>
      </c>
      <c r="M2176">
        <v>202463.72140000001</v>
      </c>
      <c r="N2176">
        <v>72966.583310000002</v>
      </c>
      <c r="O2176">
        <v>19210.585729999999</v>
      </c>
      <c r="P2176">
        <v>36203.895120000001</v>
      </c>
      <c r="Q2176">
        <v>45676.457450000002</v>
      </c>
      <c r="R2176">
        <v>17863.038280000001</v>
      </c>
      <c r="S2176">
        <v>85610.914319999996</v>
      </c>
      <c r="T2176">
        <v>29404.152470000001</v>
      </c>
      <c r="U2176">
        <v>12689.540230000001</v>
      </c>
      <c r="W2176" s="83">
        <f>Bühler!N2208</f>
        <v>45382.583333328061</v>
      </c>
      <c r="X2176" s="83">
        <v>43191.583333333336</v>
      </c>
      <c r="Y2176">
        <v>159059.01629999999</v>
      </c>
      <c r="Z2176">
        <v>15954.18492</v>
      </c>
      <c r="AA2176">
        <v>45065.708989999999</v>
      </c>
      <c r="AB2176">
        <v>37349.161169999999</v>
      </c>
      <c r="AC2176">
        <v>34608.071360000002</v>
      </c>
      <c r="AD2176">
        <v>24422.963640000002</v>
      </c>
      <c r="AE2176">
        <v>37689.892639999998</v>
      </c>
      <c r="AF2176">
        <v>44830.891609999999</v>
      </c>
      <c r="AG2176">
        <v>28374.670539999999</v>
      </c>
      <c r="AH2176">
        <v>202463.72140000001</v>
      </c>
      <c r="AI2176">
        <v>72966.583310000002</v>
      </c>
      <c r="AJ2176">
        <v>19210.585729999999</v>
      </c>
      <c r="AK2176">
        <v>36203.895120000001</v>
      </c>
      <c r="AL2176">
        <v>45676.457450000002</v>
      </c>
      <c r="AM2176">
        <v>17863.038280000001</v>
      </c>
      <c r="AN2176">
        <v>85610.914319999996</v>
      </c>
      <c r="AO2176">
        <v>29404.152470000001</v>
      </c>
      <c r="AP2176">
        <v>12689.540230000001</v>
      </c>
    </row>
    <row r="2177" spans="2:42" x14ac:dyDescent="0.3">
      <c r="B2177">
        <v>40.228716096874123</v>
      </c>
      <c r="C2177" s="83">
        <v>43191.625</v>
      </c>
      <c r="D2177">
        <v>159033.4192</v>
      </c>
      <c r="E2177">
        <v>15771.763859999999</v>
      </c>
      <c r="F2177">
        <v>45083.732689999997</v>
      </c>
      <c r="G2177">
        <v>37423.370199999998</v>
      </c>
      <c r="H2177">
        <v>34163.888570000003</v>
      </c>
      <c r="I2177">
        <v>24447.489150000001</v>
      </c>
      <c r="J2177">
        <v>37465.046300000002</v>
      </c>
      <c r="K2177">
        <v>44186.099419999999</v>
      </c>
      <c r="L2177">
        <v>26429.358209999999</v>
      </c>
      <c r="M2177">
        <v>205104.755</v>
      </c>
      <c r="N2177">
        <v>72014.143549999993</v>
      </c>
      <c r="O2177">
        <v>19201.05328</v>
      </c>
      <c r="P2177">
        <v>33275.60024</v>
      </c>
      <c r="Q2177">
        <v>45725.38351</v>
      </c>
      <c r="R2177">
        <v>17338.691269999999</v>
      </c>
      <c r="S2177">
        <v>84678.751220000006</v>
      </c>
      <c r="T2177">
        <v>29788.646860000001</v>
      </c>
      <c r="U2177">
        <v>12846.14039</v>
      </c>
      <c r="W2177" s="83">
        <f>Bühler!N2209</f>
        <v>45382.624999994725</v>
      </c>
      <c r="X2177" s="83">
        <v>43191.625</v>
      </c>
      <c r="Y2177">
        <v>159033.4192</v>
      </c>
      <c r="Z2177">
        <v>15771.763859999999</v>
      </c>
      <c r="AA2177">
        <v>45083.732689999997</v>
      </c>
      <c r="AB2177">
        <v>37423.370199999998</v>
      </c>
      <c r="AC2177">
        <v>34163.888570000003</v>
      </c>
      <c r="AD2177">
        <v>24447.489150000001</v>
      </c>
      <c r="AE2177">
        <v>37465.046300000002</v>
      </c>
      <c r="AF2177">
        <v>44186.099419999999</v>
      </c>
      <c r="AG2177">
        <v>26429.358209999999</v>
      </c>
      <c r="AH2177">
        <v>205104.755</v>
      </c>
      <c r="AI2177">
        <v>72014.143549999993</v>
      </c>
      <c r="AJ2177">
        <v>19201.05328</v>
      </c>
      <c r="AK2177">
        <v>33275.60024</v>
      </c>
      <c r="AL2177">
        <v>45725.38351</v>
      </c>
      <c r="AM2177">
        <v>17338.691269999999</v>
      </c>
      <c r="AN2177">
        <v>84678.751220000006</v>
      </c>
      <c r="AO2177">
        <v>29788.646860000001</v>
      </c>
      <c r="AP2177">
        <v>12846.14039</v>
      </c>
    </row>
    <row r="2178" spans="2:42" x14ac:dyDescent="0.3">
      <c r="B2178">
        <v>39.998346016692423</v>
      </c>
      <c r="C2178" s="83">
        <v>43191.666666666664</v>
      </c>
      <c r="D2178">
        <v>159316.45449999999</v>
      </c>
      <c r="E2178">
        <v>15720.39105</v>
      </c>
      <c r="F2178">
        <v>44688.973769999997</v>
      </c>
      <c r="G2178">
        <v>37357.987889999997</v>
      </c>
      <c r="H2178">
        <v>33925.554550000001</v>
      </c>
      <c r="I2178">
        <v>24467.216649999998</v>
      </c>
      <c r="J2178">
        <v>36978.123</v>
      </c>
      <c r="K2178">
        <v>42971.439749999998</v>
      </c>
      <c r="L2178">
        <v>24936.558590000001</v>
      </c>
      <c r="M2178">
        <v>203930.22089999999</v>
      </c>
      <c r="N2178">
        <v>70412.124349999998</v>
      </c>
      <c r="O2178">
        <v>19040.307789999999</v>
      </c>
      <c r="P2178">
        <v>31580.906950000001</v>
      </c>
      <c r="Q2178">
        <v>45774.310749999997</v>
      </c>
      <c r="R2178">
        <v>17691.29536</v>
      </c>
      <c r="S2178">
        <v>84664.698279999997</v>
      </c>
      <c r="T2178">
        <v>29419.105159999999</v>
      </c>
      <c r="U2178">
        <v>12654.17362</v>
      </c>
      <c r="W2178" s="83">
        <f>Bühler!N2210</f>
        <v>45382.666666661389</v>
      </c>
      <c r="X2178" s="83">
        <v>43191.666666666664</v>
      </c>
      <c r="Y2178">
        <v>159316.45449999999</v>
      </c>
      <c r="Z2178">
        <v>15720.39105</v>
      </c>
      <c r="AA2178">
        <v>44688.973769999997</v>
      </c>
      <c r="AB2178">
        <v>37357.987889999997</v>
      </c>
      <c r="AC2178">
        <v>33925.554550000001</v>
      </c>
      <c r="AD2178">
        <v>24467.216649999998</v>
      </c>
      <c r="AE2178">
        <v>36978.123</v>
      </c>
      <c r="AF2178">
        <v>42971.439749999998</v>
      </c>
      <c r="AG2178">
        <v>24936.558590000001</v>
      </c>
      <c r="AH2178">
        <v>203930.22089999999</v>
      </c>
      <c r="AI2178">
        <v>70412.124349999998</v>
      </c>
      <c r="AJ2178">
        <v>19040.307789999999</v>
      </c>
      <c r="AK2178">
        <v>31580.906950000001</v>
      </c>
      <c r="AL2178">
        <v>45774.310749999997</v>
      </c>
      <c r="AM2178">
        <v>17691.29536</v>
      </c>
      <c r="AN2178">
        <v>84664.698279999997</v>
      </c>
      <c r="AO2178">
        <v>29419.105159999999</v>
      </c>
      <c r="AP2178">
        <v>12654.17362</v>
      </c>
    </row>
    <row r="2179" spans="2:42" x14ac:dyDescent="0.3">
      <c r="B2179">
        <v>39.980969595224074</v>
      </c>
      <c r="C2179" s="83">
        <v>43191.708333333336</v>
      </c>
      <c r="D2179">
        <v>161136.84039999999</v>
      </c>
      <c r="E2179">
        <v>15810.12945</v>
      </c>
      <c r="F2179">
        <v>44762.019439999996</v>
      </c>
      <c r="G2179">
        <v>37437.437140000002</v>
      </c>
      <c r="H2179">
        <v>33923.634400000003</v>
      </c>
      <c r="I2179">
        <v>25462.983029999999</v>
      </c>
      <c r="J2179">
        <v>37082.673219999997</v>
      </c>
      <c r="K2179">
        <v>43141.587319999999</v>
      </c>
      <c r="L2179">
        <v>24740.624400000001</v>
      </c>
      <c r="M2179">
        <v>203841.62779999999</v>
      </c>
      <c r="N2179">
        <v>66026.067490000001</v>
      </c>
      <c r="O2179">
        <v>19211.971109999999</v>
      </c>
      <c r="P2179">
        <v>33200.592499999999</v>
      </c>
      <c r="Q2179">
        <v>46310.65148</v>
      </c>
      <c r="R2179">
        <v>19643.2772</v>
      </c>
      <c r="S2179">
        <v>87473.327680000002</v>
      </c>
      <c r="T2179">
        <v>28857.001960000001</v>
      </c>
      <c r="U2179">
        <v>12606.0272</v>
      </c>
      <c r="W2179" s="83">
        <f>Bühler!N2211</f>
        <v>45382.708333328053</v>
      </c>
      <c r="X2179" s="83">
        <v>43191.708333333336</v>
      </c>
      <c r="Y2179">
        <v>161136.84039999999</v>
      </c>
      <c r="Z2179">
        <v>15810.12945</v>
      </c>
      <c r="AA2179">
        <v>44762.019439999996</v>
      </c>
      <c r="AB2179">
        <v>37437.437140000002</v>
      </c>
      <c r="AC2179">
        <v>33923.634400000003</v>
      </c>
      <c r="AD2179">
        <v>25462.983029999999</v>
      </c>
      <c r="AE2179">
        <v>37082.673219999997</v>
      </c>
      <c r="AF2179">
        <v>43141.587319999999</v>
      </c>
      <c r="AG2179">
        <v>24740.624400000001</v>
      </c>
      <c r="AH2179">
        <v>203841.62779999999</v>
      </c>
      <c r="AI2179">
        <v>66026.067490000001</v>
      </c>
      <c r="AJ2179">
        <v>19211.971109999999</v>
      </c>
      <c r="AK2179">
        <v>33200.592499999999</v>
      </c>
      <c r="AL2179">
        <v>46310.65148</v>
      </c>
      <c r="AM2179">
        <v>19643.2772</v>
      </c>
      <c r="AN2179">
        <v>87473.327680000002</v>
      </c>
      <c r="AO2179">
        <v>28857.001960000001</v>
      </c>
      <c r="AP2179">
        <v>12606.0272</v>
      </c>
    </row>
    <row r="2180" spans="2:42" x14ac:dyDescent="0.3">
      <c r="B2180">
        <v>40.121603199902339</v>
      </c>
      <c r="C2180" s="83">
        <v>43191.75</v>
      </c>
      <c r="D2180">
        <v>162329.8982</v>
      </c>
      <c r="E2180">
        <v>15527.93362</v>
      </c>
      <c r="F2180">
        <v>45133.897680000002</v>
      </c>
      <c r="G2180">
        <v>37564.814780000001</v>
      </c>
      <c r="H2180">
        <v>34164.265749999999</v>
      </c>
      <c r="I2180">
        <v>25920.250619999999</v>
      </c>
      <c r="J2180">
        <v>38234.907709999999</v>
      </c>
      <c r="K2180">
        <v>44136.822440000004</v>
      </c>
      <c r="L2180">
        <v>26086.877949999998</v>
      </c>
      <c r="M2180">
        <v>204558.64350000001</v>
      </c>
      <c r="N2180">
        <v>65516.862979999998</v>
      </c>
      <c r="O2180">
        <v>19334.966270000001</v>
      </c>
      <c r="P2180">
        <v>35163.356059999998</v>
      </c>
      <c r="Q2180">
        <v>46989.313549999999</v>
      </c>
      <c r="R2180">
        <v>18732.645329999999</v>
      </c>
      <c r="S2180">
        <v>85612.823210000002</v>
      </c>
      <c r="T2180">
        <v>28451.195009999999</v>
      </c>
      <c r="U2180">
        <v>12763.52139</v>
      </c>
      <c r="W2180" s="83">
        <f>Bühler!N2212</f>
        <v>45382.749999994718</v>
      </c>
      <c r="X2180" s="83">
        <v>43191.75</v>
      </c>
      <c r="Y2180">
        <v>162329.8982</v>
      </c>
      <c r="Z2180">
        <v>15527.93362</v>
      </c>
      <c r="AA2180">
        <v>45133.897680000002</v>
      </c>
      <c r="AB2180">
        <v>37564.814780000001</v>
      </c>
      <c r="AC2180">
        <v>34164.265749999999</v>
      </c>
      <c r="AD2180">
        <v>25920.250619999999</v>
      </c>
      <c r="AE2180">
        <v>38234.907709999999</v>
      </c>
      <c r="AF2180">
        <v>44136.822440000004</v>
      </c>
      <c r="AG2180">
        <v>26086.877949999998</v>
      </c>
      <c r="AH2180">
        <v>204558.64350000001</v>
      </c>
      <c r="AI2180">
        <v>65516.862979999998</v>
      </c>
      <c r="AJ2180">
        <v>19334.966270000001</v>
      </c>
      <c r="AK2180">
        <v>35163.356059999998</v>
      </c>
      <c r="AL2180">
        <v>46989.313549999999</v>
      </c>
      <c r="AM2180">
        <v>18732.645329999999</v>
      </c>
      <c r="AN2180">
        <v>85612.823210000002</v>
      </c>
      <c r="AO2180">
        <v>28451.195009999999</v>
      </c>
      <c r="AP2180">
        <v>12763.52139</v>
      </c>
    </row>
    <row r="2181" spans="2:42" x14ac:dyDescent="0.3">
      <c r="B2181">
        <v>40.116993990304032</v>
      </c>
      <c r="C2181" s="83">
        <v>43191.791666666664</v>
      </c>
      <c r="D2181">
        <v>163869.375</v>
      </c>
      <c r="E2181">
        <v>14952.39025</v>
      </c>
      <c r="F2181">
        <v>46011.666579999997</v>
      </c>
      <c r="G2181">
        <v>38148.251649999998</v>
      </c>
      <c r="H2181">
        <v>34041.281499999997</v>
      </c>
      <c r="I2181">
        <v>26021.19629</v>
      </c>
      <c r="J2181">
        <v>39454.925380000001</v>
      </c>
      <c r="K2181">
        <v>44398.289510000002</v>
      </c>
      <c r="L2181">
        <v>27416.775020000001</v>
      </c>
      <c r="M2181">
        <v>204535.14360000001</v>
      </c>
      <c r="N2181">
        <v>66186.426990000007</v>
      </c>
      <c r="O2181">
        <v>19979.667979999998</v>
      </c>
      <c r="P2181">
        <v>36912.201739999997</v>
      </c>
      <c r="Q2181">
        <v>47433.998720000003</v>
      </c>
      <c r="R2181">
        <v>18761.22523</v>
      </c>
      <c r="S2181">
        <v>84802.497940000001</v>
      </c>
      <c r="T2181">
        <v>28039.853599999999</v>
      </c>
      <c r="U2181">
        <v>12962.50462</v>
      </c>
      <c r="W2181" s="83">
        <f>Bühler!N2213</f>
        <v>45382.791666661382</v>
      </c>
      <c r="X2181" s="83">
        <v>43191.791666666664</v>
      </c>
      <c r="Y2181">
        <v>163869.375</v>
      </c>
      <c r="Z2181">
        <v>14952.39025</v>
      </c>
      <c r="AA2181">
        <v>46011.666579999997</v>
      </c>
      <c r="AB2181">
        <v>38148.251649999998</v>
      </c>
      <c r="AC2181">
        <v>34041.281499999997</v>
      </c>
      <c r="AD2181">
        <v>26021.19629</v>
      </c>
      <c r="AE2181">
        <v>39454.925380000001</v>
      </c>
      <c r="AF2181">
        <v>44398.289510000002</v>
      </c>
      <c r="AG2181">
        <v>27416.775020000001</v>
      </c>
      <c r="AH2181">
        <v>204535.14360000001</v>
      </c>
      <c r="AI2181">
        <v>66186.426990000007</v>
      </c>
      <c r="AJ2181">
        <v>19979.667979999998</v>
      </c>
      <c r="AK2181">
        <v>36912.201739999997</v>
      </c>
      <c r="AL2181">
        <v>47433.998720000003</v>
      </c>
      <c r="AM2181">
        <v>18761.22523</v>
      </c>
      <c r="AN2181">
        <v>84802.497940000001</v>
      </c>
      <c r="AO2181">
        <v>28039.853599999999</v>
      </c>
      <c r="AP2181">
        <v>12962.50462</v>
      </c>
    </row>
    <row r="2182" spans="2:42" x14ac:dyDescent="0.3">
      <c r="B2182">
        <v>40.306862871468141</v>
      </c>
      <c r="C2182" s="83">
        <v>43191.833333333336</v>
      </c>
      <c r="D2182">
        <v>167332.03969999999</v>
      </c>
      <c r="E2182">
        <v>14585.433929999999</v>
      </c>
      <c r="F2182">
        <v>45830.475939999997</v>
      </c>
      <c r="G2182">
        <v>39388.656819999997</v>
      </c>
      <c r="H2182">
        <v>35369.605060000002</v>
      </c>
      <c r="I2182">
        <v>25603.17078</v>
      </c>
      <c r="J2182">
        <v>41505.34693</v>
      </c>
      <c r="K2182">
        <v>44792.841670000002</v>
      </c>
      <c r="L2182">
        <v>27783.201059999999</v>
      </c>
      <c r="M2182">
        <v>205503.18369999999</v>
      </c>
      <c r="N2182">
        <v>68716.454519999999</v>
      </c>
      <c r="O2182">
        <v>20863.800009999999</v>
      </c>
      <c r="P2182">
        <v>36150.235090000002</v>
      </c>
      <c r="Q2182">
        <v>48829.098720000002</v>
      </c>
      <c r="R2182">
        <v>19343.21818</v>
      </c>
      <c r="S2182">
        <v>81873.138030000002</v>
      </c>
      <c r="T2182">
        <v>25844.39991</v>
      </c>
      <c r="U2182">
        <v>13759.252769999999</v>
      </c>
      <c r="W2182" s="83">
        <f>Bühler!N2214</f>
        <v>45382.833333328046</v>
      </c>
      <c r="X2182" s="83">
        <v>43191.833333333336</v>
      </c>
      <c r="Y2182">
        <v>167332.03969999999</v>
      </c>
      <c r="Z2182">
        <v>14585.433929999999</v>
      </c>
      <c r="AA2182">
        <v>45830.475939999997</v>
      </c>
      <c r="AB2182">
        <v>39388.656819999997</v>
      </c>
      <c r="AC2182">
        <v>35369.605060000002</v>
      </c>
      <c r="AD2182">
        <v>25603.17078</v>
      </c>
      <c r="AE2182">
        <v>41505.34693</v>
      </c>
      <c r="AF2182">
        <v>44792.841670000002</v>
      </c>
      <c r="AG2182">
        <v>27783.201059999999</v>
      </c>
      <c r="AH2182">
        <v>205503.18369999999</v>
      </c>
      <c r="AI2182">
        <v>68716.454519999999</v>
      </c>
      <c r="AJ2182">
        <v>20863.800009999999</v>
      </c>
      <c r="AK2182">
        <v>36150.235090000002</v>
      </c>
      <c r="AL2182">
        <v>48829.098720000002</v>
      </c>
      <c r="AM2182">
        <v>19343.21818</v>
      </c>
      <c r="AN2182">
        <v>81873.138030000002</v>
      </c>
      <c r="AO2182">
        <v>25844.39991</v>
      </c>
      <c r="AP2182">
        <v>13759.252769999999</v>
      </c>
    </row>
    <row r="2183" spans="2:42" x14ac:dyDescent="0.3">
      <c r="B2183">
        <v>41.189542328026803</v>
      </c>
      <c r="C2183" s="83">
        <v>43191.875</v>
      </c>
      <c r="D2183">
        <v>170111.28570000001</v>
      </c>
      <c r="E2183">
        <v>14330.72306</v>
      </c>
      <c r="F2183">
        <v>45951.892610000003</v>
      </c>
      <c r="G2183">
        <v>39669.114079999999</v>
      </c>
      <c r="H2183">
        <v>36228.683839999998</v>
      </c>
      <c r="I2183">
        <v>24722.953600000001</v>
      </c>
      <c r="J2183">
        <v>40487.656080000001</v>
      </c>
      <c r="K2183">
        <v>46412.681960000002</v>
      </c>
      <c r="L2183">
        <v>26801.43075</v>
      </c>
      <c r="M2183">
        <v>210003.4952</v>
      </c>
      <c r="N2183">
        <v>69600.147589999993</v>
      </c>
      <c r="O2183">
        <v>21052.461319999999</v>
      </c>
      <c r="P2183">
        <v>35999.435940000003</v>
      </c>
      <c r="Q2183">
        <v>51218.73257</v>
      </c>
      <c r="R2183">
        <v>19323.114229999999</v>
      </c>
      <c r="S2183">
        <v>80140.22868</v>
      </c>
      <c r="T2183">
        <v>24629.133849999998</v>
      </c>
      <c r="U2183">
        <v>14060.09182</v>
      </c>
      <c r="W2183" s="83">
        <f>Bühler!N2215</f>
        <v>45382.87499999471</v>
      </c>
      <c r="X2183" s="83">
        <v>43191.875</v>
      </c>
      <c r="Y2183">
        <v>170111.28570000001</v>
      </c>
      <c r="Z2183">
        <v>14330.72306</v>
      </c>
      <c r="AA2183">
        <v>45951.892610000003</v>
      </c>
      <c r="AB2183">
        <v>39669.114079999999</v>
      </c>
      <c r="AC2183">
        <v>36228.683839999998</v>
      </c>
      <c r="AD2183">
        <v>24722.953600000001</v>
      </c>
      <c r="AE2183">
        <v>40487.656080000001</v>
      </c>
      <c r="AF2183">
        <v>46412.681960000002</v>
      </c>
      <c r="AG2183">
        <v>26801.43075</v>
      </c>
      <c r="AH2183">
        <v>210003.4952</v>
      </c>
      <c r="AI2183">
        <v>69600.147589999993</v>
      </c>
      <c r="AJ2183">
        <v>21052.461319999999</v>
      </c>
      <c r="AK2183">
        <v>35999.435940000003</v>
      </c>
      <c r="AL2183">
        <v>51218.73257</v>
      </c>
      <c r="AM2183">
        <v>19323.114229999999</v>
      </c>
      <c r="AN2183">
        <v>80140.22868</v>
      </c>
      <c r="AO2183">
        <v>24629.133849999998</v>
      </c>
      <c r="AP2183">
        <v>14060.09182</v>
      </c>
    </row>
    <row r="2184" spans="2:42" x14ac:dyDescent="0.3">
      <c r="B2184">
        <v>40.955669586691293</v>
      </c>
      <c r="C2184" s="83">
        <v>43191.916666666664</v>
      </c>
      <c r="D2184">
        <v>171861.38380000001</v>
      </c>
      <c r="E2184">
        <v>14168.42319</v>
      </c>
      <c r="F2184">
        <v>45726.510950000004</v>
      </c>
      <c r="G2184">
        <v>39878.425689999996</v>
      </c>
      <c r="H2184">
        <v>36080.012560000003</v>
      </c>
      <c r="I2184">
        <v>23957.210309999999</v>
      </c>
      <c r="J2184">
        <v>39160.828690000002</v>
      </c>
      <c r="K2184">
        <v>47858.265650000001</v>
      </c>
      <c r="L2184">
        <v>24028.833719999999</v>
      </c>
      <c r="M2184">
        <v>208811.1029</v>
      </c>
      <c r="N2184">
        <v>70184.598920000004</v>
      </c>
      <c r="O2184">
        <v>21832.923999999999</v>
      </c>
      <c r="P2184">
        <v>33919.826269999998</v>
      </c>
      <c r="Q2184">
        <v>53663.03585</v>
      </c>
      <c r="R2184">
        <v>23131.67339</v>
      </c>
      <c r="S2184">
        <v>78326.560530000002</v>
      </c>
      <c r="T2184">
        <v>23959.36277</v>
      </c>
      <c r="U2184">
        <v>14743.163619999999</v>
      </c>
      <c r="W2184" s="83">
        <f>Bühler!N2216</f>
        <v>45382.916666661375</v>
      </c>
      <c r="X2184" s="83">
        <v>43191.916666666664</v>
      </c>
      <c r="Y2184">
        <v>171861.38380000001</v>
      </c>
      <c r="Z2184">
        <v>14168.42319</v>
      </c>
      <c r="AA2184">
        <v>45726.510950000004</v>
      </c>
      <c r="AB2184">
        <v>39878.425689999996</v>
      </c>
      <c r="AC2184">
        <v>36080.012560000003</v>
      </c>
      <c r="AD2184">
        <v>23957.210309999999</v>
      </c>
      <c r="AE2184">
        <v>39160.828690000002</v>
      </c>
      <c r="AF2184">
        <v>47858.265650000001</v>
      </c>
      <c r="AG2184">
        <v>24028.833719999999</v>
      </c>
      <c r="AH2184">
        <v>208811.1029</v>
      </c>
      <c r="AI2184">
        <v>70184.598920000004</v>
      </c>
      <c r="AJ2184">
        <v>21832.923999999999</v>
      </c>
      <c r="AK2184">
        <v>33919.826269999998</v>
      </c>
      <c r="AL2184">
        <v>53663.03585</v>
      </c>
      <c r="AM2184">
        <v>23131.67339</v>
      </c>
      <c r="AN2184">
        <v>78326.560530000002</v>
      </c>
      <c r="AO2184">
        <v>23959.36277</v>
      </c>
      <c r="AP2184">
        <v>14743.163619999999</v>
      </c>
    </row>
    <row r="2185" spans="2:42" x14ac:dyDescent="0.3">
      <c r="B2185">
        <v>41.139743274160224</v>
      </c>
      <c r="C2185" s="83">
        <v>43191.958333333336</v>
      </c>
      <c r="D2185">
        <v>173461.61720000001</v>
      </c>
      <c r="E2185">
        <v>14021.73459</v>
      </c>
      <c r="F2185">
        <v>45553.806190000003</v>
      </c>
      <c r="G2185">
        <v>39469.001029999999</v>
      </c>
      <c r="H2185">
        <v>36066.103360000001</v>
      </c>
      <c r="I2185">
        <v>23268.929090000001</v>
      </c>
      <c r="J2185">
        <v>36499.028460000001</v>
      </c>
      <c r="K2185">
        <v>47413.38366</v>
      </c>
      <c r="L2185">
        <v>20689.2775</v>
      </c>
      <c r="M2185">
        <v>209749.59640000001</v>
      </c>
      <c r="N2185">
        <v>70821.728050000005</v>
      </c>
      <c r="O2185">
        <v>21728.375189999999</v>
      </c>
      <c r="P2185">
        <v>32409.104029999999</v>
      </c>
      <c r="Q2185">
        <v>54932.688049999997</v>
      </c>
      <c r="R2185">
        <v>25538.659780000002</v>
      </c>
      <c r="S2185">
        <v>77400.699240000002</v>
      </c>
      <c r="T2185">
        <v>26245.871040000002</v>
      </c>
      <c r="U2185">
        <v>14353.135689999999</v>
      </c>
      <c r="W2185" s="83">
        <f>Bühler!N2217</f>
        <v>45382.958333328039</v>
      </c>
      <c r="X2185" s="83">
        <v>43191.958333333336</v>
      </c>
      <c r="Y2185">
        <v>173461.61720000001</v>
      </c>
      <c r="Z2185">
        <v>14021.73459</v>
      </c>
      <c r="AA2185">
        <v>45553.806190000003</v>
      </c>
      <c r="AB2185">
        <v>39469.001029999999</v>
      </c>
      <c r="AC2185">
        <v>36066.103360000001</v>
      </c>
      <c r="AD2185">
        <v>23268.929090000001</v>
      </c>
      <c r="AE2185">
        <v>36499.028460000001</v>
      </c>
      <c r="AF2185">
        <v>47413.38366</v>
      </c>
      <c r="AG2185">
        <v>20689.2775</v>
      </c>
      <c r="AH2185">
        <v>209749.59640000001</v>
      </c>
      <c r="AI2185">
        <v>70821.728050000005</v>
      </c>
      <c r="AJ2185">
        <v>21728.375189999999</v>
      </c>
      <c r="AK2185">
        <v>32409.104029999999</v>
      </c>
      <c r="AL2185">
        <v>54932.688049999997</v>
      </c>
      <c r="AM2185">
        <v>25538.659780000002</v>
      </c>
      <c r="AN2185">
        <v>77400.699240000002</v>
      </c>
      <c r="AO2185">
        <v>26245.871040000002</v>
      </c>
      <c r="AP2185">
        <v>14353.135689999999</v>
      </c>
    </row>
    <row r="2186" spans="2:42" x14ac:dyDescent="0.3">
      <c r="B2186">
        <v>40.828720293200078</v>
      </c>
      <c r="C2186" s="83">
        <v>43192</v>
      </c>
      <c r="D2186">
        <v>176756.8486</v>
      </c>
      <c r="E2186">
        <v>14032.844709999999</v>
      </c>
      <c r="F2186">
        <v>46176.326130000001</v>
      </c>
      <c r="G2186">
        <v>40161.177730000003</v>
      </c>
      <c r="H2186">
        <v>36122.093000000001</v>
      </c>
      <c r="I2186">
        <v>21634.22666</v>
      </c>
      <c r="J2186">
        <v>33935.110719999997</v>
      </c>
      <c r="K2186">
        <v>48645.538339999999</v>
      </c>
      <c r="L2186">
        <v>18389.445510000001</v>
      </c>
      <c r="M2186">
        <v>208163.85620000001</v>
      </c>
      <c r="N2186">
        <v>69583.324810000006</v>
      </c>
      <c r="O2186">
        <v>21572.977849999999</v>
      </c>
      <c r="P2186">
        <v>31820.556659999998</v>
      </c>
      <c r="Q2186">
        <v>59097.89129</v>
      </c>
      <c r="R2186">
        <v>21428.44353</v>
      </c>
      <c r="S2186">
        <v>77642.410239999997</v>
      </c>
      <c r="T2186">
        <v>23785.217049999999</v>
      </c>
      <c r="U2186">
        <v>14532.623509999999</v>
      </c>
      <c r="W2186" s="83">
        <f>Bühler!N2218</f>
        <v>45382.999999994703</v>
      </c>
      <c r="X2186" s="83">
        <v>43192</v>
      </c>
      <c r="Y2186">
        <v>176756.8486</v>
      </c>
      <c r="Z2186">
        <v>14032.844709999999</v>
      </c>
      <c r="AA2186">
        <v>46176.326130000001</v>
      </c>
      <c r="AB2186">
        <v>40161.177730000003</v>
      </c>
      <c r="AC2186">
        <v>36122.093000000001</v>
      </c>
      <c r="AD2186">
        <v>21634.22666</v>
      </c>
      <c r="AE2186">
        <v>33935.110719999997</v>
      </c>
      <c r="AF2186">
        <v>48645.538339999999</v>
      </c>
      <c r="AG2186">
        <v>18389.445510000001</v>
      </c>
      <c r="AH2186">
        <v>208163.85620000001</v>
      </c>
      <c r="AI2186">
        <v>69583.324810000006</v>
      </c>
      <c r="AJ2186">
        <v>21572.977849999999</v>
      </c>
      <c r="AK2186">
        <v>31820.556659999998</v>
      </c>
      <c r="AL2186">
        <v>59097.89129</v>
      </c>
      <c r="AM2186">
        <v>21428.44353</v>
      </c>
      <c r="AN2186">
        <v>77642.410239999997</v>
      </c>
      <c r="AO2186">
        <v>23785.217049999999</v>
      </c>
      <c r="AP2186">
        <v>14532.623509999999</v>
      </c>
    </row>
    <row r="2187" spans="2:42" x14ac:dyDescent="0.3">
      <c r="B2187">
        <v>40.975950175610571</v>
      </c>
      <c r="C2187" s="83">
        <v>43192.041666666664</v>
      </c>
      <c r="D2187">
        <v>177318.68419999999</v>
      </c>
      <c r="E2187">
        <v>14098.926740000001</v>
      </c>
      <c r="F2187">
        <v>46226.569510000001</v>
      </c>
      <c r="G2187">
        <v>40193.716500000002</v>
      </c>
      <c r="H2187">
        <v>35738.013079999997</v>
      </c>
      <c r="I2187">
        <v>17437.05486</v>
      </c>
      <c r="J2187">
        <v>32966.670539999999</v>
      </c>
      <c r="K2187">
        <v>46814.851470000001</v>
      </c>
      <c r="L2187">
        <v>17472.267680000001</v>
      </c>
      <c r="M2187">
        <v>208914.50279999999</v>
      </c>
      <c r="N2187">
        <v>69426.168049999993</v>
      </c>
      <c r="O2187">
        <v>21373.97523</v>
      </c>
      <c r="P2187">
        <v>31057.349579999998</v>
      </c>
      <c r="Q2187">
        <v>62800.04911</v>
      </c>
      <c r="R2187">
        <v>20179.13538</v>
      </c>
      <c r="S2187">
        <v>77230.389599999995</v>
      </c>
      <c r="T2187">
        <v>23569.814839999999</v>
      </c>
      <c r="U2187">
        <v>14602.86066</v>
      </c>
      <c r="W2187" s="83">
        <f>Bühler!N2219</f>
        <v>45383.041666661367</v>
      </c>
      <c r="X2187" s="83">
        <v>43192.041666666664</v>
      </c>
      <c r="Y2187">
        <v>177318.68419999999</v>
      </c>
      <c r="Z2187">
        <v>14098.926740000001</v>
      </c>
      <c r="AA2187">
        <v>46226.569510000001</v>
      </c>
      <c r="AB2187">
        <v>40193.716500000002</v>
      </c>
      <c r="AC2187">
        <v>35738.013079999997</v>
      </c>
      <c r="AD2187">
        <v>17437.05486</v>
      </c>
      <c r="AE2187">
        <v>32966.670539999999</v>
      </c>
      <c r="AF2187">
        <v>46814.851470000001</v>
      </c>
      <c r="AG2187">
        <v>17472.267680000001</v>
      </c>
      <c r="AH2187">
        <v>208914.50279999999</v>
      </c>
      <c r="AI2187">
        <v>69426.168049999993</v>
      </c>
      <c r="AJ2187">
        <v>21373.97523</v>
      </c>
      <c r="AK2187">
        <v>31057.349579999998</v>
      </c>
      <c r="AL2187">
        <v>62800.04911</v>
      </c>
      <c r="AM2187">
        <v>20179.13538</v>
      </c>
      <c r="AN2187">
        <v>77230.389599999995</v>
      </c>
      <c r="AO2187">
        <v>23569.814839999999</v>
      </c>
      <c r="AP2187">
        <v>14602.86066</v>
      </c>
    </row>
    <row r="2188" spans="2:42" x14ac:dyDescent="0.3">
      <c r="B2188">
        <v>41.876024627850626</v>
      </c>
      <c r="C2188" s="83">
        <v>43192.083333333336</v>
      </c>
      <c r="D2188">
        <v>179204.4479</v>
      </c>
      <c r="E2188">
        <v>14069.01334</v>
      </c>
      <c r="F2188">
        <v>47471.320209999998</v>
      </c>
      <c r="G2188">
        <v>39845.918559999998</v>
      </c>
      <c r="H2188">
        <v>35991.134460000001</v>
      </c>
      <c r="I2188">
        <v>15985.235559999999</v>
      </c>
      <c r="J2188">
        <v>32841.035550000001</v>
      </c>
      <c r="K2188">
        <v>45826.75232</v>
      </c>
      <c r="L2188">
        <v>17610.439590000002</v>
      </c>
      <c r="M2188">
        <v>213503.50210000001</v>
      </c>
      <c r="N2188">
        <v>68666.615239999999</v>
      </c>
      <c r="O2188">
        <v>21763.41474</v>
      </c>
      <c r="P2188">
        <v>29760.92915</v>
      </c>
      <c r="Q2188">
        <v>65545.404250000007</v>
      </c>
      <c r="R2188">
        <v>20657.359130000001</v>
      </c>
      <c r="S2188">
        <v>75971.064989999999</v>
      </c>
      <c r="T2188">
        <v>22945.55085</v>
      </c>
      <c r="U2188">
        <v>14527.74944</v>
      </c>
      <c r="W2188" s="83">
        <f>Bühler!N2220</f>
        <v>45383.083333328032</v>
      </c>
      <c r="X2188" s="83">
        <v>43192.083333333336</v>
      </c>
      <c r="Y2188">
        <v>179204.4479</v>
      </c>
      <c r="Z2188">
        <v>14069.01334</v>
      </c>
      <c r="AA2188">
        <v>47471.320209999998</v>
      </c>
      <c r="AB2188">
        <v>39845.918559999998</v>
      </c>
      <c r="AC2188">
        <v>35991.134460000001</v>
      </c>
      <c r="AD2188">
        <v>15985.235559999999</v>
      </c>
      <c r="AE2188">
        <v>32841.035550000001</v>
      </c>
      <c r="AF2188">
        <v>45826.75232</v>
      </c>
      <c r="AG2188">
        <v>17610.439590000002</v>
      </c>
      <c r="AH2188">
        <v>213503.50210000001</v>
      </c>
      <c r="AI2188">
        <v>68666.615239999999</v>
      </c>
      <c r="AJ2188">
        <v>21763.41474</v>
      </c>
      <c r="AK2188">
        <v>29760.92915</v>
      </c>
      <c r="AL2188">
        <v>65545.404250000007</v>
      </c>
      <c r="AM2188">
        <v>20657.359130000001</v>
      </c>
      <c r="AN2188">
        <v>75971.064989999999</v>
      </c>
      <c r="AO2188">
        <v>22945.55085</v>
      </c>
      <c r="AP2188">
        <v>14527.74944</v>
      </c>
    </row>
    <row r="2189" spans="2:42" x14ac:dyDescent="0.3">
      <c r="B2189">
        <v>43.405736972094225</v>
      </c>
      <c r="C2189" s="83">
        <v>43192.125</v>
      </c>
      <c r="D2189">
        <v>183550.92850000001</v>
      </c>
      <c r="E2189">
        <v>14352.06509</v>
      </c>
      <c r="F2189">
        <v>50015.076760000004</v>
      </c>
      <c r="G2189">
        <v>39637.999199999998</v>
      </c>
      <c r="H2189">
        <v>36069.537400000001</v>
      </c>
      <c r="I2189">
        <v>16309.64899</v>
      </c>
      <c r="J2189">
        <v>33033.538050000003</v>
      </c>
      <c r="K2189">
        <v>43560.707349999997</v>
      </c>
      <c r="L2189">
        <v>16993.122169999999</v>
      </c>
      <c r="M2189">
        <v>221302.68900000001</v>
      </c>
      <c r="N2189">
        <v>69569.327269999994</v>
      </c>
      <c r="O2189">
        <v>21792.29206</v>
      </c>
      <c r="P2189">
        <v>28663.186300000001</v>
      </c>
      <c r="Q2189">
        <v>70831.930770000006</v>
      </c>
      <c r="R2189">
        <v>21256.72753</v>
      </c>
      <c r="S2189">
        <v>75310.486600000004</v>
      </c>
      <c r="T2189">
        <v>23065.339479999999</v>
      </c>
      <c r="U2189">
        <v>14877.755150000001</v>
      </c>
      <c r="W2189" s="83">
        <f>Bühler!N2221</f>
        <v>45383.124999994696</v>
      </c>
      <c r="X2189" s="83">
        <v>43192.125</v>
      </c>
      <c r="Y2189">
        <v>183550.92850000001</v>
      </c>
      <c r="Z2189">
        <v>14352.06509</v>
      </c>
      <c r="AA2189">
        <v>50015.076760000004</v>
      </c>
      <c r="AB2189">
        <v>39637.999199999998</v>
      </c>
      <c r="AC2189">
        <v>36069.537400000001</v>
      </c>
      <c r="AD2189">
        <v>16309.64899</v>
      </c>
      <c r="AE2189">
        <v>33033.538050000003</v>
      </c>
      <c r="AF2189">
        <v>43560.707349999997</v>
      </c>
      <c r="AG2189">
        <v>16993.122169999999</v>
      </c>
      <c r="AH2189">
        <v>221302.68900000001</v>
      </c>
      <c r="AI2189">
        <v>69569.327269999994</v>
      </c>
      <c r="AJ2189">
        <v>21792.29206</v>
      </c>
      <c r="AK2189">
        <v>28663.186300000001</v>
      </c>
      <c r="AL2189">
        <v>70831.930770000006</v>
      </c>
      <c r="AM2189">
        <v>21256.72753</v>
      </c>
      <c r="AN2189">
        <v>75310.486600000004</v>
      </c>
      <c r="AO2189">
        <v>23065.339479999999</v>
      </c>
      <c r="AP2189">
        <v>14877.755150000001</v>
      </c>
    </row>
    <row r="2190" spans="2:42" x14ac:dyDescent="0.3">
      <c r="B2190">
        <v>46.323898494034026</v>
      </c>
      <c r="C2190" s="83">
        <v>43192.166666666664</v>
      </c>
      <c r="D2190">
        <v>195171.166</v>
      </c>
      <c r="E2190">
        <v>15330.296829999999</v>
      </c>
      <c r="F2190">
        <v>53975.688920000001</v>
      </c>
      <c r="G2190">
        <v>39174.933149999997</v>
      </c>
      <c r="H2190">
        <v>37089.407630000002</v>
      </c>
      <c r="I2190">
        <v>18958.233850000001</v>
      </c>
      <c r="J2190">
        <v>35100.377630000003</v>
      </c>
      <c r="K2190">
        <v>43254.292889999997</v>
      </c>
      <c r="L2190">
        <v>17618.406579999999</v>
      </c>
      <c r="M2190">
        <v>236180.83730000001</v>
      </c>
      <c r="N2190">
        <v>70513.577480000007</v>
      </c>
      <c r="O2190">
        <v>22570.22</v>
      </c>
      <c r="P2190">
        <v>28731.344150000001</v>
      </c>
      <c r="Q2190">
        <v>77961.777109999995</v>
      </c>
      <c r="R2190">
        <v>21640.139210000001</v>
      </c>
      <c r="S2190">
        <v>76404.975260000007</v>
      </c>
      <c r="T2190">
        <v>22929.716830000001</v>
      </c>
      <c r="U2190">
        <v>16248.36947</v>
      </c>
      <c r="W2190" s="83">
        <f>Bühler!N2222</f>
        <v>45383.16666666136</v>
      </c>
      <c r="X2190" s="83">
        <v>43192.166666666664</v>
      </c>
      <c r="Y2190">
        <v>195171.166</v>
      </c>
      <c r="Z2190">
        <v>15330.296829999999</v>
      </c>
      <c r="AA2190">
        <v>53975.688920000001</v>
      </c>
      <c r="AB2190">
        <v>39174.933149999997</v>
      </c>
      <c r="AC2190">
        <v>37089.407630000002</v>
      </c>
      <c r="AD2190">
        <v>18958.233850000001</v>
      </c>
      <c r="AE2190">
        <v>35100.377630000003</v>
      </c>
      <c r="AF2190">
        <v>43254.292889999997</v>
      </c>
      <c r="AG2190">
        <v>17618.406579999999</v>
      </c>
      <c r="AH2190">
        <v>236180.83730000001</v>
      </c>
      <c r="AI2190">
        <v>70513.577480000007</v>
      </c>
      <c r="AJ2190">
        <v>22570.22</v>
      </c>
      <c r="AK2190">
        <v>28731.344150000001</v>
      </c>
      <c r="AL2190">
        <v>77961.777109999995</v>
      </c>
      <c r="AM2190">
        <v>21640.139210000001</v>
      </c>
      <c r="AN2190">
        <v>76404.975260000007</v>
      </c>
      <c r="AO2190">
        <v>22929.716830000001</v>
      </c>
      <c r="AP2190">
        <v>16248.36947</v>
      </c>
    </row>
    <row r="2191" spans="2:42" x14ac:dyDescent="0.3">
      <c r="B2191">
        <v>51.919970211760877</v>
      </c>
      <c r="C2191" s="83">
        <v>43192.208333333336</v>
      </c>
      <c r="D2191">
        <v>226749.361</v>
      </c>
      <c r="E2191">
        <v>17503.059389999999</v>
      </c>
      <c r="F2191">
        <v>65340.342539999998</v>
      </c>
      <c r="G2191">
        <v>42086.535790000002</v>
      </c>
      <c r="H2191">
        <v>39508.352489999997</v>
      </c>
      <c r="I2191">
        <v>27145.55299</v>
      </c>
      <c r="J2191">
        <v>38145.573689999997</v>
      </c>
      <c r="K2191">
        <v>43758.877050000003</v>
      </c>
      <c r="L2191">
        <v>18625.83754</v>
      </c>
      <c r="M2191">
        <v>264712.2206</v>
      </c>
      <c r="N2191">
        <v>71779.0242</v>
      </c>
      <c r="O2191">
        <v>22831.45765</v>
      </c>
      <c r="P2191">
        <v>30250.793829999999</v>
      </c>
      <c r="Q2191">
        <v>84040.088010000007</v>
      </c>
      <c r="R2191">
        <v>24524.022379999999</v>
      </c>
      <c r="S2191">
        <v>78828.282689999993</v>
      </c>
      <c r="T2191">
        <v>24937.418669999999</v>
      </c>
      <c r="U2191">
        <v>18177.852180000002</v>
      </c>
      <c r="W2191" s="83">
        <f>Bühler!N2223</f>
        <v>45383.208333328024</v>
      </c>
      <c r="X2191" s="83">
        <v>43192.208333333336</v>
      </c>
      <c r="Y2191">
        <v>226749.361</v>
      </c>
      <c r="Z2191">
        <v>17503.059389999999</v>
      </c>
      <c r="AA2191">
        <v>65340.342539999998</v>
      </c>
      <c r="AB2191">
        <v>42086.535790000002</v>
      </c>
      <c r="AC2191">
        <v>39508.352489999997</v>
      </c>
      <c r="AD2191">
        <v>27145.55299</v>
      </c>
      <c r="AE2191">
        <v>38145.573689999997</v>
      </c>
      <c r="AF2191">
        <v>43758.877050000003</v>
      </c>
      <c r="AG2191">
        <v>18625.83754</v>
      </c>
      <c r="AH2191">
        <v>264712.2206</v>
      </c>
      <c r="AI2191">
        <v>71779.0242</v>
      </c>
      <c r="AJ2191">
        <v>22831.45765</v>
      </c>
      <c r="AK2191">
        <v>30250.793829999999</v>
      </c>
      <c r="AL2191">
        <v>84040.088010000007</v>
      </c>
      <c r="AM2191">
        <v>24524.022379999999</v>
      </c>
      <c r="AN2191">
        <v>78828.282689999993</v>
      </c>
      <c r="AO2191">
        <v>24937.418669999999</v>
      </c>
      <c r="AP2191">
        <v>18177.852180000002</v>
      </c>
    </row>
    <row r="2192" spans="2:42" x14ac:dyDescent="0.3">
      <c r="B2192">
        <v>57.441562532247197</v>
      </c>
      <c r="C2192" s="83">
        <v>43192.25</v>
      </c>
      <c r="D2192">
        <v>252132.77170000001</v>
      </c>
      <c r="E2192">
        <v>21908.559730000001</v>
      </c>
      <c r="F2192">
        <v>78307.206709999999</v>
      </c>
      <c r="G2192">
        <v>55423.785770000002</v>
      </c>
      <c r="H2192">
        <v>43253.541420000001</v>
      </c>
      <c r="I2192">
        <v>36706.093030000004</v>
      </c>
      <c r="J2192">
        <v>42594.05027</v>
      </c>
      <c r="K2192">
        <v>47809.259749999997</v>
      </c>
      <c r="L2192">
        <v>20273.76629</v>
      </c>
      <c r="M2192">
        <v>292863.87319999997</v>
      </c>
      <c r="N2192">
        <v>74891.435540000006</v>
      </c>
      <c r="O2192">
        <v>24570.608049999999</v>
      </c>
      <c r="P2192">
        <v>30488.606309999999</v>
      </c>
      <c r="Q2192">
        <v>87894.790890000004</v>
      </c>
      <c r="R2192">
        <v>20392.909189999998</v>
      </c>
      <c r="S2192">
        <v>87870.645220000006</v>
      </c>
      <c r="T2192">
        <v>27349.341049999999</v>
      </c>
      <c r="U2192">
        <v>20544.450560000001</v>
      </c>
      <c r="W2192" s="83">
        <f>Bühler!N2224</f>
        <v>45383.249999994689</v>
      </c>
      <c r="X2192" s="83">
        <v>43192.25</v>
      </c>
      <c r="Y2192">
        <v>252132.77170000001</v>
      </c>
      <c r="Z2192">
        <v>21908.559730000001</v>
      </c>
      <c r="AA2192">
        <v>78307.206709999999</v>
      </c>
      <c r="AB2192">
        <v>55423.785770000002</v>
      </c>
      <c r="AC2192">
        <v>43253.541420000001</v>
      </c>
      <c r="AD2192">
        <v>36706.093030000004</v>
      </c>
      <c r="AE2192">
        <v>42594.05027</v>
      </c>
      <c r="AF2192">
        <v>47809.259749999997</v>
      </c>
      <c r="AG2192">
        <v>20273.76629</v>
      </c>
      <c r="AH2192">
        <v>292863.87319999997</v>
      </c>
      <c r="AI2192">
        <v>74891.435540000006</v>
      </c>
      <c r="AJ2192">
        <v>24570.608049999999</v>
      </c>
      <c r="AK2192">
        <v>30488.606309999999</v>
      </c>
      <c r="AL2192">
        <v>87894.790890000004</v>
      </c>
      <c r="AM2192">
        <v>20392.909189999998</v>
      </c>
      <c r="AN2192">
        <v>87870.645220000006</v>
      </c>
      <c r="AO2192">
        <v>27349.341049999999</v>
      </c>
      <c r="AP2192">
        <v>20544.450560000001</v>
      </c>
    </row>
    <row r="2193" spans="2:42" x14ac:dyDescent="0.3">
      <c r="B2193">
        <v>60.978557344119011</v>
      </c>
      <c r="C2193" s="83">
        <v>43192.291666666664</v>
      </c>
      <c r="D2193">
        <v>271874.93780000001</v>
      </c>
      <c r="E2193">
        <v>27185.200819999998</v>
      </c>
      <c r="F2193">
        <v>83228.389249999993</v>
      </c>
      <c r="G2193">
        <v>68976.084650000004</v>
      </c>
      <c r="H2193">
        <v>48904.32069</v>
      </c>
      <c r="I2193">
        <v>45531.512309999998</v>
      </c>
      <c r="J2193">
        <v>44413.279869999998</v>
      </c>
      <c r="K2193">
        <v>53178.356829999997</v>
      </c>
      <c r="L2193">
        <v>23516.13681</v>
      </c>
      <c r="M2193">
        <v>310897.12219999998</v>
      </c>
      <c r="N2193">
        <v>82109.919729999994</v>
      </c>
      <c r="O2193">
        <v>27472.536800000002</v>
      </c>
      <c r="P2193">
        <v>32659.416440000001</v>
      </c>
      <c r="Q2193">
        <v>90115.671029999998</v>
      </c>
      <c r="R2193">
        <v>21624.182120000001</v>
      </c>
      <c r="S2193">
        <v>104315.9137</v>
      </c>
      <c r="T2193">
        <v>30933.033869999999</v>
      </c>
      <c r="U2193">
        <v>26244.294709999998</v>
      </c>
      <c r="W2193" s="83">
        <f>Bühler!N2225</f>
        <v>45383.291666661353</v>
      </c>
      <c r="X2193" s="83">
        <v>43192.291666666664</v>
      </c>
      <c r="Y2193">
        <v>271874.93780000001</v>
      </c>
      <c r="Z2193">
        <v>27185.200819999998</v>
      </c>
      <c r="AA2193">
        <v>83228.389249999993</v>
      </c>
      <c r="AB2193">
        <v>68976.084650000004</v>
      </c>
      <c r="AC2193">
        <v>48904.32069</v>
      </c>
      <c r="AD2193">
        <v>45531.512309999998</v>
      </c>
      <c r="AE2193">
        <v>44413.279869999998</v>
      </c>
      <c r="AF2193">
        <v>53178.356829999997</v>
      </c>
      <c r="AG2193">
        <v>23516.13681</v>
      </c>
      <c r="AH2193">
        <v>310897.12219999998</v>
      </c>
      <c r="AI2193">
        <v>82109.919729999994</v>
      </c>
      <c r="AJ2193">
        <v>27472.536800000002</v>
      </c>
      <c r="AK2193">
        <v>32659.416440000001</v>
      </c>
      <c r="AL2193">
        <v>90115.671029999998</v>
      </c>
      <c r="AM2193">
        <v>21624.182120000001</v>
      </c>
      <c r="AN2193">
        <v>104315.9137</v>
      </c>
      <c r="AO2193">
        <v>30933.033869999999</v>
      </c>
      <c r="AP2193">
        <v>26244.294709999998</v>
      </c>
    </row>
    <row r="2194" spans="2:42" x14ac:dyDescent="0.3">
      <c r="B2194">
        <v>62.354570860628577</v>
      </c>
      <c r="C2194" s="83">
        <v>43192.333333333336</v>
      </c>
      <c r="D2194">
        <v>287146.43930000003</v>
      </c>
      <c r="E2194">
        <v>33029.431729999997</v>
      </c>
      <c r="F2194">
        <v>87894.096739999994</v>
      </c>
      <c r="G2194">
        <v>86568.95379</v>
      </c>
      <c r="H2194">
        <v>53782.916149999997</v>
      </c>
      <c r="I2194">
        <v>48549.160940000002</v>
      </c>
      <c r="J2194">
        <v>44544.61608</v>
      </c>
      <c r="K2194">
        <v>58970.508759999997</v>
      </c>
      <c r="L2194">
        <v>25957.471740000001</v>
      </c>
      <c r="M2194">
        <v>317912.68079999997</v>
      </c>
      <c r="N2194">
        <v>90702.288910000003</v>
      </c>
      <c r="O2194">
        <v>28491.901969999999</v>
      </c>
      <c r="P2194">
        <v>34599.264580000003</v>
      </c>
      <c r="Q2194">
        <v>91370.05644</v>
      </c>
      <c r="R2194">
        <v>23281.609649999999</v>
      </c>
      <c r="S2194">
        <v>116915.0392</v>
      </c>
      <c r="T2194">
        <v>34033.798479999998</v>
      </c>
      <c r="U2194">
        <v>29667.06698</v>
      </c>
      <c r="W2194" s="83">
        <f>Bühler!N2226</f>
        <v>45383.333333328017</v>
      </c>
      <c r="X2194" s="83">
        <v>43192.333333333336</v>
      </c>
      <c r="Y2194">
        <v>287146.43930000003</v>
      </c>
      <c r="Z2194">
        <v>33029.431729999997</v>
      </c>
      <c r="AA2194">
        <v>87894.096739999994</v>
      </c>
      <c r="AB2194">
        <v>86568.95379</v>
      </c>
      <c r="AC2194">
        <v>53782.916149999997</v>
      </c>
      <c r="AD2194">
        <v>48549.160940000002</v>
      </c>
      <c r="AE2194">
        <v>44544.61608</v>
      </c>
      <c r="AF2194">
        <v>58970.508759999997</v>
      </c>
      <c r="AG2194">
        <v>25957.471740000001</v>
      </c>
      <c r="AH2194">
        <v>317912.68079999997</v>
      </c>
      <c r="AI2194">
        <v>90702.288910000003</v>
      </c>
      <c r="AJ2194">
        <v>28491.901969999999</v>
      </c>
      <c r="AK2194">
        <v>34599.264580000003</v>
      </c>
      <c r="AL2194">
        <v>91370.05644</v>
      </c>
      <c r="AM2194">
        <v>23281.609649999999</v>
      </c>
      <c r="AN2194">
        <v>116915.0392</v>
      </c>
      <c r="AO2194">
        <v>34033.798479999998</v>
      </c>
      <c r="AP2194">
        <v>29667.06698</v>
      </c>
    </row>
    <row r="2195" spans="2:42" x14ac:dyDescent="0.3">
      <c r="B2195">
        <v>63.134173418223462</v>
      </c>
      <c r="C2195" s="83">
        <v>43192.375</v>
      </c>
      <c r="D2195">
        <v>291768.19709999999</v>
      </c>
      <c r="E2195">
        <v>37000.672530000003</v>
      </c>
      <c r="F2195">
        <v>94829.515469999998</v>
      </c>
      <c r="G2195">
        <v>96974.161489999999</v>
      </c>
      <c r="H2195">
        <v>56533.723120000002</v>
      </c>
      <c r="I2195">
        <v>45823.398370000003</v>
      </c>
      <c r="J2195">
        <v>44975.12313</v>
      </c>
      <c r="K2195">
        <v>61524.473050000001</v>
      </c>
      <c r="L2195">
        <v>28614.19356</v>
      </c>
      <c r="M2195">
        <v>321887.45819999999</v>
      </c>
      <c r="N2195">
        <v>95595.323189999996</v>
      </c>
      <c r="O2195">
        <v>29090.861069999999</v>
      </c>
      <c r="P2195">
        <v>37187.676370000001</v>
      </c>
      <c r="Q2195">
        <v>93149.519159999996</v>
      </c>
      <c r="R2195">
        <v>24594.4647</v>
      </c>
      <c r="S2195">
        <v>123718.7647</v>
      </c>
      <c r="T2195">
        <v>36226.892529999997</v>
      </c>
      <c r="U2195">
        <v>28523.269609999999</v>
      </c>
      <c r="W2195" s="83">
        <f>Bühler!N2227</f>
        <v>45383.374999994681</v>
      </c>
      <c r="X2195" s="83">
        <v>43192.375</v>
      </c>
      <c r="Y2195">
        <v>291768.19709999999</v>
      </c>
      <c r="Z2195">
        <v>37000.672530000003</v>
      </c>
      <c r="AA2195">
        <v>94829.515469999998</v>
      </c>
      <c r="AB2195">
        <v>96974.161489999999</v>
      </c>
      <c r="AC2195">
        <v>56533.723120000002</v>
      </c>
      <c r="AD2195">
        <v>45823.398370000003</v>
      </c>
      <c r="AE2195">
        <v>44975.12313</v>
      </c>
      <c r="AF2195">
        <v>61524.473050000001</v>
      </c>
      <c r="AG2195">
        <v>28614.19356</v>
      </c>
      <c r="AH2195">
        <v>321887.45819999999</v>
      </c>
      <c r="AI2195">
        <v>95595.323189999996</v>
      </c>
      <c r="AJ2195">
        <v>29090.861069999999</v>
      </c>
      <c r="AK2195">
        <v>37187.676370000001</v>
      </c>
      <c r="AL2195">
        <v>93149.519159999996</v>
      </c>
      <c r="AM2195">
        <v>24594.4647</v>
      </c>
      <c r="AN2195">
        <v>123718.7647</v>
      </c>
      <c r="AO2195">
        <v>36226.892529999997</v>
      </c>
      <c r="AP2195">
        <v>28523.269609999999</v>
      </c>
    </row>
    <row r="2196" spans="2:42" x14ac:dyDescent="0.3">
      <c r="B2196">
        <v>63.295598196735256</v>
      </c>
      <c r="C2196" s="83">
        <v>43192.416666666664</v>
      </c>
      <c r="D2196">
        <v>296417.51809999999</v>
      </c>
      <c r="E2196">
        <v>38279.451670000002</v>
      </c>
      <c r="F2196">
        <v>94718.024139999994</v>
      </c>
      <c r="G2196">
        <v>98656.379490000007</v>
      </c>
      <c r="H2196">
        <v>56666.064919999997</v>
      </c>
      <c r="I2196">
        <v>42082.468670000002</v>
      </c>
      <c r="J2196">
        <v>44756.064339999997</v>
      </c>
      <c r="K2196">
        <v>62385.650159999997</v>
      </c>
      <c r="L2196">
        <v>30998.28313</v>
      </c>
      <c r="M2196">
        <v>322710.47700000001</v>
      </c>
      <c r="N2196">
        <v>97131.556079999995</v>
      </c>
      <c r="O2196">
        <v>28421.590550000001</v>
      </c>
      <c r="P2196">
        <v>37870.948609999999</v>
      </c>
      <c r="Q2196">
        <v>94285.787729999996</v>
      </c>
      <c r="R2196">
        <v>25343.133829999999</v>
      </c>
      <c r="S2196">
        <v>125380.60739999999</v>
      </c>
      <c r="T2196">
        <v>38221.595280000001</v>
      </c>
      <c r="U2196">
        <v>28137.590929999998</v>
      </c>
      <c r="W2196" s="83">
        <f>Bühler!N2228</f>
        <v>45383.416666661346</v>
      </c>
      <c r="X2196" s="83">
        <v>43192.416666666664</v>
      </c>
      <c r="Y2196">
        <v>296417.51809999999</v>
      </c>
      <c r="Z2196">
        <v>38279.451670000002</v>
      </c>
      <c r="AA2196">
        <v>94718.024139999994</v>
      </c>
      <c r="AB2196">
        <v>98656.379490000007</v>
      </c>
      <c r="AC2196">
        <v>56666.064919999997</v>
      </c>
      <c r="AD2196">
        <v>42082.468670000002</v>
      </c>
      <c r="AE2196">
        <v>44756.064339999997</v>
      </c>
      <c r="AF2196">
        <v>62385.650159999997</v>
      </c>
      <c r="AG2196">
        <v>30998.28313</v>
      </c>
      <c r="AH2196">
        <v>322710.47700000001</v>
      </c>
      <c r="AI2196">
        <v>97131.556079999995</v>
      </c>
      <c r="AJ2196">
        <v>28421.590550000001</v>
      </c>
      <c r="AK2196">
        <v>37870.948609999999</v>
      </c>
      <c r="AL2196">
        <v>94285.787729999996</v>
      </c>
      <c r="AM2196">
        <v>25343.133829999999</v>
      </c>
      <c r="AN2196">
        <v>125380.60739999999</v>
      </c>
      <c r="AO2196">
        <v>38221.595280000001</v>
      </c>
      <c r="AP2196">
        <v>28137.590929999998</v>
      </c>
    </row>
    <row r="2197" spans="2:42" x14ac:dyDescent="0.3">
      <c r="B2197">
        <v>63.213094719848776</v>
      </c>
      <c r="C2197" s="83">
        <v>43192.458333333336</v>
      </c>
      <c r="D2197">
        <v>294991.0846</v>
      </c>
      <c r="E2197">
        <v>37985.184029999997</v>
      </c>
      <c r="F2197">
        <v>94631.822239999994</v>
      </c>
      <c r="G2197">
        <v>95877.551370000001</v>
      </c>
      <c r="H2197">
        <v>55658.185380000003</v>
      </c>
      <c r="I2197">
        <v>40918.793290000001</v>
      </c>
      <c r="J2197">
        <v>43642.367850000002</v>
      </c>
      <c r="K2197">
        <v>62761.52289</v>
      </c>
      <c r="L2197">
        <v>31795.900089999999</v>
      </c>
      <c r="M2197">
        <v>322289.8358</v>
      </c>
      <c r="N2197">
        <v>96147.949940000006</v>
      </c>
      <c r="O2197">
        <v>28337.84489</v>
      </c>
      <c r="P2197">
        <v>36661.108370000002</v>
      </c>
      <c r="Q2197">
        <v>94023.91704</v>
      </c>
      <c r="R2197">
        <v>27186.669819999999</v>
      </c>
      <c r="S2197">
        <v>125393.0892</v>
      </c>
      <c r="T2197">
        <v>37283.905650000001</v>
      </c>
      <c r="U2197">
        <v>26977.766950000001</v>
      </c>
      <c r="W2197" s="83">
        <f>Bühler!N2229</f>
        <v>45383.45833332801</v>
      </c>
      <c r="X2197" s="83">
        <v>43192.458333333336</v>
      </c>
      <c r="Y2197">
        <v>294991.0846</v>
      </c>
      <c r="Z2197">
        <v>37985.184029999997</v>
      </c>
      <c r="AA2197">
        <v>94631.822239999994</v>
      </c>
      <c r="AB2197">
        <v>95877.551370000001</v>
      </c>
      <c r="AC2197">
        <v>55658.185380000003</v>
      </c>
      <c r="AD2197">
        <v>40918.793290000001</v>
      </c>
      <c r="AE2197">
        <v>43642.367850000002</v>
      </c>
      <c r="AF2197">
        <v>62761.52289</v>
      </c>
      <c r="AG2197">
        <v>31795.900089999999</v>
      </c>
      <c r="AH2197">
        <v>322289.8358</v>
      </c>
      <c r="AI2197">
        <v>96147.949940000006</v>
      </c>
      <c r="AJ2197">
        <v>28337.84489</v>
      </c>
      <c r="AK2197">
        <v>36661.108370000002</v>
      </c>
      <c r="AL2197">
        <v>94023.91704</v>
      </c>
      <c r="AM2197">
        <v>27186.669819999999</v>
      </c>
      <c r="AN2197">
        <v>125393.0892</v>
      </c>
      <c r="AO2197">
        <v>37283.905650000001</v>
      </c>
      <c r="AP2197">
        <v>26977.766950000001</v>
      </c>
    </row>
    <row r="2198" spans="2:42" x14ac:dyDescent="0.3">
      <c r="B2198">
        <v>64.051741915538599</v>
      </c>
      <c r="C2198" s="83">
        <v>43192.5</v>
      </c>
      <c r="D2198">
        <v>284770.98430000001</v>
      </c>
      <c r="E2198">
        <v>34123.501029999999</v>
      </c>
      <c r="F2198">
        <v>87833.481849999996</v>
      </c>
      <c r="G2198">
        <v>94311.186820000003</v>
      </c>
      <c r="H2198">
        <v>53576.273130000001</v>
      </c>
      <c r="I2198">
        <v>40041.228040000002</v>
      </c>
      <c r="J2198">
        <v>43285.708570000003</v>
      </c>
      <c r="K2198">
        <v>58836.963389999997</v>
      </c>
      <c r="L2198">
        <v>33386.811260000002</v>
      </c>
      <c r="M2198">
        <v>326565.65029999998</v>
      </c>
      <c r="N2198">
        <v>92928.101129999995</v>
      </c>
      <c r="O2198">
        <v>27406.681820000002</v>
      </c>
      <c r="P2198">
        <v>37144.260049999997</v>
      </c>
      <c r="Q2198">
        <v>93491.54664</v>
      </c>
      <c r="R2198">
        <v>26422.53973</v>
      </c>
      <c r="S2198">
        <v>119181.5135</v>
      </c>
      <c r="T2198">
        <v>37849.08683</v>
      </c>
      <c r="U2198">
        <v>22236.337159999999</v>
      </c>
      <c r="W2198" s="83">
        <f>Bühler!N2230</f>
        <v>45383.499999994674</v>
      </c>
      <c r="X2198" s="83">
        <v>43192.5</v>
      </c>
      <c r="Y2198">
        <v>284770.98430000001</v>
      </c>
      <c r="Z2198">
        <v>34123.501029999999</v>
      </c>
      <c r="AA2198">
        <v>87833.481849999996</v>
      </c>
      <c r="AB2198">
        <v>94311.186820000003</v>
      </c>
      <c r="AC2198">
        <v>53576.273130000001</v>
      </c>
      <c r="AD2198">
        <v>40041.228040000002</v>
      </c>
      <c r="AE2198">
        <v>43285.708570000003</v>
      </c>
      <c r="AF2198">
        <v>58836.963389999997</v>
      </c>
      <c r="AG2198">
        <v>33386.811260000002</v>
      </c>
      <c r="AH2198">
        <v>326565.65029999998</v>
      </c>
      <c r="AI2198">
        <v>92928.101129999995</v>
      </c>
      <c r="AJ2198">
        <v>27406.681820000002</v>
      </c>
      <c r="AK2198">
        <v>37144.260049999997</v>
      </c>
      <c r="AL2198">
        <v>93491.54664</v>
      </c>
      <c r="AM2198">
        <v>26422.53973</v>
      </c>
      <c r="AN2198">
        <v>119181.5135</v>
      </c>
      <c r="AO2198">
        <v>37849.08683</v>
      </c>
      <c r="AP2198">
        <v>22236.337159999999</v>
      </c>
    </row>
    <row r="2199" spans="2:42" x14ac:dyDescent="0.3">
      <c r="B2199">
        <v>63.970311055324117</v>
      </c>
      <c r="C2199" s="83">
        <v>43192.541666666664</v>
      </c>
      <c r="D2199">
        <v>285675.4975</v>
      </c>
      <c r="E2199">
        <v>33473.839679999997</v>
      </c>
      <c r="F2199">
        <v>83923.121499999994</v>
      </c>
      <c r="G2199">
        <v>89174.658549999993</v>
      </c>
      <c r="H2199">
        <v>53950.771549999998</v>
      </c>
      <c r="I2199">
        <v>38911.783320000002</v>
      </c>
      <c r="J2199">
        <v>41969.413939999999</v>
      </c>
      <c r="K2199">
        <v>60818.954279999998</v>
      </c>
      <c r="L2199">
        <v>31131.112099999998</v>
      </c>
      <c r="M2199">
        <v>326150.47779999999</v>
      </c>
      <c r="N2199">
        <v>93069.279649999997</v>
      </c>
      <c r="O2199">
        <v>27257.46211</v>
      </c>
      <c r="P2199">
        <v>36889.591549999997</v>
      </c>
      <c r="Q2199">
        <v>93375.722580000001</v>
      </c>
      <c r="R2199">
        <v>25507.589240000001</v>
      </c>
      <c r="S2199">
        <v>118547.54790000001</v>
      </c>
      <c r="T2199">
        <v>36325.20392</v>
      </c>
      <c r="U2199">
        <v>24301.040349999999</v>
      </c>
      <c r="W2199" s="83">
        <f>Bühler!N2231</f>
        <v>45383.541666661338</v>
      </c>
      <c r="X2199" s="83">
        <v>43192.541666666664</v>
      </c>
      <c r="Y2199">
        <v>285675.4975</v>
      </c>
      <c r="Z2199">
        <v>33473.839679999997</v>
      </c>
      <c r="AA2199">
        <v>83923.121499999994</v>
      </c>
      <c r="AB2199">
        <v>89174.658549999993</v>
      </c>
      <c r="AC2199">
        <v>53950.771549999998</v>
      </c>
      <c r="AD2199">
        <v>38911.783320000002</v>
      </c>
      <c r="AE2199">
        <v>41969.413939999999</v>
      </c>
      <c r="AF2199">
        <v>60818.954279999998</v>
      </c>
      <c r="AG2199">
        <v>31131.112099999998</v>
      </c>
      <c r="AH2199">
        <v>326150.47779999999</v>
      </c>
      <c r="AI2199">
        <v>93069.279649999997</v>
      </c>
      <c r="AJ2199">
        <v>27257.46211</v>
      </c>
      <c r="AK2199">
        <v>36889.591549999997</v>
      </c>
      <c r="AL2199">
        <v>93375.722580000001</v>
      </c>
      <c r="AM2199">
        <v>25507.589240000001</v>
      </c>
      <c r="AN2199">
        <v>118547.54790000001</v>
      </c>
      <c r="AO2199">
        <v>36325.20392</v>
      </c>
      <c r="AP2199">
        <v>24301.040349999999</v>
      </c>
    </row>
    <row r="2200" spans="2:42" x14ac:dyDescent="0.3">
      <c r="B2200">
        <v>64.796682206454236</v>
      </c>
      <c r="C2200" s="83">
        <v>43192.583333333336</v>
      </c>
      <c r="D2200">
        <v>289927.9363</v>
      </c>
      <c r="E2200">
        <v>36347.518969999997</v>
      </c>
      <c r="F2200">
        <v>91981.098910000001</v>
      </c>
      <c r="G2200">
        <v>83728.238230000003</v>
      </c>
      <c r="H2200">
        <v>53295.11735</v>
      </c>
      <c r="I2200">
        <v>39306.708509999997</v>
      </c>
      <c r="J2200">
        <v>41842.779049999997</v>
      </c>
      <c r="K2200">
        <v>63381.67568</v>
      </c>
      <c r="L2200">
        <v>28105.71875</v>
      </c>
      <c r="M2200">
        <v>330363.70329999999</v>
      </c>
      <c r="N2200">
        <v>93836.212379999997</v>
      </c>
      <c r="O2200">
        <v>26457.968629999999</v>
      </c>
      <c r="P2200">
        <v>32747.92124</v>
      </c>
      <c r="Q2200">
        <v>92968.728440000006</v>
      </c>
      <c r="R2200">
        <v>25211.150679999999</v>
      </c>
      <c r="S2200">
        <v>113482.1914</v>
      </c>
      <c r="T2200">
        <v>34747.230539999997</v>
      </c>
      <c r="U2200">
        <v>24160.798709999999</v>
      </c>
      <c r="W2200" s="83">
        <f>Bühler!N2232</f>
        <v>45383.583333328002</v>
      </c>
      <c r="X2200" s="83">
        <v>43192.583333333336</v>
      </c>
      <c r="Y2200">
        <v>289927.9363</v>
      </c>
      <c r="Z2200">
        <v>36347.518969999997</v>
      </c>
      <c r="AA2200">
        <v>91981.098910000001</v>
      </c>
      <c r="AB2200">
        <v>83728.238230000003</v>
      </c>
      <c r="AC2200">
        <v>53295.11735</v>
      </c>
      <c r="AD2200">
        <v>39306.708509999997</v>
      </c>
      <c r="AE2200">
        <v>41842.779049999997</v>
      </c>
      <c r="AF2200">
        <v>63381.67568</v>
      </c>
      <c r="AG2200">
        <v>28105.71875</v>
      </c>
      <c r="AH2200">
        <v>330363.70329999999</v>
      </c>
      <c r="AI2200">
        <v>93836.212379999997</v>
      </c>
      <c r="AJ2200">
        <v>26457.968629999999</v>
      </c>
      <c r="AK2200">
        <v>32747.92124</v>
      </c>
      <c r="AL2200">
        <v>92968.728440000006</v>
      </c>
      <c r="AM2200">
        <v>25211.150679999999</v>
      </c>
      <c r="AN2200">
        <v>113482.1914</v>
      </c>
      <c r="AO2200">
        <v>34747.230539999997</v>
      </c>
      <c r="AP2200">
        <v>24160.798709999999</v>
      </c>
    </row>
    <row r="2201" spans="2:42" x14ac:dyDescent="0.3">
      <c r="B2201">
        <v>64.667003248968683</v>
      </c>
      <c r="C2201" s="83">
        <v>43192.625</v>
      </c>
      <c r="D2201">
        <v>287194.45760000002</v>
      </c>
      <c r="E2201">
        <v>35710.586920000002</v>
      </c>
      <c r="F2201">
        <v>93548.254019999993</v>
      </c>
      <c r="G2201">
        <v>79532.255959999995</v>
      </c>
      <c r="H2201">
        <v>51797.036840000001</v>
      </c>
      <c r="I2201">
        <v>39408.591899999999</v>
      </c>
      <c r="J2201">
        <v>41282.365460000001</v>
      </c>
      <c r="K2201">
        <v>62368.14834</v>
      </c>
      <c r="L2201">
        <v>25653.29507</v>
      </c>
      <c r="M2201">
        <v>329702.53950000001</v>
      </c>
      <c r="N2201">
        <v>92379.675879999995</v>
      </c>
      <c r="O2201">
        <v>25660.88379</v>
      </c>
      <c r="P2201">
        <v>30471.067459999998</v>
      </c>
      <c r="Q2201">
        <v>92839.424490000005</v>
      </c>
      <c r="R2201">
        <v>24752.86148</v>
      </c>
      <c r="S2201">
        <v>108991.6347</v>
      </c>
      <c r="T2201">
        <v>33340.148800000003</v>
      </c>
      <c r="U2201">
        <v>23240.355930000002</v>
      </c>
      <c r="W2201" s="83">
        <f>Bühler!N2233</f>
        <v>45383.624999994667</v>
      </c>
      <c r="X2201" s="83">
        <v>43192.625</v>
      </c>
      <c r="Y2201">
        <v>287194.45760000002</v>
      </c>
      <c r="Z2201">
        <v>35710.586920000002</v>
      </c>
      <c r="AA2201">
        <v>93548.254019999993</v>
      </c>
      <c r="AB2201">
        <v>79532.255959999995</v>
      </c>
      <c r="AC2201">
        <v>51797.036840000001</v>
      </c>
      <c r="AD2201">
        <v>39408.591899999999</v>
      </c>
      <c r="AE2201">
        <v>41282.365460000001</v>
      </c>
      <c r="AF2201">
        <v>62368.14834</v>
      </c>
      <c r="AG2201">
        <v>25653.29507</v>
      </c>
      <c r="AH2201">
        <v>329702.53950000001</v>
      </c>
      <c r="AI2201">
        <v>92379.675879999995</v>
      </c>
      <c r="AJ2201">
        <v>25660.88379</v>
      </c>
      <c r="AK2201">
        <v>30471.067459999998</v>
      </c>
      <c r="AL2201">
        <v>92839.424490000005</v>
      </c>
      <c r="AM2201">
        <v>24752.86148</v>
      </c>
      <c r="AN2201">
        <v>108991.6347</v>
      </c>
      <c r="AO2201">
        <v>33340.148800000003</v>
      </c>
      <c r="AP2201">
        <v>23240.355930000002</v>
      </c>
    </row>
    <row r="2202" spans="2:42" x14ac:dyDescent="0.3">
      <c r="B2202">
        <v>63.829153293022621</v>
      </c>
      <c r="C2202" s="83">
        <v>43192.666666666664</v>
      </c>
      <c r="D2202">
        <v>280845.70789999998</v>
      </c>
      <c r="E2202">
        <v>34488.147270000001</v>
      </c>
      <c r="F2202">
        <v>92860.211590000006</v>
      </c>
      <c r="G2202">
        <v>75249.174339999998</v>
      </c>
      <c r="H2202">
        <v>49909.846989999998</v>
      </c>
      <c r="I2202">
        <v>41377.999770000002</v>
      </c>
      <c r="J2202">
        <v>39911.029889999998</v>
      </c>
      <c r="K2202">
        <v>59172.025320000001</v>
      </c>
      <c r="L2202">
        <v>24768.280760000001</v>
      </c>
      <c r="M2202">
        <v>325430.78970000002</v>
      </c>
      <c r="N2202">
        <v>89926.765190000006</v>
      </c>
      <c r="O2202">
        <v>25876.931690000001</v>
      </c>
      <c r="P2202">
        <v>30902.519059999999</v>
      </c>
      <c r="Q2202">
        <v>92204.152119999999</v>
      </c>
      <c r="R2202">
        <v>24652.720539999998</v>
      </c>
      <c r="S2202">
        <v>105919.4537</v>
      </c>
      <c r="T2202">
        <v>33037.917710000002</v>
      </c>
      <c r="U2202">
        <v>21447.500199999999</v>
      </c>
      <c r="W2202" s="83">
        <f>Bühler!N2234</f>
        <v>45383.666666661331</v>
      </c>
      <c r="X2202" s="83">
        <v>43192.666666666664</v>
      </c>
      <c r="Y2202">
        <v>280845.70789999998</v>
      </c>
      <c r="Z2202">
        <v>34488.147270000001</v>
      </c>
      <c r="AA2202">
        <v>92860.211590000006</v>
      </c>
      <c r="AB2202">
        <v>75249.174339999998</v>
      </c>
      <c r="AC2202">
        <v>49909.846989999998</v>
      </c>
      <c r="AD2202">
        <v>41377.999770000002</v>
      </c>
      <c r="AE2202">
        <v>39911.029889999998</v>
      </c>
      <c r="AF2202">
        <v>59172.025320000001</v>
      </c>
      <c r="AG2202">
        <v>24768.280760000001</v>
      </c>
      <c r="AH2202">
        <v>325430.78970000002</v>
      </c>
      <c r="AI2202">
        <v>89926.765190000006</v>
      </c>
      <c r="AJ2202">
        <v>25876.931690000001</v>
      </c>
      <c r="AK2202">
        <v>30902.519059999999</v>
      </c>
      <c r="AL2202">
        <v>92204.152119999999</v>
      </c>
      <c r="AM2202">
        <v>24652.720539999998</v>
      </c>
      <c r="AN2202">
        <v>105919.4537</v>
      </c>
      <c r="AO2202">
        <v>33037.917710000002</v>
      </c>
      <c r="AP2202">
        <v>21447.500199999999</v>
      </c>
    </row>
    <row r="2203" spans="2:42" x14ac:dyDescent="0.3">
      <c r="B2203">
        <v>62.904042645299704</v>
      </c>
      <c r="C2203" s="83">
        <v>43192.708333333336</v>
      </c>
      <c r="D2203">
        <v>271321.85080000001</v>
      </c>
      <c r="E2203">
        <v>32510.10457</v>
      </c>
      <c r="F2203">
        <v>91472.623730000007</v>
      </c>
      <c r="G2203">
        <v>66779.901259999999</v>
      </c>
      <c r="H2203">
        <v>46942.744789999997</v>
      </c>
      <c r="I2203">
        <v>41358.998610000002</v>
      </c>
      <c r="J2203">
        <v>40236.749759999999</v>
      </c>
      <c r="K2203">
        <v>54117.78901</v>
      </c>
      <c r="L2203">
        <v>24855.09302</v>
      </c>
      <c r="M2203">
        <v>320714.14419999998</v>
      </c>
      <c r="N2203">
        <v>85748.164210000003</v>
      </c>
      <c r="O2203">
        <v>25024.393</v>
      </c>
      <c r="P2203">
        <v>32790.288009999997</v>
      </c>
      <c r="Q2203">
        <v>91461.782789999997</v>
      </c>
      <c r="R2203">
        <v>24560.891210000002</v>
      </c>
      <c r="S2203">
        <v>101995.93030000001</v>
      </c>
      <c r="T2203">
        <v>33115.508569999998</v>
      </c>
      <c r="U2203">
        <v>19466.820800000001</v>
      </c>
      <c r="W2203" s="83">
        <f>Bühler!N2235</f>
        <v>45383.708333327995</v>
      </c>
      <c r="X2203" s="83">
        <v>43192.708333333336</v>
      </c>
      <c r="Y2203">
        <v>271321.85080000001</v>
      </c>
      <c r="Z2203">
        <v>32510.10457</v>
      </c>
      <c r="AA2203">
        <v>91472.623730000007</v>
      </c>
      <c r="AB2203">
        <v>66779.901259999999</v>
      </c>
      <c r="AC2203">
        <v>46942.744789999997</v>
      </c>
      <c r="AD2203">
        <v>41358.998610000002</v>
      </c>
      <c r="AE2203">
        <v>40236.749759999999</v>
      </c>
      <c r="AF2203">
        <v>54117.78901</v>
      </c>
      <c r="AG2203">
        <v>24855.09302</v>
      </c>
      <c r="AH2203">
        <v>320714.14419999998</v>
      </c>
      <c r="AI2203">
        <v>85748.164210000003</v>
      </c>
      <c r="AJ2203">
        <v>25024.393</v>
      </c>
      <c r="AK2203">
        <v>32790.288009999997</v>
      </c>
      <c r="AL2203">
        <v>91461.782789999997</v>
      </c>
      <c r="AM2203">
        <v>24560.891210000002</v>
      </c>
      <c r="AN2203">
        <v>101995.93030000001</v>
      </c>
      <c r="AO2203">
        <v>33115.508569999998</v>
      </c>
      <c r="AP2203">
        <v>19466.820800000001</v>
      </c>
    </row>
    <row r="2204" spans="2:42" x14ac:dyDescent="0.3">
      <c r="B2204">
        <v>61.521191758949499</v>
      </c>
      <c r="C2204" s="83">
        <v>43192.75</v>
      </c>
      <c r="D2204">
        <v>266009.33360000001</v>
      </c>
      <c r="E2204">
        <v>29698.68217</v>
      </c>
      <c r="F2204">
        <v>90138.820080000005</v>
      </c>
      <c r="G2204">
        <v>57593.847730000001</v>
      </c>
      <c r="H2204">
        <v>44889.505109999998</v>
      </c>
      <c r="I2204">
        <v>39590.937259999999</v>
      </c>
      <c r="J2204">
        <v>40559.718030000004</v>
      </c>
      <c r="K2204">
        <v>52778.819600000003</v>
      </c>
      <c r="L2204">
        <v>25958.655559999999</v>
      </c>
      <c r="M2204">
        <v>313663.7255</v>
      </c>
      <c r="N2204">
        <v>82165.580400000006</v>
      </c>
      <c r="O2204">
        <v>22997.773690000002</v>
      </c>
      <c r="P2204">
        <v>36015.078889999997</v>
      </c>
      <c r="Q2204">
        <v>89496.40036</v>
      </c>
      <c r="R2204">
        <v>22841.705539999999</v>
      </c>
      <c r="S2204">
        <v>95803.513659999997</v>
      </c>
      <c r="T2204">
        <v>32937.982400000001</v>
      </c>
      <c r="U2204">
        <v>17640.363580000001</v>
      </c>
      <c r="W2204" s="83">
        <f>Bühler!N2236</f>
        <v>45383.749999994659</v>
      </c>
      <c r="X2204" s="83">
        <v>43192.75</v>
      </c>
      <c r="Y2204">
        <v>266009.33360000001</v>
      </c>
      <c r="Z2204">
        <v>29698.68217</v>
      </c>
      <c r="AA2204">
        <v>90138.820080000005</v>
      </c>
      <c r="AB2204">
        <v>57593.847730000001</v>
      </c>
      <c r="AC2204">
        <v>44889.505109999998</v>
      </c>
      <c r="AD2204">
        <v>39590.937259999999</v>
      </c>
      <c r="AE2204">
        <v>40559.718030000004</v>
      </c>
      <c r="AF2204">
        <v>52778.819600000003</v>
      </c>
      <c r="AG2204">
        <v>25958.655559999999</v>
      </c>
      <c r="AH2204">
        <v>313663.7255</v>
      </c>
      <c r="AI2204">
        <v>82165.580400000006</v>
      </c>
      <c r="AJ2204">
        <v>22997.773690000002</v>
      </c>
      <c r="AK2204">
        <v>36015.078889999997</v>
      </c>
      <c r="AL2204">
        <v>89496.40036</v>
      </c>
      <c r="AM2204">
        <v>22841.705539999999</v>
      </c>
      <c r="AN2204">
        <v>95803.513659999997</v>
      </c>
      <c r="AO2204">
        <v>32937.982400000001</v>
      </c>
      <c r="AP2204">
        <v>17640.363580000001</v>
      </c>
    </row>
    <row r="2205" spans="2:42" x14ac:dyDescent="0.3">
      <c r="B2205">
        <v>60.475552375959047</v>
      </c>
      <c r="C2205" s="83">
        <v>43192.791666666664</v>
      </c>
      <c r="D2205">
        <v>258495.92139999999</v>
      </c>
      <c r="E2205">
        <v>24508.767960000001</v>
      </c>
      <c r="F2205">
        <v>81030.262289999999</v>
      </c>
      <c r="G2205">
        <v>53113.221089999999</v>
      </c>
      <c r="H2205">
        <v>42815.949419999997</v>
      </c>
      <c r="I2205">
        <v>36887.736499999999</v>
      </c>
      <c r="J2205">
        <v>40190.128920000003</v>
      </c>
      <c r="K2205">
        <v>51199.867789999997</v>
      </c>
      <c r="L2205">
        <v>27050.274389999999</v>
      </c>
      <c r="M2205">
        <v>308332.56829999998</v>
      </c>
      <c r="N2205">
        <v>80859.808879999997</v>
      </c>
      <c r="O2205">
        <v>22907.896509999999</v>
      </c>
      <c r="P2205">
        <v>37872.66764</v>
      </c>
      <c r="Q2205">
        <v>87775.074479999996</v>
      </c>
      <c r="R2205">
        <v>21434.00288</v>
      </c>
      <c r="S2205">
        <v>92242.95379</v>
      </c>
      <c r="T2205">
        <v>33907.25664</v>
      </c>
      <c r="U2205">
        <v>16701.443660000001</v>
      </c>
      <c r="W2205" s="83">
        <f>Bühler!N2237</f>
        <v>45383.791666661324</v>
      </c>
      <c r="X2205" s="83">
        <v>43192.791666666664</v>
      </c>
      <c r="Y2205">
        <v>258495.92139999999</v>
      </c>
      <c r="Z2205">
        <v>24508.767960000001</v>
      </c>
      <c r="AA2205">
        <v>81030.262289999999</v>
      </c>
      <c r="AB2205">
        <v>53113.221089999999</v>
      </c>
      <c r="AC2205">
        <v>42815.949419999997</v>
      </c>
      <c r="AD2205">
        <v>36887.736499999999</v>
      </c>
      <c r="AE2205">
        <v>40190.128920000003</v>
      </c>
      <c r="AF2205">
        <v>51199.867789999997</v>
      </c>
      <c r="AG2205">
        <v>27050.274389999999</v>
      </c>
      <c r="AH2205">
        <v>308332.56829999998</v>
      </c>
      <c r="AI2205">
        <v>80859.808879999997</v>
      </c>
      <c r="AJ2205">
        <v>22907.896509999999</v>
      </c>
      <c r="AK2205">
        <v>37872.66764</v>
      </c>
      <c r="AL2205">
        <v>87775.074479999996</v>
      </c>
      <c r="AM2205">
        <v>21434.00288</v>
      </c>
      <c r="AN2205">
        <v>92242.95379</v>
      </c>
      <c r="AO2205">
        <v>33907.25664</v>
      </c>
      <c r="AP2205">
        <v>16701.443660000001</v>
      </c>
    </row>
    <row r="2206" spans="2:42" x14ac:dyDescent="0.3">
      <c r="B2206">
        <v>59.086968589156122</v>
      </c>
      <c r="C2206" s="83">
        <v>43192.833333333336</v>
      </c>
      <c r="D2206">
        <v>251768.242</v>
      </c>
      <c r="E2206">
        <v>19680.29033</v>
      </c>
      <c r="F2206">
        <v>64655.682679999998</v>
      </c>
      <c r="G2206">
        <v>48743.3914</v>
      </c>
      <c r="H2206">
        <v>42125.191859999999</v>
      </c>
      <c r="I2206">
        <v>32593.584620000001</v>
      </c>
      <c r="J2206">
        <v>41729.993470000001</v>
      </c>
      <c r="K2206">
        <v>50184.146390000002</v>
      </c>
      <c r="L2206">
        <v>26659.548760000001</v>
      </c>
      <c r="M2206">
        <v>301252.92060000001</v>
      </c>
      <c r="N2206">
        <v>81266.611919999996</v>
      </c>
      <c r="O2206">
        <v>23186.4552</v>
      </c>
      <c r="P2206">
        <v>38606.23964</v>
      </c>
      <c r="Q2206">
        <v>86139.425229999993</v>
      </c>
      <c r="R2206">
        <v>21016.180120000001</v>
      </c>
      <c r="S2206">
        <v>86480.809340000007</v>
      </c>
      <c r="T2206">
        <v>33503.864569999998</v>
      </c>
      <c r="U2206">
        <v>16668.084859999999</v>
      </c>
      <c r="W2206" s="83">
        <f>Bühler!N2238</f>
        <v>45383.833333327988</v>
      </c>
      <c r="X2206" s="83">
        <v>43192.833333333336</v>
      </c>
      <c r="Y2206">
        <v>251768.242</v>
      </c>
      <c r="Z2206">
        <v>19680.29033</v>
      </c>
      <c r="AA2206">
        <v>64655.682679999998</v>
      </c>
      <c r="AB2206">
        <v>48743.3914</v>
      </c>
      <c r="AC2206">
        <v>42125.191859999999</v>
      </c>
      <c r="AD2206">
        <v>32593.584620000001</v>
      </c>
      <c r="AE2206">
        <v>41729.993470000001</v>
      </c>
      <c r="AF2206">
        <v>50184.146390000002</v>
      </c>
      <c r="AG2206">
        <v>26659.548760000001</v>
      </c>
      <c r="AH2206">
        <v>301252.92060000001</v>
      </c>
      <c r="AI2206">
        <v>81266.611919999996</v>
      </c>
      <c r="AJ2206">
        <v>23186.4552</v>
      </c>
      <c r="AK2206">
        <v>38606.23964</v>
      </c>
      <c r="AL2206">
        <v>86139.425229999993</v>
      </c>
      <c r="AM2206">
        <v>21016.180120000001</v>
      </c>
      <c r="AN2206">
        <v>86480.809340000007</v>
      </c>
      <c r="AO2206">
        <v>33503.864569999998</v>
      </c>
      <c r="AP2206">
        <v>16668.084859999999</v>
      </c>
    </row>
    <row r="2207" spans="2:42" x14ac:dyDescent="0.3">
      <c r="B2207">
        <v>57.710024126028166</v>
      </c>
      <c r="C2207" s="83">
        <v>43192.875</v>
      </c>
      <c r="D2207">
        <v>243657.32490000001</v>
      </c>
      <c r="E2207">
        <v>17131.32718</v>
      </c>
      <c r="F2207">
        <v>56625.560619999997</v>
      </c>
      <c r="G2207">
        <v>45612.699619999999</v>
      </c>
      <c r="H2207">
        <v>40604.335910000002</v>
      </c>
      <c r="I2207">
        <v>28137.912540000001</v>
      </c>
      <c r="J2207">
        <v>41100.621809999997</v>
      </c>
      <c r="K2207">
        <v>49548.732649999998</v>
      </c>
      <c r="L2207">
        <v>25503.53198</v>
      </c>
      <c r="M2207">
        <v>294232.61560000002</v>
      </c>
      <c r="N2207">
        <v>79357.764859999996</v>
      </c>
      <c r="O2207">
        <v>22590.767919999998</v>
      </c>
      <c r="P2207">
        <v>38009.608950000002</v>
      </c>
      <c r="Q2207">
        <v>84064.719679999995</v>
      </c>
      <c r="R2207">
        <v>20306.245350000001</v>
      </c>
      <c r="S2207">
        <v>82497.268530000001</v>
      </c>
      <c r="T2207">
        <v>30931.147819999998</v>
      </c>
      <c r="U2207">
        <v>15890.689990000001</v>
      </c>
      <c r="W2207" s="83">
        <f>Bühler!N2239</f>
        <v>45383.874999994652</v>
      </c>
      <c r="X2207" s="83">
        <v>43192.875</v>
      </c>
      <c r="Y2207">
        <v>243657.32490000001</v>
      </c>
      <c r="Z2207">
        <v>17131.32718</v>
      </c>
      <c r="AA2207">
        <v>56625.560619999997</v>
      </c>
      <c r="AB2207">
        <v>45612.699619999999</v>
      </c>
      <c r="AC2207">
        <v>40604.335910000002</v>
      </c>
      <c r="AD2207">
        <v>28137.912540000001</v>
      </c>
      <c r="AE2207">
        <v>41100.621809999997</v>
      </c>
      <c r="AF2207">
        <v>49548.732649999998</v>
      </c>
      <c r="AG2207">
        <v>25503.53198</v>
      </c>
      <c r="AH2207">
        <v>294232.61560000002</v>
      </c>
      <c r="AI2207">
        <v>79357.764859999996</v>
      </c>
      <c r="AJ2207">
        <v>22590.767919999998</v>
      </c>
      <c r="AK2207">
        <v>38009.608950000002</v>
      </c>
      <c r="AL2207">
        <v>84064.719679999995</v>
      </c>
      <c r="AM2207">
        <v>20306.245350000001</v>
      </c>
      <c r="AN2207">
        <v>82497.268530000001</v>
      </c>
      <c r="AO2207">
        <v>30931.147819999998</v>
      </c>
      <c r="AP2207">
        <v>15890.689990000001</v>
      </c>
    </row>
    <row r="2208" spans="2:42" x14ac:dyDescent="0.3">
      <c r="B2208">
        <v>57.323186267794213</v>
      </c>
      <c r="C2208" s="83">
        <v>43192.916666666664</v>
      </c>
      <c r="D2208">
        <v>242528.12349999999</v>
      </c>
      <c r="E2208">
        <v>16064.27887</v>
      </c>
      <c r="F2208">
        <v>53494.367389999999</v>
      </c>
      <c r="G2208">
        <v>42973.615619999997</v>
      </c>
      <c r="H2208">
        <v>39745.57892</v>
      </c>
      <c r="I2208">
        <v>25374.863010000001</v>
      </c>
      <c r="J2208">
        <v>39771.175199999998</v>
      </c>
      <c r="K2208">
        <v>52957.690710000003</v>
      </c>
      <c r="L2208">
        <v>22467.586459999999</v>
      </c>
      <c r="M2208">
        <v>292260.3358</v>
      </c>
      <c r="N2208">
        <v>78414.669439999998</v>
      </c>
      <c r="O2208">
        <v>22580.660230000001</v>
      </c>
      <c r="P2208">
        <v>38822.219689999998</v>
      </c>
      <c r="Q2208">
        <v>83311.552639999994</v>
      </c>
      <c r="R2208">
        <v>24395.4683</v>
      </c>
      <c r="S2208">
        <v>81080.85398</v>
      </c>
      <c r="T2208">
        <v>26800.025519999999</v>
      </c>
      <c r="U2208">
        <v>15792.59432</v>
      </c>
      <c r="W2208" s="83">
        <f>Bühler!N2240</f>
        <v>45383.916666661316</v>
      </c>
      <c r="X2208" s="83">
        <v>43192.916666666664</v>
      </c>
      <c r="Y2208">
        <v>242528.12349999999</v>
      </c>
      <c r="Z2208">
        <v>16064.27887</v>
      </c>
      <c r="AA2208">
        <v>53494.367389999999</v>
      </c>
      <c r="AB2208">
        <v>42973.615619999997</v>
      </c>
      <c r="AC2208">
        <v>39745.57892</v>
      </c>
      <c r="AD2208">
        <v>25374.863010000001</v>
      </c>
      <c r="AE2208">
        <v>39771.175199999998</v>
      </c>
      <c r="AF2208">
        <v>52957.690710000003</v>
      </c>
      <c r="AG2208">
        <v>22467.586459999999</v>
      </c>
      <c r="AH2208">
        <v>292260.3358</v>
      </c>
      <c r="AI2208">
        <v>78414.669439999998</v>
      </c>
      <c r="AJ2208">
        <v>22580.660230000001</v>
      </c>
      <c r="AK2208">
        <v>38822.219689999998</v>
      </c>
      <c r="AL2208">
        <v>83311.552639999994</v>
      </c>
      <c r="AM2208">
        <v>24395.4683</v>
      </c>
      <c r="AN2208">
        <v>81080.85398</v>
      </c>
      <c r="AO2208">
        <v>26800.025519999999</v>
      </c>
      <c r="AP2208">
        <v>15792.59432</v>
      </c>
    </row>
    <row r="2209" spans="2:42" x14ac:dyDescent="0.3">
      <c r="B2209">
        <v>57.043211858969833</v>
      </c>
      <c r="C2209" s="83">
        <v>43192.958333333336</v>
      </c>
      <c r="D2209">
        <v>242726.1298</v>
      </c>
      <c r="E2209">
        <v>15546.82828</v>
      </c>
      <c r="F2209">
        <v>52521.905149999999</v>
      </c>
      <c r="G2209">
        <v>42319.649700000002</v>
      </c>
      <c r="H2209">
        <v>38650.157229999997</v>
      </c>
      <c r="I2209">
        <v>24231.25302</v>
      </c>
      <c r="J2209">
        <v>37333.352140000003</v>
      </c>
      <c r="K2209">
        <v>53111.771769999999</v>
      </c>
      <c r="L2209">
        <v>19724.303540000001</v>
      </c>
      <c r="M2209">
        <v>290832.89569999999</v>
      </c>
      <c r="N2209">
        <v>79049.334470000002</v>
      </c>
      <c r="O2209">
        <v>21940.113509999999</v>
      </c>
      <c r="P2209">
        <v>34673.202060000003</v>
      </c>
      <c r="Q2209">
        <v>83448.771569999997</v>
      </c>
      <c r="R2209">
        <v>25804.093250000002</v>
      </c>
      <c r="S2209">
        <v>79147.559009999997</v>
      </c>
      <c r="T2209">
        <v>25152.093519999999</v>
      </c>
      <c r="U2209">
        <v>15416.37329</v>
      </c>
      <c r="W2209" s="83">
        <f>Bühler!N2241</f>
        <v>45383.958333327981</v>
      </c>
      <c r="X2209" s="83">
        <v>43192.958333333336</v>
      </c>
      <c r="Y2209">
        <v>242726.1298</v>
      </c>
      <c r="Z2209">
        <v>15546.82828</v>
      </c>
      <c r="AA2209">
        <v>52521.905149999999</v>
      </c>
      <c r="AB2209">
        <v>42319.649700000002</v>
      </c>
      <c r="AC2209">
        <v>38650.157229999997</v>
      </c>
      <c r="AD2209">
        <v>24231.25302</v>
      </c>
      <c r="AE2209">
        <v>37333.352140000003</v>
      </c>
      <c r="AF2209">
        <v>53111.771769999999</v>
      </c>
      <c r="AG2209">
        <v>19724.303540000001</v>
      </c>
      <c r="AH2209">
        <v>290832.89569999999</v>
      </c>
      <c r="AI2209">
        <v>79049.334470000002</v>
      </c>
      <c r="AJ2209">
        <v>21940.113509999999</v>
      </c>
      <c r="AK2209">
        <v>34673.202060000003</v>
      </c>
      <c r="AL2209">
        <v>83448.771569999997</v>
      </c>
      <c r="AM2209">
        <v>25804.093250000002</v>
      </c>
      <c r="AN2209">
        <v>79147.559009999997</v>
      </c>
      <c r="AO2209">
        <v>25152.093519999999</v>
      </c>
      <c r="AP2209">
        <v>15416.37329</v>
      </c>
    </row>
    <row r="2210" spans="2:42" x14ac:dyDescent="0.3">
      <c r="B2210">
        <v>55.916248746020038</v>
      </c>
      <c r="C2210" s="83">
        <v>43193</v>
      </c>
      <c r="D2210">
        <v>239148.2415</v>
      </c>
      <c r="E2210">
        <v>15002.123020000001</v>
      </c>
      <c r="F2210">
        <v>49829.135040000001</v>
      </c>
      <c r="G2210">
        <v>40843.631110000002</v>
      </c>
      <c r="H2210">
        <v>37883.905310000002</v>
      </c>
      <c r="I2210">
        <v>22218.061529999999</v>
      </c>
      <c r="J2210">
        <v>34382.690170000002</v>
      </c>
      <c r="K2210">
        <v>50926.970959999999</v>
      </c>
      <c r="L2210">
        <v>18162.47712</v>
      </c>
      <c r="M2210">
        <v>285087.11219999997</v>
      </c>
      <c r="N2210">
        <v>76676.185819999999</v>
      </c>
      <c r="O2210">
        <v>21572.695510000001</v>
      </c>
      <c r="P2210">
        <v>32303.01989</v>
      </c>
      <c r="Q2210">
        <v>83391.376749999996</v>
      </c>
      <c r="R2210">
        <v>20944.597150000001</v>
      </c>
      <c r="S2210">
        <v>77421.593699999998</v>
      </c>
      <c r="T2210">
        <v>23851.703130000002</v>
      </c>
      <c r="U2210">
        <v>15400.421630000001</v>
      </c>
      <c r="W2210" s="83">
        <f>Bühler!N2242</f>
        <v>45383.999999994645</v>
      </c>
      <c r="X2210" s="83">
        <v>43193</v>
      </c>
      <c r="Y2210">
        <v>239148.2415</v>
      </c>
      <c r="Z2210">
        <v>15002.123020000001</v>
      </c>
      <c r="AA2210">
        <v>49829.135040000001</v>
      </c>
      <c r="AB2210">
        <v>40843.631110000002</v>
      </c>
      <c r="AC2210">
        <v>37883.905310000002</v>
      </c>
      <c r="AD2210">
        <v>22218.061529999999</v>
      </c>
      <c r="AE2210">
        <v>34382.690170000002</v>
      </c>
      <c r="AF2210">
        <v>50926.970959999999</v>
      </c>
      <c r="AG2210">
        <v>18162.47712</v>
      </c>
      <c r="AH2210">
        <v>285087.11219999997</v>
      </c>
      <c r="AI2210">
        <v>76676.185819999999</v>
      </c>
      <c r="AJ2210">
        <v>21572.695510000001</v>
      </c>
      <c r="AK2210">
        <v>32303.01989</v>
      </c>
      <c r="AL2210">
        <v>83391.376749999996</v>
      </c>
      <c r="AM2210">
        <v>20944.597150000001</v>
      </c>
      <c r="AN2210">
        <v>77421.593699999998</v>
      </c>
      <c r="AO2210">
        <v>23851.703130000002</v>
      </c>
      <c r="AP2210">
        <v>15400.421630000001</v>
      </c>
    </row>
    <row r="2211" spans="2:42" x14ac:dyDescent="0.3">
      <c r="B2211">
        <v>55.143424795496777</v>
      </c>
      <c r="C2211" s="83">
        <v>43193.041666666664</v>
      </c>
      <c r="D2211">
        <v>236309.63589999999</v>
      </c>
      <c r="E2211">
        <v>14873.909100000001</v>
      </c>
      <c r="F2211">
        <v>49494.937639999996</v>
      </c>
      <c r="G2211">
        <v>40214.16289</v>
      </c>
      <c r="H2211">
        <v>37266.781739999999</v>
      </c>
      <c r="I2211">
        <v>18026.17353</v>
      </c>
      <c r="J2211">
        <v>33453.337800000001</v>
      </c>
      <c r="K2211">
        <v>49291.529739999998</v>
      </c>
      <c r="L2211">
        <v>17531.961230000001</v>
      </c>
      <c r="M2211">
        <v>281146.89529999997</v>
      </c>
      <c r="N2211">
        <v>75754.079899999997</v>
      </c>
      <c r="O2211">
        <v>21293.811420000002</v>
      </c>
      <c r="P2211">
        <v>30948.19125</v>
      </c>
      <c r="Q2211">
        <v>84802.423500000004</v>
      </c>
      <c r="R2211">
        <v>19268.433870000001</v>
      </c>
      <c r="S2211">
        <v>77163.908379999993</v>
      </c>
      <c r="T2211">
        <v>23747.714260000001</v>
      </c>
      <c r="U2211">
        <v>15579.282149999999</v>
      </c>
      <c r="W2211" s="83">
        <f>Bühler!N2243</f>
        <v>45384.041666661309</v>
      </c>
      <c r="X2211" s="83">
        <v>43193.041666666664</v>
      </c>
      <c r="Y2211">
        <v>236309.63589999999</v>
      </c>
      <c r="Z2211">
        <v>14873.909100000001</v>
      </c>
      <c r="AA2211">
        <v>49494.937639999996</v>
      </c>
      <c r="AB2211">
        <v>40214.16289</v>
      </c>
      <c r="AC2211">
        <v>37266.781739999999</v>
      </c>
      <c r="AD2211">
        <v>18026.17353</v>
      </c>
      <c r="AE2211">
        <v>33453.337800000001</v>
      </c>
      <c r="AF2211">
        <v>49291.529739999998</v>
      </c>
      <c r="AG2211">
        <v>17531.961230000001</v>
      </c>
      <c r="AH2211">
        <v>281146.89529999997</v>
      </c>
      <c r="AI2211">
        <v>75754.079899999997</v>
      </c>
      <c r="AJ2211">
        <v>21293.811420000002</v>
      </c>
      <c r="AK2211">
        <v>30948.19125</v>
      </c>
      <c r="AL2211">
        <v>84802.423500000004</v>
      </c>
      <c r="AM2211">
        <v>19268.433870000001</v>
      </c>
      <c r="AN2211">
        <v>77163.908379999993</v>
      </c>
      <c r="AO2211">
        <v>23747.714260000001</v>
      </c>
      <c r="AP2211">
        <v>15579.282149999999</v>
      </c>
    </row>
    <row r="2212" spans="2:42" x14ac:dyDescent="0.3">
      <c r="B2212">
        <v>55.2628357240323</v>
      </c>
      <c r="C2212" s="83">
        <v>43193.083333333336</v>
      </c>
      <c r="D2212">
        <v>237045.4166</v>
      </c>
      <c r="E2212">
        <v>14699.42928</v>
      </c>
      <c r="F2212">
        <v>50389.103280000003</v>
      </c>
      <c r="G2212">
        <v>39755.138169999998</v>
      </c>
      <c r="H2212">
        <v>37253.991770000001</v>
      </c>
      <c r="I2212">
        <v>16417.18521</v>
      </c>
      <c r="J2212">
        <v>33035.877110000001</v>
      </c>
      <c r="K2212">
        <v>47802.710700000003</v>
      </c>
      <c r="L2212">
        <v>17530.871889999999</v>
      </c>
      <c r="M2212">
        <v>281755.70789999998</v>
      </c>
      <c r="N2212">
        <v>75299.381299999994</v>
      </c>
      <c r="O2212">
        <v>21557.369330000001</v>
      </c>
      <c r="P2212">
        <v>29913.587299999999</v>
      </c>
      <c r="Q2212">
        <v>86822.632280000005</v>
      </c>
      <c r="R2212">
        <v>19944.47839</v>
      </c>
      <c r="S2212">
        <v>76030.310840000006</v>
      </c>
      <c r="T2212">
        <v>22742.634590000001</v>
      </c>
      <c r="U2212">
        <v>15543.556699999999</v>
      </c>
      <c r="W2212" s="83">
        <f>Bühler!N2244</f>
        <v>45384.083333327973</v>
      </c>
      <c r="X2212" s="83">
        <v>43193.083333333336</v>
      </c>
      <c r="Y2212">
        <v>237045.4166</v>
      </c>
      <c r="Z2212">
        <v>14699.42928</v>
      </c>
      <c r="AA2212">
        <v>50389.103280000003</v>
      </c>
      <c r="AB2212">
        <v>39755.138169999998</v>
      </c>
      <c r="AC2212">
        <v>37253.991770000001</v>
      </c>
      <c r="AD2212">
        <v>16417.18521</v>
      </c>
      <c r="AE2212">
        <v>33035.877110000001</v>
      </c>
      <c r="AF2212">
        <v>47802.710700000003</v>
      </c>
      <c r="AG2212">
        <v>17530.871889999999</v>
      </c>
      <c r="AH2212">
        <v>281755.70789999998</v>
      </c>
      <c r="AI2212">
        <v>75299.381299999994</v>
      </c>
      <c r="AJ2212">
        <v>21557.369330000001</v>
      </c>
      <c r="AK2212">
        <v>29913.587299999999</v>
      </c>
      <c r="AL2212">
        <v>86822.632280000005</v>
      </c>
      <c r="AM2212">
        <v>19944.47839</v>
      </c>
      <c r="AN2212">
        <v>76030.310840000006</v>
      </c>
      <c r="AO2212">
        <v>22742.634590000001</v>
      </c>
      <c r="AP2212">
        <v>15543.556699999999</v>
      </c>
    </row>
    <row r="2213" spans="2:42" x14ac:dyDescent="0.3">
      <c r="B2213">
        <v>56.10646208370936</v>
      </c>
      <c r="C2213" s="83">
        <v>43193.125</v>
      </c>
      <c r="D2213">
        <v>238045.7298</v>
      </c>
      <c r="E2213">
        <v>14763.4478</v>
      </c>
      <c r="F2213">
        <v>52339.70809</v>
      </c>
      <c r="G2213">
        <v>38888.326529999998</v>
      </c>
      <c r="H2213">
        <v>37075.79664</v>
      </c>
      <c r="I2213">
        <v>16638.09679</v>
      </c>
      <c r="J2213">
        <v>32958.66143</v>
      </c>
      <c r="K2213">
        <v>45245.604099999997</v>
      </c>
      <c r="L2213">
        <v>17387.69832</v>
      </c>
      <c r="M2213">
        <v>286056.90850000002</v>
      </c>
      <c r="N2213">
        <v>75323.654309999998</v>
      </c>
      <c r="O2213">
        <v>21436.174330000002</v>
      </c>
      <c r="P2213">
        <v>28585.578249999999</v>
      </c>
      <c r="Q2213">
        <v>90069.988719999994</v>
      </c>
      <c r="R2213">
        <v>19873.516909999998</v>
      </c>
      <c r="S2213">
        <v>75354.645810000002</v>
      </c>
      <c r="T2213">
        <v>23055.05817</v>
      </c>
      <c r="U2213">
        <v>15483.91648</v>
      </c>
      <c r="W2213" s="83">
        <f>Bühler!N2245</f>
        <v>45384.124999994638</v>
      </c>
      <c r="X2213" s="83">
        <v>43193.125</v>
      </c>
      <c r="Y2213">
        <v>238045.7298</v>
      </c>
      <c r="Z2213">
        <v>14763.4478</v>
      </c>
      <c r="AA2213">
        <v>52339.70809</v>
      </c>
      <c r="AB2213">
        <v>38888.326529999998</v>
      </c>
      <c r="AC2213">
        <v>37075.79664</v>
      </c>
      <c r="AD2213">
        <v>16638.09679</v>
      </c>
      <c r="AE2213">
        <v>32958.66143</v>
      </c>
      <c r="AF2213">
        <v>45245.604099999997</v>
      </c>
      <c r="AG2213">
        <v>17387.69832</v>
      </c>
      <c r="AH2213">
        <v>286056.90850000002</v>
      </c>
      <c r="AI2213">
        <v>75323.654309999998</v>
      </c>
      <c r="AJ2213">
        <v>21436.174330000002</v>
      </c>
      <c r="AK2213">
        <v>28585.578249999999</v>
      </c>
      <c r="AL2213">
        <v>90069.988719999994</v>
      </c>
      <c r="AM2213">
        <v>19873.516909999998</v>
      </c>
      <c r="AN2213">
        <v>75354.645810000002</v>
      </c>
      <c r="AO2213">
        <v>23055.05817</v>
      </c>
      <c r="AP2213">
        <v>15483.91648</v>
      </c>
    </row>
    <row r="2214" spans="2:42" x14ac:dyDescent="0.3">
      <c r="B2214">
        <v>57.830886255670791</v>
      </c>
      <c r="C2214" s="83">
        <v>43193.166666666664</v>
      </c>
      <c r="D2214">
        <v>240697.3812</v>
      </c>
      <c r="E2214">
        <v>15333.828939999999</v>
      </c>
      <c r="F2214">
        <v>56008.686719999998</v>
      </c>
      <c r="G2214">
        <v>38797.042200000004</v>
      </c>
      <c r="H2214">
        <v>37927.422989999999</v>
      </c>
      <c r="I2214">
        <v>18849.311870000001</v>
      </c>
      <c r="J2214">
        <v>35119.1391</v>
      </c>
      <c r="K2214">
        <v>44857.555679999998</v>
      </c>
      <c r="L2214">
        <v>17150.90453</v>
      </c>
      <c r="M2214">
        <v>294848.82709999999</v>
      </c>
      <c r="N2214">
        <v>74666.420769999997</v>
      </c>
      <c r="O2214">
        <v>22140.456249999999</v>
      </c>
      <c r="P2214">
        <v>28461.63826</v>
      </c>
      <c r="Q2214">
        <v>94680.089430000007</v>
      </c>
      <c r="R2214">
        <v>19693.79005</v>
      </c>
      <c r="S2214">
        <v>76563.178610000003</v>
      </c>
      <c r="T2214">
        <v>22710.942289999999</v>
      </c>
      <c r="U2214">
        <v>16087.80732</v>
      </c>
      <c r="W2214" s="83">
        <f>Bühler!N2246</f>
        <v>45384.166666661302</v>
      </c>
      <c r="X2214" s="83">
        <v>43193.166666666664</v>
      </c>
      <c r="Y2214">
        <v>240697.3812</v>
      </c>
      <c r="Z2214">
        <v>15333.828939999999</v>
      </c>
      <c r="AA2214">
        <v>56008.686719999998</v>
      </c>
      <c r="AB2214">
        <v>38797.042200000004</v>
      </c>
      <c r="AC2214">
        <v>37927.422989999999</v>
      </c>
      <c r="AD2214">
        <v>18849.311870000001</v>
      </c>
      <c r="AE2214">
        <v>35119.1391</v>
      </c>
      <c r="AF2214">
        <v>44857.555679999998</v>
      </c>
      <c r="AG2214">
        <v>17150.90453</v>
      </c>
      <c r="AH2214">
        <v>294848.82709999999</v>
      </c>
      <c r="AI2214">
        <v>74666.420769999997</v>
      </c>
      <c r="AJ2214">
        <v>22140.456249999999</v>
      </c>
      <c r="AK2214">
        <v>28461.63826</v>
      </c>
      <c r="AL2214">
        <v>94680.089430000007</v>
      </c>
      <c r="AM2214">
        <v>19693.79005</v>
      </c>
      <c r="AN2214">
        <v>76563.178610000003</v>
      </c>
      <c r="AO2214">
        <v>22710.942289999999</v>
      </c>
      <c r="AP2214">
        <v>16087.80732</v>
      </c>
    </row>
    <row r="2215" spans="2:42" x14ac:dyDescent="0.3">
      <c r="B2215">
        <v>60.864197150112844</v>
      </c>
      <c r="C2215" s="83">
        <v>43193.208333333336</v>
      </c>
      <c r="D2215">
        <v>258165.87280000001</v>
      </c>
      <c r="E2215">
        <v>17471.552889999999</v>
      </c>
      <c r="F2215">
        <v>67048.665370000002</v>
      </c>
      <c r="G2215">
        <v>42146.612079999999</v>
      </c>
      <c r="H2215">
        <v>39914.461710000003</v>
      </c>
      <c r="I2215">
        <v>26825.52794</v>
      </c>
      <c r="J2215">
        <v>38213.357510000002</v>
      </c>
      <c r="K2215">
        <v>45257.786220000002</v>
      </c>
      <c r="L2215">
        <v>18595.709930000001</v>
      </c>
      <c r="M2215">
        <v>310314.06060000003</v>
      </c>
      <c r="N2215">
        <v>76399.098570000002</v>
      </c>
      <c r="O2215">
        <v>22353.37312</v>
      </c>
      <c r="P2215">
        <v>29757.160400000001</v>
      </c>
      <c r="Q2215">
        <v>97548.934210000007</v>
      </c>
      <c r="R2215">
        <v>22454.300429999999</v>
      </c>
      <c r="S2215">
        <v>78930.400720000005</v>
      </c>
      <c r="T2215">
        <v>24868.88639</v>
      </c>
      <c r="U2215">
        <v>18553.109799999998</v>
      </c>
      <c r="W2215" s="83">
        <f>Bühler!N2247</f>
        <v>45384.208333327966</v>
      </c>
      <c r="X2215" s="83">
        <v>43193.208333333336</v>
      </c>
      <c r="Y2215">
        <v>258165.87280000001</v>
      </c>
      <c r="Z2215">
        <v>17471.552889999999</v>
      </c>
      <c r="AA2215">
        <v>67048.665370000002</v>
      </c>
      <c r="AB2215">
        <v>42146.612079999999</v>
      </c>
      <c r="AC2215">
        <v>39914.461710000003</v>
      </c>
      <c r="AD2215">
        <v>26825.52794</v>
      </c>
      <c r="AE2215">
        <v>38213.357510000002</v>
      </c>
      <c r="AF2215">
        <v>45257.786220000002</v>
      </c>
      <c r="AG2215">
        <v>18595.709930000001</v>
      </c>
      <c r="AH2215">
        <v>310314.06060000003</v>
      </c>
      <c r="AI2215">
        <v>76399.098570000002</v>
      </c>
      <c r="AJ2215">
        <v>22353.37312</v>
      </c>
      <c r="AK2215">
        <v>29757.160400000001</v>
      </c>
      <c r="AL2215">
        <v>97548.934210000007</v>
      </c>
      <c r="AM2215">
        <v>22454.300429999999</v>
      </c>
      <c r="AN2215">
        <v>78930.400720000005</v>
      </c>
      <c r="AO2215">
        <v>24868.88639</v>
      </c>
      <c r="AP2215">
        <v>18553.109799999998</v>
      </c>
    </row>
    <row r="2216" spans="2:42" x14ac:dyDescent="0.3">
      <c r="B2216">
        <v>64.573309053898882</v>
      </c>
      <c r="C2216" s="83">
        <v>43193.25</v>
      </c>
      <c r="D2216">
        <v>274150.10609999998</v>
      </c>
      <c r="E2216">
        <v>21995.84721</v>
      </c>
      <c r="F2216">
        <v>79784.776859999998</v>
      </c>
      <c r="G2216">
        <v>56278.792150000001</v>
      </c>
      <c r="H2216">
        <v>43644.937059999997</v>
      </c>
      <c r="I2216">
        <v>35865.716390000001</v>
      </c>
      <c r="J2216">
        <v>42761.854070000001</v>
      </c>
      <c r="K2216">
        <v>48740.581980000003</v>
      </c>
      <c r="L2216">
        <v>20485.936590000001</v>
      </c>
      <c r="M2216">
        <v>329224.84279999998</v>
      </c>
      <c r="N2216">
        <v>79353.168170000004</v>
      </c>
      <c r="O2216">
        <v>24157.21298</v>
      </c>
      <c r="P2216">
        <v>30811.59906</v>
      </c>
      <c r="Q2216">
        <v>99397.462020000006</v>
      </c>
      <c r="R2216">
        <v>19999.006430000001</v>
      </c>
      <c r="S2216">
        <v>87416.897070000006</v>
      </c>
      <c r="T2216">
        <v>27179.13652</v>
      </c>
      <c r="U2216">
        <v>20803.585899999998</v>
      </c>
      <c r="W2216" s="83">
        <f>Bühler!N2248</f>
        <v>45384.24999999463</v>
      </c>
      <c r="X2216" s="83">
        <v>43193.25</v>
      </c>
      <c r="Y2216">
        <v>274150.10609999998</v>
      </c>
      <c r="Z2216">
        <v>21995.84721</v>
      </c>
      <c r="AA2216">
        <v>79784.776859999998</v>
      </c>
      <c r="AB2216">
        <v>56278.792150000001</v>
      </c>
      <c r="AC2216">
        <v>43644.937059999997</v>
      </c>
      <c r="AD2216">
        <v>35865.716390000001</v>
      </c>
      <c r="AE2216">
        <v>42761.854070000001</v>
      </c>
      <c r="AF2216">
        <v>48740.581980000003</v>
      </c>
      <c r="AG2216">
        <v>20485.936590000001</v>
      </c>
      <c r="AH2216">
        <v>329224.84279999998</v>
      </c>
      <c r="AI2216">
        <v>79353.168170000004</v>
      </c>
      <c r="AJ2216">
        <v>24157.21298</v>
      </c>
      <c r="AK2216">
        <v>30811.59906</v>
      </c>
      <c r="AL2216">
        <v>99397.462020000006</v>
      </c>
      <c r="AM2216">
        <v>19999.006430000001</v>
      </c>
      <c r="AN2216">
        <v>87416.897070000006</v>
      </c>
      <c r="AO2216">
        <v>27179.13652</v>
      </c>
      <c r="AP2216">
        <v>20803.585899999998</v>
      </c>
    </row>
    <row r="2217" spans="2:42" x14ac:dyDescent="0.3">
      <c r="B2217">
        <v>66.83474826457288</v>
      </c>
      <c r="C2217" s="83">
        <v>43193.291666666664</v>
      </c>
      <c r="D2217">
        <v>287534.23060000001</v>
      </c>
      <c r="E2217">
        <v>27102.845369999999</v>
      </c>
      <c r="F2217">
        <v>84501.927670000005</v>
      </c>
      <c r="G2217">
        <v>70478.927429999996</v>
      </c>
      <c r="H2217">
        <v>49417.818650000001</v>
      </c>
      <c r="I2217">
        <v>44110.282019999999</v>
      </c>
      <c r="J2217">
        <v>44402.340199999999</v>
      </c>
      <c r="K2217">
        <v>54477.719250000002</v>
      </c>
      <c r="L2217">
        <v>23492.591990000001</v>
      </c>
      <c r="M2217">
        <v>340754.7145</v>
      </c>
      <c r="N2217">
        <v>86116.477180000002</v>
      </c>
      <c r="O2217">
        <v>27035.921620000001</v>
      </c>
      <c r="P2217">
        <v>33901.77938</v>
      </c>
      <c r="Q2217">
        <v>99559.528359999997</v>
      </c>
      <c r="R2217">
        <v>20988.299060000001</v>
      </c>
      <c r="S2217">
        <v>103364.33620000001</v>
      </c>
      <c r="T2217">
        <v>30482.481240000001</v>
      </c>
      <c r="U2217">
        <v>25920.16948</v>
      </c>
      <c r="W2217" s="83">
        <f>Bühler!N2249</f>
        <v>45384.291666661295</v>
      </c>
      <c r="X2217" s="83">
        <v>43193.291666666664</v>
      </c>
      <c r="Y2217">
        <v>287534.23060000001</v>
      </c>
      <c r="Z2217">
        <v>27102.845369999999</v>
      </c>
      <c r="AA2217">
        <v>84501.927670000005</v>
      </c>
      <c r="AB2217">
        <v>70478.927429999996</v>
      </c>
      <c r="AC2217">
        <v>49417.818650000001</v>
      </c>
      <c r="AD2217">
        <v>44110.282019999999</v>
      </c>
      <c r="AE2217">
        <v>44402.340199999999</v>
      </c>
      <c r="AF2217">
        <v>54477.719250000002</v>
      </c>
      <c r="AG2217">
        <v>23492.591990000001</v>
      </c>
      <c r="AH2217">
        <v>340754.7145</v>
      </c>
      <c r="AI2217">
        <v>86116.477180000002</v>
      </c>
      <c r="AJ2217">
        <v>27035.921620000001</v>
      </c>
      <c r="AK2217">
        <v>33901.77938</v>
      </c>
      <c r="AL2217">
        <v>99559.528359999997</v>
      </c>
      <c r="AM2217">
        <v>20988.299060000001</v>
      </c>
      <c r="AN2217">
        <v>103364.33620000001</v>
      </c>
      <c r="AO2217">
        <v>30482.481240000001</v>
      </c>
      <c r="AP2217">
        <v>25920.16948</v>
      </c>
    </row>
    <row r="2218" spans="2:42" x14ac:dyDescent="0.3">
      <c r="B2218">
        <v>67.842018324931885</v>
      </c>
      <c r="C2218" s="83">
        <v>43193.333333333336</v>
      </c>
      <c r="D2218">
        <v>299432.4523</v>
      </c>
      <c r="E2218">
        <v>33160.194479999998</v>
      </c>
      <c r="F2218">
        <v>89080.19253</v>
      </c>
      <c r="G2218">
        <v>87616.279509999993</v>
      </c>
      <c r="H2218">
        <v>54249.503689999998</v>
      </c>
      <c r="I2218">
        <v>47392.517370000001</v>
      </c>
      <c r="J2218">
        <v>44632.525379999999</v>
      </c>
      <c r="K2218">
        <v>59690.236559999998</v>
      </c>
      <c r="L2218">
        <v>26524.578689999998</v>
      </c>
      <c r="M2218">
        <v>345890.24699999997</v>
      </c>
      <c r="N2218">
        <v>93482.521330000003</v>
      </c>
      <c r="O2218">
        <v>27875.724289999998</v>
      </c>
      <c r="P2218">
        <v>35304.088689999997</v>
      </c>
      <c r="Q2218">
        <v>99341.595319999993</v>
      </c>
      <c r="R2218">
        <v>22953.39644</v>
      </c>
      <c r="S2218">
        <v>116412.2785</v>
      </c>
      <c r="T2218">
        <v>33772.212290000003</v>
      </c>
      <c r="U2218">
        <v>29010.836080000001</v>
      </c>
      <c r="W2218" s="83">
        <f>Bühler!N2250</f>
        <v>45384.333333327959</v>
      </c>
      <c r="X2218" s="83">
        <v>43193.333333333336</v>
      </c>
      <c r="Y2218">
        <v>299432.4523</v>
      </c>
      <c r="Z2218">
        <v>33160.194479999998</v>
      </c>
      <c r="AA2218">
        <v>89080.19253</v>
      </c>
      <c r="AB2218">
        <v>87616.279509999993</v>
      </c>
      <c r="AC2218">
        <v>54249.503689999998</v>
      </c>
      <c r="AD2218">
        <v>47392.517370000001</v>
      </c>
      <c r="AE2218">
        <v>44632.525379999999</v>
      </c>
      <c r="AF2218">
        <v>59690.236559999998</v>
      </c>
      <c r="AG2218">
        <v>26524.578689999998</v>
      </c>
      <c r="AH2218">
        <v>345890.24699999997</v>
      </c>
      <c r="AI2218">
        <v>93482.521330000003</v>
      </c>
      <c r="AJ2218">
        <v>27875.724289999998</v>
      </c>
      <c r="AK2218">
        <v>35304.088689999997</v>
      </c>
      <c r="AL2218">
        <v>99341.595319999993</v>
      </c>
      <c r="AM2218">
        <v>22953.39644</v>
      </c>
      <c r="AN2218">
        <v>116412.2785</v>
      </c>
      <c r="AO2218">
        <v>33772.212290000003</v>
      </c>
      <c r="AP2218">
        <v>29010.836080000001</v>
      </c>
    </row>
    <row r="2219" spans="2:42" x14ac:dyDescent="0.3">
      <c r="B2219">
        <v>67.673282151679047</v>
      </c>
      <c r="C2219" s="83">
        <v>43193.375</v>
      </c>
      <c r="D2219">
        <v>301575.69150000002</v>
      </c>
      <c r="E2219">
        <v>37256.204740000001</v>
      </c>
      <c r="F2219">
        <v>96001.102889999995</v>
      </c>
      <c r="G2219">
        <v>97160.852830000003</v>
      </c>
      <c r="H2219">
        <v>56993.263570000003</v>
      </c>
      <c r="I2219">
        <v>45226.347860000002</v>
      </c>
      <c r="J2219">
        <v>44528.734080000002</v>
      </c>
      <c r="K2219">
        <v>61919.215409999997</v>
      </c>
      <c r="L2219">
        <v>29512.73171</v>
      </c>
      <c r="M2219">
        <v>345029.95130000002</v>
      </c>
      <c r="N2219">
        <v>97314.816130000007</v>
      </c>
      <c r="O2219">
        <v>28394.968720000001</v>
      </c>
      <c r="P2219">
        <v>37686.737910000003</v>
      </c>
      <c r="Q2219">
        <v>99696.696809999994</v>
      </c>
      <c r="R2219">
        <v>24018.922480000001</v>
      </c>
      <c r="S2219">
        <v>123764.4102</v>
      </c>
      <c r="T2219">
        <v>36982.414850000001</v>
      </c>
      <c r="U2219">
        <v>28037.746230000001</v>
      </c>
      <c r="W2219" s="83">
        <f>Bühler!N2251</f>
        <v>45384.374999994623</v>
      </c>
      <c r="X2219" s="83">
        <v>43193.375</v>
      </c>
      <c r="Y2219">
        <v>301575.69150000002</v>
      </c>
      <c r="Z2219">
        <v>37256.204740000001</v>
      </c>
      <c r="AA2219">
        <v>96001.102889999995</v>
      </c>
      <c r="AB2219">
        <v>97160.852830000003</v>
      </c>
      <c r="AC2219">
        <v>56993.263570000003</v>
      </c>
      <c r="AD2219">
        <v>45226.347860000002</v>
      </c>
      <c r="AE2219">
        <v>44528.734080000002</v>
      </c>
      <c r="AF2219">
        <v>61919.215409999997</v>
      </c>
      <c r="AG2219">
        <v>29512.73171</v>
      </c>
      <c r="AH2219">
        <v>345029.95130000002</v>
      </c>
      <c r="AI2219">
        <v>97314.816130000007</v>
      </c>
      <c r="AJ2219">
        <v>28394.968720000001</v>
      </c>
      <c r="AK2219">
        <v>37686.737910000003</v>
      </c>
      <c r="AL2219">
        <v>99696.696809999994</v>
      </c>
      <c r="AM2219">
        <v>24018.922480000001</v>
      </c>
      <c r="AN2219">
        <v>123764.4102</v>
      </c>
      <c r="AO2219">
        <v>36982.414850000001</v>
      </c>
      <c r="AP2219">
        <v>28037.746230000001</v>
      </c>
    </row>
    <row r="2220" spans="2:42" x14ac:dyDescent="0.3">
      <c r="B2220">
        <v>67.717131671319933</v>
      </c>
      <c r="C2220" s="83">
        <v>43193.416666666664</v>
      </c>
      <c r="D2220">
        <v>304155.57150000002</v>
      </c>
      <c r="E2220">
        <v>38684.384769999997</v>
      </c>
      <c r="F2220">
        <v>96133.303830000004</v>
      </c>
      <c r="G2220">
        <v>98045.42916</v>
      </c>
      <c r="H2220">
        <v>56912.71168</v>
      </c>
      <c r="I2220">
        <v>41587.93982</v>
      </c>
      <c r="J2220">
        <v>44123.950790000003</v>
      </c>
      <c r="K2220">
        <v>63242.939079999996</v>
      </c>
      <c r="L2220">
        <v>31915.258030000001</v>
      </c>
      <c r="M2220">
        <v>345253.51659999997</v>
      </c>
      <c r="N2220">
        <v>98633.249500000005</v>
      </c>
      <c r="O2220">
        <v>27608.367630000001</v>
      </c>
      <c r="P2220">
        <v>37989.02317</v>
      </c>
      <c r="Q2220">
        <v>100102.64780000001</v>
      </c>
      <c r="R2220">
        <v>24703.54723</v>
      </c>
      <c r="S2220">
        <v>125188.55190000001</v>
      </c>
      <c r="T2220">
        <v>38910.609579999997</v>
      </c>
      <c r="U2220">
        <v>27629.432939999999</v>
      </c>
      <c r="W2220" s="83">
        <f>Bühler!N2252</f>
        <v>45384.416666661287</v>
      </c>
      <c r="X2220" s="83">
        <v>43193.416666666664</v>
      </c>
      <c r="Y2220">
        <v>304155.57150000002</v>
      </c>
      <c r="Z2220">
        <v>38684.384769999997</v>
      </c>
      <c r="AA2220">
        <v>96133.303830000004</v>
      </c>
      <c r="AB2220">
        <v>98045.42916</v>
      </c>
      <c r="AC2220">
        <v>56912.71168</v>
      </c>
      <c r="AD2220">
        <v>41587.93982</v>
      </c>
      <c r="AE2220">
        <v>44123.950790000003</v>
      </c>
      <c r="AF2220">
        <v>63242.939079999996</v>
      </c>
      <c r="AG2220">
        <v>31915.258030000001</v>
      </c>
      <c r="AH2220">
        <v>345253.51659999997</v>
      </c>
      <c r="AI2220">
        <v>98633.249500000005</v>
      </c>
      <c r="AJ2220">
        <v>27608.367630000001</v>
      </c>
      <c r="AK2220">
        <v>37989.02317</v>
      </c>
      <c r="AL2220">
        <v>100102.64780000001</v>
      </c>
      <c r="AM2220">
        <v>24703.54723</v>
      </c>
      <c r="AN2220">
        <v>125188.55190000001</v>
      </c>
      <c r="AO2220">
        <v>38910.609579999997</v>
      </c>
      <c r="AP2220">
        <v>27629.432939999999</v>
      </c>
    </row>
    <row r="2221" spans="2:42" x14ac:dyDescent="0.3">
      <c r="B2221">
        <v>68.181160546146742</v>
      </c>
      <c r="C2221" s="83">
        <v>43193.458333333336</v>
      </c>
      <c r="D2221">
        <v>302553.30219999998</v>
      </c>
      <c r="E2221">
        <v>38016.646419999997</v>
      </c>
      <c r="F2221">
        <v>96088.608540000001</v>
      </c>
      <c r="G2221">
        <v>95673.828210000007</v>
      </c>
      <c r="H2221">
        <v>55954.584300000002</v>
      </c>
      <c r="I2221">
        <v>40632.802380000001</v>
      </c>
      <c r="J2221">
        <v>43901.87311</v>
      </c>
      <c r="K2221">
        <v>63139.260139999999</v>
      </c>
      <c r="L2221">
        <v>32926.741379999999</v>
      </c>
      <c r="M2221">
        <v>347619.35220000002</v>
      </c>
      <c r="N2221">
        <v>99447.971189999997</v>
      </c>
      <c r="O2221">
        <v>27525.451420000001</v>
      </c>
      <c r="P2221">
        <v>36966.058169999997</v>
      </c>
      <c r="Q2221">
        <v>99880.989539999995</v>
      </c>
      <c r="R2221">
        <v>26635.655200000001</v>
      </c>
      <c r="S2221">
        <v>124852.5197</v>
      </c>
      <c r="T2221">
        <v>38202.71254</v>
      </c>
      <c r="U2221">
        <v>26785.362000000001</v>
      </c>
      <c r="W2221" s="83">
        <f>Bühler!N2253</f>
        <v>45384.458333327952</v>
      </c>
      <c r="X2221" s="83">
        <v>43193.458333333336</v>
      </c>
      <c r="Y2221">
        <v>302553.30219999998</v>
      </c>
      <c r="Z2221">
        <v>38016.646419999997</v>
      </c>
      <c r="AA2221">
        <v>96088.608540000001</v>
      </c>
      <c r="AB2221">
        <v>95673.828210000007</v>
      </c>
      <c r="AC2221">
        <v>55954.584300000002</v>
      </c>
      <c r="AD2221">
        <v>40632.802380000001</v>
      </c>
      <c r="AE2221">
        <v>43901.87311</v>
      </c>
      <c r="AF2221">
        <v>63139.260139999999</v>
      </c>
      <c r="AG2221">
        <v>32926.741379999999</v>
      </c>
      <c r="AH2221">
        <v>347619.35220000002</v>
      </c>
      <c r="AI2221">
        <v>99447.971189999997</v>
      </c>
      <c r="AJ2221">
        <v>27525.451420000001</v>
      </c>
      <c r="AK2221">
        <v>36966.058169999997</v>
      </c>
      <c r="AL2221">
        <v>99880.989539999995</v>
      </c>
      <c r="AM2221">
        <v>26635.655200000001</v>
      </c>
      <c r="AN2221">
        <v>124852.5197</v>
      </c>
      <c r="AO2221">
        <v>38202.71254</v>
      </c>
      <c r="AP2221">
        <v>26785.362000000001</v>
      </c>
    </row>
    <row r="2222" spans="2:42" x14ac:dyDescent="0.3">
      <c r="B2222">
        <v>67.659539921113861</v>
      </c>
      <c r="C2222" s="83">
        <v>43193.5</v>
      </c>
      <c r="D2222">
        <v>291716.86369999999</v>
      </c>
      <c r="E2222">
        <v>34323.701029999997</v>
      </c>
      <c r="F2222">
        <v>89330.085040000005</v>
      </c>
      <c r="G2222">
        <v>94105.353109999996</v>
      </c>
      <c r="H2222">
        <v>53739.987359999999</v>
      </c>
      <c r="I2222">
        <v>39446.034829999997</v>
      </c>
      <c r="J2222">
        <v>43498.875079999998</v>
      </c>
      <c r="K2222">
        <v>59202.672859999999</v>
      </c>
      <c r="L2222">
        <v>35223.378199999999</v>
      </c>
      <c r="M2222">
        <v>344959.88699999999</v>
      </c>
      <c r="N2222">
        <v>96678.226909999998</v>
      </c>
      <c r="O2222">
        <v>26487.05788</v>
      </c>
      <c r="P2222">
        <v>38400.245069999997</v>
      </c>
      <c r="Q2222">
        <v>97887.807220000002</v>
      </c>
      <c r="R2222">
        <v>25709.036339999999</v>
      </c>
      <c r="S2222">
        <v>118571.1969</v>
      </c>
      <c r="T2222">
        <v>39117.483590000003</v>
      </c>
      <c r="U2222">
        <v>22204.630929999999</v>
      </c>
      <c r="W2222" s="83">
        <f>Bühler!N2254</f>
        <v>45384.499999994616</v>
      </c>
      <c r="X2222" s="83">
        <v>43193.5</v>
      </c>
      <c r="Y2222">
        <v>291716.86369999999</v>
      </c>
      <c r="Z2222">
        <v>34323.701029999997</v>
      </c>
      <c r="AA2222">
        <v>89330.085040000005</v>
      </c>
      <c r="AB2222">
        <v>94105.353109999996</v>
      </c>
      <c r="AC2222">
        <v>53739.987359999999</v>
      </c>
      <c r="AD2222">
        <v>39446.034829999997</v>
      </c>
      <c r="AE2222">
        <v>43498.875079999998</v>
      </c>
      <c r="AF2222">
        <v>59202.672859999999</v>
      </c>
      <c r="AG2222">
        <v>35223.378199999999</v>
      </c>
      <c r="AH2222">
        <v>344959.88699999999</v>
      </c>
      <c r="AI2222">
        <v>96678.226909999998</v>
      </c>
      <c r="AJ2222">
        <v>26487.05788</v>
      </c>
      <c r="AK2222">
        <v>38400.245069999997</v>
      </c>
      <c r="AL2222">
        <v>97887.807220000002</v>
      </c>
      <c r="AM2222">
        <v>25709.036339999999</v>
      </c>
      <c r="AN2222">
        <v>118571.1969</v>
      </c>
      <c r="AO2222">
        <v>39117.483590000003</v>
      </c>
      <c r="AP2222">
        <v>22204.630929999999</v>
      </c>
    </row>
    <row r="2223" spans="2:42" x14ac:dyDescent="0.3">
      <c r="B2223">
        <v>66.72420172720301</v>
      </c>
      <c r="C2223" s="83">
        <v>43193.541666666664</v>
      </c>
      <c r="D2223">
        <v>293356.06520000001</v>
      </c>
      <c r="E2223">
        <v>33958.6878</v>
      </c>
      <c r="F2223">
        <v>85039.995699999999</v>
      </c>
      <c r="G2223">
        <v>89337.019</v>
      </c>
      <c r="H2223">
        <v>54036.758880000001</v>
      </c>
      <c r="I2223">
        <v>39390.039340000003</v>
      </c>
      <c r="J2223">
        <v>42179.151550000002</v>
      </c>
      <c r="K2223">
        <v>61449.452539999998</v>
      </c>
      <c r="L2223">
        <v>32817.151160000001</v>
      </c>
      <c r="M2223">
        <v>340191.09669999999</v>
      </c>
      <c r="N2223">
        <v>96995.930930000002</v>
      </c>
      <c r="O2223">
        <v>26530.078010000001</v>
      </c>
      <c r="P2223">
        <v>37471.637860000003</v>
      </c>
      <c r="Q2223">
        <v>97213.074569999997</v>
      </c>
      <c r="R2223">
        <v>25032.870889999998</v>
      </c>
      <c r="S2223">
        <v>117072.31540000001</v>
      </c>
      <c r="T2223">
        <v>37868.797169999998</v>
      </c>
      <c r="U2223">
        <v>24302.224249999999</v>
      </c>
      <c r="W2223" s="83">
        <f>Bühler!N2255</f>
        <v>45384.54166666128</v>
      </c>
      <c r="X2223" s="83">
        <v>43193.541666666664</v>
      </c>
      <c r="Y2223">
        <v>293356.06520000001</v>
      </c>
      <c r="Z2223">
        <v>33958.6878</v>
      </c>
      <c r="AA2223">
        <v>85039.995699999999</v>
      </c>
      <c r="AB2223">
        <v>89337.019</v>
      </c>
      <c r="AC2223">
        <v>54036.758880000001</v>
      </c>
      <c r="AD2223">
        <v>39390.039340000003</v>
      </c>
      <c r="AE2223">
        <v>42179.151550000002</v>
      </c>
      <c r="AF2223">
        <v>61449.452539999998</v>
      </c>
      <c r="AG2223">
        <v>32817.151160000001</v>
      </c>
      <c r="AH2223">
        <v>340191.09669999999</v>
      </c>
      <c r="AI2223">
        <v>96995.930930000002</v>
      </c>
      <c r="AJ2223">
        <v>26530.078010000001</v>
      </c>
      <c r="AK2223">
        <v>37471.637860000003</v>
      </c>
      <c r="AL2223">
        <v>97213.074569999997</v>
      </c>
      <c r="AM2223">
        <v>25032.870889999998</v>
      </c>
      <c r="AN2223">
        <v>117072.31540000001</v>
      </c>
      <c r="AO2223">
        <v>37868.797169999998</v>
      </c>
      <c r="AP2223">
        <v>24302.224249999999</v>
      </c>
    </row>
    <row r="2224" spans="2:42" x14ac:dyDescent="0.3">
      <c r="B2224">
        <v>66.845592800221766</v>
      </c>
      <c r="C2224" s="83">
        <v>43193.583333333336</v>
      </c>
      <c r="D2224">
        <v>295022.01659999997</v>
      </c>
      <c r="E2224">
        <v>36441.623370000001</v>
      </c>
      <c r="F2224">
        <v>92993.952850000001</v>
      </c>
      <c r="G2224">
        <v>83206.251820000005</v>
      </c>
      <c r="H2224">
        <v>53490.355459999999</v>
      </c>
      <c r="I2224">
        <v>39795.888319999998</v>
      </c>
      <c r="J2224">
        <v>41535.956039999997</v>
      </c>
      <c r="K2224">
        <v>63476.399120000002</v>
      </c>
      <c r="L2224">
        <v>29860.895130000001</v>
      </c>
      <c r="M2224">
        <v>340810.005</v>
      </c>
      <c r="N2224">
        <v>95926.578510000007</v>
      </c>
      <c r="O2224">
        <v>25921.034380000001</v>
      </c>
      <c r="P2224">
        <v>33411.156459999998</v>
      </c>
      <c r="Q2224">
        <v>95981.536250000005</v>
      </c>
      <c r="R2224">
        <v>25201.352889999998</v>
      </c>
      <c r="S2224">
        <v>112452.83719999999</v>
      </c>
      <c r="T2224">
        <v>36289.78817</v>
      </c>
      <c r="U2224">
        <v>24368.34763</v>
      </c>
      <c r="W2224" s="83">
        <f>Bühler!N2256</f>
        <v>45384.583333327944</v>
      </c>
      <c r="X2224" s="83">
        <v>43193.583333333336</v>
      </c>
      <c r="Y2224">
        <v>295022.01659999997</v>
      </c>
      <c r="Z2224">
        <v>36441.623370000001</v>
      </c>
      <c r="AA2224">
        <v>92993.952850000001</v>
      </c>
      <c r="AB2224">
        <v>83206.251820000005</v>
      </c>
      <c r="AC2224">
        <v>53490.355459999999</v>
      </c>
      <c r="AD2224">
        <v>39795.888319999998</v>
      </c>
      <c r="AE2224">
        <v>41535.956039999997</v>
      </c>
      <c r="AF2224">
        <v>63476.399120000002</v>
      </c>
      <c r="AG2224">
        <v>29860.895130000001</v>
      </c>
      <c r="AH2224">
        <v>340810.005</v>
      </c>
      <c r="AI2224">
        <v>95926.578510000007</v>
      </c>
      <c r="AJ2224">
        <v>25921.034380000001</v>
      </c>
      <c r="AK2224">
        <v>33411.156459999998</v>
      </c>
      <c r="AL2224">
        <v>95981.536250000005</v>
      </c>
      <c r="AM2224">
        <v>25201.352889999998</v>
      </c>
      <c r="AN2224">
        <v>112452.83719999999</v>
      </c>
      <c r="AO2224">
        <v>36289.78817</v>
      </c>
      <c r="AP2224">
        <v>24368.34763</v>
      </c>
    </row>
    <row r="2225" spans="2:42" x14ac:dyDescent="0.3">
      <c r="B2225">
        <v>65.210896238352689</v>
      </c>
      <c r="C2225" s="83">
        <v>43193.625</v>
      </c>
      <c r="D2225">
        <v>292778.29470000003</v>
      </c>
      <c r="E2225">
        <v>35944.8825</v>
      </c>
      <c r="F2225">
        <v>94922.837329999995</v>
      </c>
      <c r="G2225">
        <v>78567.530549999996</v>
      </c>
      <c r="H2225">
        <v>51792.582869999998</v>
      </c>
      <c r="I2225">
        <v>39566.130940000003</v>
      </c>
      <c r="J2225">
        <v>41032.597900000001</v>
      </c>
      <c r="K2225">
        <v>62001.051760000002</v>
      </c>
      <c r="L2225">
        <v>26943.602019999998</v>
      </c>
      <c r="M2225">
        <v>332475.55959999998</v>
      </c>
      <c r="N2225">
        <v>93709.488360000003</v>
      </c>
      <c r="O2225">
        <v>25152.735110000001</v>
      </c>
      <c r="P2225">
        <v>31118.56193</v>
      </c>
      <c r="Q2225">
        <v>95314.664260000005</v>
      </c>
      <c r="R2225">
        <v>24646.887409999999</v>
      </c>
      <c r="S2225">
        <v>108286.701</v>
      </c>
      <c r="T2225">
        <v>34163.417410000002</v>
      </c>
      <c r="U2225">
        <v>22996.506949999999</v>
      </c>
      <c r="W2225" s="83">
        <f>Bühler!N2257</f>
        <v>45384.624999994609</v>
      </c>
      <c r="X2225" s="83">
        <v>43193.625</v>
      </c>
      <c r="Y2225">
        <v>292778.29470000003</v>
      </c>
      <c r="Z2225">
        <v>35944.8825</v>
      </c>
      <c r="AA2225">
        <v>94922.837329999995</v>
      </c>
      <c r="AB2225">
        <v>78567.530549999996</v>
      </c>
      <c r="AC2225">
        <v>51792.582869999998</v>
      </c>
      <c r="AD2225">
        <v>39566.130940000003</v>
      </c>
      <c r="AE2225">
        <v>41032.597900000001</v>
      </c>
      <c r="AF2225">
        <v>62001.051760000002</v>
      </c>
      <c r="AG2225">
        <v>26943.602019999998</v>
      </c>
      <c r="AH2225">
        <v>332475.55959999998</v>
      </c>
      <c r="AI2225">
        <v>93709.488360000003</v>
      </c>
      <c r="AJ2225">
        <v>25152.735110000001</v>
      </c>
      <c r="AK2225">
        <v>31118.56193</v>
      </c>
      <c r="AL2225">
        <v>95314.664260000005</v>
      </c>
      <c r="AM2225">
        <v>24646.887409999999</v>
      </c>
      <c r="AN2225">
        <v>108286.701</v>
      </c>
      <c r="AO2225">
        <v>34163.417410000002</v>
      </c>
      <c r="AP2225">
        <v>22996.506949999999</v>
      </c>
    </row>
    <row r="2226" spans="2:42" x14ac:dyDescent="0.3">
      <c r="B2226">
        <v>64.38203786868479</v>
      </c>
      <c r="C2226" s="83">
        <v>43193.666666666664</v>
      </c>
      <c r="D2226">
        <v>284938.28200000001</v>
      </c>
      <c r="E2226">
        <v>34994.757080000003</v>
      </c>
      <c r="F2226">
        <v>93874.613599999997</v>
      </c>
      <c r="G2226">
        <v>74260.313810000007</v>
      </c>
      <c r="H2226">
        <v>49801.638980000003</v>
      </c>
      <c r="I2226">
        <v>41225.632100000003</v>
      </c>
      <c r="J2226">
        <v>39931.975769999997</v>
      </c>
      <c r="K2226">
        <v>59498.98446</v>
      </c>
      <c r="L2226">
        <v>25698.353760000002</v>
      </c>
      <c r="M2226">
        <v>328249.6531</v>
      </c>
      <c r="N2226">
        <v>91780.823059999995</v>
      </c>
      <c r="O2226">
        <v>25467.556359999999</v>
      </c>
      <c r="P2226">
        <v>30830.890810000001</v>
      </c>
      <c r="Q2226">
        <v>94130.426470000006</v>
      </c>
      <c r="R2226">
        <v>24682.467339999999</v>
      </c>
      <c r="S2226">
        <v>104511.6168</v>
      </c>
      <c r="T2226">
        <v>33406.635370000004</v>
      </c>
      <c r="U2226">
        <v>21304.43074</v>
      </c>
      <c r="W2226" s="83">
        <f>Bühler!N2258</f>
        <v>45384.666666661273</v>
      </c>
      <c r="X2226" s="83">
        <v>43193.666666666664</v>
      </c>
      <c r="Y2226">
        <v>284938.28200000001</v>
      </c>
      <c r="Z2226">
        <v>34994.757080000003</v>
      </c>
      <c r="AA2226">
        <v>93874.613599999997</v>
      </c>
      <c r="AB2226">
        <v>74260.313810000007</v>
      </c>
      <c r="AC2226">
        <v>49801.638980000003</v>
      </c>
      <c r="AD2226">
        <v>41225.632100000003</v>
      </c>
      <c r="AE2226">
        <v>39931.975769999997</v>
      </c>
      <c r="AF2226">
        <v>59498.98446</v>
      </c>
      <c r="AG2226">
        <v>25698.353760000002</v>
      </c>
      <c r="AH2226">
        <v>328249.6531</v>
      </c>
      <c r="AI2226">
        <v>91780.823059999995</v>
      </c>
      <c r="AJ2226">
        <v>25467.556359999999</v>
      </c>
      <c r="AK2226">
        <v>30830.890810000001</v>
      </c>
      <c r="AL2226">
        <v>94130.426470000006</v>
      </c>
      <c r="AM2226">
        <v>24682.467339999999</v>
      </c>
      <c r="AN2226">
        <v>104511.6168</v>
      </c>
      <c r="AO2226">
        <v>33406.635370000004</v>
      </c>
      <c r="AP2226">
        <v>21304.43074</v>
      </c>
    </row>
    <row r="2227" spans="2:42" x14ac:dyDescent="0.3">
      <c r="B2227">
        <v>63.089124792892747</v>
      </c>
      <c r="C2227" s="83">
        <v>43193.708333333336</v>
      </c>
      <c r="D2227">
        <v>274021.25030000001</v>
      </c>
      <c r="E2227">
        <v>32882.434889999997</v>
      </c>
      <c r="F2227">
        <v>92108.326610000004</v>
      </c>
      <c r="G2227">
        <v>65815.81164</v>
      </c>
      <c r="H2227">
        <v>46677.82677</v>
      </c>
      <c r="I2227">
        <v>41311.382290000001</v>
      </c>
      <c r="J2227">
        <v>39896.51324</v>
      </c>
      <c r="K2227">
        <v>54120.502099999998</v>
      </c>
      <c r="L2227">
        <v>26155.483680000001</v>
      </c>
      <c r="M2227">
        <v>321657.77929999999</v>
      </c>
      <c r="N2227">
        <v>86301.538589999996</v>
      </c>
      <c r="O2227">
        <v>24380.57806</v>
      </c>
      <c r="P2227">
        <v>32717.083330000001</v>
      </c>
      <c r="Q2227">
        <v>93245.163149999993</v>
      </c>
      <c r="R2227">
        <v>24603.480240000001</v>
      </c>
      <c r="S2227">
        <v>100874.4359</v>
      </c>
      <c r="T2227">
        <v>33049.883880000001</v>
      </c>
      <c r="U2227">
        <v>18658.525610000001</v>
      </c>
      <c r="W2227" s="83">
        <f>Bühler!N2259</f>
        <v>45384.708333327937</v>
      </c>
      <c r="X2227" s="83">
        <v>43193.708333333336</v>
      </c>
      <c r="Y2227">
        <v>274021.25030000001</v>
      </c>
      <c r="Z2227">
        <v>32882.434889999997</v>
      </c>
      <c r="AA2227">
        <v>92108.326610000004</v>
      </c>
      <c r="AB2227">
        <v>65815.81164</v>
      </c>
      <c r="AC2227">
        <v>46677.82677</v>
      </c>
      <c r="AD2227">
        <v>41311.382290000001</v>
      </c>
      <c r="AE2227">
        <v>39896.51324</v>
      </c>
      <c r="AF2227">
        <v>54120.502099999998</v>
      </c>
      <c r="AG2227">
        <v>26155.483680000001</v>
      </c>
      <c r="AH2227">
        <v>321657.77929999999</v>
      </c>
      <c r="AI2227">
        <v>86301.538589999996</v>
      </c>
      <c r="AJ2227">
        <v>24380.57806</v>
      </c>
      <c r="AK2227">
        <v>32717.083330000001</v>
      </c>
      <c r="AL2227">
        <v>93245.163149999993</v>
      </c>
      <c r="AM2227">
        <v>24603.480240000001</v>
      </c>
      <c r="AN2227">
        <v>100874.4359</v>
      </c>
      <c r="AO2227">
        <v>33049.883880000001</v>
      </c>
      <c r="AP2227">
        <v>18658.525610000001</v>
      </c>
    </row>
    <row r="2228" spans="2:42" x14ac:dyDescent="0.3">
      <c r="B2228">
        <v>61.898256482154594</v>
      </c>
      <c r="C2228" s="83">
        <v>43193.75</v>
      </c>
      <c r="D2228">
        <v>269126.8885</v>
      </c>
      <c r="E2228">
        <v>29743.390039999998</v>
      </c>
      <c r="F2228">
        <v>90566.670379999996</v>
      </c>
      <c r="G2228">
        <v>57004.523609999997</v>
      </c>
      <c r="H2228">
        <v>44528.426469999999</v>
      </c>
      <c r="I2228">
        <v>39849.015010000003</v>
      </c>
      <c r="J2228">
        <v>39792.611980000001</v>
      </c>
      <c r="K2228">
        <v>53232.452429999998</v>
      </c>
      <c r="L2228">
        <v>27313.71501</v>
      </c>
      <c r="M2228">
        <v>315586.17729999998</v>
      </c>
      <c r="N2228">
        <v>82779.621159999995</v>
      </c>
      <c r="O2228">
        <v>22267.428800000002</v>
      </c>
      <c r="P2228">
        <v>36377.393880000003</v>
      </c>
      <c r="Q2228">
        <v>91532.157579999999</v>
      </c>
      <c r="R2228">
        <v>22731.697649999998</v>
      </c>
      <c r="S2228">
        <v>94520.452969999998</v>
      </c>
      <c r="T2228">
        <v>33568.837780000002</v>
      </c>
      <c r="U2228">
        <v>16869.351589999998</v>
      </c>
      <c r="W2228" s="83">
        <f>Bühler!N2260</f>
        <v>45384.749999994601</v>
      </c>
      <c r="X2228" s="83">
        <v>43193.75</v>
      </c>
      <c r="Y2228">
        <v>269126.8885</v>
      </c>
      <c r="Z2228">
        <v>29743.390039999998</v>
      </c>
      <c r="AA2228">
        <v>90566.670379999996</v>
      </c>
      <c r="AB2228">
        <v>57004.523609999997</v>
      </c>
      <c r="AC2228">
        <v>44528.426469999999</v>
      </c>
      <c r="AD2228">
        <v>39849.015010000003</v>
      </c>
      <c r="AE2228">
        <v>39792.611980000001</v>
      </c>
      <c r="AF2228">
        <v>53232.452429999998</v>
      </c>
      <c r="AG2228">
        <v>27313.71501</v>
      </c>
      <c r="AH2228">
        <v>315586.17729999998</v>
      </c>
      <c r="AI2228">
        <v>82779.621159999995</v>
      </c>
      <c r="AJ2228">
        <v>22267.428800000002</v>
      </c>
      <c r="AK2228">
        <v>36377.393880000003</v>
      </c>
      <c r="AL2228">
        <v>91532.157579999999</v>
      </c>
      <c r="AM2228">
        <v>22731.697649999998</v>
      </c>
      <c r="AN2228">
        <v>94520.452969999998</v>
      </c>
      <c r="AO2228">
        <v>33568.837780000002</v>
      </c>
      <c r="AP2228">
        <v>16869.351589999998</v>
      </c>
    </row>
    <row r="2229" spans="2:42" x14ac:dyDescent="0.3">
      <c r="B2229">
        <v>60.57960427400424</v>
      </c>
      <c r="C2229" s="83">
        <v>43193.791666666664</v>
      </c>
      <c r="D2229">
        <v>262093.97500000001</v>
      </c>
      <c r="E2229">
        <v>24227.196619999999</v>
      </c>
      <c r="F2229">
        <v>81253.055070000002</v>
      </c>
      <c r="G2229">
        <v>52547.74065</v>
      </c>
      <c r="H2229">
        <v>42528.89342</v>
      </c>
      <c r="I2229">
        <v>36721.219779999999</v>
      </c>
      <c r="J2229">
        <v>39237.524019999997</v>
      </c>
      <c r="K2229">
        <v>51552.028590000002</v>
      </c>
      <c r="L2229">
        <v>28658.840110000001</v>
      </c>
      <c r="M2229">
        <v>308863.07339999999</v>
      </c>
      <c r="N2229">
        <v>82158.269409999994</v>
      </c>
      <c r="O2229">
        <v>22320.329699999998</v>
      </c>
      <c r="P2229">
        <v>38855.89084</v>
      </c>
      <c r="Q2229">
        <v>88627.101200000005</v>
      </c>
      <c r="R2229">
        <v>21303.485680000002</v>
      </c>
      <c r="S2229">
        <v>90195.486489999996</v>
      </c>
      <c r="T2229">
        <v>34358.198060000002</v>
      </c>
      <c r="U2229">
        <v>16220.48357</v>
      </c>
      <c r="W2229" s="83">
        <f>Bühler!N2261</f>
        <v>45384.791666661265</v>
      </c>
      <c r="X2229" s="83">
        <v>43193.791666666664</v>
      </c>
      <c r="Y2229">
        <v>262093.97500000001</v>
      </c>
      <c r="Z2229">
        <v>24227.196619999999</v>
      </c>
      <c r="AA2229">
        <v>81253.055070000002</v>
      </c>
      <c r="AB2229">
        <v>52547.74065</v>
      </c>
      <c r="AC2229">
        <v>42528.89342</v>
      </c>
      <c r="AD2229">
        <v>36721.219779999999</v>
      </c>
      <c r="AE2229">
        <v>39237.524019999997</v>
      </c>
      <c r="AF2229">
        <v>51552.028590000002</v>
      </c>
      <c r="AG2229">
        <v>28658.840110000001</v>
      </c>
      <c r="AH2229">
        <v>308863.07339999999</v>
      </c>
      <c r="AI2229">
        <v>82158.269409999994</v>
      </c>
      <c r="AJ2229">
        <v>22320.329699999998</v>
      </c>
      <c r="AK2229">
        <v>38855.89084</v>
      </c>
      <c r="AL2229">
        <v>88627.101200000005</v>
      </c>
      <c r="AM2229">
        <v>21303.485680000002</v>
      </c>
      <c r="AN2229">
        <v>90195.486489999996</v>
      </c>
      <c r="AO2229">
        <v>34358.198060000002</v>
      </c>
      <c r="AP2229">
        <v>16220.48357</v>
      </c>
    </row>
    <row r="2230" spans="2:42" x14ac:dyDescent="0.3">
      <c r="B2230">
        <v>58.939807688273866</v>
      </c>
      <c r="C2230" s="83">
        <v>43193.833333333336</v>
      </c>
      <c r="D2230">
        <v>255224.8211</v>
      </c>
      <c r="E2230">
        <v>19179.6859</v>
      </c>
      <c r="F2230">
        <v>65420.059390000002</v>
      </c>
      <c r="G2230">
        <v>48434.757700000002</v>
      </c>
      <c r="H2230">
        <v>41941.431989999997</v>
      </c>
      <c r="I2230">
        <v>33582.453800000003</v>
      </c>
      <c r="J2230">
        <v>41161.323320000003</v>
      </c>
      <c r="K2230">
        <v>50702.10325</v>
      </c>
      <c r="L2230">
        <v>28259.57458</v>
      </c>
      <c r="M2230">
        <v>300502.62569999998</v>
      </c>
      <c r="N2230">
        <v>81263.561010000005</v>
      </c>
      <c r="O2230">
        <v>22733.973180000001</v>
      </c>
      <c r="P2230">
        <v>39204.908029999999</v>
      </c>
      <c r="Q2230">
        <v>85869.660959999994</v>
      </c>
      <c r="R2230">
        <v>21148.297879999998</v>
      </c>
      <c r="S2230">
        <v>84972.089959999998</v>
      </c>
      <c r="T2230">
        <v>33944.047509999997</v>
      </c>
      <c r="U2230">
        <v>16469.924439999999</v>
      </c>
      <c r="W2230" s="83">
        <f>Bühler!N2262</f>
        <v>45384.83333332793</v>
      </c>
      <c r="X2230" s="83">
        <v>43193.833333333336</v>
      </c>
      <c r="Y2230">
        <v>255224.8211</v>
      </c>
      <c r="Z2230">
        <v>19179.6859</v>
      </c>
      <c r="AA2230">
        <v>65420.059390000002</v>
      </c>
      <c r="AB2230">
        <v>48434.757700000002</v>
      </c>
      <c r="AC2230">
        <v>41941.431989999997</v>
      </c>
      <c r="AD2230">
        <v>33582.453800000003</v>
      </c>
      <c r="AE2230">
        <v>41161.323320000003</v>
      </c>
      <c r="AF2230">
        <v>50702.10325</v>
      </c>
      <c r="AG2230">
        <v>28259.57458</v>
      </c>
      <c r="AH2230">
        <v>300502.62569999998</v>
      </c>
      <c r="AI2230">
        <v>81263.561010000005</v>
      </c>
      <c r="AJ2230">
        <v>22733.973180000001</v>
      </c>
      <c r="AK2230">
        <v>39204.908029999999</v>
      </c>
      <c r="AL2230">
        <v>85869.660959999994</v>
      </c>
      <c r="AM2230">
        <v>21148.297879999998</v>
      </c>
      <c r="AN2230">
        <v>84972.089959999998</v>
      </c>
      <c r="AO2230">
        <v>33944.047509999997</v>
      </c>
      <c r="AP2230">
        <v>16469.924439999999</v>
      </c>
    </row>
    <row r="2231" spans="2:42" x14ac:dyDescent="0.3">
      <c r="B2231">
        <v>57.942455924243276</v>
      </c>
      <c r="C2231" s="83">
        <v>43193.875</v>
      </c>
      <c r="D2231">
        <v>246493.53330000001</v>
      </c>
      <c r="E2231">
        <v>16746.91649</v>
      </c>
      <c r="F2231">
        <v>57501.108070000002</v>
      </c>
      <c r="G2231">
        <v>45561.710279999999</v>
      </c>
      <c r="H2231">
        <v>40656.650580000001</v>
      </c>
      <c r="I2231">
        <v>28819.433560000001</v>
      </c>
      <c r="J2231">
        <v>40921.073279999997</v>
      </c>
      <c r="K2231">
        <v>49829.101300000002</v>
      </c>
      <c r="L2231">
        <v>26639.165260000002</v>
      </c>
      <c r="M2231">
        <v>295417.66129999998</v>
      </c>
      <c r="N2231">
        <v>79713.748489999998</v>
      </c>
      <c r="O2231">
        <v>22343.329849999998</v>
      </c>
      <c r="P2231">
        <v>38170.281280000003</v>
      </c>
      <c r="Q2231">
        <v>84800.464640000006</v>
      </c>
      <c r="R2231">
        <v>20564.331819999999</v>
      </c>
      <c r="S2231">
        <v>81666.732569999993</v>
      </c>
      <c r="T2231">
        <v>31440.629669999998</v>
      </c>
      <c r="U2231">
        <v>15650.74172</v>
      </c>
      <c r="W2231" s="83">
        <f>Bühler!N2263</f>
        <v>45384.874999994594</v>
      </c>
      <c r="X2231" s="83">
        <v>43193.875</v>
      </c>
      <c r="Y2231">
        <v>246493.53330000001</v>
      </c>
      <c r="Z2231">
        <v>16746.91649</v>
      </c>
      <c r="AA2231">
        <v>57501.108070000002</v>
      </c>
      <c r="AB2231">
        <v>45561.710279999999</v>
      </c>
      <c r="AC2231">
        <v>40656.650580000001</v>
      </c>
      <c r="AD2231">
        <v>28819.433560000001</v>
      </c>
      <c r="AE2231">
        <v>40921.073279999997</v>
      </c>
      <c r="AF2231">
        <v>49829.101300000002</v>
      </c>
      <c r="AG2231">
        <v>26639.165260000002</v>
      </c>
      <c r="AH2231">
        <v>295417.66129999998</v>
      </c>
      <c r="AI2231">
        <v>79713.748489999998</v>
      </c>
      <c r="AJ2231">
        <v>22343.329849999998</v>
      </c>
      <c r="AK2231">
        <v>38170.281280000003</v>
      </c>
      <c r="AL2231">
        <v>84800.464640000006</v>
      </c>
      <c r="AM2231">
        <v>20564.331819999999</v>
      </c>
      <c r="AN2231">
        <v>81666.732569999993</v>
      </c>
      <c r="AO2231">
        <v>31440.629669999998</v>
      </c>
      <c r="AP2231">
        <v>15650.74172</v>
      </c>
    </row>
    <row r="2232" spans="2:42" x14ac:dyDescent="0.3">
      <c r="B2232">
        <v>57.467437352468018</v>
      </c>
      <c r="C2232" s="83">
        <v>43193.916666666664</v>
      </c>
      <c r="D2232">
        <v>246123.70300000001</v>
      </c>
      <c r="E2232">
        <v>15737.10715</v>
      </c>
      <c r="F2232">
        <v>54053.35194</v>
      </c>
      <c r="G2232">
        <v>43310.987589999997</v>
      </c>
      <c r="H2232">
        <v>39938.333879999998</v>
      </c>
      <c r="I2232">
        <v>26477.543140000002</v>
      </c>
      <c r="J2232">
        <v>39740.97047</v>
      </c>
      <c r="K2232">
        <v>53201.157140000003</v>
      </c>
      <c r="L2232">
        <v>23339.715049999999</v>
      </c>
      <c r="M2232">
        <v>292995.79509999999</v>
      </c>
      <c r="N2232">
        <v>79679.723800000007</v>
      </c>
      <c r="O2232">
        <v>22665.01928</v>
      </c>
      <c r="P2232">
        <v>39218.720229999999</v>
      </c>
      <c r="Q2232">
        <v>84020.33653</v>
      </c>
      <c r="R2232">
        <v>25044.44614</v>
      </c>
      <c r="S2232">
        <v>80423.458639999997</v>
      </c>
      <c r="T2232">
        <v>27298.564989999999</v>
      </c>
      <c r="U2232">
        <v>15821.358749999999</v>
      </c>
      <c r="W2232" s="83">
        <f>Bühler!N2264</f>
        <v>45384.916666661258</v>
      </c>
      <c r="X2232" s="83">
        <v>43193.916666666664</v>
      </c>
      <c r="Y2232">
        <v>246123.70300000001</v>
      </c>
      <c r="Z2232">
        <v>15737.10715</v>
      </c>
      <c r="AA2232">
        <v>54053.35194</v>
      </c>
      <c r="AB2232">
        <v>43310.987589999997</v>
      </c>
      <c r="AC2232">
        <v>39938.333879999998</v>
      </c>
      <c r="AD2232">
        <v>26477.543140000002</v>
      </c>
      <c r="AE2232">
        <v>39740.97047</v>
      </c>
      <c r="AF2232">
        <v>53201.157140000003</v>
      </c>
      <c r="AG2232">
        <v>23339.715049999999</v>
      </c>
      <c r="AH2232">
        <v>292995.79509999999</v>
      </c>
      <c r="AI2232">
        <v>79679.723800000007</v>
      </c>
      <c r="AJ2232">
        <v>22665.01928</v>
      </c>
      <c r="AK2232">
        <v>39218.720229999999</v>
      </c>
      <c r="AL2232">
        <v>84020.33653</v>
      </c>
      <c r="AM2232">
        <v>25044.44614</v>
      </c>
      <c r="AN2232">
        <v>80423.458639999997</v>
      </c>
      <c r="AO2232">
        <v>27298.564989999999</v>
      </c>
      <c r="AP2232">
        <v>15821.358749999999</v>
      </c>
    </row>
    <row r="2233" spans="2:42" x14ac:dyDescent="0.3">
      <c r="B2233">
        <v>57.366301448959788</v>
      </c>
      <c r="C2233" s="83">
        <v>43193.958333333336</v>
      </c>
      <c r="D2233">
        <v>246041.3841</v>
      </c>
      <c r="E2233">
        <v>15347.898950000001</v>
      </c>
      <c r="F2233">
        <v>52645.917690000002</v>
      </c>
      <c r="G2233">
        <v>42413.695039999999</v>
      </c>
      <c r="H2233">
        <v>38896.6414</v>
      </c>
      <c r="I2233">
        <v>25636.70217</v>
      </c>
      <c r="J2233">
        <v>37251.37977</v>
      </c>
      <c r="K2233">
        <v>53192.126429999997</v>
      </c>
      <c r="L2233">
        <v>19785.79866</v>
      </c>
      <c r="M2233">
        <v>292480.15710000001</v>
      </c>
      <c r="N2233">
        <v>79203.62702</v>
      </c>
      <c r="O2233">
        <v>22198.13234</v>
      </c>
      <c r="P2233">
        <v>35034.617469999997</v>
      </c>
      <c r="Q2233">
        <v>83721.158920000002</v>
      </c>
      <c r="R2233">
        <v>26515.905869999999</v>
      </c>
      <c r="S2233">
        <v>78772.118900000001</v>
      </c>
      <c r="T2233">
        <v>25329.90641</v>
      </c>
      <c r="U2233">
        <v>15414.36635</v>
      </c>
      <c r="W2233" s="83">
        <f>Bühler!N2265</f>
        <v>45384.958333327922</v>
      </c>
      <c r="X2233" s="83">
        <v>43193.958333333336</v>
      </c>
      <c r="Y2233">
        <v>246041.3841</v>
      </c>
      <c r="Z2233">
        <v>15347.898950000001</v>
      </c>
      <c r="AA2233">
        <v>52645.917690000002</v>
      </c>
      <c r="AB2233">
        <v>42413.695039999999</v>
      </c>
      <c r="AC2233">
        <v>38896.6414</v>
      </c>
      <c r="AD2233">
        <v>25636.70217</v>
      </c>
      <c r="AE2233">
        <v>37251.37977</v>
      </c>
      <c r="AF2233">
        <v>53192.126429999997</v>
      </c>
      <c r="AG2233">
        <v>19785.79866</v>
      </c>
      <c r="AH2233">
        <v>292480.15710000001</v>
      </c>
      <c r="AI2233">
        <v>79203.62702</v>
      </c>
      <c r="AJ2233">
        <v>22198.13234</v>
      </c>
      <c r="AK2233">
        <v>35034.617469999997</v>
      </c>
      <c r="AL2233">
        <v>83721.158920000002</v>
      </c>
      <c r="AM2233">
        <v>26515.905869999999</v>
      </c>
      <c r="AN2233">
        <v>78772.118900000001</v>
      </c>
      <c r="AO2233">
        <v>25329.90641</v>
      </c>
      <c r="AP2233">
        <v>15414.36635</v>
      </c>
    </row>
    <row r="2234" spans="2:42" x14ac:dyDescent="0.3">
      <c r="B2234">
        <v>56.492406320274668</v>
      </c>
      <c r="C2234" s="83">
        <v>43194</v>
      </c>
      <c r="D2234">
        <v>244485.08809999999</v>
      </c>
      <c r="E2234">
        <v>14659.00864</v>
      </c>
      <c r="F2234">
        <v>51337.987309999997</v>
      </c>
      <c r="G2234">
        <v>40982.345329999996</v>
      </c>
      <c r="H2234">
        <v>38307.583409999999</v>
      </c>
      <c r="I2234">
        <v>22723.619210000001</v>
      </c>
      <c r="J2234">
        <v>35278.716780000002</v>
      </c>
      <c r="K2234">
        <v>51946.632720000001</v>
      </c>
      <c r="L2234">
        <v>17309.150119999998</v>
      </c>
      <c r="M2234">
        <v>288024.63219999999</v>
      </c>
      <c r="N2234">
        <v>79058.976460000005</v>
      </c>
      <c r="O2234">
        <v>22130.09965</v>
      </c>
      <c r="P2234">
        <v>31982.51195</v>
      </c>
      <c r="Q2234">
        <v>82433.088839999997</v>
      </c>
      <c r="R2234">
        <v>22670.676490000002</v>
      </c>
      <c r="S2234">
        <v>77518.159050000002</v>
      </c>
      <c r="T2234">
        <v>23650.720659999999</v>
      </c>
      <c r="U2234">
        <v>14795.63415</v>
      </c>
      <c r="W2234" s="83">
        <f>Bühler!N2266</f>
        <v>45384.999999994587</v>
      </c>
      <c r="X2234" s="83">
        <v>43194</v>
      </c>
      <c r="Y2234">
        <v>244485.08809999999</v>
      </c>
      <c r="Z2234">
        <v>14659.00864</v>
      </c>
      <c r="AA2234">
        <v>51337.987309999997</v>
      </c>
      <c r="AB2234">
        <v>40982.345329999996</v>
      </c>
      <c r="AC2234">
        <v>38307.583409999999</v>
      </c>
      <c r="AD2234">
        <v>22723.619210000001</v>
      </c>
      <c r="AE2234">
        <v>35278.716780000002</v>
      </c>
      <c r="AF2234">
        <v>51946.632720000001</v>
      </c>
      <c r="AG2234">
        <v>17309.150119999998</v>
      </c>
      <c r="AH2234">
        <v>288024.63219999999</v>
      </c>
      <c r="AI2234">
        <v>79058.976460000005</v>
      </c>
      <c r="AJ2234">
        <v>22130.09965</v>
      </c>
      <c r="AK2234">
        <v>31982.51195</v>
      </c>
      <c r="AL2234">
        <v>82433.088839999997</v>
      </c>
      <c r="AM2234">
        <v>22670.676490000002</v>
      </c>
      <c r="AN2234">
        <v>77518.159050000002</v>
      </c>
      <c r="AO2234">
        <v>23650.720659999999</v>
      </c>
      <c r="AP2234">
        <v>14795.63415</v>
      </c>
    </row>
    <row r="2235" spans="2:42" x14ac:dyDescent="0.3">
      <c r="B2235">
        <v>56.0811682813479</v>
      </c>
      <c r="C2235" s="83">
        <v>43194.041666666664</v>
      </c>
      <c r="D2235">
        <v>244386.3805</v>
      </c>
      <c r="E2235">
        <v>14538.92986</v>
      </c>
      <c r="F2235">
        <v>51005.468330000003</v>
      </c>
      <c r="G2235">
        <v>40108.253770000003</v>
      </c>
      <c r="H2235">
        <v>37572.722880000001</v>
      </c>
      <c r="I2235">
        <v>18848.325229999999</v>
      </c>
      <c r="J2235">
        <v>34297.884850000002</v>
      </c>
      <c r="K2235">
        <v>50029.462240000001</v>
      </c>
      <c r="L2235">
        <v>17804.29076</v>
      </c>
      <c r="M2235">
        <v>285927.94890000002</v>
      </c>
      <c r="N2235">
        <v>77366.266269999993</v>
      </c>
      <c r="O2235">
        <v>21811.773880000001</v>
      </c>
      <c r="P2235">
        <v>31324.61463</v>
      </c>
      <c r="Q2235">
        <v>83777.269100000005</v>
      </c>
      <c r="R2235">
        <v>20933.168020000001</v>
      </c>
      <c r="S2235">
        <v>76762.671090000003</v>
      </c>
      <c r="T2235">
        <v>23394.751260000001</v>
      </c>
      <c r="U2235">
        <v>15245.834650000001</v>
      </c>
      <c r="W2235" s="83">
        <f>Bühler!N2267</f>
        <v>45385.041666661251</v>
      </c>
      <c r="X2235" s="83">
        <v>43194.041666666664</v>
      </c>
      <c r="Y2235">
        <v>244386.3805</v>
      </c>
      <c r="Z2235">
        <v>14538.92986</v>
      </c>
      <c r="AA2235">
        <v>51005.468330000003</v>
      </c>
      <c r="AB2235">
        <v>40108.253770000003</v>
      </c>
      <c r="AC2235">
        <v>37572.722880000001</v>
      </c>
      <c r="AD2235">
        <v>18848.325229999999</v>
      </c>
      <c r="AE2235">
        <v>34297.884850000002</v>
      </c>
      <c r="AF2235">
        <v>50029.462240000001</v>
      </c>
      <c r="AG2235">
        <v>17804.29076</v>
      </c>
      <c r="AH2235">
        <v>285927.94890000002</v>
      </c>
      <c r="AI2235">
        <v>77366.266269999993</v>
      </c>
      <c r="AJ2235">
        <v>21811.773880000001</v>
      </c>
      <c r="AK2235">
        <v>31324.61463</v>
      </c>
      <c r="AL2235">
        <v>83777.269100000005</v>
      </c>
      <c r="AM2235">
        <v>20933.168020000001</v>
      </c>
      <c r="AN2235">
        <v>76762.671090000003</v>
      </c>
      <c r="AO2235">
        <v>23394.751260000001</v>
      </c>
      <c r="AP2235">
        <v>15245.834650000001</v>
      </c>
    </row>
    <row r="2236" spans="2:42" x14ac:dyDescent="0.3">
      <c r="B2236">
        <v>56.237535558589585</v>
      </c>
      <c r="C2236" s="83">
        <v>43194.083333333336</v>
      </c>
      <c r="D2236">
        <v>243115.1146</v>
      </c>
      <c r="E2236">
        <v>14413.99732</v>
      </c>
      <c r="F2236">
        <v>51818.441850000003</v>
      </c>
      <c r="G2236">
        <v>39736.9692</v>
      </c>
      <c r="H2236">
        <v>37764.11896</v>
      </c>
      <c r="I2236">
        <v>16916.98517</v>
      </c>
      <c r="J2236">
        <v>34068.394200000002</v>
      </c>
      <c r="K2236">
        <v>48144.242859999998</v>
      </c>
      <c r="L2236">
        <v>17943.054329999999</v>
      </c>
      <c r="M2236">
        <v>286725.18219999998</v>
      </c>
      <c r="N2236">
        <v>77414.996509999997</v>
      </c>
      <c r="O2236">
        <v>21907.071840000001</v>
      </c>
      <c r="P2236">
        <v>28703.963070000002</v>
      </c>
      <c r="Q2236">
        <v>85876.760089999996</v>
      </c>
      <c r="R2236">
        <v>21751.981589999999</v>
      </c>
      <c r="S2236">
        <v>75442.124670000005</v>
      </c>
      <c r="T2236">
        <v>22993.085869999999</v>
      </c>
      <c r="U2236">
        <v>14886.934149999999</v>
      </c>
      <c r="W2236" s="83">
        <f>Bühler!N2268</f>
        <v>45385.083333327915</v>
      </c>
      <c r="X2236" s="83">
        <v>43194.083333333336</v>
      </c>
      <c r="Y2236">
        <v>243115.1146</v>
      </c>
      <c r="Z2236">
        <v>14413.99732</v>
      </c>
      <c r="AA2236">
        <v>51818.441850000003</v>
      </c>
      <c r="AB2236">
        <v>39736.9692</v>
      </c>
      <c r="AC2236">
        <v>37764.11896</v>
      </c>
      <c r="AD2236">
        <v>16916.98517</v>
      </c>
      <c r="AE2236">
        <v>34068.394200000002</v>
      </c>
      <c r="AF2236">
        <v>48144.242859999998</v>
      </c>
      <c r="AG2236">
        <v>17943.054329999999</v>
      </c>
      <c r="AH2236">
        <v>286725.18219999998</v>
      </c>
      <c r="AI2236">
        <v>77414.996509999997</v>
      </c>
      <c r="AJ2236">
        <v>21907.071840000001</v>
      </c>
      <c r="AK2236">
        <v>28703.963070000002</v>
      </c>
      <c r="AL2236">
        <v>85876.760089999996</v>
      </c>
      <c r="AM2236">
        <v>21751.981589999999</v>
      </c>
      <c r="AN2236">
        <v>75442.124670000005</v>
      </c>
      <c r="AO2236">
        <v>22993.085869999999</v>
      </c>
      <c r="AP2236">
        <v>14886.934149999999</v>
      </c>
    </row>
    <row r="2237" spans="2:42" x14ac:dyDescent="0.3">
      <c r="B2237">
        <v>57.120280426975576</v>
      </c>
      <c r="C2237" s="83">
        <v>43194.125</v>
      </c>
      <c r="D2237">
        <v>246518.70329999999</v>
      </c>
      <c r="E2237">
        <v>14760.699720000001</v>
      </c>
      <c r="F2237">
        <v>53156.552109999997</v>
      </c>
      <c r="G2237">
        <v>39035.641219999998</v>
      </c>
      <c r="H2237">
        <v>37289.619480000001</v>
      </c>
      <c r="I2237">
        <v>16291.91541</v>
      </c>
      <c r="J2237">
        <v>34021.301939999998</v>
      </c>
      <c r="K2237">
        <v>46362.507310000001</v>
      </c>
      <c r="L2237">
        <v>17875.022649999999</v>
      </c>
      <c r="M2237">
        <v>291225.8272</v>
      </c>
      <c r="N2237">
        <v>77698.637329999998</v>
      </c>
      <c r="O2237">
        <v>21730.770240000002</v>
      </c>
      <c r="P2237">
        <v>28350.232309999999</v>
      </c>
      <c r="Q2237">
        <v>89891.603749999995</v>
      </c>
      <c r="R2237">
        <v>21820.59432</v>
      </c>
      <c r="S2237">
        <v>74938.132429999998</v>
      </c>
      <c r="T2237">
        <v>22821.47638</v>
      </c>
      <c r="U2237">
        <v>14966.58656</v>
      </c>
      <c r="W2237" s="83">
        <f>Bühler!N2269</f>
        <v>45385.124999994579</v>
      </c>
      <c r="X2237" s="83">
        <v>43194.125</v>
      </c>
      <c r="Y2237">
        <v>246518.70329999999</v>
      </c>
      <c r="Z2237">
        <v>14760.699720000001</v>
      </c>
      <c r="AA2237">
        <v>53156.552109999997</v>
      </c>
      <c r="AB2237">
        <v>39035.641219999998</v>
      </c>
      <c r="AC2237">
        <v>37289.619480000001</v>
      </c>
      <c r="AD2237">
        <v>16291.91541</v>
      </c>
      <c r="AE2237">
        <v>34021.301939999998</v>
      </c>
      <c r="AF2237">
        <v>46362.507310000001</v>
      </c>
      <c r="AG2237">
        <v>17875.022649999999</v>
      </c>
      <c r="AH2237">
        <v>291225.8272</v>
      </c>
      <c r="AI2237">
        <v>77698.637329999998</v>
      </c>
      <c r="AJ2237">
        <v>21730.770240000002</v>
      </c>
      <c r="AK2237">
        <v>28350.232309999999</v>
      </c>
      <c r="AL2237">
        <v>89891.603749999995</v>
      </c>
      <c r="AM2237">
        <v>21820.59432</v>
      </c>
      <c r="AN2237">
        <v>74938.132429999998</v>
      </c>
      <c r="AO2237">
        <v>22821.47638</v>
      </c>
      <c r="AP2237">
        <v>14966.58656</v>
      </c>
    </row>
    <row r="2238" spans="2:42" x14ac:dyDescent="0.3">
      <c r="B2238">
        <v>58.501576963553035</v>
      </c>
      <c r="C2238" s="83">
        <v>43194.166666666664</v>
      </c>
      <c r="D2238">
        <v>248630.43599999999</v>
      </c>
      <c r="E2238">
        <v>15279.48618</v>
      </c>
      <c r="F2238">
        <v>56702.861810000002</v>
      </c>
      <c r="G2238">
        <v>39230.463150000003</v>
      </c>
      <c r="H2238">
        <v>38734.138870000002</v>
      </c>
      <c r="I2238">
        <v>19039.43778</v>
      </c>
      <c r="J2238">
        <v>36207.395490000003</v>
      </c>
      <c r="K2238">
        <v>45666.97984</v>
      </c>
      <c r="L2238">
        <v>17806.791369999999</v>
      </c>
      <c r="M2238">
        <v>298268.3211</v>
      </c>
      <c r="N2238">
        <v>77333.696460000006</v>
      </c>
      <c r="O2238">
        <v>22689.160380000001</v>
      </c>
      <c r="P2238">
        <v>27958.483909999999</v>
      </c>
      <c r="Q2238">
        <v>92440.777549999999</v>
      </c>
      <c r="R2238">
        <v>21894.138900000002</v>
      </c>
      <c r="S2238">
        <v>75280.622829999993</v>
      </c>
      <c r="T2238">
        <v>23116.57749</v>
      </c>
      <c r="U2238">
        <v>15795.360060000001</v>
      </c>
      <c r="W2238" s="83">
        <f>Bühler!N2270</f>
        <v>45385.166666661244</v>
      </c>
      <c r="X2238" s="83">
        <v>43194.166666666664</v>
      </c>
      <c r="Y2238">
        <v>248630.43599999999</v>
      </c>
      <c r="Z2238">
        <v>15279.48618</v>
      </c>
      <c r="AA2238">
        <v>56702.861810000002</v>
      </c>
      <c r="AB2238">
        <v>39230.463150000003</v>
      </c>
      <c r="AC2238">
        <v>38734.138870000002</v>
      </c>
      <c r="AD2238">
        <v>19039.43778</v>
      </c>
      <c r="AE2238">
        <v>36207.395490000003</v>
      </c>
      <c r="AF2238">
        <v>45666.97984</v>
      </c>
      <c r="AG2238">
        <v>17806.791369999999</v>
      </c>
      <c r="AH2238">
        <v>298268.3211</v>
      </c>
      <c r="AI2238">
        <v>77333.696460000006</v>
      </c>
      <c r="AJ2238">
        <v>22689.160380000001</v>
      </c>
      <c r="AK2238">
        <v>27958.483909999999</v>
      </c>
      <c r="AL2238">
        <v>92440.777549999999</v>
      </c>
      <c r="AM2238">
        <v>21894.138900000002</v>
      </c>
      <c r="AN2238">
        <v>75280.622829999993</v>
      </c>
      <c r="AO2238">
        <v>23116.57749</v>
      </c>
      <c r="AP2238">
        <v>15795.360060000001</v>
      </c>
    </row>
    <row r="2239" spans="2:42" x14ac:dyDescent="0.3">
      <c r="B2239">
        <v>61.400876911531149</v>
      </c>
      <c r="C2239" s="83">
        <v>43194.208333333336</v>
      </c>
      <c r="D2239">
        <v>264314.74099999998</v>
      </c>
      <c r="E2239">
        <v>17556.124189999999</v>
      </c>
      <c r="F2239">
        <v>67866.585500000001</v>
      </c>
      <c r="G2239">
        <v>42130.29406</v>
      </c>
      <c r="H2239">
        <v>40289.636330000001</v>
      </c>
      <c r="I2239">
        <v>28257.852149999999</v>
      </c>
      <c r="J2239">
        <v>39217.514230000001</v>
      </c>
      <c r="K2239">
        <v>45510.572410000001</v>
      </c>
      <c r="L2239">
        <v>18647.22813</v>
      </c>
      <c r="M2239">
        <v>313050.30430000002</v>
      </c>
      <c r="N2239">
        <v>78969.148449999993</v>
      </c>
      <c r="O2239">
        <v>23203.181039999999</v>
      </c>
      <c r="P2239">
        <v>29139.487120000002</v>
      </c>
      <c r="Q2239">
        <v>95599.723759999993</v>
      </c>
      <c r="R2239">
        <v>25175.904310000002</v>
      </c>
      <c r="S2239">
        <v>78637.812139999995</v>
      </c>
      <c r="T2239">
        <v>25142.24454</v>
      </c>
      <c r="U2239">
        <v>18560.962299999999</v>
      </c>
      <c r="W2239" s="83">
        <f>Bühler!N2271</f>
        <v>45385.208333327908</v>
      </c>
      <c r="X2239" s="83">
        <v>43194.208333333336</v>
      </c>
      <c r="Y2239">
        <v>264314.74099999998</v>
      </c>
      <c r="Z2239">
        <v>17556.124189999999</v>
      </c>
      <c r="AA2239">
        <v>67866.585500000001</v>
      </c>
      <c r="AB2239">
        <v>42130.29406</v>
      </c>
      <c r="AC2239">
        <v>40289.636330000001</v>
      </c>
      <c r="AD2239">
        <v>28257.852149999999</v>
      </c>
      <c r="AE2239">
        <v>39217.514230000001</v>
      </c>
      <c r="AF2239">
        <v>45510.572410000001</v>
      </c>
      <c r="AG2239">
        <v>18647.22813</v>
      </c>
      <c r="AH2239">
        <v>313050.30430000002</v>
      </c>
      <c r="AI2239">
        <v>78969.148449999993</v>
      </c>
      <c r="AJ2239">
        <v>23203.181039999999</v>
      </c>
      <c r="AK2239">
        <v>29139.487120000002</v>
      </c>
      <c r="AL2239">
        <v>95599.723759999993</v>
      </c>
      <c r="AM2239">
        <v>25175.904310000002</v>
      </c>
      <c r="AN2239">
        <v>78637.812139999995</v>
      </c>
      <c r="AO2239">
        <v>25142.24454</v>
      </c>
      <c r="AP2239">
        <v>18560.962299999999</v>
      </c>
    </row>
    <row r="2240" spans="2:42" x14ac:dyDescent="0.3">
      <c r="B2240">
        <v>65.030129074624298</v>
      </c>
      <c r="C2240" s="83">
        <v>43194.25</v>
      </c>
      <c r="D2240">
        <v>281449.05579999997</v>
      </c>
      <c r="E2240">
        <v>22507.038089999998</v>
      </c>
      <c r="F2240">
        <v>79999.45491</v>
      </c>
      <c r="G2240">
        <v>54909.300450000002</v>
      </c>
      <c r="H2240">
        <v>44200.222110000002</v>
      </c>
      <c r="I2240">
        <v>38088.061840000002</v>
      </c>
      <c r="J2240">
        <v>43857.769679999998</v>
      </c>
      <c r="K2240">
        <v>48913.244550000003</v>
      </c>
      <c r="L2240">
        <v>20705.127629999999</v>
      </c>
      <c r="M2240">
        <v>331553.92430000001</v>
      </c>
      <c r="N2240">
        <v>82956.033039999995</v>
      </c>
      <c r="O2240">
        <v>24212.051309999999</v>
      </c>
      <c r="P2240">
        <v>30140.83871</v>
      </c>
      <c r="Q2240">
        <v>97035.409119999997</v>
      </c>
      <c r="R2240">
        <v>20204.231800000001</v>
      </c>
      <c r="S2240">
        <v>87810.550499999998</v>
      </c>
      <c r="T2240">
        <v>27927.47394</v>
      </c>
      <c r="U2240">
        <v>21366.595270000002</v>
      </c>
      <c r="W2240" s="83">
        <f>Bühler!N2272</f>
        <v>45385.249999994572</v>
      </c>
      <c r="X2240" s="83">
        <v>43194.25</v>
      </c>
      <c r="Y2240">
        <v>281449.05579999997</v>
      </c>
      <c r="Z2240">
        <v>22507.038089999998</v>
      </c>
      <c r="AA2240">
        <v>79999.45491</v>
      </c>
      <c r="AB2240">
        <v>54909.300450000002</v>
      </c>
      <c r="AC2240">
        <v>44200.222110000002</v>
      </c>
      <c r="AD2240">
        <v>38088.061840000002</v>
      </c>
      <c r="AE2240">
        <v>43857.769679999998</v>
      </c>
      <c r="AF2240">
        <v>48913.244550000003</v>
      </c>
      <c r="AG2240">
        <v>20705.127629999999</v>
      </c>
      <c r="AH2240">
        <v>331553.92430000001</v>
      </c>
      <c r="AI2240">
        <v>82956.033039999995</v>
      </c>
      <c r="AJ2240">
        <v>24212.051309999999</v>
      </c>
      <c r="AK2240">
        <v>30140.83871</v>
      </c>
      <c r="AL2240">
        <v>97035.409119999997</v>
      </c>
      <c r="AM2240">
        <v>20204.231800000001</v>
      </c>
      <c r="AN2240">
        <v>87810.550499999998</v>
      </c>
      <c r="AO2240">
        <v>27927.47394</v>
      </c>
      <c r="AP2240">
        <v>21366.595270000002</v>
      </c>
    </row>
    <row r="2241" spans="2:42" x14ac:dyDescent="0.3">
      <c r="B2241">
        <v>67.581355684273902</v>
      </c>
      <c r="C2241" s="83">
        <v>43194.291666666664</v>
      </c>
      <c r="D2241">
        <v>294631.72619999998</v>
      </c>
      <c r="E2241">
        <v>27385.290529999998</v>
      </c>
      <c r="F2241">
        <v>83380.994279999999</v>
      </c>
      <c r="G2241">
        <v>68048.056200000006</v>
      </c>
      <c r="H2241">
        <v>49351.547769999997</v>
      </c>
      <c r="I2241">
        <v>46568.350830000003</v>
      </c>
      <c r="J2241">
        <v>45068.550640000001</v>
      </c>
      <c r="K2241">
        <v>54894.725270000003</v>
      </c>
      <c r="L2241">
        <v>23585.514459999999</v>
      </c>
      <c r="M2241">
        <v>344561.26730000001</v>
      </c>
      <c r="N2241">
        <v>88500.980939999994</v>
      </c>
      <c r="O2241">
        <v>27362.795689999999</v>
      </c>
      <c r="P2241">
        <v>34704.834340000001</v>
      </c>
      <c r="Q2241">
        <v>97153.951199999996</v>
      </c>
      <c r="R2241">
        <v>21514.234479999999</v>
      </c>
      <c r="S2241">
        <v>102854.1648</v>
      </c>
      <c r="T2241">
        <v>30976.385630000001</v>
      </c>
      <c r="U2241">
        <v>25861.615000000002</v>
      </c>
      <c r="W2241" s="83">
        <f>Bühler!N2273</f>
        <v>45385.291666661236</v>
      </c>
      <c r="X2241" s="83">
        <v>43194.291666666664</v>
      </c>
      <c r="Y2241">
        <v>294631.72619999998</v>
      </c>
      <c r="Z2241">
        <v>27385.290529999998</v>
      </c>
      <c r="AA2241">
        <v>83380.994279999999</v>
      </c>
      <c r="AB2241">
        <v>68048.056200000006</v>
      </c>
      <c r="AC2241">
        <v>49351.547769999997</v>
      </c>
      <c r="AD2241">
        <v>46568.350830000003</v>
      </c>
      <c r="AE2241">
        <v>45068.550640000001</v>
      </c>
      <c r="AF2241">
        <v>54894.725270000003</v>
      </c>
      <c r="AG2241">
        <v>23585.514459999999</v>
      </c>
      <c r="AH2241">
        <v>344561.26730000001</v>
      </c>
      <c r="AI2241">
        <v>88500.980939999994</v>
      </c>
      <c r="AJ2241">
        <v>27362.795689999999</v>
      </c>
      <c r="AK2241">
        <v>34704.834340000001</v>
      </c>
      <c r="AL2241">
        <v>97153.951199999996</v>
      </c>
      <c r="AM2241">
        <v>21514.234479999999</v>
      </c>
      <c r="AN2241">
        <v>102854.1648</v>
      </c>
      <c r="AO2241">
        <v>30976.385630000001</v>
      </c>
      <c r="AP2241">
        <v>25861.615000000002</v>
      </c>
    </row>
    <row r="2242" spans="2:42" x14ac:dyDescent="0.3">
      <c r="B2242">
        <v>67.998938140880526</v>
      </c>
      <c r="C2242" s="83">
        <v>43194.333333333336</v>
      </c>
      <c r="D2242">
        <v>306302.31060000003</v>
      </c>
      <c r="E2242">
        <v>33354.877379999998</v>
      </c>
      <c r="F2242">
        <v>89423.065950000004</v>
      </c>
      <c r="G2242">
        <v>83605.507249999995</v>
      </c>
      <c r="H2242">
        <v>54444.101949999997</v>
      </c>
      <c r="I2242">
        <v>48539.53385</v>
      </c>
      <c r="J2242">
        <v>45447.266839999997</v>
      </c>
      <c r="K2242">
        <v>61334.6348</v>
      </c>
      <c r="L2242">
        <v>25956.112160000001</v>
      </c>
      <c r="M2242">
        <v>346690.29739999998</v>
      </c>
      <c r="N2242">
        <v>93144.936579999994</v>
      </c>
      <c r="O2242">
        <v>28867.44526</v>
      </c>
      <c r="P2242">
        <v>36845.60843</v>
      </c>
      <c r="Q2242">
        <v>97238.692819999997</v>
      </c>
      <c r="R2242">
        <v>23480.66893</v>
      </c>
      <c r="S2242">
        <v>116363.4201</v>
      </c>
      <c r="T2242">
        <v>35058.28961</v>
      </c>
      <c r="U2242">
        <v>29185.541580000001</v>
      </c>
      <c r="W2242" s="83">
        <f>Bühler!N2274</f>
        <v>45385.333333327901</v>
      </c>
      <c r="X2242" s="83">
        <v>43194.333333333336</v>
      </c>
      <c r="Y2242">
        <v>306302.31060000003</v>
      </c>
      <c r="Z2242">
        <v>33354.877379999998</v>
      </c>
      <c r="AA2242">
        <v>89423.065950000004</v>
      </c>
      <c r="AB2242">
        <v>83605.507249999995</v>
      </c>
      <c r="AC2242">
        <v>54444.101949999997</v>
      </c>
      <c r="AD2242">
        <v>48539.53385</v>
      </c>
      <c r="AE2242">
        <v>45447.266839999997</v>
      </c>
      <c r="AF2242">
        <v>61334.6348</v>
      </c>
      <c r="AG2242">
        <v>25956.112160000001</v>
      </c>
      <c r="AH2242">
        <v>346690.29739999998</v>
      </c>
      <c r="AI2242">
        <v>93144.936579999994</v>
      </c>
      <c r="AJ2242">
        <v>28867.44526</v>
      </c>
      <c r="AK2242">
        <v>36845.60843</v>
      </c>
      <c r="AL2242">
        <v>97238.692819999997</v>
      </c>
      <c r="AM2242">
        <v>23480.66893</v>
      </c>
      <c r="AN2242">
        <v>116363.4201</v>
      </c>
      <c r="AO2242">
        <v>35058.28961</v>
      </c>
      <c r="AP2242">
        <v>29185.541580000001</v>
      </c>
    </row>
    <row r="2243" spans="2:42" x14ac:dyDescent="0.3">
      <c r="B2243">
        <v>67.675596043584719</v>
      </c>
      <c r="C2243" s="83">
        <v>43194.375</v>
      </c>
      <c r="D2243">
        <v>305694.57620000001</v>
      </c>
      <c r="E2243">
        <v>37627.298179999998</v>
      </c>
      <c r="F2243">
        <v>96044.357260000004</v>
      </c>
      <c r="G2243">
        <v>91386.999259999997</v>
      </c>
      <c r="H2243">
        <v>56624.26756</v>
      </c>
      <c r="I2243">
        <v>46720.379050000003</v>
      </c>
      <c r="J2243">
        <v>45802.004549999998</v>
      </c>
      <c r="K2243">
        <v>62885.353080000001</v>
      </c>
      <c r="L2243">
        <v>28739.93691</v>
      </c>
      <c r="M2243">
        <v>345041.74859999999</v>
      </c>
      <c r="N2243">
        <v>96590.505080000003</v>
      </c>
      <c r="O2243">
        <v>29622.620309999998</v>
      </c>
      <c r="P2243">
        <v>38177.669990000002</v>
      </c>
      <c r="Q2243">
        <v>97213.389970000004</v>
      </c>
      <c r="R2243">
        <v>24858.818039999998</v>
      </c>
      <c r="S2243">
        <v>122747.2371</v>
      </c>
      <c r="T2243">
        <v>37341.724439999998</v>
      </c>
      <c r="U2243">
        <v>28461.961859999999</v>
      </c>
      <c r="W2243" s="83">
        <f>Bühler!N2275</f>
        <v>45385.374999994565</v>
      </c>
      <c r="X2243" s="83">
        <v>43194.375</v>
      </c>
      <c r="Y2243">
        <v>305694.57620000001</v>
      </c>
      <c r="Z2243">
        <v>37627.298179999998</v>
      </c>
      <c r="AA2243">
        <v>96044.357260000004</v>
      </c>
      <c r="AB2243">
        <v>91386.999259999997</v>
      </c>
      <c r="AC2243">
        <v>56624.26756</v>
      </c>
      <c r="AD2243">
        <v>46720.379050000003</v>
      </c>
      <c r="AE2243">
        <v>45802.004549999998</v>
      </c>
      <c r="AF2243">
        <v>62885.353080000001</v>
      </c>
      <c r="AG2243">
        <v>28739.93691</v>
      </c>
      <c r="AH2243">
        <v>345041.74859999999</v>
      </c>
      <c r="AI2243">
        <v>96590.505080000003</v>
      </c>
      <c r="AJ2243">
        <v>29622.620309999998</v>
      </c>
      <c r="AK2243">
        <v>38177.669990000002</v>
      </c>
      <c r="AL2243">
        <v>97213.389970000004</v>
      </c>
      <c r="AM2243">
        <v>24858.818039999998</v>
      </c>
      <c r="AN2243">
        <v>122747.2371</v>
      </c>
      <c r="AO2243">
        <v>37341.724439999998</v>
      </c>
      <c r="AP2243">
        <v>28461.961859999999</v>
      </c>
    </row>
    <row r="2244" spans="2:42" x14ac:dyDescent="0.3">
      <c r="B2244">
        <v>68.166329282208068</v>
      </c>
      <c r="C2244" s="83">
        <v>43194.416666666664</v>
      </c>
      <c r="D2244">
        <v>307126.16350000002</v>
      </c>
      <c r="E2244">
        <v>38985.177029999999</v>
      </c>
      <c r="F2244">
        <v>96224.400659999999</v>
      </c>
      <c r="G2244">
        <v>90753.089430000007</v>
      </c>
      <c r="H2244">
        <v>56626.830979999999</v>
      </c>
      <c r="I2244">
        <v>42221.288869999997</v>
      </c>
      <c r="J2244">
        <v>44398.743219999997</v>
      </c>
      <c r="K2244">
        <v>63956.64271</v>
      </c>
      <c r="L2244">
        <v>32289.854770000002</v>
      </c>
      <c r="M2244">
        <v>347543.73550000001</v>
      </c>
      <c r="N2244">
        <v>99275.451060000007</v>
      </c>
      <c r="O2244">
        <v>29891.839650000002</v>
      </c>
      <c r="P2244">
        <v>38704.068749999999</v>
      </c>
      <c r="Q2244">
        <v>98356.120379999993</v>
      </c>
      <c r="R2244">
        <v>25589.556659999998</v>
      </c>
      <c r="S2244">
        <v>123795.50109999999</v>
      </c>
      <c r="T2244">
        <v>38141.184300000001</v>
      </c>
      <c r="U2244">
        <v>27358.35022</v>
      </c>
      <c r="W2244" s="83">
        <f>Bühler!N2276</f>
        <v>45385.416666661229</v>
      </c>
      <c r="X2244" s="83">
        <v>43194.416666666664</v>
      </c>
      <c r="Y2244">
        <v>307126.16350000002</v>
      </c>
      <c r="Z2244">
        <v>38985.177029999999</v>
      </c>
      <c r="AA2244">
        <v>96224.400659999999</v>
      </c>
      <c r="AB2244">
        <v>90753.089430000007</v>
      </c>
      <c r="AC2244">
        <v>56626.830979999999</v>
      </c>
      <c r="AD2244">
        <v>42221.288869999997</v>
      </c>
      <c r="AE2244">
        <v>44398.743219999997</v>
      </c>
      <c r="AF2244">
        <v>63956.64271</v>
      </c>
      <c r="AG2244">
        <v>32289.854770000002</v>
      </c>
      <c r="AH2244">
        <v>347543.73550000001</v>
      </c>
      <c r="AI2244">
        <v>99275.451060000007</v>
      </c>
      <c r="AJ2244">
        <v>29891.839650000002</v>
      </c>
      <c r="AK2244">
        <v>38704.068749999999</v>
      </c>
      <c r="AL2244">
        <v>98356.120379999993</v>
      </c>
      <c r="AM2244">
        <v>25589.556659999998</v>
      </c>
      <c r="AN2244">
        <v>123795.50109999999</v>
      </c>
      <c r="AO2244">
        <v>38141.184300000001</v>
      </c>
      <c r="AP2244">
        <v>27358.35022</v>
      </c>
    </row>
    <row r="2245" spans="2:42" x14ac:dyDescent="0.3">
      <c r="B2245">
        <v>68.353625762355804</v>
      </c>
      <c r="C2245" s="83">
        <v>43194.458333333336</v>
      </c>
      <c r="D2245">
        <v>305124.4449</v>
      </c>
      <c r="E2245">
        <v>38256.426119999996</v>
      </c>
      <c r="F2245">
        <v>96736.02162</v>
      </c>
      <c r="G2245">
        <v>86937.852639999997</v>
      </c>
      <c r="H2245">
        <v>55603.06007</v>
      </c>
      <c r="I2245">
        <v>41162.236290000001</v>
      </c>
      <c r="J2245">
        <v>44610.507310000001</v>
      </c>
      <c r="K2245">
        <v>64425.564259999999</v>
      </c>
      <c r="L2245">
        <v>33390.112690000002</v>
      </c>
      <c r="M2245">
        <v>348498.66029999999</v>
      </c>
      <c r="N2245">
        <v>99676.349660000007</v>
      </c>
      <c r="O2245">
        <v>29300.013319999998</v>
      </c>
      <c r="P2245">
        <v>38118.378550000001</v>
      </c>
      <c r="Q2245">
        <v>98255.089949999994</v>
      </c>
      <c r="R2245">
        <v>27562.43059</v>
      </c>
      <c r="S2245">
        <v>125285.9004</v>
      </c>
      <c r="T2245">
        <v>38358.602050000001</v>
      </c>
      <c r="U2245">
        <v>26201.653200000001</v>
      </c>
      <c r="W2245" s="83">
        <f>Bühler!N2277</f>
        <v>45385.458333327893</v>
      </c>
      <c r="X2245" s="83">
        <v>43194.458333333336</v>
      </c>
      <c r="Y2245">
        <v>305124.4449</v>
      </c>
      <c r="Z2245">
        <v>38256.426119999996</v>
      </c>
      <c r="AA2245">
        <v>96736.02162</v>
      </c>
      <c r="AB2245">
        <v>86937.852639999997</v>
      </c>
      <c r="AC2245">
        <v>55603.06007</v>
      </c>
      <c r="AD2245">
        <v>41162.236290000001</v>
      </c>
      <c r="AE2245">
        <v>44610.507310000001</v>
      </c>
      <c r="AF2245">
        <v>64425.564259999999</v>
      </c>
      <c r="AG2245">
        <v>33390.112690000002</v>
      </c>
      <c r="AH2245">
        <v>348498.66029999999</v>
      </c>
      <c r="AI2245">
        <v>99676.349660000007</v>
      </c>
      <c r="AJ2245">
        <v>29300.013319999998</v>
      </c>
      <c r="AK2245">
        <v>38118.378550000001</v>
      </c>
      <c r="AL2245">
        <v>98255.089949999994</v>
      </c>
      <c r="AM2245">
        <v>27562.43059</v>
      </c>
      <c r="AN2245">
        <v>125285.9004</v>
      </c>
      <c r="AO2245">
        <v>38358.602050000001</v>
      </c>
      <c r="AP2245">
        <v>26201.653200000001</v>
      </c>
    </row>
    <row r="2246" spans="2:42" x14ac:dyDescent="0.3">
      <c r="B2246">
        <v>67.55459546054206</v>
      </c>
      <c r="C2246" s="83">
        <v>43194.5</v>
      </c>
      <c r="D2246">
        <v>293533.94780000002</v>
      </c>
      <c r="E2246">
        <v>34159.234920000003</v>
      </c>
      <c r="F2246">
        <v>89792.029169999994</v>
      </c>
      <c r="G2246">
        <v>81198.148300000001</v>
      </c>
      <c r="H2246">
        <v>52574.523139999998</v>
      </c>
      <c r="I2246">
        <v>40450.132039999997</v>
      </c>
      <c r="J2246">
        <v>44186.86477</v>
      </c>
      <c r="K2246">
        <v>60704.131029999997</v>
      </c>
      <c r="L2246">
        <v>35965.383410000002</v>
      </c>
      <c r="M2246">
        <v>344424.83120000002</v>
      </c>
      <c r="N2246">
        <v>96856.742939999996</v>
      </c>
      <c r="O2246">
        <v>26998.386470000001</v>
      </c>
      <c r="P2246">
        <v>38522.243029999998</v>
      </c>
      <c r="Q2246">
        <v>96574.184739999997</v>
      </c>
      <c r="R2246">
        <v>26556.557980000001</v>
      </c>
      <c r="S2246">
        <v>116268.5184</v>
      </c>
      <c r="T2246">
        <v>37559.967170000004</v>
      </c>
      <c r="U2246">
        <v>21041.987229999999</v>
      </c>
      <c r="W2246" s="83">
        <f>Bühler!N2278</f>
        <v>45385.499999994558</v>
      </c>
      <c r="X2246" s="83">
        <v>43194.5</v>
      </c>
      <c r="Y2246">
        <v>293533.94780000002</v>
      </c>
      <c r="Z2246">
        <v>34159.234920000003</v>
      </c>
      <c r="AA2246">
        <v>89792.029169999994</v>
      </c>
      <c r="AB2246">
        <v>81198.148300000001</v>
      </c>
      <c r="AC2246">
        <v>52574.523139999998</v>
      </c>
      <c r="AD2246">
        <v>40450.132039999997</v>
      </c>
      <c r="AE2246">
        <v>44186.86477</v>
      </c>
      <c r="AF2246">
        <v>60704.131029999997</v>
      </c>
      <c r="AG2246">
        <v>35965.383410000002</v>
      </c>
      <c r="AH2246">
        <v>344424.83120000002</v>
      </c>
      <c r="AI2246">
        <v>96856.742939999996</v>
      </c>
      <c r="AJ2246">
        <v>26998.386470000001</v>
      </c>
      <c r="AK2246">
        <v>38522.243029999998</v>
      </c>
      <c r="AL2246">
        <v>96574.184739999997</v>
      </c>
      <c r="AM2246">
        <v>26556.557980000001</v>
      </c>
      <c r="AN2246">
        <v>116268.5184</v>
      </c>
      <c r="AO2246">
        <v>37559.967170000004</v>
      </c>
      <c r="AP2246">
        <v>21041.987229999999</v>
      </c>
    </row>
    <row r="2247" spans="2:42" x14ac:dyDescent="0.3">
      <c r="B2247">
        <v>67.075237681931611</v>
      </c>
      <c r="C2247" s="83">
        <v>43194.541666666664</v>
      </c>
      <c r="D2247">
        <v>293806.29489999998</v>
      </c>
      <c r="E2247">
        <v>34086.225910000001</v>
      </c>
      <c r="F2247">
        <v>85665.125209999998</v>
      </c>
      <c r="G2247">
        <v>74694.826780000003</v>
      </c>
      <c r="H2247">
        <v>52689.676700000004</v>
      </c>
      <c r="I2247">
        <v>39431.439359999997</v>
      </c>
      <c r="J2247">
        <v>42902.354639999998</v>
      </c>
      <c r="K2247">
        <v>63737.879229999999</v>
      </c>
      <c r="L2247">
        <v>34144.113469999997</v>
      </c>
      <c r="M2247">
        <v>341980.84169999999</v>
      </c>
      <c r="N2247">
        <v>97420.974100000007</v>
      </c>
      <c r="O2247">
        <v>27508.780630000001</v>
      </c>
      <c r="P2247">
        <v>37394.693429999999</v>
      </c>
      <c r="Q2247">
        <v>95197.796929999997</v>
      </c>
      <c r="R2247">
        <v>26259.567849999999</v>
      </c>
      <c r="S2247">
        <v>116169.6153</v>
      </c>
      <c r="T2247">
        <v>36991.314270000003</v>
      </c>
      <c r="U2247">
        <v>23792.827440000001</v>
      </c>
      <c r="W2247" s="83">
        <f>Bühler!N2279</f>
        <v>45385.541666661222</v>
      </c>
      <c r="X2247" s="83">
        <v>43194.541666666664</v>
      </c>
      <c r="Y2247">
        <v>293806.29489999998</v>
      </c>
      <c r="Z2247">
        <v>34086.225910000001</v>
      </c>
      <c r="AA2247">
        <v>85665.125209999998</v>
      </c>
      <c r="AB2247">
        <v>74694.826780000003</v>
      </c>
      <c r="AC2247">
        <v>52689.676700000004</v>
      </c>
      <c r="AD2247">
        <v>39431.439359999997</v>
      </c>
      <c r="AE2247">
        <v>42902.354639999998</v>
      </c>
      <c r="AF2247">
        <v>63737.879229999999</v>
      </c>
      <c r="AG2247">
        <v>34144.113469999997</v>
      </c>
      <c r="AH2247">
        <v>341980.84169999999</v>
      </c>
      <c r="AI2247">
        <v>97420.974100000007</v>
      </c>
      <c r="AJ2247">
        <v>27508.780630000001</v>
      </c>
      <c r="AK2247">
        <v>37394.693429999999</v>
      </c>
      <c r="AL2247">
        <v>95197.796929999997</v>
      </c>
      <c r="AM2247">
        <v>26259.567849999999</v>
      </c>
      <c r="AN2247">
        <v>116169.6153</v>
      </c>
      <c r="AO2247">
        <v>36991.314270000003</v>
      </c>
      <c r="AP2247">
        <v>23792.827440000001</v>
      </c>
    </row>
    <row r="2248" spans="2:42" x14ac:dyDescent="0.3">
      <c r="B2248">
        <v>67.009379720442894</v>
      </c>
      <c r="C2248" s="83">
        <v>43194.583333333336</v>
      </c>
      <c r="D2248">
        <v>297835.5221</v>
      </c>
      <c r="E2248">
        <v>36952.614540000002</v>
      </c>
      <c r="F2248">
        <v>93268.737040000007</v>
      </c>
      <c r="G2248">
        <v>71091.354160000003</v>
      </c>
      <c r="H2248">
        <v>52894.440710000003</v>
      </c>
      <c r="I2248">
        <v>39473.725729999998</v>
      </c>
      <c r="J2248">
        <v>41923.756679999999</v>
      </c>
      <c r="K2248">
        <v>65453.104610000002</v>
      </c>
      <c r="L2248">
        <v>30489.73343</v>
      </c>
      <c r="M2248">
        <v>341645.06709999999</v>
      </c>
      <c r="N2248">
        <v>99280.542650000003</v>
      </c>
      <c r="O2248">
        <v>27288.717339999999</v>
      </c>
      <c r="P2248">
        <v>33258.590230000002</v>
      </c>
      <c r="Q2248">
        <v>92510.014920000001</v>
      </c>
      <c r="R2248">
        <v>25381.543280000002</v>
      </c>
      <c r="S2248">
        <v>110732.04610000001</v>
      </c>
      <c r="T2248">
        <v>35503.106529999997</v>
      </c>
      <c r="U2248">
        <v>24174.692660000001</v>
      </c>
      <c r="W2248" s="83">
        <f>Bühler!N2280</f>
        <v>45385.583333327886</v>
      </c>
      <c r="X2248" s="83">
        <v>43194.583333333336</v>
      </c>
      <c r="Y2248">
        <v>297835.5221</v>
      </c>
      <c r="Z2248">
        <v>36952.614540000002</v>
      </c>
      <c r="AA2248">
        <v>93268.737040000007</v>
      </c>
      <c r="AB2248">
        <v>71091.354160000003</v>
      </c>
      <c r="AC2248">
        <v>52894.440710000003</v>
      </c>
      <c r="AD2248">
        <v>39473.725729999998</v>
      </c>
      <c r="AE2248">
        <v>41923.756679999999</v>
      </c>
      <c r="AF2248">
        <v>65453.104610000002</v>
      </c>
      <c r="AG2248">
        <v>30489.73343</v>
      </c>
      <c r="AH2248">
        <v>341645.06709999999</v>
      </c>
      <c r="AI2248">
        <v>99280.542650000003</v>
      </c>
      <c r="AJ2248">
        <v>27288.717339999999</v>
      </c>
      <c r="AK2248">
        <v>33258.590230000002</v>
      </c>
      <c r="AL2248">
        <v>92510.014920000001</v>
      </c>
      <c r="AM2248">
        <v>25381.543280000002</v>
      </c>
      <c r="AN2248">
        <v>110732.04610000001</v>
      </c>
      <c r="AO2248">
        <v>35503.106529999997</v>
      </c>
      <c r="AP2248">
        <v>24174.692660000001</v>
      </c>
    </row>
    <row r="2249" spans="2:42" x14ac:dyDescent="0.3">
      <c r="B2249">
        <v>66.496973199583536</v>
      </c>
      <c r="C2249" s="83">
        <v>43194.625</v>
      </c>
      <c r="D2249">
        <v>295868.11080000002</v>
      </c>
      <c r="E2249">
        <v>36339.166190000004</v>
      </c>
      <c r="F2249">
        <v>94022.340849999993</v>
      </c>
      <c r="G2249">
        <v>68780.658209999994</v>
      </c>
      <c r="H2249">
        <v>51258.039980000001</v>
      </c>
      <c r="I2249">
        <v>39827.385649999997</v>
      </c>
      <c r="J2249">
        <v>41523.398480000003</v>
      </c>
      <c r="K2249">
        <v>62805.01165</v>
      </c>
      <c r="L2249">
        <v>26865.682339999999</v>
      </c>
      <c r="M2249">
        <v>339032.5797</v>
      </c>
      <c r="N2249">
        <v>97263.363320000004</v>
      </c>
      <c r="O2249">
        <v>26949.127069999999</v>
      </c>
      <c r="P2249">
        <v>31192.710569999999</v>
      </c>
      <c r="Q2249">
        <v>92723.561270000006</v>
      </c>
      <c r="R2249">
        <v>24814.754250000002</v>
      </c>
      <c r="S2249">
        <v>107701.1808</v>
      </c>
      <c r="T2249">
        <v>34678.207640000001</v>
      </c>
      <c r="U2249">
        <v>22599.6584</v>
      </c>
      <c r="W2249" s="83">
        <f>Bühler!N2281</f>
        <v>45385.62499999455</v>
      </c>
      <c r="X2249" s="83">
        <v>43194.625</v>
      </c>
      <c r="Y2249">
        <v>295868.11080000002</v>
      </c>
      <c r="Z2249">
        <v>36339.166190000004</v>
      </c>
      <c r="AA2249">
        <v>94022.340849999993</v>
      </c>
      <c r="AB2249">
        <v>68780.658209999994</v>
      </c>
      <c r="AC2249">
        <v>51258.039980000001</v>
      </c>
      <c r="AD2249">
        <v>39827.385649999997</v>
      </c>
      <c r="AE2249">
        <v>41523.398480000003</v>
      </c>
      <c r="AF2249">
        <v>62805.01165</v>
      </c>
      <c r="AG2249">
        <v>26865.682339999999</v>
      </c>
      <c r="AH2249">
        <v>339032.5797</v>
      </c>
      <c r="AI2249">
        <v>97263.363320000004</v>
      </c>
      <c r="AJ2249">
        <v>26949.127069999999</v>
      </c>
      <c r="AK2249">
        <v>31192.710569999999</v>
      </c>
      <c r="AL2249">
        <v>92723.561270000006</v>
      </c>
      <c r="AM2249">
        <v>24814.754250000002</v>
      </c>
      <c r="AN2249">
        <v>107701.1808</v>
      </c>
      <c r="AO2249">
        <v>34678.207640000001</v>
      </c>
      <c r="AP2249">
        <v>22599.6584</v>
      </c>
    </row>
    <row r="2250" spans="2:42" x14ac:dyDescent="0.3">
      <c r="B2250">
        <v>65.182960013918319</v>
      </c>
      <c r="C2250" s="83">
        <v>43194.666666666664</v>
      </c>
      <c r="D2250">
        <v>288743.6912</v>
      </c>
      <c r="E2250">
        <v>35452.920209999997</v>
      </c>
      <c r="F2250">
        <v>92962.980020000003</v>
      </c>
      <c r="G2250">
        <v>65067.819409999996</v>
      </c>
      <c r="H2250">
        <v>49548.002009999997</v>
      </c>
      <c r="I2250">
        <v>41165.328200000004</v>
      </c>
      <c r="J2250">
        <v>40112.81695</v>
      </c>
      <c r="K2250">
        <v>59305.186479999997</v>
      </c>
      <c r="L2250">
        <v>25875.61636</v>
      </c>
      <c r="M2250">
        <v>332333.12770000001</v>
      </c>
      <c r="N2250">
        <v>93300.905610000002</v>
      </c>
      <c r="O2250">
        <v>26549.939760000001</v>
      </c>
      <c r="P2250">
        <v>31412.219150000001</v>
      </c>
      <c r="Q2250">
        <v>92354.009380000003</v>
      </c>
      <c r="R2250">
        <v>24492.266009999999</v>
      </c>
      <c r="S2250">
        <v>104975.4999</v>
      </c>
      <c r="T2250">
        <v>34060.186399999999</v>
      </c>
      <c r="U2250">
        <v>20956.90927</v>
      </c>
      <c r="W2250" s="83">
        <f>Bühler!N2282</f>
        <v>45385.666666661215</v>
      </c>
      <c r="X2250" s="83">
        <v>43194.666666666664</v>
      </c>
      <c r="Y2250">
        <v>288743.6912</v>
      </c>
      <c r="Z2250">
        <v>35452.920209999997</v>
      </c>
      <c r="AA2250">
        <v>92962.980020000003</v>
      </c>
      <c r="AB2250">
        <v>65067.819409999996</v>
      </c>
      <c r="AC2250">
        <v>49548.002009999997</v>
      </c>
      <c r="AD2250">
        <v>41165.328200000004</v>
      </c>
      <c r="AE2250">
        <v>40112.81695</v>
      </c>
      <c r="AF2250">
        <v>59305.186479999997</v>
      </c>
      <c r="AG2250">
        <v>25875.61636</v>
      </c>
      <c r="AH2250">
        <v>332333.12770000001</v>
      </c>
      <c r="AI2250">
        <v>93300.905610000002</v>
      </c>
      <c r="AJ2250">
        <v>26549.939760000001</v>
      </c>
      <c r="AK2250">
        <v>31412.219150000001</v>
      </c>
      <c r="AL2250">
        <v>92354.009380000003</v>
      </c>
      <c r="AM2250">
        <v>24492.266009999999</v>
      </c>
      <c r="AN2250">
        <v>104975.4999</v>
      </c>
      <c r="AO2250">
        <v>34060.186399999999</v>
      </c>
      <c r="AP2250">
        <v>20956.90927</v>
      </c>
    </row>
    <row r="2251" spans="2:42" x14ac:dyDescent="0.3">
      <c r="B2251">
        <v>64.068465297489425</v>
      </c>
      <c r="C2251" s="83">
        <v>43194.708333333336</v>
      </c>
      <c r="D2251">
        <v>279185.63290000003</v>
      </c>
      <c r="E2251">
        <v>33210.658609999999</v>
      </c>
      <c r="F2251">
        <v>92138.279240000003</v>
      </c>
      <c r="G2251">
        <v>59785.613420000001</v>
      </c>
      <c r="H2251">
        <v>46983.953849999998</v>
      </c>
      <c r="I2251">
        <v>40829.537080000002</v>
      </c>
      <c r="J2251">
        <v>40075.904139999999</v>
      </c>
      <c r="K2251">
        <v>55701.125139999996</v>
      </c>
      <c r="L2251">
        <v>26202.091639999999</v>
      </c>
      <c r="M2251">
        <v>326650.91389999999</v>
      </c>
      <c r="N2251">
        <v>86365.859939999995</v>
      </c>
      <c r="O2251">
        <v>25329.766800000001</v>
      </c>
      <c r="P2251">
        <v>32481.500309999999</v>
      </c>
      <c r="Q2251">
        <v>91925.310060000003</v>
      </c>
      <c r="R2251">
        <v>24795.04221</v>
      </c>
      <c r="S2251">
        <v>102469.664</v>
      </c>
      <c r="T2251">
        <v>33282.97494</v>
      </c>
      <c r="U2251">
        <v>18837.41444</v>
      </c>
      <c r="W2251" s="83">
        <f>Bühler!N2283</f>
        <v>45385.708333327879</v>
      </c>
      <c r="X2251" s="83">
        <v>43194.708333333336</v>
      </c>
      <c r="Y2251">
        <v>279185.63290000003</v>
      </c>
      <c r="Z2251">
        <v>33210.658609999999</v>
      </c>
      <c r="AA2251">
        <v>92138.279240000003</v>
      </c>
      <c r="AB2251">
        <v>59785.613420000001</v>
      </c>
      <c r="AC2251">
        <v>46983.953849999998</v>
      </c>
      <c r="AD2251">
        <v>40829.537080000002</v>
      </c>
      <c r="AE2251">
        <v>40075.904139999999</v>
      </c>
      <c r="AF2251">
        <v>55701.125139999996</v>
      </c>
      <c r="AG2251">
        <v>26202.091639999999</v>
      </c>
      <c r="AH2251">
        <v>326650.91389999999</v>
      </c>
      <c r="AI2251">
        <v>86365.859939999995</v>
      </c>
      <c r="AJ2251">
        <v>25329.766800000001</v>
      </c>
      <c r="AK2251">
        <v>32481.500309999999</v>
      </c>
      <c r="AL2251">
        <v>91925.310060000003</v>
      </c>
      <c r="AM2251">
        <v>24795.04221</v>
      </c>
      <c r="AN2251">
        <v>102469.664</v>
      </c>
      <c r="AO2251">
        <v>33282.97494</v>
      </c>
      <c r="AP2251">
        <v>18837.41444</v>
      </c>
    </row>
    <row r="2252" spans="2:42" x14ac:dyDescent="0.3">
      <c r="B2252">
        <v>62.628083130097664</v>
      </c>
      <c r="C2252" s="83">
        <v>43194.75</v>
      </c>
      <c r="D2252">
        <v>270851.36709999997</v>
      </c>
      <c r="E2252">
        <v>29979.88897</v>
      </c>
      <c r="F2252">
        <v>90361.112930000003</v>
      </c>
      <c r="G2252">
        <v>54727.81611</v>
      </c>
      <c r="H2252">
        <v>44597.117899999997</v>
      </c>
      <c r="I2252">
        <v>39154.052389999997</v>
      </c>
      <c r="J2252">
        <v>40335.102780000001</v>
      </c>
      <c r="K2252">
        <v>52353.395559999997</v>
      </c>
      <c r="L2252">
        <v>27685.500980000001</v>
      </c>
      <c r="M2252">
        <v>319307.17389999999</v>
      </c>
      <c r="N2252">
        <v>84501.408259999997</v>
      </c>
      <c r="O2252">
        <v>24326.814170000001</v>
      </c>
      <c r="P2252">
        <v>35531.583809999996</v>
      </c>
      <c r="Q2252">
        <v>90425.344360000003</v>
      </c>
      <c r="R2252">
        <v>22356.741139999998</v>
      </c>
      <c r="S2252">
        <v>96905.670509999996</v>
      </c>
      <c r="T2252">
        <v>33066.388039999998</v>
      </c>
      <c r="U2252">
        <v>17346.510559999999</v>
      </c>
      <c r="W2252" s="83">
        <f>Bühler!N2284</f>
        <v>45385.749999994543</v>
      </c>
      <c r="X2252" s="83">
        <v>43194.75</v>
      </c>
      <c r="Y2252">
        <v>270851.36709999997</v>
      </c>
      <c r="Z2252">
        <v>29979.88897</v>
      </c>
      <c r="AA2252">
        <v>90361.112930000003</v>
      </c>
      <c r="AB2252">
        <v>54727.81611</v>
      </c>
      <c r="AC2252">
        <v>44597.117899999997</v>
      </c>
      <c r="AD2252">
        <v>39154.052389999997</v>
      </c>
      <c r="AE2252">
        <v>40335.102780000001</v>
      </c>
      <c r="AF2252">
        <v>52353.395559999997</v>
      </c>
      <c r="AG2252">
        <v>27685.500980000001</v>
      </c>
      <c r="AH2252">
        <v>319307.17389999999</v>
      </c>
      <c r="AI2252">
        <v>84501.408259999997</v>
      </c>
      <c r="AJ2252">
        <v>24326.814170000001</v>
      </c>
      <c r="AK2252">
        <v>35531.583809999996</v>
      </c>
      <c r="AL2252">
        <v>90425.344360000003</v>
      </c>
      <c r="AM2252">
        <v>22356.741139999998</v>
      </c>
      <c r="AN2252">
        <v>96905.670509999996</v>
      </c>
      <c r="AO2252">
        <v>33066.388039999998</v>
      </c>
      <c r="AP2252">
        <v>17346.510559999999</v>
      </c>
    </row>
    <row r="2253" spans="2:42" x14ac:dyDescent="0.3">
      <c r="B2253">
        <v>61.468293008244679</v>
      </c>
      <c r="C2253" s="83">
        <v>43194.791666666664</v>
      </c>
      <c r="D2253">
        <v>264940.63030000002</v>
      </c>
      <c r="E2253">
        <v>24485.21804</v>
      </c>
      <c r="F2253">
        <v>79268.065260000003</v>
      </c>
      <c r="G2253">
        <v>51479.972049999997</v>
      </c>
      <c r="H2253">
        <v>42687.714540000001</v>
      </c>
      <c r="I2253">
        <v>36648.9928</v>
      </c>
      <c r="J2253">
        <v>39620.165639999999</v>
      </c>
      <c r="K2253">
        <v>52180.06452</v>
      </c>
      <c r="L2253">
        <v>29218.628959999998</v>
      </c>
      <c r="M2253">
        <v>313394.02299999999</v>
      </c>
      <c r="N2253">
        <v>83676.118260000003</v>
      </c>
      <c r="O2253">
        <v>23175.42007</v>
      </c>
      <c r="P2253">
        <v>38345.636019999998</v>
      </c>
      <c r="Q2253">
        <v>88210.138399999996</v>
      </c>
      <c r="R2253">
        <v>22017.818719999999</v>
      </c>
      <c r="S2253">
        <v>92230.033389999997</v>
      </c>
      <c r="T2253">
        <v>33260.185530000002</v>
      </c>
      <c r="U2253">
        <v>16380.288850000001</v>
      </c>
      <c r="W2253" s="83">
        <f>Bühler!N2285</f>
        <v>45385.791666661207</v>
      </c>
      <c r="X2253" s="83">
        <v>43194.791666666664</v>
      </c>
      <c r="Y2253">
        <v>264940.63030000002</v>
      </c>
      <c r="Z2253">
        <v>24485.21804</v>
      </c>
      <c r="AA2253">
        <v>79268.065260000003</v>
      </c>
      <c r="AB2253">
        <v>51479.972049999997</v>
      </c>
      <c r="AC2253">
        <v>42687.714540000001</v>
      </c>
      <c r="AD2253">
        <v>36648.9928</v>
      </c>
      <c r="AE2253">
        <v>39620.165639999999</v>
      </c>
      <c r="AF2253">
        <v>52180.06452</v>
      </c>
      <c r="AG2253">
        <v>29218.628959999998</v>
      </c>
      <c r="AH2253">
        <v>313394.02299999999</v>
      </c>
      <c r="AI2253">
        <v>83676.118260000003</v>
      </c>
      <c r="AJ2253">
        <v>23175.42007</v>
      </c>
      <c r="AK2253">
        <v>38345.636019999998</v>
      </c>
      <c r="AL2253">
        <v>88210.138399999996</v>
      </c>
      <c r="AM2253">
        <v>22017.818719999999</v>
      </c>
      <c r="AN2253">
        <v>92230.033389999997</v>
      </c>
      <c r="AO2253">
        <v>33260.185530000002</v>
      </c>
      <c r="AP2253">
        <v>16380.288850000001</v>
      </c>
    </row>
    <row r="2254" spans="2:42" x14ac:dyDescent="0.3">
      <c r="B2254">
        <v>59.69536089616706</v>
      </c>
      <c r="C2254" s="83">
        <v>43194.833333333336</v>
      </c>
      <c r="D2254">
        <v>256731.83530000001</v>
      </c>
      <c r="E2254">
        <v>19090.859400000001</v>
      </c>
      <c r="F2254">
        <v>63493.004330000003</v>
      </c>
      <c r="G2254">
        <v>47858.902020000001</v>
      </c>
      <c r="H2254">
        <v>41910.04838</v>
      </c>
      <c r="I2254">
        <v>33212.937010000001</v>
      </c>
      <c r="J2254">
        <v>41544.898840000002</v>
      </c>
      <c r="K2254">
        <v>53201.16143</v>
      </c>
      <c r="L2254">
        <v>29283.58541</v>
      </c>
      <c r="M2254">
        <v>304354.78830000001</v>
      </c>
      <c r="N2254">
        <v>83849.739119999998</v>
      </c>
      <c r="O2254">
        <v>23213.457620000001</v>
      </c>
      <c r="P2254">
        <v>39690.563179999997</v>
      </c>
      <c r="Q2254">
        <v>85766.782479999994</v>
      </c>
      <c r="R2254">
        <v>22330.269349999999</v>
      </c>
      <c r="S2254">
        <v>86878.078710000002</v>
      </c>
      <c r="T2254">
        <v>34034.397449999997</v>
      </c>
      <c r="U2254">
        <v>16198.892739999999</v>
      </c>
      <c r="W2254" s="83">
        <f>Bühler!N2286</f>
        <v>45385.833333327872</v>
      </c>
      <c r="X2254" s="83">
        <v>43194.833333333336</v>
      </c>
      <c r="Y2254">
        <v>256731.83530000001</v>
      </c>
      <c r="Z2254">
        <v>19090.859400000001</v>
      </c>
      <c r="AA2254">
        <v>63493.004330000003</v>
      </c>
      <c r="AB2254">
        <v>47858.902020000001</v>
      </c>
      <c r="AC2254">
        <v>41910.04838</v>
      </c>
      <c r="AD2254">
        <v>33212.937010000001</v>
      </c>
      <c r="AE2254">
        <v>41544.898840000002</v>
      </c>
      <c r="AF2254">
        <v>53201.16143</v>
      </c>
      <c r="AG2254">
        <v>29283.58541</v>
      </c>
      <c r="AH2254">
        <v>304354.78830000001</v>
      </c>
      <c r="AI2254">
        <v>83849.739119999998</v>
      </c>
      <c r="AJ2254">
        <v>23213.457620000001</v>
      </c>
      <c r="AK2254">
        <v>39690.563179999997</v>
      </c>
      <c r="AL2254">
        <v>85766.782479999994</v>
      </c>
      <c r="AM2254">
        <v>22330.269349999999</v>
      </c>
      <c r="AN2254">
        <v>86878.078710000002</v>
      </c>
      <c r="AO2254">
        <v>34034.397449999997</v>
      </c>
      <c r="AP2254">
        <v>16198.892739999999</v>
      </c>
    </row>
    <row r="2255" spans="2:42" x14ac:dyDescent="0.3">
      <c r="B2255">
        <v>58.6999243943634</v>
      </c>
      <c r="C2255" s="83">
        <v>43194.875</v>
      </c>
      <c r="D2255">
        <v>249882.91339999999</v>
      </c>
      <c r="E2255">
        <v>16600.42121</v>
      </c>
      <c r="F2255">
        <v>55287.870620000002</v>
      </c>
      <c r="G2255">
        <v>46031.533960000001</v>
      </c>
      <c r="H2255">
        <v>40656.271370000002</v>
      </c>
      <c r="I2255">
        <v>28580.533879999999</v>
      </c>
      <c r="J2255">
        <v>41442.34564</v>
      </c>
      <c r="K2255">
        <v>50363.322520000002</v>
      </c>
      <c r="L2255">
        <v>27650.843929999999</v>
      </c>
      <c r="M2255">
        <v>299279.58880000003</v>
      </c>
      <c r="N2255">
        <v>82026.274260000006</v>
      </c>
      <c r="O2255">
        <v>23200.0543</v>
      </c>
      <c r="P2255">
        <v>39054.76197</v>
      </c>
      <c r="Q2255">
        <v>83955.383549999999</v>
      </c>
      <c r="R2255">
        <v>21182.979220000001</v>
      </c>
      <c r="S2255">
        <v>82565.468590000004</v>
      </c>
      <c r="T2255">
        <v>31752.170559999999</v>
      </c>
      <c r="U2255">
        <v>15115.16438</v>
      </c>
      <c r="W2255" s="83">
        <f>Bühler!N2287</f>
        <v>45385.874999994536</v>
      </c>
      <c r="X2255" s="83">
        <v>43194.875</v>
      </c>
      <c r="Y2255">
        <v>249882.91339999999</v>
      </c>
      <c r="Z2255">
        <v>16600.42121</v>
      </c>
      <c r="AA2255">
        <v>55287.870620000002</v>
      </c>
      <c r="AB2255">
        <v>46031.533960000001</v>
      </c>
      <c r="AC2255">
        <v>40656.271370000002</v>
      </c>
      <c r="AD2255">
        <v>28580.533879999999</v>
      </c>
      <c r="AE2255">
        <v>41442.34564</v>
      </c>
      <c r="AF2255">
        <v>50363.322520000002</v>
      </c>
      <c r="AG2255">
        <v>27650.843929999999</v>
      </c>
      <c r="AH2255">
        <v>299279.58880000003</v>
      </c>
      <c r="AI2255">
        <v>82026.274260000006</v>
      </c>
      <c r="AJ2255">
        <v>23200.0543</v>
      </c>
      <c r="AK2255">
        <v>39054.76197</v>
      </c>
      <c r="AL2255">
        <v>83955.383549999999</v>
      </c>
      <c r="AM2255">
        <v>21182.979220000001</v>
      </c>
      <c r="AN2255">
        <v>82565.468590000004</v>
      </c>
      <c r="AO2255">
        <v>31752.170559999999</v>
      </c>
      <c r="AP2255">
        <v>15115.16438</v>
      </c>
    </row>
    <row r="2256" spans="2:42" x14ac:dyDescent="0.3">
      <c r="B2256">
        <v>57.980966230447379</v>
      </c>
      <c r="C2256" s="83">
        <v>43194.916666666664</v>
      </c>
      <c r="D2256">
        <v>248147.42199999999</v>
      </c>
      <c r="E2256">
        <v>15732.648219999999</v>
      </c>
      <c r="F2256">
        <v>52899.077510000003</v>
      </c>
      <c r="G2256">
        <v>43679.019469999999</v>
      </c>
      <c r="H2256">
        <v>39757.024169999997</v>
      </c>
      <c r="I2256">
        <v>25737.932290000001</v>
      </c>
      <c r="J2256">
        <v>40409.188999999998</v>
      </c>
      <c r="K2256">
        <v>53947.705000000002</v>
      </c>
      <c r="L2256">
        <v>24518.785670000001</v>
      </c>
      <c r="M2256">
        <v>295614.0048</v>
      </c>
      <c r="N2256">
        <v>81173.970879999993</v>
      </c>
      <c r="O2256">
        <v>23152.651129999998</v>
      </c>
      <c r="P2256">
        <v>41021.5628</v>
      </c>
      <c r="Q2256">
        <v>83010.548779999997</v>
      </c>
      <c r="R2256">
        <v>26161.823690000001</v>
      </c>
      <c r="S2256">
        <v>81762.640360000005</v>
      </c>
      <c r="T2256">
        <v>28249.970270000002</v>
      </c>
      <c r="U2256">
        <v>15946.14645</v>
      </c>
      <c r="W2256" s="83">
        <f>Bühler!N2288</f>
        <v>45385.9166666612</v>
      </c>
      <c r="X2256" s="83">
        <v>43194.916666666664</v>
      </c>
      <c r="Y2256">
        <v>248147.42199999999</v>
      </c>
      <c r="Z2256">
        <v>15732.648219999999</v>
      </c>
      <c r="AA2256">
        <v>52899.077510000003</v>
      </c>
      <c r="AB2256">
        <v>43679.019469999999</v>
      </c>
      <c r="AC2256">
        <v>39757.024169999997</v>
      </c>
      <c r="AD2256">
        <v>25737.932290000001</v>
      </c>
      <c r="AE2256">
        <v>40409.188999999998</v>
      </c>
      <c r="AF2256">
        <v>53947.705000000002</v>
      </c>
      <c r="AG2256">
        <v>24518.785670000001</v>
      </c>
      <c r="AH2256">
        <v>295614.0048</v>
      </c>
      <c r="AI2256">
        <v>81173.970879999993</v>
      </c>
      <c r="AJ2256">
        <v>23152.651129999998</v>
      </c>
      <c r="AK2256">
        <v>41021.5628</v>
      </c>
      <c r="AL2256">
        <v>83010.548779999997</v>
      </c>
      <c r="AM2256">
        <v>26161.823690000001</v>
      </c>
      <c r="AN2256">
        <v>81762.640360000005</v>
      </c>
      <c r="AO2256">
        <v>28249.970270000002</v>
      </c>
      <c r="AP2256">
        <v>15946.14645</v>
      </c>
    </row>
    <row r="2257" spans="2:42" x14ac:dyDescent="0.3">
      <c r="B2257">
        <v>57.751411552333913</v>
      </c>
      <c r="C2257" s="83">
        <v>43194.958333333336</v>
      </c>
      <c r="D2257">
        <v>247998.215</v>
      </c>
      <c r="E2257">
        <v>15296.073050000001</v>
      </c>
      <c r="F2257">
        <v>51718.267699999997</v>
      </c>
      <c r="G2257">
        <v>42767.87225</v>
      </c>
      <c r="H2257">
        <v>39134.77923</v>
      </c>
      <c r="I2257">
        <v>24237.96011</v>
      </c>
      <c r="J2257">
        <v>37863.239750000001</v>
      </c>
      <c r="K2257">
        <v>53304.0236</v>
      </c>
      <c r="L2257">
        <v>21020.232680000001</v>
      </c>
      <c r="M2257">
        <v>294443.62800000003</v>
      </c>
      <c r="N2257">
        <v>81162.245819999996</v>
      </c>
      <c r="O2257">
        <v>22458.649020000001</v>
      </c>
      <c r="P2257">
        <v>35781.053569999996</v>
      </c>
      <c r="Q2257">
        <v>82834.089259999993</v>
      </c>
      <c r="R2257">
        <v>27533.27707</v>
      </c>
      <c r="S2257">
        <v>80005.230660000001</v>
      </c>
      <c r="T2257">
        <v>25456.712790000001</v>
      </c>
      <c r="U2257">
        <v>15315.933279999999</v>
      </c>
      <c r="W2257" s="83">
        <f>Bühler!N2289</f>
        <v>45385.958333327864</v>
      </c>
      <c r="X2257" s="83">
        <v>43194.958333333336</v>
      </c>
      <c r="Y2257">
        <v>247998.215</v>
      </c>
      <c r="Z2257">
        <v>15296.073050000001</v>
      </c>
      <c r="AA2257">
        <v>51718.267699999997</v>
      </c>
      <c r="AB2257">
        <v>42767.87225</v>
      </c>
      <c r="AC2257">
        <v>39134.77923</v>
      </c>
      <c r="AD2257">
        <v>24237.96011</v>
      </c>
      <c r="AE2257">
        <v>37863.239750000001</v>
      </c>
      <c r="AF2257">
        <v>53304.0236</v>
      </c>
      <c r="AG2257">
        <v>21020.232680000001</v>
      </c>
      <c r="AH2257">
        <v>294443.62800000003</v>
      </c>
      <c r="AI2257">
        <v>81162.245819999996</v>
      </c>
      <c r="AJ2257">
        <v>22458.649020000001</v>
      </c>
      <c r="AK2257">
        <v>35781.053569999996</v>
      </c>
      <c r="AL2257">
        <v>82834.089259999993</v>
      </c>
      <c r="AM2257">
        <v>27533.27707</v>
      </c>
      <c r="AN2257">
        <v>80005.230660000001</v>
      </c>
      <c r="AO2257">
        <v>25456.712790000001</v>
      </c>
      <c r="AP2257">
        <v>15315.933279999999</v>
      </c>
    </row>
    <row r="2258" spans="2:42" x14ac:dyDescent="0.3">
      <c r="B2258">
        <v>56.703729633549052</v>
      </c>
      <c r="C2258" s="83">
        <v>43195</v>
      </c>
      <c r="D2258">
        <v>247980.89019999999</v>
      </c>
      <c r="E2258">
        <v>14891.496080000001</v>
      </c>
      <c r="F2258">
        <v>50522.295149999998</v>
      </c>
      <c r="G2258">
        <v>41755.186000000002</v>
      </c>
      <c r="H2258">
        <v>38285.443290000003</v>
      </c>
      <c r="I2258">
        <v>22630.745269999999</v>
      </c>
      <c r="J2258">
        <v>35415.757669999999</v>
      </c>
      <c r="K2258">
        <v>51793.782350000001</v>
      </c>
      <c r="L2258">
        <v>18952.44846</v>
      </c>
      <c r="M2258">
        <v>289102.05699999997</v>
      </c>
      <c r="N2258">
        <v>81123.609909999999</v>
      </c>
      <c r="O2258">
        <v>22511.743849999999</v>
      </c>
      <c r="P2258">
        <v>33400.972809999999</v>
      </c>
      <c r="Q2258">
        <v>81893.766199999998</v>
      </c>
      <c r="R2258">
        <v>23371.014350000001</v>
      </c>
      <c r="S2258">
        <v>78993.044670000003</v>
      </c>
      <c r="T2258">
        <v>23681.79032</v>
      </c>
      <c r="U2258">
        <v>15362.194949999999</v>
      </c>
      <c r="W2258" s="83">
        <f>Bühler!N2290</f>
        <v>45385.999999994528</v>
      </c>
      <c r="X2258" s="83">
        <v>43195</v>
      </c>
      <c r="Y2258">
        <v>247980.89019999999</v>
      </c>
      <c r="Z2258">
        <v>14891.496080000001</v>
      </c>
      <c r="AA2258">
        <v>50522.295149999998</v>
      </c>
      <c r="AB2258">
        <v>41755.186000000002</v>
      </c>
      <c r="AC2258">
        <v>38285.443290000003</v>
      </c>
      <c r="AD2258">
        <v>22630.745269999999</v>
      </c>
      <c r="AE2258">
        <v>35415.757669999999</v>
      </c>
      <c r="AF2258">
        <v>51793.782350000001</v>
      </c>
      <c r="AG2258">
        <v>18952.44846</v>
      </c>
      <c r="AH2258">
        <v>289102.05699999997</v>
      </c>
      <c r="AI2258">
        <v>81123.609909999999</v>
      </c>
      <c r="AJ2258">
        <v>22511.743849999999</v>
      </c>
      <c r="AK2258">
        <v>33400.972809999999</v>
      </c>
      <c r="AL2258">
        <v>81893.766199999998</v>
      </c>
      <c r="AM2258">
        <v>23371.014350000001</v>
      </c>
      <c r="AN2258">
        <v>78993.044670000003</v>
      </c>
      <c r="AO2258">
        <v>23681.79032</v>
      </c>
      <c r="AP2258">
        <v>15362.194949999999</v>
      </c>
    </row>
    <row r="2259" spans="2:42" x14ac:dyDescent="0.3">
      <c r="B2259">
        <v>56.740038316902847</v>
      </c>
      <c r="C2259" s="83">
        <v>43195.041666666664</v>
      </c>
      <c r="D2259">
        <v>246722.52919999999</v>
      </c>
      <c r="E2259">
        <v>14766.502350000001</v>
      </c>
      <c r="F2259">
        <v>50389.837570000003</v>
      </c>
      <c r="G2259">
        <v>40784.915809999999</v>
      </c>
      <c r="H2259">
        <v>38130.915950000002</v>
      </c>
      <c r="I2259">
        <v>18187.29639</v>
      </c>
      <c r="J2259">
        <v>34351.236649999999</v>
      </c>
      <c r="K2259">
        <v>50792.20635</v>
      </c>
      <c r="L2259">
        <v>18451.378530000002</v>
      </c>
      <c r="M2259">
        <v>289287.17560000002</v>
      </c>
      <c r="N2259">
        <v>79820.747350000005</v>
      </c>
      <c r="O2259">
        <v>22480.58495</v>
      </c>
      <c r="P2259">
        <v>32312.202590000001</v>
      </c>
      <c r="Q2259">
        <v>82660.079159999994</v>
      </c>
      <c r="R2259">
        <v>22232.136770000001</v>
      </c>
      <c r="S2259">
        <v>78007.652140000006</v>
      </c>
      <c r="T2259">
        <v>23076.21789</v>
      </c>
      <c r="U2259">
        <v>15329.00013</v>
      </c>
      <c r="W2259" s="83">
        <f>Bühler!N2291</f>
        <v>45386.041666661193</v>
      </c>
      <c r="X2259" s="83">
        <v>43195.041666666664</v>
      </c>
      <c r="Y2259">
        <v>246722.52919999999</v>
      </c>
      <c r="Z2259">
        <v>14766.502350000001</v>
      </c>
      <c r="AA2259">
        <v>50389.837570000003</v>
      </c>
      <c r="AB2259">
        <v>40784.915809999999</v>
      </c>
      <c r="AC2259">
        <v>38130.915950000002</v>
      </c>
      <c r="AD2259">
        <v>18187.29639</v>
      </c>
      <c r="AE2259">
        <v>34351.236649999999</v>
      </c>
      <c r="AF2259">
        <v>50792.20635</v>
      </c>
      <c r="AG2259">
        <v>18451.378530000002</v>
      </c>
      <c r="AH2259">
        <v>289287.17560000002</v>
      </c>
      <c r="AI2259">
        <v>79820.747350000005</v>
      </c>
      <c r="AJ2259">
        <v>22480.58495</v>
      </c>
      <c r="AK2259">
        <v>32312.202590000001</v>
      </c>
      <c r="AL2259">
        <v>82660.079159999994</v>
      </c>
      <c r="AM2259">
        <v>22232.136770000001</v>
      </c>
      <c r="AN2259">
        <v>78007.652140000006</v>
      </c>
      <c r="AO2259">
        <v>23076.21789</v>
      </c>
      <c r="AP2259">
        <v>15329.00013</v>
      </c>
    </row>
    <row r="2260" spans="2:42" x14ac:dyDescent="0.3">
      <c r="B2260">
        <v>57.082719935809024</v>
      </c>
      <c r="C2260" s="83">
        <v>43195.083333333336</v>
      </c>
      <c r="D2260">
        <v>246064.41510000001</v>
      </c>
      <c r="E2260">
        <v>14738.88125</v>
      </c>
      <c r="F2260">
        <v>51183.136409999999</v>
      </c>
      <c r="G2260">
        <v>40539.072399999997</v>
      </c>
      <c r="H2260">
        <v>37858.677470000002</v>
      </c>
      <c r="I2260">
        <v>16379.838009999999</v>
      </c>
      <c r="J2260">
        <v>33932.291989999998</v>
      </c>
      <c r="K2260">
        <v>48985.192569999999</v>
      </c>
      <c r="L2260">
        <v>17955.030770000001</v>
      </c>
      <c r="M2260">
        <v>291034.32630000002</v>
      </c>
      <c r="N2260">
        <v>78674.594639999996</v>
      </c>
      <c r="O2260">
        <v>22983.054319999999</v>
      </c>
      <c r="P2260">
        <v>29837.888159999999</v>
      </c>
      <c r="Q2260">
        <v>85874.484160000007</v>
      </c>
      <c r="R2260">
        <v>22871.892680000001</v>
      </c>
      <c r="S2260">
        <v>77344.894929999995</v>
      </c>
      <c r="T2260">
        <v>22297.922210000001</v>
      </c>
      <c r="U2260">
        <v>15338.801009999999</v>
      </c>
      <c r="W2260" s="83">
        <f>Bühler!N2292</f>
        <v>45386.083333327857</v>
      </c>
      <c r="X2260" s="83">
        <v>43195.083333333336</v>
      </c>
      <c r="Y2260">
        <v>246064.41510000001</v>
      </c>
      <c r="Z2260">
        <v>14738.88125</v>
      </c>
      <c r="AA2260">
        <v>51183.136409999999</v>
      </c>
      <c r="AB2260">
        <v>40539.072399999997</v>
      </c>
      <c r="AC2260">
        <v>37858.677470000002</v>
      </c>
      <c r="AD2260">
        <v>16379.838009999999</v>
      </c>
      <c r="AE2260">
        <v>33932.291989999998</v>
      </c>
      <c r="AF2260">
        <v>48985.192569999999</v>
      </c>
      <c r="AG2260">
        <v>17955.030770000001</v>
      </c>
      <c r="AH2260">
        <v>291034.32630000002</v>
      </c>
      <c r="AI2260">
        <v>78674.594639999996</v>
      </c>
      <c r="AJ2260">
        <v>22983.054319999999</v>
      </c>
      <c r="AK2260">
        <v>29837.888159999999</v>
      </c>
      <c r="AL2260">
        <v>85874.484160000007</v>
      </c>
      <c r="AM2260">
        <v>22871.892680000001</v>
      </c>
      <c r="AN2260">
        <v>77344.894929999995</v>
      </c>
      <c r="AO2260">
        <v>22297.922210000001</v>
      </c>
      <c r="AP2260">
        <v>15338.801009999999</v>
      </c>
    </row>
    <row r="2261" spans="2:42" x14ac:dyDescent="0.3">
      <c r="B2261">
        <v>57.928695060623831</v>
      </c>
      <c r="C2261" s="83">
        <v>43195.125</v>
      </c>
      <c r="D2261">
        <v>249027.58919999999</v>
      </c>
      <c r="E2261">
        <v>14830.92159</v>
      </c>
      <c r="F2261">
        <v>52729.559710000001</v>
      </c>
      <c r="G2261">
        <v>39918.738060000003</v>
      </c>
      <c r="H2261">
        <v>37998.38768</v>
      </c>
      <c r="I2261">
        <v>16582.26124</v>
      </c>
      <c r="J2261">
        <v>34358.847589999998</v>
      </c>
      <c r="K2261">
        <v>47772.325559999997</v>
      </c>
      <c r="L2261">
        <v>17356.727749999998</v>
      </c>
      <c r="M2261">
        <v>295347.50199999998</v>
      </c>
      <c r="N2261">
        <v>78546.960049999994</v>
      </c>
      <c r="O2261">
        <v>22510.640619999998</v>
      </c>
      <c r="P2261">
        <v>29325.57129</v>
      </c>
      <c r="Q2261">
        <v>88995.768179999999</v>
      </c>
      <c r="R2261">
        <v>22600.51022</v>
      </c>
      <c r="S2261">
        <v>76465.508270000006</v>
      </c>
      <c r="T2261">
        <v>22321.124670000001</v>
      </c>
      <c r="U2261">
        <v>15167.15466</v>
      </c>
      <c r="W2261" s="83">
        <f>Bühler!N2293</f>
        <v>45386.124999994521</v>
      </c>
      <c r="X2261" s="83">
        <v>43195.125</v>
      </c>
      <c r="Y2261">
        <v>249027.58919999999</v>
      </c>
      <c r="Z2261">
        <v>14830.92159</v>
      </c>
      <c r="AA2261">
        <v>52729.559710000001</v>
      </c>
      <c r="AB2261">
        <v>39918.738060000003</v>
      </c>
      <c r="AC2261">
        <v>37998.38768</v>
      </c>
      <c r="AD2261">
        <v>16582.26124</v>
      </c>
      <c r="AE2261">
        <v>34358.847589999998</v>
      </c>
      <c r="AF2261">
        <v>47772.325559999997</v>
      </c>
      <c r="AG2261">
        <v>17356.727749999998</v>
      </c>
      <c r="AH2261">
        <v>295347.50199999998</v>
      </c>
      <c r="AI2261">
        <v>78546.960049999994</v>
      </c>
      <c r="AJ2261">
        <v>22510.640619999998</v>
      </c>
      <c r="AK2261">
        <v>29325.57129</v>
      </c>
      <c r="AL2261">
        <v>88995.768179999999</v>
      </c>
      <c r="AM2261">
        <v>22600.51022</v>
      </c>
      <c r="AN2261">
        <v>76465.508270000006</v>
      </c>
      <c r="AO2261">
        <v>22321.124670000001</v>
      </c>
      <c r="AP2261">
        <v>15167.15466</v>
      </c>
    </row>
    <row r="2262" spans="2:42" x14ac:dyDescent="0.3">
      <c r="B2262">
        <v>59.204671258890691</v>
      </c>
      <c r="C2262" s="83">
        <v>43195.166666666664</v>
      </c>
      <c r="D2262">
        <v>251316.67569999999</v>
      </c>
      <c r="E2262">
        <v>15355.84692</v>
      </c>
      <c r="F2262">
        <v>56078.398260000002</v>
      </c>
      <c r="G2262">
        <v>39498.752690000001</v>
      </c>
      <c r="H2262">
        <v>38636.374219999998</v>
      </c>
      <c r="I2262">
        <v>19616.634010000002</v>
      </c>
      <c r="J2262">
        <v>36435.636700000003</v>
      </c>
      <c r="K2262">
        <v>46379.28628</v>
      </c>
      <c r="L2262">
        <v>17361.769079999998</v>
      </c>
      <c r="M2262">
        <v>301853.02370000002</v>
      </c>
      <c r="N2262">
        <v>78293.361900000004</v>
      </c>
      <c r="O2262">
        <v>23130.662639999999</v>
      </c>
      <c r="P2262">
        <v>28411.041109999998</v>
      </c>
      <c r="Q2262">
        <v>93882.657980000004</v>
      </c>
      <c r="R2262">
        <v>22267.776399999999</v>
      </c>
      <c r="S2262">
        <v>77351.760120000006</v>
      </c>
      <c r="T2262">
        <v>22373.863020000001</v>
      </c>
      <c r="U2262">
        <v>16195.310810000001</v>
      </c>
      <c r="W2262" s="83">
        <f>Bühler!N2294</f>
        <v>45386.166666661185</v>
      </c>
      <c r="X2262" s="83">
        <v>43195.166666666664</v>
      </c>
      <c r="Y2262">
        <v>251316.67569999999</v>
      </c>
      <c r="Z2262">
        <v>15355.84692</v>
      </c>
      <c r="AA2262">
        <v>56078.398260000002</v>
      </c>
      <c r="AB2262">
        <v>39498.752690000001</v>
      </c>
      <c r="AC2262">
        <v>38636.374219999998</v>
      </c>
      <c r="AD2262">
        <v>19616.634010000002</v>
      </c>
      <c r="AE2262">
        <v>36435.636700000003</v>
      </c>
      <c r="AF2262">
        <v>46379.28628</v>
      </c>
      <c r="AG2262">
        <v>17361.769079999998</v>
      </c>
      <c r="AH2262">
        <v>301853.02370000002</v>
      </c>
      <c r="AI2262">
        <v>78293.361900000004</v>
      </c>
      <c r="AJ2262">
        <v>23130.662639999999</v>
      </c>
      <c r="AK2262">
        <v>28411.041109999998</v>
      </c>
      <c r="AL2262">
        <v>93882.657980000004</v>
      </c>
      <c r="AM2262">
        <v>22267.776399999999</v>
      </c>
      <c r="AN2262">
        <v>77351.760120000006</v>
      </c>
      <c r="AO2262">
        <v>22373.863020000001</v>
      </c>
      <c r="AP2262">
        <v>16195.310810000001</v>
      </c>
    </row>
    <row r="2263" spans="2:42" x14ac:dyDescent="0.3">
      <c r="B2263">
        <v>62.16548937311007</v>
      </c>
      <c r="C2263" s="83">
        <v>43195.208333333336</v>
      </c>
      <c r="D2263">
        <v>266810.07079999999</v>
      </c>
      <c r="E2263">
        <v>17546.90769</v>
      </c>
      <c r="F2263">
        <v>67931.720679999999</v>
      </c>
      <c r="G2263">
        <v>42776.540410000001</v>
      </c>
      <c r="H2263">
        <v>40742.220710000001</v>
      </c>
      <c r="I2263">
        <v>28101.16548</v>
      </c>
      <c r="J2263">
        <v>39725.108829999997</v>
      </c>
      <c r="K2263">
        <v>47781.637490000001</v>
      </c>
      <c r="L2263">
        <v>18250.619119999999</v>
      </c>
      <c r="M2263">
        <v>316948.65519999998</v>
      </c>
      <c r="N2263">
        <v>79835.474449999994</v>
      </c>
      <c r="O2263">
        <v>24407.628980000001</v>
      </c>
      <c r="P2263">
        <v>29861.459879999999</v>
      </c>
      <c r="Q2263">
        <v>97378.630529999995</v>
      </c>
      <c r="R2263">
        <v>25050.25301</v>
      </c>
      <c r="S2263">
        <v>79818.966220000002</v>
      </c>
      <c r="T2263">
        <v>23699.562699999999</v>
      </c>
      <c r="U2263">
        <v>18139.974900000001</v>
      </c>
      <c r="W2263" s="83">
        <f>Bühler!N2295</f>
        <v>45386.20833332785</v>
      </c>
      <c r="X2263" s="83">
        <v>43195.208333333336</v>
      </c>
      <c r="Y2263">
        <v>266810.07079999999</v>
      </c>
      <c r="Z2263">
        <v>17546.90769</v>
      </c>
      <c r="AA2263">
        <v>67931.720679999999</v>
      </c>
      <c r="AB2263">
        <v>42776.540410000001</v>
      </c>
      <c r="AC2263">
        <v>40742.220710000001</v>
      </c>
      <c r="AD2263">
        <v>28101.16548</v>
      </c>
      <c r="AE2263">
        <v>39725.108829999997</v>
      </c>
      <c r="AF2263">
        <v>47781.637490000001</v>
      </c>
      <c r="AG2263">
        <v>18250.619119999999</v>
      </c>
      <c r="AH2263">
        <v>316948.65519999998</v>
      </c>
      <c r="AI2263">
        <v>79835.474449999994</v>
      </c>
      <c r="AJ2263">
        <v>24407.628980000001</v>
      </c>
      <c r="AK2263">
        <v>29861.459879999999</v>
      </c>
      <c r="AL2263">
        <v>97378.630529999995</v>
      </c>
      <c r="AM2263">
        <v>25050.25301</v>
      </c>
      <c r="AN2263">
        <v>79818.966220000002</v>
      </c>
      <c r="AO2263">
        <v>23699.562699999999</v>
      </c>
      <c r="AP2263">
        <v>18139.974900000001</v>
      </c>
    </row>
    <row r="2264" spans="2:42" x14ac:dyDescent="0.3">
      <c r="B2264">
        <v>66.057302826249241</v>
      </c>
      <c r="C2264" s="83">
        <v>43195.25</v>
      </c>
      <c r="D2264">
        <v>282964.78950000001</v>
      </c>
      <c r="E2264">
        <v>22365.48458</v>
      </c>
      <c r="F2264">
        <v>80367.900519999996</v>
      </c>
      <c r="G2264">
        <v>56666.035300000003</v>
      </c>
      <c r="H2264">
        <v>44058.467669999998</v>
      </c>
      <c r="I2264">
        <v>36714.667139999998</v>
      </c>
      <c r="J2264">
        <v>44151.918299999998</v>
      </c>
      <c r="K2264">
        <v>49959.461869999999</v>
      </c>
      <c r="L2264">
        <v>20199.298149999999</v>
      </c>
      <c r="M2264">
        <v>336790.9351</v>
      </c>
      <c r="N2264">
        <v>83334.606580000007</v>
      </c>
      <c r="O2264">
        <v>25108.924889999998</v>
      </c>
      <c r="P2264">
        <v>30908.116389999999</v>
      </c>
      <c r="Q2264">
        <v>99034.849610000005</v>
      </c>
      <c r="R2264">
        <v>20872.344990000001</v>
      </c>
      <c r="S2264">
        <v>89234.18</v>
      </c>
      <c r="T2264">
        <v>27193.085780000001</v>
      </c>
      <c r="U2264">
        <v>19415.351149999999</v>
      </c>
      <c r="W2264" s="83">
        <f>Bühler!N2296</f>
        <v>45386.249999994514</v>
      </c>
      <c r="X2264" s="83">
        <v>43195.25</v>
      </c>
      <c r="Y2264">
        <v>282964.78950000001</v>
      </c>
      <c r="Z2264">
        <v>22365.48458</v>
      </c>
      <c r="AA2264">
        <v>80367.900519999996</v>
      </c>
      <c r="AB2264">
        <v>56666.035300000003</v>
      </c>
      <c r="AC2264">
        <v>44058.467669999998</v>
      </c>
      <c r="AD2264">
        <v>36714.667139999998</v>
      </c>
      <c r="AE2264">
        <v>44151.918299999998</v>
      </c>
      <c r="AF2264">
        <v>49959.461869999999</v>
      </c>
      <c r="AG2264">
        <v>20199.298149999999</v>
      </c>
      <c r="AH2264">
        <v>336790.9351</v>
      </c>
      <c r="AI2264">
        <v>83334.606580000007</v>
      </c>
      <c r="AJ2264">
        <v>25108.924889999998</v>
      </c>
      <c r="AK2264">
        <v>30908.116389999999</v>
      </c>
      <c r="AL2264">
        <v>99034.849610000005</v>
      </c>
      <c r="AM2264">
        <v>20872.344990000001</v>
      </c>
      <c r="AN2264">
        <v>89234.18</v>
      </c>
      <c r="AO2264">
        <v>27193.085780000001</v>
      </c>
      <c r="AP2264">
        <v>19415.351149999999</v>
      </c>
    </row>
    <row r="2265" spans="2:42" x14ac:dyDescent="0.3">
      <c r="B2265">
        <v>68.397846942781129</v>
      </c>
      <c r="C2265" s="83">
        <v>43195.291666666664</v>
      </c>
      <c r="D2265">
        <v>297443.64789999998</v>
      </c>
      <c r="E2265">
        <v>27113.145820000002</v>
      </c>
      <c r="F2265">
        <v>84358.715339999995</v>
      </c>
      <c r="G2265">
        <v>70982.078020000001</v>
      </c>
      <c r="H2265">
        <v>49993.659890000003</v>
      </c>
      <c r="I2265">
        <v>44646.167479999996</v>
      </c>
      <c r="J2265">
        <v>45190.331689999999</v>
      </c>
      <c r="K2265">
        <v>55856.836170000002</v>
      </c>
      <c r="L2265">
        <v>23504.362570000001</v>
      </c>
      <c r="M2265">
        <v>348724.12050000002</v>
      </c>
      <c r="N2265">
        <v>88897.984890000007</v>
      </c>
      <c r="O2265">
        <v>28140.629679999998</v>
      </c>
      <c r="P2265">
        <v>34572.210189999998</v>
      </c>
      <c r="Q2265">
        <v>98463.436719999998</v>
      </c>
      <c r="R2265">
        <v>22080.85339</v>
      </c>
      <c r="S2265">
        <v>104826.6306</v>
      </c>
      <c r="T2265">
        <v>30656.922299999998</v>
      </c>
      <c r="U2265">
        <v>24478.188880000002</v>
      </c>
      <c r="W2265" s="83">
        <f>Bühler!N2297</f>
        <v>45386.291666661178</v>
      </c>
      <c r="X2265" s="83">
        <v>43195.291666666664</v>
      </c>
      <c r="Y2265">
        <v>297443.64789999998</v>
      </c>
      <c r="Z2265">
        <v>27113.145820000002</v>
      </c>
      <c r="AA2265">
        <v>84358.715339999995</v>
      </c>
      <c r="AB2265">
        <v>70982.078020000001</v>
      </c>
      <c r="AC2265">
        <v>49993.659890000003</v>
      </c>
      <c r="AD2265">
        <v>44646.167479999996</v>
      </c>
      <c r="AE2265">
        <v>45190.331689999999</v>
      </c>
      <c r="AF2265">
        <v>55856.836170000002</v>
      </c>
      <c r="AG2265">
        <v>23504.362570000001</v>
      </c>
      <c r="AH2265">
        <v>348724.12050000002</v>
      </c>
      <c r="AI2265">
        <v>88897.984890000007</v>
      </c>
      <c r="AJ2265">
        <v>28140.629679999998</v>
      </c>
      <c r="AK2265">
        <v>34572.210189999998</v>
      </c>
      <c r="AL2265">
        <v>98463.436719999998</v>
      </c>
      <c r="AM2265">
        <v>22080.85339</v>
      </c>
      <c r="AN2265">
        <v>104826.6306</v>
      </c>
      <c r="AO2265">
        <v>30656.922299999998</v>
      </c>
      <c r="AP2265">
        <v>24478.188880000002</v>
      </c>
    </row>
    <row r="2266" spans="2:42" x14ac:dyDescent="0.3">
      <c r="B2266">
        <v>68.867302351421117</v>
      </c>
      <c r="C2266" s="83">
        <v>43195.333333333336</v>
      </c>
      <c r="D2266">
        <v>306455.32659999997</v>
      </c>
      <c r="E2266">
        <v>33339.523560000001</v>
      </c>
      <c r="F2266">
        <v>89634.230429999996</v>
      </c>
      <c r="G2266">
        <v>89160.072610000003</v>
      </c>
      <c r="H2266">
        <v>55121.755870000001</v>
      </c>
      <c r="I2266">
        <v>47091.423360000001</v>
      </c>
      <c r="J2266">
        <v>45501.13147</v>
      </c>
      <c r="K2266">
        <v>61210.536370000002</v>
      </c>
      <c r="L2266">
        <v>26936.480240000001</v>
      </c>
      <c r="M2266">
        <v>351117.62310000003</v>
      </c>
      <c r="N2266">
        <v>96275.789529999995</v>
      </c>
      <c r="O2266">
        <v>28964.987659999999</v>
      </c>
      <c r="P2266">
        <v>37055.903180000001</v>
      </c>
      <c r="Q2266">
        <v>98345.034150000007</v>
      </c>
      <c r="R2266">
        <v>23807.69011</v>
      </c>
      <c r="S2266">
        <v>117249.80590000001</v>
      </c>
      <c r="T2266">
        <v>35247.504699999998</v>
      </c>
      <c r="U2266">
        <v>27547.49769</v>
      </c>
      <c r="W2266" s="83">
        <f>Bühler!N2298</f>
        <v>45386.333333327842</v>
      </c>
      <c r="X2266" s="83">
        <v>43195.333333333336</v>
      </c>
      <c r="Y2266">
        <v>306455.32659999997</v>
      </c>
      <c r="Z2266">
        <v>33339.523560000001</v>
      </c>
      <c r="AA2266">
        <v>89634.230429999996</v>
      </c>
      <c r="AB2266">
        <v>89160.072610000003</v>
      </c>
      <c r="AC2266">
        <v>55121.755870000001</v>
      </c>
      <c r="AD2266">
        <v>47091.423360000001</v>
      </c>
      <c r="AE2266">
        <v>45501.13147</v>
      </c>
      <c r="AF2266">
        <v>61210.536370000002</v>
      </c>
      <c r="AG2266">
        <v>26936.480240000001</v>
      </c>
      <c r="AH2266">
        <v>351117.62310000003</v>
      </c>
      <c r="AI2266">
        <v>96275.789529999995</v>
      </c>
      <c r="AJ2266">
        <v>28964.987659999999</v>
      </c>
      <c r="AK2266">
        <v>37055.903180000001</v>
      </c>
      <c r="AL2266">
        <v>98345.034150000007</v>
      </c>
      <c r="AM2266">
        <v>23807.69011</v>
      </c>
      <c r="AN2266">
        <v>117249.80590000001</v>
      </c>
      <c r="AO2266">
        <v>35247.504699999998</v>
      </c>
      <c r="AP2266">
        <v>27547.49769</v>
      </c>
    </row>
    <row r="2267" spans="2:42" x14ac:dyDescent="0.3">
      <c r="B2267">
        <v>68.993427965845257</v>
      </c>
      <c r="C2267" s="83">
        <v>43195.375</v>
      </c>
      <c r="D2267">
        <v>306689.58149999997</v>
      </c>
      <c r="E2267">
        <v>37927.143259999997</v>
      </c>
      <c r="F2267">
        <v>95629.074219999995</v>
      </c>
      <c r="G2267">
        <v>99038.449659999998</v>
      </c>
      <c r="H2267">
        <v>57926.103210000001</v>
      </c>
      <c r="I2267">
        <v>45450.635190000001</v>
      </c>
      <c r="J2267">
        <v>45836.066420000003</v>
      </c>
      <c r="K2267">
        <v>63974.944730000003</v>
      </c>
      <c r="L2267">
        <v>29558.771379999998</v>
      </c>
      <c r="M2267">
        <v>351760.6703</v>
      </c>
      <c r="N2267">
        <v>101344.5114</v>
      </c>
      <c r="O2267">
        <v>29317.04639</v>
      </c>
      <c r="P2267">
        <v>39119.781649999997</v>
      </c>
      <c r="Q2267">
        <v>98751.442909999998</v>
      </c>
      <c r="R2267">
        <v>24813.566859999999</v>
      </c>
      <c r="S2267">
        <v>125464.3195</v>
      </c>
      <c r="T2267">
        <v>37234.959759999998</v>
      </c>
      <c r="U2267">
        <v>27408.31134</v>
      </c>
      <c r="W2267" s="83">
        <f>Bühler!N2299</f>
        <v>45386.374999994507</v>
      </c>
      <c r="X2267" s="83">
        <v>43195.375</v>
      </c>
      <c r="Y2267">
        <v>306689.58149999997</v>
      </c>
      <c r="Z2267">
        <v>37927.143259999997</v>
      </c>
      <c r="AA2267">
        <v>95629.074219999995</v>
      </c>
      <c r="AB2267">
        <v>99038.449659999998</v>
      </c>
      <c r="AC2267">
        <v>57926.103210000001</v>
      </c>
      <c r="AD2267">
        <v>45450.635190000001</v>
      </c>
      <c r="AE2267">
        <v>45836.066420000003</v>
      </c>
      <c r="AF2267">
        <v>63974.944730000003</v>
      </c>
      <c r="AG2267">
        <v>29558.771379999998</v>
      </c>
      <c r="AH2267">
        <v>351760.6703</v>
      </c>
      <c r="AI2267">
        <v>101344.5114</v>
      </c>
      <c r="AJ2267">
        <v>29317.04639</v>
      </c>
      <c r="AK2267">
        <v>39119.781649999997</v>
      </c>
      <c r="AL2267">
        <v>98751.442909999998</v>
      </c>
      <c r="AM2267">
        <v>24813.566859999999</v>
      </c>
      <c r="AN2267">
        <v>125464.3195</v>
      </c>
      <c r="AO2267">
        <v>37234.959759999998</v>
      </c>
      <c r="AP2267">
        <v>27408.31134</v>
      </c>
    </row>
    <row r="2268" spans="2:42" x14ac:dyDescent="0.3">
      <c r="B2268">
        <v>69.120835534402602</v>
      </c>
      <c r="C2268" s="83">
        <v>43195.416666666664</v>
      </c>
      <c r="D2268">
        <v>308632.25709999999</v>
      </c>
      <c r="E2268">
        <v>39184.886720000002</v>
      </c>
      <c r="F2268">
        <v>96795.782760000002</v>
      </c>
      <c r="G2268">
        <v>99617.129749999993</v>
      </c>
      <c r="H2268">
        <v>57256.501510000002</v>
      </c>
      <c r="I2268">
        <v>42724.682070000003</v>
      </c>
      <c r="J2268">
        <v>45012.318570000003</v>
      </c>
      <c r="K2268">
        <v>64867.232239999998</v>
      </c>
      <c r="L2268">
        <v>33016.363879999997</v>
      </c>
      <c r="M2268">
        <v>352410.25349999999</v>
      </c>
      <c r="N2268">
        <v>104758.8876</v>
      </c>
      <c r="O2268">
        <v>29072.53702</v>
      </c>
      <c r="P2268">
        <v>40418.119350000001</v>
      </c>
      <c r="Q2268">
        <v>98890.956550000003</v>
      </c>
      <c r="R2268">
        <v>24960.06595</v>
      </c>
      <c r="S2268">
        <v>124637.7246</v>
      </c>
      <c r="T2268">
        <v>38746.160389999997</v>
      </c>
      <c r="U2268">
        <v>26766.725279999999</v>
      </c>
      <c r="W2268" s="83">
        <f>Bühler!N2300</f>
        <v>45386.416666661171</v>
      </c>
      <c r="X2268" s="83">
        <v>43195.416666666664</v>
      </c>
      <c r="Y2268">
        <v>308632.25709999999</v>
      </c>
      <c r="Z2268">
        <v>39184.886720000002</v>
      </c>
      <c r="AA2268">
        <v>96795.782760000002</v>
      </c>
      <c r="AB2268">
        <v>99617.129749999993</v>
      </c>
      <c r="AC2268">
        <v>57256.501510000002</v>
      </c>
      <c r="AD2268">
        <v>42724.682070000003</v>
      </c>
      <c r="AE2268">
        <v>45012.318570000003</v>
      </c>
      <c r="AF2268">
        <v>64867.232239999998</v>
      </c>
      <c r="AG2268">
        <v>33016.363879999997</v>
      </c>
      <c r="AH2268">
        <v>352410.25349999999</v>
      </c>
      <c r="AI2268">
        <v>104758.8876</v>
      </c>
      <c r="AJ2268">
        <v>29072.53702</v>
      </c>
      <c r="AK2268">
        <v>40418.119350000001</v>
      </c>
      <c r="AL2268">
        <v>98890.956550000003</v>
      </c>
      <c r="AM2268">
        <v>24960.06595</v>
      </c>
      <c r="AN2268">
        <v>124637.7246</v>
      </c>
      <c r="AO2268">
        <v>38746.160389999997</v>
      </c>
      <c r="AP2268">
        <v>26766.725279999999</v>
      </c>
    </row>
    <row r="2269" spans="2:42" x14ac:dyDescent="0.3">
      <c r="B2269">
        <v>69.576781782565604</v>
      </c>
      <c r="C2269" s="83">
        <v>43195.458333333336</v>
      </c>
      <c r="D2269">
        <v>306587.12660000002</v>
      </c>
      <c r="E2269">
        <v>38482.082699999999</v>
      </c>
      <c r="F2269">
        <v>96495.544859999995</v>
      </c>
      <c r="G2269">
        <v>96382.40049</v>
      </c>
      <c r="H2269">
        <v>57092.920689999999</v>
      </c>
      <c r="I2269">
        <v>41771.159619999999</v>
      </c>
      <c r="J2269">
        <v>44826.310169999997</v>
      </c>
      <c r="K2269">
        <v>63925.14028</v>
      </c>
      <c r="L2269">
        <v>34260.927150000003</v>
      </c>
      <c r="M2269">
        <v>354734.88010000001</v>
      </c>
      <c r="N2269">
        <v>104450.06570000001</v>
      </c>
      <c r="O2269">
        <v>29259.079809999999</v>
      </c>
      <c r="P2269">
        <v>38659.17308</v>
      </c>
      <c r="Q2269">
        <v>97835.369130000006</v>
      </c>
      <c r="R2269">
        <v>26981.708289999999</v>
      </c>
      <c r="S2269">
        <v>126661.3873</v>
      </c>
      <c r="T2269">
        <v>37735.839599999999</v>
      </c>
      <c r="U2269">
        <v>26013.088299999999</v>
      </c>
      <c r="W2269" s="83">
        <f>Bühler!N2301</f>
        <v>45386.458333327835</v>
      </c>
      <c r="X2269" s="83">
        <v>43195.458333333336</v>
      </c>
      <c r="Y2269">
        <v>306587.12660000002</v>
      </c>
      <c r="Z2269">
        <v>38482.082699999999</v>
      </c>
      <c r="AA2269">
        <v>96495.544859999995</v>
      </c>
      <c r="AB2269">
        <v>96382.40049</v>
      </c>
      <c r="AC2269">
        <v>57092.920689999999</v>
      </c>
      <c r="AD2269">
        <v>41771.159619999999</v>
      </c>
      <c r="AE2269">
        <v>44826.310169999997</v>
      </c>
      <c r="AF2269">
        <v>63925.14028</v>
      </c>
      <c r="AG2269">
        <v>34260.927150000003</v>
      </c>
      <c r="AH2269">
        <v>354734.88010000001</v>
      </c>
      <c r="AI2269">
        <v>104450.06570000001</v>
      </c>
      <c r="AJ2269">
        <v>29259.079809999999</v>
      </c>
      <c r="AK2269">
        <v>38659.17308</v>
      </c>
      <c r="AL2269">
        <v>97835.369130000006</v>
      </c>
      <c r="AM2269">
        <v>26981.708289999999</v>
      </c>
      <c r="AN2269">
        <v>126661.3873</v>
      </c>
      <c r="AO2269">
        <v>37735.839599999999</v>
      </c>
      <c r="AP2269">
        <v>26013.088299999999</v>
      </c>
    </row>
    <row r="2270" spans="2:42" x14ac:dyDescent="0.3">
      <c r="B2270">
        <v>68.732473413875098</v>
      </c>
      <c r="C2270" s="83">
        <v>43195.5</v>
      </c>
      <c r="D2270">
        <v>293052.91480000003</v>
      </c>
      <c r="E2270">
        <v>34086.384789999996</v>
      </c>
      <c r="F2270">
        <v>93870.942819999997</v>
      </c>
      <c r="G2270">
        <v>94590.195110000001</v>
      </c>
      <c r="H2270">
        <v>53259.660040000002</v>
      </c>
      <c r="I2270">
        <v>40118.258710000002</v>
      </c>
      <c r="J2270">
        <v>45007.129229999999</v>
      </c>
      <c r="K2270">
        <v>60548.336990000003</v>
      </c>
      <c r="L2270">
        <v>36280.600380000003</v>
      </c>
      <c r="M2270">
        <v>350430.2023</v>
      </c>
      <c r="N2270">
        <v>99375.971900000004</v>
      </c>
      <c r="O2270">
        <v>27961.201369999999</v>
      </c>
      <c r="P2270">
        <v>39934.078730000001</v>
      </c>
      <c r="Q2270">
        <v>96436.63248</v>
      </c>
      <c r="R2270">
        <v>26503.964230000001</v>
      </c>
      <c r="S2270">
        <v>119514.5788</v>
      </c>
      <c r="T2270">
        <v>37768.583769999997</v>
      </c>
      <c r="U2270">
        <v>22300.600040000001</v>
      </c>
      <c r="W2270" s="83">
        <f>Bühler!N2302</f>
        <v>45386.499999994499</v>
      </c>
      <c r="X2270" s="83">
        <v>43195.5</v>
      </c>
      <c r="Y2270">
        <v>293052.91480000003</v>
      </c>
      <c r="Z2270">
        <v>34086.384789999996</v>
      </c>
      <c r="AA2270">
        <v>93870.942819999997</v>
      </c>
      <c r="AB2270">
        <v>94590.195110000001</v>
      </c>
      <c r="AC2270">
        <v>53259.660040000002</v>
      </c>
      <c r="AD2270">
        <v>40118.258710000002</v>
      </c>
      <c r="AE2270">
        <v>45007.129229999999</v>
      </c>
      <c r="AF2270">
        <v>60548.336990000003</v>
      </c>
      <c r="AG2270">
        <v>36280.600380000003</v>
      </c>
      <c r="AH2270">
        <v>350430.2023</v>
      </c>
      <c r="AI2270">
        <v>99375.971900000004</v>
      </c>
      <c r="AJ2270">
        <v>27961.201369999999</v>
      </c>
      <c r="AK2270">
        <v>39934.078730000001</v>
      </c>
      <c r="AL2270">
        <v>96436.63248</v>
      </c>
      <c r="AM2270">
        <v>26503.964230000001</v>
      </c>
      <c r="AN2270">
        <v>119514.5788</v>
      </c>
      <c r="AO2270">
        <v>37768.583769999997</v>
      </c>
      <c r="AP2270">
        <v>22300.600040000001</v>
      </c>
    </row>
    <row r="2271" spans="2:42" x14ac:dyDescent="0.3">
      <c r="B2271">
        <v>67.844612869862218</v>
      </c>
      <c r="C2271" s="83">
        <v>43195.541666666664</v>
      </c>
      <c r="D2271">
        <v>295707.87420000002</v>
      </c>
      <c r="E2271">
        <v>33934.359980000001</v>
      </c>
      <c r="F2271">
        <v>92076.726590000006</v>
      </c>
      <c r="G2271">
        <v>90162.322</v>
      </c>
      <c r="H2271">
        <v>54104.341899999999</v>
      </c>
      <c r="I2271">
        <v>39607.543879999997</v>
      </c>
      <c r="J2271">
        <v>44237.425069999998</v>
      </c>
      <c r="K2271">
        <v>63879.341489999999</v>
      </c>
      <c r="L2271">
        <v>34519.16001</v>
      </c>
      <c r="M2271">
        <v>345903.47519999999</v>
      </c>
      <c r="N2271">
        <v>99514.330809999999</v>
      </c>
      <c r="O2271">
        <v>28079.20984</v>
      </c>
      <c r="P2271">
        <v>38325.345009999997</v>
      </c>
      <c r="Q2271">
        <v>94862.30012</v>
      </c>
      <c r="R2271">
        <v>26175.283169999999</v>
      </c>
      <c r="S2271">
        <v>119036.6732</v>
      </c>
      <c r="T2271">
        <v>37783.602140000003</v>
      </c>
      <c r="U2271">
        <v>24328.563440000002</v>
      </c>
      <c r="W2271" s="83">
        <f>Bühler!N2303</f>
        <v>45386.541666661164</v>
      </c>
      <c r="X2271" s="83">
        <v>43195.541666666664</v>
      </c>
      <c r="Y2271">
        <v>295707.87420000002</v>
      </c>
      <c r="Z2271">
        <v>33934.359980000001</v>
      </c>
      <c r="AA2271">
        <v>92076.726590000006</v>
      </c>
      <c r="AB2271">
        <v>90162.322</v>
      </c>
      <c r="AC2271">
        <v>54104.341899999999</v>
      </c>
      <c r="AD2271">
        <v>39607.543879999997</v>
      </c>
      <c r="AE2271">
        <v>44237.425069999998</v>
      </c>
      <c r="AF2271">
        <v>63879.341489999999</v>
      </c>
      <c r="AG2271">
        <v>34519.16001</v>
      </c>
      <c r="AH2271">
        <v>345903.47519999999</v>
      </c>
      <c r="AI2271">
        <v>99514.330809999999</v>
      </c>
      <c r="AJ2271">
        <v>28079.20984</v>
      </c>
      <c r="AK2271">
        <v>38325.345009999997</v>
      </c>
      <c r="AL2271">
        <v>94862.30012</v>
      </c>
      <c r="AM2271">
        <v>26175.283169999999</v>
      </c>
      <c r="AN2271">
        <v>119036.6732</v>
      </c>
      <c r="AO2271">
        <v>37783.602140000003</v>
      </c>
      <c r="AP2271">
        <v>24328.563440000002</v>
      </c>
    </row>
    <row r="2272" spans="2:42" x14ac:dyDescent="0.3">
      <c r="B2272">
        <v>67.07291649371416</v>
      </c>
      <c r="C2272" s="83">
        <v>43195.583333333336</v>
      </c>
      <c r="D2272">
        <v>299499.08889999997</v>
      </c>
      <c r="E2272">
        <v>36846.114049999996</v>
      </c>
      <c r="F2272">
        <v>93761.53946</v>
      </c>
      <c r="G2272">
        <v>84538.767540000001</v>
      </c>
      <c r="H2272">
        <v>53446.873099999997</v>
      </c>
      <c r="I2272">
        <v>40506.159500000002</v>
      </c>
      <c r="J2272">
        <v>43228.038</v>
      </c>
      <c r="K2272">
        <v>64883.287969999998</v>
      </c>
      <c r="L2272">
        <v>30710.62644</v>
      </c>
      <c r="M2272">
        <v>341969.00719999999</v>
      </c>
      <c r="N2272">
        <v>99822.280220000001</v>
      </c>
      <c r="O2272">
        <v>28024.29682</v>
      </c>
      <c r="P2272">
        <v>35477.505140000001</v>
      </c>
      <c r="Q2272">
        <v>93853.348270000002</v>
      </c>
      <c r="R2272">
        <v>24806.891149999999</v>
      </c>
      <c r="S2272">
        <v>113261.8122</v>
      </c>
      <c r="T2272">
        <v>36172.176780000002</v>
      </c>
      <c r="U2272">
        <v>24881.837179999999</v>
      </c>
      <c r="W2272" s="83">
        <f>Bühler!N2304</f>
        <v>45386.583333327828</v>
      </c>
      <c r="X2272" s="83">
        <v>43195.583333333336</v>
      </c>
      <c r="Y2272">
        <v>299499.08889999997</v>
      </c>
      <c r="Z2272">
        <v>36846.114049999996</v>
      </c>
      <c r="AA2272">
        <v>93761.53946</v>
      </c>
      <c r="AB2272">
        <v>84538.767540000001</v>
      </c>
      <c r="AC2272">
        <v>53446.873099999997</v>
      </c>
      <c r="AD2272">
        <v>40506.159500000002</v>
      </c>
      <c r="AE2272">
        <v>43228.038</v>
      </c>
      <c r="AF2272">
        <v>64883.287969999998</v>
      </c>
      <c r="AG2272">
        <v>30710.62644</v>
      </c>
      <c r="AH2272">
        <v>341969.00719999999</v>
      </c>
      <c r="AI2272">
        <v>99822.280220000001</v>
      </c>
      <c r="AJ2272">
        <v>28024.29682</v>
      </c>
      <c r="AK2272">
        <v>35477.505140000001</v>
      </c>
      <c r="AL2272">
        <v>93853.348270000002</v>
      </c>
      <c r="AM2272">
        <v>24806.891149999999</v>
      </c>
      <c r="AN2272">
        <v>113261.8122</v>
      </c>
      <c r="AO2272">
        <v>36172.176780000002</v>
      </c>
      <c r="AP2272">
        <v>24881.837179999999</v>
      </c>
    </row>
    <row r="2273" spans="2:42" x14ac:dyDescent="0.3">
      <c r="B2273">
        <v>66.686936050182354</v>
      </c>
      <c r="C2273" s="83">
        <v>43195.625</v>
      </c>
      <c r="D2273">
        <v>296519.99690000003</v>
      </c>
      <c r="E2273">
        <v>36390.532379999997</v>
      </c>
      <c r="F2273">
        <v>94952.912190000003</v>
      </c>
      <c r="G2273">
        <v>80218.591</v>
      </c>
      <c r="H2273">
        <v>52507.815860000002</v>
      </c>
      <c r="I2273">
        <v>40774.324959999998</v>
      </c>
      <c r="J2273">
        <v>42922.697269999997</v>
      </c>
      <c r="K2273">
        <v>62139.400280000002</v>
      </c>
      <c r="L2273">
        <v>27604.63091</v>
      </c>
      <c r="M2273">
        <v>340001.09889999998</v>
      </c>
      <c r="N2273">
        <v>97979.555829999998</v>
      </c>
      <c r="O2273">
        <v>26920.113150000001</v>
      </c>
      <c r="P2273">
        <v>31502.16992</v>
      </c>
      <c r="Q2273">
        <v>92626.421109999996</v>
      </c>
      <c r="R2273">
        <v>24539.740689999999</v>
      </c>
      <c r="S2273">
        <v>111083.29979999999</v>
      </c>
      <c r="T2273">
        <v>35652.44298</v>
      </c>
      <c r="U2273">
        <v>23955.35598</v>
      </c>
      <c r="W2273" s="83">
        <f>Bühler!N2305</f>
        <v>45386.624999994492</v>
      </c>
      <c r="X2273" s="83">
        <v>43195.625</v>
      </c>
      <c r="Y2273">
        <v>296519.99690000003</v>
      </c>
      <c r="Z2273">
        <v>36390.532379999997</v>
      </c>
      <c r="AA2273">
        <v>94952.912190000003</v>
      </c>
      <c r="AB2273">
        <v>80218.591</v>
      </c>
      <c r="AC2273">
        <v>52507.815860000002</v>
      </c>
      <c r="AD2273">
        <v>40774.324959999998</v>
      </c>
      <c r="AE2273">
        <v>42922.697269999997</v>
      </c>
      <c r="AF2273">
        <v>62139.400280000002</v>
      </c>
      <c r="AG2273">
        <v>27604.63091</v>
      </c>
      <c r="AH2273">
        <v>340001.09889999998</v>
      </c>
      <c r="AI2273">
        <v>97979.555829999998</v>
      </c>
      <c r="AJ2273">
        <v>26920.113150000001</v>
      </c>
      <c r="AK2273">
        <v>31502.16992</v>
      </c>
      <c r="AL2273">
        <v>92626.421109999996</v>
      </c>
      <c r="AM2273">
        <v>24539.740689999999</v>
      </c>
      <c r="AN2273">
        <v>111083.29979999999</v>
      </c>
      <c r="AO2273">
        <v>35652.44298</v>
      </c>
      <c r="AP2273">
        <v>23955.35598</v>
      </c>
    </row>
    <row r="2274" spans="2:42" x14ac:dyDescent="0.3">
      <c r="B2274">
        <v>65.757551332859208</v>
      </c>
      <c r="C2274" s="83">
        <v>43195.666666666664</v>
      </c>
      <c r="D2274">
        <v>288873.86540000001</v>
      </c>
      <c r="E2274">
        <v>35456.378080000002</v>
      </c>
      <c r="F2274">
        <v>93806.899699999994</v>
      </c>
      <c r="G2274">
        <v>74581.185419999994</v>
      </c>
      <c r="H2274">
        <v>50146.042280000001</v>
      </c>
      <c r="I2274">
        <v>41809.810799999999</v>
      </c>
      <c r="J2274">
        <v>41751.784769999998</v>
      </c>
      <c r="K2274">
        <v>58871.33627</v>
      </c>
      <c r="L2274">
        <v>26872.14703</v>
      </c>
      <c r="M2274">
        <v>335262.66220000002</v>
      </c>
      <c r="N2274">
        <v>95625.398579999994</v>
      </c>
      <c r="O2274">
        <v>26416.33324</v>
      </c>
      <c r="P2274">
        <v>31792.409680000001</v>
      </c>
      <c r="Q2274">
        <v>92467.236999999994</v>
      </c>
      <c r="R2274">
        <v>23892.256580000001</v>
      </c>
      <c r="S2274">
        <v>108140.2205</v>
      </c>
      <c r="T2274">
        <v>34752.388200000001</v>
      </c>
      <c r="U2274">
        <v>21521.81637</v>
      </c>
      <c r="W2274" s="83">
        <f>Bühler!N2306</f>
        <v>45386.666666661156</v>
      </c>
      <c r="X2274" s="83">
        <v>43195.666666666664</v>
      </c>
      <c r="Y2274">
        <v>288873.86540000001</v>
      </c>
      <c r="Z2274">
        <v>35456.378080000002</v>
      </c>
      <c r="AA2274">
        <v>93806.899699999994</v>
      </c>
      <c r="AB2274">
        <v>74581.185419999994</v>
      </c>
      <c r="AC2274">
        <v>50146.042280000001</v>
      </c>
      <c r="AD2274">
        <v>41809.810799999999</v>
      </c>
      <c r="AE2274">
        <v>41751.784769999998</v>
      </c>
      <c r="AF2274">
        <v>58871.33627</v>
      </c>
      <c r="AG2274">
        <v>26872.14703</v>
      </c>
      <c r="AH2274">
        <v>335262.66220000002</v>
      </c>
      <c r="AI2274">
        <v>95625.398579999994</v>
      </c>
      <c r="AJ2274">
        <v>26416.33324</v>
      </c>
      <c r="AK2274">
        <v>31792.409680000001</v>
      </c>
      <c r="AL2274">
        <v>92467.236999999994</v>
      </c>
      <c r="AM2274">
        <v>23892.256580000001</v>
      </c>
      <c r="AN2274">
        <v>108140.2205</v>
      </c>
      <c r="AO2274">
        <v>34752.388200000001</v>
      </c>
      <c r="AP2274">
        <v>21521.81637</v>
      </c>
    </row>
    <row r="2275" spans="2:42" x14ac:dyDescent="0.3">
      <c r="B2275">
        <v>64.731805147783078</v>
      </c>
      <c r="C2275" s="83">
        <v>43195.708333333336</v>
      </c>
      <c r="D2275">
        <v>279274.81219999999</v>
      </c>
      <c r="E2275">
        <v>33048.640610000002</v>
      </c>
      <c r="F2275">
        <v>92407.066760000002</v>
      </c>
      <c r="G2275">
        <v>66351.822570000004</v>
      </c>
      <c r="H2275">
        <v>47940.51973</v>
      </c>
      <c r="I2275">
        <v>40622.410580000003</v>
      </c>
      <c r="J2275">
        <v>41827.259769999997</v>
      </c>
      <c r="K2275">
        <v>54801.936130000002</v>
      </c>
      <c r="L2275">
        <v>27407.809000000001</v>
      </c>
      <c r="M2275">
        <v>330032.92979999998</v>
      </c>
      <c r="N2275">
        <v>89703.570760000002</v>
      </c>
      <c r="O2275">
        <v>25228.584510000001</v>
      </c>
      <c r="P2275">
        <v>33015.600919999997</v>
      </c>
      <c r="Q2275">
        <v>91529.082450000002</v>
      </c>
      <c r="R2275">
        <v>24670.89316</v>
      </c>
      <c r="S2275">
        <v>103528.0197</v>
      </c>
      <c r="T2275">
        <v>34378.383500000004</v>
      </c>
      <c r="U2275">
        <v>19277.759030000001</v>
      </c>
      <c r="W2275" s="83">
        <f>Bühler!N2307</f>
        <v>45386.708333327821</v>
      </c>
      <c r="X2275" s="83">
        <v>43195.708333333336</v>
      </c>
      <c r="Y2275">
        <v>279274.81219999999</v>
      </c>
      <c r="Z2275">
        <v>33048.640610000002</v>
      </c>
      <c r="AA2275">
        <v>92407.066760000002</v>
      </c>
      <c r="AB2275">
        <v>66351.822570000004</v>
      </c>
      <c r="AC2275">
        <v>47940.51973</v>
      </c>
      <c r="AD2275">
        <v>40622.410580000003</v>
      </c>
      <c r="AE2275">
        <v>41827.259769999997</v>
      </c>
      <c r="AF2275">
        <v>54801.936130000002</v>
      </c>
      <c r="AG2275">
        <v>27407.809000000001</v>
      </c>
      <c r="AH2275">
        <v>330032.92979999998</v>
      </c>
      <c r="AI2275">
        <v>89703.570760000002</v>
      </c>
      <c r="AJ2275">
        <v>25228.584510000001</v>
      </c>
      <c r="AK2275">
        <v>33015.600919999997</v>
      </c>
      <c r="AL2275">
        <v>91529.082450000002</v>
      </c>
      <c r="AM2275">
        <v>24670.89316</v>
      </c>
      <c r="AN2275">
        <v>103528.0197</v>
      </c>
      <c r="AO2275">
        <v>34378.383500000004</v>
      </c>
      <c r="AP2275">
        <v>19277.759030000001</v>
      </c>
    </row>
    <row r="2276" spans="2:42" x14ac:dyDescent="0.3">
      <c r="B2276">
        <v>62.952277679819062</v>
      </c>
      <c r="C2276" s="83">
        <v>43195.75</v>
      </c>
      <c r="D2276">
        <v>271583.55670000002</v>
      </c>
      <c r="E2276">
        <v>29728.87802</v>
      </c>
      <c r="F2276">
        <v>90753.577149999997</v>
      </c>
      <c r="G2276">
        <v>57909.08367</v>
      </c>
      <c r="H2276">
        <v>45248.890789999998</v>
      </c>
      <c r="I2276">
        <v>39452.011229999996</v>
      </c>
      <c r="J2276">
        <v>41447.60873</v>
      </c>
      <c r="K2276">
        <v>51164.934829999998</v>
      </c>
      <c r="L2276">
        <v>29452.32574</v>
      </c>
      <c r="M2276">
        <v>320960.06890000001</v>
      </c>
      <c r="N2276">
        <v>86947.563169999994</v>
      </c>
      <c r="O2276">
        <v>23728.871729999999</v>
      </c>
      <c r="P2276">
        <v>37108.840300000003</v>
      </c>
      <c r="Q2276">
        <v>90655.951300000001</v>
      </c>
      <c r="R2276">
        <v>22698.362219999999</v>
      </c>
      <c r="S2276">
        <v>97034.387740000006</v>
      </c>
      <c r="T2276">
        <v>34473.550710000003</v>
      </c>
      <c r="U2276">
        <v>17840.47611</v>
      </c>
      <c r="W2276" s="83">
        <f>Bühler!N2308</f>
        <v>45386.749999994485</v>
      </c>
      <c r="X2276" s="83">
        <v>43195.75</v>
      </c>
      <c r="Y2276">
        <v>271583.55670000002</v>
      </c>
      <c r="Z2276">
        <v>29728.87802</v>
      </c>
      <c r="AA2276">
        <v>90753.577149999997</v>
      </c>
      <c r="AB2276">
        <v>57909.08367</v>
      </c>
      <c r="AC2276">
        <v>45248.890789999998</v>
      </c>
      <c r="AD2276">
        <v>39452.011229999996</v>
      </c>
      <c r="AE2276">
        <v>41447.60873</v>
      </c>
      <c r="AF2276">
        <v>51164.934829999998</v>
      </c>
      <c r="AG2276">
        <v>29452.32574</v>
      </c>
      <c r="AH2276">
        <v>320960.06890000001</v>
      </c>
      <c r="AI2276">
        <v>86947.563169999994</v>
      </c>
      <c r="AJ2276">
        <v>23728.871729999999</v>
      </c>
      <c r="AK2276">
        <v>37108.840300000003</v>
      </c>
      <c r="AL2276">
        <v>90655.951300000001</v>
      </c>
      <c r="AM2276">
        <v>22698.362219999999</v>
      </c>
      <c r="AN2276">
        <v>97034.387740000006</v>
      </c>
      <c r="AO2276">
        <v>34473.550710000003</v>
      </c>
      <c r="AP2276">
        <v>17840.47611</v>
      </c>
    </row>
    <row r="2277" spans="2:42" x14ac:dyDescent="0.3">
      <c r="B2277">
        <v>61.237679305781953</v>
      </c>
      <c r="C2277" s="83">
        <v>43195.791666666664</v>
      </c>
      <c r="D2277">
        <v>264387.40379999997</v>
      </c>
      <c r="E2277">
        <v>24976.204399999999</v>
      </c>
      <c r="F2277">
        <v>81703.039520000006</v>
      </c>
      <c r="G2277">
        <v>53448.089449999999</v>
      </c>
      <c r="H2277">
        <v>43203.093139999997</v>
      </c>
      <c r="I2277">
        <v>36478.242160000002</v>
      </c>
      <c r="J2277">
        <v>40812.4231</v>
      </c>
      <c r="K2277">
        <v>51277.751799999998</v>
      </c>
      <c r="L2277">
        <v>30054.73791</v>
      </c>
      <c r="M2277">
        <v>312218.24680000002</v>
      </c>
      <c r="N2277">
        <v>86339.589940000005</v>
      </c>
      <c r="O2277">
        <v>22774.997360000001</v>
      </c>
      <c r="P2277">
        <v>38349.532740000002</v>
      </c>
      <c r="Q2277">
        <v>88147.148650000003</v>
      </c>
      <c r="R2277">
        <v>20679.1129</v>
      </c>
      <c r="S2277">
        <v>92997.381009999997</v>
      </c>
      <c r="T2277">
        <v>34592.347280000002</v>
      </c>
      <c r="U2277">
        <v>16721.857960000001</v>
      </c>
      <c r="W2277" s="83">
        <f>Bühler!N2309</f>
        <v>45386.791666661149</v>
      </c>
      <c r="X2277" s="83">
        <v>43195.791666666664</v>
      </c>
      <c r="Y2277">
        <v>264387.40379999997</v>
      </c>
      <c r="Z2277">
        <v>24976.204399999999</v>
      </c>
      <c r="AA2277">
        <v>81703.039520000006</v>
      </c>
      <c r="AB2277">
        <v>53448.089449999999</v>
      </c>
      <c r="AC2277">
        <v>43203.093139999997</v>
      </c>
      <c r="AD2277">
        <v>36478.242160000002</v>
      </c>
      <c r="AE2277">
        <v>40812.4231</v>
      </c>
      <c r="AF2277">
        <v>51277.751799999998</v>
      </c>
      <c r="AG2277">
        <v>30054.73791</v>
      </c>
      <c r="AH2277">
        <v>312218.24680000002</v>
      </c>
      <c r="AI2277">
        <v>86339.589940000005</v>
      </c>
      <c r="AJ2277">
        <v>22774.997360000001</v>
      </c>
      <c r="AK2277">
        <v>38349.532740000002</v>
      </c>
      <c r="AL2277">
        <v>88147.148650000003</v>
      </c>
      <c r="AM2277">
        <v>20679.1129</v>
      </c>
      <c r="AN2277">
        <v>92997.381009999997</v>
      </c>
      <c r="AO2277">
        <v>34592.347280000002</v>
      </c>
      <c r="AP2277">
        <v>16721.857960000001</v>
      </c>
    </row>
    <row r="2278" spans="2:42" x14ac:dyDescent="0.3">
      <c r="B2278">
        <v>59.334406860861193</v>
      </c>
      <c r="C2278" s="83">
        <v>43195.833333333336</v>
      </c>
      <c r="D2278">
        <v>256924.68460000001</v>
      </c>
      <c r="E2278">
        <v>19735.84532</v>
      </c>
      <c r="F2278">
        <v>68783.273889999997</v>
      </c>
      <c r="G2278">
        <v>49570.283779999998</v>
      </c>
      <c r="H2278">
        <v>42053.264869999999</v>
      </c>
      <c r="I2278">
        <v>33267.152099999999</v>
      </c>
      <c r="J2278">
        <v>42087.908300000003</v>
      </c>
      <c r="K2278">
        <v>50099.131719999998</v>
      </c>
      <c r="L2278">
        <v>30486.232090000001</v>
      </c>
      <c r="M2278">
        <v>302514.47629999998</v>
      </c>
      <c r="N2278">
        <v>85492.508860000002</v>
      </c>
      <c r="O2278">
        <v>22992.366239999999</v>
      </c>
      <c r="P2278">
        <v>40502.772530000002</v>
      </c>
      <c r="Q2278">
        <v>85993.710120000003</v>
      </c>
      <c r="R2278">
        <v>20497.422429999999</v>
      </c>
      <c r="S2278">
        <v>86808.149269999994</v>
      </c>
      <c r="T2278">
        <v>33904.358189999999</v>
      </c>
      <c r="U2278">
        <v>16335.60901</v>
      </c>
      <c r="W2278" s="83">
        <f>Bühler!N2310</f>
        <v>45386.833333327813</v>
      </c>
      <c r="X2278" s="83">
        <v>43195.833333333336</v>
      </c>
      <c r="Y2278">
        <v>256924.68460000001</v>
      </c>
      <c r="Z2278">
        <v>19735.84532</v>
      </c>
      <c r="AA2278">
        <v>68783.273889999997</v>
      </c>
      <c r="AB2278">
        <v>49570.283779999998</v>
      </c>
      <c r="AC2278">
        <v>42053.264869999999</v>
      </c>
      <c r="AD2278">
        <v>33267.152099999999</v>
      </c>
      <c r="AE2278">
        <v>42087.908300000003</v>
      </c>
      <c r="AF2278">
        <v>50099.131719999998</v>
      </c>
      <c r="AG2278">
        <v>30486.232090000001</v>
      </c>
      <c r="AH2278">
        <v>302514.47629999998</v>
      </c>
      <c r="AI2278">
        <v>85492.508860000002</v>
      </c>
      <c r="AJ2278">
        <v>22992.366239999999</v>
      </c>
      <c r="AK2278">
        <v>40502.772530000002</v>
      </c>
      <c r="AL2278">
        <v>85993.710120000003</v>
      </c>
      <c r="AM2278">
        <v>20497.422429999999</v>
      </c>
      <c r="AN2278">
        <v>86808.149269999994</v>
      </c>
      <c r="AO2278">
        <v>33904.358189999999</v>
      </c>
      <c r="AP2278">
        <v>16335.60901</v>
      </c>
    </row>
    <row r="2279" spans="2:42" x14ac:dyDescent="0.3">
      <c r="B2279">
        <v>57.665041500937022</v>
      </c>
      <c r="C2279" s="83">
        <v>43195.875</v>
      </c>
      <c r="D2279">
        <v>249163.22959999999</v>
      </c>
      <c r="E2279">
        <v>16910.388299999999</v>
      </c>
      <c r="F2279">
        <v>60319.136740000002</v>
      </c>
      <c r="G2279">
        <v>46459.694100000001</v>
      </c>
      <c r="H2279">
        <v>40938.16805</v>
      </c>
      <c r="I2279">
        <v>28788.290679999998</v>
      </c>
      <c r="J2279">
        <v>42297.082119999999</v>
      </c>
      <c r="K2279">
        <v>50962.209909999998</v>
      </c>
      <c r="L2279">
        <v>29645.117859999998</v>
      </c>
      <c r="M2279">
        <v>294003.2732</v>
      </c>
      <c r="N2279">
        <v>83396.788230000006</v>
      </c>
      <c r="O2279">
        <v>22204.128199999999</v>
      </c>
      <c r="P2279">
        <v>38415.861680000002</v>
      </c>
      <c r="Q2279">
        <v>83380.395069999999</v>
      </c>
      <c r="R2279">
        <v>20081.532449999999</v>
      </c>
      <c r="S2279">
        <v>83379.443379999997</v>
      </c>
      <c r="T2279">
        <v>31327.86335</v>
      </c>
      <c r="U2279">
        <v>15275.13523</v>
      </c>
      <c r="W2279" s="83">
        <f>Bühler!N2311</f>
        <v>45386.874999994478</v>
      </c>
      <c r="X2279" s="83">
        <v>43195.875</v>
      </c>
      <c r="Y2279">
        <v>249163.22959999999</v>
      </c>
      <c r="Z2279">
        <v>16910.388299999999</v>
      </c>
      <c r="AA2279">
        <v>60319.136740000002</v>
      </c>
      <c r="AB2279">
        <v>46459.694100000001</v>
      </c>
      <c r="AC2279">
        <v>40938.16805</v>
      </c>
      <c r="AD2279">
        <v>28788.290679999998</v>
      </c>
      <c r="AE2279">
        <v>42297.082119999999</v>
      </c>
      <c r="AF2279">
        <v>50962.209909999998</v>
      </c>
      <c r="AG2279">
        <v>29645.117859999998</v>
      </c>
      <c r="AH2279">
        <v>294003.2732</v>
      </c>
      <c r="AI2279">
        <v>83396.788230000006</v>
      </c>
      <c r="AJ2279">
        <v>22204.128199999999</v>
      </c>
      <c r="AK2279">
        <v>38415.861680000002</v>
      </c>
      <c r="AL2279">
        <v>83380.395069999999</v>
      </c>
      <c r="AM2279">
        <v>20081.532449999999</v>
      </c>
      <c r="AN2279">
        <v>83379.443379999997</v>
      </c>
      <c r="AO2279">
        <v>31327.86335</v>
      </c>
      <c r="AP2279">
        <v>15275.13523</v>
      </c>
    </row>
    <row r="2280" spans="2:42" x14ac:dyDescent="0.3">
      <c r="B2280">
        <v>57.271138675008061</v>
      </c>
      <c r="C2280" s="83">
        <v>43195.916666666664</v>
      </c>
      <c r="D2280">
        <v>249022.8609</v>
      </c>
      <c r="E2280">
        <v>15753.71716</v>
      </c>
      <c r="F2280">
        <v>54142.616800000003</v>
      </c>
      <c r="G2280">
        <v>43740.411079999998</v>
      </c>
      <c r="H2280">
        <v>39941.11058</v>
      </c>
      <c r="I2280">
        <v>26323.457709999999</v>
      </c>
      <c r="J2280">
        <v>40540.704080000003</v>
      </c>
      <c r="K2280">
        <v>54408.835980000003</v>
      </c>
      <c r="L2280">
        <v>26521.938709999999</v>
      </c>
      <c r="M2280">
        <v>291994.97289999999</v>
      </c>
      <c r="N2280">
        <v>82544.450060000003</v>
      </c>
      <c r="O2280">
        <v>22719.720870000001</v>
      </c>
      <c r="P2280">
        <v>41491.042950000003</v>
      </c>
      <c r="Q2280">
        <v>82935.722880000001</v>
      </c>
      <c r="R2280">
        <v>24617.538260000001</v>
      </c>
      <c r="S2280">
        <v>81940.927949999998</v>
      </c>
      <c r="T2280">
        <v>27928.022059999999</v>
      </c>
      <c r="U2280">
        <v>15845.4169</v>
      </c>
      <c r="W2280" s="83">
        <f>Bühler!N2312</f>
        <v>45386.916666661142</v>
      </c>
      <c r="X2280" s="83">
        <v>43195.916666666664</v>
      </c>
      <c r="Y2280">
        <v>249022.8609</v>
      </c>
      <c r="Z2280">
        <v>15753.71716</v>
      </c>
      <c r="AA2280">
        <v>54142.616800000003</v>
      </c>
      <c r="AB2280">
        <v>43740.411079999998</v>
      </c>
      <c r="AC2280">
        <v>39941.11058</v>
      </c>
      <c r="AD2280">
        <v>26323.457709999999</v>
      </c>
      <c r="AE2280">
        <v>40540.704080000003</v>
      </c>
      <c r="AF2280">
        <v>54408.835980000003</v>
      </c>
      <c r="AG2280">
        <v>26521.938709999999</v>
      </c>
      <c r="AH2280">
        <v>291994.97289999999</v>
      </c>
      <c r="AI2280">
        <v>82544.450060000003</v>
      </c>
      <c r="AJ2280">
        <v>22719.720870000001</v>
      </c>
      <c r="AK2280">
        <v>41491.042950000003</v>
      </c>
      <c r="AL2280">
        <v>82935.722880000001</v>
      </c>
      <c r="AM2280">
        <v>24617.538260000001</v>
      </c>
      <c r="AN2280">
        <v>81940.927949999998</v>
      </c>
      <c r="AO2280">
        <v>27928.022059999999</v>
      </c>
      <c r="AP2280">
        <v>15845.4169</v>
      </c>
    </row>
    <row r="2281" spans="2:42" x14ac:dyDescent="0.3">
      <c r="B2281">
        <v>56.854539592550388</v>
      </c>
      <c r="C2281" s="83">
        <v>43195.958333333336</v>
      </c>
      <c r="D2281">
        <v>248811.215</v>
      </c>
      <c r="E2281">
        <v>15187.87197</v>
      </c>
      <c r="F2281">
        <v>51946.580600000001</v>
      </c>
      <c r="G2281">
        <v>42792.689810000003</v>
      </c>
      <c r="H2281">
        <v>39226.777970000003</v>
      </c>
      <c r="I2281">
        <v>25151.51154</v>
      </c>
      <c r="J2281">
        <v>38086.121379999997</v>
      </c>
      <c r="K2281">
        <v>53773.435819999999</v>
      </c>
      <c r="L2281">
        <v>23231.797139999999</v>
      </c>
      <c r="M2281">
        <v>289870.95649999997</v>
      </c>
      <c r="N2281">
        <v>81616.976729999995</v>
      </c>
      <c r="O2281">
        <v>22536.008239999999</v>
      </c>
      <c r="P2281">
        <v>37830.357969999997</v>
      </c>
      <c r="Q2281">
        <v>83101.3554</v>
      </c>
      <c r="R2281">
        <v>25890.52709</v>
      </c>
      <c r="S2281">
        <v>80303.691409999999</v>
      </c>
      <c r="T2281">
        <v>25231.527740000001</v>
      </c>
      <c r="U2281">
        <v>14844.00167</v>
      </c>
      <c r="W2281" s="83">
        <f>Bühler!N2313</f>
        <v>45386.958333327806</v>
      </c>
      <c r="X2281" s="83">
        <v>43195.958333333336</v>
      </c>
      <c r="Y2281">
        <v>248811.215</v>
      </c>
      <c r="Z2281">
        <v>15187.87197</v>
      </c>
      <c r="AA2281">
        <v>51946.580600000001</v>
      </c>
      <c r="AB2281">
        <v>42792.689810000003</v>
      </c>
      <c r="AC2281">
        <v>39226.777970000003</v>
      </c>
      <c r="AD2281">
        <v>25151.51154</v>
      </c>
      <c r="AE2281">
        <v>38086.121379999997</v>
      </c>
      <c r="AF2281">
        <v>53773.435819999999</v>
      </c>
      <c r="AG2281">
        <v>23231.797139999999</v>
      </c>
      <c r="AH2281">
        <v>289870.95649999997</v>
      </c>
      <c r="AI2281">
        <v>81616.976729999995</v>
      </c>
      <c r="AJ2281">
        <v>22536.008239999999</v>
      </c>
      <c r="AK2281">
        <v>37830.357969999997</v>
      </c>
      <c r="AL2281">
        <v>83101.3554</v>
      </c>
      <c r="AM2281">
        <v>25890.52709</v>
      </c>
      <c r="AN2281">
        <v>80303.691409999999</v>
      </c>
      <c r="AO2281">
        <v>25231.527740000001</v>
      </c>
      <c r="AP2281">
        <v>14844.00167</v>
      </c>
    </row>
    <row r="2282" spans="2:42" x14ac:dyDescent="0.3">
      <c r="B2282">
        <v>56.013746810469236</v>
      </c>
      <c r="C2282" s="83">
        <v>43196</v>
      </c>
      <c r="D2282">
        <v>246062.4694</v>
      </c>
      <c r="E2282">
        <v>14796.59628</v>
      </c>
      <c r="F2282">
        <v>50827.176200000002</v>
      </c>
      <c r="G2282">
        <v>41669.000800000002</v>
      </c>
      <c r="H2282">
        <v>38250.892820000001</v>
      </c>
      <c r="I2282">
        <v>23540.273700000002</v>
      </c>
      <c r="J2282">
        <v>35814.02392</v>
      </c>
      <c r="K2282">
        <v>51684.880109999998</v>
      </c>
      <c r="L2282">
        <v>20280.634050000001</v>
      </c>
      <c r="M2282">
        <v>285584.20280000003</v>
      </c>
      <c r="N2282">
        <v>80059.136270000003</v>
      </c>
      <c r="O2282">
        <v>22229.286629999999</v>
      </c>
      <c r="P2282">
        <v>34716.103369999997</v>
      </c>
      <c r="Q2282">
        <v>82165.021059999999</v>
      </c>
      <c r="R2282">
        <v>21245.286459999999</v>
      </c>
      <c r="S2282">
        <v>79173.118700000006</v>
      </c>
      <c r="T2282">
        <v>23865.449530000002</v>
      </c>
      <c r="U2282">
        <v>14669.59139</v>
      </c>
      <c r="W2282" s="83">
        <f>Bühler!N2314</f>
        <v>45386.99999999447</v>
      </c>
      <c r="X2282" s="83">
        <v>43196</v>
      </c>
      <c r="Y2282">
        <v>246062.4694</v>
      </c>
      <c r="Z2282">
        <v>14796.59628</v>
      </c>
      <c r="AA2282">
        <v>50827.176200000002</v>
      </c>
      <c r="AB2282">
        <v>41669.000800000002</v>
      </c>
      <c r="AC2282">
        <v>38250.892820000001</v>
      </c>
      <c r="AD2282">
        <v>23540.273700000002</v>
      </c>
      <c r="AE2282">
        <v>35814.02392</v>
      </c>
      <c r="AF2282">
        <v>51684.880109999998</v>
      </c>
      <c r="AG2282">
        <v>20280.634050000001</v>
      </c>
      <c r="AH2282">
        <v>285584.20280000003</v>
      </c>
      <c r="AI2282">
        <v>80059.136270000003</v>
      </c>
      <c r="AJ2282">
        <v>22229.286629999999</v>
      </c>
      <c r="AK2282">
        <v>34716.103369999997</v>
      </c>
      <c r="AL2282">
        <v>82165.021059999999</v>
      </c>
      <c r="AM2282">
        <v>21245.286459999999</v>
      </c>
      <c r="AN2282">
        <v>79173.118700000006</v>
      </c>
      <c r="AO2282">
        <v>23865.449530000002</v>
      </c>
      <c r="AP2282">
        <v>14669.59139</v>
      </c>
    </row>
    <row r="2283" spans="2:42" x14ac:dyDescent="0.3">
      <c r="B2283">
        <v>55.701174657764049</v>
      </c>
      <c r="C2283" s="83">
        <v>43196.041666666664</v>
      </c>
      <c r="D2283">
        <v>244466.11569999999</v>
      </c>
      <c r="E2283">
        <v>14690.93188</v>
      </c>
      <c r="F2283">
        <v>50618.334110000003</v>
      </c>
      <c r="G2283">
        <v>40892.536599999999</v>
      </c>
      <c r="H2283">
        <v>37992.427609999999</v>
      </c>
      <c r="I2283">
        <v>19621.712670000001</v>
      </c>
      <c r="J2283">
        <v>34868.423540000003</v>
      </c>
      <c r="K2283">
        <v>50844.874770000002</v>
      </c>
      <c r="L2283">
        <v>19274.784670000001</v>
      </c>
      <c r="M2283">
        <v>283990.56420000002</v>
      </c>
      <c r="N2283">
        <v>79304.451719999997</v>
      </c>
      <c r="O2283">
        <v>22160.753349999999</v>
      </c>
      <c r="P2283">
        <v>32541.357950000001</v>
      </c>
      <c r="Q2283">
        <v>83134.361579999997</v>
      </c>
      <c r="R2283">
        <v>19950.92697</v>
      </c>
      <c r="S2283">
        <v>78176.800350000005</v>
      </c>
      <c r="T2283">
        <v>22913.831910000001</v>
      </c>
      <c r="U2283">
        <v>14773.35211</v>
      </c>
      <c r="W2283" s="83">
        <f>Bühler!N2315</f>
        <v>45387.041666661135</v>
      </c>
      <c r="X2283" s="83">
        <v>43196.041666666664</v>
      </c>
      <c r="Y2283">
        <v>244466.11569999999</v>
      </c>
      <c r="Z2283">
        <v>14690.93188</v>
      </c>
      <c r="AA2283">
        <v>50618.334110000003</v>
      </c>
      <c r="AB2283">
        <v>40892.536599999999</v>
      </c>
      <c r="AC2283">
        <v>37992.427609999999</v>
      </c>
      <c r="AD2283">
        <v>19621.712670000001</v>
      </c>
      <c r="AE2283">
        <v>34868.423540000003</v>
      </c>
      <c r="AF2283">
        <v>50844.874770000002</v>
      </c>
      <c r="AG2283">
        <v>19274.784670000001</v>
      </c>
      <c r="AH2283">
        <v>283990.56420000002</v>
      </c>
      <c r="AI2283">
        <v>79304.451719999997</v>
      </c>
      <c r="AJ2283">
        <v>22160.753349999999</v>
      </c>
      <c r="AK2283">
        <v>32541.357950000001</v>
      </c>
      <c r="AL2283">
        <v>83134.361579999997</v>
      </c>
      <c r="AM2283">
        <v>19950.92697</v>
      </c>
      <c r="AN2283">
        <v>78176.800350000005</v>
      </c>
      <c r="AO2283">
        <v>22913.831910000001</v>
      </c>
      <c r="AP2283">
        <v>14773.35211</v>
      </c>
    </row>
    <row r="2284" spans="2:42" x14ac:dyDescent="0.3">
      <c r="B2284">
        <v>55.843569811778444</v>
      </c>
      <c r="C2284" s="83">
        <v>43196.083333333336</v>
      </c>
      <c r="D2284">
        <v>244078.5099</v>
      </c>
      <c r="E2284">
        <v>14581.120860000001</v>
      </c>
      <c r="F2284">
        <v>51408.15322</v>
      </c>
      <c r="G2284">
        <v>40406.049619999998</v>
      </c>
      <c r="H2284">
        <v>37532.466520000002</v>
      </c>
      <c r="I2284">
        <v>17388.652539999999</v>
      </c>
      <c r="J2284">
        <v>34588.901059999997</v>
      </c>
      <c r="K2284">
        <v>49696.016459999999</v>
      </c>
      <c r="L2284">
        <v>18316.85972</v>
      </c>
      <c r="M2284">
        <v>284716.56109999999</v>
      </c>
      <c r="N2284">
        <v>79277.055559999993</v>
      </c>
      <c r="O2284">
        <v>22153.276669999999</v>
      </c>
      <c r="P2284">
        <v>30245.552899999999</v>
      </c>
      <c r="Q2284">
        <v>86254.236139999994</v>
      </c>
      <c r="R2284">
        <v>21081.652969999999</v>
      </c>
      <c r="S2284">
        <v>77408.665240000002</v>
      </c>
      <c r="T2284">
        <v>22306.91977</v>
      </c>
      <c r="U2284">
        <v>14572.33836</v>
      </c>
      <c r="W2284" s="83">
        <f>Bühler!N2316</f>
        <v>45387.083333327799</v>
      </c>
      <c r="X2284" s="83">
        <v>43196.083333333336</v>
      </c>
      <c r="Y2284">
        <v>244078.5099</v>
      </c>
      <c r="Z2284">
        <v>14581.120860000001</v>
      </c>
      <c r="AA2284">
        <v>51408.15322</v>
      </c>
      <c r="AB2284">
        <v>40406.049619999998</v>
      </c>
      <c r="AC2284">
        <v>37532.466520000002</v>
      </c>
      <c r="AD2284">
        <v>17388.652539999999</v>
      </c>
      <c r="AE2284">
        <v>34588.901059999997</v>
      </c>
      <c r="AF2284">
        <v>49696.016459999999</v>
      </c>
      <c r="AG2284">
        <v>18316.85972</v>
      </c>
      <c r="AH2284">
        <v>284716.56109999999</v>
      </c>
      <c r="AI2284">
        <v>79277.055559999993</v>
      </c>
      <c r="AJ2284">
        <v>22153.276669999999</v>
      </c>
      <c r="AK2284">
        <v>30245.552899999999</v>
      </c>
      <c r="AL2284">
        <v>86254.236139999994</v>
      </c>
      <c r="AM2284">
        <v>21081.652969999999</v>
      </c>
      <c r="AN2284">
        <v>77408.665240000002</v>
      </c>
      <c r="AO2284">
        <v>22306.91977</v>
      </c>
      <c r="AP2284">
        <v>14572.33836</v>
      </c>
    </row>
    <row r="2285" spans="2:42" x14ac:dyDescent="0.3">
      <c r="B2285">
        <v>56.377239785748763</v>
      </c>
      <c r="C2285" s="83">
        <v>43196.125</v>
      </c>
      <c r="D2285">
        <v>245749.26459999999</v>
      </c>
      <c r="E2285">
        <v>14773.91387</v>
      </c>
      <c r="F2285">
        <v>53192.871079999997</v>
      </c>
      <c r="G2285">
        <v>39672.855459999999</v>
      </c>
      <c r="H2285">
        <v>37619.290419999998</v>
      </c>
      <c r="I2285">
        <v>16876.511310000002</v>
      </c>
      <c r="J2285">
        <v>34809.272140000001</v>
      </c>
      <c r="K2285">
        <v>46936.911930000002</v>
      </c>
      <c r="L2285">
        <v>17887.972549999999</v>
      </c>
      <c r="M2285">
        <v>287437.4595</v>
      </c>
      <c r="N2285">
        <v>76852.234379999994</v>
      </c>
      <c r="O2285">
        <v>22136.780050000001</v>
      </c>
      <c r="P2285">
        <v>29746.439040000001</v>
      </c>
      <c r="Q2285">
        <v>89535.177479999998</v>
      </c>
      <c r="R2285">
        <v>20574.456269999999</v>
      </c>
      <c r="S2285">
        <v>76833.702550000002</v>
      </c>
      <c r="T2285">
        <v>22213.764330000002</v>
      </c>
      <c r="U2285">
        <v>15103.34505</v>
      </c>
      <c r="W2285" s="83">
        <f>Bühler!N2317</f>
        <v>45387.124999994463</v>
      </c>
      <c r="X2285" s="83">
        <v>43196.125</v>
      </c>
      <c r="Y2285">
        <v>245749.26459999999</v>
      </c>
      <c r="Z2285">
        <v>14773.91387</v>
      </c>
      <c r="AA2285">
        <v>53192.871079999997</v>
      </c>
      <c r="AB2285">
        <v>39672.855459999999</v>
      </c>
      <c r="AC2285">
        <v>37619.290419999998</v>
      </c>
      <c r="AD2285">
        <v>16876.511310000002</v>
      </c>
      <c r="AE2285">
        <v>34809.272140000001</v>
      </c>
      <c r="AF2285">
        <v>46936.911930000002</v>
      </c>
      <c r="AG2285">
        <v>17887.972549999999</v>
      </c>
      <c r="AH2285">
        <v>287437.4595</v>
      </c>
      <c r="AI2285">
        <v>76852.234379999994</v>
      </c>
      <c r="AJ2285">
        <v>22136.780050000001</v>
      </c>
      <c r="AK2285">
        <v>29746.439040000001</v>
      </c>
      <c r="AL2285">
        <v>89535.177479999998</v>
      </c>
      <c r="AM2285">
        <v>20574.456269999999</v>
      </c>
      <c r="AN2285">
        <v>76833.702550000002</v>
      </c>
      <c r="AO2285">
        <v>22213.764330000002</v>
      </c>
      <c r="AP2285">
        <v>15103.34505</v>
      </c>
    </row>
    <row r="2286" spans="2:42" x14ac:dyDescent="0.3">
      <c r="B2286">
        <v>57.15164678094834</v>
      </c>
      <c r="C2286" s="83">
        <v>43196.166666666664</v>
      </c>
      <c r="D2286">
        <v>246330.04560000001</v>
      </c>
      <c r="E2286">
        <v>15284.68317</v>
      </c>
      <c r="F2286">
        <v>56788.346089999999</v>
      </c>
      <c r="G2286">
        <v>39145.339659999998</v>
      </c>
      <c r="H2286">
        <v>38576.04</v>
      </c>
      <c r="I2286">
        <v>19856.902330000001</v>
      </c>
      <c r="J2286">
        <v>37019.239419999998</v>
      </c>
      <c r="K2286">
        <v>45688.544869999998</v>
      </c>
      <c r="L2286">
        <v>17577.944070000001</v>
      </c>
      <c r="M2286">
        <v>291385.7475</v>
      </c>
      <c r="N2286">
        <v>77070.471990000005</v>
      </c>
      <c r="O2286">
        <v>22582.378400000001</v>
      </c>
      <c r="P2286">
        <v>28746.167600000001</v>
      </c>
      <c r="Q2286">
        <v>93118.968429999994</v>
      </c>
      <c r="R2286">
        <v>20432.368109999999</v>
      </c>
      <c r="S2286">
        <v>78157.466310000003</v>
      </c>
      <c r="T2286">
        <v>22305.830890000001</v>
      </c>
      <c r="U2286">
        <v>16142.17518</v>
      </c>
      <c r="W2286" s="83">
        <f>Bühler!N2318</f>
        <v>45387.166666661127</v>
      </c>
      <c r="X2286" s="83">
        <v>43196.166666666664</v>
      </c>
      <c r="Y2286">
        <v>246330.04560000001</v>
      </c>
      <c r="Z2286">
        <v>15284.68317</v>
      </c>
      <c r="AA2286">
        <v>56788.346089999999</v>
      </c>
      <c r="AB2286">
        <v>39145.339659999998</v>
      </c>
      <c r="AC2286">
        <v>38576.04</v>
      </c>
      <c r="AD2286">
        <v>19856.902330000001</v>
      </c>
      <c r="AE2286">
        <v>37019.239419999998</v>
      </c>
      <c r="AF2286">
        <v>45688.544869999998</v>
      </c>
      <c r="AG2286">
        <v>17577.944070000001</v>
      </c>
      <c r="AH2286">
        <v>291385.7475</v>
      </c>
      <c r="AI2286">
        <v>77070.471990000005</v>
      </c>
      <c r="AJ2286">
        <v>22582.378400000001</v>
      </c>
      <c r="AK2286">
        <v>28746.167600000001</v>
      </c>
      <c r="AL2286">
        <v>93118.968429999994</v>
      </c>
      <c r="AM2286">
        <v>20432.368109999999</v>
      </c>
      <c r="AN2286">
        <v>78157.466310000003</v>
      </c>
      <c r="AO2286">
        <v>22305.830890000001</v>
      </c>
      <c r="AP2286">
        <v>16142.17518</v>
      </c>
    </row>
    <row r="2287" spans="2:42" x14ac:dyDescent="0.3">
      <c r="B2287">
        <v>59.908233832302535</v>
      </c>
      <c r="C2287" s="83">
        <v>43196.208333333336</v>
      </c>
      <c r="D2287">
        <v>257649.2745</v>
      </c>
      <c r="E2287">
        <v>17243.985990000001</v>
      </c>
      <c r="F2287">
        <v>69367.869600000005</v>
      </c>
      <c r="G2287">
        <v>42261.132870000001</v>
      </c>
      <c r="H2287">
        <v>40405.798640000001</v>
      </c>
      <c r="I2287">
        <v>28727.433779999999</v>
      </c>
      <c r="J2287">
        <v>40157.53155</v>
      </c>
      <c r="K2287">
        <v>46383.020980000001</v>
      </c>
      <c r="L2287">
        <v>18522.016599999999</v>
      </c>
      <c r="M2287">
        <v>305440.11379999999</v>
      </c>
      <c r="N2287">
        <v>78539.015589999995</v>
      </c>
      <c r="O2287">
        <v>23746.631789999999</v>
      </c>
      <c r="P2287">
        <v>30000.572339999999</v>
      </c>
      <c r="Q2287">
        <v>96612.209839999996</v>
      </c>
      <c r="R2287">
        <v>23250.687470000001</v>
      </c>
      <c r="S2287">
        <v>81047.272840000005</v>
      </c>
      <c r="T2287">
        <v>23590.165209999999</v>
      </c>
      <c r="U2287">
        <v>18358.78861</v>
      </c>
      <c r="W2287" s="83">
        <f>Bühler!N2319</f>
        <v>45387.208333327791</v>
      </c>
      <c r="X2287" s="83">
        <v>43196.208333333336</v>
      </c>
      <c r="Y2287">
        <v>257649.2745</v>
      </c>
      <c r="Z2287">
        <v>17243.985990000001</v>
      </c>
      <c r="AA2287">
        <v>69367.869600000005</v>
      </c>
      <c r="AB2287">
        <v>42261.132870000001</v>
      </c>
      <c r="AC2287">
        <v>40405.798640000001</v>
      </c>
      <c r="AD2287">
        <v>28727.433779999999</v>
      </c>
      <c r="AE2287">
        <v>40157.53155</v>
      </c>
      <c r="AF2287">
        <v>46383.020980000001</v>
      </c>
      <c r="AG2287">
        <v>18522.016599999999</v>
      </c>
      <c r="AH2287">
        <v>305440.11379999999</v>
      </c>
      <c r="AI2287">
        <v>78539.015589999995</v>
      </c>
      <c r="AJ2287">
        <v>23746.631789999999</v>
      </c>
      <c r="AK2287">
        <v>30000.572339999999</v>
      </c>
      <c r="AL2287">
        <v>96612.209839999996</v>
      </c>
      <c r="AM2287">
        <v>23250.687470000001</v>
      </c>
      <c r="AN2287">
        <v>81047.272840000005</v>
      </c>
      <c r="AO2287">
        <v>23590.165209999999</v>
      </c>
      <c r="AP2287">
        <v>18358.78861</v>
      </c>
    </row>
    <row r="2288" spans="2:42" x14ac:dyDescent="0.3">
      <c r="B2288">
        <v>63.387275961900357</v>
      </c>
      <c r="C2288" s="83">
        <v>43196.25</v>
      </c>
      <c r="D2288">
        <v>273038.16450000001</v>
      </c>
      <c r="E2288">
        <v>21806.665130000001</v>
      </c>
      <c r="F2288">
        <v>80586.666740000001</v>
      </c>
      <c r="G2288">
        <v>55891.526660000003</v>
      </c>
      <c r="H2288">
        <v>44314.243929999997</v>
      </c>
      <c r="I2288">
        <v>37726.790240000002</v>
      </c>
      <c r="J2288">
        <v>44277.115089999999</v>
      </c>
      <c r="K2288">
        <v>49433.570919999998</v>
      </c>
      <c r="L2288">
        <v>20463.10327</v>
      </c>
      <c r="M2288">
        <v>323177.89299999998</v>
      </c>
      <c r="N2288">
        <v>81776.388139999995</v>
      </c>
      <c r="O2288">
        <v>25513.265299999999</v>
      </c>
      <c r="P2288">
        <v>31273.92815</v>
      </c>
      <c r="Q2288">
        <v>96917.890830000004</v>
      </c>
      <c r="R2288">
        <v>19366.188259999999</v>
      </c>
      <c r="S2288">
        <v>89048.334820000004</v>
      </c>
      <c r="T2288">
        <v>26479.57257</v>
      </c>
      <c r="U2288">
        <v>20229.095450000001</v>
      </c>
      <c r="W2288" s="83">
        <f>Bühler!N2320</f>
        <v>45387.249999994456</v>
      </c>
      <c r="X2288" s="83">
        <v>43196.25</v>
      </c>
      <c r="Y2288">
        <v>273038.16450000001</v>
      </c>
      <c r="Z2288">
        <v>21806.665130000001</v>
      </c>
      <c r="AA2288">
        <v>80586.666740000001</v>
      </c>
      <c r="AB2288">
        <v>55891.526660000003</v>
      </c>
      <c r="AC2288">
        <v>44314.243929999997</v>
      </c>
      <c r="AD2288">
        <v>37726.790240000002</v>
      </c>
      <c r="AE2288">
        <v>44277.115089999999</v>
      </c>
      <c r="AF2288">
        <v>49433.570919999998</v>
      </c>
      <c r="AG2288">
        <v>20463.10327</v>
      </c>
      <c r="AH2288">
        <v>323177.89299999998</v>
      </c>
      <c r="AI2288">
        <v>81776.388139999995</v>
      </c>
      <c r="AJ2288">
        <v>25513.265299999999</v>
      </c>
      <c r="AK2288">
        <v>31273.92815</v>
      </c>
      <c r="AL2288">
        <v>96917.890830000004</v>
      </c>
      <c r="AM2288">
        <v>19366.188259999999</v>
      </c>
      <c r="AN2288">
        <v>89048.334820000004</v>
      </c>
      <c r="AO2288">
        <v>26479.57257</v>
      </c>
      <c r="AP2288">
        <v>20229.095450000001</v>
      </c>
    </row>
    <row r="2289" spans="2:42" x14ac:dyDescent="0.3">
      <c r="B2289">
        <v>64.87096279881267</v>
      </c>
      <c r="C2289" s="83">
        <v>43196.291666666664</v>
      </c>
      <c r="D2289">
        <v>284846.21039999998</v>
      </c>
      <c r="E2289">
        <v>27009.899010000001</v>
      </c>
      <c r="F2289">
        <v>84939.554619999995</v>
      </c>
      <c r="G2289">
        <v>70110.346149999998</v>
      </c>
      <c r="H2289">
        <v>49174.766150000003</v>
      </c>
      <c r="I2289">
        <v>46126.167269999998</v>
      </c>
      <c r="J2289">
        <v>45512.938849999999</v>
      </c>
      <c r="K2289">
        <v>54797.222240000003</v>
      </c>
      <c r="L2289">
        <v>23389.32574</v>
      </c>
      <c r="M2289">
        <v>330742.4204</v>
      </c>
      <c r="N2289">
        <v>85987.578569999998</v>
      </c>
      <c r="O2289">
        <v>28019.321609999999</v>
      </c>
      <c r="P2289">
        <v>35507.144670000001</v>
      </c>
      <c r="Q2289">
        <v>96452.26324</v>
      </c>
      <c r="R2289">
        <v>20409.193090000001</v>
      </c>
      <c r="S2289">
        <v>104317.29150000001</v>
      </c>
      <c r="T2289">
        <v>31129.997439999999</v>
      </c>
      <c r="U2289">
        <v>24579.868119999999</v>
      </c>
      <c r="W2289" s="83">
        <f>Bühler!N2321</f>
        <v>45387.29166666112</v>
      </c>
      <c r="X2289" s="83">
        <v>43196.291666666664</v>
      </c>
      <c r="Y2289">
        <v>284846.21039999998</v>
      </c>
      <c r="Z2289">
        <v>27009.899010000001</v>
      </c>
      <c r="AA2289">
        <v>84939.554619999995</v>
      </c>
      <c r="AB2289">
        <v>70110.346149999998</v>
      </c>
      <c r="AC2289">
        <v>49174.766150000003</v>
      </c>
      <c r="AD2289">
        <v>46126.167269999998</v>
      </c>
      <c r="AE2289">
        <v>45512.938849999999</v>
      </c>
      <c r="AF2289">
        <v>54797.222240000003</v>
      </c>
      <c r="AG2289">
        <v>23389.32574</v>
      </c>
      <c r="AH2289">
        <v>330742.4204</v>
      </c>
      <c r="AI2289">
        <v>85987.578569999998</v>
      </c>
      <c r="AJ2289">
        <v>28019.321609999999</v>
      </c>
      <c r="AK2289">
        <v>35507.144670000001</v>
      </c>
      <c r="AL2289">
        <v>96452.26324</v>
      </c>
      <c r="AM2289">
        <v>20409.193090000001</v>
      </c>
      <c r="AN2289">
        <v>104317.29150000001</v>
      </c>
      <c r="AO2289">
        <v>31129.997439999999</v>
      </c>
      <c r="AP2289">
        <v>24579.868119999999</v>
      </c>
    </row>
    <row r="2290" spans="2:42" x14ac:dyDescent="0.3">
      <c r="B2290">
        <v>65.413804177841655</v>
      </c>
      <c r="C2290" s="83">
        <v>43196.333333333336</v>
      </c>
      <c r="D2290">
        <v>294528.19020000001</v>
      </c>
      <c r="E2290">
        <v>33179.204790000003</v>
      </c>
      <c r="F2290">
        <v>90291.16416</v>
      </c>
      <c r="G2290">
        <v>87084.470379999999</v>
      </c>
      <c r="H2290">
        <v>54791.128920000003</v>
      </c>
      <c r="I2290">
        <v>48832.423360000001</v>
      </c>
      <c r="J2290">
        <v>45709.752970000001</v>
      </c>
      <c r="K2290">
        <v>60834.5861</v>
      </c>
      <c r="L2290">
        <v>26373.68115</v>
      </c>
      <c r="M2290">
        <v>333510.07890000002</v>
      </c>
      <c r="N2290">
        <v>92119.409490000005</v>
      </c>
      <c r="O2290">
        <v>29409.892489999998</v>
      </c>
      <c r="P2290">
        <v>36923.234859999997</v>
      </c>
      <c r="Q2290">
        <v>96502.120800000004</v>
      </c>
      <c r="R2290">
        <v>23125.827570000001</v>
      </c>
      <c r="S2290">
        <v>116563.77009999999</v>
      </c>
      <c r="T2290">
        <v>34844.138749999998</v>
      </c>
      <c r="U2290">
        <v>27298.632420000002</v>
      </c>
      <c r="W2290" s="83">
        <f>Bühler!N2322</f>
        <v>45387.333333327784</v>
      </c>
      <c r="X2290" s="83">
        <v>43196.333333333336</v>
      </c>
      <c r="Y2290">
        <v>294528.19020000001</v>
      </c>
      <c r="Z2290">
        <v>33179.204790000003</v>
      </c>
      <c r="AA2290">
        <v>90291.16416</v>
      </c>
      <c r="AB2290">
        <v>87084.470379999999</v>
      </c>
      <c r="AC2290">
        <v>54791.128920000003</v>
      </c>
      <c r="AD2290">
        <v>48832.423360000001</v>
      </c>
      <c r="AE2290">
        <v>45709.752970000001</v>
      </c>
      <c r="AF2290">
        <v>60834.5861</v>
      </c>
      <c r="AG2290">
        <v>26373.68115</v>
      </c>
      <c r="AH2290">
        <v>333510.07890000002</v>
      </c>
      <c r="AI2290">
        <v>92119.409490000005</v>
      </c>
      <c r="AJ2290">
        <v>29409.892489999998</v>
      </c>
      <c r="AK2290">
        <v>36923.234859999997</v>
      </c>
      <c r="AL2290">
        <v>96502.120800000004</v>
      </c>
      <c r="AM2290">
        <v>23125.827570000001</v>
      </c>
      <c r="AN2290">
        <v>116563.77009999999</v>
      </c>
      <c r="AO2290">
        <v>34844.138749999998</v>
      </c>
      <c r="AP2290">
        <v>27298.632420000002</v>
      </c>
    </row>
    <row r="2291" spans="2:42" x14ac:dyDescent="0.3">
      <c r="B2291">
        <v>65.552789090651373</v>
      </c>
      <c r="C2291" s="83">
        <v>43196.375</v>
      </c>
      <c r="D2291">
        <v>293856.48930000002</v>
      </c>
      <c r="E2291">
        <v>36635.162609999999</v>
      </c>
      <c r="F2291">
        <v>96124.573199999999</v>
      </c>
      <c r="G2291">
        <v>95238.164799999999</v>
      </c>
      <c r="H2291">
        <v>56286.36058</v>
      </c>
      <c r="I2291">
        <v>45742.798779999997</v>
      </c>
      <c r="J2291">
        <v>46350.740940000003</v>
      </c>
      <c r="K2291">
        <v>62429.774870000001</v>
      </c>
      <c r="L2291">
        <v>29635.54147</v>
      </c>
      <c r="M2291">
        <v>334218.6888</v>
      </c>
      <c r="N2291">
        <v>99627.079020000005</v>
      </c>
      <c r="O2291">
        <v>29936.77403</v>
      </c>
      <c r="P2291">
        <v>38340.75374</v>
      </c>
      <c r="Q2291">
        <v>95772.194510000001</v>
      </c>
      <c r="R2291">
        <v>24701.031309999998</v>
      </c>
      <c r="S2291">
        <v>122659.2153</v>
      </c>
      <c r="T2291">
        <v>37373.245929999997</v>
      </c>
      <c r="U2291">
        <v>27831.795269999999</v>
      </c>
      <c r="W2291" s="83">
        <f>Bühler!N2323</f>
        <v>45387.374999994448</v>
      </c>
      <c r="X2291" s="83">
        <v>43196.375</v>
      </c>
      <c r="Y2291">
        <v>293856.48930000002</v>
      </c>
      <c r="Z2291">
        <v>36635.162609999999</v>
      </c>
      <c r="AA2291">
        <v>96124.573199999999</v>
      </c>
      <c r="AB2291">
        <v>95238.164799999999</v>
      </c>
      <c r="AC2291">
        <v>56286.36058</v>
      </c>
      <c r="AD2291">
        <v>45742.798779999997</v>
      </c>
      <c r="AE2291">
        <v>46350.740940000003</v>
      </c>
      <c r="AF2291">
        <v>62429.774870000001</v>
      </c>
      <c r="AG2291">
        <v>29635.54147</v>
      </c>
      <c r="AH2291">
        <v>334218.6888</v>
      </c>
      <c r="AI2291">
        <v>99627.079020000005</v>
      </c>
      <c r="AJ2291">
        <v>29936.77403</v>
      </c>
      <c r="AK2291">
        <v>38340.75374</v>
      </c>
      <c r="AL2291">
        <v>95772.194510000001</v>
      </c>
      <c r="AM2291">
        <v>24701.031309999998</v>
      </c>
      <c r="AN2291">
        <v>122659.2153</v>
      </c>
      <c r="AO2291">
        <v>37373.245929999997</v>
      </c>
      <c r="AP2291">
        <v>27831.795269999999</v>
      </c>
    </row>
    <row r="2292" spans="2:42" x14ac:dyDescent="0.3">
      <c r="B2292">
        <v>65.601259313542997</v>
      </c>
      <c r="C2292" s="83">
        <v>43196.416666666664</v>
      </c>
      <c r="D2292">
        <v>293848.38329999999</v>
      </c>
      <c r="E2292">
        <v>37614.781499999997</v>
      </c>
      <c r="F2292">
        <v>96422.074970000001</v>
      </c>
      <c r="G2292">
        <v>96951.071299999996</v>
      </c>
      <c r="H2292">
        <v>56713.563450000001</v>
      </c>
      <c r="I2292">
        <v>43231.319259999997</v>
      </c>
      <c r="J2292">
        <v>44944.381390000002</v>
      </c>
      <c r="K2292">
        <v>64047.526100000003</v>
      </c>
      <c r="L2292">
        <v>33240.87255</v>
      </c>
      <c r="M2292">
        <v>334465.8126</v>
      </c>
      <c r="N2292">
        <v>102393.64690000001</v>
      </c>
      <c r="O2292">
        <v>30522.79221</v>
      </c>
      <c r="P2292">
        <v>39054.707170000001</v>
      </c>
      <c r="Q2292">
        <v>96437.709510000001</v>
      </c>
      <c r="R2292">
        <v>24980.00691</v>
      </c>
      <c r="S2292">
        <v>123451.9857</v>
      </c>
      <c r="T2292">
        <v>38347.155409999999</v>
      </c>
      <c r="U2292">
        <v>26658.46127</v>
      </c>
      <c r="W2292" s="83">
        <f>Bühler!N2324</f>
        <v>45387.416666661113</v>
      </c>
      <c r="X2292" s="83">
        <v>43196.416666666664</v>
      </c>
      <c r="Y2292">
        <v>293848.38329999999</v>
      </c>
      <c r="Z2292">
        <v>37614.781499999997</v>
      </c>
      <c r="AA2292">
        <v>96422.074970000001</v>
      </c>
      <c r="AB2292">
        <v>96951.071299999996</v>
      </c>
      <c r="AC2292">
        <v>56713.563450000001</v>
      </c>
      <c r="AD2292">
        <v>43231.319259999997</v>
      </c>
      <c r="AE2292">
        <v>44944.381390000002</v>
      </c>
      <c r="AF2292">
        <v>64047.526100000003</v>
      </c>
      <c r="AG2292">
        <v>33240.87255</v>
      </c>
      <c r="AH2292">
        <v>334465.8126</v>
      </c>
      <c r="AI2292">
        <v>102393.64690000001</v>
      </c>
      <c r="AJ2292">
        <v>30522.79221</v>
      </c>
      <c r="AK2292">
        <v>39054.707170000001</v>
      </c>
      <c r="AL2292">
        <v>96437.709510000001</v>
      </c>
      <c r="AM2292">
        <v>24980.00691</v>
      </c>
      <c r="AN2292">
        <v>123451.9857</v>
      </c>
      <c r="AO2292">
        <v>38347.155409999999</v>
      </c>
      <c r="AP2292">
        <v>26658.46127</v>
      </c>
    </row>
    <row r="2293" spans="2:42" x14ac:dyDescent="0.3">
      <c r="B2293">
        <v>65.676450199250198</v>
      </c>
      <c r="C2293" s="83">
        <v>43196.458333333336</v>
      </c>
      <c r="D2293">
        <v>289952.14189999999</v>
      </c>
      <c r="E2293">
        <v>36914.632859999998</v>
      </c>
      <c r="F2293">
        <v>97475.736269999994</v>
      </c>
      <c r="G2293">
        <v>94976.432209999999</v>
      </c>
      <c r="H2293">
        <v>54401.11404</v>
      </c>
      <c r="I2293">
        <v>41340.42209</v>
      </c>
      <c r="J2293">
        <v>44390.125809999998</v>
      </c>
      <c r="K2293">
        <v>63538.229659999997</v>
      </c>
      <c r="L2293">
        <v>33154.940009999998</v>
      </c>
      <c r="M2293">
        <v>334849.17080000002</v>
      </c>
      <c r="N2293">
        <v>101339.59669999999</v>
      </c>
      <c r="O2293">
        <v>30557.024850000002</v>
      </c>
      <c r="P2293">
        <v>37966.19397</v>
      </c>
      <c r="Q2293">
        <v>95560.265769999998</v>
      </c>
      <c r="R2293">
        <v>26613.882959999999</v>
      </c>
      <c r="S2293">
        <v>123982.965</v>
      </c>
      <c r="T2293">
        <v>38050.763749999998</v>
      </c>
      <c r="U2293">
        <v>25770.34921</v>
      </c>
      <c r="W2293" s="83">
        <f>Bühler!N2325</f>
        <v>45387.458333327777</v>
      </c>
      <c r="X2293" s="83">
        <v>43196.458333333336</v>
      </c>
      <c r="Y2293">
        <v>289952.14189999999</v>
      </c>
      <c r="Z2293">
        <v>36914.632859999998</v>
      </c>
      <c r="AA2293">
        <v>97475.736269999994</v>
      </c>
      <c r="AB2293">
        <v>94976.432209999999</v>
      </c>
      <c r="AC2293">
        <v>54401.11404</v>
      </c>
      <c r="AD2293">
        <v>41340.42209</v>
      </c>
      <c r="AE2293">
        <v>44390.125809999998</v>
      </c>
      <c r="AF2293">
        <v>63538.229659999997</v>
      </c>
      <c r="AG2293">
        <v>33154.940009999998</v>
      </c>
      <c r="AH2293">
        <v>334849.17080000002</v>
      </c>
      <c r="AI2293">
        <v>101339.59669999999</v>
      </c>
      <c r="AJ2293">
        <v>30557.024850000002</v>
      </c>
      <c r="AK2293">
        <v>37966.19397</v>
      </c>
      <c r="AL2293">
        <v>95560.265769999998</v>
      </c>
      <c r="AM2293">
        <v>26613.882959999999</v>
      </c>
      <c r="AN2293">
        <v>123982.965</v>
      </c>
      <c r="AO2293">
        <v>38050.763749999998</v>
      </c>
      <c r="AP2293">
        <v>25770.34921</v>
      </c>
    </row>
    <row r="2294" spans="2:42" x14ac:dyDescent="0.3">
      <c r="B2294">
        <v>64.985746002378065</v>
      </c>
      <c r="C2294" s="83">
        <v>43196.5</v>
      </c>
      <c r="D2294">
        <v>275590.24579999998</v>
      </c>
      <c r="E2294">
        <v>32691.790969999998</v>
      </c>
      <c r="F2294">
        <v>94697.762959999993</v>
      </c>
      <c r="G2294">
        <v>92847.417180000004</v>
      </c>
      <c r="H2294">
        <v>51969.948689999997</v>
      </c>
      <c r="I2294">
        <v>39266.618719999999</v>
      </c>
      <c r="J2294">
        <v>44124.345970000002</v>
      </c>
      <c r="K2294">
        <v>60104.151380000003</v>
      </c>
      <c r="L2294">
        <v>35421.334219999997</v>
      </c>
      <c r="M2294">
        <v>331327.63870000001</v>
      </c>
      <c r="N2294">
        <v>99234.112729999993</v>
      </c>
      <c r="O2294">
        <v>29308.492310000001</v>
      </c>
      <c r="P2294">
        <v>38606.477330000002</v>
      </c>
      <c r="Q2294">
        <v>93724.315910000005</v>
      </c>
      <c r="R2294">
        <v>25830.135979999999</v>
      </c>
      <c r="S2294">
        <v>116330.98360000001</v>
      </c>
      <c r="T2294">
        <v>37920.538209999999</v>
      </c>
      <c r="U2294">
        <v>22187.475409999999</v>
      </c>
      <c r="W2294" s="83">
        <f>Bühler!N2326</f>
        <v>45387.499999994441</v>
      </c>
      <c r="X2294" s="83">
        <v>43196.5</v>
      </c>
      <c r="Y2294">
        <v>275590.24579999998</v>
      </c>
      <c r="Z2294">
        <v>32691.790969999998</v>
      </c>
      <c r="AA2294">
        <v>94697.762959999993</v>
      </c>
      <c r="AB2294">
        <v>92847.417180000004</v>
      </c>
      <c r="AC2294">
        <v>51969.948689999997</v>
      </c>
      <c r="AD2294">
        <v>39266.618719999999</v>
      </c>
      <c r="AE2294">
        <v>44124.345970000002</v>
      </c>
      <c r="AF2294">
        <v>60104.151380000003</v>
      </c>
      <c r="AG2294">
        <v>35421.334219999997</v>
      </c>
      <c r="AH2294">
        <v>331327.63870000001</v>
      </c>
      <c r="AI2294">
        <v>99234.112729999993</v>
      </c>
      <c r="AJ2294">
        <v>29308.492310000001</v>
      </c>
      <c r="AK2294">
        <v>38606.477330000002</v>
      </c>
      <c r="AL2294">
        <v>93724.315910000005</v>
      </c>
      <c r="AM2294">
        <v>25830.135979999999</v>
      </c>
      <c r="AN2294">
        <v>116330.98360000001</v>
      </c>
      <c r="AO2294">
        <v>37920.538209999999</v>
      </c>
      <c r="AP2294">
        <v>22187.475409999999</v>
      </c>
    </row>
    <row r="2295" spans="2:42" x14ac:dyDescent="0.3">
      <c r="B2295">
        <v>64.532539774264833</v>
      </c>
      <c r="C2295" s="83">
        <v>43196.541666666664</v>
      </c>
      <c r="D2295">
        <v>274217.31809999997</v>
      </c>
      <c r="E2295">
        <v>32565.995459999998</v>
      </c>
      <c r="F2295">
        <v>92613.530840000007</v>
      </c>
      <c r="G2295">
        <v>88655.566300000006</v>
      </c>
      <c r="H2295">
        <v>50808.415580000001</v>
      </c>
      <c r="I2295">
        <v>37770.23098</v>
      </c>
      <c r="J2295">
        <v>42980.033080000001</v>
      </c>
      <c r="K2295">
        <v>61091.810579999998</v>
      </c>
      <c r="L2295">
        <v>33360.414490000003</v>
      </c>
      <c r="M2295">
        <v>329016.98200000002</v>
      </c>
      <c r="N2295">
        <v>98658.282789999997</v>
      </c>
      <c r="O2295">
        <v>28385.91417</v>
      </c>
      <c r="P2295">
        <v>37480.073810000002</v>
      </c>
      <c r="Q2295">
        <v>91841.098889999994</v>
      </c>
      <c r="R2295">
        <v>25493.570100000001</v>
      </c>
      <c r="S2295">
        <v>115561.8447</v>
      </c>
      <c r="T2295">
        <v>36322.29247</v>
      </c>
      <c r="U2295">
        <v>22738.821840000001</v>
      </c>
      <c r="W2295" s="83">
        <f>Bühler!N2327</f>
        <v>45387.541666661105</v>
      </c>
      <c r="X2295" s="83">
        <v>43196.541666666664</v>
      </c>
      <c r="Y2295">
        <v>274217.31809999997</v>
      </c>
      <c r="Z2295">
        <v>32565.995459999998</v>
      </c>
      <c r="AA2295">
        <v>92613.530840000007</v>
      </c>
      <c r="AB2295">
        <v>88655.566300000006</v>
      </c>
      <c r="AC2295">
        <v>50808.415580000001</v>
      </c>
      <c r="AD2295">
        <v>37770.23098</v>
      </c>
      <c r="AE2295">
        <v>42980.033080000001</v>
      </c>
      <c r="AF2295">
        <v>61091.810579999998</v>
      </c>
      <c r="AG2295">
        <v>33360.414490000003</v>
      </c>
      <c r="AH2295">
        <v>329016.98200000002</v>
      </c>
      <c r="AI2295">
        <v>98658.282789999997</v>
      </c>
      <c r="AJ2295">
        <v>28385.91417</v>
      </c>
      <c r="AK2295">
        <v>37480.073810000002</v>
      </c>
      <c r="AL2295">
        <v>91841.098889999994</v>
      </c>
      <c r="AM2295">
        <v>25493.570100000001</v>
      </c>
      <c r="AN2295">
        <v>115561.8447</v>
      </c>
      <c r="AO2295">
        <v>36322.29247</v>
      </c>
      <c r="AP2295">
        <v>22738.821840000001</v>
      </c>
    </row>
    <row r="2296" spans="2:42" x14ac:dyDescent="0.3">
      <c r="B2296">
        <v>64.22208459150238</v>
      </c>
      <c r="C2296" s="83">
        <v>43196.583333333336</v>
      </c>
      <c r="D2296">
        <v>273689.72279999999</v>
      </c>
      <c r="E2296">
        <v>35014.961380000001</v>
      </c>
      <c r="F2296">
        <v>94331.907430000007</v>
      </c>
      <c r="G2296">
        <v>80592.948990000004</v>
      </c>
      <c r="H2296">
        <v>50161.405059999997</v>
      </c>
      <c r="I2296">
        <v>38302.066610000002</v>
      </c>
      <c r="J2296">
        <v>42104.294399999999</v>
      </c>
      <c r="K2296">
        <v>61680.96155</v>
      </c>
      <c r="L2296">
        <v>30035.17325</v>
      </c>
      <c r="M2296">
        <v>327434.13669999997</v>
      </c>
      <c r="N2296">
        <v>97968.841180000003</v>
      </c>
      <c r="O2296">
        <v>27906.906169999998</v>
      </c>
      <c r="P2296">
        <v>35901.834139999999</v>
      </c>
      <c r="Q2296">
        <v>90453.528829999996</v>
      </c>
      <c r="R2296">
        <v>24593.35283</v>
      </c>
      <c r="S2296">
        <v>110393.0799</v>
      </c>
      <c r="T2296">
        <v>34856.896670000002</v>
      </c>
      <c r="U2296">
        <v>22861.53399</v>
      </c>
      <c r="W2296" s="83">
        <f>Bühler!N2328</f>
        <v>45387.58333332777</v>
      </c>
      <c r="X2296" s="83">
        <v>43196.583333333336</v>
      </c>
      <c r="Y2296">
        <v>273689.72279999999</v>
      </c>
      <c r="Z2296">
        <v>35014.961380000001</v>
      </c>
      <c r="AA2296">
        <v>94331.907430000007</v>
      </c>
      <c r="AB2296">
        <v>80592.948990000004</v>
      </c>
      <c r="AC2296">
        <v>50161.405059999997</v>
      </c>
      <c r="AD2296">
        <v>38302.066610000002</v>
      </c>
      <c r="AE2296">
        <v>42104.294399999999</v>
      </c>
      <c r="AF2296">
        <v>61680.96155</v>
      </c>
      <c r="AG2296">
        <v>30035.17325</v>
      </c>
      <c r="AH2296">
        <v>327434.13669999997</v>
      </c>
      <c r="AI2296">
        <v>97968.841180000003</v>
      </c>
      <c r="AJ2296">
        <v>27906.906169999998</v>
      </c>
      <c r="AK2296">
        <v>35901.834139999999</v>
      </c>
      <c r="AL2296">
        <v>90453.528829999996</v>
      </c>
      <c r="AM2296">
        <v>24593.35283</v>
      </c>
      <c r="AN2296">
        <v>110393.0799</v>
      </c>
      <c r="AO2296">
        <v>34856.896670000002</v>
      </c>
      <c r="AP2296">
        <v>22861.53399</v>
      </c>
    </row>
    <row r="2297" spans="2:42" x14ac:dyDescent="0.3">
      <c r="B2297">
        <v>63.840763745270358</v>
      </c>
      <c r="C2297" s="83">
        <v>43196.625</v>
      </c>
      <c r="D2297">
        <v>268631.6545</v>
      </c>
      <c r="E2297">
        <v>34531.887269999999</v>
      </c>
      <c r="F2297">
        <v>94901.555330000003</v>
      </c>
      <c r="G2297">
        <v>74039.007660000003</v>
      </c>
      <c r="H2297">
        <v>48456.337350000002</v>
      </c>
      <c r="I2297">
        <v>38131.517030000003</v>
      </c>
      <c r="J2297">
        <v>41457.033369999997</v>
      </c>
      <c r="K2297">
        <v>59269.031920000001</v>
      </c>
      <c r="L2297">
        <v>27168.674920000001</v>
      </c>
      <c r="M2297">
        <v>325489.9852</v>
      </c>
      <c r="N2297">
        <v>93466.265830000004</v>
      </c>
      <c r="O2297">
        <v>27722.392329999999</v>
      </c>
      <c r="P2297">
        <v>31690.516439999999</v>
      </c>
      <c r="Q2297">
        <v>89465.421249999999</v>
      </c>
      <c r="R2297">
        <v>24796.10254</v>
      </c>
      <c r="S2297">
        <v>106034.3088</v>
      </c>
      <c r="T2297">
        <v>33240.249479999999</v>
      </c>
      <c r="U2297">
        <v>20775.42844</v>
      </c>
      <c r="W2297" s="83">
        <f>Bühler!N2329</f>
        <v>45387.624999994434</v>
      </c>
      <c r="X2297" s="83">
        <v>43196.625</v>
      </c>
      <c r="Y2297">
        <v>268631.6545</v>
      </c>
      <c r="Z2297">
        <v>34531.887269999999</v>
      </c>
      <c r="AA2297">
        <v>94901.555330000003</v>
      </c>
      <c r="AB2297">
        <v>74039.007660000003</v>
      </c>
      <c r="AC2297">
        <v>48456.337350000002</v>
      </c>
      <c r="AD2297">
        <v>38131.517030000003</v>
      </c>
      <c r="AE2297">
        <v>41457.033369999997</v>
      </c>
      <c r="AF2297">
        <v>59269.031920000001</v>
      </c>
      <c r="AG2297">
        <v>27168.674920000001</v>
      </c>
      <c r="AH2297">
        <v>325489.9852</v>
      </c>
      <c r="AI2297">
        <v>93466.265830000004</v>
      </c>
      <c r="AJ2297">
        <v>27722.392329999999</v>
      </c>
      <c r="AK2297">
        <v>31690.516439999999</v>
      </c>
      <c r="AL2297">
        <v>89465.421249999999</v>
      </c>
      <c r="AM2297">
        <v>24796.10254</v>
      </c>
      <c r="AN2297">
        <v>106034.3088</v>
      </c>
      <c r="AO2297">
        <v>33240.249479999999</v>
      </c>
      <c r="AP2297">
        <v>20775.42844</v>
      </c>
    </row>
    <row r="2298" spans="2:42" x14ac:dyDescent="0.3">
      <c r="B2298">
        <v>62.522899126903027</v>
      </c>
      <c r="C2298" s="83">
        <v>43196.666666666664</v>
      </c>
      <c r="D2298">
        <v>259310.5526</v>
      </c>
      <c r="E2298">
        <v>33108.581270000002</v>
      </c>
      <c r="F2298">
        <v>93548.864419999998</v>
      </c>
      <c r="G2298">
        <v>66783.563769999993</v>
      </c>
      <c r="H2298">
        <v>46888.586880000003</v>
      </c>
      <c r="I2298">
        <v>39903.64301</v>
      </c>
      <c r="J2298">
        <v>40515.193789999998</v>
      </c>
      <c r="K2298">
        <v>54812.2284</v>
      </c>
      <c r="L2298">
        <v>26469.650989999998</v>
      </c>
      <c r="M2298">
        <v>318770.89679999999</v>
      </c>
      <c r="N2298">
        <v>90529.238240000006</v>
      </c>
      <c r="O2298">
        <v>26628.886279999999</v>
      </c>
      <c r="P2298">
        <v>30976.29881</v>
      </c>
      <c r="Q2298">
        <v>88331.767240000001</v>
      </c>
      <c r="R2298">
        <v>23783.914079999999</v>
      </c>
      <c r="S2298">
        <v>102508.1021</v>
      </c>
      <c r="T2298">
        <v>33294.119830000003</v>
      </c>
      <c r="U2298">
        <v>18971.138299999999</v>
      </c>
      <c r="W2298" s="83">
        <f>Bühler!N2330</f>
        <v>45387.666666661098</v>
      </c>
      <c r="X2298" s="83">
        <v>43196.666666666664</v>
      </c>
      <c r="Y2298">
        <v>259310.5526</v>
      </c>
      <c r="Z2298">
        <v>33108.581270000002</v>
      </c>
      <c r="AA2298">
        <v>93548.864419999998</v>
      </c>
      <c r="AB2298">
        <v>66783.563769999993</v>
      </c>
      <c r="AC2298">
        <v>46888.586880000003</v>
      </c>
      <c r="AD2298">
        <v>39903.64301</v>
      </c>
      <c r="AE2298">
        <v>40515.193789999998</v>
      </c>
      <c r="AF2298">
        <v>54812.2284</v>
      </c>
      <c r="AG2298">
        <v>26469.650989999998</v>
      </c>
      <c r="AH2298">
        <v>318770.89679999999</v>
      </c>
      <c r="AI2298">
        <v>90529.238240000006</v>
      </c>
      <c r="AJ2298">
        <v>26628.886279999999</v>
      </c>
      <c r="AK2298">
        <v>30976.29881</v>
      </c>
      <c r="AL2298">
        <v>88331.767240000001</v>
      </c>
      <c r="AM2298">
        <v>23783.914079999999</v>
      </c>
      <c r="AN2298">
        <v>102508.1021</v>
      </c>
      <c r="AO2298">
        <v>33294.119830000003</v>
      </c>
      <c r="AP2298">
        <v>18971.138299999999</v>
      </c>
    </row>
    <row r="2299" spans="2:42" x14ac:dyDescent="0.3">
      <c r="B2299">
        <v>61.10052933692841</v>
      </c>
      <c r="C2299" s="83">
        <v>43196.708333333336</v>
      </c>
      <c r="D2299">
        <v>250022.8455</v>
      </c>
      <c r="E2299">
        <v>30866.550139999999</v>
      </c>
      <c r="F2299">
        <v>92012.486210000003</v>
      </c>
      <c r="G2299">
        <v>57154.571329999999</v>
      </c>
      <c r="H2299">
        <v>44866.355920000002</v>
      </c>
      <c r="I2299">
        <v>40599.201509999999</v>
      </c>
      <c r="J2299">
        <v>40597.363140000001</v>
      </c>
      <c r="K2299">
        <v>52018.595209999999</v>
      </c>
      <c r="L2299">
        <v>27647.89977</v>
      </c>
      <c r="M2299">
        <v>311518.99229999998</v>
      </c>
      <c r="N2299">
        <v>85076.837</v>
      </c>
      <c r="O2299">
        <v>25613.158769999998</v>
      </c>
      <c r="P2299">
        <v>31932.893650000002</v>
      </c>
      <c r="Q2299">
        <v>86281.765979999996</v>
      </c>
      <c r="R2299">
        <v>24322.160889999999</v>
      </c>
      <c r="S2299">
        <v>99126.451570000005</v>
      </c>
      <c r="T2299">
        <v>33266.93015</v>
      </c>
      <c r="U2299">
        <v>17397.363679999999</v>
      </c>
      <c r="W2299" s="83">
        <f>Bühler!N2331</f>
        <v>45387.708333327762</v>
      </c>
      <c r="X2299" s="83">
        <v>43196.708333333336</v>
      </c>
      <c r="Y2299">
        <v>250022.8455</v>
      </c>
      <c r="Z2299">
        <v>30866.550139999999</v>
      </c>
      <c r="AA2299">
        <v>92012.486210000003</v>
      </c>
      <c r="AB2299">
        <v>57154.571329999999</v>
      </c>
      <c r="AC2299">
        <v>44866.355920000002</v>
      </c>
      <c r="AD2299">
        <v>40599.201509999999</v>
      </c>
      <c r="AE2299">
        <v>40597.363140000001</v>
      </c>
      <c r="AF2299">
        <v>52018.595209999999</v>
      </c>
      <c r="AG2299">
        <v>27647.89977</v>
      </c>
      <c r="AH2299">
        <v>311518.99229999998</v>
      </c>
      <c r="AI2299">
        <v>85076.837</v>
      </c>
      <c r="AJ2299">
        <v>25613.158769999998</v>
      </c>
      <c r="AK2299">
        <v>31932.893650000002</v>
      </c>
      <c r="AL2299">
        <v>86281.765979999996</v>
      </c>
      <c r="AM2299">
        <v>24322.160889999999</v>
      </c>
      <c r="AN2299">
        <v>99126.451570000005</v>
      </c>
      <c r="AO2299">
        <v>33266.93015</v>
      </c>
      <c r="AP2299">
        <v>17397.363679999999</v>
      </c>
    </row>
    <row r="2300" spans="2:42" x14ac:dyDescent="0.3">
      <c r="B2300">
        <v>59.707765312663753</v>
      </c>
      <c r="C2300" s="83">
        <v>43196.75</v>
      </c>
      <c r="D2300">
        <v>240872.98610000001</v>
      </c>
      <c r="E2300">
        <v>28230.503089999998</v>
      </c>
      <c r="F2300">
        <v>90595.461710000003</v>
      </c>
      <c r="G2300">
        <v>49643.447359999998</v>
      </c>
      <c r="H2300">
        <v>42813.217810000002</v>
      </c>
      <c r="I2300">
        <v>38418.612860000001</v>
      </c>
      <c r="J2300">
        <v>40965.92179</v>
      </c>
      <c r="K2300">
        <v>50612.00488</v>
      </c>
      <c r="L2300">
        <v>29666.822800000002</v>
      </c>
      <c r="M2300">
        <v>304418.0318</v>
      </c>
      <c r="N2300">
        <v>83275.295899999997</v>
      </c>
      <c r="O2300">
        <v>24356.22622</v>
      </c>
      <c r="P2300">
        <v>35997.356520000001</v>
      </c>
      <c r="Q2300">
        <v>84041.334619999994</v>
      </c>
      <c r="R2300">
        <v>22493.885679999999</v>
      </c>
      <c r="S2300">
        <v>93309.356830000004</v>
      </c>
      <c r="T2300">
        <v>33063.522649999999</v>
      </c>
      <c r="U2300">
        <v>16169.66906</v>
      </c>
      <c r="W2300" s="83">
        <f>Bühler!N2332</f>
        <v>45387.749999994427</v>
      </c>
      <c r="X2300" s="83">
        <v>43196.75</v>
      </c>
      <c r="Y2300">
        <v>240872.98610000001</v>
      </c>
      <c r="Z2300">
        <v>28230.503089999998</v>
      </c>
      <c r="AA2300">
        <v>90595.461710000003</v>
      </c>
      <c r="AB2300">
        <v>49643.447359999998</v>
      </c>
      <c r="AC2300">
        <v>42813.217810000002</v>
      </c>
      <c r="AD2300">
        <v>38418.612860000001</v>
      </c>
      <c r="AE2300">
        <v>40965.92179</v>
      </c>
      <c r="AF2300">
        <v>50612.00488</v>
      </c>
      <c r="AG2300">
        <v>29666.822800000002</v>
      </c>
      <c r="AH2300">
        <v>304418.0318</v>
      </c>
      <c r="AI2300">
        <v>83275.295899999997</v>
      </c>
      <c r="AJ2300">
        <v>24356.22622</v>
      </c>
      <c r="AK2300">
        <v>35997.356520000001</v>
      </c>
      <c r="AL2300">
        <v>84041.334619999994</v>
      </c>
      <c r="AM2300">
        <v>22493.885679999999</v>
      </c>
      <c r="AN2300">
        <v>93309.356830000004</v>
      </c>
      <c r="AO2300">
        <v>33063.522649999999</v>
      </c>
      <c r="AP2300">
        <v>16169.66906</v>
      </c>
    </row>
    <row r="2301" spans="2:42" x14ac:dyDescent="0.3">
      <c r="B2301">
        <v>58.297597525375345</v>
      </c>
      <c r="C2301" s="83">
        <v>43196.791666666664</v>
      </c>
      <c r="D2301">
        <v>232724.93890000001</v>
      </c>
      <c r="E2301">
        <v>23889.336149999999</v>
      </c>
      <c r="F2301">
        <v>79617.18952</v>
      </c>
      <c r="G2301">
        <v>45260.159319999999</v>
      </c>
      <c r="H2301">
        <v>40772.724280000002</v>
      </c>
      <c r="I2301">
        <v>35367.675660000001</v>
      </c>
      <c r="J2301">
        <v>40743.684439999997</v>
      </c>
      <c r="K2301">
        <v>49655.419779999997</v>
      </c>
      <c r="L2301">
        <v>31314.243320000001</v>
      </c>
      <c r="M2301">
        <v>297228.33880000003</v>
      </c>
      <c r="N2301">
        <v>81601.681649999999</v>
      </c>
      <c r="O2301">
        <v>23440.159660000001</v>
      </c>
      <c r="P2301">
        <v>37593.850409999999</v>
      </c>
      <c r="Q2301">
        <v>80330.936220000003</v>
      </c>
      <c r="R2301">
        <v>21711.574980000001</v>
      </c>
      <c r="S2301">
        <v>90280.524569999994</v>
      </c>
      <c r="T2301">
        <v>33419.640769999998</v>
      </c>
      <c r="U2301">
        <v>15646.54998</v>
      </c>
      <c r="W2301" s="83">
        <f>Bühler!N2333</f>
        <v>45387.791666661091</v>
      </c>
      <c r="X2301" s="83">
        <v>43196.791666666664</v>
      </c>
      <c r="Y2301">
        <v>232724.93890000001</v>
      </c>
      <c r="Z2301">
        <v>23889.336149999999</v>
      </c>
      <c r="AA2301">
        <v>79617.18952</v>
      </c>
      <c r="AB2301">
        <v>45260.159319999999</v>
      </c>
      <c r="AC2301">
        <v>40772.724280000002</v>
      </c>
      <c r="AD2301">
        <v>35367.675660000001</v>
      </c>
      <c r="AE2301">
        <v>40743.684439999997</v>
      </c>
      <c r="AF2301">
        <v>49655.419779999997</v>
      </c>
      <c r="AG2301">
        <v>31314.243320000001</v>
      </c>
      <c r="AH2301">
        <v>297228.33880000003</v>
      </c>
      <c r="AI2301">
        <v>81601.681649999999</v>
      </c>
      <c r="AJ2301">
        <v>23440.159660000001</v>
      </c>
      <c r="AK2301">
        <v>37593.850409999999</v>
      </c>
      <c r="AL2301">
        <v>80330.936220000003</v>
      </c>
      <c r="AM2301">
        <v>21711.574980000001</v>
      </c>
      <c r="AN2301">
        <v>90280.524569999994</v>
      </c>
      <c r="AO2301">
        <v>33419.640769999998</v>
      </c>
      <c r="AP2301">
        <v>15646.54998</v>
      </c>
    </row>
    <row r="2302" spans="2:42" x14ac:dyDescent="0.3">
      <c r="B2302">
        <v>56.550317225279642</v>
      </c>
      <c r="C2302" s="83">
        <v>43196.833333333336</v>
      </c>
      <c r="D2302">
        <v>224782.28510000001</v>
      </c>
      <c r="E2302">
        <v>18784.66</v>
      </c>
      <c r="F2302">
        <v>63323.50202</v>
      </c>
      <c r="G2302">
        <v>43377.215839999997</v>
      </c>
      <c r="H2302">
        <v>40000.447039999999</v>
      </c>
      <c r="I2302">
        <v>32619.202399999998</v>
      </c>
      <c r="J2302">
        <v>42459.676350000002</v>
      </c>
      <c r="K2302">
        <v>48877.985050000003</v>
      </c>
      <c r="L2302">
        <v>32113.689559999999</v>
      </c>
      <c r="M2302">
        <v>288319.88900000002</v>
      </c>
      <c r="N2302">
        <v>81383.811919999993</v>
      </c>
      <c r="O2302">
        <v>23150.290389999998</v>
      </c>
      <c r="P2302">
        <v>39303.853150000003</v>
      </c>
      <c r="Q2302">
        <v>77765.273379999999</v>
      </c>
      <c r="R2302">
        <v>21637.848160000001</v>
      </c>
      <c r="S2302">
        <v>84961.625719999996</v>
      </c>
      <c r="T2302">
        <v>33364.01453</v>
      </c>
      <c r="U2302">
        <v>15296.904549999999</v>
      </c>
      <c r="W2302" s="83">
        <f>Bühler!N2334</f>
        <v>45387.833333327755</v>
      </c>
      <c r="X2302" s="83">
        <v>43196.833333333336</v>
      </c>
      <c r="Y2302">
        <v>224782.28510000001</v>
      </c>
      <c r="Z2302">
        <v>18784.66</v>
      </c>
      <c r="AA2302">
        <v>63323.50202</v>
      </c>
      <c r="AB2302">
        <v>43377.215839999997</v>
      </c>
      <c r="AC2302">
        <v>40000.447039999999</v>
      </c>
      <c r="AD2302">
        <v>32619.202399999998</v>
      </c>
      <c r="AE2302">
        <v>42459.676350000002</v>
      </c>
      <c r="AF2302">
        <v>48877.985050000003</v>
      </c>
      <c r="AG2302">
        <v>32113.689559999999</v>
      </c>
      <c r="AH2302">
        <v>288319.88900000002</v>
      </c>
      <c r="AI2302">
        <v>81383.811919999993</v>
      </c>
      <c r="AJ2302">
        <v>23150.290389999998</v>
      </c>
      <c r="AK2302">
        <v>39303.853150000003</v>
      </c>
      <c r="AL2302">
        <v>77765.273379999999</v>
      </c>
      <c r="AM2302">
        <v>21637.848160000001</v>
      </c>
      <c r="AN2302">
        <v>84961.625719999996</v>
      </c>
      <c r="AO2302">
        <v>33364.01453</v>
      </c>
      <c r="AP2302">
        <v>15296.904549999999</v>
      </c>
    </row>
    <row r="2303" spans="2:42" x14ac:dyDescent="0.3">
      <c r="B2303">
        <v>55.487514602575338</v>
      </c>
      <c r="C2303" s="83">
        <v>43196.875</v>
      </c>
      <c r="D2303">
        <v>218399.31779999999</v>
      </c>
      <c r="E2303">
        <v>16100.120800000001</v>
      </c>
      <c r="F2303">
        <v>54458.791429999997</v>
      </c>
      <c r="G2303">
        <v>41624.447440000004</v>
      </c>
      <c r="H2303">
        <v>39326.051749999999</v>
      </c>
      <c r="I2303">
        <v>28193.12415</v>
      </c>
      <c r="J2303">
        <v>42570.659379999997</v>
      </c>
      <c r="K2303">
        <v>48505.678220000002</v>
      </c>
      <c r="L2303">
        <v>30066.735100000002</v>
      </c>
      <c r="M2303">
        <v>282901.22560000001</v>
      </c>
      <c r="N2303">
        <v>80215.998470000006</v>
      </c>
      <c r="O2303">
        <v>22315.611150000001</v>
      </c>
      <c r="P2303">
        <v>38046.224040000001</v>
      </c>
      <c r="Q2303">
        <v>74148.278000000006</v>
      </c>
      <c r="R2303">
        <v>20616.462619999998</v>
      </c>
      <c r="S2303">
        <v>81434.966050000003</v>
      </c>
      <c r="T2303">
        <v>31209.222720000002</v>
      </c>
      <c r="U2303">
        <v>14888.60585</v>
      </c>
      <c r="W2303" s="83">
        <f>Bühler!N2335</f>
        <v>45387.874999994419</v>
      </c>
      <c r="X2303" s="83">
        <v>43196.875</v>
      </c>
      <c r="Y2303">
        <v>218399.31779999999</v>
      </c>
      <c r="Z2303">
        <v>16100.120800000001</v>
      </c>
      <c r="AA2303">
        <v>54458.791429999997</v>
      </c>
      <c r="AB2303">
        <v>41624.447440000004</v>
      </c>
      <c r="AC2303">
        <v>39326.051749999999</v>
      </c>
      <c r="AD2303">
        <v>28193.12415</v>
      </c>
      <c r="AE2303">
        <v>42570.659379999997</v>
      </c>
      <c r="AF2303">
        <v>48505.678220000002</v>
      </c>
      <c r="AG2303">
        <v>30066.735100000002</v>
      </c>
      <c r="AH2303">
        <v>282901.22560000001</v>
      </c>
      <c r="AI2303">
        <v>80215.998470000006</v>
      </c>
      <c r="AJ2303">
        <v>22315.611150000001</v>
      </c>
      <c r="AK2303">
        <v>38046.224040000001</v>
      </c>
      <c r="AL2303">
        <v>74148.278000000006</v>
      </c>
      <c r="AM2303">
        <v>20616.462619999998</v>
      </c>
      <c r="AN2303">
        <v>81434.966050000003</v>
      </c>
      <c r="AO2303">
        <v>31209.222720000002</v>
      </c>
      <c r="AP2303">
        <v>14888.60585</v>
      </c>
    </row>
    <row r="2304" spans="2:42" x14ac:dyDescent="0.3">
      <c r="B2304">
        <v>54.453715937155827</v>
      </c>
      <c r="C2304" s="83">
        <v>43196.916666666664</v>
      </c>
      <c r="D2304">
        <v>215036.2488</v>
      </c>
      <c r="E2304">
        <v>14887.9539</v>
      </c>
      <c r="F2304">
        <v>50937.993620000001</v>
      </c>
      <c r="G2304">
        <v>40668.654139999999</v>
      </c>
      <c r="H2304">
        <v>38372.00402</v>
      </c>
      <c r="I2304">
        <v>25809.726989999999</v>
      </c>
      <c r="J2304">
        <v>41128.575519999999</v>
      </c>
      <c r="K2304">
        <v>52812.166680000002</v>
      </c>
      <c r="L2304">
        <v>27150.268189999999</v>
      </c>
      <c r="M2304">
        <v>277630.43790000002</v>
      </c>
      <c r="N2304">
        <v>78615.030199999994</v>
      </c>
      <c r="O2304">
        <v>23866.405409999999</v>
      </c>
      <c r="P2304">
        <v>42117.581100000003</v>
      </c>
      <c r="Q2304">
        <v>72150.179640000002</v>
      </c>
      <c r="R2304">
        <v>25372.064320000001</v>
      </c>
      <c r="S2304">
        <v>80072.334529999993</v>
      </c>
      <c r="T2304">
        <v>27368.994910000001</v>
      </c>
      <c r="U2304">
        <v>15783.979369999999</v>
      </c>
      <c r="W2304" s="83">
        <f>Bühler!N2336</f>
        <v>45387.916666661084</v>
      </c>
      <c r="X2304" s="83">
        <v>43196.916666666664</v>
      </c>
      <c r="Y2304">
        <v>215036.2488</v>
      </c>
      <c r="Z2304">
        <v>14887.9539</v>
      </c>
      <c r="AA2304">
        <v>50937.993620000001</v>
      </c>
      <c r="AB2304">
        <v>40668.654139999999</v>
      </c>
      <c r="AC2304">
        <v>38372.00402</v>
      </c>
      <c r="AD2304">
        <v>25809.726989999999</v>
      </c>
      <c r="AE2304">
        <v>41128.575519999999</v>
      </c>
      <c r="AF2304">
        <v>52812.166680000002</v>
      </c>
      <c r="AG2304">
        <v>27150.268189999999</v>
      </c>
      <c r="AH2304">
        <v>277630.43790000002</v>
      </c>
      <c r="AI2304">
        <v>78615.030199999994</v>
      </c>
      <c r="AJ2304">
        <v>23866.405409999999</v>
      </c>
      <c r="AK2304">
        <v>42117.581100000003</v>
      </c>
      <c r="AL2304">
        <v>72150.179640000002</v>
      </c>
      <c r="AM2304">
        <v>25372.064320000001</v>
      </c>
      <c r="AN2304">
        <v>80072.334529999993</v>
      </c>
      <c r="AO2304">
        <v>27368.994910000001</v>
      </c>
      <c r="AP2304">
        <v>15783.979369999999</v>
      </c>
    </row>
    <row r="2305" spans="2:42" x14ac:dyDescent="0.3">
      <c r="B2305">
        <v>53.688775788800527</v>
      </c>
      <c r="C2305" s="83">
        <v>43196.958333333336</v>
      </c>
      <c r="D2305">
        <v>213377.3278</v>
      </c>
      <c r="E2305">
        <v>14261.175149999999</v>
      </c>
      <c r="F2305">
        <v>49810.382369999999</v>
      </c>
      <c r="G2305">
        <v>40205.81725</v>
      </c>
      <c r="H2305">
        <v>37183.282019999999</v>
      </c>
      <c r="I2305">
        <v>24834.42153</v>
      </c>
      <c r="J2305">
        <v>38064.962820000001</v>
      </c>
      <c r="K2305">
        <v>52059.176659999997</v>
      </c>
      <c r="L2305">
        <v>24045.302090000001</v>
      </c>
      <c r="M2305">
        <v>273730.41629999998</v>
      </c>
      <c r="N2305">
        <v>77628.627630000003</v>
      </c>
      <c r="O2305">
        <v>23338.58916</v>
      </c>
      <c r="P2305">
        <v>36626.114730000001</v>
      </c>
      <c r="Q2305">
        <v>71232.664180000007</v>
      </c>
      <c r="R2305">
        <v>26365.30011</v>
      </c>
      <c r="S2305">
        <v>78430.477920000005</v>
      </c>
      <c r="T2305">
        <v>24354.916369999999</v>
      </c>
      <c r="U2305">
        <v>15087.082200000001</v>
      </c>
      <c r="W2305" s="83">
        <f>Bühler!N2337</f>
        <v>45387.958333327748</v>
      </c>
      <c r="X2305" s="83">
        <v>43196.958333333336</v>
      </c>
      <c r="Y2305">
        <v>213377.3278</v>
      </c>
      <c r="Z2305">
        <v>14261.175149999999</v>
      </c>
      <c r="AA2305">
        <v>49810.382369999999</v>
      </c>
      <c r="AB2305">
        <v>40205.81725</v>
      </c>
      <c r="AC2305">
        <v>37183.282019999999</v>
      </c>
      <c r="AD2305">
        <v>24834.42153</v>
      </c>
      <c r="AE2305">
        <v>38064.962820000001</v>
      </c>
      <c r="AF2305">
        <v>52059.176659999997</v>
      </c>
      <c r="AG2305">
        <v>24045.302090000001</v>
      </c>
      <c r="AH2305">
        <v>273730.41629999998</v>
      </c>
      <c r="AI2305">
        <v>77628.627630000003</v>
      </c>
      <c r="AJ2305">
        <v>23338.58916</v>
      </c>
      <c r="AK2305">
        <v>36626.114730000001</v>
      </c>
      <c r="AL2305">
        <v>71232.664180000007</v>
      </c>
      <c r="AM2305">
        <v>26365.30011</v>
      </c>
      <c r="AN2305">
        <v>78430.477920000005</v>
      </c>
      <c r="AO2305">
        <v>24354.916369999999</v>
      </c>
      <c r="AP2305">
        <v>15087.082200000001</v>
      </c>
    </row>
    <row r="2306" spans="2:42" x14ac:dyDescent="0.3">
      <c r="B2306">
        <v>52.521855267811468</v>
      </c>
      <c r="C2306" s="83">
        <v>43197</v>
      </c>
      <c r="D2306">
        <v>209034.106</v>
      </c>
      <c r="E2306">
        <v>13911.07143</v>
      </c>
      <c r="F2306">
        <v>48784.453549999998</v>
      </c>
      <c r="G2306">
        <v>39500.365270000002</v>
      </c>
      <c r="H2306">
        <v>36530.048750000002</v>
      </c>
      <c r="I2306">
        <v>22824.943650000001</v>
      </c>
      <c r="J2306">
        <v>36215.05932</v>
      </c>
      <c r="K2306">
        <v>50409.267399999997</v>
      </c>
      <c r="L2306">
        <v>20724.789219999999</v>
      </c>
      <c r="M2306">
        <v>267780.91129999998</v>
      </c>
      <c r="N2306">
        <v>76697.391489999995</v>
      </c>
      <c r="O2306">
        <v>23480.28657</v>
      </c>
      <c r="P2306">
        <v>33840.878369999999</v>
      </c>
      <c r="Q2306">
        <v>69740.975290000002</v>
      </c>
      <c r="R2306">
        <v>22496.606690000001</v>
      </c>
      <c r="S2306">
        <v>77319.549740000002</v>
      </c>
      <c r="T2306">
        <v>23305.017970000001</v>
      </c>
      <c r="U2306">
        <v>14540.80696</v>
      </c>
      <c r="W2306" s="83">
        <f>Bühler!N2338</f>
        <v>45387.999999994412</v>
      </c>
      <c r="X2306" s="83">
        <v>43197</v>
      </c>
      <c r="Y2306">
        <v>209034.106</v>
      </c>
      <c r="Z2306">
        <v>13911.07143</v>
      </c>
      <c r="AA2306">
        <v>48784.453549999998</v>
      </c>
      <c r="AB2306">
        <v>39500.365270000002</v>
      </c>
      <c r="AC2306">
        <v>36530.048750000002</v>
      </c>
      <c r="AD2306">
        <v>22824.943650000001</v>
      </c>
      <c r="AE2306">
        <v>36215.05932</v>
      </c>
      <c r="AF2306">
        <v>50409.267399999997</v>
      </c>
      <c r="AG2306">
        <v>20724.789219999999</v>
      </c>
      <c r="AH2306">
        <v>267780.91129999998</v>
      </c>
      <c r="AI2306">
        <v>76697.391489999995</v>
      </c>
      <c r="AJ2306">
        <v>23480.28657</v>
      </c>
      <c r="AK2306">
        <v>33840.878369999999</v>
      </c>
      <c r="AL2306">
        <v>69740.975290000002</v>
      </c>
      <c r="AM2306">
        <v>22496.606690000001</v>
      </c>
      <c r="AN2306">
        <v>77319.549740000002</v>
      </c>
      <c r="AO2306">
        <v>23305.017970000001</v>
      </c>
      <c r="AP2306">
        <v>14540.80696</v>
      </c>
    </row>
    <row r="2307" spans="2:42" x14ac:dyDescent="0.3">
      <c r="B2307">
        <v>51.413160923105487</v>
      </c>
      <c r="C2307" s="83">
        <v>43197.041666666664</v>
      </c>
      <c r="D2307">
        <v>205714.3308</v>
      </c>
      <c r="E2307">
        <v>13800.6762</v>
      </c>
      <c r="F2307">
        <v>48578.989410000002</v>
      </c>
      <c r="G2307">
        <v>38994.194770000002</v>
      </c>
      <c r="H2307">
        <v>36040.334499999997</v>
      </c>
      <c r="I2307">
        <v>18922.555270000001</v>
      </c>
      <c r="J2307">
        <v>34916.669670000003</v>
      </c>
      <c r="K2307">
        <v>49544.393609999999</v>
      </c>
      <c r="L2307">
        <v>18737.235390000002</v>
      </c>
      <c r="M2307">
        <v>262128.27050000001</v>
      </c>
      <c r="N2307">
        <v>73802.946979999993</v>
      </c>
      <c r="O2307">
        <v>22486.004349999999</v>
      </c>
      <c r="P2307">
        <v>31150.134170000001</v>
      </c>
      <c r="Q2307">
        <v>69617.697190000006</v>
      </c>
      <c r="R2307">
        <v>20665.55917</v>
      </c>
      <c r="S2307">
        <v>76107.882299999997</v>
      </c>
      <c r="T2307">
        <v>22421.327860000001</v>
      </c>
      <c r="U2307">
        <v>14404.14961</v>
      </c>
      <c r="W2307" s="83">
        <f>Bühler!N2339</f>
        <v>45388.041666661076</v>
      </c>
      <c r="X2307" s="83">
        <v>43197.041666666664</v>
      </c>
      <c r="Y2307">
        <v>205714.3308</v>
      </c>
      <c r="Z2307">
        <v>13800.6762</v>
      </c>
      <c r="AA2307">
        <v>48578.989410000002</v>
      </c>
      <c r="AB2307">
        <v>38994.194770000002</v>
      </c>
      <c r="AC2307">
        <v>36040.334499999997</v>
      </c>
      <c r="AD2307">
        <v>18922.555270000001</v>
      </c>
      <c r="AE2307">
        <v>34916.669670000003</v>
      </c>
      <c r="AF2307">
        <v>49544.393609999999</v>
      </c>
      <c r="AG2307">
        <v>18737.235390000002</v>
      </c>
      <c r="AH2307">
        <v>262128.27050000001</v>
      </c>
      <c r="AI2307">
        <v>73802.946979999993</v>
      </c>
      <c r="AJ2307">
        <v>22486.004349999999</v>
      </c>
      <c r="AK2307">
        <v>31150.134170000001</v>
      </c>
      <c r="AL2307">
        <v>69617.697190000006</v>
      </c>
      <c r="AM2307">
        <v>20665.55917</v>
      </c>
      <c r="AN2307">
        <v>76107.882299999997</v>
      </c>
      <c r="AO2307">
        <v>22421.327860000001</v>
      </c>
      <c r="AP2307">
        <v>14404.14961</v>
      </c>
    </row>
    <row r="2308" spans="2:42" x14ac:dyDescent="0.3">
      <c r="B2308">
        <v>51.014375236659205</v>
      </c>
      <c r="C2308" s="83">
        <v>43197.083333333336</v>
      </c>
      <c r="D2308">
        <v>201935.3118</v>
      </c>
      <c r="E2308">
        <v>13691.70156</v>
      </c>
      <c r="F2308">
        <v>49417.34863</v>
      </c>
      <c r="G2308">
        <v>38621.201370000002</v>
      </c>
      <c r="H2308">
        <v>35823.973850000002</v>
      </c>
      <c r="I2308">
        <v>16332.02723</v>
      </c>
      <c r="J2308">
        <v>34764.627249999998</v>
      </c>
      <c r="K2308">
        <v>47726.779949999996</v>
      </c>
      <c r="L2308">
        <v>18653.254499999999</v>
      </c>
      <c r="M2308">
        <v>260095.07509999999</v>
      </c>
      <c r="N2308">
        <v>73489.616439999998</v>
      </c>
      <c r="O2308">
        <v>23104.458770000001</v>
      </c>
      <c r="P2308">
        <v>30080.082490000001</v>
      </c>
      <c r="Q2308">
        <v>69511.234079999995</v>
      </c>
      <c r="R2308">
        <v>20681.11435</v>
      </c>
      <c r="S2308">
        <v>76063.416450000004</v>
      </c>
      <c r="T2308">
        <v>21826.208579999999</v>
      </c>
      <c r="U2308">
        <v>14130.86347</v>
      </c>
      <c r="W2308" s="83">
        <f>Bühler!N2340</f>
        <v>45388.083333327741</v>
      </c>
      <c r="X2308" s="83">
        <v>43197.083333333336</v>
      </c>
      <c r="Y2308">
        <v>201935.3118</v>
      </c>
      <c r="Z2308">
        <v>13691.70156</v>
      </c>
      <c r="AA2308">
        <v>49417.34863</v>
      </c>
      <c r="AB2308">
        <v>38621.201370000002</v>
      </c>
      <c r="AC2308">
        <v>35823.973850000002</v>
      </c>
      <c r="AD2308">
        <v>16332.02723</v>
      </c>
      <c r="AE2308">
        <v>34764.627249999998</v>
      </c>
      <c r="AF2308">
        <v>47726.779949999996</v>
      </c>
      <c r="AG2308">
        <v>18653.254499999999</v>
      </c>
      <c r="AH2308">
        <v>260095.07509999999</v>
      </c>
      <c r="AI2308">
        <v>73489.616439999998</v>
      </c>
      <c r="AJ2308">
        <v>23104.458770000001</v>
      </c>
      <c r="AK2308">
        <v>30080.082490000001</v>
      </c>
      <c r="AL2308">
        <v>69511.234079999995</v>
      </c>
      <c r="AM2308">
        <v>20681.11435</v>
      </c>
      <c r="AN2308">
        <v>76063.416450000004</v>
      </c>
      <c r="AO2308">
        <v>21826.208579999999</v>
      </c>
      <c r="AP2308">
        <v>14130.86347</v>
      </c>
    </row>
    <row r="2309" spans="2:42" x14ac:dyDescent="0.3">
      <c r="B2309">
        <v>50.394588071645195</v>
      </c>
      <c r="C2309" s="83">
        <v>43197.125</v>
      </c>
      <c r="D2309">
        <v>196701.80369999999</v>
      </c>
      <c r="E2309">
        <v>13711.687809999999</v>
      </c>
      <c r="F2309">
        <v>50722.112840000002</v>
      </c>
      <c r="G2309">
        <v>37915.681199999999</v>
      </c>
      <c r="H2309">
        <v>35555.308490000003</v>
      </c>
      <c r="I2309">
        <v>15862.259110000001</v>
      </c>
      <c r="J2309">
        <v>34995.205150000002</v>
      </c>
      <c r="K2309">
        <v>46579.596429999998</v>
      </c>
      <c r="L2309">
        <v>18015.985509999999</v>
      </c>
      <c r="M2309">
        <v>256935.11110000001</v>
      </c>
      <c r="N2309">
        <v>72884.103799999997</v>
      </c>
      <c r="O2309">
        <v>22906.970389999999</v>
      </c>
      <c r="P2309">
        <v>29254.554250000001</v>
      </c>
      <c r="Q2309">
        <v>70904.881150000001</v>
      </c>
      <c r="R2309">
        <v>20126.920699999999</v>
      </c>
      <c r="S2309">
        <v>75101.521399999998</v>
      </c>
      <c r="T2309">
        <v>21529.04262</v>
      </c>
      <c r="U2309">
        <v>14097.24026</v>
      </c>
      <c r="W2309" s="83">
        <f>Bühler!N2341</f>
        <v>45388.124999994405</v>
      </c>
      <c r="X2309" s="83">
        <v>43197.125</v>
      </c>
      <c r="Y2309">
        <v>196701.80369999999</v>
      </c>
      <c r="Z2309">
        <v>13711.687809999999</v>
      </c>
      <c r="AA2309">
        <v>50722.112840000002</v>
      </c>
      <c r="AB2309">
        <v>37915.681199999999</v>
      </c>
      <c r="AC2309">
        <v>35555.308490000003</v>
      </c>
      <c r="AD2309">
        <v>15862.259110000001</v>
      </c>
      <c r="AE2309">
        <v>34995.205150000002</v>
      </c>
      <c r="AF2309">
        <v>46579.596429999998</v>
      </c>
      <c r="AG2309">
        <v>18015.985509999999</v>
      </c>
      <c r="AH2309">
        <v>256935.11110000001</v>
      </c>
      <c r="AI2309">
        <v>72884.103799999997</v>
      </c>
      <c r="AJ2309">
        <v>22906.970389999999</v>
      </c>
      <c r="AK2309">
        <v>29254.554250000001</v>
      </c>
      <c r="AL2309">
        <v>70904.881150000001</v>
      </c>
      <c r="AM2309">
        <v>20126.920699999999</v>
      </c>
      <c r="AN2309">
        <v>75101.521399999998</v>
      </c>
      <c r="AO2309">
        <v>21529.04262</v>
      </c>
      <c r="AP2309">
        <v>14097.24026</v>
      </c>
    </row>
    <row r="2310" spans="2:42" x14ac:dyDescent="0.3">
      <c r="B2310">
        <v>49.345046279838932</v>
      </c>
      <c r="C2310" s="83">
        <v>43197.166666666664</v>
      </c>
      <c r="D2310">
        <v>188882.71189999999</v>
      </c>
      <c r="E2310">
        <v>13846.78146</v>
      </c>
      <c r="F2310">
        <v>53705.960850000003</v>
      </c>
      <c r="G2310">
        <v>37030.985260000001</v>
      </c>
      <c r="H2310">
        <v>36025.913699999997</v>
      </c>
      <c r="I2310">
        <v>18436.604800000001</v>
      </c>
      <c r="J2310">
        <v>37074.870080000001</v>
      </c>
      <c r="K2310">
        <v>44391.844590000001</v>
      </c>
      <c r="L2310">
        <v>17422.963469999999</v>
      </c>
      <c r="M2310">
        <v>251584.0576</v>
      </c>
      <c r="N2310">
        <v>72186.137279999995</v>
      </c>
      <c r="O2310">
        <v>22814.20911</v>
      </c>
      <c r="P2310">
        <v>28012.392230000001</v>
      </c>
      <c r="Q2310">
        <v>69680.733170000007</v>
      </c>
      <c r="R2310">
        <v>20558.119589999998</v>
      </c>
      <c r="S2310">
        <v>76376.664799999999</v>
      </c>
      <c r="T2310">
        <v>21539.067070000001</v>
      </c>
      <c r="U2310">
        <v>14559.437540000001</v>
      </c>
      <c r="W2310" s="83">
        <f>Bühler!N2342</f>
        <v>45388.166666661069</v>
      </c>
      <c r="X2310" s="83">
        <v>43197.166666666664</v>
      </c>
      <c r="Y2310">
        <v>188882.71189999999</v>
      </c>
      <c r="Z2310">
        <v>13846.78146</v>
      </c>
      <c r="AA2310">
        <v>53705.960850000003</v>
      </c>
      <c r="AB2310">
        <v>37030.985260000001</v>
      </c>
      <c r="AC2310">
        <v>36025.913699999997</v>
      </c>
      <c r="AD2310">
        <v>18436.604800000001</v>
      </c>
      <c r="AE2310">
        <v>37074.870080000001</v>
      </c>
      <c r="AF2310">
        <v>44391.844590000001</v>
      </c>
      <c r="AG2310">
        <v>17422.963469999999</v>
      </c>
      <c r="AH2310">
        <v>251584.0576</v>
      </c>
      <c r="AI2310">
        <v>72186.137279999995</v>
      </c>
      <c r="AJ2310">
        <v>22814.20911</v>
      </c>
      <c r="AK2310">
        <v>28012.392230000001</v>
      </c>
      <c r="AL2310">
        <v>69680.733170000007</v>
      </c>
      <c r="AM2310">
        <v>20558.119589999998</v>
      </c>
      <c r="AN2310">
        <v>76376.664799999999</v>
      </c>
      <c r="AO2310">
        <v>21539.067070000001</v>
      </c>
      <c r="AP2310">
        <v>14559.437540000001</v>
      </c>
    </row>
    <row r="2311" spans="2:42" x14ac:dyDescent="0.3">
      <c r="B2311">
        <v>48.953079447861484</v>
      </c>
      <c r="C2311" s="83">
        <v>43197.208333333336</v>
      </c>
      <c r="D2311">
        <v>185341.3934</v>
      </c>
      <c r="E2311">
        <v>14762.450779999999</v>
      </c>
      <c r="F2311">
        <v>63626.28097</v>
      </c>
      <c r="G2311">
        <v>37670.324780000003</v>
      </c>
      <c r="H2311">
        <v>36580.070269999997</v>
      </c>
      <c r="I2311">
        <v>25483.27448</v>
      </c>
      <c r="J2311">
        <v>39684.375959999998</v>
      </c>
      <c r="K2311">
        <v>43940.820529999997</v>
      </c>
      <c r="L2311">
        <v>18125.71802</v>
      </c>
      <c r="M2311">
        <v>249585.62789999999</v>
      </c>
      <c r="N2311">
        <v>72093.450349999999</v>
      </c>
      <c r="O2311">
        <v>22653.384719999998</v>
      </c>
      <c r="P2311">
        <v>29097.418580000001</v>
      </c>
      <c r="Q2311">
        <v>69342.15625</v>
      </c>
      <c r="R2311">
        <v>22605.513940000001</v>
      </c>
      <c r="S2311">
        <v>78192.564129999999</v>
      </c>
      <c r="T2311">
        <v>22992.521140000001</v>
      </c>
      <c r="U2311">
        <v>15148.66121</v>
      </c>
      <c r="W2311" s="83">
        <f>Bühler!N2343</f>
        <v>45388.208333327733</v>
      </c>
      <c r="X2311" s="83">
        <v>43197.208333333336</v>
      </c>
      <c r="Y2311">
        <v>185341.3934</v>
      </c>
      <c r="Z2311">
        <v>14762.450779999999</v>
      </c>
      <c r="AA2311">
        <v>63626.28097</v>
      </c>
      <c r="AB2311">
        <v>37670.324780000003</v>
      </c>
      <c r="AC2311">
        <v>36580.070269999997</v>
      </c>
      <c r="AD2311">
        <v>25483.27448</v>
      </c>
      <c r="AE2311">
        <v>39684.375959999998</v>
      </c>
      <c r="AF2311">
        <v>43940.820529999997</v>
      </c>
      <c r="AG2311">
        <v>18125.71802</v>
      </c>
      <c r="AH2311">
        <v>249585.62789999999</v>
      </c>
      <c r="AI2311">
        <v>72093.450349999999</v>
      </c>
      <c r="AJ2311">
        <v>22653.384719999998</v>
      </c>
      <c r="AK2311">
        <v>29097.418580000001</v>
      </c>
      <c r="AL2311">
        <v>69342.15625</v>
      </c>
      <c r="AM2311">
        <v>22605.513940000001</v>
      </c>
      <c r="AN2311">
        <v>78192.564129999999</v>
      </c>
      <c r="AO2311">
        <v>22992.521140000001</v>
      </c>
      <c r="AP2311">
        <v>15148.66121</v>
      </c>
    </row>
    <row r="2312" spans="2:42" x14ac:dyDescent="0.3">
      <c r="B2312">
        <v>49.177391353304273</v>
      </c>
      <c r="C2312" s="83">
        <v>43197.25</v>
      </c>
      <c r="D2312">
        <v>186017.8414</v>
      </c>
      <c r="E2312">
        <v>16753.593010000001</v>
      </c>
      <c r="F2312">
        <v>76186.953779999996</v>
      </c>
      <c r="G2312">
        <v>38862.840040000003</v>
      </c>
      <c r="H2312">
        <v>37417.610520000002</v>
      </c>
      <c r="I2312">
        <v>29108.96081</v>
      </c>
      <c r="J2312">
        <v>43118.104659999997</v>
      </c>
      <c r="K2312">
        <v>43109.231099999997</v>
      </c>
      <c r="L2312">
        <v>19165.616699999999</v>
      </c>
      <c r="M2312">
        <v>250729.2746</v>
      </c>
      <c r="N2312">
        <v>69699.528189999997</v>
      </c>
      <c r="O2312">
        <v>22831.95246</v>
      </c>
      <c r="P2312">
        <v>30361.772580000001</v>
      </c>
      <c r="Q2312">
        <v>67576.385129999995</v>
      </c>
      <c r="R2312">
        <v>17778.456429999998</v>
      </c>
      <c r="S2312">
        <v>82668.491940000007</v>
      </c>
      <c r="T2312">
        <v>24637.800299999999</v>
      </c>
      <c r="U2312">
        <v>14778.049360000001</v>
      </c>
      <c r="W2312" s="83">
        <f>Bühler!N2344</f>
        <v>45388.249999994398</v>
      </c>
      <c r="X2312" s="83">
        <v>43197.25</v>
      </c>
      <c r="Y2312">
        <v>186017.8414</v>
      </c>
      <c r="Z2312">
        <v>16753.593010000001</v>
      </c>
      <c r="AA2312">
        <v>76186.953779999996</v>
      </c>
      <c r="AB2312">
        <v>38862.840040000003</v>
      </c>
      <c r="AC2312">
        <v>37417.610520000002</v>
      </c>
      <c r="AD2312">
        <v>29108.96081</v>
      </c>
      <c r="AE2312">
        <v>43118.104659999997</v>
      </c>
      <c r="AF2312">
        <v>43109.231099999997</v>
      </c>
      <c r="AG2312">
        <v>19165.616699999999</v>
      </c>
      <c r="AH2312">
        <v>250729.2746</v>
      </c>
      <c r="AI2312">
        <v>69699.528189999997</v>
      </c>
      <c r="AJ2312">
        <v>22831.95246</v>
      </c>
      <c r="AK2312">
        <v>30361.772580000001</v>
      </c>
      <c r="AL2312">
        <v>67576.385129999995</v>
      </c>
      <c r="AM2312">
        <v>17778.456429999998</v>
      </c>
      <c r="AN2312">
        <v>82668.491940000007</v>
      </c>
      <c r="AO2312">
        <v>24637.800299999999</v>
      </c>
      <c r="AP2312">
        <v>14778.049360000001</v>
      </c>
    </row>
    <row r="2313" spans="2:42" x14ac:dyDescent="0.3">
      <c r="B2313">
        <v>49.284450371328631</v>
      </c>
      <c r="C2313" s="83">
        <v>43197.291666666664</v>
      </c>
      <c r="D2313">
        <v>185851.91159999999</v>
      </c>
      <c r="E2313">
        <v>19004.766469999999</v>
      </c>
      <c r="F2313">
        <v>78793.196689999997</v>
      </c>
      <c r="G2313">
        <v>40215.650070000003</v>
      </c>
      <c r="H2313">
        <v>37318.339500000002</v>
      </c>
      <c r="I2313">
        <v>31261.931059999999</v>
      </c>
      <c r="J2313">
        <v>43832.17151</v>
      </c>
      <c r="K2313">
        <v>42417.276769999997</v>
      </c>
      <c r="L2313">
        <v>21192.993900000001</v>
      </c>
      <c r="M2313">
        <v>251275.11139999999</v>
      </c>
      <c r="N2313">
        <v>69993.545499999993</v>
      </c>
      <c r="O2313">
        <v>22583.36047</v>
      </c>
      <c r="P2313">
        <v>32850.749459999999</v>
      </c>
      <c r="Q2313">
        <v>65092.33844</v>
      </c>
      <c r="R2313">
        <v>17680.599389999999</v>
      </c>
      <c r="S2313">
        <v>89755.435270000002</v>
      </c>
      <c r="T2313">
        <v>26044.705279999998</v>
      </c>
      <c r="U2313">
        <v>14223.13776</v>
      </c>
      <c r="W2313" s="83">
        <f>Bühler!N2345</f>
        <v>45388.291666661062</v>
      </c>
      <c r="X2313" s="83">
        <v>43197.291666666664</v>
      </c>
      <c r="Y2313">
        <v>185851.91159999999</v>
      </c>
      <c r="Z2313">
        <v>19004.766469999999</v>
      </c>
      <c r="AA2313">
        <v>78793.196689999997</v>
      </c>
      <c r="AB2313">
        <v>40215.650070000003</v>
      </c>
      <c r="AC2313">
        <v>37318.339500000002</v>
      </c>
      <c r="AD2313">
        <v>31261.931059999999</v>
      </c>
      <c r="AE2313">
        <v>43832.17151</v>
      </c>
      <c r="AF2313">
        <v>42417.276769999997</v>
      </c>
      <c r="AG2313">
        <v>21192.993900000001</v>
      </c>
      <c r="AH2313">
        <v>251275.11139999999</v>
      </c>
      <c r="AI2313">
        <v>69993.545499999993</v>
      </c>
      <c r="AJ2313">
        <v>22583.36047</v>
      </c>
      <c r="AK2313">
        <v>32850.749459999999</v>
      </c>
      <c r="AL2313">
        <v>65092.33844</v>
      </c>
      <c r="AM2313">
        <v>17680.599389999999</v>
      </c>
      <c r="AN2313">
        <v>89755.435270000002</v>
      </c>
      <c r="AO2313">
        <v>26044.705279999998</v>
      </c>
      <c r="AP2313">
        <v>14223.13776</v>
      </c>
    </row>
    <row r="2314" spans="2:42" x14ac:dyDescent="0.3">
      <c r="B2314">
        <v>48.509192688940189</v>
      </c>
      <c r="C2314" s="83">
        <v>43197.333333333336</v>
      </c>
      <c r="D2314">
        <v>185068.51310000001</v>
      </c>
      <c r="E2314">
        <v>21971.87399</v>
      </c>
      <c r="F2314">
        <v>83420.934340000007</v>
      </c>
      <c r="G2314">
        <v>41439.85787</v>
      </c>
      <c r="H2314">
        <v>37670.562810000003</v>
      </c>
      <c r="I2314">
        <v>31062.38048</v>
      </c>
      <c r="J2314">
        <v>42894.135770000001</v>
      </c>
      <c r="K2314">
        <v>43497.874349999998</v>
      </c>
      <c r="L2314">
        <v>23636.758170000001</v>
      </c>
      <c r="M2314">
        <v>247322.48620000001</v>
      </c>
      <c r="N2314">
        <v>72560.508350000004</v>
      </c>
      <c r="O2314">
        <v>22700.847969999999</v>
      </c>
      <c r="P2314">
        <v>34457.165959999998</v>
      </c>
      <c r="Q2314">
        <v>63408.655650000001</v>
      </c>
      <c r="R2314">
        <v>17548.889500000001</v>
      </c>
      <c r="S2314">
        <v>92149.850839999999</v>
      </c>
      <c r="T2314">
        <v>27583.605049999998</v>
      </c>
      <c r="U2314">
        <v>14056.68705</v>
      </c>
      <c r="W2314" s="83">
        <f>Bühler!N2346</f>
        <v>45388.333333327726</v>
      </c>
      <c r="X2314" s="83">
        <v>43197.333333333336</v>
      </c>
      <c r="Y2314">
        <v>185068.51310000001</v>
      </c>
      <c r="Z2314">
        <v>21971.87399</v>
      </c>
      <c r="AA2314">
        <v>83420.934340000007</v>
      </c>
      <c r="AB2314">
        <v>41439.85787</v>
      </c>
      <c r="AC2314">
        <v>37670.562810000003</v>
      </c>
      <c r="AD2314">
        <v>31062.38048</v>
      </c>
      <c r="AE2314">
        <v>42894.135770000001</v>
      </c>
      <c r="AF2314">
        <v>43497.874349999998</v>
      </c>
      <c r="AG2314">
        <v>23636.758170000001</v>
      </c>
      <c r="AH2314">
        <v>247322.48620000001</v>
      </c>
      <c r="AI2314">
        <v>72560.508350000004</v>
      </c>
      <c r="AJ2314">
        <v>22700.847969999999</v>
      </c>
      <c r="AK2314">
        <v>34457.165959999998</v>
      </c>
      <c r="AL2314">
        <v>63408.655650000001</v>
      </c>
      <c r="AM2314">
        <v>17548.889500000001</v>
      </c>
      <c r="AN2314">
        <v>92149.850839999999</v>
      </c>
      <c r="AO2314">
        <v>27583.605049999998</v>
      </c>
      <c r="AP2314">
        <v>14056.68705</v>
      </c>
    </row>
    <row r="2315" spans="2:42" x14ac:dyDescent="0.3">
      <c r="B2315">
        <v>47.583496453356183</v>
      </c>
      <c r="C2315" s="83">
        <v>43197.375</v>
      </c>
      <c r="D2315">
        <v>184066.57060000001</v>
      </c>
      <c r="E2315">
        <v>25614.671300000002</v>
      </c>
      <c r="F2315">
        <v>90399.567139999999</v>
      </c>
      <c r="G2315">
        <v>42496.463029999999</v>
      </c>
      <c r="H2315">
        <v>38044.378230000002</v>
      </c>
      <c r="I2315">
        <v>31404.192319999998</v>
      </c>
      <c r="J2315">
        <v>43355.322390000001</v>
      </c>
      <c r="K2315">
        <v>44784.992590000002</v>
      </c>
      <c r="L2315">
        <v>26648.443060000001</v>
      </c>
      <c r="M2315">
        <v>242602.85509999999</v>
      </c>
      <c r="N2315">
        <v>78143.309640000007</v>
      </c>
      <c r="O2315">
        <v>22640.355370000001</v>
      </c>
      <c r="P2315">
        <v>37092.468789999999</v>
      </c>
      <c r="Q2315">
        <v>62662.503040000003</v>
      </c>
      <c r="R2315">
        <v>18123.45709</v>
      </c>
      <c r="S2315">
        <v>94523.738190000004</v>
      </c>
      <c r="T2315">
        <v>30083.253140000001</v>
      </c>
      <c r="U2315">
        <v>14045.457689999999</v>
      </c>
      <c r="W2315" s="83">
        <f>Bühler!N2347</f>
        <v>45388.37499999439</v>
      </c>
      <c r="X2315" s="83">
        <v>43197.375</v>
      </c>
      <c r="Y2315">
        <v>184066.57060000001</v>
      </c>
      <c r="Z2315">
        <v>25614.671300000002</v>
      </c>
      <c r="AA2315">
        <v>90399.567139999999</v>
      </c>
      <c r="AB2315">
        <v>42496.463029999999</v>
      </c>
      <c r="AC2315">
        <v>38044.378230000002</v>
      </c>
      <c r="AD2315">
        <v>31404.192319999998</v>
      </c>
      <c r="AE2315">
        <v>43355.322390000001</v>
      </c>
      <c r="AF2315">
        <v>44784.992590000002</v>
      </c>
      <c r="AG2315">
        <v>26648.443060000001</v>
      </c>
      <c r="AH2315">
        <v>242602.85509999999</v>
      </c>
      <c r="AI2315">
        <v>78143.309640000007</v>
      </c>
      <c r="AJ2315">
        <v>22640.355370000001</v>
      </c>
      <c r="AK2315">
        <v>37092.468789999999</v>
      </c>
      <c r="AL2315">
        <v>62662.503040000003</v>
      </c>
      <c r="AM2315">
        <v>18123.45709</v>
      </c>
      <c r="AN2315">
        <v>94523.738190000004</v>
      </c>
      <c r="AO2315">
        <v>30083.253140000001</v>
      </c>
      <c r="AP2315">
        <v>14045.457689999999</v>
      </c>
    </row>
    <row r="2316" spans="2:42" x14ac:dyDescent="0.3">
      <c r="B2316">
        <v>46.671495218448257</v>
      </c>
      <c r="C2316" s="83">
        <v>43197.416666666664</v>
      </c>
      <c r="D2316">
        <v>182757.87340000001</v>
      </c>
      <c r="E2316">
        <v>27015.59563</v>
      </c>
      <c r="F2316">
        <v>90897.391789999994</v>
      </c>
      <c r="G2316">
        <v>42790.154979999999</v>
      </c>
      <c r="H2316">
        <v>38439.270210000002</v>
      </c>
      <c r="I2316">
        <v>30739.307410000001</v>
      </c>
      <c r="J2316">
        <v>42733.876620000003</v>
      </c>
      <c r="K2316">
        <v>45711.194450000003</v>
      </c>
      <c r="L2316">
        <v>29477.61851</v>
      </c>
      <c r="M2316">
        <v>237953.04749999999</v>
      </c>
      <c r="N2316">
        <v>80860.272819999998</v>
      </c>
      <c r="O2316">
        <v>22649.249779999998</v>
      </c>
      <c r="P2316">
        <v>37853.783320000002</v>
      </c>
      <c r="Q2316">
        <v>62792.885549999999</v>
      </c>
      <c r="R2316">
        <v>18472.167280000001</v>
      </c>
      <c r="S2316">
        <v>93586.332890000005</v>
      </c>
      <c r="T2316">
        <v>31748.685119999998</v>
      </c>
      <c r="U2316">
        <v>13605.535819999999</v>
      </c>
      <c r="W2316" s="83">
        <f>Bühler!N2348</f>
        <v>45388.416666661054</v>
      </c>
      <c r="X2316" s="83">
        <v>43197.416666666664</v>
      </c>
      <c r="Y2316">
        <v>182757.87340000001</v>
      </c>
      <c r="Z2316">
        <v>27015.59563</v>
      </c>
      <c r="AA2316">
        <v>90897.391789999994</v>
      </c>
      <c r="AB2316">
        <v>42790.154979999999</v>
      </c>
      <c r="AC2316">
        <v>38439.270210000002</v>
      </c>
      <c r="AD2316">
        <v>30739.307410000001</v>
      </c>
      <c r="AE2316">
        <v>42733.876620000003</v>
      </c>
      <c r="AF2316">
        <v>45711.194450000003</v>
      </c>
      <c r="AG2316">
        <v>29477.61851</v>
      </c>
      <c r="AH2316">
        <v>237953.04749999999</v>
      </c>
      <c r="AI2316">
        <v>80860.272819999998</v>
      </c>
      <c r="AJ2316">
        <v>22649.249779999998</v>
      </c>
      <c r="AK2316">
        <v>37853.783320000002</v>
      </c>
      <c r="AL2316">
        <v>62792.885549999999</v>
      </c>
      <c r="AM2316">
        <v>18472.167280000001</v>
      </c>
      <c r="AN2316">
        <v>93586.332890000005</v>
      </c>
      <c r="AO2316">
        <v>31748.685119999998</v>
      </c>
      <c r="AP2316">
        <v>13605.535819999999</v>
      </c>
    </row>
    <row r="2317" spans="2:42" x14ac:dyDescent="0.3">
      <c r="B2317">
        <v>46.388955410713166</v>
      </c>
      <c r="C2317" s="83">
        <v>43197.458333333336</v>
      </c>
      <c r="D2317">
        <v>180254.05720000001</v>
      </c>
      <c r="E2317">
        <v>26681.028259999999</v>
      </c>
      <c r="F2317">
        <v>91170.587239999993</v>
      </c>
      <c r="G2317">
        <v>42720.517180000003</v>
      </c>
      <c r="H2317">
        <v>38022.207520000004</v>
      </c>
      <c r="I2317">
        <v>30495.141670000001</v>
      </c>
      <c r="J2317">
        <v>42009.606910000002</v>
      </c>
      <c r="K2317">
        <v>46147.15784</v>
      </c>
      <c r="L2317">
        <v>30685.821260000001</v>
      </c>
      <c r="M2317">
        <v>236512.52780000001</v>
      </c>
      <c r="N2317">
        <v>80834.564889999994</v>
      </c>
      <c r="O2317">
        <v>22667.613819999999</v>
      </c>
      <c r="P2317">
        <v>37028.872040000002</v>
      </c>
      <c r="Q2317">
        <v>61247.275199999996</v>
      </c>
      <c r="R2317">
        <v>20622.41677</v>
      </c>
      <c r="S2317">
        <v>94556.423790000001</v>
      </c>
      <c r="T2317">
        <v>31888.50013</v>
      </c>
      <c r="U2317">
        <v>13578.10929</v>
      </c>
      <c r="W2317" s="83">
        <f>Bühler!N2349</f>
        <v>45388.458333327719</v>
      </c>
      <c r="X2317" s="83">
        <v>43197.458333333336</v>
      </c>
      <c r="Y2317">
        <v>180254.05720000001</v>
      </c>
      <c r="Z2317">
        <v>26681.028259999999</v>
      </c>
      <c r="AA2317">
        <v>91170.587239999993</v>
      </c>
      <c r="AB2317">
        <v>42720.517180000003</v>
      </c>
      <c r="AC2317">
        <v>38022.207520000004</v>
      </c>
      <c r="AD2317">
        <v>30495.141670000001</v>
      </c>
      <c r="AE2317">
        <v>42009.606910000002</v>
      </c>
      <c r="AF2317">
        <v>46147.15784</v>
      </c>
      <c r="AG2317">
        <v>30685.821260000001</v>
      </c>
      <c r="AH2317">
        <v>236512.52780000001</v>
      </c>
      <c r="AI2317">
        <v>80834.564889999994</v>
      </c>
      <c r="AJ2317">
        <v>22667.613819999999</v>
      </c>
      <c r="AK2317">
        <v>37028.872040000002</v>
      </c>
      <c r="AL2317">
        <v>61247.275199999996</v>
      </c>
      <c r="AM2317">
        <v>20622.41677</v>
      </c>
      <c r="AN2317">
        <v>94556.423790000001</v>
      </c>
      <c r="AO2317">
        <v>31888.50013</v>
      </c>
      <c r="AP2317">
        <v>13578.10929</v>
      </c>
    </row>
    <row r="2318" spans="2:42" x14ac:dyDescent="0.3">
      <c r="B2318">
        <v>45.668788334236666</v>
      </c>
      <c r="C2318" s="83">
        <v>43197.5</v>
      </c>
      <c r="D2318">
        <v>174751.39259999999</v>
      </c>
      <c r="E2318">
        <v>25089.178609999999</v>
      </c>
      <c r="F2318">
        <v>89339.236170000004</v>
      </c>
      <c r="G2318">
        <v>40285.783519999997</v>
      </c>
      <c r="H2318">
        <v>37515.61879</v>
      </c>
      <c r="I2318">
        <v>30476.408159999999</v>
      </c>
      <c r="J2318">
        <v>42411.600639999997</v>
      </c>
      <c r="K2318">
        <v>46063.425380000001</v>
      </c>
      <c r="L2318">
        <v>32586.297470000001</v>
      </c>
      <c r="M2318">
        <v>232840.78020000001</v>
      </c>
      <c r="N2318">
        <v>78359.878159999993</v>
      </c>
      <c r="O2318">
        <v>21876.266940000001</v>
      </c>
      <c r="P2318">
        <v>36906.322789999998</v>
      </c>
      <c r="Q2318">
        <v>58085.848830000003</v>
      </c>
      <c r="R2318">
        <v>19679.48215</v>
      </c>
      <c r="S2318">
        <v>89905.945170000006</v>
      </c>
      <c r="T2318">
        <v>31572.551889999999</v>
      </c>
      <c r="U2318">
        <v>12779.444100000001</v>
      </c>
      <c r="W2318" s="83">
        <f>Bühler!N2350</f>
        <v>45388.499999994383</v>
      </c>
      <c r="X2318" s="83">
        <v>43197.5</v>
      </c>
      <c r="Y2318">
        <v>174751.39259999999</v>
      </c>
      <c r="Z2318">
        <v>25089.178609999999</v>
      </c>
      <c r="AA2318">
        <v>89339.236170000004</v>
      </c>
      <c r="AB2318">
        <v>40285.783519999997</v>
      </c>
      <c r="AC2318">
        <v>37515.61879</v>
      </c>
      <c r="AD2318">
        <v>30476.408159999999</v>
      </c>
      <c r="AE2318">
        <v>42411.600639999997</v>
      </c>
      <c r="AF2318">
        <v>46063.425380000001</v>
      </c>
      <c r="AG2318">
        <v>32586.297470000001</v>
      </c>
      <c r="AH2318">
        <v>232840.78020000001</v>
      </c>
      <c r="AI2318">
        <v>78359.878159999993</v>
      </c>
      <c r="AJ2318">
        <v>21876.266940000001</v>
      </c>
      <c r="AK2318">
        <v>36906.322789999998</v>
      </c>
      <c r="AL2318">
        <v>58085.848830000003</v>
      </c>
      <c r="AM2318">
        <v>19679.48215</v>
      </c>
      <c r="AN2318">
        <v>89905.945170000006</v>
      </c>
      <c r="AO2318">
        <v>31572.551889999999</v>
      </c>
      <c r="AP2318">
        <v>12779.444100000001</v>
      </c>
    </row>
    <row r="2319" spans="2:42" x14ac:dyDescent="0.3">
      <c r="B2319">
        <v>44.663573048646647</v>
      </c>
      <c r="C2319" s="83">
        <v>43197.541666666664</v>
      </c>
      <c r="D2319">
        <v>171418.5497</v>
      </c>
      <c r="E2319">
        <v>24365.40265</v>
      </c>
      <c r="F2319">
        <v>87650.861059999996</v>
      </c>
      <c r="G2319">
        <v>38952.039380000002</v>
      </c>
      <c r="H2319">
        <v>36714.597999999998</v>
      </c>
      <c r="I2319">
        <v>30037.23172</v>
      </c>
      <c r="J2319">
        <v>41782.753909999999</v>
      </c>
      <c r="K2319">
        <v>48216.198360000002</v>
      </c>
      <c r="L2319">
        <v>32601.337189999998</v>
      </c>
      <c r="M2319">
        <v>227715.72390000001</v>
      </c>
      <c r="N2319">
        <v>76331.897540000005</v>
      </c>
      <c r="O2319">
        <v>21451.769380000002</v>
      </c>
      <c r="P2319">
        <v>35998.84648</v>
      </c>
      <c r="Q2319">
        <v>55790.295039999997</v>
      </c>
      <c r="R2319">
        <v>19248.845860000001</v>
      </c>
      <c r="S2319">
        <v>89866.349520000003</v>
      </c>
      <c r="T2319">
        <v>30446.368490000001</v>
      </c>
      <c r="U2319">
        <v>12631.24158</v>
      </c>
      <c r="W2319" s="83">
        <f>Bühler!N2351</f>
        <v>45388.541666661047</v>
      </c>
      <c r="X2319" s="83">
        <v>43197.541666666664</v>
      </c>
      <c r="Y2319">
        <v>171418.5497</v>
      </c>
      <c r="Z2319">
        <v>24365.40265</v>
      </c>
      <c r="AA2319">
        <v>87650.861059999996</v>
      </c>
      <c r="AB2319">
        <v>38952.039380000002</v>
      </c>
      <c r="AC2319">
        <v>36714.597999999998</v>
      </c>
      <c r="AD2319">
        <v>30037.23172</v>
      </c>
      <c r="AE2319">
        <v>41782.753909999999</v>
      </c>
      <c r="AF2319">
        <v>48216.198360000002</v>
      </c>
      <c r="AG2319">
        <v>32601.337189999998</v>
      </c>
      <c r="AH2319">
        <v>227715.72390000001</v>
      </c>
      <c r="AI2319">
        <v>76331.897540000005</v>
      </c>
      <c r="AJ2319">
        <v>21451.769380000002</v>
      </c>
      <c r="AK2319">
        <v>35998.84648</v>
      </c>
      <c r="AL2319">
        <v>55790.295039999997</v>
      </c>
      <c r="AM2319">
        <v>19248.845860000001</v>
      </c>
      <c r="AN2319">
        <v>89866.349520000003</v>
      </c>
      <c r="AO2319">
        <v>30446.368490000001</v>
      </c>
      <c r="AP2319">
        <v>12631.24158</v>
      </c>
    </row>
    <row r="2320" spans="2:42" x14ac:dyDescent="0.3">
      <c r="B2320">
        <v>44.464158806831719</v>
      </c>
      <c r="C2320" s="83">
        <v>43197.583333333336</v>
      </c>
      <c r="D2320">
        <v>170955.4553</v>
      </c>
      <c r="E2320">
        <v>25146.613290000001</v>
      </c>
      <c r="F2320">
        <v>87434.723450000005</v>
      </c>
      <c r="G2320">
        <v>38292.104359999998</v>
      </c>
      <c r="H2320">
        <v>36662.718379999998</v>
      </c>
      <c r="I2320">
        <v>30023.95981</v>
      </c>
      <c r="J2320">
        <v>40302.662109999997</v>
      </c>
      <c r="K2320">
        <v>47535.078930000003</v>
      </c>
      <c r="L2320">
        <v>29912.6927</v>
      </c>
      <c r="M2320">
        <v>226699.0171</v>
      </c>
      <c r="N2320">
        <v>76666.28039</v>
      </c>
      <c r="O2320">
        <v>21198.717250000002</v>
      </c>
      <c r="P2320">
        <v>34387.234570000001</v>
      </c>
      <c r="Q2320">
        <v>54567.996800000001</v>
      </c>
      <c r="R2320">
        <v>19467.077570000001</v>
      </c>
      <c r="S2320">
        <v>87037.27231</v>
      </c>
      <c r="T2320">
        <v>29931.479019999999</v>
      </c>
      <c r="U2320">
        <v>12739.23186</v>
      </c>
      <c r="W2320" s="83">
        <f>Bühler!N2352</f>
        <v>45388.583333327711</v>
      </c>
      <c r="X2320" s="83">
        <v>43197.583333333336</v>
      </c>
      <c r="Y2320">
        <v>170955.4553</v>
      </c>
      <c r="Z2320">
        <v>25146.613290000001</v>
      </c>
      <c r="AA2320">
        <v>87434.723450000005</v>
      </c>
      <c r="AB2320">
        <v>38292.104359999998</v>
      </c>
      <c r="AC2320">
        <v>36662.718379999998</v>
      </c>
      <c r="AD2320">
        <v>30023.95981</v>
      </c>
      <c r="AE2320">
        <v>40302.662109999997</v>
      </c>
      <c r="AF2320">
        <v>47535.078930000003</v>
      </c>
      <c r="AG2320">
        <v>29912.6927</v>
      </c>
      <c r="AH2320">
        <v>226699.0171</v>
      </c>
      <c r="AI2320">
        <v>76666.28039</v>
      </c>
      <c r="AJ2320">
        <v>21198.717250000002</v>
      </c>
      <c r="AK2320">
        <v>34387.234570000001</v>
      </c>
      <c r="AL2320">
        <v>54567.996800000001</v>
      </c>
      <c r="AM2320">
        <v>19467.077570000001</v>
      </c>
      <c r="AN2320">
        <v>87037.27231</v>
      </c>
      <c r="AO2320">
        <v>29931.479019999999</v>
      </c>
      <c r="AP2320">
        <v>12739.23186</v>
      </c>
    </row>
    <row r="2321" spans="2:42" x14ac:dyDescent="0.3">
      <c r="B2321">
        <v>44.282732484098517</v>
      </c>
      <c r="C2321" s="83">
        <v>43197.625</v>
      </c>
      <c r="D2321">
        <v>169451.3659</v>
      </c>
      <c r="E2321">
        <v>25264.700980000001</v>
      </c>
      <c r="F2321">
        <v>87310.530459999994</v>
      </c>
      <c r="G2321">
        <v>38006.208489999997</v>
      </c>
      <c r="H2321">
        <v>35983.616479999997</v>
      </c>
      <c r="I2321">
        <v>29961.86925</v>
      </c>
      <c r="J2321">
        <v>39900.24727</v>
      </c>
      <c r="K2321">
        <v>45864.34489</v>
      </c>
      <c r="L2321">
        <v>27455.21197</v>
      </c>
      <c r="M2321">
        <v>225774.02110000001</v>
      </c>
      <c r="N2321">
        <v>76814.186149999994</v>
      </c>
      <c r="O2321">
        <v>21052.640790000001</v>
      </c>
      <c r="P2321">
        <v>31586.15897</v>
      </c>
      <c r="Q2321">
        <v>53312.647250000002</v>
      </c>
      <c r="R2321">
        <v>19948.693520000001</v>
      </c>
      <c r="S2321">
        <v>86126.548639999994</v>
      </c>
      <c r="T2321">
        <v>31055.94515</v>
      </c>
      <c r="U2321">
        <v>12554.45688</v>
      </c>
      <c r="W2321" s="83">
        <f>Bühler!N2353</f>
        <v>45388.624999994376</v>
      </c>
      <c r="X2321" s="83">
        <v>43197.625</v>
      </c>
      <c r="Y2321">
        <v>169451.3659</v>
      </c>
      <c r="Z2321">
        <v>25264.700980000001</v>
      </c>
      <c r="AA2321">
        <v>87310.530459999994</v>
      </c>
      <c r="AB2321">
        <v>38006.208489999997</v>
      </c>
      <c r="AC2321">
        <v>35983.616479999997</v>
      </c>
      <c r="AD2321">
        <v>29961.86925</v>
      </c>
      <c r="AE2321">
        <v>39900.24727</v>
      </c>
      <c r="AF2321">
        <v>45864.34489</v>
      </c>
      <c r="AG2321">
        <v>27455.21197</v>
      </c>
      <c r="AH2321">
        <v>225774.02110000001</v>
      </c>
      <c r="AI2321">
        <v>76814.186149999994</v>
      </c>
      <c r="AJ2321">
        <v>21052.640790000001</v>
      </c>
      <c r="AK2321">
        <v>31586.15897</v>
      </c>
      <c r="AL2321">
        <v>53312.647250000002</v>
      </c>
      <c r="AM2321">
        <v>19948.693520000001</v>
      </c>
      <c r="AN2321">
        <v>86126.548639999994</v>
      </c>
      <c r="AO2321">
        <v>31055.94515</v>
      </c>
      <c r="AP2321">
        <v>12554.45688</v>
      </c>
    </row>
    <row r="2322" spans="2:42" x14ac:dyDescent="0.3">
      <c r="B2322">
        <v>43.699982574473658</v>
      </c>
      <c r="C2322" s="83">
        <v>43197.666666666664</v>
      </c>
      <c r="D2322">
        <v>166870.38020000001</v>
      </c>
      <c r="E2322">
        <v>25205.102699999999</v>
      </c>
      <c r="F2322">
        <v>86853.343250000005</v>
      </c>
      <c r="G2322">
        <v>37903.45822</v>
      </c>
      <c r="H2322">
        <v>36450.092040000003</v>
      </c>
      <c r="I2322">
        <v>30560.216990000001</v>
      </c>
      <c r="J2322">
        <v>39164.18331</v>
      </c>
      <c r="K2322">
        <v>44378.661809999998</v>
      </c>
      <c r="L2322">
        <v>26653.840410000001</v>
      </c>
      <c r="M2322">
        <v>222802.8903</v>
      </c>
      <c r="N2322">
        <v>75909.330570000006</v>
      </c>
      <c r="O2322">
        <v>21348.05647</v>
      </c>
      <c r="P2322">
        <v>31624.80946</v>
      </c>
      <c r="Q2322">
        <v>52949.370269999999</v>
      </c>
      <c r="R2322">
        <v>19341.062249999999</v>
      </c>
      <c r="S2322">
        <v>86535.484989999997</v>
      </c>
      <c r="T2322">
        <v>31120.37038</v>
      </c>
      <c r="U2322">
        <v>12591.02325</v>
      </c>
      <c r="W2322" s="83">
        <f>Bühler!N2354</f>
        <v>45388.66666666104</v>
      </c>
      <c r="X2322" s="83">
        <v>43197.666666666664</v>
      </c>
      <c r="Y2322">
        <v>166870.38020000001</v>
      </c>
      <c r="Z2322">
        <v>25205.102699999999</v>
      </c>
      <c r="AA2322">
        <v>86853.343250000005</v>
      </c>
      <c r="AB2322">
        <v>37903.45822</v>
      </c>
      <c r="AC2322">
        <v>36450.092040000003</v>
      </c>
      <c r="AD2322">
        <v>30560.216990000001</v>
      </c>
      <c r="AE2322">
        <v>39164.18331</v>
      </c>
      <c r="AF2322">
        <v>44378.661809999998</v>
      </c>
      <c r="AG2322">
        <v>26653.840410000001</v>
      </c>
      <c r="AH2322">
        <v>222802.8903</v>
      </c>
      <c r="AI2322">
        <v>75909.330570000006</v>
      </c>
      <c r="AJ2322">
        <v>21348.05647</v>
      </c>
      <c r="AK2322">
        <v>31624.80946</v>
      </c>
      <c r="AL2322">
        <v>52949.370269999999</v>
      </c>
      <c r="AM2322">
        <v>19341.062249999999</v>
      </c>
      <c r="AN2322">
        <v>86535.484989999997</v>
      </c>
      <c r="AO2322">
        <v>31120.37038</v>
      </c>
      <c r="AP2322">
        <v>12591.02325</v>
      </c>
    </row>
    <row r="2323" spans="2:42" x14ac:dyDescent="0.3">
      <c r="B2323">
        <v>42.855107290203804</v>
      </c>
      <c r="C2323" s="83">
        <v>43197.708333333336</v>
      </c>
      <c r="D2323">
        <v>165415.67989999999</v>
      </c>
      <c r="E2323">
        <v>24729.977569999999</v>
      </c>
      <c r="F2323">
        <v>85826.187040000004</v>
      </c>
      <c r="G2323">
        <v>37665.23227</v>
      </c>
      <c r="H2323">
        <v>35859.565130000003</v>
      </c>
      <c r="I2323">
        <v>30914.38853</v>
      </c>
      <c r="J2323">
        <v>39722.673699999999</v>
      </c>
      <c r="K2323">
        <v>44156.584239999996</v>
      </c>
      <c r="L2323">
        <v>27202.52851</v>
      </c>
      <c r="M2323">
        <v>218495.32209999999</v>
      </c>
      <c r="N2323">
        <v>72898.938250000007</v>
      </c>
      <c r="O2323">
        <v>20917.04883</v>
      </c>
      <c r="P2323">
        <v>33038.734199999999</v>
      </c>
      <c r="Q2323">
        <v>51580.771529999998</v>
      </c>
      <c r="R2323">
        <v>21879.06436</v>
      </c>
      <c r="S2323">
        <v>88550.747390000004</v>
      </c>
      <c r="T2323">
        <v>30185.90914</v>
      </c>
      <c r="U2323">
        <v>12523.255209999999</v>
      </c>
      <c r="W2323" s="83">
        <f>Bühler!N2355</f>
        <v>45388.708333327704</v>
      </c>
      <c r="X2323" s="83">
        <v>43197.708333333336</v>
      </c>
      <c r="Y2323">
        <v>165415.67989999999</v>
      </c>
      <c r="Z2323">
        <v>24729.977569999999</v>
      </c>
      <c r="AA2323">
        <v>85826.187040000004</v>
      </c>
      <c r="AB2323">
        <v>37665.23227</v>
      </c>
      <c r="AC2323">
        <v>35859.565130000003</v>
      </c>
      <c r="AD2323">
        <v>30914.38853</v>
      </c>
      <c r="AE2323">
        <v>39722.673699999999</v>
      </c>
      <c r="AF2323">
        <v>44156.584239999996</v>
      </c>
      <c r="AG2323">
        <v>27202.52851</v>
      </c>
      <c r="AH2323">
        <v>218495.32209999999</v>
      </c>
      <c r="AI2323">
        <v>72898.938250000007</v>
      </c>
      <c r="AJ2323">
        <v>20917.04883</v>
      </c>
      <c r="AK2323">
        <v>33038.734199999999</v>
      </c>
      <c r="AL2323">
        <v>51580.771529999998</v>
      </c>
      <c r="AM2323">
        <v>21879.06436</v>
      </c>
      <c r="AN2323">
        <v>88550.747390000004</v>
      </c>
      <c r="AO2323">
        <v>30185.90914</v>
      </c>
      <c r="AP2323">
        <v>12523.255209999999</v>
      </c>
    </row>
    <row r="2324" spans="2:42" x14ac:dyDescent="0.3">
      <c r="B2324">
        <v>42.036530914469765</v>
      </c>
      <c r="C2324" s="83">
        <v>43197.75</v>
      </c>
      <c r="D2324">
        <v>164548.65950000001</v>
      </c>
      <c r="E2324">
        <v>23627.635119999999</v>
      </c>
      <c r="F2324">
        <v>85620.467720000001</v>
      </c>
      <c r="G2324">
        <v>37880.253320000003</v>
      </c>
      <c r="H2324">
        <v>36106.223760000001</v>
      </c>
      <c r="I2324">
        <v>31587.80013</v>
      </c>
      <c r="J2324">
        <v>40319.617030000001</v>
      </c>
      <c r="K2324">
        <v>44314.375809999998</v>
      </c>
      <c r="L2324">
        <v>29258.443080000001</v>
      </c>
      <c r="M2324">
        <v>214321.83799999999</v>
      </c>
      <c r="N2324">
        <v>72020.071609999999</v>
      </c>
      <c r="O2324">
        <v>21707.325120000001</v>
      </c>
      <c r="P2324">
        <v>36850.628510000002</v>
      </c>
      <c r="Q2324">
        <v>50167.010600000001</v>
      </c>
      <c r="R2324">
        <v>20153.237369999999</v>
      </c>
      <c r="S2324">
        <v>86119.427389999997</v>
      </c>
      <c r="T2324">
        <v>30003.104189999998</v>
      </c>
      <c r="U2324">
        <v>12384.88652</v>
      </c>
      <c r="W2324" s="83">
        <f>Bühler!N2356</f>
        <v>45388.749999994368</v>
      </c>
      <c r="X2324" s="83">
        <v>43197.75</v>
      </c>
      <c r="Y2324">
        <v>164548.65950000001</v>
      </c>
      <c r="Z2324">
        <v>23627.635119999999</v>
      </c>
      <c r="AA2324">
        <v>85620.467720000001</v>
      </c>
      <c r="AB2324">
        <v>37880.253320000003</v>
      </c>
      <c r="AC2324">
        <v>36106.223760000001</v>
      </c>
      <c r="AD2324">
        <v>31587.80013</v>
      </c>
      <c r="AE2324">
        <v>40319.617030000001</v>
      </c>
      <c r="AF2324">
        <v>44314.375809999998</v>
      </c>
      <c r="AG2324">
        <v>29258.443080000001</v>
      </c>
      <c r="AH2324">
        <v>214321.83799999999</v>
      </c>
      <c r="AI2324">
        <v>72020.071609999999</v>
      </c>
      <c r="AJ2324">
        <v>21707.325120000001</v>
      </c>
      <c r="AK2324">
        <v>36850.628510000002</v>
      </c>
      <c r="AL2324">
        <v>50167.010600000001</v>
      </c>
      <c r="AM2324">
        <v>20153.237369999999</v>
      </c>
      <c r="AN2324">
        <v>86119.427389999997</v>
      </c>
      <c r="AO2324">
        <v>30003.104189999998</v>
      </c>
      <c r="AP2324">
        <v>12384.88652</v>
      </c>
    </row>
    <row r="2325" spans="2:42" x14ac:dyDescent="0.3">
      <c r="B2325">
        <v>41.595676969528775</v>
      </c>
      <c r="C2325" s="83">
        <v>43197.791666666664</v>
      </c>
      <c r="D2325">
        <v>164748.8302</v>
      </c>
      <c r="E2325">
        <v>20562.60986</v>
      </c>
      <c r="F2325">
        <v>74606.453039999993</v>
      </c>
      <c r="G2325">
        <v>38104.351360000001</v>
      </c>
      <c r="H2325">
        <v>35246.397140000001</v>
      </c>
      <c r="I2325">
        <v>30959.150559999998</v>
      </c>
      <c r="J2325">
        <v>40313.892200000002</v>
      </c>
      <c r="K2325">
        <v>44711.54737</v>
      </c>
      <c r="L2325">
        <v>31403.607199999999</v>
      </c>
      <c r="M2325">
        <v>212074.15900000001</v>
      </c>
      <c r="N2325">
        <v>73295.111919999996</v>
      </c>
      <c r="O2325">
        <v>21761.770280000001</v>
      </c>
      <c r="P2325">
        <v>38183.362560000001</v>
      </c>
      <c r="Q2325">
        <v>48562.078739999997</v>
      </c>
      <c r="R2325">
        <v>20298.101589999998</v>
      </c>
      <c r="S2325">
        <v>85819.551699999996</v>
      </c>
      <c r="T2325">
        <v>29269.238580000001</v>
      </c>
      <c r="U2325">
        <v>12412.09698</v>
      </c>
      <c r="W2325" s="83">
        <f>Bühler!N2357</f>
        <v>45388.791666661033</v>
      </c>
      <c r="X2325" s="83">
        <v>43197.791666666664</v>
      </c>
      <c r="Y2325">
        <v>164748.8302</v>
      </c>
      <c r="Z2325">
        <v>20562.60986</v>
      </c>
      <c r="AA2325">
        <v>74606.453039999993</v>
      </c>
      <c r="AB2325">
        <v>38104.351360000001</v>
      </c>
      <c r="AC2325">
        <v>35246.397140000001</v>
      </c>
      <c r="AD2325">
        <v>30959.150559999998</v>
      </c>
      <c r="AE2325">
        <v>40313.892200000002</v>
      </c>
      <c r="AF2325">
        <v>44711.54737</v>
      </c>
      <c r="AG2325">
        <v>31403.607199999999</v>
      </c>
      <c r="AH2325">
        <v>212074.15900000001</v>
      </c>
      <c r="AI2325">
        <v>73295.111919999996</v>
      </c>
      <c r="AJ2325">
        <v>21761.770280000001</v>
      </c>
      <c r="AK2325">
        <v>38183.362560000001</v>
      </c>
      <c r="AL2325">
        <v>48562.078739999997</v>
      </c>
      <c r="AM2325">
        <v>20298.101589999998</v>
      </c>
      <c r="AN2325">
        <v>85819.551699999996</v>
      </c>
      <c r="AO2325">
        <v>29269.238580000001</v>
      </c>
      <c r="AP2325">
        <v>12412.09698</v>
      </c>
    </row>
    <row r="2326" spans="2:42" x14ac:dyDescent="0.3">
      <c r="B2326">
        <v>41.675875714126775</v>
      </c>
      <c r="C2326" s="83">
        <v>43197.833333333336</v>
      </c>
      <c r="D2326">
        <v>165970.97560000001</v>
      </c>
      <c r="E2326">
        <v>16363.89467</v>
      </c>
      <c r="F2326">
        <v>57518.59259</v>
      </c>
      <c r="G2326">
        <v>38981.992480000001</v>
      </c>
      <c r="H2326">
        <v>35947.537479999999</v>
      </c>
      <c r="I2326">
        <v>28197.702850000001</v>
      </c>
      <c r="J2326">
        <v>42362.121209999998</v>
      </c>
      <c r="K2326">
        <v>45975.916729999997</v>
      </c>
      <c r="L2326">
        <v>32212.757669999999</v>
      </c>
      <c r="M2326">
        <v>212483.0496</v>
      </c>
      <c r="N2326">
        <v>73718.656830000007</v>
      </c>
      <c r="O2326">
        <v>21285.172060000001</v>
      </c>
      <c r="P2326">
        <v>40240.7448</v>
      </c>
      <c r="Q2326">
        <v>47493.744259999999</v>
      </c>
      <c r="R2326">
        <v>20981.619289999999</v>
      </c>
      <c r="S2326">
        <v>82815.958960000004</v>
      </c>
      <c r="T2326">
        <v>27350.032569999999</v>
      </c>
      <c r="U2326">
        <v>13081.86649</v>
      </c>
      <c r="W2326" s="83">
        <f>Bühler!N2358</f>
        <v>45388.833333327697</v>
      </c>
      <c r="X2326" s="83">
        <v>43197.833333333336</v>
      </c>
      <c r="Y2326">
        <v>165970.97560000001</v>
      </c>
      <c r="Z2326">
        <v>16363.89467</v>
      </c>
      <c r="AA2326">
        <v>57518.59259</v>
      </c>
      <c r="AB2326">
        <v>38981.992480000001</v>
      </c>
      <c r="AC2326">
        <v>35947.537479999999</v>
      </c>
      <c r="AD2326">
        <v>28197.702850000001</v>
      </c>
      <c r="AE2326">
        <v>42362.121209999998</v>
      </c>
      <c r="AF2326">
        <v>45975.916729999997</v>
      </c>
      <c r="AG2326">
        <v>32212.757669999999</v>
      </c>
      <c r="AH2326">
        <v>212483.0496</v>
      </c>
      <c r="AI2326">
        <v>73718.656830000007</v>
      </c>
      <c r="AJ2326">
        <v>21285.172060000001</v>
      </c>
      <c r="AK2326">
        <v>40240.7448</v>
      </c>
      <c r="AL2326">
        <v>47493.744259999999</v>
      </c>
      <c r="AM2326">
        <v>20981.619289999999</v>
      </c>
      <c r="AN2326">
        <v>82815.958960000004</v>
      </c>
      <c r="AO2326">
        <v>27350.032569999999</v>
      </c>
      <c r="AP2326">
        <v>13081.86649</v>
      </c>
    </row>
    <row r="2327" spans="2:42" x14ac:dyDescent="0.3">
      <c r="B2327">
        <v>41.484864469826505</v>
      </c>
      <c r="C2327" s="83">
        <v>43197.875</v>
      </c>
      <c r="D2327">
        <v>166515.3407</v>
      </c>
      <c r="E2327">
        <v>14174.00188</v>
      </c>
      <c r="F2327">
        <v>49752.372380000001</v>
      </c>
      <c r="G2327">
        <v>38937.499210000002</v>
      </c>
      <c r="H2327">
        <v>35836.453889999997</v>
      </c>
      <c r="I2327">
        <v>26325.552489999998</v>
      </c>
      <c r="J2327">
        <v>41759.28254</v>
      </c>
      <c r="K2327">
        <v>45940.563860000002</v>
      </c>
      <c r="L2327">
        <v>31228.03728</v>
      </c>
      <c r="M2327">
        <v>211509.18520000001</v>
      </c>
      <c r="N2327">
        <v>73398.259619999997</v>
      </c>
      <c r="O2327">
        <v>21678.659629999998</v>
      </c>
      <c r="P2327">
        <v>39452.707900000001</v>
      </c>
      <c r="Q2327">
        <v>46845.041949999999</v>
      </c>
      <c r="R2327">
        <v>20334.185600000001</v>
      </c>
      <c r="S2327">
        <v>80434.557400000005</v>
      </c>
      <c r="T2327">
        <v>26091.838810000001</v>
      </c>
      <c r="U2327">
        <v>13520.80934</v>
      </c>
      <c r="W2327" s="83">
        <f>Bühler!N2359</f>
        <v>45388.874999994361</v>
      </c>
      <c r="X2327" s="83">
        <v>43197.875</v>
      </c>
      <c r="Y2327">
        <v>166515.3407</v>
      </c>
      <c r="Z2327">
        <v>14174.00188</v>
      </c>
      <c r="AA2327">
        <v>49752.372380000001</v>
      </c>
      <c r="AB2327">
        <v>38937.499210000002</v>
      </c>
      <c r="AC2327">
        <v>35836.453889999997</v>
      </c>
      <c r="AD2327">
        <v>26325.552489999998</v>
      </c>
      <c r="AE2327">
        <v>41759.28254</v>
      </c>
      <c r="AF2327">
        <v>45940.563860000002</v>
      </c>
      <c r="AG2327">
        <v>31228.03728</v>
      </c>
      <c r="AH2327">
        <v>211509.18520000001</v>
      </c>
      <c r="AI2327">
        <v>73398.259619999997</v>
      </c>
      <c r="AJ2327">
        <v>21678.659629999998</v>
      </c>
      <c r="AK2327">
        <v>39452.707900000001</v>
      </c>
      <c r="AL2327">
        <v>46845.041949999999</v>
      </c>
      <c r="AM2327">
        <v>20334.185600000001</v>
      </c>
      <c r="AN2327">
        <v>80434.557400000005</v>
      </c>
      <c r="AO2327">
        <v>26091.838810000001</v>
      </c>
      <c r="AP2327">
        <v>13520.80934</v>
      </c>
    </row>
    <row r="2328" spans="2:42" x14ac:dyDescent="0.3">
      <c r="B2328">
        <v>41.634473459832591</v>
      </c>
      <c r="C2328" s="83">
        <v>43197.916666666664</v>
      </c>
      <c r="D2328">
        <v>166487.6097</v>
      </c>
      <c r="E2328">
        <v>13812.28989</v>
      </c>
      <c r="F2328">
        <v>46994.045279999998</v>
      </c>
      <c r="G2328">
        <v>39183.630089999999</v>
      </c>
      <c r="H2328">
        <v>37079.445110000001</v>
      </c>
      <c r="I2328">
        <v>25061.065930000001</v>
      </c>
      <c r="J2328">
        <v>40623.869550000003</v>
      </c>
      <c r="K2328">
        <v>50419.002959999998</v>
      </c>
      <c r="L2328">
        <v>28057.950649999999</v>
      </c>
      <c r="M2328">
        <v>212271.96160000001</v>
      </c>
      <c r="N2328">
        <v>72843.241150000002</v>
      </c>
      <c r="O2328">
        <v>22010.033169999999</v>
      </c>
      <c r="P2328">
        <v>43139.217530000002</v>
      </c>
      <c r="Q2328">
        <v>47007.080929999996</v>
      </c>
      <c r="R2328">
        <v>26357.127519999998</v>
      </c>
      <c r="S2328">
        <v>78806.174119999996</v>
      </c>
      <c r="T2328">
        <v>25581.71717</v>
      </c>
      <c r="U2328">
        <v>14598.9476</v>
      </c>
      <c r="W2328" s="83">
        <f>Bühler!N2360</f>
        <v>45388.916666661025</v>
      </c>
      <c r="X2328" s="83">
        <v>43197.916666666664</v>
      </c>
      <c r="Y2328">
        <v>166487.6097</v>
      </c>
      <c r="Z2328">
        <v>13812.28989</v>
      </c>
      <c r="AA2328">
        <v>46994.045279999998</v>
      </c>
      <c r="AB2328">
        <v>39183.630089999999</v>
      </c>
      <c r="AC2328">
        <v>37079.445110000001</v>
      </c>
      <c r="AD2328">
        <v>25061.065930000001</v>
      </c>
      <c r="AE2328">
        <v>40623.869550000003</v>
      </c>
      <c r="AF2328">
        <v>50419.002959999998</v>
      </c>
      <c r="AG2328">
        <v>28057.950649999999</v>
      </c>
      <c r="AH2328">
        <v>212271.96160000001</v>
      </c>
      <c r="AI2328">
        <v>72843.241150000002</v>
      </c>
      <c r="AJ2328">
        <v>22010.033169999999</v>
      </c>
      <c r="AK2328">
        <v>43139.217530000002</v>
      </c>
      <c r="AL2328">
        <v>47007.080929999996</v>
      </c>
      <c r="AM2328">
        <v>26357.127519999998</v>
      </c>
      <c r="AN2328">
        <v>78806.174119999996</v>
      </c>
      <c r="AO2328">
        <v>25581.71717</v>
      </c>
      <c r="AP2328">
        <v>14598.9476</v>
      </c>
    </row>
    <row r="2329" spans="2:42" x14ac:dyDescent="0.3">
      <c r="B2329">
        <v>41.497127588930674</v>
      </c>
      <c r="C2329" s="83">
        <v>43197.958333333336</v>
      </c>
      <c r="D2329">
        <v>165930.17329999999</v>
      </c>
      <c r="E2329">
        <v>13529.749760000001</v>
      </c>
      <c r="F2329">
        <v>46060.359700000001</v>
      </c>
      <c r="G2329">
        <v>38924.715510000002</v>
      </c>
      <c r="H2329">
        <v>36153.209889999998</v>
      </c>
      <c r="I2329">
        <v>24858.89416</v>
      </c>
      <c r="J2329">
        <v>38427.552129999996</v>
      </c>
      <c r="K2329">
        <v>49879.743490000001</v>
      </c>
      <c r="L2329">
        <v>24148.022420000001</v>
      </c>
      <c r="M2329">
        <v>211571.7083</v>
      </c>
      <c r="N2329">
        <v>72046.843099999998</v>
      </c>
      <c r="O2329">
        <v>21612.664560000001</v>
      </c>
      <c r="P2329">
        <v>38088.521890000004</v>
      </c>
      <c r="Q2329">
        <v>46968.841630000003</v>
      </c>
      <c r="R2329">
        <v>27859.06811</v>
      </c>
      <c r="S2329">
        <v>77574.420280000006</v>
      </c>
      <c r="T2329">
        <v>24175.727800000001</v>
      </c>
      <c r="U2329">
        <v>13882.87631</v>
      </c>
      <c r="W2329" s="83">
        <f>Bühler!N2361</f>
        <v>45388.95833332769</v>
      </c>
      <c r="X2329" s="83">
        <v>43197.958333333336</v>
      </c>
      <c r="Y2329">
        <v>165930.17329999999</v>
      </c>
      <c r="Z2329">
        <v>13529.749760000001</v>
      </c>
      <c r="AA2329">
        <v>46060.359700000001</v>
      </c>
      <c r="AB2329">
        <v>38924.715510000002</v>
      </c>
      <c r="AC2329">
        <v>36153.209889999998</v>
      </c>
      <c r="AD2329">
        <v>24858.89416</v>
      </c>
      <c r="AE2329">
        <v>38427.552129999996</v>
      </c>
      <c r="AF2329">
        <v>49879.743490000001</v>
      </c>
      <c r="AG2329">
        <v>24148.022420000001</v>
      </c>
      <c r="AH2329">
        <v>211571.7083</v>
      </c>
      <c r="AI2329">
        <v>72046.843099999998</v>
      </c>
      <c r="AJ2329">
        <v>21612.664560000001</v>
      </c>
      <c r="AK2329">
        <v>38088.521890000004</v>
      </c>
      <c r="AL2329">
        <v>46968.841630000003</v>
      </c>
      <c r="AM2329">
        <v>27859.06811</v>
      </c>
      <c r="AN2329">
        <v>77574.420280000006</v>
      </c>
      <c r="AO2329">
        <v>24175.727800000001</v>
      </c>
      <c r="AP2329">
        <v>13882.87631</v>
      </c>
    </row>
    <row r="2330" spans="2:42" x14ac:dyDescent="0.3">
      <c r="B2330">
        <v>40.901308455046809</v>
      </c>
      <c r="C2330" s="83">
        <v>43198</v>
      </c>
      <c r="D2330">
        <v>165262.49410000001</v>
      </c>
      <c r="E2330">
        <v>13485.194649999999</v>
      </c>
      <c r="F2330">
        <v>44575.076719999997</v>
      </c>
      <c r="G2330">
        <v>39698.840859999997</v>
      </c>
      <c r="H2330">
        <v>36086.76096</v>
      </c>
      <c r="I2330">
        <v>23097.58149</v>
      </c>
      <c r="J2330">
        <v>36539.194020000003</v>
      </c>
      <c r="K2330">
        <v>48379.20521</v>
      </c>
      <c r="L2330">
        <v>20803.921470000001</v>
      </c>
      <c r="M2330">
        <v>208533.94450000001</v>
      </c>
      <c r="N2330">
        <v>70974.111439999993</v>
      </c>
      <c r="O2330">
        <v>22392.827560000002</v>
      </c>
      <c r="P2330">
        <v>34572.424809999997</v>
      </c>
      <c r="Q2330">
        <v>46844.768120000001</v>
      </c>
      <c r="R2330">
        <v>24251.70061</v>
      </c>
      <c r="S2330">
        <v>77240.519570000004</v>
      </c>
      <c r="T2330">
        <v>24489.59474</v>
      </c>
      <c r="U2330">
        <v>13875.261829999999</v>
      </c>
      <c r="W2330" s="83">
        <f>Bühler!N2362</f>
        <v>45388.999999994354</v>
      </c>
      <c r="X2330" s="83">
        <v>43198</v>
      </c>
      <c r="Y2330">
        <v>165262.49410000001</v>
      </c>
      <c r="Z2330">
        <v>13485.194649999999</v>
      </c>
      <c r="AA2330">
        <v>44575.076719999997</v>
      </c>
      <c r="AB2330">
        <v>39698.840859999997</v>
      </c>
      <c r="AC2330">
        <v>36086.76096</v>
      </c>
      <c r="AD2330">
        <v>23097.58149</v>
      </c>
      <c r="AE2330">
        <v>36539.194020000003</v>
      </c>
      <c r="AF2330">
        <v>48379.20521</v>
      </c>
      <c r="AG2330">
        <v>20803.921470000001</v>
      </c>
      <c r="AH2330">
        <v>208533.94450000001</v>
      </c>
      <c r="AI2330">
        <v>70974.111439999993</v>
      </c>
      <c r="AJ2330">
        <v>22392.827560000002</v>
      </c>
      <c r="AK2330">
        <v>34572.424809999997</v>
      </c>
      <c r="AL2330">
        <v>46844.768120000001</v>
      </c>
      <c r="AM2330">
        <v>24251.70061</v>
      </c>
      <c r="AN2330">
        <v>77240.519570000004</v>
      </c>
      <c r="AO2330">
        <v>24489.59474</v>
      </c>
      <c r="AP2330">
        <v>13875.261829999999</v>
      </c>
    </row>
    <row r="2331" spans="2:42" x14ac:dyDescent="0.3">
      <c r="B2331">
        <v>40.666336696943468</v>
      </c>
      <c r="C2331" s="83">
        <v>43198.041666666664</v>
      </c>
      <c r="D2331">
        <v>165635.36480000001</v>
      </c>
      <c r="E2331">
        <v>13404.762909999999</v>
      </c>
      <c r="F2331">
        <v>44266.93765</v>
      </c>
      <c r="G2331">
        <v>39486.129589999997</v>
      </c>
      <c r="H2331">
        <v>35661.078939999999</v>
      </c>
      <c r="I2331">
        <v>18919.058710000001</v>
      </c>
      <c r="J2331">
        <v>36055.182500000003</v>
      </c>
      <c r="K2331">
        <v>46256.928699999997</v>
      </c>
      <c r="L2331">
        <v>18443.775420000002</v>
      </c>
      <c r="M2331">
        <v>207335.94889999999</v>
      </c>
      <c r="N2331">
        <v>70548.110750000007</v>
      </c>
      <c r="O2331">
        <v>22337.17569</v>
      </c>
      <c r="P2331">
        <v>32325.732540000001</v>
      </c>
      <c r="Q2331">
        <v>47672.530440000002</v>
      </c>
      <c r="R2331">
        <v>22710.105930000002</v>
      </c>
      <c r="S2331">
        <v>76309.525729999994</v>
      </c>
      <c r="T2331">
        <v>23847.533019999999</v>
      </c>
      <c r="U2331">
        <v>13834.2194</v>
      </c>
      <c r="W2331" s="83">
        <f>Bühler!N2363</f>
        <v>45389.041666661018</v>
      </c>
      <c r="X2331" s="83">
        <v>43198.041666666664</v>
      </c>
      <c r="Y2331">
        <v>165635.36480000001</v>
      </c>
      <c r="Z2331">
        <v>13404.762909999999</v>
      </c>
      <c r="AA2331">
        <v>44266.93765</v>
      </c>
      <c r="AB2331">
        <v>39486.129589999997</v>
      </c>
      <c r="AC2331">
        <v>35661.078939999999</v>
      </c>
      <c r="AD2331">
        <v>18919.058710000001</v>
      </c>
      <c r="AE2331">
        <v>36055.182500000003</v>
      </c>
      <c r="AF2331">
        <v>46256.928699999997</v>
      </c>
      <c r="AG2331">
        <v>18443.775420000002</v>
      </c>
      <c r="AH2331">
        <v>207335.94889999999</v>
      </c>
      <c r="AI2331">
        <v>70548.110750000007</v>
      </c>
      <c r="AJ2331">
        <v>22337.17569</v>
      </c>
      <c r="AK2331">
        <v>32325.732540000001</v>
      </c>
      <c r="AL2331">
        <v>47672.530440000002</v>
      </c>
      <c r="AM2331">
        <v>22710.105930000002</v>
      </c>
      <c r="AN2331">
        <v>76309.525729999994</v>
      </c>
      <c r="AO2331">
        <v>23847.533019999999</v>
      </c>
      <c r="AP2331">
        <v>13834.2194</v>
      </c>
    </row>
    <row r="2332" spans="2:42" x14ac:dyDescent="0.3">
      <c r="B2332">
        <v>40.736857491999281</v>
      </c>
      <c r="C2332" s="83">
        <v>43198.083333333336</v>
      </c>
      <c r="D2332">
        <v>165843.4235</v>
      </c>
      <c r="E2332">
        <v>13362.4184</v>
      </c>
      <c r="F2332">
        <v>44700.154000000002</v>
      </c>
      <c r="G2332">
        <v>38935.246890000002</v>
      </c>
      <c r="H2332">
        <v>35423.176780000002</v>
      </c>
      <c r="I2332">
        <v>16171.469300000001</v>
      </c>
      <c r="J2332">
        <v>35582.275309999997</v>
      </c>
      <c r="K2332">
        <v>44654.657480000002</v>
      </c>
      <c r="L2332">
        <v>17966.3825</v>
      </c>
      <c r="M2332">
        <v>207695.49679999999</v>
      </c>
      <c r="N2332">
        <v>69513.61477</v>
      </c>
      <c r="O2332">
        <v>22515.0753</v>
      </c>
      <c r="P2332">
        <v>30288.734629999999</v>
      </c>
      <c r="Q2332">
        <v>48857.3825</v>
      </c>
      <c r="R2332">
        <v>22645.707180000001</v>
      </c>
      <c r="S2332">
        <v>75048.503100000002</v>
      </c>
      <c r="T2332">
        <v>22943.809389999999</v>
      </c>
      <c r="U2332">
        <v>14067.06071</v>
      </c>
      <c r="W2332" s="83">
        <f>Bühler!N2364</f>
        <v>45389.083333327682</v>
      </c>
      <c r="X2332" s="83">
        <v>43198.083333333336</v>
      </c>
      <c r="Y2332">
        <v>165843.4235</v>
      </c>
      <c r="Z2332">
        <v>13362.4184</v>
      </c>
      <c r="AA2332">
        <v>44700.154000000002</v>
      </c>
      <c r="AB2332">
        <v>38935.246890000002</v>
      </c>
      <c r="AC2332">
        <v>35423.176780000002</v>
      </c>
      <c r="AD2332">
        <v>16171.469300000001</v>
      </c>
      <c r="AE2332">
        <v>35582.275309999997</v>
      </c>
      <c r="AF2332">
        <v>44654.657480000002</v>
      </c>
      <c r="AG2332">
        <v>17966.3825</v>
      </c>
      <c r="AH2332">
        <v>207695.49679999999</v>
      </c>
      <c r="AI2332">
        <v>69513.61477</v>
      </c>
      <c r="AJ2332">
        <v>22515.0753</v>
      </c>
      <c r="AK2332">
        <v>30288.734629999999</v>
      </c>
      <c r="AL2332">
        <v>48857.3825</v>
      </c>
      <c r="AM2332">
        <v>22645.707180000001</v>
      </c>
      <c r="AN2332">
        <v>75048.503100000002</v>
      </c>
      <c r="AO2332">
        <v>22943.809389999999</v>
      </c>
      <c r="AP2332">
        <v>14067.06071</v>
      </c>
    </row>
    <row r="2333" spans="2:42" x14ac:dyDescent="0.3">
      <c r="B2333">
        <v>40.967289786968472</v>
      </c>
      <c r="C2333" s="83">
        <v>43198.125</v>
      </c>
      <c r="D2333">
        <v>165967.75229999999</v>
      </c>
      <c r="E2333">
        <v>13520.212380000001</v>
      </c>
      <c r="F2333">
        <v>44731.71703</v>
      </c>
      <c r="G2333">
        <v>38723.355360000001</v>
      </c>
      <c r="H2333">
        <v>35260.014320000002</v>
      </c>
      <c r="I2333">
        <v>15317.13294</v>
      </c>
      <c r="J2333">
        <v>36128.491600000001</v>
      </c>
      <c r="K2333">
        <v>43343.744460000002</v>
      </c>
      <c r="L2333">
        <v>17605.111339999999</v>
      </c>
      <c r="M2333">
        <v>208870.3481</v>
      </c>
      <c r="N2333">
        <v>69657.726129999995</v>
      </c>
      <c r="O2333">
        <v>22800.9205</v>
      </c>
      <c r="P2333">
        <v>29590.439890000001</v>
      </c>
      <c r="Q2333">
        <v>51394.106330000002</v>
      </c>
      <c r="R2333">
        <v>22219.288860000001</v>
      </c>
      <c r="S2333">
        <v>75085.374479999999</v>
      </c>
      <c r="T2333">
        <v>23100.805130000001</v>
      </c>
      <c r="U2333">
        <v>14179.83208</v>
      </c>
      <c r="W2333" s="83">
        <f>Bühler!N2365</f>
        <v>45389.124999994347</v>
      </c>
      <c r="X2333" s="83">
        <v>43198.125</v>
      </c>
      <c r="Y2333">
        <v>165967.75229999999</v>
      </c>
      <c r="Z2333">
        <v>13520.212380000001</v>
      </c>
      <c r="AA2333">
        <v>44731.71703</v>
      </c>
      <c r="AB2333">
        <v>38723.355360000001</v>
      </c>
      <c r="AC2333">
        <v>35260.014320000002</v>
      </c>
      <c r="AD2333">
        <v>15317.13294</v>
      </c>
      <c r="AE2333">
        <v>36128.491600000001</v>
      </c>
      <c r="AF2333">
        <v>43343.744460000002</v>
      </c>
      <c r="AG2333">
        <v>17605.111339999999</v>
      </c>
      <c r="AH2333">
        <v>208870.3481</v>
      </c>
      <c r="AI2333">
        <v>69657.726129999995</v>
      </c>
      <c r="AJ2333">
        <v>22800.9205</v>
      </c>
      <c r="AK2333">
        <v>29590.439890000001</v>
      </c>
      <c r="AL2333">
        <v>51394.106330000002</v>
      </c>
      <c r="AM2333">
        <v>22219.288860000001</v>
      </c>
      <c r="AN2333">
        <v>75085.374479999999</v>
      </c>
      <c r="AO2333">
        <v>23100.805130000001</v>
      </c>
      <c r="AP2333">
        <v>14179.83208</v>
      </c>
    </row>
    <row r="2334" spans="2:42" x14ac:dyDescent="0.3">
      <c r="B2334">
        <v>40.543171051064334</v>
      </c>
      <c r="C2334" s="83">
        <v>43198.166666666664</v>
      </c>
      <c r="D2334">
        <v>164948.0729</v>
      </c>
      <c r="E2334">
        <v>13533.21897</v>
      </c>
      <c r="F2334">
        <v>44594.374559999997</v>
      </c>
      <c r="G2334">
        <v>37867.616190000001</v>
      </c>
      <c r="H2334">
        <v>35673.710200000001</v>
      </c>
      <c r="I2334">
        <v>16701.145540000001</v>
      </c>
      <c r="J2334">
        <v>38419.831039999997</v>
      </c>
      <c r="K2334">
        <v>42518.645259999998</v>
      </c>
      <c r="L2334">
        <v>17360.06611</v>
      </c>
      <c r="M2334">
        <v>206707.99299999999</v>
      </c>
      <c r="N2334">
        <v>67894.012149999995</v>
      </c>
      <c r="O2334">
        <v>22781.608950000002</v>
      </c>
      <c r="P2334">
        <v>29109.670139999998</v>
      </c>
      <c r="Q2334">
        <v>52667.509810000003</v>
      </c>
      <c r="R2334">
        <v>22099.37299</v>
      </c>
      <c r="S2334">
        <v>75726.276580000005</v>
      </c>
      <c r="T2334">
        <v>22864.456020000001</v>
      </c>
      <c r="U2334">
        <v>14459.551090000001</v>
      </c>
      <c r="W2334" s="83">
        <f>Bühler!N2366</f>
        <v>45389.166666661011</v>
      </c>
      <c r="X2334" s="83">
        <v>43198.166666666664</v>
      </c>
      <c r="Y2334">
        <v>164948.0729</v>
      </c>
      <c r="Z2334">
        <v>13533.21897</v>
      </c>
      <c r="AA2334">
        <v>44594.374559999997</v>
      </c>
      <c r="AB2334">
        <v>37867.616190000001</v>
      </c>
      <c r="AC2334">
        <v>35673.710200000001</v>
      </c>
      <c r="AD2334">
        <v>16701.145540000001</v>
      </c>
      <c r="AE2334">
        <v>38419.831039999997</v>
      </c>
      <c r="AF2334">
        <v>42518.645259999998</v>
      </c>
      <c r="AG2334">
        <v>17360.06611</v>
      </c>
      <c r="AH2334">
        <v>206707.99299999999</v>
      </c>
      <c r="AI2334">
        <v>67894.012149999995</v>
      </c>
      <c r="AJ2334">
        <v>22781.608950000002</v>
      </c>
      <c r="AK2334">
        <v>29109.670139999998</v>
      </c>
      <c r="AL2334">
        <v>52667.509810000003</v>
      </c>
      <c r="AM2334">
        <v>22099.37299</v>
      </c>
      <c r="AN2334">
        <v>75726.276580000005</v>
      </c>
      <c r="AO2334">
        <v>22864.456020000001</v>
      </c>
      <c r="AP2334">
        <v>14459.551090000001</v>
      </c>
    </row>
    <row r="2335" spans="2:42" x14ac:dyDescent="0.3">
      <c r="B2335">
        <v>40.59323594958088</v>
      </c>
      <c r="C2335" s="83">
        <v>43198.208333333336</v>
      </c>
      <c r="D2335">
        <v>164833.1012</v>
      </c>
      <c r="E2335">
        <v>13929.778550000001</v>
      </c>
      <c r="F2335">
        <v>45928.796739999998</v>
      </c>
      <c r="G2335">
        <v>38500.76614</v>
      </c>
      <c r="H2335">
        <v>35717.056920000003</v>
      </c>
      <c r="I2335">
        <v>22057.618729999998</v>
      </c>
      <c r="J2335">
        <v>41225.771950000002</v>
      </c>
      <c r="K2335">
        <v>41961.045339999997</v>
      </c>
      <c r="L2335">
        <v>17549.027699999999</v>
      </c>
      <c r="M2335">
        <v>206963.24720000001</v>
      </c>
      <c r="N2335">
        <v>66718.35209</v>
      </c>
      <c r="O2335">
        <v>22905.377519999998</v>
      </c>
      <c r="P2335">
        <v>30050.46271</v>
      </c>
      <c r="Q2335">
        <v>52731.81998</v>
      </c>
      <c r="R2335">
        <v>23897.642810000001</v>
      </c>
      <c r="S2335">
        <v>77825.910489999995</v>
      </c>
      <c r="T2335">
        <v>23325.935020000001</v>
      </c>
      <c r="U2335">
        <v>14858.643249999999</v>
      </c>
      <c r="W2335" s="83">
        <f>Bühler!N2367</f>
        <v>45389.208333327675</v>
      </c>
      <c r="X2335" s="83">
        <v>43198.208333333336</v>
      </c>
      <c r="Y2335">
        <v>164833.1012</v>
      </c>
      <c r="Z2335">
        <v>13929.778550000001</v>
      </c>
      <c r="AA2335">
        <v>45928.796739999998</v>
      </c>
      <c r="AB2335">
        <v>38500.76614</v>
      </c>
      <c r="AC2335">
        <v>35717.056920000003</v>
      </c>
      <c r="AD2335">
        <v>22057.618729999998</v>
      </c>
      <c r="AE2335">
        <v>41225.771950000002</v>
      </c>
      <c r="AF2335">
        <v>41961.045339999997</v>
      </c>
      <c r="AG2335">
        <v>17549.027699999999</v>
      </c>
      <c r="AH2335">
        <v>206963.24720000001</v>
      </c>
      <c r="AI2335">
        <v>66718.35209</v>
      </c>
      <c r="AJ2335">
        <v>22905.377519999998</v>
      </c>
      <c r="AK2335">
        <v>30050.46271</v>
      </c>
      <c r="AL2335">
        <v>52731.81998</v>
      </c>
      <c r="AM2335">
        <v>23897.642810000001</v>
      </c>
      <c r="AN2335">
        <v>77825.910489999995</v>
      </c>
      <c r="AO2335">
        <v>23325.935020000001</v>
      </c>
      <c r="AP2335">
        <v>14858.643249999999</v>
      </c>
    </row>
    <row r="2336" spans="2:42" x14ac:dyDescent="0.3">
      <c r="B2336">
        <v>40.236792113707097</v>
      </c>
      <c r="C2336" s="83">
        <v>43198.25</v>
      </c>
      <c r="D2336">
        <v>165679.2801</v>
      </c>
      <c r="E2336">
        <v>14469.13492</v>
      </c>
      <c r="F2336">
        <v>49357.86406</v>
      </c>
      <c r="G2336">
        <v>39141.575019999997</v>
      </c>
      <c r="H2336">
        <v>35930.834750000002</v>
      </c>
      <c r="I2336">
        <v>25638.7745</v>
      </c>
      <c r="J2336">
        <v>44656.755720000001</v>
      </c>
      <c r="K2336">
        <v>41600.48315</v>
      </c>
      <c r="L2336">
        <v>18211.033609999999</v>
      </c>
      <c r="M2336">
        <v>205145.93030000001</v>
      </c>
      <c r="N2336">
        <v>67519.299350000001</v>
      </c>
      <c r="O2336">
        <v>22208.138790000001</v>
      </c>
      <c r="P2336">
        <v>30551.045020000001</v>
      </c>
      <c r="Q2336">
        <v>51891.444539999997</v>
      </c>
      <c r="R2336">
        <v>17472.68838</v>
      </c>
      <c r="S2336">
        <v>82791.181490000003</v>
      </c>
      <c r="T2336">
        <v>24347.285100000001</v>
      </c>
      <c r="U2336">
        <v>14355.647510000001</v>
      </c>
      <c r="W2336" s="83">
        <f>Bühler!N2368</f>
        <v>45389.249999994339</v>
      </c>
      <c r="X2336" s="83">
        <v>43198.25</v>
      </c>
      <c r="Y2336">
        <v>165679.2801</v>
      </c>
      <c r="Z2336">
        <v>14469.13492</v>
      </c>
      <c r="AA2336">
        <v>49357.86406</v>
      </c>
      <c r="AB2336">
        <v>39141.575019999997</v>
      </c>
      <c r="AC2336">
        <v>35930.834750000002</v>
      </c>
      <c r="AD2336">
        <v>25638.7745</v>
      </c>
      <c r="AE2336">
        <v>44656.755720000001</v>
      </c>
      <c r="AF2336">
        <v>41600.48315</v>
      </c>
      <c r="AG2336">
        <v>18211.033609999999</v>
      </c>
      <c r="AH2336">
        <v>205145.93030000001</v>
      </c>
      <c r="AI2336">
        <v>67519.299350000001</v>
      </c>
      <c r="AJ2336">
        <v>22208.138790000001</v>
      </c>
      <c r="AK2336">
        <v>30551.045020000001</v>
      </c>
      <c r="AL2336">
        <v>51891.444539999997</v>
      </c>
      <c r="AM2336">
        <v>17472.68838</v>
      </c>
      <c r="AN2336">
        <v>82791.181490000003</v>
      </c>
      <c r="AO2336">
        <v>24347.285100000001</v>
      </c>
      <c r="AP2336">
        <v>14355.647510000001</v>
      </c>
    </row>
    <row r="2337" spans="2:42" x14ac:dyDescent="0.3">
      <c r="B2337">
        <v>40.182983050039773</v>
      </c>
      <c r="C2337" s="83">
        <v>43198.291666666664</v>
      </c>
      <c r="D2337">
        <v>165620.15969999999</v>
      </c>
      <c r="E2337">
        <v>14576.06316</v>
      </c>
      <c r="F2337">
        <v>53010.954740000001</v>
      </c>
      <c r="G2337">
        <v>39528.030830000003</v>
      </c>
      <c r="H2337">
        <v>35298.372150000003</v>
      </c>
      <c r="I2337">
        <v>26999.092479999999</v>
      </c>
      <c r="J2337">
        <v>44377.559159999997</v>
      </c>
      <c r="K2337">
        <v>40858.848140000002</v>
      </c>
      <c r="L2337">
        <v>20181.077389999999</v>
      </c>
      <c r="M2337">
        <v>204871.58660000001</v>
      </c>
      <c r="N2337">
        <v>67548.399489999996</v>
      </c>
      <c r="O2337">
        <v>22281.970160000001</v>
      </c>
      <c r="P2337">
        <v>33271.923620000001</v>
      </c>
      <c r="Q2337">
        <v>50770.437160000001</v>
      </c>
      <c r="R2337">
        <v>16702.351470000001</v>
      </c>
      <c r="S2337">
        <v>89554.700030000007</v>
      </c>
      <c r="T2337">
        <v>24101.96617</v>
      </c>
      <c r="U2337">
        <v>13767.84828</v>
      </c>
      <c r="W2337" s="83">
        <f>Bühler!N2369</f>
        <v>45389.291666661004</v>
      </c>
      <c r="X2337" s="83">
        <v>43198.291666666664</v>
      </c>
      <c r="Y2337">
        <v>165620.15969999999</v>
      </c>
      <c r="Z2337">
        <v>14576.06316</v>
      </c>
      <c r="AA2337">
        <v>53010.954740000001</v>
      </c>
      <c r="AB2337">
        <v>39528.030830000003</v>
      </c>
      <c r="AC2337">
        <v>35298.372150000003</v>
      </c>
      <c r="AD2337">
        <v>26999.092479999999</v>
      </c>
      <c r="AE2337">
        <v>44377.559159999997</v>
      </c>
      <c r="AF2337">
        <v>40858.848140000002</v>
      </c>
      <c r="AG2337">
        <v>20181.077389999999</v>
      </c>
      <c r="AH2337">
        <v>204871.58660000001</v>
      </c>
      <c r="AI2337">
        <v>67548.399489999996</v>
      </c>
      <c r="AJ2337">
        <v>22281.970160000001</v>
      </c>
      <c r="AK2337">
        <v>33271.923620000001</v>
      </c>
      <c r="AL2337">
        <v>50770.437160000001</v>
      </c>
      <c r="AM2337">
        <v>16702.351470000001</v>
      </c>
      <c r="AN2337">
        <v>89554.700030000007</v>
      </c>
      <c r="AO2337">
        <v>24101.96617</v>
      </c>
      <c r="AP2337">
        <v>13767.84828</v>
      </c>
    </row>
    <row r="2338" spans="2:42" x14ac:dyDescent="0.3">
      <c r="B2338">
        <v>39.544907169607036</v>
      </c>
      <c r="C2338" s="83">
        <v>43198.333333333336</v>
      </c>
      <c r="D2338">
        <v>164326.76949999999</v>
      </c>
      <c r="E2338">
        <v>14847.106879999999</v>
      </c>
      <c r="F2338">
        <v>53422.496480000002</v>
      </c>
      <c r="G2338">
        <v>39126.90713</v>
      </c>
      <c r="H2338">
        <v>35115.332719999999</v>
      </c>
      <c r="I2338">
        <v>26884.3855</v>
      </c>
      <c r="J2338">
        <v>44442.135199999997</v>
      </c>
      <c r="K2338">
        <v>41570.919220000003</v>
      </c>
      <c r="L2338">
        <v>22180.503809999998</v>
      </c>
      <c r="M2338">
        <v>201618.37820000001</v>
      </c>
      <c r="N2338">
        <v>67445.901729999998</v>
      </c>
      <c r="O2338">
        <v>22217.879850000001</v>
      </c>
      <c r="P2338">
        <v>36581.631540000002</v>
      </c>
      <c r="Q2338">
        <v>49927.49267</v>
      </c>
      <c r="R2338">
        <v>17233.27405</v>
      </c>
      <c r="S2338">
        <v>91165.607690000004</v>
      </c>
      <c r="T2338">
        <v>26402.171320000001</v>
      </c>
      <c r="U2338">
        <v>13226.793390000001</v>
      </c>
      <c r="W2338" s="83">
        <f>Bühler!N2370</f>
        <v>45389.333333327668</v>
      </c>
      <c r="X2338" s="83">
        <v>43198.333333333336</v>
      </c>
      <c r="Y2338">
        <v>164326.76949999999</v>
      </c>
      <c r="Z2338">
        <v>14847.106879999999</v>
      </c>
      <c r="AA2338">
        <v>53422.496480000002</v>
      </c>
      <c r="AB2338">
        <v>39126.90713</v>
      </c>
      <c r="AC2338">
        <v>35115.332719999999</v>
      </c>
      <c r="AD2338">
        <v>26884.3855</v>
      </c>
      <c r="AE2338">
        <v>44442.135199999997</v>
      </c>
      <c r="AF2338">
        <v>41570.919220000003</v>
      </c>
      <c r="AG2338">
        <v>22180.503809999998</v>
      </c>
      <c r="AH2338">
        <v>201618.37820000001</v>
      </c>
      <c r="AI2338">
        <v>67445.901729999998</v>
      </c>
      <c r="AJ2338">
        <v>22217.879850000001</v>
      </c>
      <c r="AK2338">
        <v>36581.631540000002</v>
      </c>
      <c r="AL2338">
        <v>49927.49267</v>
      </c>
      <c r="AM2338">
        <v>17233.27405</v>
      </c>
      <c r="AN2338">
        <v>91165.607690000004</v>
      </c>
      <c r="AO2338">
        <v>26402.171320000001</v>
      </c>
      <c r="AP2338">
        <v>13226.793390000001</v>
      </c>
    </row>
    <row r="2339" spans="2:42" x14ac:dyDescent="0.3">
      <c r="B2339">
        <v>39.190152292612744</v>
      </c>
      <c r="C2339" s="83">
        <v>43198.375</v>
      </c>
      <c r="D2339">
        <v>163804.07269999999</v>
      </c>
      <c r="E2339">
        <v>15473.952649999999</v>
      </c>
      <c r="F2339">
        <v>54880.102460000002</v>
      </c>
      <c r="G2339">
        <v>38676.313730000002</v>
      </c>
      <c r="H2339">
        <v>34985.783739999999</v>
      </c>
      <c r="I2339">
        <v>25146.05083</v>
      </c>
      <c r="J2339">
        <v>44303.418530000003</v>
      </c>
      <c r="K2339">
        <v>42850.326609999996</v>
      </c>
      <c r="L2339">
        <v>25925.574550000001</v>
      </c>
      <c r="M2339">
        <v>199809.67240000001</v>
      </c>
      <c r="N2339">
        <v>73027.436700000006</v>
      </c>
      <c r="O2339">
        <v>21567.257529999999</v>
      </c>
      <c r="P2339">
        <v>39069.105869999999</v>
      </c>
      <c r="Q2339">
        <v>49698.065710000003</v>
      </c>
      <c r="R2339">
        <v>18155.159739999999</v>
      </c>
      <c r="S2339">
        <v>92878.74166</v>
      </c>
      <c r="T2339">
        <v>28442.733530000001</v>
      </c>
      <c r="U2339">
        <v>12820.251459999999</v>
      </c>
      <c r="W2339" s="83">
        <f>Bühler!N2371</f>
        <v>45389.374999994332</v>
      </c>
      <c r="X2339" s="83">
        <v>43198.375</v>
      </c>
      <c r="Y2339">
        <v>163804.07269999999</v>
      </c>
      <c r="Z2339">
        <v>15473.952649999999</v>
      </c>
      <c r="AA2339">
        <v>54880.102460000002</v>
      </c>
      <c r="AB2339">
        <v>38676.313730000002</v>
      </c>
      <c r="AC2339">
        <v>34985.783739999999</v>
      </c>
      <c r="AD2339">
        <v>25146.05083</v>
      </c>
      <c r="AE2339">
        <v>44303.418530000003</v>
      </c>
      <c r="AF2339">
        <v>42850.326609999996</v>
      </c>
      <c r="AG2339">
        <v>25925.574550000001</v>
      </c>
      <c r="AH2339">
        <v>199809.67240000001</v>
      </c>
      <c r="AI2339">
        <v>73027.436700000006</v>
      </c>
      <c r="AJ2339">
        <v>21567.257529999999</v>
      </c>
      <c r="AK2339">
        <v>39069.105869999999</v>
      </c>
      <c r="AL2339">
        <v>49698.065710000003</v>
      </c>
      <c r="AM2339">
        <v>18155.159739999999</v>
      </c>
      <c r="AN2339">
        <v>92878.74166</v>
      </c>
      <c r="AO2339">
        <v>28442.733530000001</v>
      </c>
      <c r="AP2339">
        <v>12820.251459999999</v>
      </c>
    </row>
    <row r="2340" spans="2:42" x14ac:dyDescent="0.3">
      <c r="B2340">
        <v>39.504239802972926</v>
      </c>
      <c r="C2340" s="83">
        <v>43198.416666666664</v>
      </c>
      <c r="D2340">
        <v>162249.3633</v>
      </c>
      <c r="E2340">
        <v>15787.609759999999</v>
      </c>
      <c r="F2340">
        <v>55293.14948</v>
      </c>
      <c r="G2340">
        <v>38681.194380000001</v>
      </c>
      <c r="H2340">
        <v>35748.171289999998</v>
      </c>
      <c r="I2340">
        <v>24417.540229999999</v>
      </c>
      <c r="J2340">
        <v>42673.239880000001</v>
      </c>
      <c r="K2340">
        <v>44420.947809999998</v>
      </c>
      <c r="L2340">
        <v>29008.934450000001</v>
      </c>
      <c r="M2340">
        <v>201411.03700000001</v>
      </c>
      <c r="N2340">
        <v>75360.986040000003</v>
      </c>
      <c r="O2340">
        <v>20898.855920000002</v>
      </c>
      <c r="P2340">
        <v>39524.455999999998</v>
      </c>
      <c r="Q2340">
        <v>49535.6898</v>
      </c>
      <c r="R2340">
        <v>18511.433359999999</v>
      </c>
      <c r="S2340">
        <v>91821.683290000001</v>
      </c>
      <c r="T2340">
        <v>30537.099109999999</v>
      </c>
      <c r="U2340">
        <v>12309.924209999999</v>
      </c>
      <c r="W2340" s="83">
        <f>Bühler!N2372</f>
        <v>45389.416666660996</v>
      </c>
      <c r="X2340" s="83">
        <v>43198.416666666664</v>
      </c>
      <c r="Y2340">
        <v>162249.3633</v>
      </c>
      <c r="Z2340">
        <v>15787.609759999999</v>
      </c>
      <c r="AA2340">
        <v>55293.14948</v>
      </c>
      <c r="AB2340">
        <v>38681.194380000001</v>
      </c>
      <c r="AC2340">
        <v>35748.171289999998</v>
      </c>
      <c r="AD2340">
        <v>24417.540229999999</v>
      </c>
      <c r="AE2340">
        <v>42673.239880000001</v>
      </c>
      <c r="AF2340">
        <v>44420.947809999998</v>
      </c>
      <c r="AG2340">
        <v>29008.934450000001</v>
      </c>
      <c r="AH2340">
        <v>201411.03700000001</v>
      </c>
      <c r="AI2340">
        <v>75360.986040000003</v>
      </c>
      <c r="AJ2340">
        <v>20898.855920000002</v>
      </c>
      <c r="AK2340">
        <v>39524.455999999998</v>
      </c>
      <c r="AL2340">
        <v>49535.6898</v>
      </c>
      <c r="AM2340">
        <v>18511.433359999999</v>
      </c>
      <c r="AN2340">
        <v>91821.683290000001</v>
      </c>
      <c r="AO2340">
        <v>30537.099109999999</v>
      </c>
      <c r="AP2340">
        <v>12309.924209999999</v>
      </c>
    </row>
    <row r="2341" spans="2:42" x14ac:dyDescent="0.3">
      <c r="B2341">
        <v>39.754994719109057</v>
      </c>
      <c r="C2341" s="83">
        <v>43198.458333333336</v>
      </c>
      <c r="D2341">
        <v>161029.2095</v>
      </c>
      <c r="E2341">
        <v>15768.15501</v>
      </c>
      <c r="F2341">
        <v>55607.285020000003</v>
      </c>
      <c r="G2341">
        <v>38665.845220000003</v>
      </c>
      <c r="H2341">
        <v>35319.660320000003</v>
      </c>
      <c r="I2341">
        <v>23913.752219999998</v>
      </c>
      <c r="J2341">
        <v>41662.257640000003</v>
      </c>
      <c r="K2341">
        <v>45134.579449999997</v>
      </c>
      <c r="L2341">
        <v>29542.009099999999</v>
      </c>
      <c r="M2341">
        <v>202689.5025</v>
      </c>
      <c r="N2341">
        <v>75452.072480000003</v>
      </c>
      <c r="O2341">
        <v>21178.45405</v>
      </c>
      <c r="P2341">
        <v>38664.07432</v>
      </c>
      <c r="Q2341">
        <v>48494.949339999999</v>
      </c>
      <c r="R2341">
        <v>20331.401989999998</v>
      </c>
      <c r="S2341">
        <v>92827.937560000006</v>
      </c>
      <c r="T2341">
        <v>31021.98531</v>
      </c>
      <c r="U2341">
        <v>11824.27435</v>
      </c>
      <c r="W2341" s="83">
        <f>Bühler!N2373</f>
        <v>45389.458333327661</v>
      </c>
      <c r="X2341" s="83">
        <v>43198.458333333336</v>
      </c>
      <c r="Y2341">
        <v>161029.2095</v>
      </c>
      <c r="Z2341">
        <v>15768.15501</v>
      </c>
      <c r="AA2341">
        <v>55607.285020000003</v>
      </c>
      <c r="AB2341">
        <v>38665.845220000003</v>
      </c>
      <c r="AC2341">
        <v>35319.660320000003</v>
      </c>
      <c r="AD2341">
        <v>23913.752219999998</v>
      </c>
      <c r="AE2341">
        <v>41662.257640000003</v>
      </c>
      <c r="AF2341">
        <v>45134.579449999997</v>
      </c>
      <c r="AG2341">
        <v>29542.009099999999</v>
      </c>
      <c r="AH2341">
        <v>202689.5025</v>
      </c>
      <c r="AI2341">
        <v>75452.072480000003</v>
      </c>
      <c r="AJ2341">
        <v>21178.45405</v>
      </c>
      <c r="AK2341">
        <v>38664.07432</v>
      </c>
      <c r="AL2341">
        <v>48494.949339999999</v>
      </c>
      <c r="AM2341">
        <v>20331.401989999998</v>
      </c>
      <c r="AN2341">
        <v>92827.937560000006</v>
      </c>
      <c r="AO2341">
        <v>31021.98531</v>
      </c>
      <c r="AP2341">
        <v>11824.27435</v>
      </c>
    </row>
    <row r="2342" spans="2:42" x14ac:dyDescent="0.3">
      <c r="B2342">
        <v>39.675034477605607</v>
      </c>
      <c r="C2342" s="83">
        <v>43198.5</v>
      </c>
      <c r="D2342">
        <v>159442.1881</v>
      </c>
      <c r="E2342">
        <v>15395.827310000001</v>
      </c>
      <c r="F2342">
        <v>52460.552190000002</v>
      </c>
      <c r="G2342">
        <v>38395.452960000002</v>
      </c>
      <c r="H2342">
        <v>34625.556470000003</v>
      </c>
      <c r="I2342">
        <v>23792.3184</v>
      </c>
      <c r="J2342">
        <v>41723.73242</v>
      </c>
      <c r="K2342">
        <v>46362.121879999999</v>
      </c>
      <c r="L2342">
        <v>30815.505539999998</v>
      </c>
      <c r="M2342">
        <v>202281.8279</v>
      </c>
      <c r="N2342">
        <v>73735.679449999996</v>
      </c>
      <c r="O2342">
        <v>21188.75693</v>
      </c>
      <c r="P2342">
        <v>38571.272470000004</v>
      </c>
      <c r="Q2342">
        <v>46309.764389999997</v>
      </c>
      <c r="R2342">
        <v>18620.290580000001</v>
      </c>
      <c r="S2342">
        <v>88559.702480000007</v>
      </c>
      <c r="T2342">
        <v>30797.543119999998</v>
      </c>
      <c r="U2342">
        <v>11652.941000000001</v>
      </c>
      <c r="W2342" s="83">
        <f>Bühler!N2374</f>
        <v>45389.499999994325</v>
      </c>
      <c r="X2342" s="83">
        <v>43198.5</v>
      </c>
      <c r="Y2342">
        <v>159442.1881</v>
      </c>
      <c r="Z2342">
        <v>15395.827310000001</v>
      </c>
      <c r="AA2342">
        <v>52460.552190000002</v>
      </c>
      <c r="AB2342">
        <v>38395.452960000002</v>
      </c>
      <c r="AC2342">
        <v>34625.556470000003</v>
      </c>
      <c r="AD2342">
        <v>23792.3184</v>
      </c>
      <c r="AE2342">
        <v>41723.73242</v>
      </c>
      <c r="AF2342">
        <v>46362.121879999999</v>
      </c>
      <c r="AG2342">
        <v>30815.505539999998</v>
      </c>
      <c r="AH2342">
        <v>202281.8279</v>
      </c>
      <c r="AI2342">
        <v>73735.679449999996</v>
      </c>
      <c r="AJ2342">
        <v>21188.75693</v>
      </c>
      <c r="AK2342">
        <v>38571.272470000004</v>
      </c>
      <c r="AL2342">
        <v>46309.764389999997</v>
      </c>
      <c r="AM2342">
        <v>18620.290580000001</v>
      </c>
      <c r="AN2342">
        <v>88559.702480000007</v>
      </c>
      <c r="AO2342">
        <v>30797.543119999998</v>
      </c>
      <c r="AP2342">
        <v>11652.941000000001</v>
      </c>
    </row>
    <row r="2343" spans="2:42" x14ac:dyDescent="0.3">
      <c r="B2343">
        <v>39.544373420864282</v>
      </c>
      <c r="C2343" s="83">
        <v>43198.541666666664</v>
      </c>
      <c r="D2343">
        <v>158870.3572</v>
      </c>
      <c r="E2343">
        <v>15191.843570000001</v>
      </c>
      <c r="F2343">
        <v>45404.358269999997</v>
      </c>
      <c r="G2343">
        <v>37963.13018</v>
      </c>
      <c r="H2343">
        <v>34107.621079999997</v>
      </c>
      <c r="I2343">
        <v>23457.78859</v>
      </c>
      <c r="J2343">
        <v>40011.959580000002</v>
      </c>
      <c r="K2343">
        <v>47055.350890000002</v>
      </c>
      <c r="L2343">
        <v>31316.97666</v>
      </c>
      <c r="M2343">
        <v>201615.6569</v>
      </c>
      <c r="N2343">
        <v>72211.124639999995</v>
      </c>
      <c r="O2343">
        <v>20366.42829</v>
      </c>
      <c r="P2343">
        <v>37992.180919999999</v>
      </c>
      <c r="Q2343">
        <v>44963.810019999997</v>
      </c>
      <c r="R2343">
        <v>18408.221399999999</v>
      </c>
      <c r="S2343">
        <v>88851.155129999999</v>
      </c>
      <c r="T2343">
        <v>30278.955170000001</v>
      </c>
      <c r="U2343">
        <v>11398.7014</v>
      </c>
      <c r="W2343" s="83">
        <f>Bühler!N2375</f>
        <v>45389.541666660989</v>
      </c>
      <c r="X2343" s="83">
        <v>43198.541666666664</v>
      </c>
      <c r="Y2343">
        <v>158870.3572</v>
      </c>
      <c r="Z2343">
        <v>15191.843570000001</v>
      </c>
      <c r="AA2343">
        <v>45404.358269999997</v>
      </c>
      <c r="AB2343">
        <v>37963.13018</v>
      </c>
      <c r="AC2343">
        <v>34107.621079999997</v>
      </c>
      <c r="AD2343">
        <v>23457.78859</v>
      </c>
      <c r="AE2343">
        <v>40011.959580000002</v>
      </c>
      <c r="AF2343">
        <v>47055.350890000002</v>
      </c>
      <c r="AG2343">
        <v>31316.97666</v>
      </c>
      <c r="AH2343">
        <v>201615.6569</v>
      </c>
      <c r="AI2343">
        <v>72211.124639999995</v>
      </c>
      <c r="AJ2343">
        <v>20366.42829</v>
      </c>
      <c r="AK2343">
        <v>37992.180919999999</v>
      </c>
      <c r="AL2343">
        <v>44963.810019999997</v>
      </c>
      <c r="AM2343">
        <v>18408.221399999999</v>
      </c>
      <c r="AN2343">
        <v>88851.155129999999</v>
      </c>
      <c r="AO2343">
        <v>30278.955170000001</v>
      </c>
      <c r="AP2343">
        <v>11398.7014</v>
      </c>
    </row>
    <row r="2344" spans="2:42" x14ac:dyDescent="0.3">
      <c r="B2344">
        <v>39.323045138138546</v>
      </c>
      <c r="C2344" s="83">
        <v>43198.583333333336</v>
      </c>
      <c r="D2344">
        <v>157934.769</v>
      </c>
      <c r="E2344">
        <v>15022.71659</v>
      </c>
      <c r="F2344">
        <v>45274.127899999999</v>
      </c>
      <c r="G2344">
        <v>37559.209790000001</v>
      </c>
      <c r="H2344">
        <v>33688.749089999998</v>
      </c>
      <c r="I2344">
        <v>23242.839189999999</v>
      </c>
      <c r="J2344">
        <v>38644.79552</v>
      </c>
      <c r="K2344">
        <v>45749.881889999997</v>
      </c>
      <c r="L2344">
        <v>29946.67798</v>
      </c>
      <c r="M2344">
        <v>200487.22210000001</v>
      </c>
      <c r="N2344">
        <v>72042.840110000005</v>
      </c>
      <c r="O2344">
        <v>19801.543900000001</v>
      </c>
      <c r="P2344">
        <v>35120.295590000002</v>
      </c>
      <c r="Q2344">
        <v>44270.82346</v>
      </c>
      <c r="R2344">
        <v>18821.335640000001</v>
      </c>
      <c r="S2344">
        <v>85479.552720000007</v>
      </c>
      <c r="T2344">
        <v>29244.807499999999</v>
      </c>
      <c r="U2344">
        <v>10925.20407</v>
      </c>
      <c r="W2344" s="83">
        <f>Bühler!N2376</f>
        <v>45389.583333327653</v>
      </c>
      <c r="X2344" s="83">
        <v>43198.583333333336</v>
      </c>
      <c r="Y2344">
        <v>157934.769</v>
      </c>
      <c r="Z2344">
        <v>15022.71659</v>
      </c>
      <c r="AA2344">
        <v>45274.127899999999</v>
      </c>
      <c r="AB2344">
        <v>37559.209790000001</v>
      </c>
      <c r="AC2344">
        <v>33688.749089999998</v>
      </c>
      <c r="AD2344">
        <v>23242.839189999999</v>
      </c>
      <c r="AE2344">
        <v>38644.79552</v>
      </c>
      <c r="AF2344">
        <v>45749.881889999997</v>
      </c>
      <c r="AG2344">
        <v>29946.67798</v>
      </c>
      <c r="AH2344">
        <v>200487.22210000001</v>
      </c>
      <c r="AI2344">
        <v>72042.840110000005</v>
      </c>
      <c r="AJ2344">
        <v>19801.543900000001</v>
      </c>
      <c r="AK2344">
        <v>35120.295590000002</v>
      </c>
      <c r="AL2344">
        <v>44270.82346</v>
      </c>
      <c r="AM2344">
        <v>18821.335640000001</v>
      </c>
      <c r="AN2344">
        <v>85479.552720000007</v>
      </c>
      <c r="AO2344">
        <v>29244.807499999999</v>
      </c>
      <c r="AP2344">
        <v>10925.20407</v>
      </c>
    </row>
    <row r="2345" spans="2:42" x14ac:dyDescent="0.3">
      <c r="B2345">
        <v>39.716873588760386</v>
      </c>
      <c r="C2345" s="83">
        <v>43198.625</v>
      </c>
      <c r="D2345">
        <v>157776.7874</v>
      </c>
      <c r="E2345">
        <v>15161.049499999999</v>
      </c>
      <c r="F2345">
        <v>45730.912089999998</v>
      </c>
      <c r="G2345">
        <v>37295.600509999997</v>
      </c>
      <c r="H2345">
        <v>33514.882570000002</v>
      </c>
      <c r="I2345">
        <v>23153.50346</v>
      </c>
      <c r="J2345">
        <v>38189.357400000001</v>
      </c>
      <c r="K2345">
        <v>45081.314180000001</v>
      </c>
      <c r="L2345">
        <v>27621.53328</v>
      </c>
      <c r="M2345">
        <v>202495.14319999999</v>
      </c>
      <c r="N2345">
        <v>72150.152340000001</v>
      </c>
      <c r="O2345">
        <v>19260.245719999999</v>
      </c>
      <c r="P2345">
        <v>32482.12196</v>
      </c>
      <c r="Q2345">
        <v>43923.123299999999</v>
      </c>
      <c r="R2345">
        <v>18552.440419999999</v>
      </c>
      <c r="S2345">
        <v>84542.975219999993</v>
      </c>
      <c r="T2345">
        <v>29154.509239999999</v>
      </c>
      <c r="U2345">
        <v>10853.81453</v>
      </c>
      <c r="W2345" s="83">
        <f>Bühler!N2377</f>
        <v>45389.624999994317</v>
      </c>
      <c r="X2345" s="83">
        <v>43198.625</v>
      </c>
      <c r="Y2345">
        <v>157776.7874</v>
      </c>
      <c r="Z2345">
        <v>15161.049499999999</v>
      </c>
      <c r="AA2345">
        <v>45730.912089999998</v>
      </c>
      <c r="AB2345">
        <v>37295.600509999997</v>
      </c>
      <c r="AC2345">
        <v>33514.882570000002</v>
      </c>
      <c r="AD2345">
        <v>23153.50346</v>
      </c>
      <c r="AE2345">
        <v>38189.357400000001</v>
      </c>
      <c r="AF2345">
        <v>45081.314180000001</v>
      </c>
      <c r="AG2345">
        <v>27621.53328</v>
      </c>
      <c r="AH2345">
        <v>202495.14319999999</v>
      </c>
      <c r="AI2345">
        <v>72150.152340000001</v>
      </c>
      <c r="AJ2345">
        <v>19260.245719999999</v>
      </c>
      <c r="AK2345">
        <v>32482.12196</v>
      </c>
      <c r="AL2345">
        <v>43923.123299999999</v>
      </c>
      <c r="AM2345">
        <v>18552.440419999999</v>
      </c>
      <c r="AN2345">
        <v>84542.975219999993</v>
      </c>
      <c r="AO2345">
        <v>29154.509239999999</v>
      </c>
      <c r="AP2345">
        <v>10853.81453</v>
      </c>
    </row>
    <row r="2346" spans="2:42" x14ac:dyDescent="0.3">
      <c r="B2346">
        <v>39.417578409062351</v>
      </c>
      <c r="C2346" s="83">
        <v>43198.666666666664</v>
      </c>
      <c r="D2346">
        <v>156816.13589999999</v>
      </c>
      <c r="E2346">
        <v>15003.0764</v>
      </c>
      <c r="F2346">
        <v>45094.473080000003</v>
      </c>
      <c r="G2346">
        <v>37410.427150000003</v>
      </c>
      <c r="H2346">
        <v>33433.292540000002</v>
      </c>
      <c r="I2346">
        <v>23623.432369999999</v>
      </c>
      <c r="J2346">
        <v>37442.15264</v>
      </c>
      <c r="K2346">
        <v>44337.914969999998</v>
      </c>
      <c r="L2346">
        <v>25996.528539999999</v>
      </c>
      <c r="M2346">
        <v>200969.19680000001</v>
      </c>
      <c r="N2346">
        <v>70596.934280000001</v>
      </c>
      <c r="O2346">
        <v>19233.852419999999</v>
      </c>
      <c r="P2346">
        <v>32069.520410000001</v>
      </c>
      <c r="Q2346">
        <v>44382.304279999997</v>
      </c>
      <c r="R2346">
        <v>18563.302650000001</v>
      </c>
      <c r="S2346">
        <v>85022.007830000002</v>
      </c>
      <c r="T2346">
        <v>28834.409439999999</v>
      </c>
      <c r="U2346">
        <v>10861.96153</v>
      </c>
      <c r="W2346" s="83">
        <f>Bühler!N2378</f>
        <v>45389.666666660982</v>
      </c>
      <c r="X2346" s="83">
        <v>43198.666666666664</v>
      </c>
      <c r="Y2346">
        <v>156816.13589999999</v>
      </c>
      <c r="Z2346">
        <v>15003.0764</v>
      </c>
      <c r="AA2346">
        <v>45094.473080000003</v>
      </c>
      <c r="AB2346">
        <v>37410.427150000003</v>
      </c>
      <c r="AC2346">
        <v>33433.292540000002</v>
      </c>
      <c r="AD2346">
        <v>23623.432369999999</v>
      </c>
      <c r="AE2346">
        <v>37442.15264</v>
      </c>
      <c r="AF2346">
        <v>44337.914969999998</v>
      </c>
      <c r="AG2346">
        <v>25996.528539999999</v>
      </c>
      <c r="AH2346">
        <v>200969.19680000001</v>
      </c>
      <c r="AI2346">
        <v>70596.934280000001</v>
      </c>
      <c r="AJ2346">
        <v>19233.852419999999</v>
      </c>
      <c r="AK2346">
        <v>32069.520410000001</v>
      </c>
      <c r="AL2346">
        <v>44382.304279999997</v>
      </c>
      <c r="AM2346">
        <v>18563.302650000001</v>
      </c>
      <c r="AN2346">
        <v>85022.007830000002</v>
      </c>
      <c r="AO2346">
        <v>28834.409439999999</v>
      </c>
      <c r="AP2346">
        <v>10861.96153</v>
      </c>
    </row>
    <row r="2347" spans="2:42" x14ac:dyDescent="0.3">
      <c r="B2347">
        <v>39.406654555443531</v>
      </c>
      <c r="C2347" s="83">
        <v>43198.708333333336</v>
      </c>
      <c r="D2347">
        <v>156991.0822</v>
      </c>
      <c r="E2347">
        <v>14846.64595</v>
      </c>
      <c r="F2347">
        <v>45015.360110000001</v>
      </c>
      <c r="G2347">
        <v>37493.781569999999</v>
      </c>
      <c r="H2347">
        <v>33339.080560000002</v>
      </c>
      <c r="I2347">
        <v>23896.33452</v>
      </c>
      <c r="J2347">
        <v>37941.41863</v>
      </c>
      <c r="K2347">
        <v>43911.459159999999</v>
      </c>
      <c r="L2347">
        <v>25796.743320000001</v>
      </c>
      <c r="M2347">
        <v>200913.5019</v>
      </c>
      <c r="N2347">
        <v>65898.34547</v>
      </c>
      <c r="O2347">
        <v>19253.394479999999</v>
      </c>
      <c r="P2347">
        <v>32201.553489999998</v>
      </c>
      <c r="Q2347">
        <v>44228.295299999998</v>
      </c>
      <c r="R2347">
        <v>20614.092939999999</v>
      </c>
      <c r="S2347">
        <v>86797.902419999999</v>
      </c>
      <c r="T2347">
        <v>28090.620370000001</v>
      </c>
      <c r="U2347">
        <v>10856.54269</v>
      </c>
      <c r="W2347" s="83">
        <f>Bühler!N2379</f>
        <v>45389.708333327646</v>
      </c>
      <c r="X2347" s="83">
        <v>43198.708333333336</v>
      </c>
      <c r="Y2347">
        <v>156991.0822</v>
      </c>
      <c r="Z2347">
        <v>14846.64595</v>
      </c>
      <c r="AA2347">
        <v>45015.360110000001</v>
      </c>
      <c r="AB2347">
        <v>37493.781569999999</v>
      </c>
      <c r="AC2347">
        <v>33339.080560000002</v>
      </c>
      <c r="AD2347">
        <v>23896.33452</v>
      </c>
      <c r="AE2347">
        <v>37941.41863</v>
      </c>
      <c r="AF2347">
        <v>43911.459159999999</v>
      </c>
      <c r="AG2347">
        <v>25796.743320000001</v>
      </c>
      <c r="AH2347">
        <v>200913.5019</v>
      </c>
      <c r="AI2347">
        <v>65898.34547</v>
      </c>
      <c r="AJ2347">
        <v>19253.394479999999</v>
      </c>
      <c r="AK2347">
        <v>32201.553489999998</v>
      </c>
      <c r="AL2347">
        <v>44228.295299999998</v>
      </c>
      <c r="AM2347">
        <v>20614.092939999999</v>
      </c>
      <c r="AN2347">
        <v>86797.902419999999</v>
      </c>
      <c r="AO2347">
        <v>28090.620370000001</v>
      </c>
      <c r="AP2347">
        <v>10856.54269</v>
      </c>
    </row>
    <row r="2348" spans="2:42" x14ac:dyDescent="0.3">
      <c r="B2348">
        <v>39.028165521570678</v>
      </c>
      <c r="C2348" s="83">
        <v>43198.75</v>
      </c>
      <c r="D2348">
        <v>156497.0563</v>
      </c>
      <c r="E2348">
        <v>14379.124400000001</v>
      </c>
      <c r="F2348">
        <v>45429.080609999997</v>
      </c>
      <c r="G2348">
        <v>37322.250220000002</v>
      </c>
      <c r="H2348">
        <v>33228.14183</v>
      </c>
      <c r="I2348">
        <v>24690.954969999999</v>
      </c>
      <c r="J2348">
        <v>38839.678590000003</v>
      </c>
      <c r="K2348">
        <v>44037.362639999999</v>
      </c>
      <c r="L2348">
        <v>26745.53888</v>
      </c>
      <c r="M2348">
        <v>198983.78829999999</v>
      </c>
      <c r="N2348">
        <v>65440.73474</v>
      </c>
      <c r="O2348">
        <v>18947.981059999998</v>
      </c>
      <c r="P2348">
        <v>34199.335440000003</v>
      </c>
      <c r="Q2348">
        <v>44748.783929999998</v>
      </c>
      <c r="R2348">
        <v>18994.837019999999</v>
      </c>
      <c r="S2348">
        <v>84696.032709999999</v>
      </c>
      <c r="T2348">
        <v>27492.995910000001</v>
      </c>
      <c r="U2348">
        <v>11151.470139999999</v>
      </c>
      <c r="W2348" s="83">
        <f>Bühler!N2380</f>
        <v>45389.74999999431</v>
      </c>
      <c r="X2348" s="83">
        <v>43198.75</v>
      </c>
      <c r="Y2348">
        <v>156497.0563</v>
      </c>
      <c r="Z2348">
        <v>14379.124400000001</v>
      </c>
      <c r="AA2348">
        <v>45429.080609999997</v>
      </c>
      <c r="AB2348">
        <v>37322.250220000002</v>
      </c>
      <c r="AC2348">
        <v>33228.14183</v>
      </c>
      <c r="AD2348">
        <v>24690.954969999999</v>
      </c>
      <c r="AE2348">
        <v>38839.678590000003</v>
      </c>
      <c r="AF2348">
        <v>44037.362639999999</v>
      </c>
      <c r="AG2348">
        <v>26745.53888</v>
      </c>
      <c r="AH2348">
        <v>198983.78829999999</v>
      </c>
      <c r="AI2348">
        <v>65440.73474</v>
      </c>
      <c r="AJ2348">
        <v>18947.981059999998</v>
      </c>
      <c r="AK2348">
        <v>34199.335440000003</v>
      </c>
      <c r="AL2348">
        <v>44748.783929999998</v>
      </c>
      <c r="AM2348">
        <v>18994.837019999999</v>
      </c>
      <c r="AN2348">
        <v>84696.032709999999</v>
      </c>
      <c r="AO2348">
        <v>27492.995910000001</v>
      </c>
      <c r="AP2348">
        <v>11151.470139999999</v>
      </c>
    </row>
    <row r="2349" spans="2:42" x14ac:dyDescent="0.3">
      <c r="B2349">
        <v>38.764617405357249</v>
      </c>
      <c r="C2349" s="83">
        <v>43198.791666666664</v>
      </c>
      <c r="D2349">
        <v>157079.234</v>
      </c>
      <c r="E2349">
        <v>13864.067160000001</v>
      </c>
      <c r="F2349">
        <v>45719.907959999997</v>
      </c>
      <c r="G2349">
        <v>37879.222659999999</v>
      </c>
      <c r="H2349">
        <v>33137.127809999998</v>
      </c>
      <c r="I2349">
        <v>24853.098969999999</v>
      </c>
      <c r="J2349">
        <v>38868.338810000001</v>
      </c>
      <c r="K2349">
        <v>44831.126100000001</v>
      </c>
      <c r="L2349">
        <v>28099.523300000001</v>
      </c>
      <c r="M2349">
        <v>197640.09710000001</v>
      </c>
      <c r="N2349">
        <v>66994.17628</v>
      </c>
      <c r="O2349">
        <v>19683.58237</v>
      </c>
      <c r="P2349">
        <v>35602.565739999998</v>
      </c>
      <c r="Q2349">
        <v>44808.551899999999</v>
      </c>
      <c r="R2349">
        <v>18819.005740000001</v>
      </c>
      <c r="S2349">
        <v>83999.857669999998</v>
      </c>
      <c r="T2349">
        <v>26840.33885</v>
      </c>
      <c r="U2349">
        <v>11995.61069</v>
      </c>
      <c r="W2349" s="83">
        <f>Bühler!N2381</f>
        <v>45389.791666660974</v>
      </c>
      <c r="X2349" s="83">
        <v>43198.791666666664</v>
      </c>
      <c r="Y2349">
        <v>157079.234</v>
      </c>
      <c r="Z2349">
        <v>13864.067160000001</v>
      </c>
      <c r="AA2349">
        <v>45719.907959999997</v>
      </c>
      <c r="AB2349">
        <v>37879.222659999999</v>
      </c>
      <c r="AC2349">
        <v>33137.127809999998</v>
      </c>
      <c r="AD2349">
        <v>24853.098969999999</v>
      </c>
      <c r="AE2349">
        <v>38868.338810000001</v>
      </c>
      <c r="AF2349">
        <v>44831.126100000001</v>
      </c>
      <c r="AG2349">
        <v>28099.523300000001</v>
      </c>
      <c r="AH2349">
        <v>197640.09710000001</v>
      </c>
      <c r="AI2349">
        <v>66994.17628</v>
      </c>
      <c r="AJ2349">
        <v>19683.58237</v>
      </c>
      <c r="AK2349">
        <v>35602.565739999998</v>
      </c>
      <c r="AL2349">
        <v>44808.551899999999</v>
      </c>
      <c r="AM2349">
        <v>18819.005740000001</v>
      </c>
      <c r="AN2349">
        <v>83999.857669999998</v>
      </c>
      <c r="AO2349">
        <v>26840.33885</v>
      </c>
      <c r="AP2349">
        <v>11995.61069</v>
      </c>
    </row>
    <row r="2350" spans="2:42" x14ac:dyDescent="0.3">
      <c r="B2350">
        <v>38.89224213725857</v>
      </c>
      <c r="C2350" s="83">
        <v>43198.833333333336</v>
      </c>
      <c r="D2350">
        <v>158727.8242</v>
      </c>
      <c r="E2350">
        <v>13439.827950000001</v>
      </c>
      <c r="F2350">
        <v>45841.298320000002</v>
      </c>
      <c r="G2350">
        <v>38876.052609999999</v>
      </c>
      <c r="H2350">
        <v>33885.970110000002</v>
      </c>
      <c r="I2350">
        <v>25129.923599999998</v>
      </c>
      <c r="J2350">
        <v>40630.321020000003</v>
      </c>
      <c r="K2350">
        <v>45598.446519999998</v>
      </c>
      <c r="L2350">
        <v>28757.83066</v>
      </c>
      <c r="M2350">
        <v>198290.78750000001</v>
      </c>
      <c r="N2350">
        <v>69173.632159999994</v>
      </c>
      <c r="O2350">
        <v>20903.209330000002</v>
      </c>
      <c r="P2350">
        <v>36053.167690000002</v>
      </c>
      <c r="Q2350">
        <v>45342.943099999997</v>
      </c>
      <c r="R2350">
        <v>19603.883379999999</v>
      </c>
      <c r="S2350">
        <v>81456.966069999995</v>
      </c>
      <c r="T2350">
        <v>25231.184420000001</v>
      </c>
      <c r="U2350">
        <v>12738.24331</v>
      </c>
      <c r="W2350" s="83">
        <f>Bühler!N2382</f>
        <v>45389.833333327639</v>
      </c>
      <c r="X2350" s="83">
        <v>43198.833333333336</v>
      </c>
      <c r="Y2350">
        <v>158727.8242</v>
      </c>
      <c r="Z2350">
        <v>13439.827950000001</v>
      </c>
      <c r="AA2350">
        <v>45841.298320000002</v>
      </c>
      <c r="AB2350">
        <v>38876.052609999999</v>
      </c>
      <c r="AC2350">
        <v>33885.970110000002</v>
      </c>
      <c r="AD2350">
        <v>25129.923599999998</v>
      </c>
      <c r="AE2350">
        <v>40630.321020000003</v>
      </c>
      <c r="AF2350">
        <v>45598.446519999998</v>
      </c>
      <c r="AG2350">
        <v>28757.83066</v>
      </c>
      <c r="AH2350">
        <v>198290.78750000001</v>
      </c>
      <c r="AI2350">
        <v>69173.632159999994</v>
      </c>
      <c r="AJ2350">
        <v>20903.209330000002</v>
      </c>
      <c r="AK2350">
        <v>36053.167690000002</v>
      </c>
      <c r="AL2350">
        <v>45342.943099999997</v>
      </c>
      <c r="AM2350">
        <v>19603.883379999999</v>
      </c>
      <c r="AN2350">
        <v>81456.966069999995</v>
      </c>
      <c r="AO2350">
        <v>25231.184420000001</v>
      </c>
      <c r="AP2350">
        <v>12738.24331</v>
      </c>
    </row>
    <row r="2351" spans="2:42" x14ac:dyDescent="0.3">
      <c r="B2351">
        <v>39.742086249073978</v>
      </c>
      <c r="C2351" s="83">
        <v>43198.875</v>
      </c>
      <c r="D2351">
        <v>161317.97399999999</v>
      </c>
      <c r="E2351">
        <v>13403.21393</v>
      </c>
      <c r="F2351">
        <v>45393.319560000004</v>
      </c>
      <c r="G2351">
        <v>39538.602630000001</v>
      </c>
      <c r="H2351">
        <v>35085.124940000002</v>
      </c>
      <c r="I2351">
        <v>24513.612290000001</v>
      </c>
      <c r="J2351">
        <v>41285.308859999997</v>
      </c>
      <c r="K2351">
        <v>46566.958919999997</v>
      </c>
      <c r="L2351">
        <v>27337.322349999999</v>
      </c>
      <c r="M2351">
        <v>202623.68909999999</v>
      </c>
      <c r="N2351">
        <v>70914.604229999997</v>
      </c>
      <c r="O2351">
        <v>21155.107019999999</v>
      </c>
      <c r="P2351">
        <v>36395.175130000003</v>
      </c>
      <c r="Q2351">
        <v>46271.014719999999</v>
      </c>
      <c r="R2351">
        <v>19876.110509999999</v>
      </c>
      <c r="S2351">
        <v>80226.698619999996</v>
      </c>
      <c r="T2351">
        <v>24275.416740000001</v>
      </c>
      <c r="U2351">
        <v>13367.38826</v>
      </c>
      <c r="W2351" s="83">
        <f>Bühler!N2383</f>
        <v>45389.874999994303</v>
      </c>
      <c r="X2351" s="83">
        <v>43198.875</v>
      </c>
      <c r="Y2351">
        <v>161317.97399999999</v>
      </c>
      <c r="Z2351">
        <v>13403.21393</v>
      </c>
      <c r="AA2351">
        <v>45393.319560000004</v>
      </c>
      <c r="AB2351">
        <v>39538.602630000001</v>
      </c>
      <c r="AC2351">
        <v>35085.124940000002</v>
      </c>
      <c r="AD2351">
        <v>24513.612290000001</v>
      </c>
      <c r="AE2351">
        <v>41285.308859999997</v>
      </c>
      <c r="AF2351">
        <v>46566.958919999997</v>
      </c>
      <c r="AG2351">
        <v>27337.322349999999</v>
      </c>
      <c r="AH2351">
        <v>202623.68909999999</v>
      </c>
      <c r="AI2351">
        <v>70914.604229999997</v>
      </c>
      <c r="AJ2351">
        <v>21155.107019999999</v>
      </c>
      <c r="AK2351">
        <v>36395.175130000003</v>
      </c>
      <c r="AL2351">
        <v>46271.014719999999</v>
      </c>
      <c r="AM2351">
        <v>19876.110509999999</v>
      </c>
      <c r="AN2351">
        <v>80226.698619999996</v>
      </c>
      <c r="AO2351">
        <v>24275.416740000001</v>
      </c>
      <c r="AP2351">
        <v>13367.38826</v>
      </c>
    </row>
    <row r="2352" spans="2:42" x14ac:dyDescent="0.3">
      <c r="B2352">
        <v>40.083078222619719</v>
      </c>
      <c r="C2352" s="83">
        <v>43198.916666666664</v>
      </c>
      <c r="D2352">
        <v>162072.1379</v>
      </c>
      <c r="E2352">
        <v>13294.601479999999</v>
      </c>
      <c r="F2352">
        <v>45086.260170000001</v>
      </c>
      <c r="G2352">
        <v>39890.278890000001</v>
      </c>
      <c r="H2352">
        <v>35509.665919999999</v>
      </c>
      <c r="I2352">
        <v>24000.178179999999</v>
      </c>
      <c r="J2352">
        <v>40200.730519999997</v>
      </c>
      <c r="K2352">
        <v>48431.412409999997</v>
      </c>
      <c r="L2352">
        <v>23609.399249999999</v>
      </c>
      <c r="M2352">
        <v>204362.22519999999</v>
      </c>
      <c r="N2352">
        <v>71645.666570000001</v>
      </c>
      <c r="O2352">
        <v>22275.77749</v>
      </c>
      <c r="P2352">
        <v>37342.769160000003</v>
      </c>
      <c r="Q2352">
        <v>47233.765899999999</v>
      </c>
      <c r="R2352">
        <v>24893.970710000001</v>
      </c>
      <c r="S2352">
        <v>79157.426789999998</v>
      </c>
      <c r="T2352">
        <v>23660.37543</v>
      </c>
      <c r="U2352">
        <v>14435.08491</v>
      </c>
      <c r="W2352" s="83">
        <f>Bühler!N2384</f>
        <v>45389.916666660967</v>
      </c>
      <c r="X2352" s="83">
        <v>43198.916666666664</v>
      </c>
      <c r="Y2352">
        <v>162072.1379</v>
      </c>
      <c r="Z2352">
        <v>13294.601479999999</v>
      </c>
      <c r="AA2352">
        <v>45086.260170000001</v>
      </c>
      <c r="AB2352">
        <v>39890.278890000001</v>
      </c>
      <c r="AC2352">
        <v>35509.665919999999</v>
      </c>
      <c r="AD2352">
        <v>24000.178179999999</v>
      </c>
      <c r="AE2352">
        <v>40200.730519999997</v>
      </c>
      <c r="AF2352">
        <v>48431.412409999997</v>
      </c>
      <c r="AG2352">
        <v>23609.399249999999</v>
      </c>
      <c r="AH2352">
        <v>204362.22519999999</v>
      </c>
      <c r="AI2352">
        <v>71645.666570000001</v>
      </c>
      <c r="AJ2352">
        <v>22275.77749</v>
      </c>
      <c r="AK2352">
        <v>37342.769160000003</v>
      </c>
      <c r="AL2352">
        <v>47233.765899999999</v>
      </c>
      <c r="AM2352">
        <v>24893.970710000001</v>
      </c>
      <c r="AN2352">
        <v>79157.426789999998</v>
      </c>
      <c r="AO2352">
        <v>23660.37543</v>
      </c>
      <c r="AP2352">
        <v>14435.08491</v>
      </c>
    </row>
    <row r="2353" spans="2:42" x14ac:dyDescent="0.3">
      <c r="B2353">
        <v>40.554133249547448</v>
      </c>
      <c r="C2353" s="83">
        <v>43198.958333333336</v>
      </c>
      <c r="D2353">
        <v>163672.80350000001</v>
      </c>
      <c r="E2353">
        <v>13214.207200000001</v>
      </c>
      <c r="F2353">
        <v>44741.858119999997</v>
      </c>
      <c r="G2353">
        <v>40042.530659999997</v>
      </c>
      <c r="H2353">
        <v>35460.912420000001</v>
      </c>
      <c r="I2353">
        <v>23126.31984</v>
      </c>
      <c r="J2353">
        <v>37904.753799999999</v>
      </c>
      <c r="K2353">
        <v>48612.809520000003</v>
      </c>
      <c r="L2353">
        <v>20362.809949999999</v>
      </c>
      <c r="M2353">
        <v>206763.88339999999</v>
      </c>
      <c r="N2353">
        <v>71715.69859</v>
      </c>
      <c r="O2353">
        <v>22662.235639999999</v>
      </c>
      <c r="P2353">
        <v>34108.722889999997</v>
      </c>
      <c r="Q2353">
        <v>47573.601990000003</v>
      </c>
      <c r="R2353">
        <v>26730.427360000001</v>
      </c>
      <c r="S2353">
        <v>78223.636899999998</v>
      </c>
      <c r="T2353">
        <v>23332.214779999998</v>
      </c>
      <c r="U2353">
        <v>13934.58843</v>
      </c>
      <c r="W2353" s="83">
        <f>Bühler!N2385</f>
        <v>45389.958333327631</v>
      </c>
      <c r="X2353" s="83">
        <v>43198.958333333336</v>
      </c>
      <c r="Y2353">
        <v>163672.80350000001</v>
      </c>
      <c r="Z2353">
        <v>13214.207200000001</v>
      </c>
      <c r="AA2353">
        <v>44741.858119999997</v>
      </c>
      <c r="AB2353">
        <v>40042.530659999997</v>
      </c>
      <c r="AC2353">
        <v>35460.912420000001</v>
      </c>
      <c r="AD2353">
        <v>23126.31984</v>
      </c>
      <c r="AE2353">
        <v>37904.753799999999</v>
      </c>
      <c r="AF2353">
        <v>48612.809520000003</v>
      </c>
      <c r="AG2353">
        <v>20362.809949999999</v>
      </c>
      <c r="AH2353">
        <v>206763.88339999999</v>
      </c>
      <c r="AI2353">
        <v>71715.69859</v>
      </c>
      <c r="AJ2353">
        <v>22662.235639999999</v>
      </c>
      <c r="AK2353">
        <v>34108.722889999997</v>
      </c>
      <c r="AL2353">
        <v>47573.601990000003</v>
      </c>
      <c r="AM2353">
        <v>26730.427360000001</v>
      </c>
      <c r="AN2353">
        <v>78223.636899999998</v>
      </c>
      <c r="AO2353">
        <v>23332.214779999998</v>
      </c>
      <c r="AP2353">
        <v>13934.58843</v>
      </c>
    </row>
    <row r="2354" spans="2:42" x14ac:dyDescent="0.3">
      <c r="B2354">
        <v>45.660890920132218</v>
      </c>
      <c r="C2354" s="83">
        <v>43199</v>
      </c>
      <c r="D2354">
        <v>172859.15909999999</v>
      </c>
      <c r="E2354">
        <v>13142.513989999999</v>
      </c>
      <c r="F2354">
        <v>47254.732510000002</v>
      </c>
      <c r="G2354">
        <v>39735.68129</v>
      </c>
      <c r="H2354">
        <v>34979.60684</v>
      </c>
      <c r="I2354">
        <v>21976.21415</v>
      </c>
      <c r="J2354">
        <v>36135.198250000001</v>
      </c>
      <c r="K2354">
        <v>47270.437819999999</v>
      </c>
      <c r="L2354">
        <v>19085.70407</v>
      </c>
      <c r="M2354">
        <v>232800.51550000001</v>
      </c>
      <c r="N2354">
        <v>73518.270130000004</v>
      </c>
      <c r="O2354">
        <v>22183.10888</v>
      </c>
      <c r="P2354">
        <v>30255.94209</v>
      </c>
      <c r="Q2354">
        <v>61678.277040000001</v>
      </c>
      <c r="R2354">
        <v>22998.568210000001</v>
      </c>
      <c r="S2354">
        <v>76361.643320000003</v>
      </c>
      <c r="T2354">
        <v>21266.240440000001</v>
      </c>
      <c r="U2354">
        <v>13541.1901</v>
      </c>
      <c r="W2354" s="83">
        <f>Bühler!N2386</f>
        <v>45389.999999994296</v>
      </c>
      <c r="X2354" s="83">
        <v>43199</v>
      </c>
      <c r="Y2354">
        <v>172859.15909999999</v>
      </c>
      <c r="Z2354">
        <v>13142.513989999999</v>
      </c>
      <c r="AA2354">
        <v>47254.732510000002</v>
      </c>
      <c r="AB2354">
        <v>39735.68129</v>
      </c>
      <c r="AC2354">
        <v>34979.60684</v>
      </c>
      <c r="AD2354">
        <v>21976.21415</v>
      </c>
      <c r="AE2354">
        <v>36135.198250000001</v>
      </c>
      <c r="AF2354">
        <v>47270.437819999999</v>
      </c>
      <c r="AG2354">
        <v>19085.70407</v>
      </c>
      <c r="AH2354">
        <v>232800.51550000001</v>
      </c>
      <c r="AI2354">
        <v>73518.270130000004</v>
      </c>
      <c r="AJ2354">
        <v>22183.10888</v>
      </c>
      <c r="AK2354">
        <v>30255.94209</v>
      </c>
      <c r="AL2354">
        <v>61678.277040000001</v>
      </c>
      <c r="AM2354">
        <v>22998.568210000001</v>
      </c>
      <c r="AN2354">
        <v>76361.643320000003</v>
      </c>
      <c r="AO2354">
        <v>21266.240440000001</v>
      </c>
      <c r="AP2354">
        <v>13541.1901</v>
      </c>
    </row>
    <row r="2355" spans="2:42" x14ac:dyDescent="0.3">
      <c r="B2355">
        <v>46.011963434874652</v>
      </c>
      <c r="C2355" s="83">
        <v>43199.041666666664</v>
      </c>
      <c r="D2355">
        <v>173547.4246</v>
      </c>
      <c r="E2355">
        <v>13200.462589999999</v>
      </c>
      <c r="F2355">
        <v>47104.736239999998</v>
      </c>
      <c r="G2355">
        <v>39516.307379999998</v>
      </c>
      <c r="H2355">
        <v>34731.885880000002</v>
      </c>
      <c r="I2355">
        <v>17791.68201</v>
      </c>
      <c r="J2355">
        <v>34930.996070000001</v>
      </c>
      <c r="K2355">
        <v>44713.31841</v>
      </c>
      <c r="L2355">
        <v>18444.79204</v>
      </c>
      <c r="M2355">
        <v>234590.44690000001</v>
      </c>
      <c r="N2355">
        <v>73572.332209999993</v>
      </c>
      <c r="O2355">
        <v>22076.539239999998</v>
      </c>
      <c r="P2355">
        <v>28886.365750000001</v>
      </c>
      <c r="Q2355">
        <v>63767.962010000003</v>
      </c>
      <c r="R2355">
        <v>21616.605339999998</v>
      </c>
      <c r="S2355">
        <v>75939.116880000001</v>
      </c>
      <c r="T2355">
        <v>21079.920010000002</v>
      </c>
      <c r="U2355">
        <v>13881.179330000001</v>
      </c>
      <c r="W2355" s="83">
        <f>Bühler!N2387</f>
        <v>45390.04166666096</v>
      </c>
      <c r="X2355" s="83">
        <v>43199.041666666664</v>
      </c>
      <c r="Y2355">
        <v>173547.4246</v>
      </c>
      <c r="Z2355">
        <v>13200.462589999999</v>
      </c>
      <c r="AA2355">
        <v>47104.736239999998</v>
      </c>
      <c r="AB2355">
        <v>39516.307379999998</v>
      </c>
      <c r="AC2355">
        <v>34731.885880000002</v>
      </c>
      <c r="AD2355">
        <v>17791.68201</v>
      </c>
      <c r="AE2355">
        <v>34930.996070000001</v>
      </c>
      <c r="AF2355">
        <v>44713.31841</v>
      </c>
      <c r="AG2355">
        <v>18444.79204</v>
      </c>
      <c r="AH2355">
        <v>234590.44690000001</v>
      </c>
      <c r="AI2355">
        <v>73572.332209999993</v>
      </c>
      <c r="AJ2355">
        <v>22076.539239999998</v>
      </c>
      <c r="AK2355">
        <v>28886.365750000001</v>
      </c>
      <c r="AL2355">
        <v>63767.962010000003</v>
      </c>
      <c r="AM2355">
        <v>21616.605339999998</v>
      </c>
      <c r="AN2355">
        <v>75939.116880000001</v>
      </c>
      <c r="AO2355">
        <v>21079.920010000002</v>
      </c>
      <c r="AP2355">
        <v>13881.179330000001</v>
      </c>
    </row>
    <row r="2356" spans="2:42" x14ac:dyDescent="0.3">
      <c r="B2356">
        <v>46.721793010529332</v>
      </c>
      <c r="C2356" s="83">
        <v>43199.083333333336</v>
      </c>
      <c r="D2356">
        <v>175437.64980000001</v>
      </c>
      <c r="E2356">
        <v>13337.381789999999</v>
      </c>
      <c r="F2356">
        <v>48626.23472</v>
      </c>
      <c r="G2356">
        <v>39153.549200000001</v>
      </c>
      <c r="H2356">
        <v>34645.376349999999</v>
      </c>
      <c r="I2356">
        <v>15769.64623</v>
      </c>
      <c r="J2356">
        <v>34450.203329999997</v>
      </c>
      <c r="K2356">
        <v>43234.524920000003</v>
      </c>
      <c r="L2356">
        <v>18103.947919999999</v>
      </c>
      <c r="M2356">
        <v>238209.48910000001</v>
      </c>
      <c r="N2356">
        <v>73317.16188</v>
      </c>
      <c r="O2356">
        <v>22577.272519999999</v>
      </c>
      <c r="P2356">
        <v>27635.805929999999</v>
      </c>
      <c r="Q2356">
        <v>66695.748349999994</v>
      </c>
      <c r="R2356">
        <v>22906.033630000002</v>
      </c>
      <c r="S2356">
        <v>75451.645820000005</v>
      </c>
      <c r="T2356">
        <v>20771.654849999999</v>
      </c>
      <c r="U2356">
        <v>13504.63075</v>
      </c>
      <c r="W2356" s="83">
        <f>Bühler!N2388</f>
        <v>45390.083333327624</v>
      </c>
      <c r="X2356" s="83">
        <v>43199.083333333336</v>
      </c>
      <c r="Y2356">
        <v>175437.64980000001</v>
      </c>
      <c r="Z2356">
        <v>13337.381789999999</v>
      </c>
      <c r="AA2356">
        <v>48626.23472</v>
      </c>
      <c r="AB2356">
        <v>39153.549200000001</v>
      </c>
      <c r="AC2356">
        <v>34645.376349999999</v>
      </c>
      <c r="AD2356">
        <v>15769.64623</v>
      </c>
      <c r="AE2356">
        <v>34450.203329999997</v>
      </c>
      <c r="AF2356">
        <v>43234.524920000003</v>
      </c>
      <c r="AG2356">
        <v>18103.947919999999</v>
      </c>
      <c r="AH2356">
        <v>238209.48910000001</v>
      </c>
      <c r="AI2356">
        <v>73317.16188</v>
      </c>
      <c r="AJ2356">
        <v>22577.272519999999</v>
      </c>
      <c r="AK2356">
        <v>27635.805929999999</v>
      </c>
      <c r="AL2356">
        <v>66695.748349999994</v>
      </c>
      <c r="AM2356">
        <v>22906.033630000002</v>
      </c>
      <c r="AN2356">
        <v>75451.645820000005</v>
      </c>
      <c r="AO2356">
        <v>20771.654849999999</v>
      </c>
      <c r="AP2356">
        <v>13504.63075</v>
      </c>
    </row>
    <row r="2357" spans="2:42" x14ac:dyDescent="0.3">
      <c r="B2357">
        <v>48.29175598824505</v>
      </c>
      <c r="C2357" s="83">
        <v>43199.125</v>
      </c>
      <c r="D2357">
        <v>181765.842</v>
      </c>
      <c r="E2357">
        <v>13661.43282</v>
      </c>
      <c r="F2357">
        <v>51206.399380000003</v>
      </c>
      <c r="G2357">
        <v>38767.99007</v>
      </c>
      <c r="H2357">
        <v>34988.131090000003</v>
      </c>
      <c r="I2357">
        <v>15856.487090000001</v>
      </c>
      <c r="J2357">
        <v>34998.679799999998</v>
      </c>
      <c r="K2357">
        <v>42392.420610000001</v>
      </c>
      <c r="L2357">
        <v>17818.104039999998</v>
      </c>
      <c r="M2357">
        <v>246213.89249999999</v>
      </c>
      <c r="N2357">
        <v>72380.980850000007</v>
      </c>
      <c r="O2357">
        <v>22313.00231</v>
      </c>
      <c r="P2357">
        <v>27609.069220000001</v>
      </c>
      <c r="Q2357">
        <v>72276.116859999995</v>
      </c>
      <c r="R2357">
        <v>23003.007310000001</v>
      </c>
      <c r="S2357">
        <v>75045.053419999997</v>
      </c>
      <c r="T2357">
        <v>20756.941159999998</v>
      </c>
      <c r="U2357">
        <v>14311.793180000001</v>
      </c>
      <c r="W2357" s="83">
        <f>Bühler!N2389</f>
        <v>45390.124999994288</v>
      </c>
      <c r="X2357" s="83">
        <v>43199.125</v>
      </c>
      <c r="Y2357">
        <v>181765.842</v>
      </c>
      <c r="Z2357">
        <v>13661.43282</v>
      </c>
      <c r="AA2357">
        <v>51206.399380000003</v>
      </c>
      <c r="AB2357">
        <v>38767.99007</v>
      </c>
      <c r="AC2357">
        <v>34988.131090000003</v>
      </c>
      <c r="AD2357">
        <v>15856.487090000001</v>
      </c>
      <c r="AE2357">
        <v>34998.679799999998</v>
      </c>
      <c r="AF2357">
        <v>42392.420610000001</v>
      </c>
      <c r="AG2357">
        <v>17818.104039999998</v>
      </c>
      <c r="AH2357">
        <v>246213.89249999999</v>
      </c>
      <c r="AI2357">
        <v>72380.980850000007</v>
      </c>
      <c r="AJ2357">
        <v>22313.00231</v>
      </c>
      <c r="AK2357">
        <v>27609.069220000001</v>
      </c>
      <c r="AL2357">
        <v>72276.116859999995</v>
      </c>
      <c r="AM2357">
        <v>23003.007310000001</v>
      </c>
      <c r="AN2357">
        <v>75045.053419999997</v>
      </c>
      <c r="AO2357">
        <v>20756.941159999998</v>
      </c>
      <c r="AP2357">
        <v>14311.793180000001</v>
      </c>
    </row>
    <row r="2358" spans="2:42" x14ac:dyDescent="0.3">
      <c r="B2358">
        <v>51.479360752105542</v>
      </c>
      <c r="C2358" s="83">
        <v>43199.166666666664</v>
      </c>
      <c r="D2358">
        <v>196465.28820000001</v>
      </c>
      <c r="E2358">
        <v>14526.60514</v>
      </c>
      <c r="F2358">
        <v>54488.571279999996</v>
      </c>
      <c r="G2358">
        <v>39027.38089</v>
      </c>
      <c r="H2358">
        <v>36205.875840000001</v>
      </c>
      <c r="I2358">
        <v>18836.456989999999</v>
      </c>
      <c r="J2358">
        <v>37571.514340000002</v>
      </c>
      <c r="K2358">
        <v>42728.070890000003</v>
      </c>
      <c r="L2358">
        <v>17773.678950000001</v>
      </c>
      <c r="M2358">
        <v>262465.78810000001</v>
      </c>
      <c r="N2358">
        <v>73814.555609999996</v>
      </c>
      <c r="O2358">
        <v>22888.447179999999</v>
      </c>
      <c r="P2358">
        <v>28210.448469999999</v>
      </c>
      <c r="Q2358">
        <v>79013.906730000002</v>
      </c>
      <c r="R2358">
        <v>22986.147570000001</v>
      </c>
      <c r="S2358">
        <v>75695.97004</v>
      </c>
      <c r="T2358">
        <v>21067.443429999999</v>
      </c>
      <c r="U2358">
        <v>16143.770979999999</v>
      </c>
      <c r="W2358" s="83">
        <f>Bühler!N2390</f>
        <v>45390.166666660953</v>
      </c>
      <c r="X2358" s="83">
        <v>43199.166666666664</v>
      </c>
      <c r="Y2358">
        <v>196465.28820000001</v>
      </c>
      <c r="Z2358">
        <v>14526.60514</v>
      </c>
      <c r="AA2358">
        <v>54488.571279999996</v>
      </c>
      <c r="AB2358">
        <v>39027.38089</v>
      </c>
      <c r="AC2358">
        <v>36205.875840000001</v>
      </c>
      <c r="AD2358">
        <v>18836.456989999999</v>
      </c>
      <c r="AE2358">
        <v>37571.514340000002</v>
      </c>
      <c r="AF2358">
        <v>42728.070890000003</v>
      </c>
      <c r="AG2358">
        <v>17773.678950000001</v>
      </c>
      <c r="AH2358">
        <v>262465.78810000001</v>
      </c>
      <c r="AI2358">
        <v>73814.555609999996</v>
      </c>
      <c r="AJ2358">
        <v>22888.447179999999</v>
      </c>
      <c r="AK2358">
        <v>28210.448469999999</v>
      </c>
      <c r="AL2358">
        <v>79013.906730000002</v>
      </c>
      <c r="AM2358">
        <v>22986.147570000001</v>
      </c>
      <c r="AN2358">
        <v>75695.97004</v>
      </c>
      <c r="AO2358">
        <v>21067.443429999999</v>
      </c>
      <c r="AP2358">
        <v>16143.770979999999</v>
      </c>
    </row>
    <row r="2359" spans="2:42" x14ac:dyDescent="0.3">
      <c r="B2359">
        <v>56.534690545675147</v>
      </c>
      <c r="C2359" s="83">
        <v>43199.208333333336</v>
      </c>
      <c r="D2359">
        <v>230002.2917</v>
      </c>
      <c r="E2359">
        <v>17001.165389999998</v>
      </c>
      <c r="F2359">
        <v>65074.153689999999</v>
      </c>
      <c r="G2359">
        <v>41840.423849999999</v>
      </c>
      <c r="H2359">
        <v>38970.337310000003</v>
      </c>
      <c r="I2359">
        <v>29021.320039999999</v>
      </c>
      <c r="J2359">
        <v>41210.698729999996</v>
      </c>
      <c r="K2359">
        <v>45139.752099999998</v>
      </c>
      <c r="L2359">
        <v>18698.191599999998</v>
      </c>
      <c r="M2359">
        <v>288240.2169</v>
      </c>
      <c r="N2359">
        <v>76901.582030000005</v>
      </c>
      <c r="O2359">
        <v>24517.36433</v>
      </c>
      <c r="P2359">
        <v>28625.19915</v>
      </c>
      <c r="Q2359">
        <v>84733.618489999993</v>
      </c>
      <c r="R2359">
        <v>25956.327880000001</v>
      </c>
      <c r="S2359">
        <v>78476.407439999995</v>
      </c>
      <c r="T2359">
        <v>23050.546859999999</v>
      </c>
      <c r="U2359">
        <v>18411.277389999999</v>
      </c>
      <c r="W2359" s="83">
        <f>Bühler!N2391</f>
        <v>45390.208333327617</v>
      </c>
      <c r="X2359" s="83">
        <v>43199.208333333336</v>
      </c>
      <c r="Y2359">
        <v>230002.2917</v>
      </c>
      <c r="Z2359">
        <v>17001.165389999998</v>
      </c>
      <c r="AA2359">
        <v>65074.153689999999</v>
      </c>
      <c r="AB2359">
        <v>41840.423849999999</v>
      </c>
      <c r="AC2359">
        <v>38970.337310000003</v>
      </c>
      <c r="AD2359">
        <v>29021.320039999999</v>
      </c>
      <c r="AE2359">
        <v>41210.698729999996</v>
      </c>
      <c r="AF2359">
        <v>45139.752099999998</v>
      </c>
      <c r="AG2359">
        <v>18698.191599999998</v>
      </c>
      <c r="AH2359">
        <v>288240.2169</v>
      </c>
      <c r="AI2359">
        <v>76901.582030000005</v>
      </c>
      <c r="AJ2359">
        <v>24517.36433</v>
      </c>
      <c r="AK2359">
        <v>28625.19915</v>
      </c>
      <c r="AL2359">
        <v>84733.618489999993</v>
      </c>
      <c r="AM2359">
        <v>25956.327880000001</v>
      </c>
      <c r="AN2359">
        <v>78476.407439999995</v>
      </c>
      <c r="AO2359">
        <v>23050.546859999999</v>
      </c>
      <c r="AP2359">
        <v>18411.277389999999</v>
      </c>
    </row>
    <row r="2360" spans="2:42" x14ac:dyDescent="0.3">
      <c r="B2360">
        <v>62.067446105493204</v>
      </c>
      <c r="C2360" s="83">
        <v>43199.25</v>
      </c>
      <c r="D2360">
        <v>259040.76389999999</v>
      </c>
      <c r="E2360">
        <v>21740.627380000002</v>
      </c>
      <c r="F2360">
        <v>79922.849430000002</v>
      </c>
      <c r="G2360">
        <v>55135.323340000003</v>
      </c>
      <c r="H2360">
        <v>42423.767419999996</v>
      </c>
      <c r="I2360">
        <v>38352.607709999997</v>
      </c>
      <c r="J2360">
        <v>46063.649559999998</v>
      </c>
      <c r="K2360">
        <v>48664.177989999996</v>
      </c>
      <c r="L2360">
        <v>20900.94413</v>
      </c>
      <c r="M2360">
        <v>316448.78490000003</v>
      </c>
      <c r="N2360">
        <v>79711.487559999994</v>
      </c>
      <c r="O2360">
        <v>25352.202440000001</v>
      </c>
      <c r="P2360">
        <v>29417.713670000001</v>
      </c>
      <c r="Q2360">
        <v>89286.590330000006</v>
      </c>
      <c r="R2360">
        <v>20572.995940000001</v>
      </c>
      <c r="S2360">
        <v>88128.045370000007</v>
      </c>
      <c r="T2360">
        <v>25693.835149999999</v>
      </c>
      <c r="U2360">
        <v>20531.76944</v>
      </c>
      <c r="W2360" s="83">
        <f>Bühler!N2392</f>
        <v>45390.249999994281</v>
      </c>
      <c r="X2360" s="83">
        <v>43199.25</v>
      </c>
      <c r="Y2360">
        <v>259040.76389999999</v>
      </c>
      <c r="Z2360">
        <v>21740.627380000002</v>
      </c>
      <c r="AA2360">
        <v>79922.849430000002</v>
      </c>
      <c r="AB2360">
        <v>55135.323340000003</v>
      </c>
      <c r="AC2360">
        <v>42423.767419999996</v>
      </c>
      <c r="AD2360">
        <v>38352.607709999997</v>
      </c>
      <c r="AE2360">
        <v>46063.649559999998</v>
      </c>
      <c r="AF2360">
        <v>48664.177989999996</v>
      </c>
      <c r="AG2360">
        <v>20900.94413</v>
      </c>
      <c r="AH2360">
        <v>316448.78490000003</v>
      </c>
      <c r="AI2360">
        <v>79711.487559999994</v>
      </c>
      <c r="AJ2360">
        <v>25352.202440000001</v>
      </c>
      <c r="AK2360">
        <v>29417.713670000001</v>
      </c>
      <c r="AL2360">
        <v>89286.590330000006</v>
      </c>
      <c r="AM2360">
        <v>20572.995940000001</v>
      </c>
      <c r="AN2360">
        <v>88128.045370000007</v>
      </c>
      <c r="AO2360">
        <v>25693.835149999999</v>
      </c>
      <c r="AP2360">
        <v>20531.76944</v>
      </c>
    </row>
    <row r="2361" spans="2:42" x14ac:dyDescent="0.3">
      <c r="B2361">
        <v>64.600628485009722</v>
      </c>
      <c r="C2361" s="83">
        <v>43199.291666666664</v>
      </c>
      <c r="D2361">
        <v>279224.34120000002</v>
      </c>
      <c r="E2361">
        <v>26396.89185</v>
      </c>
      <c r="F2361">
        <v>84271.963010000007</v>
      </c>
      <c r="G2361">
        <v>67687.975999999995</v>
      </c>
      <c r="H2361">
        <v>47887.584730000002</v>
      </c>
      <c r="I2361">
        <v>46829.893389999997</v>
      </c>
      <c r="J2361">
        <v>46593.080620000001</v>
      </c>
      <c r="K2361">
        <v>53879.030729999999</v>
      </c>
      <c r="L2361">
        <v>23821.499260000001</v>
      </c>
      <c r="M2361">
        <v>329364.13</v>
      </c>
      <c r="N2361">
        <v>85757.661309999996</v>
      </c>
      <c r="O2361">
        <v>28123.500520000001</v>
      </c>
      <c r="P2361">
        <v>32528.007160000001</v>
      </c>
      <c r="Q2361">
        <v>91456.329410000006</v>
      </c>
      <c r="R2361">
        <v>21705.75099</v>
      </c>
      <c r="S2361">
        <v>103740.5384</v>
      </c>
      <c r="T2361">
        <v>30120.980370000001</v>
      </c>
      <c r="U2361">
        <v>24738.934720000001</v>
      </c>
      <c r="W2361" s="83">
        <f>Bühler!N2393</f>
        <v>45390.291666660945</v>
      </c>
      <c r="X2361" s="83">
        <v>43199.291666666664</v>
      </c>
      <c r="Y2361">
        <v>279224.34120000002</v>
      </c>
      <c r="Z2361">
        <v>26396.89185</v>
      </c>
      <c r="AA2361">
        <v>84271.963010000007</v>
      </c>
      <c r="AB2361">
        <v>67687.975999999995</v>
      </c>
      <c r="AC2361">
        <v>47887.584730000002</v>
      </c>
      <c r="AD2361">
        <v>46829.893389999997</v>
      </c>
      <c r="AE2361">
        <v>46593.080620000001</v>
      </c>
      <c r="AF2361">
        <v>53879.030729999999</v>
      </c>
      <c r="AG2361">
        <v>23821.499260000001</v>
      </c>
      <c r="AH2361">
        <v>329364.13</v>
      </c>
      <c r="AI2361">
        <v>85757.661309999996</v>
      </c>
      <c r="AJ2361">
        <v>28123.500520000001</v>
      </c>
      <c r="AK2361">
        <v>32528.007160000001</v>
      </c>
      <c r="AL2361">
        <v>91456.329410000006</v>
      </c>
      <c r="AM2361">
        <v>21705.75099</v>
      </c>
      <c r="AN2361">
        <v>103740.5384</v>
      </c>
      <c r="AO2361">
        <v>30120.980370000001</v>
      </c>
      <c r="AP2361">
        <v>24738.934720000001</v>
      </c>
    </row>
    <row r="2362" spans="2:42" x14ac:dyDescent="0.3">
      <c r="B2362">
        <v>64.167349111990916</v>
      </c>
      <c r="C2362" s="83">
        <v>43199.333333333336</v>
      </c>
      <c r="D2362">
        <v>292574.02759999997</v>
      </c>
      <c r="E2362">
        <v>32110.978480000002</v>
      </c>
      <c r="F2362">
        <v>88969.939780000001</v>
      </c>
      <c r="G2362">
        <v>82201.598190000004</v>
      </c>
      <c r="H2362">
        <v>53365.215470000003</v>
      </c>
      <c r="I2362">
        <v>48578.735840000001</v>
      </c>
      <c r="J2362">
        <v>46635.873890000003</v>
      </c>
      <c r="K2362">
        <v>58638.368540000003</v>
      </c>
      <c r="L2362">
        <v>27207.427670000001</v>
      </c>
      <c r="M2362">
        <v>327155.06969999999</v>
      </c>
      <c r="N2362">
        <v>93123.905079999997</v>
      </c>
      <c r="O2362">
        <v>29231.118689999999</v>
      </c>
      <c r="P2362">
        <v>34623.595269999998</v>
      </c>
      <c r="Q2362">
        <v>92611.679380000001</v>
      </c>
      <c r="R2362">
        <v>23165.13523</v>
      </c>
      <c r="S2362">
        <v>115575.53539999999</v>
      </c>
      <c r="T2362">
        <v>33747.357080000002</v>
      </c>
      <c r="U2362">
        <v>27711.221300000001</v>
      </c>
      <c r="W2362" s="83">
        <f>Bühler!N2394</f>
        <v>45390.33333332761</v>
      </c>
      <c r="X2362" s="83">
        <v>43199.333333333336</v>
      </c>
      <c r="Y2362">
        <v>292574.02759999997</v>
      </c>
      <c r="Z2362">
        <v>32110.978480000002</v>
      </c>
      <c r="AA2362">
        <v>88969.939780000001</v>
      </c>
      <c r="AB2362">
        <v>82201.598190000004</v>
      </c>
      <c r="AC2362">
        <v>53365.215470000003</v>
      </c>
      <c r="AD2362">
        <v>48578.735840000001</v>
      </c>
      <c r="AE2362">
        <v>46635.873890000003</v>
      </c>
      <c r="AF2362">
        <v>58638.368540000003</v>
      </c>
      <c r="AG2362">
        <v>27207.427670000001</v>
      </c>
      <c r="AH2362">
        <v>327155.06969999999</v>
      </c>
      <c r="AI2362">
        <v>93123.905079999997</v>
      </c>
      <c r="AJ2362">
        <v>29231.118689999999</v>
      </c>
      <c r="AK2362">
        <v>34623.595269999998</v>
      </c>
      <c r="AL2362">
        <v>92611.679380000001</v>
      </c>
      <c r="AM2362">
        <v>23165.13523</v>
      </c>
      <c r="AN2362">
        <v>115575.53539999999</v>
      </c>
      <c r="AO2362">
        <v>33747.357080000002</v>
      </c>
      <c r="AP2362">
        <v>27711.221300000001</v>
      </c>
    </row>
    <row r="2363" spans="2:42" x14ac:dyDescent="0.3">
      <c r="B2363">
        <v>66.165234047736703</v>
      </c>
      <c r="C2363" s="83">
        <v>43199.375</v>
      </c>
      <c r="D2363">
        <v>297972.06660000002</v>
      </c>
      <c r="E2363">
        <v>36204.127030000003</v>
      </c>
      <c r="F2363">
        <v>94793.039000000004</v>
      </c>
      <c r="G2363">
        <v>91284.763579999999</v>
      </c>
      <c r="H2363">
        <v>55737.333209999997</v>
      </c>
      <c r="I2363">
        <v>45363.065719999999</v>
      </c>
      <c r="J2363">
        <v>47187.681060000003</v>
      </c>
      <c r="K2363">
        <v>61864.714610000003</v>
      </c>
      <c r="L2363">
        <v>30038.598190000001</v>
      </c>
      <c r="M2363">
        <v>337341.21879999997</v>
      </c>
      <c r="N2363">
        <v>99732.942259999996</v>
      </c>
      <c r="O2363">
        <v>28871.7955</v>
      </c>
      <c r="P2363">
        <v>35814.906759999998</v>
      </c>
      <c r="Q2363">
        <v>93362.713239999997</v>
      </c>
      <c r="R2363">
        <v>23466.006860000001</v>
      </c>
      <c r="S2363">
        <v>122097.743</v>
      </c>
      <c r="T2363">
        <v>35489.607709999997</v>
      </c>
      <c r="U2363">
        <v>27803.236720000001</v>
      </c>
      <c r="W2363" s="83">
        <f>Bühler!N2395</f>
        <v>45390.374999994274</v>
      </c>
      <c r="X2363" s="83">
        <v>43199.375</v>
      </c>
      <c r="Y2363">
        <v>297972.06660000002</v>
      </c>
      <c r="Z2363">
        <v>36204.127030000003</v>
      </c>
      <c r="AA2363">
        <v>94793.039000000004</v>
      </c>
      <c r="AB2363">
        <v>91284.763579999999</v>
      </c>
      <c r="AC2363">
        <v>55737.333209999997</v>
      </c>
      <c r="AD2363">
        <v>45363.065719999999</v>
      </c>
      <c r="AE2363">
        <v>47187.681060000003</v>
      </c>
      <c r="AF2363">
        <v>61864.714610000003</v>
      </c>
      <c r="AG2363">
        <v>30038.598190000001</v>
      </c>
      <c r="AH2363">
        <v>337341.21879999997</v>
      </c>
      <c r="AI2363">
        <v>99732.942259999996</v>
      </c>
      <c r="AJ2363">
        <v>28871.7955</v>
      </c>
      <c r="AK2363">
        <v>35814.906759999998</v>
      </c>
      <c r="AL2363">
        <v>93362.713239999997</v>
      </c>
      <c r="AM2363">
        <v>23466.006860000001</v>
      </c>
      <c r="AN2363">
        <v>122097.743</v>
      </c>
      <c r="AO2363">
        <v>35489.607709999997</v>
      </c>
      <c r="AP2363">
        <v>27803.236720000001</v>
      </c>
    </row>
    <row r="2364" spans="2:42" x14ac:dyDescent="0.3">
      <c r="B2364">
        <v>68.077615192585085</v>
      </c>
      <c r="C2364" s="83">
        <v>43199.416666666664</v>
      </c>
      <c r="D2364">
        <v>301882.74359999999</v>
      </c>
      <c r="E2364">
        <v>37539.783470000002</v>
      </c>
      <c r="F2364">
        <v>96468.845100000006</v>
      </c>
      <c r="G2364">
        <v>91992.150389999995</v>
      </c>
      <c r="H2364">
        <v>55624.380620000004</v>
      </c>
      <c r="I2364">
        <v>40114.708279999999</v>
      </c>
      <c r="J2364">
        <v>45472.143340000002</v>
      </c>
      <c r="K2364">
        <v>63780.692060000001</v>
      </c>
      <c r="L2364">
        <v>32432.303650000002</v>
      </c>
      <c r="M2364">
        <v>347091.42969999998</v>
      </c>
      <c r="N2364">
        <v>101722.3548</v>
      </c>
      <c r="O2364">
        <v>28642.593580000001</v>
      </c>
      <c r="P2364">
        <v>36076.302530000001</v>
      </c>
      <c r="Q2364">
        <v>94150.846170000004</v>
      </c>
      <c r="R2364">
        <v>25522.193910000002</v>
      </c>
      <c r="S2364">
        <v>123483.3434</v>
      </c>
      <c r="T2364">
        <v>37108.707139999999</v>
      </c>
      <c r="U2364">
        <v>27126.918580000001</v>
      </c>
      <c r="W2364" s="83">
        <f>Bühler!N2396</f>
        <v>45390.416666660938</v>
      </c>
      <c r="X2364" s="83">
        <v>43199.416666666664</v>
      </c>
      <c r="Y2364">
        <v>301882.74359999999</v>
      </c>
      <c r="Z2364">
        <v>37539.783470000002</v>
      </c>
      <c r="AA2364">
        <v>96468.845100000006</v>
      </c>
      <c r="AB2364">
        <v>91992.150389999995</v>
      </c>
      <c r="AC2364">
        <v>55624.380620000004</v>
      </c>
      <c r="AD2364">
        <v>40114.708279999999</v>
      </c>
      <c r="AE2364">
        <v>45472.143340000002</v>
      </c>
      <c r="AF2364">
        <v>63780.692060000001</v>
      </c>
      <c r="AG2364">
        <v>32432.303650000002</v>
      </c>
      <c r="AH2364">
        <v>347091.42969999998</v>
      </c>
      <c r="AI2364">
        <v>101722.3548</v>
      </c>
      <c r="AJ2364">
        <v>28642.593580000001</v>
      </c>
      <c r="AK2364">
        <v>36076.302530000001</v>
      </c>
      <c r="AL2364">
        <v>94150.846170000004</v>
      </c>
      <c r="AM2364">
        <v>25522.193910000002</v>
      </c>
      <c r="AN2364">
        <v>123483.3434</v>
      </c>
      <c r="AO2364">
        <v>37108.707139999999</v>
      </c>
      <c r="AP2364">
        <v>27126.918580000001</v>
      </c>
    </row>
    <row r="2365" spans="2:42" x14ac:dyDescent="0.3">
      <c r="B2365">
        <v>68.342682177313208</v>
      </c>
      <c r="C2365" s="83">
        <v>43199.458333333336</v>
      </c>
      <c r="D2365">
        <v>300520.67800000001</v>
      </c>
      <c r="E2365">
        <v>36676.218359999999</v>
      </c>
      <c r="F2365">
        <v>96686.289990000005</v>
      </c>
      <c r="G2365">
        <v>89950.347609999997</v>
      </c>
      <c r="H2365">
        <v>54420.917930000003</v>
      </c>
      <c r="I2365">
        <v>39587.739979999998</v>
      </c>
      <c r="J2365">
        <v>44373.267140000004</v>
      </c>
      <c r="K2365">
        <v>63293.758690000002</v>
      </c>
      <c r="L2365">
        <v>32971.121010000003</v>
      </c>
      <c r="M2365">
        <v>348442.86479999998</v>
      </c>
      <c r="N2365">
        <v>101295.8287</v>
      </c>
      <c r="O2365">
        <v>28629.21802</v>
      </c>
      <c r="P2365">
        <v>34784.921280000002</v>
      </c>
      <c r="Q2365">
        <v>94138.879060000007</v>
      </c>
      <c r="R2365">
        <v>26176.294000000002</v>
      </c>
      <c r="S2365">
        <v>124383.13800000001</v>
      </c>
      <c r="T2365">
        <v>36949.233240000001</v>
      </c>
      <c r="U2365">
        <v>27333.609560000001</v>
      </c>
      <c r="W2365" s="83">
        <f>Bühler!N2397</f>
        <v>45390.458333327602</v>
      </c>
      <c r="X2365" s="83">
        <v>43199.458333333336</v>
      </c>
      <c r="Y2365">
        <v>300520.67800000001</v>
      </c>
      <c r="Z2365">
        <v>36676.218359999999</v>
      </c>
      <c r="AA2365">
        <v>96686.289990000005</v>
      </c>
      <c r="AB2365">
        <v>89950.347609999997</v>
      </c>
      <c r="AC2365">
        <v>54420.917930000003</v>
      </c>
      <c r="AD2365">
        <v>39587.739979999998</v>
      </c>
      <c r="AE2365">
        <v>44373.267140000004</v>
      </c>
      <c r="AF2365">
        <v>63293.758690000002</v>
      </c>
      <c r="AG2365">
        <v>32971.121010000003</v>
      </c>
      <c r="AH2365">
        <v>348442.86479999998</v>
      </c>
      <c r="AI2365">
        <v>101295.8287</v>
      </c>
      <c r="AJ2365">
        <v>28629.21802</v>
      </c>
      <c r="AK2365">
        <v>34784.921280000002</v>
      </c>
      <c r="AL2365">
        <v>94138.879060000007</v>
      </c>
      <c r="AM2365">
        <v>26176.294000000002</v>
      </c>
      <c r="AN2365">
        <v>124383.13800000001</v>
      </c>
      <c r="AO2365">
        <v>36949.233240000001</v>
      </c>
      <c r="AP2365">
        <v>27333.609560000001</v>
      </c>
    </row>
    <row r="2366" spans="2:42" x14ac:dyDescent="0.3">
      <c r="B2366">
        <v>67.213361551497044</v>
      </c>
      <c r="C2366" s="83">
        <v>43199.5</v>
      </c>
      <c r="D2366">
        <v>286091.38819999999</v>
      </c>
      <c r="E2366">
        <v>33184.457820000003</v>
      </c>
      <c r="F2366">
        <v>88468.512239999996</v>
      </c>
      <c r="G2366">
        <v>88568.609779999999</v>
      </c>
      <c r="H2366">
        <v>51997.944230000001</v>
      </c>
      <c r="I2366">
        <v>38488.602559999999</v>
      </c>
      <c r="J2366">
        <v>43714.588280000004</v>
      </c>
      <c r="K2366">
        <v>59765.226589999998</v>
      </c>
      <c r="L2366">
        <v>34876.730049999998</v>
      </c>
      <c r="M2366">
        <v>342685.06160000002</v>
      </c>
      <c r="N2366">
        <v>97224.093800000002</v>
      </c>
      <c r="O2366">
        <v>26920.01324</v>
      </c>
      <c r="P2366">
        <v>34874.822890000003</v>
      </c>
      <c r="Q2366">
        <v>94797.430779999995</v>
      </c>
      <c r="R2366">
        <v>25972.500680000001</v>
      </c>
      <c r="S2366">
        <v>116729.9865</v>
      </c>
      <c r="T2366">
        <v>36832.536870000004</v>
      </c>
      <c r="U2366">
        <v>21713.79622</v>
      </c>
      <c r="W2366" s="83">
        <f>Bühler!N2398</f>
        <v>45390.499999994267</v>
      </c>
      <c r="X2366" s="83">
        <v>43199.5</v>
      </c>
      <c r="Y2366">
        <v>286091.38819999999</v>
      </c>
      <c r="Z2366">
        <v>33184.457820000003</v>
      </c>
      <c r="AA2366">
        <v>88468.512239999996</v>
      </c>
      <c r="AB2366">
        <v>88568.609779999999</v>
      </c>
      <c r="AC2366">
        <v>51997.944230000001</v>
      </c>
      <c r="AD2366">
        <v>38488.602559999999</v>
      </c>
      <c r="AE2366">
        <v>43714.588280000004</v>
      </c>
      <c r="AF2366">
        <v>59765.226589999998</v>
      </c>
      <c r="AG2366">
        <v>34876.730049999998</v>
      </c>
      <c r="AH2366">
        <v>342685.06160000002</v>
      </c>
      <c r="AI2366">
        <v>97224.093800000002</v>
      </c>
      <c r="AJ2366">
        <v>26920.01324</v>
      </c>
      <c r="AK2366">
        <v>34874.822890000003</v>
      </c>
      <c r="AL2366">
        <v>94797.430779999995</v>
      </c>
      <c r="AM2366">
        <v>25972.500680000001</v>
      </c>
      <c r="AN2366">
        <v>116729.9865</v>
      </c>
      <c r="AO2366">
        <v>36832.536870000004</v>
      </c>
      <c r="AP2366">
        <v>21713.79622</v>
      </c>
    </row>
    <row r="2367" spans="2:42" x14ac:dyDescent="0.3">
      <c r="B2367">
        <v>66.814366272610926</v>
      </c>
      <c r="C2367" s="83">
        <v>43199.541666666664</v>
      </c>
      <c r="D2367">
        <v>290024.62890000001</v>
      </c>
      <c r="E2367">
        <v>32975.593760000003</v>
      </c>
      <c r="F2367">
        <v>84499.837580000007</v>
      </c>
      <c r="G2367">
        <v>85240.494730000006</v>
      </c>
      <c r="H2367">
        <v>51778.448510000002</v>
      </c>
      <c r="I2367">
        <v>37801.368219999997</v>
      </c>
      <c r="J2367">
        <v>42931.695509999998</v>
      </c>
      <c r="K2367">
        <v>62870.033750000002</v>
      </c>
      <c r="L2367">
        <v>32987.260280000002</v>
      </c>
      <c r="M2367">
        <v>340650.79759999999</v>
      </c>
      <c r="N2367">
        <v>96760.749089999998</v>
      </c>
      <c r="O2367">
        <v>26687.390220000001</v>
      </c>
      <c r="P2367">
        <v>34100.347199999997</v>
      </c>
      <c r="Q2367">
        <v>93901.613240000006</v>
      </c>
      <c r="R2367">
        <v>25067.758969999999</v>
      </c>
      <c r="S2367">
        <v>114753.60520000001</v>
      </c>
      <c r="T2367">
        <v>35810.167159999997</v>
      </c>
      <c r="U2367">
        <v>23165.94456</v>
      </c>
      <c r="W2367" s="83">
        <f>Bühler!N2399</f>
        <v>45390.541666660931</v>
      </c>
      <c r="X2367" s="83">
        <v>43199.541666666664</v>
      </c>
      <c r="Y2367">
        <v>290024.62890000001</v>
      </c>
      <c r="Z2367">
        <v>32975.593760000003</v>
      </c>
      <c r="AA2367">
        <v>84499.837580000007</v>
      </c>
      <c r="AB2367">
        <v>85240.494730000006</v>
      </c>
      <c r="AC2367">
        <v>51778.448510000002</v>
      </c>
      <c r="AD2367">
        <v>37801.368219999997</v>
      </c>
      <c r="AE2367">
        <v>42931.695509999998</v>
      </c>
      <c r="AF2367">
        <v>62870.033750000002</v>
      </c>
      <c r="AG2367">
        <v>32987.260280000002</v>
      </c>
      <c r="AH2367">
        <v>340650.79759999999</v>
      </c>
      <c r="AI2367">
        <v>96760.749089999998</v>
      </c>
      <c r="AJ2367">
        <v>26687.390220000001</v>
      </c>
      <c r="AK2367">
        <v>34100.347199999997</v>
      </c>
      <c r="AL2367">
        <v>93901.613240000006</v>
      </c>
      <c r="AM2367">
        <v>25067.758969999999</v>
      </c>
      <c r="AN2367">
        <v>114753.60520000001</v>
      </c>
      <c r="AO2367">
        <v>35810.167159999997</v>
      </c>
      <c r="AP2367">
        <v>23165.94456</v>
      </c>
    </row>
    <row r="2368" spans="2:42" x14ac:dyDescent="0.3">
      <c r="B2368">
        <v>67.116265706041261</v>
      </c>
      <c r="C2368" s="83">
        <v>43199.583333333336</v>
      </c>
      <c r="D2368">
        <v>292887.56349999999</v>
      </c>
      <c r="E2368">
        <v>35600.757989999998</v>
      </c>
      <c r="F2368">
        <v>92851.428109999993</v>
      </c>
      <c r="G2368">
        <v>79366.141820000004</v>
      </c>
      <c r="H2368">
        <v>51707.549630000001</v>
      </c>
      <c r="I2368">
        <v>38151.511149999998</v>
      </c>
      <c r="J2368">
        <v>43023.54019</v>
      </c>
      <c r="K2368">
        <v>64336.235240000002</v>
      </c>
      <c r="L2368">
        <v>29126.977630000001</v>
      </c>
      <c r="M2368">
        <v>342190.02169999998</v>
      </c>
      <c r="N2368">
        <v>97531.347580000001</v>
      </c>
      <c r="O2368">
        <v>26167.972669999999</v>
      </c>
      <c r="P2368">
        <v>30619.498769999998</v>
      </c>
      <c r="Q2368">
        <v>93037.095019999993</v>
      </c>
      <c r="R2368">
        <v>23769.430680000001</v>
      </c>
      <c r="S2368">
        <v>110148.3642</v>
      </c>
      <c r="T2368">
        <v>33528.466950000002</v>
      </c>
      <c r="U2368">
        <v>23262.189139999999</v>
      </c>
      <c r="W2368" s="83">
        <f>Bühler!N2400</f>
        <v>45390.583333327595</v>
      </c>
      <c r="X2368" s="83">
        <v>43199.583333333336</v>
      </c>
      <c r="Y2368">
        <v>292887.56349999999</v>
      </c>
      <c r="Z2368">
        <v>35600.757989999998</v>
      </c>
      <c r="AA2368">
        <v>92851.428109999993</v>
      </c>
      <c r="AB2368">
        <v>79366.141820000004</v>
      </c>
      <c r="AC2368">
        <v>51707.549630000001</v>
      </c>
      <c r="AD2368">
        <v>38151.511149999998</v>
      </c>
      <c r="AE2368">
        <v>43023.54019</v>
      </c>
      <c r="AF2368">
        <v>64336.235240000002</v>
      </c>
      <c r="AG2368">
        <v>29126.977630000001</v>
      </c>
      <c r="AH2368">
        <v>342190.02169999998</v>
      </c>
      <c r="AI2368">
        <v>97531.347580000001</v>
      </c>
      <c r="AJ2368">
        <v>26167.972669999999</v>
      </c>
      <c r="AK2368">
        <v>30619.498769999998</v>
      </c>
      <c r="AL2368">
        <v>93037.095019999993</v>
      </c>
      <c r="AM2368">
        <v>23769.430680000001</v>
      </c>
      <c r="AN2368">
        <v>110148.3642</v>
      </c>
      <c r="AO2368">
        <v>33528.466950000002</v>
      </c>
      <c r="AP2368">
        <v>23262.189139999999</v>
      </c>
    </row>
    <row r="2369" spans="2:42" x14ac:dyDescent="0.3">
      <c r="B2369">
        <v>66.609384670320082</v>
      </c>
      <c r="C2369" s="83">
        <v>43199.625</v>
      </c>
      <c r="D2369">
        <v>290968.28480000002</v>
      </c>
      <c r="E2369">
        <v>35458.353669999997</v>
      </c>
      <c r="F2369">
        <v>94763.121419999996</v>
      </c>
      <c r="G2369">
        <v>75343.649829999995</v>
      </c>
      <c r="H2369">
        <v>50153.079870000001</v>
      </c>
      <c r="I2369">
        <v>38739.648009999997</v>
      </c>
      <c r="J2369">
        <v>42065.046690000003</v>
      </c>
      <c r="K2369">
        <v>61455.497739999999</v>
      </c>
      <c r="L2369">
        <v>26639.328509999999</v>
      </c>
      <c r="M2369">
        <v>339605.7058</v>
      </c>
      <c r="N2369">
        <v>95338.566340000005</v>
      </c>
      <c r="O2369">
        <v>25691.493210000001</v>
      </c>
      <c r="P2369">
        <v>29095.27781</v>
      </c>
      <c r="Q2369">
        <v>92686.181519999998</v>
      </c>
      <c r="R2369">
        <v>23997.097669999999</v>
      </c>
      <c r="S2369">
        <v>108218.348</v>
      </c>
      <c r="T2369">
        <v>32572.144840000001</v>
      </c>
      <c r="U2369">
        <v>22550.865290000002</v>
      </c>
      <c r="W2369" s="83">
        <f>Bühler!N2401</f>
        <v>45390.624999994259</v>
      </c>
      <c r="X2369" s="83">
        <v>43199.625</v>
      </c>
      <c r="Y2369">
        <v>290968.28480000002</v>
      </c>
      <c r="Z2369">
        <v>35458.353669999997</v>
      </c>
      <c r="AA2369">
        <v>94763.121419999996</v>
      </c>
      <c r="AB2369">
        <v>75343.649829999995</v>
      </c>
      <c r="AC2369">
        <v>50153.079870000001</v>
      </c>
      <c r="AD2369">
        <v>38739.648009999997</v>
      </c>
      <c r="AE2369">
        <v>42065.046690000003</v>
      </c>
      <c r="AF2369">
        <v>61455.497739999999</v>
      </c>
      <c r="AG2369">
        <v>26639.328509999999</v>
      </c>
      <c r="AH2369">
        <v>339605.7058</v>
      </c>
      <c r="AI2369">
        <v>95338.566340000005</v>
      </c>
      <c r="AJ2369">
        <v>25691.493210000001</v>
      </c>
      <c r="AK2369">
        <v>29095.27781</v>
      </c>
      <c r="AL2369">
        <v>92686.181519999998</v>
      </c>
      <c r="AM2369">
        <v>23997.097669999999</v>
      </c>
      <c r="AN2369">
        <v>108218.348</v>
      </c>
      <c r="AO2369">
        <v>32572.144840000001</v>
      </c>
      <c r="AP2369">
        <v>22550.865290000002</v>
      </c>
    </row>
    <row r="2370" spans="2:42" x14ac:dyDescent="0.3">
      <c r="B2370">
        <v>65.684373974222979</v>
      </c>
      <c r="C2370" s="83">
        <v>43199.666666666664</v>
      </c>
      <c r="D2370">
        <v>282979.93359999999</v>
      </c>
      <c r="E2370">
        <v>34393.302900000002</v>
      </c>
      <c r="F2370">
        <v>94266.544410000002</v>
      </c>
      <c r="G2370">
        <v>71612.49007</v>
      </c>
      <c r="H2370">
        <v>48601.463940000001</v>
      </c>
      <c r="I2370">
        <v>39842.888980000003</v>
      </c>
      <c r="J2370">
        <v>41257.380120000002</v>
      </c>
      <c r="K2370">
        <v>59209.197760000003</v>
      </c>
      <c r="L2370">
        <v>25583.274229999999</v>
      </c>
      <c r="M2370">
        <v>334889.5699</v>
      </c>
      <c r="N2370">
        <v>90843.033949999997</v>
      </c>
      <c r="O2370">
        <v>25521.714260000001</v>
      </c>
      <c r="P2370">
        <v>29448.369750000002</v>
      </c>
      <c r="Q2370">
        <v>92840.961720000007</v>
      </c>
      <c r="R2370">
        <v>23401.621480000002</v>
      </c>
      <c r="S2370">
        <v>106213.64200000001</v>
      </c>
      <c r="T2370">
        <v>32427.12211</v>
      </c>
      <c r="U2370">
        <v>20635.495269999999</v>
      </c>
      <c r="W2370" s="83">
        <f>Bühler!N2402</f>
        <v>45390.666666660924</v>
      </c>
      <c r="X2370" s="83">
        <v>43199.666666666664</v>
      </c>
      <c r="Y2370">
        <v>282979.93359999999</v>
      </c>
      <c r="Z2370">
        <v>34393.302900000002</v>
      </c>
      <c r="AA2370">
        <v>94266.544410000002</v>
      </c>
      <c r="AB2370">
        <v>71612.49007</v>
      </c>
      <c r="AC2370">
        <v>48601.463940000001</v>
      </c>
      <c r="AD2370">
        <v>39842.888980000003</v>
      </c>
      <c r="AE2370">
        <v>41257.380120000002</v>
      </c>
      <c r="AF2370">
        <v>59209.197760000003</v>
      </c>
      <c r="AG2370">
        <v>25583.274229999999</v>
      </c>
      <c r="AH2370">
        <v>334889.5699</v>
      </c>
      <c r="AI2370">
        <v>90843.033949999997</v>
      </c>
      <c r="AJ2370">
        <v>25521.714260000001</v>
      </c>
      <c r="AK2370">
        <v>29448.369750000002</v>
      </c>
      <c r="AL2370">
        <v>92840.961720000007</v>
      </c>
      <c r="AM2370">
        <v>23401.621480000002</v>
      </c>
      <c r="AN2370">
        <v>106213.64200000001</v>
      </c>
      <c r="AO2370">
        <v>32427.12211</v>
      </c>
      <c r="AP2370">
        <v>20635.495269999999</v>
      </c>
    </row>
    <row r="2371" spans="2:42" x14ac:dyDescent="0.3">
      <c r="B2371">
        <v>64.433798512435317</v>
      </c>
      <c r="C2371" s="83">
        <v>43199.708333333336</v>
      </c>
      <c r="D2371">
        <v>272658.57150000002</v>
      </c>
      <c r="E2371">
        <v>32284.337060000002</v>
      </c>
      <c r="F2371">
        <v>91731.904349999997</v>
      </c>
      <c r="G2371">
        <v>64141.552259999997</v>
      </c>
      <c r="H2371">
        <v>45893.687839999999</v>
      </c>
      <c r="I2371">
        <v>39029.636330000001</v>
      </c>
      <c r="J2371">
        <v>41053.456389999999</v>
      </c>
      <c r="K2371">
        <v>54719.985569999997</v>
      </c>
      <c r="L2371">
        <v>25806.364730000001</v>
      </c>
      <c r="M2371">
        <v>328513.55300000001</v>
      </c>
      <c r="N2371">
        <v>83988.473190000004</v>
      </c>
      <c r="O2371">
        <v>25241.282360000001</v>
      </c>
      <c r="P2371">
        <v>30611.01239</v>
      </c>
      <c r="Q2371">
        <v>91114.244720000002</v>
      </c>
      <c r="R2371">
        <v>23702.72997</v>
      </c>
      <c r="S2371">
        <v>101819.8707</v>
      </c>
      <c r="T2371">
        <v>31162.837869999999</v>
      </c>
      <c r="U2371">
        <v>17916.574229999998</v>
      </c>
      <c r="W2371" s="83">
        <f>Bühler!N2403</f>
        <v>45390.708333327588</v>
      </c>
      <c r="X2371" s="83">
        <v>43199.708333333336</v>
      </c>
      <c r="Y2371">
        <v>272658.57150000002</v>
      </c>
      <c r="Z2371">
        <v>32284.337060000002</v>
      </c>
      <c r="AA2371">
        <v>91731.904349999997</v>
      </c>
      <c r="AB2371">
        <v>64141.552259999997</v>
      </c>
      <c r="AC2371">
        <v>45893.687839999999</v>
      </c>
      <c r="AD2371">
        <v>39029.636330000001</v>
      </c>
      <c r="AE2371">
        <v>41053.456389999999</v>
      </c>
      <c r="AF2371">
        <v>54719.985569999997</v>
      </c>
      <c r="AG2371">
        <v>25806.364730000001</v>
      </c>
      <c r="AH2371">
        <v>328513.55300000001</v>
      </c>
      <c r="AI2371">
        <v>83988.473190000004</v>
      </c>
      <c r="AJ2371">
        <v>25241.282360000001</v>
      </c>
      <c r="AK2371">
        <v>30611.01239</v>
      </c>
      <c r="AL2371">
        <v>91114.244720000002</v>
      </c>
      <c r="AM2371">
        <v>23702.72997</v>
      </c>
      <c r="AN2371">
        <v>101819.8707</v>
      </c>
      <c r="AO2371">
        <v>31162.837869999999</v>
      </c>
      <c r="AP2371">
        <v>17916.574229999998</v>
      </c>
    </row>
    <row r="2372" spans="2:42" x14ac:dyDescent="0.3">
      <c r="B2372">
        <v>62.926664310770136</v>
      </c>
      <c r="C2372" s="83">
        <v>43199.75</v>
      </c>
      <c r="D2372">
        <v>264079.2757</v>
      </c>
      <c r="E2372">
        <v>29218.079409999998</v>
      </c>
      <c r="F2372">
        <v>91421.598050000001</v>
      </c>
      <c r="G2372">
        <v>54343.034639999998</v>
      </c>
      <c r="H2372">
        <v>43556.489849999998</v>
      </c>
      <c r="I2372">
        <v>38563.71776</v>
      </c>
      <c r="J2372">
        <v>40661.815880000002</v>
      </c>
      <c r="K2372">
        <v>52659.464840000001</v>
      </c>
      <c r="L2372">
        <v>26385.948970000001</v>
      </c>
      <c r="M2372">
        <v>320829.48</v>
      </c>
      <c r="N2372">
        <v>81900.475390000007</v>
      </c>
      <c r="O2372">
        <v>23421.152529999999</v>
      </c>
      <c r="P2372">
        <v>32962.056420000001</v>
      </c>
      <c r="Q2372">
        <v>89713.897280000005</v>
      </c>
      <c r="R2372">
        <v>21920.694009999999</v>
      </c>
      <c r="S2372">
        <v>94747.862219999995</v>
      </c>
      <c r="T2372">
        <v>32168.596989999998</v>
      </c>
      <c r="U2372">
        <v>16770.5887</v>
      </c>
      <c r="W2372" s="83">
        <f>Bühler!N2404</f>
        <v>45390.749999994252</v>
      </c>
      <c r="X2372" s="83">
        <v>43199.75</v>
      </c>
      <c r="Y2372">
        <v>264079.2757</v>
      </c>
      <c r="Z2372">
        <v>29218.079409999998</v>
      </c>
      <c r="AA2372">
        <v>91421.598050000001</v>
      </c>
      <c r="AB2372">
        <v>54343.034639999998</v>
      </c>
      <c r="AC2372">
        <v>43556.489849999998</v>
      </c>
      <c r="AD2372">
        <v>38563.71776</v>
      </c>
      <c r="AE2372">
        <v>40661.815880000002</v>
      </c>
      <c r="AF2372">
        <v>52659.464840000001</v>
      </c>
      <c r="AG2372">
        <v>26385.948970000001</v>
      </c>
      <c r="AH2372">
        <v>320829.48</v>
      </c>
      <c r="AI2372">
        <v>81900.475390000007</v>
      </c>
      <c r="AJ2372">
        <v>23421.152529999999</v>
      </c>
      <c r="AK2372">
        <v>32962.056420000001</v>
      </c>
      <c r="AL2372">
        <v>89713.897280000005</v>
      </c>
      <c r="AM2372">
        <v>21920.694009999999</v>
      </c>
      <c r="AN2372">
        <v>94747.862219999995</v>
      </c>
      <c r="AO2372">
        <v>32168.596989999998</v>
      </c>
      <c r="AP2372">
        <v>16770.5887</v>
      </c>
    </row>
    <row r="2373" spans="2:42" x14ac:dyDescent="0.3">
      <c r="B2373">
        <v>61.817059731556604</v>
      </c>
      <c r="C2373" s="83">
        <v>43199.791666666664</v>
      </c>
      <c r="D2373">
        <v>260405.07750000001</v>
      </c>
      <c r="E2373">
        <v>23969.276259999999</v>
      </c>
      <c r="F2373">
        <v>79617.207049999997</v>
      </c>
      <c r="G2373">
        <v>50699.486080000002</v>
      </c>
      <c r="H2373">
        <v>41265.69111</v>
      </c>
      <c r="I2373">
        <v>34464.399550000002</v>
      </c>
      <c r="J2373">
        <v>39989.032449999999</v>
      </c>
      <c r="K2373">
        <v>51082.283940000001</v>
      </c>
      <c r="L2373">
        <v>27145.237079999999</v>
      </c>
      <c r="M2373">
        <v>315172.19839999999</v>
      </c>
      <c r="N2373">
        <v>81156.583190000005</v>
      </c>
      <c r="O2373">
        <v>22978.290059999999</v>
      </c>
      <c r="P2373">
        <v>36124.186470000001</v>
      </c>
      <c r="Q2373">
        <v>87547.777430000002</v>
      </c>
      <c r="R2373">
        <v>20264.783189999998</v>
      </c>
      <c r="S2373">
        <v>91116.905230000004</v>
      </c>
      <c r="T2373">
        <v>32892.310709999998</v>
      </c>
      <c r="U2373">
        <v>16032.903689999999</v>
      </c>
      <c r="W2373" s="83">
        <f>Bühler!N2405</f>
        <v>45390.791666660916</v>
      </c>
      <c r="X2373" s="83">
        <v>43199.791666666664</v>
      </c>
      <c r="Y2373">
        <v>260405.07750000001</v>
      </c>
      <c r="Z2373">
        <v>23969.276259999999</v>
      </c>
      <c r="AA2373">
        <v>79617.207049999997</v>
      </c>
      <c r="AB2373">
        <v>50699.486080000002</v>
      </c>
      <c r="AC2373">
        <v>41265.69111</v>
      </c>
      <c r="AD2373">
        <v>34464.399550000002</v>
      </c>
      <c r="AE2373">
        <v>39989.032449999999</v>
      </c>
      <c r="AF2373">
        <v>51082.283940000001</v>
      </c>
      <c r="AG2373">
        <v>27145.237079999999</v>
      </c>
      <c r="AH2373">
        <v>315172.19839999999</v>
      </c>
      <c r="AI2373">
        <v>81156.583190000005</v>
      </c>
      <c r="AJ2373">
        <v>22978.290059999999</v>
      </c>
      <c r="AK2373">
        <v>36124.186470000001</v>
      </c>
      <c r="AL2373">
        <v>87547.777430000002</v>
      </c>
      <c r="AM2373">
        <v>20264.783189999998</v>
      </c>
      <c r="AN2373">
        <v>91116.905230000004</v>
      </c>
      <c r="AO2373">
        <v>32892.310709999998</v>
      </c>
      <c r="AP2373">
        <v>16032.903689999999</v>
      </c>
    </row>
    <row r="2374" spans="2:42" x14ac:dyDescent="0.3">
      <c r="B2374">
        <v>59.977346439185979</v>
      </c>
      <c r="C2374" s="83">
        <v>43199.833333333336</v>
      </c>
      <c r="D2374">
        <v>250539.14180000001</v>
      </c>
      <c r="E2374">
        <v>18983.630829999998</v>
      </c>
      <c r="F2374">
        <v>62726.742899999997</v>
      </c>
      <c r="G2374">
        <v>46903.904179999998</v>
      </c>
      <c r="H2374">
        <v>40178.981209999998</v>
      </c>
      <c r="I2374">
        <v>31358.440569999999</v>
      </c>
      <c r="J2374">
        <v>41198.699820000002</v>
      </c>
      <c r="K2374">
        <v>51031.849289999998</v>
      </c>
      <c r="L2374">
        <v>27137.464370000002</v>
      </c>
      <c r="M2374">
        <v>305792.48210000002</v>
      </c>
      <c r="N2374">
        <v>80597.324349999995</v>
      </c>
      <c r="O2374">
        <v>22411.293310000001</v>
      </c>
      <c r="P2374">
        <v>36816.350350000001</v>
      </c>
      <c r="Q2374">
        <v>85744.826319999993</v>
      </c>
      <c r="R2374">
        <v>20122.361339999999</v>
      </c>
      <c r="S2374">
        <v>84603.994579999999</v>
      </c>
      <c r="T2374">
        <v>33203.883379999999</v>
      </c>
      <c r="U2374">
        <v>16087.806140000001</v>
      </c>
      <c r="W2374" s="83">
        <f>Bühler!N2406</f>
        <v>45390.83333332758</v>
      </c>
      <c r="X2374" s="83">
        <v>43199.833333333336</v>
      </c>
      <c r="Y2374">
        <v>250539.14180000001</v>
      </c>
      <c r="Z2374">
        <v>18983.630829999998</v>
      </c>
      <c r="AA2374">
        <v>62726.742899999997</v>
      </c>
      <c r="AB2374">
        <v>46903.904179999998</v>
      </c>
      <c r="AC2374">
        <v>40178.981209999998</v>
      </c>
      <c r="AD2374">
        <v>31358.440569999999</v>
      </c>
      <c r="AE2374">
        <v>41198.699820000002</v>
      </c>
      <c r="AF2374">
        <v>51031.849289999998</v>
      </c>
      <c r="AG2374">
        <v>27137.464370000002</v>
      </c>
      <c r="AH2374">
        <v>305792.48210000002</v>
      </c>
      <c r="AI2374">
        <v>80597.324349999995</v>
      </c>
      <c r="AJ2374">
        <v>22411.293310000001</v>
      </c>
      <c r="AK2374">
        <v>36816.350350000001</v>
      </c>
      <c r="AL2374">
        <v>85744.826319999993</v>
      </c>
      <c r="AM2374">
        <v>20122.361339999999</v>
      </c>
      <c r="AN2374">
        <v>84603.994579999999</v>
      </c>
      <c r="AO2374">
        <v>33203.883379999999</v>
      </c>
      <c r="AP2374">
        <v>16087.806140000001</v>
      </c>
    </row>
    <row r="2375" spans="2:42" x14ac:dyDescent="0.3">
      <c r="B2375">
        <v>58.405536474676886</v>
      </c>
      <c r="C2375" s="83">
        <v>43199.875</v>
      </c>
      <c r="D2375">
        <v>242523.44469999999</v>
      </c>
      <c r="E2375">
        <v>16738.386579999999</v>
      </c>
      <c r="F2375">
        <v>55362.559630000003</v>
      </c>
      <c r="G2375">
        <v>45334.70865</v>
      </c>
      <c r="H2375">
        <v>39358.361100000002</v>
      </c>
      <c r="I2375">
        <v>27470.01613</v>
      </c>
      <c r="J2375">
        <v>41509.72049</v>
      </c>
      <c r="K2375">
        <v>49103.073420000001</v>
      </c>
      <c r="L2375">
        <v>26051.314920000001</v>
      </c>
      <c r="M2375">
        <v>297778.66190000001</v>
      </c>
      <c r="N2375">
        <v>79821.949980000005</v>
      </c>
      <c r="O2375">
        <v>21803.432680000002</v>
      </c>
      <c r="P2375">
        <v>36375.741679999999</v>
      </c>
      <c r="Q2375">
        <v>83944.101030000005</v>
      </c>
      <c r="R2375">
        <v>19519.823990000001</v>
      </c>
      <c r="S2375">
        <v>81861.612999999998</v>
      </c>
      <c r="T2375">
        <v>30578.74584</v>
      </c>
      <c r="U2375">
        <v>15232.152990000001</v>
      </c>
      <c r="W2375" s="83">
        <f>Bühler!N2407</f>
        <v>45390.874999994245</v>
      </c>
      <c r="X2375" s="83">
        <v>43199.875</v>
      </c>
      <c r="Y2375">
        <v>242523.44469999999</v>
      </c>
      <c r="Z2375">
        <v>16738.386579999999</v>
      </c>
      <c r="AA2375">
        <v>55362.559630000003</v>
      </c>
      <c r="AB2375">
        <v>45334.70865</v>
      </c>
      <c r="AC2375">
        <v>39358.361100000002</v>
      </c>
      <c r="AD2375">
        <v>27470.01613</v>
      </c>
      <c r="AE2375">
        <v>41509.72049</v>
      </c>
      <c r="AF2375">
        <v>49103.073420000001</v>
      </c>
      <c r="AG2375">
        <v>26051.314920000001</v>
      </c>
      <c r="AH2375">
        <v>297778.66190000001</v>
      </c>
      <c r="AI2375">
        <v>79821.949980000005</v>
      </c>
      <c r="AJ2375">
        <v>21803.432680000002</v>
      </c>
      <c r="AK2375">
        <v>36375.741679999999</v>
      </c>
      <c r="AL2375">
        <v>83944.101030000005</v>
      </c>
      <c r="AM2375">
        <v>19519.823990000001</v>
      </c>
      <c r="AN2375">
        <v>81861.612999999998</v>
      </c>
      <c r="AO2375">
        <v>30578.74584</v>
      </c>
      <c r="AP2375">
        <v>15232.152990000001</v>
      </c>
    </row>
    <row r="2376" spans="2:42" x14ac:dyDescent="0.3">
      <c r="B2376">
        <v>57.325786892984347</v>
      </c>
      <c r="C2376" s="83">
        <v>43199.916666666664</v>
      </c>
      <c r="D2376">
        <v>242263.51850000001</v>
      </c>
      <c r="E2376">
        <v>15727.71415</v>
      </c>
      <c r="F2376">
        <v>52817.40739</v>
      </c>
      <c r="G2376">
        <v>42831.632030000001</v>
      </c>
      <c r="H2376">
        <v>38941.434159999997</v>
      </c>
      <c r="I2376">
        <v>25192.058809999999</v>
      </c>
      <c r="J2376">
        <v>40577.206209999997</v>
      </c>
      <c r="K2376">
        <v>54052.143709999997</v>
      </c>
      <c r="L2376">
        <v>23413.08554</v>
      </c>
      <c r="M2376">
        <v>292273.59499999997</v>
      </c>
      <c r="N2376">
        <v>78893.225520000007</v>
      </c>
      <c r="O2376">
        <v>22827.530780000001</v>
      </c>
      <c r="P2376">
        <v>38402.539369999999</v>
      </c>
      <c r="Q2376">
        <v>82493.069050000006</v>
      </c>
      <c r="R2376">
        <v>23469.588090000001</v>
      </c>
      <c r="S2376">
        <v>80260.527040000001</v>
      </c>
      <c r="T2376">
        <v>25808.472659999999</v>
      </c>
      <c r="U2376">
        <v>16168.747520000001</v>
      </c>
      <c r="W2376" s="83">
        <f>Bühler!N2408</f>
        <v>45390.916666660909</v>
      </c>
      <c r="X2376" s="83">
        <v>43199.916666666664</v>
      </c>
      <c r="Y2376">
        <v>242263.51850000001</v>
      </c>
      <c r="Z2376">
        <v>15727.71415</v>
      </c>
      <c r="AA2376">
        <v>52817.40739</v>
      </c>
      <c r="AB2376">
        <v>42831.632030000001</v>
      </c>
      <c r="AC2376">
        <v>38941.434159999997</v>
      </c>
      <c r="AD2376">
        <v>25192.058809999999</v>
      </c>
      <c r="AE2376">
        <v>40577.206209999997</v>
      </c>
      <c r="AF2376">
        <v>54052.143709999997</v>
      </c>
      <c r="AG2376">
        <v>23413.08554</v>
      </c>
      <c r="AH2376">
        <v>292273.59499999997</v>
      </c>
      <c r="AI2376">
        <v>78893.225520000007</v>
      </c>
      <c r="AJ2376">
        <v>22827.530780000001</v>
      </c>
      <c r="AK2376">
        <v>38402.539369999999</v>
      </c>
      <c r="AL2376">
        <v>82493.069050000006</v>
      </c>
      <c r="AM2376">
        <v>23469.588090000001</v>
      </c>
      <c r="AN2376">
        <v>80260.527040000001</v>
      </c>
      <c r="AO2376">
        <v>25808.472659999999</v>
      </c>
      <c r="AP2376">
        <v>16168.747520000001</v>
      </c>
    </row>
    <row r="2377" spans="2:42" x14ac:dyDescent="0.3">
      <c r="B2377">
        <v>56.624911166769529</v>
      </c>
      <c r="C2377" s="83">
        <v>43199.958333333336</v>
      </c>
      <c r="D2377">
        <v>243566.2335</v>
      </c>
      <c r="E2377">
        <v>15120.90172</v>
      </c>
      <c r="F2377">
        <v>52055.341079999998</v>
      </c>
      <c r="G2377">
        <v>42100.389799999997</v>
      </c>
      <c r="H2377">
        <v>37891.196909999999</v>
      </c>
      <c r="I2377">
        <v>24428.31482</v>
      </c>
      <c r="J2377">
        <v>37814.165730000001</v>
      </c>
      <c r="K2377">
        <v>53342.468419999997</v>
      </c>
      <c r="L2377">
        <v>20193.10915</v>
      </c>
      <c r="M2377">
        <v>288700.20370000001</v>
      </c>
      <c r="N2377">
        <v>78592.114369999996</v>
      </c>
      <c r="O2377">
        <v>23184.757959999999</v>
      </c>
      <c r="P2377">
        <v>34014.017619999999</v>
      </c>
      <c r="Q2377">
        <v>81694.503760000007</v>
      </c>
      <c r="R2377">
        <v>25352.341230000002</v>
      </c>
      <c r="S2377">
        <v>78779.608989999993</v>
      </c>
      <c r="T2377">
        <v>23424.74267</v>
      </c>
      <c r="U2377">
        <v>15742.6993</v>
      </c>
      <c r="W2377" s="83">
        <f>Bühler!N2409</f>
        <v>45390.958333327573</v>
      </c>
      <c r="X2377" s="83">
        <v>43199.958333333336</v>
      </c>
      <c r="Y2377">
        <v>243566.2335</v>
      </c>
      <c r="Z2377">
        <v>15120.90172</v>
      </c>
      <c r="AA2377">
        <v>52055.341079999998</v>
      </c>
      <c r="AB2377">
        <v>42100.389799999997</v>
      </c>
      <c r="AC2377">
        <v>37891.196909999999</v>
      </c>
      <c r="AD2377">
        <v>24428.31482</v>
      </c>
      <c r="AE2377">
        <v>37814.165730000001</v>
      </c>
      <c r="AF2377">
        <v>53342.468419999997</v>
      </c>
      <c r="AG2377">
        <v>20193.10915</v>
      </c>
      <c r="AH2377">
        <v>288700.20370000001</v>
      </c>
      <c r="AI2377">
        <v>78592.114369999996</v>
      </c>
      <c r="AJ2377">
        <v>23184.757959999999</v>
      </c>
      <c r="AK2377">
        <v>34014.017619999999</v>
      </c>
      <c r="AL2377">
        <v>81694.503760000007</v>
      </c>
      <c r="AM2377">
        <v>25352.341230000002</v>
      </c>
      <c r="AN2377">
        <v>78779.608989999993</v>
      </c>
      <c r="AO2377">
        <v>23424.74267</v>
      </c>
      <c r="AP2377">
        <v>15742.6993</v>
      </c>
    </row>
    <row r="2378" spans="2:42" x14ac:dyDescent="0.3">
      <c r="B2378">
        <v>45.99995988402322</v>
      </c>
      <c r="C2378" s="83">
        <v>43200</v>
      </c>
      <c r="D2378">
        <v>175808.8254</v>
      </c>
      <c r="E2378">
        <v>13666.08275</v>
      </c>
      <c r="F2378">
        <v>48354.496059999998</v>
      </c>
      <c r="G2378">
        <v>40632.655769999998</v>
      </c>
      <c r="H2378">
        <v>35599.88841</v>
      </c>
      <c r="I2378">
        <v>22533.315500000001</v>
      </c>
      <c r="J2378">
        <v>36196.920109999999</v>
      </c>
      <c r="K2378">
        <v>49281.983509999998</v>
      </c>
      <c r="L2378">
        <v>19272.131799999999</v>
      </c>
      <c r="M2378">
        <v>234529.24720000001</v>
      </c>
      <c r="N2378">
        <v>73972.652440000005</v>
      </c>
      <c r="O2378">
        <v>23241.529109999999</v>
      </c>
      <c r="P2378">
        <v>31750.859479999999</v>
      </c>
      <c r="Q2378">
        <v>62305.01468</v>
      </c>
      <c r="R2378">
        <v>22537.350139999999</v>
      </c>
      <c r="S2378">
        <v>76812.762159999998</v>
      </c>
      <c r="T2378">
        <v>21593.124469999999</v>
      </c>
      <c r="U2378">
        <v>14399.25172</v>
      </c>
      <c r="W2378" s="83">
        <f>Bühler!N2410</f>
        <v>45390.999999994237</v>
      </c>
      <c r="X2378" s="83">
        <v>43200</v>
      </c>
      <c r="Y2378">
        <v>175808.8254</v>
      </c>
      <c r="Z2378">
        <v>13666.08275</v>
      </c>
      <c r="AA2378">
        <v>48354.496059999998</v>
      </c>
      <c r="AB2378">
        <v>40632.655769999998</v>
      </c>
      <c r="AC2378">
        <v>35599.88841</v>
      </c>
      <c r="AD2378">
        <v>22533.315500000001</v>
      </c>
      <c r="AE2378">
        <v>36196.920109999999</v>
      </c>
      <c r="AF2378">
        <v>49281.983509999998</v>
      </c>
      <c r="AG2378">
        <v>19272.131799999999</v>
      </c>
      <c r="AH2378">
        <v>234529.24720000001</v>
      </c>
      <c r="AI2378">
        <v>73972.652440000005</v>
      </c>
      <c r="AJ2378">
        <v>23241.529109999999</v>
      </c>
      <c r="AK2378">
        <v>31750.859479999999</v>
      </c>
      <c r="AL2378">
        <v>62305.01468</v>
      </c>
      <c r="AM2378">
        <v>22537.350139999999</v>
      </c>
      <c r="AN2378">
        <v>76812.762159999998</v>
      </c>
      <c r="AO2378">
        <v>21593.124469999999</v>
      </c>
      <c r="AP2378">
        <v>14399.25172</v>
      </c>
    </row>
    <row r="2379" spans="2:42" x14ac:dyDescent="0.3">
      <c r="B2379">
        <v>46.097159584239321</v>
      </c>
      <c r="C2379" s="83">
        <v>43200.041666666664</v>
      </c>
      <c r="D2379">
        <v>176209.0245</v>
      </c>
      <c r="E2379">
        <v>13695.98749</v>
      </c>
      <c r="F2379">
        <v>47928.147920000003</v>
      </c>
      <c r="G2379">
        <v>40273.561399999999</v>
      </c>
      <c r="H2379">
        <v>35305.80932</v>
      </c>
      <c r="I2379">
        <v>18219.394370000002</v>
      </c>
      <c r="J2379">
        <v>35370.948320000003</v>
      </c>
      <c r="K2379">
        <v>47087.150430000002</v>
      </c>
      <c r="L2379">
        <v>18670.632610000001</v>
      </c>
      <c r="M2379">
        <v>235024.81659999999</v>
      </c>
      <c r="N2379">
        <v>73793.415599999993</v>
      </c>
      <c r="O2379">
        <v>23489.020629999999</v>
      </c>
      <c r="P2379">
        <v>30708.016889999999</v>
      </c>
      <c r="Q2379">
        <v>64978.328099999999</v>
      </c>
      <c r="R2379">
        <v>20855.87311</v>
      </c>
      <c r="S2379">
        <v>76384.627739999996</v>
      </c>
      <c r="T2379">
        <v>21179.120370000001</v>
      </c>
      <c r="U2379">
        <v>14475.179459999999</v>
      </c>
      <c r="W2379" s="83">
        <f>Bühler!N2411</f>
        <v>45391.041666660902</v>
      </c>
      <c r="X2379" s="83">
        <v>43200.041666666664</v>
      </c>
      <c r="Y2379">
        <v>176209.0245</v>
      </c>
      <c r="Z2379">
        <v>13695.98749</v>
      </c>
      <c r="AA2379">
        <v>47928.147920000003</v>
      </c>
      <c r="AB2379">
        <v>40273.561399999999</v>
      </c>
      <c r="AC2379">
        <v>35305.80932</v>
      </c>
      <c r="AD2379">
        <v>18219.394370000002</v>
      </c>
      <c r="AE2379">
        <v>35370.948320000003</v>
      </c>
      <c r="AF2379">
        <v>47087.150430000002</v>
      </c>
      <c r="AG2379">
        <v>18670.632610000001</v>
      </c>
      <c r="AH2379">
        <v>235024.81659999999</v>
      </c>
      <c r="AI2379">
        <v>73793.415599999993</v>
      </c>
      <c r="AJ2379">
        <v>23489.020629999999</v>
      </c>
      <c r="AK2379">
        <v>30708.016889999999</v>
      </c>
      <c r="AL2379">
        <v>64978.328099999999</v>
      </c>
      <c r="AM2379">
        <v>20855.87311</v>
      </c>
      <c r="AN2379">
        <v>76384.627739999996</v>
      </c>
      <c r="AO2379">
        <v>21179.120370000001</v>
      </c>
      <c r="AP2379">
        <v>14475.179459999999</v>
      </c>
    </row>
    <row r="2380" spans="2:42" x14ac:dyDescent="0.3">
      <c r="B2380">
        <v>47.014139590859656</v>
      </c>
      <c r="C2380" s="83">
        <v>43200.083333333336</v>
      </c>
      <c r="D2380">
        <v>177930.5766</v>
      </c>
      <c r="E2380">
        <v>13801.36829</v>
      </c>
      <c r="F2380">
        <v>49504.45983</v>
      </c>
      <c r="G2380">
        <v>39727.240890000001</v>
      </c>
      <c r="H2380">
        <v>35174.901559999998</v>
      </c>
      <c r="I2380">
        <v>16194.249260000001</v>
      </c>
      <c r="J2380">
        <v>35011.693420000003</v>
      </c>
      <c r="K2380">
        <v>46364.035609999999</v>
      </c>
      <c r="L2380">
        <v>18351.530170000002</v>
      </c>
      <c r="M2380">
        <v>239700.00829999999</v>
      </c>
      <c r="N2380">
        <v>73701.282890000002</v>
      </c>
      <c r="O2380">
        <v>22961.730459999999</v>
      </c>
      <c r="P2380">
        <v>29318.006700000002</v>
      </c>
      <c r="Q2380">
        <v>68985.792419999998</v>
      </c>
      <c r="R2380">
        <v>22084.365099999999</v>
      </c>
      <c r="S2380">
        <v>75436.19283</v>
      </c>
      <c r="T2380">
        <v>20684.50258</v>
      </c>
      <c r="U2380">
        <v>14731.00209</v>
      </c>
      <c r="W2380" s="83">
        <f>Bühler!N2412</f>
        <v>45391.083333327566</v>
      </c>
      <c r="X2380" s="83">
        <v>43200.083333333336</v>
      </c>
      <c r="Y2380">
        <v>177930.5766</v>
      </c>
      <c r="Z2380">
        <v>13801.36829</v>
      </c>
      <c r="AA2380">
        <v>49504.45983</v>
      </c>
      <c r="AB2380">
        <v>39727.240890000001</v>
      </c>
      <c r="AC2380">
        <v>35174.901559999998</v>
      </c>
      <c r="AD2380">
        <v>16194.249260000001</v>
      </c>
      <c r="AE2380">
        <v>35011.693420000003</v>
      </c>
      <c r="AF2380">
        <v>46364.035609999999</v>
      </c>
      <c r="AG2380">
        <v>18351.530170000002</v>
      </c>
      <c r="AH2380">
        <v>239700.00829999999</v>
      </c>
      <c r="AI2380">
        <v>73701.282890000002</v>
      </c>
      <c r="AJ2380">
        <v>22961.730459999999</v>
      </c>
      <c r="AK2380">
        <v>29318.006700000002</v>
      </c>
      <c r="AL2380">
        <v>68985.792419999998</v>
      </c>
      <c r="AM2380">
        <v>22084.365099999999</v>
      </c>
      <c r="AN2380">
        <v>75436.19283</v>
      </c>
      <c r="AO2380">
        <v>20684.50258</v>
      </c>
      <c r="AP2380">
        <v>14731.00209</v>
      </c>
    </row>
    <row r="2381" spans="2:42" x14ac:dyDescent="0.3">
      <c r="B2381">
        <v>48.60007331243024</v>
      </c>
      <c r="C2381" s="83">
        <v>43200.125</v>
      </c>
      <c r="D2381">
        <v>184327.43049999999</v>
      </c>
      <c r="E2381">
        <v>14021.512339999999</v>
      </c>
      <c r="F2381">
        <v>51256.805220000002</v>
      </c>
      <c r="G2381">
        <v>39310.928469999999</v>
      </c>
      <c r="H2381">
        <v>35423.453999999998</v>
      </c>
      <c r="I2381">
        <v>16342.46048</v>
      </c>
      <c r="J2381">
        <v>35407.383549999999</v>
      </c>
      <c r="K2381">
        <v>45227.785400000001</v>
      </c>
      <c r="L2381">
        <v>18074.954239999999</v>
      </c>
      <c r="M2381">
        <v>247785.83799999999</v>
      </c>
      <c r="N2381">
        <v>72801.270699999994</v>
      </c>
      <c r="O2381">
        <v>23604.925899999998</v>
      </c>
      <c r="P2381">
        <v>28127.290679999998</v>
      </c>
      <c r="Q2381">
        <v>74663.364610000004</v>
      </c>
      <c r="R2381">
        <v>21933.80099</v>
      </c>
      <c r="S2381">
        <v>75378.36275</v>
      </c>
      <c r="T2381">
        <v>20644.178230000001</v>
      </c>
      <c r="U2381">
        <v>15020.9794</v>
      </c>
      <c r="W2381" s="83">
        <f>Bühler!N2413</f>
        <v>45391.12499999423</v>
      </c>
      <c r="X2381" s="83">
        <v>43200.125</v>
      </c>
      <c r="Y2381">
        <v>184327.43049999999</v>
      </c>
      <c r="Z2381">
        <v>14021.512339999999</v>
      </c>
      <c r="AA2381">
        <v>51256.805220000002</v>
      </c>
      <c r="AB2381">
        <v>39310.928469999999</v>
      </c>
      <c r="AC2381">
        <v>35423.453999999998</v>
      </c>
      <c r="AD2381">
        <v>16342.46048</v>
      </c>
      <c r="AE2381">
        <v>35407.383549999999</v>
      </c>
      <c r="AF2381">
        <v>45227.785400000001</v>
      </c>
      <c r="AG2381">
        <v>18074.954239999999</v>
      </c>
      <c r="AH2381">
        <v>247785.83799999999</v>
      </c>
      <c r="AI2381">
        <v>72801.270699999994</v>
      </c>
      <c r="AJ2381">
        <v>23604.925899999998</v>
      </c>
      <c r="AK2381">
        <v>28127.290679999998</v>
      </c>
      <c r="AL2381">
        <v>74663.364610000004</v>
      </c>
      <c r="AM2381">
        <v>21933.80099</v>
      </c>
      <c r="AN2381">
        <v>75378.36275</v>
      </c>
      <c r="AO2381">
        <v>20644.178230000001</v>
      </c>
      <c r="AP2381">
        <v>15020.9794</v>
      </c>
    </row>
    <row r="2382" spans="2:42" x14ac:dyDescent="0.3">
      <c r="B2382">
        <v>51.841423787573554</v>
      </c>
      <c r="C2382" s="83">
        <v>43200.166666666664</v>
      </c>
      <c r="D2382">
        <v>198465.571</v>
      </c>
      <c r="E2382">
        <v>14965.785110000001</v>
      </c>
      <c r="F2382">
        <v>55064.982859999996</v>
      </c>
      <c r="G2382">
        <v>39282.053449999999</v>
      </c>
      <c r="H2382">
        <v>36649.712570000003</v>
      </c>
      <c r="I2382">
        <v>19173.552210000002</v>
      </c>
      <c r="J2382">
        <v>38201.571300000003</v>
      </c>
      <c r="K2382">
        <v>43494.936979999999</v>
      </c>
      <c r="L2382">
        <v>18071.65798</v>
      </c>
      <c r="M2382">
        <v>264311.75429999997</v>
      </c>
      <c r="N2382">
        <v>74266.494359999997</v>
      </c>
      <c r="O2382">
        <v>23906.28816</v>
      </c>
      <c r="P2382">
        <v>28136.244600000002</v>
      </c>
      <c r="Q2382">
        <v>81704.579509999996</v>
      </c>
      <c r="R2382">
        <v>22012.37198</v>
      </c>
      <c r="S2382">
        <v>75714.51195</v>
      </c>
      <c r="T2382">
        <v>21210.368640000001</v>
      </c>
      <c r="U2382">
        <v>16401.181700000001</v>
      </c>
      <c r="W2382" s="83">
        <f>Bühler!N2414</f>
        <v>45391.166666660894</v>
      </c>
      <c r="X2382" s="83">
        <v>43200.166666666664</v>
      </c>
      <c r="Y2382">
        <v>198465.571</v>
      </c>
      <c r="Z2382">
        <v>14965.785110000001</v>
      </c>
      <c r="AA2382">
        <v>55064.982859999996</v>
      </c>
      <c r="AB2382">
        <v>39282.053449999999</v>
      </c>
      <c r="AC2382">
        <v>36649.712570000003</v>
      </c>
      <c r="AD2382">
        <v>19173.552210000002</v>
      </c>
      <c r="AE2382">
        <v>38201.571300000003</v>
      </c>
      <c r="AF2382">
        <v>43494.936979999999</v>
      </c>
      <c r="AG2382">
        <v>18071.65798</v>
      </c>
      <c r="AH2382">
        <v>264311.75429999997</v>
      </c>
      <c r="AI2382">
        <v>74266.494359999997</v>
      </c>
      <c r="AJ2382">
        <v>23906.28816</v>
      </c>
      <c r="AK2382">
        <v>28136.244600000002</v>
      </c>
      <c r="AL2382">
        <v>81704.579509999996</v>
      </c>
      <c r="AM2382">
        <v>22012.37198</v>
      </c>
      <c r="AN2382">
        <v>75714.51195</v>
      </c>
      <c r="AO2382">
        <v>21210.368640000001</v>
      </c>
      <c r="AP2382">
        <v>16401.181700000001</v>
      </c>
    </row>
    <row r="2383" spans="2:42" x14ac:dyDescent="0.3">
      <c r="B2383">
        <v>57.143052216022134</v>
      </c>
      <c r="C2383" s="83">
        <v>43200.208333333336</v>
      </c>
      <c r="D2383">
        <v>230930.6011</v>
      </c>
      <c r="E2383">
        <v>17579.41359</v>
      </c>
      <c r="F2383">
        <v>65829.291700000002</v>
      </c>
      <c r="G2383">
        <v>42068.601609999998</v>
      </c>
      <c r="H2383">
        <v>39091.018239999998</v>
      </c>
      <c r="I2383">
        <v>28915.506679999999</v>
      </c>
      <c r="J2383">
        <v>41552.308620000003</v>
      </c>
      <c r="K2383">
        <v>45473.560360000003</v>
      </c>
      <c r="L2383">
        <v>19251.127329999999</v>
      </c>
      <c r="M2383">
        <v>291341.92839999998</v>
      </c>
      <c r="N2383">
        <v>77032.246320000006</v>
      </c>
      <c r="O2383">
        <v>24549.681410000001</v>
      </c>
      <c r="P2383">
        <v>29429.39906</v>
      </c>
      <c r="Q2383">
        <v>87675.395730000004</v>
      </c>
      <c r="R2383">
        <v>24786.802</v>
      </c>
      <c r="S2383">
        <v>78775.428249999997</v>
      </c>
      <c r="T2383">
        <v>22812.218199999999</v>
      </c>
      <c r="U2383">
        <v>19003.409940000001</v>
      </c>
      <c r="W2383" s="83">
        <f>Bühler!N2415</f>
        <v>45391.208333327559</v>
      </c>
      <c r="X2383" s="83">
        <v>43200.208333333336</v>
      </c>
      <c r="Y2383">
        <v>230930.6011</v>
      </c>
      <c r="Z2383">
        <v>17579.41359</v>
      </c>
      <c r="AA2383">
        <v>65829.291700000002</v>
      </c>
      <c r="AB2383">
        <v>42068.601609999998</v>
      </c>
      <c r="AC2383">
        <v>39091.018239999998</v>
      </c>
      <c r="AD2383">
        <v>28915.506679999999</v>
      </c>
      <c r="AE2383">
        <v>41552.308620000003</v>
      </c>
      <c r="AF2383">
        <v>45473.560360000003</v>
      </c>
      <c r="AG2383">
        <v>19251.127329999999</v>
      </c>
      <c r="AH2383">
        <v>291341.92839999998</v>
      </c>
      <c r="AI2383">
        <v>77032.246320000006</v>
      </c>
      <c r="AJ2383">
        <v>24549.681410000001</v>
      </c>
      <c r="AK2383">
        <v>29429.39906</v>
      </c>
      <c r="AL2383">
        <v>87675.395730000004</v>
      </c>
      <c r="AM2383">
        <v>24786.802</v>
      </c>
      <c r="AN2383">
        <v>78775.428249999997</v>
      </c>
      <c r="AO2383">
        <v>22812.218199999999</v>
      </c>
      <c r="AP2383">
        <v>19003.409940000001</v>
      </c>
    </row>
    <row r="2384" spans="2:42" x14ac:dyDescent="0.3">
      <c r="B2384">
        <v>62.257434316659541</v>
      </c>
      <c r="C2384" s="83">
        <v>43200.25</v>
      </c>
      <c r="D2384">
        <v>259738.31469999999</v>
      </c>
      <c r="E2384">
        <v>22344.191879999998</v>
      </c>
      <c r="F2384">
        <v>79928.845730000001</v>
      </c>
      <c r="G2384">
        <v>56193.252540000001</v>
      </c>
      <c r="H2384">
        <v>42982.969230000002</v>
      </c>
      <c r="I2384">
        <v>38703.132980000002</v>
      </c>
      <c r="J2384">
        <v>46214.246939999997</v>
      </c>
      <c r="K2384">
        <v>48846.317170000002</v>
      </c>
      <c r="L2384">
        <v>21520.357469999999</v>
      </c>
      <c r="M2384">
        <v>317417.43339999998</v>
      </c>
      <c r="N2384">
        <v>80093.811870000005</v>
      </c>
      <c r="O2384">
        <v>25957.568940000001</v>
      </c>
      <c r="P2384">
        <v>30305.038359999999</v>
      </c>
      <c r="Q2384">
        <v>90669.926080000005</v>
      </c>
      <c r="R2384">
        <v>20266.731759999999</v>
      </c>
      <c r="S2384">
        <v>87623.157640000005</v>
      </c>
      <c r="T2384">
        <v>26251.89662</v>
      </c>
      <c r="U2384">
        <v>21427.492900000001</v>
      </c>
      <c r="W2384" s="83">
        <f>Bühler!N2416</f>
        <v>45391.249999994223</v>
      </c>
      <c r="X2384" s="83">
        <v>43200.25</v>
      </c>
      <c r="Y2384">
        <v>259738.31469999999</v>
      </c>
      <c r="Z2384">
        <v>22344.191879999998</v>
      </c>
      <c r="AA2384">
        <v>79928.845730000001</v>
      </c>
      <c r="AB2384">
        <v>56193.252540000001</v>
      </c>
      <c r="AC2384">
        <v>42982.969230000002</v>
      </c>
      <c r="AD2384">
        <v>38703.132980000002</v>
      </c>
      <c r="AE2384">
        <v>46214.246939999997</v>
      </c>
      <c r="AF2384">
        <v>48846.317170000002</v>
      </c>
      <c r="AG2384">
        <v>21520.357469999999</v>
      </c>
      <c r="AH2384">
        <v>317417.43339999998</v>
      </c>
      <c r="AI2384">
        <v>80093.811870000005</v>
      </c>
      <c r="AJ2384">
        <v>25957.568940000001</v>
      </c>
      <c r="AK2384">
        <v>30305.038359999999</v>
      </c>
      <c r="AL2384">
        <v>90669.926080000005</v>
      </c>
      <c r="AM2384">
        <v>20266.731759999999</v>
      </c>
      <c r="AN2384">
        <v>87623.157640000005</v>
      </c>
      <c r="AO2384">
        <v>26251.89662</v>
      </c>
      <c r="AP2384">
        <v>21427.492900000001</v>
      </c>
    </row>
    <row r="2385" spans="2:42" x14ac:dyDescent="0.3">
      <c r="B2385">
        <v>64.729403798204828</v>
      </c>
      <c r="C2385" s="83">
        <v>43200.291666666664</v>
      </c>
      <c r="D2385">
        <v>280152.19620000001</v>
      </c>
      <c r="E2385">
        <v>27042.073199999999</v>
      </c>
      <c r="F2385">
        <v>83981.48891</v>
      </c>
      <c r="G2385">
        <v>67771.011769999997</v>
      </c>
      <c r="H2385">
        <v>48104.777390000003</v>
      </c>
      <c r="I2385">
        <v>47700.147169999997</v>
      </c>
      <c r="J2385">
        <v>46560.972979999999</v>
      </c>
      <c r="K2385">
        <v>53788.892460000003</v>
      </c>
      <c r="L2385">
        <v>24424.81885</v>
      </c>
      <c r="M2385">
        <v>330020.68660000002</v>
      </c>
      <c r="N2385">
        <v>85969.591079999998</v>
      </c>
      <c r="O2385">
        <v>28865.02332</v>
      </c>
      <c r="P2385">
        <v>32998.687389999999</v>
      </c>
      <c r="Q2385">
        <v>91596.94455</v>
      </c>
      <c r="R2385">
        <v>21351.867989999999</v>
      </c>
      <c r="S2385">
        <v>103456.00199999999</v>
      </c>
      <c r="T2385">
        <v>30527.904419999999</v>
      </c>
      <c r="U2385">
        <v>25664.999769999999</v>
      </c>
      <c r="W2385" s="83">
        <f>Bühler!N2417</f>
        <v>45391.291666660887</v>
      </c>
      <c r="X2385" s="83">
        <v>43200.291666666664</v>
      </c>
      <c r="Y2385">
        <v>280152.19620000001</v>
      </c>
      <c r="Z2385">
        <v>27042.073199999999</v>
      </c>
      <c r="AA2385">
        <v>83981.48891</v>
      </c>
      <c r="AB2385">
        <v>67771.011769999997</v>
      </c>
      <c r="AC2385">
        <v>48104.777390000003</v>
      </c>
      <c r="AD2385">
        <v>47700.147169999997</v>
      </c>
      <c r="AE2385">
        <v>46560.972979999999</v>
      </c>
      <c r="AF2385">
        <v>53788.892460000003</v>
      </c>
      <c r="AG2385">
        <v>24424.81885</v>
      </c>
      <c r="AH2385">
        <v>330020.68660000002</v>
      </c>
      <c r="AI2385">
        <v>85969.591079999998</v>
      </c>
      <c r="AJ2385">
        <v>28865.02332</v>
      </c>
      <c r="AK2385">
        <v>32998.687389999999</v>
      </c>
      <c r="AL2385">
        <v>91596.94455</v>
      </c>
      <c r="AM2385">
        <v>21351.867989999999</v>
      </c>
      <c r="AN2385">
        <v>103456.00199999999</v>
      </c>
      <c r="AO2385">
        <v>30527.904419999999</v>
      </c>
      <c r="AP2385">
        <v>25664.999769999999</v>
      </c>
    </row>
    <row r="2386" spans="2:42" x14ac:dyDescent="0.3">
      <c r="B2386">
        <v>64.109791293557336</v>
      </c>
      <c r="C2386" s="83">
        <v>43200.333333333336</v>
      </c>
      <c r="D2386">
        <v>293179.20569999999</v>
      </c>
      <c r="E2386">
        <v>33085.854899999998</v>
      </c>
      <c r="F2386">
        <v>89934.995989999996</v>
      </c>
      <c r="G2386">
        <v>83241.108949999994</v>
      </c>
      <c r="H2386">
        <v>53642.627950000002</v>
      </c>
      <c r="I2386">
        <v>50038.95463</v>
      </c>
      <c r="J2386">
        <v>46845.13149</v>
      </c>
      <c r="K2386">
        <v>59372.495479999998</v>
      </c>
      <c r="L2386">
        <v>27115.570919999998</v>
      </c>
      <c r="M2386">
        <v>326861.61310000002</v>
      </c>
      <c r="N2386">
        <v>94137.004149999993</v>
      </c>
      <c r="O2386">
        <v>30024.713640000002</v>
      </c>
      <c r="P2386">
        <v>34494.725879999998</v>
      </c>
      <c r="Q2386">
        <v>92897.092709999997</v>
      </c>
      <c r="R2386">
        <v>23166.573090000002</v>
      </c>
      <c r="S2386">
        <v>115120.84669999999</v>
      </c>
      <c r="T2386">
        <v>33977.477980000003</v>
      </c>
      <c r="U2386">
        <v>29001.47565</v>
      </c>
      <c r="W2386" s="83">
        <f>Bühler!N2418</f>
        <v>45391.333333327551</v>
      </c>
      <c r="X2386" s="83">
        <v>43200.333333333336</v>
      </c>
      <c r="Y2386">
        <v>293179.20569999999</v>
      </c>
      <c r="Z2386">
        <v>33085.854899999998</v>
      </c>
      <c r="AA2386">
        <v>89934.995989999996</v>
      </c>
      <c r="AB2386">
        <v>83241.108949999994</v>
      </c>
      <c r="AC2386">
        <v>53642.627950000002</v>
      </c>
      <c r="AD2386">
        <v>50038.95463</v>
      </c>
      <c r="AE2386">
        <v>46845.13149</v>
      </c>
      <c r="AF2386">
        <v>59372.495479999998</v>
      </c>
      <c r="AG2386">
        <v>27115.570919999998</v>
      </c>
      <c r="AH2386">
        <v>326861.61310000002</v>
      </c>
      <c r="AI2386">
        <v>94137.004149999993</v>
      </c>
      <c r="AJ2386">
        <v>30024.713640000002</v>
      </c>
      <c r="AK2386">
        <v>34494.725879999998</v>
      </c>
      <c r="AL2386">
        <v>92897.092709999997</v>
      </c>
      <c r="AM2386">
        <v>23166.573090000002</v>
      </c>
      <c r="AN2386">
        <v>115120.84669999999</v>
      </c>
      <c r="AO2386">
        <v>33977.477980000003</v>
      </c>
      <c r="AP2386">
        <v>29001.47565</v>
      </c>
    </row>
    <row r="2387" spans="2:42" x14ac:dyDescent="0.3">
      <c r="B2387">
        <v>65.999201157996112</v>
      </c>
      <c r="C2387" s="83">
        <v>43200.375</v>
      </c>
      <c r="D2387">
        <v>297511.79670000001</v>
      </c>
      <c r="E2387">
        <v>36635.813710000002</v>
      </c>
      <c r="F2387">
        <v>94903.078229999999</v>
      </c>
      <c r="G2387">
        <v>92623.606050000002</v>
      </c>
      <c r="H2387">
        <v>55759.578419999998</v>
      </c>
      <c r="I2387">
        <v>45698.560590000001</v>
      </c>
      <c r="J2387">
        <v>47275.358399999997</v>
      </c>
      <c r="K2387">
        <v>61357.396059999999</v>
      </c>
      <c r="L2387">
        <v>30118.749159999999</v>
      </c>
      <c r="M2387">
        <v>336494.70569999999</v>
      </c>
      <c r="N2387">
        <v>100659.92539999999</v>
      </c>
      <c r="O2387">
        <v>30050.318210000001</v>
      </c>
      <c r="P2387">
        <v>37549.199769999999</v>
      </c>
      <c r="Q2387">
        <v>93976.850139999995</v>
      </c>
      <c r="R2387">
        <v>23547.34374</v>
      </c>
      <c r="S2387">
        <v>121540.6116</v>
      </c>
      <c r="T2387">
        <v>35952.407700000003</v>
      </c>
      <c r="U2387">
        <v>27519.5929</v>
      </c>
      <c r="W2387" s="83">
        <f>Bühler!N2419</f>
        <v>45391.374999994216</v>
      </c>
      <c r="X2387" s="83">
        <v>43200.375</v>
      </c>
      <c r="Y2387">
        <v>297511.79670000001</v>
      </c>
      <c r="Z2387">
        <v>36635.813710000002</v>
      </c>
      <c r="AA2387">
        <v>94903.078229999999</v>
      </c>
      <c r="AB2387">
        <v>92623.606050000002</v>
      </c>
      <c r="AC2387">
        <v>55759.578419999998</v>
      </c>
      <c r="AD2387">
        <v>45698.560590000001</v>
      </c>
      <c r="AE2387">
        <v>47275.358399999997</v>
      </c>
      <c r="AF2387">
        <v>61357.396059999999</v>
      </c>
      <c r="AG2387">
        <v>30118.749159999999</v>
      </c>
      <c r="AH2387">
        <v>336494.70569999999</v>
      </c>
      <c r="AI2387">
        <v>100659.92539999999</v>
      </c>
      <c r="AJ2387">
        <v>30050.318210000001</v>
      </c>
      <c r="AK2387">
        <v>37549.199769999999</v>
      </c>
      <c r="AL2387">
        <v>93976.850139999995</v>
      </c>
      <c r="AM2387">
        <v>23547.34374</v>
      </c>
      <c r="AN2387">
        <v>121540.6116</v>
      </c>
      <c r="AO2387">
        <v>35952.407700000003</v>
      </c>
      <c r="AP2387">
        <v>27519.5929</v>
      </c>
    </row>
    <row r="2388" spans="2:42" x14ac:dyDescent="0.3">
      <c r="B2388">
        <v>67.911087389309571</v>
      </c>
      <c r="C2388" s="83">
        <v>43200.416666666664</v>
      </c>
      <c r="D2388">
        <v>301692.36330000003</v>
      </c>
      <c r="E2388">
        <v>37858.46297</v>
      </c>
      <c r="F2388">
        <v>95858.700930000006</v>
      </c>
      <c r="G2388">
        <v>93219.027300000002</v>
      </c>
      <c r="H2388">
        <v>55513.003980000001</v>
      </c>
      <c r="I2388">
        <v>40938.047380000004</v>
      </c>
      <c r="J2388">
        <v>45444.071190000002</v>
      </c>
      <c r="K2388">
        <v>63405.031580000003</v>
      </c>
      <c r="L2388">
        <v>32534.92136</v>
      </c>
      <c r="M2388">
        <v>346242.3933</v>
      </c>
      <c r="N2388">
        <v>102310.25689999999</v>
      </c>
      <c r="O2388">
        <v>30143.093000000001</v>
      </c>
      <c r="P2388">
        <v>37785.846550000002</v>
      </c>
      <c r="Q2388">
        <v>95072.358080000005</v>
      </c>
      <c r="R2388">
        <v>24319.511040000001</v>
      </c>
      <c r="S2388">
        <v>123437.2597</v>
      </c>
      <c r="T2388">
        <v>37293.614829999999</v>
      </c>
      <c r="U2388">
        <v>26818.496599999999</v>
      </c>
      <c r="W2388" s="83">
        <f>Bühler!N2420</f>
        <v>45391.41666666088</v>
      </c>
      <c r="X2388" s="83">
        <v>43200.416666666664</v>
      </c>
      <c r="Y2388">
        <v>301692.36330000003</v>
      </c>
      <c r="Z2388">
        <v>37858.46297</v>
      </c>
      <c r="AA2388">
        <v>95858.700930000006</v>
      </c>
      <c r="AB2388">
        <v>93219.027300000002</v>
      </c>
      <c r="AC2388">
        <v>55513.003980000001</v>
      </c>
      <c r="AD2388">
        <v>40938.047380000004</v>
      </c>
      <c r="AE2388">
        <v>45444.071190000002</v>
      </c>
      <c r="AF2388">
        <v>63405.031580000003</v>
      </c>
      <c r="AG2388">
        <v>32534.92136</v>
      </c>
      <c r="AH2388">
        <v>346242.3933</v>
      </c>
      <c r="AI2388">
        <v>102310.25689999999</v>
      </c>
      <c r="AJ2388">
        <v>30143.093000000001</v>
      </c>
      <c r="AK2388">
        <v>37785.846550000002</v>
      </c>
      <c r="AL2388">
        <v>95072.358080000005</v>
      </c>
      <c r="AM2388">
        <v>24319.511040000001</v>
      </c>
      <c r="AN2388">
        <v>123437.2597</v>
      </c>
      <c r="AO2388">
        <v>37293.614829999999</v>
      </c>
      <c r="AP2388">
        <v>26818.496599999999</v>
      </c>
    </row>
    <row r="2389" spans="2:42" x14ac:dyDescent="0.3">
      <c r="B2389">
        <v>68.638024482038986</v>
      </c>
      <c r="C2389" s="83">
        <v>43200.458333333336</v>
      </c>
      <c r="D2389">
        <v>299596.87670000002</v>
      </c>
      <c r="E2389">
        <v>37220.520349999999</v>
      </c>
      <c r="F2389">
        <v>96080.12775</v>
      </c>
      <c r="G2389">
        <v>91153.249620000002</v>
      </c>
      <c r="H2389">
        <v>54982.493640000001</v>
      </c>
      <c r="I2389">
        <v>39862.433069999999</v>
      </c>
      <c r="J2389">
        <v>44293.649830000002</v>
      </c>
      <c r="K2389">
        <v>64219.473180000001</v>
      </c>
      <c r="L2389">
        <v>33131.19947</v>
      </c>
      <c r="M2389">
        <v>349948.65759999998</v>
      </c>
      <c r="N2389">
        <v>101847.8386</v>
      </c>
      <c r="O2389">
        <v>29588.26152</v>
      </c>
      <c r="P2389">
        <v>36621.975400000003</v>
      </c>
      <c r="Q2389">
        <v>95150.996020000006</v>
      </c>
      <c r="R2389">
        <v>25981.345509999999</v>
      </c>
      <c r="S2389">
        <v>123347.0159</v>
      </c>
      <c r="T2389">
        <v>37298.424740000002</v>
      </c>
      <c r="U2389">
        <v>25638.891540000001</v>
      </c>
      <c r="W2389" s="83">
        <f>Bühler!N2421</f>
        <v>45391.458333327544</v>
      </c>
      <c r="X2389" s="83">
        <v>43200.458333333336</v>
      </c>
      <c r="Y2389">
        <v>299596.87670000002</v>
      </c>
      <c r="Z2389">
        <v>37220.520349999999</v>
      </c>
      <c r="AA2389">
        <v>96080.12775</v>
      </c>
      <c r="AB2389">
        <v>91153.249620000002</v>
      </c>
      <c r="AC2389">
        <v>54982.493640000001</v>
      </c>
      <c r="AD2389">
        <v>39862.433069999999</v>
      </c>
      <c r="AE2389">
        <v>44293.649830000002</v>
      </c>
      <c r="AF2389">
        <v>64219.473180000001</v>
      </c>
      <c r="AG2389">
        <v>33131.19947</v>
      </c>
      <c r="AH2389">
        <v>349948.65759999998</v>
      </c>
      <c r="AI2389">
        <v>101847.8386</v>
      </c>
      <c r="AJ2389">
        <v>29588.26152</v>
      </c>
      <c r="AK2389">
        <v>36621.975400000003</v>
      </c>
      <c r="AL2389">
        <v>95150.996020000006</v>
      </c>
      <c r="AM2389">
        <v>25981.345509999999</v>
      </c>
      <c r="AN2389">
        <v>123347.0159</v>
      </c>
      <c r="AO2389">
        <v>37298.424740000002</v>
      </c>
      <c r="AP2389">
        <v>25638.891540000001</v>
      </c>
    </row>
    <row r="2390" spans="2:42" x14ac:dyDescent="0.3">
      <c r="B2390">
        <v>67.305522344269832</v>
      </c>
      <c r="C2390" s="83">
        <v>43200.5</v>
      </c>
      <c r="D2390">
        <v>285698.20600000001</v>
      </c>
      <c r="E2390">
        <v>33273.097119999999</v>
      </c>
      <c r="F2390">
        <v>88549.827839999998</v>
      </c>
      <c r="G2390">
        <v>90367.793529999995</v>
      </c>
      <c r="H2390">
        <v>51949.437819999999</v>
      </c>
      <c r="I2390">
        <v>38231.157019999999</v>
      </c>
      <c r="J2390">
        <v>43617.489959999999</v>
      </c>
      <c r="K2390">
        <v>59880.277020000001</v>
      </c>
      <c r="L2390">
        <v>35640.837359999998</v>
      </c>
      <c r="M2390">
        <v>343154.94030000002</v>
      </c>
      <c r="N2390">
        <v>97847.032739999995</v>
      </c>
      <c r="O2390">
        <v>27810.232830000001</v>
      </c>
      <c r="P2390">
        <v>36850.420270000002</v>
      </c>
      <c r="Q2390">
        <v>94159.833100000003</v>
      </c>
      <c r="R2390">
        <v>25744.19886</v>
      </c>
      <c r="S2390">
        <v>116670.2997</v>
      </c>
      <c r="T2390">
        <v>36832.66921</v>
      </c>
      <c r="U2390">
        <v>21449.316719999999</v>
      </c>
      <c r="W2390" s="83">
        <f>Bühler!N2422</f>
        <v>45391.499999994208</v>
      </c>
      <c r="X2390" s="83">
        <v>43200.5</v>
      </c>
      <c r="Y2390">
        <v>285698.20600000001</v>
      </c>
      <c r="Z2390">
        <v>33273.097119999999</v>
      </c>
      <c r="AA2390">
        <v>88549.827839999998</v>
      </c>
      <c r="AB2390">
        <v>90367.793529999995</v>
      </c>
      <c r="AC2390">
        <v>51949.437819999999</v>
      </c>
      <c r="AD2390">
        <v>38231.157019999999</v>
      </c>
      <c r="AE2390">
        <v>43617.489959999999</v>
      </c>
      <c r="AF2390">
        <v>59880.277020000001</v>
      </c>
      <c r="AG2390">
        <v>35640.837359999998</v>
      </c>
      <c r="AH2390">
        <v>343154.94030000002</v>
      </c>
      <c r="AI2390">
        <v>97847.032739999995</v>
      </c>
      <c r="AJ2390">
        <v>27810.232830000001</v>
      </c>
      <c r="AK2390">
        <v>36850.420270000002</v>
      </c>
      <c r="AL2390">
        <v>94159.833100000003</v>
      </c>
      <c r="AM2390">
        <v>25744.19886</v>
      </c>
      <c r="AN2390">
        <v>116670.2997</v>
      </c>
      <c r="AO2390">
        <v>36832.66921</v>
      </c>
      <c r="AP2390">
        <v>21449.316719999999</v>
      </c>
    </row>
    <row r="2391" spans="2:42" x14ac:dyDescent="0.3">
      <c r="B2391">
        <v>66.74465330871918</v>
      </c>
      <c r="C2391" s="83">
        <v>43200.541666666664</v>
      </c>
      <c r="D2391">
        <v>288874.76199999999</v>
      </c>
      <c r="E2391">
        <v>33282.826269999998</v>
      </c>
      <c r="F2391">
        <v>83710.25232</v>
      </c>
      <c r="G2391">
        <v>85155.009600000005</v>
      </c>
      <c r="H2391">
        <v>52405.334260000003</v>
      </c>
      <c r="I2391">
        <v>37789.089979999997</v>
      </c>
      <c r="J2391">
        <v>42980.484799999998</v>
      </c>
      <c r="K2391">
        <v>61572.861799999999</v>
      </c>
      <c r="L2391">
        <v>33217.723669999999</v>
      </c>
      <c r="M2391">
        <v>340295.36839999998</v>
      </c>
      <c r="N2391">
        <v>96874.657229999997</v>
      </c>
      <c r="O2391">
        <v>28330.431530000002</v>
      </c>
      <c r="P2391">
        <v>36385.863960000002</v>
      </c>
      <c r="Q2391">
        <v>93278.633900000001</v>
      </c>
      <c r="R2391">
        <v>25126.694189999998</v>
      </c>
      <c r="S2391">
        <v>115786.88009999999</v>
      </c>
      <c r="T2391">
        <v>35365.34059</v>
      </c>
      <c r="U2391">
        <v>22905.851259999999</v>
      </c>
      <c r="W2391" s="83">
        <f>Bühler!N2423</f>
        <v>45391.541666660873</v>
      </c>
      <c r="X2391" s="83">
        <v>43200.541666666664</v>
      </c>
      <c r="Y2391">
        <v>288874.76199999999</v>
      </c>
      <c r="Z2391">
        <v>33282.826269999998</v>
      </c>
      <c r="AA2391">
        <v>83710.25232</v>
      </c>
      <c r="AB2391">
        <v>85155.009600000005</v>
      </c>
      <c r="AC2391">
        <v>52405.334260000003</v>
      </c>
      <c r="AD2391">
        <v>37789.089979999997</v>
      </c>
      <c r="AE2391">
        <v>42980.484799999998</v>
      </c>
      <c r="AF2391">
        <v>61572.861799999999</v>
      </c>
      <c r="AG2391">
        <v>33217.723669999999</v>
      </c>
      <c r="AH2391">
        <v>340295.36839999998</v>
      </c>
      <c r="AI2391">
        <v>96874.657229999997</v>
      </c>
      <c r="AJ2391">
        <v>28330.431530000002</v>
      </c>
      <c r="AK2391">
        <v>36385.863960000002</v>
      </c>
      <c r="AL2391">
        <v>93278.633900000001</v>
      </c>
      <c r="AM2391">
        <v>25126.694189999998</v>
      </c>
      <c r="AN2391">
        <v>115786.88009999999</v>
      </c>
      <c r="AO2391">
        <v>35365.34059</v>
      </c>
      <c r="AP2391">
        <v>22905.851259999999</v>
      </c>
    </row>
    <row r="2392" spans="2:42" x14ac:dyDescent="0.3">
      <c r="B2392">
        <v>67.154049833086432</v>
      </c>
      <c r="C2392" s="83">
        <v>43200.583333333336</v>
      </c>
      <c r="D2392">
        <v>291531.50809999998</v>
      </c>
      <c r="E2392">
        <v>35702.59837</v>
      </c>
      <c r="F2392">
        <v>92707.844930000007</v>
      </c>
      <c r="G2392">
        <v>78580.153009999995</v>
      </c>
      <c r="H2392">
        <v>52174.832260000003</v>
      </c>
      <c r="I2392">
        <v>38161.332309999998</v>
      </c>
      <c r="J2392">
        <v>42598.299780000001</v>
      </c>
      <c r="K2392">
        <v>64263.241479999997</v>
      </c>
      <c r="L2392">
        <v>29427.898369999999</v>
      </c>
      <c r="M2392">
        <v>342382.66279999999</v>
      </c>
      <c r="N2392">
        <v>97165.994789999997</v>
      </c>
      <c r="O2392">
        <v>27329.175770000002</v>
      </c>
      <c r="P2392">
        <v>32036.49638</v>
      </c>
      <c r="Q2392">
        <v>93042.388699999996</v>
      </c>
      <c r="R2392">
        <v>23716.741580000002</v>
      </c>
      <c r="S2392">
        <v>106943.38159999999</v>
      </c>
      <c r="T2392">
        <v>32882.319580000003</v>
      </c>
      <c r="U2392">
        <v>22494.562140000002</v>
      </c>
      <c r="W2392" s="83">
        <f>Bühler!N2424</f>
        <v>45391.583333327537</v>
      </c>
      <c r="X2392" s="83">
        <v>43200.583333333336</v>
      </c>
      <c r="Y2392">
        <v>291531.50809999998</v>
      </c>
      <c r="Z2392">
        <v>35702.59837</v>
      </c>
      <c r="AA2392">
        <v>92707.844930000007</v>
      </c>
      <c r="AB2392">
        <v>78580.153009999995</v>
      </c>
      <c r="AC2392">
        <v>52174.832260000003</v>
      </c>
      <c r="AD2392">
        <v>38161.332309999998</v>
      </c>
      <c r="AE2392">
        <v>42598.299780000001</v>
      </c>
      <c r="AF2392">
        <v>64263.241479999997</v>
      </c>
      <c r="AG2392">
        <v>29427.898369999999</v>
      </c>
      <c r="AH2392">
        <v>342382.66279999999</v>
      </c>
      <c r="AI2392">
        <v>97165.994789999997</v>
      </c>
      <c r="AJ2392">
        <v>27329.175770000002</v>
      </c>
      <c r="AK2392">
        <v>32036.49638</v>
      </c>
      <c r="AL2392">
        <v>93042.388699999996</v>
      </c>
      <c r="AM2392">
        <v>23716.741580000002</v>
      </c>
      <c r="AN2392">
        <v>106943.38159999999</v>
      </c>
      <c r="AO2392">
        <v>32882.319580000003</v>
      </c>
      <c r="AP2392">
        <v>22494.562140000002</v>
      </c>
    </row>
    <row r="2393" spans="2:42" x14ac:dyDescent="0.3">
      <c r="B2393">
        <v>66.650212300834596</v>
      </c>
      <c r="C2393" s="83">
        <v>43200.625</v>
      </c>
      <c r="D2393">
        <v>290251.24410000001</v>
      </c>
      <c r="E2393">
        <v>35429.240510000003</v>
      </c>
      <c r="F2393">
        <v>93512.394809999998</v>
      </c>
      <c r="G2393">
        <v>74974.380300000004</v>
      </c>
      <c r="H2393">
        <v>50617.014810000001</v>
      </c>
      <c r="I2393">
        <v>38529.230880000003</v>
      </c>
      <c r="J2393">
        <v>41925.002520000002</v>
      </c>
      <c r="K2393">
        <v>62395.071669999998</v>
      </c>
      <c r="L2393">
        <v>26705.83107</v>
      </c>
      <c r="M2393">
        <v>339813.86410000001</v>
      </c>
      <c r="N2393">
        <v>95256.550390000004</v>
      </c>
      <c r="O2393">
        <v>26209.696080000002</v>
      </c>
      <c r="P2393">
        <v>30100.216840000001</v>
      </c>
      <c r="Q2393">
        <v>93034.422170000005</v>
      </c>
      <c r="R2393">
        <v>23717.042409999998</v>
      </c>
      <c r="S2393">
        <v>107236.21950000001</v>
      </c>
      <c r="T2393">
        <v>32278.17137</v>
      </c>
      <c r="U2393">
        <v>21847.184840000002</v>
      </c>
      <c r="W2393" s="83">
        <f>Bühler!N2425</f>
        <v>45391.624999994201</v>
      </c>
      <c r="X2393" s="83">
        <v>43200.625</v>
      </c>
      <c r="Y2393">
        <v>290251.24410000001</v>
      </c>
      <c r="Z2393">
        <v>35429.240510000003</v>
      </c>
      <c r="AA2393">
        <v>93512.394809999998</v>
      </c>
      <c r="AB2393">
        <v>74974.380300000004</v>
      </c>
      <c r="AC2393">
        <v>50617.014810000001</v>
      </c>
      <c r="AD2393">
        <v>38529.230880000003</v>
      </c>
      <c r="AE2393">
        <v>41925.002520000002</v>
      </c>
      <c r="AF2393">
        <v>62395.071669999998</v>
      </c>
      <c r="AG2393">
        <v>26705.83107</v>
      </c>
      <c r="AH2393">
        <v>339813.86410000001</v>
      </c>
      <c r="AI2393">
        <v>95256.550390000004</v>
      </c>
      <c r="AJ2393">
        <v>26209.696080000002</v>
      </c>
      <c r="AK2393">
        <v>30100.216840000001</v>
      </c>
      <c r="AL2393">
        <v>93034.422170000005</v>
      </c>
      <c r="AM2393">
        <v>23717.042409999998</v>
      </c>
      <c r="AN2393">
        <v>107236.21950000001</v>
      </c>
      <c r="AO2393">
        <v>32278.17137</v>
      </c>
      <c r="AP2393">
        <v>21847.184840000002</v>
      </c>
    </row>
    <row r="2394" spans="2:42" x14ac:dyDescent="0.3">
      <c r="B2394">
        <v>65.563680797348155</v>
      </c>
      <c r="C2394" s="83">
        <v>43200.666666666664</v>
      </c>
      <c r="D2394">
        <v>282176.19709999999</v>
      </c>
      <c r="E2394">
        <v>34408.437550000002</v>
      </c>
      <c r="F2394">
        <v>93244.054759999999</v>
      </c>
      <c r="G2394">
        <v>71140.464340000006</v>
      </c>
      <c r="H2394">
        <v>48502.138809999997</v>
      </c>
      <c r="I2394">
        <v>39762.031490000001</v>
      </c>
      <c r="J2394">
        <v>40855.962769999998</v>
      </c>
      <c r="K2394">
        <v>60494.375840000001</v>
      </c>
      <c r="L2394">
        <v>25341.34044</v>
      </c>
      <c r="M2394">
        <v>334274.21980000002</v>
      </c>
      <c r="N2394">
        <v>91427.684789999999</v>
      </c>
      <c r="O2394">
        <v>25495.269479999999</v>
      </c>
      <c r="P2394">
        <v>29162.300149999999</v>
      </c>
      <c r="Q2394">
        <v>92672.029569999999</v>
      </c>
      <c r="R2394">
        <v>23305.845979999998</v>
      </c>
      <c r="S2394">
        <v>104099.59450000001</v>
      </c>
      <c r="T2394">
        <v>31621.379239999998</v>
      </c>
      <c r="U2394">
        <v>20179.5399</v>
      </c>
      <c r="W2394" s="83">
        <f>Bühler!N2426</f>
        <v>45391.666666660865</v>
      </c>
      <c r="X2394" s="83">
        <v>43200.666666666664</v>
      </c>
      <c r="Y2394">
        <v>282176.19709999999</v>
      </c>
      <c r="Z2394">
        <v>34408.437550000002</v>
      </c>
      <c r="AA2394">
        <v>93244.054759999999</v>
      </c>
      <c r="AB2394">
        <v>71140.464340000006</v>
      </c>
      <c r="AC2394">
        <v>48502.138809999997</v>
      </c>
      <c r="AD2394">
        <v>39762.031490000001</v>
      </c>
      <c r="AE2394">
        <v>40855.962769999998</v>
      </c>
      <c r="AF2394">
        <v>60494.375840000001</v>
      </c>
      <c r="AG2394">
        <v>25341.34044</v>
      </c>
      <c r="AH2394">
        <v>334274.21980000002</v>
      </c>
      <c r="AI2394">
        <v>91427.684789999999</v>
      </c>
      <c r="AJ2394">
        <v>25495.269479999999</v>
      </c>
      <c r="AK2394">
        <v>29162.300149999999</v>
      </c>
      <c r="AL2394">
        <v>92672.029569999999</v>
      </c>
      <c r="AM2394">
        <v>23305.845979999998</v>
      </c>
      <c r="AN2394">
        <v>104099.59450000001</v>
      </c>
      <c r="AO2394">
        <v>31621.379239999998</v>
      </c>
      <c r="AP2394">
        <v>20179.5399</v>
      </c>
    </row>
    <row r="2395" spans="2:42" x14ac:dyDescent="0.3">
      <c r="B2395">
        <v>64.353784176233276</v>
      </c>
      <c r="C2395" s="83">
        <v>43200.708333333336</v>
      </c>
      <c r="D2395">
        <v>271066.8075</v>
      </c>
      <c r="E2395">
        <v>32396.492460000001</v>
      </c>
      <c r="F2395">
        <v>91322.97395</v>
      </c>
      <c r="G2395">
        <v>63754.938520000003</v>
      </c>
      <c r="H2395">
        <v>45898.477039999998</v>
      </c>
      <c r="I2395">
        <v>39314.95852</v>
      </c>
      <c r="J2395">
        <v>40734.591390000001</v>
      </c>
      <c r="K2395">
        <v>55879.949959999998</v>
      </c>
      <c r="L2395">
        <v>25408.636020000002</v>
      </c>
      <c r="M2395">
        <v>328105.60259999998</v>
      </c>
      <c r="N2395">
        <v>84950.169859999995</v>
      </c>
      <c r="O2395">
        <v>24594.133549999999</v>
      </c>
      <c r="P2395">
        <v>32174.084930000001</v>
      </c>
      <c r="Q2395">
        <v>90787.328680000006</v>
      </c>
      <c r="R2395">
        <v>23708.23515</v>
      </c>
      <c r="S2395">
        <v>100670.0808</v>
      </c>
      <c r="T2395">
        <v>30620.293839999998</v>
      </c>
      <c r="U2395">
        <v>17293.818729999999</v>
      </c>
      <c r="W2395" s="83">
        <f>Bühler!N2427</f>
        <v>45391.70833332753</v>
      </c>
      <c r="X2395" s="83">
        <v>43200.708333333336</v>
      </c>
      <c r="Y2395">
        <v>271066.8075</v>
      </c>
      <c r="Z2395">
        <v>32396.492460000001</v>
      </c>
      <c r="AA2395">
        <v>91322.97395</v>
      </c>
      <c r="AB2395">
        <v>63754.938520000003</v>
      </c>
      <c r="AC2395">
        <v>45898.477039999998</v>
      </c>
      <c r="AD2395">
        <v>39314.95852</v>
      </c>
      <c r="AE2395">
        <v>40734.591390000001</v>
      </c>
      <c r="AF2395">
        <v>55879.949959999998</v>
      </c>
      <c r="AG2395">
        <v>25408.636020000002</v>
      </c>
      <c r="AH2395">
        <v>328105.60259999998</v>
      </c>
      <c r="AI2395">
        <v>84950.169859999995</v>
      </c>
      <c r="AJ2395">
        <v>24594.133549999999</v>
      </c>
      <c r="AK2395">
        <v>32174.084930000001</v>
      </c>
      <c r="AL2395">
        <v>90787.328680000006</v>
      </c>
      <c r="AM2395">
        <v>23708.23515</v>
      </c>
      <c r="AN2395">
        <v>100670.0808</v>
      </c>
      <c r="AO2395">
        <v>30620.293839999998</v>
      </c>
      <c r="AP2395">
        <v>17293.818729999999</v>
      </c>
    </row>
    <row r="2396" spans="2:42" x14ac:dyDescent="0.3">
      <c r="B2396">
        <v>63.076436192897951</v>
      </c>
      <c r="C2396" s="83">
        <v>43200.75</v>
      </c>
      <c r="D2396">
        <v>263246.67979999998</v>
      </c>
      <c r="E2396">
        <v>28895.202379999999</v>
      </c>
      <c r="F2396">
        <v>89722.034490000005</v>
      </c>
      <c r="G2396">
        <v>55198.940609999998</v>
      </c>
      <c r="H2396">
        <v>43443.60946</v>
      </c>
      <c r="I2396">
        <v>38373.833120000003</v>
      </c>
      <c r="J2396">
        <v>40255.462529999997</v>
      </c>
      <c r="K2396">
        <v>53280.863680000002</v>
      </c>
      <c r="L2396">
        <v>26412.174660000001</v>
      </c>
      <c r="M2396">
        <v>321593.08689999999</v>
      </c>
      <c r="N2396">
        <v>82469.883379999999</v>
      </c>
      <c r="O2396">
        <v>22837.176619999998</v>
      </c>
      <c r="P2396">
        <v>33947.392999999996</v>
      </c>
      <c r="Q2396">
        <v>89612.109840000005</v>
      </c>
      <c r="R2396">
        <v>21784.632160000001</v>
      </c>
      <c r="S2396">
        <v>93627.447709999993</v>
      </c>
      <c r="T2396">
        <v>31777.173699999999</v>
      </c>
      <c r="U2396">
        <v>15894.48768</v>
      </c>
      <c r="W2396" s="83">
        <f>Bühler!N2428</f>
        <v>45391.749999994194</v>
      </c>
      <c r="X2396" s="83">
        <v>43200.75</v>
      </c>
      <c r="Y2396">
        <v>263246.67979999998</v>
      </c>
      <c r="Z2396">
        <v>28895.202379999999</v>
      </c>
      <c r="AA2396">
        <v>89722.034490000005</v>
      </c>
      <c r="AB2396">
        <v>55198.940609999998</v>
      </c>
      <c r="AC2396">
        <v>43443.60946</v>
      </c>
      <c r="AD2396">
        <v>38373.833120000003</v>
      </c>
      <c r="AE2396">
        <v>40255.462529999997</v>
      </c>
      <c r="AF2396">
        <v>53280.863680000002</v>
      </c>
      <c r="AG2396">
        <v>26412.174660000001</v>
      </c>
      <c r="AH2396">
        <v>321593.08689999999</v>
      </c>
      <c r="AI2396">
        <v>82469.883379999999</v>
      </c>
      <c r="AJ2396">
        <v>22837.176619999998</v>
      </c>
      <c r="AK2396">
        <v>33947.392999999996</v>
      </c>
      <c r="AL2396">
        <v>89612.109840000005</v>
      </c>
      <c r="AM2396">
        <v>21784.632160000001</v>
      </c>
      <c r="AN2396">
        <v>93627.447709999993</v>
      </c>
      <c r="AO2396">
        <v>31777.173699999999</v>
      </c>
      <c r="AP2396">
        <v>15894.48768</v>
      </c>
    </row>
    <row r="2397" spans="2:42" x14ac:dyDescent="0.3">
      <c r="B2397">
        <v>61.850478094760838</v>
      </c>
      <c r="C2397" s="83">
        <v>43200.791666666664</v>
      </c>
      <c r="D2397">
        <v>259231.92490000001</v>
      </c>
      <c r="E2397">
        <v>23618.528920000001</v>
      </c>
      <c r="F2397">
        <v>79543.440480000005</v>
      </c>
      <c r="G2397">
        <v>50860.861550000001</v>
      </c>
      <c r="H2397">
        <v>41471.139909999998</v>
      </c>
      <c r="I2397">
        <v>34683.747909999998</v>
      </c>
      <c r="J2397">
        <v>39651.392350000002</v>
      </c>
      <c r="K2397">
        <v>52128.592270000001</v>
      </c>
      <c r="L2397">
        <v>27548.823209999999</v>
      </c>
      <c r="M2397">
        <v>315342.5808</v>
      </c>
      <c r="N2397">
        <v>81742.099149999995</v>
      </c>
      <c r="O2397">
        <v>21619.370589999999</v>
      </c>
      <c r="P2397">
        <v>37098.207600000002</v>
      </c>
      <c r="Q2397">
        <v>87252.214129999993</v>
      </c>
      <c r="R2397">
        <v>20233.135900000001</v>
      </c>
      <c r="S2397">
        <v>89673.663520000002</v>
      </c>
      <c r="T2397">
        <v>32351.5753</v>
      </c>
      <c r="U2397">
        <v>15317.983829999999</v>
      </c>
      <c r="W2397" s="83">
        <f>Bühler!N2429</f>
        <v>45391.791666660858</v>
      </c>
      <c r="X2397" s="83">
        <v>43200.791666666664</v>
      </c>
      <c r="Y2397">
        <v>259231.92490000001</v>
      </c>
      <c r="Z2397">
        <v>23618.528920000001</v>
      </c>
      <c r="AA2397">
        <v>79543.440480000005</v>
      </c>
      <c r="AB2397">
        <v>50860.861550000001</v>
      </c>
      <c r="AC2397">
        <v>41471.139909999998</v>
      </c>
      <c r="AD2397">
        <v>34683.747909999998</v>
      </c>
      <c r="AE2397">
        <v>39651.392350000002</v>
      </c>
      <c r="AF2397">
        <v>52128.592270000001</v>
      </c>
      <c r="AG2397">
        <v>27548.823209999999</v>
      </c>
      <c r="AH2397">
        <v>315342.5808</v>
      </c>
      <c r="AI2397">
        <v>81742.099149999995</v>
      </c>
      <c r="AJ2397">
        <v>21619.370589999999</v>
      </c>
      <c r="AK2397">
        <v>37098.207600000002</v>
      </c>
      <c r="AL2397">
        <v>87252.214129999993</v>
      </c>
      <c r="AM2397">
        <v>20233.135900000001</v>
      </c>
      <c r="AN2397">
        <v>89673.663520000002</v>
      </c>
      <c r="AO2397">
        <v>32351.5753</v>
      </c>
      <c r="AP2397">
        <v>15317.983829999999</v>
      </c>
    </row>
    <row r="2398" spans="2:42" x14ac:dyDescent="0.3">
      <c r="B2398">
        <v>59.97136556220164</v>
      </c>
      <c r="C2398" s="83">
        <v>43200.833333333336</v>
      </c>
      <c r="D2398">
        <v>250163.95559999999</v>
      </c>
      <c r="E2398">
        <v>18116.97277</v>
      </c>
      <c r="F2398">
        <v>62016.241849999999</v>
      </c>
      <c r="G2398">
        <v>47133.226390000003</v>
      </c>
      <c r="H2398">
        <v>39940.912089999998</v>
      </c>
      <c r="I2398">
        <v>30648.75374</v>
      </c>
      <c r="J2398">
        <v>41197.001940000002</v>
      </c>
      <c r="K2398">
        <v>52246.479359999998</v>
      </c>
      <c r="L2398">
        <v>27410.599869999998</v>
      </c>
      <c r="M2398">
        <v>305761.98879999999</v>
      </c>
      <c r="N2398">
        <v>80832.624379999994</v>
      </c>
      <c r="O2398">
        <v>21597.743979999999</v>
      </c>
      <c r="P2398">
        <v>37455.458760000001</v>
      </c>
      <c r="Q2398">
        <v>85535.871199999994</v>
      </c>
      <c r="R2398">
        <v>20201.23587</v>
      </c>
      <c r="S2398">
        <v>83928.576979999998</v>
      </c>
      <c r="T2398">
        <v>32941.004410000001</v>
      </c>
      <c r="U2398">
        <v>15608.85504</v>
      </c>
      <c r="W2398" s="83">
        <f>Bühler!N2430</f>
        <v>45391.833333327522</v>
      </c>
      <c r="X2398" s="83">
        <v>43200.833333333336</v>
      </c>
      <c r="Y2398">
        <v>250163.95559999999</v>
      </c>
      <c r="Z2398">
        <v>18116.97277</v>
      </c>
      <c r="AA2398">
        <v>62016.241849999999</v>
      </c>
      <c r="AB2398">
        <v>47133.226390000003</v>
      </c>
      <c r="AC2398">
        <v>39940.912089999998</v>
      </c>
      <c r="AD2398">
        <v>30648.75374</v>
      </c>
      <c r="AE2398">
        <v>41197.001940000002</v>
      </c>
      <c r="AF2398">
        <v>52246.479359999998</v>
      </c>
      <c r="AG2398">
        <v>27410.599869999998</v>
      </c>
      <c r="AH2398">
        <v>305761.98879999999</v>
      </c>
      <c r="AI2398">
        <v>80832.624379999994</v>
      </c>
      <c r="AJ2398">
        <v>21597.743979999999</v>
      </c>
      <c r="AK2398">
        <v>37455.458760000001</v>
      </c>
      <c r="AL2398">
        <v>85535.871199999994</v>
      </c>
      <c r="AM2398">
        <v>20201.23587</v>
      </c>
      <c r="AN2398">
        <v>83928.576979999998</v>
      </c>
      <c r="AO2398">
        <v>32941.004410000001</v>
      </c>
      <c r="AP2398">
        <v>15608.85504</v>
      </c>
    </row>
    <row r="2399" spans="2:42" x14ac:dyDescent="0.3">
      <c r="B2399">
        <v>58.387564540794337</v>
      </c>
      <c r="C2399" s="83">
        <v>43200.875</v>
      </c>
      <c r="D2399">
        <v>242047.13459999999</v>
      </c>
      <c r="E2399">
        <v>15998.485860000001</v>
      </c>
      <c r="F2399">
        <v>54983.197079999998</v>
      </c>
      <c r="G2399">
        <v>45087.848890000001</v>
      </c>
      <c r="H2399">
        <v>39686.878120000001</v>
      </c>
      <c r="I2399">
        <v>27469.339039999999</v>
      </c>
      <c r="J2399">
        <v>41759.622349999998</v>
      </c>
      <c r="K2399">
        <v>50955.252269999997</v>
      </c>
      <c r="L2399">
        <v>26687.05618</v>
      </c>
      <c r="M2399">
        <v>297687.03259999998</v>
      </c>
      <c r="N2399">
        <v>79704.531459999998</v>
      </c>
      <c r="O2399">
        <v>21595.40898</v>
      </c>
      <c r="P2399">
        <v>37201.773659999999</v>
      </c>
      <c r="Q2399">
        <v>83384.523809999999</v>
      </c>
      <c r="R2399">
        <v>19307.018789999998</v>
      </c>
      <c r="S2399">
        <v>81352.675820000004</v>
      </c>
      <c r="T2399">
        <v>29594.880359999999</v>
      </c>
      <c r="U2399">
        <v>15213.42513</v>
      </c>
      <c r="W2399" s="83">
        <f>Bühler!N2431</f>
        <v>45391.874999994187</v>
      </c>
      <c r="X2399" s="83">
        <v>43200.875</v>
      </c>
      <c r="Y2399">
        <v>242047.13459999999</v>
      </c>
      <c r="Z2399">
        <v>15998.485860000001</v>
      </c>
      <c r="AA2399">
        <v>54983.197079999998</v>
      </c>
      <c r="AB2399">
        <v>45087.848890000001</v>
      </c>
      <c r="AC2399">
        <v>39686.878120000001</v>
      </c>
      <c r="AD2399">
        <v>27469.339039999999</v>
      </c>
      <c r="AE2399">
        <v>41759.622349999998</v>
      </c>
      <c r="AF2399">
        <v>50955.252269999997</v>
      </c>
      <c r="AG2399">
        <v>26687.05618</v>
      </c>
      <c r="AH2399">
        <v>297687.03259999998</v>
      </c>
      <c r="AI2399">
        <v>79704.531459999998</v>
      </c>
      <c r="AJ2399">
        <v>21595.40898</v>
      </c>
      <c r="AK2399">
        <v>37201.773659999999</v>
      </c>
      <c r="AL2399">
        <v>83384.523809999999</v>
      </c>
      <c r="AM2399">
        <v>19307.018789999998</v>
      </c>
      <c r="AN2399">
        <v>81352.675820000004</v>
      </c>
      <c r="AO2399">
        <v>29594.880359999999</v>
      </c>
      <c r="AP2399">
        <v>15213.42513</v>
      </c>
    </row>
    <row r="2400" spans="2:42" x14ac:dyDescent="0.3">
      <c r="B2400">
        <v>57.303633917476695</v>
      </c>
      <c r="C2400" s="83">
        <v>43200.916666666664</v>
      </c>
      <c r="D2400">
        <v>241996.83679999999</v>
      </c>
      <c r="E2400">
        <v>15090.30528</v>
      </c>
      <c r="F2400">
        <v>52309.503060000003</v>
      </c>
      <c r="G2400">
        <v>42662.779710000003</v>
      </c>
      <c r="H2400">
        <v>39138.414389999998</v>
      </c>
      <c r="I2400">
        <v>25247.78068</v>
      </c>
      <c r="J2400">
        <v>40742.197910000003</v>
      </c>
      <c r="K2400">
        <v>53842.378100000002</v>
      </c>
      <c r="L2400">
        <v>23671.543829999999</v>
      </c>
      <c r="M2400">
        <v>292160.64880000002</v>
      </c>
      <c r="N2400">
        <v>78902.815650000004</v>
      </c>
      <c r="O2400">
        <v>22092.133460000001</v>
      </c>
      <c r="P2400">
        <v>39805.877509999998</v>
      </c>
      <c r="Q2400">
        <v>82109.981820000001</v>
      </c>
      <c r="R2400">
        <v>24087.892940000002</v>
      </c>
      <c r="S2400">
        <v>80000.965030000007</v>
      </c>
      <c r="T2400">
        <v>25630.518250000001</v>
      </c>
      <c r="U2400">
        <v>15708.93399</v>
      </c>
      <c r="W2400" s="83">
        <f>Bühler!N2432</f>
        <v>45391.916666660851</v>
      </c>
      <c r="X2400" s="83">
        <v>43200.916666666664</v>
      </c>
      <c r="Y2400">
        <v>241996.83679999999</v>
      </c>
      <c r="Z2400">
        <v>15090.30528</v>
      </c>
      <c r="AA2400">
        <v>52309.503060000003</v>
      </c>
      <c r="AB2400">
        <v>42662.779710000003</v>
      </c>
      <c r="AC2400">
        <v>39138.414389999998</v>
      </c>
      <c r="AD2400">
        <v>25247.78068</v>
      </c>
      <c r="AE2400">
        <v>40742.197910000003</v>
      </c>
      <c r="AF2400">
        <v>53842.378100000002</v>
      </c>
      <c r="AG2400">
        <v>23671.543829999999</v>
      </c>
      <c r="AH2400">
        <v>292160.64880000002</v>
      </c>
      <c r="AI2400">
        <v>78902.815650000004</v>
      </c>
      <c r="AJ2400">
        <v>22092.133460000001</v>
      </c>
      <c r="AK2400">
        <v>39805.877509999998</v>
      </c>
      <c r="AL2400">
        <v>82109.981820000001</v>
      </c>
      <c r="AM2400">
        <v>24087.892940000002</v>
      </c>
      <c r="AN2400">
        <v>80000.965030000007</v>
      </c>
      <c r="AO2400">
        <v>25630.518250000001</v>
      </c>
      <c r="AP2400">
        <v>15708.93399</v>
      </c>
    </row>
    <row r="2401" spans="2:42" x14ac:dyDescent="0.3">
      <c r="B2401">
        <v>56.583627575610372</v>
      </c>
      <c r="C2401" s="83">
        <v>43200.958333333336</v>
      </c>
      <c r="D2401">
        <v>242995.5197</v>
      </c>
      <c r="E2401">
        <v>14550.87976</v>
      </c>
      <c r="F2401">
        <v>51252.03961</v>
      </c>
      <c r="G2401">
        <v>41713.679759999999</v>
      </c>
      <c r="H2401">
        <v>37798.772720000001</v>
      </c>
      <c r="I2401">
        <v>24486.095529999999</v>
      </c>
      <c r="J2401">
        <v>38186.574200000003</v>
      </c>
      <c r="K2401">
        <v>53544.6993</v>
      </c>
      <c r="L2401">
        <v>20179.684000000001</v>
      </c>
      <c r="M2401">
        <v>288489.72070000001</v>
      </c>
      <c r="N2401">
        <v>78353.820510000005</v>
      </c>
      <c r="O2401">
        <v>22905.24768</v>
      </c>
      <c r="P2401">
        <v>34813.512300000002</v>
      </c>
      <c r="Q2401">
        <v>81197.741039999994</v>
      </c>
      <c r="R2401">
        <v>25435.66848</v>
      </c>
      <c r="S2401">
        <v>77967.828580000001</v>
      </c>
      <c r="T2401">
        <v>23492.76107</v>
      </c>
      <c r="U2401">
        <v>14840.451370000001</v>
      </c>
      <c r="W2401" s="83">
        <f>Bühler!N2433</f>
        <v>45391.958333327515</v>
      </c>
      <c r="X2401" s="83">
        <v>43200.958333333336</v>
      </c>
      <c r="Y2401">
        <v>242995.5197</v>
      </c>
      <c r="Z2401">
        <v>14550.87976</v>
      </c>
      <c r="AA2401">
        <v>51252.03961</v>
      </c>
      <c r="AB2401">
        <v>41713.679759999999</v>
      </c>
      <c r="AC2401">
        <v>37798.772720000001</v>
      </c>
      <c r="AD2401">
        <v>24486.095529999999</v>
      </c>
      <c r="AE2401">
        <v>38186.574200000003</v>
      </c>
      <c r="AF2401">
        <v>53544.6993</v>
      </c>
      <c r="AG2401">
        <v>20179.684000000001</v>
      </c>
      <c r="AH2401">
        <v>288489.72070000001</v>
      </c>
      <c r="AI2401">
        <v>78353.820510000005</v>
      </c>
      <c r="AJ2401">
        <v>22905.24768</v>
      </c>
      <c r="AK2401">
        <v>34813.512300000002</v>
      </c>
      <c r="AL2401">
        <v>81197.741039999994</v>
      </c>
      <c r="AM2401">
        <v>25435.66848</v>
      </c>
      <c r="AN2401">
        <v>77967.828580000001</v>
      </c>
      <c r="AO2401">
        <v>23492.76107</v>
      </c>
      <c r="AP2401">
        <v>14840.451370000001</v>
      </c>
    </row>
    <row r="2402" spans="2:42" x14ac:dyDescent="0.3">
      <c r="B2402">
        <v>55.69372465271303</v>
      </c>
      <c r="C2402" s="83">
        <v>43201</v>
      </c>
      <c r="D2402">
        <v>242426.47029999999</v>
      </c>
      <c r="E2402">
        <v>14350.696239999999</v>
      </c>
      <c r="F2402">
        <v>50392.33539</v>
      </c>
      <c r="G2402">
        <v>40861.49181</v>
      </c>
      <c r="H2402">
        <v>37374.95362</v>
      </c>
      <c r="I2402">
        <v>22618.48415</v>
      </c>
      <c r="J2402">
        <v>36596.225830000003</v>
      </c>
      <c r="K2402">
        <v>51942.544280000002</v>
      </c>
      <c r="L2402">
        <v>18564.62743</v>
      </c>
      <c r="M2402">
        <v>283952.58059999999</v>
      </c>
      <c r="N2402">
        <v>77564.552110000004</v>
      </c>
      <c r="O2402">
        <v>22590.544669999999</v>
      </c>
      <c r="P2402">
        <v>32243.886269999999</v>
      </c>
      <c r="Q2402">
        <v>81116.949429999993</v>
      </c>
      <c r="R2402">
        <v>22014.989529999999</v>
      </c>
      <c r="S2402">
        <v>77795.966459999996</v>
      </c>
      <c r="T2402">
        <v>22204.554660000002</v>
      </c>
      <c r="U2402">
        <v>14765.816279999999</v>
      </c>
      <c r="W2402" s="83">
        <f>Bühler!N2434</f>
        <v>45391.999999994179</v>
      </c>
      <c r="X2402" s="83">
        <v>43201</v>
      </c>
      <c r="Y2402">
        <v>242426.47029999999</v>
      </c>
      <c r="Z2402">
        <v>14350.696239999999</v>
      </c>
      <c r="AA2402">
        <v>50392.33539</v>
      </c>
      <c r="AB2402">
        <v>40861.49181</v>
      </c>
      <c r="AC2402">
        <v>37374.95362</v>
      </c>
      <c r="AD2402">
        <v>22618.48415</v>
      </c>
      <c r="AE2402">
        <v>36596.225830000003</v>
      </c>
      <c r="AF2402">
        <v>51942.544280000002</v>
      </c>
      <c r="AG2402">
        <v>18564.62743</v>
      </c>
      <c r="AH2402">
        <v>283952.58059999999</v>
      </c>
      <c r="AI2402">
        <v>77564.552110000004</v>
      </c>
      <c r="AJ2402">
        <v>22590.544669999999</v>
      </c>
      <c r="AK2402">
        <v>32243.886269999999</v>
      </c>
      <c r="AL2402">
        <v>81116.949429999993</v>
      </c>
      <c r="AM2402">
        <v>22014.989529999999</v>
      </c>
      <c r="AN2402">
        <v>77795.966459999996</v>
      </c>
      <c r="AO2402">
        <v>22204.554660000002</v>
      </c>
      <c r="AP2402">
        <v>14765.816279999999</v>
      </c>
    </row>
    <row r="2403" spans="2:42" x14ac:dyDescent="0.3">
      <c r="B2403">
        <v>55.194032033574786</v>
      </c>
      <c r="C2403" s="83">
        <v>43201.041666666664</v>
      </c>
      <c r="D2403">
        <v>241281.64199999999</v>
      </c>
      <c r="E2403">
        <v>14297.902340000001</v>
      </c>
      <c r="F2403">
        <v>49371.912239999998</v>
      </c>
      <c r="G2403">
        <v>40317.403230000004</v>
      </c>
      <c r="H2403">
        <v>36897.207620000001</v>
      </c>
      <c r="I2403">
        <v>18519.068459999999</v>
      </c>
      <c r="J2403">
        <v>35484.356090000001</v>
      </c>
      <c r="K2403">
        <v>50635.31018</v>
      </c>
      <c r="L2403">
        <v>18106.265820000001</v>
      </c>
      <c r="M2403">
        <v>281404.91460000002</v>
      </c>
      <c r="N2403">
        <v>76116.087339999998</v>
      </c>
      <c r="O2403">
        <v>22143.235669999998</v>
      </c>
      <c r="P2403">
        <v>29706.159609999999</v>
      </c>
      <c r="Q2403">
        <v>82304.012229999993</v>
      </c>
      <c r="R2403">
        <v>20093.77188</v>
      </c>
      <c r="S2403">
        <v>77069.853600000002</v>
      </c>
      <c r="T2403">
        <v>22014.67527</v>
      </c>
      <c r="U2403">
        <v>14825.31753</v>
      </c>
      <c r="W2403" s="83">
        <f>Bühler!N2435</f>
        <v>45392.041666660843</v>
      </c>
      <c r="X2403" s="83">
        <v>43201.041666666664</v>
      </c>
      <c r="Y2403">
        <v>241281.64199999999</v>
      </c>
      <c r="Z2403">
        <v>14297.902340000001</v>
      </c>
      <c r="AA2403">
        <v>49371.912239999998</v>
      </c>
      <c r="AB2403">
        <v>40317.403230000004</v>
      </c>
      <c r="AC2403">
        <v>36897.207620000001</v>
      </c>
      <c r="AD2403">
        <v>18519.068459999999</v>
      </c>
      <c r="AE2403">
        <v>35484.356090000001</v>
      </c>
      <c r="AF2403">
        <v>50635.31018</v>
      </c>
      <c r="AG2403">
        <v>18106.265820000001</v>
      </c>
      <c r="AH2403">
        <v>281404.91460000002</v>
      </c>
      <c r="AI2403">
        <v>76116.087339999998</v>
      </c>
      <c r="AJ2403">
        <v>22143.235669999998</v>
      </c>
      <c r="AK2403">
        <v>29706.159609999999</v>
      </c>
      <c r="AL2403">
        <v>82304.012229999993</v>
      </c>
      <c r="AM2403">
        <v>20093.77188</v>
      </c>
      <c r="AN2403">
        <v>77069.853600000002</v>
      </c>
      <c r="AO2403">
        <v>22014.67527</v>
      </c>
      <c r="AP2403">
        <v>14825.31753</v>
      </c>
    </row>
    <row r="2404" spans="2:42" x14ac:dyDescent="0.3">
      <c r="B2404">
        <v>55.556695955622125</v>
      </c>
      <c r="C2404" s="83">
        <v>43201.083333333336</v>
      </c>
      <c r="D2404">
        <v>242887.35509999999</v>
      </c>
      <c r="E2404">
        <v>14419.351769999999</v>
      </c>
      <c r="F2404">
        <v>50327.881600000001</v>
      </c>
      <c r="G2404">
        <v>40021.03082</v>
      </c>
      <c r="H2404">
        <v>36894.398309999997</v>
      </c>
      <c r="I2404">
        <v>16565.609</v>
      </c>
      <c r="J2404">
        <v>35357.969409999998</v>
      </c>
      <c r="K2404">
        <v>48920.564230000004</v>
      </c>
      <c r="L2404">
        <v>17497.402969999999</v>
      </c>
      <c r="M2404">
        <v>283253.94439999998</v>
      </c>
      <c r="N2404">
        <v>76494.89198</v>
      </c>
      <c r="O2404">
        <v>22691.385269999999</v>
      </c>
      <c r="P2404">
        <v>28634.376810000002</v>
      </c>
      <c r="Q2404">
        <v>84681.9709</v>
      </c>
      <c r="R2404">
        <v>21519.5645</v>
      </c>
      <c r="S2404">
        <v>76474.821129999997</v>
      </c>
      <c r="T2404">
        <v>21573.523700000002</v>
      </c>
      <c r="U2404">
        <v>15059.584080000001</v>
      </c>
      <c r="W2404" s="83">
        <f>Bühler!N2436</f>
        <v>45392.083333327508</v>
      </c>
      <c r="X2404" s="83">
        <v>43201.083333333336</v>
      </c>
      <c r="Y2404">
        <v>242887.35509999999</v>
      </c>
      <c r="Z2404">
        <v>14419.351769999999</v>
      </c>
      <c r="AA2404">
        <v>50327.881600000001</v>
      </c>
      <c r="AB2404">
        <v>40021.03082</v>
      </c>
      <c r="AC2404">
        <v>36894.398309999997</v>
      </c>
      <c r="AD2404">
        <v>16565.609</v>
      </c>
      <c r="AE2404">
        <v>35357.969409999998</v>
      </c>
      <c r="AF2404">
        <v>48920.564230000004</v>
      </c>
      <c r="AG2404">
        <v>17497.402969999999</v>
      </c>
      <c r="AH2404">
        <v>283253.94439999998</v>
      </c>
      <c r="AI2404">
        <v>76494.89198</v>
      </c>
      <c r="AJ2404">
        <v>22691.385269999999</v>
      </c>
      <c r="AK2404">
        <v>28634.376810000002</v>
      </c>
      <c r="AL2404">
        <v>84681.9709</v>
      </c>
      <c r="AM2404">
        <v>21519.5645</v>
      </c>
      <c r="AN2404">
        <v>76474.821129999997</v>
      </c>
      <c r="AO2404">
        <v>21573.523700000002</v>
      </c>
      <c r="AP2404">
        <v>15059.584080000001</v>
      </c>
    </row>
    <row r="2405" spans="2:42" x14ac:dyDescent="0.3">
      <c r="B2405">
        <v>55.984754994090331</v>
      </c>
      <c r="C2405" s="83">
        <v>43201.125</v>
      </c>
      <c r="D2405">
        <v>243177.3616</v>
      </c>
      <c r="E2405">
        <v>14619.550359999999</v>
      </c>
      <c r="F2405">
        <v>51703.653590000002</v>
      </c>
      <c r="G2405">
        <v>39456.46067</v>
      </c>
      <c r="H2405">
        <v>36945.385029999998</v>
      </c>
      <c r="I2405">
        <v>16492.899450000001</v>
      </c>
      <c r="J2405">
        <v>35823.197509999998</v>
      </c>
      <c r="K2405">
        <v>47083.9234</v>
      </c>
      <c r="L2405">
        <v>17140.995080000001</v>
      </c>
      <c r="M2405">
        <v>285436.38900000002</v>
      </c>
      <c r="N2405">
        <v>76288.979789999998</v>
      </c>
      <c r="O2405">
        <v>22597.04362</v>
      </c>
      <c r="P2405">
        <v>28481.284439999999</v>
      </c>
      <c r="Q2405">
        <v>88110.961540000004</v>
      </c>
      <c r="R2405">
        <v>21572.727800000001</v>
      </c>
      <c r="S2405">
        <v>76088.507020000005</v>
      </c>
      <c r="T2405">
        <v>21491.440979999999</v>
      </c>
      <c r="U2405">
        <v>15799.993479999999</v>
      </c>
      <c r="W2405" s="83">
        <f>Bühler!N2437</f>
        <v>45392.124999994172</v>
      </c>
      <c r="X2405" s="83">
        <v>43201.125</v>
      </c>
      <c r="Y2405">
        <v>243177.3616</v>
      </c>
      <c r="Z2405">
        <v>14619.550359999999</v>
      </c>
      <c r="AA2405">
        <v>51703.653590000002</v>
      </c>
      <c r="AB2405">
        <v>39456.46067</v>
      </c>
      <c r="AC2405">
        <v>36945.385029999998</v>
      </c>
      <c r="AD2405">
        <v>16492.899450000001</v>
      </c>
      <c r="AE2405">
        <v>35823.197509999998</v>
      </c>
      <c r="AF2405">
        <v>47083.9234</v>
      </c>
      <c r="AG2405">
        <v>17140.995080000001</v>
      </c>
      <c r="AH2405">
        <v>285436.38900000002</v>
      </c>
      <c r="AI2405">
        <v>76288.979789999998</v>
      </c>
      <c r="AJ2405">
        <v>22597.04362</v>
      </c>
      <c r="AK2405">
        <v>28481.284439999999</v>
      </c>
      <c r="AL2405">
        <v>88110.961540000004</v>
      </c>
      <c r="AM2405">
        <v>21572.727800000001</v>
      </c>
      <c r="AN2405">
        <v>76088.507020000005</v>
      </c>
      <c r="AO2405">
        <v>21491.440979999999</v>
      </c>
      <c r="AP2405">
        <v>15799.993479999999</v>
      </c>
    </row>
    <row r="2406" spans="2:42" x14ac:dyDescent="0.3">
      <c r="B2406">
        <v>57.234782859833864</v>
      </c>
      <c r="C2406" s="83">
        <v>43201.166666666664</v>
      </c>
      <c r="D2406">
        <v>248460.75320000001</v>
      </c>
      <c r="E2406">
        <v>15236.6358</v>
      </c>
      <c r="F2406">
        <v>55729.133930000004</v>
      </c>
      <c r="G2406">
        <v>39196.311049999997</v>
      </c>
      <c r="H2406">
        <v>37974.12457</v>
      </c>
      <c r="I2406">
        <v>18968.14242</v>
      </c>
      <c r="J2406">
        <v>38227.266130000004</v>
      </c>
      <c r="K2406">
        <v>46322.138030000002</v>
      </c>
      <c r="L2406">
        <v>17234.794020000001</v>
      </c>
      <c r="M2406">
        <v>291809.614</v>
      </c>
      <c r="N2406">
        <v>76508.704580000005</v>
      </c>
      <c r="O2406">
        <v>23318.844270000001</v>
      </c>
      <c r="P2406">
        <v>27680.67683</v>
      </c>
      <c r="Q2406">
        <v>91040.865210000004</v>
      </c>
      <c r="R2406">
        <v>21843.986369999999</v>
      </c>
      <c r="S2406">
        <v>77277.282309999995</v>
      </c>
      <c r="T2406">
        <v>21727.742490000001</v>
      </c>
      <c r="U2406">
        <v>16713.73746</v>
      </c>
      <c r="W2406" s="83">
        <f>Bühler!N2438</f>
        <v>45392.166666660836</v>
      </c>
      <c r="X2406" s="83">
        <v>43201.166666666664</v>
      </c>
      <c r="Y2406">
        <v>248460.75320000001</v>
      </c>
      <c r="Z2406">
        <v>15236.6358</v>
      </c>
      <c r="AA2406">
        <v>55729.133930000004</v>
      </c>
      <c r="AB2406">
        <v>39196.311049999997</v>
      </c>
      <c r="AC2406">
        <v>37974.12457</v>
      </c>
      <c r="AD2406">
        <v>18968.14242</v>
      </c>
      <c r="AE2406">
        <v>38227.266130000004</v>
      </c>
      <c r="AF2406">
        <v>46322.138030000002</v>
      </c>
      <c r="AG2406">
        <v>17234.794020000001</v>
      </c>
      <c r="AH2406">
        <v>291809.614</v>
      </c>
      <c r="AI2406">
        <v>76508.704580000005</v>
      </c>
      <c r="AJ2406">
        <v>23318.844270000001</v>
      </c>
      <c r="AK2406">
        <v>27680.67683</v>
      </c>
      <c r="AL2406">
        <v>91040.865210000004</v>
      </c>
      <c r="AM2406">
        <v>21843.986369999999</v>
      </c>
      <c r="AN2406">
        <v>77277.282309999995</v>
      </c>
      <c r="AO2406">
        <v>21727.742490000001</v>
      </c>
      <c r="AP2406">
        <v>16713.73746</v>
      </c>
    </row>
    <row r="2407" spans="2:42" x14ac:dyDescent="0.3">
      <c r="B2407">
        <v>59.983633761264812</v>
      </c>
      <c r="C2407" s="83">
        <v>43201.208333333336</v>
      </c>
      <c r="D2407">
        <v>265217.35810000001</v>
      </c>
      <c r="E2407">
        <v>17412.231879999999</v>
      </c>
      <c r="F2407">
        <v>67165.461479999998</v>
      </c>
      <c r="G2407">
        <v>42141.668259999999</v>
      </c>
      <c r="H2407">
        <v>39994.234770000003</v>
      </c>
      <c r="I2407">
        <v>27927.549579999999</v>
      </c>
      <c r="J2407">
        <v>41128.17295</v>
      </c>
      <c r="K2407">
        <v>47261.586539999997</v>
      </c>
      <c r="L2407">
        <v>18244.98329</v>
      </c>
      <c r="M2407">
        <v>305824.53779999999</v>
      </c>
      <c r="N2407">
        <v>78814.866129999995</v>
      </c>
      <c r="O2407">
        <v>24396.913700000001</v>
      </c>
      <c r="P2407">
        <v>29027.10842</v>
      </c>
      <c r="Q2407">
        <v>93850.070449999999</v>
      </c>
      <c r="R2407">
        <v>24385.679599999999</v>
      </c>
      <c r="S2407">
        <v>79660.609509999995</v>
      </c>
      <c r="T2407">
        <v>23415.829399999999</v>
      </c>
      <c r="U2407">
        <v>19238.358400000001</v>
      </c>
      <c r="W2407" s="83">
        <f>Bühler!N2439</f>
        <v>45392.2083333275</v>
      </c>
      <c r="X2407" s="83">
        <v>43201.208333333336</v>
      </c>
      <c r="Y2407">
        <v>265217.35810000001</v>
      </c>
      <c r="Z2407">
        <v>17412.231879999999</v>
      </c>
      <c r="AA2407">
        <v>67165.461479999998</v>
      </c>
      <c r="AB2407">
        <v>42141.668259999999</v>
      </c>
      <c r="AC2407">
        <v>39994.234770000003</v>
      </c>
      <c r="AD2407">
        <v>27927.549579999999</v>
      </c>
      <c r="AE2407">
        <v>41128.17295</v>
      </c>
      <c r="AF2407">
        <v>47261.586539999997</v>
      </c>
      <c r="AG2407">
        <v>18244.98329</v>
      </c>
      <c r="AH2407">
        <v>305824.53779999999</v>
      </c>
      <c r="AI2407">
        <v>78814.866129999995</v>
      </c>
      <c r="AJ2407">
        <v>24396.913700000001</v>
      </c>
      <c r="AK2407">
        <v>29027.10842</v>
      </c>
      <c r="AL2407">
        <v>93850.070449999999</v>
      </c>
      <c r="AM2407">
        <v>24385.679599999999</v>
      </c>
      <c r="AN2407">
        <v>79660.609509999995</v>
      </c>
      <c r="AO2407">
        <v>23415.829399999999</v>
      </c>
      <c r="AP2407">
        <v>19238.358400000001</v>
      </c>
    </row>
    <row r="2408" spans="2:42" x14ac:dyDescent="0.3">
      <c r="B2408">
        <v>62.077646545490616</v>
      </c>
      <c r="C2408" s="83">
        <v>43201.25</v>
      </c>
      <c r="D2408">
        <v>283098.30410000001</v>
      </c>
      <c r="E2408">
        <v>22106.82934</v>
      </c>
      <c r="F2408">
        <v>78652.994959999996</v>
      </c>
      <c r="G2408">
        <v>53997.114260000002</v>
      </c>
      <c r="H2408">
        <v>43619.449650000002</v>
      </c>
      <c r="I2408">
        <v>37380.498789999998</v>
      </c>
      <c r="J2408">
        <v>45824.082349999997</v>
      </c>
      <c r="K2408">
        <v>50180.026510000003</v>
      </c>
      <c r="L2408">
        <v>20581.25675</v>
      </c>
      <c r="M2408">
        <v>316500.79149999999</v>
      </c>
      <c r="N2408">
        <v>82649.149170000004</v>
      </c>
      <c r="O2408">
        <v>25566.28991</v>
      </c>
      <c r="P2408">
        <v>29918.94931</v>
      </c>
      <c r="Q2408">
        <v>95434.572010000004</v>
      </c>
      <c r="R2408">
        <v>19702.101650000001</v>
      </c>
      <c r="S2408">
        <v>88973.328210000007</v>
      </c>
      <c r="T2408">
        <v>26695.808379999999</v>
      </c>
      <c r="U2408">
        <v>21779.766960000001</v>
      </c>
      <c r="W2408" s="83">
        <f>Bühler!N2440</f>
        <v>45392.249999994165</v>
      </c>
      <c r="X2408" s="83">
        <v>43201.25</v>
      </c>
      <c r="Y2408">
        <v>283098.30410000001</v>
      </c>
      <c r="Z2408">
        <v>22106.82934</v>
      </c>
      <c r="AA2408">
        <v>78652.994959999996</v>
      </c>
      <c r="AB2408">
        <v>53997.114260000002</v>
      </c>
      <c r="AC2408">
        <v>43619.449650000002</v>
      </c>
      <c r="AD2408">
        <v>37380.498789999998</v>
      </c>
      <c r="AE2408">
        <v>45824.082349999997</v>
      </c>
      <c r="AF2408">
        <v>50180.026510000003</v>
      </c>
      <c r="AG2408">
        <v>20581.25675</v>
      </c>
      <c r="AH2408">
        <v>316500.79149999999</v>
      </c>
      <c r="AI2408">
        <v>82649.149170000004</v>
      </c>
      <c r="AJ2408">
        <v>25566.28991</v>
      </c>
      <c r="AK2408">
        <v>29918.94931</v>
      </c>
      <c r="AL2408">
        <v>95434.572010000004</v>
      </c>
      <c r="AM2408">
        <v>19702.101650000001</v>
      </c>
      <c r="AN2408">
        <v>88973.328210000007</v>
      </c>
      <c r="AO2408">
        <v>26695.808379999999</v>
      </c>
      <c r="AP2408">
        <v>21779.766960000001</v>
      </c>
    </row>
    <row r="2409" spans="2:42" x14ac:dyDescent="0.3">
      <c r="B2409">
        <v>63.402850959296444</v>
      </c>
      <c r="C2409" s="83">
        <v>43201.291666666664</v>
      </c>
      <c r="D2409">
        <v>296749.35239999997</v>
      </c>
      <c r="E2409">
        <v>27163.141769999998</v>
      </c>
      <c r="F2409">
        <v>79555.980429999996</v>
      </c>
      <c r="G2409">
        <v>66185.449630000003</v>
      </c>
      <c r="H2409">
        <v>48373.02506</v>
      </c>
      <c r="I2409">
        <v>46470.828630000004</v>
      </c>
      <c r="J2409">
        <v>46713.49452</v>
      </c>
      <c r="K2409">
        <v>54873.400220000003</v>
      </c>
      <c r="L2409">
        <v>24076.042890000001</v>
      </c>
      <c r="M2409">
        <v>323257.30160000001</v>
      </c>
      <c r="N2409">
        <v>88150.120859999995</v>
      </c>
      <c r="O2409">
        <v>28090.535189999999</v>
      </c>
      <c r="P2409">
        <v>34066.447350000002</v>
      </c>
      <c r="Q2409">
        <v>94942.10312</v>
      </c>
      <c r="R2409">
        <v>19889.651389999999</v>
      </c>
      <c r="S2409">
        <v>104679.8125</v>
      </c>
      <c r="T2409">
        <v>30209.708849999999</v>
      </c>
      <c r="U2409">
        <v>25997.87256</v>
      </c>
      <c r="W2409" s="83">
        <f>Bühler!N2441</f>
        <v>45392.291666660829</v>
      </c>
      <c r="X2409" s="83">
        <v>43201.291666666664</v>
      </c>
      <c r="Y2409">
        <v>296749.35239999997</v>
      </c>
      <c r="Z2409">
        <v>27163.141769999998</v>
      </c>
      <c r="AA2409">
        <v>79555.980429999996</v>
      </c>
      <c r="AB2409">
        <v>66185.449630000003</v>
      </c>
      <c r="AC2409">
        <v>48373.02506</v>
      </c>
      <c r="AD2409">
        <v>46470.828630000004</v>
      </c>
      <c r="AE2409">
        <v>46713.49452</v>
      </c>
      <c r="AF2409">
        <v>54873.400220000003</v>
      </c>
      <c r="AG2409">
        <v>24076.042890000001</v>
      </c>
      <c r="AH2409">
        <v>323257.30160000001</v>
      </c>
      <c r="AI2409">
        <v>88150.120859999995</v>
      </c>
      <c r="AJ2409">
        <v>28090.535189999999</v>
      </c>
      <c r="AK2409">
        <v>34066.447350000002</v>
      </c>
      <c r="AL2409">
        <v>94942.10312</v>
      </c>
      <c r="AM2409">
        <v>19889.651389999999</v>
      </c>
      <c r="AN2409">
        <v>104679.8125</v>
      </c>
      <c r="AO2409">
        <v>30209.708849999999</v>
      </c>
      <c r="AP2409">
        <v>25997.87256</v>
      </c>
    </row>
    <row r="2410" spans="2:42" x14ac:dyDescent="0.3">
      <c r="B2410">
        <v>63.862021412327636</v>
      </c>
      <c r="C2410" s="83">
        <v>43201.333333333336</v>
      </c>
      <c r="D2410">
        <v>308941.58510000003</v>
      </c>
      <c r="E2410">
        <v>32927.284310000003</v>
      </c>
      <c r="F2410">
        <v>87186.284180000002</v>
      </c>
      <c r="G2410">
        <v>77322.991959999999</v>
      </c>
      <c r="H2410">
        <v>53665.511409999999</v>
      </c>
      <c r="I2410">
        <v>47629.105210000002</v>
      </c>
      <c r="J2410">
        <v>47062.611799999999</v>
      </c>
      <c r="K2410">
        <v>60699.617380000003</v>
      </c>
      <c r="L2410">
        <v>27162.191940000001</v>
      </c>
      <c r="M2410">
        <v>325598.36670000001</v>
      </c>
      <c r="N2410">
        <v>94822.023509999999</v>
      </c>
      <c r="O2410">
        <v>29319.023249999998</v>
      </c>
      <c r="P2410">
        <v>36836.627800000002</v>
      </c>
      <c r="Q2410">
        <v>94786.456770000004</v>
      </c>
      <c r="R2410">
        <v>23011.342400000001</v>
      </c>
      <c r="S2410">
        <v>116931.9087</v>
      </c>
      <c r="T2410">
        <v>33876.615129999998</v>
      </c>
      <c r="U2410">
        <v>29528.203290000001</v>
      </c>
      <c r="W2410" s="83">
        <f>Bühler!N2442</f>
        <v>45392.333333327493</v>
      </c>
      <c r="X2410" s="83">
        <v>43201.333333333336</v>
      </c>
      <c r="Y2410">
        <v>308941.58510000003</v>
      </c>
      <c r="Z2410">
        <v>32927.284310000003</v>
      </c>
      <c r="AA2410">
        <v>87186.284180000002</v>
      </c>
      <c r="AB2410">
        <v>77322.991959999999</v>
      </c>
      <c r="AC2410">
        <v>53665.511409999999</v>
      </c>
      <c r="AD2410">
        <v>47629.105210000002</v>
      </c>
      <c r="AE2410">
        <v>47062.611799999999</v>
      </c>
      <c r="AF2410">
        <v>60699.617380000003</v>
      </c>
      <c r="AG2410">
        <v>27162.191940000001</v>
      </c>
      <c r="AH2410">
        <v>325598.36670000001</v>
      </c>
      <c r="AI2410">
        <v>94822.023509999999</v>
      </c>
      <c r="AJ2410">
        <v>29319.023249999998</v>
      </c>
      <c r="AK2410">
        <v>36836.627800000002</v>
      </c>
      <c r="AL2410">
        <v>94786.456770000004</v>
      </c>
      <c r="AM2410">
        <v>23011.342400000001</v>
      </c>
      <c r="AN2410">
        <v>116931.9087</v>
      </c>
      <c r="AO2410">
        <v>33876.615129999998</v>
      </c>
      <c r="AP2410">
        <v>29528.203290000001</v>
      </c>
    </row>
    <row r="2411" spans="2:42" x14ac:dyDescent="0.3">
      <c r="B2411">
        <v>63.014445766992985</v>
      </c>
      <c r="C2411" s="83">
        <v>43201.375</v>
      </c>
      <c r="D2411">
        <v>308671.00559999997</v>
      </c>
      <c r="E2411">
        <v>36770.144289999997</v>
      </c>
      <c r="F2411">
        <v>92538.152849999999</v>
      </c>
      <c r="G2411">
        <v>84250.981780000002</v>
      </c>
      <c r="H2411">
        <v>54830.757380000003</v>
      </c>
      <c r="I2411">
        <v>43974.182520000002</v>
      </c>
      <c r="J2411">
        <v>42980.573850000001</v>
      </c>
      <c r="K2411">
        <v>62834.991529999999</v>
      </c>
      <c r="L2411">
        <v>30076.332310000002</v>
      </c>
      <c r="M2411">
        <v>321277.03080000001</v>
      </c>
      <c r="N2411">
        <v>99792.005900000004</v>
      </c>
      <c r="O2411">
        <v>29180.645519999998</v>
      </c>
      <c r="P2411">
        <v>37369.684399999998</v>
      </c>
      <c r="Q2411">
        <v>94845.775869999998</v>
      </c>
      <c r="R2411">
        <v>24240.460299999999</v>
      </c>
      <c r="S2411">
        <v>121398.9106</v>
      </c>
      <c r="T2411">
        <v>36077.031889999998</v>
      </c>
      <c r="U2411">
        <v>28671.58628</v>
      </c>
      <c r="W2411" s="83">
        <f>Bühler!N2443</f>
        <v>45392.374999994157</v>
      </c>
      <c r="X2411" s="83">
        <v>43201.375</v>
      </c>
      <c r="Y2411">
        <v>308671.00559999997</v>
      </c>
      <c r="Z2411">
        <v>36770.144289999997</v>
      </c>
      <c r="AA2411">
        <v>92538.152849999999</v>
      </c>
      <c r="AB2411">
        <v>84250.981780000002</v>
      </c>
      <c r="AC2411">
        <v>54830.757380000003</v>
      </c>
      <c r="AD2411">
        <v>43974.182520000002</v>
      </c>
      <c r="AE2411">
        <v>42980.573850000001</v>
      </c>
      <c r="AF2411">
        <v>62834.991529999999</v>
      </c>
      <c r="AG2411">
        <v>30076.332310000002</v>
      </c>
      <c r="AH2411">
        <v>321277.03080000001</v>
      </c>
      <c r="AI2411">
        <v>99792.005900000004</v>
      </c>
      <c r="AJ2411">
        <v>29180.645519999998</v>
      </c>
      <c r="AK2411">
        <v>37369.684399999998</v>
      </c>
      <c r="AL2411">
        <v>94845.775869999998</v>
      </c>
      <c r="AM2411">
        <v>24240.460299999999</v>
      </c>
      <c r="AN2411">
        <v>121398.9106</v>
      </c>
      <c r="AO2411">
        <v>36077.031889999998</v>
      </c>
      <c r="AP2411">
        <v>28671.58628</v>
      </c>
    </row>
    <row r="2412" spans="2:42" x14ac:dyDescent="0.3">
      <c r="B2412">
        <v>63.404473761026424</v>
      </c>
      <c r="C2412" s="83">
        <v>43201.416666666664</v>
      </c>
      <c r="D2412">
        <v>308679.717</v>
      </c>
      <c r="E2412">
        <v>37632.570829999997</v>
      </c>
      <c r="F2412">
        <v>93151.256829999998</v>
      </c>
      <c r="G2412">
        <v>82948.507660000003</v>
      </c>
      <c r="H2412">
        <v>54824.35671</v>
      </c>
      <c r="I2412">
        <v>40729.582289999998</v>
      </c>
      <c r="J2412">
        <v>41529.937680000003</v>
      </c>
      <c r="K2412">
        <v>64891.925539999997</v>
      </c>
      <c r="L2412">
        <v>31643.261399999999</v>
      </c>
      <c r="M2412">
        <v>323265.57539999997</v>
      </c>
      <c r="N2412">
        <v>101205.72040000001</v>
      </c>
      <c r="O2412">
        <v>27963.724539999999</v>
      </c>
      <c r="P2412">
        <v>37953.902170000001</v>
      </c>
      <c r="Q2412">
        <v>95962.934959999999</v>
      </c>
      <c r="R2412">
        <v>24369.206579999998</v>
      </c>
      <c r="S2412">
        <v>120747.3462</v>
      </c>
      <c r="T2412">
        <v>36987.465320000003</v>
      </c>
      <c r="U2412">
        <v>27844.401870000002</v>
      </c>
      <c r="W2412" s="83">
        <f>Bühler!N2444</f>
        <v>45392.416666660822</v>
      </c>
      <c r="X2412" s="83">
        <v>43201.416666666664</v>
      </c>
      <c r="Y2412">
        <v>308679.717</v>
      </c>
      <c r="Z2412">
        <v>37632.570829999997</v>
      </c>
      <c r="AA2412">
        <v>93151.256829999998</v>
      </c>
      <c r="AB2412">
        <v>82948.507660000003</v>
      </c>
      <c r="AC2412">
        <v>54824.35671</v>
      </c>
      <c r="AD2412">
        <v>40729.582289999998</v>
      </c>
      <c r="AE2412">
        <v>41529.937680000003</v>
      </c>
      <c r="AF2412">
        <v>64891.925539999997</v>
      </c>
      <c r="AG2412">
        <v>31643.261399999999</v>
      </c>
      <c r="AH2412">
        <v>323265.57539999997</v>
      </c>
      <c r="AI2412">
        <v>101205.72040000001</v>
      </c>
      <c r="AJ2412">
        <v>27963.724539999999</v>
      </c>
      <c r="AK2412">
        <v>37953.902170000001</v>
      </c>
      <c r="AL2412">
        <v>95962.934959999999</v>
      </c>
      <c r="AM2412">
        <v>24369.206579999998</v>
      </c>
      <c r="AN2412">
        <v>120747.3462</v>
      </c>
      <c r="AO2412">
        <v>36987.465320000003</v>
      </c>
      <c r="AP2412">
        <v>27844.401870000002</v>
      </c>
    </row>
    <row r="2413" spans="2:42" x14ac:dyDescent="0.3">
      <c r="B2413">
        <v>64.256849575344958</v>
      </c>
      <c r="C2413" s="83">
        <v>43201.458333333336</v>
      </c>
      <c r="D2413">
        <v>306388.96399999998</v>
      </c>
      <c r="E2413">
        <v>37029.222009999998</v>
      </c>
      <c r="F2413">
        <v>94313.475380000003</v>
      </c>
      <c r="G2413">
        <v>80016.740279999998</v>
      </c>
      <c r="H2413">
        <v>53499.687160000001</v>
      </c>
      <c r="I2413">
        <v>39567.205840000002</v>
      </c>
      <c r="J2413">
        <v>41135.356140000004</v>
      </c>
      <c r="K2413">
        <v>65049.454859999998</v>
      </c>
      <c r="L2413">
        <v>31764.727180000002</v>
      </c>
      <c r="M2413">
        <v>327611.3848</v>
      </c>
      <c r="N2413">
        <v>102855.6528</v>
      </c>
      <c r="O2413">
        <v>28312.215179999999</v>
      </c>
      <c r="P2413">
        <v>36577.293290000001</v>
      </c>
      <c r="Q2413">
        <v>96719.135070000004</v>
      </c>
      <c r="R2413">
        <v>25362.146359999999</v>
      </c>
      <c r="S2413">
        <v>121766.1985</v>
      </c>
      <c r="T2413">
        <v>36955.927459999999</v>
      </c>
      <c r="U2413">
        <v>26090.094489999999</v>
      </c>
      <c r="W2413" s="83">
        <f>Bühler!N2445</f>
        <v>45392.458333327486</v>
      </c>
      <c r="X2413" s="83">
        <v>43201.458333333336</v>
      </c>
      <c r="Y2413">
        <v>306388.96399999998</v>
      </c>
      <c r="Z2413">
        <v>37029.222009999998</v>
      </c>
      <c r="AA2413">
        <v>94313.475380000003</v>
      </c>
      <c r="AB2413">
        <v>80016.740279999998</v>
      </c>
      <c r="AC2413">
        <v>53499.687160000001</v>
      </c>
      <c r="AD2413">
        <v>39567.205840000002</v>
      </c>
      <c r="AE2413">
        <v>41135.356140000004</v>
      </c>
      <c r="AF2413">
        <v>65049.454859999998</v>
      </c>
      <c r="AG2413">
        <v>31764.727180000002</v>
      </c>
      <c r="AH2413">
        <v>327611.3848</v>
      </c>
      <c r="AI2413">
        <v>102855.6528</v>
      </c>
      <c r="AJ2413">
        <v>28312.215179999999</v>
      </c>
      <c r="AK2413">
        <v>36577.293290000001</v>
      </c>
      <c r="AL2413">
        <v>96719.135070000004</v>
      </c>
      <c r="AM2413">
        <v>25362.146359999999</v>
      </c>
      <c r="AN2413">
        <v>121766.1985</v>
      </c>
      <c r="AO2413">
        <v>36955.927459999999</v>
      </c>
      <c r="AP2413">
        <v>26090.094489999999</v>
      </c>
    </row>
    <row r="2414" spans="2:42" x14ac:dyDescent="0.3">
      <c r="B2414">
        <v>63.503006528785633</v>
      </c>
      <c r="C2414" s="83">
        <v>43201.5</v>
      </c>
      <c r="D2414">
        <v>292349.72200000001</v>
      </c>
      <c r="E2414">
        <v>33090.508229999999</v>
      </c>
      <c r="F2414">
        <v>87787.551269999996</v>
      </c>
      <c r="G2414">
        <v>76154.839319999999</v>
      </c>
      <c r="H2414">
        <v>50688.493340000001</v>
      </c>
      <c r="I2414">
        <v>38330.492449999998</v>
      </c>
      <c r="J2414">
        <v>43360.920760000001</v>
      </c>
      <c r="K2414">
        <v>62153.89314</v>
      </c>
      <c r="L2414">
        <v>34376.188419999999</v>
      </c>
      <c r="M2414">
        <v>323767.94140000001</v>
      </c>
      <c r="N2414">
        <v>98780.734349999999</v>
      </c>
      <c r="O2414">
        <v>26921.827649999999</v>
      </c>
      <c r="P2414">
        <v>37479.583680000003</v>
      </c>
      <c r="Q2414">
        <v>96211.551829999997</v>
      </c>
      <c r="R2414">
        <v>25722.496869999999</v>
      </c>
      <c r="S2414">
        <v>115479.8306</v>
      </c>
      <c r="T2414">
        <v>36351.178919999998</v>
      </c>
      <c r="U2414">
        <v>20291.840660000002</v>
      </c>
      <c r="W2414" s="83">
        <f>Bühler!N2446</f>
        <v>45392.49999999415</v>
      </c>
      <c r="X2414" s="83">
        <v>43201.5</v>
      </c>
      <c r="Y2414">
        <v>292349.72200000001</v>
      </c>
      <c r="Z2414">
        <v>33090.508229999999</v>
      </c>
      <c r="AA2414">
        <v>87787.551269999996</v>
      </c>
      <c r="AB2414">
        <v>76154.839319999999</v>
      </c>
      <c r="AC2414">
        <v>50688.493340000001</v>
      </c>
      <c r="AD2414">
        <v>38330.492449999998</v>
      </c>
      <c r="AE2414">
        <v>43360.920760000001</v>
      </c>
      <c r="AF2414">
        <v>62153.89314</v>
      </c>
      <c r="AG2414">
        <v>34376.188419999999</v>
      </c>
      <c r="AH2414">
        <v>323767.94140000001</v>
      </c>
      <c r="AI2414">
        <v>98780.734349999999</v>
      </c>
      <c r="AJ2414">
        <v>26921.827649999999</v>
      </c>
      <c r="AK2414">
        <v>37479.583680000003</v>
      </c>
      <c r="AL2414">
        <v>96211.551829999997</v>
      </c>
      <c r="AM2414">
        <v>25722.496869999999</v>
      </c>
      <c r="AN2414">
        <v>115479.8306</v>
      </c>
      <c r="AO2414">
        <v>36351.178919999998</v>
      </c>
      <c r="AP2414">
        <v>20291.840660000002</v>
      </c>
    </row>
    <row r="2415" spans="2:42" x14ac:dyDescent="0.3">
      <c r="B2415">
        <v>62.861872964148581</v>
      </c>
      <c r="C2415" s="83">
        <v>43201.541666666664</v>
      </c>
      <c r="D2415">
        <v>293590.92859999998</v>
      </c>
      <c r="E2415">
        <v>33164.58079</v>
      </c>
      <c r="F2415">
        <v>83594.943029999995</v>
      </c>
      <c r="G2415">
        <v>71380.536120000004</v>
      </c>
      <c r="H2415">
        <v>51204.134740000001</v>
      </c>
      <c r="I2415">
        <v>37056.825109999998</v>
      </c>
      <c r="J2415">
        <v>41983.885060000001</v>
      </c>
      <c r="K2415">
        <v>63588.863230000003</v>
      </c>
      <c r="L2415">
        <v>32913.699520000002</v>
      </c>
      <c r="M2415">
        <v>320499.14350000001</v>
      </c>
      <c r="N2415">
        <v>97454.093470000007</v>
      </c>
      <c r="O2415">
        <v>26520.030309999998</v>
      </c>
      <c r="P2415">
        <v>35756.681270000001</v>
      </c>
      <c r="Q2415">
        <v>94770.004530000006</v>
      </c>
      <c r="R2415">
        <v>24416.254560000001</v>
      </c>
      <c r="S2415">
        <v>113626.592</v>
      </c>
      <c r="T2415">
        <v>34724.70102</v>
      </c>
      <c r="U2415">
        <v>22024.292519999999</v>
      </c>
      <c r="W2415" s="83">
        <f>Bühler!N2447</f>
        <v>45392.541666660814</v>
      </c>
      <c r="X2415" s="83">
        <v>43201.541666666664</v>
      </c>
      <c r="Y2415">
        <v>293590.92859999998</v>
      </c>
      <c r="Z2415">
        <v>33164.58079</v>
      </c>
      <c r="AA2415">
        <v>83594.943029999995</v>
      </c>
      <c r="AB2415">
        <v>71380.536120000004</v>
      </c>
      <c r="AC2415">
        <v>51204.134740000001</v>
      </c>
      <c r="AD2415">
        <v>37056.825109999998</v>
      </c>
      <c r="AE2415">
        <v>41983.885060000001</v>
      </c>
      <c r="AF2415">
        <v>63588.863230000003</v>
      </c>
      <c r="AG2415">
        <v>32913.699520000002</v>
      </c>
      <c r="AH2415">
        <v>320499.14350000001</v>
      </c>
      <c r="AI2415">
        <v>97454.093470000007</v>
      </c>
      <c r="AJ2415">
        <v>26520.030309999998</v>
      </c>
      <c r="AK2415">
        <v>35756.681270000001</v>
      </c>
      <c r="AL2415">
        <v>94770.004530000006</v>
      </c>
      <c r="AM2415">
        <v>24416.254560000001</v>
      </c>
      <c r="AN2415">
        <v>113626.592</v>
      </c>
      <c r="AO2415">
        <v>34724.70102</v>
      </c>
      <c r="AP2415">
        <v>22024.292519999999</v>
      </c>
    </row>
    <row r="2416" spans="2:42" x14ac:dyDescent="0.3">
      <c r="B2416">
        <v>63.430835708126878</v>
      </c>
      <c r="C2416" s="83">
        <v>43201.583333333336</v>
      </c>
      <c r="D2416">
        <v>297130.22720000002</v>
      </c>
      <c r="E2416">
        <v>35920.270850000001</v>
      </c>
      <c r="F2416">
        <v>92497.419769999993</v>
      </c>
      <c r="G2416">
        <v>67591.989130000002</v>
      </c>
      <c r="H2416">
        <v>50867.095730000001</v>
      </c>
      <c r="I2416">
        <v>38101.616529999999</v>
      </c>
      <c r="J2416">
        <v>41483.158920000002</v>
      </c>
      <c r="K2416">
        <v>65079.46804</v>
      </c>
      <c r="L2416">
        <v>29446.062249999999</v>
      </c>
      <c r="M2416">
        <v>323399.98090000002</v>
      </c>
      <c r="N2416">
        <v>98871.147089999999</v>
      </c>
      <c r="O2416">
        <v>26857.231540000001</v>
      </c>
      <c r="P2416">
        <v>32515.868539999999</v>
      </c>
      <c r="Q2416">
        <v>93967.189589999994</v>
      </c>
      <c r="R2416">
        <v>23289.52432</v>
      </c>
      <c r="S2416">
        <v>109510.72440000001</v>
      </c>
      <c r="T2416">
        <v>33382.026740000001</v>
      </c>
      <c r="U2416">
        <v>23095.651409999999</v>
      </c>
      <c r="W2416" s="83">
        <f>Bühler!N2448</f>
        <v>45392.583333327479</v>
      </c>
      <c r="X2416" s="83">
        <v>43201.583333333336</v>
      </c>
      <c r="Y2416">
        <v>297130.22720000002</v>
      </c>
      <c r="Z2416">
        <v>35920.270850000001</v>
      </c>
      <c r="AA2416">
        <v>92497.419769999993</v>
      </c>
      <c r="AB2416">
        <v>67591.989130000002</v>
      </c>
      <c r="AC2416">
        <v>50867.095730000001</v>
      </c>
      <c r="AD2416">
        <v>38101.616529999999</v>
      </c>
      <c r="AE2416">
        <v>41483.158920000002</v>
      </c>
      <c r="AF2416">
        <v>65079.46804</v>
      </c>
      <c r="AG2416">
        <v>29446.062249999999</v>
      </c>
      <c r="AH2416">
        <v>323399.98090000002</v>
      </c>
      <c r="AI2416">
        <v>98871.147089999999</v>
      </c>
      <c r="AJ2416">
        <v>26857.231540000001</v>
      </c>
      <c r="AK2416">
        <v>32515.868539999999</v>
      </c>
      <c r="AL2416">
        <v>93967.189589999994</v>
      </c>
      <c r="AM2416">
        <v>23289.52432</v>
      </c>
      <c r="AN2416">
        <v>109510.72440000001</v>
      </c>
      <c r="AO2416">
        <v>33382.026740000001</v>
      </c>
      <c r="AP2416">
        <v>23095.651409999999</v>
      </c>
    </row>
    <row r="2417" spans="2:42" x14ac:dyDescent="0.3">
      <c r="B2417">
        <v>63.291537779619304</v>
      </c>
      <c r="C2417" s="83">
        <v>43201.625</v>
      </c>
      <c r="D2417">
        <v>293661.10090000002</v>
      </c>
      <c r="E2417">
        <v>35985.506560000002</v>
      </c>
      <c r="F2417">
        <v>94261.548680000007</v>
      </c>
      <c r="G2417">
        <v>64458.296620000001</v>
      </c>
      <c r="H2417">
        <v>49535.150459999997</v>
      </c>
      <c r="I2417">
        <v>38388.677219999998</v>
      </c>
      <c r="J2417">
        <v>40682.032570000003</v>
      </c>
      <c r="K2417">
        <v>63195.607279999997</v>
      </c>
      <c r="L2417">
        <v>26182.920389999999</v>
      </c>
      <c r="M2417">
        <v>322689.77510000003</v>
      </c>
      <c r="N2417">
        <v>95327.924209999997</v>
      </c>
      <c r="O2417">
        <v>25780.505939999999</v>
      </c>
      <c r="P2417">
        <v>29276.440419999999</v>
      </c>
      <c r="Q2417">
        <v>94730.826130000001</v>
      </c>
      <c r="R2417">
        <v>23601.141339999998</v>
      </c>
      <c r="S2417">
        <v>107162.2882</v>
      </c>
      <c r="T2417">
        <v>32362.106640000002</v>
      </c>
      <c r="U2417">
        <v>22219.302739999999</v>
      </c>
      <c r="W2417" s="83">
        <f>Bühler!N2449</f>
        <v>45392.624999994143</v>
      </c>
      <c r="X2417" s="83">
        <v>43201.625</v>
      </c>
      <c r="Y2417">
        <v>293661.10090000002</v>
      </c>
      <c r="Z2417">
        <v>35985.506560000002</v>
      </c>
      <c r="AA2417">
        <v>94261.548680000007</v>
      </c>
      <c r="AB2417">
        <v>64458.296620000001</v>
      </c>
      <c r="AC2417">
        <v>49535.150459999997</v>
      </c>
      <c r="AD2417">
        <v>38388.677219999998</v>
      </c>
      <c r="AE2417">
        <v>40682.032570000003</v>
      </c>
      <c r="AF2417">
        <v>63195.607279999997</v>
      </c>
      <c r="AG2417">
        <v>26182.920389999999</v>
      </c>
      <c r="AH2417">
        <v>322689.77510000003</v>
      </c>
      <c r="AI2417">
        <v>95327.924209999997</v>
      </c>
      <c r="AJ2417">
        <v>25780.505939999999</v>
      </c>
      <c r="AK2417">
        <v>29276.440419999999</v>
      </c>
      <c r="AL2417">
        <v>94730.826130000001</v>
      </c>
      <c r="AM2417">
        <v>23601.141339999998</v>
      </c>
      <c r="AN2417">
        <v>107162.2882</v>
      </c>
      <c r="AO2417">
        <v>32362.106640000002</v>
      </c>
      <c r="AP2417">
        <v>22219.302739999999</v>
      </c>
    </row>
    <row r="2418" spans="2:42" x14ac:dyDescent="0.3">
      <c r="B2418">
        <v>63.118266203276768</v>
      </c>
      <c r="C2418" s="83">
        <v>43201.666666666664</v>
      </c>
      <c r="D2418">
        <v>286185.01980000001</v>
      </c>
      <c r="E2418">
        <v>34872.754130000001</v>
      </c>
      <c r="F2418">
        <v>93152.645210000002</v>
      </c>
      <c r="G2418">
        <v>60954.694100000001</v>
      </c>
      <c r="H2418">
        <v>47653.369530000004</v>
      </c>
      <c r="I2418">
        <v>40039.689039999997</v>
      </c>
      <c r="J2418">
        <v>39924.126069999998</v>
      </c>
      <c r="K2418">
        <v>58568.40466</v>
      </c>
      <c r="L2418">
        <v>25149.671180000001</v>
      </c>
      <c r="M2418">
        <v>321806.35580000002</v>
      </c>
      <c r="N2418">
        <v>91553.985230000006</v>
      </c>
      <c r="O2418">
        <v>25071.388739999999</v>
      </c>
      <c r="P2418">
        <v>30124.377670000002</v>
      </c>
      <c r="Q2418">
        <v>94238.255619999996</v>
      </c>
      <c r="R2418">
        <v>22191.5144</v>
      </c>
      <c r="S2418">
        <v>104120.8846</v>
      </c>
      <c r="T2418">
        <v>31378.423500000001</v>
      </c>
      <c r="U2418">
        <v>20380.019899999999</v>
      </c>
      <c r="W2418" s="83">
        <f>Bühler!N2450</f>
        <v>45392.666666660807</v>
      </c>
      <c r="X2418" s="83">
        <v>43201.666666666664</v>
      </c>
      <c r="Y2418">
        <v>286185.01980000001</v>
      </c>
      <c r="Z2418">
        <v>34872.754130000001</v>
      </c>
      <c r="AA2418">
        <v>93152.645210000002</v>
      </c>
      <c r="AB2418">
        <v>60954.694100000001</v>
      </c>
      <c r="AC2418">
        <v>47653.369530000004</v>
      </c>
      <c r="AD2418">
        <v>40039.689039999997</v>
      </c>
      <c r="AE2418">
        <v>39924.126069999998</v>
      </c>
      <c r="AF2418">
        <v>58568.40466</v>
      </c>
      <c r="AG2418">
        <v>25149.671180000001</v>
      </c>
      <c r="AH2418">
        <v>321806.35580000002</v>
      </c>
      <c r="AI2418">
        <v>91553.985230000006</v>
      </c>
      <c r="AJ2418">
        <v>25071.388739999999</v>
      </c>
      <c r="AK2418">
        <v>30124.377670000002</v>
      </c>
      <c r="AL2418">
        <v>94238.255619999996</v>
      </c>
      <c r="AM2418">
        <v>22191.5144</v>
      </c>
      <c r="AN2418">
        <v>104120.8846</v>
      </c>
      <c r="AO2418">
        <v>31378.423500000001</v>
      </c>
      <c r="AP2418">
        <v>20380.019899999999</v>
      </c>
    </row>
    <row r="2419" spans="2:42" x14ac:dyDescent="0.3">
      <c r="B2419">
        <v>62.930381565867819</v>
      </c>
      <c r="C2419" s="83">
        <v>43201.708333333336</v>
      </c>
      <c r="D2419">
        <v>274277.27149999997</v>
      </c>
      <c r="E2419">
        <v>32529.12226</v>
      </c>
      <c r="F2419">
        <v>91602.874890000006</v>
      </c>
      <c r="G2419">
        <v>57074.393389999997</v>
      </c>
      <c r="H2419">
        <v>45371.541839999998</v>
      </c>
      <c r="I2419">
        <v>38610.108509999998</v>
      </c>
      <c r="J2419">
        <v>39820.908239999997</v>
      </c>
      <c r="K2419">
        <v>55429.948429999997</v>
      </c>
      <c r="L2419">
        <v>25240.912759999999</v>
      </c>
      <c r="M2419">
        <v>320848.43229999999</v>
      </c>
      <c r="N2419">
        <v>84948.600919999997</v>
      </c>
      <c r="O2419">
        <v>24052.319100000001</v>
      </c>
      <c r="P2419">
        <v>30367.998759999999</v>
      </c>
      <c r="Q2419">
        <v>92734.110870000004</v>
      </c>
      <c r="R2419">
        <v>23753.2618</v>
      </c>
      <c r="S2419">
        <v>101232.07339999999</v>
      </c>
      <c r="T2419">
        <v>31416.547500000001</v>
      </c>
      <c r="U2419">
        <v>18407.978520000001</v>
      </c>
      <c r="W2419" s="83">
        <f>Bühler!N2451</f>
        <v>45392.708333327471</v>
      </c>
      <c r="X2419" s="83">
        <v>43201.708333333336</v>
      </c>
      <c r="Y2419">
        <v>274277.27149999997</v>
      </c>
      <c r="Z2419">
        <v>32529.12226</v>
      </c>
      <c r="AA2419">
        <v>91602.874890000006</v>
      </c>
      <c r="AB2419">
        <v>57074.393389999997</v>
      </c>
      <c r="AC2419">
        <v>45371.541839999998</v>
      </c>
      <c r="AD2419">
        <v>38610.108509999998</v>
      </c>
      <c r="AE2419">
        <v>39820.908239999997</v>
      </c>
      <c r="AF2419">
        <v>55429.948429999997</v>
      </c>
      <c r="AG2419">
        <v>25240.912759999999</v>
      </c>
      <c r="AH2419">
        <v>320848.43229999999</v>
      </c>
      <c r="AI2419">
        <v>84948.600919999997</v>
      </c>
      <c r="AJ2419">
        <v>24052.319100000001</v>
      </c>
      <c r="AK2419">
        <v>30367.998759999999</v>
      </c>
      <c r="AL2419">
        <v>92734.110870000004</v>
      </c>
      <c r="AM2419">
        <v>23753.2618</v>
      </c>
      <c r="AN2419">
        <v>101232.07339999999</v>
      </c>
      <c r="AO2419">
        <v>31416.547500000001</v>
      </c>
      <c r="AP2419">
        <v>18407.978520000001</v>
      </c>
    </row>
    <row r="2420" spans="2:42" x14ac:dyDescent="0.3">
      <c r="B2420">
        <v>62.511835113488672</v>
      </c>
      <c r="C2420" s="83">
        <v>43201.75</v>
      </c>
      <c r="D2420">
        <v>268136.19</v>
      </c>
      <c r="E2420">
        <v>29320.375029999999</v>
      </c>
      <c r="F2420">
        <v>89338.624119999993</v>
      </c>
      <c r="G2420">
        <v>51599.006600000001</v>
      </c>
      <c r="H2420">
        <v>43120.454409999998</v>
      </c>
      <c r="I2420">
        <v>37094.295140000002</v>
      </c>
      <c r="J2420">
        <v>39347.891949999997</v>
      </c>
      <c r="K2420">
        <v>53128.305410000001</v>
      </c>
      <c r="L2420">
        <v>26957.671160000002</v>
      </c>
      <c r="M2420">
        <v>318714.48729999998</v>
      </c>
      <c r="N2420">
        <v>82281.751980000001</v>
      </c>
      <c r="O2420">
        <v>22847.328290000001</v>
      </c>
      <c r="P2420">
        <v>34490.371249999997</v>
      </c>
      <c r="Q2420">
        <v>92190.024189999996</v>
      </c>
      <c r="R2420">
        <v>21403.887760000001</v>
      </c>
      <c r="S2420">
        <v>95369.924750000006</v>
      </c>
      <c r="T2420">
        <v>31712.820059999998</v>
      </c>
      <c r="U2420">
        <v>16631.571380000001</v>
      </c>
      <c r="W2420" s="83">
        <f>Bühler!N2452</f>
        <v>45392.749999994136</v>
      </c>
      <c r="X2420" s="83">
        <v>43201.75</v>
      </c>
      <c r="Y2420">
        <v>268136.19</v>
      </c>
      <c r="Z2420">
        <v>29320.375029999999</v>
      </c>
      <c r="AA2420">
        <v>89338.624119999993</v>
      </c>
      <c r="AB2420">
        <v>51599.006600000001</v>
      </c>
      <c r="AC2420">
        <v>43120.454409999998</v>
      </c>
      <c r="AD2420">
        <v>37094.295140000002</v>
      </c>
      <c r="AE2420">
        <v>39347.891949999997</v>
      </c>
      <c r="AF2420">
        <v>53128.305410000001</v>
      </c>
      <c r="AG2420">
        <v>26957.671160000002</v>
      </c>
      <c r="AH2420">
        <v>318714.48729999998</v>
      </c>
      <c r="AI2420">
        <v>82281.751980000001</v>
      </c>
      <c r="AJ2420">
        <v>22847.328290000001</v>
      </c>
      <c r="AK2420">
        <v>34490.371249999997</v>
      </c>
      <c r="AL2420">
        <v>92190.024189999996</v>
      </c>
      <c r="AM2420">
        <v>21403.887760000001</v>
      </c>
      <c r="AN2420">
        <v>95369.924750000006</v>
      </c>
      <c r="AO2420">
        <v>31712.820059999998</v>
      </c>
      <c r="AP2420">
        <v>16631.571380000001</v>
      </c>
    </row>
    <row r="2421" spans="2:42" x14ac:dyDescent="0.3">
      <c r="B2421">
        <v>61.720604313982669</v>
      </c>
      <c r="C2421" s="83">
        <v>43201.791666666664</v>
      </c>
      <c r="D2421">
        <v>261177.95509999999</v>
      </c>
      <c r="E2421">
        <v>24093.310600000001</v>
      </c>
      <c r="F2421">
        <v>77989.502429999993</v>
      </c>
      <c r="G2421">
        <v>48431.226289999999</v>
      </c>
      <c r="H2421">
        <v>40653.411650000002</v>
      </c>
      <c r="I2421">
        <v>33904.383170000001</v>
      </c>
      <c r="J2421">
        <v>39049.409370000001</v>
      </c>
      <c r="K2421">
        <v>52254.678890000003</v>
      </c>
      <c r="L2421">
        <v>28454.327990000002</v>
      </c>
      <c r="M2421">
        <v>314680.42369999998</v>
      </c>
      <c r="N2421">
        <v>79715.719270000001</v>
      </c>
      <c r="O2421">
        <v>21885.310990000002</v>
      </c>
      <c r="P2421">
        <v>36572.154110000003</v>
      </c>
      <c r="Q2421">
        <v>89702.302160000007</v>
      </c>
      <c r="R2421">
        <v>20565.88853</v>
      </c>
      <c r="S2421">
        <v>90635.203760000004</v>
      </c>
      <c r="T2421">
        <v>32344.73242</v>
      </c>
      <c r="U2421">
        <v>15281.55672</v>
      </c>
      <c r="W2421" s="83">
        <f>Bühler!N2453</f>
        <v>45392.7916666608</v>
      </c>
      <c r="X2421" s="83">
        <v>43201.791666666664</v>
      </c>
      <c r="Y2421">
        <v>261177.95509999999</v>
      </c>
      <c r="Z2421">
        <v>24093.310600000001</v>
      </c>
      <c r="AA2421">
        <v>77989.502429999993</v>
      </c>
      <c r="AB2421">
        <v>48431.226289999999</v>
      </c>
      <c r="AC2421">
        <v>40653.411650000002</v>
      </c>
      <c r="AD2421">
        <v>33904.383170000001</v>
      </c>
      <c r="AE2421">
        <v>39049.409370000001</v>
      </c>
      <c r="AF2421">
        <v>52254.678890000003</v>
      </c>
      <c r="AG2421">
        <v>28454.327990000002</v>
      </c>
      <c r="AH2421">
        <v>314680.42369999998</v>
      </c>
      <c r="AI2421">
        <v>79715.719270000001</v>
      </c>
      <c r="AJ2421">
        <v>21885.310990000002</v>
      </c>
      <c r="AK2421">
        <v>36572.154110000003</v>
      </c>
      <c r="AL2421">
        <v>89702.302160000007</v>
      </c>
      <c r="AM2421">
        <v>20565.88853</v>
      </c>
      <c r="AN2421">
        <v>90635.203760000004</v>
      </c>
      <c r="AO2421">
        <v>32344.73242</v>
      </c>
      <c r="AP2421">
        <v>15281.55672</v>
      </c>
    </row>
    <row r="2422" spans="2:42" x14ac:dyDescent="0.3">
      <c r="B2422">
        <v>60.093807107978435</v>
      </c>
      <c r="C2422" s="83">
        <v>43201.833333333336</v>
      </c>
      <c r="D2422">
        <v>251442.0484</v>
      </c>
      <c r="E2422">
        <v>18345.241730000002</v>
      </c>
      <c r="F2422">
        <v>61428.566700000003</v>
      </c>
      <c r="G2422">
        <v>45203.578009999997</v>
      </c>
      <c r="H2422">
        <v>39307.936600000001</v>
      </c>
      <c r="I2422">
        <v>30349.69843</v>
      </c>
      <c r="J2422">
        <v>40536.975180000001</v>
      </c>
      <c r="K2422">
        <v>52066.182840000001</v>
      </c>
      <c r="L2422">
        <v>28416.826059999999</v>
      </c>
      <c r="M2422">
        <v>306386.25290000002</v>
      </c>
      <c r="N2422">
        <v>78995.281610000005</v>
      </c>
      <c r="O2422">
        <v>21597.710470000002</v>
      </c>
      <c r="P2422">
        <v>38344.919419999998</v>
      </c>
      <c r="Q2422">
        <v>86033.951809999999</v>
      </c>
      <c r="R2422">
        <v>20362.7163</v>
      </c>
      <c r="S2422">
        <v>84175.171969999996</v>
      </c>
      <c r="T2422">
        <v>32143.982360000002</v>
      </c>
      <c r="U2422">
        <v>14731.487279999999</v>
      </c>
      <c r="W2422" s="83">
        <f>Bühler!N2454</f>
        <v>45392.833333327464</v>
      </c>
      <c r="X2422" s="83">
        <v>43201.833333333336</v>
      </c>
      <c r="Y2422">
        <v>251442.0484</v>
      </c>
      <c r="Z2422">
        <v>18345.241730000002</v>
      </c>
      <c r="AA2422">
        <v>61428.566700000003</v>
      </c>
      <c r="AB2422">
        <v>45203.578009999997</v>
      </c>
      <c r="AC2422">
        <v>39307.936600000001</v>
      </c>
      <c r="AD2422">
        <v>30349.69843</v>
      </c>
      <c r="AE2422">
        <v>40536.975180000001</v>
      </c>
      <c r="AF2422">
        <v>52066.182840000001</v>
      </c>
      <c r="AG2422">
        <v>28416.826059999999</v>
      </c>
      <c r="AH2422">
        <v>306386.25290000002</v>
      </c>
      <c r="AI2422">
        <v>78995.281610000005</v>
      </c>
      <c r="AJ2422">
        <v>21597.710470000002</v>
      </c>
      <c r="AK2422">
        <v>38344.919419999998</v>
      </c>
      <c r="AL2422">
        <v>86033.951809999999</v>
      </c>
      <c r="AM2422">
        <v>20362.7163</v>
      </c>
      <c r="AN2422">
        <v>84175.171969999996</v>
      </c>
      <c r="AO2422">
        <v>32143.982360000002</v>
      </c>
      <c r="AP2422">
        <v>14731.487279999999</v>
      </c>
    </row>
    <row r="2423" spans="2:42" x14ac:dyDescent="0.3">
      <c r="B2423">
        <v>59.078031882126197</v>
      </c>
      <c r="C2423" s="83">
        <v>43201.875</v>
      </c>
      <c r="D2423">
        <v>243933.40960000001</v>
      </c>
      <c r="E2423">
        <v>15882.592919999999</v>
      </c>
      <c r="F2423">
        <v>53671.765890000002</v>
      </c>
      <c r="G2423">
        <v>44007.814590000002</v>
      </c>
      <c r="H2423">
        <v>38720.726280000003</v>
      </c>
      <c r="I2423">
        <v>27185.06997</v>
      </c>
      <c r="J2423">
        <v>41437.73717</v>
      </c>
      <c r="K2423">
        <v>49218.577169999997</v>
      </c>
      <c r="L2423">
        <v>27283.850129999999</v>
      </c>
      <c r="M2423">
        <v>301207.35710000002</v>
      </c>
      <c r="N2423">
        <v>78526.694350000005</v>
      </c>
      <c r="O2423">
        <v>21916.205679999999</v>
      </c>
      <c r="P2423">
        <v>37003.798490000001</v>
      </c>
      <c r="Q2423">
        <v>84111.670410000006</v>
      </c>
      <c r="R2423">
        <v>19534.607940000002</v>
      </c>
      <c r="S2423">
        <v>81105.714389999994</v>
      </c>
      <c r="T2423">
        <v>30430.508470000001</v>
      </c>
      <c r="U2423">
        <v>14417.982840000001</v>
      </c>
      <c r="W2423" s="83">
        <f>Bühler!N2455</f>
        <v>45392.874999994128</v>
      </c>
      <c r="X2423" s="83">
        <v>43201.875</v>
      </c>
      <c r="Y2423">
        <v>243933.40960000001</v>
      </c>
      <c r="Z2423">
        <v>15882.592919999999</v>
      </c>
      <c r="AA2423">
        <v>53671.765890000002</v>
      </c>
      <c r="AB2423">
        <v>44007.814590000002</v>
      </c>
      <c r="AC2423">
        <v>38720.726280000003</v>
      </c>
      <c r="AD2423">
        <v>27185.06997</v>
      </c>
      <c r="AE2423">
        <v>41437.73717</v>
      </c>
      <c r="AF2423">
        <v>49218.577169999997</v>
      </c>
      <c r="AG2423">
        <v>27283.850129999999</v>
      </c>
      <c r="AH2423">
        <v>301207.35710000002</v>
      </c>
      <c r="AI2423">
        <v>78526.694350000005</v>
      </c>
      <c r="AJ2423">
        <v>21916.205679999999</v>
      </c>
      <c r="AK2423">
        <v>37003.798490000001</v>
      </c>
      <c r="AL2423">
        <v>84111.670410000006</v>
      </c>
      <c r="AM2423">
        <v>19534.607940000002</v>
      </c>
      <c r="AN2423">
        <v>81105.714389999994</v>
      </c>
      <c r="AO2423">
        <v>30430.508470000001</v>
      </c>
      <c r="AP2423">
        <v>14417.982840000001</v>
      </c>
    </row>
    <row r="2424" spans="2:42" x14ac:dyDescent="0.3">
      <c r="B2424">
        <v>58.191108698425118</v>
      </c>
      <c r="C2424" s="83">
        <v>43201.916666666664</v>
      </c>
      <c r="D2424">
        <v>243246.6574</v>
      </c>
      <c r="E2424">
        <v>15006.513360000001</v>
      </c>
      <c r="F2424">
        <v>51408.18303</v>
      </c>
      <c r="G2424">
        <v>41441.817499999997</v>
      </c>
      <c r="H2424">
        <v>38118.754789999999</v>
      </c>
      <c r="I2424">
        <v>25525.582760000001</v>
      </c>
      <c r="J2424">
        <v>39969.38708</v>
      </c>
      <c r="K2424">
        <v>53566.79232</v>
      </c>
      <c r="L2424">
        <v>24823.046279999999</v>
      </c>
      <c r="M2424">
        <v>296685.40909999999</v>
      </c>
      <c r="N2424">
        <v>77987.8073</v>
      </c>
      <c r="O2424">
        <v>21871.667710000002</v>
      </c>
      <c r="P2424">
        <v>40361.041980000002</v>
      </c>
      <c r="Q2424">
        <v>83079.209950000004</v>
      </c>
      <c r="R2424">
        <v>22858.404320000001</v>
      </c>
      <c r="S2424">
        <v>80211.178950000001</v>
      </c>
      <c r="T2424">
        <v>26640.478930000001</v>
      </c>
      <c r="U2424">
        <v>15600.033429999999</v>
      </c>
      <c r="W2424" s="83">
        <f>Bühler!N2456</f>
        <v>45392.916666660793</v>
      </c>
      <c r="X2424" s="83">
        <v>43201.916666666664</v>
      </c>
      <c r="Y2424">
        <v>243246.6574</v>
      </c>
      <c r="Z2424">
        <v>15006.513360000001</v>
      </c>
      <c r="AA2424">
        <v>51408.18303</v>
      </c>
      <c r="AB2424">
        <v>41441.817499999997</v>
      </c>
      <c r="AC2424">
        <v>38118.754789999999</v>
      </c>
      <c r="AD2424">
        <v>25525.582760000001</v>
      </c>
      <c r="AE2424">
        <v>39969.38708</v>
      </c>
      <c r="AF2424">
        <v>53566.79232</v>
      </c>
      <c r="AG2424">
        <v>24823.046279999999</v>
      </c>
      <c r="AH2424">
        <v>296685.40909999999</v>
      </c>
      <c r="AI2424">
        <v>77987.8073</v>
      </c>
      <c r="AJ2424">
        <v>21871.667710000002</v>
      </c>
      <c r="AK2424">
        <v>40361.041980000002</v>
      </c>
      <c r="AL2424">
        <v>83079.209950000004</v>
      </c>
      <c r="AM2424">
        <v>22858.404320000001</v>
      </c>
      <c r="AN2424">
        <v>80211.178950000001</v>
      </c>
      <c r="AO2424">
        <v>26640.478930000001</v>
      </c>
      <c r="AP2424">
        <v>15600.033429999999</v>
      </c>
    </row>
    <row r="2425" spans="2:42" x14ac:dyDescent="0.3">
      <c r="B2425">
        <v>58.035103333938416</v>
      </c>
      <c r="C2425" s="83">
        <v>43201.958333333336</v>
      </c>
      <c r="D2425">
        <v>243842.37659999999</v>
      </c>
      <c r="E2425">
        <v>14414.371649999999</v>
      </c>
      <c r="F2425">
        <v>49803.557090000002</v>
      </c>
      <c r="G2425">
        <v>40498.868340000001</v>
      </c>
      <c r="H2425">
        <v>37096.993649999997</v>
      </c>
      <c r="I2425">
        <v>24034.141309999999</v>
      </c>
      <c r="J2425">
        <v>37525.323320000003</v>
      </c>
      <c r="K2425">
        <v>52769.439380000003</v>
      </c>
      <c r="L2425">
        <v>21563.891650000001</v>
      </c>
      <c r="M2425">
        <v>295890.02100000001</v>
      </c>
      <c r="N2425">
        <v>77375.723620000004</v>
      </c>
      <c r="O2425">
        <v>22053.609520000002</v>
      </c>
      <c r="P2425">
        <v>34966.155330000001</v>
      </c>
      <c r="Q2425">
        <v>82743.922099999996</v>
      </c>
      <c r="R2425">
        <v>24304.11951</v>
      </c>
      <c r="S2425">
        <v>78709.995930000005</v>
      </c>
      <c r="T2425">
        <v>23989.944289999999</v>
      </c>
      <c r="U2425">
        <v>14854.8596</v>
      </c>
      <c r="W2425" s="83">
        <f>Bühler!N2457</f>
        <v>45392.958333327457</v>
      </c>
      <c r="X2425" s="83">
        <v>43201.958333333336</v>
      </c>
      <c r="Y2425">
        <v>243842.37659999999</v>
      </c>
      <c r="Z2425">
        <v>14414.371649999999</v>
      </c>
      <c r="AA2425">
        <v>49803.557090000002</v>
      </c>
      <c r="AB2425">
        <v>40498.868340000001</v>
      </c>
      <c r="AC2425">
        <v>37096.993649999997</v>
      </c>
      <c r="AD2425">
        <v>24034.141309999999</v>
      </c>
      <c r="AE2425">
        <v>37525.323320000003</v>
      </c>
      <c r="AF2425">
        <v>52769.439380000003</v>
      </c>
      <c r="AG2425">
        <v>21563.891650000001</v>
      </c>
      <c r="AH2425">
        <v>295890.02100000001</v>
      </c>
      <c r="AI2425">
        <v>77375.723620000004</v>
      </c>
      <c r="AJ2425">
        <v>22053.609520000002</v>
      </c>
      <c r="AK2425">
        <v>34966.155330000001</v>
      </c>
      <c r="AL2425">
        <v>82743.922099999996</v>
      </c>
      <c r="AM2425">
        <v>24304.11951</v>
      </c>
      <c r="AN2425">
        <v>78709.995930000005</v>
      </c>
      <c r="AO2425">
        <v>23989.944289999999</v>
      </c>
      <c r="AP2425">
        <v>14854.8596</v>
      </c>
    </row>
    <row r="2426" spans="2:42" x14ac:dyDescent="0.3">
      <c r="B2426">
        <v>56.750694639089957</v>
      </c>
      <c r="C2426" s="83">
        <v>43202</v>
      </c>
      <c r="D2426">
        <v>241339.0056</v>
      </c>
      <c r="E2426">
        <v>14221.54549</v>
      </c>
      <c r="F2426">
        <v>48708.518389999997</v>
      </c>
      <c r="G2426">
        <v>40061.799709999999</v>
      </c>
      <c r="H2426">
        <v>37533.099560000002</v>
      </c>
      <c r="I2426">
        <v>22297.317319999998</v>
      </c>
      <c r="J2426">
        <v>35960.709360000001</v>
      </c>
      <c r="K2426">
        <v>52018.49742</v>
      </c>
      <c r="L2426">
        <v>19477.087500000001</v>
      </c>
      <c r="M2426">
        <v>289341.50650000002</v>
      </c>
      <c r="N2426">
        <v>76829.76053</v>
      </c>
      <c r="O2426">
        <v>21758.296249999999</v>
      </c>
      <c r="P2426">
        <v>32001.444660000001</v>
      </c>
      <c r="Q2426">
        <v>81457.827650000007</v>
      </c>
      <c r="R2426">
        <v>20294.48329</v>
      </c>
      <c r="S2426">
        <v>77713.272490000003</v>
      </c>
      <c r="T2426">
        <v>22078.914990000001</v>
      </c>
      <c r="U2426">
        <v>15145.97287</v>
      </c>
      <c r="W2426" s="83">
        <f>Bühler!N2458</f>
        <v>45392.999999994121</v>
      </c>
      <c r="X2426" s="83">
        <v>43202</v>
      </c>
      <c r="Y2426">
        <v>241339.0056</v>
      </c>
      <c r="Z2426">
        <v>14221.54549</v>
      </c>
      <c r="AA2426">
        <v>48708.518389999997</v>
      </c>
      <c r="AB2426">
        <v>40061.799709999999</v>
      </c>
      <c r="AC2426">
        <v>37533.099560000002</v>
      </c>
      <c r="AD2426">
        <v>22297.317319999998</v>
      </c>
      <c r="AE2426">
        <v>35960.709360000001</v>
      </c>
      <c r="AF2426">
        <v>52018.49742</v>
      </c>
      <c r="AG2426">
        <v>19477.087500000001</v>
      </c>
      <c r="AH2426">
        <v>289341.50650000002</v>
      </c>
      <c r="AI2426">
        <v>76829.76053</v>
      </c>
      <c r="AJ2426">
        <v>21758.296249999999</v>
      </c>
      <c r="AK2426">
        <v>32001.444660000001</v>
      </c>
      <c r="AL2426">
        <v>81457.827650000007</v>
      </c>
      <c r="AM2426">
        <v>20294.48329</v>
      </c>
      <c r="AN2426">
        <v>77713.272490000003</v>
      </c>
      <c r="AO2426">
        <v>22078.914990000001</v>
      </c>
      <c r="AP2426">
        <v>15145.97287</v>
      </c>
    </row>
    <row r="2427" spans="2:42" x14ac:dyDescent="0.3">
      <c r="B2427">
        <v>55.771135931620989</v>
      </c>
      <c r="C2427" s="83">
        <v>43202.041666666664</v>
      </c>
      <c r="D2427">
        <v>241276.3904</v>
      </c>
      <c r="E2427">
        <v>14212.010969999999</v>
      </c>
      <c r="F2427">
        <v>48540.063430000002</v>
      </c>
      <c r="G2427">
        <v>39249.164499999999</v>
      </c>
      <c r="H2427">
        <v>36798.968639999999</v>
      </c>
      <c r="I2427">
        <v>18121.880349999999</v>
      </c>
      <c r="J2427">
        <v>34821.513800000001</v>
      </c>
      <c r="K2427">
        <v>49875.129439999997</v>
      </c>
      <c r="L2427">
        <v>19044.991679999999</v>
      </c>
      <c r="M2427">
        <v>284347.25939999998</v>
      </c>
      <c r="N2427">
        <v>77523.467520000006</v>
      </c>
      <c r="O2427">
        <v>21722.02015</v>
      </c>
      <c r="P2427">
        <v>29988.367679999999</v>
      </c>
      <c r="Q2427">
        <v>81909.415429999994</v>
      </c>
      <c r="R2427">
        <v>19144.246609999998</v>
      </c>
      <c r="S2427">
        <v>76812.816279999999</v>
      </c>
      <c r="T2427">
        <v>21571.740529999999</v>
      </c>
      <c r="U2427">
        <v>14844.59309</v>
      </c>
      <c r="W2427" s="83">
        <f>Bühler!N2459</f>
        <v>45393.041666660785</v>
      </c>
      <c r="X2427" s="83">
        <v>43202.041666666664</v>
      </c>
      <c r="Y2427">
        <v>241276.3904</v>
      </c>
      <c r="Z2427">
        <v>14212.010969999999</v>
      </c>
      <c r="AA2427">
        <v>48540.063430000002</v>
      </c>
      <c r="AB2427">
        <v>39249.164499999999</v>
      </c>
      <c r="AC2427">
        <v>36798.968639999999</v>
      </c>
      <c r="AD2427">
        <v>18121.880349999999</v>
      </c>
      <c r="AE2427">
        <v>34821.513800000001</v>
      </c>
      <c r="AF2427">
        <v>49875.129439999997</v>
      </c>
      <c r="AG2427">
        <v>19044.991679999999</v>
      </c>
      <c r="AH2427">
        <v>284347.25939999998</v>
      </c>
      <c r="AI2427">
        <v>77523.467520000006</v>
      </c>
      <c r="AJ2427">
        <v>21722.02015</v>
      </c>
      <c r="AK2427">
        <v>29988.367679999999</v>
      </c>
      <c r="AL2427">
        <v>81909.415429999994</v>
      </c>
      <c r="AM2427">
        <v>19144.246609999998</v>
      </c>
      <c r="AN2427">
        <v>76812.816279999999</v>
      </c>
      <c r="AO2427">
        <v>21571.740529999999</v>
      </c>
      <c r="AP2427">
        <v>14844.59309</v>
      </c>
    </row>
    <row r="2428" spans="2:42" x14ac:dyDescent="0.3">
      <c r="B2428">
        <v>56.200186032824746</v>
      </c>
      <c r="C2428" s="83">
        <v>43202.083333333336</v>
      </c>
      <c r="D2428">
        <v>240512.72140000001</v>
      </c>
      <c r="E2428">
        <v>14180.8701</v>
      </c>
      <c r="F2428">
        <v>49101.167119999998</v>
      </c>
      <c r="G2428">
        <v>39216.082139999999</v>
      </c>
      <c r="H2428">
        <v>36441.516250000001</v>
      </c>
      <c r="I2428">
        <v>16625.77233</v>
      </c>
      <c r="J2428">
        <v>34472.819089999997</v>
      </c>
      <c r="K2428">
        <v>48731.62343</v>
      </c>
      <c r="L2428">
        <v>18503.426390000001</v>
      </c>
      <c r="M2428">
        <v>286534.75689999998</v>
      </c>
      <c r="N2428">
        <v>76513.786080000005</v>
      </c>
      <c r="O2428">
        <v>21787.464899999999</v>
      </c>
      <c r="P2428">
        <v>27866.368330000001</v>
      </c>
      <c r="Q2428">
        <v>84750.351930000004</v>
      </c>
      <c r="R2428">
        <v>20060.298279999999</v>
      </c>
      <c r="S2428">
        <v>76160.90393</v>
      </c>
      <c r="T2428">
        <v>20874.77174</v>
      </c>
      <c r="U2428">
        <v>14717.975899999999</v>
      </c>
      <c r="W2428" s="83">
        <f>Bühler!N2460</f>
        <v>45393.08333332745</v>
      </c>
      <c r="X2428" s="83">
        <v>43202.083333333336</v>
      </c>
      <c r="Y2428">
        <v>240512.72140000001</v>
      </c>
      <c r="Z2428">
        <v>14180.8701</v>
      </c>
      <c r="AA2428">
        <v>49101.167119999998</v>
      </c>
      <c r="AB2428">
        <v>39216.082139999999</v>
      </c>
      <c r="AC2428">
        <v>36441.516250000001</v>
      </c>
      <c r="AD2428">
        <v>16625.77233</v>
      </c>
      <c r="AE2428">
        <v>34472.819089999997</v>
      </c>
      <c r="AF2428">
        <v>48731.62343</v>
      </c>
      <c r="AG2428">
        <v>18503.426390000001</v>
      </c>
      <c r="AH2428">
        <v>286534.75689999998</v>
      </c>
      <c r="AI2428">
        <v>76513.786080000005</v>
      </c>
      <c r="AJ2428">
        <v>21787.464899999999</v>
      </c>
      <c r="AK2428">
        <v>27866.368330000001</v>
      </c>
      <c r="AL2428">
        <v>84750.351930000004</v>
      </c>
      <c r="AM2428">
        <v>20060.298279999999</v>
      </c>
      <c r="AN2428">
        <v>76160.90393</v>
      </c>
      <c r="AO2428">
        <v>20874.77174</v>
      </c>
      <c r="AP2428">
        <v>14717.975899999999</v>
      </c>
    </row>
    <row r="2429" spans="2:42" x14ac:dyDescent="0.3">
      <c r="B2429">
        <v>57.003536025801061</v>
      </c>
      <c r="C2429" s="83">
        <v>43202.125</v>
      </c>
      <c r="D2429">
        <v>243592.08480000001</v>
      </c>
      <c r="E2429">
        <v>14396.59202</v>
      </c>
      <c r="F2429">
        <v>50572.79004</v>
      </c>
      <c r="G2429">
        <v>38738.992709999999</v>
      </c>
      <c r="H2429">
        <v>36565.313739999998</v>
      </c>
      <c r="I2429">
        <v>16443.544389999999</v>
      </c>
      <c r="J2429">
        <v>34876.474300000002</v>
      </c>
      <c r="K2429">
        <v>47406.342449999996</v>
      </c>
      <c r="L2429">
        <v>17185.12844</v>
      </c>
      <c r="M2429">
        <v>290630.60979999998</v>
      </c>
      <c r="N2429">
        <v>74965.686539999995</v>
      </c>
      <c r="O2429">
        <v>22260.862850000001</v>
      </c>
      <c r="P2429">
        <v>27754.850709999999</v>
      </c>
      <c r="Q2429">
        <v>87847.451159999997</v>
      </c>
      <c r="R2429">
        <v>20246.510979999999</v>
      </c>
      <c r="S2429">
        <v>75913.006649999996</v>
      </c>
      <c r="T2429">
        <v>20514.683540000002</v>
      </c>
      <c r="U2429">
        <v>15046.275019999999</v>
      </c>
      <c r="W2429" s="83">
        <f>Bühler!N2461</f>
        <v>45393.124999994114</v>
      </c>
      <c r="X2429" s="83">
        <v>43202.125</v>
      </c>
      <c r="Y2429">
        <v>243592.08480000001</v>
      </c>
      <c r="Z2429">
        <v>14396.59202</v>
      </c>
      <c r="AA2429">
        <v>50572.79004</v>
      </c>
      <c r="AB2429">
        <v>38738.992709999999</v>
      </c>
      <c r="AC2429">
        <v>36565.313739999998</v>
      </c>
      <c r="AD2429">
        <v>16443.544389999999</v>
      </c>
      <c r="AE2429">
        <v>34876.474300000002</v>
      </c>
      <c r="AF2429">
        <v>47406.342449999996</v>
      </c>
      <c r="AG2429">
        <v>17185.12844</v>
      </c>
      <c r="AH2429">
        <v>290630.60979999998</v>
      </c>
      <c r="AI2429">
        <v>74965.686539999995</v>
      </c>
      <c r="AJ2429">
        <v>22260.862850000001</v>
      </c>
      <c r="AK2429">
        <v>27754.850709999999</v>
      </c>
      <c r="AL2429">
        <v>87847.451159999997</v>
      </c>
      <c r="AM2429">
        <v>20246.510979999999</v>
      </c>
      <c r="AN2429">
        <v>75913.006649999996</v>
      </c>
      <c r="AO2429">
        <v>20514.683540000002</v>
      </c>
      <c r="AP2429">
        <v>15046.275019999999</v>
      </c>
    </row>
    <row r="2430" spans="2:42" x14ac:dyDescent="0.3">
      <c r="B2430">
        <v>58.312822672467362</v>
      </c>
      <c r="C2430" s="83">
        <v>43202.166666666664</v>
      </c>
      <c r="D2430">
        <v>246601.467</v>
      </c>
      <c r="E2430">
        <v>14949.41079</v>
      </c>
      <c r="F2430">
        <v>53925.314509999997</v>
      </c>
      <c r="G2430">
        <v>38362.141459999999</v>
      </c>
      <c r="H2430">
        <v>37393.151740000001</v>
      </c>
      <c r="I2430">
        <v>18354.047709999999</v>
      </c>
      <c r="J2430">
        <v>36898.402820000003</v>
      </c>
      <c r="K2430">
        <v>45176.842479999999</v>
      </c>
      <c r="L2430">
        <v>16983.20984</v>
      </c>
      <c r="M2430">
        <v>297305.96370000002</v>
      </c>
      <c r="N2430">
        <v>74260.799840000007</v>
      </c>
      <c r="O2430">
        <v>22785.2408</v>
      </c>
      <c r="P2430">
        <v>26535.379140000001</v>
      </c>
      <c r="Q2430">
        <v>90843.897089999999</v>
      </c>
      <c r="R2430">
        <v>20123.677449999999</v>
      </c>
      <c r="S2430">
        <v>77011.388990000007</v>
      </c>
      <c r="T2430">
        <v>20755.824850000001</v>
      </c>
      <c r="U2430">
        <v>16253.848959999999</v>
      </c>
      <c r="W2430" s="83">
        <f>Bühler!N2462</f>
        <v>45393.166666660778</v>
      </c>
      <c r="X2430" s="83">
        <v>43202.166666666664</v>
      </c>
      <c r="Y2430">
        <v>246601.467</v>
      </c>
      <c r="Z2430">
        <v>14949.41079</v>
      </c>
      <c r="AA2430">
        <v>53925.314509999997</v>
      </c>
      <c r="AB2430">
        <v>38362.141459999999</v>
      </c>
      <c r="AC2430">
        <v>37393.151740000001</v>
      </c>
      <c r="AD2430">
        <v>18354.047709999999</v>
      </c>
      <c r="AE2430">
        <v>36898.402820000003</v>
      </c>
      <c r="AF2430">
        <v>45176.842479999999</v>
      </c>
      <c r="AG2430">
        <v>16983.20984</v>
      </c>
      <c r="AH2430">
        <v>297305.96370000002</v>
      </c>
      <c r="AI2430">
        <v>74260.799840000007</v>
      </c>
      <c r="AJ2430">
        <v>22785.2408</v>
      </c>
      <c r="AK2430">
        <v>26535.379140000001</v>
      </c>
      <c r="AL2430">
        <v>90843.897089999999</v>
      </c>
      <c r="AM2430">
        <v>20123.677449999999</v>
      </c>
      <c r="AN2430">
        <v>77011.388990000007</v>
      </c>
      <c r="AO2430">
        <v>20755.824850000001</v>
      </c>
      <c r="AP2430">
        <v>16253.848959999999</v>
      </c>
    </row>
    <row r="2431" spans="2:42" x14ac:dyDescent="0.3">
      <c r="B2431">
        <v>60.989198426429112</v>
      </c>
      <c r="C2431" s="83">
        <v>43202.208333333336</v>
      </c>
      <c r="D2431">
        <v>262793.56910000002</v>
      </c>
      <c r="E2431">
        <v>17117.914680000002</v>
      </c>
      <c r="F2431">
        <v>64285.6446</v>
      </c>
      <c r="G2431">
        <v>41371.764020000002</v>
      </c>
      <c r="H2431">
        <v>39612.826269999998</v>
      </c>
      <c r="I2431">
        <v>26402.189460000001</v>
      </c>
      <c r="J2431">
        <v>39910.656949999997</v>
      </c>
      <c r="K2431">
        <v>46682.967810000002</v>
      </c>
      <c r="L2431">
        <v>18113.302930000002</v>
      </c>
      <c r="M2431">
        <v>310951.37540000002</v>
      </c>
      <c r="N2431">
        <v>74440.167069999996</v>
      </c>
      <c r="O2431">
        <v>23466.70593</v>
      </c>
      <c r="P2431">
        <v>29178.279470000001</v>
      </c>
      <c r="Q2431">
        <v>94636.062520000007</v>
      </c>
      <c r="R2431">
        <v>23202.595440000001</v>
      </c>
      <c r="S2431">
        <v>79607.055500000002</v>
      </c>
      <c r="T2431">
        <v>22305.077310000001</v>
      </c>
      <c r="U2431">
        <v>19490.68506</v>
      </c>
      <c r="W2431" s="83">
        <f>Bühler!N2463</f>
        <v>45393.208333327442</v>
      </c>
      <c r="X2431" s="83">
        <v>43202.208333333336</v>
      </c>
      <c r="Y2431">
        <v>262793.56910000002</v>
      </c>
      <c r="Z2431">
        <v>17117.914680000002</v>
      </c>
      <c r="AA2431">
        <v>64285.6446</v>
      </c>
      <c r="AB2431">
        <v>41371.764020000002</v>
      </c>
      <c r="AC2431">
        <v>39612.826269999998</v>
      </c>
      <c r="AD2431">
        <v>26402.189460000001</v>
      </c>
      <c r="AE2431">
        <v>39910.656949999997</v>
      </c>
      <c r="AF2431">
        <v>46682.967810000002</v>
      </c>
      <c r="AG2431">
        <v>18113.302930000002</v>
      </c>
      <c r="AH2431">
        <v>310951.37540000002</v>
      </c>
      <c r="AI2431">
        <v>74440.167069999996</v>
      </c>
      <c r="AJ2431">
        <v>23466.70593</v>
      </c>
      <c r="AK2431">
        <v>29178.279470000001</v>
      </c>
      <c r="AL2431">
        <v>94636.062520000007</v>
      </c>
      <c r="AM2431">
        <v>23202.595440000001</v>
      </c>
      <c r="AN2431">
        <v>79607.055500000002</v>
      </c>
      <c r="AO2431">
        <v>22305.077310000001</v>
      </c>
      <c r="AP2431">
        <v>19490.68506</v>
      </c>
    </row>
    <row r="2432" spans="2:42" x14ac:dyDescent="0.3">
      <c r="B2432">
        <v>64.919149014729868</v>
      </c>
      <c r="C2432" s="83">
        <v>43202.25</v>
      </c>
      <c r="D2432">
        <v>280281.63329999999</v>
      </c>
      <c r="E2432">
        <v>21604.24984</v>
      </c>
      <c r="F2432">
        <v>78473.728900000002</v>
      </c>
      <c r="G2432">
        <v>54171.474779999997</v>
      </c>
      <c r="H2432">
        <v>43023.338830000001</v>
      </c>
      <c r="I2432">
        <v>35599.18636</v>
      </c>
      <c r="J2432">
        <v>44501.49987</v>
      </c>
      <c r="K2432">
        <v>49220.719400000002</v>
      </c>
      <c r="L2432">
        <v>19699.861400000002</v>
      </c>
      <c r="M2432">
        <v>330988.09620000003</v>
      </c>
      <c r="N2432">
        <v>78748.631139999998</v>
      </c>
      <c r="O2432">
        <v>25077.526809999999</v>
      </c>
      <c r="P2432">
        <v>29977.848160000001</v>
      </c>
      <c r="Q2432">
        <v>95523.377160000004</v>
      </c>
      <c r="R2432">
        <v>19457.727009999999</v>
      </c>
      <c r="S2432">
        <v>88156.025829999999</v>
      </c>
      <c r="T2432">
        <v>25246.609179999999</v>
      </c>
      <c r="U2432">
        <v>21893.59059</v>
      </c>
      <c r="W2432" s="83">
        <f>Bühler!N2464</f>
        <v>45393.249999994106</v>
      </c>
      <c r="X2432" s="83">
        <v>43202.25</v>
      </c>
      <c r="Y2432">
        <v>280281.63329999999</v>
      </c>
      <c r="Z2432">
        <v>21604.24984</v>
      </c>
      <c r="AA2432">
        <v>78473.728900000002</v>
      </c>
      <c r="AB2432">
        <v>54171.474779999997</v>
      </c>
      <c r="AC2432">
        <v>43023.338830000001</v>
      </c>
      <c r="AD2432">
        <v>35599.18636</v>
      </c>
      <c r="AE2432">
        <v>44501.49987</v>
      </c>
      <c r="AF2432">
        <v>49220.719400000002</v>
      </c>
      <c r="AG2432">
        <v>19699.861400000002</v>
      </c>
      <c r="AH2432">
        <v>330988.09620000003</v>
      </c>
      <c r="AI2432">
        <v>78748.631139999998</v>
      </c>
      <c r="AJ2432">
        <v>25077.526809999999</v>
      </c>
      <c r="AK2432">
        <v>29977.848160000001</v>
      </c>
      <c r="AL2432">
        <v>95523.377160000004</v>
      </c>
      <c r="AM2432">
        <v>19457.727009999999</v>
      </c>
      <c r="AN2432">
        <v>88156.025829999999</v>
      </c>
      <c r="AO2432">
        <v>25246.609179999999</v>
      </c>
      <c r="AP2432">
        <v>21893.59059</v>
      </c>
    </row>
    <row r="2433" spans="2:42" x14ac:dyDescent="0.3">
      <c r="B2433">
        <v>66.974686385597394</v>
      </c>
      <c r="C2433" s="83">
        <v>43202.291666666664</v>
      </c>
      <c r="D2433">
        <v>293698.8959</v>
      </c>
      <c r="E2433">
        <v>26487.400079999999</v>
      </c>
      <c r="F2433">
        <v>80658.64761</v>
      </c>
      <c r="G2433">
        <v>66371.037679999994</v>
      </c>
      <c r="H2433">
        <v>48076.261709999999</v>
      </c>
      <c r="I2433">
        <v>43763.490729999998</v>
      </c>
      <c r="J2433">
        <v>45072.49813</v>
      </c>
      <c r="K2433">
        <v>55252.446559999997</v>
      </c>
      <c r="L2433">
        <v>23573.806779999999</v>
      </c>
      <c r="M2433">
        <v>341468.18430000002</v>
      </c>
      <c r="N2433">
        <v>85564.997879999995</v>
      </c>
      <c r="O2433">
        <v>27641.757850000002</v>
      </c>
      <c r="P2433">
        <v>34377.865740000001</v>
      </c>
      <c r="Q2433">
        <v>94929.468500000003</v>
      </c>
      <c r="R2433">
        <v>19792.01568</v>
      </c>
      <c r="S2433">
        <v>104046.789</v>
      </c>
      <c r="T2433">
        <v>29330.084699999999</v>
      </c>
      <c r="U2433">
        <v>26229.3426</v>
      </c>
      <c r="W2433" s="83">
        <f>Bühler!N2465</f>
        <v>45393.291666660771</v>
      </c>
      <c r="X2433" s="83">
        <v>43202.291666666664</v>
      </c>
      <c r="Y2433">
        <v>293698.8959</v>
      </c>
      <c r="Z2433">
        <v>26487.400079999999</v>
      </c>
      <c r="AA2433">
        <v>80658.64761</v>
      </c>
      <c r="AB2433">
        <v>66371.037679999994</v>
      </c>
      <c r="AC2433">
        <v>48076.261709999999</v>
      </c>
      <c r="AD2433">
        <v>43763.490729999998</v>
      </c>
      <c r="AE2433">
        <v>45072.49813</v>
      </c>
      <c r="AF2433">
        <v>55252.446559999997</v>
      </c>
      <c r="AG2433">
        <v>23573.806779999999</v>
      </c>
      <c r="AH2433">
        <v>341468.18430000002</v>
      </c>
      <c r="AI2433">
        <v>85564.997879999995</v>
      </c>
      <c r="AJ2433">
        <v>27641.757850000002</v>
      </c>
      <c r="AK2433">
        <v>34377.865740000001</v>
      </c>
      <c r="AL2433">
        <v>94929.468500000003</v>
      </c>
      <c r="AM2433">
        <v>19792.01568</v>
      </c>
      <c r="AN2433">
        <v>104046.789</v>
      </c>
      <c r="AO2433">
        <v>29330.084699999999</v>
      </c>
      <c r="AP2433">
        <v>26229.3426</v>
      </c>
    </row>
    <row r="2434" spans="2:42" x14ac:dyDescent="0.3">
      <c r="B2434">
        <v>67.651698700378319</v>
      </c>
      <c r="C2434" s="83">
        <v>43202.333333333336</v>
      </c>
      <c r="D2434">
        <v>303677.8321</v>
      </c>
      <c r="E2434">
        <v>32044.12831</v>
      </c>
      <c r="F2434">
        <v>85570.205260000002</v>
      </c>
      <c r="G2434">
        <v>78814.40741</v>
      </c>
      <c r="H2434">
        <v>52917.306689999998</v>
      </c>
      <c r="I2434">
        <v>45071.918839999998</v>
      </c>
      <c r="J2434">
        <v>44464.554089999998</v>
      </c>
      <c r="K2434">
        <v>60158.61825</v>
      </c>
      <c r="L2434">
        <v>26606.700130000001</v>
      </c>
      <c r="M2434">
        <v>344919.90879999998</v>
      </c>
      <c r="N2434">
        <v>93177.992490000004</v>
      </c>
      <c r="O2434">
        <v>28455.948039999999</v>
      </c>
      <c r="P2434">
        <v>36712.78026</v>
      </c>
      <c r="Q2434">
        <v>94581.831630000001</v>
      </c>
      <c r="R2434">
        <v>22491.795999999998</v>
      </c>
      <c r="S2434">
        <v>114646.64019999999</v>
      </c>
      <c r="T2434">
        <v>32748.406729999999</v>
      </c>
      <c r="U2434">
        <v>28827.49438</v>
      </c>
      <c r="W2434" s="83">
        <f>Bühler!N2466</f>
        <v>45393.333333327435</v>
      </c>
      <c r="X2434" s="83">
        <v>43202.333333333336</v>
      </c>
      <c r="Y2434">
        <v>303677.8321</v>
      </c>
      <c r="Z2434">
        <v>32044.12831</v>
      </c>
      <c r="AA2434">
        <v>85570.205260000002</v>
      </c>
      <c r="AB2434">
        <v>78814.40741</v>
      </c>
      <c r="AC2434">
        <v>52917.306689999998</v>
      </c>
      <c r="AD2434">
        <v>45071.918839999998</v>
      </c>
      <c r="AE2434">
        <v>44464.554089999998</v>
      </c>
      <c r="AF2434">
        <v>60158.61825</v>
      </c>
      <c r="AG2434">
        <v>26606.700130000001</v>
      </c>
      <c r="AH2434">
        <v>344919.90879999998</v>
      </c>
      <c r="AI2434">
        <v>93177.992490000004</v>
      </c>
      <c r="AJ2434">
        <v>28455.948039999999</v>
      </c>
      <c r="AK2434">
        <v>36712.78026</v>
      </c>
      <c r="AL2434">
        <v>94581.831630000001</v>
      </c>
      <c r="AM2434">
        <v>22491.795999999998</v>
      </c>
      <c r="AN2434">
        <v>114646.64019999999</v>
      </c>
      <c r="AO2434">
        <v>32748.406729999999</v>
      </c>
      <c r="AP2434">
        <v>28827.49438</v>
      </c>
    </row>
    <row r="2435" spans="2:42" x14ac:dyDescent="0.3">
      <c r="B2435">
        <v>67.601256453092375</v>
      </c>
      <c r="C2435" s="83">
        <v>43202.375</v>
      </c>
      <c r="D2435">
        <v>305201.50550000003</v>
      </c>
      <c r="E2435">
        <v>36236.401330000001</v>
      </c>
      <c r="F2435">
        <v>91921.372449999995</v>
      </c>
      <c r="G2435">
        <v>84975.230150000003</v>
      </c>
      <c r="H2435">
        <v>54945.344279999998</v>
      </c>
      <c r="I2435">
        <v>41798.409390000001</v>
      </c>
      <c r="J2435">
        <v>45782.906649999997</v>
      </c>
      <c r="K2435">
        <v>62131.653989999999</v>
      </c>
      <c r="L2435">
        <v>28915.645479999999</v>
      </c>
      <c r="M2435">
        <v>344662.73070000001</v>
      </c>
      <c r="N2435">
        <v>96977.278919999997</v>
      </c>
      <c r="O2435">
        <v>28760.529770000001</v>
      </c>
      <c r="P2435">
        <v>38307.549019999999</v>
      </c>
      <c r="Q2435">
        <v>95886.192550000007</v>
      </c>
      <c r="R2435">
        <v>22825.726579999999</v>
      </c>
      <c r="S2435">
        <v>120220.79369999999</v>
      </c>
      <c r="T2435">
        <v>34746.715750000003</v>
      </c>
      <c r="U2435">
        <v>28332.162410000001</v>
      </c>
      <c r="W2435" s="83">
        <f>Bühler!N2467</f>
        <v>45393.374999994099</v>
      </c>
      <c r="X2435" s="83">
        <v>43202.375</v>
      </c>
      <c r="Y2435">
        <v>305201.50550000003</v>
      </c>
      <c r="Z2435">
        <v>36236.401330000001</v>
      </c>
      <c r="AA2435">
        <v>91921.372449999995</v>
      </c>
      <c r="AB2435">
        <v>84975.230150000003</v>
      </c>
      <c r="AC2435">
        <v>54945.344279999998</v>
      </c>
      <c r="AD2435">
        <v>41798.409390000001</v>
      </c>
      <c r="AE2435">
        <v>45782.906649999997</v>
      </c>
      <c r="AF2435">
        <v>62131.653989999999</v>
      </c>
      <c r="AG2435">
        <v>28915.645479999999</v>
      </c>
      <c r="AH2435">
        <v>344662.73070000001</v>
      </c>
      <c r="AI2435">
        <v>96977.278919999997</v>
      </c>
      <c r="AJ2435">
        <v>28760.529770000001</v>
      </c>
      <c r="AK2435">
        <v>38307.549019999999</v>
      </c>
      <c r="AL2435">
        <v>95886.192550000007</v>
      </c>
      <c r="AM2435">
        <v>22825.726579999999</v>
      </c>
      <c r="AN2435">
        <v>120220.79369999999</v>
      </c>
      <c r="AO2435">
        <v>34746.715750000003</v>
      </c>
      <c r="AP2435">
        <v>28332.162410000001</v>
      </c>
    </row>
    <row r="2436" spans="2:42" x14ac:dyDescent="0.3">
      <c r="B2436">
        <v>67.809653886504179</v>
      </c>
      <c r="C2436" s="83">
        <v>43202.416666666664</v>
      </c>
      <c r="D2436">
        <v>303890.64</v>
      </c>
      <c r="E2436">
        <v>37341.241959999999</v>
      </c>
      <c r="F2436">
        <v>93579.685740000001</v>
      </c>
      <c r="G2436">
        <v>87003.701239999995</v>
      </c>
      <c r="H2436">
        <v>54123.841419999997</v>
      </c>
      <c r="I2436">
        <v>38333.10082</v>
      </c>
      <c r="J2436">
        <v>44794.528879999998</v>
      </c>
      <c r="K2436">
        <v>63668.686439999998</v>
      </c>
      <c r="L2436">
        <v>31230.700339999999</v>
      </c>
      <c r="M2436">
        <v>345725.23800000001</v>
      </c>
      <c r="N2436">
        <v>100158.54369999999</v>
      </c>
      <c r="O2436">
        <v>28007.757870000001</v>
      </c>
      <c r="P2436">
        <v>38288.337729999999</v>
      </c>
      <c r="Q2436">
        <v>95979.622380000001</v>
      </c>
      <c r="R2436">
        <v>23279.20105</v>
      </c>
      <c r="S2436">
        <v>120691.4014</v>
      </c>
      <c r="T2436">
        <v>35961.674270000003</v>
      </c>
      <c r="U2436">
        <v>27178.39831</v>
      </c>
      <c r="W2436" s="83">
        <f>Bühler!N2468</f>
        <v>45393.416666660763</v>
      </c>
      <c r="X2436" s="83">
        <v>43202.416666666664</v>
      </c>
      <c r="Y2436">
        <v>303890.64</v>
      </c>
      <c r="Z2436">
        <v>37341.241959999999</v>
      </c>
      <c r="AA2436">
        <v>93579.685740000001</v>
      </c>
      <c r="AB2436">
        <v>87003.701239999995</v>
      </c>
      <c r="AC2436">
        <v>54123.841419999997</v>
      </c>
      <c r="AD2436">
        <v>38333.10082</v>
      </c>
      <c r="AE2436">
        <v>44794.528879999998</v>
      </c>
      <c r="AF2436">
        <v>63668.686439999998</v>
      </c>
      <c r="AG2436">
        <v>31230.700339999999</v>
      </c>
      <c r="AH2436">
        <v>345725.23800000001</v>
      </c>
      <c r="AI2436">
        <v>100158.54369999999</v>
      </c>
      <c r="AJ2436">
        <v>28007.757870000001</v>
      </c>
      <c r="AK2436">
        <v>38288.337729999999</v>
      </c>
      <c r="AL2436">
        <v>95979.622380000001</v>
      </c>
      <c r="AM2436">
        <v>23279.20105</v>
      </c>
      <c r="AN2436">
        <v>120691.4014</v>
      </c>
      <c r="AO2436">
        <v>35961.674270000003</v>
      </c>
      <c r="AP2436">
        <v>27178.39831</v>
      </c>
    </row>
    <row r="2437" spans="2:42" x14ac:dyDescent="0.3">
      <c r="B2437">
        <v>68.591781595612574</v>
      </c>
      <c r="C2437" s="83">
        <v>43202.458333333336</v>
      </c>
      <c r="D2437">
        <v>298891.64260000002</v>
      </c>
      <c r="E2437">
        <v>36898.437550000002</v>
      </c>
      <c r="F2437">
        <v>94326.144289999997</v>
      </c>
      <c r="G2437">
        <v>84370.543430000005</v>
      </c>
      <c r="H2437">
        <v>53776.429049999999</v>
      </c>
      <c r="I2437">
        <v>37198.187709999998</v>
      </c>
      <c r="J2437">
        <v>43864.958189999998</v>
      </c>
      <c r="K2437">
        <v>62985.77665</v>
      </c>
      <c r="L2437">
        <v>32354.867999999999</v>
      </c>
      <c r="M2437">
        <v>349712.8898</v>
      </c>
      <c r="N2437">
        <v>99915.664439999993</v>
      </c>
      <c r="O2437">
        <v>27286.533899999999</v>
      </c>
      <c r="P2437">
        <v>36611.378259999998</v>
      </c>
      <c r="Q2437">
        <v>96432.704729999998</v>
      </c>
      <c r="R2437">
        <v>24459.3982</v>
      </c>
      <c r="S2437">
        <v>122485.1103</v>
      </c>
      <c r="T2437">
        <v>35557.232389999997</v>
      </c>
      <c r="U2437">
        <v>25569.62701</v>
      </c>
      <c r="W2437" s="83">
        <f>Bühler!N2469</f>
        <v>45393.458333327428</v>
      </c>
      <c r="X2437" s="83">
        <v>43202.458333333336</v>
      </c>
      <c r="Y2437">
        <v>298891.64260000002</v>
      </c>
      <c r="Z2437">
        <v>36898.437550000002</v>
      </c>
      <c r="AA2437">
        <v>94326.144289999997</v>
      </c>
      <c r="AB2437">
        <v>84370.543430000005</v>
      </c>
      <c r="AC2437">
        <v>53776.429049999999</v>
      </c>
      <c r="AD2437">
        <v>37198.187709999998</v>
      </c>
      <c r="AE2437">
        <v>43864.958189999998</v>
      </c>
      <c r="AF2437">
        <v>62985.77665</v>
      </c>
      <c r="AG2437">
        <v>32354.867999999999</v>
      </c>
      <c r="AH2437">
        <v>349712.8898</v>
      </c>
      <c r="AI2437">
        <v>99915.664439999993</v>
      </c>
      <c r="AJ2437">
        <v>27286.533899999999</v>
      </c>
      <c r="AK2437">
        <v>36611.378259999998</v>
      </c>
      <c r="AL2437">
        <v>96432.704729999998</v>
      </c>
      <c r="AM2437">
        <v>24459.3982</v>
      </c>
      <c r="AN2437">
        <v>122485.1103</v>
      </c>
      <c r="AO2437">
        <v>35557.232389999997</v>
      </c>
      <c r="AP2437">
        <v>25569.62701</v>
      </c>
    </row>
    <row r="2438" spans="2:42" x14ac:dyDescent="0.3">
      <c r="B2438">
        <v>67.639823070347816</v>
      </c>
      <c r="C2438" s="83">
        <v>43202.5</v>
      </c>
      <c r="D2438">
        <v>286362.99810000003</v>
      </c>
      <c r="E2438">
        <v>32963.194730000003</v>
      </c>
      <c r="F2438">
        <v>91563.658190000002</v>
      </c>
      <c r="G2438">
        <v>83867.589340000006</v>
      </c>
      <c r="H2438">
        <v>51191.344850000001</v>
      </c>
      <c r="I2438">
        <v>36501.95134</v>
      </c>
      <c r="J2438">
        <v>43354.636149999998</v>
      </c>
      <c r="K2438">
        <v>59948.163039999999</v>
      </c>
      <c r="L2438">
        <v>34434.675089999997</v>
      </c>
      <c r="M2438">
        <v>344859.36129999999</v>
      </c>
      <c r="N2438">
        <v>95968.243289999999</v>
      </c>
      <c r="O2438">
        <v>26320.24597</v>
      </c>
      <c r="P2438">
        <v>37480.157550000004</v>
      </c>
      <c r="Q2438">
        <v>95943.584130000003</v>
      </c>
      <c r="R2438">
        <v>23474.824799999999</v>
      </c>
      <c r="S2438">
        <v>115136.3591</v>
      </c>
      <c r="T2438">
        <v>35836.248119999997</v>
      </c>
      <c r="U2438">
        <v>21122.305509999998</v>
      </c>
      <c r="W2438" s="83">
        <f>Bühler!N2470</f>
        <v>45393.499999994092</v>
      </c>
      <c r="X2438" s="83">
        <v>43202.5</v>
      </c>
      <c r="Y2438">
        <v>286362.99810000003</v>
      </c>
      <c r="Z2438">
        <v>32963.194730000003</v>
      </c>
      <c r="AA2438">
        <v>91563.658190000002</v>
      </c>
      <c r="AB2438">
        <v>83867.589340000006</v>
      </c>
      <c r="AC2438">
        <v>51191.344850000001</v>
      </c>
      <c r="AD2438">
        <v>36501.95134</v>
      </c>
      <c r="AE2438">
        <v>43354.636149999998</v>
      </c>
      <c r="AF2438">
        <v>59948.163039999999</v>
      </c>
      <c r="AG2438">
        <v>34434.675089999997</v>
      </c>
      <c r="AH2438">
        <v>344859.36129999999</v>
      </c>
      <c r="AI2438">
        <v>95968.243289999999</v>
      </c>
      <c r="AJ2438">
        <v>26320.24597</v>
      </c>
      <c r="AK2438">
        <v>37480.157550000004</v>
      </c>
      <c r="AL2438">
        <v>95943.584130000003</v>
      </c>
      <c r="AM2438">
        <v>23474.824799999999</v>
      </c>
      <c r="AN2438">
        <v>115136.3591</v>
      </c>
      <c r="AO2438">
        <v>35836.248119999997</v>
      </c>
      <c r="AP2438">
        <v>21122.305509999998</v>
      </c>
    </row>
    <row r="2439" spans="2:42" x14ac:dyDescent="0.3">
      <c r="B2439">
        <v>67.845432920387154</v>
      </c>
      <c r="C2439" s="83">
        <v>43202.541666666664</v>
      </c>
      <c r="D2439">
        <v>288148.81229999999</v>
      </c>
      <c r="E2439">
        <v>32459.722239999999</v>
      </c>
      <c r="F2439">
        <v>90359.57415</v>
      </c>
      <c r="G2439">
        <v>79490.074909999996</v>
      </c>
      <c r="H2439">
        <v>51287.831830000003</v>
      </c>
      <c r="I2439">
        <v>35594.717969999998</v>
      </c>
      <c r="J2439">
        <v>42221.199719999997</v>
      </c>
      <c r="K2439">
        <v>63233.959499999997</v>
      </c>
      <c r="L2439">
        <v>32456.60067</v>
      </c>
      <c r="M2439">
        <v>345907.65620000003</v>
      </c>
      <c r="N2439">
        <v>93967.032680000004</v>
      </c>
      <c r="O2439">
        <v>26978.48445</v>
      </c>
      <c r="P2439">
        <v>35760.102350000001</v>
      </c>
      <c r="Q2439">
        <v>95035.520470000003</v>
      </c>
      <c r="R2439">
        <v>22254.668549999999</v>
      </c>
      <c r="S2439">
        <v>115034.42449999999</v>
      </c>
      <c r="T2439">
        <v>34324.100200000001</v>
      </c>
      <c r="U2439">
        <v>23402.765589999999</v>
      </c>
      <c r="W2439" s="83">
        <f>Bühler!N2471</f>
        <v>45393.541666660756</v>
      </c>
      <c r="X2439" s="83">
        <v>43202.541666666664</v>
      </c>
      <c r="Y2439">
        <v>288148.81229999999</v>
      </c>
      <c r="Z2439">
        <v>32459.722239999999</v>
      </c>
      <c r="AA2439">
        <v>90359.57415</v>
      </c>
      <c r="AB2439">
        <v>79490.074909999996</v>
      </c>
      <c r="AC2439">
        <v>51287.831830000003</v>
      </c>
      <c r="AD2439">
        <v>35594.717969999998</v>
      </c>
      <c r="AE2439">
        <v>42221.199719999997</v>
      </c>
      <c r="AF2439">
        <v>63233.959499999997</v>
      </c>
      <c r="AG2439">
        <v>32456.60067</v>
      </c>
      <c r="AH2439">
        <v>345907.65620000003</v>
      </c>
      <c r="AI2439">
        <v>93967.032680000004</v>
      </c>
      <c r="AJ2439">
        <v>26978.48445</v>
      </c>
      <c r="AK2439">
        <v>35760.102350000001</v>
      </c>
      <c r="AL2439">
        <v>95035.520470000003</v>
      </c>
      <c r="AM2439">
        <v>22254.668549999999</v>
      </c>
      <c r="AN2439">
        <v>115034.42449999999</v>
      </c>
      <c r="AO2439">
        <v>34324.100200000001</v>
      </c>
      <c r="AP2439">
        <v>23402.765589999999</v>
      </c>
    </row>
    <row r="2440" spans="2:42" x14ac:dyDescent="0.3">
      <c r="B2440">
        <v>68.485908875504947</v>
      </c>
      <c r="C2440" s="83">
        <v>43202.583333333336</v>
      </c>
      <c r="D2440">
        <v>291150.20529999997</v>
      </c>
      <c r="E2440">
        <v>35497.89112</v>
      </c>
      <c r="F2440">
        <v>92661.592040000003</v>
      </c>
      <c r="G2440">
        <v>73472.010410000003</v>
      </c>
      <c r="H2440">
        <v>51352.55356</v>
      </c>
      <c r="I2440">
        <v>36352.972560000002</v>
      </c>
      <c r="J2440">
        <v>41977.925049999998</v>
      </c>
      <c r="K2440">
        <v>64944.004840000001</v>
      </c>
      <c r="L2440">
        <v>29501.860260000001</v>
      </c>
      <c r="M2440">
        <v>349173.10129999998</v>
      </c>
      <c r="N2440">
        <v>95330.718040000007</v>
      </c>
      <c r="O2440">
        <v>26673.633760000001</v>
      </c>
      <c r="P2440">
        <v>32940.340369999998</v>
      </c>
      <c r="Q2440">
        <v>95230.853449999995</v>
      </c>
      <c r="R2440">
        <v>21990.382300000001</v>
      </c>
      <c r="S2440">
        <v>109657.723</v>
      </c>
      <c r="T2440">
        <v>32463.085640000001</v>
      </c>
      <c r="U2440">
        <v>24666.930850000001</v>
      </c>
      <c r="W2440" s="83">
        <f>Bühler!N2472</f>
        <v>45393.58333332742</v>
      </c>
      <c r="X2440" s="83">
        <v>43202.583333333336</v>
      </c>
      <c r="Y2440">
        <v>291150.20529999997</v>
      </c>
      <c r="Z2440">
        <v>35497.89112</v>
      </c>
      <c r="AA2440">
        <v>92661.592040000003</v>
      </c>
      <c r="AB2440">
        <v>73472.010410000003</v>
      </c>
      <c r="AC2440">
        <v>51352.55356</v>
      </c>
      <c r="AD2440">
        <v>36352.972560000002</v>
      </c>
      <c r="AE2440">
        <v>41977.925049999998</v>
      </c>
      <c r="AF2440">
        <v>64944.004840000001</v>
      </c>
      <c r="AG2440">
        <v>29501.860260000001</v>
      </c>
      <c r="AH2440">
        <v>349173.10129999998</v>
      </c>
      <c r="AI2440">
        <v>95330.718040000007</v>
      </c>
      <c r="AJ2440">
        <v>26673.633760000001</v>
      </c>
      <c r="AK2440">
        <v>32940.340369999998</v>
      </c>
      <c r="AL2440">
        <v>95230.853449999995</v>
      </c>
      <c r="AM2440">
        <v>21990.382300000001</v>
      </c>
      <c r="AN2440">
        <v>109657.723</v>
      </c>
      <c r="AO2440">
        <v>32463.085640000001</v>
      </c>
      <c r="AP2440">
        <v>24666.930850000001</v>
      </c>
    </row>
    <row r="2441" spans="2:42" x14ac:dyDescent="0.3">
      <c r="B2441">
        <v>67.931881132543225</v>
      </c>
      <c r="C2441" s="83">
        <v>43202.625</v>
      </c>
      <c r="D2441">
        <v>290715.2341</v>
      </c>
      <c r="E2441">
        <v>35117.648249999998</v>
      </c>
      <c r="F2441">
        <v>93804.522819999998</v>
      </c>
      <c r="G2441">
        <v>69829.20796</v>
      </c>
      <c r="H2441">
        <v>50236.928509999998</v>
      </c>
      <c r="I2441">
        <v>37308.07473</v>
      </c>
      <c r="J2441">
        <v>41676.391389999997</v>
      </c>
      <c r="K2441">
        <v>63198.695319999999</v>
      </c>
      <c r="L2441">
        <v>27184.268459999999</v>
      </c>
      <c r="M2441">
        <v>346348.40950000001</v>
      </c>
      <c r="N2441">
        <v>93279.788310000004</v>
      </c>
      <c r="O2441">
        <v>25907.116180000001</v>
      </c>
      <c r="P2441">
        <v>29323.755990000001</v>
      </c>
      <c r="Q2441">
        <v>94989.649789999996</v>
      </c>
      <c r="R2441">
        <v>22960.985290000001</v>
      </c>
      <c r="S2441">
        <v>106691.3777</v>
      </c>
      <c r="T2441">
        <v>31636.17726</v>
      </c>
      <c r="U2441">
        <v>22562.147690000002</v>
      </c>
      <c r="W2441" s="83">
        <f>Bühler!N2473</f>
        <v>45393.624999994085</v>
      </c>
      <c r="X2441" s="83">
        <v>43202.625</v>
      </c>
      <c r="Y2441">
        <v>290715.2341</v>
      </c>
      <c r="Z2441">
        <v>35117.648249999998</v>
      </c>
      <c r="AA2441">
        <v>93804.522819999998</v>
      </c>
      <c r="AB2441">
        <v>69829.20796</v>
      </c>
      <c r="AC2441">
        <v>50236.928509999998</v>
      </c>
      <c r="AD2441">
        <v>37308.07473</v>
      </c>
      <c r="AE2441">
        <v>41676.391389999997</v>
      </c>
      <c r="AF2441">
        <v>63198.695319999999</v>
      </c>
      <c r="AG2441">
        <v>27184.268459999999</v>
      </c>
      <c r="AH2441">
        <v>346348.40950000001</v>
      </c>
      <c r="AI2441">
        <v>93279.788310000004</v>
      </c>
      <c r="AJ2441">
        <v>25907.116180000001</v>
      </c>
      <c r="AK2441">
        <v>29323.755990000001</v>
      </c>
      <c r="AL2441">
        <v>94989.649789999996</v>
      </c>
      <c r="AM2441">
        <v>22960.985290000001</v>
      </c>
      <c r="AN2441">
        <v>106691.3777</v>
      </c>
      <c r="AO2441">
        <v>31636.17726</v>
      </c>
      <c r="AP2441">
        <v>22562.147690000002</v>
      </c>
    </row>
    <row r="2442" spans="2:42" x14ac:dyDescent="0.3">
      <c r="B2442">
        <v>66.950298443879163</v>
      </c>
      <c r="C2442" s="83">
        <v>43202.666666666664</v>
      </c>
      <c r="D2442">
        <v>282693.45299999998</v>
      </c>
      <c r="E2442">
        <v>34415.173569999999</v>
      </c>
      <c r="F2442">
        <v>93091.833429999999</v>
      </c>
      <c r="G2442">
        <v>65828.205879999994</v>
      </c>
      <c r="H2442">
        <v>47942.385249999999</v>
      </c>
      <c r="I2442">
        <v>39008.135920000001</v>
      </c>
      <c r="J2442">
        <v>40612.597329999997</v>
      </c>
      <c r="K2442">
        <v>59277.847139999998</v>
      </c>
      <c r="L2442">
        <v>26017.658609999999</v>
      </c>
      <c r="M2442">
        <v>341343.8432</v>
      </c>
      <c r="N2442">
        <v>90046.592099999994</v>
      </c>
      <c r="O2442">
        <v>25317.078860000001</v>
      </c>
      <c r="P2442">
        <v>30512.455750000001</v>
      </c>
      <c r="Q2442">
        <v>94176.634810000003</v>
      </c>
      <c r="R2442">
        <v>22633.690439999998</v>
      </c>
      <c r="S2442">
        <v>104133.401</v>
      </c>
      <c r="T2442">
        <v>31045.626240000001</v>
      </c>
      <c r="U2442">
        <v>19595.912489999999</v>
      </c>
      <c r="W2442" s="83">
        <f>Bühler!N2474</f>
        <v>45393.666666660749</v>
      </c>
      <c r="X2442" s="83">
        <v>43202.666666666664</v>
      </c>
      <c r="Y2442">
        <v>282693.45299999998</v>
      </c>
      <c r="Z2442">
        <v>34415.173569999999</v>
      </c>
      <c r="AA2442">
        <v>93091.833429999999</v>
      </c>
      <c r="AB2442">
        <v>65828.205879999994</v>
      </c>
      <c r="AC2442">
        <v>47942.385249999999</v>
      </c>
      <c r="AD2442">
        <v>39008.135920000001</v>
      </c>
      <c r="AE2442">
        <v>40612.597329999997</v>
      </c>
      <c r="AF2442">
        <v>59277.847139999998</v>
      </c>
      <c r="AG2442">
        <v>26017.658609999999</v>
      </c>
      <c r="AH2442">
        <v>341343.8432</v>
      </c>
      <c r="AI2442">
        <v>90046.592099999994</v>
      </c>
      <c r="AJ2442">
        <v>25317.078860000001</v>
      </c>
      <c r="AK2442">
        <v>30512.455750000001</v>
      </c>
      <c r="AL2442">
        <v>94176.634810000003</v>
      </c>
      <c r="AM2442">
        <v>22633.690439999998</v>
      </c>
      <c r="AN2442">
        <v>104133.401</v>
      </c>
      <c r="AO2442">
        <v>31045.626240000001</v>
      </c>
      <c r="AP2442">
        <v>19595.912489999999</v>
      </c>
    </row>
    <row r="2443" spans="2:42" x14ac:dyDescent="0.3">
      <c r="B2443">
        <v>65.5576431974239</v>
      </c>
      <c r="C2443" s="83">
        <v>43202.708333333336</v>
      </c>
      <c r="D2443">
        <v>271439.22560000001</v>
      </c>
      <c r="E2443">
        <v>32467.938129999999</v>
      </c>
      <c r="F2443">
        <v>92350.072750000007</v>
      </c>
      <c r="G2443">
        <v>59443.124539999997</v>
      </c>
      <c r="H2443">
        <v>45375.681830000001</v>
      </c>
      <c r="I2443">
        <v>38047.410510000002</v>
      </c>
      <c r="J2443">
        <v>40827.933190000003</v>
      </c>
      <c r="K2443">
        <v>54895.207750000001</v>
      </c>
      <c r="L2443">
        <v>26164.18046</v>
      </c>
      <c r="M2443">
        <v>334243.43729999999</v>
      </c>
      <c r="N2443">
        <v>83128.042400000006</v>
      </c>
      <c r="O2443">
        <v>24669.98155</v>
      </c>
      <c r="P2443">
        <v>30998.16099</v>
      </c>
      <c r="Q2443">
        <v>92704.687009999994</v>
      </c>
      <c r="R2443">
        <v>22455.492630000001</v>
      </c>
      <c r="S2443">
        <v>101097.9385</v>
      </c>
      <c r="T2443">
        <v>30946.536510000002</v>
      </c>
      <c r="U2443">
        <v>17786.963779999998</v>
      </c>
      <c r="W2443" s="83">
        <f>Bühler!N2475</f>
        <v>45393.708333327413</v>
      </c>
      <c r="X2443" s="83">
        <v>43202.708333333336</v>
      </c>
      <c r="Y2443">
        <v>271439.22560000001</v>
      </c>
      <c r="Z2443">
        <v>32467.938129999999</v>
      </c>
      <c r="AA2443">
        <v>92350.072750000007</v>
      </c>
      <c r="AB2443">
        <v>59443.124539999997</v>
      </c>
      <c r="AC2443">
        <v>45375.681830000001</v>
      </c>
      <c r="AD2443">
        <v>38047.410510000002</v>
      </c>
      <c r="AE2443">
        <v>40827.933190000003</v>
      </c>
      <c r="AF2443">
        <v>54895.207750000001</v>
      </c>
      <c r="AG2443">
        <v>26164.18046</v>
      </c>
      <c r="AH2443">
        <v>334243.43729999999</v>
      </c>
      <c r="AI2443">
        <v>83128.042400000006</v>
      </c>
      <c r="AJ2443">
        <v>24669.98155</v>
      </c>
      <c r="AK2443">
        <v>30998.16099</v>
      </c>
      <c r="AL2443">
        <v>92704.687009999994</v>
      </c>
      <c r="AM2443">
        <v>22455.492630000001</v>
      </c>
      <c r="AN2443">
        <v>101097.9385</v>
      </c>
      <c r="AO2443">
        <v>30946.536510000002</v>
      </c>
      <c r="AP2443">
        <v>17786.963779999998</v>
      </c>
    </row>
    <row r="2444" spans="2:42" x14ac:dyDescent="0.3">
      <c r="B2444">
        <v>64.326063801022215</v>
      </c>
      <c r="C2444" s="83">
        <v>43202.75</v>
      </c>
      <c r="D2444">
        <v>263951.6936</v>
      </c>
      <c r="E2444">
        <v>29124.34979</v>
      </c>
      <c r="F2444">
        <v>89731.997700000007</v>
      </c>
      <c r="G2444">
        <v>52693.78426</v>
      </c>
      <c r="H2444">
        <v>43073.936159999997</v>
      </c>
      <c r="I2444">
        <v>36629.789570000001</v>
      </c>
      <c r="J2444">
        <v>40722.061070000003</v>
      </c>
      <c r="K2444">
        <v>51887.976620000001</v>
      </c>
      <c r="L2444">
        <v>27594.853609999998</v>
      </c>
      <c r="M2444">
        <v>327964.27120000002</v>
      </c>
      <c r="N2444">
        <v>81638.910759999999</v>
      </c>
      <c r="O2444">
        <v>22818.52173</v>
      </c>
      <c r="P2444">
        <v>35141.298620000001</v>
      </c>
      <c r="Q2444">
        <v>91575.358869999996</v>
      </c>
      <c r="R2444">
        <v>20989.491969999999</v>
      </c>
      <c r="S2444">
        <v>94416.80184</v>
      </c>
      <c r="T2444">
        <v>31525.36319</v>
      </c>
      <c r="U2444">
        <v>16565.67812</v>
      </c>
      <c r="W2444" s="83">
        <f>Bühler!N2476</f>
        <v>45393.749999994077</v>
      </c>
      <c r="X2444" s="83">
        <v>43202.75</v>
      </c>
      <c r="Y2444">
        <v>263951.6936</v>
      </c>
      <c r="Z2444">
        <v>29124.34979</v>
      </c>
      <c r="AA2444">
        <v>89731.997700000007</v>
      </c>
      <c r="AB2444">
        <v>52693.78426</v>
      </c>
      <c r="AC2444">
        <v>43073.936159999997</v>
      </c>
      <c r="AD2444">
        <v>36629.789570000001</v>
      </c>
      <c r="AE2444">
        <v>40722.061070000003</v>
      </c>
      <c r="AF2444">
        <v>51887.976620000001</v>
      </c>
      <c r="AG2444">
        <v>27594.853609999998</v>
      </c>
      <c r="AH2444">
        <v>327964.27120000002</v>
      </c>
      <c r="AI2444">
        <v>81638.910759999999</v>
      </c>
      <c r="AJ2444">
        <v>22818.52173</v>
      </c>
      <c r="AK2444">
        <v>35141.298620000001</v>
      </c>
      <c r="AL2444">
        <v>91575.358869999996</v>
      </c>
      <c r="AM2444">
        <v>20989.491969999999</v>
      </c>
      <c r="AN2444">
        <v>94416.80184</v>
      </c>
      <c r="AO2444">
        <v>31525.36319</v>
      </c>
      <c r="AP2444">
        <v>16565.67812</v>
      </c>
    </row>
    <row r="2445" spans="2:42" x14ac:dyDescent="0.3">
      <c r="B2445">
        <v>62.549857135602416</v>
      </c>
      <c r="C2445" s="83">
        <v>43202.791666666664</v>
      </c>
      <c r="D2445">
        <v>256978.02770000001</v>
      </c>
      <c r="E2445">
        <v>23530.55889</v>
      </c>
      <c r="F2445">
        <v>79212.831699999995</v>
      </c>
      <c r="G2445">
        <v>48717.696380000001</v>
      </c>
      <c r="H2445">
        <v>40577.382369999999</v>
      </c>
      <c r="I2445">
        <v>33577.532919999998</v>
      </c>
      <c r="J2445">
        <v>39738.837460000002</v>
      </c>
      <c r="K2445">
        <v>50170.742290000002</v>
      </c>
      <c r="L2445">
        <v>28608.318080000001</v>
      </c>
      <c r="M2445">
        <v>318908.34129999997</v>
      </c>
      <c r="N2445">
        <v>80050.474329999997</v>
      </c>
      <c r="O2445">
        <v>22878.381669999999</v>
      </c>
      <c r="P2445">
        <v>36754.456480000001</v>
      </c>
      <c r="Q2445">
        <v>88573.438680000007</v>
      </c>
      <c r="R2445">
        <v>19924.75099</v>
      </c>
      <c r="S2445">
        <v>90458.365090000007</v>
      </c>
      <c r="T2445">
        <v>31771.795020000001</v>
      </c>
      <c r="U2445">
        <v>15498.83965</v>
      </c>
      <c r="W2445" s="83">
        <f>Bühler!N2477</f>
        <v>45393.791666660742</v>
      </c>
      <c r="X2445" s="83">
        <v>43202.791666666664</v>
      </c>
      <c r="Y2445">
        <v>256978.02770000001</v>
      </c>
      <c r="Z2445">
        <v>23530.55889</v>
      </c>
      <c r="AA2445">
        <v>79212.831699999995</v>
      </c>
      <c r="AB2445">
        <v>48717.696380000001</v>
      </c>
      <c r="AC2445">
        <v>40577.382369999999</v>
      </c>
      <c r="AD2445">
        <v>33577.532919999998</v>
      </c>
      <c r="AE2445">
        <v>39738.837460000002</v>
      </c>
      <c r="AF2445">
        <v>50170.742290000002</v>
      </c>
      <c r="AG2445">
        <v>28608.318080000001</v>
      </c>
      <c r="AH2445">
        <v>318908.34129999997</v>
      </c>
      <c r="AI2445">
        <v>80050.474329999997</v>
      </c>
      <c r="AJ2445">
        <v>22878.381669999999</v>
      </c>
      <c r="AK2445">
        <v>36754.456480000001</v>
      </c>
      <c r="AL2445">
        <v>88573.438680000007</v>
      </c>
      <c r="AM2445">
        <v>19924.75099</v>
      </c>
      <c r="AN2445">
        <v>90458.365090000007</v>
      </c>
      <c r="AO2445">
        <v>31771.795020000001</v>
      </c>
      <c r="AP2445">
        <v>15498.83965</v>
      </c>
    </row>
    <row r="2446" spans="2:42" x14ac:dyDescent="0.3">
      <c r="B2446">
        <v>60.164306935944765</v>
      </c>
      <c r="C2446" s="83">
        <v>43202.833333333336</v>
      </c>
      <c r="D2446">
        <v>246783.96590000001</v>
      </c>
      <c r="E2446">
        <v>18140.565739999998</v>
      </c>
      <c r="F2446">
        <v>61862.282350000001</v>
      </c>
      <c r="G2446">
        <v>45270.571020000003</v>
      </c>
      <c r="H2446">
        <v>39610.924550000003</v>
      </c>
      <c r="I2446">
        <v>29661.053179999999</v>
      </c>
      <c r="J2446">
        <v>40816.806140000001</v>
      </c>
      <c r="K2446">
        <v>50423.906730000002</v>
      </c>
      <c r="L2446">
        <v>28789.29493</v>
      </c>
      <c r="M2446">
        <v>306745.69390000001</v>
      </c>
      <c r="N2446">
        <v>78898.773669999995</v>
      </c>
      <c r="O2446">
        <v>22326.704470000001</v>
      </c>
      <c r="P2446">
        <v>37780.276449999998</v>
      </c>
      <c r="Q2446">
        <v>86297.184290000005</v>
      </c>
      <c r="R2446">
        <v>18962.71788</v>
      </c>
      <c r="S2446">
        <v>84179.611900000004</v>
      </c>
      <c r="T2446">
        <v>31349.893250000001</v>
      </c>
      <c r="U2446">
        <v>15521.95026</v>
      </c>
      <c r="W2446" s="83">
        <f>Bühler!N2478</f>
        <v>45393.833333327406</v>
      </c>
      <c r="X2446" s="83">
        <v>43202.833333333336</v>
      </c>
      <c r="Y2446">
        <v>246783.96590000001</v>
      </c>
      <c r="Z2446">
        <v>18140.565739999998</v>
      </c>
      <c r="AA2446">
        <v>61862.282350000001</v>
      </c>
      <c r="AB2446">
        <v>45270.571020000003</v>
      </c>
      <c r="AC2446">
        <v>39610.924550000003</v>
      </c>
      <c r="AD2446">
        <v>29661.053179999999</v>
      </c>
      <c r="AE2446">
        <v>40816.806140000001</v>
      </c>
      <c r="AF2446">
        <v>50423.906730000002</v>
      </c>
      <c r="AG2446">
        <v>28789.29493</v>
      </c>
      <c r="AH2446">
        <v>306745.69390000001</v>
      </c>
      <c r="AI2446">
        <v>78898.773669999995</v>
      </c>
      <c r="AJ2446">
        <v>22326.704470000001</v>
      </c>
      <c r="AK2446">
        <v>37780.276449999998</v>
      </c>
      <c r="AL2446">
        <v>86297.184290000005</v>
      </c>
      <c r="AM2446">
        <v>18962.71788</v>
      </c>
      <c r="AN2446">
        <v>84179.611900000004</v>
      </c>
      <c r="AO2446">
        <v>31349.893250000001</v>
      </c>
      <c r="AP2446">
        <v>15521.95026</v>
      </c>
    </row>
    <row r="2447" spans="2:42" x14ac:dyDescent="0.3">
      <c r="B2447">
        <v>59.251538293793637</v>
      </c>
      <c r="C2447" s="83">
        <v>43202.875</v>
      </c>
      <c r="D2447">
        <v>240049.72330000001</v>
      </c>
      <c r="E2447">
        <v>15746.941849999999</v>
      </c>
      <c r="F2447">
        <v>54183.761250000003</v>
      </c>
      <c r="G2447">
        <v>43490.232389999997</v>
      </c>
      <c r="H2447">
        <v>39192.183010000001</v>
      </c>
      <c r="I2447">
        <v>26420.916809999999</v>
      </c>
      <c r="J2447">
        <v>41247.095730000001</v>
      </c>
      <c r="K2447">
        <v>51238.268400000001</v>
      </c>
      <c r="L2447">
        <v>28167.641769999998</v>
      </c>
      <c r="M2447">
        <v>302091.97369999997</v>
      </c>
      <c r="N2447">
        <v>77268.09663</v>
      </c>
      <c r="O2447">
        <v>21876.451779999999</v>
      </c>
      <c r="P2447">
        <v>36118.792070000003</v>
      </c>
      <c r="Q2447">
        <v>84525.940289999999</v>
      </c>
      <c r="R2447">
        <v>18486.23504</v>
      </c>
      <c r="S2447">
        <v>80680.707899999994</v>
      </c>
      <c r="T2447">
        <v>28693.133570000002</v>
      </c>
      <c r="U2447">
        <v>14965.4547</v>
      </c>
      <c r="W2447" s="83">
        <f>Bühler!N2479</f>
        <v>45393.87499999407</v>
      </c>
      <c r="X2447" s="83">
        <v>43202.875</v>
      </c>
      <c r="Y2447">
        <v>240049.72330000001</v>
      </c>
      <c r="Z2447">
        <v>15746.941849999999</v>
      </c>
      <c r="AA2447">
        <v>54183.761250000003</v>
      </c>
      <c r="AB2447">
        <v>43490.232389999997</v>
      </c>
      <c r="AC2447">
        <v>39192.183010000001</v>
      </c>
      <c r="AD2447">
        <v>26420.916809999999</v>
      </c>
      <c r="AE2447">
        <v>41247.095730000001</v>
      </c>
      <c r="AF2447">
        <v>51238.268400000001</v>
      </c>
      <c r="AG2447">
        <v>28167.641769999998</v>
      </c>
      <c r="AH2447">
        <v>302091.97369999997</v>
      </c>
      <c r="AI2447">
        <v>77268.09663</v>
      </c>
      <c r="AJ2447">
        <v>21876.451779999999</v>
      </c>
      <c r="AK2447">
        <v>36118.792070000003</v>
      </c>
      <c r="AL2447">
        <v>84525.940289999999</v>
      </c>
      <c r="AM2447">
        <v>18486.23504</v>
      </c>
      <c r="AN2447">
        <v>80680.707899999994</v>
      </c>
      <c r="AO2447">
        <v>28693.133570000002</v>
      </c>
      <c r="AP2447">
        <v>14965.4547</v>
      </c>
    </row>
    <row r="2448" spans="2:42" x14ac:dyDescent="0.3">
      <c r="B2448">
        <v>58.44952319243837</v>
      </c>
      <c r="C2448" s="83">
        <v>43202.916666666664</v>
      </c>
      <c r="D2448">
        <v>239655.84099999999</v>
      </c>
      <c r="E2448">
        <v>14706.15526</v>
      </c>
      <c r="F2448">
        <v>51166.573170000003</v>
      </c>
      <c r="G2448">
        <v>41329.535539999997</v>
      </c>
      <c r="H2448">
        <v>38211.533060000002</v>
      </c>
      <c r="I2448">
        <v>24137.784640000002</v>
      </c>
      <c r="J2448">
        <v>39655.481489999998</v>
      </c>
      <c r="K2448">
        <v>53286.271359999999</v>
      </c>
      <c r="L2448">
        <v>24978.110199999999</v>
      </c>
      <c r="M2448">
        <v>298002.92670000001</v>
      </c>
      <c r="N2448">
        <v>76385.149470000004</v>
      </c>
      <c r="O2448">
        <v>21736.642680000001</v>
      </c>
      <c r="P2448">
        <v>39585.210850000003</v>
      </c>
      <c r="Q2448">
        <v>83108.307069999995</v>
      </c>
      <c r="R2448">
        <v>21415.133709999998</v>
      </c>
      <c r="S2448">
        <v>79742.790630000003</v>
      </c>
      <c r="T2448">
        <v>25500.643169999999</v>
      </c>
      <c r="U2448">
        <v>14966.96998</v>
      </c>
      <c r="W2448" s="83">
        <f>Bühler!N2480</f>
        <v>45393.916666660734</v>
      </c>
      <c r="X2448" s="83">
        <v>43202.916666666664</v>
      </c>
      <c r="Y2448">
        <v>239655.84099999999</v>
      </c>
      <c r="Z2448">
        <v>14706.15526</v>
      </c>
      <c r="AA2448">
        <v>51166.573170000003</v>
      </c>
      <c r="AB2448">
        <v>41329.535539999997</v>
      </c>
      <c r="AC2448">
        <v>38211.533060000002</v>
      </c>
      <c r="AD2448">
        <v>24137.784640000002</v>
      </c>
      <c r="AE2448">
        <v>39655.481489999998</v>
      </c>
      <c r="AF2448">
        <v>53286.271359999999</v>
      </c>
      <c r="AG2448">
        <v>24978.110199999999</v>
      </c>
      <c r="AH2448">
        <v>298002.92670000001</v>
      </c>
      <c r="AI2448">
        <v>76385.149470000004</v>
      </c>
      <c r="AJ2448">
        <v>21736.642680000001</v>
      </c>
      <c r="AK2448">
        <v>39585.210850000003</v>
      </c>
      <c r="AL2448">
        <v>83108.307069999995</v>
      </c>
      <c r="AM2448">
        <v>21415.133709999998</v>
      </c>
      <c r="AN2448">
        <v>79742.790630000003</v>
      </c>
      <c r="AO2448">
        <v>25500.643169999999</v>
      </c>
      <c r="AP2448">
        <v>14966.96998</v>
      </c>
    </row>
    <row r="2449" spans="2:42" x14ac:dyDescent="0.3">
      <c r="B2449">
        <v>58.354289338288069</v>
      </c>
      <c r="C2449" s="83">
        <v>43202.958333333336</v>
      </c>
      <c r="D2449">
        <v>239316.05499999999</v>
      </c>
      <c r="E2449">
        <v>14159.755300000001</v>
      </c>
      <c r="F2449">
        <v>49943.690600000002</v>
      </c>
      <c r="G2449">
        <v>40403.120190000001</v>
      </c>
      <c r="H2449">
        <v>36927.404880000002</v>
      </c>
      <c r="I2449">
        <v>23332.43735</v>
      </c>
      <c r="J2449">
        <v>36346.321709999997</v>
      </c>
      <c r="K2449">
        <v>52646.995130000003</v>
      </c>
      <c r="L2449">
        <v>21046.152760000001</v>
      </c>
      <c r="M2449">
        <v>297517.38010000001</v>
      </c>
      <c r="N2449">
        <v>76200.184460000004</v>
      </c>
      <c r="O2449">
        <v>20806.06035</v>
      </c>
      <c r="P2449">
        <v>35109.136619999997</v>
      </c>
      <c r="Q2449">
        <v>82565.962650000001</v>
      </c>
      <c r="R2449">
        <v>22430.34678</v>
      </c>
      <c r="S2449">
        <v>78088.237420000005</v>
      </c>
      <c r="T2449">
        <v>22719.335370000001</v>
      </c>
      <c r="U2449">
        <v>14347.23293</v>
      </c>
      <c r="W2449" s="83">
        <f>Bühler!N2481</f>
        <v>45393.958333327399</v>
      </c>
      <c r="X2449" s="83">
        <v>43202.958333333336</v>
      </c>
      <c r="Y2449">
        <v>239316.05499999999</v>
      </c>
      <c r="Z2449">
        <v>14159.755300000001</v>
      </c>
      <c r="AA2449">
        <v>49943.690600000002</v>
      </c>
      <c r="AB2449">
        <v>40403.120190000001</v>
      </c>
      <c r="AC2449">
        <v>36927.404880000002</v>
      </c>
      <c r="AD2449">
        <v>23332.43735</v>
      </c>
      <c r="AE2449">
        <v>36346.321709999997</v>
      </c>
      <c r="AF2449">
        <v>52646.995130000003</v>
      </c>
      <c r="AG2449">
        <v>21046.152760000001</v>
      </c>
      <c r="AH2449">
        <v>297517.38010000001</v>
      </c>
      <c r="AI2449">
        <v>76200.184460000004</v>
      </c>
      <c r="AJ2449">
        <v>20806.06035</v>
      </c>
      <c r="AK2449">
        <v>35109.136619999997</v>
      </c>
      <c r="AL2449">
        <v>82565.962650000001</v>
      </c>
      <c r="AM2449">
        <v>22430.34678</v>
      </c>
      <c r="AN2449">
        <v>78088.237420000005</v>
      </c>
      <c r="AO2449">
        <v>22719.335370000001</v>
      </c>
      <c r="AP2449">
        <v>14347.23293</v>
      </c>
    </row>
    <row r="2450" spans="2:42" x14ac:dyDescent="0.3">
      <c r="B2450">
        <v>57.698051545274289</v>
      </c>
      <c r="C2450" s="83">
        <v>43203</v>
      </c>
      <c r="D2450">
        <v>238195.2757</v>
      </c>
      <c r="E2450">
        <v>13812.5218</v>
      </c>
      <c r="F2450">
        <v>48986.3465</v>
      </c>
      <c r="G2450">
        <v>39397.498039999999</v>
      </c>
      <c r="H2450">
        <v>36817.161399999997</v>
      </c>
      <c r="I2450">
        <v>21803.239710000002</v>
      </c>
      <c r="J2450">
        <v>34875.040809999999</v>
      </c>
      <c r="K2450">
        <v>50863.542630000004</v>
      </c>
      <c r="L2450">
        <v>18571.516810000001</v>
      </c>
      <c r="M2450">
        <v>294171.57380000001</v>
      </c>
      <c r="N2450">
        <v>75225.621079999997</v>
      </c>
      <c r="O2450">
        <v>22073.30445</v>
      </c>
      <c r="P2450">
        <v>31927.131730000001</v>
      </c>
      <c r="Q2450">
        <v>81866.527610000005</v>
      </c>
      <c r="R2450">
        <v>18607.864969999999</v>
      </c>
      <c r="S2450">
        <v>77391.857610000006</v>
      </c>
      <c r="T2450">
        <v>21455.223119999999</v>
      </c>
      <c r="U2450">
        <v>14273.77418</v>
      </c>
      <c r="W2450" s="83">
        <f>Bühler!N2482</f>
        <v>45393.999999994063</v>
      </c>
      <c r="X2450" s="83">
        <v>43203</v>
      </c>
      <c r="Y2450">
        <v>238195.2757</v>
      </c>
      <c r="Z2450">
        <v>13812.5218</v>
      </c>
      <c r="AA2450">
        <v>48986.3465</v>
      </c>
      <c r="AB2450">
        <v>39397.498039999999</v>
      </c>
      <c r="AC2450">
        <v>36817.161399999997</v>
      </c>
      <c r="AD2450">
        <v>21803.239710000002</v>
      </c>
      <c r="AE2450">
        <v>34875.040809999999</v>
      </c>
      <c r="AF2450">
        <v>50863.542630000004</v>
      </c>
      <c r="AG2450">
        <v>18571.516810000001</v>
      </c>
      <c r="AH2450">
        <v>294171.57380000001</v>
      </c>
      <c r="AI2450">
        <v>75225.621079999997</v>
      </c>
      <c r="AJ2450">
        <v>22073.30445</v>
      </c>
      <c r="AK2450">
        <v>31927.131730000001</v>
      </c>
      <c r="AL2450">
        <v>81866.527610000005</v>
      </c>
      <c r="AM2450">
        <v>18607.864969999999</v>
      </c>
      <c r="AN2450">
        <v>77391.857610000006</v>
      </c>
      <c r="AO2450">
        <v>21455.223119999999</v>
      </c>
      <c r="AP2450">
        <v>14273.77418</v>
      </c>
    </row>
    <row r="2451" spans="2:42" x14ac:dyDescent="0.3">
      <c r="B2451">
        <v>56.903309729160661</v>
      </c>
      <c r="C2451" s="83">
        <v>43203.041666666664</v>
      </c>
      <c r="D2451">
        <v>236526.08439999999</v>
      </c>
      <c r="E2451">
        <v>13743.84031</v>
      </c>
      <c r="F2451">
        <v>48613.652459999998</v>
      </c>
      <c r="G2451">
        <v>38729.948040000003</v>
      </c>
      <c r="H2451">
        <v>35883.93881</v>
      </c>
      <c r="I2451">
        <v>18017.979940000001</v>
      </c>
      <c r="J2451">
        <v>34202.512609999998</v>
      </c>
      <c r="K2451">
        <v>49927.942130000003</v>
      </c>
      <c r="L2451">
        <v>18377.33784</v>
      </c>
      <c r="M2451">
        <v>290119.60940000002</v>
      </c>
      <c r="N2451">
        <v>74324.170559999999</v>
      </c>
      <c r="O2451">
        <v>20843.783060000002</v>
      </c>
      <c r="P2451">
        <v>29607.294300000001</v>
      </c>
      <c r="Q2451">
        <v>83197.049069999994</v>
      </c>
      <c r="R2451">
        <v>17171.239809999999</v>
      </c>
      <c r="S2451">
        <v>75738.088789999994</v>
      </c>
      <c r="T2451">
        <v>21303.88967</v>
      </c>
      <c r="U2451">
        <v>14529.0154</v>
      </c>
      <c r="W2451" s="83">
        <f>Bühler!N2483</f>
        <v>45394.041666660727</v>
      </c>
      <c r="X2451" s="83">
        <v>43203.041666666664</v>
      </c>
      <c r="Y2451">
        <v>236526.08439999999</v>
      </c>
      <c r="Z2451">
        <v>13743.84031</v>
      </c>
      <c r="AA2451">
        <v>48613.652459999998</v>
      </c>
      <c r="AB2451">
        <v>38729.948040000003</v>
      </c>
      <c r="AC2451">
        <v>35883.93881</v>
      </c>
      <c r="AD2451">
        <v>18017.979940000001</v>
      </c>
      <c r="AE2451">
        <v>34202.512609999998</v>
      </c>
      <c r="AF2451">
        <v>49927.942130000003</v>
      </c>
      <c r="AG2451">
        <v>18377.33784</v>
      </c>
      <c r="AH2451">
        <v>290119.60940000002</v>
      </c>
      <c r="AI2451">
        <v>74324.170559999999</v>
      </c>
      <c r="AJ2451">
        <v>20843.783060000002</v>
      </c>
      <c r="AK2451">
        <v>29607.294300000001</v>
      </c>
      <c r="AL2451">
        <v>83197.049069999994</v>
      </c>
      <c r="AM2451">
        <v>17171.239809999999</v>
      </c>
      <c r="AN2451">
        <v>75738.088789999994</v>
      </c>
      <c r="AO2451">
        <v>21303.88967</v>
      </c>
      <c r="AP2451">
        <v>14529.0154</v>
      </c>
    </row>
    <row r="2452" spans="2:42" x14ac:dyDescent="0.3">
      <c r="B2452">
        <v>57.254564553628725</v>
      </c>
      <c r="C2452" s="83">
        <v>43203.083333333336</v>
      </c>
      <c r="D2452">
        <v>235836.52799999999</v>
      </c>
      <c r="E2452">
        <v>13731.772580000001</v>
      </c>
      <c r="F2452">
        <v>49558.806149999997</v>
      </c>
      <c r="G2452">
        <v>38376.70693</v>
      </c>
      <c r="H2452">
        <v>35954.789870000001</v>
      </c>
      <c r="I2452">
        <v>16313.475759999999</v>
      </c>
      <c r="J2452">
        <v>34147.837579999999</v>
      </c>
      <c r="K2452">
        <v>47794.304779999999</v>
      </c>
      <c r="L2452">
        <v>18003.09114</v>
      </c>
      <c r="M2452">
        <v>291910.47029999999</v>
      </c>
      <c r="N2452">
        <v>72869.584709999996</v>
      </c>
      <c r="O2452">
        <v>21455.777600000001</v>
      </c>
      <c r="P2452">
        <v>27927.38176</v>
      </c>
      <c r="Q2452">
        <v>85224.816070000001</v>
      </c>
      <c r="R2452">
        <v>18230.058649999999</v>
      </c>
      <c r="S2452">
        <v>75199.167920000007</v>
      </c>
      <c r="T2452">
        <v>20892.067029999998</v>
      </c>
      <c r="U2452">
        <v>14652.901030000001</v>
      </c>
      <c r="W2452" s="83">
        <f>Bühler!N2484</f>
        <v>45394.083333327391</v>
      </c>
      <c r="X2452" s="83">
        <v>43203.083333333336</v>
      </c>
      <c r="Y2452">
        <v>235836.52799999999</v>
      </c>
      <c r="Z2452">
        <v>13731.772580000001</v>
      </c>
      <c r="AA2452">
        <v>49558.806149999997</v>
      </c>
      <c r="AB2452">
        <v>38376.70693</v>
      </c>
      <c r="AC2452">
        <v>35954.789870000001</v>
      </c>
      <c r="AD2452">
        <v>16313.475759999999</v>
      </c>
      <c r="AE2452">
        <v>34147.837579999999</v>
      </c>
      <c r="AF2452">
        <v>47794.304779999999</v>
      </c>
      <c r="AG2452">
        <v>18003.09114</v>
      </c>
      <c r="AH2452">
        <v>291910.47029999999</v>
      </c>
      <c r="AI2452">
        <v>72869.584709999996</v>
      </c>
      <c r="AJ2452">
        <v>21455.777600000001</v>
      </c>
      <c r="AK2452">
        <v>27927.38176</v>
      </c>
      <c r="AL2452">
        <v>85224.816070000001</v>
      </c>
      <c r="AM2452">
        <v>18230.058649999999</v>
      </c>
      <c r="AN2452">
        <v>75199.167920000007</v>
      </c>
      <c r="AO2452">
        <v>20892.067029999998</v>
      </c>
      <c r="AP2452">
        <v>14652.901030000001</v>
      </c>
    </row>
    <row r="2453" spans="2:42" x14ac:dyDescent="0.3">
      <c r="B2453">
        <v>57.696579632056327</v>
      </c>
      <c r="C2453" s="83">
        <v>43203.125</v>
      </c>
      <c r="D2453">
        <v>237653.87330000001</v>
      </c>
      <c r="E2453">
        <v>13894.006880000001</v>
      </c>
      <c r="F2453">
        <v>50604.164559999997</v>
      </c>
      <c r="G2453">
        <v>37763.326200000003</v>
      </c>
      <c r="H2453">
        <v>35721.356910000002</v>
      </c>
      <c r="I2453">
        <v>16288.392169999999</v>
      </c>
      <c r="J2453">
        <v>34576.029190000001</v>
      </c>
      <c r="K2453">
        <v>46717.359120000001</v>
      </c>
      <c r="L2453">
        <v>16998.284</v>
      </c>
      <c r="M2453">
        <v>294164.06929999997</v>
      </c>
      <c r="N2453">
        <v>73586.405270000003</v>
      </c>
      <c r="O2453">
        <v>21595.2994</v>
      </c>
      <c r="P2453">
        <v>27294.737700000001</v>
      </c>
      <c r="Q2453">
        <v>88636.675329999998</v>
      </c>
      <c r="R2453">
        <v>18197.981940000001</v>
      </c>
      <c r="S2453">
        <v>74775.938179999997</v>
      </c>
      <c r="T2453">
        <v>20905.279419999999</v>
      </c>
      <c r="U2453">
        <v>14714.179469999999</v>
      </c>
      <c r="W2453" s="83">
        <f>Bühler!N2485</f>
        <v>45394.124999994056</v>
      </c>
      <c r="X2453" s="83">
        <v>43203.125</v>
      </c>
      <c r="Y2453">
        <v>237653.87330000001</v>
      </c>
      <c r="Z2453">
        <v>13894.006880000001</v>
      </c>
      <c r="AA2453">
        <v>50604.164559999997</v>
      </c>
      <c r="AB2453">
        <v>37763.326200000003</v>
      </c>
      <c r="AC2453">
        <v>35721.356910000002</v>
      </c>
      <c r="AD2453">
        <v>16288.392169999999</v>
      </c>
      <c r="AE2453">
        <v>34576.029190000001</v>
      </c>
      <c r="AF2453">
        <v>46717.359120000001</v>
      </c>
      <c r="AG2453">
        <v>16998.284</v>
      </c>
      <c r="AH2453">
        <v>294164.06929999997</v>
      </c>
      <c r="AI2453">
        <v>73586.405270000003</v>
      </c>
      <c r="AJ2453">
        <v>21595.2994</v>
      </c>
      <c r="AK2453">
        <v>27294.737700000001</v>
      </c>
      <c r="AL2453">
        <v>88636.675329999998</v>
      </c>
      <c r="AM2453">
        <v>18197.981940000001</v>
      </c>
      <c r="AN2453">
        <v>74775.938179999997</v>
      </c>
      <c r="AO2453">
        <v>20905.279419999999</v>
      </c>
      <c r="AP2453">
        <v>14714.179469999999</v>
      </c>
    </row>
    <row r="2454" spans="2:42" x14ac:dyDescent="0.3">
      <c r="B2454">
        <v>58.831547289365695</v>
      </c>
      <c r="C2454" s="83">
        <v>43203.166666666664</v>
      </c>
      <c r="D2454">
        <v>240812.47940000001</v>
      </c>
      <c r="E2454">
        <v>14448.963589999999</v>
      </c>
      <c r="F2454">
        <v>53993.78095</v>
      </c>
      <c r="G2454">
        <v>37470.209029999998</v>
      </c>
      <c r="H2454">
        <v>36802.459909999998</v>
      </c>
      <c r="I2454">
        <v>18499.142960000001</v>
      </c>
      <c r="J2454">
        <v>36949.320639999998</v>
      </c>
      <c r="K2454">
        <v>45580.188099999999</v>
      </c>
      <c r="L2454">
        <v>16796.673559999999</v>
      </c>
      <c r="M2454">
        <v>299950.66369999998</v>
      </c>
      <c r="N2454">
        <v>73178.698210000002</v>
      </c>
      <c r="O2454">
        <v>21970.9362</v>
      </c>
      <c r="P2454">
        <v>25942.08394</v>
      </c>
      <c r="Q2454">
        <v>92977.189270000003</v>
      </c>
      <c r="R2454">
        <v>18153.856319999999</v>
      </c>
      <c r="S2454">
        <v>75907.667289999998</v>
      </c>
      <c r="T2454">
        <v>21134.994200000001</v>
      </c>
      <c r="U2454">
        <v>15764.53081</v>
      </c>
      <c r="W2454" s="83">
        <f>Bühler!N2486</f>
        <v>45394.16666666072</v>
      </c>
      <c r="X2454" s="83">
        <v>43203.166666666664</v>
      </c>
      <c r="Y2454">
        <v>240812.47940000001</v>
      </c>
      <c r="Z2454">
        <v>14448.963589999999</v>
      </c>
      <c r="AA2454">
        <v>53993.78095</v>
      </c>
      <c r="AB2454">
        <v>37470.209029999998</v>
      </c>
      <c r="AC2454">
        <v>36802.459909999998</v>
      </c>
      <c r="AD2454">
        <v>18499.142960000001</v>
      </c>
      <c r="AE2454">
        <v>36949.320639999998</v>
      </c>
      <c r="AF2454">
        <v>45580.188099999999</v>
      </c>
      <c r="AG2454">
        <v>16796.673559999999</v>
      </c>
      <c r="AH2454">
        <v>299950.66369999998</v>
      </c>
      <c r="AI2454">
        <v>73178.698210000002</v>
      </c>
      <c r="AJ2454">
        <v>21970.9362</v>
      </c>
      <c r="AK2454">
        <v>25942.08394</v>
      </c>
      <c r="AL2454">
        <v>92977.189270000003</v>
      </c>
      <c r="AM2454">
        <v>18153.856319999999</v>
      </c>
      <c r="AN2454">
        <v>75907.667289999998</v>
      </c>
      <c r="AO2454">
        <v>21134.994200000001</v>
      </c>
      <c r="AP2454">
        <v>15764.53081</v>
      </c>
    </row>
    <row r="2455" spans="2:42" x14ac:dyDescent="0.3">
      <c r="B2455">
        <v>62.201509028371653</v>
      </c>
      <c r="C2455" s="83">
        <v>43203.208333333336</v>
      </c>
      <c r="D2455">
        <v>255920.17439999999</v>
      </c>
      <c r="E2455">
        <v>16476.763510000001</v>
      </c>
      <c r="F2455">
        <v>65068.873899999999</v>
      </c>
      <c r="G2455">
        <v>40184.786990000001</v>
      </c>
      <c r="H2455">
        <v>38566.674659999997</v>
      </c>
      <c r="I2455">
        <v>26407.144550000001</v>
      </c>
      <c r="J2455">
        <v>40135.140769999998</v>
      </c>
      <c r="K2455">
        <v>46672.666929999999</v>
      </c>
      <c r="L2455">
        <v>17712.936549999999</v>
      </c>
      <c r="M2455">
        <v>317132.3002</v>
      </c>
      <c r="N2455">
        <v>73685.771479999996</v>
      </c>
      <c r="O2455">
        <v>22786.572319999999</v>
      </c>
      <c r="P2455">
        <v>27729.057369999999</v>
      </c>
      <c r="Q2455">
        <v>95934.350019999998</v>
      </c>
      <c r="R2455">
        <v>20948.226299999998</v>
      </c>
      <c r="S2455">
        <v>77884.776329999993</v>
      </c>
      <c r="T2455">
        <v>22559.32043</v>
      </c>
      <c r="U2455">
        <v>18325.563470000001</v>
      </c>
      <c r="W2455" s="83">
        <f>Bühler!N2487</f>
        <v>45394.208333327384</v>
      </c>
      <c r="X2455" s="83">
        <v>43203.208333333336</v>
      </c>
      <c r="Y2455">
        <v>255920.17439999999</v>
      </c>
      <c r="Z2455">
        <v>16476.763510000001</v>
      </c>
      <c r="AA2455">
        <v>65068.873899999999</v>
      </c>
      <c r="AB2455">
        <v>40184.786990000001</v>
      </c>
      <c r="AC2455">
        <v>38566.674659999997</v>
      </c>
      <c r="AD2455">
        <v>26407.144550000001</v>
      </c>
      <c r="AE2455">
        <v>40135.140769999998</v>
      </c>
      <c r="AF2455">
        <v>46672.666929999999</v>
      </c>
      <c r="AG2455">
        <v>17712.936549999999</v>
      </c>
      <c r="AH2455">
        <v>317132.3002</v>
      </c>
      <c r="AI2455">
        <v>73685.771479999996</v>
      </c>
      <c r="AJ2455">
        <v>22786.572319999999</v>
      </c>
      <c r="AK2455">
        <v>27729.057369999999</v>
      </c>
      <c r="AL2455">
        <v>95934.350019999998</v>
      </c>
      <c r="AM2455">
        <v>20948.226299999998</v>
      </c>
      <c r="AN2455">
        <v>77884.776329999993</v>
      </c>
      <c r="AO2455">
        <v>22559.32043</v>
      </c>
      <c r="AP2455">
        <v>18325.563470000001</v>
      </c>
    </row>
    <row r="2456" spans="2:42" x14ac:dyDescent="0.3">
      <c r="B2456">
        <v>65.235905563009936</v>
      </c>
      <c r="C2456" s="83">
        <v>43203.25</v>
      </c>
      <c r="D2456">
        <v>274247.16379999998</v>
      </c>
      <c r="E2456">
        <v>21012.60842</v>
      </c>
      <c r="F2456">
        <v>78104.090150000004</v>
      </c>
      <c r="G2456">
        <v>52706.186699999998</v>
      </c>
      <c r="H2456">
        <v>42486.35224</v>
      </c>
      <c r="I2456">
        <v>35233.097629999997</v>
      </c>
      <c r="J2456">
        <v>44523.950969999998</v>
      </c>
      <c r="K2456">
        <v>48316.78772</v>
      </c>
      <c r="L2456">
        <v>20164.193019999999</v>
      </c>
      <c r="M2456">
        <v>332603.06880000001</v>
      </c>
      <c r="N2456">
        <v>78598.198539999998</v>
      </c>
      <c r="O2456">
        <v>24209.815989999999</v>
      </c>
      <c r="P2456">
        <v>28881.74379</v>
      </c>
      <c r="Q2456">
        <v>96128.543659999996</v>
      </c>
      <c r="R2456">
        <v>17767.03213</v>
      </c>
      <c r="S2456">
        <v>87538.043059999996</v>
      </c>
      <c r="T2456">
        <v>25598.7467</v>
      </c>
      <c r="U2456">
        <v>20705.001560000001</v>
      </c>
      <c r="W2456" s="83">
        <f>Bühler!N2488</f>
        <v>45394.249999994048</v>
      </c>
      <c r="X2456" s="83">
        <v>43203.25</v>
      </c>
      <c r="Y2456">
        <v>274247.16379999998</v>
      </c>
      <c r="Z2456">
        <v>21012.60842</v>
      </c>
      <c r="AA2456">
        <v>78104.090150000004</v>
      </c>
      <c r="AB2456">
        <v>52706.186699999998</v>
      </c>
      <c r="AC2456">
        <v>42486.35224</v>
      </c>
      <c r="AD2456">
        <v>35233.097629999997</v>
      </c>
      <c r="AE2456">
        <v>44523.950969999998</v>
      </c>
      <c r="AF2456">
        <v>48316.78772</v>
      </c>
      <c r="AG2456">
        <v>20164.193019999999</v>
      </c>
      <c r="AH2456">
        <v>332603.06880000001</v>
      </c>
      <c r="AI2456">
        <v>78598.198539999998</v>
      </c>
      <c r="AJ2456">
        <v>24209.815989999999</v>
      </c>
      <c r="AK2456">
        <v>28881.74379</v>
      </c>
      <c r="AL2456">
        <v>96128.543659999996</v>
      </c>
      <c r="AM2456">
        <v>17767.03213</v>
      </c>
      <c r="AN2456">
        <v>87538.043059999996</v>
      </c>
      <c r="AO2456">
        <v>25598.7467</v>
      </c>
      <c r="AP2456">
        <v>20705.001560000001</v>
      </c>
    </row>
    <row r="2457" spans="2:42" x14ac:dyDescent="0.3">
      <c r="B2457">
        <v>67.400789482939146</v>
      </c>
      <c r="C2457" s="83">
        <v>43203.291666666664</v>
      </c>
      <c r="D2457">
        <v>287036.29920000001</v>
      </c>
      <c r="E2457">
        <v>25635.66085</v>
      </c>
      <c r="F2457">
        <v>80743.972030000004</v>
      </c>
      <c r="G2457">
        <v>64225.397830000002</v>
      </c>
      <c r="H2457">
        <v>46604.46067</v>
      </c>
      <c r="I2457">
        <v>43594.069889999999</v>
      </c>
      <c r="J2457">
        <v>45131.506849999998</v>
      </c>
      <c r="K2457">
        <v>53680.462699999996</v>
      </c>
      <c r="L2457">
        <v>23073.204529999999</v>
      </c>
      <c r="M2457">
        <v>343640.65659999999</v>
      </c>
      <c r="N2457">
        <v>81806.318589999995</v>
      </c>
      <c r="O2457">
        <v>27559.69023</v>
      </c>
      <c r="P2457">
        <v>32105.86967</v>
      </c>
      <c r="Q2457">
        <v>96313.877959999998</v>
      </c>
      <c r="R2457">
        <v>18422.399259999998</v>
      </c>
      <c r="S2457">
        <v>102230.1048</v>
      </c>
      <c r="T2457">
        <v>29635.907950000001</v>
      </c>
      <c r="U2457">
        <v>24624.363020000001</v>
      </c>
      <c r="W2457" s="83">
        <f>Bühler!N2489</f>
        <v>45394.291666660713</v>
      </c>
      <c r="X2457" s="83">
        <v>43203.291666666664</v>
      </c>
      <c r="Y2457">
        <v>287036.29920000001</v>
      </c>
      <c r="Z2457">
        <v>25635.66085</v>
      </c>
      <c r="AA2457">
        <v>80743.972030000004</v>
      </c>
      <c r="AB2457">
        <v>64225.397830000002</v>
      </c>
      <c r="AC2457">
        <v>46604.46067</v>
      </c>
      <c r="AD2457">
        <v>43594.069889999999</v>
      </c>
      <c r="AE2457">
        <v>45131.506849999998</v>
      </c>
      <c r="AF2457">
        <v>53680.462699999996</v>
      </c>
      <c r="AG2457">
        <v>23073.204529999999</v>
      </c>
      <c r="AH2457">
        <v>343640.65659999999</v>
      </c>
      <c r="AI2457">
        <v>81806.318589999995</v>
      </c>
      <c r="AJ2457">
        <v>27559.69023</v>
      </c>
      <c r="AK2457">
        <v>32105.86967</v>
      </c>
      <c r="AL2457">
        <v>96313.877959999998</v>
      </c>
      <c r="AM2457">
        <v>18422.399259999998</v>
      </c>
      <c r="AN2457">
        <v>102230.1048</v>
      </c>
      <c r="AO2457">
        <v>29635.907950000001</v>
      </c>
      <c r="AP2457">
        <v>24624.363020000001</v>
      </c>
    </row>
    <row r="2458" spans="2:42" x14ac:dyDescent="0.3">
      <c r="B2458">
        <v>68.01631797513987</v>
      </c>
      <c r="C2458" s="83">
        <v>43203.333333333336</v>
      </c>
      <c r="D2458">
        <v>296303.4032</v>
      </c>
      <c r="E2458">
        <v>31442.975439999998</v>
      </c>
      <c r="F2458">
        <v>87042.464250000005</v>
      </c>
      <c r="G2458">
        <v>77059.026759999993</v>
      </c>
      <c r="H2458">
        <v>51907.15047</v>
      </c>
      <c r="I2458">
        <v>45255.242030000001</v>
      </c>
      <c r="J2458">
        <v>45790.543680000002</v>
      </c>
      <c r="K2458">
        <v>58950.686999999998</v>
      </c>
      <c r="L2458">
        <v>26040.13912</v>
      </c>
      <c r="M2458">
        <v>346778.90789999999</v>
      </c>
      <c r="N2458">
        <v>88521.351049999997</v>
      </c>
      <c r="O2458">
        <v>28045.642779999998</v>
      </c>
      <c r="P2458">
        <v>34535.648659999999</v>
      </c>
      <c r="Q2458">
        <v>96182.802649999998</v>
      </c>
      <c r="R2458">
        <v>21489.883969999999</v>
      </c>
      <c r="S2458">
        <v>113718.9258</v>
      </c>
      <c r="T2458">
        <v>32525.82991</v>
      </c>
      <c r="U2458">
        <v>27847.924510000001</v>
      </c>
      <c r="W2458" s="83">
        <f>Bühler!N2490</f>
        <v>45394.333333327377</v>
      </c>
      <c r="X2458" s="83">
        <v>43203.333333333336</v>
      </c>
      <c r="Y2458">
        <v>296303.4032</v>
      </c>
      <c r="Z2458">
        <v>31442.975439999998</v>
      </c>
      <c r="AA2458">
        <v>87042.464250000005</v>
      </c>
      <c r="AB2458">
        <v>77059.026759999993</v>
      </c>
      <c r="AC2458">
        <v>51907.15047</v>
      </c>
      <c r="AD2458">
        <v>45255.242030000001</v>
      </c>
      <c r="AE2458">
        <v>45790.543680000002</v>
      </c>
      <c r="AF2458">
        <v>58950.686999999998</v>
      </c>
      <c r="AG2458">
        <v>26040.13912</v>
      </c>
      <c r="AH2458">
        <v>346778.90789999999</v>
      </c>
      <c r="AI2458">
        <v>88521.351049999997</v>
      </c>
      <c r="AJ2458">
        <v>28045.642779999998</v>
      </c>
      <c r="AK2458">
        <v>34535.648659999999</v>
      </c>
      <c r="AL2458">
        <v>96182.802649999998</v>
      </c>
      <c r="AM2458">
        <v>21489.883969999999</v>
      </c>
      <c r="AN2458">
        <v>113718.9258</v>
      </c>
      <c r="AO2458">
        <v>32525.82991</v>
      </c>
      <c r="AP2458">
        <v>27847.924510000001</v>
      </c>
    </row>
    <row r="2459" spans="2:42" x14ac:dyDescent="0.3">
      <c r="B2459">
        <v>67.78888938735885</v>
      </c>
      <c r="C2459" s="83">
        <v>43203.375</v>
      </c>
      <c r="D2459">
        <v>295727.68180000002</v>
      </c>
      <c r="E2459">
        <v>35314.47911</v>
      </c>
      <c r="F2459">
        <v>93114.257610000001</v>
      </c>
      <c r="G2459">
        <v>83853.486730000004</v>
      </c>
      <c r="H2459">
        <v>53778.247259999996</v>
      </c>
      <c r="I2459">
        <v>41337.48833</v>
      </c>
      <c r="J2459">
        <v>45973.129309999997</v>
      </c>
      <c r="K2459">
        <v>62125.554270000001</v>
      </c>
      <c r="L2459">
        <v>28085.220689999998</v>
      </c>
      <c r="M2459">
        <v>345619.37089999998</v>
      </c>
      <c r="N2459">
        <v>93135.15092</v>
      </c>
      <c r="O2459">
        <v>29113.42728</v>
      </c>
      <c r="P2459">
        <v>37627.213929999998</v>
      </c>
      <c r="Q2459">
        <v>96433.760030000005</v>
      </c>
      <c r="R2459">
        <v>23431.513340000001</v>
      </c>
      <c r="S2459">
        <v>117583.3832</v>
      </c>
      <c r="T2459">
        <v>34880.884480000001</v>
      </c>
      <c r="U2459">
        <v>26961.554909999999</v>
      </c>
      <c r="W2459" s="83">
        <f>Bühler!N2491</f>
        <v>45394.374999994041</v>
      </c>
      <c r="X2459" s="83">
        <v>43203.375</v>
      </c>
      <c r="Y2459">
        <v>295727.68180000002</v>
      </c>
      <c r="Z2459">
        <v>35314.47911</v>
      </c>
      <c r="AA2459">
        <v>93114.257610000001</v>
      </c>
      <c r="AB2459">
        <v>83853.486730000004</v>
      </c>
      <c r="AC2459">
        <v>53778.247259999996</v>
      </c>
      <c r="AD2459">
        <v>41337.48833</v>
      </c>
      <c r="AE2459">
        <v>45973.129309999997</v>
      </c>
      <c r="AF2459">
        <v>62125.554270000001</v>
      </c>
      <c r="AG2459">
        <v>28085.220689999998</v>
      </c>
      <c r="AH2459">
        <v>345619.37089999998</v>
      </c>
      <c r="AI2459">
        <v>93135.15092</v>
      </c>
      <c r="AJ2459">
        <v>29113.42728</v>
      </c>
      <c r="AK2459">
        <v>37627.213929999998</v>
      </c>
      <c r="AL2459">
        <v>96433.760030000005</v>
      </c>
      <c r="AM2459">
        <v>23431.513340000001</v>
      </c>
      <c r="AN2459">
        <v>117583.3832</v>
      </c>
      <c r="AO2459">
        <v>34880.884480000001</v>
      </c>
      <c r="AP2459">
        <v>26961.554909999999</v>
      </c>
    </row>
    <row r="2460" spans="2:42" x14ac:dyDescent="0.3">
      <c r="B2460">
        <v>67.662365319779624</v>
      </c>
      <c r="C2460" s="83">
        <v>43203.416666666664</v>
      </c>
      <c r="D2460">
        <v>294572.88069999998</v>
      </c>
      <c r="E2460">
        <v>36554.251029999999</v>
      </c>
      <c r="F2460">
        <v>94104.727249999996</v>
      </c>
      <c r="G2460">
        <v>85077.588860000003</v>
      </c>
      <c r="H2460">
        <v>53869.915370000002</v>
      </c>
      <c r="I2460">
        <v>38666.813560000002</v>
      </c>
      <c r="J2460">
        <v>44361.002509999998</v>
      </c>
      <c r="K2460">
        <v>63476.097909999997</v>
      </c>
      <c r="L2460">
        <v>31063.70408</v>
      </c>
      <c r="M2460">
        <v>344974.29220000003</v>
      </c>
      <c r="N2460">
        <v>95577.176609999995</v>
      </c>
      <c r="O2460">
        <v>29437.257610000001</v>
      </c>
      <c r="P2460">
        <v>36958.76354</v>
      </c>
      <c r="Q2460">
        <v>96505.322379999998</v>
      </c>
      <c r="R2460">
        <v>23733.465329999999</v>
      </c>
      <c r="S2460">
        <v>117225.49129999999</v>
      </c>
      <c r="T2460">
        <v>35594.703170000001</v>
      </c>
      <c r="U2460">
        <v>25584.785739999999</v>
      </c>
      <c r="W2460" s="83">
        <f>Bühler!N2492</f>
        <v>45394.416666660705</v>
      </c>
      <c r="X2460" s="83">
        <v>43203.416666666664</v>
      </c>
      <c r="Y2460">
        <v>294572.88069999998</v>
      </c>
      <c r="Z2460">
        <v>36554.251029999999</v>
      </c>
      <c r="AA2460">
        <v>94104.727249999996</v>
      </c>
      <c r="AB2460">
        <v>85077.588860000003</v>
      </c>
      <c r="AC2460">
        <v>53869.915370000002</v>
      </c>
      <c r="AD2460">
        <v>38666.813560000002</v>
      </c>
      <c r="AE2460">
        <v>44361.002509999998</v>
      </c>
      <c r="AF2460">
        <v>63476.097909999997</v>
      </c>
      <c r="AG2460">
        <v>31063.70408</v>
      </c>
      <c r="AH2460">
        <v>344974.29220000003</v>
      </c>
      <c r="AI2460">
        <v>95577.176609999995</v>
      </c>
      <c r="AJ2460">
        <v>29437.257610000001</v>
      </c>
      <c r="AK2460">
        <v>36958.76354</v>
      </c>
      <c r="AL2460">
        <v>96505.322379999998</v>
      </c>
      <c r="AM2460">
        <v>23733.465329999999</v>
      </c>
      <c r="AN2460">
        <v>117225.49129999999</v>
      </c>
      <c r="AO2460">
        <v>35594.703170000001</v>
      </c>
      <c r="AP2460">
        <v>25584.785739999999</v>
      </c>
    </row>
    <row r="2461" spans="2:42" x14ac:dyDescent="0.3">
      <c r="B2461">
        <v>68.225739834261219</v>
      </c>
      <c r="C2461" s="83">
        <v>43203.458333333336</v>
      </c>
      <c r="D2461">
        <v>291226.3749</v>
      </c>
      <c r="E2461">
        <v>36135.530440000002</v>
      </c>
      <c r="F2461">
        <v>95515.365650000007</v>
      </c>
      <c r="G2461">
        <v>82629.433520000006</v>
      </c>
      <c r="H2461">
        <v>52527.673629999998</v>
      </c>
      <c r="I2461">
        <v>37793.667959999999</v>
      </c>
      <c r="J2461">
        <v>42759.359900000003</v>
      </c>
      <c r="K2461">
        <v>63793.136749999998</v>
      </c>
      <c r="L2461">
        <v>32006.28673</v>
      </c>
      <c r="M2461">
        <v>347846.63819999999</v>
      </c>
      <c r="N2461">
        <v>93445.807990000001</v>
      </c>
      <c r="O2461">
        <v>29483.54379</v>
      </c>
      <c r="P2461">
        <v>36297.42441</v>
      </c>
      <c r="Q2461">
        <v>97051.35312</v>
      </c>
      <c r="R2461">
        <v>25444.438190000001</v>
      </c>
      <c r="S2461">
        <v>119156.56540000001</v>
      </c>
      <c r="T2461">
        <v>35404.817470000002</v>
      </c>
      <c r="U2461">
        <v>24344.367709999999</v>
      </c>
      <c r="W2461" s="83">
        <f>Bühler!N2493</f>
        <v>45394.458333327369</v>
      </c>
      <c r="X2461" s="83">
        <v>43203.458333333336</v>
      </c>
      <c r="Y2461">
        <v>291226.3749</v>
      </c>
      <c r="Z2461">
        <v>36135.530440000002</v>
      </c>
      <c r="AA2461">
        <v>95515.365650000007</v>
      </c>
      <c r="AB2461">
        <v>82629.433520000006</v>
      </c>
      <c r="AC2461">
        <v>52527.673629999998</v>
      </c>
      <c r="AD2461">
        <v>37793.667959999999</v>
      </c>
      <c r="AE2461">
        <v>42759.359900000003</v>
      </c>
      <c r="AF2461">
        <v>63793.136749999998</v>
      </c>
      <c r="AG2461">
        <v>32006.28673</v>
      </c>
      <c r="AH2461">
        <v>347846.63819999999</v>
      </c>
      <c r="AI2461">
        <v>93445.807990000001</v>
      </c>
      <c r="AJ2461">
        <v>29483.54379</v>
      </c>
      <c r="AK2461">
        <v>36297.42441</v>
      </c>
      <c r="AL2461">
        <v>97051.35312</v>
      </c>
      <c r="AM2461">
        <v>25444.438190000001</v>
      </c>
      <c r="AN2461">
        <v>119156.56540000001</v>
      </c>
      <c r="AO2461">
        <v>35404.817470000002</v>
      </c>
      <c r="AP2461">
        <v>24344.367709999999</v>
      </c>
    </row>
    <row r="2462" spans="2:42" x14ac:dyDescent="0.3">
      <c r="B2462">
        <v>66.695601244191081</v>
      </c>
      <c r="C2462" s="83">
        <v>43203.5</v>
      </c>
      <c r="D2462">
        <v>276526.5197</v>
      </c>
      <c r="E2462">
        <v>32292.517090000001</v>
      </c>
      <c r="F2462">
        <v>94606.804430000004</v>
      </c>
      <c r="G2462">
        <v>82256.172349999993</v>
      </c>
      <c r="H2462">
        <v>50449.198790000002</v>
      </c>
      <c r="I2462">
        <v>37081.566250000003</v>
      </c>
      <c r="J2462">
        <v>42165.372660000001</v>
      </c>
      <c r="K2462">
        <v>59815.883959999999</v>
      </c>
      <c r="L2462">
        <v>34217.78357</v>
      </c>
      <c r="M2462">
        <v>340045.2781</v>
      </c>
      <c r="N2462">
        <v>90818.034499999994</v>
      </c>
      <c r="O2462">
        <v>27803.837810000001</v>
      </c>
      <c r="P2462">
        <v>36869.569620000002</v>
      </c>
      <c r="Q2462">
        <v>95710.309139999998</v>
      </c>
      <c r="R2462">
        <v>24611.497200000002</v>
      </c>
      <c r="S2462">
        <v>113216.9813</v>
      </c>
      <c r="T2462">
        <v>35627.241190000001</v>
      </c>
      <c r="U2462">
        <v>20398.193070000001</v>
      </c>
      <c r="W2462" s="83">
        <f>Bühler!N2494</f>
        <v>45394.499999994034</v>
      </c>
      <c r="X2462" s="83">
        <v>43203.5</v>
      </c>
      <c r="Y2462">
        <v>276526.5197</v>
      </c>
      <c r="Z2462">
        <v>32292.517090000001</v>
      </c>
      <c r="AA2462">
        <v>94606.804430000004</v>
      </c>
      <c r="AB2462">
        <v>82256.172349999993</v>
      </c>
      <c r="AC2462">
        <v>50449.198790000002</v>
      </c>
      <c r="AD2462">
        <v>37081.566250000003</v>
      </c>
      <c r="AE2462">
        <v>42165.372660000001</v>
      </c>
      <c r="AF2462">
        <v>59815.883959999999</v>
      </c>
      <c r="AG2462">
        <v>34217.78357</v>
      </c>
      <c r="AH2462">
        <v>340045.2781</v>
      </c>
      <c r="AI2462">
        <v>90818.034499999994</v>
      </c>
      <c r="AJ2462">
        <v>27803.837810000001</v>
      </c>
      <c r="AK2462">
        <v>36869.569620000002</v>
      </c>
      <c r="AL2462">
        <v>95710.309139999998</v>
      </c>
      <c r="AM2462">
        <v>24611.497200000002</v>
      </c>
      <c r="AN2462">
        <v>113216.9813</v>
      </c>
      <c r="AO2462">
        <v>35627.241190000001</v>
      </c>
      <c r="AP2462">
        <v>20398.193070000001</v>
      </c>
    </row>
    <row r="2463" spans="2:42" x14ac:dyDescent="0.3">
      <c r="B2463">
        <v>65.702965643490259</v>
      </c>
      <c r="C2463" s="83">
        <v>43203.541666666664</v>
      </c>
      <c r="D2463">
        <v>273033.91239999997</v>
      </c>
      <c r="E2463">
        <v>32071.550169999999</v>
      </c>
      <c r="F2463">
        <v>92499.439029999994</v>
      </c>
      <c r="G2463">
        <v>77249.026079999996</v>
      </c>
      <c r="H2463">
        <v>49699.103360000001</v>
      </c>
      <c r="I2463">
        <v>36765.355080000001</v>
      </c>
      <c r="J2463">
        <v>41094.546829999999</v>
      </c>
      <c r="K2463">
        <v>60785.486539999998</v>
      </c>
      <c r="L2463">
        <v>33507.316120000003</v>
      </c>
      <c r="M2463">
        <v>334984.35889999999</v>
      </c>
      <c r="N2463">
        <v>90222.888569999996</v>
      </c>
      <c r="O2463">
        <v>28152.783070000001</v>
      </c>
      <c r="P2463">
        <v>35231.820619999999</v>
      </c>
      <c r="Q2463">
        <v>94729.159839999993</v>
      </c>
      <c r="R2463">
        <v>24453.336940000001</v>
      </c>
      <c r="S2463">
        <v>111982.07120000001</v>
      </c>
      <c r="T2463">
        <v>33959.198759999999</v>
      </c>
      <c r="U2463">
        <v>21817.635579999998</v>
      </c>
      <c r="W2463" s="83">
        <f>Bühler!N2495</f>
        <v>45394.541666660698</v>
      </c>
      <c r="X2463" s="83">
        <v>43203.541666666664</v>
      </c>
      <c r="Y2463">
        <v>273033.91239999997</v>
      </c>
      <c r="Z2463">
        <v>32071.550169999999</v>
      </c>
      <c r="AA2463">
        <v>92499.439029999994</v>
      </c>
      <c r="AB2463">
        <v>77249.026079999996</v>
      </c>
      <c r="AC2463">
        <v>49699.103360000001</v>
      </c>
      <c r="AD2463">
        <v>36765.355080000001</v>
      </c>
      <c r="AE2463">
        <v>41094.546829999999</v>
      </c>
      <c r="AF2463">
        <v>60785.486539999998</v>
      </c>
      <c r="AG2463">
        <v>33507.316120000003</v>
      </c>
      <c r="AH2463">
        <v>334984.35889999999</v>
      </c>
      <c r="AI2463">
        <v>90222.888569999996</v>
      </c>
      <c r="AJ2463">
        <v>28152.783070000001</v>
      </c>
      <c r="AK2463">
        <v>35231.820619999999</v>
      </c>
      <c r="AL2463">
        <v>94729.159839999993</v>
      </c>
      <c r="AM2463">
        <v>24453.336940000001</v>
      </c>
      <c r="AN2463">
        <v>111982.07120000001</v>
      </c>
      <c r="AO2463">
        <v>33959.198759999999</v>
      </c>
      <c r="AP2463">
        <v>21817.635579999998</v>
      </c>
    </row>
    <row r="2464" spans="2:42" x14ac:dyDescent="0.3">
      <c r="B2464">
        <v>65.485562148859188</v>
      </c>
      <c r="C2464" s="83">
        <v>43203.583333333336</v>
      </c>
      <c r="D2464">
        <v>273512.50949999999</v>
      </c>
      <c r="E2464">
        <v>34407.532249999997</v>
      </c>
      <c r="F2464">
        <v>93999.655859999999</v>
      </c>
      <c r="G2464">
        <v>70376.675289999999</v>
      </c>
      <c r="H2464">
        <v>49173.774770000004</v>
      </c>
      <c r="I2464">
        <v>37170.980219999998</v>
      </c>
      <c r="J2464">
        <v>41201.036520000001</v>
      </c>
      <c r="K2464">
        <v>62142.440840000003</v>
      </c>
      <c r="L2464">
        <v>29992.66057</v>
      </c>
      <c r="M2464">
        <v>333875.93449999997</v>
      </c>
      <c r="N2464">
        <v>88891.054999999993</v>
      </c>
      <c r="O2464">
        <v>26368.87141</v>
      </c>
      <c r="P2464">
        <v>32097.23475</v>
      </c>
      <c r="Q2464">
        <v>93417.267489999998</v>
      </c>
      <c r="R2464">
        <v>23883.244490000001</v>
      </c>
      <c r="S2464">
        <v>108857.3054</v>
      </c>
      <c r="T2464">
        <v>31749.960139999999</v>
      </c>
      <c r="U2464">
        <v>21288.949960000002</v>
      </c>
      <c r="W2464" s="83">
        <f>Bühler!N2496</f>
        <v>45394.583333327362</v>
      </c>
      <c r="X2464" s="83">
        <v>43203.583333333336</v>
      </c>
      <c r="Y2464">
        <v>273512.50949999999</v>
      </c>
      <c r="Z2464">
        <v>34407.532249999997</v>
      </c>
      <c r="AA2464">
        <v>93999.655859999999</v>
      </c>
      <c r="AB2464">
        <v>70376.675289999999</v>
      </c>
      <c r="AC2464">
        <v>49173.774770000004</v>
      </c>
      <c r="AD2464">
        <v>37170.980219999998</v>
      </c>
      <c r="AE2464">
        <v>41201.036520000001</v>
      </c>
      <c r="AF2464">
        <v>62142.440840000003</v>
      </c>
      <c r="AG2464">
        <v>29992.66057</v>
      </c>
      <c r="AH2464">
        <v>333875.93449999997</v>
      </c>
      <c r="AI2464">
        <v>88891.054999999993</v>
      </c>
      <c r="AJ2464">
        <v>26368.87141</v>
      </c>
      <c r="AK2464">
        <v>32097.23475</v>
      </c>
      <c r="AL2464">
        <v>93417.267489999998</v>
      </c>
      <c r="AM2464">
        <v>23883.244490000001</v>
      </c>
      <c r="AN2464">
        <v>108857.3054</v>
      </c>
      <c r="AO2464">
        <v>31749.960139999999</v>
      </c>
      <c r="AP2464">
        <v>21288.949960000002</v>
      </c>
    </row>
    <row r="2465" spans="2:42" x14ac:dyDescent="0.3">
      <c r="B2465">
        <v>64.691012606251803</v>
      </c>
      <c r="C2465" s="83">
        <v>43203.625</v>
      </c>
      <c r="D2465">
        <v>268215.03950000001</v>
      </c>
      <c r="E2465">
        <v>34077.048439999999</v>
      </c>
      <c r="F2465">
        <v>94468.935209999996</v>
      </c>
      <c r="G2465">
        <v>65590.468500000003</v>
      </c>
      <c r="H2465">
        <v>47265.436040000001</v>
      </c>
      <c r="I2465">
        <v>37044.849049999997</v>
      </c>
      <c r="J2465">
        <v>44094.534740000003</v>
      </c>
      <c r="K2465">
        <v>60054.057719999997</v>
      </c>
      <c r="L2465">
        <v>26693.512559999999</v>
      </c>
      <c r="M2465">
        <v>329824.95039999997</v>
      </c>
      <c r="N2465">
        <v>86645.605030000006</v>
      </c>
      <c r="O2465">
        <v>24816.499199999998</v>
      </c>
      <c r="P2465">
        <v>29044.085630000001</v>
      </c>
      <c r="Q2465">
        <v>92497.1008</v>
      </c>
      <c r="R2465">
        <v>23381.000390000001</v>
      </c>
      <c r="S2465">
        <v>104803.5436</v>
      </c>
      <c r="T2465">
        <v>30942.844109999998</v>
      </c>
      <c r="U2465">
        <v>19432.898539999998</v>
      </c>
      <c r="W2465" s="83">
        <f>Bühler!N2497</f>
        <v>45394.624999994026</v>
      </c>
      <c r="X2465" s="83">
        <v>43203.625</v>
      </c>
      <c r="Y2465">
        <v>268215.03950000001</v>
      </c>
      <c r="Z2465">
        <v>34077.048439999999</v>
      </c>
      <c r="AA2465">
        <v>94468.935209999996</v>
      </c>
      <c r="AB2465">
        <v>65590.468500000003</v>
      </c>
      <c r="AC2465">
        <v>47265.436040000001</v>
      </c>
      <c r="AD2465">
        <v>37044.849049999997</v>
      </c>
      <c r="AE2465">
        <v>44094.534740000003</v>
      </c>
      <c r="AF2465">
        <v>60054.057719999997</v>
      </c>
      <c r="AG2465">
        <v>26693.512559999999</v>
      </c>
      <c r="AH2465">
        <v>329824.95039999997</v>
      </c>
      <c r="AI2465">
        <v>86645.605030000006</v>
      </c>
      <c r="AJ2465">
        <v>24816.499199999998</v>
      </c>
      <c r="AK2465">
        <v>29044.085630000001</v>
      </c>
      <c r="AL2465">
        <v>92497.1008</v>
      </c>
      <c r="AM2465">
        <v>23381.000390000001</v>
      </c>
      <c r="AN2465">
        <v>104803.5436</v>
      </c>
      <c r="AO2465">
        <v>30942.844109999998</v>
      </c>
      <c r="AP2465">
        <v>19432.898539999998</v>
      </c>
    </row>
    <row r="2466" spans="2:42" x14ac:dyDescent="0.3">
      <c r="B2466">
        <v>63.350803111531654</v>
      </c>
      <c r="C2466" s="83">
        <v>43203.666666666664</v>
      </c>
      <c r="D2466">
        <v>259754.61350000001</v>
      </c>
      <c r="E2466">
        <v>32849.744859999999</v>
      </c>
      <c r="F2466">
        <v>93349.796069999997</v>
      </c>
      <c r="G2466">
        <v>59258.547440000002</v>
      </c>
      <c r="H2466">
        <v>45720.788939999999</v>
      </c>
      <c r="I2466">
        <v>37272.305099999998</v>
      </c>
      <c r="J2466">
        <v>41885.299209999997</v>
      </c>
      <c r="K2466">
        <v>54867.142610000003</v>
      </c>
      <c r="L2466">
        <v>25969.294620000001</v>
      </c>
      <c r="M2466">
        <v>322991.9374</v>
      </c>
      <c r="N2466">
        <v>84131.170849999995</v>
      </c>
      <c r="O2466">
        <v>25437.893069999998</v>
      </c>
      <c r="P2466">
        <v>29128.540700000001</v>
      </c>
      <c r="Q2466">
        <v>91533.621169999999</v>
      </c>
      <c r="R2466">
        <v>23149.206890000001</v>
      </c>
      <c r="S2466">
        <v>101324.1599</v>
      </c>
      <c r="T2466">
        <v>31206.912980000001</v>
      </c>
      <c r="U2466">
        <v>18037.06856</v>
      </c>
      <c r="W2466" s="83">
        <f>Bühler!N2498</f>
        <v>45394.666666660691</v>
      </c>
      <c r="X2466" s="83">
        <v>43203.666666666664</v>
      </c>
      <c r="Y2466">
        <v>259754.61350000001</v>
      </c>
      <c r="Z2466">
        <v>32849.744859999999</v>
      </c>
      <c r="AA2466">
        <v>93349.796069999997</v>
      </c>
      <c r="AB2466">
        <v>59258.547440000002</v>
      </c>
      <c r="AC2466">
        <v>45720.788939999999</v>
      </c>
      <c r="AD2466">
        <v>37272.305099999998</v>
      </c>
      <c r="AE2466">
        <v>41885.299209999997</v>
      </c>
      <c r="AF2466">
        <v>54867.142610000003</v>
      </c>
      <c r="AG2466">
        <v>25969.294620000001</v>
      </c>
      <c r="AH2466">
        <v>322991.9374</v>
      </c>
      <c r="AI2466">
        <v>84131.170849999995</v>
      </c>
      <c r="AJ2466">
        <v>25437.893069999998</v>
      </c>
      <c r="AK2466">
        <v>29128.540700000001</v>
      </c>
      <c r="AL2466">
        <v>91533.621169999999</v>
      </c>
      <c r="AM2466">
        <v>23149.206890000001</v>
      </c>
      <c r="AN2466">
        <v>101324.1599</v>
      </c>
      <c r="AO2466">
        <v>31206.912980000001</v>
      </c>
      <c r="AP2466">
        <v>18037.06856</v>
      </c>
    </row>
    <row r="2467" spans="2:42" x14ac:dyDescent="0.3">
      <c r="B2467">
        <v>61.976716821631221</v>
      </c>
      <c r="C2467" s="83">
        <v>43203.708333333336</v>
      </c>
      <c r="D2467">
        <v>249221.08170000001</v>
      </c>
      <c r="E2467">
        <v>30820.166389999999</v>
      </c>
      <c r="F2467">
        <v>91700.4902</v>
      </c>
      <c r="G2467">
        <v>51347.72883</v>
      </c>
      <c r="H2467">
        <v>43896.314619999997</v>
      </c>
      <c r="I2467">
        <v>37274.406920000001</v>
      </c>
      <c r="J2467">
        <v>41622.727370000001</v>
      </c>
      <c r="K2467">
        <v>51214.314899999998</v>
      </c>
      <c r="L2467">
        <v>26690.359110000001</v>
      </c>
      <c r="M2467">
        <v>315986.2047</v>
      </c>
      <c r="N2467">
        <v>78543.062760000001</v>
      </c>
      <c r="O2467">
        <v>24389.230780000002</v>
      </c>
      <c r="P2467">
        <v>30198.068960000001</v>
      </c>
      <c r="Q2467">
        <v>89398.273459999997</v>
      </c>
      <c r="R2467">
        <v>23387.341820000001</v>
      </c>
      <c r="S2467">
        <v>97935.337199999994</v>
      </c>
      <c r="T2467">
        <v>30324.42325</v>
      </c>
      <c r="U2467">
        <v>16754.97422</v>
      </c>
      <c r="W2467" s="83">
        <f>Bühler!N2499</f>
        <v>45394.708333327355</v>
      </c>
      <c r="X2467" s="83">
        <v>43203.708333333336</v>
      </c>
      <c r="Y2467">
        <v>249221.08170000001</v>
      </c>
      <c r="Z2467">
        <v>30820.166389999999</v>
      </c>
      <c r="AA2467">
        <v>91700.4902</v>
      </c>
      <c r="AB2467">
        <v>51347.72883</v>
      </c>
      <c r="AC2467">
        <v>43896.314619999997</v>
      </c>
      <c r="AD2467">
        <v>37274.406920000001</v>
      </c>
      <c r="AE2467">
        <v>41622.727370000001</v>
      </c>
      <c r="AF2467">
        <v>51214.314899999998</v>
      </c>
      <c r="AG2467">
        <v>26690.359110000001</v>
      </c>
      <c r="AH2467">
        <v>315986.2047</v>
      </c>
      <c r="AI2467">
        <v>78543.062760000001</v>
      </c>
      <c r="AJ2467">
        <v>24389.230780000002</v>
      </c>
      <c r="AK2467">
        <v>30198.068960000001</v>
      </c>
      <c r="AL2467">
        <v>89398.273459999997</v>
      </c>
      <c r="AM2467">
        <v>23387.341820000001</v>
      </c>
      <c r="AN2467">
        <v>97935.337199999994</v>
      </c>
      <c r="AO2467">
        <v>30324.42325</v>
      </c>
      <c r="AP2467">
        <v>16754.97422</v>
      </c>
    </row>
    <row r="2468" spans="2:42" x14ac:dyDescent="0.3">
      <c r="B2468">
        <v>59.907758532508943</v>
      </c>
      <c r="C2468" s="83">
        <v>43203.75</v>
      </c>
      <c r="D2468">
        <v>240735.87289999999</v>
      </c>
      <c r="E2468">
        <v>27992.526409999999</v>
      </c>
      <c r="F2468">
        <v>89286.73603</v>
      </c>
      <c r="G2468">
        <v>45297.31379</v>
      </c>
      <c r="H2468">
        <v>41995.788860000001</v>
      </c>
      <c r="I2468">
        <v>35051.519180000003</v>
      </c>
      <c r="J2468">
        <v>41357.920469999997</v>
      </c>
      <c r="K2468">
        <v>50436.981019999999</v>
      </c>
      <c r="L2468">
        <v>28291.32057</v>
      </c>
      <c r="M2468">
        <v>305437.69050000003</v>
      </c>
      <c r="N2468">
        <v>77833.238320000004</v>
      </c>
      <c r="O2468">
        <v>23295.580279999998</v>
      </c>
      <c r="P2468">
        <v>34127.21009</v>
      </c>
      <c r="Q2468">
        <v>86171.595409999994</v>
      </c>
      <c r="R2468">
        <v>21562.8619</v>
      </c>
      <c r="S2468">
        <v>92285.138850000003</v>
      </c>
      <c r="T2468">
        <v>30859.751410000001</v>
      </c>
      <c r="U2468">
        <v>15766.931430000001</v>
      </c>
      <c r="W2468" s="83">
        <f>Bühler!N2500</f>
        <v>45394.749999994019</v>
      </c>
      <c r="X2468" s="83">
        <v>43203.75</v>
      </c>
      <c r="Y2468">
        <v>240735.87289999999</v>
      </c>
      <c r="Z2468">
        <v>27992.526409999999</v>
      </c>
      <c r="AA2468">
        <v>89286.73603</v>
      </c>
      <c r="AB2468">
        <v>45297.31379</v>
      </c>
      <c r="AC2468">
        <v>41995.788860000001</v>
      </c>
      <c r="AD2468">
        <v>35051.519180000003</v>
      </c>
      <c r="AE2468">
        <v>41357.920469999997</v>
      </c>
      <c r="AF2468">
        <v>50436.981019999999</v>
      </c>
      <c r="AG2468">
        <v>28291.32057</v>
      </c>
      <c r="AH2468">
        <v>305437.69050000003</v>
      </c>
      <c r="AI2468">
        <v>77833.238320000004</v>
      </c>
      <c r="AJ2468">
        <v>23295.580279999998</v>
      </c>
      <c r="AK2468">
        <v>34127.21009</v>
      </c>
      <c r="AL2468">
        <v>86171.595409999994</v>
      </c>
      <c r="AM2468">
        <v>21562.8619</v>
      </c>
      <c r="AN2468">
        <v>92285.138850000003</v>
      </c>
      <c r="AO2468">
        <v>30859.751410000001</v>
      </c>
      <c r="AP2468">
        <v>15766.931430000001</v>
      </c>
    </row>
    <row r="2469" spans="2:42" x14ac:dyDescent="0.3">
      <c r="B2469">
        <v>58.47529384407899</v>
      </c>
      <c r="C2469" s="83">
        <v>43203.791666666664</v>
      </c>
      <c r="D2469">
        <v>231476.59460000001</v>
      </c>
      <c r="E2469">
        <v>22850.74555</v>
      </c>
      <c r="F2469">
        <v>78432.13265</v>
      </c>
      <c r="G2469">
        <v>42015.733070000002</v>
      </c>
      <c r="H2469">
        <v>39630.115089999999</v>
      </c>
      <c r="I2469">
        <v>32793.66749</v>
      </c>
      <c r="J2469">
        <v>40528.348230000003</v>
      </c>
      <c r="K2469">
        <v>49870.142800000001</v>
      </c>
      <c r="L2469">
        <v>29726.222730000001</v>
      </c>
      <c r="M2469">
        <v>298134.3175</v>
      </c>
      <c r="N2469">
        <v>77050.301489999998</v>
      </c>
      <c r="O2469">
        <v>22770.398649999999</v>
      </c>
      <c r="P2469">
        <v>35931.571909999999</v>
      </c>
      <c r="Q2469">
        <v>82461.049320000006</v>
      </c>
      <c r="R2469">
        <v>20787.81626</v>
      </c>
      <c r="S2469">
        <v>88152.501090000005</v>
      </c>
      <c r="T2469">
        <v>31194.213400000001</v>
      </c>
      <c r="U2469">
        <v>14297.12399</v>
      </c>
      <c r="W2469" s="83">
        <f>Bühler!N2501</f>
        <v>45394.791666660683</v>
      </c>
      <c r="X2469" s="83">
        <v>43203.791666666664</v>
      </c>
      <c r="Y2469">
        <v>231476.59460000001</v>
      </c>
      <c r="Z2469">
        <v>22850.74555</v>
      </c>
      <c r="AA2469">
        <v>78432.13265</v>
      </c>
      <c r="AB2469">
        <v>42015.733070000002</v>
      </c>
      <c r="AC2469">
        <v>39630.115089999999</v>
      </c>
      <c r="AD2469">
        <v>32793.66749</v>
      </c>
      <c r="AE2469">
        <v>40528.348230000003</v>
      </c>
      <c r="AF2469">
        <v>49870.142800000001</v>
      </c>
      <c r="AG2469">
        <v>29726.222730000001</v>
      </c>
      <c r="AH2469">
        <v>298134.3175</v>
      </c>
      <c r="AI2469">
        <v>77050.301489999998</v>
      </c>
      <c r="AJ2469">
        <v>22770.398649999999</v>
      </c>
      <c r="AK2469">
        <v>35931.571909999999</v>
      </c>
      <c r="AL2469">
        <v>82461.049320000006</v>
      </c>
      <c r="AM2469">
        <v>20787.81626</v>
      </c>
      <c r="AN2469">
        <v>88152.501090000005</v>
      </c>
      <c r="AO2469">
        <v>31194.213400000001</v>
      </c>
      <c r="AP2469">
        <v>14297.12399</v>
      </c>
    </row>
    <row r="2470" spans="2:42" x14ac:dyDescent="0.3">
      <c r="B2470">
        <v>56.720577288164947</v>
      </c>
      <c r="C2470" s="83">
        <v>43203.833333333336</v>
      </c>
      <c r="D2470">
        <v>222744.13209999999</v>
      </c>
      <c r="E2470">
        <v>17497.487570000001</v>
      </c>
      <c r="F2470">
        <v>61508.44455</v>
      </c>
      <c r="G2470">
        <v>40832.798499999997</v>
      </c>
      <c r="H2470">
        <v>38486.846449999997</v>
      </c>
      <c r="I2470">
        <v>30036.901150000002</v>
      </c>
      <c r="J2470">
        <v>42115.796320000001</v>
      </c>
      <c r="K2470">
        <v>47993.063309999998</v>
      </c>
      <c r="L2470">
        <v>29719.788110000001</v>
      </c>
      <c r="M2470">
        <v>289187.95419999998</v>
      </c>
      <c r="N2470">
        <v>75031.351790000001</v>
      </c>
      <c r="O2470">
        <v>22409.61102</v>
      </c>
      <c r="P2470">
        <v>36616.328630000004</v>
      </c>
      <c r="Q2470">
        <v>79965.812220000007</v>
      </c>
      <c r="R2470">
        <v>20084.040799999999</v>
      </c>
      <c r="S2470">
        <v>82290.849759999997</v>
      </c>
      <c r="T2470">
        <v>31206.059020000001</v>
      </c>
      <c r="U2470">
        <v>14174.538479999999</v>
      </c>
      <c r="W2470" s="83">
        <f>Bühler!N2502</f>
        <v>45394.833333327348</v>
      </c>
      <c r="X2470" s="83">
        <v>43203.833333333336</v>
      </c>
      <c r="Y2470">
        <v>222744.13209999999</v>
      </c>
      <c r="Z2470">
        <v>17497.487570000001</v>
      </c>
      <c r="AA2470">
        <v>61508.44455</v>
      </c>
      <c r="AB2470">
        <v>40832.798499999997</v>
      </c>
      <c r="AC2470">
        <v>38486.846449999997</v>
      </c>
      <c r="AD2470">
        <v>30036.901150000002</v>
      </c>
      <c r="AE2470">
        <v>42115.796320000001</v>
      </c>
      <c r="AF2470">
        <v>47993.063309999998</v>
      </c>
      <c r="AG2470">
        <v>29719.788110000001</v>
      </c>
      <c r="AH2470">
        <v>289187.95419999998</v>
      </c>
      <c r="AI2470">
        <v>75031.351790000001</v>
      </c>
      <c r="AJ2470">
        <v>22409.61102</v>
      </c>
      <c r="AK2470">
        <v>36616.328630000004</v>
      </c>
      <c r="AL2470">
        <v>79965.812220000007</v>
      </c>
      <c r="AM2470">
        <v>20084.040799999999</v>
      </c>
      <c r="AN2470">
        <v>82290.849759999997</v>
      </c>
      <c r="AO2470">
        <v>31206.059020000001</v>
      </c>
      <c r="AP2470">
        <v>14174.538479999999</v>
      </c>
    </row>
    <row r="2471" spans="2:42" x14ac:dyDescent="0.3">
      <c r="B2471">
        <v>55.811263704617438</v>
      </c>
      <c r="C2471" s="83">
        <v>43203.875</v>
      </c>
      <c r="D2471">
        <v>217773.58189999999</v>
      </c>
      <c r="E2471">
        <v>15305.855149999999</v>
      </c>
      <c r="F2471">
        <v>53318.586190000002</v>
      </c>
      <c r="G2471">
        <v>39899.754359999999</v>
      </c>
      <c r="H2471">
        <v>38233.6106</v>
      </c>
      <c r="I2471">
        <v>26226.644629999999</v>
      </c>
      <c r="J2471">
        <v>42435.781990000003</v>
      </c>
      <c r="K2471">
        <v>47137.308749999997</v>
      </c>
      <c r="L2471">
        <v>28523.0785</v>
      </c>
      <c r="M2471">
        <v>284551.84950000001</v>
      </c>
      <c r="N2471">
        <v>74726.070779999995</v>
      </c>
      <c r="O2471">
        <v>21161.783820000001</v>
      </c>
      <c r="P2471">
        <v>34669.575219999999</v>
      </c>
      <c r="Q2471">
        <v>77348.404980000007</v>
      </c>
      <c r="R2471">
        <v>19609.976449999998</v>
      </c>
      <c r="S2471">
        <v>79598.067869999999</v>
      </c>
      <c r="T2471">
        <v>28847.22208</v>
      </c>
      <c r="U2471">
        <v>14178.76878</v>
      </c>
      <c r="W2471" s="83">
        <f>Bühler!N2503</f>
        <v>45394.874999994012</v>
      </c>
      <c r="X2471" s="83">
        <v>43203.875</v>
      </c>
      <c r="Y2471">
        <v>217773.58189999999</v>
      </c>
      <c r="Z2471">
        <v>15305.855149999999</v>
      </c>
      <c r="AA2471">
        <v>53318.586190000002</v>
      </c>
      <c r="AB2471">
        <v>39899.754359999999</v>
      </c>
      <c r="AC2471">
        <v>38233.6106</v>
      </c>
      <c r="AD2471">
        <v>26226.644629999999</v>
      </c>
      <c r="AE2471">
        <v>42435.781990000003</v>
      </c>
      <c r="AF2471">
        <v>47137.308749999997</v>
      </c>
      <c r="AG2471">
        <v>28523.0785</v>
      </c>
      <c r="AH2471">
        <v>284551.84950000001</v>
      </c>
      <c r="AI2471">
        <v>74726.070779999995</v>
      </c>
      <c r="AJ2471">
        <v>21161.783820000001</v>
      </c>
      <c r="AK2471">
        <v>34669.575219999999</v>
      </c>
      <c r="AL2471">
        <v>77348.404980000007</v>
      </c>
      <c r="AM2471">
        <v>19609.976449999998</v>
      </c>
      <c r="AN2471">
        <v>79598.067869999999</v>
      </c>
      <c r="AO2471">
        <v>28847.22208</v>
      </c>
      <c r="AP2471">
        <v>14178.76878</v>
      </c>
    </row>
    <row r="2472" spans="2:42" x14ac:dyDescent="0.3">
      <c r="B2472">
        <v>54.768307363758204</v>
      </c>
      <c r="C2472" s="83">
        <v>43203.916666666664</v>
      </c>
      <c r="D2472">
        <v>215538.7506</v>
      </c>
      <c r="E2472">
        <v>14266.624390000001</v>
      </c>
      <c r="F2472">
        <v>50290.746980000004</v>
      </c>
      <c r="G2472">
        <v>38667.70119</v>
      </c>
      <c r="H2472">
        <v>37239.14026</v>
      </c>
      <c r="I2472">
        <v>24331.5157</v>
      </c>
      <c r="J2472">
        <v>40994.681819999998</v>
      </c>
      <c r="K2472">
        <v>52337.132449999997</v>
      </c>
      <c r="L2472">
        <v>26122.386149999998</v>
      </c>
      <c r="M2472">
        <v>279234.37170000002</v>
      </c>
      <c r="N2472">
        <v>74672.866269999999</v>
      </c>
      <c r="O2472">
        <v>21516.881890000001</v>
      </c>
      <c r="P2472">
        <v>38182.358189999999</v>
      </c>
      <c r="Q2472">
        <v>74950.751010000007</v>
      </c>
      <c r="R2472">
        <v>22501.453310000001</v>
      </c>
      <c r="S2472">
        <v>79061.362720000005</v>
      </c>
      <c r="T2472">
        <v>25487.320530000001</v>
      </c>
      <c r="U2472">
        <v>14816.739460000001</v>
      </c>
      <c r="W2472" s="83">
        <f>Bühler!N2504</f>
        <v>45394.916666660676</v>
      </c>
      <c r="X2472" s="83">
        <v>43203.916666666664</v>
      </c>
      <c r="Y2472">
        <v>215538.7506</v>
      </c>
      <c r="Z2472">
        <v>14266.624390000001</v>
      </c>
      <c r="AA2472">
        <v>50290.746980000004</v>
      </c>
      <c r="AB2472">
        <v>38667.70119</v>
      </c>
      <c r="AC2472">
        <v>37239.14026</v>
      </c>
      <c r="AD2472">
        <v>24331.5157</v>
      </c>
      <c r="AE2472">
        <v>40994.681819999998</v>
      </c>
      <c r="AF2472">
        <v>52337.132449999997</v>
      </c>
      <c r="AG2472">
        <v>26122.386149999998</v>
      </c>
      <c r="AH2472">
        <v>279234.37170000002</v>
      </c>
      <c r="AI2472">
        <v>74672.866269999999</v>
      </c>
      <c r="AJ2472">
        <v>21516.881890000001</v>
      </c>
      <c r="AK2472">
        <v>38182.358189999999</v>
      </c>
      <c r="AL2472">
        <v>74950.751010000007</v>
      </c>
      <c r="AM2472">
        <v>22501.453310000001</v>
      </c>
      <c r="AN2472">
        <v>79061.362720000005</v>
      </c>
      <c r="AO2472">
        <v>25487.320530000001</v>
      </c>
      <c r="AP2472">
        <v>14816.739460000001</v>
      </c>
    </row>
    <row r="2473" spans="2:42" x14ac:dyDescent="0.3">
      <c r="B2473">
        <v>54.15980861297308</v>
      </c>
      <c r="C2473" s="83">
        <v>43203.958333333336</v>
      </c>
      <c r="D2473">
        <v>212821.70269999999</v>
      </c>
      <c r="E2473">
        <v>13531.295679999999</v>
      </c>
      <c r="F2473">
        <v>48648.342550000001</v>
      </c>
      <c r="G2473">
        <v>38536.30459</v>
      </c>
      <c r="H2473">
        <v>35840.109770000003</v>
      </c>
      <c r="I2473">
        <v>23536.039400000001</v>
      </c>
      <c r="J2473">
        <v>38160.377569999997</v>
      </c>
      <c r="K2473">
        <v>51645.139750000002</v>
      </c>
      <c r="L2473">
        <v>22617.166560000001</v>
      </c>
      <c r="M2473">
        <v>276131.96130000002</v>
      </c>
      <c r="N2473">
        <v>73526.150550000006</v>
      </c>
      <c r="O2473">
        <v>21148.494879999998</v>
      </c>
      <c r="P2473">
        <v>33896.50434</v>
      </c>
      <c r="Q2473">
        <v>74036.956049999993</v>
      </c>
      <c r="R2473">
        <v>23159.108629999999</v>
      </c>
      <c r="S2473">
        <v>77651.917570000005</v>
      </c>
      <c r="T2473">
        <v>25447.051159999999</v>
      </c>
      <c r="U2473">
        <v>14095.7958</v>
      </c>
      <c r="W2473" s="83">
        <f>Bühler!N2505</f>
        <v>45394.95833332734</v>
      </c>
      <c r="X2473" s="83">
        <v>43203.958333333336</v>
      </c>
      <c r="Y2473">
        <v>212821.70269999999</v>
      </c>
      <c r="Z2473">
        <v>13531.295679999999</v>
      </c>
      <c r="AA2473">
        <v>48648.342550000001</v>
      </c>
      <c r="AB2473">
        <v>38536.30459</v>
      </c>
      <c r="AC2473">
        <v>35840.109770000003</v>
      </c>
      <c r="AD2473">
        <v>23536.039400000001</v>
      </c>
      <c r="AE2473">
        <v>38160.377569999997</v>
      </c>
      <c r="AF2473">
        <v>51645.139750000002</v>
      </c>
      <c r="AG2473">
        <v>22617.166560000001</v>
      </c>
      <c r="AH2473">
        <v>276131.96130000002</v>
      </c>
      <c r="AI2473">
        <v>73526.150550000006</v>
      </c>
      <c r="AJ2473">
        <v>21148.494879999998</v>
      </c>
      <c r="AK2473">
        <v>33896.50434</v>
      </c>
      <c r="AL2473">
        <v>74036.956049999993</v>
      </c>
      <c r="AM2473">
        <v>23159.108629999999</v>
      </c>
      <c r="AN2473">
        <v>77651.917570000005</v>
      </c>
      <c r="AO2473">
        <v>25447.051159999999</v>
      </c>
      <c r="AP2473">
        <v>14095.7958</v>
      </c>
    </row>
    <row r="2474" spans="2:42" x14ac:dyDescent="0.3">
      <c r="B2474">
        <v>53.147501096587604</v>
      </c>
      <c r="C2474" s="83">
        <v>43204</v>
      </c>
      <c r="D2474">
        <v>208947.44270000001</v>
      </c>
      <c r="E2474">
        <v>13024.55177</v>
      </c>
      <c r="F2474">
        <v>48133.16373</v>
      </c>
      <c r="G2474">
        <v>37892.867339999997</v>
      </c>
      <c r="H2474">
        <v>35582.943090000001</v>
      </c>
      <c r="I2474">
        <v>21686.08556</v>
      </c>
      <c r="J2474">
        <v>36190.254789999999</v>
      </c>
      <c r="K2474">
        <v>50218.049469999998</v>
      </c>
      <c r="L2474">
        <v>19803.201000000001</v>
      </c>
      <c r="M2474">
        <v>270970.74550000002</v>
      </c>
      <c r="N2474">
        <v>71221.004390000002</v>
      </c>
      <c r="O2474">
        <v>21171.24625</v>
      </c>
      <c r="P2474">
        <v>31475.616740000001</v>
      </c>
      <c r="Q2474">
        <v>72222.263749999998</v>
      </c>
      <c r="R2474">
        <v>19075.619719999999</v>
      </c>
      <c r="S2474">
        <v>76333.429560000004</v>
      </c>
      <c r="T2474">
        <v>24081.298030000002</v>
      </c>
      <c r="U2474">
        <v>13710.186170000001</v>
      </c>
      <c r="W2474" s="83">
        <f>Bühler!N2506</f>
        <v>45394.999999994005</v>
      </c>
      <c r="X2474" s="83">
        <v>43204</v>
      </c>
      <c r="Y2474">
        <v>208947.44270000001</v>
      </c>
      <c r="Z2474">
        <v>13024.55177</v>
      </c>
      <c r="AA2474">
        <v>48133.16373</v>
      </c>
      <c r="AB2474">
        <v>37892.867339999997</v>
      </c>
      <c r="AC2474">
        <v>35582.943090000001</v>
      </c>
      <c r="AD2474">
        <v>21686.08556</v>
      </c>
      <c r="AE2474">
        <v>36190.254789999999</v>
      </c>
      <c r="AF2474">
        <v>50218.049469999998</v>
      </c>
      <c r="AG2474">
        <v>19803.201000000001</v>
      </c>
      <c r="AH2474">
        <v>270970.74550000002</v>
      </c>
      <c r="AI2474">
        <v>71221.004390000002</v>
      </c>
      <c r="AJ2474">
        <v>21171.24625</v>
      </c>
      <c r="AK2474">
        <v>31475.616740000001</v>
      </c>
      <c r="AL2474">
        <v>72222.263749999998</v>
      </c>
      <c r="AM2474">
        <v>19075.619719999999</v>
      </c>
      <c r="AN2474">
        <v>76333.429560000004</v>
      </c>
      <c r="AO2474">
        <v>24081.298030000002</v>
      </c>
      <c r="AP2474">
        <v>13710.186170000001</v>
      </c>
    </row>
    <row r="2475" spans="2:42" x14ac:dyDescent="0.3">
      <c r="B2475">
        <v>51.685864910294448</v>
      </c>
      <c r="C2475" s="83">
        <v>43204.041666666664</v>
      </c>
      <c r="D2475">
        <v>204897.75200000001</v>
      </c>
      <c r="E2475">
        <v>12897.108319999999</v>
      </c>
      <c r="F2475">
        <v>47442.514309999999</v>
      </c>
      <c r="G2475">
        <v>37578.877180000003</v>
      </c>
      <c r="H2475">
        <v>34960.008159999998</v>
      </c>
      <c r="I2475">
        <v>18340.141970000001</v>
      </c>
      <c r="J2475">
        <v>34374.663919999999</v>
      </c>
      <c r="K2475">
        <v>48191.632700000002</v>
      </c>
      <c r="L2475">
        <v>18257.467049999999</v>
      </c>
      <c r="M2475">
        <v>263518.64260000002</v>
      </c>
      <c r="N2475">
        <v>71284.195699999997</v>
      </c>
      <c r="O2475">
        <v>20977.70622</v>
      </c>
      <c r="P2475">
        <v>28793.925380000001</v>
      </c>
      <c r="Q2475">
        <v>71944.700349999999</v>
      </c>
      <c r="R2475">
        <v>17557.949639999999</v>
      </c>
      <c r="S2475">
        <v>74806.884000000005</v>
      </c>
      <c r="T2475">
        <v>23439.941559999999</v>
      </c>
      <c r="U2475">
        <v>13705.57224</v>
      </c>
      <c r="W2475" s="83">
        <f>Bühler!N2507</f>
        <v>45395.041666660669</v>
      </c>
      <c r="X2475" s="83">
        <v>43204.041666666664</v>
      </c>
      <c r="Y2475">
        <v>204897.75200000001</v>
      </c>
      <c r="Z2475">
        <v>12897.108319999999</v>
      </c>
      <c r="AA2475">
        <v>47442.514309999999</v>
      </c>
      <c r="AB2475">
        <v>37578.877180000003</v>
      </c>
      <c r="AC2475">
        <v>34960.008159999998</v>
      </c>
      <c r="AD2475">
        <v>18340.141970000001</v>
      </c>
      <c r="AE2475">
        <v>34374.663919999999</v>
      </c>
      <c r="AF2475">
        <v>48191.632700000002</v>
      </c>
      <c r="AG2475">
        <v>18257.467049999999</v>
      </c>
      <c r="AH2475">
        <v>263518.64260000002</v>
      </c>
      <c r="AI2475">
        <v>71284.195699999997</v>
      </c>
      <c r="AJ2475">
        <v>20977.70622</v>
      </c>
      <c r="AK2475">
        <v>28793.925380000001</v>
      </c>
      <c r="AL2475">
        <v>71944.700349999999</v>
      </c>
      <c r="AM2475">
        <v>17557.949639999999</v>
      </c>
      <c r="AN2475">
        <v>74806.884000000005</v>
      </c>
      <c r="AO2475">
        <v>23439.941559999999</v>
      </c>
      <c r="AP2475">
        <v>13705.57224</v>
      </c>
    </row>
    <row r="2476" spans="2:42" x14ac:dyDescent="0.3">
      <c r="B2476">
        <v>50.932512736839321</v>
      </c>
      <c r="C2476" s="83">
        <v>43204.083333333336</v>
      </c>
      <c r="D2476">
        <v>201361.68359999999</v>
      </c>
      <c r="E2476">
        <v>12734.37945</v>
      </c>
      <c r="F2476">
        <v>48580.397669999998</v>
      </c>
      <c r="G2476">
        <v>36894.145570000001</v>
      </c>
      <c r="H2476">
        <v>34952.251190000003</v>
      </c>
      <c r="I2476">
        <v>16254.775799999999</v>
      </c>
      <c r="J2476">
        <v>34169.165410000001</v>
      </c>
      <c r="K2476">
        <v>46209.055690000001</v>
      </c>
      <c r="L2476">
        <v>18060.238130000002</v>
      </c>
      <c r="M2476">
        <v>259677.70189999999</v>
      </c>
      <c r="N2476">
        <v>68351.972200000004</v>
      </c>
      <c r="O2476">
        <v>21042.799879999999</v>
      </c>
      <c r="P2476">
        <v>27748.536469999999</v>
      </c>
      <c r="Q2476">
        <v>71538.599069999997</v>
      </c>
      <c r="R2476">
        <v>17485.7919</v>
      </c>
      <c r="S2476">
        <v>73709.048209999994</v>
      </c>
      <c r="T2476">
        <v>22758.14315</v>
      </c>
      <c r="U2476">
        <v>13172.8788</v>
      </c>
      <c r="W2476" s="83">
        <f>Bühler!N2508</f>
        <v>45395.083333327333</v>
      </c>
      <c r="X2476" s="83">
        <v>43204.083333333336</v>
      </c>
      <c r="Y2476">
        <v>201361.68359999999</v>
      </c>
      <c r="Z2476">
        <v>12734.37945</v>
      </c>
      <c r="AA2476">
        <v>48580.397669999998</v>
      </c>
      <c r="AB2476">
        <v>36894.145570000001</v>
      </c>
      <c r="AC2476">
        <v>34952.251190000003</v>
      </c>
      <c r="AD2476">
        <v>16254.775799999999</v>
      </c>
      <c r="AE2476">
        <v>34169.165410000001</v>
      </c>
      <c r="AF2476">
        <v>46209.055690000001</v>
      </c>
      <c r="AG2476">
        <v>18060.238130000002</v>
      </c>
      <c r="AH2476">
        <v>259677.70189999999</v>
      </c>
      <c r="AI2476">
        <v>68351.972200000004</v>
      </c>
      <c r="AJ2476">
        <v>21042.799879999999</v>
      </c>
      <c r="AK2476">
        <v>27748.536469999999</v>
      </c>
      <c r="AL2476">
        <v>71538.599069999997</v>
      </c>
      <c r="AM2476">
        <v>17485.7919</v>
      </c>
      <c r="AN2476">
        <v>73709.048209999994</v>
      </c>
      <c r="AO2476">
        <v>22758.14315</v>
      </c>
      <c r="AP2476">
        <v>13172.8788</v>
      </c>
    </row>
    <row r="2477" spans="2:42" x14ac:dyDescent="0.3">
      <c r="B2477">
        <v>50.277109586974014</v>
      </c>
      <c r="C2477" s="83">
        <v>43204.125</v>
      </c>
      <c r="D2477">
        <v>196324.64610000001</v>
      </c>
      <c r="E2477">
        <v>12880.49359</v>
      </c>
      <c r="F2477">
        <v>49680.792609999997</v>
      </c>
      <c r="G2477">
        <v>36189.155760000001</v>
      </c>
      <c r="H2477">
        <v>34145.13349</v>
      </c>
      <c r="I2477">
        <v>15720.592570000001</v>
      </c>
      <c r="J2477">
        <v>34394.03701</v>
      </c>
      <c r="K2477">
        <v>44700.957499999997</v>
      </c>
      <c r="L2477">
        <v>17212.201850000001</v>
      </c>
      <c r="M2477">
        <v>256336.15100000001</v>
      </c>
      <c r="N2477">
        <v>67688.852159999995</v>
      </c>
      <c r="O2477">
        <v>20776.17828</v>
      </c>
      <c r="P2477">
        <v>26988.224829999999</v>
      </c>
      <c r="Q2477">
        <v>72700.707439999998</v>
      </c>
      <c r="R2477">
        <v>17095.467550000001</v>
      </c>
      <c r="S2477">
        <v>73742.829939999996</v>
      </c>
      <c r="T2477">
        <v>22818.66992</v>
      </c>
      <c r="U2477">
        <v>13217.27333</v>
      </c>
      <c r="W2477" s="83">
        <f>Bühler!N2509</f>
        <v>45395.124999993997</v>
      </c>
      <c r="X2477" s="83">
        <v>43204.125</v>
      </c>
      <c r="Y2477">
        <v>196324.64610000001</v>
      </c>
      <c r="Z2477">
        <v>12880.49359</v>
      </c>
      <c r="AA2477">
        <v>49680.792609999997</v>
      </c>
      <c r="AB2477">
        <v>36189.155760000001</v>
      </c>
      <c r="AC2477">
        <v>34145.13349</v>
      </c>
      <c r="AD2477">
        <v>15720.592570000001</v>
      </c>
      <c r="AE2477">
        <v>34394.03701</v>
      </c>
      <c r="AF2477">
        <v>44700.957499999997</v>
      </c>
      <c r="AG2477">
        <v>17212.201850000001</v>
      </c>
      <c r="AH2477">
        <v>256336.15100000001</v>
      </c>
      <c r="AI2477">
        <v>67688.852159999995</v>
      </c>
      <c r="AJ2477">
        <v>20776.17828</v>
      </c>
      <c r="AK2477">
        <v>26988.224829999999</v>
      </c>
      <c r="AL2477">
        <v>72700.707439999998</v>
      </c>
      <c r="AM2477">
        <v>17095.467550000001</v>
      </c>
      <c r="AN2477">
        <v>73742.829939999996</v>
      </c>
      <c r="AO2477">
        <v>22818.66992</v>
      </c>
      <c r="AP2477">
        <v>13217.27333</v>
      </c>
    </row>
    <row r="2478" spans="2:42" x14ac:dyDescent="0.3">
      <c r="B2478">
        <v>48.714248744993107</v>
      </c>
      <c r="C2478" s="83">
        <v>43204.166666666664</v>
      </c>
      <c r="D2478">
        <v>189657.63639999999</v>
      </c>
      <c r="E2478">
        <v>13009.63459</v>
      </c>
      <c r="F2478">
        <v>52663.207979999999</v>
      </c>
      <c r="G2478">
        <v>35431.216099999998</v>
      </c>
      <c r="H2478">
        <v>34658.602680000004</v>
      </c>
      <c r="I2478">
        <v>17244.240709999998</v>
      </c>
      <c r="J2478">
        <v>36827.69887</v>
      </c>
      <c r="K2478">
        <v>43952.337509999998</v>
      </c>
      <c r="L2478">
        <v>16443.879250000002</v>
      </c>
      <c r="M2478">
        <v>248367.95759999999</v>
      </c>
      <c r="N2478">
        <v>66794.215129999997</v>
      </c>
      <c r="O2478">
        <v>20874.062730000001</v>
      </c>
      <c r="P2478">
        <v>26725.867859999998</v>
      </c>
      <c r="Q2478">
        <v>72239.95981</v>
      </c>
      <c r="R2478">
        <v>17662.386149999998</v>
      </c>
      <c r="S2478">
        <v>73980.580560000002</v>
      </c>
      <c r="T2478">
        <v>22595.73057</v>
      </c>
      <c r="U2478">
        <v>13180.037619999999</v>
      </c>
      <c r="W2478" s="83">
        <f>Bühler!N2510</f>
        <v>45395.166666660662</v>
      </c>
      <c r="X2478" s="83">
        <v>43204.166666666664</v>
      </c>
      <c r="Y2478">
        <v>189657.63639999999</v>
      </c>
      <c r="Z2478">
        <v>13009.63459</v>
      </c>
      <c r="AA2478">
        <v>52663.207979999999</v>
      </c>
      <c r="AB2478">
        <v>35431.216099999998</v>
      </c>
      <c r="AC2478">
        <v>34658.602680000004</v>
      </c>
      <c r="AD2478">
        <v>17244.240709999998</v>
      </c>
      <c r="AE2478">
        <v>36827.69887</v>
      </c>
      <c r="AF2478">
        <v>43952.337509999998</v>
      </c>
      <c r="AG2478">
        <v>16443.879250000002</v>
      </c>
      <c r="AH2478">
        <v>248367.95759999999</v>
      </c>
      <c r="AI2478">
        <v>66794.215129999997</v>
      </c>
      <c r="AJ2478">
        <v>20874.062730000001</v>
      </c>
      <c r="AK2478">
        <v>26725.867859999998</v>
      </c>
      <c r="AL2478">
        <v>72239.95981</v>
      </c>
      <c r="AM2478">
        <v>17662.386149999998</v>
      </c>
      <c r="AN2478">
        <v>73980.580560000002</v>
      </c>
      <c r="AO2478">
        <v>22595.73057</v>
      </c>
      <c r="AP2478">
        <v>13180.037619999999</v>
      </c>
    </row>
    <row r="2479" spans="2:42" x14ac:dyDescent="0.3">
      <c r="B2479">
        <v>48.072912668476846</v>
      </c>
      <c r="C2479" s="83">
        <v>43204.208333333336</v>
      </c>
      <c r="D2479">
        <v>184801.12710000001</v>
      </c>
      <c r="E2479">
        <v>13860.398499999999</v>
      </c>
      <c r="F2479">
        <v>62013.770299999996</v>
      </c>
      <c r="G2479">
        <v>35738.689050000001</v>
      </c>
      <c r="H2479">
        <v>35397.492539999999</v>
      </c>
      <c r="I2479">
        <v>22827.51485</v>
      </c>
      <c r="J2479">
        <v>39454.273580000001</v>
      </c>
      <c r="K2479">
        <v>43592.66577</v>
      </c>
      <c r="L2479">
        <v>17003.208139999999</v>
      </c>
      <c r="M2479">
        <v>245098.12719999999</v>
      </c>
      <c r="N2479">
        <v>66278.738549999995</v>
      </c>
      <c r="O2479">
        <v>21175.37127</v>
      </c>
      <c r="P2479">
        <v>27622.799910000002</v>
      </c>
      <c r="Q2479">
        <v>70708.402749999994</v>
      </c>
      <c r="R2479">
        <v>19897.509549999999</v>
      </c>
      <c r="S2479">
        <v>75291.653869999995</v>
      </c>
      <c r="T2479">
        <v>23101.481500000002</v>
      </c>
      <c r="U2479">
        <v>14617.50625</v>
      </c>
      <c r="W2479" s="83">
        <f>Bühler!N2511</f>
        <v>45395.208333327326</v>
      </c>
      <c r="X2479" s="83">
        <v>43204.208333333336</v>
      </c>
      <c r="Y2479">
        <v>184801.12710000001</v>
      </c>
      <c r="Z2479">
        <v>13860.398499999999</v>
      </c>
      <c r="AA2479">
        <v>62013.770299999996</v>
      </c>
      <c r="AB2479">
        <v>35738.689050000001</v>
      </c>
      <c r="AC2479">
        <v>35397.492539999999</v>
      </c>
      <c r="AD2479">
        <v>22827.51485</v>
      </c>
      <c r="AE2479">
        <v>39454.273580000001</v>
      </c>
      <c r="AF2479">
        <v>43592.66577</v>
      </c>
      <c r="AG2479">
        <v>17003.208139999999</v>
      </c>
      <c r="AH2479">
        <v>245098.12719999999</v>
      </c>
      <c r="AI2479">
        <v>66278.738549999995</v>
      </c>
      <c r="AJ2479">
        <v>21175.37127</v>
      </c>
      <c r="AK2479">
        <v>27622.799910000002</v>
      </c>
      <c r="AL2479">
        <v>70708.402749999994</v>
      </c>
      <c r="AM2479">
        <v>19897.509549999999</v>
      </c>
      <c r="AN2479">
        <v>75291.653869999995</v>
      </c>
      <c r="AO2479">
        <v>23101.481500000002</v>
      </c>
      <c r="AP2479">
        <v>14617.50625</v>
      </c>
    </row>
    <row r="2480" spans="2:42" x14ac:dyDescent="0.3">
      <c r="B2480">
        <v>48.18692609153635</v>
      </c>
      <c r="C2480" s="83">
        <v>43204.25</v>
      </c>
      <c r="D2480">
        <v>186359.83129999999</v>
      </c>
      <c r="E2480">
        <v>15870.65706</v>
      </c>
      <c r="F2480">
        <v>74023.361850000001</v>
      </c>
      <c r="G2480">
        <v>37029.067110000004</v>
      </c>
      <c r="H2480">
        <v>36077.197540000001</v>
      </c>
      <c r="I2480">
        <v>25796.631219999999</v>
      </c>
      <c r="J2480">
        <v>42976.698790000002</v>
      </c>
      <c r="K2480">
        <v>42294.08857</v>
      </c>
      <c r="L2480">
        <v>18004.73877</v>
      </c>
      <c r="M2480">
        <v>245679.42079999999</v>
      </c>
      <c r="N2480">
        <v>67341.274229999995</v>
      </c>
      <c r="O2480">
        <v>21543.875459999999</v>
      </c>
      <c r="P2480">
        <v>27659.84375</v>
      </c>
      <c r="Q2480">
        <v>68762.456130000006</v>
      </c>
      <c r="R2480">
        <v>16626.744739999998</v>
      </c>
      <c r="S2480">
        <v>80092.250690000001</v>
      </c>
      <c r="T2480">
        <v>24906.581689999999</v>
      </c>
      <c r="U2480">
        <v>14100.426890000001</v>
      </c>
      <c r="W2480" s="83">
        <f>Bühler!N2512</f>
        <v>45395.24999999399</v>
      </c>
      <c r="X2480" s="83">
        <v>43204.25</v>
      </c>
      <c r="Y2480">
        <v>186359.83129999999</v>
      </c>
      <c r="Z2480">
        <v>15870.65706</v>
      </c>
      <c r="AA2480">
        <v>74023.361850000001</v>
      </c>
      <c r="AB2480">
        <v>37029.067110000004</v>
      </c>
      <c r="AC2480">
        <v>36077.197540000001</v>
      </c>
      <c r="AD2480">
        <v>25796.631219999999</v>
      </c>
      <c r="AE2480">
        <v>42976.698790000002</v>
      </c>
      <c r="AF2480">
        <v>42294.08857</v>
      </c>
      <c r="AG2480">
        <v>18004.73877</v>
      </c>
      <c r="AH2480">
        <v>245679.42079999999</v>
      </c>
      <c r="AI2480">
        <v>67341.274229999995</v>
      </c>
      <c r="AJ2480">
        <v>21543.875459999999</v>
      </c>
      <c r="AK2480">
        <v>27659.84375</v>
      </c>
      <c r="AL2480">
        <v>68762.456130000006</v>
      </c>
      <c r="AM2480">
        <v>16626.744739999998</v>
      </c>
      <c r="AN2480">
        <v>80092.250690000001</v>
      </c>
      <c r="AO2480">
        <v>24906.581689999999</v>
      </c>
      <c r="AP2480">
        <v>14100.426890000001</v>
      </c>
    </row>
    <row r="2481" spans="2:42" x14ac:dyDescent="0.3">
      <c r="B2481">
        <v>48.246220432172137</v>
      </c>
      <c r="C2481" s="83">
        <v>43204.291666666664</v>
      </c>
      <c r="D2481">
        <v>185352.546</v>
      </c>
      <c r="E2481">
        <v>18308.476449999998</v>
      </c>
      <c r="F2481">
        <v>76792.348859999998</v>
      </c>
      <c r="G2481">
        <v>38019.918680000002</v>
      </c>
      <c r="H2481">
        <v>35609.504029999996</v>
      </c>
      <c r="I2481">
        <v>27976.129580000001</v>
      </c>
      <c r="J2481">
        <v>43116.093119999998</v>
      </c>
      <c r="K2481">
        <v>41692.377520000002</v>
      </c>
      <c r="L2481">
        <v>20613.45434</v>
      </c>
      <c r="M2481">
        <v>245981.731</v>
      </c>
      <c r="N2481">
        <v>67691.568350000001</v>
      </c>
      <c r="O2481">
        <v>21464.746350000001</v>
      </c>
      <c r="P2481">
        <v>29625.405289999999</v>
      </c>
      <c r="Q2481">
        <v>66729.014389999997</v>
      </c>
      <c r="R2481">
        <v>15687.58548</v>
      </c>
      <c r="S2481">
        <v>86594.828099999999</v>
      </c>
      <c r="T2481">
        <v>24254.95609</v>
      </c>
      <c r="U2481">
        <v>14179.429270000001</v>
      </c>
      <c r="W2481" s="83">
        <f>Bühler!N2513</f>
        <v>45395.291666660654</v>
      </c>
      <c r="X2481" s="83">
        <v>43204.291666666664</v>
      </c>
      <c r="Y2481">
        <v>185352.546</v>
      </c>
      <c r="Z2481">
        <v>18308.476449999998</v>
      </c>
      <c r="AA2481">
        <v>76792.348859999998</v>
      </c>
      <c r="AB2481">
        <v>38019.918680000002</v>
      </c>
      <c r="AC2481">
        <v>35609.504029999996</v>
      </c>
      <c r="AD2481">
        <v>27976.129580000001</v>
      </c>
      <c r="AE2481">
        <v>43116.093119999998</v>
      </c>
      <c r="AF2481">
        <v>41692.377520000002</v>
      </c>
      <c r="AG2481">
        <v>20613.45434</v>
      </c>
      <c r="AH2481">
        <v>245981.731</v>
      </c>
      <c r="AI2481">
        <v>67691.568350000001</v>
      </c>
      <c r="AJ2481">
        <v>21464.746350000001</v>
      </c>
      <c r="AK2481">
        <v>29625.405289999999</v>
      </c>
      <c r="AL2481">
        <v>66729.014389999997</v>
      </c>
      <c r="AM2481">
        <v>15687.58548</v>
      </c>
      <c r="AN2481">
        <v>86594.828099999999</v>
      </c>
      <c r="AO2481">
        <v>24254.95609</v>
      </c>
      <c r="AP2481">
        <v>14179.429270000001</v>
      </c>
    </row>
    <row r="2482" spans="2:42" x14ac:dyDescent="0.3">
      <c r="B2482">
        <v>47.628666507359462</v>
      </c>
      <c r="C2482" s="83">
        <v>43204.333333333336</v>
      </c>
      <c r="D2482">
        <v>183148.93849999999</v>
      </c>
      <c r="E2482">
        <v>20914.486239999998</v>
      </c>
      <c r="F2482">
        <v>80547.124410000004</v>
      </c>
      <c r="G2482">
        <v>38817.614520000003</v>
      </c>
      <c r="H2482">
        <v>36210.142950000001</v>
      </c>
      <c r="I2482">
        <v>28999.936239999999</v>
      </c>
      <c r="J2482">
        <v>42907.07069</v>
      </c>
      <c r="K2482">
        <v>42943.150959999999</v>
      </c>
      <c r="L2482">
        <v>22695.967680000002</v>
      </c>
      <c r="M2482">
        <v>242833.1531</v>
      </c>
      <c r="N2482">
        <v>69281.196750000003</v>
      </c>
      <c r="O2482">
        <v>21412.489389999999</v>
      </c>
      <c r="P2482">
        <v>32656.42078</v>
      </c>
      <c r="Q2482">
        <v>65315.456299999998</v>
      </c>
      <c r="R2482">
        <v>16603.645710000001</v>
      </c>
      <c r="S2482">
        <v>89598.098819999999</v>
      </c>
      <c r="T2482">
        <v>25888.11004</v>
      </c>
      <c r="U2482">
        <v>14251.920550000001</v>
      </c>
      <c r="W2482" s="83">
        <f>Bühler!N2514</f>
        <v>45395.333333327319</v>
      </c>
      <c r="X2482" s="83">
        <v>43204.333333333336</v>
      </c>
      <c r="Y2482">
        <v>183148.93849999999</v>
      </c>
      <c r="Z2482">
        <v>20914.486239999998</v>
      </c>
      <c r="AA2482">
        <v>80547.124410000004</v>
      </c>
      <c r="AB2482">
        <v>38817.614520000003</v>
      </c>
      <c r="AC2482">
        <v>36210.142950000001</v>
      </c>
      <c r="AD2482">
        <v>28999.936239999999</v>
      </c>
      <c r="AE2482">
        <v>42907.07069</v>
      </c>
      <c r="AF2482">
        <v>42943.150959999999</v>
      </c>
      <c r="AG2482">
        <v>22695.967680000002</v>
      </c>
      <c r="AH2482">
        <v>242833.1531</v>
      </c>
      <c r="AI2482">
        <v>69281.196750000003</v>
      </c>
      <c r="AJ2482">
        <v>21412.489389999999</v>
      </c>
      <c r="AK2482">
        <v>32656.42078</v>
      </c>
      <c r="AL2482">
        <v>65315.456299999998</v>
      </c>
      <c r="AM2482">
        <v>16603.645710000001</v>
      </c>
      <c r="AN2482">
        <v>89598.098819999999</v>
      </c>
      <c r="AO2482">
        <v>25888.11004</v>
      </c>
      <c r="AP2482">
        <v>14251.920550000001</v>
      </c>
    </row>
    <row r="2483" spans="2:42" x14ac:dyDescent="0.3">
      <c r="B2483">
        <v>47.092574373631336</v>
      </c>
      <c r="C2483" s="83">
        <v>43204.375</v>
      </c>
      <c r="D2483">
        <v>181470.12030000001</v>
      </c>
      <c r="E2483">
        <v>24625.973910000001</v>
      </c>
      <c r="F2483">
        <v>86421.311060000007</v>
      </c>
      <c r="G2483">
        <v>39286.98762</v>
      </c>
      <c r="H2483">
        <v>36736.842270000001</v>
      </c>
      <c r="I2483">
        <v>28627.871080000001</v>
      </c>
      <c r="J2483">
        <v>43306.271719999997</v>
      </c>
      <c r="K2483">
        <v>43696.086969999997</v>
      </c>
      <c r="L2483">
        <v>25160.721809999999</v>
      </c>
      <c r="M2483">
        <v>240099.90539999999</v>
      </c>
      <c r="N2483">
        <v>71936.53645</v>
      </c>
      <c r="O2483">
        <v>21250.376990000001</v>
      </c>
      <c r="P2483">
        <v>34514.452590000001</v>
      </c>
      <c r="Q2483">
        <v>64387.706689999999</v>
      </c>
      <c r="R2483">
        <v>16602.30774</v>
      </c>
      <c r="S2483">
        <v>90221.743759999998</v>
      </c>
      <c r="T2483">
        <v>28807.503079999999</v>
      </c>
      <c r="U2483">
        <v>14240.188029999999</v>
      </c>
      <c r="W2483" s="83">
        <f>Bühler!N2515</f>
        <v>45395.374999993983</v>
      </c>
      <c r="X2483" s="83">
        <v>43204.375</v>
      </c>
      <c r="Y2483">
        <v>181470.12030000001</v>
      </c>
      <c r="Z2483">
        <v>24625.973910000001</v>
      </c>
      <c r="AA2483">
        <v>86421.311060000007</v>
      </c>
      <c r="AB2483">
        <v>39286.98762</v>
      </c>
      <c r="AC2483">
        <v>36736.842270000001</v>
      </c>
      <c r="AD2483">
        <v>28627.871080000001</v>
      </c>
      <c r="AE2483">
        <v>43306.271719999997</v>
      </c>
      <c r="AF2483">
        <v>43696.086969999997</v>
      </c>
      <c r="AG2483">
        <v>25160.721809999999</v>
      </c>
      <c r="AH2483">
        <v>240099.90539999999</v>
      </c>
      <c r="AI2483">
        <v>71936.53645</v>
      </c>
      <c r="AJ2483">
        <v>21250.376990000001</v>
      </c>
      <c r="AK2483">
        <v>34514.452590000001</v>
      </c>
      <c r="AL2483">
        <v>64387.706689999999</v>
      </c>
      <c r="AM2483">
        <v>16602.30774</v>
      </c>
      <c r="AN2483">
        <v>90221.743759999998</v>
      </c>
      <c r="AO2483">
        <v>28807.503079999999</v>
      </c>
      <c r="AP2483">
        <v>14240.188029999999</v>
      </c>
    </row>
    <row r="2484" spans="2:42" x14ac:dyDescent="0.3">
      <c r="B2484">
        <v>46.7156263325734</v>
      </c>
      <c r="C2484" s="83">
        <v>43204.416666666664</v>
      </c>
      <c r="D2484">
        <v>180382.65770000001</v>
      </c>
      <c r="E2484">
        <v>26007.829860000002</v>
      </c>
      <c r="F2484">
        <v>87170.057539999994</v>
      </c>
      <c r="G2484">
        <v>40056.951430000001</v>
      </c>
      <c r="H2484">
        <v>37334.312189999997</v>
      </c>
      <c r="I2484">
        <v>28341.03974</v>
      </c>
      <c r="J2484">
        <v>41725.705990000002</v>
      </c>
      <c r="K2484">
        <v>45235.27693</v>
      </c>
      <c r="L2484">
        <v>28142.92453</v>
      </c>
      <c r="M2484">
        <v>238178.0485</v>
      </c>
      <c r="N2484">
        <v>71720.907370000001</v>
      </c>
      <c r="O2484">
        <v>21730.505700000002</v>
      </c>
      <c r="P2484">
        <v>36861.79047</v>
      </c>
      <c r="Q2484">
        <v>63684.993179999998</v>
      </c>
      <c r="R2484">
        <v>17356.186259999999</v>
      </c>
      <c r="S2484">
        <v>89946.924679999996</v>
      </c>
      <c r="T2484">
        <v>30036.374039999999</v>
      </c>
      <c r="U2484">
        <v>13483.302449999999</v>
      </c>
      <c r="W2484" s="83">
        <f>Bühler!N2516</f>
        <v>45395.416666660647</v>
      </c>
      <c r="X2484" s="83">
        <v>43204.416666666664</v>
      </c>
      <c r="Y2484">
        <v>180382.65770000001</v>
      </c>
      <c r="Z2484">
        <v>26007.829860000002</v>
      </c>
      <c r="AA2484">
        <v>87170.057539999994</v>
      </c>
      <c r="AB2484">
        <v>40056.951430000001</v>
      </c>
      <c r="AC2484">
        <v>37334.312189999997</v>
      </c>
      <c r="AD2484">
        <v>28341.03974</v>
      </c>
      <c r="AE2484">
        <v>41725.705990000002</v>
      </c>
      <c r="AF2484">
        <v>45235.27693</v>
      </c>
      <c r="AG2484">
        <v>28142.92453</v>
      </c>
      <c r="AH2484">
        <v>238178.0485</v>
      </c>
      <c r="AI2484">
        <v>71720.907370000001</v>
      </c>
      <c r="AJ2484">
        <v>21730.505700000002</v>
      </c>
      <c r="AK2484">
        <v>36861.79047</v>
      </c>
      <c r="AL2484">
        <v>63684.993179999998</v>
      </c>
      <c r="AM2484">
        <v>17356.186259999999</v>
      </c>
      <c r="AN2484">
        <v>89946.924679999996</v>
      </c>
      <c r="AO2484">
        <v>30036.374039999999</v>
      </c>
      <c r="AP2484">
        <v>13483.302449999999</v>
      </c>
    </row>
    <row r="2485" spans="2:42" x14ac:dyDescent="0.3">
      <c r="B2485">
        <v>46.214060130408541</v>
      </c>
      <c r="C2485" s="83">
        <v>43204.458333333336</v>
      </c>
      <c r="D2485">
        <v>175449.39439999999</v>
      </c>
      <c r="E2485">
        <v>25624.368210000001</v>
      </c>
      <c r="F2485">
        <v>87692.628589999993</v>
      </c>
      <c r="G2485">
        <v>39620.501810000002</v>
      </c>
      <c r="H2485">
        <v>37093.608670000001</v>
      </c>
      <c r="I2485">
        <v>27803.96128</v>
      </c>
      <c r="J2485">
        <v>40845.297550000003</v>
      </c>
      <c r="K2485">
        <v>45784.38018</v>
      </c>
      <c r="L2485">
        <v>29875.922549999999</v>
      </c>
      <c r="M2485">
        <v>235620.83009999999</v>
      </c>
      <c r="N2485">
        <v>71718.182960000006</v>
      </c>
      <c r="O2485">
        <v>22096.772099999998</v>
      </c>
      <c r="P2485">
        <v>35930.1126</v>
      </c>
      <c r="Q2485">
        <v>62169.049679999996</v>
      </c>
      <c r="R2485">
        <v>19375.392879999999</v>
      </c>
      <c r="S2485">
        <v>92348.854259999993</v>
      </c>
      <c r="T2485">
        <v>31001.408200000002</v>
      </c>
      <c r="U2485">
        <v>13170.549510000001</v>
      </c>
      <c r="W2485" s="83">
        <f>Bühler!N2517</f>
        <v>45395.458333327311</v>
      </c>
      <c r="X2485" s="83">
        <v>43204.458333333336</v>
      </c>
      <c r="Y2485">
        <v>175449.39439999999</v>
      </c>
      <c r="Z2485">
        <v>25624.368210000001</v>
      </c>
      <c r="AA2485">
        <v>87692.628589999993</v>
      </c>
      <c r="AB2485">
        <v>39620.501810000002</v>
      </c>
      <c r="AC2485">
        <v>37093.608670000001</v>
      </c>
      <c r="AD2485">
        <v>27803.96128</v>
      </c>
      <c r="AE2485">
        <v>40845.297550000003</v>
      </c>
      <c r="AF2485">
        <v>45784.38018</v>
      </c>
      <c r="AG2485">
        <v>29875.922549999999</v>
      </c>
      <c r="AH2485">
        <v>235620.83009999999</v>
      </c>
      <c r="AI2485">
        <v>71718.182960000006</v>
      </c>
      <c r="AJ2485">
        <v>22096.772099999998</v>
      </c>
      <c r="AK2485">
        <v>35930.1126</v>
      </c>
      <c r="AL2485">
        <v>62169.049679999996</v>
      </c>
      <c r="AM2485">
        <v>19375.392879999999</v>
      </c>
      <c r="AN2485">
        <v>92348.854259999993</v>
      </c>
      <c r="AO2485">
        <v>31001.408200000002</v>
      </c>
      <c r="AP2485">
        <v>13170.549510000001</v>
      </c>
    </row>
    <row r="2486" spans="2:42" x14ac:dyDescent="0.3">
      <c r="B2486">
        <v>45.361561298704409</v>
      </c>
      <c r="C2486" s="83">
        <v>43204.5</v>
      </c>
      <c r="D2486">
        <v>168132.0851</v>
      </c>
      <c r="E2486">
        <v>24057.677660000001</v>
      </c>
      <c r="F2486">
        <v>85914.918340000004</v>
      </c>
      <c r="G2486">
        <v>38323.409849999996</v>
      </c>
      <c r="H2486">
        <v>36427.446049999999</v>
      </c>
      <c r="I2486">
        <v>28453.70592</v>
      </c>
      <c r="J2486">
        <v>41335.927129999996</v>
      </c>
      <c r="K2486">
        <v>45743.816079999997</v>
      </c>
      <c r="L2486">
        <v>31584.22838</v>
      </c>
      <c r="M2486">
        <v>231274.39350000001</v>
      </c>
      <c r="N2486">
        <v>71441.415040000007</v>
      </c>
      <c r="O2486">
        <v>21391.10181</v>
      </c>
      <c r="P2486">
        <v>36228.830139999998</v>
      </c>
      <c r="Q2486">
        <v>59153.357429999996</v>
      </c>
      <c r="R2486">
        <v>18552.364959999999</v>
      </c>
      <c r="S2486">
        <v>87236.114969999995</v>
      </c>
      <c r="T2486">
        <v>30760.689699999999</v>
      </c>
      <c r="U2486">
        <v>12297.90452</v>
      </c>
      <c r="W2486" s="83">
        <f>Bühler!N2518</f>
        <v>45395.499999993976</v>
      </c>
      <c r="X2486" s="83">
        <v>43204.5</v>
      </c>
      <c r="Y2486">
        <v>168132.0851</v>
      </c>
      <c r="Z2486">
        <v>24057.677660000001</v>
      </c>
      <c r="AA2486">
        <v>85914.918340000004</v>
      </c>
      <c r="AB2486">
        <v>38323.409849999996</v>
      </c>
      <c r="AC2486">
        <v>36427.446049999999</v>
      </c>
      <c r="AD2486">
        <v>28453.70592</v>
      </c>
      <c r="AE2486">
        <v>41335.927129999996</v>
      </c>
      <c r="AF2486">
        <v>45743.816079999997</v>
      </c>
      <c r="AG2486">
        <v>31584.22838</v>
      </c>
      <c r="AH2486">
        <v>231274.39350000001</v>
      </c>
      <c r="AI2486">
        <v>71441.415040000007</v>
      </c>
      <c r="AJ2486">
        <v>21391.10181</v>
      </c>
      <c r="AK2486">
        <v>36228.830139999998</v>
      </c>
      <c r="AL2486">
        <v>59153.357429999996</v>
      </c>
      <c r="AM2486">
        <v>18552.364959999999</v>
      </c>
      <c r="AN2486">
        <v>87236.114969999995</v>
      </c>
      <c r="AO2486">
        <v>30760.689699999999</v>
      </c>
      <c r="AP2486">
        <v>12297.90452</v>
      </c>
    </row>
    <row r="2487" spans="2:42" x14ac:dyDescent="0.3">
      <c r="B2487">
        <v>44.624175377557393</v>
      </c>
      <c r="C2487" s="83">
        <v>43204.541666666664</v>
      </c>
      <c r="D2487">
        <v>165058.07550000001</v>
      </c>
      <c r="E2487">
        <v>23282.589680000001</v>
      </c>
      <c r="F2487">
        <v>84691.186549999999</v>
      </c>
      <c r="G2487">
        <v>37519.555099999998</v>
      </c>
      <c r="H2487">
        <v>35935.619740000002</v>
      </c>
      <c r="I2487">
        <v>28140.57429</v>
      </c>
      <c r="J2487">
        <v>40732.384310000001</v>
      </c>
      <c r="K2487">
        <v>47381.99684</v>
      </c>
      <c r="L2487">
        <v>31160.63869</v>
      </c>
      <c r="M2487">
        <v>227514.85620000001</v>
      </c>
      <c r="N2487">
        <v>69886.247900000002</v>
      </c>
      <c r="O2487">
        <v>20826.185829999999</v>
      </c>
      <c r="P2487">
        <v>35463.204949999999</v>
      </c>
      <c r="Q2487">
        <v>56262.753850000001</v>
      </c>
      <c r="R2487">
        <v>18115.983560000001</v>
      </c>
      <c r="S2487">
        <v>87248.464330000003</v>
      </c>
      <c r="T2487">
        <v>30048.732110000001</v>
      </c>
      <c r="U2487">
        <v>12193.49496</v>
      </c>
      <c r="W2487" s="83">
        <f>Bühler!N2519</f>
        <v>45395.54166666064</v>
      </c>
      <c r="X2487" s="83">
        <v>43204.541666666664</v>
      </c>
      <c r="Y2487">
        <v>165058.07550000001</v>
      </c>
      <c r="Z2487">
        <v>23282.589680000001</v>
      </c>
      <c r="AA2487">
        <v>84691.186549999999</v>
      </c>
      <c r="AB2487">
        <v>37519.555099999998</v>
      </c>
      <c r="AC2487">
        <v>35935.619740000002</v>
      </c>
      <c r="AD2487">
        <v>28140.57429</v>
      </c>
      <c r="AE2487">
        <v>40732.384310000001</v>
      </c>
      <c r="AF2487">
        <v>47381.99684</v>
      </c>
      <c r="AG2487">
        <v>31160.63869</v>
      </c>
      <c r="AH2487">
        <v>227514.85620000001</v>
      </c>
      <c r="AI2487">
        <v>69886.247900000002</v>
      </c>
      <c r="AJ2487">
        <v>20826.185829999999</v>
      </c>
      <c r="AK2487">
        <v>35463.204949999999</v>
      </c>
      <c r="AL2487">
        <v>56262.753850000001</v>
      </c>
      <c r="AM2487">
        <v>18115.983560000001</v>
      </c>
      <c r="AN2487">
        <v>87248.464330000003</v>
      </c>
      <c r="AO2487">
        <v>30048.732110000001</v>
      </c>
      <c r="AP2487">
        <v>12193.49496</v>
      </c>
    </row>
    <row r="2488" spans="2:42" x14ac:dyDescent="0.3">
      <c r="B2488">
        <v>44.226469937528485</v>
      </c>
      <c r="C2488" s="83">
        <v>43204.583333333336</v>
      </c>
      <c r="D2488">
        <v>164463.17559999999</v>
      </c>
      <c r="E2488">
        <v>24128.62688</v>
      </c>
      <c r="F2488">
        <v>84398.43217</v>
      </c>
      <c r="G2488">
        <v>37294.918859999998</v>
      </c>
      <c r="H2488">
        <v>35530.58569</v>
      </c>
      <c r="I2488">
        <v>27878.49799</v>
      </c>
      <c r="J2488">
        <v>39501.967389999998</v>
      </c>
      <c r="K2488">
        <v>47031.684480000004</v>
      </c>
      <c r="L2488">
        <v>29747.669440000001</v>
      </c>
      <c r="M2488">
        <v>225487.1684</v>
      </c>
      <c r="N2488">
        <v>70461.558579999997</v>
      </c>
      <c r="O2488">
        <v>20410.029760000001</v>
      </c>
      <c r="P2488">
        <v>33960.575700000001</v>
      </c>
      <c r="Q2488">
        <v>54775.690629999997</v>
      </c>
      <c r="R2488">
        <v>18366.122599999999</v>
      </c>
      <c r="S2488">
        <v>83881.195860000007</v>
      </c>
      <c r="T2488">
        <v>29652.52246</v>
      </c>
      <c r="U2488">
        <v>11752.08324</v>
      </c>
      <c r="W2488" s="83">
        <f>Bühler!N2520</f>
        <v>45395.583333327304</v>
      </c>
      <c r="X2488" s="83">
        <v>43204.583333333336</v>
      </c>
      <c r="Y2488">
        <v>164463.17559999999</v>
      </c>
      <c r="Z2488">
        <v>24128.62688</v>
      </c>
      <c r="AA2488">
        <v>84398.43217</v>
      </c>
      <c r="AB2488">
        <v>37294.918859999998</v>
      </c>
      <c r="AC2488">
        <v>35530.58569</v>
      </c>
      <c r="AD2488">
        <v>27878.49799</v>
      </c>
      <c r="AE2488">
        <v>39501.967389999998</v>
      </c>
      <c r="AF2488">
        <v>47031.684480000004</v>
      </c>
      <c r="AG2488">
        <v>29747.669440000001</v>
      </c>
      <c r="AH2488">
        <v>225487.1684</v>
      </c>
      <c r="AI2488">
        <v>70461.558579999997</v>
      </c>
      <c r="AJ2488">
        <v>20410.029760000001</v>
      </c>
      <c r="AK2488">
        <v>33960.575700000001</v>
      </c>
      <c r="AL2488">
        <v>54775.690629999997</v>
      </c>
      <c r="AM2488">
        <v>18366.122599999999</v>
      </c>
      <c r="AN2488">
        <v>83881.195860000007</v>
      </c>
      <c r="AO2488">
        <v>29652.52246</v>
      </c>
      <c r="AP2488">
        <v>11752.08324</v>
      </c>
    </row>
    <row r="2489" spans="2:42" x14ac:dyDescent="0.3">
      <c r="B2489">
        <v>44.193967594885493</v>
      </c>
      <c r="C2489" s="83">
        <v>43204.625</v>
      </c>
      <c r="D2489">
        <v>163731.69459999999</v>
      </c>
      <c r="E2489">
        <v>23853.049729999999</v>
      </c>
      <c r="F2489">
        <v>84441.522840000005</v>
      </c>
      <c r="G2489">
        <v>36859.000139999996</v>
      </c>
      <c r="H2489">
        <v>35369.253649999999</v>
      </c>
      <c r="I2489">
        <v>28229.727080000001</v>
      </c>
      <c r="J2489">
        <v>38930.605389999997</v>
      </c>
      <c r="K2489">
        <v>46014.950490000003</v>
      </c>
      <c r="L2489">
        <v>27366.67006</v>
      </c>
      <c r="M2489">
        <v>225321.45629999999</v>
      </c>
      <c r="N2489">
        <v>70915.064100000003</v>
      </c>
      <c r="O2489">
        <v>19667.461520000001</v>
      </c>
      <c r="P2489">
        <v>30991.461159999999</v>
      </c>
      <c r="Q2489">
        <v>54746.739759999997</v>
      </c>
      <c r="R2489">
        <v>18657.976859999999</v>
      </c>
      <c r="S2489">
        <v>83775.494600000005</v>
      </c>
      <c r="T2489">
        <v>29901.67438</v>
      </c>
      <c r="U2489">
        <v>11801.435450000001</v>
      </c>
      <c r="W2489" s="83">
        <f>Bühler!N2521</f>
        <v>45395.624999993968</v>
      </c>
      <c r="X2489" s="83">
        <v>43204.625</v>
      </c>
      <c r="Y2489">
        <v>163731.69459999999</v>
      </c>
      <c r="Z2489">
        <v>23853.049729999999</v>
      </c>
      <c r="AA2489">
        <v>84441.522840000005</v>
      </c>
      <c r="AB2489">
        <v>36859.000139999996</v>
      </c>
      <c r="AC2489">
        <v>35369.253649999999</v>
      </c>
      <c r="AD2489">
        <v>28229.727080000001</v>
      </c>
      <c r="AE2489">
        <v>38930.605389999997</v>
      </c>
      <c r="AF2489">
        <v>46014.950490000003</v>
      </c>
      <c r="AG2489">
        <v>27366.67006</v>
      </c>
      <c r="AH2489">
        <v>225321.45629999999</v>
      </c>
      <c r="AI2489">
        <v>70915.064100000003</v>
      </c>
      <c r="AJ2489">
        <v>19667.461520000001</v>
      </c>
      <c r="AK2489">
        <v>30991.461159999999</v>
      </c>
      <c r="AL2489">
        <v>54746.739759999997</v>
      </c>
      <c r="AM2489">
        <v>18657.976859999999</v>
      </c>
      <c r="AN2489">
        <v>83775.494600000005</v>
      </c>
      <c r="AO2489">
        <v>29901.67438</v>
      </c>
      <c r="AP2489">
        <v>11801.435450000001</v>
      </c>
    </row>
    <row r="2490" spans="2:42" x14ac:dyDescent="0.3">
      <c r="B2490">
        <v>43.19250643822685</v>
      </c>
      <c r="C2490" s="83">
        <v>43204.666666666664</v>
      </c>
      <c r="D2490">
        <v>162447.24050000001</v>
      </c>
      <c r="E2490">
        <v>23883.255369999999</v>
      </c>
      <c r="F2490">
        <v>83557.944820000004</v>
      </c>
      <c r="G2490">
        <v>36613.481829999997</v>
      </c>
      <c r="H2490">
        <v>34920.215320000003</v>
      </c>
      <c r="I2490">
        <v>28288.228480000002</v>
      </c>
      <c r="J2490">
        <v>38438.829700000002</v>
      </c>
      <c r="K2490">
        <v>44318.91676</v>
      </c>
      <c r="L2490">
        <v>26324.213070000002</v>
      </c>
      <c r="M2490">
        <v>220215.54029999999</v>
      </c>
      <c r="N2490">
        <v>70308.580369999996</v>
      </c>
      <c r="O2490">
        <v>19880.061669999999</v>
      </c>
      <c r="P2490">
        <v>30496.11997</v>
      </c>
      <c r="Q2490">
        <v>54008.588510000001</v>
      </c>
      <c r="R2490">
        <v>18159.583419999999</v>
      </c>
      <c r="S2490">
        <v>83731.297519999993</v>
      </c>
      <c r="T2490">
        <v>29648.829470000001</v>
      </c>
      <c r="U2490">
        <v>11662.90461</v>
      </c>
      <c r="W2490" s="83">
        <f>Bühler!N2522</f>
        <v>45395.666666660632</v>
      </c>
      <c r="X2490" s="83">
        <v>43204.666666666664</v>
      </c>
      <c r="Y2490">
        <v>162447.24050000001</v>
      </c>
      <c r="Z2490">
        <v>23883.255369999999</v>
      </c>
      <c r="AA2490">
        <v>83557.944820000004</v>
      </c>
      <c r="AB2490">
        <v>36613.481829999997</v>
      </c>
      <c r="AC2490">
        <v>34920.215320000003</v>
      </c>
      <c r="AD2490">
        <v>28288.228480000002</v>
      </c>
      <c r="AE2490">
        <v>38438.829700000002</v>
      </c>
      <c r="AF2490">
        <v>44318.91676</v>
      </c>
      <c r="AG2490">
        <v>26324.213070000002</v>
      </c>
      <c r="AH2490">
        <v>220215.54029999999</v>
      </c>
      <c r="AI2490">
        <v>70308.580369999996</v>
      </c>
      <c r="AJ2490">
        <v>19880.061669999999</v>
      </c>
      <c r="AK2490">
        <v>30496.11997</v>
      </c>
      <c r="AL2490">
        <v>54008.588510000001</v>
      </c>
      <c r="AM2490">
        <v>18159.583419999999</v>
      </c>
      <c r="AN2490">
        <v>83731.297519999993</v>
      </c>
      <c r="AO2490">
        <v>29648.829470000001</v>
      </c>
      <c r="AP2490">
        <v>11662.90461</v>
      </c>
    </row>
    <row r="2491" spans="2:42" x14ac:dyDescent="0.3">
      <c r="B2491">
        <v>42.486184074113979</v>
      </c>
      <c r="C2491" s="83">
        <v>43204.708333333336</v>
      </c>
      <c r="D2491">
        <v>161363.1501</v>
      </c>
      <c r="E2491">
        <v>23537.753270000001</v>
      </c>
      <c r="F2491">
        <v>82831.606419999996</v>
      </c>
      <c r="G2491">
        <v>36143.472289999998</v>
      </c>
      <c r="H2491">
        <v>34975.86853</v>
      </c>
      <c r="I2491">
        <v>29193.43391</v>
      </c>
      <c r="J2491">
        <v>39168.466999999997</v>
      </c>
      <c r="K2491">
        <v>43723.36318</v>
      </c>
      <c r="L2491">
        <v>26663.698509999998</v>
      </c>
      <c r="M2491">
        <v>216614.37950000001</v>
      </c>
      <c r="N2491">
        <v>67825.226439999999</v>
      </c>
      <c r="O2491">
        <v>20102.49036</v>
      </c>
      <c r="P2491">
        <v>31424.029340000001</v>
      </c>
      <c r="Q2491">
        <v>52861.52577</v>
      </c>
      <c r="R2491">
        <v>20424.103620000002</v>
      </c>
      <c r="S2491">
        <v>85596.28224</v>
      </c>
      <c r="T2491">
        <v>29078.538980000001</v>
      </c>
      <c r="U2491">
        <v>11366.10779</v>
      </c>
      <c r="W2491" s="83">
        <f>Bühler!N2523</f>
        <v>45395.708333327297</v>
      </c>
      <c r="X2491" s="83">
        <v>43204.708333333336</v>
      </c>
      <c r="Y2491">
        <v>161363.1501</v>
      </c>
      <c r="Z2491">
        <v>23537.753270000001</v>
      </c>
      <c r="AA2491">
        <v>82831.606419999996</v>
      </c>
      <c r="AB2491">
        <v>36143.472289999998</v>
      </c>
      <c r="AC2491">
        <v>34975.86853</v>
      </c>
      <c r="AD2491">
        <v>29193.43391</v>
      </c>
      <c r="AE2491">
        <v>39168.466999999997</v>
      </c>
      <c r="AF2491">
        <v>43723.36318</v>
      </c>
      <c r="AG2491">
        <v>26663.698509999998</v>
      </c>
      <c r="AH2491">
        <v>216614.37950000001</v>
      </c>
      <c r="AI2491">
        <v>67825.226439999999</v>
      </c>
      <c r="AJ2491">
        <v>20102.49036</v>
      </c>
      <c r="AK2491">
        <v>31424.029340000001</v>
      </c>
      <c r="AL2491">
        <v>52861.52577</v>
      </c>
      <c r="AM2491">
        <v>20424.103620000002</v>
      </c>
      <c r="AN2491">
        <v>85596.28224</v>
      </c>
      <c r="AO2491">
        <v>29078.538980000001</v>
      </c>
      <c r="AP2491">
        <v>11366.10779</v>
      </c>
    </row>
    <row r="2492" spans="2:42" x14ac:dyDescent="0.3">
      <c r="B2492">
        <v>41.91538830832615</v>
      </c>
      <c r="C2492" s="83">
        <v>43204.75</v>
      </c>
      <c r="D2492">
        <v>160058.63870000001</v>
      </c>
      <c r="E2492">
        <v>22377.8459</v>
      </c>
      <c r="F2492">
        <v>81708.759990000006</v>
      </c>
      <c r="G2492">
        <v>35799.207170000001</v>
      </c>
      <c r="H2492">
        <v>34700.956810000003</v>
      </c>
      <c r="I2492">
        <v>28911.541089999999</v>
      </c>
      <c r="J2492">
        <v>39130.189339999997</v>
      </c>
      <c r="K2492">
        <v>44310.610589999997</v>
      </c>
      <c r="L2492">
        <v>28080.726750000002</v>
      </c>
      <c r="M2492">
        <v>213704.19649999999</v>
      </c>
      <c r="N2492">
        <v>67956.233219999995</v>
      </c>
      <c r="O2492">
        <v>20088.172050000001</v>
      </c>
      <c r="P2492">
        <v>35808.843240000002</v>
      </c>
      <c r="Q2492">
        <v>51130.77794</v>
      </c>
      <c r="R2492">
        <v>18780.050910000002</v>
      </c>
      <c r="S2492">
        <v>83324.983859999993</v>
      </c>
      <c r="T2492">
        <v>28508.226699999999</v>
      </c>
      <c r="U2492">
        <v>11303.91454</v>
      </c>
      <c r="W2492" s="83">
        <f>Bühler!N2524</f>
        <v>45395.749999993961</v>
      </c>
      <c r="X2492" s="83">
        <v>43204.75</v>
      </c>
      <c r="Y2492">
        <v>160058.63870000001</v>
      </c>
      <c r="Z2492">
        <v>22377.8459</v>
      </c>
      <c r="AA2492">
        <v>81708.759990000006</v>
      </c>
      <c r="AB2492">
        <v>35799.207170000001</v>
      </c>
      <c r="AC2492">
        <v>34700.956810000003</v>
      </c>
      <c r="AD2492">
        <v>28911.541089999999</v>
      </c>
      <c r="AE2492">
        <v>39130.189339999997</v>
      </c>
      <c r="AF2492">
        <v>44310.610589999997</v>
      </c>
      <c r="AG2492">
        <v>28080.726750000002</v>
      </c>
      <c r="AH2492">
        <v>213704.19649999999</v>
      </c>
      <c r="AI2492">
        <v>67956.233219999995</v>
      </c>
      <c r="AJ2492">
        <v>20088.172050000001</v>
      </c>
      <c r="AK2492">
        <v>35808.843240000002</v>
      </c>
      <c r="AL2492">
        <v>51130.77794</v>
      </c>
      <c r="AM2492">
        <v>18780.050910000002</v>
      </c>
      <c r="AN2492">
        <v>83324.983859999993</v>
      </c>
      <c r="AO2492">
        <v>28508.226699999999</v>
      </c>
      <c r="AP2492">
        <v>11303.91454</v>
      </c>
    </row>
    <row r="2493" spans="2:42" x14ac:dyDescent="0.3">
      <c r="B2493">
        <v>41.493975033059563</v>
      </c>
      <c r="C2493" s="83">
        <v>43204.791666666664</v>
      </c>
      <c r="D2493">
        <v>159884.51990000001</v>
      </c>
      <c r="E2493">
        <v>18663.00778</v>
      </c>
      <c r="F2493">
        <v>71669.154769999994</v>
      </c>
      <c r="G2493">
        <v>35790.59506</v>
      </c>
      <c r="H2493">
        <v>34213.000180000003</v>
      </c>
      <c r="I2493">
        <v>27404.51757</v>
      </c>
      <c r="J2493">
        <v>38849.304100000001</v>
      </c>
      <c r="K2493">
        <v>44441.765119999996</v>
      </c>
      <c r="L2493">
        <v>29408.59317</v>
      </c>
      <c r="M2493">
        <v>211555.63510000001</v>
      </c>
      <c r="N2493">
        <v>68255.126560000004</v>
      </c>
      <c r="O2493">
        <v>20622.291929999999</v>
      </c>
      <c r="P2493">
        <v>36699.137269999999</v>
      </c>
      <c r="Q2493">
        <v>49056.912900000003</v>
      </c>
      <c r="R2493">
        <v>18354.779729999998</v>
      </c>
      <c r="S2493">
        <v>82758.088050000006</v>
      </c>
      <c r="T2493">
        <v>27804.558919999999</v>
      </c>
      <c r="U2493">
        <v>11724.183919999999</v>
      </c>
      <c r="W2493" s="83">
        <f>Bühler!N2525</f>
        <v>45395.791666660625</v>
      </c>
      <c r="X2493" s="83">
        <v>43204.791666666664</v>
      </c>
      <c r="Y2493">
        <v>159884.51990000001</v>
      </c>
      <c r="Z2493">
        <v>18663.00778</v>
      </c>
      <c r="AA2493">
        <v>71669.154769999994</v>
      </c>
      <c r="AB2493">
        <v>35790.59506</v>
      </c>
      <c r="AC2493">
        <v>34213.000180000003</v>
      </c>
      <c r="AD2493">
        <v>27404.51757</v>
      </c>
      <c r="AE2493">
        <v>38849.304100000001</v>
      </c>
      <c r="AF2493">
        <v>44441.765119999996</v>
      </c>
      <c r="AG2493">
        <v>29408.59317</v>
      </c>
      <c r="AH2493">
        <v>211555.63510000001</v>
      </c>
      <c r="AI2493">
        <v>68255.126560000004</v>
      </c>
      <c r="AJ2493">
        <v>20622.291929999999</v>
      </c>
      <c r="AK2493">
        <v>36699.137269999999</v>
      </c>
      <c r="AL2493">
        <v>49056.912900000003</v>
      </c>
      <c r="AM2493">
        <v>18354.779729999998</v>
      </c>
      <c r="AN2493">
        <v>82758.088050000006</v>
      </c>
      <c r="AO2493">
        <v>27804.558919999999</v>
      </c>
      <c r="AP2493">
        <v>11724.183919999999</v>
      </c>
    </row>
    <row r="2494" spans="2:42" x14ac:dyDescent="0.3">
      <c r="B2494">
        <v>40.851938981342791</v>
      </c>
      <c r="C2494" s="83">
        <v>43204.833333333336</v>
      </c>
      <c r="D2494">
        <v>159252.02359999999</v>
      </c>
      <c r="E2494">
        <v>14394.932339999999</v>
      </c>
      <c r="F2494">
        <v>55329.84708</v>
      </c>
      <c r="G2494">
        <v>36487.31035</v>
      </c>
      <c r="H2494">
        <v>34025.856140000004</v>
      </c>
      <c r="I2494">
        <v>25857.847290000002</v>
      </c>
      <c r="J2494">
        <v>40671.22524</v>
      </c>
      <c r="K2494">
        <v>45414.933669999999</v>
      </c>
      <c r="L2494">
        <v>29958.582900000001</v>
      </c>
      <c r="M2494">
        <v>208282.2359</v>
      </c>
      <c r="N2494">
        <v>68686.865820000006</v>
      </c>
      <c r="O2494">
        <v>20290.94154</v>
      </c>
      <c r="P2494">
        <v>38173.812259999999</v>
      </c>
      <c r="Q2494">
        <v>47405.70983</v>
      </c>
      <c r="R2494">
        <v>18682.83194</v>
      </c>
      <c r="S2494">
        <v>78965.640799999994</v>
      </c>
      <c r="T2494">
        <v>25793.301869999999</v>
      </c>
      <c r="U2494">
        <v>12337.70811</v>
      </c>
      <c r="W2494" s="83">
        <f>Bühler!N2526</f>
        <v>45395.833333327289</v>
      </c>
      <c r="X2494" s="83">
        <v>43204.833333333336</v>
      </c>
      <c r="Y2494">
        <v>159252.02359999999</v>
      </c>
      <c r="Z2494">
        <v>14394.932339999999</v>
      </c>
      <c r="AA2494">
        <v>55329.84708</v>
      </c>
      <c r="AB2494">
        <v>36487.31035</v>
      </c>
      <c r="AC2494">
        <v>34025.856140000004</v>
      </c>
      <c r="AD2494">
        <v>25857.847290000002</v>
      </c>
      <c r="AE2494">
        <v>40671.22524</v>
      </c>
      <c r="AF2494">
        <v>45414.933669999999</v>
      </c>
      <c r="AG2494">
        <v>29958.582900000001</v>
      </c>
      <c r="AH2494">
        <v>208282.2359</v>
      </c>
      <c r="AI2494">
        <v>68686.865820000006</v>
      </c>
      <c r="AJ2494">
        <v>20290.94154</v>
      </c>
      <c r="AK2494">
        <v>38173.812259999999</v>
      </c>
      <c r="AL2494">
        <v>47405.70983</v>
      </c>
      <c r="AM2494">
        <v>18682.83194</v>
      </c>
      <c r="AN2494">
        <v>78965.640799999994</v>
      </c>
      <c r="AO2494">
        <v>25793.301869999999</v>
      </c>
      <c r="AP2494">
        <v>12337.70811</v>
      </c>
    </row>
    <row r="2495" spans="2:42" x14ac:dyDescent="0.3">
      <c r="B2495">
        <v>40.920902504178393</v>
      </c>
      <c r="C2495" s="83">
        <v>43204.875</v>
      </c>
      <c r="D2495">
        <v>159434.1599</v>
      </c>
      <c r="E2495">
        <v>12950.387640000001</v>
      </c>
      <c r="F2495">
        <v>47891.45549</v>
      </c>
      <c r="G2495">
        <v>36764.282270000003</v>
      </c>
      <c r="H2495">
        <v>35207.084990000003</v>
      </c>
      <c r="I2495">
        <v>24124.182410000001</v>
      </c>
      <c r="J2495">
        <v>41685.199030000003</v>
      </c>
      <c r="K2495">
        <v>45932.224349999997</v>
      </c>
      <c r="L2495">
        <v>28949.322759999999</v>
      </c>
      <c r="M2495">
        <v>208633.84409999999</v>
      </c>
      <c r="N2495">
        <v>68258.193320000006</v>
      </c>
      <c r="O2495">
        <v>20290.93648</v>
      </c>
      <c r="P2495">
        <v>37474.091249999998</v>
      </c>
      <c r="Q2495">
        <v>46876.085520000001</v>
      </c>
      <c r="R2495">
        <v>18934.006649999999</v>
      </c>
      <c r="S2495">
        <v>77762.857870000007</v>
      </c>
      <c r="T2495">
        <v>24926.516380000001</v>
      </c>
      <c r="U2495">
        <v>12865.025540000001</v>
      </c>
      <c r="W2495" s="83">
        <f>Bühler!N2527</f>
        <v>45395.874999993954</v>
      </c>
      <c r="X2495" s="83">
        <v>43204.875</v>
      </c>
      <c r="Y2495">
        <v>159434.1599</v>
      </c>
      <c r="Z2495">
        <v>12950.387640000001</v>
      </c>
      <c r="AA2495">
        <v>47891.45549</v>
      </c>
      <c r="AB2495">
        <v>36764.282270000003</v>
      </c>
      <c r="AC2495">
        <v>35207.084990000003</v>
      </c>
      <c r="AD2495">
        <v>24124.182410000001</v>
      </c>
      <c r="AE2495">
        <v>41685.199030000003</v>
      </c>
      <c r="AF2495">
        <v>45932.224349999997</v>
      </c>
      <c r="AG2495">
        <v>28949.322759999999</v>
      </c>
      <c r="AH2495">
        <v>208633.84409999999</v>
      </c>
      <c r="AI2495">
        <v>68258.193320000006</v>
      </c>
      <c r="AJ2495">
        <v>20290.93648</v>
      </c>
      <c r="AK2495">
        <v>37474.091249999998</v>
      </c>
      <c r="AL2495">
        <v>46876.085520000001</v>
      </c>
      <c r="AM2495">
        <v>18934.006649999999</v>
      </c>
      <c r="AN2495">
        <v>77762.857870000007</v>
      </c>
      <c r="AO2495">
        <v>24926.516380000001</v>
      </c>
      <c r="AP2495">
        <v>12865.025540000001</v>
      </c>
    </row>
    <row r="2496" spans="2:42" x14ac:dyDescent="0.3">
      <c r="B2496">
        <v>40.814406675122527</v>
      </c>
      <c r="C2496" s="83">
        <v>43204.916666666664</v>
      </c>
      <c r="D2496">
        <v>159908.83840000001</v>
      </c>
      <c r="E2496">
        <v>12596.08857</v>
      </c>
      <c r="F2496">
        <v>45605.215790000002</v>
      </c>
      <c r="G2496">
        <v>36902.972040000001</v>
      </c>
      <c r="H2496">
        <v>35245.4283</v>
      </c>
      <c r="I2496">
        <v>22788.87717</v>
      </c>
      <c r="J2496">
        <v>40560.863530000002</v>
      </c>
      <c r="K2496">
        <v>49768.297079999997</v>
      </c>
      <c r="L2496">
        <v>26114.018759999999</v>
      </c>
      <c r="M2496">
        <v>208090.8787</v>
      </c>
      <c r="N2496">
        <v>67969.415699999998</v>
      </c>
      <c r="O2496">
        <v>20912.551650000001</v>
      </c>
      <c r="P2496">
        <v>40516.17714</v>
      </c>
      <c r="Q2496">
        <v>46552.159030000003</v>
      </c>
      <c r="R2496">
        <v>22376.326420000001</v>
      </c>
      <c r="S2496">
        <v>77180.450870000001</v>
      </c>
      <c r="T2496">
        <v>24415.825929999999</v>
      </c>
      <c r="U2496">
        <v>13935.874390000001</v>
      </c>
      <c r="W2496" s="83">
        <f>Bühler!N2528</f>
        <v>45395.916666660618</v>
      </c>
      <c r="X2496" s="83">
        <v>43204.916666666664</v>
      </c>
      <c r="Y2496">
        <v>159908.83840000001</v>
      </c>
      <c r="Z2496">
        <v>12596.08857</v>
      </c>
      <c r="AA2496">
        <v>45605.215790000002</v>
      </c>
      <c r="AB2496">
        <v>36902.972040000001</v>
      </c>
      <c r="AC2496">
        <v>35245.4283</v>
      </c>
      <c r="AD2496">
        <v>22788.87717</v>
      </c>
      <c r="AE2496">
        <v>40560.863530000002</v>
      </c>
      <c r="AF2496">
        <v>49768.297079999997</v>
      </c>
      <c r="AG2496">
        <v>26114.018759999999</v>
      </c>
      <c r="AH2496">
        <v>208090.8787</v>
      </c>
      <c r="AI2496">
        <v>67969.415699999998</v>
      </c>
      <c r="AJ2496">
        <v>20912.551650000001</v>
      </c>
      <c r="AK2496">
        <v>40516.17714</v>
      </c>
      <c r="AL2496">
        <v>46552.159030000003</v>
      </c>
      <c r="AM2496">
        <v>22376.326420000001</v>
      </c>
      <c r="AN2496">
        <v>77180.450870000001</v>
      </c>
      <c r="AO2496">
        <v>24415.825929999999</v>
      </c>
      <c r="AP2496">
        <v>13935.874390000001</v>
      </c>
    </row>
    <row r="2497" spans="2:42" x14ac:dyDescent="0.3">
      <c r="B2497">
        <v>40.967234201625544</v>
      </c>
      <c r="C2497" s="83">
        <v>43204.958333333336</v>
      </c>
      <c r="D2497">
        <v>160251.47570000001</v>
      </c>
      <c r="E2497">
        <v>12324.30053</v>
      </c>
      <c r="F2497">
        <v>44376.088450000003</v>
      </c>
      <c r="G2497">
        <v>36590.869270000003</v>
      </c>
      <c r="H2497">
        <v>34518.214950000001</v>
      </c>
      <c r="I2497">
        <v>22666.374329999999</v>
      </c>
      <c r="J2497">
        <v>38073.182659999999</v>
      </c>
      <c r="K2497">
        <v>49022.068090000001</v>
      </c>
      <c r="L2497">
        <v>22481.691559999999</v>
      </c>
      <c r="M2497">
        <v>208870.06469999999</v>
      </c>
      <c r="N2497">
        <v>66784.633230000007</v>
      </c>
      <c r="O2497">
        <v>20661.00489</v>
      </c>
      <c r="P2497">
        <v>36123.08023</v>
      </c>
      <c r="Q2497">
        <v>46005.760869999998</v>
      </c>
      <c r="R2497">
        <v>23559.463350000002</v>
      </c>
      <c r="S2497">
        <v>76212.858009999996</v>
      </c>
      <c r="T2497">
        <v>26725.344369999999</v>
      </c>
      <c r="U2497">
        <v>13341.24172</v>
      </c>
      <c r="W2497" s="83">
        <f>Bühler!N2529</f>
        <v>45395.958333327282</v>
      </c>
      <c r="X2497" s="83">
        <v>43204.958333333336</v>
      </c>
      <c r="Y2497">
        <v>160251.47570000001</v>
      </c>
      <c r="Z2497">
        <v>12324.30053</v>
      </c>
      <c r="AA2497">
        <v>44376.088450000003</v>
      </c>
      <c r="AB2497">
        <v>36590.869270000003</v>
      </c>
      <c r="AC2497">
        <v>34518.214950000001</v>
      </c>
      <c r="AD2497">
        <v>22666.374329999999</v>
      </c>
      <c r="AE2497">
        <v>38073.182659999999</v>
      </c>
      <c r="AF2497">
        <v>49022.068090000001</v>
      </c>
      <c r="AG2497">
        <v>22481.691559999999</v>
      </c>
      <c r="AH2497">
        <v>208870.06469999999</v>
      </c>
      <c r="AI2497">
        <v>66784.633230000007</v>
      </c>
      <c r="AJ2497">
        <v>20661.00489</v>
      </c>
      <c r="AK2497">
        <v>36123.08023</v>
      </c>
      <c r="AL2497">
        <v>46005.760869999998</v>
      </c>
      <c r="AM2497">
        <v>23559.463350000002</v>
      </c>
      <c r="AN2497">
        <v>76212.858009999996</v>
      </c>
      <c r="AO2497">
        <v>26725.344369999999</v>
      </c>
      <c r="AP2497">
        <v>13341.24172</v>
      </c>
    </row>
    <row r="2498" spans="2:42" x14ac:dyDescent="0.3">
      <c r="B2498">
        <v>40.511097033304466</v>
      </c>
      <c r="C2498" s="83">
        <v>43205</v>
      </c>
      <c r="D2498">
        <v>162025.9431</v>
      </c>
      <c r="E2498">
        <v>12519.62247</v>
      </c>
      <c r="F2498">
        <v>43487.607880000003</v>
      </c>
      <c r="G2498">
        <v>38020.676489999998</v>
      </c>
      <c r="H2498">
        <v>34575.728069999997</v>
      </c>
      <c r="I2498">
        <v>21555.811689999999</v>
      </c>
      <c r="J2498">
        <v>36958.296130000002</v>
      </c>
      <c r="K2498">
        <v>47433.214970000001</v>
      </c>
      <c r="L2498">
        <v>20261.522669999998</v>
      </c>
      <c r="M2498">
        <v>206544.46470000001</v>
      </c>
      <c r="N2498">
        <v>68759.388340000005</v>
      </c>
      <c r="O2498">
        <v>22035.235990000001</v>
      </c>
      <c r="P2498">
        <v>35365.331579999998</v>
      </c>
      <c r="Q2498">
        <v>46247.785779999998</v>
      </c>
      <c r="R2498">
        <v>21518.326099999998</v>
      </c>
      <c r="S2498">
        <v>76294.22494</v>
      </c>
      <c r="T2498">
        <v>25281.854670000001</v>
      </c>
      <c r="U2498">
        <v>13285.83311</v>
      </c>
      <c r="W2498" s="83">
        <f>Bühler!N2530</f>
        <v>45395.999999993946</v>
      </c>
      <c r="X2498" s="83">
        <v>43205</v>
      </c>
      <c r="Y2498">
        <v>162025.9431</v>
      </c>
      <c r="Z2498">
        <v>12519.62247</v>
      </c>
      <c r="AA2498">
        <v>43487.607880000003</v>
      </c>
      <c r="AB2498">
        <v>38020.676489999998</v>
      </c>
      <c r="AC2498">
        <v>34575.728069999997</v>
      </c>
      <c r="AD2498">
        <v>21555.811689999999</v>
      </c>
      <c r="AE2498">
        <v>36958.296130000002</v>
      </c>
      <c r="AF2498">
        <v>47433.214970000001</v>
      </c>
      <c r="AG2498">
        <v>20261.522669999998</v>
      </c>
      <c r="AH2498">
        <v>206544.46470000001</v>
      </c>
      <c r="AI2498">
        <v>68759.388340000005</v>
      </c>
      <c r="AJ2498">
        <v>22035.235990000001</v>
      </c>
      <c r="AK2498">
        <v>35365.331579999998</v>
      </c>
      <c r="AL2498">
        <v>46247.785779999998</v>
      </c>
      <c r="AM2498">
        <v>21518.326099999998</v>
      </c>
      <c r="AN2498">
        <v>76294.22494</v>
      </c>
      <c r="AO2498">
        <v>25281.854670000001</v>
      </c>
      <c r="AP2498">
        <v>13285.83311</v>
      </c>
    </row>
    <row r="2499" spans="2:42" x14ac:dyDescent="0.3">
      <c r="B2499">
        <v>40.036533245349368</v>
      </c>
      <c r="C2499" s="83">
        <v>43205.041666666664</v>
      </c>
      <c r="D2499">
        <v>162154.5569</v>
      </c>
      <c r="E2499">
        <v>12497.229149999999</v>
      </c>
      <c r="F2499">
        <v>43088.069920000002</v>
      </c>
      <c r="G2499">
        <v>37801.098660000003</v>
      </c>
      <c r="H2499">
        <v>34592.868869999998</v>
      </c>
      <c r="I2499">
        <v>18136.206979999999</v>
      </c>
      <c r="J2499">
        <v>36004.885739999998</v>
      </c>
      <c r="K2499">
        <v>45732.705549999999</v>
      </c>
      <c r="L2499">
        <v>18611.155989999999</v>
      </c>
      <c r="M2499">
        <v>204124.9172</v>
      </c>
      <c r="N2499">
        <v>68047.898270000005</v>
      </c>
      <c r="O2499">
        <v>22317.579140000002</v>
      </c>
      <c r="P2499">
        <v>33264.993840000003</v>
      </c>
      <c r="Q2499">
        <v>47801.914859999997</v>
      </c>
      <c r="R2499">
        <v>20025.637119999999</v>
      </c>
      <c r="S2499">
        <v>75229.654460000005</v>
      </c>
      <c r="T2499">
        <v>25007.118310000002</v>
      </c>
      <c r="U2499">
        <v>13286.805700000001</v>
      </c>
      <c r="W2499" s="83">
        <f>Bühler!N2531</f>
        <v>45396.041666660611</v>
      </c>
      <c r="X2499" s="83">
        <v>43205.041666666664</v>
      </c>
      <c r="Y2499">
        <v>162154.5569</v>
      </c>
      <c r="Z2499">
        <v>12497.229149999999</v>
      </c>
      <c r="AA2499">
        <v>43088.069920000002</v>
      </c>
      <c r="AB2499">
        <v>37801.098660000003</v>
      </c>
      <c r="AC2499">
        <v>34592.868869999998</v>
      </c>
      <c r="AD2499">
        <v>18136.206979999999</v>
      </c>
      <c r="AE2499">
        <v>36004.885739999998</v>
      </c>
      <c r="AF2499">
        <v>45732.705549999999</v>
      </c>
      <c r="AG2499">
        <v>18611.155989999999</v>
      </c>
      <c r="AH2499">
        <v>204124.9172</v>
      </c>
      <c r="AI2499">
        <v>68047.898270000005</v>
      </c>
      <c r="AJ2499">
        <v>22317.579140000002</v>
      </c>
      <c r="AK2499">
        <v>33264.993840000003</v>
      </c>
      <c r="AL2499">
        <v>47801.914859999997</v>
      </c>
      <c r="AM2499">
        <v>20025.637119999999</v>
      </c>
      <c r="AN2499">
        <v>75229.654460000005</v>
      </c>
      <c r="AO2499">
        <v>25007.118310000002</v>
      </c>
      <c r="AP2499">
        <v>13286.805700000001</v>
      </c>
    </row>
    <row r="2500" spans="2:42" x14ac:dyDescent="0.3">
      <c r="B2500">
        <v>40.070520446279588</v>
      </c>
      <c r="C2500" s="83">
        <v>43205.083333333336</v>
      </c>
      <c r="D2500">
        <v>162637.9155</v>
      </c>
      <c r="E2500">
        <v>12499.53298</v>
      </c>
      <c r="F2500">
        <v>43420.480219999998</v>
      </c>
      <c r="G2500">
        <v>37507.430289999997</v>
      </c>
      <c r="H2500">
        <v>34232.276760000001</v>
      </c>
      <c r="I2500">
        <v>16083.08726</v>
      </c>
      <c r="J2500">
        <v>35790.172120000003</v>
      </c>
      <c r="K2500">
        <v>44481.686009999998</v>
      </c>
      <c r="L2500">
        <v>18014.860379999998</v>
      </c>
      <c r="M2500">
        <v>204298.1998</v>
      </c>
      <c r="N2500">
        <v>67927.560240000006</v>
      </c>
      <c r="O2500">
        <v>22945.82317</v>
      </c>
      <c r="P2500">
        <v>31441.461920000002</v>
      </c>
      <c r="Q2500">
        <v>49454.575019999997</v>
      </c>
      <c r="R2500">
        <v>20259.985649999999</v>
      </c>
      <c r="S2500">
        <v>74822.588350000005</v>
      </c>
      <c r="T2500">
        <v>24331.388050000001</v>
      </c>
      <c r="U2500">
        <v>13585.08813</v>
      </c>
      <c r="W2500" s="83">
        <f>Bühler!N2532</f>
        <v>45396.083333327275</v>
      </c>
      <c r="X2500" s="83">
        <v>43205.083333333336</v>
      </c>
      <c r="Y2500">
        <v>162637.9155</v>
      </c>
      <c r="Z2500">
        <v>12499.53298</v>
      </c>
      <c r="AA2500">
        <v>43420.480219999998</v>
      </c>
      <c r="AB2500">
        <v>37507.430289999997</v>
      </c>
      <c r="AC2500">
        <v>34232.276760000001</v>
      </c>
      <c r="AD2500">
        <v>16083.08726</v>
      </c>
      <c r="AE2500">
        <v>35790.172120000003</v>
      </c>
      <c r="AF2500">
        <v>44481.686009999998</v>
      </c>
      <c r="AG2500">
        <v>18014.860379999998</v>
      </c>
      <c r="AH2500">
        <v>204298.1998</v>
      </c>
      <c r="AI2500">
        <v>67927.560240000006</v>
      </c>
      <c r="AJ2500">
        <v>22945.82317</v>
      </c>
      <c r="AK2500">
        <v>31441.461920000002</v>
      </c>
      <c r="AL2500">
        <v>49454.575019999997</v>
      </c>
      <c r="AM2500">
        <v>20259.985649999999</v>
      </c>
      <c r="AN2500">
        <v>74822.588350000005</v>
      </c>
      <c r="AO2500">
        <v>24331.388050000001</v>
      </c>
      <c r="AP2500">
        <v>13585.08813</v>
      </c>
    </row>
    <row r="2501" spans="2:42" x14ac:dyDescent="0.3">
      <c r="B2501">
        <v>40.542509067680783</v>
      </c>
      <c r="C2501" s="83">
        <v>43205.125</v>
      </c>
      <c r="D2501">
        <v>162768.9278</v>
      </c>
      <c r="E2501">
        <v>12668.69104</v>
      </c>
      <c r="F2501">
        <v>44009.62846</v>
      </c>
      <c r="G2501">
        <v>36862.019619999999</v>
      </c>
      <c r="H2501">
        <v>34423.104399999997</v>
      </c>
      <c r="I2501">
        <v>15520.73826</v>
      </c>
      <c r="J2501">
        <v>36222.954010000001</v>
      </c>
      <c r="K2501">
        <v>42772.245699999999</v>
      </c>
      <c r="L2501">
        <v>17668.345669999999</v>
      </c>
      <c r="M2501">
        <v>206704.61790000001</v>
      </c>
      <c r="N2501">
        <v>67650.159870000003</v>
      </c>
      <c r="O2501">
        <v>22581.426790000001</v>
      </c>
      <c r="P2501">
        <v>30049.972119999999</v>
      </c>
      <c r="Q2501">
        <v>52820.003960000002</v>
      </c>
      <c r="R2501">
        <v>20135.883999999998</v>
      </c>
      <c r="S2501">
        <v>74927.83339</v>
      </c>
      <c r="T2501">
        <v>24557.320759999999</v>
      </c>
      <c r="U2501">
        <v>13978.947399999999</v>
      </c>
      <c r="W2501" s="83">
        <f>Bühler!N2533</f>
        <v>45396.124999993939</v>
      </c>
      <c r="X2501" s="83">
        <v>43205.125</v>
      </c>
      <c r="Y2501">
        <v>162768.9278</v>
      </c>
      <c r="Z2501">
        <v>12668.69104</v>
      </c>
      <c r="AA2501">
        <v>44009.62846</v>
      </c>
      <c r="AB2501">
        <v>36862.019619999999</v>
      </c>
      <c r="AC2501">
        <v>34423.104399999997</v>
      </c>
      <c r="AD2501">
        <v>15520.73826</v>
      </c>
      <c r="AE2501">
        <v>36222.954010000001</v>
      </c>
      <c r="AF2501">
        <v>42772.245699999999</v>
      </c>
      <c r="AG2501">
        <v>17668.345669999999</v>
      </c>
      <c r="AH2501">
        <v>206704.61790000001</v>
      </c>
      <c r="AI2501">
        <v>67650.159870000003</v>
      </c>
      <c r="AJ2501">
        <v>22581.426790000001</v>
      </c>
      <c r="AK2501">
        <v>30049.972119999999</v>
      </c>
      <c r="AL2501">
        <v>52820.003960000002</v>
      </c>
      <c r="AM2501">
        <v>20135.883999999998</v>
      </c>
      <c r="AN2501">
        <v>74927.83339</v>
      </c>
      <c r="AO2501">
        <v>24557.320759999999</v>
      </c>
      <c r="AP2501">
        <v>13978.947399999999</v>
      </c>
    </row>
    <row r="2502" spans="2:42" x14ac:dyDescent="0.3">
      <c r="B2502">
        <v>40.630254493460797</v>
      </c>
      <c r="C2502" s="83">
        <v>43205.166666666664</v>
      </c>
      <c r="D2502">
        <v>161766.06109999999</v>
      </c>
      <c r="E2502">
        <v>12907.92326</v>
      </c>
      <c r="F2502">
        <v>44384.156860000003</v>
      </c>
      <c r="G2502">
        <v>36314.592920000003</v>
      </c>
      <c r="H2502">
        <v>34484.961179999998</v>
      </c>
      <c r="I2502">
        <v>16294.785809999999</v>
      </c>
      <c r="J2502">
        <v>38571.657659999997</v>
      </c>
      <c r="K2502">
        <v>42088.090850000001</v>
      </c>
      <c r="L2502">
        <v>17242.63766</v>
      </c>
      <c r="M2502">
        <v>207151.98499999999</v>
      </c>
      <c r="N2502">
        <v>66784.874370000005</v>
      </c>
      <c r="O2502">
        <v>22821.84621</v>
      </c>
      <c r="P2502">
        <v>28667.292750000001</v>
      </c>
      <c r="Q2502">
        <v>52770.504139999997</v>
      </c>
      <c r="R2502">
        <v>19997.934020000001</v>
      </c>
      <c r="S2502">
        <v>75820.268639999995</v>
      </c>
      <c r="T2502">
        <v>24315.305469999999</v>
      </c>
      <c r="U2502">
        <v>14170.45181</v>
      </c>
      <c r="W2502" s="83">
        <f>Bühler!N2534</f>
        <v>45396.166666660603</v>
      </c>
      <c r="X2502" s="83">
        <v>43205.166666666664</v>
      </c>
      <c r="Y2502">
        <v>161766.06109999999</v>
      </c>
      <c r="Z2502">
        <v>12907.92326</v>
      </c>
      <c r="AA2502">
        <v>44384.156860000003</v>
      </c>
      <c r="AB2502">
        <v>36314.592920000003</v>
      </c>
      <c r="AC2502">
        <v>34484.961179999998</v>
      </c>
      <c r="AD2502">
        <v>16294.785809999999</v>
      </c>
      <c r="AE2502">
        <v>38571.657659999997</v>
      </c>
      <c r="AF2502">
        <v>42088.090850000001</v>
      </c>
      <c r="AG2502">
        <v>17242.63766</v>
      </c>
      <c r="AH2502">
        <v>207151.98499999999</v>
      </c>
      <c r="AI2502">
        <v>66784.874370000005</v>
      </c>
      <c r="AJ2502">
        <v>22821.84621</v>
      </c>
      <c r="AK2502">
        <v>28667.292750000001</v>
      </c>
      <c r="AL2502">
        <v>52770.504139999997</v>
      </c>
      <c r="AM2502">
        <v>19997.934020000001</v>
      </c>
      <c r="AN2502">
        <v>75820.268639999995</v>
      </c>
      <c r="AO2502">
        <v>24315.305469999999</v>
      </c>
      <c r="AP2502">
        <v>14170.45181</v>
      </c>
    </row>
    <row r="2503" spans="2:42" x14ac:dyDescent="0.3">
      <c r="B2503">
        <v>40.665977039768741</v>
      </c>
      <c r="C2503" s="83">
        <v>43205.208333333336</v>
      </c>
      <c r="D2503">
        <v>161857.18530000001</v>
      </c>
      <c r="E2503">
        <v>13480.36383</v>
      </c>
      <c r="F2503">
        <v>46644.878219999999</v>
      </c>
      <c r="G2503">
        <v>37047.643539999997</v>
      </c>
      <c r="H2503">
        <v>35537.409240000001</v>
      </c>
      <c r="I2503">
        <v>21241.43389</v>
      </c>
      <c r="J2503">
        <v>41260.139860000003</v>
      </c>
      <c r="K2503">
        <v>41570.517890000003</v>
      </c>
      <c r="L2503">
        <v>17705.207190000001</v>
      </c>
      <c r="M2503">
        <v>207334.1152</v>
      </c>
      <c r="N2503">
        <v>66026.000249999997</v>
      </c>
      <c r="O2503">
        <v>23203.394830000001</v>
      </c>
      <c r="P2503">
        <v>29859.190750000002</v>
      </c>
      <c r="Q2503">
        <v>53005.981670000001</v>
      </c>
      <c r="R2503">
        <v>21944.60629</v>
      </c>
      <c r="S2503">
        <v>76919.190140000006</v>
      </c>
      <c r="T2503">
        <v>24991.788280000001</v>
      </c>
      <c r="U2503">
        <v>14930.811519999999</v>
      </c>
      <c r="W2503" s="83">
        <f>Bühler!N2535</f>
        <v>45396.208333327268</v>
      </c>
      <c r="X2503" s="83">
        <v>43205.208333333336</v>
      </c>
      <c r="Y2503">
        <v>161857.18530000001</v>
      </c>
      <c r="Z2503">
        <v>13480.36383</v>
      </c>
      <c r="AA2503">
        <v>46644.878219999999</v>
      </c>
      <c r="AB2503">
        <v>37047.643539999997</v>
      </c>
      <c r="AC2503">
        <v>35537.409240000001</v>
      </c>
      <c r="AD2503">
        <v>21241.43389</v>
      </c>
      <c r="AE2503">
        <v>41260.139860000003</v>
      </c>
      <c r="AF2503">
        <v>41570.517890000003</v>
      </c>
      <c r="AG2503">
        <v>17705.207190000001</v>
      </c>
      <c r="AH2503">
        <v>207334.1152</v>
      </c>
      <c r="AI2503">
        <v>66026.000249999997</v>
      </c>
      <c r="AJ2503">
        <v>23203.394830000001</v>
      </c>
      <c r="AK2503">
        <v>29859.190750000002</v>
      </c>
      <c r="AL2503">
        <v>53005.981670000001</v>
      </c>
      <c r="AM2503">
        <v>21944.60629</v>
      </c>
      <c r="AN2503">
        <v>76919.190140000006</v>
      </c>
      <c r="AO2503">
        <v>24991.788280000001</v>
      </c>
      <c r="AP2503">
        <v>14930.811519999999</v>
      </c>
    </row>
    <row r="2504" spans="2:42" x14ac:dyDescent="0.3">
      <c r="B2504">
        <v>41.019700077059262</v>
      </c>
      <c r="C2504" s="83">
        <v>43205.25</v>
      </c>
      <c r="D2504">
        <v>162891.44750000001</v>
      </c>
      <c r="E2504">
        <v>14542.668970000001</v>
      </c>
      <c r="F2504">
        <v>48718.015749999999</v>
      </c>
      <c r="G2504">
        <v>37730.472520000003</v>
      </c>
      <c r="H2504">
        <v>35315.92196</v>
      </c>
      <c r="I2504">
        <v>24207.303209999998</v>
      </c>
      <c r="J2504">
        <v>44698.459320000002</v>
      </c>
      <c r="K2504">
        <v>41574.773609999997</v>
      </c>
      <c r="L2504">
        <v>18476.294610000001</v>
      </c>
      <c r="M2504">
        <v>209137.56020000001</v>
      </c>
      <c r="N2504">
        <v>66701.616510000007</v>
      </c>
      <c r="O2504">
        <v>22587.95204</v>
      </c>
      <c r="P2504">
        <v>30769.915949999999</v>
      </c>
      <c r="Q2504">
        <v>53128.784019999999</v>
      </c>
      <c r="R2504">
        <v>16284.94569</v>
      </c>
      <c r="S2504">
        <v>82372.807430000001</v>
      </c>
      <c r="T2504">
        <v>25820.29622</v>
      </c>
      <c r="U2504">
        <v>14680.658890000001</v>
      </c>
      <c r="W2504" s="83">
        <f>Bühler!N2536</f>
        <v>45396.249999993932</v>
      </c>
      <c r="X2504" s="83">
        <v>43205.25</v>
      </c>
      <c r="Y2504">
        <v>162891.44750000001</v>
      </c>
      <c r="Z2504">
        <v>14542.668970000001</v>
      </c>
      <c r="AA2504">
        <v>48718.015749999999</v>
      </c>
      <c r="AB2504">
        <v>37730.472520000003</v>
      </c>
      <c r="AC2504">
        <v>35315.92196</v>
      </c>
      <c r="AD2504">
        <v>24207.303209999998</v>
      </c>
      <c r="AE2504">
        <v>44698.459320000002</v>
      </c>
      <c r="AF2504">
        <v>41574.773609999997</v>
      </c>
      <c r="AG2504">
        <v>18476.294610000001</v>
      </c>
      <c r="AH2504">
        <v>209137.56020000001</v>
      </c>
      <c r="AI2504">
        <v>66701.616510000007</v>
      </c>
      <c r="AJ2504">
        <v>22587.95204</v>
      </c>
      <c r="AK2504">
        <v>30769.915949999999</v>
      </c>
      <c r="AL2504">
        <v>53128.784019999999</v>
      </c>
      <c r="AM2504">
        <v>16284.94569</v>
      </c>
      <c r="AN2504">
        <v>82372.807430000001</v>
      </c>
      <c r="AO2504">
        <v>25820.29622</v>
      </c>
      <c r="AP2504">
        <v>14680.658890000001</v>
      </c>
    </row>
    <row r="2505" spans="2:42" x14ac:dyDescent="0.3">
      <c r="B2505">
        <v>40.920359576204696</v>
      </c>
      <c r="C2505" s="83">
        <v>43205.291666666664</v>
      </c>
      <c r="D2505">
        <v>162109.46309999999</v>
      </c>
      <c r="E2505">
        <v>15013.91001</v>
      </c>
      <c r="F2505">
        <v>50416.961190000002</v>
      </c>
      <c r="G2505">
        <v>37792.897409999998</v>
      </c>
      <c r="H2505">
        <v>35305.920469999997</v>
      </c>
      <c r="I2505">
        <v>26008.93751</v>
      </c>
      <c r="J2505">
        <v>44437.935550000002</v>
      </c>
      <c r="K2505">
        <v>40318.517910000002</v>
      </c>
      <c r="L2505">
        <v>20235.522079999999</v>
      </c>
      <c r="M2505">
        <v>208631.076</v>
      </c>
      <c r="N2505">
        <v>67189.782689999993</v>
      </c>
      <c r="O2505">
        <v>22734.341270000001</v>
      </c>
      <c r="P2505">
        <v>33442.973259999999</v>
      </c>
      <c r="Q2505">
        <v>52603.883170000001</v>
      </c>
      <c r="R2505">
        <v>15469.77312</v>
      </c>
      <c r="S2505">
        <v>88388.496159999995</v>
      </c>
      <c r="T2505">
        <v>24424.911250000001</v>
      </c>
      <c r="U2505">
        <v>13749.36044</v>
      </c>
      <c r="W2505" s="83">
        <f>Bühler!N2537</f>
        <v>45396.291666660596</v>
      </c>
      <c r="X2505" s="83">
        <v>43205.291666666664</v>
      </c>
      <c r="Y2505">
        <v>162109.46309999999</v>
      </c>
      <c r="Z2505">
        <v>15013.91001</v>
      </c>
      <c r="AA2505">
        <v>50416.961190000002</v>
      </c>
      <c r="AB2505">
        <v>37792.897409999998</v>
      </c>
      <c r="AC2505">
        <v>35305.920469999997</v>
      </c>
      <c r="AD2505">
        <v>26008.93751</v>
      </c>
      <c r="AE2505">
        <v>44437.935550000002</v>
      </c>
      <c r="AF2505">
        <v>40318.517910000002</v>
      </c>
      <c r="AG2505">
        <v>20235.522079999999</v>
      </c>
      <c r="AH2505">
        <v>208631.076</v>
      </c>
      <c r="AI2505">
        <v>67189.782689999993</v>
      </c>
      <c r="AJ2505">
        <v>22734.341270000001</v>
      </c>
      <c r="AK2505">
        <v>33442.973259999999</v>
      </c>
      <c r="AL2505">
        <v>52603.883170000001</v>
      </c>
      <c r="AM2505">
        <v>15469.77312</v>
      </c>
      <c r="AN2505">
        <v>88388.496159999995</v>
      </c>
      <c r="AO2505">
        <v>24424.911250000001</v>
      </c>
      <c r="AP2505">
        <v>13749.36044</v>
      </c>
    </row>
    <row r="2506" spans="2:42" x14ac:dyDescent="0.3">
      <c r="B2506">
        <v>40.614491733718985</v>
      </c>
      <c r="C2506" s="83">
        <v>43205.333333333336</v>
      </c>
      <c r="D2506">
        <v>160748.5227</v>
      </c>
      <c r="E2506">
        <v>15786.075870000001</v>
      </c>
      <c r="F2506">
        <v>51097.340029999999</v>
      </c>
      <c r="G2506">
        <v>37639.16029</v>
      </c>
      <c r="H2506">
        <v>35109.777390000003</v>
      </c>
      <c r="I2506">
        <v>25805.059280000001</v>
      </c>
      <c r="J2506">
        <v>44039.16863</v>
      </c>
      <c r="K2506">
        <v>41219.586479999998</v>
      </c>
      <c r="L2506">
        <v>22493.967400000001</v>
      </c>
      <c r="M2506">
        <v>207071.61910000001</v>
      </c>
      <c r="N2506">
        <v>68881.13291</v>
      </c>
      <c r="O2506">
        <v>22316.520369999998</v>
      </c>
      <c r="P2506">
        <v>36276.774770000004</v>
      </c>
      <c r="Q2506">
        <v>51436.212930000002</v>
      </c>
      <c r="R2506">
        <v>16341.567580000001</v>
      </c>
      <c r="S2506">
        <v>90465.375639999998</v>
      </c>
      <c r="T2506">
        <v>26294.14214</v>
      </c>
      <c r="U2506">
        <v>13422.53692</v>
      </c>
      <c r="W2506" s="83">
        <f>Bühler!N2538</f>
        <v>45396.33333332726</v>
      </c>
      <c r="X2506" s="83">
        <v>43205.333333333336</v>
      </c>
      <c r="Y2506">
        <v>160748.5227</v>
      </c>
      <c r="Z2506">
        <v>15786.075870000001</v>
      </c>
      <c r="AA2506">
        <v>51097.340029999999</v>
      </c>
      <c r="AB2506">
        <v>37639.16029</v>
      </c>
      <c r="AC2506">
        <v>35109.777390000003</v>
      </c>
      <c r="AD2506">
        <v>25805.059280000001</v>
      </c>
      <c r="AE2506">
        <v>44039.16863</v>
      </c>
      <c r="AF2506">
        <v>41219.586479999998</v>
      </c>
      <c r="AG2506">
        <v>22493.967400000001</v>
      </c>
      <c r="AH2506">
        <v>207071.61910000001</v>
      </c>
      <c r="AI2506">
        <v>68881.13291</v>
      </c>
      <c r="AJ2506">
        <v>22316.520369999998</v>
      </c>
      <c r="AK2506">
        <v>36276.774770000004</v>
      </c>
      <c r="AL2506">
        <v>51436.212930000002</v>
      </c>
      <c r="AM2506">
        <v>16341.567580000001</v>
      </c>
      <c r="AN2506">
        <v>90465.375639999998</v>
      </c>
      <c r="AO2506">
        <v>26294.14214</v>
      </c>
      <c r="AP2506">
        <v>13422.53692</v>
      </c>
    </row>
    <row r="2507" spans="2:42" x14ac:dyDescent="0.3">
      <c r="B2507">
        <v>40.636544816442068</v>
      </c>
      <c r="C2507" s="83">
        <v>43205.375</v>
      </c>
      <c r="D2507">
        <v>159467.9816</v>
      </c>
      <c r="E2507">
        <v>16302.1183</v>
      </c>
      <c r="F2507">
        <v>53041.18202</v>
      </c>
      <c r="G2507">
        <v>37292.166870000001</v>
      </c>
      <c r="H2507">
        <v>35635.672400000003</v>
      </c>
      <c r="I2507">
        <v>24872.344379999999</v>
      </c>
      <c r="J2507">
        <v>44263.083180000001</v>
      </c>
      <c r="K2507">
        <v>43059.897980000002</v>
      </c>
      <c r="L2507">
        <v>25307.192790000001</v>
      </c>
      <c r="M2507">
        <v>207184.05600000001</v>
      </c>
      <c r="N2507">
        <v>72489.064840000006</v>
      </c>
      <c r="O2507">
        <v>21411.521339999999</v>
      </c>
      <c r="P2507">
        <v>38125.995940000001</v>
      </c>
      <c r="Q2507">
        <v>51374.632310000001</v>
      </c>
      <c r="R2507">
        <v>16680.061369999999</v>
      </c>
      <c r="S2507">
        <v>90472.030960000004</v>
      </c>
      <c r="T2507">
        <v>27913.0229</v>
      </c>
      <c r="U2507">
        <v>12848.09251</v>
      </c>
      <c r="W2507" s="83">
        <f>Bühler!N2539</f>
        <v>45396.374999993925</v>
      </c>
      <c r="X2507" s="83">
        <v>43205.375</v>
      </c>
      <c r="Y2507">
        <v>159467.9816</v>
      </c>
      <c r="Z2507">
        <v>16302.1183</v>
      </c>
      <c r="AA2507">
        <v>53041.18202</v>
      </c>
      <c r="AB2507">
        <v>37292.166870000001</v>
      </c>
      <c r="AC2507">
        <v>35635.672400000003</v>
      </c>
      <c r="AD2507">
        <v>24872.344379999999</v>
      </c>
      <c r="AE2507">
        <v>44263.083180000001</v>
      </c>
      <c r="AF2507">
        <v>43059.897980000002</v>
      </c>
      <c r="AG2507">
        <v>25307.192790000001</v>
      </c>
      <c r="AH2507">
        <v>207184.05600000001</v>
      </c>
      <c r="AI2507">
        <v>72489.064840000006</v>
      </c>
      <c r="AJ2507">
        <v>21411.521339999999</v>
      </c>
      <c r="AK2507">
        <v>38125.995940000001</v>
      </c>
      <c r="AL2507">
        <v>51374.632310000001</v>
      </c>
      <c r="AM2507">
        <v>16680.061369999999</v>
      </c>
      <c r="AN2507">
        <v>90472.030960000004</v>
      </c>
      <c r="AO2507">
        <v>27913.0229</v>
      </c>
      <c r="AP2507">
        <v>12848.09251</v>
      </c>
    </row>
    <row r="2508" spans="2:42" x14ac:dyDescent="0.3">
      <c r="B2508">
        <v>40.736234912622059</v>
      </c>
      <c r="C2508" s="83">
        <v>43205.416666666664</v>
      </c>
      <c r="D2508">
        <v>158372.30050000001</v>
      </c>
      <c r="E2508">
        <v>16603.68849</v>
      </c>
      <c r="F2508">
        <v>53369.48257</v>
      </c>
      <c r="G2508">
        <v>36892.462010000003</v>
      </c>
      <c r="H2508">
        <v>35350.670890000001</v>
      </c>
      <c r="I2508">
        <v>23944.281149999999</v>
      </c>
      <c r="J2508">
        <v>42024.716769999999</v>
      </c>
      <c r="K2508">
        <v>45030.561520000003</v>
      </c>
      <c r="L2508">
        <v>27802.631020000001</v>
      </c>
      <c r="M2508">
        <v>207692.32260000001</v>
      </c>
      <c r="N2508">
        <v>73570.081340000004</v>
      </c>
      <c r="O2508">
        <v>21538.147949999999</v>
      </c>
      <c r="P2508">
        <v>39933.609259999997</v>
      </c>
      <c r="Q2508">
        <v>51251.47782</v>
      </c>
      <c r="R2508">
        <v>17134.470890000001</v>
      </c>
      <c r="S2508">
        <v>90076.782980000004</v>
      </c>
      <c r="T2508">
        <v>28854.446800000002</v>
      </c>
      <c r="U2508">
        <v>12540.73517</v>
      </c>
      <c r="W2508" s="83">
        <f>Bühler!N2540</f>
        <v>45396.416666660589</v>
      </c>
      <c r="X2508" s="83">
        <v>43205.416666666664</v>
      </c>
      <c r="Y2508">
        <v>158372.30050000001</v>
      </c>
      <c r="Z2508">
        <v>16603.68849</v>
      </c>
      <c r="AA2508">
        <v>53369.48257</v>
      </c>
      <c r="AB2508">
        <v>36892.462010000003</v>
      </c>
      <c r="AC2508">
        <v>35350.670890000001</v>
      </c>
      <c r="AD2508">
        <v>23944.281149999999</v>
      </c>
      <c r="AE2508">
        <v>42024.716769999999</v>
      </c>
      <c r="AF2508">
        <v>45030.561520000003</v>
      </c>
      <c r="AG2508">
        <v>27802.631020000001</v>
      </c>
      <c r="AH2508">
        <v>207692.32260000001</v>
      </c>
      <c r="AI2508">
        <v>73570.081340000004</v>
      </c>
      <c r="AJ2508">
        <v>21538.147949999999</v>
      </c>
      <c r="AK2508">
        <v>39933.609259999997</v>
      </c>
      <c r="AL2508">
        <v>51251.47782</v>
      </c>
      <c r="AM2508">
        <v>17134.470890000001</v>
      </c>
      <c r="AN2508">
        <v>90076.782980000004</v>
      </c>
      <c r="AO2508">
        <v>28854.446800000002</v>
      </c>
      <c r="AP2508">
        <v>12540.73517</v>
      </c>
    </row>
    <row r="2509" spans="2:42" x14ac:dyDescent="0.3">
      <c r="B2509">
        <v>41.210540387603857</v>
      </c>
      <c r="C2509" s="83">
        <v>43205.458333333336</v>
      </c>
      <c r="D2509">
        <v>157372.10449999999</v>
      </c>
      <c r="E2509">
        <v>16418.25044</v>
      </c>
      <c r="F2509">
        <v>53731.477030000002</v>
      </c>
      <c r="G2509">
        <v>36926.543400000002</v>
      </c>
      <c r="H2509">
        <v>35787.749499999998</v>
      </c>
      <c r="I2509">
        <v>23570.838589999999</v>
      </c>
      <c r="J2509">
        <v>40779.468589999997</v>
      </c>
      <c r="K2509">
        <v>46044.068469999998</v>
      </c>
      <c r="L2509">
        <v>28616.84087</v>
      </c>
      <c r="M2509">
        <v>210110.55309999999</v>
      </c>
      <c r="N2509">
        <v>73076.894490000006</v>
      </c>
      <c r="O2509">
        <v>21480.583460000002</v>
      </c>
      <c r="P2509">
        <v>39480.069900000002</v>
      </c>
      <c r="Q2509">
        <v>50532.561869999998</v>
      </c>
      <c r="R2509">
        <v>19190.51023</v>
      </c>
      <c r="S2509">
        <v>92048.639779999998</v>
      </c>
      <c r="T2509">
        <v>29020.2549</v>
      </c>
      <c r="U2509">
        <v>12005.234109999999</v>
      </c>
      <c r="W2509" s="83">
        <f>Bühler!N2541</f>
        <v>45396.458333327253</v>
      </c>
      <c r="X2509" s="83">
        <v>43205.458333333336</v>
      </c>
      <c r="Y2509">
        <v>157372.10449999999</v>
      </c>
      <c r="Z2509">
        <v>16418.25044</v>
      </c>
      <c r="AA2509">
        <v>53731.477030000002</v>
      </c>
      <c r="AB2509">
        <v>36926.543400000002</v>
      </c>
      <c r="AC2509">
        <v>35787.749499999998</v>
      </c>
      <c r="AD2509">
        <v>23570.838589999999</v>
      </c>
      <c r="AE2509">
        <v>40779.468589999997</v>
      </c>
      <c r="AF2509">
        <v>46044.068469999998</v>
      </c>
      <c r="AG2509">
        <v>28616.84087</v>
      </c>
      <c r="AH2509">
        <v>210110.55309999999</v>
      </c>
      <c r="AI2509">
        <v>73076.894490000006</v>
      </c>
      <c r="AJ2509">
        <v>21480.583460000002</v>
      </c>
      <c r="AK2509">
        <v>39480.069900000002</v>
      </c>
      <c r="AL2509">
        <v>50532.561869999998</v>
      </c>
      <c r="AM2509">
        <v>19190.51023</v>
      </c>
      <c r="AN2509">
        <v>92048.639779999998</v>
      </c>
      <c r="AO2509">
        <v>29020.2549</v>
      </c>
      <c r="AP2509">
        <v>12005.234109999999</v>
      </c>
    </row>
    <row r="2510" spans="2:42" x14ac:dyDescent="0.3">
      <c r="B2510">
        <v>41.362331308263961</v>
      </c>
      <c r="C2510" s="83">
        <v>43205.5</v>
      </c>
      <c r="D2510">
        <v>156275.8701</v>
      </c>
      <c r="E2510">
        <v>16173.00697</v>
      </c>
      <c r="F2510">
        <v>51327.136930000001</v>
      </c>
      <c r="G2510">
        <v>36831.837670000001</v>
      </c>
      <c r="H2510">
        <v>34938.129399999998</v>
      </c>
      <c r="I2510">
        <v>23683.518670000001</v>
      </c>
      <c r="J2510">
        <v>41361.200449999997</v>
      </c>
      <c r="K2510">
        <v>47020.750359999998</v>
      </c>
      <c r="L2510">
        <v>30143.544999999998</v>
      </c>
      <c r="M2510">
        <v>210884.454</v>
      </c>
      <c r="N2510">
        <v>71230.742060000004</v>
      </c>
      <c r="O2510">
        <v>20581.78499</v>
      </c>
      <c r="P2510">
        <v>38734.342830000001</v>
      </c>
      <c r="Q2510">
        <v>48840.781110000004</v>
      </c>
      <c r="R2510">
        <v>17827.26339</v>
      </c>
      <c r="S2510">
        <v>87351.763500000001</v>
      </c>
      <c r="T2510">
        <v>28691.290550000002</v>
      </c>
      <c r="U2510">
        <v>11196.469359999999</v>
      </c>
      <c r="W2510" s="83">
        <f>Bühler!N2542</f>
        <v>45396.499999993917</v>
      </c>
      <c r="X2510" s="83">
        <v>43205.5</v>
      </c>
      <c r="Y2510">
        <v>156275.8701</v>
      </c>
      <c r="Z2510">
        <v>16173.00697</v>
      </c>
      <c r="AA2510">
        <v>51327.136930000001</v>
      </c>
      <c r="AB2510">
        <v>36831.837670000001</v>
      </c>
      <c r="AC2510">
        <v>34938.129399999998</v>
      </c>
      <c r="AD2510">
        <v>23683.518670000001</v>
      </c>
      <c r="AE2510">
        <v>41361.200449999997</v>
      </c>
      <c r="AF2510">
        <v>47020.750359999998</v>
      </c>
      <c r="AG2510">
        <v>30143.544999999998</v>
      </c>
      <c r="AH2510">
        <v>210884.454</v>
      </c>
      <c r="AI2510">
        <v>71230.742060000004</v>
      </c>
      <c r="AJ2510">
        <v>20581.78499</v>
      </c>
      <c r="AK2510">
        <v>38734.342830000001</v>
      </c>
      <c r="AL2510">
        <v>48840.781110000004</v>
      </c>
      <c r="AM2510">
        <v>17827.26339</v>
      </c>
      <c r="AN2510">
        <v>87351.763500000001</v>
      </c>
      <c r="AO2510">
        <v>28691.290550000002</v>
      </c>
      <c r="AP2510">
        <v>11196.469359999999</v>
      </c>
    </row>
    <row r="2511" spans="2:42" x14ac:dyDescent="0.3">
      <c r="B2511">
        <v>41.209506723822138</v>
      </c>
      <c r="C2511" s="83">
        <v>43205.541666666664</v>
      </c>
      <c r="D2511">
        <v>155972.8841</v>
      </c>
      <c r="E2511">
        <v>15869.59942</v>
      </c>
      <c r="F2511">
        <v>47850.755660000003</v>
      </c>
      <c r="G2511">
        <v>36287.893980000001</v>
      </c>
      <c r="H2511">
        <v>34498.132720000001</v>
      </c>
      <c r="I2511">
        <v>24102.485390000002</v>
      </c>
      <c r="J2511">
        <v>40301.297760000001</v>
      </c>
      <c r="K2511">
        <v>46003.265429999999</v>
      </c>
      <c r="L2511">
        <v>30130.750970000001</v>
      </c>
      <c r="M2511">
        <v>210105.283</v>
      </c>
      <c r="N2511">
        <v>70005.098129999998</v>
      </c>
      <c r="O2511">
        <v>19882.920559999999</v>
      </c>
      <c r="P2511">
        <v>37759.9689</v>
      </c>
      <c r="Q2511">
        <v>48182.920230000003</v>
      </c>
      <c r="R2511">
        <v>18092.909230000001</v>
      </c>
      <c r="S2511">
        <v>87746.685230000003</v>
      </c>
      <c r="T2511">
        <v>28140.02507</v>
      </c>
      <c r="U2511">
        <v>11294.521720000001</v>
      </c>
      <c r="W2511" s="83">
        <f>Bühler!N2543</f>
        <v>45396.541666660582</v>
      </c>
      <c r="X2511" s="83">
        <v>43205.541666666664</v>
      </c>
      <c r="Y2511">
        <v>155972.8841</v>
      </c>
      <c r="Z2511">
        <v>15869.59942</v>
      </c>
      <c r="AA2511">
        <v>47850.755660000003</v>
      </c>
      <c r="AB2511">
        <v>36287.893980000001</v>
      </c>
      <c r="AC2511">
        <v>34498.132720000001</v>
      </c>
      <c r="AD2511">
        <v>24102.485390000002</v>
      </c>
      <c r="AE2511">
        <v>40301.297760000001</v>
      </c>
      <c r="AF2511">
        <v>46003.265429999999</v>
      </c>
      <c r="AG2511">
        <v>30130.750970000001</v>
      </c>
      <c r="AH2511">
        <v>210105.283</v>
      </c>
      <c r="AI2511">
        <v>70005.098129999998</v>
      </c>
      <c r="AJ2511">
        <v>19882.920559999999</v>
      </c>
      <c r="AK2511">
        <v>37759.9689</v>
      </c>
      <c r="AL2511">
        <v>48182.920230000003</v>
      </c>
      <c r="AM2511">
        <v>18092.909230000001</v>
      </c>
      <c r="AN2511">
        <v>87746.685230000003</v>
      </c>
      <c r="AO2511">
        <v>28140.02507</v>
      </c>
      <c r="AP2511">
        <v>11294.521720000001</v>
      </c>
    </row>
    <row r="2512" spans="2:42" x14ac:dyDescent="0.3">
      <c r="B2512">
        <v>41.187391798972648</v>
      </c>
      <c r="C2512" s="83">
        <v>43205.583333333336</v>
      </c>
      <c r="D2512">
        <v>155652.3296</v>
      </c>
      <c r="E2512">
        <v>15825.18312</v>
      </c>
      <c r="F2512">
        <v>47971.045039999997</v>
      </c>
      <c r="G2512">
        <v>35762.725469999998</v>
      </c>
      <c r="H2512">
        <v>34060.780339999998</v>
      </c>
      <c r="I2512">
        <v>23935.751120000001</v>
      </c>
      <c r="J2512">
        <v>38966.385909999997</v>
      </c>
      <c r="K2512">
        <v>45892.937859999998</v>
      </c>
      <c r="L2512">
        <v>28453.71962</v>
      </c>
      <c r="M2512">
        <v>209992.53080000001</v>
      </c>
      <c r="N2512">
        <v>70912.016560000004</v>
      </c>
      <c r="O2512">
        <v>19389.034930000002</v>
      </c>
      <c r="P2512">
        <v>33766.887889999998</v>
      </c>
      <c r="Q2512">
        <v>48183.15524</v>
      </c>
      <c r="R2512">
        <v>18119.79736</v>
      </c>
      <c r="S2512">
        <v>85040.795360000004</v>
      </c>
      <c r="T2512">
        <v>27448.006669999999</v>
      </c>
      <c r="U2512">
        <v>11061.58063</v>
      </c>
      <c r="W2512" s="83">
        <f>Bühler!N2544</f>
        <v>45396.583333327246</v>
      </c>
      <c r="X2512" s="83">
        <v>43205.583333333336</v>
      </c>
      <c r="Y2512">
        <v>155652.3296</v>
      </c>
      <c r="Z2512">
        <v>15825.18312</v>
      </c>
      <c r="AA2512">
        <v>47971.045039999997</v>
      </c>
      <c r="AB2512">
        <v>35762.725469999998</v>
      </c>
      <c r="AC2512">
        <v>34060.780339999998</v>
      </c>
      <c r="AD2512">
        <v>23935.751120000001</v>
      </c>
      <c r="AE2512">
        <v>38966.385909999997</v>
      </c>
      <c r="AF2512">
        <v>45892.937859999998</v>
      </c>
      <c r="AG2512">
        <v>28453.71962</v>
      </c>
      <c r="AH2512">
        <v>209992.53080000001</v>
      </c>
      <c r="AI2512">
        <v>70912.016560000004</v>
      </c>
      <c r="AJ2512">
        <v>19389.034930000002</v>
      </c>
      <c r="AK2512">
        <v>33766.887889999998</v>
      </c>
      <c r="AL2512">
        <v>48183.15524</v>
      </c>
      <c r="AM2512">
        <v>18119.79736</v>
      </c>
      <c r="AN2512">
        <v>85040.795360000004</v>
      </c>
      <c r="AO2512">
        <v>27448.006669999999</v>
      </c>
      <c r="AP2512">
        <v>11061.58063</v>
      </c>
    </row>
    <row r="2513" spans="2:42" x14ac:dyDescent="0.3">
      <c r="B2513">
        <v>41.505047499996422</v>
      </c>
      <c r="C2513" s="83">
        <v>43205.625</v>
      </c>
      <c r="D2513">
        <v>155498.55230000001</v>
      </c>
      <c r="E2513">
        <v>15761.09375</v>
      </c>
      <c r="F2513">
        <v>48098.452960000002</v>
      </c>
      <c r="G2513">
        <v>35625.216809999998</v>
      </c>
      <c r="H2513">
        <v>33970.538330000003</v>
      </c>
      <c r="I2513">
        <v>24199.248370000001</v>
      </c>
      <c r="J2513">
        <v>38279.823680000001</v>
      </c>
      <c r="K2513">
        <v>45275.777719999998</v>
      </c>
      <c r="L2513">
        <v>26830.51109</v>
      </c>
      <c r="M2513">
        <v>211612.0877</v>
      </c>
      <c r="N2513">
        <v>70646.313280000002</v>
      </c>
      <c r="O2513">
        <v>19052.368259999999</v>
      </c>
      <c r="P2513">
        <v>31179.201379999999</v>
      </c>
      <c r="Q2513">
        <v>48431.986929999999</v>
      </c>
      <c r="R2513">
        <v>18121.022550000002</v>
      </c>
      <c r="S2513">
        <v>84315.871100000004</v>
      </c>
      <c r="T2513">
        <v>27182.650160000001</v>
      </c>
      <c r="U2513">
        <v>10270.317349999999</v>
      </c>
      <c r="W2513" s="83">
        <f>Bühler!N2545</f>
        <v>45396.62499999391</v>
      </c>
      <c r="X2513" s="83">
        <v>43205.625</v>
      </c>
      <c r="Y2513">
        <v>155498.55230000001</v>
      </c>
      <c r="Z2513">
        <v>15761.09375</v>
      </c>
      <c r="AA2513">
        <v>48098.452960000002</v>
      </c>
      <c r="AB2513">
        <v>35625.216809999998</v>
      </c>
      <c r="AC2513">
        <v>33970.538330000003</v>
      </c>
      <c r="AD2513">
        <v>24199.248370000001</v>
      </c>
      <c r="AE2513">
        <v>38279.823680000001</v>
      </c>
      <c r="AF2513">
        <v>45275.777719999998</v>
      </c>
      <c r="AG2513">
        <v>26830.51109</v>
      </c>
      <c r="AH2513">
        <v>211612.0877</v>
      </c>
      <c r="AI2513">
        <v>70646.313280000002</v>
      </c>
      <c r="AJ2513">
        <v>19052.368259999999</v>
      </c>
      <c r="AK2513">
        <v>31179.201379999999</v>
      </c>
      <c r="AL2513">
        <v>48431.986929999999</v>
      </c>
      <c r="AM2513">
        <v>18121.022550000002</v>
      </c>
      <c r="AN2513">
        <v>84315.871100000004</v>
      </c>
      <c r="AO2513">
        <v>27182.650160000001</v>
      </c>
      <c r="AP2513">
        <v>10270.317349999999</v>
      </c>
    </row>
    <row r="2514" spans="2:42" x14ac:dyDescent="0.3">
      <c r="B2514">
        <v>41.255373006801328</v>
      </c>
      <c r="C2514" s="83">
        <v>43205.666666666664</v>
      </c>
      <c r="D2514">
        <v>155763.16519999999</v>
      </c>
      <c r="E2514">
        <v>15812.4769</v>
      </c>
      <c r="F2514">
        <v>48097.328300000001</v>
      </c>
      <c r="G2514">
        <v>35737.19988</v>
      </c>
      <c r="H2514">
        <v>33391.965400000001</v>
      </c>
      <c r="I2514">
        <v>24245.505700000002</v>
      </c>
      <c r="J2514">
        <v>37638.109819999998</v>
      </c>
      <c r="K2514">
        <v>44197.570890000003</v>
      </c>
      <c r="L2514">
        <v>25959.170580000002</v>
      </c>
      <c r="M2514">
        <v>210339.13070000001</v>
      </c>
      <c r="N2514">
        <v>68989.458859999999</v>
      </c>
      <c r="O2514">
        <v>19065.16418</v>
      </c>
      <c r="P2514">
        <v>29551.82921</v>
      </c>
      <c r="Q2514">
        <v>48397.790249999998</v>
      </c>
      <c r="R2514">
        <v>18246.019250000001</v>
      </c>
      <c r="S2514">
        <v>84602.759860000006</v>
      </c>
      <c r="T2514">
        <v>26445.111260000001</v>
      </c>
      <c r="U2514">
        <v>10407.63826</v>
      </c>
      <c r="W2514" s="83">
        <f>Bühler!N2546</f>
        <v>45396.666666660574</v>
      </c>
      <c r="X2514" s="83">
        <v>43205.666666666664</v>
      </c>
      <c r="Y2514">
        <v>155763.16519999999</v>
      </c>
      <c r="Z2514">
        <v>15812.4769</v>
      </c>
      <c r="AA2514">
        <v>48097.328300000001</v>
      </c>
      <c r="AB2514">
        <v>35737.19988</v>
      </c>
      <c r="AC2514">
        <v>33391.965400000001</v>
      </c>
      <c r="AD2514">
        <v>24245.505700000002</v>
      </c>
      <c r="AE2514">
        <v>37638.109819999998</v>
      </c>
      <c r="AF2514">
        <v>44197.570890000003</v>
      </c>
      <c r="AG2514">
        <v>25959.170580000002</v>
      </c>
      <c r="AH2514">
        <v>210339.13070000001</v>
      </c>
      <c r="AI2514">
        <v>68989.458859999999</v>
      </c>
      <c r="AJ2514">
        <v>19065.16418</v>
      </c>
      <c r="AK2514">
        <v>29551.82921</v>
      </c>
      <c r="AL2514">
        <v>48397.790249999998</v>
      </c>
      <c r="AM2514">
        <v>18246.019250000001</v>
      </c>
      <c r="AN2514">
        <v>84602.759860000006</v>
      </c>
      <c r="AO2514">
        <v>26445.111260000001</v>
      </c>
      <c r="AP2514">
        <v>10407.63826</v>
      </c>
    </row>
    <row r="2515" spans="2:42" x14ac:dyDescent="0.3">
      <c r="B2515">
        <v>41.081896819909261</v>
      </c>
      <c r="C2515" s="83">
        <v>43205.708333333336</v>
      </c>
      <c r="D2515">
        <v>156994.9614</v>
      </c>
      <c r="E2515">
        <v>15691.789140000001</v>
      </c>
      <c r="F2515">
        <v>48213.588680000001</v>
      </c>
      <c r="G2515">
        <v>35841.932889999996</v>
      </c>
      <c r="H2515">
        <v>33630.005279999998</v>
      </c>
      <c r="I2515">
        <v>24452.957490000001</v>
      </c>
      <c r="J2515">
        <v>38233.060740000001</v>
      </c>
      <c r="K2515">
        <v>44464.07847</v>
      </c>
      <c r="L2515">
        <v>25593.969730000001</v>
      </c>
      <c r="M2515">
        <v>209454.66819999999</v>
      </c>
      <c r="N2515">
        <v>65853.315520000004</v>
      </c>
      <c r="O2515">
        <v>19318.455160000001</v>
      </c>
      <c r="P2515">
        <v>30378.897550000002</v>
      </c>
      <c r="Q2515">
        <v>49013.623220000001</v>
      </c>
      <c r="R2515">
        <v>20177.18579</v>
      </c>
      <c r="S2515">
        <v>86884.390280000007</v>
      </c>
      <c r="T2515">
        <v>26139.63941</v>
      </c>
      <c r="U2515">
        <v>10603.21333</v>
      </c>
      <c r="W2515" s="83">
        <f>Bühler!N2547</f>
        <v>45396.708333327239</v>
      </c>
      <c r="X2515" s="83">
        <v>43205.708333333336</v>
      </c>
      <c r="Y2515">
        <v>156994.9614</v>
      </c>
      <c r="Z2515">
        <v>15691.789140000001</v>
      </c>
      <c r="AA2515">
        <v>48213.588680000001</v>
      </c>
      <c r="AB2515">
        <v>35841.932889999996</v>
      </c>
      <c r="AC2515">
        <v>33630.005279999998</v>
      </c>
      <c r="AD2515">
        <v>24452.957490000001</v>
      </c>
      <c r="AE2515">
        <v>38233.060740000001</v>
      </c>
      <c r="AF2515">
        <v>44464.07847</v>
      </c>
      <c r="AG2515">
        <v>25593.969730000001</v>
      </c>
      <c r="AH2515">
        <v>209454.66819999999</v>
      </c>
      <c r="AI2515">
        <v>65853.315520000004</v>
      </c>
      <c r="AJ2515">
        <v>19318.455160000001</v>
      </c>
      <c r="AK2515">
        <v>30378.897550000002</v>
      </c>
      <c r="AL2515">
        <v>49013.623220000001</v>
      </c>
      <c r="AM2515">
        <v>20177.18579</v>
      </c>
      <c r="AN2515">
        <v>86884.390280000007</v>
      </c>
      <c r="AO2515">
        <v>26139.63941</v>
      </c>
      <c r="AP2515">
        <v>10603.21333</v>
      </c>
    </row>
    <row r="2516" spans="2:42" x14ac:dyDescent="0.3">
      <c r="B2516">
        <v>41.046992578503257</v>
      </c>
      <c r="C2516" s="83">
        <v>43205.75</v>
      </c>
      <c r="D2516">
        <v>157981.6275</v>
      </c>
      <c r="E2516">
        <v>15282.361940000001</v>
      </c>
      <c r="F2516">
        <v>48981.377690000001</v>
      </c>
      <c r="G2516">
        <v>35851.881730000001</v>
      </c>
      <c r="H2516">
        <v>33170.486040000003</v>
      </c>
      <c r="I2516">
        <v>24163.25995</v>
      </c>
      <c r="J2516">
        <v>38799.589419999997</v>
      </c>
      <c r="K2516">
        <v>44795.37113</v>
      </c>
      <c r="L2516">
        <v>26109.132430000001</v>
      </c>
      <c r="M2516">
        <v>209276.7101</v>
      </c>
      <c r="N2516">
        <v>66324.786519999994</v>
      </c>
      <c r="O2516">
        <v>18986.044170000001</v>
      </c>
      <c r="P2516">
        <v>31838.46155</v>
      </c>
      <c r="Q2516">
        <v>49905.38639</v>
      </c>
      <c r="R2516">
        <v>18673.943370000001</v>
      </c>
      <c r="S2516">
        <v>83953.447639999999</v>
      </c>
      <c r="T2516">
        <v>25785.596890000001</v>
      </c>
      <c r="U2516">
        <v>11031.508900000001</v>
      </c>
      <c r="W2516" s="83">
        <f>Bühler!N2548</f>
        <v>45396.749999993903</v>
      </c>
      <c r="X2516" s="83">
        <v>43205.75</v>
      </c>
      <c r="Y2516">
        <v>157981.6275</v>
      </c>
      <c r="Z2516">
        <v>15282.361940000001</v>
      </c>
      <c r="AA2516">
        <v>48981.377690000001</v>
      </c>
      <c r="AB2516">
        <v>35851.881730000001</v>
      </c>
      <c r="AC2516">
        <v>33170.486040000003</v>
      </c>
      <c r="AD2516">
        <v>24163.25995</v>
      </c>
      <c r="AE2516">
        <v>38799.589419999997</v>
      </c>
      <c r="AF2516">
        <v>44795.37113</v>
      </c>
      <c r="AG2516">
        <v>26109.132430000001</v>
      </c>
      <c r="AH2516">
        <v>209276.7101</v>
      </c>
      <c r="AI2516">
        <v>66324.786519999994</v>
      </c>
      <c r="AJ2516">
        <v>18986.044170000001</v>
      </c>
      <c r="AK2516">
        <v>31838.46155</v>
      </c>
      <c r="AL2516">
        <v>49905.38639</v>
      </c>
      <c r="AM2516">
        <v>18673.943370000001</v>
      </c>
      <c r="AN2516">
        <v>83953.447639999999</v>
      </c>
      <c r="AO2516">
        <v>25785.596890000001</v>
      </c>
      <c r="AP2516">
        <v>11031.508900000001</v>
      </c>
    </row>
    <row r="2517" spans="2:42" x14ac:dyDescent="0.3">
      <c r="B2517">
        <v>41.05113386307471</v>
      </c>
      <c r="C2517" s="83">
        <v>43205.791666666664</v>
      </c>
      <c r="D2517">
        <v>158940.2096</v>
      </c>
      <c r="E2517">
        <v>14234.69764</v>
      </c>
      <c r="F2517">
        <v>48253.416920000003</v>
      </c>
      <c r="G2517">
        <v>36150.448649999998</v>
      </c>
      <c r="H2517">
        <v>33228.846660000003</v>
      </c>
      <c r="I2517">
        <v>23678.441650000001</v>
      </c>
      <c r="J2517">
        <v>38568.723140000002</v>
      </c>
      <c r="K2517">
        <v>45734.743949999996</v>
      </c>
      <c r="L2517">
        <v>27713.905360000001</v>
      </c>
      <c r="M2517">
        <v>209297.82430000001</v>
      </c>
      <c r="N2517">
        <v>67618.183590000001</v>
      </c>
      <c r="O2517">
        <v>18993.32504</v>
      </c>
      <c r="P2517">
        <v>32699.238669999999</v>
      </c>
      <c r="Q2517">
        <v>50095.281049999998</v>
      </c>
      <c r="R2517">
        <v>18148.63737</v>
      </c>
      <c r="S2517">
        <v>82622.367180000001</v>
      </c>
      <c r="T2517">
        <v>25218.366610000001</v>
      </c>
      <c r="U2517">
        <v>11344.88956</v>
      </c>
      <c r="W2517" s="83">
        <f>Bühler!N2549</f>
        <v>45396.791666660567</v>
      </c>
      <c r="X2517" s="83">
        <v>43205.791666666664</v>
      </c>
      <c r="Y2517">
        <v>158940.2096</v>
      </c>
      <c r="Z2517">
        <v>14234.69764</v>
      </c>
      <c r="AA2517">
        <v>48253.416920000003</v>
      </c>
      <c r="AB2517">
        <v>36150.448649999998</v>
      </c>
      <c r="AC2517">
        <v>33228.846660000003</v>
      </c>
      <c r="AD2517">
        <v>23678.441650000001</v>
      </c>
      <c r="AE2517">
        <v>38568.723140000002</v>
      </c>
      <c r="AF2517">
        <v>45734.743949999996</v>
      </c>
      <c r="AG2517">
        <v>27713.905360000001</v>
      </c>
      <c r="AH2517">
        <v>209297.82430000001</v>
      </c>
      <c r="AI2517">
        <v>67618.183590000001</v>
      </c>
      <c r="AJ2517">
        <v>18993.32504</v>
      </c>
      <c r="AK2517">
        <v>32699.238669999999</v>
      </c>
      <c r="AL2517">
        <v>50095.281049999998</v>
      </c>
      <c r="AM2517">
        <v>18148.63737</v>
      </c>
      <c r="AN2517">
        <v>82622.367180000001</v>
      </c>
      <c r="AO2517">
        <v>25218.366610000001</v>
      </c>
      <c r="AP2517">
        <v>11344.88956</v>
      </c>
    </row>
    <row r="2518" spans="2:42" x14ac:dyDescent="0.3">
      <c r="B2518">
        <v>41.405285048724672</v>
      </c>
      <c r="C2518" s="83">
        <v>43205.833333333336</v>
      </c>
      <c r="D2518">
        <v>160247.00570000001</v>
      </c>
      <c r="E2518">
        <v>13308.113380000001</v>
      </c>
      <c r="F2518">
        <v>46674.45448</v>
      </c>
      <c r="G2518">
        <v>37169.752099999998</v>
      </c>
      <c r="H2518">
        <v>33223.749349999998</v>
      </c>
      <c r="I2518">
        <v>23595.86519</v>
      </c>
      <c r="J2518">
        <v>40639.442069999997</v>
      </c>
      <c r="K2518">
        <v>46123.652759999997</v>
      </c>
      <c r="L2518">
        <v>27452.082640000001</v>
      </c>
      <c r="M2518">
        <v>211103.4522</v>
      </c>
      <c r="N2518">
        <v>68965.556660000002</v>
      </c>
      <c r="O2518">
        <v>19194.597740000001</v>
      </c>
      <c r="P2518">
        <v>32659.3344</v>
      </c>
      <c r="Q2518">
        <v>51230.317419999999</v>
      </c>
      <c r="R2518">
        <v>18969.256839999998</v>
      </c>
      <c r="S2518">
        <v>78652.533450000003</v>
      </c>
      <c r="T2518">
        <v>23443.202860000001</v>
      </c>
      <c r="U2518">
        <v>11800.4655</v>
      </c>
      <c r="W2518" s="83">
        <f>Bühler!N2550</f>
        <v>45396.833333327231</v>
      </c>
      <c r="X2518" s="83">
        <v>43205.833333333336</v>
      </c>
      <c r="Y2518">
        <v>160247.00570000001</v>
      </c>
      <c r="Z2518">
        <v>13308.113380000001</v>
      </c>
      <c r="AA2518">
        <v>46674.45448</v>
      </c>
      <c r="AB2518">
        <v>37169.752099999998</v>
      </c>
      <c r="AC2518">
        <v>33223.749349999998</v>
      </c>
      <c r="AD2518">
        <v>23595.86519</v>
      </c>
      <c r="AE2518">
        <v>40639.442069999997</v>
      </c>
      <c r="AF2518">
        <v>46123.652759999997</v>
      </c>
      <c r="AG2518">
        <v>27452.082640000001</v>
      </c>
      <c r="AH2518">
        <v>211103.4522</v>
      </c>
      <c r="AI2518">
        <v>68965.556660000002</v>
      </c>
      <c r="AJ2518">
        <v>19194.597740000001</v>
      </c>
      <c r="AK2518">
        <v>32659.3344</v>
      </c>
      <c r="AL2518">
        <v>51230.317419999999</v>
      </c>
      <c r="AM2518">
        <v>18969.256839999998</v>
      </c>
      <c r="AN2518">
        <v>78652.533450000003</v>
      </c>
      <c r="AO2518">
        <v>23443.202860000001</v>
      </c>
      <c r="AP2518">
        <v>11800.4655</v>
      </c>
    </row>
    <row r="2519" spans="2:42" x14ac:dyDescent="0.3">
      <c r="B2519">
        <v>42.445842334813392</v>
      </c>
      <c r="C2519" s="83">
        <v>43205.875</v>
      </c>
      <c r="D2519">
        <v>164055.56890000001</v>
      </c>
      <c r="E2519">
        <v>12795.05017</v>
      </c>
      <c r="F2519">
        <v>45643.177730000003</v>
      </c>
      <c r="G2519">
        <v>37576.31467</v>
      </c>
      <c r="H2519">
        <v>34285.738619999996</v>
      </c>
      <c r="I2519">
        <v>23549.944780000002</v>
      </c>
      <c r="J2519">
        <v>41746.460910000002</v>
      </c>
      <c r="K2519">
        <v>46360.573530000001</v>
      </c>
      <c r="L2519">
        <v>25700.775799999999</v>
      </c>
      <c r="M2519">
        <v>216408.6985</v>
      </c>
      <c r="N2519">
        <v>69476.501350000006</v>
      </c>
      <c r="O2519">
        <v>19751.506430000001</v>
      </c>
      <c r="P2519">
        <v>33324.846440000001</v>
      </c>
      <c r="Q2519">
        <v>53615.346210000003</v>
      </c>
      <c r="R2519">
        <v>19025.57863</v>
      </c>
      <c r="S2519">
        <v>77991.052970000004</v>
      </c>
      <c r="T2519">
        <v>22742.265350000001</v>
      </c>
      <c r="U2519">
        <v>12890.225769999999</v>
      </c>
      <c r="W2519" s="83">
        <f>Bühler!N2551</f>
        <v>45396.874999993895</v>
      </c>
      <c r="X2519" s="83">
        <v>43205.875</v>
      </c>
      <c r="Y2519">
        <v>164055.56890000001</v>
      </c>
      <c r="Z2519">
        <v>12795.05017</v>
      </c>
      <c r="AA2519">
        <v>45643.177730000003</v>
      </c>
      <c r="AB2519">
        <v>37576.31467</v>
      </c>
      <c r="AC2519">
        <v>34285.738619999996</v>
      </c>
      <c r="AD2519">
        <v>23549.944780000002</v>
      </c>
      <c r="AE2519">
        <v>41746.460910000002</v>
      </c>
      <c r="AF2519">
        <v>46360.573530000001</v>
      </c>
      <c r="AG2519">
        <v>25700.775799999999</v>
      </c>
      <c r="AH2519">
        <v>216408.6985</v>
      </c>
      <c r="AI2519">
        <v>69476.501350000006</v>
      </c>
      <c r="AJ2519">
        <v>19751.506430000001</v>
      </c>
      <c r="AK2519">
        <v>33324.846440000001</v>
      </c>
      <c r="AL2519">
        <v>53615.346210000003</v>
      </c>
      <c r="AM2519">
        <v>19025.57863</v>
      </c>
      <c r="AN2519">
        <v>77991.052970000004</v>
      </c>
      <c r="AO2519">
        <v>22742.265350000001</v>
      </c>
      <c r="AP2519">
        <v>12890.225769999999</v>
      </c>
    </row>
    <row r="2520" spans="2:42" x14ac:dyDescent="0.3">
      <c r="B2520">
        <v>42.649387132483255</v>
      </c>
      <c r="C2520" s="83">
        <v>43205.916666666664</v>
      </c>
      <c r="D2520">
        <v>165951.54680000001</v>
      </c>
      <c r="E2520">
        <v>12532.520630000001</v>
      </c>
      <c r="F2520">
        <v>45214.668590000001</v>
      </c>
      <c r="G2520">
        <v>38184.149340000004</v>
      </c>
      <c r="H2520">
        <v>34543.199970000001</v>
      </c>
      <c r="I2520">
        <v>22696.765439999999</v>
      </c>
      <c r="J2520">
        <v>39892.788090000002</v>
      </c>
      <c r="K2520">
        <v>48173.509760000001</v>
      </c>
      <c r="L2520">
        <v>23257.544849999998</v>
      </c>
      <c r="M2520">
        <v>217446.46479999999</v>
      </c>
      <c r="N2520">
        <v>70011.614430000001</v>
      </c>
      <c r="O2520">
        <v>20710.888360000001</v>
      </c>
      <c r="P2520">
        <v>32676.686470000001</v>
      </c>
      <c r="Q2520">
        <v>55207.255219999999</v>
      </c>
      <c r="R2520">
        <v>22524.819100000001</v>
      </c>
      <c r="S2520">
        <v>76745.155769999998</v>
      </c>
      <c r="T2520">
        <v>22209.885900000001</v>
      </c>
      <c r="U2520">
        <v>13275.23749</v>
      </c>
      <c r="W2520" s="83">
        <f>Bühler!N2552</f>
        <v>45396.91666666056</v>
      </c>
      <c r="X2520" s="83">
        <v>43205.916666666664</v>
      </c>
      <c r="Y2520">
        <v>165951.54680000001</v>
      </c>
      <c r="Z2520">
        <v>12532.520630000001</v>
      </c>
      <c r="AA2520">
        <v>45214.668590000001</v>
      </c>
      <c r="AB2520">
        <v>38184.149340000004</v>
      </c>
      <c r="AC2520">
        <v>34543.199970000001</v>
      </c>
      <c r="AD2520">
        <v>22696.765439999999</v>
      </c>
      <c r="AE2520">
        <v>39892.788090000002</v>
      </c>
      <c r="AF2520">
        <v>48173.509760000001</v>
      </c>
      <c r="AG2520">
        <v>23257.544849999998</v>
      </c>
      <c r="AH2520">
        <v>217446.46479999999</v>
      </c>
      <c r="AI2520">
        <v>70011.614430000001</v>
      </c>
      <c r="AJ2520">
        <v>20710.888360000001</v>
      </c>
      <c r="AK2520">
        <v>32676.686470000001</v>
      </c>
      <c r="AL2520">
        <v>55207.255219999999</v>
      </c>
      <c r="AM2520">
        <v>22524.819100000001</v>
      </c>
      <c r="AN2520">
        <v>76745.155769999998</v>
      </c>
      <c r="AO2520">
        <v>22209.885900000001</v>
      </c>
      <c r="AP2520">
        <v>13275.23749</v>
      </c>
    </row>
    <row r="2521" spans="2:42" x14ac:dyDescent="0.3">
      <c r="B2521">
        <v>42.843657533338764</v>
      </c>
      <c r="C2521" s="83">
        <v>43205.958333333336</v>
      </c>
      <c r="D2521">
        <v>168781.9584</v>
      </c>
      <c r="E2521">
        <v>12428.481830000001</v>
      </c>
      <c r="F2521">
        <v>44705.774469999997</v>
      </c>
      <c r="G2521">
        <v>38075.214110000001</v>
      </c>
      <c r="H2521">
        <v>34257.483410000001</v>
      </c>
      <c r="I2521">
        <v>22477.50246</v>
      </c>
      <c r="J2521">
        <v>37421.163800000002</v>
      </c>
      <c r="K2521">
        <v>48014.574679999998</v>
      </c>
      <c r="L2521">
        <v>19895.309580000001</v>
      </c>
      <c r="M2521">
        <v>218436.94589999999</v>
      </c>
      <c r="N2521">
        <v>70624.215859999997</v>
      </c>
      <c r="O2521">
        <v>21193.339049999999</v>
      </c>
      <c r="P2521">
        <v>30733.36334</v>
      </c>
      <c r="Q2521">
        <v>57017.339890000003</v>
      </c>
      <c r="R2521">
        <v>24139.538560000001</v>
      </c>
      <c r="S2521">
        <v>75494.645860000004</v>
      </c>
      <c r="T2521">
        <v>22954.545160000001</v>
      </c>
      <c r="U2521">
        <v>12599.170770000001</v>
      </c>
      <c r="W2521" s="83">
        <f>Bühler!N2553</f>
        <v>45396.958333327224</v>
      </c>
      <c r="X2521" s="83">
        <v>43205.958333333336</v>
      </c>
      <c r="Y2521">
        <v>168781.9584</v>
      </c>
      <c r="Z2521">
        <v>12428.481830000001</v>
      </c>
      <c r="AA2521">
        <v>44705.774469999997</v>
      </c>
      <c r="AB2521">
        <v>38075.214110000001</v>
      </c>
      <c r="AC2521">
        <v>34257.483410000001</v>
      </c>
      <c r="AD2521">
        <v>22477.50246</v>
      </c>
      <c r="AE2521">
        <v>37421.163800000002</v>
      </c>
      <c r="AF2521">
        <v>48014.574679999998</v>
      </c>
      <c r="AG2521">
        <v>19895.309580000001</v>
      </c>
      <c r="AH2521">
        <v>218436.94589999999</v>
      </c>
      <c r="AI2521">
        <v>70624.215859999997</v>
      </c>
      <c r="AJ2521">
        <v>21193.339049999999</v>
      </c>
      <c r="AK2521">
        <v>30733.36334</v>
      </c>
      <c r="AL2521">
        <v>57017.339890000003</v>
      </c>
      <c r="AM2521">
        <v>24139.538560000001</v>
      </c>
      <c r="AN2521">
        <v>75494.645860000004</v>
      </c>
      <c r="AO2521">
        <v>22954.545160000001</v>
      </c>
      <c r="AP2521">
        <v>12599.170770000001</v>
      </c>
    </row>
    <row r="2522" spans="2:42" x14ac:dyDescent="0.3">
      <c r="B2522">
        <v>40.353466434983844</v>
      </c>
      <c r="C2522" s="83">
        <v>43206</v>
      </c>
      <c r="D2522">
        <v>169958.7543</v>
      </c>
      <c r="E2522">
        <v>12065.72575</v>
      </c>
      <c r="F2522">
        <v>44713.031289999999</v>
      </c>
      <c r="G2522">
        <v>37199.314149999998</v>
      </c>
      <c r="H2522">
        <v>33740.954960000003</v>
      </c>
      <c r="I2522">
        <v>20438.48545</v>
      </c>
      <c r="J2522">
        <v>35400.025439999998</v>
      </c>
      <c r="K2522">
        <v>46880.3802</v>
      </c>
      <c r="L2522">
        <v>17520.134419999998</v>
      </c>
      <c r="M2522">
        <v>205740.7904</v>
      </c>
      <c r="N2522">
        <v>66628.441640000005</v>
      </c>
      <c r="O2522">
        <v>20568.386630000001</v>
      </c>
      <c r="P2522">
        <v>27908.875400000001</v>
      </c>
      <c r="Q2522">
        <v>57314.985939999999</v>
      </c>
      <c r="R2522">
        <v>18267.780409999999</v>
      </c>
      <c r="S2522">
        <v>73481.226309999998</v>
      </c>
      <c r="T2522">
        <v>22386.544000000002</v>
      </c>
      <c r="U2522">
        <v>11784.2945</v>
      </c>
      <c r="W2522" s="83">
        <f>Bühler!N2554</f>
        <v>45396.999999993888</v>
      </c>
      <c r="X2522" s="83">
        <v>43206</v>
      </c>
      <c r="Y2522">
        <v>169958.7543</v>
      </c>
      <c r="Z2522">
        <v>12065.72575</v>
      </c>
      <c r="AA2522">
        <v>44713.031289999999</v>
      </c>
      <c r="AB2522">
        <v>37199.314149999998</v>
      </c>
      <c r="AC2522">
        <v>33740.954960000003</v>
      </c>
      <c r="AD2522">
        <v>20438.48545</v>
      </c>
      <c r="AE2522">
        <v>35400.025439999998</v>
      </c>
      <c r="AF2522">
        <v>46880.3802</v>
      </c>
      <c r="AG2522">
        <v>17520.134419999998</v>
      </c>
      <c r="AH2522">
        <v>205740.7904</v>
      </c>
      <c r="AI2522">
        <v>66628.441640000005</v>
      </c>
      <c r="AJ2522">
        <v>20568.386630000001</v>
      </c>
      <c r="AK2522">
        <v>27908.875400000001</v>
      </c>
      <c r="AL2522">
        <v>57314.985939999999</v>
      </c>
      <c r="AM2522">
        <v>18267.780409999999</v>
      </c>
      <c r="AN2522">
        <v>73481.226309999998</v>
      </c>
      <c r="AO2522">
        <v>22386.544000000002</v>
      </c>
      <c r="AP2522">
        <v>11784.2945</v>
      </c>
    </row>
    <row r="2523" spans="2:42" x14ac:dyDescent="0.3">
      <c r="B2523">
        <v>41.134720822645875</v>
      </c>
      <c r="C2523" s="83">
        <v>43206.041666666664</v>
      </c>
      <c r="D2523">
        <v>171303.45600000001</v>
      </c>
      <c r="E2523">
        <v>12178.376840000001</v>
      </c>
      <c r="F2523">
        <v>44588.006029999997</v>
      </c>
      <c r="G2523">
        <v>36517.107770000002</v>
      </c>
      <c r="H2523">
        <v>33668.951569999997</v>
      </c>
      <c r="I2523">
        <v>16708.176370000001</v>
      </c>
      <c r="J2523">
        <v>35084.966619999999</v>
      </c>
      <c r="K2523">
        <v>44515.30962</v>
      </c>
      <c r="L2523">
        <v>16994.828379999999</v>
      </c>
      <c r="M2523">
        <v>209723.9896</v>
      </c>
      <c r="N2523">
        <v>67050.856969999993</v>
      </c>
      <c r="O2523">
        <v>20102.884600000001</v>
      </c>
      <c r="P2523">
        <v>26186.89705</v>
      </c>
      <c r="Q2523">
        <v>60340.355389999997</v>
      </c>
      <c r="R2523">
        <v>17237.89314</v>
      </c>
      <c r="S2523">
        <v>73043.537700000001</v>
      </c>
      <c r="T2523">
        <v>22327.741760000001</v>
      </c>
      <c r="U2523">
        <v>12005.67074</v>
      </c>
      <c r="W2523" s="83">
        <f>Bühler!N2555</f>
        <v>45397.041666660552</v>
      </c>
      <c r="X2523" s="83">
        <v>43206.041666666664</v>
      </c>
      <c r="Y2523">
        <v>171303.45600000001</v>
      </c>
      <c r="Z2523">
        <v>12178.376840000001</v>
      </c>
      <c r="AA2523">
        <v>44588.006029999997</v>
      </c>
      <c r="AB2523">
        <v>36517.107770000002</v>
      </c>
      <c r="AC2523">
        <v>33668.951569999997</v>
      </c>
      <c r="AD2523">
        <v>16708.176370000001</v>
      </c>
      <c r="AE2523">
        <v>35084.966619999999</v>
      </c>
      <c r="AF2523">
        <v>44515.30962</v>
      </c>
      <c r="AG2523">
        <v>16994.828379999999</v>
      </c>
      <c r="AH2523">
        <v>209723.9896</v>
      </c>
      <c r="AI2523">
        <v>67050.856969999993</v>
      </c>
      <c r="AJ2523">
        <v>20102.884600000001</v>
      </c>
      <c r="AK2523">
        <v>26186.89705</v>
      </c>
      <c r="AL2523">
        <v>60340.355389999997</v>
      </c>
      <c r="AM2523">
        <v>17237.89314</v>
      </c>
      <c r="AN2523">
        <v>73043.537700000001</v>
      </c>
      <c r="AO2523">
        <v>22327.741760000001</v>
      </c>
      <c r="AP2523">
        <v>12005.67074</v>
      </c>
    </row>
    <row r="2524" spans="2:42" x14ac:dyDescent="0.3">
      <c r="B2524">
        <v>41.708295345622588</v>
      </c>
      <c r="C2524" s="83">
        <v>43206.083333333336</v>
      </c>
      <c r="D2524">
        <v>173242.76060000001</v>
      </c>
      <c r="E2524">
        <v>12187.77375</v>
      </c>
      <c r="F2524">
        <v>45918.873740000003</v>
      </c>
      <c r="G2524">
        <v>36142.542529999999</v>
      </c>
      <c r="H2524">
        <v>33423.028180000001</v>
      </c>
      <c r="I2524">
        <v>15396.32618</v>
      </c>
      <c r="J2524">
        <v>34746.143620000003</v>
      </c>
      <c r="K2524">
        <v>42720.876109999997</v>
      </c>
      <c r="L2524">
        <v>16713.341329999999</v>
      </c>
      <c r="M2524">
        <v>212648.34</v>
      </c>
      <c r="N2524">
        <v>66299.653319999998</v>
      </c>
      <c r="O2524">
        <v>20444.148840000002</v>
      </c>
      <c r="P2524">
        <v>25539.93836</v>
      </c>
      <c r="Q2524">
        <v>63821.838739999999</v>
      </c>
      <c r="R2524">
        <v>18147.428459999999</v>
      </c>
      <c r="S2524">
        <v>72139.749609999999</v>
      </c>
      <c r="T2524">
        <v>21880.189399999999</v>
      </c>
      <c r="U2524">
        <v>12140.28931</v>
      </c>
      <c r="W2524" s="83">
        <f>Bühler!N2556</f>
        <v>45397.083333327217</v>
      </c>
      <c r="X2524" s="83">
        <v>43206.083333333336</v>
      </c>
      <c r="Y2524">
        <v>173242.76060000001</v>
      </c>
      <c r="Z2524">
        <v>12187.77375</v>
      </c>
      <c r="AA2524">
        <v>45918.873740000003</v>
      </c>
      <c r="AB2524">
        <v>36142.542529999999</v>
      </c>
      <c r="AC2524">
        <v>33423.028180000001</v>
      </c>
      <c r="AD2524">
        <v>15396.32618</v>
      </c>
      <c r="AE2524">
        <v>34746.143620000003</v>
      </c>
      <c r="AF2524">
        <v>42720.876109999997</v>
      </c>
      <c r="AG2524">
        <v>16713.341329999999</v>
      </c>
      <c r="AH2524">
        <v>212648.34</v>
      </c>
      <c r="AI2524">
        <v>66299.653319999998</v>
      </c>
      <c r="AJ2524">
        <v>20444.148840000002</v>
      </c>
      <c r="AK2524">
        <v>25539.93836</v>
      </c>
      <c r="AL2524">
        <v>63821.838739999999</v>
      </c>
      <c r="AM2524">
        <v>18147.428459999999</v>
      </c>
      <c r="AN2524">
        <v>72139.749609999999</v>
      </c>
      <c r="AO2524">
        <v>21880.189399999999</v>
      </c>
      <c r="AP2524">
        <v>12140.28931</v>
      </c>
    </row>
    <row r="2525" spans="2:42" x14ac:dyDescent="0.3">
      <c r="B2525">
        <v>43.105486191304948</v>
      </c>
      <c r="C2525" s="83">
        <v>43206.125</v>
      </c>
      <c r="D2525">
        <v>179014.12150000001</v>
      </c>
      <c r="E2525">
        <v>12568.99123</v>
      </c>
      <c r="F2525">
        <v>47565.272219999999</v>
      </c>
      <c r="G2525">
        <v>35607.168250000002</v>
      </c>
      <c r="H2525">
        <v>33926.586459999999</v>
      </c>
      <c r="I2525">
        <v>15240.84527</v>
      </c>
      <c r="J2525">
        <v>34765.161289999996</v>
      </c>
      <c r="K2525">
        <v>41093.476970000003</v>
      </c>
      <c r="L2525">
        <v>16496.034220000001</v>
      </c>
      <c r="M2525">
        <v>219771.87049999999</v>
      </c>
      <c r="N2525">
        <v>65927.302590000007</v>
      </c>
      <c r="O2525">
        <v>20316.646229999998</v>
      </c>
      <c r="P2525">
        <v>25161.737519999999</v>
      </c>
      <c r="Q2525">
        <v>68773.488379999995</v>
      </c>
      <c r="R2525">
        <v>18738.976610000002</v>
      </c>
      <c r="S2525">
        <v>72149.32084</v>
      </c>
      <c r="T2525">
        <v>22572.071830000001</v>
      </c>
      <c r="U2525">
        <v>12586.698759999999</v>
      </c>
      <c r="W2525" s="83">
        <f>Bühler!N2557</f>
        <v>45397.124999993881</v>
      </c>
      <c r="X2525" s="83">
        <v>43206.125</v>
      </c>
      <c r="Y2525">
        <v>179014.12150000001</v>
      </c>
      <c r="Z2525">
        <v>12568.99123</v>
      </c>
      <c r="AA2525">
        <v>47565.272219999999</v>
      </c>
      <c r="AB2525">
        <v>35607.168250000002</v>
      </c>
      <c r="AC2525">
        <v>33926.586459999999</v>
      </c>
      <c r="AD2525">
        <v>15240.84527</v>
      </c>
      <c r="AE2525">
        <v>34765.161289999996</v>
      </c>
      <c r="AF2525">
        <v>41093.476970000003</v>
      </c>
      <c r="AG2525">
        <v>16496.034220000001</v>
      </c>
      <c r="AH2525">
        <v>219771.87049999999</v>
      </c>
      <c r="AI2525">
        <v>65927.302590000007</v>
      </c>
      <c r="AJ2525">
        <v>20316.646229999998</v>
      </c>
      <c r="AK2525">
        <v>25161.737519999999</v>
      </c>
      <c r="AL2525">
        <v>68773.488379999995</v>
      </c>
      <c r="AM2525">
        <v>18738.976610000002</v>
      </c>
      <c r="AN2525">
        <v>72149.32084</v>
      </c>
      <c r="AO2525">
        <v>22572.071830000001</v>
      </c>
      <c r="AP2525">
        <v>12586.698759999999</v>
      </c>
    </row>
    <row r="2526" spans="2:42" x14ac:dyDescent="0.3">
      <c r="B2526">
        <v>46.088617172251311</v>
      </c>
      <c r="C2526" s="83">
        <v>43206.166666666664</v>
      </c>
      <c r="D2526">
        <v>191779.9013</v>
      </c>
      <c r="E2526">
        <v>13472.330889999999</v>
      </c>
      <c r="F2526">
        <v>51856.52994</v>
      </c>
      <c r="G2526">
        <v>35302.271690000001</v>
      </c>
      <c r="H2526">
        <v>34566.014580000003</v>
      </c>
      <c r="I2526">
        <v>17544.521659999999</v>
      </c>
      <c r="J2526">
        <v>37061.301090000001</v>
      </c>
      <c r="K2526">
        <v>41889.516779999998</v>
      </c>
      <c r="L2526">
        <v>16579.746350000001</v>
      </c>
      <c r="M2526">
        <v>234981.2634</v>
      </c>
      <c r="N2526">
        <v>66859.351330000005</v>
      </c>
      <c r="O2526">
        <v>20228.861260000001</v>
      </c>
      <c r="P2526">
        <v>26212.445940000001</v>
      </c>
      <c r="Q2526">
        <v>75258.080199999997</v>
      </c>
      <c r="R2526">
        <v>18872.13219</v>
      </c>
      <c r="S2526">
        <v>72870.276299999998</v>
      </c>
      <c r="T2526">
        <v>22847.244760000001</v>
      </c>
      <c r="U2526">
        <v>14231.46047</v>
      </c>
      <c r="W2526" s="83">
        <f>Bühler!N2558</f>
        <v>45397.166666660545</v>
      </c>
      <c r="X2526" s="83">
        <v>43206.166666666664</v>
      </c>
      <c r="Y2526">
        <v>191779.9013</v>
      </c>
      <c r="Z2526">
        <v>13472.330889999999</v>
      </c>
      <c r="AA2526">
        <v>51856.52994</v>
      </c>
      <c r="AB2526">
        <v>35302.271690000001</v>
      </c>
      <c r="AC2526">
        <v>34566.014580000003</v>
      </c>
      <c r="AD2526">
        <v>17544.521659999999</v>
      </c>
      <c r="AE2526">
        <v>37061.301090000001</v>
      </c>
      <c r="AF2526">
        <v>41889.516779999998</v>
      </c>
      <c r="AG2526">
        <v>16579.746350000001</v>
      </c>
      <c r="AH2526">
        <v>234981.2634</v>
      </c>
      <c r="AI2526">
        <v>66859.351330000005</v>
      </c>
      <c r="AJ2526">
        <v>20228.861260000001</v>
      </c>
      <c r="AK2526">
        <v>26212.445940000001</v>
      </c>
      <c r="AL2526">
        <v>75258.080199999997</v>
      </c>
      <c r="AM2526">
        <v>18872.13219</v>
      </c>
      <c r="AN2526">
        <v>72870.276299999998</v>
      </c>
      <c r="AO2526">
        <v>22847.244760000001</v>
      </c>
      <c r="AP2526">
        <v>14231.46047</v>
      </c>
    </row>
    <row r="2527" spans="2:42" x14ac:dyDescent="0.3">
      <c r="B2527">
        <v>51.969160690461536</v>
      </c>
      <c r="C2527" s="83">
        <v>43206.208333333336</v>
      </c>
      <c r="D2527">
        <v>221651.48989999999</v>
      </c>
      <c r="E2527">
        <v>15724.540580000001</v>
      </c>
      <c r="F2527">
        <v>62566.722070000003</v>
      </c>
      <c r="G2527">
        <v>37881.688900000001</v>
      </c>
      <c r="H2527">
        <v>37303.592239999998</v>
      </c>
      <c r="I2527">
        <v>25595.31207</v>
      </c>
      <c r="J2527">
        <v>40194.811309999997</v>
      </c>
      <c r="K2527">
        <v>43839.507180000001</v>
      </c>
      <c r="L2527">
        <v>17418.542430000001</v>
      </c>
      <c r="M2527">
        <v>264963.01659999997</v>
      </c>
      <c r="N2527">
        <v>68685.897389999998</v>
      </c>
      <c r="O2527">
        <v>21405.046419999999</v>
      </c>
      <c r="P2527">
        <v>26829.51064</v>
      </c>
      <c r="Q2527">
        <v>81326.096560000005</v>
      </c>
      <c r="R2527">
        <v>21659.48158</v>
      </c>
      <c r="S2527">
        <v>75523.167360000007</v>
      </c>
      <c r="T2527">
        <v>25136.046549999999</v>
      </c>
      <c r="U2527">
        <v>16750.207780000001</v>
      </c>
      <c r="W2527" s="83">
        <f>Bühler!N2559</f>
        <v>45397.208333327209</v>
      </c>
      <c r="X2527" s="83">
        <v>43206.208333333336</v>
      </c>
      <c r="Y2527">
        <v>221651.48989999999</v>
      </c>
      <c r="Z2527">
        <v>15724.540580000001</v>
      </c>
      <c r="AA2527">
        <v>62566.722070000003</v>
      </c>
      <c r="AB2527">
        <v>37881.688900000001</v>
      </c>
      <c r="AC2527">
        <v>37303.592239999998</v>
      </c>
      <c r="AD2527">
        <v>25595.31207</v>
      </c>
      <c r="AE2527">
        <v>40194.811309999997</v>
      </c>
      <c r="AF2527">
        <v>43839.507180000001</v>
      </c>
      <c r="AG2527">
        <v>17418.542430000001</v>
      </c>
      <c r="AH2527">
        <v>264963.01659999997</v>
      </c>
      <c r="AI2527">
        <v>68685.897389999998</v>
      </c>
      <c r="AJ2527">
        <v>21405.046419999999</v>
      </c>
      <c r="AK2527">
        <v>26829.51064</v>
      </c>
      <c r="AL2527">
        <v>81326.096560000005</v>
      </c>
      <c r="AM2527">
        <v>21659.48158</v>
      </c>
      <c r="AN2527">
        <v>75523.167360000007</v>
      </c>
      <c r="AO2527">
        <v>25136.046549999999</v>
      </c>
      <c r="AP2527">
        <v>16750.207780000001</v>
      </c>
    </row>
    <row r="2528" spans="2:42" x14ac:dyDescent="0.3">
      <c r="B2528">
        <v>57.335577837290337</v>
      </c>
      <c r="C2528" s="83">
        <v>43206.25</v>
      </c>
      <c r="D2528">
        <v>248324.98259999999</v>
      </c>
      <c r="E2528">
        <v>20517.691050000001</v>
      </c>
      <c r="F2528">
        <v>75989.145680000001</v>
      </c>
      <c r="G2528">
        <v>48236.578500000003</v>
      </c>
      <c r="H2528">
        <v>40558.0766</v>
      </c>
      <c r="I2528">
        <v>32588.218140000001</v>
      </c>
      <c r="J2528">
        <v>44698.574869999997</v>
      </c>
      <c r="K2528">
        <v>46536.467400000001</v>
      </c>
      <c r="L2528">
        <v>19406.469829999998</v>
      </c>
      <c r="M2528">
        <v>292323.51380000002</v>
      </c>
      <c r="N2528">
        <v>74045.332819999996</v>
      </c>
      <c r="O2528">
        <v>22967.262309999998</v>
      </c>
      <c r="P2528">
        <v>27502.213049999998</v>
      </c>
      <c r="Q2528">
        <v>86528.492429999998</v>
      </c>
      <c r="R2528">
        <v>19107.881150000001</v>
      </c>
      <c r="S2528">
        <v>85644.928979999997</v>
      </c>
      <c r="T2528">
        <v>27875.527719999998</v>
      </c>
      <c r="U2528">
        <v>17778.947469999999</v>
      </c>
      <c r="W2528" s="83">
        <f>Bühler!N2560</f>
        <v>45397.249999993874</v>
      </c>
      <c r="X2528" s="83">
        <v>43206.25</v>
      </c>
      <c r="Y2528">
        <v>248324.98259999999</v>
      </c>
      <c r="Z2528">
        <v>20517.691050000001</v>
      </c>
      <c r="AA2528">
        <v>75989.145680000001</v>
      </c>
      <c r="AB2528">
        <v>48236.578500000003</v>
      </c>
      <c r="AC2528">
        <v>40558.0766</v>
      </c>
      <c r="AD2528">
        <v>32588.218140000001</v>
      </c>
      <c r="AE2528">
        <v>44698.574869999997</v>
      </c>
      <c r="AF2528">
        <v>46536.467400000001</v>
      </c>
      <c r="AG2528">
        <v>19406.469829999998</v>
      </c>
      <c r="AH2528">
        <v>292323.51380000002</v>
      </c>
      <c r="AI2528">
        <v>74045.332819999996</v>
      </c>
      <c r="AJ2528">
        <v>22967.262309999998</v>
      </c>
      <c r="AK2528">
        <v>27502.213049999998</v>
      </c>
      <c r="AL2528">
        <v>86528.492429999998</v>
      </c>
      <c r="AM2528">
        <v>19107.881150000001</v>
      </c>
      <c r="AN2528">
        <v>85644.928979999997</v>
      </c>
      <c r="AO2528">
        <v>27875.527719999998</v>
      </c>
      <c r="AP2528">
        <v>17778.947469999999</v>
      </c>
    </row>
    <row r="2529" spans="2:42" x14ac:dyDescent="0.3">
      <c r="B2529">
        <v>60.744558368744315</v>
      </c>
      <c r="C2529" s="83">
        <v>43206.291666666664</v>
      </c>
      <c r="D2529">
        <v>266909.73430000001</v>
      </c>
      <c r="E2529">
        <v>24742.484990000001</v>
      </c>
      <c r="F2529">
        <v>79629.298429999995</v>
      </c>
      <c r="G2529">
        <v>57535.455139999998</v>
      </c>
      <c r="H2529">
        <v>45015.229429999999</v>
      </c>
      <c r="I2529">
        <v>39440.83008</v>
      </c>
      <c r="J2529">
        <v>45165.865239999999</v>
      </c>
      <c r="K2529">
        <v>51533.056190000003</v>
      </c>
      <c r="L2529">
        <v>21652.74008</v>
      </c>
      <c r="M2529">
        <v>309704.08630000002</v>
      </c>
      <c r="N2529">
        <v>78436.641430000003</v>
      </c>
      <c r="O2529">
        <v>25922.9984</v>
      </c>
      <c r="P2529">
        <v>30049.66689</v>
      </c>
      <c r="Q2529">
        <v>87556.025769999993</v>
      </c>
      <c r="R2529">
        <v>19525.037850000001</v>
      </c>
      <c r="S2529">
        <v>99795.436189999993</v>
      </c>
      <c r="T2529">
        <v>27896.75534</v>
      </c>
      <c r="U2529">
        <v>21291.664100000002</v>
      </c>
      <c r="W2529" s="83">
        <f>Bühler!N2561</f>
        <v>45397.291666660538</v>
      </c>
      <c r="X2529" s="83">
        <v>43206.291666666664</v>
      </c>
      <c r="Y2529">
        <v>266909.73430000001</v>
      </c>
      <c r="Z2529">
        <v>24742.484990000001</v>
      </c>
      <c r="AA2529">
        <v>79629.298429999995</v>
      </c>
      <c r="AB2529">
        <v>57535.455139999998</v>
      </c>
      <c r="AC2529">
        <v>45015.229429999999</v>
      </c>
      <c r="AD2529">
        <v>39440.83008</v>
      </c>
      <c r="AE2529">
        <v>45165.865239999999</v>
      </c>
      <c r="AF2529">
        <v>51533.056190000003</v>
      </c>
      <c r="AG2529">
        <v>21652.74008</v>
      </c>
      <c r="AH2529">
        <v>309704.08630000002</v>
      </c>
      <c r="AI2529">
        <v>78436.641430000003</v>
      </c>
      <c r="AJ2529">
        <v>25922.9984</v>
      </c>
      <c r="AK2529">
        <v>30049.66689</v>
      </c>
      <c r="AL2529">
        <v>87556.025769999993</v>
      </c>
      <c r="AM2529">
        <v>19525.037850000001</v>
      </c>
      <c r="AN2529">
        <v>99795.436189999993</v>
      </c>
      <c r="AO2529">
        <v>27896.75534</v>
      </c>
      <c r="AP2529">
        <v>21291.664100000002</v>
      </c>
    </row>
    <row r="2530" spans="2:42" x14ac:dyDescent="0.3">
      <c r="B2530">
        <v>62.97258904269848</v>
      </c>
      <c r="C2530" s="83">
        <v>43206.333333333336</v>
      </c>
      <c r="D2530">
        <v>282860.71010000003</v>
      </c>
      <c r="E2530">
        <v>30385.28069</v>
      </c>
      <c r="F2530">
        <v>85301.448170000003</v>
      </c>
      <c r="G2530">
        <v>65035.239849999998</v>
      </c>
      <c r="H2530">
        <v>49518.390460000002</v>
      </c>
      <c r="I2530">
        <v>41126.062850000002</v>
      </c>
      <c r="J2530">
        <v>45769.217279999997</v>
      </c>
      <c r="K2530">
        <v>57038.845280000001</v>
      </c>
      <c r="L2530">
        <v>24546.824629999999</v>
      </c>
      <c r="M2530">
        <v>321063.62569999998</v>
      </c>
      <c r="N2530">
        <v>85736.861139999994</v>
      </c>
      <c r="O2530">
        <v>26375.153719999998</v>
      </c>
      <c r="P2530">
        <v>32343.017479999999</v>
      </c>
      <c r="Q2530">
        <v>89515.924270000003</v>
      </c>
      <c r="R2530">
        <v>21137.51656</v>
      </c>
      <c r="S2530">
        <v>110910.5656</v>
      </c>
      <c r="T2530">
        <v>31151.969120000002</v>
      </c>
      <c r="U2530">
        <v>25328.606589999999</v>
      </c>
      <c r="W2530" s="83">
        <f>Bühler!N2562</f>
        <v>45397.333333327202</v>
      </c>
      <c r="X2530" s="83">
        <v>43206.333333333336</v>
      </c>
      <c r="Y2530">
        <v>282860.71010000003</v>
      </c>
      <c r="Z2530">
        <v>30385.28069</v>
      </c>
      <c r="AA2530">
        <v>85301.448170000003</v>
      </c>
      <c r="AB2530">
        <v>65035.239849999998</v>
      </c>
      <c r="AC2530">
        <v>49518.390460000002</v>
      </c>
      <c r="AD2530">
        <v>41126.062850000002</v>
      </c>
      <c r="AE2530">
        <v>45769.217279999997</v>
      </c>
      <c r="AF2530">
        <v>57038.845280000001</v>
      </c>
      <c r="AG2530">
        <v>24546.824629999999</v>
      </c>
      <c r="AH2530">
        <v>321063.62569999998</v>
      </c>
      <c r="AI2530">
        <v>85736.861139999994</v>
      </c>
      <c r="AJ2530">
        <v>26375.153719999998</v>
      </c>
      <c r="AK2530">
        <v>32343.017479999999</v>
      </c>
      <c r="AL2530">
        <v>89515.924270000003</v>
      </c>
      <c r="AM2530">
        <v>21137.51656</v>
      </c>
      <c r="AN2530">
        <v>110910.5656</v>
      </c>
      <c r="AO2530">
        <v>31151.969120000002</v>
      </c>
      <c r="AP2530">
        <v>25328.606589999999</v>
      </c>
    </row>
    <row r="2531" spans="2:42" x14ac:dyDescent="0.3">
      <c r="B2531">
        <v>64.196230542233621</v>
      </c>
      <c r="C2531" s="83">
        <v>43206.375</v>
      </c>
      <c r="D2531">
        <v>287280.73700000002</v>
      </c>
      <c r="E2531">
        <v>34119.025229999999</v>
      </c>
      <c r="F2531">
        <v>92272.354359999998</v>
      </c>
      <c r="G2531">
        <v>70768.580979999999</v>
      </c>
      <c r="H2531">
        <v>52178.030140000003</v>
      </c>
      <c r="I2531">
        <v>39066.408069999998</v>
      </c>
      <c r="J2531">
        <v>45960.403429999998</v>
      </c>
      <c r="K2531">
        <v>58932.002240000002</v>
      </c>
      <c r="L2531">
        <v>27103.203440000001</v>
      </c>
      <c r="M2531">
        <v>327302.32069999998</v>
      </c>
      <c r="N2531">
        <v>91550.363200000007</v>
      </c>
      <c r="O2531">
        <v>27285.94745</v>
      </c>
      <c r="P2531">
        <v>34128.133040000001</v>
      </c>
      <c r="Q2531">
        <v>91827.049620000005</v>
      </c>
      <c r="R2531">
        <v>21692.406220000001</v>
      </c>
      <c r="S2531">
        <v>116968.7696</v>
      </c>
      <c r="T2531">
        <v>32470.862509999999</v>
      </c>
      <c r="U2531">
        <v>25160.00865</v>
      </c>
      <c r="W2531" s="83">
        <f>Bühler!N2563</f>
        <v>45397.374999993866</v>
      </c>
      <c r="X2531" s="83">
        <v>43206.375</v>
      </c>
      <c r="Y2531">
        <v>287280.73700000002</v>
      </c>
      <c r="Z2531">
        <v>34119.025229999999</v>
      </c>
      <c r="AA2531">
        <v>92272.354359999998</v>
      </c>
      <c r="AB2531">
        <v>70768.580979999999</v>
      </c>
      <c r="AC2531">
        <v>52178.030140000003</v>
      </c>
      <c r="AD2531">
        <v>39066.408069999998</v>
      </c>
      <c r="AE2531">
        <v>45960.403429999998</v>
      </c>
      <c r="AF2531">
        <v>58932.002240000002</v>
      </c>
      <c r="AG2531">
        <v>27103.203440000001</v>
      </c>
      <c r="AH2531">
        <v>327302.32069999998</v>
      </c>
      <c r="AI2531">
        <v>91550.363200000007</v>
      </c>
      <c r="AJ2531">
        <v>27285.94745</v>
      </c>
      <c r="AK2531">
        <v>34128.133040000001</v>
      </c>
      <c r="AL2531">
        <v>91827.049620000005</v>
      </c>
      <c r="AM2531">
        <v>21692.406220000001</v>
      </c>
      <c r="AN2531">
        <v>116968.7696</v>
      </c>
      <c r="AO2531">
        <v>32470.862509999999</v>
      </c>
      <c r="AP2531">
        <v>25160.00865</v>
      </c>
    </row>
    <row r="2532" spans="2:42" x14ac:dyDescent="0.3">
      <c r="B2532">
        <v>64.865116648617516</v>
      </c>
      <c r="C2532" s="83">
        <v>43206.416666666664</v>
      </c>
      <c r="D2532">
        <v>290671.08350000001</v>
      </c>
      <c r="E2532">
        <v>35808.07127</v>
      </c>
      <c r="F2532">
        <v>92284.537490000002</v>
      </c>
      <c r="G2532">
        <v>72071.873319999999</v>
      </c>
      <c r="H2532">
        <v>52441.712829999997</v>
      </c>
      <c r="I2532">
        <v>36589.765099999997</v>
      </c>
      <c r="J2532">
        <v>44561.677689999997</v>
      </c>
      <c r="K2532">
        <v>61331.065210000001</v>
      </c>
      <c r="L2532">
        <v>29473.8236</v>
      </c>
      <c r="M2532">
        <v>330712.614</v>
      </c>
      <c r="N2532">
        <v>92996.602320000005</v>
      </c>
      <c r="O2532">
        <v>27689.151959999999</v>
      </c>
      <c r="P2532">
        <v>34265.405350000001</v>
      </c>
      <c r="Q2532">
        <v>92839.259269999995</v>
      </c>
      <c r="R2532">
        <v>23931.9568</v>
      </c>
      <c r="S2532">
        <v>118661.21219999999</v>
      </c>
      <c r="T2532">
        <v>33835.890749999999</v>
      </c>
      <c r="U2532">
        <v>23396.27736</v>
      </c>
      <c r="W2532" s="83">
        <f>Bühler!N2564</f>
        <v>45397.416666660531</v>
      </c>
      <c r="X2532" s="83">
        <v>43206.416666666664</v>
      </c>
      <c r="Y2532">
        <v>290671.08350000001</v>
      </c>
      <c r="Z2532">
        <v>35808.07127</v>
      </c>
      <c r="AA2532">
        <v>92284.537490000002</v>
      </c>
      <c r="AB2532">
        <v>72071.873319999999</v>
      </c>
      <c r="AC2532">
        <v>52441.712829999997</v>
      </c>
      <c r="AD2532">
        <v>36589.765099999997</v>
      </c>
      <c r="AE2532">
        <v>44561.677689999997</v>
      </c>
      <c r="AF2532">
        <v>61331.065210000001</v>
      </c>
      <c r="AG2532">
        <v>29473.8236</v>
      </c>
      <c r="AH2532">
        <v>330712.614</v>
      </c>
      <c r="AI2532">
        <v>92996.602320000005</v>
      </c>
      <c r="AJ2532">
        <v>27689.151959999999</v>
      </c>
      <c r="AK2532">
        <v>34265.405350000001</v>
      </c>
      <c r="AL2532">
        <v>92839.259269999995</v>
      </c>
      <c r="AM2532">
        <v>23931.9568</v>
      </c>
      <c r="AN2532">
        <v>118661.21219999999</v>
      </c>
      <c r="AO2532">
        <v>33835.890749999999</v>
      </c>
      <c r="AP2532">
        <v>23396.27736</v>
      </c>
    </row>
    <row r="2533" spans="2:42" x14ac:dyDescent="0.3">
      <c r="B2533">
        <v>65.887082324280186</v>
      </c>
      <c r="C2533" s="83">
        <v>43206.458333333336</v>
      </c>
      <c r="D2533">
        <v>289146.47470000002</v>
      </c>
      <c r="E2533">
        <v>35599.908759999998</v>
      </c>
      <c r="F2533">
        <v>93547.878890000007</v>
      </c>
      <c r="G2533">
        <v>70560.761429999999</v>
      </c>
      <c r="H2533">
        <v>52087.907850000003</v>
      </c>
      <c r="I2533">
        <v>36267.50722</v>
      </c>
      <c r="J2533">
        <v>44278.213190000002</v>
      </c>
      <c r="K2533">
        <v>62609.95246</v>
      </c>
      <c r="L2533">
        <v>31503.844860000001</v>
      </c>
      <c r="M2533">
        <v>335923.07160000002</v>
      </c>
      <c r="N2533">
        <v>92804.081040000005</v>
      </c>
      <c r="O2533">
        <v>28263.599419999999</v>
      </c>
      <c r="P2533">
        <v>33634.135419999999</v>
      </c>
      <c r="Q2533">
        <v>95917.922560000006</v>
      </c>
      <c r="R2533">
        <v>24966.888080000001</v>
      </c>
      <c r="S2533">
        <v>121478.0218</v>
      </c>
      <c r="T2533">
        <v>34083.281260000003</v>
      </c>
      <c r="U2533">
        <v>22409.752069999999</v>
      </c>
      <c r="W2533" s="83">
        <f>Bühler!N2565</f>
        <v>45397.458333327195</v>
      </c>
      <c r="X2533" s="83">
        <v>43206.458333333336</v>
      </c>
      <c r="Y2533">
        <v>289146.47470000002</v>
      </c>
      <c r="Z2533">
        <v>35599.908759999998</v>
      </c>
      <c r="AA2533">
        <v>93547.878890000007</v>
      </c>
      <c r="AB2533">
        <v>70560.761429999999</v>
      </c>
      <c r="AC2533">
        <v>52087.907850000003</v>
      </c>
      <c r="AD2533">
        <v>36267.50722</v>
      </c>
      <c r="AE2533">
        <v>44278.213190000002</v>
      </c>
      <c r="AF2533">
        <v>62609.95246</v>
      </c>
      <c r="AG2533">
        <v>31503.844860000001</v>
      </c>
      <c r="AH2533">
        <v>335923.07160000002</v>
      </c>
      <c r="AI2533">
        <v>92804.081040000005</v>
      </c>
      <c r="AJ2533">
        <v>28263.599419999999</v>
      </c>
      <c r="AK2533">
        <v>33634.135419999999</v>
      </c>
      <c r="AL2533">
        <v>95917.922560000006</v>
      </c>
      <c r="AM2533">
        <v>24966.888080000001</v>
      </c>
      <c r="AN2533">
        <v>121478.0218</v>
      </c>
      <c r="AO2533">
        <v>34083.281260000003</v>
      </c>
      <c r="AP2533">
        <v>22409.752069999999</v>
      </c>
    </row>
    <row r="2534" spans="2:42" x14ac:dyDescent="0.3">
      <c r="B2534">
        <v>65.720699309643152</v>
      </c>
      <c r="C2534" s="83">
        <v>43206.5</v>
      </c>
      <c r="D2534">
        <v>277767.26199999999</v>
      </c>
      <c r="E2534">
        <v>32074.526519999999</v>
      </c>
      <c r="F2534">
        <v>87413.157600000006</v>
      </c>
      <c r="G2534">
        <v>68512.655559999999</v>
      </c>
      <c r="H2534">
        <v>49447.589840000001</v>
      </c>
      <c r="I2534">
        <v>35682.998460000003</v>
      </c>
      <c r="J2534">
        <v>44797.021439999997</v>
      </c>
      <c r="K2534">
        <v>59593.12657</v>
      </c>
      <c r="L2534">
        <v>34107.665379999999</v>
      </c>
      <c r="M2534">
        <v>335074.77340000001</v>
      </c>
      <c r="N2534">
        <v>90698.789309999993</v>
      </c>
      <c r="O2534">
        <v>25978.00491</v>
      </c>
      <c r="P2534">
        <v>33154.10542</v>
      </c>
      <c r="Q2534">
        <v>95501.675619999995</v>
      </c>
      <c r="R2534">
        <v>24401.646649999999</v>
      </c>
      <c r="S2534">
        <v>114428.74069999999</v>
      </c>
      <c r="T2534">
        <v>32550.424910000002</v>
      </c>
      <c r="U2534">
        <v>19403.451519999999</v>
      </c>
      <c r="W2534" s="83">
        <f>Bühler!N2566</f>
        <v>45397.499999993859</v>
      </c>
      <c r="X2534" s="83">
        <v>43206.5</v>
      </c>
      <c r="Y2534">
        <v>277767.26199999999</v>
      </c>
      <c r="Z2534">
        <v>32074.526519999999</v>
      </c>
      <c r="AA2534">
        <v>87413.157600000006</v>
      </c>
      <c r="AB2534">
        <v>68512.655559999999</v>
      </c>
      <c r="AC2534">
        <v>49447.589840000001</v>
      </c>
      <c r="AD2534">
        <v>35682.998460000003</v>
      </c>
      <c r="AE2534">
        <v>44797.021439999997</v>
      </c>
      <c r="AF2534">
        <v>59593.12657</v>
      </c>
      <c r="AG2534">
        <v>34107.665379999999</v>
      </c>
      <c r="AH2534">
        <v>335074.77340000001</v>
      </c>
      <c r="AI2534">
        <v>90698.789309999993</v>
      </c>
      <c r="AJ2534">
        <v>25978.00491</v>
      </c>
      <c r="AK2534">
        <v>33154.10542</v>
      </c>
      <c r="AL2534">
        <v>95501.675619999995</v>
      </c>
      <c r="AM2534">
        <v>24401.646649999999</v>
      </c>
      <c r="AN2534">
        <v>114428.74069999999</v>
      </c>
      <c r="AO2534">
        <v>32550.424910000002</v>
      </c>
      <c r="AP2534">
        <v>19403.451519999999</v>
      </c>
    </row>
    <row r="2535" spans="2:42" x14ac:dyDescent="0.3">
      <c r="B2535">
        <v>65.732129178174489</v>
      </c>
      <c r="C2535" s="83">
        <v>43206.541666666664</v>
      </c>
      <c r="D2535">
        <v>281855.88170000003</v>
      </c>
      <c r="E2535">
        <v>32585.131430000001</v>
      </c>
      <c r="F2535">
        <v>83819.365460000001</v>
      </c>
      <c r="G2535">
        <v>66525.12023</v>
      </c>
      <c r="H2535">
        <v>50482.200290000001</v>
      </c>
      <c r="I2535">
        <v>35490.540609999996</v>
      </c>
      <c r="J2535">
        <v>43306.331389999999</v>
      </c>
      <c r="K2535">
        <v>62288.242169999998</v>
      </c>
      <c r="L2535">
        <v>32948.688600000001</v>
      </c>
      <c r="M2535">
        <v>335133.04820000002</v>
      </c>
      <c r="N2535">
        <v>92102.478340000001</v>
      </c>
      <c r="O2535">
        <v>26725.233250000001</v>
      </c>
      <c r="P2535">
        <v>32529.599610000001</v>
      </c>
      <c r="Q2535">
        <v>94737.968389999995</v>
      </c>
      <c r="R2535">
        <v>23144.560809999999</v>
      </c>
      <c r="S2535">
        <v>113731.7754</v>
      </c>
      <c r="T2535">
        <v>32302.437969999999</v>
      </c>
      <c r="U2535">
        <v>21440.73057</v>
      </c>
      <c r="W2535" s="83">
        <f>Bühler!N2567</f>
        <v>45397.541666660523</v>
      </c>
      <c r="X2535" s="83">
        <v>43206.541666666664</v>
      </c>
      <c r="Y2535">
        <v>281855.88170000003</v>
      </c>
      <c r="Z2535">
        <v>32585.131430000001</v>
      </c>
      <c r="AA2535">
        <v>83819.365460000001</v>
      </c>
      <c r="AB2535">
        <v>66525.12023</v>
      </c>
      <c r="AC2535">
        <v>50482.200290000001</v>
      </c>
      <c r="AD2535">
        <v>35490.540609999996</v>
      </c>
      <c r="AE2535">
        <v>43306.331389999999</v>
      </c>
      <c r="AF2535">
        <v>62288.242169999998</v>
      </c>
      <c r="AG2535">
        <v>32948.688600000001</v>
      </c>
      <c r="AH2535">
        <v>335133.04820000002</v>
      </c>
      <c r="AI2535">
        <v>92102.478340000001</v>
      </c>
      <c r="AJ2535">
        <v>26725.233250000001</v>
      </c>
      <c r="AK2535">
        <v>32529.599610000001</v>
      </c>
      <c r="AL2535">
        <v>94737.968389999995</v>
      </c>
      <c r="AM2535">
        <v>23144.560809999999</v>
      </c>
      <c r="AN2535">
        <v>113731.7754</v>
      </c>
      <c r="AO2535">
        <v>32302.437969999999</v>
      </c>
      <c r="AP2535">
        <v>21440.73057</v>
      </c>
    </row>
    <row r="2536" spans="2:42" x14ac:dyDescent="0.3">
      <c r="B2536">
        <v>66.232301765176771</v>
      </c>
      <c r="C2536" s="83">
        <v>43206.583333333336</v>
      </c>
      <c r="D2536">
        <v>284648.69699999999</v>
      </c>
      <c r="E2536">
        <v>35075.518960000001</v>
      </c>
      <c r="F2536">
        <v>91716.035029999999</v>
      </c>
      <c r="G2536">
        <v>61888.11105</v>
      </c>
      <c r="H2536">
        <v>50198.144740000003</v>
      </c>
      <c r="I2536">
        <v>36218.735050000003</v>
      </c>
      <c r="J2536">
        <v>43121.925080000001</v>
      </c>
      <c r="K2536">
        <v>63741.523150000001</v>
      </c>
      <c r="L2536">
        <v>29763.581399999999</v>
      </c>
      <c r="M2536">
        <v>337683.16129999998</v>
      </c>
      <c r="N2536">
        <v>92155.521829999998</v>
      </c>
      <c r="O2536">
        <v>26775.583409999999</v>
      </c>
      <c r="P2536">
        <v>29083.920460000001</v>
      </c>
      <c r="Q2536">
        <v>94582.975760000001</v>
      </c>
      <c r="R2536">
        <v>23312.070370000001</v>
      </c>
      <c r="S2536">
        <v>109030.6229</v>
      </c>
      <c r="T2536">
        <v>31303.095430000001</v>
      </c>
      <c r="U2536">
        <v>20679.683270000001</v>
      </c>
      <c r="W2536" s="83">
        <f>Bühler!N2568</f>
        <v>45397.583333327188</v>
      </c>
      <c r="X2536" s="83">
        <v>43206.583333333336</v>
      </c>
      <c r="Y2536">
        <v>284648.69699999999</v>
      </c>
      <c r="Z2536">
        <v>35075.518960000001</v>
      </c>
      <c r="AA2536">
        <v>91716.035029999999</v>
      </c>
      <c r="AB2536">
        <v>61888.11105</v>
      </c>
      <c r="AC2536">
        <v>50198.144740000003</v>
      </c>
      <c r="AD2536">
        <v>36218.735050000003</v>
      </c>
      <c r="AE2536">
        <v>43121.925080000001</v>
      </c>
      <c r="AF2536">
        <v>63741.523150000001</v>
      </c>
      <c r="AG2536">
        <v>29763.581399999999</v>
      </c>
      <c r="AH2536">
        <v>337683.16129999998</v>
      </c>
      <c r="AI2536">
        <v>92155.521829999998</v>
      </c>
      <c r="AJ2536">
        <v>26775.583409999999</v>
      </c>
      <c r="AK2536">
        <v>29083.920460000001</v>
      </c>
      <c r="AL2536">
        <v>94582.975760000001</v>
      </c>
      <c r="AM2536">
        <v>23312.070370000001</v>
      </c>
      <c r="AN2536">
        <v>109030.6229</v>
      </c>
      <c r="AO2536">
        <v>31303.095430000001</v>
      </c>
      <c r="AP2536">
        <v>20679.683270000001</v>
      </c>
    </row>
    <row r="2537" spans="2:42" x14ac:dyDescent="0.3">
      <c r="B2537">
        <v>66.356339634132766</v>
      </c>
      <c r="C2537" s="83">
        <v>43206.625</v>
      </c>
      <c r="D2537">
        <v>282179.80839999998</v>
      </c>
      <c r="E2537">
        <v>34886.522830000002</v>
      </c>
      <c r="F2537">
        <v>93539.848310000001</v>
      </c>
      <c r="G2537">
        <v>59330.613270000002</v>
      </c>
      <c r="H2537">
        <v>49038.847990000002</v>
      </c>
      <c r="I2537">
        <v>36542.733070000002</v>
      </c>
      <c r="J2537">
        <v>43072.775909999997</v>
      </c>
      <c r="K2537">
        <v>61968.868009999998</v>
      </c>
      <c r="L2537">
        <v>26521.496169999999</v>
      </c>
      <c r="M2537">
        <v>338315.56420000002</v>
      </c>
      <c r="N2537">
        <v>90244.48861</v>
      </c>
      <c r="O2537">
        <v>25886.20593</v>
      </c>
      <c r="P2537">
        <v>28434.790799999999</v>
      </c>
      <c r="Q2537">
        <v>94838.807849999997</v>
      </c>
      <c r="R2537">
        <v>23182.76425</v>
      </c>
      <c r="S2537">
        <v>107222.3106</v>
      </c>
      <c r="T2537">
        <v>30896.024430000001</v>
      </c>
      <c r="U2537">
        <v>19841.106510000001</v>
      </c>
      <c r="W2537" s="83">
        <f>Bühler!N2569</f>
        <v>45397.624999993852</v>
      </c>
      <c r="X2537" s="83">
        <v>43206.625</v>
      </c>
      <c r="Y2537">
        <v>282179.80839999998</v>
      </c>
      <c r="Z2537">
        <v>34886.522830000002</v>
      </c>
      <c r="AA2537">
        <v>93539.848310000001</v>
      </c>
      <c r="AB2537">
        <v>59330.613270000002</v>
      </c>
      <c r="AC2537">
        <v>49038.847990000002</v>
      </c>
      <c r="AD2537">
        <v>36542.733070000002</v>
      </c>
      <c r="AE2537">
        <v>43072.775909999997</v>
      </c>
      <c r="AF2537">
        <v>61968.868009999998</v>
      </c>
      <c r="AG2537">
        <v>26521.496169999999</v>
      </c>
      <c r="AH2537">
        <v>338315.56420000002</v>
      </c>
      <c r="AI2537">
        <v>90244.48861</v>
      </c>
      <c r="AJ2537">
        <v>25886.20593</v>
      </c>
      <c r="AK2537">
        <v>28434.790799999999</v>
      </c>
      <c r="AL2537">
        <v>94838.807849999997</v>
      </c>
      <c r="AM2537">
        <v>23182.76425</v>
      </c>
      <c r="AN2537">
        <v>107222.3106</v>
      </c>
      <c r="AO2537">
        <v>30896.024430000001</v>
      </c>
      <c r="AP2537">
        <v>19841.106510000001</v>
      </c>
    </row>
    <row r="2538" spans="2:42" x14ac:dyDescent="0.3">
      <c r="B2538">
        <v>65.24696653629438</v>
      </c>
      <c r="C2538" s="83">
        <v>43206.666666666664</v>
      </c>
      <c r="D2538">
        <v>276743.03330000001</v>
      </c>
      <c r="E2538">
        <v>34029.555800000002</v>
      </c>
      <c r="F2538">
        <v>93271.014509999994</v>
      </c>
      <c r="G2538">
        <v>56402.037920000002</v>
      </c>
      <c r="H2538">
        <v>47164.736420000001</v>
      </c>
      <c r="I2538">
        <v>36832.13463</v>
      </c>
      <c r="J2538">
        <v>42628.760880000002</v>
      </c>
      <c r="K2538">
        <v>59177.290690000002</v>
      </c>
      <c r="L2538">
        <v>25566.35554</v>
      </c>
      <c r="M2538">
        <v>332659.46279999998</v>
      </c>
      <c r="N2538">
        <v>88127.255229999995</v>
      </c>
      <c r="O2538">
        <v>25425.49828</v>
      </c>
      <c r="P2538">
        <v>27080.03728</v>
      </c>
      <c r="Q2538">
        <v>94212.635989999995</v>
      </c>
      <c r="R2538">
        <v>23194.016309999999</v>
      </c>
      <c r="S2538">
        <v>104625.727</v>
      </c>
      <c r="T2538">
        <v>30215.704389999999</v>
      </c>
      <c r="U2538">
        <v>18940.464929999998</v>
      </c>
      <c r="W2538" s="83">
        <f>Bühler!N2570</f>
        <v>45397.666666660516</v>
      </c>
      <c r="X2538" s="83">
        <v>43206.666666666664</v>
      </c>
      <c r="Y2538">
        <v>276743.03330000001</v>
      </c>
      <c r="Z2538">
        <v>34029.555800000002</v>
      </c>
      <c r="AA2538">
        <v>93271.014509999994</v>
      </c>
      <c r="AB2538">
        <v>56402.037920000002</v>
      </c>
      <c r="AC2538">
        <v>47164.736420000001</v>
      </c>
      <c r="AD2538">
        <v>36832.13463</v>
      </c>
      <c r="AE2538">
        <v>42628.760880000002</v>
      </c>
      <c r="AF2538">
        <v>59177.290690000002</v>
      </c>
      <c r="AG2538">
        <v>25566.35554</v>
      </c>
      <c r="AH2538">
        <v>332659.46279999998</v>
      </c>
      <c r="AI2538">
        <v>88127.255229999995</v>
      </c>
      <c r="AJ2538">
        <v>25425.49828</v>
      </c>
      <c r="AK2538">
        <v>27080.03728</v>
      </c>
      <c r="AL2538">
        <v>94212.635989999995</v>
      </c>
      <c r="AM2538">
        <v>23194.016309999999</v>
      </c>
      <c r="AN2538">
        <v>104625.727</v>
      </c>
      <c r="AO2538">
        <v>30215.704389999999</v>
      </c>
      <c r="AP2538">
        <v>18940.464929999998</v>
      </c>
    </row>
    <row r="2539" spans="2:42" x14ac:dyDescent="0.3">
      <c r="B2539">
        <v>64.179025956753051</v>
      </c>
      <c r="C2539" s="83">
        <v>43206.708333333336</v>
      </c>
      <c r="D2539">
        <v>265987.79300000001</v>
      </c>
      <c r="E2539">
        <v>31895.548299999999</v>
      </c>
      <c r="F2539">
        <v>92074.070439999996</v>
      </c>
      <c r="G2539">
        <v>51057.176789999998</v>
      </c>
      <c r="H2539">
        <v>44789.715989999997</v>
      </c>
      <c r="I2539">
        <v>36094.056620000003</v>
      </c>
      <c r="J2539">
        <v>42138.706969999999</v>
      </c>
      <c r="K2539">
        <v>54777.48676</v>
      </c>
      <c r="L2539">
        <v>25629.591680000001</v>
      </c>
      <c r="M2539">
        <v>327214.60369999998</v>
      </c>
      <c r="N2539">
        <v>81214.015979999996</v>
      </c>
      <c r="O2539">
        <v>23537.60658</v>
      </c>
      <c r="P2539">
        <v>28980.307100000002</v>
      </c>
      <c r="Q2539">
        <v>92643.507939999996</v>
      </c>
      <c r="R2539">
        <v>23259.780559999999</v>
      </c>
      <c r="S2539">
        <v>100644.5353</v>
      </c>
      <c r="T2539">
        <v>30564.066309999998</v>
      </c>
      <c r="U2539">
        <v>16410.02547</v>
      </c>
      <c r="W2539" s="83">
        <f>Bühler!N2571</f>
        <v>45397.70833332718</v>
      </c>
      <c r="X2539" s="83">
        <v>43206.708333333336</v>
      </c>
      <c r="Y2539">
        <v>265987.79300000001</v>
      </c>
      <c r="Z2539">
        <v>31895.548299999999</v>
      </c>
      <c r="AA2539">
        <v>92074.070439999996</v>
      </c>
      <c r="AB2539">
        <v>51057.176789999998</v>
      </c>
      <c r="AC2539">
        <v>44789.715989999997</v>
      </c>
      <c r="AD2539">
        <v>36094.056620000003</v>
      </c>
      <c r="AE2539">
        <v>42138.706969999999</v>
      </c>
      <c r="AF2539">
        <v>54777.48676</v>
      </c>
      <c r="AG2539">
        <v>25629.591680000001</v>
      </c>
      <c r="AH2539">
        <v>327214.60369999998</v>
      </c>
      <c r="AI2539">
        <v>81214.015979999996</v>
      </c>
      <c r="AJ2539">
        <v>23537.60658</v>
      </c>
      <c r="AK2539">
        <v>28980.307100000002</v>
      </c>
      <c r="AL2539">
        <v>92643.507939999996</v>
      </c>
      <c r="AM2539">
        <v>23259.780559999999</v>
      </c>
      <c r="AN2539">
        <v>100644.5353</v>
      </c>
      <c r="AO2539">
        <v>30564.066309999998</v>
      </c>
      <c r="AP2539">
        <v>16410.02547</v>
      </c>
    </row>
    <row r="2540" spans="2:42" x14ac:dyDescent="0.3">
      <c r="B2540">
        <v>63.300072679544378</v>
      </c>
      <c r="C2540" s="83">
        <v>43206.75</v>
      </c>
      <c r="D2540">
        <v>258662.1875</v>
      </c>
      <c r="E2540">
        <v>28932.38651</v>
      </c>
      <c r="F2540">
        <v>90616.158620000002</v>
      </c>
      <c r="G2540">
        <v>45532.679689999997</v>
      </c>
      <c r="H2540">
        <v>42502.184589999997</v>
      </c>
      <c r="I2540">
        <v>34731.167630000004</v>
      </c>
      <c r="J2540">
        <v>41507.655500000001</v>
      </c>
      <c r="K2540">
        <v>51027.209770000001</v>
      </c>
      <c r="L2540">
        <v>26026.856210000002</v>
      </c>
      <c r="M2540">
        <v>322733.28999999998</v>
      </c>
      <c r="N2540">
        <v>79647.437300000005</v>
      </c>
      <c r="O2540">
        <v>23011.823260000001</v>
      </c>
      <c r="P2540">
        <v>30794.703460000001</v>
      </c>
      <c r="Q2540">
        <v>91551.869770000005</v>
      </c>
      <c r="R2540">
        <v>21224.48142</v>
      </c>
      <c r="S2540">
        <v>94061.316460000002</v>
      </c>
      <c r="T2540">
        <v>30149.990280000002</v>
      </c>
      <c r="U2540">
        <v>15247.88313</v>
      </c>
      <c r="W2540" s="83">
        <f>Bühler!N2572</f>
        <v>45397.749999993845</v>
      </c>
      <c r="X2540" s="83">
        <v>43206.75</v>
      </c>
      <c r="Y2540">
        <v>258662.1875</v>
      </c>
      <c r="Z2540">
        <v>28932.38651</v>
      </c>
      <c r="AA2540">
        <v>90616.158620000002</v>
      </c>
      <c r="AB2540">
        <v>45532.679689999997</v>
      </c>
      <c r="AC2540">
        <v>42502.184589999997</v>
      </c>
      <c r="AD2540">
        <v>34731.167630000004</v>
      </c>
      <c r="AE2540">
        <v>41507.655500000001</v>
      </c>
      <c r="AF2540">
        <v>51027.209770000001</v>
      </c>
      <c r="AG2540">
        <v>26026.856210000002</v>
      </c>
      <c r="AH2540">
        <v>322733.28999999998</v>
      </c>
      <c r="AI2540">
        <v>79647.437300000005</v>
      </c>
      <c r="AJ2540">
        <v>23011.823260000001</v>
      </c>
      <c r="AK2540">
        <v>30794.703460000001</v>
      </c>
      <c r="AL2540">
        <v>91551.869770000005</v>
      </c>
      <c r="AM2540">
        <v>21224.48142</v>
      </c>
      <c r="AN2540">
        <v>94061.316460000002</v>
      </c>
      <c r="AO2540">
        <v>30149.990280000002</v>
      </c>
      <c r="AP2540">
        <v>15247.88313</v>
      </c>
    </row>
    <row r="2541" spans="2:42" x14ac:dyDescent="0.3">
      <c r="B2541">
        <v>61.97787416966576</v>
      </c>
      <c r="C2541" s="83">
        <v>43206.791666666664</v>
      </c>
      <c r="D2541">
        <v>253379.26300000001</v>
      </c>
      <c r="E2541">
        <v>23456.344519999999</v>
      </c>
      <c r="F2541">
        <v>78247.114690000002</v>
      </c>
      <c r="G2541">
        <v>42552.543559999998</v>
      </c>
      <c r="H2541">
        <v>40069.412859999997</v>
      </c>
      <c r="I2541">
        <v>31976.294730000001</v>
      </c>
      <c r="J2541">
        <v>40994.637309999998</v>
      </c>
      <c r="K2541">
        <v>50190.183140000001</v>
      </c>
      <c r="L2541">
        <v>27279.410619999999</v>
      </c>
      <c r="M2541">
        <v>315992.1054</v>
      </c>
      <c r="N2541">
        <v>78602.576860000001</v>
      </c>
      <c r="O2541">
        <v>21669.372820000001</v>
      </c>
      <c r="P2541">
        <v>33435.522799999999</v>
      </c>
      <c r="Q2541">
        <v>89259.078899999993</v>
      </c>
      <c r="R2541">
        <v>19725.65927</v>
      </c>
      <c r="S2541">
        <v>89567.867299999998</v>
      </c>
      <c r="T2541">
        <v>31048.580310000001</v>
      </c>
      <c r="U2541">
        <v>14692.645769999999</v>
      </c>
      <c r="W2541" s="83">
        <f>Bühler!N2573</f>
        <v>45397.791666660509</v>
      </c>
      <c r="X2541" s="83">
        <v>43206.791666666664</v>
      </c>
      <c r="Y2541">
        <v>253379.26300000001</v>
      </c>
      <c r="Z2541">
        <v>23456.344519999999</v>
      </c>
      <c r="AA2541">
        <v>78247.114690000002</v>
      </c>
      <c r="AB2541">
        <v>42552.543559999998</v>
      </c>
      <c r="AC2541">
        <v>40069.412859999997</v>
      </c>
      <c r="AD2541">
        <v>31976.294730000001</v>
      </c>
      <c r="AE2541">
        <v>40994.637309999998</v>
      </c>
      <c r="AF2541">
        <v>50190.183140000001</v>
      </c>
      <c r="AG2541">
        <v>27279.410619999999</v>
      </c>
      <c r="AH2541">
        <v>315992.1054</v>
      </c>
      <c r="AI2541">
        <v>78602.576860000001</v>
      </c>
      <c r="AJ2541">
        <v>21669.372820000001</v>
      </c>
      <c r="AK2541">
        <v>33435.522799999999</v>
      </c>
      <c r="AL2541">
        <v>89259.078899999993</v>
      </c>
      <c r="AM2541">
        <v>19725.65927</v>
      </c>
      <c r="AN2541">
        <v>89567.867299999998</v>
      </c>
      <c r="AO2541">
        <v>31048.580310000001</v>
      </c>
      <c r="AP2541">
        <v>14692.645769999999</v>
      </c>
    </row>
    <row r="2542" spans="2:42" x14ac:dyDescent="0.3">
      <c r="B2542">
        <v>60.224232093729135</v>
      </c>
      <c r="C2542" s="83">
        <v>43206.833333333336</v>
      </c>
      <c r="D2542">
        <v>244436.08749999999</v>
      </c>
      <c r="E2542">
        <v>17840.876240000001</v>
      </c>
      <c r="F2542">
        <v>62118.122060000002</v>
      </c>
      <c r="G2542">
        <v>40316.327539999998</v>
      </c>
      <c r="H2542">
        <v>38257.800710000003</v>
      </c>
      <c r="I2542">
        <v>28416.935870000001</v>
      </c>
      <c r="J2542">
        <v>41901.778830000003</v>
      </c>
      <c r="K2542">
        <v>51377.403440000002</v>
      </c>
      <c r="L2542">
        <v>27220.89543</v>
      </c>
      <c r="M2542">
        <v>307051.22029999999</v>
      </c>
      <c r="N2542">
        <v>76697.179820000005</v>
      </c>
      <c r="O2542">
        <v>21039.31208</v>
      </c>
      <c r="P2542">
        <v>33630.78125</v>
      </c>
      <c r="Q2542">
        <v>86150.35355</v>
      </c>
      <c r="R2542">
        <v>19070.485990000001</v>
      </c>
      <c r="S2542">
        <v>83040.13609</v>
      </c>
      <c r="T2542">
        <v>30513.677009999999</v>
      </c>
      <c r="U2542">
        <v>14685.06957</v>
      </c>
      <c r="W2542" s="83">
        <f>Bühler!N2574</f>
        <v>45397.833333327173</v>
      </c>
      <c r="X2542" s="83">
        <v>43206.833333333336</v>
      </c>
      <c r="Y2542">
        <v>244436.08749999999</v>
      </c>
      <c r="Z2542">
        <v>17840.876240000001</v>
      </c>
      <c r="AA2542">
        <v>62118.122060000002</v>
      </c>
      <c r="AB2542">
        <v>40316.327539999998</v>
      </c>
      <c r="AC2542">
        <v>38257.800710000003</v>
      </c>
      <c r="AD2542">
        <v>28416.935870000001</v>
      </c>
      <c r="AE2542">
        <v>41901.778830000003</v>
      </c>
      <c r="AF2542">
        <v>51377.403440000002</v>
      </c>
      <c r="AG2542">
        <v>27220.89543</v>
      </c>
      <c r="AH2542">
        <v>307051.22029999999</v>
      </c>
      <c r="AI2542">
        <v>76697.179820000005</v>
      </c>
      <c r="AJ2542">
        <v>21039.31208</v>
      </c>
      <c r="AK2542">
        <v>33630.78125</v>
      </c>
      <c r="AL2542">
        <v>86150.35355</v>
      </c>
      <c r="AM2542">
        <v>19070.485990000001</v>
      </c>
      <c r="AN2542">
        <v>83040.13609</v>
      </c>
      <c r="AO2542">
        <v>30513.677009999999</v>
      </c>
      <c r="AP2542">
        <v>14685.06957</v>
      </c>
    </row>
    <row r="2543" spans="2:42" x14ac:dyDescent="0.3">
      <c r="B2543">
        <v>58.623408443519573</v>
      </c>
      <c r="C2543" s="83">
        <v>43206.875</v>
      </c>
      <c r="D2543">
        <v>238391.14170000001</v>
      </c>
      <c r="E2543">
        <v>15536.62559</v>
      </c>
      <c r="F2543">
        <v>54567.915939999999</v>
      </c>
      <c r="G2543">
        <v>39825.381419999998</v>
      </c>
      <c r="H2543">
        <v>38286.763120000003</v>
      </c>
      <c r="I2543">
        <v>25604.382519999999</v>
      </c>
      <c r="J2543">
        <v>42341.256789999999</v>
      </c>
      <c r="K2543">
        <v>49600.004650000003</v>
      </c>
      <c r="L2543">
        <v>26426.040560000001</v>
      </c>
      <c r="M2543">
        <v>298889.47480000003</v>
      </c>
      <c r="N2543">
        <v>75469.334990000003</v>
      </c>
      <c r="O2543">
        <v>20839.97032</v>
      </c>
      <c r="P2543">
        <v>33843.399519999999</v>
      </c>
      <c r="Q2543">
        <v>85111.950360000003</v>
      </c>
      <c r="R2543">
        <v>18504.927449999999</v>
      </c>
      <c r="S2543">
        <v>79824.112890000004</v>
      </c>
      <c r="T2543">
        <v>28914.984410000001</v>
      </c>
      <c r="U2543">
        <v>14547.8544</v>
      </c>
      <c r="W2543" s="83">
        <f>Bühler!N2575</f>
        <v>45397.874999993837</v>
      </c>
      <c r="X2543" s="83">
        <v>43206.875</v>
      </c>
      <c r="Y2543">
        <v>238391.14170000001</v>
      </c>
      <c r="Z2543">
        <v>15536.62559</v>
      </c>
      <c r="AA2543">
        <v>54567.915939999999</v>
      </c>
      <c r="AB2543">
        <v>39825.381419999998</v>
      </c>
      <c r="AC2543">
        <v>38286.763120000003</v>
      </c>
      <c r="AD2543">
        <v>25604.382519999999</v>
      </c>
      <c r="AE2543">
        <v>42341.256789999999</v>
      </c>
      <c r="AF2543">
        <v>49600.004650000003</v>
      </c>
      <c r="AG2543">
        <v>26426.040560000001</v>
      </c>
      <c r="AH2543">
        <v>298889.47480000003</v>
      </c>
      <c r="AI2543">
        <v>75469.334990000003</v>
      </c>
      <c r="AJ2543">
        <v>20839.97032</v>
      </c>
      <c r="AK2543">
        <v>33843.399519999999</v>
      </c>
      <c r="AL2543">
        <v>85111.950360000003</v>
      </c>
      <c r="AM2543">
        <v>18504.927449999999</v>
      </c>
      <c r="AN2543">
        <v>79824.112890000004</v>
      </c>
      <c r="AO2543">
        <v>28914.984410000001</v>
      </c>
      <c r="AP2543">
        <v>14547.8544</v>
      </c>
    </row>
    <row r="2544" spans="2:42" x14ac:dyDescent="0.3">
      <c r="B2544">
        <v>57.516543237102333</v>
      </c>
      <c r="C2544" s="83">
        <v>43206.916666666664</v>
      </c>
      <c r="D2544">
        <v>235735.22829999999</v>
      </c>
      <c r="E2544">
        <v>14441.18672</v>
      </c>
      <c r="F2544">
        <v>51742.811199999996</v>
      </c>
      <c r="G2544">
        <v>38191.17942</v>
      </c>
      <c r="H2544">
        <v>37233.720739999997</v>
      </c>
      <c r="I2544">
        <v>23399.77737</v>
      </c>
      <c r="J2544">
        <v>40143.284099999997</v>
      </c>
      <c r="K2544">
        <v>53358.2189</v>
      </c>
      <c r="L2544">
        <v>22842.940760000001</v>
      </c>
      <c r="M2544">
        <v>293246.15980000002</v>
      </c>
      <c r="N2544">
        <v>74264.443090000001</v>
      </c>
      <c r="O2544">
        <v>21018.63449</v>
      </c>
      <c r="P2544">
        <v>35366.329109999999</v>
      </c>
      <c r="Q2544">
        <v>82971.508650000003</v>
      </c>
      <c r="R2544">
        <v>20819.909629999998</v>
      </c>
      <c r="S2544">
        <v>77707.089030000003</v>
      </c>
      <c r="T2544">
        <v>25005.807959999998</v>
      </c>
      <c r="U2544">
        <v>14413.312529999999</v>
      </c>
      <c r="W2544" s="83">
        <f>Bühler!N2576</f>
        <v>45397.916666660502</v>
      </c>
      <c r="X2544" s="83">
        <v>43206.916666666664</v>
      </c>
      <c r="Y2544">
        <v>235735.22829999999</v>
      </c>
      <c r="Z2544">
        <v>14441.18672</v>
      </c>
      <c r="AA2544">
        <v>51742.811199999996</v>
      </c>
      <c r="AB2544">
        <v>38191.17942</v>
      </c>
      <c r="AC2544">
        <v>37233.720739999997</v>
      </c>
      <c r="AD2544">
        <v>23399.77737</v>
      </c>
      <c r="AE2544">
        <v>40143.284099999997</v>
      </c>
      <c r="AF2544">
        <v>53358.2189</v>
      </c>
      <c r="AG2544">
        <v>22842.940760000001</v>
      </c>
      <c r="AH2544">
        <v>293246.15980000002</v>
      </c>
      <c r="AI2544">
        <v>74264.443090000001</v>
      </c>
      <c r="AJ2544">
        <v>21018.63449</v>
      </c>
      <c r="AK2544">
        <v>35366.329109999999</v>
      </c>
      <c r="AL2544">
        <v>82971.508650000003</v>
      </c>
      <c r="AM2544">
        <v>20819.909629999998</v>
      </c>
      <c r="AN2544">
        <v>77707.089030000003</v>
      </c>
      <c r="AO2544">
        <v>25005.807959999998</v>
      </c>
      <c r="AP2544">
        <v>14413.312529999999</v>
      </c>
    </row>
    <row r="2545" spans="2:42" x14ac:dyDescent="0.3">
      <c r="B2545">
        <v>57.216120306505424</v>
      </c>
      <c r="C2545" s="83">
        <v>43206.958333333336</v>
      </c>
      <c r="D2545">
        <v>236681.60769999999</v>
      </c>
      <c r="E2545">
        <v>13747.03275</v>
      </c>
      <c r="F2545">
        <v>50138.607400000001</v>
      </c>
      <c r="G2545">
        <v>37395.295339999997</v>
      </c>
      <c r="H2545">
        <v>36600.569629999998</v>
      </c>
      <c r="I2545">
        <v>22691.239959999999</v>
      </c>
      <c r="J2545">
        <v>36740.43159</v>
      </c>
      <c r="K2545">
        <v>53034.80272</v>
      </c>
      <c r="L2545">
        <v>19641.341830000001</v>
      </c>
      <c r="M2545">
        <v>291714.46360000002</v>
      </c>
      <c r="N2545">
        <v>73700.06035</v>
      </c>
      <c r="O2545">
        <v>20770.682280000001</v>
      </c>
      <c r="P2545">
        <v>31446.36031</v>
      </c>
      <c r="Q2545">
        <v>82408.760460000005</v>
      </c>
      <c r="R2545">
        <v>21548.012360000001</v>
      </c>
      <c r="S2545">
        <v>76109.873879999999</v>
      </c>
      <c r="T2545">
        <v>22298.467929999999</v>
      </c>
      <c r="U2545">
        <v>13944.67777</v>
      </c>
      <c r="W2545" s="83">
        <f>Bühler!N2577</f>
        <v>45397.958333327166</v>
      </c>
      <c r="X2545" s="83">
        <v>43206.958333333336</v>
      </c>
      <c r="Y2545">
        <v>236681.60769999999</v>
      </c>
      <c r="Z2545">
        <v>13747.03275</v>
      </c>
      <c r="AA2545">
        <v>50138.607400000001</v>
      </c>
      <c r="AB2545">
        <v>37395.295339999997</v>
      </c>
      <c r="AC2545">
        <v>36600.569629999998</v>
      </c>
      <c r="AD2545">
        <v>22691.239959999999</v>
      </c>
      <c r="AE2545">
        <v>36740.43159</v>
      </c>
      <c r="AF2545">
        <v>53034.80272</v>
      </c>
      <c r="AG2545">
        <v>19641.341830000001</v>
      </c>
      <c r="AH2545">
        <v>291714.46360000002</v>
      </c>
      <c r="AI2545">
        <v>73700.06035</v>
      </c>
      <c r="AJ2545">
        <v>20770.682280000001</v>
      </c>
      <c r="AK2545">
        <v>31446.36031</v>
      </c>
      <c r="AL2545">
        <v>82408.760460000005</v>
      </c>
      <c r="AM2545">
        <v>21548.012360000001</v>
      </c>
      <c r="AN2545">
        <v>76109.873879999999</v>
      </c>
      <c r="AO2545">
        <v>22298.467929999999</v>
      </c>
      <c r="AP2545">
        <v>13944.67777</v>
      </c>
    </row>
    <row r="2546" spans="2:42" x14ac:dyDescent="0.3">
      <c r="B2546">
        <v>55.956135740727952</v>
      </c>
      <c r="C2546" s="83">
        <v>43207</v>
      </c>
      <c r="D2546">
        <v>234176.2041</v>
      </c>
      <c r="E2546">
        <v>13451.85233</v>
      </c>
      <c r="F2546">
        <v>49423.092100000002</v>
      </c>
      <c r="G2546">
        <v>36439.046739999998</v>
      </c>
      <c r="H2546">
        <v>36052.548280000003</v>
      </c>
      <c r="I2546">
        <v>21536.80456</v>
      </c>
      <c r="J2546">
        <v>35117.07473</v>
      </c>
      <c r="K2546">
        <v>50891.289680000002</v>
      </c>
      <c r="L2546">
        <v>18180.936099999999</v>
      </c>
      <c r="M2546">
        <v>285290.47470000002</v>
      </c>
      <c r="N2546">
        <v>72687.799960000004</v>
      </c>
      <c r="O2546">
        <v>20409.51468</v>
      </c>
      <c r="P2546">
        <v>28888.581330000001</v>
      </c>
      <c r="Q2546">
        <v>81478.553</v>
      </c>
      <c r="R2546">
        <v>18173.495289999999</v>
      </c>
      <c r="S2546">
        <v>75633.738010000001</v>
      </c>
      <c r="T2546">
        <v>20919.145329999999</v>
      </c>
      <c r="U2546">
        <v>13969.6039</v>
      </c>
      <c r="W2546" s="83">
        <f>Bühler!N2578</f>
        <v>45397.99999999383</v>
      </c>
      <c r="X2546" s="83">
        <v>43207</v>
      </c>
      <c r="Y2546">
        <v>234176.2041</v>
      </c>
      <c r="Z2546">
        <v>13451.85233</v>
      </c>
      <c r="AA2546">
        <v>49423.092100000002</v>
      </c>
      <c r="AB2546">
        <v>36439.046739999998</v>
      </c>
      <c r="AC2546">
        <v>36052.548280000003</v>
      </c>
      <c r="AD2546">
        <v>21536.80456</v>
      </c>
      <c r="AE2546">
        <v>35117.07473</v>
      </c>
      <c r="AF2546">
        <v>50891.289680000002</v>
      </c>
      <c r="AG2546">
        <v>18180.936099999999</v>
      </c>
      <c r="AH2546">
        <v>285290.47470000002</v>
      </c>
      <c r="AI2546">
        <v>72687.799960000004</v>
      </c>
      <c r="AJ2546">
        <v>20409.51468</v>
      </c>
      <c r="AK2546">
        <v>28888.581330000001</v>
      </c>
      <c r="AL2546">
        <v>81478.553</v>
      </c>
      <c r="AM2546">
        <v>18173.495289999999</v>
      </c>
      <c r="AN2546">
        <v>75633.738010000001</v>
      </c>
      <c r="AO2546">
        <v>20919.145329999999</v>
      </c>
      <c r="AP2546">
        <v>13969.6039</v>
      </c>
    </row>
    <row r="2547" spans="2:42" x14ac:dyDescent="0.3">
      <c r="B2547">
        <v>55.486653520103559</v>
      </c>
      <c r="C2547" s="83">
        <v>43207.041666666664</v>
      </c>
      <c r="D2547">
        <v>233861.69820000001</v>
      </c>
      <c r="E2547">
        <v>13268.60871</v>
      </c>
      <c r="F2547">
        <v>48733.210910000002</v>
      </c>
      <c r="G2547">
        <v>35904.643049999999</v>
      </c>
      <c r="H2547">
        <v>35520.528870000002</v>
      </c>
      <c r="I2547">
        <v>17806.458449999998</v>
      </c>
      <c r="J2547">
        <v>34904.318099999997</v>
      </c>
      <c r="K2547">
        <v>49199.790699999998</v>
      </c>
      <c r="L2547">
        <v>17565.026699999999</v>
      </c>
      <c r="M2547">
        <v>282896.83539999998</v>
      </c>
      <c r="N2547">
        <v>71884.216950000002</v>
      </c>
      <c r="O2547">
        <v>20166.219529999998</v>
      </c>
      <c r="P2547">
        <v>27085.138340000001</v>
      </c>
      <c r="Q2547">
        <v>82538.419309999997</v>
      </c>
      <c r="R2547">
        <v>16086.667579999999</v>
      </c>
      <c r="S2547">
        <v>74267.490680000003</v>
      </c>
      <c r="T2547">
        <v>21021.817319999998</v>
      </c>
      <c r="U2547">
        <v>13329.93029</v>
      </c>
      <c r="W2547" s="83">
        <f>Bühler!N2579</f>
        <v>45398.041666660494</v>
      </c>
      <c r="X2547" s="83">
        <v>43207.041666666664</v>
      </c>
      <c r="Y2547">
        <v>233861.69820000001</v>
      </c>
      <c r="Z2547">
        <v>13268.60871</v>
      </c>
      <c r="AA2547">
        <v>48733.210910000002</v>
      </c>
      <c r="AB2547">
        <v>35904.643049999999</v>
      </c>
      <c r="AC2547">
        <v>35520.528870000002</v>
      </c>
      <c r="AD2547">
        <v>17806.458449999998</v>
      </c>
      <c r="AE2547">
        <v>34904.318099999997</v>
      </c>
      <c r="AF2547">
        <v>49199.790699999998</v>
      </c>
      <c r="AG2547">
        <v>17565.026699999999</v>
      </c>
      <c r="AH2547">
        <v>282896.83539999998</v>
      </c>
      <c r="AI2547">
        <v>71884.216950000002</v>
      </c>
      <c r="AJ2547">
        <v>20166.219529999998</v>
      </c>
      <c r="AK2547">
        <v>27085.138340000001</v>
      </c>
      <c r="AL2547">
        <v>82538.419309999997</v>
      </c>
      <c r="AM2547">
        <v>16086.667579999999</v>
      </c>
      <c r="AN2547">
        <v>74267.490680000003</v>
      </c>
      <c r="AO2547">
        <v>21021.817319999998</v>
      </c>
      <c r="AP2547">
        <v>13329.93029</v>
      </c>
    </row>
    <row r="2548" spans="2:42" x14ac:dyDescent="0.3">
      <c r="B2548">
        <v>56.097623464999806</v>
      </c>
      <c r="C2548" s="83">
        <v>43207.083333333336</v>
      </c>
      <c r="D2548">
        <v>235391.5938</v>
      </c>
      <c r="E2548">
        <v>13192.16224</v>
      </c>
      <c r="F2548">
        <v>49444.515910000002</v>
      </c>
      <c r="G2548">
        <v>35565.180780000002</v>
      </c>
      <c r="H2548">
        <v>35410.592490000003</v>
      </c>
      <c r="I2548">
        <v>16071.47891</v>
      </c>
      <c r="J2548">
        <v>34345.199990000001</v>
      </c>
      <c r="K2548">
        <v>48168.982000000004</v>
      </c>
      <c r="L2548">
        <v>16860.036339999999</v>
      </c>
      <c r="M2548">
        <v>286011.84509999998</v>
      </c>
      <c r="N2548">
        <v>70661.979460000002</v>
      </c>
      <c r="O2548">
        <v>19806.385689999999</v>
      </c>
      <c r="P2548">
        <v>25691.636139999999</v>
      </c>
      <c r="Q2548">
        <v>85528.852209999997</v>
      </c>
      <c r="R2548">
        <v>17146.818220000001</v>
      </c>
      <c r="S2548">
        <v>73683.981490000006</v>
      </c>
      <c r="T2548">
        <v>21129.185860000001</v>
      </c>
      <c r="U2548">
        <v>13655.313529999999</v>
      </c>
      <c r="W2548" s="83">
        <f>Bühler!N2580</f>
        <v>45398.083333327158</v>
      </c>
      <c r="X2548" s="83">
        <v>43207.083333333336</v>
      </c>
      <c r="Y2548">
        <v>235391.5938</v>
      </c>
      <c r="Z2548">
        <v>13192.16224</v>
      </c>
      <c r="AA2548">
        <v>49444.515910000002</v>
      </c>
      <c r="AB2548">
        <v>35565.180780000002</v>
      </c>
      <c r="AC2548">
        <v>35410.592490000003</v>
      </c>
      <c r="AD2548">
        <v>16071.47891</v>
      </c>
      <c r="AE2548">
        <v>34345.199990000001</v>
      </c>
      <c r="AF2548">
        <v>48168.982000000004</v>
      </c>
      <c r="AG2548">
        <v>16860.036339999999</v>
      </c>
      <c r="AH2548">
        <v>286011.84509999998</v>
      </c>
      <c r="AI2548">
        <v>70661.979460000002</v>
      </c>
      <c r="AJ2548">
        <v>19806.385689999999</v>
      </c>
      <c r="AK2548">
        <v>25691.636139999999</v>
      </c>
      <c r="AL2548">
        <v>85528.852209999997</v>
      </c>
      <c r="AM2548">
        <v>17146.818220000001</v>
      </c>
      <c r="AN2548">
        <v>73683.981490000006</v>
      </c>
      <c r="AO2548">
        <v>21129.185860000001</v>
      </c>
      <c r="AP2548">
        <v>13655.313529999999</v>
      </c>
    </row>
    <row r="2549" spans="2:42" x14ac:dyDescent="0.3">
      <c r="B2549">
        <v>56.953716809008405</v>
      </c>
      <c r="C2549" s="83">
        <v>43207.125</v>
      </c>
      <c r="D2549">
        <v>236262.13570000001</v>
      </c>
      <c r="E2549">
        <v>13315.75742</v>
      </c>
      <c r="F2549">
        <v>50753.275479999997</v>
      </c>
      <c r="G2549">
        <v>34720.68406</v>
      </c>
      <c r="H2549">
        <v>35469.559260000002</v>
      </c>
      <c r="I2549">
        <v>16129.59071</v>
      </c>
      <c r="J2549">
        <v>34373.319860000003</v>
      </c>
      <c r="K2549">
        <v>47231.695800000001</v>
      </c>
      <c r="L2549">
        <v>16842.83209</v>
      </c>
      <c r="M2549">
        <v>290376.60820000002</v>
      </c>
      <c r="N2549">
        <v>69762.158389999997</v>
      </c>
      <c r="O2549">
        <v>20013.95911</v>
      </c>
      <c r="P2549">
        <v>24677.96384</v>
      </c>
      <c r="Q2549">
        <v>87881.812149999998</v>
      </c>
      <c r="R2549">
        <v>17199.996780000001</v>
      </c>
      <c r="S2549">
        <v>72957.162419999993</v>
      </c>
      <c r="T2549">
        <v>21551.991020000001</v>
      </c>
      <c r="U2549">
        <v>13852.67308</v>
      </c>
      <c r="W2549" s="83">
        <f>Bühler!N2581</f>
        <v>45398.124999993823</v>
      </c>
      <c r="X2549" s="83">
        <v>43207.125</v>
      </c>
      <c r="Y2549">
        <v>236262.13570000001</v>
      </c>
      <c r="Z2549">
        <v>13315.75742</v>
      </c>
      <c r="AA2549">
        <v>50753.275479999997</v>
      </c>
      <c r="AB2549">
        <v>34720.68406</v>
      </c>
      <c r="AC2549">
        <v>35469.559260000002</v>
      </c>
      <c r="AD2549">
        <v>16129.59071</v>
      </c>
      <c r="AE2549">
        <v>34373.319860000003</v>
      </c>
      <c r="AF2549">
        <v>47231.695800000001</v>
      </c>
      <c r="AG2549">
        <v>16842.83209</v>
      </c>
      <c r="AH2549">
        <v>290376.60820000002</v>
      </c>
      <c r="AI2549">
        <v>69762.158389999997</v>
      </c>
      <c r="AJ2549">
        <v>20013.95911</v>
      </c>
      <c r="AK2549">
        <v>24677.96384</v>
      </c>
      <c r="AL2549">
        <v>87881.812149999998</v>
      </c>
      <c r="AM2549">
        <v>17199.996780000001</v>
      </c>
      <c r="AN2549">
        <v>72957.162419999993</v>
      </c>
      <c r="AO2549">
        <v>21551.991020000001</v>
      </c>
      <c r="AP2549">
        <v>13852.67308</v>
      </c>
    </row>
    <row r="2550" spans="2:42" x14ac:dyDescent="0.3">
      <c r="B2550">
        <v>58.798281560296481</v>
      </c>
      <c r="C2550" s="83">
        <v>43207.166666666664</v>
      </c>
      <c r="D2550">
        <v>238555.97810000001</v>
      </c>
      <c r="E2550">
        <v>13898.94196</v>
      </c>
      <c r="F2550">
        <v>54083.365760000001</v>
      </c>
      <c r="G2550">
        <v>34499.618260000003</v>
      </c>
      <c r="H2550">
        <v>36222.503660000002</v>
      </c>
      <c r="I2550">
        <v>17993.004010000001</v>
      </c>
      <c r="J2550">
        <v>36922.20117</v>
      </c>
      <c r="K2550">
        <v>45129.876880000003</v>
      </c>
      <c r="L2550">
        <v>16431.310689999998</v>
      </c>
      <c r="M2550">
        <v>299781.05949999997</v>
      </c>
      <c r="N2550">
        <v>68071.040980000005</v>
      </c>
      <c r="O2550">
        <v>20212.864850000002</v>
      </c>
      <c r="P2550">
        <v>25008.633249999999</v>
      </c>
      <c r="Q2550">
        <v>91219.206090000007</v>
      </c>
      <c r="R2550">
        <v>17203.49928</v>
      </c>
      <c r="S2550">
        <v>74188.034669999994</v>
      </c>
      <c r="T2550">
        <v>21958.826840000002</v>
      </c>
      <c r="U2550">
        <v>14233.42368</v>
      </c>
      <c r="W2550" s="83">
        <f>Bühler!N2582</f>
        <v>45398.166666660487</v>
      </c>
      <c r="X2550" s="83">
        <v>43207.166666666664</v>
      </c>
      <c r="Y2550">
        <v>238555.97810000001</v>
      </c>
      <c r="Z2550">
        <v>13898.94196</v>
      </c>
      <c r="AA2550">
        <v>54083.365760000001</v>
      </c>
      <c r="AB2550">
        <v>34499.618260000003</v>
      </c>
      <c r="AC2550">
        <v>36222.503660000002</v>
      </c>
      <c r="AD2550">
        <v>17993.004010000001</v>
      </c>
      <c r="AE2550">
        <v>36922.20117</v>
      </c>
      <c r="AF2550">
        <v>45129.876880000003</v>
      </c>
      <c r="AG2550">
        <v>16431.310689999998</v>
      </c>
      <c r="AH2550">
        <v>299781.05949999997</v>
      </c>
      <c r="AI2550">
        <v>68071.040980000005</v>
      </c>
      <c r="AJ2550">
        <v>20212.864850000002</v>
      </c>
      <c r="AK2550">
        <v>25008.633249999999</v>
      </c>
      <c r="AL2550">
        <v>91219.206090000007</v>
      </c>
      <c r="AM2550">
        <v>17203.49928</v>
      </c>
      <c r="AN2550">
        <v>74188.034669999994</v>
      </c>
      <c r="AO2550">
        <v>21958.826840000002</v>
      </c>
      <c r="AP2550">
        <v>14233.42368</v>
      </c>
    </row>
    <row r="2551" spans="2:42" x14ac:dyDescent="0.3">
      <c r="B2551">
        <v>62.342931890000948</v>
      </c>
      <c r="C2551" s="83">
        <v>43207.208333333336</v>
      </c>
      <c r="D2551">
        <v>255540.0428</v>
      </c>
      <c r="E2551">
        <v>15897.484200000001</v>
      </c>
      <c r="F2551">
        <v>65166.672720000002</v>
      </c>
      <c r="G2551">
        <v>37488.972289999998</v>
      </c>
      <c r="H2551">
        <v>38409.032090000001</v>
      </c>
      <c r="I2551">
        <v>25156.758170000001</v>
      </c>
      <c r="J2551">
        <v>40118.364679999999</v>
      </c>
      <c r="K2551">
        <v>45593.725709999999</v>
      </c>
      <c r="L2551">
        <v>17490.01497</v>
      </c>
      <c r="M2551">
        <v>317853.33990000002</v>
      </c>
      <c r="N2551">
        <v>69342.972110000002</v>
      </c>
      <c r="O2551">
        <v>21377.540969999998</v>
      </c>
      <c r="P2551">
        <v>26622.86145</v>
      </c>
      <c r="Q2551">
        <v>94261.558680000002</v>
      </c>
      <c r="R2551">
        <v>20163.07906</v>
      </c>
      <c r="S2551">
        <v>76630.737529999999</v>
      </c>
      <c r="T2551">
        <v>23860.48647</v>
      </c>
      <c r="U2551">
        <v>16576.307939999999</v>
      </c>
      <c r="W2551" s="83">
        <f>Bühler!N2583</f>
        <v>45398.208333327151</v>
      </c>
      <c r="X2551" s="83">
        <v>43207.208333333336</v>
      </c>
      <c r="Y2551">
        <v>255540.0428</v>
      </c>
      <c r="Z2551">
        <v>15897.484200000001</v>
      </c>
      <c r="AA2551">
        <v>65166.672720000002</v>
      </c>
      <c r="AB2551">
        <v>37488.972289999998</v>
      </c>
      <c r="AC2551">
        <v>38409.032090000001</v>
      </c>
      <c r="AD2551">
        <v>25156.758170000001</v>
      </c>
      <c r="AE2551">
        <v>40118.364679999999</v>
      </c>
      <c r="AF2551">
        <v>45593.725709999999</v>
      </c>
      <c r="AG2551">
        <v>17490.01497</v>
      </c>
      <c r="AH2551">
        <v>317853.33990000002</v>
      </c>
      <c r="AI2551">
        <v>69342.972110000002</v>
      </c>
      <c r="AJ2551">
        <v>21377.540969999998</v>
      </c>
      <c r="AK2551">
        <v>26622.86145</v>
      </c>
      <c r="AL2551">
        <v>94261.558680000002</v>
      </c>
      <c r="AM2551">
        <v>20163.07906</v>
      </c>
      <c r="AN2551">
        <v>76630.737529999999</v>
      </c>
      <c r="AO2551">
        <v>23860.48647</v>
      </c>
      <c r="AP2551">
        <v>16576.307939999999</v>
      </c>
    </row>
    <row r="2552" spans="2:42" x14ac:dyDescent="0.3">
      <c r="B2552">
        <v>65.215061490916042</v>
      </c>
      <c r="C2552" s="83">
        <v>43207.25</v>
      </c>
      <c r="D2552">
        <v>270345.14299999998</v>
      </c>
      <c r="E2552">
        <v>20663.065470000001</v>
      </c>
      <c r="F2552">
        <v>77066.687760000001</v>
      </c>
      <c r="G2552">
        <v>47199.164420000001</v>
      </c>
      <c r="H2552">
        <v>41760.924379999997</v>
      </c>
      <c r="I2552">
        <v>32340.912199999999</v>
      </c>
      <c r="J2552">
        <v>44409.451220000003</v>
      </c>
      <c r="K2552">
        <v>48713.906849999999</v>
      </c>
      <c r="L2552">
        <v>18433.21272</v>
      </c>
      <c r="M2552">
        <v>332496.79599999997</v>
      </c>
      <c r="N2552">
        <v>76087.226150000002</v>
      </c>
      <c r="O2552">
        <v>22986.932420000001</v>
      </c>
      <c r="P2552">
        <v>27455.420419999999</v>
      </c>
      <c r="Q2552">
        <v>95005.581130000006</v>
      </c>
      <c r="R2552">
        <v>18391.220669999999</v>
      </c>
      <c r="S2552">
        <v>85169.982350000006</v>
      </c>
      <c r="T2552">
        <v>27006.746050000002</v>
      </c>
      <c r="U2552">
        <v>19709.36882</v>
      </c>
      <c r="W2552" s="83">
        <f>Bühler!N2584</f>
        <v>45398.249999993815</v>
      </c>
      <c r="X2552" s="83">
        <v>43207.25</v>
      </c>
      <c r="Y2552">
        <v>270345.14299999998</v>
      </c>
      <c r="Z2552">
        <v>20663.065470000001</v>
      </c>
      <c r="AA2552">
        <v>77066.687760000001</v>
      </c>
      <c r="AB2552">
        <v>47199.164420000001</v>
      </c>
      <c r="AC2552">
        <v>41760.924379999997</v>
      </c>
      <c r="AD2552">
        <v>32340.912199999999</v>
      </c>
      <c r="AE2552">
        <v>44409.451220000003</v>
      </c>
      <c r="AF2552">
        <v>48713.906849999999</v>
      </c>
      <c r="AG2552">
        <v>18433.21272</v>
      </c>
      <c r="AH2552">
        <v>332496.79599999997</v>
      </c>
      <c r="AI2552">
        <v>76087.226150000002</v>
      </c>
      <c r="AJ2552">
        <v>22986.932420000001</v>
      </c>
      <c r="AK2552">
        <v>27455.420419999999</v>
      </c>
      <c r="AL2552">
        <v>95005.581130000006</v>
      </c>
      <c r="AM2552">
        <v>18391.220669999999</v>
      </c>
      <c r="AN2552">
        <v>85169.982350000006</v>
      </c>
      <c r="AO2552">
        <v>27006.746050000002</v>
      </c>
      <c r="AP2552">
        <v>19709.36882</v>
      </c>
    </row>
    <row r="2553" spans="2:42" x14ac:dyDescent="0.3">
      <c r="B2553">
        <v>66.744035848528441</v>
      </c>
      <c r="C2553" s="83">
        <v>43207.291666666664</v>
      </c>
      <c r="D2553">
        <v>281379.16320000001</v>
      </c>
      <c r="E2553">
        <v>25008.381410000002</v>
      </c>
      <c r="F2553">
        <v>79075.265010000003</v>
      </c>
      <c r="G2553">
        <v>55933.277220000004</v>
      </c>
      <c r="H2553">
        <v>45660.093889999996</v>
      </c>
      <c r="I2553">
        <v>38326.034740000003</v>
      </c>
      <c r="J2553">
        <v>44905.225270000003</v>
      </c>
      <c r="K2553">
        <v>53527.924370000001</v>
      </c>
      <c r="L2553">
        <v>22045.52202</v>
      </c>
      <c r="M2553">
        <v>340292.22029999999</v>
      </c>
      <c r="N2553">
        <v>81000.504050000003</v>
      </c>
      <c r="O2553">
        <v>25561.736000000001</v>
      </c>
      <c r="P2553">
        <v>30545.813109999999</v>
      </c>
      <c r="Q2553">
        <v>95026.580589999998</v>
      </c>
      <c r="R2553">
        <v>18368.616610000001</v>
      </c>
      <c r="S2553">
        <v>99026.008660000007</v>
      </c>
      <c r="T2553">
        <v>27668.524010000001</v>
      </c>
      <c r="U2553">
        <v>23358.889449999999</v>
      </c>
      <c r="W2553" s="83">
        <f>Bühler!N2585</f>
        <v>45398.29166666048</v>
      </c>
      <c r="X2553" s="83">
        <v>43207.291666666664</v>
      </c>
      <c r="Y2553">
        <v>281379.16320000001</v>
      </c>
      <c r="Z2553">
        <v>25008.381410000002</v>
      </c>
      <c r="AA2553">
        <v>79075.265010000003</v>
      </c>
      <c r="AB2553">
        <v>55933.277220000004</v>
      </c>
      <c r="AC2553">
        <v>45660.093889999996</v>
      </c>
      <c r="AD2553">
        <v>38326.034740000003</v>
      </c>
      <c r="AE2553">
        <v>44905.225270000003</v>
      </c>
      <c r="AF2553">
        <v>53527.924370000001</v>
      </c>
      <c r="AG2553">
        <v>22045.52202</v>
      </c>
      <c r="AH2553">
        <v>340292.22029999999</v>
      </c>
      <c r="AI2553">
        <v>81000.504050000003</v>
      </c>
      <c r="AJ2553">
        <v>25561.736000000001</v>
      </c>
      <c r="AK2553">
        <v>30545.813109999999</v>
      </c>
      <c r="AL2553">
        <v>95026.580589999998</v>
      </c>
      <c r="AM2553">
        <v>18368.616610000001</v>
      </c>
      <c r="AN2553">
        <v>99026.008660000007</v>
      </c>
      <c r="AO2553">
        <v>27668.524010000001</v>
      </c>
      <c r="AP2553">
        <v>23358.889449999999</v>
      </c>
    </row>
    <row r="2554" spans="2:42" x14ac:dyDescent="0.3">
      <c r="B2554">
        <v>67.481786604877911</v>
      </c>
      <c r="C2554" s="83">
        <v>43207.333333333336</v>
      </c>
      <c r="D2554">
        <v>293402.5649</v>
      </c>
      <c r="E2554">
        <v>30538.038219999999</v>
      </c>
      <c r="F2554">
        <v>85601.4179</v>
      </c>
      <c r="G2554">
        <v>63356.150739999997</v>
      </c>
      <c r="H2554">
        <v>50638.445140000003</v>
      </c>
      <c r="I2554">
        <v>40452.269610000003</v>
      </c>
      <c r="J2554">
        <v>46075.593200000003</v>
      </c>
      <c r="K2554">
        <v>59104.51266</v>
      </c>
      <c r="L2554">
        <v>25180.88103</v>
      </c>
      <c r="M2554">
        <v>344053.6177</v>
      </c>
      <c r="N2554">
        <v>86948.150890000004</v>
      </c>
      <c r="O2554">
        <v>26677.795409999999</v>
      </c>
      <c r="P2554">
        <v>32457.272669999998</v>
      </c>
      <c r="Q2554">
        <v>95264.343139999997</v>
      </c>
      <c r="R2554">
        <v>21023.184150000001</v>
      </c>
      <c r="S2554">
        <v>110523.9427</v>
      </c>
      <c r="T2554">
        <v>30702.263610000002</v>
      </c>
      <c r="U2554">
        <v>24863.410070000002</v>
      </c>
      <c r="W2554" s="83">
        <f>Bühler!N2586</f>
        <v>45398.333333327144</v>
      </c>
      <c r="X2554" s="83">
        <v>43207.333333333336</v>
      </c>
      <c r="Y2554">
        <v>293402.5649</v>
      </c>
      <c r="Z2554">
        <v>30538.038219999999</v>
      </c>
      <c r="AA2554">
        <v>85601.4179</v>
      </c>
      <c r="AB2554">
        <v>63356.150739999997</v>
      </c>
      <c r="AC2554">
        <v>50638.445140000003</v>
      </c>
      <c r="AD2554">
        <v>40452.269610000003</v>
      </c>
      <c r="AE2554">
        <v>46075.593200000003</v>
      </c>
      <c r="AF2554">
        <v>59104.51266</v>
      </c>
      <c r="AG2554">
        <v>25180.88103</v>
      </c>
      <c r="AH2554">
        <v>344053.6177</v>
      </c>
      <c r="AI2554">
        <v>86948.150890000004</v>
      </c>
      <c r="AJ2554">
        <v>26677.795409999999</v>
      </c>
      <c r="AK2554">
        <v>32457.272669999998</v>
      </c>
      <c r="AL2554">
        <v>95264.343139999997</v>
      </c>
      <c r="AM2554">
        <v>21023.184150000001</v>
      </c>
      <c r="AN2554">
        <v>110523.9427</v>
      </c>
      <c r="AO2554">
        <v>30702.263610000002</v>
      </c>
      <c r="AP2554">
        <v>24863.410070000002</v>
      </c>
    </row>
    <row r="2555" spans="2:42" x14ac:dyDescent="0.3">
      <c r="B2555">
        <v>67.912796766093777</v>
      </c>
      <c r="C2555" s="83">
        <v>43207.375</v>
      </c>
      <c r="D2555">
        <v>292720.34989999997</v>
      </c>
      <c r="E2555">
        <v>34663.734299999996</v>
      </c>
      <c r="F2555">
        <v>92649.727880000006</v>
      </c>
      <c r="G2555">
        <v>67476.567450000002</v>
      </c>
      <c r="H2555">
        <v>52413.238550000002</v>
      </c>
      <c r="I2555">
        <v>38790.344219999999</v>
      </c>
      <c r="J2555">
        <v>45722.009899999997</v>
      </c>
      <c r="K2555">
        <v>60183.605660000001</v>
      </c>
      <c r="L2555">
        <v>27608.52217</v>
      </c>
      <c r="M2555">
        <v>346251.10849999997</v>
      </c>
      <c r="N2555">
        <v>91168.254809999999</v>
      </c>
      <c r="O2555">
        <v>26553.496800000001</v>
      </c>
      <c r="P2555">
        <v>34415.23515</v>
      </c>
      <c r="Q2555">
        <v>96180.816869999995</v>
      </c>
      <c r="R2555">
        <v>21486.888900000002</v>
      </c>
      <c r="S2555">
        <v>116255.7055</v>
      </c>
      <c r="T2555">
        <v>32200.731540000001</v>
      </c>
      <c r="U2555">
        <v>25192.642530000001</v>
      </c>
      <c r="W2555" s="83">
        <f>Bühler!N2587</f>
        <v>45398.374999993808</v>
      </c>
      <c r="X2555" s="83">
        <v>43207.375</v>
      </c>
      <c r="Y2555">
        <v>292720.34989999997</v>
      </c>
      <c r="Z2555">
        <v>34663.734299999996</v>
      </c>
      <c r="AA2555">
        <v>92649.727880000006</v>
      </c>
      <c r="AB2555">
        <v>67476.567450000002</v>
      </c>
      <c r="AC2555">
        <v>52413.238550000002</v>
      </c>
      <c r="AD2555">
        <v>38790.344219999999</v>
      </c>
      <c r="AE2555">
        <v>45722.009899999997</v>
      </c>
      <c r="AF2555">
        <v>60183.605660000001</v>
      </c>
      <c r="AG2555">
        <v>27608.52217</v>
      </c>
      <c r="AH2555">
        <v>346251.10849999997</v>
      </c>
      <c r="AI2555">
        <v>91168.254809999999</v>
      </c>
      <c r="AJ2555">
        <v>26553.496800000001</v>
      </c>
      <c r="AK2555">
        <v>34415.23515</v>
      </c>
      <c r="AL2555">
        <v>96180.816869999995</v>
      </c>
      <c r="AM2555">
        <v>21486.888900000002</v>
      </c>
      <c r="AN2555">
        <v>116255.7055</v>
      </c>
      <c r="AO2555">
        <v>32200.731540000001</v>
      </c>
      <c r="AP2555">
        <v>25192.642530000001</v>
      </c>
    </row>
    <row r="2556" spans="2:42" x14ac:dyDescent="0.3">
      <c r="B2556">
        <v>68.849720417171142</v>
      </c>
      <c r="C2556" s="83">
        <v>43207.416666666664</v>
      </c>
      <c r="D2556">
        <v>295226.0686</v>
      </c>
      <c r="E2556">
        <v>35800.557739999997</v>
      </c>
      <c r="F2556">
        <v>93368.950660000002</v>
      </c>
      <c r="G2556">
        <v>69148.846009999994</v>
      </c>
      <c r="H2556">
        <v>53126.81637</v>
      </c>
      <c r="I2556">
        <v>36787.772440000001</v>
      </c>
      <c r="J2556">
        <v>44268.393069999998</v>
      </c>
      <c r="K2556">
        <v>62548.889000000003</v>
      </c>
      <c r="L2556">
        <v>29840.095860000001</v>
      </c>
      <c r="M2556">
        <v>351027.98220000003</v>
      </c>
      <c r="N2556">
        <v>93597.017720000003</v>
      </c>
      <c r="O2556">
        <v>27311.342410000001</v>
      </c>
      <c r="P2556">
        <v>35826.150759999997</v>
      </c>
      <c r="Q2556">
        <v>98154.695340000006</v>
      </c>
      <c r="R2556">
        <v>22200.278539999999</v>
      </c>
      <c r="S2556">
        <v>116022.62699999999</v>
      </c>
      <c r="T2556">
        <v>33738.179580000004</v>
      </c>
      <c r="U2556">
        <v>23772.67455</v>
      </c>
      <c r="W2556" s="83">
        <f>Bühler!N2588</f>
        <v>45398.416666660472</v>
      </c>
      <c r="X2556" s="83">
        <v>43207.416666666664</v>
      </c>
      <c r="Y2556">
        <v>295226.0686</v>
      </c>
      <c r="Z2556">
        <v>35800.557739999997</v>
      </c>
      <c r="AA2556">
        <v>93368.950660000002</v>
      </c>
      <c r="AB2556">
        <v>69148.846009999994</v>
      </c>
      <c r="AC2556">
        <v>53126.81637</v>
      </c>
      <c r="AD2556">
        <v>36787.772440000001</v>
      </c>
      <c r="AE2556">
        <v>44268.393069999998</v>
      </c>
      <c r="AF2556">
        <v>62548.889000000003</v>
      </c>
      <c r="AG2556">
        <v>29840.095860000001</v>
      </c>
      <c r="AH2556">
        <v>351027.98220000003</v>
      </c>
      <c r="AI2556">
        <v>93597.017720000003</v>
      </c>
      <c r="AJ2556">
        <v>27311.342410000001</v>
      </c>
      <c r="AK2556">
        <v>35826.150759999997</v>
      </c>
      <c r="AL2556">
        <v>98154.695340000006</v>
      </c>
      <c r="AM2556">
        <v>22200.278539999999</v>
      </c>
      <c r="AN2556">
        <v>116022.62699999999</v>
      </c>
      <c r="AO2556">
        <v>33738.179580000004</v>
      </c>
      <c r="AP2556">
        <v>23772.67455</v>
      </c>
    </row>
    <row r="2557" spans="2:42" x14ac:dyDescent="0.3">
      <c r="B2557">
        <v>69.974380994571476</v>
      </c>
      <c r="C2557" s="83">
        <v>43207.458333333336</v>
      </c>
      <c r="D2557">
        <v>294257.17930000002</v>
      </c>
      <c r="E2557">
        <v>36070.737300000001</v>
      </c>
      <c r="F2557">
        <v>95131.058420000001</v>
      </c>
      <c r="G2557">
        <v>68141.090060000002</v>
      </c>
      <c r="H2557">
        <v>52349.86176</v>
      </c>
      <c r="I2557">
        <v>36539.703509999999</v>
      </c>
      <c r="J2557">
        <v>44129.096700000002</v>
      </c>
      <c r="K2557">
        <v>62762.854359999998</v>
      </c>
      <c r="L2557">
        <v>32331.447840000001</v>
      </c>
      <c r="M2557">
        <v>356762.02630000003</v>
      </c>
      <c r="N2557">
        <v>93692.759609999994</v>
      </c>
      <c r="O2557">
        <v>28227.724880000002</v>
      </c>
      <c r="P2557">
        <v>35330.320820000001</v>
      </c>
      <c r="Q2557">
        <v>99574.273790000007</v>
      </c>
      <c r="R2557">
        <v>24439.950219999999</v>
      </c>
      <c r="S2557">
        <v>119321.0868</v>
      </c>
      <c r="T2557">
        <v>34074.465360000002</v>
      </c>
      <c r="U2557">
        <v>23514.610219999999</v>
      </c>
      <c r="W2557" s="83">
        <f>Bühler!N2589</f>
        <v>45398.458333327137</v>
      </c>
      <c r="X2557" s="83">
        <v>43207.458333333336</v>
      </c>
      <c r="Y2557">
        <v>294257.17930000002</v>
      </c>
      <c r="Z2557">
        <v>36070.737300000001</v>
      </c>
      <c r="AA2557">
        <v>95131.058420000001</v>
      </c>
      <c r="AB2557">
        <v>68141.090060000002</v>
      </c>
      <c r="AC2557">
        <v>52349.86176</v>
      </c>
      <c r="AD2557">
        <v>36539.703509999999</v>
      </c>
      <c r="AE2557">
        <v>44129.096700000002</v>
      </c>
      <c r="AF2557">
        <v>62762.854359999998</v>
      </c>
      <c r="AG2557">
        <v>32331.447840000001</v>
      </c>
      <c r="AH2557">
        <v>356762.02630000003</v>
      </c>
      <c r="AI2557">
        <v>93692.759609999994</v>
      </c>
      <c r="AJ2557">
        <v>28227.724880000002</v>
      </c>
      <c r="AK2557">
        <v>35330.320820000001</v>
      </c>
      <c r="AL2557">
        <v>99574.273790000007</v>
      </c>
      <c r="AM2557">
        <v>24439.950219999999</v>
      </c>
      <c r="AN2557">
        <v>119321.0868</v>
      </c>
      <c r="AO2557">
        <v>34074.465360000002</v>
      </c>
      <c r="AP2557">
        <v>23514.610219999999</v>
      </c>
    </row>
    <row r="2558" spans="2:42" x14ac:dyDescent="0.3">
      <c r="B2558">
        <v>69.266698240973838</v>
      </c>
      <c r="C2558" s="83">
        <v>43207.5</v>
      </c>
      <c r="D2558">
        <v>281155.84139999998</v>
      </c>
      <c r="E2558">
        <v>32342.136419999999</v>
      </c>
      <c r="F2558">
        <v>89310.131479999996</v>
      </c>
      <c r="G2558">
        <v>66582.158630000005</v>
      </c>
      <c r="H2558">
        <v>50231.610690000001</v>
      </c>
      <c r="I2558">
        <v>35795.143100000001</v>
      </c>
      <c r="J2558">
        <v>44503.721270000002</v>
      </c>
      <c r="K2558">
        <v>59532.869019999998</v>
      </c>
      <c r="L2558">
        <v>34881.222979999999</v>
      </c>
      <c r="M2558">
        <v>353153.92959999997</v>
      </c>
      <c r="N2558">
        <v>92423.339659999998</v>
      </c>
      <c r="O2558">
        <v>26333.39961</v>
      </c>
      <c r="P2558">
        <v>35143.726289999999</v>
      </c>
      <c r="Q2558">
        <v>98672.454400000002</v>
      </c>
      <c r="R2558">
        <v>24292.389770000002</v>
      </c>
      <c r="S2558">
        <v>114513.681</v>
      </c>
      <c r="T2558">
        <v>34738.349269999999</v>
      </c>
      <c r="U2558">
        <v>20185.724839999999</v>
      </c>
      <c r="W2558" s="83">
        <f>Bühler!N2590</f>
        <v>45398.499999993801</v>
      </c>
      <c r="X2558" s="83">
        <v>43207.5</v>
      </c>
      <c r="Y2558">
        <v>281155.84139999998</v>
      </c>
      <c r="Z2558">
        <v>32342.136419999999</v>
      </c>
      <c r="AA2558">
        <v>89310.131479999996</v>
      </c>
      <c r="AB2558">
        <v>66582.158630000005</v>
      </c>
      <c r="AC2558">
        <v>50231.610690000001</v>
      </c>
      <c r="AD2558">
        <v>35795.143100000001</v>
      </c>
      <c r="AE2558">
        <v>44503.721270000002</v>
      </c>
      <c r="AF2558">
        <v>59532.869019999998</v>
      </c>
      <c r="AG2558">
        <v>34881.222979999999</v>
      </c>
      <c r="AH2558">
        <v>353153.92959999997</v>
      </c>
      <c r="AI2558">
        <v>92423.339659999998</v>
      </c>
      <c r="AJ2558">
        <v>26333.39961</v>
      </c>
      <c r="AK2558">
        <v>35143.726289999999</v>
      </c>
      <c r="AL2558">
        <v>98672.454400000002</v>
      </c>
      <c r="AM2558">
        <v>24292.389770000002</v>
      </c>
      <c r="AN2558">
        <v>114513.681</v>
      </c>
      <c r="AO2558">
        <v>34738.349269999999</v>
      </c>
      <c r="AP2558">
        <v>20185.724839999999</v>
      </c>
    </row>
    <row r="2559" spans="2:42" x14ac:dyDescent="0.3">
      <c r="B2559">
        <v>68.451176195494341</v>
      </c>
      <c r="C2559" s="83">
        <v>43207.541666666664</v>
      </c>
      <c r="D2559">
        <v>285420.85269999999</v>
      </c>
      <c r="E2559">
        <v>32793.859299999996</v>
      </c>
      <c r="F2559">
        <v>86376.641109999997</v>
      </c>
      <c r="G2559">
        <v>63839.240440000001</v>
      </c>
      <c r="H2559">
        <v>50928.829640000004</v>
      </c>
      <c r="I2559">
        <v>36290.951939999999</v>
      </c>
      <c r="J2559">
        <v>43591.199059999999</v>
      </c>
      <c r="K2559">
        <v>61873.576370000002</v>
      </c>
      <c r="L2559">
        <v>33213.291749999997</v>
      </c>
      <c r="M2559">
        <v>348996.01789999998</v>
      </c>
      <c r="N2559">
        <v>93817.604590000003</v>
      </c>
      <c r="O2559">
        <v>26841.416140000001</v>
      </c>
      <c r="P2559">
        <v>33817.227749999998</v>
      </c>
      <c r="Q2559">
        <v>97773.925220000005</v>
      </c>
      <c r="R2559">
        <v>24087.087299999999</v>
      </c>
      <c r="S2559">
        <v>115604.7182</v>
      </c>
      <c r="T2559">
        <v>33604.410320000003</v>
      </c>
      <c r="U2559">
        <v>22290.574130000001</v>
      </c>
      <c r="W2559" s="83">
        <f>Bühler!N2591</f>
        <v>45398.541666660465</v>
      </c>
      <c r="X2559" s="83">
        <v>43207.541666666664</v>
      </c>
      <c r="Y2559">
        <v>285420.85269999999</v>
      </c>
      <c r="Z2559">
        <v>32793.859299999996</v>
      </c>
      <c r="AA2559">
        <v>86376.641109999997</v>
      </c>
      <c r="AB2559">
        <v>63839.240440000001</v>
      </c>
      <c r="AC2559">
        <v>50928.829640000004</v>
      </c>
      <c r="AD2559">
        <v>36290.951939999999</v>
      </c>
      <c r="AE2559">
        <v>43591.199059999999</v>
      </c>
      <c r="AF2559">
        <v>61873.576370000002</v>
      </c>
      <c r="AG2559">
        <v>33213.291749999997</v>
      </c>
      <c r="AH2559">
        <v>348996.01789999998</v>
      </c>
      <c r="AI2559">
        <v>93817.604590000003</v>
      </c>
      <c r="AJ2559">
        <v>26841.416140000001</v>
      </c>
      <c r="AK2559">
        <v>33817.227749999998</v>
      </c>
      <c r="AL2559">
        <v>97773.925220000005</v>
      </c>
      <c r="AM2559">
        <v>24087.087299999999</v>
      </c>
      <c r="AN2559">
        <v>115604.7182</v>
      </c>
      <c r="AO2559">
        <v>33604.410320000003</v>
      </c>
      <c r="AP2559">
        <v>22290.574130000001</v>
      </c>
    </row>
    <row r="2560" spans="2:42" x14ac:dyDescent="0.3">
      <c r="B2560">
        <v>68.705970679339401</v>
      </c>
      <c r="C2560" s="83">
        <v>43207.583333333336</v>
      </c>
      <c r="D2560">
        <v>289474.38860000001</v>
      </c>
      <c r="E2560">
        <v>35391.980309999999</v>
      </c>
      <c r="F2560">
        <v>94691.396399999998</v>
      </c>
      <c r="G2560">
        <v>60160.783589999999</v>
      </c>
      <c r="H2560">
        <v>51072.433100000002</v>
      </c>
      <c r="I2560">
        <v>36981.359929999999</v>
      </c>
      <c r="J2560">
        <v>43609.012849999999</v>
      </c>
      <c r="K2560">
        <v>65216.467250000002</v>
      </c>
      <c r="L2560">
        <v>29225.279460000002</v>
      </c>
      <c r="M2560">
        <v>350295.07900000003</v>
      </c>
      <c r="N2560">
        <v>95017.985270000005</v>
      </c>
      <c r="O2560">
        <v>26825.803209999998</v>
      </c>
      <c r="P2560">
        <v>31103.335879999999</v>
      </c>
      <c r="Q2560">
        <v>98549.305319999999</v>
      </c>
      <c r="R2560">
        <v>23174.860700000001</v>
      </c>
      <c r="S2560">
        <v>109382.50440000001</v>
      </c>
      <c r="T2560">
        <v>33158.005210000003</v>
      </c>
      <c r="U2560">
        <v>22985.321749999999</v>
      </c>
      <c r="W2560" s="83">
        <f>Bühler!N2592</f>
        <v>45398.583333327129</v>
      </c>
      <c r="X2560" s="83">
        <v>43207.583333333336</v>
      </c>
      <c r="Y2560">
        <v>289474.38860000001</v>
      </c>
      <c r="Z2560">
        <v>35391.980309999999</v>
      </c>
      <c r="AA2560">
        <v>94691.396399999998</v>
      </c>
      <c r="AB2560">
        <v>60160.783589999999</v>
      </c>
      <c r="AC2560">
        <v>51072.433100000002</v>
      </c>
      <c r="AD2560">
        <v>36981.359929999999</v>
      </c>
      <c r="AE2560">
        <v>43609.012849999999</v>
      </c>
      <c r="AF2560">
        <v>65216.467250000002</v>
      </c>
      <c r="AG2560">
        <v>29225.279460000002</v>
      </c>
      <c r="AH2560">
        <v>350295.07900000003</v>
      </c>
      <c r="AI2560">
        <v>95017.985270000005</v>
      </c>
      <c r="AJ2560">
        <v>26825.803209999998</v>
      </c>
      <c r="AK2560">
        <v>31103.335879999999</v>
      </c>
      <c r="AL2560">
        <v>98549.305319999999</v>
      </c>
      <c r="AM2560">
        <v>23174.860700000001</v>
      </c>
      <c r="AN2560">
        <v>109382.50440000001</v>
      </c>
      <c r="AO2560">
        <v>33158.005210000003</v>
      </c>
      <c r="AP2560">
        <v>22985.321749999999</v>
      </c>
    </row>
    <row r="2561" spans="2:42" x14ac:dyDescent="0.3">
      <c r="B2561">
        <v>68.17987117801934</v>
      </c>
      <c r="C2561" s="83">
        <v>43207.625</v>
      </c>
      <c r="D2561">
        <v>288920.57490000001</v>
      </c>
      <c r="E2561">
        <v>35446.00346</v>
      </c>
      <c r="F2561">
        <v>97403.257410000006</v>
      </c>
      <c r="G2561">
        <v>57747.819089999997</v>
      </c>
      <c r="H2561">
        <v>49703.669829999999</v>
      </c>
      <c r="I2561">
        <v>37078.578549999998</v>
      </c>
      <c r="J2561">
        <v>43380.660069999998</v>
      </c>
      <c r="K2561">
        <v>62707.282939999997</v>
      </c>
      <c r="L2561">
        <v>27063.66548</v>
      </c>
      <c r="M2561">
        <v>347612.77840000001</v>
      </c>
      <c r="N2561">
        <v>92852.757679999995</v>
      </c>
      <c r="O2561">
        <v>25301.67311</v>
      </c>
      <c r="P2561">
        <v>28544.466509999998</v>
      </c>
      <c r="Q2561">
        <v>98435.130860000005</v>
      </c>
      <c r="R2561">
        <v>22989.73761</v>
      </c>
      <c r="S2561">
        <v>108696.88400000001</v>
      </c>
      <c r="T2561">
        <v>32394.436409999998</v>
      </c>
      <c r="U2561">
        <v>21470.44672</v>
      </c>
      <c r="W2561" s="83">
        <f>Bühler!N2593</f>
        <v>45398.624999993794</v>
      </c>
      <c r="X2561" s="83">
        <v>43207.625</v>
      </c>
      <c r="Y2561">
        <v>288920.57490000001</v>
      </c>
      <c r="Z2561">
        <v>35446.00346</v>
      </c>
      <c r="AA2561">
        <v>97403.257410000006</v>
      </c>
      <c r="AB2561">
        <v>57747.819089999997</v>
      </c>
      <c r="AC2561">
        <v>49703.669829999999</v>
      </c>
      <c r="AD2561">
        <v>37078.578549999998</v>
      </c>
      <c r="AE2561">
        <v>43380.660069999998</v>
      </c>
      <c r="AF2561">
        <v>62707.282939999997</v>
      </c>
      <c r="AG2561">
        <v>27063.66548</v>
      </c>
      <c r="AH2561">
        <v>347612.77840000001</v>
      </c>
      <c r="AI2561">
        <v>92852.757679999995</v>
      </c>
      <c r="AJ2561">
        <v>25301.67311</v>
      </c>
      <c r="AK2561">
        <v>28544.466509999998</v>
      </c>
      <c r="AL2561">
        <v>98435.130860000005</v>
      </c>
      <c r="AM2561">
        <v>22989.73761</v>
      </c>
      <c r="AN2561">
        <v>108696.88400000001</v>
      </c>
      <c r="AO2561">
        <v>32394.436409999998</v>
      </c>
      <c r="AP2561">
        <v>21470.44672</v>
      </c>
    </row>
    <row r="2562" spans="2:42" x14ac:dyDescent="0.3">
      <c r="B2562">
        <v>67.135914163691282</v>
      </c>
      <c r="C2562" s="83">
        <v>43207.666666666664</v>
      </c>
      <c r="D2562">
        <v>282206.25949999999</v>
      </c>
      <c r="E2562">
        <v>34824.488109999998</v>
      </c>
      <c r="F2562">
        <v>96673.926760000002</v>
      </c>
      <c r="G2562">
        <v>55252.523029999997</v>
      </c>
      <c r="H2562">
        <v>47929.905899999998</v>
      </c>
      <c r="I2562">
        <v>37864.647340000003</v>
      </c>
      <c r="J2562">
        <v>42488.71</v>
      </c>
      <c r="K2562">
        <v>60048.444920000002</v>
      </c>
      <c r="L2562">
        <v>25801.300449999999</v>
      </c>
      <c r="M2562">
        <v>342290.19870000001</v>
      </c>
      <c r="N2562">
        <v>90034.294609999997</v>
      </c>
      <c r="O2562">
        <v>24553.288199999999</v>
      </c>
      <c r="P2562">
        <v>28233.369200000001</v>
      </c>
      <c r="Q2562">
        <v>97332.600479999994</v>
      </c>
      <c r="R2562">
        <v>23037.887289999999</v>
      </c>
      <c r="S2562">
        <v>105808.43520000001</v>
      </c>
      <c r="T2562">
        <v>31362.09561</v>
      </c>
      <c r="U2562">
        <v>19999.605739999999</v>
      </c>
      <c r="W2562" s="83">
        <f>Bühler!N2594</f>
        <v>45398.666666660458</v>
      </c>
      <c r="X2562" s="83">
        <v>43207.666666666664</v>
      </c>
      <c r="Y2562">
        <v>282206.25949999999</v>
      </c>
      <c r="Z2562">
        <v>34824.488109999998</v>
      </c>
      <c r="AA2562">
        <v>96673.926760000002</v>
      </c>
      <c r="AB2562">
        <v>55252.523029999997</v>
      </c>
      <c r="AC2562">
        <v>47929.905899999998</v>
      </c>
      <c r="AD2562">
        <v>37864.647340000003</v>
      </c>
      <c r="AE2562">
        <v>42488.71</v>
      </c>
      <c r="AF2562">
        <v>60048.444920000002</v>
      </c>
      <c r="AG2562">
        <v>25801.300449999999</v>
      </c>
      <c r="AH2562">
        <v>342290.19870000001</v>
      </c>
      <c r="AI2562">
        <v>90034.294609999997</v>
      </c>
      <c r="AJ2562">
        <v>24553.288199999999</v>
      </c>
      <c r="AK2562">
        <v>28233.369200000001</v>
      </c>
      <c r="AL2562">
        <v>97332.600479999994</v>
      </c>
      <c r="AM2562">
        <v>23037.887289999999</v>
      </c>
      <c r="AN2562">
        <v>105808.43520000001</v>
      </c>
      <c r="AO2562">
        <v>31362.09561</v>
      </c>
      <c r="AP2562">
        <v>19999.605739999999</v>
      </c>
    </row>
    <row r="2563" spans="2:42" x14ac:dyDescent="0.3">
      <c r="B2563">
        <v>65.354637051932116</v>
      </c>
      <c r="C2563" s="83">
        <v>43207.708333333336</v>
      </c>
      <c r="D2563">
        <v>270709.39360000001</v>
      </c>
      <c r="E2563">
        <v>33069.764649999997</v>
      </c>
      <c r="F2563">
        <v>95552.055630000003</v>
      </c>
      <c r="G2563">
        <v>50471.354979999996</v>
      </c>
      <c r="H2563">
        <v>45670.551019999999</v>
      </c>
      <c r="I2563">
        <v>37362.0933</v>
      </c>
      <c r="J2563">
        <v>42349.432760000003</v>
      </c>
      <c r="K2563">
        <v>56539.938679999999</v>
      </c>
      <c r="L2563">
        <v>26221.691569999999</v>
      </c>
      <c r="M2563">
        <v>333208.41729999997</v>
      </c>
      <c r="N2563">
        <v>84988.623919999998</v>
      </c>
      <c r="O2563">
        <v>24907.645329999999</v>
      </c>
      <c r="P2563">
        <v>29366.900150000001</v>
      </c>
      <c r="Q2563">
        <v>96453.390079999997</v>
      </c>
      <c r="R2563">
        <v>23334.891090000001</v>
      </c>
      <c r="S2563">
        <v>103191.0392</v>
      </c>
      <c r="T2563">
        <v>31245.064030000001</v>
      </c>
      <c r="U2563">
        <v>17472.25807</v>
      </c>
      <c r="W2563" s="83">
        <f>Bühler!N2595</f>
        <v>45398.708333327122</v>
      </c>
      <c r="X2563" s="83">
        <v>43207.708333333336</v>
      </c>
      <c r="Y2563">
        <v>270709.39360000001</v>
      </c>
      <c r="Z2563">
        <v>33069.764649999997</v>
      </c>
      <c r="AA2563">
        <v>95552.055630000003</v>
      </c>
      <c r="AB2563">
        <v>50471.354979999996</v>
      </c>
      <c r="AC2563">
        <v>45670.551019999999</v>
      </c>
      <c r="AD2563">
        <v>37362.0933</v>
      </c>
      <c r="AE2563">
        <v>42349.432760000003</v>
      </c>
      <c r="AF2563">
        <v>56539.938679999999</v>
      </c>
      <c r="AG2563">
        <v>26221.691569999999</v>
      </c>
      <c r="AH2563">
        <v>333208.41729999997</v>
      </c>
      <c r="AI2563">
        <v>84988.623919999998</v>
      </c>
      <c r="AJ2563">
        <v>24907.645329999999</v>
      </c>
      <c r="AK2563">
        <v>29366.900150000001</v>
      </c>
      <c r="AL2563">
        <v>96453.390079999997</v>
      </c>
      <c r="AM2563">
        <v>23334.891090000001</v>
      </c>
      <c r="AN2563">
        <v>103191.0392</v>
      </c>
      <c r="AO2563">
        <v>31245.064030000001</v>
      </c>
      <c r="AP2563">
        <v>17472.25807</v>
      </c>
    </row>
    <row r="2564" spans="2:42" x14ac:dyDescent="0.3">
      <c r="B2564">
        <v>64.130145257482923</v>
      </c>
      <c r="C2564" s="83">
        <v>43207.75</v>
      </c>
      <c r="D2564">
        <v>262822.03480000002</v>
      </c>
      <c r="E2564">
        <v>29595.477350000001</v>
      </c>
      <c r="F2564">
        <v>93577.079280000005</v>
      </c>
      <c r="G2564">
        <v>45619.646789999999</v>
      </c>
      <c r="H2564">
        <v>43271.113120000002</v>
      </c>
      <c r="I2564">
        <v>35425.548060000001</v>
      </c>
      <c r="J2564">
        <v>42096.98287</v>
      </c>
      <c r="K2564">
        <v>53584.380989999998</v>
      </c>
      <c r="L2564">
        <v>26578.64171</v>
      </c>
      <c r="M2564">
        <v>326965.38709999999</v>
      </c>
      <c r="N2564">
        <v>83005.509139999995</v>
      </c>
      <c r="O2564">
        <v>23749.07501</v>
      </c>
      <c r="P2564">
        <v>32442.798480000001</v>
      </c>
      <c r="Q2564">
        <v>94906.009510000004</v>
      </c>
      <c r="R2564">
        <v>21913.829170000001</v>
      </c>
      <c r="S2564">
        <v>96839.987800000003</v>
      </c>
      <c r="T2564">
        <v>31793.666020000001</v>
      </c>
      <c r="U2564">
        <v>15961.179120000001</v>
      </c>
      <c r="W2564" s="83">
        <f>Bühler!N2596</f>
        <v>45398.749999993786</v>
      </c>
      <c r="X2564" s="83">
        <v>43207.75</v>
      </c>
      <c r="Y2564">
        <v>262822.03480000002</v>
      </c>
      <c r="Z2564">
        <v>29595.477350000001</v>
      </c>
      <c r="AA2564">
        <v>93577.079280000005</v>
      </c>
      <c r="AB2564">
        <v>45619.646789999999</v>
      </c>
      <c r="AC2564">
        <v>43271.113120000002</v>
      </c>
      <c r="AD2564">
        <v>35425.548060000001</v>
      </c>
      <c r="AE2564">
        <v>42096.98287</v>
      </c>
      <c r="AF2564">
        <v>53584.380989999998</v>
      </c>
      <c r="AG2564">
        <v>26578.64171</v>
      </c>
      <c r="AH2564">
        <v>326965.38709999999</v>
      </c>
      <c r="AI2564">
        <v>83005.509139999995</v>
      </c>
      <c r="AJ2564">
        <v>23749.07501</v>
      </c>
      <c r="AK2564">
        <v>32442.798480000001</v>
      </c>
      <c r="AL2564">
        <v>94906.009510000004</v>
      </c>
      <c r="AM2564">
        <v>21913.829170000001</v>
      </c>
      <c r="AN2564">
        <v>96839.987800000003</v>
      </c>
      <c r="AO2564">
        <v>31793.666020000001</v>
      </c>
      <c r="AP2564">
        <v>15961.179120000001</v>
      </c>
    </row>
    <row r="2565" spans="2:42" x14ac:dyDescent="0.3">
      <c r="B2565">
        <v>62.431238484534092</v>
      </c>
      <c r="C2565" s="83">
        <v>43207.791666666664</v>
      </c>
      <c r="D2565">
        <v>256228.07370000001</v>
      </c>
      <c r="E2565">
        <v>24396.564549999999</v>
      </c>
      <c r="F2565">
        <v>81283.534339999998</v>
      </c>
      <c r="G2565">
        <v>42698.402609999997</v>
      </c>
      <c r="H2565">
        <v>40982.721510000003</v>
      </c>
      <c r="I2565">
        <v>31914.466960000002</v>
      </c>
      <c r="J2565">
        <v>41423.60151</v>
      </c>
      <c r="K2565">
        <v>51813.254710000001</v>
      </c>
      <c r="L2565">
        <v>27985.627410000001</v>
      </c>
      <c r="M2565">
        <v>318303.56809999997</v>
      </c>
      <c r="N2565">
        <v>80349.067249999993</v>
      </c>
      <c r="O2565">
        <v>22550.806390000002</v>
      </c>
      <c r="P2565">
        <v>34902.766989999996</v>
      </c>
      <c r="Q2565">
        <v>92576.060809999995</v>
      </c>
      <c r="R2565">
        <v>20328.186829999999</v>
      </c>
      <c r="S2565">
        <v>91842.348289999994</v>
      </c>
      <c r="T2565">
        <v>32515.28888</v>
      </c>
      <c r="U2565">
        <v>14986.52176</v>
      </c>
      <c r="W2565" s="83">
        <f>Bühler!N2597</f>
        <v>45398.791666660451</v>
      </c>
      <c r="X2565" s="83">
        <v>43207.791666666664</v>
      </c>
      <c r="Y2565">
        <v>256228.07370000001</v>
      </c>
      <c r="Z2565">
        <v>24396.564549999999</v>
      </c>
      <c r="AA2565">
        <v>81283.534339999998</v>
      </c>
      <c r="AB2565">
        <v>42698.402609999997</v>
      </c>
      <c r="AC2565">
        <v>40982.721510000003</v>
      </c>
      <c r="AD2565">
        <v>31914.466960000002</v>
      </c>
      <c r="AE2565">
        <v>41423.60151</v>
      </c>
      <c r="AF2565">
        <v>51813.254710000001</v>
      </c>
      <c r="AG2565">
        <v>27985.627410000001</v>
      </c>
      <c r="AH2565">
        <v>318303.56809999997</v>
      </c>
      <c r="AI2565">
        <v>80349.067249999993</v>
      </c>
      <c r="AJ2565">
        <v>22550.806390000002</v>
      </c>
      <c r="AK2565">
        <v>34902.766989999996</v>
      </c>
      <c r="AL2565">
        <v>92576.060809999995</v>
      </c>
      <c r="AM2565">
        <v>20328.186829999999</v>
      </c>
      <c r="AN2565">
        <v>91842.348289999994</v>
      </c>
      <c r="AO2565">
        <v>32515.28888</v>
      </c>
      <c r="AP2565">
        <v>14986.52176</v>
      </c>
    </row>
    <row r="2566" spans="2:42" x14ac:dyDescent="0.3">
      <c r="B2566">
        <v>60.547714743095305</v>
      </c>
      <c r="C2566" s="83">
        <v>43207.833333333336</v>
      </c>
      <c r="D2566">
        <v>246270.13879999999</v>
      </c>
      <c r="E2566">
        <v>18148.660609999999</v>
      </c>
      <c r="F2566">
        <v>63620.238550000002</v>
      </c>
      <c r="G2566">
        <v>40060.338620000002</v>
      </c>
      <c r="H2566">
        <v>38830.981670000001</v>
      </c>
      <c r="I2566">
        <v>28699.535159999999</v>
      </c>
      <c r="J2566">
        <v>41491.761330000001</v>
      </c>
      <c r="K2566">
        <v>53314.25462</v>
      </c>
      <c r="L2566">
        <v>27478.917839999998</v>
      </c>
      <c r="M2566">
        <v>308700.48570000002</v>
      </c>
      <c r="N2566">
        <v>77377.721030000001</v>
      </c>
      <c r="O2566">
        <v>22607.46732</v>
      </c>
      <c r="P2566">
        <v>35037.68737</v>
      </c>
      <c r="Q2566">
        <v>89471.582649999997</v>
      </c>
      <c r="R2566">
        <v>19369.552660000001</v>
      </c>
      <c r="S2566">
        <v>84009.834329999998</v>
      </c>
      <c r="T2566">
        <v>31559.778020000002</v>
      </c>
      <c r="U2566">
        <v>14874.333000000001</v>
      </c>
      <c r="W2566" s="83">
        <f>Bühler!N2598</f>
        <v>45398.833333327115</v>
      </c>
      <c r="X2566" s="83">
        <v>43207.833333333336</v>
      </c>
      <c r="Y2566">
        <v>246270.13879999999</v>
      </c>
      <c r="Z2566">
        <v>18148.660609999999</v>
      </c>
      <c r="AA2566">
        <v>63620.238550000002</v>
      </c>
      <c r="AB2566">
        <v>40060.338620000002</v>
      </c>
      <c r="AC2566">
        <v>38830.981670000001</v>
      </c>
      <c r="AD2566">
        <v>28699.535159999999</v>
      </c>
      <c r="AE2566">
        <v>41491.761330000001</v>
      </c>
      <c r="AF2566">
        <v>53314.25462</v>
      </c>
      <c r="AG2566">
        <v>27478.917839999998</v>
      </c>
      <c r="AH2566">
        <v>308700.48570000002</v>
      </c>
      <c r="AI2566">
        <v>77377.721030000001</v>
      </c>
      <c r="AJ2566">
        <v>22607.46732</v>
      </c>
      <c r="AK2566">
        <v>35037.68737</v>
      </c>
      <c r="AL2566">
        <v>89471.582649999997</v>
      </c>
      <c r="AM2566">
        <v>19369.552660000001</v>
      </c>
      <c r="AN2566">
        <v>84009.834329999998</v>
      </c>
      <c r="AO2566">
        <v>31559.778020000002</v>
      </c>
      <c r="AP2566">
        <v>14874.333000000001</v>
      </c>
    </row>
    <row r="2567" spans="2:42" x14ac:dyDescent="0.3">
      <c r="B2567">
        <v>59.028759104166923</v>
      </c>
      <c r="C2567" s="83">
        <v>43207.875</v>
      </c>
      <c r="D2567">
        <v>239066.6433</v>
      </c>
      <c r="E2567">
        <v>15608.2636</v>
      </c>
      <c r="F2567">
        <v>55791.830070000004</v>
      </c>
      <c r="G2567">
        <v>39359.589290000004</v>
      </c>
      <c r="H2567">
        <v>38540.21024</v>
      </c>
      <c r="I2567">
        <v>25765.91937</v>
      </c>
      <c r="J2567">
        <v>42333.197959999998</v>
      </c>
      <c r="K2567">
        <v>51264.137600000002</v>
      </c>
      <c r="L2567">
        <v>26634.439559999999</v>
      </c>
      <c r="M2567">
        <v>300956.14150000003</v>
      </c>
      <c r="N2567">
        <v>76854.81942</v>
      </c>
      <c r="O2567">
        <v>21124.888439999999</v>
      </c>
      <c r="P2567">
        <v>33348.653050000001</v>
      </c>
      <c r="Q2567">
        <v>86490.177280000004</v>
      </c>
      <c r="R2567">
        <v>19007.544259999999</v>
      </c>
      <c r="S2567">
        <v>81072.870070000004</v>
      </c>
      <c r="T2567">
        <v>29303.067609999998</v>
      </c>
      <c r="U2567">
        <v>14693.247509999999</v>
      </c>
      <c r="W2567" s="83">
        <f>Bühler!N2599</f>
        <v>45398.874999993779</v>
      </c>
      <c r="X2567" s="83">
        <v>43207.875</v>
      </c>
      <c r="Y2567">
        <v>239066.6433</v>
      </c>
      <c r="Z2567">
        <v>15608.2636</v>
      </c>
      <c r="AA2567">
        <v>55791.830070000004</v>
      </c>
      <c r="AB2567">
        <v>39359.589290000004</v>
      </c>
      <c r="AC2567">
        <v>38540.21024</v>
      </c>
      <c r="AD2567">
        <v>25765.91937</v>
      </c>
      <c r="AE2567">
        <v>42333.197959999998</v>
      </c>
      <c r="AF2567">
        <v>51264.137600000002</v>
      </c>
      <c r="AG2567">
        <v>26634.439559999999</v>
      </c>
      <c r="AH2567">
        <v>300956.14150000003</v>
      </c>
      <c r="AI2567">
        <v>76854.81942</v>
      </c>
      <c r="AJ2567">
        <v>21124.888439999999</v>
      </c>
      <c r="AK2567">
        <v>33348.653050000001</v>
      </c>
      <c r="AL2567">
        <v>86490.177280000004</v>
      </c>
      <c r="AM2567">
        <v>19007.544259999999</v>
      </c>
      <c r="AN2567">
        <v>81072.870070000004</v>
      </c>
      <c r="AO2567">
        <v>29303.067609999998</v>
      </c>
      <c r="AP2567">
        <v>14693.247509999999</v>
      </c>
    </row>
    <row r="2568" spans="2:42" x14ac:dyDescent="0.3">
      <c r="B2568">
        <v>58.072982921062639</v>
      </c>
      <c r="C2568" s="83">
        <v>43207.916666666664</v>
      </c>
      <c r="D2568">
        <v>238322.84049999999</v>
      </c>
      <c r="E2568">
        <v>14602.8153</v>
      </c>
      <c r="F2568">
        <v>52511.596960000003</v>
      </c>
      <c r="G2568">
        <v>37568.441590000002</v>
      </c>
      <c r="H2568">
        <v>37287.761160000002</v>
      </c>
      <c r="I2568">
        <v>23375.5599</v>
      </c>
      <c r="J2568">
        <v>40778.111539999998</v>
      </c>
      <c r="K2568">
        <v>53844.772700000001</v>
      </c>
      <c r="L2568">
        <v>23905.676769999998</v>
      </c>
      <c r="M2568">
        <v>296083.14880000002</v>
      </c>
      <c r="N2568">
        <v>75055.312099999996</v>
      </c>
      <c r="O2568">
        <v>20208.051950000001</v>
      </c>
      <c r="P2568">
        <v>35397.572039999999</v>
      </c>
      <c r="Q2568">
        <v>84296.124150000003</v>
      </c>
      <c r="R2568">
        <v>20829.600050000001</v>
      </c>
      <c r="S2568">
        <v>78580.609419999993</v>
      </c>
      <c r="T2568">
        <v>25120.982339999999</v>
      </c>
      <c r="U2568">
        <v>13840.392159999999</v>
      </c>
      <c r="W2568" s="83">
        <f>Bühler!N2600</f>
        <v>45398.916666660443</v>
      </c>
      <c r="X2568" s="83">
        <v>43207.916666666664</v>
      </c>
      <c r="Y2568">
        <v>238322.84049999999</v>
      </c>
      <c r="Z2568">
        <v>14602.8153</v>
      </c>
      <c r="AA2568">
        <v>52511.596960000003</v>
      </c>
      <c r="AB2568">
        <v>37568.441590000002</v>
      </c>
      <c r="AC2568">
        <v>37287.761160000002</v>
      </c>
      <c r="AD2568">
        <v>23375.5599</v>
      </c>
      <c r="AE2568">
        <v>40778.111539999998</v>
      </c>
      <c r="AF2568">
        <v>53844.772700000001</v>
      </c>
      <c r="AG2568">
        <v>23905.676769999998</v>
      </c>
      <c r="AH2568">
        <v>296083.14880000002</v>
      </c>
      <c r="AI2568">
        <v>75055.312099999996</v>
      </c>
      <c r="AJ2568">
        <v>20208.051950000001</v>
      </c>
      <c r="AK2568">
        <v>35397.572039999999</v>
      </c>
      <c r="AL2568">
        <v>84296.124150000003</v>
      </c>
      <c r="AM2568">
        <v>20829.600050000001</v>
      </c>
      <c r="AN2568">
        <v>78580.609419999993</v>
      </c>
      <c r="AO2568">
        <v>25120.982339999999</v>
      </c>
      <c r="AP2568">
        <v>13840.392159999999</v>
      </c>
    </row>
    <row r="2569" spans="2:42" x14ac:dyDescent="0.3">
      <c r="B2569">
        <v>57.578010996028397</v>
      </c>
      <c r="C2569" s="83">
        <v>43207.958333333336</v>
      </c>
      <c r="D2569">
        <v>237546.00279999999</v>
      </c>
      <c r="E2569">
        <v>13830.011469999999</v>
      </c>
      <c r="F2569">
        <v>50497.944289999999</v>
      </c>
      <c r="G2569">
        <v>37165.242440000002</v>
      </c>
      <c r="H2569">
        <v>36271.975149999998</v>
      </c>
      <c r="I2569">
        <v>22694.497589999999</v>
      </c>
      <c r="J2569">
        <v>37803.504639999999</v>
      </c>
      <c r="K2569">
        <v>53448.629309999997</v>
      </c>
      <c r="L2569">
        <v>20113.197250000001</v>
      </c>
      <c r="M2569">
        <v>293559.55109999998</v>
      </c>
      <c r="N2569">
        <v>73710.628809999995</v>
      </c>
      <c r="O2569">
        <v>20750.623380000001</v>
      </c>
      <c r="P2569">
        <v>30840.351569999999</v>
      </c>
      <c r="Q2569">
        <v>83650.120299999995</v>
      </c>
      <c r="R2569">
        <v>21653.789499999999</v>
      </c>
      <c r="S2569">
        <v>76167.873879999999</v>
      </c>
      <c r="T2569">
        <v>22387.74898</v>
      </c>
      <c r="U2569">
        <v>13335.69823</v>
      </c>
      <c r="W2569" s="83">
        <f>Bühler!N2601</f>
        <v>45398.958333327108</v>
      </c>
      <c r="X2569" s="83">
        <v>43207.958333333336</v>
      </c>
      <c r="Y2569">
        <v>237546.00279999999</v>
      </c>
      <c r="Z2569">
        <v>13830.011469999999</v>
      </c>
      <c r="AA2569">
        <v>50497.944289999999</v>
      </c>
      <c r="AB2569">
        <v>37165.242440000002</v>
      </c>
      <c r="AC2569">
        <v>36271.975149999998</v>
      </c>
      <c r="AD2569">
        <v>22694.497589999999</v>
      </c>
      <c r="AE2569">
        <v>37803.504639999999</v>
      </c>
      <c r="AF2569">
        <v>53448.629309999997</v>
      </c>
      <c r="AG2569">
        <v>20113.197250000001</v>
      </c>
      <c r="AH2569">
        <v>293559.55109999998</v>
      </c>
      <c r="AI2569">
        <v>73710.628809999995</v>
      </c>
      <c r="AJ2569">
        <v>20750.623380000001</v>
      </c>
      <c r="AK2569">
        <v>30840.351569999999</v>
      </c>
      <c r="AL2569">
        <v>83650.120299999995</v>
      </c>
      <c r="AM2569">
        <v>21653.789499999999</v>
      </c>
      <c r="AN2569">
        <v>76167.873879999999</v>
      </c>
      <c r="AO2569">
        <v>22387.74898</v>
      </c>
      <c r="AP2569">
        <v>13335.69823</v>
      </c>
    </row>
    <row r="2570" spans="2:42" x14ac:dyDescent="0.3">
      <c r="B2570">
        <v>57.311063445781755</v>
      </c>
      <c r="C2570" s="83">
        <v>43208</v>
      </c>
      <c r="D2570">
        <v>237456.6906</v>
      </c>
      <c r="E2570">
        <v>13416.44477</v>
      </c>
      <c r="F2570">
        <v>49720.570469999999</v>
      </c>
      <c r="G2570">
        <v>36256.142480000002</v>
      </c>
      <c r="H2570">
        <v>36089.082880000002</v>
      </c>
      <c r="I2570">
        <v>20636.2631</v>
      </c>
      <c r="J2570">
        <v>35786.1201</v>
      </c>
      <c r="K2570">
        <v>51237.290410000001</v>
      </c>
      <c r="L2570">
        <v>17855.80934</v>
      </c>
      <c r="M2570">
        <v>292198.52799999999</v>
      </c>
      <c r="N2570">
        <v>71883.747650000005</v>
      </c>
      <c r="O2570">
        <v>20940.276470000001</v>
      </c>
      <c r="P2570">
        <v>28770.54305</v>
      </c>
      <c r="Q2570">
        <v>82489.79509</v>
      </c>
      <c r="R2570">
        <v>18458.825489999999</v>
      </c>
      <c r="S2570">
        <v>74651.987959999999</v>
      </c>
      <c r="T2570">
        <v>20930.089319999999</v>
      </c>
      <c r="U2570">
        <v>13710.589379999999</v>
      </c>
      <c r="W2570" s="83">
        <f>Bühler!N2602</f>
        <v>45398.999999993772</v>
      </c>
      <c r="X2570" s="83">
        <v>43208</v>
      </c>
      <c r="Y2570">
        <v>237456.6906</v>
      </c>
      <c r="Z2570">
        <v>13416.44477</v>
      </c>
      <c r="AA2570">
        <v>49720.570469999999</v>
      </c>
      <c r="AB2570">
        <v>36256.142480000002</v>
      </c>
      <c r="AC2570">
        <v>36089.082880000002</v>
      </c>
      <c r="AD2570">
        <v>20636.2631</v>
      </c>
      <c r="AE2570">
        <v>35786.1201</v>
      </c>
      <c r="AF2570">
        <v>51237.290410000001</v>
      </c>
      <c r="AG2570">
        <v>17855.80934</v>
      </c>
      <c r="AH2570">
        <v>292198.52799999999</v>
      </c>
      <c r="AI2570">
        <v>71883.747650000005</v>
      </c>
      <c r="AJ2570">
        <v>20940.276470000001</v>
      </c>
      <c r="AK2570">
        <v>28770.54305</v>
      </c>
      <c r="AL2570">
        <v>82489.79509</v>
      </c>
      <c r="AM2570">
        <v>18458.825489999999</v>
      </c>
      <c r="AN2570">
        <v>74651.987959999999</v>
      </c>
      <c r="AO2570">
        <v>20930.089319999999</v>
      </c>
      <c r="AP2570">
        <v>13710.589379999999</v>
      </c>
    </row>
    <row r="2571" spans="2:42" x14ac:dyDescent="0.3">
      <c r="B2571">
        <v>56.427369899955217</v>
      </c>
      <c r="C2571" s="83">
        <v>43208.041666666664</v>
      </c>
      <c r="D2571">
        <v>235529.3511</v>
      </c>
      <c r="E2571">
        <v>13224.5003</v>
      </c>
      <c r="F2571">
        <v>48510.604979999996</v>
      </c>
      <c r="G2571">
        <v>35776.741419999998</v>
      </c>
      <c r="H2571">
        <v>35441.311070000003</v>
      </c>
      <c r="I2571">
        <v>17386.58034</v>
      </c>
      <c r="J2571">
        <v>34572.414530000002</v>
      </c>
      <c r="K2571">
        <v>49680.726280000003</v>
      </c>
      <c r="L2571">
        <v>16929.402989999999</v>
      </c>
      <c r="M2571">
        <v>287693.04619999998</v>
      </c>
      <c r="N2571">
        <v>71279.05442</v>
      </c>
      <c r="O2571">
        <v>20172.70721</v>
      </c>
      <c r="P2571">
        <v>26888.705910000001</v>
      </c>
      <c r="Q2571">
        <v>83027.782370000001</v>
      </c>
      <c r="R2571">
        <v>16080.64899</v>
      </c>
      <c r="S2571">
        <v>73899.369099999996</v>
      </c>
      <c r="T2571">
        <v>20496.389899999998</v>
      </c>
      <c r="U2571">
        <v>14266.063690000001</v>
      </c>
      <c r="W2571" s="83">
        <f>Bühler!N2603</f>
        <v>45399.041666660436</v>
      </c>
      <c r="X2571" s="83">
        <v>43208.041666666664</v>
      </c>
      <c r="Y2571">
        <v>235529.3511</v>
      </c>
      <c r="Z2571">
        <v>13224.5003</v>
      </c>
      <c r="AA2571">
        <v>48510.604979999996</v>
      </c>
      <c r="AB2571">
        <v>35776.741419999998</v>
      </c>
      <c r="AC2571">
        <v>35441.311070000003</v>
      </c>
      <c r="AD2571">
        <v>17386.58034</v>
      </c>
      <c r="AE2571">
        <v>34572.414530000002</v>
      </c>
      <c r="AF2571">
        <v>49680.726280000003</v>
      </c>
      <c r="AG2571">
        <v>16929.402989999999</v>
      </c>
      <c r="AH2571">
        <v>287693.04619999998</v>
      </c>
      <c r="AI2571">
        <v>71279.05442</v>
      </c>
      <c r="AJ2571">
        <v>20172.70721</v>
      </c>
      <c r="AK2571">
        <v>26888.705910000001</v>
      </c>
      <c r="AL2571">
        <v>83027.782370000001</v>
      </c>
      <c r="AM2571">
        <v>16080.64899</v>
      </c>
      <c r="AN2571">
        <v>73899.369099999996</v>
      </c>
      <c r="AO2571">
        <v>20496.389899999998</v>
      </c>
      <c r="AP2571">
        <v>14266.063690000001</v>
      </c>
    </row>
    <row r="2572" spans="2:42" x14ac:dyDescent="0.3">
      <c r="B2572">
        <v>56.468651588581466</v>
      </c>
      <c r="C2572" s="83">
        <v>43208.083333333336</v>
      </c>
      <c r="D2572">
        <v>236262.53599999999</v>
      </c>
      <c r="E2572">
        <v>13162.21775</v>
      </c>
      <c r="F2572">
        <v>49361.671580000002</v>
      </c>
      <c r="G2572">
        <v>35084.997320000002</v>
      </c>
      <c r="H2572">
        <v>35196.838129999996</v>
      </c>
      <c r="I2572">
        <v>15647.934230000001</v>
      </c>
      <c r="J2572">
        <v>33897.328260000002</v>
      </c>
      <c r="K2572">
        <v>48586.481950000001</v>
      </c>
      <c r="L2572">
        <v>16996.348290000002</v>
      </c>
      <c r="M2572">
        <v>287903.51949999999</v>
      </c>
      <c r="N2572">
        <v>70915.089640000006</v>
      </c>
      <c r="O2572">
        <v>19969.770380000002</v>
      </c>
      <c r="P2572">
        <v>25985.507150000001</v>
      </c>
      <c r="Q2572">
        <v>85751.016940000001</v>
      </c>
      <c r="R2572">
        <v>17282.44485</v>
      </c>
      <c r="S2572">
        <v>72967.780190000005</v>
      </c>
      <c r="T2572">
        <v>19986.601259999999</v>
      </c>
      <c r="U2572">
        <v>13839.987010000001</v>
      </c>
      <c r="W2572" s="83">
        <f>Bühler!N2604</f>
        <v>45399.0833333271</v>
      </c>
      <c r="X2572" s="83">
        <v>43208.083333333336</v>
      </c>
      <c r="Y2572">
        <v>236262.53599999999</v>
      </c>
      <c r="Z2572">
        <v>13162.21775</v>
      </c>
      <c r="AA2572">
        <v>49361.671580000002</v>
      </c>
      <c r="AB2572">
        <v>35084.997320000002</v>
      </c>
      <c r="AC2572">
        <v>35196.838129999996</v>
      </c>
      <c r="AD2572">
        <v>15647.934230000001</v>
      </c>
      <c r="AE2572">
        <v>33897.328260000002</v>
      </c>
      <c r="AF2572">
        <v>48586.481950000001</v>
      </c>
      <c r="AG2572">
        <v>16996.348290000002</v>
      </c>
      <c r="AH2572">
        <v>287903.51949999999</v>
      </c>
      <c r="AI2572">
        <v>70915.089640000006</v>
      </c>
      <c r="AJ2572">
        <v>19969.770380000002</v>
      </c>
      <c r="AK2572">
        <v>25985.507150000001</v>
      </c>
      <c r="AL2572">
        <v>85751.016940000001</v>
      </c>
      <c r="AM2572">
        <v>17282.44485</v>
      </c>
      <c r="AN2572">
        <v>72967.780190000005</v>
      </c>
      <c r="AO2572">
        <v>19986.601259999999</v>
      </c>
      <c r="AP2572">
        <v>13839.987010000001</v>
      </c>
    </row>
    <row r="2573" spans="2:42" x14ac:dyDescent="0.3">
      <c r="B2573">
        <v>57.248204131135964</v>
      </c>
      <c r="C2573" s="83">
        <v>43208.125</v>
      </c>
      <c r="D2573">
        <v>237203.8069</v>
      </c>
      <c r="E2573">
        <v>13204.013290000001</v>
      </c>
      <c r="F2573">
        <v>50587.968580000001</v>
      </c>
      <c r="G2573">
        <v>34112.881020000001</v>
      </c>
      <c r="H2573">
        <v>35050.695440000003</v>
      </c>
      <c r="I2573">
        <v>15642.25808</v>
      </c>
      <c r="J2573">
        <v>34262.294240000003</v>
      </c>
      <c r="K2573">
        <v>47081.021500000003</v>
      </c>
      <c r="L2573">
        <v>16713.975160000002</v>
      </c>
      <c r="M2573">
        <v>291878.04190000001</v>
      </c>
      <c r="N2573">
        <v>70791.149609999993</v>
      </c>
      <c r="O2573">
        <v>20406.238949999999</v>
      </c>
      <c r="P2573">
        <v>24910.435730000001</v>
      </c>
      <c r="Q2573">
        <v>88178.576990000001</v>
      </c>
      <c r="R2573">
        <v>17441.790959999998</v>
      </c>
      <c r="S2573">
        <v>72308.52936</v>
      </c>
      <c r="T2573">
        <v>19802.449209999999</v>
      </c>
      <c r="U2573">
        <v>13617.393239999999</v>
      </c>
      <c r="W2573" s="83">
        <f>Bühler!N2605</f>
        <v>45399.124999993765</v>
      </c>
      <c r="X2573" s="83">
        <v>43208.125</v>
      </c>
      <c r="Y2573">
        <v>237203.8069</v>
      </c>
      <c r="Z2573">
        <v>13204.013290000001</v>
      </c>
      <c r="AA2573">
        <v>50587.968580000001</v>
      </c>
      <c r="AB2573">
        <v>34112.881020000001</v>
      </c>
      <c r="AC2573">
        <v>35050.695440000003</v>
      </c>
      <c r="AD2573">
        <v>15642.25808</v>
      </c>
      <c r="AE2573">
        <v>34262.294240000003</v>
      </c>
      <c r="AF2573">
        <v>47081.021500000003</v>
      </c>
      <c r="AG2573">
        <v>16713.975160000002</v>
      </c>
      <c r="AH2573">
        <v>291878.04190000001</v>
      </c>
      <c r="AI2573">
        <v>70791.149609999993</v>
      </c>
      <c r="AJ2573">
        <v>20406.238949999999</v>
      </c>
      <c r="AK2573">
        <v>24910.435730000001</v>
      </c>
      <c r="AL2573">
        <v>88178.576990000001</v>
      </c>
      <c r="AM2573">
        <v>17441.790959999998</v>
      </c>
      <c r="AN2573">
        <v>72308.52936</v>
      </c>
      <c r="AO2573">
        <v>19802.449209999999</v>
      </c>
      <c r="AP2573">
        <v>13617.393239999999</v>
      </c>
    </row>
    <row r="2574" spans="2:42" x14ac:dyDescent="0.3">
      <c r="B2574">
        <v>58.50871724801474</v>
      </c>
      <c r="C2574" s="83">
        <v>43208.166666666664</v>
      </c>
      <c r="D2574">
        <v>239317.24230000001</v>
      </c>
      <c r="E2574">
        <v>13692.75569</v>
      </c>
      <c r="F2574">
        <v>53774.90135</v>
      </c>
      <c r="G2574">
        <v>33974.070749999999</v>
      </c>
      <c r="H2574">
        <v>36126.214610000003</v>
      </c>
      <c r="I2574">
        <v>17287.10698</v>
      </c>
      <c r="J2574">
        <v>36288.325530000002</v>
      </c>
      <c r="K2574">
        <v>45388.580450000001</v>
      </c>
      <c r="L2574">
        <v>16654.239089999999</v>
      </c>
      <c r="M2574">
        <v>298304.72560000001</v>
      </c>
      <c r="N2574">
        <v>71164.220369999995</v>
      </c>
      <c r="O2574">
        <v>21820.898990000002</v>
      </c>
      <c r="P2574">
        <v>24295.78152</v>
      </c>
      <c r="Q2574">
        <v>90850.203080000007</v>
      </c>
      <c r="R2574">
        <v>17481.755239999999</v>
      </c>
      <c r="S2574">
        <v>72897.089510000005</v>
      </c>
      <c r="T2574">
        <v>19902.751550000001</v>
      </c>
      <c r="U2574">
        <v>14287.88845</v>
      </c>
      <c r="W2574" s="83">
        <f>Bühler!N2606</f>
        <v>45399.166666660429</v>
      </c>
      <c r="X2574" s="83">
        <v>43208.166666666664</v>
      </c>
      <c r="Y2574">
        <v>239317.24230000001</v>
      </c>
      <c r="Z2574">
        <v>13692.75569</v>
      </c>
      <c r="AA2574">
        <v>53774.90135</v>
      </c>
      <c r="AB2574">
        <v>33974.070749999999</v>
      </c>
      <c r="AC2574">
        <v>36126.214610000003</v>
      </c>
      <c r="AD2574">
        <v>17287.10698</v>
      </c>
      <c r="AE2574">
        <v>36288.325530000002</v>
      </c>
      <c r="AF2574">
        <v>45388.580450000001</v>
      </c>
      <c r="AG2574">
        <v>16654.239089999999</v>
      </c>
      <c r="AH2574">
        <v>298304.72560000001</v>
      </c>
      <c r="AI2574">
        <v>71164.220369999995</v>
      </c>
      <c r="AJ2574">
        <v>21820.898990000002</v>
      </c>
      <c r="AK2574">
        <v>24295.78152</v>
      </c>
      <c r="AL2574">
        <v>90850.203080000007</v>
      </c>
      <c r="AM2574">
        <v>17481.755239999999</v>
      </c>
      <c r="AN2574">
        <v>72897.089510000005</v>
      </c>
      <c r="AO2574">
        <v>19902.751550000001</v>
      </c>
      <c r="AP2574">
        <v>14287.88845</v>
      </c>
    </row>
    <row r="2575" spans="2:42" x14ac:dyDescent="0.3">
      <c r="B2575">
        <v>61.222358227881095</v>
      </c>
      <c r="C2575" s="83">
        <v>43208.208333333336</v>
      </c>
      <c r="D2575">
        <v>255017.94070000001</v>
      </c>
      <c r="E2575">
        <v>15642.34022</v>
      </c>
      <c r="F2575">
        <v>64384.687380000003</v>
      </c>
      <c r="G2575">
        <v>36399.198420000001</v>
      </c>
      <c r="H2575">
        <v>37769.051679999997</v>
      </c>
      <c r="I2575">
        <v>24369.196830000001</v>
      </c>
      <c r="J2575">
        <v>39338.105880000003</v>
      </c>
      <c r="K2575">
        <v>45920.495289999999</v>
      </c>
      <c r="L2575">
        <v>17882.575560000001</v>
      </c>
      <c r="M2575">
        <v>312140.13280000002</v>
      </c>
      <c r="N2575">
        <v>73477.070359999998</v>
      </c>
      <c r="O2575">
        <v>23291.604619999998</v>
      </c>
      <c r="P2575">
        <v>26519.88306</v>
      </c>
      <c r="Q2575">
        <v>92191.424299999999</v>
      </c>
      <c r="R2575">
        <v>20107.263159999999</v>
      </c>
      <c r="S2575">
        <v>76082.0576</v>
      </c>
      <c r="T2575">
        <v>21172.00258</v>
      </c>
      <c r="U2575">
        <v>17182.231629999998</v>
      </c>
      <c r="W2575" s="83">
        <f>Bühler!N2607</f>
        <v>45399.208333327093</v>
      </c>
      <c r="X2575" s="83">
        <v>43208.208333333336</v>
      </c>
      <c r="Y2575">
        <v>255017.94070000001</v>
      </c>
      <c r="Z2575">
        <v>15642.34022</v>
      </c>
      <c r="AA2575">
        <v>64384.687380000003</v>
      </c>
      <c r="AB2575">
        <v>36399.198420000001</v>
      </c>
      <c r="AC2575">
        <v>37769.051679999997</v>
      </c>
      <c r="AD2575">
        <v>24369.196830000001</v>
      </c>
      <c r="AE2575">
        <v>39338.105880000003</v>
      </c>
      <c r="AF2575">
        <v>45920.495289999999</v>
      </c>
      <c r="AG2575">
        <v>17882.575560000001</v>
      </c>
      <c r="AH2575">
        <v>312140.13280000002</v>
      </c>
      <c r="AI2575">
        <v>73477.070359999998</v>
      </c>
      <c r="AJ2575">
        <v>23291.604619999998</v>
      </c>
      <c r="AK2575">
        <v>26519.88306</v>
      </c>
      <c r="AL2575">
        <v>92191.424299999999</v>
      </c>
      <c r="AM2575">
        <v>20107.263159999999</v>
      </c>
      <c r="AN2575">
        <v>76082.0576</v>
      </c>
      <c r="AO2575">
        <v>21172.00258</v>
      </c>
      <c r="AP2575">
        <v>17182.231629999998</v>
      </c>
    </row>
    <row r="2576" spans="2:42" x14ac:dyDescent="0.3">
      <c r="B2576">
        <v>63.869796495527417</v>
      </c>
      <c r="C2576" s="83">
        <v>43208.25</v>
      </c>
      <c r="D2576">
        <v>270925.70140000002</v>
      </c>
      <c r="E2576">
        <v>20520.566599999998</v>
      </c>
      <c r="F2576">
        <v>77021.410969999997</v>
      </c>
      <c r="G2576">
        <v>43235.810010000001</v>
      </c>
      <c r="H2576">
        <v>41287.101860000002</v>
      </c>
      <c r="I2576">
        <v>31683.615419999998</v>
      </c>
      <c r="J2576">
        <v>44164.120199999998</v>
      </c>
      <c r="K2576">
        <v>49103.889900000002</v>
      </c>
      <c r="L2576">
        <v>19286.151559999998</v>
      </c>
      <c r="M2576">
        <v>325638.00770000002</v>
      </c>
      <c r="N2576">
        <v>76822.536859999993</v>
      </c>
      <c r="O2576">
        <v>24378.065849999999</v>
      </c>
      <c r="P2576">
        <v>27090.608810000002</v>
      </c>
      <c r="Q2576">
        <v>94657.758790000007</v>
      </c>
      <c r="R2576">
        <v>18727.353520000001</v>
      </c>
      <c r="S2576">
        <v>83960.387879999995</v>
      </c>
      <c r="T2576">
        <v>24132.728419999999</v>
      </c>
      <c r="U2576">
        <v>18840.241699999999</v>
      </c>
      <c r="W2576" s="83">
        <f>Bühler!N2608</f>
        <v>45399.249999993757</v>
      </c>
      <c r="X2576" s="83">
        <v>43208.25</v>
      </c>
      <c r="Y2576">
        <v>270925.70140000002</v>
      </c>
      <c r="Z2576">
        <v>20520.566599999998</v>
      </c>
      <c r="AA2576">
        <v>77021.410969999997</v>
      </c>
      <c r="AB2576">
        <v>43235.810010000001</v>
      </c>
      <c r="AC2576">
        <v>41287.101860000002</v>
      </c>
      <c r="AD2576">
        <v>31683.615419999998</v>
      </c>
      <c r="AE2576">
        <v>44164.120199999998</v>
      </c>
      <c r="AF2576">
        <v>49103.889900000002</v>
      </c>
      <c r="AG2576">
        <v>19286.151559999998</v>
      </c>
      <c r="AH2576">
        <v>325638.00770000002</v>
      </c>
      <c r="AI2576">
        <v>76822.536859999993</v>
      </c>
      <c r="AJ2576">
        <v>24378.065849999999</v>
      </c>
      <c r="AK2576">
        <v>27090.608810000002</v>
      </c>
      <c r="AL2576">
        <v>94657.758790000007</v>
      </c>
      <c r="AM2576">
        <v>18727.353520000001</v>
      </c>
      <c r="AN2576">
        <v>83960.387879999995</v>
      </c>
      <c r="AO2576">
        <v>24132.728419999999</v>
      </c>
      <c r="AP2576">
        <v>18840.241699999999</v>
      </c>
    </row>
    <row r="2577" spans="2:42" x14ac:dyDescent="0.3">
      <c r="B2577">
        <v>65.340064963971344</v>
      </c>
      <c r="C2577" s="83">
        <v>43208.291666666664</v>
      </c>
      <c r="D2577">
        <v>281251.81160000002</v>
      </c>
      <c r="E2577">
        <v>25050.788049999999</v>
      </c>
      <c r="F2577">
        <v>78517.368119999999</v>
      </c>
      <c r="G2577">
        <v>50515.046909999997</v>
      </c>
      <c r="H2577">
        <v>44838.263639999997</v>
      </c>
      <c r="I2577">
        <v>38135.100059999997</v>
      </c>
      <c r="J2577">
        <v>44459.369480000001</v>
      </c>
      <c r="K2577">
        <v>53241.544710000002</v>
      </c>
      <c r="L2577">
        <v>20923.555629999999</v>
      </c>
      <c r="M2577">
        <v>333134.12199999997</v>
      </c>
      <c r="N2577">
        <v>80904.167130000002</v>
      </c>
      <c r="O2577">
        <v>25787.671890000001</v>
      </c>
      <c r="P2577">
        <v>30372.700570000001</v>
      </c>
      <c r="Q2577">
        <v>94408.119319999998</v>
      </c>
      <c r="R2577">
        <v>17974.557430000001</v>
      </c>
      <c r="S2577">
        <v>99394.307190000007</v>
      </c>
      <c r="T2577">
        <v>27384.140469999998</v>
      </c>
      <c r="U2577">
        <v>22578.607469999999</v>
      </c>
      <c r="W2577" s="83">
        <f>Bühler!N2609</f>
        <v>45399.291666660421</v>
      </c>
      <c r="X2577" s="83">
        <v>43208.291666666664</v>
      </c>
      <c r="Y2577">
        <v>281251.81160000002</v>
      </c>
      <c r="Z2577">
        <v>25050.788049999999</v>
      </c>
      <c r="AA2577">
        <v>78517.368119999999</v>
      </c>
      <c r="AB2577">
        <v>50515.046909999997</v>
      </c>
      <c r="AC2577">
        <v>44838.263639999997</v>
      </c>
      <c r="AD2577">
        <v>38135.100059999997</v>
      </c>
      <c r="AE2577">
        <v>44459.369480000001</v>
      </c>
      <c r="AF2577">
        <v>53241.544710000002</v>
      </c>
      <c r="AG2577">
        <v>20923.555629999999</v>
      </c>
      <c r="AH2577">
        <v>333134.12199999997</v>
      </c>
      <c r="AI2577">
        <v>80904.167130000002</v>
      </c>
      <c r="AJ2577">
        <v>25787.671890000001</v>
      </c>
      <c r="AK2577">
        <v>30372.700570000001</v>
      </c>
      <c r="AL2577">
        <v>94408.119319999998</v>
      </c>
      <c r="AM2577">
        <v>17974.557430000001</v>
      </c>
      <c r="AN2577">
        <v>99394.307190000007</v>
      </c>
      <c r="AO2577">
        <v>27384.140469999998</v>
      </c>
      <c r="AP2577">
        <v>22578.607469999999</v>
      </c>
    </row>
    <row r="2578" spans="2:42" x14ac:dyDescent="0.3">
      <c r="B2578">
        <v>66.284993747820508</v>
      </c>
      <c r="C2578" s="83">
        <v>43208.333333333336</v>
      </c>
      <c r="D2578">
        <v>292121.66259999998</v>
      </c>
      <c r="E2578">
        <v>30534.867740000002</v>
      </c>
      <c r="F2578">
        <v>84853.193220000001</v>
      </c>
      <c r="G2578">
        <v>59044.624159999999</v>
      </c>
      <c r="H2578">
        <v>50122.621279999999</v>
      </c>
      <c r="I2578">
        <v>41244.248359999998</v>
      </c>
      <c r="J2578">
        <v>45409.231010000003</v>
      </c>
      <c r="K2578">
        <v>59102.522369999999</v>
      </c>
      <c r="L2578">
        <v>24753.940129999999</v>
      </c>
      <c r="M2578">
        <v>337951.80959999998</v>
      </c>
      <c r="N2578">
        <v>84891.182759999996</v>
      </c>
      <c r="O2578">
        <v>28174.053520000001</v>
      </c>
      <c r="P2578">
        <v>32275.23804</v>
      </c>
      <c r="Q2578">
        <v>94994.108749999999</v>
      </c>
      <c r="R2578">
        <v>19871.402529999999</v>
      </c>
      <c r="S2578">
        <v>110473.9813</v>
      </c>
      <c r="T2578">
        <v>29781.477920000001</v>
      </c>
      <c r="U2578">
        <v>25900.475709999999</v>
      </c>
      <c r="W2578" s="83">
        <f>Bühler!N2610</f>
        <v>45399.333333327086</v>
      </c>
      <c r="X2578" s="83">
        <v>43208.333333333336</v>
      </c>
      <c r="Y2578">
        <v>292121.66259999998</v>
      </c>
      <c r="Z2578">
        <v>30534.867740000002</v>
      </c>
      <c r="AA2578">
        <v>84853.193220000001</v>
      </c>
      <c r="AB2578">
        <v>59044.624159999999</v>
      </c>
      <c r="AC2578">
        <v>50122.621279999999</v>
      </c>
      <c r="AD2578">
        <v>41244.248359999998</v>
      </c>
      <c r="AE2578">
        <v>45409.231010000003</v>
      </c>
      <c r="AF2578">
        <v>59102.522369999999</v>
      </c>
      <c r="AG2578">
        <v>24753.940129999999</v>
      </c>
      <c r="AH2578">
        <v>337951.80959999998</v>
      </c>
      <c r="AI2578">
        <v>84891.182759999996</v>
      </c>
      <c r="AJ2578">
        <v>28174.053520000001</v>
      </c>
      <c r="AK2578">
        <v>32275.23804</v>
      </c>
      <c r="AL2578">
        <v>94994.108749999999</v>
      </c>
      <c r="AM2578">
        <v>19871.402529999999</v>
      </c>
      <c r="AN2578">
        <v>110473.9813</v>
      </c>
      <c r="AO2578">
        <v>29781.477920000001</v>
      </c>
      <c r="AP2578">
        <v>25900.475709999999</v>
      </c>
    </row>
    <row r="2579" spans="2:42" x14ac:dyDescent="0.3">
      <c r="B2579">
        <v>66.837342064181044</v>
      </c>
      <c r="C2579" s="83">
        <v>43208.375</v>
      </c>
      <c r="D2579">
        <v>293059.62050000002</v>
      </c>
      <c r="E2579">
        <v>34344.543850000002</v>
      </c>
      <c r="F2579">
        <v>91477.711979999993</v>
      </c>
      <c r="G2579">
        <v>62932.638559999999</v>
      </c>
      <c r="H2579">
        <v>51725.118979999999</v>
      </c>
      <c r="I2579">
        <v>38677.893210000002</v>
      </c>
      <c r="J2579">
        <v>45784.801619999998</v>
      </c>
      <c r="K2579">
        <v>61083.370219999997</v>
      </c>
      <c r="L2579">
        <v>27852.441360000001</v>
      </c>
      <c r="M2579">
        <v>340767.93890000001</v>
      </c>
      <c r="N2579">
        <v>87721.325500000006</v>
      </c>
      <c r="O2579">
        <v>28788.056400000001</v>
      </c>
      <c r="P2579">
        <v>33917.75907</v>
      </c>
      <c r="Q2579">
        <v>96138.315919999994</v>
      </c>
      <c r="R2579">
        <v>20515.74293</v>
      </c>
      <c r="S2579">
        <v>114911.5909</v>
      </c>
      <c r="T2579">
        <v>31946.251980000001</v>
      </c>
      <c r="U2579">
        <v>24711.28398</v>
      </c>
      <c r="W2579" s="83">
        <f>Bühler!N2611</f>
        <v>45399.37499999375</v>
      </c>
      <c r="X2579" s="83">
        <v>43208.375</v>
      </c>
      <c r="Y2579">
        <v>293059.62050000002</v>
      </c>
      <c r="Z2579">
        <v>34344.543850000002</v>
      </c>
      <c r="AA2579">
        <v>91477.711979999993</v>
      </c>
      <c r="AB2579">
        <v>62932.638559999999</v>
      </c>
      <c r="AC2579">
        <v>51725.118979999999</v>
      </c>
      <c r="AD2579">
        <v>38677.893210000002</v>
      </c>
      <c r="AE2579">
        <v>45784.801619999998</v>
      </c>
      <c r="AF2579">
        <v>61083.370219999997</v>
      </c>
      <c r="AG2579">
        <v>27852.441360000001</v>
      </c>
      <c r="AH2579">
        <v>340767.93890000001</v>
      </c>
      <c r="AI2579">
        <v>87721.325500000006</v>
      </c>
      <c r="AJ2579">
        <v>28788.056400000001</v>
      </c>
      <c r="AK2579">
        <v>33917.75907</v>
      </c>
      <c r="AL2579">
        <v>96138.315919999994</v>
      </c>
      <c r="AM2579">
        <v>20515.74293</v>
      </c>
      <c r="AN2579">
        <v>114911.5909</v>
      </c>
      <c r="AO2579">
        <v>31946.251980000001</v>
      </c>
      <c r="AP2579">
        <v>24711.28398</v>
      </c>
    </row>
    <row r="2580" spans="2:42" x14ac:dyDescent="0.3">
      <c r="B2580">
        <v>67.48967636962324</v>
      </c>
      <c r="C2580" s="83">
        <v>43208.416666666664</v>
      </c>
      <c r="D2580">
        <v>294873.58370000002</v>
      </c>
      <c r="E2580">
        <v>35757.728629999998</v>
      </c>
      <c r="F2580">
        <v>94075.597250000006</v>
      </c>
      <c r="G2580">
        <v>63748.994409999999</v>
      </c>
      <c r="H2580">
        <v>52455.404820000003</v>
      </c>
      <c r="I2580">
        <v>37218.577089999999</v>
      </c>
      <c r="J2580">
        <v>44649.399250000002</v>
      </c>
      <c r="K2580">
        <v>64050.626880000003</v>
      </c>
      <c r="L2580">
        <v>30051.33409</v>
      </c>
      <c r="M2580">
        <v>344093.84340000001</v>
      </c>
      <c r="N2580">
        <v>91289.151459999994</v>
      </c>
      <c r="O2580">
        <v>27962.288209999999</v>
      </c>
      <c r="P2580">
        <v>34606.619330000001</v>
      </c>
      <c r="Q2580">
        <v>97471.362420000005</v>
      </c>
      <c r="R2580">
        <v>21334.406999999999</v>
      </c>
      <c r="S2580">
        <v>115908.6924</v>
      </c>
      <c r="T2580">
        <v>33766.991249999999</v>
      </c>
      <c r="U2580">
        <v>23996.239949999999</v>
      </c>
      <c r="W2580" s="83">
        <f>Bühler!N2612</f>
        <v>45399.416666660414</v>
      </c>
      <c r="X2580" s="83">
        <v>43208.416666666664</v>
      </c>
      <c r="Y2580">
        <v>294873.58370000002</v>
      </c>
      <c r="Z2580">
        <v>35757.728629999998</v>
      </c>
      <c r="AA2580">
        <v>94075.597250000006</v>
      </c>
      <c r="AB2580">
        <v>63748.994409999999</v>
      </c>
      <c r="AC2580">
        <v>52455.404820000003</v>
      </c>
      <c r="AD2580">
        <v>37218.577089999999</v>
      </c>
      <c r="AE2580">
        <v>44649.399250000002</v>
      </c>
      <c r="AF2580">
        <v>64050.626880000003</v>
      </c>
      <c r="AG2580">
        <v>30051.33409</v>
      </c>
      <c r="AH2580">
        <v>344093.84340000001</v>
      </c>
      <c r="AI2580">
        <v>91289.151459999994</v>
      </c>
      <c r="AJ2580">
        <v>27962.288209999999</v>
      </c>
      <c r="AK2580">
        <v>34606.619330000001</v>
      </c>
      <c r="AL2580">
        <v>97471.362420000005</v>
      </c>
      <c r="AM2580">
        <v>21334.406999999999</v>
      </c>
      <c r="AN2580">
        <v>115908.6924</v>
      </c>
      <c r="AO2580">
        <v>33766.991249999999</v>
      </c>
      <c r="AP2580">
        <v>23996.239949999999</v>
      </c>
    </row>
    <row r="2581" spans="2:42" x14ac:dyDescent="0.3">
      <c r="B2581">
        <v>69.03856583369901</v>
      </c>
      <c r="C2581" s="83">
        <v>43208.458333333336</v>
      </c>
      <c r="D2581">
        <v>293719.8786</v>
      </c>
      <c r="E2581">
        <v>35787.06306</v>
      </c>
      <c r="F2581">
        <v>95566.766170000003</v>
      </c>
      <c r="G2581">
        <v>62542.873930000002</v>
      </c>
      <c r="H2581">
        <v>52019.318959999997</v>
      </c>
      <c r="I2581">
        <v>37396.009890000001</v>
      </c>
      <c r="J2581">
        <v>44224.992890000001</v>
      </c>
      <c r="K2581">
        <v>64737.291499999999</v>
      </c>
      <c r="L2581">
        <v>31722.99739</v>
      </c>
      <c r="M2581">
        <v>351990.80420000001</v>
      </c>
      <c r="N2581">
        <v>93430.055290000004</v>
      </c>
      <c r="O2581">
        <v>29012.510139999999</v>
      </c>
      <c r="P2581">
        <v>34869.067139999999</v>
      </c>
      <c r="Q2581">
        <v>98607.897490000003</v>
      </c>
      <c r="R2581">
        <v>24348.07561</v>
      </c>
      <c r="S2581">
        <v>119059.435</v>
      </c>
      <c r="T2581">
        <v>33979.868159999998</v>
      </c>
      <c r="U2581">
        <v>23435.127090000002</v>
      </c>
      <c r="W2581" s="83">
        <f>Bühler!N2613</f>
        <v>45399.458333327078</v>
      </c>
      <c r="X2581" s="83">
        <v>43208.458333333336</v>
      </c>
      <c r="Y2581">
        <v>293719.8786</v>
      </c>
      <c r="Z2581">
        <v>35787.06306</v>
      </c>
      <c r="AA2581">
        <v>95566.766170000003</v>
      </c>
      <c r="AB2581">
        <v>62542.873930000002</v>
      </c>
      <c r="AC2581">
        <v>52019.318959999997</v>
      </c>
      <c r="AD2581">
        <v>37396.009890000001</v>
      </c>
      <c r="AE2581">
        <v>44224.992890000001</v>
      </c>
      <c r="AF2581">
        <v>64737.291499999999</v>
      </c>
      <c r="AG2581">
        <v>31722.99739</v>
      </c>
      <c r="AH2581">
        <v>351990.80420000001</v>
      </c>
      <c r="AI2581">
        <v>93430.055290000004</v>
      </c>
      <c r="AJ2581">
        <v>29012.510139999999</v>
      </c>
      <c r="AK2581">
        <v>34869.067139999999</v>
      </c>
      <c r="AL2581">
        <v>98607.897490000003</v>
      </c>
      <c r="AM2581">
        <v>24348.07561</v>
      </c>
      <c r="AN2581">
        <v>119059.435</v>
      </c>
      <c r="AO2581">
        <v>33979.868159999998</v>
      </c>
      <c r="AP2581">
        <v>23435.127090000002</v>
      </c>
    </row>
    <row r="2582" spans="2:42" x14ac:dyDescent="0.3">
      <c r="B2582">
        <v>69.007599796186753</v>
      </c>
      <c r="C2582" s="83">
        <v>43208.5</v>
      </c>
      <c r="D2582">
        <v>284179.88829999999</v>
      </c>
      <c r="E2582">
        <v>32553.36232</v>
      </c>
      <c r="F2582">
        <v>89474.304130000004</v>
      </c>
      <c r="G2582">
        <v>59487.472690000002</v>
      </c>
      <c r="H2582">
        <v>49705.361799999999</v>
      </c>
      <c r="I2582">
        <v>36225.691039999998</v>
      </c>
      <c r="J2582">
        <v>44764.950449999997</v>
      </c>
      <c r="K2582">
        <v>61582.879710000001</v>
      </c>
      <c r="L2582">
        <v>34498.76827</v>
      </c>
      <c r="M2582">
        <v>351832.92489999998</v>
      </c>
      <c r="N2582">
        <v>90191.337090000001</v>
      </c>
      <c r="O2582">
        <v>28374.737870000001</v>
      </c>
      <c r="P2582">
        <v>35970.940269999999</v>
      </c>
      <c r="Q2582">
        <v>98877.438959999999</v>
      </c>
      <c r="R2582">
        <v>25349.636589999998</v>
      </c>
      <c r="S2582">
        <v>114162.96369999999</v>
      </c>
      <c r="T2582">
        <v>33862.036289999996</v>
      </c>
      <c r="U2582">
        <v>19653.540590000001</v>
      </c>
      <c r="W2582" s="83">
        <f>Bühler!N2614</f>
        <v>45399.499999993743</v>
      </c>
      <c r="X2582" s="83">
        <v>43208.5</v>
      </c>
      <c r="Y2582">
        <v>284179.88829999999</v>
      </c>
      <c r="Z2582">
        <v>32553.36232</v>
      </c>
      <c r="AA2582">
        <v>89474.304130000004</v>
      </c>
      <c r="AB2582">
        <v>59487.472690000002</v>
      </c>
      <c r="AC2582">
        <v>49705.361799999999</v>
      </c>
      <c r="AD2582">
        <v>36225.691039999998</v>
      </c>
      <c r="AE2582">
        <v>44764.950449999997</v>
      </c>
      <c r="AF2582">
        <v>61582.879710000001</v>
      </c>
      <c r="AG2582">
        <v>34498.76827</v>
      </c>
      <c r="AH2582">
        <v>351832.92489999998</v>
      </c>
      <c r="AI2582">
        <v>90191.337090000001</v>
      </c>
      <c r="AJ2582">
        <v>28374.737870000001</v>
      </c>
      <c r="AK2582">
        <v>35970.940269999999</v>
      </c>
      <c r="AL2582">
        <v>98877.438959999999</v>
      </c>
      <c r="AM2582">
        <v>25349.636589999998</v>
      </c>
      <c r="AN2582">
        <v>114162.96369999999</v>
      </c>
      <c r="AO2582">
        <v>33862.036289999996</v>
      </c>
      <c r="AP2582">
        <v>19653.540590000001</v>
      </c>
    </row>
    <row r="2583" spans="2:42" x14ac:dyDescent="0.3">
      <c r="B2583">
        <v>68.707047356055853</v>
      </c>
      <c r="C2583" s="83">
        <v>43208.541666666664</v>
      </c>
      <c r="D2583">
        <v>285293.93800000002</v>
      </c>
      <c r="E2583">
        <v>32458.881529999999</v>
      </c>
      <c r="F2583">
        <v>86445.34375</v>
      </c>
      <c r="G2583">
        <v>57035.995920000001</v>
      </c>
      <c r="H2583">
        <v>50653.050920000001</v>
      </c>
      <c r="I2583">
        <v>36163.882949999999</v>
      </c>
      <c r="J2583">
        <v>44273.928460000003</v>
      </c>
      <c r="K2583">
        <v>64553.80977</v>
      </c>
      <c r="L2583">
        <v>33140.924220000001</v>
      </c>
      <c r="M2583">
        <v>350300.56839999999</v>
      </c>
      <c r="N2583">
        <v>91355.935880000005</v>
      </c>
      <c r="O2583">
        <v>28413.392090000001</v>
      </c>
      <c r="P2583">
        <v>35170.756000000001</v>
      </c>
      <c r="Q2583">
        <v>98023.784400000004</v>
      </c>
      <c r="R2583">
        <v>24615.93909</v>
      </c>
      <c r="S2583">
        <v>114068.5071</v>
      </c>
      <c r="T2583">
        <v>33001.93492</v>
      </c>
      <c r="U2583">
        <v>21621.584800000001</v>
      </c>
      <c r="W2583" s="83">
        <f>Bühler!N2615</f>
        <v>45399.541666660407</v>
      </c>
      <c r="X2583" s="83">
        <v>43208.541666666664</v>
      </c>
      <c r="Y2583">
        <v>285293.93800000002</v>
      </c>
      <c r="Z2583">
        <v>32458.881529999999</v>
      </c>
      <c r="AA2583">
        <v>86445.34375</v>
      </c>
      <c r="AB2583">
        <v>57035.995920000001</v>
      </c>
      <c r="AC2583">
        <v>50653.050920000001</v>
      </c>
      <c r="AD2583">
        <v>36163.882949999999</v>
      </c>
      <c r="AE2583">
        <v>44273.928460000003</v>
      </c>
      <c r="AF2583">
        <v>64553.80977</v>
      </c>
      <c r="AG2583">
        <v>33140.924220000001</v>
      </c>
      <c r="AH2583">
        <v>350300.56839999999</v>
      </c>
      <c r="AI2583">
        <v>91355.935880000005</v>
      </c>
      <c r="AJ2583">
        <v>28413.392090000001</v>
      </c>
      <c r="AK2583">
        <v>35170.756000000001</v>
      </c>
      <c r="AL2583">
        <v>98023.784400000004</v>
      </c>
      <c r="AM2583">
        <v>24615.93909</v>
      </c>
      <c r="AN2583">
        <v>114068.5071</v>
      </c>
      <c r="AO2583">
        <v>33001.93492</v>
      </c>
      <c r="AP2583">
        <v>21621.584800000001</v>
      </c>
    </row>
    <row r="2584" spans="2:42" x14ac:dyDescent="0.3">
      <c r="B2584">
        <v>68.902641959043365</v>
      </c>
      <c r="C2584" s="83">
        <v>43208.583333333336</v>
      </c>
      <c r="D2584">
        <v>289945.0453</v>
      </c>
      <c r="E2584">
        <v>35289.906819999997</v>
      </c>
      <c r="F2584">
        <v>94393.449569999997</v>
      </c>
      <c r="G2584">
        <v>55143.991459999997</v>
      </c>
      <c r="H2584">
        <v>50770.94616</v>
      </c>
      <c r="I2584">
        <v>36972.129529999998</v>
      </c>
      <c r="J2584">
        <v>43709.16401</v>
      </c>
      <c r="K2584">
        <v>65496.454160000001</v>
      </c>
      <c r="L2584">
        <v>30034.601269999999</v>
      </c>
      <c r="M2584">
        <v>351297.80089999997</v>
      </c>
      <c r="N2584">
        <v>91675.023260000002</v>
      </c>
      <c r="O2584">
        <v>26845.264889999999</v>
      </c>
      <c r="P2584">
        <v>31738.14114</v>
      </c>
      <c r="Q2584">
        <v>98272.111009999993</v>
      </c>
      <c r="R2584">
        <v>24010.264299999999</v>
      </c>
      <c r="S2584">
        <v>110334.0634</v>
      </c>
      <c r="T2584">
        <v>32086.88205</v>
      </c>
      <c r="U2584">
        <v>22262.820640000002</v>
      </c>
      <c r="W2584" s="83">
        <f>Bühler!N2616</f>
        <v>45399.583333327071</v>
      </c>
      <c r="X2584" s="83">
        <v>43208.583333333336</v>
      </c>
      <c r="Y2584">
        <v>289945.0453</v>
      </c>
      <c r="Z2584">
        <v>35289.906819999997</v>
      </c>
      <c r="AA2584">
        <v>94393.449569999997</v>
      </c>
      <c r="AB2584">
        <v>55143.991459999997</v>
      </c>
      <c r="AC2584">
        <v>50770.94616</v>
      </c>
      <c r="AD2584">
        <v>36972.129529999998</v>
      </c>
      <c r="AE2584">
        <v>43709.16401</v>
      </c>
      <c r="AF2584">
        <v>65496.454160000001</v>
      </c>
      <c r="AG2584">
        <v>30034.601269999999</v>
      </c>
      <c r="AH2584">
        <v>351297.80089999997</v>
      </c>
      <c r="AI2584">
        <v>91675.023260000002</v>
      </c>
      <c r="AJ2584">
        <v>26845.264889999999</v>
      </c>
      <c r="AK2584">
        <v>31738.14114</v>
      </c>
      <c r="AL2584">
        <v>98272.111009999993</v>
      </c>
      <c r="AM2584">
        <v>24010.264299999999</v>
      </c>
      <c r="AN2584">
        <v>110334.0634</v>
      </c>
      <c r="AO2584">
        <v>32086.88205</v>
      </c>
      <c r="AP2584">
        <v>22262.820640000002</v>
      </c>
    </row>
    <row r="2585" spans="2:42" x14ac:dyDescent="0.3">
      <c r="B2585">
        <v>68.326135044441941</v>
      </c>
      <c r="C2585" s="83">
        <v>43208.625</v>
      </c>
      <c r="D2585">
        <v>288727.00579999998</v>
      </c>
      <c r="E2585">
        <v>35362.793700000002</v>
      </c>
      <c r="F2585">
        <v>96145.782449999999</v>
      </c>
      <c r="G2585">
        <v>53727.996169999999</v>
      </c>
      <c r="H2585">
        <v>49675.819069999998</v>
      </c>
      <c r="I2585">
        <v>37185.556940000002</v>
      </c>
      <c r="J2585">
        <v>43705.145559999997</v>
      </c>
      <c r="K2585">
        <v>62753.348619999997</v>
      </c>
      <c r="L2585">
        <v>26860.00287</v>
      </c>
      <c r="M2585">
        <v>348358.49979999999</v>
      </c>
      <c r="N2585">
        <v>91304.626810000002</v>
      </c>
      <c r="O2585">
        <v>25397.711060000001</v>
      </c>
      <c r="P2585">
        <v>28275.68345</v>
      </c>
      <c r="Q2585">
        <v>98383.096229999996</v>
      </c>
      <c r="R2585">
        <v>23540.40309</v>
      </c>
      <c r="S2585">
        <v>108901.8912</v>
      </c>
      <c r="T2585">
        <v>32048.405859999999</v>
      </c>
      <c r="U2585">
        <v>21555.018199999999</v>
      </c>
      <c r="W2585" s="83">
        <f>Bühler!N2617</f>
        <v>45399.624999993735</v>
      </c>
      <c r="X2585" s="83">
        <v>43208.625</v>
      </c>
      <c r="Y2585">
        <v>288727.00579999998</v>
      </c>
      <c r="Z2585">
        <v>35362.793700000002</v>
      </c>
      <c r="AA2585">
        <v>96145.782449999999</v>
      </c>
      <c r="AB2585">
        <v>53727.996169999999</v>
      </c>
      <c r="AC2585">
        <v>49675.819069999998</v>
      </c>
      <c r="AD2585">
        <v>37185.556940000002</v>
      </c>
      <c r="AE2585">
        <v>43705.145559999997</v>
      </c>
      <c r="AF2585">
        <v>62753.348619999997</v>
      </c>
      <c r="AG2585">
        <v>26860.00287</v>
      </c>
      <c r="AH2585">
        <v>348358.49979999999</v>
      </c>
      <c r="AI2585">
        <v>91304.626810000002</v>
      </c>
      <c r="AJ2585">
        <v>25397.711060000001</v>
      </c>
      <c r="AK2585">
        <v>28275.68345</v>
      </c>
      <c r="AL2585">
        <v>98383.096229999996</v>
      </c>
      <c r="AM2585">
        <v>23540.40309</v>
      </c>
      <c r="AN2585">
        <v>108901.8912</v>
      </c>
      <c r="AO2585">
        <v>32048.405859999999</v>
      </c>
      <c r="AP2585">
        <v>21555.018199999999</v>
      </c>
    </row>
    <row r="2586" spans="2:42" x14ac:dyDescent="0.3">
      <c r="B2586">
        <v>66.825823188491555</v>
      </c>
      <c r="C2586" s="83">
        <v>43208.666666666664</v>
      </c>
      <c r="D2586">
        <v>280903.2525</v>
      </c>
      <c r="E2586">
        <v>34823.816740000002</v>
      </c>
      <c r="F2586">
        <v>96055.175950000004</v>
      </c>
      <c r="G2586">
        <v>51540.865640000004</v>
      </c>
      <c r="H2586">
        <v>47894.759810000003</v>
      </c>
      <c r="I2586">
        <v>37784.342879999997</v>
      </c>
      <c r="J2586">
        <v>42969.012920000001</v>
      </c>
      <c r="K2586">
        <v>59262.570610000002</v>
      </c>
      <c r="L2586">
        <v>25850.4411</v>
      </c>
      <c r="M2586">
        <v>340709.21029999998</v>
      </c>
      <c r="N2586">
        <v>89321.424310000002</v>
      </c>
      <c r="O2586">
        <v>26052.358479999999</v>
      </c>
      <c r="P2586">
        <v>27809.862120000002</v>
      </c>
      <c r="Q2586">
        <v>97070.705149999994</v>
      </c>
      <c r="R2586">
        <v>23925.203990000002</v>
      </c>
      <c r="S2586">
        <v>105864.2006</v>
      </c>
      <c r="T2586">
        <v>31841.336660000001</v>
      </c>
      <c r="U2586">
        <v>19482.964370000002</v>
      </c>
      <c r="W2586" s="83">
        <f>Bühler!N2618</f>
        <v>45399.6666666604</v>
      </c>
      <c r="X2586" s="83">
        <v>43208.666666666664</v>
      </c>
      <c r="Y2586">
        <v>280903.2525</v>
      </c>
      <c r="Z2586">
        <v>34823.816740000002</v>
      </c>
      <c r="AA2586">
        <v>96055.175950000004</v>
      </c>
      <c r="AB2586">
        <v>51540.865640000004</v>
      </c>
      <c r="AC2586">
        <v>47894.759810000003</v>
      </c>
      <c r="AD2586">
        <v>37784.342879999997</v>
      </c>
      <c r="AE2586">
        <v>42969.012920000001</v>
      </c>
      <c r="AF2586">
        <v>59262.570610000002</v>
      </c>
      <c r="AG2586">
        <v>25850.4411</v>
      </c>
      <c r="AH2586">
        <v>340709.21029999998</v>
      </c>
      <c r="AI2586">
        <v>89321.424310000002</v>
      </c>
      <c r="AJ2586">
        <v>26052.358479999999</v>
      </c>
      <c r="AK2586">
        <v>27809.862120000002</v>
      </c>
      <c r="AL2586">
        <v>97070.705149999994</v>
      </c>
      <c r="AM2586">
        <v>23925.203990000002</v>
      </c>
      <c r="AN2586">
        <v>105864.2006</v>
      </c>
      <c r="AO2586">
        <v>31841.336660000001</v>
      </c>
      <c r="AP2586">
        <v>19482.964370000002</v>
      </c>
    </row>
    <row r="2587" spans="2:42" x14ac:dyDescent="0.3">
      <c r="B2587">
        <v>65.444332162055105</v>
      </c>
      <c r="C2587" s="83">
        <v>43208.708333333336</v>
      </c>
      <c r="D2587">
        <v>269580.79989999998</v>
      </c>
      <c r="E2587">
        <v>32568.494070000001</v>
      </c>
      <c r="F2587">
        <v>95044.038690000001</v>
      </c>
      <c r="G2587">
        <v>48735.38192</v>
      </c>
      <c r="H2587">
        <v>45505.389199999998</v>
      </c>
      <c r="I2587">
        <v>36712.615669999999</v>
      </c>
      <c r="J2587">
        <v>42462.70175</v>
      </c>
      <c r="K2587">
        <v>54898.614240000003</v>
      </c>
      <c r="L2587">
        <v>26053.530409999999</v>
      </c>
      <c r="M2587">
        <v>333665.72480000003</v>
      </c>
      <c r="N2587">
        <v>84429.632920000004</v>
      </c>
      <c r="O2587">
        <v>25205.567459999998</v>
      </c>
      <c r="P2587">
        <v>29020.32634</v>
      </c>
      <c r="Q2587">
        <v>95775.278600000005</v>
      </c>
      <c r="R2587">
        <v>23467.841929999999</v>
      </c>
      <c r="S2587">
        <v>102646.5364</v>
      </c>
      <c r="T2587">
        <v>31082.53974</v>
      </c>
      <c r="U2587">
        <v>17232.541120000002</v>
      </c>
      <c r="W2587" s="83">
        <f>Bühler!N2619</f>
        <v>45399.708333327064</v>
      </c>
      <c r="X2587" s="83">
        <v>43208.708333333336</v>
      </c>
      <c r="Y2587">
        <v>269580.79989999998</v>
      </c>
      <c r="Z2587">
        <v>32568.494070000001</v>
      </c>
      <c r="AA2587">
        <v>95044.038690000001</v>
      </c>
      <c r="AB2587">
        <v>48735.38192</v>
      </c>
      <c r="AC2587">
        <v>45505.389199999998</v>
      </c>
      <c r="AD2587">
        <v>36712.615669999999</v>
      </c>
      <c r="AE2587">
        <v>42462.70175</v>
      </c>
      <c r="AF2587">
        <v>54898.614240000003</v>
      </c>
      <c r="AG2587">
        <v>26053.530409999999</v>
      </c>
      <c r="AH2587">
        <v>333665.72480000003</v>
      </c>
      <c r="AI2587">
        <v>84429.632920000004</v>
      </c>
      <c r="AJ2587">
        <v>25205.567459999998</v>
      </c>
      <c r="AK2587">
        <v>29020.32634</v>
      </c>
      <c r="AL2587">
        <v>95775.278600000005</v>
      </c>
      <c r="AM2587">
        <v>23467.841929999999</v>
      </c>
      <c r="AN2587">
        <v>102646.5364</v>
      </c>
      <c r="AO2587">
        <v>31082.53974</v>
      </c>
      <c r="AP2587">
        <v>17232.541120000002</v>
      </c>
    </row>
    <row r="2588" spans="2:42" x14ac:dyDescent="0.3">
      <c r="B2588">
        <v>63.727917124068711</v>
      </c>
      <c r="C2588" s="83">
        <v>43208.75</v>
      </c>
      <c r="D2588">
        <v>262761.55349999998</v>
      </c>
      <c r="E2588">
        <v>29400.83049</v>
      </c>
      <c r="F2588">
        <v>92689.255820000006</v>
      </c>
      <c r="G2588">
        <v>45393.255039999996</v>
      </c>
      <c r="H2588">
        <v>43181.347029999997</v>
      </c>
      <c r="I2588">
        <v>35393.03269</v>
      </c>
      <c r="J2588">
        <v>42635.383240000003</v>
      </c>
      <c r="K2588">
        <v>52901.819920000002</v>
      </c>
      <c r="L2588">
        <v>27278.01007</v>
      </c>
      <c r="M2588">
        <v>324914.64049999998</v>
      </c>
      <c r="N2588">
        <v>81984.893280000004</v>
      </c>
      <c r="O2588">
        <v>24109.76554</v>
      </c>
      <c r="P2588">
        <v>31650.959190000001</v>
      </c>
      <c r="Q2588">
        <v>94412.422399999996</v>
      </c>
      <c r="R2588">
        <v>21882.161830000001</v>
      </c>
      <c r="S2588">
        <v>96372.01079</v>
      </c>
      <c r="T2588">
        <v>31853.537110000001</v>
      </c>
      <c r="U2588">
        <v>16153.704089999999</v>
      </c>
      <c r="W2588" s="83">
        <f>Bühler!N2620</f>
        <v>45399.749999993728</v>
      </c>
      <c r="X2588" s="83">
        <v>43208.75</v>
      </c>
      <c r="Y2588">
        <v>262761.55349999998</v>
      </c>
      <c r="Z2588">
        <v>29400.83049</v>
      </c>
      <c r="AA2588">
        <v>92689.255820000006</v>
      </c>
      <c r="AB2588">
        <v>45393.255039999996</v>
      </c>
      <c r="AC2588">
        <v>43181.347029999997</v>
      </c>
      <c r="AD2588">
        <v>35393.03269</v>
      </c>
      <c r="AE2588">
        <v>42635.383240000003</v>
      </c>
      <c r="AF2588">
        <v>52901.819920000002</v>
      </c>
      <c r="AG2588">
        <v>27278.01007</v>
      </c>
      <c r="AH2588">
        <v>324914.64049999998</v>
      </c>
      <c r="AI2588">
        <v>81984.893280000004</v>
      </c>
      <c r="AJ2588">
        <v>24109.76554</v>
      </c>
      <c r="AK2588">
        <v>31650.959190000001</v>
      </c>
      <c r="AL2588">
        <v>94412.422399999996</v>
      </c>
      <c r="AM2588">
        <v>21882.161830000001</v>
      </c>
      <c r="AN2588">
        <v>96372.01079</v>
      </c>
      <c r="AO2588">
        <v>31853.537110000001</v>
      </c>
      <c r="AP2588">
        <v>16153.704089999999</v>
      </c>
    </row>
    <row r="2589" spans="2:42" x14ac:dyDescent="0.3">
      <c r="B2589">
        <v>62.274764390857136</v>
      </c>
      <c r="C2589" s="83">
        <v>43208.791666666664</v>
      </c>
      <c r="D2589">
        <v>255125.4339</v>
      </c>
      <c r="E2589">
        <v>23745.794129999998</v>
      </c>
      <c r="F2589">
        <v>81130.163549999997</v>
      </c>
      <c r="G2589">
        <v>41649.622139999999</v>
      </c>
      <c r="H2589">
        <v>40818.485370000002</v>
      </c>
      <c r="I2589">
        <v>32856.41216</v>
      </c>
      <c r="J2589">
        <v>41997.512000000002</v>
      </c>
      <c r="K2589">
        <v>51788.642670000001</v>
      </c>
      <c r="L2589">
        <v>28496.095679999999</v>
      </c>
      <c r="M2589">
        <v>317505.79019999999</v>
      </c>
      <c r="N2589">
        <v>80417.090119999993</v>
      </c>
      <c r="O2589">
        <v>22972.422549999999</v>
      </c>
      <c r="P2589">
        <v>34244.690609999998</v>
      </c>
      <c r="Q2589">
        <v>91325.769289999997</v>
      </c>
      <c r="R2589">
        <v>20040.286169999999</v>
      </c>
      <c r="S2589">
        <v>91772.848719999995</v>
      </c>
      <c r="T2589">
        <v>32070.361229999999</v>
      </c>
      <c r="U2589">
        <v>15311.85461</v>
      </c>
      <c r="W2589" s="83">
        <f>Bühler!N2621</f>
        <v>45399.791666660392</v>
      </c>
      <c r="X2589" s="83">
        <v>43208.791666666664</v>
      </c>
      <c r="Y2589">
        <v>255125.4339</v>
      </c>
      <c r="Z2589">
        <v>23745.794129999998</v>
      </c>
      <c r="AA2589">
        <v>81130.163549999997</v>
      </c>
      <c r="AB2589">
        <v>41649.622139999999</v>
      </c>
      <c r="AC2589">
        <v>40818.485370000002</v>
      </c>
      <c r="AD2589">
        <v>32856.41216</v>
      </c>
      <c r="AE2589">
        <v>41997.512000000002</v>
      </c>
      <c r="AF2589">
        <v>51788.642670000001</v>
      </c>
      <c r="AG2589">
        <v>28496.095679999999</v>
      </c>
      <c r="AH2589">
        <v>317505.79019999999</v>
      </c>
      <c r="AI2589">
        <v>80417.090119999993</v>
      </c>
      <c r="AJ2589">
        <v>22972.422549999999</v>
      </c>
      <c r="AK2589">
        <v>34244.690609999998</v>
      </c>
      <c r="AL2589">
        <v>91325.769289999997</v>
      </c>
      <c r="AM2589">
        <v>20040.286169999999</v>
      </c>
      <c r="AN2589">
        <v>91772.848719999995</v>
      </c>
      <c r="AO2589">
        <v>32070.361229999999</v>
      </c>
      <c r="AP2589">
        <v>15311.85461</v>
      </c>
    </row>
    <row r="2590" spans="2:42" x14ac:dyDescent="0.3">
      <c r="B2590">
        <v>60.421488431723169</v>
      </c>
      <c r="C2590" s="83">
        <v>43208.833333333336</v>
      </c>
      <c r="D2590">
        <v>246128.16159999999</v>
      </c>
      <c r="E2590">
        <v>17874.76958</v>
      </c>
      <c r="F2590">
        <v>63391.345970000002</v>
      </c>
      <c r="G2590">
        <v>39595.161160000003</v>
      </c>
      <c r="H2590">
        <v>38834.531499999997</v>
      </c>
      <c r="I2590">
        <v>29461.618109999999</v>
      </c>
      <c r="J2590">
        <v>42612.167909999996</v>
      </c>
      <c r="K2590">
        <v>50871.803950000001</v>
      </c>
      <c r="L2590">
        <v>28423.612980000002</v>
      </c>
      <c r="M2590">
        <v>308056.92509999999</v>
      </c>
      <c r="N2590">
        <v>78333.298330000005</v>
      </c>
      <c r="O2590">
        <v>22497.037230000002</v>
      </c>
      <c r="P2590">
        <v>34631.35441</v>
      </c>
      <c r="Q2590">
        <v>87976.839779999995</v>
      </c>
      <c r="R2590">
        <v>19281.67165</v>
      </c>
      <c r="S2590">
        <v>83991.218040000007</v>
      </c>
      <c r="T2590">
        <v>31405.2552</v>
      </c>
      <c r="U2590">
        <v>14406.28391</v>
      </c>
      <c r="W2590" s="83">
        <f>Bühler!N2622</f>
        <v>45399.833333327057</v>
      </c>
      <c r="X2590" s="83">
        <v>43208.833333333336</v>
      </c>
      <c r="Y2590">
        <v>246128.16159999999</v>
      </c>
      <c r="Z2590">
        <v>17874.76958</v>
      </c>
      <c r="AA2590">
        <v>63391.345970000002</v>
      </c>
      <c r="AB2590">
        <v>39595.161160000003</v>
      </c>
      <c r="AC2590">
        <v>38834.531499999997</v>
      </c>
      <c r="AD2590">
        <v>29461.618109999999</v>
      </c>
      <c r="AE2590">
        <v>42612.167909999996</v>
      </c>
      <c r="AF2590">
        <v>50871.803950000001</v>
      </c>
      <c r="AG2590">
        <v>28423.612980000002</v>
      </c>
      <c r="AH2590">
        <v>308056.92509999999</v>
      </c>
      <c r="AI2590">
        <v>78333.298330000005</v>
      </c>
      <c r="AJ2590">
        <v>22497.037230000002</v>
      </c>
      <c r="AK2590">
        <v>34631.35441</v>
      </c>
      <c r="AL2590">
        <v>87976.839779999995</v>
      </c>
      <c r="AM2590">
        <v>19281.67165</v>
      </c>
      <c r="AN2590">
        <v>83991.218040000007</v>
      </c>
      <c r="AO2590">
        <v>31405.2552</v>
      </c>
      <c r="AP2590">
        <v>14406.28391</v>
      </c>
    </row>
    <row r="2591" spans="2:42" x14ac:dyDescent="0.3">
      <c r="B2591">
        <v>59.157238897121431</v>
      </c>
      <c r="C2591" s="83">
        <v>43208.875</v>
      </c>
      <c r="D2591">
        <v>240766.67050000001</v>
      </c>
      <c r="E2591">
        <v>15362.699140000001</v>
      </c>
      <c r="F2591">
        <v>55436.647949999999</v>
      </c>
      <c r="G2591">
        <v>38758.67</v>
      </c>
      <c r="H2591">
        <v>38328.89114</v>
      </c>
      <c r="I2591">
        <v>26364.521669999998</v>
      </c>
      <c r="J2591">
        <v>42596.714419999997</v>
      </c>
      <c r="K2591">
        <v>50688.478219999997</v>
      </c>
      <c r="L2591">
        <v>27462.302090000001</v>
      </c>
      <c r="M2591">
        <v>301611.19140000001</v>
      </c>
      <c r="N2591">
        <v>78283.962780000002</v>
      </c>
      <c r="O2591">
        <v>21411.48229</v>
      </c>
      <c r="P2591">
        <v>34143.811889999997</v>
      </c>
      <c r="Q2591">
        <v>85562.028030000001</v>
      </c>
      <c r="R2591">
        <v>19114.895329999999</v>
      </c>
      <c r="S2591">
        <v>80755.640270000004</v>
      </c>
      <c r="T2591">
        <v>29744.294539999999</v>
      </c>
      <c r="U2591">
        <v>14488.17513</v>
      </c>
      <c r="W2591" s="83">
        <f>Bühler!N2623</f>
        <v>45399.874999993721</v>
      </c>
      <c r="X2591" s="83">
        <v>43208.875</v>
      </c>
      <c r="Y2591">
        <v>240766.67050000001</v>
      </c>
      <c r="Z2591">
        <v>15362.699140000001</v>
      </c>
      <c r="AA2591">
        <v>55436.647949999999</v>
      </c>
      <c r="AB2591">
        <v>38758.67</v>
      </c>
      <c r="AC2591">
        <v>38328.89114</v>
      </c>
      <c r="AD2591">
        <v>26364.521669999998</v>
      </c>
      <c r="AE2591">
        <v>42596.714419999997</v>
      </c>
      <c r="AF2591">
        <v>50688.478219999997</v>
      </c>
      <c r="AG2591">
        <v>27462.302090000001</v>
      </c>
      <c r="AH2591">
        <v>301611.19140000001</v>
      </c>
      <c r="AI2591">
        <v>78283.962780000002</v>
      </c>
      <c r="AJ2591">
        <v>21411.48229</v>
      </c>
      <c r="AK2591">
        <v>34143.811889999997</v>
      </c>
      <c r="AL2591">
        <v>85562.028030000001</v>
      </c>
      <c r="AM2591">
        <v>19114.895329999999</v>
      </c>
      <c r="AN2591">
        <v>80755.640270000004</v>
      </c>
      <c r="AO2591">
        <v>29744.294539999999</v>
      </c>
      <c r="AP2591">
        <v>14488.17513</v>
      </c>
    </row>
    <row r="2592" spans="2:42" x14ac:dyDescent="0.3">
      <c r="B2592">
        <v>58.227811382614703</v>
      </c>
      <c r="C2592" s="83">
        <v>43208.916666666664</v>
      </c>
      <c r="D2592">
        <v>237410.0153</v>
      </c>
      <c r="E2592">
        <v>14508.22241</v>
      </c>
      <c r="F2592">
        <v>52040.569009999999</v>
      </c>
      <c r="G2592">
        <v>36907.434090000002</v>
      </c>
      <c r="H2592">
        <v>37377.349280000002</v>
      </c>
      <c r="I2592">
        <v>23577.856220000001</v>
      </c>
      <c r="J2592">
        <v>40878.117319999998</v>
      </c>
      <c r="K2592">
        <v>54090.292249999999</v>
      </c>
      <c r="L2592">
        <v>24695.38942</v>
      </c>
      <c r="M2592">
        <v>296872.53649999999</v>
      </c>
      <c r="N2592">
        <v>76473.41721</v>
      </c>
      <c r="O2592">
        <v>21372.750179999999</v>
      </c>
      <c r="P2592">
        <v>36501.682240000002</v>
      </c>
      <c r="Q2592">
        <v>83485.374899999995</v>
      </c>
      <c r="R2592">
        <v>21111.994119999999</v>
      </c>
      <c r="S2592">
        <v>78563.906849999999</v>
      </c>
      <c r="T2592">
        <v>26006.429800000002</v>
      </c>
      <c r="U2592">
        <v>15160.06798</v>
      </c>
      <c r="W2592" s="83">
        <f>Bühler!N2624</f>
        <v>45399.916666660385</v>
      </c>
      <c r="X2592" s="83">
        <v>43208.916666666664</v>
      </c>
      <c r="Y2592">
        <v>237410.0153</v>
      </c>
      <c r="Z2592">
        <v>14508.22241</v>
      </c>
      <c r="AA2592">
        <v>52040.569009999999</v>
      </c>
      <c r="AB2592">
        <v>36907.434090000002</v>
      </c>
      <c r="AC2592">
        <v>37377.349280000002</v>
      </c>
      <c r="AD2592">
        <v>23577.856220000001</v>
      </c>
      <c r="AE2592">
        <v>40878.117319999998</v>
      </c>
      <c r="AF2592">
        <v>54090.292249999999</v>
      </c>
      <c r="AG2592">
        <v>24695.38942</v>
      </c>
      <c r="AH2592">
        <v>296872.53649999999</v>
      </c>
      <c r="AI2592">
        <v>76473.41721</v>
      </c>
      <c r="AJ2592">
        <v>21372.750179999999</v>
      </c>
      <c r="AK2592">
        <v>36501.682240000002</v>
      </c>
      <c r="AL2592">
        <v>83485.374899999995</v>
      </c>
      <c r="AM2592">
        <v>21111.994119999999</v>
      </c>
      <c r="AN2592">
        <v>78563.906849999999</v>
      </c>
      <c r="AO2592">
        <v>26006.429800000002</v>
      </c>
      <c r="AP2592">
        <v>15160.06798</v>
      </c>
    </row>
    <row r="2593" spans="2:42" x14ac:dyDescent="0.3">
      <c r="B2593">
        <v>57.656626715563831</v>
      </c>
      <c r="C2593" s="83">
        <v>43208.958333333336</v>
      </c>
      <c r="D2593">
        <v>236490.03140000001</v>
      </c>
      <c r="E2593">
        <v>13747.70355</v>
      </c>
      <c r="F2593">
        <v>50549.891360000001</v>
      </c>
      <c r="G2593">
        <v>36121.38493</v>
      </c>
      <c r="H2593">
        <v>36255.795850000002</v>
      </c>
      <c r="I2593">
        <v>22831.199489999999</v>
      </c>
      <c r="J2593">
        <v>37492.542139999998</v>
      </c>
      <c r="K2593">
        <v>53566.637690000003</v>
      </c>
      <c r="L2593">
        <v>20304.43087</v>
      </c>
      <c r="M2593">
        <v>293960.37070000003</v>
      </c>
      <c r="N2593">
        <v>75774.321429999996</v>
      </c>
      <c r="O2593">
        <v>22061.795829999999</v>
      </c>
      <c r="P2593">
        <v>31777.356110000001</v>
      </c>
      <c r="Q2593">
        <v>82833.088430000003</v>
      </c>
      <c r="R2593">
        <v>21634.655549999999</v>
      </c>
      <c r="S2593">
        <v>76367.346470000004</v>
      </c>
      <c r="T2593">
        <v>23730.379669999998</v>
      </c>
      <c r="U2593">
        <v>13928.713299999999</v>
      </c>
      <c r="W2593" s="83">
        <f>Bühler!N2625</f>
        <v>45399.958333327049</v>
      </c>
      <c r="X2593" s="83">
        <v>43208.958333333336</v>
      </c>
      <c r="Y2593">
        <v>236490.03140000001</v>
      </c>
      <c r="Z2593">
        <v>13747.70355</v>
      </c>
      <c r="AA2593">
        <v>50549.891360000001</v>
      </c>
      <c r="AB2593">
        <v>36121.38493</v>
      </c>
      <c r="AC2593">
        <v>36255.795850000002</v>
      </c>
      <c r="AD2593">
        <v>22831.199489999999</v>
      </c>
      <c r="AE2593">
        <v>37492.542139999998</v>
      </c>
      <c r="AF2593">
        <v>53566.637690000003</v>
      </c>
      <c r="AG2593">
        <v>20304.43087</v>
      </c>
      <c r="AH2593">
        <v>293960.37070000003</v>
      </c>
      <c r="AI2593">
        <v>75774.321429999996</v>
      </c>
      <c r="AJ2593">
        <v>22061.795829999999</v>
      </c>
      <c r="AK2593">
        <v>31777.356110000001</v>
      </c>
      <c r="AL2593">
        <v>82833.088430000003</v>
      </c>
      <c r="AM2593">
        <v>21634.655549999999</v>
      </c>
      <c r="AN2593">
        <v>76367.346470000004</v>
      </c>
      <c r="AO2593">
        <v>23730.379669999998</v>
      </c>
      <c r="AP2593">
        <v>13928.713299999999</v>
      </c>
    </row>
    <row r="2594" spans="2:42" x14ac:dyDescent="0.3">
      <c r="B2594">
        <v>57.08545177692865</v>
      </c>
      <c r="C2594" s="83">
        <v>43209</v>
      </c>
      <c r="D2594">
        <v>235844.78779999999</v>
      </c>
      <c r="E2594">
        <v>13424.43939</v>
      </c>
      <c r="F2594">
        <v>49086.262970000003</v>
      </c>
      <c r="G2594">
        <v>35837.699370000002</v>
      </c>
      <c r="H2594">
        <v>35645.925459999999</v>
      </c>
      <c r="I2594">
        <v>21515.693630000002</v>
      </c>
      <c r="J2594">
        <v>35766.68894</v>
      </c>
      <c r="K2594">
        <v>51762.482709999997</v>
      </c>
      <c r="L2594">
        <v>18293.666550000002</v>
      </c>
      <c r="M2594">
        <v>291048.25449999998</v>
      </c>
      <c r="N2594">
        <v>74551.585819999993</v>
      </c>
      <c r="O2594">
        <v>21167.315330000001</v>
      </c>
      <c r="P2594">
        <v>28349.51424</v>
      </c>
      <c r="Q2594">
        <v>82054.25374</v>
      </c>
      <c r="R2594">
        <v>18171.352289999999</v>
      </c>
      <c r="S2594">
        <v>74837.769719999997</v>
      </c>
      <c r="T2594">
        <v>21894.578420000002</v>
      </c>
      <c r="U2594">
        <v>13670.70096</v>
      </c>
      <c r="W2594" s="83">
        <f>Bühler!N2626</f>
        <v>45399.999999993714</v>
      </c>
      <c r="X2594" s="83">
        <v>43209</v>
      </c>
      <c r="Y2594">
        <v>235844.78779999999</v>
      </c>
      <c r="Z2594">
        <v>13424.43939</v>
      </c>
      <c r="AA2594">
        <v>49086.262970000003</v>
      </c>
      <c r="AB2594">
        <v>35837.699370000002</v>
      </c>
      <c r="AC2594">
        <v>35645.925459999999</v>
      </c>
      <c r="AD2594">
        <v>21515.693630000002</v>
      </c>
      <c r="AE2594">
        <v>35766.68894</v>
      </c>
      <c r="AF2594">
        <v>51762.482709999997</v>
      </c>
      <c r="AG2594">
        <v>18293.666550000002</v>
      </c>
      <c r="AH2594">
        <v>291048.25449999998</v>
      </c>
      <c r="AI2594">
        <v>74551.585819999993</v>
      </c>
      <c r="AJ2594">
        <v>21167.315330000001</v>
      </c>
      <c r="AK2594">
        <v>28349.51424</v>
      </c>
      <c r="AL2594">
        <v>82054.25374</v>
      </c>
      <c r="AM2594">
        <v>18171.352289999999</v>
      </c>
      <c r="AN2594">
        <v>74837.769719999997</v>
      </c>
      <c r="AO2594">
        <v>21894.578420000002</v>
      </c>
      <c r="AP2594">
        <v>13670.70096</v>
      </c>
    </row>
    <row r="2595" spans="2:42" x14ac:dyDescent="0.3">
      <c r="B2595">
        <v>56.201848297402293</v>
      </c>
      <c r="C2595" s="83">
        <v>43209.041666666664</v>
      </c>
      <c r="D2595">
        <v>233918.3106</v>
      </c>
      <c r="E2595">
        <v>13250.83999</v>
      </c>
      <c r="F2595">
        <v>48614.778400000003</v>
      </c>
      <c r="G2595">
        <v>35406.163079999998</v>
      </c>
      <c r="H2595">
        <v>35189.764600000002</v>
      </c>
      <c r="I2595">
        <v>17521.985639999999</v>
      </c>
      <c r="J2595">
        <v>34511.019480000003</v>
      </c>
      <c r="K2595">
        <v>49265.76369</v>
      </c>
      <c r="L2595">
        <v>17694.35269</v>
      </c>
      <c r="M2595">
        <v>286543.23190000001</v>
      </c>
      <c r="N2595">
        <v>73571.250289999996</v>
      </c>
      <c r="O2595">
        <v>21140.629789999999</v>
      </c>
      <c r="P2595">
        <v>26976.281559999999</v>
      </c>
      <c r="Q2595">
        <v>82246.003259999998</v>
      </c>
      <c r="R2595">
        <v>16390.507030000001</v>
      </c>
      <c r="S2595">
        <v>73952.659329999995</v>
      </c>
      <c r="T2595">
        <v>20970.562379999999</v>
      </c>
      <c r="U2595">
        <v>13573.7343</v>
      </c>
      <c r="W2595" s="83">
        <f>Bühler!N2627</f>
        <v>45400.041666660378</v>
      </c>
      <c r="X2595" s="83">
        <v>43209.041666666664</v>
      </c>
      <c r="Y2595">
        <v>233918.3106</v>
      </c>
      <c r="Z2595">
        <v>13250.83999</v>
      </c>
      <c r="AA2595">
        <v>48614.778400000003</v>
      </c>
      <c r="AB2595">
        <v>35406.163079999998</v>
      </c>
      <c r="AC2595">
        <v>35189.764600000002</v>
      </c>
      <c r="AD2595">
        <v>17521.985639999999</v>
      </c>
      <c r="AE2595">
        <v>34511.019480000003</v>
      </c>
      <c r="AF2595">
        <v>49265.76369</v>
      </c>
      <c r="AG2595">
        <v>17694.35269</v>
      </c>
      <c r="AH2595">
        <v>286543.23190000001</v>
      </c>
      <c r="AI2595">
        <v>73571.250289999996</v>
      </c>
      <c r="AJ2595">
        <v>21140.629789999999</v>
      </c>
      <c r="AK2595">
        <v>26976.281559999999</v>
      </c>
      <c r="AL2595">
        <v>82246.003259999998</v>
      </c>
      <c r="AM2595">
        <v>16390.507030000001</v>
      </c>
      <c r="AN2595">
        <v>73952.659329999995</v>
      </c>
      <c r="AO2595">
        <v>20970.562379999999</v>
      </c>
      <c r="AP2595">
        <v>13573.7343</v>
      </c>
    </row>
    <row r="2596" spans="2:42" x14ac:dyDescent="0.3">
      <c r="B2596">
        <v>56.288560177083035</v>
      </c>
      <c r="C2596" s="83">
        <v>43209.083333333336</v>
      </c>
      <c r="D2596">
        <v>235978.92800000001</v>
      </c>
      <c r="E2596">
        <v>13193.021360000001</v>
      </c>
      <c r="F2596">
        <v>49424.320070000002</v>
      </c>
      <c r="G2596">
        <v>34790.248679999997</v>
      </c>
      <c r="H2596">
        <v>34850.332289999998</v>
      </c>
      <c r="I2596">
        <v>16029.173290000001</v>
      </c>
      <c r="J2596">
        <v>34145.349779999997</v>
      </c>
      <c r="K2596">
        <v>48120.481529999997</v>
      </c>
      <c r="L2596">
        <v>17427.10529</v>
      </c>
      <c r="M2596">
        <v>286985.32949999999</v>
      </c>
      <c r="N2596">
        <v>72145.571880000003</v>
      </c>
      <c r="O2596">
        <v>20364.10874</v>
      </c>
      <c r="P2596">
        <v>25756.146189999999</v>
      </c>
      <c r="Q2596">
        <v>86051.080740000005</v>
      </c>
      <c r="R2596">
        <v>17211.365669999999</v>
      </c>
      <c r="S2596">
        <v>73243.311390000003</v>
      </c>
      <c r="T2596">
        <v>20340.8367</v>
      </c>
      <c r="U2596">
        <v>13897.98827</v>
      </c>
      <c r="W2596" s="83">
        <f>Bühler!N2628</f>
        <v>45400.083333327042</v>
      </c>
      <c r="X2596" s="83">
        <v>43209.083333333336</v>
      </c>
      <c r="Y2596">
        <v>235978.92800000001</v>
      </c>
      <c r="Z2596">
        <v>13193.021360000001</v>
      </c>
      <c r="AA2596">
        <v>49424.320070000002</v>
      </c>
      <c r="AB2596">
        <v>34790.248679999997</v>
      </c>
      <c r="AC2596">
        <v>34850.332289999998</v>
      </c>
      <c r="AD2596">
        <v>16029.173290000001</v>
      </c>
      <c r="AE2596">
        <v>34145.349779999997</v>
      </c>
      <c r="AF2596">
        <v>48120.481529999997</v>
      </c>
      <c r="AG2596">
        <v>17427.10529</v>
      </c>
      <c r="AH2596">
        <v>286985.32949999999</v>
      </c>
      <c r="AI2596">
        <v>72145.571880000003</v>
      </c>
      <c r="AJ2596">
        <v>20364.10874</v>
      </c>
      <c r="AK2596">
        <v>25756.146189999999</v>
      </c>
      <c r="AL2596">
        <v>86051.080740000005</v>
      </c>
      <c r="AM2596">
        <v>17211.365669999999</v>
      </c>
      <c r="AN2596">
        <v>73243.311390000003</v>
      </c>
      <c r="AO2596">
        <v>20340.8367</v>
      </c>
      <c r="AP2596">
        <v>13897.98827</v>
      </c>
    </row>
    <row r="2597" spans="2:42" x14ac:dyDescent="0.3">
      <c r="B2597">
        <v>57.079855956914066</v>
      </c>
      <c r="C2597" s="83">
        <v>43209.125</v>
      </c>
      <c r="D2597">
        <v>234518.14110000001</v>
      </c>
      <c r="E2597">
        <v>13215.214679999999</v>
      </c>
      <c r="F2597">
        <v>50536.268120000001</v>
      </c>
      <c r="G2597">
        <v>34272.274669999999</v>
      </c>
      <c r="H2597">
        <v>34975.9591</v>
      </c>
      <c r="I2597">
        <v>16002.67858</v>
      </c>
      <c r="J2597">
        <v>34315.333449999998</v>
      </c>
      <c r="K2597">
        <v>46682.958160000002</v>
      </c>
      <c r="L2597">
        <v>16776.771530000002</v>
      </c>
      <c r="M2597">
        <v>291019.72440000001</v>
      </c>
      <c r="N2597">
        <v>70646.239709999994</v>
      </c>
      <c r="O2597">
        <v>20631.442299999999</v>
      </c>
      <c r="P2597">
        <v>25413.715080000002</v>
      </c>
      <c r="Q2597">
        <v>87827.812980000002</v>
      </c>
      <c r="R2597">
        <v>16962.289110000002</v>
      </c>
      <c r="S2597">
        <v>72376.093739999997</v>
      </c>
      <c r="T2597">
        <v>19751.972379999999</v>
      </c>
      <c r="U2597">
        <v>13758.83885</v>
      </c>
      <c r="W2597" s="83">
        <f>Bühler!N2629</f>
        <v>45400.124999993706</v>
      </c>
      <c r="X2597" s="83">
        <v>43209.125</v>
      </c>
      <c r="Y2597">
        <v>234518.14110000001</v>
      </c>
      <c r="Z2597">
        <v>13215.214679999999</v>
      </c>
      <c r="AA2597">
        <v>50536.268120000001</v>
      </c>
      <c r="AB2597">
        <v>34272.274669999999</v>
      </c>
      <c r="AC2597">
        <v>34975.9591</v>
      </c>
      <c r="AD2597">
        <v>16002.67858</v>
      </c>
      <c r="AE2597">
        <v>34315.333449999998</v>
      </c>
      <c r="AF2597">
        <v>46682.958160000002</v>
      </c>
      <c r="AG2597">
        <v>16776.771530000002</v>
      </c>
      <c r="AH2597">
        <v>291019.72440000001</v>
      </c>
      <c r="AI2597">
        <v>70646.239709999994</v>
      </c>
      <c r="AJ2597">
        <v>20631.442299999999</v>
      </c>
      <c r="AK2597">
        <v>25413.715080000002</v>
      </c>
      <c r="AL2597">
        <v>87827.812980000002</v>
      </c>
      <c r="AM2597">
        <v>16962.289110000002</v>
      </c>
      <c r="AN2597">
        <v>72376.093739999997</v>
      </c>
      <c r="AO2597">
        <v>19751.972379999999</v>
      </c>
      <c r="AP2597">
        <v>13758.83885</v>
      </c>
    </row>
    <row r="2598" spans="2:42" x14ac:dyDescent="0.3">
      <c r="B2598">
        <v>57.956600628780514</v>
      </c>
      <c r="C2598" s="83">
        <v>43209.166666666664</v>
      </c>
      <c r="D2598">
        <v>237904.54569999999</v>
      </c>
      <c r="E2598">
        <v>13719.85094</v>
      </c>
      <c r="F2598">
        <v>53997.392740000003</v>
      </c>
      <c r="G2598">
        <v>34114.179689999997</v>
      </c>
      <c r="H2598">
        <v>35445.412259999997</v>
      </c>
      <c r="I2598">
        <v>17404.03313</v>
      </c>
      <c r="J2598">
        <v>36794.800669999997</v>
      </c>
      <c r="K2598">
        <v>45397.687059999997</v>
      </c>
      <c r="L2598">
        <v>16609.849450000002</v>
      </c>
      <c r="M2598">
        <v>295489.77759999997</v>
      </c>
      <c r="N2598">
        <v>70167.977799999993</v>
      </c>
      <c r="O2598">
        <v>21013.21486</v>
      </c>
      <c r="P2598">
        <v>24723.600890000002</v>
      </c>
      <c r="Q2598">
        <v>90889.846869999994</v>
      </c>
      <c r="R2598">
        <v>17059.474419999999</v>
      </c>
      <c r="S2598">
        <v>73199.941680000004</v>
      </c>
      <c r="T2598">
        <v>19889.82285</v>
      </c>
      <c r="U2598">
        <v>14188.483190000001</v>
      </c>
      <c r="W2598" s="83">
        <f>Bühler!N2630</f>
        <v>45400.166666660371</v>
      </c>
      <c r="X2598" s="83">
        <v>43209.166666666664</v>
      </c>
      <c r="Y2598">
        <v>237904.54569999999</v>
      </c>
      <c r="Z2598">
        <v>13719.85094</v>
      </c>
      <c r="AA2598">
        <v>53997.392740000003</v>
      </c>
      <c r="AB2598">
        <v>34114.179689999997</v>
      </c>
      <c r="AC2598">
        <v>35445.412259999997</v>
      </c>
      <c r="AD2598">
        <v>17404.03313</v>
      </c>
      <c r="AE2598">
        <v>36794.800669999997</v>
      </c>
      <c r="AF2598">
        <v>45397.687059999997</v>
      </c>
      <c r="AG2598">
        <v>16609.849450000002</v>
      </c>
      <c r="AH2598">
        <v>295489.77759999997</v>
      </c>
      <c r="AI2598">
        <v>70167.977799999993</v>
      </c>
      <c r="AJ2598">
        <v>21013.21486</v>
      </c>
      <c r="AK2598">
        <v>24723.600890000002</v>
      </c>
      <c r="AL2598">
        <v>90889.846869999994</v>
      </c>
      <c r="AM2598">
        <v>17059.474419999999</v>
      </c>
      <c r="AN2598">
        <v>73199.941680000004</v>
      </c>
      <c r="AO2598">
        <v>19889.82285</v>
      </c>
      <c r="AP2598">
        <v>14188.483190000001</v>
      </c>
    </row>
    <row r="2599" spans="2:42" x14ac:dyDescent="0.3">
      <c r="B2599">
        <v>60.759087482997828</v>
      </c>
      <c r="C2599" s="83">
        <v>43209.208333333336</v>
      </c>
      <c r="D2599">
        <v>251975.09289999999</v>
      </c>
      <c r="E2599">
        <v>15596.669250000001</v>
      </c>
      <c r="F2599">
        <v>64879.173970000003</v>
      </c>
      <c r="G2599">
        <v>36087.432289999997</v>
      </c>
      <c r="H2599">
        <v>37778.900070000003</v>
      </c>
      <c r="I2599">
        <v>24374.037820000001</v>
      </c>
      <c r="J2599">
        <v>39884.452449999997</v>
      </c>
      <c r="K2599">
        <v>46353.03441</v>
      </c>
      <c r="L2599">
        <v>17358.758610000001</v>
      </c>
      <c r="M2599">
        <v>309778.16249999998</v>
      </c>
      <c r="N2599">
        <v>71615.083559999999</v>
      </c>
      <c r="O2599">
        <v>21982.96067</v>
      </c>
      <c r="P2599">
        <v>26140.995760000002</v>
      </c>
      <c r="Q2599">
        <v>93945.517999999996</v>
      </c>
      <c r="R2599">
        <v>19779.386399999999</v>
      </c>
      <c r="S2599">
        <v>75809.871899999998</v>
      </c>
      <c r="T2599">
        <v>21163.4565</v>
      </c>
      <c r="U2599">
        <v>16338.662549999999</v>
      </c>
      <c r="W2599" s="83">
        <f>Bühler!N2631</f>
        <v>45400.208333327035</v>
      </c>
      <c r="X2599" s="83">
        <v>43209.208333333336</v>
      </c>
      <c r="Y2599">
        <v>251975.09289999999</v>
      </c>
      <c r="Z2599">
        <v>15596.669250000001</v>
      </c>
      <c r="AA2599">
        <v>64879.173970000003</v>
      </c>
      <c r="AB2599">
        <v>36087.432289999997</v>
      </c>
      <c r="AC2599">
        <v>37778.900070000003</v>
      </c>
      <c r="AD2599">
        <v>24374.037820000001</v>
      </c>
      <c r="AE2599">
        <v>39884.452449999997</v>
      </c>
      <c r="AF2599">
        <v>46353.03441</v>
      </c>
      <c r="AG2599">
        <v>17358.758610000001</v>
      </c>
      <c r="AH2599">
        <v>309778.16249999998</v>
      </c>
      <c r="AI2599">
        <v>71615.083559999999</v>
      </c>
      <c r="AJ2599">
        <v>21982.96067</v>
      </c>
      <c r="AK2599">
        <v>26140.995760000002</v>
      </c>
      <c r="AL2599">
        <v>93945.517999999996</v>
      </c>
      <c r="AM2599">
        <v>19779.386399999999</v>
      </c>
      <c r="AN2599">
        <v>75809.871899999998</v>
      </c>
      <c r="AO2599">
        <v>21163.4565</v>
      </c>
      <c r="AP2599">
        <v>16338.662549999999</v>
      </c>
    </row>
    <row r="2600" spans="2:42" x14ac:dyDescent="0.3">
      <c r="B2600">
        <v>64.195024767871757</v>
      </c>
      <c r="C2600" s="83">
        <v>43209.25</v>
      </c>
      <c r="D2600">
        <v>267147.32309999998</v>
      </c>
      <c r="E2600">
        <v>20066.530309999998</v>
      </c>
      <c r="F2600">
        <v>77180.074089999995</v>
      </c>
      <c r="G2600">
        <v>43871.542430000001</v>
      </c>
      <c r="H2600">
        <v>40680.227019999998</v>
      </c>
      <c r="I2600">
        <v>31017.628809999998</v>
      </c>
      <c r="J2600">
        <v>43872.06796</v>
      </c>
      <c r="K2600">
        <v>48297.607029999999</v>
      </c>
      <c r="L2600">
        <v>18811.571110000001</v>
      </c>
      <c r="M2600">
        <v>327296.17310000001</v>
      </c>
      <c r="N2600">
        <v>76687.236560000005</v>
      </c>
      <c r="O2600">
        <v>23648.002359999999</v>
      </c>
      <c r="P2600">
        <v>27462.481919999998</v>
      </c>
      <c r="Q2600">
        <v>95606.961930000005</v>
      </c>
      <c r="R2600">
        <v>18832.028600000001</v>
      </c>
      <c r="S2600">
        <v>85408.194669999997</v>
      </c>
      <c r="T2600">
        <v>23628.192950000001</v>
      </c>
      <c r="U2600">
        <v>19551.89027</v>
      </c>
      <c r="W2600" s="83">
        <f>Bühler!N2632</f>
        <v>45400.249999993699</v>
      </c>
      <c r="X2600" s="83">
        <v>43209.25</v>
      </c>
      <c r="Y2600">
        <v>267147.32309999998</v>
      </c>
      <c r="Z2600">
        <v>20066.530309999998</v>
      </c>
      <c r="AA2600">
        <v>77180.074089999995</v>
      </c>
      <c r="AB2600">
        <v>43871.542430000001</v>
      </c>
      <c r="AC2600">
        <v>40680.227019999998</v>
      </c>
      <c r="AD2600">
        <v>31017.628809999998</v>
      </c>
      <c r="AE2600">
        <v>43872.06796</v>
      </c>
      <c r="AF2600">
        <v>48297.607029999999</v>
      </c>
      <c r="AG2600">
        <v>18811.571110000001</v>
      </c>
      <c r="AH2600">
        <v>327296.17310000001</v>
      </c>
      <c r="AI2600">
        <v>76687.236560000005</v>
      </c>
      <c r="AJ2600">
        <v>23648.002359999999</v>
      </c>
      <c r="AK2600">
        <v>27462.481919999998</v>
      </c>
      <c r="AL2600">
        <v>95606.961930000005</v>
      </c>
      <c r="AM2600">
        <v>18832.028600000001</v>
      </c>
      <c r="AN2600">
        <v>85408.194669999997</v>
      </c>
      <c r="AO2600">
        <v>23628.192950000001</v>
      </c>
      <c r="AP2600">
        <v>19551.89027</v>
      </c>
    </row>
    <row r="2601" spans="2:42" x14ac:dyDescent="0.3">
      <c r="B2601">
        <v>65.759424170563634</v>
      </c>
      <c r="C2601" s="83">
        <v>43209.291666666664</v>
      </c>
      <c r="D2601">
        <v>279764.03279999999</v>
      </c>
      <c r="E2601">
        <v>24618.615860000002</v>
      </c>
      <c r="F2601">
        <v>78994.124240000005</v>
      </c>
      <c r="G2601">
        <v>51740.264669999997</v>
      </c>
      <c r="H2601">
        <v>44695.146860000001</v>
      </c>
      <c r="I2601">
        <v>37155.17596</v>
      </c>
      <c r="J2601">
        <v>44375.858769999999</v>
      </c>
      <c r="K2601">
        <v>53605.714500000002</v>
      </c>
      <c r="L2601">
        <v>21309.063480000001</v>
      </c>
      <c r="M2601">
        <v>335272.2108</v>
      </c>
      <c r="N2601">
        <v>81042.572530000005</v>
      </c>
      <c r="O2601">
        <v>25334.588169999999</v>
      </c>
      <c r="P2601">
        <v>31268.66347</v>
      </c>
      <c r="Q2601">
        <v>95300.495739999998</v>
      </c>
      <c r="R2601">
        <v>17810.67224</v>
      </c>
      <c r="S2601">
        <v>99485.545620000004</v>
      </c>
      <c r="T2601">
        <v>26680.811409999998</v>
      </c>
      <c r="U2601">
        <v>23584.495650000001</v>
      </c>
      <c r="W2601" s="83">
        <f>Bühler!N2633</f>
        <v>45400.291666660363</v>
      </c>
      <c r="X2601" s="83">
        <v>43209.291666666664</v>
      </c>
      <c r="Y2601">
        <v>279764.03279999999</v>
      </c>
      <c r="Z2601">
        <v>24618.615860000002</v>
      </c>
      <c r="AA2601">
        <v>78994.124240000005</v>
      </c>
      <c r="AB2601">
        <v>51740.264669999997</v>
      </c>
      <c r="AC2601">
        <v>44695.146860000001</v>
      </c>
      <c r="AD2601">
        <v>37155.17596</v>
      </c>
      <c r="AE2601">
        <v>44375.858769999999</v>
      </c>
      <c r="AF2601">
        <v>53605.714500000002</v>
      </c>
      <c r="AG2601">
        <v>21309.063480000001</v>
      </c>
      <c r="AH2601">
        <v>335272.2108</v>
      </c>
      <c r="AI2601">
        <v>81042.572530000005</v>
      </c>
      <c r="AJ2601">
        <v>25334.588169999999</v>
      </c>
      <c r="AK2601">
        <v>31268.66347</v>
      </c>
      <c r="AL2601">
        <v>95300.495739999998</v>
      </c>
      <c r="AM2601">
        <v>17810.67224</v>
      </c>
      <c r="AN2601">
        <v>99485.545620000004</v>
      </c>
      <c r="AO2601">
        <v>26680.811409999998</v>
      </c>
      <c r="AP2601">
        <v>23584.495650000001</v>
      </c>
    </row>
    <row r="2602" spans="2:42" x14ac:dyDescent="0.3">
      <c r="B2602">
        <v>66.522494384048215</v>
      </c>
      <c r="C2602" s="83">
        <v>43209.333333333336</v>
      </c>
      <c r="D2602">
        <v>291002.43099999998</v>
      </c>
      <c r="E2602">
        <v>29986.67668</v>
      </c>
      <c r="F2602">
        <v>85002.584560000003</v>
      </c>
      <c r="G2602">
        <v>60122.848960000003</v>
      </c>
      <c r="H2602">
        <v>49843.078869999998</v>
      </c>
      <c r="I2602">
        <v>39493.981599999999</v>
      </c>
      <c r="J2602">
        <v>45104.79103</v>
      </c>
      <c r="K2602">
        <v>59240.493450000002</v>
      </c>
      <c r="L2602">
        <v>24528.578590000001</v>
      </c>
      <c r="M2602">
        <v>339162.6986</v>
      </c>
      <c r="N2602">
        <v>87349.790930000003</v>
      </c>
      <c r="O2602">
        <v>26583.586070000001</v>
      </c>
      <c r="P2602">
        <v>32484.941350000001</v>
      </c>
      <c r="Q2602">
        <v>95479.097049999997</v>
      </c>
      <c r="R2602">
        <v>21096.565849999999</v>
      </c>
      <c r="S2602">
        <v>110666.00109999999</v>
      </c>
      <c r="T2602">
        <v>29446.131310000001</v>
      </c>
      <c r="U2602">
        <v>25803.581249999999</v>
      </c>
      <c r="W2602" s="83">
        <f>Bühler!N2634</f>
        <v>45400.333333327028</v>
      </c>
      <c r="X2602" s="83">
        <v>43209.333333333336</v>
      </c>
      <c r="Y2602">
        <v>291002.43099999998</v>
      </c>
      <c r="Z2602">
        <v>29986.67668</v>
      </c>
      <c r="AA2602">
        <v>85002.584560000003</v>
      </c>
      <c r="AB2602">
        <v>60122.848960000003</v>
      </c>
      <c r="AC2602">
        <v>49843.078869999998</v>
      </c>
      <c r="AD2602">
        <v>39493.981599999999</v>
      </c>
      <c r="AE2602">
        <v>45104.79103</v>
      </c>
      <c r="AF2602">
        <v>59240.493450000002</v>
      </c>
      <c r="AG2602">
        <v>24528.578590000001</v>
      </c>
      <c r="AH2602">
        <v>339162.6986</v>
      </c>
      <c r="AI2602">
        <v>87349.790930000003</v>
      </c>
      <c r="AJ2602">
        <v>26583.586070000001</v>
      </c>
      <c r="AK2602">
        <v>32484.941350000001</v>
      </c>
      <c r="AL2602">
        <v>95479.097049999997</v>
      </c>
      <c r="AM2602">
        <v>21096.565849999999</v>
      </c>
      <c r="AN2602">
        <v>110666.00109999999</v>
      </c>
      <c r="AO2602">
        <v>29446.131310000001</v>
      </c>
      <c r="AP2602">
        <v>25803.581249999999</v>
      </c>
    </row>
    <row r="2603" spans="2:42" x14ac:dyDescent="0.3">
      <c r="B2603">
        <v>66.624783673615241</v>
      </c>
      <c r="C2603" s="83">
        <v>43209.375</v>
      </c>
      <c r="D2603">
        <v>292558.35279999999</v>
      </c>
      <c r="E2603">
        <v>34084.164790000003</v>
      </c>
      <c r="F2603">
        <v>93293.496299999999</v>
      </c>
      <c r="G2603">
        <v>64864.987549999998</v>
      </c>
      <c r="H2603">
        <v>51909.377079999998</v>
      </c>
      <c r="I2603">
        <v>38450.667889999997</v>
      </c>
      <c r="J2603">
        <v>45663.473559999999</v>
      </c>
      <c r="K2603">
        <v>62077.685799999999</v>
      </c>
      <c r="L2603">
        <v>27933.446240000001</v>
      </c>
      <c r="M2603">
        <v>339684.21710000001</v>
      </c>
      <c r="N2603">
        <v>90530.071049999999</v>
      </c>
      <c r="O2603">
        <v>27420.479169999999</v>
      </c>
      <c r="P2603">
        <v>34580.670330000001</v>
      </c>
      <c r="Q2603">
        <v>96406.111019999997</v>
      </c>
      <c r="R2603">
        <v>21854.413400000001</v>
      </c>
      <c r="S2603">
        <v>116919.77989999999</v>
      </c>
      <c r="T2603">
        <v>31762.638610000002</v>
      </c>
      <c r="U2603">
        <v>25462.760859999999</v>
      </c>
      <c r="W2603" s="83">
        <f>Bühler!N2635</f>
        <v>45400.374999993692</v>
      </c>
      <c r="X2603" s="83">
        <v>43209.375</v>
      </c>
      <c r="Y2603">
        <v>292558.35279999999</v>
      </c>
      <c r="Z2603">
        <v>34084.164790000003</v>
      </c>
      <c r="AA2603">
        <v>93293.496299999999</v>
      </c>
      <c r="AB2603">
        <v>64864.987549999998</v>
      </c>
      <c r="AC2603">
        <v>51909.377079999998</v>
      </c>
      <c r="AD2603">
        <v>38450.667889999997</v>
      </c>
      <c r="AE2603">
        <v>45663.473559999999</v>
      </c>
      <c r="AF2603">
        <v>62077.685799999999</v>
      </c>
      <c r="AG2603">
        <v>27933.446240000001</v>
      </c>
      <c r="AH2603">
        <v>339684.21710000001</v>
      </c>
      <c r="AI2603">
        <v>90530.071049999999</v>
      </c>
      <c r="AJ2603">
        <v>27420.479169999999</v>
      </c>
      <c r="AK2603">
        <v>34580.670330000001</v>
      </c>
      <c r="AL2603">
        <v>96406.111019999997</v>
      </c>
      <c r="AM2603">
        <v>21854.413400000001</v>
      </c>
      <c r="AN2603">
        <v>116919.77989999999</v>
      </c>
      <c r="AO2603">
        <v>31762.638610000002</v>
      </c>
      <c r="AP2603">
        <v>25462.760859999999</v>
      </c>
    </row>
    <row r="2604" spans="2:42" x14ac:dyDescent="0.3">
      <c r="B2604">
        <v>67.269773770527138</v>
      </c>
      <c r="C2604" s="83">
        <v>43209.416666666664</v>
      </c>
      <c r="D2604">
        <v>295442.29519999999</v>
      </c>
      <c r="E2604">
        <v>35900.8073</v>
      </c>
      <c r="F2604">
        <v>94520.936860000002</v>
      </c>
      <c r="G2604">
        <v>67438.287089999998</v>
      </c>
      <c r="H2604">
        <v>52426.730029999999</v>
      </c>
      <c r="I2604">
        <v>36454.54881</v>
      </c>
      <c r="J2604">
        <v>44193.508849999998</v>
      </c>
      <c r="K2604">
        <v>64186.877229999998</v>
      </c>
      <c r="L2604">
        <v>31170.636129999999</v>
      </c>
      <c r="M2604">
        <v>342972.67739999999</v>
      </c>
      <c r="N2604">
        <v>93272.094020000004</v>
      </c>
      <c r="O2604">
        <v>28014.024010000001</v>
      </c>
      <c r="P2604">
        <v>35830.964180000003</v>
      </c>
      <c r="Q2604">
        <v>97609.979640000005</v>
      </c>
      <c r="R2604">
        <v>23183.110669999998</v>
      </c>
      <c r="S2604">
        <v>116875.0742</v>
      </c>
      <c r="T2604">
        <v>33694.689789999997</v>
      </c>
      <c r="U2604">
        <v>25081.706259999999</v>
      </c>
      <c r="W2604" s="83">
        <f>Bühler!N2636</f>
        <v>45400.416666660356</v>
      </c>
      <c r="X2604" s="83">
        <v>43209.416666666664</v>
      </c>
      <c r="Y2604">
        <v>295442.29519999999</v>
      </c>
      <c r="Z2604">
        <v>35900.8073</v>
      </c>
      <c r="AA2604">
        <v>94520.936860000002</v>
      </c>
      <c r="AB2604">
        <v>67438.287089999998</v>
      </c>
      <c r="AC2604">
        <v>52426.730029999999</v>
      </c>
      <c r="AD2604">
        <v>36454.54881</v>
      </c>
      <c r="AE2604">
        <v>44193.508849999998</v>
      </c>
      <c r="AF2604">
        <v>64186.877229999998</v>
      </c>
      <c r="AG2604">
        <v>31170.636129999999</v>
      </c>
      <c r="AH2604">
        <v>342972.67739999999</v>
      </c>
      <c r="AI2604">
        <v>93272.094020000004</v>
      </c>
      <c r="AJ2604">
        <v>28014.024010000001</v>
      </c>
      <c r="AK2604">
        <v>35830.964180000003</v>
      </c>
      <c r="AL2604">
        <v>97609.979640000005</v>
      </c>
      <c r="AM2604">
        <v>23183.110669999998</v>
      </c>
      <c r="AN2604">
        <v>116875.0742</v>
      </c>
      <c r="AO2604">
        <v>33694.689789999997</v>
      </c>
      <c r="AP2604">
        <v>25081.706259999999</v>
      </c>
    </row>
    <row r="2605" spans="2:42" x14ac:dyDescent="0.3">
      <c r="B2605">
        <v>68.351780835005286</v>
      </c>
      <c r="C2605" s="83">
        <v>43209.458333333336</v>
      </c>
      <c r="D2605">
        <v>293641.2328</v>
      </c>
      <c r="E2605">
        <v>35536.720249999998</v>
      </c>
      <c r="F2605">
        <v>95628.869529999996</v>
      </c>
      <c r="G2605">
        <v>66596.735499999995</v>
      </c>
      <c r="H2605">
        <v>52185.78284</v>
      </c>
      <c r="I2605">
        <v>35649.054819999998</v>
      </c>
      <c r="J2605">
        <v>42903.961450000003</v>
      </c>
      <c r="K2605">
        <v>63391.032769999998</v>
      </c>
      <c r="L2605">
        <v>32117.909909999998</v>
      </c>
      <c r="M2605">
        <v>348489.25400000002</v>
      </c>
      <c r="N2605">
        <v>94516.437699999995</v>
      </c>
      <c r="O2605">
        <v>27368.645280000001</v>
      </c>
      <c r="P2605">
        <v>35191.627560000001</v>
      </c>
      <c r="Q2605">
        <v>98756.023350000003</v>
      </c>
      <c r="R2605">
        <v>24399.113069999999</v>
      </c>
      <c r="S2605">
        <v>118239.2522</v>
      </c>
      <c r="T2605">
        <v>34239.453079999999</v>
      </c>
      <c r="U2605">
        <v>24374.99323</v>
      </c>
      <c r="W2605" s="83">
        <f>Bühler!N2637</f>
        <v>45400.45833332702</v>
      </c>
      <c r="X2605" s="83">
        <v>43209.458333333336</v>
      </c>
      <c r="Y2605">
        <v>293641.2328</v>
      </c>
      <c r="Z2605">
        <v>35536.720249999998</v>
      </c>
      <c r="AA2605">
        <v>95628.869529999996</v>
      </c>
      <c r="AB2605">
        <v>66596.735499999995</v>
      </c>
      <c r="AC2605">
        <v>52185.78284</v>
      </c>
      <c r="AD2605">
        <v>35649.054819999998</v>
      </c>
      <c r="AE2605">
        <v>42903.961450000003</v>
      </c>
      <c r="AF2605">
        <v>63391.032769999998</v>
      </c>
      <c r="AG2605">
        <v>32117.909909999998</v>
      </c>
      <c r="AH2605">
        <v>348489.25400000002</v>
      </c>
      <c r="AI2605">
        <v>94516.437699999995</v>
      </c>
      <c r="AJ2605">
        <v>27368.645280000001</v>
      </c>
      <c r="AK2605">
        <v>35191.627560000001</v>
      </c>
      <c r="AL2605">
        <v>98756.023350000003</v>
      </c>
      <c r="AM2605">
        <v>24399.113069999999</v>
      </c>
      <c r="AN2605">
        <v>118239.2522</v>
      </c>
      <c r="AO2605">
        <v>34239.453079999999</v>
      </c>
      <c r="AP2605">
        <v>24374.99323</v>
      </c>
    </row>
    <row r="2606" spans="2:42" x14ac:dyDescent="0.3">
      <c r="B2606">
        <v>68.426928099751777</v>
      </c>
      <c r="C2606" s="83">
        <v>43209.5</v>
      </c>
      <c r="D2606">
        <v>281677.62219999998</v>
      </c>
      <c r="E2606">
        <v>32338.790249999998</v>
      </c>
      <c r="F2606">
        <v>94358.509309999994</v>
      </c>
      <c r="G2606">
        <v>66496.926240000001</v>
      </c>
      <c r="H2606">
        <v>49952.006000000001</v>
      </c>
      <c r="I2606">
        <v>35119.041449999997</v>
      </c>
      <c r="J2606">
        <v>44423.155140000003</v>
      </c>
      <c r="K2606">
        <v>60886.398560000001</v>
      </c>
      <c r="L2606">
        <v>33926.220739999997</v>
      </c>
      <c r="M2606">
        <v>348872.3898</v>
      </c>
      <c r="N2606">
        <v>92264.069260000004</v>
      </c>
      <c r="O2606">
        <v>26132.220140000001</v>
      </c>
      <c r="P2606">
        <v>35915.794800000003</v>
      </c>
      <c r="Q2606">
        <v>97687.377720000004</v>
      </c>
      <c r="R2606">
        <v>24530.531230000001</v>
      </c>
      <c r="S2606">
        <v>113368.75440000001</v>
      </c>
      <c r="T2606">
        <v>34508.704519999999</v>
      </c>
      <c r="U2606">
        <v>20660.650900000001</v>
      </c>
      <c r="W2606" s="83">
        <f>Bühler!N2638</f>
        <v>45400.499999993684</v>
      </c>
      <c r="X2606" s="83">
        <v>43209.5</v>
      </c>
      <c r="Y2606">
        <v>281677.62219999998</v>
      </c>
      <c r="Z2606">
        <v>32338.790249999998</v>
      </c>
      <c r="AA2606">
        <v>94358.509309999994</v>
      </c>
      <c r="AB2606">
        <v>66496.926240000001</v>
      </c>
      <c r="AC2606">
        <v>49952.006000000001</v>
      </c>
      <c r="AD2606">
        <v>35119.041449999997</v>
      </c>
      <c r="AE2606">
        <v>44423.155140000003</v>
      </c>
      <c r="AF2606">
        <v>60886.398560000001</v>
      </c>
      <c r="AG2606">
        <v>33926.220739999997</v>
      </c>
      <c r="AH2606">
        <v>348872.3898</v>
      </c>
      <c r="AI2606">
        <v>92264.069260000004</v>
      </c>
      <c r="AJ2606">
        <v>26132.220140000001</v>
      </c>
      <c r="AK2606">
        <v>35915.794800000003</v>
      </c>
      <c r="AL2606">
        <v>97687.377720000004</v>
      </c>
      <c r="AM2606">
        <v>24530.531230000001</v>
      </c>
      <c r="AN2606">
        <v>113368.75440000001</v>
      </c>
      <c r="AO2606">
        <v>34508.704519999999</v>
      </c>
      <c r="AP2606">
        <v>20660.650900000001</v>
      </c>
    </row>
    <row r="2607" spans="2:42" x14ac:dyDescent="0.3">
      <c r="B2607">
        <v>67.914733426912491</v>
      </c>
      <c r="C2607" s="83">
        <v>43209.541666666664</v>
      </c>
      <c r="D2607">
        <v>282531.70909999998</v>
      </c>
      <c r="E2607">
        <v>32203.506270000002</v>
      </c>
      <c r="F2607">
        <v>93092.855240000004</v>
      </c>
      <c r="G2607">
        <v>63153.859850000001</v>
      </c>
      <c r="H2607">
        <v>50718.574130000001</v>
      </c>
      <c r="I2607">
        <v>34714.161800000002</v>
      </c>
      <c r="J2607">
        <v>43402.565900000001</v>
      </c>
      <c r="K2607">
        <v>63477.882830000002</v>
      </c>
      <c r="L2607">
        <v>33258.78557</v>
      </c>
      <c r="M2607">
        <v>346260.98249999998</v>
      </c>
      <c r="N2607">
        <v>92744.414180000007</v>
      </c>
      <c r="O2607">
        <v>26610.01715</v>
      </c>
      <c r="P2607">
        <v>34978.031179999998</v>
      </c>
      <c r="Q2607">
        <v>96490.021120000005</v>
      </c>
      <c r="R2607">
        <v>23120.075789999999</v>
      </c>
      <c r="S2607">
        <v>112734.1798</v>
      </c>
      <c r="T2607">
        <v>33293.344599999997</v>
      </c>
      <c r="U2607">
        <v>21850.281749999998</v>
      </c>
      <c r="W2607" s="83">
        <f>Bühler!N2639</f>
        <v>45400.541666660349</v>
      </c>
      <c r="X2607" s="83">
        <v>43209.541666666664</v>
      </c>
      <c r="Y2607">
        <v>282531.70909999998</v>
      </c>
      <c r="Z2607">
        <v>32203.506270000002</v>
      </c>
      <c r="AA2607">
        <v>93092.855240000004</v>
      </c>
      <c r="AB2607">
        <v>63153.859850000001</v>
      </c>
      <c r="AC2607">
        <v>50718.574130000001</v>
      </c>
      <c r="AD2607">
        <v>34714.161800000002</v>
      </c>
      <c r="AE2607">
        <v>43402.565900000001</v>
      </c>
      <c r="AF2607">
        <v>63477.882830000002</v>
      </c>
      <c r="AG2607">
        <v>33258.78557</v>
      </c>
      <c r="AH2607">
        <v>346260.98249999998</v>
      </c>
      <c r="AI2607">
        <v>92744.414180000007</v>
      </c>
      <c r="AJ2607">
        <v>26610.01715</v>
      </c>
      <c r="AK2607">
        <v>34978.031179999998</v>
      </c>
      <c r="AL2607">
        <v>96490.021120000005</v>
      </c>
      <c r="AM2607">
        <v>23120.075789999999</v>
      </c>
      <c r="AN2607">
        <v>112734.1798</v>
      </c>
      <c r="AO2607">
        <v>33293.344599999997</v>
      </c>
      <c r="AP2607">
        <v>21850.281749999998</v>
      </c>
    </row>
    <row r="2608" spans="2:42" x14ac:dyDescent="0.3">
      <c r="B2608">
        <v>68.438976193409772</v>
      </c>
      <c r="C2608" s="83">
        <v>43209.583333333336</v>
      </c>
      <c r="D2608">
        <v>288624.48269999999</v>
      </c>
      <c r="E2608">
        <v>34998.677060000002</v>
      </c>
      <c r="F2608">
        <v>96038.270999999993</v>
      </c>
      <c r="G2608">
        <v>60155.876550000001</v>
      </c>
      <c r="H2608">
        <v>50654.012430000002</v>
      </c>
      <c r="I2608">
        <v>35979.37154</v>
      </c>
      <c r="J2608">
        <v>43862.937619999997</v>
      </c>
      <c r="K2608">
        <v>64215.055840000001</v>
      </c>
      <c r="L2608">
        <v>30078.55719</v>
      </c>
      <c r="M2608">
        <v>348933.81660000002</v>
      </c>
      <c r="N2608">
        <v>93977.687430000005</v>
      </c>
      <c r="O2608">
        <v>26410.137170000002</v>
      </c>
      <c r="P2608">
        <v>32110.907149999999</v>
      </c>
      <c r="Q2608">
        <v>96035.581909999994</v>
      </c>
      <c r="R2608">
        <v>23217.27564</v>
      </c>
      <c r="S2608">
        <v>109153.2424</v>
      </c>
      <c r="T2608">
        <v>31824.082009999998</v>
      </c>
      <c r="U2608">
        <v>23372.960849999999</v>
      </c>
      <c r="W2608" s="83">
        <f>Bühler!N2640</f>
        <v>45400.583333327013</v>
      </c>
      <c r="X2608" s="83">
        <v>43209.583333333336</v>
      </c>
      <c r="Y2608">
        <v>288624.48269999999</v>
      </c>
      <c r="Z2608">
        <v>34998.677060000002</v>
      </c>
      <c r="AA2608">
        <v>96038.270999999993</v>
      </c>
      <c r="AB2608">
        <v>60155.876550000001</v>
      </c>
      <c r="AC2608">
        <v>50654.012430000002</v>
      </c>
      <c r="AD2608">
        <v>35979.37154</v>
      </c>
      <c r="AE2608">
        <v>43862.937619999997</v>
      </c>
      <c r="AF2608">
        <v>64215.055840000001</v>
      </c>
      <c r="AG2608">
        <v>30078.55719</v>
      </c>
      <c r="AH2608">
        <v>348933.81660000002</v>
      </c>
      <c r="AI2608">
        <v>93977.687430000005</v>
      </c>
      <c r="AJ2608">
        <v>26410.137170000002</v>
      </c>
      <c r="AK2608">
        <v>32110.907149999999</v>
      </c>
      <c r="AL2608">
        <v>96035.581909999994</v>
      </c>
      <c r="AM2608">
        <v>23217.27564</v>
      </c>
      <c r="AN2608">
        <v>109153.2424</v>
      </c>
      <c r="AO2608">
        <v>31824.082009999998</v>
      </c>
      <c r="AP2608">
        <v>23372.960849999999</v>
      </c>
    </row>
    <row r="2609" spans="2:42" x14ac:dyDescent="0.3">
      <c r="B2609">
        <v>67.80715401710323</v>
      </c>
      <c r="C2609" s="83">
        <v>43209.625</v>
      </c>
      <c r="D2609">
        <v>284828.40879999998</v>
      </c>
      <c r="E2609">
        <v>34998.023959999999</v>
      </c>
      <c r="F2609">
        <v>96258.856759999995</v>
      </c>
      <c r="G2609">
        <v>57621.981379999997</v>
      </c>
      <c r="H2609">
        <v>49107.733910000003</v>
      </c>
      <c r="I2609">
        <v>36484.12227</v>
      </c>
      <c r="J2609">
        <v>42868.470679999999</v>
      </c>
      <c r="K2609">
        <v>62327.574119999997</v>
      </c>
      <c r="L2609">
        <v>26856.163759999999</v>
      </c>
      <c r="M2609">
        <v>345712.49249999999</v>
      </c>
      <c r="N2609">
        <v>92947.305120000005</v>
      </c>
      <c r="O2609">
        <v>26016.598669999999</v>
      </c>
      <c r="P2609">
        <v>28494.714510000002</v>
      </c>
      <c r="Q2609">
        <v>96120.570819999994</v>
      </c>
      <c r="R2609">
        <v>22902.689299999998</v>
      </c>
      <c r="S2609">
        <v>106990.6186</v>
      </c>
      <c r="T2609">
        <v>31514.14806</v>
      </c>
      <c r="U2609">
        <v>22027.962479999998</v>
      </c>
      <c r="W2609" s="83">
        <f>Bühler!N2641</f>
        <v>45400.624999993677</v>
      </c>
      <c r="X2609" s="83">
        <v>43209.625</v>
      </c>
      <c r="Y2609">
        <v>284828.40879999998</v>
      </c>
      <c r="Z2609">
        <v>34998.023959999999</v>
      </c>
      <c r="AA2609">
        <v>96258.856759999995</v>
      </c>
      <c r="AB2609">
        <v>57621.981379999997</v>
      </c>
      <c r="AC2609">
        <v>49107.733910000003</v>
      </c>
      <c r="AD2609">
        <v>36484.12227</v>
      </c>
      <c r="AE2609">
        <v>42868.470679999999</v>
      </c>
      <c r="AF2609">
        <v>62327.574119999997</v>
      </c>
      <c r="AG2609">
        <v>26856.163759999999</v>
      </c>
      <c r="AH2609">
        <v>345712.49249999999</v>
      </c>
      <c r="AI2609">
        <v>92947.305120000005</v>
      </c>
      <c r="AJ2609">
        <v>26016.598669999999</v>
      </c>
      <c r="AK2609">
        <v>28494.714510000002</v>
      </c>
      <c r="AL2609">
        <v>96120.570819999994</v>
      </c>
      <c r="AM2609">
        <v>22902.689299999998</v>
      </c>
      <c r="AN2609">
        <v>106990.6186</v>
      </c>
      <c r="AO2609">
        <v>31514.14806</v>
      </c>
      <c r="AP2609">
        <v>22027.962479999998</v>
      </c>
    </row>
    <row r="2610" spans="2:42" x14ac:dyDescent="0.3">
      <c r="B2610">
        <v>66.51024858387764</v>
      </c>
      <c r="C2610" s="83">
        <v>43209.666666666664</v>
      </c>
      <c r="D2610">
        <v>276547.99530000001</v>
      </c>
      <c r="E2610">
        <v>34286.036749999999</v>
      </c>
      <c r="F2610">
        <v>95001.527159999998</v>
      </c>
      <c r="G2610">
        <v>55089.03714</v>
      </c>
      <c r="H2610">
        <v>47406.101340000001</v>
      </c>
      <c r="I2610">
        <v>37485.48893</v>
      </c>
      <c r="J2610">
        <v>41945.643649999998</v>
      </c>
      <c r="K2610">
        <v>59095.685749999997</v>
      </c>
      <c r="L2610">
        <v>26004.638190000001</v>
      </c>
      <c r="M2610">
        <v>339100.26380000002</v>
      </c>
      <c r="N2610">
        <v>89317.600980000003</v>
      </c>
      <c r="O2610">
        <v>25590.912629999999</v>
      </c>
      <c r="P2610">
        <v>28807.44486</v>
      </c>
      <c r="Q2610">
        <v>94673.435840000006</v>
      </c>
      <c r="R2610">
        <v>22886.67181</v>
      </c>
      <c r="S2610">
        <v>103507.8336</v>
      </c>
      <c r="T2610">
        <v>31238.68864</v>
      </c>
      <c r="U2610">
        <v>19317.121050000002</v>
      </c>
      <c r="W2610" s="83">
        <f>Bühler!N2642</f>
        <v>45400.666666660341</v>
      </c>
      <c r="X2610" s="83">
        <v>43209.666666666664</v>
      </c>
      <c r="Y2610">
        <v>276547.99530000001</v>
      </c>
      <c r="Z2610">
        <v>34286.036749999999</v>
      </c>
      <c r="AA2610">
        <v>95001.527159999998</v>
      </c>
      <c r="AB2610">
        <v>55089.03714</v>
      </c>
      <c r="AC2610">
        <v>47406.101340000001</v>
      </c>
      <c r="AD2610">
        <v>37485.48893</v>
      </c>
      <c r="AE2610">
        <v>41945.643649999998</v>
      </c>
      <c r="AF2610">
        <v>59095.685749999997</v>
      </c>
      <c r="AG2610">
        <v>26004.638190000001</v>
      </c>
      <c r="AH2610">
        <v>339100.26380000002</v>
      </c>
      <c r="AI2610">
        <v>89317.600980000003</v>
      </c>
      <c r="AJ2610">
        <v>25590.912629999999</v>
      </c>
      <c r="AK2610">
        <v>28807.44486</v>
      </c>
      <c r="AL2610">
        <v>94673.435840000006</v>
      </c>
      <c r="AM2610">
        <v>22886.67181</v>
      </c>
      <c r="AN2610">
        <v>103507.8336</v>
      </c>
      <c r="AO2610">
        <v>31238.68864</v>
      </c>
      <c r="AP2610">
        <v>19317.121050000002</v>
      </c>
    </row>
    <row r="2611" spans="2:42" x14ac:dyDescent="0.3">
      <c r="B2611">
        <v>64.710229836184993</v>
      </c>
      <c r="C2611" s="83">
        <v>43209.708333333336</v>
      </c>
      <c r="D2611">
        <v>265290.09149999998</v>
      </c>
      <c r="E2611">
        <v>32296.959610000002</v>
      </c>
      <c r="F2611">
        <v>93845.905899999998</v>
      </c>
      <c r="G2611">
        <v>49915.05545</v>
      </c>
      <c r="H2611">
        <v>44878.374100000001</v>
      </c>
      <c r="I2611">
        <v>37128.723789999996</v>
      </c>
      <c r="J2611">
        <v>41259.581489999997</v>
      </c>
      <c r="K2611">
        <v>54397.436759999997</v>
      </c>
      <c r="L2611">
        <v>26142.565739999998</v>
      </c>
      <c r="M2611">
        <v>329922.92879999999</v>
      </c>
      <c r="N2611">
        <v>83462.148440000004</v>
      </c>
      <c r="O2611">
        <v>24653.126950000002</v>
      </c>
      <c r="P2611">
        <v>30132.866720000002</v>
      </c>
      <c r="Q2611">
        <v>93878.897029999993</v>
      </c>
      <c r="R2611">
        <v>22759.602940000001</v>
      </c>
      <c r="S2611">
        <v>100241.0785</v>
      </c>
      <c r="T2611">
        <v>31170.297750000002</v>
      </c>
      <c r="U2611">
        <v>17140.600480000001</v>
      </c>
      <c r="W2611" s="83">
        <f>Bühler!N2643</f>
        <v>45400.708333327006</v>
      </c>
      <c r="X2611" s="83">
        <v>43209.708333333336</v>
      </c>
      <c r="Y2611">
        <v>265290.09149999998</v>
      </c>
      <c r="Z2611">
        <v>32296.959610000002</v>
      </c>
      <c r="AA2611">
        <v>93845.905899999998</v>
      </c>
      <c r="AB2611">
        <v>49915.05545</v>
      </c>
      <c r="AC2611">
        <v>44878.374100000001</v>
      </c>
      <c r="AD2611">
        <v>37128.723789999996</v>
      </c>
      <c r="AE2611">
        <v>41259.581489999997</v>
      </c>
      <c r="AF2611">
        <v>54397.436759999997</v>
      </c>
      <c r="AG2611">
        <v>26142.565739999998</v>
      </c>
      <c r="AH2611">
        <v>329922.92879999999</v>
      </c>
      <c r="AI2611">
        <v>83462.148440000004</v>
      </c>
      <c r="AJ2611">
        <v>24653.126950000002</v>
      </c>
      <c r="AK2611">
        <v>30132.866720000002</v>
      </c>
      <c r="AL2611">
        <v>93878.897029999993</v>
      </c>
      <c r="AM2611">
        <v>22759.602940000001</v>
      </c>
      <c r="AN2611">
        <v>100241.0785</v>
      </c>
      <c r="AO2611">
        <v>31170.297750000002</v>
      </c>
      <c r="AP2611">
        <v>17140.600480000001</v>
      </c>
    </row>
    <row r="2612" spans="2:42" x14ac:dyDescent="0.3">
      <c r="B2612">
        <v>63.773562458251845</v>
      </c>
      <c r="C2612" s="83">
        <v>43209.75</v>
      </c>
      <c r="D2612">
        <v>259776.5931</v>
      </c>
      <c r="E2612">
        <v>29114.062030000001</v>
      </c>
      <c r="F2612">
        <v>91400.579400000002</v>
      </c>
      <c r="G2612">
        <v>44432.810030000001</v>
      </c>
      <c r="H2612">
        <v>42807.508419999998</v>
      </c>
      <c r="I2612">
        <v>35656.224560000002</v>
      </c>
      <c r="J2612">
        <v>41556.824139999997</v>
      </c>
      <c r="K2612">
        <v>51359.512419999999</v>
      </c>
      <c r="L2612">
        <v>27621.29177</v>
      </c>
      <c r="M2612">
        <v>325147.36170000001</v>
      </c>
      <c r="N2612">
        <v>82529.538620000007</v>
      </c>
      <c r="O2612">
        <v>23125.15382</v>
      </c>
      <c r="P2612">
        <v>32560.37299</v>
      </c>
      <c r="Q2612">
        <v>92347.603499999997</v>
      </c>
      <c r="R2612">
        <v>21052.913540000001</v>
      </c>
      <c r="S2612">
        <v>93013.579459999994</v>
      </c>
      <c r="T2612">
        <v>30990.180120000001</v>
      </c>
      <c r="U2612">
        <v>15705.858050000001</v>
      </c>
      <c r="W2612" s="83">
        <f>Bühler!N2644</f>
        <v>45400.74999999367</v>
      </c>
      <c r="X2612" s="83">
        <v>43209.75</v>
      </c>
      <c r="Y2612">
        <v>259776.5931</v>
      </c>
      <c r="Z2612">
        <v>29114.062030000001</v>
      </c>
      <c r="AA2612">
        <v>91400.579400000002</v>
      </c>
      <c r="AB2612">
        <v>44432.810030000001</v>
      </c>
      <c r="AC2612">
        <v>42807.508419999998</v>
      </c>
      <c r="AD2612">
        <v>35656.224560000002</v>
      </c>
      <c r="AE2612">
        <v>41556.824139999997</v>
      </c>
      <c r="AF2612">
        <v>51359.512419999999</v>
      </c>
      <c r="AG2612">
        <v>27621.29177</v>
      </c>
      <c r="AH2612">
        <v>325147.36170000001</v>
      </c>
      <c r="AI2612">
        <v>82529.538620000007</v>
      </c>
      <c r="AJ2612">
        <v>23125.15382</v>
      </c>
      <c r="AK2612">
        <v>32560.37299</v>
      </c>
      <c r="AL2612">
        <v>92347.603499999997</v>
      </c>
      <c r="AM2612">
        <v>21052.913540000001</v>
      </c>
      <c r="AN2612">
        <v>93013.579459999994</v>
      </c>
      <c r="AO2612">
        <v>30990.180120000001</v>
      </c>
      <c r="AP2612">
        <v>15705.858050000001</v>
      </c>
    </row>
    <row r="2613" spans="2:42" x14ac:dyDescent="0.3">
      <c r="B2613">
        <v>62.424400898942302</v>
      </c>
      <c r="C2613" s="83">
        <v>43209.791666666664</v>
      </c>
      <c r="D2613">
        <v>253780.38339999999</v>
      </c>
      <c r="E2613">
        <v>23931.429169999999</v>
      </c>
      <c r="F2613">
        <v>79768.980129999996</v>
      </c>
      <c r="G2613">
        <v>41597.572619999999</v>
      </c>
      <c r="H2613">
        <v>40054.674599999998</v>
      </c>
      <c r="I2613">
        <v>33149.001880000003</v>
      </c>
      <c r="J2613">
        <v>41438.062230000003</v>
      </c>
      <c r="K2613">
        <v>50750.540659999999</v>
      </c>
      <c r="L2613">
        <v>28680.497060000002</v>
      </c>
      <c r="M2613">
        <v>318268.70689999999</v>
      </c>
      <c r="N2613">
        <v>80281.636110000007</v>
      </c>
      <c r="O2613">
        <v>21820.351470000001</v>
      </c>
      <c r="P2613">
        <v>34745.716710000001</v>
      </c>
      <c r="Q2613">
        <v>89820.218070000003</v>
      </c>
      <c r="R2613">
        <v>19634.08409</v>
      </c>
      <c r="S2613">
        <v>88741.406629999998</v>
      </c>
      <c r="T2613">
        <v>31526.544000000002</v>
      </c>
      <c r="U2613">
        <v>15190.87702</v>
      </c>
      <c r="W2613" s="83">
        <f>Bühler!N2645</f>
        <v>45400.791666660334</v>
      </c>
      <c r="X2613" s="83">
        <v>43209.791666666664</v>
      </c>
      <c r="Y2613">
        <v>253780.38339999999</v>
      </c>
      <c r="Z2613">
        <v>23931.429169999999</v>
      </c>
      <c r="AA2613">
        <v>79768.980129999996</v>
      </c>
      <c r="AB2613">
        <v>41597.572619999999</v>
      </c>
      <c r="AC2613">
        <v>40054.674599999998</v>
      </c>
      <c r="AD2613">
        <v>33149.001880000003</v>
      </c>
      <c r="AE2613">
        <v>41438.062230000003</v>
      </c>
      <c r="AF2613">
        <v>50750.540659999999</v>
      </c>
      <c r="AG2613">
        <v>28680.497060000002</v>
      </c>
      <c r="AH2613">
        <v>318268.70689999999</v>
      </c>
      <c r="AI2613">
        <v>80281.636110000007</v>
      </c>
      <c r="AJ2613">
        <v>21820.351470000001</v>
      </c>
      <c r="AK2613">
        <v>34745.716710000001</v>
      </c>
      <c r="AL2613">
        <v>89820.218070000003</v>
      </c>
      <c r="AM2613">
        <v>19634.08409</v>
      </c>
      <c r="AN2613">
        <v>88741.406629999998</v>
      </c>
      <c r="AO2613">
        <v>31526.544000000002</v>
      </c>
      <c r="AP2613">
        <v>15190.87702</v>
      </c>
    </row>
    <row r="2614" spans="2:42" x14ac:dyDescent="0.3">
      <c r="B2614">
        <v>60.384570133675176</v>
      </c>
      <c r="C2614" s="83">
        <v>43209.833333333336</v>
      </c>
      <c r="D2614">
        <v>246722.9994</v>
      </c>
      <c r="E2614">
        <v>17960.007150000001</v>
      </c>
      <c r="F2614">
        <v>63222.255319999997</v>
      </c>
      <c r="G2614">
        <v>39109.863590000001</v>
      </c>
      <c r="H2614">
        <v>38404.866759999997</v>
      </c>
      <c r="I2614">
        <v>29555.280009999999</v>
      </c>
      <c r="J2614">
        <v>42237.652620000001</v>
      </c>
      <c r="K2614">
        <v>49917.919479999997</v>
      </c>
      <c r="L2614">
        <v>28407.911909999999</v>
      </c>
      <c r="M2614">
        <v>307868.69839999999</v>
      </c>
      <c r="N2614">
        <v>78021.033209999994</v>
      </c>
      <c r="O2614">
        <v>21289.344529999998</v>
      </c>
      <c r="P2614">
        <v>35163.844080000003</v>
      </c>
      <c r="Q2614">
        <v>87065.646460000004</v>
      </c>
      <c r="R2614">
        <v>18671.583149999999</v>
      </c>
      <c r="S2614">
        <v>82454.837369999994</v>
      </c>
      <c r="T2614">
        <v>30448.718730000001</v>
      </c>
      <c r="U2614">
        <v>14806.926659999999</v>
      </c>
      <c r="W2614" s="83">
        <f>Bühler!N2646</f>
        <v>45400.833333326998</v>
      </c>
      <c r="X2614" s="83">
        <v>43209.833333333336</v>
      </c>
      <c r="Y2614">
        <v>246722.9994</v>
      </c>
      <c r="Z2614">
        <v>17960.007150000001</v>
      </c>
      <c r="AA2614">
        <v>63222.255319999997</v>
      </c>
      <c r="AB2614">
        <v>39109.863590000001</v>
      </c>
      <c r="AC2614">
        <v>38404.866759999997</v>
      </c>
      <c r="AD2614">
        <v>29555.280009999999</v>
      </c>
      <c r="AE2614">
        <v>42237.652620000001</v>
      </c>
      <c r="AF2614">
        <v>49917.919479999997</v>
      </c>
      <c r="AG2614">
        <v>28407.911909999999</v>
      </c>
      <c r="AH2614">
        <v>307868.69839999999</v>
      </c>
      <c r="AI2614">
        <v>78021.033209999994</v>
      </c>
      <c r="AJ2614">
        <v>21289.344529999998</v>
      </c>
      <c r="AK2614">
        <v>35163.844080000003</v>
      </c>
      <c r="AL2614">
        <v>87065.646460000004</v>
      </c>
      <c r="AM2614">
        <v>18671.583149999999</v>
      </c>
      <c r="AN2614">
        <v>82454.837369999994</v>
      </c>
      <c r="AO2614">
        <v>30448.718730000001</v>
      </c>
      <c r="AP2614">
        <v>14806.926659999999</v>
      </c>
    </row>
    <row r="2615" spans="2:42" x14ac:dyDescent="0.3">
      <c r="B2615">
        <v>59.309917045370511</v>
      </c>
      <c r="C2615" s="83">
        <v>43209.875</v>
      </c>
      <c r="D2615">
        <v>239746.03909999999</v>
      </c>
      <c r="E2615">
        <v>15450.921340000001</v>
      </c>
      <c r="F2615">
        <v>55336.083590000002</v>
      </c>
      <c r="G2615">
        <v>38288.05459</v>
      </c>
      <c r="H2615">
        <v>38340.270380000002</v>
      </c>
      <c r="I2615">
        <v>26126.559720000001</v>
      </c>
      <c r="J2615">
        <v>41770.008950000003</v>
      </c>
      <c r="K2615">
        <v>48971.258099999999</v>
      </c>
      <c r="L2615">
        <v>26751.209080000001</v>
      </c>
      <c r="M2615">
        <v>302389.61580000003</v>
      </c>
      <c r="N2615">
        <v>77324.474019999994</v>
      </c>
      <c r="O2615">
        <v>20673.103930000001</v>
      </c>
      <c r="P2615">
        <v>34207.025930000003</v>
      </c>
      <c r="Q2615">
        <v>85044.034499999994</v>
      </c>
      <c r="R2615">
        <v>18560.67915</v>
      </c>
      <c r="S2615">
        <v>79469.146099999998</v>
      </c>
      <c r="T2615">
        <v>28677.436420000002</v>
      </c>
      <c r="U2615">
        <v>13960.102650000001</v>
      </c>
      <c r="W2615" s="83">
        <f>Bühler!N2647</f>
        <v>45400.874999993663</v>
      </c>
      <c r="X2615" s="83">
        <v>43209.875</v>
      </c>
      <c r="Y2615">
        <v>239746.03909999999</v>
      </c>
      <c r="Z2615">
        <v>15450.921340000001</v>
      </c>
      <c r="AA2615">
        <v>55336.083590000002</v>
      </c>
      <c r="AB2615">
        <v>38288.05459</v>
      </c>
      <c r="AC2615">
        <v>38340.270380000002</v>
      </c>
      <c r="AD2615">
        <v>26126.559720000001</v>
      </c>
      <c r="AE2615">
        <v>41770.008950000003</v>
      </c>
      <c r="AF2615">
        <v>48971.258099999999</v>
      </c>
      <c r="AG2615">
        <v>26751.209080000001</v>
      </c>
      <c r="AH2615">
        <v>302389.61580000003</v>
      </c>
      <c r="AI2615">
        <v>77324.474019999994</v>
      </c>
      <c r="AJ2615">
        <v>20673.103930000001</v>
      </c>
      <c r="AK2615">
        <v>34207.025930000003</v>
      </c>
      <c r="AL2615">
        <v>85044.034499999994</v>
      </c>
      <c r="AM2615">
        <v>18560.67915</v>
      </c>
      <c r="AN2615">
        <v>79469.146099999998</v>
      </c>
      <c r="AO2615">
        <v>28677.436420000002</v>
      </c>
      <c r="AP2615">
        <v>13960.102650000001</v>
      </c>
    </row>
    <row r="2616" spans="2:42" x14ac:dyDescent="0.3">
      <c r="B2616">
        <v>58.528235803855956</v>
      </c>
      <c r="C2616" s="83">
        <v>43209.916666666664</v>
      </c>
      <c r="D2616">
        <v>237876.92019999999</v>
      </c>
      <c r="E2616">
        <v>14468.52081</v>
      </c>
      <c r="F2616">
        <v>52333.528859999999</v>
      </c>
      <c r="G2616">
        <v>36596.566619999998</v>
      </c>
      <c r="H2616">
        <v>37419.242550000003</v>
      </c>
      <c r="I2616">
        <v>24007.555970000001</v>
      </c>
      <c r="J2616">
        <v>40602.745159999999</v>
      </c>
      <c r="K2616">
        <v>53600.949030000003</v>
      </c>
      <c r="L2616">
        <v>23539.55673</v>
      </c>
      <c r="M2616">
        <v>298404.2403</v>
      </c>
      <c r="N2616">
        <v>74602.063049999997</v>
      </c>
      <c r="O2616">
        <v>19914.12773</v>
      </c>
      <c r="P2616">
        <v>36264.191420000003</v>
      </c>
      <c r="Q2616">
        <v>83458.11292</v>
      </c>
      <c r="R2616">
        <v>20226.11908</v>
      </c>
      <c r="S2616">
        <v>77067.057379999998</v>
      </c>
      <c r="T2616">
        <v>25179.23443</v>
      </c>
      <c r="U2616">
        <v>14067.88704</v>
      </c>
      <c r="W2616" s="83">
        <f>Bühler!N2648</f>
        <v>45400.916666660327</v>
      </c>
      <c r="X2616" s="83">
        <v>43209.916666666664</v>
      </c>
      <c r="Y2616">
        <v>237876.92019999999</v>
      </c>
      <c r="Z2616">
        <v>14468.52081</v>
      </c>
      <c r="AA2616">
        <v>52333.528859999999</v>
      </c>
      <c r="AB2616">
        <v>36596.566619999998</v>
      </c>
      <c r="AC2616">
        <v>37419.242550000003</v>
      </c>
      <c r="AD2616">
        <v>24007.555970000001</v>
      </c>
      <c r="AE2616">
        <v>40602.745159999999</v>
      </c>
      <c r="AF2616">
        <v>53600.949030000003</v>
      </c>
      <c r="AG2616">
        <v>23539.55673</v>
      </c>
      <c r="AH2616">
        <v>298404.2403</v>
      </c>
      <c r="AI2616">
        <v>74602.063049999997</v>
      </c>
      <c r="AJ2616">
        <v>19914.12773</v>
      </c>
      <c r="AK2616">
        <v>36264.191420000003</v>
      </c>
      <c r="AL2616">
        <v>83458.11292</v>
      </c>
      <c r="AM2616">
        <v>20226.11908</v>
      </c>
      <c r="AN2616">
        <v>77067.057379999998</v>
      </c>
      <c r="AO2616">
        <v>25179.23443</v>
      </c>
      <c r="AP2616">
        <v>14067.88704</v>
      </c>
    </row>
    <row r="2617" spans="2:42" x14ac:dyDescent="0.3">
      <c r="B2617">
        <v>58.123106248914588</v>
      </c>
      <c r="C2617" s="83">
        <v>43209.958333333336</v>
      </c>
      <c r="D2617">
        <v>236439.33960000001</v>
      </c>
      <c r="E2617">
        <v>13617.377060000001</v>
      </c>
      <c r="F2617">
        <v>51119.704259999999</v>
      </c>
      <c r="G2617">
        <v>36242.166790000003</v>
      </c>
      <c r="H2617">
        <v>36603.458530000004</v>
      </c>
      <c r="I2617">
        <v>22950.175930000001</v>
      </c>
      <c r="J2617">
        <v>37610.914019999997</v>
      </c>
      <c r="K2617">
        <v>52823.968730000001</v>
      </c>
      <c r="L2617">
        <v>20323.339670000001</v>
      </c>
      <c r="M2617">
        <v>296338.7009</v>
      </c>
      <c r="N2617">
        <v>73374.73126</v>
      </c>
      <c r="O2617">
        <v>19140.220219999999</v>
      </c>
      <c r="P2617">
        <v>31970.603889999999</v>
      </c>
      <c r="Q2617">
        <v>82860.529899999994</v>
      </c>
      <c r="R2617">
        <v>21639.763739999999</v>
      </c>
      <c r="S2617">
        <v>75791.725520000007</v>
      </c>
      <c r="T2617">
        <v>22461.972310000001</v>
      </c>
      <c r="U2617">
        <v>13909.47602</v>
      </c>
      <c r="W2617" s="83">
        <f>Bühler!N2649</f>
        <v>45400.958333326991</v>
      </c>
      <c r="X2617" s="83">
        <v>43209.958333333336</v>
      </c>
      <c r="Y2617">
        <v>236439.33960000001</v>
      </c>
      <c r="Z2617">
        <v>13617.377060000001</v>
      </c>
      <c r="AA2617">
        <v>51119.704259999999</v>
      </c>
      <c r="AB2617">
        <v>36242.166790000003</v>
      </c>
      <c r="AC2617">
        <v>36603.458530000004</v>
      </c>
      <c r="AD2617">
        <v>22950.175930000001</v>
      </c>
      <c r="AE2617">
        <v>37610.914019999997</v>
      </c>
      <c r="AF2617">
        <v>52823.968730000001</v>
      </c>
      <c r="AG2617">
        <v>20323.339670000001</v>
      </c>
      <c r="AH2617">
        <v>296338.7009</v>
      </c>
      <c r="AI2617">
        <v>73374.73126</v>
      </c>
      <c r="AJ2617">
        <v>19140.220219999999</v>
      </c>
      <c r="AK2617">
        <v>31970.603889999999</v>
      </c>
      <c r="AL2617">
        <v>82860.529899999994</v>
      </c>
      <c r="AM2617">
        <v>21639.763739999999</v>
      </c>
      <c r="AN2617">
        <v>75791.725520000007</v>
      </c>
      <c r="AO2617">
        <v>22461.972310000001</v>
      </c>
      <c r="AP2617">
        <v>13909.47602</v>
      </c>
    </row>
    <row r="2618" spans="2:42" x14ac:dyDescent="0.3">
      <c r="B2618">
        <v>57.354640942444178</v>
      </c>
      <c r="C2618" s="83">
        <v>43210</v>
      </c>
      <c r="D2618">
        <v>236087.01819999999</v>
      </c>
      <c r="E2618">
        <v>13275.960139999999</v>
      </c>
      <c r="F2618">
        <v>50207.620580000003</v>
      </c>
      <c r="G2618">
        <v>35416.760849999999</v>
      </c>
      <c r="H2618">
        <v>35496.848360000004</v>
      </c>
      <c r="I2618">
        <v>21047.538840000001</v>
      </c>
      <c r="J2618">
        <v>35612.896999999997</v>
      </c>
      <c r="K2618">
        <v>51471.756759999997</v>
      </c>
      <c r="L2618">
        <v>18738.53816</v>
      </c>
      <c r="M2618">
        <v>292420.70640000002</v>
      </c>
      <c r="N2618">
        <v>72400.724279999995</v>
      </c>
      <c r="O2618">
        <v>19197.215800000002</v>
      </c>
      <c r="P2618">
        <v>29924.842840000001</v>
      </c>
      <c r="Q2618">
        <v>82078.584470000002</v>
      </c>
      <c r="R2618">
        <v>17417.337940000001</v>
      </c>
      <c r="S2618">
        <v>74674.469830000002</v>
      </c>
      <c r="T2618">
        <v>20878.90122</v>
      </c>
      <c r="U2618">
        <v>13851.17611</v>
      </c>
      <c r="W2618" s="83">
        <f>Bühler!N2650</f>
        <v>45400.999999993655</v>
      </c>
      <c r="X2618" s="83">
        <v>43210</v>
      </c>
      <c r="Y2618">
        <v>236087.01819999999</v>
      </c>
      <c r="Z2618">
        <v>13275.960139999999</v>
      </c>
      <c r="AA2618">
        <v>50207.620580000003</v>
      </c>
      <c r="AB2618">
        <v>35416.760849999999</v>
      </c>
      <c r="AC2618">
        <v>35496.848360000004</v>
      </c>
      <c r="AD2618">
        <v>21047.538840000001</v>
      </c>
      <c r="AE2618">
        <v>35612.896999999997</v>
      </c>
      <c r="AF2618">
        <v>51471.756759999997</v>
      </c>
      <c r="AG2618">
        <v>18738.53816</v>
      </c>
      <c r="AH2618">
        <v>292420.70640000002</v>
      </c>
      <c r="AI2618">
        <v>72400.724279999995</v>
      </c>
      <c r="AJ2618">
        <v>19197.215800000002</v>
      </c>
      <c r="AK2618">
        <v>29924.842840000001</v>
      </c>
      <c r="AL2618">
        <v>82078.584470000002</v>
      </c>
      <c r="AM2618">
        <v>17417.337940000001</v>
      </c>
      <c r="AN2618">
        <v>74674.469830000002</v>
      </c>
      <c r="AO2618">
        <v>20878.90122</v>
      </c>
      <c r="AP2618">
        <v>13851.17611</v>
      </c>
    </row>
    <row r="2619" spans="2:42" x14ac:dyDescent="0.3">
      <c r="B2619">
        <v>56.68616056591339</v>
      </c>
      <c r="C2619" s="83">
        <v>43210.041666666664</v>
      </c>
      <c r="D2619">
        <v>234178.91010000001</v>
      </c>
      <c r="E2619">
        <v>13082.28674</v>
      </c>
      <c r="F2619">
        <v>49503.551760000002</v>
      </c>
      <c r="G2619">
        <v>35092.472990000002</v>
      </c>
      <c r="H2619">
        <v>35260.013400000003</v>
      </c>
      <c r="I2619">
        <v>17414.195540000001</v>
      </c>
      <c r="J2619">
        <v>34337.525289999998</v>
      </c>
      <c r="K2619">
        <v>49362.613830000002</v>
      </c>
      <c r="L2619">
        <v>17086.298200000001</v>
      </c>
      <c r="M2619">
        <v>289012.4817</v>
      </c>
      <c r="N2619">
        <v>72116.805389999994</v>
      </c>
      <c r="O2619">
        <v>18817.63723</v>
      </c>
      <c r="P2619">
        <v>27161.810219999999</v>
      </c>
      <c r="Q2619">
        <v>81891.263219999993</v>
      </c>
      <c r="R2619">
        <v>15892.87523</v>
      </c>
      <c r="S2619">
        <v>73750.466880000007</v>
      </c>
      <c r="T2619">
        <v>20417.279450000002</v>
      </c>
      <c r="U2619">
        <v>13317.26807</v>
      </c>
      <c r="W2619" s="83">
        <f>Bühler!N2651</f>
        <v>45401.04166666032</v>
      </c>
      <c r="X2619" s="83">
        <v>43210.041666666664</v>
      </c>
      <c r="Y2619">
        <v>234178.91010000001</v>
      </c>
      <c r="Z2619">
        <v>13082.28674</v>
      </c>
      <c r="AA2619">
        <v>49503.551760000002</v>
      </c>
      <c r="AB2619">
        <v>35092.472990000002</v>
      </c>
      <c r="AC2619">
        <v>35260.013400000003</v>
      </c>
      <c r="AD2619">
        <v>17414.195540000001</v>
      </c>
      <c r="AE2619">
        <v>34337.525289999998</v>
      </c>
      <c r="AF2619">
        <v>49362.613830000002</v>
      </c>
      <c r="AG2619">
        <v>17086.298200000001</v>
      </c>
      <c r="AH2619">
        <v>289012.4817</v>
      </c>
      <c r="AI2619">
        <v>72116.805389999994</v>
      </c>
      <c r="AJ2619">
        <v>18817.63723</v>
      </c>
      <c r="AK2619">
        <v>27161.810219999999</v>
      </c>
      <c r="AL2619">
        <v>81891.263219999993</v>
      </c>
      <c r="AM2619">
        <v>15892.87523</v>
      </c>
      <c r="AN2619">
        <v>73750.466880000007</v>
      </c>
      <c r="AO2619">
        <v>20417.279450000002</v>
      </c>
      <c r="AP2619">
        <v>13317.26807</v>
      </c>
    </row>
    <row r="2620" spans="2:42" x14ac:dyDescent="0.3">
      <c r="B2620">
        <v>56.711542139767296</v>
      </c>
      <c r="C2620" s="83">
        <v>43210.083333333336</v>
      </c>
      <c r="D2620">
        <v>234800.51680000001</v>
      </c>
      <c r="E2620">
        <v>13020.44075</v>
      </c>
      <c r="F2620">
        <v>50433.538959999998</v>
      </c>
      <c r="G2620">
        <v>34434.843860000001</v>
      </c>
      <c r="H2620">
        <v>34980.451639999999</v>
      </c>
      <c r="I2620">
        <v>16033.66605</v>
      </c>
      <c r="J2620">
        <v>33908.982779999998</v>
      </c>
      <c r="K2620">
        <v>48096.481050000002</v>
      </c>
      <c r="L2620">
        <v>16553.069350000002</v>
      </c>
      <c r="M2620">
        <v>289141.88880000002</v>
      </c>
      <c r="N2620">
        <v>70340.058239999998</v>
      </c>
      <c r="O2620">
        <v>19213.968799999999</v>
      </c>
      <c r="P2620">
        <v>25772.989529999999</v>
      </c>
      <c r="Q2620">
        <v>85520.154850000006</v>
      </c>
      <c r="R2620">
        <v>16853.779559999999</v>
      </c>
      <c r="S2620">
        <v>72851.43939</v>
      </c>
      <c r="T2620">
        <v>19946.172340000001</v>
      </c>
      <c r="U2620">
        <v>13025.245929999999</v>
      </c>
      <c r="W2620" s="83">
        <f>Bühler!N2652</f>
        <v>45401.083333326984</v>
      </c>
      <c r="X2620" s="83">
        <v>43210.083333333336</v>
      </c>
      <c r="Y2620">
        <v>234800.51680000001</v>
      </c>
      <c r="Z2620">
        <v>13020.44075</v>
      </c>
      <c r="AA2620">
        <v>50433.538959999998</v>
      </c>
      <c r="AB2620">
        <v>34434.843860000001</v>
      </c>
      <c r="AC2620">
        <v>34980.451639999999</v>
      </c>
      <c r="AD2620">
        <v>16033.66605</v>
      </c>
      <c r="AE2620">
        <v>33908.982779999998</v>
      </c>
      <c r="AF2620">
        <v>48096.481050000002</v>
      </c>
      <c r="AG2620">
        <v>16553.069350000002</v>
      </c>
      <c r="AH2620">
        <v>289141.88880000002</v>
      </c>
      <c r="AI2620">
        <v>70340.058239999998</v>
      </c>
      <c r="AJ2620">
        <v>19213.968799999999</v>
      </c>
      <c r="AK2620">
        <v>25772.989529999999</v>
      </c>
      <c r="AL2620">
        <v>85520.154850000006</v>
      </c>
      <c r="AM2620">
        <v>16853.779559999999</v>
      </c>
      <c r="AN2620">
        <v>72851.43939</v>
      </c>
      <c r="AO2620">
        <v>19946.172340000001</v>
      </c>
      <c r="AP2620">
        <v>13025.245929999999</v>
      </c>
    </row>
    <row r="2621" spans="2:42" x14ac:dyDescent="0.3">
      <c r="B2621">
        <v>57.49494842944538</v>
      </c>
      <c r="C2621" s="83">
        <v>43210.125</v>
      </c>
      <c r="D2621">
        <v>234531.13440000001</v>
      </c>
      <c r="E2621">
        <v>13094.804770000001</v>
      </c>
      <c r="F2621">
        <v>52038.775589999997</v>
      </c>
      <c r="G2621">
        <v>33633.919220000003</v>
      </c>
      <c r="H2621">
        <v>35124.797500000001</v>
      </c>
      <c r="I2621">
        <v>15784.96091</v>
      </c>
      <c r="J2621">
        <v>34011.636259999999</v>
      </c>
      <c r="K2621">
        <v>45925.202490000003</v>
      </c>
      <c r="L2621">
        <v>17102.428599999999</v>
      </c>
      <c r="M2621">
        <v>293136.05940000003</v>
      </c>
      <c r="N2621">
        <v>67992.930760000003</v>
      </c>
      <c r="O2621">
        <v>18071.306799999998</v>
      </c>
      <c r="P2621">
        <v>25155.622380000001</v>
      </c>
      <c r="Q2621">
        <v>88733.317439999999</v>
      </c>
      <c r="R2621">
        <v>16595.521000000001</v>
      </c>
      <c r="S2621">
        <v>72297.332490000001</v>
      </c>
      <c r="T2621">
        <v>19760.46773</v>
      </c>
      <c r="U2621">
        <v>12884.036260000001</v>
      </c>
      <c r="W2621" s="83">
        <f>Bühler!N2653</f>
        <v>45401.124999993648</v>
      </c>
      <c r="X2621" s="83">
        <v>43210.125</v>
      </c>
      <c r="Y2621">
        <v>234531.13440000001</v>
      </c>
      <c r="Z2621">
        <v>13094.804770000001</v>
      </c>
      <c r="AA2621">
        <v>52038.775589999997</v>
      </c>
      <c r="AB2621">
        <v>33633.919220000003</v>
      </c>
      <c r="AC2621">
        <v>35124.797500000001</v>
      </c>
      <c r="AD2621">
        <v>15784.96091</v>
      </c>
      <c r="AE2621">
        <v>34011.636259999999</v>
      </c>
      <c r="AF2621">
        <v>45925.202490000003</v>
      </c>
      <c r="AG2621">
        <v>17102.428599999999</v>
      </c>
      <c r="AH2621">
        <v>293136.05940000003</v>
      </c>
      <c r="AI2621">
        <v>67992.930760000003</v>
      </c>
      <c r="AJ2621">
        <v>18071.306799999998</v>
      </c>
      <c r="AK2621">
        <v>25155.622380000001</v>
      </c>
      <c r="AL2621">
        <v>88733.317439999999</v>
      </c>
      <c r="AM2621">
        <v>16595.521000000001</v>
      </c>
      <c r="AN2621">
        <v>72297.332490000001</v>
      </c>
      <c r="AO2621">
        <v>19760.46773</v>
      </c>
      <c r="AP2621">
        <v>12884.036260000001</v>
      </c>
    </row>
    <row r="2622" spans="2:42" x14ac:dyDescent="0.3">
      <c r="B2622">
        <v>58.301544575066416</v>
      </c>
      <c r="C2622" s="83">
        <v>43210.166666666664</v>
      </c>
      <c r="D2622">
        <v>237840.10519999999</v>
      </c>
      <c r="E2622">
        <v>13472.49121</v>
      </c>
      <c r="F2622">
        <v>55500.251960000001</v>
      </c>
      <c r="G2622">
        <v>33456.199280000001</v>
      </c>
      <c r="H2622">
        <v>35241.600299999998</v>
      </c>
      <c r="I2622">
        <v>17148.524829999998</v>
      </c>
      <c r="J2622">
        <v>35999.292909999996</v>
      </c>
      <c r="K2622">
        <v>44813.982600000003</v>
      </c>
      <c r="L2622">
        <v>17231.288919999999</v>
      </c>
      <c r="M2622">
        <v>297248.46269999997</v>
      </c>
      <c r="N2622">
        <v>67019.681719999993</v>
      </c>
      <c r="O2622">
        <v>19228.47322</v>
      </c>
      <c r="P2622">
        <v>24264.82272</v>
      </c>
      <c r="Q2622">
        <v>91398.692580000003</v>
      </c>
      <c r="R2622">
        <v>16388.494409999999</v>
      </c>
      <c r="S2622">
        <v>72708.713959999994</v>
      </c>
      <c r="T2622">
        <v>19786.111099999998</v>
      </c>
      <c r="U2622">
        <v>13501.08986</v>
      </c>
      <c r="W2622" s="83">
        <f>Bühler!N2654</f>
        <v>45401.166666660312</v>
      </c>
      <c r="X2622" s="83">
        <v>43210.166666666664</v>
      </c>
      <c r="Y2622">
        <v>237840.10519999999</v>
      </c>
      <c r="Z2622">
        <v>13472.49121</v>
      </c>
      <c r="AA2622">
        <v>55500.251960000001</v>
      </c>
      <c r="AB2622">
        <v>33456.199280000001</v>
      </c>
      <c r="AC2622">
        <v>35241.600299999998</v>
      </c>
      <c r="AD2622">
        <v>17148.524829999998</v>
      </c>
      <c r="AE2622">
        <v>35999.292909999996</v>
      </c>
      <c r="AF2622">
        <v>44813.982600000003</v>
      </c>
      <c r="AG2622">
        <v>17231.288919999999</v>
      </c>
      <c r="AH2622">
        <v>297248.46269999997</v>
      </c>
      <c r="AI2622">
        <v>67019.681719999993</v>
      </c>
      <c r="AJ2622">
        <v>19228.47322</v>
      </c>
      <c r="AK2622">
        <v>24264.82272</v>
      </c>
      <c r="AL2622">
        <v>91398.692580000003</v>
      </c>
      <c r="AM2622">
        <v>16388.494409999999</v>
      </c>
      <c r="AN2622">
        <v>72708.713959999994</v>
      </c>
      <c r="AO2622">
        <v>19786.111099999998</v>
      </c>
      <c r="AP2622">
        <v>13501.08986</v>
      </c>
    </row>
    <row r="2623" spans="2:42" x14ac:dyDescent="0.3">
      <c r="B2623">
        <v>60.824110350222028</v>
      </c>
      <c r="C2623" s="83">
        <v>43210.208333333336</v>
      </c>
      <c r="D2623">
        <v>251623.1692</v>
      </c>
      <c r="E2623">
        <v>15227.59893</v>
      </c>
      <c r="F2623">
        <v>66662.469230000002</v>
      </c>
      <c r="G2623">
        <v>35677.266949999997</v>
      </c>
      <c r="H2623">
        <v>37161.125520000001</v>
      </c>
      <c r="I2623">
        <v>23723.549370000001</v>
      </c>
      <c r="J2623">
        <v>39155.673199999997</v>
      </c>
      <c r="K2623">
        <v>45498.079729999998</v>
      </c>
      <c r="L2623">
        <v>17999.979169999999</v>
      </c>
      <c r="M2623">
        <v>310109.67940000002</v>
      </c>
      <c r="N2623">
        <v>69406.314549999996</v>
      </c>
      <c r="O2623">
        <v>20048.955040000001</v>
      </c>
      <c r="P2623">
        <v>25855.192009999999</v>
      </c>
      <c r="Q2623">
        <v>93465.021980000005</v>
      </c>
      <c r="R2623">
        <v>19316.862209999999</v>
      </c>
      <c r="S2623">
        <v>75919.897110000005</v>
      </c>
      <c r="T2623">
        <v>21499.363420000001</v>
      </c>
      <c r="U2623">
        <v>15850.71644</v>
      </c>
      <c r="W2623" s="83">
        <f>Bühler!N2655</f>
        <v>45401.208333326977</v>
      </c>
      <c r="X2623" s="83">
        <v>43210.208333333336</v>
      </c>
      <c r="Y2623">
        <v>251623.1692</v>
      </c>
      <c r="Z2623">
        <v>15227.59893</v>
      </c>
      <c r="AA2623">
        <v>66662.469230000002</v>
      </c>
      <c r="AB2623">
        <v>35677.266949999997</v>
      </c>
      <c r="AC2623">
        <v>37161.125520000001</v>
      </c>
      <c r="AD2623">
        <v>23723.549370000001</v>
      </c>
      <c r="AE2623">
        <v>39155.673199999997</v>
      </c>
      <c r="AF2623">
        <v>45498.079729999998</v>
      </c>
      <c r="AG2623">
        <v>17999.979169999999</v>
      </c>
      <c r="AH2623">
        <v>310109.67940000002</v>
      </c>
      <c r="AI2623">
        <v>69406.314549999996</v>
      </c>
      <c r="AJ2623">
        <v>20048.955040000001</v>
      </c>
      <c r="AK2623">
        <v>25855.192009999999</v>
      </c>
      <c r="AL2623">
        <v>93465.021980000005</v>
      </c>
      <c r="AM2623">
        <v>19316.862209999999</v>
      </c>
      <c r="AN2623">
        <v>75919.897110000005</v>
      </c>
      <c r="AO2623">
        <v>21499.363420000001</v>
      </c>
      <c r="AP2623">
        <v>15850.71644</v>
      </c>
    </row>
    <row r="2624" spans="2:42" x14ac:dyDescent="0.3">
      <c r="B2624">
        <v>64.588983198757376</v>
      </c>
      <c r="C2624" s="83">
        <v>43210.25</v>
      </c>
      <c r="D2624">
        <v>266862.72869999998</v>
      </c>
      <c r="E2624">
        <v>19904.511490000001</v>
      </c>
      <c r="F2624">
        <v>78383.858699999997</v>
      </c>
      <c r="G2624">
        <v>42915.971109999999</v>
      </c>
      <c r="H2624">
        <v>40033.467060000003</v>
      </c>
      <c r="I2624">
        <v>31493.479960000001</v>
      </c>
      <c r="J2624">
        <v>43020.504889999997</v>
      </c>
      <c r="K2624">
        <v>49090.422509999997</v>
      </c>
      <c r="L2624">
        <v>19099.208119999999</v>
      </c>
      <c r="M2624">
        <v>329304.75689999998</v>
      </c>
      <c r="N2624">
        <v>73598.976479999998</v>
      </c>
      <c r="O2624">
        <v>21463.933580000001</v>
      </c>
      <c r="P2624">
        <v>26607.236219999999</v>
      </c>
      <c r="Q2624">
        <v>94709.156390000004</v>
      </c>
      <c r="R2624">
        <v>17970.764510000001</v>
      </c>
      <c r="S2624">
        <v>85844.753509999995</v>
      </c>
      <c r="T2624">
        <v>23670.77306</v>
      </c>
      <c r="U2624">
        <v>19078.097989999998</v>
      </c>
      <c r="W2624" s="83">
        <f>Bühler!N2656</f>
        <v>45401.249999993641</v>
      </c>
      <c r="X2624" s="83">
        <v>43210.25</v>
      </c>
      <c r="Y2624">
        <v>266862.72869999998</v>
      </c>
      <c r="Z2624">
        <v>19904.511490000001</v>
      </c>
      <c r="AA2624">
        <v>78383.858699999997</v>
      </c>
      <c r="AB2624">
        <v>42915.971109999999</v>
      </c>
      <c r="AC2624">
        <v>40033.467060000003</v>
      </c>
      <c r="AD2624">
        <v>31493.479960000001</v>
      </c>
      <c r="AE2624">
        <v>43020.504889999997</v>
      </c>
      <c r="AF2624">
        <v>49090.422509999997</v>
      </c>
      <c r="AG2624">
        <v>19099.208119999999</v>
      </c>
      <c r="AH2624">
        <v>329304.75689999998</v>
      </c>
      <c r="AI2624">
        <v>73598.976479999998</v>
      </c>
      <c r="AJ2624">
        <v>21463.933580000001</v>
      </c>
      <c r="AK2624">
        <v>26607.236219999999</v>
      </c>
      <c r="AL2624">
        <v>94709.156390000004</v>
      </c>
      <c r="AM2624">
        <v>17970.764510000001</v>
      </c>
      <c r="AN2624">
        <v>85844.753509999995</v>
      </c>
      <c r="AO2624">
        <v>23670.77306</v>
      </c>
      <c r="AP2624">
        <v>19078.097989999998</v>
      </c>
    </row>
    <row r="2625" spans="2:42" x14ac:dyDescent="0.3">
      <c r="B2625">
        <v>65.938086269890277</v>
      </c>
      <c r="C2625" s="83">
        <v>43210.291666666664</v>
      </c>
      <c r="D2625">
        <v>277942.08480000001</v>
      </c>
      <c r="E2625">
        <v>24162.70234</v>
      </c>
      <c r="F2625">
        <v>81095.768819999998</v>
      </c>
      <c r="G2625">
        <v>50617.039779999999</v>
      </c>
      <c r="H2625">
        <v>44362.72565</v>
      </c>
      <c r="I2625">
        <v>37641.882169999997</v>
      </c>
      <c r="J2625">
        <v>43960.639320000002</v>
      </c>
      <c r="K2625">
        <v>52218.197639999999</v>
      </c>
      <c r="L2625">
        <v>21746.252260000001</v>
      </c>
      <c r="M2625">
        <v>336183.11349999998</v>
      </c>
      <c r="N2625">
        <v>78500.303079999998</v>
      </c>
      <c r="O2625">
        <v>23699.00764</v>
      </c>
      <c r="P2625">
        <v>29596.159100000001</v>
      </c>
      <c r="Q2625">
        <v>94034.383489999993</v>
      </c>
      <c r="R2625">
        <v>18069.84145</v>
      </c>
      <c r="S2625">
        <v>99122.486180000007</v>
      </c>
      <c r="T2625">
        <v>26826.812440000002</v>
      </c>
      <c r="U2625">
        <v>22347.96442</v>
      </c>
      <c r="W2625" s="83">
        <f>Bühler!N2657</f>
        <v>45401.291666660305</v>
      </c>
      <c r="X2625" s="83">
        <v>43210.291666666664</v>
      </c>
      <c r="Y2625">
        <v>277942.08480000001</v>
      </c>
      <c r="Z2625">
        <v>24162.70234</v>
      </c>
      <c r="AA2625">
        <v>81095.768819999998</v>
      </c>
      <c r="AB2625">
        <v>50617.039779999999</v>
      </c>
      <c r="AC2625">
        <v>44362.72565</v>
      </c>
      <c r="AD2625">
        <v>37641.882169999997</v>
      </c>
      <c r="AE2625">
        <v>43960.639320000002</v>
      </c>
      <c r="AF2625">
        <v>52218.197639999999</v>
      </c>
      <c r="AG2625">
        <v>21746.252260000001</v>
      </c>
      <c r="AH2625">
        <v>336183.11349999998</v>
      </c>
      <c r="AI2625">
        <v>78500.303079999998</v>
      </c>
      <c r="AJ2625">
        <v>23699.00764</v>
      </c>
      <c r="AK2625">
        <v>29596.159100000001</v>
      </c>
      <c r="AL2625">
        <v>94034.383489999993</v>
      </c>
      <c r="AM2625">
        <v>18069.84145</v>
      </c>
      <c r="AN2625">
        <v>99122.486180000007</v>
      </c>
      <c r="AO2625">
        <v>26826.812440000002</v>
      </c>
      <c r="AP2625">
        <v>22347.96442</v>
      </c>
    </row>
    <row r="2626" spans="2:42" x14ac:dyDescent="0.3">
      <c r="B2626">
        <v>66.461039629032655</v>
      </c>
      <c r="C2626" s="83">
        <v>43210.333333333336</v>
      </c>
      <c r="D2626">
        <v>288133.38829999999</v>
      </c>
      <c r="E2626">
        <v>29432.509190000001</v>
      </c>
      <c r="F2626">
        <v>87122.835439999995</v>
      </c>
      <c r="G2626">
        <v>58845.530420000003</v>
      </c>
      <c r="H2626">
        <v>49096.424550000003</v>
      </c>
      <c r="I2626">
        <v>41198.01758</v>
      </c>
      <c r="J2626">
        <v>45031.493920000001</v>
      </c>
      <c r="K2626">
        <v>58358.295940000004</v>
      </c>
      <c r="L2626">
        <v>25126.38581</v>
      </c>
      <c r="M2626">
        <v>338849.37359999999</v>
      </c>
      <c r="N2626">
        <v>82083.701190000007</v>
      </c>
      <c r="O2626">
        <v>25501.79322</v>
      </c>
      <c r="P2626">
        <v>32158.910599999999</v>
      </c>
      <c r="Q2626">
        <v>94535.148239999995</v>
      </c>
      <c r="R2626">
        <v>21124.753939999999</v>
      </c>
      <c r="S2626">
        <v>110499.5387</v>
      </c>
      <c r="T2626">
        <v>30013.876120000001</v>
      </c>
      <c r="U2626">
        <v>25459.23071</v>
      </c>
      <c r="W2626" s="83">
        <f>Bühler!N2658</f>
        <v>45401.333333326969</v>
      </c>
      <c r="X2626" s="83">
        <v>43210.333333333336</v>
      </c>
      <c r="Y2626">
        <v>288133.38829999999</v>
      </c>
      <c r="Z2626">
        <v>29432.509190000001</v>
      </c>
      <c r="AA2626">
        <v>87122.835439999995</v>
      </c>
      <c r="AB2626">
        <v>58845.530420000003</v>
      </c>
      <c r="AC2626">
        <v>49096.424550000003</v>
      </c>
      <c r="AD2626">
        <v>41198.01758</v>
      </c>
      <c r="AE2626">
        <v>45031.493920000001</v>
      </c>
      <c r="AF2626">
        <v>58358.295940000004</v>
      </c>
      <c r="AG2626">
        <v>25126.38581</v>
      </c>
      <c r="AH2626">
        <v>338849.37359999999</v>
      </c>
      <c r="AI2626">
        <v>82083.701190000007</v>
      </c>
      <c r="AJ2626">
        <v>25501.79322</v>
      </c>
      <c r="AK2626">
        <v>32158.910599999999</v>
      </c>
      <c r="AL2626">
        <v>94535.148239999995</v>
      </c>
      <c r="AM2626">
        <v>21124.753939999999</v>
      </c>
      <c r="AN2626">
        <v>110499.5387</v>
      </c>
      <c r="AO2626">
        <v>30013.876120000001</v>
      </c>
      <c r="AP2626">
        <v>25459.23071</v>
      </c>
    </row>
    <row r="2627" spans="2:42" x14ac:dyDescent="0.3">
      <c r="B2627">
        <v>66.166056020408277</v>
      </c>
      <c r="C2627" s="83">
        <v>43210.375</v>
      </c>
      <c r="D2627">
        <v>287943.848</v>
      </c>
      <c r="E2627">
        <v>33816.036269999997</v>
      </c>
      <c r="F2627">
        <v>93569.161890000003</v>
      </c>
      <c r="G2627">
        <v>65208.744290000002</v>
      </c>
      <c r="H2627">
        <v>51979.968229999999</v>
      </c>
      <c r="I2627">
        <v>39534.639519999997</v>
      </c>
      <c r="J2627">
        <v>45716.468650000003</v>
      </c>
      <c r="K2627">
        <v>61502.562550000002</v>
      </c>
      <c r="L2627">
        <v>27731.707900000001</v>
      </c>
      <c r="M2627">
        <v>337345.40960000001</v>
      </c>
      <c r="N2627">
        <v>86837.735019999993</v>
      </c>
      <c r="O2627">
        <v>26690.051329999998</v>
      </c>
      <c r="P2627">
        <v>35523.129289999997</v>
      </c>
      <c r="Q2627">
        <v>94918.128030000007</v>
      </c>
      <c r="R2627">
        <v>21613.052449999999</v>
      </c>
      <c r="S2627">
        <v>116217.4396</v>
      </c>
      <c r="T2627">
        <v>32943.582699999999</v>
      </c>
      <c r="U2627">
        <v>24521.423320000002</v>
      </c>
      <c r="W2627" s="83">
        <f>Bühler!N2659</f>
        <v>45401.374999993634</v>
      </c>
      <c r="X2627" s="83">
        <v>43210.375</v>
      </c>
      <c r="Y2627">
        <v>287943.848</v>
      </c>
      <c r="Z2627">
        <v>33816.036269999997</v>
      </c>
      <c r="AA2627">
        <v>93569.161890000003</v>
      </c>
      <c r="AB2627">
        <v>65208.744290000002</v>
      </c>
      <c r="AC2627">
        <v>51979.968229999999</v>
      </c>
      <c r="AD2627">
        <v>39534.639519999997</v>
      </c>
      <c r="AE2627">
        <v>45716.468650000003</v>
      </c>
      <c r="AF2627">
        <v>61502.562550000002</v>
      </c>
      <c r="AG2627">
        <v>27731.707900000001</v>
      </c>
      <c r="AH2627">
        <v>337345.40960000001</v>
      </c>
      <c r="AI2627">
        <v>86837.735019999993</v>
      </c>
      <c r="AJ2627">
        <v>26690.051329999998</v>
      </c>
      <c r="AK2627">
        <v>35523.129289999997</v>
      </c>
      <c r="AL2627">
        <v>94918.128030000007</v>
      </c>
      <c r="AM2627">
        <v>21613.052449999999</v>
      </c>
      <c r="AN2627">
        <v>116217.4396</v>
      </c>
      <c r="AO2627">
        <v>32943.582699999999</v>
      </c>
      <c r="AP2627">
        <v>24521.423320000002</v>
      </c>
    </row>
    <row r="2628" spans="2:42" x14ac:dyDescent="0.3">
      <c r="B2628">
        <v>65.89987399448566</v>
      </c>
      <c r="C2628" s="83">
        <v>43210.416666666664</v>
      </c>
      <c r="D2628">
        <v>288031.37890000001</v>
      </c>
      <c r="E2628">
        <v>35301.497259999996</v>
      </c>
      <c r="F2628">
        <v>95466.670060000004</v>
      </c>
      <c r="G2628">
        <v>67004.379950000002</v>
      </c>
      <c r="H2628">
        <v>51557.329810000003</v>
      </c>
      <c r="I2628">
        <v>36409.880929999999</v>
      </c>
      <c r="J2628">
        <v>44722.112419999998</v>
      </c>
      <c r="K2628">
        <v>62426.944130000003</v>
      </c>
      <c r="L2628">
        <v>30610.869460000002</v>
      </c>
      <c r="M2628">
        <v>335988.28950000001</v>
      </c>
      <c r="N2628">
        <v>90293.580539999995</v>
      </c>
      <c r="O2628">
        <v>27067.58784</v>
      </c>
      <c r="P2628">
        <v>35686.911079999998</v>
      </c>
      <c r="Q2628">
        <v>95653.817760000005</v>
      </c>
      <c r="R2628">
        <v>22975.04924</v>
      </c>
      <c r="S2628">
        <v>116625.204</v>
      </c>
      <c r="T2628">
        <v>34566.140079999997</v>
      </c>
      <c r="U2628">
        <v>24559.501250000001</v>
      </c>
      <c r="W2628" s="83">
        <f>Bühler!N2660</f>
        <v>45401.416666660298</v>
      </c>
      <c r="X2628" s="83">
        <v>43210.416666666664</v>
      </c>
      <c r="Y2628">
        <v>288031.37890000001</v>
      </c>
      <c r="Z2628">
        <v>35301.497259999996</v>
      </c>
      <c r="AA2628">
        <v>95466.670060000004</v>
      </c>
      <c r="AB2628">
        <v>67004.379950000002</v>
      </c>
      <c r="AC2628">
        <v>51557.329810000003</v>
      </c>
      <c r="AD2628">
        <v>36409.880929999999</v>
      </c>
      <c r="AE2628">
        <v>44722.112419999998</v>
      </c>
      <c r="AF2628">
        <v>62426.944130000003</v>
      </c>
      <c r="AG2628">
        <v>30610.869460000002</v>
      </c>
      <c r="AH2628">
        <v>335988.28950000001</v>
      </c>
      <c r="AI2628">
        <v>90293.580539999995</v>
      </c>
      <c r="AJ2628">
        <v>27067.58784</v>
      </c>
      <c r="AK2628">
        <v>35686.911079999998</v>
      </c>
      <c r="AL2628">
        <v>95653.817760000005</v>
      </c>
      <c r="AM2628">
        <v>22975.04924</v>
      </c>
      <c r="AN2628">
        <v>116625.204</v>
      </c>
      <c r="AO2628">
        <v>34566.140079999997</v>
      </c>
      <c r="AP2628">
        <v>24559.501250000001</v>
      </c>
    </row>
    <row r="2629" spans="2:42" x14ac:dyDescent="0.3">
      <c r="B2629">
        <v>65.992480156482785</v>
      </c>
      <c r="C2629" s="83">
        <v>43210.458333333336</v>
      </c>
      <c r="D2629">
        <v>283511.91369999998</v>
      </c>
      <c r="E2629">
        <v>35018.151339999997</v>
      </c>
      <c r="F2629">
        <v>96239.755420000001</v>
      </c>
      <c r="G2629">
        <v>65847.015490000005</v>
      </c>
      <c r="H2629">
        <v>50872.204599999997</v>
      </c>
      <c r="I2629">
        <v>36183.558640000003</v>
      </c>
      <c r="J2629">
        <v>43821.082419999999</v>
      </c>
      <c r="K2629">
        <v>62036.806810000002</v>
      </c>
      <c r="L2629">
        <v>31987.534889999999</v>
      </c>
      <c r="M2629">
        <v>336460.43890000001</v>
      </c>
      <c r="N2629">
        <v>91352.582580000002</v>
      </c>
      <c r="O2629">
        <v>28090.18202</v>
      </c>
      <c r="P2629">
        <v>34644.841610000003</v>
      </c>
      <c r="Q2629">
        <v>95905.168139999994</v>
      </c>
      <c r="R2629">
        <v>24119.935860000001</v>
      </c>
      <c r="S2629">
        <v>117235.94530000001</v>
      </c>
      <c r="T2629">
        <v>33775.606690000001</v>
      </c>
      <c r="U2629">
        <v>23070.88667</v>
      </c>
      <c r="W2629" s="83">
        <f>Bühler!N2661</f>
        <v>45401.458333326962</v>
      </c>
      <c r="X2629" s="83">
        <v>43210.458333333336</v>
      </c>
      <c r="Y2629">
        <v>283511.91369999998</v>
      </c>
      <c r="Z2629">
        <v>35018.151339999997</v>
      </c>
      <c r="AA2629">
        <v>96239.755420000001</v>
      </c>
      <c r="AB2629">
        <v>65847.015490000005</v>
      </c>
      <c r="AC2629">
        <v>50872.204599999997</v>
      </c>
      <c r="AD2629">
        <v>36183.558640000003</v>
      </c>
      <c r="AE2629">
        <v>43821.082419999999</v>
      </c>
      <c r="AF2629">
        <v>62036.806810000002</v>
      </c>
      <c r="AG2629">
        <v>31987.534889999999</v>
      </c>
      <c r="AH2629">
        <v>336460.43890000001</v>
      </c>
      <c r="AI2629">
        <v>91352.582580000002</v>
      </c>
      <c r="AJ2629">
        <v>28090.18202</v>
      </c>
      <c r="AK2629">
        <v>34644.841610000003</v>
      </c>
      <c r="AL2629">
        <v>95905.168139999994</v>
      </c>
      <c r="AM2629">
        <v>24119.935860000001</v>
      </c>
      <c r="AN2629">
        <v>117235.94530000001</v>
      </c>
      <c r="AO2629">
        <v>33775.606690000001</v>
      </c>
      <c r="AP2629">
        <v>23070.88667</v>
      </c>
    </row>
    <row r="2630" spans="2:42" x14ac:dyDescent="0.3">
      <c r="B2630">
        <v>64.596354278113296</v>
      </c>
      <c r="C2630" s="83">
        <v>43210.5</v>
      </c>
      <c r="D2630">
        <v>270653.55249999999</v>
      </c>
      <c r="E2630">
        <v>31333.37732</v>
      </c>
      <c r="F2630">
        <v>93877.876449999996</v>
      </c>
      <c r="G2630">
        <v>63588.36922</v>
      </c>
      <c r="H2630">
        <v>48156.645320000003</v>
      </c>
      <c r="I2630">
        <v>34690.098830000003</v>
      </c>
      <c r="J2630">
        <v>43710.349119999999</v>
      </c>
      <c r="K2630">
        <v>59003.521119999998</v>
      </c>
      <c r="L2630">
        <v>34501.740169999997</v>
      </c>
      <c r="M2630">
        <v>329342.33809999999</v>
      </c>
      <c r="N2630">
        <v>88688.843540000002</v>
      </c>
      <c r="O2630">
        <v>26175.583739999998</v>
      </c>
      <c r="P2630">
        <v>35614.806649999999</v>
      </c>
      <c r="Q2630">
        <v>93449.085380000004</v>
      </c>
      <c r="R2630">
        <v>25395.93634</v>
      </c>
      <c r="S2630">
        <v>111330.7884</v>
      </c>
      <c r="T2630">
        <v>34806.987739999997</v>
      </c>
      <c r="U2630">
        <v>19057.805850000001</v>
      </c>
      <c r="W2630" s="83">
        <f>Bühler!N2662</f>
        <v>45401.499999993626</v>
      </c>
      <c r="X2630" s="83">
        <v>43210.5</v>
      </c>
      <c r="Y2630">
        <v>270653.55249999999</v>
      </c>
      <c r="Z2630">
        <v>31333.37732</v>
      </c>
      <c r="AA2630">
        <v>93877.876449999996</v>
      </c>
      <c r="AB2630">
        <v>63588.36922</v>
      </c>
      <c r="AC2630">
        <v>48156.645320000003</v>
      </c>
      <c r="AD2630">
        <v>34690.098830000003</v>
      </c>
      <c r="AE2630">
        <v>43710.349119999999</v>
      </c>
      <c r="AF2630">
        <v>59003.521119999998</v>
      </c>
      <c r="AG2630">
        <v>34501.740169999997</v>
      </c>
      <c r="AH2630">
        <v>329342.33809999999</v>
      </c>
      <c r="AI2630">
        <v>88688.843540000002</v>
      </c>
      <c r="AJ2630">
        <v>26175.583739999998</v>
      </c>
      <c r="AK2630">
        <v>35614.806649999999</v>
      </c>
      <c r="AL2630">
        <v>93449.085380000004</v>
      </c>
      <c r="AM2630">
        <v>25395.93634</v>
      </c>
      <c r="AN2630">
        <v>111330.7884</v>
      </c>
      <c r="AO2630">
        <v>34806.987739999997</v>
      </c>
      <c r="AP2630">
        <v>19057.805850000001</v>
      </c>
    </row>
    <row r="2631" spans="2:42" x14ac:dyDescent="0.3">
      <c r="B2631">
        <v>64.048425604541137</v>
      </c>
      <c r="C2631" s="83">
        <v>43210.541666666664</v>
      </c>
      <c r="D2631">
        <v>268276.11060000001</v>
      </c>
      <c r="E2631">
        <v>31167.500779999998</v>
      </c>
      <c r="F2631">
        <v>91965.438110000003</v>
      </c>
      <c r="G2631">
        <v>60965.335850000003</v>
      </c>
      <c r="H2631">
        <v>47738.43219</v>
      </c>
      <c r="I2631">
        <v>34334.40367</v>
      </c>
      <c r="J2631">
        <v>42916.281669999997</v>
      </c>
      <c r="K2631">
        <v>61305.191509999997</v>
      </c>
      <c r="L2631">
        <v>32718.77737</v>
      </c>
      <c r="M2631">
        <v>326548.74219999998</v>
      </c>
      <c r="N2631">
        <v>88061.831229999996</v>
      </c>
      <c r="O2631">
        <v>26267.24209</v>
      </c>
      <c r="P2631">
        <v>34894.555180000003</v>
      </c>
      <c r="Q2631">
        <v>92138.012669999996</v>
      </c>
      <c r="R2631">
        <v>24152.729520000001</v>
      </c>
      <c r="S2631">
        <v>110751.2742</v>
      </c>
      <c r="T2631">
        <v>33251.998619999998</v>
      </c>
      <c r="U2631">
        <v>19804.077020000001</v>
      </c>
      <c r="W2631" s="83">
        <f>Bühler!N2663</f>
        <v>45401.541666660291</v>
      </c>
      <c r="X2631" s="83">
        <v>43210.541666666664</v>
      </c>
      <c r="Y2631">
        <v>268276.11060000001</v>
      </c>
      <c r="Z2631">
        <v>31167.500779999998</v>
      </c>
      <c r="AA2631">
        <v>91965.438110000003</v>
      </c>
      <c r="AB2631">
        <v>60965.335850000003</v>
      </c>
      <c r="AC2631">
        <v>47738.43219</v>
      </c>
      <c r="AD2631">
        <v>34334.40367</v>
      </c>
      <c r="AE2631">
        <v>42916.281669999997</v>
      </c>
      <c r="AF2631">
        <v>61305.191509999997</v>
      </c>
      <c r="AG2631">
        <v>32718.77737</v>
      </c>
      <c r="AH2631">
        <v>326548.74219999998</v>
      </c>
      <c r="AI2631">
        <v>88061.831229999996</v>
      </c>
      <c r="AJ2631">
        <v>26267.24209</v>
      </c>
      <c r="AK2631">
        <v>34894.555180000003</v>
      </c>
      <c r="AL2631">
        <v>92138.012669999996</v>
      </c>
      <c r="AM2631">
        <v>24152.729520000001</v>
      </c>
      <c r="AN2631">
        <v>110751.2742</v>
      </c>
      <c r="AO2631">
        <v>33251.998619999998</v>
      </c>
      <c r="AP2631">
        <v>19804.077020000001</v>
      </c>
    </row>
    <row r="2632" spans="2:42" x14ac:dyDescent="0.3">
      <c r="B2632">
        <v>63.825755506543686</v>
      </c>
      <c r="C2632" s="83">
        <v>43210.583333333336</v>
      </c>
      <c r="D2632">
        <v>268259.71799999999</v>
      </c>
      <c r="E2632">
        <v>33678.644260000001</v>
      </c>
      <c r="F2632">
        <v>92863.747919999994</v>
      </c>
      <c r="G2632">
        <v>56710.120949999997</v>
      </c>
      <c r="H2632">
        <v>46892.982400000001</v>
      </c>
      <c r="I2632">
        <v>34457.792569999998</v>
      </c>
      <c r="J2632">
        <v>42507.356590000003</v>
      </c>
      <c r="K2632">
        <v>62116.86419</v>
      </c>
      <c r="L2632">
        <v>29572.325639999999</v>
      </c>
      <c r="M2632">
        <v>325413.46620000002</v>
      </c>
      <c r="N2632">
        <v>87098.942290000006</v>
      </c>
      <c r="O2632">
        <v>25519.788850000001</v>
      </c>
      <c r="P2632">
        <v>32107.889139999999</v>
      </c>
      <c r="Q2632">
        <v>91076.390400000004</v>
      </c>
      <c r="R2632">
        <v>22905.16807</v>
      </c>
      <c r="S2632">
        <v>105306.5048</v>
      </c>
      <c r="T2632">
        <v>31665.181970000001</v>
      </c>
      <c r="U2632">
        <v>20283.439890000001</v>
      </c>
      <c r="W2632" s="83">
        <f>Bühler!N2664</f>
        <v>45401.583333326955</v>
      </c>
      <c r="X2632" s="83">
        <v>43210.583333333336</v>
      </c>
      <c r="Y2632">
        <v>268259.71799999999</v>
      </c>
      <c r="Z2632">
        <v>33678.644260000001</v>
      </c>
      <c r="AA2632">
        <v>92863.747919999994</v>
      </c>
      <c r="AB2632">
        <v>56710.120949999997</v>
      </c>
      <c r="AC2632">
        <v>46892.982400000001</v>
      </c>
      <c r="AD2632">
        <v>34457.792569999998</v>
      </c>
      <c r="AE2632">
        <v>42507.356590000003</v>
      </c>
      <c r="AF2632">
        <v>62116.86419</v>
      </c>
      <c r="AG2632">
        <v>29572.325639999999</v>
      </c>
      <c r="AH2632">
        <v>325413.46620000002</v>
      </c>
      <c r="AI2632">
        <v>87098.942290000006</v>
      </c>
      <c r="AJ2632">
        <v>25519.788850000001</v>
      </c>
      <c r="AK2632">
        <v>32107.889139999999</v>
      </c>
      <c r="AL2632">
        <v>91076.390400000004</v>
      </c>
      <c r="AM2632">
        <v>22905.16807</v>
      </c>
      <c r="AN2632">
        <v>105306.5048</v>
      </c>
      <c r="AO2632">
        <v>31665.181970000001</v>
      </c>
      <c r="AP2632">
        <v>20283.439890000001</v>
      </c>
    </row>
    <row r="2633" spans="2:42" x14ac:dyDescent="0.3">
      <c r="B2633">
        <v>63.267406875981159</v>
      </c>
      <c r="C2633" s="83">
        <v>43210.625</v>
      </c>
      <c r="D2633">
        <v>263043.97560000001</v>
      </c>
      <c r="E2633">
        <v>33190.039709999997</v>
      </c>
      <c r="F2633">
        <v>93516.512279999995</v>
      </c>
      <c r="G2633">
        <v>53949.302710000004</v>
      </c>
      <c r="H2633">
        <v>45522.159420000004</v>
      </c>
      <c r="I2633">
        <v>34138.972139999998</v>
      </c>
      <c r="J2633">
        <v>41786.428260000001</v>
      </c>
      <c r="K2633">
        <v>59064.776109999999</v>
      </c>
      <c r="L2633">
        <v>26901.657510000001</v>
      </c>
      <c r="M2633">
        <v>322566.74449999997</v>
      </c>
      <c r="N2633">
        <v>85901.018370000005</v>
      </c>
      <c r="O2633">
        <v>24915.684359999999</v>
      </c>
      <c r="P2633">
        <v>28618.758969999999</v>
      </c>
      <c r="Q2633">
        <v>89468.673209999994</v>
      </c>
      <c r="R2633">
        <v>23736.68074</v>
      </c>
      <c r="S2633">
        <v>103271.4602</v>
      </c>
      <c r="T2633">
        <v>31032.580300000001</v>
      </c>
      <c r="U2633">
        <v>18789.610980000001</v>
      </c>
      <c r="W2633" s="83">
        <f>Bühler!N2665</f>
        <v>45401.624999993619</v>
      </c>
      <c r="X2633" s="83">
        <v>43210.625</v>
      </c>
      <c r="Y2633">
        <v>263043.97560000001</v>
      </c>
      <c r="Z2633">
        <v>33190.039709999997</v>
      </c>
      <c r="AA2633">
        <v>93516.512279999995</v>
      </c>
      <c r="AB2633">
        <v>53949.302710000004</v>
      </c>
      <c r="AC2633">
        <v>45522.159420000004</v>
      </c>
      <c r="AD2633">
        <v>34138.972139999998</v>
      </c>
      <c r="AE2633">
        <v>41786.428260000001</v>
      </c>
      <c r="AF2633">
        <v>59064.776109999999</v>
      </c>
      <c r="AG2633">
        <v>26901.657510000001</v>
      </c>
      <c r="AH2633">
        <v>322566.74449999997</v>
      </c>
      <c r="AI2633">
        <v>85901.018370000005</v>
      </c>
      <c r="AJ2633">
        <v>24915.684359999999</v>
      </c>
      <c r="AK2633">
        <v>28618.758969999999</v>
      </c>
      <c r="AL2633">
        <v>89468.673209999994</v>
      </c>
      <c r="AM2633">
        <v>23736.68074</v>
      </c>
      <c r="AN2633">
        <v>103271.4602</v>
      </c>
      <c r="AO2633">
        <v>31032.580300000001</v>
      </c>
      <c r="AP2633">
        <v>18789.610980000001</v>
      </c>
    </row>
    <row r="2634" spans="2:42" x14ac:dyDescent="0.3">
      <c r="B2634">
        <v>61.949479513255326</v>
      </c>
      <c r="C2634" s="83">
        <v>43210.666666666664</v>
      </c>
      <c r="D2634">
        <v>254851.25140000001</v>
      </c>
      <c r="E2634">
        <v>31891.099620000001</v>
      </c>
      <c r="F2634">
        <v>92477.31465</v>
      </c>
      <c r="G2634">
        <v>49927.249689999997</v>
      </c>
      <c r="H2634">
        <v>44092.185469999997</v>
      </c>
      <c r="I2634">
        <v>34933.77231</v>
      </c>
      <c r="J2634">
        <v>41125.710079999997</v>
      </c>
      <c r="K2634">
        <v>55350.4974</v>
      </c>
      <c r="L2634">
        <v>25909.631600000001</v>
      </c>
      <c r="M2634">
        <v>315847.33620000002</v>
      </c>
      <c r="N2634">
        <v>84022.129140000005</v>
      </c>
      <c r="O2634">
        <v>24597.282920000001</v>
      </c>
      <c r="P2634">
        <v>28396.225729999998</v>
      </c>
      <c r="Q2634">
        <v>88352.035980000001</v>
      </c>
      <c r="R2634">
        <v>22090.672480000001</v>
      </c>
      <c r="S2634">
        <v>99267.738729999997</v>
      </c>
      <c r="T2634">
        <v>30084.05617</v>
      </c>
      <c r="U2634">
        <v>17321.41172</v>
      </c>
      <c r="W2634" s="83">
        <f>Bühler!N2666</f>
        <v>45401.666666660283</v>
      </c>
      <c r="X2634" s="83">
        <v>43210.666666666664</v>
      </c>
      <c r="Y2634">
        <v>254851.25140000001</v>
      </c>
      <c r="Z2634">
        <v>31891.099620000001</v>
      </c>
      <c r="AA2634">
        <v>92477.31465</v>
      </c>
      <c r="AB2634">
        <v>49927.249689999997</v>
      </c>
      <c r="AC2634">
        <v>44092.185469999997</v>
      </c>
      <c r="AD2634">
        <v>34933.77231</v>
      </c>
      <c r="AE2634">
        <v>41125.710079999997</v>
      </c>
      <c r="AF2634">
        <v>55350.4974</v>
      </c>
      <c r="AG2634">
        <v>25909.631600000001</v>
      </c>
      <c r="AH2634">
        <v>315847.33620000002</v>
      </c>
      <c r="AI2634">
        <v>84022.129140000005</v>
      </c>
      <c r="AJ2634">
        <v>24597.282920000001</v>
      </c>
      <c r="AK2634">
        <v>28396.225729999998</v>
      </c>
      <c r="AL2634">
        <v>88352.035980000001</v>
      </c>
      <c r="AM2634">
        <v>22090.672480000001</v>
      </c>
      <c r="AN2634">
        <v>99267.738729999997</v>
      </c>
      <c r="AO2634">
        <v>30084.05617</v>
      </c>
      <c r="AP2634">
        <v>17321.41172</v>
      </c>
    </row>
    <row r="2635" spans="2:42" x14ac:dyDescent="0.3">
      <c r="B2635">
        <v>60.325108840873206</v>
      </c>
      <c r="C2635" s="83">
        <v>43210.708333333336</v>
      </c>
      <c r="D2635">
        <v>245065.5252</v>
      </c>
      <c r="E2635">
        <v>29661.22495</v>
      </c>
      <c r="F2635">
        <v>91219.878200000006</v>
      </c>
      <c r="G2635">
        <v>44805.666310000001</v>
      </c>
      <c r="H2635">
        <v>42313.792029999997</v>
      </c>
      <c r="I2635">
        <v>34433.382510000003</v>
      </c>
      <c r="J2635">
        <v>40918.920239999999</v>
      </c>
      <c r="K2635">
        <v>52726.468610000004</v>
      </c>
      <c r="L2635">
        <v>26172.059219999999</v>
      </c>
      <c r="M2635">
        <v>307565.53700000001</v>
      </c>
      <c r="N2635">
        <v>79293.062969999999</v>
      </c>
      <c r="O2635">
        <v>23487.116170000001</v>
      </c>
      <c r="P2635">
        <v>29107.8514</v>
      </c>
      <c r="Q2635">
        <v>86221.115640000004</v>
      </c>
      <c r="R2635">
        <v>23377.736929999999</v>
      </c>
      <c r="S2635">
        <v>96630.151809999996</v>
      </c>
      <c r="T2635">
        <v>29284.723279999998</v>
      </c>
      <c r="U2635">
        <v>15489.52311</v>
      </c>
      <c r="W2635" s="83">
        <f>Bühler!N2667</f>
        <v>45401.708333326947</v>
      </c>
      <c r="X2635" s="83">
        <v>43210.708333333336</v>
      </c>
      <c r="Y2635">
        <v>245065.5252</v>
      </c>
      <c r="Z2635">
        <v>29661.22495</v>
      </c>
      <c r="AA2635">
        <v>91219.878200000006</v>
      </c>
      <c r="AB2635">
        <v>44805.666310000001</v>
      </c>
      <c r="AC2635">
        <v>42313.792029999997</v>
      </c>
      <c r="AD2635">
        <v>34433.382510000003</v>
      </c>
      <c r="AE2635">
        <v>40918.920239999999</v>
      </c>
      <c r="AF2635">
        <v>52726.468610000004</v>
      </c>
      <c r="AG2635">
        <v>26172.059219999999</v>
      </c>
      <c r="AH2635">
        <v>307565.53700000001</v>
      </c>
      <c r="AI2635">
        <v>79293.062969999999</v>
      </c>
      <c r="AJ2635">
        <v>23487.116170000001</v>
      </c>
      <c r="AK2635">
        <v>29107.8514</v>
      </c>
      <c r="AL2635">
        <v>86221.115640000004</v>
      </c>
      <c r="AM2635">
        <v>23377.736929999999</v>
      </c>
      <c r="AN2635">
        <v>96630.151809999996</v>
      </c>
      <c r="AO2635">
        <v>29284.723279999998</v>
      </c>
      <c r="AP2635">
        <v>15489.52311</v>
      </c>
    </row>
    <row r="2636" spans="2:42" x14ac:dyDescent="0.3">
      <c r="B2636">
        <v>59.276115763094339</v>
      </c>
      <c r="C2636" s="83">
        <v>43210.75</v>
      </c>
      <c r="D2636">
        <v>235929.52540000001</v>
      </c>
      <c r="E2636">
        <v>27121.860420000001</v>
      </c>
      <c r="F2636">
        <v>89074.878849999994</v>
      </c>
      <c r="G2636">
        <v>40460.7232</v>
      </c>
      <c r="H2636">
        <v>40420.146099999998</v>
      </c>
      <c r="I2636">
        <v>33250.898820000002</v>
      </c>
      <c r="J2636">
        <v>40590.663760000003</v>
      </c>
      <c r="K2636">
        <v>50096.118060000001</v>
      </c>
      <c r="L2636">
        <v>27743.371060000001</v>
      </c>
      <c r="M2636">
        <v>302217.28110000002</v>
      </c>
      <c r="N2636">
        <v>77961.880980000002</v>
      </c>
      <c r="O2636">
        <v>21498.56709</v>
      </c>
      <c r="P2636">
        <v>32267.306639999999</v>
      </c>
      <c r="Q2636">
        <v>83355.046440000006</v>
      </c>
      <c r="R2636">
        <v>21516.614300000001</v>
      </c>
      <c r="S2636">
        <v>90146.797820000007</v>
      </c>
      <c r="T2636">
        <v>30124.378700000001</v>
      </c>
      <c r="U2636">
        <v>14321.83971</v>
      </c>
      <c r="W2636" s="83">
        <f>Bühler!N2668</f>
        <v>45401.749999993612</v>
      </c>
      <c r="X2636" s="83">
        <v>43210.75</v>
      </c>
      <c r="Y2636">
        <v>235929.52540000001</v>
      </c>
      <c r="Z2636">
        <v>27121.860420000001</v>
      </c>
      <c r="AA2636">
        <v>89074.878849999994</v>
      </c>
      <c r="AB2636">
        <v>40460.7232</v>
      </c>
      <c r="AC2636">
        <v>40420.146099999998</v>
      </c>
      <c r="AD2636">
        <v>33250.898820000002</v>
      </c>
      <c r="AE2636">
        <v>40590.663760000003</v>
      </c>
      <c r="AF2636">
        <v>50096.118060000001</v>
      </c>
      <c r="AG2636">
        <v>27743.371060000001</v>
      </c>
      <c r="AH2636">
        <v>302217.28110000002</v>
      </c>
      <c r="AI2636">
        <v>77961.880980000002</v>
      </c>
      <c r="AJ2636">
        <v>21498.56709</v>
      </c>
      <c r="AK2636">
        <v>32267.306639999999</v>
      </c>
      <c r="AL2636">
        <v>83355.046440000006</v>
      </c>
      <c r="AM2636">
        <v>21516.614300000001</v>
      </c>
      <c r="AN2636">
        <v>90146.797820000007</v>
      </c>
      <c r="AO2636">
        <v>30124.378700000001</v>
      </c>
      <c r="AP2636">
        <v>14321.83971</v>
      </c>
    </row>
    <row r="2637" spans="2:42" x14ac:dyDescent="0.3">
      <c r="B2637">
        <v>57.823571585434941</v>
      </c>
      <c r="C2637" s="83">
        <v>43210.791666666664</v>
      </c>
      <c r="D2637">
        <v>227633.37330000001</v>
      </c>
      <c r="E2637">
        <v>22207.669150000002</v>
      </c>
      <c r="F2637">
        <v>78941.615120000002</v>
      </c>
      <c r="G2637">
        <v>37954.285430000004</v>
      </c>
      <c r="H2637">
        <v>38252.3243</v>
      </c>
      <c r="I2637">
        <v>31499.462739999999</v>
      </c>
      <c r="J2637">
        <v>40292.815410000003</v>
      </c>
      <c r="K2637">
        <v>48755.498440000003</v>
      </c>
      <c r="L2637">
        <v>28973.685549999998</v>
      </c>
      <c r="M2637">
        <v>294811.53350000002</v>
      </c>
      <c r="N2637">
        <v>75828.671010000005</v>
      </c>
      <c r="O2637">
        <v>21186.58539</v>
      </c>
      <c r="P2637">
        <v>33833.912510000002</v>
      </c>
      <c r="Q2637">
        <v>80838.312560000006</v>
      </c>
      <c r="R2637">
        <v>19169.97971</v>
      </c>
      <c r="S2637">
        <v>86791.641380000001</v>
      </c>
      <c r="T2637">
        <v>29666.308430000001</v>
      </c>
      <c r="U2637">
        <v>14167.625239999999</v>
      </c>
      <c r="W2637" s="83">
        <f>Bühler!N2669</f>
        <v>45401.791666660276</v>
      </c>
      <c r="X2637" s="83">
        <v>43210.791666666664</v>
      </c>
      <c r="Y2637">
        <v>227633.37330000001</v>
      </c>
      <c r="Z2637">
        <v>22207.669150000002</v>
      </c>
      <c r="AA2637">
        <v>78941.615120000002</v>
      </c>
      <c r="AB2637">
        <v>37954.285430000004</v>
      </c>
      <c r="AC2637">
        <v>38252.3243</v>
      </c>
      <c r="AD2637">
        <v>31499.462739999999</v>
      </c>
      <c r="AE2637">
        <v>40292.815410000003</v>
      </c>
      <c r="AF2637">
        <v>48755.498440000003</v>
      </c>
      <c r="AG2637">
        <v>28973.685549999998</v>
      </c>
      <c r="AH2637">
        <v>294811.53350000002</v>
      </c>
      <c r="AI2637">
        <v>75828.671010000005</v>
      </c>
      <c r="AJ2637">
        <v>21186.58539</v>
      </c>
      <c r="AK2637">
        <v>33833.912510000002</v>
      </c>
      <c r="AL2637">
        <v>80838.312560000006</v>
      </c>
      <c r="AM2637">
        <v>19169.97971</v>
      </c>
      <c r="AN2637">
        <v>86791.641380000001</v>
      </c>
      <c r="AO2637">
        <v>29666.308430000001</v>
      </c>
      <c r="AP2637">
        <v>14167.625239999999</v>
      </c>
    </row>
    <row r="2638" spans="2:42" x14ac:dyDescent="0.3">
      <c r="B2638">
        <v>55.923435789641076</v>
      </c>
      <c r="C2638" s="83">
        <v>43210.833333333336</v>
      </c>
      <c r="D2638">
        <v>219089.6232</v>
      </c>
      <c r="E2638">
        <v>16995.28153</v>
      </c>
      <c r="F2638">
        <v>62004.729950000001</v>
      </c>
      <c r="G2638">
        <v>36239.073530000001</v>
      </c>
      <c r="H2638">
        <v>36763.667609999997</v>
      </c>
      <c r="I2638">
        <v>29029.211179999998</v>
      </c>
      <c r="J2638">
        <v>41317.683729999997</v>
      </c>
      <c r="K2638">
        <v>48166.188739999998</v>
      </c>
      <c r="L2638">
        <v>28760.85427</v>
      </c>
      <c r="M2638">
        <v>285123.75510000001</v>
      </c>
      <c r="N2638">
        <v>74955.645879999996</v>
      </c>
      <c r="O2638">
        <v>20927.122810000001</v>
      </c>
      <c r="P2638">
        <v>34328.516790000001</v>
      </c>
      <c r="Q2638">
        <v>77284.515270000004</v>
      </c>
      <c r="R2638">
        <v>18656.995200000001</v>
      </c>
      <c r="S2638">
        <v>80623.339129999993</v>
      </c>
      <c r="T2638">
        <v>28854.491969999999</v>
      </c>
      <c r="U2638">
        <v>14026.14129</v>
      </c>
      <c r="W2638" s="83">
        <f>Bühler!N2670</f>
        <v>45401.83333332694</v>
      </c>
      <c r="X2638" s="83">
        <v>43210.833333333336</v>
      </c>
      <c r="Y2638">
        <v>219089.6232</v>
      </c>
      <c r="Z2638">
        <v>16995.28153</v>
      </c>
      <c r="AA2638">
        <v>62004.729950000001</v>
      </c>
      <c r="AB2638">
        <v>36239.073530000001</v>
      </c>
      <c r="AC2638">
        <v>36763.667609999997</v>
      </c>
      <c r="AD2638">
        <v>29029.211179999998</v>
      </c>
      <c r="AE2638">
        <v>41317.683729999997</v>
      </c>
      <c r="AF2638">
        <v>48166.188739999998</v>
      </c>
      <c r="AG2638">
        <v>28760.85427</v>
      </c>
      <c r="AH2638">
        <v>285123.75510000001</v>
      </c>
      <c r="AI2638">
        <v>74955.645879999996</v>
      </c>
      <c r="AJ2638">
        <v>20927.122810000001</v>
      </c>
      <c r="AK2638">
        <v>34328.516790000001</v>
      </c>
      <c r="AL2638">
        <v>77284.515270000004</v>
      </c>
      <c r="AM2638">
        <v>18656.995200000001</v>
      </c>
      <c r="AN2638">
        <v>80623.339129999993</v>
      </c>
      <c r="AO2638">
        <v>28854.491969999999</v>
      </c>
      <c r="AP2638">
        <v>14026.14129</v>
      </c>
    </row>
    <row r="2639" spans="2:42" x14ac:dyDescent="0.3">
      <c r="B2639">
        <v>55.169222925989011</v>
      </c>
      <c r="C2639" s="83">
        <v>43210.875</v>
      </c>
      <c r="D2639">
        <v>215065.10829999999</v>
      </c>
      <c r="E2639">
        <v>14811.88904</v>
      </c>
      <c r="F2639">
        <v>53860.19025</v>
      </c>
      <c r="G2639">
        <v>35527.814689999999</v>
      </c>
      <c r="H2639">
        <v>37138.581630000001</v>
      </c>
      <c r="I2639">
        <v>26662.140950000001</v>
      </c>
      <c r="J2639">
        <v>42670.078430000001</v>
      </c>
      <c r="K2639">
        <v>48611.687510000003</v>
      </c>
      <c r="L2639">
        <v>28217.606619999999</v>
      </c>
      <c r="M2639">
        <v>281278.42619999999</v>
      </c>
      <c r="N2639">
        <v>74302.451440000004</v>
      </c>
      <c r="O2639">
        <v>20432.465179999999</v>
      </c>
      <c r="P2639">
        <v>33486.315569999999</v>
      </c>
      <c r="Q2639">
        <v>74557.45551</v>
      </c>
      <c r="R2639">
        <v>17983.03227</v>
      </c>
      <c r="S2639">
        <v>78831.356690000001</v>
      </c>
      <c r="T2639">
        <v>27947.5334</v>
      </c>
      <c r="U2639">
        <v>13386.623170000001</v>
      </c>
      <c r="W2639" s="83">
        <f>Bühler!N2671</f>
        <v>45401.874999993604</v>
      </c>
      <c r="X2639" s="83">
        <v>43210.875</v>
      </c>
      <c r="Y2639">
        <v>215065.10829999999</v>
      </c>
      <c r="Z2639">
        <v>14811.88904</v>
      </c>
      <c r="AA2639">
        <v>53860.19025</v>
      </c>
      <c r="AB2639">
        <v>35527.814689999999</v>
      </c>
      <c r="AC2639">
        <v>37138.581630000001</v>
      </c>
      <c r="AD2639">
        <v>26662.140950000001</v>
      </c>
      <c r="AE2639">
        <v>42670.078430000001</v>
      </c>
      <c r="AF2639">
        <v>48611.687510000003</v>
      </c>
      <c r="AG2639">
        <v>28217.606619999999</v>
      </c>
      <c r="AH2639">
        <v>281278.42619999999</v>
      </c>
      <c r="AI2639">
        <v>74302.451440000004</v>
      </c>
      <c r="AJ2639">
        <v>20432.465179999999</v>
      </c>
      <c r="AK2639">
        <v>33486.315569999999</v>
      </c>
      <c r="AL2639">
        <v>74557.45551</v>
      </c>
      <c r="AM2639">
        <v>17983.03227</v>
      </c>
      <c r="AN2639">
        <v>78831.356690000001</v>
      </c>
      <c r="AO2639">
        <v>27947.5334</v>
      </c>
      <c r="AP2639">
        <v>13386.623170000001</v>
      </c>
    </row>
    <row r="2640" spans="2:42" x14ac:dyDescent="0.3">
      <c r="B2640">
        <v>54.548581543312693</v>
      </c>
      <c r="C2640" s="83">
        <v>43210.916666666664</v>
      </c>
      <c r="D2640">
        <v>212986.18919999999</v>
      </c>
      <c r="E2640">
        <v>13869.36836</v>
      </c>
      <c r="F2640">
        <v>50802.336909999998</v>
      </c>
      <c r="G2640">
        <v>34885.167860000001</v>
      </c>
      <c r="H2640">
        <v>36730.893190000003</v>
      </c>
      <c r="I2640">
        <v>24347.766899999999</v>
      </c>
      <c r="J2640">
        <v>41397.395799999998</v>
      </c>
      <c r="K2640">
        <v>52631.517549999997</v>
      </c>
      <c r="L2640">
        <v>25289.355169999999</v>
      </c>
      <c r="M2640">
        <v>278114.10700000002</v>
      </c>
      <c r="N2640">
        <v>73256.620920000001</v>
      </c>
      <c r="O2640">
        <v>20825.25504</v>
      </c>
      <c r="P2640">
        <v>36779.483180000003</v>
      </c>
      <c r="Q2640">
        <v>72884.793109999999</v>
      </c>
      <c r="R2640">
        <v>21684.36764</v>
      </c>
      <c r="S2640">
        <v>77016.964900000006</v>
      </c>
      <c r="T2640">
        <v>24771.245299999999</v>
      </c>
      <c r="U2640">
        <v>13858.21767</v>
      </c>
      <c r="W2640" s="83">
        <f>Bühler!N2672</f>
        <v>45401.916666660269</v>
      </c>
      <c r="X2640" s="83">
        <v>43210.916666666664</v>
      </c>
      <c r="Y2640">
        <v>212986.18919999999</v>
      </c>
      <c r="Z2640">
        <v>13869.36836</v>
      </c>
      <c r="AA2640">
        <v>50802.336909999998</v>
      </c>
      <c r="AB2640">
        <v>34885.167860000001</v>
      </c>
      <c r="AC2640">
        <v>36730.893190000003</v>
      </c>
      <c r="AD2640">
        <v>24347.766899999999</v>
      </c>
      <c r="AE2640">
        <v>41397.395799999998</v>
      </c>
      <c r="AF2640">
        <v>52631.517549999997</v>
      </c>
      <c r="AG2640">
        <v>25289.355169999999</v>
      </c>
      <c r="AH2640">
        <v>278114.10700000002</v>
      </c>
      <c r="AI2640">
        <v>73256.620920000001</v>
      </c>
      <c r="AJ2640">
        <v>20825.25504</v>
      </c>
      <c r="AK2640">
        <v>36779.483180000003</v>
      </c>
      <c r="AL2640">
        <v>72884.793109999999</v>
      </c>
      <c r="AM2640">
        <v>21684.36764</v>
      </c>
      <c r="AN2640">
        <v>77016.964900000006</v>
      </c>
      <c r="AO2640">
        <v>24771.245299999999</v>
      </c>
      <c r="AP2640">
        <v>13858.21767</v>
      </c>
    </row>
    <row r="2641" spans="2:42" x14ac:dyDescent="0.3">
      <c r="B2641">
        <v>53.889241209468182</v>
      </c>
      <c r="C2641" s="83">
        <v>43210.958333333336</v>
      </c>
      <c r="D2641">
        <v>211169.16930000001</v>
      </c>
      <c r="E2641">
        <v>13190.45953</v>
      </c>
      <c r="F2641">
        <v>49248.482349999998</v>
      </c>
      <c r="G2641">
        <v>35003.228880000002</v>
      </c>
      <c r="H2641">
        <v>35517.255400000002</v>
      </c>
      <c r="I2641">
        <v>23238.65208</v>
      </c>
      <c r="J2641">
        <v>38527.69472</v>
      </c>
      <c r="K2641">
        <v>51725.810700000002</v>
      </c>
      <c r="L2641">
        <v>21464.472379999999</v>
      </c>
      <c r="M2641">
        <v>274752.48249999998</v>
      </c>
      <c r="N2641">
        <v>71754.421199999997</v>
      </c>
      <c r="O2641">
        <v>20145.53976</v>
      </c>
      <c r="P2641">
        <v>31959.051039999998</v>
      </c>
      <c r="Q2641">
        <v>71726.319680000001</v>
      </c>
      <c r="R2641">
        <v>22596.329710000002</v>
      </c>
      <c r="S2641">
        <v>75324.317639999994</v>
      </c>
      <c r="T2641">
        <v>22577.270120000001</v>
      </c>
      <c r="U2641">
        <v>13345.98273</v>
      </c>
      <c r="W2641" s="83">
        <f>Bühler!N2673</f>
        <v>45401.958333326933</v>
      </c>
      <c r="X2641" s="83">
        <v>43210.958333333336</v>
      </c>
      <c r="Y2641">
        <v>211169.16930000001</v>
      </c>
      <c r="Z2641">
        <v>13190.45953</v>
      </c>
      <c r="AA2641">
        <v>49248.482349999998</v>
      </c>
      <c r="AB2641">
        <v>35003.228880000002</v>
      </c>
      <c r="AC2641">
        <v>35517.255400000002</v>
      </c>
      <c r="AD2641">
        <v>23238.65208</v>
      </c>
      <c r="AE2641">
        <v>38527.69472</v>
      </c>
      <c r="AF2641">
        <v>51725.810700000002</v>
      </c>
      <c r="AG2641">
        <v>21464.472379999999</v>
      </c>
      <c r="AH2641">
        <v>274752.48249999998</v>
      </c>
      <c r="AI2641">
        <v>71754.421199999997</v>
      </c>
      <c r="AJ2641">
        <v>20145.53976</v>
      </c>
      <c r="AK2641">
        <v>31959.051039999998</v>
      </c>
      <c r="AL2641">
        <v>71726.319680000001</v>
      </c>
      <c r="AM2641">
        <v>22596.329710000002</v>
      </c>
      <c r="AN2641">
        <v>75324.317639999994</v>
      </c>
      <c r="AO2641">
        <v>22577.270120000001</v>
      </c>
      <c r="AP2641">
        <v>13345.98273</v>
      </c>
    </row>
    <row r="2642" spans="2:42" x14ac:dyDescent="0.3">
      <c r="B2642">
        <v>52.481365385922629</v>
      </c>
      <c r="C2642" s="83">
        <v>43211</v>
      </c>
      <c r="D2642">
        <v>207410.5048</v>
      </c>
      <c r="E2642">
        <v>12738.9113</v>
      </c>
      <c r="F2642">
        <v>48462.51844</v>
      </c>
      <c r="G2642">
        <v>34318.746570000003</v>
      </c>
      <c r="H2642">
        <v>35010.797319999998</v>
      </c>
      <c r="I2642">
        <v>21768.58959</v>
      </c>
      <c r="J2642">
        <v>36367.294990000002</v>
      </c>
      <c r="K2642">
        <v>50296.359759999999</v>
      </c>
      <c r="L2642">
        <v>18658.283479999998</v>
      </c>
      <c r="M2642">
        <v>267574.47499999998</v>
      </c>
      <c r="N2642">
        <v>70540.100409999999</v>
      </c>
      <c r="O2642">
        <v>20499.725600000002</v>
      </c>
      <c r="P2642">
        <v>29403.85312</v>
      </c>
      <c r="Q2642">
        <v>69474.240279999998</v>
      </c>
      <c r="R2642">
        <v>18831.797259999999</v>
      </c>
      <c r="S2642">
        <v>74160.549450000006</v>
      </c>
      <c r="T2642">
        <v>21485.908060000002</v>
      </c>
      <c r="U2642">
        <v>13190.742910000001</v>
      </c>
      <c r="W2642" s="83">
        <f>Bühler!N2674</f>
        <v>45401.999999993597</v>
      </c>
      <c r="X2642" s="83">
        <v>43211</v>
      </c>
      <c r="Y2642">
        <v>207410.5048</v>
      </c>
      <c r="Z2642">
        <v>12738.9113</v>
      </c>
      <c r="AA2642">
        <v>48462.51844</v>
      </c>
      <c r="AB2642">
        <v>34318.746570000003</v>
      </c>
      <c r="AC2642">
        <v>35010.797319999998</v>
      </c>
      <c r="AD2642">
        <v>21768.58959</v>
      </c>
      <c r="AE2642">
        <v>36367.294990000002</v>
      </c>
      <c r="AF2642">
        <v>50296.359759999999</v>
      </c>
      <c r="AG2642">
        <v>18658.283479999998</v>
      </c>
      <c r="AH2642">
        <v>267574.47499999998</v>
      </c>
      <c r="AI2642">
        <v>70540.100409999999</v>
      </c>
      <c r="AJ2642">
        <v>20499.725600000002</v>
      </c>
      <c r="AK2642">
        <v>29403.85312</v>
      </c>
      <c r="AL2642">
        <v>69474.240279999998</v>
      </c>
      <c r="AM2642">
        <v>18831.797259999999</v>
      </c>
      <c r="AN2642">
        <v>74160.549450000006</v>
      </c>
      <c r="AO2642">
        <v>21485.908060000002</v>
      </c>
      <c r="AP2642">
        <v>13190.742910000001</v>
      </c>
    </row>
    <row r="2643" spans="2:42" x14ac:dyDescent="0.3">
      <c r="B2643">
        <v>51.433752958623309</v>
      </c>
      <c r="C2643" s="83">
        <v>43211.041666666664</v>
      </c>
      <c r="D2643">
        <v>203045.90640000001</v>
      </c>
      <c r="E2643">
        <v>12597.01852</v>
      </c>
      <c r="F2643">
        <v>47825.265509999997</v>
      </c>
      <c r="G2643">
        <v>34128.022369999999</v>
      </c>
      <c r="H2643">
        <v>34072.183210000003</v>
      </c>
      <c r="I2643">
        <v>18434.715199999999</v>
      </c>
      <c r="J2643">
        <v>35109.339789999998</v>
      </c>
      <c r="K2643">
        <v>47865.77852</v>
      </c>
      <c r="L2643">
        <v>17107.401109999999</v>
      </c>
      <c r="M2643">
        <v>262233.25829999999</v>
      </c>
      <c r="N2643">
        <v>69149.98603</v>
      </c>
      <c r="O2643">
        <v>20043.926319999999</v>
      </c>
      <c r="P2643">
        <v>27207.352200000001</v>
      </c>
      <c r="Q2643">
        <v>69524.108479999995</v>
      </c>
      <c r="R2643">
        <v>17538.60886</v>
      </c>
      <c r="S2643">
        <v>73117.886799999993</v>
      </c>
      <c r="T2643">
        <v>20603.716090000002</v>
      </c>
      <c r="U2643">
        <v>13034.19613</v>
      </c>
      <c r="W2643" s="83">
        <f>Bühler!N2675</f>
        <v>45402.041666660261</v>
      </c>
      <c r="X2643" s="83">
        <v>43211.041666666664</v>
      </c>
      <c r="Y2643">
        <v>203045.90640000001</v>
      </c>
      <c r="Z2643">
        <v>12597.01852</v>
      </c>
      <c r="AA2643">
        <v>47825.265509999997</v>
      </c>
      <c r="AB2643">
        <v>34128.022369999999</v>
      </c>
      <c r="AC2643">
        <v>34072.183210000003</v>
      </c>
      <c r="AD2643">
        <v>18434.715199999999</v>
      </c>
      <c r="AE2643">
        <v>35109.339789999998</v>
      </c>
      <c r="AF2643">
        <v>47865.77852</v>
      </c>
      <c r="AG2643">
        <v>17107.401109999999</v>
      </c>
      <c r="AH2643">
        <v>262233.25829999999</v>
      </c>
      <c r="AI2643">
        <v>69149.98603</v>
      </c>
      <c r="AJ2643">
        <v>20043.926319999999</v>
      </c>
      <c r="AK2643">
        <v>27207.352200000001</v>
      </c>
      <c r="AL2643">
        <v>69524.108479999995</v>
      </c>
      <c r="AM2643">
        <v>17538.60886</v>
      </c>
      <c r="AN2643">
        <v>73117.886799999993</v>
      </c>
      <c r="AO2643">
        <v>20603.716090000002</v>
      </c>
      <c r="AP2643">
        <v>13034.19613</v>
      </c>
    </row>
    <row r="2644" spans="2:42" x14ac:dyDescent="0.3">
      <c r="B2644">
        <v>50.532332199564777</v>
      </c>
      <c r="C2644" s="83">
        <v>43211.083333333336</v>
      </c>
      <c r="D2644">
        <v>198857.39490000001</v>
      </c>
      <c r="E2644">
        <v>12524.48705</v>
      </c>
      <c r="F2644">
        <v>48861.928220000002</v>
      </c>
      <c r="G2644">
        <v>33726.748099999997</v>
      </c>
      <c r="H2644">
        <v>33989.548900000002</v>
      </c>
      <c r="I2644">
        <v>16201.50885</v>
      </c>
      <c r="J2644">
        <v>34750.739200000004</v>
      </c>
      <c r="K2644">
        <v>47055.294929999996</v>
      </c>
      <c r="L2644">
        <v>16486.436379999999</v>
      </c>
      <c r="M2644">
        <v>257637.39490000001</v>
      </c>
      <c r="N2644">
        <v>67575.126189999995</v>
      </c>
      <c r="O2644">
        <v>20270.26395</v>
      </c>
      <c r="P2644">
        <v>25907.965319999999</v>
      </c>
      <c r="Q2644">
        <v>70108.352129999999</v>
      </c>
      <c r="R2644">
        <v>17473.636859999999</v>
      </c>
      <c r="S2644">
        <v>72038.398159999997</v>
      </c>
      <c r="T2644">
        <v>20138.41504</v>
      </c>
      <c r="U2644">
        <v>12716.45305</v>
      </c>
      <c r="W2644" s="83">
        <f>Bühler!N2676</f>
        <v>45402.083333326926</v>
      </c>
      <c r="X2644" s="83">
        <v>43211.083333333336</v>
      </c>
      <c r="Y2644">
        <v>198857.39490000001</v>
      </c>
      <c r="Z2644">
        <v>12524.48705</v>
      </c>
      <c r="AA2644">
        <v>48861.928220000002</v>
      </c>
      <c r="AB2644">
        <v>33726.748099999997</v>
      </c>
      <c r="AC2644">
        <v>33989.548900000002</v>
      </c>
      <c r="AD2644">
        <v>16201.50885</v>
      </c>
      <c r="AE2644">
        <v>34750.739200000004</v>
      </c>
      <c r="AF2644">
        <v>47055.294929999996</v>
      </c>
      <c r="AG2644">
        <v>16486.436379999999</v>
      </c>
      <c r="AH2644">
        <v>257637.39490000001</v>
      </c>
      <c r="AI2644">
        <v>67575.126189999995</v>
      </c>
      <c r="AJ2644">
        <v>20270.26395</v>
      </c>
      <c r="AK2644">
        <v>25907.965319999999</v>
      </c>
      <c r="AL2644">
        <v>70108.352129999999</v>
      </c>
      <c r="AM2644">
        <v>17473.636859999999</v>
      </c>
      <c r="AN2644">
        <v>72038.398159999997</v>
      </c>
      <c r="AO2644">
        <v>20138.41504</v>
      </c>
      <c r="AP2644">
        <v>12716.45305</v>
      </c>
    </row>
    <row r="2645" spans="2:42" x14ac:dyDescent="0.3">
      <c r="B2645">
        <v>49.92055367818228</v>
      </c>
      <c r="C2645" s="83">
        <v>43211.125</v>
      </c>
      <c r="D2645">
        <v>193534.9908</v>
      </c>
      <c r="E2645">
        <v>12537.18346</v>
      </c>
      <c r="F2645">
        <v>50481.73302</v>
      </c>
      <c r="G2645">
        <v>32770.212939999998</v>
      </c>
      <c r="H2645">
        <v>33699.39372</v>
      </c>
      <c r="I2645">
        <v>15482.41768</v>
      </c>
      <c r="J2645">
        <v>35794.593919999999</v>
      </c>
      <c r="K2645">
        <v>44196.063049999997</v>
      </c>
      <c r="L2645">
        <v>16153.24598</v>
      </c>
      <c r="M2645">
        <v>254518.26269999999</v>
      </c>
      <c r="N2645">
        <v>66974.526100000003</v>
      </c>
      <c r="O2645">
        <v>20198.212520000001</v>
      </c>
      <c r="P2645">
        <v>26008.231690000001</v>
      </c>
      <c r="Q2645">
        <v>70864.250400000004</v>
      </c>
      <c r="R2645">
        <v>17254.767059999998</v>
      </c>
      <c r="S2645">
        <v>71470.598480000001</v>
      </c>
      <c r="T2645">
        <v>20639.455910000001</v>
      </c>
      <c r="U2645">
        <v>12423.684929999999</v>
      </c>
      <c r="W2645" s="83">
        <f>Bühler!N2677</f>
        <v>45402.12499999359</v>
      </c>
      <c r="X2645" s="83">
        <v>43211.125</v>
      </c>
      <c r="Y2645">
        <v>193534.9908</v>
      </c>
      <c r="Z2645">
        <v>12537.18346</v>
      </c>
      <c r="AA2645">
        <v>50481.73302</v>
      </c>
      <c r="AB2645">
        <v>32770.212939999998</v>
      </c>
      <c r="AC2645">
        <v>33699.39372</v>
      </c>
      <c r="AD2645">
        <v>15482.41768</v>
      </c>
      <c r="AE2645">
        <v>35794.593919999999</v>
      </c>
      <c r="AF2645">
        <v>44196.063049999997</v>
      </c>
      <c r="AG2645">
        <v>16153.24598</v>
      </c>
      <c r="AH2645">
        <v>254518.26269999999</v>
      </c>
      <c r="AI2645">
        <v>66974.526100000003</v>
      </c>
      <c r="AJ2645">
        <v>20198.212520000001</v>
      </c>
      <c r="AK2645">
        <v>26008.231690000001</v>
      </c>
      <c r="AL2645">
        <v>70864.250400000004</v>
      </c>
      <c r="AM2645">
        <v>17254.767059999998</v>
      </c>
      <c r="AN2645">
        <v>71470.598480000001</v>
      </c>
      <c r="AO2645">
        <v>20639.455910000001</v>
      </c>
      <c r="AP2645">
        <v>12423.684929999999</v>
      </c>
    </row>
    <row r="2646" spans="2:42" x14ac:dyDescent="0.3">
      <c r="B2646">
        <v>48.242738953858954</v>
      </c>
      <c r="C2646" s="83">
        <v>43211.166666666664</v>
      </c>
      <c r="D2646">
        <v>186538.29689999999</v>
      </c>
      <c r="E2646">
        <v>12596.39589</v>
      </c>
      <c r="F2646">
        <v>53063.737410000002</v>
      </c>
      <c r="G2646">
        <v>32358.9274</v>
      </c>
      <c r="H2646">
        <v>34582.686309999997</v>
      </c>
      <c r="I2646">
        <v>17398.217530000002</v>
      </c>
      <c r="J2646">
        <v>36982.404399999999</v>
      </c>
      <c r="K2646">
        <v>43917.943579999999</v>
      </c>
      <c r="L2646">
        <v>16005.827209999999</v>
      </c>
      <c r="M2646">
        <v>245963.98079999999</v>
      </c>
      <c r="N2646">
        <v>66877.156210000001</v>
      </c>
      <c r="O2646">
        <v>20493.498510000001</v>
      </c>
      <c r="P2646">
        <v>25000.716980000001</v>
      </c>
      <c r="Q2646">
        <v>69641.911900000006</v>
      </c>
      <c r="R2646">
        <v>17970.685829999999</v>
      </c>
      <c r="S2646">
        <v>72113.565010000006</v>
      </c>
      <c r="T2646">
        <v>20706.120220000001</v>
      </c>
      <c r="U2646">
        <v>12862.091259999999</v>
      </c>
      <c r="W2646" s="83">
        <f>Bühler!N2678</f>
        <v>45402.166666660254</v>
      </c>
      <c r="X2646" s="83">
        <v>43211.166666666664</v>
      </c>
      <c r="Y2646">
        <v>186538.29689999999</v>
      </c>
      <c r="Z2646">
        <v>12596.39589</v>
      </c>
      <c r="AA2646">
        <v>53063.737410000002</v>
      </c>
      <c r="AB2646">
        <v>32358.9274</v>
      </c>
      <c r="AC2646">
        <v>34582.686309999997</v>
      </c>
      <c r="AD2646">
        <v>17398.217530000002</v>
      </c>
      <c r="AE2646">
        <v>36982.404399999999</v>
      </c>
      <c r="AF2646">
        <v>43917.943579999999</v>
      </c>
      <c r="AG2646">
        <v>16005.827209999999</v>
      </c>
      <c r="AH2646">
        <v>245963.98079999999</v>
      </c>
      <c r="AI2646">
        <v>66877.156210000001</v>
      </c>
      <c r="AJ2646">
        <v>20493.498510000001</v>
      </c>
      <c r="AK2646">
        <v>25000.716980000001</v>
      </c>
      <c r="AL2646">
        <v>69641.911900000006</v>
      </c>
      <c r="AM2646">
        <v>17970.685829999999</v>
      </c>
      <c r="AN2646">
        <v>72113.565010000006</v>
      </c>
      <c r="AO2646">
        <v>20706.120220000001</v>
      </c>
      <c r="AP2646">
        <v>12862.091259999999</v>
      </c>
    </row>
    <row r="2647" spans="2:42" x14ac:dyDescent="0.3">
      <c r="B2647">
        <v>47.420856446659208</v>
      </c>
      <c r="C2647" s="83">
        <v>43211.208333333336</v>
      </c>
      <c r="D2647">
        <v>183687.6274</v>
      </c>
      <c r="E2647">
        <v>13419.877549999999</v>
      </c>
      <c r="F2647">
        <v>63496.029090000004</v>
      </c>
      <c r="G2647">
        <v>32633.916389999999</v>
      </c>
      <c r="H2647">
        <v>35034.583960000004</v>
      </c>
      <c r="I2647">
        <v>23841.172070000001</v>
      </c>
      <c r="J2647">
        <v>40012.893199999999</v>
      </c>
      <c r="K2647">
        <v>43944.329400000002</v>
      </c>
      <c r="L2647">
        <v>16370.35015</v>
      </c>
      <c r="M2647">
        <v>241773.64050000001</v>
      </c>
      <c r="N2647">
        <v>66370.360509999999</v>
      </c>
      <c r="O2647">
        <v>20979.881249999999</v>
      </c>
      <c r="P2647">
        <v>25383.431199999999</v>
      </c>
      <c r="Q2647">
        <v>67368.198409999997</v>
      </c>
      <c r="R2647">
        <v>21128.256099999999</v>
      </c>
      <c r="S2647">
        <v>74057.996220000001</v>
      </c>
      <c r="T2647">
        <v>21340.365089999999</v>
      </c>
      <c r="U2647">
        <v>13874.8986</v>
      </c>
      <c r="W2647" s="83">
        <f>Bühler!N2679</f>
        <v>45402.208333326918</v>
      </c>
      <c r="X2647" s="83">
        <v>43211.208333333336</v>
      </c>
      <c r="Y2647">
        <v>183687.6274</v>
      </c>
      <c r="Z2647">
        <v>13419.877549999999</v>
      </c>
      <c r="AA2647">
        <v>63496.029090000004</v>
      </c>
      <c r="AB2647">
        <v>32633.916389999999</v>
      </c>
      <c r="AC2647">
        <v>35034.583960000004</v>
      </c>
      <c r="AD2647">
        <v>23841.172070000001</v>
      </c>
      <c r="AE2647">
        <v>40012.893199999999</v>
      </c>
      <c r="AF2647">
        <v>43944.329400000002</v>
      </c>
      <c r="AG2647">
        <v>16370.35015</v>
      </c>
      <c r="AH2647">
        <v>241773.64050000001</v>
      </c>
      <c r="AI2647">
        <v>66370.360509999999</v>
      </c>
      <c r="AJ2647">
        <v>20979.881249999999</v>
      </c>
      <c r="AK2647">
        <v>25383.431199999999</v>
      </c>
      <c r="AL2647">
        <v>67368.198409999997</v>
      </c>
      <c r="AM2647">
        <v>21128.256099999999</v>
      </c>
      <c r="AN2647">
        <v>74057.996220000001</v>
      </c>
      <c r="AO2647">
        <v>21340.365089999999</v>
      </c>
      <c r="AP2647">
        <v>13874.8986</v>
      </c>
    </row>
    <row r="2648" spans="2:42" x14ac:dyDescent="0.3">
      <c r="B2648">
        <v>47.580304689616163</v>
      </c>
      <c r="C2648" s="83">
        <v>43211.25</v>
      </c>
      <c r="D2648">
        <v>184448.06140000001</v>
      </c>
      <c r="E2648">
        <v>15395.50187</v>
      </c>
      <c r="F2648">
        <v>74767.64804</v>
      </c>
      <c r="G2648">
        <v>33857.142</v>
      </c>
      <c r="H2648">
        <v>35659.098239999999</v>
      </c>
      <c r="I2648">
        <v>26322.323690000001</v>
      </c>
      <c r="J2648">
        <v>43311.377350000002</v>
      </c>
      <c r="K2648">
        <v>41542.381820000002</v>
      </c>
      <c r="L2648">
        <v>17394.79736</v>
      </c>
      <c r="M2648">
        <v>242586.58199999999</v>
      </c>
      <c r="N2648">
        <v>66890.61795</v>
      </c>
      <c r="O2648">
        <v>21136.143110000001</v>
      </c>
      <c r="P2648">
        <v>26006.013040000002</v>
      </c>
      <c r="Q2648">
        <v>65674.964009999996</v>
      </c>
      <c r="R2648">
        <v>16643.411520000001</v>
      </c>
      <c r="S2648">
        <v>78920.766399999993</v>
      </c>
      <c r="T2648">
        <v>22928.134730000002</v>
      </c>
      <c r="U2648">
        <v>13615.42446</v>
      </c>
      <c r="W2648" s="83">
        <f>Bühler!N2680</f>
        <v>45402.249999993583</v>
      </c>
      <c r="X2648" s="83">
        <v>43211.25</v>
      </c>
      <c r="Y2648">
        <v>184448.06140000001</v>
      </c>
      <c r="Z2648">
        <v>15395.50187</v>
      </c>
      <c r="AA2648">
        <v>74767.64804</v>
      </c>
      <c r="AB2648">
        <v>33857.142</v>
      </c>
      <c r="AC2648">
        <v>35659.098239999999</v>
      </c>
      <c r="AD2648">
        <v>26322.323690000001</v>
      </c>
      <c r="AE2648">
        <v>43311.377350000002</v>
      </c>
      <c r="AF2648">
        <v>41542.381820000002</v>
      </c>
      <c r="AG2648">
        <v>17394.79736</v>
      </c>
      <c r="AH2648">
        <v>242586.58199999999</v>
      </c>
      <c r="AI2648">
        <v>66890.61795</v>
      </c>
      <c r="AJ2648">
        <v>21136.143110000001</v>
      </c>
      <c r="AK2648">
        <v>26006.013040000002</v>
      </c>
      <c r="AL2648">
        <v>65674.964009999996</v>
      </c>
      <c r="AM2648">
        <v>16643.411520000001</v>
      </c>
      <c r="AN2648">
        <v>78920.766399999993</v>
      </c>
      <c r="AO2648">
        <v>22928.134730000002</v>
      </c>
      <c r="AP2648">
        <v>13615.42446</v>
      </c>
    </row>
    <row r="2649" spans="2:42" x14ac:dyDescent="0.3">
      <c r="B2649">
        <v>47.867243114208925</v>
      </c>
      <c r="C2649" s="83">
        <v>43211.291666666664</v>
      </c>
      <c r="D2649">
        <v>184103.73360000001</v>
      </c>
      <c r="E2649">
        <v>17333.191220000001</v>
      </c>
      <c r="F2649">
        <v>76905.015039999998</v>
      </c>
      <c r="G2649">
        <v>34196.759599999998</v>
      </c>
      <c r="H2649">
        <v>34358.43636</v>
      </c>
      <c r="I2649">
        <v>27869.10036</v>
      </c>
      <c r="J2649">
        <v>43127.223059999997</v>
      </c>
      <c r="K2649">
        <v>41268.604809999997</v>
      </c>
      <c r="L2649">
        <v>18943.160889999999</v>
      </c>
      <c r="M2649">
        <v>244049.52789999999</v>
      </c>
      <c r="N2649">
        <v>64979.802750000003</v>
      </c>
      <c r="O2649">
        <v>21324.012030000002</v>
      </c>
      <c r="P2649">
        <v>27878.859489999999</v>
      </c>
      <c r="Q2649">
        <v>63499.728990000003</v>
      </c>
      <c r="R2649">
        <v>15381.67534</v>
      </c>
      <c r="S2649">
        <v>84838.7497</v>
      </c>
      <c r="T2649">
        <v>24109.972170000001</v>
      </c>
      <c r="U2649">
        <v>13229.801820000001</v>
      </c>
      <c r="W2649" s="83">
        <f>Bühler!N2681</f>
        <v>45402.291666660247</v>
      </c>
      <c r="X2649" s="83">
        <v>43211.291666666664</v>
      </c>
      <c r="Y2649">
        <v>184103.73360000001</v>
      </c>
      <c r="Z2649">
        <v>17333.191220000001</v>
      </c>
      <c r="AA2649">
        <v>76905.015039999998</v>
      </c>
      <c r="AB2649">
        <v>34196.759599999998</v>
      </c>
      <c r="AC2649">
        <v>34358.43636</v>
      </c>
      <c r="AD2649">
        <v>27869.10036</v>
      </c>
      <c r="AE2649">
        <v>43127.223059999997</v>
      </c>
      <c r="AF2649">
        <v>41268.604809999997</v>
      </c>
      <c r="AG2649">
        <v>18943.160889999999</v>
      </c>
      <c r="AH2649">
        <v>244049.52789999999</v>
      </c>
      <c r="AI2649">
        <v>64979.802750000003</v>
      </c>
      <c r="AJ2649">
        <v>21324.012030000002</v>
      </c>
      <c r="AK2649">
        <v>27878.859489999999</v>
      </c>
      <c r="AL2649">
        <v>63499.728990000003</v>
      </c>
      <c r="AM2649">
        <v>15381.67534</v>
      </c>
      <c r="AN2649">
        <v>84838.7497</v>
      </c>
      <c r="AO2649">
        <v>24109.972170000001</v>
      </c>
      <c r="AP2649">
        <v>13229.801820000001</v>
      </c>
    </row>
    <row r="2650" spans="2:42" x14ac:dyDescent="0.3">
      <c r="B2650">
        <v>47.0808047951002</v>
      </c>
      <c r="C2650" s="83">
        <v>43211.333333333336</v>
      </c>
      <c r="D2650">
        <v>183099.22229999999</v>
      </c>
      <c r="E2650">
        <v>20035.45952</v>
      </c>
      <c r="F2650">
        <v>80976.516829999993</v>
      </c>
      <c r="G2650">
        <v>34559.353000000003</v>
      </c>
      <c r="H2650">
        <v>35222.781300000002</v>
      </c>
      <c r="I2650">
        <v>28311.49063</v>
      </c>
      <c r="J2650">
        <v>42576.702870000001</v>
      </c>
      <c r="K2650">
        <v>42802.366390000003</v>
      </c>
      <c r="L2650">
        <v>21745.080279999998</v>
      </c>
      <c r="M2650">
        <v>240039.89859999999</v>
      </c>
      <c r="N2650">
        <v>66704.947490000006</v>
      </c>
      <c r="O2650">
        <v>21664.001380000002</v>
      </c>
      <c r="P2650">
        <v>30965.262709999999</v>
      </c>
      <c r="Q2650">
        <v>61714.214569999996</v>
      </c>
      <c r="R2650">
        <v>16157.65101</v>
      </c>
      <c r="S2650">
        <v>87813.291039999996</v>
      </c>
      <c r="T2650">
        <v>25100.157459999999</v>
      </c>
      <c r="U2650">
        <v>13167.365400000001</v>
      </c>
      <c r="W2650" s="83">
        <f>Bühler!N2682</f>
        <v>45402.333333326911</v>
      </c>
      <c r="X2650" s="83">
        <v>43211.333333333336</v>
      </c>
      <c r="Y2650">
        <v>183099.22229999999</v>
      </c>
      <c r="Z2650">
        <v>20035.45952</v>
      </c>
      <c r="AA2650">
        <v>80976.516829999993</v>
      </c>
      <c r="AB2650">
        <v>34559.353000000003</v>
      </c>
      <c r="AC2650">
        <v>35222.781300000002</v>
      </c>
      <c r="AD2650">
        <v>28311.49063</v>
      </c>
      <c r="AE2650">
        <v>42576.702870000001</v>
      </c>
      <c r="AF2650">
        <v>42802.366390000003</v>
      </c>
      <c r="AG2650">
        <v>21745.080279999998</v>
      </c>
      <c r="AH2650">
        <v>240039.89859999999</v>
      </c>
      <c r="AI2650">
        <v>66704.947490000006</v>
      </c>
      <c r="AJ2650">
        <v>21664.001380000002</v>
      </c>
      <c r="AK2650">
        <v>30965.262709999999</v>
      </c>
      <c r="AL2650">
        <v>61714.214569999996</v>
      </c>
      <c r="AM2650">
        <v>16157.65101</v>
      </c>
      <c r="AN2650">
        <v>87813.291039999996</v>
      </c>
      <c r="AO2650">
        <v>25100.157459999999</v>
      </c>
      <c r="AP2650">
        <v>13167.365400000001</v>
      </c>
    </row>
    <row r="2651" spans="2:42" x14ac:dyDescent="0.3">
      <c r="B2651">
        <v>46.696130332534707</v>
      </c>
      <c r="C2651" s="83">
        <v>43211.375</v>
      </c>
      <c r="D2651">
        <v>181124.05960000001</v>
      </c>
      <c r="E2651">
        <v>23612.8884</v>
      </c>
      <c r="F2651">
        <v>86949.458700000003</v>
      </c>
      <c r="G2651">
        <v>35160.36363</v>
      </c>
      <c r="H2651">
        <v>35515.228690000004</v>
      </c>
      <c r="I2651">
        <v>27979.54695</v>
      </c>
      <c r="J2651">
        <v>42828.408499999998</v>
      </c>
      <c r="K2651">
        <v>43266.839690000001</v>
      </c>
      <c r="L2651">
        <v>24199.033319999999</v>
      </c>
      <c r="M2651">
        <v>238078.6488</v>
      </c>
      <c r="N2651">
        <v>69926.905239999993</v>
      </c>
      <c r="O2651">
        <v>22340.748100000001</v>
      </c>
      <c r="P2651">
        <v>33763.996780000001</v>
      </c>
      <c r="Q2651">
        <v>61192.874080000001</v>
      </c>
      <c r="R2651">
        <v>16145.31078</v>
      </c>
      <c r="S2651">
        <v>90073.898669999995</v>
      </c>
      <c r="T2651">
        <v>26672.469840000002</v>
      </c>
      <c r="U2651">
        <v>13408.479170000001</v>
      </c>
      <c r="W2651" s="83">
        <f>Bühler!N2683</f>
        <v>45402.374999993575</v>
      </c>
      <c r="X2651" s="83">
        <v>43211.375</v>
      </c>
      <c r="Y2651">
        <v>181124.05960000001</v>
      </c>
      <c r="Z2651">
        <v>23612.8884</v>
      </c>
      <c r="AA2651">
        <v>86949.458700000003</v>
      </c>
      <c r="AB2651">
        <v>35160.36363</v>
      </c>
      <c r="AC2651">
        <v>35515.228690000004</v>
      </c>
      <c r="AD2651">
        <v>27979.54695</v>
      </c>
      <c r="AE2651">
        <v>42828.408499999998</v>
      </c>
      <c r="AF2651">
        <v>43266.839690000001</v>
      </c>
      <c r="AG2651">
        <v>24199.033319999999</v>
      </c>
      <c r="AH2651">
        <v>238078.6488</v>
      </c>
      <c r="AI2651">
        <v>69926.905239999993</v>
      </c>
      <c r="AJ2651">
        <v>22340.748100000001</v>
      </c>
      <c r="AK2651">
        <v>33763.996780000001</v>
      </c>
      <c r="AL2651">
        <v>61192.874080000001</v>
      </c>
      <c r="AM2651">
        <v>16145.31078</v>
      </c>
      <c r="AN2651">
        <v>90073.898669999995</v>
      </c>
      <c r="AO2651">
        <v>26672.469840000002</v>
      </c>
      <c r="AP2651">
        <v>13408.479170000001</v>
      </c>
    </row>
    <row r="2652" spans="2:42" x14ac:dyDescent="0.3">
      <c r="B2652">
        <v>46.543506102460547</v>
      </c>
      <c r="C2652" s="83">
        <v>43211.416666666664</v>
      </c>
      <c r="D2652">
        <v>179447.86290000001</v>
      </c>
      <c r="E2652">
        <v>25073.13177</v>
      </c>
      <c r="F2652">
        <v>87276.080409999995</v>
      </c>
      <c r="G2652">
        <v>35589.329140000002</v>
      </c>
      <c r="H2652">
        <v>36232.567860000003</v>
      </c>
      <c r="I2652">
        <v>27298.817780000001</v>
      </c>
      <c r="J2652">
        <v>41098.094219999999</v>
      </c>
      <c r="K2652">
        <v>45053.284910000002</v>
      </c>
      <c r="L2652">
        <v>26782.5452</v>
      </c>
      <c r="M2652">
        <v>237300.4993</v>
      </c>
      <c r="N2652">
        <v>71413.522670000006</v>
      </c>
      <c r="O2652">
        <v>22943.013989999999</v>
      </c>
      <c r="P2652">
        <v>34543.561070000003</v>
      </c>
      <c r="Q2652">
        <v>60932.796730000002</v>
      </c>
      <c r="R2652">
        <v>16935.799719999999</v>
      </c>
      <c r="S2652">
        <v>89451.486770000003</v>
      </c>
      <c r="T2652">
        <v>28042.3145</v>
      </c>
      <c r="U2652">
        <v>12893.5136</v>
      </c>
      <c r="W2652" s="83">
        <f>Bühler!N2684</f>
        <v>45402.41666666024</v>
      </c>
      <c r="X2652" s="83">
        <v>43211.416666666664</v>
      </c>
      <c r="Y2652">
        <v>179447.86290000001</v>
      </c>
      <c r="Z2652">
        <v>25073.13177</v>
      </c>
      <c r="AA2652">
        <v>87276.080409999995</v>
      </c>
      <c r="AB2652">
        <v>35589.329140000002</v>
      </c>
      <c r="AC2652">
        <v>36232.567860000003</v>
      </c>
      <c r="AD2652">
        <v>27298.817780000001</v>
      </c>
      <c r="AE2652">
        <v>41098.094219999999</v>
      </c>
      <c r="AF2652">
        <v>45053.284910000002</v>
      </c>
      <c r="AG2652">
        <v>26782.5452</v>
      </c>
      <c r="AH2652">
        <v>237300.4993</v>
      </c>
      <c r="AI2652">
        <v>71413.522670000006</v>
      </c>
      <c r="AJ2652">
        <v>22943.013989999999</v>
      </c>
      <c r="AK2652">
        <v>34543.561070000003</v>
      </c>
      <c r="AL2652">
        <v>60932.796730000002</v>
      </c>
      <c r="AM2652">
        <v>16935.799719999999</v>
      </c>
      <c r="AN2652">
        <v>89451.486770000003</v>
      </c>
      <c r="AO2652">
        <v>28042.3145</v>
      </c>
      <c r="AP2652">
        <v>12893.5136</v>
      </c>
    </row>
    <row r="2653" spans="2:42" x14ac:dyDescent="0.3">
      <c r="B2653">
        <v>46.501515494767752</v>
      </c>
      <c r="C2653" s="83">
        <v>43211.458333333336</v>
      </c>
      <c r="D2653">
        <v>175389.0724</v>
      </c>
      <c r="E2653">
        <v>24754.36879</v>
      </c>
      <c r="F2653">
        <v>87825.802230000001</v>
      </c>
      <c r="G2653">
        <v>35213.935169999997</v>
      </c>
      <c r="H2653">
        <v>35770.066899999998</v>
      </c>
      <c r="I2653">
        <v>26678.273799999999</v>
      </c>
      <c r="J2653">
        <v>40200.833140000002</v>
      </c>
      <c r="K2653">
        <v>45651.58685</v>
      </c>
      <c r="L2653">
        <v>28533.280040000001</v>
      </c>
      <c r="M2653">
        <v>237086.41159999999</v>
      </c>
      <c r="N2653">
        <v>70935.040429999994</v>
      </c>
      <c r="O2653">
        <v>22583.01197</v>
      </c>
      <c r="P2653">
        <v>33532.180399999997</v>
      </c>
      <c r="Q2653">
        <v>59368.025690000002</v>
      </c>
      <c r="R2653">
        <v>18949.46845</v>
      </c>
      <c r="S2653">
        <v>90914.004520000002</v>
      </c>
      <c r="T2653">
        <v>28790.907950000001</v>
      </c>
      <c r="U2653">
        <v>12285.28476</v>
      </c>
      <c r="W2653" s="83">
        <f>Bühler!N2685</f>
        <v>45402.458333326904</v>
      </c>
      <c r="X2653" s="83">
        <v>43211.458333333336</v>
      </c>
      <c r="Y2653">
        <v>175389.0724</v>
      </c>
      <c r="Z2653">
        <v>24754.36879</v>
      </c>
      <c r="AA2653">
        <v>87825.802230000001</v>
      </c>
      <c r="AB2653">
        <v>35213.935169999997</v>
      </c>
      <c r="AC2653">
        <v>35770.066899999998</v>
      </c>
      <c r="AD2653">
        <v>26678.273799999999</v>
      </c>
      <c r="AE2653">
        <v>40200.833140000002</v>
      </c>
      <c r="AF2653">
        <v>45651.58685</v>
      </c>
      <c r="AG2653">
        <v>28533.280040000001</v>
      </c>
      <c r="AH2653">
        <v>237086.41159999999</v>
      </c>
      <c r="AI2653">
        <v>70935.040429999994</v>
      </c>
      <c r="AJ2653">
        <v>22583.01197</v>
      </c>
      <c r="AK2653">
        <v>33532.180399999997</v>
      </c>
      <c r="AL2653">
        <v>59368.025690000002</v>
      </c>
      <c r="AM2653">
        <v>18949.46845</v>
      </c>
      <c r="AN2653">
        <v>90914.004520000002</v>
      </c>
      <c r="AO2653">
        <v>28790.907950000001</v>
      </c>
      <c r="AP2653">
        <v>12285.28476</v>
      </c>
    </row>
    <row r="2654" spans="2:42" x14ac:dyDescent="0.3">
      <c r="B2654">
        <v>45.581217176548343</v>
      </c>
      <c r="C2654" s="83">
        <v>43211.5</v>
      </c>
      <c r="D2654">
        <v>168333.69709999999</v>
      </c>
      <c r="E2654">
        <v>23255.03656</v>
      </c>
      <c r="F2654">
        <v>85503.9467</v>
      </c>
      <c r="G2654">
        <v>34145.80414</v>
      </c>
      <c r="H2654">
        <v>35344.068290000003</v>
      </c>
      <c r="I2654">
        <v>26711.517980000001</v>
      </c>
      <c r="J2654">
        <v>40837.629509999999</v>
      </c>
      <c r="K2654">
        <v>46152.644740000003</v>
      </c>
      <c r="L2654">
        <v>30951.828829999999</v>
      </c>
      <c r="M2654">
        <v>232394.30160000001</v>
      </c>
      <c r="N2654">
        <v>71286.254360000006</v>
      </c>
      <c r="O2654">
        <v>20619.566569999999</v>
      </c>
      <c r="P2654">
        <v>33866.010020000002</v>
      </c>
      <c r="Q2654">
        <v>56795.304060000002</v>
      </c>
      <c r="R2654">
        <v>18090.495630000001</v>
      </c>
      <c r="S2654">
        <v>85872.034</v>
      </c>
      <c r="T2654">
        <v>28031.994500000001</v>
      </c>
      <c r="U2654">
        <v>11261.17282</v>
      </c>
      <c r="W2654" s="83">
        <f>Bühler!N2686</f>
        <v>45402.499999993568</v>
      </c>
      <c r="X2654" s="83">
        <v>43211.5</v>
      </c>
      <c r="Y2654">
        <v>168333.69709999999</v>
      </c>
      <c r="Z2654">
        <v>23255.03656</v>
      </c>
      <c r="AA2654">
        <v>85503.9467</v>
      </c>
      <c r="AB2654">
        <v>34145.80414</v>
      </c>
      <c r="AC2654">
        <v>35344.068290000003</v>
      </c>
      <c r="AD2654">
        <v>26711.517980000001</v>
      </c>
      <c r="AE2654">
        <v>40837.629509999999</v>
      </c>
      <c r="AF2654">
        <v>46152.644740000003</v>
      </c>
      <c r="AG2654">
        <v>30951.828829999999</v>
      </c>
      <c r="AH2654">
        <v>232394.30160000001</v>
      </c>
      <c r="AI2654">
        <v>71286.254360000006</v>
      </c>
      <c r="AJ2654">
        <v>20619.566569999999</v>
      </c>
      <c r="AK2654">
        <v>33866.010020000002</v>
      </c>
      <c r="AL2654">
        <v>56795.304060000002</v>
      </c>
      <c r="AM2654">
        <v>18090.495630000001</v>
      </c>
      <c r="AN2654">
        <v>85872.034</v>
      </c>
      <c r="AO2654">
        <v>28031.994500000001</v>
      </c>
      <c r="AP2654">
        <v>11261.17282</v>
      </c>
    </row>
    <row r="2655" spans="2:42" x14ac:dyDescent="0.3">
      <c r="B2655">
        <v>44.906536327585322</v>
      </c>
      <c r="C2655" s="83">
        <v>43211.541666666664</v>
      </c>
      <c r="D2655">
        <v>165092.65359999999</v>
      </c>
      <c r="E2655">
        <v>22645.92326</v>
      </c>
      <c r="F2655">
        <v>83560.601890000005</v>
      </c>
      <c r="G2655">
        <v>33555.493600000002</v>
      </c>
      <c r="H2655">
        <v>34855.938629999997</v>
      </c>
      <c r="I2655">
        <v>26697.69715</v>
      </c>
      <c r="J2655">
        <v>40012.075049999999</v>
      </c>
      <c r="K2655">
        <v>47381.875569999997</v>
      </c>
      <c r="L2655">
        <v>30598.447329999999</v>
      </c>
      <c r="M2655">
        <v>228954.46400000001</v>
      </c>
      <c r="N2655">
        <v>70068.491339999993</v>
      </c>
      <c r="O2655">
        <v>20023.215029999999</v>
      </c>
      <c r="P2655">
        <v>31879.455379999999</v>
      </c>
      <c r="Q2655">
        <v>54144.970739999997</v>
      </c>
      <c r="R2655">
        <v>17327.27606</v>
      </c>
      <c r="S2655">
        <v>86298.459369999997</v>
      </c>
      <c r="T2655">
        <v>28044.241539999999</v>
      </c>
      <c r="U2655">
        <v>11100.379730000001</v>
      </c>
      <c r="W2655" s="83">
        <f>Bühler!N2687</f>
        <v>45402.541666660232</v>
      </c>
      <c r="X2655" s="83">
        <v>43211.541666666664</v>
      </c>
      <c r="Y2655">
        <v>165092.65359999999</v>
      </c>
      <c r="Z2655">
        <v>22645.92326</v>
      </c>
      <c r="AA2655">
        <v>83560.601890000005</v>
      </c>
      <c r="AB2655">
        <v>33555.493600000002</v>
      </c>
      <c r="AC2655">
        <v>34855.938629999997</v>
      </c>
      <c r="AD2655">
        <v>26697.69715</v>
      </c>
      <c r="AE2655">
        <v>40012.075049999999</v>
      </c>
      <c r="AF2655">
        <v>47381.875569999997</v>
      </c>
      <c r="AG2655">
        <v>30598.447329999999</v>
      </c>
      <c r="AH2655">
        <v>228954.46400000001</v>
      </c>
      <c r="AI2655">
        <v>70068.491339999993</v>
      </c>
      <c r="AJ2655">
        <v>20023.215029999999</v>
      </c>
      <c r="AK2655">
        <v>31879.455379999999</v>
      </c>
      <c r="AL2655">
        <v>54144.970739999997</v>
      </c>
      <c r="AM2655">
        <v>17327.27606</v>
      </c>
      <c r="AN2655">
        <v>86298.459369999997</v>
      </c>
      <c r="AO2655">
        <v>28044.241539999999</v>
      </c>
      <c r="AP2655">
        <v>11100.379730000001</v>
      </c>
    </row>
    <row r="2656" spans="2:42" x14ac:dyDescent="0.3">
      <c r="B2656">
        <v>44.743085743800478</v>
      </c>
      <c r="C2656" s="83">
        <v>43211.583333333336</v>
      </c>
      <c r="D2656">
        <v>163763.94089999999</v>
      </c>
      <c r="E2656">
        <v>23373.30816</v>
      </c>
      <c r="F2656">
        <v>84168.520409999997</v>
      </c>
      <c r="G2656">
        <v>33229.498950000001</v>
      </c>
      <c r="H2656">
        <v>34469.222560000002</v>
      </c>
      <c r="I2656">
        <v>27431.852640000001</v>
      </c>
      <c r="J2656">
        <v>39185.329210000004</v>
      </c>
      <c r="K2656">
        <v>47280.651890000001</v>
      </c>
      <c r="L2656">
        <v>28714.850900000001</v>
      </c>
      <c r="M2656">
        <v>228121.11670000001</v>
      </c>
      <c r="N2656">
        <v>68904.722959999999</v>
      </c>
      <c r="O2656">
        <v>19269.58899</v>
      </c>
      <c r="P2656">
        <v>30231.987349999999</v>
      </c>
      <c r="Q2656">
        <v>53193.601020000002</v>
      </c>
      <c r="R2656">
        <v>17768.950690000001</v>
      </c>
      <c r="S2656">
        <v>84064.928199999995</v>
      </c>
      <c r="T2656">
        <v>28087.626759999999</v>
      </c>
      <c r="U2656">
        <v>11544.94838</v>
      </c>
      <c r="W2656" s="83">
        <f>Bühler!N2688</f>
        <v>45402.583333326897</v>
      </c>
      <c r="X2656" s="83">
        <v>43211.583333333336</v>
      </c>
      <c r="Y2656">
        <v>163763.94089999999</v>
      </c>
      <c r="Z2656">
        <v>23373.30816</v>
      </c>
      <c r="AA2656">
        <v>84168.520409999997</v>
      </c>
      <c r="AB2656">
        <v>33229.498950000001</v>
      </c>
      <c r="AC2656">
        <v>34469.222560000002</v>
      </c>
      <c r="AD2656">
        <v>27431.852640000001</v>
      </c>
      <c r="AE2656">
        <v>39185.329210000004</v>
      </c>
      <c r="AF2656">
        <v>47280.651890000001</v>
      </c>
      <c r="AG2656">
        <v>28714.850900000001</v>
      </c>
      <c r="AH2656">
        <v>228121.11670000001</v>
      </c>
      <c r="AI2656">
        <v>68904.722959999999</v>
      </c>
      <c r="AJ2656">
        <v>19269.58899</v>
      </c>
      <c r="AK2656">
        <v>30231.987349999999</v>
      </c>
      <c r="AL2656">
        <v>53193.601020000002</v>
      </c>
      <c r="AM2656">
        <v>17768.950690000001</v>
      </c>
      <c r="AN2656">
        <v>84064.928199999995</v>
      </c>
      <c r="AO2656">
        <v>28087.626759999999</v>
      </c>
      <c r="AP2656">
        <v>11544.94838</v>
      </c>
    </row>
    <row r="2657" spans="2:42" x14ac:dyDescent="0.3">
      <c r="B2657">
        <v>44.304184013375071</v>
      </c>
      <c r="C2657" s="83">
        <v>43211.625</v>
      </c>
      <c r="D2657">
        <v>163565.34729999999</v>
      </c>
      <c r="E2657">
        <v>23219.85094</v>
      </c>
      <c r="F2657">
        <v>84488.687260000006</v>
      </c>
      <c r="G2657">
        <v>33006.32836</v>
      </c>
      <c r="H2657">
        <v>34243.903780000001</v>
      </c>
      <c r="I2657">
        <v>27684.25404</v>
      </c>
      <c r="J2657">
        <v>38917.207609999998</v>
      </c>
      <c r="K2657">
        <v>45887.040139999997</v>
      </c>
      <c r="L2657">
        <v>26342.465550000001</v>
      </c>
      <c r="M2657">
        <v>225883.391</v>
      </c>
      <c r="N2657">
        <v>68057.742209999997</v>
      </c>
      <c r="O2657">
        <v>19346.896339999999</v>
      </c>
      <c r="P2657">
        <v>27918.789550000001</v>
      </c>
      <c r="Q2657">
        <v>52591.427559999996</v>
      </c>
      <c r="R2657">
        <v>17761.88061</v>
      </c>
      <c r="S2657">
        <v>82411.308820000006</v>
      </c>
      <c r="T2657">
        <v>28164.486529999998</v>
      </c>
      <c r="U2657">
        <v>11550.48389</v>
      </c>
      <c r="W2657" s="83">
        <f>Bühler!N2689</f>
        <v>45402.624999993561</v>
      </c>
      <c r="X2657" s="83">
        <v>43211.625</v>
      </c>
      <c r="Y2657">
        <v>163565.34729999999</v>
      </c>
      <c r="Z2657">
        <v>23219.85094</v>
      </c>
      <c r="AA2657">
        <v>84488.687260000006</v>
      </c>
      <c r="AB2657">
        <v>33006.32836</v>
      </c>
      <c r="AC2657">
        <v>34243.903780000001</v>
      </c>
      <c r="AD2657">
        <v>27684.25404</v>
      </c>
      <c r="AE2657">
        <v>38917.207609999998</v>
      </c>
      <c r="AF2657">
        <v>45887.040139999997</v>
      </c>
      <c r="AG2657">
        <v>26342.465550000001</v>
      </c>
      <c r="AH2657">
        <v>225883.391</v>
      </c>
      <c r="AI2657">
        <v>68057.742209999997</v>
      </c>
      <c r="AJ2657">
        <v>19346.896339999999</v>
      </c>
      <c r="AK2657">
        <v>27918.789550000001</v>
      </c>
      <c r="AL2657">
        <v>52591.427559999996</v>
      </c>
      <c r="AM2657">
        <v>17761.88061</v>
      </c>
      <c r="AN2657">
        <v>82411.308820000006</v>
      </c>
      <c r="AO2657">
        <v>28164.486529999998</v>
      </c>
      <c r="AP2657">
        <v>11550.48389</v>
      </c>
    </row>
    <row r="2658" spans="2:42" x14ac:dyDescent="0.3">
      <c r="B2658">
        <v>43.148620201662197</v>
      </c>
      <c r="C2658" s="83">
        <v>43211.666666666664</v>
      </c>
      <c r="D2658">
        <v>162597.48329999999</v>
      </c>
      <c r="E2658">
        <v>23116.314129999999</v>
      </c>
      <c r="F2658">
        <v>83919.471099999995</v>
      </c>
      <c r="G2658">
        <v>32908.6198</v>
      </c>
      <c r="H2658">
        <v>34494.432820000002</v>
      </c>
      <c r="I2658">
        <v>27425.690549999999</v>
      </c>
      <c r="J2658">
        <v>38255.976349999997</v>
      </c>
      <c r="K2658">
        <v>44861.173990000003</v>
      </c>
      <c r="L2658">
        <v>25209.948420000001</v>
      </c>
      <c r="M2658">
        <v>219991.78779999999</v>
      </c>
      <c r="N2658">
        <v>67052.819900000002</v>
      </c>
      <c r="O2658">
        <v>19172.53527</v>
      </c>
      <c r="P2658">
        <v>28220.438340000001</v>
      </c>
      <c r="Q2658">
        <v>51968.692470000002</v>
      </c>
      <c r="R2658">
        <v>17480.11837</v>
      </c>
      <c r="S2658">
        <v>82375.718699999998</v>
      </c>
      <c r="T2658">
        <v>27607.943859999999</v>
      </c>
      <c r="U2658">
        <v>10708.27361</v>
      </c>
      <c r="W2658" s="83">
        <f>Bühler!N2690</f>
        <v>45402.666666660225</v>
      </c>
      <c r="X2658" s="83">
        <v>43211.666666666664</v>
      </c>
      <c r="Y2658">
        <v>162597.48329999999</v>
      </c>
      <c r="Z2658">
        <v>23116.314129999999</v>
      </c>
      <c r="AA2658">
        <v>83919.471099999995</v>
      </c>
      <c r="AB2658">
        <v>32908.6198</v>
      </c>
      <c r="AC2658">
        <v>34494.432820000002</v>
      </c>
      <c r="AD2658">
        <v>27425.690549999999</v>
      </c>
      <c r="AE2658">
        <v>38255.976349999997</v>
      </c>
      <c r="AF2658">
        <v>44861.173990000003</v>
      </c>
      <c r="AG2658">
        <v>25209.948420000001</v>
      </c>
      <c r="AH2658">
        <v>219991.78779999999</v>
      </c>
      <c r="AI2658">
        <v>67052.819900000002</v>
      </c>
      <c r="AJ2658">
        <v>19172.53527</v>
      </c>
      <c r="AK2658">
        <v>28220.438340000001</v>
      </c>
      <c r="AL2658">
        <v>51968.692470000002</v>
      </c>
      <c r="AM2658">
        <v>17480.11837</v>
      </c>
      <c r="AN2658">
        <v>82375.718699999998</v>
      </c>
      <c r="AO2658">
        <v>27607.943859999999</v>
      </c>
      <c r="AP2658">
        <v>10708.27361</v>
      </c>
    </row>
    <row r="2659" spans="2:42" x14ac:dyDescent="0.3">
      <c r="B2659">
        <v>42.363017408320296</v>
      </c>
      <c r="C2659" s="83">
        <v>43211.708333333336</v>
      </c>
      <c r="D2659">
        <v>159916.99460000001</v>
      </c>
      <c r="E2659">
        <v>22684.20234</v>
      </c>
      <c r="F2659">
        <v>83024.624190000002</v>
      </c>
      <c r="G2659">
        <v>32394.960190000002</v>
      </c>
      <c r="H2659">
        <v>33904.390079999997</v>
      </c>
      <c r="I2659">
        <v>27597.346369999999</v>
      </c>
      <c r="J2659">
        <v>39039.080829999999</v>
      </c>
      <c r="K2659">
        <v>43693.066570000003</v>
      </c>
      <c r="L2659">
        <v>25830.097610000001</v>
      </c>
      <c r="M2659">
        <v>215986.4184</v>
      </c>
      <c r="N2659">
        <v>64716.290330000003</v>
      </c>
      <c r="O2659">
        <v>19266.921760000001</v>
      </c>
      <c r="P2659">
        <v>29327.932659999999</v>
      </c>
      <c r="Q2659">
        <v>51035.643400000001</v>
      </c>
      <c r="R2659">
        <v>19462.413860000001</v>
      </c>
      <c r="S2659">
        <v>84166.487129999994</v>
      </c>
      <c r="T2659">
        <v>27397.266039999999</v>
      </c>
      <c r="U2659">
        <v>10812.71084</v>
      </c>
      <c r="W2659" s="83">
        <f>Bühler!N2691</f>
        <v>45402.708333326889</v>
      </c>
      <c r="X2659" s="83">
        <v>43211.708333333336</v>
      </c>
      <c r="Y2659">
        <v>159916.99460000001</v>
      </c>
      <c r="Z2659">
        <v>22684.20234</v>
      </c>
      <c r="AA2659">
        <v>83024.624190000002</v>
      </c>
      <c r="AB2659">
        <v>32394.960190000002</v>
      </c>
      <c r="AC2659">
        <v>33904.390079999997</v>
      </c>
      <c r="AD2659">
        <v>27597.346369999999</v>
      </c>
      <c r="AE2659">
        <v>39039.080829999999</v>
      </c>
      <c r="AF2659">
        <v>43693.066570000003</v>
      </c>
      <c r="AG2659">
        <v>25830.097610000001</v>
      </c>
      <c r="AH2659">
        <v>215986.4184</v>
      </c>
      <c r="AI2659">
        <v>64716.290330000003</v>
      </c>
      <c r="AJ2659">
        <v>19266.921760000001</v>
      </c>
      <c r="AK2659">
        <v>29327.932659999999</v>
      </c>
      <c r="AL2659">
        <v>51035.643400000001</v>
      </c>
      <c r="AM2659">
        <v>19462.413860000001</v>
      </c>
      <c r="AN2659">
        <v>84166.487129999994</v>
      </c>
      <c r="AO2659">
        <v>27397.266039999999</v>
      </c>
      <c r="AP2659">
        <v>10812.71084</v>
      </c>
    </row>
    <row r="2660" spans="2:42" x14ac:dyDescent="0.3">
      <c r="B2660">
        <v>41.844066880349338</v>
      </c>
      <c r="C2660" s="83">
        <v>43211.75</v>
      </c>
      <c r="D2660">
        <v>158387.31770000001</v>
      </c>
      <c r="E2660">
        <v>21813.853640000001</v>
      </c>
      <c r="F2660">
        <v>81997.185429999998</v>
      </c>
      <c r="G2660">
        <v>32458.762839999999</v>
      </c>
      <c r="H2660">
        <v>33651.215669999998</v>
      </c>
      <c r="I2660">
        <v>27195.64185</v>
      </c>
      <c r="J2660">
        <v>39683.31551</v>
      </c>
      <c r="K2660">
        <v>43092.378729999997</v>
      </c>
      <c r="L2660">
        <v>26635.343939999999</v>
      </c>
      <c r="M2660">
        <v>213340.56659999999</v>
      </c>
      <c r="N2660">
        <v>64586.653760000001</v>
      </c>
      <c r="O2660">
        <v>18798.56107</v>
      </c>
      <c r="P2660">
        <v>32790.976560000003</v>
      </c>
      <c r="Q2660">
        <v>49549.15191</v>
      </c>
      <c r="R2660">
        <v>17925.333340000001</v>
      </c>
      <c r="S2660">
        <v>82322.401570000002</v>
      </c>
      <c r="T2660">
        <v>26572.85226</v>
      </c>
      <c r="U2660">
        <v>11360.720209999999</v>
      </c>
      <c r="W2660" s="83">
        <f>Bühler!N2692</f>
        <v>45402.749999993554</v>
      </c>
      <c r="X2660" s="83">
        <v>43211.75</v>
      </c>
      <c r="Y2660">
        <v>158387.31770000001</v>
      </c>
      <c r="Z2660">
        <v>21813.853640000001</v>
      </c>
      <c r="AA2660">
        <v>81997.185429999998</v>
      </c>
      <c r="AB2660">
        <v>32458.762839999999</v>
      </c>
      <c r="AC2660">
        <v>33651.215669999998</v>
      </c>
      <c r="AD2660">
        <v>27195.64185</v>
      </c>
      <c r="AE2660">
        <v>39683.31551</v>
      </c>
      <c r="AF2660">
        <v>43092.378729999997</v>
      </c>
      <c r="AG2660">
        <v>26635.343939999999</v>
      </c>
      <c r="AH2660">
        <v>213340.56659999999</v>
      </c>
      <c r="AI2660">
        <v>64586.653760000001</v>
      </c>
      <c r="AJ2660">
        <v>18798.56107</v>
      </c>
      <c r="AK2660">
        <v>32790.976560000003</v>
      </c>
      <c r="AL2660">
        <v>49549.15191</v>
      </c>
      <c r="AM2660">
        <v>17925.333340000001</v>
      </c>
      <c r="AN2660">
        <v>82322.401570000002</v>
      </c>
      <c r="AO2660">
        <v>26572.85226</v>
      </c>
      <c r="AP2660">
        <v>11360.720209999999</v>
      </c>
    </row>
    <row r="2661" spans="2:42" x14ac:dyDescent="0.3">
      <c r="B2661">
        <v>41.239180372690825</v>
      </c>
      <c r="C2661" s="83">
        <v>43211.791666666664</v>
      </c>
      <c r="D2661">
        <v>156717.98329999999</v>
      </c>
      <c r="E2661">
        <v>18424.88265</v>
      </c>
      <c r="F2661">
        <v>71525.830860000002</v>
      </c>
      <c r="G2661">
        <v>32867.614300000001</v>
      </c>
      <c r="H2661">
        <v>33174.01152</v>
      </c>
      <c r="I2661">
        <v>26379.298480000001</v>
      </c>
      <c r="J2661">
        <v>39835.319799999997</v>
      </c>
      <c r="K2661">
        <v>44020.428209999998</v>
      </c>
      <c r="L2661">
        <v>28465.486209999999</v>
      </c>
      <c r="M2661">
        <v>210256.57310000001</v>
      </c>
      <c r="N2661">
        <v>64779.279150000002</v>
      </c>
      <c r="O2661">
        <v>18843.421849999999</v>
      </c>
      <c r="P2661">
        <v>34184.96989</v>
      </c>
      <c r="Q2661">
        <v>47936.199959999998</v>
      </c>
      <c r="R2661">
        <v>17310.99007</v>
      </c>
      <c r="S2661">
        <v>81049.251690000005</v>
      </c>
      <c r="T2661">
        <v>25801.157800000001</v>
      </c>
      <c r="U2661">
        <v>11531.70643</v>
      </c>
      <c r="W2661" s="83">
        <f>Bühler!N2693</f>
        <v>45402.791666660218</v>
      </c>
      <c r="X2661" s="83">
        <v>43211.791666666664</v>
      </c>
      <c r="Y2661">
        <v>156717.98329999999</v>
      </c>
      <c r="Z2661">
        <v>18424.88265</v>
      </c>
      <c r="AA2661">
        <v>71525.830860000002</v>
      </c>
      <c r="AB2661">
        <v>32867.614300000001</v>
      </c>
      <c r="AC2661">
        <v>33174.01152</v>
      </c>
      <c r="AD2661">
        <v>26379.298480000001</v>
      </c>
      <c r="AE2661">
        <v>39835.319799999997</v>
      </c>
      <c r="AF2661">
        <v>44020.428209999998</v>
      </c>
      <c r="AG2661">
        <v>28465.486209999999</v>
      </c>
      <c r="AH2661">
        <v>210256.57310000001</v>
      </c>
      <c r="AI2661">
        <v>64779.279150000002</v>
      </c>
      <c r="AJ2661">
        <v>18843.421849999999</v>
      </c>
      <c r="AK2661">
        <v>34184.96989</v>
      </c>
      <c r="AL2661">
        <v>47936.199959999998</v>
      </c>
      <c r="AM2661">
        <v>17310.99007</v>
      </c>
      <c r="AN2661">
        <v>81049.251690000005</v>
      </c>
      <c r="AO2661">
        <v>25801.157800000001</v>
      </c>
      <c r="AP2661">
        <v>11531.70643</v>
      </c>
    </row>
    <row r="2662" spans="2:42" x14ac:dyDescent="0.3">
      <c r="B2662">
        <v>41.009374069889851</v>
      </c>
      <c r="C2662" s="83">
        <v>43211.833333333336</v>
      </c>
      <c r="D2662">
        <v>156635.7537</v>
      </c>
      <c r="E2662">
        <v>14138.83332</v>
      </c>
      <c r="F2662">
        <v>54507.194929999998</v>
      </c>
      <c r="G2662">
        <v>33521.869409999999</v>
      </c>
      <c r="H2662">
        <v>32872.61606</v>
      </c>
      <c r="I2662">
        <v>25470.666430000001</v>
      </c>
      <c r="J2662">
        <v>41136.698450000004</v>
      </c>
      <c r="K2662">
        <v>44725.480689999997</v>
      </c>
      <c r="L2662">
        <v>28474.70897</v>
      </c>
      <c r="M2662">
        <v>209084.91339999999</v>
      </c>
      <c r="N2662">
        <v>64822.195209999998</v>
      </c>
      <c r="O2662">
        <v>20201.647120000001</v>
      </c>
      <c r="P2662">
        <v>35710.892050000002</v>
      </c>
      <c r="Q2662">
        <v>46009.579940000003</v>
      </c>
      <c r="R2662">
        <v>18181.87501</v>
      </c>
      <c r="S2662">
        <v>76782.946800000005</v>
      </c>
      <c r="T2662">
        <v>23961.94958</v>
      </c>
      <c r="U2662">
        <v>11420.80536</v>
      </c>
      <c r="W2662" s="83">
        <f>Bühler!N2694</f>
        <v>45402.833333326882</v>
      </c>
      <c r="X2662" s="83">
        <v>43211.833333333336</v>
      </c>
      <c r="Y2662">
        <v>156635.7537</v>
      </c>
      <c r="Z2662">
        <v>14138.83332</v>
      </c>
      <c r="AA2662">
        <v>54507.194929999998</v>
      </c>
      <c r="AB2662">
        <v>33521.869409999999</v>
      </c>
      <c r="AC2662">
        <v>32872.61606</v>
      </c>
      <c r="AD2662">
        <v>25470.666430000001</v>
      </c>
      <c r="AE2662">
        <v>41136.698450000004</v>
      </c>
      <c r="AF2662">
        <v>44725.480689999997</v>
      </c>
      <c r="AG2662">
        <v>28474.70897</v>
      </c>
      <c r="AH2662">
        <v>209084.91339999999</v>
      </c>
      <c r="AI2662">
        <v>64822.195209999998</v>
      </c>
      <c r="AJ2662">
        <v>20201.647120000001</v>
      </c>
      <c r="AK2662">
        <v>35710.892050000002</v>
      </c>
      <c r="AL2662">
        <v>46009.579940000003</v>
      </c>
      <c r="AM2662">
        <v>18181.87501</v>
      </c>
      <c r="AN2662">
        <v>76782.946800000005</v>
      </c>
      <c r="AO2662">
        <v>23961.94958</v>
      </c>
      <c r="AP2662">
        <v>11420.80536</v>
      </c>
    </row>
    <row r="2663" spans="2:42" x14ac:dyDescent="0.3">
      <c r="B2663">
        <v>41.189525499436748</v>
      </c>
      <c r="C2663" s="83">
        <v>43211.875</v>
      </c>
      <c r="D2663">
        <v>157697.10190000001</v>
      </c>
      <c r="E2663">
        <v>12678.397279999999</v>
      </c>
      <c r="F2663">
        <v>47227.42398</v>
      </c>
      <c r="G2663">
        <v>33677.455119999999</v>
      </c>
      <c r="H2663">
        <v>33928.565750000002</v>
      </c>
      <c r="I2663">
        <v>24046.007229999999</v>
      </c>
      <c r="J2663">
        <v>42726.414409999998</v>
      </c>
      <c r="K2663">
        <v>44946.634709999998</v>
      </c>
      <c r="L2663">
        <v>27543.975330000001</v>
      </c>
      <c r="M2663">
        <v>210003.4094</v>
      </c>
      <c r="N2663">
        <v>65445.303809999998</v>
      </c>
      <c r="O2663">
        <v>19702.528119999999</v>
      </c>
      <c r="P2663">
        <v>35067.039559999997</v>
      </c>
      <c r="Q2663">
        <v>45857.406139999999</v>
      </c>
      <c r="R2663">
        <v>17813.857339999999</v>
      </c>
      <c r="S2663">
        <v>76333.586169999995</v>
      </c>
      <c r="T2663">
        <v>23432.789219999999</v>
      </c>
      <c r="U2663">
        <v>11929.446840000001</v>
      </c>
      <c r="W2663" s="83">
        <f>Bühler!N2695</f>
        <v>45402.874999993546</v>
      </c>
      <c r="X2663" s="83">
        <v>43211.875</v>
      </c>
      <c r="Y2663">
        <v>157697.10190000001</v>
      </c>
      <c r="Z2663">
        <v>12678.397279999999</v>
      </c>
      <c r="AA2663">
        <v>47227.42398</v>
      </c>
      <c r="AB2663">
        <v>33677.455119999999</v>
      </c>
      <c r="AC2663">
        <v>33928.565750000002</v>
      </c>
      <c r="AD2663">
        <v>24046.007229999999</v>
      </c>
      <c r="AE2663">
        <v>42726.414409999998</v>
      </c>
      <c r="AF2663">
        <v>44946.634709999998</v>
      </c>
      <c r="AG2663">
        <v>27543.975330000001</v>
      </c>
      <c r="AH2663">
        <v>210003.4094</v>
      </c>
      <c r="AI2663">
        <v>65445.303809999998</v>
      </c>
      <c r="AJ2663">
        <v>19702.528119999999</v>
      </c>
      <c r="AK2663">
        <v>35067.039559999997</v>
      </c>
      <c r="AL2663">
        <v>45857.406139999999</v>
      </c>
      <c r="AM2663">
        <v>17813.857339999999</v>
      </c>
      <c r="AN2663">
        <v>76333.586169999995</v>
      </c>
      <c r="AO2663">
        <v>23432.789219999999</v>
      </c>
      <c r="AP2663">
        <v>11929.446840000001</v>
      </c>
    </row>
    <row r="2664" spans="2:42" x14ac:dyDescent="0.3">
      <c r="B2664">
        <v>41.214628185502711</v>
      </c>
      <c r="C2664" s="83">
        <v>43211.916666666664</v>
      </c>
      <c r="D2664">
        <v>157386.1384</v>
      </c>
      <c r="E2664">
        <v>12300.153190000001</v>
      </c>
      <c r="F2664">
        <v>44637.7935</v>
      </c>
      <c r="G2664">
        <v>33833.155160000002</v>
      </c>
      <c r="H2664">
        <v>34414.569369999997</v>
      </c>
      <c r="I2664">
        <v>23002.86219</v>
      </c>
      <c r="J2664">
        <v>41210.818019999999</v>
      </c>
      <c r="K2664">
        <v>48875.226669999996</v>
      </c>
      <c r="L2664">
        <v>24851.905559999999</v>
      </c>
      <c r="M2664">
        <v>210131.3946</v>
      </c>
      <c r="N2664">
        <v>64726.318550000004</v>
      </c>
      <c r="O2664">
        <v>20784.437689999999</v>
      </c>
      <c r="P2664">
        <v>38084.84562</v>
      </c>
      <c r="Q2664">
        <v>45482.002310000003</v>
      </c>
      <c r="R2664">
        <v>21302.15898</v>
      </c>
      <c r="S2664">
        <v>75846.384279999998</v>
      </c>
      <c r="T2664">
        <v>22988.50174</v>
      </c>
      <c r="U2664">
        <v>12876.20889</v>
      </c>
      <c r="W2664" s="83">
        <f>Bühler!N2696</f>
        <v>45402.91666666021</v>
      </c>
      <c r="X2664" s="83">
        <v>43211.916666666664</v>
      </c>
      <c r="Y2664">
        <v>157386.1384</v>
      </c>
      <c r="Z2664">
        <v>12300.153190000001</v>
      </c>
      <c r="AA2664">
        <v>44637.7935</v>
      </c>
      <c r="AB2664">
        <v>33833.155160000002</v>
      </c>
      <c r="AC2664">
        <v>34414.569369999997</v>
      </c>
      <c r="AD2664">
        <v>23002.86219</v>
      </c>
      <c r="AE2664">
        <v>41210.818019999999</v>
      </c>
      <c r="AF2664">
        <v>48875.226669999996</v>
      </c>
      <c r="AG2664">
        <v>24851.905559999999</v>
      </c>
      <c r="AH2664">
        <v>210131.3946</v>
      </c>
      <c r="AI2664">
        <v>64726.318550000004</v>
      </c>
      <c r="AJ2664">
        <v>20784.437689999999</v>
      </c>
      <c r="AK2664">
        <v>38084.84562</v>
      </c>
      <c r="AL2664">
        <v>45482.002310000003</v>
      </c>
      <c r="AM2664">
        <v>21302.15898</v>
      </c>
      <c r="AN2664">
        <v>75846.384279999998</v>
      </c>
      <c r="AO2664">
        <v>22988.50174</v>
      </c>
      <c r="AP2664">
        <v>12876.20889</v>
      </c>
    </row>
    <row r="2665" spans="2:42" x14ac:dyDescent="0.3">
      <c r="B2665">
        <v>41.143583017072494</v>
      </c>
      <c r="C2665" s="83">
        <v>43211.958333333336</v>
      </c>
      <c r="D2665">
        <v>156524.3266</v>
      </c>
      <c r="E2665">
        <v>11949.71847</v>
      </c>
      <c r="F2665">
        <v>43771.949410000001</v>
      </c>
      <c r="G2665">
        <v>33860.362179999996</v>
      </c>
      <c r="H2665">
        <v>34253.792580000001</v>
      </c>
      <c r="I2665">
        <v>22559.815589999998</v>
      </c>
      <c r="J2665">
        <v>38078.149669999999</v>
      </c>
      <c r="K2665">
        <v>49026.04578</v>
      </c>
      <c r="L2665">
        <v>21444.367770000001</v>
      </c>
      <c r="M2665">
        <v>209769.17319999999</v>
      </c>
      <c r="N2665">
        <v>64519.318209999998</v>
      </c>
      <c r="O2665">
        <v>20626.044870000002</v>
      </c>
      <c r="P2665">
        <v>32719.609639999999</v>
      </c>
      <c r="Q2665">
        <v>45426.685830000002</v>
      </c>
      <c r="R2665">
        <v>22706.532579999999</v>
      </c>
      <c r="S2665">
        <v>74119.219840000005</v>
      </c>
      <c r="T2665">
        <v>21361.50318</v>
      </c>
      <c r="U2665">
        <v>12614.845579999999</v>
      </c>
      <c r="W2665" s="83">
        <f>Bühler!N2697</f>
        <v>45402.958333326875</v>
      </c>
      <c r="X2665" s="83">
        <v>43211.958333333336</v>
      </c>
      <c r="Y2665">
        <v>156524.3266</v>
      </c>
      <c r="Z2665">
        <v>11949.71847</v>
      </c>
      <c r="AA2665">
        <v>43771.949410000001</v>
      </c>
      <c r="AB2665">
        <v>33860.362179999996</v>
      </c>
      <c r="AC2665">
        <v>34253.792580000001</v>
      </c>
      <c r="AD2665">
        <v>22559.815589999998</v>
      </c>
      <c r="AE2665">
        <v>38078.149669999999</v>
      </c>
      <c r="AF2665">
        <v>49026.04578</v>
      </c>
      <c r="AG2665">
        <v>21444.367770000001</v>
      </c>
      <c r="AH2665">
        <v>209769.17319999999</v>
      </c>
      <c r="AI2665">
        <v>64519.318209999998</v>
      </c>
      <c r="AJ2665">
        <v>20626.044870000002</v>
      </c>
      <c r="AK2665">
        <v>32719.609639999999</v>
      </c>
      <c r="AL2665">
        <v>45426.685830000002</v>
      </c>
      <c r="AM2665">
        <v>22706.532579999999</v>
      </c>
      <c r="AN2665">
        <v>74119.219840000005</v>
      </c>
      <c r="AO2665">
        <v>21361.50318</v>
      </c>
      <c r="AP2665">
        <v>12614.845579999999</v>
      </c>
    </row>
    <row r="2666" spans="2:42" x14ac:dyDescent="0.3">
      <c r="B2666">
        <v>40.741295532477025</v>
      </c>
      <c r="C2666" s="83">
        <v>43212</v>
      </c>
      <c r="D2666">
        <v>155714.69390000001</v>
      </c>
      <c r="E2666">
        <v>11734.47573</v>
      </c>
      <c r="F2666">
        <v>42790.247629999998</v>
      </c>
      <c r="G2666">
        <v>33871.876479999999</v>
      </c>
      <c r="H2666">
        <v>33682.202969999998</v>
      </c>
      <c r="I2666">
        <v>21035.201110000002</v>
      </c>
      <c r="J2666">
        <v>36117.851410000003</v>
      </c>
      <c r="K2666">
        <v>48515.249600000003</v>
      </c>
      <c r="L2666">
        <v>18607.521140000001</v>
      </c>
      <c r="M2666">
        <v>207718.12400000001</v>
      </c>
      <c r="N2666">
        <v>62508.608630000002</v>
      </c>
      <c r="O2666">
        <v>20679.370900000002</v>
      </c>
      <c r="P2666">
        <v>30427.314030000001</v>
      </c>
      <c r="Q2666">
        <v>44939.669379999999</v>
      </c>
      <c r="R2666">
        <v>18970.642240000001</v>
      </c>
      <c r="S2666">
        <v>73394.823759999999</v>
      </c>
      <c r="T2666">
        <v>21152.590660000002</v>
      </c>
      <c r="U2666">
        <v>12519.78544</v>
      </c>
      <c r="W2666" s="83">
        <f>Bühler!N2698</f>
        <v>45402.999999993539</v>
      </c>
      <c r="X2666" s="83">
        <v>43212</v>
      </c>
      <c r="Y2666">
        <v>155714.69390000001</v>
      </c>
      <c r="Z2666">
        <v>11734.47573</v>
      </c>
      <c r="AA2666">
        <v>42790.247629999998</v>
      </c>
      <c r="AB2666">
        <v>33871.876479999999</v>
      </c>
      <c r="AC2666">
        <v>33682.202969999998</v>
      </c>
      <c r="AD2666">
        <v>21035.201110000002</v>
      </c>
      <c r="AE2666">
        <v>36117.851410000003</v>
      </c>
      <c r="AF2666">
        <v>48515.249600000003</v>
      </c>
      <c r="AG2666">
        <v>18607.521140000001</v>
      </c>
      <c r="AH2666">
        <v>207718.12400000001</v>
      </c>
      <c r="AI2666">
        <v>62508.608630000002</v>
      </c>
      <c r="AJ2666">
        <v>20679.370900000002</v>
      </c>
      <c r="AK2666">
        <v>30427.314030000001</v>
      </c>
      <c r="AL2666">
        <v>44939.669379999999</v>
      </c>
      <c r="AM2666">
        <v>18970.642240000001</v>
      </c>
      <c r="AN2666">
        <v>73394.823759999999</v>
      </c>
      <c r="AO2666">
        <v>21152.590660000002</v>
      </c>
      <c r="AP2666">
        <v>12519.78544</v>
      </c>
    </row>
    <row r="2667" spans="2:42" x14ac:dyDescent="0.3">
      <c r="B2667">
        <v>40.348317317928</v>
      </c>
      <c r="C2667" s="83">
        <v>43212.041666666664</v>
      </c>
      <c r="D2667">
        <v>154898.54</v>
      </c>
      <c r="E2667">
        <v>11816.1721</v>
      </c>
      <c r="F2667">
        <v>42207.63852</v>
      </c>
      <c r="G2667">
        <v>33586.79664</v>
      </c>
      <c r="H2667">
        <v>33547.947469999999</v>
      </c>
      <c r="I2667">
        <v>17532.147929999999</v>
      </c>
      <c r="J2667">
        <v>35241.16893</v>
      </c>
      <c r="K2667">
        <v>46586.87156</v>
      </c>
      <c r="L2667">
        <v>16896.060860000001</v>
      </c>
      <c r="M2667">
        <v>205714.53779999999</v>
      </c>
      <c r="N2667">
        <v>61664.068630000002</v>
      </c>
      <c r="O2667">
        <v>20699.336220000001</v>
      </c>
      <c r="P2667">
        <v>27529.88781</v>
      </c>
      <c r="Q2667">
        <v>45818.4326</v>
      </c>
      <c r="R2667">
        <v>17846.952000000001</v>
      </c>
      <c r="S2667">
        <v>72655.929080000002</v>
      </c>
      <c r="T2667">
        <v>20736.502789999999</v>
      </c>
      <c r="U2667">
        <v>12025.657709999999</v>
      </c>
      <c r="W2667" s="83">
        <f>Bühler!N2699</f>
        <v>45403.041666660203</v>
      </c>
      <c r="X2667" s="83">
        <v>43212.041666666664</v>
      </c>
      <c r="Y2667">
        <v>154898.54</v>
      </c>
      <c r="Z2667">
        <v>11816.1721</v>
      </c>
      <c r="AA2667">
        <v>42207.63852</v>
      </c>
      <c r="AB2667">
        <v>33586.79664</v>
      </c>
      <c r="AC2667">
        <v>33547.947469999999</v>
      </c>
      <c r="AD2667">
        <v>17532.147929999999</v>
      </c>
      <c r="AE2667">
        <v>35241.16893</v>
      </c>
      <c r="AF2667">
        <v>46586.87156</v>
      </c>
      <c r="AG2667">
        <v>16896.060860000001</v>
      </c>
      <c r="AH2667">
        <v>205714.53779999999</v>
      </c>
      <c r="AI2667">
        <v>61664.068630000002</v>
      </c>
      <c r="AJ2667">
        <v>20699.336220000001</v>
      </c>
      <c r="AK2667">
        <v>27529.88781</v>
      </c>
      <c r="AL2667">
        <v>45818.4326</v>
      </c>
      <c r="AM2667">
        <v>17846.952000000001</v>
      </c>
      <c r="AN2667">
        <v>72655.929080000002</v>
      </c>
      <c r="AO2667">
        <v>20736.502789999999</v>
      </c>
      <c r="AP2667">
        <v>12025.657709999999</v>
      </c>
    </row>
    <row r="2668" spans="2:42" x14ac:dyDescent="0.3">
      <c r="B2668">
        <v>40.098649885679784</v>
      </c>
      <c r="C2668" s="83">
        <v>43212.083333333336</v>
      </c>
      <c r="D2668">
        <v>155433.45689999999</v>
      </c>
      <c r="E2668">
        <v>11729.583850000001</v>
      </c>
      <c r="F2668">
        <v>42574.97395</v>
      </c>
      <c r="G2668">
        <v>33265.83412</v>
      </c>
      <c r="H2668">
        <v>33036.67209</v>
      </c>
      <c r="I2668">
        <v>15415.70809</v>
      </c>
      <c r="J2668">
        <v>35144.64385</v>
      </c>
      <c r="K2668">
        <v>43947.442360000001</v>
      </c>
      <c r="L2668">
        <v>16287.17584</v>
      </c>
      <c r="M2668">
        <v>204441.61679999999</v>
      </c>
      <c r="N2668">
        <v>60927.774870000001</v>
      </c>
      <c r="O2668">
        <v>20793.855169999999</v>
      </c>
      <c r="P2668">
        <v>26464.845979999998</v>
      </c>
      <c r="Q2668">
        <v>47763.184439999997</v>
      </c>
      <c r="R2668">
        <v>17956.383000000002</v>
      </c>
      <c r="S2668">
        <v>72573.606159999996</v>
      </c>
      <c r="T2668">
        <v>20535.755249999998</v>
      </c>
      <c r="U2668">
        <v>11892.49489</v>
      </c>
      <c r="W2668" s="83">
        <f>Bühler!N2700</f>
        <v>45403.083333326867</v>
      </c>
      <c r="X2668" s="83">
        <v>43212.083333333336</v>
      </c>
      <c r="Y2668">
        <v>155433.45689999999</v>
      </c>
      <c r="Z2668">
        <v>11729.583850000001</v>
      </c>
      <c r="AA2668">
        <v>42574.97395</v>
      </c>
      <c r="AB2668">
        <v>33265.83412</v>
      </c>
      <c r="AC2668">
        <v>33036.67209</v>
      </c>
      <c r="AD2668">
        <v>15415.70809</v>
      </c>
      <c r="AE2668">
        <v>35144.64385</v>
      </c>
      <c r="AF2668">
        <v>43947.442360000001</v>
      </c>
      <c r="AG2668">
        <v>16287.17584</v>
      </c>
      <c r="AH2668">
        <v>204441.61679999999</v>
      </c>
      <c r="AI2668">
        <v>60927.774870000001</v>
      </c>
      <c r="AJ2668">
        <v>20793.855169999999</v>
      </c>
      <c r="AK2668">
        <v>26464.845979999998</v>
      </c>
      <c r="AL2668">
        <v>47763.184439999997</v>
      </c>
      <c r="AM2668">
        <v>17956.383000000002</v>
      </c>
      <c r="AN2668">
        <v>72573.606159999996</v>
      </c>
      <c r="AO2668">
        <v>20535.755249999998</v>
      </c>
      <c r="AP2668">
        <v>11892.49489</v>
      </c>
    </row>
    <row r="2669" spans="2:42" x14ac:dyDescent="0.3">
      <c r="B2669">
        <v>40.008464530092319</v>
      </c>
      <c r="C2669" s="83">
        <v>43212.125</v>
      </c>
      <c r="D2669">
        <v>155389.53390000001</v>
      </c>
      <c r="E2669">
        <v>11884.52319</v>
      </c>
      <c r="F2669">
        <v>42865.336759999998</v>
      </c>
      <c r="G2669">
        <v>32659.505509999999</v>
      </c>
      <c r="H2669">
        <v>33257.492740000002</v>
      </c>
      <c r="I2669">
        <v>14941.57667</v>
      </c>
      <c r="J2669">
        <v>36079.406490000001</v>
      </c>
      <c r="K2669">
        <v>42750.9283</v>
      </c>
      <c r="L2669">
        <v>15986.789489999999</v>
      </c>
      <c r="M2669">
        <v>203981.80979999999</v>
      </c>
      <c r="N2669">
        <v>60039.646240000002</v>
      </c>
      <c r="O2669">
        <v>21045.133839999999</v>
      </c>
      <c r="P2669">
        <v>26120.491409999999</v>
      </c>
      <c r="Q2669">
        <v>49237.17194</v>
      </c>
      <c r="R2669">
        <v>17542.536090000001</v>
      </c>
      <c r="S2669">
        <v>72203.086479999998</v>
      </c>
      <c r="T2669">
        <v>20405.4355</v>
      </c>
      <c r="U2669">
        <v>12308.88661</v>
      </c>
      <c r="W2669" s="83">
        <f>Bühler!N2701</f>
        <v>45403.124999993532</v>
      </c>
      <c r="X2669" s="83">
        <v>43212.125</v>
      </c>
      <c r="Y2669">
        <v>155389.53390000001</v>
      </c>
      <c r="Z2669">
        <v>11884.52319</v>
      </c>
      <c r="AA2669">
        <v>42865.336759999998</v>
      </c>
      <c r="AB2669">
        <v>32659.505509999999</v>
      </c>
      <c r="AC2669">
        <v>33257.492740000002</v>
      </c>
      <c r="AD2669">
        <v>14941.57667</v>
      </c>
      <c r="AE2669">
        <v>36079.406490000001</v>
      </c>
      <c r="AF2669">
        <v>42750.9283</v>
      </c>
      <c r="AG2669">
        <v>15986.789489999999</v>
      </c>
      <c r="AH2669">
        <v>203981.80979999999</v>
      </c>
      <c r="AI2669">
        <v>60039.646240000002</v>
      </c>
      <c r="AJ2669">
        <v>21045.133839999999</v>
      </c>
      <c r="AK2669">
        <v>26120.491409999999</v>
      </c>
      <c r="AL2669">
        <v>49237.17194</v>
      </c>
      <c r="AM2669">
        <v>17542.536090000001</v>
      </c>
      <c r="AN2669">
        <v>72203.086479999998</v>
      </c>
      <c r="AO2669">
        <v>20405.4355</v>
      </c>
      <c r="AP2669">
        <v>12308.88661</v>
      </c>
    </row>
    <row r="2670" spans="2:42" x14ac:dyDescent="0.3">
      <c r="B2670">
        <v>39.438711979978244</v>
      </c>
      <c r="C2670" s="83">
        <v>43212.166666666664</v>
      </c>
      <c r="D2670">
        <v>155067.7518</v>
      </c>
      <c r="E2670">
        <v>11906.36672</v>
      </c>
      <c r="F2670">
        <v>42838.911529999998</v>
      </c>
      <c r="G2670">
        <v>31942.408429999999</v>
      </c>
      <c r="H2670">
        <v>33256.930039999999</v>
      </c>
      <c r="I2670">
        <v>15267.361129999999</v>
      </c>
      <c r="J2670">
        <v>37030.480049999998</v>
      </c>
      <c r="K2670">
        <v>42285.365259999999</v>
      </c>
      <c r="L2670">
        <v>15530.60166</v>
      </c>
      <c r="M2670">
        <v>201076.94560000001</v>
      </c>
      <c r="N2670">
        <v>59401.46312</v>
      </c>
      <c r="O2670">
        <v>21285.182420000001</v>
      </c>
      <c r="P2670">
        <v>25127.081259999999</v>
      </c>
      <c r="Q2670">
        <v>49980.742989999999</v>
      </c>
      <c r="R2670">
        <v>17884.182659999999</v>
      </c>
      <c r="S2670">
        <v>72486.750920000006</v>
      </c>
      <c r="T2670">
        <v>20148.51425</v>
      </c>
      <c r="U2670">
        <v>12972.68907</v>
      </c>
      <c r="W2670" s="83">
        <f>Bühler!N2702</f>
        <v>45403.166666660196</v>
      </c>
      <c r="X2670" s="83">
        <v>43212.166666666664</v>
      </c>
      <c r="Y2670">
        <v>155067.7518</v>
      </c>
      <c r="Z2670">
        <v>11906.36672</v>
      </c>
      <c r="AA2670">
        <v>42838.911529999998</v>
      </c>
      <c r="AB2670">
        <v>31942.408429999999</v>
      </c>
      <c r="AC2670">
        <v>33256.930039999999</v>
      </c>
      <c r="AD2670">
        <v>15267.361129999999</v>
      </c>
      <c r="AE2670">
        <v>37030.480049999998</v>
      </c>
      <c r="AF2670">
        <v>42285.365259999999</v>
      </c>
      <c r="AG2670">
        <v>15530.60166</v>
      </c>
      <c r="AH2670">
        <v>201076.94560000001</v>
      </c>
      <c r="AI2670">
        <v>59401.46312</v>
      </c>
      <c r="AJ2670">
        <v>21285.182420000001</v>
      </c>
      <c r="AK2670">
        <v>25127.081259999999</v>
      </c>
      <c r="AL2670">
        <v>49980.742989999999</v>
      </c>
      <c r="AM2670">
        <v>17884.182659999999</v>
      </c>
      <c r="AN2670">
        <v>72486.750920000006</v>
      </c>
      <c r="AO2670">
        <v>20148.51425</v>
      </c>
      <c r="AP2670">
        <v>12972.68907</v>
      </c>
    </row>
    <row r="2671" spans="2:42" x14ac:dyDescent="0.3">
      <c r="B2671">
        <v>39.678210550352574</v>
      </c>
      <c r="C2671" s="83">
        <v>43212.208333333336</v>
      </c>
      <c r="D2671">
        <v>154825.5533</v>
      </c>
      <c r="E2671">
        <v>12120.123229999999</v>
      </c>
      <c r="F2671">
        <v>43896.631950000003</v>
      </c>
      <c r="G2671">
        <v>32188.1106</v>
      </c>
      <c r="H2671">
        <v>33717.671690000003</v>
      </c>
      <c r="I2671">
        <v>19417.88322</v>
      </c>
      <c r="J2671">
        <v>40162.570469999999</v>
      </c>
      <c r="K2671">
        <v>41544.011749999998</v>
      </c>
      <c r="L2671">
        <v>16043.28991</v>
      </c>
      <c r="M2671">
        <v>202298.02100000001</v>
      </c>
      <c r="N2671">
        <v>56868.900629999996</v>
      </c>
      <c r="O2671">
        <v>21786.260709999999</v>
      </c>
      <c r="P2671">
        <v>25772.114730000001</v>
      </c>
      <c r="Q2671">
        <v>50224.338159999999</v>
      </c>
      <c r="R2671">
        <v>20092.378990000001</v>
      </c>
      <c r="S2671">
        <v>73891.338250000001</v>
      </c>
      <c r="T2671">
        <v>20387.574379999998</v>
      </c>
      <c r="U2671">
        <v>13242.46385</v>
      </c>
      <c r="W2671" s="83">
        <f>Bühler!N2703</f>
        <v>45403.20833332686</v>
      </c>
      <c r="X2671" s="83">
        <v>43212.208333333336</v>
      </c>
      <c r="Y2671">
        <v>154825.5533</v>
      </c>
      <c r="Z2671">
        <v>12120.123229999999</v>
      </c>
      <c r="AA2671">
        <v>43896.631950000003</v>
      </c>
      <c r="AB2671">
        <v>32188.1106</v>
      </c>
      <c r="AC2671">
        <v>33717.671690000003</v>
      </c>
      <c r="AD2671">
        <v>19417.88322</v>
      </c>
      <c r="AE2671">
        <v>40162.570469999999</v>
      </c>
      <c r="AF2671">
        <v>41544.011749999998</v>
      </c>
      <c r="AG2671">
        <v>16043.28991</v>
      </c>
      <c r="AH2671">
        <v>202298.02100000001</v>
      </c>
      <c r="AI2671">
        <v>56868.900629999996</v>
      </c>
      <c r="AJ2671">
        <v>21786.260709999999</v>
      </c>
      <c r="AK2671">
        <v>25772.114730000001</v>
      </c>
      <c r="AL2671">
        <v>50224.338159999999</v>
      </c>
      <c r="AM2671">
        <v>20092.378990000001</v>
      </c>
      <c r="AN2671">
        <v>73891.338250000001</v>
      </c>
      <c r="AO2671">
        <v>20387.574379999998</v>
      </c>
      <c r="AP2671">
        <v>13242.46385</v>
      </c>
    </row>
    <row r="2672" spans="2:42" x14ac:dyDescent="0.3">
      <c r="B2672">
        <v>39.661330434994781</v>
      </c>
      <c r="C2672" s="83">
        <v>43212.25</v>
      </c>
      <c r="D2672">
        <v>154821.4278</v>
      </c>
      <c r="E2672">
        <v>12534.73695</v>
      </c>
      <c r="F2672">
        <v>47129.27061</v>
      </c>
      <c r="G2672">
        <v>32702.663100000002</v>
      </c>
      <c r="H2672">
        <v>33014.178209999998</v>
      </c>
      <c r="I2672">
        <v>22018.035159999999</v>
      </c>
      <c r="J2672">
        <v>43241.028420000002</v>
      </c>
      <c r="K2672">
        <v>41031.742969999999</v>
      </c>
      <c r="L2672">
        <v>16677.24278</v>
      </c>
      <c r="M2672">
        <v>202211.9583</v>
      </c>
      <c r="N2672">
        <v>58718.197249999997</v>
      </c>
      <c r="O2672">
        <v>21020.99526</v>
      </c>
      <c r="P2672">
        <v>27786.6358</v>
      </c>
      <c r="Q2672">
        <v>49380.190349999997</v>
      </c>
      <c r="R2672">
        <v>15197.45563</v>
      </c>
      <c r="S2672">
        <v>78362.425870000006</v>
      </c>
      <c r="T2672">
        <v>21253.13365</v>
      </c>
      <c r="U2672">
        <v>12487.03146</v>
      </c>
      <c r="W2672" s="83">
        <f>Bühler!N2704</f>
        <v>45403.249999993524</v>
      </c>
      <c r="X2672" s="83">
        <v>43212.25</v>
      </c>
      <c r="Y2672">
        <v>154821.4278</v>
      </c>
      <c r="Z2672">
        <v>12534.73695</v>
      </c>
      <c r="AA2672">
        <v>47129.27061</v>
      </c>
      <c r="AB2672">
        <v>32702.663100000002</v>
      </c>
      <c r="AC2672">
        <v>33014.178209999998</v>
      </c>
      <c r="AD2672">
        <v>22018.035159999999</v>
      </c>
      <c r="AE2672">
        <v>43241.028420000002</v>
      </c>
      <c r="AF2672">
        <v>41031.742969999999</v>
      </c>
      <c r="AG2672">
        <v>16677.24278</v>
      </c>
      <c r="AH2672">
        <v>202211.9583</v>
      </c>
      <c r="AI2672">
        <v>58718.197249999997</v>
      </c>
      <c r="AJ2672">
        <v>21020.99526</v>
      </c>
      <c r="AK2672">
        <v>27786.6358</v>
      </c>
      <c r="AL2672">
        <v>49380.190349999997</v>
      </c>
      <c r="AM2672">
        <v>15197.45563</v>
      </c>
      <c r="AN2672">
        <v>78362.425870000006</v>
      </c>
      <c r="AO2672">
        <v>21253.13365</v>
      </c>
      <c r="AP2672">
        <v>12487.03146</v>
      </c>
    </row>
    <row r="2673" spans="2:42" x14ac:dyDescent="0.3">
      <c r="B2673">
        <v>39.761912171855542</v>
      </c>
      <c r="C2673" s="83">
        <v>43212.291666666664</v>
      </c>
      <c r="D2673">
        <v>154472.04430000001</v>
      </c>
      <c r="E2673">
        <v>12857.87637</v>
      </c>
      <c r="F2673">
        <v>49045.24639</v>
      </c>
      <c r="G2673">
        <v>32533.884610000001</v>
      </c>
      <c r="H2673">
        <v>32556.010109999999</v>
      </c>
      <c r="I2673">
        <v>23091.156640000001</v>
      </c>
      <c r="J2673">
        <v>42335.633990000002</v>
      </c>
      <c r="K2673">
        <v>39938.146059999999</v>
      </c>
      <c r="L2673">
        <v>18063.848249999999</v>
      </c>
      <c r="M2673">
        <v>202724.7709</v>
      </c>
      <c r="N2673">
        <v>58206.191140000003</v>
      </c>
      <c r="O2673">
        <v>20842.791929999999</v>
      </c>
      <c r="P2673">
        <v>30198.757239999999</v>
      </c>
      <c r="Q2673">
        <v>48083.042659999999</v>
      </c>
      <c r="R2673">
        <v>13769.36392</v>
      </c>
      <c r="S2673">
        <v>82867.708010000002</v>
      </c>
      <c r="T2673">
        <v>22142.948530000001</v>
      </c>
      <c r="U2673">
        <v>11724.085499999999</v>
      </c>
      <c r="W2673" s="83">
        <f>Bühler!N2705</f>
        <v>45403.291666660189</v>
      </c>
      <c r="X2673" s="83">
        <v>43212.291666666664</v>
      </c>
      <c r="Y2673">
        <v>154472.04430000001</v>
      </c>
      <c r="Z2673">
        <v>12857.87637</v>
      </c>
      <c r="AA2673">
        <v>49045.24639</v>
      </c>
      <c r="AB2673">
        <v>32533.884610000001</v>
      </c>
      <c r="AC2673">
        <v>32556.010109999999</v>
      </c>
      <c r="AD2673">
        <v>23091.156640000001</v>
      </c>
      <c r="AE2673">
        <v>42335.633990000002</v>
      </c>
      <c r="AF2673">
        <v>39938.146059999999</v>
      </c>
      <c r="AG2673">
        <v>18063.848249999999</v>
      </c>
      <c r="AH2673">
        <v>202724.7709</v>
      </c>
      <c r="AI2673">
        <v>58206.191140000003</v>
      </c>
      <c r="AJ2673">
        <v>20842.791929999999</v>
      </c>
      <c r="AK2673">
        <v>30198.757239999999</v>
      </c>
      <c r="AL2673">
        <v>48083.042659999999</v>
      </c>
      <c r="AM2673">
        <v>13769.36392</v>
      </c>
      <c r="AN2673">
        <v>82867.708010000002</v>
      </c>
      <c r="AO2673">
        <v>22142.948530000001</v>
      </c>
      <c r="AP2673">
        <v>11724.085499999999</v>
      </c>
    </row>
    <row r="2674" spans="2:42" x14ac:dyDescent="0.3">
      <c r="B2674">
        <v>39.564617743975845</v>
      </c>
      <c r="C2674" s="83">
        <v>43212.333333333336</v>
      </c>
      <c r="D2674">
        <v>153804.8487</v>
      </c>
      <c r="E2674">
        <v>13761.18146</v>
      </c>
      <c r="F2674">
        <v>50284.499020000003</v>
      </c>
      <c r="G2674">
        <v>32442.671470000001</v>
      </c>
      <c r="H2674">
        <v>32270.70491</v>
      </c>
      <c r="I2674">
        <v>23048.4483</v>
      </c>
      <c r="J2674">
        <v>43127.085339999998</v>
      </c>
      <c r="K2674">
        <v>40747.00763</v>
      </c>
      <c r="L2674">
        <v>20374.093049999999</v>
      </c>
      <c r="M2674">
        <v>201718.8719</v>
      </c>
      <c r="N2674">
        <v>58884.321649999998</v>
      </c>
      <c r="O2674">
        <v>20255.45246</v>
      </c>
      <c r="P2674">
        <v>32617.447560000001</v>
      </c>
      <c r="Q2674">
        <v>47667.356419999996</v>
      </c>
      <c r="R2674">
        <v>14581.307269999999</v>
      </c>
      <c r="S2674">
        <v>85319.741899999994</v>
      </c>
      <c r="T2674">
        <v>24227.314969999999</v>
      </c>
      <c r="U2674">
        <v>11979.750480000001</v>
      </c>
      <c r="W2674" s="83">
        <f>Bühler!N2706</f>
        <v>45403.333333326853</v>
      </c>
      <c r="X2674" s="83">
        <v>43212.333333333336</v>
      </c>
      <c r="Y2674">
        <v>153804.8487</v>
      </c>
      <c r="Z2674">
        <v>13761.18146</v>
      </c>
      <c r="AA2674">
        <v>50284.499020000003</v>
      </c>
      <c r="AB2674">
        <v>32442.671470000001</v>
      </c>
      <c r="AC2674">
        <v>32270.70491</v>
      </c>
      <c r="AD2674">
        <v>23048.4483</v>
      </c>
      <c r="AE2674">
        <v>43127.085339999998</v>
      </c>
      <c r="AF2674">
        <v>40747.00763</v>
      </c>
      <c r="AG2674">
        <v>20374.093049999999</v>
      </c>
      <c r="AH2674">
        <v>201718.8719</v>
      </c>
      <c r="AI2674">
        <v>58884.321649999998</v>
      </c>
      <c r="AJ2674">
        <v>20255.45246</v>
      </c>
      <c r="AK2674">
        <v>32617.447560000001</v>
      </c>
      <c r="AL2674">
        <v>47667.356419999996</v>
      </c>
      <c r="AM2674">
        <v>14581.307269999999</v>
      </c>
      <c r="AN2674">
        <v>85319.741899999994</v>
      </c>
      <c r="AO2674">
        <v>24227.314969999999</v>
      </c>
      <c r="AP2674">
        <v>11979.750480000001</v>
      </c>
    </row>
    <row r="2675" spans="2:42" x14ac:dyDescent="0.3">
      <c r="B2675">
        <v>39.018124129401691</v>
      </c>
      <c r="C2675" s="83">
        <v>43212.375</v>
      </c>
      <c r="D2675">
        <v>152825.43979999999</v>
      </c>
      <c r="E2675">
        <v>14391.938700000001</v>
      </c>
      <c r="F2675">
        <v>54177.81594</v>
      </c>
      <c r="G2675">
        <v>32590.972580000001</v>
      </c>
      <c r="H2675">
        <v>33034.20061</v>
      </c>
      <c r="I2675">
        <v>22895.35528</v>
      </c>
      <c r="J2675">
        <v>43539.74063</v>
      </c>
      <c r="K2675">
        <v>42968.248829999997</v>
      </c>
      <c r="L2675">
        <v>23690.687620000001</v>
      </c>
      <c r="M2675">
        <v>198932.5926</v>
      </c>
      <c r="N2675">
        <v>61888.200089999998</v>
      </c>
      <c r="O2675">
        <v>20613.278730000002</v>
      </c>
      <c r="P2675">
        <v>35476.111620000003</v>
      </c>
      <c r="Q2675">
        <v>47506.999300000003</v>
      </c>
      <c r="R2675">
        <v>15439.28995</v>
      </c>
      <c r="S2675">
        <v>87190.016329999999</v>
      </c>
      <c r="T2675">
        <v>25812.14544</v>
      </c>
      <c r="U2675">
        <v>11896.26345</v>
      </c>
      <c r="W2675" s="83">
        <f>Bühler!N2707</f>
        <v>45403.374999993517</v>
      </c>
      <c r="X2675" s="83">
        <v>43212.375</v>
      </c>
      <c r="Y2675">
        <v>152825.43979999999</v>
      </c>
      <c r="Z2675">
        <v>14391.938700000001</v>
      </c>
      <c r="AA2675">
        <v>54177.81594</v>
      </c>
      <c r="AB2675">
        <v>32590.972580000001</v>
      </c>
      <c r="AC2675">
        <v>33034.20061</v>
      </c>
      <c r="AD2675">
        <v>22895.35528</v>
      </c>
      <c r="AE2675">
        <v>43539.74063</v>
      </c>
      <c r="AF2675">
        <v>42968.248829999997</v>
      </c>
      <c r="AG2675">
        <v>23690.687620000001</v>
      </c>
      <c r="AH2675">
        <v>198932.5926</v>
      </c>
      <c r="AI2675">
        <v>61888.200089999998</v>
      </c>
      <c r="AJ2675">
        <v>20613.278730000002</v>
      </c>
      <c r="AK2675">
        <v>35476.111620000003</v>
      </c>
      <c r="AL2675">
        <v>47506.999300000003</v>
      </c>
      <c r="AM2675">
        <v>15439.28995</v>
      </c>
      <c r="AN2675">
        <v>87190.016329999999</v>
      </c>
      <c r="AO2675">
        <v>25812.14544</v>
      </c>
      <c r="AP2675">
        <v>11896.26345</v>
      </c>
    </row>
    <row r="2676" spans="2:42" x14ac:dyDescent="0.3">
      <c r="B2676">
        <v>38.683479025253455</v>
      </c>
      <c r="C2676" s="83">
        <v>43212.416666666664</v>
      </c>
      <c r="D2676">
        <v>151666.51199999999</v>
      </c>
      <c r="E2676">
        <v>15040.971079999999</v>
      </c>
      <c r="F2676">
        <v>54918.918799999999</v>
      </c>
      <c r="G2676">
        <v>32212.127550000001</v>
      </c>
      <c r="H2676">
        <v>32877.603620000002</v>
      </c>
      <c r="I2676">
        <v>22738.702949999999</v>
      </c>
      <c r="J2676">
        <v>42568.187319999997</v>
      </c>
      <c r="K2676">
        <v>44357.200069999999</v>
      </c>
      <c r="L2676">
        <v>26140.246940000001</v>
      </c>
      <c r="M2676">
        <v>197226.41579999999</v>
      </c>
      <c r="N2676">
        <v>62893.999129999997</v>
      </c>
      <c r="O2676">
        <v>20685.951290000001</v>
      </c>
      <c r="P2676">
        <v>36601.561629999997</v>
      </c>
      <c r="Q2676">
        <v>47807.205620000001</v>
      </c>
      <c r="R2676">
        <v>15680.222680000001</v>
      </c>
      <c r="S2676">
        <v>86496.916809999995</v>
      </c>
      <c r="T2676">
        <v>27706.351490000001</v>
      </c>
      <c r="U2676">
        <v>11364.37732</v>
      </c>
      <c r="W2676" s="83">
        <f>Bühler!N2708</f>
        <v>45403.416666660181</v>
      </c>
      <c r="X2676" s="83">
        <v>43212.416666666664</v>
      </c>
      <c r="Y2676">
        <v>151666.51199999999</v>
      </c>
      <c r="Z2676">
        <v>15040.971079999999</v>
      </c>
      <c r="AA2676">
        <v>54918.918799999999</v>
      </c>
      <c r="AB2676">
        <v>32212.127550000001</v>
      </c>
      <c r="AC2676">
        <v>32877.603620000002</v>
      </c>
      <c r="AD2676">
        <v>22738.702949999999</v>
      </c>
      <c r="AE2676">
        <v>42568.187319999997</v>
      </c>
      <c r="AF2676">
        <v>44357.200069999999</v>
      </c>
      <c r="AG2676">
        <v>26140.246940000001</v>
      </c>
      <c r="AH2676">
        <v>197226.41579999999</v>
      </c>
      <c r="AI2676">
        <v>62893.999129999997</v>
      </c>
      <c r="AJ2676">
        <v>20685.951290000001</v>
      </c>
      <c r="AK2676">
        <v>36601.561629999997</v>
      </c>
      <c r="AL2676">
        <v>47807.205620000001</v>
      </c>
      <c r="AM2676">
        <v>15680.222680000001</v>
      </c>
      <c r="AN2676">
        <v>86496.916809999995</v>
      </c>
      <c r="AO2676">
        <v>27706.351490000001</v>
      </c>
      <c r="AP2676">
        <v>11364.37732</v>
      </c>
    </row>
    <row r="2677" spans="2:42" x14ac:dyDescent="0.3">
      <c r="B2677">
        <v>38.763768777611219</v>
      </c>
      <c r="C2677" s="83">
        <v>43212.458333333336</v>
      </c>
      <c r="D2677">
        <v>151013.30119999999</v>
      </c>
      <c r="E2677">
        <v>14989.443579999999</v>
      </c>
      <c r="F2677">
        <v>55125.632400000002</v>
      </c>
      <c r="G2677">
        <v>32616.257000000001</v>
      </c>
      <c r="H2677">
        <v>33176.767800000001</v>
      </c>
      <c r="I2677">
        <v>22563.802019999999</v>
      </c>
      <c r="J2677">
        <v>41669.628129999997</v>
      </c>
      <c r="K2677">
        <v>45848.863559999998</v>
      </c>
      <c r="L2677">
        <v>27211.694630000002</v>
      </c>
      <c r="M2677">
        <v>197635.77040000001</v>
      </c>
      <c r="N2677">
        <v>64540.555849999997</v>
      </c>
      <c r="O2677">
        <v>20438.153269999999</v>
      </c>
      <c r="P2677">
        <v>36417.07314</v>
      </c>
      <c r="Q2677">
        <v>47418.798519999997</v>
      </c>
      <c r="R2677">
        <v>17916.8675</v>
      </c>
      <c r="S2677">
        <v>88736.513609999995</v>
      </c>
      <c r="T2677">
        <v>27835.316859999999</v>
      </c>
      <c r="U2677">
        <v>10870.002640000001</v>
      </c>
      <c r="W2677" s="83">
        <f>Bühler!N2709</f>
        <v>45403.458333326846</v>
      </c>
      <c r="X2677" s="83">
        <v>43212.458333333336</v>
      </c>
      <c r="Y2677">
        <v>151013.30119999999</v>
      </c>
      <c r="Z2677">
        <v>14989.443579999999</v>
      </c>
      <c r="AA2677">
        <v>55125.632400000002</v>
      </c>
      <c r="AB2677">
        <v>32616.257000000001</v>
      </c>
      <c r="AC2677">
        <v>33176.767800000001</v>
      </c>
      <c r="AD2677">
        <v>22563.802019999999</v>
      </c>
      <c r="AE2677">
        <v>41669.628129999997</v>
      </c>
      <c r="AF2677">
        <v>45848.863559999998</v>
      </c>
      <c r="AG2677">
        <v>27211.694630000002</v>
      </c>
      <c r="AH2677">
        <v>197635.77040000001</v>
      </c>
      <c r="AI2677">
        <v>64540.555849999997</v>
      </c>
      <c r="AJ2677">
        <v>20438.153269999999</v>
      </c>
      <c r="AK2677">
        <v>36417.07314</v>
      </c>
      <c r="AL2677">
        <v>47418.798519999997</v>
      </c>
      <c r="AM2677">
        <v>17916.8675</v>
      </c>
      <c r="AN2677">
        <v>88736.513609999995</v>
      </c>
      <c r="AO2677">
        <v>27835.316859999999</v>
      </c>
      <c r="AP2677">
        <v>10870.002640000001</v>
      </c>
    </row>
    <row r="2678" spans="2:42" x14ac:dyDescent="0.3">
      <c r="B2678">
        <v>38.843433753852722</v>
      </c>
      <c r="C2678" s="83">
        <v>43212.5</v>
      </c>
      <c r="D2678">
        <v>151343.71400000001</v>
      </c>
      <c r="E2678">
        <v>14812.535260000001</v>
      </c>
      <c r="F2678">
        <v>52430.089809999998</v>
      </c>
      <c r="G2678">
        <v>32432.59535</v>
      </c>
      <c r="H2678">
        <v>32867.77923</v>
      </c>
      <c r="I2678">
        <v>22742.834610000002</v>
      </c>
      <c r="J2678">
        <v>42159.805390000001</v>
      </c>
      <c r="K2678">
        <v>45303.801019999999</v>
      </c>
      <c r="L2678">
        <v>28562.097109999999</v>
      </c>
      <c r="M2678">
        <v>198041.93960000001</v>
      </c>
      <c r="N2678">
        <v>62947.100270000003</v>
      </c>
      <c r="O2678">
        <v>19772.198909999999</v>
      </c>
      <c r="P2678">
        <v>35764.805639999999</v>
      </c>
      <c r="Q2678">
        <v>45464.890529999997</v>
      </c>
      <c r="R2678">
        <v>16539.918679999999</v>
      </c>
      <c r="S2678">
        <v>83881.560490000003</v>
      </c>
      <c r="T2678">
        <v>27142.966789999999</v>
      </c>
      <c r="U2678">
        <v>10540.657300000001</v>
      </c>
      <c r="W2678" s="83">
        <f>Bühler!N2710</f>
        <v>45403.49999999351</v>
      </c>
      <c r="X2678" s="83">
        <v>43212.5</v>
      </c>
      <c r="Y2678">
        <v>151343.71400000001</v>
      </c>
      <c r="Z2678">
        <v>14812.535260000001</v>
      </c>
      <c r="AA2678">
        <v>52430.089809999998</v>
      </c>
      <c r="AB2678">
        <v>32432.59535</v>
      </c>
      <c r="AC2678">
        <v>32867.77923</v>
      </c>
      <c r="AD2678">
        <v>22742.834610000002</v>
      </c>
      <c r="AE2678">
        <v>42159.805390000001</v>
      </c>
      <c r="AF2678">
        <v>45303.801019999999</v>
      </c>
      <c r="AG2678">
        <v>28562.097109999999</v>
      </c>
      <c r="AH2678">
        <v>198041.93960000001</v>
      </c>
      <c r="AI2678">
        <v>62947.100270000003</v>
      </c>
      <c r="AJ2678">
        <v>19772.198909999999</v>
      </c>
      <c r="AK2678">
        <v>35764.805639999999</v>
      </c>
      <c r="AL2678">
        <v>45464.890529999997</v>
      </c>
      <c r="AM2678">
        <v>16539.918679999999</v>
      </c>
      <c r="AN2678">
        <v>83881.560490000003</v>
      </c>
      <c r="AO2678">
        <v>27142.966789999999</v>
      </c>
      <c r="AP2678">
        <v>10540.657300000001</v>
      </c>
    </row>
    <row r="2679" spans="2:42" x14ac:dyDescent="0.3">
      <c r="B2679">
        <v>38.872875156410345</v>
      </c>
      <c r="C2679" s="83">
        <v>43212.541666666664</v>
      </c>
      <c r="D2679">
        <v>151202.24470000001</v>
      </c>
      <c r="E2679">
        <v>14420.256299999999</v>
      </c>
      <c r="F2679">
        <v>43220.987990000001</v>
      </c>
      <c r="G2679">
        <v>32144.127949999998</v>
      </c>
      <c r="H2679">
        <v>32360.583610000001</v>
      </c>
      <c r="I2679">
        <v>23248.959080000001</v>
      </c>
      <c r="J2679">
        <v>40793.948750000003</v>
      </c>
      <c r="K2679">
        <v>44332.402099999999</v>
      </c>
      <c r="L2679">
        <v>28680.465810000002</v>
      </c>
      <c r="M2679">
        <v>198192.04560000001</v>
      </c>
      <c r="N2679">
        <v>62018.221660000003</v>
      </c>
      <c r="O2679">
        <v>19142.190190000001</v>
      </c>
      <c r="P2679">
        <v>34417.503980000001</v>
      </c>
      <c r="Q2679">
        <v>44378.203679999999</v>
      </c>
      <c r="R2679">
        <v>16354.113649999999</v>
      </c>
      <c r="S2679">
        <v>84302.181670000005</v>
      </c>
      <c r="T2679">
        <v>27178.161410000001</v>
      </c>
      <c r="U2679">
        <v>11051.139429999999</v>
      </c>
      <c r="W2679" s="83">
        <f>Bühler!N2711</f>
        <v>45403.541666660174</v>
      </c>
      <c r="X2679" s="83">
        <v>43212.541666666664</v>
      </c>
      <c r="Y2679">
        <v>151202.24470000001</v>
      </c>
      <c r="Z2679">
        <v>14420.256299999999</v>
      </c>
      <c r="AA2679">
        <v>43220.987990000001</v>
      </c>
      <c r="AB2679">
        <v>32144.127949999998</v>
      </c>
      <c r="AC2679">
        <v>32360.583610000001</v>
      </c>
      <c r="AD2679">
        <v>23248.959080000001</v>
      </c>
      <c r="AE2679">
        <v>40793.948750000003</v>
      </c>
      <c r="AF2679">
        <v>44332.402099999999</v>
      </c>
      <c r="AG2679">
        <v>28680.465810000002</v>
      </c>
      <c r="AH2679">
        <v>198192.04560000001</v>
      </c>
      <c r="AI2679">
        <v>62018.221660000003</v>
      </c>
      <c r="AJ2679">
        <v>19142.190190000001</v>
      </c>
      <c r="AK2679">
        <v>34417.503980000001</v>
      </c>
      <c r="AL2679">
        <v>44378.203679999999</v>
      </c>
      <c r="AM2679">
        <v>16354.113649999999</v>
      </c>
      <c r="AN2679">
        <v>84302.181670000005</v>
      </c>
      <c r="AO2679">
        <v>27178.161410000001</v>
      </c>
      <c r="AP2679">
        <v>11051.139429999999</v>
      </c>
    </row>
    <row r="2680" spans="2:42" x14ac:dyDescent="0.3">
      <c r="B2680">
        <v>39.000450991254539</v>
      </c>
      <c r="C2680" s="83">
        <v>43212.583333333336</v>
      </c>
      <c r="D2680">
        <v>151543.28260000001</v>
      </c>
      <c r="E2680">
        <v>14737.718220000001</v>
      </c>
      <c r="F2680">
        <v>43014.079940000003</v>
      </c>
      <c r="G2680">
        <v>31922.63768</v>
      </c>
      <c r="H2680">
        <v>31968.713019999999</v>
      </c>
      <c r="I2680">
        <v>22925.750110000001</v>
      </c>
      <c r="J2680">
        <v>39798.337099999997</v>
      </c>
      <c r="K2680">
        <v>44041.805050000003</v>
      </c>
      <c r="L2680">
        <v>27135.01427</v>
      </c>
      <c r="M2680">
        <v>198842.48670000001</v>
      </c>
      <c r="N2680">
        <v>61618.648730000001</v>
      </c>
      <c r="O2680">
        <v>19358.07646</v>
      </c>
      <c r="P2680">
        <v>32602.243750000001</v>
      </c>
      <c r="Q2680">
        <v>44301.961560000003</v>
      </c>
      <c r="R2680">
        <v>15883.76405</v>
      </c>
      <c r="S2680">
        <v>82467.719729999997</v>
      </c>
      <c r="T2680">
        <v>27115.72639</v>
      </c>
      <c r="U2680">
        <v>10810.46506</v>
      </c>
      <c r="W2680" s="83">
        <f>Bühler!N2712</f>
        <v>45403.583333326838</v>
      </c>
      <c r="X2680" s="83">
        <v>43212.583333333336</v>
      </c>
      <c r="Y2680">
        <v>151543.28260000001</v>
      </c>
      <c r="Z2680">
        <v>14737.718220000001</v>
      </c>
      <c r="AA2680">
        <v>43014.079940000003</v>
      </c>
      <c r="AB2680">
        <v>31922.63768</v>
      </c>
      <c r="AC2680">
        <v>31968.713019999999</v>
      </c>
      <c r="AD2680">
        <v>22925.750110000001</v>
      </c>
      <c r="AE2680">
        <v>39798.337099999997</v>
      </c>
      <c r="AF2680">
        <v>44041.805050000003</v>
      </c>
      <c r="AG2680">
        <v>27135.01427</v>
      </c>
      <c r="AH2680">
        <v>198842.48670000001</v>
      </c>
      <c r="AI2680">
        <v>61618.648730000001</v>
      </c>
      <c r="AJ2680">
        <v>19358.07646</v>
      </c>
      <c r="AK2680">
        <v>32602.243750000001</v>
      </c>
      <c r="AL2680">
        <v>44301.961560000003</v>
      </c>
      <c r="AM2680">
        <v>15883.76405</v>
      </c>
      <c r="AN2680">
        <v>82467.719729999997</v>
      </c>
      <c r="AO2680">
        <v>27115.72639</v>
      </c>
      <c r="AP2680">
        <v>10810.46506</v>
      </c>
    </row>
    <row r="2681" spans="2:42" x14ac:dyDescent="0.3">
      <c r="B2681">
        <v>39.327945847160464</v>
      </c>
      <c r="C2681" s="83">
        <v>43212.625</v>
      </c>
      <c r="D2681">
        <v>151971.6398</v>
      </c>
      <c r="E2681">
        <v>14640.297769999999</v>
      </c>
      <c r="F2681">
        <v>43026.627719999997</v>
      </c>
      <c r="G2681">
        <v>31666.734069999999</v>
      </c>
      <c r="H2681">
        <v>31938.143179999999</v>
      </c>
      <c r="I2681">
        <v>23213.152590000002</v>
      </c>
      <c r="J2681">
        <v>38870.418700000002</v>
      </c>
      <c r="K2681">
        <v>43836.046349999997</v>
      </c>
      <c r="L2681">
        <v>25231.43145</v>
      </c>
      <c r="M2681">
        <v>200512.20819999999</v>
      </c>
      <c r="N2681">
        <v>62109.705470000001</v>
      </c>
      <c r="O2681">
        <v>18865.856970000001</v>
      </c>
      <c r="P2681">
        <v>30355.56494</v>
      </c>
      <c r="Q2681">
        <v>43902.80702</v>
      </c>
      <c r="R2681">
        <v>15940.1149</v>
      </c>
      <c r="S2681">
        <v>81144.782340000005</v>
      </c>
      <c r="T2681">
        <v>26901.450870000001</v>
      </c>
      <c r="U2681">
        <v>10320.4167</v>
      </c>
      <c r="W2681" s="83">
        <f>Bühler!N2713</f>
        <v>45403.624999993503</v>
      </c>
      <c r="X2681" s="83">
        <v>43212.625</v>
      </c>
      <c r="Y2681">
        <v>151971.6398</v>
      </c>
      <c r="Z2681">
        <v>14640.297769999999</v>
      </c>
      <c r="AA2681">
        <v>43026.627719999997</v>
      </c>
      <c r="AB2681">
        <v>31666.734069999999</v>
      </c>
      <c r="AC2681">
        <v>31938.143179999999</v>
      </c>
      <c r="AD2681">
        <v>23213.152590000002</v>
      </c>
      <c r="AE2681">
        <v>38870.418700000002</v>
      </c>
      <c r="AF2681">
        <v>43836.046349999997</v>
      </c>
      <c r="AG2681">
        <v>25231.43145</v>
      </c>
      <c r="AH2681">
        <v>200512.20819999999</v>
      </c>
      <c r="AI2681">
        <v>62109.705470000001</v>
      </c>
      <c r="AJ2681">
        <v>18865.856970000001</v>
      </c>
      <c r="AK2681">
        <v>30355.56494</v>
      </c>
      <c r="AL2681">
        <v>43902.80702</v>
      </c>
      <c r="AM2681">
        <v>15940.1149</v>
      </c>
      <c r="AN2681">
        <v>81144.782340000005</v>
      </c>
      <c r="AO2681">
        <v>26901.450870000001</v>
      </c>
      <c r="AP2681">
        <v>10320.4167</v>
      </c>
    </row>
    <row r="2682" spans="2:42" x14ac:dyDescent="0.3">
      <c r="B2682">
        <v>38.986241031799899</v>
      </c>
      <c r="C2682" s="83">
        <v>43212.666666666664</v>
      </c>
      <c r="D2682">
        <v>152065.17569999999</v>
      </c>
      <c r="E2682">
        <v>14483.180759999999</v>
      </c>
      <c r="F2682">
        <v>42654.368730000002</v>
      </c>
      <c r="G2682">
        <v>32071.416539999998</v>
      </c>
      <c r="H2682">
        <v>31618.001049999999</v>
      </c>
      <c r="I2682">
        <v>23537.210279999999</v>
      </c>
      <c r="J2682">
        <v>38467.757230000003</v>
      </c>
      <c r="K2682">
        <v>42874.299760000002</v>
      </c>
      <c r="L2682">
        <v>24462.500650000002</v>
      </c>
      <c r="M2682">
        <v>198770.03769999999</v>
      </c>
      <c r="N2682">
        <v>61385.759830000003</v>
      </c>
      <c r="O2682">
        <v>18088.999260000001</v>
      </c>
      <c r="P2682">
        <v>28991.880389999998</v>
      </c>
      <c r="Q2682">
        <v>44639.916949999999</v>
      </c>
      <c r="R2682">
        <v>16068.3619</v>
      </c>
      <c r="S2682">
        <v>80988.065549999999</v>
      </c>
      <c r="T2682">
        <v>26081.840950000002</v>
      </c>
      <c r="U2682">
        <v>10833.990100000001</v>
      </c>
      <c r="W2682" s="83">
        <f>Bühler!N2714</f>
        <v>45403.666666660167</v>
      </c>
      <c r="X2682" s="83">
        <v>43212.666666666664</v>
      </c>
      <c r="Y2682">
        <v>152065.17569999999</v>
      </c>
      <c r="Z2682">
        <v>14483.180759999999</v>
      </c>
      <c r="AA2682">
        <v>42654.368730000002</v>
      </c>
      <c r="AB2682">
        <v>32071.416539999998</v>
      </c>
      <c r="AC2682">
        <v>31618.001049999999</v>
      </c>
      <c r="AD2682">
        <v>23537.210279999999</v>
      </c>
      <c r="AE2682">
        <v>38467.757230000003</v>
      </c>
      <c r="AF2682">
        <v>42874.299760000002</v>
      </c>
      <c r="AG2682">
        <v>24462.500650000002</v>
      </c>
      <c r="AH2682">
        <v>198770.03769999999</v>
      </c>
      <c r="AI2682">
        <v>61385.759830000003</v>
      </c>
      <c r="AJ2682">
        <v>18088.999260000001</v>
      </c>
      <c r="AK2682">
        <v>28991.880389999998</v>
      </c>
      <c r="AL2682">
        <v>44639.916949999999</v>
      </c>
      <c r="AM2682">
        <v>16068.3619</v>
      </c>
      <c r="AN2682">
        <v>80988.065549999999</v>
      </c>
      <c r="AO2682">
        <v>26081.840950000002</v>
      </c>
      <c r="AP2682">
        <v>10833.990100000001</v>
      </c>
    </row>
    <row r="2683" spans="2:42" x14ac:dyDescent="0.3">
      <c r="B2683">
        <v>39.045697087732933</v>
      </c>
      <c r="C2683" s="83">
        <v>43212.708333333336</v>
      </c>
      <c r="D2683">
        <v>152489.0858</v>
      </c>
      <c r="E2683">
        <v>14005.317569999999</v>
      </c>
      <c r="F2683">
        <v>42401.803999999996</v>
      </c>
      <c r="G2683">
        <v>31787.508999999998</v>
      </c>
      <c r="H2683">
        <v>31684.370989999999</v>
      </c>
      <c r="I2683">
        <v>23262.677210000002</v>
      </c>
      <c r="J2683">
        <v>38980.989320000001</v>
      </c>
      <c r="K2683">
        <v>42647.739430000001</v>
      </c>
      <c r="L2683">
        <v>24681.292359999999</v>
      </c>
      <c r="M2683">
        <v>199073.17240000001</v>
      </c>
      <c r="N2683">
        <v>59892.073360000002</v>
      </c>
      <c r="O2683">
        <v>18619.447510000002</v>
      </c>
      <c r="P2683">
        <v>29189.18894</v>
      </c>
      <c r="Q2683">
        <v>44963.030039999998</v>
      </c>
      <c r="R2683">
        <v>17979.381570000001</v>
      </c>
      <c r="S2683">
        <v>82663.921130000002</v>
      </c>
      <c r="T2683">
        <v>25763.53443</v>
      </c>
      <c r="U2683">
        <v>10747.95372</v>
      </c>
      <c r="W2683" s="83">
        <f>Bühler!N2715</f>
        <v>45403.708333326831</v>
      </c>
      <c r="X2683" s="83">
        <v>43212.708333333336</v>
      </c>
      <c r="Y2683">
        <v>152489.0858</v>
      </c>
      <c r="Z2683">
        <v>14005.317569999999</v>
      </c>
      <c r="AA2683">
        <v>42401.803999999996</v>
      </c>
      <c r="AB2683">
        <v>31787.508999999998</v>
      </c>
      <c r="AC2683">
        <v>31684.370989999999</v>
      </c>
      <c r="AD2683">
        <v>23262.677210000002</v>
      </c>
      <c r="AE2683">
        <v>38980.989320000001</v>
      </c>
      <c r="AF2683">
        <v>42647.739430000001</v>
      </c>
      <c r="AG2683">
        <v>24681.292359999999</v>
      </c>
      <c r="AH2683">
        <v>199073.17240000001</v>
      </c>
      <c r="AI2683">
        <v>59892.073360000002</v>
      </c>
      <c r="AJ2683">
        <v>18619.447510000002</v>
      </c>
      <c r="AK2683">
        <v>29189.18894</v>
      </c>
      <c r="AL2683">
        <v>44963.030039999998</v>
      </c>
      <c r="AM2683">
        <v>17979.381570000001</v>
      </c>
      <c r="AN2683">
        <v>82663.921130000002</v>
      </c>
      <c r="AO2683">
        <v>25763.53443</v>
      </c>
      <c r="AP2683">
        <v>10747.95372</v>
      </c>
    </row>
    <row r="2684" spans="2:42" x14ac:dyDescent="0.3">
      <c r="B2684">
        <v>39.298345122182042</v>
      </c>
      <c r="C2684" s="83">
        <v>43212.75</v>
      </c>
      <c r="D2684">
        <v>153405.42879999999</v>
      </c>
      <c r="E2684">
        <v>13626.37412</v>
      </c>
      <c r="F2684">
        <v>43140.35527</v>
      </c>
      <c r="G2684">
        <v>32062.387460000002</v>
      </c>
      <c r="H2684">
        <v>31515.574799999999</v>
      </c>
      <c r="I2684">
        <v>23521.446810000001</v>
      </c>
      <c r="J2684">
        <v>39982.539250000002</v>
      </c>
      <c r="K2684">
        <v>43780.242870000002</v>
      </c>
      <c r="L2684">
        <v>25347.775949999999</v>
      </c>
      <c r="M2684">
        <v>200361.2899</v>
      </c>
      <c r="N2684">
        <v>59962.948980000001</v>
      </c>
      <c r="O2684">
        <v>18898.556639999999</v>
      </c>
      <c r="P2684">
        <v>30254.190719999999</v>
      </c>
      <c r="Q2684">
        <v>46009.421849999999</v>
      </c>
      <c r="R2684">
        <v>16340.485350000001</v>
      </c>
      <c r="S2684">
        <v>81111.622300000003</v>
      </c>
      <c r="T2684">
        <v>25034.69788</v>
      </c>
      <c r="U2684">
        <v>11537.704900000001</v>
      </c>
      <c r="W2684" s="83">
        <f>Bühler!N2716</f>
        <v>45403.749999993495</v>
      </c>
      <c r="X2684" s="83">
        <v>43212.75</v>
      </c>
      <c r="Y2684">
        <v>153405.42879999999</v>
      </c>
      <c r="Z2684">
        <v>13626.37412</v>
      </c>
      <c r="AA2684">
        <v>43140.35527</v>
      </c>
      <c r="AB2684">
        <v>32062.387460000002</v>
      </c>
      <c r="AC2684">
        <v>31515.574799999999</v>
      </c>
      <c r="AD2684">
        <v>23521.446810000001</v>
      </c>
      <c r="AE2684">
        <v>39982.539250000002</v>
      </c>
      <c r="AF2684">
        <v>43780.242870000002</v>
      </c>
      <c r="AG2684">
        <v>25347.775949999999</v>
      </c>
      <c r="AH2684">
        <v>200361.2899</v>
      </c>
      <c r="AI2684">
        <v>59962.948980000001</v>
      </c>
      <c r="AJ2684">
        <v>18898.556639999999</v>
      </c>
      <c r="AK2684">
        <v>30254.190719999999</v>
      </c>
      <c r="AL2684">
        <v>46009.421849999999</v>
      </c>
      <c r="AM2684">
        <v>16340.485350000001</v>
      </c>
      <c r="AN2684">
        <v>81111.622300000003</v>
      </c>
      <c r="AO2684">
        <v>25034.69788</v>
      </c>
      <c r="AP2684">
        <v>11537.704900000001</v>
      </c>
    </row>
    <row r="2685" spans="2:42" x14ac:dyDescent="0.3">
      <c r="B2685">
        <v>39.229442715764414</v>
      </c>
      <c r="C2685" s="83">
        <v>43212.791666666664</v>
      </c>
      <c r="D2685">
        <v>154266.2395</v>
      </c>
      <c r="E2685">
        <v>12942.5411</v>
      </c>
      <c r="F2685">
        <v>43341.432589999997</v>
      </c>
      <c r="G2685">
        <v>32598.825290000001</v>
      </c>
      <c r="H2685">
        <v>31537.27303</v>
      </c>
      <c r="I2685">
        <v>23888.797709999999</v>
      </c>
      <c r="J2685">
        <v>40339.004430000001</v>
      </c>
      <c r="K2685">
        <v>43550.910089999998</v>
      </c>
      <c r="L2685">
        <v>26126.22854</v>
      </c>
      <c r="M2685">
        <v>200009.9933</v>
      </c>
      <c r="N2685">
        <v>60434.417159999997</v>
      </c>
      <c r="O2685">
        <v>18773.43966</v>
      </c>
      <c r="P2685">
        <v>32250.102480000001</v>
      </c>
      <c r="Q2685">
        <v>46684.972470000001</v>
      </c>
      <c r="R2685">
        <v>16321.01936</v>
      </c>
      <c r="S2685">
        <v>80196.348610000001</v>
      </c>
      <c r="T2685">
        <v>24225.00736</v>
      </c>
      <c r="U2685">
        <v>11556.709699999999</v>
      </c>
      <c r="W2685" s="83">
        <f>Bühler!N2717</f>
        <v>45403.79166666016</v>
      </c>
      <c r="X2685" s="83">
        <v>43212.791666666664</v>
      </c>
      <c r="Y2685">
        <v>154266.2395</v>
      </c>
      <c r="Z2685">
        <v>12942.5411</v>
      </c>
      <c r="AA2685">
        <v>43341.432589999997</v>
      </c>
      <c r="AB2685">
        <v>32598.825290000001</v>
      </c>
      <c r="AC2685">
        <v>31537.27303</v>
      </c>
      <c r="AD2685">
        <v>23888.797709999999</v>
      </c>
      <c r="AE2685">
        <v>40339.004430000001</v>
      </c>
      <c r="AF2685">
        <v>43550.910089999998</v>
      </c>
      <c r="AG2685">
        <v>26126.22854</v>
      </c>
      <c r="AH2685">
        <v>200009.9933</v>
      </c>
      <c r="AI2685">
        <v>60434.417159999997</v>
      </c>
      <c r="AJ2685">
        <v>18773.43966</v>
      </c>
      <c r="AK2685">
        <v>32250.102480000001</v>
      </c>
      <c r="AL2685">
        <v>46684.972470000001</v>
      </c>
      <c r="AM2685">
        <v>16321.01936</v>
      </c>
      <c r="AN2685">
        <v>80196.348610000001</v>
      </c>
      <c r="AO2685">
        <v>24225.00736</v>
      </c>
      <c r="AP2685">
        <v>11556.709699999999</v>
      </c>
    </row>
    <row r="2686" spans="2:42" x14ac:dyDescent="0.3">
      <c r="B2686">
        <v>39.527927043782213</v>
      </c>
      <c r="C2686" s="83">
        <v>43212.833333333336</v>
      </c>
      <c r="D2686">
        <v>156673.13750000001</v>
      </c>
      <c r="E2686">
        <v>12246.509120000001</v>
      </c>
      <c r="F2686">
        <v>43618.598989999999</v>
      </c>
      <c r="G2686">
        <v>33044.614609999997</v>
      </c>
      <c r="H2686">
        <v>31691.00648</v>
      </c>
      <c r="I2686">
        <v>23246.93995</v>
      </c>
      <c r="J2686">
        <v>41626.257610000001</v>
      </c>
      <c r="K2686">
        <v>43875.96731</v>
      </c>
      <c r="L2686">
        <v>26272.296109999999</v>
      </c>
      <c r="M2686">
        <v>201531.80559999999</v>
      </c>
      <c r="N2686">
        <v>62365.414279999997</v>
      </c>
      <c r="O2686">
        <v>19999.72323</v>
      </c>
      <c r="P2686">
        <v>31582.693739999999</v>
      </c>
      <c r="Q2686">
        <v>48100.112690000002</v>
      </c>
      <c r="R2686">
        <v>16685.79091</v>
      </c>
      <c r="S2686">
        <v>76439.219870000001</v>
      </c>
      <c r="T2686">
        <v>22453.79998</v>
      </c>
      <c r="U2686">
        <v>11862.53894</v>
      </c>
      <c r="W2686" s="83">
        <f>Bühler!N2718</f>
        <v>45403.833333326824</v>
      </c>
      <c r="X2686" s="83">
        <v>43212.833333333336</v>
      </c>
      <c r="Y2686">
        <v>156673.13750000001</v>
      </c>
      <c r="Z2686">
        <v>12246.509120000001</v>
      </c>
      <c r="AA2686">
        <v>43618.598989999999</v>
      </c>
      <c r="AB2686">
        <v>33044.614609999997</v>
      </c>
      <c r="AC2686">
        <v>31691.00648</v>
      </c>
      <c r="AD2686">
        <v>23246.93995</v>
      </c>
      <c r="AE2686">
        <v>41626.257610000001</v>
      </c>
      <c r="AF2686">
        <v>43875.96731</v>
      </c>
      <c r="AG2686">
        <v>26272.296109999999</v>
      </c>
      <c r="AH2686">
        <v>201531.80559999999</v>
      </c>
      <c r="AI2686">
        <v>62365.414279999997</v>
      </c>
      <c r="AJ2686">
        <v>19999.72323</v>
      </c>
      <c r="AK2686">
        <v>31582.693739999999</v>
      </c>
      <c r="AL2686">
        <v>48100.112690000002</v>
      </c>
      <c r="AM2686">
        <v>16685.79091</v>
      </c>
      <c r="AN2686">
        <v>76439.219870000001</v>
      </c>
      <c r="AO2686">
        <v>22453.79998</v>
      </c>
      <c r="AP2686">
        <v>11862.53894</v>
      </c>
    </row>
    <row r="2687" spans="2:42" x14ac:dyDescent="0.3">
      <c r="B2687">
        <v>40.817807501731366</v>
      </c>
      <c r="C2687" s="83">
        <v>43212.875</v>
      </c>
      <c r="D2687">
        <v>159353.46090000001</v>
      </c>
      <c r="E2687">
        <v>12293.49086</v>
      </c>
      <c r="F2687">
        <v>43095.335879999999</v>
      </c>
      <c r="G2687">
        <v>34075.597320000001</v>
      </c>
      <c r="H2687">
        <v>33651.240149999998</v>
      </c>
      <c r="I2687">
        <v>23007.487969999998</v>
      </c>
      <c r="J2687">
        <v>43076.74901</v>
      </c>
      <c r="K2687">
        <v>45430.870790000001</v>
      </c>
      <c r="L2687">
        <v>25567.382850000002</v>
      </c>
      <c r="M2687">
        <v>208108.21770000001</v>
      </c>
      <c r="N2687">
        <v>63794.397550000002</v>
      </c>
      <c r="O2687">
        <v>20418.617719999998</v>
      </c>
      <c r="P2687">
        <v>31335.7791</v>
      </c>
      <c r="Q2687">
        <v>50943.943550000004</v>
      </c>
      <c r="R2687">
        <v>17028.159930000002</v>
      </c>
      <c r="S2687">
        <v>75709.468059999999</v>
      </c>
      <c r="T2687">
        <v>21622.7562</v>
      </c>
      <c r="U2687">
        <v>12602.06429</v>
      </c>
      <c r="W2687" s="83">
        <f>Bühler!N2719</f>
        <v>45403.874999993488</v>
      </c>
      <c r="X2687" s="83">
        <v>43212.875</v>
      </c>
      <c r="Y2687">
        <v>159353.46090000001</v>
      </c>
      <c r="Z2687">
        <v>12293.49086</v>
      </c>
      <c r="AA2687">
        <v>43095.335879999999</v>
      </c>
      <c r="AB2687">
        <v>34075.597320000001</v>
      </c>
      <c r="AC2687">
        <v>33651.240149999998</v>
      </c>
      <c r="AD2687">
        <v>23007.487969999998</v>
      </c>
      <c r="AE2687">
        <v>43076.74901</v>
      </c>
      <c r="AF2687">
        <v>45430.870790000001</v>
      </c>
      <c r="AG2687">
        <v>25567.382850000002</v>
      </c>
      <c r="AH2687">
        <v>208108.21770000001</v>
      </c>
      <c r="AI2687">
        <v>63794.397550000002</v>
      </c>
      <c r="AJ2687">
        <v>20418.617719999998</v>
      </c>
      <c r="AK2687">
        <v>31335.7791</v>
      </c>
      <c r="AL2687">
        <v>50943.943550000004</v>
      </c>
      <c r="AM2687">
        <v>17028.159930000002</v>
      </c>
      <c r="AN2687">
        <v>75709.468059999999</v>
      </c>
      <c r="AO2687">
        <v>21622.7562</v>
      </c>
      <c r="AP2687">
        <v>12602.06429</v>
      </c>
    </row>
    <row r="2688" spans="2:42" x14ac:dyDescent="0.3">
      <c r="B2688">
        <v>40.6647463167279</v>
      </c>
      <c r="C2688" s="83">
        <v>43212.916666666664</v>
      </c>
      <c r="D2688">
        <v>161349.4094</v>
      </c>
      <c r="E2688">
        <v>12236.21362</v>
      </c>
      <c r="F2688">
        <v>42834.127390000001</v>
      </c>
      <c r="G2688">
        <v>34300.508650000003</v>
      </c>
      <c r="H2688">
        <v>33607.875979999997</v>
      </c>
      <c r="I2688">
        <v>22613.851780000001</v>
      </c>
      <c r="J2688">
        <v>41263.19025</v>
      </c>
      <c r="K2688">
        <v>46937.332219999997</v>
      </c>
      <c r="L2688">
        <v>22631.544979999999</v>
      </c>
      <c r="M2688">
        <v>207327.84039999999</v>
      </c>
      <c r="N2688">
        <v>64218.961940000001</v>
      </c>
      <c r="O2688">
        <v>20309.88032</v>
      </c>
      <c r="P2688">
        <v>30393.618640000001</v>
      </c>
      <c r="Q2688">
        <v>52276.510139999999</v>
      </c>
      <c r="R2688">
        <v>19502.250499999998</v>
      </c>
      <c r="S2688">
        <v>75452.194650000005</v>
      </c>
      <c r="T2688">
        <v>21128.567309999999</v>
      </c>
      <c r="U2688">
        <v>13516.51806</v>
      </c>
      <c r="W2688" s="83">
        <f>Bühler!N2720</f>
        <v>45403.916666660152</v>
      </c>
      <c r="X2688" s="83">
        <v>43212.916666666664</v>
      </c>
      <c r="Y2688">
        <v>161349.4094</v>
      </c>
      <c r="Z2688">
        <v>12236.21362</v>
      </c>
      <c r="AA2688">
        <v>42834.127390000001</v>
      </c>
      <c r="AB2688">
        <v>34300.508650000003</v>
      </c>
      <c r="AC2688">
        <v>33607.875979999997</v>
      </c>
      <c r="AD2688">
        <v>22613.851780000001</v>
      </c>
      <c r="AE2688">
        <v>41263.19025</v>
      </c>
      <c r="AF2688">
        <v>46937.332219999997</v>
      </c>
      <c r="AG2688">
        <v>22631.544979999999</v>
      </c>
      <c r="AH2688">
        <v>207327.84039999999</v>
      </c>
      <c r="AI2688">
        <v>64218.961940000001</v>
      </c>
      <c r="AJ2688">
        <v>20309.88032</v>
      </c>
      <c r="AK2688">
        <v>30393.618640000001</v>
      </c>
      <c r="AL2688">
        <v>52276.510139999999</v>
      </c>
      <c r="AM2688">
        <v>19502.250499999998</v>
      </c>
      <c r="AN2688">
        <v>75452.194650000005</v>
      </c>
      <c r="AO2688">
        <v>21128.567309999999</v>
      </c>
      <c r="AP2688">
        <v>13516.51806</v>
      </c>
    </row>
    <row r="2689" spans="2:42" x14ac:dyDescent="0.3">
      <c r="B2689">
        <v>40.791313024580774</v>
      </c>
      <c r="C2689" s="83">
        <v>43212.958333333336</v>
      </c>
      <c r="D2689">
        <v>163637.72930000001</v>
      </c>
      <c r="E2689">
        <v>12072.169040000001</v>
      </c>
      <c r="F2689">
        <v>42514.409290000003</v>
      </c>
      <c r="G2689">
        <v>34599.187790000004</v>
      </c>
      <c r="H2689">
        <v>33776.705609999997</v>
      </c>
      <c r="I2689">
        <v>22830.05514</v>
      </c>
      <c r="J2689">
        <v>38150.894849999997</v>
      </c>
      <c r="K2689">
        <v>46504.630109999998</v>
      </c>
      <c r="L2689">
        <v>19569.355739999999</v>
      </c>
      <c r="M2689">
        <v>207973.13649999999</v>
      </c>
      <c r="N2689">
        <v>65670.821899999995</v>
      </c>
      <c r="O2689">
        <v>20396.005570000001</v>
      </c>
      <c r="P2689">
        <v>28305.46816</v>
      </c>
      <c r="Q2689">
        <v>53778.318370000001</v>
      </c>
      <c r="R2689">
        <v>20839.389800000001</v>
      </c>
      <c r="S2689">
        <v>73905.134220000007</v>
      </c>
      <c r="T2689">
        <v>20528.220979999998</v>
      </c>
      <c r="U2689">
        <v>12865.687669999999</v>
      </c>
      <c r="W2689" s="83">
        <f>Bühler!N2721</f>
        <v>45403.958333326817</v>
      </c>
      <c r="X2689" s="83">
        <v>43212.958333333336</v>
      </c>
      <c r="Y2689">
        <v>163637.72930000001</v>
      </c>
      <c r="Z2689">
        <v>12072.169040000001</v>
      </c>
      <c r="AA2689">
        <v>42514.409290000003</v>
      </c>
      <c r="AB2689">
        <v>34599.187790000004</v>
      </c>
      <c r="AC2689">
        <v>33776.705609999997</v>
      </c>
      <c r="AD2689">
        <v>22830.05514</v>
      </c>
      <c r="AE2689">
        <v>38150.894849999997</v>
      </c>
      <c r="AF2689">
        <v>46504.630109999998</v>
      </c>
      <c r="AG2689">
        <v>19569.355739999999</v>
      </c>
      <c r="AH2689">
        <v>207973.13649999999</v>
      </c>
      <c r="AI2689">
        <v>65670.821899999995</v>
      </c>
      <c r="AJ2689">
        <v>20396.005570000001</v>
      </c>
      <c r="AK2689">
        <v>28305.46816</v>
      </c>
      <c r="AL2689">
        <v>53778.318370000001</v>
      </c>
      <c r="AM2689">
        <v>20839.389800000001</v>
      </c>
      <c r="AN2689">
        <v>73905.134220000007</v>
      </c>
      <c r="AO2689">
        <v>20528.220979999998</v>
      </c>
      <c r="AP2689">
        <v>12865.687669999999</v>
      </c>
    </row>
    <row r="2690" spans="2:42" x14ac:dyDescent="0.3">
      <c r="B2690">
        <v>40.603308135323758</v>
      </c>
      <c r="C2690" s="83">
        <v>43213</v>
      </c>
      <c r="D2690">
        <v>166564.103</v>
      </c>
      <c r="E2690">
        <v>12043.190559999999</v>
      </c>
      <c r="F2690">
        <v>42573.511129999999</v>
      </c>
      <c r="G2690">
        <v>34506.232660000001</v>
      </c>
      <c r="H2690">
        <v>33504.576390000002</v>
      </c>
      <c r="I2690">
        <v>21427.939880000002</v>
      </c>
      <c r="J2690">
        <v>35328.351219999997</v>
      </c>
      <c r="K2690">
        <v>44930.629670000002</v>
      </c>
      <c r="L2690">
        <v>17403.481110000001</v>
      </c>
      <c r="M2690">
        <v>207014.5999</v>
      </c>
      <c r="N2690">
        <v>64539.199090000002</v>
      </c>
      <c r="O2690">
        <v>20345.870749999998</v>
      </c>
      <c r="P2690">
        <v>26579.932560000001</v>
      </c>
      <c r="Q2690">
        <v>56838.420539999999</v>
      </c>
      <c r="R2690">
        <v>17130.801500000001</v>
      </c>
      <c r="S2690">
        <v>73217.414669999998</v>
      </c>
      <c r="T2690">
        <v>19828.549350000001</v>
      </c>
      <c r="U2690">
        <v>12551.913420000001</v>
      </c>
      <c r="W2690" s="83">
        <f>Bühler!N2722</f>
        <v>45403.999999993481</v>
      </c>
      <c r="X2690" s="83">
        <v>43213</v>
      </c>
      <c r="Y2690">
        <v>166564.103</v>
      </c>
      <c r="Z2690">
        <v>12043.190559999999</v>
      </c>
      <c r="AA2690">
        <v>42573.511129999999</v>
      </c>
      <c r="AB2690">
        <v>34506.232660000001</v>
      </c>
      <c r="AC2690">
        <v>33504.576390000002</v>
      </c>
      <c r="AD2690">
        <v>21427.939880000002</v>
      </c>
      <c r="AE2690">
        <v>35328.351219999997</v>
      </c>
      <c r="AF2690">
        <v>44930.629670000002</v>
      </c>
      <c r="AG2690">
        <v>17403.481110000001</v>
      </c>
      <c r="AH2690">
        <v>207014.5999</v>
      </c>
      <c r="AI2690">
        <v>64539.199090000002</v>
      </c>
      <c r="AJ2690">
        <v>20345.870749999998</v>
      </c>
      <c r="AK2690">
        <v>26579.932560000001</v>
      </c>
      <c r="AL2690">
        <v>56838.420539999999</v>
      </c>
      <c r="AM2690">
        <v>17130.801500000001</v>
      </c>
      <c r="AN2690">
        <v>73217.414669999998</v>
      </c>
      <c r="AO2690">
        <v>19828.549350000001</v>
      </c>
      <c r="AP2690">
        <v>12551.913420000001</v>
      </c>
    </row>
    <row r="2691" spans="2:42" x14ac:dyDescent="0.3">
      <c r="B2691">
        <v>40.895361137173886</v>
      </c>
      <c r="C2691" s="83">
        <v>43213.041666666664</v>
      </c>
      <c r="D2691">
        <v>167090.56599999999</v>
      </c>
      <c r="E2691">
        <v>12102.00361</v>
      </c>
      <c r="F2691">
        <v>42585.093939999999</v>
      </c>
      <c r="G2691">
        <v>34058.868150000002</v>
      </c>
      <c r="H2691">
        <v>33591.753969999998</v>
      </c>
      <c r="I2691">
        <v>17639.44124</v>
      </c>
      <c r="J2691">
        <v>34774.115360000003</v>
      </c>
      <c r="K2691">
        <v>42942.124340000002</v>
      </c>
      <c r="L2691">
        <v>17034.479350000001</v>
      </c>
      <c r="M2691">
        <v>208503.62229999999</v>
      </c>
      <c r="N2691">
        <v>64364.580569999998</v>
      </c>
      <c r="O2691">
        <v>20665.130099999998</v>
      </c>
      <c r="P2691">
        <v>25172.262019999998</v>
      </c>
      <c r="Q2691">
        <v>59162.55805</v>
      </c>
      <c r="R2691">
        <v>16387.388299999999</v>
      </c>
      <c r="S2691">
        <v>72428.261910000001</v>
      </c>
      <c r="T2691">
        <v>19330.108130000001</v>
      </c>
      <c r="U2691">
        <v>12425.3475</v>
      </c>
      <c r="W2691" s="83">
        <f>Bühler!N2723</f>
        <v>45404.041666660145</v>
      </c>
      <c r="X2691" s="83">
        <v>43213.041666666664</v>
      </c>
      <c r="Y2691">
        <v>167090.56599999999</v>
      </c>
      <c r="Z2691">
        <v>12102.00361</v>
      </c>
      <c r="AA2691">
        <v>42585.093939999999</v>
      </c>
      <c r="AB2691">
        <v>34058.868150000002</v>
      </c>
      <c r="AC2691">
        <v>33591.753969999998</v>
      </c>
      <c r="AD2691">
        <v>17639.44124</v>
      </c>
      <c r="AE2691">
        <v>34774.115360000003</v>
      </c>
      <c r="AF2691">
        <v>42942.124340000002</v>
      </c>
      <c r="AG2691">
        <v>17034.479350000001</v>
      </c>
      <c r="AH2691">
        <v>208503.62229999999</v>
      </c>
      <c r="AI2691">
        <v>64364.580569999998</v>
      </c>
      <c r="AJ2691">
        <v>20665.130099999998</v>
      </c>
      <c r="AK2691">
        <v>25172.262019999998</v>
      </c>
      <c r="AL2691">
        <v>59162.55805</v>
      </c>
      <c r="AM2691">
        <v>16387.388299999999</v>
      </c>
      <c r="AN2691">
        <v>72428.261910000001</v>
      </c>
      <c r="AO2691">
        <v>19330.108130000001</v>
      </c>
      <c r="AP2691">
        <v>12425.3475</v>
      </c>
    </row>
    <row r="2692" spans="2:42" x14ac:dyDescent="0.3">
      <c r="B2692">
        <v>41.570736999060863</v>
      </c>
      <c r="C2692" s="83">
        <v>43213.083333333336</v>
      </c>
      <c r="D2692">
        <v>169662.2064</v>
      </c>
      <c r="E2692">
        <v>12172.937540000001</v>
      </c>
      <c r="F2692">
        <v>43712.613499999999</v>
      </c>
      <c r="G2692">
        <v>33990.197359999998</v>
      </c>
      <c r="H2692">
        <v>33205.40064</v>
      </c>
      <c r="I2692">
        <v>16174.570589999999</v>
      </c>
      <c r="J2692">
        <v>34790.366410000002</v>
      </c>
      <c r="K2692">
        <v>41990.981339999998</v>
      </c>
      <c r="L2692">
        <v>17090.81367</v>
      </c>
      <c r="M2692">
        <v>211947.00339999999</v>
      </c>
      <c r="N2692">
        <v>63502.109259999997</v>
      </c>
      <c r="O2692">
        <v>20458.67599</v>
      </c>
      <c r="P2692">
        <v>23992.790499999999</v>
      </c>
      <c r="Q2692">
        <v>63358.250509999998</v>
      </c>
      <c r="R2692">
        <v>17063.690439999998</v>
      </c>
      <c r="S2692">
        <v>72235.513630000001</v>
      </c>
      <c r="T2692">
        <v>19558.689439999998</v>
      </c>
      <c r="U2692">
        <v>12630.77275</v>
      </c>
      <c r="W2692" s="83">
        <f>Bühler!N2724</f>
        <v>45404.083333326809</v>
      </c>
      <c r="X2692" s="83">
        <v>43213.083333333336</v>
      </c>
      <c r="Y2692">
        <v>169662.2064</v>
      </c>
      <c r="Z2692">
        <v>12172.937540000001</v>
      </c>
      <c r="AA2692">
        <v>43712.613499999999</v>
      </c>
      <c r="AB2692">
        <v>33990.197359999998</v>
      </c>
      <c r="AC2692">
        <v>33205.40064</v>
      </c>
      <c r="AD2692">
        <v>16174.570589999999</v>
      </c>
      <c r="AE2692">
        <v>34790.366410000002</v>
      </c>
      <c r="AF2692">
        <v>41990.981339999998</v>
      </c>
      <c r="AG2692">
        <v>17090.81367</v>
      </c>
      <c r="AH2692">
        <v>211947.00339999999</v>
      </c>
      <c r="AI2692">
        <v>63502.109259999997</v>
      </c>
      <c r="AJ2692">
        <v>20458.67599</v>
      </c>
      <c r="AK2692">
        <v>23992.790499999999</v>
      </c>
      <c r="AL2692">
        <v>63358.250509999998</v>
      </c>
      <c r="AM2692">
        <v>17063.690439999998</v>
      </c>
      <c r="AN2692">
        <v>72235.513630000001</v>
      </c>
      <c r="AO2692">
        <v>19558.689439999998</v>
      </c>
      <c r="AP2692">
        <v>12630.77275</v>
      </c>
    </row>
    <row r="2693" spans="2:42" x14ac:dyDescent="0.3">
      <c r="B2693">
        <v>43.058235707759025</v>
      </c>
      <c r="C2693" s="83">
        <v>43213.125</v>
      </c>
      <c r="D2693">
        <v>173756.5638</v>
      </c>
      <c r="E2693">
        <v>12461.94382</v>
      </c>
      <c r="F2693">
        <v>45570.050020000002</v>
      </c>
      <c r="G2693">
        <v>33076.7189</v>
      </c>
      <c r="H2693">
        <v>33794.182030000004</v>
      </c>
      <c r="I2693">
        <v>15863.10715</v>
      </c>
      <c r="J2693">
        <v>35515.73429</v>
      </c>
      <c r="K2693">
        <v>40313.172659999997</v>
      </c>
      <c r="L2693">
        <v>17202.12962</v>
      </c>
      <c r="M2693">
        <v>219530.96549999999</v>
      </c>
      <c r="N2693">
        <v>64284.726110000003</v>
      </c>
      <c r="O2693">
        <v>20978.58484</v>
      </c>
      <c r="P2693">
        <v>23973.865030000001</v>
      </c>
      <c r="Q2693">
        <v>69072.600040000005</v>
      </c>
      <c r="R2693">
        <v>17454.108789999998</v>
      </c>
      <c r="S2693">
        <v>72150.253769999996</v>
      </c>
      <c r="T2693">
        <v>19688.297350000001</v>
      </c>
      <c r="U2693">
        <v>13334.763709999999</v>
      </c>
      <c r="W2693" s="83">
        <f>Bühler!N2725</f>
        <v>45404.124999993473</v>
      </c>
      <c r="X2693" s="83">
        <v>43213.125</v>
      </c>
      <c r="Y2693">
        <v>173756.5638</v>
      </c>
      <c r="Z2693">
        <v>12461.94382</v>
      </c>
      <c r="AA2693">
        <v>45570.050020000002</v>
      </c>
      <c r="AB2693">
        <v>33076.7189</v>
      </c>
      <c r="AC2693">
        <v>33794.182030000004</v>
      </c>
      <c r="AD2693">
        <v>15863.10715</v>
      </c>
      <c r="AE2693">
        <v>35515.73429</v>
      </c>
      <c r="AF2693">
        <v>40313.172659999997</v>
      </c>
      <c r="AG2693">
        <v>17202.12962</v>
      </c>
      <c r="AH2693">
        <v>219530.96549999999</v>
      </c>
      <c r="AI2693">
        <v>64284.726110000003</v>
      </c>
      <c r="AJ2693">
        <v>20978.58484</v>
      </c>
      <c r="AK2693">
        <v>23973.865030000001</v>
      </c>
      <c r="AL2693">
        <v>69072.600040000005</v>
      </c>
      <c r="AM2693">
        <v>17454.108789999998</v>
      </c>
      <c r="AN2693">
        <v>72150.253769999996</v>
      </c>
      <c r="AO2693">
        <v>19688.297350000001</v>
      </c>
      <c r="AP2693">
        <v>13334.763709999999</v>
      </c>
    </row>
    <row r="2694" spans="2:42" x14ac:dyDescent="0.3">
      <c r="B2694">
        <v>46.252276524698843</v>
      </c>
      <c r="C2694" s="83">
        <v>43213.166666666664</v>
      </c>
      <c r="D2694">
        <v>185445.03039999999</v>
      </c>
      <c r="E2694">
        <v>13307.230020000001</v>
      </c>
      <c r="F2694">
        <v>49635.12124</v>
      </c>
      <c r="G2694">
        <v>32696.260849999999</v>
      </c>
      <c r="H2694">
        <v>34577.55298</v>
      </c>
      <c r="I2694">
        <v>18016.589690000001</v>
      </c>
      <c r="J2694">
        <v>36900.128199999999</v>
      </c>
      <c r="K2694">
        <v>40587.420169999998</v>
      </c>
      <c r="L2694">
        <v>16476.714530000001</v>
      </c>
      <c r="M2694">
        <v>235815.67509999999</v>
      </c>
      <c r="N2694">
        <v>65136.28961</v>
      </c>
      <c r="O2694">
        <v>21555.595979999998</v>
      </c>
      <c r="P2694">
        <v>24163.082640000001</v>
      </c>
      <c r="Q2694">
        <v>75797.396909999996</v>
      </c>
      <c r="R2694">
        <v>17780.891940000001</v>
      </c>
      <c r="S2694">
        <v>73367.080809999999</v>
      </c>
      <c r="T2694">
        <v>19936.206989999999</v>
      </c>
      <c r="U2694">
        <v>14864.689410000001</v>
      </c>
      <c r="W2694" s="83">
        <f>Bühler!N2726</f>
        <v>45404.166666660138</v>
      </c>
      <c r="X2694" s="83">
        <v>43213.166666666664</v>
      </c>
      <c r="Y2694">
        <v>185445.03039999999</v>
      </c>
      <c r="Z2694">
        <v>13307.230020000001</v>
      </c>
      <c r="AA2694">
        <v>49635.12124</v>
      </c>
      <c r="AB2694">
        <v>32696.260849999999</v>
      </c>
      <c r="AC2694">
        <v>34577.55298</v>
      </c>
      <c r="AD2694">
        <v>18016.589690000001</v>
      </c>
      <c r="AE2694">
        <v>36900.128199999999</v>
      </c>
      <c r="AF2694">
        <v>40587.420169999998</v>
      </c>
      <c r="AG2694">
        <v>16476.714530000001</v>
      </c>
      <c r="AH2694">
        <v>235815.67509999999</v>
      </c>
      <c r="AI2694">
        <v>65136.28961</v>
      </c>
      <c r="AJ2694">
        <v>21555.595979999998</v>
      </c>
      <c r="AK2694">
        <v>24163.082640000001</v>
      </c>
      <c r="AL2694">
        <v>75797.396909999996</v>
      </c>
      <c r="AM2694">
        <v>17780.891940000001</v>
      </c>
      <c r="AN2694">
        <v>73367.080809999999</v>
      </c>
      <c r="AO2694">
        <v>19936.206989999999</v>
      </c>
      <c r="AP2694">
        <v>14864.689410000001</v>
      </c>
    </row>
    <row r="2695" spans="2:42" x14ac:dyDescent="0.3">
      <c r="B2695">
        <v>52.103908329049752</v>
      </c>
      <c r="C2695" s="83">
        <v>43213.208333333336</v>
      </c>
      <c r="D2695">
        <v>216312.54070000001</v>
      </c>
      <c r="E2695">
        <v>15489.23713</v>
      </c>
      <c r="F2695">
        <v>61138.123970000001</v>
      </c>
      <c r="G2695">
        <v>34736.280570000003</v>
      </c>
      <c r="H2695">
        <v>36781.874709999996</v>
      </c>
      <c r="I2695">
        <v>25441.421109999999</v>
      </c>
      <c r="J2695">
        <v>40259.4905</v>
      </c>
      <c r="K2695">
        <v>42742.506289999998</v>
      </c>
      <c r="L2695">
        <v>17557.982929999998</v>
      </c>
      <c r="M2695">
        <v>265650.02289999998</v>
      </c>
      <c r="N2695">
        <v>67344.131810000006</v>
      </c>
      <c r="O2695">
        <v>22665.0468</v>
      </c>
      <c r="P2695">
        <v>25801.95593</v>
      </c>
      <c r="Q2695">
        <v>81281.002059999999</v>
      </c>
      <c r="R2695">
        <v>20629.341950000002</v>
      </c>
      <c r="S2695">
        <v>75800.282619999998</v>
      </c>
      <c r="T2695">
        <v>21559.67657</v>
      </c>
      <c r="U2695">
        <v>16670.273219999999</v>
      </c>
      <c r="W2695" s="83">
        <f>Bühler!N2727</f>
        <v>45404.208333326802</v>
      </c>
      <c r="X2695" s="83">
        <v>43213.208333333336</v>
      </c>
      <c r="Y2695">
        <v>216312.54070000001</v>
      </c>
      <c r="Z2695">
        <v>15489.23713</v>
      </c>
      <c r="AA2695">
        <v>61138.123970000001</v>
      </c>
      <c r="AB2695">
        <v>34736.280570000003</v>
      </c>
      <c r="AC2695">
        <v>36781.874709999996</v>
      </c>
      <c r="AD2695">
        <v>25441.421109999999</v>
      </c>
      <c r="AE2695">
        <v>40259.4905</v>
      </c>
      <c r="AF2695">
        <v>42742.506289999998</v>
      </c>
      <c r="AG2695">
        <v>17557.982929999998</v>
      </c>
      <c r="AH2695">
        <v>265650.02289999998</v>
      </c>
      <c r="AI2695">
        <v>67344.131810000006</v>
      </c>
      <c r="AJ2695">
        <v>22665.0468</v>
      </c>
      <c r="AK2695">
        <v>25801.95593</v>
      </c>
      <c r="AL2695">
        <v>81281.002059999999</v>
      </c>
      <c r="AM2695">
        <v>20629.341950000002</v>
      </c>
      <c r="AN2695">
        <v>75800.282619999998</v>
      </c>
      <c r="AO2695">
        <v>21559.67657</v>
      </c>
      <c r="AP2695">
        <v>16670.273219999999</v>
      </c>
    </row>
    <row r="2696" spans="2:42" x14ac:dyDescent="0.3">
      <c r="B2696">
        <v>57.463162125657043</v>
      </c>
      <c r="C2696" s="83">
        <v>43213.25</v>
      </c>
      <c r="D2696">
        <v>242987.4259</v>
      </c>
      <c r="E2696">
        <v>19805.67988</v>
      </c>
      <c r="F2696">
        <v>72685.649650000007</v>
      </c>
      <c r="G2696">
        <v>42313.09865</v>
      </c>
      <c r="H2696">
        <v>39896.645190000003</v>
      </c>
      <c r="I2696">
        <v>32126.30399</v>
      </c>
      <c r="J2696">
        <v>44307.662750000003</v>
      </c>
      <c r="K2696">
        <v>45495.768969999997</v>
      </c>
      <c r="L2696">
        <v>18709.484680000001</v>
      </c>
      <c r="M2696">
        <v>292973.99800000002</v>
      </c>
      <c r="N2696">
        <v>71722.724910000004</v>
      </c>
      <c r="O2696">
        <v>23323.585599999999</v>
      </c>
      <c r="P2696">
        <v>26177.317660000001</v>
      </c>
      <c r="Q2696">
        <v>84981.347460000005</v>
      </c>
      <c r="R2696">
        <v>17358.573919999999</v>
      </c>
      <c r="S2696">
        <v>83385.986130000005</v>
      </c>
      <c r="T2696">
        <v>24273.09592</v>
      </c>
      <c r="U2696">
        <v>18828.779299999998</v>
      </c>
      <c r="W2696" s="83">
        <f>Bühler!N2728</f>
        <v>45404.249999993466</v>
      </c>
      <c r="X2696" s="83">
        <v>43213.25</v>
      </c>
      <c r="Y2696">
        <v>242987.4259</v>
      </c>
      <c r="Z2696">
        <v>19805.67988</v>
      </c>
      <c r="AA2696">
        <v>72685.649650000007</v>
      </c>
      <c r="AB2696">
        <v>42313.09865</v>
      </c>
      <c r="AC2696">
        <v>39896.645190000003</v>
      </c>
      <c r="AD2696">
        <v>32126.30399</v>
      </c>
      <c r="AE2696">
        <v>44307.662750000003</v>
      </c>
      <c r="AF2696">
        <v>45495.768969999997</v>
      </c>
      <c r="AG2696">
        <v>18709.484680000001</v>
      </c>
      <c r="AH2696">
        <v>292973.99800000002</v>
      </c>
      <c r="AI2696">
        <v>71722.724910000004</v>
      </c>
      <c r="AJ2696">
        <v>23323.585599999999</v>
      </c>
      <c r="AK2696">
        <v>26177.317660000001</v>
      </c>
      <c r="AL2696">
        <v>84981.347460000005</v>
      </c>
      <c r="AM2696">
        <v>17358.573919999999</v>
      </c>
      <c r="AN2696">
        <v>83385.986130000005</v>
      </c>
      <c r="AO2696">
        <v>24273.09592</v>
      </c>
      <c r="AP2696">
        <v>18828.779299999998</v>
      </c>
    </row>
    <row r="2697" spans="2:42" x14ac:dyDescent="0.3">
      <c r="B2697">
        <v>60.675496228017316</v>
      </c>
      <c r="C2697" s="83">
        <v>43213.291666666664</v>
      </c>
      <c r="D2697">
        <v>263343.53330000001</v>
      </c>
      <c r="E2697">
        <v>24161.768319999999</v>
      </c>
      <c r="F2697">
        <v>75861.278139999995</v>
      </c>
      <c r="G2697">
        <v>49480.52766</v>
      </c>
      <c r="H2697">
        <v>43457.477619999998</v>
      </c>
      <c r="I2697">
        <v>38449.922960000004</v>
      </c>
      <c r="J2697">
        <v>44706.02691</v>
      </c>
      <c r="K2697">
        <v>49889.01208</v>
      </c>
      <c r="L2697">
        <v>21259.624309999999</v>
      </c>
      <c r="M2697">
        <v>309351.97529999999</v>
      </c>
      <c r="N2697">
        <v>77848.728099999993</v>
      </c>
      <c r="O2697">
        <v>25941.81349</v>
      </c>
      <c r="P2697">
        <v>28835.871169999999</v>
      </c>
      <c r="Q2697">
        <v>86419.368119999999</v>
      </c>
      <c r="R2697">
        <v>17346.318770000002</v>
      </c>
      <c r="S2697">
        <v>97148.878190000003</v>
      </c>
      <c r="T2697">
        <v>27151.262180000002</v>
      </c>
      <c r="U2697">
        <v>22649.502410000001</v>
      </c>
      <c r="W2697" s="83">
        <f>Bühler!N2729</f>
        <v>45404.29166666013</v>
      </c>
      <c r="X2697" s="83">
        <v>43213.291666666664</v>
      </c>
      <c r="Y2697">
        <v>263343.53330000001</v>
      </c>
      <c r="Z2697">
        <v>24161.768319999999</v>
      </c>
      <c r="AA2697">
        <v>75861.278139999995</v>
      </c>
      <c r="AB2697">
        <v>49480.52766</v>
      </c>
      <c r="AC2697">
        <v>43457.477619999998</v>
      </c>
      <c r="AD2697">
        <v>38449.922960000004</v>
      </c>
      <c r="AE2697">
        <v>44706.02691</v>
      </c>
      <c r="AF2697">
        <v>49889.01208</v>
      </c>
      <c r="AG2697">
        <v>21259.624309999999</v>
      </c>
      <c r="AH2697">
        <v>309351.97529999999</v>
      </c>
      <c r="AI2697">
        <v>77848.728099999993</v>
      </c>
      <c r="AJ2697">
        <v>25941.81349</v>
      </c>
      <c r="AK2697">
        <v>28835.871169999999</v>
      </c>
      <c r="AL2697">
        <v>86419.368119999999</v>
      </c>
      <c r="AM2697">
        <v>17346.318770000002</v>
      </c>
      <c r="AN2697">
        <v>97148.878190000003</v>
      </c>
      <c r="AO2697">
        <v>27151.262180000002</v>
      </c>
      <c r="AP2697">
        <v>22649.502410000001</v>
      </c>
    </row>
    <row r="2698" spans="2:42" x14ac:dyDescent="0.3">
      <c r="B2698">
        <v>62.303221281668812</v>
      </c>
      <c r="C2698" s="83">
        <v>43213.333333333336</v>
      </c>
      <c r="D2698">
        <v>277888.95529999997</v>
      </c>
      <c r="E2698">
        <v>29419.859970000001</v>
      </c>
      <c r="F2698">
        <v>82856.954199999993</v>
      </c>
      <c r="G2698">
        <v>57055.588779999998</v>
      </c>
      <c r="H2698">
        <v>48643.812409999999</v>
      </c>
      <c r="I2698">
        <v>40974.825649999999</v>
      </c>
      <c r="J2698">
        <v>45467.454519999999</v>
      </c>
      <c r="K2698">
        <v>56645.761919999997</v>
      </c>
      <c r="L2698">
        <v>24753.18188</v>
      </c>
      <c r="M2698">
        <v>317650.87670000002</v>
      </c>
      <c r="N2698">
        <v>83286.524900000004</v>
      </c>
      <c r="O2698">
        <v>27509.795160000001</v>
      </c>
      <c r="P2698">
        <v>31153.889210000001</v>
      </c>
      <c r="Q2698">
        <v>88353.444680000001</v>
      </c>
      <c r="R2698">
        <v>20582.174800000001</v>
      </c>
      <c r="S2698">
        <v>108583.0291</v>
      </c>
      <c r="T2698">
        <v>30047.486720000001</v>
      </c>
      <c r="U2698">
        <v>25913.6014</v>
      </c>
      <c r="W2698" s="83">
        <f>Bühler!N2730</f>
        <v>45404.333333326795</v>
      </c>
      <c r="X2698" s="83">
        <v>43213.333333333336</v>
      </c>
      <c r="Y2698">
        <v>277888.95529999997</v>
      </c>
      <c r="Z2698">
        <v>29419.859970000001</v>
      </c>
      <c r="AA2698">
        <v>82856.954199999993</v>
      </c>
      <c r="AB2698">
        <v>57055.588779999998</v>
      </c>
      <c r="AC2698">
        <v>48643.812409999999</v>
      </c>
      <c r="AD2698">
        <v>40974.825649999999</v>
      </c>
      <c r="AE2698">
        <v>45467.454519999999</v>
      </c>
      <c r="AF2698">
        <v>56645.761919999997</v>
      </c>
      <c r="AG2698">
        <v>24753.18188</v>
      </c>
      <c r="AH2698">
        <v>317650.87670000002</v>
      </c>
      <c r="AI2698">
        <v>83286.524900000004</v>
      </c>
      <c r="AJ2698">
        <v>27509.795160000001</v>
      </c>
      <c r="AK2698">
        <v>31153.889210000001</v>
      </c>
      <c r="AL2698">
        <v>88353.444680000001</v>
      </c>
      <c r="AM2698">
        <v>20582.174800000001</v>
      </c>
      <c r="AN2698">
        <v>108583.0291</v>
      </c>
      <c r="AO2698">
        <v>30047.486720000001</v>
      </c>
      <c r="AP2698">
        <v>25913.6014</v>
      </c>
    </row>
    <row r="2699" spans="2:42" x14ac:dyDescent="0.3">
      <c r="B2699">
        <v>63.311656653241329</v>
      </c>
      <c r="C2699" s="83">
        <v>43213.375</v>
      </c>
      <c r="D2699">
        <v>281949.04989999998</v>
      </c>
      <c r="E2699">
        <v>33370.213810000001</v>
      </c>
      <c r="F2699">
        <v>89085.6158</v>
      </c>
      <c r="G2699">
        <v>61340.631659999999</v>
      </c>
      <c r="H2699">
        <v>50983.87384</v>
      </c>
      <c r="I2699">
        <v>38707.288489999999</v>
      </c>
      <c r="J2699">
        <v>45707.966200000003</v>
      </c>
      <c r="K2699">
        <v>59078.184050000003</v>
      </c>
      <c r="L2699">
        <v>27798.366429999998</v>
      </c>
      <c r="M2699">
        <v>322792.3505</v>
      </c>
      <c r="N2699">
        <v>88378.301330000002</v>
      </c>
      <c r="O2699">
        <v>28042.389620000002</v>
      </c>
      <c r="P2699">
        <v>34848.804250000001</v>
      </c>
      <c r="Q2699">
        <v>90889.738559999998</v>
      </c>
      <c r="R2699">
        <v>21738.17469</v>
      </c>
      <c r="S2699">
        <v>115066.21120000001</v>
      </c>
      <c r="T2699">
        <v>31897.758010000001</v>
      </c>
      <c r="U2699">
        <v>25272.035970000001</v>
      </c>
      <c r="W2699" s="83">
        <f>Bühler!N2731</f>
        <v>45404.374999993459</v>
      </c>
      <c r="X2699" s="83">
        <v>43213.375</v>
      </c>
      <c r="Y2699">
        <v>281949.04989999998</v>
      </c>
      <c r="Z2699">
        <v>33370.213810000001</v>
      </c>
      <c r="AA2699">
        <v>89085.6158</v>
      </c>
      <c r="AB2699">
        <v>61340.631659999999</v>
      </c>
      <c r="AC2699">
        <v>50983.87384</v>
      </c>
      <c r="AD2699">
        <v>38707.288489999999</v>
      </c>
      <c r="AE2699">
        <v>45707.966200000003</v>
      </c>
      <c r="AF2699">
        <v>59078.184050000003</v>
      </c>
      <c r="AG2699">
        <v>27798.366429999998</v>
      </c>
      <c r="AH2699">
        <v>322792.3505</v>
      </c>
      <c r="AI2699">
        <v>88378.301330000002</v>
      </c>
      <c r="AJ2699">
        <v>28042.389620000002</v>
      </c>
      <c r="AK2699">
        <v>34848.804250000001</v>
      </c>
      <c r="AL2699">
        <v>90889.738559999998</v>
      </c>
      <c r="AM2699">
        <v>21738.17469</v>
      </c>
      <c r="AN2699">
        <v>115066.21120000001</v>
      </c>
      <c r="AO2699">
        <v>31897.758010000001</v>
      </c>
      <c r="AP2699">
        <v>25272.035970000001</v>
      </c>
    </row>
    <row r="2700" spans="2:42" x14ac:dyDescent="0.3">
      <c r="B2700">
        <v>64.531345160121774</v>
      </c>
      <c r="C2700" s="83">
        <v>43213.416666666664</v>
      </c>
      <c r="D2700">
        <v>285742.64350000001</v>
      </c>
      <c r="E2700">
        <v>34822.473160000001</v>
      </c>
      <c r="F2700">
        <v>90422.403560000006</v>
      </c>
      <c r="G2700">
        <v>63147.19255</v>
      </c>
      <c r="H2700">
        <v>51252.533409999996</v>
      </c>
      <c r="I2700">
        <v>36709.592329999999</v>
      </c>
      <c r="J2700">
        <v>44444.250070000002</v>
      </c>
      <c r="K2700">
        <v>60137.067940000001</v>
      </c>
      <c r="L2700">
        <v>30051.217329999999</v>
      </c>
      <c r="M2700">
        <v>329010.89130000002</v>
      </c>
      <c r="N2700">
        <v>90472.045190000004</v>
      </c>
      <c r="O2700">
        <v>28454.74422</v>
      </c>
      <c r="P2700">
        <v>34282.512000000002</v>
      </c>
      <c r="Q2700">
        <v>91083.741089999996</v>
      </c>
      <c r="R2700">
        <v>22233.172129999999</v>
      </c>
      <c r="S2700">
        <v>115490.0019</v>
      </c>
      <c r="T2700">
        <v>33313.214449999999</v>
      </c>
      <c r="U2700">
        <v>24116.426299999999</v>
      </c>
      <c r="W2700" s="83">
        <f>Bühler!N2732</f>
        <v>45404.416666660123</v>
      </c>
      <c r="X2700" s="83">
        <v>43213.416666666664</v>
      </c>
      <c r="Y2700">
        <v>285742.64350000001</v>
      </c>
      <c r="Z2700">
        <v>34822.473160000001</v>
      </c>
      <c r="AA2700">
        <v>90422.403560000006</v>
      </c>
      <c r="AB2700">
        <v>63147.19255</v>
      </c>
      <c r="AC2700">
        <v>51252.533409999996</v>
      </c>
      <c r="AD2700">
        <v>36709.592329999999</v>
      </c>
      <c r="AE2700">
        <v>44444.250070000002</v>
      </c>
      <c r="AF2700">
        <v>60137.067940000001</v>
      </c>
      <c r="AG2700">
        <v>30051.217329999999</v>
      </c>
      <c r="AH2700">
        <v>329010.89130000002</v>
      </c>
      <c r="AI2700">
        <v>90472.045190000004</v>
      </c>
      <c r="AJ2700">
        <v>28454.74422</v>
      </c>
      <c r="AK2700">
        <v>34282.512000000002</v>
      </c>
      <c r="AL2700">
        <v>91083.741089999996</v>
      </c>
      <c r="AM2700">
        <v>22233.172129999999</v>
      </c>
      <c r="AN2700">
        <v>115490.0019</v>
      </c>
      <c r="AO2700">
        <v>33313.214449999999</v>
      </c>
      <c r="AP2700">
        <v>24116.426299999999</v>
      </c>
    </row>
    <row r="2701" spans="2:42" x14ac:dyDescent="0.3">
      <c r="B2701">
        <v>65.773505993446179</v>
      </c>
      <c r="C2701" s="83">
        <v>43213.458333333336</v>
      </c>
      <c r="D2701">
        <v>284516.01659999997</v>
      </c>
      <c r="E2701">
        <v>34741.859830000001</v>
      </c>
      <c r="F2701">
        <v>91241.957320000001</v>
      </c>
      <c r="G2701">
        <v>63206.092140000001</v>
      </c>
      <c r="H2701">
        <v>50852.265169999999</v>
      </c>
      <c r="I2701">
        <v>35941.357150000003</v>
      </c>
      <c r="J2701">
        <v>43563.250110000001</v>
      </c>
      <c r="K2701">
        <v>61730.022380000002</v>
      </c>
      <c r="L2701">
        <v>31525.707839999999</v>
      </c>
      <c r="M2701">
        <v>335344.00650000002</v>
      </c>
      <c r="N2701">
        <v>90964.03181</v>
      </c>
      <c r="O2701">
        <v>28080.659360000001</v>
      </c>
      <c r="P2701">
        <v>33326.52779</v>
      </c>
      <c r="Q2701">
        <v>92400.506510000007</v>
      </c>
      <c r="R2701">
        <v>23837.004720000001</v>
      </c>
      <c r="S2701">
        <v>117326.8162</v>
      </c>
      <c r="T2701">
        <v>32862.536699999997</v>
      </c>
      <c r="U2701">
        <v>23398.089639999998</v>
      </c>
      <c r="W2701" s="83">
        <f>Bühler!N2733</f>
        <v>45404.458333326787</v>
      </c>
      <c r="X2701" s="83">
        <v>43213.458333333336</v>
      </c>
      <c r="Y2701">
        <v>284516.01659999997</v>
      </c>
      <c r="Z2701">
        <v>34741.859830000001</v>
      </c>
      <c r="AA2701">
        <v>91241.957320000001</v>
      </c>
      <c r="AB2701">
        <v>63206.092140000001</v>
      </c>
      <c r="AC2701">
        <v>50852.265169999999</v>
      </c>
      <c r="AD2701">
        <v>35941.357150000003</v>
      </c>
      <c r="AE2701">
        <v>43563.250110000001</v>
      </c>
      <c r="AF2701">
        <v>61730.022380000002</v>
      </c>
      <c r="AG2701">
        <v>31525.707839999999</v>
      </c>
      <c r="AH2701">
        <v>335344.00650000002</v>
      </c>
      <c r="AI2701">
        <v>90964.03181</v>
      </c>
      <c r="AJ2701">
        <v>28080.659360000001</v>
      </c>
      <c r="AK2701">
        <v>33326.52779</v>
      </c>
      <c r="AL2701">
        <v>92400.506510000007</v>
      </c>
      <c r="AM2701">
        <v>23837.004720000001</v>
      </c>
      <c r="AN2701">
        <v>117326.8162</v>
      </c>
      <c r="AO2701">
        <v>32862.536699999997</v>
      </c>
      <c r="AP2701">
        <v>23398.089639999998</v>
      </c>
    </row>
    <row r="2702" spans="2:42" x14ac:dyDescent="0.3">
      <c r="B2702">
        <v>65.162110469590587</v>
      </c>
      <c r="C2702" s="83">
        <v>43213.5</v>
      </c>
      <c r="D2702">
        <v>273866.10519999999</v>
      </c>
      <c r="E2702">
        <v>31096.79477</v>
      </c>
      <c r="F2702">
        <v>84986.334099999993</v>
      </c>
      <c r="G2702">
        <v>62266.322480000003</v>
      </c>
      <c r="H2702">
        <v>48492.878409999998</v>
      </c>
      <c r="I2702">
        <v>34828.833579999999</v>
      </c>
      <c r="J2702">
        <v>44343.302009999999</v>
      </c>
      <c r="K2702">
        <v>57998.908719999999</v>
      </c>
      <c r="L2702">
        <v>33291.47653</v>
      </c>
      <c r="M2702">
        <v>332226.82699999999</v>
      </c>
      <c r="N2702">
        <v>87727.242020000005</v>
      </c>
      <c r="O2702">
        <v>26258.780839999999</v>
      </c>
      <c r="P2702">
        <v>33733.032019999999</v>
      </c>
      <c r="Q2702">
        <v>92431.975999999995</v>
      </c>
      <c r="R2702">
        <v>23882.42441</v>
      </c>
      <c r="S2702">
        <v>112521.7242</v>
      </c>
      <c r="T2702">
        <v>32179.917249999999</v>
      </c>
      <c r="U2702">
        <v>20345.160070000002</v>
      </c>
      <c r="W2702" s="83">
        <f>Bühler!N2734</f>
        <v>45404.499999993452</v>
      </c>
      <c r="X2702" s="83">
        <v>43213.5</v>
      </c>
      <c r="Y2702">
        <v>273866.10519999999</v>
      </c>
      <c r="Z2702">
        <v>31096.79477</v>
      </c>
      <c r="AA2702">
        <v>84986.334099999993</v>
      </c>
      <c r="AB2702">
        <v>62266.322480000003</v>
      </c>
      <c r="AC2702">
        <v>48492.878409999998</v>
      </c>
      <c r="AD2702">
        <v>34828.833579999999</v>
      </c>
      <c r="AE2702">
        <v>44343.302009999999</v>
      </c>
      <c r="AF2702">
        <v>57998.908719999999</v>
      </c>
      <c r="AG2702">
        <v>33291.47653</v>
      </c>
      <c r="AH2702">
        <v>332226.82699999999</v>
      </c>
      <c r="AI2702">
        <v>87727.242020000005</v>
      </c>
      <c r="AJ2702">
        <v>26258.780839999999</v>
      </c>
      <c r="AK2702">
        <v>33733.032019999999</v>
      </c>
      <c r="AL2702">
        <v>92431.975999999995</v>
      </c>
      <c r="AM2702">
        <v>23882.42441</v>
      </c>
      <c r="AN2702">
        <v>112521.7242</v>
      </c>
      <c r="AO2702">
        <v>32179.917249999999</v>
      </c>
      <c r="AP2702">
        <v>20345.160070000002</v>
      </c>
    </row>
    <row r="2703" spans="2:42" x14ac:dyDescent="0.3">
      <c r="B2703">
        <v>65.191488598218697</v>
      </c>
      <c r="C2703" s="83">
        <v>43213.541666666664</v>
      </c>
      <c r="D2703">
        <v>277746.87670000002</v>
      </c>
      <c r="E2703">
        <v>31005.568910000002</v>
      </c>
      <c r="F2703">
        <v>81823.186619999993</v>
      </c>
      <c r="G2703">
        <v>60195.269240000001</v>
      </c>
      <c r="H2703">
        <v>48730.310169999997</v>
      </c>
      <c r="I2703">
        <v>35166.220070000003</v>
      </c>
      <c r="J2703">
        <v>43428.271390000002</v>
      </c>
      <c r="K2703">
        <v>60397.440040000001</v>
      </c>
      <c r="L2703">
        <v>31875.100119999999</v>
      </c>
      <c r="M2703">
        <v>332376.61040000001</v>
      </c>
      <c r="N2703">
        <v>88157.461249999993</v>
      </c>
      <c r="O2703">
        <v>26108.543669999999</v>
      </c>
      <c r="P2703">
        <v>33400.392999999996</v>
      </c>
      <c r="Q2703">
        <v>92111.242509999996</v>
      </c>
      <c r="R2703">
        <v>22854.779119999999</v>
      </c>
      <c r="S2703">
        <v>110923.7504</v>
      </c>
      <c r="T2703">
        <v>32854.963179999999</v>
      </c>
      <c r="U2703">
        <v>22930.295569999998</v>
      </c>
      <c r="W2703" s="83">
        <f>Bühler!N2735</f>
        <v>45404.541666660116</v>
      </c>
      <c r="X2703" s="83">
        <v>43213.541666666664</v>
      </c>
      <c r="Y2703">
        <v>277746.87670000002</v>
      </c>
      <c r="Z2703">
        <v>31005.568910000002</v>
      </c>
      <c r="AA2703">
        <v>81823.186619999993</v>
      </c>
      <c r="AB2703">
        <v>60195.269240000001</v>
      </c>
      <c r="AC2703">
        <v>48730.310169999997</v>
      </c>
      <c r="AD2703">
        <v>35166.220070000003</v>
      </c>
      <c r="AE2703">
        <v>43428.271390000002</v>
      </c>
      <c r="AF2703">
        <v>60397.440040000001</v>
      </c>
      <c r="AG2703">
        <v>31875.100119999999</v>
      </c>
      <c r="AH2703">
        <v>332376.61040000001</v>
      </c>
      <c r="AI2703">
        <v>88157.461249999993</v>
      </c>
      <c r="AJ2703">
        <v>26108.543669999999</v>
      </c>
      <c r="AK2703">
        <v>33400.392999999996</v>
      </c>
      <c r="AL2703">
        <v>92111.242509999996</v>
      </c>
      <c r="AM2703">
        <v>22854.779119999999</v>
      </c>
      <c r="AN2703">
        <v>110923.7504</v>
      </c>
      <c r="AO2703">
        <v>32854.963179999999</v>
      </c>
      <c r="AP2703">
        <v>22930.295569999998</v>
      </c>
    </row>
    <row r="2704" spans="2:42" x14ac:dyDescent="0.3">
      <c r="B2704">
        <v>65.235927295035324</v>
      </c>
      <c r="C2704" s="83">
        <v>43213.583333333336</v>
      </c>
      <c r="D2704">
        <v>282648.66080000001</v>
      </c>
      <c r="E2704">
        <v>33771.806909999999</v>
      </c>
      <c r="F2704">
        <v>88893.877189999999</v>
      </c>
      <c r="G2704">
        <v>56857.727749999998</v>
      </c>
      <c r="H2704">
        <v>48642.909740000003</v>
      </c>
      <c r="I2704">
        <v>35725.508690000002</v>
      </c>
      <c r="J2704">
        <v>42578.683669999999</v>
      </c>
      <c r="K2704">
        <v>62226.740129999998</v>
      </c>
      <c r="L2704">
        <v>28383.8878</v>
      </c>
      <c r="M2704">
        <v>332603.17959999997</v>
      </c>
      <c r="N2704">
        <v>88886.737290000005</v>
      </c>
      <c r="O2704">
        <v>25836.14099</v>
      </c>
      <c r="P2704">
        <v>29935.78744</v>
      </c>
      <c r="Q2704">
        <v>92153.775569999998</v>
      </c>
      <c r="R2704">
        <v>22444.532220000001</v>
      </c>
      <c r="S2704">
        <v>107110.5635</v>
      </c>
      <c r="T2704">
        <v>31574.630870000001</v>
      </c>
      <c r="U2704">
        <v>22772.7412</v>
      </c>
      <c r="W2704" s="83">
        <f>Bühler!N2736</f>
        <v>45404.58333332678</v>
      </c>
      <c r="X2704" s="83">
        <v>43213.583333333336</v>
      </c>
      <c r="Y2704">
        <v>282648.66080000001</v>
      </c>
      <c r="Z2704">
        <v>33771.806909999999</v>
      </c>
      <c r="AA2704">
        <v>88893.877189999999</v>
      </c>
      <c r="AB2704">
        <v>56857.727749999998</v>
      </c>
      <c r="AC2704">
        <v>48642.909740000003</v>
      </c>
      <c r="AD2704">
        <v>35725.508690000002</v>
      </c>
      <c r="AE2704">
        <v>42578.683669999999</v>
      </c>
      <c r="AF2704">
        <v>62226.740129999998</v>
      </c>
      <c r="AG2704">
        <v>28383.8878</v>
      </c>
      <c r="AH2704">
        <v>332603.17959999997</v>
      </c>
      <c r="AI2704">
        <v>88886.737290000005</v>
      </c>
      <c r="AJ2704">
        <v>25836.14099</v>
      </c>
      <c r="AK2704">
        <v>29935.78744</v>
      </c>
      <c r="AL2704">
        <v>92153.775569999998</v>
      </c>
      <c r="AM2704">
        <v>22444.532220000001</v>
      </c>
      <c r="AN2704">
        <v>107110.5635</v>
      </c>
      <c r="AO2704">
        <v>31574.630870000001</v>
      </c>
      <c r="AP2704">
        <v>22772.7412</v>
      </c>
    </row>
    <row r="2705" spans="2:42" x14ac:dyDescent="0.3">
      <c r="B2705">
        <v>65.299376375269119</v>
      </c>
      <c r="C2705" s="83">
        <v>43213.625</v>
      </c>
      <c r="D2705">
        <v>280631.03720000002</v>
      </c>
      <c r="E2705">
        <v>33467.527119999999</v>
      </c>
      <c r="F2705">
        <v>90860.198980000001</v>
      </c>
      <c r="G2705">
        <v>54638.527719999998</v>
      </c>
      <c r="H2705">
        <v>47485.481849999996</v>
      </c>
      <c r="I2705">
        <v>35799.81093</v>
      </c>
      <c r="J2705">
        <v>41730.966359999999</v>
      </c>
      <c r="K2705">
        <v>61192.066939999997</v>
      </c>
      <c r="L2705">
        <v>25595.498769999998</v>
      </c>
      <c r="M2705">
        <v>332926.67259999999</v>
      </c>
      <c r="N2705">
        <v>87909.433749999997</v>
      </c>
      <c r="O2705">
        <v>25748.242979999999</v>
      </c>
      <c r="P2705">
        <v>28392.024089999999</v>
      </c>
      <c r="Q2705">
        <v>92675.085630000001</v>
      </c>
      <c r="R2705">
        <v>22919.759580000002</v>
      </c>
      <c r="S2705">
        <v>105151.6642</v>
      </c>
      <c r="T2705">
        <v>31270.397099999998</v>
      </c>
      <c r="U2705">
        <v>21274.385439999998</v>
      </c>
      <c r="W2705" s="83">
        <f>Bühler!N2737</f>
        <v>45404.624999993444</v>
      </c>
      <c r="X2705" s="83">
        <v>43213.625</v>
      </c>
      <c r="Y2705">
        <v>280631.03720000002</v>
      </c>
      <c r="Z2705">
        <v>33467.527119999999</v>
      </c>
      <c r="AA2705">
        <v>90860.198980000001</v>
      </c>
      <c r="AB2705">
        <v>54638.527719999998</v>
      </c>
      <c r="AC2705">
        <v>47485.481849999996</v>
      </c>
      <c r="AD2705">
        <v>35799.81093</v>
      </c>
      <c r="AE2705">
        <v>41730.966359999999</v>
      </c>
      <c r="AF2705">
        <v>61192.066939999997</v>
      </c>
      <c r="AG2705">
        <v>25595.498769999998</v>
      </c>
      <c r="AH2705">
        <v>332926.67259999999</v>
      </c>
      <c r="AI2705">
        <v>87909.433749999997</v>
      </c>
      <c r="AJ2705">
        <v>25748.242979999999</v>
      </c>
      <c r="AK2705">
        <v>28392.024089999999</v>
      </c>
      <c r="AL2705">
        <v>92675.085630000001</v>
      </c>
      <c r="AM2705">
        <v>22919.759580000002</v>
      </c>
      <c r="AN2705">
        <v>105151.6642</v>
      </c>
      <c r="AO2705">
        <v>31270.397099999998</v>
      </c>
      <c r="AP2705">
        <v>21274.385439999998</v>
      </c>
    </row>
    <row r="2706" spans="2:42" x14ac:dyDescent="0.3">
      <c r="B2706">
        <v>64.667322344926347</v>
      </c>
      <c r="C2706" s="83">
        <v>43213.666666666664</v>
      </c>
      <c r="D2706">
        <v>273593.62290000002</v>
      </c>
      <c r="E2706">
        <v>32693.267820000001</v>
      </c>
      <c r="F2706">
        <v>90380.316489999997</v>
      </c>
      <c r="G2706">
        <v>52327.088680000001</v>
      </c>
      <c r="H2706">
        <v>46043.791389999999</v>
      </c>
      <c r="I2706">
        <v>36516.773399999998</v>
      </c>
      <c r="J2706">
        <v>40872.23588</v>
      </c>
      <c r="K2706">
        <v>57335.385260000003</v>
      </c>
      <c r="L2706">
        <v>25237.261900000001</v>
      </c>
      <c r="M2706">
        <v>329704.16639999999</v>
      </c>
      <c r="N2706">
        <v>85359.970539999995</v>
      </c>
      <c r="O2706">
        <v>24724.302950000001</v>
      </c>
      <c r="P2706">
        <v>27583.323700000001</v>
      </c>
      <c r="Q2706">
        <v>92003.849830000006</v>
      </c>
      <c r="R2706">
        <v>23009.356680000001</v>
      </c>
      <c r="S2706">
        <v>102136.5447</v>
      </c>
      <c r="T2706">
        <v>30704.74915</v>
      </c>
      <c r="U2706">
        <v>19933.751029999999</v>
      </c>
      <c r="W2706" s="83">
        <f>Bühler!N2738</f>
        <v>45404.666666660109</v>
      </c>
      <c r="X2706" s="83">
        <v>43213.666666666664</v>
      </c>
      <c r="Y2706">
        <v>273593.62290000002</v>
      </c>
      <c r="Z2706">
        <v>32693.267820000001</v>
      </c>
      <c r="AA2706">
        <v>90380.316489999997</v>
      </c>
      <c r="AB2706">
        <v>52327.088680000001</v>
      </c>
      <c r="AC2706">
        <v>46043.791389999999</v>
      </c>
      <c r="AD2706">
        <v>36516.773399999998</v>
      </c>
      <c r="AE2706">
        <v>40872.23588</v>
      </c>
      <c r="AF2706">
        <v>57335.385260000003</v>
      </c>
      <c r="AG2706">
        <v>25237.261900000001</v>
      </c>
      <c r="AH2706">
        <v>329704.16639999999</v>
      </c>
      <c r="AI2706">
        <v>85359.970539999995</v>
      </c>
      <c r="AJ2706">
        <v>24724.302950000001</v>
      </c>
      <c r="AK2706">
        <v>27583.323700000001</v>
      </c>
      <c r="AL2706">
        <v>92003.849830000006</v>
      </c>
      <c r="AM2706">
        <v>23009.356680000001</v>
      </c>
      <c r="AN2706">
        <v>102136.5447</v>
      </c>
      <c r="AO2706">
        <v>30704.74915</v>
      </c>
      <c r="AP2706">
        <v>19933.751029999999</v>
      </c>
    </row>
    <row r="2707" spans="2:42" x14ac:dyDescent="0.3">
      <c r="B2707">
        <v>63.580966619789692</v>
      </c>
      <c r="C2707" s="83">
        <v>43213.708333333336</v>
      </c>
      <c r="D2707">
        <v>264582.14409999998</v>
      </c>
      <c r="E2707">
        <v>30664.365580000002</v>
      </c>
      <c r="F2707">
        <v>89163.974480000004</v>
      </c>
      <c r="G2707">
        <v>47587.333619999998</v>
      </c>
      <c r="H2707">
        <v>43707.0285</v>
      </c>
      <c r="I2707">
        <v>36384.917569999998</v>
      </c>
      <c r="J2707">
        <v>41004.109750000003</v>
      </c>
      <c r="K2707">
        <v>53351.951209999999</v>
      </c>
      <c r="L2707">
        <v>25668.41951</v>
      </c>
      <c r="M2707">
        <v>324165.41830000002</v>
      </c>
      <c r="N2707">
        <v>81151.081850000002</v>
      </c>
      <c r="O2707">
        <v>23839.293280000002</v>
      </c>
      <c r="P2707">
        <v>30052.83654</v>
      </c>
      <c r="Q2707">
        <v>91594.888019999999</v>
      </c>
      <c r="R2707">
        <v>22856.494989999999</v>
      </c>
      <c r="S2707">
        <v>98306.280910000001</v>
      </c>
      <c r="T2707">
        <v>29953.763070000001</v>
      </c>
      <c r="U2707">
        <v>18513.56119</v>
      </c>
      <c r="W2707" s="83">
        <f>Bühler!N2739</f>
        <v>45404.708333326773</v>
      </c>
      <c r="X2707" s="83">
        <v>43213.708333333336</v>
      </c>
      <c r="Y2707">
        <v>264582.14409999998</v>
      </c>
      <c r="Z2707">
        <v>30664.365580000002</v>
      </c>
      <c r="AA2707">
        <v>89163.974480000004</v>
      </c>
      <c r="AB2707">
        <v>47587.333619999998</v>
      </c>
      <c r="AC2707">
        <v>43707.0285</v>
      </c>
      <c r="AD2707">
        <v>36384.917569999998</v>
      </c>
      <c r="AE2707">
        <v>41004.109750000003</v>
      </c>
      <c r="AF2707">
        <v>53351.951209999999</v>
      </c>
      <c r="AG2707">
        <v>25668.41951</v>
      </c>
      <c r="AH2707">
        <v>324165.41830000002</v>
      </c>
      <c r="AI2707">
        <v>81151.081850000002</v>
      </c>
      <c r="AJ2707">
        <v>23839.293280000002</v>
      </c>
      <c r="AK2707">
        <v>30052.83654</v>
      </c>
      <c r="AL2707">
        <v>91594.888019999999</v>
      </c>
      <c r="AM2707">
        <v>22856.494989999999</v>
      </c>
      <c r="AN2707">
        <v>98306.280910000001</v>
      </c>
      <c r="AO2707">
        <v>29953.763070000001</v>
      </c>
      <c r="AP2707">
        <v>18513.56119</v>
      </c>
    </row>
    <row r="2708" spans="2:42" x14ac:dyDescent="0.3">
      <c r="B2708">
        <v>62.606506661288847</v>
      </c>
      <c r="C2708" s="83">
        <v>43213.75</v>
      </c>
      <c r="D2708">
        <v>258257.7807</v>
      </c>
      <c r="E2708">
        <v>27764.76784</v>
      </c>
      <c r="F2708">
        <v>87097.582190000001</v>
      </c>
      <c r="G2708">
        <v>42947.12543</v>
      </c>
      <c r="H2708">
        <v>41591.310769999996</v>
      </c>
      <c r="I2708">
        <v>34304.006880000001</v>
      </c>
      <c r="J2708">
        <v>40772.613550000002</v>
      </c>
      <c r="K2708">
        <v>50864.521030000004</v>
      </c>
      <c r="L2708">
        <v>26606.594209999999</v>
      </c>
      <c r="M2708">
        <v>319197.16700000002</v>
      </c>
      <c r="N2708">
        <v>79178.782919999998</v>
      </c>
      <c r="O2708">
        <v>22326.466359999999</v>
      </c>
      <c r="P2708">
        <v>31958.717199999999</v>
      </c>
      <c r="Q2708">
        <v>89562.698820000005</v>
      </c>
      <c r="R2708">
        <v>21426.240450000001</v>
      </c>
      <c r="S2708">
        <v>92380.36795</v>
      </c>
      <c r="T2708">
        <v>29035.47725</v>
      </c>
      <c r="U2708">
        <v>16629.096839999998</v>
      </c>
      <c r="W2708" s="83">
        <f>Bühler!N2740</f>
        <v>45404.749999993437</v>
      </c>
      <c r="X2708" s="83">
        <v>43213.75</v>
      </c>
      <c r="Y2708">
        <v>258257.7807</v>
      </c>
      <c r="Z2708">
        <v>27764.76784</v>
      </c>
      <c r="AA2708">
        <v>87097.582190000001</v>
      </c>
      <c r="AB2708">
        <v>42947.12543</v>
      </c>
      <c r="AC2708">
        <v>41591.310769999996</v>
      </c>
      <c r="AD2708">
        <v>34304.006880000001</v>
      </c>
      <c r="AE2708">
        <v>40772.613550000002</v>
      </c>
      <c r="AF2708">
        <v>50864.521030000004</v>
      </c>
      <c r="AG2708">
        <v>26606.594209999999</v>
      </c>
      <c r="AH2708">
        <v>319197.16700000002</v>
      </c>
      <c r="AI2708">
        <v>79178.782919999998</v>
      </c>
      <c r="AJ2708">
        <v>22326.466359999999</v>
      </c>
      <c r="AK2708">
        <v>31958.717199999999</v>
      </c>
      <c r="AL2708">
        <v>89562.698820000005</v>
      </c>
      <c r="AM2708">
        <v>21426.240450000001</v>
      </c>
      <c r="AN2708">
        <v>92380.36795</v>
      </c>
      <c r="AO2708">
        <v>29035.47725</v>
      </c>
      <c r="AP2708">
        <v>16629.096839999998</v>
      </c>
    </row>
    <row r="2709" spans="2:42" x14ac:dyDescent="0.3">
      <c r="B2709">
        <v>61.659213970493617</v>
      </c>
      <c r="C2709" s="83">
        <v>43213.791666666664</v>
      </c>
      <c r="D2709">
        <v>252484.42869999999</v>
      </c>
      <c r="E2709">
        <v>22711.97608</v>
      </c>
      <c r="F2709">
        <v>76001.503249999994</v>
      </c>
      <c r="G2709">
        <v>40630.798000000003</v>
      </c>
      <c r="H2709">
        <v>39219.457499999997</v>
      </c>
      <c r="I2709">
        <v>31861.779210000001</v>
      </c>
      <c r="J2709">
        <v>40827.086450000003</v>
      </c>
      <c r="K2709">
        <v>49831.171670000003</v>
      </c>
      <c r="L2709">
        <v>27723.534060000002</v>
      </c>
      <c r="M2709">
        <v>314367.42709999997</v>
      </c>
      <c r="N2709">
        <v>77815.676139999996</v>
      </c>
      <c r="O2709">
        <v>21273.01152</v>
      </c>
      <c r="P2709">
        <v>34257.191420000003</v>
      </c>
      <c r="Q2709">
        <v>88522.218529999998</v>
      </c>
      <c r="R2709">
        <v>20111.469819999998</v>
      </c>
      <c r="S2709">
        <v>87571.443979999996</v>
      </c>
      <c r="T2709">
        <v>28791.290669999998</v>
      </c>
      <c r="U2709">
        <v>15455.95745</v>
      </c>
      <c r="W2709" s="83">
        <f>Bühler!N2741</f>
        <v>45404.791666660101</v>
      </c>
      <c r="X2709" s="83">
        <v>43213.791666666664</v>
      </c>
      <c r="Y2709">
        <v>252484.42869999999</v>
      </c>
      <c r="Z2709">
        <v>22711.97608</v>
      </c>
      <c r="AA2709">
        <v>76001.503249999994</v>
      </c>
      <c r="AB2709">
        <v>40630.798000000003</v>
      </c>
      <c r="AC2709">
        <v>39219.457499999997</v>
      </c>
      <c r="AD2709">
        <v>31861.779210000001</v>
      </c>
      <c r="AE2709">
        <v>40827.086450000003</v>
      </c>
      <c r="AF2709">
        <v>49831.171670000003</v>
      </c>
      <c r="AG2709">
        <v>27723.534060000002</v>
      </c>
      <c r="AH2709">
        <v>314367.42709999997</v>
      </c>
      <c r="AI2709">
        <v>77815.676139999996</v>
      </c>
      <c r="AJ2709">
        <v>21273.01152</v>
      </c>
      <c r="AK2709">
        <v>34257.191420000003</v>
      </c>
      <c r="AL2709">
        <v>88522.218529999998</v>
      </c>
      <c r="AM2709">
        <v>20111.469819999998</v>
      </c>
      <c r="AN2709">
        <v>87571.443979999996</v>
      </c>
      <c r="AO2709">
        <v>28791.290669999998</v>
      </c>
      <c r="AP2709">
        <v>15455.95745</v>
      </c>
    </row>
    <row r="2710" spans="2:42" x14ac:dyDescent="0.3">
      <c r="B2710">
        <v>59.715766601142278</v>
      </c>
      <c r="C2710" s="83">
        <v>43213.833333333336</v>
      </c>
      <c r="D2710">
        <v>242488.01250000001</v>
      </c>
      <c r="E2710">
        <v>17160.000510000002</v>
      </c>
      <c r="F2710">
        <v>60582.156840000003</v>
      </c>
      <c r="G2710">
        <v>37977.453560000002</v>
      </c>
      <c r="H2710">
        <v>37452.259610000001</v>
      </c>
      <c r="I2710">
        <v>28374.366750000001</v>
      </c>
      <c r="J2710">
        <v>41223.011140000002</v>
      </c>
      <c r="K2710">
        <v>49487.436470000001</v>
      </c>
      <c r="L2710">
        <v>27494.15941</v>
      </c>
      <c r="M2710">
        <v>304458.82610000001</v>
      </c>
      <c r="N2710">
        <v>75784.997579999996</v>
      </c>
      <c r="O2710">
        <v>21157.434109999998</v>
      </c>
      <c r="P2710">
        <v>34509.164400000001</v>
      </c>
      <c r="Q2710">
        <v>85256.946949999998</v>
      </c>
      <c r="R2710">
        <v>19201.05442</v>
      </c>
      <c r="S2710">
        <v>80956.210709999999</v>
      </c>
      <c r="T2710">
        <v>27913.69024</v>
      </c>
      <c r="U2710">
        <v>14939.086929999999</v>
      </c>
      <c r="W2710" s="83">
        <f>Bühler!N2742</f>
        <v>45404.833333326766</v>
      </c>
      <c r="X2710" s="83">
        <v>43213.833333333336</v>
      </c>
      <c r="Y2710">
        <v>242488.01250000001</v>
      </c>
      <c r="Z2710">
        <v>17160.000510000002</v>
      </c>
      <c r="AA2710">
        <v>60582.156840000003</v>
      </c>
      <c r="AB2710">
        <v>37977.453560000002</v>
      </c>
      <c r="AC2710">
        <v>37452.259610000001</v>
      </c>
      <c r="AD2710">
        <v>28374.366750000001</v>
      </c>
      <c r="AE2710">
        <v>41223.011140000002</v>
      </c>
      <c r="AF2710">
        <v>49487.436470000001</v>
      </c>
      <c r="AG2710">
        <v>27494.15941</v>
      </c>
      <c r="AH2710">
        <v>304458.82610000001</v>
      </c>
      <c r="AI2710">
        <v>75784.997579999996</v>
      </c>
      <c r="AJ2710">
        <v>21157.434109999998</v>
      </c>
      <c r="AK2710">
        <v>34509.164400000001</v>
      </c>
      <c r="AL2710">
        <v>85256.946949999998</v>
      </c>
      <c r="AM2710">
        <v>19201.05442</v>
      </c>
      <c r="AN2710">
        <v>80956.210709999999</v>
      </c>
      <c r="AO2710">
        <v>27913.69024</v>
      </c>
      <c r="AP2710">
        <v>14939.086929999999</v>
      </c>
    </row>
    <row r="2711" spans="2:42" x14ac:dyDescent="0.3">
      <c r="B2711">
        <v>58.826020647016776</v>
      </c>
      <c r="C2711" s="83">
        <v>43213.875</v>
      </c>
      <c r="D2711">
        <v>236777.78700000001</v>
      </c>
      <c r="E2711">
        <v>15102.24015</v>
      </c>
      <c r="F2711">
        <v>52748.048450000002</v>
      </c>
      <c r="G2711">
        <v>37156.425519999997</v>
      </c>
      <c r="H2711">
        <v>37500.671950000004</v>
      </c>
      <c r="I2711">
        <v>25500.685290000001</v>
      </c>
      <c r="J2711">
        <v>42554.235549999998</v>
      </c>
      <c r="K2711">
        <v>48557.412539999998</v>
      </c>
      <c r="L2711">
        <v>26278.362929999999</v>
      </c>
      <c r="M2711">
        <v>299922.48629999999</v>
      </c>
      <c r="N2711">
        <v>74497.597169999994</v>
      </c>
      <c r="O2711">
        <v>20040.811129999998</v>
      </c>
      <c r="P2711">
        <v>33836.161939999998</v>
      </c>
      <c r="Q2711">
        <v>82769.663409999994</v>
      </c>
      <c r="R2711">
        <v>18872.381890000001</v>
      </c>
      <c r="S2711">
        <v>78851.104720000003</v>
      </c>
      <c r="T2711">
        <v>26480.86061</v>
      </c>
      <c r="U2711">
        <v>14909.283069999999</v>
      </c>
      <c r="W2711" s="83">
        <f>Bühler!N2743</f>
        <v>45404.87499999343</v>
      </c>
      <c r="X2711" s="83">
        <v>43213.875</v>
      </c>
      <c r="Y2711">
        <v>236777.78700000001</v>
      </c>
      <c r="Z2711">
        <v>15102.24015</v>
      </c>
      <c r="AA2711">
        <v>52748.048450000002</v>
      </c>
      <c r="AB2711">
        <v>37156.425519999997</v>
      </c>
      <c r="AC2711">
        <v>37500.671950000004</v>
      </c>
      <c r="AD2711">
        <v>25500.685290000001</v>
      </c>
      <c r="AE2711">
        <v>42554.235549999998</v>
      </c>
      <c r="AF2711">
        <v>48557.412539999998</v>
      </c>
      <c r="AG2711">
        <v>26278.362929999999</v>
      </c>
      <c r="AH2711">
        <v>299922.48629999999</v>
      </c>
      <c r="AI2711">
        <v>74497.597169999994</v>
      </c>
      <c r="AJ2711">
        <v>20040.811129999998</v>
      </c>
      <c r="AK2711">
        <v>33836.161939999998</v>
      </c>
      <c r="AL2711">
        <v>82769.663409999994</v>
      </c>
      <c r="AM2711">
        <v>18872.381890000001</v>
      </c>
      <c r="AN2711">
        <v>78851.104720000003</v>
      </c>
      <c r="AO2711">
        <v>26480.86061</v>
      </c>
      <c r="AP2711">
        <v>14909.283069999999</v>
      </c>
    </row>
    <row r="2712" spans="2:42" x14ac:dyDescent="0.3">
      <c r="B2712">
        <v>58.157461285949665</v>
      </c>
      <c r="C2712" s="83">
        <v>43213.916666666664</v>
      </c>
      <c r="D2712">
        <v>235108.53450000001</v>
      </c>
      <c r="E2712">
        <v>14275.309859999999</v>
      </c>
      <c r="F2712">
        <v>50025.989009999998</v>
      </c>
      <c r="G2712">
        <v>35963.390189999998</v>
      </c>
      <c r="H2712">
        <v>36750.943529999997</v>
      </c>
      <c r="I2712">
        <v>23702.551009999999</v>
      </c>
      <c r="J2712">
        <v>41168.944190000002</v>
      </c>
      <c r="K2712">
        <v>51618.39963</v>
      </c>
      <c r="L2712">
        <v>23471.443210000001</v>
      </c>
      <c r="M2712">
        <v>296513.85889999999</v>
      </c>
      <c r="N2712">
        <v>74056.111610000007</v>
      </c>
      <c r="O2712">
        <v>21003.740040000001</v>
      </c>
      <c r="P2712">
        <v>35095.072359999998</v>
      </c>
      <c r="Q2712">
        <v>81875.294460000005</v>
      </c>
      <c r="R2712">
        <v>20815.02853</v>
      </c>
      <c r="S2712">
        <v>76933.327149999997</v>
      </c>
      <c r="T2712">
        <v>23167.51541</v>
      </c>
      <c r="U2712">
        <v>15256.14942</v>
      </c>
      <c r="W2712" s="83">
        <f>Bühler!N2744</f>
        <v>45404.916666660094</v>
      </c>
      <c r="X2712" s="83">
        <v>43213.916666666664</v>
      </c>
      <c r="Y2712">
        <v>235108.53450000001</v>
      </c>
      <c r="Z2712">
        <v>14275.309859999999</v>
      </c>
      <c r="AA2712">
        <v>50025.989009999998</v>
      </c>
      <c r="AB2712">
        <v>35963.390189999998</v>
      </c>
      <c r="AC2712">
        <v>36750.943529999997</v>
      </c>
      <c r="AD2712">
        <v>23702.551009999999</v>
      </c>
      <c r="AE2712">
        <v>41168.944190000002</v>
      </c>
      <c r="AF2712">
        <v>51618.39963</v>
      </c>
      <c r="AG2712">
        <v>23471.443210000001</v>
      </c>
      <c r="AH2712">
        <v>296513.85889999999</v>
      </c>
      <c r="AI2712">
        <v>74056.111610000007</v>
      </c>
      <c r="AJ2712">
        <v>21003.740040000001</v>
      </c>
      <c r="AK2712">
        <v>35095.072359999998</v>
      </c>
      <c r="AL2712">
        <v>81875.294460000005</v>
      </c>
      <c r="AM2712">
        <v>20815.02853</v>
      </c>
      <c r="AN2712">
        <v>76933.327149999997</v>
      </c>
      <c r="AO2712">
        <v>23167.51541</v>
      </c>
      <c r="AP2712">
        <v>15256.14942</v>
      </c>
    </row>
    <row r="2713" spans="2:42" x14ac:dyDescent="0.3">
      <c r="B2713">
        <v>57.425870244677974</v>
      </c>
      <c r="C2713" s="83">
        <v>43213.958333333336</v>
      </c>
      <c r="D2713">
        <v>235115.02040000001</v>
      </c>
      <c r="E2713">
        <v>13702.02785</v>
      </c>
      <c r="F2713">
        <v>48661.31781</v>
      </c>
      <c r="G2713">
        <v>35798.506730000001</v>
      </c>
      <c r="H2713">
        <v>35977.975980000003</v>
      </c>
      <c r="I2713">
        <v>23022.184529999999</v>
      </c>
      <c r="J2713">
        <v>37404.342649999999</v>
      </c>
      <c r="K2713">
        <v>51464.799120000003</v>
      </c>
      <c r="L2713">
        <v>19536.451280000001</v>
      </c>
      <c r="M2713">
        <v>292783.86660000001</v>
      </c>
      <c r="N2713">
        <v>73405.025450000001</v>
      </c>
      <c r="O2713">
        <v>21064.128809999998</v>
      </c>
      <c r="P2713">
        <v>30810.4103</v>
      </c>
      <c r="Q2713">
        <v>81134.150210000007</v>
      </c>
      <c r="R2713">
        <v>21325.176090000001</v>
      </c>
      <c r="S2713">
        <v>75239.608359999998</v>
      </c>
      <c r="T2713">
        <v>20848.782169999999</v>
      </c>
      <c r="U2713">
        <v>14209.053250000001</v>
      </c>
      <c r="W2713" s="83">
        <f>Bühler!N2745</f>
        <v>45404.958333326758</v>
      </c>
      <c r="X2713" s="83">
        <v>43213.958333333336</v>
      </c>
      <c r="Y2713">
        <v>235115.02040000001</v>
      </c>
      <c r="Z2713">
        <v>13702.02785</v>
      </c>
      <c r="AA2713">
        <v>48661.31781</v>
      </c>
      <c r="AB2713">
        <v>35798.506730000001</v>
      </c>
      <c r="AC2713">
        <v>35977.975980000003</v>
      </c>
      <c r="AD2713">
        <v>23022.184529999999</v>
      </c>
      <c r="AE2713">
        <v>37404.342649999999</v>
      </c>
      <c r="AF2713">
        <v>51464.799120000003</v>
      </c>
      <c r="AG2713">
        <v>19536.451280000001</v>
      </c>
      <c r="AH2713">
        <v>292783.86660000001</v>
      </c>
      <c r="AI2713">
        <v>73405.025450000001</v>
      </c>
      <c r="AJ2713">
        <v>21064.128809999998</v>
      </c>
      <c r="AK2713">
        <v>30810.4103</v>
      </c>
      <c r="AL2713">
        <v>81134.150210000007</v>
      </c>
      <c r="AM2713">
        <v>21325.176090000001</v>
      </c>
      <c r="AN2713">
        <v>75239.608359999998</v>
      </c>
      <c r="AO2713">
        <v>20848.782169999999</v>
      </c>
      <c r="AP2713">
        <v>14209.053250000001</v>
      </c>
    </row>
    <row r="2714" spans="2:42" x14ac:dyDescent="0.3">
      <c r="B2714">
        <v>56.548241758013539</v>
      </c>
      <c r="C2714" s="83">
        <v>43214</v>
      </c>
      <c r="D2714">
        <v>232193.90040000001</v>
      </c>
      <c r="E2714">
        <v>13156.442950000001</v>
      </c>
      <c r="F2714">
        <v>47134.607360000002</v>
      </c>
      <c r="G2714">
        <v>34872.934569999998</v>
      </c>
      <c r="H2714">
        <v>35325.698100000001</v>
      </c>
      <c r="I2714">
        <v>21913.986659999999</v>
      </c>
      <c r="J2714">
        <v>35153.563779999997</v>
      </c>
      <c r="K2714">
        <v>50209.276460000001</v>
      </c>
      <c r="L2714">
        <v>17686.31236</v>
      </c>
      <c r="M2714">
        <v>288309.30729999999</v>
      </c>
      <c r="N2714">
        <v>72856.501409999997</v>
      </c>
      <c r="O2714">
        <v>20567.553680000001</v>
      </c>
      <c r="P2714">
        <v>28456.163410000001</v>
      </c>
      <c r="Q2714">
        <v>80382.541679999995</v>
      </c>
      <c r="R2714">
        <v>17971.125220000002</v>
      </c>
      <c r="S2714">
        <v>74319.557629999996</v>
      </c>
      <c r="T2714">
        <v>19577.890879999999</v>
      </c>
      <c r="U2714">
        <v>13857.70686</v>
      </c>
      <c r="W2714" s="83">
        <f>Bühler!N2746</f>
        <v>45404.999999993423</v>
      </c>
      <c r="X2714" s="83">
        <v>43214</v>
      </c>
      <c r="Y2714">
        <v>232193.90040000001</v>
      </c>
      <c r="Z2714">
        <v>13156.442950000001</v>
      </c>
      <c r="AA2714">
        <v>47134.607360000002</v>
      </c>
      <c r="AB2714">
        <v>34872.934569999998</v>
      </c>
      <c r="AC2714">
        <v>35325.698100000001</v>
      </c>
      <c r="AD2714">
        <v>21913.986659999999</v>
      </c>
      <c r="AE2714">
        <v>35153.563779999997</v>
      </c>
      <c r="AF2714">
        <v>50209.276460000001</v>
      </c>
      <c r="AG2714">
        <v>17686.31236</v>
      </c>
      <c r="AH2714">
        <v>288309.30729999999</v>
      </c>
      <c r="AI2714">
        <v>72856.501409999997</v>
      </c>
      <c r="AJ2714">
        <v>20567.553680000001</v>
      </c>
      <c r="AK2714">
        <v>28456.163410000001</v>
      </c>
      <c r="AL2714">
        <v>80382.541679999995</v>
      </c>
      <c r="AM2714">
        <v>17971.125220000002</v>
      </c>
      <c r="AN2714">
        <v>74319.557629999996</v>
      </c>
      <c r="AO2714">
        <v>19577.890879999999</v>
      </c>
      <c r="AP2714">
        <v>13857.70686</v>
      </c>
    </row>
    <row r="2715" spans="2:42" x14ac:dyDescent="0.3">
      <c r="B2715">
        <v>56.189046781098675</v>
      </c>
      <c r="C2715" s="83">
        <v>43214.041666666664</v>
      </c>
      <c r="D2715">
        <v>232261.326</v>
      </c>
      <c r="E2715">
        <v>13134.1522</v>
      </c>
      <c r="F2715">
        <v>46809.048450000002</v>
      </c>
      <c r="G2715">
        <v>33978.450270000001</v>
      </c>
      <c r="H2715">
        <v>34599.928449999999</v>
      </c>
      <c r="I2715">
        <v>17526.328799999999</v>
      </c>
      <c r="J2715">
        <v>34535.622009999999</v>
      </c>
      <c r="K2715">
        <v>46741.927940000001</v>
      </c>
      <c r="L2715">
        <v>17670.01326</v>
      </c>
      <c r="M2715">
        <v>286477.96380000003</v>
      </c>
      <c r="N2715">
        <v>72042.897400000002</v>
      </c>
      <c r="O2715">
        <v>20560.264899999998</v>
      </c>
      <c r="P2715">
        <v>26881.947270000001</v>
      </c>
      <c r="Q2715">
        <v>80443.255040000004</v>
      </c>
      <c r="R2715">
        <v>16556.686669999999</v>
      </c>
      <c r="S2715">
        <v>73323.593280000001</v>
      </c>
      <c r="T2715">
        <v>19258.50229</v>
      </c>
      <c r="U2715">
        <v>13964.07381</v>
      </c>
      <c r="W2715" s="83">
        <f>Bühler!N2747</f>
        <v>45405.041666660087</v>
      </c>
      <c r="X2715" s="83">
        <v>43214.041666666664</v>
      </c>
      <c r="Y2715">
        <v>232261.326</v>
      </c>
      <c r="Z2715">
        <v>13134.1522</v>
      </c>
      <c r="AA2715">
        <v>46809.048450000002</v>
      </c>
      <c r="AB2715">
        <v>33978.450270000001</v>
      </c>
      <c r="AC2715">
        <v>34599.928449999999</v>
      </c>
      <c r="AD2715">
        <v>17526.328799999999</v>
      </c>
      <c r="AE2715">
        <v>34535.622009999999</v>
      </c>
      <c r="AF2715">
        <v>46741.927940000001</v>
      </c>
      <c r="AG2715">
        <v>17670.01326</v>
      </c>
      <c r="AH2715">
        <v>286477.96380000003</v>
      </c>
      <c r="AI2715">
        <v>72042.897400000002</v>
      </c>
      <c r="AJ2715">
        <v>20560.264899999998</v>
      </c>
      <c r="AK2715">
        <v>26881.947270000001</v>
      </c>
      <c r="AL2715">
        <v>80443.255040000004</v>
      </c>
      <c r="AM2715">
        <v>16556.686669999999</v>
      </c>
      <c r="AN2715">
        <v>73323.593280000001</v>
      </c>
      <c r="AO2715">
        <v>19258.50229</v>
      </c>
      <c r="AP2715">
        <v>13964.07381</v>
      </c>
    </row>
    <row r="2716" spans="2:42" x14ac:dyDescent="0.3">
      <c r="B2716">
        <v>56.270661245545718</v>
      </c>
      <c r="C2716" s="83">
        <v>43214.083333333336</v>
      </c>
      <c r="D2716">
        <v>231744.3798</v>
      </c>
      <c r="E2716">
        <v>13101.721579999999</v>
      </c>
      <c r="F2716">
        <v>47484.27723</v>
      </c>
      <c r="G2716">
        <v>33590.238129999998</v>
      </c>
      <c r="H2716">
        <v>34858.300190000002</v>
      </c>
      <c r="I2716">
        <v>15762.197039999999</v>
      </c>
      <c r="J2716">
        <v>34390.387999999999</v>
      </c>
      <c r="K2716">
        <v>45614.175360000001</v>
      </c>
      <c r="L2716">
        <v>17614.718079999999</v>
      </c>
      <c r="M2716">
        <v>286894.0724</v>
      </c>
      <c r="N2716">
        <v>71622.525039999993</v>
      </c>
      <c r="O2716">
        <v>20282.619460000002</v>
      </c>
      <c r="P2716">
        <v>25886.60471</v>
      </c>
      <c r="Q2716">
        <v>83541.405710000006</v>
      </c>
      <c r="R2716">
        <v>17542.612840000002</v>
      </c>
      <c r="S2716">
        <v>73033.383489999993</v>
      </c>
      <c r="T2716">
        <v>18939.565989999999</v>
      </c>
      <c r="U2716">
        <v>14477.84649</v>
      </c>
      <c r="W2716" s="83">
        <f>Bühler!N2748</f>
        <v>45405.083333326751</v>
      </c>
      <c r="X2716" s="83">
        <v>43214.083333333336</v>
      </c>
      <c r="Y2716">
        <v>231744.3798</v>
      </c>
      <c r="Z2716">
        <v>13101.721579999999</v>
      </c>
      <c r="AA2716">
        <v>47484.27723</v>
      </c>
      <c r="AB2716">
        <v>33590.238129999998</v>
      </c>
      <c r="AC2716">
        <v>34858.300190000002</v>
      </c>
      <c r="AD2716">
        <v>15762.197039999999</v>
      </c>
      <c r="AE2716">
        <v>34390.387999999999</v>
      </c>
      <c r="AF2716">
        <v>45614.175360000001</v>
      </c>
      <c r="AG2716">
        <v>17614.718079999999</v>
      </c>
      <c r="AH2716">
        <v>286894.0724</v>
      </c>
      <c r="AI2716">
        <v>71622.525039999993</v>
      </c>
      <c r="AJ2716">
        <v>20282.619460000002</v>
      </c>
      <c r="AK2716">
        <v>25886.60471</v>
      </c>
      <c r="AL2716">
        <v>83541.405710000006</v>
      </c>
      <c r="AM2716">
        <v>17542.612840000002</v>
      </c>
      <c r="AN2716">
        <v>73033.383489999993</v>
      </c>
      <c r="AO2716">
        <v>18939.565989999999</v>
      </c>
      <c r="AP2716">
        <v>14477.84649</v>
      </c>
    </row>
    <row r="2717" spans="2:42" x14ac:dyDescent="0.3">
      <c r="B2717">
        <v>57.053278670547591</v>
      </c>
      <c r="C2717" s="83">
        <v>43214.125</v>
      </c>
      <c r="D2717">
        <v>233310.1476</v>
      </c>
      <c r="E2717">
        <v>13218.2893</v>
      </c>
      <c r="F2717">
        <v>48567.089339999999</v>
      </c>
      <c r="G2717">
        <v>32698.610110000001</v>
      </c>
      <c r="H2717">
        <v>34886.911419999997</v>
      </c>
      <c r="I2717">
        <v>15493.608620000001</v>
      </c>
      <c r="J2717">
        <v>34997.979529999997</v>
      </c>
      <c r="K2717">
        <v>44530.583469999998</v>
      </c>
      <c r="L2717">
        <v>17384.550500000001</v>
      </c>
      <c r="M2717">
        <v>290884.22100000002</v>
      </c>
      <c r="N2717">
        <v>71124.227650000001</v>
      </c>
      <c r="O2717">
        <v>21214.952209999999</v>
      </c>
      <c r="P2717">
        <v>24890.512409999999</v>
      </c>
      <c r="Q2717">
        <v>86781.328150000001</v>
      </c>
      <c r="R2717">
        <v>17752.66979</v>
      </c>
      <c r="S2717">
        <v>72552.875839999993</v>
      </c>
      <c r="T2717">
        <v>18833.733120000001</v>
      </c>
      <c r="U2717">
        <v>14659.246419999999</v>
      </c>
      <c r="W2717" s="83">
        <f>Bühler!N2749</f>
        <v>45405.124999993415</v>
      </c>
      <c r="X2717" s="83">
        <v>43214.125</v>
      </c>
      <c r="Y2717">
        <v>233310.1476</v>
      </c>
      <c r="Z2717">
        <v>13218.2893</v>
      </c>
      <c r="AA2717">
        <v>48567.089339999999</v>
      </c>
      <c r="AB2717">
        <v>32698.610110000001</v>
      </c>
      <c r="AC2717">
        <v>34886.911419999997</v>
      </c>
      <c r="AD2717">
        <v>15493.608620000001</v>
      </c>
      <c r="AE2717">
        <v>34997.979529999997</v>
      </c>
      <c r="AF2717">
        <v>44530.583469999998</v>
      </c>
      <c r="AG2717">
        <v>17384.550500000001</v>
      </c>
      <c r="AH2717">
        <v>290884.22100000002</v>
      </c>
      <c r="AI2717">
        <v>71124.227650000001</v>
      </c>
      <c r="AJ2717">
        <v>21214.952209999999</v>
      </c>
      <c r="AK2717">
        <v>24890.512409999999</v>
      </c>
      <c r="AL2717">
        <v>86781.328150000001</v>
      </c>
      <c r="AM2717">
        <v>17752.66979</v>
      </c>
      <c r="AN2717">
        <v>72552.875839999993</v>
      </c>
      <c r="AO2717">
        <v>18833.733120000001</v>
      </c>
      <c r="AP2717">
        <v>14659.246419999999</v>
      </c>
    </row>
    <row r="2718" spans="2:42" x14ac:dyDescent="0.3">
      <c r="B2718">
        <v>58.027633538622403</v>
      </c>
      <c r="C2718" s="83">
        <v>43214.166666666664</v>
      </c>
      <c r="D2718">
        <v>234925.9644</v>
      </c>
      <c r="E2718">
        <v>13743.91635</v>
      </c>
      <c r="F2718">
        <v>52281.770020000004</v>
      </c>
      <c r="G2718">
        <v>32581.508590000001</v>
      </c>
      <c r="H2718">
        <v>35672.803059999998</v>
      </c>
      <c r="I2718">
        <v>17347.846300000001</v>
      </c>
      <c r="J2718">
        <v>36848.52029</v>
      </c>
      <c r="K2718">
        <v>43969.336990000003</v>
      </c>
      <c r="L2718">
        <v>17236.346710000002</v>
      </c>
      <c r="M2718">
        <v>295851.93650000001</v>
      </c>
      <c r="N2718">
        <v>70838.054789999995</v>
      </c>
      <c r="O2718">
        <v>21114.357820000001</v>
      </c>
      <c r="P2718">
        <v>25076.766619999999</v>
      </c>
      <c r="Q2718">
        <v>90648.775670000003</v>
      </c>
      <c r="R2718">
        <v>17855.280200000001</v>
      </c>
      <c r="S2718">
        <v>72970.607010000007</v>
      </c>
      <c r="T2718">
        <v>19059.14963</v>
      </c>
      <c r="U2718">
        <v>15135.777749999999</v>
      </c>
      <c r="W2718" s="83">
        <f>Bühler!N2750</f>
        <v>45405.166666660079</v>
      </c>
      <c r="X2718" s="83">
        <v>43214.166666666664</v>
      </c>
      <c r="Y2718">
        <v>234925.9644</v>
      </c>
      <c r="Z2718">
        <v>13743.91635</v>
      </c>
      <c r="AA2718">
        <v>52281.770020000004</v>
      </c>
      <c r="AB2718">
        <v>32581.508590000001</v>
      </c>
      <c r="AC2718">
        <v>35672.803059999998</v>
      </c>
      <c r="AD2718">
        <v>17347.846300000001</v>
      </c>
      <c r="AE2718">
        <v>36848.52029</v>
      </c>
      <c r="AF2718">
        <v>43969.336990000003</v>
      </c>
      <c r="AG2718">
        <v>17236.346710000002</v>
      </c>
      <c r="AH2718">
        <v>295851.93650000001</v>
      </c>
      <c r="AI2718">
        <v>70838.054789999995</v>
      </c>
      <c r="AJ2718">
        <v>21114.357820000001</v>
      </c>
      <c r="AK2718">
        <v>25076.766619999999</v>
      </c>
      <c r="AL2718">
        <v>90648.775670000003</v>
      </c>
      <c r="AM2718">
        <v>17855.280200000001</v>
      </c>
      <c r="AN2718">
        <v>72970.607010000007</v>
      </c>
      <c r="AO2718">
        <v>19059.14963</v>
      </c>
      <c r="AP2718">
        <v>15135.777749999999</v>
      </c>
    </row>
    <row r="2719" spans="2:42" x14ac:dyDescent="0.3">
      <c r="B2719">
        <v>61.210858063700833</v>
      </c>
      <c r="C2719" s="83">
        <v>43214.208333333336</v>
      </c>
      <c r="D2719">
        <v>250611.02239999999</v>
      </c>
      <c r="E2719">
        <v>15836.9159</v>
      </c>
      <c r="F2719">
        <v>62150.178059999998</v>
      </c>
      <c r="G2719">
        <v>34715.221660000003</v>
      </c>
      <c r="H2719">
        <v>37661.695939999998</v>
      </c>
      <c r="I2719">
        <v>25160.66588</v>
      </c>
      <c r="J2719">
        <v>40209.557690000001</v>
      </c>
      <c r="K2719">
        <v>44793.509960000003</v>
      </c>
      <c r="L2719">
        <v>18021.707880000002</v>
      </c>
      <c r="M2719">
        <v>312081.49959999998</v>
      </c>
      <c r="N2719">
        <v>71391.058550000002</v>
      </c>
      <c r="O2719">
        <v>22235.641800000001</v>
      </c>
      <c r="P2719">
        <v>26430.626530000001</v>
      </c>
      <c r="Q2719">
        <v>93672.825289999993</v>
      </c>
      <c r="R2719">
        <v>20868.605019999999</v>
      </c>
      <c r="S2719">
        <v>75405.483659999998</v>
      </c>
      <c r="T2719">
        <v>21330.529770000001</v>
      </c>
      <c r="U2719">
        <v>17198.048869999999</v>
      </c>
      <c r="W2719" s="83">
        <f>Bühler!N2751</f>
        <v>45405.208333326744</v>
      </c>
      <c r="X2719" s="83">
        <v>43214.208333333336</v>
      </c>
      <c r="Y2719">
        <v>250611.02239999999</v>
      </c>
      <c r="Z2719">
        <v>15836.9159</v>
      </c>
      <c r="AA2719">
        <v>62150.178059999998</v>
      </c>
      <c r="AB2719">
        <v>34715.221660000003</v>
      </c>
      <c r="AC2719">
        <v>37661.695939999998</v>
      </c>
      <c r="AD2719">
        <v>25160.66588</v>
      </c>
      <c r="AE2719">
        <v>40209.557690000001</v>
      </c>
      <c r="AF2719">
        <v>44793.509960000003</v>
      </c>
      <c r="AG2719">
        <v>18021.707880000002</v>
      </c>
      <c r="AH2719">
        <v>312081.49959999998</v>
      </c>
      <c r="AI2719">
        <v>71391.058550000002</v>
      </c>
      <c r="AJ2719">
        <v>22235.641800000001</v>
      </c>
      <c r="AK2719">
        <v>26430.626530000001</v>
      </c>
      <c r="AL2719">
        <v>93672.825289999993</v>
      </c>
      <c r="AM2719">
        <v>20868.605019999999</v>
      </c>
      <c r="AN2719">
        <v>75405.483659999998</v>
      </c>
      <c r="AO2719">
        <v>21330.529770000001</v>
      </c>
      <c r="AP2719">
        <v>17198.048869999999</v>
      </c>
    </row>
    <row r="2720" spans="2:42" x14ac:dyDescent="0.3">
      <c r="B2720">
        <v>64.536942235415808</v>
      </c>
      <c r="C2720" s="83">
        <v>43214.25</v>
      </c>
      <c r="D2720">
        <v>264780.61800000002</v>
      </c>
      <c r="E2720">
        <v>20172.320589999999</v>
      </c>
      <c r="F2720">
        <v>75320.92525</v>
      </c>
      <c r="G2720">
        <v>41994.476849999999</v>
      </c>
      <c r="H2720">
        <v>40746.217060000003</v>
      </c>
      <c r="I2720">
        <v>31451.50863</v>
      </c>
      <c r="J2720">
        <v>44244.621019999999</v>
      </c>
      <c r="K2720">
        <v>46900.165719999997</v>
      </c>
      <c r="L2720">
        <v>19427.601269999999</v>
      </c>
      <c r="M2720">
        <v>329039.4278</v>
      </c>
      <c r="N2720">
        <v>75833.801890000002</v>
      </c>
      <c r="O2720">
        <v>23635.456289999998</v>
      </c>
      <c r="P2720">
        <v>26758.26269</v>
      </c>
      <c r="Q2720">
        <v>94672.387969999996</v>
      </c>
      <c r="R2720">
        <v>18014.277900000001</v>
      </c>
      <c r="S2720">
        <v>85151.721210000003</v>
      </c>
      <c r="T2720">
        <v>23701.578720000001</v>
      </c>
      <c r="U2720">
        <v>20377.39286</v>
      </c>
      <c r="W2720" s="83">
        <f>Bühler!N2752</f>
        <v>45405.249999993408</v>
      </c>
      <c r="X2720" s="83">
        <v>43214.25</v>
      </c>
      <c r="Y2720">
        <v>264780.61800000002</v>
      </c>
      <c r="Z2720">
        <v>20172.320589999999</v>
      </c>
      <c r="AA2720">
        <v>75320.92525</v>
      </c>
      <c r="AB2720">
        <v>41994.476849999999</v>
      </c>
      <c r="AC2720">
        <v>40746.217060000003</v>
      </c>
      <c r="AD2720">
        <v>31451.50863</v>
      </c>
      <c r="AE2720">
        <v>44244.621019999999</v>
      </c>
      <c r="AF2720">
        <v>46900.165719999997</v>
      </c>
      <c r="AG2720">
        <v>19427.601269999999</v>
      </c>
      <c r="AH2720">
        <v>329039.4278</v>
      </c>
      <c r="AI2720">
        <v>75833.801890000002</v>
      </c>
      <c r="AJ2720">
        <v>23635.456289999998</v>
      </c>
      <c r="AK2720">
        <v>26758.26269</v>
      </c>
      <c r="AL2720">
        <v>94672.387969999996</v>
      </c>
      <c r="AM2720">
        <v>18014.277900000001</v>
      </c>
      <c r="AN2720">
        <v>85151.721210000003</v>
      </c>
      <c r="AO2720">
        <v>23701.578720000001</v>
      </c>
      <c r="AP2720">
        <v>20377.39286</v>
      </c>
    </row>
    <row r="2721" spans="2:42" x14ac:dyDescent="0.3">
      <c r="B2721">
        <v>66.012520339774611</v>
      </c>
      <c r="C2721" s="83">
        <v>43214.291666666664</v>
      </c>
      <c r="D2721">
        <v>278278.44469999999</v>
      </c>
      <c r="E2721">
        <v>24314.340469999999</v>
      </c>
      <c r="F2721">
        <v>77321.760509999993</v>
      </c>
      <c r="G2721">
        <v>49665.6898</v>
      </c>
      <c r="H2721">
        <v>44008.459069999997</v>
      </c>
      <c r="I2721">
        <v>37591.756930000003</v>
      </c>
      <c r="J2721">
        <v>43990.035279999996</v>
      </c>
      <c r="K2721">
        <v>51987.779369999997</v>
      </c>
      <c r="L2721">
        <v>21981.937269999999</v>
      </c>
      <c r="M2721">
        <v>336562.61310000002</v>
      </c>
      <c r="N2721">
        <v>82630.645239999998</v>
      </c>
      <c r="O2721">
        <v>25637.91287</v>
      </c>
      <c r="P2721">
        <v>29451.228889999999</v>
      </c>
      <c r="Q2721">
        <v>94597.51539</v>
      </c>
      <c r="R2721">
        <v>18233.469160000001</v>
      </c>
      <c r="S2721">
        <v>97292.416750000004</v>
      </c>
      <c r="T2721">
        <v>26881.530729999999</v>
      </c>
      <c r="U2721">
        <v>23788.17412</v>
      </c>
      <c r="W2721" s="83">
        <f>Bühler!N2753</f>
        <v>45405.291666660072</v>
      </c>
      <c r="X2721" s="83">
        <v>43214.291666666664</v>
      </c>
      <c r="Y2721">
        <v>278278.44469999999</v>
      </c>
      <c r="Z2721">
        <v>24314.340469999999</v>
      </c>
      <c r="AA2721">
        <v>77321.760509999993</v>
      </c>
      <c r="AB2721">
        <v>49665.6898</v>
      </c>
      <c r="AC2721">
        <v>44008.459069999997</v>
      </c>
      <c r="AD2721">
        <v>37591.756930000003</v>
      </c>
      <c r="AE2721">
        <v>43990.035279999996</v>
      </c>
      <c r="AF2721">
        <v>51987.779369999997</v>
      </c>
      <c r="AG2721">
        <v>21981.937269999999</v>
      </c>
      <c r="AH2721">
        <v>336562.61310000002</v>
      </c>
      <c r="AI2721">
        <v>82630.645239999998</v>
      </c>
      <c r="AJ2721">
        <v>25637.91287</v>
      </c>
      <c r="AK2721">
        <v>29451.228889999999</v>
      </c>
      <c r="AL2721">
        <v>94597.51539</v>
      </c>
      <c r="AM2721">
        <v>18233.469160000001</v>
      </c>
      <c r="AN2721">
        <v>97292.416750000004</v>
      </c>
      <c r="AO2721">
        <v>26881.530729999999</v>
      </c>
      <c r="AP2721">
        <v>23788.17412</v>
      </c>
    </row>
    <row r="2722" spans="2:42" x14ac:dyDescent="0.3">
      <c r="B2722">
        <v>66.827355963148861</v>
      </c>
      <c r="C2722" s="83">
        <v>43214.333333333336</v>
      </c>
      <c r="D2722">
        <v>289610.75380000001</v>
      </c>
      <c r="E2722">
        <v>29779.231629999998</v>
      </c>
      <c r="F2722">
        <v>82861.657179999995</v>
      </c>
      <c r="G2722">
        <v>56430.64314</v>
      </c>
      <c r="H2722">
        <v>48681.379990000001</v>
      </c>
      <c r="I2722">
        <v>39996.994310000002</v>
      </c>
      <c r="J2722">
        <v>45273.832479999997</v>
      </c>
      <c r="K2722">
        <v>56957.775159999997</v>
      </c>
      <c r="L2722">
        <v>25223.26195</v>
      </c>
      <c r="M2722">
        <v>340717.02510000003</v>
      </c>
      <c r="N2722">
        <v>90285.153770000004</v>
      </c>
      <c r="O2722">
        <v>27448.939750000001</v>
      </c>
      <c r="P2722">
        <v>31604.17164</v>
      </c>
      <c r="Q2722">
        <v>95476.438630000004</v>
      </c>
      <c r="R2722">
        <v>20861.5494</v>
      </c>
      <c r="S2722">
        <v>109163.44409999999</v>
      </c>
      <c r="T2722">
        <v>29706.83683</v>
      </c>
      <c r="U2722">
        <v>25333.35656</v>
      </c>
      <c r="W2722" s="83">
        <f>Bühler!N2754</f>
        <v>45405.333333326736</v>
      </c>
      <c r="X2722" s="83">
        <v>43214.333333333336</v>
      </c>
      <c r="Y2722">
        <v>289610.75380000001</v>
      </c>
      <c r="Z2722">
        <v>29779.231629999998</v>
      </c>
      <c r="AA2722">
        <v>82861.657179999995</v>
      </c>
      <c r="AB2722">
        <v>56430.64314</v>
      </c>
      <c r="AC2722">
        <v>48681.379990000001</v>
      </c>
      <c r="AD2722">
        <v>39996.994310000002</v>
      </c>
      <c r="AE2722">
        <v>45273.832479999997</v>
      </c>
      <c r="AF2722">
        <v>56957.775159999997</v>
      </c>
      <c r="AG2722">
        <v>25223.26195</v>
      </c>
      <c r="AH2722">
        <v>340717.02510000003</v>
      </c>
      <c r="AI2722">
        <v>90285.153770000004</v>
      </c>
      <c r="AJ2722">
        <v>27448.939750000001</v>
      </c>
      <c r="AK2722">
        <v>31604.17164</v>
      </c>
      <c r="AL2722">
        <v>95476.438630000004</v>
      </c>
      <c r="AM2722">
        <v>20861.5494</v>
      </c>
      <c r="AN2722">
        <v>109163.44409999999</v>
      </c>
      <c r="AO2722">
        <v>29706.83683</v>
      </c>
      <c r="AP2722">
        <v>25333.35656</v>
      </c>
    </row>
    <row r="2723" spans="2:42" x14ac:dyDescent="0.3">
      <c r="B2723">
        <v>66.833557102448296</v>
      </c>
      <c r="C2723" s="83">
        <v>43214.375</v>
      </c>
      <c r="D2723">
        <v>290788.03950000001</v>
      </c>
      <c r="E2723">
        <v>33679.114049999996</v>
      </c>
      <c r="F2723">
        <v>89792.905230000004</v>
      </c>
      <c r="G2723">
        <v>60994.494279999999</v>
      </c>
      <c r="H2723">
        <v>50640.483350000002</v>
      </c>
      <c r="I2723">
        <v>37385.410900000003</v>
      </c>
      <c r="J2723">
        <v>44977.990389999999</v>
      </c>
      <c r="K2723">
        <v>59677.122340000002</v>
      </c>
      <c r="L2723">
        <v>27816.056410000001</v>
      </c>
      <c r="M2723">
        <v>340748.64140000002</v>
      </c>
      <c r="N2723">
        <v>92946.804829999994</v>
      </c>
      <c r="O2723">
        <v>28172.735390000002</v>
      </c>
      <c r="P2723">
        <v>34214.669730000001</v>
      </c>
      <c r="Q2723">
        <v>96955.03112</v>
      </c>
      <c r="R2723">
        <v>22509.672040000001</v>
      </c>
      <c r="S2723">
        <v>114663.939</v>
      </c>
      <c r="T2723">
        <v>31842.110960000002</v>
      </c>
      <c r="U2723">
        <v>24832.192299999999</v>
      </c>
      <c r="W2723" s="83">
        <f>Bühler!N2755</f>
        <v>45405.374999993401</v>
      </c>
      <c r="X2723" s="83">
        <v>43214.375</v>
      </c>
      <c r="Y2723">
        <v>290788.03950000001</v>
      </c>
      <c r="Z2723">
        <v>33679.114049999996</v>
      </c>
      <c r="AA2723">
        <v>89792.905230000004</v>
      </c>
      <c r="AB2723">
        <v>60994.494279999999</v>
      </c>
      <c r="AC2723">
        <v>50640.483350000002</v>
      </c>
      <c r="AD2723">
        <v>37385.410900000003</v>
      </c>
      <c r="AE2723">
        <v>44977.990389999999</v>
      </c>
      <c r="AF2723">
        <v>59677.122340000002</v>
      </c>
      <c r="AG2723">
        <v>27816.056410000001</v>
      </c>
      <c r="AH2723">
        <v>340748.64140000002</v>
      </c>
      <c r="AI2723">
        <v>92946.804829999994</v>
      </c>
      <c r="AJ2723">
        <v>28172.735390000002</v>
      </c>
      <c r="AK2723">
        <v>34214.669730000001</v>
      </c>
      <c r="AL2723">
        <v>96955.03112</v>
      </c>
      <c r="AM2723">
        <v>22509.672040000001</v>
      </c>
      <c r="AN2723">
        <v>114663.939</v>
      </c>
      <c r="AO2723">
        <v>31842.110960000002</v>
      </c>
      <c r="AP2723">
        <v>24832.192299999999</v>
      </c>
    </row>
    <row r="2724" spans="2:42" x14ac:dyDescent="0.3">
      <c r="B2724">
        <v>67.346043294324915</v>
      </c>
      <c r="C2724" s="83">
        <v>43214.416666666664</v>
      </c>
      <c r="D2724">
        <v>291743.88160000002</v>
      </c>
      <c r="E2724">
        <v>35180.207190000001</v>
      </c>
      <c r="F2724">
        <v>90679.556899999996</v>
      </c>
      <c r="G2724">
        <v>62999.238490000003</v>
      </c>
      <c r="H2724">
        <v>51201.512060000001</v>
      </c>
      <c r="I2724">
        <v>35775.610869999997</v>
      </c>
      <c r="J2724">
        <v>43774.933129999998</v>
      </c>
      <c r="K2724">
        <v>61670.497710000003</v>
      </c>
      <c r="L2724">
        <v>30548.963729999999</v>
      </c>
      <c r="M2724">
        <v>343361.53499999997</v>
      </c>
      <c r="N2724">
        <v>93165.924589999995</v>
      </c>
      <c r="O2724">
        <v>28426.481540000001</v>
      </c>
      <c r="P2724">
        <v>34996.467429999997</v>
      </c>
      <c r="Q2724">
        <v>98484.960869999995</v>
      </c>
      <c r="R2724">
        <v>23077.184600000001</v>
      </c>
      <c r="S2724">
        <v>114200.6905</v>
      </c>
      <c r="T2724">
        <v>33090.666210000003</v>
      </c>
      <c r="U2724">
        <v>24903.078580000001</v>
      </c>
      <c r="W2724" s="83">
        <f>Bühler!N2756</f>
        <v>45405.416666660065</v>
      </c>
      <c r="X2724" s="83">
        <v>43214.416666666664</v>
      </c>
      <c r="Y2724">
        <v>291743.88160000002</v>
      </c>
      <c r="Z2724">
        <v>35180.207190000001</v>
      </c>
      <c r="AA2724">
        <v>90679.556899999996</v>
      </c>
      <c r="AB2724">
        <v>62999.238490000003</v>
      </c>
      <c r="AC2724">
        <v>51201.512060000001</v>
      </c>
      <c r="AD2724">
        <v>35775.610869999997</v>
      </c>
      <c r="AE2724">
        <v>43774.933129999998</v>
      </c>
      <c r="AF2724">
        <v>61670.497710000003</v>
      </c>
      <c r="AG2724">
        <v>30548.963729999999</v>
      </c>
      <c r="AH2724">
        <v>343361.53499999997</v>
      </c>
      <c r="AI2724">
        <v>93165.924589999995</v>
      </c>
      <c r="AJ2724">
        <v>28426.481540000001</v>
      </c>
      <c r="AK2724">
        <v>34996.467429999997</v>
      </c>
      <c r="AL2724">
        <v>98484.960869999995</v>
      </c>
      <c r="AM2724">
        <v>23077.184600000001</v>
      </c>
      <c r="AN2724">
        <v>114200.6905</v>
      </c>
      <c r="AO2724">
        <v>33090.666210000003</v>
      </c>
      <c r="AP2724">
        <v>24903.078580000001</v>
      </c>
    </row>
    <row r="2725" spans="2:42" x14ac:dyDescent="0.3">
      <c r="B2725">
        <v>68.275258470468032</v>
      </c>
      <c r="C2725" s="83">
        <v>43214.458333333336</v>
      </c>
      <c r="D2725">
        <v>292579.99900000001</v>
      </c>
      <c r="E2725">
        <v>34979.77908</v>
      </c>
      <c r="F2725">
        <v>92091.031719999999</v>
      </c>
      <c r="G2725">
        <v>63183.33582</v>
      </c>
      <c r="H2725">
        <v>50833.80717</v>
      </c>
      <c r="I2725">
        <v>35595.789259999998</v>
      </c>
      <c r="J2725">
        <v>43357.232000000004</v>
      </c>
      <c r="K2725">
        <v>62806.684699999998</v>
      </c>
      <c r="L2725">
        <v>31974.598760000001</v>
      </c>
      <c r="M2725">
        <v>348099.10729999997</v>
      </c>
      <c r="N2725">
        <v>92725.299589999995</v>
      </c>
      <c r="O2725">
        <v>27568.016329999999</v>
      </c>
      <c r="P2725">
        <v>34630.044370000003</v>
      </c>
      <c r="Q2725">
        <v>99180.756859999994</v>
      </c>
      <c r="R2725">
        <v>24855.358619999999</v>
      </c>
      <c r="S2725">
        <v>118267.51059999999</v>
      </c>
      <c r="T2725">
        <v>33179.476009999998</v>
      </c>
      <c r="U2725">
        <v>23909.26655</v>
      </c>
      <c r="W2725" s="83">
        <f>Bühler!N2757</f>
        <v>45405.458333326729</v>
      </c>
      <c r="X2725" s="83">
        <v>43214.458333333336</v>
      </c>
      <c r="Y2725">
        <v>292579.99900000001</v>
      </c>
      <c r="Z2725">
        <v>34979.77908</v>
      </c>
      <c r="AA2725">
        <v>92091.031719999999</v>
      </c>
      <c r="AB2725">
        <v>63183.33582</v>
      </c>
      <c r="AC2725">
        <v>50833.80717</v>
      </c>
      <c r="AD2725">
        <v>35595.789259999998</v>
      </c>
      <c r="AE2725">
        <v>43357.232000000004</v>
      </c>
      <c r="AF2725">
        <v>62806.684699999998</v>
      </c>
      <c r="AG2725">
        <v>31974.598760000001</v>
      </c>
      <c r="AH2725">
        <v>348099.10729999997</v>
      </c>
      <c r="AI2725">
        <v>92725.299589999995</v>
      </c>
      <c r="AJ2725">
        <v>27568.016329999999</v>
      </c>
      <c r="AK2725">
        <v>34630.044370000003</v>
      </c>
      <c r="AL2725">
        <v>99180.756859999994</v>
      </c>
      <c r="AM2725">
        <v>24855.358619999999</v>
      </c>
      <c r="AN2725">
        <v>118267.51059999999</v>
      </c>
      <c r="AO2725">
        <v>33179.476009999998</v>
      </c>
      <c r="AP2725">
        <v>23909.26655</v>
      </c>
    </row>
    <row r="2726" spans="2:42" x14ac:dyDescent="0.3">
      <c r="B2726">
        <v>68.127346755567757</v>
      </c>
      <c r="C2726" s="83">
        <v>43214.5</v>
      </c>
      <c r="D2726">
        <v>279815.77720000001</v>
      </c>
      <c r="E2726">
        <v>31577.17668</v>
      </c>
      <c r="F2726">
        <v>86592.871899999998</v>
      </c>
      <c r="G2726">
        <v>62071.618349999997</v>
      </c>
      <c r="H2726">
        <v>48664.575239999998</v>
      </c>
      <c r="I2726">
        <v>34462.562129999998</v>
      </c>
      <c r="J2726">
        <v>44216.448190000003</v>
      </c>
      <c r="K2726">
        <v>59154.24437</v>
      </c>
      <c r="L2726">
        <v>34112.584819999996</v>
      </c>
      <c r="M2726">
        <v>347344.98440000002</v>
      </c>
      <c r="N2726">
        <v>90761.842810000002</v>
      </c>
      <c r="O2726">
        <v>26429.69918</v>
      </c>
      <c r="P2726">
        <v>35094.677900000002</v>
      </c>
      <c r="Q2726">
        <v>97869.284660000005</v>
      </c>
      <c r="R2726">
        <v>24914.562679999999</v>
      </c>
      <c r="S2726">
        <v>112809.16650000001</v>
      </c>
      <c r="T2726">
        <v>33193.78153</v>
      </c>
      <c r="U2726">
        <v>20265.209159999999</v>
      </c>
      <c r="W2726" s="83">
        <f>Bühler!N2758</f>
        <v>45405.499999993393</v>
      </c>
      <c r="X2726" s="83">
        <v>43214.5</v>
      </c>
      <c r="Y2726">
        <v>279815.77720000001</v>
      </c>
      <c r="Z2726">
        <v>31577.17668</v>
      </c>
      <c r="AA2726">
        <v>86592.871899999998</v>
      </c>
      <c r="AB2726">
        <v>62071.618349999997</v>
      </c>
      <c r="AC2726">
        <v>48664.575239999998</v>
      </c>
      <c r="AD2726">
        <v>34462.562129999998</v>
      </c>
      <c r="AE2726">
        <v>44216.448190000003</v>
      </c>
      <c r="AF2726">
        <v>59154.24437</v>
      </c>
      <c r="AG2726">
        <v>34112.584819999996</v>
      </c>
      <c r="AH2726">
        <v>347344.98440000002</v>
      </c>
      <c r="AI2726">
        <v>90761.842810000002</v>
      </c>
      <c r="AJ2726">
        <v>26429.69918</v>
      </c>
      <c r="AK2726">
        <v>35094.677900000002</v>
      </c>
      <c r="AL2726">
        <v>97869.284660000005</v>
      </c>
      <c r="AM2726">
        <v>24914.562679999999</v>
      </c>
      <c r="AN2726">
        <v>112809.16650000001</v>
      </c>
      <c r="AO2726">
        <v>33193.78153</v>
      </c>
      <c r="AP2726">
        <v>20265.209159999999</v>
      </c>
    </row>
    <row r="2727" spans="2:42" x14ac:dyDescent="0.3">
      <c r="B2727">
        <v>67.182119077914493</v>
      </c>
      <c r="C2727" s="83">
        <v>43214.541666666664</v>
      </c>
      <c r="D2727">
        <v>282714.1997</v>
      </c>
      <c r="E2727">
        <v>31772.320909999999</v>
      </c>
      <c r="F2727">
        <v>83197.40814</v>
      </c>
      <c r="G2727">
        <v>60289.046139999999</v>
      </c>
      <c r="H2727">
        <v>49268.91906</v>
      </c>
      <c r="I2727">
        <v>34765.250979999997</v>
      </c>
      <c r="J2727">
        <v>42675.356169999999</v>
      </c>
      <c r="K2727">
        <v>61105.349219999996</v>
      </c>
      <c r="L2727">
        <v>32901.606469999999</v>
      </c>
      <c r="M2727">
        <v>342525.77289999998</v>
      </c>
      <c r="N2727">
        <v>91511.726139999999</v>
      </c>
      <c r="O2727">
        <v>27272.876520000002</v>
      </c>
      <c r="P2727">
        <v>34611.447160000003</v>
      </c>
      <c r="Q2727">
        <v>97177.29449</v>
      </c>
      <c r="R2727">
        <v>24350.854909999998</v>
      </c>
      <c r="S2727">
        <v>112205.3701</v>
      </c>
      <c r="T2727">
        <v>32141.520710000001</v>
      </c>
      <c r="U2727">
        <v>21618.551230000001</v>
      </c>
      <c r="W2727" s="83">
        <f>Bühler!N2759</f>
        <v>45405.541666660058</v>
      </c>
      <c r="X2727" s="83">
        <v>43214.541666666664</v>
      </c>
      <c r="Y2727">
        <v>282714.1997</v>
      </c>
      <c r="Z2727">
        <v>31772.320909999999</v>
      </c>
      <c r="AA2727">
        <v>83197.40814</v>
      </c>
      <c r="AB2727">
        <v>60289.046139999999</v>
      </c>
      <c r="AC2727">
        <v>49268.91906</v>
      </c>
      <c r="AD2727">
        <v>34765.250979999997</v>
      </c>
      <c r="AE2727">
        <v>42675.356169999999</v>
      </c>
      <c r="AF2727">
        <v>61105.349219999996</v>
      </c>
      <c r="AG2727">
        <v>32901.606469999999</v>
      </c>
      <c r="AH2727">
        <v>342525.77289999998</v>
      </c>
      <c r="AI2727">
        <v>91511.726139999999</v>
      </c>
      <c r="AJ2727">
        <v>27272.876520000002</v>
      </c>
      <c r="AK2727">
        <v>34611.447160000003</v>
      </c>
      <c r="AL2727">
        <v>97177.29449</v>
      </c>
      <c r="AM2727">
        <v>24350.854909999998</v>
      </c>
      <c r="AN2727">
        <v>112205.3701</v>
      </c>
      <c r="AO2727">
        <v>32141.520710000001</v>
      </c>
      <c r="AP2727">
        <v>21618.551230000001</v>
      </c>
    </row>
    <row r="2728" spans="2:42" x14ac:dyDescent="0.3">
      <c r="B2728">
        <v>66.609371646795836</v>
      </c>
      <c r="C2728" s="83">
        <v>43214.583333333336</v>
      </c>
      <c r="D2728">
        <v>286993.05949999997</v>
      </c>
      <c r="E2728">
        <v>34644.043030000001</v>
      </c>
      <c r="F2728">
        <v>90883.146770000007</v>
      </c>
      <c r="G2728">
        <v>57438.599719999998</v>
      </c>
      <c r="H2728">
        <v>49196.382429999998</v>
      </c>
      <c r="I2728">
        <v>35682.346060000003</v>
      </c>
      <c r="J2728">
        <v>42703.42942</v>
      </c>
      <c r="K2728">
        <v>63886.468930000003</v>
      </c>
      <c r="L2728">
        <v>29224.002120000001</v>
      </c>
      <c r="M2728">
        <v>339605.63939999999</v>
      </c>
      <c r="N2728">
        <v>91549.008780000004</v>
      </c>
      <c r="O2728">
        <v>27726.781940000001</v>
      </c>
      <c r="P2728">
        <v>30709.586910000002</v>
      </c>
      <c r="Q2728">
        <v>97111.593810000006</v>
      </c>
      <c r="R2728">
        <v>23894.1129</v>
      </c>
      <c r="S2728">
        <v>108405.4099</v>
      </c>
      <c r="T2728">
        <v>31105.336009999999</v>
      </c>
      <c r="U2728">
        <v>20692.152460000001</v>
      </c>
      <c r="W2728" s="83">
        <f>Bühler!N2760</f>
        <v>45405.583333326722</v>
      </c>
      <c r="X2728" s="83">
        <v>43214.583333333336</v>
      </c>
      <c r="Y2728">
        <v>286993.05949999997</v>
      </c>
      <c r="Z2728">
        <v>34644.043030000001</v>
      </c>
      <c r="AA2728">
        <v>90883.146770000007</v>
      </c>
      <c r="AB2728">
        <v>57438.599719999998</v>
      </c>
      <c r="AC2728">
        <v>49196.382429999998</v>
      </c>
      <c r="AD2728">
        <v>35682.346060000003</v>
      </c>
      <c r="AE2728">
        <v>42703.42942</v>
      </c>
      <c r="AF2728">
        <v>63886.468930000003</v>
      </c>
      <c r="AG2728">
        <v>29224.002120000001</v>
      </c>
      <c r="AH2728">
        <v>339605.63939999999</v>
      </c>
      <c r="AI2728">
        <v>91549.008780000004</v>
      </c>
      <c r="AJ2728">
        <v>27726.781940000001</v>
      </c>
      <c r="AK2728">
        <v>30709.586910000002</v>
      </c>
      <c r="AL2728">
        <v>97111.593810000006</v>
      </c>
      <c r="AM2728">
        <v>23894.1129</v>
      </c>
      <c r="AN2728">
        <v>108405.4099</v>
      </c>
      <c r="AO2728">
        <v>31105.336009999999</v>
      </c>
      <c r="AP2728">
        <v>20692.152460000001</v>
      </c>
    </row>
    <row r="2729" spans="2:42" x14ac:dyDescent="0.3">
      <c r="B2729">
        <v>67.639072275943533</v>
      </c>
      <c r="C2729" s="83">
        <v>43214.625</v>
      </c>
      <c r="D2729">
        <v>286443.57049999997</v>
      </c>
      <c r="E2729">
        <v>34253.308250000002</v>
      </c>
      <c r="F2729">
        <v>93244.603709999996</v>
      </c>
      <c r="G2729">
        <v>54944.524010000001</v>
      </c>
      <c r="H2729">
        <v>48040.448279999997</v>
      </c>
      <c r="I2729">
        <v>35513.310940000003</v>
      </c>
      <c r="J2729">
        <v>42330.666279999998</v>
      </c>
      <c r="K2729">
        <v>60884.272380000002</v>
      </c>
      <c r="L2729">
        <v>26699.237440000001</v>
      </c>
      <c r="M2729">
        <v>344855.53340000001</v>
      </c>
      <c r="N2729">
        <v>88668.657300000006</v>
      </c>
      <c r="O2729">
        <v>26065.822990000001</v>
      </c>
      <c r="P2729">
        <v>28881.490829999999</v>
      </c>
      <c r="Q2729">
        <v>96645.076570000005</v>
      </c>
      <c r="R2729">
        <v>24539.164130000001</v>
      </c>
      <c r="S2729">
        <v>105398.5888</v>
      </c>
      <c r="T2729">
        <v>30394.45926</v>
      </c>
      <c r="U2729">
        <v>21016.132549999998</v>
      </c>
      <c r="W2729" s="83">
        <f>Bühler!N2761</f>
        <v>45405.624999993386</v>
      </c>
      <c r="X2729" s="83">
        <v>43214.625</v>
      </c>
      <c r="Y2729">
        <v>286443.57049999997</v>
      </c>
      <c r="Z2729">
        <v>34253.308250000002</v>
      </c>
      <c r="AA2729">
        <v>93244.603709999996</v>
      </c>
      <c r="AB2729">
        <v>54944.524010000001</v>
      </c>
      <c r="AC2729">
        <v>48040.448279999997</v>
      </c>
      <c r="AD2729">
        <v>35513.310940000003</v>
      </c>
      <c r="AE2729">
        <v>42330.666279999998</v>
      </c>
      <c r="AF2729">
        <v>60884.272380000002</v>
      </c>
      <c r="AG2729">
        <v>26699.237440000001</v>
      </c>
      <c r="AH2729">
        <v>344855.53340000001</v>
      </c>
      <c r="AI2729">
        <v>88668.657300000006</v>
      </c>
      <c r="AJ2729">
        <v>26065.822990000001</v>
      </c>
      <c r="AK2729">
        <v>28881.490829999999</v>
      </c>
      <c r="AL2729">
        <v>96645.076570000005</v>
      </c>
      <c r="AM2729">
        <v>24539.164130000001</v>
      </c>
      <c r="AN2729">
        <v>105398.5888</v>
      </c>
      <c r="AO2729">
        <v>30394.45926</v>
      </c>
      <c r="AP2729">
        <v>21016.132549999998</v>
      </c>
    </row>
    <row r="2730" spans="2:42" x14ac:dyDescent="0.3">
      <c r="B2730">
        <v>66.806912246742954</v>
      </c>
      <c r="C2730" s="83">
        <v>43214.666666666664</v>
      </c>
      <c r="D2730">
        <v>278607.65409999999</v>
      </c>
      <c r="E2730">
        <v>33740.290480000003</v>
      </c>
      <c r="F2730">
        <v>93059.680460000003</v>
      </c>
      <c r="G2730">
        <v>52679.336519999997</v>
      </c>
      <c r="H2730">
        <v>46243.915119999998</v>
      </c>
      <c r="I2730">
        <v>36259.537380000002</v>
      </c>
      <c r="J2730">
        <v>41592.417540000002</v>
      </c>
      <c r="K2730">
        <v>58272.219680000002</v>
      </c>
      <c r="L2730">
        <v>25813.411990000001</v>
      </c>
      <c r="M2730">
        <v>340612.79350000003</v>
      </c>
      <c r="N2730">
        <v>87676.864490000007</v>
      </c>
      <c r="O2730">
        <v>24903.209210000001</v>
      </c>
      <c r="P2730">
        <v>27625.754069999999</v>
      </c>
      <c r="Q2730">
        <v>95992.302530000001</v>
      </c>
      <c r="R2730">
        <v>23922.62053</v>
      </c>
      <c r="S2730">
        <v>103623.09480000001</v>
      </c>
      <c r="T2730">
        <v>30042.78586</v>
      </c>
      <c r="U2730">
        <v>19994.529760000001</v>
      </c>
      <c r="W2730" s="83">
        <f>Bühler!N2762</f>
        <v>45405.66666666005</v>
      </c>
      <c r="X2730" s="83">
        <v>43214.666666666664</v>
      </c>
      <c r="Y2730">
        <v>278607.65409999999</v>
      </c>
      <c r="Z2730">
        <v>33740.290480000003</v>
      </c>
      <c r="AA2730">
        <v>93059.680460000003</v>
      </c>
      <c r="AB2730">
        <v>52679.336519999997</v>
      </c>
      <c r="AC2730">
        <v>46243.915119999998</v>
      </c>
      <c r="AD2730">
        <v>36259.537380000002</v>
      </c>
      <c r="AE2730">
        <v>41592.417540000002</v>
      </c>
      <c r="AF2730">
        <v>58272.219680000002</v>
      </c>
      <c r="AG2730">
        <v>25813.411990000001</v>
      </c>
      <c r="AH2730">
        <v>340612.79350000003</v>
      </c>
      <c r="AI2730">
        <v>87676.864490000007</v>
      </c>
      <c r="AJ2730">
        <v>24903.209210000001</v>
      </c>
      <c r="AK2730">
        <v>27625.754069999999</v>
      </c>
      <c r="AL2730">
        <v>95992.302530000001</v>
      </c>
      <c r="AM2730">
        <v>23922.62053</v>
      </c>
      <c r="AN2730">
        <v>103623.09480000001</v>
      </c>
      <c r="AO2730">
        <v>30042.78586</v>
      </c>
      <c r="AP2730">
        <v>19994.529760000001</v>
      </c>
    </row>
    <row r="2731" spans="2:42" x14ac:dyDescent="0.3">
      <c r="B2731">
        <v>65.3110355872778</v>
      </c>
      <c r="C2731" s="83">
        <v>43214.708333333336</v>
      </c>
      <c r="D2731">
        <v>266315.46389999997</v>
      </c>
      <c r="E2731">
        <v>31643.25518</v>
      </c>
      <c r="F2731">
        <v>92488.871450000006</v>
      </c>
      <c r="G2731">
        <v>47673.956870000002</v>
      </c>
      <c r="H2731">
        <v>44428.344749999997</v>
      </c>
      <c r="I2731">
        <v>35496.370009999999</v>
      </c>
      <c r="J2731">
        <v>41702.750650000002</v>
      </c>
      <c r="K2731">
        <v>55342.724589999998</v>
      </c>
      <c r="L2731">
        <v>26220.873200000002</v>
      </c>
      <c r="M2731">
        <v>332986.11670000001</v>
      </c>
      <c r="N2731">
        <v>81532.762650000004</v>
      </c>
      <c r="O2731">
        <v>23435.877380000002</v>
      </c>
      <c r="P2731">
        <v>29304.738860000001</v>
      </c>
      <c r="Q2731">
        <v>94301.993289999999</v>
      </c>
      <c r="R2731">
        <v>24255.299709999999</v>
      </c>
      <c r="S2731">
        <v>100629.79210000001</v>
      </c>
      <c r="T2731">
        <v>29656.636119999999</v>
      </c>
      <c r="U2731">
        <v>17704.222699999998</v>
      </c>
      <c r="W2731" s="83">
        <f>Bühler!N2763</f>
        <v>45405.708333326715</v>
      </c>
      <c r="X2731" s="83">
        <v>43214.708333333336</v>
      </c>
      <c r="Y2731">
        <v>266315.46389999997</v>
      </c>
      <c r="Z2731">
        <v>31643.25518</v>
      </c>
      <c r="AA2731">
        <v>92488.871450000006</v>
      </c>
      <c r="AB2731">
        <v>47673.956870000002</v>
      </c>
      <c r="AC2731">
        <v>44428.344749999997</v>
      </c>
      <c r="AD2731">
        <v>35496.370009999999</v>
      </c>
      <c r="AE2731">
        <v>41702.750650000002</v>
      </c>
      <c r="AF2731">
        <v>55342.724589999998</v>
      </c>
      <c r="AG2731">
        <v>26220.873200000002</v>
      </c>
      <c r="AH2731">
        <v>332986.11670000001</v>
      </c>
      <c r="AI2731">
        <v>81532.762650000004</v>
      </c>
      <c r="AJ2731">
        <v>23435.877380000002</v>
      </c>
      <c r="AK2731">
        <v>29304.738860000001</v>
      </c>
      <c r="AL2731">
        <v>94301.993289999999</v>
      </c>
      <c r="AM2731">
        <v>24255.299709999999</v>
      </c>
      <c r="AN2731">
        <v>100629.79210000001</v>
      </c>
      <c r="AO2731">
        <v>29656.636119999999</v>
      </c>
      <c r="AP2731">
        <v>17704.222699999998</v>
      </c>
    </row>
    <row r="2732" spans="2:42" x14ac:dyDescent="0.3">
      <c r="B2732">
        <v>64.280010795225579</v>
      </c>
      <c r="C2732" s="83">
        <v>43214.75</v>
      </c>
      <c r="D2732">
        <v>261403.84839999999</v>
      </c>
      <c r="E2732">
        <v>28685.744330000001</v>
      </c>
      <c r="F2732">
        <v>89832.587280000007</v>
      </c>
      <c r="G2732">
        <v>43543.203200000004</v>
      </c>
      <c r="H2732">
        <v>42234.205529999999</v>
      </c>
      <c r="I2732">
        <v>33838.486360000003</v>
      </c>
      <c r="J2732">
        <v>41682.214670000001</v>
      </c>
      <c r="K2732">
        <v>53153.313929999997</v>
      </c>
      <c r="L2732">
        <v>26982.083019999998</v>
      </c>
      <c r="M2732">
        <v>327729.47149999999</v>
      </c>
      <c r="N2732">
        <v>78414.452489999996</v>
      </c>
      <c r="O2732">
        <v>22582.808550000002</v>
      </c>
      <c r="P2732">
        <v>32205.644680000001</v>
      </c>
      <c r="Q2732">
        <v>91930.674960000004</v>
      </c>
      <c r="R2732">
        <v>22172.520970000001</v>
      </c>
      <c r="S2732">
        <v>93836.824410000001</v>
      </c>
      <c r="T2732">
        <v>29818.226770000001</v>
      </c>
      <c r="U2732">
        <v>15969.21256</v>
      </c>
      <c r="W2732" s="83">
        <f>Bühler!N2764</f>
        <v>45405.749999993379</v>
      </c>
      <c r="X2732" s="83">
        <v>43214.75</v>
      </c>
      <c r="Y2732">
        <v>261403.84839999999</v>
      </c>
      <c r="Z2732">
        <v>28685.744330000001</v>
      </c>
      <c r="AA2732">
        <v>89832.587280000007</v>
      </c>
      <c r="AB2732">
        <v>43543.203200000004</v>
      </c>
      <c r="AC2732">
        <v>42234.205529999999</v>
      </c>
      <c r="AD2732">
        <v>33838.486360000003</v>
      </c>
      <c r="AE2732">
        <v>41682.214670000001</v>
      </c>
      <c r="AF2732">
        <v>53153.313929999997</v>
      </c>
      <c r="AG2732">
        <v>26982.083019999998</v>
      </c>
      <c r="AH2732">
        <v>327729.47149999999</v>
      </c>
      <c r="AI2732">
        <v>78414.452489999996</v>
      </c>
      <c r="AJ2732">
        <v>22582.808550000002</v>
      </c>
      <c r="AK2732">
        <v>32205.644680000001</v>
      </c>
      <c r="AL2732">
        <v>91930.674960000004</v>
      </c>
      <c r="AM2732">
        <v>22172.520970000001</v>
      </c>
      <c r="AN2732">
        <v>93836.824410000001</v>
      </c>
      <c r="AO2732">
        <v>29818.226770000001</v>
      </c>
      <c r="AP2732">
        <v>15969.21256</v>
      </c>
    </row>
    <row r="2733" spans="2:42" x14ac:dyDescent="0.3">
      <c r="B2733">
        <v>62.605676038957348</v>
      </c>
      <c r="C2733" s="83">
        <v>43214.791666666664</v>
      </c>
      <c r="D2733">
        <v>255833.27220000001</v>
      </c>
      <c r="E2733">
        <v>23318.632549999998</v>
      </c>
      <c r="F2733">
        <v>77818.106069999994</v>
      </c>
      <c r="G2733">
        <v>41296.99295</v>
      </c>
      <c r="H2733">
        <v>39737.267460000003</v>
      </c>
      <c r="I2733">
        <v>30089.917089999999</v>
      </c>
      <c r="J2733">
        <v>41245.228130000003</v>
      </c>
      <c r="K2733">
        <v>52083.828249999999</v>
      </c>
      <c r="L2733">
        <v>28350.602029999998</v>
      </c>
      <c r="M2733">
        <v>319192.93209999998</v>
      </c>
      <c r="N2733">
        <v>77000.930510000006</v>
      </c>
      <c r="O2733">
        <v>21527.297839999999</v>
      </c>
      <c r="P2733">
        <v>35500.597549999999</v>
      </c>
      <c r="Q2733">
        <v>89465.888130000007</v>
      </c>
      <c r="R2733">
        <v>21063.951850000001</v>
      </c>
      <c r="S2733">
        <v>88450.885939999993</v>
      </c>
      <c r="T2733">
        <v>30422.359789999999</v>
      </c>
      <c r="U2733">
        <v>15050.72731</v>
      </c>
      <c r="W2733" s="83">
        <f>Bühler!N2765</f>
        <v>45405.791666660043</v>
      </c>
      <c r="X2733" s="83">
        <v>43214.791666666664</v>
      </c>
      <c r="Y2733">
        <v>255833.27220000001</v>
      </c>
      <c r="Z2733">
        <v>23318.632549999998</v>
      </c>
      <c r="AA2733">
        <v>77818.106069999994</v>
      </c>
      <c r="AB2733">
        <v>41296.99295</v>
      </c>
      <c r="AC2733">
        <v>39737.267460000003</v>
      </c>
      <c r="AD2733">
        <v>30089.917089999999</v>
      </c>
      <c r="AE2733">
        <v>41245.228130000003</v>
      </c>
      <c r="AF2733">
        <v>52083.828249999999</v>
      </c>
      <c r="AG2733">
        <v>28350.602029999998</v>
      </c>
      <c r="AH2733">
        <v>319192.93209999998</v>
      </c>
      <c r="AI2733">
        <v>77000.930510000006</v>
      </c>
      <c r="AJ2733">
        <v>21527.297839999999</v>
      </c>
      <c r="AK2733">
        <v>35500.597549999999</v>
      </c>
      <c r="AL2733">
        <v>89465.888130000007</v>
      </c>
      <c r="AM2733">
        <v>21063.951850000001</v>
      </c>
      <c r="AN2733">
        <v>88450.885939999993</v>
      </c>
      <c r="AO2733">
        <v>30422.359789999999</v>
      </c>
      <c r="AP2733">
        <v>15050.72731</v>
      </c>
    </row>
    <row r="2734" spans="2:42" x14ac:dyDescent="0.3">
      <c r="B2734">
        <v>60.811542453191358</v>
      </c>
      <c r="C2734" s="83">
        <v>43214.833333333336</v>
      </c>
      <c r="D2734">
        <v>245181.64480000001</v>
      </c>
      <c r="E2734">
        <v>17491.020970000001</v>
      </c>
      <c r="F2734">
        <v>61185.35626</v>
      </c>
      <c r="G2734">
        <v>38406.510979999999</v>
      </c>
      <c r="H2734">
        <v>37653.473639999997</v>
      </c>
      <c r="I2734">
        <v>27450.396270000001</v>
      </c>
      <c r="J2734">
        <v>41398.892849999997</v>
      </c>
      <c r="K2734">
        <v>50441.585590000002</v>
      </c>
      <c r="L2734">
        <v>27623.241709999998</v>
      </c>
      <c r="M2734">
        <v>310045.60239999997</v>
      </c>
      <c r="N2734">
        <v>75984.506150000001</v>
      </c>
      <c r="O2734">
        <v>20226.84402</v>
      </c>
      <c r="P2734">
        <v>34281.509940000004</v>
      </c>
      <c r="Q2734">
        <v>86263.662209999995</v>
      </c>
      <c r="R2734">
        <v>20058.732779999998</v>
      </c>
      <c r="S2734">
        <v>81539.411999999997</v>
      </c>
      <c r="T2734">
        <v>29514.462820000001</v>
      </c>
      <c r="U2734">
        <v>14708.303809999999</v>
      </c>
      <c r="W2734" s="83">
        <f>Bühler!N2766</f>
        <v>45405.833333326707</v>
      </c>
      <c r="X2734" s="83">
        <v>43214.833333333336</v>
      </c>
      <c r="Y2734">
        <v>245181.64480000001</v>
      </c>
      <c r="Z2734">
        <v>17491.020970000001</v>
      </c>
      <c r="AA2734">
        <v>61185.35626</v>
      </c>
      <c r="AB2734">
        <v>38406.510979999999</v>
      </c>
      <c r="AC2734">
        <v>37653.473639999997</v>
      </c>
      <c r="AD2734">
        <v>27450.396270000001</v>
      </c>
      <c r="AE2734">
        <v>41398.892849999997</v>
      </c>
      <c r="AF2734">
        <v>50441.585590000002</v>
      </c>
      <c r="AG2734">
        <v>27623.241709999998</v>
      </c>
      <c r="AH2734">
        <v>310045.60239999997</v>
      </c>
      <c r="AI2734">
        <v>75984.506150000001</v>
      </c>
      <c r="AJ2734">
        <v>20226.84402</v>
      </c>
      <c r="AK2734">
        <v>34281.509940000004</v>
      </c>
      <c r="AL2734">
        <v>86263.662209999995</v>
      </c>
      <c r="AM2734">
        <v>20058.732779999998</v>
      </c>
      <c r="AN2734">
        <v>81539.411999999997</v>
      </c>
      <c r="AO2734">
        <v>29514.462820000001</v>
      </c>
      <c r="AP2734">
        <v>14708.303809999999</v>
      </c>
    </row>
    <row r="2735" spans="2:42" x14ac:dyDescent="0.3">
      <c r="B2735">
        <v>59.691917291988382</v>
      </c>
      <c r="C2735" s="83">
        <v>43214.875</v>
      </c>
      <c r="D2735">
        <v>236800.0557</v>
      </c>
      <c r="E2735">
        <v>15077.767760000001</v>
      </c>
      <c r="F2735">
        <v>53849.695110000001</v>
      </c>
      <c r="G2735">
        <v>37474.916790000003</v>
      </c>
      <c r="H2735">
        <v>37580.148869999997</v>
      </c>
      <c r="I2735">
        <v>24472.223569999998</v>
      </c>
      <c r="J2735">
        <v>41911.577270000002</v>
      </c>
      <c r="K2735">
        <v>49820.726900000001</v>
      </c>
      <c r="L2735">
        <v>26622.084330000002</v>
      </c>
      <c r="M2735">
        <v>304337.23119999998</v>
      </c>
      <c r="N2735">
        <v>74276.787649999998</v>
      </c>
      <c r="O2735">
        <v>19374.848999999998</v>
      </c>
      <c r="P2735">
        <v>34364.378080000002</v>
      </c>
      <c r="Q2735">
        <v>83868.262480000005</v>
      </c>
      <c r="R2735">
        <v>19918.654689999999</v>
      </c>
      <c r="S2735">
        <v>78996.32879</v>
      </c>
      <c r="T2735">
        <v>28040.934290000001</v>
      </c>
      <c r="U2735">
        <v>14690.320669999999</v>
      </c>
      <c r="W2735" s="83">
        <f>Bühler!N2767</f>
        <v>45405.874999993372</v>
      </c>
      <c r="X2735" s="83">
        <v>43214.875</v>
      </c>
      <c r="Y2735">
        <v>236800.0557</v>
      </c>
      <c r="Z2735">
        <v>15077.767760000001</v>
      </c>
      <c r="AA2735">
        <v>53849.695110000001</v>
      </c>
      <c r="AB2735">
        <v>37474.916790000003</v>
      </c>
      <c r="AC2735">
        <v>37580.148869999997</v>
      </c>
      <c r="AD2735">
        <v>24472.223569999998</v>
      </c>
      <c r="AE2735">
        <v>41911.577270000002</v>
      </c>
      <c r="AF2735">
        <v>49820.726900000001</v>
      </c>
      <c r="AG2735">
        <v>26622.084330000002</v>
      </c>
      <c r="AH2735">
        <v>304337.23119999998</v>
      </c>
      <c r="AI2735">
        <v>74276.787649999998</v>
      </c>
      <c r="AJ2735">
        <v>19374.848999999998</v>
      </c>
      <c r="AK2735">
        <v>34364.378080000002</v>
      </c>
      <c r="AL2735">
        <v>83868.262480000005</v>
      </c>
      <c r="AM2735">
        <v>19918.654689999999</v>
      </c>
      <c r="AN2735">
        <v>78996.32879</v>
      </c>
      <c r="AO2735">
        <v>28040.934290000001</v>
      </c>
      <c r="AP2735">
        <v>14690.320669999999</v>
      </c>
    </row>
    <row r="2736" spans="2:42" x14ac:dyDescent="0.3">
      <c r="B2736">
        <v>58.830713960337896</v>
      </c>
      <c r="C2736" s="83">
        <v>43214.916666666664</v>
      </c>
      <c r="D2736">
        <v>236448.81570000001</v>
      </c>
      <c r="E2736">
        <v>14186.114750000001</v>
      </c>
      <c r="F2736">
        <v>50811.722719999998</v>
      </c>
      <c r="G2736">
        <v>36140.939839999999</v>
      </c>
      <c r="H2736">
        <v>36817.52203</v>
      </c>
      <c r="I2736">
        <v>23144.85655</v>
      </c>
      <c r="J2736">
        <v>40564.667170000001</v>
      </c>
      <c r="K2736">
        <v>52232.300329999998</v>
      </c>
      <c r="L2736">
        <v>23755.199799999999</v>
      </c>
      <c r="M2736">
        <v>299946.41499999998</v>
      </c>
      <c r="N2736">
        <v>72993.06753</v>
      </c>
      <c r="O2736">
        <v>19496.982069999998</v>
      </c>
      <c r="P2736">
        <v>35453.262880000002</v>
      </c>
      <c r="Q2736">
        <v>82926.847970000003</v>
      </c>
      <c r="R2736">
        <v>21130.933560000001</v>
      </c>
      <c r="S2736">
        <v>77398.448470000003</v>
      </c>
      <c r="T2736">
        <v>24192.482199999999</v>
      </c>
      <c r="U2736">
        <v>14678.46125</v>
      </c>
      <c r="W2736" s="83">
        <f>Bühler!N2768</f>
        <v>45405.916666660036</v>
      </c>
      <c r="X2736" s="83">
        <v>43214.916666666664</v>
      </c>
      <c r="Y2736">
        <v>236448.81570000001</v>
      </c>
      <c r="Z2736">
        <v>14186.114750000001</v>
      </c>
      <c r="AA2736">
        <v>50811.722719999998</v>
      </c>
      <c r="AB2736">
        <v>36140.939839999999</v>
      </c>
      <c r="AC2736">
        <v>36817.52203</v>
      </c>
      <c r="AD2736">
        <v>23144.85655</v>
      </c>
      <c r="AE2736">
        <v>40564.667170000001</v>
      </c>
      <c r="AF2736">
        <v>52232.300329999998</v>
      </c>
      <c r="AG2736">
        <v>23755.199799999999</v>
      </c>
      <c r="AH2736">
        <v>299946.41499999998</v>
      </c>
      <c r="AI2736">
        <v>72993.06753</v>
      </c>
      <c r="AJ2736">
        <v>19496.982069999998</v>
      </c>
      <c r="AK2736">
        <v>35453.262880000002</v>
      </c>
      <c r="AL2736">
        <v>82926.847970000003</v>
      </c>
      <c r="AM2736">
        <v>21130.933560000001</v>
      </c>
      <c r="AN2736">
        <v>77398.448470000003</v>
      </c>
      <c r="AO2736">
        <v>24192.482199999999</v>
      </c>
      <c r="AP2736">
        <v>14678.46125</v>
      </c>
    </row>
    <row r="2737" spans="2:42" x14ac:dyDescent="0.3">
      <c r="B2737">
        <v>57.918753561239413</v>
      </c>
      <c r="C2737" s="83">
        <v>43214.958333333336</v>
      </c>
      <c r="D2737">
        <v>234698.68780000001</v>
      </c>
      <c r="E2737">
        <v>13495.906919999999</v>
      </c>
      <c r="F2737">
        <v>49449.926959999997</v>
      </c>
      <c r="G2737">
        <v>35614.280189999998</v>
      </c>
      <c r="H2737">
        <v>35733.914169999996</v>
      </c>
      <c r="I2737">
        <v>22137.354370000001</v>
      </c>
      <c r="J2737">
        <v>37379.843939999999</v>
      </c>
      <c r="K2737">
        <v>51792.385770000001</v>
      </c>
      <c r="L2737">
        <v>19373.673989999999</v>
      </c>
      <c r="M2737">
        <v>295296.81559999997</v>
      </c>
      <c r="N2737">
        <v>71022.14662</v>
      </c>
      <c r="O2737">
        <v>19012.177790000002</v>
      </c>
      <c r="P2737">
        <v>31328.87156</v>
      </c>
      <c r="Q2737">
        <v>81971.673989999996</v>
      </c>
      <c r="R2737">
        <v>22237.60987</v>
      </c>
      <c r="S2737">
        <v>75153.15814</v>
      </c>
      <c r="T2737">
        <v>20835.353520000001</v>
      </c>
      <c r="U2737">
        <v>13738.765310000001</v>
      </c>
      <c r="W2737" s="83">
        <f>Bühler!N2769</f>
        <v>45405.9583333267</v>
      </c>
      <c r="X2737" s="83">
        <v>43214.958333333336</v>
      </c>
      <c r="Y2737">
        <v>234698.68780000001</v>
      </c>
      <c r="Z2737">
        <v>13495.906919999999</v>
      </c>
      <c r="AA2737">
        <v>49449.926959999997</v>
      </c>
      <c r="AB2737">
        <v>35614.280189999998</v>
      </c>
      <c r="AC2737">
        <v>35733.914169999996</v>
      </c>
      <c r="AD2737">
        <v>22137.354370000001</v>
      </c>
      <c r="AE2737">
        <v>37379.843939999999</v>
      </c>
      <c r="AF2737">
        <v>51792.385770000001</v>
      </c>
      <c r="AG2737">
        <v>19373.673989999999</v>
      </c>
      <c r="AH2737">
        <v>295296.81559999997</v>
      </c>
      <c r="AI2737">
        <v>71022.14662</v>
      </c>
      <c r="AJ2737">
        <v>19012.177790000002</v>
      </c>
      <c r="AK2737">
        <v>31328.87156</v>
      </c>
      <c r="AL2737">
        <v>81971.673989999996</v>
      </c>
      <c r="AM2737">
        <v>22237.60987</v>
      </c>
      <c r="AN2737">
        <v>75153.15814</v>
      </c>
      <c r="AO2737">
        <v>20835.353520000001</v>
      </c>
      <c r="AP2737">
        <v>13738.765310000001</v>
      </c>
    </row>
    <row r="2738" spans="2:42" x14ac:dyDescent="0.3">
      <c r="B2738">
        <v>56.189343929279786</v>
      </c>
      <c r="C2738" s="83">
        <v>43215</v>
      </c>
      <c r="D2738">
        <v>234008.12040000001</v>
      </c>
      <c r="E2738">
        <v>13244.10361</v>
      </c>
      <c r="F2738">
        <v>48042.813040000001</v>
      </c>
      <c r="G2738">
        <v>34886.970609999997</v>
      </c>
      <c r="H2738">
        <v>35275.918100000003</v>
      </c>
      <c r="I2738">
        <v>20696.95765</v>
      </c>
      <c r="J2738">
        <v>35574.958689999999</v>
      </c>
      <c r="K2738">
        <v>50007.159469999999</v>
      </c>
      <c r="L2738">
        <v>17435.097559999998</v>
      </c>
      <c r="M2738">
        <v>286479.47879999998</v>
      </c>
      <c r="N2738">
        <v>71080.31826</v>
      </c>
      <c r="O2738">
        <v>19815.339380000001</v>
      </c>
      <c r="P2738">
        <v>28581.601780000001</v>
      </c>
      <c r="Q2738">
        <v>80631.608930000002</v>
      </c>
      <c r="R2738">
        <v>18232.439419999999</v>
      </c>
      <c r="S2738">
        <v>73549.018660000002</v>
      </c>
      <c r="T2738">
        <v>19807.553759999999</v>
      </c>
      <c r="U2738">
        <v>14016.08351</v>
      </c>
      <c r="W2738" s="83">
        <f>Bühler!N2770</f>
        <v>45405.999999993364</v>
      </c>
      <c r="X2738" s="83">
        <v>43215</v>
      </c>
      <c r="Y2738">
        <v>234008.12040000001</v>
      </c>
      <c r="Z2738">
        <v>13244.10361</v>
      </c>
      <c r="AA2738">
        <v>48042.813040000001</v>
      </c>
      <c r="AB2738">
        <v>34886.970609999997</v>
      </c>
      <c r="AC2738">
        <v>35275.918100000003</v>
      </c>
      <c r="AD2738">
        <v>20696.95765</v>
      </c>
      <c r="AE2738">
        <v>35574.958689999999</v>
      </c>
      <c r="AF2738">
        <v>50007.159469999999</v>
      </c>
      <c r="AG2738">
        <v>17435.097559999998</v>
      </c>
      <c r="AH2738">
        <v>286479.47879999998</v>
      </c>
      <c r="AI2738">
        <v>71080.31826</v>
      </c>
      <c r="AJ2738">
        <v>19815.339380000001</v>
      </c>
      <c r="AK2738">
        <v>28581.601780000001</v>
      </c>
      <c r="AL2738">
        <v>80631.608930000002</v>
      </c>
      <c r="AM2738">
        <v>18232.439419999999</v>
      </c>
      <c r="AN2738">
        <v>73549.018660000002</v>
      </c>
      <c r="AO2738">
        <v>19807.553759999999</v>
      </c>
      <c r="AP2738">
        <v>14016.08351</v>
      </c>
    </row>
    <row r="2739" spans="2:42" x14ac:dyDescent="0.3">
      <c r="B2739">
        <v>56.470594996527197</v>
      </c>
      <c r="C2739" s="83">
        <v>43215.041666666664</v>
      </c>
      <c r="D2739">
        <v>231807.78779999999</v>
      </c>
      <c r="E2739">
        <v>13052.51094</v>
      </c>
      <c r="F2739">
        <v>47394.15812</v>
      </c>
      <c r="G2739">
        <v>34171.085099999997</v>
      </c>
      <c r="H2739">
        <v>34303.951220000003</v>
      </c>
      <c r="I2739">
        <v>16700.53009</v>
      </c>
      <c r="J2739">
        <v>34840.550689999996</v>
      </c>
      <c r="K2739">
        <v>47547.011149999998</v>
      </c>
      <c r="L2739">
        <v>17009.74192</v>
      </c>
      <c r="M2739">
        <v>287913.42790000001</v>
      </c>
      <c r="N2739">
        <v>70612.218800000002</v>
      </c>
      <c r="O2739">
        <v>19445.626049999999</v>
      </c>
      <c r="P2739">
        <v>26132.264370000001</v>
      </c>
      <c r="Q2739">
        <v>81247.615120000002</v>
      </c>
      <c r="R2739">
        <v>17013.382010000001</v>
      </c>
      <c r="S2739">
        <v>72615.047340000005</v>
      </c>
      <c r="T2739">
        <v>19210.815780000001</v>
      </c>
      <c r="U2739">
        <v>14495.65544</v>
      </c>
      <c r="W2739" s="83">
        <f>Bühler!N2771</f>
        <v>45406.041666660029</v>
      </c>
      <c r="X2739" s="83">
        <v>43215.041666666664</v>
      </c>
      <c r="Y2739">
        <v>231807.78779999999</v>
      </c>
      <c r="Z2739">
        <v>13052.51094</v>
      </c>
      <c r="AA2739">
        <v>47394.15812</v>
      </c>
      <c r="AB2739">
        <v>34171.085099999997</v>
      </c>
      <c r="AC2739">
        <v>34303.951220000003</v>
      </c>
      <c r="AD2739">
        <v>16700.53009</v>
      </c>
      <c r="AE2739">
        <v>34840.550689999996</v>
      </c>
      <c r="AF2739">
        <v>47547.011149999998</v>
      </c>
      <c r="AG2739">
        <v>17009.74192</v>
      </c>
      <c r="AH2739">
        <v>287913.42790000001</v>
      </c>
      <c r="AI2739">
        <v>70612.218800000002</v>
      </c>
      <c r="AJ2739">
        <v>19445.626049999999</v>
      </c>
      <c r="AK2739">
        <v>26132.264370000001</v>
      </c>
      <c r="AL2739">
        <v>81247.615120000002</v>
      </c>
      <c r="AM2739">
        <v>17013.382010000001</v>
      </c>
      <c r="AN2739">
        <v>72615.047340000005</v>
      </c>
      <c r="AO2739">
        <v>19210.815780000001</v>
      </c>
      <c r="AP2739">
        <v>14495.65544</v>
      </c>
    </row>
    <row r="2740" spans="2:42" x14ac:dyDescent="0.3">
      <c r="B2740">
        <v>56.606281603753999</v>
      </c>
      <c r="C2740" s="83">
        <v>43215.083333333336</v>
      </c>
      <c r="D2740">
        <v>232982.54149999999</v>
      </c>
      <c r="E2740">
        <v>12941.7096</v>
      </c>
      <c r="F2740">
        <v>48044.18591</v>
      </c>
      <c r="G2740">
        <v>33564.06035</v>
      </c>
      <c r="H2740">
        <v>34263.807399999998</v>
      </c>
      <c r="I2740">
        <v>15101.07713</v>
      </c>
      <c r="J2740">
        <v>34648.470829999998</v>
      </c>
      <c r="K2740">
        <v>45698.026039999997</v>
      </c>
      <c r="L2740">
        <v>17240.208920000001</v>
      </c>
      <c r="M2740">
        <v>288605.22149999999</v>
      </c>
      <c r="N2740">
        <v>69632.078999999998</v>
      </c>
      <c r="O2740">
        <v>19527.549149999999</v>
      </c>
      <c r="P2740">
        <v>25673.049650000001</v>
      </c>
      <c r="Q2740">
        <v>83824.90135</v>
      </c>
      <c r="R2740">
        <v>17760.496439999999</v>
      </c>
      <c r="S2740">
        <v>72555.613270000002</v>
      </c>
      <c r="T2740">
        <v>18904.27691</v>
      </c>
      <c r="U2740">
        <v>14560.84237</v>
      </c>
      <c r="W2740" s="83">
        <f>Bühler!N2772</f>
        <v>45406.083333326693</v>
      </c>
      <c r="X2740" s="83">
        <v>43215.083333333336</v>
      </c>
      <c r="Y2740">
        <v>232982.54149999999</v>
      </c>
      <c r="Z2740">
        <v>12941.7096</v>
      </c>
      <c r="AA2740">
        <v>48044.18591</v>
      </c>
      <c r="AB2740">
        <v>33564.06035</v>
      </c>
      <c r="AC2740">
        <v>34263.807399999998</v>
      </c>
      <c r="AD2740">
        <v>15101.07713</v>
      </c>
      <c r="AE2740">
        <v>34648.470829999998</v>
      </c>
      <c r="AF2740">
        <v>45698.026039999997</v>
      </c>
      <c r="AG2740">
        <v>17240.208920000001</v>
      </c>
      <c r="AH2740">
        <v>288605.22149999999</v>
      </c>
      <c r="AI2740">
        <v>69632.078999999998</v>
      </c>
      <c r="AJ2740">
        <v>19527.549149999999</v>
      </c>
      <c r="AK2740">
        <v>25673.049650000001</v>
      </c>
      <c r="AL2740">
        <v>83824.90135</v>
      </c>
      <c r="AM2740">
        <v>17760.496439999999</v>
      </c>
      <c r="AN2740">
        <v>72555.613270000002</v>
      </c>
      <c r="AO2740">
        <v>18904.27691</v>
      </c>
      <c r="AP2740">
        <v>14560.84237</v>
      </c>
    </row>
    <row r="2741" spans="2:42" x14ac:dyDescent="0.3">
      <c r="B2741">
        <v>57.685731310955362</v>
      </c>
      <c r="C2741" s="83">
        <v>43215.125</v>
      </c>
      <c r="D2741">
        <v>233687.30799999999</v>
      </c>
      <c r="E2741">
        <v>13148.30719</v>
      </c>
      <c r="F2741">
        <v>49496.574209999999</v>
      </c>
      <c r="G2741">
        <v>32808.997810000001</v>
      </c>
      <c r="H2741">
        <v>34545.9856</v>
      </c>
      <c r="I2741">
        <v>14897.331190000001</v>
      </c>
      <c r="J2741">
        <v>34425.475859999999</v>
      </c>
      <c r="K2741">
        <v>45006.300560000003</v>
      </c>
      <c r="L2741">
        <v>16679.448659999998</v>
      </c>
      <c r="M2741">
        <v>294108.75949999999</v>
      </c>
      <c r="N2741">
        <v>68962.53933</v>
      </c>
      <c r="O2741">
        <v>19310.865419999998</v>
      </c>
      <c r="P2741">
        <v>25932.33756</v>
      </c>
      <c r="Q2741">
        <v>86604.153770000004</v>
      </c>
      <c r="R2741">
        <v>17779.38421</v>
      </c>
      <c r="S2741">
        <v>72119.112120000005</v>
      </c>
      <c r="T2741">
        <v>18891.349689999999</v>
      </c>
      <c r="U2741">
        <v>14321.562459999999</v>
      </c>
      <c r="W2741" s="83">
        <f>Bühler!N2773</f>
        <v>45406.124999993357</v>
      </c>
      <c r="X2741" s="83">
        <v>43215.125</v>
      </c>
      <c r="Y2741">
        <v>233687.30799999999</v>
      </c>
      <c r="Z2741">
        <v>13148.30719</v>
      </c>
      <c r="AA2741">
        <v>49496.574209999999</v>
      </c>
      <c r="AB2741">
        <v>32808.997810000001</v>
      </c>
      <c r="AC2741">
        <v>34545.9856</v>
      </c>
      <c r="AD2741">
        <v>14897.331190000001</v>
      </c>
      <c r="AE2741">
        <v>34425.475859999999</v>
      </c>
      <c r="AF2741">
        <v>45006.300560000003</v>
      </c>
      <c r="AG2741">
        <v>16679.448659999998</v>
      </c>
      <c r="AH2741">
        <v>294108.75949999999</v>
      </c>
      <c r="AI2741">
        <v>68962.53933</v>
      </c>
      <c r="AJ2741">
        <v>19310.865419999998</v>
      </c>
      <c r="AK2741">
        <v>25932.33756</v>
      </c>
      <c r="AL2741">
        <v>86604.153770000004</v>
      </c>
      <c r="AM2741">
        <v>17779.38421</v>
      </c>
      <c r="AN2741">
        <v>72119.112120000005</v>
      </c>
      <c r="AO2741">
        <v>18891.349689999999</v>
      </c>
      <c r="AP2741">
        <v>14321.562459999999</v>
      </c>
    </row>
    <row r="2742" spans="2:42" x14ac:dyDescent="0.3">
      <c r="B2742">
        <v>58.997033328384326</v>
      </c>
      <c r="C2742" s="83">
        <v>43215.166666666664</v>
      </c>
      <c r="D2742">
        <v>235426.35949999999</v>
      </c>
      <c r="E2742">
        <v>13572.90184</v>
      </c>
      <c r="F2742">
        <v>52557.761129999999</v>
      </c>
      <c r="G2742">
        <v>32497.351259999999</v>
      </c>
      <c r="H2742">
        <v>35318.851419999999</v>
      </c>
      <c r="I2742">
        <v>16424.908340000002</v>
      </c>
      <c r="J2742">
        <v>36367.522779999999</v>
      </c>
      <c r="K2742">
        <v>44625.780460000002</v>
      </c>
      <c r="L2742">
        <v>16630.52536</v>
      </c>
      <c r="M2742">
        <v>300794.38870000001</v>
      </c>
      <c r="N2742">
        <v>66989.914680000002</v>
      </c>
      <c r="O2742">
        <v>19991.237400000002</v>
      </c>
      <c r="P2742">
        <v>24456.922320000001</v>
      </c>
      <c r="Q2742">
        <v>89963.253060000003</v>
      </c>
      <c r="R2742">
        <v>17645.105159999999</v>
      </c>
      <c r="S2742">
        <v>72797.552540000004</v>
      </c>
      <c r="T2742">
        <v>18877.450929999999</v>
      </c>
      <c r="U2742">
        <v>14386.47582</v>
      </c>
      <c r="W2742" s="83">
        <f>Bühler!N2774</f>
        <v>45406.166666660021</v>
      </c>
      <c r="X2742" s="83">
        <v>43215.166666666664</v>
      </c>
      <c r="Y2742">
        <v>235426.35949999999</v>
      </c>
      <c r="Z2742">
        <v>13572.90184</v>
      </c>
      <c r="AA2742">
        <v>52557.761129999999</v>
      </c>
      <c r="AB2742">
        <v>32497.351259999999</v>
      </c>
      <c r="AC2742">
        <v>35318.851419999999</v>
      </c>
      <c r="AD2742">
        <v>16424.908340000002</v>
      </c>
      <c r="AE2742">
        <v>36367.522779999999</v>
      </c>
      <c r="AF2742">
        <v>44625.780460000002</v>
      </c>
      <c r="AG2742">
        <v>16630.52536</v>
      </c>
      <c r="AH2742">
        <v>300794.38870000001</v>
      </c>
      <c r="AI2742">
        <v>66989.914680000002</v>
      </c>
      <c r="AJ2742">
        <v>19991.237400000002</v>
      </c>
      <c r="AK2742">
        <v>24456.922320000001</v>
      </c>
      <c r="AL2742">
        <v>89963.253060000003</v>
      </c>
      <c r="AM2742">
        <v>17645.105159999999</v>
      </c>
      <c r="AN2742">
        <v>72797.552540000004</v>
      </c>
      <c r="AO2742">
        <v>18877.450929999999</v>
      </c>
      <c r="AP2742">
        <v>14386.47582</v>
      </c>
    </row>
    <row r="2743" spans="2:42" x14ac:dyDescent="0.3">
      <c r="B2743">
        <v>61.579900550951677</v>
      </c>
      <c r="C2743" s="83">
        <v>43215.208333333336</v>
      </c>
      <c r="D2743">
        <v>251563.20980000001</v>
      </c>
      <c r="E2743">
        <v>15539.367490000001</v>
      </c>
      <c r="F2743">
        <v>62774.41646</v>
      </c>
      <c r="G2743">
        <v>34354.626329999999</v>
      </c>
      <c r="H2743">
        <v>37080.279210000001</v>
      </c>
      <c r="I2743">
        <v>23783.537670000002</v>
      </c>
      <c r="J2743">
        <v>39562.76655</v>
      </c>
      <c r="K2743">
        <v>45072.032420000003</v>
      </c>
      <c r="L2743">
        <v>17336.576830000002</v>
      </c>
      <c r="M2743">
        <v>313963.0503</v>
      </c>
      <c r="N2743">
        <v>69030.927450000003</v>
      </c>
      <c r="O2743">
        <v>20694.457999999999</v>
      </c>
      <c r="P2743">
        <v>25760.826929999999</v>
      </c>
      <c r="Q2743">
        <v>92348.453309999997</v>
      </c>
      <c r="R2743">
        <v>20497.652760000001</v>
      </c>
      <c r="S2743">
        <v>74794.992790000004</v>
      </c>
      <c r="T2743">
        <v>20387.51858</v>
      </c>
      <c r="U2743">
        <v>17157.546920000001</v>
      </c>
      <c r="W2743" s="83">
        <f>Bühler!N2775</f>
        <v>45406.208333326686</v>
      </c>
      <c r="X2743" s="83">
        <v>43215.208333333336</v>
      </c>
      <c r="Y2743">
        <v>251563.20980000001</v>
      </c>
      <c r="Z2743">
        <v>15539.367490000001</v>
      </c>
      <c r="AA2743">
        <v>62774.41646</v>
      </c>
      <c r="AB2743">
        <v>34354.626329999999</v>
      </c>
      <c r="AC2743">
        <v>37080.279210000001</v>
      </c>
      <c r="AD2743">
        <v>23783.537670000002</v>
      </c>
      <c r="AE2743">
        <v>39562.76655</v>
      </c>
      <c r="AF2743">
        <v>45072.032420000003</v>
      </c>
      <c r="AG2743">
        <v>17336.576830000002</v>
      </c>
      <c r="AH2743">
        <v>313963.0503</v>
      </c>
      <c r="AI2743">
        <v>69030.927450000003</v>
      </c>
      <c r="AJ2743">
        <v>20694.457999999999</v>
      </c>
      <c r="AK2743">
        <v>25760.826929999999</v>
      </c>
      <c r="AL2743">
        <v>92348.453309999997</v>
      </c>
      <c r="AM2743">
        <v>20497.652760000001</v>
      </c>
      <c r="AN2743">
        <v>74794.992790000004</v>
      </c>
      <c r="AO2743">
        <v>20387.51858</v>
      </c>
      <c r="AP2743">
        <v>17157.546920000001</v>
      </c>
    </row>
    <row r="2744" spans="2:42" x14ac:dyDescent="0.3">
      <c r="B2744">
        <v>64.918338221890849</v>
      </c>
      <c r="C2744" s="83">
        <v>43215.25</v>
      </c>
      <c r="D2744">
        <v>265739.33309999999</v>
      </c>
      <c r="E2744">
        <v>19961.468919999999</v>
      </c>
      <c r="F2744">
        <v>74689.338969999997</v>
      </c>
      <c r="G2744">
        <v>41007.779470000001</v>
      </c>
      <c r="H2744">
        <v>40101.403259999999</v>
      </c>
      <c r="I2744">
        <v>30421.250339999999</v>
      </c>
      <c r="J2744">
        <v>43236.475449999998</v>
      </c>
      <c r="K2744">
        <v>47884.902699999999</v>
      </c>
      <c r="L2744">
        <v>18972.71312</v>
      </c>
      <c r="M2744">
        <v>330983.96240000002</v>
      </c>
      <c r="N2744">
        <v>74425.151800000007</v>
      </c>
      <c r="O2744">
        <v>22225.10716</v>
      </c>
      <c r="P2744">
        <v>27087.88838</v>
      </c>
      <c r="Q2744">
        <v>93696.025080000007</v>
      </c>
      <c r="R2744">
        <v>18266.665819999998</v>
      </c>
      <c r="S2744">
        <v>84196.527979999999</v>
      </c>
      <c r="T2744">
        <v>22978.4568</v>
      </c>
      <c r="U2744">
        <v>20480.63841</v>
      </c>
      <c r="W2744" s="83">
        <f>Bühler!N2776</f>
        <v>45406.24999999335</v>
      </c>
      <c r="X2744" s="83">
        <v>43215.25</v>
      </c>
      <c r="Y2744">
        <v>265739.33309999999</v>
      </c>
      <c r="Z2744">
        <v>19961.468919999999</v>
      </c>
      <c r="AA2744">
        <v>74689.338969999997</v>
      </c>
      <c r="AB2744">
        <v>41007.779470000001</v>
      </c>
      <c r="AC2744">
        <v>40101.403259999999</v>
      </c>
      <c r="AD2744">
        <v>30421.250339999999</v>
      </c>
      <c r="AE2744">
        <v>43236.475449999998</v>
      </c>
      <c r="AF2744">
        <v>47884.902699999999</v>
      </c>
      <c r="AG2744">
        <v>18972.71312</v>
      </c>
      <c r="AH2744">
        <v>330983.96240000002</v>
      </c>
      <c r="AI2744">
        <v>74425.151800000007</v>
      </c>
      <c r="AJ2744">
        <v>22225.10716</v>
      </c>
      <c r="AK2744">
        <v>27087.88838</v>
      </c>
      <c r="AL2744">
        <v>93696.025080000007</v>
      </c>
      <c r="AM2744">
        <v>18266.665819999998</v>
      </c>
      <c r="AN2744">
        <v>84196.527979999999</v>
      </c>
      <c r="AO2744">
        <v>22978.4568</v>
      </c>
      <c r="AP2744">
        <v>20480.63841</v>
      </c>
    </row>
    <row r="2745" spans="2:42" x14ac:dyDescent="0.3">
      <c r="B2745">
        <v>66.917348751023951</v>
      </c>
      <c r="C2745" s="83">
        <v>43215.291666666664</v>
      </c>
      <c r="D2745">
        <v>279538.02789999999</v>
      </c>
      <c r="E2745">
        <v>24687.13149</v>
      </c>
      <c r="F2745">
        <v>75868.374320000003</v>
      </c>
      <c r="G2745">
        <v>48074.6728</v>
      </c>
      <c r="H2745">
        <v>43675.64935</v>
      </c>
      <c r="I2745">
        <v>36102.670270000002</v>
      </c>
      <c r="J2745">
        <v>43586.478649999997</v>
      </c>
      <c r="K2745">
        <v>53249.483110000001</v>
      </c>
      <c r="L2745">
        <v>20626.646219999999</v>
      </c>
      <c r="M2745">
        <v>341175.85029999999</v>
      </c>
      <c r="N2745">
        <v>78699.501560000004</v>
      </c>
      <c r="O2745">
        <v>23534.873629999998</v>
      </c>
      <c r="P2745">
        <v>30292.564470000001</v>
      </c>
      <c r="Q2745">
        <v>93766.460149999999</v>
      </c>
      <c r="R2745">
        <v>18717.032319999998</v>
      </c>
      <c r="S2745">
        <v>97451.35007</v>
      </c>
      <c r="T2745">
        <v>26312.849730000002</v>
      </c>
      <c r="U2745">
        <v>23499.867399999999</v>
      </c>
      <c r="W2745" s="83">
        <f>Bühler!N2777</f>
        <v>45406.291666660014</v>
      </c>
      <c r="X2745" s="83">
        <v>43215.291666666664</v>
      </c>
      <c r="Y2745">
        <v>279538.02789999999</v>
      </c>
      <c r="Z2745">
        <v>24687.13149</v>
      </c>
      <c r="AA2745">
        <v>75868.374320000003</v>
      </c>
      <c r="AB2745">
        <v>48074.6728</v>
      </c>
      <c r="AC2745">
        <v>43675.64935</v>
      </c>
      <c r="AD2745">
        <v>36102.670270000002</v>
      </c>
      <c r="AE2745">
        <v>43586.478649999997</v>
      </c>
      <c r="AF2745">
        <v>53249.483110000001</v>
      </c>
      <c r="AG2745">
        <v>20626.646219999999</v>
      </c>
      <c r="AH2745">
        <v>341175.85029999999</v>
      </c>
      <c r="AI2745">
        <v>78699.501560000004</v>
      </c>
      <c r="AJ2745">
        <v>23534.873629999998</v>
      </c>
      <c r="AK2745">
        <v>30292.564470000001</v>
      </c>
      <c r="AL2745">
        <v>93766.460149999999</v>
      </c>
      <c r="AM2745">
        <v>18717.032319999998</v>
      </c>
      <c r="AN2745">
        <v>97451.35007</v>
      </c>
      <c r="AO2745">
        <v>26312.849730000002</v>
      </c>
      <c r="AP2745">
        <v>23499.867399999999</v>
      </c>
    </row>
    <row r="2746" spans="2:42" x14ac:dyDescent="0.3">
      <c r="B2746">
        <v>67.422269903256691</v>
      </c>
      <c r="C2746" s="83">
        <v>43215.333333333336</v>
      </c>
      <c r="D2746">
        <v>289437.25329999998</v>
      </c>
      <c r="E2746">
        <v>29863.78602</v>
      </c>
      <c r="F2746">
        <v>82991.451920000007</v>
      </c>
      <c r="G2746">
        <v>54972.85471</v>
      </c>
      <c r="H2746">
        <v>48479.510860000002</v>
      </c>
      <c r="I2746">
        <v>38823.907160000002</v>
      </c>
      <c r="J2746">
        <v>44854.137880000002</v>
      </c>
      <c r="K2746">
        <v>57733.270429999997</v>
      </c>
      <c r="L2746">
        <v>23863.63435</v>
      </c>
      <c r="M2746">
        <v>343750.17379999999</v>
      </c>
      <c r="N2746">
        <v>85009.514420000007</v>
      </c>
      <c r="O2746">
        <v>24913.46544</v>
      </c>
      <c r="P2746">
        <v>32365.7382</v>
      </c>
      <c r="Q2746">
        <v>94409.894249999998</v>
      </c>
      <c r="R2746">
        <v>21131.123660000001</v>
      </c>
      <c r="S2746">
        <v>107990.8379</v>
      </c>
      <c r="T2746">
        <v>29956.340899999999</v>
      </c>
      <c r="U2746">
        <v>25823.541720000001</v>
      </c>
      <c r="W2746" s="83">
        <f>Bühler!N2778</f>
        <v>45406.333333326678</v>
      </c>
      <c r="X2746" s="83">
        <v>43215.333333333336</v>
      </c>
      <c r="Y2746">
        <v>289437.25329999998</v>
      </c>
      <c r="Z2746">
        <v>29863.78602</v>
      </c>
      <c r="AA2746">
        <v>82991.451920000007</v>
      </c>
      <c r="AB2746">
        <v>54972.85471</v>
      </c>
      <c r="AC2746">
        <v>48479.510860000002</v>
      </c>
      <c r="AD2746">
        <v>38823.907160000002</v>
      </c>
      <c r="AE2746">
        <v>44854.137880000002</v>
      </c>
      <c r="AF2746">
        <v>57733.270429999997</v>
      </c>
      <c r="AG2746">
        <v>23863.63435</v>
      </c>
      <c r="AH2746">
        <v>343750.17379999999</v>
      </c>
      <c r="AI2746">
        <v>85009.514420000007</v>
      </c>
      <c r="AJ2746">
        <v>24913.46544</v>
      </c>
      <c r="AK2746">
        <v>32365.7382</v>
      </c>
      <c r="AL2746">
        <v>94409.894249999998</v>
      </c>
      <c r="AM2746">
        <v>21131.123660000001</v>
      </c>
      <c r="AN2746">
        <v>107990.8379</v>
      </c>
      <c r="AO2746">
        <v>29956.340899999999</v>
      </c>
      <c r="AP2746">
        <v>25823.541720000001</v>
      </c>
    </row>
    <row r="2747" spans="2:42" x14ac:dyDescent="0.3">
      <c r="B2747">
        <v>67.494728222135834</v>
      </c>
      <c r="C2747" s="83">
        <v>43215.375</v>
      </c>
      <c r="D2747">
        <v>290466.4877</v>
      </c>
      <c r="E2747">
        <v>33788.508500000004</v>
      </c>
      <c r="F2747">
        <v>90529.19025</v>
      </c>
      <c r="G2747">
        <v>58799.42641</v>
      </c>
      <c r="H2747">
        <v>50272.412850000001</v>
      </c>
      <c r="I2747">
        <v>36617.253120000001</v>
      </c>
      <c r="J2747">
        <v>45380.256710000001</v>
      </c>
      <c r="K2747">
        <v>61461.035689999997</v>
      </c>
      <c r="L2747">
        <v>26995.86924</v>
      </c>
      <c r="M2747">
        <v>344119.60009999998</v>
      </c>
      <c r="N2747">
        <v>89133.470660000006</v>
      </c>
      <c r="O2747">
        <v>25184.29823</v>
      </c>
      <c r="P2747">
        <v>34958.04219</v>
      </c>
      <c r="Q2747">
        <v>95426.590779999999</v>
      </c>
      <c r="R2747">
        <v>22113.407360000001</v>
      </c>
      <c r="S2747">
        <v>112765.0159</v>
      </c>
      <c r="T2747">
        <v>31538.37746</v>
      </c>
      <c r="U2747">
        <v>25172.137719999999</v>
      </c>
      <c r="W2747" s="83">
        <f>Bühler!N2779</f>
        <v>45406.374999993342</v>
      </c>
      <c r="X2747" s="83">
        <v>43215.375</v>
      </c>
      <c r="Y2747">
        <v>290466.4877</v>
      </c>
      <c r="Z2747">
        <v>33788.508500000004</v>
      </c>
      <c r="AA2747">
        <v>90529.19025</v>
      </c>
      <c r="AB2747">
        <v>58799.42641</v>
      </c>
      <c r="AC2747">
        <v>50272.412850000001</v>
      </c>
      <c r="AD2747">
        <v>36617.253120000001</v>
      </c>
      <c r="AE2747">
        <v>45380.256710000001</v>
      </c>
      <c r="AF2747">
        <v>61461.035689999997</v>
      </c>
      <c r="AG2747">
        <v>26995.86924</v>
      </c>
      <c r="AH2747">
        <v>344119.60009999998</v>
      </c>
      <c r="AI2747">
        <v>89133.470660000006</v>
      </c>
      <c r="AJ2747">
        <v>25184.29823</v>
      </c>
      <c r="AK2747">
        <v>34958.04219</v>
      </c>
      <c r="AL2747">
        <v>95426.590779999999</v>
      </c>
      <c r="AM2747">
        <v>22113.407360000001</v>
      </c>
      <c r="AN2747">
        <v>112765.0159</v>
      </c>
      <c r="AO2747">
        <v>31538.37746</v>
      </c>
      <c r="AP2747">
        <v>25172.137719999999</v>
      </c>
    </row>
    <row r="2748" spans="2:42" x14ac:dyDescent="0.3">
      <c r="B2748">
        <v>67.72962933154291</v>
      </c>
      <c r="C2748" s="83">
        <v>43215.416666666664</v>
      </c>
      <c r="D2748">
        <v>294097.42830000003</v>
      </c>
      <c r="E2748">
        <v>35144.613870000001</v>
      </c>
      <c r="F2748">
        <v>92354.895510000002</v>
      </c>
      <c r="G2748">
        <v>59296.464249999997</v>
      </c>
      <c r="H2748">
        <v>50957.012999999999</v>
      </c>
      <c r="I2748">
        <v>35032.874530000001</v>
      </c>
      <c r="J2748">
        <v>44468.449059999999</v>
      </c>
      <c r="K2748">
        <v>63165.559229999999</v>
      </c>
      <c r="L2748">
        <v>29749.406749999998</v>
      </c>
      <c r="M2748">
        <v>345317.23550000001</v>
      </c>
      <c r="N2748">
        <v>90281.941909999994</v>
      </c>
      <c r="O2748">
        <v>24976.738539999998</v>
      </c>
      <c r="P2748">
        <v>36163.947480000003</v>
      </c>
      <c r="Q2748">
        <v>96978.888680000004</v>
      </c>
      <c r="R2748">
        <v>22468.685969999999</v>
      </c>
      <c r="S2748">
        <v>113885.74890000001</v>
      </c>
      <c r="T2748">
        <v>32531.865379999999</v>
      </c>
      <c r="U2748">
        <v>24612.24987</v>
      </c>
      <c r="W2748" s="83">
        <f>Bühler!N2780</f>
        <v>45406.416666660007</v>
      </c>
      <c r="X2748" s="83">
        <v>43215.416666666664</v>
      </c>
      <c r="Y2748">
        <v>294097.42830000003</v>
      </c>
      <c r="Z2748">
        <v>35144.613870000001</v>
      </c>
      <c r="AA2748">
        <v>92354.895510000002</v>
      </c>
      <c r="AB2748">
        <v>59296.464249999997</v>
      </c>
      <c r="AC2748">
        <v>50957.012999999999</v>
      </c>
      <c r="AD2748">
        <v>35032.874530000001</v>
      </c>
      <c r="AE2748">
        <v>44468.449059999999</v>
      </c>
      <c r="AF2748">
        <v>63165.559229999999</v>
      </c>
      <c r="AG2748">
        <v>29749.406749999998</v>
      </c>
      <c r="AH2748">
        <v>345317.23550000001</v>
      </c>
      <c r="AI2748">
        <v>90281.941909999994</v>
      </c>
      <c r="AJ2748">
        <v>24976.738539999998</v>
      </c>
      <c r="AK2748">
        <v>36163.947480000003</v>
      </c>
      <c r="AL2748">
        <v>96978.888680000004</v>
      </c>
      <c r="AM2748">
        <v>22468.685969999999</v>
      </c>
      <c r="AN2748">
        <v>113885.74890000001</v>
      </c>
      <c r="AO2748">
        <v>32531.865379999999</v>
      </c>
      <c r="AP2748">
        <v>24612.24987</v>
      </c>
    </row>
    <row r="2749" spans="2:42" x14ac:dyDescent="0.3">
      <c r="B2749">
        <v>69.031579870154076</v>
      </c>
      <c r="C2749" s="83">
        <v>43215.458333333336</v>
      </c>
      <c r="D2749">
        <v>291403.79019999999</v>
      </c>
      <c r="E2749">
        <v>35156.93664</v>
      </c>
      <c r="F2749">
        <v>93190.847829999999</v>
      </c>
      <c r="G2749">
        <v>58868.192000000003</v>
      </c>
      <c r="H2749">
        <v>49983.946929999998</v>
      </c>
      <c r="I2749">
        <v>34878.642959999997</v>
      </c>
      <c r="J2749">
        <v>43894.220179999997</v>
      </c>
      <c r="K2749">
        <v>63957.218849999997</v>
      </c>
      <c r="L2749">
        <v>30890.839599999999</v>
      </c>
      <c r="M2749">
        <v>351955.18650000001</v>
      </c>
      <c r="N2749">
        <v>91023.995070000004</v>
      </c>
      <c r="O2749">
        <v>24772.54825</v>
      </c>
      <c r="P2749">
        <v>34509.151760000001</v>
      </c>
      <c r="Q2749">
        <v>98289.070229999998</v>
      </c>
      <c r="R2749">
        <v>24517.094949999999</v>
      </c>
      <c r="S2749">
        <v>117071.7726</v>
      </c>
      <c r="T2749">
        <v>32814.070809999997</v>
      </c>
      <c r="U2749">
        <v>23728.062460000001</v>
      </c>
      <c r="W2749" s="83">
        <f>Bühler!N2781</f>
        <v>45406.458333326671</v>
      </c>
      <c r="X2749" s="83">
        <v>43215.458333333336</v>
      </c>
      <c r="Y2749">
        <v>291403.79019999999</v>
      </c>
      <c r="Z2749">
        <v>35156.93664</v>
      </c>
      <c r="AA2749">
        <v>93190.847829999999</v>
      </c>
      <c r="AB2749">
        <v>58868.192000000003</v>
      </c>
      <c r="AC2749">
        <v>49983.946929999998</v>
      </c>
      <c r="AD2749">
        <v>34878.642959999997</v>
      </c>
      <c r="AE2749">
        <v>43894.220179999997</v>
      </c>
      <c r="AF2749">
        <v>63957.218849999997</v>
      </c>
      <c r="AG2749">
        <v>30890.839599999999</v>
      </c>
      <c r="AH2749">
        <v>351955.18650000001</v>
      </c>
      <c r="AI2749">
        <v>91023.995070000004</v>
      </c>
      <c r="AJ2749">
        <v>24772.54825</v>
      </c>
      <c r="AK2749">
        <v>34509.151760000001</v>
      </c>
      <c r="AL2749">
        <v>98289.070229999998</v>
      </c>
      <c r="AM2749">
        <v>24517.094949999999</v>
      </c>
      <c r="AN2749">
        <v>117071.7726</v>
      </c>
      <c r="AO2749">
        <v>32814.070809999997</v>
      </c>
      <c r="AP2749">
        <v>23728.062460000001</v>
      </c>
    </row>
    <row r="2750" spans="2:42" x14ac:dyDescent="0.3">
      <c r="B2750">
        <v>68.498943658034179</v>
      </c>
      <c r="C2750" s="83">
        <v>43215.5</v>
      </c>
      <c r="D2750">
        <v>281600.08799999999</v>
      </c>
      <c r="E2750">
        <v>31688.035459999999</v>
      </c>
      <c r="F2750">
        <v>87297.512539999996</v>
      </c>
      <c r="G2750">
        <v>57098.359389999998</v>
      </c>
      <c r="H2750">
        <v>48188.27377</v>
      </c>
      <c r="I2750">
        <v>33713.282829999996</v>
      </c>
      <c r="J2750">
        <v>43991.996879999999</v>
      </c>
      <c r="K2750">
        <v>60445.295539999999</v>
      </c>
      <c r="L2750">
        <v>33706.122759999998</v>
      </c>
      <c r="M2750">
        <v>349239.55869999999</v>
      </c>
      <c r="N2750">
        <v>88705.443209999998</v>
      </c>
      <c r="O2750">
        <v>24495.826010000001</v>
      </c>
      <c r="P2750">
        <v>35575.762569999999</v>
      </c>
      <c r="Q2750">
        <v>97586.832269999999</v>
      </c>
      <c r="R2750">
        <v>24609.1021</v>
      </c>
      <c r="S2750">
        <v>110537.5825</v>
      </c>
      <c r="T2750">
        <v>32920.545700000002</v>
      </c>
      <c r="U2750">
        <v>19778.775010000001</v>
      </c>
      <c r="W2750" s="83">
        <f>Bühler!N2782</f>
        <v>45406.499999993335</v>
      </c>
      <c r="X2750" s="83">
        <v>43215.5</v>
      </c>
      <c r="Y2750">
        <v>281600.08799999999</v>
      </c>
      <c r="Z2750">
        <v>31688.035459999999</v>
      </c>
      <c r="AA2750">
        <v>87297.512539999996</v>
      </c>
      <c r="AB2750">
        <v>57098.359389999998</v>
      </c>
      <c r="AC2750">
        <v>48188.27377</v>
      </c>
      <c r="AD2750">
        <v>33713.282829999996</v>
      </c>
      <c r="AE2750">
        <v>43991.996879999999</v>
      </c>
      <c r="AF2750">
        <v>60445.295539999999</v>
      </c>
      <c r="AG2750">
        <v>33706.122759999998</v>
      </c>
      <c r="AH2750">
        <v>349239.55869999999</v>
      </c>
      <c r="AI2750">
        <v>88705.443209999998</v>
      </c>
      <c r="AJ2750">
        <v>24495.826010000001</v>
      </c>
      <c r="AK2750">
        <v>35575.762569999999</v>
      </c>
      <c r="AL2750">
        <v>97586.832269999999</v>
      </c>
      <c r="AM2750">
        <v>24609.1021</v>
      </c>
      <c r="AN2750">
        <v>110537.5825</v>
      </c>
      <c r="AO2750">
        <v>32920.545700000002</v>
      </c>
      <c r="AP2750">
        <v>19778.775010000001</v>
      </c>
    </row>
    <row r="2751" spans="2:42" x14ac:dyDescent="0.3">
      <c r="B2751">
        <v>68.024052399053872</v>
      </c>
      <c r="C2751" s="83">
        <v>43215.541666666664</v>
      </c>
      <c r="D2751">
        <v>285972.14490000001</v>
      </c>
      <c r="E2751">
        <v>31993.895469999999</v>
      </c>
      <c r="F2751">
        <v>84777.564929999993</v>
      </c>
      <c r="G2751">
        <v>54339.895490000003</v>
      </c>
      <c r="H2751">
        <v>48773.379370000002</v>
      </c>
      <c r="I2751">
        <v>34005.048320000002</v>
      </c>
      <c r="J2751">
        <v>42969.451840000002</v>
      </c>
      <c r="K2751">
        <v>62539.275009999998</v>
      </c>
      <c r="L2751">
        <v>32270.258129999998</v>
      </c>
      <c r="M2751">
        <v>346818.34159999999</v>
      </c>
      <c r="N2751">
        <v>89010.581390000007</v>
      </c>
      <c r="O2751">
        <v>25194.092949999998</v>
      </c>
      <c r="P2751">
        <v>33994.950499999999</v>
      </c>
      <c r="Q2751">
        <v>97014.469889999993</v>
      </c>
      <c r="R2751">
        <v>24314.99036</v>
      </c>
      <c r="S2751">
        <v>110169.32799999999</v>
      </c>
      <c r="T2751">
        <v>32297.231250000001</v>
      </c>
      <c r="U2751">
        <v>21715.943370000001</v>
      </c>
      <c r="W2751" s="83">
        <f>Bühler!N2783</f>
        <v>45406.541666659999</v>
      </c>
      <c r="X2751" s="83">
        <v>43215.541666666664</v>
      </c>
      <c r="Y2751">
        <v>285972.14490000001</v>
      </c>
      <c r="Z2751">
        <v>31993.895469999999</v>
      </c>
      <c r="AA2751">
        <v>84777.564929999993</v>
      </c>
      <c r="AB2751">
        <v>54339.895490000003</v>
      </c>
      <c r="AC2751">
        <v>48773.379370000002</v>
      </c>
      <c r="AD2751">
        <v>34005.048320000002</v>
      </c>
      <c r="AE2751">
        <v>42969.451840000002</v>
      </c>
      <c r="AF2751">
        <v>62539.275009999998</v>
      </c>
      <c r="AG2751">
        <v>32270.258129999998</v>
      </c>
      <c r="AH2751">
        <v>346818.34159999999</v>
      </c>
      <c r="AI2751">
        <v>89010.581390000007</v>
      </c>
      <c r="AJ2751">
        <v>25194.092949999998</v>
      </c>
      <c r="AK2751">
        <v>33994.950499999999</v>
      </c>
      <c r="AL2751">
        <v>97014.469889999993</v>
      </c>
      <c r="AM2751">
        <v>24314.99036</v>
      </c>
      <c r="AN2751">
        <v>110169.32799999999</v>
      </c>
      <c r="AO2751">
        <v>32297.231250000001</v>
      </c>
      <c r="AP2751">
        <v>21715.943370000001</v>
      </c>
    </row>
    <row r="2752" spans="2:42" x14ac:dyDescent="0.3">
      <c r="B2752">
        <v>68.375640029484799</v>
      </c>
      <c r="C2752" s="83">
        <v>43215.583333333336</v>
      </c>
      <c r="D2752">
        <v>286310.46370000002</v>
      </c>
      <c r="E2752">
        <v>34803.227559999999</v>
      </c>
      <c r="F2752">
        <v>92178.659329999995</v>
      </c>
      <c r="G2752">
        <v>52142.93129</v>
      </c>
      <c r="H2752">
        <v>49066.928690000001</v>
      </c>
      <c r="I2752">
        <v>34387.156660000001</v>
      </c>
      <c r="J2752">
        <v>42142.301480000002</v>
      </c>
      <c r="K2752">
        <v>63597.240949999999</v>
      </c>
      <c r="L2752">
        <v>29323.95938</v>
      </c>
      <c r="M2752">
        <v>348610.89929999999</v>
      </c>
      <c r="N2752">
        <v>90822.23328</v>
      </c>
      <c r="O2752">
        <v>24898.949659999998</v>
      </c>
      <c r="P2752">
        <v>31063.715329999999</v>
      </c>
      <c r="Q2752">
        <v>96808.270279999997</v>
      </c>
      <c r="R2752">
        <v>23691.808280000001</v>
      </c>
      <c r="S2752">
        <v>107378.2261</v>
      </c>
      <c r="T2752">
        <v>31111.49411</v>
      </c>
      <c r="U2752">
        <v>23206.301100000001</v>
      </c>
      <c r="W2752" s="83">
        <f>Bühler!N2784</f>
        <v>45406.583333326664</v>
      </c>
      <c r="X2752" s="83">
        <v>43215.583333333336</v>
      </c>
      <c r="Y2752">
        <v>286310.46370000002</v>
      </c>
      <c r="Z2752">
        <v>34803.227559999999</v>
      </c>
      <c r="AA2752">
        <v>92178.659329999995</v>
      </c>
      <c r="AB2752">
        <v>52142.93129</v>
      </c>
      <c r="AC2752">
        <v>49066.928690000001</v>
      </c>
      <c r="AD2752">
        <v>34387.156660000001</v>
      </c>
      <c r="AE2752">
        <v>42142.301480000002</v>
      </c>
      <c r="AF2752">
        <v>63597.240949999999</v>
      </c>
      <c r="AG2752">
        <v>29323.95938</v>
      </c>
      <c r="AH2752">
        <v>348610.89929999999</v>
      </c>
      <c r="AI2752">
        <v>90822.23328</v>
      </c>
      <c r="AJ2752">
        <v>24898.949659999998</v>
      </c>
      <c r="AK2752">
        <v>31063.715329999999</v>
      </c>
      <c r="AL2752">
        <v>96808.270279999997</v>
      </c>
      <c r="AM2752">
        <v>23691.808280000001</v>
      </c>
      <c r="AN2752">
        <v>107378.2261</v>
      </c>
      <c r="AO2752">
        <v>31111.49411</v>
      </c>
      <c r="AP2752">
        <v>23206.301100000001</v>
      </c>
    </row>
    <row r="2753" spans="2:42" x14ac:dyDescent="0.3">
      <c r="B2753">
        <v>67.996357855140133</v>
      </c>
      <c r="C2753" s="83">
        <v>43215.625</v>
      </c>
      <c r="D2753">
        <v>286360.34629999998</v>
      </c>
      <c r="E2753">
        <v>34446.480949999997</v>
      </c>
      <c r="F2753">
        <v>94812.550270000007</v>
      </c>
      <c r="G2753">
        <v>50748.333659999997</v>
      </c>
      <c r="H2753">
        <v>48506.514649999997</v>
      </c>
      <c r="I2753">
        <v>35274.252740000004</v>
      </c>
      <c r="J2753">
        <v>41265.939630000001</v>
      </c>
      <c r="K2753">
        <v>61740.457909999997</v>
      </c>
      <c r="L2753">
        <v>26394.470310000001</v>
      </c>
      <c r="M2753">
        <v>346677.14189999999</v>
      </c>
      <c r="N2753">
        <v>88185.550600000002</v>
      </c>
      <c r="O2753">
        <v>23621.885190000001</v>
      </c>
      <c r="P2753">
        <v>28286.974050000001</v>
      </c>
      <c r="Q2753">
        <v>96283.104380000004</v>
      </c>
      <c r="R2753">
        <v>23776.318340000002</v>
      </c>
      <c r="S2753">
        <v>106772.7885</v>
      </c>
      <c r="T2753">
        <v>30972.399450000001</v>
      </c>
      <c r="U2753">
        <v>21833.109670000002</v>
      </c>
      <c r="W2753" s="83">
        <f>Bühler!N2785</f>
        <v>45406.624999993328</v>
      </c>
      <c r="X2753" s="83">
        <v>43215.625</v>
      </c>
      <c r="Y2753">
        <v>286360.34629999998</v>
      </c>
      <c r="Z2753">
        <v>34446.480949999997</v>
      </c>
      <c r="AA2753">
        <v>94812.550270000007</v>
      </c>
      <c r="AB2753">
        <v>50748.333659999997</v>
      </c>
      <c r="AC2753">
        <v>48506.514649999997</v>
      </c>
      <c r="AD2753">
        <v>35274.252740000004</v>
      </c>
      <c r="AE2753">
        <v>41265.939630000001</v>
      </c>
      <c r="AF2753">
        <v>61740.457909999997</v>
      </c>
      <c r="AG2753">
        <v>26394.470310000001</v>
      </c>
      <c r="AH2753">
        <v>346677.14189999999</v>
      </c>
      <c r="AI2753">
        <v>88185.550600000002</v>
      </c>
      <c r="AJ2753">
        <v>23621.885190000001</v>
      </c>
      <c r="AK2753">
        <v>28286.974050000001</v>
      </c>
      <c r="AL2753">
        <v>96283.104380000004</v>
      </c>
      <c r="AM2753">
        <v>23776.318340000002</v>
      </c>
      <c r="AN2753">
        <v>106772.7885</v>
      </c>
      <c r="AO2753">
        <v>30972.399450000001</v>
      </c>
      <c r="AP2753">
        <v>21833.109670000002</v>
      </c>
    </row>
    <row r="2754" spans="2:42" x14ac:dyDescent="0.3">
      <c r="B2754">
        <v>66.830817317763433</v>
      </c>
      <c r="C2754" s="83">
        <v>43215.666666666664</v>
      </c>
      <c r="D2754">
        <v>279872.91029999999</v>
      </c>
      <c r="E2754">
        <v>34202.38607</v>
      </c>
      <c r="F2754">
        <v>94529.1976</v>
      </c>
      <c r="G2754">
        <v>48741.038769999999</v>
      </c>
      <c r="H2754">
        <v>46815.960279999999</v>
      </c>
      <c r="I2754">
        <v>36168.756719999998</v>
      </c>
      <c r="J2754">
        <v>40775.572930000002</v>
      </c>
      <c r="K2754">
        <v>58851.031219999997</v>
      </c>
      <c r="L2754">
        <v>25370.038199999999</v>
      </c>
      <c r="M2754">
        <v>340734.6727</v>
      </c>
      <c r="N2754">
        <v>84861.833240000007</v>
      </c>
      <c r="O2754">
        <v>23795.142059999998</v>
      </c>
      <c r="P2754">
        <v>27232.812109999999</v>
      </c>
      <c r="Q2754">
        <v>95749.19094</v>
      </c>
      <c r="R2754">
        <v>23916.1309</v>
      </c>
      <c r="S2754">
        <v>103428.56479999999</v>
      </c>
      <c r="T2754">
        <v>30517.622289999999</v>
      </c>
      <c r="U2754">
        <v>19806.85557</v>
      </c>
      <c r="W2754" s="83">
        <f>Bühler!N2786</f>
        <v>45406.666666659992</v>
      </c>
      <c r="X2754" s="83">
        <v>43215.666666666664</v>
      </c>
      <c r="Y2754">
        <v>279872.91029999999</v>
      </c>
      <c r="Z2754">
        <v>34202.38607</v>
      </c>
      <c r="AA2754">
        <v>94529.1976</v>
      </c>
      <c r="AB2754">
        <v>48741.038769999999</v>
      </c>
      <c r="AC2754">
        <v>46815.960279999999</v>
      </c>
      <c r="AD2754">
        <v>36168.756719999998</v>
      </c>
      <c r="AE2754">
        <v>40775.572930000002</v>
      </c>
      <c r="AF2754">
        <v>58851.031219999997</v>
      </c>
      <c r="AG2754">
        <v>25370.038199999999</v>
      </c>
      <c r="AH2754">
        <v>340734.6727</v>
      </c>
      <c r="AI2754">
        <v>84861.833240000007</v>
      </c>
      <c r="AJ2754">
        <v>23795.142059999998</v>
      </c>
      <c r="AK2754">
        <v>27232.812109999999</v>
      </c>
      <c r="AL2754">
        <v>95749.19094</v>
      </c>
      <c r="AM2754">
        <v>23916.1309</v>
      </c>
      <c r="AN2754">
        <v>103428.56479999999</v>
      </c>
      <c r="AO2754">
        <v>30517.622289999999</v>
      </c>
      <c r="AP2754">
        <v>19806.85557</v>
      </c>
    </row>
    <row r="2755" spans="2:42" x14ac:dyDescent="0.3">
      <c r="B2755">
        <v>65.004574664481808</v>
      </c>
      <c r="C2755" s="83">
        <v>43215.708333333336</v>
      </c>
      <c r="D2755">
        <v>268299.40980000002</v>
      </c>
      <c r="E2755">
        <v>32354.29608</v>
      </c>
      <c r="F2755">
        <v>93354.889049999998</v>
      </c>
      <c r="G2755">
        <v>45906.468059999999</v>
      </c>
      <c r="H2755">
        <v>44585.046190000001</v>
      </c>
      <c r="I2755">
        <v>35871.555809999998</v>
      </c>
      <c r="J2755">
        <v>41526.5167</v>
      </c>
      <c r="K2755">
        <v>55126.109120000001</v>
      </c>
      <c r="L2755">
        <v>25767.89618</v>
      </c>
      <c r="M2755">
        <v>331423.636</v>
      </c>
      <c r="N2755">
        <v>80580.183609999993</v>
      </c>
      <c r="O2755">
        <v>22826.196650000002</v>
      </c>
      <c r="P2755">
        <v>29424.929940000002</v>
      </c>
      <c r="Q2755">
        <v>94097.89774</v>
      </c>
      <c r="R2755">
        <v>24385.61031</v>
      </c>
      <c r="S2755">
        <v>99840.323810000002</v>
      </c>
      <c r="T2755">
        <v>30506.705870000002</v>
      </c>
      <c r="U2755">
        <v>17140.29579</v>
      </c>
      <c r="W2755" s="83">
        <f>Bühler!N2787</f>
        <v>45406.708333326656</v>
      </c>
      <c r="X2755" s="83">
        <v>43215.708333333336</v>
      </c>
      <c r="Y2755">
        <v>268299.40980000002</v>
      </c>
      <c r="Z2755">
        <v>32354.29608</v>
      </c>
      <c r="AA2755">
        <v>93354.889049999998</v>
      </c>
      <c r="AB2755">
        <v>45906.468059999999</v>
      </c>
      <c r="AC2755">
        <v>44585.046190000001</v>
      </c>
      <c r="AD2755">
        <v>35871.555809999998</v>
      </c>
      <c r="AE2755">
        <v>41526.5167</v>
      </c>
      <c r="AF2755">
        <v>55126.109120000001</v>
      </c>
      <c r="AG2755">
        <v>25767.89618</v>
      </c>
      <c r="AH2755">
        <v>331423.636</v>
      </c>
      <c r="AI2755">
        <v>80580.183609999993</v>
      </c>
      <c r="AJ2755">
        <v>22826.196650000002</v>
      </c>
      <c r="AK2755">
        <v>29424.929940000002</v>
      </c>
      <c r="AL2755">
        <v>94097.89774</v>
      </c>
      <c r="AM2755">
        <v>24385.61031</v>
      </c>
      <c r="AN2755">
        <v>99840.323810000002</v>
      </c>
      <c r="AO2755">
        <v>30506.705870000002</v>
      </c>
      <c r="AP2755">
        <v>17140.29579</v>
      </c>
    </row>
    <row r="2756" spans="2:42" x14ac:dyDescent="0.3">
      <c r="B2756">
        <v>64.36612029768267</v>
      </c>
      <c r="C2756" s="83">
        <v>43215.75</v>
      </c>
      <c r="D2756">
        <v>263116.63050000003</v>
      </c>
      <c r="E2756">
        <v>28919.840199999999</v>
      </c>
      <c r="F2756">
        <v>91019.352530000004</v>
      </c>
      <c r="G2756">
        <v>43201.850810000004</v>
      </c>
      <c r="H2756">
        <v>42208.866829999999</v>
      </c>
      <c r="I2756">
        <v>34398.318870000003</v>
      </c>
      <c r="J2756">
        <v>41428.985059999999</v>
      </c>
      <c r="K2756">
        <v>52599.572500000002</v>
      </c>
      <c r="L2756">
        <v>26153.64616</v>
      </c>
      <c r="M2756">
        <v>328168.49790000002</v>
      </c>
      <c r="N2756">
        <v>77736.418489999996</v>
      </c>
      <c r="O2756">
        <v>22103.923750000002</v>
      </c>
      <c r="P2756">
        <v>32682.594679999998</v>
      </c>
      <c r="Q2756">
        <v>92209.20564</v>
      </c>
      <c r="R2756">
        <v>22086.75173</v>
      </c>
      <c r="S2756">
        <v>92578.318599999999</v>
      </c>
      <c r="T2756">
        <v>30133.68721</v>
      </c>
      <c r="U2756">
        <v>16426.54783</v>
      </c>
      <c r="W2756" s="83">
        <f>Bühler!N2788</f>
        <v>45406.749999993321</v>
      </c>
      <c r="X2756" s="83">
        <v>43215.75</v>
      </c>
      <c r="Y2756">
        <v>263116.63050000003</v>
      </c>
      <c r="Z2756">
        <v>28919.840199999999</v>
      </c>
      <c r="AA2756">
        <v>91019.352530000004</v>
      </c>
      <c r="AB2756">
        <v>43201.850810000004</v>
      </c>
      <c r="AC2756">
        <v>42208.866829999999</v>
      </c>
      <c r="AD2756">
        <v>34398.318870000003</v>
      </c>
      <c r="AE2756">
        <v>41428.985059999999</v>
      </c>
      <c r="AF2756">
        <v>52599.572500000002</v>
      </c>
      <c r="AG2756">
        <v>26153.64616</v>
      </c>
      <c r="AH2756">
        <v>328168.49790000002</v>
      </c>
      <c r="AI2756">
        <v>77736.418489999996</v>
      </c>
      <c r="AJ2756">
        <v>22103.923750000002</v>
      </c>
      <c r="AK2756">
        <v>32682.594679999998</v>
      </c>
      <c r="AL2756">
        <v>92209.20564</v>
      </c>
      <c r="AM2756">
        <v>22086.75173</v>
      </c>
      <c r="AN2756">
        <v>92578.318599999999</v>
      </c>
      <c r="AO2756">
        <v>30133.68721</v>
      </c>
      <c r="AP2756">
        <v>16426.54783</v>
      </c>
    </row>
    <row r="2757" spans="2:42" x14ac:dyDescent="0.3">
      <c r="B2757">
        <v>63.372606962443683</v>
      </c>
      <c r="C2757" s="83">
        <v>43215.791666666664</v>
      </c>
      <c r="D2757">
        <v>255567.22279999999</v>
      </c>
      <c r="E2757">
        <v>24126.160039999999</v>
      </c>
      <c r="F2757">
        <v>79660.506439999997</v>
      </c>
      <c r="G2757">
        <v>41086.259890000001</v>
      </c>
      <c r="H2757">
        <v>39961.938860000002</v>
      </c>
      <c r="I2757">
        <v>31619.003280000001</v>
      </c>
      <c r="J2757">
        <v>40864.059970000002</v>
      </c>
      <c r="K2757">
        <v>51825.003599999996</v>
      </c>
      <c r="L2757">
        <v>27356.268029999999</v>
      </c>
      <c r="M2757">
        <v>323103.10359999997</v>
      </c>
      <c r="N2757">
        <v>77440.854619999998</v>
      </c>
      <c r="O2757">
        <v>22113.398239999999</v>
      </c>
      <c r="P2757">
        <v>35907.835330000002</v>
      </c>
      <c r="Q2757">
        <v>89478.534899999999</v>
      </c>
      <c r="R2757">
        <v>20829.543470000001</v>
      </c>
      <c r="S2757">
        <v>89133.581049999993</v>
      </c>
      <c r="T2757">
        <v>29997.314399999999</v>
      </c>
      <c r="U2757">
        <v>15924.52601</v>
      </c>
      <c r="W2757" s="83">
        <f>Bühler!N2789</f>
        <v>45406.791666659985</v>
      </c>
      <c r="X2757" s="83">
        <v>43215.791666666664</v>
      </c>
      <c r="Y2757">
        <v>255567.22279999999</v>
      </c>
      <c r="Z2757">
        <v>24126.160039999999</v>
      </c>
      <c r="AA2757">
        <v>79660.506439999997</v>
      </c>
      <c r="AB2757">
        <v>41086.259890000001</v>
      </c>
      <c r="AC2757">
        <v>39961.938860000002</v>
      </c>
      <c r="AD2757">
        <v>31619.003280000001</v>
      </c>
      <c r="AE2757">
        <v>40864.059970000002</v>
      </c>
      <c r="AF2757">
        <v>51825.003599999996</v>
      </c>
      <c r="AG2757">
        <v>27356.268029999999</v>
      </c>
      <c r="AH2757">
        <v>323103.10359999997</v>
      </c>
      <c r="AI2757">
        <v>77440.854619999998</v>
      </c>
      <c r="AJ2757">
        <v>22113.398239999999</v>
      </c>
      <c r="AK2757">
        <v>35907.835330000002</v>
      </c>
      <c r="AL2757">
        <v>89478.534899999999</v>
      </c>
      <c r="AM2757">
        <v>20829.543470000001</v>
      </c>
      <c r="AN2757">
        <v>89133.581049999993</v>
      </c>
      <c r="AO2757">
        <v>29997.314399999999</v>
      </c>
      <c r="AP2757">
        <v>15924.52601</v>
      </c>
    </row>
    <row r="2758" spans="2:42" x14ac:dyDescent="0.3">
      <c r="B2758">
        <v>61.19953365825662</v>
      </c>
      <c r="C2758" s="83">
        <v>43215.833333333336</v>
      </c>
      <c r="D2758">
        <v>246537.6562</v>
      </c>
      <c r="E2758">
        <v>17944.889800000001</v>
      </c>
      <c r="F2758">
        <v>61564.806669999998</v>
      </c>
      <c r="G2758">
        <v>38648.950729999997</v>
      </c>
      <c r="H2758">
        <v>37777.867639999997</v>
      </c>
      <c r="I2758">
        <v>27839.27187</v>
      </c>
      <c r="J2758">
        <v>41190.515679999997</v>
      </c>
      <c r="K2758">
        <v>51990.47423</v>
      </c>
      <c r="L2758">
        <v>26877.481090000001</v>
      </c>
      <c r="M2758">
        <v>312023.76250000001</v>
      </c>
      <c r="N2758">
        <v>75211.043720000001</v>
      </c>
      <c r="O2758">
        <v>20271.95247</v>
      </c>
      <c r="P2758">
        <v>35348.606449999999</v>
      </c>
      <c r="Q2758">
        <v>85858.195389999993</v>
      </c>
      <c r="R2758">
        <v>20015.370180000002</v>
      </c>
      <c r="S2758">
        <v>81779.967109999998</v>
      </c>
      <c r="T2758">
        <v>28532.7863</v>
      </c>
      <c r="U2758">
        <v>15958.35648</v>
      </c>
      <c r="W2758" s="83">
        <f>Bühler!N2790</f>
        <v>45406.833333326649</v>
      </c>
      <c r="X2758" s="83">
        <v>43215.833333333336</v>
      </c>
      <c r="Y2758">
        <v>246537.6562</v>
      </c>
      <c r="Z2758">
        <v>17944.889800000001</v>
      </c>
      <c r="AA2758">
        <v>61564.806669999998</v>
      </c>
      <c r="AB2758">
        <v>38648.950729999997</v>
      </c>
      <c r="AC2758">
        <v>37777.867639999997</v>
      </c>
      <c r="AD2758">
        <v>27839.27187</v>
      </c>
      <c r="AE2758">
        <v>41190.515679999997</v>
      </c>
      <c r="AF2758">
        <v>51990.47423</v>
      </c>
      <c r="AG2758">
        <v>26877.481090000001</v>
      </c>
      <c r="AH2758">
        <v>312023.76250000001</v>
      </c>
      <c r="AI2758">
        <v>75211.043720000001</v>
      </c>
      <c r="AJ2758">
        <v>20271.95247</v>
      </c>
      <c r="AK2758">
        <v>35348.606449999999</v>
      </c>
      <c r="AL2758">
        <v>85858.195389999993</v>
      </c>
      <c r="AM2758">
        <v>20015.370180000002</v>
      </c>
      <c r="AN2758">
        <v>81779.967109999998</v>
      </c>
      <c r="AO2758">
        <v>28532.7863</v>
      </c>
      <c r="AP2758">
        <v>15958.35648</v>
      </c>
    </row>
    <row r="2759" spans="2:42" x14ac:dyDescent="0.3">
      <c r="B2759">
        <v>59.563893577360972</v>
      </c>
      <c r="C2759" s="83">
        <v>43215.875</v>
      </c>
      <c r="D2759">
        <v>238418.72880000001</v>
      </c>
      <c r="E2759">
        <v>15650.505880000001</v>
      </c>
      <c r="F2759">
        <v>54286.174830000004</v>
      </c>
      <c r="G2759">
        <v>37710.850879999998</v>
      </c>
      <c r="H2759">
        <v>37338.07213</v>
      </c>
      <c r="I2759">
        <v>24889.15047</v>
      </c>
      <c r="J2759">
        <v>42333.866069999996</v>
      </c>
      <c r="K2759">
        <v>50181.735410000001</v>
      </c>
      <c r="L2759">
        <v>25606.977510000001</v>
      </c>
      <c r="M2759">
        <v>303684.50660000002</v>
      </c>
      <c r="N2759">
        <v>74799.910040000002</v>
      </c>
      <c r="O2759">
        <v>19754.208279999999</v>
      </c>
      <c r="P2759">
        <v>34253.127710000001</v>
      </c>
      <c r="Q2759">
        <v>83737.866720000005</v>
      </c>
      <c r="R2759">
        <v>19647.302919999998</v>
      </c>
      <c r="S2759">
        <v>78798.472720000005</v>
      </c>
      <c r="T2759">
        <v>26798.22623</v>
      </c>
      <c r="U2759">
        <v>14803.34547</v>
      </c>
      <c r="W2759" s="83">
        <f>Bühler!N2791</f>
        <v>45406.874999993313</v>
      </c>
      <c r="X2759" s="83">
        <v>43215.875</v>
      </c>
      <c r="Y2759">
        <v>238418.72880000001</v>
      </c>
      <c r="Z2759">
        <v>15650.505880000001</v>
      </c>
      <c r="AA2759">
        <v>54286.174830000004</v>
      </c>
      <c r="AB2759">
        <v>37710.850879999998</v>
      </c>
      <c r="AC2759">
        <v>37338.07213</v>
      </c>
      <c r="AD2759">
        <v>24889.15047</v>
      </c>
      <c r="AE2759">
        <v>42333.866069999996</v>
      </c>
      <c r="AF2759">
        <v>50181.735410000001</v>
      </c>
      <c r="AG2759">
        <v>25606.977510000001</v>
      </c>
      <c r="AH2759">
        <v>303684.50660000002</v>
      </c>
      <c r="AI2759">
        <v>74799.910040000002</v>
      </c>
      <c r="AJ2759">
        <v>19754.208279999999</v>
      </c>
      <c r="AK2759">
        <v>34253.127710000001</v>
      </c>
      <c r="AL2759">
        <v>83737.866720000005</v>
      </c>
      <c r="AM2759">
        <v>19647.302919999998</v>
      </c>
      <c r="AN2759">
        <v>78798.472720000005</v>
      </c>
      <c r="AO2759">
        <v>26798.22623</v>
      </c>
      <c r="AP2759">
        <v>14803.34547</v>
      </c>
    </row>
    <row r="2760" spans="2:42" x14ac:dyDescent="0.3">
      <c r="B2760">
        <v>58.637294070147604</v>
      </c>
      <c r="C2760" s="83">
        <v>43215.916666666664</v>
      </c>
      <c r="D2760">
        <v>236931.61919999999</v>
      </c>
      <c r="E2760">
        <v>14501.30947</v>
      </c>
      <c r="F2760">
        <v>51017.984900000003</v>
      </c>
      <c r="G2760">
        <v>36053.725469999998</v>
      </c>
      <c r="H2760">
        <v>36893.807520000002</v>
      </c>
      <c r="I2760">
        <v>23016.380550000002</v>
      </c>
      <c r="J2760">
        <v>41163.189109999999</v>
      </c>
      <c r="K2760">
        <v>53548.209849999999</v>
      </c>
      <c r="L2760">
        <v>22622.98415</v>
      </c>
      <c r="M2760">
        <v>298960.27020000003</v>
      </c>
      <c r="N2760">
        <v>73509.728900000002</v>
      </c>
      <c r="O2760">
        <v>19514.851289999999</v>
      </c>
      <c r="P2760">
        <v>35523.27622</v>
      </c>
      <c r="Q2760">
        <v>82667.2641</v>
      </c>
      <c r="R2760">
        <v>21140.677660000001</v>
      </c>
      <c r="S2760">
        <v>77776.830660000007</v>
      </c>
      <c r="T2760">
        <v>23317.006969999999</v>
      </c>
      <c r="U2760">
        <v>14795.997380000001</v>
      </c>
      <c r="W2760" s="83">
        <f>Bühler!N2792</f>
        <v>45406.916666659978</v>
      </c>
      <c r="X2760" s="83">
        <v>43215.916666666664</v>
      </c>
      <c r="Y2760">
        <v>236931.61919999999</v>
      </c>
      <c r="Z2760">
        <v>14501.30947</v>
      </c>
      <c r="AA2760">
        <v>51017.984900000003</v>
      </c>
      <c r="AB2760">
        <v>36053.725469999998</v>
      </c>
      <c r="AC2760">
        <v>36893.807520000002</v>
      </c>
      <c r="AD2760">
        <v>23016.380550000002</v>
      </c>
      <c r="AE2760">
        <v>41163.189109999999</v>
      </c>
      <c r="AF2760">
        <v>53548.209849999999</v>
      </c>
      <c r="AG2760">
        <v>22622.98415</v>
      </c>
      <c r="AH2760">
        <v>298960.27020000003</v>
      </c>
      <c r="AI2760">
        <v>73509.728900000002</v>
      </c>
      <c r="AJ2760">
        <v>19514.851289999999</v>
      </c>
      <c r="AK2760">
        <v>35523.27622</v>
      </c>
      <c r="AL2760">
        <v>82667.2641</v>
      </c>
      <c r="AM2760">
        <v>21140.677660000001</v>
      </c>
      <c r="AN2760">
        <v>77776.830660000007</v>
      </c>
      <c r="AO2760">
        <v>23317.006969999999</v>
      </c>
      <c r="AP2760">
        <v>14795.997380000001</v>
      </c>
    </row>
    <row r="2761" spans="2:42" x14ac:dyDescent="0.3">
      <c r="B2761">
        <v>58.558661090519806</v>
      </c>
      <c r="C2761" s="83">
        <v>43215.958333333336</v>
      </c>
      <c r="D2761">
        <v>235891.8646</v>
      </c>
      <c r="E2761">
        <v>13685.300450000001</v>
      </c>
      <c r="F2761">
        <v>50029.638379999997</v>
      </c>
      <c r="G2761">
        <v>35647.623509999998</v>
      </c>
      <c r="H2761">
        <v>36035.315450000002</v>
      </c>
      <c r="I2761">
        <v>21823.436259999999</v>
      </c>
      <c r="J2761">
        <v>37532.719680000002</v>
      </c>
      <c r="K2761">
        <v>52292.774270000002</v>
      </c>
      <c r="L2761">
        <v>18708.927479999998</v>
      </c>
      <c r="M2761">
        <v>298559.36259999999</v>
      </c>
      <c r="N2761">
        <v>73382.380080000003</v>
      </c>
      <c r="O2761">
        <v>19592.804380000001</v>
      </c>
      <c r="P2761">
        <v>31173.069060000002</v>
      </c>
      <c r="Q2761">
        <v>81795.056930000006</v>
      </c>
      <c r="R2761">
        <v>22092.016169999999</v>
      </c>
      <c r="S2761">
        <v>76086.037899999996</v>
      </c>
      <c r="T2761">
        <v>20982.546119999999</v>
      </c>
      <c r="U2761">
        <v>14239.851420000001</v>
      </c>
      <c r="W2761" s="83">
        <f>Bühler!N2793</f>
        <v>45406.958333326642</v>
      </c>
      <c r="X2761" s="83">
        <v>43215.958333333336</v>
      </c>
      <c r="Y2761">
        <v>235891.8646</v>
      </c>
      <c r="Z2761">
        <v>13685.300450000001</v>
      </c>
      <c r="AA2761">
        <v>50029.638379999997</v>
      </c>
      <c r="AB2761">
        <v>35647.623509999998</v>
      </c>
      <c r="AC2761">
        <v>36035.315450000002</v>
      </c>
      <c r="AD2761">
        <v>21823.436259999999</v>
      </c>
      <c r="AE2761">
        <v>37532.719680000002</v>
      </c>
      <c r="AF2761">
        <v>52292.774270000002</v>
      </c>
      <c r="AG2761">
        <v>18708.927479999998</v>
      </c>
      <c r="AH2761">
        <v>298559.36259999999</v>
      </c>
      <c r="AI2761">
        <v>73382.380080000003</v>
      </c>
      <c r="AJ2761">
        <v>19592.804380000001</v>
      </c>
      <c r="AK2761">
        <v>31173.069060000002</v>
      </c>
      <c r="AL2761">
        <v>81795.056930000006</v>
      </c>
      <c r="AM2761">
        <v>22092.016169999999</v>
      </c>
      <c r="AN2761">
        <v>76086.037899999996</v>
      </c>
      <c r="AO2761">
        <v>20982.546119999999</v>
      </c>
      <c r="AP2761">
        <v>14239.851420000001</v>
      </c>
    </row>
    <row r="2762" spans="2:42" x14ac:dyDescent="0.3">
      <c r="B2762">
        <v>57.872475880035886</v>
      </c>
      <c r="C2762" s="83">
        <v>43216</v>
      </c>
      <c r="D2762">
        <v>235661.48</v>
      </c>
      <c r="E2762">
        <v>13290.544470000001</v>
      </c>
      <c r="F2762">
        <v>48862.599139999998</v>
      </c>
      <c r="G2762">
        <v>34721.055970000001</v>
      </c>
      <c r="H2762">
        <v>35465.877</v>
      </c>
      <c r="I2762">
        <v>20367.791300000001</v>
      </c>
      <c r="J2762">
        <v>35562.966590000004</v>
      </c>
      <c r="K2762">
        <v>50855.222779999996</v>
      </c>
      <c r="L2762">
        <v>16792.703259999998</v>
      </c>
      <c r="M2762">
        <v>295060.87040000001</v>
      </c>
      <c r="N2762">
        <v>72036.493910000005</v>
      </c>
      <c r="O2762">
        <v>18690.294239999999</v>
      </c>
      <c r="P2762">
        <v>28879.175459999999</v>
      </c>
      <c r="Q2762">
        <v>80782.211500000005</v>
      </c>
      <c r="R2762">
        <v>18336.494340000001</v>
      </c>
      <c r="S2762">
        <v>75054.044689999995</v>
      </c>
      <c r="T2762">
        <v>19936.758839999999</v>
      </c>
      <c r="U2762">
        <v>14522.03463</v>
      </c>
      <c r="W2762" s="83">
        <f>Bühler!N2794</f>
        <v>45406.999999993306</v>
      </c>
      <c r="X2762" s="83">
        <v>43216</v>
      </c>
      <c r="Y2762">
        <v>235661.48</v>
      </c>
      <c r="Z2762">
        <v>13290.544470000001</v>
      </c>
      <c r="AA2762">
        <v>48862.599139999998</v>
      </c>
      <c r="AB2762">
        <v>34721.055970000001</v>
      </c>
      <c r="AC2762">
        <v>35465.877</v>
      </c>
      <c r="AD2762">
        <v>20367.791300000001</v>
      </c>
      <c r="AE2762">
        <v>35562.966590000004</v>
      </c>
      <c r="AF2762">
        <v>50855.222779999996</v>
      </c>
      <c r="AG2762">
        <v>16792.703259999998</v>
      </c>
      <c r="AH2762">
        <v>295060.87040000001</v>
      </c>
      <c r="AI2762">
        <v>72036.493910000005</v>
      </c>
      <c r="AJ2762">
        <v>18690.294239999999</v>
      </c>
      <c r="AK2762">
        <v>28879.175459999999</v>
      </c>
      <c r="AL2762">
        <v>80782.211500000005</v>
      </c>
      <c r="AM2762">
        <v>18336.494340000001</v>
      </c>
      <c r="AN2762">
        <v>75054.044689999995</v>
      </c>
      <c r="AO2762">
        <v>19936.758839999999</v>
      </c>
      <c r="AP2762">
        <v>14522.03463</v>
      </c>
    </row>
    <row r="2763" spans="2:42" x14ac:dyDescent="0.3">
      <c r="B2763">
        <v>57.124914389115439</v>
      </c>
      <c r="C2763" s="83">
        <v>43216.041666666664</v>
      </c>
      <c r="D2763">
        <v>233585.9773</v>
      </c>
      <c r="E2763">
        <v>13175.245510000001</v>
      </c>
      <c r="F2763">
        <v>48310.004159999997</v>
      </c>
      <c r="G2763">
        <v>34185.660669999997</v>
      </c>
      <c r="H2763">
        <v>34753.297610000001</v>
      </c>
      <c r="I2763">
        <v>16765.210520000001</v>
      </c>
      <c r="J2763">
        <v>34562.366690000003</v>
      </c>
      <c r="K2763">
        <v>47863.578379999999</v>
      </c>
      <c r="L2763">
        <v>16782.33411</v>
      </c>
      <c r="M2763">
        <v>291249.45329999999</v>
      </c>
      <c r="N2763">
        <v>71118.819829999993</v>
      </c>
      <c r="O2763">
        <v>18827.171590000002</v>
      </c>
      <c r="P2763">
        <v>27059.692299999999</v>
      </c>
      <c r="Q2763">
        <v>81523.943209999998</v>
      </c>
      <c r="R2763">
        <v>16883.496340000002</v>
      </c>
      <c r="S2763">
        <v>74055.486510000002</v>
      </c>
      <c r="T2763">
        <v>19086.49423</v>
      </c>
      <c r="U2763">
        <v>14038.901690000001</v>
      </c>
      <c r="W2763" s="83">
        <f>Bühler!N2795</f>
        <v>45407.04166665997</v>
      </c>
      <c r="X2763" s="83">
        <v>43216.041666666664</v>
      </c>
      <c r="Y2763">
        <v>233585.9773</v>
      </c>
      <c r="Z2763">
        <v>13175.245510000001</v>
      </c>
      <c r="AA2763">
        <v>48310.004159999997</v>
      </c>
      <c r="AB2763">
        <v>34185.660669999997</v>
      </c>
      <c r="AC2763">
        <v>34753.297610000001</v>
      </c>
      <c r="AD2763">
        <v>16765.210520000001</v>
      </c>
      <c r="AE2763">
        <v>34562.366690000003</v>
      </c>
      <c r="AF2763">
        <v>47863.578379999999</v>
      </c>
      <c r="AG2763">
        <v>16782.33411</v>
      </c>
      <c r="AH2763">
        <v>291249.45329999999</v>
      </c>
      <c r="AI2763">
        <v>71118.819829999993</v>
      </c>
      <c r="AJ2763">
        <v>18827.171590000002</v>
      </c>
      <c r="AK2763">
        <v>27059.692299999999</v>
      </c>
      <c r="AL2763">
        <v>81523.943209999998</v>
      </c>
      <c r="AM2763">
        <v>16883.496340000002</v>
      </c>
      <c r="AN2763">
        <v>74055.486510000002</v>
      </c>
      <c r="AO2763">
        <v>19086.49423</v>
      </c>
      <c r="AP2763">
        <v>14038.901690000001</v>
      </c>
    </row>
    <row r="2764" spans="2:42" x14ac:dyDescent="0.3">
      <c r="B2764">
        <v>57.321784493315249</v>
      </c>
      <c r="C2764" s="83">
        <v>43216.083333333336</v>
      </c>
      <c r="D2764">
        <v>234084.5539</v>
      </c>
      <c r="E2764">
        <v>13120.840330000001</v>
      </c>
      <c r="F2764">
        <v>49038.615879999998</v>
      </c>
      <c r="G2764">
        <v>33717.129180000004</v>
      </c>
      <c r="H2764">
        <v>34800.296320000001</v>
      </c>
      <c r="I2764">
        <v>15424.636570000001</v>
      </c>
      <c r="J2764">
        <v>34268.640200000002</v>
      </c>
      <c r="K2764">
        <v>46477.539279999997</v>
      </c>
      <c r="L2764">
        <v>16570.98098</v>
      </c>
      <c r="M2764">
        <v>292253.18890000001</v>
      </c>
      <c r="N2764">
        <v>70648.690010000006</v>
      </c>
      <c r="O2764">
        <v>18706.67828</v>
      </c>
      <c r="P2764">
        <v>25159.97654</v>
      </c>
      <c r="Q2764">
        <v>84194.853210000001</v>
      </c>
      <c r="R2764">
        <v>18034.144049999999</v>
      </c>
      <c r="S2764">
        <v>72803.921919999993</v>
      </c>
      <c r="T2764">
        <v>18801.073420000001</v>
      </c>
      <c r="U2764">
        <v>14434.624879999999</v>
      </c>
      <c r="W2764" s="83">
        <f>Bühler!N2796</f>
        <v>45407.083333326635</v>
      </c>
      <c r="X2764" s="83">
        <v>43216.083333333336</v>
      </c>
      <c r="Y2764">
        <v>234084.5539</v>
      </c>
      <c r="Z2764">
        <v>13120.840330000001</v>
      </c>
      <c r="AA2764">
        <v>49038.615879999998</v>
      </c>
      <c r="AB2764">
        <v>33717.129180000004</v>
      </c>
      <c r="AC2764">
        <v>34800.296320000001</v>
      </c>
      <c r="AD2764">
        <v>15424.636570000001</v>
      </c>
      <c r="AE2764">
        <v>34268.640200000002</v>
      </c>
      <c r="AF2764">
        <v>46477.539279999997</v>
      </c>
      <c r="AG2764">
        <v>16570.98098</v>
      </c>
      <c r="AH2764">
        <v>292253.18890000001</v>
      </c>
      <c r="AI2764">
        <v>70648.690010000006</v>
      </c>
      <c r="AJ2764">
        <v>18706.67828</v>
      </c>
      <c r="AK2764">
        <v>25159.97654</v>
      </c>
      <c r="AL2764">
        <v>84194.853210000001</v>
      </c>
      <c r="AM2764">
        <v>18034.144049999999</v>
      </c>
      <c r="AN2764">
        <v>72803.921919999993</v>
      </c>
      <c r="AO2764">
        <v>18801.073420000001</v>
      </c>
      <c r="AP2764">
        <v>14434.624879999999</v>
      </c>
    </row>
    <row r="2765" spans="2:42" x14ac:dyDescent="0.3">
      <c r="B2765">
        <v>57.817665495646288</v>
      </c>
      <c r="C2765" s="83">
        <v>43216.125</v>
      </c>
      <c r="D2765">
        <v>233909.17819999999</v>
      </c>
      <c r="E2765">
        <v>13159.117200000001</v>
      </c>
      <c r="F2765">
        <v>50364.161670000001</v>
      </c>
      <c r="G2765">
        <v>32763.240160000001</v>
      </c>
      <c r="H2765">
        <v>34632.811240000003</v>
      </c>
      <c r="I2765">
        <v>15190.64566</v>
      </c>
      <c r="J2765">
        <v>34593.903720000002</v>
      </c>
      <c r="K2765">
        <v>45389.453130000002</v>
      </c>
      <c r="L2765">
        <v>16241.70111</v>
      </c>
      <c r="M2765">
        <v>294781.4215</v>
      </c>
      <c r="N2765">
        <v>69925.210690000007</v>
      </c>
      <c r="O2765">
        <v>18598.830129999998</v>
      </c>
      <c r="P2765">
        <v>25296.25675</v>
      </c>
      <c r="Q2765">
        <v>87074.38824</v>
      </c>
      <c r="R2765">
        <v>17472.391640000002</v>
      </c>
      <c r="S2765">
        <v>72366.345719999998</v>
      </c>
      <c r="T2765">
        <v>18702.477589999999</v>
      </c>
      <c r="U2765">
        <v>14221.35888</v>
      </c>
      <c r="W2765" s="83">
        <f>Bühler!N2797</f>
        <v>45407.124999993299</v>
      </c>
      <c r="X2765" s="83">
        <v>43216.125</v>
      </c>
      <c r="Y2765">
        <v>233909.17819999999</v>
      </c>
      <c r="Z2765">
        <v>13159.117200000001</v>
      </c>
      <c r="AA2765">
        <v>50364.161670000001</v>
      </c>
      <c r="AB2765">
        <v>32763.240160000001</v>
      </c>
      <c r="AC2765">
        <v>34632.811240000003</v>
      </c>
      <c r="AD2765">
        <v>15190.64566</v>
      </c>
      <c r="AE2765">
        <v>34593.903720000002</v>
      </c>
      <c r="AF2765">
        <v>45389.453130000002</v>
      </c>
      <c r="AG2765">
        <v>16241.70111</v>
      </c>
      <c r="AH2765">
        <v>294781.4215</v>
      </c>
      <c r="AI2765">
        <v>69925.210690000007</v>
      </c>
      <c r="AJ2765">
        <v>18598.830129999998</v>
      </c>
      <c r="AK2765">
        <v>25296.25675</v>
      </c>
      <c r="AL2765">
        <v>87074.38824</v>
      </c>
      <c r="AM2765">
        <v>17472.391640000002</v>
      </c>
      <c r="AN2765">
        <v>72366.345719999998</v>
      </c>
      <c r="AO2765">
        <v>18702.477589999999</v>
      </c>
      <c r="AP2765">
        <v>14221.35888</v>
      </c>
    </row>
    <row r="2766" spans="2:42" x14ac:dyDescent="0.3">
      <c r="B2766">
        <v>59.077316980868531</v>
      </c>
      <c r="C2766" s="83">
        <v>43216.166666666664</v>
      </c>
      <c r="D2766">
        <v>235654.3743</v>
      </c>
      <c r="E2766">
        <v>13634.197539999999</v>
      </c>
      <c r="F2766">
        <v>53448.922070000001</v>
      </c>
      <c r="G2766">
        <v>32429.61505</v>
      </c>
      <c r="H2766">
        <v>35106.894540000001</v>
      </c>
      <c r="I2766">
        <v>16772.301230000001</v>
      </c>
      <c r="J2766">
        <v>36629.977359999997</v>
      </c>
      <c r="K2766">
        <v>44465.278319999998</v>
      </c>
      <c r="L2766">
        <v>15788.23597</v>
      </c>
      <c r="M2766">
        <v>301203.71220000001</v>
      </c>
      <c r="N2766">
        <v>68362.517689999993</v>
      </c>
      <c r="O2766">
        <v>19333.713179999999</v>
      </c>
      <c r="P2766">
        <v>24984.075680000002</v>
      </c>
      <c r="Q2766">
        <v>90344.574359999999</v>
      </c>
      <c r="R2766">
        <v>18144.332539999999</v>
      </c>
      <c r="S2766">
        <v>73461.401310000001</v>
      </c>
      <c r="T2766">
        <v>18893.919000000002</v>
      </c>
      <c r="U2766">
        <v>14111.744430000001</v>
      </c>
      <c r="W2766" s="83">
        <f>Bühler!N2798</f>
        <v>45407.166666659963</v>
      </c>
      <c r="X2766" s="83">
        <v>43216.166666666664</v>
      </c>
      <c r="Y2766">
        <v>235654.3743</v>
      </c>
      <c r="Z2766">
        <v>13634.197539999999</v>
      </c>
      <c r="AA2766">
        <v>53448.922070000001</v>
      </c>
      <c r="AB2766">
        <v>32429.61505</v>
      </c>
      <c r="AC2766">
        <v>35106.894540000001</v>
      </c>
      <c r="AD2766">
        <v>16772.301230000001</v>
      </c>
      <c r="AE2766">
        <v>36629.977359999997</v>
      </c>
      <c r="AF2766">
        <v>44465.278319999998</v>
      </c>
      <c r="AG2766">
        <v>15788.23597</v>
      </c>
      <c r="AH2766">
        <v>301203.71220000001</v>
      </c>
      <c r="AI2766">
        <v>68362.517689999993</v>
      </c>
      <c r="AJ2766">
        <v>19333.713179999999</v>
      </c>
      <c r="AK2766">
        <v>24984.075680000002</v>
      </c>
      <c r="AL2766">
        <v>90344.574359999999</v>
      </c>
      <c r="AM2766">
        <v>18144.332539999999</v>
      </c>
      <c r="AN2766">
        <v>73461.401310000001</v>
      </c>
      <c r="AO2766">
        <v>18893.919000000002</v>
      </c>
      <c r="AP2766">
        <v>14111.744430000001</v>
      </c>
    </row>
    <row r="2767" spans="2:42" x14ac:dyDescent="0.3">
      <c r="B2767">
        <v>61.887334432999978</v>
      </c>
      <c r="C2767" s="83">
        <v>43216.208333333336</v>
      </c>
      <c r="D2767">
        <v>251451.77220000001</v>
      </c>
      <c r="E2767">
        <v>15617.22745</v>
      </c>
      <c r="F2767">
        <v>63583.417630000004</v>
      </c>
      <c r="G2767">
        <v>34191.109020000004</v>
      </c>
      <c r="H2767">
        <v>37142.186560000002</v>
      </c>
      <c r="I2767">
        <v>24488.805619999999</v>
      </c>
      <c r="J2767">
        <v>40153.402159999998</v>
      </c>
      <c r="K2767">
        <v>45447.885280000002</v>
      </c>
      <c r="L2767">
        <v>16805.360769999999</v>
      </c>
      <c r="M2767">
        <v>315530.49160000001</v>
      </c>
      <c r="N2767">
        <v>69841.795849999995</v>
      </c>
      <c r="O2767">
        <v>19449.924859999999</v>
      </c>
      <c r="P2767">
        <v>25384.1548</v>
      </c>
      <c r="Q2767">
        <v>93353.579549999995</v>
      </c>
      <c r="R2767">
        <v>20533.476490000001</v>
      </c>
      <c r="S2767">
        <v>75775.886119999996</v>
      </c>
      <c r="T2767">
        <v>20796.32444</v>
      </c>
      <c r="U2767">
        <v>16791.126479999999</v>
      </c>
      <c r="W2767" s="83">
        <f>Bühler!N2799</f>
        <v>45407.208333326627</v>
      </c>
      <c r="X2767" s="83">
        <v>43216.208333333336</v>
      </c>
      <c r="Y2767">
        <v>251451.77220000001</v>
      </c>
      <c r="Z2767">
        <v>15617.22745</v>
      </c>
      <c r="AA2767">
        <v>63583.417630000004</v>
      </c>
      <c r="AB2767">
        <v>34191.109020000004</v>
      </c>
      <c r="AC2767">
        <v>37142.186560000002</v>
      </c>
      <c r="AD2767">
        <v>24488.805619999999</v>
      </c>
      <c r="AE2767">
        <v>40153.402159999998</v>
      </c>
      <c r="AF2767">
        <v>45447.885280000002</v>
      </c>
      <c r="AG2767">
        <v>16805.360769999999</v>
      </c>
      <c r="AH2767">
        <v>315530.49160000001</v>
      </c>
      <c r="AI2767">
        <v>69841.795849999995</v>
      </c>
      <c r="AJ2767">
        <v>19449.924859999999</v>
      </c>
      <c r="AK2767">
        <v>25384.1548</v>
      </c>
      <c r="AL2767">
        <v>93353.579549999995</v>
      </c>
      <c r="AM2767">
        <v>20533.476490000001</v>
      </c>
      <c r="AN2767">
        <v>75775.886119999996</v>
      </c>
      <c r="AO2767">
        <v>20796.32444</v>
      </c>
      <c r="AP2767">
        <v>16791.126479999999</v>
      </c>
    </row>
    <row r="2768" spans="2:42" x14ac:dyDescent="0.3">
      <c r="B2768">
        <v>65.411664573641417</v>
      </c>
      <c r="C2768" s="83">
        <v>43216.25</v>
      </c>
      <c r="D2768">
        <v>267414.24229999998</v>
      </c>
      <c r="E2768">
        <v>19802.891520000001</v>
      </c>
      <c r="F2768">
        <v>76198.954339999997</v>
      </c>
      <c r="G2768">
        <v>41055.408940000001</v>
      </c>
      <c r="H2768">
        <v>40030.268040000003</v>
      </c>
      <c r="I2768">
        <v>31378.730640000002</v>
      </c>
      <c r="J2768">
        <v>43511.867209999997</v>
      </c>
      <c r="K2768">
        <v>48106.124020000003</v>
      </c>
      <c r="L2768">
        <v>18077.127789999999</v>
      </c>
      <c r="M2768">
        <v>333499.17019999999</v>
      </c>
      <c r="N2768">
        <v>74704.852859999999</v>
      </c>
      <c r="O2768">
        <v>21220.693879999999</v>
      </c>
      <c r="P2768">
        <v>26920.894840000001</v>
      </c>
      <c r="Q2768">
        <v>94948.916530000002</v>
      </c>
      <c r="R2768">
        <v>18854.44184</v>
      </c>
      <c r="S2768">
        <v>84622.480100000001</v>
      </c>
      <c r="T2768">
        <v>23150.017639999998</v>
      </c>
      <c r="U2768">
        <v>20509.882850000002</v>
      </c>
      <c r="W2768" s="83">
        <f>Bühler!N2800</f>
        <v>45407.249999993292</v>
      </c>
      <c r="X2768" s="83">
        <v>43216.25</v>
      </c>
      <c r="Y2768">
        <v>267414.24229999998</v>
      </c>
      <c r="Z2768">
        <v>19802.891520000001</v>
      </c>
      <c r="AA2768">
        <v>76198.954339999997</v>
      </c>
      <c r="AB2768">
        <v>41055.408940000001</v>
      </c>
      <c r="AC2768">
        <v>40030.268040000003</v>
      </c>
      <c r="AD2768">
        <v>31378.730640000002</v>
      </c>
      <c r="AE2768">
        <v>43511.867209999997</v>
      </c>
      <c r="AF2768">
        <v>48106.124020000003</v>
      </c>
      <c r="AG2768">
        <v>18077.127789999999</v>
      </c>
      <c r="AH2768">
        <v>333499.17019999999</v>
      </c>
      <c r="AI2768">
        <v>74704.852859999999</v>
      </c>
      <c r="AJ2768">
        <v>21220.693879999999</v>
      </c>
      <c r="AK2768">
        <v>26920.894840000001</v>
      </c>
      <c r="AL2768">
        <v>94948.916530000002</v>
      </c>
      <c r="AM2768">
        <v>18854.44184</v>
      </c>
      <c r="AN2768">
        <v>84622.480100000001</v>
      </c>
      <c r="AO2768">
        <v>23150.017639999998</v>
      </c>
      <c r="AP2768">
        <v>20509.882850000002</v>
      </c>
    </row>
    <row r="2769" spans="2:42" x14ac:dyDescent="0.3">
      <c r="B2769">
        <v>67.413438110129135</v>
      </c>
      <c r="C2769" s="83">
        <v>43216.291666666664</v>
      </c>
      <c r="D2769">
        <v>279960.72369999997</v>
      </c>
      <c r="E2769">
        <v>23945.03282</v>
      </c>
      <c r="F2769">
        <v>78435.131630000003</v>
      </c>
      <c r="G2769">
        <v>48066.583290000002</v>
      </c>
      <c r="H2769">
        <v>44125.840029999999</v>
      </c>
      <c r="I2769">
        <v>37083.647270000001</v>
      </c>
      <c r="J2769">
        <v>43872.668980000002</v>
      </c>
      <c r="K2769">
        <v>53215.768680000001</v>
      </c>
      <c r="L2769">
        <v>20221.701639999999</v>
      </c>
      <c r="M2769">
        <v>343705.14520000003</v>
      </c>
      <c r="N2769">
        <v>79724.480530000001</v>
      </c>
      <c r="O2769">
        <v>22760.142879999999</v>
      </c>
      <c r="P2769">
        <v>29989.77059</v>
      </c>
      <c r="Q2769">
        <v>94171.965349999999</v>
      </c>
      <c r="R2769">
        <v>19160.222900000001</v>
      </c>
      <c r="S2769">
        <v>97722.092120000001</v>
      </c>
      <c r="T2769">
        <v>26682.575400000002</v>
      </c>
      <c r="U2769">
        <v>23236.62213</v>
      </c>
      <c r="W2769" s="83">
        <f>Bühler!N2801</f>
        <v>45407.291666659956</v>
      </c>
      <c r="X2769" s="83">
        <v>43216.291666666664</v>
      </c>
      <c r="Y2769">
        <v>279960.72369999997</v>
      </c>
      <c r="Z2769">
        <v>23945.03282</v>
      </c>
      <c r="AA2769">
        <v>78435.131630000003</v>
      </c>
      <c r="AB2769">
        <v>48066.583290000002</v>
      </c>
      <c r="AC2769">
        <v>44125.840029999999</v>
      </c>
      <c r="AD2769">
        <v>37083.647270000001</v>
      </c>
      <c r="AE2769">
        <v>43872.668980000002</v>
      </c>
      <c r="AF2769">
        <v>53215.768680000001</v>
      </c>
      <c r="AG2769">
        <v>20221.701639999999</v>
      </c>
      <c r="AH2769">
        <v>343705.14520000003</v>
      </c>
      <c r="AI2769">
        <v>79724.480530000001</v>
      </c>
      <c r="AJ2769">
        <v>22760.142879999999</v>
      </c>
      <c r="AK2769">
        <v>29989.77059</v>
      </c>
      <c r="AL2769">
        <v>94171.965349999999</v>
      </c>
      <c r="AM2769">
        <v>19160.222900000001</v>
      </c>
      <c r="AN2769">
        <v>97722.092120000001</v>
      </c>
      <c r="AO2769">
        <v>26682.575400000002</v>
      </c>
      <c r="AP2769">
        <v>23236.62213</v>
      </c>
    </row>
    <row r="2770" spans="2:42" x14ac:dyDescent="0.3">
      <c r="B2770">
        <v>67.778410451848302</v>
      </c>
      <c r="C2770" s="83">
        <v>43216.333333333336</v>
      </c>
      <c r="D2770">
        <v>290183.2084</v>
      </c>
      <c r="E2770">
        <v>29619.810700000002</v>
      </c>
      <c r="F2770">
        <v>84850.841509999998</v>
      </c>
      <c r="G2770">
        <v>55968.364500000003</v>
      </c>
      <c r="H2770">
        <v>49001.468119999998</v>
      </c>
      <c r="I2770">
        <v>39518.41848</v>
      </c>
      <c r="J2770">
        <v>44868.655209999997</v>
      </c>
      <c r="K2770">
        <v>59689.672769999997</v>
      </c>
      <c r="L2770">
        <v>23658.35658</v>
      </c>
      <c r="M2770">
        <v>345565.94439999998</v>
      </c>
      <c r="N2770">
        <v>86601.786420000004</v>
      </c>
      <c r="O2770">
        <v>24265.18564</v>
      </c>
      <c r="P2770">
        <v>32176.78197</v>
      </c>
      <c r="Q2770">
        <v>95291.049759999994</v>
      </c>
      <c r="R2770">
        <v>22223.037100000001</v>
      </c>
      <c r="S2770">
        <v>109983.7277</v>
      </c>
      <c r="T2770">
        <v>29850.539639999999</v>
      </c>
      <c r="U2770">
        <v>24988.194960000001</v>
      </c>
      <c r="W2770" s="83">
        <f>Bühler!N2802</f>
        <v>45407.33333332662</v>
      </c>
      <c r="X2770" s="83">
        <v>43216.333333333336</v>
      </c>
      <c r="Y2770">
        <v>290183.2084</v>
      </c>
      <c r="Z2770">
        <v>29619.810700000002</v>
      </c>
      <c r="AA2770">
        <v>84850.841509999998</v>
      </c>
      <c r="AB2770">
        <v>55968.364500000003</v>
      </c>
      <c r="AC2770">
        <v>49001.468119999998</v>
      </c>
      <c r="AD2770">
        <v>39518.41848</v>
      </c>
      <c r="AE2770">
        <v>44868.655209999997</v>
      </c>
      <c r="AF2770">
        <v>59689.672769999997</v>
      </c>
      <c r="AG2770">
        <v>23658.35658</v>
      </c>
      <c r="AH2770">
        <v>345565.94439999998</v>
      </c>
      <c r="AI2770">
        <v>86601.786420000004</v>
      </c>
      <c r="AJ2770">
        <v>24265.18564</v>
      </c>
      <c r="AK2770">
        <v>32176.78197</v>
      </c>
      <c r="AL2770">
        <v>95291.049759999994</v>
      </c>
      <c r="AM2770">
        <v>22223.037100000001</v>
      </c>
      <c r="AN2770">
        <v>109983.7277</v>
      </c>
      <c r="AO2770">
        <v>29850.539639999999</v>
      </c>
      <c r="AP2770">
        <v>24988.194960000001</v>
      </c>
    </row>
    <row r="2771" spans="2:42" x14ac:dyDescent="0.3">
      <c r="B2771">
        <v>67.616353895114614</v>
      </c>
      <c r="C2771" s="83">
        <v>43216.375</v>
      </c>
      <c r="D2771">
        <v>291179.11099999998</v>
      </c>
      <c r="E2771">
        <v>33603.143340000002</v>
      </c>
      <c r="F2771">
        <v>91601.011369999993</v>
      </c>
      <c r="G2771">
        <v>61698.087399999997</v>
      </c>
      <c r="H2771">
        <v>51250.591970000001</v>
      </c>
      <c r="I2771">
        <v>37577.666799999999</v>
      </c>
      <c r="J2771">
        <v>45609.509109999999</v>
      </c>
      <c r="K2771">
        <v>61032.719799999999</v>
      </c>
      <c r="L2771">
        <v>27202.327209999999</v>
      </c>
      <c r="M2771">
        <v>344739.70449999999</v>
      </c>
      <c r="N2771">
        <v>89867.829639999996</v>
      </c>
      <c r="O2771">
        <v>24718.27504</v>
      </c>
      <c r="P2771">
        <v>34554.787190000003</v>
      </c>
      <c r="Q2771">
        <v>95404.040630000003</v>
      </c>
      <c r="R2771">
        <v>22686.21544</v>
      </c>
      <c r="S2771">
        <v>115135.9607</v>
      </c>
      <c r="T2771">
        <v>31909.70609</v>
      </c>
      <c r="U2771">
        <v>24882.2549</v>
      </c>
      <c r="W2771" s="83">
        <f>Bühler!N2803</f>
        <v>45407.374999993284</v>
      </c>
      <c r="X2771" s="83">
        <v>43216.375</v>
      </c>
      <c r="Y2771">
        <v>291179.11099999998</v>
      </c>
      <c r="Z2771">
        <v>33603.143340000002</v>
      </c>
      <c r="AA2771">
        <v>91601.011369999993</v>
      </c>
      <c r="AB2771">
        <v>61698.087399999997</v>
      </c>
      <c r="AC2771">
        <v>51250.591970000001</v>
      </c>
      <c r="AD2771">
        <v>37577.666799999999</v>
      </c>
      <c r="AE2771">
        <v>45609.509109999999</v>
      </c>
      <c r="AF2771">
        <v>61032.719799999999</v>
      </c>
      <c r="AG2771">
        <v>27202.327209999999</v>
      </c>
      <c r="AH2771">
        <v>344739.70449999999</v>
      </c>
      <c r="AI2771">
        <v>89867.829639999996</v>
      </c>
      <c r="AJ2771">
        <v>24718.27504</v>
      </c>
      <c r="AK2771">
        <v>34554.787190000003</v>
      </c>
      <c r="AL2771">
        <v>95404.040630000003</v>
      </c>
      <c r="AM2771">
        <v>22686.21544</v>
      </c>
      <c r="AN2771">
        <v>115135.9607</v>
      </c>
      <c r="AO2771">
        <v>31909.70609</v>
      </c>
      <c r="AP2771">
        <v>24882.2549</v>
      </c>
    </row>
    <row r="2772" spans="2:42" x14ac:dyDescent="0.3">
      <c r="B2772">
        <v>68.330205601862176</v>
      </c>
      <c r="C2772" s="83">
        <v>43216.416666666664</v>
      </c>
      <c r="D2772">
        <v>293633.95880000002</v>
      </c>
      <c r="E2772">
        <v>35122.616670000003</v>
      </c>
      <c r="F2772">
        <v>92809.95001</v>
      </c>
      <c r="G2772">
        <v>63420.387309999998</v>
      </c>
      <c r="H2772">
        <v>51489.47234</v>
      </c>
      <c r="I2772">
        <v>35950.018709999997</v>
      </c>
      <c r="J2772">
        <v>44873.658210000001</v>
      </c>
      <c r="K2772">
        <v>61968.035199999998</v>
      </c>
      <c r="L2772">
        <v>29817.674040000002</v>
      </c>
      <c r="M2772">
        <v>348379.25339999999</v>
      </c>
      <c r="N2772">
        <v>90162.347500000003</v>
      </c>
      <c r="O2772">
        <v>25530.263180000002</v>
      </c>
      <c r="P2772">
        <v>35217.017359999998</v>
      </c>
      <c r="Q2772">
        <v>96224.851049999997</v>
      </c>
      <c r="R2772">
        <v>22946.32329</v>
      </c>
      <c r="S2772">
        <v>116069.1373</v>
      </c>
      <c r="T2772">
        <v>32652.655709999999</v>
      </c>
      <c r="U2772">
        <v>23483.6345</v>
      </c>
      <c r="W2772" s="83">
        <f>Bühler!N2804</f>
        <v>45407.416666659949</v>
      </c>
      <c r="X2772" s="83">
        <v>43216.416666666664</v>
      </c>
      <c r="Y2772">
        <v>293633.95880000002</v>
      </c>
      <c r="Z2772">
        <v>35122.616670000003</v>
      </c>
      <c r="AA2772">
        <v>92809.95001</v>
      </c>
      <c r="AB2772">
        <v>63420.387309999998</v>
      </c>
      <c r="AC2772">
        <v>51489.47234</v>
      </c>
      <c r="AD2772">
        <v>35950.018709999997</v>
      </c>
      <c r="AE2772">
        <v>44873.658210000001</v>
      </c>
      <c r="AF2772">
        <v>61968.035199999998</v>
      </c>
      <c r="AG2772">
        <v>29817.674040000002</v>
      </c>
      <c r="AH2772">
        <v>348379.25339999999</v>
      </c>
      <c r="AI2772">
        <v>90162.347500000003</v>
      </c>
      <c r="AJ2772">
        <v>25530.263180000002</v>
      </c>
      <c r="AK2772">
        <v>35217.017359999998</v>
      </c>
      <c r="AL2772">
        <v>96224.851049999997</v>
      </c>
      <c r="AM2772">
        <v>22946.32329</v>
      </c>
      <c r="AN2772">
        <v>116069.1373</v>
      </c>
      <c r="AO2772">
        <v>32652.655709999999</v>
      </c>
      <c r="AP2772">
        <v>23483.6345</v>
      </c>
    </row>
    <row r="2773" spans="2:42" x14ac:dyDescent="0.3">
      <c r="B2773">
        <v>69.165074622173748</v>
      </c>
      <c r="C2773" s="83">
        <v>43216.458333333336</v>
      </c>
      <c r="D2773">
        <v>291814.41710000002</v>
      </c>
      <c r="E2773">
        <v>35287.978779999998</v>
      </c>
      <c r="F2773">
        <v>93817.738320000004</v>
      </c>
      <c r="G2773">
        <v>62086.246460000002</v>
      </c>
      <c r="H2773">
        <v>51311.460899999998</v>
      </c>
      <c r="I2773">
        <v>35514.341719999997</v>
      </c>
      <c r="J2773">
        <v>44122.853909999998</v>
      </c>
      <c r="K2773">
        <v>62722.211150000003</v>
      </c>
      <c r="L2773">
        <v>30795.64445</v>
      </c>
      <c r="M2773">
        <v>352635.80499999999</v>
      </c>
      <c r="N2773">
        <v>90396.078800000003</v>
      </c>
      <c r="O2773">
        <v>25769.104139999999</v>
      </c>
      <c r="P2773">
        <v>34896.902750000001</v>
      </c>
      <c r="Q2773">
        <v>96356.309710000001</v>
      </c>
      <c r="R2773">
        <v>24892.902170000001</v>
      </c>
      <c r="S2773">
        <v>118387.7038</v>
      </c>
      <c r="T2773">
        <v>32949.151890000001</v>
      </c>
      <c r="U2773">
        <v>23450.455419999998</v>
      </c>
      <c r="W2773" s="83">
        <f>Bühler!N2805</f>
        <v>45407.458333326613</v>
      </c>
      <c r="X2773" s="83">
        <v>43216.458333333336</v>
      </c>
      <c r="Y2773">
        <v>291814.41710000002</v>
      </c>
      <c r="Z2773">
        <v>35287.978779999998</v>
      </c>
      <c r="AA2773">
        <v>93817.738320000004</v>
      </c>
      <c r="AB2773">
        <v>62086.246460000002</v>
      </c>
      <c r="AC2773">
        <v>51311.460899999998</v>
      </c>
      <c r="AD2773">
        <v>35514.341719999997</v>
      </c>
      <c r="AE2773">
        <v>44122.853909999998</v>
      </c>
      <c r="AF2773">
        <v>62722.211150000003</v>
      </c>
      <c r="AG2773">
        <v>30795.64445</v>
      </c>
      <c r="AH2773">
        <v>352635.80499999999</v>
      </c>
      <c r="AI2773">
        <v>90396.078800000003</v>
      </c>
      <c r="AJ2773">
        <v>25769.104139999999</v>
      </c>
      <c r="AK2773">
        <v>34896.902750000001</v>
      </c>
      <c r="AL2773">
        <v>96356.309710000001</v>
      </c>
      <c r="AM2773">
        <v>24892.902170000001</v>
      </c>
      <c r="AN2773">
        <v>118387.7038</v>
      </c>
      <c r="AO2773">
        <v>32949.151890000001</v>
      </c>
      <c r="AP2773">
        <v>23450.455419999998</v>
      </c>
    </row>
    <row r="2774" spans="2:42" x14ac:dyDescent="0.3">
      <c r="B2774">
        <v>69.164047293630475</v>
      </c>
      <c r="C2774" s="83">
        <v>43216.5</v>
      </c>
      <c r="D2774">
        <v>280147.43689999997</v>
      </c>
      <c r="E2774">
        <v>31463.851910000001</v>
      </c>
      <c r="F2774">
        <v>92517.223610000001</v>
      </c>
      <c r="G2774">
        <v>61208.972139999998</v>
      </c>
      <c r="H2774">
        <v>49087.342369999998</v>
      </c>
      <c r="I2774">
        <v>34179.527979999999</v>
      </c>
      <c r="J2774">
        <v>44210.590179999999</v>
      </c>
      <c r="K2774">
        <v>60525.81826</v>
      </c>
      <c r="L2774">
        <v>33107.070760000002</v>
      </c>
      <c r="M2774">
        <v>352630.56719999999</v>
      </c>
      <c r="N2774">
        <v>89114.301789999998</v>
      </c>
      <c r="O2774">
        <v>24765.045979999999</v>
      </c>
      <c r="P2774">
        <v>36137.447390000001</v>
      </c>
      <c r="Q2774">
        <v>95814.398860000001</v>
      </c>
      <c r="R2774">
        <v>24697.846539999999</v>
      </c>
      <c r="S2774">
        <v>110547.70239999999</v>
      </c>
      <c r="T2774">
        <v>32544.934580000001</v>
      </c>
      <c r="U2774">
        <v>19480.88941</v>
      </c>
      <c r="W2774" s="83">
        <f>Bühler!N2806</f>
        <v>45407.499999993277</v>
      </c>
      <c r="X2774" s="83">
        <v>43216.5</v>
      </c>
      <c r="Y2774">
        <v>280147.43689999997</v>
      </c>
      <c r="Z2774">
        <v>31463.851910000001</v>
      </c>
      <c r="AA2774">
        <v>92517.223610000001</v>
      </c>
      <c r="AB2774">
        <v>61208.972139999998</v>
      </c>
      <c r="AC2774">
        <v>49087.342369999998</v>
      </c>
      <c r="AD2774">
        <v>34179.527979999999</v>
      </c>
      <c r="AE2774">
        <v>44210.590179999999</v>
      </c>
      <c r="AF2774">
        <v>60525.81826</v>
      </c>
      <c r="AG2774">
        <v>33107.070760000002</v>
      </c>
      <c r="AH2774">
        <v>352630.56719999999</v>
      </c>
      <c r="AI2774">
        <v>89114.301789999998</v>
      </c>
      <c r="AJ2774">
        <v>24765.045979999999</v>
      </c>
      <c r="AK2774">
        <v>36137.447390000001</v>
      </c>
      <c r="AL2774">
        <v>95814.398860000001</v>
      </c>
      <c r="AM2774">
        <v>24697.846539999999</v>
      </c>
      <c r="AN2774">
        <v>110547.70239999999</v>
      </c>
      <c r="AO2774">
        <v>32544.934580000001</v>
      </c>
      <c r="AP2774">
        <v>19480.88941</v>
      </c>
    </row>
    <row r="2775" spans="2:42" x14ac:dyDescent="0.3">
      <c r="B2775">
        <v>68.133576099427231</v>
      </c>
      <c r="C2775" s="83">
        <v>43216.541666666664</v>
      </c>
      <c r="D2775">
        <v>281547.20020000002</v>
      </c>
      <c r="E2775">
        <v>31823.747469999998</v>
      </c>
      <c r="F2775">
        <v>91534.505789999996</v>
      </c>
      <c r="G2775">
        <v>60311.244359999997</v>
      </c>
      <c r="H2775">
        <v>49390.933810000002</v>
      </c>
      <c r="I2775">
        <v>34279.414499999999</v>
      </c>
      <c r="J2775">
        <v>42901.649389999999</v>
      </c>
      <c r="K2775">
        <v>63086.071839999997</v>
      </c>
      <c r="L2775">
        <v>32202.95074</v>
      </c>
      <c r="M2775">
        <v>347376.74449999997</v>
      </c>
      <c r="N2775">
        <v>88670.559590000004</v>
      </c>
      <c r="O2775">
        <v>25958.66777</v>
      </c>
      <c r="P2775">
        <v>35929.187440000002</v>
      </c>
      <c r="Q2775">
        <v>95083.657330000002</v>
      </c>
      <c r="R2775">
        <v>24198.83352</v>
      </c>
      <c r="S2775">
        <v>111756.4142</v>
      </c>
      <c r="T2775">
        <v>31421.709709999999</v>
      </c>
      <c r="U2775">
        <v>21168.983530000001</v>
      </c>
      <c r="W2775" s="83">
        <f>Bühler!N2807</f>
        <v>45407.541666659941</v>
      </c>
      <c r="X2775" s="83">
        <v>43216.541666666664</v>
      </c>
      <c r="Y2775">
        <v>281547.20020000002</v>
      </c>
      <c r="Z2775">
        <v>31823.747469999998</v>
      </c>
      <c r="AA2775">
        <v>91534.505789999996</v>
      </c>
      <c r="AB2775">
        <v>60311.244359999997</v>
      </c>
      <c r="AC2775">
        <v>49390.933810000002</v>
      </c>
      <c r="AD2775">
        <v>34279.414499999999</v>
      </c>
      <c r="AE2775">
        <v>42901.649389999999</v>
      </c>
      <c r="AF2775">
        <v>63086.071839999997</v>
      </c>
      <c r="AG2775">
        <v>32202.95074</v>
      </c>
      <c r="AH2775">
        <v>347376.74449999997</v>
      </c>
      <c r="AI2775">
        <v>88670.559590000004</v>
      </c>
      <c r="AJ2775">
        <v>25958.66777</v>
      </c>
      <c r="AK2775">
        <v>35929.187440000002</v>
      </c>
      <c r="AL2775">
        <v>95083.657330000002</v>
      </c>
      <c r="AM2775">
        <v>24198.83352</v>
      </c>
      <c r="AN2775">
        <v>111756.4142</v>
      </c>
      <c r="AO2775">
        <v>31421.709709999999</v>
      </c>
      <c r="AP2775">
        <v>21168.983530000001</v>
      </c>
    </row>
    <row r="2776" spans="2:42" x14ac:dyDescent="0.3">
      <c r="B2776">
        <v>68.309315319793711</v>
      </c>
      <c r="C2776" s="83">
        <v>43216.583333333336</v>
      </c>
      <c r="D2776">
        <v>287715.9952</v>
      </c>
      <c r="E2776">
        <v>35004.32778</v>
      </c>
      <c r="F2776">
        <v>94166.264169999995</v>
      </c>
      <c r="G2776">
        <v>57729.186240000003</v>
      </c>
      <c r="H2776">
        <v>49343.186909999997</v>
      </c>
      <c r="I2776">
        <v>34843.288070000002</v>
      </c>
      <c r="J2776">
        <v>42609.77723</v>
      </c>
      <c r="K2776">
        <v>64521.848810000003</v>
      </c>
      <c r="L2776">
        <v>29186.293239999999</v>
      </c>
      <c r="M2776">
        <v>348272.745</v>
      </c>
      <c r="N2776">
        <v>88966.175959999993</v>
      </c>
      <c r="O2776">
        <v>25855.741549999999</v>
      </c>
      <c r="P2776">
        <v>31391.233810000002</v>
      </c>
      <c r="Q2776">
        <v>95061.126310000007</v>
      </c>
      <c r="R2776">
        <v>23241.953020000001</v>
      </c>
      <c r="S2776">
        <v>106496.4148</v>
      </c>
      <c r="T2776">
        <v>31044.071209999998</v>
      </c>
      <c r="U2776">
        <v>21997.604309999999</v>
      </c>
      <c r="W2776" s="83">
        <f>Bühler!N2808</f>
        <v>45407.583333326605</v>
      </c>
      <c r="X2776" s="83">
        <v>43216.583333333336</v>
      </c>
      <c r="Y2776">
        <v>287715.9952</v>
      </c>
      <c r="Z2776">
        <v>35004.32778</v>
      </c>
      <c r="AA2776">
        <v>94166.264169999995</v>
      </c>
      <c r="AB2776">
        <v>57729.186240000003</v>
      </c>
      <c r="AC2776">
        <v>49343.186909999997</v>
      </c>
      <c r="AD2776">
        <v>34843.288070000002</v>
      </c>
      <c r="AE2776">
        <v>42609.77723</v>
      </c>
      <c r="AF2776">
        <v>64521.848810000003</v>
      </c>
      <c r="AG2776">
        <v>29186.293239999999</v>
      </c>
      <c r="AH2776">
        <v>348272.745</v>
      </c>
      <c r="AI2776">
        <v>88966.175959999993</v>
      </c>
      <c r="AJ2776">
        <v>25855.741549999999</v>
      </c>
      <c r="AK2776">
        <v>31391.233810000002</v>
      </c>
      <c r="AL2776">
        <v>95061.126310000007</v>
      </c>
      <c r="AM2776">
        <v>23241.953020000001</v>
      </c>
      <c r="AN2776">
        <v>106496.4148</v>
      </c>
      <c r="AO2776">
        <v>31044.071209999998</v>
      </c>
      <c r="AP2776">
        <v>21997.604309999999</v>
      </c>
    </row>
    <row r="2777" spans="2:42" x14ac:dyDescent="0.3">
      <c r="B2777">
        <v>67.667530618172066</v>
      </c>
      <c r="C2777" s="83">
        <v>43216.625</v>
      </c>
      <c r="D2777">
        <v>285700.55099999998</v>
      </c>
      <c r="E2777">
        <v>34762.585059999998</v>
      </c>
      <c r="F2777">
        <v>96117.298129999996</v>
      </c>
      <c r="G2777">
        <v>55537.119729999999</v>
      </c>
      <c r="H2777">
        <v>48374.784919999998</v>
      </c>
      <c r="I2777">
        <v>35120.671730000002</v>
      </c>
      <c r="J2777">
        <v>41708.882559999998</v>
      </c>
      <c r="K2777">
        <v>62468.802900000002</v>
      </c>
      <c r="L2777">
        <v>26361.39919</v>
      </c>
      <c r="M2777">
        <v>345000.62729999999</v>
      </c>
      <c r="N2777">
        <v>88410.013649999994</v>
      </c>
      <c r="O2777">
        <v>25985.15468</v>
      </c>
      <c r="P2777">
        <v>29023.526559999998</v>
      </c>
      <c r="Q2777">
        <v>94482.051550000004</v>
      </c>
      <c r="R2777">
        <v>23166.558690000002</v>
      </c>
      <c r="S2777">
        <v>105692.61040000001</v>
      </c>
      <c r="T2777">
        <v>30794.39128</v>
      </c>
      <c r="U2777">
        <v>21626.585029999998</v>
      </c>
      <c r="W2777" s="83">
        <f>Bühler!N2809</f>
        <v>45407.62499999327</v>
      </c>
      <c r="X2777" s="83">
        <v>43216.625</v>
      </c>
      <c r="Y2777">
        <v>285700.55099999998</v>
      </c>
      <c r="Z2777">
        <v>34762.585059999998</v>
      </c>
      <c r="AA2777">
        <v>96117.298129999996</v>
      </c>
      <c r="AB2777">
        <v>55537.119729999999</v>
      </c>
      <c r="AC2777">
        <v>48374.784919999998</v>
      </c>
      <c r="AD2777">
        <v>35120.671730000002</v>
      </c>
      <c r="AE2777">
        <v>41708.882559999998</v>
      </c>
      <c r="AF2777">
        <v>62468.802900000002</v>
      </c>
      <c r="AG2777">
        <v>26361.39919</v>
      </c>
      <c r="AH2777">
        <v>345000.62729999999</v>
      </c>
      <c r="AI2777">
        <v>88410.013649999994</v>
      </c>
      <c r="AJ2777">
        <v>25985.15468</v>
      </c>
      <c r="AK2777">
        <v>29023.526559999998</v>
      </c>
      <c r="AL2777">
        <v>94482.051550000004</v>
      </c>
      <c r="AM2777">
        <v>23166.558690000002</v>
      </c>
      <c r="AN2777">
        <v>105692.61040000001</v>
      </c>
      <c r="AO2777">
        <v>30794.39128</v>
      </c>
      <c r="AP2777">
        <v>21626.585029999998</v>
      </c>
    </row>
    <row r="2778" spans="2:42" x14ac:dyDescent="0.3">
      <c r="B2778">
        <v>66.4604529624158</v>
      </c>
      <c r="C2778" s="83">
        <v>43216.666666666664</v>
      </c>
      <c r="D2778">
        <v>277477.18070000003</v>
      </c>
      <c r="E2778">
        <v>33989.834049999998</v>
      </c>
      <c r="F2778">
        <v>95311.597750000001</v>
      </c>
      <c r="G2778">
        <v>53141.87889</v>
      </c>
      <c r="H2778">
        <v>46885.505060000003</v>
      </c>
      <c r="I2778">
        <v>36237.900999999998</v>
      </c>
      <c r="J2778">
        <v>41138.32905</v>
      </c>
      <c r="K2778">
        <v>58468.232580000004</v>
      </c>
      <c r="L2778">
        <v>25587.76485</v>
      </c>
      <c r="M2778">
        <v>338846.38250000001</v>
      </c>
      <c r="N2778">
        <v>85029.361359999995</v>
      </c>
      <c r="O2778">
        <v>25936.900140000002</v>
      </c>
      <c r="P2778">
        <v>26996.412319999999</v>
      </c>
      <c r="Q2778">
        <v>93811.838220000005</v>
      </c>
      <c r="R2778">
        <v>22934.605350000002</v>
      </c>
      <c r="S2778">
        <v>102164.7736</v>
      </c>
      <c r="T2778">
        <v>30531.72754</v>
      </c>
      <c r="U2778">
        <v>19645.134300000002</v>
      </c>
      <c r="W2778" s="83">
        <f>Bühler!N2810</f>
        <v>45407.666666659934</v>
      </c>
      <c r="X2778" s="83">
        <v>43216.666666666664</v>
      </c>
      <c r="Y2778">
        <v>277477.18070000003</v>
      </c>
      <c r="Z2778">
        <v>33989.834049999998</v>
      </c>
      <c r="AA2778">
        <v>95311.597750000001</v>
      </c>
      <c r="AB2778">
        <v>53141.87889</v>
      </c>
      <c r="AC2778">
        <v>46885.505060000003</v>
      </c>
      <c r="AD2778">
        <v>36237.900999999998</v>
      </c>
      <c r="AE2778">
        <v>41138.32905</v>
      </c>
      <c r="AF2778">
        <v>58468.232580000004</v>
      </c>
      <c r="AG2778">
        <v>25587.76485</v>
      </c>
      <c r="AH2778">
        <v>338846.38250000001</v>
      </c>
      <c r="AI2778">
        <v>85029.361359999995</v>
      </c>
      <c r="AJ2778">
        <v>25936.900140000002</v>
      </c>
      <c r="AK2778">
        <v>26996.412319999999</v>
      </c>
      <c r="AL2778">
        <v>93811.838220000005</v>
      </c>
      <c r="AM2778">
        <v>22934.605350000002</v>
      </c>
      <c r="AN2778">
        <v>102164.7736</v>
      </c>
      <c r="AO2778">
        <v>30531.72754</v>
      </c>
      <c r="AP2778">
        <v>19645.134300000002</v>
      </c>
    </row>
    <row r="2779" spans="2:42" x14ac:dyDescent="0.3">
      <c r="B2779">
        <v>65.409549800437702</v>
      </c>
      <c r="C2779" s="83">
        <v>43216.708333333336</v>
      </c>
      <c r="D2779">
        <v>268070.96350000001</v>
      </c>
      <c r="E2779">
        <v>32195.21917</v>
      </c>
      <c r="F2779">
        <v>94477.347810000007</v>
      </c>
      <c r="G2779">
        <v>48260.407740000002</v>
      </c>
      <c r="H2779">
        <v>44826.345800000003</v>
      </c>
      <c r="I2779">
        <v>35545.481910000002</v>
      </c>
      <c r="J2779">
        <v>41072.900659999999</v>
      </c>
      <c r="K2779">
        <v>54654.607649999998</v>
      </c>
      <c r="L2779">
        <v>26380.480439999999</v>
      </c>
      <c r="M2779">
        <v>333488.38809999998</v>
      </c>
      <c r="N2779">
        <v>80713.214030000003</v>
      </c>
      <c r="O2779">
        <v>25036.701410000001</v>
      </c>
      <c r="P2779">
        <v>29418.404620000001</v>
      </c>
      <c r="Q2779">
        <v>93313.464720000004</v>
      </c>
      <c r="R2779">
        <v>23234.183130000001</v>
      </c>
      <c r="S2779">
        <v>99380.998819999993</v>
      </c>
      <c r="T2779">
        <v>29562.095939999999</v>
      </c>
      <c r="U2779">
        <v>17654.516510000001</v>
      </c>
      <c r="W2779" s="83">
        <f>Bühler!N2811</f>
        <v>45407.708333326598</v>
      </c>
      <c r="X2779" s="83">
        <v>43216.708333333336</v>
      </c>
      <c r="Y2779">
        <v>268070.96350000001</v>
      </c>
      <c r="Z2779">
        <v>32195.21917</v>
      </c>
      <c r="AA2779">
        <v>94477.347810000007</v>
      </c>
      <c r="AB2779">
        <v>48260.407740000002</v>
      </c>
      <c r="AC2779">
        <v>44826.345800000003</v>
      </c>
      <c r="AD2779">
        <v>35545.481910000002</v>
      </c>
      <c r="AE2779">
        <v>41072.900659999999</v>
      </c>
      <c r="AF2779">
        <v>54654.607649999998</v>
      </c>
      <c r="AG2779">
        <v>26380.480439999999</v>
      </c>
      <c r="AH2779">
        <v>333488.38809999998</v>
      </c>
      <c r="AI2779">
        <v>80713.214030000003</v>
      </c>
      <c r="AJ2779">
        <v>25036.701410000001</v>
      </c>
      <c r="AK2779">
        <v>29418.404620000001</v>
      </c>
      <c r="AL2779">
        <v>93313.464720000004</v>
      </c>
      <c r="AM2779">
        <v>23234.183130000001</v>
      </c>
      <c r="AN2779">
        <v>99380.998819999993</v>
      </c>
      <c r="AO2779">
        <v>29562.095939999999</v>
      </c>
      <c r="AP2779">
        <v>17654.516510000001</v>
      </c>
    </row>
    <row r="2780" spans="2:42" x14ac:dyDescent="0.3">
      <c r="B2780">
        <v>64.148106580331415</v>
      </c>
      <c r="C2780" s="83">
        <v>43216.75</v>
      </c>
      <c r="D2780">
        <v>259298.98550000001</v>
      </c>
      <c r="E2780">
        <v>28960.268370000002</v>
      </c>
      <c r="F2780">
        <v>92473.614300000001</v>
      </c>
      <c r="G2780">
        <v>44388.466800000002</v>
      </c>
      <c r="H2780">
        <v>42358.650090000003</v>
      </c>
      <c r="I2780">
        <v>34911.186909999997</v>
      </c>
      <c r="J2780">
        <v>40827.760419999999</v>
      </c>
      <c r="K2780">
        <v>52606.238189999996</v>
      </c>
      <c r="L2780">
        <v>27225.09692</v>
      </c>
      <c r="M2780">
        <v>327056.96230000001</v>
      </c>
      <c r="N2780">
        <v>77959.726920000001</v>
      </c>
      <c r="O2780">
        <v>24545.174869999999</v>
      </c>
      <c r="P2780">
        <v>32130.47032</v>
      </c>
      <c r="Q2780">
        <v>91210.230469999995</v>
      </c>
      <c r="R2780">
        <v>21277.304049999999</v>
      </c>
      <c r="S2780">
        <v>93234.490510000003</v>
      </c>
      <c r="T2780">
        <v>29837.63725</v>
      </c>
      <c r="U2780">
        <v>16932.70636</v>
      </c>
      <c r="W2780" s="83">
        <f>Bühler!N2812</f>
        <v>45407.749999993262</v>
      </c>
      <c r="X2780" s="83">
        <v>43216.75</v>
      </c>
      <c r="Y2780">
        <v>259298.98550000001</v>
      </c>
      <c r="Z2780">
        <v>28960.268370000002</v>
      </c>
      <c r="AA2780">
        <v>92473.614300000001</v>
      </c>
      <c r="AB2780">
        <v>44388.466800000002</v>
      </c>
      <c r="AC2780">
        <v>42358.650090000003</v>
      </c>
      <c r="AD2780">
        <v>34911.186909999997</v>
      </c>
      <c r="AE2780">
        <v>40827.760419999999</v>
      </c>
      <c r="AF2780">
        <v>52606.238189999996</v>
      </c>
      <c r="AG2780">
        <v>27225.09692</v>
      </c>
      <c r="AH2780">
        <v>327056.96230000001</v>
      </c>
      <c r="AI2780">
        <v>77959.726920000001</v>
      </c>
      <c r="AJ2780">
        <v>24545.174869999999</v>
      </c>
      <c r="AK2780">
        <v>32130.47032</v>
      </c>
      <c r="AL2780">
        <v>91210.230469999995</v>
      </c>
      <c r="AM2780">
        <v>21277.304049999999</v>
      </c>
      <c r="AN2780">
        <v>93234.490510000003</v>
      </c>
      <c r="AO2780">
        <v>29837.63725</v>
      </c>
      <c r="AP2780">
        <v>16932.70636</v>
      </c>
    </row>
    <row r="2781" spans="2:42" x14ac:dyDescent="0.3">
      <c r="B2781">
        <v>62.861646464663728</v>
      </c>
      <c r="C2781" s="83">
        <v>43216.791666666664</v>
      </c>
      <c r="D2781">
        <v>252057.55439999999</v>
      </c>
      <c r="E2781">
        <v>23578.77332</v>
      </c>
      <c r="F2781">
        <v>80197.555009999996</v>
      </c>
      <c r="G2781">
        <v>41760.832139999999</v>
      </c>
      <c r="H2781">
        <v>40061.167939999999</v>
      </c>
      <c r="I2781">
        <v>32212.30774</v>
      </c>
      <c r="J2781">
        <v>40168.10542</v>
      </c>
      <c r="K2781">
        <v>51801.125050000002</v>
      </c>
      <c r="L2781">
        <v>28246.608179999999</v>
      </c>
      <c r="M2781">
        <v>320497.98869999999</v>
      </c>
      <c r="N2781">
        <v>76435.542629999996</v>
      </c>
      <c r="O2781">
        <v>22954.615849999998</v>
      </c>
      <c r="P2781">
        <v>35021.854930000001</v>
      </c>
      <c r="Q2781">
        <v>88872.188309999998</v>
      </c>
      <c r="R2781">
        <v>20048.979579999999</v>
      </c>
      <c r="S2781">
        <v>88886.204190000004</v>
      </c>
      <c r="T2781">
        <v>30262.946899999999</v>
      </c>
      <c r="U2781">
        <v>15622.471289999999</v>
      </c>
      <c r="W2781" s="83">
        <f>Bühler!N2813</f>
        <v>45407.791666659927</v>
      </c>
      <c r="X2781" s="83">
        <v>43216.791666666664</v>
      </c>
      <c r="Y2781">
        <v>252057.55439999999</v>
      </c>
      <c r="Z2781">
        <v>23578.77332</v>
      </c>
      <c r="AA2781">
        <v>80197.555009999996</v>
      </c>
      <c r="AB2781">
        <v>41760.832139999999</v>
      </c>
      <c r="AC2781">
        <v>40061.167939999999</v>
      </c>
      <c r="AD2781">
        <v>32212.30774</v>
      </c>
      <c r="AE2781">
        <v>40168.10542</v>
      </c>
      <c r="AF2781">
        <v>51801.125050000002</v>
      </c>
      <c r="AG2781">
        <v>28246.608179999999</v>
      </c>
      <c r="AH2781">
        <v>320497.98869999999</v>
      </c>
      <c r="AI2781">
        <v>76435.542629999996</v>
      </c>
      <c r="AJ2781">
        <v>22954.615849999998</v>
      </c>
      <c r="AK2781">
        <v>35021.854930000001</v>
      </c>
      <c r="AL2781">
        <v>88872.188309999998</v>
      </c>
      <c r="AM2781">
        <v>20048.979579999999</v>
      </c>
      <c r="AN2781">
        <v>88886.204190000004</v>
      </c>
      <c r="AO2781">
        <v>30262.946899999999</v>
      </c>
      <c r="AP2781">
        <v>15622.471289999999</v>
      </c>
    </row>
    <row r="2782" spans="2:42" x14ac:dyDescent="0.3">
      <c r="B2782">
        <v>60.920172571123565</v>
      </c>
      <c r="C2782" s="83">
        <v>43216.833333333336</v>
      </c>
      <c r="D2782">
        <v>242996.15359999999</v>
      </c>
      <c r="E2782">
        <v>17568.338510000001</v>
      </c>
      <c r="F2782">
        <v>63565.316500000001</v>
      </c>
      <c r="G2782">
        <v>39083.701399999998</v>
      </c>
      <c r="H2782">
        <v>37882.813840000003</v>
      </c>
      <c r="I2782">
        <v>28653.35399</v>
      </c>
      <c r="J2782">
        <v>40506.37902</v>
      </c>
      <c r="K2782">
        <v>50665.584349999997</v>
      </c>
      <c r="L2782">
        <v>27876.33293</v>
      </c>
      <c r="M2782">
        <v>310599.44939999998</v>
      </c>
      <c r="N2782">
        <v>75116.524000000005</v>
      </c>
      <c r="O2782">
        <v>21729.710159999999</v>
      </c>
      <c r="P2782">
        <v>35718.674319999998</v>
      </c>
      <c r="Q2782">
        <v>86498.291469999996</v>
      </c>
      <c r="R2782">
        <v>19441.270250000001</v>
      </c>
      <c r="S2782">
        <v>81963.564199999993</v>
      </c>
      <c r="T2782">
        <v>29631.177800000001</v>
      </c>
      <c r="U2782">
        <v>15186.28253</v>
      </c>
      <c r="W2782" s="83">
        <f>Bühler!N2814</f>
        <v>45407.833333326591</v>
      </c>
      <c r="X2782" s="83">
        <v>43216.833333333336</v>
      </c>
      <c r="Y2782">
        <v>242996.15359999999</v>
      </c>
      <c r="Z2782">
        <v>17568.338510000001</v>
      </c>
      <c r="AA2782">
        <v>63565.316500000001</v>
      </c>
      <c r="AB2782">
        <v>39083.701399999998</v>
      </c>
      <c r="AC2782">
        <v>37882.813840000003</v>
      </c>
      <c r="AD2782">
        <v>28653.35399</v>
      </c>
      <c r="AE2782">
        <v>40506.37902</v>
      </c>
      <c r="AF2782">
        <v>50665.584349999997</v>
      </c>
      <c r="AG2782">
        <v>27876.33293</v>
      </c>
      <c r="AH2782">
        <v>310599.44939999998</v>
      </c>
      <c r="AI2782">
        <v>75116.524000000005</v>
      </c>
      <c r="AJ2782">
        <v>21729.710159999999</v>
      </c>
      <c r="AK2782">
        <v>35718.674319999998</v>
      </c>
      <c r="AL2782">
        <v>86498.291469999996</v>
      </c>
      <c r="AM2782">
        <v>19441.270250000001</v>
      </c>
      <c r="AN2782">
        <v>81963.564199999993</v>
      </c>
      <c r="AO2782">
        <v>29631.177800000001</v>
      </c>
      <c r="AP2782">
        <v>15186.28253</v>
      </c>
    </row>
    <row r="2783" spans="2:42" x14ac:dyDescent="0.3">
      <c r="B2783">
        <v>58.835109654748116</v>
      </c>
      <c r="C2783" s="83">
        <v>43216.875</v>
      </c>
      <c r="D2783">
        <v>236169.78769999999</v>
      </c>
      <c r="E2783">
        <v>15275.44527</v>
      </c>
      <c r="F2783">
        <v>55799.022949999999</v>
      </c>
      <c r="G2783">
        <v>38179.527099999999</v>
      </c>
      <c r="H2783">
        <v>37587.889430000003</v>
      </c>
      <c r="I2783">
        <v>25538.321619999999</v>
      </c>
      <c r="J2783">
        <v>41866.841760000003</v>
      </c>
      <c r="K2783">
        <v>49516.929600000003</v>
      </c>
      <c r="L2783">
        <v>26965.632689999999</v>
      </c>
      <c r="M2783">
        <v>299968.82630000002</v>
      </c>
      <c r="N2783">
        <v>73914.077420000001</v>
      </c>
      <c r="O2783">
        <v>21204.126400000001</v>
      </c>
      <c r="P2783">
        <v>33946.913310000004</v>
      </c>
      <c r="Q2783">
        <v>83764.575339999996</v>
      </c>
      <c r="R2783">
        <v>18774.804260000001</v>
      </c>
      <c r="S2783">
        <v>79252.258610000004</v>
      </c>
      <c r="T2783">
        <v>27985.36663</v>
      </c>
      <c r="U2783">
        <v>14370.72372</v>
      </c>
      <c r="W2783" s="83">
        <f>Bühler!N2815</f>
        <v>45407.874999993255</v>
      </c>
      <c r="X2783" s="83">
        <v>43216.875</v>
      </c>
      <c r="Y2783">
        <v>236169.78769999999</v>
      </c>
      <c r="Z2783">
        <v>15275.44527</v>
      </c>
      <c r="AA2783">
        <v>55799.022949999999</v>
      </c>
      <c r="AB2783">
        <v>38179.527099999999</v>
      </c>
      <c r="AC2783">
        <v>37587.889430000003</v>
      </c>
      <c r="AD2783">
        <v>25538.321619999999</v>
      </c>
      <c r="AE2783">
        <v>41866.841760000003</v>
      </c>
      <c r="AF2783">
        <v>49516.929600000003</v>
      </c>
      <c r="AG2783">
        <v>26965.632689999999</v>
      </c>
      <c r="AH2783">
        <v>299968.82630000002</v>
      </c>
      <c r="AI2783">
        <v>73914.077420000001</v>
      </c>
      <c r="AJ2783">
        <v>21204.126400000001</v>
      </c>
      <c r="AK2783">
        <v>33946.913310000004</v>
      </c>
      <c r="AL2783">
        <v>83764.575339999996</v>
      </c>
      <c r="AM2783">
        <v>18774.804260000001</v>
      </c>
      <c r="AN2783">
        <v>79252.258610000004</v>
      </c>
      <c r="AO2783">
        <v>27985.36663</v>
      </c>
      <c r="AP2783">
        <v>14370.72372</v>
      </c>
    </row>
    <row r="2784" spans="2:42" x14ac:dyDescent="0.3">
      <c r="B2784">
        <v>57.761610089798417</v>
      </c>
      <c r="C2784" s="83">
        <v>43216.916666666664</v>
      </c>
      <c r="D2784">
        <v>235257.1</v>
      </c>
      <c r="E2784">
        <v>14278.314759999999</v>
      </c>
      <c r="F2784">
        <v>52963.780200000001</v>
      </c>
      <c r="G2784">
        <v>36815.717429999997</v>
      </c>
      <c r="H2784">
        <v>37047.800640000001</v>
      </c>
      <c r="I2784">
        <v>23655.18363</v>
      </c>
      <c r="J2784">
        <v>40570.946680000001</v>
      </c>
      <c r="K2784">
        <v>53465.033490000002</v>
      </c>
      <c r="L2784">
        <v>24138.602719999999</v>
      </c>
      <c r="M2784">
        <v>294495.6249</v>
      </c>
      <c r="N2784">
        <v>73503.189209999997</v>
      </c>
      <c r="O2784">
        <v>21050.117920000001</v>
      </c>
      <c r="P2784">
        <v>35219.921869999998</v>
      </c>
      <c r="Q2784">
        <v>82596.012690000003</v>
      </c>
      <c r="R2784">
        <v>20071.342290000001</v>
      </c>
      <c r="S2784">
        <v>77814.544550000006</v>
      </c>
      <c r="T2784">
        <v>24803.536929999998</v>
      </c>
      <c r="U2784">
        <v>14755.7601</v>
      </c>
      <c r="W2784" s="83">
        <f>Bühler!N2816</f>
        <v>45407.916666659919</v>
      </c>
      <c r="X2784" s="83">
        <v>43216.916666666664</v>
      </c>
      <c r="Y2784">
        <v>235257.1</v>
      </c>
      <c r="Z2784">
        <v>14278.314759999999</v>
      </c>
      <c r="AA2784">
        <v>52963.780200000001</v>
      </c>
      <c r="AB2784">
        <v>36815.717429999997</v>
      </c>
      <c r="AC2784">
        <v>37047.800640000001</v>
      </c>
      <c r="AD2784">
        <v>23655.18363</v>
      </c>
      <c r="AE2784">
        <v>40570.946680000001</v>
      </c>
      <c r="AF2784">
        <v>53465.033490000002</v>
      </c>
      <c r="AG2784">
        <v>24138.602719999999</v>
      </c>
      <c r="AH2784">
        <v>294495.6249</v>
      </c>
      <c r="AI2784">
        <v>73503.189209999997</v>
      </c>
      <c r="AJ2784">
        <v>21050.117920000001</v>
      </c>
      <c r="AK2784">
        <v>35219.921869999998</v>
      </c>
      <c r="AL2784">
        <v>82596.012690000003</v>
      </c>
      <c r="AM2784">
        <v>20071.342290000001</v>
      </c>
      <c r="AN2784">
        <v>77814.544550000006</v>
      </c>
      <c r="AO2784">
        <v>24803.536929999998</v>
      </c>
      <c r="AP2784">
        <v>14755.7601</v>
      </c>
    </row>
    <row r="2785" spans="2:42" x14ac:dyDescent="0.3">
      <c r="B2785">
        <v>57.498163455082619</v>
      </c>
      <c r="C2785" s="83">
        <v>43216.958333333336</v>
      </c>
      <c r="D2785">
        <v>234661.87</v>
      </c>
      <c r="E2785">
        <v>13491.056200000001</v>
      </c>
      <c r="F2785">
        <v>51216.606599999999</v>
      </c>
      <c r="G2785">
        <v>36215.506959999999</v>
      </c>
      <c r="H2785">
        <v>36022.755010000001</v>
      </c>
      <c r="I2785">
        <v>22568.69428</v>
      </c>
      <c r="J2785">
        <v>37460.309580000001</v>
      </c>
      <c r="K2785">
        <v>52901.372069999998</v>
      </c>
      <c r="L2785">
        <v>20163.472290000002</v>
      </c>
      <c r="M2785">
        <v>293152.45110000001</v>
      </c>
      <c r="N2785">
        <v>72551.655079999997</v>
      </c>
      <c r="O2785">
        <v>21181.3446</v>
      </c>
      <c r="P2785">
        <v>30678.433140000001</v>
      </c>
      <c r="Q2785">
        <v>81513.539369999999</v>
      </c>
      <c r="R2785">
        <v>21265.269769999999</v>
      </c>
      <c r="S2785">
        <v>75749.944040000002</v>
      </c>
      <c r="T2785">
        <v>21854.942879999999</v>
      </c>
      <c r="U2785">
        <v>13946.644179999999</v>
      </c>
      <c r="W2785" s="83">
        <f>Bühler!N2817</f>
        <v>45407.958333326584</v>
      </c>
      <c r="X2785" s="83">
        <v>43216.958333333336</v>
      </c>
      <c r="Y2785">
        <v>234661.87</v>
      </c>
      <c r="Z2785">
        <v>13491.056200000001</v>
      </c>
      <c r="AA2785">
        <v>51216.606599999999</v>
      </c>
      <c r="AB2785">
        <v>36215.506959999999</v>
      </c>
      <c r="AC2785">
        <v>36022.755010000001</v>
      </c>
      <c r="AD2785">
        <v>22568.69428</v>
      </c>
      <c r="AE2785">
        <v>37460.309580000001</v>
      </c>
      <c r="AF2785">
        <v>52901.372069999998</v>
      </c>
      <c r="AG2785">
        <v>20163.472290000002</v>
      </c>
      <c r="AH2785">
        <v>293152.45110000001</v>
      </c>
      <c r="AI2785">
        <v>72551.655079999997</v>
      </c>
      <c r="AJ2785">
        <v>21181.3446</v>
      </c>
      <c r="AK2785">
        <v>30678.433140000001</v>
      </c>
      <c r="AL2785">
        <v>81513.539369999999</v>
      </c>
      <c r="AM2785">
        <v>21265.269769999999</v>
      </c>
      <c r="AN2785">
        <v>75749.944040000002</v>
      </c>
      <c r="AO2785">
        <v>21854.942879999999</v>
      </c>
      <c r="AP2785">
        <v>13946.644179999999</v>
      </c>
    </row>
    <row r="2786" spans="2:42" x14ac:dyDescent="0.3">
      <c r="B2786">
        <v>56.746966439524606</v>
      </c>
      <c r="C2786" s="83">
        <v>43217</v>
      </c>
      <c r="D2786">
        <v>234555.57380000001</v>
      </c>
      <c r="E2786">
        <v>13249.882600000001</v>
      </c>
      <c r="F2786">
        <v>50363.205690000003</v>
      </c>
      <c r="G2786">
        <v>35519.487569999998</v>
      </c>
      <c r="H2786">
        <v>35510.520759999999</v>
      </c>
      <c r="I2786">
        <v>20679.42038</v>
      </c>
      <c r="J2786">
        <v>35184.356910000002</v>
      </c>
      <c r="K2786">
        <v>52034.538549999997</v>
      </c>
      <c r="L2786">
        <v>17743.71168</v>
      </c>
      <c r="M2786">
        <v>289322.49839999998</v>
      </c>
      <c r="N2786">
        <v>72554.263550000003</v>
      </c>
      <c r="O2786">
        <v>21152.408149999999</v>
      </c>
      <c r="P2786">
        <v>28247.47235</v>
      </c>
      <c r="Q2786">
        <v>80469.696370000005</v>
      </c>
      <c r="R2786">
        <v>17065.18694</v>
      </c>
      <c r="S2786">
        <v>74434.130059999996</v>
      </c>
      <c r="T2786">
        <v>20493.906770000001</v>
      </c>
      <c r="U2786">
        <v>13783.43139</v>
      </c>
      <c r="W2786" s="83">
        <f>Bühler!N2818</f>
        <v>45407.999999993248</v>
      </c>
      <c r="X2786" s="83">
        <v>43217</v>
      </c>
      <c r="Y2786">
        <v>234555.57380000001</v>
      </c>
      <c r="Z2786">
        <v>13249.882600000001</v>
      </c>
      <c r="AA2786">
        <v>50363.205690000003</v>
      </c>
      <c r="AB2786">
        <v>35519.487569999998</v>
      </c>
      <c r="AC2786">
        <v>35510.520759999999</v>
      </c>
      <c r="AD2786">
        <v>20679.42038</v>
      </c>
      <c r="AE2786">
        <v>35184.356910000002</v>
      </c>
      <c r="AF2786">
        <v>52034.538549999997</v>
      </c>
      <c r="AG2786">
        <v>17743.71168</v>
      </c>
      <c r="AH2786">
        <v>289322.49839999998</v>
      </c>
      <c r="AI2786">
        <v>72554.263550000003</v>
      </c>
      <c r="AJ2786">
        <v>21152.408149999999</v>
      </c>
      <c r="AK2786">
        <v>28247.47235</v>
      </c>
      <c r="AL2786">
        <v>80469.696370000005</v>
      </c>
      <c r="AM2786">
        <v>17065.18694</v>
      </c>
      <c r="AN2786">
        <v>74434.130059999996</v>
      </c>
      <c r="AO2786">
        <v>20493.906770000001</v>
      </c>
      <c r="AP2786">
        <v>13783.43139</v>
      </c>
    </row>
    <row r="2787" spans="2:42" x14ac:dyDescent="0.3">
      <c r="B2787">
        <v>55.728979607427711</v>
      </c>
      <c r="C2787" s="83">
        <v>43217.041666666664</v>
      </c>
      <c r="D2787">
        <v>231771.80710000001</v>
      </c>
      <c r="E2787">
        <v>13107.880230000001</v>
      </c>
      <c r="F2787">
        <v>49887.119180000002</v>
      </c>
      <c r="G2787">
        <v>34819.434090000002</v>
      </c>
      <c r="H2787">
        <v>34687.315199999997</v>
      </c>
      <c r="I2787">
        <v>17770.939170000001</v>
      </c>
      <c r="J2787">
        <v>33788.152139999998</v>
      </c>
      <c r="K2787">
        <v>48298.58887</v>
      </c>
      <c r="L2787">
        <v>17007.557420000001</v>
      </c>
      <c r="M2787">
        <v>284132.32679999998</v>
      </c>
      <c r="N2787">
        <v>71652.806790000002</v>
      </c>
      <c r="O2787">
        <v>20872.329249999999</v>
      </c>
      <c r="P2787">
        <v>26589.285260000001</v>
      </c>
      <c r="Q2787">
        <v>80910.934529999999</v>
      </c>
      <c r="R2787">
        <v>15683.648649999999</v>
      </c>
      <c r="S2787">
        <v>73768.344899999996</v>
      </c>
      <c r="T2787">
        <v>19706.57288</v>
      </c>
      <c r="U2787">
        <v>13845.15862</v>
      </c>
      <c r="W2787" s="83">
        <f>Bühler!N2819</f>
        <v>45408.041666659912</v>
      </c>
      <c r="X2787" s="83">
        <v>43217.041666666664</v>
      </c>
      <c r="Y2787">
        <v>231771.80710000001</v>
      </c>
      <c r="Z2787">
        <v>13107.880230000001</v>
      </c>
      <c r="AA2787">
        <v>49887.119180000002</v>
      </c>
      <c r="AB2787">
        <v>34819.434090000002</v>
      </c>
      <c r="AC2787">
        <v>34687.315199999997</v>
      </c>
      <c r="AD2787">
        <v>17770.939170000001</v>
      </c>
      <c r="AE2787">
        <v>33788.152139999998</v>
      </c>
      <c r="AF2787">
        <v>48298.58887</v>
      </c>
      <c r="AG2787">
        <v>17007.557420000001</v>
      </c>
      <c r="AH2787">
        <v>284132.32679999998</v>
      </c>
      <c r="AI2787">
        <v>71652.806790000002</v>
      </c>
      <c r="AJ2787">
        <v>20872.329249999999</v>
      </c>
      <c r="AK2787">
        <v>26589.285260000001</v>
      </c>
      <c r="AL2787">
        <v>80910.934529999999</v>
      </c>
      <c r="AM2787">
        <v>15683.648649999999</v>
      </c>
      <c r="AN2787">
        <v>73768.344899999996</v>
      </c>
      <c r="AO2787">
        <v>19706.57288</v>
      </c>
      <c r="AP2787">
        <v>13845.15862</v>
      </c>
    </row>
    <row r="2788" spans="2:42" x14ac:dyDescent="0.3">
      <c r="B2788">
        <v>55.552756398380232</v>
      </c>
      <c r="C2788" s="83">
        <v>43217.083333333336</v>
      </c>
      <c r="D2788">
        <v>233231.7058</v>
      </c>
      <c r="E2788">
        <v>13013.589889999999</v>
      </c>
      <c r="F2788">
        <v>50260.254430000001</v>
      </c>
      <c r="G2788">
        <v>34154.19326</v>
      </c>
      <c r="H2788">
        <v>34383.520069999999</v>
      </c>
      <c r="I2788">
        <v>15711.465469999999</v>
      </c>
      <c r="J2788">
        <v>33292.826220000003</v>
      </c>
      <c r="K2788">
        <v>47304.08857</v>
      </c>
      <c r="L2788">
        <v>16673.032060000001</v>
      </c>
      <c r="M2788">
        <v>283233.85869999998</v>
      </c>
      <c r="N2788">
        <v>69874.573069999999</v>
      </c>
      <c r="O2788">
        <v>21073.522069999999</v>
      </c>
      <c r="P2788">
        <v>25517.339540000001</v>
      </c>
      <c r="Q2788">
        <v>84126.1489</v>
      </c>
      <c r="R2788">
        <v>16546.122230000001</v>
      </c>
      <c r="S2788">
        <v>72519.184829999998</v>
      </c>
      <c r="T2788">
        <v>19374.600450000002</v>
      </c>
      <c r="U2788">
        <v>13842.63825</v>
      </c>
      <c r="W2788" s="83">
        <f>Bühler!N2820</f>
        <v>45408.083333326576</v>
      </c>
      <c r="X2788" s="83">
        <v>43217.083333333336</v>
      </c>
      <c r="Y2788">
        <v>233231.7058</v>
      </c>
      <c r="Z2788">
        <v>13013.589889999999</v>
      </c>
      <c r="AA2788">
        <v>50260.254430000001</v>
      </c>
      <c r="AB2788">
        <v>34154.19326</v>
      </c>
      <c r="AC2788">
        <v>34383.520069999999</v>
      </c>
      <c r="AD2788">
        <v>15711.465469999999</v>
      </c>
      <c r="AE2788">
        <v>33292.826220000003</v>
      </c>
      <c r="AF2788">
        <v>47304.08857</v>
      </c>
      <c r="AG2788">
        <v>16673.032060000001</v>
      </c>
      <c r="AH2788">
        <v>283233.85869999998</v>
      </c>
      <c r="AI2788">
        <v>69874.573069999999</v>
      </c>
      <c r="AJ2788">
        <v>21073.522069999999</v>
      </c>
      <c r="AK2788">
        <v>25517.339540000001</v>
      </c>
      <c r="AL2788">
        <v>84126.1489</v>
      </c>
      <c r="AM2788">
        <v>16546.122230000001</v>
      </c>
      <c r="AN2788">
        <v>72519.184829999998</v>
      </c>
      <c r="AO2788">
        <v>19374.600450000002</v>
      </c>
      <c r="AP2788">
        <v>13842.63825</v>
      </c>
    </row>
    <row r="2789" spans="2:42" x14ac:dyDescent="0.3">
      <c r="B2789">
        <v>56.067470495520553</v>
      </c>
      <c r="C2789" s="83">
        <v>43217.125</v>
      </c>
      <c r="D2789">
        <v>232508.8774</v>
      </c>
      <c r="E2789">
        <v>13057.1854</v>
      </c>
      <c r="F2789">
        <v>51955.066330000001</v>
      </c>
      <c r="G2789">
        <v>33383.542630000004</v>
      </c>
      <c r="H2789">
        <v>34519.093679999998</v>
      </c>
      <c r="I2789">
        <v>15366.343849999999</v>
      </c>
      <c r="J2789">
        <v>33946.56136</v>
      </c>
      <c r="K2789">
        <v>45879.968860000001</v>
      </c>
      <c r="L2789">
        <v>16226.17375</v>
      </c>
      <c r="M2789">
        <v>285858.11119999998</v>
      </c>
      <c r="N2789">
        <v>69009.502479999996</v>
      </c>
      <c r="O2789">
        <v>19893.988430000001</v>
      </c>
      <c r="P2789">
        <v>24964.386040000001</v>
      </c>
      <c r="Q2789">
        <v>86566.724629999997</v>
      </c>
      <c r="R2789">
        <v>16113.452859999999</v>
      </c>
      <c r="S2789">
        <v>71955.421459999998</v>
      </c>
      <c r="T2789">
        <v>19196.083210000001</v>
      </c>
      <c r="U2789">
        <v>13961.22575</v>
      </c>
      <c r="W2789" s="83">
        <f>Bühler!N2821</f>
        <v>45408.124999993241</v>
      </c>
      <c r="X2789" s="83">
        <v>43217.125</v>
      </c>
      <c r="Y2789">
        <v>232508.8774</v>
      </c>
      <c r="Z2789">
        <v>13057.1854</v>
      </c>
      <c r="AA2789">
        <v>51955.066330000001</v>
      </c>
      <c r="AB2789">
        <v>33383.542630000004</v>
      </c>
      <c r="AC2789">
        <v>34519.093679999998</v>
      </c>
      <c r="AD2789">
        <v>15366.343849999999</v>
      </c>
      <c r="AE2789">
        <v>33946.56136</v>
      </c>
      <c r="AF2789">
        <v>45879.968860000001</v>
      </c>
      <c r="AG2789">
        <v>16226.17375</v>
      </c>
      <c r="AH2789">
        <v>285858.11119999998</v>
      </c>
      <c r="AI2789">
        <v>69009.502479999996</v>
      </c>
      <c r="AJ2789">
        <v>19893.988430000001</v>
      </c>
      <c r="AK2789">
        <v>24964.386040000001</v>
      </c>
      <c r="AL2789">
        <v>86566.724629999997</v>
      </c>
      <c r="AM2789">
        <v>16113.452859999999</v>
      </c>
      <c r="AN2789">
        <v>71955.421459999998</v>
      </c>
      <c r="AO2789">
        <v>19196.083210000001</v>
      </c>
      <c r="AP2789">
        <v>13961.22575</v>
      </c>
    </row>
    <row r="2790" spans="2:42" x14ac:dyDescent="0.3">
      <c r="B2790">
        <v>57.586221896560488</v>
      </c>
      <c r="C2790" s="83">
        <v>43217.166666666664</v>
      </c>
      <c r="D2790">
        <v>233846.74609999999</v>
      </c>
      <c r="E2790">
        <v>13601.91797</v>
      </c>
      <c r="F2790">
        <v>55400.626230000002</v>
      </c>
      <c r="G2790">
        <v>32913.667130000002</v>
      </c>
      <c r="H2790">
        <v>35484.90827</v>
      </c>
      <c r="I2790">
        <v>16995.42181</v>
      </c>
      <c r="J2790">
        <v>36023.632400000002</v>
      </c>
      <c r="K2790">
        <v>45224.715539999997</v>
      </c>
      <c r="L2790">
        <v>16042.58453</v>
      </c>
      <c r="M2790">
        <v>293601.41409999999</v>
      </c>
      <c r="N2790">
        <v>67465.774420000002</v>
      </c>
      <c r="O2790">
        <v>20359.892619999999</v>
      </c>
      <c r="P2790">
        <v>24243.312969999999</v>
      </c>
      <c r="Q2790">
        <v>90319.6446</v>
      </c>
      <c r="R2790">
        <v>16038.10166</v>
      </c>
      <c r="S2790">
        <v>72458.4041</v>
      </c>
      <c r="T2790">
        <v>19294.41675</v>
      </c>
      <c r="U2790">
        <v>14206.32048</v>
      </c>
      <c r="W2790" s="83">
        <f>Bühler!N2822</f>
        <v>45408.166666659905</v>
      </c>
      <c r="X2790" s="83">
        <v>43217.166666666664</v>
      </c>
      <c r="Y2790">
        <v>233846.74609999999</v>
      </c>
      <c r="Z2790">
        <v>13601.91797</v>
      </c>
      <c r="AA2790">
        <v>55400.626230000002</v>
      </c>
      <c r="AB2790">
        <v>32913.667130000002</v>
      </c>
      <c r="AC2790">
        <v>35484.90827</v>
      </c>
      <c r="AD2790">
        <v>16995.42181</v>
      </c>
      <c r="AE2790">
        <v>36023.632400000002</v>
      </c>
      <c r="AF2790">
        <v>45224.715539999997</v>
      </c>
      <c r="AG2790">
        <v>16042.58453</v>
      </c>
      <c r="AH2790">
        <v>293601.41409999999</v>
      </c>
      <c r="AI2790">
        <v>67465.774420000002</v>
      </c>
      <c r="AJ2790">
        <v>20359.892619999999</v>
      </c>
      <c r="AK2790">
        <v>24243.312969999999</v>
      </c>
      <c r="AL2790">
        <v>90319.6446</v>
      </c>
      <c r="AM2790">
        <v>16038.10166</v>
      </c>
      <c r="AN2790">
        <v>72458.4041</v>
      </c>
      <c r="AO2790">
        <v>19294.41675</v>
      </c>
      <c r="AP2790">
        <v>14206.32048</v>
      </c>
    </row>
    <row r="2791" spans="2:42" x14ac:dyDescent="0.3">
      <c r="B2791">
        <v>60.573029767524879</v>
      </c>
      <c r="C2791" s="83">
        <v>43217.208333333336</v>
      </c>
      <c r="D2791">
        <v>248313.20920000001</v>
      </c>
      <c r="E2791">
        <v>15353.35348</v>
      </c>
      <c r="F2791">
        <v>66287.862859999994</v>
      </c>
      <c r="G2791">
        <v>34815.69528</v>
      </c>
      <c r="H2791">
        <v>37134.521379999998</v>
      </c>
      <c r="I2791">
        <v>24627.55429</v>
      </c>
      <c r="J2791">
        <v>39198.08339</v>
      </c>
      <c r="K2791">
        <v>45956.838649999998</v>
      </c>
      <c r="L2791">
        <v>17022.70608</v>
      </c>
      <c r="M2791">
        <v>308829.55349999998</v>
      </c>
      <c r="N2791">
        <v>68468.567079999993</v>
      </c>
      <c r="O2791">
        <v>20949.31566</v>
      </c>
      <c r="P2791">
        <v>25065.101719999999</v>
      </c>
      <c r="Q2791">
        <v>93160.060800000007</v>
      </c>
      <c r="R2791">
        <v>19392.94039</v>
      </c>
      <c r="S2791">
        <v>75237.639850000007</v>
      </c>
      <c r="T2791">
        <v>20838.24093</v>
      </c>
      <c r="U2791">
        <v>16560.652050000001</v>
      </c>
      <c r="W2791" s="83">
        <f>Bühler!N2823</f>
        <v>45408.208333326569</v>
      </c>
      <c r="X2791" s="83">
        <v>43217.208333333336</v>
      </c>
      <c r="Y2791">
        <v>248313.20920000001</v>
      </c>
      <c r="Z2791">
        <v>15353.35348</v>
      </c>
      <c r="AA2791">
        <v>66287.862859999994</v>
      </c>
      <c r="AB2791">
        <v>34815.69528</v>
      </c>
      <c r="AC2791">
        <v>37134.521379999998</v>
      </c>
      <c r="AD2791">
        <v>24627.55429</v>
      </c>
      <c r="AE2791">
        <v>39198.08339</v>
      </c>
      <c r="AF2791">
        <v>45956.838649999998</v>
      </c>
      <c r="AG2791">
        <v>17022.70608</v>
      </c>
      <c r="AH2791">
        <v>308829.55349999998</v>
      </c>
      <c r="AI2791">
        <v>68468.567079999993</v>
      </c>
      <c r="AJ2791">
        <v>20949.31566</v>
      </c>
      <c r="AK2791">
        <v>25065.101719999999</v>
      </c>
      <c r="AL2791">
        <v>93160.060800000007</v>
      </c>
      <c r="AM2791">
        <v>19392.94039</v>
      </c>
      <c r="AN2791">
        <v>75237.639850000007</v>
      </c>
      <c r="AO2791">
        <v>20838.24093</v>
      </c>
      <c r="AP2791">
        <v>16560.652050000001</v>
      </c>
    </row>
    <row r="2792" spans="2:42" x14ac:dyDescent="0.3">
      <c r="B2792">
        <v>64.147604566622121</v>
      </c>
      <c r="C2792" s="83">
        <v>43217.25</v>
      </c>
      <c r="D2792">
        <v>264505.56920000003</v>
      </c>
      <c r="E2792">
        <v>19712.962309999999</v>
      </c>
      <c r="F2792">
        <v>77902.737970000002</v>
      </c>
      <c r="G2792">
        <v>41319.124499999998</v>
      </c>
      <c r="H2792">
        <v>39788.775529999999</v>
      </c>
      <c r="I2792">
        <v>31060.59663</v>
      </c>
      <c r="J2792">
        <v>42927.652220000004</v>
      </c>
      <c r="K2792">
        <v>47352.875749999999</v>
      </c>
      <c r="L2792">
        <v>18775.26021</v>
      </c>
      <c r="M2792">
        <v>327054.40279999998</v>
      </c>
      <c r="N2792">
        <v>73714.012140000006</v>
      </c>
      <c r="O2792">
        <v>22736.747340000002</v>
      </c>
      <c r="P2792">
        <v>27516.767489999998</v>
      </c>
      <c r="Q2792">
        <v>93355.787410000004</v>
      </c>
      <c r="R2792">
        <v>17377.041590000001</v>
      </c>
      <c r="S2792">
        <v>84404.51758</v>
      </c>
      <c r="T2792">
        <v>22882.801179999999</v>
      </c>
      <c r="U2792">
        <v>18741.162550000001</v>
      </c>
      <c r="W2792" s="83">
        <f>Bühler!N2824</f>
        <v>45408.249999993233</v>
      </c>
      <c r="X2792" s="83">
        <v>43217.25</v>
      </c>
      <c r="Y2792">
        <v>264505.56920000003</v>
      </c>
      <c r="Z2792">
        <v>19712.962309999999</v>
      </c>
      <c r="AA2792">
        <v>77902.737970000002</v>
      </c>
      <c r="AB2792">
        <v>41319.124499999998</v>
      </c>
      <c r="AC2792">
        <v>39788.775529999999</v>
      </c>
      <c r="AD2792">
        <v>31060.59663</v>
      </c>
      <c r="AE2792">
        <v>42927.652220000004</v>
      </c>
      <c r="AF2792">
        <v>47352.875749999999</v>
      </c>
      <c r="AG2792">
        <v>18775.26021</v>
      </c>
      <c r="AH2792">
        <v>327054.40279999998</v>
      </c>
      <c r="AI2792">
        <v>73714.012140000006</v>
      </c>
      <c r="AJ2792">
        <v>22736.747340000002</v>
      </c>
      <c r="AK2792">
        <v>27516.767489999998</v>
      </c>
      <c r="AL2792">
        <v>93355.787410000004</v>
      </c>
      <c r="AM2792">
        <v>17377.041590000001</v>
      </c>
      <c r="AN2792">
        <v>84404.51758</v>
      </c>
      <c r="AO2792">
        <v>22882.801179999999</v>
      </c>
      <c r="AP2792">
        <v>18741.162550000001</v>
      </c>
    </row>
    <row r="2793" spans="2:42" x14ac:dyDescent="0.3">
      <c r="B2793">
        <v>65.935581261689109</v>
      </c>
      <c r="C2793" s="83">
        <v>43217.291666666664</v>
      </c>
      <c r="D2793">
        <v>276036.42690000002</v>
      </c>
      <c r="E2793">
        <v>23739.571459999999</v>
      </c>
      <c r="F2793">
        <v>80756.90668</v>
      </c>
      <c r="G2793">
        <v>48096.10153</v>
      </c>
      <c r="H2793">
        <v>43414.2068</v>
      </c>
      <c r="I2793">
        <v>36784.43316</v>
      </c>
      <c r="J2793">
        <v>43017.122340000002</v>
      </c>
      <c r="K2793">
        <v>51962.306479999999</v>
      </c>
      <c r="L2793">
        <v>21128.271369999999</v>
      </c>
      <c r="M2793">
        <v>336170.34179999999</v>
      </c>
      <c r="N2793">
        <v>78352.344429999997</v>
      </c>
      <c r="O2793">
        <v>24571.544839999999</v>
      </c>
      <c r="P2793">
        <v>30401.58282</v>
      </c>
      <c r="Q2793">
        <v>92964.280939999997</v>
      </c>
      <c r="R2793">
        <v>18195.305349999999</v>
      </c>
      <c r="S2793">
        <v>97956.235230000006</v>
      </c>
      <c r="T2793">
        <v>25948.08987</v>
      </c>
      <c r="U2793">
        <v>22228.167000000001</v>
      </c>
      <c r="W2793" s="83">
        <f>Bühler!N2825</f>
        <v>45408.291666659898</v>
      </c>
      <c r="X2793" s="83">
        <v>43217.291666666664</v>
      </c>
      <c r="Y2793">
        <v>276036.42690000002</v>
      </c>
      <c r="Z2793">
        <v>23739.571459999999</v>
      </c>
      <c r="AA2793">
        <v>80756.90668</v>
      </c>
      <c r="AB2793">
        <v>48096.10153</v>
      </c>
      <c r="AC2793">
        <v>43414.2068</v>
      </c>
      <c r="AD2793">
        <v>36784.43316</v>
      </c>
      <c r="AE2793">
        <v>43017.122340000002</v>
      </c>
      <c r="AF2793">
        <v>51962.306479999999</v>
      </c>
      <c r="AG2793">
        <v>21128.271369999999</v>
      </c>
      <c r="AH2793">
        <v>336170.34179999999</v>
      </c>
      <c r="AI2793">
        <v>78352.344429999997</v>
      </c>
      <c r="AJ2793">
        <v>24571.544839999999</v>
      </c>
      <c r="AK2793">
        <v>30401.58282</v>
      </c>
      <c r="AL2793">
        <v>92964.280939999997</v>
      </c>
      <c r="AM2793">
        <v>18195.305349999999</v>
      </c>
      <c r="AN2793">
        <v>97956.235230000006</v>
      </c>
      <c r="AO2793">
        <v>25948.08987</v>
      </c>
      <c r="AP2793">
        <v>22228.167000000001</v>
      </c>
    </row>
    <row r="2794" spans="2:42" x14ac:dyDescent="0.3">
      <c r="B2794">
        <v>66.376910133762607</v>
      </c>
      <c r="C2794" s="83">
        <v>43217.333333333336</v>
      </c>
      <c r="D2794">
        <v>283064.4007</v>
      </c>
      <c r="E2794">
        <v>29543.55629</v>
      </c>
      <c r="F2794">
        <v>88458.857029999999</v>
      </c>
      <c r="G2794">
        <v>57065.598890000001</v>
      </c>
      <c r="H2794">
        <v>48089.447809999998</v>
      </c>
      <c r="I2794">
        <v>39279.286209999998</v>
      </c>
      <c r="J2794">
        <v>44179.949650000002</v>
      </c>
      <c r="K2794">
        <v>57523.538840000001</v>
      </c>
      <c r="L2794">
        <v>24326.806400000001</v>
      </c>
      <c r="M2794">
        <v>338420.44219999999</v>
      </c>
      <c r="N2794">
        <v>85407.391699999993</v>
      </c>
      <c r="O2794">
        <v>25931.597450000001</v>
      </c>
      <c r="P2794">
        <v>32417.844219999999</v>
      </c>
      <c r="Q2794">
        <v>94019.750629999995</v>
      </c>
      <c r="R2794">
        <v>21714.7516</v>
      </c>
      <c r="S2794">
        <v>110250.5937</v>
      </c>
      <c r="T2794">
        <v>28925.756290000001</v>
      </c>
      <c r="U2794">
        <v>24677.236120000001</v>
      </c>
      <c r="W2794" s="83">
        <f>Bühler!N2826</f>
        <v>45408.333333326562</v>
      </c>
      <c r="X2794" s="83">
        <v>43217.333333333336</v>
      </c>
      <c r="Y2794">
        <v>283064.4007</v>
      </c>
      <c r="Z2794">
        <v>29543.55629</v>
      </c>
      <c r="AA2794">
        <v>88458.857029999999</v>
      </c>
      <c r="AB2794">
        <v>57065.598890000001</v>
      </c>
      <c r="AC2794">
        <v>48089.447809999998</v>
      </c>
      <c r="AD2794">
        <v>39279.286209999998</v>
      </c>
      <c r="AE2794">
        <v>44179.949650000002</v>
      </c>
      <c r="AF2794">
        <v>57523.538840000001</v>
      </c>
      <c r="AG2794">
        <v>24326.806400000001</v>
      </c>
      <c r="AH2794">
        <v>338420.44219999999</v>
      </c>
      <c r="AI2794">
        <v>85407.391699999993</v>
      </c>
      <c r="AJ2794">
        <v>25931.597450000001</v>
      </c>
      <c r="AK2794">
        <v>32417.844219999999</v>
      </c>
      <c r="AL2794">
        <v>94019.750629999995</v>
      </c>
      <c r="AM2794">
        <v>21714.7516</v>
      </c>
      <c r="AN2794">
        <v>110250.5937</v>
      </c>
      <c r="AO2794">
        <v>28925.756290000001</v>
      </c>
      <c r="AP2794">
        <v>24677.236120000001</v>
      </c>
    </row>
    <row r="2795" spans="2:42" x14ac:dyDescent="0.3">
      <c r="B2795">
        <v>65.909199936212246</v>
      </c>
      <c r="C2795" s="83">
        <v>43217.375</v>
      </c>
      <c r="D2795">
        <v>285753.57059999998</v>
      </c>
      <c r="E2795">
        <v>33611.965810000002</v>
      </c>
      <c r="F2795">
        <v>94430.568400000004</v>
      </c>
      <c r="G2795">
        <v>61748.171589999998</v>
      </c>
      <c r="H2795">
        <v>50185.485079999999</v>
      </c>
      <c r="I2795">
        <v>37590.384209999997</v>
      </c>
      <c r="J2795">
        <v>45139.984819999998</v>
      </c>
      <c r="K2795">
        <v>60068.01238</v>
      </c>
      <c r="L2795">
        <v>27467.8145</v>
      </c>
      <c r="M2795">
        <v>336035.83750000002</v>
      </c>
      <c r="N2795">
        <v>87602.867970000007</v>
      </c>
      <c r="O2795">
        <v>26455.181799999998</v>
      </c>
      <c r="P2795">
        <v>34409.38321</v>
      </c>
      <c r="Q2795">
        <v>94257.668810000003</v>
      </c>
      <c r="R2795">
        <v>22352.898379999999</v>
      </c>
      <c r="S2795">
        <v>114508.77099999999</v>
      </c>
      <c r="T2795">
        <v>31186.96442</v>
      </c>
      <c r="U2795">
        <v>24496.81408</v>
      </c>
      <c r="W2795" s="83">
        <f>Bühler!N2827</f>
        <v>45408.374999993226</v>
      </c>
      <c r="X2795" s="83">
        <v>43217.375</v>
      </c>
      <c r="Y2795">
        <v>285753.57059999998</v>
      </c>
      <c r="Z2795">
        <v>33611.965810000002</v>
      </c>
      <c r="AA2795">
        <v>94430.568400000004</v>
      </c>
      <c r="AB2795">
        <v>61748.171589999998</v>
      </c>
      <c r="AC2795">
        <v>50185.485079999999</v>
      </c>
      <c r="AD2795">
        <v>37590.384209999997</v>
      </c>
      <c r="AE2795">
        <v>45139.984819999998</v>
      </c>
      <c r="AF2795">
        <v>60068.01238</v>
      </c>
      <c r="AG2795">
        <v>27467.8145</v>
      </c>
      <c r="AH2795">
        <v>336035.83750000002</v>
      </c>
      <c r="AI2795">
        <v>87602.867970000007</v>
      </c>
      <c r="AJ2795">
        <v>26455.181799999998</v>
      </c>
      <c r="AK2795">
        <v>34409.38321</v>
      </c>
      <c r="AL2795">
        <v>94257.668810000003</v>
      </c>
      <c r="AM2795">
        <v>22352.898379999999</v>
      </c>
      <c r="AN2795">
        <v>114508.77099999999</v>
      </c>
      <c r="AO2795">
        <v>31186.96442</v>
      </c>
      <c r="AP2795">
        <v>24496.81408</v>
      </c>
    </row>
    <row r="2796" spans="2:42" x14ac:dyDescent="0.3">
      <c r="B2796">
        <v>65.417574468495886</v>
      </c>
      <c r="C2796" s="83">
        <v>43217.416666666664</v>
      </c>
      <c r="D2796">
        <v>286025.37030000001</v>
      </c>
      <c r="E2796">
        <v>34826.442609999998</v>
      </c>
      <c r="F2796">
        <v>94807.519310000003</v>
      </c>
      <c r="G2796">
        <v>63467.86522</v>
      </c>
      <c r="H2796">
        <v>50300.65423</v>
      </c>
      <c r="I2796">
        <v>35889.725100000003</v>
      </c>
      <c r="J2796">
        <v>45053.66663</v>
      </c>
      <c r="K2796">
        <v>62041.658130000003</v>
      </c>
      <c r="L2796">
        <v>30372.036840000001</v>
      </c>
      <c r="M2796">
        <v>333529.30160000001</v>
      </c>
      <c r="N2796">
        <v>88333.323329999999</v>
      </c>
      <c r="O2796">
        <v>27455.991559999999</v>
      </c>
      <c r="P2796">
        <v>35040.161599999999</v>
      </c>
      <c r="Q2796">
        <v>94762.978199999998</v>
      </c>
      <c r="R2796">
        <v>24013.250960000001</v>
      </c>
      <c r="S2796">
        <v>116377.1823</v>
      </c>
      <c r="T2796">
        <v>33727.812610000001</v>
      </c>
      <c r="U2796">
        <v>23925.72235</v>
      </c>
      <c r="W2796" s="83">
        <f>Bühler!N2828</f>
        <v>45408.41666665989</v>
      </c>
      <c r="X2796" s="83">
        <v>43217.416666666664</v>
      </c>
      <c r="Y2796">
        <v>286025.37030000001</v>
      </c>
      <c r="Z2796">
        <v>34826.442609999998</v>
      </c>
      <c r="AA2796">
        <v>94807.519310000003</v>
      </c>
      <c r="AB2796">
        <v>63467.86522</v>
      </c>
      <c r="AC2796">
        <v>50300.65423</v>
      </c>
      <c r="AD2796">
        <v>35889.725100000003</v>
      </c>
      <c r="AE2796">
        <v>45053.66663</v>
      </c>
      <c r="AF2796">
        <v>62041.658130000003</v>
      </c>
      <c r="AG2796">
        <v>30372.036840000001</v>
      </c>
      <c r="AH2796">
        <v>333529.30160000001</v>
      </c>
      <c r="AI2796">
        <v>88333.323329999999</v>
      </c>
      <c r="AJ2796">
        <v>27455.991559999999</v>
      </c>
      <c r="AK2796">
        <v>35040.161599999999</v>
      </c>
      <c r="AL2796">
        <v>94762.978199999998</v>
      </c>
      <c r="AM2796">
        <v>24013.250960000001</v>
      </c>
      <c r="AN2796">
        <v>116377.1823</v>
      </c>
      <c r="AO2796">
        <v>33727.812610000001</v>
      </c>
      <c r="AP2796">
        <v>23925.72235</v>
      </c>
    </row>
    <row r="2797" spans="2:42" x14ac:dyDescent="0.3">
      <c r="B2797">
        <v>65.769290215885164</v>
      </c>
      <c r="C2797" s="83">
        <v>43217.458333333336</v>
      </c>
      <c r="D2797">
        <v>284016.14720000001</v>
      </c>
      <c r="E2797">
        <v>34430.445090000001</v>
      </c>
      <c r="F2797">
        <v>94995.548479999998</v>
      </c>
      <c r="G2797">
        <v>61732.927819999997</v>
      </c>
      <c r="H2797">
        <v>50165.767760000002</v>
      </c>
      <c r="I2797">
        <v>34612.538330000003</v>
      </c>
      <c r="J2797">
        <v>44235.690150000002</v>
      </c>
      <c r="K2797">
        <v>61707.626020000003</v>
      </c>
      <c r="L2797">
        <v>31686.584169999998</v>
      </c>
      <c r="M2797">
        <v>335322.51250000001</v>
      </c>
      <c r="N2797">
        <v>88308.553230000005</v>
      </c>
      <c r="O2797">
        <v>27211.91793</v>
      </c>
      <c r="P2797">
        <v>34203.405760000001</v>
      </c>
      <c r="Q2797">
        <v>94887.02248</v>
      </c>
      <c r="R2797">
        <v>25831.590700000001</v>
      </c>
      <c r="S2797">
        <v>116716.2493</v>
      </c>
      <c r="T2797">
        <v>32627.904699999999</v>
      </c>
      <c r="U2797">
        <v>23431.70622</v>
      </c>
      <c r="W2797" s="83">
        <f>Bühler!N2829</f>
        <v>45408.458333326555</v>
      </c>
      <c r="X2797" s="83">
        <v>43217.458333333336</v>
      </c>
      <c r="Y2797">
        <v>284016.14720000001</v>
      </c>
      <c r="Z2797">
        <v>34430.445090000001</v>
      </c>
      <c r="AA2797">
        <v>94995.548479999998</v>
      </c>
      <c r="AB2797">
        <v>61732.927819999997</v>
      </c>
      <c r="AC2797">
        <v>50165.767760000002</v>
      </c>
      <c r="AD2797">
        <v>34612.538330000003</v>
      </c>
      <c r="AE2797">
        <v>44235.690150000002</v>
      </c>
      <c r="AF2797">
        <v>61707.626020000003</v>
      </c>
      <c r="AG2797">
        <v>31686.584169999998</v>
      </c>
      <c r="AH2797">
        <v>335322.51250000001</v>
      </c>
      <c r="AI2797">
        <v>88308.553230000005</v>
      </c>
      <c r="AJ2797">
        <v>27211.91793</v>
      </c>
      <c r="AK2797">
        <v>34203.405760000001</v>
      </c>
      <c r="AL2797">
        <v>94887.02248</v>
      </c>
      <c r="AM2797">
        <v>25831.590700000001</v>
      </c>
      <c r="AN2797">
        <v>116716.2493</v>
      </c>
      <c r="AO2797">
        <v>32627.904699999999</v>
      </c>
      <c r="AP2797">
        <v>23431.70622</v>
      </c>
    </row>
    <row r="2798" spans="2:42" x14ac:dyDescent="0.3">
      <c r="B2798">
        <v>65.664339753508514</v>
      </c>
      <c r="C2798" s="83">
        <v>43217.5</v>
      </c>
      <c r="D2798">
        <v>270598.18229999999</v>
      </c>
      <c r="E2798">
        <v>30700.879939999999</v>
      </c>
      <c r="F2798">
        <v>93442.506450000001</v>
      </c>
      <c r="G2798">
        <v>60057.900029999997</v>
      </c>
      <c r="H2798">
        <v>47582.957150000002</v>
      </c>
      <c r="I2798">
        <v>33818.194239999997</v>
      </c>
      <c r="J2798">
        <v>44429.484989999997</v>
      </c>
      <c r="K2798">
        <v>58709.766029999999</v>
      </c>
      <c r="L2798">
        <v>34014.156719999999</v>
      </c>
      <c r="M2798">
        <v>334787.42609999998</v>
      </c>
      <c r="N2798">
        <v>86526.282949999993</v>
      </c>
      <c r="O2798">
        <v>26557.942029999998</v>
      </c>
      <c r="P2798">
        <v>34225.055</v>
      </c>
      <c r="Q2798">
        <v>93419.068109999993</v>
      </c>
      <c r="R2798">
        <v>24802.696889999999</v>
      </c>
      <c r="S2798">
        <v>109834.9466</v>
      </c>
      <c r="T2798">
        <v>31751.891199999998</v>
      </c>
      <c r="U2798">
        <v>19174.772830000002</v>
      </c>
      <c r="W2798" s="83">
        <f>Bühler!N2830</f>
        <v>45408.499999993219</v>
      </c>
      <c r="X2798" s="83">
        <v>43217.5</v>
      </c>
      <c r="Y2798">
        <v>270598.18229999999</v>
      </c>
      <c r="Z2798">
        <v>30700.879939999999</v>
      </c>
      <c r="AA2798">
        <v>93442.506450000001</v>
      </c>
      <c r="AB2798">
        <v>60057.900029999997</v>
      </c>
      <c r="AC2798">
        <v>47582.957150000002</v>
      </c>
      <c r="AD2798">
        <v>33818.194239999997</v>
      </c>
      <c r="AE2798">
        <v>44429.484989999997</v>
      </c>
      <c r="AF2798">
        <v>58709.766029999999</v>
      </c>
      <c r="AG2798">
        <v>34014.156719999999</v>
      </c>
      <c r="AH2798">
        <v>334787.42609999998</v>
      </c>
      <c r="AI2798">
        <v>86526.282949999993</v>
      </c>
      <c r="AJ2798">
        <v>26557.942029999998</v>
      </c>
      <c r="AK2798">
        <v>34225.055</v>
      </c>
      <c r="AL2798">
        <v>93419.068109999993</v>
      </c>
      <c r="AM2798">
        <v>24802.696889999999</v>
      </c>
      <c r="AN2798">
        <v>109834.9466</v>
      </c>
      <c r="AO2798">
        <v>31751.891199999998</v>
      </c>
      <c r="AP2798">
        <v>19174.772830000002</v>
      </c>
    </row>
    <row r="2799" spans="2:42" x14ac:dyDescent="0.3">
      <c r="B2799">
        <v>65.363120622696144</v>
      </c>
      <c r="C2799" s="83">
        <v>43217.541666666664</v>
      </c>
      <c r="D2799">
        <v>269796.37089999998</v>
      </c>
      <c r="E2799">
        <v>31021.406470000002</v>
      </c>
      <c r="F2799">
        <v>92847.304699999993</v>
      </c>
      <c r="G2799">
        <v>57764.956939999996</v>
      </c>
      <c r="H2799">
        <v>47774.827210000003</v>
      </c>
      <c r="I2799">
        <v>33381.275159999997</v>
      </c>
      <c r="J2799">
        <v>43432.08051</v>
      </c>
      <c r="K2799">
        <v>60831.84792</v>
      </c>
      <c r="L2799">
        <v>32160.405569999999</v>
      </c>
      <c r="M2799">
        <v>333251.67050000001</v>
      </c>
      <c r="N2799">
        <v>85883.635829999999</v>
      </c>
      <c r="O2799">
        <v>26139.680390000001</v>
      </c>
      <c r="P2799">
        <v>34374.58769</v>
      </c>
      <c r="Q2799">
        <v>91556.993319999994</v>
      </c>
      <c r="R2799">
        <v>24231.87197</v>
      </c>
      <c r="S2799">
        <v>109994.4758</v>
      </c>
      <c r="T2799">
        <v>31499.45148</v>
      </c>
      <c r="U2799">
        <v>19884.821650000002</v>
      </c>
      <c r="W2799" s="83">
        <f>Bühler!N2831</f>
        <v>45408.541666659883</v>
      </c>
      <c r="X2799" s="83">
        <v>43217.541666666664</v>
      </c>
      <c r="Y2799">
        <v>269796.37089999998</v>
      </c>
      <c r="Z2799">
        <v>31021.406470000002</v>
      </c>
      <c r="AA2799">
        <v>92847.304699999993</v>
      </c>
      <c r="AB2799">
        <v>57764.956939999996</v>
      </c>
      <c r="AC2799">
        <v>47774.827210000003</v>
      </c>
      <c r="AD2799">
        <v>33381.275159999997</v>
      </c>
      <c r="AE2799">
        <v>43432.08051</v>
      </c>
      <c r="AF2799">
        <v>60831.84792</v>
      </c>
      <c r="AG2799">
        <v>32160.405569999999</v>
      </c>
      <c r="AH2799">
        <v>333251.67050000001</v>
      </c>
      <c r="AI2799">
        <v>85883.635829999999</v>
      </c>
      <c r="AJ2799">
        <v>26139.680390000001</v>
      </c>
      <c r="AK2799">
        <v>34374.58769</v>
      </c>
      <c r="AL2799">
        <v>91556.993319999994</v>
      </c>
      <c r="AM2799">
        <v>24231.87197</v>
      </c>
      <c r="AN2799">
        <v>109994.4758</v>
      </c>
      <c r="AO2799">
        <v>31499.45148</v>
      </c>
      <c r="AP2799">
        <v>19884.821650000002</v>
      </c>
    </row>
    <row r="2800" spans="2:42" x14ac:dyDescent="0.3">
      <c r="B2800">
        <v>65.426503722304105</v>
      </c>
      <c r="C2800" s="83">
        <v>43217.583333333336</v>
      </c>
      <c r="D2800">
        <v>269688.88449999999</v>
      </c>
      <c r="E2800">
        <v>33638.256659999999</v>
      </c>
      <c r="F2800">
        <v>93665.542979999998</v>
      </c>
      <c r="G2800">
        <v>54332.49553</v>
      </c>
      <c r="H2800">
        <v>47407.261449999998</v>
      </c>
      <c r="I2800">
        <v>33760.582829999999</v>
      </c>
      <c r="J2800">
        <v>42373.069799999997</v>
      </c>
      <c r="K2800">
        <v>61123.667029999997</v>
      </c>
      <c r="L2800">
        <v>29222.49984</v>
      </c>
      <c r="M2800">
        <v>333574.82709999999</v>
      </c>
      <c r="N2800">
        <v>84815.841190000006</v>
      </c>
      <c r="O2800">
        <v>26378.651549999999</v>
      </c>
      <c r="P2800">
        <v>30201.501390000001</v>
      </c>
      <c r="Q2800">
        <v>90223.136689999999</v>
      </c>
      <c r="R2800">
        <v>24286.011259999999</v>
      </c>
      <c r="S2800">
        <v>105018.7536</v>
      </c>
      <c r="T2800">
        <v>30932.32675</v>
      </c>
      <c r="U2800">
        <v>20959.036230000002</v>
      </c>
      <c r="W2800" s="83">
        <f>Bühler!N2832</f>
        <v>45408.583333326547</v>
      </c>
      <c r="X2800" s="83">
        <v>43217.583333333336</v>
      </c>
      <c r="Y2800">
        <v>269688.88449999999</v>
      </c>
      <c r="Z2800">
        <v>33638.256659999999</v>
      </c>
      <c r="AA2800">
        <v>93665.542979999998</v>
      </c>
      <c r="AB2800">
        <v>54332.49553</v>
      </c>
      <c r="AC2800">
        <v>47407.261449999998</v>
      </c>
      <c r="AD2800">
        <v>33760.582829999999</v>
      </c>
      <c r="AE2800">
        <v>42373.069799999997</v>
      </c>
      <c r="AF2800">
        <v>61123.667029999997</v>
      </c>
      <c r="AG2800">
        <v>29222.49984</v>
      </c>
      <c r="AH2800">
        <v>333574.82709999999</v>
      </c>
      <c r="AI2800">
        <v>84815.841190000006</v>
      </c>
      <c r="AJ2800">
        <v>26378.651549999999</v>
      </c>
      <c r="AK2800">
        <v>30201.501390000001</v>
      </c>
      <c r="AL2800">
        <v>90223.136689999999</v>
      </c>
      <c r="AM2800">
        <v>24286.011259999999</v>
      </c>
      <c r="AN2800">
        <v>105018.7536</v>
      </c>
      <c r="AO2800">
        <v>30932.32675</v>
      </c>
      <c r="AP2800">
        <v>20959.036230000002</v>
      </c>
    </row>
    <row r="2801" spans="2:42" x14ac:dyDescent="0.3">
      <c r="B2801">
        <v>64.790772488123451</v>
      </c>
      <c r="C2801" s="83">
        <v>43217.625</v>
      </c>
      <c r="D2801">
        <v>266036.97529999999</v>
      </c>
      <c r="E2801">
        <v>33164.448929999999</v>
      </c>
      <c r="F2801">
        <v>94185.753169999996</v>
      </c>
      <c r="G2801">
        <v>51522.44556</v>
      </c>
      <c r="H2801">
        <v>45642.718509999999</v>
      </c>
      <c r="I2801">
        <v>33582.0406</v>
      </c>
      <c r="J2801">
        <v>41628.902069999996</v>
      </c>
      <c r="K2801">
        <v>59164.78095</v>
      </c>
      <c r="L2801">
        <v>26680.572960000001</v>
      </c>
      <c r="M2801">
        <v>330333.57280000002</v>
      </c>
      <c r="N2801">
        <v>83634.458870000002</v>
      </c>
      <c r="O2801">
        <v>25887.90986</v>
      </c>
      <c r="P2801">
        <v>28210.764299999999</v>
      </c>
      <c r="Q2801">
        <v>89488.312539999999</v>
      </c>
      <c r="R2801">
        <v>23793.77276</v>
      </c>
      <c r="S2801">
        <v>102346.6602</v>
      </c>
      <c r="T2801">
        <v>30880.131310000001</v>
      </c>
      <c r="U2801">
        <v>18757.568630000002</v>
      </c>
      <c r="W2801" s="83">
        <f>Bühler!N2833</f>
        <v>45408.624999993212</v>
      </c>
      <c r="X2801" s="83">
        <v>43217.625</v>
      </c>
      <c r="Y2801">
        <v>266036.97529999999</v>
      </c>
      <c r="Z2801">
        <v>33164.448929999999</v>
      </c>
      <c r="AA2801">
        <v>94185.753169999996</v>
      </c>
      <c r="AB2801">
        <v>51522.44556</v>
      </c>
      <c r="AC2801">
        <v>45642.718509999999</v>
      </c>
      <c r="AD2801">
        <v>33582.0406</v>
      </c>
      <c r="AE2801">
        <v>41628.902069999996</v>
      </c>
      <c r="AF2801">
        <v>59164.78095</v>
      </c>
      <c r="AG2801">
        <v>26680.572960000001</v>
      </c>
      <c r="AH2801">
        <v>330333.57280000002</v>
      </c>
      <c r="AI2801">
        <v>83634.458870000002</v>
      </c>
      <c r="AJ2801">
        <v>25887.90986</v>
      </c>
      <c r="AK2801">
        <v>28210.764299999999</v>
      </c>
      <c r="AL2801">
        <v>89488.312539999999</v>
      </c>
      <c r="AM2801">
        <v>23793.77276</v>
      </c>
      <c r="AN2801">
        <v>102346.6602</v>
      </c>
      <c r="AO2801">
        <v>30880.131310000001</v>
      </c>
      <c r="AP2801">
        <v>18757.568630000002</v>
      </c>
    </row>
    <row r="2802" spans="2:42" x14ac:dyDescent="0.3">
      <c r="B2802">
        <v>63.754788969602451</v>
      </c>
      <c r="C2802" s="83">
        <v>43217.666666666664</v>
      </c>
      <c r="D2802">
        <v>255077.78909999999</v>
      </c>
      <c r="E2802">
        <v>32069.550520000001</v>
      </c>
      <c r="F2802">
        <v>93289.155199999994</v>
      </c>
      <c r="G2802">
        <v>47615.211810000001</v>
      </c>
      <c r="H2802">
        <v>44213.804510000002</v>
      </c>
      <c r="I2802">
        <v>34720.352899999998</v>
      </c>
      <c r="J2802">
        <v>41191.279860000002</v>
      </c>
      <c r="K2802">
        <v>54481.840129999997</v>
      </c>
      <c r="L2802">
        <v>25583.492289999998</v>
      </c>
      <c r="M2802">
        <v>325051.64569999999</v>
      </c>
      <c r="N2802">
        <v>80497.836139999999</v>
      </c>
      <c r="O2802">
        <v>24561.41504</v>
      </c>
      <c r="P2802">
        <v>27759.450359999999</v>
      </c>
      <c r="Q2802">
        <v>88321.265769999998</v>
      </c>
      <c r="R2802">
        <v>23250.485000000001</v>
      </c>
      <c r="S2802">
        <v>99609.165510000006</v>
      </c>
      <c r="T2802">
        <v>30358.18376</v>
      </c>
      <c r="U2802">
        <v>17432.47523</v>
      </c>
      <c r="W2802" s="83">
        <f>Bühler!N2834</f>
        <v>45408.666666659876</v>
      </c>
      <c r="X2802" s="83">
        <v>43217.666666666664</v>
      </c>
      <c r="Y2802">
        <v>255077.78909999999</v>
      </c>
      <c r="Z2802">
        <v>32069.550520000001</v>
      </c>
      <c r="AA2802">
        <v>93289.155199999994</v>
      </c>
      <c r="AB2802">
        <v>47615.211810000001</v>
      </c>
      <c r="AC2802">
        <v>44213.804510000002</v>
      </c>
      <c r="AD2802">
        <v>34720.352899999998</v>
      </c>
      <c r="AE2802">
        <v>41191.279860000002</v>
      </c>
      <c r="AF2802">
        <v>54481.840129999997</v>
      </c>
      <c r="AG2802">
        <v>25583.492289999998</v>
      </c>
      <c r="AH2802">
        <v>325051.64569999999</v>
      </c>
      <c r="AI2802">
        <v>80497.836139999999</v>
      </c>
      <c r="AJ2802">
        <v>24561.41504</v>
      </c>
      <c r="AK2802">
        <v>27759.450359999999</v>
      </c>
      <c r="AL2802">
        <v>88321.265769999998</v>
      </c>
      <c r="AM2802">
        <v>23250.485000000001</v>
      </c>
      <c r="AN2802">
        <v>99609.165510000006</v>
      </c>
      <c r="AO2802">
        <v>30358.18376</v>
      </c>
      <c r="AP2802">
        <v>17432.47523</v>
      </c>
    </row>
    <row r="2803" spans="2:42" x14ac:dyDescent="0.3">
      <c r="B2803">
        <v>62.335848858050184</v>
      </c>
      <c r="C2803" s="83">
        <v>43217.708333333336</v>
      </c>
      <c r="D2803">
        <v>245365.72080000001</v>
      </c>
      <c r="E2803">
        <v>29915.054049999999</v>
      </c>
      <c r="F2803">
        <v>91813.748930000002</v>
      </c>
      <c r="G2803">
        <v>42652.6005</v>
      </c>
      <c r="H2803">
        <v>42403.667260000002</v>
      </c>
      <c r="I2803">
        <v>35005.438439999998</v>
      </c>
      <c r="J2803">
        <v>41278.620450000002</v>
      </c>
      <c r="K2803">
        <v>51247.020340000003</v>
      </c>
      <c r="L2803">
        <v>25876.4421</v>
      </c>
      <c r="M2803">
        <v>317817.22730000003</v>
      </c>
      <c r="N2803">
        <v>76978.966809999998</v>
      </c>
      <c r="O2803">
        <v>24385.982319999999</v>
      </c>
      <c r="P2803">
        <v>29274.713250000001</v>
      </c>
      <c r="Q2803">
        <v>86013.563599999994</v>
      </c>
      <c r="R2803">
        <v>23800.43881</v>
      </c>
      <c r="S2803">
        <v>96187.917140000005</v>
      </c>
      <c r="T2803">
        <v>29528.614539999999</v>
      </c>
      <c r="U2803">
        <v>15873.251979999999</v>
      </c>
      <c r="W2803" s="83">
        <f>Bühler!N2835</f>
        <v>45408.70833332654</v>
      </c>
      <c r="X2803" s="83">
        <v>43217.708333333336</v>
      </c>
      <c r="Y2803">
        <v>245365.72080000001</v>
      </c>
      <c r="Z2803">
        <v>29915.054049999999</v>
      </c>
      <c r="AA2803">
        <v>91813.748930000002</v>
      </c>
      <c r="AB2803">
        <v>42652.6005</v>
      </c>
      <c r="AC2803">
        <v>42403.667260000002</v>
      </c>
      <c r="AD2803">
        <v>35005.438439999998</v>
      </c>
      <c r="AE2803">
        <v>41278.620450000002</v>
      </c>
      <c r="AF2803">
        <v>51247.020340000003</v>
      </c>
      <c r="AG2803">
        <v>25876.4421</v>
      </c>
      <c r="AH2803">
        <v>317817.22730000003</v>
      </c>
      <c r="AI2803">
        <v>76978.966809999998</v>
      </c>
      <c r="AJ2803">
        <v>24385.982319999999</v>
      </c>
      <c r="AK2803">
        <v>29274.713250000001</v>
      </c>
      <c r="AL2803">
        <v>86013.563599999994</v>
      </c>
      <c r="AM2803">
        <v>23800.43881</v>
      </c>
      <c r="AN2803">
        <v>96187.917140000005</v>
      </c>
      <c r="AO2803">
        <v>29528.614539999999</v>
      </c>
      <c r="AP2803">
        <v>15873.251979999999</v>
      </c>
    </row>
    <row r="2804" spans="2:42" x14ac:dyDescent="0.3">
      <c r="B2804">
        <v>61.08145944542008</v>
      </c>
      <c r="C2804" s="83">
        <v>43217.75</v>
      </c>
      <c r="D2804">
        <v>237676.51939999999</v>
      </c>
      <c r="E2804">
        <v>27307.62113</v>
      </c>
      <c r="F2804">
        <v>90262.70362</v>
      </c>
      <c r="G2804">
        <v>39019.269890000003</v>
      </c>
      <c r="H2804">
        <v>40415.78572</v>
      </c>
      <c r="I2804">
        <v>33505.130830000002</v>
      </c>
      <c r="J2804">
        <v>40997.230600000003</v>
      </c>
      <c r="K2804">
        <v>50145.917159999997</v>
      </c>
      <c r="L2804">
        <v>27256.005160000001</v>
      </c>
      <c r="M2804">
        <v>311421.76510000002</v>
      </c>
      <c r="N2804">
        <v>75072.611780000007</v>
      </c>
      <c r="O2804">
        <v>23477.317579999999</v>
      </c>
      <c r="P2804">
        <v>31501.20148</v>
      </c>
      <c r="Q2804">
        <v>84023.063779999997</v>
      </c>
      <c r="R2804">
        <v>21753.700290000001</v>
      </c>
      <c r="S2804">
        <v>91330.513340000005</v>
      </c>
      <c r="T2804">
        <v>29850.465550000001</v>
      </c>
      <c r="U2804">
        <v>15239.91872</v>
      </c>
      <c r="W2804" s="83">
        <f>Bühler!N2836</f>
        <v>45408.749999993204</v>
      </c>
      <c r="X2804" s="83">
        <v>43217.75</v>
      </c>
      <c r="Y2804">
        <v>237676.51939999999</v>
      </c>
      <c r="Z2804">
        <v>27307.62113</v>
      </c>
      <c r="AA2804">
        <v>90262.70362</v>
      </c>
      <c r="AB2804">
        <v>39019.269890000003</v>
      </c>
      <c r="AC2804">
        <v>40415.78572</v>
      </c>
      <c r="AD2804">
        <v>33505.130830000002</v>
      </c>
      <c r="AE2804">
        <v>40997.230600000003</v>
      </c>
      <c r="AF2804">
        <v>50145.917159999997</v>
      </c>
      <c r="AG2804">
        <v>27256.005160000001</v>
      </c>
      <c r="AH2804">
        <v>311421.76510000002</v>
      </c>
      <c r="AI2804">
        <v>75072.611780000007</v>
      </c>
      <c r="AJ2804">
        <v>23477.317579999999</v>
      </c>
      <c r="AK2804">
        <v>31501.20148</v>
      </c>
      <c r="AL2804">
        <v>84023.063779999997</v>
      </c>
      <c r="AM2804">
        <v>21753.700290000001</v>
      </c>
      <c r="AN2804">
        <v>91330.513340000005</v>
      </c>
      <c r="AO2804">
        <v>29850.465550000001</v>
      </c>
      <c r="AP2804">
        <v>15239.91872</v>
      </c>
    </row>
    <row r="2805" spans="2:42" x14ac:dyDescent="0.3">
      <c r="B2805">
        <v>59.45290539737762</v>
      </c>
      <c r="C2805" s="83">
        <v>43217.791666666664</v>
      </c>
      <c r="D2805">
        <v>228876.73360000001</v>
      </c>
      <c r="E2805">
        <v>22168.19774</v>
      </c>
      <c r="F2805">
        <v>79373.706019999998</v>
      </c>
      <c r="G2805">
        <v>36641.909189999998</v>
      </c>
      <c r="H2805">
        <v>38257.909910000002</v>
      </c>
      <c r="I2805">
        <v>30937.170030000001</v>
      </c>
      <c r="J2805">
        <v>40835.093249999998</v>
      </c>
      <c r="K2805">
        <v>48913.253429999997</v>
      </c>
      <c r="L2805">
        <v>28764.903869999998</v>
      </c>
      <c r="M2805">
        <v>303118.63709999999</v>
      </c>
      <c r="N2805">
        <v>74262.000260000001</v>
      </c>
      <c r="O2805">
        <v>21572.07461</v>
      </c>
      <c r="P2805">
        <v>33316.244749999998</v>
      </c>
      <c r="Q2805">
        <v>80722.245720000006</v>
      </c>
      <c r="R2805">
        <v>20505.378909999999</v>
      </c>
      <c r="S2805">
        <v>86748.937130000006</v>
      </c>
      <c r="T2805">
        <v>29510.615529999999</v>
      </c>
      <c r="U2805">
        <v>14475.23855</v>
      </c>
      <c r="W2805" s="83">
        <f>Bühler!N2837</f>
        <v>45408.791666659868</v>
      </c>
      <c r="X2805" s="83">
        <v>43217.791666666664</v>
      </c>
      <c r="Y2805">
        <v>228876.73360000001</v>
      </c>
      <c r="Z2805">
        <v>22168.19774</v>
      </c>
      <c r="AA2805">
        <v>79373.706019999998</v>
      </c>
      <c r="AB2805">
        <v>36641.909189999998</v>
      </c>
      <c r="AC2805">
        <v>38257.909910000002</v>
      </c>
      <c r="AD2805">
        <v>30937.170030000001</v>
      </c>
      <c r="AE2805">
        <v>40835.093249999998</v>
      </c>
      <c r="AF2805">
        <v>48913.253429999997</v>
      </c>
      <c r="AG2805">
        <v>28764.903869999998</v>
      </c>
      <c r="AH2805">
        <v>303118.63709999999</v>
      </c>
      <c r="AI2805">
        <v>74262.000260000001</v>
      </c>
      <c r="AJ2805">
        <v>21572.07461</v>
      </c>
      <c r="AK2805">
        <v>33316.244749999998</v>
      </c>
      <c r="AL2805">
        <v>80722.245720000006</v>
      </c>
      <c r="AM2805">
        <v>20505.378909999999</v>
      </c>
      <c r="AN2805">
        <v>86748.937130000006</v>
      </c>
      <c r="AO2805">
        <v>29510.615529999999</v>
      </c>
      <c r="AP2805">
        <v>14475.23855</v>
      </c>
    </row>
    <row r="2806" spans="2:42" x14ac:dyDescent="0.3">
      <c r="B2806">
        <v>57.392395433126204</v>
      </c>
      <c r="C2806" s="83">
        <v>43217.833333333336</v>
      </c>
      <c r="D2806">
        <v>220822.9289</v>
      </c>
      <c r="E2806">
        <v>16923.887900000002</v>
      </c>
      <c r="F2806">
        <v>61470.928079999998</v>
      </c>
      <c r="G2806">
        <v>35416.18146</v>
      </c>
      <c r="H2806">
        <v>36766.208310000002</v>
      </c>
      <c r="I2806">
        <v>27249.564399999999</v>
      </c>
      <c r="J2806">
        <v>40731.822749999999</v>
      </c>
      <c r="K2806">
        <v>48411.560019999997</v>
      </c>
      <c r="L2806">
        <v>28940.768830000001</v>
      </c>
      <c r="M2806">
        <v>292613.19640000002</v>
      </c>
      <c r="N2806">
        <v>72172.547229999996</v>
      </c>
      <c r="O2806">
        <v>20380.245940000001</v>
      </c>
      <c r="P2806">
        <v>34689.263200000001</v>
      </c>
      <c r="Q2806">
        <v>77136.30949</v>
      </c>
      <c r="R2806">
        <v>19873.526750000001</v>
      </c>
      <c r="S2806">
        <v>80677.859800000006</v>
      </c>
      <c r="T2806">
        <v>29048.87427</v>
      </c>
      <c r="U2806">
        <v>13963.147220000001</v>
      </c>
      <c r="W2806" s="83">
        <f>Bühler!N2838</f>
        <v>45408.833333326533</v>
      </c>
      <c r="X2806" s="83">
        <v>43217.833333333336</v>
      </c>
      <c r="Y2806">
        <v>220822.9289</v>
      </c>
      <c r="Z2806">
        <v>16923.887900000002</v>
      </c>
      <c r="AA2806">
        <v>61470.928079999998</v>
      </c>
      <c r="AB2806">
        <v>35416.18146</v>
      </c>
      <c r="AC2806">
        <v>36766.208310000002</v>
      </c>
      <c r="AD2806">
        <v>27249.564399999999</v>
      </c>
      <c r="AE2806">
        <v>40731.822749999999</v>
      </c>
      <c r="AF2806">
        <v>48411.560019999997</v>
      </c>
      <c r="AG2806">
        <v>28940.768830000001</v>
      </c>
      <c r="AH2806">
        <v>292613.19640000002</v>
      </c>
      <c r="AI2806">
        <v>72172.547229999996</v>
      </c>
      <c r="AJ2806">
        <v>20380.245940000001</v>
      </c>
      <c r="AK2806">
        <v>34689.263200000001</v>
      </c>
      <c r="AL2806">
        <v>77136.30949</v>
      </c>
      <c r="AM2806">
        <v>19873.526750000001</v>
      </c>
      <c r="AN2806">
        <v>80677.859800000006</v>
      </c>
      <c r="AO2806">
        <v>29048.87427</v>
      </c>
      <c r="AP2806">
        <v>13963.147220000001</v>
      </c>
    </row>
    <row r="2807" spans="2:42" x14ac:dyDescent="0.3">
      <c r="B2807">
        <v>56.150612988099496</v>
      </c>
      <c r="C2807" s="83">
        <v>43217.875</v>
      </c>
      <c r="D2807">
        <v>215138.48120000001</v>
      </c>
      <c r="E2807">
        <v>14685.992749999999</v>
      </c>
      <c r="F2807">
        <v>53592.712010000003</v>
      </c>
      <c r="G2807">
        <v>35294.584649999997</v>
      </c>
      <c r="H2807">
        <v>36837.915999999997</v>
      </c>
      <c r="I2807">
        <v>24771.93417</v>
      </c>
      <c r="J2807">
        <v>41485.09489</v>
      </c>
      <c r="K2807">
        <v>48536.473760000001</v>
      </c>
      <c r="L2807">
        <v>28306.927060000002</v>
      </c>
      <c r="M2807">
        <v>286282.01040000003</v>
      </c>
      <c r="N2807">
        <v>71903.059640000007</v>
      </c>
      <c r="O2807">
        <v>19884.76094</v>
      </c>
      <c r="P2807">
        <v>32950.29679</v>
      </c>
      <c r="Q2807">
        <v>74154.565040000001</v>
      </c>
      <c r="R2807">
        <v>19397.984769999999</v>
      </c>
      <c r="S2807">
        <v>78350.858470000006</v>
      </c>
      <c r="T2807">
        <v>27654.374800000001</v>
      </c>
      <c r="U2807">
        <v>14226.19922</v>
      </c>
      <c r="W2807" s="83">
        <f>Bühler!N2839</f>
        <v>45408.874999993197</v>
      </c>
      <c r="X2807" s="83">
        <v>43217.875</v>
      </c>
      <c r="Y2807">
        <v>215138.48120000001</v>
      </c>
      <c r="Z2807">
        <v>14685.992749999999</v>
      </c>
      <c r="AA2807">
        <v>53592.712010000003</v>
      </c>
      <c r="AB2807">
        <v>35294.584649999997</v>
      </c>
      <c r="AC2807">
        <v>36837.915999999997</v>
      </c>
      <c r="AD2807">
        <v>24771.93417</v>
      </c>
      <c r="AE2807">
        <v>41485.09489</v>
      </c>
      <c r="AF2807">
        <v>48536.473760000001</v>
      </c>
      <c r="AG2807">
        <v>28306.927060000002</v>
      </c>
      <c r="AH2807">
        <v>286282.01040000003</v>
      </c>
      <c r="AI2807">
        <v>71903.059640000007</v>
      </c>
      <c r="AJ2807">
        <v>19884.76094</v>
      </c>
      <c r="AK2807">
        <v>32950.29679</v>
      </c>
      <c r="AL2807">
        <v>74154.565040000001</v>
      </c>
      <c r="AM2807">
        <v>19397.984769999999</v>
      </c>
      <c r="AN2807">
        <v>78350.858470000006</v>
      </c>
      <c r="AO2807">
        <v>27654.374800000001</v>
      </c>
      <c r="AP2807">
        <v>14226.19922</v>
      </c>
    </row>
    <row r="2808" spans="2:42" x14ac:dyDescent="0.3">
      <c r="B2808">
        <v>55.225768969576194</v>
      </c>
      <c r="C2808" s="83">
        <v>43217.916666666664</v>
      </c>
      <c r="D2808">
        <v>212619.65090000001</v>
      </c>
      <c r="E2808">
        <v>13766.49278</v>
      </c>
      <c r="F2808">
        <v>50686.090129999997</v>
      </c>
      <c r="G2808">
        <v>34379.050239999997</v>
      </c>
      <c r="H2808">
        <v>36023.210059999998</v>
      </c>
      <c r="I2808">
        <v>23102.79538</v>
      </c>
      <c r="J2808">
        <v>40527.357129999997</v>
      </c>
      <c r="K2808">
        <v>52103.090170000003</v>
      </c>
      <c r="L2808">
        <v>25852.279480000001</v>
      </c>
      <c r="M2808">
        <v>281566.7243</v>
      </c>
      <c r="N2808">
        <v>70927.691409999999</v>
      </c>
      <c r="O2808">
        <v>20026.041590000001</v>
      </c>
      <c r="P2808">
        <v>35112.186730000001</v>
      </c>
      <c r="Q2808">
        <v>72753.095669999995</v>
      </c>
      <c r="R2808">
        <v>21300.600539999999</v>
      </c>
      <c r="S2808">
        <v>76961.681819999998</v>
      </c>
      <c r="T2808">
        <v>24703.126100000001</v>
      </c>
      <c r="U2808">
        <v>14517.08584</v>
      </c>
      <c r="W2808" s="83">
        <f>Bühler!N2840</f>
        <v>45408.916666659861</v>
      </c>
      <c r="X2808" s="83">
        <v>43217.916666666664</v>
      </c>
      <c r="Y2808">
        <v>212619.65090000001</v>
      </c>
      <c r="Z2808">
        <v>13766.49278</v>
      </c>
      <c r="AA2808">
        <v>50686.090129999997</v>
      </c>
      <c r="AB2808">
        <v>34379.050239999997</v>
      </c>
      <c r="AC2808">
        <v>36023.210059999998</v>
      </c>
      <c r="AD2808">
        <v>23102.79538</v>
      </c>
      <c r="AE2808">
        <v>40527.357129999997</v>
      </c>
      <c r="AF2808">
        <v>52103.090170000003</v>
      </c>
      <c r="AG2808">
        <v>25852.279480000001</v>
      </c>
      <c r="AH2808">
        <v>281566.7243</v>
      </c>
      <c r="AI2808">
        <v>70927.691409999999</v>
      </c>
      <c r="AJ2808">
        <v>20026.041590000001</v>
      </c>
      <c r="AK2808">
        <v>35112.186730000001</v>
      </c>
      <c r="AL2808">
        <v>72753.095669999995</v>
      </c>
      <c r="AM2808">
        <v>21300.600539999999</v>
      </c>
      <c r="AN2808">
        <v>76961.681819999998</v>
      </c>
      <c r="AO2808">
        <v>24703.126100000001</v>
      </c>
      <c r="AP2808">
        <v>14517.08584</v>
      </c>
    </row>
    <row r="2809" spans="2:42" x14ac:dyDescent="0.3">
      <c r="B2809">
        <v>49.250576910484369</v>
      </c>
      <c r="C2809" s="83">
        <v>43217.958333333336</v>
      </c>
      <c r="D2809">
        <v>210912.10810000001</v>
      </c>
      <c r="E2809">
        <v>12947.489229999999</v>
      </c>
      <c r="F2809">
        <v>49603.546560000003</v>
      </c>
      <c r="G2809">
        <v>34292.280050000001</v>
      </c>
      <c r="H2809">
        <v>35089.548009999999</v>
      </c>
      <c r="I2809">
        <v>22035.12703</v>
      </c>
      <c r="J2809">
        <v>37583.936220000003</v>
      </c>
      <c r="K2809">
        <v>51526.598980000002</v>
      </c>
      <c r="L2809">
        <v>22154.363120000002</v>
      </c>
      <c r="M2809">
        <v>251102.4087</v>
      </c>
      <c r="N2809">
        <v>70372.583299999998</v>
      </c>
      <c r="O2809">
        <v>18779.41877</v>
      </c>
      <c r="P2809">
        <v>30155.841410000001</v>
      </c>
      <c r="Q2809">
        <v>70893.473110000006</v>
      </c>
      <c r="R2809">
        <v>21264.60817</v>
      </c>
      <c r="S2809">
        <v>75194.71183</v>
      </c>
      <c r="T2809">
        <v>21869.454959999999</v>
      </c>
      <c r="U2809">
        <v>13824.816870000001</v>
      </c>
      <c r="W2809" s="83">
        <f>Bühler!N2841</f>
        <v>45408.958333326525</v>
      </c>
      <c r="X2809" s="83">
        <v>43217.958333333336</v>
      </c>
      <c r="Y2809">
        <v>210912.10810000001</v>
      </c>
      <c r="Z2809">
        <v>12947.489229999999</v>
      </c>
      <c r="AA2809">
        <v>49603.546560000003</v>
      </c>
      <c r="AB2809">
        <v>34292.280050000001</v>
      </c>
      <c r="AC2809">
        <v>35089.548009999999</v>
      </c>
      <c r="AD2809">
        <v>22035.12703</v>
      </c>
      <c r="AE2809">
        <v>37583.936220000003</v>
      </c>
      <c r="AF2809">
        <v>51526.598980000002</v>
      </c>
      <c r="AG2809">
        <v>22154.363120000002</v>
      </c>
      <c r="AH2809">
        <v>251102.4087</v>
      </c>
      <c r="AI2809">
        <v>70372.583299999998</v>
      </c>
      <c r="AJ2809">
        <v>18779.41877</v>
      </c>
      <c r="AK2809">
        <v>30155.841410000001</v>
      </c>
      <c r="AL2809">
        <v>70893.473110000006</v>
      </c>
      <c r="AM2809">
        <v>21264.60817</v>
      </c>
      <c r="AN2809">
        <v>75194.71183</v>
      </c>
      <c r="AO2809">
        <v>21869.454959999999</v>
      </c>
      <c r="AP2809">
        <v>13824.816870000001</v>
      </c>
    </row>
    <row r="2810" spans="2:42" x14ac:dyDescent="0.3">
      <c r="B2810">
        <v>46.525052121657389</v>
      </c>
      <c r="C2810" s="83">
        <v>43218</v>
      </c>
      <c r="D2810">
        <v>207939.43049999999</v>
      </c>
      <c r="E2810">
        <v>12565.56885</v>
      </c>
      <c r="F2810">
        <v>48540.814899999998</v>
      </c>
      <c r="G2810">
        <v>33834.309370000003</v>
      </c>
      <c r="H2810">
        <v>34540.176330000002</v>
      </c>
      <c r="I2810">
        <v>20784.87429</v>
      </c>
      <c r="J2810">
        <v>35371.91186</v>
      </c>
      <c r="K2810">
        <v>50658.224770000001</v>
      </c>
      <c r="L2810">
        <v>19080.697479999999</v>
      </c>
      <c r="M2810">
        <v>237206.4123</v>
      </c>
      <c r="N2810">
        <v>69151.635320000001</v>
      </c>
      <c r="O2810">
        <v>19082.22118</v>
      </c>
      <c r="P2810">
        <v>28029.155910000001</v>
      </c>
      <c r="Q2810">
        <v>68960.590240000005</v>
      </c>
      <c r="R2810">
        <v>17075.300190000002</v>
      </c>
      <c r="S2810">
        <v>73892.846319999997</v>
      </c>
      <c r="T2810">
        <v>21247.671569999999</v>
      </c>
      <c r="U2810">
        <v>12807.478440000001</v>
      </c>
      <c r="W2810" s="83">
        <f>Bühler!N2842</f>
        <v>45408.99999999319</v>
      </c>
      <c r="X2810" s="83">
        <v>43218</v>
      </c>
      <c r="Y2810">
        <v>207939.43049999999</v>
      </c>
      <c r="Z2810">
        <v>12565.56885</v>
      </c>
      <c r="AA2810">
        <v>48540.814899999998</v>
      </c>
      <c r="AB2810">
        <v>33834.309370000003</v>
      </c>
      <c r="AC2810">
        <v>34540.176330000002</v>
      </c>
      <c r="AD2810">
        <v>20784.87429</v>
      </c>
      <c r="AE2810">
        <v>35371.91186</v>
      </c>
      <c r="AF2810">
        <v>50658.224770000001</v>
      </c>
      <c r="AG2810">
        <v>19080.697479999999</v>
      </c>
      <c r="AH2810">
        <v>237206.4123</v>
      </c>
      <c r="AI2810">
        <v>69151.635320000001</v>
      </c>
      <c r="AJ2810">
        <v>19082.22118</v>
      </c>
      <c r="AK2810">
        <v>28029.155910000001</v>
      </c>
      <c r="AL2810">
        <v>68960.590240000005</v>
      </c>
      <c r="AM2810">
        <v>17075.300190000002</v>
      </c>
      <c r="AN2810">
        <v>73892.846319999997</v>
      </c>
      <c r="AO2810">
        <v>21247.671569999999</v>
      </c>
      <c r="AP2810">
        <v>12807.478440000001</v>
      </c>
    </row>
    <row r="2811" spans="2:42" x14ac:dyDescent="0.3">
      <c r="B2811">
        <v>44.880689319649704</v>
      </c>
      <c r="C2811" s="83">
        <v>43218.041666666664</v>
      </c>
      <c r="D2811">
        <v>202238.78469999999</v>
      </c>
      <c r="E2811">
        <v>12357.48955</v>
      </c>
      <c r="F2811">
        <v>48077.231509999998</v>
      </c>
      <c r="G2811">
        <v>33592.24136</v>
      </c>
      <c r="H2811">
        <v>33804.325129999997</v>
      </c>
      <c r="I2811">
        <v>17663.991679999999</v>
      </c>
      <c r="J2811">
        <v>34211.026720000002</v>
      </c>
      <c r="K2811">
        <v>47860.431449999996</v>
      </c>
      <c r="L2811">
        <v>17715.65653</v>
      </c>
      <c r="M2811">
        <v>228822.6839</v>
      </c>
      <c r="N2811">
        <v>67987.405350000001</v>
      </c>
      <c r="O2811">
        <v>18345.402730000002</v>
      </c>
      <c r="P2811">
        <v>26352.56842</v>
      </c>
      <c r="Q2811">
        <v>68276.102899999998</v>
      </c>
      <c r="R2811">
        <v>15823.877769999999</v>
      </c>
      <c r="S2811">
        <v>73052.404829999999</v>
      </c>
      <c r="T2811">
        <v>20342.605</v>
      </c>
      <c r="U2811">
        <v>13251.781859999999</v>
      </c>
      <c r="W2811" s="83">
        <f>Bühler!N2843</f>
        <v>45409.041666659854</v>
      </c>
      <c r="X2811" s="83">
        <v>43218.041666666664</v>
      </c>
      <c r="Y2811">
        <v>202238.78469999999</v>
      </c>
      <c r="Z2811">
        <v>12357.48955</v>
      </c>
      <c r="AA2811">
        <v>48077.231509999998</v>
      </c>
      <c r="AB2811">
        <v>33592.24136</v>
      </c>
      <c r="AC2811">
        <v>33804.325129999997</v>
      </c>
      <c r="AD2811">
        <v>17663.991679999999</v>
      </c>
      <c r="AE2811">
        <v>34211.026720000002</v>
      </c>
      <c r="AF2811">
        <v>47860.431449999996</v>
      </c>
      <c r="AG2811">
        <v>17715.65653</v>
      </c>
      <c r="AH2811">
        <v>228822.6839</v>
      </c>
      <c r="AI2811">
        <v>67987.405350000001</v>
      </c>
      <c r="AJ2811">
        <v>18345.402730000002</v>
      </c>
      <c r="AK2811">
        <v>26352.56842</v>
      </c>
      <c r="AL2811">
        <v>68276.102899999998</v>
      </c>
      <c r="AM2811">
        <v>15823.877769999999</v>
      </c>
      <c r="AN2811">
        <v>73052.404829999999</v>
      </c>
      <c r="AO2811">
        <v>20342.605</v>
      </c>
      <c r="AP2811">
        <v>13251.781859999999</v>
      </c>
    </row>
    <row r="2812" spans="2:42" x14ac:dyDescent="0.3">
      <c r="B2812">
        <v>44.212658843117495</v>
      </c>
      <c r="C2812" s="83">
        <v>43218.083333333336</v>
      </c>
      <c r="D2812">
        <v>198285.30300000001</v>
      </c>
      <c r="E2812">
        <v>12303.84698</v>
      </c>
      <c r="F2812">
        <v>49223.726190000001</v>
      </c>
      <c r="G2812">
        <v>33380.50056</v>
      </c>
      <c r="H2812">
        <v>33507.569060000002</v>
      </c>
      <c r="I2812">
        <v>15252.47489</v>
      </c>
      <c r="J2812">
        <v>33942.411440000003</v>
      </c>
      <c r="K2812">
        <v>46126.741990000002</v>
      </c>
      <c r="L2812">
        <v>17146.281569999999</v>
      </c>
      <c r="M2812">
        <v>225416.753</v>
      </c>
      <c r="N2812">
        <v>66905.390060000005</v>
      </c>
      <c r="O2812">
        <v>18215.059010000001</v>
      </c>
      <c r="P2812">
        <v>25817.742740000002</v>
      </c>
      <c r="Q2812">
        <v>68958.130860000005</v>
      </c>
      <c r="R2812">
        <v>15578.03739</v>
      </c>
      <c r="S2812">
        <v>72163.208870000002</v>
      </c>
      <c r="T2812">
        <v>19555.59389</v>
      </c>
      <c r="U2812">
        <v>12903.163039999999</v>
      </c>
      <c r="W2812" s="83">
        <f>Bühler!N2844</f>
        <v>45409.083333326518</v>
      </c>
      <c r="X2812" s="83">
        <v>43218.083333333336</v>
      </c>
      <c r="Y2812">
        <v>198285.30300000001</v>
      </c>
      <c r="Z2812">
        <v>12303.84698</v>
      </c>
      <c r="AA2812">
        <v>49223.726190000001</v>
      </c>
      <c r="AB2812">
        <v>33380.50056</v>
      </c>
      <c r="AC2812">
        <v>33507.569060000002</v>
      </c>
      <c r="AD2812">
        <v>15252.47489</v>
      </c>
      <c r="AE2812">
        <v>33942.411440000003</v>
      </c>
      <c r="AF2812">
        <v>46126.741990000002</v>
      </c>
      <c r="AG2812">
        <v>17146.281569999999</v>
      </c>
      <c r="AH2812">
        <v>225416.753</v>
      </c>
      <c r="AI2812">
        <v>66905.390060000005</v>
      </c>
      <c r="AJ2812">
        <v>18215.059010000001</v>
      </c>
      <c r="AK2812">
        <v>25817.742740000002</v>
      </c>
      <c r="AL2812">
        <v>68958.130860000005</v>
      </c>
      <c r="AM2812">
        <v>15578.03739</v>
      </c>
      <c r="AN2812">
        <v>72163.208870000002</v>
      </c>
      <c r="AO2812">
        <v>19555.59389</v>
      </c>
      <c r="AP2812">
        <v>12903.163039999999</v>
      </c>
    </row>
    <row r="2813" spans="2:42" x14ac:dyDescent="0.3">
      <c r="B2813">
        <v>43.650466566508179</v>
      </c>
      <c r="C2813" s="83">
        <v>43218.125</v>
      </c>
      <c r="D2813">
        <v>192391.9008</v>
      </c>
      <c r="E2813">
        <v>12301.545749999999</v>
      </c>
      <c r="F2813">
        <v>50492.428160000003</v>
      </c>
      <c r="G2813">
        <v>32235.89516</v>
      </c>
      <c r="H2813">
        <v>33354.909019999999</v>
      </c>
      <c r="I2813">
        <v>14330.06769</v>
      </c>
      <c r="J2813">
        <v>34540.069770000002</v>
      </c>
      <c r="K2813">
        <v>44554.077510000003</v>
      </c>
      <c r="L2813">
        <v>16662.626370000002</v>
      </c>
      <c r="M2813">
        <v>222550.43460000001</v>
      </c>
      <c r="N2813">
        <v>66091.767269999997</v>
      </c>
      <c r="O2813">
        <v>18043.913659999998</v>
      </c>
      <c r="P2813">
        <v>25273.812010000001</v>
      </c>
      <c r="Q2813">
        <v>69527.779720000006</v>
      </c>
      <c r="R2813">
        <v>14979.67374</v>
      </c>
      <c r="S2813">
        <v>72007.396389999994</v>
      </c>
      <c r="T2813">
        <v>19078.076809999999</v>
      </c>
      <c r="U2813">
        <v>13293.19915</v>
      </c>
      <c r="W2813" s="83">
        <f>Bühler!N2845</f>
        <v>45409.124999993182</v>
      </c>
      <c r="X2813" s="83">
        <v>43218.125</v>
      </c>
      <c r="Y2813">
        <v>192391.9008</v>
      </c>
      <c r="Z2813">
        <v>12301.545749999999</v>
      </c>
      <c r="AA2813">
        <v>50492.428160000003</v>
      </c>
      <c r="AB2813">
        <v>32235.89516</v>
      </c>
      <c r="AC2813">
        <v>33354.909019999999</v>
      </c>
      <c r="AD2813">
        <v>14330.06769</v>
      </c>
      <c r="AE2813">
        <v>34540.069770000002</v>
      </c>
      <c r="AF2813">
        <v>44554.077510000003</v>
      </c>
      <c r="AG2813">
        <v>16662.626370000002</v>
      </c>
      <c r="AH2813">
        <v>222550.43460000001</v>
      </c>
      <c r="AI2813">
        <v>66091.767269999997</v>
      </c>
      <c r="AJ2813">
        <v>18043.913659999998</v>
      </c>
      <c r="AK2813">
        <v>25273.812010000001</v>
      </c>
      <c r="AL2813">
        <v>69527.779720000006</v>
      </c>
      <c r="AM2813">
        <v>14979.67374</v>
      </c>
      <c r="AN2813">
        <v>72007.396389999994</v>
      </c>
      <c r="AO2813">
        <v>19078.076809999999</v>
      </c>
      <c r="AP2813">
        <v>13293.19915</v>
      </c>
    </row>
    <row r="2814" spans="2:42" x14ac:dyDescent="0.3">
      <c r="B2814">
        <v>41.692124600447407</v>
      </c>
      <c r="C2814" s="83">
        <v>43218.166666666664</v>
      </c>
      <c r="D2814">
        <v>185993.61420000001</v>
      </c>
      <c r="E2814">
        <v>12379.10622</v>
      </c>
      <c r="F2814">
        <v>54696.095789999999</v>
      </c>
      <c r="G2814">
        <v>31394.423330000001</v>
      </c>
      <c r="H2814">
        <v>33880.584450000002</v>
      </c>
      <c r="I2814">
        <v>15743.023999999999</v>
      </c>
      <c r="J2814">
        <v>35458.488949999999</v>
      </c>
      <c r="K2814">
        <v>43654.081480000001</v>
      </c>
      <c r="L2814">
        <v>16383.94851</v>
      </c>
      <c r="M2814">
        <v>212565.894</v>
      </c>
      <c r="N2814">
        <v>64965.263780000001</v>
      </c>
      <c r="O2814">
        <v>18210.068210000001</v>
      </c>
      <c r="P2814">
        <v>23853.013910000001</v>
      </c>
      <c r="Q2814">
        <v>68240.717829999994</v>
      </c>
      <c r="R2814">
        <v>15585.61289</v>
      </c>
      <c r="S2814">
        <v>72116.437779999993</v>
      </c>
      <c r="T2814">
        <v>19097.68003</v>
      </c>
      <c r="U2814">
        <v>12882.915360000001</v>
      </c>
      <c r="W2814" s="83">
        <f>Bühler!N2846</f>
        <v>45409.166666659847</v>
      </c>
      <c r="X2814" s="83">
        <v>43218.166666666664</v>
      </c>
      <c r="Y2814">
        <v>185993.61420000001</v>
      </c>
      <c r="Z2814">
        <v>12379.10622</v>
      </c>
      <c r="AA2814">
        <v>54696.095789999999</v>
      </c>
      <c r="AB2814">
        <v>31394.423330000001</v>
      </c>
      <c r="AC2814">
        <v>33880.584450000002</v>
      </c>
      <c r="AD2814">
        <v>15743.023999999999</v>
      </c>
      <c r="AE2814">
        <v>35458.488949999999</v>
      </c>
      <c r="AF2814">
        <v>43654.081480000001</v>
      </c>
      <c r="AG2814">
        <v>16383.94851</v>
      </c>
      <c r="AH2814">
        <v>212565.894</v>
      </c>
      <c r="AI2814">
        <v>64965.263780000001</v>
      </c>
      <c r="AJ2814">
        <v>18210.068210000001</v>
      </c>
      <c r="AK2814">
        <v>23853.013910000001</v>
      </c>
      <c r="AL2814">
        <v>68240.717829999994</v>
      </c>
      <c r="AM2814">
        <v>15585.61289</v>
      </c>
      <c r="AN2814">
        <v>72116.437779999993</v>
      </c>
      <c r="AO2814">
        <v>19097.68003</v>
      </c>
      <c r="AP2814">
        <v>12882.915360000001</v>
      </c>
    </row>
    <row r="2815" spans="2:42" x14ac:dyDescent="0.3">
      <c r="B2815">
        <v>40.765025864676019</v>
      </c>
      <c r="C2815" s="83">
        <v>43218.208333333336</v>
      </c>
      <c r="D2815">
        <v>183623.9044</v>
      </c>
      <c r="E2815">
        <v>13094.732050000001</v>
      </c>
      <c r="F2815">
        <v>63522.486570000001</v>
      </c>
      <c r="G2815">
        <v>31938.065600000002</v>
      </c>
      <c r="H2815">
        <v>34266.705220000003</v>
      </c>
      <c r="I2815">
        <v>21187.313849999999</v>
      </c>
      <c r="J2815">
        <v>38291.51612</v>
      </c>
      <c r="K2815">
        <v>43008.599139999998</v>
      </c>
      <c r="L2815">
        <v>16381.06741</v>
      </c>
      <c r="M2815">
        <v>207839.11230000001</v>
      </c>
      <c r="N2815">
        <v>64286.159180000002</v>
      </c>
      <c r="O2815">
        <v>18351.28527</v>
      </c>
      <c r="P2815">
        <v>24579.25489</v>
      </c>
      <c r="Q2815">
        <v>66809.032770000005</v>
      </c>
      <c r="R2815">
        <v>17576.732980000001</v>
      </c>
      <c r="S2815">
        <v>74009.582420000006</v>
      </c>
      <c r="T2815">
        <v>19540.929489999999</v>
      </c>
      <c r="U2815">
        <v>13220.43095</v>
      </c>
      <c r="W2815" s="83">
        <f>Bühler!N2847</f>
        <v>45409.208333326511</v>
      </c>
      <c r="X2815" s="83">
        <v>43218.208333333336</v>
      </c>
      <c r="Y2815">
        <v>183623.9044</v>
      </c>
      <c r="Z2815">
        <v>13094.732050000001</v>
      </c>
      <c r="AA2815">
        <v>63522.486570000001</v>
      </c>
      <c r="AB2815">
        <v>31938.065600000002</v>
      </c>
      <c r="AC2815">
        <v>34266.705220000003</v>
      </c>
      <c r="AD2815">
        <v>21187.313849999999</v>
      </c>
      <c r="AE2815">
        <v>38291.51612</v>
      </c>
      <c r="AF2815">
        <v>43008.599139999998</v>
      </c>
      <c r="AG2815">
        <v>16381.06741</v>
      </c>
      <c r="AH2815">
        <v>207839.11230000001</v>
      </c>
      <c r="AI2815">
        <v>64286.159180000002</v>
      </c>
      <c r="AJ2815">
        <v>18351.28527</v>
      </c>
      <c r="AK2815">
        <v>24579.25489</v>
      </c>
      <c r="AL2815">
        <v>66809.032770000005</v>
      </c>
      <c r="AM2815">
        <v>17576.732980000001</v>
      </c>
      <c r="AN2815">
        <v>74009.582420000006</v>
      </c>
      <c r="AO2815">
        <v>19540.929489999999</v>
      </c>
      <c r="AP2815">
        <v>13220.43095</v>
      </c>
    </row>
    <row r="2816" spans="2:42" x14ac:dyDescent="0.3">
      <c r="B2816">
        <v>40.765382050218534</v>
      </c>
      <c r="C2816" s="83">
        <v>43218.25</v>
      </c>
      <c r="D2816">
        <v>184829.95540000001</v>
      </c>
      <c r="E2816">
        <v>14955.76209</v>
      </c>
      <c r="F2816">
        <v>75254.665710000001</v>
      </c>
      <c r="G2816">
        <v>32536.814549999999</v>
      </c>
      <c r="H2816">
        <v>34548.266250000001</v>
      </c>
      <c r="I2816">
        <v>24252.391159999999</v>
      </c>
      <c r="J2816">
        <v>41338.677559999996</v>
      </c>
      <c r="K2816">
        <v>41832.835229999997</v>
      </c>
      <c r="L2816">
        <v>16808.562430000002</v>
      </c>
      <c r="M2816">
        <v>207840.9283</v>
      </c>
      <c r="N2816">
        <v>62887.035239999997</v>
      </c>
      <c r="O2816">
        <v>19365.03458</v>
      </c>
      <c r="P2816">
        <v>25637.653689999999</v>
      </c>
      <c r="Q2816">
        <v>65807.925879999995</v>
      </c>
      <c r="R2816">
        <v>15546.81545</v>
      </c>
      <c r="S2816">
        <v>78986.453370000003</v>
      </c>
      <c r="T2816">
        <v>21435.66562</v>
      </c>
      <c r="U2816">
        <v>13468.77325</v>
      </c>
      <c r="W2816" s="83">
        <f>Bühler!N2848</f>
        <v>45409.249999993175</v>
      </c>
      <c r="X2816" s="83">
        <v>43218.25</v>
      </c>
      <c r="Y2816">
        <v>184829.95540000001</v>
      </c>
      <c r="Z2816">
        <v>14955.76209</v>
      </c>
      <c r="AA2816">
        <v>75254.665710000001</v>
      </c>
      <c r="AB2816">
        <v>32536.814549999999</v>
      </c>
      <c r="AC2816">
        <v>34548.266250000001</v>
      </c>
      <c r="AD2816">
        <v>24252.391159999999</v>
      </c>
      <c r="AE2816">
        <v>41338.677559999996</v>
      </c>
      <c r="AF2816">
        <v>41832.835229999997</v>
      </c>
      <c r="AG2816">
        <v>16808.562430000002</v>
      </c>
      <c r="AH2816">
        <v>207840.9283</v>
      </c>
      <c r="AI2816">
        <v>62887.035239999997</v>
      </c>
      <c r="AJ2816">
        <v>19365.03458</v>
      </c>
      <c r="AK2816">
        <v>25637.653689999999</v>
      </c>
      <c r="AL2816">
        <v>65807.925879999995</v>
      </c>
      <c r="AM2816">
        <v>15546.81545</v>
      </c>
      <c r="AN2816">
        <v>78986.453370000003</v>
      </c>
      <c r="AO2816">
        <v>21435.66562</v>
      </c>
      <c r="AP2816">
        <v>13468.77325</v>
      </c>
    </row>
    <row r="2817" spans="2:42" x14ac:dyDescent="0.3">
      <c r="B2817">
        <v>40.563982583961362</v>
      </c>
      <c r="C2817" s="83">
        <v>43218.291666666664</v>
      </c>
      <c r="D2817">
        <v>183620.24950000001</v>
      </c>
      <c r="E2817">
        <v>16818.301759999998</v>
      </c>
      <c r="F2817">
        <v>76727.286309999996</v>
      </c>
      <c r="G2817">
        <v>33120.146979999998</v>
      </c>
      <c r="H2817">
        <v>34002.97234</v>
      </c>
      <c r="I2817">
        <v>25577.52951</v>
      </c>
      <c r="J2817">
        <v>40769.698830000001</v>
      </c>
      <c r="K2817">
        <v>41869.743540000003</v>
      </c>
      <c r="L2817">
        <v>18198.356950000001</v>
      </c>
      <c r="M2817">
        <v>206814.0999</v>
      </c>
      <c r="N2817">
        <v>62910.974009999998</v>
      </c>
      <c r="O2817">
        <v>19431.528139999999</v>
      </c>
      <c r="P2817">
        <v>27713.249070000002</v>
      </c>
      <c r="Q2817">
        <v>63358.952899999997</v>
      </c>
      <c r="R2817">
        <v>14982.5136</v>
      </c>
      <c r="S2817">
        <v>84385.606469999999</v>
      </c>
      <c r="T2817">
        <v>22696.744119999999</v>
      </c>
      <c r="U2817">
        <v>12850.7973</v>
      </c>
      <c r="W2817" s="83">
        <f>Bühler!N2849</f>
        <v>45409.291666659839</v>
      </c>
      <c r="X2817" s="83">
        <v>43218.291666666664</v>
      </c>
      <c r="Y2817">
        <v>183620.24950000001</v>
      </c>
      <c r="Z2817">
        <v>16818.301759999998</v>
      </c>
      <c r="AA2817">
        <v>76727.286309999996</v>
      </c>
      <c r="AB2817">
        <v>33120.146979999998</v>
      </c>
      <c r="AC2817">
        <v>34002.97234</v>
      </c>
      <c r="AD2817">
        <v>25577.52951</v>
      </c>
      <c r="AE2817">
        <v>40769.698830000001</v>
      </c>
      <c r="AF2817">
        <v>41869.743540000003</v>
      </c>
      <c r="AG2817">
        <v>18198.356950000001</v>
      </c>
      <c r="AH2817">
        <v>206814.0999</v>
      </c>
      <c r="AI2817">
        <v>62910.974009999998</v>
      </c>
      <c r="AJ2817">
        <v>19431.528139999999</v>
      </c>
      <c r="AK2817">
        <v>27713.249070000002</v>
      </c>
      <c r="AL2817">
        <v>63358.952899999997</v>
      </c>
      <c r="AM2817">
        <v>14982.5136</v>
      </c>
      <c r="AN2817">
        <v>84385.606469999999</v>
      </c>
      <c r="AO2817">
        <v>22696.744119999999</v>
      </c>
      <c r="AP2817">
        <v>12850.7973</v>
      </c>
    </row>
    <row r="2818" spans="2:42" x14ac:dyDescent="0.3">
      <c r="B2818">
        <v>40.255705173739777</v>
      </c>
      <c r="C2818" s="83">
        <v>43218.333333333336</v>
      </c>
      <c r="D2818">
        <v>182365.87469999999</v>
      </c>
      <c r="E2818">
        <v>19867.409360000001</v>
      </c>
      <c r="F2818">
        <v>81239.761329999994</v>
      </c>
      <c r="G2818">
        <v>33946.271159999997</v>
      </c>
      <c r="H2818">
        <v>34728.228569999999</v>
      </c>
      <c r="I2818">
        <v>26363.152139999998</v>
      </c>
      <c r="J2818">
        <v>41752.24523</v>
      </c>
      <c r="K2818">
        <v>42945.375390000001</v>
      </c>
      <c r="L2818">
        <v>21202.271860000001</v>
      </c>
      <c r="M2818">
        <v>205242.3579</v>
      </c>
      <c r="N2818">
        <v>65589.57488</v>
      </c>
      <c r="O2818">
        <v>19227.937140000002</v>
      </c>
      <c r="P2818">
        <v>30168.13221</v>
      </c>
      <c r="Q2818">
        <v>61316.135679999999</v>
      </c>
      <c r="R2818">
        <v>16774.951720000001</v>
      </c>
      <c r="S2818">
        <v>88140.264089999997</v>
      </c>
      <c r="T2818">
        <v>24492.16605</v>
      </c>
      <c r="U2818">
        <v>13085.108340000001</v>
      </c>
      <c r="W2818" s="83">
        <f>Bühler!N2850</f>
        <v>45409.333333326504</v>
      </c>
      <c r="X2818" s="83">
        <v>43218.333333333336</v>
      </c>
      <c r="Y2818">
        <v>182365.87469999999</v>
      </c>
      <c r="Z2818">
        <v>19867.409360000001</v>
      </c>
      <c r="AA2818">
        <v>81239.761329999994</v>
      </c>
      <c r="AB2818">
        <v>33946.271159999997</v>
      </c>
      <c r="AC2818">
        <v>34728.228569999999</v>
      </c>
      <c r="AD2818">
        <v>26363.152139999998</v>
      </c>
      <c r="AE2818">
        <v>41752.24523</v>
      </c>
      <c r="AF2818">
        <v>42945.375390000001</v>
      </c>
      <c r="AG2818">
        <v>21202.271860000001</v>
      </c>
      <c r="AH2818">
        <v>205242.3579</v>
      </c>
      <c r="AI2818">
        <v>65589.57488</v>
      </c>
      <c r="AJ2818">
        <v>19227.937140000002</v>
      </c>
      <c r="AK2818">
        <v>30168.13221</v>
      </c>
      <c r="AL2818">
        <v>61316.135679999999</v>
      </c>
      <c r="AM2818">
        <v>16774.951720000001</v>
      </c>
      <c r="AN2818">
        <v>88140.264089999997</v>
      </c>
      <c r="AO2818">
        <v>24492.16605</v>
      </c>
      <c r="AP2818">
        <v>13085.108340000001</v>
      </c>
    </row>
    <row r="2819" spans="2:42" x14ac:dyDescent="0.3">
      <c r="B2819">
        <v>40.291970334201551</v>
      </c>
      <c r="C2819" s="83">
        <v>43218.375</v>
      </c>
      <c r="D2819">
        <v>181729.06880000001</v>
      </c>
      <c r="E2819">
        <v>23621.641019999999</v>
      </c>
      <c r="F2819">
        <v>87645.573420000001</v>
      </c>
      <c r="G2819">
        <v>34478.944040000002</v>
      </c>
      <c r="H2819">
        <v>35464.38725</v>
      </c>
      <c r="I2819">
        <v>26725.651989999998</v>
      </c>
      <c r="J2819">
        <v>42014.663090000002</v>
      </c>
      <c r="K2819">
        <v>43429.104059999998</v>
      </c>
      <c r="L2819">
        <v>25039.917839999998</v>
      </c>
      <c r="M2819">
        <v>205427.25459999999</v>
      </c>
      <c r="N2819">
        <v>67499.762069999997</v>
      </c>
      <c r="O2819">
        <v>20223.55473</v>
      </c>
      <c r="P2819">
        <v>32629.112499999999</v>
      </c>
      <c r="Q2819">
        <v>61063.799460000002</v>
      </c>
      <c r="R2819">
        <v>18463.527440000002</v>
      </c>
      <c r="S2819">
        <v>89692.514620000002</v>
      </c>
      <c r="T2819">
        <v>26976.526969999999</v>
      </c>
      <c r="U2819">
        <v>12302.042090000001</v>
      </c>
      <c r="W2819" s="83">
        <f>Bühler!N2851</f>
        <v>45409.374999993168</v>
      </c>
      <c r="X2819" s="83">
        <v>43218.375</v>
      </c>
      <c r="Y2819">
        <v>181729.06880000001</v>
      </c>
      <c r="Z2819">
        <v>23621.641019999999</v>
      </c>
      <c r="AA2819">
        <v>87645.573420000001</v>
      </c>
      <c r="AB2819">
        <v>34478.944040000002</v>
      </c>
      <c r="AC2819">
        <v>35464.38725</v>
      </c>
      <c r="AD2819">
        <v>26725.651989999998</v>
      </c>
      <c r="AE2819">
        <v>42014.663090000002</v>
      </c>
      <c r="AF2819">
        <v>43429.104059999998</v>
      </c>
      <c r="AG2819">
        <v>25039.917839999998</v>
      </c>
      <c r="AH2819">
        <v>205427.25459999999</v>
      </c>
      <c r="AI2819">
        <v>67499.762069999997</v>
      </c>
      <c r="AJ2819">
        <v>20223.55473</v>
      </c>
      <c r="AK2819">
        <v>32629.112499999999</v>
      </c>
      <c r="AL2819">
        <v>61063.799460000002</v>
      </c>
      <c r="AM2819">
        <v>18463.527440000002</v>
      </c>
      <c r="AN2819">
        <v>89692.514620000002</v>
      </c>
      <c r="AO2819">
        <v>26976.526969999999</v>
      </c>
      <c r="AP2819">
        <v>12302.042090000001</v>
      </c>
    </row>
    <row r="2820" spans="2:42" x14ac:dyDescent="0.3">
      <c r="B2820">
        <v>40.793845433178582</v>
      </c>
      <c r="C2820" s="83">
        <v>43218.416666666664</v>
      </c>
      <c r="D2820">
        <v>180615.5387</v>
      </c>
      <c r="E2820">
        <v>24924.50575</v>
      </c>
      <c r="F2820">
        <v>87595.257710000005</v>
      </c>
      <c r="G2820">
        <v>34901.261100000003</v>
      </c>
      <c r="H2820">
        <v>35970.405330000001</v>
      </c>
      <c r="I2820">
        <v>26276.781630000001</v>
      </c>
      <c r="J2820">
        <v>40492.112399999998</v>
      </c>
      <c r="K2820">
        <v>44920.385150000002</v>
      </c>
      <c r="L2820">
        <v>27876.142250000001</v>
      </c>
      <c r="M2820">
        <v>207986.04790000001</v>
      </c>
      <c r="N2820">
        <v>69073.877919999999</v>
      </c>
      <c r="O2820">
        <v>20380.27622</v>
      </c>
      <c r="P2820">
        <v>33378.08526</v>
      </c>
      <c r="Q2820">
        <v>60374.882729999998</v>
      </c>
      <c r="R2820">
        <v>18222.047689999999</v>
      </c>
      <c r="S2820">
        <v>89707.846919999996</v>
      </c>
      <c r="T2820">
        <v>29021.940750000002</v>
      </c>
      <c r="U2820">
        <v>12470.838809999999</v>
      </c>
      <c r="W2820" s="83">
        <f>Bühler!N2852</f>
        <v>45409.416666659832</v>
      </c>
      <c r="X2820" s="83">
        <v>43218.416666666664</v>
      </c>
      <c r="Y2820">
        <v>180615.5387</v>
      </c>
      <c r="Z2820">
        <v>24924.50575</v>
      </c>
      <c r="AA2820">
        <v>87595.257710000005</v>
      </c>
      <c r="AB2820">
        <v>34901.261100000003</v>
      </c>
      <c r="AC2820">
        <v>35970.405330000001</v>
      </c>
      <c r="AD2820">
        <v>26276.781630000001</v>
      </c>
      <c r="AE2820">
        <v>40492.112399999998</v>
      </c>
      <c r="AF2820">
        <v>44920.385150000002</v>
      </c>
      <c r="AG2820">
        <v>27876.142250000001</v>
      </c>
      <c r="AH2820">
        <v>207986.04790000001</v>
      </c>
      <c r="AI2820">
        <v>69073.877919999999</v>
      </c>
      <c r="AJ2820">
        <v>20380.27622</v>
      </c>
      <c r="AK2820">
        <v>33378.08526</v>
      </c>
      <c r="AL2820">
        <v>60374.882729999998</v>
      </c>
      <c r="AM2820">
        <v>18222.047689999999</v>
      </c>
      <c r="AN2820">
        <v>89707.846919999996</v>
      </c>
      <c r="AO2820">
        <v>29021.940750000002</v>
      </c>
      <c r="AP2820">
        <v>12470.838809999999</v>
      </c>
    </row>
    <row r="2821" spans="2:42" x14ac:dyDescent="0.3">
      <c r="B2821">
        <v>39.74550906268685</v>
      </c>
      <c r="C2821" s="83">
        <v>43218.458333333336</v>
      </c>
      <c r="D2821">
        <v>176122.04759999999</v>
      </c>
      <c r="E2821">
        <v>24649.22712</v>
      </c>
      <c r="F2821">
        <v>87495.939159999994</v>
      </c>
      <c r="G2821">
        <v>34496.082300000002</v>
      </c>
      <c r="H2821">
        <v>35735.980730000003</v>
      </c>
      <c r="I2821">
        <v>26316.578839999998</v>
      </c>
      <c r="J2821">
        <v>40080.662799999998</v>
      </c>
      <c r="K2821">
        <v>46004.024559999998</v>
      </c>
      <c r="L2821">
        <v>29599.079109999999</v>
      </c>
      <c r="M2821">
        <v>202641.14019999999</v>
      </c>
      <c r="N2821">
        <v>68823.958350000001</v>
      </c>
      <c r="O2821">
        <v>19644.39357</v>
      </c>
      <c r="P2821">
        <v>34030.113129999998</v>
      </c>
      <c r="Q2821">
        <v>59545.865290000002</v>
      </c>
      <c r="R2821">
        <v>19883.471669999999</v>
      </c>
      <c r="S2821">
        <v>90458.553090000001</v>
      </c>
      <c r="T2821">
        <v>28991.654719999999</v>
      </c>
      <c r="U2821">
        <v>11883.626780000001</v>
      </c>
      <c r="W2821" s="83">
        <f>Bühler!N2853</f>
        <v>45409.458333326496</v>
      </c>
      <c r="X2821" s="83">
        <v>43218.458333333336</v>
      </c>
      <c r="Y2821">
        <v>176122.04759999999</v>
      </c>
      <c r="Z2821">
        <v>24649.22712</v>
      </c>
      <c r="AA2821">
        <v>87495.939159999994</v>
      </c>
      <c r="AB2821">
        <v>34496.082300000002</v>
      </c>
      <c r="AC2821">
        <v>35735.980730000003</v>
      </c>
      <c r="AD2821">
        <v>26316.578839999998</v>
      </c>
      <c r="AE2821">
        <v>40080.662799999998</v>
      </c>
      <c r="AF2821">
        <v>46004.024559999998</v>
      </c>
      <c r="AG2821">
        <v>29599.079109999999</v>
      </c>
      <c r="AH2821">
        <v>202641.14019999999</v>
      </c>
      <c r="AI2821">
        <v>68823.958350000001</v>
      </c>
      <c r="AJ2821">
        <v>19644.39357</v>
      </c>
      <c r="AK2821">
        <v>34030.113129999998</v>
      </c>
      <c r="AL2821">
        <v>59545.865290000002</v>
      </c>
      <c r="AM2821">
        <v>19883.471669999999</v>
      </c>
      <c r="AN2821">
        <v>90458.553090000001</v>
      </c>
      <c r="AO2821">
        <v>28991.654719999999</v>
      </c>
      <c r="AP2821">
        <v>11883.626780000001</v>
      </c>
    </row>
    <row r="2822" spans="2:42" x14ac:dyDescent="0.3">
      <c r="B2822">
        <v>39.631585803996231</v>
      </c>
      <c r="C2822" s="83">
        <v>43218.5</v>
      </c>
      <c r="D2822">
        <v>167485.77439999999</v>
      </c>
      <c r="E2822">
        <v>23237.265950000001</v>
      </c>
      <c r="F2822">
        <v>86221.922030000002</v>
      </c>
      <c r="G2822">
        <v>33496.933149999997</v>
      </c>
      <c r="H2822">
        <v>35340.799350000001</v>
      </c>
      <c r="I2822">
        <v>26604.13551</v>
      </c>
      <c r="J2822">
        <v>40045.464370000002</v>
      </c>
      <c r="K2822">
        <v>45266.452409999998</v>
      </c>
      <c r="L2822">
        <v>31653.262139999999</v>
      </c>
      <c r="M2822">
        <v>202060.3063</v>
      </c>
      <c r="N2822">
        <v>67575.339840000001</v>
      </c>
      <c r="O2822">
        <v>19010.004669999998</v>
      </c>
      <c r="P2822">
        <v>32704.14299</v>
      </c>
      <c r="Q2822">
        <v>56600.582730000002</v>
      </c>
      <c r="R2822">
        <v>18609.715530000001</v>
      </c>
      <c r="S2822">
        <v>86320.866410000002</v>
      </c>
      <c r="T2822">
        <v>28406.378479999999</v>
      </c>
      <c r="U2822">
        <v>11448.5875</v>
      </c>
      <c r="W2822" s="83">
        <f>Bühler!N2854</f>
        <v>45409.499999993161</v>
      </c>
      <c r="X2822" s="83">
        <v>43218.5</v>
      </c>
      <c r="Y2822">
        <v>167485.77439999999</v>
      </c>
      <c r="Z2822">
        <v>23237.265950000001</v>
      </c>
      <c r="AA2822">
        <v>86221.922030000002</v>
      </c>
      <c r="AB2822">
        <v>33496.933149999997</v>
      </c>
      <c r="AC2822">
        <v>35340.799350000001</v>
      </c>
      <c r="AD2822">
        <v>26604.13551</v>
      </c>
      <c r="AE2822">
        <v>40045.464370000002</v>
      </c>
      <c r="AF2822">
        <v>45266.452409999998</v>
      </c>
      <c r="AG2822">
        <v>31653.262139999999</v>
      </c>
      <c r="AH2822">
        <v>202060.3063</v>
      </c>
      <c r="AI2822">
        <v>67575.339840000001</v>
      </c>
      <c r="AJ2822">
        <v>19010.004669999998</v>
      </c>
      <c r="AK2822">
        <v>32704.14299</v>
      </c>
      <c r="AL2822">
        <v>56600.582730000002</v>
      </c>
      <c r="AM2822">
        <v>18609.715530000001</v>
      </c>
      <c r="AN2822">
        <v>86320.866410000002</v>
      </c>
      <c r="AO2822">
        <v>28406.378479999999</v>
      </c>
      <c r="AP2822">
        <v>11448.5875</v>
      </c>
    </row>
    <row r="2823" spans="2:42" x14ac:dyDescent="0.3">
      <c r="B2823">
        <v>39.361318255368765</v>
      </c>
      <c r="C2823" s="83">
        <v>43218.541666666664</v>
      </c>
      <c r="D2823">
        <v>164572.91190000001</v>
      </c>
      <c r="E2823">
        <v>22416.266039999999</v>
      </c>
      <c r="F2823">
        <v>84766.322360000006</v>
      </c>
      <c r="G2823">
        <v>32715.982980000001</v>
      </c>
      <c r="H2823">
        <v>34661.553039999999</v>
      </c>
      <c r="I2823">
        <v>26193.759340000001</v>
      </c>
      <c r="J2823">
        <v>39480.06583</v>
      </c>
      <c r="K2823">
        <v>46288.794029999997</v>
      </c>
      <c r="L2823">
        <v>30998.4058</v>
      </c>
      <c r="M2823">
        <v>200682.35630000001</v>
      </c>
      <c r="N2823">
        <v>66482.049450000006</v>
      </c>
      <c r="O2823">
        <v>18570.831150000002</v>
      </c>
      <c r="P2823">
        <v>32182.04722</v>
      </c>
      <c r="Q2823">
        <v>55443.012790000001</v>
      </c>
      <c r="R2823">
        <v>18485.297399999999</v>
      </c>
      <c r="S2823">
        <v>85824.78413</v>
      </c>
      <c r="T2823">
        <v>28321.234049999999</v>
      </c>
      <c r="U2823">
        <v>11142.60534</v>
      </c>
      <c r="W2823" s="83">
        <f>Bühler!N2855</f>
        <v>45409.541666659825</v>
      </c>
      <c r="X2823" s="83">
        <v>43218.541666666664</v>
      </c>
      <c r="Y2823">
        <v>164572.91190000001</v>
      </c>
      <c r="Z2823">
        <v>22416.266039999999</v>
      </c>
      <c r="AA2823">
        <v>84766.322360000006</v>
      </c>
      <c r="AB2823">
        <v>32715.982980000001</v>
      </c>
      <c r="AC2823">
        <v>34661.553039999999</v>
      </c>
      <c r="AD2823">
        <v>26193.759340000001</v>
      </c>
      <c r="AE2823">
        <v>39480.06583</v>
      </c>
      <c r="AF2823">
        <v>46288.794029999997</v>
      </c>
      <c r="AG2823">
        <v>30998.4058</v>
      </c>
      <c r="AH2823">
        <v>200682.35630000001</v>
      </c>
      <c r="AI2823">
        <v>66482.049450000006</v>
      </c>
      <c r="AJ2823">
        <v>18570.831150000002</v>
      </c>
      <c r="AK2823">
        <v>32182.04722</v>
      </c>
      <c r="AL2823">
        <v>55443.012790000001</v>
      </c>
      <c r="AM2823">
        <v>18485.297399999999</v>
      </c>
      <c r="AN2823">
        <v>85824.78413</v>
      </c>
      <c r="AO2823">
        <v>28321.234049999999</v>
      </c>
      <c r="AP2823">
        <v>11142.60534</v>
      </c>
    </row>
    <row r="2824" spans="2:42" x14ac:dyDescent="0.3">
      <c r="B2824">
        <v>39.964092755361094</v>
      </c>
      <c r="C2824" s="83">
        <v>43218.583333333336</v>
      </c>
      <c r="D2824">
        <v>163118.70240000001</v>
      </c>
      <c r="E2824">
        <v>23458.396349999999</v>
      </c>
      <c r="F2824">
        <v>84214.598209999996</v>
      </c>
      <c r="G2824">
        <v>32443.640599999999</v>
      </c>
      <c r="H2824">
        <v>34587.531819999997</v>
      </c>
      <c r="I2824">
        <v>26000.92539</v>
      </c>
      <c r="J2824">
        <v>38451.030509999997</v>
      </c>
      <c r="K2824">
        <v>46520.937429999998</v>
      </c>
      <c r="L2824">
        <v>28709.321660000001</v>
      </c>
      <c r="M2824">
        <v>203755.58180000001</v>
      </c>
      <c r="N2824">
        <v>67354.798389999996</v>
      </c>
      <c r="O2824">
        <v>18549.71456</v>
      </c>
      <c r="P2824">
        <v>29609.505710000001</v>
      </c>
      <c r="Q2824">
        <v>54543.010860000002</v>
      </c>
      <c r="R2824">
        <v>18356.0468</v>
      </c>
      <c r="S2824">
        <v>83385.079960000003</v>
      </c>
      <c r="T2824">
        <v>28603.115040000001</v>
      </c>
      <c r="U2824">
        <v>11361.153179999999</v>
      </c>
      <c r="W2824" s="83">
        <f>Bühler!N2856</f>
        <v>45409.583333326489</v>
      </c>
      <c r="X2824" s="83">
        <v>43218.583333333336</v>
      </c>
      <c r="Y2824">
        <v>163118.70240000001</v>
      </c>
      <c r="Z2824">
        <v>23458.396349999999</v>
      </c>
      <c r="AA2824">
        <v>84214.598209999996</v>
      </c>
      <c r="AB2824">
        <v>32443.640599999999</v>
      </c>
      <c r="AC2824">
        <v>34587.531819999997</v>
      </c>
      <c r="AD2824">
        <v>26000.92539</v>
      </c>
      <c r="AE2824">
        <v>38451.030509999997</v>
      </c>
      <c r="AF2824">
        <v>46520.937429999998</v>
      </c>
      <c r="AG2824">
        <v>28709.321660000001</v>
      </c>
      <c r="AH2824">
        <v>203755.58180000001</v>
      </c>
      <c r="AI2824">
        <v>67354.798389999996</v>
      </c>
      <c r="AJ2824">
        <v>18549.71456</v>
      </c>
      <c r="AK2824">
        <v>29609.505710000001</v>
      </c>
      <c r="AL2824">
        <v>54543.010860000002</v>
      </c>
      <c r="AM2824">
        <v>18356.0468</v>
      </c>
      <c r="AN2824">
        <v>83385.079960000003</v>
      </c>
      <c r="AO2824">
        <v>28603.115040000001</v>
      </c>
      <c r="AP2824">
        <v>11361.153179999999</v>
      </c>
    </row>
    <row r="2825" spans="2:42" x14ac:dyDescent="0.3">
      <c r="B2825">
        <v>41.448588894468081</v>
      </c>
      <c r="C2825" s="83">
        <v>43218.625</v>
      </c>
      <c r="D2825">
        <v>162542.12839999999</v>
      </c>
      <c r="E2825">
        <v>23397.729490000002</v>
      </c>
      <c r="F2825">
        <v>85042.474359999993</v>
      </c>
      <c r="G2825">
        <v>32252.557369999999</v>
      </c>
      <c r="H2825">
        <v>34253.237950000002</v>
      </c>
      <c r="I2825">
        <v>26268.551790000001</v>
      </c>
      <c r="J2825">
        <v>38210.632550000002</v>
      </c>
      <c r="K2825">
        <v>45278.975229999996</v>
      </c>
      <c r="L2825">
        <v>27564.338640000002</v>
      </c>
      <c r="M2825">
        <v>211324.23540000001</v>
      </c>
      <c r="N2825">
        <v>66285.189190000005</v>
      </c>
      <c r="O2825">
        <v>18019.162680000001</v>
      </c>
      <c r="P2825">
        <v>28249.544959999999</v>
      </c>
      <c r="Q2825">
        <v>53289.263469999998</v>
      </c>
      <c r="R2825">
        <v>18342.373520000001</v>
      </c>
      <c r="S2825">
        <v>82361.895780000006</v>
      </c>
      <c r="T2825">
        <v>28676.046890000001</v>
      </c>
      <c r="U2825">
        <v>11379.99467</v>
      </c>
      <c r="W2825" s="83">
        <f>Bühler!N2857</f>
        <v>45409.624999993153</v>
      </c>
      <c r="X2825" s="83">
        <v>43218.625</v>
      </c>
      <c r="Y2825">
        <v>162542.12839999999</v>
      </c>
      <c r="Z2825">
        <v>23397.729490000002</v>
      </c>
      <c r="AA2825">
        <v>85042.474359999993</v>
      </c>
      <c r="AB2825">
        <v>32252.557369999999</v>
      </c>
      <c r="AC2825">
        <v>34253.237950000002</v>
      </c>
      <c r="AD2825">
        <v>26268.551790000001</v>
      </c>
      <c r="AE2825">
        <v>38210.632550000002</v>
      </c>
      <c r="AF2825">
        <v>45278.975229999996</v>
      </c>
      <c r="AG2825">
        <v>27564.338640000002</v>
      </c>
      <c r="AH2825">
        <v>211324.23540000001</v>
      </c>
      <c r="AI2825">
        <v>66285.189190000005</v>
      </c>
      <c r="AJ2825">
        <v>18019.162680000001</v>
      </c>
      <c r="AK2825">
        <v>28249.544959999999</v>
      </c>
      <c r="AL2825">
        <v>53289.263469999998</v>
      </c>
      <c r="AM2825">
        <v>18342.373520000001</v>
      </c>
      <c r="AN2825">
        <v>82361.895780000006</v>
      </c>
      <c r="AO2825">
        <v>28676.046890000001</v>
      </c>
      <c r="AP2825">
        <v>11379.99467</v>
      </c>
    </row>
    <row r="2826" spans="2:42" x14ac:dyDescent="0.3">
      <c r="B2826">
        <v>41.663958954080712</v>
      </c>
      <c r="C2826" s="83">
        <v>43218.666666666664</v>
      </c>
      <c r="D2826">
        <v>161725.79329999999</v>
      </c>
      <c r="E2826">
        <v>23474.559669999999</v>
      </c>
      <c r="F2826">
        <v>83854.241469999994</v>
      </c>
      <c r="G2826">
        <v>32136.143230000001</v>
      </c>
      <c r="H2826">
        <v>34332.512710000003</v>
      </c>
      <c r="I2826">
        <v>26487.663280000001</v>
      </c>
      <c r="J2826">
        <v>37874.963150000003</v>
      </c>
      <c r="K2826">
        <v>43245.518429999996</v>
      </c>
      <c r="L2826">
        <v>26250.772400000002</v>
      </c>
      <c r="M2826">
        <v>212422.29240000001</v>
      </c>
      <c r="N2826">
        <v>66300.446309999999</v>
      </c>
      <c r="O2826">
        <v>17733.67295</v>
      </c>
      <c r="P2826">
        <v>27538.99597</v>
      </c>
      <c r="Q2826">
        <v>52731.370309999998</v>
      </c>
      <c r="R2826">
        <v>18267.065460000002</v>
      </c>
      <c r="S2826">
        <v>82575.954110000006</v>
      </c>
      <c r="T2826">
        <v>29078.28745</v>
      </c>
      <c r="U2826">
        <v>11605.58619</v>
      </c>
      <c r="W2826" s="83">
        <f>Bühler!N2858</f>
        <v>45409.666666659818</v>
      </c>
      <c r="X2826" s="83">
        <v>43218.666666666664</v>
      </c>
      <c r="Y2826">
        <v>161725.79329999999</v>
      </c>
      <c r="Z2826">
        <v>23474.559669999999</v>
      </c>
      <c r="AA2826">
        <v>83854.241469999994</v>
      </c>
      <c r="AB2826">
        <v>32136.143230000001</v>
      </c>
      <c r="AC2826">
        <v>34332.512710000003</v>
      </c>
      <c r="AD2826">
        <v>26487.663280000001</v>
      </c>
      <c r="AE2826">
        <v>37874.963150000003</v>
      </c>
      <c r="AF2826">
        <v>43245.518429999996</v>
      </c>
      <c r="AG2826">
        <v>26250.772400000002</v>
      </c>
      <c r="AH2826">
        <v>212422.29240000001</v>
      </c>
      <c r="AI2826">
        <v>66300.446309999999</v>
      </c>
      <c r="AJ2826">
        <v>17733.67295</v>
      </c>
      <c r="AK2826">
        <v>27538.99597</v>
      </c>
      <c r="AL2826">
        <v>52731.370309999998</v>
      </c>
      <c r="AM2826">
        <v>18267.065460000002</v>
      </c>
      <c r="AN2826">
        <v>82575.954110000006</v>
      </c>
      <c r="AO2826">
        <v>29078.28745</v>
      </c>
      <c r="AP2826">
        <v>11605.58619</v>
      </c>
    </row>
    <row r="2827" spans="2:42" x14ac:dyDescent="0.3">
      <c r="B2827">
        <v>41.409663561497482</v>
      </c>
      <c r="C2827" s="83">
        <v>43218.708333333336</v>
      </c>
      <c r="D2827">
        <v>160379.8371</v>
      </c>
      <c r="E2827">
        <v>22937.148550000002</v>
      </c>
      <c r="F2827">
        <v>83068.191229999997</v>
      </c>
      <c r="G2827">
        <v>32179.228279999999</v>
      </c>
      <c r="H2827">
        <v>33537.951999999997</v>
      </c>
      <c r="I2827">
        <v>26683.608990000001</v>
      </c>
      <c r="J2827">
        <v>38439.454230000003</v>
      </c>
      <c r="K2827">
        <v>42318.889869999999</v>
      </c>
      <c r="L2827">
        <v>25908.648290000001</v>
      </c>
      <c r="M2827">
        <v>211125.77590000001</v>
      </c>
      <c r="N2827">
        <v>65327.868929999997</v>
      </c>
      <c r="O2827">
        <v>18005.399170000001</v>
      </c>
      <c r="P2827">
        <v>29235.24944</v>
      </c>
      <c r="Q2827">
        <v>51633.3001</v>
      </c>
      <c r="R2827">
        <v>20172.57821</v>
      </c>
      <c r="S2827">
        <v>84619.257689999999</v>
      </c>
      <c r="T2827">
        <v>28715.023239999999</v>
      </c>
      <c r="U2827">
        <v>11557.02795</v>
      </c>
      <c r="W2827" s="83">
        <f>Bühler!N2859</f>
        <v>45409.708333326482</v>
      </c>
      <c r="X2827" s="83">
        <v>43218.708333333336</v>
      </c>
      <c r="Y2827">
        <v>160379.8371</v>
      </c>
      <c r="Z2827">
        <v>22937.148550000002</v>
      </c>
      <c r="AA2827">
        <v>83068.191229999997</v>
      </c>
      <c r="AB2827">
        <v>32179.228279999999</v>
      </c>
      <c r="AC2827">
        <v>33537.951999999997</v>
      </c>
      <c r="AD2827">
        <v>26683.608990000001</v>
      </c>
      <c r="AE2827">
        <v>38439.454230000003</v>
      </c>
      <c r="AF2827">
        <v>42318.889869999999</v>
      </c>
      <c r="AG2827">
        <v>25908.648290000001</v>
      </c>
      <c r="AH2827">
        <v>211125.77590000001</v>
      </c>
      <c r="AI2827">
        <v>65327.868929999997</v>
      </c>
      <c r="AJ2827">
        <v>18005.399170000001</v>
      </c>
      <c r="AK2827">
        <v>29235.24944</v>
      </c>
      <c r="AL2827">
        <v>51633.3001</v>
      </c>
      <c r="AM2827">
        <v>20172.57821</v>
      </c>
      <c r="AN2827">
        <v>84619.257689999999</v>
      </c>
      <c r="AO2827">
        <v>28715.023239999999</v>
      </c>
      <c r="AP2827">
        <v>11557.02795</v>
      </c>
    </row>
    <row r="2828" spans="2:42" x14ac:dyDescent="0.3">
      <c r="B2828">
        <v>41.010412009467181</v>
      </c>
      <c r="C2828" s="83">
        <v>43218.75</v>
      </c>
      <c r="D2828">
        <v>158882.4853</v>
      </c>
      <c r="E2828">
        <v>22135.59592</v>
      </c>
      <c r="F2828">
        <v>81826.683770000003</v>
      </c>
      <c r="G2828">
        <v>32025.90508</v>
      </c>
      <c r="H2828">
        <v>33631.025029999997</v>
      </c>
      <c r="I2828">
        <v>25804.020069999999</v>
      </c>
      <c r="J2828">
        <v>38528.987059999999</v>
      </c>
      <c r="K2828">
        <v>43159.609940000002</v>
      </c>
      <c r="L2828">
        <v>27402.877840000001</v>
      </c>
      <c r="M2828">
        <v>209090.2053</v>
      </c>
      <c r="N2828">
        <v>64674.303749999999</v>
      </c>
      <c r="O2828">
        <v>18005.487529999999</v>
      </c>
      <c r="P2828">
        <v>31853.590929999998</v>
      </c>
      <c r="Q2828">
        <v>49781.106160000003</v>
      </c>
      <c r="R2828">
        <v>18391.190549999999</v>
      </c>
      <c r="S2828">
        <v>81970.688620000001</v>
      </c>
      <c r="T2828">
        <v>28197.759679999999</v>
      </c>
      <c r="U2828">
        <v>11152.189710000001</v>
      </c>
      <c r="W2828" s="83">
        <f>Bühler!N2860</f>
        <v>45409.749999993146</v>
      </c>
      <c r="X2828" s="83">
        <v>43218.75</v>
      </c>
      <c r="Y2828">
        <v>158882.4853</v>
      </c>
      <c r="Z2828">
        <v>22135.59592</v>
      </c>
      <c r="AA2828">
        <v>81826.683770000003</v>
      </c>
      <c r="AB2828">
        <v>32025.90508</v>
      </c>
      <c r="AC2828">
        <v>33631.025029999997</v>
      </c>
      <c r="AD2828">
        <v>25804.020069999999</v>
      </c>
      <c r="AE2828">
        <v>38528.987059999999</v>
      </c>
      <c r="AF2828">
        <v>43159.609940000002</v>
      </c>
      <c r="AG2828">
        <v>27402.877840000001</v>
      </c>
      <c r="AH2828">
        <v>209090.2053</v>
      </c>
      <c r="AI2828">
        <v>64674.303749999999</v>
      </c>
      <c r="AJ2828">
        <v>18005.487529999999</v>
      </c>
      <c r="AK2828">
        <v>31853.590929999998</v>
      </c>
      <c r="AL2828">
        <v>49781.106160000003</v>
      </c>
      <c r="AM2828">
        <v>18391.190549999999</v>
      </c>
      <c r="AN2828">
        <v>81970.688620000001</v>
      </c>
      <c r="AO2828">
        <v>28197.759679999999</v>
      </c>
      <c r="AP2828">
        <v>11152.189710000001</v>
      </c>
    </row>
    <row r="2829" spans="2:42" x14ac:dyDescent="0.3">
      <c r="B2829">
        <v>41.01302206886691</v>
      </c>
      <c r="C2829" s="83">
        <v>43218.791666666664</v>
      </c>
      <c r="D2829">
        <v>157882.7997</v>
      </c>
      <c r="E2829">
        <v>18456.315299999998</v>
      </c>
      <c r="F2829">
        <v>71770.996549999996</v>
      </c>
      <c r="G2829">
        <v>32017.712210000002</v>
      </c>
      <c r="H2829">
        <v>32969.865749999997</v>
      </c>
      <c r="I2829">
        <v>25486.829030000001</v>
      </c>
      <c r="J2829">
        <v>38324.007879999997</v>
      </c>
      <c r="K2829">
        <v>44209.034379999997</v>
      </c>
      <c r="L2829">
        <v>29076.29624</v>
      </c>
      <c r="M2829">
        <v>209103.51259999999</v>
      </c>
      <c r="N2829">
        <v>64825.924440000003</v>
      </c>
      <c r="O2829">
        <v>17575.871650000001</v>
      </c>
      <c r="P2829">
        <v>34513.744639999997</v>
      </c>
      <c r="Q2829">
        <v>48498.376660000002</v>
      </c>
      <c r="R2829">
        <v>18358.457979999999</v>
      </c>
      <c r="S2829">
        <v>80893.007570000002</v>
      </c>
      <c r="T2829">
        <v>27252.321120000001</v>
      </c>
      <c r="U2829">
        <v>12003.577950000001</v>
      </c>
      <c r="W2829" s="83">
        <f>Bühler!N2861</f>
        <v>45409.79166665981</v>
      </c>
      <c r="X2829" s="83">
        <v>43218.791666666664</v>
      </c>
      <c r="Y2829">
        <v>157882.7997</v>
      </c>
      <c r="Z2829">
        <v>18456.315299999998</v>
      </c>
      <c r="AA2829">
        <v>71770.996549999996</v>
      </c>
      <c r="AB2829">
        <v>32017.712210000002</v>
      </c>
      <c r="AC2829">
        <v>32969.865749999997</v>
      </c>
      <c r="AD2829">
        <v>25486.829030000001</v>
      </c>
      <c r="AE2829">
        <v>38324.007879999997</v>
      </c>
      <c r="AF2829">
        <v>44209.034379999997</v>
      </c>
      <c r="AG2829">
        <v>29076.29624</v>
      </c>
      <c r="AH2829">
        <v>209103.51259999999</v>
      </c>
      <c r="AI2829">
        <v>64825.924440000003</v>
      </c>
      <c r="AJ2829">
        <v>17575.871650000001</v>
      </c>
      <c r="AK2829">
        <v>34513.744639999997</v>
      </c>
      <c r="AL2829">
        <v>48498.376660000002</v>
      </c>
      <c r="AM2829">
        <v>18358.457979999999</v>
      </c>
      <c r="AN2829">
        <v>80893.007570000002</v>
      </c>
      <c r="AO2829">
        <v>27252.321120000001</v>
      </c>
      <c r="AP2829">
        <v>12003.577950000001</v>
      </c>
    </row>
    <row r="2830" spans="2:42" x14ac:dyDescent="0.3">
      <c r="B2830">
        <v>41.011961946148134</v>
      </c>
      <c r="C2830" s="83">
        <v>43218.833333333336</v>
      </c>
      <c r="D2830">
        <v>157652.73360000001</v>
      </c>
      <c r="E2830">
        <v>13838.60612</v>
      </c>
      <c r="F2830">
        <v>54798.037729999996</v>
      </c>
      <c r="G2830">
        <v>32546.869180000002</v>
      </c>
      <c r="H2830">
        <v>32928.450100000002</v>
      </c>
      <c r="I2830">
        <v>23950.638470000002</v>
      </c>
      <c r="J2830">
        <v>39114.018539999997</v>
      </c>
      <c r="K2830">
        <v>43418.257160000001</v>
      </c>
      <c r="L2830">
        <v>28628.881519999999</v>
      </c>
      <c r="M2830">
        <v>209098.10759999999</v>
      </c>
      <c r="N2830">
        <v>63892.587619999998</v>
      </c>
      <c r="O2830">
        <v>18718.464189999999</v>
      </c>
      <c r="P2830">
        <v>34541.858269999997</v>
      </c>
      <c r="Q2830">
        <v>46902.861299999997</v>
      </c>
      <c r="R2830">
        <v>18213.624179999999</v>
      </c>
      <c r="S2830">
        <v>76908.123300000007</v>
      </c>
      <c r="T2830">
        <v>24792.474969999999</v>
      </c>
      <c r="U2830">
        <v>11952.859060000001</v>
      </c>
      <c r="W2830" s="83">
        <f>Bühler!N2862</f>
        <v>45409.833333326475</v>
      </c>
      <c r="X2830" s="83">
        <v>43218.833333333336</v>
      </c>
      <c r="Y2830">
        <v>157652.73360000001</v>
      </c>
      <c r="Z2830">
        <v>13838.60612</v>
      </c>
      <c r="AA2830">
        <v>54798.037729999996</v>
      </c>
      <c r="AB2830">
        <v>32546.869180000002</v>
      </c>
      <c r="AC2830">
        <v>32928.450100000002</v>
      </c>
      <c r="AD2830">
        <v>23950.638470000002</v>
      </c>
      <c r="AE2830">
        <v>39114.018539999997</v>
      </c>
      <c r="AF2830">
        <v>43418.257160000001</v>
      </c>
      <c r="AG2830">
        <v>28628.881519999999</v>
      </c>
      <c r="AH2830">
        <v>209098.10759999999</v>
      </c>
      <c r="AI2830">
        <v>63892.587619999998</v>
      </c>
      <c r="AJ2830">
        <v>18718.464189999999</v>
      </c>
      <c r="AK2830">
        <v>34541.858269999997</v>
      </c>
      <c r="AL2830">
        <v>46902.861299999997</v>
      </c>
      <c r="AM2830">
        <v>18213.624179999999</v>
      </c>
      <c r="AN2830">
        <v>76908.123300000007</v>
      </c>
      <c r="AO2830">
        <v>24792.474969999999</v>
      </c>
      <c r="AP2830">
        <v>11952.859060000001</v>
      </c>
    </row>
    <row r="2831" spans="2:42" x14ac:dyDescent="0.3">
      <c r="B2831">
        <v>41.146646075441936</v>
      </c>
      <c r="C2831" s="83">
        <v>43218.875</v>
      </c>
      <c r="D2831">
        <v>158881.8363</v>
      </c>
      <c r="E2831">
        <v>12756.588949999999</v>
      </c>
      <c r="F2831">
        <v>48078.309950000003</v>
      </c>
      <c r="G2831">
        <v>32982.277410000002</v>
      </c>
      <c r="H2831">
        <v>33696.653059999997</v>
      </c>
      <c r="I2831">
        <v>22061.377519999998</v>
      </c>
      <c r="J2831">
        <v>40424.859600000003</v>
      </c>
      <c r="K2831">
        <v>44014.707710000002</v>
      </c>
      <c r="L2831">
        <v>28060.01744</v>
      </c>
      <c r="M2831">
        <v>209784.79010000001</v>
      </c>
      <c r="N2831">
        <v>64641.400569999998</v>
      </c>
      <c r="O2831">
        <v>18691.80889</v>
      </c>
      <c r="P2831">
        <v>34614.693140000003</v>
      </c>
      <c r="Q2831">
        <v>46338.292600000001</v>
      </c>
      <c r="R2831">
        <v>18061.84317</v>
      </c>
      <c r="S2831">
        <v>76361.446790000002</v>
      </c>
      <c r="T2831">
        <v>24326.995859999999</v>
      </c>
      <c r="U2831">
        <v>12706.372429999999</v>
      </c>
      <c r="W2831" s="83">
        <f>Bühler!N2863</f>
        <v>45409.874999993139</v>
      </c>
      <c r="X2831" s="83">
        <v>43218.875</v>
      </c>
      <c r="Y2831">
        <v>158881.8363</v>
      </c>
      <c r="Z2831">
        <v>12756.588949999999</v>
      </c>
      <c r="AA2831">
        <v>48078.309950000003</v>
      </c>
      <c r="AB2831">
        <v>32982.277410000002</v>
      </c>
      <c r="AC2831">
        <v>33696.653059999997</v>
      </c>
      <c r="AD2831">
        <v>22061.377519999998</v>
      </c>
      <c r="AE2831">
        <v>40424.859600000003</v>
      </c>
      <c r="AF2831">
        <v>44014.707710000002</v>
      </c>
      <c r="AG2831">
        <v>28060.01744</v>
      </c>
      <c r="AH2831">
        <v>209784.79010000001</v>
      </c>
      <c r="AI2831">
        <v>64641.400569999998</v>
      </c>
      <c r="AJ2831">
        <v>18691.80889</v>
      </c>
      <c r="AK2831">
        <v>34614.693140000003</v>
      </c>
      <c r="AL2831">
        <v>46338.292600000001</v>
      </c>
      <c r="AM2831">
        <v>18061.84317</v>
      </c>
      <c r="AN2831">
        <v>76361.446790000002</v>
      </c>
      <c r="AO2831">
        <v>24326.995859999999</v>
      </c>
      <c r="AP2831">
        <v>12706.372429999999</v>
      </c>
    </row>
    <row r="2832" spans="2:42" x14ac:dyDescent="0.3">
      <c r="B2832">
        <v>40.957103880753372</v>
      </c>
      <c r="C2832" s="83">
        <v>43218.916666666664</v>
      </c>
      <c r="D2832">
        <v>158106.87349999999</v>
      </c>
      <c r="E2832">
        <v>12278.589679999999</v>
      </c>
      <c r="F2832">
        <v>45735.046150000002</v>
      </c>
      <c r="G2832">
        <v>33090.386140000002</v>
      </c>
      <c r="H2832">
        <v>34439.092969999998</v>
      </c>
      <c r="I2832">
        <v>21255.388060000001</v>
      </c>
      <c r="J2832">
        <v>39680.090029999999</v>
      </c>
      <c r="K2832">
        <v>49561.68232</v>
      </c>
      <c r="L2832">
        <v>26137.572530000001</v>
      </c>
      <c r="M2832">
        <v>208818.41560000001</v>
      </c>
      <c r="N2832">
        <v>64140.257510000003</v>
      </c>
      <c r="O2832">
        <v>18875.887190000001</v>
      </c>
      <c r="P2832">
        <v>36050.766450000003</v>
      </c>
      <c r="Q2832">
        <v>46053.331709999999</v>
      </c>
      <c r="R2832">
        <v>20444.008839999999</v>
      </c>
      <c r="S2832">
        <v>75864.284039999999</v>
      </c>
      <c r="T2832">
        <v>23573.69112</v>
      </c>
      <c r="U2832">
        <v>13359.64489</v>
      </c>
      <c r="W2832" s="83">
        <f>Bühler!N2864</f>
        <v>45409.916666659803</v>
      </c>
      <c r="X2832" s="83">
        <v>43218.916666666664</v>
      </c>
      <c r="Y2832">
        <v>158106.87349999999</v>
      </c>
      <c r="Z2832">
        <v>12278.589679999999</v>
      </c>
      <c r="AA2832">
        <v>45735.046150000002</v>
      </c>
      <c r="AB2832">
        <v>33090.386140000002</v>
      </c>
      <c r="AC2832">
        <v>34439.092969999998</v>
      </c>
      <c r="AD2832">
        <v>21255.388060000001</v>
      </c>
      <c r="AE2832">
        <v>39680.090029999999</v>
      </c>
      <c r="AF2832">
        <v>49561.68232</v>
      </c>
      <c r="AG2832">
        <v>26137.572530000001</v>
      </c>
      <c r="AH2832">
        <v>208818.41560000001</v>
      </c>
      <c r="AI2832">
        <v>64140.257510000003</v>
      </c>
      <c r="AJ2832">
        <v>18875.887190000001</v>
      </c>
      <c r="AK2832">
        <v>36050.766450000003</v>
      </c>
      <c r="AL2832">
        <v>46053.331709999999</v>
      </c>
      <c r="AM2832">
        <v>20444.008839999999</v>
      </c>
      <c r="AN2832">
        <v>75864.284039999999</v>
      </c>
      <c r="AO2832">
        <v>23573.69112</v>
      </c>
      <c r="AP2832">
        <v>13359.64489</v>
      </c>
    </row>
    <row r="2833" spans="2:42" x14ac:dyDescent="0.3">
      <c r="B2833">
        <v>41.091814292460548</v>
      </c>
      <c r="C2833" s="83">
        <v>43218.958333333336</v>
      </c>
      <c r="D2833">
        <v>157625.9014</v>
      </c>
      <c r="E2833">
        <v>11929.7091</v>
      </c>
      <c r="F2833">
        <v>44862.305390000001</v>
      </c>
      <c r="G2833">
        <v>33277.565150000002</v>
      </c>
      <c r="H2833">
        <v>33819.124880000003</v>
      </c>
      <c r="I2833">
        <v>20783.218369999999</v>
      </c>
      <c r="J2833">
        <v>36406.108809999998</v>
      </c>
      <c r="K2833">
        <v>49024.427810000001</v>
      </c>
      <c r="L2833">
        <v>22492.197059999999</v>
      </c>
      <c r="M2833">
        <v>209505.23209999999</v>
      </c>
      <c r="N2833">
        <v>63780.234629999999</v>
      </c>
      <c r="O2833">
        <v>18788.197520000002</v>
      </c>
      <c r="P2833">
        <v>31604.208259999999</v>
      </c>
      <c r="Q2833">
        <v>46063.362370000003</v>
      </c>
      <c r="R2833">
        <v>20874.772150000001</v>
      </c>
      <c r="S2833">
        <v>74330.297099999996</v>
      </c>
      <c r="T2833">
        <v>22325.140940000001</v>
      </c>
      <c r="U2833">
        <v>12515.437459999999</v>
      </c>
      <c r="W2833" s="83">
        <f>Bühler!N2865</f>
        <v>45409.958333326467</v>
      </c>
      <c r="X2833" s="83">
        <v>43218.958333333336</v>
      </c>
      <c r="Y2833">
        <v>157625.9014</v>
      </c>
      <c r="Z2833">
        <v>11929.7091</v>
      </c>
      <c r="AA2833">
        <v>44862.305390000001</v>
      </c>
      <c r="AB2833">
        <v>33277.565150000002</v>
      </c>
      <c r="AC2833">
        <v>33819.124880000003</v>
      </c>
      <c r="AD2833">
        <v>20783.218369999999</v>
      </c>
      <c r="AE2833">
        <v>36406.108809999998</v>
      </c>
      <c r="AF2833">
        <v>49024.427810000001</v>
      </c>
      <c r="AG2833">
        <v>22492.197059999999</v>
      </c>
      <c r="AH2833">
        <v>209505.23209999999</v>
      </c>
      <c r="AI2833">
        <v>63780.234629999999</v>
      </c>
      <c r="AJ2833">
        <v>18788.197520000002</v>
      </c>
      <c r="AK2833">
        <v>31604.208259999999</v>
      </c>
      <c r="AL2833">
        <v>46063.362370000003</v>
      </c>
      <c r="AM2833">
        <v>20874.772150000001</v>
      </c>
      <c r="AN2833">
        <v>74330.297099999996</v>
      </c>
      <c r="AO2833">
        <v>22325.140940000001</v>
      </c>
      <c r="AP2833">
        <v>12515.437459999999</v>
      </c>
    </row>
    <row r="2834" spans="2:42" x14ac:dyDescent="0.3">
      <c r="B2834">
        <v>40.285877168548119</v>
      </c>
      <c r="C2834" s="83">
        <v>43219</v>
      </c>
      <c r="D2834">
        <v>156535.08549999999</v>
      </c>
      <c r="E2834">
        <v>11719.57956</v>
      </c>
      <c r="F2834">
        <v>43736.695959999997</v>
      </c>
      <c r="G2834">
        <v>33693.811909999997</v>
      </c>
      <c r="H2834">
        <v>33441.017619999999</v>
      </c>
      <c r="I2834">
        <v>19796.101890000002</v>
      </c>
      <c r="J2834">
        <v>34803.534979999997</v>
      </c>
      <c r="K2834">
        <v>47303.180119999997</v>
      </c>
      <c r="L2834">
        <v>18988.594550000002</v>
      </c>
      <c r="M2834">
        <v>205396.1888</v>
      </c>
      <c r="N2834">
        <v>62884.068189999998</v>
      </c>
      <c r="O2834">
        <v>18930.364979999998</v>
      </c>
      <c r="P2834">
        <v>29399.590660000002</v>
      </c>
      <c r="Q2834">
        <v>45650.010560000002</v>
      </c>
      <c r="R2834">
        <v>17240.41606</v>
      </c>
      <c r="S2834">
        <v>72899.89271</v>
      </c>
      <c r="T2834">
        <v>21158.099139999998</v>
      </c>
      <c r="U2834">
        <v>12705.73826</v>
      </c>
      <c r="W2834" s="83">
        <f>Bühler!N2866</f>
        <v>45409.999999993131</v>
      </c>
      <c r="X2834" s="83">
        <v>43219</v>
      </c>
      <c r="Y2834">
        <v>156535.08549999999</v>
      </c>
      <c r="Z2834">
        <v>11719.57956</v>
      </c>
      <c r="AA2834">
        <v>43736.695959999997</v>
      </c>
      <c r="AB2834">
        <v>33693.811909999997</v>
      </c>
      <c r="AC2834">
        <v>33441.017619999999</v>
      </c>
      <c r="AD2834">
        <v>19796.101890000002</v>
      </c>
      <c r="AE2834">
        <v>34803.534979999997</v>
      </c>
      <c r="AF2834">
        <v>47303.180119999997</v>
      </c>
      <c r="AG2834">
        <v>18988.594550000002</v>
      </c>
      <c r="AH2834">
        <v>205396.1888</v>
      </c>
      <c r="AI2834">
        <v>62884.068189999998</v>
      </c>
      <c r="AJ2834">
        <v>18930.364979999998</v>
      </c>
      <c r="AK2834">
        <v>29399.590660000002</v>
      </c>
      <c r="AL2834">
        <v>45650.010560000002</v>
      </c>
      <c r="AM2834">
        <v>17240.41606</v>
      </c>
      <c r="AN2834">
        <v>72899.89271</v>
      </c>
      <c r="AO2834">
        <v>21158.099139999998</v>
      </c>
      <c r="AP2834">
        <v>12705.73826</v>
      </c>
    </row>
    <row r="2835" spans="2:42" x14ac:dyDescent="0.3">
      <c r="B2835">
        <v>39.812939497045299</v>
      </c>
      <c r="C2835" s="83">
        <v>43219.041666666664</v>
      </c>
      <c r="D2835">
        <v>156075.85980000001</v>
      </c>
      <c r="E2835">
        <v>11680.10282</v>
      </c>
      <c r="F2835">
        <v>43125.654560000003</v>
      </c>
      <c r="G2835">
        <v>33264.625110000001</v>
      </c>
      <c r="H2835">
        <v>33007.915780000003</v>
      </c>
      <c r="I2835">
        <v>16764.195479999998</v>
      </c>
      <c r="J2835">
        <v>33910.114809999999</v>
      </c>
      <c r="K2835">
        <v>44843.813249999999</v>
      </c>
      <c r="L2835">
        <v>17536.129010000001</v>
      </c>
      <c r="M2835">
        <v>202984.932</v>
      </c>
      <c r="N2835">
        <v>62026.058129999998</v>
      </c>
      <c r="O2835">
        <v>19198.61808</v>
      </c>
      <c r="P2835">
        <v>27542.649600000001</v>
      </c>
      <c r="Q2835">
        <v>46026.24065</v>
      </c>
      <c r="R2835">
        <v>15965.317080000001</v>
      </c>
      <c r="S2835">
        <v>72247.743600000002</v>
      </c>
      <c r="T2835">
        <v>19883.78513</v>
      </c>
      <c r="U2835">
        <v>12282.298870000001</v>
      </c>
      <c r="W2835" s="83">
        <f>Bühler!N2867</f>
        <v>45410.041666659796</v>
      </c>
      <c r="X2835" s="83">
        <v>43219.041666666664</v>
      </c>
      <c r="Y2835">
        <v>156075.85980000001</v>
      </c>
      <c r="Z2835">
        <v>11680.10282</v>
      </c>
      <c r="AA2835">
        <v>43125.654560000003</v>
      </c>
      <c r="AB2835">
        <v>33264.625110000001</v>
      </c>
      <c r="AC2835">
        <v>33007.915780000003</v>
      </c>
      <c r="AD2835">
        <v>16764.195479999998</v>
      </c>
      <c r="AE2835">
        <v>33910.114809999999</v>
      </c>
      <c r="AF2835">
        <v>44843.813249999999</v>
      </c>
      <c r="AG2835">
        <v>17536.129010000001</v>
      </c>
      <c r="AH2835">
        <v>202984.932</v>
      </c>
      <c r="AI2835">
        <v>62026.058129999998</v>
      </c>
      <c r="AJ2835">
        <v>19198.61808</v>
      </c>
      <c r="AK2835">
        <v>27542.649600000001</v>
      </c>
      <c r="AL2835">
        <v>46026.24065</v>
      </c>
      <c r="AM2835">
        <v>15965.317080000001</v>
      </c>
      <c r="AN2835">
        <v>72247.743600000002</v>
      </c>
      <c r="AO2835">
        <v>19883.78513</v>
      </c>
      <c r="AP2835">
        <v>12282.298870000001</v>
      </c>
    </row>
    <row r="2836" spans="2:42" x14ac:dyDescent="0.3">
      <c r="B2836">
        <v>39.989804781528889</v>
      </c>
      <c r="C2836" s="83">
        <v>43219.083333333336</v>
      </c>
      <c r="D2836">
        <v>155643.08180000001</v>
      </c>
      <c r="E2836">
        <v>11698.959790000001</v>
      </c>
      <c r="F2836">
        <v>43618.704539999999</v>
      </c>
      <c r="G2836">
        <v>32708.253970000002</v>
      </c>
      <c r="H2836">
        <v>32943.213900000002</v>
      </c>
      <c r="I2836">
        <v>14647.922909999999</v>
      </c>
      <c r="J2836">
        <v>33869.115409999999</v>
      </c>
      <c r="K2836">
        <v>43346.307549999998</v>
      </c>
      <c r="L2836">
        <v>16714.91792</v>
      </c>
      <c r="M2836">
        <v>203886.67370000001</v>
      </c>
      <c r="N2836">
        <v>60644.553050000002</v>
      </c>
      <c r="O2836">
        <v>18864.888500000001</v>
      </c>
      <c r="P2836">
        <v>26173.104469999998</v>
      </c>
      <c r="Q2836">
        <v>47492.848530000003</v>
      </c>
      <c r="R2836">
        <v>16287.777029999999</v>
      </c>
      <c r="S2836">
        <v>72089.781080000001</v>
      </c>
      <c r="T2836">
        <v>19112.67469</v>
      </c>
      <c r="U2836">
        <v>12618.52923</v>
      </c>
      <c r="W2836" s="83">
        <f>Bühler!N2868</f>
        <v>45410.08333332646</v>
      </c>
      <c r="X2836" s="83">
        <v>43219.083333333336</v>
      </c>
      <c r="Y2836">
        <v>155643.08180000001</v>
      </c>
      <c r="Z2836">
        <v>11698.959790000001</v>
      </c>
      <c r="AA2836">
        <v>43618.704539999999</v>
      </c>
      <c r="AB2836">
        <v>32708.253970000002</v>
      </c>
      <c r="AC2836">
        <v>32943.213900000002</v>
      </c>
      <c r="AD2836">
        <v>14647.922909999999</v>
      </c>
      <c r="AE2836">
        <v>33869.115409999999</v>
      </c>
      <c r="AF2836">
        <v>43346.307549999998</v>
      </c>
      <c r="AG2836">
        <v>16714.91792</v>
      </c>
      <c r="AH2836">
        <v>203886.67370000001</v>
      </c>
      <c r="AI2836">
        <v>60644.553050000002</v>
      </c>
      <c r="AJ2836">
        <v>18864.888500000001</v>
      </c>
      <c r="AK2836">
        <v>26173.104469999998</v>
      </c>
      <c r="AL2836">
        <v>47492.848530000003</v>
      </c>
      <c r="AM2836">
        <v>16287.777029999999</v>
      </c>
      <c r="AN2836">
        <v>72089.781080000001</v>
      </c>
      <c r="AO2836">
        <v>19112.67469</v>
      </c>
      <c r="AP2836">
        <v>12618.52923</v>
      </c>
    </row>
    <row r="2837" spans="2:42" x14ac:dyDescent="0.3">
      <c r="B2837">
        <v>40.84633388402856</v>
      </c>
      <c r="C2837" s="83">
        <v>43219.125</v>
      </c>
      <c r="D2837">
        <v>155086.823</v>
      </c>
      <c r="E2837">
        <v>11738.72819</v>
      </c>
      <c r="F2837">
        <v>43618.151579999998</v>
      </c>
      <c r="G2837">
        <v>32130.281279999999</v>
      </c>
      <c r="H2837">
        <v>32780.20104</v>
      </c>
      <c r="I2837">
        <v>13703.977209999999</v>
      </c>
      <c r="J2837">
        <v>34460.31061</v>
      </c>
      <c r="K2837">
        <v>42730.447679999997</v>
      </c>
      <c r="L2837">
        <v>16081.29679</v>
      </c>
      <c r="M2837">
        <v>208253.65849999999</v>
      </c>
      <c r="N2837">
        <v>60120.937089999999</v>
      </c>
      <c r="O2837">
        <v>19292.388080000001</v>
      </c>
      <c r="P2837">
        <v>25380.213619999999</v>
      </c>
      <c r="Q2837">
        <v>49562.795899999997</v>
      </c>
      <c r="R2837">
        <v>15748.87732</v>
      </c>
      <c r="S2837">
        <v>71412.774309999993</v>
      </c>
      <c r="T2837">
        <v>18944.658810000001</v>
      </c>
      <c r="U2837">
        <v>12578.826499999999</v>
      </c>
      <c r="W2837" s="83">
        <f>Bühler!N2869</f>
        <v>45410.124999993124</v>
      </c>
      <c r="X2837" s="83">
        <v>43219.125</v>
      </c>
      <c r="Y2837">
        <v>155086.823</v>
      </c>
      <c r="Z2837">
        <v>11738.72819</v>
      </c>
      <c r="AA2837">
        <v>43618.151579999998</v>
      </c>
      <c r="AB2837">
        <v>32130.281279999999</v>
      </c>
      <c r="AC2837">
        <v>32780.20104</v>
      </c>
      <c r="AD2837">
        <v>13703.977209999999</v>
      </c>
      <c r="AE2837">
        <v>34460.31061</v>
      </c>
      <c r="AF2837">
        <v>42730.447679999997</v>
      </c>
      <c r="AG2837">
        <v>16081.29679</v>
      </c>
      <c r="AH2837">
        <v>208253.65849999999</v>
      </c>
      <c r="AI2837">
        <v>60120.937089999999</v>
      </c>
      <c r="AJ2837">
        <v>19292.388080000001</v>
      </c>
      <c r="AK2837">
        <v>25380.213619999999</v>
      </c>
      <c r="AL2837">
        <v>49562.795899999997</v>
      </c>
      <c r="AM2837">
        <v>15748.87732</v>
      </c>
      <c r="AN2837">
        <v>71412.774309999993</v>
      </c>
      <c r="AO2837">
        <v>18944.658810000001</v>
      </c>
      <c r="AP2837">
        <v>12578.826499999999</v>
      </c>
    </row>
    <row r="2838" spans="2:42" x14ac:dyDescent="0.3">
      <c r="B2838">
        <v>40.654456438070021</v>
      </c>
      <c r="C2838" s="83">
        <v>43219.166666666664</v>
      </c>
      <c r="D2838">
        <v>153883.60079999999</v>
      </c>
      <c r="E2838">
        <v>11776.947190000001</v>
      </c>
      <c r="F2838">
        <v>43390.78585</v>
      </c>
      <c r="G2838">
        <v>31390.252400000001</v>
      </c>
      <c r="H2838">
        <v>33010.953240000003</v>
      </c>
      <c r="I2838">
        <v>14311.4869</v>
      </c>
      <c r="J2838">
        <v>35767.783060000002</v>
      </c>
      <c r="K2838">
        <v>41476.197079999998</v>
      </c>
      <c r="L2838">
        <v>15795.66466</v>
      </c>
      <c r="M2838">
        <v>207275.37779999999</v>
      </c>
      <c r="N2838">
        <v>57831.105450000003</v>
      </c>
      <c r="O2838">
        <v>19227.84736</v>
      </c>
      <c r="P2838">
        <v>24970.30445</v>
      </c>
      <c r="Q2838">
        <v>49405.167390000002</v>
      </c>
      <c r="R2838">
        <v>15352.98057</v>
      </c>
      <c r="S2838">
        <v>72011.353900000002</v>
      </c>
      <c r="T2838">
        <v>18979.902460000001</v>
      </c>
      <c r="U2838">
        <v>12477.666209999999</v>
      </c>
      <c r="W2838" s="83">
        <f>Bühler!N2870</f>
        <v>45410.166666659788</v>
      </c>
      <c r="X2838" s="83">
        <v>43219.166666666664</v>
      </c>
      <c r="Y2838">
        <v>153883.60079999999</v>
      </c>
      <c r="Z2838">
        <v>11776.947190000001</v>
      </c>
      <c r="AA2838">
        <v>43390.78585</v>
      </c>
      <c r="AB2838">
        <v>31390.252400000001</v>
      </c>
      <c r="AC2838">
        <v>33010.953240000003</v>
      </c>
      <c r="AD2838">
        <v>14311.4869</v>
      </c>
      <c r="AE2838">
        <v>35767.783060000002</v>
      </c>
      <c r="AF2838">
        <v>41476.197079999998</v>
      </c>
      <c r="AG2838">
        <v>15795.66466</v>
      </c>
      <c r="AH2838">
        <v>207275.37779999999</v>
      </c>
      <c r="AI2838">
        <v>57831.105450000003</v>
      </c>
      <c r="AJ2838">
        <v>19227.84736</v>
      </c>
      <c r="AK2838">
        <v>24970.30445</v>
      </c>
      <c r="AL2838">
        <v>49405.167390000002</v>
      </c>
      <c r="AM2838">
        <v>15352.98057</v>
      </c>
      <c r="AN2838">
        <v>72011.353900000002</v>
      </c>
      <c r="AO2838">
        <v>18979.902460000001</v>
      </c>
      <c r="AP2838">
        <v>12477.666209999999</v>
      </c>
    </row>
    <row r="2839" spans="2:42" x14ac:dyDescent="0.3">
      <c r="B2839">
        <v>40.69758497619344</v>
      </c>
      <c r="C2839" s="83">
        <v>43219.208333333336</v>
      </c>
      <c r="D2839">
        <v>153082.48509999999</v>
      </c>
      <c r="E2839">
        <v>11994.094929999999</v>
      </c>
      <c r="F2839">
        <v>45032.164340000003</v>
      </c>
      <c r="G2839">
        <v>31511.107189999999</v>
      </c>
      <c r="H2839">
        <v>33135.358090000002</v>
      </c>
      <c r="I2839">
        <v>17979.916740000001</v>
      </c>
      <c r="J2839">
        <v>38589.430489999999</v>
      </c>
      <c r="K2839">
        <v>40691.705450000001</v>
      </c>
      <c r="L2839">
        <v>16160.13126</v>
      </c>
      <c r="M2839">
        <v>207495.2672</v>
      </c>
      <c r="N2839">
        <v>57910.830179999997</v>
      </c>
      <c r="O2839">
        <v>19382.847259999999</v>
      </c>
      <c r="P2839">
        <v>25459.072069999998</v>
      </c>
      <c r="Q2839">
        <v>49621.065210000001</v>
      </c>
      <c r="R2839">
        <v>17201.701959999999</v>
      </c>
      <c r="S2839">
        <v>73404.582739999998</v>
      </c>
      <c r="T2839">
        <v>19344.60324</v>
      </c>
      <c r="U2839">
        <v>13250.40545</v>
      </c>
      <c r="W2839" s="83">
        <f>Bühler!N2871</f>
        <v>45410.208333326453</v>
      </c>
      <c r="X2839" s="83">
        <v>43219.208333333336</v>
      </c>
      <c r="Y2839">
        <v>153082.48509999999</v>
      </c>
      <c r="Z2839">
        <v>11994.094929999999</v>
      </c>
      <c r="AA2839">
        <v>45032.164340000003</v>
      </c>
      <c r="AB2839">
        <v>31511.107189999999</v>
      </c>
      <c r="AC2839">
        <v>33135.358090000002</v>
      </c>
      <c r="AD2839">
        <v>17979.916740000001</v>
      </c>
      <c r="AE2839">
        <v>38589.430489999999</v>
      </c>
      <c r="AF2839">
        <v>40691.705450000001</v>
      </c>
      <c r="AG2839">
        <v>16160.13126</v>
      </c>
      <c r="AH2839">
        <v>207495.2672</v>
      </c>
      <c r="AI2839">
        <v>57910.830179999997</v>
      </c>
      <c r="AJ2839">
        <v>19382.847259999999</v>
      </c>
      <c r="AK2839">
        <v>25459.072069999998</v>
      </c>
      <c r="AL2839">
        <v>49621.065210000001</v>
      </c>
      <c r="AM2839">
        <v>17201.701959999999</v>
      </c>
      <c r="AN2839">
        <v>73404.582739999998</v>
      </c>
      <c r="AO2839">
        <v>19344.60324</v>
      </c>
      <c r="AP2839">
        <v>13250.40545</v>
      </c>
    </row>
    <row r="2840" spans="2:42" x14ac:dyDescent="0.3">
      <c r="B2840">
        <v>40.446342344765448</v>
      </c>
      <c r="C2840" s="83">
        <v>43219.25</v>
      </c>
      <c r="D2840">
        <v>151913.22200000001</v>
      </c>
      <c r="E2840">
        <v>12306.2862</v>
      </c>
      <c r="F2840">
        <v>47950.479749999999</v>
      </c>
      <c r="G2840">
        <v>31975.849399999999</v>
      </c>
      <c r="H2840">
        <v>32746.81352</v>
      </c>
      <c r="I2840">
        <v>19924.08526</v>
      </c>
      <c r="J2840">
        <v>40808.046889999998</v>
      </c>
      <c r="K2840">
        <v>40345.114439999998</v>
      </c>
      <c r="L2840">
        <v>16713.420610000001</v>
      </c>
      <c r="M2840">
        <v>206214.31510000001</v>
      </c>
      <c r="N2840">
        <v>58255.324560000001</v>
      </c>
      <c r="O2840">
        <v>19607.125049999999</v>
      </c>
      <c r="P2840">
        <v>26387.192350000001</v>
      </c>
      <c r="Q2840">
        <v>49380.735249999998</v>
      </c>
      <c r="R2840">
        <v>14343.98785</v>
      </c>
      <c r="S2840">
        <v>77296.118069999997</v>
      </c>
      <c r="T2840">
        <v>19876.817849999999</v>
      </c>
      <c r="U2840">
        <v>12628.33159</v>
      </c>
      <c r="W2840" s="83">
        <f>Bühler!N2872</f>
        <v>45410.249999993117</v>
      </c>
      <c r="X2840" s="83">
        <v>43219.25</v>
      </c>
      <c r="Y2840">
        <v>151913.22200000001</v>
      </c>
      <c r="Z2840">
        <v>12306.2862</v>
      </c>
      <c r="AA2840">
        <v>47950.479749999999</v>
      </c>
      <c r="AB2840">
        <v>31975.849399999999</v>
      </c>
      <c r="AC2840">
        <v>32746.81352</v>
      </c>
      <c r="AD2840">
        <v>19924.08526</v>
      </c>
      <c r="AE2840">
        <v>40808.046889999998</v>
      </c>
      <c r="AF2840">
        <v>40345.114439999998</v>
      </c>
      <c r="AG2840">
        <v>16713.420610000001</v>
      </c>
      <c r="AH2840">
        <v>206214.31510000001</v>
      </c>
      <c r="AI2840">
        <v>58255.324560000001</v>
      </c>
      <c r="AJ2840">
        <v>19607.125049999999</v>
      </c>
      <c r="AK2840">
        <v>26387.192350000001</v>
      </c>
      <c r="AL2840">
        <v>49380.735249999998</v>
      </c>
      <c r="AM2840">
        <v>14343.98785</v>
      </c>
      <c r="AN2840">
        <v>77296.118069999997</v>
      </c>
      <c r="AO2840">
        <v>19876.817849999999</v>
      </c>
      <c r="AP2840">
        <v>12628.33159</v>
      </c>
    </row>
    <row r="2841" spans="2:42" x14ac:dyDescent="0.3">
      <c r="B2841">
        <v>40.989552481745129</v>
      </c>
      <c r="C2841" s="83">
        <v>43219.291666666664</v>
      </c>
      <c r="D2841">
        <v>150778.0643</v>
      </c>
      <c r="E2841">
        <v>12378.07777</v>
      </c>
      <c r="F2841">
        <v>49736.388400000003</v>
      </c>
      <c r="G2841">
        <v>31993.893520000001</v>
      </c>
      <c r="H2841">
        <v>32009.458900000001</v>
      </c>
      <c r="I2841">
        <v>20957.550480000002</v>
      </c>
      <c r="J2841">
        <v>40196.243589999998</v>
      </c>
      <c r="K2841">
        <v>39368.097909999997</v>
      </c>
      <c r="L2841">
        <v>18252.5576</v>
      </c>
      <c r="M2841">
        <v>208983.85370000001</v>
      </c>
      <c r="N2841">
        <v>58412.740969999999</v>
      </c>
      <c r="O2841">
        <v>18859.667819999999</v>
      </c>
      <c r="P2841">
        <v>28920.72783</v>
      </c>
      <c r="Q2841">
        <v>47985.542889999997</v>
      </c>
      <c r="R2841">
        <v>13794.63312</v>
      </c>
      <c r="S2841">
        <v>81599.852620000005</v>
      </c>
      <c r="T2841">
        <v>20976.632900000001</v>
      </c>
      <c r="U2841">
        <v>12128.430920000001</v>
      </c>
      <c r="W2841" s="83">
        <f>Bühler!N2873</f>
        <v>45410.291666659781</v>
      </c>
      <c r="X2841" s="83">
        <v>43219.291666666664</v>
      </c>
      <c r="Y2841">
        <v>150778.0643</v>
      </c>
      <c r="Z2841">
        <v>12378.07777</v>
      </c>
      <c r="AA2841">
        <v>49736.388400000003</v>
      </c>
      <c r="AB2841">
        <v>31993.893520000001</v>
      </c>
      <c r="AC2841">
        <v>32009.458900000001</v>
      </c>
      <c r="AD2841">
        <v>20957.550480000002</v>
      </c>
      <c r="AE2841">
        <v>40196.243589999998</v>
      </c>
      <c r="AF2841">
        <v>39368.097909999997</v>
      </c>
      <c r="AG2841">
        <v>18252.5576</v>
      </c>
      <c r="AH2841">
        <v>208983.85370000001</v>
      </c>
      <c r="AI2841">
        <v>58412.740969999999</v>
      </c>
      <c r="AJ2841">
        <v>18859.667819999999</v>
      </c>
      <c r="AK2841">
        <v>28920.72783</v>
      </c>
      <c r="AL2841">
        <v>47985.542889999997</v>
      </c>
      <c r="AM2841">
        <v>13794.63312</v>
      </c>
      <c r="AN2841">
        <v>81599.852620000005</v>
      </c>
      <c r="AO2841">
        <v>20976.632900000001</v>
      </c>
      <c r="AP2841">
        <v>12128.430920000001</v>
      </c>
    </row>
    <row r="2842" spans="2:42" x14ac:dyDescent="0.3">
      <c r="B2842">
        <v>40.352832322726712</v>
      </c>
      <c r="C2842" s="83">
        <v>43219.333333333336</v>
      </c>
      <c r="D2842">
        <v>150789.42180000001</v>
      </c>
      <c r="E2842">
        <v>13325.57336</v>
      </c>
      <c r="F2842">
        <v>50859.395299999996</v>
      </c>
      <c r="G2842">
        <v>32058.754420000001</v>
      </c>
      <c r="H2842">
        <v>32357.747599999999</v>
      </c>
      <c r="I2842">
        <v>21633.595270000002</v>
      </c>
      <c r="J2842">
        <v>41040.457990000003</v>
      </c>
      <c r="K2842">
        <v>40686.875260000001</v>
      </c>
      <c r="L2842">
        <v>20977.649359999999</v>
      </c>
      <c r="M2842">
        <v>205737.55739999999</v>
      </c>
      <c r="N2842">
        <v>59183.240610000001</v>
      </c>
      <c r="O2842">
        <v>19216.02331</v>
      </c>
      <c r="P2842">
        <v>31523.9205</v>
      </c>
      <c r="Q2842">
        <v>47761.617749999998</v>
      </c>
      <c r="R2842">
        <v>14824.893910000001</v>
      </c>
      <c r="S2842">
        <v>83846.548809999993</v>
      </c>
      <c r="T2842">
        <v>23148.643779999999</v>
      </c>
      <c r="U2842">
        <v>11974.59512</v>
      </c>
      <c r="W2842" s="83">
        <f>Bühler!N2874</f>
        <v>45410.333333326445</v>
      </c>
      <c r="X2842" s="83">
        <v>43219.333333333336</v>
      </c>
      <c r="Y2842">
        <v>150789.42180000001</v>
      </c>
      <c r="Z2842">
        <v>13325.57336</v>
      </c>
      <c r="AA2842">
        <v>50859.395299999996</v>
      </c>
      <c r="AB2842">
        <v>32058.754420000001</v>
      </c>
      <c r="AC2842">
        <v>32357.747599999999</v>
      </c>
      <c r="AD2842">
        <v>21633.595270000002</v>
      </c>
      <c r="AE2842">
        <v>41040.457990000003</v>
      </c>
      <c r="AF2842">
        <v>40686.875260000001</v>
      </c>
      <c r="AG2842">
        <v>20977.649359999999</v>
      </c>
      <c r="AH2842">
        <v>205737.55739999999</v>
      </c>
      <c r="AI2842">
        <v>59183.240610000001</v>
      </c>
      <c r="AJ2842">
        <v>19216.02331</v>
      </c>
      <c r="AK2842">
        <v>31523.9205</v>
      </c>
      <c r="AL2842">
        <v>47761.617749999998</v>
      </c>
      <c r="AM2842">
        <v>14824.893910000001</v>
      </c>
      <c r="AN2842">
        <v>83846.548809999993</v>
      </c>
      <c r="AO2842">
        <v>23148.643779999999</v>
      </c>
      <c r="AP2842">
        <v>11974.59512</v>
      </c>
    </row>
    <row r="2843" spans="2:42" x14ac:dyDescent="0.3">
      <c r="B2843">
        <v>40.03937643367852</v>
      </c>
      <c r="C2843" s="83">
        <v>43219.375</v>
      </c>
      <c r="D2843">
        <v>150990.6477</v>
      </c>
      <c r="E2843">
        <v>14217.74905</v>
      </c>
      <c r="F2843">
        <v>54508.966990000001</v>
      </c>
      <c r="G2843">
        <v>32211.588629999998</v>
      </c>
      <c r="H2843">
        <v>32349.76931</v>
      </c>
      <c r="I2843">
        <v>21430.64414</v>
      </c>
      <c r="J2843">
        <v>41722.446250000001</v>
      </c>
      <c r="K2843">
        <v>42255.358260000001</v>
      </c>
      <c r="L2843">
        <v>23837.141629999998</v>
      </c>
      <c r="M2843">
        <v>204139.41310000001</v>
      </c>
      <c r="N2843">
        <v>59101.549189999998</v>
      </c>
      <c r="O2843">
        <v>19363.089199999999</v>
      </c>
      <c r="P2843">
        <v>34003.995349999997</v>
      </c>
      <c r="Q2843">
        <v>47372.705779999997</v>
      </c>
      <c r="R2843">
        <v>15072.656429999999</v>
      </c>
      <c r="S2843">
        <v>85477.983479999995</v>
      </c>
      <c r="T2843">
        <v>24782.970890000001</v>
      </c>
      <c r="U2843">
        <v>11699.725270000001</v>
      </c>
      <c r="W2843" s="83">
        <f>Bühler!N2875</f>
        <v>45410.37499999311</v>
      </c>
      <c r="X2843" s="83">
        <v>43219.375</v>
      </c>
      <c r="Y2843">
        <v>150990.6477</v>
      </c>
      <c r="Z2843">
        <v>14217.74905</v>
      </c>
      <c r="AA2843">
        <v>54508.966990000001</v>
      </c>
      <c r="AB2843">
        <v>32211.588629999998</v>
      </c>
      <c r="AC2843">
        <v>32349.76931</v>
      </c>
      <c r="AD2843">
        <v>21430.64414</v>
      </c>
      <c r="AE2843">
        <v>41722.446250000001</v>
      </c>
      <c r="AF2843">
        <v>42255.358260000001</v>
      </c>
      <c r="AG2843">
        <v>23837.141629999998</v>
      </c>
      <c r="AH2843">
        <v>204139.41310000001</v>
      </c>
      <c r="AI2843">
        <v>59101.549189999998</v>
      </c>
      <c r="AJ2843">
        <v>19363.089199999999</v>
      </c>
      <c r="AK2843">
        <v>34003.995349999997</v>
      </c>
      <c r="AL2843">
        <v>47372.705779999997</v>
      </c>
      <c r="AM2843">
        <v>15072.656429999999</v>
      </c>
      <c r="AN2843">
        <v>85477.983479999995</v>
      </c>
      <c r="AO2843">
        <v>24782.970890000001</v>
      </c>
      <c r="AP2843">
        <v>11699.725270000001</v>
      </c>
    </row>
    <row r="2844" spans="2:42" x14ac:dyDescent="0.3">
      <c r="B2844">
        <v>40.213082983962479</v>
      </c>
      <c r="C2844" s="83">
        <v>43219.416666666664</v>
      </c>
      <c r="D2844">
        <v>151379.5049</v>
      </c>
      <c r="E2844">
        <v>15082.85554</v>
      </c>
      <c r="F2844">
        <v>55021.953679999999</v>
      </c>
      <c r="G2844">
        <v>32234.754000000001</v>
      </c>
      <c r="H2844">
        <v>32784.558870000001</v>
      </c>
      <c r="I2844">
        <v>21745.035390000001</v>
      </c>
      <c r="J2844">
        <v>40432.25217</v>
      </c>
      <c r="K2844">
        <v>43337.883240000003</v>
      </c>
      <c r="L2844">
        <v>26488.902389999999</v>
      </c>
      <c r="M2844">
        <v>205025.05009999999</v>
      </c>
      <c r="N2844">
        <v>59961.609550000001</v>
      </c>
      <c r="O2844">
        <v>19163.634699999999</v>
      </c>
      <c r="P2844">
        <v>34962.690439999998</v>
      </c>
      <c r="Q2844">
        <v>47745.334060000001</v>
      </c>
      <c r="R2844">
        <v>15932.88983</v>
      </c>
      <c r="S2844">
        <v>85860.113899999997</v>
      </c>
      <c r="T2844">
        <v>26948.906279999999</v>
      </c>
      <c r="U2844">
        <v>11877.3722</v>
      </c>
      <c r="W2844" s="83">
        <f>Bühler!N2876</f>
        <v>45410.416666659774</v>
      </c>
      <c r="X2844" s="83">
        <v>43219.416666666664</v>
      </c>
      <c r="Y2844">
        <v>151379.5049</v>
      </c>
      <c r="Z2844">
        <v>15082.85554</v>
      </c>
      <c r="AA2844">
        <v>55021.953679999999</v>
      </c>
      <c r="AB2844">
        <v>32234.754000000001</v>
      </c>
      <c r="AC2844">
        <v>32784.558870000001</v>
      </c>
      <c r="AD2844">
        <v>21745.035390000001</v>
      </c>
      <c r="AE2844">
        <v>40432.25217</v>
      </c>
      <c r="AF2844">
        <v>43337.883240000003</v>
      </c>
      <c r="AG2844">
        <v>26488.902389999999</v>
      </c>
      <c r="AH2844">
        <v>205025.05009999999</v>
      </c>
      <c r="AI2844">
        <v>59961.609550000001</v>
      </c>
      <c r="AJ2844">
        <v>19163.634699999999</v>
      </c>
      <c r="AK2844">
        <v>34962.690439999998</v>
      </c>
      <c r="AL2844">
        <v>47745.334060000001</v>
      </c>
      <c r="AM2844">
        <v>15932.88983</v>
      </c>
      <c r="AN2844">
        <v>85860.113899999997</v>
      </c>
      <c r="AO2844">
        <v>26948.906279999999</v>
      </c>
      <c r="AP2844">
        <v>11877.3722</v>
      </c>
    </row>
    <row r="2845" spans="2:42" x14ac:dyDescent="0.3">
      <c r="B2845">
        <v>41.020081897761692</v>
      </c>
      <c r="C2845" s="83">
        <v>43219.458333333336</v>
      </c>
      <c r="D2845">
        <v>151501.01740000001</v>
      </c>
      <c r="E2845">
        <v>15081.0136</v>
      </c>
      <c r="F2845">
        <v>55028.866629999997</v>
      </c>
      <c r="G2845">
        <v>32376.55312</v>
      </c>
      <c r="H2845">
        <v>32762.23012</v>
      </c>
      <c r="I2845">
        <v>21581.14847</v>
      </c>
      <c r="J2845">
        <v>40187.066709999999</v>
      </c>
      <c r="K2845">
        <v>44495.168369999999</v>
      </c>
      <c r="L2845">
        <v>27484.889770000002</v>
      </c>
      <c r="M2845">
        <v>209139.50690000001</v>
      </c>
      <c r="N2845">
        <v>61473.730869999999</v>
      </c>
      <c r="O2845">
        <v>18337.41822</v>
      </c>
      <c r="P2845">
        <v>34929.240089999999</v>
      </c>
      <c r="Q2845">
        <v>46812.659079999998</v>
      </c>
      <c r="R2845">
        <v>17761.402719999998</v>
      </c>
      <c r="S2845">
        <v>87658.43247</v>
      </c>
      <c r="T2845">
        <v>27721.019349999999</v>
      </c>
      <c r="U2845">
        <v>11704.22208</v>
      </c>
      <c r="W2845" s="83">
        <f>Bühler!N2877</f>
        <v>45410.458333326438</v>
      </c>
      <c r="X2845" s="83">
        <v>43219.458333333336</v>
      </c>
      <c r="Y2845">
        <v>151501.01740000001</v>
      </c>
      <c r="Z2845">
        <v>15081.0136</v>
      </c>
      <c r="AA2845">
        <v>55028.866629999997</v>
      </c>
      <c r="AB2845">
        <v>32376.55312</v>
      </c>
      <c r="AC2845">
        <v>32762.23012</v>
      </c>
      <c r="AD2845">
        <v>21581.14847</v>
      </c>
      <c r="AE2845">
        <v>40187.066709999999</v>
      </c>
      <c r="AF2845">
        <v>44495.168369999999</v>
      </c>
      <c r="AG2845">
        <v>27484.889770000002</v>
      </c>
      <c r="AH2845">
        <v>209139.50690000001</v>
      </c>
      <c r="AI2845">
        <v>61473.730869999999</v>
      </c>
      <c r="AJ2845">
        <v>18337.41822</v>
      </c>
      <c r="AK2845">
        <v>34929.240089999999</v>
      </c>
      <c r="AL2845">
        <v>46812.659079999998</v>
      </c>
      <c r="AM2845">
        <v>17761.402719999998</v>
      </c>
      <c r="AN2845">
        <v>87658.43247</v>
      </c>
      <c r="AO2845">
        <v>27721.019349999999</v>
      </c>
      <c r="AP2845">
        <v>11704.22208</v>
      </c>
    </row>
    <row r="2846" spans="2:42" x14ac:dyDescent="0.3">
      <c r="B2846">
        <v>41.238971015615896</v>
      </c>
      <c r="C2846" s="83">
        <v>43219.5</v>
      </c>
      <c r="D2846">
        <v>152076.0337</v>
      </c>
      <c r="E2846">
        <v>14941.298199999999</v>
      </c>
      <c r="F2846">
        <v>52787.370300000002</v>
      </c>
      <c r="G2846">
        <v>32184.450069999999</v>
      </c>
      <c r="H2846">
        <v>32629.151109999999</v>
      </c>
      <c r="I2846">
        <v>21630.85484</v>
      </c>
      <c r="J2846">
        <v>40646.79494</v>
      </c>
      <c r="K2846">
        <v>43863.861429999997</v>
      </c>
      <c r="L2846">
        <v>29596.814969999999</v>
      </c>
      <c r="M2846">
        <v>210255.50570000001</v>
      </c>
      <c r="N2846">
        <v>61747.024109999998</v>
      </c>
      <c r="O2846">
        <v>17927.74811</v>
      </c>
      <c r="P2846">
        <v>35030.997909999998</v>
      </c>
      <c r="Q2846">
        <v>45861.461309999999</v>
      </c>
      <c r="R2846">
        <v>16681.203710000002</v>
      </c>
      <c r="S2846">
        <v>83978.516210000002</v>
      </c>
      <c r="T2846">
        <v>27441.87542</v>
      </c>
      <c r="U2846">
        <v>11442.87919</v>
      </c>
      <c r="W2846" s="83">
        <f>Bühler!N2878</f>
        <v>45410.499999993102</v>
      </c>
      <c r="X2846" s="83">
        <v>43219.5</v>
      </c>
      <c r="Y2846">
        <v>152076.0337</v>
      </c>
      <c r="Z2846">
        <v>14941.298199999999</v>
      </c>
      <c r="AA2846">
        <v>52787.370300000002</v>
      </c>
      <c r="AB2846">
        <v>32184.450069999999</v>
      </c>
      <c r="AC2846">
        <v>32629.151109999999</v>
      </c>
      <c r="AD2846">
        <v>21630.85484</v>
      </c>
      <c r="AE2846">
        <v>40646.79494</v>
      </c>
      <c r="AF2846">
        <v>43863.861429999997</v>
      </c>
      <c r="AG2846">
        <v>29596.814969999999</v>
      </c>
      <c r="AH2846">
        <v>210255.50570000001</v>
      </c>
      <c r="AI2846">
        <v>61747.024109999998</v>
      </c>
      <c r="AJ2846">
        <v>17927.74811</v>
      </c>
      <c r="AK2846">
        <v>35030.997909999998</v>
      </c>
      <c r="AL2846">
        <v>45861.461309999999</v>
      </c>
      <c r="AM2846">
        <v>16681.203710000002</v>
      </c>
      <c r="AN2846">
        <v>83978.516210000002</v>
      </c>
      <c r="AO2846">
        <v>27441.87542</v>
      </c>
      <c r="AP2846">
        <v>11442.87919</v>
      </c>
    </row>
    <row r="2847" spans="2:42" x14ac:dyDescent="0.3">
      <c r="B2847">
        <v>41.431376306581043</v>
      </c>
      <c r="C2847" s="83">
        <v>43219.541666666664</v>
      </c>
      <c r="D2847">
        <v>152330.45000000001</v>
      </c>
      <c r="E2847">
        <v>14566.54501</v>
      </c>
      <c r="F2847">
        <v>44095.905610000002</v>
      </c>
      <c r="G2847">
        <v>32035.73461</v>
      </c>
      <c r="H2847">
        <v>31947.296259999999</v>
      </c>
      <c r="I2847">
        <v>21904.46387</v>
      </c>
      <c r="J2847">
        <v>39669.0939</v>
      </c>
      <c r="K2847">
        <v>43960.787510000002</v>
      </c>
      <c r="L2847">
        <v>29383.772779999999</v>
      </c>
      <c r="M2847">
        <v>211236.47760000001</v>
      </c>
      <c r="N2847">
        <v>60677.00606</v>
      </c>
      <c r="O2847">
        <v>17678.25344</v>
      </c>
      <c r="P2847">
        <v>33248.83294</v>
      </c>
      <c r="Q2847">
        <v>44960.252330000003</v>
      </c>
      <c r="R2847">
        <v>16427.668829999999</v>
      </c>
      <c r="S2847">
        <v>84591.558069999999</v>
      </c>
      <c r="T2847">
        <v>26921.9496</v>
      </c>
      <c r="U2847">
        <v>11090.565329999999</v>
      </c>
      <c r="W2847" s="83">
        <f>Bühler!N2879</f>
        <v>45410.541666659767</v>
      </c>
      <c r="X2847" s="83">
        <v>43219.541666666664</v>
      </c>
      <c r="Y2847">
        <v>152330.45000000001</v>
      </c>
      <c r="Z2847">
        <v>14566.54501</v>
      </c>
      <c r="AA2847">
        <v>44095.905610000002</v>
      </c>
      <c r="AB2847">
        <v>32035.73461</v>
      </c>
      <c r="AC2847">
        <v>31947.296259999999</v>
      </c>
      <c r="AD2847">
        <v>21904.46387</v>
      </c>
      <c r="AE2847">
        <v>39669.0939</v>
      </c>
      <c r="AF2847">
        <v>43960.787510000002</v>
      </c>
      <c r="AG2847">
        <v>29383.772779999999</v>
      </c>
      <c r="AH2847">
        <v>211236.47760000001</v>
      </c>
      <c r="AI2847">
        <v>60677.00606</v>
      </c>
      <c r="AJ2847">
        <v>17678.25344</v>
      </c>
      <c r="AK2847">
        <v>33248.83294</v>
      </c>
      <c r="AL2847">
        <v>44960.252330000003</v>
      </c>
      <c r="AM2847">
        <v>16427.668829999999</v>
      </c>
      <c r="AN2847">
        <v>84591.558069999999</v>
      </c>
      <c r="AO2847">
        <v>26921.9496</v>
      </c>
      <c r="AP2847">
        <v>11090.565329999999</v>
      </c>
    </row>
    <row r="2848" spans="2:42" x14ac:dyDescent="0.3">
      <c r="B2848">
        <v>41.268016377508623</v>
      </c>
      <c r="C2848" s="83">
        <v>43219.583333333336</v>
      </c>
      <c r="D2848">
        <v>152558.122</v>
      </c>
      <c r="E2848">
        <v>14799.219880000001</v>
      </c>
      <c r="F2848">
        <v>43482.719190000003</v>
      </c>
      <c r="G2848">
        <v>32059.157889999999</v>
      </c>
      <c r="H2848">
        <v>31847.956709999999</v>
      </c>
      <c r="I2848">
        <v>21871.501110000001</v>
      </c>
      <c r="J2848">
        <v>38802.026539999999</v>
      </c>
      <c r="K2848">
        <v>43421.624929999998</v>
      </c>
      <c r="L2848">
        <v>27671.26498</v>
      </c>
      <c r="M2848">
        <v>210403.5925</v>
      </c>
      <c r="N2848">
        <v>61140.941789999997</v>
      </c>
      <c r="O2848">
        <v>17384.88795</v>
      </c>
      <c r="P2848">
        <v>30334.103520000001</v>
      </c>
      <c r="Q2848">
        <v>45078.06263</v>
      </c>
      <c r="R2848">
        <v>16208.639090000001</v>
      </c>
      <c r="S2848">
        <v>81962.307230000006</v>
      </c>
      <c r="T2848">
        <v>26588.163909999999</v>
      </c>
      <c r="U2848">
        <v>11505.7106</v>
      </c>
      <c r="W2848" s="83">
        <f>Bühler!N2880</f>
        <v>45410.583333326431</v>
      </c>
      <c r="X2848" s="83">
        <v>43219.583333333336</v>
      </c>
      <c r="Y2848">
        <v>152558.122</v>
      </c>
      <c r="Z2848">
        <v>14799.219880000001</v>
      </c>
      <c r="AA2848">
        <v>43482.719190000003</v>
      </c>
      <c r="AB2848">
        <v>32059.157889999999</v>
      </c>
      <c r="AC2848">
        <v>31847.956709999999</v>
      </c>
      <c r="AD2848">
        <v>21871.501110000001</v>
      </c>
      <c r="AE2848">
        <v>38802.026539999999</v>
      </c>
      <c r="AF2848">
        <v>43421.624929999998</v>
      </c>
      <c r="AG2848">
        <v>27671.26498</v>
      </c>
      <c r="AH2848">
        <v>210403.5925</v>
      </c>
      <c r="AI2848">
        <v>61140.941789999997</v>
      </c>
      <c r="AJ2848">
        <v>17384.88795</v>
      </c>
      <c r="AK2848">
        <v>30334.103520000001</v>
      </c>
      <c r="AL2848">
        <v>45078.06263</v>
      </c>
      <c r="AM2848">
        <v>16208.639090000001</v>
      </c>
      <c r="AN2848">
        <v>81962.307230000006</v>
      </c>
      <c r="AO2848">
        <v>26588.163909999999</v>
      </c>
      <c r="AP2848">
        <v>11505.7106</v>
      </c>
    </row>
    <row r="2849" spans="2:42" x14ac:dyDescent="0.3">
      <c r="B2849">
        <v>41.721706653144089</v>
      </c>
      <c r="C2849" s="83">
        <v>43219.625</v>
      </c>
      <c r="D2849">
        <v>153138.47140000001</v>
      </c>
      <c r="E2849">
        <v>14800.43038</v>
      </c>
      <c r="F2849">
        <v>43766.751080000002</v>
      </c>
      <c r="G2849">
        <v>31864.564979999999</v>
      </c>
      <c r="H2849">
        <v>31503.220109999998</v>
      </c>
      <c r="I2849">
        <v>21456.19195</v>
      </c>
      <c r="J2849">
        <v>38211.340120000001</v>
      </c>
      <c r="K2849">
        <v>44135.323450000004</v>
      </c>
      <c r="L2849">
        <v>25964.008529999999</v>
      </c>
      <c r="M2849">
        <v>212716.71710000001</v>
      </c>
      <c r="N2849">
        <v>61672.706619999997</v>
      </c>
      <c r="O2849">
        <v>17456.3586</v>
      </c>
      <c r="P2849">
        <v>28134.768039999999</v>
      </c>
      <c r="Q2849">
        <v>45390.786249999997</v>
      </c>
      <c r="R2849">
        <v>16001.410819999999</v>
      </c>
      <c r="S2849">
        <v>82192.658850000007</v>
      </c>
      <c r="T2849">
        <v>26734.897489999999</v>
      </c>
      <c r="U2849">
        <v>11275.34978</v>
      </c>
      <c r="W2849" s="83">
        <f>Bühler!N2881</f>
        <v>45410.624999993095</v>
      </c>
      <c r="X2849" s="83">
        <v>43219.625</v>
      </c>
      <c r="Y2849">
        <v>153138.47140000001</v>
      </c>
      <c r="Z2849">
        <v>14800.43038</v>
      </c>
      <c r="AA2849">
        <v>43766.751080000002</v>
      </c>
      <c r="AB2849">
        <v>31864.564979999999</v>
      </c>
      <c r="AC2849">
        <v>31503.220109999998</v>
      </c>
      <c r="AD2849">
        <v>21456.19195</v>
      </c>
      <c r="AE2849">
        <v>38211.340120000001</v>
      </c>
      <c r="AF2849">
        <v>44135.323450000004</v>
      </c>
      <c r="AG2849">
        <v>25964.008529999999</v>
      </c>
      <c r="AH2849">
        <v>212716.71710000001</v>
      </c>
      <c r="AI2849">
        <v>61672.706619999997</v>
      </c>
      <c r="AJ2849">
        <v>17456.3586</v>
      </c>
      <c r="AK2849">
        <v>28134.768039999999</v>
      </c>
      <c r="AL2849">
        <v>45390.786249999997</v>
      </c>
      <c r="AM2849">
        <v>16001.410819999999</v>
      </c>
      <c r="AN2849">
        <v>82192.658850000007</v>
      </c>
      <c r="AO2849">
        <v>26734.897489999999</v>
      </c>
      <c r="AP2849">
        <v>11275.34978</v>
      </c>
    </row>
    <row r="2850" spans="2:42" x14ac:dyDescent="0.3">
      <c r="B2850">
        <v>41.37743551702696</v>
      </c>
      <c r="C2850" s="83">
        <v>43219.666666666664</v>
      </c>
      <c r="D2850">
        <v>153193.67819999999</v>
      </c>
      <c r="E2850">
        <v>14835.043180000001</v>
      </c>
      <c r="F2850">
        <v>42833.885990000002</v>
      </c>
      <c r="G2850">
        <v>31687.731599999999</v>
      </c>
      <c r="H2850">
        <v>31511.282299999999</v>
      </c>
      <c r="I2850">
        <v>21771.98227</v>
      </c>
      <c r="J2850">
        <v>37416.661910000003</v>
      </c>
      <c r="K2850">
        <v>42266.213259999997</v>
      </c>
      <c r="L2850">
        <v>25157.843349999999</v>
      </c>
      <c r="M2850">
        <v>210961.46230000001</v>
      </c>
      <c r="N2850">
        <v>61127.174010000002</v>
      </c>
      <c r="O2850">
        <v>17553.22666</v>
      </c>
      <c r="P2850">
        <v>26935.690890000002</v>
      </c>
      <c r="Q2850">
        <v>45800.792560000002</v>
      </c>
      <c r="R2850">
        <v>15972.55171</v>
      </c>
      <c r="S2850">
        <v>82450.326950000002</v>
      </c>
      <c r="T2850">
        <v>26549.776620000001</v>
      </c>
      <c r="U2850">
        <v>11309.295990000001</v>
      </c>
      <c r="W2850" s="83">
        <f>Bühler!N2882</f>
        <v>45410.666666659759</v>
      </c>
      <c r="X2850" s="83">
        <v>43219.666666666664</v>
      </c>
      <c r="Y2850">
        <v>153193.67819999999</v>
      </c>
      <c r="Z2850">
        <v>14835.043180000001</v>
      </c>
      <c r="AA2850">
        <v>42833.885990000002</v>
      </c>
      <c r="AB2850">
        <v>31687.731599999999</v>
      </c>
      <c r="AC2850">
        <v>31511.282299999999</v>
      </c>
      <c r="AD2850">
        <v>21771.98227</v>
      </c>
      <c r="AE2850">
        <v>37416.661910000003</v>
      </c>
      <c r="AF2850">
        <v>42266.213259999997</v>
      </c>
      <c r="AG2850">
        <v>25157.843349999999</v>
      </c>
      <c r="AH2850">
        <v>210961.46230000001</v>
      </c>
      <c r="AI2850">
        <v>61127.174010000002</v>
      </c>
      <c r="AJ2850">
        <v>17553.22666</v>
      </c>
      <c r="AK2850">
        <v>26935.690890000002</v>
      </c>
      <c r="AL2850">
        <v>45800.792560000002</v>
      </c>
      <c r="AM2850">
        <v>15972.55171</v>
      </c>
      <c r="AN2850">
        <v>82450.326950000002</v>
      </c>
      <c r="AO2850">
        <v>26549.776620000001</v>
      </c>
      <c r="AP2850">
        <v>11309.295990000001</v>
      </c>
    </row>
    <row r="2851" spans="2:42" x14ac:dyDescent="0.3">
      <c r="B2851">
        <v>40.888395238486332</v>
      </c>
      <c r="C2851" s="83">
        <v>43219.708333333336</v>
      </c>
      <c r="D2851">
        <v>154019.21770000001</v>
      </c>
      <c r="E2851">
        <v>14783.441639999999</v>
      </c>
      <c r="F2851">
        <v>42724.845170000001</v>
      </c>
      <c r="G2851">
        <v>31657.834470000002</v>
      </c>
      <c r="H2851">
        <v>31394.752</v>
      </c>
      <c r="I2851">
        <v>22505.023290000001</v>
      </c>
      <c r="J2851">
        <v>38463.229859999999</v>
      </c>
      <c r="K2851">
        <v>41254.701419999998</v>
      </c>
      <c r="L2851">
        <v>25012.58238</v>
      </c>
      <c r="M2851">
        <v>208468.10690000001</v>
      </c>
      <c r="N2851">
        <v>61537.18795</v>
      </c>
      <c r="O2851">
        <v>17510.860059999999</v>
      </c>
      <c r="P2851">
        <v>28252.118600000002</v>
      </c>
      <c r="Q2851">
        <v>46031.878530000002</v>
      </c>
      <c r="R2851">
        <v>18021.977360000001</v>
      </c>
      <c r="S2851">
        <v>83352.024340000004</v>
      </c>
      <c r="T2851">
        <v>26171.337360000001</v>
      </c>
      <c r="U2851">
        <v>11307.44096</v>
      </c>
      <c r="W2851" s="83">
        <f>Bühler!N2883</f>
        <v>45410.708333326424</v>
      </c>
      <c r="X2851" s="83">
        <v>43219.708333333336</v>
      </c>
      <c r="Y2851">
        <v>154019.21770000001</v>
      </c>
      <c r="Z2851">
        <v>14783.441639999999</v>
      </c>
      <c r="AA2851">
        <v>42724.845170000001</v>
      </c>
      <c r="AB2851">
        <v>31657.834470000002</v>
      </c>
      <c r="AC2851">
        <v>31394.752</v>
      </c>
      <c r="AD2851">
        <v>22505.023290000001</v>
      </c>
      <c r="AE2851">
        <v>38463.229859999999</v>
      </c>
      <c r="AF2851">
        <v>41254.701419999998</v>
      </c>
      <c r="AG2851">
        <v>25012.58238</v>
      </c>
      <c r="AH2851">
        <v>208468.10690000001</v>
      </c>
      <c r="AI2851">
        <v>61537.18795</v>
      </c>
      <c r="AJ2851">
        <v>17510.860059999999</v>
      </c>
      <c r="AK2851">
        <v>28252.118600000002</v>
      </c>
      <c r="AL2851">
        <v>46031.878530000002</v>
      </c>
      <c r="AM2851">
        <v>18021.977360000001</v>
      </c>
      <c r="AN2851">
        <v>83352.024340000004</v>
      </c>
      <c r="AO2851">
        <v>26171.337360000001</v>
      </c>
      <c r="AP2851">
        <v>11307.44096</v>
      </c>
    </row>
    <row r="2852" spans="2:42" x14ac:dyDescent="0.3">
      <c r="B2852">
        <v>41.097915990091458</v>
      </c>
      <c r="C2852" s="83">
        <v>43219.75</v>
      </c>
      <c r="D2852">
        <v>154874.98989999999</v>
      </c>
      <c r="E2852">
        <v>14104.13715</v>
      </c>
      <c r="F2852">
        <v>42876.59719</v>
      </c>
      <c r="G2852">
        <v>32085.472020000001</v>
      </c>
      <c r="H2852">
        <v>31513.771860000001</v>
      </c>
      <c r="I2852">
        <v>22715.977320000002</v>
      </c>
      <c r="J2852">
        <v>39164.21776</v>
      </c>
      <c r="K2852">
        <v>42083.196499999998</v>
      </c>
      <c r="L2852">
        <v>25438.720949999999</v>
      </c>
      <c r="M2852">
        <v>209536.3414</v>
      </c>
      <c r="N2852">
        <v>60859.505239999999</v>
      </c>
      <c r="O2852">
        <v>17616.41</v>
      </c>
      <c r="P2852">
        <v>28836.17294</v>
      </c>
      <c r="Q2852">
        <v>47123.550510000001</v>
      </c>
      <c r="R2852">
        <v>16636.759150000002</v>
      </c>
      <c r="S2852">
        <v>81234.722699999998</v>
      </c>
      <c r="T2852">
        <v>25647.829170000001</v>
      </c>
      <c r="U2852">
        <v>11206.494629999999</v>
      </c>
      <c r="W2852" s="83">
        <f>Bühler!N2884</f>
        <v>45410.749999993088</v>
      </c>
      <c r="X2852" s="83">
        <v>43219.75</v>
      </c>
      <c r="Y2852">
        <v>154874.98989999999</v>
      </c>
      <c r="Z2852">
        <v>14104.13715</v>
      </c>
      <c r="AA2852">
        <v>42876.59719</v>
      </c>
      <c r="AB2852">
        <v>32085.472020000001</v>
      </c>
      <c r="AC2852">
        <v>31513.771860000001</v>
      </c>
      <c r="AD2852">
        <v>22715.977320000002</v>
      </c>
      <c r="AE2852">
        <v>39164.21776</v>
      </c>
      <c r="AF2852">
        <v>42083.196499999998</v>
      </c>
      <c r="AG2852">
        <v>25438.720949999999</v>
      </c>
      <c r="AH2852">
        <v>209536.3414</v>
      </c>
      <c r="AI2852">
        <v>60859.505239999999</v>
      </c>
      <c r="AJ2852">
        <v>17616.41</v>
      </c>
      <c r="AK2852">
        <v>28836.17294</v>
      </c>
      <c r="AL2852">
        <v>47123.550510000001</v>
      </c>
      <c r="AM2852">
        <v>16636.759150000002</v>
      </c>
      <c r="AN2852">
        <v>81234.722699999998</v>
      </c>
      <c r="AO2852">
        <v>25647.829170000001</v>
      </c>
      <c r="AP2852">
        <v>11206.494629999999</v>
      </c>
    </row>
    <row r="2853" spans="2:42" x14ac:dyDescent="0.3">
      <c r="B2853">
        <v>41.115103335093401</v>
      </c>
      <c r="C2853" s="83">
        <v>43219.791666666664</v>
      </c>
      <c r="D2853">
        <v>156432.16440000001</v>
      </c>
      <c r="E2853">
        <v>13089.345369999999</v>
      </c>
      <c r="F2853">
        <v>43272.560129999998</v>
      </c>
      <c r="G2853">
        <v>32313.649570000001</v>
      </c>
      <c r="H2853">
        <v>31596.99685</v>
      </c>
      <c r="I2853">
        <v>22710.679520000002</v>
      </c>
      <c r="J2853">
        <v>38873.198900000003</v>
      </c>
      <c r="K2853">
        <v>43397.168180000001</v>
      </c>
      <c r="L2853">
        <v>26044.378519999998</v>
      </c>
      <c r="M2853">
        <v>209623.9705</v>
      </c>
      <c r="N2853">
        <v>61858.428670000001</v>
      </c>
      <c r="O2853">
        <v>18025.800380000001</v>
      </c>
      <c r="P2853">
        <v>31599.43058</v>
      </c>
      <c r="Q2853">
        <v>48352.011870000002</v>
      </c>
      <c r="R2853">
        <v>16715.467710000001</v>
      </c>
      <c r="S2853">
        <v>80523.841060000006</v>
      </c>
      <c r="T2853">
        <v>24944.399010000001</v>
      </c>
      <c r="U2853">
        <v>11808.17036</v>
      </c>
      <c r="W2853" s="83">
        <f>Bühler!N2885</f>
        <v>45410.791666659752</v>
      </c>
      <c r="X2853" s="83">
        <v>43219.791666666664</v>
      </c>
      <c r="Y2853">
        <v>156432.16440000001</v>
      </c>
      <c r="Z2853">
        <v>13089.345369999999</v>
      </c>
      <c r="AA2853">
        <v>43272.560129999998</v>
      </c>
      <c r="AB2853">
        <v>32313.649570000001</v>
      </c>
      <c r="AC2853">
        <v>31596.99685</v>
      </c>
      <c r="AD2853">
        <v>22710.679520000002</v>
      </c>
      <c r="AE2853">
        <v>38873.198900000003</v>
      </c>
      <c r="AF2853">
        <v>43397.168180000001</v>
      </c>
      <c r="AG2853">
        <v>26044.378519999998</v>
      </c>
      <c r="AH2853">
        <v>209623.9705</v>
      </c>
      <c r="AI2853">
        <v>61858.428670000001</v>
      </c>
      <c r="AJ2853">
        <v>18025.800380000001</v>
      </c>
      <c r="AK2853">
        <v>31599.43058</v>
      </c>
      <c r="AL2853">
        <v>48352.011870000002</v>
      </c>
      <c r="AM2853">
        <v>16715.467710000001</v>
      </c>
      <c r="AN2853">
        <v>80523.841060000006</v>
      </c>
      <c r="AO2853">
        <v>24944.399010000001</v>
      </c>
      <c r="AP2853">
        <v>11808.17036</v>
      </c>
    </row>
    <row r="2854" spans="2:42" x14ac:dyDescent="0.3">
      <c r="B2854">
        <v>41.270429593400372</v>
      </c>
      <c r="C2854" s="83">
        <v>43219.833333333336</v>
      </c>
      <c r="D2854">
        <v>158472.31330000001</v>
      </c>
      <c r="E2854">
        <v>12208.626329999999</v>
      </c>
      <c r="F2854">
        <v>43166.40926</v>
      </c>
      <c r="G2854">
        <v>32770.450219999999</v>
      </c>
      <c r="H2854">
        <v>31637.45478</v>
      </c>
      <c r="I2854">
        <v>22361.009979999999</v>
      </c>
      <c r="J2854">
        <v>40225.909820000001</v>
      </c>
      <c r="K2854">
        <v>43509.677900000002</v>
      </c>
      <c r="L2854">
        <v>25457.836289999999</v>
      </c>
      <c r="M2854">
        <v>210415.89619999999</v>
      </c>
      <c r="N2854">
        <v>63096.568270000003</v>
      </c>
      <c r="O2854">
        <v>18446.30399</v>
      </c>
      <c r="P2854">
        <v>31072.300739999999</v>
      </c>
      <c r="Q2854">
        <v>50516.782420000003</v>
      </c>
      <c r="R2854">
        <v>16899.546279999999</v>
      </c>
      <c r="S2854">
        <v>76573.518979999993</v>
      </c>
      <c r="T2854">
        <v>22777.2791</v>
      </c>
      <c r="U2854">
        <v>11829.325140000001</v>
      </c>
      <c r="W2854" s="83">
        <f>Bühler!N2886</f>
        <v>45410.833333326416</v>
      </c>
      <c r="X2854" s="83">
        <v>43219.833333333336</v>
      </c>
      <c r="Y2854">
        <v>158472.31330000001</v>
      </c>
      <c r="Z2854">
        <v>12208.626329999999</v>
      </c>
      <c r="AA2854">
        <v>43166.40926</v>
      </c>
      <c r="AB2854">
        <v>32770.450219999999</v>
      </c>
      <c r="AC2854">
        <v>31637.45478</v>
      </c>
      <c r="AD2854">
        <v>22361.009979999999</v>
      </c>
      <c r="AE2854">
        <v>40225.909820000001</v>
      </c>
      <c r="AF2854">
        <v>43509.677900000002</v>
      </c>
      <c r="AG2854">
        <v>25457.836289999999</v>
      </c>
      <c r="AH2854">
        <v>210415.89619999999</v>
      </c>
      <c r="AI2854">
        <v>63096.568270000003</v>
      </c>
      <c r="AJ2854">
        <v>18446.30399</v>
      </c>
      <c r="AK2854">
        <v>31072.300739999999</v>
      </c>
      <c r="AL2854">
        <v>50516.782420000003</v>
      </c>
      <c r="AM2854">
        <v>16899.546279999999</v>
      </c>
      <c r="AN2854">
        <v>76573.518979999993</v>
      </c>
      <c r="AO2854">
        <v>22777.2791</v>
      </c>
      <c r="AP2854">
        <v>11829.325140000001</v>
      </c>
    </row>
    <row r="2855" spans="2:42" x14ac:dyDescent="0.3">
      <c r="B2855">
        <v>42.749338483697741</v>
      </c>
      <c r="C2855" s="83">
        <v>43219.875</v>
      </c>
      <c r="D2855">
        <v>161739.90289999999</v>
      </c>
      <c r="E2855">
        <v>12267.33908</v>
      </c>
      <c r="F2855">
        <v>43250.973980000002</v>
      </c>
      <c r="G2855">
        <v>34032.527580000002</v>
      </c>
      <c r="H2855">
        <v>33346.896580000001</v>
      </c>
      <c r="I2855">
        <v>22346.10471</v>
      </c>
      <c r="J2855">
        <v>41164.506690000002</v>
      </c>
      <c r="K2855">
        <v>44348.105730000003</v>
      </c>
      <c r="L2855">
        <v>24302.520530000002</v>
      </c>
      <c r="M2855">
        <v>217956.06340000001</v>
      </c>
      <c r="N2855">
        <v>64371.721259999998</v>
      </c>
      <c r="O2855">
        <v>18651.337820000001</v>
      </c>
      <c r="P2855">
        <v>31201.684089999999</v>
      </c>
      <c r="Q2855">
        <v>52727.644469999999</v>
      </c>
      <c r="R2855">
        <v>17272.702529999999</v>
      </c>
      <c r="S2855">
        <v>75597.187760000001</v>
      </c>
      <c r="T2855">
        <v>22056.289130000001</v>
      </c>
      <c r="U2855">
        <v>13046.490970000001</v>
      </c>
      <c r="W2855" s="83">
        <f>Bühler!N2887</f>
        <v>45410.874999993081</v>
      </c>
      <c r="X2855" s="83">
        <v>43219.875</v>
      </c>
      <c r="Y2855">
        <v>161739.90289999999</v>
      </c>
      <c r="Z2855">
        <v>12267.33908</v>
      </c>
      <c r="AA2855">
        <v>43250.973980000002</v>
      </c>
      <c r="AB2855">
        <v>34032.527580000002</v>
      </c>
      <c r="AC2855">
        <v>33346.896580000001</v>
      </c>
      <c r="AD2855">
        <v>22346.10471</v>
      </c>
      <c r="AE2855">
        <v>41164.506690000002</v>
      </c>
      <c r="AF2855">
        <v>44348.105730000003</v>
      </c>
      <c r="AG2855">
        <v>24302.520530000002</v>
      </c>
      <c r="AH2855">
        <v>217956.06340000001</v>
      </c>
      <c r="AI2855">
        <v>64371.721259999998</v>
      </c>
      <c r="AJ2855">
        <v>18651.337820000001</v>
      </c>
      <c r="AK2855">
        <v>31201.684089999999</v>
      </c>
      <c r="AL2855">
        <v>52727.644469999999</v>
      </c>
      <c r="AM2855">
        <v>17272.702529999999</v>
      </c>
      <c r="AN2855">
        <v>75597.187760000001</v>
      </c>
      <c r="AO2855">
        <v>22056.289130000001</v>
      </c>
      <c r="AP2855">
        <v>13046.490970000001</v>
      </c>
    </row>
    <row r="2856" spans="2:42" x14ac:dyDescent="0.3">
      <c r="B2856">
        <v>43.42219937360295</v>
      </c>
      <c r="C2856" s="83">
        <v>43219.916666666664</v>
      </c>
      <c r="D2856">
        <v>164267.9117</v>
      </c>
      <c r="E2856">
        <v>12149.14048</v>
      </c>
      <c r="F2856">
        <v>43138.490729999998</v>
      </c>
      <c r="G2856">
        <v>34156.24555</v>
      </c>
      <c r="H2856">
        <v>33613.676140000003</v>
      </c>
      <c r="I2856">
        <v>21772.44587</v>
      </c>
      <c r="J2856">
        <v>39997.793740000001</v>
      </c>
      <c r="K2856">
        <v>46516.670480000001</v>
      </c>
      <c r="L2856">
        <v>22131.868780000001</v>
      </c>
      <c r="M2856">
        <v>221386.622</v>
      </c>
      <c r="N2856">
        <v>64731.578090000003</v>
      </c>
      <c r="O2856">
        <v>18906.428349999998</v>
      </c>
      <c r="P2856">
        <v>29306.547699999999</v>
      </c>
      <c r="Q2856">
        <v>54366.37629</v>
      </c>
      <c r="R2856">
        <v>18706.000889999999</v>
      </c>
      <c r="S2856">
        <v>75465.108460000003</v>
      </c>
      <c r="T2856">
        <v>21408.031940000001</v>
      </c>
      <c r="U2856">
        <v>12824.91532</v>
      </c>
      <c r="W2856" s="83">
        <f>Bühler!N2888</f>
        <v>45410.916666659745</v>
      </c>
      <c r="X2856" s="83">
        <v>43219.916666666664</v>
      </c>
      <c r="Y2856">
        <v>164267.9117</v>
      </c>
      <c r="Z2856">
        <v>12149.14048</v>
      </c>
      <c r="AA2856">
        <v>43138.490729999998</v>
      </c>
      <c r="AB2856">
        <v>34156.24555</v>
      </c>
      <c r="AC2856">
        <v>33613.676140000003</v>
      </c>
      <c r="AD2856">
        <v>21772.44587</v>
      </c>
      <c r="AE2856">
        <v>39997.793740000001</v>
      </c>
      <c r="AF2856">
        <v>46516.670480000001</v>
      </c>
      <c r="AG2856">
        <v>22131.868780000001</v>
      </c>
      <c r="AH2856">
        <v>221386.622</v>
      </c>
      <c r="AI2856">
        <v>64731.578090000003</v>
      </c>
      <c r="AJ2856">
        <v>18906.428349999998</v>
      </c>
      <c r="AK2856">
        <v>29306.547699999999</v>
      </c>
      <c r="AL2856">
        <v>54366.37629</v>
      </c>
      <c r="AM2856">
        <v>18706.000889999999</v>
      </c>
      <c r="AN2856">
        <v>75465.108460000003</v>
      </c>
      <c r="AO2856">
        <v>21408.031940000001</v>
      </c>
      <c r="AP2856">
        <v>12824.91532</v>
      </c>
    </row>
    <row r="2857" spans="2:42" x14ac:dyDescent="0.3">
      <c r="B2857">
        <v>44.14031693179313</v>
      </c>
      <c r="C2857" s="83">
        <v>43219.958333333336</v>
      </c>
      <c r="D2857">
        <v>165805.9699</v>
      </c>
      <c r="E2857">
        <v>11987.22767</v>
      </c>
      <c r="F2857">
        <v>42832.80719</v>
      </c>
      <c r="G2857">
        <v>34087.039369999999</v>
      </c>
      <c r="H2857">
        <v>33492.480199999998</v>
      </c>
      <c r="I2857">
        <v>21363.471720000001</v>
      </c>
      <c r="J2857">
        <v>36094.187590000001</v>
      </c>
      <c r="K2857">
        <v>46304.060449999997</v>
      </c>
      <c r="L2857">
        <v>18847.965749999999</v>
      </c>
      <c r="M2857">
        <v>225047.92019999999</v>
      </c>
      <c r="N2857">
        <v>65746.411919999999</v>
      </c>
      <c r="O2857">
        <v>18802.111649999999</v>
      </c>
      <c r="P2857">
        <v>27761.801370000001</v>
      </c>
      <c r="Q2857">
        <v>55698.128669999998</v>
      </c>
      <c r="R2857">
        <v>20099.946540000001</v>
      </c>
      <c r="S2857">
        <v>74137.038639999999</v>
      </c>
      <c r="T2857">
        <v>20491.064770000001</v>
      </c>
      <c r="U2857">
        <v>12472.85607</v>
      </c>
      <c r="W2857" s="83">
        <f>Bühler!N2889</f>
        <v>45410.958333326409</v>
      </c>
      <c r="X2857" s="83">
        <v>43219.958333333336</v>
      </c>
      <c r="Y2857">
        <v>165805.9699</v>
      </c>
      <c r="Z2857">
        <v>11987.22767</v>
      </c>
      <c r="AA2857">
        <v>42832.80719</v>
      </c>
      <c r="AB2857">
        <v>34087.039369999999</v>
      </c>
      <c r="AC2857">
        <v>33492.480199999998</v>
      </c>
      <c r="AD2857">
        <v>21363.471720000001</v>
      </c>
      <c r="AE2857">
        <v>36094.187590000001</v>
      </c>
      <c r="AF2857">
        <v>46304.060449999997</v>
      </c>
      <c r="AG2857">
        <v>18847.965749999999</v>
      </c>
      <c r="AH2857">
        <v>225047.92019999999</v>
      </c>
      <c r="AI2857">
        <v>65746.411919999999</v>
      </c>
      <c r="AJ2857">
        <v>18802.111649999999</v>
      </c>
      <c r="AK2857">
        <v>27761.801370000001</v>
      </c>
      <c r="AL2857">
        <v>55698.128669999998</v>
      </c>
      <c r="AM2857">
        <v>20099.946540000001</v>
      </c>
      <c r="AN2857">
        <v>74137.038639999999</v>
      </c>
      <c r="AO2857">
        <v>20491.064770000001</v>
      </c>
      <c r="AP2857">
        <v>12472.85607</v>
      </c>
    </row>
    <row r="2858" spans="2:42" x14ac:dyDescent="0.3">
      <c r="B2858">
        <v>44.011281814980407</v>
      </c>
      <c r="C2858" s="83">
        <v>43220</v>
      </c>
      <c r="D2858">
        <v>168484.95310000001</v>
      </c>
      <c r="E2858">
        <v>11988.590169999999</v>
      </c>
      <c r="F2858">
        <v>42958.451849999998</v>
      </c>
      <c r="G2858">
        <v>33680.940929999997</v>
      </c>
      <c r="H2858">
        <v>33304.685969999999</v>
      </c>
      <c r="I2858">
        <v>19583.982909999999</v>
      </c>
      <c r="J2858">
        <v>34667.045120000002</v>
      </c>
      <c r="K2858">
        <v>44048.330889999997</v>
      </c>
      <c r="L2858">
        <v>16654.463370000001</v>
      </c>
      <c r="M2858">
        <v>224390.03899999999</v>
      </c>
      <c r="N2858">
        <v>65673.711410000004</v>
      </c>
      <c r="O2858">
        <v>19227.63523</v>
      </c>
      <c r="P2858">
        <v>25966.567940000001</v>
      </c>
      <c r="Q2858">
        <v>58696.080829999999</v>
      </c>
      <c r="R2858">
        <v>16912.96787</v>
      </c>
      <c r="S2858">
        <v>73100.999060000002</v>
      </c>
      <c r="T2858">
        <v>19987.130529999999</v>
      </c>
      <c r="U2858">
        <v>12700.860119999999</v>
      </c>
      <c r="W2858" s="83">
        <f>Bühler!N2890</f>
        <v>45410.999999993073</v>
      </c>
      <c r="X2858" s="83">
        <v>43220</v>
      </c>
      <c r="Y2858">
        <v>168484.95310000001</v>
      </c>
      <c r="Z2858">
        <v>11988.590169999999</v>
      </c>
      <c r="AA2858">
        <v>42958.451849999998</v>
      </c>
      <c r="AB2858">
        <v>33680.940929999997</v>
      </c>
      <c r="AC2858">
        <v>33304.685969999999</v>
      </c>
      <c r="AD2858">
        <v>19583.982909999999</v>
      </c>
      <c r="AE2858">
        <v>34667.045120000002</v>
      </c>
      <c r="AF2858">
        <v>44048.330889999997</v>
      </c>
      <c r="AG2858">
        <v>16654.463370000001</v>
      </c>
      <c r="AH2858">
        <v>224390.03899999999</v>
      </c>
      <c r="AI2858">
        <v>65673.711410000004</v>
      </c>
      <c r="AJ2858">
        <v>19227.63523</v>
      </c>
      <c r="AK2858">
        <v>25966.567940000001</v>
      </c>
      <c r="AL2858">
        <v>58696.080829999999</v>
      </c>
      <c r="AM2858">
        <v>16912.96787</v>
      </c>
      <c r="AN2858">
        <v>73100.999060000002</v>
      </c>
      <c r="AO2858">
        <v>19987.130529999999</v>
      </c>
      <c r="AP2858">
        <v>12700.860119999999</v>
      </c>
    </row>
    <row r="2859" spans="2:42" x14ac:dyDescent="0.3">
      <c r="B2859">
        <v>44.253273860676011</v>
      </c>
      <c r="C2859" s="83">
        <v>43220.041666666664</v>
      </c>
      <c r="D2859">
        <v>168839.50380000001</v>
      </c>
      <c r="E2859">
        <v>12026.878000000001</v>
      </c>
      <c r="F2859">
        <v>43108.716849999997</v>
      </c>
      <c r="G2859">
        <v>33092.33741</v>
      </c>
      <c r="H2859">
        <v>33125.092539999998</v>
      </c>
      <c r="I2859">
        <v>15884.87693</v>
      </c>
      <c r="J2859">
        <v>33865.101190000001</v>
      </c>
      <c r="K2859">
        <v>43209.296929999997</v>
      </c>
      <c r="L2859">
        <v>16723.21083</v>
      </c>
      <c r="M2859">
        <v>225623.8273</v>
      </c>
      <c r="N2859">
        <v>65309.17411</v>
      </c>
      <c r="O2859">
        <v>19482.36793</v>
      </c>
      <c r="P2859">
        <v>25017.547460000002</v>
      </c>
      <c r="Q2859">
        <v>61030.950270000001</v>
      </c>
      <c r="R2859">
        <v>15607.22661</v>
      </c>
      <c r="S2859">
        <v>72136.120379999993</v>
      </c>
      <c r="T2859">
        <v>19082.187870000002</v>
      </c>
      <c r="U2859">
        <v>12282.208909999999</v>
      </c>
      <c r="W2859" s="83">
        <f>Bühler!N2891</f>
        <v>45411.041666659738</v>
      </c>
      <c r="X2859" s="83">
        <v>43220.041666666664</v>
      </c>
      <c r="Y2859">
        <v>168839.50380000001</v>
      </c>
      <c r="Z2859">
        <v>12026.878000000001</v>
      </c>
      <c r="AA2859">
        <v>43108.716849999997</v>
      </c>
      <c r="AB2859">
        <v>33092.33741</v>
      </c>
      <c r="AC2859">
        <v>33125.092539999998</v>
      </c>
      <c r="AD2859">
        <v>15884.87693</v>
      </c>
      <c r="AE2859">
        <v>33865.101190000001</v>
      </c>
      <c r="AF2859">
        <v>43209.296929999997</v>
      </c>
      <c r="AG2859">
        <v>16723.21083</v>
      </c>
      <c r="AH2859">
        <v>225623.8273</v>
      </c>
      <c r="AI2859">
        <v>65309.17411</v>
      </c>
      <c r="AJ2859">
        <v>19482.36793</v>
      </c>
      <c r="AK2859">
        <v>25017.547460000002</v>
      </c>
      <c r="AL2859">
        <v>61030.950270000001</v>
      </c>
      <c r="AM2859">
        <v>15607.22661</v>
      </c>
      <c r="AN2859">
        <v>72136.120379999993</v>
      </c>
      <c r="AO2859">
        <v>19082.187870000002</v>
      </c>
      <c r="AP2859">
        <v>12282.208909999999</v>
      </c>
    </row>
    <row r="2860" spans="2:42" x14ac:dyDescent="0.3">
      <c r="B2860">
        <v>44.861332577174444</v>
      </c>
      <c r="C2860" s="83">
        <v>43220.083333333336</v>
      </c>
      <c r="D2860">
        <v>171778.75219999999</v>
      </c>
      <c r="E2860">
        <v>12103.399590000001</v>
      </c>
      <c r="F2860">
        <v>44490.452879999997</v>
      </c>
      <c r="G2860">
        <v>32627.234120000001</v>
      </c>
      <c r="H2860">
        <v>33001.069289999999</v>
      </c>
      <c r="I2860">
        <v>14412.29333</v>
      </c>
      <c r="J2860">
        <v>33606.425770000002</v>
      </c>
      <c r="K2860">
        <v>42464.603940000001</v>
      </c>
      <c r="L2860">
        <v>16100.583339999999</v>
      </c>
      <c r="M2860">
        <v>228723.99419999999</v>
      </c>
      <c r="N2860">
        <v>64857.870560000003</v>
      </c>
      <c r="O2860">
        <v>19248.653780000001</v>
      </c>
      <c r="P2860">
        <v>24747.081750000001</v>
      </c>
      <c r="Q2860">
        <v>64647.463109999997</v>
      </c>
      <c r="R2860">
        <v>16537.972109999999</v>
      </c>
      <c r="S2860">
        <v>71973.754069999995</v>
      </c>
      <c r="T2860">
        <v>18627.30788</v>
      </c>
      <c r="U2860">
        <v>12627.597390000001</v>
      </c>
      <c r="W2860" s="83">
        <f>Bühler!N2892</f>
        <v>45411.083333326402</v>
      </c>
      <c r="X2860" s="83">
        <v>43220.083333333336</v>
      </c>
      <c r="Y2860">
        <v>171778.75219999999</v>
      </c>
      <c r="Z2860">
        <v>12103.399590000001</v>
      </c>
      <c r="AA2860">
        <v>44490.452879999997</v>
      </c>
      <c r="AB2860">
        <v>32627.234120000001</v>
      </c>
      <c r="AC2860">
        <v>33001.069289999999</v>
      </c>
      <c r="AD2860">
        <v>14412.29333</v>
      </c>
      <c r="AE2860">
        <v>33606.425770000002</v>
      </c>
      <c r="AF2860">
        <v>42464.603940000001</v>
      </c>
      <c r="AG2860">
        <v>16100.583339999999</v>
      </c>
      <c r="AH2860">
        <v>228723.99419999999</v>
      </c>
      <c r="AI2860">
        <v>64857.870560000003</v>
      </c>
      <c r="AJ2860">
        <v>19248.653780000001</v>
      </c>
      <c r="AK2860">
        <v>24747.081750000001</v>
      </c>
      <c r="AL2860">
        <v>64647.463109999997</v>
      </c>
      <c r="AM2860">
        <v>16537.972109999999</v>
      </c>
      <c r="AN2860">
        <v>71973.754069999995</v>
      </c>
      <c r="AO2860">
        <v>18627.30788</v>
      </c>
      <c r="AP2860">
        <v>12627.597390000001</v>
      </c>
    </row>
    <row r="2861" spans="2:42" x14ac:dyDescent="0.3">
      <c r="B2861">
        <v>46.621372263257392</v>
      </c>
      <c r="C2861" s="83">
        <v>43220.125</v>
      </c>
      <c r="D2861">
        <v>176456.68479999999</v>
      </c>
      <c r="E2861">
        <v>12388.28004</v>
      </c>
      <c r="F2861">
        <v>46351.231809999997</v>
      </c>
      <c r="G2861">
        <v>31954.707699999999</v>
      </c>
      <c r="H2861">
        <v>33314.967940000002</v>
      </c>
      <c r="I2861">
        <v>14143.821620000001</v>
      </c>
      <c r="J2861">
        <v>34354.164100000002</v>
      </c>
      <c r="K2861">
        <v>41452.969360000003</v>
      </c>
      <c r="L2861">
        <v>15726.53944</v>
      </c>
      <c r="M2861">
        <v>237697.49729999999</v>
      </c>
      <c r="N2861">
        <v>65967.2546</v>
      </c>
      <c r="O2861">
        <v>19525.143240000001</v>
      </c>
      <c r="P2861">
        <v>24547.727610000002</v>
      </c>
      <c r="Q2861">
        <v>69020.230249999993</v>
      </c>
      <c r="R2861">
        <v>16523.363549999998</v>
      </c>
      <c r="S2861">
        <v>71141.669129999995</v>
      </c>
      <c r="T2861">
        <v>18460.998530000001</v>
      </c>
      <c r="U2861">
        <v>12792.006299999999</v>
      </c>
      <c r="W2861" s="83">
        <f>Bühler!N2893</f>
        <v>45411.124999993066</v>
      </c>
      <c r="X2861" s="83">
        <v>43220.125</v>
      </c>
      <c r="Y2861">
        <v>176456.68479999999</v>
      </c>
      <c r="Z2861">
        <v>12388.28004</v>
      </c>
      <c r="AA2861">
        <v>46351.231809999997</v>
      </c>
      <c r="AB2861">
        <v>31954.707699999999</v>
      </c>
      <c r="AC2861">
        <v>33314.967940000002</v>
      </c>
      <c r="AD2861">
        <v>14143.821620000001</v>
      </c>
      <c r="AE2861">
        <v>34354.164100000002</v>
      </c>
      <c r="AF2861">
        <v>41452.969360000003</v>
      </c>
      <c r="AG2861">
        <v>15726.53944</v>
      </c>
      <c r="AH2861">
        <v>237697.49729999999</v>
      </c>
      <c r="AI2861">
        <v>65967.2546</v>
      </c>
      <c r="AJ2861">
        <v>19525.143240000001</v>
      </c>
      <c r="AK2861">
        <v>24547.727610000002</v>
      </c>
      <c r="AL2861">
        <v>69020.230249999993</v>
      </c>
      <c r="AM2861">
        <v>16523.363549999998</v>
      </c>
      <c r="AN2861">
        <v>71141.669129999995</v>
      </c>
      <c r="AO2861">
        <v>18460.998530000001</v>
      </c>
      <c r="AP2861">
        <v>12792.006299999999</v>
      </c>
    </row>
    <row r="2862" spans="2:42" x14ac:dyDescent="0.3">
      <c r="B2862">
        <v>49.152467152284395</v>
      </c>
      <c r="C2862" s="83">
        <v>43220.166666666664</v>
      </c>
      <c r="D2862">
        <v>188339.53090000001</v>
      </c>
      <c r="E2862">
        <v>13088.046</v>
      </c>
      <c r="F2862">
        <v>49914.471660000003</v>
      </c>
      <c r="G2862">
        <v>31480.496899999998</v>
      </c>
      <c r="H2862">
        <v>34266.969519999999</v>
      </c>
      <c r="I2862">
        <v>16088.742630000001</v>
      </c>
      <c r="J2862">
        <v>35988.00275</v>
      </c>
      <c r="K2862">
        <v>41161.14142</v>
      </c>
      <c r="L2862">
        <v>15778.41013</v>
      </c>
      <c r="M2862">
        <v>250602.19940000001</v>
      </c>
      <c r="N2862">
        <v>66221.583629999994</v>
      </c>
      <c r="O2862">
        <v>19871.507750000001</v>
      </c>
      <c r="P2862">
        <v>24612.882379999999</v>
      </c>
      <c r="Q2862">
        <v>76341.49497</v>
      </c>
      <c r="R2862">
        <v>16962.5128</v>
      </c>
      <c r="S2862">
        <v>72170.381680000006</v>
      </c>
      <c r="T2862">
        <v>18233.238399999998</v>
      </c>
      <c r="U2862">
        <v>13670.942300000001</v>
      </c>
      <c r="W2862" s="83">
        <f>Bühler!N2894</f>
        <v>45411.16666665973</v>
      </c>
      <c r="X2862" s="83">
        <v>43220.166666666664</v>
      </c>
      <c r="Y2862">
        <v>188339.53090000001</v>
      </c>
      <c r="Z2862">
        <v>13088.046</v>
      </c>
      <c r="AA2862">
        <v>49914.471660000003</v>
      </c>
      <c r="AB2862">
        <v>31480.496899999998</v>
      </c>
      <c r="AC2862">
        <v>34266.969519999999</v>
      </c>
      <c r="AD2862">
        <v>16088.742630000001</v>
      </c>
      <c r="AE2862">
        <v>35988.00275</v>
      </c>
      <c r="AF2862">
        <v>41161.14142</v>
      </c>
      <c r="AG2862">
        <v>15778.41013</v>
      </c>
      <c r="AH2862">
        <v>250602.19940000001</v>
      </c>
      <c r="AI2862">
        <v>66221.583629999994</v>
      </c>
      <c r="AJ2862">
        <v>19871.507750000001</v>
      </c>
      <c r="AK2862">
        <v>24612.882379999999</v>
      </c>
      <c r="AL2862">
        <v>76341.49497</v>
      </c>
      <c r="AM2862">
        <v>16962.5128</v>
      </c>
      <c r="AN2862">
        <v>72170.381680000006</v>
      </c>
      <c r="AO2862">
        <v>18233.238399999998</v>
      </c>
      <c r="AP2862">
        <v>13670.942300000001</v>
      </c>
    </row>
    <row r="2863" spans="2:42" x14ac:dyDescent="0.3">
      <c r="B2863">
        <v>54.396969068471179</v>
      </c>
      <c r="C2863" s="83">
        <v>43220.208333333336</v>
      </c>
      <c r="D2863">
        <v>218598.74890000001</v>
      </c>
      <c r="E2863">
        <v>15174.934810000001</v>
      </c>
      <c r="F2863">
        <v>60457.29135</v>
      </c>
      <c r="G2863">
        <v>33643.905579999999</v>
      </c>
      <c r="H2863">
        <v>36436.618040000001</v>
      </c>
      <c r="I2863">
        <v>23617.552489999998</v>
      </c>
      <c r="J2863">
        <v>39517.722650000003</v>
      </c>
      <c r="K2863">
        <v>42612.323149999997</v>
      </c>
      <c r="L2863">
        <v>16938.986079999999</v>
      </c>
      <c r="M2863">
        <v>277341.11589999998</v>
      </c>
      <c r="N2863">
        <v>66885.426569999996</v>
      </c>
      <c r="O2863">
        <v>21692.74784</v>
      </c>
      <c r="P2863">
        <v>25698.083559999999</v>
      </c>
      <c r="Q2863">
        <v>82876.963879999996</v>
      </c>
      <c r="R2863">
        <v>19534.670730000002</v>
      </c>
      <c r="S2863">
        <v>74186.395740000007</v>
      </c>
      <c r="T2863">
        <v>20051.97118</v>
      </c>
      <c r="U2863">
        <v>15420.1085</v>
      </c>
      <c r="W2863" s="83">
        <f>Bühler!N2895</f>
        <v>45411.208333326394</v>
      </c>
      <c r="X2863" s="83">
        <v>43220.208333333336</v>
      </c>
      <c r="Y2863">
        <v>218598.74890000001</v>
      </c>
      <c r="Z2863">
        <v>15174.934810000001</v>
      </c>
      <c r="AA2863">
        <v>60457.29135</v>
      </c>
      <c r="AB2863">
        <v>33643.905579999999</v>
      </c>
      <c r="AC2863">
        <v>36436.618040000001</v>
      </c>
      <c r="AD2863">
        <v>23617.552489999998</v>
      </c>
      <c r="AE2863">
        <v>39517.722650000003</v>
      </c>
      <c r="AF2863">
        <v>42612.323149999997</v>
      </c>
      <c r="AG2863">
        <v>16938.986079999999</v>
      </c>
      <c r="AH2863">
        <v>277341.11589999998</v>
      </c>
      <c r="AI2863">
        <v>66885.426569999996</v>
      </c>
      <c r="AJ2863">
        <v>21692.74784</v>
      </c>
      <c r="AK2863">
        <v>25698.083559999999</v>
      </c>
      <c r="AL2863">
        <v>82876.963879999996</v>
      </c>
      <c r="AM2863">
        <v>19534.670730000002</v>
      </c>
      <c r="AN2863">
        <v>74186.395740000007</v>
      </c>
      <c r="AO2863">
        <v>20051.97118</v>
      </c>
      <c r="AP2863">
        <v>15420.1085</v>
      </c>
    </row>
    <row r="2864" spans="2:42" x14ac:dyDescent="0.3">
      <c r="B2864">
        <v>59.638721530398641</v>
      </c>
      <c r="C2864" s="83">
        <v>43220.25</v>
      </c>
      <c r="D2864">
        <v>243679.7732</v>
      </c>
      <c r="E2864">
        <v>19295.802039999999</v>
      </c>
      <c r="F2864">
        <v>72815.425770000002</v>
      </c>
      <c r="G2864">
        <v>42718.171699999999</v>
      </c>
      <c r="H2864">
        <v>38951.248549999997</v>
      </c>
      <c r="I2864">
        <v>29646.15451</v>
      </c>
      <c r="J2864">
        <v>43049.178749999999</v>
      </c>
      <c r="K2864">
        <v>45249.969469999996</v>
      </c>
      <c r="L2864">
        <v>18402.31911</v>
      </c>
      <c r="M2864">
        <v>304066.01439999999</v>
      </c>
      <c r="N2864">
        <v>70314.185740000001</v>
      </c>
      <c r="O2864">
        <v>22487.059359999999</v>
      </c>
      <c r="P2864">
        <v>26647.258699999998</v>
      </c>
      <c r="Q2864">
        <v>85927.971000000005</v>
      </c>
      <c r="R2864">
        <v>17126.972890000001</v>
      </c>
      <c r="S2864">
        <v>82148.907300000006</v>
      </c>
      <c r="T2864">
        <v>22341.18333</v>
      </c>
      <c r="U2864">
        <v>18327.921630000001</v>
      </c>
      <c r="W2864" s="83">
        <f>Bühler!N2896</f>
        <v>45411.249999993059</v>
      </c>
      <c r="X2864" s="83">
        <v>43220.25</v>
      </c>
      <c r="Y2864">
        <v>243679.7732</v>
      </c>
      <c r="Z2864">
        <v>19295.802039999999</v>
      </c>
      <c r="AA2864">
        <v>72815.425770000002</v>
      </c>
      <c r="AB2864">
        <v>42718.171699999999</v>
      </c>
      <c r="AC2864">
        <v>38951.248549999997</v>
      </c>
      <c r="AD2864">
        <v>29646.15451</v>
      </c>
      <c r="AE2864">
        <v>43049.178749999999</v>
      </c>
      <c r="AF2864">
        <v>45249.969469999996</v>
      </c>
      <c r="AG2864">
        <v>18402.31911</v>
      </c>
      <c r="AH2864">
        <v>304066.01439999999</v>
      </c>
      <c r="AI2864">
        <v>70314.185740000001</v>
      </c>
      <c r="AJ2864">
        <v>22487.059359999999</v>
      </c>
      <c r="AK2864">
        <v>26647.258699999998</v>
      </c>
      <c r="AL2864">
        <v>85927.971000000005</v>
      </c>
      <c r="AM2864">
        <v>17126.972890000001</v>
      </c>
      <c r="AN2864">
        <v>82148.907300000006</v>
      </c>
      <c r="AO2864">
        <v>22341.18333</v>
      </c>
      <c r="AP2864">
        <v>18327.921630000001</v>
      </c>
    </row>
    <row r="2865" spans="2:42" x14ac:dyDescent="0.3">
      <c r="B2865">
        <v>62.553290226815747</v>
      </c>
      <c r="C2865" s="83">
        <v>43220.291666666664</v>
      </c>
      <c r="D2865">
        <v>261829.6237</v>
      </c>
      <c r="E2865">
        <v>23809.18489</v>
      </c>
      <c r="F2865">
        <v>75531.610579999993</v>
      </c>
      <c r="G2865">
        <v>50599.852290000003</v>
      </c>
      <c r="H2865">
        <v>43334.835899999998</v>
      </c>
      <c r="I2865">
        <v>36966.837420000003</v>
      </c>
      <c r="J2865">
        <v>43880.324560000001</v>
      </c>
      <c r="K2865">
        <v>49902.157310000002</v>
      </c>
      <c r="L2865">
        <v>20471.478469999998</v>
      </c>
      <c r="M2865">
        <v>318925.84480000002</v>
      </c>
      <c r="N2865">
        <v>77581.493770000001</v>
      </c>
      <c r="O2865">
        <v>24265.98991</v>
      </c>
      <c r="P2865">
        <v>28431.624690000001</v>
      </c>
      <c r="Q2865">
        <v>87747.297089999993</v>
      </c>
      <c r="R2865">
        <v>18056.45623</v>
      </c>
      <c r="S2865">
        <v>96422.08498</v>
      </c>
      <c r="T2865">
        <v>26049.302510000001</v>
      </c>
      <c r="U2865">
        <v>21868.83655</v>
      </c>
      <c r="W2865" s="83">
        <f>Bühler!N2897</f>
        <v>45411.291666659723</v>
      </c>
      <c r="X2865" s="83">
        <v>43220.291666666664</v>
      </c>
      <c r="Y2865">
        <v>261829.6237</v>
      </c>
      <c r="Z2865">
        <v>23809.18489</v>
      </c>
      <c r="AA2865">
        <v>75531.610579999993</v>
      </c>
      <c r="AB2865">
        <v>50599.852290000003</v>
      </c>
      <c r="AC2865">
        <v>43334.835899999998</v>
      </c>
      <c r="AD2865">
        <v>36966.837420000003</v>
      </c>
      <c r="AE2865">
        <v>43880.324560000001</v>
      </c>
      <c r="AF2865">
        <v>49902.157310000002</v>
      </c>
      <c r="AG2865">
        <v>20471.478469999998</v>
      </c>
      <c r="AH2865">
        <v>318925.84480000002</v>
      </c>
      <c r="AI2865">
        <v>77581.493770000001</v>
      </c>
      <c r="AJ2865">
        <v>24265.98991</v>
      </c>
      <c r="AK2865">
        <v>28431.624690000001</v>
      </c>
      <c r="AL2865">
        <v>87747.297089999993</v>
      </c>
      <c r="AM2865">
        <v>18056.45623</v>
      </c>
      <c r="AN2865">
        <v>96422.08498</v>
      </c>
      <c r="AO2865">
        <v>26049.302510000001</v>
      </c>
      <c r="AP2865">
        <v>21868.83655</v>
      </c>
    </row>
    <row r="2866" spans="2:42" x14ac:dyDescent="0.3">
      <c r="B2866">
        <v>63.224101284614775</v>
      </c>
      <c r="C2866" s="83">
        <v>43220.333333333336</v>
      </c>
      <c r="D2866">
        <v>277535.54210000002</v>
      </c>
      <c r="E2866">
        <v>29127.258180000001</v>
      </c>
      <c r="F2866">
        <v>81058.159889999995</v>
      </c>
      <c r="G2866">
        <v>63059.405400000003</v>
      </c>
      <c r="H2866">
        <v>49027.266530000001</v>
      </c>
      <c r="I2866">
        <v>40024.948779999999</v>
      </c>
      <c r="J2866">
        <v>45533.961920000002</v>
      </c>
      <c r="K2866">
        <v>55038.106070000002</v>
      </c>
      <c r="L2866">
        <v>23566.0825</v>
      </c>
      <c r="M2866">
        <v>322345.95240000001</v>
      </c>
      <c r="N2866">
        <v>84701.930389999994</v>
      </c>
      <c r="O2866">
        <v>25075.066350000001</v>
      </c>
      <c r="P2866">
        <v>30559.69399</v>
      </c>
      <c r="Q2866">
        <v>89603.159710000007</v>
      </c>
      <c r="R2866">
        <v>20843.951929999999</v>
      </c>
      <c r="S2866">
        <v>108758.64750000001</v>
      </c>
      <c r="T2866">
        <v>29746.109939999998</v>
      </c>
      <c r="U2866">
        <v>25231.030149999999</v>
      </c>
      <c r="W2866" s="83">
        <f>Bühler!N2898</f>
        <v>45411.333333326387</v>
      </c>
      <c r="X2866" s="83">
        <v>43220.333333333336</v>
      </c>
      <c r="Y2866">
        <v>277535.54210000002</v>
      </c>
      <c r="Z2866">
        <v>29127.258180000001</v>
      </c>
      <c r="AA2866">
        <v>81058.159889999995</v>
      </c>
      <c r="AB2866">
        <v>63059.405400000003</v>
      </c>
      <c r="AC2866">
        <v>49027.266530000001</v>
      </c>
      <c r="AD2866">
        <v>40024.948779999999</v>
      </c>
      <c r="AE2866">
        <v>45533.961920000002</v>
      </c>
      <c r="AF2866">
        <v>55038.106070000002</v>
      </c>
      <c r="AG2866">
        <v>23566.0825</v>
      </c>
      <c r="AH2866">
        <v>322345.95240000001</v>
      </c>
      <c r="AI2866">
        <v>84701.930389999994</v>
      </c>
      <c r="AJ2866">
        <v>25075.066350000001</v>
      </c>
      <c r="AK2866">
        <v>30559.69399</v>
      </c>
      <c r="AL2866">
        <v>89603.159710000007</v>
      </c>
      <c r="AM2866">
        <v>20843.951929999999</v>
      </c>
      <c r="AN2866">
        <v>108758.64750000001</v>
      </c>
      <c r="AO2866">
        <v>29746.109939999998</v>
      </c>
      <c r="AP2866">
        <v>25231.030149999999</v>
      </c>
    </row>
    <row r="2867" spans="2:42" x14ac:dyDescent="0.3">
      <c r="B2867">
        <v>64.417343093418495</v>
      </c>
      <c r="C2867" s="83">
        <v>43220.375</v>
      </c>
      <c r="D2867">
        <v>280987.89840000001</v>
      </c>
      <c r="E2867">
        <v>32786.260049999997</v>
      </c>
      <c r="F2867">
        <v>86931.436679999999</v>
      </c>
      <c r="G2867">
        <v>70239.814289999995</v>
      </c>
      <c r="H2867">
        <v>51412.219360000003</v>
      </c>
      <c r="I2867">
        <v>38577.143190000003</v>
      </c>
      <c r="J2867">
        <v>45859.244879999998</v>
      </c>
      <c r="K2867">
        <v>58845.360070000002</v>
      </c>
      <c r="L2867">
        <v>27003.29823</v>
      </c>
      <c r="M2867">
        <v>328429.6556</v>
      </c>
      <c r="N2867">
        <v>88324.734960000002</v>
      </c>
      <c r="O2867">
        <v>26231.606640000002</v>
      </c>
      <c r="P2867">
        <v>32923.478179999998</v>
      </c>
      <c r="Q2867">
        <v>91275.982770000002</v>
      </c>
      <c r="R2867">
        <v>21047.172600000002</v>
      </c>
      <c r="S2867">
        <v>116180.84540000001</v>
      </c>
      <c r="T2867">
        <v>32219.607820000001</v>
      </c>
      <c r="U2867">
        <v>26028.62499</v>
      </c>
      <c r="W2867" s="83">
        <f>Bühler!N2899</f>
        <v>45411.374999993051</v>
      </c>
      <c r="X2867" s="83">
        <v>43220.375</v>
      </c>
      <c r="Y2867">
        <v>280987.89840000001</v>
      </c>
      <c r="Z2867">
        <v>32786.260049999997</v>
      </c>
      <c r="AA2867">
        <v>86931.436679999999</v>
      </c>
      <c r="AB2867">
        <v>70239.814289999995</v>
      </c>
      <c r="AC2867">
        <v>51412.219360000003</v>
      </c>
      <c r="AD2867">
        <v>38577.143190000003</v>
      </c>
      <c r="AE2867">
        <v>45859.244879999998</v>
      </c>
      <c r="AF2867">
        <v>58845.360070000002</v>
      </c>
      <c r="AG2867">
        <v>27003.29823</v>
      </c>
      <c r="AH2867">
        <v>328429.6556</v>
      </c>
      <c r="AI2867">
        <v>88324.734960000002</v>
      </c>
      <c r="AJ2867">
        <v>26231.606640000002</v>
      </c>
      <c r="AK2867">
        <v>32923.478179999998</v>
      </c>
      <c r="AL2867">
        <v>91275.982770000002</v>
      </c>
      <c r="AM2867">
        <v>21047.172600000002</v>
      </c>
      <c r="AN2867">
        <v>116180.84540000001</v>
      </c>
      <c r="AO2867">
        <v>32219.607820000001</v>
      </c>
      <c r="AP2867">
        <v>26028.62499</v>
      </c>
    </row>
    <row r="2868" spans="2:42" x14ac:dyDescent="0.3">
      <c r="B2868">
        <v>65.461481848673699</v>
      </c>
      <c r="C2868" s="83">
        <v>43220.416666666664</v>
      </c>
      <c r="D2868">
        <v>286744.87119999999</v>
      </c>
      <c r="E2868">
        <v>34408.433230000002</v>
      </c>
      <c r="F2868">
        <v>88064.611640000003</v>
      </c>
      <c r="G2868">
        <v>71998.006200000003</v>
      </c>
      <c r="H2868">
        <v>51880.374819999997</v>
      </c>
      <c r="I2868">
        <v>36581.955600000001</v>
      </c>
      <c r="J2868">
        <v>45404.1705</v>
      </c>
      <c r="K2868">
        <v>61587.038350000003</v>
      </c>
      <c r="L2868">
        <v>30122.708910000001</v>
      </c>
      <c r="M2868">
        <v>333753.16190000001</v>
      </c>
      <c r="N2868">
        <v>91495.336360000001</v>
      </c>
      <c r="O2868">
        <v>26018.787540000001</v>
      </c>
      <c r="P2868">
        <v>33371.178180000003</v>
      </c>
      <c r="Q2868">
        <v>91989.47726</v>
      </c>
      <c r="R2868">
        <v>22096.80068</v>
      </c>
      <c r="S2868">
        <v>116515.9814</v>
      </c>
      <c r="T2868">
        <v>34257.560729999997</v>
      </c>
      <c r="U2868">
        <v>25446.726320000002</v>
      </c>
      <c r="W2868" s="83">
        <f>Bühler!N2900</f>
        <v>45411.416666659716</v>
      </c>
      <c r="X2868" s="83">
        <v>43220.416666666664</v>
      </c>
      <c r="Y2868">
        <v>286744.87119999999</v>
      </c>
      <c r="Z2868">
        <v>34408.433230000002</v>
      </c>
      <c r="AA2868">
        <v>88064.611640000003</v>
      </c>
      <c r="AB2868">
        <v>71998.006200000003</v>
      </c>
      <c r="AC2868">
        <v>51880.374819999997</v>
      </c>
      <c r="AD2868">
        <v>36581.955600000001</v>
      </c>
      <c r="AE2868">
        <v>45404.1705</v>
      </c>
      <c r="AF2868">
        <v>61587.038350000003</v>
      </c>
      <c r="AG2868">
        <v>30122.708910000001</v>
      </c>
      <c r="AH2868">
        <v>333753.16190000001</v>
      </c>
      <c r="AI2868">
        <v>91495.336360000001</v>
      </c>
      <c r="AJ2868">
        <v>26018.787540000001</v>
      </c>
      <c r="AK2868">
        <v>33371.178180000003</v>
      </c>
      <c r="AL2868">
        <v>91989.47726</v>
      </c>
      <c r="AM2868">
        <v>22096.80068</v>
      </c>
      <c r="AN2868">
        <v>116515.9814</v>
      </c>
      <c r="AO2868">
        <v>34257.560729999997</v>
      </c>
      <c r="AP2868">
        <v>25446.726320000002</v>
      </c>
    </row>
    <row r="2869" spans="2:42" x14ac:dyDescent="0.3">
      <c r="B2869">
        <v>66.508786026414299</v>
      </c>
      <c r="C2869" s="83">
        <v>43220.458333333336</v>
      </c>
      <c r="D2869">
        <v>287934.22210000001</v>
      </c>
      <c r="E2869">
        <v>34270.191480000001</v>
      </c>
      <c r="F2869">
        <v>88131.351070000004</v>
      </c>
      <c r="G2869">
        <v>71052.545710000006</v>
      </c>
      <c r="H2869">
        <v>50869.908439999999</v>
      </c>
      <c r="I2869">
        <v>35724.003250000002</v>
      </c>
      <c r="J2869">
        <v>44920.24985</v>
      </c>
      <c r="K2869">
        <v>60833.279540000003</v>
      </c>
      <c r="L2869">
        <v>31367.817060000001</v>
      </c>
      <c r="M2869">
        <v>339092.80699999997</v>
      </c>
      <c r="N2869">
        <v>90204.209319999994</v>
      </c>
      <c r="O2869">
        <v>25899.367249999999</v>
      </c>
      <c r="P2869">
        <v>32538.439279999999</v>
      </c>
      <c r="Q2869">
        <v>93588.785510000002</v>
      </c>
      <c r="R2869">
        <v>22482.622780000002</v>
      </c>
      <c r="S2869">
        <v>118224.5683</v>
      </c>
      <c r="T2869">
        <v>34527.265950000001</v>
      </c>
      <c r="U2869">
        <v>24704.826059999999</v>
      </c>
      <c r="W2869" s="83">
        <f>Bühler!N2901</f>
        <v>45411.45833332638</v>
      </c>
      <c r="X2869" s="83">
        <v>43220.458333333336</v>
      </c>
      <c r="Y2869">
        <v>287934.22210000001</v>
      </c>
      <c r="Z2869">
        <v>34270.191480000001</v>
      </c>
      <c r="AA2869">
        <v>88131.351070000004</v>
      </c>
      <c r="AB2869">
        <v>71052.545710000006</v>
      </c>
      <c r="AC2869">
        <v>50869.908439999999</v>
      </c>
      <c r="AD2869">
        <v>35724.003250000002</v>
      </c>
      <c r="AE2869">
        <v>44920.24985</v>
      </c>
      <c r="AF2869">
        <v>60833.279540000003</v>
      </c>
      <c r="AG2869">
        <v>31367.817060000001</v>
      </c>
      <c r="AH2869">
        <v>339092.80699999997</v>
      </c>
      <c r="AI2869">
        <v>90204.209319999994</v>
      </c>
      <c r="AJ2869">
        <v>25899.367249999999</v>
      </c>
      <c r="AK2869">
        <v>32538.439279999999</v>
      </c>
      <c r="AL2869">
        <v>93588.785510000002</v>
      </c>
      <c r="AM2869">
        <v>22482.622780000002</v>
      </c>
      <c r="AN2869">
        <v>118224.5683</v>
      </c>
      <c r="AO2869">
        <v>34527.265950000001</v>
      </c>
      <c r="AP2869">
        <v>24704.826059999999</v>
      </c>
    </row>
    <row r="2870" spans="2:42" x14ac:dyDescent="0.3">
      <c r="B2870">
        <v>65.555243279648764</v>
      </c>
      <c r="C2870" s="83">
        <v>43220.5</v>
      </c>
      <c r="D2870">
        <v>273812.42190000002</v>
      </c>
      <c r="E2870">
        <v>31084.646769999999</v>
      </c>
      <c r="F2870">
        <v>81204.57789</v>
      </c>
      <c r="G2870">
        <v>69065.244890000002</v>
      </c>
      <c r="H2870">
        <v>49171.029589999998</v>
      </c>
      <c r="I2870">
        <v>33992.60241</v>
      </c>
      <c r="J2870">
        <v>45284.021910000003</v>
      </c>
      <c r="K2870">
        <v>57423.805890000003</v>
      </c>
      <c r="L2870">
        <v>33238.685819999999</v>
      </c>
      <c r="M2870">
        <v>334231.20140000002</v>
      </c>
      <c r="N2870">
        <v>88041.786510000005</v>
      </c>
      <c r="O2870">
        <v>24876.363099999999</v>
      </c>
      <c r="P2870">
        <v>32191.659489999998</v>
      </c>
      <c r="Q2870">
        <v>93898.645789999995</v>
      </c>
      <c r="R2870">
        <v>23794.17064</v>
      </c>
      <c r="S2870">
        <v>112442.5969</v>
      </c>
      <c r="T2870">
        <v>33945.465620000003</v>
      </c>
      <c r="U2870">
        <v>20495.538390000002</v>
      </c>
      <c r="W2870" s="83">
        <f>Bühler!N2902</f>
        <v>45411.499999993044</v>
      </c>
      <c r="X2870" s="83">
        <v>43220.5</v>
      </c>
      <c r="Y2870">
        <v>273812.42190000002</v>
      </c>
      <c r="Z2870">
        <v>31084.646769999999</v>
      </c>
      <c r="AA2870">
        <v>81204.57789</v>
      </c>
      <c r="AB2870">
        <v>69065.244890000002</v>
      </c>
      <c r="AC2870">
        <v>49171.029589999998</v>
      </c>
      <c r="AD2870">
        <v>33992.60241</v>
      </c>
      <c r="AE2870">
        <v>45284.021910000003</v>
      </c>
      <c r="AF2870">
        <v>57423.805890000003</v>
      </c>
      <c r="AG2870">
        <v>33238.685819999999</v>
      </c>
      <c r="AH2870">
        <v>334231.20140000002</v>
      </c>
      <c r="AI2870">
        <v>88041.786510000005</v>
      </c>
      <c r="AJ2870">
        <v>24876.363099999999</v>
      </c>
      <c r="AK2870">
        <v>32191.659489999998</v>
      </c>
      <c r="AL2870">
        <v>93898.645789999995</v>
      </c>
      <c r="AM2870">
        <v>23794.17064</v>
      </c>
      <c r="AN2870">
        <v>112442.5969</v>
      </c>
      <c r="AO2870">
        <v>33945.465620000003</v>
      </c>
      <c r="AP2870">
        <v>20495.538390000002</v>
      </c>
    </row>
    <row r="2871" spans="2:42" x14ac:dyDescent="0.3">
      <c r="B2871">
        <v>65.669404668772827</v>
      </c>
      <c r="C2871" s="83">
        <v>43220.541666666664</v>
      </c>
      <c r="D2871">
        <v>278191.66629999998</v>
      </c>
      <c r="E2871">
        <v>30929.040649999999</v>
      </c>
      <c r="F2871">
        <v>77666.161619999999</v>
      </c>
      <c r="G2871">
        <v>67135.509210000004</v>
      </c>
      <c r="H2871">
        <v>49499.657780000001</v>
      </c>
      <c r="I2871">
        <v>33634.825770000003</v>
      </c>
      <c r="J2871">
        <v>43537.772629999999</v>
      </c>
      <c r="K2871">
        <v>60377.709759999998</v>
      </c>
      <c r="L2871">
        <v>31347.999469999999</v>
      </c>
      <c r="M2871">
        <v>334813.24939999997</v>
      </c>
      <c r="N2871">
        <v>87389.507259999998</v>
      </c>
      <c r="O2871">
        <v>25240.372660000001</v>
      </c>
      <c r="P2871">
        <v>32240.600279999999</v>
      </c>
      <c r="Q2871">
        <v>92905.16446</v>
      </c>
      <c r="R2871">
        <v>22505.712210000002</v>
      </c>
      <c r="S2871">
        <v>111115.753</v>
      </c>
      <c r="T2871">
        <v>33087.57703</v>
      </c>
      <c r="U2871">
        <v>22156.447909999999</v>
      </c>
      <c r="W2871" s="83">
        <f>Bühler!N2903</f>
        <v>45411.541666659708</v>
      </c>
      <c r="X2871" s="83">
        <v>43220.541666666664</v>
      </c>
      <c r="Y2871">
        <v>278191.66629999998</v>
      </c>
      <c r="Z2871">
        <v>30929.040649999999</v>
      </c>
      <c r="AA2871">
        <v>77666.161619999999</v>
      </c>
      <c r="AB2871">
        <v>67135.509210000004</v>
      </c>
      <c r="AC2871">
        <v>49499.657780000001</v>
      </c>
      <c r="AD2871">
        <v>33634.825770000003</v>
      </c>
      <c r="AE2871">
        <v>43537.772629999999</v>
      </c>
      <c r="AF2871">
        <v>60377.709759999998</v>
      </c>
      <c r="AG2871">
        <v>31347.999469999999</v>
      </c>
      <c r="AH2871">
        <v>334813.24939999997</v>
      </c>
      <c r="AI2871">
        <v>87389.507259999998</v>
      </c>
      <c r="AJ2871">
        <v>25240.372660000001</v>
      </c>
      <c r="AK2871">
        <v>32240.600279999999</v>
      </c>
      <c r="AL2871">
        <v>92905.16446</v>
      </c>
      <c r="AM2871">
        <v>22505.712210000002</v>
      </c>
      <c r="AN2871">
        <v>111115.753</v>
      </c>
      <c r="AO2871">
        <v>33087.57703</v>
      </c>
      <c r="AP2871">
        <v>22156.447909999999</v>
      </c>
    </row>
    <row r="2872" spans="2:42" x14ac:dyDescent="0.3">
      <c r="B2872">
        <v>65.920438100035838</v>
      </c>
      <c r="C2872" s="83">
        <v>43220.583333333336</v>
      </c>
      <c r="D2872">
        <v>283180.76909999998</v>
      </c>
      <c r="E2872">
        <v>33403.830159999998</v>
      </c>
      <c r="F2872">
        <v>84234.038950000002</v>
      </c>
      <c r="G2872">
        <v>63895.296390000003</v>
      </c>
      <c r="H2872">
        <v>49380.064939999997</v>
      </c>
      <c r="I2872">
        <v>34832.14993</v>
      </c>
      <c r="J2872">
        <v>42576.03774</v>
      </c>
      <c r="K2872">
        <v>62195.519760000003</v>
      </c>
      <c r="L2872">
        <v>28612.642540000001</v>
      </c>
      <c r="M2872">
        <v>336093.1349</v>
      </c>
      <c r="N2872">
        <v>87299.926529999997</v>
      </c>
      <c r="O2872">
        <v>25226.720270000002</v>
      </c>
      <c r="P2872">
        <v>29104.371060000001</v>
      </c>
      <c r="Q2872">
        <v>92292.488370000006</v>
      </c>
      <c r="R2872">
        <v>21727.080539999999</v>
      </c>
      <c r="S2872">
        <v>107793.9198</v>
      </c>
      <c r="T2872">
        <v>31659.459149999999</v>
      </c>
      <c r="U2872">
        <v>23690.137790000001</v>
      </c>
      <c r="W2872" s="83">
        <f>Bühler!N2904</f>
        <v>45411.583333326373</v>
      </c>
      <c r="X2872" s="83">
        <v>43220.583333333336</v>
      </c>
      <c r="Y2872">
        <v>283180.76909999998</v>
      </c>
      <c r="Z2872">
        <v>33403.830159999998</v>
      </c>
      <c r="AA2872">
        <v>84234.038950000002</v>
      </c>
      <c r="AB2872">
        <v>63895.296390000003</v>
      </c>
      <c r="AC2872">
        <v>49380.064939999997</v>
      </c>
      <c r="AD2872">
        <v>34832.14993</v>
      </c>
      <c r="AE2872">
        <v>42576.03774</v>
      </c>
      <c r="AF2872">
        <v>62195.519760000003</v>
      </c>
      <c r="AG2872">
        <v>28612.642540000001</v>
      </c>
      <c r="AH2872">
        <v>336093.1349</v>
      </c>
      <c r="AI2872">
        <v>87299.926529999997</v>
      </c>
      <c r="AJ2872">
        <v>25226.720270000002</v>
      </c>
      <c r="AK2872">
        <v>29104.371060000001</v>
      </c>
      <c r="AL2872">
        <v>92292.488370000006</v>
      </c>
      <c r="AM2872">
        <v>21727.080539999999</v>
      </c>
      <c r="AN2872">
        <v>107793.9198</v>
      </c>
      <c r="AO2872">
        <v>31659.459149999999</v>
      </c>
      <c r="AP2872">
        <v>23690.137790000001</v>
      </c>
    </row>
    <row r="2873" spans="2:42" x14ac:dyDescent="0.3">
      <c r="B2873">
        <v>65.780826743941844</v>
      </c>
      <c r="C2873" s="83">
        <v>43220.625</v>
      </c>
      <c r="D2873">
        <v>281662.83730000001</v>
      </c>
      <c r="E2873">
        <v>33393.061900000001</v>
      </c>
      <c r="F2873">
        <v>86410.975850000003</v>
      </c>
      <c r="G2873">
        <v>62240.15019</v>
      </c>
      <c r="H2873">
        <v>47930.524129999998</v>
      </c>
      <c r="I2873">
        <v>34408.070599999999</v>
      </c>
      <c r="J2873">
        <v>41801.625679999997</v>
      </c>
      <c r="K2873">
        <v>60702.080999999998</v>
      </c>
      <c r="L2873">
        <v>26388.292119999998</v>
      </c>
      <c r="M2873">
        <v>335381.33110000001</v>
      </c>
      <c r="N2873">
        <v>86067.472540000002</v>
      </c>
      <c r="O2873">
        <v>24253.804240000001</v>
      </c>
      <c r="P2873">
        <v>27618.34015</v>
      </c>
      <c r="Q2873">
        <v>91529.114310000004</v>
      </c>
      <c r="R2873">
        <v>21210.91159</v>
      </c>
      <c r="S2873">
        <v>104921.23480000001</v>
      </c>
      <c r="T2873">
        <v>30838.14099</v>
      </c>
      <c r="U2873">
        <v>22391.746930000001</v>
      </c>
      <c r="W2873" s="83">
        <f>Bühler!N2905</f>
        <v>45411.624999993037</v>
      </c>
      <c r="X2873" s="83">
        <v>43220.625</v>
      </c>
      <c r="Y2873">
        <v>281662.83730000001</v>
      </c>
      <c r="Z2873">
        <v>33393.061900000001</v>
      </c>
      <c r="AA2873">
        <v>86410.975850000003</v>
      </c>
      <c r="AB2873">
        <v>62240.15019</v>
      </c>
      <c r="AC2873">
        <v>47930.524129999998</v>
      </c>
      <c r="AD2873">
        <v>34408.070599999999</v>
      </c>
      <c r="AE2873">
        <v>41801.625679999997</v>
      </c>
      <c r="AF2873">
        <v>60702.080999999998</v>
      </c>
      <c r="AG2873">
        <v>26388.292119999998</v>
      </c>
      <c r="AH2873">
        <v>335381.33110000001</v>
      </c>
      <c r="AI2873">
        <v>86067.472540000002</v>
      </c>
      <c r="AJ2873">
        <v>24253.804240000001</v>
      </c>
      <c r="AK2873">
        <v>27618.34015</v>
      </c>
      <c r="AL2873">
        <v>91529.114310000004</v>
      </c>
      <c r="AM2873">
        <v>21210.91159</v>
      </c>
      <c r="AN2873">
        <v>104921.23480000001</v>
      </c>
      <c r="AO2873">
        <v>30838.14099</v>
      </c>
      <c r="AP2873">
        <v>22391.746930000001</v>
      </c>
    </row>
    <row r="2874" spans="2:42" x14ac:dyDescent="0.3">
      <c r="B2874">
        <v>64.159173202373367</v>
      </c>
      <c r="C2874" s="83">
        <v>43220.666666666664</v>
      </c>
      <c r="D2874">
        <v>274887.62920000002</v>
      </c>
      <c r="E2874">
        <v>32316.966479999999</v>
      </c>
      <c r="F2874">
        <v>85341.812040000004</v>
      </c>
      <c r="G2874">
        <v>58810.012589999998</v>
      </c>
      <c r="H2874">
        <v>45973.797380000004</v>
      </c>
      <c r="I2874">
        <v>35300.122779999998</v>
      </c>
      <c r="J2874">
        <v>40916.629540000002</v>
      </c>
      <c r="K2874">
        <v>56716.67297</v>
      </c>
      <c r="L2874">
        <v>24999.676619999998</v>
      </c>
      <c r="M2874">
        <v>327113.38510000001</v>
      </c>
      <c r="N2874">
        <v>84892.948919999995</v>
      </c>
      <c r="O2874">
        <v>24254.049319999998</v>
      </c>
      <c r="P2874">
        <v>27007.867539999999</v>
      </c>
      <c r="Q2874">
        <v>90747.132949999999</v>
      </c>
      <c r="R2874">
        <v>21146.050899999998</v>
      </c>
      <c r="S2874">
        <v>100837.9298</v>
      </c>
      <c r="T2874">
        <v>30486.904299999998</v>
      </c>
      <c r="U2874">
        <v>20068.014759999998</v>
      </c>
      <c r="W2874" s="83">
        <f>Bühler!N2906</f>
        <v>45411.666666659701</v>
      </c>
      <c r="X2874" s="83">
        <v>43220.666666666664</v>
      </c>
      <c r="Y2874">
        <v>274887.62920000002</v>
      </c>
      <c r="Z2874">
        <v>32316.966479999999</v>
      </c>
      <c r="AA2874">
        <v>85341.812040000004</v>
      </c>
      <c r="AB2874">
        <v>58810.012589999998</v>
      </c>
      <c r="AC2874">
        <v>45973.797380000004</v>
      </c>
      <c r="AD2874">
        <v>35300.122779999998</v>
      </c>
      <c r="AE2874">
        <v>40916.629540000002</v>
      </c>
      <c r="AF2874">
        <v>56716.67297</v>
      </c>
      <c r="AG2874">
        <v>24999.676619999998</v>
      </c>
      <c r="AH2874">
        <v>327113.38510000001</v>
      </c>
      <c r="AI2874">
        <v>84892.948919999995</v>
      </c>
      <c r="AJ2874">
        <v>24254.049319999998</v>
      </c>
      <c r="AK2874">
        <v>27007.867539999999</v>
      </c>
      <c r="AL2874">
        <v>90747.132949999999</v>
      </c>
      <c r="AM2874">
        <v>21146.050899999998</v>
      </c>
      <c r="AN2874">
        <v>100837.9298</v>
      </c>
      <c r="AO2874">
        <v>30486.904299999998</v>
      </c>
      <c r="AP2874">
        <v>20068.014759999998</v>
      </c>
    </row>
    <row r="2875" spans="2:42" x14ac:dyDescent="0.3">
      <c r="B2875">
        <v>63.427383081627184</v>
      </c>
      <c r="C2875" s="83">
        <v>43220.708333333336</v>
      </c>
      <c r="D2875">
        <v>264235.46010000003</v>
      </c>
      <c r="E2875">
        <v>30482.22453</v>
      </c>
      <c r="F2875">
        <v>84086.522089999999</v>
      </c>
      <c r="G2875">
        <v>52914.869740000002</v>
      </c>
      <c r="H2875">
        <v>43755.156260000003</v>
      </c>
      <c r="I2875">
        <v>35202.10729</v>
      </c>
      <c r="J2875">
        <v>40842.584909999998</v>
      </c>
      <c r="K2875">
        <v>52340.728600000002</v>
      </c>
      <c r="L2875">
        <v>25293.681850000001</v>
      </c>
      <c r="M2875">
        <v>323382.37780000002</v>
      </c>
      <c r="N2875">
        <v>79996.148719999997</v>
      </c>
      <c r="O2875">
        <v>22956.62329</v>
      </c>
      <c r="P2875">
        <v>28802.224610000001</v>
      </c>
      <c r="Q2875">
        <v>88993.370850000007</v>
      </c>
      <c r="R2875">
        <v>21557.832839999999</v>
      </c>
      <c r="S2875">
        <v>98242.649470000004</v>
      </c>
      <c r="T2875">
        <v>30147.400819999999</v>
      </c>
      <c r="U2875">
        <v>17291.24914</v>
      </c>
      <c r="W2875" s="83">
        <f>Bühler!N2907</f>
        <v>45411.708333326365</v>
      </c>
      <c r="X2875" s="83">
        <v>43220.708333333336</v>
      </c>
      <c r="Y2875">
        <v>264235.46010000003</v>
      </c>
      <c r="Z2875">
        <v>30482.22453</v>
      </c>
      <c r="AA2875">
        <v>84086.522089999999</v>
      </c>
      <c r="AB2875">
        <v>52914.869740000002</v>
      </c>
      <c r="AC2875">
        <v>43755.156260000003</v>
      </c>
      <c r="AD2875">
        <v>35202.10729</v>
      </c>
      <c r="AE2875">
        <v>40842.584909999998</v>
      </c>
      <c r="AF2875">
        <v>52340.728600000002</v>
      </c>
      <c r="AG2875">
        <v>25293.681850000001</v>
      </c>
      <c r="AH2875">
        <v>323382.37780000002</v>
      </c>
      <c r="AI2875">
        <v>79996.148719999997</v>
      </c>
      <c r="AJ2875">
        <v>22956.62329</v>
      </c>
      <c r="AK2875">
        <v>28802.224610000001</v>
      </c>
      <c r="AL2875">
        <v>88993.370850000007</v>
      </c>
      <c r="AM2875">
        <v>21557.832839999999</v>
      </c>
      <c r="AN2875">
        <v>98242.649470000004</v>
      </c>
      <c r="AO2875">
        <v>30147.400819999999</v>
      </c>
      <c r="AP2875">
        <v>17291.24914</v>
      </c>
    </row>
    <row r="2876" spans="2:42" x14ac:dyDescent="0.3">
      <c r="B2876">
        <v>62.637424409769956</v>
      </c>
      <c r="C2876" s="83">
        <v>43220.75</v>
      </c>
      <c r="D2876">
        <v>257884.65650000001</v>
      </c>
      <c r="E2876">
        <v>27614.883229999999</v>
      </c>
      <c r="F2876">
        <v>83210.127640000006</v>
      </c>
      <c r="G2876">
        <v>45960.266159999999</v>
      </c>
      <c r="H2876">
        <v>41535.7114</v>
      </c>
      <c r="I2876">
        <v>34344.039019999997</v>
      </c>
      <c r="J2876">
        <v>40276.074560000001</v>
      </c>
      <c r="K2876">
        <v>49873.376680000001</v>
      </c>
      <c r="L2876">
        <v>25745.17988</v>
      </c>
      <c r="M2876">
        <v>319354.80009999999</v>
      </c>
      <c r="N2876">
        <v>76935.811260000002</v>
      </c>
      <c r="O2876">
        <v>22147.213749999999</v>
      </c>
      <c r="P2876">
        <v>31891.013060000001</v>
      </c>
      <c r="Q2876">
        <v>87659.395690000005</v>
      </c>
      <c r="R2876">
        <v>19721.914949999998</v>
      </c>
      <c r="S2876">
        <v>91904.245020000002</v>
      </c>
      <c r="T2876">
        <v>29181.107840000001</v>
      </c>
      <c r="U2876">
        <v>16893.226739999998</v>
      </c>
      <c r="W2876" s="83">
        <f>Bühler!N2908</f>
        <v>45411.74999999303</v>
      </c>
      <c r="X2876" s="83">
        <v>43220.75</v>
      </c>
      <c r="Y2876">
        <v>257884.65650000001</v>
      </c>
      <c r="Z2876">
        <v>27614.883229999999</v>
      </c>
      <c r="AA2876">
        <v>83210.127640000006</v>
      </c>
      <c r="AB2876">
        <v>45960.266159999999</v>
      </c>
      <c r="AC2876">
        <v>41535.7114</v>
      </c>
      <c r="AD2876">
        <v>34344.039019999997</v>
      </c>
      <c r="AE2876">
        <v>40276.074560000001</v>
      </c>
      <c r="AF2876">
        <v>49873.376680000001</v>
      </c>
      <c r="AG2876">
        <v>25745.17988</v>
      </c>
      <c r="AH2876">
        <v>319354.80009999999</v>
      </c>
      <c r="AI2876">
        <v>76935.811260000002</v>
      </c>
      <c r="AJ2876">
        <v>22147.213749999999</v>
      </c>
      <c r="AK2876">
        <v>31891.013060000001</v>
      </c>
      <c r="AL2876">
        <v>87659.395690000005</v>
      </c>
      <c r="AM2876">
        <v>19721.914949999998</v>
      </c>
      <c r="AN2876">
        <v>91904.245020000002</v>
      </c>
      <c r="AO2876">
        <v>29181.107840000001</v>
      </c>
      <c r="AP2876">
        <v>16893.226739999998</v>
      </c>
    </row>
    <row r="2877" spans="2:42" x14ac:dyDescent="0.3">
      <c r="B2877">
        <v>61.550136306211805</v>
      </c>
      <c r="C2877" s="83">
        <v>43220.791666666664</v>
      </c>
      <c r="D2877">
        <v>251682.9388</v>
      </c>
      <c r="E2877">
        <v>22473.837609999999</v>
      </c>
      <c r="F2877">
        <v>72478.181339999996</v>
      </c>
      <c r="G2877">
        <v>42646.402699999999</v>
      </c>
      <c r="H2877">
        <v>39689.270499999999</v>
      </c>
      <c r="I2877">
        <v>31846.606189999999</v>
      </c>
      <c r="J2877">
        <v>40658.465850000001</v>
      </c>
      <c r="K2877">
        <v>48862.145380000002</v>
      </c>
      <c r="L2877">
        <v>27507.598279999998</v>
      </c>
      <c r="M2877">
        <v>313811.29830000002</v>
      </c>
      <c r="N2877">
        <v>75939.356079999998</v>
      </c>
      <c r="O2877">
        <v>21018.887610000002</v>
      </c>
      <c r="P2877">
        <v>32874.470699999998</v>
      </c>
      <c r="Q2877">
        <v>85761.990340000004</v>
      </c>
      <c r="R2877">
        <v>18235.269059999999</v>
      </c>
      <c r="S2877">
        <v>87235.317670000004</v>
      </c>
      <c r="T2877">
        <v>30193.730039999999</v>
      </c>
      <c r="U2877">
        <v>16044.882600000001</v>
      </c>
      <c r="W2877" s="83">
        <f>Bühler!N2909</f>
        <v>45411.791666659694</v>
      </c>
      <c r="X2877" s="83">
        <v>43220.791666666664</v>
      </c>
      <c r="Y2877">
        <v>251682.9388</v>
      </c>
      <c r="Z2877">
        <v>22473.837609999999</v>
      </c>
      <c r="AA2877">
        <v>72478.181339999996</v>
      </c>
      <c r="AB2877">
        <v>42646.402699999999</v>
      </c>
      <c r="AC2877">
        <v>39689.270499999999</v>
      </c>
      <c r="AD2877">
        <v>31846.606189999999</v>
      </c>
      <c r="AE2877">
        <v>40658.465850000001</v>
      </c>
      <c r="AF2877">
        <v>48862.145380000002</v>
      </c>
      <c r="AG2877">
        <v>27507.598279999998</v>
      </c>
      <c r="AH2877">
        <v>313811.29830000002</v>
      </c>
      <c r="AI2877">
        <v>75939.356079999998</v>
      </c>
      <c r="AJ2877">
        <v>21018.887610000002</v>
      </c>
      <c r="AK2877">
        <v>32874.470699999998</v>
      </c>
      <c r="AL2877">
        <v>85761.990340000004</v>
      </c>
      <c r="AM2877">
        <v>18235.269059999999</v>
      </c>
      <c r="AN2877">
        <v>87235.317670000004</v>
      </c>
      <c r="AO2877">
        <v>30193.730039999999</v>
      </c>
      <c r="AP2877">
        <v>16044.882600000001</v>
      </c>
    </row>
    <row r="2878" spans="2:42" x14ac:dyDescent="0.3">
      <c r="B2878">
        <v>59.697959324618175</v>
      </c>
      <c r="C2878" s="83">
        <v>43220.833333333336</v>
      </c>
      <c r="D2878">
        <v>242370.2659</v>
      </c>
      <c r="E2878">
        <v>17160.76974</v>
      </c>
      <c r="F2878">
        <v>57677.282959999997</v>
      </c>
      <c r="G2878">
        <v>39109.276639999996</v>
      </c>
      <c r="H2878">
        <v>37409.052860000003</v>
      </c>
      <c r="I2878">
        <v>28805.555909999999</v>
      </c>
      <c r="J2878">
        <v>41496.63319</v>
      </c>
      <c r="K2878">
        <v>48327.620389999996</v>
      </c>
      <c r="L2878">
        <v>26895.89561</v>
      </c>
      <c r="M2878">
        <v>304368.03629999998</v>
      </c>
      <c r="N2878">
        <v>73657.197010000004</v>
      </c>
      <c r="O2878">
        <v>20733.10641</v>
      </c>
      <c r="P2878">
        <v>33700.186099999999</v>
      </c>
      <c r="Q2878">
        <v>83346.679139999993</v>
      </c>
      <c r="R2878">
        <v>17418.244910000001</v>
      </c>
      <c r="S2878">
        <v>80770.826669999995</v>
      </c>
      <c r="T2878">
        <v>29220.992429999998</v>
      </c>
      <c r="U2878">
        <v>15826.853859999999</v>
      </c>
      <c r="W2878" s="83">
        <f>Bühler!N2910</f>
        <v>45411.833333326358</v>
      </c>
      <c r="X2878" s="83">
        <v>43220.833333333336</v>
      </c>
      <c r="Y2878">
        <v>242370.2659</v>
      </c>
      <c r="Z2878">
        <v>17160.76974</v>
      </c>
      <c r="AA2878">
        <v>57677.282959999997</v>
      </c>
      <c r="AB2878">
        <v>39109.276639999996</v>
      </c>
      <c r="AC2878">
        <v>37409.052860000003</v>
      </c>
      <c r="AD2878">
        <v>28805.555909999999</v>
      </c>
      <c r="AE2878">
        <v>41496.63319</v>
      </c>
      <c r="AF2878">
        <v>48327.620389999996</v>
      </c>
      <c r="AG2878">
        <v>26895.89561</v>
      </c>
      <c r="AH2878">
        <v>304368.03629999998</v>
      </c>
      <c r="AI2878">
        <v>73657.197010000004</v>
      </c>
      <c r="AJ2878">
        <v>20733.10641</v>
      </c>
      <c r="AK2878">
        <v>33700.186099999999</v>
      </c>
      <c r="AL2878">
        <v>83346.679139999993</v>
      </c>
      <c r="AM2878">
        <v>17418.244910000001</v>
      </c>
      <c r="AN2878">
        <v>80770.826669999995</v>
      </c>
      <c r="AO2878">
        <v>29220.992429999998</v>
      </c>
      <c r="AP2878">
        <v>15826.853859999999</v>
      </c>
    </row>
    <row r="2879" spans="2:42" x14ac:dyDescent="0.3">
      <c r="B2879">
        <v>58.388262123118409</v>
      </c>
      <c r="C2879" s="83">
        <v>43220.875</v>
      </c>
      <c r="D2879">
        <v>236363.99489999999</v>
      </c>
      <c r="E2879">
        <v>15033.663629999999</v>
      </c>
      <c r="F2879">
        <v>50835.848559999999</v>
      </c>
      <c r="G2879">
        <v>38183.335310000002</v>
      </c>
      <c r="H2879">
        <v>37618.281470000002</v>
      </c>
      <c r="I2879">
        <v>25827.73731</v>
      </c>
      <c r="J2879">
        <v>42471.404699999999</v>
      </c>
      <c r="K2879">
        <v>47059.902770000001</v>
      </c>
      <c r="L2879">
        <v>25931.229490000002</v>
      </c>
      <c r="M2879">
        <v>297690.58919999999</v>
      </c>
      <c r="N2879">
        <v>72517.837589999996</v>
      </c>
      <c r="O2879">
        <v>20225.135569999999</v>
      </c>
      <c r="P2879">
        <v>32896.762739999998</v>
      </c>
      <c r="Q2879">
        <v>82200.580289999998</v>
      </c>
      <c r="R2879">
        <v>17164.10672</v>
      </c>
      <c r="S2879">
        <v>78692.560639999996</v>
      </c>
      <c r="T2879">
        <v>27179.064869999998</v>
      </c>
      <c r="U2879">
        <v>15650.615820000001</v>
      </c>
      <c r="W2879" s="83">
        <f>Bühler!N2911</f>
        <v>45411.874999993022</v>
      </c>
      <c r="X2879" s="83">
        <v>43220.875</v>
      </c>
      <c r="Y2879">
        <v>236363.99489999999</v>
      </c>
      <c r="Z2879">
        <v>15033.663629999999</v>
      </c>
      <c r="AA2879">
        <v>50835.848559999999</v>
      </c>
      <c r="AB2879">
        <v>38183.335310000002</v>
      </c>
      <c r="AC2879">
        <v>37618.281470000002</v>
      </c>
      <c r="AD2879">
        <v>25827.73731</v>
      </c>
      <c r="AE2879">
        <v>42471.404699999999</v>
      </c>
      <c r="AF2879">
        <v>47059.902770000001</v>
      </c>
      <c r="AG2879">
        <v>25931.229490000002</v>
      </c>
      <c r="AH2879">
        <v>297690.58919999999</v>
      </c>
      <c r="AI2879">
        <v>72517.837589999996</v>
      </c>
      <c r="AJ2879">
        <v>20225.135569999999</v>
      </c>
      <c r="AK2879">
        <v>32896.762739999998</v>
      </c>
      <c r="AL2879">
        <v>82200.580289999998</v>
      </c>
      <c r="AM2879">
        <v>17164.10672</v>
      </c>
      <c r="AN2879">
        <v>78692.560639999996</v>
      </c>
      <c r="AO2879">
        <v>27179.064869999998</v>
      </c>
      <c r="AP2879">
        <v>15650.615820000001</v>
      </c>
    </row>
    <row r="2880" spans="2:42" x14ac:dyDescent="0.3">
      <c r="B2880">
        <v>57.656994375145018</v>
      </c>
      <c r="C2880" s="83">
        <v>43220.916666666664</v>
      </c>
      <c r="D2880">
        <v>235088.42879999999</v>
      </c>
      <c r="E2880">
        <v>14325.999309999999</v>
      </c>
      <c r="F2880">
        <v>48622.678999999996</v>
      </c>
      <c r="G2880">
        <v>37029.046490000001</v>
      </c>
      <c r="H2880">
        <v>37110.567320000002</v>
      </c>
      <c r="I2880">
        <v>24036.74696</v>
      </c>
      <c r="J2880">
        <v>41355.609819999998</v>
      </c>
      <c r="K2880">
        <v>51421.754350000003</v>
      </c>
      <c r="L2880">
        <v>23276.820950000001</v>
      </c>
      <c r="M2880">
        <v>293962.2452</v>
      </c>
      <c r="N2880">
        <v>71275.009090000007</v>
      </c>
      <c r="O2880">
        <v>20710.192200000001</v>
      </c>
      <c r="P2880">
        <v>35558.104099999997</v>
      </c>
      <c r="Q2880">
        <v>81503.513040000005</v>
      </c>
      <c r="R2880">
        <v>20239.109250000001</v>
      </c>
      <c r="S2880">
        <v>77795.731060000006</v>
      </c>
      <c r="T2880">
        <v>23995.4473</v>
      </c>
      <c r="U2880">
        <v>15458.84165</v>
      </c>
      <c r="W2880" s="83">
        <f>Bühler!N2912</f>
        <v>45411.916666659687</v>
      </c>
      <c r="X2880" s="83">
        <v>43220.916666666664</v>
      </c>
      <c r="Y2880">
        <v>235088.42879999999</v>
      </c>
      <c r="Z2880">
        <v>14325.999309999999</v>
      </c>
      <c r="AA2880">
        <v>48622.678999999996</v>
      </c>
      <c r="AB2880">
        <v>37029.046490000001</v>
      </c>
      <c r="AC2880">
        <v>37110.567320000002</v>
      </c>
      <c r="AD2880">
        <v>24036.74696</v>
      </c>
      <c r="AE2880">
        <v>41355.609819999998</v>
      </c>
      <c r="AF2880">
        <v>51421.754350000003</v>
      </c>
      <c r="AG2880">
        <v>23276.820950000001</v>
      </c>
      <c r="AH2880">
        <v>293962.2452</v>
      </c>
      <c r="AI2880">
        <v>71275.009090000007</v>
      </c>
      <c r="AJ2880">
        <v>20710.192200000001</v>
      </c>
      <c r="AK2880">
        <v>35558.104099999997</v>
      </c>
      <c r="AL2880">
        <v>81503.513040000005</v>
      </c>
      <c r="AM2880">
        <v>20239.109250000001</v>
      </c>
      <c r="AN2880">
        <v>77795.731060000006</v>
      </c>
      <c r="AO2880">
        <v>23995.4473</v>
      </c>
      <c r="AP2880">
        <v>15458.84165</v>
      </c>
    </row>
    <row r="2881" spans="2:42" x14ac:dyDescent="0.3">
      <c r="B2881">
        <v>57.41103821580338</v>
      </c>
      <c r="C2881" s="83">
        <v>43220.958333333336</v>
      </c>
      <c r="D2881">
        <v>235148.68640000001</v>
      </c>
      <c r="E2881">
        <v>13645.192859999999</v>
      </c>
      <c r="F2881">
        <v>47238.020470000003</v>
      </c>
      <c r="G2881">
        <v>36498.465020000003</v>
      </c>
      <c r="H2881">
        <v>36321.510860000002</v>
      </c>
      <c r="I2881">
        <v>23307.48489</v>
      </c>
      <c r="J2881">
        <v>38635.467329999999</v>
      </c>
      <c r="K2881">
        <v>50218.426529999997</v>
      </c>
      <c r="L2881">
        <v>19668.25462</v>
      </c>
      <c r="M2881">
        <v>292708.24599999998</v>
      </c>
      <c r="N2881">
        <v>73474.022660000002</v>
      </c>
      <c r="O2881">
        <v>20600.859179999999</v>
      </c>
      <c r="P2881">
        <v>30777.856199999998</v>
      </c>
      <c r="Q2881">
        <v>80779.814899999998</v>
      </c>
      <c r="R2881">
        <v>21891.16418</v>
      </c>
      <c r="S2881">
        <v>75988.146649999995</v>
      </c>
      <c r="T2881">
        <v>23487.540809999999</v>
      </c>
      <c r="U2881">
        <v>15315.06313</v>
      </c>
      <c r="W2881" s="83">
        <f>Bühler!N2913</f>
        <v>45411.958333326351</v>
      </c>
      <c r="X2881" s="83">
        <v>43220.958333333336</v>
      </c>
      <c r="Y2881">
        <v>235148.68640000001</v>
      </c>
      <c r="Z2881">
        <v>13645.192859999999</v>
      </c>
      <c r="AA2881">
        <v>47238.020470000003</v>
      </c>
      <c r="AB2881">
        <v>36498.465020000003</v>
      </c>
      <c r="AC2881">
        <v>36321.510860000002</v>
      </c>
      <c r="AD2881">
        <v>23307.48489</v>
      </c>
      <c r="AE2881">
        <v>38635.467329999999</v>
      </c>
      <c r="AF2881">
        <v>50218.426529999997</v>
      </c>
      <c r="AG2881">
        <v>19668.25462</v>
      </c>
      <c r="AH2881">
        <v>292708.24599999998</v>
      </c>
      <c r="AI2881">
        <v>73474.022660000002</v>
      </c>
      <c r="AJ2881">
        <v>20600.859179999999</v>
      </c>
      <c r="AK2881">
        <v>30777.856199999998</v>
      </c>
      <c r="AL2881">
        <v>80779.814899999998</v>
      </c>
      <c r="AM2881">
        <v>21891.16418</v>
      </c>
      <c r="AN2881">
        <v>75988.146649999995</v>
      </c>
      <c r="AO2881">
        <v>23487.540809999999</v>
      </c>
      <c r="AP2881">
        <v>15315.06313</v>
      </c>
    </row>
    <row r="2882" spans="2:42" x14ac:dyDescent="0.3">
      <c r="B2882">
        <v>56.789995947868064</v>
      </c>
      <c r="C2882" s="83">
        <v>43221</v>
      </c>
      <c r="D2882">
        <v>235584.48439999999</v>
      </c>
      <c r="E2882">
        <v>13509.063840000001</v>
      </c>
      <c r="F2882">
        <v>46148.030100000004</v>
      </c>
      <c r="G2882">
        <v>35770.461649999997</v>
      </c>
      <c r="H2882">
        <v>35735.58395</v>
      </c>
      <c r="I2882">
        <v>22017.443790000001</v>
      </c>
      <c r="J2882">
        <v>36075.48691</v>
      </c>
      <c r="K2882">
        <v>48781.813269999999</v>
      </c>
      <c r="L2882">
        <v>18240.187119999999</v>
      </c>
      <c r="M2882">
        <v>289541.88290000003</v>
      </c>
      <c r="N2882">
        <v>73252.219830000002</v>
      </c>
      <c r="O2882">
        <v>20533.076649999999</v>
      </c>
      <c r="P2882">
        <v>28156.201570000001</v>
      </c>
      <c r="Q2882">
        <v>80515.066590000002</v>
      </c>
      <c r="R2882">
        <v>18151.87009</v>
      </c>
      <c r="S2882">
        <v>74807.871650000001</v>
      </c>
      <c r="T2882">
        <v>22330.139029999998</v>
      </c>
      <c r="U2882">
        <v>14769.41965</v>
      </c>
      <c r="W2882" s="83">
        <f>Bühler!N2914</f>
        <v>45411.999999993015</v>
      </c>
      <c r="X2882" s="83">
        <v>43221</v>
      </c>
      <c r="Y2882">
        <v>235584.48439999999</v>
      </c>
      <c r="Z2882">
        <v>13509.063840000001</v>
      </c>
      <c r="AA2882">
        <v>46148.030100000004</v>
      </c>
      <c r="AB2882">
        <v>35770.461649999997</v>
      </c>
      <c r="AC2882">
        <v>35735.58395</v>
      </c>
      <c r="AD2882">
        <v>22017.443790000001</v>
      </c>
      <c r="AE2882">
        <v>36075.48691</v>
      </c>
      <c r="AF2882">
        <v>48781.813269999999</v>
      </c>
      <c r="AG2882">
        <v>18240.187119999999</v>
      </c>
      <c r="AH2882">
        <v>289541.88290000003</v>
      </c>
      <c r="AI2882">
        <v>73252.219830000002</v>
      </c>
      <c r="AJ2882">
        <v>20533.076649999999</v>
      </c>
      <c r="AK2882">
        <v>28156.201570000001</v>
      </c>
      <c r="AL2882">
        <v>80515.066590000002</v>
      </c>
      <c r="AM2882">
        <v>18151.87009</v>
      </c>
      <c r="AN2882">
        <v>74807.871650000001</v>
      </c>
      <c r="AO2882">
        <v>22330.139029999998</v>
      </c>
      <c r="AP2882">
        <v>14769.41965</v>
      </c>
    </row>
    <row r="2883" spans="2:42" x14ac:dyDescent="0.3">
      <c r="B2883">
        <v>56.138619381414912</v>
      </c>
      <c r="C2883" s="83">
        <v>43221.041666666664</v>
      </c>
      <c r="D2883">
        <v>234864.33180000001</v>
      </c>
      <c r="E2883">
        <v>13484.796829999999</v>
      </c>
      <c r="F2883">
        <v>45882.111749999996</v>
      </c>
      <c r="G2883">
        <v>35218.536780000002</v>
      </c>
      <c r="H2883">
        <v>35458.272109999998</v>
      </c>
      <c r="I2883">
        <v>17561.470679999999</v>
      </c>
      <c r="J2883">
        <v>34613.922140000002</v>
      </c>
      <c r="K2883">
        <v>46865.287839999997</v>
      </c>
      <c r="L2883">
        <v>16907.562870000002</v>
      </c>
      <c r="M2883">
        <v>286220.86139999999</v>
      </c>
      <c r="N2883">
        <v>72715.662259999997</v>
      </c>
      <c r="O2883">
        <v>20695.97467</v>
      </c>
      <c r="P2883">
        <v>27033.01096</v>
      </c>
      <c r="Q2883">
        <v>81518.105030000006</v>
      </c>
      <c r="R2883">
        <v>16903.179</v>
      </c>
      <c r="S2883">
        <v>74026.954740000001</v>
      </c>
      <c r="T2883">
        <v>21714.99583</v>
      </c>
      <c r="U2883">
        <v>14862.363090000001</v>
      </c>
      <c r="W2883" s="83">
        <f>Bühler!N2915</f>
        <v>45412.041666659679</v>
      </c>
      <c r="X2883" s="83">
        <v>43221.041666666664</v>
      </c>
      <c r="Y2883">
        <v>234864.33180000001</v>
      </c>
      <c r="Z2883">
        <v>13484.796829999999</v>
      </c>
      <c r="AA2883">
        <v>45882.111749999996</v>
      </c>
      <c r="AB2883">
        <v>35218.536780000002</v>
      </c>
      <c r="AC2883">
        <v>35458.272109999998</v>
      </c>
      <c r="AD2883">
        <v>17561.470679999999</v>
      </c>
      <c r="AE2883">
        <v>34613.922140000002</v>
      </c>
      <c r="AF2883">
        <v>46865.287839999997</v>
      </c>
      <c r="AG2883">
        <v>16907.562870000002</v>
      </c>
      <c r="AH2883">
        <v>286220.86139999999</v>
      </c>
      <c r="AI2883">
        <v>72715.662259999997</v>
      </c>
      <c r="AJ2883">
        <v>20695.97467</v>
      </c>
      <c r="AK2883">
        <v>27033.01096</v>
      </c>
      <c r="AL2883">
        <v>81518.105030000006</v>
      </c>
      <c r="AM2883">
        <v>16903.179</v>
      </c>
      <c r="AN2883">
        <v>74026.954740000001</v>
      </c>
      <c r="AO2883">
        <v>21714.99583</v>
      </c>
      <c r="AP2883">
        <v>14862.363090000001</v>
      </c>
    </row>
    <row r="2884" spans="2:42" x14ac:dyDescent="0.3">
      <c r="B2884">
        <v>56.349923787042655</v>
      </c>
      <c r="C2884" s="83">
        <v>43221.083333333336</v>
      </c>
      <c r="D2884">
        <v>234982.22889999999</v>
      </c>
      <c r="E2884">
        <v>13353.63761</v>
      </c>
      <c r="F2884">
        <v>46949.188099999999</v>
      </c>
      <c r="G2884">
        <v>35032.351730000002</v>
      </c>
      <c r="H2884">
        <v>35067.218229999999</v>
      </c>
      <c r="I2884">
        <v>15474.05046</v>
      </c>
      <c r="J2884">
        <v>34406.483999999997</v>
      </c>
      <c r="K2884">
        <v>45531.869160000002</v>
      </c>
      <c r="L2884">
        <v>16500.835630000001</v>
      </c>
      <c r="M2884">
        <v>287298.18979999999</v>
      </c>
      <c r="N2884">
        <v>71949.838449999996</v>
      </c>
      <c r="O2884">
        <v>20814.577939999999</v>
      </c>
      <c r="P2884">
        <v>26629.966980000001</v>
      </c>
      <c r="Q2884">
        <v>83685.554059999995</v>
      </c>
      <c r="R2884">
        <v>17790.68046</v>
      </c>
      <c r="S2884">
        <v>73739.24639</v>
      </c>
      <c r="T2884">
        <v>21301.39201</v>
      </c>
      <c r="U2884">
        <v>14997.29466</v>
      </c>
      <c r="W2884" s="83">
        <f>Bühler!N2916</f>
        <v>45412.083333326344</v>
      </c>
      <c r="X2884" s="83">
        <v>43221.083333333336</v>
      </c>
      <c r="Y2884">
        <v>234982.22889999999</v>
      </c>
      <c r="Z2884">
        <v>13353.63761</v>
      </c>
      <c r="AA2884">
        <v>46949.188099999999</v>
      </c>
      <c r="AB2884">
        <v>35032.351730000002</v>
      </c>
      <c r="AC2884">
        <v>35067.218229999999</v>
      </c>
      <c r="AD2884">
        <v>15474.05046</v>
      </c>
      <c r="AE2884">
        <v>34406.483999999997</v>
      </c>
      <c r="AF2884">
        <v>45531.869160000002</v>
      </c>
      <c r="AG2884">
        <v>16500.835630000001</v>
      </c>
      <c r="AH2884">
        <v>287298.18979999999</v>
      </c>
      <c r="AI2884">
        <v>71949.838449999996</v>
      </c>
      <c r="AJ2884">
        <v>20814.577939999999</v>
      </c>
      <c r="AK2884">
        <v>26629.966980000001</v>
      </c>
      <c r="AL2884">
        <v>83685.554059999995</v>
      </c>
      <c r="AM2884">
        <v>17790.68046</v>
      </c>
      <c r="AN2884">
        <v>73739.24639</v>
      </c>
      <c r="AO2884">
        <v>21301.39201</v>
      </c>
      <c r="AP2884">
        <v>14997.29466</v>
      </c>
    </row>
    <row r="2885" spans="2:42" x14ac:dyDescent="0.3">
      <c r="B2885">
        <v>56.883027257322205</v>
      </c>
      <c r="C2885" s="83">
        <v>43221.125</v>
      </c>
      <c r="D2885">
        <v>236133.30220000001</v>
      </c>
      <c r="E2885">
        <v>13517.14575</v>
      </c>
      <c r="F2885">
        <v>48240.358139999997</v>
      </c>
      <c r="G2885">
        <v>34649.859640000002</v>
      </c>
      <c r="H2885">
        <v>35248.946479999999</v>
      </c>
      <c r="I2885">
        <v>15192.423430000001</v>
      </c>
      <c r="J2885">
        <v>34863.472479999997</v>
      </c>
      <c r="K2885">
        <v>43699.597099999999</v>
      </c>
      <c r="L2885">
        <v>16009.247820000001</v>
      </c>
      <c r="M2885">
        <v>290016.19990000001</v>
      </c>
      <c r="N2885">
        <v>70414.270579999997</v>
      </c>
      <c r="O2885">
        <v>20961.649010000001</v>
      </c>
      <c r="P2885">
        <v>25936.509399999999</v>
      </c>
      <c r="Q2885">
        <v>86693.28873</v>
      </c>
      <c r="R2885">
        <v>17592.423910000001</v>
      </c>
      <c r="S2885">
        <v>73000.622860000003</v>
      </c>
      <c r="T2885">
        <v>21485.19989</v>
      </c>
      <c r="U2885">
        <v>14830.29322</v>
      </c>
      <c r="W2885" s="83">
        <f>Bühler!N2917</f>
        <v>45412.124999993008</v>
      </c>
      <c r="X2885" s="83">
        <v>43221.125</v>
      </c>
      <c r="Y2885">
        <v>236133.30220000001</v>
      </c>
      <c r="Z2885">
        <v>13517.14575</v>
      </c>
      <c r="AA2885">
        <v>48240.358139999997</v>
      </c>
      <c r="AB2885">
        <v>34649.859640000002</v>
      </c>
      <c r="AC2885">
        <v>35248.946479999999</v>
      </c>
      <c r="AD2885">
        <v>15192.423430000001</v>
      </c>
      <c r="AE2885">
        <v>34863.472479999997</v>
      </c>
      <c r="AF2885">
        <v>43699.597099999999</v>
      </c>
      <c r="AG2885">
        <v>16009.247820000001</v>
      </c>
      <c r="AH2885">
        <v>290016.19990000001</v>
      </c>
      <c r="AI2885">
        <v>70414.270579999997</v>
      </c>
      <c r="AJ2885">
        <v>20961.649010000001</v>
      </c>
      <c r="AK2885">
        <v>25936.509399999999</v>
      </c>
      <c r="AL2885">
        <v>86693.28873</v>
      </c>
      <c r="AM2885">
        <v>17592.423910000001</v>
      </c>
      <c r="AN2885">
        <v>73000.622860000003</v>
      </c>
      <c r="AO2885">
        <v>21485.19989</v>
      </c>
      <c r="AP2885">
        <v>14830.29322</v>
      </c>
    </row>
    <row r="2886" spans="2:42" x14ac:dyDescent="0.3">
      <c r="B2886">
        <v>58.553678807947698</v>
      </c>
      <c r="C2886" s="83">
        <v>43221.166666666664</v>
      </c>
      <c r="D2886">
        <v>238312.08050000001</v>
      </c>
      <c r="E2886">
        <v>13988.9856</v>
      </c>
      <c r="F2886">
        <v>51484.254800000002</v>
      </c>
      <c r="G2886">
        <v>34035.524380000003</v>
      </c>
      <c r="H2886">
        <v>36079.432560000001</v>
      </c>
      <c r="I2886">
        <v>17568.091199999999</v>
      </c>
      <c r="J2886">
        <v>37383.434370000003</v>
      </c>
      <c r="K2886">
        <v>43270.356030000003</v>
      </c>
      <c r="L2886">
        <v>16131.298709999999</v>
      </c>
      <c r="M2886">
        <v>298533.96059999999</v>
      </c>
      <c r="N2886">
        <v>69862.619139999995</v>
      </c>
      <c r="O2886">
        <v>21110.628980000001</v>
      </c>
      <c r="P2886">
        <v>25046.37066</v>
      </c>
      <c r="Q2886">
        <v>90517.604439999996</v>
      </c>
      <c r="R2886">
        <v>17750.608469999999</v>
      </c>
      <c r="S2886">
        <v>73750.440459999998</v>
      </c>
      <c r="T2886">
        <v>21759.94642</v>
      </c>
      <c r="U2886">
        <v>15157.86814</v>
      </c>
      <c r="W2886" s="83">
        <f>Bühler!N2918</f>
        <v>45412.166666659672</v>
      </c>
      <c r="X2886" s="83">
        <v>43221.166666666664</v>
      </c>
      <c r="Y2886">
        <v>238312.08050000001</v>
      </c>
      <c r="Z2886">
        <v>13988.9856</v>
      </c>
      <c r="AA2886">
        <v>51484.254800000002</v>
      </c>
      <c r="AB2886">
        <v>34035.524380000003</v>
      </c>
      <c r="AC2886">
        <v>36079.432560000001</v>
      </c>
      <c r="AD2886">
        <v>17568.091199999999</v>
      </c>
      <c r="AE2886">
        <v>37383.434370000003</v>
      </c>
      <c r="AF2886">
        <v>43270.356030000003</v>
      </c>
      <c r="AG2886">
        <v>16131.298709999999</v>
      </c>
      <c r="AH2886">
        <v>298533.96059999999</v>
      </c>
      <c r="AI2886">
        <v>69862.619139999995</v>
      </c>
      <c r="AJ2886">
        <v>21110.628980000001</v>
      </c>
      <c r="AK2886">
        <v>25046.37066</v>
      </c>
      <c r="AL2886">
        <v>90517.604439999996</v>
      </c>
      <c r="AM2886">
        <v>17750.608469999999</v>
      </c>
      <c r="AN2886">
        <v>73750.440459999998</v>
      </c>
      <c r="AO2886">
        <v>21759.94642</v>
      </c>
      <c r="AP2886">
        <v>15157.86814</v>
      </c>
    </row>
    <row r="2887" spans="2:42" x14ac:dyDescent="0.3">
      <c r="B2887">
        <v>62.229983512709289</v>
      </c>
      <c r="C2887" s="83">
        <v>43221.208333333336</v>
      </c>
      <c r="D2887">
        <v>254596.0154</v>
      </c>
      <c r="E2887">
        <v>16239.94555</v>
      </c>
      <c r="F2887">
        <v>61557.859369999998</v>
      </c>
      <c r="G2887">
        <v>35977.524740000001</v>
      </c>
      <c r="H2887">
        <v>37795.016589999999</v>
      </c>
      <c r="I2887">
        <v>26051.179179999999</v>
      </c>
      <c r="J2887">
        <v>40516.315110000003</v>
      </c>
      <c r="K2887">
        <v>44779.315439999998</v>
      </c>
      <c r="L2887">
        <v>17190.025389999999</v>
      </c>
      <c r="M2887">
        <v>317277.47639999999</v>
      </c>
      <c r="N2887">
        <v>70966.042839999995</v>
      </c>
      <c r="O2887">
        <v>21726.90958</v>
      </c>
      <c r="P2887">
        <v>26344.065839999999</v>
      </c>
      <c r="Q2887">
        <v>93144.640780000002</v>
      </c>
      <c r="R2887">
        <v>20573.799029999998</v>
      </c>
      <c r="S2887">
        <v>76618.44743</v>
      </c>
      <c r="T2887">
        <v>23835.081969999999</v>
      </c>
      <c r="U2887">
        <v>16944.486789999999</v>
      </c>
      <c r="W2887" s="83">
        <f>Bühler!N2919</f>
        <v>45412.208333326336</v>
      </c>
      <c r="X2887" s="83">
        <v>43221.208333333336</v>
      </c>
      <c r="Y2887">
        <v>254596.0154</v>
      </c>
      <c r="Z2887">
        <v>16239.94555</v>
      </c>
      <c r="AA2887">
        <v>61557.859369999998</v>
      </c>
      <c r="AB2887">
        <v>35977.524740000001</v>
      </c>
      <c r="AC2887">
        <v>37795.016589999999</v>
      </c>
      <c r="AD2887">
        <v>26051.179179999999</v>
      </c>
      <c r="AE2887">
        <v>40516.315110000003</v>
      </c>
      <c r="AF2887">
        <v>44779.315439999998</v>
      </c>
      <c r="AG2887">
        <v>17190.025389999999</v>
      </c>
      <c r="AH2887">
        <v>317277.47639999999</v>
      </c>
      <c r="AI2887">
        <v>70966.042839999995</v>
      </c>
      <c r="AJ2887">
        <v>21726.90958</v>
      </c>
      <c r="AK2887">
        <v>26344.065839999999</v>
      </c>
      <c r="AL2887">
        <v>93144.640780000002</v>
      </c>
      <c r="AM2887">
        <v>20573.799029999998</v>
      </c>
      <c r="AN2887">
        <v>76618.44743</v>
      </c>
      <c r="AO2887">
        <v>23835.081969999999</v>
      </c>
      <c r="AP2887">
        <v>16944.486789999999</v>
      </c>
    </row>
    <row r="2888" spans="2:42" x14ac:dyDescent="0.3">
      <c r="B2888">
        <v>64.799635761305836</v>
      </c>
      <c r="C2888" s="83">
        <v>43221.25</v>
      </c>
      <c r="D2888">
        <v>271372.01579999999</v>
      </c>
      <c r="E2888">
        <v>20465.968840000001</v>
      </c>
      <c r="F2888">
        <v>72651.741349999997</v>
      </c>
      <c r="G2888">
        <v>46071.663800000002</v>
      </c>
      <c r="H2888">
        <v>40640.537530000001</v>
      </c>
      <c r="I2888">
        <v>31615.58769</v>
      </c>
      <c r="J2888">
        <v>43928.541429999997</v>
      </c>
      <c r="K2888">
        <v>46188.779470000001</v>
      </c>
      <c r="L2888">
        <v>18735.949820000002</v>
      </c>
      <c r="M2888">
        <v>330378.76189999998</v>
      </c>
      <c r="N2888">
        <v>76248.94008</v>
      </c>
      <c r="O2888">
        <v>22737.55258</v>
      </c>
      <c r="P2888">
        <v>27783.284960000001</v>
      </c>
      <c r="Q2888">
        <v>94387.381030000004</v>
      </c>
      <c r="R2888">
        <v>16535.687600000001</v>
      </c>
      <c r="S2888">
        <v>84583.69455</v>
      </c>
      <c r="T2888">
        <v>26131.300620000002</v>
      </c>
      <c r="U2888">
        <v>19138.412110000001</v>
      </c>
      <c r="W2888" s="83">
        <f>Bühler!N2920</f>
        <v>45412.249999993001</v>
      </c>
      <c r="X2888" s="83">
        <v>43221.25</v>
      </c>
      <c r="Y2888">
        <v>271372.01579999999</v>
      </c>
      <c r="Z2888">
        <v>20465.968840000001</v>
      </c>
      <c r="AA2888">
        <v>72651.741349999997</v>
      </c>
      <c r="AB2888">
        <v>46071.663800000002</v>
      </c>
      <c r="AC2888">
        <v>40640.537530000001</v>
      </c>
      <c r="AD2888">
        <v>31615.58769</v>
      </c>
      <c r="AE2888">
        <v>43928.541429999997</v>
      </c>
      <c r="AF2888">
        <v>46188.779470000001</v>
      </c>
      <c r="AG2888">
        <v>18735.949820000002</v>
      </c>
      <c r="AH2888">
        <v>330378.76189999998</v>
      </c>
      <c r="AI2888">
        <v>76248.94008</v>
      </c>
      <c r="AJ2888">
        <v>22737.55258</v>
      </c>
      <c r="AK2888">
        <v>27783.284960000001</v>
      </c>
      <c r="AL2888">
        <v>94387.381030000004</v>
      </c>
      <c r="AM2888">
        <v>16535.687600000001</v>
      </c>
      <c r="AN2888">
        <v>84583.69455</v>
      </c>
      <c r="AO2888">
        <v>26131.300620000002</v>
      </c>
      <c r="AP2888">
        <v>19138.412110000001</v>
      </c>
    </row>
    <row r="2889" spans="2:42" x14ac:dyDescent="0.3">
      <c r="B2889">
        <v>65.947907164379259</v>
      </c>
      <c r="C2889" s="83">
        <v>43221.291666666664</v>
      </c>
      <c r="D2889">
        <v>283476.60810000001</v>
      </c>
      <c r="E2889">
        <v>24858.374589999999</v>
      </c>
      <c r="F2889">
        <v>74854.829750000004</v>
      </c>
      <c r="G2889">
        <v>53500.89819</v>
      </c>
      <c r="H2889">
        <v>44809.683270000001</v>
      </c>
      <c r="I2889">
        <v>38371.873899999999</v>
      </c>
      <c r="J2889">
        <v>44330.826119999998</v>
      </c>
      <c r="K2889">
        <v>50675.938430000002</v>
      </c>
      <c r="L2889">
        <v>21514.373670000001</v>
      </c>
      <c r="M2889">
        <v>336233.185</v>
      </c>
      <c r="N2889">
        <v>80542.125899999999</v>
      </c>
      <c r="O2889">
        <v>24637.45321</v>
      </c>
      <c r="P2889">
        <v>30640.93175</v>
      </c>
      <c r="Q2889">
        <v>93969.753020000004</v>
      </c>
      <c r="R2889">
        <v>16808.53543</v>
      </c>
      <c r="S2889">
        <v>97357.235230000006</v>
      </c>
      <c r="T2889">
        <v>27309.601309999998</v>
      </c>
      <c r="U2889">
        <v>22704.245749999998</v>
      </c>
      <c r="W2889" s="83">
        <f>Bühler!N2921</f>
        <v>45412.291666659665</v>
      </c>
      <c r="X2889" s="83">
        <v>43221.291666666664</v>
      </c>
      <c r="Y2889">
        <v>283476.60810000001</v>
      </c>
      <c r="Z2889">
        <v>24858.374589999999</v>
      </c>
      <c r="AA2889">
        <v>74854.829750000004</v>
      </c>
      <c r="AB2889">
        <v>53500.89819</v>
      </c>
      <c r="AC2889">
        <v>44809.683270000001</v>
      </c>
      <c r="AD2889">
        <v>38371.873899999999</v>
      </c>
      <c r="AE2889">
        <v>44330.826119999998</v>
      </c>
      <c r="AF2889">
        <v>50675.938430000002</v>
      </c>
      <c r="AG2889">
        <v>21514.373670000001</v>
      </c>
      <c r="AH2889">
        <v>336233.185</v>
      </c>
      <c r="AI2889">
        <v>80542.125899999999</v>
      </c>
      <c r="AJ2889">
        <v>24637.45321</v>
      </c>
      <c r="AK2889">
        <v>30640.93175</v>
      </c>
      <c r="AL2889">
        <v>93969.753020000004</v>
      </c>
      <c r="AM2889">
        <v>16808.53543</v>
      </c>
      <c r="AN2889">
        <v>97357.235230000006</v>
      </c>
      <c r="AO2889">
        <v>27309.601309999998</v>
      </c>
      <c r="AP2889">
        <v>22704.245749999998</v>
      </c>
    </row>
    <row r="2890" spans="2:42" x14ac:dyDescent="0.3">
      <c r="B2890">
        <v>66.948867896041676</v>
      </c>
      <c r="C2890" s="83">
        <v>43221.333333333336</v>
      </c>
      <c r="D2890">
        <v>294172.63010000001</v>
      </c>
      <c r="E2890">
        <v>30487.3269</v>
      </c>
      <c r="F2890">
        <v>82368.213130000004</v>
      </c>
      <c r="G2890">
        <v>63491.396769999999</v>
      </c>
      <c r="H2890">
        <v>49833.922850000003</v>
      </c>
      <c r="I2890">
        <v>40944.710630000001</v>
      </c>
      <c r="J2890">
        <v>45701.193890000002</v>
      </c>
      <c r="K2890">
        <v>56745.684090000002</v>
      </c>
      <c r="L2890">
        <v>24748.948280000001</v>
      </c>
      <c r="M2890">
        <v>341336.54960000003</v>
      </c>
      <c r="N2890">
        <v>87113.390830000004</v>
      </c>
      <c r="O2890">
        <v>25481.456999999999</v>
      </c>
      <c r="P2890">
        <v>32588.938740000001</v>
      </c>
      <c r="Q2890">
        <v>94895.769650000002</v>
      </c>
      <c r="R2890">
        <v>20500.958689999999</v>
      </c>
      <c r="S2890">
        <v>109165.7265</v>
      </c>
      <c r="T2890">
        <v>30862.494119999999</v>
      </c>
      <c r="U2890">
        <v>25373.46601</v>
      </c>
      <c r="W2890" s="83">
        <f>Bühler!N2922</f>
        <v>45412.333333326329</v>
      </c>
      <c r="X2890" s="83">
        <v>43221.333333333336</v>
      </c>
      <c r="Y2890">
        <v>294172.63010000001</v>
      </c>
      <c r="Z2890">
        <v>30487.3269</v>
      </c>
      <c r="AA2890">
        <v>82368.213130000004</v>
      </c>
      <c r="AB2890">
        <v>63491.396769999999</v>
      </c>
      <c r="AC2890">
        <v>49833.922850000003</v>
      </c>
      <c r="AD2890">
        <v>40944.710630000001</v>
      </c>
      <c r="AE2890">
        <v>45701.193890000002</v>
      </c>
      <c r="AF2890">
        <v>56745.684090000002</v>
      </c>
      <c r="AG2890">
        <v>24748.948280000001</v>
      </c>
      <c r="AH2890">
        <v>341336.54960000003</v>
      </c>
      <c r="AI2890">
        <v>87113.390830000004</v>
      </c>
      <c r="AJ2890">
        <v>25481.456999999999</v>
      </c>
      <c r="AK2890">
        <v>32588.938740000001</v>
      </c>
      <c r="AL2890">
        <v>94895.769650000002</v>
      </c>
      <c r="AM2890">
        <v>20500.958689999999</v>
      </c>
      <c r="AN2890">
        <v>109165.7265</v>
      </c>
      <c r="AO2890">
        <v>30862.494119999999</v>
      </c>
      <c r="AP2890">
        <v>25373.46601</v>
      </c>
    </row>
    <row r="2891" spans="2:42" x14ac:dyDescent="0.3">
      <c r="B2891">
        <v>67.109789503633436</v>
      </c>
      <c r="C2891" s="83">
        <v>43221.375</v>
      </c>
      <c r="D2891">
        <v>295507.20329999999</v>
      </c>
      <c r="E2891">
        <v>34151.31725</v>
      </c>
      <c r="F2891">
        <v>87486.443520000001</v>
      </c>
      <c r="G2891">
        <v>70228.080560000002</v>
      </c>
      <c r="H2891">
        <v>52168.047330000001</v>
      </c>
      <c r="I2891">
        <v>37825.574710000001</v>
      </c>
      <c r="J2891">
        <v>46492.217320000003</v>
      </c>
      <c r="K2891">
        <v>60551.393279999997</v>
      </c>
      <c r="L2891">
        <v>27697.763060000001</v>
      </c>
      <c r="M2891">
        <v>342157.00300000003</v>
      </c>
      <c r="N2891">
        <v>89938.808430000005</v>
      </c>
      <c r="O2891">
        <v>25888.410680000001</v>
      </c>
      <c r="P2891">
        <v>34288.575219999999</v>
      </c>
      <c r="Q2891">
        <v>95765.244319999998</v>
      </c>
      <c r="R2891">
        <v>21051.366399999999</v>
      </c>
      <c r="S2891">
        <v>114877.9366</v>
      </c>
      <c r="T2891">
        <v>33177.337319999999</v>
      </c>
      <c r="U2891">
        <v>25530.996050000002</v>
      </c>
      <c r="W2891" s="83">
        <f>Bühler!N2923</f>
        <v>45412.374999992993</v>
      </c>
      <c r="X2891" s="83">
        <v>43221.375</v>
      </c>
      <c r="Y2891">
        <v>295507.20329999999</v>
      </c>
      <c r="Z2891">
        <v>34151.31725</v>
      </c>
      <c r="AA2891">
        <v>87486.443520000001</v>
      </c>
      <c r="AB2891">
        <v>70228.080560000002</v>
      </c>
      <c r="AC2891">
        <v>52168.047330000001</v>
      </c>
      <c r="AD2891">
        <v>37825.574710000001</v>
      </c>
      <c r="AE2891">
        <v>46492.217320000003</v>
      </c>
      <c r="AF2891">
        <v>60551.393279999997</v>
      </c>
      <c r="AG2891">
        <v>27697.763060000001</v>
      </c>
      <c r="AH2891">
        <v>342157.00300000003</v>
      </c>
      <c r="AI2891">
        <v>89938.808430000005</v>
      </c>
      <c r="AJ2891">
        <v>25888.410680000001</v>
      </c>
      <c r="AK2891">
        <v>34288.575219999999</v>
      </c>
      <c r="AL2891">
        <v>95765.244319999998</v>
      </c>
      <c r="AM2891">
        <v>21051.366399999999</v>
      </c>
      <c r="AN2891">
        <v>114877.9366</v>
      </c>
      <c r="AO2891">
        <v>33177.337319999999</v>
      </c>
      <c r="AP2891">
        <v>25530.996050000002</v>
      </c>
    </row>
    <row r="2892" spans="2:42" x14ac:dyDescent="0.3">
      <c r="B2892">
        <v>67.158682991062918</v>
      </c>
      <c r="C2892" s="83">
        <v>43221.416666666664</v>
      </c>
      <c r="D2892">
        <v>296533.5393</v>
      </c>
      <c r="E2892">
        <v>35342.640570000003</v>
      </c>
      <c r="F2892">
        <v>88585.821209999995</v>
      </c>
      <c r="G2892">
        <v>71676.409839999993</v>
      </c>
      <c r="H2892">
        <v>52033.677730000003</v>
      </c>
      <c r="I2892">
        <v>35770.283190000002</v>
      </c>
      <c r="J2892">
        <v>45556.236539999998</v>
      </c>
      <c r="K2892">
        <v>61420.469799999999</v>
      </c>
      <c r="L2892">
        <v>30167.105899999999</v>
      </c>
      <c r="M2892">
        <v>342406.28480000002</v>
      </c>
      <c r="N2892">
        <v>91100.464630000002</v>
      </c>
      <c r="O2892">
        <v>26197.768619999999</v>
      </c>
      <c r="P2892">
        <v>34902.547039999998</v>
      </c>
      <c r="Q2892">
        <v>96664.951329999996</v>
      </c>
      <c r="R2892">
        <v>21251.771830000002</v>
      </c>
      <c r="S2892">
        <v>115846.74159999999</v>
      </c>
      <c r="T2892">
        <v>34534.2281</v>
      </c>
      <c r="U2892">
        <v>25136.598529999999</v>
      </c>
      <c r="W2892" s="83">
        <f>Bühler!N2924</f>
        <v>45412.416666659657</v>
      </c>
      <c r="X2892" s="83">
        <v>43221.416666666664</v>
      </c>
      <c r="Y2892">
        <v>296533.5393</v>
      </c>
      <c r="Z2892">
        <v>35342.640570000003</v>
      </c>
      <c r="AA2892">
        <v>88585.821209999995</v>
      </c>
      <c r="AB2892">
        <v>71676.409839999993</v>
      </c>
      <c r="AC2892">
        <v>52033.677730000003</v>
      </c>
      <c r="AD2892">
        <v>35770.283190000002</v>
      </c>
      <c r="AE2892">
        <v>45556.236539999998</v>
      </c>
      <c r="AF2892">
        <v>61420.469799999999</v>
      </c>
      <c r="AG2892">
        <v>30167.105899999999</v>
      </c>
      <c r="AH2892">
        <v>342406.28480000002</v>
      </c>
      <c r="AI2892">
        <v>91100.464630000002</v>
      </c>
      <c r="AJ2892">
        <v>26197.768619999999</v>
      </c>
      <c r="AK2892">
        <v>34902.547039999998</v>
      </c>
      <c r="AL2892">
        <v>96664.951329999996</v>
      </c>
      <c r="AM2892">
        <v>21251.771830000002</v>
      </c>
      <c r="AN2892">
        <v>115846.74159999999</v>
      </c>
      <c r="AO2892">
        <v>34534.2281</v>
      </c>
      <c r="AP2892">
        <v>25136.598529999999</v>
      </c>
    </row>
    <row r="2893" spans="2:42" x14ac:dyDescent="0.3">
      <c r="B2893">
        <v>68.324331090197063</v>
      </c>
      <c r="C2893" s="83">
        <v>43221.458333333336</v>
      </c>
      <c r="D2893">
        <v>296164.32380000001</v>
      </c>
      <c r="E2893">
        <v>35282.800969999997</v>
      </c>
      <c r="F2893">
        <v>87977.654580000002</v>
      </c>
      <c r="G2893">
        <v>70426.185320000004</v>
      </c>
      <c r="H2893">
        <v>51714.013919999998</v>
      </c>
      <c r="I2893">
        <v>35128.11262</v>
      </c>
      <c r="J2893">
        <v>44137.913039999999</v>
      </c>
      <c r="K2893">
        <v>61442.82533</v>
      </c>
      <c r="L2893">
        <v>31600.34965</v>
      </c>
      <c r="M2893">
        <v>348349.30239999999</v>
      </c>
      <c r="N2893">
        <v>91277.151790000004</v>
      </c>
      <c r="O2893">
        <v>25536.451690000002</v>
      </c>
      <c r="P2893">
        <v>34194.8318</v>
      </c>
      <c r="Q2893">
        <v>96176.889819999997</v>
      </c>
      <c r="R2893">
        <v>23720.77</v>
      </c>
      <c r="S2893">
        <v>117283.3606</v>
      </c>
      <c r="T2893">
        <v>34894.47496</v>
      </c>
      <c r="U2893">
        <v>24746.451570000001</v>
      </c>
      <c r="W2893" s="83">
        <f>Bühler!N2925</f>
        <v>45412.458333326322</v>
      </c>
      <c r="X2893" s="83">
        <v>43221.458333333336</v>
      </c>
      <c r="Y2893">
        <v>296164.32380000001</v>
      </c>
      <c r="Z2893">
        <v>35282.800969999997</v>
      </c>
      <c r="AA2893">
        <v>87977.654580000002</v>
      </c>
      <c r="AB2893">
        <v>70426.185320000004</v>
      </c>
      <c r="AC2893">
        <v>51714.013919999998</v>
      </c>
      <c r="AD2893">
        <v>35128.11262</v>
      </c>
      <c r="AE2893">
        <v>44137.913039999999</v>
      </c>
      <c r="AF2893">
        <v>61442.82533</v>
      </c>
      <c r="AG2893">
        <v>31600.34965</v>
      </c>
      <c r="AH2893">
        <v>348349.30239999999</v>
      </c>
      <c r="AI2893">
        <v>91277.151790000004</v>
      </c>
      <c r="AJ2893">
        <v>25536.451690000002</v>
      </c>
      <c r="AK2893">
        <v>34194.8318</v>
      </c>
      <c r="AL2893">
        <v>96176.889819999997</v>
      </c>
      <c r="AM2893">
        <v>23720.77</v>
      </c>
      <c r="AN2893">
        <v>117283.3606</v>
      </c>
      <c r="AO2893">
        <v>34894.47496</v>
      </c>
      <c r="AP2893">
        <v>24746.451570000001</v>
      </c>
    </row>
    <row r="2894" spans="2:42" x14ac:dyDescent="0.3">
      <c r="B2894">
        <v>67.991344445560543</v>
      </c>
      <c r="C2894" s="83">
        <v>43221.5</v>
      </c>
      <c r="D2894">
        <v>281904.86190000002</v>
      </c>
      <c r="E2894">
        <v>31907.109329999999</v>
      </c>
      <c r="F2894">
        <v>81628.036540000001</v>
      </c>
      <c r="G2894">
        <v>68401.363060000003</v>
      </c>
      <c r="H2894">
        <v>49176.835740000002</v>
      </c>
      <c r="I2894">
        <v>33529.194869999999</v>
      </c>
      <c r="J2894">
        <v>43931.253989999997</v>
      </c>
      <c r="K2894">
        <v>57256.094340000003</v>
      </c>
      <c r="L2894">
        <v>34277.688959999999</v>
      </c>
      <c r="M2894">
        <v>346651.58120000002</v>
      </c>
      <c r="N2894">
        <v>88124.829190000004</v>
      </c>
      <c r="O2894">
        <v>24947.871330000002</v>
      </c>
      <c r="P2894">
        <v>35145.377139999997</v>
      </c>
      <c r="Q2894">
        <v>95568.940229999993</v>
      </c>
      <c r="R2894">
        <v>23619.375319999999</v>
      </c>
      <c r="S2894">
        <v>111920.3775</v>
      </c>
      <c r="T2894">
        <v>35313.666310000001</v>
      </c>
      <c r="U2894">
        <v>19296.221850000002</v>
      </c>
      <c r="W2894" s="83">
        <f>Bühler!N2926</f>
        <v>45412.499999992986</v>
      </c>
      <c r="X2894" s="83">
        <v>43221.5</v>
      </c>
      <c r="Y2894">
        <v>281904.86190000002</v>
      </c>
      <c r="Z2894">
        <v>31907.109329999999</v>
      </c>
      <c r="AA2894">
        <v>81628.036540000001</v>
      </c>
      <c r="AB2894">
        <v>68401.363060000003</v>
      </c>
      <c r="AC2894">
        <v>49176.835740000002</v>
      </c>
      <c r="AD2894">
        <v>33529.194869999999</v>
      </c>
      <c r="AE2894">
        <v>43931.253989999997</v>
      </c>
      <c r="AF2894">
        <v>57256.094340000003</v>
      </c>
      <c r="AG2894">
        <v>34277.688959999999</v>
      </c>
      <c r="AH2894">
        <v>346651.58120000002</v>
      </c>
      <c r="AI2894">
        <v>88124.829190000004</v>
      </c>
      <c r="AJ2894">
        <v>24947.871330000002</v>
      </c>
      <c r="AK2894">
        <v>35145.377139999997</v>
      </c>
      <c r="AL2894">
        <v>95568.940229999993</v>
      </c>
      <c r="AM2894">
        <v>23619.375319999999</v>
      </c>
      <c r="AN2894">
        <v>111920.3775</v>
      </c>
      <c r="AO2894">
        <v>35313.666310000001</v>
      </c>
      <c r="AP2894">
        <v>19296.221850000002</v>
      </c>
    </row>
    <row r="2895" spans="2:42" x14ac:dyDescent="0.3">
      <c r="B2895">
        <v>67.545042842806964</v>
      </c>
      <c r="C2895" s="83">
        <v>43221.541666666664</v>
      </c>
      <c r="D2895">
        <v>285297.84350000002</v>
      </c>
      <c r="E2895">
        <v>31560.39791</v>
      </c>
      <c r="F2895">
        <v>78590.272070000006</v>
      </c>
      <c r="G2895">
        <v>67065.313999999998</v>
      </c>
      <c r="H2895">
        <v>49989.71067</v>
      </c>
      <c r="I2895">
        <v>34199.22913</v>
      </c>
      <c r="J2895">
        <v>42709.354850000003</v>
      </c>
      <c r="K2895">
        <v>59306.999089999998</v>
      </c>
      <c r="L2895">
        <v>32938.611270000001</v>
      </c>
      <c r="M2895">
        <v>344376.1275</v>
      </c>
      <c r="N2895">
        <v>88080.074770000007</v>
      </c>
      <c r="O2895">
        <v>25256.763050000001</v>
      </c>
      <c r="P2895">
        <v>34386.668640000004</v>
      </c>
      <c r="Q2895">
        <v>93701.917579999994</v>
      </c>
      <c r="R2895">
        <v>22256.8825</v>
      </c>
      <c r="S2895">
        <v>111394.42600000001</v>
      </c>
      <c r="T2895">
        <v>33890.673790000001</v>
      </c>
      <c r="U2895">
        <v>21543.24612</v>
      </c>
      <c r="W2895" s="83">
        <f>Bühler!N2927</f>
        <v>45412.54166665965</v>
      </c>
      <c r="X2895" s="83">
        <v>43221.541666666664</v>
      </c>
      <c r="Y2895">
        <v>285297.84350000002</v>
      </c>
      <c r="Z2895">
        <v>31560.39791</v>
      </c>
      <c r="AA2895">
        <v>78590.272070000006</v>
      </c>
      <c r="AB2895">
        <v>67065.313999999998</v>
      </c>
      <c r="AC2895">
        <v>49989.71067</v>
      </c>
      <c r="AD2895">
        <v>34199.22913</v>
      </c>
      <c r="AE2895">
        <v>42709.354850000003</v>
      </c>
      <c r="AF2895">
        <v>59306.999089999998</v>
      </c>
      <c r="AG2895">
        <v>32938.611270000001</v>
      </c>
      <c r="AH2895">
        <v>344376.1275</v>
      </c>
      <c r="AI2895">
        <v>88080.074770000007</v>
      </c>
      <c r="AJ2895">
        <v>25256.763050000001</v>
      </c>
      <c r="AK2895">
        <v>34386.668640000004</v>
      </c>
      <c r="AL2895">
        <v>93701.917579999994</v>
      </c>
      <c r="AM2895">
        <v>22256.8825</v>
      </c>
      <c r="AN2895">
        <v>111394.42600000001</v>
      </c>
      <c r="AO2895">
        <v>33890.673790000001</v>
      </c>
      <c r="AP2895">
        <v>21543.24612</v>
      </c>
    </row>
    <row r="2896" spans="2:42" x14ac:dyDescent="0.3">
      <c r="B2896">
        <v>67.630864670519983</v>
      </c>
      <c r="C2896" s="83">
        <v>43221.583333333336</v>
      </c>
      <c r="D2896">
        <v>288537.41149999999</v>
      </c>
      <c r="E2896">
        <v>34120.819130000003</v>
      </c>
      <c r="F2896">
        <v>85956.970839999994</v>
      </c>
      <c r="G2896">
        <v>64500.826699999998</v>
      </c>
      <c r="H2896">
        <v>49254.989070000003</v>
      </c>
      <c r="I2896">
        <v>34386.590060000002</v>
      </c>
      <c r="J2896">
        <v>41673.606570000004</v>
      </c>
      <c r="K2896">
        <v>61008.618269999999</v>
      </c>
      <c r="L2896">
        <v>30044.314480000001</v>
      </c>
      <c r="M2896">
        <v>344813.68719999999</v>
      </c>
      <c r="N2896">
        <v>88481.549400000004</v>
      </c>
      <c r="O2896">
        <v>24844.05575</v>
      </c>
      <c r="P2896">
        <v>31260.179520000002</v>
      </c>
      <c r="Q2896">
        <v>92632.007039999997</v>
      </c>
      <c r="R2896">
        <v>21797.067500000001</v>
      </c>
      <c r="S2896">
        <v>106311.31600000001</v>
      </c>
      <c r="T2896">
        <v>33018.141150000003</v>
      </c>
      <c r="U2896">
        <v>22625.876509999998</v>
      </c>
      <c r="W2896" s="83">
        <f>Bühler!N2928</f>
        <v>45412.583333326314</v>
      </c>
      <c r="X2896" s="83">
        <v>43221.583333333336</v>
      </c>
      <c r="Y2896">
        <v>288537.41149999999</v>
      </c>
      <c r="Z2896">
        <v>34120.819130000003</v>
      </c>
      <c r="AA2896">
        <v>85956.970839999994</v>
      </c>
      <c r="AB2896">
        <v>64500.826699999998</v>
      </c>
      <c r="AC2896">
        <v>49254.989070000003</v>
      </c>
      <c r="AD2896">
        <v>34386.590060000002</v>
      </c>
      <c r="AE2896">
        <v>41673.606570000004</v>
      </c>
      <c r="AF2896">
        <v>61008.618269999999</v>
      </c>
      <c r="AG2896">
        <v>30044.314480000001</v>
      </c>
      <c r="AH2896">
        <v>344813.68719999999</v>
      </c>
      <c r="AI2896">
        <v>88481.549400000004</v>
      </c>
      <c r="AJ2896">
        <v>24844.05575</v>
      </c>
      <c r="AK2896">
        <v>31260.179520000002</v>
      </c>
      <c r="AL2896">
        <v>92632.007039999997</v>
      </c>
      <c r="AM2896">
        <v>21797.067500000001</v>
      </c>
      <c r="AN2896">
        <v>106311.31600000001</v>
      </c>
      <c r="AO2896">
        <v>33018.141150000003</v>
      </c>
      <c r="AP2896">
        <v>22625.876509999998</v>
      </c>
    </row>
    <row r="2897" spans="2:42" x14ac:dyDescent="0.3">
      <c r="B2897">
        <v>66.938066863671054</v>
      </c>
      <c r="C2897" s="83">
        <v>43221.625</v>
      </c>
      <c r="D2897">
        <v>286505.60460000002</v>
      </c>
      <c r="E2897">
        <v>33848.37313</v>
      </c>
      <c r="F2897">
        <v>87000.071920000002</v>
      </c>
      <c r="G2897">
        <v>62331.055939999998</v>
      </c>
      <c r="H2897">
        <v>48233.927499999998</v>
      </c>
      <c r="I2897">
        <v>34653.968489999999</v>
      </c>
      <c r="J2897">
        <v>41346.421580000002</v>
      </c>
      <c r="K2897">
        <v>59209.233619999999</v>
      </c>
      <c r="L2897">
        <v>27031.505690000002</v>
      </c>
      <c r="M2897">
        <v>341281.48090000002</v>
      </c>
      <c r="N2897">
        <v>87220.100250000003</v>
      </c>
      <c r="O2897">
        <v>24746.253049999999</v>
      </c>
      <c r="P2897">
        <v>29359.630560000001</v>
      </c>
      <c r="Q2897">
        <v>92542.360579999993</v>
      </c>
      <c r="R2897">
        <v>22651.079659999999</v>
      </c>
      <c r="S2897">
        <v>103257.4181</v>
      </c>
      <c r="T2897">
        <v>31842.35859</v>
      </c>
      <c r="U2897">
        <v>22047.985089999998</v>
      </c>
      <c r="W2897" s="83">
        <f>Bühler!N2929</f>
        <v>45412.624999992979</v>
      </c>
      <c r="X2897" s="83">
        <v>43221.625</v>
      </c>
      <c r="Y2897">
        <v>286505.60460000002</v>
      </c>
      <c r="Z2897">
        <v>33848.37313</v>
      </c>
      <c r="AA2897">
        <v>87000.071920000002</v>
      </c>
      <c r="AB2897">
        <v>62331.055939999998</v>
      </c>
      <c r="AC2897">
        <v>48233.927499999998</v>
      </c>
      <c r="AD2897">
        <v>34653.968489999999</v>
      </c>
      <c r="AE2897">
        <v>41346.421580000002</v>
      </c>
      <c r="AF2897">
        <v>59209.233619999999</v>
      </c>
      <c r="AG2897">
        <v>27031.505690000002</v>
      </c>
      <c r="AH2897">
        <v>341281.48090000002</v>
      </c>
      <c r="AI2897">
        <v>87220.100250000003</v>
      </c>
      <c r="AJ2897">
        <v>24746.253049999999</v>
      </c>
      <c r="AK2897">
        <v>29359.630560000001</v>
      </c>
      <c r="AL2897">
        <v>92542.360579999993</v>
      </c>
      <c r="AM2897">
        <v>22651.079659999999</v>
      </c>
      <c r="AN2897">
        <v>103257.4181</v>
      </c>
      <c r="AO2897">
        <v>31842.35859</v>
      </c>
      <c r="AP2897">
        <v>22047.985089999998</v>
      </c>
    </row>
    <row r="2898" spans="2:42" x14ac:dyDescent="0.3">
      <c r="B2898">
        <v>66.054851383175631</v>
      </c>
      <c r="C2898" s="83">
        <v>43221.666666666664</v>
      </c>
      <c r="D2898">
        <v>278965.75040000002</v>
      </c>
      <c r="E2898">
        <v>32956.640829999997</v>
      </c>
      <c r="F2898">
        <v>86153.133249999999</v>
      </c>
      <c r="G2898">
        <v>58825.08857</v>
      </c>
      <c r="H2898">
        <v>46242.394370000002</v>
      </c>
      <c r="I2898">
        <v>35536.465129999997</v>
      </c>
      <c r="J2898">
        <v>40520.252009999997</v>
      </c>
      <c r="K2898">
        <v>57423.489889999997</v>
      </c>
      <c r="L2898">
        <v>25455.27853</v>
      </c>
      <c r="M2898">
        <v>336778.43650000001</v>
      </c>
      <c r="N2898">
        <v>85870.356190000006</v>
      </c>
      <c r="O2898">
        <v>25112.932270000001</v>
      </c>
      <c r="P2898">
        <v>27966.84103</v>
      </c>
      <c r="Q2898">
        <v>91667.469100000002</v>
      </c>
      <c r="R2898">
        <v>21932.598379999999</v>
      </c>
      <c r="S2898">
        <v>99788.042780000003</v>
      </c>
      <c r="T2898">
        <v>30894.32992</v>
      </c>
      <c r="U2898">
        <v>19881.69659</v>
      </c>
      <c r="W2898" s="83">
        <f>Bühler!N2930</f>
        <v>45412.666666659643</v>
      </c>
      <c r="X2898" s="83">
        <v>43221.666666666664</v>
      </c>
      <c r="Y2898">
        <v>278965.75040000002</v>
      </c>
      <c r="Z2898">
        <v>32956.640829999997</v>
      </c>
      <c r="AA2898">
        <v>86153.133249999999</v>
      </c>
      <c r="AB2898">
        <v>58825.08857</v>
      </c>
      <c r="AC2898">
        <v>46242.394370000002</v>
      </c>
      <c r="AD2898">
        <v>35536.465129999997</v>
      </c>
      <c r="AE2898">
        <v>40520.252009999997</v>
      </c>
      <c r="AF2898">
        <v>57423.489889999997</v>
      </c>
      <c r="AG2898">
        <v>25455.27853</v>
      </c>
      <c r="AH2898">
        <v>336778.43650000001</v>
      </c>
      <c r="AI2898">
        <v>85870.356190000006</v>
      </c>
      <c r="AJ2898">
        <v>25112.932270000001</v>
      </c>
      <c r="AK2898">
        <v>27966.84103</v>
      </c>
      <c r="AL2898">
        <v>91667.469100000002</v>
      </c>
      <c r="AM2898">
        <v>21932.598379999999</v>
      </c>
      <c r="AN2898">
        <v>99788.042780000003</v>
      </c>
      <c r="AO2898">
        <v>30894.32992</v>
      </c>
      <c r="AP2898">
        <v>19881.69659</v>
      </c>
    </row>
    <row r="2899" spans="2:42" x14ac:dyDescent="0.3">
      <c r="B2899">
        <v>65.029010228364001</v>
      </c>
      <c r="C2899" s="83">
        <v>43221.708333333336</v>
      </c>
      <c r="D2899">
        <v>267895.72960000002</v>
      </c>
      <c r="E2899">
        <v>31172.664499999999</v>
      </c>
      <c r="F2899">
        <v>84904.303199999995</v>
      </c>
      <c r="G2899">
        <v>52414.225429999999</v>
      </c>
      <c r="H2899">
        <v>44087.433850000001</v>
      </c>
      <c r="I2899">
        <v>35306.667300000001</v>
      </c>
      <c r="J2899">
        <v>40662.26053</v>
      </c>
      <c r="K2899">
        <v>52085.349820000003</v>
      </c>
      <c r="L2899">
        <v>25829.191569999999</v>
      </c>
      <c r="M2899">
        <v>331548.21990000003</v>
      </c>
      <c r="N2899">
        <v>81756.0524</v>
      </c>
      <c r="O2899">
        <v>23418.68017</v>
      </c>
      <c r="P2899">
        <v>30429.684659999999</v>
      </c>
      <c r="Q2899">
        <v>90069.190860000002</v>
      </c>
      <c r="R2899">
        <v>21910.182110000002</v>
      </c>
      <c r="S2899">
        <v>96568.081959999996</v>
      </c>
      <c r="T2899">
        <v>30229.218349999999</v>
      </c>
      <c r="U2899">
        <v>17366.415540000002</v>
      </c>
      <c r="W2899" s="83">
        <f>Bühler!N2931</f>
        <v>45412.708333326307</v>
      </c>
      <c r="X2899" s="83">
        <v>43221.708333333336</v>
      </c>
      <c r="Y2899">
        <v>267895.72960000002</v>
      </c>
      <c r="Z2899">
        <v>31172.664499999999</v>
      </c>
      <c r="AA2899">
        <v>84904.303199999995</v>
      </c>
      <c r="AB2899">
        <v>52414.225429999999</v>
      </c>
      <c r="AC2899">
        <v>44087.433850000001</v>
      </c>
      <c r="AD2899">
        <v>35306.667300000001</v>
      </c>
      <c r="AE2899">
        <v>40662.26053</v>
      </c>
      <c r="AF2899">
        <v>52085.349820000003</v>
      </c>
      <c r="AG2899">
        <v>25829.191569999999</v>
      </c>
      <c r="AH2899">
        <v>331548.21990000003</v>
      </c>
      <c r="AI2899">
        <v>81756.0524</v>
      </c>
      <c r="AJ2899">
        <v>23418.68017</v>
      </c>
      <c r="AK2899">
        <v>30429.684659999999</v>
      </c>
      <c r="AL2899">
        <v>90069.190860000002</v>
      </c>
      <c r="AM2899">
        <v>21910.182110000002</v>
      </c>
      <c r="AN2899">
        <v>96568.081959999996</v>
      </c>
      <c r="AO2899">
        <v>30229.218349999999</v>
      </c>
      <c r="AP2899">
        <v>17366.415540000002</v>
      </c>
    </row>
    <row r="2900" spans="2:42" x14ac:dyDescent="0.3">
      <c r="B2900">
        <v>63.877772756871998</v>
      </c>
      <c r="C2900" s="83">
        <v>43221.75</v>
      </c>
      <c r="D2900">
        <v>261620.8806</v>
      </c>
      <c r="E2900">
        <v>27838.259160000001</v>
      </c>
      <c r="F2900">
        <v>83054.685240000006</v>
      </c>
      <c r="G2900">
        <v>45644.155299999999</v>
      </c>
      <c r="H2900">
        <v>41673.318950000001</v>
      </c>
      <c r="I2900">
        <v>33845.736980000001</v>
      </c>
      <c r="J2900">
        <v>40465.283770000002</v>
      </c>
      <c r="K2900">
        <v>50120.093639999999</v>
      </c>
      <c r="L2900">
        <v>27056.939890000001</v>
      </c>
      <c r="M2900">
        <v>325678.67440000002</v>
      </c>
      <c r="N2900">
        <v>78794.481939999998</v>
      </c>
      <c r="O2900">
        <v>21694.687290000002</v>
      </c>
      <c r="P2900">
        <v>33026.094270000001</v>
      </c>
      <c r="Q2900">
        <v>88439.75791</v>
      </c>
      <c r="R2900">
        <v>20055.295099999999</v>
      </c>
      <c r="S2900">
        <v>90062.269910000003</v>
      </c>
      <c r="T2900">
        <v>30316.066900000002</v>
      </c>
      <c r="U2900">
        <v>16166.396189999999</v>
      </c>
      <c r="W2900" s="83">
        <f>Bühler!N2932</f>
        <v>45412.749999992971</v>
      </c>
      <c r="X2900" s="83">
        <v>43221.75</v>
      </c>
      <c r="Y2900">
        <v>261620.8806</v>
      </c>
      <c r="Z2900">
        <v>27838.259160000001</v>
      </c>
      <c r="AA2900">
        <v>83054.685240000006</v>
      </c>
      <c r="AB2900">
        <v>45644.155299999999</v>
      </c>
      <c r="AC2900">
        <v>41673.318950000001</v>
      </c>
      <c r="AD2900">
        <v>33845.736980000001</v>
      </c>
      <c r="AE2900">
        <v>40465.283770000002</v>
      </c>
      <c r="AF2900">
        <v>50120.093639999999</v>
      </c>
      <c r="AG2900">
        <v>27056.939890000001</v>
      </c>
      <c r="AH2900">
        <v>325678.67440000002</v>
      </c>
      <c r="AI2900">
        <v>78794.481939999998</v>
      </c>
      <c r="AJ2900">
        <v>21694.687290000002</v>
      </c>
      <c r="AK2900">
        <v>33026.094270000001</v>
      </c>
      <c r="AL2900">
        <v>88439.75791</v>
      </c>
      <c r="AM2900">
        <v>20055.295099999999</v>
      </c>
      <c r="AN2900">
        <v>90062.269910000003</v>
      </c>
      <c r="AO2900">
        <v>30316.066900000002</v>
      </c>
      <c r="AP2900">
        <v>16166.396189999999</v>
      </c>
    </row>
    <row r="2901" spans="2:42" x14ac:dyDescent="0.3">
      <c r="B2901">
        <v>63.195917377854911</v>
      </c>
      <c r="C2901" s="83">
        <v>43221.791666666664</v>
      </c>
      <c r="D2901">
        <v>255214.83369999999</v>
      </c>
      <c r="E2901">
        <v>22894.58856</v>
      </c>
      <c r="F2901">
        <v>72321.894570000004</v>
      </c>
      <c r="G2901">
        <v>41893.47077</v>
      </c>
      <c r="H2901">
        <v>39792.42727</v>
      </c>
      <c r="I2901">
        <v>31259.545239999999</v>
      </c>
      <c r="J2901">
        <v>40072.710709999999</v>
      </c>
      <c r="K2901">
        <v>48923.703410000002</v>
      </c>
      <c r="L2901">
        <v>28938.621729999999</v>
      </c>
      <c r="M2901">
        <v>322202.25770000002</v>
      </c>
      <c r="N2901">
        <v>76842.150330000004</v>
      </c>
      <c r="O2901">
        <v>20958.800999999999</v>
      </c>
      <c r="P2901">
        <v>36066.763180000002</v>
      </c>
      <c r="Q2901">
        <v>86191.758119999999</v>
      </c>
      <c r="R2901">
        <v>18970.165649999999</v>
      </c>
      <c r="S2901">
        <v>86769.304839999997</v>
      </c>
      <c r="T2901">
        <v>31109.768680000001</v>
      </c>
      <c r="U2901">
        <v>15871.23842</v>
      </c>
      <c r="W2901" s="83">
        <f>Bühler!N2933</f>
        <v>45412.791666659636</v>
      </c>
      <c r="X2901" s="83">
        <v>43221.791666666664</v>
      </c>
      <c r="Y2901">
        <v>255214.83369999999</v>
      </c>
      <c r="Z2901">
        <v>22894.58856</v>
      </c>
      <c r="AA2901">
        <v>72321.894570000004</v>
      </c>
      <c r="AB2901">
        <v>41893.47077</v>
      </c>
      <c r="AC2901">
        <v>39792.42727</v>
      </c>
      <c r="AD2901">
        <v>31259.545239999999</v>
      </c>
      <c r="AE2901">
        <v>40072.710709999999</v>
      </c>
      <c r="AF2901">
        <v>48923.703410000002</v>
      </c>
      <c r="AG2901">
        <v>28938.621729999999</v>
      </c>
      <c r="AH2901">
        <v>322202.25770000002</v>
      </c>
      <c r="AI2901">
        <v>76842.150330000004</v>
      </c>
      <c r="AJ2901">
        <v>20958.800999999999</v>
      </c>
      <c r="AK2901">
        <v>36066.763180000002</v>
      </c>
      <c r="AL2901">
        <v>86191.758119999999</v>
      </c>
      <c r="AM2901">
        <v>18970.165649999999</v>
      </c>
      <c r="AN2901">
        <v>86769.304839999997</v>
      </c>
      <c r="AO2901">
        <v>31109.768680000001</v>
      </c>
      <c r="AP2901">
        <v>15871.23842</v>
      </c>
    </row>
    <row r="2902" spans="2:42" x14ac:dyDescent="0.3">
      <c r="B2902">
        <v>61.044439214758405</v>
      </c>
      <c r="C2902" s="83">
        <v>43221.833333333336</v>
      </c>
      <c r="D2902">
        <v>246573.9129</v>
      </c>
      <c r="E2902">
        <v>17412.27723</v>
      </c>
      <c r="F2902">
        <v>56802.907630000002</v>
      </c>
      <c r="G2902">
        <v>38415.730779999998</v>
      </c>
      <c r="H2902">
        <v>37676.943879999999</v>
      </c>
      <c r="I2902">
        <v>28066.676920000002</v>
      </c>
      <c r="J2902">
        <v>39972.4692</v>
      </c>
      <c r="K2902">
        <v>47750.509720000002</v>
      </c>
      <c r="L2902">
        <v>28243.870760000002</v>
      </c>
      <c r="M2902">
        <v>311233.01870000002</v>
      </c>
      <c r="N2902">
        <v>74364.002439999997</v>
      </c>
      <c r="O2902">
        <v>20681.548739999998</v>
      </c>
      <c r="P2902">
        <v>35934.720560000002</v>
      </c>
      <c r="Q2902">
        <v>83406.568750000006</v>
      </c>
      <c r="R2902">
        <v>17935.503659999998</v>
      </c>
      <c r="S2902">
        <v>79720.953529999999</v>
      </c>
      <c r="T2902">
        <v>31248.467680000002</v>
      </c>
      <c r="U2902">
        <v>15545.899600000001</v>
      </c>
      <c r="W2902" s="83">
        <f>Bühler!N2934</f>
        <v>45412.8333333263</v>
      </c>
      <c r="X2902" s="83">
        <v>43221.833333333336</v>
      </c>
      <c r="Y2902">
        <v>246573.9129</v>
      </c>
      <c r="Z2902">
        <v>17412.27723</v>
      </c>
      <c r="AA2902">
        <v>56802.907630000002</v>
      </c>
      <c r="AB2902">
        <v>38415.730779999998</v>
      </c>
      <c r="AC2902">
        <v>37676.943879999999</v>
      </c>
      <c r="AD2902">
        <v>28066.676920000002</v>
      </c>
      <c r="AE2902">
        <v>39972.4692</v>
      </c>
      <c r="AF2902">
        <v>47750.509720000002</v>
      </c>
      <c r="AG2902">
        <v>28243.870760000002</v>
      </c>
      <c r="AH2902">
        <v>311233.01870000002</v>
      </c>
      <c r="AI2902">
        <v>74364.002439999997</v>
      </c>
      <c r="AJ2902">
        <v>20681.548739999998</v>
      </c>
      <c r="AK2902">
        <v>35934.720560000002</v>
      </c>
      <c r="AL2902">
        <v>83406.568750000006</v>
      </c>
      <c r="AM2902">
        <v>17935.503659999998</v>
      </c>
      <c r="AN2902">
        <v>79720.953529999999</v>
      </c>
      <c r="AO2902">
        <v>31248.467680000002</v>
      </c>
      <c r="AP2902">
        <v>15545.899600000001</v>
      </c>
    </row>
    <row r="2903" spans="2:42" x14ac:dyDescent="0.3">
      <c r="B2903">
        <v>59.281283199384568</v>
      </c>
      <c r="C2903" s="83">
        <v>43221.875</v>
      </c>
      <c r="D2903">
        <v>240430.28599999999</v>
      </c>
      <c r="E2903">
        <v>15295.610489999999</v>
      </c>
      <c r="F2903">
        <v>50228.025889999997</v>
      </c>
      <c r="G2903">
        <v>37352.849860000002</v>
      </c>
      <c r="H2903">
        <v>37421.301870000003</v>
      </c>
      <c r="I2903">
        <v>24935.93504</v>
      </c>
      <c r="J2903">
        <v>41560.939140000002</v>
      </c>
      <c r="K2903">
        <v>47184.142870000003</v>
      </c>
      <c r="L2903">
        <v>27016.89615</v>
      </c>
      <c r="M2903">
        <v>302243.62709999998</v>
      </c>
      <c r="N2903">
        <v>73486.134399999995</v>
      </c>
      <c r="O2903">
        <v>20577.463479999999</v>
      </c>
      <c r="P2903">
        <v>35173.086759999998</v>
      </c>
      <c r="Q2903">
        <v>81736.375150000007</v>
      </c>
      <c r="R2903">
        <v>17499.148570000001</v>
      </c>
      <c r="S2903">
        <v>77724.949170000007</v>
      </c>
      <c r="T2903">
        <v>29184.171539999999</v>
      </c>
      <c r="U2903">
        <v>15646.02428</v>
      </c>
      <c r="W2903" s="83">
        <f>Bühler!N2935</f>
        <v>45412.874999992964</v>
      </c>
      <c r="X2903" s="83">
        <v>43221.875</v>
      </c>
      <c r="Y2903">
        <v>240430.28599999999</v>
      </c>
      <c r="Z2903">
        <v>15295.610489999999</v>
      </c>
      <c r="AA2903">
        <v>50228.025889999997</v>
      </c>
      <c r="AB2903">
        <v>37352.849860000002</v>
      </c>
      <c r="AC2903">
        <v>37421.301870000003</v>
      </c>
      <c r="AD2903">
        <v>24935.93504</v>
      </c>
      <c r="AE2903">
        <v>41560.939140000002</v>
      </c>
      <c r="AF2903">
        <v>47184.142870000003</v>
      </c>
      <c r="AG2903">
        <v>27016.89615</v>
      </c>
      <c r="AH2903">
        <v>302243.62709999998</v>
      </c>
      <c r="AI2903">
        <v>73486.134399999995</v>
      </c>
      <c r="AJ2903">
        <v>20577.463479999999</v>
      </c>
      <c r="AK2903">
        <v>35173.086759999998</v>
      </c>
      <c r="AL2903">
        <v>81736.375150000007</v>
      </c>
      <c r="AM2903">
        <v>17499.148570000001</v>
      </c>
      <c r="AN2903">
        <v>77724.949170000007</v>
      </c>
      <c r="AO2903">
        <v>29184.171539999999</v>
      </c>
      <c r="AP2903">
        <v>15646.02428</v>
      </c>
    </row>
    <row r="2904" spans="2:42" x14ac:dyDescent="0.3">
      <c r="B2904">
        <v>58.006957654360399</v>
      </c>
      <c r="C2904" s="83">
        <v>43221.916666666664</v>
      </c>
      <c r="D2904">
        <v>239866.171</v>
      </c>
      <c r="E2904">
        <v>14510.71097</v>
      </c>
      <c r="F2904">
        <v>47832.228790000001</v>
      </c>
      <c r="G2904">
        <v>36142.835930000001</v>
      </c>
      <c r="H2904">
        <v>37235.988539999998</v>
      </c>
      <c r="I2904">
        <v>23061.944339999998</v>
      </c>
      <c r="J2904">
        <v>40383.496350000001</v>
      </c>
      <c r="K2904">
        <v>50750.789510000002</v>
      </c>
      <c r="L2904">
        <v>24220.650310000001</v>
      </c>
      <c r="M2904">
        <v>295746.52120000002</v>
      </c>
      <c r="N2904">
        <v>73187.747669999997</v>
      </c>
      <c r="O2904">
        <v>20898.552390000001</v>
      </c>
      <c r="P2904">
        <v>36220.32991</v>
      </c>
      <c r="Q2904">
        <v>80899.538709999993</v>
      </c>
      <c r="R2904">
        <v>20271.537219999998</v>
      </c>
      <c r="S2904">
        <v>77274.424840000007</v>
      </c>
      <c r="T2904">
        <v>26061.492129999999</v>
      </c>
      <c r="U2904">
        <v>15280.753479999999</v>
      </c>
      <c r="W2904" s="83">
        <f>Bühler!N2936</f>
        <v>45412.916666659628</v>
      </c>
      <c r="X2904" s="83">
        <v>43221.916666666664</v>
      </c>
      <c r="Y2904">
        <v>239866.171</v>
      </c>
      <c r="Z2904">
        <v>14510.71097</v>
      </c>
      <c r="AA2904">
        <v>47832.228790000001</v>
      </c>
      <c r="AB2904">
        <v>36142.835930000001</v>
      </c>
      <c r="AC2904">
        <v>37235.988539999998</v>
      </c>
      <c r="AD2904">
        <v>23061.944339999998</v>
      </c>
      <c r="AE2904">
        <v>40383.496350000001</v>
      </c>
      <c r="AF2904">
        <v>50750.789510000002</v>
      </c>
      <c r="AG2904">
        <v>24220.650310000001</v>
      </c>
      <c r="AH2904">
        <v>295746.52120000002</v>
      </c>
      <c r="AI2904">
        <v>73187.747669999997</v>
      </c>
      <c r="AJ2904">
        <v>20898.552390000001</v>
      </c>
      <c r="AK2904">
        <v>36220.32991</v>
      </c>
      <c r="AL2904">
        <v>80899.538709999993</v>
      </c>
      <c r="AM2904">
        <v>20271.537219999998</v>
      </c>
      <c r="AN2904">
        <v>77274.424840000007</v>
      </c>
      <c r="AO2904">
        <v>26061.492129999999</v>
      </c>
      <c r="AP2904">
        <v>15280.753479999999</v>
      </c>
    </row>
    <row r="2905" spans="2:42" x14ac:dyDescent="0.3">
      <c r="B2905">
        <v>58.132711156884071</v>
      </c>
      <c r="C2905" s="83">
        <v>43221.958333333336</v>
      </c>
      <c r="D2905">
        <v>240637.36249999999</v>
      </c>
      <c r="E2905">
        <v>13843.01547</v>
      </c>
      <c r="F2905">
        <v>46633.893400000001</v>
      </c>
      <c r="G2905">
        <v>35495.297780000001</v>
      </c>
      <c r="H2905">
        <v>36586.351949999997</v>
      </c>
      <c r="I2905">
        <v>22432.53902</v>
      </c>
      <c r="J2905">
        <v>37805.080520000003</v>
      </c>
      <c r="K2905">
        <v>50670.174709999999</v>
      </c>
      <c r="L2905">
        <v>20695.1001</v>
      </c>
      <c r="M2905">
        <v>296387.67119999998</v>
      </c>
      <c r="N2905">
        <v>73245.830379999999</v>
      </c>
      <c r="O2905">
        <v>20518.450059999999</v>
      </c>
      <c r="P2905">
        <v>31866.152580000002</v>
      </c>
      <c r="Q2905">
        <v>80560.639989999996</v>
      </c>
      <c r="R2905">
        <v>21867.404610000001</v>
      </c>
      <c r="S2905">
        <v>75445.330979999999</v>
      </c>
      <c r="T2905">
        <v>24720.42266</v>
      </c>
      <c r="U2905">
        <v>14374.500679999999</v>
      </c>
      <c r="W2905" s="83">
        <f>Bühler!N2937</f>
        <v>45412.958333326293</v>
      </c>
      <c r="X2905" s="83">
        <v>43221.958333333336</v>
      </c>
      <c r="Y2905">
        <v>240637.36249999999</v>
      </c>
      <c r="Z2905">
        <v>13843.01547</v>
      </c>
      <c r="AA2905">
        <v>46633.893400000001</v>
      </c>
      <c r="AB2905">
        <v>35495.297780000001</v>
      </c>
      <c r="AC2905">
        <v>36586.351949999997</v>
      </c>
      <c r="AD2905">
        <v>22432.53902</v>
      </c>
      <c r="AE2905">
        <v>37805.080520000003</v>
      </c>
      <c r="AF2905">
        <v>50670.174709999999</v>
      </c>
      <c r="AG2905">
        <v>20695.1001</v>
      </c>
      <c r="AH2905">
        <v>296387.67119999998</v>
      </c>
      <c r="AI2905">
        <v>73245.830379999999</v>
      </c>
      <c r="AJ2905">
        <v>20518.450059999999</v>
      </c>
      <c r="AK2905">
        <v>31866.152580000002</v>
      </c>
      <c r="AL2905">
        <v>80560.639989999996</v>
      </c>
      <c r="AM2905">
        <v>21867.404610000001</v>
      </c>
      <c r="AN2905">
        <v>75445.330979999999</v>
      </c>
      <c r="AO2905">
        <v>24720.42266</v>
      </c>
      <c r="AP2905">
        <v>14374.500679999999</v>
      </c>
    </row>
    <row r="2906" spans="2:42" x14ac:dyDescent="0.3">
      <c r="B2906">
        <v>57.244147303334671</v>
      </c>
      <c r="C2906" s="83">
        <v>43222</v>
      </c>
      <c r="D2906">
        <v>238041.3976</v>
      </c>
      <c r="E2906">
        <v>13684.25315</v>
      </c>
      <c r="F2906">
        <v>45585.410190000002</v>
      </c>
      <c r="G2906">
        <v>35037.140050000002</v>
      </c>
      <c r="H2906">
        <v>35960.382749999997</v>
      </c>
      <c r="I2906">
        <v>21149.775130000002</v>
      </c>
      <c r="J2906">
        <v>36278.096299999997</v>
      </c>
      <c r="K2906">
        <v>48742.261509999997</v>
      </c>
      <c r="L2906">
        <v>18866.432870000001</v>
      </c>
      <c r="M2906">
        <v>291857.35830000002</v>
      </c>
      <c r="N2906">
        <v>73408.5772</v>
      </c>
      <c r="O2906">
        <v>20764.854080000001</v>
      </c>
      <c r="P2906">
        <v>30067.04869</v>
      </c>
      <c r="Q2906">
        <v>80336.341199999995</v>
      </c>
      <c r="R2906">
        <v>18777.390340000002</v>
      </c>
      <c r="S2906">
        <v>74775.145619999996</v>
      </c>
      <c r="T2906">
        <v>22964.398590000001</v>
      </c>
      <c r="U2906">
        <v>14383.034229999999</v>
      </c>
      <c r="W2906" s="83">
        <f>Bühler!N2938</f>
        <v>45412.999999992957</v>
      </c>
      <c r="X2906" s="83">
        <v>43222</v>
      </c>
      <c r="Y2906">
        <v>238041.3976</v>
      </c>
      <c r="Z2906">
        <v>13684.25315</v>
      </c>
      <c r="AA2906">
        <v>45585.410190000002</v>
      </c>
      <c r="AB2906">
        <v>35037.140050000002</v>
      </c>
      <c r="AC2906">
        <v>35960.382749999997</v>
      </c>
      <c r="AD2906">
        <v>21149.775130000002</v>
      </c>
      <c r="AE2906">
        <v>36278.096299999997</v>
      </c>
      <c r="AF2906">
        <v>48742.261509999997</v>
      </c>
      <c r="AG2906">
        <v>18866.432870000001</v>
      </c>
      <c r="AH2906">
        <v>291857.35830000002</v>
      </c>
      <c r="AI2906">
        <v>73408.5772</v>
      </c>
      <c r="AJ2906">
        <v>20764.854080000001</v>
      </c>
      <c r="AK2906">
        <v>30067.04869</v>
      </c>
      <c r="AL2906">
        <v>80336.341199999995</v>
      </c>
      <c r="AM2906">
        <v>18777.390340000002</v>
      </c>
      <c r="AN2906">
        <v>74775.145619999996</v>
      </c>
      <c r="AO2906">
        <v>22964.398590000001</v>
      </c>
      <c r="AP2906">
        <v>14383.034229999999</v>
      </c>
    </row>
    <row r="2907" spans="2:42" x14ac:dyDescent="0.3">
      <c r="B2907">
        <v>56.591546349079124</v>
      </c>
      <c r="C2907" s="83">
        <v>43222.041666666664</v>
      </c>
      <c r="D2907">
        <v>237889.35449999999</v>
      </c>
      <c r="E2907">
        <v>13588.32332</v>
      </c>
      <c r="F2907">
        <v>45435.114090000003</v>
      </c>
      <c r="G2907">
        <v>34488.43707</v>
      </c>
      <c r="H2907">
        <v>35519.925000000003</v>
      </c>
      <c r="I2907">
        <v>17110.398700000002</v>
      </c>
      <c r="J2907">
        <v>34895.555930000002</v>
      </c>
      <c r="K2907">
        <v>45784.644999999997</v>
      </c>
      <c r="L2907">
        <v>17922.429329999999</v>
      </c>
      <c r="M2907">
        <v>288530.0943</v>
      </c>
      <c r="N2907">
        <v>73775.083610000001</v>
      </c>
      <c r="O2907">
        <v>20598.219000000001</v>
      </c>
      <c r="P2907">
        <v>28574.92352</v>
      </c>
      <c r="Q2907">
        <v>80459.415980000005</v>
      </c>
      <c r="R2907">
        <v>17144.190070000001</v>
      </c>
      <c r="S2907">
        <v>73851.135760000005</v>
      </c>
      <c r="T2907">
        <v>22540.24251</v>
      </c>
      <c r="U2907">
        <v>14646.721009999999</v>
      </c>
      <c r="W2907" s="83">
        <f>Bühler!N2939</f>
        <v>45413.041666659621</v>
      </c>
      <c r="X2907" s="83">
        <v>43222.041666666664</v>
      </c>
      <c r="Y2907">
        <v>237889.35449999999</v>
      </c>
      <c r="Z2907">
        <v>13588.32332</v>
      </c>
      <c r="AA2907">
        <v>45435.114090000003</v>
      </c>
      <c r="AB2907">
        <v>34488.43707</v>
      </c>
      <c r="AC2907">
        <v>35519.925000000003</v>
      </c>
      <c r="AD2907">
        <v>17110.398700000002</v>
      </c>
      <c r="AE2907">
        <v>34895.555930000002</v>
      </c>
      <c r="AF2907">
        <v>45784.644999999997</v>
      </c>
      <c r="AG2907">
        <v>17922.429329999999</v>
      </c>
      <c r="AH2907">
        <v>288530.0943</v>
      </c>
      <c r="AI2907">
        <v>73775.083610000001</v>
      </c>
      <c r="AJ2907">
        <v>20598.219000000001</v>
      </c>
      <c r="AK2907">
        <v>28574.92352</v>
      </c>
      <c r="AL2907">
        <v>80459.415980000005</v>
      </c>
      <c r="AM2907">
        <v>17144.190070000001</v>
      </c>
      <c r="AN2907">
        <v>73851.135760000005</v>
      </c>
      <c r="AO2907">
        <v>22540.24251</v>
      </c>
      <c r="AP2907">
        <v>14646.721009999999</v>
      </c>
    </row>
    <row r="2908" spans="2:42" x14ac:dyDescent="0.3">
      <c r="B2908">
        <v>56.835805037177543</v>
      </c>
      <c r="C2908" s="83">
        <v>43222.083333333336</v>
      </c>
      <c r="D2908">
        <v>239693.48629999999</v>
      </c>
      <c r="E2908">
        <v>13514.81624</v>
      </c>
      <c r="F2908">
        <v>46172.421549999999</v>
      </c>
      <c r="G2908">
        <v>34384.645810000002</v>
      </c>
      <c r="H2908">
        <v>35450.885470000001</v>
      </c>
      <c r="I2908">
        <v>15564.27096</v>
      </c>
      <c r="J2908">
        <v>34699.266430000003</v>
      </c>
      <c r="K2908">
        <v>44893.246359999997</v>
      </c>
      <c r="L2908">
        <v>17741.998540000001</v>
      </c>
      <c r="M2908">
        <v>289775.43900000001</v>
      </c>
      <c r="N2908">
        <v>72395.086909999998</v>
      </c>
      <c r="O2908">
        <v>20244.399700000002</v>
      </c>
      <c r="P2908">
        <v>27429.84851</v>
      </c>
      <c r="Q2908">
        <v>83079.454710000005</v>
      </c>
      <c r="R2908">
        <v>18232.60901</v>
      </c>
      <c r="S2908">
        <v>73051.870920000001</v>
      </c>
      <c r="T2908">
        <v>21999.620309999998</v>
      </c>
      <c r="U2908">
        <v>15222.16058</v>
      </c>
      <c r="W2908" s="83">
        <f>Bühler!N2940</f>
        <v>45413.083333326285</v>
      </c>
      <c r="X2908" s="83">
        <v>43222.083333333336</v>
      </c>
      <c r="Y2908">
        <v>239693.48629999999</v>
      </c>
      <c r="Z2908">
        <v>13514.81624</v>
      </c>
      <c r="AA2908">
        <v>46172.421549999999</v>
      </c>
      <c r="AB2908">
        <v>34384.645810000002</v>
      </c>
      <c r="AC2908">
        <v>35450.885470000001</v>
      </c>
      <c r="AD2908">
        <v>15564.27096</v>
      </c>
      <c r="AE2908">
        <v>34699.266430000003</v>
      </c>
      <c r="AF2908">
        <v>44893.246359999997</v>
      </c>
      <c r="AG2908">
        <v>17741.998540000001</v>
      </c>
      <c r="AH2908">
        <v>289775.43900000001</v>
      </c>
      <c r="AI2908">
        <v>72395.086909999998</v>
      </c>
      <c r="AJ2908">
        <v>20244.399700000002</v>
      </c>
      <c r="AK2908">
        <v>27429.84851</v>
      </c>
      <c r="AL2908">
        <v>83079.454710000005</v>
      </c>
      <c r="AM2908">
        <v>18232.60901</v>
      </c>
      <c r="AN2908">
        <v>73051.870920000001</v>
      </c>
      <c r="AO2908">
        <v>21999.620309999998</v>
      </c>
      <c r="AP2908">
        <v>15222.16058</v>
      </c>
    </row>
    <row r="2909" spans="2:42" x14ac:dyDescent="0.3">
      <c r="B2909">
        <v>57.470549700169414</v>
      </c>
      <c r="C2909" s="83">
        <v>43222.125</v>
      </c>
      <c r="D2909">
        <v>240965.5232</v>
      </c>
      <c r="E2909">
        <v>13638.715099999999</v>
      </c>
      <c r="F2909">
        <v>47485.865360000003</v>
      </c>
      <c r="G2909">
        <v>33777.729290000003</v>
      </c>
      <c r="H2909">
        <v>35633.58066</v>
      </c>
      <c r="I2909">
        <v>15697.85721</v>
      </c>
      <c r="J2909">
        <v>35239.959329999998</v>
      </c>
      <c r="K2909">
        <v>43884.392350000002</v>
      </c>
      <c r="L2909">
        <v>17210.726920000001</v>
      </c>
      <c r="M2909">
        <v>293011.66330000001</v>
      </c>
      <c r="N2909">
        <v>71658.892259999993</v>
      </c>
      <c r="O2909">
        <v>20676.25965</v>
      </c>
      <c r="P2909">
        <v>26934.606800000001</v>
      </c>
      <c r="Q2909">
        <v>86435.508260000002</v>
      </c>
      <c r="R2909">
        <v>18203.266540000001</v>
      </c>
      <c r="S2909">
        <v>72539.109519999998</v>
      </c>
      <c r="T2909">
        <v>22001.790690000002</v>
      </c>
      <c r="U2909">
        <v>15133.48747</v>
      </c>
      <c r="W2909" s="83">
        <f>Bühler!N2941</f>
        <v>45413.12499999295</v>
      </c>
      <c r="X2909" s="83">
        <v>43222.125</v>
      </c>
      <c r="Y2909">
        <v>240965.5232</v>
      </c>
      <c r="Z2909">
        <v>13638.715099999999</v>
      </c>
      <c r="AA2909">
        <v>47485.865360000003</v>
      </c>
      <c r="AB2909">
        <v>33777.729290000003</v>
      </c>
      <c r="AC2909">
        <v>35633.58066</v>
      </c>
      <c r="AD2909">
        <v>15697.85721</v>
      </c>
      <c r="AE2909">
        <v>35239.959329999998</v>
      </c>
      <c r="AF2909">
        <v>43884.392350000002</v>
      </c>
      <c r="AG2909">
        <v>17210.726920000001</v>
      </c>
      <c r="AH2909">
        <v>293011.66330000001</v>
      </c>
      <c r="AI2909">
        <v>71658.892259999993</v>
      </c>
      <c r="AJ2909">
        <v>20676.25965</v>
      </c>
      <c r="AK2909">
        <v>26934.606800000001</v>
      </c>
      <c r="AL2909">
        <v>86435.508260000002</v>
      </c>
      <c r="AM2909">
        <v>18203.266540000001</v>
      </c>
      <c r="AN2909">
        <v>72539.109519999998</v>
      </c>
      <c r="AO2909">
        <v>22001.790690000002</v>
      </c>
      <c r="AP2909">
        <v>15133.48747</v>
      </c>
    </row>
    <row r="2910" spans="2:42" x14ac:dyDescent="0.3">
      <c r="B2910">
        <v>58.27559920421804</v>
      </c>
      <c r="C2910" s="83">
        <v>43222.166666666664</v>
      </c>
      <c r="D2910">
        <v>243542.3707</v>
      </c>
      <c r="E2910">
        <v>14208.240589999999</v>
      </c>
      <c r="F2910">
        <v>50921.62659</v>
      </c>
      <c r="G2910">
        <v>33374.505819999998</v>
      </c>
      <c r="H2910">
        <v>36482.137040000001</v>
      </c>
      <c r="I2910">
        <v>17374.195599999999</v>
      </c>
      <c r="J2910">
        <v>37505.696349999998</v>
      </c>
      <c r="K2910">
        <v>43963.720289999997</v>
      </c>
      <c r="L2910">
        <v>16909.16274</v>
      </c>
      <c r="M2910">
        <v>297116.18109999999</v>
      </c>
      <c r="N2910">
        <v>69640.328229999999</v>
      </c>
      <c r="O2910">
        <v>20847.43002</v>
      </c>
      <c r="P2910">
        <v>25727.206989999999</v>
      </c>
      <c r="Q2910">
        <v>89236.730549999993</v>
      </c>
      <c r="R2910">
        <v>17843.62484</v>
      </c>
      <c r="S2910">
        <v>73716.150609999997</v>
      </c>
      <c r="T2910">
        <v>22228.931509999999</v>
      </c>
      <c r="U2910">
        <v>15271.35219</v>
      </c>
      <c r="W2910" s="83">
        <f>Bühler!N2942</f>
        <v>45413.166666659614</v>
      </c>
      <c r="X2910" s="83">
        <v>43222.166666666664</v>
      </c>
      <c r="Y2910">
        <v>243542.3707</v>
      </c>
      <c r="Z2910">
        <v>14208.240589999999</v>
      </c>
      <c r="AA2910">
        <v>50921.62659</v>
      </c>
      <c r="AB2910">
        <v>33374.505819999998</v>
      </c>
      <c r="AC2910">
        <v>36482.137040000001</v>
      </c>
      <c r="AD2910">
        <v>17374.195599999999</v>
      </c>
      <c r="AE2910">
        <v>37505.696349999998</v>
      </c>
      <c r="AF2910">
        <v>43963.720289999997</v>
      </c>
      <c r="AG2910">
        <v>16909.16274</v>
      </c>
      <c r="AH2910">
        <v>297116.18109999999</v>
      </c>
      <c r="AI2910">
        <v>69640.328229999999</v>
      </c>
      <c r="AJ2910">
        <v>20847.43002</v>
      </c>
      <c r="AK2910">
        <v>25727.206989999999</v>
      </c>
      <c r="AL2910">
        <v>89236.730549999993</v>
      </c>
      <c r="AM2910">
        <v>17843.62484</v>
      </c>
      <c r="AN2910">
        <v>73716.150609999997</v>
      </c>
      <c r="AO2910">
        <v>22228.931509999999</v>
      </c>
      <c r="AP2910">
        <v>15271.35219</v>
      </c>
    </row>
    <row r="2911" spans="2:42" x14ac:dyDescent="0.3">
      <c r="B2911">
        <v>61.225281263751185</v>
      </c>
      <c r="C2911" s="83">
        <v>43222.208333333336</v>
      </c>
      <c r="D2911">
        <v>258268.48069999999</v>
      </c>
      <c r="E2911">
        <v>16236.67332</v>
      </c>
      <c r="F2911">
        <v>60535.097459999997</v>
      </c>
      <c r="G2911">
        <v>35339.537729999996</v>
      </c>
      <c r="H2911">
        <v>38193.688269999999</v>
      </c>
      <c r="I2911">
        <v>25548.22365</v>
      </c>
      <c r="J2911">
        <v>40847.052170000003</v>
      </c>
      <c r="K2911">
        <v>44452.282859999999</v>
      </c>
      <c r="L2911">
        <v>18428.819879999999</v>
      </c>
      <c r="M2911">
        <v>312155.03580000001</v>
      </c>
      <c r="N2911">
        <v>71533.321890000007</v>
      </c>
      <c r="O2911">
        <v>21869.825379999998</v>
      </c>
      <c r="P2911">
        <v>27231.36982</v>
      </c>
      <c r="Q2911">
        <v>92306.584789999994</v>
      </c>
      <c r="R2911">
        <v>20664.34086</v>
      </c>
      <c r="S2911">
        <v>75977.181710000004</v>
      </c>
      <c r="T2911">
        <v>23800.506939999999</v>
      </c>
      <c r="U2911">
        <v>16985.850569999999</v>
      </c>
      <c r="W2911" s="83">
        <f>Bühler!N2943</f>
        <v>45413.208333326278</v>
      </c>
      <c r="X2911" s="83">
        <v>43222.208333333336</v>
      </c>
      <c r="Y2911">
        <v>258268.48069999999</v>
      </c>
      <c r="Z2911">
        <v>16236.67332</v>
      </c>
      <c r="AA2911">
        <v>60535.097459999997</v>
      </c>
      <c r="AB2911">
        <v>35339.537729999996</v>
      </c>
      <c r="AC2911">
        <v>38193.688269999999</v>
      </c>
      <c r="AD2911">
        <v>25548.22365</v>
      </c>
      <c r="AE2911">
        <v>40847.052170000003</v>
      </c>
      <c r="AF2911">
        <v>44452.282859999999</v>
      </c>
      <c r="AG2911">
        <v>18428.819879999999</v>
      </c>
      <c r="AH2911">
        <v>312155.03580000001</v>
      </c>
      <c r="AI2911">
        <v>71533.321890000007</v>
      </c>
      <c r="AJ2911">
        <v>21869.825379999998</v>
      </c>
      <c r="AK2911">
        <v>27231.36982</v>
      </c>
      <c r="AL2911">
        <v>92306.584789999994</v>
      </c>
      <c r="AM2911">
        <v>20664.34086</v>
      </c>
      <c r="AN2911">
        <v>75977.181710000004</v>
      </c>
      <c r="AO2911">
        <v>23800.506939999999</v>
      </c>
      <c r="AP2911">
        <v>16985.850569999999</v>
      </c>
    </row>
    <row r="2912" spans="2:42" x14ac:dyDescent="0.3">
      <c r="B2912">
        <v>63.911858222646266</v>
      </c>
      <c r="C2912" s="83">
        <v>43222.25</v>
      </c>
      <c r="D2912">
        <v>274231.38780000003</v>
      </c>
      <c r="E2912">
        <v>20534.742030000001</v>
      </c>
      <c r="F2912">
        <v>71760.869709999999</v>
      </c>
      <c r="G2912">
        <v>43470.306219999999</v>
      </c>
      <c r="H2912">
        <v>40831.465539999997</v>
      </c>
      <c r="I2912">
        <v>31699.250960000001</v>
      </c>
      <c r="J2912">
        <v>43971.680200000003</v>
      </c>
      <c r="K2912">
        <v>45704.936900000001</v>
      </c>
      <c r="L2912">
        <v>19927.73791</v>
      </c>
      <c r="M2912">
        <v>325852.45799999998</v>
      </c>
      <c r="N2912">
        <v>75241.729420000003</v>
      </c>
      <c r="O2912">
        <v>23340.093680000002</v>
      </c>
      <c r="P2912">
        <v>28677.200219999999</v>
      </c>
      <c r="Q2912">
        <v>93293.165850000005</v>
      </c>
      <c r="R2912">
        <v>17364.69555</v>
      </c>
      <c r="S2912">
        <v>84181.443329999995</v>
      </c>
      <c r="T2912">
        <v>26981.29277</v>
      </c>
      <c r="U2912">
        <v>19344.312910000001</v>
      </c>
      <c r="W2912" s="83">
        <f>Bühler!N2944</f>
        <v>45413.249999992942</v>
      </c>
      <c r="X2912" s="83">
        <v>43222.25</v>
      </c>
      <c r="Y2912">
        <v>274231.38780000003</v>
      </c>
      <c r="Z2912">
        <v>20534.742030000001</v>
      </c>
      <c r="AA2912">
        <v>71760.869709999999</v>
      </c>
      <c r="AB2912">
        <v>43470.306219999999</v>
      </c>
      <c r="AC2912">
        <v>40831.465539999997</v>
      </c>
      <c r="AD2912">
        <v>31699.250960000001</v>
      </c>
      <c r="AE2912">
        <v>43971.680200000003</v>
      </c>
      <c r="AF2912">
        <v>45704.936900000001</v>
      </c>
      <c r="AG2912">
        <v>19927.73791</v>
      </c>
      <c r="AH2912">
        <v>325852.45799999998</v>
      </c>
      <c r="AI2912">
        <v>75241.729420000003</v>
      </c>
      <c r="AJ2912">
        <v>23340.093680000002</v>
      </c>
      <c r="AK2912">
        <v>28677.200219999999</v>
      </c>
      <c r="AL2912">
        <v>93293.165850000005</v>
      </c>
      <c r="AM2912">
        <v>17364.69555</v>
      </c>
      <c r="AN2912">
        <v>84181.443329999995</v>
      </c>
      <c r="AO2912">
        <v>26981.29277</v>
      </c>
      <c r="AP2912">
        <v>19344.312910000001</v>
      </c>
    </row>
    <row r="2913" spans="2:42" x14ac:dyDescent="0.3">
      <c r="B2913">
        <v>65.48311935544551</v>
      </c>
      <c r="C2913" s="83">
        <v>43222.291666666664</v>
      </c>
      <c r="D2913">
        <v>286548.21289999998</v>
      </c>
      <c r="E2913">
        <v>24690.768400000001</v>
      </c>
      <c r="F2913">
        <v>74183.169450000001</v>
      </c>
      <c r="G2913">
        <v>49899.294190000001</v>
      </c>
      <c r="H2913">
        <v>44767.536990000001</v>
      </c>
      <c r="I2913">
        <v>38520.819049999998</v>
      </c>
      <c r="J2913">
        <v>44104.488570000001</v>
      </c>
      <c r="K2913">
        <v>50730.693200000002</v>
      </c>
      <c r="L2913">
        <v>22469.669010000001</v>
      </c>
      <c r="M2913">
        <v>333863.48</v>
      </c>
      <c r="N2913">
        <v>79068.018970000005</v>
      </c>
      <c r="O2913">
        <v>24433.81781</v>
      </c>
      <c r="P2913">
        <v>31828.47363</v>
      </c>
      <c r="Q2913">
        <v>92924.039409999998</v>
      </c>
      <c r="R2913">
        <v>18005.86723</v>
      </c>
      <c r="S2913">
        <v>97656.346810000003</v>
      </c>
      <c r="T2913">
        <v>27297.547200000001</v>
      </c>
      <c r="U2913">
        <v>23248.941650000001</v>
      </c>
      <c r="W2913" s="83">
        <f>Bühler!N2945</f>
        <v>45413.291666659607</v>
      </c>
      <c r="X2913" s="83">
        <v>43222.291666666664</v>
      </c>
      <c r="Y2913">
        <v>286548.21289999998</v>
      </c>
      <c r="Z2913">
        <v>24690.768400000001</v>
      </c>
      <c r="AA2913">
        <v>74183.169450000001</v>
      </c>
      <c r="AB2913">
        <v>49899.294190000001</v>
      </c>
      <c r="AC2913">
        <v>44767.536990000001</v>
      </c>
      <c r="AD2913">
        <v>38520.819049999998</v>
      </c>
      <c r="AE2913">
        <v>44104.488570000001</v>
      </c>
      <c r="AF2913">
        <v>50730.693200000002</v>
      </c>
      <c r="AG2913">
        <v>22469.669010000001</v>
      </c>
      <c r="AH2913">
        <v>333863.48</v>
      </c>
      <c r="AI2913">
        <v>79068.018970000005</v>
      </c>
      <c r="AJ2913">
        <v>24433.81781</v>
      </c>
      <c r="AK2913">
        <v>31828.47363</v>
      </c>
      <c r="AL2913">
        <v>92924.039409999998</v>
      </c>
      <c r="AM2913">
        <v>18005.86723</v>
      </c>
      <c r="AN2913">
        <v>97656.346810000003</v>
      </c>
      <c r="AO2913">
        <v>27297.547200000001</v>
      </c>
      <c r="AP2913">
        <v>23248.941650000001</v>
      </c>
    </row>
    <row r="2914" spans="2:42" x14ac:dyDescent="0.3">
      <c r="B2914">
        <v>67.00801227001125</v>
      </c>
      <c r="C2914" s="83">
        <v>43222.333333333336</v>
      </c>
      <c r="D2914">
        <v>295861.27759999997</v>
      </c>
      <c r="E2914">
        <v>30468.04391</v>
      </c>
      <c r="F2914">
        <v>80324.288230000006</v>
      </c>
      <c r="G2914">
        <v>60422.040809999999</v>
      </c>
      <c r="H2914">
        <v>49360.684569999998</v>
      </c>
      <c r="I2914">
        <v>40952.834770000001</v>
      </c>
      <c r="J2914">
        <v>45682.131249999999</v>
      </c>
      <c r="K2914">
        <v>56260.439460000001</v>
      </c>
      <c r="L2914">
        <v>25375.29161</v>
      </c>
      <c r="M2914">
        <v>341638.09519999998</v>
      </c>
      <c r="N2914">
        <v>85243.251199999999</v>
      </c>
      <c r="O2914">
        <v>25739.996800000001</v>
      </c>
      <c r="P2914">
        <v>33219.666080000003</v>
      </c>
      <c r="Q2914">
        <v>94207.845549999998</v>
      </c>
      <c r="R2914">
        <v>20183.414410000001</v>
      </c>
      <c r="S2914">
        <v>109212.86289999999</v>
      </c>
      <c r="T2914">
        <v>30486.540059999999</v>
      </c>
      <c r="U2914">
        <v>25733.548030000002</v>
      </c>
      <c r="W2914" s="83">
        <f>Bühler!N2946</f>
        <v>45413.333333326271</v>
      </c>
      <c r="X2914" s="83">
        <v>43222.333333333336</v>
      </c>
      <c r="Y2914">
        <v>295861.27759999997</v>
      </c>
      <c r="Z2914">
        <v>30468.04391</v>
      </c>
      <c r="AA2914">
        <v>80324.288230000006</v>
      </c>
      <c r="AB2914">
        <v>60422.040809999999</v>
      </c>
      <c r="AC2914">
        <v>49360.684569999998</v>
      </c>
      <c r="AD2914">
        <v>40952.834770000001</v>
      </c>
      <c r="AE2914">
        <v>45682.131249999999</v>
      </c>
      <c r="AF2914">
        <v>56260.439460000001</v>
      </c>
      <c r="AG2914">
        <v>25375.29161</v>
      </c>
      <c r="AH2914">
        <v>341638.09519999998</v>
      </c>
      <c r="AI2914">
        <v>85243.251199999999</v>
      </c>
      <c r="AJ2914">
        <v>25739.996800000001</v>
      </c>
      <c r="AK2914">
        <v>33219.666080000003</v>
      </c>
      <c r="AL2914">
        <v>94207.845549999998</v>
      </c>
      <c r="AM2914">
        <v>20183.414410000001</v>
      </c>
      <c r="AN2914">
        <v>109212.86289999999</v>
      </c>
      <c r="AO2914">
        <v>30486.540059999999</v>
      </c>
      <c r="AP2914">
        <v>25733.548030000002</v>
      </c>
    </row>
    <row r="2915" spans="2:42" x14ac:dyDescent="0.3">
      <c r="B2915">
        <v>67.410330430498178</v>
      </c>
      <c r="C2915" s="83">
        <v>43222.375</v>
      </c>
      <c r="D2915">
        <v>295268.05200000003</v>
      </c>
      <c r="E2915">
        <v>34071.924229999997</v>
      </c>
      <c r="F2915">
        <v>86663.741840000002</v>
      </c>
      <c r="G2915">
        <v>66026.6302</v>
      </c>
      <c r="H2915">
        <v>51415.664669999998</v>
      </c>
      <c r="I2915">
        <v>37861.839800000002</v>
      </c>
      <c r="J2915">
        <v>45652.07185</v>
      </c>
      <c r="K2915">
        <v>58999.861169999996</v>
      </c>
      <c r="L2915">
        <v>28031.405849999999</v>
      </c>
      <c r="M2915">
        <v>343689.30080000003</v>
      </c>
      <c r="N2915">
        <v>88550.670929999993</v>
      </c>
      <c r="O2915">
        <v>26266.68318</v>
      </c>
      <c r="P2915">
        <v>34874.561889999997</v>
      </c>
      <c r="Q2915">
        <v>95193.407529999997</v>
      </c>
      <c r="R2915">
        <v>20046.77115</v>
      </c>
      <c r="S2915">
        <v>113063.03109999999</v>
      </c>
      <c r="T2915">
        <v>32313.406340000001</v>
      </c>
      <c r="U2915">
        <v>25684.93361</v>
      </c>
      <c r="W2915" s="83">
        <f>Bühler!N2947</f>
        <v>45413.374999992935</v>
      </c>
      <c r="X2915" s="83">
        <v>43222.375</v>
      </c>
      <c r="Y2915">
        <v>295268.05200000003</v>
      </c>
      <c r="Z2915">
        <v>34071.924229999997</v>
      </c>
      <c r="AA2915">
        <v>86663.741840000002</v>
      </c>
      <c r="AB2915">
        <v>66026.6302</v>
      </c>
      <c r="AC2915">
        <v>51415.664669999998</v>
      </c>
      <c r="AD2915">
        <v>37861.839800000002</v>
      </c>
      <c r="AE2915">
        <v>45652.07185</v>
      </c>
      <c r="AF2915">
        <v>58999.861169999996</v>
      </c>
      <c r="AG2915">
        <v>28031.405849999999</v>
      </c>
      <c r="AH2915">
        <v>343689.30080000003</v>
      </c>
      <c r="AI2915">
        <v>88550.670929999993</v>
      </c>
      <c r="AJ2915">
        <v>26266.68318</v>
      </c>
      <c r="AK2915">
        <v>34874.561889999997</v>
      </c>
      <c r="AL2915">
        <v>95193.407529999997</v>
      </c>
      <c r="AM2915">
        <v>20046.77115</v>
      </c>
      <c r="AN2915">
        <v>113063.03109999999</v>
      </c>
      <c r="AO2915">
        <v>32313.406340000001</v>
      </c>
      <c r="AP2915">
        <v>25684.93361</v>
      </c>
    </row>
    <row r="2916" spans="2:42" x14ac:dyDescent="0.3">
      <c r="B2916">
        <v>68.09499779238196</v>
      </c>
      <c r="C2916" s="83">
        <v>43222.416666666664</v>
      </c>
      <c r="D2916">
        <v>296103.16440000001</v>
      </c>
      <c r="E2916">
        <v>35389.45291</v>
      </c>
      <c r="F2916">
        <v>87171.418690000006</v>
      </c>
      <c r="G2916">
        <v>67350.310979999995</v>
      </c>
      <c r="H2916">
        <v>51278.470329999996</v>
      </c>
      <c r="I2916">
        <v>35164.31093</v>
      </c>
      <c r="J2916">
        <v>44366.821669999998</v>
      </c>
      <c r="K2916">
        <v>61851.46847</v>
      </c>
      <c r="L2916">
        <v>30132.10025</v>
      </c>
      <c r="M2916">
        <v>347180.05430000002</v>
      </c>
      <c r="N2916">
        <v>90919.954629999993</v>
      </c>
      <c r="O2916">
        <v>26031.2016</v>
      </c>
      <c r="P2916">
        <v>35177.402730000002</v>
      </c>
      <c r="Q2916">
        <v>96115.374920000002</v>
      </c>
      <c r="R2916">
        <v>21207.12631</v>
      </c>
      <c r="S2916">
        <v>113825.2769</v>
      </c>
      <c r="T2916">
        <v>34022.546670000003</v>
      </c>
      <c r="U2916">
        <v>24398.438470000001</v>
      </c>
      <c r="W2916" s="83">
        <f>Bühler!N2948</f>
        <v>45413.416666659599</v>
      </c>
      <c r="X2916" s="83">
        <v>43222.416666666664</v>
      </c>
      <c r="Y2916">
        <v>296103.16440000001</v>
      </c>
      <c r="Z2916">
        <v>35389.45291</v>
      </c>
      <c r="AA2916">
        <v>87171.418690000006</v>
      </c>
      <c r="AB2916">
        <v>67350.310979999995</v>
      </c>
      <c r="AC2916">
        <v>51278.470329999996</v>
      </c>
      <c r="AD2916">
        <v>35164.31093</v>
      </c>
      <c r="AE2916">
        <v>44366.821669999998</v>
      </c>
      <c r="AF2916">
        <v>61851.46847</v>
      </c>
      <c r="AG2916">
        <v>30132.10025</v>
      </c>
      <c r="AH2916">
        <v>347180.05430000002</v>
      </c>
      <c r="AI2916">
        <v>90919.954629999993</v>
      </c>
      <c r="AJ2916">
        <v>26031.2016</v>
      </c>
      <c r="AK2916">
        <v>35177.402730000002</v>
      </c>
      <c r="AL2916">
        <v>96115.374920000002</v>
      </c>
      <c r="AM2916">
        <v>21207.12631</v>
      </c>
      <c r="AN2916">
        <v>113825.2769</v>
      </c>
      <c r="AO2916">
        <v>34022.546670000003</v>
      </c>
      <c r="AP2916">
        <v>24398.438470000001</v>
      </c>
    </row>
    <row r="2917" spans="2:42" x14ac:dyDescent="0.3">
      <c r="B2917">
        <v>68.514827473787477</v>
      </c>
      <c r="C2917" s="83">
        <v>43222.458333333336</v>
      </c>
      <c r="D2917">
        <v>294068.65240000002</v>
      </c>
      <c r="E2917">
        <v>35098.10903</v>
      </c>
      <c r="F2917">
        <v>87629.832819999996</v>
      </c>
      <c r="G2917">
        <v>66433.325649999999</v>
      </c>
      <c r="H2917">
        <v>50672.15784</v>
      </c>
      <c r="I2917">
        <v>34899.939330000001</v>
      </c>
      <c r="J2917">
        <v>43418.763939999997</v>
      </c>
      <c r="K2917">
        <v>61814.173999999999</v>
      </c>
      <c r="L2917">
        <v>31694.220529999999</v>
      </c>
      <c r="M2917">
        <v>349320.54180000001</v>
      </c>
      <c r="N2917">
        <v>90196.689559999999</v>
      </c>
      <c r="O2917">
        <v>25851.80947</v>
      </c>
      <c r="P2917">
        <v>34923.36479</v>
      </c>
      <c r="Q2917">
        <v>96387.082720000006</v>
      </c>
      <c r="R2917">
        <v>23054.840850000001</v>
      </c>
      <c r="S2917">
        <v>115191.9832</v>
      </c>
      <c r="T2917">
        <v>33812.691409999999</v>
      </c>
      <c r="U2917">
        <v>24802.15943</v>
      </c>
      <c r="W2917" s="83">
        <f>Bühler!N2949</f>
        <v>45413.458333326264</v>
      </c>
      <c r="X2917" s="83">
        <v>43222.458333333336</v>
      </c>
      <c r="Y2917">
        <v>294068.65240000002</v>
      </c>
      <c r="Z2917">
        <v>35098.10903</v>
      </c>
      <c r="AA2917">
        <v>87629.832819999996</v>
      </c>
      <c r="AB2917">
        <v>66433.325649999999</v>
      </c>
      <c r="AC2917">
        <v>50672.15784</v>
      </c>
      <c r="AD2917">
        <v>34899.939330000001</v>
      </c>
      <c r="AE2917">
        <v>43418.763939999997</v>
      </c>
      <c r="AF2917">
        <v>61814.173999999999</v>
      </c>
      <c r="AG2917">
        <v>31694.220529999999</v>
      </c>
      <c r="AH2917">
        <v>349320.54180000001</v>
      </c>
      <c r="AI2917">
        <v>90196.689559999999</v>
      </c>
      <c r="AJ2917">
        <v>25851.80947</v>
      </c>
      <c r="AK2917">
        <v>34923.36479</v>
      </c>
      <c r="AL2917">
        <v>96387.082720000006</v>
      </c>
      <c r="AM2917">
        <v>23054.840850000001</v>
      </c>
      <c r="AN2917">
        <v>115191.9832</v>
      </c>
      <c r="AO2917">
        <v>33812.691409999999</v>
      </c>
      <c r="AP2917">
        <v>24802.15943</v>
      </c>
    </row>
    <row r="2918" spans="2:42" x14ac:dyDescent="0.3">
      <c r="B2918">
        <v>68.198955917129865</v>
      </c>
      <c r="C2918" s="83">
        <v>43222.5</v>
      </c>
      <c r="D2918">
        <v>282522.07630000002</v>
      </c>
      <c r="E2918">
        <v>31687.053950000001</v>
      </c>
      <c r="F2918">
        <v>81734.627619999999</v>
      </c>
      <c r="G2918">
        <v>62799.470179999997</v>
      </c>
      <c r="H2918">
        <v>47983.279300000002</v>
      </c>
      <c r="I2918">
        <v>33584.818740000002</v>
      </c>
      <c r="J2918">
        <v>43577.021500000003</v>
      </c>
      <c r="K2918">
        <v>56597.975380000003</v>
      </c>
      <c r="L2918">
        <v>34316.949820000002</v>
      </c>
      <c r="M2918">
        <v>347710.08130000002</v>
      </c>
      <c r="N2918">
        <v>87901.810530000002</v>
      </c>
      <c r="O2918">
        <v>24969.7042</v>
      </c>
      <c r="P2918">
        <v>35372.053119999997</v>
      </c>
      <c r="Q2918">
        <v>94896.430300000007</v>
      </c>
      <c r="R2918">
        <v>22905.40928</v>
      </c>
      <c r="S2918">
        <v>109835.03539999999</v>
      </c>
      <c r="T2918">
        <v>33220.386939999997</v>
      </c>
      <c r="U2918">
        <v>20732.376410000001</v>
      </c>
      <c r="W2918" s="83">
        <f>Bühler!N2950</f>
        <v>45413.499999992928</v>
      </c>
      <c r="X2918" s="83">
        <v>43222.5</v>
      </c>
      <c r="Y2918">
        <v>282522.07630000002</v>
      </c>
      <c r="Z2918">
        <v>31687.053950000001</v>
      </c>
      <c r="AA2918">
        <v>81734.627619999999</v>
      </c>
      <c r="AB2918">
        <v>62799.470179999997</v>
      </c>
      <c r="AC2918">
        <v>47983.279300000002</v>
      </c>
      <c r="AD2918">
        <v>33584.818740000002</v>
      </c>
      <c r="AE2918">
        <v>43577.021500000003</v>
      </c>
      <c r="AF2918">
        <v>56597.975380000003</v>
      </c>
      <c r="AG2918">
        <v>34316.949820000002</v>
      </c>
      <c r="AH2918">
        <v>347710.08130000002</v>
      </c>
      <c r="AI2918">
        <v>87901.810530000002</v>
      </c>
      <c r="AJ2918">
        <v>24969.7042</v>
      </c>
      <c r="AK2918">
        <v>35372.053119999997</v>
      </c>
      <c r="AL2918">
        <v>94896.430300000007</v>
      </c>
      <c r="AM2918">
        <v>22905.40928</v>
      </c>
      <c r="AN2918">
        <v>109835.03539999999</v>
      </c>
      <c r="AO2918">
        <v>33220.386939999997</v>
      </c>
      <c r="AP2918">
        <v>20732.376410000001</v>
      </c>
    </row>
    <row r="2919" spans="2:42" x14ac:dyDescent="0.3">
      <c r="B2919">
        <v>67.835139530869569</v>
      </c>
      <c r="C2919" s="83">
        <v>43222.541666666664</v>
      </c>
      <c r="D2919">
        <v>283688.489</v>
      </c>
      <c r="E2919">
        <v>31193.088899999999</v>
      </c>
      <c r="F2919">
        <v>78498.971900000004</v>
      </c>
      <c r="G2919">
        <v>59666.862970000002</v>
      </c>
      <c r="H2919">
        <v>48447.016989999996</v>
      </c>
      <c r="I2919">
        <v>33383.550569999999</v>
      </c>
      <c r="J2919">
        <v>42722.588280000004</v>
      </c>
      <c r="K2919">
        <v>60482.021829999998</v>
      </c>
      <c r="L2919">
        <v>33058.132919999996</v>
      </c>
      <c r="M2919">
        <v>345855.17570000002</v>
      </c>
      <c r="N2919">
        <v>88000.292419999998</v>
      </c>
      <c r="O2919">
        <v>24361.23446</v>
      </c>
      <c r="P2919">
        <v>34262.264900000002</v>
      </c>
      <c r="Q2919">
        <v>93609.744300000006</v>
      </c>
      <c r="R2919">
        <v>22152.733970000001</v>
      </c>
      <c r="S2919">
        <v>108983.52929999999</v>
      </c>
      <c r="T2919">
        <v>32352.512839999999</v>
      </c>
      <c r="U2919">
        <v>21898.458760000001</v>
      </c>
      <c r="W2919" s="83">
        <f>Bühler!N2951</f>
        <v>45413.541666659592</v>
      </c>
      <c r="X2919" s="83">
        <v>43222.541666666664</v>
      </c>
      <c r="Y2919">
        <v>283688.489</v>
      </c>
      <c r="Z2919">
        <v>31193.088899999999</v>
      </c>
      <c r="AA2919">
        <v>78498.971900000004</v>
      </c>
      <c r="AB2919">
        <v>59666.862970000002</v>
      </c>
      <c r="AC2919">
        <v>48447.016989999996</v>
      </c>
      <c r="AD2919">
        <v>33383.550569999999</v>
      </c>
      <c r="AE2919">
        <v>42722.588280000004</v>
      </c>
      <c r="AF2919">
        <v>60482.021829999998</v>
      </c>
      <c r="AG2919">
        <v>33058.132919999996</v>
      </c>
      <c r="AH2919">
        <v>345855.17570000002</v>
      </c>
      <c r="AI2919">
        <v>88000.292419999998</v>
      </c>
      <c r="AJ2919">
        <v>24361.23446</v>
      </c>
      <c r="AK2919">
        <v>34262.264900000002</v>
      </c>
      <c r="AL2919">
        <v>93609.744300000006</v>
      </c>
      <c r="AM2919">
        <v>22152.733970000001</v>
      </c>
      <c r="AN2919">
        <v>108983.52929999999</v>
      </c>
      <c r="AO2919">
        <v>32352.512839999999</v>
      </c>
      <c r="AP2919">
        <v>21898.458760000001</v>
      </c>
    </row>
    <row r="2920" spans="2:42" x14ac:dyDescent="0.3">
      <c r="B2920">
        <v>68.004894383005748</v>
      </c>
      <c r="C2920" s="83">
        <v>43222.583333333336</v>
      </c>
      <c r="D2920">
        <v>286995.27779999998</v>
      </c>
      <c r="E2920">
        <v>33934.927199999998</v>
      </c>
      <c r="F2920">
        <v>84869.822220000002</v>
      </c>
      <c r="G2920">
        <v>57844.644540000001</v>
      </c>
      <c r="H2920">
        <v>48609.284010000003</v>
      </c>
      <c r="I2920">
        <v>34100.65999</v>
      </c>
      <c r="J2920">
        <v>41605.00318</v>
      </c>
      <c r="K2920">
        <v>61716.986669999998</v>
      </c>
      <c r="L2920">
        <v>29905.736239999998</v>
      </c>
      <c r="M2920">
        <v>346720.66509999998</v>
      </c>
      <c r="N2920">
        <v>89686.070470000006</v>
      </c>
      <c r="O2920">
        <v>24878.655470000002</v>
      </c>
      <c r="P2920">
        <v>30763.964370000002</v>
      </c>
      <c r="Q2920">
        <v>92780.798290000006</v>
      </c>
      <c r="R2920">
        <v>21779.872889999999</v>
      </c>
      <c r="S2920">
        <v>103805.68369999999</v>
      </c>
      <c r="T2920">
        <v>31066.859700000001</v>
      </c>
      <c r="U2920">
        <v>22547.479749999999</v>
      </c>
      <c r="W2920" s="83">
        <f>Bühler!N2952</f>
        <v>45413.583333326256</v>
      </c>
      <c r="X2920" s="83">
        <v>43222.583333333336</v>
      </c>
      <c r="Y2920">
        <v>286995.27779999998</v>
      </c>
      <c r="Z2920">
        <v>33934.927199999998</v>
      </c>
      <c r="AA2920">
        <v>84869.822220000002</v>
      </c>
      <c r="AB2920">
        <v>57844.644540000001</v>
      </c>
      <c r="AC2920">
        <v>48609.284010000003</v>
      </c>
      <c r="AD2920">
        <v>34100.65999</v>
      </c>
      <c r="AE2920">
        <v>41605.00318</v>
      </c>
      <c r="AF2920">
        <v>61716.986669999998</v>
      </c>
      <c r="AG2920">
        <v>29905.736239999998</v>
      </c>
      <c r="AH2920">
        <v>346720.66509999998</v>
      </c>
      <c r="AI2920">
        <v>89686.070470000006</v>
      </c>
      <c r="AJ2920">
        <v>24878.655470000002</v>
      </c>
      <c r="AK2920">
        <v>30763.964370000002</v>
      </c>
      <c r="AL2920">
        <v>92780.798290000006</v>
      </c>
      <c r="AM2920">
        <v>21779.872889999999</v>
      </c>
      <c r="AN2920">
        <v>103805.68369999999</v>
      </c>
      <c r="AO2920">
        <v>31066.859700000001</v>
      </c>
      <c r="AP2920">
        <v>22547.479749999999</v>
      </c>
    </row>
    <row r="2921" spans="2:42" x14ac:dyDescent="0.3">
      <c r="B2921">
        <v>67.370360332368264</v>
      </c>
      <c r="C2921" s="83">
        <v>43222.625</v>
      </c>
      <c r="D2921">
        <v>285567.95980000001</v>
      </c>
      <c r="E2921">
        <v>33676.98158</v>
      </c>
      <c r="F2921">
        <v>87307.627299999993</v>
      </c>
      <c r="G2921">
        <v>56209.967170000004</v>
      </c>
      <c r="H2921">
        <v>47553.394370000002</v>
      </c>
      <c r="I2921">
        <v>34201.75073</v>
      </c>
      <c r="J2921">
        <v>41044.2808</v>
      </c>
      <c r="K2921">
        <v>60126.615339999997</v>
      </c>
      <c r="L2921">
        <v>27126.889930000001</v>
      </c>
      <c r="M2921">
        <v>343485.51459999999</v>
      </c>
      <c r="N2921">
        <v>87338.548009999999</v>
      </c>
      <c r="O2921">
        <v>24127.509770000001</v>
      </c>
      <c r="P2921">
        <v>28764.129099999998</v>
      </c>
      <c r="Q2921">
        <v>92520.965819999998</v>
      </c>
      <c r="R2921">
        <v>21405.271499999999</v>
      </c>
      <c r="S2921">
        <v>101832.7369</v>
      </c>
      <c r="T2921">
        <v>30821.525549999998</v>
      </c>
      <c r="U2921">
        <v>21659.506160000001</v>
      </c>
      <c r="W2921" s="83">
        <f>Bühler!N2953</f>
        <v>45413.62499999292</v>
      </c>
      <c r="X2921" s="83">
        <v>43222.625</v>
      </c>
      <c r="Y2921">
        <v>285567.95980000001</v>
      </c>
      <c r="Z2921">
        <v>33676.98158</v>
      </c>
      <c r="AA2921">
        <v>87307.627299999993</v>
      </c>
      <c r="AB2921">
        <v>56209.967170000004</v>
      </c>
      <c r="AC2921">
        <v>47553.394370000002</v>
      </c>
      <c r="AD2921">
        <v>34201.75073</v>
      </c>
      <c r="AE2921">
        <v>41044.2808</v>
      </c>
      <c r="AF2921">
        <v>60126.615339999997</v>
      </c>
      <c r="AG2921">
        <v>27126.889930000001</v>
      </c>
      <c r="AH2921">
        <v>343485.51459999999</v>
      </c>
      <c r="AI2921">
        <v>87338.548009999999</v>
      </c>
      <c r="AJ2921">
        <v>24127.509770000001</v>
      </c>
      <c r="AK2921">
        <v>28764.129099999998</v>
      </c>
      <c r="AL2921">
        <v>92520.965819999998</v>
      </c>
      <c r="AM2921">
        <v>21405.271499999999</v>
      </c>
      <c r="AN2921">
        <v>101832.7369</v>
      </c>
      <c r="AO2921">
        <v>30821.525549999998</v>
      </c>
      <c r="AP2921">
        <v>21659.506160000001</v>
      </c>
    </row>
    <row r="2922" spans="2:42" x14ac:dyDescent="0.3">
      <c r="B2922">
        <v>66.570474028041744</v>
      </c>
      <c r="C2922" s="83">
        <v>43222.666666666664</v>
      </c>
      <c r="D2922">
        <v>276257.13939999999</v>
      </c>
      <c r="E2922">
        <v>32697.31696</v>
      </c>
      <c r="F2922">
        <v>86478.134290000002</v>
      </c>
      <c r="G2922">
        <v>53334.3537</v>
      </c>
      <c r="H2922">
        <v>45574.921569999999</v>
      </c>
      <c r="I2922">
        <v>34582.73676</v>
      </c>
      <c r="J2922">
        <v>39981.732770000002</v>
      </c>
      <c r="K2922">
        <v>57069.498630000002</v>
      </c>
      <c r="L2922">
        <v>25566.613590000001</v>
      </c>
      <c r="M2922">
        <v>339407.32120000001</v>
      </c>
      <c r="N2922">
        <v>84754.696899999995</v>
      </c>
      <c r="O2922">
        <v>23569.763739999999</v>
      </c>
      <c r="P2922">
        <v>27542.31121</v>
      </c>
      <c r="Q2922">
        <v>91935.002089999994</v>
      </c>
      <c r="R2922">
        <v>21651.307120000001</v>
      </c>
      <c r="S2922">
        <v>98394.142059999998</v>
      </c>
      <c r="T2922">
        <v>30400.027829999999</v>
      </c>
      <c r="U2922">
        <v>19978.905610000002</v>
      </c>
      <c r="W2922" s="83">
        <f>Bühler!N2954</f>
        <v>45413.666666659585</v>
      </c>
      <c r="X2922" s="83">
        <v>43222.666666666664</v>
      </c>
      <c r="Y2922">
        <v>276257.13939999999</v>
      </c>
      <c r="Z2922">
        <v>32697.31696</v>
      </c>
      <c r="AA2922">
        <v>86478.134290000002</v>
      </c>
      <c r="AB2922">
        <v>53334.3537</v>
      </c>
      <c r="AC2922">
        <v>45574.921569999999</v>
      </c>
      <c r="AD2922">
        <v>34582.73676</v>
      </c>
      <c r="AE2922">
        <v>39981.732770000002</v>
      </c>
      <c r="AF2922">
        <v>57069.498630000002</v>
      </c>
      <c r="AG2922">
        <v>25566.613590000001</v>
      </c>
      <c r="AH2922">
        <v>339407.32120000001</v>
      </c>
      <c r="AI2922">
        <v>84754.696899999995</v>
      </c>
      <c r="AJ2922">
        <v>23569.763739999999</v>
      </c>
      <c r="AK2922">
        <v>27542.31121</v>
      </c>
      <c r="AL2922">
        <v>91935.002089999994</v>
      </c>
      <c r="AM2922">
        <v>21651.307120000001</v>
      </c>
      <c r="AN2922">
        <v>98394.142059999998</v>
      </c>
      <c r="AO2922">
        <v>30400.027829999999</v>
      </c>
      <c r="AP2922">
        <v>19978.905610000002</v>
      </c>
    </row>
    <row r="2923" spans="2:42" x14ac:dyDescent="0.3">
      <c r="B2923">
        <v>65.292045915971485</v>
      </c>
      <c r="C2923" s="83">
        <v>43222.708333333336</v>
      </c>
      <c r="D2923">
        <v>267235.47460000002</v>
      </c>
      <c r="E2923">
        <v>30864.593349999999</v>
      </c>
      <c r="F2923">
        <v>85178.91029</v>
      </c>
      <c r="G2923">
        <v>48500.534679999997</v>
      </c>
      <c r="H2923">
        <v>43488.609080000002</v>
      </c>
      <c r="I2923">
        <v>34429.679609999999</v>
      </c>
      <c r="J2923">
        <v>40029.791259999998</v>
      </c>
      <c r="K2923">
        <v>52542.931909999999</v>
      </c>
      <c r="L2923">
        <v>26020.41416</v>
      </c>
      <c r="M2923">
        <v>332889.29849999998</v>
      </c>
      <c r="N2923">
        <v>81184.646819999994</v>
      </c>
      <c r="O2923">
        <v>23174.159370000001</v>
      </c>
      <c r="P2923">
        <v>29470.847290000002</v>
      </c>
      <c r="Q2923">
        <v>90658.913409999994</v>
      </c>
      <c r="R2923">
        <v>21434.770530000002</v>
      </c>
      <c r="S2923">
        <v>95790.48199</v>
      </c>
      <c r="T2923">
        <v>29941.823130000001</v>
      </c>
      <c r="U2923">
        <v>17099.732670000001</v>
      </c>
      <c r="W2923" s="83">
        <f>Bühler!N2955</f>
        <v>45413.708333326249</v>
      </c>
      <c r="X2923" s="83">
        <v>43222.708333333336</v>
      </c>
      <c r="Y2923">
        <v>267235.47460000002</v>
      </c>
      <c r="Z2923">
        <v>30864.593349999999</v>
      </c>
      <c r="AA2923">
        <v>85178.91029</v>
      </c>
      <c r="AB2923">
        <v>48500.534679999997</v>
      </c>
      <c r="AC2923">
        <v>43488.609080000002</v>
      </c>
      <c r="AD2923">
        <v>34429.679609999999</v>
      </c>
      <c r="AE2923">
        <v>40029.791259999998</v>
      </c>
      <c r="AF2923">
        <v>52542.931909999999</v>
      </c>
      <c r="AG2923">
        <v>26020.41416</v>
      </c>
      <c r="AH2923">
        <v>332889.29849999998</v>
      </c>
      <c r="AI2923">
        <v>81184.646819999994</v>
      </c>
      <c r="AJ2923">
        <v>23174.159370000001</v>
      </c>
      <c r="AK2923">
        <v>29470.847290000002</v>
      </c>
      <c r="AL2923">
        <v>90658.913409999994</v>
      </c>
      <c r="AM2923">
        <v>21434.770530000002</v>
      </c>
      <c r="AN2923">
        <v>95790.48199</v>
      </c>
      <c r="AO2923">
        <v>29941.823130000001</v>
      </c>
      <c r="AP2923">
        <v>17099.732670000001</v>
      </c>
    </row>
    <row r="2924" spans="2:42" x14ac:dyDescent="0.3">
      <c r="B2924">
        <v>63.969551003233924</v>
      </c>
      <c r="C2924" s="83">
        <v>43222.75</v>
      </c>
      <c r="D2924">
        <v>260592.5583</v>
      </c>
      <c r="E2924">
        <v>27646.347900000001</v>
      </c>
      <c r="F2924">
        <v>82965.125050000002</v>
      </c>
      <c r="G2924">
        <v>43342.652269999999</v>
      </c>
      <c r="H2924">
        <v>41209.576690000002</v>
      </c>
      <c r="I2924">
        <v>33048.17209</v>
      </c>
      <c r="J2924">
        <v>40105.53845</v>
      </c>
      <c r="K2924">
        <v>50062.682350000003</v>
      </c>
      <c r="L2924">
        <v>26498.558939999999</v>
      </c>
      <c r="M2924">
        <v>326146.60269999999</v>
      </c>
      <c r="N2924">
        <v>78404.681540000005</v>
      </c>
      <c r="O2924">
        <v>22034.646570000001</v>
      </c>
      <c r="P2924">
        <v>31411.97207</v>
      </c>
      <c r="Q2924">
        <v>89580.639379999993</v>
      </c>
      <c r="R2924">
        <v>20010.090319999999</v>
      </c>
      <c r="S2924">
        <v>90254.482059999995</v>
      </c>
      <c r="T2924">
        <v>29838.430929999999</v>
      </c>
      <c r="U2924">
        <v>16055.10493</v>
      </c>
      <c r="W2924" s="83">
        <f>Bühler!N2956</f>
        <v>45413.749999992913</v>
      </c>
      <c r="X2924" s="83">
        <v>43222.75</v>
      </c>
      <c r="Y2924">
        <v>260592.5583</v>
      </c>
      <c r="Z2924">
        <v>27646.347900000001</v>
      </c>
      <c r="AA2924">
        <v>82965.125050000002</v>
      </c>
      <c r="AB2924">
        <v>43342.652269999999</v>
      </c>
      <c r="AC2924">
        <v>41209.576690000002</v>
      </c>
      <c r="AD2924">
        <v>33048.17209</v>
      </c>
      <c r="AE2924">
        <v>40105.53845</v>
      </c>
      <c r="AF2924">
        <v>50062.682350000003</v>
      </c>
      <c r="AG2924">
        <v>26498.558939999999</v>
      </c>
      <c r="AH2924">
        <v>326146.60269999999</v>
      </c>
      <c r="AI2924">
        <v>78404.681540000005</v>
      </c>
      <c r="AJ2924">
        <v>22034.646570000001</v>
      </c>
      <c r="AK2924">
        <v>31411.97207</v>
      </c>
      <c r="AL2924">
        <v>89580.639379999993</v>
      </c>
      <c r="AM2924">
        <v>20010.090319999999</v>
      </c>
      <c r="AN2924">
        <v>90254.482059999995</v>
      </c>
      <c r="AO2924">
        <v>29838.430929999999</v>
      </c>
      <c r="AP2924">
        <v>16055.10493</v>
      </c>
    </row>
    <row r="2925" spans="2:42" x14ac:dyDescent="0.3">
      <c r="B2925">
        <v>63.187395913342634</v>
      </c>
      <c r="C2925" s="83">
        <v>43222.791666666664</v>
      </c>
      <c r="D2925">
        <v>254172.3597</v>
      </c>
      <c r="E2925">
        <v>23239.15857</v>
      </c>
      <c r="F2925">
        <v>74359.418980000002</v>
      </c>
      <c r="G2925">
        <v>40501.315990000003</v>
      </c>
      <c r="H2925">
        <v>39358.18505</v>
      </c>
      <c r="I2925">
        <v>30800.15869</v>
      </c>
      <c r="J2925">
        <v>39893.440880000002</v>
      </c>
      <c r="K2925">
        <v>48483.33829</v>
      </c>
      <c r="L2925">
        <v>28051.012409999999</v>
      </c>
      <c r="M2925">
        <v>322158.8113</v>
      </c>
      <c r="N2925">
        <v>76513.917140000005</v>
      </c>
      <c r="O2925">
        <v>21146.69656</v>
      </c>
      <c r="P2925">
        <v>33893.024279999998</v>
      </c>
      <c r="Q2925">
        <v>87360.216560000001</v>
      </c>
      <c r="R2925">
        <v>18849.946110000001</v>
      </c>
      <c r="S2925">
        <v>85426.703989999995</v>
      </c>
      <c r="T2925">
        <v>29978.94816</v>
      </c>
      <c r="U2925">
        <v>14898.21046</v>
      </c>
      <c r="W2925" s="83">
        <f>Bühler!N2957</f>
        <v>45413.791666659577</v>
      </c>
      <c r="X2925" s="83">
        <v>43222.791666666664</v>
      </c>
      <c r="Y2925">
        <v>254172.3597</v>
      </c>
      <c r="Z2925">
        <v>23239.15857</v>
      </c>
      <c r="AA2925">
        <v>74359.418980000002</v>
      </c>
      <c r="AB2925">
        <v>40501.315990000003</v>
      </c>
      <c r="AC2925">
        <v>39358.18505</v>
      </c>
      <c r="AD2925">
        <v>30800.15869</v>
      </c>
      <c r="AE2925">
        <v>39893.440880000002</v>
      </c>
      <c r="AF2925">
        <v>48483.33829</v>
      </c>
      <c r="AG2925">
        <v>28051.012409999999</v>
      </c>
      <c r="AH2925">
        <v>322158.8113</v>
      </c>
      <c r="AI2925">
        <v>76513.917140000005</v>
      </c>
      <c r="AJ2925">
        <v>21146.69656</v>
      </c>
      <c r="AK2925">
        <v>33893.024279999998</v>
      </c>
      <c r="AL2925">
        <v>87360.216560000001</v>
      </c>
      <c r="AM2925">
        <v>18849.946110000001</v>
      </c>
      <c r="AN2925">
        <v>85426.703989999995</v>
      </c>
      <c r="AO2925">
        <v>29978.94816</v>
      </c>
      <c r="AP2925">
        <v>14898.21046</v>
      </c>
    </row>
    <row r="2926" spans="2:42" x14ac:dyDescent="0.3">
      <c r="B2926">
        <v>61.473390482319608</v>
      </c>
      <c r="C2926" s="83">
        <v>43222.833333333336</v>
      </c>
      <c r="D2926">
        <v>245078.755</v>
      </c>
      <c r="E2926">
        <v>17352.152010000002</v>
      </c>
      <c r="F2926">
        <v>57954.703200000004</v>
      </c>
      <c r="G2926">
        <v>37838.519979999997</v>
      </c>
      <c r="H2926">
        <v>36990.257579999998</v>
      </c>
      <c r="I2926">
        <v>27459.36578</v>
      </c>
      <c r="J2926">
        <v>40094.889499999997</v>
      </c>
      <c r="K2926">
        <v>48817.270259999998</v>
      </c>
      <c r="L2926">
        <v>27886.685720000001</v>
      </c>
      <c r="M2926">
        <v>313420.0123</v>
      </c>
      <c r="N2926">
        <v>75583.522809999995</v>
      </c>
      <c r="O2926">
        <v>20580.70854</v>
      </c>
      <c r="P2926">
        <v>34345.674630000001</v>
      </c>
      <c r="Q2926">
        <v>84166.987030000004</v>
      </c>
      <c r="R2926">
        <v>17582.674709999999</v>
      </c>
      <c r="S2926">
        <v>79085.374519999998</v>
      </c>
      <c r="T2926">
        <v>28689.877049999999</v>
      </c>
      <c r="U2926">
        <v>15053.724120000001</v>
      </c>
      <c r="W2926" s="83">
        <f>Bühler!N2958</f>
        <v>45413.833333326242</v>
      </c>
      <c r="X2926" s="83">
        <v>43222.833333333336</v>
      </c>
      <c r="Y2926">
        <v>245078.755</v>
      </c>
      <c r="Z2926">
        <v>17352.152010000002</v>
      </c>
      <c r="AA2926">
        <v>57954.703200000004</v>
      </c>
      <c r="AB2926">
        <v>37838.519979999997</v>
      </c>
      <c r="AC2926">
        <v>36990.257579999998</v>
      </c>
      <c r="AD2926">
        <v>27459.36578</v>
      </c>
      <c r="AE2926">
        <v>40094.889499999997</v>
      </c>
      <c r="AF2926">
        <v>48817.270259999998</v>
      </c>
      <c r="AG2926">
        <v>27886.685720000001</v>
      </c>
      <c r="AH2926">
        <v>313420.0123</v>
      </c>
      <c r="AI2926">
        <v>75583.522809999995</v>
      </c>
      <c r="AJ2926">
        <v>20580.70854</v>
      </c>
      <c r="AK2926">
        <v>34345.674630000001</v>
      </c>
      <c r="AL2926">
        <v>84166.987030000004</v>
      </c>
      <c r="AM2926">
        <v>17582.674709999999</v>
      </c>
      <c r="AN2926">
        <v>79085.374519999998</v>
      </c>
      <c r="AO2926">
        <v>28689.877049999999</v>
      </c>
      <c r="AP2926">
        <v>15053.724120000001</v>
      </c>
    </row>
    <row r="2927" spans="2:42" x14ac:dyDescent="0.3">
      <c r="B2927">
        <v>60.161889640394818</v>
      </c>
      <c r="C2927" s="83">
        <v>43222.875</v>
      </c>
      <c r="D2927">
        <v>239823.85130000001</v>
      </c>
      <c r="E2927">
        <v>15246.30401</v>
      </c>
      <c r="F2927">
        <v>50657.293539999999</v>
      </c>
      <c r="G2927">
        <v>37418.426460000002</v>
      </c>
      <c r="H2927">
        <v>37110.982530000001</v>
      </c>
      <c r="I2927">
        <v>24541.496040000002</v>
      </c>
      <c r="J2927">
        <v>41728.281289999999</v>
      </c>
      <c r="K2927">
        <v>47990.467980000001</v>
      </c>
      <c r="L2927">
        <v>26791.069090000001</v>
      </c>
      <c r="M2927">
        <v>306733.36940000003</v>
      </c>
      <c r="N2927">
        <v>75380.916599999997</v>
      </c>
      <c r="O2927">
        <v>20530.86706</v>
      </c>
      <c r="P2927">
        <v>34182.400930000003</v>
      </c>
      <c r="Q2927">
        <v>82559.852889999995</v>
      </c>
      <c r="R2927">
        <v>17894.830279999998</v>
      </c>
      <c r="S2927">
        <v>76909.899260000006</v>
      </c>
      <c r="T2927">
        <v>27071.176350000002</v>
      </c>
      <c r="U2927">
        <v>14668.679829999999</v>
      </c>
      <c r="W2927" s="83">
        <f>Bühler!N2959</f>
        <v>45413.874999992906</v>
      </c>
      <c r="X2927" s="83">
        <v>43222.875</v>
      </c>
      <c r="Y2927">
        <v>239823.85130000001</v>
      </c>
      <c r="Z2927">
        <v>15246.30401</v>
      </c>
      <c r="AA2927">
        <v>50657.293539999999</v>
      </c>
      <c r="AB2927">
        <v>37418.426460000002</v>
      </c>
      <c r="AC2927">
        <v>37110.982530000001</v>
      </c>
      <c r="AD2927">
        <v>24541.496040000002</v>
      </c>
      <c r="AE2927">
        <v>41728.281289999999</v>
      </c>
      <c r="AF2927">
        <v>47990.467980000001</v>
      </c>
      <c r="AG2927">
        <v>26791.069090000001</v>
      </c>
      <c r="AH2927">
        <v>306733.36940000003</v>
      </c>
      <c r="AI2927">
        <v>75380.916599999997</v>
      </c>
      <c r="AJ2927">
        <v>20530.86706</v>
      </c>
      <c r="AK2927">
        <v>34182.400930000003</v>
      </c>
      <c r="AL2927">
        <v>82559.852889999995</v>
      </c>
      <c r="AM2927">
        <v>17894.830279999998</v>
      </c>
      <c r="AN2927">
        <v>76909.899260000006</v>
      </c>
      <c r="AO2927">
        <v>27071.176350000002</v>
      </c>
      <c r="AP2927">
        <v>14668.679829999999</v>
      </c>
    </row>
    <row r="2928" spans="2:42" x14ac:dyDescent="0.3">
      <c r="B2928">
        <v>59.597836941579317</v>
      </c>
      <c r="C2928" s="83">
        <v>43222.916666666664</v>
      </c>
      <c r="D2928">
        <v>237515.3235</v>
      </c>
      <c r="E2928">
        <v>14343.41603</v>
      </c>
      <c r="F2928">
        <v>48147.78443</v>
      </c>
      <c r="G2928">
        <v>36492.306969999998</v>
      </c>
      <c r="H2928">
        <v>36912.379580000001</v>
      </c>
      <c r="I2928">
        <v>22680.61937</v>
      </c>
      <c r="J2928">
        <v>40453.725109999999</v>
      </c>
      <c r="K2928">
        <v>50864.33511</v>
      </c>
      <c r="L2928">
        <v>23781.39201</v>
      </c>
      <c r="M2928">
        <v>303857.56569999998</v>
      </c>
      <c r="N2928">
        <v>75485.720390000002</v>
      </c>
      <c r="O2928">
        <v>20859.572510000002</v>
      </c>
      <c r="P2928">
        <v>34958.786990000001</v>
      </c>
      <c r="Q2928">
        <v>81549.619990000007</v>
      </c>
      <c r="R2928">
        <v>19705.507809999999</v>
      </c>
      <c r="S2928">
        <v>76091.744990000007</v>
      </c>
      <c r="T2928">
        <v>23963.861280000001</v>
      </c>
      <c r="U2928">
        <v>15434.4583</v>
      </c>
      <c r="W2928" s="83">
        <f>Bühler!N2960</f>
        <v>45413.91666665957</v>
      </c>
      <c r="X2928" s="83">
        <v>43222.916666666664</v>
      </c>
      <c r="Y2928">
        <v>237515.3235</v>
      </c>
      <c r="Z2928">
        <v>14343.41603</v>
      </c>
      <c r="AA2928">
        <v>48147.78443</v>
      </c>
      <c r="AB2928">
        <v>36492.306969999998</v>
      </c>
      <c r="AC2928">
        <v>36912.379580000001</v>
      </c>
      <c r="AD2928">
        <v>22680.61937</v>
      </c>
      <c r="AE2928">
        <v>40453.725109999999</v>
      </c>
      <c r="AF2928">
        <v>50864.33511</v>
      </c>
      <c r="AG2928">
        <v>23781.39201</v>
      </c>
      <c r="AH2928">
        <v>303857.56569999998</v>
      </c>
      <c r="AI2928">
        <v>75485.720390000002</v>
      </c>
      <c r="AJ2928">
        <v>20859.572510000002</v>
      </c>
      <c r="AK2928">
        <v>34958.786990000001</v>
      </c>
      <c r="AL2928">
        <v>81549.619990000007</v>
      </c>
      <c r="AM2928">
        <v>19705.507809999999</v>
      </c>
      <c r="AN2928">
        <v>76091.744990000007</v>
      </c>
      <c r="AO2928">
        <v>23963.861280000001</v>
      </c>
      <c r="AP2928">
        <v>15434.4583</v>
      </c>
    </row>
    <row r="2929" spans="2:42" x14ac:dyDescent="0.3">
      <c r="B2929">
        <v>58.93900409367793</v>
      </c>
      <c r="C2929" s="83">
        <v>43222.958333333336</v>
      </c>
      <c r="D2929">
        <v>239197.37460000001</v>
      </c>
      <c r="E2929">
        <v>13695.70109</v>
      </c>
      <c r="F2929">
        <v>46366.448329999999</v>
      </c>
      <c r="G2929">
        <v>36026.60656</v>
      </c>
      <c r="H2929">
        <v>36192.987630000003</v>
      </c>
      <c r="I2929">
        <v>22198.363000000001</v>
      </c>
      <c r="J2929">
        <v>37632.303630000002</v>
      </c>
      <c r="K2929">
        <v>50486.831189999997</v>
      </c>
      <c r="L2929">
        <v>20218.252110000001</v>
      </c>
      <c r="M2929">
        <v>300498.52860000002</v>
      </c>
      <c r="N2929">
        <v>75262.427209999994</v>
      </c>
      <c r="O2929">
        <v>21066.328300000001</v>
      </c>
      <c r="P2929">
        <v>31495.176060000002</v>
      </c>
      <c r="Q2929">
        <v>81158.359809999994</v>
      </c>
      <c r="R2929">
        <v>21133.221109999999</v>
      </c>
      <c r="S2929">
        <v>74746.968970000002</v>
      </c>
      <c r="T2929">
        <v>24065.593430000001</v>
      </c>
      <c r="U2929">
        <v>14479.690549999999</v>
      </c>
      <c r="W2929" s="83">
        <f>Bühler!N2961</f>
        <v>45413.958333326234</v>
      </c>
      <c r="X2929" s="83">
        <v>43222.958333333336</v>
      </c>
      <c r="Y2929">
        <v>239197.37460000001</v>
      </c>
      <c r="Z2929">
        <v>13695.70109</v>
      </c>
      <c r="AA2929">
        <v>46366.448329999999</v>
      </c>
      <c r="AB2929">
        <v>36026.60656</v>
      </c>
      <c r="AC2929">
        <v>36192.987630000003</v>
      </c>
      <c r="AD2929">
        <v>22198.363000000001</v>
      </c>
      <c r="AE2929">
        <v>37632.303630000002</v>
      </c>
      <c r="AF2929">
        <v>50486.831189999997</v>
      </c>
      <c r="AG2929">
        <v>20218.252110000001</v>
      </c>
      <c r="AH2929">
        <v>300498.52860000002</v>
      </c>
      <c r="AI2929">
        <v>75262.427209999994</v>
      </c>
      <c r="AJ2929">
        <v>21066.328300000001</v>
      </c>
      <c r="AK2929">
        <v>31495.176060000002</v>
      </c>
      <c r="AL2929">
        <v>81158.359809999994</v>
      </c>
      <c r="AM2929">
        <v>21133.221109999999</v>
      </c>
      <c r="AN2929">
        <v>74746.968970000002</v>
      </c>
      <c r="AO2929">
        <v>24065.593430000001</v>
      </c>
      <c r="AP2929">
        <v>14479.690549999999</v>
      </c>
    </row>
    <row r="2930" spans="2:42" x14ac:dyDescent="0.3">
      <c r="B2930">
        <v>58.313313192524227</v>
      </c>
      <c r="C2930" s="83">
        <v>43223</v>
      </c>
      <c r="D2930">
        <v>236435.58609999999</v>
      </c>
      <c r="E2930">
        <v>13355.973889999999</v>
      </c>
      <c r="F2930">
        <v>45342.808270000001</v>
      </c>
      <c r="G2930">
        <v>35379.191480000001</v>
      </c>
      <c r="H2930">
        <v>35343.461300000003</v>
      </c>
      <c r="I2930">
        <v>20493.800370000001</v>
      </c>
      <c r="J2930">
        <v>36040.632680000002</v>
      </c>
      <c r="K2930">
        <v>49456.695099999997</v>
      </c>
      <c r="L2930">
        <v>17663.315449999998</v>
      </c>
      <c r="M2930">
        <v>297308.46460000001</v>
      </c>
      <c r="N2930">
        <v>74291.094349999999</v>
      </c>
      <c r="O2930">
        <v>21121.840510000002</v>
      </c>
      <c r="P2930">
        <v>28964.956689999999</v>
      </c>
      <c r="Q2930">
        <v>80563.631099999999</v>
      </c>
      <c r="R2930">
        <v>17219.890189999998</v>
      </c>
      <c r="S2930">
        <v>73782.670469999997</v>
      </c>
      <c r="T2930">
        <v>22521.474259999999</v>
      </c>
      <c r="U2930">
        <v>13963.926530000001</v>
      </c>
      <c r="W2930" s="83">
        <f>Bühler!N2962</f>
        <v>45413.999999992899</v>
      </c>
      <c r="X2930" s="83">
        <v>43223</v>
      </c>
      <c r="Y2930">
        <v>236435.58609999999</v>
      </c>
      <c r="Z2930">
        <v>13355.973889999999</v>
      </c>
      <c r="AA2930">
        <v>45342.808270000001</v>
      </c>
      <c r="AB2930">
        <v>35379.191480000001</v>
      </c>
      <c r="AC2930">
        <v>35343.461300000003</v>
      </c>
      <c r="AD2930">
        <v>20493.800370000001</v>
      </c>
      <c r="AE2930">
        <v>36040.632680000002</v>
      </c>
      <c r="AF2930">
        <v>49456.695099999997</v>
      </c>
      <c r="AG2930">
        <v>17663.315449999998</v>
      </c>
      <c r="AH2930">
        <v>297308.46460000001</v>
      </c>
      <c r="AI2930">
        <v>74291.094349999999</v>
      </c>
      <c r="AJ2930">
        <v>21121.840510000002</v>
      </c>
      <c r="AK2930">
        <v>28964.956689999999</v>
      </c>
      <c r="AL2930">
        <v>80563.631099999999</v>
      </c>
      <c r="AM2930">
        <v>17219.890189999998</v>
      </c>
      <c r="AN2930">
        <v>73782.670469999997</v>
      </c>
      <c r="AO2930">
        <v>22521.474259999999</v>
      </c>
      <c r="AP2930">
        <v>13963.926530000001</v>
      </c>
    </row>
    <row r="2931" spans="2:42" x14ac:dyDescent="0.3">
      <c r="B2931">
        <v>57.654875365373179</v>
      </c>
      <c r="C2931" s="83">
        <v>43223.041666666664</v>
      </c>
      <c r="D2931">
        <v>236477.94399999999</v>
      </c>
      <c r="E2931">
        <v>13321.24632</v>
      </c>
      <c r="F2931">
        <v>44981.429389999998</v>
      </c>
      <c r="G2931">
        <v>34885.379500000003</v>
      </c>
      <c r="H2931">
        <v>35139.270629999999</v>
      </c>
      <c r="I2931">
        <v>16600.366539999999</v>
      </c>
      <c r="J2931">
        <v>35179.211669999997</v>
      </c>
      <c r="K2931">
        <v>46106.617980000003</v>
      </c>
      <c r="L2931">
        <v>17149.89645</v>
      </c>
      <c r="M2931">
        <v>293951.44150000002</v>
      </c>
      <c r="N2931">
        <v>73956.406300000002</v>
      </c>
      <c r="O2931">
        <v>21216.796450000002</v>
      </c>
      <c r="P2931">
        <v>27042.14545</v>
      </c>
      <c r="Q2931">
        <v>81236.711920000002</v>
      </c>
      <c r="R2931">
        <v>15968.81112</v>
      </c>
      <c r="S2931">
        <v>72533.768259999997</v>
      </c>
      <c r="T2931">
        <v>22304.04766</v>
      </c>
      <c r="U2931">
        <v>14136.641890000001</v>
      </c>
      <c r="W2931" s="83">
        <f>Bühler!N2963</f>
        <v>45414.041666659563</v>
      </c>
      <c r="X2931" s="83">
        <v>43223.041666666664</v>
      </c>
      <c r="Y2931">
        <v>236477.94399999999</v>
      </c>
      <c r="Z2931">
        <v>13321.24632</v>
      </c>
      <c r="AA2931">
        <v>44981.429389999998</v>
      </c>
      <c r="AB2931">
        <v>34885.379500000003</v>
      </c>
      <c r="AC2931">
        <v>35139.270629999999</v>
      </c>
      <c r="AD2931">
        <v>16600.366539999999</v>
      </c>
      <c r="AE2931">
        <v>35179.211669999997</v>
      </c>
      <c r="AF2931">
        <v>46106.617980000003</v>
      </c>
      <c r="AG2931">
        <v>17149.89645</v>
      </c>
      <c r="AH2931">
        <v>293951.44150000002</v>
      </c>
      <c r="AI2931">
        <v>73956.406300000002</v>
      </c>
      <c r="AJ2931">
        <v>21216.796450000002</v>
      </c>
      <c r="AK2931">
        <v>27042.14545</v>
      </c>
      <c r="AL2931">
        <v>81236.711920000002</v>
      </c>
      <c r="AM2931">
        <v>15968.81112</v>
      </c>
      <c r="AN2931">
        <v>72533.768259999997</v>
      </c>
      <c r="AO2931">
        <v>22304.04766</v>
      </c>
      <c r="AP2931">
        <v>14136.641890000001</v>
      </c>
    </row>
    <row r="2932" spans="2:42" x14ac:dyDescent="0.3">
      <c r="B2932">
        <v>58.16476059862606</v>
      </c>
      <c r="C2932" s="83">
        <v>43223.083333333336</v>
      </c>
      <c r="D2932">
        <v>235826.10630000001</v>
      </c>
      <c r="E2932">
        <v>13249.30306</v>
      </c>
      <c r="F2932">
        <v>45965.653160000002</v>
      </c>
      <c r="G2932">
        <v>34361.41618</v>
      </c>
      <c r="H2932">
        <v>34841.711840000004</v>
      </c>
      <c r="I2932">
        <v>15001.50368</v>
      </c>
      <c r="J2932">
        <v>34636.666899999997</v>
      </c>
      <c r="K2932">
        <v>44709.776680000003</v>
      </c>
      <c r="L2932">
        <v>17321.934239999999</v>
      </c>
      <c r="M2932">
        <v>296551.07419999997</v>
      </c>
      <c r="N2932">
        <v>72666.914269999994</v>
      </c>
      <c r="O2932">
        <v>20763.606449999999</v>
      </c>
      <c r="P2932">
        <v>26455.698929999999</v>
      </c>
      <c r="Q2932">
        <v>83648.128859999997</v>
      </c>
      <c r="R2932">
        <v>17119.054609999999</v>
      </c>
      <c r="S2932">
        <v>72471.042140000005</v>
      </c>
      <c r="T2932">
        <v>21579.48547</v>
      </c>
      <c r="U2932">
        <v>14143.506230000001</v>
      </c>
      <c r="W2932" s="83">
        <f>Bühler!N2964</f>
        <v>45414.083333326227</v>
      </c>
      <c r="X2932" s="83">
        <v>43223.083333333336</v>
      </c>
      <c r="Y2932">
        <v>235826.10630000001</v>
      </c>
      <c r="Z2932">
        <v>13249.30306</v>
      </c>
      <c r="AA2932">
        <v>45965.653160000002</v>
      </c>
      <c r="AB2932">
        <v>34361.41618</v>
      </c>
      <c r="AC2932">
        <v>34841.711840000004</v>
      </c>
      <c r="AD2932">
        <v>15001.50368</v>
      </c>
      <c r="AE2932">
        <v>34636.666899999997</v>
      </c>
      <c r="AF2932">
        <v>44709.776680000003</v>
      </c>
      <c r="AG2932">
        <v>17321.934239999999</v>
      </c>
      <c r="AH2932">
        <v>296551.07419999997</v>
      </c>
      <c r="AI2932">
        <v>72666.914269999994</v>
      </c>
      <c r="AJ2932">
        <v>20763.606449999999</v>
      </c>
      <c r="AK2932">
        <v>26455.698929999999</v>
      </c>
      <c r="AL2932">
        <v>83648.128859999997</v>
      </c>
      <c r="AM2932">
        <v>17119.054609999999</v>
      </c>
      <c r="AN2932">
        <v>72471.042140000005</v>
      </c>
      <c r="AO2932">
        <v>21579.48547</v>
      </c>
      <c r="AP2932">
        <v>14143.506230000001</v>
      </c>
    </row>
    <row r="2933" spans="2:42" x14ac:dyDescent="0.3">
      <c r="B2933">
        <v>58.760913832979696</v>
      </c>
      <c r="C2933" s="83">
        <v>43223.125</v>
      </c>
      <c r="D2933">
        <v>237799.68700000001</v>
      </c>
      <c r="E2933">
        <v>13508.0481</v>
      </c>
      <c r="F2933">
        <v>47463.697529999998</v>
      </c>
      <c r="G2933">
        <v>33720.367980000003</v>
      </c>
      <c r="H2933">
        <v>35167.124129999997</v>
      </c>
      <c r="I2933">
        <v>14532.08244</v>
      </c>
      <c r="J2933">
        <v>35235.776749999997</v>
      </c>
      <c r="K2933">
        <v>44404.903330000001</v>
      </c>
      <c r="L2933">
        <v>17254.185649999999</v>
      </c>
      <c r="M2933">
        <v>299590.54139999999</v>
      </c>
      <c r="N2933">
        <v>71043.379660000006</v>
      </c>
      <c r="O2933">
        <v>20638.814480000001</v>
      </c>
      <c r="P2933">
        <v>25880.278569999999</v>
      </c>
      <c r="Q2933">
        <v>86548.304889999999</v>
      </c>
      <c r="R2933">
        <v>16908.199970000001</v>
      </c>
      <c r="S2933">
        <v>71686.921480000005</v>
      </c>
      <c r="T2933">
        <v>21606.97624</v>
      </c>
      <c r="U2933">
        <v>14500.01658</v>
      </c>
      <c r="W2933" s="83">
        <f>Bühler!N2965</f>
        <v>45414.124999992891</v>
      </c>
      <c r="X2933" s="83">
        <v>43223.125</v>
      </c>
      <c r="Y2933">
        <v>237799.68700000001</v>
      </c>
      <c r="Z2933">
        <v>13508.0481</v>
      </c>
      <c r="AA2933">
        <v>47463.697529999998</v>
      </c>
      <c r="AB2933">
        <v>33720.367980000003</v>
      </c>
      <c r="AC2933">
        <v>35167.124129999997</v>
      </c>
      <c r="AD2933">
        <v>14532.08244</v>
      </c>
      <c r="AE2933">
        <v>35235.776749999997</v>
      </c>
      <c r="AF2933">
        <v>44404.903330000001</v>
      </c>
      <c r="AG2933">
        <v>17254.185649999999</v>
      </c>
      <c r="AH2933">
        <v>299590.54139999999</v>
      </c>
      <c r="AI2933">
        <v>71043.379660000006</v>
      </c>
      <c r="AJ2933">
        <v>20638.814480000001</v>
      </c>
      <c r="AK2933">
        <v>25880.278569999999</v>
      </c>
      <c r="AL2933">
        <v>86548.304889999999</v>
      </c>
      <c r="AM2933">
        <v>16908.199970000001</v>
      </c>
      <c r="AN2933">
        <v>71686.921480000005</v>
      </c>
      <c r="AO2933">
        <v>21606.97624</v>
      </c>
      <c r="AP2933">
        <v>14500.01658</v>
      </c>
    </row>
    <row r="2934" spans="2:42" x14ac:dyDescent="0.3">
      <c r="B2934">
        <v>59.897820524370481</v>
      </c>
      <c r="C2934" s="83">
        <v>43223.166666666664</v>
      </c>
      <c r="D2934">
        <v>239421.67629999999</v>
      </c>
      <c r="E2934">
        <v>13941.72725</v>
      </c>
      <c r="F2934">
        <v>51049.544370000003</v>
      </c>
      <c r="G2934">
        <v>33118.79105</v>
      </c>
      <c r="H2934">
        <v>35797.319179999999</v>
      </c>
      <c r="I2934">
        <v>16383.82884</v>
      </c>
      <c r="J2934">
        <v>37639.921679999999</v>
      </c>
      <c r="K2934">
        <v>43931.359349999999</v>
      </c>
      <c r="L2934">
        <v>17146.40972</v>
      </c>
      <c r="M2934">
        <v>305387.02189999999</v>
      </c>
      <c r="N2934">
        <v>69929.042230000006</v>
      </c>
      <c r="O2934">
        <v>20854.83599</v>
      </c>
      <c r="P2934">
        <v>25278.67785</v>
      </c>
      <c r="Q2934">
        <v>89480.044890000005</v>
      </c>
      <c r="R2934">
        <v>16811.073550000001</v>
      </c>
      <c r="S2934">
        <v>72224.231249999997</v>
      </c>
      <c r="T2934">
        <v>21395.775130000002</v>
      </c>
      <c r="U2934">
        <v>15113.78082</v>
      </c>
      <c r="W2934" s="83">
        <f>Bühler!N2966</f>
        <v>45414.166666659556</v>
      </c>
      <c r="X2934" s="83">
        <v>43223.166666666664</v>
      </c>
      <c r="Y2934">
        <v>239421.67629999999</v>
      </c>
      <c r="Z2934">
        <v>13941.72725</v>
      </c>
      <c r="AA2934">
        <v>51049.544370000003</v>
      </c>
      <c r="AB2934">
        <v>33118.79105</v>
      </c>
      <c r="AC2934">
        <v>35797.319179999999</v>
      </c>
      <c r="AD2934">
        <v>16383.82884</v>
      </c>
      <c r="AE2934">
        <v>37639.921679999999</v>
      </c>
      <c r="AF2934">
        <v>43931.359349999999</v>
      </c>
      <c r="AG2934">
        <v>17146.40972</v>
      </c>
      <c r="AH2934">
        <v>305387.02189999999</v>
      </c>
      <c r="AI2934">
        <v>69929.042230000006</v>
      </c>
      <c r="AJ2934">
        <v>20854.83599</v>
      </c>
      <c r="AK2934">
        <v>25278.67785</v>
      </c>
      <c r="AL2934">
        <v>89480.044890000005</v>
      </c>
      <c r="AM2934">
        <v>16811.073550000001</v>
      </c>
      <c r="AN2934">
        <v>72224.231249999997</v>
      </c>
      <c r="AO2934">
        <v>21395.775130000002</v>
      </c>
      <c r="AP2934">
        <v>15113.78082</v>
      </c>
    </row>
    <row r="2935" spans="2:42" x14ac:dyDescent="0.3">
      <c r="B2935">
        <v>62.839443081840848</v>
      </c>
      <c r="C2935" s="83">
        <v>43223.208333333336</v>
      </c>
      <c r="D2935">
        <v>254773.33660000001</v>
      </c>
      <c r="E2935">
        <v>15905.284100000001</v>
      </c>
      <c r="F2935">
        <v>61268.825810000002</v>
      </c>
      <c r="G2935">
        <v>34809.811829999999</v>
      </c>
      <c r="H2935">
        <v>37472.27882</v>
      </c>
      <c r="I2935">
        <v>23973.167030000001</v>
      </c>
      <c r="J2935">
        <v>40465.467770000003</v>
      </c>
      <c r="K2935">
        <v>44100.934260000002</v>
      </c>
      <c r="L2935">
        <v>17851.733260000001</v>
      </c>
      <c r="M2935">
        <v>320384.7855</v>
      </c>
      <c r="N2935">
        <v>70804.833360000004</v>
      </c>
      <c r="O2935">
        <v>21725.204559999998</v>
      </c>
      <c r="P2935">
        <v>26628.605100000001</v>
      </c>
      <c r="Q2935">
        <v>93484.427720000007</v>
      </c>
      <c r="R2935">
        <v>19805.520680000001</v>
      </c>
      <c r="S2935">
        <v>74801.327290000001</v>
      </c>
      <c r="T2935">
        <v>23584.448079999998</v>
      </c>
      <c r="U2935">
        <v>16147.171270000001</v>
      </c>
      <c r="W2935" s="83">
        <f>Bühler!N2967</f>
        <v>45414.20833332622</v>
      </c>
      <c r="X2935" s="83">
        <v>43223.208333333336</v>
      </c>
      <c r="Y2935">
        <v>254773.33660000001</v>
      </c>
      <c r="Z2935">
        <v>15905.284100000001</v>
      </c>
      <c r="AA2935">
        <v>61268.825810000002</v>
      </c>
      <c r="AB2935">
        <v>34809.811829999999</v>
      </c>
      <c r="AC2935">
        <v>37472.27882</v>
      </c>
      <c r="AD2935">
        <v>23973.167030000001</v>
      </c>
      <c r="AE2935">
        <v>40465.467770000003</v>
      </c>
      <c r="AF2935">
        <v>44100.934260000002</v>
      </c>
      <c r="AG2935">
        <v>17851.733260000001</v>
      </c>
      <c r="AH2935">
        <v>320384.7855</v>
      </c>
      <c r="AI2935">
        <v>70804.833360000004</v>
      </c>
      <c r="AJ2935">
        <v>21725.204559999998</v>
      </c>
      <c r="AK2935">
        <v>26628.605100000001</v>
      </c>
      <c r="AL2935">
        <v>93484.427720000007</v>
      </c>
      <c r="AM2935">
        <v>19805.520680000001</v>
      </c>
      <c r="AN2935">
        <v>74801.327290000001</v>
      </c>
      <c r="AO2935">
        <v>23584.448079999998</v>
      </c>
      <c r="AP2935">
        <v>16147.171270000001</v>
      </c>
    </row>
    <row r="2936" spans="2:42" x14ac:dyDescent="0.3">
      <c r="B2936">
        <v>65.721562530012747</v>
      </c>
      <c r="C2936" s="83">
        <v>43223.25</v>
      </c>
      <c r="D2936">
        <v>267992.51990000001</v>
      </c>
      <c r="E2936">
        <v>19805.106100000001</v>
      </c>
      <c r="F2936">
        <v>72333.205409999995</v>
      </c>
      <c r="G2936">
        <v>43013.965750000003</v>
      </c>
      <c r="H2936">
        <v>39923.795080000004</v>
      </c>
      <c r="I2936">
        <v>30240.236570000001</v>
      </c>
      <c r="J2936">
        <v>43994.928030000003</v>
      </c>
      <c r="K2936">
        <v>45827.327799999999</v>
      </c>
      <c r="L2936">
        <v>19281.736710000001</v>
      </c>
      <c r="M2936">
        <v>335079.17450000002</v>
      </c>
      <c r="N2936">
        <v>73773.967980000001</v>
      </c>
      <c r="O2936">
        <v>23693.424849999999</v>
      </c>
      <c r="P2936">
        <v>27526.760480000001</v>
      </c>
      <c r="Q2936">
        <v>94599.506810000006</v>
      </c>
      <c r="R2936">
        <v>17280.511869999998</v>
      </c>
      <c r="S2936">
        <v>82905.565560000003</v>
      </c>
      <c r="T2936">
        <v>25658.562809999999</v>
      </c>
      <c r="U2936">
        <v>18092.278910000001</v>
      </c>
      <c r="W2936" s="83">
        <f>Bühler!N2968</f>
        <v>45414.249999992884</v>
      </c>
      <c r="X2936" s="83">
        <v>43223.25</v>
      </c>
      <c r="Y2936">
        <v>267992.51990000001</v>
      </c>
      <c r="Z2936">
        <v>19805.106100000001</v>
      </c>
      <c r="AA2936">
        <v>72333.205409999995</v>
      </c>
      <c r="AB2936">
        <v>43013.965750000003</v>
      </c>
      <c r="AC2936">
        <v>39923.795080000004</v>
      </c>
      <c r="AD2936">
        <v>30240.236570000001</v>
      </c>
      <c r="AE2936">
        <v>43994.928030000003</v>
      </c>
      <c r="AF2936">
        <v>45827.327799999999</v>
      </c>
      <c r="AG2936">
        <v>19281.736710000001</v>
      </c>
      <c r="AH2936">
        <v>335079.17450000002</v>
      </c>
      <c r="AI2936">
        <v>73773.967980000001</v>
      </c>
      <c r="AJ2936">
        <v>23693.424849999999</v>
      </c>
      <c r="AK2936">
        <v>27526.760480000001</v>
      </c>
      <c r="AL2936">
        <v>94599.506810000006</v>
      </c>
      <c r="AM2936">
        <v>17280.511869999998</v>
      </c>
      <c r="AN2936">
        <v>82905.565560000003</v>
      </c>
      <c r="AO2936">
        <v>25658.562809999999</v>
      </c>
      <c r="AP2936">
        <v>18092.278910000001</v>
      </c>
    </row>
    <row r="2937" spans="2:42" x14ac:dyDescent="0.3">
      <c r="B2937">
        <v>67.453392556493455</v>
      </c>
      <c r="C2937" s="83">
        <v>43223.291666666664</v>
      </c>
      <c r="D2937">
        <v>280962.26610000001</v>
      </c>
      <c r="E2937">
        <v>24395.007870000001</v>
      </c>
      <c r="F2937">
        <v>74804.704039999997</v>
      </c>
      <c r="G2937">
        <v>49525.215020000003</v>
      </c>
      <c r="H2937">
        <v>44136.971060000003</v>
      </c>
      <c r="I2937">
        <v>37006.619359999997</v>
      </c>
      <c r="J2937">
        <v>44347.185080000003</v>
      </c>
      <c r="K2937">
        <v>51025.757490000004</v>
      </c>
      <c r="L2937">
        <v>21956.082289999998</v>
      </c>
      <c r="M2937">
        <v>343908.85159999999</v>
      </c>
      <c r="N2937">
        <v>80589.049480000001</v>
      </c>
      <c r="O2937">
        <v>24756.837729999999</v>
      </c>
      <c r="P2937">
        <v>30498.89071</v>
      </c>
      <c r="Q2937">
        <v>93550.882759999993</v>
      </c>
      <c r="R2937">
        <v>17356.669839999999</v>
      </c>
      <c r="S2937">
        <v>96558.580199999997</v>
      </c>
      <c r="T2937">
        <v>26555.832969999999</v>
      </c>
      <c r="U2937">
        <v>21593.32864</v>
      </c>
      <c r="W2937" s="83">
        <f>Bühler!N2969</f>
        <v>45414.291666659548</v>
      </c>
      <c r="X2937" s="83">
        <v>43223.291666666664</v>
      </c>
      <c r="Y2937">
        <v>280962.26610000001</v>
      </c>
      <c r="Z2937">
        <v>24395.007870000001</v>
      </c>
      <c r="AA2937">
        <v>74804.704039999997</v>
      </c>
      <c r="AB2937">
        <v>49525.215020000003</v>
      </c>
      <c r="AC2937">
        <v>44136.971060000003</v>
      </c>
      <c r="AD2937">
        <v>37006.619359999997</v>
      </c>
      <c r="AE2937">
        <v>44347.185080000003</v>
      </c>
      <c r="AF2937">
        <v>51025.757490000004</v>
      </c>
      <c r="AG2937">
        <v>21956.082289999998</v>
      </c>
      <c r="AH2937">
        <v>343908.85159999999</v>
      </c>
      <c r="AI2937">
        <v>80589.049480000001</v>
      </c>
      <c r="AJ2937">
        <v>24756.837729999999</v>
      </c>
      <c r="AK2937">
        <v>30498.89071</v>
      </c>
      <c r="AL2937">
        <v>93550.882759999993</v>
      </c>
      <c r="AM2937">
        <v>17356.669839999999</v>
      </c>
      <c r="AN2937">
        <v>96558.580199999997</v>
      </c>
      <c r="AO2937">
        <v>26555.832969999999</v>
      </c>
      <c r="AP2937">
        <v>21593.32864</v>
      </c>
    </row>
    <row r="2938" spans="2:42" x14ac:dyDescent="0.3">
      <c r="B2938">
        <v>68.282849772911575</v>
      </c>
      <c r="C2938" s="83">
        <v>43223.333333333336</v>
      </c>
      <c r="D2938">
        <v>287515.16960000002</v>
      </c>
      <c r="E2938">
        <v>29813.784449999999</v>
      </c>
      <c r="F2938">
        <v>80519.111629999999</v>
      </c>
      <c r="G2938">
        <v>59568.04032</v>
      </c>
      <c r="H2938">
        <v>48340.276980000002</v>
      </c>
      <c r="I2938">
        <v>39287.906239999997</v>
      </c>
      <c r="J2938">
        <v>45441.780480000001</v>
      </c>
      <c r="K2938">
        <v>56393.876880000003</v>
      </c>
      <c r="L2938">
        <v>25224.158289999999</v>
      </c>
      <c r="M2938">
        <v>348137.8113</v>
      </c>
      <c r="N2938">
        <v>88250.735339999999</v>
      </c>
      <c r="O2938">
        <v>25941.49136</v>
      </c>
      <c r="P2938">
        <v>32619.523270000002</v>
      </c>
      <c r="Q2938">
        <v>93856.993140000006</v>
      </c>
      <c r="R2938">
        <v>19606.049050000001</v>
      </c>
      <c r="S2938">
        <v>107592.47900000001</v>
      </c>
      <c r="T2938">
        <v>30138.184260000002</v>
      </c>
      <c r="U2938">
        <v>24419.255570000001</v>
      </c>
      <c r="W2938" s="83">
        <f>Bühler!N2970</f>
        <v>45414.333333326213</v>
      </c>
      <c r="X2938" s="83">
        <v>43223.333333333336</v>
      </c>
      <c r="Y2938">
        <v>287515.16960000002</v>
      </c>
      <c r="Z2938">
        <v>29813.784449999999</v>
      </c>
      <c r="AA2938">
        <v>80519.111629999999</v>
      </c>
      <c r="AB2938">
        <v>59568.04032</v>
      </c>
      <c r="AC2938">
        <v>48340.276980000002</v>
      </c>
      <c r="AD2938">
        <v>39287.906239999997</v>
      </c>
      <c r="AE2938">
        <v>45441.780480000001</v>
      </c>
      <c r="AF2938">
        <v>56393.876880000003</v>
      </c>
      <c r="AG2938">
        <v>25224.158289999999</v>
      </c>
      <c r="AH2938">
        <v>348137.8113</v>
      </c>
      <c r="AI2938">
        <v>88250.735339999999</v>
      </c>
      <c r="AJ2938">
        <v>25941.49136</v>
      </c>
      <c r="AK2938">
        <v>32619.523270000002</v>
      </c>
      <c r="AL2938">
        <v>93856.993140000006</v>
      </c>
      <c r="AM2938">
        <v>19606.049050000001</v>
      </c>
      <c r="AN2938">
        <v>107592.47900000001</v>
      </c>
      <c r="AO2938">
        <v>30138.184260000002</v>
      </c>
      <c r="AP2938">
        <v>24419.255570000001</v>
      </c>
    </row>
    <row r="2939" spans="2:42" x14ac:dyDescent="0.3">
      <c r="B2939">
        <v>67.911290313077359</v>
      </c>
      <c r="C2939" s="83">
        <v>43223.375</v>
      </c>
      <c r="D2939">
        <v>287287.36009999999</v>
      </c>
      <c r="E2939">
        <v>33343.174639999997</v>
      </c>
      <c r="F2939">
        <v>87495.865579999998</v>
      </c>
      <c r="G2939">
        <v>66549.635519999996</v>
      </c>
      <c r="H2939">
        <v>50525.240919999997</v>
      </c>
      <c r="I2939">
        <v>38030.448629999999</v>
      </c>
      <c r="J2939">
        <v>46849.653339999997</v>
      </c>
      <c r="K2939">
        <v>58787.734859999997</v>
      </c>
      <c r="L2939">
        <v>28050.261299999998</v>
      </c>
      <c r="M2939">
        <v>346243.42790000001</v>
      </c>
      <c r="N2939">
        <v>91098.995559999996</v>
      </c>
      <c r="O2939">
        <v>27033.27824</v>
      </c>
      <c r="P2939">
        <v>34838.248010000003</v>
      </c>
      <c r="Q2939">
        <v>94971.667820000002</v>
      </c>
      <c r="R2939">
        <v>21532.119149999999</v>
      </c>
      <c r="S2939">
        <v>112754.2513</v>
      </c>
      <c r="T2939">
        <v>32281.138910000001</v>
      </c>
      <c r="U2939">
        <v>24969.876260000001</v>
      </c>
      <c r="W2939" s="83">
        <f>Bühler!N2971</f>
        <v>45414.374999992877</v>
      </c>
      <c r="X2939" s="83">
        <v>43223.375</v>
      </c>
      <c r="Y2939">
        <v>287287.36009999999</v>
      </c>
      <c r="Z2939">
        <v>33343.174639999997</v>
      </c>
      <c r="AA2939">
        <v>87495.865579999998</v>
      </c>
      <c r="AB2939">
        <v>66549.635519999996</v>
      </c>
      <c r="AC2939">
        <v>50525.240919999997</v>
      </c>
      <c r="AD2939">
        <v>38030.448629999999</v>
      </c>
      <c r="AE2939">
        <v>46849.653339999997</v>
      </c>
      <c r="AF2939">
        <v>58787.734859999997</v>
      </c>
      <c r="AG2939">
        <v>28050.261299999998</v>
      </c>
      <c r="AH2939">
        <v>346243.42790000001</v>
      </c>
      <c r="AI2939">
        <v>91098.995559999996</v>
      </c>
      <c r="AJ2939">
        <v>27033.27824</v>
      </c>
      <c r="AK2939">
        <v>34838.248010000003</v>
      </c>
      <c r="AL2939">
        <v>94971.667820000002</v>
      </c>
      <c r="AM2939">
        <v>21532.119149999999</v>
      </c>
      <c r="AN2939">
        <v>112754.2513</v>
      </c>
      <c r="AO2939">
        <v>32281.138910000001</v>
      </c>
      <c r="AP2939">
        <v>24969.876260000001</v>
      </c>
    </row>
    <row r="2940" spans="2:42" x14ac:dyDescent="0.3">
      <c r="B2940">
        <v>68.358789315125264</v>
      </c>
      <c r="C2940" s="83">
        <v>43223.416666666664</v>
      </c>
      <c r="D2940">
        <v>289554.272</v>
      </c>
      <c r="E2940">
        <v>34528.780030000002</v>
      </c>
      <c r="F2940">
        <v>88995.103860000003</v>
      </c>
      <c r="G2940">
        <v>67934.439610000001</v>
      </c>
      <c r="H2940">
        <v>50663.941729999999</v>
      </c>
      <c r="I2940">
        <v>35871.69081</v>
      </c>
      <c r="J2940">
        <v>45991.319909999998</v>
      </c>
      <c r="K2940">
        <v>60196.194309999999</v>
      </c>
      <c r="L2940">
        <v>31154.555810000002</v>
      </c>
      <c r="M2940">
        <v>348524.9865</v>
      </c>
      <c r="N2940">
        <v>95454.243459999998</v>
      </c>
      <c r="O2940">
        <v>27181.369159999998</v>
      </c>
      <c r="P2940">
        <v>35527.102930000001</v>
      </c>
      <c r="Q2940">
        <v>95072.905069999993</v>
      </c>
      <c r="R2940">
        <v>21091.69757</v>
      </c>
      <c r="S2940">
        <v>113176.92389999999</v>
      </c>
      <c r="T2940">
        <v>34318.154459999998</v>
      </c>
      <c r="U2940">
        <v>24487.029879999998</v>
      </c>
      <c r="W2940" s="83">
        <f>Bühler!N2972</f>
        <v>45414.416666659541</v>
      </c>
      <c r="X2940" s="83">
        <v>43223.416666666664</v>
      </c>
      <c r="Y2940">
        <v>289554.272</v>
      </c>
      <c r="Z2940">
        <v>34528.780030000002</v>
      </c>
      <c r="AA2940">
        <v>88995.103860000003</v>
      </c>
      <c r="AB2940">
        <v>67934.439610000001</v>
      </c>
      <c r="AC2940">
        <v>50663.941729999999</v>
      </c>
      <c r="AD2940">
        <v>35871.69081</v>
      </c>
      <c r="AE2940">
        <v>45991.319909999998</v>
      </c>
      <c r="AF2940">
        <v>60196.194309999999</v>
      </c>
      <c r="AG2940">
        <v>31154.555810000002</v>
      </c>
      <c r="AH2940">
        <v>348524.9865</v>
      </c>
      <c r="AI2940">
        <v>95454.243459999998</v>
      </c>
      <c r="AJ2940">
        <v>27181.369159999998</v>
      </c>
      <c r="AK2940">
        <v>35527.102930000001</v>
      </c>
      <c r="AL2940">
        <v>95072.905069999993</v>
      </c>
      <c r="AM2940">
        <v>21091.69757</v>
      </c>
      <c r="AN2940">
        <v>113176.92389999999</v>
      </c>
      <c r="AO2940">
        <v>34318.154459999998</v>
      </c>
      <c r="AP2940">
        <v>24487.029879999998</v>
      </c>
    </row>
    <row r="2941" spans="2:42" x14ac:dyDescent="0.3">
      <c r="B2941">
        <v>68.589219276059239</v>
      </c>
      <c r="C2941" s="83">
        <v>43223.458333333336</v>
      </c>
      <c r="D2941">
        <v>287360.7648</v>
      </c>
      <c r="E2941">
        <v>34491.482539999997</v>
      </c>
      <c r="F2941">
        <v>89537.91936</v>
      </c>
      <c r="G2941">
        <v>66480.003710000005</v>
      </c>
      <c r="H2941">
        <v>50489.490330000001</v>
      </c>
      <c r="I2941">
        <v>35209.45491</v>
      </c>
      <c r="J2941">
        <v>45664.69788</v>
      </c>
      <c r="K2941">
        <v>60800.415249999998</v>
      </c>
      <c r="L2941">
        <v>32532.576499999999</v>
      </c>
      <c r="M2941">
        <v>349699.8259</v>
      </c>
      <c r="N2941">
        <v>94054.449059999999</v>
      </c>
      <c r="O2941">
        <v>26307.01555</v>
      </c>
      <c r="P2941">
        <v>34749.831420000002</v>
      </c>
      <c r="Q2941">
        <v>94222.305840000001</v>
      </c>
      <c r="R2941">
        <v>23098.043310000001</v>
      </c>
      <c r="S2941">
        <v>116251.54029999999</v>
      </c>
      <c r="T2941">
        <v>34706.49323</v>
      </c>
      <c r="U2941">
        <v>22585.618470000001</v>
      </c>
      <c r="W2941" s="83">
        <f>Bühler!N2973</f>
        <v>45414.458333326205</v>
      </c>
      <c r="X2941" s="83">
        <v>43223.458333333336</v>
      </c>
      <c r="Y2941">
        <v>287360.7648</v>
      </c>
      <c r="Z2941">
        <v>34491.482539999997</v>
      </c>
      <c r="AA2941">
        <v>89537.91936</v>
      </c>
      <c r="AB2941">
        <v>66480.003710000005</v>
      </c>
      <c r="AC2941">
        <v>50489.490330000001</v>
      </c>
      <c r="AD2941">
        <v>35209.45491</v>
      </c>
      <c r="AE2941">
        <v>45664.69788</v>
      </c>
      <c r="AF2941">
        <v>60800.415249999998</v>
      </c>
      <c r="AG2941">
        <v>32532.576499999999</v>
      </c>
      <c r="AH2941">
        <v>349699.8259</v>
      </c>
      <c r="AI2941">
        <v>94054.449059999999</v>
      </c>
      <c r="AJ2941">
        <v>26307.01555</v>
      </c>
      <c r="AK2941">
        <v>34749.831420000002</v>
      </c>
      <c r="AL2941">
        <v>94222.305840000001</v>
      </c>
      <c r="AM2941">
        <v>23098.043310000001</v>
      </c>
      <c r="AN2941">
        <v>116251.54029999999</v>
      </c>
      <c r="AO2941">
        <v>34706.49323</v>
      </c>
      <c r="AP2941">
        <v>22585.618470000001</v>
      </c>
    </row>
    <row r="2942" spans="2:42" x14ac:dyDescent="0.3">
      <c r="B2942">
        <v>67.80544456186405</v>
      </c>
      <c r="C2942" s="83">
        <v>43223.5</v>
      </c>
      <c r="D2942">
        <v>274793.21799999999</v>
      </c>
      <c r="E2942">
        <v>31477.325919999999</v>
      </c>
      <c r="F2942">
        <v>88609.487770000007</v>
      </c>
      <c r="G2942">
        <v>65025.496890000002</v>
      </c>
      <c r="H2942">
        <v>48402.0268</v>
      </c>
      <c r="I2942">
        <v>33942.693339999998</v>
      </c>
      <c r="J2942">
        <v>45646.835149999999</v>
      </c>
      <c r="K2942">
        <v>56634.881050000004</v>
      </c>
      <c r="L2942">
        <v>34611.200129999997</v>
      </c>
      <c r="M2942">
        <v>345703.7769</v>
      </c>
      <c r="N2942">
        <v>91483.837060000005</v>
      </c>
      <c r="O2942">
        <v>25640.829860000002</v>
      </c>
      <c r="P2942">
        <v>35186.878810000002</v>
      </c>
      <c r="Q2942">
        <v>92884.045060000004</v>
      </c>
      <c r="R2942">
        <v>23066.0383</v>
      </c>
      <c r="S2942">
        <v>110711.2043</v>
      </c>
      <c r="T2942">
        <v>34254.793060000004</v>
      </c>
      <c r="U2942">
        <v>19861.758870000001</v>
      </c>
      <c r="W2942" s="83">
        <f>Bühler!N2974</f>
        <v>45414.49999999287</v>
      </c>
      <c r="X2942" s="83">
        <v>43223.5</v>
      </c>
      <c r="Y2942">
        <v>274793.21799999999</v>
      </c>
      <c r="Z2942">
        <v>31477.325919999999</v>
      </c>
      <c r="AA2942">
        <v>88609.487770000007</v>
      </c>
      <c r="AB2942">
        <v>65025.496890000002</v>
      </c>
      <c r="AC2942">
        <v>48402.0268</v>
      </c>
      <c r="AD2942">
        <v>33942.693339999998</v>
      </c>
      <c r="AE2942">
        <v>45646.835149999999</v>
      </c>
      <c r="AF2942">
        <v>56634.881050000004</v>
      </c>
      <c r="AG2942">
        <v>34611.200129999997</v>
      </c>
      <c r="AH2942">
        <v>345703.7769</v>
      </c>
      <c r="AI2942">
        <v>91483.837060000005</v>
      </c>
      <c r="AJ2942">
        <v>25640.829860000002</v>
      </c>
      <c r="AK2942">
        <v>35186.878810000002</v>
      </c>
      <c r="AL2942">
        <v>92884.045060000004</v>
      </c>
      <c r="AM2942">
        <v>23066.0383</v>
      </c>
      <c r="AN2942">
        <v>110711.2043</v>
      </c>
      <c r="AO2942">
        <v>34254.793060000004</v>
      </c>
      <c r="AP2942">
        <v>19861.758870000001</v>
      </c>
    </row>
    <row r="2943" spans="2:42" x14ac:dyDescent="0.3">
      <c r="B2943">
        <v>66.938650392089286</v>
      </c>
      <c r="C2943" s="83">
        <v>43223.541666666664</v>
      </c>
      <c r="D2943">
        <v>275932.41580000002</v>
      </c>
      <c r="E2943">
        <v>30974.467820000002</v>
      </c>
      <c r="F2943">
        <v>87408.005680000002</v>
      </c>
      <c r="G2943">
        <v>63841.715680000001</v>
      </c>
      <c r="H2943">
        <v>48612.610540000001</v>
      </c>
      <c r="I2943">
        <v>33792.301379999997</v>
      </c>
      <c r="J2943">
        <v>44639.658589999999</v>
      </c>
      <c r="K2943">
        <v>58891.35972</v>
      </c>
      <c r="L2943">
        <v>33400.115279999998</v>
      </c>
      <c r="M2943">
        <v>341284.45600000001</v>
      </c>
      <c r="N2943">
        <v>91188.944629999998</v>
      </c>
      <c r="O2943">
        <v>25861.367030000001</v>
      </c>
      <c r="P2943">
        <v>34756.400739999997</v>
      </c>
      <c r="Q2943">
        <v>90609.184070000003</v>
      </c>
      <c r="R2943">
        <v>22244.885549999999</v>
      </c>
      <c r="S2943">
        <v>108709.159</v>
      </c>
      <c r="T2943">
        <v>33227.705529999999</v>
      </c>
      <c r="U2943">
        <v>21492.44353</v>
      </c>
      <c r="W2943" s="83">
        <f>Bühler!N2975</f>
        <v>45414.541666659534</v>
      </c>
      <c r="X2943" s="83">
        <v>43223.541666666664</v>
      </c>
      <c r="Y2943">
        <v>275932.41580000002</v>
      </c>
      <c r="Z2943">
        <v>30974.467820000002</v>
      </c>
      <c r="AA2943">
        <v>87408.005680000002</v>
      </c>
      <c r="AB2943">
        <v>63841.715680000001</v>
      </c>
      <c r="AC2943">
        <v>48612.610540000001</v>
      </c>
      <c r="AD2943">
        <v>33792.301379999997</v>
      </c>
      <c r="AE2943">
        <v>44639.658589999999</v>
      </c>
      <c r="AF2943">
        <v>58891.35972</v>
      </c>
      <c r="AG2943">
        <v>33400.115279999998</v>
      </c>
      <c r="AH2943">
        <v>341284.45600000001</v>
      </c>
      <c r="AI2943">
        <v>91188.944629999998</v>
      </c>
      <c r="AJ2943">
        <v>25861.367030000001</v>
      </c>
      <c r="AK2943">
        <v>34756.400739999997</v>
      </c>
      <c r="AL2943">
        <v>90609.184070000003</v>
      </c>
      <c r="AM2943">
        <v>22244.885549999999</v>
      </c>
      <c r="AN2943">
        <v>108709.159</v>
      </c>
      <c r="AO2943">
        <v>33227.705529999999</v>
      </c>
      <c r="AP2943">
        <v>21492.44353</v>
      </c>
    </row>
    <row r="2944" spans="2:42" x14ac:dyDescent="0.3">
      <c r="B2944">
        <v>66.37338744697891</v>
      </c>
      <c r="C2944" s="83">
        <v>43223.583333333336</v>
      </c>
      <c r="D2944">
        <v>277208.63449999999</v>
      </c>
      <c r="E2944">
        <v>33454.412190000003</v>
      </c>
      <c r="F2944">
        <v>89810.5386</v>
      </c>
      <c r="G2944">
        <v>60734.268199999999</v>
      </c>
      <c r="H2944">
        <v>48415.696360000002</v>
      </c>
      <c r="I2944">
        <v>34306.452770000004</v>
      </c>
      <c r="J2944">
        <v>43584.731549999997</v>
      </c>
      <c r="K2944">
        <v>60537.884720000002</v>
      </c>
      <c r="L2944">
        <v>30858.401860000002</v>
      </c>
      <c r="M2944">
        <v>338402.48190000001</v>
      </c>
      <c r="N2944">
        <v>89876.923890000005</v>
      </c>
      <c r="O2944">
        <v>25864.13421</v>
      </c>
      <c r="P2944">
        <v>31010.73155</v>
      </c>
      <c r="Q2944">
        <v>88692.609559999997</v>
      </c>
      <c r="R2944">
        <v>22057.443309999999</v>
      </c>
      <c r="S2944">
        <v>104995.60340000001</v>
      </c>
      <c r="T2944">
        <v>31762.645479999999</v>
      </c>
      <c r="U2944">
        <v>21910.166219999999</v>
      </c>
      <c r="W2944" s="83">
        <f>Bühler!N2976</f>
        <v>45414.583333326198</v>
      </c>
      <c r="X2944" s="83">
        <v>43223.583333333336</v>
      </c>
      <c r="Y2944">
        <v>277208.63449999999</v>
      </c>
      <c r="Z2944">
        <v>33454.412190000003</v>
      </c>
      <c r="AA2944">
        <v>89810.5386</v>
      </c>
      <c r="AB2944">
        <v>60734.268199999999</v>
      </c>
      <c r="AC2944">
        <v>48415.696360000002</v>
      </c>
      <c r="AD2944">
        <v>34306.452770000004</v>
      </c>
      <c r="AE2944">
        <v>43584.731549999997</v>
      </c>
      <c r="AF2944">
        <v>60537.884720000002</v>
      </c>
      <c r="AG2944">
        <v>30858.401860000002</v>
      </c>
      <c r="AH2944">
        <v>338402.48190000001</v>
      </c>
      <c r="AI2944">
        <v>89876.923890000005</v>
      </c>
      <c r="AJ2944">
        <v>25864.13421</v>
      </c>
      <c r="AK2944">
        <v>31010.73155</v>
      </c>
      <c r="AL2944">
        <v>88692.609559999997</v>
      </c>
      <c r="AM2944">
        <v>22057.443309999999</v>
      </c>
      <c r="AN2944">
        <v>104995.60340000001</v>
      </c>
      <c r="AO2944">
        <v>31762.645479999999</v>
      </c>
      <c r="AP2944">
        <v>21910.166219999999</v>
      </c>
    </row>
    <row r="2945" spans="2:42" x14ac:dyDescent="0.3">
      <c r="B2945">
        <v>65.838208274068364</v>
      </c>
      <c r="C2945" s="83">
        <v>43223.625</v>
      </c>
      <c r="D2945">
        <v>275457.51179999998</v>
      </c>
      <c r="E2945">
        <v>32934.799379999997</v>
      </c>
      <c r="F2945">
        <v>90585.851630000005</v>
      </c>
      <c r="G2945">
        <v>58765.608229999998</v>
      </c>
      <c r="H2945">
        <v>47275.338080000001</v>
      </c>
      <c r="I2945">
        <v>34031.79234</v>
      </c>
      <c r="J2945">
        <v>42645.539040000003</v>
      </c>
      <c r="K2945">
        <v>58910.193140000003</v>
      </c>
      <c r="L2945">
        <v>28422.51886</v>
      </c>
      <c r="M2945">
        <v>335673.88890000002</v>
      </c>
      <c r="N2945">
        <v>86847.592720000001</v>
      </c>
      <c r="O2945">
        <v>24962.401010000001</v>
      </c>
      <c r="P2945">
        <v>29154.936450000001</v>
      </c>
      <c r="Q2945">
        <v>86748.438479999997</v>
      </c>
      <c r="R2945">
        <v>22038.05976</v>
      </c>
      <c r="S2945">
        <v>102805.6269</v>
      </c>
      <c r="T2945">
        <v>30937.022529999998</v>
      </c>
      <c r="U2945">
        <v>21115.53556</v>
      </c>
      <c r="W2945" s="83">
        <f>Bühler!N2977</f>
        <v>45414.624999992862</v>
      </c>
      <c r="X2945" s="83">
        <v>43223.625</v>
      </c>
      <c r="Y2945">
        <v>275457.51179999998</v>
      </c>
      <c r="Z2945">
        <v>32934.799379999997</v>
      </c>
      <c r="AA2945">
        <v>90585.851630000005</v>
      </c>
      <c r="AB2945">
        <v>58765.608229999998</v>
      </c>
      <c r="AC2945">
        <v>47275.338080000001</v>
      </c>
      <c r="AD2945">
        <v>34031.79234</v>
      </c>
      <c r="AE2945">
        <v>42645.539040000003</v>
      </c>
      <c r="AF2945">
        <v>58910.193140000003</v>
      </c>
      <c r="AG2945">
        <v>28422.51886</v>
      </c>
      <c r="AH2945">
        <v>335673.88890000002</v>
      </c>
      <c r="AI2945">
        <v>86847.592720000001</v>
      </c>
      <c r="AJ2945">
        <v>24962.401010000001</v>
      </c>
      <c r="AK2945">
        <v>29154.936450000001</v>
      </c>
      <c r="AL2945">
        <v>86748.438479999997</v>
      </c>
      <c r="AM2945">
        <v>22038.05976</v>
      </c>
      <c r="AN2945">
        <v>102805.6269</v>
      </c>
      <c r="AO2945">
        <v>30937.022529999998</v>
      </c>
      <c r="AP2945">
        <v>21115.53556</v>
      </c>
    </row>
    <row r="2946" spans="2:42" x14ac:dyDescent="0.3">
      <c r="B2946">
        <v>64.23865767335343</v>
      </c>
      <c r="C2946" s="83">
        <v>43223.666666666664</v>
      </c>
      <c r="D2946">
        <v>265411.80009999999</v>
      </c>
      <c r="E2946">
        <v>31887.191930000001</v>
      </c>
      <c r="F2946">
        <v>89039.238710000005</v>
      </c>
      <c r="G2946">
        <v>54790.70276</v>
      </c>
      <c r="H2946">
        <v>45245.790050000003</v>
      </c>
      <c r="I2946">
        <v>35142.494480000001</v>
      </c>
      <c r="J2946">
        <v>41666.234669999998</v>
      </c>
      <c r="K2946">
        <v>54177.465550000001</v>
      </c>
      <c r="L2946">
        <v>27599.364450000001</v>
      </c>
      <c r="M2946">
        <v>327518.63400000002</v>
      </c>
      <c r="N2946">
        <v>84341.561079999999</v>
      </c>
      <c r="O2946">
        <v>24800.688859999998</v>
      </c>
      <c r="P2946">
        <v>28037.759689999999</v>
      </c>
      <c r="Q2946">
        <v>84404.456879999998</v>
      </c>
      <c r="R2946">
        <v>21389.04552</v>
      </c>
      <c r="S2946">
        <v>99439.901199999993</v>
      </c>
      <c r="T2946">
        <v>30268.877939999998</v>
      </c>
      <c r="U2946">
        <v>18474.242470000001</v>
      </c>
      <c r="W2946" s="83">
        <f>Bühler!N2978</f>
        <v>45414.666666659527</v>
      </c>
      <c r="X2946" s="83">
        <v>43223.666666666664</v>
      </c>
      <c r="Y2946">
        <v>265411.80009999999</v>
      </c>
      <c r="Z2946">
        <v>31887.191930000001</v>
      </c>
      <c r="AA2946">
        <v>89039.238710000005</v>
      </c>
      <c r="AB2946">
        <v>54790.70276</v>
      </c>
      <c r="AC2946">
        <v>45245.790050000003</v>
      </c>
      <c r="AD2946">
        <v>35142.494480000001</v>
      </c>
      <c r="AE2946">
        <v>41666.234669999998</v>
      </c>
      <c r="AF2946">
        <v>54177.465550000001</v>
      </c>
      <c r="AG2946">
        <v>27599.364450000001</v>
      </c>
      <c r="AH2946">
        <v>327518.63400000002</v>
      </c>
      <c r="AI2946">
        <v>84341.561079999999</v>
      </c>
      <c r="AJ2946">
        <v>24800.688859999998</v>
      </c>
      <c r="AK2946">
        <v>28037.759689999999</v>
      </c>
      <c r="AL2946">
        <v>84404.456879999998</v>
      </c>
      <c r="AM2946">
        <v>21389.04552</v>
      </c>
      <c r="AN2946">
        <v>99439.901199999993</v>
      </c>
      <c r="AO2946">
        <v>30268.877939999998</v>
      </c>
      <c r="AP2946">
        <v>18474.242470000001</v>
      </c>
    </row>
    <row r="2947" spans="2:42" x14ac:dyDescent="0.3">
      <c r="B2947">
        <v>62.53797603333809</v>
      </c>
      <c r="C2947" s="83">
        <v>43223.708333333336</v>
      </c>
      <c r="D2947">
        <v>253417.2132</v>
      </c>
      <c r="E2947">
        <v>29697.48387</v>
      </c>
      <c r="F2947">
        <v>87409.780790000004</v>
      </c>
      <c r="G2947">
        <v>48559.716679999998</v>
      </c>
      <c r="H2947">
        <v>42812.493419999999</v>
      </c>
      <c r="I2947">
        <v>34749.501109999997</v>
      </c>
      <c r="J2947">
        <v>40924.914969999998</v>
      </c>
      <c r="K2947">
        <v>50810.993750000001</v>
      </c>
      <c r="L2947">
        <v>27489.47884</v>
      </c>
      <c r="M2947">
        <v>318847.7659</v>
      </c>
      <c r="N2947">
        <v>80869.828070000003</v>
      </c>
      <c r="O2947">
        <v>23715.94714</v>
      </c>
      <c r="P2947">
        <v>29224.11393</v>
      </c>
      <c r="Q2947">
        <v>80350.366469999994</v>
      </c>
      <c r="R2947">
        <v>21572.787260000001</v>
      </c>
      <c r="S2947">
        <v>95632.604000000007</v>
      </c>
      <c r="T2947">
        <v>29633.570199999998</v>
      </c>
      <c r="U2947">
        <v>16681.65439</v>
      </c>
      <c r="W2947" s="83">
        <f>Bühler!N2979</f>
        <v>45414.708333326191</v>
      </c>
      <c r="X2947" s="83">
        <v>43223.708333333336</v>
      </c>
      <c r="Y2947">
        <v>253417.2132</v>
      </c>
      <c r="Z2947">
        <v>29697.48387</v>
      </c>
      <c r="AA2947">
        <v>87409.780790000004</v>
      </c>
      <c r="AB2947">
        <v>48559.716679999998</v>
      </c>
      <c r="AC2947">
        <v>42812.493419999999</v>
      </c>
      <c r="AD2947">
        <v>34749.501109999997</v>
      </c>
      <c r="AE2947">
        <v>40924.914969999998</v>
      </c>
      <c r="AF2947">
        <v>50810.993750000001</v>
      </c>
      <c r="AG2947">
        <v>27489.47884</v>
      </c>
      <c r="AH2947">
        <v>318847.7659</v>
      </c>
      <c r="AI2947">
        <v>80869.828070000003</v>
      </c>
      <c r="AJ2947">
        <v>23715.94714</v>
      </c>
      <c r="AK2947">
        <v>29224.11393</v>
      </c>
      <c r="AL2947">
        <v>80350.366469999994</v>
      </c>
      <c r="AM2947">
        <v>21572.787260000001</v>
      </c>
      <c r="AN2947">
        <v>95632.604000000007</v>
      </c>
      <c r="AO2947">
        <v>29633.570199999998</v>
      </c>
      <c r="AP2947">
        <v>16681.65439</v>
      </c>
    </row>
    <row r="2948" spans="2:42" x14ac:dyDescent="0.3">
      <c r="B2948">
        <v>60.555698281137914</v>
      </c>
      <c r="C2948" s="83">
        <v>43223.75</v>
      </c>
      <c r="D2948">
        <v>245733.3689</v>
      </c>
      <c r="E2948">
        <v>27451.904129999999</v>
      </c>
      <c r="F2948">
        <v>84649.237710000001</v>
      </c>
      <c r="G2948">
        <v>42725.296970000003</v>
      </c>
      <c r="H2948">
        <v>40887.713459999999</v>
      </c>
      <c r="I2948">
        <v>33349.99566</v>
      </c>
      <c r="J2948">
        <v>41199.365270000002</v>
      </c>
      <c r="K2948">
        <v>49196.956729999998</v>
      </c>
      <c r="L2948">
        <v>28001.519520000002</v>
      </c>
      <c r="M2948">
        <v>308741.18949999998</v>
      </c>
      <c r="N2948">
        <v>81139.182320000007</v>
      </c>
      <c r="O2948">
        <v>22210.09116</v>
      </c>
      <c r="P2948">
        <v>31790.07142</v>
      </c>
      <c r="Q2948">
        <v>77260.308300000004</v>
      </c>
      <c r="R2948">
        <v>20107.475989999999</v>
      </c>
      <c r="S2948">
        <v>89563.876569999993</v>
      </c>
      <c r="T2948">
        <v>30237.77664</v>
      </c>
      <c r="U2948">
        <v>15746.136829999999</v>
      </c>
      <c r="W2948" s="83">
        <f>Bühler!N2980</f>
        <v>45414.749999992855</v>
      </c>
      <c r="X2948" s="83">
        <v>43223.75</v>
      </c>
      <c r="Y2948">
        <v>245733.3689</v>
      </c>
      <c r="Z2948">
        <v>27451.904129999999</v>
      </c>
      <c r="AA2948">
        <v>84649.237710000001</v>
      </c>
      <c r="AB2948">
        <v>42725.296970000003</v>
      </c>
      <c r="AC2948">
        <v>40887.713459999999</v>
      </c>
      <c r="AD2948">
        <v>33349.99566</v>
      </c>
      <c r="AE2948">
        <v>41199.365270000002</v>
      </c>
      <c r="AF2948">
        <v>49196.956729999998</v>
      </c>
      <c r="AG2948">
        <v>28001.519520000002</v>
      </c>
      <c r="AH2948">
        <v>308741.18949999998</v>
      </c>
      <c r="AI2948">
        <v>81139.182320000007</v>
      </c>
      <c r="AJ2948">
        <v>22210.09116</v>
      </c>
      <c r="AK2948">
        <v>31790.07142</v>
      </c>
      <c r="AL2948">
        <v>77260.308300000004</v>
      </c>
      <c r="AM2948">
        <v>20107.475989999999</v>
      </c>
      <c r="AN2948">
        <v>89563.876569999993</v>
      </c>
      <c r="AO2948">
        <v>30237.77664</v>
      </c>
      <c r="AP2948">
        <v>15746.136829999999</v>
      </c>
    </row>
    <row r="2949" spans="2:42" x14ac:dyDescent="0.3">
      <c r="B2949">
        <v>58.76947456420212</v>
      </c>
      <c r="C2949" s="83">
        <v>43223.791666666664</v>
      </c>
      <c r="D2949">
        <v>237092.24179999999</v>
      </c>
      <c r="E2949">
        <v>22342.616300000002</v>
      </c>
      <c r="F2949">
        <v>74148.277010000005</v>
      </c>
      <c r="G2949">
        <v>39448.332860000002</v>
      </c>
      <c r="H2949">
        <v>38654.153559999999</v>
      </c>
      <c r="I2949">
        <v>31822.497070000001</v>
      </c>
      <c r="J2949">
        <v>41099.67355</v>
      </c>
      <c r="K2949">
        <v>48429.598230000003</v>
      </c>
      <c r="L2949">
        <v>28882.69369</v>
      </c>
      <c r="M2949">
        <v>299634.18800000002</v>
      </c>
      <c r="N2949">
        <v>78060.461840000004</v>
      </c>
      <c r="O2949">
        <v>21627.509290000002</v>
      </c>
      <c r="P2949">
        <v>33752.22337</v>
      </c>
      <c r="Q2949">
        <v>72694.010620000001</v>
      </c>
      <c r="R2949">
        <v>19325.638770000001</v>
      </c>
      <c r="S2949">
        <v>85733.787930000006</v>
      </c>
      <c r="T2949">
        <v>29506.02</v>
      </c>
      <c r="U2949">
        <v>14982.31653</v>
      </c>
      <c r="W2949" s="83">
        <f>Bühler!N2981</f>
        <v>45414.791666659519</v>
      </c>
      <c r="X2949" s="83">
        <v>43223.791666666664</v>
      </c>
      <c r="Y2949">
        <v>237092.24179999999</v>
      </c>
      <c r="Z2949">
        <v>22342.616300000002</v>
      </c>
      <c r="AA2949">
        <v>74148.277010000005</v>
      </c>
      <c r="AB2949">
        <v>39448.332860000002</v>
      </c>
      <c r="AC2949">
        <v>38654.153559999999</v>
      </c>
      <c r="AD2949">
        <v>31822.497070000001</v>
      </c>
      <c r="AE2949">
        <v>41099.67355</v>
      </c>
      <c r="AF2949">
        <v>48429.598230000003</v>
      </c>
      <c r="AG2949">
        <v>28882.69369</v>
      </c>
      <c r="AH2949">
        <v>299634.18800000002</v>
      </c>
      <c r="AI2949">
        <v>78060.461840000004</v>
      </c>
      <c r="AJ2949">
        <v>21627.509290000002</v>
      </c>
      <c r="AK2949">
        <v>33752.22337</v>
      </c>
      <c r="AL2949">
        <v>72694.010620000001</v>
      </c>
      <c r="AM2949">
        <v>19325.638770000001</v>
      </c>
      <c r="AN2949">
        <v>85733.787930000006</v>
      </c>
      <c r="AO2949">
        <v>29506.02</v>
      </c>
      <c r="AP2949">
        <v>14982.31653</v>
      </c>
    </row>
    <row r="2950" spans="2:42" x14ac:dyDescent="0.3">
      <c r="B2950">
        <v>56.056523438845751</v>
      </c>
      <c r="C2950" s="83">
        <v>43223.833333333336</v>
      </c>
      <c r="D2950">
        <v>224316.25630000001</v>
      </c>
      <c r="E2950">
        <v>16958.86321</v>
      </c>
      <c r="F2950">
        <v>58703.878120000001</v>
      </c>
      <c r="G2950">
        <v>36850.08178</v>
      </c>
      <c r="H2950">
        <v>36617.543310000001</v>
      </c>
      <c r="I2950">
        <v>28065.557140000001</v>
      </c>
      <c r="J2950">
        <v>41490.009789999996</v>
      </c>
      <c r="K2950">
        <v>47287.674350000001</v>
      </c>
      <c r="L2950">
        <v>28281.188300000002</v>
      </c>
      <c r="M2950">
        <v>285802.29800000001</v>
      </c>
      <c r="N2950">
        <v>75188.421019999994</v>
      </c>
      <c r="O2950">
        <v>21545.321120000001</v>
      </c>
      <c r="P2950">
        <v>34892.320789999998</v>
      </c>
      <c r="Q2950">
        <v>66639.7117</v>
      </c>
      <c r="R2950">
        <v>18324.583869999999</v>
      </c>
      <c r="S2950">
        <v>79040.921780000004</v>
      </c>
      <c r="T2950">
        <v>28257.3806</v>
      </c>
      <c r="U2950">
        <v>14757.00315</v>
      </c>
      <c r="W2950" s="83">
        <f>Bühler!N2982</f>
        <v>45414.833333326183</v>
      </c>
      <c r="X2950" s="83">
        <v>43223.833333333336</v>
      </c>
      <c r="Y2950">
        <v>224316.25630000001</v>
      </c>
      <c r="Z2950">
        <v>16958.86321</v>
      </c>
      <c r="AA2950">
        <v>58703.878120000001</v>
      </c>
      <c r="AB2950">
        <v>36850.08178</v>
      </c>
      <c r="AC2950">
        <v>36617.543310000001</v>
      </c>
      <c r="AD2950">
        <v>28065.557140000001</v>
      </c>
      <c r="AE2950">
        <v>41490.009789999996</v>
      </c>
      <c r="AF2950">
        <v>47287.674350000001</v>
      </c>
      <c r="AG2950">
        <v>28281.188300000002</v>
      </c>
      <c r="AH2950">
        <v>285802.29800000001</v>
      </c>
      <c r="AI2950">
        <v>75188.421019999994</v>
      </c>
      <c r="AJ2950">
        <v>21545.321120000001</v>
      </c>
      <c r="AK2950">
        <v>34892.320789999998</v>
      </c>
      <c r="AL2950">
        <v>66639.7117</v>
      </c>
      <c r="AM2950">
        <v>18324.583869999999</v>
      </c>
      <c r="AN2950">
        <v>79040.921780000004</v>
      </c>
      <c r="AO2950">
        <v>28257.3806</v>
      </c>
      <c r="AP2950">
        <v>14757.00315</v>
      </c>
    </row>
    <row r="2951" spans="2:42" x14ac:dyDescent="0.3">
      <c r="B2951">
        <v>54.236378207399433</v>
      </c>
      <c r="C2951" s="83">
        <v>43223.875</v>
      </c>
      <c r="D2951">
        <v>211001.48480000001</v>
      </c>
      <c r="E2951">
        <v>14560.492389999999</v>
      </c>
      <c r="F2951">
        <v>50924.5838</v>
      </c>
      <c r="G2951">
        <v>36264.895490000003</v>
      </c>
      <c r="H2951">
        <v>36648.11249</v>
      </c>
      <c r="I2951">
        <v>24833.002810000002</v>
      </c>
      <c r="J2951">
        <v>42852.686459999997</v>
      </c>
      <c r="K2951">
        <v>46064.264199999998</v>
      </c>
      <c r="L2951">
        <v>27404.797460000002</v>
      </c>
      <c r="M2951">
        <v>276522.34879999998</v>
      </c>
      <c r="N2951">
        <v>74989.724400000006</v>
      </c>
      <c r="O2951">
        <v>21028.19241</v>
      </c>
      <c r="P2951">
        <v>34644.516600000003</v>
      </c>
      <c r="Q2951">
        <v>61368.794620000001</v>
      </c>
      <c r="R2951">
        <v>18201.825769999999</v>
      </c>
      <c r="S2951">
        <v>76872.040460000004</v>
      </c>
      <c r="T2951">
        <v>26960.173220000001</v>
      </c>
      <c r="U2951">
        <v>14193.03448</v>
      </c>
      <c r="W2951" s="83">
        <f>Bühler!N2983</f>
        <v>45414.874999992848</v>
      </c>
      <c r="X2951" s="83">
        <v>43223.875</v>
      </c>
      <c r="Y2951">
        <v>211001.48480000001</v>
      </c>
      <c r="Z2951">
        <v>14560.492389999999</v>
      </c>
      <c r="AA2951">
        <v>50924.5838</v>
      </c>
      <c r="AB2951">
        <v>36264.895490000003</v>
      </c>
      <c r="AC2951">
        <v>36648.11249</v>
      </c>
      <c r="AD2951">
        <v>24833.002810000002</v>
      </c>
      <c r="AE2951">
        <v>42852.686459999997</v>
      </c>
      <c r="AF2951">
        <v>46064.264199999998</v>
      </c>
      <c r="AG2951">
        <v>27404.797460000002</v>
      </c>
      <c r="AH2951">
        <v>276522.34879999998</v>
      </c>
      <c r="AI2951">
        <v>74989.724400000006</v>
      </c>
      <c r="AJ2951">
        <v>21028.19241</v>
      </c>
      <c r="AK2951">
        <v>34644.516600000003</v>
      </c>
      <c r="AL2951">
        <v>61368.794620000001</v>
      </c>
      <c r="AM2951">
        <v>18201.825769999999</v>
      </c>
      <c r="AN2951">
        <v>76872.040460000004</v>
      </c>
      <c r="AO2951">
        <v>26960.173220000001</v>
      </c>
      <c r="AP2951">
        <v>14193.03448</v>
      </c>
    </row>
    <row r="2952" spans="2:42" x14ac:dyDescent="0.3">
      <c r="B2952">
        <v>52.88139179841783</v>
      </c>
      <c r="C2952" s="83">
        <v>43223.916666666664</v>
      </c>
      <c r="D2952">
        <v>205122.47750000001</v>
      </c>
      <c r="E2952">
        <v>13640.94081</v>
      </c>
      <c r="F2952">
        <v>47186.24235</v>
      </c>
      <c r="G2952">
        <v>34892.246370000001</v>
      </c>
      <c r="H2952">
        <v>35667.46731</v>
      </c>
      <c r="I2952">
        <v>22552.065729999998</v>
      </c>
      <c r="J2952">
        <v>41539.087500000001</v>
      </c>
      <c r="K2952">
        <v>50042.952039999996</v>
      </c>
      <c r="L2952">
        <v>24282.596529999999</v>
      </c>
      <c r="M2952">
        <v>269613.99619999999</v>
      </c>
      <c r="N2952">
        <v>73923.97322</v>
      </c>
      <c r="O2952">
        <v>21078.738399999998</v>
      </c>
      <c r="P2952">
        <v>35856.81093</v>
      </c>
      <c r="Q2952">
        <v>56318.171719999998</v>
      </c>
      <c r="R2952">
        <v>20427.270380000002</v>
      </c>
      <c r="S2952">
        <v>75555.061430000002</v>
      </c>
      <c r="T2952">
        <v>23392.596160000001</v>
      </c>
      <c r="U2952">
        <v>14423.994699999999</v>
      </c>
      <c r="W2952" s="83">
        <f>Bühler!N2984</f>
        <v>45414.916666659512</v>
      </c>
      <c r="X2952" s="83">
        <v>43223.916666666664</v>
      </c>
      <c r="Y2952">
        <v>205122.47750000001</v>
      </c>
      <c r="Z2952">
        <v>13640.94081</v>
      </c>
      <c r="AA2952">
        <v>47186.24235</v>
      </c>
      <c r="AB2952">
        <v>34892.246370000001</v>
      </c>
      <c r="AC2952">
        <v>35667.46731</v>
      </c>
      <c r="AD2952">
        <v>22552.065729999998</v>
      </c>
      <c r="AE2952">
        <v>41539.087500000001</v>
      </c>
      <c r="AF2952">
        <v>50042.952039999996</v>
      </c>
      <c r="AG2952">
        <v>24282.596529999999</v>
      </c>
      <c r="AH2952">
        <v>269613.99619999999</v>
      </c>
      <c r="AI2952">
        <v>73923.97322</v>
      </c>
      <c r="AJ2952">
        <v>21078.738399999998</v>
      </c>
      <c r="AK2952">
        <v>35856.81093</v>
      </c>
      <c r="AL2952">
        <v>56318.171719999998</v>
      </c>
      <c r="AM2952">
        <v>20427.270380000002</v>
      </c>
      <c r="AN2952">
        <v>75555.061430000002</v>
      </c>
      <c r="AO2952">
        <v>23392.596160000001</v>
      </c>
      <c r="AP2952">
        <v>14423.994699999999</v>
      </c>
    </row>
    <row r="2953" spans="2:42" x14ac:dyDescent="0.3">
      <c r="B2953">
        <v>51.701529110986087</v>
      </c>
      <c r="C2953" s="83">
        <v>43223.958333333336</v>
      </c>
      <c r="D2953">
        <v>201603.4969</v>
      </c>
      <c r="E2953">
        <v>12959.058929999999</v>
      </c>
      <c r="F2953">
        <v>45781.330320000001</v>
      </c>
      <c r="G2953">
        <v>33391.097880000001</v>
      </c>
      <c r="H2953">
        <v>34658.850279999999</v>
      </c>
      <c r="I2953">
        <v>21684.413280000001</v>
      </c>
      <c r="J2953">
        <v>38154.374259999997</v>
      </c>
      <c r="K2953">
        <v>49068.793400000002</v>
      </c>
      <c r="L2953">
        <v>20514.545109999999</v>
      </c>
      <c r="M2953">
        <v>263598.50599999999</v>
      </c>
      <c r="N2953">
        <v>72899.078500000003</v>
      </c>
      <c r="O2953">
        <v>20705.33669</v>
      </c>
      <c r="P2953">
        <v>30962.420450000001</v>
      </c>
      <c r="Q2953">
        <v>53925.979189999998</v>
      </c>
      <c r="R2953">
        <v>21232.810750000001</v>
      </c>
      <c r="S2953">
        <v>74171.128089999998</v>
      </c>
      <c r="T2953">
        <v>21632.509760000001</v>
      </c>
      <c r="U2953">
        <v>13723.836939999999</v>
      </c>
      <c r="W2953" s="83">
        <f>Bühler!N2985</f>
        <v>45414.958333326176</v>
      </c>
      <c r="X2953" s="83">
        <v>43223.958333333336</v>
      </c>
      <c r="Y2953">
        <v>201603.4969</v>
      </c>
      <c r="Z2953">
        <v>12959.058929999999</v>
      </c>
      <c r="AA2953">
        <v>45781.330320000001</v>
      </c>
      <c r="AB2953">
        <v>33391.097880000001</v>
      </c>
      <c r="AC2953">
        <v>34658.850279999999</v>
      </c>
      <c r="AD2953">
        <v>21684.413280000001</v>
      </c>
      <c r="AE2953">
        <v>38154.374259999997</v>
      </c>
      <c r="AF2953">
        <v>49068.793400000002</v>
      </c>
      <c r="AG2953">
        <v>20514.545109999999</v>
      </c>
      <c r="AH2953">
        <v>263598.50599999999</v>
      </c>
      <c r="AI2953">
        <v>72899.078500000003</v>
      </c>
      <c r="AJ2953">
        <v>20705.33669</v>
      </c>
      <c r="AK2953">
        <v>30962.420450000001</v>
      </c>
      <c r="AL2953">
        <v>53925.979189999998</v>
      </c>
      <c r="AM2953">
        <v>21232.810750000001</v>
      </c>
      <c r="AN2953">
        <v>74171.128089999998</v>
      </c>
      <c r="AO2953">
        <v>21632.509760000001</v>
      </c>
      <c r="AP2953">
        <v>13723.836939999999</v>
      </c>
    </row>
    <row r="2954" spans="2:42" x14ac:dyDescent="0.3">
      <c r="B2954">
        <v>41.731529018663679</v>
      </c>
      <c r="C2954" s="83">
        <v>43224</v>
      </c>
      <c r="D2954">
        <v>148753.7537</v>
      </c>
      <c r="E2954">
        <v>11748.42376</v>
      </c>
      <c r="F2954">
        <v>43083.173360000001</v>
      </c>
      <c r="G2954">
        <v>34383.041089999999</v>
      </c>
      <c r="H2954">
        <v>33008.963190000002</v>
      </c>
      <c r="I2954">
        <v>15988.835150000001</v>
      </c>
      <c r="J2954">
        <v>35769.917000000001</v>
      </c>
      <c r="K2954">
        <v>46212.182280000001</v>
      </c>
      <c r="L2954">
        <v>18452.297129999999</v>
      </c>
      <c r="M2954">
        <v>212766.79610000001</v>
      </c>
      <c r="N2954">
        <v>66448.647769999996</v>
      </c>
      <c r="O2954">
        <v>19952.54005</v>
      </c>
      <c r="P2954">
        <v>29036.18117</v>
      </c>
      <c r="Q2954">
        <v>43824.357000000004</v>
      </c>
      <c r="R2954">
        <v>17657.466850000001</v>
      </c>
      <c r="S2954">
        <v>73104.539709999997</v>
      </c>
      <c r="T2954">
        <v>20455.882389999999</v>
      </c>
      <c r="U2954">
        <v>12643.13258</v>
      </c>
      <c r="W2954" s="83">
        <f>Bühler!N2986</f>
        <v>45414.99999999284</v>
      </c>
      <c r="X2954" s="83">
        <v>43224</v>
      </c>
      <c r="Y2954">
        <v>148753.7537</v>
      </c>
      <c r="Z2954">
        <v>11748.42376</v>
      </c>
      <c r="AA2954">
        <v>43083.173360000001</v>
      </c>
      <c r="AB2954">
        <v>34383.041089999999</v>
      </c>
      <c r="AC2954">
        <v>33008.963190000002</v>
      </c>
      <c r="AD2954">
        <v>15988.835150000001</v>
      </c>
      <c r="AE2954">
        <v>35769.917000000001</v>
      </c>
      <c r="AF2954">
        <v>46212.182280000001</v>
      </c>
      <c r="AG2954">
        <v>18452.297129999999</v>
      </c>
      <c r="AH2954">
        <v>212766.79610000001</v>
      </c>
      <c r="AI2954">
        <v>66448.647769999996</v>
      </c>
      <c r="AJ2954">
        <v>19952.54005</v>
      </c>
      <c r="AK2954">
        <v>29036.18117</v>
      </c>
      <c r="AL2954">
        <v>43824.357000000004</v>
      </c>
      <c r="AM2954">
        <v>17657.466850000001</v>
      </c>
      <c r="AN2954">
        <v>73104.539709999997</v>
      </c>
      <c r="AO2954">
        <v>20455.882389999999</v>
      </c>
      <c r="AP2954">
        <v>12643.13258</v>
      </c>
    </row>
    <row r="2955" spans="2:42" x14ac:dyDescent="0.3">
      <c r="B2955">
        <v>41.080129641429359</v>
      </c>
      <c r="C2955" s="83">
        <v>43224.041666666664</v>
      </c>
      <c r="D2955">
        <v>148933.36309999999</v>
      </c>
      <c r="E2955">
        <v>11796.58603</v>
      </c>
      <c r="F2955">
        <v>43141.863010000001</v>
      </c>
      <c r="G2955">
        <v>33852.296000000002</v>
      </c>
      <c r="H2955">
        <v>33225.79219</v>
      </c>
      <c r="I2955">
        <v>14432.10304</v>
      </c>
      <c r="J2955">
        <v>35555.695590000003</v>
      </c>
      <c r="K2955">
        <v>43686.390220000001</v>
      </c>
      <c r="L2955">
        <v>17462.194680000001</v>
      </c>
      <c r="M2955">
        <v>209445.65830000001</v>
      </c>
      <c r="N2955">
        <v>65389.425990000003</v>
      </c>
      <c r="O2955">
        <v>19837.752079999998</v>
      </c>
      <c r="P2955">
        <v>27540.975610000001</v>
      </c>
      <c r="Q2955">
        <v>45797.285790000002</v>
      </c>
      <c r="R2955">
        <v>15947.25202</v>
      </c>
      <c r="S2955">
        <v>72076.336049999998</v>
      </c>
      <c r="T2955">
        <v>20547.52636</v>
      </c>
      <c r="U2955">
        <v>11885.290800000001</v>
      </c>
      <c r="W2955" s="83">
        <f>Bühler!N2987</f>
        <v>45415.041666659505</v>
      </c>
      <c r="X2955" s="83">
        <v>43224.041666666664</v>
      </c>
      <c r="Y2955">
        <v>148933.36309999999</v>
      </c>
      <c r="Z2955">
        <v>11796.58603</v>
      </c>
      <c r="AA2955">
        <v>43141.863010000001</v>
      </c>
      <c r="AB2955">
        <v>33852.296000000002</v>
      </c>
      <c r="AC2955">
        <v>33225.79219</v>
      </c>
      <c r="AD2955">
        <v>14432.10304</v>
      </c>
      <c r="AE2955">
        <v>35555.695590000003</v>
      </c>
      <c r="AF2955">
        <v>43686.390220000001</v>
      </c>
      <c r="AG2955">
        <v>17462.194680000001</v>
      </c>
      <c r="AH2955">
        <v>209445.65830000001</v>
      </c>
      <c r="AI2955">
        <v>65389.425990000003</v>
      </c>
      <c r="AJ2955">
        <v>19837.752079999998</v>
      </c>
      <c r="AK2955">
        <v>27540.975610000001</v>
      </c>
      <c r="AL2955">
        <v>45797.285790000002</v>
      </c>
      <c r="AM2955">
        <v>15947.25202</v>
      </c>
      <c r="AN2955">
        <v>72076.336049999998</v>
      </c>
      <c r="AO2955">
        <v>20547.52636</v>
      </c>
      <c r="AP2955">
        <v>11885.290800000001</v>
      </c>
    </row>
    <row r="2956" spans="2:42" x14ac:dyDescent="0.3">
      <c r="B2956">
        <v>41.315093671718614</v>
      </c>
      <c r="C2956" s="83">
        <v>43224.083333333336</v>
      </c>
      <c r="D2956">
        <v>149301.8609</v>
      </c>
      <c r="E2956">
        <v>11804.759609999999</v>
      </c>
      <c r="F2956">
        <v>44434.530290000002</v>
      </c>
      <c r="G2956">
        <v>33724.4905</v>
      </c>
      <c r="H2956">
        <v>32563.094489999999</v>
      </c>
      <c r="I2956">
        <v>13116.45199</v>
      </c>
      <c r="J2956">
        <v>35166.020729999997</v>
      </c>
      <c r="K2956">
        <v>42523.391150000003</v>
      </c>
      <c r="L2956">
        <v>17094.242839999999</v>
      </c>
      <c r="M2956">
        <v>210643.6145</v>
      </c>
      <c r="N2956">
        <v>64808.059269999998</v>
      </c>
      <c r="O2956">
        <v>19494.739310000001</v>
      </c>
      <c r="P2956">
        <v>25716.39013</v>
      </c>
      <c r="Q2956">
        <v>48299.087870000003</v>
      </c>
      <c r="R2956">
        <v>16789.015039999998</v>
      </c>
      <c r="S2956">
        <v>72058.941739999995</v>
      </c>
      <c r="T2956">
        <v>19805.924009999999</v>
      </c>
      <c r="U2956">
        <v>12054.92893</v>
      </c>
      <c r="W2956" s="83">
        <f>Bühler!N2988</f>
        <v>45415.083333326169</v>
      </c>
      <c r="X2956" s="83">
        <v>43224.083333333336</v>
      </c>
      <c r="Y2956">
        <v>149301.8609</v>
      </c>
      <c r="Z2956">
        <v>11804.759609999999</v>
      </c>
      <c r="AA2956">
        <v>44434.530290000002</v>
      </c>
      <c r="AB2956">
        <v>33724.4905</v>
      </c>
      <c r="AC2956">
        <v>32563.094489999999</v>
      </c>
      <c r="AD2956">
        <v>13116.45199</v>
      </c>
      <c r="AE2956">
        <v>35166.020729999997</v>
      </c>
      <c r="AF2956">
        <v>42523.391150000003</v>
      </c>
      <c r="AG2956">
        <v>17094.242839999999</v>
      </c>
      <c r="AH2956">
        <v>210643.6145</v>
      </c>
      <c r="AI2956">
        <v>64808.059269999998</v>
      </c>
      <c r="AJ2956">
        <v>19494.739310000001</v>
      </c>
      <c r="AK2956">
        <v>25716.39013</v>
      </c>
      <c r="AL2956">
        <v>48299.087870000003</v>
      </c>
      <c r="AM2956">
        <v>16789.015039999998</v>
      </c>
      <c r="AN2956">
        <v>72058.941739999995</v>
      </c>
      <c r="AO2956">
        <v>19805.924009999999</v>
      </c>
      <c r="AP2956">
        <v>12054.92893</v>
      </c>
    </row>
    <row r="2957" spans="2:42" x14ac:dyDescent="0.3">
      <c r="B2957">
        <v>41.963402178298296</v>
      </c>
      <c r="C2957" s="83">
        <v>43224.125</v>
      </c>
      <c r="D2957">
        <v>150436.0619</v>
      </c>
      <c r="E2957">
        <v>11956.17382</v>
      </c>
      <c r="F2957">
        <v>46410.112119999998</v>
      </c>
      <c r="G2957">
        <v>33118.527150000002</v>
      </c>
      <c r="H2957">
        <v>33135.36361</v>
      </c>
      <c r="I2957">
        <v>12926.430969999999</v>
      </c>
      <c r="J2957">
        <v>35329.839659999998</v>
      </c>
      <c r="K2957">
        <v>41321.545449999998</v>
      </c>
      <c r="L2957">
        <v>16766.968540000002</v>
      </c>
      <c r="M2957">
        <v>213948.99359999999</v>
      </c>
      <c r="N2957">
        <v>64349.936269999998</v>
      </c>
      <c r="O2957">
        <v>19225.990089999999</v>
      </c>
      <c r="P2957">
        <v>25241.037540000001</v>
      </c>
      <c r="Q2957">
        <v>50869.483209999999</v>
      </c>
      <c r="R2957">
        <v>16454.340230000002</v>
      </c>
      <c r="S2957">
        <v>71510.209080000001</v>
      </c>
      <c r="T2957">
        <v>19889.099190000001</v>
      </c>
      <c r="U2957">
        <v>12440.11001</v>
      </c>
      <c r="W2957" s="83">
        <f>Bühler!N2989</f>
        <v>45415.124999992833</v>
      </c>
      <c r="X2957" s="83">
        <v>43224.125</v>
      </c>
      <c r="Y2957">
        <v>150436.0619</v>
      </c>
      <c r="Z2957">
        <v>11956.17382</v>
      </c>
      <c r="AA2957">
        <v>46410.112119999998</v>
      </c>
      <c r="AB2957">
        <v>33118.527150000002</v>
      </c>
      <c r="AC2957">
        <v>33135.36361</v>
      </c>
      <c r="AD2957">
        <v>12926.430969999999</v>
      </c>
      <c r="AE2957">
        <v>35329.839659999998</v>
      </c>
      <c r="AF2957">
        <v>41321.545449999998</v>
      </c>
      <c r="AG2957">
        <v>16766.968540000002</v>
      </c>
      <c r="AH2957">
        <v>213948.99359999999</v>
      </c>
      <c r="AI2957">
        <v>64349.936269999998</v>
      </c>
      <c r="AJ2957">
        <v>19225.990089999999</v>
      </c>
      <c r="AK2957">
        <v>25241.037540000001</v>
      </c>
      <c r="AL2957">
        <v>50869.483209999999</v>
      </c>
      <c r="AM2957">
        <v>16454.340230000002</v>
      </c>
      <c r="AN2957">
        <v>71510.209080000001</v>
      </c>
      <c r="AO2957">
        <v>19889.099190000001</v>
      </c>
      <c r="AP2957">
        <v>12440.11001</v>
      </c>
    </row>
    <row r="2958" spans="2:42" x14ac:dyDescent="0.3">
      <c r="B2958">
        <v>42.795890776893614</v>
      </c>
      <c r="C2958" s="83">
        <v>43224.166666666664</v>
      </c>
      <c r="D2958">
        <v>152096.94959999999</v>
      </c>
      <c r="E2958">
        <v>12267.435219999999</v>
      </c>
      <c r="F2958">
        <v>50010.379430000001</v>
      </c>
      <c r="G2958">
        <v>32304.387739999998</v>
      </c>
      <c r="H2958">
        <v>33283.289810000002</v>
      </c>
      <c r="I2958">
        <v>14744.521650000001</v>
      </c>
      <c r="J2958">
        <v>37090.405930000001</v>
      </c>
      <c r="K2958">
        <v>40798.076719999997</v>
      </c>
      <c r="L2958">
        <v>16867.771349999999</v>
      </c>
      <c r="M2958">
        <v>218193.4087</v>
      </c>
      <c r="N2958">
        <v>63673.615899999997</v>
      </c>
      <c r="O2958">
        <v>19699.335749999998</v>
      </c>
      <c r="P2958">
        <v>24557.042570000001</v>
      </c>
      <c r="Q2958">
        <v>53186.31439</v>
      </c>
      <c r="R2958">
        <v>16250.32566</v>
      </c>
      <c r="S2958">
        <v>71957.804510000002</v>
      </c>
      <c r="T2958">
        <v>19712.497490000002</v>
      </c>
      <c r="U2958">
        <v>12600.63508</v>
      </c>
      <c r="W2958" s="83">
        <f>Bühler!N2990</f>
        <v>45415.166666659497</v>
      </c>
      <c r="X2958" s="83">
        <v>43224.166666666664</v>
      </c>
      <c r="Y2958">
        <v>152096.94959999999</v>
      </c>
      <c r="Z2958">
        <v>12267.435219999999</v>
      </c>
      <c r="AA2958">
        <v>50010.379430000001</v>
      </c>
      <c r="AB2958">
        <v>32304.387739999998</v>
      </c>
      <c r="AC2958">
        <v>33283.289810000002</v>
      </c>
      <c r="AD2958">
        <v>14744.521650000001</v>
      </c>
      <c r="AE2958">
        <v>37090.405930000001</v>
      </c>
      <c r="AF2958">
        <v>40798.076719999997</v>
      </c>
      <c r="AG2958">
        <v>16867.771349999999</v>
      </c>
      <c r="AH2958">
        <v>218193.4087</v>
      </c>
      <c r="AI2958">
        <v>63673.615899999997</v>
      </c>
      <c r="AJ2958">
        <v>19699.335749999998</v>
      </c>
      <c r="AK2958">
        <v>24557.042570000001</v>
      </c>
      <c r="AL2958">
        <v>53186.31439</v>
      </c>
      <c r="AM2958">
        <v>16250.32566</v>
      </c>
      <c r="AN2958">
        <v>71957.804510000002</v>
      </c>
      <c r="AO2958">
        <v>19712.497490000002</v>
      </c>
      <c r="AP2958">
        <v>12600.63508</v>
      </c>
    </row>
    <row r="2959" spans="2:42" x14ac:dyDescent="0.3">
      <c r="B2959">
        <v>45.066733638937322</v>
      </c>
      <c r="C2959" s="83">
        <v>43224.208333333336</v>
      </c>
      <c r="D2959">
        <v>159944.0208</v>
      </c>
      <c r="E2959">
        <v>13342.028</v>
      </c>
      <c r="F2959">
        <v>60210.726419999999</v>
      </c>
      <c r="G2959">
        <v>33181.482150000003</v>
      </c>
      <c r="H2959">
        <v>34391.845880000001</v>
      </c>
      <c r="I2959">
        <v>21903.365119999999</v>
      </c>
      <c r="J2959">
        <v>39648.886400000003</v>
      </c>
      <c r="K2959">
        <v>41050.217270000001</v>
      </c>
      <c r="L2959">
        <v>17598.083009999998</v>
      </c>
      <c r="M2959">
        <v>229771.22459999999</v>
      </c>
      <c r="N2959">
        <v>63321.745759999998</v>
      </c>
      <c r="O2959">
        <v>20245.45174</v>
      </c>
      <c r="P2959">
        <v>25696.011979999999</v>
      </c>
      <c r="Q2959">
        <v>56432.665580000001</v>
      </c>
      <c r="R2959">
        <v>18317.90337</v>
      </c>
      <c r="S2959">
        <v>73749.517819999994</v>
      </c>
      <c r="T2959">
        <v>21221.774689999998</v>
      </c>
      <c r="U2959">
        <v>13137.657010000001</v>
      </c>
      <c r="W2959" s="83">
        <f>Bühler!N2991</f>
        <v>45415.208333326162</v>
      </c>
      <c r="X2959" s="83">
        <v>43224.208333333336</v>
      </c>
      <c r="Y2959">
        <v>159944.0208</v>
      </c>
      <c r="Z2959">
        <v>13342.028</v>
      </c>
      <c r="AA2959">
        <v>60210.726419999999</v>
      </c>
      <c r="AB2959">
        <v>33181.482150000003</v>
      </c>
      <c r="AC2959">
        <v>34391.845880000001</v>
      </c>
      <c r="AD2959">
        <v>21903.365119999999</v>
      </c>
      <c r="AE2959">
        <v>39648.886400000003</v>
      </c>
      <c r="AF2959">
        <v>41050.217270000001</v>
      </c>
      <c r="AG2959">
        <v>17598.083009999998</v>
      </c>
      <c r="AH2959">
        <v>229771.22459999999</v>
      </c>
      <c r="AI2959">
        <v>63321.745759999998</v>
      </c>
      <c r="AJ2959">
        <v>20245.45174</v>
      </c>
      <c r="AK2959">
        <v>25696.011979999999</v>
      </c>
      <c r="AL2959">
        <v>56432.665580000001</v>
      </c>
      <c r="AM2959">
        <v>18317.90337</v>
      </c>
      <c r="AN2959">
        <v>73749.517819999994</v>
      </c>
      <c r="AO2959">
        <v>21221.774689999998</v>
      </c>
      <c r="AP2959">
        <v>13137.657010000001</v>
      </c>
    </row>
    <row r="2960" spans="2:42" x14ac:dyDescent="0.3">
      <c r="B2960">
        <v>46.415917577525718</v>
      </c>
      <c r="C2960" s="83">
        <v>43224.25</v>
      </c>
      <c r="D2960">
        <v>166237.61360000001</v>
      </c>
      <c r="E2960">
        <v>15824.327719999999</v>
      </c>
      <c r="F2960">
        <v>70110.736109999998</v>
      </c>
      <c r="G2960">
        <v>38884.331939999996</v>
      </c>
      <c r="H2960">
        <v>34603.512840000003</v>
      </c>
      <c r="I2960">
        <v>25077.389019999999</v>
      </c>
      <c r="J2960">
        <v>42004.91358</v>
      </c>
      <c r="K2960">
        <v>40849.866779999997</v>
      </c>
      <c r="L2960">
        <v>18621.764620000002</v>
      </c>
      <c r="M2960">
        <v>236649.99350000001</v>
      </c>
      <c r="N2960">
        <v>63086.586799999997</v>
      </c>
      <c r="O2960">
        <v>20861.28385</v>
      </c>
      <c r="P2960">
        <v>26548.908500000001</v>
      </c>
      <c r="Q2960">
        <v>57492.096409999998</v>
      </c>
      <c r="R2960">
        <v>15313.3388</v>
      </c>
      <c r="S2960">
        <v>77637.221860000005</v>
      </c>
      <c r="T2960">
        <v>22996.342079999999</v>
      </c>
      <c r="U2960">
        <v>13975.93363</v>
      </c>
      <c r="W2960" s="83">
        <f>Bühler!N2992</f>
        <v>45415.249999992826</v>
      </c>
      <c r="X2960" s="83">
        <v>43224.25</v>
      </c>
      <c r="Y2960">
        <v>166237.61360000001</v>
      </c>
      <c r="Z2960">
        <v>15824.327719999999</v>
      </c>
      <c r="AA2960">
        <v>70110.736109999998</v>
      </c>
      <c r="AB2960">
        <v>38884.331939999996</v>
      </c>
      <c r="AC2960">
        <v>34603.512840000003</v>
      </c>
      <c r="AD2960">
        <v>25077.389019999999</v>
      </c>
      <c r="AE2960">
        <v>42004.91358</v>
      </c>
      <c r="AF2960">
        <v>40849.866779999997</v>
      </c>
      <c r="AG2960">
        <v>18621.764620000002</v>
      </c>
      <c r="AH2960">
        <v>236649.99350000001</v>
      </c>
      <c r="AI2960">
        <v>63086.586799999997</v>
      </c>
      <c r="AJ2960">
        <v>20861.28385</v>
      </c>
      <c r="AK2960">
        <v>26548.908500000001</v>
      </c>
      <c r="AL2960">
        <v>57492.096409999998</v>
      </c>
      <c r="AM2960">
        <v>15313.3388</v>
      </c>
      <c r="AN2960">
        <v>77637.221860000005</v>
      </c>
      <c r="AO2960">
        <v>22996.342079999999</v>
      </c>
      <c r="AP2960">
        <v>13975.93363</v>
      </c>
    </row>
    <row r="2961" spans="2:42" x14ac:dyDescent="0.3">
      <c r="B2961">
        <v>47.589771732597853</v>
      </c>
      <c r="C2961" s="83">
        <v>43224.291666666664</v>
      </c>
      <c r="D2961">
        <v>170023.6606</v>
      </c>
      <c r="E2961">
        <v>18998.636829999999</v>
      </c>
      <c r="F2961">
        <v>72117.339550000004</v>
      </c>
      <c r="G2961">
        <v>43784.633410000002</v>
      </c>
      <c r="H2961">
        <v>36536.984360000002</v>
      </c>
      <c r="I2961">
        <v>27917.819739999999</v>
      </c>
      <c r="J2961">
        <v>42116.176449999999</v>
      </c>
      <c r="K2961">
        <v>42556.081590000002</v>
      </c>
      <c r="L2961">
        <v>20851.393489999999</v>
      </c>
      <c r="M2961">
        <v>242634.84940000001</v>
      </c>
      <c r="N2961">
        <v>62314.143580000004</v>
      </c>
      <c r="O2961">
        <v>20774.649219999999</v>
      </c>
      <c r="P2961">
        <v>29157.0504</v>
      </c>
      <c r="Q2961">
        <v>55694.218090000002</v>
      </c>
      <c r="R2961">
        <v>15467.680490000001</v>
      </c>
      <c r="S2961">
        <v>85091.246889999995</v>
      </c>
      <c r="T2961">
        <v>25018.923050000001</v>
      </c>
      <c r="U2961">
        <v>15361.60966</v>
      </c>
      <c r="W2961" s="83">
        <f>Bühler!N2993</f>
        <v>45415.29166665949</v>
      </c>
      <c r="X2961" s="83">
        <v>43224.291666666664</v>
      </c>
      <c r="Y2961">
        <v>170023.6606</v>
      </c>
      <c r="Z2961">
        <v>18998.636829999999</v>
      </c>
      <c r="AA2961">
        <v>72117.339550000004</v>
      </c>
      <c r="AB2961">
        <v>43784.633410000002</v>
      </c>
      <c r="AC2961">
        <v>36536.984360000002</v>
      </c>
      <c r="AD2961">
        <v>27917.819739999999</v>
      </c>
      <c r="AE2961">
        <v>42116.176449999999</v>
      </c>
      <c r="AF2961">
        <v>42556.081590000002</v>
      </c>
      <c r="AG2961">
        <v>20851.393489999999</v>
      </c>
      <c r="AH2961">
        <v>242634.84940000001</v>
      </c>
      <c r="AI2961">
        <v>62314.143580000004</v>
      </c>
      <c r="AJ2961">
        <v>20774.649219999999</v>
      </c>
      <c r="AK2961">
        <v>29157.0504</v>
      </c>
      <c r="AL2961">
        <v>55694.218090000002</v>
      </c>
      <c r="AM2961">
        <v>15467.680490000001</v>
      </c>
      <c r="AN2961">
        <v>85091.246889999995</v>
      </c>
      <c r="AO2961">
        <v>25018.923050000001</v>
      </c>
      <c r="AP2961">
        <v>15361.60966</v>
      </c>
    </row>
    <row r="2962" spans="2:42" x14ac:dyDescent="0.3">
      <c r="B2962">
        <v>47.876824269937671</v>
      </c>
      <c r="C2962" s="83">
        <v>43224.333333333336</v>
      </c>
      <c r="D2962">
        <v>175288.2605</v>
      </c>
      <c r="E2962">
        <v>23301.680369999998</v>
      </c>
      <c r="F2962">
        <v>77052.309580000001</v>
      </c>
      <c r="G2962">
        <v>49665.43563</v>
      </c>
      <c r="H2962">
        <v>38986.216489999999</v>
      </c>
      <c r="I2962">
        <v>29529.529330000001</v>
      </c>
      <c r="J2962">
        <v>43114.912179999999</v>
      </c>
      <c r="K2962">
        <v>46088.614780000004</v>
      </c>
      <c r="L2962">
        <v>23863.682799999999</v>
      </c>
      <c r="M2962">
        <v>244098.37710000001</v>
      </c>
      <c r="N2962">
        <v>64004.443299999999</v>
      </c>
      <c r="O2962">
        <v>21643.275099999999</v>
      </c>
      <c r="P2962">
        <v>31658.792870000001</v>
      </c>
      <c r="Q2962">
        <v>56250.47496</v>
      </c>
      <c r="R2962">
        <v>17799.57416</v>
      </c>
      <c r="S2962">
        <v>91287.950129999997</v>
      </c>
      <c r="T2962">
        <v>27805.346649999999</v>
      </c>
      <c r="U2962">
        <v>16744.16718</v>
      </c>
      <c r="W2962" s="83">
        <f>Bühler!N2994</f>
        <v>45415.333333326154</v>
      </c>
      <c r="X2962" s="83">
        <v>43224.333333333336</v>
      </c>
      <c r="Y2962">
        <v>175288.2605</v>
      </c>
      <c r="Z2962">
        <v>23301.680369999998</v>
      </c>
      <c r="AA2962">
        <v>77052.309580000001</v>
      </c>
      <c r="AB2962">
        <v>49665.43563</v>
      </c>
      <c r="AC2962">
        <v>38986.216489999999</v>
      </c>
      <c r="AD2962">
        <v>29529.529330000001</v>
      </c>
      <c r="AE2962">
        <v>43114.912179999999</v>
      </c>
      <c r="AF2962">
        <v>46088.614780000004</v>
      </c>
      <c r="AG2962">
        <v>23863.682799999999</v>
      </c>
      <c r="AH2962">
        <v>244098.37710000001</v>
      </c>
      <c r="AI2962">
        <v>64004.443299999999</v>
      </c>
      <c r="AJ2962">
        <v>21643.275099999999</v>
      </c>
      <c r="AK2962">
        <v>31658.792870000001</v>
      </c>
      <c r="AL2962">
        <v>56250.47496</v>
      </c>
      <c r="AM2962">
        <v>17799.57416</v>
      </c>
      <c r="AN2962">
        <v>91287.950129999997</v>
      </c>
      <c r="AO2962">
        <v>27805.346649999999</v>
      </c>
      <c r="AP2962">
        <v>16744.16718</v>
      </c>
    </row>
    <row r="2963" spans="2:42" x14ac:dyDescent="0.3">
      <c r="B2963">
        <v>47.941064450814167</v>
      </c>
      <c r="C2963" s="83">
        <v>43224.375</v>
      </c>
      <c r="D2963">
        <v>174411.7936</v>
      </c>
      <c r="E2963">
        <v>26381.29666</v>
      </c>
      <c r="F2963">
        <v>84722.854640000005</v>
      </c>
      <c r="G2963">
        <v>52915.835339999998</v>
      </c>
      <c r="H2963">
        <v>40485.105880000003</v>
      </c>
      <c r="I2963">
        <v>29889.4676</v>
      </c>
      <c r="J2963">
        <v>43356.767939999998</v>
      </c>
      <c r="K2963">
        <v>47400.71759</v>
      </c>
      <c r="L2963">
        <v>26966.874739999999</v>
      </c>
      <c r="M2963">
        <v>244425.90349999999</v>
      </c>
      <c r="N2963">
        <v>65987.082800000004</v>
      </c>
      <c r="O2963">
        <v>21682.678070000002</v>
      </c>
      <c r="P2963">
        <v>34815.473890000001</v>
      </c>
      <c r="Q2963">
        <v>55998.628429999997</v>
      </c>
      <c r="R2963">
        <v>18090.420129999999</v>
      </c>
      <c r="S2963">
        <v>94691.148130000001</v>
      </c>
      <c r="T2963">
        <v>29481.93706</v>
      </c>
      <c r="U2963">
        <v>16418.23085</v>
      </c>
      <c r="W2963" s="83">
        <f>Bühler!N2995</f>
        <v>45415.374999992819</v>
      </c>
      <c r="X2963" s="83">
        <v>43224.375</v>
      </c>
      <c r="Y2963">
        <v>174411.7936</v>
      </c>
      <c r="Z2963">
        <v>26381.29666</v>
      </c>
      <c r="AA2963">
        <v>84722.854640000005</v>
      </c>
      <c r="AB2963">
        <v>52915.835339999998</v>
      </c>
      <c r="AC2963">
        <v>40485.105880000003</v>
      </c>
      <c r="AD2963">
        <v>29889.4676</v>
      </c>
      <c r="AE2963">
        <v>43356.767939999998</v>
      </c>
      <c r="AF2963">
        <v>47400.71759</v>
      </c>
      <c r="AG2963">
        <v>26966.874739999999</v>
      </c>
      <c r="AH2963">
        <v>244425.90349999999</v>
      </c>
      <c r="AI2963">
        <v>65987.082800000004</v>
      </c>
      <c r="AJ2963">
        <v>21682.678070000002</v>
      </c>
      <c r="AK2963">
        <v>34815.473890000001</v>
      </c>
      <c r="AL2963">
        <v>55998.628429999997</v>
      </c>
      <c r="AM2963">
        <v>18090.420129999999</v>
      </c>
      <c r="AN2963">
        <v>94691.148130000001</v>
      </c>
      <c r="AO2963">
        <v>29481.93706</v>
      </c>
      <c r="AP2963">
        <v>16418.23085</v>
      </c>
    </row>
    <row r="2964" spans="2:42" x14ac:dyDescent="0.3">
      <c r="B2964">
        <v>47.704978710658374</v>
      </c>
      <c r="C2964" s="83">
        <v>43224.416666666664</v>
      </c>
      <c r="D2964">
        <v>175233.27009999999</v>
      </c>
      <c r="E2964">
        <v>27571.575250000002</v>
      </c>
      <c r="F2964">
        <v>86178.816600000006</v>
      </c>
      <c r="G2964">
        <v>53581.414109999998</v>
      </c>
      <c r="H2964">
        <v>40675.463589999999</v>
      </c>
      <c r="I2964">
        <v>29775.366249999999</v>
      </c>
      <c r="J2964">
        <v>42111.179459999999</v>
      </c>
      <c r="K2964">
        <v>48482.680979999997</v>
      </c>
      <c r="L2964">
        <v>29945.534739999999</v>
      </c>
      <c r="M2964">
        <v>243222.22829999999</v>
      </c>
      <c r="N2964">
        <v>67606.450970000005</v>
      </c>
      <c r="O2964">
        <v>21589.733219999998</v>
      </c>
      <c r="P2964">
        <v>34952.71355</v>
      </c>
      <c r="Q2964">
        <v>56224.382060000004</v>
      </c>
      <c r="R2964">
        <v>18853.475139999999</v>
      </c>
      <c r="S2964">
        <v>94490.856929999994</v>
      </c>
      <c r="T2964">
        <v>32087.59663</v>
      </c>
      <c r="U2964">
        <v>15992.336789999999</v>
      </c>
      <c r="W2964" s="83">
        <f>Bühler!N2996</f>
        <v>45415.416666659483</v>
      </c>
      <c r="X2964" s="83">
        <v>43224.416666666664</v>
      </c>
      <c r="Y2964">
        <v>175233.27009999999</v>
      </c>
      <c r="Z2964">
        <v>27571.575250000002</v>
      </c>
      <c r="AA2964">
        <v>86178.816600000006</v>
      </c>
      <c r="AB2964">
        <v>53581.414109999998</v>
      </c>
      <c r="AC2964">
        <v>40675.463589999999</v>
      </c>
      <c r="AD2964">
        <v>29775.366249999999</v>
      </c>
      <c r="AE2964">
        <v>42111.179459999999</v>
      </c>
      <c r="AF2964">
        <v>48482.680979999997</v>
      </c>
      <c r="AG2964">
        <v>29945.534739999999</v>
      </c>
      <c r="AH2964">
        <v>243222.22829999999</v>
      </c>
      <c r="AI2964">
        <v>67606.450970000005</v>
      </c>
      <c r="AJ2964">
        <v>21589.733219999998</v>
      </c>
      <c r="AK2964">
        <v>34952.71355</v>
      </c>
      <c r="AL2964">
        <v>56224.382060000004</v>
      </c>
      <c r="AM2964">
        <v>18853.475139999999</v>
      </c>
      <c r="AN2964">
        <v>94490.856929999994</v>
      </c>
      <c r="AO2964">
        <v>32087.59663</v>
      </c>
      <c r="AP2964">
        <v>15992.336789999999</v>
      </c>
    </row>
    <row r="2965" spans="2:42" x14ac:dyDescent="0.3">
      <c r="B2965">
        <v>47.657039490585724</v>
      </c>
      <c r="C2965" s="83">
        <v>43224.458333333336</v>
      </c>
      <c r="D2965">
        <v>173280.25099999999</v>
      </c>
      <c r="E2965">
        <v>27508.279839999999</v>
      </c>
      <c r="F2965">
        <v>86559.339110000001</v>
      </c>
      <c r="G2965">
        <v>53071.114710000002</v>
      </c>
      <c r="H2965">
        <v>40877.038390000002</v>
      </c>
      <c r="I2965">
        <v>29252.178660000001</v>
      </c>
      <c r="J2965">
        <v>42051.996149999999</v>
      </c>
      <c r="K2965">
        <v>48239.348769999997</v>
      </c>
      <c r="L2965">
        <v>32190.355599999999</v>
      </c>
      <c r="M2965">
        <v>242977.8118</v>
      </c>
      <c r="N2965">
        <v>67968.122340000002</v>
      </c>
      <c r="O2965">
        <v>21876.827130000001</v>
      </c>
      <c r="P2965">
        <v>34056.650399999999</v>
      </c>
      <c r="Q2965">
        <v>55866.841610000003</v>
      </c>
      <c r="R2965">
        <v>20385.695339999998</v>
      </c>
      <c r="S2965">
        <v>95866.724440000005</v>
      </c>
      <c r="T2965">
        <v>32312.53429</v>
      </c>
      <c r="U2965">
        <v>15095.32389</v>
      </c>
      <c r="W2965" s="83">
        <f>Bühler!N2997</f>
        <v>45415.458333326147</v>
      </c>
      <c r="X2965" s="83">
        <v>43224.458333333336</v>
      </c>
      <c r="Y2965">
        <v>173280.25099999999</v>
      </c>
      <c r="Z2965">
        <v>27508.279839999999</v>
      </c>
      <c r="AA2965">
        <v>86559.339110000001</v>
      </c>
      <c r="AB2965">
        <v>53071.114710000002</v>
      </c>
      <c r="AC2965">
        <v>40877.038390000002</v>
      </c>
      <c r="AD2965">
        <v>29252.178660000001</v>
      </c>
      <c r="AE2965">
        <v>42051.996149999999</v>
      </c>
      <c r="AF2965">
        <v>48239.348769999997</v>
      </c>
      <c r="AG2965">
        <v>32190.355599999999</v>
      </c>
      <c r="AH2965">
        <v>242977.8118</v>
      </c>
      <c r="AI2965">
        <v>67968.122340000002</v>
      </c>
      <c r="AJ2965">
        <v>21876.827130000001</v>
      </c>
      <c r="AK2965">
        <v>34056.650399999999</v>
      </c>
      <c r="AL2965">
        <v>55866.841610000003</v>
      </c>
      <c r="AM2965">
        <v>20385.695339999998</v>
      </c>
      <c r="AN2965">
        <v>95866.724440000005</v>
      </c>
      <c r="AO2965">
        <v>32312.53429</v>
      </c>
      <c r="AP2965">
        <v>15095.32389</v>
      </c>
    </row>
    <row r="2966" spans="2:42" x14ac:dyDescent="0.3">
      <c r="B2966">
        <v>46.815251723020744</v>
      </c>
      <c r="C2966" s="83">
        <v>43224.5</v>
      </c>
      <c r="D2966">
        <v>168199.40229999999</v>
      </c>
      <c r="E2966">
        <v>25098.158950000001</v>
      </c>
      <c r="F2966">
        <v>85214.99656</v>
      </c>
      <c r="G2966">
        <v>52532.50232</v>
      </c>
      <c r="H2966">
        <v>38607.04307</v>
      </c>
      <c r="I2966">
        <v>29138.703109999999</v>
      </c>
      <c r="J2966">
        <v>42323.64572</v>
      </c>
      <c r="K2966">
        <v>48128.788489999999</v>
      </c>
      <c r="L2966">
        <v>34677.481599999999</v>
      </c>
      <c r="M2966">
        <v>238685.9852</v>
      </c>
      <c r="N2966">
        <v>67672.127219999995</v>
      </c>
      <c r="O2966">
        <v>21275.768700000001</v>
      </c>
      <c r="P2966">
        <v>34324.615030000001</v>
      </c>
      <c r="Q2966">
        <v>54403.007859999998</v>
      </c>
      <c r="R2966">
        <v>21077.809939999999</v>
      </c>
      <c r="S2966">
        <v>91731.587849999996</v>
      </c>
      <c r="T2966">
        <v>31983.633610000001</v>
      </c>
      <c r="U2966">
        <v>13448.205</v>
      </c>
      <c r="W2966" s="83">
        <f>Bühler!N2998</f>
        <v>45415.499999992811</v>
      </c>
      <c r="X2966" s="83">
        <v>43224.5</v>
      </c>
      <c r="Y2966">
        <v>168199.40229999999</v>
      </c>
      <c r="Z2966">
        <v>25098.158950000001</v>
      </c>
      <c r="AA2966">
        <v>85214.99656</v>
      </c>
      <c r="AB2966">
        <v>52532.50232</v>
      </c>
      <c r="AC2966">
        <v>38607.04307</v>
      </c>
      <c r="AD2966">
        <v>29138.703109999999</v>
      </c>
      <c r="AE2966">
        <v>42323.64572</v>
      </c>
      <c r="AF2966">
        <v>48128.788489999999</v>
      </c>
      <c r="AG2966">
        <v>34677.481599999999</v>
      </c>
      <c r="AH2966">
        <v>238685.9852</v>
      </c>
      <c r="AI2966">
        <v>67672.127219999995</v>
      </c>
      <c r="AJ2966">
        <v>21275.768700000001</v>
      </c>
      <c r="AK2966">
        <v>34324.615030000001</v>
      </c>
      <c r="AL2966">
        <v>54403.007859999998</v>
      </c>
      <c r="AM2966">
        <v>21077.809939999999</v>
      </c>
      <c r="AN2966">
        <v>91731.587849999996</v>
      </c>
      <c r="AO2966">
        <v>31983.633610000001</v>
      </c>
      <c r="AP2966">
        <v>13448.205</v>
      </c>
    </row>
    <row r="2967" spans="2:42" x14ac:dyDescent="0.3">
      <c r="B2967">
        <v>46.151621393218036</v>
      </c>
      <c r="C2967" s="83">
        <v>43224.541666666664</v>
      </c>
      <c r="D2967">
        <v>168281.64600000001</v>
      </c>
      <c r="E2967">
        <v>24454.086810000001</v>
      </c>
      <c r="F2967">
        <v>83849.378809999995</v>
      </c>
      <c r="G2967">
        <v>49363.726009999998</v>
      </c>
      <c r="H2967">
        <v>38220.945390000001</v>
      </c>
      <c r="I2967">
        <v>29044.155340000001</v>
      </c>
      <c r="J2967">
        <v>41720.793460000001</v>
      </c>
      <c r="K2967">
        <v>49320.394439999996</v>
      </c>
      <c r="L2967">
        <v>33629.041620000004</v>
      </c>
      <c r="M2967">
        <v>235302.4883</v>
      </c>
      <c r="N2967">
        <v>66730.410709999996</v>
      </c>
      <c r="O2967">
        <v>21404.234970000001</v>
      </c>
      <c r="P2967">
        <v>33805.789049999999</v>
      </c>
      <c r="Q2967">
        <v>52536.916160000001</v>
      </c>
      <c r="R2967">
        <v>20609.092639999999</v>
      </c>
      <c r="S2967">
        <v>92233.626189999995</v>
      </c>
      <c r="T2967">
        <v>30593.709620000001</v>
      </c>
      <c r="U2967">
        <v>13696.25749</v>
      </c>
      <c r="W2967" s="83">
        <f>Bühler!N2999</f>
        <v>45415.541666659476</v>
      </c>
      <c r="X2967" s="83">
        <v>43224.541666666664</v>
      </c>
      <c r="Y2967">
        <v>168281.64600000001</v>
      </c>
      <c r="Z2967">
        <v>24454.086810000001</v>
      </c>
      <c r="AA2967">
        <v>83849.378809999995</v>
      </c>
      <c r="AB2967">
        <v>49363.726009999998</v>
      </c>
      <c r="AC2967">
        <v>38220.945390000001</v>
      </c>
      <c r="AD2967">
        <v>29044.155340000001</v>
      </c>
      <c r="AE2967">
        <v>41720.793460000001</v>
      </c>
      <c r="AF2967">
        <v>49320.394439999996</v>
      </c>
      <c r="AG2967">
        <v>33629.041620000004</v>
      </c>
      <c r="AH2967">
        <v>235302.4883</v>
      </c>
      <c r="AI2967">
        <v>66730.410709999996</v>
      </c>
      <c r="AJ2967">
        <v>21404.234970000001</v>
      </c>
      <c r="AK2967">
        <v>33805.789049999999</v>
      </c>
      <c r="AL2967">
        <v>52536.916160000001</v>
      </c>
      <c r="AM2967">
        <v>20609.092639999999</v>
      </c>
      <c r="AN2967">
        <v>92233.626189999995</v>
      </c>
      <c r="AO2967">
        <v>30593.709620000001</v>
      </c>
      <c r="AP2967">
        <v>13696.25749</v>
      </c>
    </row>
    <row r="2968" spans="2:42" x14ac:dyDescent="0.3">
      <c r="B2968">
        <v>46.160193598479125</v>
      </c>
      <c r="C2968" s="83">
        <v>43224.583333333336</v>
      </c>
      <c r="D2968">
        <v>168414.31690000001</v>
      </c>
      <c r="E2968">
        <v>26696.40367</v>
      </c>
      <c r="F2968">
        <v>85050.557650000002</v>
      </c>
      <c r="G2968">
        <v>45991.55113</v>
      </c>
      <c r="H2968">
        <v>38074.288249999998</v>
      </c>
      <c r="I2968">
        <v>29098.821100000001</v>
      </c>
      <c r="J2968">
        <v>40655.612370000003</v>
      </c>
      <c r="K2968">
        <v>48919.922409999999</v>
      </c>
      <c r="L2968">
        <v>30857.63363</v>
      </c>
      <c r="M2968">
        <v>235346.19339999999</v>
      </c>
      <c r="N2968">
        <v>66409.72451</v>
      </c>
      <c r="O2968">
        <v>21569.91158</v>
      </c>
      <c r="P2968">
        <v>30745.776860000002</v>
      </c>
      <c r="Q2968">
        <v>51201.382960000003</v>
      </c>
      <c r="R2968">
        <v>19755.925589999999</v>
      </c>
      <c r="S2968">
        <v>88897.398889999997</v>
      </c>
      <c r="T2968">
        <v>29194.982899999999</v>
      </c>
      <c r="U2968">
        <v>13730.27651</v>
      </c>
      <c r="W2968" s="83">
        <f>Bühler!N3000</f>
        <v>45415.58333332614</v>
      </c>
      <c r="X2968" s="83">
        <v>43224.583333333336</v>
      </c>
      <c r="Y2968">
        <v>168414.31690000001</v>
      </c>
      <c r="Z2968">
        <v>26696.40367</v>
      </c>
      <c r="AA2968">
        <v>85050.557650000002</v>
      </c>
      <c r="AB2968">
        <v>45991.55113</v>
      </c>
      <c r="AC2968">
        <v>38074.288249999998</v>
      </c>
      <c r="AD2968">
        <v>29098.821100000001</v>
      </c>
      <c r="AE2968">
        <v>40655.612370000003</v>
      </c>
      <c r="AF2968">
        <v>48919.922409999999</v>
      </c>
      <c r="AG2968">
        <v>30857.63363</v>
      </c>
      <c r="AH2968">
        <v>235346.19339999999</v>
      </c>
      <c r="AI2968">
        <v>66409.72451</v>
      </c>
      <c r="AJ2968">
        <v>21569.91158</v>
      </c>
      <c r="AK2968">
        <v>30745.776860000002</v>
      </c>
      <c r="AL2968">
        <v>51201.382960000003</v>
      </c>
      <c r="AM2968">
        <v>19755.925589999999</v>
      </c>
      <c r="AN2968">
        <v>88897.398889999997</v>
      </c>
      <c r="AO2968">
        <v>29194.982899999999</v>
      </c>
      <c r="AP2968">
        <v>13730.27651</v>
      </c>
    </row>
    <row r="2969" spans="2:42" x14ac:dyDescent="0.3">
      <c r="B2969">
        <v>46.058666538127589</v>
      </c>
      <c r="C2969" s="83">
        <v>43224.625</v>
      </c>
      <c r="D2969">
        <v>167601.40090000001</v>
      </c>
      <c r="E2969">
        <v>26514.359929999999</v>
      </c>
      <c r="F2969">
        <v>85651.276379999996</v>
      </c>
      <c r="G2969">
        <v>43462.503109999998</v>
      </c>
      <c r="H2969">
        <v>37663.755570000001</v>
      </c>
      <c r="I2969">
        <v>29131.13063</v>
      </c>
      <c r="J2969">
        <v>39806.995949999997</v>
      </c>
      <c r="K2969">
        <v>48696.509590000001</v>
      </c>
      <c r="L2969">
        <v>28119.213520000001</v>
      </c>
      <c r="M2969">
        <v>234828.56109999999</v>
      </c>
      <c r="N2969">
        <v>66116.782089999993</v>
      </c>
      <c r="O2969">
        <v>21308.683239999998</v>
      </c>
      <c r="P2969">
        <v>28690.983370000002</v>
      </c>
      <c r="Q2969">
        <v>50215.141750000003</v>
      </c>
      <c r="R2969">
        <v>20123.105899999999</v>
      </c>
      <c r="S2969">
        <v>87290.771340000007</v>
      </c>
      <c r="T2969">
        <v>29121.793949999999</v>
      </c>
      <c r="U2969">
        <v>12554.56259</v>
      </c>
      <c r="W2969" s="83">
        <f>Bühler!N3001</f>
        <v>45415.624999992804</v>
      </c>
      <c r="X2969" s="83">
        <v>43224.625</v>
      </c>
      <c r="Y2969">
        <v>167601.40090000001</v>
      </c>
      <c r="Z2969">
        <v>26514.359929999999</v>
      </c>
      <c r="AA2969">
        <v>85651.276379999996</v>
      </c>
      <c r="AB2969">
        <v>43462.503109999998</v>
      </c>
      <c r="AC2969">
        <v>37663.755570000001</v>
      </c>
      <c r="AD2969">
        <v>29131.13063</v>
      </c>
      <c r="AE2969">
        <v>39806.995949999997</v>
      </c>
      <c r="AF2969">
        <v>48696.509590000001</v>
      </c>
      <c r="AG2969">
        <v>28119.213520000001</v>
      </c>
      <c r="AH2969">
        <v>234828.56109999999</v>
      </c>
      <c r="AI2969">
        <v>66116.782089999993</v>
      </c>
      <c r="AJ2969">
        <v>21308.683239999998</v>
      </c>
      <c r="AK2969">
        <v>28690.983370000002</v>
      </c>
      <c r="AL2969">
        <v>50215.141750000003</v>
      </c>
      <c r="AM2969">
        <v>20123.105899999999</v>
      </c>
      <c r="AN2969">
        <v>87290.771340000007</v>
      </c>
      <c r="AO2969">
        <v>29121.793949999999</v>
      </c>
      <c r="AP2969">
        <v>12554.56259</v>
      </c>
    </row>
    <row r="2970" spans="2:42" x14ac:dyDescent="0.3">
      <c r="B2970">
        <v>45.228313797507916</v>
      </c>
      <c r="C2970" s="83">
        <v>43224.666666666664</v>
      </c>
      <c r="D2970">
        <v>164200.69940000001</v>
      </c>
      <c r="E2970">
        <v>26147.141810000001</v>
      </c>
      <c r="F2970">
        <v>83789.666859999998</v>
      </c>
      <c r="G2970">
        <v>40349.928549999997</v>
      </c>
      <c r="H2970">
        <v>36830.742400000003</v>
      </c>
      <c r="I2970">
        <v>28981.10599</v>
      </c>
      <c r="J2970">
        <v>38313.504589999997</v>
      </c>
      <c r="K2970">
        <v>46306.811739999997</v>
      </c>
      <c r="L2970">
        <v>27039.747800000001</v>
      </c>
      <c r="M2970">
        <v>230595.0356</v>
      </c>
      <c r="N2970">
        <v>66036.782009999995</v>
      </c>
      <c r="O2970">
        <v>21397.531019999999</v>
      </c>
      <c r="P2970">
        <v>27514.653829999999</v>
      </c>
      <c r="Q2970">
        <v>50453.549200000001</v>
      </c>
      <c r="R2970">
        <v>19297.334790000001</v>
      </c>
      <c r="S2970">
        <v>86194.568310000002</v>
      </c>
      <c r="T2970">
        <v>29174.927950000001</v>
      </c>
      <c r="U2970">
        <v>12053.271189999999</v>
      </c>
      <c r="W2970" s="83">
        <f>Bühler!N3002</f>
        <v>45415.666666659468</v>
      </c>
      <c r="X2970" s="83">
        <v>43224.666666666664</v>
      </c>
      <c r="Y2970">
        <v>164200.69940000001</v>
      </c>
      <c r="Z2970">
        <v>26147.141810000001</v>
      </c>
      <c r="AA2970">
        <v>83789.666859999998</v>
      </c>
      <c r="AB2970">
        <v>40349.928549999997</v>
      </c>
      <c r="AC2970">
        <v>36830.742400000003</v>
      </c>
      <c r="AD2970">
        <v>28981.10599</v>
      </c>
      <c r="AE2970">
        <v>38313.504589999997</v>
      </c>
      <c r="AF2970">
        <v>46306.811739999997</v>
      </c>
      <c r="AG2970">
        <v>27039.747800000001</v>
      </c>
      <c r="AH2970">
        <v>230595.0356</v>
      </c>
      <c r="AI2970">
        <v>66036.782009999995</v>
      </c>
      <c r="AJ2970">
        <v>21397.531019999999</v>
      </c>
      <c r="AK2970">
        <v>27514.653829999999</v>
      </c>
      <c r="AL2970">
        <v>50453.549200000001</v>
      </c>
      <c r="AM2970">
        <v>19297.334790000001</v>
      </c>
      <c r="AN2970">
        <v>86194.568310000002</v>
      </c>
      <c r="AO2970">
        <v>29174.927950000001</v>
      </c>
      <c r="AP2970">
        <v>12053.271189999999</v>
      </c>
    </row>
    <row r="2971" spans="2:42" x14ac:dyDescent="0.3">
      <c r="B2971">
        <v>44.168927162834507</v>
      </c>
      <c r="C2971" s="83">
        <v>43224.708333333336</v>
      </c>
      <c r="D2971">
        <v>160263.3726</v>
      </c>
      <c r="E2971">
        <v>24861.62457</v>
      </c>
      <c r="F2971">
        <v>83032.975390000007</v>
      </c>
      <c r="G2971">
        <v>37032.932769999999</v>
      </c>
      <c r="H2971">
        <v>36076.601949999997</v>
      </c>
      <c r="I2971">
        <v>27902.728749999998</v>
      </c>
      <c r="J2971">
        <v>38966.617140000002</v>
      </c>
      <c r="K2971">
        <v>44259.727189999998</v>
      </c>
      <c r="L2971">
        <v>27131.715400000001</v>
      </c>
      <c r="M2971">
        <v>225193.7885</v>
      </c>
      <c r="N2971">
        <v>65015.595780000003</v>
      </c>
      <c r="O2971">
        <v>20945.99581</v>
      </c>
      <c r="P2971">
        <v>29629.996739999999</v>
      </c>
      <c r="Q2971">
        <v>48906.385889999998</v>
      </c>
      <c r="R2971">
        <v>19547.97795</v>
      </c>
      <c r="S2971">
        <v>86186.958509999997</v>
      </c>
      <c r="T2971">
        <v>28537.439060000001</v>
      </c>
      <c r="U2971">
        <v>11613.26059</v>
      </c>
      <c r="W2971" s="83">
        <f>Bühler!N3003</f>
        <v>45415.708333326133</v>
      </c>
      <c r="X2971" s="83">
        <v>43224.708333333336</v>
      </c>
      <c r="Y2971">
        <v>160263.3726</v>
      </c>
      <c r="Z2971">
        <v>24861.62457</v>
      </c>
      <c r="AA2971">
        <v>83032.975390000007</v>
      </c>
      <c r="AB2971">
        <v>37032.932769999999</v>
      </c>
      <c r="AC2971">
        <v>36076.601949999997</v>
      </c>
      <c r="AD2971">
        <v>27902.728749999998</v>
      </c>
      <c r="AE2971">
        <v>38966.617140000002</v>
      </c>
      <c r="AF2971">
        <v>44259.727189999998</v>
      </c>
      <c r="AG2971">
        <v>27131.715400000001</v>
      </c>
      <c r="AH2971">
        <v>225193.7885</v>
      </c>
      <c r="AI2971">
        <v>65015.595780000003</v>
      </c>
      <c r="AJ2971">
        <v>20945.99581</v>
      </c>
      <c r="AK2971">
        <v>29629.996739999999</v>
      </c>
      <c r="AL2971">
        <v>48906.385889999998</v>
      </c>
      <c r="AM2971">
        <v>19547.97795</v>
      </c>
      <c r="AN2971">
        <v>86186.958509999997</v>
      </c>
      <c r="AO2971">
        <v>28537.439060000001</v>
      </c>
      <c r="AP2971">
        <v>11613.26059</v>
      </c>
    </row>
    <row r="2972" spans="2:42" x14ac:dyDescent="0.3">
      <c r="B2972">
        <v>43.184435854400228</v>
      </c>
      <c r="C2972" s="83">
        <v>43224.75</v>
      </c>
      <c r="D2972">
        <v>157608.8541</v>
      </c>
      <c r="E2972">
        <v>23041.838640000002</v>
      </c>
      <c r="F2972">
        <v>80770.419320000001</v>
      </c>
      <c r="G2972">
        <v>34385.324379999998</v>
      </c>
      <c r="H2972">
        <v>35149.911650000002</v>
      </c>
      <c r="I2972">
        <v>27604.38164</v>
      </c>
      <c r="J2972">
        <v>39522.056239999998</v>
      </c>
      <c r="K2972">
        <v>43329.274250000002</v>
      </c>
      <c r="L2972">
        <v>28000.16617</v>
      </c>
      <c r="M2972">
        <v>220174.3927</v>
      </c>
      <c r="N2972">
        <v>64734.436079999999</v>
      </c>
      <c r="O2972">
        <v>20344.641970000001</v>
      </c>
      <c r="P2972">
        <v>31578.051899999999</v>
      </c>
      <c r="Q2972">
        <v>48043.593220000002</v>
      </c>
      <c r="R2972">
        <v>18374.24091</v>
      </c>
      <c r="S2972">
        <v>83169.669569999998</v>
      </c>
      <c r="T2972">
        <v>28247.520229999998</v>
      </c>
      <c r="U2972">
        <v>11816.794400000001</v>
      </c>
      <c r="W2972" s="83">
        <f>Bühler!N3004</f>
        <v>45415.749999992797</v>
      </c>
      <c r="X2972" s="83">
        <v>43224.75</v>
      </c>
      <c r="Y2972">
        <v>157608.8541</v>
      </c>
      <c r="Z2972">
        <v>23041.838640000002</v>
      </c>
      <c r="AA2972">
        <v>80770.419320000001</v>
      </c>
      <c r="AB2972">
        <v>34385.324379999998</v>
      </c>
      <c r="AC2972">
        <v>35149.911650000002</v>
      </c>
      <c r="AD2972">
        <v>27604.38164</v>
      </c>
      <c r="AE2972">
        <v>39522.056239999998</v>
      </c>
      <c r="AF2972">
        <v>43329.274250000002</v>
      </c>
      <c r="AG2972">
        <v>28000.16617</v>
      </c>
      <c r="AH2972">
        <v>220174.3927</v>
      </c>
      <c r="AI2972">
        <v>64734.436079999999</v>
      </c>
      <c r="AJ2972">
        <v>20344.641970000001</v>
      </c>
      <c r="AK2972">
        <v>31578.051899999999</v>
      </c>
      <c r="AL2972">
        <v>48043.593220000002</v>
      </c>
      <c r="AM2972">
        <v>18374.24091</v>
      </c>
      <c r="AN2972">
        <v>83169.669569999998</v>
      </c>
      <c r="AO2972">
        <v>28247.520229999998</v>
      </c>
      <c r="AP2972">
        <v>11816.794400000001</v>
      </c>
    </row>
    <row r="2973" spans="2:42" x14ac:dyDescent="0.3">
      <c r="B2973">
        <v>42.318461087896914</v>
      </c>
      <c r="C2973" s="83">
        <v>43224.791666666664</v>
      </c>
      <c r="D2973">
        <v>156415.693</v>
      </c>
      <c r="E2973">
        <v>18770.518769999999</v>
      </c>
      <c r="F2973">
        <v>70701.304409999997</v>
      </c>
      <c r="G2973">
        <v>33343.456530000003</v>
      </c>
      <c r="H2973">
        <v>34283.803820000001</v>
      </c>
      <c r="I2973">
        <v>26478.245279999999</v>
      </c>
      <c r="J2973">
        <v>39485.2143</v>
      </c>
      <c r="K2973">
        <v>43464.77317</v>
      </c>
      <c r="L2973">
        <v>29182.680469999999</v>
      </c>
      <c r="M2973">
        <v>215759.24950000001</v>
      </c>
      <c r="N2973">
        <v>65206.15137</v>
      </c>
      <c r="O2973">
        <v>20238.939409999999</v>
      </c>
      <c r="P2973">
        <v>34380.236770000003</v>
      </c>
      <c r="Q2973">
        <v>46260.876850000001</v>
      </c>
      <c r="R2973">
        <v>17246.180700000001</v>
      </c>
      <c r="S2973">
        <v>81131.219410000005</v>
      </c>
      <c r="T2973">
        <v>28214.941439999999</v>
      </c>
      <c r="U2973">
        <v>11562.40919</v>
      </c>
      <c r="W2973" s="83">
        <f>Bühler!N3005</f>
        <v>45415.791666659461</v>
      </c>
      <c r="X2973" s="83">
        <v>43224.791666666664</v>
      </c>
      <c r="Y2973">
        <v>156415.693</v>
      </c>
      <c r="Z2973">
        <v>18770.518769999999</v>
      </c>
      <c r="AA2973">
        <v>70701.304409999997</v>
      </c>
      <c r="AB2973">
        <v>33343.456530000003</v>
      </c>
      <c r="AC2973">
        <v>34283.803820000001</v>
      </c>
      <c r="AD2973">
        <v>26478.245279999999</v>
      </c>
      <c r="AE2973">
        <v>39485.2143</v>
      </c>
      <c r="AF2973">
        <v>43464.77317</v>
      </c>
      <c r="AG2973">
        <v>29182.680469999999</v>
      </c>
      <c r="AH2973">
        <v>215759.24950000001</v>
      </c>
      <c r="AI2973">
        <v>65206.15137</v>
      </c>
      <c r="AJ2973">
        <v>20238.939409999999</v>
      </c>
      <c r="AK2973">
        <v>34380.236770000003</v>
      </c>
      <c r="AL2973">
        <v>46260.876850000001</v>
      </c>
      <c r="AM2973">
        <v>17246.180700000001</v>
      </c>
      <c r="AN2973">
        <v>81131.219410000005</v>
      </c>
      <c r="AO2973">
        <v>28214.941439999999</v>
      </c>
      <c r="AP2973">
        <v>11562.40919</v>
      </c>
    </row>
    <row r="2974" spans="2:42" x14ac:dyDescent="0.3">
      <c r="B2974">
        <v>41.670264536552729</v>
      </c>
      <c r="C2974" s="83">
        <v>43224.833333333336</v>
      </c>
      <c r="D2974">
        <v>155632.38810000001</v>
      </c>
      <c r="E2974">
        <v>14072.824979999999</v>
      </c>
      <c r="F2974">
        <v>54100.722670000003</v>
      </c>
      <c r="G2974">
        <v>33471.064129999999</v>
      </c>
      <c r="H2974">
        <v>33157.593589999997</v>
      </c>
      <c r="I2974">
        <v>23950.213469999999</v>
      </c>
      <c r="J2974">
        <v>40248.547319999998</v>
      </c>
      <c r="K2974">
        <v>43989.247360000001</v>
      </c>
      <c r="L2974">
        <v>28795.79033</v>
      </c>
      <c r="M2974">
        <v>212454.4412</v>
      </c>
      <c r="N2974">
        <v>66238.588470000002</v>
      </c>
      <c r="O2974">
        <v>20476.707760000001</v>
      </c>
      <c r="P2974">
        <v>34918.930319999999</v>
      </c>
      <c r="Q2974">
        <v>44817.218930000003</v>
      </c>
      <c r="R2974">
        <v>16600.37428</v>
      </c>
      <c r="S2974">
        <v>77045.022029999993</v>
      </c>
      <c r="T2974">
        <v>27522.99091</v>
      </c>
      <c r="U2974">
        <v>11829.03572</v>
      </c>
      <c r="W2974" s="83">
        <f>Bühler!N3006</f>
        <v>45415.833333326125</v>
      </c>
      <c r="X2974" s="83">
        <v>43224.833333333336</v>
      </c>
      <c r="Y2974">
        <v>155632.38810000001</v>
      </c>
      <c r="Z2974">
        <v>14072.824979999999</v>
      </c>
      <c r="AA2974">
        <v>54100.722670000003</v>
      </c>
      <c r="AB2974">
        <v>33471.064129999999</v>
      </c>
      <c r="AC2974">
        <v>33157.593589999997</v>
      </c>
      <c r="AD2974">
        <v>23950.213469999999</v>
      </c>
      <c r="AE2974">
        <v>40248.547319999998</v>
      </c>
      <c r="AF2974">
        <v>43989.247360000001</v>
      </c>
      <c r="AG2974">
        <v>28795.79033</v>
      </c>
      <c r="AH2974">
        <v>212454.4412</v>
      </c>
      <c r="AI2974">
        <v>66238.588470000002</v>
      </c>
      <c r="AJ2974">
        <v>20476.707760000001</v>
      </c>
      <c r="AK2974">
        <v>34918.930319999999</v>
      </c>
      <c r="AL2974">
        <v>44817.218930000003</v>
      </c>
      <c r="AM2974">
        <v>16600.37428</v>
      </c>
      <c r="AN2974">
        <v>77045.022029999993</v>
      </c>
      <c r="AO2974">
        <v>27522.99091</v>
      </c>
      <c r="AP2974">
        <v>11829.03572</v>
      </c>
    </row>
    <row r="2975" spans="2:42" x14ac:dyDescent="0.3">
      <c r="B2975">
        <v>41.814621829635833</v>
      </c>
      <c r="C2975" s="83">
        <v>43224.875</v>
      </c>
      <c r="D2975">
        <v>155085.51430000001</v>
      </c>
      <c r="E2975">
        <v>12722.93159</v>
      </c>
      <c r="F2975">
        <v>47130.379229999999</v>
      </c>
      <c r="G2975">
        <v>33838.809910000004</v>
      </c>
      <c r="H2975">
        <v>34123.424619999998</v>
      </c>
      <c r="I2975">
        <v>22700.54034</v>
      </c>
      <c r="J2975">
        <v>41489.996290000003</v>
      </c>
      <c r="K2975">
        <v>45025.651919999997</v>
      </c>
      <c r="L2975">
        <v>28271.04535</v>
      </c>
      <c r="M2975">
        <v>213190.44200000001</v>
      </c>
      <c r="N2975">
        <v>66495.482199999999</v>
      </c>
      <c r="O2975">
        <v>20146.934120000002</v>
      </c>
      <c r="P2975">
        <v>34213.179380000001</v>
      </c>
      <c r="Q2975">
        <v>43736.979740000002</v>
      </c>
      <c r="R2975">
        <v>17156.87066</v>
      </c>
      <c r="S2975">
        <v>75551.495790000001</v>
      </c>
      <c r="T2975">
        <v>25851.637180000002</v>
      </c>
      <c r="U2975">
        <v>12248.432150000001</v>
      </c>
      <c r="W2975" s="83">
        <f>Bühler!N3007</f>
        <v>45415.87499999279</v>
      </c>
      <c r="X2975" s="83">
        <v>43224.875</v>
      </c>
      <c r="Y2975">
        <v>155085.51430000001</v>
      </c>
      <c r="Z2975">
        <v>12722.93159</v>
      </c>
      <c r="AA2975">
        <v>47130.379229999999</v>
      </c>
      <c r="AB2975">
        <v>33838.809910000004</v>
      </c>
      <c r="AC2975">
        <v>34123.424619999998</v>
      </c>
      <c r="AD2975">
        <v>22700.54034</v>
      </c>
      <c r="AE2975">
        <v>41489.996290000003</v>
      </c>
      <c r="AF2975">
        <v>45025.651919999997</v>
      </c>
      <c r="AG2975">
        <v>28271.04535</v>
      </c>
      <c r="AH2975">
        <v>213190.44200000001</v>
      </c>
      <c r="AI2975">
        <v>66495.482199999999</v>
      </c>
      <c r="AJ2975">
        <v>20146.934120000002</v>
      </c>
      <c r="AK2975">
        <v>34213.179380000001</v>
      </c>
      <c r="AL2975">
        <v>43736.979740000002</v>
      </c>
      <c r="AM2975">
        <v>17156.87066</v>
      </c>
      <c r="AN2975">
        <v>75551.495790000001</v>
      </c>
      <c r="AO2975">
        <v>25851.637180000002</v>
      </c>
      <c r="AP2975">
        <v>12248.432150000001</v>
      </c>
    </row>
    <row r="2976" spans="2:42" x14ac:dyDescent="0.3">
      <c r="B2976">
        <v>41.959437515467499</v>
      </c>
      <c r="C2976" s="83">
        <v>43224.916666666664</v>
      </c>
      <c r="D2976">
        <v>154421.27239999999</v>
      </c>
      <c r="E2976">
        <v>12240.00143</v>
      </c>
      <c r="F2976">
        <v>44363.188280000002</v>
      </c>
      <c r="G2976">
        <v>33586.342409999997</v>
      </c>
      <c r="H2976">
        <v>34202.530559999999</v>
      </c>
      <c r="I2976">
        <v>21752.14976</v>
      </c>
      <c r="J2976">
        <v>40699.628680000002</v>
      </c>
      <c r="K2976">
        <v>48672.380089999999</v>
      </c>
      <c r="L2976">
        <v>25283.55183</v>
      </c>
      <c r="M2976">
        <v>213928.77989999999</v>
      </c>
      <c r="N2976">
        <v>65690.281130000003</v>
      </c>
      <c r="O2976">
        <v>20756.33066</v>
      </c>
      <c r="P2976">
        <v>35112.043700000002</v>
      </c>
      <c r="Q2976">
        <v>43977.730730000003</v>
      </c>
      <c r="R2976">
        <v>19126.611929999999</v>
      </c>
      <c r="S2976">
        <v>75892.708660000004</v>
      </c>
      <c r="T2976">
        <v>23081.028630000001</v>
      </c>
      <c r="U2976">
        <v>12032.635200000001</v>
      </c>
      <c r="W2976" s="83">
        <f>Bühler!N3008</f>
        <v>45415.916666659454</v>
      </c>
      <c r="X2976" s="83">
        <v>43224.916666666664</v>
      </c>
      <c r="Y2976">
        <v>154421.27239999999</v>
      </c>
      <c r="Z2976">
        <v>12240.00143</v>
      </c>
      <c r="AA2976">
        <v>44363.188280000002</v>
      </c>
      <c r="AB2976">
        <v>33586.342409999997</v>
      </c>
      <c r="AC2976">
        <v>34202.530559999999</v>
      </c>
      <c r="AD2976">
        <v>21752.14976</v>
      </c>
      <c r="AE2976">
        <v>40699.628680000002</v>
      </c>
      <c r="AF2976">
        <v>48672.380089999999</v>
      </c>
      <c r="AG2976">
        <v>25283.55183</v>
      </c>
      <c r="AH2976">
        <v>213928.77989999999</v>
      </c>
      <c r="AI2976">
        <v>65690.281130000003</v>
      </c>
      <c r="AJ2976">
        <v>20756.33066</v>
      </c>
      <c r="AK2976">
        <v>35112.043700000002</v>
      </c>
      <c r="AL2976">
        <v>43977.730730000003</v>
      </c>
      <c r="AM2976">
        <v>19126.611929999999</v>
      </c>
      <c r="AN2976">
        <v>75892.708660000004</v>
      </c>
      <c r="AO2976">
        <v>23081.028630000001</v>
      </c>
      <c r="AP2976">
        <v>12032.635200000001</v>
      </c>
    </row>
    <row r="2977" spans="2:42" x14ac:dyDescent="0.3">
      <c r="B2977">
        <v>41.830982847715632</v>
      </c>
      <c r="C2977" s="83">
        <v>43224.958333333336</v>
      </c>
      <c r="D2977">
        <v>154649.66990000001</v>
      </c>
      <c r="E2977">
        <v>11941.75052</v>
      </c>
      <c r="F2977">
        <v>43482.715389999998</v>
      </c>
      <c r="G2977">
        <v>33046.684269999998</v>
      </c>
      <c r="H2977">
        <v>33574.661749999999</v>
      </c>
      <c r="I2977">
        <v>20765.37817</v>
      </c>
      <c r="J2977">
        <v>37444.840020000003</v>
      </c>
      <c r="K2977">
        <v>48073.384530000003</v>
      </c>
      <c r="L2977">
        <v>21372.581989999999</v>
      </c>
      <c r="M2977">
        <v>213273.85810000001</v>
      </c>
      <c r="N2977">
        <v>66166.050350000005</v>
      </c>
      <c r="O2977">
        <v>20467.316080000001</v>
      </c>
      <c r="P2977">
        <v>30733.34086</v>
      </c>
      <c r="Q2977">
        <v>44161.359040000003</v>
      </c>
      <c r="R2977">
        <v>19778.904170000002</v>
      </c>
      <c r="S2977">
        <v>74310.637740000006</v>
      </c>
      <c r="T2977">
        <v>21772.673009999999</v>
      </c>
      <c r="U2977">
        <v>11627.986870000001</v>
      </c>
      <c r="W2977" s="83">
        <f>Bühler!N3009</f>
        <v>45415.958333326118</v>
      </c>
      <c r="X2977" s="83">
        <v>43224.958333333336</v>
      </c>
      <c r="Y2977">
        <v>154649.66990000001</v>
      </c>
      <c r="Z2977">
        <v>11941.75052</v>
      </c>
      <c r="AA2977">
        <v>43482.715389999998</v>
      </c>
      <c r="AB2977">
        <v>33046.684269999998</v>
      </c>
      <c r="AC2977">
        <v>33574.661749999999</v>
      </c>
      <c r="AD2977">
        <v>20765.37817</v>
      </c>
      <c r="AE2977">
        <v>37444.840020000003</v>
      </c>
      <c r="AF2977">
        <v>48073.384530000003</v>
      </c>
      <c r="AG2977">
        <v>21372.581989999999</v>
      </c>
      <c r="AH2977">
        <v>213273.85810000001</v>
      </c>
      <c r="AI2977">
        <v>66166.050350000005</v>
      </c>
      <c r="AJ2977">
        <v>20467.316080000001</v>
      </c>
      <c r="AK2977">
        <v>30733.34086</v>
      </c>
      <c r="AL2977">
        <v>44161.359040000003</v>
      </c>
      <c r="AM2977">
        <v>19778.904170000002</v>
      </c>
      <c r="AN2977">
        <v>74310.637740000006</v>
      </c>
      <c r="AO2977">
        <v>21772.673009999999</v>
      </c>
      <c r="AP2977">
        <v>11627.986870000001</v>
      </c>
    </row>
    <row r="2978" spans="2:42" x14ac:dyDescent="0.3">
      <c r="B2978">
        <v>41.771066319977443</v>
      </c>
      <c r="C2978" s="83">
        <v>43225</v>
      </c>
      <c r="D2978">
        <v>147466.6667</v>
      </c>
      <c r="E2978">
        <v>11821.3418</v>
      </c>
      <c r="F2978">
        <v>43614.968690000002</v>
      </c>
      <c r="G2978">
        <v>33692.546020000002</v>
      </c>
      <c r="H2978">
        <v>33034.096019999997</v>
      </c>
      <c r="I2978">
        <v>16242.929819999999</v>
      </c>
      <c r="J2978">
        <v>36137.551480000002</v>
      </c>
      <c r="K2978">
        <v>46305.256309999997</v>
      </c>
      <c r="L2978">
        <v>19208.55186</v>
      </c>
      <c r="M2978">
        <v>212968.3757</v>
      </c>
      <c r="N2978">
        <v>65988.504749999993</v>
      </c>
      <c r="O2978">
        <v>20567.573769999999</v>
      </c>
      <c r="P2978">
        <v>29112.05128</v>
      </c>
      <c r="Q2978">
        <v>43666.900260000002</v>
      </c>
      <c r="R2978">
        <v>17699.12153</v>
      </c>
      <c r="S2978">
        <v>74023.283089999997</v>
      </c>
      <c r="T2978">
        <v>20632.929960000001</v>
      </c>
      <c r="U2978">
        <v>11876.77037</v>
      </c>
      <c r="W2978" s="83">
        <f>Bühler!N3010</f>
        <v>45415.999999992782</v>
      </c>
      <c r="X2978" s="83">
        <v>43225</v>
      </c>
      <c r="Y2978">
        <v>147466.6667</v>
      </c>
      <c r="Z2978">
        <v>11821.3418</v>
      </c>
      <c r="AA2978">
        <v>43614.968690000002</v>
      </c>
      <c r="AB2978">
        <v>33692.546020000002</v>
      </c>
      <c r="AC2978">
        <v>33034.096019999997</v>
      </c>
      <c r="AD2978">
        <v>16242.929819999999</v>
      </c>
      <c r="AE2978">
        <v>36137.551480000002</v>
      </c>
      <c r="AF2978">
        <v>46305.256309999997</v>
      </c>
      <c r="AG2978">
        <v>19208.55186</v>
      </c>
      <c r="AH2978">
        <v>212968.3757</v>
      </c>
      <c r="AI2978">
        <v>65988.504749999993</v>
      </c>
      <c r="AJ2978">
        <v>20567.573769999999</v>
      </c>
      <c r="AK2978">
        <v>29112.05128</v>
      </c>
      <c r="AL2978">
        <v>43666.900260000002</v>
      </c>
      <c r="AM2978">
        <v>17699.12153</v>
      </c>
      <c r="AN2978">
        <v>74023.283089999997</v>
      </c>
      <c r="AO2978">
        <v>20632.929960000001</v>
      </c>
      <c r="AP2978">
        <v>11876.77037</v>
      </c>
    </row>
    <row r="2979" spans="2:42" x14ac:dyDescent="0.3">
      <c r="B2979">
        <v>41.302241179301284</v>
      </c>
      <c r="C2979" s="83">
        <v>43225.041666666664</v>
      </c>
      <c r="D2979">
        <v>147522.67790000001</v>
      </c>
      <c r="E2979">
        <v>11834.362499999999</v>
      </c>
      <c r="F2979">
        <v>43681.625059999998</v>
      </c>
      <c r="G2979">
        <v>33081.34895</v>
      </c>
      <c r="H2979">
        <v>32817.774490000003</v>
      </c>
      <c r="I2979">
        <v>14682.66553</v>
      </c>
      <c r="J2979">
        <v>35445.624490000002</v>
      </c>
      <c r="K2979">
        <v>43417.963510000001</v>
      </c>
      <c r="L2979">
        <v>17751.829809999999</v>
      </c>
      <c r="M2979">
        <v>210578.0865</v>
      </c>
      <c r="N2979">
        <v>65283.379459999996</v>
      </c>
      <c r="O2979">
        <v>20555.52103</v>
      </c>
      <c r="P2979">
        <v>27335.935829999999</v>
      </c>
      <c r="Q2979">
        <v>45221.614650000003</v>
      </c>
      <c r="R2979">
        <v>15917.811879999999</v>
      </c>
      <c r="S2979">
        <v>72255.677429999996</v>
      </c>
      <c r="T2979">
        <v>20116.944920000002</v>
      </c>
      <c r="U2979">
        <v>11942.817650000001</v>
      </c>
      <c r="W2979" s="83">
        <f>Bühler!N3011</f>
        <v>45416.041666659446</v>
      </c>
      <c r="X2979" s="83">
        <v>43225.041666666664</v>
      </c>
      <c r="Y2979">
        <v>147522.67790000001</v>
      </c>
      <c r="Z2979">
        <v>11834.362499999999</v>
      </c>
      <c r="AA2979">
        <v>43681.625059999998</v>
      </c>
      <c r="AB2979">
        <v>33081.34895</v>
      </c>
      <c r="AC2979">
        <v>32817.774490000003</v>
      </c>
      <c r="AD2979">
        <v>14682.66553</v>
      </c>
      <c r="AE2979">
        <v>35445.624490000002</v>
      </c>
      <c r="AF2979">
        <v>43417.963510000001</v>
      </c>
      <c r="AG2979">
        <v>17751.829809999999</v>
      </c>
      <c r="AH2979">
        <v>210578.0865</v>
      </c>
      <c r="AI2979">
        <v>65283.379459999996</v>
      </c>
      <c r="AJ2979">
        <v>20555.52103</v>
      </c>
      <c r="AK2979">
        <v>27335.935829999999</v>
      </c>
      <c r="AL2979">
        <v>45221.614650000003</v>
      </c>
      <c r="AM2979">
        <v>15917.811879999999</v>
      </c>
      <c r="AN2979">
        <v>72255.677429999996</v>
      </c>
      <c r="AO2979">
        <v>20116.944920000002</v>
      </c>
      <c r="AP2979">
        <v>11942.817650000001</v>
      </c>
    </row>
    <row r="2980" spans="2:42" x14ac:dyDescent="0.3">
      <c r="B2980">
        <v>41.286903508175264</v>
      </c>
      <c r="C2980" s="83">
        <v>43225.083333333336</v>
      </c>
      <c r="D2980">
        <v>147554.4492</v>
      </c>
      <c r="E2980">
        <v>11772.884249999999</v>
      </c>
      <c r="F2980">
        <v>45035.293180000001</v>
      </c>
      <c r="G2980">
        <v>32852.186970000002</v>
      </c>
      <c r="H2980">
        <v>32399.979050000002</v>
      </c>
      <c r="I2980">
        <v>13227.01095</v>
      </c>
      <c r="J2980">
        <v>34996.615149999998</v>
      </c>
      <c r="K2980">
        <v>42467.741670000003</v>
      </c>
      <c r="L2980">
        <v>17256.71818</v>
      </c>
      <c r="M2980">
        <v>210499.8879</v>
      </c>
      <c r="N2980">
        <v>64424.509660000003</v>
      </c>
      <c r="O2980">
        <v>21075.293539999999</v>
      </c>
      <c r="P2980">
        <v>26170.892889999999</v>
      </c>
      <c r="Q2980">
        <v>47219.434679999998</v>
      </c>
      <c r="R2980">
        <v>15588.432650000001</v>
      </c>
      <c r="S2980">
        <v>72041.745079999993</v>
      </c>
      <c r="T2980">
        <v>19554.647639999999</v>
      </c>
      <c r="U2980">
        <v>11858.263489999999</v>
      </c>
      <c r="W2980" s="83">
        <f>Bühler!N3012</f>
        <v>45416.083333326111</v>
      </c>
      <c r="X2980" s="83">
        <v>43225.083333333336</v>
      </c>
      <c r="Y2980">
        <v>147554.4492</v>
      </c>
      <c r="Z2980">
        <v>11772.884249999999</v>
      </c>
      <c r="AA2980">
        <v>45035.293180000001</v>
      </c>
      <c r="AB2980">
        <v>32852.186970000002</v>
      </c>
      <c r="AC2980">
        <v>32399.979050000002</v>
      </c>
      <c r="AD2980">
        <v>13227.01095</v>
      </c>
      <c r="AE2980">
        <v>34996.615149999998</v>
      </c>
      <c r="AF2980">
        <v>42467.741670000003</v>
      </c>
      <c r="AG2980">
        <v>17256.71818</v>
      </c>
      <c r="AH2980">
        <v>210499.8879</v>
      </c>
      <c r="AI2980">
        <v>64424.509660000003</v>
      </c>
      <c r="AJ2980">
        <v>21075.293539999999</v>
      </c>
      <c r="AK2980">
        <v>26170.892889999999</v>
      </c>
      <c r="AL2980">
        <v>47219.434679999998</v>
      </c>
      <c r="AM2980">
        <v>15588.432650000001</v>
      </c>
      <c r="AN2980">
        <v>72041.745079999993</v>
      </c>
      <c r="AO2980">
        <v>19554.647639999999</v>
      </c>
      <c r="AP2980">
        <v>11858.263489999999</v>
      </c>
    </row>
    <row r="2981" spans="2:42" x14ac:dyDescent="0.3">
      <c r="B2981">
        <v>41.889511958233513</v>
      </c>
      <c r="C2981" s="83">
        <v>43225.125</v>
      </c>
      <c r="D2981">
        <v>147845.20009999999</v>
      </c>
      <c r="E2981">
        <v>11877.910169999999</v>
      </c>
      <c r="F2981">
        <v>46767.594089999999</v>
      </c>
      <c r="G2981">
        <v>32151.857339999999</v>
      </c>
      <c r="H2981">
        <v>32530.021909999999</v>
      </c>
      <c r="I2981">
        <v>12872.005880000001</v>
      </c>
      <c r="J2981">
        <v>35431.103459999998</v>
      </c>
      <c r="K2981">
        <v>41117.627719999997</v>
      </c>
      <c r="L2981">
        <v>16859.322359999998</v>
      </c>
      <c r="M2981">
        <v>213572.26680000001</v>
      </c>
      <c r="N2981">
        <v>63630.993049999997</v>
      </c>
      <c r="O2981">
        <v>20642.361359999999</v>
      </c>
      <c r="P2981">
        <v>24973.970430000001</v>
      </c>
      <c r="Q2981">
        <v>49795.693180000002</v>
      </c>
      <c r="R2981">
        <v>15203.656789999999</v>
      </c>
      <c r="S2981">
        <v>71710.031459999998</v>
      </c>
      <c r="T2981">
        <v>19522.653180000001</v>
      </c>
      <c r="U2981">
        <v>12194.16222</v>
      </c>
      <c r="W2981" s="83">
        <f>Bühler!N3013</f>
        <v>45416.124999992775</v>
      </c>
      <c r="X2981" s="83">
        <v>43225.125</v>
      </c>
      <c r="Y2981">
        <v>147845.20009999999</v>
      </c>
      <c r="Z2981">
        <v>11877.910169999999</v>
      </c>
      <c r="AA2981">
        <v>46767.594089999999</v>
      </c>
      <c r="AB2981">
        <v>32151.857339999999</v>
      </c>
      <c r="AC2981">
        <v>32530.021909999999</v>
      </c>
      <c r="AD2981">
        <v>12872.005880000001</v>
      </c>
      <c r="AE2981">
        <v>35431.103459999998</v>
      </c>
      <c r="AF2981">
        <v>41117.627719999997</v>
      </c>
      <c r="AG2981">
        <v>16859.322359999998</v>
      </c>
      <c r="AH2981">
        <v>213572.26680000001</v>
      </c>
      <c r="AI2981">
        <v>63630.993049999997</v>
      </c>
      <c r="AJ2981">
        <v>20642.361359999999</v>
      </c>
      <c r="AK2981">
        <v>24973.970430000001</v>
      </c>
      <c r="AL2981">
        <v>49795.693180000002</v>
      </c>
      <c r="AM2981">
        <v>15203.656789999999</v>
      </c>
      <c r="AN2981">
        <v>71710.031459999998</v>
      </c>
      <c r="AO2981">
        <v>19522.653180000001</v>
      </c>
      <c r="AP2981">
        <v>12194.16222</v>
      </c>
    </row>
    <row r="2982" spans="2:42" x14ac:dyDescent="0.3">
      <c r="B2982">
        <v>42.673693775243692</v>
      </c>
      <c r="C2982" s="83">
        <v>43225.166666666664</v>
      </c>
      <c r="D2982">
        <v>149390.54300000001</v>
      </c>
      <c r="E2982">
        <v>12103.1404</v>
      </c>
      <c r="F2982">
        <v>50134.037420000001</v>
      </c>
      <c r="G2982">
        <v>31425.742010000002</v>
      </c>
      <c r="H2982">
        <v>33086.176399999997</v>
      </c>
      <c r="I2982">
        <v>14787.59463</v>
      </c>
      <c r="J2982">
        <v>37390.659809999997</v>
      </c>
      <c r="K2982">
        <v>40840.345990000002</v>
      </c>
      <c r="L2982">
        <v>16525.49382</v>
      </c>
      <c r="M2982">
        <v>217570.39139999999</v>
      </c>
      <c r="N2982">
        <v>62975.979850000003</v>
      </c>
      <c r="O2982">
        <v>20858.851409999999</v>
      </c>
      <c r="P2982">
        <v>24406.786759999999</v>
      </c>
      <c r="Q2982">
        <v>52851.484579999997</v>
      </c>
      <c r="R2982">
        <v>15870.48646</v>
      </c>
      <c r="S2982">
        <v>71988.966220000002</v>
      </c>
      <c r="T2982">
        <v>19549.040110000002</v>
      </c>
      <c r="U2982">
        <v>12263.38134</v>
      </c>
      <c r="W2982" s="83">
        <f>Bühler!N3014</f>
        <v>45416.166666659439</v>
      </c>
      <c r="X2982" s="83">
        <v>43225.166666666664</v>
      </c>
      <c r="Y2982">
        <v>149390.54300000001</v>
      </c>
      <c r="Z2982">
        <v>12103.1404</v>
      </c>
      <c r="AA2982">
        <v>50134.037420000001</v>
      </c>
      <c r="AB2982">
        <v>31425.742010000002</v>
      </c>
      <c r="AC2982">
        <v>33086.176399999997</v>
      </c>
      <c r="AD2982">
        <v>14787.59463</v>
      </c>
      <c r="AE2982">
        <v>37390.659809999997</v>
      </c>
      <c r="AF2982">
        <v>40840.345990000002</v>
      </c>
      <c r="AG2982">
        <v>16525.49382</v>
      </c>
      <c r="AH2982">
        <v>217570.39139999999</v>
      </c>
      <c r="AI2982">
        <v>62975.979850000003</v>
      </c>
      <c r="AJ2982">
        <v>20858.851409999999</v>
      </c>
      <c r="AK2982">
        <v>24406.786759999999</v>
      </c>
      <c r="AL2982">
        <v>52851.484579999997</v>
      </c>
      <c r="AM2982">
        <v>15870.48646</v>
      </c>
      <c r="AN2982">
        <v>71988.966220000002</v>
      </c>
      <c r="AO2982">
        <v>19549.040110000002</v>
      </c>
      <c r="AP2982">
        <v>12263.38134</v>
      </c>
    </row>
    <row r="2983" spans="2:42" x14ac:dyDescent="0.3">
      <c r="B2983">
        <v>44.476904541655003</v>
      </c>
      <c r="C2983" s="83">
        <v>43225.208333333336</v>
      </c>
      <c r="D2983">
        <v>154930.1538</v>
      </c>
      <c r="E2983">
        <v>13040.334930000001</v>
      </c>
      <c r="F2983">
        <v>59608.03097</v>
      </c>
      <c r="G2983">
        <v>31872.02059</v>
      </c>
      <c r="H2983">
        <v>33843.870239999997</v>
      </c>
      <c r="I2983">
        <v>21666.227599999998</v>
      </c>
      <c r="J2983">
        <v>40128.700340000003</v>
      </c>
      <c r="K2983">
        <v>40441.201179999996</v>
      </c>
      <c r="L2983">
        <v>17158.644420000001</v>
      </c>
      <c r="M2983">
        <v>226764.00080000001</v>
      </c>
      <c r="N2983">
        <v>62470.48098</v>
      </c>
      <c r="O2983">
        <v>21414.748479999998</v>
      </c>
      <c r="P2983">
        <v>25513.67094</v>
      </c>
      <c r="Q2983">
        <v>55723.830809999999</v>
      </c>
      <c r="R2983">
        <v>17827.737249999998</v>
      </c>
      <c r="S2983">
        <v>73766.424110000007</v>
      </c>
      <c r="T2983">
        <v>20070.86204</v>
      </c>
      <c r="U2983">
        <v>12393.526949999999</v>
      </c>
      <c r="W2983" s="83">
        <f>Bühler!N3015</f>
        <v>45416.208333326103</v>
      </c>
      <c r="X2983" s="83">
        <v>43225.208333333336</v>
      </c>
      <c r="Y2983">
        <v>154930.1538</v>
      </c>
      <c r="Z2983">
        <v>13040.334930000001</v>
      </c>
      <c r="AA2983">
        <v>59608.03097</v>
      </c>
      <c r="AB2983">
        <v>31872.02059</v>
      </c>
      <c r="AC2983">
        <v>33843.870239999997</v>
      </c>
      <c r="AD2983">
        <v>21666.227599999998</v>
      </c>
      <c r="AE2983">
        <v>40128.700340000003</v>
      </c>
      <c r="AF2983">
        <v>40441.201179999996</v>
      </c>
      <c r="AG2983">
        <v>17158.644420000001</v>
      </c>
      <c r="AH2983">
        <v>226764.00080000001</v>
      </c>
      <c r="AI2983">
        <v>62470.48098</v>
      </c>
      <c r="AJ2983">
        <v>21414.748479999998</v>
      </c>
      <c r="AK2983">
        <v>25513.67094</v>
      </c>
      <c r="AL2983">
        <v>55723.830809999999</v>
      </c>
      <c r="AM2983">
        <v>17827.737249999998</v>
      </c>
      <c r="AN2983">
        <v>73766.424110000007</v>
      </c>
      <c r="AO2983">
        <v>20070.86204</v>
      </c>
      <c r="AP2983">
        <v>12393.526949999999</v>
      </c>
    </row>
    <row r="2984" spans="2:42" x14ac:dyDescent="0.3">
      <c r="B2984">
        <v>45.156192246567372</v>
      </c>
      <c r="C2984" s="83">
        <v>43225.25</v>
      </c>
      <c r="D2984">
        <v>159388.6813</v>
      </c>
      <c r="E2984">
        <v>14714.52018</v>
      </c>
      <c r="F2984">
        <v>70236.417199999996</v>
      </c>
      <c r="G2984">
        <v>32458.514950000001</v>
      </c>
      <c r="H2984">
        <v>33750.302940000001</v>
      </c>
      <c r="I2984">
        <v>24395.206890000001</v>
      </c>
      <c r="J2984">
        <v>42581.54969</v>
      </c>
      <c r="K2984">
        <v>39837.886050000001</v>
      </c>
      <c r="L2984">
        <v>18269.40036</v>
      </c>
      <c r="M2984">
        <v>230227.32629999999</v>
      </c>
      <c r="N2984">
        <v>62065.896780000003</v>
      </c>
      <c r="O2984">
        <v>21424.505379999999</v>
      </c>
      <c r="P2984">
        <v>26468.372060000002</v>
      </c>
      <c r="Q2984">
        <v>56786.686320000001</v>
      </c>
      <c r="R2984">
        <v>14980.379870000001</v>
      </c>
      <c r="S2984">
        <v>76817.677989999996</v>
      </c>
      <c r="T2984">
        <v>21586.107370000002</v>
      </c>
      <c r="U2984">
        <v>12147.723470000001</v>
      </c>
      <c r="W2984" s="83">
        <f>Bühler!N3016</f>
        <v>45416.249999992768</v>
      </c>
      <c r="X2984" s="83">
        <v>43225.25</v>
      </c>
      <c r="Y2984">
        <v>159388.6813</v>
      </c>
      <c r="Z2984">
        <v>14714.52018</v>
      </c>
      <c r="AA2984">
        <v>70236.417199999996</v>
      </c>
      <c r="AB2984">
        <v>32458.514950000001</v>
      </c>
      <c r="AC2984">
        <v>33750.302940000001</v>
      </c>
      <c r="AD2984">
        <v>24395.206890000001</v>
      </c>
      <c r="AE2984">
        <v>42581.54969</v>
      </c>
      <c r="AF2984">
        <v>39837.886050000001</v>
      </c>
      <c r="AG2984">
        <v>18269.40036</v>
      </c>
      <c r="AH2984">
        <v>230227.32629999999</v>
      </c>
      <c r="AI2984">
        <v>62065.896780000003</v>
      </c>
      <c r="AJ2984">
        <v>21424.505379999999</v>
      </c>
      <c r="AK2984">
        <v>26468.372060000002</v>
      </c>
      <c r="AL2984">
        <v>56786.686320000001</v>
      </c>
      <c r="AM2984">
        <v>14980.379870000001</v>
      </c>
      <c r="AN2984">
        <v>76817.677989999996</v>
      </c>
      <c r="AO2984">
        <v>21586.107370000002</v>
      </c>
      <c r="AP2984">
        <v>12147.723470000001</v>
      </c>
    </row>
    <row r="2985" spans="2:42" x14ac:dyDescent="0.3">
      <c r="B2985">
        <v>45.814679068844256</v>
      </c>
      <c r="C2985" s="83">
        <v>43225.291666666664</v>
      </c>
      <c r="D2985">
        <v>159627.9651</v>
      </c>
      <c r="E2985">
        <v>16540.917020000001</v>
      </c>
      <c r="F2985">
        <v>72183.95779</v>
      </c>
      <c r="G2985">
        <v>32848.055930000002</v>
      </c>
      <c r="H2985">
        <v>33784.034870000003</v>
      </c>
      <c r="I2985">
        <v>26302.295429999998</v>
      </c>
      <c r="J2985">
        <v>42343.614739999997</v>
      </c>
      <c r="K2985">
        <v>40078.706590000002</v>
      </c>
      <c r="L2985">
        <v>19747.080910000001</v>
      </c>
      <c r="M2985">
        <v>233584.5992</v>
      </c>
      <c r="N2985">
        <v>60863.607450000003</v>
      </c>
      <c r="O2985">
        <v>21278.661810000001</v>
      </c>
      <c r="P2985">
        <v>28673.220850000002</v>
      </c>
      <c r="Q2985">
        <v>55493.434560000002</v>
      </c>
      <c r="R2985">
        <v>14521.55935</v>
      </c>
      <c r="S2985">
        <v>83129.780660000004</v>
      </c>
      <c r="T2985">
        <v>22538.194640000002</v>
      </c>
      <c r="U2985">
        <v>11998.94744</v>
      </c>
      <c r="W2985" s="83">
        <f>Bühler!N3017</f>
        <v>45416.291666659432</v>
      </c>
      <c r="X2985" s="83">
        <v>43225.291666666664</v>
      </c>
      <c r="Y2985">
        <v>159627.9651</v>
      </c>
      <c r="Z2985">
        <v>16540.917020000001</v>
      </c>
      <c r="AA2985">
        <v>72183.95779</v>
      </c>
      <c r="AB2985">
        <v>32848.055930000002</v>
      </c>
      <c r="AC2985">
        <v>33784.034870000003</v>
      </c>
      <c r="AD2985">
        <v>26302.295429999998</v>
      </c>
      <c r="AE2985">
        <v>42343.614739999997</v>
      </c>
      <c r="AF2985">
        <v>40078.706590000002</v>
      </c>
      <c r="AG2985">
        <v>19747.080910000001</v>
      </c>
      <c r="AH2985">
        <v>233584.5992</v>
      </c>
      <c r="AI2985">
        <v>60863.607450000003</v>
      </c>
      <c r="AJ2985">
        <v>21278.661810000001</v>
      </c>
      <c r="AK2985">
        <v>28673.220850000002</v>
      </c>
      <c r="AL2985">
        <v>55493.434560000002</v>
      </c>
      <c r="AM2985">
        <v>14521.55935</v>
      </c>
      <c r="AN2985">
        <v>83129.780660000004</v>
      </c>
      <c r="AO2985">
        <v>22538.194640000002</v>
      </c>
      <c r="AP2985">
        <v>11998.94744</v>
      </c>
    </row>
    <row r="2986" spans="2:42" x14ac:dyDescent="0.3">
      <c r="B2986">
        <v>45.980200961782032</v>
      </c>
      <c r="C2986" s="83">
        <v>43225.333333333336</v>
      </c>
      <c r="D2986">
        <v>161371.1709</v>
      </c>
      <c r="E2986">
        <v>19494.136839999999</v>
      </c>
      <c r="F2986">
        <v>76117.627189999999</v>
      </c>
      <c r="G2986">
        <v>33606.34029</v>
      </c>
      <c r="H2986">
        <v>34123.215779999999</v>
      </c>
      <c r="I2986">
        <v>26910.466570000001</v>
      </c>
      <c r="J2986">
        <v>43034.391020000003</v>
      </c>
      <c r="K2986">
        <v>41040.89892</v>
      </c>
      <c r="L2986">
        <v>22117.1993</v>
      </c>
      <c r="M2986">
        <v>234428.50700000001</v>
      </c>
      <c r="N2986">
        <v>62004.99611</v>
      </c>
      <c r="O2986">
        <v>21803.770489999999</v>
      </c>
      <c r="P2986">
        <v>31045.41865</v>
      </c>
      <c r="Q2986">
        <v>55055.828609999997</v>
      </c>
      <c r="R2986">
        <v>14963.973690000001</v>
      </c>
      <c r="S2986">
        <v>86514.623829999997</v>
      </c>
      <c r="T2986">
        <v>24519.016149999999</v>
      </c>
      <c r="U2986">
        <v>12287.849679999999</v>
      </c>
      <c r="W2986" s="83">
        <f>Bühler!N3018</f>
        <v>45416.333333326096</v>
      </c>
      <c r="X2986" s="83">
        <v>43225.333333333336</v>
      </c>
      <c r="Y2986">
        <v>161371.1709</v>
      </c>
      <c r="Z2986">
        <v>19494.136839999999</v>
      </c>
      <c r="AA2986">
        <v>76117.627189999999</v>
      </c>
      <c r="AB2986">
        <v>33606.34029</v>
      </c>
      <c r="AC2986">
        <v>34123.215779999999</v>
      </c>
      <c r="AD2986">
        <v>26910.466570000001</v>
      </c>
      <c r="AE2986">
        <v>43034.391020000003</v>
      </c>
      <c r="AF2986">
        <v>41040.89892</v>
      </c>
      <c r="AG2986">
        <v>22117.1993</v>
      </c>
      <c r="AH2986">
        <v>234428.50700000001</v>
      </c>
      <c r="AI2986">
        <v>62004.99611</v>
      </c>
      <c r="AJ2986">
        <v>21803.770489999999</v>
      </c>
      <c r="AK2986">
        <v>31045.41865</v>
      </c>
      <c r="AL2986">
        <v>55055.828609999997</v>
      </c>
      <c r="AM2986">
        <v>14963.973690000001</v>
      </c>
      <c r="AN2986">
        <v>86514.623829999997</v>
      </c>
      <c r="AO2986">
        <v>24519.016149999999</v>
      </c>
      <c r="AP2986">
        <v>12287.849679999999</v>
      </c>
    </row>
    <row r="2987" spans="2:42" x14ac:dyDescent="0.3">
      <c r="B2987">
        <v>46.235988822784122</v>
      </c>
      <c r="C2987" s="83">
        <v>43225.375</v>
      </c>
      <c r="D2987">
        <v>161285.63990000001</v>
      </c>
      <c r="E2987">
        <v>22760.886829999999</v>
      </c>
      <c r="F2987">
        <v>83182.169959999999</v>
      </c>
      <c r="G2987">
        <v>33884.43651</v>
      </c>
      <c r="H2987">
        <v>35110.193090000001</v>
      </c>
      <c r="I2987">
        <v>27094.266</v>
      </c>
      <c r="J2987">
        <v>42681.255340000003</v>
      </c>
      <c r="K2987">
        <v>42296.499459999999</v>
      </c>
      <c r="L2987">
        <v>25366.340540000001</v>
      </c>
      <c r="M2987">
        <v>235732.63279999999</v>
      </c>
      <c r="N2987">
        <v>63676.536090000001</v>
      </c>
      <c r="O2987">
        <v>21768.59016</v>
      </c>
      <c r="P2987">
        <v>33110.935250000002</v>
      </c>
      <c r="Q2987">
        <v>55090.932130000001</v>
      </c>
      <c r="R2987">
        <v>14951.509669999999</v>
      </c>
      <c r="S2987">
        <v>87926.48848</v>
      </c>
      <c r="T2987">
        <v>25833.728090000001</v>
      </c>
      <c r="U2987">
        <v>12441.915639999999</v>
      </c>
      <c r="W2987" s="83">
        <f>Bühler!N3019</f>
        <v>45416.37499999276</v>
      </c>
      <c r="X2987" s="83">
        <v>43225.375</v>
      </c>
      <c r="Y2987">
        <v>161285.63990000001</v>
      </c>
      <c r="Z2987">
        <v>22760.886829999999</v>
      </c>
      <c r="AA2987">
        <v>83182.169959999999</v>
      </c>
      <c r="AB2987">
        <v>33884.43651</v>
      </c>
      <c r="AC2987">
        <v>35110.193090000001</v>
      </c>
      <c r="AD2987">
        <v>27094.266</v>
      </c>
      <c r="AE2987">
        <v>42681.255340000003</v>
      </c>
      <c r="AF2987">
        <v>42296.499459999999</v>
      </c>
      <c r="AG2987">
        <v>25366.340540000001</v>
      </c>
      <c r="AH2987">
        <v>235732.63279999999</v>
      </c>
      <c r="AI2987">
        <v>63676.536090000001</v>
      </c>
      <c r="AJ2987">
        <v>21768.59016</v>
      </c>
      <c r="AK2987">
        <v>33110.935250000002</v>
      </c>
      <c r="AL2987">
        <v>55090.932130000001</v>
      </c>
      <c r="AM2987">
        <v>14951.509669999999</v>
      </c>
      <c r="AN2987">
        <v>87926.48848</v>
      </c>
      <c r="AO2987">
        <v>25833.728090000001</v>
      </c>
      <c r="AP2987">
        <v>12441.915639999999</v>
      </c>
    </row>
    <row r="2988" spans="2:42" x14ac:dyDescent="0.3">
      <c r="B2988">
        <v>46.284278010843288</v>
      </c>
      <c r="C2988" s="83">
        <v>43225.416666666664</v>
      </c>
      <c r="D2988">
        <v>161436.9086</v>
      </c>
      <c r="E2988">
        <v>24233.638040000002</v>
      </c>
      <c r="F2988">
        <v>83725.787280000004</v>
      </c>
      <c r="G2988">
        <v>33970.993430000002</v>
      </c>
      <c r="H2988">
        <v>35033.199280000001</v>
      </c>
      <c r="I2988">
        <v>26815.62283</v>
      </c>
      <c r="J2988">
        <v>41194.465940000002</v>
      </c>
      <c r="K2988">
        <v>44237.924489999998</v>
      </c>
      <c r="L2988">
        <v>27993.9784</v>
      </c>
      <c r="M2988">
        <v>235978.83360000001</v>
      </c>
      <c r="N2988">
        <v>65165.296069999997</v>
      </c>
      <c r="O2988">
        <v>22323.241610000001</v>
      </c>
      <c r="P2988">
        <v>33564.62326</v>
      </c>
      <c r="Q2988">
        <v>55370.515339999998</v>
      </c>
      <c r="R2988">
        <v>16034.343269999999</v>
      </c>
      <c r="S2988">
        <v>87528.069000000003</v>
      </c>
      <c r="T2988">
        <v>28137.242310000001</v>
      </c>
      <c r="U2988">
        <v>12473.844370000001</v>
      </c>
      <c r="W2988" s="83">
        <f>Bühler!N3020</f>
        <v>45416.416666659425</v>
      </c>
      <c r="X2988" s="83">
        <v>43225.416666666664</v>
      </c>
      <c r="Y2988">
        <v>161436.9086</v>
      </c>
      <c r="Z2988">
        <v>24233.638040000002</v>
      </c>
      <c r="AA2988">
        <v>83725.787280000004</v>
      </c>
      <c r="AB2988">
        <v>33970.993430000002</v>
      </c>
      <c r="AC2988">
        <v>35033.199280000001</v>
      </c>
      <c r="AD2988">
        <v>26815.62283</v>
      </c>
      <c r="AE2988">
        <v>41194.465940000002</v>
      </c>
      <c r="AF2988">
        <v>44237.924489999998</v>
      </c>
      <c r="AG2988">
        <v>27993.9784</v>
      </c>
      <c r="AH2988">
        <v>235978.83360000001</v>
      </c>
      <c r="AI2988">
        <v>65165.296069999997</v>
      </c>
      <c r="AJ2988">
        <v>22323.241610000001</v>
      </c>
      <c r="AK2988">
        <v>33564.62326</v>
      </c>
      <c r="AL2988">
        <v>55370.515339999998</v>
      </c>
      <c r="AM2988">
        <v>16034.343269999999</v>
      </c>
      <c r="AN2988">
        <v>87528.069000000003</v>
      </c>
      <c r="AO2988">
        <v>28137.242310000001</v>
      </c>
      <c r="AP2988">
        <v>12473.844370000001</v>
      </c>
    </row>
    <row r="2989" spans="2:42" x14ac:dyDescent="0.3">
      <c r="B2989">
        <v>46.448017014694351</v>
      </c>
      <c r="C2989" s="83">
        <v>43225.458333333336</v>
      </c>
      <c r="D2989">
        <v>160625.30809999999</v>
      </c>
      <c r="E2989">
        <v>24220.19068</v>
      </c>
      <c r="F2989">
        <v>84410.661429999993</v>
      </c>
      <c r="G2989">
        <v>33759.710070000001</v>
      </c>
      <c r="H2989">
        <v>35397.341719999997</v>
      </c>
      <c r="I2989">
        <v>26594.909339999998</v>
      </c>
      <c r="J2989">
        <v>41174.836389999997</v>
      </c>
      <c r="K2989">
        <v>44128.057009999997</v>
      </c>
      <c r="L2989">
        <v>30318.723020000001</v>
      </c>
      <c r="M2989">
        <v>236813.6514</v>
      </c>
      <c r="N2989">
        <v>65615.213669999997</v>
      </c>
      <c r="O2989">
        <v>21160.98285</v>
      </c>
      <c r="P2989">
        <v>32933.978620000002</v>
      </c>
      <c r="Q2989">
        <v>54303.061240000003</v>
      </c>
      <c r="R2989">
        <v>17664.154210000001</v>
      </c>
      <c r="S2989">
        <v>89369.915919999999</v>
      </c>
      <c r="T2989">
        <v>28809.018530000001</v>
      </c>
      <c r="U2989">
        <v>11911.766180000001</v>
      </c>
      <c r="W2989" s="83">
        <f>Bühler!N3021</f>
        <v>45416.458333326089</v>
      </c>
      <c r="X2989" s="83">
        <v>43225.458333333336</v>
      </c>
      <c r="Y2989">
        <v>160625.30809999999</v>
      </c>
      <c r="Z2989">
        <v>24220.19068</v>
      </c>
      <c r="AA2989">
        <v>84410.661429999993</v>
      </c>
      <c r="AB2989">
        <v>33759.710070000001</v>
      </c>
      <c r="AC2989">
        <v>35397.341719999997</v>
      </c>
      <c r="AD2989">
        <v>26594.909339999998</v>
      </c>
      <c r="AE2989">
        <v>41174.836389999997</v>
      </c>
      <c r="AF2989">
        <v>44128.057009999997</v>
      </c>
      <c r="AG2989">
        <v>30318.723020000001</v>
      </c>
      <c r="AH2989">
        <v>236813.6514</v>
      </c>
      <c r="AI2989">
        <v>65615.213669999997</v>
      </c>
      <c r="AJ2989">
        <v>21160.98285</v>
      </c>
      <c r="AK2989">
        <v>32933.978620000002</v>
      </c>
      <c r="AL2989">
        <v>54303.061240000003</v>
      </c>
      <c r="AM2989">
        <v>17664.154210000001</v>
      </c>
      <c r="AN2989">
        <v>89369.915919999999</v>
      </c>
      <c r="AO2989">
        <v>28809.018530000001</v>
      </c>
      <c r="AP2989">
        <v>11911.766180000001</v>
      </c>
    </row>
    <row r="2990" spans="2:42" x14ac:dyDescent="0.3">
      <c r="B2990">
        <v>45.677294813850565</v>
      </c>
      <c r="C2990" s="83">
        <v>43225.5</v>
      </c>
      <c r="D2990">
        <v>159005.22930000001</v>
      </c>
      <c r="E2990">
        <v>23005.486799999999</v>
      </c>
      <c r="F2990">
        <v>83035.135519999996</v>
      </c>
      <c r="G2990">
        <v>33388.83713</v>
      </c>
      <c r="H2990">
        <v>34674.448839999997</v>
      </c>
      <c r="I2990">
        <v>26783.58613</v>
      </c>
      <c r="J2990">
        <v>41773.893190000003</v>
      </c>
      <c r="K2990">
        <v>44555.864629999996</v>
      </c>
      <c r="L2990">
        <v>32470.136279999999</v>
      </c>
      <c r="M2990">
        <v>232884.1502</v>
      </c>
      <c r="N2990">
        <v>65725.168799999999</v>
      </c>
      <c r="O2990">
        <v>20202.204539999999</v>
      </c>
      <c r="P2990">
        <v>32965.111129999998</v>
      </c>
      <c r="Q2990">
        <v>51436.96918</v>
      </c>
      <c r="R2990">
        <v>17086.344799999999</v>
      </c>
      <c r="S2990">
        <v>85301.990739999994</v>
      </c>
      <c r="T2990">
        <v>28508.08482</v>
      </c>
      <c r="U2990">
        <v>11262.57533</v>
      </c>
      <c r="W2990" s="83">
        <f>Bühler!N3022</f>
        <v>45416.499999992753</v>
      </c>
      <c r="X2990" s="83">
        <v>43225.5</v>
      </c>
      <c r="Y2990">
        <v>159005.22930000001</v>
      </c>
      <c r="Z2990">
        <v>23005.486799999999</v>
      </c>
      <c r="AA2990">
        <v>83035.135519999996</v>
      </c>
      <c r="AB2990">
        <v>33388.83713</v>
      </c>
      <c r="AC2990">
        <v>34674.448839999997</v>
      </c>
      <c r="AD2990">
        <v>26783.58613</v>
      </c>
      <c r="AE2990">
        <v>41773.893190000003</v>
      </c>
      <c r="AF2990">
        <v>44555.864629999996</v>
      </c>
      <c r="AG2990">
        <v>32470.136279999999</v>
      </c>
      <c r="AH2990">
        <v>232884.1502</v>
      </c>
      <c r="AI2990">
        <v>65725.168799999999</v>
      </c>
      <c r="AJ2990">
        <v>20202.204539999999</v>
      </c>
      <c r="AK2990">
        <v>32965.111129999998</v>
      </c>
      <c r="AL2990">
        <v>51436.96918</v>
      </c>
      <c r="AM2990">
        <v>17086.344799999999</v>
      </c>
      <c r="AN2990">
        <v>85301.990739999994</v>
      </c>
      <c r="AO2990">
        <v>28508.08482</v>
      </c>
      <c r="AP2990">
        <v>11262.57533</v>
      </c>
    </row>
    <row r="2991" spans="2:42" x14ac:dyDescent="0.3">
      <c r="B2991">
        <v>45.041722117541056</v>
      </c>
      <c r="C2991" s="83">
        <v>43225.541666666664</v>
      </c>
      <c r="D2991">
        <v>158405.1893</v>
      </c>
      <c r="E2991">
        <v>22584.427449999999</v>
      </c>
      <c r="F2991">
        <v>81436.595209999999</v>
      </c>
      <c r="G2991">
        <v>33214.642639999998</v>
      </c>
      <c r="H2991">
        <v>34623.879739999997</v>
      </c>
      <c r="I2991">
        <v>26883.542089999999</v>
      </c>
      <c r="J2991">
        <v>41185.053260000001</v>
      </c>
      <c r="K2991">
        <v>45332.189850000002</v>
      </c>
      <c r="L2991">
        <v>32017.239939999999</v>
      </c>
      <c r="M2991">
        <v>229643.70420000001</v>
      </c>
      <c r="N2991">
        <v>65197.690340000001</v>
      </c>
      <c r="O2991">
        <v>19715.166000000001</v>
      </c>
      <c r="P2991">
        <v>32684.26023</v>
      </c>
      <c r="Q2991">
        <v>49871.523719999997</v>
      </c>
      <c r="R2991">
        <v>16942.078369999999</v>
      </c>
      <c r="S2991">
        <v>84828.653430000006</v>
      </c>
      <c r="T2991">
        <v>27923.184669999999</v>
      </c>
      <c r="U2991">
        <v>11504.833629999999</v>
      </c>
      <c r="W2991" s="83">
        <f>Bühler!N3023</f>
        <v>45416.541666659417</v>
      </c>
      <c r="X2991" s="83">
        <v>43225.541666666664</v>
      </c>
      <c r="Y2991">
        <v>158405.1893</v>
      </c>
      <c r="Z2991">
        <v>22584.427449999999</v>
      </c>
      <c r="AA2991">
        <v>81436.595209999999</v>
      </c>
      <c r="AB2991">
        <v>33214.642639999998</v>
      </c>
      <c r="AC2991">
        <v>34623.879739999997</v>
      </c>
      <c r="AD2991">
        <v>26883.542089999999</v>
      </c>
      <c r="AE2991">
        <v>41185.053260000001</v>
      </c>
      <c r="AF2991">
        <v>45332.189850000002</v>
      </c>
      <c r="AG2991">
        <v>32017.239939999999</v>
      </c>
      <c r="AH2991">
        <v>229643.70420000001</v>
      </c>
      <c r="AI2991">
        <v>65197.690340000001</v>
      </c>
      <c r="AJ2991">
        <v>19715.166000000001</v>
      </c>
      <c r="AK2991">
        <v>32684.26023</v>
      </c>
      <c r="AL2991">
        <v>49871.523719999997</v>
      </c>
      <c r="AM2991">
        <v>16942.078369999999</v>
      </c>
      <c r="AN2991">
        <v>84828.653430000006</v>
      </c>
      <c r="AO2991">
        <v>27923.184669999999</v>
      </c>
      <c r="AP2991">
        <v>11504.833629999999</v>
      </c>
    </row>
    <row r="2992" spans="2:42" x14ac:dyDescent="0.3">
      <c r="B2992">
        <v>45.043929408762615</v>
      </c>
      <c r="C2992" s="83">
        <v>43225.583333333336</v>
      </c>
      <c r="D2992">
        <v>157782.21849999999</v>
      </c>
      <c r="E2992">
        <v>23185.248189999998</v>
      </c>
      <c r="F2992">
        <v>81680.959839999996</v>
      </c>
      <c r="G2992">
        <v>33246.87182</v>
      </c>
      <c r="H2992">
        <v>34375.871590000002</v>
      </c>
      <c r="I2992">
        <v>26662.667799999999</v>
      </c>
      <c r="J2992">
        <v>39982.324289999997</v>
      </c>
      <c r="K2992">
        <v>43705.125719999996</v>
      </c>
      <c r="L2992">
        <v>30128.262309999998</v>
      </c>
      <c r="M2992">
        <v>229654.95800000001</v>
      </c>
      <c r="N2992">
        <v>64580.983310000003</v>
      </c>
      <c r="O2992">
        <v>19608.566040000002</v>
      </c>
      <c r="P2992">
        <v>30385.21529</v>
      </c>
      <c r="Q2992">
        <v>49378.641499999998</v>
      </c>
      <c r="R2992">
        <v>16820.125530000001</v>
      </c>
      <c r="S2992">
        <v>82049.027310000005</v>
      </c>
      <c r="T2992">
        <v>27366.145659999998</v>
      </c>
      <c r="U2992">
        <v>11839.70219</v>
      </c>
      <c r="W2992" s="83">
        <f>Bühler!N3024</f>
        <v>45416.583333326082</v>
      </c>
      <c r="X2992" s="83">
        <v>43225.583333333336</v>
      </c>
      <c r="Y2992">
        <v>157782.21849999999</v>
      </c>
      <c r="Z2992">
        <v>23185.248189999998</v>
      </c>
      <c r="AA2992">
        <v>81680.959839999996</v>
      </c>
      <c r="AB2992">
        <v>33246.87182</v>
      </c>
      <c r="AC2992">
        <v>34375.871590000002</v>
      </c>
      <c r="AD2992">
        <v>26662.667799999999</v>
      </c>
      <c r="AE2992">
        <v>39982.324289999997</v>
      </c>
      <c r="AF2992">
        <v>43705.125719999996</v>
      </c>
      <c r="AG2992">
        <v>30128.262309999998</v>
      </c>
      <c r="AH2992">
        <v>229654.95800000001</v>
      </c>
      <c r="AI2992">
        <v>64580.983310000003</v>
      </c>
      <c r="AJ2992">
        <v>19608.566040000002</v>
      </c>
      <c r="AK2992">
        <v>30385.21529</v>
      </c>
      <c r="AL2992">
        <v>49378.641499999998</v>
      </c>
      <c r="AM2992">
        <v>16820.125530000001</v>
      </c>
      <c r="AN2992">
        <v>82049.027310000005</v>
      </c>
      <c r="AO2992">
        <v>27366.145659999998</v>
      </c>
      <c r="AP2992">
        <v>11839.70219</v>
      </c>
    </row>
    <row r="2993" spans="2:42" x14ac:dyDescent="0.3">
      <c r="B2993">
        <v>45.181037659188341</v>
      </c>
      <c r="C2993" s="83">
        <v>43225.625</v>
      </c>
      <c r="D2993">
        <v>157465.18410000001</v>
      </c>
      <c r="E2993">
        <v>23040.43492</v>
      </c>
      <c r="F2993">
        <v>82437.698019999996</v>
      </c>
      <c r="G2993">
        <v>33111.04045</v>
      </c>
      <c r="H2993">
        <v>34000.505160000001</v>
      </c>
      <c r="I2993">
        <v>26986.28486</v>
      </c>
      <c r="J2993">
        <v>39028.630790000003</v>
      </c>
      <c r="K2993">
        <v>42576.573049999999</v>
      </c>
      <c r="L2993">
        <v>28015.088390000001</v>
      </c>
      <c r="M2993">
        <v>230353.99979999999</v>
      </c>
      <c r="N2993">
        <v>64584.911180000003</v>
      </c>
      <c r="O2993">
        <v>19204.742740000002</v>
      </c>
      <c r="P2993">
        <v>29452.557410000001</v>
      </c>
      <c r="Q2993">
        <v>48399.766439999999</v>
      </c>
      <c r="R2993">
        <v>16708.927329999999</v>
      </c>
      <c r="S2993">
        <v>81502.149430000005</v>
      </c>
      <c r="T2993">
        <v>27906.540969999998</v>
      </c>
      <c r="U2993">
        <v>11652.414769999999</v>
      </c>
      <c r="W2993" s="83">
        <f>Bühler!N3025</f>
        <v>45416.624999992746</v>
      </c>
      <c r="X2993" s="83">
        <v>43225.625</v>
      </c>
      <c r="Y2993">
        <v>157465.18410000001</v>
      </c>
      <c r="Z2993">
        <v>23040.43492</v>
      </c>
      <c r="AA2993">
        <v>82437.698019999996</v>
      </c>
      <c r="AB2993">
        <v>33111.04045</v>
      </c>
      <c r="AC2993">
        <v>34000.505160000001</v>
      </c>
      <c r="AD2993">
        <v>26986.28486</v>
      </c>
      <c r="AE2993">
        <v>39028.630790000003</v>
      </c>
      <c r="AF2993">
        <v>42576.573049999999</v>
      </c>
      <c r="AG2993">
        <v>28015.088390000001</v>
      </c>
      <c r="AH2993">
        <v>230353.99979999999</v>
      </c>
      <c r="AI2993">
        <v>64584.911180000003</v>
      </c>
      <c r="AJ2993">
        <v>19204.742740000002</v>
      </c>
      <c r="AK2993">
        <v>29452.557410000001</v>
      </c>
      <c r="AL2993">
        <v>48399.766439999999</v>
      </c>
      <c r="AM2993">
        <v>16708.927329999999</v>
      </c>
      <c r="AN2993">
        <v>81502.149430000005</v>
      </c>
      <c r="AO2993">
        <v>27906.540969999998</v>
      </c>
      <c r="AP2993">
        <v>11652.414769999999</v>
      </c>
    </row>
    <row r="2994" spans="2:42" x14ac:dyDescent="0.3">
      <c r="B2994">
        <v>44.4553232870933</v>
      </c>
      <c r="C2994" s="83">
        <v>43225.666666666664</v>
      </c>
      <c r="D2994">
        <v>156458.62460000001</v>
      </c>
      <c r="E2994">
        <v>22861.998510000001</v>
      </c>
      <c r="F2994">
        <v>80973.439150000006</v>
      </c>
      <c r="G2994">
        <v>32796.193399999996</v>
      </c>
      <c r="H2994">
        <v>33896.739240000003</v>
      </c>
      <c r="I2994">
        <v>26847.487219999999</v>
      </c>
      <c r="J2994">
        <v>38087.840300000003</v>
      </c>
      <c r="K2994">
        <v>42213.20276</v>
      </c>
      <c r="L2994">
        <v>26945.618030000001</v>
      </c>
      <c r="M2994">
        <v>226653.96950000001</v>
      </c>
      <c r="N2994">
        <v>64829.446409999997</v>
      </c>
      <c r="O2994">
        <v>19429.365320000001</v>
      </c>
      <c r="P2994">
        <v>28023.758099999999</v>
      </c>
      <c r="Q2994">
        <v>48645.501830000001</v>
      </c>
      <c r="R2994">
        <v>16257.266</v>
      </c>
      <c r="S2994">
        <v>81635.243560000003</v>
      </c>
      <c r="T2994">
        <v>27905.100880000002</v>
      </c>
      <c r="U2994">
        <v>11916.096519999999</v>
      </c>
      <c r="W2994" s="83">
        <f>Bühler!N3026</f>
        <v>45416.66666665941</v>
      </c>
      <c r="X2994" s="83">
        <v>43225.666666666664</v>
      </c>
      <c r="Y2994">
        <v>156458.62460000001</v>
      </c>
      <c r="Z2994">
        <v>22861.998510000001</v>
      </c>
      <c r="AA2994">
        <v>80973.439150000006</v>
      </c>
      <c r="AB2994">
        <v>32796.193399999996</v>
      </c>
      <c r="AC2994">
        <v>33896.739240000003</v>
      </c>
      <c r="AD2994">
        <v>26847.487219999999</v>
      </c>
      <c r="AE2994">
        <v>38087.840300000003</v>
      </c>
      <c r="AF2994">
        <v>42213.20276</v>
      </c>
      <c r="AG2994">
        <v>26945.618030000001</v>
      </c>
      <c r="AH2994">
        <v>226653.96950000001</v>
      </c>
      <c r="AI2994">
        <v>64829.446409999997</v>
      </c>
      <c r="AJ2994">
        <v>19429.365320000001</v>
      </c>
      <c r="AK2994">
        <v>28023.758099999999</v>
      </c>
      <c r="AL2994">
        <v>48645.501830000001</v>
      </c>
      <c r="AM2994">
        <v>16257.266</v>
      </c>
      <c r="AN2994">
        <v>81635.243560000003</v>
      </c>
      <c r="AO2994">
        <v>27905.100880000002</v>
      </c>
      <c r="AP2994">
        <v>11916.096519999999</v>
      </c>
    </row>
    <row r="2995" spans="2:42" x14ac:dyDescent="0.3">
      <c r="B2995">
        <v>43.497613561755166</v>
      </c>
      <c r="C2995" s="83">
        <v>43225.708333333336</v>
      </c>
      <c r="D2995">
        <v>153819.7335</v>
      </c>
      <c r="E2995">
        <v>22389.569319999999</v>
      </c>
      <c r="F2995">
        <v>80217.905849999996</v>
      </c>
      <c r="G2995">
        <v>32517.841909999999</v>
      </c>
      <c r="H2995">
        <v>33637.492230000003</v>
      </c>
      <c r="I2995">
        <v>26469.134139999998</v>
      </c>
      <c r="J2995">
        <v>38891.569839999996</v>
      </c>
      <c r="K2995">
        <v>41932.197650000002</v>
      </c>
      <c r="L2995">
        <v>26958.03874</v>
      </c>
      <c r="M2995">
        <v>221771.11869999999</v>
      </c>
      <c r="N2995">
        <v>64033.301229999997</v>
      </c>
      <c r="O2995">
        <v>19146.98301</v>
      </c>
      <c r="P2995">
        <v>29487.595140000001</v>
      </c>
      <c r="Q2995">
        <v>47407.527300000002</v>
      </c>
      <c r="R2995">
        <v>18064.912219999998</v>
      </c>
      <c r="S2995">
        <v>83543.503299999997</v>
      </c>
      <c r="T2995">
        <v>27663.22594</v>
      </c>
      <c r="U2995">
        <v>11512.924499999999</v>
      </c>
      <c r="W2995" s="83">
        <f>Bühler!N3027</f>
        <v>45416.708333326074</v>
      </c>
      <c r="X2995" s="83">
        <v>43225.708333333336</v>
      </c>
      <c r="Y2995">
        <v>153819.7335</v>
      </c>
      <c r="Z2995">
        <v>22389.569319999999</v>
      </c>
      <c r="AA2995">
        <v>80217.905849999996</v>
      </c>
      <c r="AB2995">
        <v>32517.841909999999</v>
      </c>
      <c r="AC2995">
        <v>33637.492230000003</v>
      </c>
      <c r="AD2995">
        <v>26469.134139999998</v>
      </c>
      <c r="AE2995">
        <v>38891.569839999996</v>
      </c>
      <c r="AF2995">
        <v>41932.197650000002</v>
      </c>
      <c r="AG2995">
        <v>26958.03874</v>
      </c>
      <c r="AH2995">
        <v>221771.11869999999</v>
      </c>
      <c r="AI2995">
        <v>64033.301229999997</v>
      </c>
      <c r="AJ2995">
        <v>19146.98301</v>
      </c>
      <c r="AK2995">
        <v>29487.595140000001</v>
      </c>
      <c r="AL2995">
        <v>47407.527300000002</v>
      </c>
      <c r="AM2995">
        <v>18064.912219999998</v>
      </c>
      <c r="AN2995">
        <v>83543.503299999997</v>
      </c>
      <c r="AO2995">
        <v>27663.22594</v>
      </c>
      <c r="AP2995">
        <v>11512.924499999999</v>
      </c>
    </row>
    <row r="2996" spans="2:42" x14ac:dyDescent="0.3">
      <c r="B2996">
        <v>42.398553153355827</v>
      </c>
      <c r="C2996" s="83">
        <v>43225.75</v>
      </c>
      <c r="D2996">
        <v>152123.06030000001</v>
      </c>
      <c r="E2996">
        <v>21414.086380000001</v>
      </c>
      <c r="F2996">
        <v>78742.262560000003</v>
      </c>
      <c r="G2996">
        <v>32290.564320000001</v>
      </c>
      <c r="H2996">
        <v>33246.99235</v>
      </c>
      <c r="I2996">
        <v>26457.58353</v>
      </c>
      <c r="J2996">
        <v>39273.920559999999</v>
      </c>
      <c r="K2996">
        <v>41250.116889999998</v>
      </c>
      <c r="L2996">
        <v>27508.27619</v>
      </c>
      <c r="M2996">
        <v>216167.5962</v>
      </c>
      <c r="N2996">
        <v>64019.74955</v>
      </c>
      <c r="O2996">
        <v>18486.55071</v>
      </c>
      <c r="P2996">
        <v>31876.081160000002</v>
      </c>
      <c r="Q2996">
        <v>46426.326229999999</v>
      </c>
      <c r="R2996">
        <v>16884.388630000001</v>
      </c>
      <c r="S2996">
        <v>81391.294160000005</v>
      </c>
      <c r="T2996">
        <v>26915.46787</v>
      </c>
      <c r="U2996">
        <v>10954.946470000001</v>
      </c>
      <c r="W2996" s="83">
        <f>Bühler!N3028</f>
        <v>45416.749999992739</v>
      </c>
      <c r="X2996" s="83">
        <v>43225.75</v>
      </c>
      <c r="Y2996">
        <v>152123.06030000001</v>
      </c>
      <c r="Z2996">
        <v>21414.086380000001</v>
      </c>
      <c r="AA2996">
        <v>78742.262560000003</v>
      </c>
      <c r="AB2996">
        <v>32290.564320000001</v>
      </c>
      <c r="AC2996">
        <v>33246.99235</v>
      </c>
      <c r="AD2996">
        <v>26457.58353</v>
      </c>
      <c r="AE2996">
        <v>39273.920559999999</v>
      </c>
      <c r="AF2996">
        <v>41250.116889999998</v>
      </c>
      <c r="AG2996">
        <v>27508.27619</v>
      </c>
      <c r="AH2996">
        <v>216167.5962</v>
      </c>
      <c r="AI2996">
        <v>64019.74955</v>
      </c>
      <c r="AJ2996">
        <v>18486.55071</v>
      </c>
      <c r="AK2996">
        <v>31876.081160000002</v>
      </c>
      <c r="AL2996">
        <v>46426.326229999999</v>
      </c>
      <c r="AM2996">
        <v>16884.388630000001</v>
      </c>
      <c r="AN2996">
        <v>81391.294160000005</v>
      </c>
      <c r="AO2996">
        <v>26915.46787</v>
      </c>
      <c r="AP2996">
        <v>10954.946470000001</v>
      </c>
    </row>
    <row r="2997" spans="2:42" x14ac:dyDescent="0.3">
      <c r="B2997">
        <v>41.754228962575752</v>
      </c>
      <c r="C2997" s="83">
        <v>43225.791666666664</v>
      </c>
      <c r="D2997">
        <v>152003.38440000001</v>
      </c>
      <c r="E2997">
        <v>18161.96054</v>
      </c>
      <c r="F2997">
        <v>69038.996429999999</v>
      </c>
      <c r="G2997">
        <v>32506.47581</v>
      </c>
      <c r="H2997">
        <v>32721.515770000002</v>
      </c>
      <c r="I2997">
        <v>26028.042030000001</v>
      </c>
      <c r="J2997">
        <v>39252.719720000001</v>
      </c>
      <c r="K2997">
        <v>41998.378069999999</v>
      </c>
      <c r="L2997">
        <v>29302.237829999998</v>
      </c>
      <c r="M2997">
        <v>212882.53099999999</v>
      </c>
      <c r="N2997">
        <v>64705.878380000002</v>
      </c>
      <c r="O2997">
        <v>18587.68117</v>
      </c>
      <c r="P2997">
        <v>34698.611649999999</v>
      </c>
      <c r="Q2997">
        <v>45063.318890000002</v>
      </c>
      <c r="R2997">
        <v>16081.28004</v>
      </c>
      <c r="S2997">
        <v>80117.678589999996</v>
      </c>
      <c r="T2997">
        <v>25441.146970000002</v>
      </c>
      <c r="U2997">
        <v>11244.400100000001</v>
      </c>
      <c r="W2997" s="83">
        <f>Bühler!N3029</f>
        <v>45416.791666659403</v>
      </c>
      <c r="X2997" s="83">
        <v>43225.791666666664</v>
      </c>
      <c r="Y2997">
        <v>152003.38440000001</v>
      </c>
      <c r="Z2997">
        <v>18161.96054</v>
      </c>
      <c r="AA2997">
        <v>69038.996429999999</v>
      </c>
      <c r="AB2997">
        <v>32506.47581</v>
      </c>
      <c r="AC2997">
        <v>32721.515770000002</v>
      </c>
      <c r="AD2997">
        <v>26028.042030000001</v>
      </c>
      <c r="AE2997">
        <v>39252.719720000001</v>
      </c>
      <c r="AF2997">
        <v>41998.378069999999</v>
      </c>
      <c r="AG2997">
        <v>29302.237829999998</v>
      </c>
      <c r="AH2997">
        <v>212882.53099999999</v>
      </c>
      <c r="AI2997">
        <v>64705.878380000002</v>
      </c>
      <c r="AJ2997">
        <v>18587.68117</v>
      </c>
      <c r="AK2997">
        <v>34698.611649999999</v>
      </c>
      <c r="AL2997">
        <v>45063.318890000002</v>
      </c>
      <c r="AM2997">
        <v>16081.28004</v>
      </c>
      <c r="AN2997">
        <v>80117.678589999996</v>
      </c>
      <c r="AO2997">
        <v>25441.146970000002</v>
      </c>
      <c r="AP2997">
        <v>11244.400100000001</v>
      </c>
    </row>
    <row r="2998" spans="2:42" x14ac:dyDescent="0.3">
      <c r="B2998">
        <v>41.03116560337233</v>
      </c>
      <c r="C2998" s="83">
        <v>43225.833333333336</v>
      </c>
      <c r="D2998">
        <v>152727.541</v>
      </c>
      <c r="E2998">
        <v>13708.88586</v>
      </c>
      <c r="F2998">
        <v>52735.566019999998</v>
      </c>
      <c r="G2998">
        <v>32579.789489999999</v>
      </c>
      <c r="H2998">
        <v>32605.449850000001</v>
      </c>
      <c r="I2998">
        <v>23815.962609999999</v>
      </c>
      <c r="J2998">
        <v>39945.460749999998</v>
      </c>
      <c r="K2998">
        <v>42191.965300000003</v>
      </c>
      <c r="L2998">
        <v>29237.608960000001</v>
      </c>
      <c r="M2998">
        <v>209196.01680000001</v>
      </c>
      <c r="N2998">
        <v>65924.784650000001</v>
      </c>
      <c r="O2998">
        <v>18815.308830000002</v>
      </c>
      <c r="P2998">
        <v>34691.548490000001</v>
      </c>
      <c r="Q2998">
        <v>44089.286890000003</v>
      </c>
      <c r="R2998">
        <v>16331.41252</v>
      </c>
      <c r="S2998">
        <v>76401.704389999999</v>
      </c>
      <c r="T2998">
        <v>24336.732660000001</v>
      </c>
      <c r="U2998">
        <v>11529.47445</v>
      </c>
      <c r="W2998" s="83">
        <f>Bühler!N3030</f>
        <v>45416.833333326067</v>
      </c>
      <c r="X2998" s="83">
        <v>43225.833333333336</v>
      </c>
      <c r="Y2998">
        <v>152727.541</v>
      </c>
      <c r="Z2998">
        <v>13708.88586</v>
      </c>
      <c r="AA2998">
        <v>52735.566019999998</v>
      </c>
      <c r="AB2998">
        <v>32579.789489999999</v>
      </c>
      <c r="AC2998">
        <v>32605.449850000001</v>
      </c>
      <c r="AD2998">
        <v>23815.962609999999</v>
      </c>
      <c r="AE2998">
        <v>39945.460749999998</v>
      </c>
      <c r="AF2998">
        <v>42191.965300000003</v>
      </c>
      <c r="AG2998">
        <v>29237.608960000001</v>
      </c>
      <c r="AH2998">
        <v>209196.01680000001</v>
      </c>
      <c r="AI2998">
        <v>65924.784650000001</v>
      </c>
      <c r="AJ2998">
        <v>18815.308830000002</v>
      </c>
      <c r="AK2998">
        <v>34691.548490000001</v>
      </c>
      <c r="AL2998">
        <v>44089.286890000003</v>
      </c>
      <c r="AM2998">
        <v>16331.41252</v>
      </c>
      <c r="AN2998">
        <v>76401.704389999999</v>
      </c>
      <c r="AO2998">
        <v>24336.732660000001</v>
      </c>
      <c r="AP2998">
        <v>11529.47445</v>
      </c>
    </row>
    <row r="2999" spans="2:42" x14ac:dyDescent="0.3">
      <c r="B2999">
        <v>41.274636956666363</v>
      </c>
      <c r="C2999" s="83">
        <v>43225.875</v>
      </c>
      <c r="D2999">
        <v>153526.5319</v>
      </c>
      <c r="E2999">
        <v>12539.10462</v>
      </c>
      <c r="F2999">
        <v>45815.325530000002</v>
      </c>
      <c r="G2999">
        <v>33229.060539999999</v>
      </c>
      <c r="H2999">
        <v>33205.825490000003</v>
      </c>
      <c r="I2999">
        <v>22461.228350000001</v>
      </c>
      <c r="J2999">
        <v>41242.147790000003</v>
      </c>
      <c r="K2999">
        <v>43728.780530000004</v>
      </c>
      <c r="L2999">
        <v>28536.53584</v>
      </c>
      <c r="M2999">
        <v>210437.34729999999</v>
      </c>
      <c r="N2999">
        <v>66376.197499999995</v>
      </c>
      <c r="O2999">
        <v>19049.37745</v>
      </c>
      <c r="P2999">
        <v>35131.060449999997</v>
      </c>
      <c r="Q2999">
        <v>43550.929880000003</v>
      </c>
      <c r="R2999">
        <v>16537.14777</v>
      </c>
      <c r="S2999">
        <v>75266.282999999996</v>
      </c>
      <c r="T2999">
        <v>22991.96297</v>
      </c>
      <c r="U2999">
        <v>12089.44434</v>
      </c>
      <c r="W2999" s="83">
        <f>Bühler!N3031</f>
        <v>45416.874999992731</v>
      </c>
      <c r="X2999" s="83">
        <v>43225.875</v>
      </c>
      <c r="Y2999">
        <v>153526.5319</v>
      </c>
      <c r="Z2999">
        <v>12539.10462</v>
      </c>
      <c r="AA2999">
        <v>45815.325530000002</v>
      </c>
      <c r="AB2999">
        <v>33229.060539999999</v>
      </c>
      <c r="AC2999">
        <v>33205.825490000003</v>
      </c>
      <c r="AD2999">
        <v>22461.228350000001</v>
      </c>
      <c r="AE2999">
        <v>41242.147790000003</v>
      </c>
      <c r="AF2999">
        <v>43728.780530000004</v>
      </c>
      <c r="AG2999">
        <v>28536.53584</v>
      </c>
      <c r="AH2999">
        <v>210437.34729999999</v>
      </c>
      <c r="AI2999">
        <v>66376.197499999995</v>
      </c>
      <c r="AJ2999">
        <v>19049.37745</v>
      </c>
      <c r="AK2999">
        <v>35131.060449999997</v>
      </c>
      <c r="AL2999">
        <v>43550.929880000003</v>
      </c>
      <c r="AM2999">
        <v>16537.14777</v>
      </c>
      <c r="AN2999">
        <v>75266.282999999996</v>
      </c>
      <c r="AO2999">
        <v>22991.96297</v>
      </c>
      <c r="AP2999">
        <v>12089.44434</v>
      </c>
    </row>
    <row r="3000" spans="2:42" x14ac:dyDescent="0.3">
      <c r="B3000">
        <v>41.658279481459367</v>
      </c>
      <c r="C3000" s="83">
        <v>43225.916666666664</v>
      </c>
      <c r="D3000">
        <v>153091.5753</v>
      </c>
      <c r="E3000">
        <v>12112.72048</v>
      </c>
      <c r="F3000">
        <v>43232.030019999998</v>
      </c>
      <c r="G3000">
        <v>33545.897100000002</v>
      </c>
      <c r="H3000">
        <v>34014.219879999997</v>
      </c>
      <c r="I3000">
        <v>21668.65639</v>
      </c>
      <c r="J3000">
        <v>40319.097900000001</v>
      </c>
      <c r="K3000">
        <v>47646.062299999998</v>
      </c>
      <c r="L3000">
        <v>25936.931499999999</v>
      </c>
      <c r="M3000">
        <v>212393.3358</v>
      </c>
      <c r="N3000">
        <v>65825.298909999998</v>
      </c>
      <c r="O3000">
        <v>19265.426630000002</v>
      </c>
      <c r="P3000">
        <v>36604.040939999999</v>
      </c>
      <c r="Q3000">
        <v>43870.98098</v>
      </c>
      <c r="R3000">
        <v>19029.71629</v>
      </c>
      <c r="S3000">
        <v>75918.280150000006</v>
      </c>
      <c r="T3000">
        <v>22343.730459999999</v>
      </c>
      <c r="U3000">
        <v>12743.471610000001</v>
      </c>
      <c r="W3000" s="83">
        <f>Bühler!N3032</f>
        <v>45416.916666659396</v>
      </c>
      <c r="X3000" s="83">
        <v>43225.916666666664</v>
      </c>
      <c r="Y3000">
        <v>153091.5753</v>
      </c>
      <c r="Z3000">
        <v>12112.72048</v>
      </c>
      <c r="AA3000">
        <v>43232.030019999998</v>
      </c>
      <c r="AB3000">
        <v>33545.897100000002</v>
      </c>
      <c r="AC3000">
        <v>34014.219879999997</v>
      </c>
      <c r="AD3000">
        <v>21668.65639</v>
      </c>
      <c r="AE3000">
        <v>40319.097900000001</v>
      </c>
      <c r="AF3000">
        <v>47646.062299999998</v>
      </c>
      <c r="AG3000">
        <v>25936.931499999999</v>
      </c>
      <c r="AH3000">
        <v>212393.3358</v>
      </c>
      <c r="AI3000">
        <v>65825.298909999998</v>
      </c>
      <c r="AJ3000">
        <v>19265.426630000002</v>
      </c>
      <c r="AK3000">
        <v>36604.040939999999</v>
      </c>
      <c r="AL3000">
        <v>43870.98098</v>
      </c>
      <c r="AM3000">
        <v>19029.71629</v>
      </c>
      <c r="AN3000">
        <v>75918.280150000006</v>
      </c>
      <c r="AO3000">
        <v>22343.730459999999</v>
      </c>
      <c r="AP3000">
        <v>12743.471610000001</v>
      </c>
    </row>
    <row r="3001" spans="2:42" x14ac:dyDescent="0.3">
      <c r="B3001">
        <v>41.47591889738549</v>
      </c>
      <c r="C3001" s="83">
        <v>43225.958333333336</v>
      </c>
      <c r="D3001">
        <v>152918.26089999999</v>
      </c>
      <c r="E3001">
        <v>11878.684730000001</v>
      </c>
      <c r="F3001">
        <v>42289.303789999998</v>
      </c>
      <c r="G3001">
        <v>33538.539900000003</v>
      </c>
      <c r="H3001">
        <v>33424.05745</v>
      </c>
      <c r="I3001">
        <v>21409.113089999999</v>
      </c>
      <c r="J3001">
        <v>37814.387609999998</v>
      </c>
      <c r="K3001">
        <v>47353.205809999999</v>
      </c>
      <c r="L3001">
        <v>21846.749329999999</v>
      </c>
      <c r="M3001">
        <v>211463.5765</v>
      </c>
      <c r="N3001">
        <v>66261.465970000005</v>
      </c>
      <c r="O3001">
        <v>19291.320960000001</v>
      </c>
      <c r="P3001">
        <v>34194.266349999998</v>
      </c>
      <c r="Q3001">
        <v>44247.26081</v>
      </c>
      <c r="R3001">
        <v>19809.71313</v>
      </c>
      <c r="S3001">
        <v>74277.026089999999</v>
      </c>
      <c r="T3001">
        <v>21935.1787</v>
      </c>
      <c r="U3001">
        <v>12447.75539</v>
      </c>
      <c r="W3001" s="83">
        <f>Bühler!N3033</f>
        <v>45416.95833332606</v>
      </c>
      <c r="X3001" s="83">
        <v>43225.958333333336</v>
      </c>
      <c r="Y3001">
        <v>152918.26089999999</v>
      </c>
      <c r="Z3001">
        <v>11878.684730000001</v>
      </c>
      <c r="AA3001">
        <v>42289.303789999998</v>
      </c>
      <c r="AB3001">
        <v>33538.539900000003</v>
      </c>
      <c r="AC3001">
        <v>33424.05745</v>
      </c>
      <c r="AD3001">
        <v>21409.113089999999</v>
      </c>
      <c r="AE3001">
        <v>37814.387609999998</v>
      </c>
      <c r="AF3001">
        <v>47353.205809999999</v>
      </c>
      <c r="AG3001">
        <v>21846.749329999999</v>
      </c>
      <c r="AH3001">
        <v>211463.5765</v>
      </c>
      <c r="AI3001">
        <v>66261.465970000005</v>
      </c>
      <c r="AJ3001">
        <v>19291.320960000001</v>
      </c>
      <c r="AK3001">
        <v>34194.266349999998</v>
      </c>
      <c r="AL3001">
        <v>44247.26081</v>
      </c>
      <c r="AM3001">
        <v>19809.71313</v>
      </c>
      <c r="AN3001">
        <v>74277.026089999999</v>
      </c>
      <c r="AO3001">
        <v>21935.1787</v>
      </c>
      <c r="AP3001">
        <v>12447.75539</v>
      </c>
    </row>
    <row r="3002" spans="2:42" x14ac:dyDescent="0.3">
      <c r="B3002">
        <v>45.102810429027393</v>
      </c>
      <c r="C3002" s="83">
        <v>43226</v>
      </c>
      <c r="D3002">
        <v>173530.46669999999</v>
      </c>
      <c r="E3002">
        <v>12138.771220000001</v>
      </c>
      <c r="F3002">
        <v>42453.389000000003</v>
      </c>
      <c r="G3002">
        <v>32894.360959999998</v>
      </c>
      <c r="H3002">
        <v>33455.523399999998</v>
      </c>
      <c r="I3002">
        <v>20343.121459999998</v>
      </c>
      <c r="J3002">
        <v>36459.251730000004</v>
      </c>
      <c r="K3002">
        <v>47187.126700000001</v>
      </c>
      <c r="L3002">
        <v>18446.724320000001</v>
      </c>
      <c r="M3002">
        <v>229955.16089999999</v>
      </c>
      <c r="N3002">
        <v>68334.562040000004</v>
      </c>
      <c r="O3002">
        <v>19335.489460000001</v>
      </c>
      <c r="P3002">
        <v>30785.036319999999</v>
      </c>
      <c r="Q3002">
        <v>47793.154739999998</v>
      </c>
      <c r="R3002">
        <v>16879.966130000001</v>
      </c>
      <c r="S3002">
        <v>74167.5242</v>
      </c>
      <c r="T3002">
        <v>20946.984560000001</v>
      </c>
      <c r="U3002">
        <v>12356.48021</v>
      </c>
      <c r="W3002" s="83">
        <f>Bühler!N3034</f>
        <v>45416.999999992724</v>
      </c>
      <c r="X3002" s="83">
        <v>43226</v>
      </c>
      <c r="Y3002">
        <v>173530.46669999999</v>
      </c>
      <c r="Z3002">
        <v>12138.771220000001</v>
      </c>
      <c r="AA3002">
        <v>42453.389000000003</v>
      </c>
      <c r="AB3002">
        <v>32894.360959999998</v>
      </c>
      <c r="AC3002">
        <v>33455.523399999998</v>
      </c>
      <c r="AD3002">
        <v>20343.121459999998</v>
      </c>
      <c r="AE3002">
        <v>36459.251730000004</v>
      </c>
      <c r="AF3002">
        <v>47187.126700000001</v>
      </c>
      <c r="AG3002">
        <v>18446.724320000001</v>
      </c>
      <c r="AH3002">
        <v>229955.16089999999</v>
      </c>
      <c r="AI3002">
        <v>68334.562040000004</v>
      </c>
      <c r="AJ3002">
        <v>19335.489460000001</v>
      </c>
      <c r="AK3002">
        <v>30785.036319999999</v>
      </c>
      <c r="AL3002">
        <v>47793.154739999998</v>
      </c>
      <c r="AM3002">
        <v>16879.966130000001</v>
      </c>
      <c r="AN3002">
        <v>74167.5242</v>
      </c>
      <c r="AO3002">
        <v>20946.984560000001</v>
      </c>
      <c r="AP3002">
        <v>12356.48021</v>
      </c>
    </row>
    <row r="3003" spans="2:42" x14ac:dyDescent="0.3">
      <c r="B3003">
        <v>44.528015186017917</v>
      </c>
      <c r="C3003" s="83">
        <v>43226.041666666664</v>
      </c>
      <c r="D3003">
        <v>171912.16870000001</v>
      </c>
      <c r="E3003">
        <v>12076.62205</v>
      </c>
      <c r="F3003">
        <v>42053.29969</v>
      </c>
      <c r="G3003">
        <v>32500.865839999999</v>
      </c>
      <c r="H3003">
        <v>33084.886559999999</v>
      </c>
      <c r="I3003">
        <v>16555.922709999999</v>
      </c>
      <c r="J3003">
        <v>35584.820959999997</v>
      </c>
      <c r="K3003">
        <v>44571.363810000003</v>
      </c>
      <c r="L3003">
        <v>18120.145909999999</v>
      </c>
      <c r="M3003">
        <v>227024.58670000001</v>
      </c>
      <c r="N3003">
        <v>67297.345679999999</v>
      </c>
      <c r="O3003">
        <v>19481.555939999998</v>
      </c>
      <c r="P3003">
        <v>28062.301630000002</v>
      </c>
      <c r="Q3003">
        <v>47863.832490000001</v>
      </c>
      <c r="R3003">
        <v>15082.770710000001</v>
      </c>
      <c r="S3003">
        <v>72912.732440000007</v>
      </c>
      <c r="T3003">
        <v>20050.501909999999</v>
      </c>
      <c r="U3003">
        <v>12059.761469999999</v>
      </c>
      <c r="W3003" s="83">
        <f>Bühler!N3035</f>
        <v>45417.041666659388</v>
      </c>
      <c r="X3003" s="83">
        <v>43226.041666666664</v>
      </c>
      <c r="Y3003">
        <v>171912.16870000001</v>
      </c>
      <c r="Z3003">
        <v>12076.62205</v>
      </c>
      <c r="AA3003">
        <v>42053.29969</v>
      </c>
      <c r="AB3003">
        <v>32500.865839999999</v>
      </c>
      <c r="AC3003">
        <v>33084.886559999999</v>
      </c>
      <c r="AD3003">
        <v>16555.922709999999</v>
      </c>
      <c r="AE3003">
        <v>35584.820959999997</v>
      </c>
      <c r="AF3003">
        <v>44571.363810000003</v>
      </c>
      <c r="AG3003">
        <v>18120.145909999999</v>
      </c>
      <c r="AH3003">
        <v>227024.58670000001</v>
      </c>
      <c r="AI3003">
        <v>67297.345679999999</v>
      </c>
      <c r="AJ3003">
        <v>19481.555939999998</v>
      </c>
      <c r="AK3003">
        <v>28062.301630000002</v>
      </c>
      <c r="AL3003">
        <v>47863.832490000001</v>
      </c>
      <c r="AM3003">
        <v>15082.770710000001</v>
      </c>
      <c r="AN3003">
        <v>72912.732440000007</v>
      </c>
      <c r="AO3003">
        <v>20050.501909999999</v>
      </c>
      <c r="AP3003">
        <v>12059.761469999999</v>
      </c>
    </row>
    <row r="3004" spans="2:42" x14ac:dyDescent="0.3">
      <c r="B3004">
        <v>44.08305267222601</v>
      </c>
      <c r="C3004" s="83">
        <v>43226.083333333336</v>
      </c>
      <c r="D3004">
        <v>169815.68179999999</v>
      </c>
      <c r="E3004">
        <v>11966.88012</v>
      </c>
      <c r="F3004">
        <v>42200.961719999999</v>
      </c>
      <c r="G3004">
        <v>32208.093730000001</v>
      </c>
      <c r="H3004">
        <v>32709.89142</v>
      </c>
      <c r="I3004">
        <v>14434.340749999999</v>
      </c>
      <c r="J3004">
        <v>35012.826589999997</v>
      </c>
      <c r="K3004">
        <v>42922.090380000001</v>
      </c>
      <c r="L3004">
        <v>17686.5471</v>
      </c>
      <c r="M3004">
        <v>224755.96030000001</v>
      </c>
      <c r="N3004">
        <v>66061.745420000007</v>
      </c>
      <c r="O3004">
        <v>19321.065460000002</v>
      </c>
      <c r="P3004">
        <v>26712.953580000001</v>
      </c>
      <c r="Q3004">
        <v>48711.95938</v>
      </c>
      <c r="R3004">
        <v>15573.548650000001</v>
      </c>
      <c r="S3004">
        <v>72715.176030000002</v>
      </c>
      <c r="T3004">
        <v>19772.37932</v>
      </c>
      <c r="U3004">
        <v>11861.461069999999</v>
      </c>
      <c r="W3004" s="83">
        <f>Bühler!N3036</f>
        <v>45417.083333326053</v>
      </c>
      <c r="X3004" s="83">
        <v>43226.083333333336</v>
      </c>
      <c r="Y3004">
        <v>169815.68179999999</v>
      </c>
      <c r="Z3004">
        <v>11966.88012</v>
      </c>
      <c r="AA3004">
        <v>42200.961719999999</v>
      </c>
      <c r="AB3004">
        <v>32208.093730000001</v>
      </c>
      <c r="AC3004">
        <v>32709.89142</v>
      </c>
      <c r="AD3004">
        <v>14434.340749999999</v>
      </c>
      <c r="AE3004">
        <v>35012.826589999997</v>
      </c>
      <c r="AF3004">
        <v>42922.090380000001</v>
      </c>
      <c r="AG3004">
        <v>17686.5471</v>
      </c>
      <c r="AH3004">
        <v>224755.96030000001</v>
      </c>
      <c r="AI3004">
        <v>66061.745420000007</v>
      </c>
      <c r="AJ3004">
        <v>19321.065460000002</v>
      </c>
      <c r="AK3004">
        <v>26712.953580000001</v>
      </c>
      <c r="AL3004">
        <v>48711.95938</v>
      </c>
      <c r="AM3004">
        <v>15573.548650000001</v>
      </c>
      <c r="AN3004">
        <v>72715.176030000002</v>
      </c>
      <c r="AO3004">
        <v>19772.37932</v>
      </c>
      <c r="AP3004">
        <v>11861.461069999999</v>
      </c>
    </row>
    <row r="3005" spans="2:42" x14ac:dyDescent="0.3">
      <c r="B3005">
        <v>43.762367687695367</v>
      </c>
      <c r="C3005" s="83">
        <v>43226.125</v>
      </c>
      <c r="D3005">
        <v>166468.72700000001</v>
      </c>
      <c r="E3005">
        <v>12026.357379999999</v>
      </c>
      <c r="F3005">
        <v>42351.420919999997</v>
      </c>
      <c r="G3005">
        <v>31937.452809999999</v>
      </c>
      <c r="H3005">
        <v>32579.985069999999</v>
      </c>
      <c r="I3005">
        <v>13716.813749999999</v>
      </c>
      <c r="J3005">
        <v>34944.906999999999</v>
      </c>
      <c r="K3005">
        <v>42225.314740000002</v>
      </c>
      <c r="L3005">
        <v>17461.750199999999</v>
      </c>
      <c r="M3005">
        <v>223120.95869999999</v>
      </c>
      <c r="N3005">
        <v>63887.19917</v>
      </c>
      <c r="O3005">
        <v>19329.158879999999</v>
      </c>
      <c r="P3005">
        <v>25878.89762</v>
      </c>
      <c r="Q3005">
        <v>49308.923569999999</v>
      </c>
      <c r="R3005">
        <v>14797.497009999999</v>
      </c>
      <c r="S3005">
        <v>72064.327189999996</v>
      </c>
      <c r="T3005">
        <v>19654.244549999999</v>
      </c>
      <c r="U3005">
        <v>11990.887549999999</v>
      </c>
      <c r="W3005" s="83">
        <f>Bühler!N3037</f>
        <v>45417.124999992717</v>
      </c>
      <c r="X3005" s="83">
        <v>43226.125</v>
      </c>
      <c r="Y3005">
        <v>166468.72700000001</v>
      </c>
      <c r="Z3005">
        <v>12026.357379999999</v>
      </c>
      <c r="AA3005">
        <v>42351.420919999997</v>
      </c>
      <c r="AB3005">
        <v>31937.452809999999</v>
      </c>
      <c r="AC3005">
        <v>32579.985069999999</v>
      </c>
      <c r="AD3005">
        <v>13716.813749999999</v>
      </c>
      <c r="AE3005">
        <v>34944.906999999999</v>
      </c>
      <c r="AF3005">
        <v>42225.314740000002</v>
      </c>
      <c r="AG3005">
        <v>17461.750199999999</v>
      </c>
      <c r="AH3005">
        <v>223120.95869999999</v>
      </c>
      <c r="AI3005">
        <v>63887.19917</v>
      </c>
      <c r="AJ3005">
        <v>19329.158879999999</v>
      </c>
      <c r="AK3005">
        <v>25878.89762</v>
      </c>
      <c r="AL3005">
        <v>49308.923569999999</v>
      </c>
      <c r="AM3005">
        <v>14797.497009999999</v>
      </c>
      <c r="AN3005">
        <v>72064.327189999996</v>
      </c>
      <c r="AO3005">
        <v>19654.244549999999</v>
      </c>
      <c r="AP3005">
        <v>11990.887549999999</v>
      </c>
    </row>
    <row r="3006" spans="2:42" x14ac:dyDescent="0.3">
      <c r="B3006">
        <v>42.34263372957659</v>
      </c>
      <c r="C3006" s="83">
        <v>43226.166666666664</v>
      </c>
      <c r="D3006">
        <v>159987.50750000001</v>
      </c>
      <c r="E3006">
        <v>11933.35564</v>
      </c>
      <c r="F3006">
        <v>41891.751029999999</v>
      </c>
      <c r="G3006">
        <v>31822.240450000001</v>
      </c>
      <c r="H3006">
        <v>32699.831269999999</v>
      </c>
      <c r="I3006">
        <v>14129.10238</v>
      </c>
      <c r="J3006">
        <v>36878.20463</v>
      </c>
      <c r="K3006">
        <v>40914.370069999997</v>
      </c>
      <c r="L3006">
        <v>17219.73316</v>
      </c>
      <c r="M3006">
        <v>215882.49290000001</v>
      </c>
      <c r="N3006">
        <v>61605.10398</v>
      </c>
      <c r="O3006">
        <v>19662.51338</v>
      </c>
      <c r="P3006">
        <v>24511.333559999999</v>
      </c>
      <c r="Q3006">
        <v>48810.962769999998</v>
      </c>
      <c r="R3006">
        <v>14761.35095</v>
      </c>
      <c r="S3006">
        <v>72590.186480000004</v>
      </c>
      <c r="T3006">
        <v>19514.08467</v>
      </c>
      <c r="U3006">
        <v>12090.885850000001</v>
      </c>
      <c r="W3006" s="83">
        <f>Bühler!N3038</f>
        <v>45417.166666659381</v>
      </c>
      <c r="X3006" s="83">
        <v>43226.166666666664</v>
      </c>
      <c r="Y3006">
        <v>159987.50750000001</v>
      </c>
      <c r="Z3006">
        <v>11933.35564</v>
      </c>
      <c r="AA3006">
        <v>41891.751029999999</v>
      </c>
      <c r="AB3006">
        <v>31822.240450000001</v>
      </c>
      <c r="AC3006">
        <v>32699.831269999999</v>
      </c>
      <c r="AD3006">
        <v>14129.10238</v>
      </c>
      <c r="AE3006">
        <v>36878.20463</v>
      </c>
      <c r="AF3006">
        <v>40914.370069999997</v>
      </c>
      <c r="AG3006">
        <v>17219.73316</v>
      </c>
      <c r="AH3006">
        <v>215882.49290000001</v>
      </c>
      <c r="AI3006">
        <v>61605.10398</v>
      </c>
      <c r="AJ3006">
        <v>19662.51338</v>
      </c>
      <c r="AK3006">
        <v>24511.333559999999</v>
      </c>
      <c r="AL3006">
        <v>48810.962769999998</v>
      </c>
      <c r="AM3006">
        <v>14761.35095</v>
      </c>
      <c r="AN3006">
        <v>72590.186480000004</v>
      </c>
      <c r="AO3006">
        <v>19514.08467</v>
      </c>
      <c r="AP3006">
        <v>12090.885850000001</v>
      </c>
    </row>
    <row r="3007" spans="2:42" x14ac:dyDescent="0.3">
      <c r="B3007">
        <v>41.775288707369285</v>
      </c>
      <c r="C3007" s="83">
        <v>43226.208333333336</v>
      </c>
      <c r="D3007">
        <v>153197.37270000001</v>
      </c>
      <c r="E3007">
        <v>12322.897720000001</v>
      </c>
      <c r="F3007">
        <v>42872.354229999997</v>
      </c>
      <c r="G3007">
        <v>32081.13175</v>
      </c>
      <c r="H3007">
        <v>33129.440300000002</v>
      </c>
      <c r="I3007">
        <v>17310.891510000001</v>
      </c>
      <c r="J3007">
        <v>39719.375220000002</v>
      </c>
      <c r="K3007">
        <v>40917.357199999999</v>
      </c>
      <c r="L3007">
        <v>17531.224740000001</v>
      </c>
      <c r="M3007">
        <v>212989.90340000001</v>
      </c>
      <c r="N3007">
        <v>58325.776729999998</v>
      </c>
      <c r="O3007">
        <v>19529.84086</v>
      </c>
      <c r="P3007">
        <v>25535.58711</v>
      </c>
      <c r="Q3007">
        <v>48466.898540000002</v>
      </c>
      <c r="R3007">
        <v>16671.01251</v>
      </c>
      <c r="S3007">
        <v>73934.429499999998</v>
      </c>
      <c r="T3007">
        <v>20043.852599999998</v>
      </c>
      <c r="U3007">
        <v>12910.19334</v>
      </c>
      <c r="W3007" s="83">
        <f>Bühler!N3039</f>
        <v>45417.208333326045</v>
      </c>
      <c r="X3007" s="83">
        <v>43226.208333333336</v>
      </c>
      <c r="Y3007">
        <v>153197.37270000001</v>
      </c>
      <c r="Z3007">
        <v>12322.897720000001</v>
      </c>
      <c r="AA3007">
        <v>42872.354229999997</v>
      </c>
      <c r="AB3007">
        <v>32081.13175</v>
      </c>
      <c r="AC3007">
        <v>33129.440300000002</v>
      </c>
      <c r="AD3007">
        <v>17310.891510000001</v>
      </c>
      <c r="AE3007">
        <v>39719.375220000002</v>
      </c>
      <c r="AF3007">
        <v>40917.357199999999</v>
      </c>
      <c r="AG3007">
        <v>17531.224740000001</v>
      </c>
      <c r="AH3007">
        <v>212989.90340000001</v>
      </c>
      <c r="AI3007">
        <v>58325.776729999998</v>
      </c>
      <c r="AJ3007">
        <v>19529.84086</v>
      </c>
      <c r="AK3007">
        <v>25535.58711</v>
      </c>
      <c r="AL3007">
        <v>48466.898540000002</v>
      </c>
      <c r="AM3007">
        <v>16671.01251</v>
      </c>
      <c r="AN3007">
        <v>73934.429499999998</v>
      </c>
      <c r="AO3007">
        <v>20043.852599999998</v>
      </c>
      <c r="AP3007">
        <v>12910.19334</v>
      </c>
    </row>
    <row r="3008" spans="2:42" x14ac:dyDescent="0.3">
      <c r="B3008">
        <v>41.498492842623278</v>
      </c>
      <c r="C3008" s="83">
        <v>43226.25</v>
      </c>
      <c r="D3008">
        <v>150696.054</v>
      </c>
      <c r="E3008">
        <v>12850.42203</v>
      </c>
      <c r="F3008">
        <v>43548.403859999999</v>
      </c>
      <c r="G3008">
        <v>32829.282930000001</v>
      </c>
      <c r="H3008">
        <v>32385.647489999999</v>
      </c>
      <c r="I3008">
        <v>18607.473389999999</v>
      </c>
      <c r="J3008">
        <v>42125.539700000001</v>
      </c>
      <c r="K3008">
        <v>40351.403729999998</v>
      </c>
      <c r="L3008">
        <v>17700.93561</v>
      </c>
      <c r="M3008">
        <v>211578.66899999999</v>
      </c>
      <c r="N3008">
        <v>58602.705520000003</v>
      </c>
      <c r="O3008">
        <v>19532.490000000002</v>
      </c>
      <c r="P3008">
        <v>26480.49121</v>
      </c>
      <c r="Q3008">
        <v>47967.018550000001</v>
      </c>
      <c r="R3008">
        <v>13359.48983</v>
      </c>
      <c r="S3008">
        <v>77385.280599999998</v>
      </c>
      <c r="T3008">
        <v>20544.304240000001</v>
      </c>
      <c r="U3008">
        <v>12113.555840000001</v>
      </c>
      <c r="W3008" s="83">
        <f>Bühler!N3040</f>
        <v>45417.249999992709</v>
      </c>
      <c r="X3008" s="83">
        <v>43226.25</v>
      </c>
      <c r="Y3008">
        <v>150696.054</v>
      </c>
      <c r="Z3008">
        <v>12850.42203</v>
      </c>
      <c r="AA3008">
        <v>43548.403859999999</v>
      </c>
      <c r="AB3008">
        <v>32829.282930000001</v>
      </c>
      <c r="AC3008">
        <v>32385.647489999999</v>
      </c>
      <c r="AD3008">
        <v>18607.473389999999</v>
      </c>
      <c r="AE3008">
        <v>42125.539700000001</v>
      </c>
      <c r="AF3008">
        <v>40351.403729999998</v>
      </c>
      <c r="AG3008">
        <v>17700.93561</v>
      </c>
      <c r="AH3008">
        <v>211578.66899999999</v>
      </c>
      <c r="AI3008">
        <v>58602.705520000003</v>
      </c>
      <c r="AJ3008">
        <v>19532.490000000002</v>
      </c>
      <c r="AK3008">
        <v>26480.49121</v>
      </c>
      <c r="AL3008">
        <v>47967.018550000001</v>
      </c>
      <c r="AM3008">
        <v>13359.48983</v>
      </c>
      <c r="AN3008">
        <v>77385.280599999998</v>
      </c>
      <c r="AO3008">
        <v>20544.304240000001</v>
      </c>
      <c r="AP3008">
        <v>12113.555840000001</v>
      </c>
    </row>
    <row r="3009" spans="2:42" x14ac:dyDescent="0.3">
      <c r="B3009">
        <v>41.520660646119396</v>
      </c>
      <c r="C3009" s="83">
        <v>43226.291666666664</v>
      </c>
      <c r="D3009">
        <v>149278.08489999999</v>
      </c>
      <c r="E3009">
        <v>12947.84223</v>
      </c>
      <c r="F3009">
        <v>44008.249609999999</v>
      </c>
      <c r="G3009">
        <v>32602.002069999999</v>
      </c>
      <c r="H3009">
        <v>32237.889589999999</v>
      </c>
      <c r="I3009">
        <v>19273.00331</v>
      </c>
      <c r="J3009">
        <v>41721.192609999998</v>
      </c>
      <c r="K3009">
        <v>39340.270600000003</v>
      </c>
      <c r="L3009">
        <v>18856.231670000001</v>
      </c>
      <c r="M3009">
        <v>211691.69080000001</v>
      </c>
      <c r="N3009">
        <v>59641.655050000001</v>
      </c>
      <c r="O3009">
        <v>19579.392159999999</v>
      </c>
      <c r="P3009">
        <v>29077.26037</v>
      </c>
      <c r="Q3009">
        <v>45915.671439999998</v>
      </c>
      <c r="R3009">
        <v>12274.868189999999</v>
      </c>
      <c r="S3009">
        <v>82466.862810000006</v>
      </c>
      <c r="T3009">
        <v>21572.465700000001</v>
      </c>
      <c r="U3009">
        <v>11514.92632</v>
      </c>
      <c r="W3009" s="83">
        <f>Bühler!N3041</f>
        <v>45417.291666659374</v>
      </c>
      <c r="X3009" s="83">
        <v>43226.291666666664</v>
      </c>
      <c r="Y3009">
        <v>149278.08489999999</v>
      </c>
      <c r="Z3009">
        <v>12947.84223</v>
      </c>
      <c r="AA3009">
        <v>44008.249609999999</v>
      </c>
      <c r="AB3009">
        <v>32602.002069999999</v>
      </c>
      <c r="AC3009">
        <v>32237.889589999999</v>
      </c>
      <c r="AD3009">
        <v>19273.00331</v>
      </c>
      <c r="AE3009">
        <v>41721.192609999998</v>
      </c>
      <c r="AF3009">
        <v>39340.270600000003</v>
      </c>
      <c r="AG3009">
        <v>18856.231670000001</v>
      </c>
      <c r="AH3009">
        <v>211691.69080000001</v>
      </c>
      <c r="AI3009">
        <v>59641.655050000001</v>
      </c>
      <c r="AJ3009">
        <v>19579.392159999999</v>
      </c>
      <c r="AK3009">
        <v>29077.26037</v>
      </c>
      <c r="AL3009">
        <v>45915.671439999998</v>
      </c>
      <c r="AM3009">
        <v>12274.868189999999</v>
      </c>
      <c r="AN3009">
        <v>82466.862810000006</v>
      </c>
      <c r="AO3009">
        <v>21572.465700000001</v>
      </c>
      <c r="AP3009">
        <v>11514.92632</v>
      </c>
    </row>
    <row r="3010" spans="2:42" x14ac:dyDescent="0.3">
      <c r="B3010">
        <v>41.006807788360774</v>
      </c>
      <c r="C3010" s="83">
        <v>43226.333333333336</v>
      </c>
      <c r="D3010">
        <v>148992.1208</v>
      </c>
      <c r="E3010">
        <v>13598.16563</v>
      </c>
      <c r="F3010">
        <v>44123.207499999997</v>
      </c>
      <c r="G3010">
        <v>32730.845270000002</v>
      </c>
      <c r="H3010">
        <v>32353.186839999998</v>
      </c>
      <c r="I3010">
        <v>19622.061610000001</v>
      </c>
      <c r="J3010">
        <v>42713.040789999999</v>
      </c>
      <c r="K3010">
        <v>40271.168319999997</v>
      </c>
      <c r="L3010">
        <v>20934.850569999999</v>
      </c>
      <c r="M3010">
        <v>209071.82930000001</v>
      </c>
      <c r="N3010">
        <v>60182.654670000004</v>
      </c>
      <c r="O3010">
        <v>19164.61695</v>
      </c>
      <c r="P3010">
        <v>31928.753990000001</v>
      </c>
      <c r="Q3010">
        <v>45260.051870000003</v>
      </c>
      <c r="R3010">
        <v>13403.56509</v>
      </c>
      <c r="S3010">
        <v>84496.851500000004</v>
      </c>
      <c r="T3010">
        <v>23376.877680000001</v>
      </c>
      <c r="U3010">
        <v>11514.01526</v>
      </c>
      <c r="W3010" s="83">
        <f>Bühler!N3042</f>
        <v>45417.333333326038</v>
      </c>
      <c r="X3010" s="83">
        <v>43226.333333333336</v>
      </c>
      <c r="Y3010">
        <v>148992.1208</v>
      </c>
      <c r="Z3010">
        <v>13598.16563</v>
      </c>
      <c r="AA3010">
        <v>44123.207499999997</v>
      </c>
      <c r="AB3010">
        <v>32730.845270000002</v>
      </c>
      <c r="AC3010">
        <v>32353.186839999998</v>
      </c>
      <c r="AD3010">
        <v>19622.061610000001</v>
      </c>
      <c r="AE3010">
        <v>42713.040789999999</v>
      </c>
      <c r="AF3010">
        <v>40271.168319999997</v>
      </c>
      <c r="AG3010">
        <v>20934.850569999999</v>
      </c>
      <c r="AH3010">
        <v>209071.82930000001</v>
      </c>
      <c r="AI3010">
        <v>60182.654670000004</v>
      </c>
      <c r="AJ3010">
        <v>19164.61695</v>
      </c>
      <c r="AK3010">
        <v>31928.753990000001</v>
      </c>
      <c r="AL3010">
        <v>45260.051870000003</v>
      </c>
      <c r="AM3010">
        <v>13403.56509</v>
      </c>
      <c r="AN3010">
        <v>84496.851500000004</v>
      </c>
      <c r="AO3010">
        <v>23376.877680000001</v>
      </c>
      <c r="AP3010">
        <v>11514.01526</v>
      </c>
    </row>
    <row r="3011" spans="2:42" x14ac:dyDescent="0.3">
      <c r="B3011">
        <v>40.922244378291339</v>
      </c>
      <c r="C3011" s="83">
        <v>43226.375</v>
      </c>
      <c r="D3011">
        <v>148295.6575</v>
      </c>
      <c r="E3011">
        <v>14030.636409999999</v>
      </c>
      <c r="F3011">
        <v>45106.83812</v>
      </c>
      <c r="G3011">
        <v>32924.386859999999</v>
      </c>
      <c r="H3011">
        <v>32746.121439999999</v>
      </c>
      <c r="I3011">
        <v>20024.769830000001</v>
      </c>
      <c r="J3011">
        <v>42926.54681</v>
      </c>
      <c r="K3011">
        <v>41753.774920000003</v>
      </c>
      <c r="L3011">
        <v>24296.627380000002</v>
      </c>
      <c r="M3011">
        <v>208640.6856</v>
      </c>
      <c r="N3011">
        <v>62084.624499999998</v>
      </c>
      <c r="O3011">
        <v>19384.843819999998</v>
      </c>
      <c r="P3011">
        <v>33676.782509999997</v>
      </c>
      <c r="Q3011">
        <v>45515.683360000003</v>
      </c>
      <c r="R3011">
        <v>13922.52241</v>
      </c>
      <c r="S3011">
        <v>85803.865359999996</v>
      </c>
      <c r="T3011">
        <v>24790.95924</v>
      </c>
      <c r="U3011">
        <v>11614.555469999999</v>
      </c>
      <c r="W3011" s="83">
        <f>Bühler!N3043</f>
        <v>45417.374999992702</v>
      </c>
      <c r="X3011" s="83">
        <v>43226.375</v>
      </c>
      <c r="Y3011">
        <v>148295.6575</v>
      </c>
      <c r="Z3011">
        <v>14030.636409999999</v>
      </c>
      <c r="AA3011">
        <v>45106.83812</v>
      </c>
      <c r="AB3011">
        <v>32924.386859999999</v>
      </c>
      <c r="AC3011">
        <v>32746.121439999999</v>
      </c>
      <c r="AD3011">
        <v>20024.769830000001</v>
      </c>
      <c r="AE3011">
        <v>42926.54681</v>
      </c>
      <c r="AF3011">
        <v>41753.774920000003</v>
      </c>
      <c r="AG3011">
        <v>24296.627380000002</v>
      </c>
      <c r="AH3011">
        <v>208640.6856</v>
      </c>
      <c r="AI3011">
        <v>62084.624499999998</v>
      </c>
      <c r="AJ3011">
        <v>19384.843819999998</v>
      </c>
      <c r="AK3011">
        <v>33676.782509999997</v>
      </c>
      <c r="AL3011">
        <v>45515.683360000003</v>
      </c>
      <c r="AM3011">
        <v>13922.52241</v>
      </c>
      <c r="AN3011">
        <v>85803.865359999996</v>
      </c>
      <c r="AO3011">
        <v>24790.95924</v>
      </c>
      <c r="AP3011">
        <v>11614.555469999999</v>
      </c>
    </row>
    <row r="3012" spans="2:42" x14ac:dyDescent="0.3">
      <c r="B3012">
        <v>40.650011297417919</v>
      </c>
      <c r="C3012" s="83">
        <v>43226.416666666664</v>
      </c>
      <c r="D3012">
        <v>147890.41260000001</v>
      </c>
      <c r="E3012">
        <v>14514.05438</v>
      </c>
      <c r="F3012">
        <v>45547.160109999997</v>
      </c>
      <c r="G3012">
        <v>33213.120900000002</v>
      </c>
      <c r="H3012">
        <v>33013.646719999997</v>
      </c>
      <c r="I3012">
        <v>20036.859949999998</v>
      </c>
      <c r="J3012">
        <v>42040.92929</v>
      </c>
      <c r="K3012">
        <v>43855.316590000002</v>
      </c>
      <c r="L3012">
        <v>27202.974160000002</v>
      </c>
      <c r="M3012">
        <v>207252.7144</v>
      </c>
      <c r="N3012">
        <v>63271.980510000001</v>
      </c>
      <c r="O3012">
        <v>19464.918799999999</v>
      </c>
      <c r="P3012">
        <v>35052.527549999999</v>
      </c>
      <c r="Q3012">
        <v>45220.052490000002</v>
      </c>
      <c r="R3012">
        <v>14835.53233</v>
      </c>
      <c r="S3012">
        <v>85544.247759999998</v>
      </c>
      <c r="T3012">
        <v>26925.563610000001</v>
      </c>
      <c r="U3012">
        <v>11778.52065</v>
      </c>
      <c r="W3012" s="83">
        <f>Bühler!N3044</f>
        <v>45417.416666659366</v>
      </c>
      <c r="X3012" s="83">
        <v>43226.416666666664</v>
      </c>
      <c r="Y3012">
        <v>147890.41260000001</v>
      </c>
      <c r="Z3012">
        <v>14514.05438</v>
      </c>
      <c r="AA3012">
        <v>45547.160109999997</v>
      </c>
      <c r="AB3012">
        <v>33213.120900000002</v>
      </c>
      <c r="AC3012">
        <v>33013.646719999997</v>
      </c>
      <c r="AD3012">
        <v>20036.859949999998</v>
      </c>
      <c r="AE3012">
        <v>42040.92929</v>
      </c>
      <c r="AF3012">
        <v>43855.316590000002</v>
      </c>
      <c r="AG3012">
        <v>27202.974160000002</v>
      </c>
      <c r="AH3012">
        <v>207252.7144</v>
      </c>
      <c r="AI3012">
        <v>63271.980510000001</v>
      </c>
      <c r="AJ3012">
        <v>19464.918799999999</v>
      </c>
      <c r="AK3012">
        <v>35052.527549999999</v>
      </c>
      <c r="AL3012">
        <v>45220.052490000002</v>
      </c>
      <c r="AM3012">
        <v>14835.53233</v>
      </c>
      <c r="AN3012">
        <v>85544.247759999998</v>
      </c>
      <c r="AO3012">
        <v>26925.563610000001</v>
      </c>
      <c r="AP3012">
        <v>11778.52065</v>
      </c>
    </row>
    <row r="3013" spans="2:42" x14ac:dyDescent="0.3">
      <c r="B3013">
        <v>40.95083674121436</v>
      </c>
      <c r="C3013" s="83">
        <v>43226.458333333336</v>
      </c>
      <c r="D3013">
        <v>147485.4135</v>
      </c>
      <c r="E3013">
        <v>14451.8735</v>
      </c>
      <c r="F3013">
        <v>45938.062669999999</v>
      </c>
      <c r="G3013">
        <v>33328.261780000001</v>
      </c>
      <c r="H3013">
        <v>33037.112480000003</v>
      </c>
      <c r="I3013">
        <v>19685.702990000002</v>
      </c>
      <c r="J3013">
        <v>41765.707909999997</v>
      </c>
      <c r="K3013">
        <v>44175.008520000003</v>
      </c>
      <c r="L3013">
        <v>27499.29898</v>
      </c>
      <c r="M3013">
        <v>208786.46280000001</v>
      </c>
      <c r="N3013">
        <v>63736.371440000003</v>
      </c>
      <c r="O3013">
        <v>19164.77649</v>
      </c>
      <c r="P3013">
        <v>34605.23777</v>
      </c>
      <c r="Q3013">
        <v>44438.408329999998</v>
      </c>
      <c r="R3013">
        <v>16559.138149999999</v>
      </c>
      <c r="S3013">
        <v>88279.442869999999</v>
      </c>
      <c r="T3013">
        <v>27662.469690000002</v>
      </c>
      <c r="U3013">
        <v>11429.067950000001</v>
      </c>
      <c r="W3013" s="83">
        <f>Bühler!N3045</f>
        <v>45417.458333326031</v>
      </c>
      <c r="X3013" s="83">
        <v>43226.458333333336</v>
      </c>
      <c r="Y3013">
        <v>147485.4135</v>
      </c>
      <c r="Z3013">
        <v>14451.8735</v>
      </c>
      <c r="AA3013">
        <v>45938.062669999999</v>
      </c>
      <c r="AB3013">
        <v>33328.261780000001</v>
      </c>
      <c r="AC3013">
        <v>33037.112480000003</v>
      </c>
      <c r="AD3013">
        <v>19685.702990000002</v>
      </c>
      <c r="AE3013">
        <v>41765.707909999997</v>
      </c>
      <c r="AF3013">
        <v>44175.008520000003</v>
      </c>
      <c r="AG3013">
        <v>27499.29898</v>
      </c>
      <c r="AH3013">
        <v>208786.46280000001</v>
      </c>
      <c r="AI3013">
        <v>63736.371440000003</v>
      </c>
      <c r="AJ3013">
        <v>19164.77649</v>
      </c>
      <c r="AK3013">
        <v>34605.23777</v>
      </c>
      <c r="AL3013">
        <v>44438.408329999998</v>
      </c>
      <c r="AM3013">
        <v>16559.138149999999</v>
      </c>
      <c r="AN3013">
        <v>88279.442869999999</v>
      </c>
      <c r="AO3013">
        <v>27662.469690000002</v>
      </c>
      <c r="AP3013">
        <v>11429.067950000001</v>
      </c>
    </row>
    <row r="3014" spans="2:42" x14ac:dyDescent="0.3">
      <c r="B3014">
        <v>41.022381510863674</v>
      </c>
      <c r="C3014" s="83">
        <v>43226.5</v>
      </c>
      <c r="D3014">
        <v>146995.22349999999</v>
      </c>
      <c r="E3014">
        <v>14415.01943</v>
      </c>
      <c r="F3014">
        <v>45079.959020000002</v>
      </c>
      <c r="G3014">
        <v>33556.924550000003</v>
      </c>
      <c r="H3014">
        <v>33014.331420000002</v>
      </c>
      <c r="I3014">
        <v>19932.35456</v>
      </c>
      <c r="J3014">
        <v>42337.742449999998</v>
      </c>
      <c r="K3014">
        <v>43631.529499999997</v>
      </c>
      <c r="L3014">
        <v>29684.779310000002</v>
      </c>
      <c r="M3014">
        <v>209151.23139999999</v>
      </c>
      <c r="N3014">
        <v>64242.278910000001</v>
      </c>
      <c r="O3014">
        <v>19553.165870000001</v>
      </c>
      <c r="P3014">
        <v>34592.498310000003</v>
      </c>
      <c r="Q3014">
        <v>43489.823660000002</v>
      </c>
      <c r="R3014">
        <v>15793.653410000001</v>
      </c>
      <c r="S3014">
        <v>83930.797059999997</v>
      </c>
      <c r="T3014">
        <v>27459.795689999999</v>
      </c>
      <c r="U3014">
        <v>11674.799489999999</v>
      </c>
      <c r="W3014" s="83">
        <f>Bühler!N3046</f>
        <v>45417.499999992695</v>
      </c>
      <c r="X3014" s="83">
        <v>43226.5</v>
      </c>
      <c r="Y3014">
        <v>146995.22349999999</v>
      </c>
      <c r="Z3014">
        <v>14415.01943</v>
      </c>
      <c r="AA3014">
        <v>45079.959020000002</v>
      </c>
      <c r="AB3014">
        <v>33556.924550000003</v>
      </c>
      <c r="AC3014">
        <v>33014.331420000002</v>
      </c>
      <c r="AD3014">
        <v>19932.35456</v>
      </c>
      <c r="AE3014">
        <v>42337.742449999998</v>
      </c>
      <c r="AF3014">
        <v>43631.529499999997</v>
      </c>
      <c r="AG3014">
        <v>29684.779310000002</v>
      </c>
      <c r="AH3014">
        <v>209151.23139999999</v>
      </c>
      <c r="AI3014">
        <v>64242.278910000001</v>
      </c>
      <c r="AJ3014">
        <v>19553.165870000001</v>
      </c>
      <c r="AK3014">
        <v>34592.498310000003</v>
      </c>
      <c r="AL3014">
        <v>43489.823660000002</v>
      </c>
      <c r="AM3014">
        <v>15793.653410000001</v>
      </c>
      <c r="AN3014">
        <v>83930.797059999997</v>
      </c>
      <c r="AO3014">
        <v>27459.795689999999</v>
      </c>
      <c r="AP3014">
        <v>11674.799489999999</v>
      </c>
    </row>
    <row r="3015" spans="2:42" x14ac:dyDescent="0.3">
      <c r="B3015">
        <v>40.936776493447283</v>
      </c>
      <c r="C3015" s="83">
        <v>43226.541666666664</v>
      </c>
      <c r="D3015">
        <v>146904.38750000001</v>
      </c>
      <c r="E3015">
        <v>14184.80544</v>
      </c>
      <c r="F3015">
        <v>43114.423600000002</v>
      </c>
      <c r="G3015">
        <v>33549.553030000003</v>
      </c>
      <c r="H3015">
        <v>32408.91275</v>
      </c>
      <c r="I3015">
        <v>19932.480520000001</v>
      </c>
      <c r="J3015">
        <v>40924.666420000001</v>
      </c>
      <c r="K3015">
        <v>43908.359429999997</v>
      </c>
      <c r="L3015">
        <v>29770.64414</v>
      </c>
      <c r="M3015">
        <v>208714.77710000001</v>
      </c>
      <c r="N3015">
        <v>63875.433689999998</v>
      </c>
      <c r="O3015">
        <v>19016.917590000001</v>
      </c>
      <c r="P3015">
        <v>33727.137470000001</v>
      </c>
      <c r="Q3015">
        <v>42621.969709999998</v>
      </c>
      <c r="R3015">
        <v>15405.32655</v>
      </c>
      <c r="S3015">
        <v>84748.947079999998</v>
      </c>
      <c r="T3015">
        <v>27195.468010000001</v>
      </c>
      <c r="U3015">
        <v>11376.69183</v>
      </c>
      <c r="W3015" s="83">
        <f>Bühler!N3047</f>
        <v>45417.541666659359</v>
      </c>
      <c r="X3015" s="83">
        <v>43226.541666666664</v>
      </c>
      <c r="Y3015">
        <v>146904.38750000001</v>
      </c>
      <c r="Z3015">
        <v>14184.80544</v>
      </c>
      <c r="AA3015">
        <v>43114.423600000002</v>
      </c>
      <c r="AB3015">
        <v>33549.553030000003</v>
      </c>
      <c r="AC3015">
        <v>32408.91275</v>
      </c>
      <c r="AD3015">
        <v>19932.480520000001</v>
      </c>
      <c r="AE3015">
        <v>40924.666420000001</v>
      </c>
      <c r="AF3015">
        <v>43908.359429999997</v>
      </c>
      <c r="AG3015">
        <v>29770.64414</v>
      </c>
      <c r="AH3015">
        <v>208714.77710000001</v>
      </c>
      <c r="AI3015">
        <v>63875.433689999998</v>
      </c>
      <c r="AJ3015">
        <v>19016.917590000001</v>
      </c>
      <c r="AK3015">
        <v>33727.137470000001</v>
      </c>
      <c r="AL3015">
        <v>42621.969709999998</v>
      </c>
      <c r="AM3015">
        <v>15405.32655</v>
      </c>
      <c r="AN3015">
        <v>84748.947079999998</v>
      </c>
      <c r="AO3015">
        <v>27195.468010000001</v>
      </c>
      <c r="AP3015">
        <v>11376.69183</v>
      </c>
    </row>
    <row r="3016" spans="2:42" x14ac:dyDescent="0.3">
      <c r="B3016">
        <v>40.919740213481042</v>
      </c>
      <c r="C3016" s="83">
        <v>43226.583333333336</v>
      </c>
      <c r="D3016">
        <v>147554.4031</v>
      </c>
      <c r="E3016">
        <v>14249.022849999999</v>
      </c>
      <c r="F3016">
        <v>43535.865259999999</v>
      </c>
      <c r="G3016">
        <v>33354.43116</v>
      </c>
      <c r="H3016">
        <v>32425.939249999999</v>
      </c>
      <c r="I3016">
        <v>19833.539870000001</v>
      </c>
      <c r="J3016">
        <v>39697.024169999997</v>
      </c>
      <c r="K3016">
        <v>43480.727480000001</v>
      </c>
      <c r="L3016">
        <v>28434.720929999999</v>
      </c>
      <c r="M3016">
        <v>208627.91819999999</v>
      </c>
      <c r="N3016">
        <v>63948.821770000002</v>
      </c>
      <c r="O3016">
        <v>18436.9205</v>
      </c>
      <c r="P3016">
        <v>31500.287179999999</v>
      </c>
      <c r="Q3016">
        <v>42391.221850000002</v>
      </c>
      <c r="R3016">
        <v>15191.04926</v>
      </c>
      <c r="S3016">
        <v>82176.048269999999</v>
      </c>
      <c r="T3016">
        <v>26543.285670000001</v>
      </c>
      <c r="U3016">
        <v>10739.81697</v>
      </c>
      <c r="W3016" s="83">
        <f>Bühler!N3048</f>
        <v>45417.583333326023</v>
      </c>
      <c r="X3016" s="83">
        <v>43226.583333333336</v>
      </c>
      <c r="Y3016">
        <v>147554.4031</v>
      </c>
      <c r="Z3016">
        <v>14249.022849999999</v>
      </c>
      <c r="AA3016">
        <v>43535.865259999999</v>
      </c>
      <c r="AB3016">
        <v>33354.43116</v>
      </c>
      <c r="AC3016">
        <v>32425.939249999999</v>
      </c>
      <c r="AD3016">
        <v>19833.539870000001</v>
      </c>
      <c r="AE3016">
        <v>39697.024169999997</v>
      </c>
      <c r="AF3016">
        <v>43480.727480000001</v>
      </c>
      <c r="AG3016">
        <v>28434.720929999999</v>
      </c>
      <c r="AH3016">
        <v>208627.91819999999</v>
      </c>
      <c r="AI3016">
        <v>63948.821770000002</v>
      </c>
      <c r="AJ3016">
        <v>18436.9205</v>
      </c>
      <c r="AK3016">
        <v>31500.287179999999</v>
      </c>
      <c r="AL3016">
        <v>42391.221850000002</v>
      </c>
      <c r="AM3016">
        <v>15191.04926</v>
      </c>
      <c r="AN3016">
        <v>82176.048269999999</v>
      </c>
      <c r="AO3016">
        <v>26543.285670000001</v>
      </c>
      <c r="AP3016">
        <v>10739.81697</v>
      </c>
    </row>
    <row r="3017" spans="2:42" x14ac:dyDescent="0.3">
      <c r="B3017">
        <v>41.153158014086458</v>
      </c>
      <c r="C3017" s="83">
        <v>43226.625</v>
      </c>
      <c r="D3017">
        <v>147338.70629999999</v>
      </c>
      <c r="E3017">
        <v>14241.523590000001</v>
      </c>
      <c r="F3017">
        <v>43927.959620000001</v>
      </c>
      <c r="G3017">
        <v>32375.90252</v>
      </c>
      <c r="H3017">
        <v>32250.603899999998</v>
      </c>
      <c r="I3017">
        <v>19930.163949999998</v>
      </c>
      <c r="J3017">
        <v>39071.911359999998</v>
      </c>
      <c r="K3017">
        <v>44704.860569999997</v>
      </c>
      <c r="L3017">
        <v>26356.919249999999</v>
      </c>
      <c r="M3017">
        <v>209817.99100000001</v>
      </c>
      <c r="N3017">
        <v>63617.757400000002</v>
      </c>
      <c r="O3017">
        <v>18587.822660000002</v>
      </c>
      <c r="P3017">
        <v>29106.528060000001</v>
      </c>
      <c r="Q3017">
        <v>42253.617330000001</v>
      </c>
      <c r="R3017">
        <v>15271.66656</v>
      </c>
      <c r="S3017">
        <v>81601.517999999996</v>
      </c>
      <c r="T3017">
        <v>26729.795470000001</v>
      </c>
      <c r="U3017">
        <v>10797.560799999999</v>
      </c>
      <c r="W3017" s="83">
        <f>Bühler!N3049</f>
        <v>45417.624999992688</v>
      </c>
      <c r="X3017" s="83">
        <v>43226.625</v>
      </c>
      <c r="Y3017">
        <v>147338.70629999999</v>
      </c>
      <c r="Z3017">
        <v>14241.523590000001</v>
      </c>
      <c r="AA3017">
        <v>43927.959620000001</v>
      </c>
      <c r="AB3017">
        <v>32375.90252</v>
      </c>
      <c r="AC3017">
        <v>32250.603899999998</v>
      </c>
      <c r="AD3017">
        <v>19930.163949999998</v>
      </c>
      <c r="AE3017">
        <v>39071.911359999998</v>
      </c>
      <c r="AF3017">
        <v>44704.860569999997</v>
      </c>
      <c r="AG3017">
        <v>26356.919249999999</v>
      </c>
      <c r="AH3017">
        <v>209817.99100000001</v>
      </c>
      <c r="AI3017">
        <v>63617.757400000002</v>
      </c>
      <c r="AJ3017">
        <v>18587.822660000002</v>
      </c>
      <c r="AK3017">
        <v>29106.528060000001</v>
      </c>
      <c r="AL3017">
        <v>42253.617330000001</v>
      </c>
      <c r="AM3017">
        <v>15271.66656</v>
      </c>
      <c r="AN3017">
        <v>81601.517999999996</v>
      </c>
      <c r="AO3017">
        <v>26729.795470000001</v>
      </c>
      <c r="AP3017">
        <v>10797.560799999999</v>
      </c>
    </row>
    <row r="3018" spans="2:42" x14ac:dyDescent="0.3">
      <c r="B3018">
        <v>40.790281027967069</v>
      </c>
      <c r="C3018" s="83">
        <v>43226.666666666664</v>
      </c>
      <c r="D3018">
        <v>147525.0932</v>
      </c>
      <c r="E3018">
        <v>14284.47025</v>
      </c>
      <c r="F3018">
        <v>43644.85241</v>
      </c>
      <c r="G3018">
        <v>31356.479630000002</v>
      </c>
      <c r="H3018">
        <v>32042.265889999999</v>
      </c>
      <c r="I3018">
        <v>19973.810659999999</v>
      </c>
      <c r="J3018">
        <v>38531.636449999998</v>
      </c>
      <c r="K3018">
        <v>43172.261299999998</v>
      </c>
      <c r="L3018">
        <v>25386.885770000001</v>
      </c>
      <c r="M3018">
        <v>207967.8749</v>
      </c>
      <c r="N3018">
        <v>63134.550199999998</v>
      </c>
      <c r="O3018">
        <v>18136.65322</v>
      </c>
      <c r="P3018">
        <v>28238.894619999999</v>
      </c>
      <c r="Q3018">
        <v>42890.572890000003</v>
      </c>
      <c r="R3018">
        <v>15112.104219999999</v>
      </c>
      <c r="S3018">
        <v>81856.073699999994</v>
      </c>
      <c r="T3018">
        <v>26497.427520000001</v>
      </c>
      <c r="U3018">
        <v>10998.93828</v>
      </c>
      <c r="W3018" s="83">
        <f>Bühler!N3050</f>
        <v>45417.666666659352</v>
      </c>
      <c r="X3018" s="83">
        <v>43226.666666666664</v>
      </c>
      <c r="Y3018">
        <v>147525.0932</v>
      </c>
      <c r="Z3018">
        <v>14284.47025</v>
      </c>
      <c r="AA3018">
        <v>43644.85241</v>
      </c>
      <c r="AB3018">
        <v>31356.479630000002</v>
      </c>
      <c r="AC3018">
        <v>32042.265889999999</v>
      </c>
      <c r="AD3018">
        <v>19973.810659999999</v>
      </c>
      <c r="AE3018">
        <v>38531.636449999998</v>
      </c>
      <c r="AF3018">
        <v>43172.261299999998</v>
      </c>
      <c r="AG3018">
        <v>25386.885770000001</v>
      </c>
      <c r="AH3018">
        <v>207967.8749</v>
      </c>
      <c r="AI3018">
        <v>63134.550199999998</v>
      </c>
      <c r="AJ3018">
        <v>18136.65322</v>
      </c>
      <c r="AK3018">
        <v>28238.894619999999</v>
      </c>
      <c r="AL3018">
        <v>42890.572890000003</v>
      </c>
      <c r="AM3018">
        <v>15112.104219999999</v>
      </c>
      <c r="AN3018">
        <v>81856.073699999994</v>
      </c>
      <c r="AO3018">
        <v>26497.427520000001</v>
      </c>
      <c r="AP3018">
        <v>10998.93828</v>
      </c>
    </row>
    <row r="3019" spans="2:42" x14ac:dyDescent="0.3">
      <c r="B3019">
        <v>40.491463227119212</v>
      </c>
      <c r="C3019" s="83">
        <v>43226.708333333336</v>
      </c>
      <c r="D3019">
        <v>147507.9319</v>
      </c>
      <c r="E3019">
        <v>14065.563770000001</v>
      </c>
      <c r="F3019">
        <v>43313.367639999997</v>
      </c>
      <c r="G3019">
        <v>31453.697199999999</v>
      </c>
      <c r="H3019">
        <v>31791.450819999998</v>
      </c>
      <c r="I3019">
        <v>19987.16345</v>
      </c>
      <c r="J3019">
        <v>39191.705900000001</v>
      </c>
      <c r="K3019">
        <v>42443.471420000002</v>
      </c>
      <c r="L3019">
        <v>25283.86536</v>
      </c>
      <c r="M3019">
        <v>206444.36240000001</v>
      </c>
      <c r="N3019">
        <v>63646.495389999996</v>
      </c>
      <c r="O3019">
        <v>18232.329259999999</v>
      </c>
      <c r="P3019">
        <v>27864.415209999999</v>
      </c>
      <c r="Q3019">
        <v>42808.171439999998</v>
      </c>
      <c r="R3019">
        <v>17172.229149999999</v>
      </c>
      <c r="S3019">
        <v>83566.946209999995</v>
      </c>
      <c r="T3019">
        <v>26227.861120000001</v>
      </c>
      <c r="U3019">
        <v>10922.63855</v>
      </c>
      <c r="W3019" s="83">
        <f>Bühler!N3051</f>
        <v>45417.708333326016</v>
      </c>
      <c r="X3019" s="83">
        <v>43226.708333333336</v>
      </c>
      <c r="Y3019">
        <v>147507.9319</v>
      </c>
      <c r="Z3019">
        <v>14065.563770000001</v>
      </c>
      <c r="AA3019">
        <v>43313.367639999997</v>
      </c>
      <c r="AB3019">
        <v>31453.697199999999</v>
      </c>
      <c r="AC3019">
        <v>31791.450819999998</v>
      </c>
      <c r="AD3019">
        <v>19987.16345</v>
      </c>
      <c r="AE3019">
        <v>39191.705900000001</v>
      </c>
      <c r="AF3019">
        <v>42443.471420000002</v>
      </c>
      <c r="AG3019">
        <v>25283.86536</v>
      </c>
      <c r="AH3019">
        <v>206444.36240000001</v>
      </c>
      <c r="AI3019">
        <v>63646.495389999996</v>
      </c>
      <c r="AJ3019">
        <v>18232.329259999999</v>
      </c>
      <c r="AK3019">
        <v>27864.415209999999</v>
      </c>
      <c r="AL3019">
        <v>42808.171439999998</v>
      </c>
      <c r="AM3019">
        <v>17172.229149999999</v>
      </c>
      <c r="AN3019">
        <v>83566.946209999995</v>
      </c>
      <c r="AO3019">
        <v>26227.861120000001</v>
      </c>
      <c r="AP3019">
        <v>10922.63855</v>
      </c>
    </row>
    <row r="3020" spans="2:42" x14ac:dyDescent="0.3">
      <c r="B3020">
        <v>40.558633230220302</v>
      </c>
      <c r="C3020" s="83">
        <v>43226.75</v>
      </c>
      <c r="D3020">
        <v>147842.43849999999</v>
      </c>
      <c r="E3020">
        <v>13564.382100000001</v>
      </c>
      <c r="F3020">
        <v>43874.373919999998</v>
      </c>
      <c r="G3020">
        <v>31481.294890000001</v>
      </c>
      <c r="H3020">
        <v>32046.630369999999</v>
      </c>
      <c r="I3020">
        <v>19980.878929999999</v>
      </c>
      <c r="J3020">
        <v>39614.289109999998</v>
      </c>
      <c r="K3020">
        <v>42276.202510000003</v>
      </c>
      <c r="L3020">
        <v>25466.36232</v>
      </c>
      <c r="M3020">
        <v>206786.82639999999</v>
      </c>
      <c r="N3020">
        <v>63926.621099999997</v>
      </c>
      <c r="O3020">
        <v>17506.54062</v>
      </c>
      <c r="P3020">
        <v>29519.04364</v>
      </c>
      <c r="Q3020">
        <v>43783.603459999998</v>
      </c>
      <c r="R3020">
        <v>16255.22401</v>
      </c>
      <c r="S3020">
        <v>81170.792199999996</v>
      </c>
      <c r="T3020">
        <v>25741.443459999999</v>
      </c>
      <c r="U3020">
        <v>11188.1703</v>
      </c>
      <c r="W3020" s="83">
        <f>Bühler!N3052</f>
        <v>45417.74999999268</v>
      </c>
      <c r="X3020" s="83">
        <v>43226.75</v>
      </c>
      <c r="Y3020">
        <v>147842.43849999999</v>
      </c>
      <c r="Z3020">
        <v>13564.382100000001</v>
      </c>
      <c r="AA3020">
        <v>43874.373919999998</v>
      </c>
      <c r="AB3020">
        <v>31481.294890000001</v>
      </c>
      <c r="AC3020">
        <v>32046.630369999999</v>
      </c>
      <c r="AD3020">
        <v>19980.878929999999</v>
      </c>
      <c r="AE3020">
        <v>39614.289109999998</v>
      </c>
      <c r="AF3020">
        <v>42276.202510000003</v>
      </c>
      <c r="AG3020">
        <v>25466.36232</v>
      </c>
      <c r="AH3020">
        <v>206786.82639999999</v>
      </c>
      <c r="AI3020">
        <v>63926.621099999997</v>
      </c>
      <c r="AJ3020">
        <v>17506.54062</v>
      </c>
      <c r="AK3020">
        <v>29519.04364</v>
      </c>
      <c r="AL3020">
        <v>43783.603459999998</v>
      </c>
      <c r="AM3020">
        <v>16255.22401</v>
      </c>
      <c r="AN3020">
        <v>81170.792199999996</v>
      </c>
      <c r="AO3020">
        <v>25741.443459999999</v>
      </c>
      <c r="AP3020">
        <v>11188.1703</v>
      </c>
    </row>
    <row r="3021" spans="2:42" x14ac:dyDescent="0.3">
      <c r="B3021">
        <v>40.746017560315451</v>
      </c>
      <c r="C3021" s="83">
        <v>43226.791666666664</v>
      </c>
      <c r="D3021">
        <v>148209.91990000001</v>
      </c>
      <c r="E3021">
        <v>12948.59677</v>
      </c>
      <c r="F3021">
        <v>44132.64215</v>
      </c>
      <c r="G3021">
        <v>31905.375810000001</v>
      </c>
      <c r="H3021">
        <v>31525.84965</v>
      </c>
      <c r="I3021">
        <v>19692.797900000001</v>
      </c>
      <c r="J3021">
        <v>39491.399360000003</v>
      </c>
      <c r="K3021">
        <v>43318.79305</v>
      </c>
      <c r="L3021">
        <v>26498.54362</v>
      </c>
      <c r="M3021">
        <v>207742.1991</v>
      </c>
      <c r="N3021">
        <v>64371.235789999999</v>
      </c>
      <c r="O3021">
        <v>17473.25964</v>
      </c>
      <c r="P3021">
        <v>30743.12141</v>
      </c>
      <c r="Q3021">
        <v>44524.567990000003</v>
      </c>
      <c r="R3021">
        <v>16027.030940000001</v>
      </c>
      <c r="S3021">
        <v>80644.376980000001</v>
      </c>
      <c r="T3021">
        <v>25054.253629999999</v>
      </c>
      <c r="U3021">
        <v>11140.42698</v>
      </c>
      <c r="W3021" s="83">
        <f>Bühler!N3053</f>
        <v>45417.791666659345</v>
      </c>
      <c r="X3021" s="83">
        <v>43226.791666666664</v>
      </c>
      <c r="Y3021">
        <v>148209.91990000001</v>
      </c>
      <c r="Z3021">
        <v>12948.59677</v>
      </c>
      <c r="AA3021">
        <v>44132.64215</v>
      </c>
      <c r="AB3021">
        <v>31905.375810000001</v>
      </c>
      <c r="AC3021">
        <v>31525.84965</v>
      </c>
      <c r="AD3021">
        <v>19692.797900000001</v>
      </c>
      <c r="AE3021">
        <v>39491.399360000003</v>
      </c>
      <c r="AF3021">
        <v>43318.79305</v>
      </c>
      <c r="AG3021">
        <v>26498.54362</v>
      </c>
      <c r="AH3021">
        <v>207742.1991</v>
      </c>
      <c r="AI3021">
        <v>64371.235789999999</v>
      </c>
      <c r="AJ3021">
        <v>17473.25964</v>
      </c>
      <c r="AK3021">
        <v>30743.12141</v>
      </c>
      <c r="AL3021">
        <v>44524.567990000003</v>
      </c>
      <c r="AM3021">
        <v>16027.030940000001</v>
      </c>
      <c r="AN3021">
        <v>80644.376980000001</v>
      </c>
      <c r="AO3021">
        <v>25054.253629999999</v>
      </c>
      <c r="AP3021">
        <v>11140.42698</v>
      </c>
    </row>
    <row r="3022" spans="2:42" x14ac:dyDescent="0.3">
      <c r="B3022">
        <v>41.012703659390191</v>
      </c>
      <c r="C3022" s="83">
        <v>43226.833333333336</v>
      </c>
      <c r="D3022">
        <v>149174.72560000001</v>
      </c>
      <c r="E3022">
        <v>12256.43759</v>
      </c>
      <c r="F3022">
        <v>43625.814149999998</v>
      </c>
      <c r="G3022">
        <v>31948.296709999999</v>
      </c>
      <c r="H3022">
        <v>31244.286189999999</v>
      </c>
      <c r="I3022">
        <v>19035.610769999999</v>
      </c>
      <c r="J3022">
        <v>40209.875390000001</v>
      </c>
      <c r="K3022">
        <v>43224.689539999999</v>
      </c>
      <c r="L3022">
        <v>26089.939610000001</v>
      </c>
      <c r="M3022">
        <v>209101.88920000001</v>
      </c>
      <c r="N3022">
        <v>64646.588819999997</v>
      </c>
      <c r="O3022">
        <v>17574.717659999998</v>
      </c>
      <c r="P3022">
        <v>31010.390380000001</v>
      </c>
      <c r="Q3022">
        <v>45298.031969999996</v>
      </c>
      <c r="R3022">
        <v>15519.407139999999</v>
      </c>
      <c r="S3022">
        <v>76503.787670000005</v>
      </c>
      <c r="T3022">
        <v>22930.10585</v>
      </c>
      <c r="U3022">
        <v>11052.93844</v>
      </c>
      <c r="W3022" s="83">
        <f>Bühler!N3054</f>
        <v>45417.833333326009</v>
      </c>
      <c r="X3022" s="83">
        <v>43226.833333333336</v>
      </c>
      <c r="Y3022">
        <v>149174.72560000001</v>
      </c>
      <c r="Z3022">
        <v>12256.43759</v>
      </c>
      <c r="AA3022">
        <v>43625.814149999998</v>
      </c>
      <c r="AB3022">
        <v>31948.296709999999</v>
      </c>
      <c r="AC3022">
        <v>31244.286189999999</v>
      </c>
      <c r="AD3022">
        <v>19035.610769999999</v>
      </c>
      <c r="AE3022">
        <v>40209.875390000001</v>
      </c>
      <c r="AF3022">
        <v>43224.689539999999</v>
      </c>
      <c r="AG3022">
        <v>26089.939610000001</v>
      </c>
      <c r="AH3022">
        <v>209101.88920000001</v>
      </c>
      <c r="AI3022">
        <v>64646.588819999997</v>
      </c>
      <c r="AJ3022">
        <v>17574.717659999998</v>
      </c>
      <c r="AK3022">
        <v>31010.390380000001</v>
      </c>
      <c r="AL3022">
        <v>45298.031969999996</v>
      </c>
      <c r="AM3022">
        <v>15519.407139999999</v>
      </c>
      <c r="AN3022">
        <v>76503.787670000005</v>
      </c>
      <c r="AO3022">
        <v>22930.10585</v>
      </c>
      <c r="AP3022">
        <v>11052.93844</v>
      </c>
    </row>
    <row r="3023" spans="2:42" x14ac:dyDescent="0.3">
      <c r="B3023">
        <v>42.052160673431644</v>
      </c>
      <c r="C3023" s="83">
        <v>43226.875</v>
      </c>
      <c r="D3023">
        <v>151422.67509999999</v>
      </c>
      <c r="E3023">
        <v>12167.571910000001</v>
      </c>
      <c r="F3023">
        <v>43365.937850000002</v>
      </c>
      <c r="G3023">
        <v>32588.255669999999</v>
      </c>
      <c r="H3023">
        <v>32546.454529999999</v>
      </c>
      <c r="I3023">
        <v>19120.80371</v>
      </c>
      <c r="J3023">
        <v>41301.850480000001</v>
      </c>
      <c r="K3023">
        <v>44010.90638</v>
      </c>
      <c r="L3023">
        <v>25452.347000000002</v>
      </c>
      <c r="M3023">
        <v>214401.5258</v>
      </c>
      <c r="N3023">
        <v>65628.332599999994</v>
      </c>
      <c r="O3023">
        <v>18543.012409999999</v>
      </c>
      <c r="P3023">
        <v>31533.154460000002</v>
      </c>
      <c r="Q3023">
        <v>47158.860009999997</v>
      </c>
      <c r="R3023">
        <v>16097.058349999999</v>
      </c>
      <c r="S3023">
        <v>75039.580969999995</v>
      </c>
      <c r="T3023">
        <v>21941.146830000002</v>
      </c>
      <c r="U3023">
        <v>11809.766240000001</v>
      </c>
      <c r="W3023" s="83">
        <f>Bühler!N3055</f>
        <v>45417.874999992673</v>
      </c>
      <c r="X3023" s="83">
        <v>43226.875</v>
      </c>
      <c r="Y3023">
        <v>151422.67509999999</v>
      </c>
      <c r="Z3023">
        <v>12167.571910000001</v>
      </c>
      <c r="AA3023">
        <v>43365.937850000002</v>
      </c>
      <c r="AB3023">
        <v>32588.255669999999</v>
      </c>
      <c r="AC3023">
        <v>32546.454529999999</v>
      </c>
      <c r="AD3023">
        <v>19120.80371</v>
      </c>
      <c r="AE3023">
        <v>41301.850480000001</v>
      </c>
      <c r="AF3023">
        <v>44010.90638</v>
      </c>
      <c r="AG3023">
        <v>25452.347000000002</v>
      </c>
      <c r="AH3023">
        <v>214401.5258</v>
      </c>
      <c r="AI3023">
        <v>65628.332599999994</v>
      </c>
      <c r="AJ3023">
        <v>18543.012409999999</v>
      </c>
      <c r="AK3023">
        <v>31533.154460000002</v>
      </c>
      <c r="AL3023">
        <v>47158.860009999997</v>
      </c>
      <c r="AM3023">
        <v>16097.058349999999</v>
      </c>
      <c r="AN3023">
        <v>75039.580969999995</v>
      </c>
      <c r="AO3023">
        <v>21941.146830000002</v>
      </c>
      <c r="AP3023">
        <v>11809.766240000001</v>
      </c>
    </row>
    <row r="3024" spans="2:42" x14ac:dyDescent="0.3">
      <c r="B3024">
        <v>42.87051700260173</v>
      </c>
      <c r="C3024" s="83">
        <v>43226.916666666664</v>
      </c>
      <c r="D3024">
        <v>152574.11420000001</v>
      </c>
      <c r="E3024">
        <v>12021.42936</v>
      </c>
      <c r="F3024">
        <v>42970.895360000002</v>
      </c>
      <c r="G3024">
        <v>32755.489880000001</v>
      </c>
      <c r="H3024">
        <v>33104.929129999997</v>
      </c>
      <c r="I3024">
        <v>19045.914239999998</v>
      </c>
      <c r="J3024">
        <v>39844.98906</v>
      </c>
      <c r="K3024">
        <v>46566.41822</v>
      </c>
      <c r="L3024">
        <v>22942.03008</v>
      </c>
      <c r="M3024">
        <v>218573.88800000001</v>
      </c>
      <c r="N3024">
        <v>66735.854980000004</v>
      </c>
      <c r="O3024">
        <v>19043.8374</v>
      </c>
      <c r="P3024">
        <v>29713.48302</v>
      </c>
      <c r="Q3024">
        <v>48712.68086</v>
      </c>
      <c r="R3024">
        <v>18214.060689999998</v>
      </c>
      <c r="S3024">
        <v>73952.736229999995</v>
      </c>
      <c r="T3024">
        <v>21360.452089999999</v>
      </c>
      <c r="U3024">
        <v>12415.126319999999</v>
      </c>
      <c r="W3024" s="83">
        <f>Bühler!N3056</f>
        <v>45417.916666659337</v>
      </c>
      <c r="X3024" s="83">
        <v>43226.916666666664</v>
      </c>
      <c r="Y3024">
        <v>152574.11420000001</v>
      </c>
      <c r="Z3024">
        <v>12021.42936</v>
      </c>
      <c r="AA3024">
        <v>42970.895360000002</v>
      </c>
      <c r="AB3024">
        <v>32755.489880000001</v>
      </c>
      <c r="AC3024">
        <v>33104.929129999997</v>
      </c>
      <c r="AD3024">
        <v>19045.914239999998</v>
      </c>
      <c r="AE3024">
        <v>39844.98906</v>
      </c>
      <c r="AF3024">
        <v>46566.41822</v>
      </c>
      <c r="AG3024">
        <v>22942.03008</v>
      </c>
      <c r="AH3024">
        <v>218573.88800000001</v>
      </c>
      <c r="AI3024">
        <v>66735.854980000004</v>
      </c>
      <c r="AJ3024">
        <v>19043.8374</v>
      </c>
      <c r="AK3024">
        <v>29713.48302</v>
      </c>
      <c r="AL3024">
        <v>48712.68086</v>
      </c>
      <c r="AM3024">
        <v>18214.060689999998</v>
      </c>
      <c r="AN3024">
        <v>73952.736229999995</v>
      </c>
      <c r="AO3024">
        <v>21360.452089999999</v>
      </c>
      <c r="AP3024">
        <v>12415.126319999999</v>
      </c>
    </row>
    <row r="3025" spans="2:42" x14ac:dyDescent="0.3">
      <c r="B3025">
        <v>43.210204976169031</v>
      </c>
      <c r="C3025" s="83">
        <v>43226.958333333336</v>
      </c>
      <c r="D3025">
        <v>154052.83530000001</v>
      </c>
      <c r="E3025">
        <v>11803.50748</v>
      </c>
      <c r="F3025">
        <v>42571.974329999997</v>
      </c>
      <c r="G3025">
        <v>32978.05472</v>
      </c>
      <c r="H3025">
        <v>32852.026660000003</v>
      </c>
      <c r="I3025">
        <v>18644.89356</v>
      </c>
      <c r="J3025">
        <v>36775.620430000003</v>
      </c>
      <c r="K3025">
        <v>45584.226300000002</v>
      </c>
      <c r="L3025">
        <v>19513.785</v>
      </c>
      <c r="M3025">
        <v>220305.7757</v>
      </c>
      <c r="N3025">
        <v>66548.272949999999</v>
      </c>
      <c r="O3025">
        <v>18711.548729999999</v>
      </c>
      <c r="P3025">
        <v>27735.069820000001</v>
      </c>
      <c r="Q3025">
        <v>49317.042820000002</v>
      </c>
      <c r="R3025">
        <v>19485.307069999999</v>
      </c>
      <c r="S3025">
        <v>72802.326220000003</v>
      </c>
      <c r="T3025">
        <v>20842.836060000001</v>
      </c>
      <c r="U3025">
        <v>11991.4347</v>
      </c>
      <c r="W3025" s="83">
        <f>Bühler!N3057</f>
        <v>45417.958333326002</v>
      </c>
      <c r="X3025" s="83">
        <v>43226.958333333336</v>
      </c>
      <c r="Y3025">
        <v>154052.83530000001</v>
      </c>
      <c r="Z3025">
        <v>11803.50748</v>
      </c>
      <c r="AA3025">
        <v>42571.974329999997</v>
      </c>
      <c r="AB3025">
        <v>32978.05472</v>
      </c>
      <c r="AC3025">
        <v>32852.026660000003</v>
      </c>
      <c r="AD3025">
        <v>18644.89356</v>
      </c>
      <c r="AE3025">
        <v>36775.620430000003</v>
      </c>
      <c r="AF3025">
        <v>45584.226300000002</v>
      </c>
      <c r="AG3025">
        <v>19513.785</v>
      </c>
      <c r="AH3025">
        <v>220305.7757</v>
      </c>
      <c r="AI3025">
        <v>66548.272949999999</v>
      </c>
      <c r="AJ3025">
        <v>18711.548729999999</v>
      </c>
      <c r="AK3025">
        <v>27735.069820000001</v>
      </c>
      <c r="AL3025">
        <v>49317.042820000002</v>
      </c>
      <c r="AM3025">
        <v>19485.307069999999</v>
      </c>
      <c r="AN3025">
        <v>72802.326220000003</v>
      </c>
      <c r="AO3025">
        <v>20842.836060000001</v>
      </c>
      <c r="AP3025">
        <v>11991.4347</v>
      </c>
    </row>
    <row r="3026" spans="2:42" x14ac:dyDescent="0.3">
      <c r="B3026">
        <v>45.133617418711225</v>
      </c>
      <c r="C3026" s="83">
        <v>43227</v>
      </c>
      <c r="D3026">
        <v>165496.8848</v>
      </c>
      <c r="E3026">
        <v>11640.322700000001</v>
      </c>
      <c r="F3026">
        <v>43180.063730000002</v>
      </c>
      <c r="G3026">
        <v>32638.85814</v>
      </c>
      <c r="H3026">
        <v>32290.542359999999</v>
      </c>
      <c r="I3026">
        <v>19503.296020000002</v>
      </c>
      <c r="J3026">
        <v>34451.656320000002</v>
      </c>
      <c r="K3026">
        <v>43881.178180000003</v>
      </c>
      <c r="L3026">
        <v>17649.19153</v>
      </c>
      <c r="M3026">
        <v>230112.22930000001</v>
      </c>
      <c r="N3026">
        <v>66085.998730000007</v>
      </c>
      <c r="O3026">
        <v>19503.39775</v>
      </c>
      <c r="P3026">
        <v>25537.8717</v>
      </c>
      <c r="Q3026">
        <v>58957.95723</v>
      </c>
      <c r="R3026">
        <v>15057.49699</v>
      </c>
      <c r="S3026">
        <v>72158.151610000001</v>
      </c>
      <c r="T3026">
        <v>20027.51931</v>
      </c>
      <c r="U3026">
        <v>11782.39415</v>
      </c>
      <c r="W3026" s="83">
        <f>Bühler!N3058</f>
        <v>45417.999999992666</v>
      </c>
      <c r="X3026" s="83">
        <v>43227</v>
      </c>
      <c r="Y3026">
        <v>165496.8848</v>
      </c>
      <c r="Z3026">
        <v>11640.322700000001</v>
      </c>
      <c r="AA3026">
        <v>43180.063730000002</v>
      </c>
      <c r="AB3026">
        <v>32638.85814</v>
      </c>
      <c r="AC3026">
        <v>32290.542359999999</v>
      </c>
      <c r="AD3026">
        <v>19503.296020000002</v>
      </c>
      <c r="AE3026">
        <v>34451.656320000002</v>
      </c>
      <c r="AF3026">
        <v>43881.178180000003</v>
      </c>
      <c r="AG3026">
        <v>17649.19153</v>
      </c>
      <c r="AH3026">
        <v>230112.22930000001</v>
      </c>
      <c r="AI3026">
        <v>66085.998730000007</v>
      </c>
      <c r="AJ3026">
        <v>19503.39775</v>
      </c>
      <c r="AK3026">
        <v>25537.8717</v>
      </c>
      <c r="AL3026">
        <v>58957.95723</v>
      </c>
      <c r="AM3026">
        <v>15057.49699</v>
      </c>
      <c r="AN3026">
        <v>72158.151610000001</v>
      </c>
      <c r="AO3026">
        <v>20027.51931</v>
      </c>
      <c r="AP3026">
        <v>11782.39415</v>
      </c>
    </row>
    <row r="3027" spans="2:42" x14ac:dyDescent="0.3">
      <c r="B3027">
        <v>45.813369930065591</v>
      </c>
      <c r="C3027" s="83">
        <v>43227.041666666664</v>
      </c>
      <c r="D3027">
        <v>167420.50659999999</v>
      </c>
      <c r="E3027">
        <v>11679.76995</v>
      </c>
      <c r="F3027">
        <v>43343.86537</v>
      </c>
      <c r="G3027">
        <v>32008.559440000001</v>
      </c>
      <c r="H3027">
        <v>32318.930359999998</v>
      </c>
      <c r="I3027">
        <v>15711.246649999999</v>
      </c>
      <c r="J3027">
        <v>33761.434609999997</v>
      </c>
      <c r="K3027">
        <v>42021.804900000003</v>
      </c>
      <c r="L3027">
        <v>17506.611059999999</v>
      </c>
      <c r="M3027">
        <v>233577.9246</v>
      </c>
      <c r="N3027">
        <v>66033.054260000004</v>
      </c>
      <c r="O3027">
        <v>19057.774359999999</v>
      </c>
      <c r="P3027">
        <v>23716.737550000002</v>
      </c>
      <c r="Q3027">
        <v>62561.873269999996</v>
      </c>
      <c r="R3027">
        <v>14106.963890000001</v>
      </c>
      <c r="S3027">
        <v>71522.15036</v>
      </c>
      <c r="T3027">
        <v>19301.340789999998</v>
      </c>
      <c r="U3027">
        <v>12142.042030000001</v>
      </c>
      <c r="W3027" s="83">
        <f>Bühler!N3059</f>
        <v>45418.04166665933</v>
      </c>
      <c r="X3027" s="83">
        <v>43227.041666666664</v>
      </c>
      <c r="Y3027">
        <v>167420.50659999999</v>
      </c>
      <c r="Z3027">
        <v>11679.76995</v>
      </c>
      <c r="AA3027">
        <v>43343.86537</v>
      </c>
      <c r="AB3027">
        <v>32008.559440000001</v>
      </c>
      <c r="AC3027">
        <v>32318.930359999998</v>
      </c>
      <c r="AD3027">
        <v>15711.246649999999</v>
      </c>
      <c r="AE3027">
        <v>33761.434609999997</v>
      </c>
      <c r="AF3027">
        <v>42021.804900000003</v>
      </c>
      <c r="AG3027">
        <v>17506.611059999999</v>
      </c>
      <c r="AH3027">
        <v>233577.9246</v>
      </c>
      <c r="AI3027">
        <v>66033.054260000004</v>
      </c>
      <c r="AJ3027">
        <v>19057.774359999999</v>
      </c>
      <c r="AK3027">
        <v>23716.737550000002</v>
      </c>
      <c r="AL3027">
        <v>62561.873269999996</v>
      </c>
      <c r="AM3027">
        <v>14106.963890000001</v>
      </c>
      <c r="AN3027">
        <v>71522.15036</v>
      </c>
      <c r="AO3027">
        <v>19301.340789999998</v>
      </c>
      <c r="AP3027">
        <v>12142.042030000001</v>
      </c>
    </row>
    <row r="3028" spans="2:42" x14ac:dyDescent="0.3">
      <c r="B3028">
        <v>46.601937948435179</v>
      </c>
      <c r="C3028" s="83">
        <v>43227.083333333336</v>
      </c>
      <c r="D3028">
        <v>169794.38800000001</v>
      </c>
      <c r="E3028">
        <v>11799.087649999999</v>
      </c>
      <c r="F3028">
        <v>44606.693189999998</v>
      </c>
      <c r="G3028">
        <v>31516.450130000001</v>
      </c>
      <c r="H3028">
        <v>32041.615760000001</v>
      </c>
      <c r="I3028">
        <v>14135.40364</v>
      </c>
      <c r="J3028">
        <v>33385.237730000001</v>
      </c>
      <c r="K3028">
        <v>40853.680200000003</v>
      </c>
      <c r="L3028">
        <v>17267.34114</v>
      </c>
      <c r="M3028">
        <v>237598.41209999999</v>
      </c>
      <c r="N3028">
        <v>65663.078500000003</v>
      </c>
      <c r="O3028">
        <v>19514.47496</v>
      </c>
      <c r="P3028">
        <v>23167.82285</v>
      </c>
      <c r="Q3028">
        <v>65615.310859999998</v>
      </c>
      <c r="R3028">
        <v>14542.56732</v>
      </c>
      <c r="S3028">
        <v>70825.376310000007</v>
      </c>
      <c r="T3028">
        <v>18982.038939999999</v>
      </c>
      <c r="U3028">
        <v>11909.413350000001</v>
      </c>
      <c r="W3028" s="83">
        <f>Bühler!N3060</f>
        <v>45418.083333325994</v>
      </c>
      <c r="X3028" s="83">
        <v>43227.083333333336</v>
      </c>
      <c r="Y3028">
        <v>169794.38800000001</v>
      </c>
      <c r="Z3028">
        <v>11799.087649999999</v>
      </c>
      <c r="AA3028">
        <v>44606.693189999998</v>
      </c>
      <c r="AB3028">
        <v>31516.450130000001</v>
      </c>
      <c r="AC3028">
        <v>32041.615760000001</v>
      </c>
      <c r="AD3028">
        <v>14135.40364</v>
      </c>
      <c r="AE3028">
        <v>33385.237730000001</v>
      </c>
      <c r="AF3028">
        <v>40853.680200000003</v>
      </c>
      <c r="AG3028">
        <v>17267.34114</v>
      </c>
      <c r="AH3028">
        <v>237598.41209999999</v>
      </c>
      <c r="AI3028">
        <v>65663.078500000003</v>
      </c>
      <c r="AJ3028">
        <v>19514.47496</v>
      </c>
      <c r="AK3028">
        <v>23167.82285</v>
      </c>
      <c r="AL3028">
        <v>65615.310859999998</v>
      </c>
      <c r="AM3028">
        <v>14542.56732</v>
      </c>
      <c r="AN3028">
        <v>70825.376310000007</v>
      </c>
      <c r="AO3028">
        <v>18982.038939999999</v>
      </c>
      <c r="AP3028">
        <v>11909.413350000001</v>
      </c>
    </row>
    <row r="3029" spans="2:42" x14ac:dyDescent="0.3">
      <c r="B3029">
        <v>47.994423732165366</v>
      </c>
      <c r="C3029" s="83">
        <v>43227.125</v>
      </c>
      <c r="D3029">
        <v>176859.5539</v>
      </c>
      <c r="E3029">
        <v>12081.288049999999</v>
      </c>
      <c r="F3029">
        <v>46419.799619999998</v>
      </c>
      <c r="G3029">
        <v>30869.856360000002</v>
      </c>
      <c r="H3029">
        <v>32632.764200000001</v>
      </c>
      <c r="I3029">
        <v>13954.020329999999</v>
      </c>
      <c r="J3029">
        <v>33546.701399999998</v>
      </c>
      <c r="K3029">
        <v>39978.000169999999</v>
      </c>
      <c r="L3029">
        <v>16798.881600000001</v>
      </c>
      <c r="M3029">
        <v>244697.954</v>
      </c>
      <c r="N3029">
        <v>65650.691269999996</v>
      </c>
      <c r="O3029">
        <v>18555.661609999999</v>
      </c>
      <c r="P3029">
        <v>23085.10814</v>
      </c>
      <c r="Q3029">
        <v>70756.171520000004</v>
      </c>
      <c r="R3029">
        <v>14689.24985</v>
      </c>
      <c r="S3029">
        <v>70947.283379999993</v>
      </c>
      <c r="T3029">
        <v>18922.278129999999</v>
      </c>
      <c r="U3029">
        <v>11925.929029999999</v>
      </c>
      <c r="W3029" s="83">
        <f>Bühler!N3061</f>
        <v>45418.124999992659</v>
      </c>
      <c r="X3029" s="83">
        <v>43227.125</v>
      </c>
      <c r="Y3029">
        <v>176859.5539</v>
      </c>
      <c r="Z3029">
        <v>12081.288049999999</v>
      </c>
      <c r="AA3029">
        <v>46419.799619999998</v>
      </c>
      <c r="AB3029">
        <v>30869.856360000002</v>
      </c>
      <c r="AC3029">
        <v>32632.764200000001</v>
      </c>
      <c r="AD3029">
        <v>13954.020329999999</v>
      </c>
      <c r="AE3029">
        <v>33546.701399999998</v>
      </c>
      <c r="AF3029">
        <v>39978.000169999999</v>
      </c>
      <c r="AG3029">
        <v>16798.881600000001</v>
      </c>
      <c r="AH3029">
        <v>244697.954</v>
      </c>
      <c r="AI3029">
        <v>65650.691269999996</v>
      </c>
      <c r="AJ3029">
        <v>18555.661609999999</v>
      </c>
      <c r="AK3029">
        <v>23085.10814</v>
      </c>
      <c r="AL3029">
        <v>70756.171520000004</v>
      </c>
      <c r="AM3029">
        <v>14689.24985</v>
      </c>
      <c r="AN3029">
        <v>70947.283379999993</v>
      </c>
      <c r="AO3029">
        <v>18922.278129999999</v>
      </c>
      <c r="AP3029">
        <v>11925.929029999999</v>
      </c>
    </row>
    <row r="3030" spans="2:42" x14ac:dyDescent="0.3">
      <c r="B3030">
        <v>51.216211089047178</v>
      </c>
      <c r="C3030" s="83">
        <v>43227.166666666664</v>
      </c>
      <c r="D3030">
        <v>187739.1262</v>
      </c>
      <c r="E3030">
        <v>12936.70724</v>
      </c>
      <c r="F3030">
        <v>50316.208579999999</v>
      </c>
      <c r="G3030">
        <v>30636.450410000001</v>
      </c>
      <c r="H3030">
        <v>33424.776680000003</v>
      </c>
      <c r="I3030">
        <v>15501.303110000001</v>
      </c>
      <c r="J3030">
        <v>35478.486629999999</v>
      </c>
      <c r="K3030">
        <v>40236.322740000003</v>
      </c>
      <c r="L3030">
        <v>16547.5579</v>
      </c>
      <c r="M3030">
        <v>261124.12839999999</v>
      </c>
      <c r="N3030">
        <v>65493.203099999999</v>
      </c>
      <c r="O3030">
        <v>19539.517909999999</v>
      </c>
      <c r="P3030">
        <v>23477.797719999999</v>
      </c>
      <c r="Q3030">
        <v>77477.725409999999</v>
      </c>
      <c r="R3030">
        <v>15098.178889999999</v>
      </c>
      <c r="S3030">
        <v>71752.890910000002</v>
      </c>
      <c r="T3030">
        <v>19028.406470000002</v>
      </c>
      <c r="U3030">
        <v>13061.3876</v>
      </c>
      <c r="W3030" s="83">
        <f>Bühler!N3062</f>
        <v>45418.166666659323</v>
      </c>
      <c r="X3030" s="83">
        <v>43227.166666666664</v>
      </c>
      <c r="Y3030">
        <v>187739.1262</v>
      </c>
      <c r="Z3030">
        <v>12936.70724</v>
      </c>
      <c r="AA3030">
        <v>50316.208579999999</v>
      </c>
      <c r="AB3030">
        <v>30636.450410000001</v>
      </c>
      <c r="AC3030">
        <v>33424.776680000003</v>
      </c>
      <c r="AD3030">
        <v>15501.303110000001</v>
      </c>
      <c r="AE3030">
        <v>35478.486629999999</v>
      </c>
      <c r="AF3030">
        <v>40236.322740000003</v>
      </c>
      <c r="AG3030">
        <v>16547.5579</v>
      </c>
      <c r="AH3030">
        <v>261124.12839999999</v>
      </c>
      <c r="AI3030">
        <v>65493.203099999999</v>
      </c>
      <c r="AJ3030">
        <v>19539.517909999999</v>
      </c>
      <c r="AK3030">
        <v>23477.797719999999</v>
      </c>
      <c r="AL3030">
        <v>77477.725409999999</v>
      </c>
      <c r="AM3030">
        <v>15098.178889999999</v>
      </c>
      <c r="AN3030">
        <v>71752.890910000002</v>
      </c>
      <c r="AO3030">
        <v>19028.406470000002</v>
      </c>
      <c r="AP3030">
        <v>13061.3876</v>
      </c>
    </row>
    <row r="3031" spans="2:42" x14ac:dyDescent="0.3">
      <c r="B3031">
        <v>56.729623224120331</v>
      </c>
      <c r="C3031" s="83">
        <v>43227.208333333336</v>
      </c>
      <c r="D3031">
        <v>216922.10870000001</v>
      </c>
      <c r="E3031">
        <v>15138.69658</v>
      </c>
      <c r="F3031">
        <v>63522.881329999997</v>
      </c>
      <c r="G3031">
        <v>32657.137159999998</v>
      </c>
      <c r="H3031">
        <v>35957.265140000003</v>
      </c>
      <c r="I3031">
        <v>22781.720290000001</v>
      </c>
      <c r="J3031">
        <v>38965.792710000002</v>
      </c>
      <c r="K3031">
        <v>42233.646309999996</v>
      </c>
      <c r="L3031">
        <v>17462.264439999999</v>
      </c>
      <c r="M3031">
        <v>289234.07459999999</v>
      </c>
      <c r="N3031">
        <v>67104.459229999993</v>
      </c>
      <c r="O3031">
        <v>20436.880509999999</v>
      </c>
      <c r="P3031">
        <v>24473.733359999998</v>
      </c>
      <c r="Q3031">
        <v>84499.412360000002</v>
      </c>
      <c r="R3031">
        <v>17005.584129999999</v>
      </c>
      <c r="S3031">
        <v>73995.708230000004</v>
      </c>
      <c r="T3031">
        <v>20400.168150000001</v>
      </c>
      <c r="U3031">
        <v>14591.28484</v>
      </c>
      <c r="W3031" s="83">
        <f>Bühler!N3063</f>
        <v>45418.208333325987</v>
      </c>
      <c r="X3031" s="83">
        <v>43227.208333333336</v>
      </c>
      <c r="Y3031">
        <v>216922.10870000001</v>
      </c>
      <c r="Z3031">
        <v>15138.69658</v>
      </c>
      <c r="AA3031">
        <v>63522.881329999997</v>
      </c>
      <c r="AB3031">
        <v>32657.137159999998</v>
      </c>
      <c r="AC3031">
        <v>35957.265140000003</v>
      </c>
      <c r="AD3031">
        <v>22781.720290000001</v>
      </c>
      <c r="AE3031">
        <v>38965.792710000002</v>
      </c>
      <c r="AF3031">
        <v>42233.646309999996</v>
      </c>
      <c r="AG3031">
        <v>17462.264439999999</v>
      </c>
      <c r="AH3031">
        <v>289234.07459999999</v>
      </c>
      <c r="AI3031">
        <v>67104.459229999993</v>
      </c>
      <c r="AJ3031">
        <v>20436.880509999999</v>
      </c>
      <c r="AK3031">
        <v>24473.733359999998</v>
      </c>
      <c r="AL3031">
        <v>84499.412360000002</v>
      </c>
      <c r="AM3031">
        <v>17005.584129999999</v>
      </c>
      <c r="AN3031">
        <v>73995.708230000004</v>
      </c>
      <c r="AO3031">
        <v>20400.168150000001</v>
      </c>
      <c r="AP3031">
        <v>14591.28484</v>
      </c>
    </row>
    <row r="3032" spans="2:42" x14ac:dyDescent="0.3">
      <c r="B3032">
        <v>61.752492942659508</v>
      </c>
      <c r="C3032" s="83">
        <v>43227.25</v>
      </c>
      <c r="D3032">
        <v>241121.2758</v>
      </c>
      <c r="E3032">
        <v>19179.773529999999</v>
      </c>
      <c r="F3032">
        <v>72171.755420000001</v>
      </c>
      <c r="G3032">
        <v>41587.852059999997</v>
      </c>
      <c r="H3032">
        <v>37971.71372</v>
      </c>
      <c r="I3032">
        <v>29282.11463</v>
      </c>
      <c r="J3032">
        <v>41846.497990000003</v>
      </c>
      <c r="K3032">
        <v>42808.513659999997</v>
      </c>
      <c r="L3032">
        <v>17886.418819999999</v>
      </c>
      <c r="M3032">
        <v>314843.00679999997</v>
      </c>
      <c r="N3032">
        <v>69631.651519999999</v>
      </c>
      <c r="O3032">
        <v>22538.883430000002</v>
      </c>
      <c r="P3032">
        <v>25249.971890000001</v>
      </c>
      <c r="Q3032">
        <v>88203.707999999999</v>
      </c>
      <c r="R3032">
        <v>15709.70141</v>
      </c>
      <c r="S3032">
        <v>80869.621450000006</v>
      </c>
      <c r="T3032">
        <v>22892.318599999999</v>
      </c>
      <c r="U3032">
        <v>17361.981690000001</v>
      </c>
      <c r="W3032" s="83">
        <f>Bühler!N3064</f>
        <v>45418.249999992651</v>
      </c>
      <c r="X3032" s="83">
        <v>43227.25</v>
      </c>
      <c r="Y3032">
        <v>241121.2758</v>
      </c>
      <c r="Z3032">
        <v>19179.773529999999</v>
      </c>
      <c r="AA3032">
        <v>72171.755420000001</v>
      </c>
      <c r="AB3032">
        <v>41587.852059999997</v>
      </c>
      <c r="AC3032">
        <v>37971.71372</v>
      </c>
      <c r="AD3032">
        <v>29282.11463</v>
      </c>
      <c r="AE3032">
        <v>41846.497990000003</v>
      </c>
      <c r="AF3032">
        <v>42808.513659999997</v>
      </c>
      <c r="AG3032">
        <v>17886.418819999999</v>
      </c>
      <c r="AH3032">
        <v>314843.00679999997</v>
      </c>
      <c r="AI3032">
        <v>69631.651519999999</v>
      </c>
      <c r="AJ3032">
        <v>22538.883430000002</v>
      </c>
      <c r="AK3032">
        <v>25249.971890000001</v>
      </c>
      <c r="AL3032">
        <v>88203.707999999999</v>
      </c>
      <c r="AM3032">
        <v>15709.70141</v>
      </c>
      <c r="AN3032">
        <v>80869.621450000006</v>
      </c>
      <c r="AO3032">
        <v>22892.318599999999</v>
      </c>
      <c r="AP3032">
        <v>17361.981690000001</v>
      </c>
    </row>
    <row r="3033" spans="2:42" x14ac:dyDescent="0.3">
      <c r="B3033">
        <v>64.610120653194059</v>
      </c>
      <c r="C3033" s="83">
        <v>43227.291666666664</v>
      </c>
      <c r="D3033">
        <v>259921.4614</v>
      </c>
      <c r="E3033">
        <v>22898.31223</v>
      </c>
      <c r="F3033">
        <v>75841.515379999997</v>
      </c>
      <c r="G3033">
        <v>50637.9352</v>
      </c>
      <c r="H3033">
        <v>42484.025540000002</v>
      </c>
      <c r="I3033">
        <v>36304.725879999998</v>
      </c>
      <c r="J3033">
        <v>41899.554600000003</v>
      </c>
      <c r="K3033">
        <v>48763.299189999998</v>
      </c>
      <c r="L3033">
        <v>20459.050210000001</v>
      </c>
      <c r="M3033">
        <v>329412.52549999999</v>
      </c>
      <c r="N3033">
        <v>74312.546579999995</v>
      </c>
      <c r="O3033">
        <v>23960.113809999999</v>
      </c>
      <c r="P3033">
        <v>27834.770499999999</v>
      </c>
      <c r="Q3033">
        <v>90503.263399999996</v>
      </c>
      <c r="R3033">
        <v>16497.275900000001</v>
      </c>
      <c r="S3033">
        <v>94981.483600000007</v>
      </c>
      <c r="T3033">
        <v>25931.391220000001</v>
      </c>
      <c r="U3033">
        <v>20664.26987</v>
      </c>
      <c r="W3033" s="83">
        <f>Bühler!N3065</f>
        <v>45418.291666659316</v>
      </c>
      <c r="X3033" s="83">
        <v>43227.291666666664</v>
      </c>
      <c r="Y3033">
        <v>259921.4614</v>
      </c>
      <c r="Z3033">
        <v>22898.31223</v>
      </c>
      <c r="AA3033">
        <v>75841.515379999997</v>
      </c>
      <c r="AB3033">
        <v>50637.9352</v>
      </c>
      <c r="AC3033">
        <v>42484.025540000002</v>
      </c>
      <c r="AD3033">
        <v>36304.725879999998</v>
      </c>
      <c r="AE3033">
        <v>41899.554600000003</v>
      </c>
      <c r="AF3033">
        <v>48763.299189999998</v>
      </c>
      <c r="AG3033">
        <v>20459.050210000001</v>
      </c>
      <c r="AH3033">
        <v>329412.52549999999</v>
      </c>
      <c r="AI3033">
        <v>74312.546579999995</v>
      </c>
      <c r="AJ3033">
        <v>23960.113809999999</v>
      </c>
      <c r="AK3033">
        <v>27834.770499999999</v>
      </c>
      <c r="AL3033">
        <v>90503.263399999996</v>
      </c>
      <c r="AM3033">
        <v>16497.275900000001</v>
      </c>
      <c r="AN3033">
        <v>94981.483600000007</v>
      </c>
      <c r="AO3033">
        <v>25931.391220000001</v>
      </c>
      <c r="AP3033">
        <v>20664.26987</v>
      </c>
    </row>
    <row r="3034" spans="2:42" x14ac:dyDescent="0.3">
      <c r="B3034">
        <v>66.436479086390733</v>
      </c>
      <c r="C3034" s="83">
        <v>43227.333333333336</v>
      </c>
      <c r="D3034">
        <v>274718.10269999999</v>
      </c>
      <c r="E3034">
        <v>27982.595840000002</v>
      </c>
      <c r="F3034">
        <v>82030.489079999999</v>
      </c>
      <c r="G3034">
        <v>62697.260710000002</v>
      </c>
      <c r="H3034">
        <v>47473.401310000001</v>
      </c>
      <c r="I3034">
        <v>39229.728389999997</v>
      </c>
      <c r="J3034">
        <v>44016.861169999996</v>
      </c>
      <c r="K3034">
        <v>55207.250099999997</v>
      </c>
      <c r="L3034">
        <v>23619.7745</v>
      </c>
      <c r="M3034">
        <v>338724.15250000003</v>
      </c>
      <c r="N3034">
        <v>82332.458689999999</v>
      </c>
      <c r="O3034">
        <v>25602.480380000001</v>
      </c>
      <c r="P3034">
        <v>30671.584739999998</v>
      </c>
      <c r="Q3034">
        <v>93429.865739999994</v>
      </c>
      <c r="R3034">
        <v>19421.91994</v>
      </c>
      <c r="S3034">
        <v>107215.689</v>
      </c>
      <c r="T3034">
        <v>29797.379069999999</v>
      </c>
      <c r="U3034">
        <v>24311.13581</v>
      </c>
      <c r="W3034" s="83">
        <f>Bühler!N3066</f>
        <v>45418.33333332598</v>
      </c>
      <c r="X3034" s="83">
        <v>43227.333333333336</v>
      </c>
      <c r="Y3034">
        <v>274718.10269999999</v>
      </c>
      <c r="Z3034">
        <v>27982.595840000002</v>
      </c>
      <c r="AA3034">
        <v>82030.489079999999</v>
      </c>
      <c r="AB3034">
        <v>62697.260710000002</v>
      </c>
      <c r="AC3034">
        <v>47473.401310000001</v>
      </c>
      <c r="AD3034">
        <v>39229.728389999997</v>
      </c>
      <c r="AE3034">
        <v>44016.861169999996</v>
      </c>
      <c r="AF3034">
        <v>55207.250099999997</v>
      </c>
      <c r="AG3034">
        <v>23619.7745</v>
      </c>
      <c r="AH3034">
        <v>338724.15250000003</v>
      </c>
      <c r="AI3034">
        <v>82332.458689999999</v>
      </c>
      <c r="AJ3034">
        <v>25602.480380000001</v>
      </c>
      <c r="AK3034">
        <v>30671.584739999998</v>
      </c>
      <c r="AL3034">
        <v>93429.865739999994</v>
      </c>
      <c r="AM3034">
        <v>19421.91994</v>
      </c>
      <c r="AN3034">
        <v>107215.689</v>
      </c>
      <c r="AO3034">
        <v>29797.379069999999</v>
      </c>
      <c r="AP3034">
        <v>24311.13581</v>
      </c>
    </row>
    <row r="3035" spans="2:42" x14ac:dyDescent="0.3">
      <c r="B3035">
        <v>67.599369179674312</v>
      </c>
      <c r="C3035" s="83">
        <v>43227.375</v>
      </c>
      <c r="D3035">
        <v>280584.21870000003</v>
      </c>
      <c r="E3035">
        <v>31744.13005</v>
      </c>
      <c r="F3035">
        <v>88728.792740000004</v>
      </c>
      <c r="G3035">
        <v>71510.112670000002</v>
      </c>
      <c r="H3035">
        <v>50055.053229999998</v>
      </c>
      <c r="I3035">
        <v>37340.659610000002</v>
      </c>
      <c r="J3035">
        <v>44868.589590000003</v>
      </c>
      <c r="K3035">
        <v>58787.088929999998</v>
      </c>
      <c r="L3035">
        <v>26858.316060000001</v>
      </c>
      <c r="M3035">
        <v>344653.10849999997</v>
      </c>
      <c r="N3035">
        <v>85752.108240000001</v>
      </c>
      <c r="O3035">
        <v>26375.265879999999</v>
      </c>
      <c r="P3035">
        <v>31677.830269999999</v>
      </c>
      <c r="Q3035">
        <v>95123.33223</v>
      </c>
      <c r="R3035">
        <v>20208.004560000001</v>
      </c>
      <c r="S3035">
        <v>112399.681</v>
      </c>
      <c r="T3035">
        <v>31755.484499999999</v>
      </c>
      <c r="U3035">
        <v>24155.795399999999</v>
      </c>
      <c r="W3035" s="83">
        <f>Bühler!N3067</f>
        <v>45418.374999992644</v>
      </c>
      <c r="X3035" s="83">
        <v>43227.375</v>
      </c>
      <c r="Y3035">
        <v>280584.21870000003</v>
      </c>
      <c r="Z3035">
        <v>31744.13005</v>
      </c>
      <c r="AA3035">
        <v>88728.792740000004</v>
      </c>
      <c r="AB3035">
        <v>71510.112670000002</v>
      </c>
      <c r="AC3035">
        <v>50055.053229999998</v>
      </c>
      <c r="AD3035">
        <v>37340.659610000002</v>
      </c>
      <c r="AE3035">
        <v>44868.589590000003</v>
      </c>
      <c r="AF3035">
        <v>58787.088929999998</v>
      </c>
      <c r="AG3035">
        <v>26858.316060000001</v>
      </c>
      <c r="AH3035">
        <v>344653.10849999997</v>
      </c>
      <c r="AI3035">
        <v>85752.108240000001</v>
      </c>
      <c r="AJ3035">
        <v>26375.265879999999</v>
      </c>
      <c r="AK3035">
        <v>31677.830269999999</v>
      </c>
      <c r="AL3035">
        <v>95123.33223</v>
      </c>
      <c r="AM3035">
        <v>20208.004560000001</v>
      </c>
      <c r="AN3035">
        <v>112399.681</v>
      </c>
      <c r="AO3035">
        <v>31755.484499999999</v>
      </c>
      <c r="AP3035">
        <v>24155.795399999999</v>
      </c>
    </row>
    <row r="3036" spans="2:42" x14ac:dyDescent="0.3">
      <c r="B3036">
        <v>67.93851271500985</v>
      </c>
      <c r="C3036" s="83">
        <v>43227.416666666664</v>
      </c>
      <c r="D3036">
        <v>285447.31439999997</v>
      </c>
      <c r="E3036">
        <v>33327.749860000004</v>
      </c>
      <c r="F3036">
        <v>89679.638300000006</v>
      </c>
      <c r="G3036">
        <v>74086.349050000004</v>
      </c>
      <c r="H3036">
        <v>50303.283329999998</v>
      </c>
      <c r="I3036">
        <v>35279.55384</v>
      </c>
      <c r="J3036">
        <v>44217.882830000002</v>
      </c>
      <c r="K3036">
        <v>60632.400889999997</v>
      </c>
      <c r="L3036">
        <v>29238.314419999999</v>
      </c>
      <c r="M3036">
        <v>346382.22039999999</v>
      </c>
      <c r="N3036">
        <v>88206.404710000003</v>
      </c>
      <c r="O3036">
        <v>27041.64862</v>
      </c>
      <c r="P3036">
        <v>32033.213080000001</v>
      </c>
      <c r="Q3036">
        <v>97262.668390000006</v>
      </c>
      <c r="R3036">
        <v>21190.756310000001</v>
      </c>
      <c r="S3036">
        <v>113056.5098</v>
      </c>
      <c r="T3036">
        <v>33166.928079999998</v>
      </c>
      <c r="U3036">
        <v>23803.305769999999</v>
      </c>
      <c r="W3036" s="83">
        <f>Bühler!N3068</f>
        <v>45418.416666659308</v>
      </c>
      <c r="X3036" s="83">
        <v>43227.416666666664</v>
      </c>
      <c r="Y3036">
        <v>285447.31439999997</v>
      </c>
      <c r="Z3036">
        <v>33327.749860000004</v>
      </c>
      <c r="AA3036">
        <v>89679.638300000006</v>
      </c>
      <c r="AB3036">
        <v>74086.349050000004</v>
      </c>
      <c r="AC3036">
        <v>50303.283329999998</v>
      </c>
      <c r="AD3036">
        <v>35279.55384</v>
      </c>
      <c r="AE3036">
        <v>44217.882830000002</v>
      </c>
      <c r="AF3036">
        <v>60632.400889999997</v>
      </c>
      <c r="AG3036">
        <v>29238.314419999999</v>
      </c>
      <c r="AH3036">
        <v>346382.22039999999</v>
      </c>
      <c r="AI3036">
        <v>88206.404710000003</v>
      </c>
      <c r="AJ3036">
        <v>27041.64862</v>
      </c>
      <c r="AK3036">
        <v>32033.213080000001</v>
      </c>
      <c r="AL3036">
        <v>97262.668390000006</v>
      </c>
      <c r="AM3036">
        <v>21190.756310000001</v>
      </c>
      <c r="AN3036">
        <v>113056.5098</v>
      </c>
      <c r="AO3036">
        <v>33166.928079999998</v>
      </c>
      <c r="AP3036">
        <v>23803.305769999999</v>
      </c>
    </row>
    <row r="3037" spans="2:42" x14ac:dyDescent="0.3">
      <c r="B3037">
        <v>68.846953957798064</v>
      </c>
      <c r="C3037" s="83">
        <v>43227.458333333336</v>
      </c>
      <c r="D3037">
        <v>283430.85729999997</v>
      </c>
      <c r="E3037">
        <v>33557.610589999997</v>
      </c>
      <c r="F3037">
        <v>91107.474589999998</v>
      </c>
      <c r="G3037">
        <v>73391.391910000006</v>
      </c>
      <c r="H3037">
        <v>50102.25202</v>
      </c>
      <c r="I3037">
        <v>35068.728569999999</v>
      </c>
      <c r="J3037">
        <v>44152.611949999999</v>
      </c>
      <c r="K3037">
        <v>61051.307480000003</v>
      </c>
      <c r="L3037">
        <v>31108.22536</v>
      </c>
      <c r="M3037">
        <v>351013.8775</v>
      </c>
      <c r="N3037">
        <v>88682.400729999994</v>
      </c>
      <c r="O3037">
        <v>26156.398020000001</v>
      </c>
      <c r="P3037">
        <v>31755.87902</v>
      </c>
      <c r="Q3037">
        <v>97724.096369999999</v>
      </c>
      <c r="R3037">
        <v>23145.000029999999</v>
      </c>
      <c r="S3037">
        <v>117258.0131</v>
      </c>
      <c r="T3037">
        <v>33935.547310000002</v>
      </c>
      <c r="U3037">
        <v>23295.556850000001</v>
      </c>
      <c r="W3037" s="83">
        <f>Bühler!N3069</f>
        <v>45418.458333325972</v>
      </c>
      <c r="X3037" s="83">
        <v>43227.458333333336</v>
      </c>
      <c r="Y3037">
        <v>283430.85729999997</v>
      </c>
      <c r="Z3037">
        <v>33557.610589999997</v>
      </c>
      <c r="AA3037">
        <v>91107.474589999998</v>
      </c>
      <c r="AB3037">
        <v>73391.391910000006</v>
      </c>
      <c r="AC3037">
        <v>50102.25202</v>
      </c>
      <c r="AD3037">
        <v>35068.728569999999</v>
      </c>
      <c r="AE3037">
        <v>44152.611949999999</v>
      </c>
      <c r="AF3037">
        <v>61051.307480000003</v>
      </c>
      <c r="AG3037">
        <v>31108.22536</v>
      </c>
      <c r="AH3037">
        <v>351013.8775</v>
      </c>
      <c r="AI3037">
        <v>88682.400729999994</v>
      </c>
      <c r="AJ3037">
        <v>26156.398020000001</v>
      </c>
      <c r="AK3037">
        <v>31755.87902</v>
      </c>
      <c r="AL3037">
        <v>97724.096369999999</v>
      </c>
      <c r="AM3037">
        <v>23145.000029999999</v>
      </c>
      <c r="AN3037">
        <v>117258.0131</v>
      </c>
      <c r="AO3037">
        <v>33935.547310000002</v>
      </c>
      <c r="AP3037">
        <v>23295.556850000001</v>
      </c>
    </row>
    <row r="3038" spans="2:42" x14ac:dyDescent="0.3">
      <c r="B3038">
        <v>68.429336392594465</v>
      </c>
      <c r="C3038" s="83">
        <v>43227.5</v>
      </c>
      <c r="D3038">
        <v>274482.40820000001</v>
      </c>
      <c r="E3038">
        <v>30472.98574</v>
      </c>
      <c r="F3038">
        <v>86278.856369999994</v>
      </c>
      <c r="G3038">
        <v>72934.885859999995</v>
      </c>
      <c r="H3038">
        <v>47993.896350000003</v>
      </c>
      <c r="I3038">
        <v>33581.431420000001</v>
      </c>
      <c r="J3038">
        <v>44066.2546</v>
      </c>
      <c r="K3038">
        <v>57733.375670000001</v>
      </c>
      <c r="L3038">
        <v>32736.393629999999</v>
      </c>
      <c r="M3038">
        <v>348884.66840000002</v>
      </c>
      <c r="N3038">
        <v>86883.95736</v>
      </c>
      <c r="O3038">
        <v>25325.517210000002</v>
      </c>
      <c r="P3038">
        <v>32208.305039999999</v>
      </c>
      <c r="Q3038">
        <v>99158.703559999994</v>
      </c>
      <c r="R3038">
        <v>23306.741259999999</v>
      </c>
      <c r="S3038">
        <v>110935.3104</v>
      </c>
      <c r="T3038">
        <v>34160.326780000003</v>
      </c>
      <c r="U3038">
        <v>19093.82573</v>
      </c>
      <c r="W3038" s="83">
        <f>Bühler!N3070</f>
        <v>45418.499999992637</v>
      </c>
      <c r="X3038" s="83">
        <v>43227.5</v>
      </c>
      <c r="Y3038">
        <v>274482.40820000001</v>
      </c>
      <c r="Z3038">
        <v>30472.98574</v>
      </c>
      <c r="AA3038">
        <v>86278.856369999994</v>
      </c>
      <c r="AB3038">
        <v>72934.885859999995</v>
      </c>
      <c r="AC3038">
        <v>47993.896350000003</v>
      </c>
      <c r="AD3038">
        <v>33581.431420000001</v>
      </c>
      <c r="AE3038">
        <v>44066.2546</v>
      </c>
      <c r="AF3038">
        <v>57733.375670000001</v>
      </c>
      <c r="AG3038">
        <v>32736.393629999999</v>
      </c>
      <c r="AH3038">
        <v>348884.66840000002</v>
      </c>
      <c r="AI3038">
        <v>86883.95736</v>
      </c>
      <c r="AJ3038">
        <v>25325.517210000002</v>
      </c>
      <c r="AK3038">
        <v>32208.305039999999</v>
      </c>
      <c r="AL3038">
        <v>99158.703559999994</v>
      </c>
      <c r="AM3038">
        <v>23306.741259999999</v>
      </c>
      <c r="AN3038">
        <v>110935.3104</v>
      </c>
      <c r="AO3038">
        <v>34160.326780000003</v>
      </c>
      <c r="AP3038">
        <v>19093.82573</v>
      </c>
    </row>
    <row r="3039" spans="2:42" x14ac:dyDescent="0.3">
      <c r="B3039">
        <v>68.522282441115053</v>
      </c>
      <c r="C3039" s="83">
        <v>43227.541666666664</v>
      </c>
      <c r="D3039">
        <v>275826.40179999999</v>
      </c>
      <c r="E3039">
        <v>30725.116249999999</v>
      </c>
      <c r="F3039">
        <v>82913.013770000005</v>
      </c>
      <c r="G3039">
        <v>70603.389809999993</v>
      </c>
      <c r="H3039">
        <v>48513.631659999999</v>
      </c>
      <c r="I3039">
        <v>33958.06712</v>
      </c>
      <c r="J3039">
        <v>42659.206140000002</v>
      </c>
      <c r="K3039">
        <v>59983.191760000002</v>
      </c>
      <c r="L3039">
        <v>31451.805830000001</v>
      </c>
      <c r="M3039">
        <v>349358.55070000002</v>
      </c>
      <c r="N3039">
        <v>87236.002120000005</v>
      </c>
      <c r="O3039">
        <v>26459.53181</v>
      </c>
      <c r="P3039">
        <v>31473.913619999999</v>
      </c>
      <c r="Q3039">
        <v>98797.819279999996</v>
      </c>
      <c r="R3039">
        <v>22883.92295</v>
      </c>
      <c r="S3039">
        <v>110547.4011</v>
      </c>
      <c r="T3039">
        <v>33371.488810000003</v>
      </c>
      <c r="U3039">
        <v>21523.751929999999</v>
      </c>
      <c r="W3039" s="83">
        <f>Bühler!N3071</f>
        <v>45418.541666659301</v>
      </c>
      <c r="X3039" s="83">
        <v>43227.541666666664</v>
      </c>
      <c r="Y3039">
        <v>275826.40179999999</v>
      </c>
      <c r="Z3039">
        <v>30725.116249999999</v>
      </c>
      <c r="AA3039">
        <v>82913.013770000005</v>
      </c>
      <c r="AB3039">
        <v>70603.389809999993</v>
      </c>
      <c r="AC3039">
        <v>48513.631659999999</v>
      </c>
      <c r="AD3039">
        <v>33958.06712</v>
      </c>
      <c r="AE3039">
        <v>42659.206140000002</v>
      </c>
      <c r="AF3039">
        <v>59983.191760000002</v>
      </c>
      <c r="AG3039">
        <v>31451.805830000001</v>
      </c>
      <c r="AH3039">
        <v>349358.55070000002</v>
      </c>
      <c r="AI3039">
        <v>87236.002120000005</v>
      </c>
      <c r="AJ3039">
        <v>26459.53181</v>
      </c>
      <c r="AK3039">
        <v>31473.913619999999</v>
      </c>
      <c r="AL3039">
        <v>98797.819279999996</v>
      </c>
      <c r="AM3039">
        <v>22883.92295</v>
      </c>
      <c r="AN3039">
        <v>110547.4011</v>
      </c>
      <c r="AO3039">
        <v>33371.488810000003</v>
      </c>
      <c r="AP3039">
        <v>21523.751929999999</v>
      </c>
    </row>
    <row r="3040" spans="2:42" x14ac:dyDescent="0.3">
      <c r="B3040">
        <v>69.188822371375039</v>
      </c>
      <c r="C3040" s="83">
        <v>43227.583333333336</v>
      </c>
      <c r="D3040">
        <v>282317.55790000001</v>
      </c>
      <c r="E3040">
        <v>33627.414290000001</v>
      </c>
      <c r="F3040">
        <v>90505.103610000006</v>
      </c>
      <c r="G3040">
        <v>66436.467789999995</v>
      </c>
      <c r="H3040">
        <v>48454.426039999998</v>
      </c>
      <c r="I3040">
        <v>34971.08741</v>
      </c>
      <c r="J3040">
        <v>42378.471420000002</v>
      </c>
      <c r="K3040">
        <v>62428.260649999997</v>
      </c>
      <c r="L3040">
        <v>28473.40724</v>
      </c>
      <c r="M3040">
        <v>352756.88209999999</v>
      </c>
      <c r="N3040">
        <v>89225.74295</v>
      </c>
      <c r="O3040">
        <v>24870.436020000001</v>
      </c>
      <c r="P3040">
        <v>29262.925039999998</v>
      </c>
      <c r="Q3040">
        <v>98531.718689999994</v>
      </c>
      <c r="R3040">
        <v>22162.6142</v>
      </c>
      <c r="S3040">
        <v>107463.48699999999</v>
      </c>
      <c r="T3040">
        <v>31850.073990000001</v>
      </c>
      <c r="U3040">
        <v>22076.934420000001</v>
      </c>
      <c r="W3040" s="83">
        <f>Bühler!N3072</f>
        <v>45418.583333325965</v>
      </c>
      <c r="X3040" s="83">
        <v>43227.583333333336</v>
      </c>
      <c r="Y3040">
        <v>282317.55790000001</v>
      </c>
      <c r="Z3040">
        <v>33627.414290000001</v>
      </c>
      <c r="AA3040">
        <v>90505.103610000006</v>
      </c>
      <c r="AB3040">
        <v>66436.467789999995</v>
      </c>
      <c r="AC3040">
        <v>48454.426039999998</v>
      </c>
      <c r="AD3040">
        <v>34971.08741</v>
      </c>
      <c r="AE3040">
        <v>42378.471420000002</v>
      </c>
      <c r="AF3040">
        <v>62428.260649999997</v>
      </c>
      <c r="AG3040">
        <v>28473.40724</v>
      </c>
      <c r="AH3040">
        <v>352756.88209999999</v>
      </c>
      <c r="AI3040">
        <v>89225.74295</v>
      </c>
      <c r="AJ3040">
        <v>24870.436020000001</v>
      </c>
      <c r="AK3040">
        <v>29262.925039999998</v>
      </c>
      <c r="AL3040">
        <v>98531.718689999994</v>
      </c>
      <c r="AM3040">
        <v>22162.6142</v>
      </c>
      <c r="AN3040">
        <v>107463.48699999999</v>
      </c>
      <c r="AO3040">
        <v>31850.073990000001</v>
      </c>
      <c r="AP3040">
        <v>22076.934420000001</v>
      </c>
    </row>
    <row r="3041" spans="2:42" x14ac:dyDescent="0.3">
      <c r="B3041">
        <v>69.561011961876901</v>
      </c>
      <c r="C3041" s="83">
        <v>43227.625</v>
      </c>
      <c r="D3041">
        <v>280019.33179999999</v>
      </c>
      <c r="E3041">
        <v>33190.090450000003</v>
      </c>
      <c r="F3041">
        <v>93163.13235</v>
      </c>
      <c r="G3041">
        <v>64423.407550000004</v>
      </c>
      <c r="H3041">
        <v>48087.027569999998</v>
      </c>
      <c r="I3041">
        <v>34710.284630000002</v>
      </c>
      <c r="J3041">
        <v>41730.228190000002</v>
      </c>
      <c r="K3041">
        <v>61758.348839999999</v>
      </c>
      <c r="L3041">
        <v>26067.52967</v>
      </c>
      <c r="M3041">
        <v>354654.47820000001</v>
      </c>
      <c r="N3041">
        <v>86420.99828</v>
      </c>
      <c r="O3041">
        <v>24626.340649999998</v>
      </c>
      <c r="P3041">
        <v>26694.637750000002</v>
      </c>
      <c r="Q3041">
        <v>98846.773090000002</v>
      </c>
      <c r="R3041">
        <v>22010.96516</v>
      </c>
      <c r="S3041">
        <v>104105.37880000001</v>
      </c>
      <c r="T3041">
        <v>31174.766469999999</v>
      </c>
      <c r="U3041">
        <v>20610.084490000001</v>
      </c>
      <c r="W3041" s="83">
        <f>Bühler!N3073</f>
        <v>45418.624999992629</v>
      </c>
      <c r="X3041" s="83">
        <v>43227.625</v>
      </c>
      <c r="Y3041">
        <v>280019.33179999999</v>
      </c>
      <c r="Z3041">
        <v>33190.090450000003</v>
      </c>
      <c r="AA3041">
        <v>93163.13235</v>
      </c>
      <c r="AB3041">
        <v>64423.407550000004</v>
      </c>
      <c r="AC3041">
        <v>48087.027569999998</v>
      </c>
      <c r="AD3041">
        <v>34710.284630000002</v>
      </c>
      <c r="AE3041">
        <v>41730.228190000002</v>
      </c>
      <c r="AF3041">
        <v>61758.348839999999</v>
      </c>
      <c r="AG3041">
        <v>26067.52967</v>
      </c>
      <c r="AH3041">
        <v>354654.47820000001</v>
      </c>
      <c r="AI3041">
        <v>86420.99828</v>
      </c>
      <c r="AJ3041">
        <v>24626.340649999998</v>
      </c>
      <c r="AK3041">
        <v>26694.637750000002</v>
      </c>
      <c r="AL3041">
        <v>98846.773090000002</v>
      </c>
      <c r="AM3041">
        <v>22010.96516</v>
      </c>
      <c r="AN3041">
        <v>104105.37880000001</v>
      </c>
      <c r="AO3041">
        <v>31174.766469999999</v>
      </c>
      <c r="AP3041">
        <v>20610.084490000001</v>
      </c>
    </row>
    <row r="3042" spans="2:42" x14ac:dyDescent="0.3">
      <c r="B3042">
        <v>68.482034455497995</v>
      </c>
      <c r="C3042" s="83">
        <v>43227.666666666664</v>
      </c>
      <c r="D3042">
        <v>273836.30619999999</v>
      </c>
      <c r="E3042">
        <v>32470.665870000001</v>
      </c>
      <c r="F3042">
        <v>92321.434930000003</v>
      </c>
      <c r="G3042">
        <v>60390.726000000002</v>
      </c>
      <c r="H3042">
        <v>45566.810709999998</v>
      </c>
      <c r="I3042">
        <v>35358.137569999999</v>
      </c>
      <c r="J3042">
        <v>41005.011250000003</v>
      </c>
      <c r="K3042">
        <v>57677.905440000002</v>
      </c>
      <c r="L3042">
        <v>25156.908579999999</v>
      </c>
      <c r="M3042">
        <v>349153.34769999998</v>
      </c>
      <c r="N3042">
        <v>82465.560930000007</v>
      </c>
      <c r="O3042">
        <v>23844.343730000001</v>
      </c>
      <c r="P3042">
        <v>26762.26541</v>
      </c>
      <c r="Q3042">
        <v>98158.747329999998</v>
      </c>
      <c r="R3042">
        <v>21554.675490000001</v>
      </c>
      <c r="S3042">
        <v>101529.54300000001</v>
      </c>
      <c r="T3042">
        <v>30501.37804</v>
      </c>
      <c r="U3042">
        <v>18531.600539999999</v>
      </c>
      <c r="W3042" s="83">
        <f>Bühler!N3074</f>
        <v>45418.666666659294</v>
      </c>
      <c r="X3042" s="83">
        <v>43227.666666666664</v>
      </c>
      <c r="Y3042">
        <v>273836.30619999999</v>
      </c>
      <c r="Z3042">
        <v>32470.665870000001</v>
      </c>
      <c r="AA3042">
        <v>92321.434930000003</v>
      </c>
      <c r="AB3042">
        <v>60390.726000000002</v>
      </c>
      <c r="AC3042">
        <v>45566.810709999998</v>
      </c>
      <c r="AD3042">
        <v>35358.137569999999</v>
      </c>
      <c r="AE3042">
        <v>41005.011250000003</v>
      </c>
      <c r="AF3042">
        <v>57677.905440000002</v>
      </c>
      <c r="AG3042">
        <v>25156.908579999999</v>
      </c>
      <c r="AH3042">
        <v>349153.34769999998</v>
      </c>
      <c r="AI3042">
        <v>82465.560930000007</v>
      </c>
      <c r="AJ3042">
        <v>23844.343730000001</v>
      </c>
      <c r="AK3042">
        <v>26762.26541</v>
      </c>
      <c r="AL3042">
        <v>98158.747329999998</v>
      </c>
      <c r="AM3042">
        <v>21554.675490000001</v>
      </c>
      <c r="AN3042">
        <v>101529.54300000001</v>
      </c>
      <c r="AO3042">
        <v>30501.37804</v>
      </c>
      <c r="AP3042">
        <v>18531.600539999999</v>
      </c>
    </row>
    <row r="3043" spans="2:42" x14ac:dyDescent="0.3">
      <c r="B3043">
        <v>66.893533020595228</v>
      </c>
      <c r="C3043" s="83">
        <v>43227.708333333336</v>
      </c>
      <c r="D3043">
        <v>264454.6079</v>
      </c>
      <c r="E3043">
        <v>30740.68808</v>
      </c>
      <c r="F3043">
        <v>91766.591350000002</v>
      </c>
      <c r="G3043">
        <v>53137.990510000003</v>
      </c>
      <c r="H3043">
        <v>43263.053099999997</v>
      </c>
      <c r="I3043">
        <v>35000.669840000002</v>
      </c>
      <c r="J3043">
        <v>40968.094449999997</v>
      </c>
      <c r="K3043">
        <v>51722.120269999999</v>
      </c>
      <c r="L3043">
        <v>24921.244739999998</v>
      </c>
      <c r="M3043">
        <v>341054.42660000001</v>
      </c>
      <c r="N3043">
        <v>80436.902499999997</v>
      </c>
      <c r="O3043">
        <v>23502.69527</v>
      </c>
      <c r="P3043">
        <v>27820.181939999999</v>
      </c>
      <c r="Q3043">
        <v>96255.403019999998</v>
      </c>
      <c r="R3043">
        <v>22166.183580000001</v>
      </c>
      <c r="S3043">
        <v>98576.694690000004</v>
      </c>
      <c r="T3043">
        <v>30162.874319999999</v>
      </c>
      <c r="U3043">
        <v>16207.16987</v>
      </c>
      <c r="W3043" s="83">
        <f>Bühler!N3075</f>
        <v>45418.708333325958</v>
      </c>
      <c r="X3043" s="83">
        <v>43227.708333333336</v>
      </c>
      <c r="Y3043">
        <v>264454.6079</v>
      </c>
      <c r="Z3043">
        <v>30740.68808</v>
      </c>
      <c r="AA3043">
        <v>91766.591350000002</v>
      </c>
      <c r="AB3043">
        <v>53137.990510000003</v>
      </c>
      <c r="AC3043">
        <v>43263.053099999997</v>
      </c>
      <c r="AD3043">
        <v>35000.669840000002</v>
      </c>
      <c r="AE3043">
        <v>40968.094449999997</v>
      </c>
      <c r="AF3043">
        <v>51722.120269999999</v>
      </c>
      <c r="AG3043">
        <v>24921.244739999998</v>
      </c>
      <c r="AH3043">
        <v>341054.42660000001</v>
      </c>
      <c r="AI3043">
        <v>80436.902499999997</v>
      </c>
      <c r="AJ3043">
        <v>23502.69527</v>
      </c>
      <c r="AK3043">
        <v>27820.181939999999</v>
      </c>
      <c r="AL3043">
        <v>96255.403019999998</v>
      </c>
      <c r="AM3043">
        <v>22166.183580000001</v>
      </c>
      <c r="AN3043">
        <v>98576.694690000004</v>
      </c>
      <c r="AO3043">
        <v>30162.874319999999</v>
      </c>
      <c r="AP3043">
        <v>16207.16987</v>
      </c>
    </row>
    <row r="3044" spans="2:42" x14ac:dyDescent="0.3">
      <c r="B3044">
        <v>65.968650598366409</v>
      </c>
      <c r="C3044" s="83">
        <v>43227.75</v>
      </c>
      <c r="D3044">
        <v>257775.53520000001</v>
      </c>
      <c r="E3044">
        <v>27929.95837</v>
      </c>
      <c r="F3044">
        <v>89048.247359999994</v>
      </c>
      <c r="G3044">
        <v>45760.882169999997</v>
      </c>
      <c r="H3044">
        <v>41239.992879999998</v>
      </c>
      <c r="I3044">
        <v>33901.580690000003</v>
      </c>
      <c r="J3044">
        <v>41005.662279999997</v>
      </c>
      <c r="K3044">
        <v>49721.972300000001</v>
      </c>
      <c r="L3044">
        <v>25835.276809999999</v>
      </c>
      <c r="M3044">
        <v>336338.94469999999</v>
      </c>
      <c r="N3044">
        <v>78275.852859999999</v>
      </c>
      <c r="O3044">
        <v>21854.77043</v>
      </c>
      <c r="P3044">
        <v>29929.66201</v>
      </c>
      <c r="Q3044">
        <v>94965.848849999995</v>
      </c>
      <c r="R3044">
        <v>20021.196899999999</v>
      </c>
      <c r="S3044">
        <v>92681.057709999994</v>
      </c>
      <c r="T3044">
        <v>29518.703529999999</v>
      </c>
      <c r="U3044">
        <v>14884.346970000001</v>
      </c>
      <c r="W3044" s="83">
        <f>Bühler!N3076</f>
        <v>45418.749999992622</v>
      </c>
      <c r="X3044" s="83">
        <v>43227.75</v>
      </c>
      <c r="Y3044">
        <v>257775.53520000001</v>
      </c>
      <c r="Z3044">
        <v>27929.95837</v>
      </c>
      <c r="AA3044">
        <v>89048.247359999994</v>
      </c>
      <c r="AB3044">
        <v>45760.882169999997</v>
      </c>
      <c r="AC3044">
        <v>41239.992879999998</v>
      </c>
      <c r="AD3044">
        <v>33901.580690000003</v>
      </c>
      <c r="AE3044">
        <v>41005.662279999997</v>
      </c>
      <c r="AF3044">
        <v>49721.972300000001</v>
      </c>
      <c r="AG3044">
        <v>25835.276809999999</v>
      </c>
      <c r="AH3044">
        <v>336338.94469999999</v>
      </c>
      <c r="AI3044">
        <v>78275.852859999999</v>
      </c>
      <c r="AJ3044">
        <v>21854.77043</v>
      </c>
      <c r="AK3044">
        <v>29929.66201</v>
      </c>
      <c r="AL3044">
        <v>94965.848849999995</v>
      </c>
      <c r="AM3044">
        <v>20021.196899999999</v>
      </c>
      <c r="AN3044">
        <v>92681.057709999994</v>
      </c>
      <c r="AO3044">
        <v>29518.703529999999</v>
      </c>
      <c r="AP3044">
        <v>14884.346970000001</v>
      </c>
    </row>
    <row r="3045" spans="2:42" x14ac:dyDescent="0.3">
      <c r="B3045">
        <v>64.557573341506355</v>
      </c>
      <c r="C3045" s="83">
        <v>43227.791666666664</v>
      </c>
      <c r="D3045">
        <v>252746.89240000001</v>
      </c>
      <c r="E3045">
        <v>22696.188699999999</v>
      </c>
      <c r="F3045">
        <v>78373.111109999998</v>
      </c>
      <c r="G3045">
        <v>42085.400379999999</v>
      </c>
      <c r="H3045">
        <v>39131.851170000002</v>
      </c>
      <c r="I3045">
        <v>31896.018370000002</v>
      </c>
      <c r="J3045">
        <v>40327.324619999999</v>
      </c>
      <c r="K3045">
        <v>48894.54595</v>
      </c>
      <c r="L3045">
        <v>26973.24667</v>
      </c>
      <c r="M3045">
        <v>329144.61479999998</v>
      </c>
      <c r="N3045">
        <v>76502.521030000004</v>
      </c>
      <c r="O3045">
        <v>20710.159019999999</v>
      </c>
      <c r="P3045">
        <v>31387.83928</v>
      </c>
      <c r="Q3045">
        <v>92935.422149999999</v>
      </c>
      <c r="R3045">
        <v>18858.031760000002</v>
      </c>
      <c r="S3045">
        <v>88251.580059999993</v>
      </c>
      <c r="T3045">
        <v>29350.489020000001</v>
      </c>
      <c r="U3045">
        <v>14432.97927</v>
      </c>
      <c r="W3045" s="83">
        <f>Bühler!N3077</f>
        <v>45418.791666659286</v>
      </c>
      <c r="X3045" s="83">
        <v>43227.791666666664</v>
      </c>
      <c r="Y3045">
        <v>252746.89240000001</v>
      </c>
      <c r="Z3045">
        <v>22696.188699999999</v>
      </c>
      <c r="AA3045">
        <v>78373.111109999998</v>
      </c>
      <c r="AB3045">
        <v>42085.400379999999</v>
      </c>
      <c r="AC3045">
        <v>39131.851170000002</v>
      </c>
      <c r="AD3045">
        <v>31896.018370000002</v>
      </c>
      <c r="AE3045">
        <v>40327.324619999999</v>
      </c>
      <c r="AF3045">
        <v>48894.54595</v>
      </c>
      <c r="AG3045">
        <v>26973.24667</v>
      </c>
      <c r="AH3045">
        <v>329144.61479999998</v>
      </c>
      <c r="AI3045">
        <v>76502.521030000004</v>
      </c>
      <c r="AJ3045">
        <v>20710.159019999999</v>
      </c>
      <c r="AK3045">
        <v>31387.83928</v>
      </c>
      <c r="AL3045">
        <v>92935.422149999999</v>
      </c>
      <c r="AM3045">
        <v>18858.031760000002</v>
      </c>
      <c r="AN3045">
        <v>88251.580059999993</v>
      </c>
      <c r="AO3045">
        <v>29350.489020000001</v>
      </c>
      <c r="AP3045">
        <v>14432.97927</v>
      </c>
    </row>
    <row r="3046" spans="2:42" x14ac:dyDescent="0.3">
      <c r="B3046">
        <v>62.735389673537568</v>
      </c>
      <c r="C3046" s="83">
        <v>43227.833333333336</v>
      </c>
      <c r="D3046">
        <v>243554.95629999999</v>
      </c>
      <c r="E3046">
        <v>17090.155500000001</v>
      </c>
      <c r="F3046">
        <v>62121.149980000002</v>
      </c>
      <c r="G3046">
        <v>38444.219570000001</v>
      </c>
      <c r="H3046">
        <v>37067.737430000001</v>
      </c>
      <c r="I3046">
        <v>28380.45277</v>
      </c>
      <c r="J3046">
        <v>40062.307070000003</v>
      </c>
      <c r="K3046">
        <v>48839.240870000001</v>
      </c>
      <c r="L3046">
        <v>26162.732080000002</v>
      </c>
      <c r="M3046">
        <v>319854.27269999997</v>
      </c>
      <c r="N3046">
        <v>74420.09388</v>
      </c>
      <c r="O3046">
        <v>19855.570729999999</v>
      </c>
      <c r="P3046">
        <v>32093.551500000001</v>
      </c>
      <c r="Q3046">
        <v>90582.403130000006</v>
      </c>
      <c r="R3046">
        <v>17533.641309999999</v>
      </c>
      <c r="S3046">
        <v>81224.916310000001</v>
      </c>
      <c r="T3046">
        <v>28746.734420000001</v>
      </c>
      <c r="U3046">
        <v>14268.446</v>
      </c>
      <c r="W3046" s="83">
        <f>Bühler!N3078</f>
        <v>45418.833333325951</v>
      </c>
      <c r="X3046" s="83">
        <v>43227.833333333336</v>
      </c>
      <c r="Y3046">
        <v>243554.95629999999</v>
      </c>
      <c r="Z3046">
        <v>17090.155500000001</v>
      </c>
      <c r="AA3046">
        <v>62121.149980000002</v>
      </c>
      <c r="AB3046">
        <v>38444.219570000001</v>
      </c>
      <c r="AC3046">
        <v>37067.737430000001</v>
      </c>
      <c r="AD3046">
        <v>28380.45277</v>
      </c>
      <c r="AE3046">
        <v>40062.307070000003</v>
      </c>
      <c r="AF3046">
        <v>48839.240870000001</v>
      </c>
      <c r="AG3046">
        <v>26162.732080000002</v>
      </c>
      <c r="AH3046">
        <v>319854.27269999997</v>
      </c>
      <c r="AI3046">
        <v>74420.09388</v>
      </c>
      <c r="AJ3046">
        <v>19855.570729999999</v>
      </c>
      <c r="AK3046">
        <v>32093.551500000001</v>
      </c>
      <c r="AL3046">
        <v>90582.403130000006</v>
      </c>
      <c r="AM3046">
        <v>17533.641309999999</v>
      </c>
      <c r="AN3046">
        <v>81224.916310000001</v>
      </c>
      <c r="AO3046">
        <v>28746.734420000001</v>
      </c>
      <c r="AP3046">
        <v>14268.446</v>
      </c>
    </row>
    <row r="3047" spans="2:42" x14ac:dyDescent="0.3">
      <c r="B3047">
        <v>61.356736755471253</v>
      </c>
      <c r="C3047" s="83">
        <v>43227.875</v>
      </c>
      <c r="D3047">
        <v>237405.55170000001</v>
      </c>
      <c r="E3047">
        <v>14963.364170000001</v>
      </c>
      <c r="F3047">
        <v>54868.451959999999</v>
      </c>
      <c r="G3047">
        <v>37754.045870000002</v>
      </c>
      <c r="H3047">
        <v>36303.53989</v>
      </c>
      <c r="I3047">
        <v>24821.915069999999</v>
      </c>
      <c r="J3047">
        <v>41086.205399999999</v>
      </c>
      <c r="K3047">
        <v>47836.820540000001</v>
      </c>
      <c r="L3047">
        <v>25388.61059</v>
      </c>
      <c r="M3047">
        <v>312825.25719999999</v>
      </c>
      <c r="N3047">
        <v>72634.119449999998</v>
      </c>
      <c r="O3047">
        <v>19312.451679999998</v>
      </c>
      <c r="P3047">
        <v>31114.282859999999</v>
      </c>
      <c r="Q3047">
        <v>88149.454410000006</v>
      </c>
      <c r="R3047">
        <v>17688.111980000001</v>
      </c>
      <c r="S3047">
        <v>78464.4663</v>
      </c>
      <c r="T3047">
        <v>26876.036349999998</v>
      </c>
      <c r="U3047">
        <v>13274.35324</v>
      </c>
      <c r="W3047" s="83">
        <f>Bühler!N3079</f>
        <v>45418.874999992615</v>
      </c>
      <c r="X3047" s="83">
        <v>43227.875</v>
      </c>
      <c r="Y3047">
        <v>237405.55170000001</v>
      </c>
      <c r="Z3047">
        <v>14963.364170000001</v>
      </c>
      <c r="AA3047">
        <v>54868.451959999999</v>
      </c>
      <c r="AB3047">
        <v>37754.045870000002</v>
      </c>
      <c r="AC3047">
        <v>36303.53989</v>
      </c>
      <c r="AD3047">
        <v>24821.915069999999</v>
      </c>
      <c r="AE3047">
        <v>41086.205399999999</v>
      </c>
      <c r="AF3047">
        <v>47836.820540000001</v>
      </c>
      <c r="AG3047">
        <v>25388.61059</v>
      </c>
      <c r="AH3047">
        <v>312825.25719999999</v>
      </c>
      <c r="AI3047">
        <v>72634.119449999998</v>
      </c>
      <c r="AJ3047">
        <v>19312.451679999998</v>
      </c>
      <c r="AK3047">
        <v>31114.282859999999</v>
      </c>
      <c r="AL3047">
        <v>88149.454410000006</v>
      </c>
      <c r="AM3047">
        <v>17688.111980000001</v>
      </c>
      <c r="AN3047">
        <v>78464.4663</v>
      </c>
      <c r="AO3047">
        <v>26876.036349999998</v>
      </c>
      <c r="AP3047">
        <v>13274.35324</v>
      </c>
    </row>
    <row r="3048" spans="2:42" x14ac:dyDescent="0.3">
      <c r="B3048">
        <v>60.308419018033781</v>
      </c>
      <c r="C3048" s="83">
        <v>43227.916666666664</v>
      </c>
      <c r="D3048">
        <v>236609.5239</v>
      </c>
      <c r="E3048">
        <v>13947.689130000001</v>
      </c>
      <c r="F3048">
        <v>52248.86393</v>
      </c>
      <c r="G3048">
        <v>36117.52736</v>
      </c>
      <c r="H3048">
        <v>36245.638429999999</v>
      </c>
      <c r="I3048">
        <v>22336.136989999999</v>
      </c>
      <c r="J3048">
        <v>39938.846530000003</v>
      </c>
      <c r="K3048">
        <v>51698.397960000002</v>
      </c>
      <c r="L3048">
        <v>22711.276040000001</v>
      </c>
      <c r="M3048">
        <v>307480.44449999998</v>
      </c>
      <c r="N3048">
        <v>70501.167860000001</v>
      </c>
      <c r="O3048">
        <v>19303.056759999999</v>
      </c>
      <c r="P3048">
        <v>32286.124520000001</v>
      </c>
      <c r="Q3048">
        <v>88069.175730000003</v>
      </c>
      <c r="R3048">
        <v>18505.58311</v>
      </c>
      <c r="S3048">
        <v>77189.69803</v>
      </c>
      <c r="T3048">
        <v>23030.778900000001</v>
      </c>
      <c r="U3048">
        <v>13663.20845</v>
      </c>
      <c r="W3048" s="83">
        <f>Bühler!N3080</f>
        <v>45418.916666659279</v>
      </c>
      <c r="X3048" s="83">
        <v>43227.916666666664</v>
      </c>
      <c r="Y3048">
        <v>236609.5239</v>
      </c>
      <c r="Z3048">
        <v>13947.689130000001</v>
      </c>
      <c r="AA3048">
        <v>52248.86393</v>
      </c>
      <c r="AB3048">
        <v>36117.52736</v>
      </c>
      <c r="AC3048">
        <v>36245.638429999999</v>
      </c>
      <c r="AD3048">
        <v>22336.136989999999</v>
      </c>
      <c r="AE3048">
        <v>39938.846530000003</v>
      </c>
      <c r="AF3048">
        <v>51698.397960000002</v>
      </c>
      <c r="AG3048">
        <v>22711.276040000001</v>
      </c>
      <c r="AH3048">
        <v>307480.44449999998</v>
      </c>
      <c r="AI3048">
        <v>70501.167860000001</v>
      </c>
      <c r="AJ3048">
        <v>19303.056759999999</v>
      </c>
      <c r="AK3048">
        <v>32286.124520000001</v>
      </c>
      <c r="AL3048">
        <v>88069.175730000003</v>
      </c>
      <c r="AM3048">
        <v>18505.58311</v>
      </c>
      <c r="AN3048">
        <v>77189.69803</v>
      </c>
      <c r="AO3048">
        <v>23030.778900000001</v>
      </c>
      <c r="AP3048">
        <v>13663.20845</v>
      </c>
    </row>
    <row r="3049" spans="2:42" x14ac:dyDescent="0.3">
      <c r="B3049">
        <v>59.073949124958858</v>
      </c>
      <c r="C3049" s="83">
        <v>43227.958333333336</v>
      </c>
      <c r="D3049">
        <v>235038.77439999999</v>
      </c>
      <c r="E3049">
        <v>13328.23677</v>
      </c>
      <c r="F3049">
        <v>50404.156410000003</v>
      </c>
      <c r="G3049">
        <v>35489.192949999997</v>
      </c>
      <c r="H3049">
        <v>35415.727469999998</v>
      </c>
      <c r="I3049">
        <v>21108.52493</v>
      </c>
      <c r="J3049">
        <v>36644.855020000003</v>
      </c>
      <c r="K3049">
        <v>50574.182679999998</v>
      </c>
      <c r="L3049">
        <v>19106.75417</v>
      </c>
      <c r="M3049">
        <v>301186.54129999998</v>
      </c>
      <c r="N3049">
        <v>70606.121079999997</v>
      </c>
      <c r="O3049">
        <v>18668.019690000001</v>
      </c>
      <c r="P3049">
        <v>28820.75762</v>
      </c>
      <c r="Q3049">
        <v>87004.955459999997</v>
      </c>
      <c r="R3049">
        <v>19480.70535</v>
      </c>
      <c r="S3049">
        <v>75380.863259999998</v>
      </c>
      <c r="T3049">
        <v>20988.17081</v>
      </c>
      <c r="U3049">
        <v>12971.385340000001</v>
      </c>
      <c r="W3049" s="83">
        <f>Bühler!N3081</f>
        <v>45418.958333325943</v>
      </c>
      <c r="X3049" s="83">
        <v>43227.958333333336</v>
      </c>
      <c r="Y3049">
        <v>235038.77439999999</v>
      </c>
      <c r="Z3049">
        <v>13328.23677</v>
      </c>
      <c r="AA3049">
        <v>50404.156410000003</v>
      </c>
      <c r="AB3049">
        <v>35489.192949999997</v>
      </c>
      <c r="AC3049">
        <v>35415.727469999998</v>
      </c>
      <c r="AD3049">
        <v>21108.52493</v>
      </c>
      <c r="AE3049">
        <v>36644.855020000003</v>
      </c>
      <c r="AF3049">
        <v>50574.182679999998</v>
      </c>
      <c r="AG3049">
        <v>19106.75417</v>
      </c>
      <c r="AH3049">
        <v>301186.54129999998</v>
      </c>
      <c r="AI3049">
        <v>70606.121079999997</v>
      </c>
      <c r="AJ3049">
        <v>18668.019690000001</v>
      </c>
      <c r="AK3049">
        <v>28820.75762</v>
      </c>
      <c r="AL3049">
        <v>87004.955459999997</v>
      </c>
      <c r="AM3049">
        <v>19480.70535</v>
      </c>
      <c r="AN3049">
        <v>75380.863259999998</v>
      </c>
      <c r="AO3049">
        <v>20988.17081</v>
      </c>
      <c r="AP3049">
        <v>12971.385340000001</v>
      </c>
    </row>
    <row r="3050" spans="2:42" x14ac:dyDescent="0.3">
      <c r="B3050">
        <v>58.251473733586259</v>
      </c>
      <c r="C3050" s="83">
        <v>43228</v>
      </c>
      <c r="D3050">
        <v>235364.55559999999</v>
      </c>
      <c r="E3050">
        <v>12949.46874</v>
      </c>
      <c r="F3050">
        <v>49063.802280000004</v>
      </c>
      <c r="G3050">
        <v>34624.08915</v>
      </c>
      <c r="H3050">
        <v>34454.357730000003</v>
      </c>
      <c r="I3050">
        <v>19766.603419999999</v>
      </c>
      <c r="J3050">
        <v>34321.935189999997</v>
      </c>
      <c r="K3050">
        <v>49359.10643</v>
      </c>
      <c r="L3050">
        <v>17147.322069999998</v>
      </c>
      <c r="M3050">
        <v>296993.17820000002</v>
      </c>
      <c r="N3050">
        <v>70245.930300000007</v>
      </c>
      <c r="O3050">
        <v>18776.846269999998</v>
      </c>
      <c r="P3050">
        <v>26962.48947</v>
      </c>
      <c r="Q3050">
        <v>85898.473910000001</v>
      </c>
      <c r="R3050">
        <v>16196.047269999999</v>
      </c>
      <c r="S3050">
        <v>74042.689729999998</v>
      </c>
      <c r="T3050">
        <v>19738.048360000001</v>
      </c>
      <c r="U3050">
        <v>13012.26038</v>
      </c>
      <c r="W3050" s="83">
        <f>Bühler!N3082</f>
        <v>45418.999999992608</v>
      </c>
      <c r="X3050" s="83">
        <v>43228</v>
      </c>
      <c r="Y3050">
        <v>235364.55559999999</v>
      </c>
      <c r="Z3050">
        <v>12949.46874</v>
      </c>
      <c r="AA3050">
        <v>49063.802280000004</v>
      </c>
      <c r="AB3050">
        <v>34624.08915</v>
      </c>
      <c r="AC3050">
        <v>34454.357730000003</v>
      </c>
      <c r="AD3050">
        <v>19766.603419999999</v>
      </c>
      <c r="AE3050">
        <v>34321.935189999997</v>
      </c>
      <c r="AF3050">
        <v>49359.10643</v>
      </c>
      <c r="AG3050">
        <v>17147.322069999998</v>
      </c>
      <c r="AH3050">
        <v>296993.17820000002</v>
      </c>
      <c r="AI3050">
        <v>70245.930300000007</v>
      </c>
      <c r="AJ3050">
        <v>18776.846269999998</v>
      </c>
      <c r="AK3050">
        <v>26962.48947</v>
      </c>
      <c r="AL3050">
        <v>85898.473910000001</v>
      </c>
      <c r="AM3050">
        <v>16196.047269999999</v>
      </c>
      <c r="AN3050">
        <v>74042.689729999998</v>
      </c>
      <c r="AO3050">
        <v>19738.048360000001</v>
      </c>
      <c r="AP3050">
        <v>13012.26038</v>
      </c>
    </row>
    <row r="3051" spans="2:42" x14ac:dyDescent="0.3">
      <c r="B3051">
        <v>57.409364359504721</v>
      </c>
      <c r="C3051" s="83">
        <v>43228.041666666664</v>
      </c>
      <c r="D3051">
        <v>233228.00039999999</v>
      </c>
      <c r="E3051">
        <v>12904.27313</v>
      </c>
      <c r="F3051">
        <v>48584.143360000002</v>
      </c>
      <c r="G3051">
        <v>33890.0648</v>
      </c>
      <c r="H3051">
        <v>34165.455560000002</v>
      </c>
      <c r="I3051">
        <v>15813.584860000001</v>
      </c>
      <c r="J3051">
        <v>32611.232199999999</v>
      </c>
      <c r="K3051">
        <v>46987.207139999999</v>
      </c>
      <c r="L3051">
        <v>16288.36764</v>
      </c>
      <c r="M3051">
        <v>292699.71189999999</v>
      </c>
      <c r="N3051">
        <v>68745.70134</v>
      </c>
      <c r="O3051">
        <v>17908.994930000001</v>
      </c>
      <c r="P3051">
        <v>25687.118119999999</v>
      </c>
      <c r="Q3051">
        <v>86061.707370000004</v>
      </c>
      <c r="R3051">
        <v>13982.526739999999</v>
      </c>
      <c r="S3051">
        <v>72953.874800000005</v>
      </c>
      <c r="T3051">
        <v>19296.459299999999</v>
      </c>
      <c r="U3051">
        <v>12818.356460000001</v>
      </c>
      <c r="W3051" s="83">
        <f>Bühler!N3083</f>
        <v>45419.041666659272</v>
      </c>
      <c r="X3051" s="83">
        <v>43228.041666666664</v>
      </c>
      <c r="Y3051">
        <v>233228.00039999999</v>
      </c>
      <c r="Z3051">
        <v>12904.27313</v>
      </c>
      <c r="AA3051">
        <v>48584.143360000002</v>
      </c>
      <c r="AB3051">
        <v>33890.0648</v>
      </c>
      <c r="AC3051">
        <v>34165.455560000002</v>
      </c>
      <c r="AD3051">
        <v>15813.584860000001</v>
      </c>
      <c r="AE3051">
        <v>32611.232199999999</v>
      </c>
      <c r="AF3051">
        <v>46987.207139999999</v>
      </c>
      <c r="AG3051">
        <v>16288.36764</v>
      </c>
      <c r="AH3051">
        <v>292699.71189999999</v>
      </c>
      <c r="AI3051">
        <v>68745.70134</v>
      </c>
      <c r="AJ3051">
        <v>17908.994930000001</v>
      </c>
      <c r="AK3051">
        <v>25687.118119999999</v>
      </c>
      <c r="AL3051">
        <v>86061.707370000004</v>
      </c>
      <c r="AM3051">
        <v>13982.526739999999</v>
      </c>
      <c r="AN3051">
        <v>72953.874800000005</v>
      </c>
      <c r="AO3051">
        <v>19296.459299999999</v>
      </c>
      <c r="AP3051">
        <v>12818.356460000001</v>
      </c>
    </row>
    <row r="3052" spans="2:42" x14ac:dyDescent="0.3">
      <c r="B3052">
        <v>57.682841402694372</v>
      </c>
      <c r="C3052" s="83">
        <v>43228.083333333336</v>
      </c>
      <c r="D3052">
        <v>233788.03450000001</v>
      </c>
      <c r="E3052">
        <v>12793.82417</v>
      </c>
      <c r="F3052">
        <v>49243.365539999999</v>
      </c>
      <c r="G3052">
        <v>33238.142930000002</v>
      </c>
      <c r="H3052">
        <v>33778.72249</v>
      </c>
      <c r="I3052">
        <v>14200.665720000001</v>
      </c>
      <c r="J3052">
        <v>32226.304359999998</v>
      </c>
      <c r="K3052">
        <v>44281.094149999997</v>
      </c>
      <c r="L3052">
        <v>16282.612810000001</v>
      </c>
      <c r="M3052">
        <v>294094.02539999998</v>
      </c>
      <c r="N3052">
        <v>67762.868910000005</v>
      </c>
      <c r="O3052">
        <v>17591.606820000001</v>
      </c>
      <c r="P3052">
        <v>25135.703710000002</v>
      </c>
      <c r="Q3052">
        <v>89239.368400000007</v>
      </c>
      <c r="R3052">
        <v>15073.63499</v>
      </c>
      <c r="S3052">
        <v>71748.0288</v>
      </c>
      <c r="T3052">
        <v>19181.27406</v>
      </c>
      <c r="U3052">
        <v>13042.7112</v>
      </c>
      <c r="W3052" s="83">
        <f>Bühler!N3084</f>
        <v>45419.083333325936</v>
      </c>
      <c r="X3052" s="83">
        <v>43228.083333333336</v>
      </c>
      <c r="Y3052">
        <v>233788.03450000001</v>
      </c>
      <c r="Z3052">
        <v>12793.82417</v>
      </c>
      <c r="AA3052">
        <v>49243.365539999999</v>
      </c>
      <c r="AB3052">
        <v>33238.142930000002</v>
      </c>
      <c r="AC3052">
        <v>33778.72249</v>
      </c>
      <c r="AD3052">
        <v>14200.665720000001</v>
      </c>
      <c r="AE3052">
        <v>32226.304359999998</v>
      </c>
      <c r="AF3052">
        <v>44281.094149999997</v>
      </c>
      <c r="AG3052">
        <v>16282.612810000001</v>
      </c>
      <c r="AH3052">
        <v>294094.02539999998</v>
      </c>
      <c r="AI3052">
        <v>67762.868910000005</v>
      </c>
      <c r="AJ3052">
        <v>17591.606820000001</v>
      </c>
      <c r="AK3052">
        <v>25135.703710000002</v>
      </c>
      <c r="AL3052">
        <v>89239.368400000007</v>
      </c>
      <c r="AM3052">
        <v>15073.63499</v>
      </c>
      <c r="AN3052">
        <v>71748.0288</v>
      </c>
      <c r="AO3052">
        <v>19181.27406</v>
      </c>
      <c r="AP3052">
        <v>13042.7112</v>
      </c>
    </row>
    <row r="3053" spans="2:42" x14ac:dyDescent="0.3">
      <c r="B3053">
        <v>58.207965493044469</v>
      </c>
      <c r="C3053" s="83">
        <v>43228.125</v>
      </c>
      <c r="D3053">
        <v>233230.6293</v>
      </c>
      <c r="E3053">
        <v>12775.448850000001</v>
      </c>
      <c r="F3053">
        <v>50865.100830000003</v>
      </c>
      <c r="G3053">
        <v>32376.065190000001</v>
      </c>
      <c r="H3053">
        <v>33951.114099999999</v>
      </c>
      <c r="I3053">
        <v>14000.93283</v>
      </c>
      <c r="J3053">
        <v>32683.32028</v>
      </c>
      <c r="K3053">
        <v>43768.586840000004</v>
      </c>
      <c r="L3053">
        <v>16015.88157</v>
      </c>
      <c r="M3053">
        <v>296771.3529</v>
      </c>
      <c r="N3053">
        <v>69268.823919999995</v>
      </c>
      <c r="O3053">
        <v>18140.83223</v>
      </c>
      <c r="P3053">
        <v>23679.564170000001</v>
      </c>
      <c r="Q3053">
        <v>91418.869489999997</v>
      </c>
      <c r="R3053">
        <v>14429.93461</v>
      </c>
      <c r="S3053">
        <v>71387.127510000006</v>
      </c>
      <c r="T3053">
        <v>18780.812099999999</v>
      </c>
      <c r="U3053">
        <v>12534.46811</v>
      </c>
      <c r="W3053" s="83">
        <f>Bühler!N3085</f>
        <v>45419.1249999926</v>
      </c>
      <c r="X3053" s="83">
        <v>43228.125</v>
      </c>
      <c r="Y3053">
        <v>233230.6293</v>
      </c>
      <c r="Z3053">
        <v>12775.448850000001</v>
      </c>
      <c r="AA3053">
        <v>50865.100830000003</v>
      </c>
      <c r="AB3053">
        <v>32376.065190000001</v>
      </c>
      <c r="AC3053">
        <v>33951.114099999999</v>
      </c>
      <c r="AD3053">
        <v>14000.93283</v>
      </c>
      <c r="AE3053">
        <v>32683.32028</v>
      </c>
      <c r="AF3053">
        <v>43768.586840000004</v>
      </c>
      <c r="AG3053">
        <v>16015.88157</v>
      </c>
      <c r="AH3053">
        <v>296771.3529</v>
      </c>
      <c r="AI3053">
        <v>69268.823919999995</v>
      </c>
      <c r="AJ3053">
        <v>18140.83223</v>
      </c>
      <c r="AK3053">
        <v>23679.564170000001</v>
      </c>
      <c r="AL3053">
        <v>91418.869489999997</v>
      </c>
      <c r="AM3053">
        <v>14429.93461</v>
      </c>
      <c r="AN3053">
        <v>71387.127510000006</v>
      </c>
      <c r="AO3053">
        <v>18780.812099999999</v>
      </c>
      <c r="AP3053">
        <v>12534.46811</v>
      </c>
    </row>
    <row r="3054" spans="2:42" x14ac:dyDescent="0.3">
      <c r="B3054">
        <v>59.707707903242891</v>
      </c>
      <c r="C3054" s="83">
        <v>43228.166666666664</v>
      </c>
      <c r="D3054">
        <v>236588.8272</v>
      </c>
      <c r="E3054">
        <v>13325.955809999999</v>
      </c>
      <c r="F3054">
        <v>54528.360829999998</v>
      </c>
      <c r="G3054">
        <v>32012.34864</v>
      </c>
      <c r="H3054">
        <v>34347.135609999998</v>
      </c>
      <c r="I3054">
        <v>15574.2101</v>
      </c>
      <c r="J3054">
        <v>33682.428670000001</v>
      </c>
      <c r="K3054">
        <v>43438.089010000003</v>
      </c>
      <c r="L3054">
        <v>16451.370340000001</v>
      </c>
      <c r="M3054">
        <v>304417.73910000001</v>
      </c>
      <c r="N3054">
        <v>69257.758530000006</v>
      </c>
      <c r="O3054">
        <v>18529.895260000001</v>
      </c>
      <c r="P3054">
        <v>23393.796450000002</v>
      </c>
      <c r="Q3054">
        <v>96767.409249999997</v>
      </c>
      <c r="R3054">
        <v>14344.768179999999</v>
      </c>
      <c r="S3054">
        <v>72403.758799999996</v>
      </c>
      <c r="T3054">
        <v>18819.84474</v>
      </c>
      <c r="U3054">
        <v>12653.573920000001</v>
      </c>
      <c r="W3054" s="83">
        <f>Bühler!N3086</f>
        <v>45419.166666659265</v>
      </c>
      <c r="X3054" s="83">
        <v>43228.166666666664</v>
      </c>
      <c r="Y3054">
        <v>236588.8272</v>
      </c>
      <c r="Z3054">
        <v>13325.955809999999</v>
      </c>
      <c r="AA3054">
        <v>54528.360829999998</v>
      </c>
      <c r="AB3054">
        <v>32012.34864</v>
      </c>
      <c r="AC3054">
        <v>34347.135609999998</v>
      </c>
      <c r="AD3054">
        <v>15574.2101</v>
      </c>
      <c r="AE3054">
        <v>33682.428670000001</v>
      </c>
      <c r="AF3054">
        <v>43438.089010000003</v>
      </c>
      <c r="AG3054">
        <v>16451.370340000001</v>
      </c>
      <c r="AH3054">
        <v>304417.73910000001</v>
      </c>
      <c r="AI3054">
        <v>69257.758530000006</v>
      </c>
      <c r="AJ3054">
        <v>18529.895260000001</v>
      </c>
      <c r="AK3054">
        <v>23393.796450000002</v>
      </c>
      <c r="AL3054">
        <v>96767.409249999997</v>
      </c>
      <c r="AM3054">
        <v>14344.768179999999</v>
      </c>
      <c r="AN3054">
        <v>72403.758799999996</v>
      </c>
      <c r="AO3054">
        <v>18819.84474</v>
      </c>
      <c r="AP3054">
        <v>12653.573920000001</v>
      </c>
    </row>
    <row r="3055" spans="2:42" x14ac:dyDescent="0.3">
      <c r="B3055">
        <v>63.080322381149692</v>
      </c>
      <c r="C3055" s="83">
        <v>43228.208333333336</v>
      </c>
      <c r="D3055">
        <v>250773.29860000001</v>
      </c>
      <c r="E3055">
        <v>15212.151239999999</v>
      </c>
      <c r="F3055">
        <v>64619.064299999998</v>
      </c>
      <c r="G3055">
        <v>34197.419620000001</v>
      </c>
      <c r="H3055">
        <v>36435.895640000002</v>
      </c>
      <c r="I3055">
        <v>22163.36433</v>
      </c>
      <c r="J3055">
        <v>37466.630590000001</v>
      </c>
      <c r="K3055">
        <v>44523.914219999999</v>
      </c>
      <c r="L3055">
        <v>16871.9146</v>
      </c>
      <c r="M3055">
        <v>321612.90049999999</v>
      </c>
      <c r="N3055">
        <v>68827.4856</v>
      </c>
      <c r="O3055">
        <v>19259.870360000001</v>
      </c>
      <c r="P3055">
        <v>24336.531900000002</v>
      </c>
      <c r="Q3055">
        <v>98744.200289999993</v>
      </c>
      <c r="R3055">
        <v>16827.34247</v>
      </c>
      <c r="S3055">
        <v>74680.400739999997</v>
      </c>
      <c r="T3055">
        <v>20209.775180000001</v>
      </c>
      <c r="U3055">
        <v>14276.940720000001</v>
      </c>
      <c r="W3055" s="83">
        <f>Bühler!N3087</f>
        <v>45419.208333325929</v>
      </c>
      <c r="X3055" s="83">
        <v>43228.208333333336</v>
      </c>
      <c r="Y3055">
        <v>250773.29860000001</v>
      </c>
      <c r="Z3055">
        <v>15212.151239999999</v>
      </c>
      <c r="AA3055">
        <v>64619.064299999998</v>
      </c>
      <c r="AB3055">
        <v>34197.419620000001</v>
      </c>
      <c r="AC3055">
        <v>36435.895640000002</v>
      </c>
      <c r="AD3055">
        <v>22163.36433</v>
      </c>
      <c r="AE3055">
        <v>37466.630590000001</v>
      </c>
      <c r="AF3055">
        <v>44523.914219999999</v>
      </c>
      <c r="AG3055">
        <v>16871.9146</v>
      </c>
      <c r="AH3055">
        <v>321612.90049999999</v>
      </c>
      <c r="AI3055">
        <v>68827.4856</v>
      </c>
      <c r="AJ3055">
        <v>19259.870360000001</v>
      </c>
      <c r="AK3055">
        <v>24336.531900000002</v>
      </c>
      <c r="AL3055">
        <v>98744.200289999993</v>
      </c>
      <c r="AM3055">
        <v>16827.34247</v>
      </c>
      <c r="AN3055">
        <v>74680.400739999997</v>
      </c>
      <c r="AO3055">
        <v>20209.775180000001</v>
      </c>
      <c r="AP3055">
        <v>14276.940720000001</v>
      </c>
    </row>
    <row r="3056" spans="2:42" x14ac:dyDescent="0.3">
      <c r="B3056">
        <v>66.10159700901977</v>
      </c>
      <c r="C3056" s="83">
        <v>43228.25</v>
      </c>
      <c r="D3056">
        <v>266670.82040000003</v>
      </c>
      <c r="E3056">
        <v>19150.432270000001</v>
      </c>
      <c r="F3056">
        <v>75675.254589999997</v>
      </c>
      <c r="G3056">
        <v>44692.840049999999</v>
      </c>
      <c r="H3056">
        <v>38551.859779999999</v>
      </c>
      <c r="I3056">
        <v>29253.60816</v>
      </c>
      <c r="J3056">
        <v>41045.240749999997</v>
      </c>
      <c r="K3056">
        <v>45607.159460000003</v>
      </c>
      <c r="L3056">
        <v>17768.256659999999</v>
      </c>
      <c r="M3056">
        <v>337016.76750000002</v>
      </c>
      <c r="N3056">
        <v>73484.03933</v>
      </c>
      <c r="O3056">
        <v>20633.288779999999</v>
      </c>
      <c r="P3056">
        <v>26018.791649999999</v>
      </c>
      <c r="Q3056">
        <v>99660.363119999995</v>
      </c>
      <c r="R3056">
        <v>16172.98605</v>
      </c>
      <c r="S3056">
        <v>82235.916949999999</v>
      </c>
      <c r="T3056">
        <v>22682.564249999999</v>
      </c>
      <c r="U3056">
        <v>17673.925869999999</v>
      </c>
      <c r="W3056" s="83">
        <f>Bühler!N3088</f>
        <v>45419.249999992593</v>
      </c>
      <c r="X3056" s="83">
        <v>43228.25</v>
      </c>
      <c r="Y3056">
        <v>266670.82040000003</v>
      </c>
      <c r="Z3056">
        <v>19150.432270000001</v>
      </c>
      <c r="AA3056">
        <v>75675.254589999997</v>
      </c>
      <c r="AB3056">
        <v>44692.840049999999</v>
      </c>
      <c r="AC3056">
        <v>38551.859779999999</v>
      </c>
      <c r="AD3056">
        <v>29253.60816</v>
      </c>
      <c r="AE3056">
        <v>41045.240749999997</v>
      </c>
      <c r="AF3056">
        <v>45607.159460000003</v>
      </c>
      <c r="AG3056">
        <v>17768.256659999999</v>
      </c>
      <c r="AH3056">
        <v>337016.76750000002</v>
      </c>
      <c r="AI3056">
        <v>73484.03933</v>
      </c>
      <c r="AJ3056">
        <v>20633.288779999999</v>
      </c>
      <c r="AK3056">
        <v>26018.791649999999</v>
      </c>
      <c r="AL3056">
        <v>99660.363119999995</v>
      </c>
      <c r="AM3056">
        <v>16172.98605</v>
      </c>
      <c r="AN3056">
        <v>82235.916949999999</v>
      </c>
      <c r="AO3056">
        <v>22682.564249999999</v>
      </c>
      <c r="AP3056">
        <v>17673.925869999999</v>
      </c>
    </row>
    <row r="3057" spans="2:42" x14ac:dyDescent="0.3">
      <c r="B3057">
        <v>67.739314597010619</v>
      </c>
      <c r="C3057" s="83">
        <v>43228.291666666664</v>
      </c>
      <c r="D3057">
        <v>280524.01439999999</v>
      </c>
      <c r="E3057">
        <v>23244.128939999999</v>
      </c>
      <c r="F3057">
        <v>78562.322700000004</v>
      </c>
      <c r="G3057">
        <v>53311.034330000002</v>
      </c>
      <c r="H3057">
        <v>43283.997150000003</v>
      </c>
      <c r="I3057">
        <v>35973.578549999998</v>
      </c>
      <c r="J3057">
        <v>41338.561780000004</v>
      </c>
      <c r="K3057">
        <v>50385.932480000003</v>
      </c>
      <c r="L3057">
        <v>20108.38984</v>
      </c>
      <c r="M3057">
        <v>345366.61550000001</v>
      </c>
      <c r="N3057">
        <v>78015.248860000007</v>
      </c>
      <c r="O3057">
        <v>22612.204389999999</v>
      </c>
      <c r="P3057">
        <v>29162.639660000001</v>
      </c>
      <c r="Q3057">
        <v>99206.901559999998</v>
      </c>
      <c r="R3057">
        <v>16493.406620000002</v>
      </c>
      <c r="S3057">
        <v>94659.783020000003</v>
      </c>
      <c r="T3057">
        <v>25593.814579999998</v>
      </c>
      <c r="U3057">
        <v>20896.48891</v>
      </c>
      <c r="W3057" s="83">
        <f>Bühler!N3089</f>
        <v>45419.291666659257</v>
      </c>
      <c r="X3057" s="83">
        <v>43228.291666666664</v>
      </c>
      <c r="Y3057">
        <v>280524.01439999999</v>
      </c>
      <c r="Z3057">
        <v>23244.128939999999</v>
      </c>
      <c r="AA3057">
        <v>78562.322700000004</v>
      </c>
      <c r="AB3057">
        <v>53311.034330000002</v>
      </c>
      <c r="AC3057">
        <v>43283.997150000003</v>
      </c>
      <c r="AD3057">
        <v>35973.578549999998</v>
      </c>
      <c r="AE3057">
        <v>41338.561780000004</v>
      </c>
      <c r="AF3057">
        <v>50385.932480000003</v>
      </c>
      <c r="AG3057">
        <v>20108.38984</v>
      </c>
      <c r="AH3057">
        <v>345366.61550000001</v>
      </c>
      <c r="AI3057">
        <v>78015.248860000007</v>
      </c>
      <c r="AJ3057">
        <v>22612.204389999999</v>
      </c>
      <c r="AK3057">
        <v>29162.639660000001</v>
      </c>
      <c r="AL3057">
        <v>99206.901559999998</v>
      </c>
      <c r="AM3057">
        <v>16493.406620000002</v>
      </c>
      <c r="AN3057">
        <v>94659.783020000003</v>
      </c>
      <c r="AO3057">
        <v>25593.814579999998</v>
      </c>
      <c r="AP3057">
        <v>20896.48891</v>
      </c>
    </row>
    <row r="3058" spans="2:42" x14ac:dyDescent="0.3">
      <c r="B3058">
        <v>68.11894114942551</v>
      </c>
      <c r="C3058" s="83">
        <v>43228.333333333336</v>
      </c>
      <c r="D3058">
        <v>291888.44900000002</v>
      </c>
      <c r="E3058">
        <v>28987.70522</v>
      </c>
      <c r="F3058">
        <v>85856.862519999995</v>
      </c>
      <c r="G3058">
        <v>65631.708320000005</v>
      </c>
      <c r="H3058">
        <v>48325.397960000002</v>
      </c>
      <c r="I3058">
        <v>39040.035360000002</v>
      </c>
      <c r="J3058">
        <v>43475.336490000002</v>
      </c>
      <c r="K3058">
        <v>56254.875480000002</v>
      </c>
      <c r="L3058">
        <v>23756.521629999999</v>
      </c>
      <c r="M3058">
        <v>347302.1287</v>
      </c>
      <c r="N3058">
        <v>85496.145829999994</v>
      </c>
      <c r="O3058">
        <v>24132.922790000001</v>
      </c>
      <c r="P3058">
        <v>30702.963619999999</v>
      </c>
      <c r="Q3058">
        <v>99217.507280000005</v>
      </c>
      <c r="R3058">
        <v>19895.007249999999</v>
      </c>
      <c r="S3058">
        <v>106770.1756</v>
      </c>
      <c r="T3058">
        <v>30129.806759999999</v>
      </c>
      <c r="U3058">
        <v>24617.09908</v>
      </c>
      <c r="W3058" s="83">
        <f>Bühler!N3090</f>
        <v>45419.333333325922</v>
      </c>
      <c r="X3058" s="83">
        <v>43228.333333333336</v>
      </c>
      <c r="Y3058">
        <v>291888.44900000002</v>
      </c>
      <c r="Z3058">
        <v>28987.70522</v>
      </c>
      <c r="AA3058">
        <v>85856.862519999995</v>
      </c>
      <c r="AB3058">
        <v>65631.708320000005</v>
      </c>
      <c r="AC3058">
        <v>48325.397960000002</v>
      </c>
      <c r="AD3058">
        <v>39040.035360000002</v>
      </c>
      <c r="AE3058">
        <v>43475.336490000002</v>
      </c>
      <c r="AF3058">
        <v>56254.875480000002</v>
      </c>
      <c r="AG3058">
        <v>23756.521629999999</v>
      </c>
      <c r="AH3058">
        <v>347302.1287</v>
      </c>
      <c r="AI3058">
        <v>85496.145829999994</v>
      </c>
      <c r="AJ3058">
        <v>24132.922790000001</v>
      </c>
      <c r="AK3058">
        <v>30702.963619999999</v>
      </c>
      <c r="AL3058">
        <v>99217.507280000005</v>
      </c>
      <c r="AM3058">
        <v>19895.007249999999</v>
      </c>
      <c r="AN3058">
        <v>106770.1756</v>
      </c>
      <c r="AO3058">
        <v>30129.806759999999</v>
      </c>
      <c r="AP3058">
        <v>24617.09908</v>
      </c>
    </row>
    <row r="3059" spans="2:42" x14ac:dyDescent="0.3">
      <c r="B3059">
        <v>68.321043552558137</v>
      </c>
      <c r="C3059" s="83">
        <v>43228.375</v>
      </c>
      <c r="D3059">
        <v>292228.10230000003</v>
      </c>
      <c r="E3059">
        <v>33187.13882</v>
      </c>
      <c r="F3059">
        <v>92041.145690000005</v>
      </c>
      <c r="G3059">
        <v>73468.416589999993</v>
      </c>
      <c r="H3059">
        <v>50994.395129999997</v>
      </c>
      <c r="I3059">
        <v>38077.6806</v>
      </c>
      <c r="J3059">
        <v>44470.267899999999</v>
      </c>
      <c r="K3059">
        <v>59086.246090000001</v>
      </c>
      <c r="L3059">
        <v>26660.578379999999</v>
      </c>
      <c r="M3059">
        <v>348332.54100000003</v>
      </c>
      <c r="N3059">
        <v>88517.339550000004</v>
      </c>
      <c r="O3059">
        <v>24281.266319999999</v>
      </c>
      <c r="P3059">
        <v>32226.493129999999</v>
      </c>
      <c r="Q3059">
        <v>100743.45140000001</v>
      </c>
      <c r="R3059">
        <v>20245.81667</v>
      </c>
      <c r="S3059">
        <v>113248.1437</v>
      </c>
      <c r="T3059">
        <v>32144.878970000002</v>
      </c>
      <c r="U3059">
        <v>24285.03498</v>
      </c>
      <c r="W3059" s="83">
        <f>Bühler!N3091</f>
        <v>45419.374999992586</v>
      </c>
      <c r="X3059" s="83">
        <v>43228.375</v>
      </c>
      <c r="Y3059">
        <v>292228.10230000003</v>
      </c>
      <c r="Z3059">
        <v>33187.13882</v>
      </c>
      <c r="AA3059">
        <v>92041.145690000005</v>
      </c>
      <c r="AB3059">
        <v>73468.416589999993</v>
      </c>
      <c r="AC3059">
        <v>50994.395129999997</v>
      </c>
      <c r="AD3059">
        <v>38077.6806</v>
      </c>
      <c r="AE3059">
        <v>44470.267899999999</v>
      </c>
      <c r="AF3059">
        <v>59086.246090000001</v>
      </c>
      <c r="AG3059">
        <v>26660.578379999999</v>
      </c>
      <c r="AH3059">
        <v>348332.54100000003</v>
      </c>
      <c r="AI3059">
        <v>88517.339550000004</v>
      </c>
      <c r="AJ3059">
        <v>24281.266319999999</v>
      </c>
      <c r="AK3059">
        <v>32226.493129999999</v>
      </c>
      <c r="AL3059">
        <v>100743.45140000001</v>
      </c>
      <c r="AM3059">
        <v>20245.81667</v>
      </c>
      <c r="AN3059">
        <v>113248.1437</v>
      </c>
      <c r="AO3059">
        <v>32144.878970000002</v>
      </c>
      <c r="AP3059">
        <v>24285.03498</v>
      </c>
    </row>
    <row r="3060" spans="2:42" x14ac:dyDescent="0.3">
      <c r="B3060">
        <v>68.652469943685745</v>
      </c>
      <c r="C3060" s="83">
        <v>43228.416666666664</v>
      </c>
      <c r="D3060">
        <v>297123.94640000002</v>
      </c>
      <c r="E3060">
        <v>34700.289470000003</v>
      </c>
      <c r="F3060">
        <v>93021.440870000006</v>
      </c>
      <c r="G3060">
        <v>75262.060389999999</v>
      </c>
      <c r="H3060">
        <v>51119.378069999999</v>
      </c>
      <c r="I3060">
        <v>35553.863790000003</v>
      </c>
      <c r="J3060">
        <v>44231.281060000001</v>
      </c>
      <c r="K3060">
        <v>60446.555419999997</v>
      </c>
      <c r="L3060">
        <v>30006.049449999999</v>
      </c>
      <c r="M3060">
        <v>350022.30729999999</v>
      </c>
      <c r="N3060">
        <v>89264.938980000006</v>
      </c>
      <c r="O3060">
        <v>24795.333480000001</v>
      </c>
      <c r="P3060">
        <v>33031.622929999998</v>
      </c>
      <c r="Q3060">
        <v>101623.5586</v>
      </c>
      <c r="R3060">
        <v>21579.753130000001</v>
      </c>
      <c r="S3060">
        <v>114939.807</v>
      </c>
      <c r="T3060">
        <v>34130.545299999998</v>
      </c>
      <c r="U3060">
        <v>24039.820510000001</v>
      </c>
      <c r="W3060" s="83">
        <f>Bühler!N3092</f>
        <v>45419.41666665925</v>
      </c>
      <c r="X3060" s="83">
        <v>43228.416666666664</v>
      </c>
      <c r="Y3060">
        <v>297123.94640000002</v>
      </c>
      <c r="Z3060">
        <v>34700.289470000003</v>
      </c>
      <c r="AA3060">
        <v>93021.440870000006</v>
      </c>
      <c r="AB3060">
        <v>75262.060389999999</v>
      </c>
      <c r="AC3060">
        <v>51119.378069999999</v>
      </c>
      <c r="AD3060">
        <v>35553.863790000003</v>
      </c>
      <c r="AE3060">
        <v>44231.281060000001</v>
      </c>
      <c r="AF3060">
        <v>60446.555419999997</v>
      </c>
      <c r="AG3060">
        <v>30006.049449999999</v>
      </c>
      <c r="AH3060">
        <v>350022.30729999999</v>
      </c>
      <c r="AI3060">
        <v>89264.938980000006</v>
      </c>
      <c r="AJ3060">
        <v>24795.333480000001</v>
      </c>
      <c r="AK3060">
        <v>33031.622929999998</v>
      </c>
      <c r="AL3060">
        <v>101623.5586</v>
      </c>
      <c r="AM3060">
        <v>21579.753130000001</v>
      </c>
      <c r="AN3060">
        <v>114939.807</v>
      </c>
      <c r="AO3060">
        <v>34130.545299999998</v>
      </c>
      <c r="AP3060">
        <v>24039.820510000001</v>
      </c>
    </row>
    <row r="3061" spans="2:42" x14ac:dyDescent="0.3">
      <c r="B3061">
        <v>69.982231296469251</v>
      </c>
      <c r="C3061" s="83">
        <v>43228.458333333336</v>
      </c>
      <c r="D3061">
        <v>296167.07929999998</v>
      </c>
      <c r="E3061">
        <v>34774.741719999998</v>
      </c>
      <c r="F3061">
        <v>93701.018700000001</v>
      </c>
      <c r="G3061">
        <v>74517.586299999995</v>
      </c>
      <c r="H3061">
        <v>51028.431329999999</v>
      </c>
      <c r="I3061">
        <v>35053.590929999998</v>
      </c>
      <c r="J3061">
        <v>44020.518179999999</v>
      </c>
      <c r="K3061">
        <v>61292.930050000003</v>
      </c>
      <c r="L3061">
        <v>31513.423220000001</v>
      </c>
      <c r="M3061">
        <v>356802.05080000003</v>
      </c>
      <c r="N3061">
        <v>90287.848610000001</v>
      </c>
      <c r="O3061">
        <v>24625.48229</v>
      </c>
      <c r="P3061">
        <v>31969.892189999999</v>
      </c>
      <c r="Q3061">
        <v>100954.4936</v>
      </c>
      <c r="R3061">
        <v>23043.821390000001</v>
      </c>
      <c r="S3061">
        <v>116825.5626</v>
      </c>
      <c r="T3061">
        <v>34211.206030000001</v>
      </c>
      <c r="U3061">
        <v>23245.23688</v>
      </c>
      <c r="W3061" s="83">
        <f>Bühler!N3093</f>
        <v>45419.458333325914</v>
      </c>
      <c r="X3061" s="83">
        <v>43228.458333333336</v>
      </c>
      <c r="Y3061">
        <v>296167.07929999998</v>
      </c>
      <c r="Z3061">
        <v>34774.741719999998</v>
      </c>
      <c r="AA3061">
        <v>93701.018700000001</v>
      </c>
      <c r="AB3061">
        <v>74517.586299999995</v>
      </c>
      <c r="AC3061">
        <v>51028.431329999999</v>
      </c>
      <c r="AD3061">
        <v>35053.590929999998</v>
      </c>
      <c r="AE3061">
        <v>44020.518179999999</v>
      </c>
      <c r="AF3061">
        <v>61292.930050000003</v>
      </c>
      <c r="AG3061">
        <v>31513.423220000001</v>
      </c>
      <c r="AH3061">
        <v>356802.05080000003</v>
      </c>
      <c r="AI3061">
        <v>90287.848610000001</v>
      </c>
      <c r="AJ3061">
        <v>24625.48229</v>
      </c>
      <c r="AK3061">
        <v>31969.892189999999</v>
      </c>
      <c r="AL3061">
        <v>100954.4936</v>
      </c>
      <c r="AM3061">
        <v>23043.821390000001</v>
      </c>
      <c r="AN3061">
        <v>116825.5626</v>
      </c>
      <c r="AO3061">
        <v>34211.206030000001</v>
      </c>
      <c r="AP3061">
        <v>23245.23688</v>
      </c>
    </row>
    <row r="3062" spans="2:42" x14ac:dyDescent="0.3">
      <c r="B3062">
        <v>69.114903868295258</v>
      </c>
      <c r="C3062" s="83">
        <v>43228.5</v>
      </c>
      <c r="D3062">
        <v>284374.80650000001</v>
      </c>
      <c r="E3062">
        <v>31429.666300000001</v>
      </c>
      <c r="F3062">
        <v>86961.04711</v>
      </c>
      <c r="G3062">
        <v>73638.646250000005</v>
      </c>
      <c r="H3062">
        <v>48539.005469999996</v>
      </c>
      <c r="I3062">
        <v>34127.18851</v>
      </c>
      <c r="J3062">
        <v>44054.659849999996</v>
      </c>
      <c r="K3062">
        <v>57572.63</v>
      </c>
      <c r="L3062">
        <v>34130.787909999999</v>
      </c>
      <c r="M3062">
        <v>352380.0111</v>
      </c>
      <c r="N3062">
        <v>86364.387820000004</v>
      </c>
      <c r="O3062">
        <v>24813.043669999999</v>
      </c>
      <c r="P3062">
        <v>32364.727470000002</v>
      </c>
      <c r="Q3062">
        <v>100641.5825</v>
      </c>
      <c r="R3062">
        <v>23722.31408</v>
      </c>
      <c r="S3062">
        <v>110075.8146</v>
      </c>
      <c r="T3062">
        <v>34862.165200000003</v>
      </c>
      <c r="U3062">
        <v>20009.894690000001</v>
      </c>
      <c r="W3062" s="83">
        <f>Bühler!N3094</f>
        <v>45419.499999992579</v>
      </c>
      <c r="X3062" s="83">
        <v>43228.5</v>
      </c>
      <c r="Y3062">
        <v>284374.80650000001</v>
      </c>
      <c r="Z3062">
        <v>31429.666300000001</v>
      </c>
      <c r="AA3062">
        <v>86961.04711</v>
      </c>
      <c r="AB3062">
        <v>73638.646250000005</v>
      </c>
      <c r="AC3062">
        <v>48539.005469999996</v>
      </c>
      <c r="AD3062">
        <v>34127.18851</v>
      </c>
      <c r="AE3062">
        <v>44054.659849999996</v>
      </c>
      <c r="AF3062">
        <v>57572.63</v>
      </c>
      <c r="AG3062">
        <v>34130.787909999999</v>
      </c>
      <c r="AH3062">
        <v>352380.0111</v>
      </c>
      <c r="AI3062">
        <v>86364.387820000004</v>
      </c>
      <c r="AJ3062">
        <v>24813.043669999999</v>
      </c>
      <c r="AK3062">
        <v>32364.727470000002</v>
      </c>
      <c r="AL3062">
        <v>100641.5825</v>
      </c>
      <c r="AM3062">
        <v>23722.31408</v>
      </c>
      <c r="AN3062">
        <v>110075.8146</v>
      </c>
      <c r="AO3062">
        <v>34862.165200000003</v>
      </c>
      <c r="AP3062">
        <v>20009.894690000001</v>
      </c>
    </row>
    <row r="3063" spans="2:42" x14ac:dyDescent="0.3">
      <c r="B3063">
        <v>68.394550284752469</v>
      </c>
      <c r="C3063" s="83">
        <v>43228.541666666664</v>
      </c>
      <c r="D3063">
        <v>284901.78330000001</v>
      </c>
      <c r="E3063">
        <v>31333.533800000001</v>
      </c>
      <c r="F3063">
        <v>85102.82978</v>
      </c>
      <c r="G3063">
        <v>70229.110230000006</v>
      </c>
      <c r="H3063">
        <v>49308.351649999997</v>
      </c>
      <c r="I3063">
        <v>34103.978869999999</v>
      </c>
      <c r="J3063">
        <v>42833.489479999997</v>
      </c>
      <c r="K3063">
        <v>59707.770620000003</v>
      </c>
      <c r="L3063">
        <v>32149.52664</v>
      </c>
      <c r="M3063">
        <v>348707.3126</v>
      </c>
      <c r="N3063">
        <v>87560.588210000002</v>
      </c>
      <c r="O3063">
        <v>25511.048119999999</v>
      </c>
      <c r="P3063">
        <v>32550.03412</v>
      </c>
      <c r="Q3063">
        <v>99677.693950000001</v>
      </c>
      <c r="R3063">
        <v>22938.849160000002</v>
      </c>
      <c r="S3063">
        <v>110312.06759999999</v>
      </c>
      <c r="T3063">
        <v>33916.345880000001</v>
      </c>
      <c r="U3063">
        <v>21352.84115</v>
      </c>
      <c r="W3063" s="83">
        <f>Bühler!N3095</f>
        <v>45419.541666659243</v>
      </c>
      <c r="X3063" s="83">
        <v>43228.541666666664</v>
      </c>
      <c r="Y3063">
        <v>284901.78330000001</v>
      </c>
      <c r="Z3063">
        <v>31333.533800000001</v>
      </c>
      <c r="AA3063">
        <v>85102.82978</v>
      </c>
      <c r="AB3063">
        <v>70229.110230000006</v>
      </c>
      <c r="AC3063">
        <v>49308.351649999997</v>
      </c>
      <c r="AD3063">
        <v>34103.978869999999</v>
      </c>
      <c r="AE3063">
        <v>42833.489479999997</v>
      </c>
      <c r="AF3063">
        <v>59707.770620000003</v>
      </c>
      <c r="AG3063">
        <v>32149.52664</v>
      </c>
      <c r="AH3063">
        <v>348707.3126</v>
      </c>
      <c r="AI3063">
        <v>87560.588210000002</v>
      </c>
      <c r="AJ3063">
        <v>25511.048119999999</v>
      </c>
      <c r="AK3063">
        <v>32550.03412</v>
      </c>
      <c r="AL3063">
        <v>99677.693950000001</v>
      </c>
      <c r="AM3063">
        <v>22938.849160000002</v>
      </c>
      <c r="AN3063">
        <v>110312.06759999999</v>
      </c>
      <c r="AO3063">
        <v>33916.345880000001</v>
      </c>
      <c r="AP3063">
        <v>21352.84115</v>
      </c>
    </row>
    <row r="3064" spans="2:42" x14ac:dyDescent="0.3">
      <c r="B3064">
        <v>68.329764743798336</v>
      </c>
      <c r="C3064" s="83">
        <v>43228.583333333336</v>
      </c>
      <c r="D3064">
        <v>287520.86339999997</v>
      </c>
      <c r="E3064">
        <v>34171.229899999998</v>
      </c>
      <c r="F3064">
        <v>92194.957129999995</v>
      </c>
      <c r="G3064">
        <v>65803.017940000005</v>
      </c>
      <c r="H3064">
        <v>49609.641199999998</v>
      </c>
      <c r="I3064">
        <v>35057.399899999997</v>
      </c>
      <c r="J3064">
        <v>41991.24366</v>
      </c>
      <c r="K3064">
        <v>61626.790659999999</v>
      </c>
      <c r="L3064">
        <v>28526.0838</v>
      </c>
      <c r="M3064">
        <v>348377.00569999998</v>
      </c>
      <c r="N3064">
        <v>88161.816349999994</v>
      </c>
      <c r="O3064">
        <v>25082.08742</v>
      </c>
      <c r="P3064">
        <v>29378.76453</v>
      </c>
      <c r="Q3064">
        <v>98302.676259999993</v>
      </c>
      <c r="R3064">
        <v>22074.465779999999</v>
      </c>
      <c r="S3064">
        <v>104602.86719999999</v>
      </c>
      <c r="T3064">
        <v>32241.895039999999</v>
      </c>
      <c r="U3064">
        <v>21663.67452</v>
      </c>
      <c r="W3064" s="83">
        <f>Bühler!N3096</f>
        <v>45419.583333325907</v>
      </c>
      <c r="X3064" s="83">
        <v>43228.583333333336</v>
      </c>
      <c r="Y3064">
        <v>287520.86339999997</v>
      </c>
      <c r="Z3064">
        <v>34171.229899999998</v>
      </c>
      <c r="AA3064">
        <v>92194.957129999995</v>
      </c>
      <c r="AB3064">
        <v>65803.017940000005</v>
      </c>
      <c r="AC3064">
        <v>49609.641199999998</v>
      </c>
      <c r="AD3064">
        <v>35057.399899999997</v>
      </c>
      <c r="AE3064">
        <v>41991.24366</v>
      </c>
      <c r="AF3064">
        <v>61626.790659999999</v>
      </c>
      <c r="AG3064">
        <v>28526.0838</v>
      </c>
      <c r="AH3064">
        <v>348377.00569999998</v>
      </c>
      <c r="AI3064">
        <v>88161.816349999994</v>
      </c>
      <c r="AJ3064">
        <v>25082.08742</v>
      </c>
      <c r="AK3064">
        <v>29378.76453</v>
      </c>
      <c r="AL3064">
        <v>98302.676259999993</v>
      </c>
      <c r="AM3064">
        <v>22074.465779999999</v>
      </c>
      <c r="AN3064">
        <v>104602.86719999999</v>
      </c>
      <c r="AO3064">
        <v>32241.895039999999</v>
      </c>
      <c r="AP3064">
        <v>21663.67452</v>
      </c>
    </row>
    <row r="3065" spans="2:42" x14ac:dyDescent="0.3">
      <c r="B3065">
        <v>68.844400091767241</v>
      </c>
      <c r="C3065" s="83">
        <v>43228.625</v>
      </c>
      <c r="D3065">
        <v>286907.18339999998</v>
      </c>
      <c r="E3065">
        <v>34141.440999999999</v>
      </c>
      <c r="F3065">
        <v>93344.666830000002</v>
      </c>
      <c r="G3065">
        <v>62672.496709999999</v>
      </c>
      <c r="H3065">
        <v>48122.765149999999</v>
      </c>
      <c r="I3065">
        <v>35025.169699999999</v>
      </c>
      <c r="J3065">
        <v>41500.09476</v>
      </c>
      <c r="K3065">
        <v>60213.594879999997</v>
      </c>
      <c r="L3065">
        <v>25818.63853</v>
      </c>
      <c r="M3065">
        <v>351000.8567</v>
      </c>
      <c r="N3065">
        <v>86882.222769999993</v>
      </c>
      <c r="O3065">
        <v>24820.369259999999</v>
      </c>
      <c r="P3065">
        <v>27348.748739999999</v>
      </c>
      <c r="Q3065">
        <v>97756.435899999997</v>
      </c>
      <c r="R3065">
        <v>22166.483749999999</v>
      </c>
      <c r="S3065">
        <v>102678.4066</v>
      </c>
      <c r="T3065">
        <v>30949.768639999998</v>
      </c>
      <c r="U3065">
        <v>21595.999930000002</v>
      </c>
      <c r="W3065" s="83">
        <f>Bühler!N3097</f>
        <v>45419.624999992571</v>
      </c>
      <c r="X3065" s="83">
        <v>43228.625</v>
      </c>
      <c r="Y3065">
        <v>286907.18339999998</v>
      </c>
      <c r="Z3065">
        <v>34141.440999999999</v>
      </c>
      <c r="AA3065">
        <v>93344.666830000002</v>
      </c>
      <c r="AB3065">
        <v>62672.496709999999</v>
      </c>
      <c r="AC3065">
        <v>48122.765149999999</v>
      </c>
      <c r="AD3065">
        <v>35025.169699999999</v>
      </c>
      <c r="AE3065">
        <v>41500.09476</v>
      </c>
      <c r="AF3065">
        <v>60213.594879999997</v>
      </c>
      <c r="AG3065">
        <v>25818.63853</v>
      </c>
      <c r="AH3065">
        <v>351000.8567</v>
      </c>
      <c r="AI3065">
        <v>86882.222769999993</v>
      </c>
      <c r="AJ3065">
        <v>24820.369259999999</v>
      </c>
      <c r="AK3065">
        <v>27348.748739999999</v>
      </c>
      <c r="AL3065">
        <v>97756.435899999997</v>
      </c>
      <c r="AM3065">
        <v>22166.483749999999</v>
      </c>
      <c r="AN3065">
        <v>102678.4066</v>
      </c>
      <c r="AO3065">
        <v>30949.768639999998</v>
      </c>
      <c r="AP3065">
        <v>21595.999930000002</v>
      </c>
    </row>
    <row r="3066" spans="2:42" x14ac:dyDescent="0.3">
      <c r="B3066">
        <v>68.440828770119396</v>
      </c>
      <c r="C3066" s="83">
        <v>43228.666666666664</v>
      </c>
      <c r="D3066">
        <v>278040.01559999998</v>
      </c>
      <c r="E3066">
        <v>33042.719270000001</v>
      </c>
      <c r="F3066">
        <v>91951.017999999996</v>
      </c>
      <c r="G3066">
        <v>59237.294990000002</v>
      </c>
      <c r="H3066">
        <v>46097.974320000001</v>
      </c>
      <c r="I3066">
        <v>36012.285450000003</v>
      </c>
      <c r="J3066">
        <v>40972.152300000002</v>
      </c>
      <c r="K3066">
        <v>57303.791230000003</v>
      </c>
      <c r="L3066">
        <v>24749.510740000002</v>
      </c>
      <c r="M3066">
        <v>348943.26189999998</v>
      </c>
      <c r="N3066">
        <v>84311.124720000007</v>
      </c>
      <c r="O3066">
        <v>23579.927820000001</v>
      </c>
      <c r="P3066">
        <v>26756.17641</v>
      </c>
      <c r="Q3066">
        <v>97044.825700000001</v>
      </c>
      <c r="R3066">
        <v>22591.254420000001</v>
      </c>
      <c r="S3066">
        <v>99976.480850000007</v>
      </c>
      <c r="T3066">
        <v>30533.359810000002</v>
      </c>
      <c r="U3066">
        <v>19107.69641</v>
      </c>
      <c r="W3066" s="83">
        <f>Bühler!N3098</f>
        <v>45419.666666659235</v>
      </c>
      <c r="X3066" s="83">
        <v>43228.666666666664</v>
      </c>
      <c r="Y3066">
        <v>278040.01559999998</v>
      </c>
      <c r="Z3066">
        <v>33042.719270000001</v>
      </c>
      <c r="AA3066">
        <v>91951.017999999996</v>
      </c>
      <c r="AB3066">
        <v>59237.294990000002</v>
      </c>
      <c r="AC3066">
        <v>46097.974320000001</v>
      </c>
      <c r="AD3066">
        <v>36012.285450000003</v>
      </c>
      <c r="AE3066">
        <v>40972.152300000002</v>
      </c>
      <c r="AF3066">
        <v>57303.791230000003</v>
      </c>
      <c r="AG3066">
        <v>24749.510740000002</v>
      </c>
      <c r="AH3066">
        <v>348943.26189999998</v>
      </c>
      <c r="AI3066">
        <v>84311.124720000007</v>
      </c>
      <c r="AJ3066">
        <v>23579.927820000001</v>
      </c>
      <c r="AK3066">
        <v>26756.17641</v>
      </c>
      <c r="AL3066">
        <v>97044.825700000001</v>
      </c>
      <c r="AM3066">
        <v>22591.254420000001</v>
      </c>
      <c r="AN3066">
        <v>99976.480850000007</v>
      </c>
      <c r="AO3066">
        <v>30533.359810000002</v>
      </c>
      <c r="AP3066">
        <v>19107.69641</v>
      </c>
    </row>
    <row r="3067" spans="2:42" x14ac:dyDescent="0.3">
      <c r="B3067">
        <v>67.830221836347647</v>
      </c>
      <c r="C3067" s="83">
        <v>43228.708333333336</v>
      </c>
      <c r="D3067">
        <v>267687.21909999999</v>
      </c>
      <c r="E3067">
        <v>31294.249779999998</v>
      </c>
      <c r="F3067">
        <v>91479.485440000004</v>
      </c>
      <c r="G3067">
        <v>52596.635849999999</v>
      </c>
      <c r="H3067">
        <v>43930.44515</v>
      </c>
      <c r="I3067">
        <v>35417.497589999999</v>
      </c>
      <c r="J3067">
        <v>40926.396630000003</v>
      </c>
      <c r="K3067">
        <v>52394.857660000001</v>
      </c>
      <c r="L3067">
        <v>25103.812170000001</v>
      </c>
      <c r="M3067">
        <v>345830.103</v>
      </c>
      <c r="N3067">
        <v>81525.136729999998</v>
      </c>
      <c r="O3067">
        <v>22944.96113</v>
      </c>
      <c r="P3067">
        <v>28383.015729999999</v>
      </c>
      <c r="Q3067">
        <v>95669.664220000006</v>
      </c>
      <c r="R3067">
        <v>22178.95177</v>
      </c>
      <c r="S3067">
        <v>96250.799589999995</v>
      </c>
      <c r="T3067">
        <v>29918.572889999999</v>
      </c>
      <c r="U3067">
        <v>16253.113740000001</v>
      </c>
      <c r="W3067" s="83">
        <f>Bühler!N3099</f>
        <v>45419.7083333259</v>
      </c>
      <c r="X3067" s="83">
        <v>43228.708333333336</v>
      </c>
      <c r="Y3067">
        <v>267687.21909999999</v>
      </c>
      <c r="Z3067">
        <v>31294.249779999998</v>
      </c>
      <c r="AA3067">
        <v>91479.485440000004</v>
      </c>
      <c r="AB3067">
        <v>52596.635849999999</v>
      </c>
      <c r="AC3067">
        <v>43930.44515</v>
      </c>
      <c r="AD3067">
        <v>35417.497589999999</v>
      </c>
      <c r="AE3067">
        <v>40926.396630000003</v>
      </c>
      <c r="AF3067">
        <v>52394.857660000001</v>
      </c>
      <c r="AG3067">
        <v>25103.812170000001</v>
      </c>
      <c r="AH3067">
        <v>345830.103</v>
      </c>
      <c r="AI3067">
        <v>81525.136729999998</v>
      </c>
      <c r="AJ3067">
        <v>22944.96113</v>
      </c>
      <c r="AK3067">
        <v>28383.015729999999</v>
      </c>
      <c r="AL3067">
        <v>95669.664220000006</v>
      </c>
      <c r="AM3067">
        <v>22178.95177</v>
      </c>
      <c r="AN3067">
        <v>96250.799589999995</v>
      </c>
      <c r="AO3067">
        <v>29918.572889999999</v>
      </c>
      <c r="AP3067">
        <v>16253.113740000001</v>
      </c>
    </row>
    <row r="3068" spans="2:42" x14ac:dyDescent="0.3">
      <c r="B3068">
        <v>66.5702679856891</v>
      </c>
      <c r="C3068" s="83">
        <v>43228.75</v>
      </c>
      <c r="D3068">
        <v>260149.20670000001</v>
      </c>
      <c r="E3068">
        <v>27867.842809999998</v>
      </c>
      <c r="F3068">
        <v>88850.848029999994</v>
      </c>
      <c r="G3068">
        <v>45540.229330000002</v>
      </c>
      <c r="H3068">
        <v>41678.71271</v>
      </c>
      <c r="I3068">
        <v>33645.95708</v>
      </c>
      <c r="J3068">
        <v>40807.848680000003</v>
      </c>
      <c r="K3068">
        <v>51161.265019999999</v>
      </c>
      <c r="L3068">
        <v>26238.998230000001</v>
      </c>
      <c r="M3068">
        <v>339406.27069999999</v>
      </c>
      <c r="N3068">
        <v>79115.517110000001</v>
      </c>
      <c r="O3068">
        <v>21279.025099999999</v>
      </c>
      <c r="P3068">
        <v>31156.358039999999</v>
      </c>
      <c r="Q3068">
        <v>93807.372629999998</v>
      </c>
      <c r="R3068">
        <v>20560.887019999998</v>
      </c>
      <c r="S3068">
        <v>90119.7359</v>
      </c>
      <c r="T3068">
        <v>29331.74942</v>
      </c>
      <c r="U3068">
        <v>14931.95902</v>
      </c>
      <c r="W3068" s="83">
        <f>Bühler!N3100</f>
        <v>45419.749999992564</v>
      </c>
      <c r="X3068" s="83">
        <v>43228.75</v>
      </c>
      <c r="Y3068">
        <v>260149.20670000001</v>
      </c>
      <c r="Z3068">
        <v>27867.842809999998</v>
      </c>
      <c r="AA3068">
        <v>88850.848029999994</v>
      </c>
      <c r="AB3068">
        <v>45540.229330000002</v>
      </c>
      <c r="AC3068">
        <v>41678.71271</v>
      </c>
      <c r="AD3068">
        <v>33645.95708</v>
      </c>
      <c r="AE3068">
        <v>40807.848680000003</v>
      </c>
      <c r="AF3068">
        <v>51161.265019999999</v>
      </c>
      <c r="AG3068">
        <v>26238.998230000001</v>
      </c>
      <c r="AH3068">
        <v>339406.27069999999</v>
      </c>
      <c r="AI3068">
        <v>79115.517110000001</v>
      </c>
      <c r="AJ3068">
        <v>21279.025099999999</v>
      </c>
      <c r="AK3068">
        <v>31156.358039999999</v>
      </c>
      <c r="AL3068">
        <v>93807.372629999998</v>
      </c>
      <c r="AM3068">
        <v>20560.887019999998</v>
      </c>
      <c r="AN3068">
        <v>90119.7359</v>
      </c>
      <c r="AO3068">
        <v>29331.74942</v>
      </c>
      <c r="AP3068">
        <v>14931.95902</v>
      </c>
    </row>
    <row r="3069" spans="2:42" x14ac:dyDescent="0.3">
      <c r="B3069">
        <v>64.765615354311549</v>
      </c>
      <c r="C3069" s="83">
        <v>43228.791666666664</v>
      </c>
      <c r="D3069">
        <v>254804.93160000001</v>
      </c>
      <c r="E3069">
        <v>22691.631969999999</v>
      </c>
      <c r="F3069">
        <v>77958.287729999996</v>
      </c>
      <c r="G3069">
        <v>41507.127209999999</v>
      </c>
      <c r="H3069">
        <v>39283.393340000002</v>
      </c>
      <c r="I3069">
        <v>31557.54506</v>
      </c>
      <c r="J3069">
        <v>40197.935149999998</v>
      </c>
      <c r="K3069">
        <v>50119.046329999997</v>
      </c>
      <c r="L3069">
        <v>27373.730599999999</v>
      </c>
      <c r="M3069">
        <v>330205.31</v>
      </c>
      <c r="N3069">
        <v>77489.64933</v>
      </c>
      <c r="O3069">
        <v>19906.687470000001</v>
      </c>
      <c r="P3069">
        <v>32673.073649999998</v>
      </c>
      <c r="Q3069">
        <v>91099.554929999998</v>
      </c>
      <c r="R3069">
        <v>19096.140070000001</v>
      </c>
      <c r="S3069">
        <v>84975.412289999993</v>
      </c>
      <c r="T3069">
        <v>29651.622139999999</v>
      </c>
      <c r="U3069">
        <v>14577.92179</v>
      </c>
      <c r="W3069" s="83">
        <f>Bühler!N3101</f>
        <v>45419.791666659228</v>
      </c>
      <c r="X3069" s="83">
        <v>43228.791666666664</v>
      </c>
      <c r="Y3069">
        <v>254804.93160000001</v>
      </c>
      <c r="Z3069">
        <v>22691.631969999999</v>
      </c>
      <c r="AA3069">
        <v>77958.287729999996</v>
      </c>
      <c r="AB3069">
        <v>41507.127209999999</v>
      </c>
      <c r="AC3069">
        <v>39283.393340000002</v>
      </c>
      <c r="AD3069">
        <v>31557.54506</v>
      </c>
      <c r="AE3069">
        <v>40197.935149999998</v>
      </c>
      <c r="AF3069">
        <v>50119.046329999997</v>
      </c>
      <c r="AG3069">
        <v>27373.730599999999</v>
      </c>
      <c r="AH3069">
        <v>330205.31</v>
      </c>
      <c r="AI3069">
        <v>77489.64933</v>
      </c>
      <c r="AJ3069">
        <v>19906.687470000001</v>
      </c>
      <c r="AK3069">
        <v>32673.073649999998</v>
      </c>
      <c r="AL3069">
        <v>91099.554929999998</v>
      </c>
      <c r="AM3069">
        <v>19096.140070000001</v>
      </c>
      <c r="AN3069">
        <v>84975.412289999993</v>
      </c>
      <c r="AO3069">
        <v>29651.622139999999</v>
      </c>
      <c r="AP3069">
        <v>14577.92179</v>
      </c>
    </row>
    <row r="3070" spans="2:42" x14ac:dyDescent="0.3">
      <c r="B3070">
        <v>62.359245246689319</v>
      </c>
      <c r="C3070" s="83">
        <v>43228.833333333336</v>
      </c>
      <c r="D3070">
        <v>246522.1833</v>
      </c>
      <c r="E3070">
        <v>16842.54693</v>
      </c>
      <c r="F3070">
        <v>61266.043250000002</v>
      </c>
      <c r="G3070">
        <v>38154.552080000001</v>
      </c>
      <c r="H3070">
        <v>36933.859949999998</v>
      </c>
      <c r="I3070">
        <v>28039.37775</v>
      </c>
      <c r="J3070">
        <v>39778.114719999998</v>
      </c>
      <c r="K3070">
        <v>48734.69801</v>
      </c>
      <c r="L3070">
        <v>26410.5409</v>
      </c>
      <c r="M3070">
        <v>317936.51299999998</v>
      </c>
      <c r="N3070">
        <v>75329.998070000001</v>
      </c>
      <c r="O3070">
        <v>19056.699379999998</v>
      </c>
      <c r="P3070">
        <v>32960.466070000002</v>
      </c>
      <c r="Q3070">
        <v>88175.916240000006</v>
      </c>
      <c r="R3070">
        <v>17913.12934</v>
      </c>
      <c r="S3070">
        <v>78480.459789999994</v>
      </c>
      <c r="T3070">
        <v>28826.196520000001</v>
      </c>
      <c r="U3070">
        <v>13731.88913</v>
      </c>
      <c r="W3070" s="83">
        <f>Bühler!N3102</f>
        <v>45419.833333325892</v>
      </c>
      <c r="X3070" s="83">
        <v>43228.833333333336</v>
      </c>
      <c r="Y3070">
        <v>246522.1833</v>
      </c>
      <c r="Z3070">
        <v>16842.54693</v>
      </c>
      <c r="AA3070">
        <v>61266.043250000002</v>
      </c>
      <c r="AB3070">
        <v>38154.552080000001</v>
      </c>
      <c r="AC3070">
        <v>36933.859949999998</v>
      </c>
      <c r="AD3070">
        <v>28039.37775</v>
      </c>
      <c r="AE3070">
        <v>39778.114719999998</v>
      </c>
      <c r="AF3070">
        <v>48734.69801</v>
      </c>
      <c r="AG3070">
        <v>26410.5409</v>
      </c>
      <c r="AH3070">
        <v>317936.51299999998</v>
      </c>
      <c r="AI3070">
        <v>75329.998070000001</v>
      </c>
      <c r="AJ3070">
        <v>19056.699379999998</v>
      </c>
      <c r="AK3070">
        <v>32960.466070000002</v>
      </c>
      <c r="AL3070">
        <v>88175.916240000006</v>
      </c>
      <c r="AM3070">
        <v>17913.12934</v>
      </c>
      <c r="AN3070">
        <v>78480.459789999994</v>
      </c>
      <c r="AO3070">
        <v>28826.196520000001</v>
      </c>
      <c r="AP3070">
        <v>13731.88913</v>
      </c>
    </row>
    <row r="3071" spans="2:42" x14ac:dyDescent="0.3">
      <c r="B3071">
        <v>60.853324370676432</v>
      </c>
      <c r="C3071" s="83">
        <v>43228.875</v>
      </c>
      <c r="D3071">
        <v>238930.3904</v>
      </c>
      <c r="E3071">
        <v>14723.55164</v>
      </c>
      <c r="F3071">
        <v>53609.699959999998</v>
      </c>
      <c r="G3071">
        <v>37173.424749999998</v>
      </c>
      <c r="H3071">
        <v>36789.320220000001</v>
      </c>
      <c r="I3071">
        <v>24771.468059999999</v>
      </c>
      <c r="J3071">
        <v>40889.5052</v>
      </c>
      <c r="K3071">
        <v>48527.977789999997</v>
      </c>
      <c r="L3071">
        <v>25449.210159999999</v>
      </c>
      <c r="M3071">
        <v>310258.62609999999</v>
      </c>
      <c r="N3071">
        <v>74504.584440000006</v>
      </c>
      <c r="O3071">
        <v>18918.293170000001</v>
      </c>
      <c r="P3071">
        <v>32126.026559999998</v>
      </c>
      <c r="Q3071">
        <v>85682.168239999999</v>
      </c>
      <c r="R3071">
        <v>17635.4977</v>
      </c>
      <c r="S3071">
        <v>75969.797070000001</v>
      </c>
      <c r="T3071">
        <v>26905.909670000001</v>
      </c>
      <c r="U3071">
        <v>13488.625340000001</v>
      </c>
      <c r="W3071" s="83">
        <f>Bühler!N3103</f>
        <v>45419.874999992557</v>
      </c>
      <c r="X3071" s="83">
        <v>43228.875</v>
      </c>
      <c r="Y3071">
        <v>238930.3904</v>
      </c>
      <c r="Z3071">
        <v>14723.55164</v>
      </c>
      <c r="AA3071">
        <v>53609.699959999998</v>
      </c>
      <c r="AB3071">
        <v>37173.424749999998</v>
      </c>
      <c r="AC3071">
        <v>36789.320220000001</v>
      </c>
      <c r="AD3071">
        <v>24771.468059999999</v>
      </c>
      <c r="AE3071">
        <v>40889.5052</v>
      </c>
      <c r="AF3071">
        <v>48527.977789999997</v>
      </c>
      <c r="AG3071">
        <v>25449.210159999999</v>
      </c>
      <c r="AH3071">
        <v>310258.62609999999</v>
      </c>
      <c r="AI3071">
        <v>74504.584440000006</v>
      </c>
      <c r="AJ3071">
        <v>18918.293170000001</v>
      </c>
      <c r="AK3071">
        <v>32126.026559999998</v>
      </c>
      <c r="AL3071">
        <v>85682.168239999999</v>
      </c>
      <c r="AM3071">
        <v>17635.4977</v>
      </c>
      <c r="AN3071">
        <v>75969.797070000001</v>
      </c>
      <c r="AO3071">
        <v>26905.909670000001</v>
      </c>
      <c r="AP3071">
        <v>13488.625340000001</v>
      </c>
    </row>
    <row r="3072" spans="2:42" x14ac:dyDescent="0.3">
      <c r="B3072">
        <v>60.640640667917282</v>
      </c>
      <c r="C3072" s="83">
        <v>43228.916666666664</v>
      </c>
      <c r="D3072">
        <v>238079.44959999999</v>
      </c>
      <c r="E3072">
        <v>13917.09196</v>
      </c>
      <c r="F3072">
        <v>51124.336960000001</v>
      </c>
      <c r="G3072">
        <v>35457.196349999998</v>
      </c>
      <c r="H3072">
        <v>36230.395080000002</v>
      </c>
      <c r="I3072">
        <v>22698.62372</v>
      </c>
      <c r="J3072">
        <v>40125.597430000002</v>
      </c>
      <c r="K3072">
        <v>51599.605689999997</v>
      </c>
      <c r="L3072">
        <v>22656.548149999999</v>
      </c>
      <c r="M3072">
        <v>309174.26539999997</v>
      </c>
      <c r="N3072">
        <v>73986.215750000003</v>
      </c>
      <c r="O3072">
        <v>19344.542560000002</v>
      </c>
      <c r="P3072">
        <v>33912.649660000003</v>
      </c>
      <c r="Q3072">
        <v>85888.611780000007</v>
      </c>
      <c r="R3072">
        <v>18959.088100000001</v>
      </c>
      <c r="S3072">
        <v>75357.537049999999</v>
      </c>
      <c r="T3072">
        <v>23255.519759999999</v>
      </c>
      <c r="U3072">
        <v>14150.16563</v>
      </c>
      <c r="W3072" s="83">
        <f>Bühler!N3104</f>
        <v>45419.916666659221</v>
      </c>
      <c r="X3072" s="83">
        <v>43228.916666666664</v>
      </c>
      <c r="Y3072">
        <v>238079.44959999999</v>
      </c>
      <c r="Z3072">
        <v>13917.09196</v>
      </c>
      <c r="AA3072">
        <v>51124.336960000001</v>
      </c>
      <c r="AB3072">
        <v>35457.196349999998</v>
      </c>
      <c r="AC3072">
        <v>36230.395080000002</v>
      </c>
      <c r="AD3072">
        <v>22698.62372</v>
      </c>
      <c r="AE3072">
        <v>40125.597430000002</v>
      </c>
      <c r="AF3072">
        <v>51599.605689999997</v>
      </c>
      <c r="AG3072">
        <v>22656.548149999999</v>
      </c>
      <c r="AH3072">
        <v>309174.26539999997</v>
      </c>
      <c r="AI3072">
        <v>73986.215750000003</v>
      </c>
      <c r="AJ3072">
        <v>19344.542560000002</v>
      </c>
      <c r="AK3072">
        <v>33912.649660000003</v>
      </c>
      <c r="AL3072">
        <v>85888.611780000007</v>
      </c>
      <c r="AM3072">
        <v>18959.088100000001</v>
      </c>
      <c r="AN3072">
        <v>75357.537049999999</v>
      </c>
      <c r="AO3072">
        <v>23255.519759999999</v>
      </c>
      <c r="AP3072">
        <v>14150.16563</v>
      </c>
    </row>
    <row r="3073" spans="2:42" x14ac:dyDescent="0.3">
      <c r="B3073">
        <v>60.195778576480983</v>
      </c>
      <c r="C3073" s="83">
        <v>43228.958333333336</v>
      </c>
      <c r="D3073">
        <v>238127.88430000001</v>
      </c>
      <c r="E3073">
        <v>13214.38319</v>
      </c>
      <c r="F3073">
        <v>49448.812749999997</v>
      </c>
      <c r="G3073">
        <v>35082.723760000001</v>
      </c>
      <c r="H3073">
        <v>35142.035409999997</v>
      </c>
      <c r="I3073">
        <v>21992.986140000001</v>
      </c>
      <c r="J3073">
        <v>36682.878799999999</v>
      </c>
      <c r="K3073">
        <v>51437.713069999998</v>
      </c>
      <c r="L3073">
        <v>18664.681120000001</v>
      </c>
      <c r="M3073">
        <v>306906.15100000001</v>
      </c>
      <c r="N3073">
        <v>74561.401960000003</v>
      </c>
      <c r="O3073">
        <v>19311.511920000001</v>
      </c>
      <c r="P3073">
        <v>30369.319200000002</v>
      </c>
      <c r="Q3073">
        <v>84586.267860000007</v>
      </c>
      <c r="R3073">
        <v>19838.477269999999</v>
      </c>
      <c r="S3073">
        <v>73734.891180000006</v>
      </c>
      <c r="T3073">
        <v>21581.43144</v>
      </c>
      <c r="U3073">
        <v>13791.96242</v>
      </c>
      <c r="W3073" s="83">
        <f>Bühler!N3105</f>
        <v>45419.958333325885</v>
      </c>
      <c r="X3073" s="83">
        <v>43228.958333333336</v>
      </c>
      <c r="Y3073">
        <v>238127.88430000001</v>
      </c>
      <c r="Z3073">
        <v>13214.38319</v>
      </c>
      <c r="AA3073">
        <v>49448.812749999997</v>
      </c>
      <c r="AB3073">
        <v>35082.723760000001</v>
      </c>
      <c r="AC3073">
        <v>35142.035409999997</v>
      </c>
      <c r="AD3073">
        <v>21992.986140000001</v>
      </c>
      <c r="AE3073">
        <v>36682.878799999999</v>
      </c>
      <c r="AF3073">
        <v>51437.713069999998</v>
      </c>
      <c r="AG3073">
        <v>18664.681120000001</v>
      </c>
      <c r="AH3073">
        <v>306906.15100000001</v>
      </c>
      <c r="AI3073">
        <v>74561.401960000003</v>
      </c>
      <c r="AJ3073">
        <v>19311.511920000001</v>
      </c>
      <c r="AK3073">
        <v>30369.319200000002</v>
      </c>
      <c r="AL3073">
        <v>84586.267860000007</v>
      </c>
      <c r="AM3073">
        <v>19838.477269999999</v>
      </c>
      <c r="AN3073">
        <v>73734.891180000006</v>
      </c>
      <c r="AO3073">
        <v>21581.43144</v>
      </c>
      <c r="AP3073">
        <v>13791.96242</v>
      </c>
    </row>
    <row r="3074" spans="2:42" x14ac:dyDescent="0.3">
      <c r="B3074">
        <v>59.392593770434132</v>
      </c>
      <c r="C3074" s="83">
        <v>43229</v>
      </c>
      <c r="D3074">
        <v>237662.65479999999</v>
      </c>
      <c r="E3074">
        <v>12953.95182</v>
      </c>
      <c r="F3074">
        <v>48165.392099999997</v>
      </c>
      <c r="G3074">
        <v>34260.302199999998</v>
      </c>
      <c r="H3074">
        <v>34485.747640000001</v>
      </c>
      <c r="I3074">
        <v>20357.130789999999</v>
      </c>
      <c r="J3074">
        <v>34556.496529999997</v>
      </c>
      <c r="K3074">
        <v>49915.290809999999</v>
      </c>
      <c r="L3074">
        <v>17006.439320000001</v>
      </c>
      <c r="M3074">
        <v>302811.14030000003</v>
      </c>
      <c r="N3074">
        <v>74033.700259999998</v>
      </c>
      <c r="O3074">
        <v>18872.472320000001</v>
      </c>
      <c r="P3074">
        <v>28251.219969999998</v>
      </c>
      <c r="Q3074">
        <v>84250.301359999998</v>
      </c>
      <c r="R3074">
        <v>16615.873769999998</v>
      </c>
      <c r="S3074">
        <v>72663.713650000005</v>
      </c>
      <c r="T3074">
        <v>19799.750540000001</v>
      </c>
      <c r="U3074">
        <v>13417.841560000001</v>
      </c>
      <c r="W3074" s="83">
        <f>Bühler!N3106</f>
        <v>45419.999999992549</v>
      </c>
      <c r="X3074" s="83">
        <v>43229</v>
      </c>
      <c r="Y3074">
        <v>237662.65479999999</v>
      </c>
      <c r="Z3074">
        <v>12953.95182</v>
      </c>
      <c r="AA3074">
        <v>48165.392099999997</v>
      </c>
      <c r="AB3074">
        <v>34260.302199999998</v>
      </c>
      <c r="AC3074">
        <v>34485.747640000001</v>
      </c>
      <c r="AD3074">
        <v>20357.130789999999</v>
      </c>
      <c r="AE3074">
        <v>34556.496529999997</v>
      </c>
      <c r="AF3074">
        <v>49915.290809999999</v>
      </c>
      <c r="AG3074">
        <v>17006.439320000001</v>
      </c>
      <c r="AH3074">
        <v>302811.14030000003</v>
      </c>
      <c r="AI3074">
        <v>74033.700259999998</v>
      </c>
      <c r="AJ3074">
        <v>18872.472320000001</v>
      </c>
      <c r="AK3074">
        <v>28251.219969999998</v>
      </c>
      <c r="AL3074">
        <v>84250.301359999998</v>
      </c>
      <c r="AM3074">
        <v>16615.873769999998</v>
      </c>
      <c r="AN3074">
        <v>72663.713650000005</v>
      </c>
      <c r="AO3074">
        <v>19799.750540000001</v>
      </c>
      <c r="AP3074">
        <v>13417.841560000001</v>
      </c>
    </row>
    <row r="3075" spans="2:42" x14ac:dyDescent="0.3">
      <c r="B3075">
        <v>58.415212757051059</v>
      </c>
      <c r="C3075" s="83">
        <v>43229.041666666664</v>
      </c>
      <c r="D3075">
        <v>236247.90210000001</v>
      </c>
      <c r="E3075">
        <v>12872.30508</v>
      </c>
      <c r="F3075">
        <v>47753.177470000002</v>
      </c>
      <c r="G3075">
        <v>33530.107320000003</v>
      </c>
      <c r="H3075">
        <v>34171.516929999998</v>
      </c>
      <c r="I3075">
        <v>16363.258030000001</v>
      </c>
      <c r="J3075">
        <v>33891.197289999996</v>
      </c>
      <c r="K3075">
        <v>46628.673849999999</v>
      </c>
      <c r="L3075">
        <v>16071.351140000001</v>
      </c>
      <c r="M3075">
        <v>297827.99609999999</v>
      </c>
      <c r="N3075">
        <v>72459.377429999993</v>
      </c>
      <c r="O3075">
        <v>19130.576560000001</v>
      </c>
      <c r="P3075">
        <v>27113.508839999999</v>
      </c>
      <c r="Q3075">
        <v>84181.047200000001</v>
      </c>
      <c r="R3075">
        <v>14899.70153</v>
      </c>
      <c r="S3075">
        <v>71650.227799999993</v>
      </c>
      <c r="T3075">
        <v>19525.286609999999</v>
      </c>
      <c r="U3075">
        <v>13897.1726</v>
      </c>
      <c r="W3075" s="83">
        <f>Bühler!N3107</f>
        <v>45420.041666659214</v>
      </c>
      <c r="X3075" s="83">
        <v>43229.041666666664</v>
      </c>
      <c r="Y3075">
        <v>236247.90210000001</v>
      </c>
      <c r="Z3075">
        <v>12872.30508</v>
      </c>
      <c r="AA3075">
        <v>47753.177470000002</v>
      </c>
      <c r="AB3075">
        <v>33530.107320000003</v>
      </c>
      <c r="AC3075">
        <v>34171.516929999998</v>
      </c>
      <c r="AD3075">
        <v>16363.258030000001</v>
      </c>
      <c r="AE3075">
        <v>33891.197289999996</v>
      </c>
      <c r="AF3075">
        <v>46628.673849999999</v>
      </c>
      <c r="AG3075">
        <v>16071.351140000001</v>
      </c>
      <c r="AH3075">
        <v>297827.99609999999</v>
      </c>
      <c r="AI3075">
        <v>72459.377429999993</v>
      </c>
      <c r="AJ3075">
        <v>19130.576560000001</v>
      </c>
      <c r="AK3075">
        <v>27113.508839999999</v>
      </c>
      <c r="AL3075">
        <v>84181.047200000001</v>
      </c>
      <c r="AM3075">
        <v>14899.70153</v>
      </c>
      <c r="AN3075">
        <v>71650.227799999993</v>
      </c>
      <c r="AO3075">
        <v>19525.286609999999</v>
      </c>
      <c r="AP3075">
        <v>13897.1726</v>
      </c>
    </row>
    <row r="3076" spans="2:42" x14ac:dyDescent="0.3">
      <c r="B3076">
        <v>58.801901119348614</v>
      </c>
      <c r="C3076" s="83">
        <v>43229.083333333336</v>
      </c>
      <c r="D3076">
        <v>237547.11439999999</v>
      </c>
      <c r="E3076">
        <v>12726.697539999999</v>
      </c>
      <c r="F3076">
        <v>48444.357179999999</v>
      </c>
      <c r="G3076">
        <v>32919.011639999997</v>
      </c>
      <c r="H3076">
        <v>34062.450960000002</v>
      </c>
      <c r="I3076">
        <v>14349.14489</v>
      </c>
      <c r="J3076">
        <v>33497.78759</v>
      </c>
      <c r="K3076">
        <v>45029.520929999999</v>
      </c>
      <c r="L3076">
        <v>16021.235710000001</v>
      </c>
      <c r="M3076">
        <v>299799.51370000001</v>
      </c>
      <c r="N3076">
        <v>70362.655929999994</v>
      </c>
      <c r="O3076">
        <v>19243.45105</v>
      </c>
      <c r="P3076">
        <v>24919.987059999999</v>
      </c>
      <c r="Q3076">
        <v>86495.106960000005</v>
      </c>
      <c r="R3076">
        <v>15982.423779999999</v>
      </c>
      <c r="S3076">
        <v>71303.171119999999</v>
      </c>
      <c r="T3076">
        <v>19275.436689999999</v>
      </c>
      <c r="U3076">
        <v>13904.41956</v>
      </c>
      <c r="W3076" s="83">
        <f>Bühler!N3108</f>
        <v>45420.083333325878</v>
      </c>
      <c r="X3076" s="83">
        <v>43229.083333333336</v>
      </c>
      <c r="Y3076">
        <v>237547.11439999999</v>
      </c>
      <c r="Z3076">
        <v>12726.697539999999</v>
      </c>
      <c r="AA3076">
        <v>48444.357179999999</v>
      </c>
      <c r="AB3076">
        <v>32919.011639999997</v>
      </c>
      <c r="AC3076">
        <v>34062.450960000002</v>
      </c>
      <c r="AD3076">
        <v>14349.14489</v>
      </c>
      <c r="AE3076">
        <v>33497.78759</v>
      </c>
      <c r="AF3076">
        <v>45029.520929999999</v>
      </c>
      <c r="AG3076">
        <v>16021.235710000001</v>
      </c>
      <c r="AH3076">
        <v>299799.51370000001</v>
      </c>
      <c r="AI3076">
        <v>70362.655929999994</v>
      </c>
      <c r="AJ3076">
        <v>19243.45105</v>
      </c>
      <c r="AK3076">
        <v>24919.987059999999</v>
      </c>
      <c r="AL3076">
        <v>86495.106960000005</v>
      </c>
      <c r="AM3076">
        <v>15982.423779999999</v>
      </c>
      <c r="AN3076">
        <v>71303.171119999999</v>
      </c>
      <c r="AO3076">
        <v>19275.436689999999</v>
      </c>
      <c r="AP3076">
        <v>13904.41956</v>
      </c>
    </row>
    <row r="3077" spans="2:42" x14ac:dyDescent="0.3">
      <c r="B3077">
        <v>59.780671315188712</v>
      </c>
      <c r="C3077" s="83">
        <v>43229.125</v>
      </c>
      <c r="D3077">
        <v>238498.4742</v>
      </c>
      <c r="E3077">
        <v>12761.716410000001</v>
      </c>
      <c r="F3077">
        <v>49731.89905</v>
      </c>
      <c r="G3077">
        <v>32424.777450000001</v>
      </c>
      <c r="H3077">
        <v>34158.769500000002</v>
      </c>
      <c r="I3077">
        <v>14233.82267</v>
      </c>
      <c r="J3077">
        <v>33852.483590000003</v>
      </c>
      <c r="K3077">
        <v>43970.950080000002</v>
      </c>
      <c r="L3077">
        <v>15587.355659999999</v>
      </c>
      <c r="M3077">
        <v>304789.74060000002</v>
      </c>
      <c r="N3077">
        <v>69898.547909999994</v>
      </c>
      <c r="O3077">
        <v>19189.98242</v>
      </c>
      <c r="P3077">
        <v>24634.02881</v>
      </c>
      <c r="Q3077">
        <v>89403.644109999994</v>
      </c>
      <c r="R3077">
        <v>15382.50812</v>
      </c>
      <c r="S3077">
        <v>70822.827050000007</v>
      </c>
      <c r="T3077">
        <v>19094.72913</v>
      </c>
      <c r="U3077">
        <v>13142.42412</v>
      </c>
      <c r="W3077" s="83">
        <f>Bühler!N3109</f>
        <v>45420.124999992542</v>
      </c>
      <c r="X3077" s="83">
        <v>43229.125</v>
      </c>
      <c r="Y3077">
        <v>238498.4742</v>
      </c>
      <c r="Z3077">
        <v>12761.716410000001</v>
      </c>
      <c r="AA3077">
        <v>49731.89905</v>
      </c>
      <c r="AB3077">
        <v>32424.777450000001</v>
      </c>
      <c r="AC3077">
        <v>34158.769500000002</v>
      </c>
      <c r="AD3077">
        <v>14233.82267</v>
      </c>
      <c r="AE3077">
        <v>33852.483590000003</v>
      </c>
      <c r="AF3077">
        <v>43970.950080000002</v>
      </c>
      <c r="AG3077">
        <v>15587.355659999999</v>
      </c>
      <c r="AH3077">
        <v>304789.74060000002</v>
      </c>
      <c r="AI3077">
        <v>69898.547909999994</v>
      </c>
      <c r="AJ3077">
        <v>19189.98242</v>
      </c>
      <c r="AK3077">
        <v>24634.02881</v>
      </c>
      <c r="AL3077">
        <v>89403.644109999994</v>
      </c>
      <c r="AM3077">
        <v>15382.50812</v>
      </c>
      <c r="AN3077">
        <v>70822.827050000007</v>
      </c>
      <c r="AO3077">
        <v>19094.72913</v>
      </c>
      <c r="AP3077">
        <v>13142.42412</v>
      </c>
    </row>
    <row r="3078" spans="2:42" x14ac:dyDescent="0.3">
      <c r="B3078">
        <v>61.071989068102368</v>
      </c>
      <c r="C3078" s="83">
        <v>43229.166666666664</v>
      </c>
      <c r="D3078">
        <v>241085.1508</v>
      </c>
      <c r="E3078">
        <v>13220.011409999999</v>
      </c>
      <c r="F3078">
        <v>52954.893450000003</v>
      </c>
      <c r="G3078">
        <v>31826.019939999998</v>
      </c>
      <c r="H3078">
        <v>34834.596039999997</v>
      </c>
      <c r="I3078">
        <v>16485.810949999999</v>
      </c>
      <c r="J3078">
        <v>35724.822670000001</v>
      </c>
      <c r="K3078">
        <v>44213.873249999997</v>
      </c>
      <c r="L3078">
        <v>15474.92598</v>
      </c>
      <c r="M3078">
        <v>311373.48070000001</v>
      </c>
      <c r="N3078">
        <v>69408.458849999995</v>
      </c>
      <c r="O3078">
        <v>19830.261030000001</v>
      </c>
      <c r="P3078">
        <v>23631.276880000001</v>
      </c>
      <c r="Q3078">
        <v>93018.030979999996</v>
      </c>
      <c r="R3078">
        <v>15916.69751</v>
      </c>
      <c r="S3078">
        <v>71597.971569999994</v>
      </c>
      <c r="T3078">
        <v>19216.240829999999</v>
      </c>
      <c r="U3078">
        <v>13824.76892</v>
      </c>
      <c r="W3078" s="83">
        <f>Bühler!N3110</f>
        <v>45420.166666659206</v>
      </c>
      <c r="X3078" s="83">
        <v>43229.166666666664</v>
      </c>
      <c r="Y3078">
        <v>241085.1508</v>
      </c>
      <c r="Z3078">
        <v>13220.011409999999</v>
      </c>
      <c r="AA3078">
        <v>52954.893450000003</v>
      </c>
      <c r="AB3078">
        <v>31826.019939999998</v>
      </c>
      <c r="AC3078">
        <v>34834.596039999997</v>
      </c>
      <c r="AD3078">
        <v>16485.810949999999</v>
      </c>
      <c r="AE3078">
        <v>35724.822670000001</v>
      </c>
      <c r="AF3078">
        <v>44213.873249999997</v>
      </c>
      <c r="AG3078">
        <v>15474.92598</v>
      </c>
      <c r="AH3078">
        <v>311373.48070000001</v>
      </c>
      <c r="AI3078">
        <v>69408.458849999995</v>
      </c>
      <c r="AJ3078">
        <v>19830.261030000001</v>
      </c>
      <c r="AK3078">
        <v>23631.276880000001</v>
      </c>
      <c r="AL3078">
        <v>93018.030979999996</v>
      </c>
      <c r="AM3078">
        <v>15916.69751</v>
      </c>
      <c r="AN3078">
        <v>71597.971569999994</v>
      </c>
      <c r="AO3078">
        <v>19216.240829999999</v>
      </c>
      <c r="AP3078">
        <v>13824.76892</v>
      </c>
    </row>
    <row r="3079" spans="2:42" x14ac:dyDescent="0.3">
      <c r="B3079">
        <v>64.361412627102894</v>
      </c>
      <c r="C3079" s="83">
        <v>43229.208333333336</v>
      </c>
      <c r="D3079">
        <v>255358.29190000001</v>
      </c>
      <c r="E3079">
        <v>15075.577730000001</v>
      </c>
      <c r="F3079">
        <v>63381.712879999999</v>
      </c>
      <c r="G3079">
        <v>33535.155659999997</v>
      </c>
      <c r="H3079">
        <v>36727.261339999997</v>
      </c>
      <c r="I3079">
        <v>23574.763180000002</v>
      </c>
      <c r="J3079">
        <v>38821.965270000001</v>
      </c>
      <c r="K3079">
        <v>44850.448799999998</v>
      </c>
      <c r="L3079">
        <v>16314.643239999999</v>
      </c>
      <c r="M3079">
        <v>328144.49599999998</v>
      </c>
      <c r="N3079">
        <v>69966.910369999998</v>
      </c>
      <c r="O3079">
        <v>20343.440129999999</v>
      </c>
      <c r="P3079">
        <v>25229.837909999998</v>
      </c>
      <c r="Q3079">
        <v>95621.914709999997</v>
      </c>
      <c r="R3079">
        <v>18017.414260000001</v>
      </c>
      <c r="S3079">
        <v>73088.725959999996</v>
      </c>
      <c r="T3079">
        <v>20436.08959</v>
      </c>
      <c r="U3079">
        <v>15873.857889999999</v>
      </c>
      <c r="W3079" s="83">
        <f>Bühler!N3111</f>
        <v>45420.208333325871</v>
      </c>
      <c r="X3079" s="83">
        <v>43229.208333333336</v>
      </c>
      <c r="Y3079">
        <v>255358.29190000001</v>
      </c>
      <c r="Z3079">
        <v>15075.577730000001</v>
      </c>
      <c r="AA3079">
        <v>63381.712879999999</v>
      </c>
      <c r="AB3079">
        <v>33535.155659999997</v>
      </c>
      <c r="AC3079">
        <v>36727.261339999997</v>
      </c>
      <c r="AD3079">
        <v>23574.763180000002</v>
      </c>
      <c r="AE3079">
        <v>38821.965270000001</v>
      </c>
      <c r="AF3079">
        <v>44850.448799999998</v>
      </c>
      <c r="AG3079">
        <v>16314.643239999999</v>
      </c>
      <c r="AH3079">
        <v>328144.49599999998</v>
      </c>
      <c r="AI3079">
        <v>69966.910369999998</v>
      </c>
      <c r="AJ3079">
        <v>20343.440129999999</v>
      </c>
      <c r="AK3079">
        <v>25229.837909999998</v>
      </c>
      <c r="AL3079">
        <v>95621.914709999997</v>
      </c>
      <c r="AM3079">
        <v>18017.414260000001</v>
      </c>
      <c r="AN3079">
        <v>73088.725959999996</v>
      </c>
      <c r="AO3079">
        <v>20436.08959</v>
      </c>
      <c r="AP3079">
        <v>15873.857889999999</v>
      </c>
    </row>
    <row r="3080" spans="2:42" x14ac:dyDescent="0.3">
      <c r="B3080">
        <v>66.833035828045027</v>
      </c>
      <c r="C3080" s="83">
        <v>43229.25</v>
      </c>
      <c r="D3080">
        <v>269911.99589999998</v>
      </c>
      <c r="E3080">
        <v>19140.431970000001</v>
      </c>
      <c r="F3080">
        <v>73720.274080000003</v>
      </c>
      <c r="G3080">
        <v>42617.338389999997</v>
      </c>
      <c r="H3080">
        <v>39062.352480000001</v>
      </c>
      <c r="I3080">
        <v>31000.783439999999</v>
      </c>
      <c r="J3080">
        <v>41626.276989999998</v>
      </c>
      <c r="K3080">
        <v>45991.254760000003</v>
      </c>
      <c r="L3080">
        <v>17604.788380000002</v>
      </c>
      <c r="M3080">
        <v>340745.98369999998</v>
      </c>
      <c r="N3080">
        <v>71572.830669999996</v>
      </c>
      <c r="O3080">
        <v>22326.123530000001</v>
      </c>
      <c r="P3080">
        <v>26716.58078</v>
      </c>
      <c r="Q3080">
        <v>96881.603409999996</v>
      </c>
      <c r="R3080">
        <v>16521.210739999999</v>
      </c>
      <c r="S3080">
        <v>80467.527960000007</v>
      </c>
      <c r="T3080">
        <v>23190.798419999999</v>
      </c>
      <c r="U3080">
        <v>17986.028989999999</v>
      </c>
      <c r="W3080" s="83">
        <f>Bühler!N3112</f>
        <v>45420.249999992535</v>
      </c>
      <c r="X3080" s="83">
        <v>43229.25</v>
      </c>
      <c r="Y3080">
        <v>269911.99589999998</v>
      </c>
      <c r="Z3080">
        <v>19140.431970000001</v>
      </c>
      <c r="AA3080">
        <v>73720.274080000003</v>
      </c>
      <c r="AB3080">
        <v>42617.338389999997</v>
      </c>
      <c r="AC3080">
        <v>39062.352480000001</v>
      </c>
      <c r="AD3080">
        <v>31000.783439999999</v>
      </c>
      <c r="AE3080">
        <v>41626.276989999998</v>
      </c>
      <c r="AF3080">
        <v>45991.254760000003</v>
      </c>
      <c r="AG3080">
        <v>17604.788380000002</v>
      </c>
      <c r="AH3080">
        <v>340745.98369999998</v>
      </c>
      <c r="AI3080">
        <v>71572.830669999996</v>
      </c>
      <c r="AJ3080">
        <v>22326.123530000001</v>
      </c>
      <c r="AK3080">
        <v>26716.58078</v>
      </c>
      <c r="AL3080">
        <v>96881.603409999996</v>
      </c>
      <c r="AM3080">
        <v>16521.210739999999</v>
      </c>
      <c r="AN3080">
        <v>80467.527960000007</v>
      </c>
      <c r="AO3080">
        <v>23190.798419999999</v>
      </c>
      <c r="AP3080">
        <v>17986.028989999999</v>
      </c>
    </row>
    <row r="3081" spans="2:42" x14ac:dyDescent="0.3">
      <c r="B3081">
        <v>67.932364787790632</v>
      </c>
      <c r="C3081" s="83">
        <v>43229.291666666664</v>
      </c>
      <c r="D3081">
        <v>280681.3946</v>
      </c>
      <c r="E3081">
        <v>23224.895270000001</v>
      </c>
      <c r="F3081">
        <v>76364.514609999998</v>
      </c>
      <c r="G3081">
        <v>50715.18447</v>
      </c>
      <c r="H3081">
        <v>43714.786540000001</v>
      </c>
      <c r="I3081">
        <v>37373.932659999999</v>
      </c>
      <c r="J3081">
        <v>42171.55818</v>
      </c>
      <c r="K3081">
        <v>50240.374430000003</v>
      </c>
      <c r="L3081">
        <v>20286.047729999998</v>
      </c>
      <c r="M3081">
        <v>346350.87540000002</v>
      </c>
      <c r="N3081">
        <v>76899.753970000005</v>
      </c>
      <c r="O3081">
        <v>23453.447240000001</v>
      </c>
      <c r="P3081">
        <v>29139.648819999999</v>
      </c>
      <c r="Q3081">
        <v>96728.590219999998</v>
      </c>
      <c r="R3081">
        <v>17030.09432</v>
      </c>
      <c r="S3081">
        <v>92708.682809999998</v>
      </c>
      <c r="T3081">
        <v>25730.75791</v>
      </c>
      <c r="U3081">
        <v>21273.598999999998</v>
      </c>
      <c r="W3081" s="83">
        <f>Bühler!N3113</f>
        <v>45420.291666659199</v>
      </c>
      <c r="X3081" s="83">
        <v>43229.291666666664</v>
      </c>
      <c r="Y3081">
        <v>280681.3946</v>
      </c>
      <c r="Z3081">
        <v>23224.895270000001</v>
      </c>
      <c r="AA3081">
        <v>76364.514609999998</v>
      </c>
      <c r="AB3081">
        <v>50715.18447</v>
      </c>
      <c r="AC3081">
        <v>43714.786540000001</v>
      </c>
      <c r="AD3081">
        <v>37373.932659999999</v>
      </c>
      <c r="AE3081">
        <v>42171.55818</v>
      </c>
      <c r="AF3081">
        <v>50240.374430000003</v>
      </c>
      <c r="AG3081">
        <v>20286.047729999998</v>
      </c>
      <c r="AH3081">
        <v>346350.87540000002</v>
      </c>
      <c r="AI3081">
        <v>76899.753970000005</v>
      </c>
      <c r="AJ3081">
        <v>23453.447240000001</v>
      </c>
      <c r="AK3081">
        <v>29139.648819999999</v>
      </c>
      <c r="AL3081">
        <v>96728.590219999998</v>
      </c>
      <c r="AM3081">
        <v>17030.09432</v>
      </c>
      <c r="AN3081">
        <v>92708.682809999998</v>
      </c>
      <c r="AO3081">
        <v>25730.75791</v>
      </c>
      <c r="AP3081">
        <v>21273.598999999998</v>
      </c>
    </row>
    <row r="3082" spans="2:42" x14ac:dyDescent="0.3">
      <c r="B3082">
        <v>69.844211242436671</v>
      </c>
      <c r="C3082" s="83">
        <v>43229.333333333336</v>
      </c>
      <c r="D3082">
        <v>291712.27309999999</v>
      </c>
      <c r="E3082">
        <v>28634.5039</v>
      </c>
      <c r="F3082">
        <v>83591.889030000006</v>
      </c>
      <c r="G3082">
        <v>62016.806879999996</v>
      </c>
      <c r="H3082">
        <v>47473.888650000001</v>
      </c>
      <c r="I3082">
        <v>40223.629699999998</v>
      </c>
      <c r="J3082">
        <v>44146.017290000003</v>
      </c>
      <c r="K3082">
        <v>56496.918140000002</v>
      </c>
      <c r="L3082">
        <v>23355.562760000001</v>
      </c>
      <c r="M3082">
        <v>356098.3602</v>
      </c>
      <c r="N3082">
        <v>83049.068249999997</v>
      </c>
      <c r="O3082">
        <v>24673.455460000001</v>
      </c>
      <c r="P3082">
        <v>31900.595700000002</v>
      </c>
      <c r="Q3082">
        <v>97466.169020000001</v>
      </c>
      <c r="R3082">
        <v>19879.26815</v>
      </c>
      <c r="S3082">
        <v>102385.6715</v>
      </c>
      <c r="T3082">
        <v>30297.854360000001</v>
      </c>
      <c r="U3082">
        <v>24046.502140000001</v>
      </c>
      <c r="W3082" s="83">
        <f>Bühler!N3114</f>
        <v>45420.333333325863</v>
      </c>
      <c r="X3082" s="83">
        <v>43229.333333333336</v>
      </c>
      <c r="Y3082">
        <v>291712.27309999999</v>
      </c>
      <c r="Z3082">
        <v>28634.5039</v>
      </c>
      <c r="AA3082">
        <v>83591.889030000006</v>
      </c>
      <c r="AB3082">
        <v>62016.806879999996</v>
      </c>
      <c r="AC3082">
        <v>47473.888650000001</v>
      </c>
      <c r="AD3082">
        <v>40223.629699999998</v>
      </c>
      <c r="AE3082">
        <v>44146.017290000003</v>
      </c>
      <c r="AF3082">
        <v>56496.918140000002</v>
      </c>
      <c r="AG3082">
        <v>23355.562760000001</v>
      </c>
      <c r="AH3082">
        <v>356098.3602</v>
      </c>
      <c r="AI3082">
        <v>83049.068249999997</v>
      </c>
      <c r="AJ3082">
        <v>24673.455460000001</v>
      </c>
      <c r="AK3082">
        <v>31900.595700000002</v>
      </c>
      <c r="AL3082">
        <v>97466.169020000001</v>
      </c>
      <c r="AM3082">
        <v>19879.26815</v>
      </c>
      <c r="AN3082">
        <v>102385.6715</v>
      </c>
      <c r="AO3082">
        <v>30297.854360000001</v>
      </c>
      <c r="AP3082">
        <v>24046.502140000001</v>
      </c>
    </row>
    <row r="3083" spans="2:42" x14ac:dyDescent="0.3">
      <c r="B3083">
        <v>70.349111211828756</v>
      </c>
      <c r="C3083" s="83">
        <v>43229.375</v>
      </c>
      <c r="D3083">
        <v>293119.12329999998</v>
      </c>
      <c r="E3083">
        <v>32504.573260000001</v>
      </c>
      <c r="F3083">
        <v>90078.477350000001</v>
      </c>
      <c r="G3083">
        <v>67595.835919999998</v>
      </c>
      <c r="H3083">
        <v>49708.736490000003</v>
      </c>
      <c r="I3083">
        <v>38101.022440000001</v>
      </c>
      <c r="J3083">
        <v>41242.126219999998</v>
      </c>
      <c r="K3083">
        <v>59429.746249999997</v>
      </c>
      <c r="L3083">
        <v>26338.451819999998</v>
      </c>
      <c r="M3083">
        <v>358672.57569999999</v>
      </c>
      <c r="N3083">
        <v>88161.814480000001</v>
      </c>
      <c r="O3083">
        <v>25396.046129999999</v>
      </c>
      <c r="P3083">
        <v>33279.904600000002</v>
      </c>
      <c r="Q3083">
        <v>98797.110159999997</v>
      </c>
      <c r="R3083">
        <v>20965.511310000002</v>
      </c>
      <c r="S3083">
        <v>107610.5895</v>
      </c>
      <c r="T3083">
        <v>32083.7991</v>
      </c>
      <c r="U3083">
        <v>25081.279050000001</v>
      </c>
      <c r="W3083" s="83">
        <f>Bühler!N3115</f>
        <v>45420.374999992528</v>
      </c>
      <c r="X3083" s="83">
        <v>43229.375</v>
      </c>
      <c r="Y3083">
        <v>293119.12329999998</v>
      </c>
      <c r="Z3083">
        <v>32504.573260000001</v>
      </c>
      <c r="AA3083">
        <v>90078.477350000001</v>
      </c>
      <c r="AB3083">
        <v>67595.835919999998</v>
      </c>
      <c r="AC3083">
        <v>49708.736490000003</v>
      </c>
      <c r="AD3083">
        <v>38101.022440000001</v>
      </c>
      <c r="AE3083">
        <v>41242.126219999998</v>
      </c>
      <c r="AF3083">
        <v>59429.746249999997</v>
      </c>
      <c r="AG3083">
        <v>26338.451819999998</v>
      </c>
      <c r="AH3083">
        <v>358672.57569999999</v>
      </c>
      <c r="AI3083">
        <v>88161.814480000001</v>
      </c>
      <c r="AJ3083">
        <v>25396.046129999999</v>
      </c>
      <c r="AK3083">
        <v>33279.904600000002</v>
      </c>
      <c r="AL3083">
        <v>98797.110159999997</v>
      </c>
      <c r="AM3083">
        <v>20965.511310000002</v>
      </c>
      <c r="AN3083">
        <v>107610.5895</v>
      </c>
      <c r="AO3083">
        <v>32083.7991</v>
      </c>
      <c r="AP3083">
        <v>25081.279050000001</v>
      </c>
    </row>
    <row r="3084" spans="2:42" x14ac:dyDescent="0.3">
      <c r="B3084">
        <v>71.038591923130596</v>
      </c>
      <c r="C3084" s="83">
        <v>43229.416666666664</v>
      </c>
      <c r="D3084">
        <v>296163.28159999999</v>
      </c>
      <c r="E3084">
        <v>34262.617230000003</v>
      </c>
      <c r="F3084">
        <v>92026.955069999996</v>
      </c>
      <c r="G3084">
        <v>67994.651800000007</v>
      </c>
      <c r="H3084">
        <v>49871.192470000002</v>
      </c>
      <c r="I3084">
        <v>36250.002130000001</v>
      </c>
      <c r="J3084">
        <v>40511.935319999997</v>
      </c>
      <c r="K3084">
        <v>61560.440869999999</v>
      </c>
      <c r="L3084">
        <v>29786.722600000001</v>
      </c>
      <c r="M3084">
        <v>362187.86989999999</v>
      </c>
      <c r="N3084">
        <v>90678.877850000004</v>
      </c>
      <c r="O3084">
        <v>25582.76136</v>
      </c>
      <c r="P3084">
        <v>33083.791969999998</v>
      </c>
      <c r="Q3084">
        <v>100096.67019999999</v>
      </c>
      <c r="R3084">
        <v>21284.414540000002</v>
      </c>
      <c r="S3084">
        <v>111749.6335</v>
      </c>
      <c r="T3084">
        <v>33830.373659999997</v>
      </c>
      <c r="U3084">
        <v>24731.008849999998</v>
      </c>
      <c r="W3084" s="83">
        <f>Bühler!N3116</f>
        <v>45420.416666659192</v>
      </c>
      <c r="X3084" s="83">
        <v>43229.416666666664</v>
      </c>
      <c r="Y3084">
        <v>296163.28159999999</v>
      </c>
      <c r="Z3084">
        <v>34262.617230000003</v>
      </c>
      <c r="AA3084">
        <v>92026.955069999996</v>
      </c>
      <c r="AB3084">
        <v>67994.651800000007</v>
      </c>
      <c r="AC3084">
        <v>49871.192470000002</v>
      </c>
      <c r="AD3084">
        <v>36250.002130000001</v>
      </c>
      <c r="AE3084">
        <v>40511.935319999997</v>
      </c>
      <c r="AF3084">
        <v>61560.440869999999</v>
      </c>
      <c r="AG3084">
        <v>29786.722600000001</v>
      </c>
      <c r="AH3084">
        <v>362187.86989999999</v>
      </c>
      <c r="AI3084">
        <v>90678.877850000004</v>
      </c>
      <c r="AJ3084">
        <v>25582.76136</v>
      </c>
      <c r="AK3084">
        <v>33083.791969999998</v>
      </c>
      <c r="AL3084">
        <v>100096.67019999999</v>
      </c>
      <c r="AM3084">
        <v>21284.414540000002</v>
      </c>
      <c r="AN3084">
        <v>111749.6335</v>
      </c>
      <c r="AO3084">
        <v>33830.373659999997</v>
      </c>
      <c r="AP3084">
        <v>24731.008849999998</v>
      </c>
    </row>
    <row r="3085" spans="2:42" x14ac:dyDescent="0.3">
      <c r="B3085">
        <v>71.204352103411765</v>
      </c>
      <c r="C3085" s="83">
        <v>43229.458333333336</v>
      </c>
      <c r="D3085">
        <v>296254.91639999999</v>
      </c>
      <c r="E3085">
        <v>34366.44889</v>
      </c>
      <c r="F3085">
        <v>92790.974400000006</v>
      </c>
      <c r="G3085">
        <v>67158.174069999994</v>
      </c>
      <c r="H3085">
        <v>49602.687839999999</v>
      </c>
      <c r="I3085">
        <v>35388.411890000003</v>
      </c>
      <c r="J3085">
        <v>42548.250979999997</v>
      </c>
      <c r="K3085">
        <v>62240.61823</v>
      </c>
      <c r="L3085">
        <v>31745.725009999998</v>
      </c>
      <c r="M3085">
        <v>363032.9926</v>
      </c>
      <c r="N3085">
        <v>89369.482019999996</v>
      </c>
      <c r="O3085">
        <v>25556.660199999998</v>
      </c>
      <c r="P3085">
        <v>32820.166770000003</v>
      </c>
      <c r="Q3085">
        <v>100342.3015</v>
      </c>
      <c r="R3085">
        <v>23147.133000000002</v>
      </c>
      <c r="S3085">
        <v>113807.7686</v>
      </c>
      <c r="T3085">
        <v>33847.202940000003</v>
      </c>
      <c r="U3085">
        <v>23140.127860000001</v>
      </c>
      <c r="W3085" s="83">
        <f>Bühler!N3117</f>
        <v>45420.458333325856</v>
      </c>
      <c r="X3085" s="83">
        <v>43229.458333333336</v>
      </c>
      <c r="Y3085">
        <v>296254.91639999999</v>
      </c>
      <c r="Z3085">
        <v>34366.44889</v>
      </c>
      <c r="AA3085">
        <v>92790.974400000006</v>
      </c>
      <c r="AB3085">
        <v>67158.174069999994</v>
      </c>
      <c r="AC3085">
        <v>49602.687839999999</v>
      </c>
      <c r="AD3085">
        <v>35388.411890000003</v>
      </c>
      <c r="AE3085">
        <v>42548.250979999997</v>
      </c>
      <c r="AF3085">
        <v>62240.61823</v>
      </c>
      <c r="AG3085">
        <v>31745.725009999998</v>
      </c>
      <c r="AH3085">
        <v>363032.9926</v>
      </c>
      <c r="AI3085">
        <v>89369.482019999996</v>
      </c>
      <c r="AJ3085">
        <v>25556.660199999998</v>
      </c>
      <c r="AK3085">
        <v>32820.166770000003</v>
      </c>
      <c r="AL3085">
        <v>100342.3015</v>
      </c>
      <c r="AM3085">
        <v>23147.133000000002</v>
      </c>
      <c r="AN3085">
        <v>113807.7686</v>
      </c>
      <c r="AO3085">
        <v>33847.202940000003</v>
      </c>
      <c r="AP3085">
        <v>23140.127860000001</v>
      </c>
    </row>
    <row r="3086" spans="2:42" x14ac:dyDescent="0.3">
      <c r="B3086">
        <v>69.958139306493919</v>
      </c>
      <c r="C3086" s="83">
        <v>43229.5</v>
      </c>
      <c r="D3086">
        <v>284193.16450000001</v>
      </c>
      <c r="E3086">
        <v>31092.521000000001</v>
      </c>
      <c r="F3086">
        <v>87117.658290000007</v>
      </c>
      <c r="G3086">
        <v>63103.917549999998</v>
      </c>
      <c r="H3086">
        <v>47704.231870000003</v>
      </c>
      <c r="I3086">
        <v>34399.746679999997</v>
      </c>
      <c r="J3086">
        <v>44203.345070000003</v>
      </c>
      <c r="K3086">
        <v>58485.031150000003</v>
      </c>
      <c r="L3086">
        <v>33833.463620000002</v>
      </c>
      <c r="M3086">
        <v>356679.21860000002</v>
      </c>
      <c r="N3086">
        <v>87506.015799999994</v>
      </c>
      <c r="O3086">
        <v>24887.549159999999</v>
      </c>
      <c r="P3086">
        <v>34110.037120000001</v>
      </c>
      <c r="Q3086">
        <v>99625.707810000007</v>
      </c>
      <c r="R3086">
        <v>23399.136450000002</v>
      </c>
      <c r="S3086">
        <v>108313.02499999999</v>
      </c>
      <c r="T3086">
        <v>33577.145600000003</v>
      </c>
      <c r="U3086">
        <v>18962.101320000002</v>
      </c>
      <c r="W3086" s="83">
        <f>Bühler!N3118</f>
        <v>45420.49999999252</v>
      </c>
      <c r="X3086" s="83">
        <v>43229.5</v>
      </c>
      <c r="Y3086">
        <v>284193.16450000001</v>
      </c>
      <c r="Z3086">
        <v>31092.521000000001</v>
      </c>
      <c r="AA3086">
        <v>87117.658290000007</v>
      </c>
      <c r="AB3086">
        <v>63103.917549999998</v>
      </c>
      <c r="AC3086">
        <v>47704.231870000003</v>
      </c>
      <c r="AD3086">
        <v>34399.746679999997</v>
      </c>
      <c r="AE3086">
        <v>44203.345070000003</v>
      </c>
      <c r="AF3086">
        <v>58485.031150000003</v>
      </c>
      <c r="AG3086">
        <v>33833.463620000002</v>
      </c>
      <c r="AH3086">
        <v>356679.21860000002</v>
      </c>
      <c r="AI3086">
        <v>87506.015799999994</v>
      </c>
      <c r="AJ3086">
        <v>24887.549159999999</v>
      </c>
      <c r="AK3086">
        <v>34110.037120000001</v>
      </c>
      <c r="AL3086">
        <v>99625.707810000007</v>
      </c>
      <c r="AM3086">
        <v>23399.136450000002</v>
      </c>
      <c r="AN3086">
        <v>108313.02499999999</v>
      </c>
      <c r="AO3086">
        <v>33577.145600000003</v>
      </c>
      <c r="AP3086">
        <v>18962.101320000002</v>
      </c>
    </row>
    <row r="3087" spans="2:42" x14ac:dyDescent="0.3">
      <c r="B3087">
        <v>69.365945321578451</v>
      </c>
      <c r="C3087" s="83">
        <v>43229.541666666664</v>
      </c>
      <c r="D3087">
        <v>284656.16330000001</v>
      </c>
      <c r="E3087">
        <v>31489.239269999998</v>
      </c>
      <c r="F3087">
        <v>84420.570890000003</v>
      </c>
      <c r="G3087">
        <v>58816.529340000001</v>
      </c>
      <c r="H3087">
        <v>48054.837160000003</v>
      </c>
      <c r="I3087">
        <v>34516.973610000001</v>
      </c>
      <c r="J3087">
        <v>43292.068180000002</v>
      </c>
      <c r="K3087">
        <v>59738.226320000002</v>
      </c>
      <c r="L3087">
        <v>32199.0573</v>
      </c>
      <c r="M3087">
        <v>353659.9375</v>
      </c>
      <c r="N3087">
        <v>86376.338029999999</v>
      </c>
      <c r="O3087">
        <v>25939.107039999999</v>
      </c>
      <c r="P3087">
        <v>33216.777280000002</v>
      </c>
      <c r="Q3087">
        <v>98196.628490000003</v>
      </c>
      <c r="R3087">
        <v>22477.336609999998</v>
      </c>
      <c r="S3087">
        <v>107231.14539999999</v>
      </c>
      <c r="T3087">
        <v>32371.119500000001</v>
      </c>
      <c r="U3087">
        <v>20642.19803</v>
      </c>
      <c r="W3087" s="83">
        <f>Bühler!N3119</f>
        <v>45420.541666659185</v>
      </c>
      <c r="X3087" s="83">
        <v>43229.541666666664</v>
      </c>
      <c r="Y3087">
        <v>284656.16330000001</v>
      </c>
      <c r="Z3087">
        <v>31489.239269999998</v>
      </c>
      <c r="AA3087">
        <v>84420.570890000003</v>
      </c>
      <c r="AB3087">
        <v>58816.529340000001</v>
      </c>
      <c r="AC3087">
        <v>48054.837160000003</v>
      </c>
      <c r="AD3087">
        <v>34516.973610000001</v>
      </c>
      <c r="AE3087">
        <v>43292.068180000002</v>
      </c>
      <c r="AF3087">
        <v>59738.226320000002</v>
      </c>
      <c r="AG3087">
        <v>32199.0573</v>
      </c>
      <c r="AH3087">
        <v>353659.9375</v>
      </c>
      <c r="AI3087">
        <v>86376.338029999999</v>
      </c>
      <c r="AJ3087">
        <v>25939.107039999999</v>
      </c>
      <c r="AK3087">
        <v>33216.777280000002</v>
      </c>
      <c r="AL3087">
        <v>98196.628490000003</v>
      </c>
      <c r="AM3087">
        <v>22477.336609999998</v>
      </c>
      <c r="AN3087">
        <v>107231.14539999999</v>
      </c>
      <c r="AO3087">
        <v>32371.119500000001</v>
      </c>
      <c r="AP3087">
        <v>20642.19803</v>
      </c>
    </row>
    <row r="3088" spans="2:42" x14ac:dyDescent="0.3">
      <c r="B3088">
        <v>69.534160259655508</v>
      </c>
      <c r="C3088" s="83">
        <v>43229.583333333336</v>
      </c>
      <c r="D3088">
        <v>288169.91859999998</v>
      </c>
      <c r="E3088">
        <v>34029.629999999997</v>
      </c>
      <c r="F3088">
        <v>92298.143129999997</v>
      </c>
      <c r="G3088">
        <v>56125.349670000003</v>
      </c>
      <c r="H3088">
        <v>48525.042249999999</v>
      </c>
      <c r="I3088">
        <v>34733.71817</v>
      </c>
      <c r="J3088">
        <v>42304.568429999999</v>
      </c>
      <c r="K3088">
        <v>62246.938040000001</v>
      </c>
      <c r="L3088">
        <v>28907.647809999999</v>
      </c>
      <c r="M3088">
        <v>354517.57569999999</v>
      </c>
      <c r="N3088">
        <v>88329.15148</v>
      </c>
      <c r="O3088">
        <v>25581.82228</v>
      </c>
      <c r="P3088">
        <v>29892.436849999998</v>
      </c>
      <c r="Q3088">
        <v>97978.29118</v>
      </c>
      <c r="R3088">
        <v>22541.839120000001</v>
      </c>
      <c r="S3088">
        <v>102460.9412</v>
      </c>
      <c r="T3088">
        <v>32094.905350000001</v>
      </c>
      <c r="U3088">
        <v>21834.667679999999</v>
      </c>
      <c r="W3088" s="83">
        <f>Bühler!N3120</f>
        <v>45420.583333325849</v>
      </c>
      <c r="X3088" s="83">
        <v>43229.583333333336</v>
      </c>
      <c r="Y3088">
        <v>288169.91859999998</v>
      </c>
      <c r="Z3088">
        <v>34029.629999999997</v>
      </c>
      <c r="AA3088">
        <v>92298.143129999997</v>
      </c>
      <c r="AB3088">
        <v>56125.349670000003</v>
      </c>
      <c r="AC3088">
        <v>48525.042249999999</v>
      </c>
      <c r="AD3088">
        <v>34733.71817</v>
      </c>
      <c r="AE3088">
        <v>42304.568429999999</v>
      </c>
      <c r="AF3088">
        <v>62246.938040000001</v>
      </c>
      <c r="AG3088">
        <v>28907.647809999999</v>
      </c>
      <c r="AH3088">
        <v>354517.57569999999</v>
      </c>
      <c r="AI3088">
        <v>88329.15148</v>
      </c>
      <c r="AJ3088">
        <v>25581.82228</v>
      </c>
      <c r="AK3088">
        <v>29892.436849999998</v>
      </c>
      <c r="AL3088">
        <v>97978.29118</v>
      </c>
      <c r="AM3088">
        <v>22541.839120000001</v>
      </c>
      <c r="AN3088">
        <v>102460.9412</v>
      </c>
      <c r="AO3088">
        <v>32094.905350000001</v>
      </c>
      <c r="AP3088">
        <v>21834.667679999999</v>
      </c>
    </row>
    <row r="3089" spans="2:42" x14ac:dyDescent="0.3">
      <c r="B3089">
        <v>69.930532808664992</v>
      </c>
      <c r="C3089" s="83">
        <v>43229.625</v>
      </c>
      <c r="D3089">
        <v>285649.81290000002</v>
      </c>
      <c r="E3089">
        <v>33922.649510000003</v>
      </c>
      <c r="F3089">
        <v>94971.426189999998</v>
      </c>
      <c r="G3089">
        <v>54263.597070000003</v>
      </c>
      <c r="H3089">
        <v>47324.935219999999</v>
      </c>
      <c r="I3089">
        <v>34756.311719999998</v>
      </c>
      <c r="J3089">
        <v>41808.832920000001</v>
      </c>
      <c r="K3089">
        <v>61588.202169999997</v>
      </c>
      <c r="L3089">
        <v>26225.62415</v>
      </c>
      <c r="M3089">
        <v>356538.46779999998</v>
      </c>
      <c r="N3089">
        <v>84374.292350000003</v>
      </c>
      <c r="O3089">
        <v>24871.665229999999</v>
      </c>
      <c r="P3089">
        <v>27339.045709999999</v>
      </c>
      <c r="Q3089">
        <v>96945.42065</v>
      </c>
      <c r="R3089">
        <v>21660.78717</v>
      </c>
      <c r="S3089">
        <v>101123.5122</v>
      </c>
      <c r="T3089">
        <v>31352.373179999999</v>
      </c>
      <c r="U3089">
        <v>20363.251769999999</v>
      </c>
      <c r="W3089" s="83">
        <f>Bühler!N3121</f>
        <v>45420.624999992513</v>
      </c>
      <c r="X3089" s="83">
        <v>43229.625</v>
      </c>
      <c r="Y3089">
        <v>285649.81290000002</v>
      </c>
      <c r="Z3089">
        <v>33922.649510000003</v>
      </c>
      <c r="AA3089">
        <v>94971.426189999998</v>
      </c>
      <c r="AB3089">
        <v>54263.597070000003</v>
      </c>
      <c r="AC3089">
        <v>47324.935219999999</v>
      </c>
      <c r="AD3089">
        <v>34756.311719999998</v>
      </c>
      <c r="AE3089">
        <v>41808.832920000001</v>
      </c>
      <c r="AF3089">
        <v>61588.202169999997</v>
      </c>
      <c r="AG3089">
        <v>26225.62415</v>
      </c>
      <c r="AH3089">
        <v>356538.46779999998</v>
      </c>
      <c r="AI3089">
        <v>84374.292350000003</v>
      </c>
      <c r="AJ3089">
        <v>24871.665229999999</v>
      </c>
      <c r="AK3089">
        <v>27339.045709999999</v>
      </c>
      <c r="AL3089">
        <v>96945.42065</v>
      </c>
      <c r="AM3089">
        <v>21660.78717</v>
      </c>
      <c r="AN3089">
        <v>101123.5122</v>
      </c>
      <c r="AO3089">
        <v>31352.373179999999</v>
      </c>
      <c r="AP3089">
        <v>20363.251769999999</v>
      </c>
    </row>
    <row r="3090" spans="2:42" x14ac:dyDescent="0.3">
      <c r="B3090">
        <v>68.298809984187344</v>
      </c>
      <c r="C3090" s="83">
        <v>43229.666666666664</v>
      </c>
      <c r="D3090">
        <v>278773.85920000001</v>
      </c>
      <c r="E3090">
        <v>33220.031069999997</v>
      </c>
      <c r="F3090">
        <v>94441.316080000004</v>
      </c>
      <c r="G3090">
        <v>50764.749170000003</v>
      </c>
      <c r="H3090">
        <v>45516.876459999999</v>
      </c>
      <c r="I3090">
        <v>35569.741199999997</v>
      </c>
      <c r="J3090">
        <v>41230.040829999998</v>
      </c>
      <c r="K3090">
        <v>57485.010730000002</v>
      </c>
      <c r="L3090">
        <v>25263.372299999999</v>
      </c>
      <c r="M3090">
        <v>348219.1839</v>
      </c>
      <c r="N3090">
        <v>82238.206659999996</v>
      </c>
      <c r="O3090">
        <v>25000.20103</v>
      </c>
      <c r="P3090">
        <v>26694.098379999999</v>
      </c>
      <c r="Q3090">
        <v>95787.289319999996</v>
      </c>
      <c r="R3090">
        <v>22203.768359999998</v>
      </c>
      <c r="S3090">
        <v>99123.603749999995</v>
      </c>
      <c r="T3090">
        <v>30127.926769999998</v>
      </c>
      <c r="U3090">
        <v>18190.449509999999</v>
      </c>
      <c r="W3090" s="83">
        <f>Bühler!N3122</f>
        <v>45420.666666659177</v>
      </c>
      <c r="X3090" s="83">
        <v>43229.666666666664</v>
      </c>
      <c r="Y3090">
        <v>278773.85920000001</v>
      </c>
      <c r="Z3090">
        <v>33220.031069999997</v>
      </c>
      <c r="AA3090">
        <v>94441.316080000004</v>
      </c>
      <c r="AB3090">
        <v>50764.749170000003</v>
      </c>
      <c r="AC3090">
        <v>45516.876459999999</v>
      </c>
      <c r="AD3090">
        <v>35569.741199999997</v>
      </c>
      <c r="AE3090">
        <v>41230.040829999998</v>
      </c>
      <c r="AF3090">
        <v>57485.010730000002</v>
      </c>
      <c r="AG3090">
        <v>25263.372299999999</v>
      </c>
      <c r="AH3090">
        <v>348219.1839</v>
      </c>
      <c r="AI3090">
        <v>82238.206659999996</v>
      </c>
      <c r="AJ3090">
        <v>25000.20103</v>
      </c>
      <c r="AK3090">
        <v>26694.098379999999</v>
      </c>
      <c r="AL3090">
        <v>95787.289319999996</v>
      </c>
      <c r="AM3090">
        <v>22203.768359999998</v>
      </c>
      <c r="AN3090">
        <v>99123.603749999995</v>
      </c>
      <c r="AO3090">
        <v>30127.926769999998</v>
      </c>
      <c r="AP3090">
        <v>18190.449509999999</v>
      </c>
    </row>
    <row r="3091" spans="2:42" x14ac:dyDescent="0.3">
      <c r="B3091">
        <v>66.881403529910727</v>
      </c>
      <c r="C3091" s="83">
        <v>43229.708333333336</v>
      </c>
      <c r="D3091">
        <v>266831.54210000002</v>
      </c>
      <c r="E3091">
        <v>31595.101299999998</v>
      </c>
      <c r="F3091">
        <v>92648.320330000002</v>
      </c>
      <c r="G3091">
        <v>45657.475290000002</v>
      </c>
      <c r="H3091">
        <v>43452.106670000001</v>
      </c>
      <c r="I3091">
        <v>35032.770060000003</v>
      </c>
      <c r="J3091">
        <v>40720.065649999997</v>
      </c>
      <c r="K3091">
        <v>53667.516459999999</v>
      </c>
      <c r="L3091">
        <v>25470.850180000001</v>
      </c>
      <c r="M3091">
        <v>340992.58480000001</v>
      </c>
      <c r="N3091">
        <v>79783.513070000001</v>
      </c>
      <c r="O3091">
        <v>23565.08121</v>
      </c>
      <c r="P3091">
        <v>28079.350630000001</v>
      </c>
      <c r="Q3091">
        <v>94459.514689999996</v>
      </c>
      <c r="R3091">
        <v>22691.746950000001</v>
      </c>
      <c r="S3091">
        <v>95626.855630000005</v>
      </c>
      <c r="T3091">
        <v>29445.131689999998</v>
      </c>
      <c r="U3091">
        <v>16336.13258</v>
      </c>
      <c r="W3091" s="83">
        <f>Bühler!N3123</f>
        <v>45420.708333325842</v>
      </c>
      <c r="X3091" s="83">
        <v>43229.708333333336</v>
      </c>
      <c r="Y3091">
        <v>266831.54210000002</v>
      </c>
      <c r="Z3091">
        <v>31595.101299999998</v>
      </c>
      <c r="AA3091">
        <v>92648.320330000002</v>
      </c>
      <c r="AB3091">
        <v>45657.475290000002</v>
      </c>
      <c r="AC3091">
        <v>43452.106670000001</v>
      </c>
      <c r="AD3091">
        <v>35032.770060000003</v>
      </c>
      <c r="AE3091">
        <v>40720.065649999997</v>
      </c>
      <c r="AF3091">
        <v>53667.516459999999</v>
      </c>
      <c r="AG3091">
        <v>25470.850180000001</v>
      </c>
      <c r="AH3091">
        <v>340992.58480000001</v>
      </c>
      <c r="AI3091">
        <v>79783.513070000001</v>
      </c>
      <c r="AJ3091">
        <v>23565.08121</v>
      </c>
      <c r="AK3091">
        <v>28079.350630000001</v>
      </c>
      <c r="AL3091">
        <v>94459.514689999996</v>
      </c>
      <c r="AM3091">
        <v>22691.746950000001</v>
      </c>
      <c r="AN3091">
        <v>95626.855630000005</v>
      </c>
      <c r="AO3091">
        <v>29445.131689999998</v>
      </c>
      <c r="AP3091">
        <v>16336.13258</v>
      </c>
    </row>
    <row r="3092" spans="2:42" x14ac:dyDescent="0.3">
      <c r="B3092">
        <v>65.471234546184078</v>
      </c>
      <c r="C3092" s="83">
        <v>43229.75</v>
      </c>
      <c r="D3092">
        <v>261140.7003</v>
      </c>
      <c r="E3092">
        <v>28250.316879999998</v>
      </c>
      <c r="F3092">
        <v>90296.656539999996</v>
      </c>
      <c r="G3092">
        <v>40651.38594</v>
      </c>
      <c r="H3092">
        <v>41376.163789999999</v>
      </c>
      <c r="I3092">
        <v>33292.280749999998</v>
      </c>
      <c r="J3092">
        <v>40424.798560000003</v>
      </c>
      <c r="K3092">
        <v>50774.526210000004</v>
      </c>
      <c r="L3092">
        <v>26217.658210000001</v>
      </c>
      <c r="M3092">
        <v>333802.88569999998</v>
      </c>
      <c r="N3092">
        <v>76699.451279999994</v>
      </c>
      <c r="O3092">
        <v>21849.544160000001</v>
      </c>
      <c r="P3092">
        <v>30591.675910000002</v>
      </c>
      <c r="Q3092">
        <v>93044.776660000003</v>
      </c>
      <c r="R3092">
        <v>20579.673729999999</v>
      </c>
      <c r="S3092">
        <v>89223.683449999997</v>
      </c>
      <c r="T3092">
        <v>28842.401730000001</v>
      </c>
      <c r="U3092">
        <v>14598.113890000001</v>
      </c>
      <c r="W3092" s="83">
        <f>Bühler!N3124</f>
        <v>45420.749999992506</v>
      </c>
      <c r="X3092" s="83">
        <v>43229.75</v>
      </c>
      <c r="Y3092">
        <v>261140.7003</v>
      </c>
      <c r="Z3092">
        <v>28250.316879999998</v>
      </c>
      <c r="AA3092">
        <v>90296.656539999996</v>
      </c>
      <c r="AB3092">
        <v>40651.38594</v>
      </c>
      <c r="AC3092">
        <v>41376.163789999999</v>
      </c>
      <c r="AD3092">
        <v>33292.280749999998</v>
      </c>
      <c r="AE3092">
        <v>40424.798560000003</v>
      </c>
      <c r="AF3092">
        <v>50774.526210000004</v>
      </c>
      <c r="AG3092">
        <v>26217.658210000001</v>
      </c>
      <c r="AH3092">
        <v>333802.88569999998</v>
      </c>
      <c r="AI3092">
        <v>76699.451279999994</v>
      </c>
      <c r="AJ3092">
        <v>21849.544160000001</v>
      </c>
      <c r="AK3092">
        <v>30591.675910000002</v>
      </c>
      <c r="AL3092">
        <v>93044.776660000003</v>
      </c>
      <c r="AM3092">
        <v>20579.673729999999</v>
      </c>
      <c r="AN3092">
        <v>89223.683449999997</v>
      </c>
      <c r="AO3092">
        <v>28842.401730000001</v>
      </c>
      <c r="AP3092">
        <v>14598.113890000001</v>
      </c>
    </row>
    <row r="3093" spans="2:42" x14ac:dyDescent="0.3">
      <c r="B3093">
        <v>64.167808818860166</v>
      </c>
      <c r="C3093" s="83">
        <v>43229.791666666664</v>
      </c>
      <c r="D3093">
        <v>254082.30710000001</v>
      </c>
      <c r="E3093">
        <v>23176.571980000001</v>
      </c>
      <c r="F3093">
        <v>80335.144620000006</v>
      </c>
      <c r="G3093">
        <v>38045.443740000002</v>
      </c>
      <c r="H3093">
        <v>38650.302600000003</v>
      </c>
      <c r="I3093">
        <v>31302.070380000001</v>
      </c>
      <c r="J3093">
        <v>39706.950729999997</v>
      </c>
      <c r="K3093">
        <v>49079.987450000001</v>
      </c>
      <c r="L3093">
        <v>26814.841909999999</v>
      </c>
      <c r="M3093">
        <v>327157.41350000002</v>
      </c>
      <c r="N3093">
        <v>75972.595809999999</v>
      </c>
      <c r="O3093">
        <v>20348.625120000001</v>
      </c>
      <c r="P3093">
        <v>31666.779060000001</v>
      </c>
      <c r="Q3093">
        <v>90569.652149999994</v>
      </c>
      <c r="R3093">
        <v>19642.848480000001</v>
      </c>
      <c r="S3093">
        <v>84442.791899999997</v>
      </c>
      <c r="T3093">
        <v>28960.579989999998</v>
      </c>
      <c r="U3093">
        <v>13543.89177</v>
      </c>
      <c r="W3093" s="83">
        <f>Bühler!N3125</f>
        <v>45420.79166665917</v>
      </c>
      <c r="X3093" s="83">
        <v>43229.791666666664</v>
      </c>
      <c r="Y3093">
        <v>254082.30710000001</v>
      </c>
      <c r="Z3093">
        <v>23176.571980000001</v>
      </c>
      <c r="AA3093">
        <v>80335.144620000006</v>
      </c>
      <c r="AB3093">
        <v>38045.443740000002</v>
      </c>
      <c r="AC3093">
        <v>38650.302600000003</v>
      </c>
      <c r="AD3093">
        <v>31302.070380000001</v>
      </c>
      <c r="AE3093">
        <v>39706.950729999997</v>
      </c>
      <c r="AF3093">
        <v>49079.987450000001</v>
      </c>
      <c r="AG3093">
        <v>26814.841909999999</v>
      </c>
      <c r="AH3093">
        <v>327157.41350000002</v>
      </c>
      <c r="AI3093">
        <v>75972.595809999999</v>
      </c>
      <c r="AJ3093">
        <v>20348.625120000001</v>
      </c>
      <c r="AK3093">
        <v>31666.779060000001</v>
      </c>
      <c r="AL3093">
        <v>90569.652149999994</v>
      </c>
      <c r="AM3093">
        <v>19642.848480000001</v>
      </c>
      <c r="AN3093">
        <v>84442.791899999997</v>
      </c>
      <c r="AO3093">
        <v>28960.579989999998</v>
      </c>
      <c r="AP3093">
        <v>13543.89177</v>
      </c>
    </row>
    <row r="3094" spans="2:42" x14ac:dyDescent="0.3">
      <c r="B3094">
        <v>61.710327478462766</v>
      </c>
      <c r="C3094" s="83">
        <v>43229.833333333336</v>
      </c>
      <c r="D3094">
        <v>247329.58530000001</v>
      </c>
      <c r="E3094">
        <v>17075.211039999998</v>
      </c>
      <c r="F3094">
        <v>62520.298119999999</v>
      </c>
      <c r="G3094">
        <v>35829.026790000004</v>
      </c>
      <c r="H3094">
        <v>36588.023209999999</v>
      </c>
      <c r="I3094">
        <v>28132.160049999999</v>
      </c>
      <c r="J3094">
        <v>39069.899120000002</v>
      </c>
      <c r="K3094">
        <v>48532.627970000001</v>
      </c>
      <c r="L3094">
        <v>26332.59792</v>
      </c>
      <c r="M3094">
        <v>314628.02759999997</v>
      </c>
      <c r="N3094">
        <v>74358.568580000006</v>
      </c>
      <c r="O3094">
        <v>19707.139800000001</v>
      </c>
      <c r="P3094">
        <v>31863.631109999998</v>
      </c>
      <c r="Q3094">
        <v>87388.405469999998</v>
      </c>
      <c r="R3094">
        <v>18488.30473</v>
      </c>
      <c r="S3094">
        <v>78013.252030000003</v>
      </c>
      <c r="T3094">
        <v>28204.540580000001</v>
      </c>
      <c r="U3094">
        <v>13181.80147</v>
      </c>
      <c r="W3094" s="83">
        <f>Bühler!N3126</f>
        <v>45420.833333325834</v>
      </c>
      <c r="X3094" s="83">
        <v>43229.833333333336</v>
      </c>
      <c r="Y3094">
        <v>247329.58530000001</v>
      </c>
      <c r="Z3094">
        <v>17075.211039999998</v>
      </c>
      <c r="AA3094">
        <v>62520.298119999999</v>
      </c>
      <c r="AB3094">
        <v>35829.026790000004</v>
      </c>
      <c r="AC3094">
        <v>36588.023209999999</v>
      </c>
      <c r="AD3094">
        <v>28132.160049999999</v>
      </c>
      <c r="AE3094">
        <v>39069.899120000002</v>
      </c>
      <c r="AF3094">
        <v>48532.627970000001</v>
      </c>
      <c r="AG3094">
        <v>26332.59792</v>
      </c>
      <c r="AH3094">
        <v>314628.02759999997</v>
      </c>
      <c r="AI3094">
        <v>74358.568580000006</v>
      </c>
      <c r="AJ3094">
        <v>19707.139800000001</v>
      </c>
      <c r="AK3094">
        <v>31863.631109999998</v>
      </c>
      <c r="AL3094">
        <v>87388.405469999998</v>
      </c>
      <c r="AM3094">
        <v>18488.30473</v>
      </c>
      <c r="AN3094">
        <v>78013.252030000003</v>
      </c>
      <c r="AO3094">
        <v>28204.540580000001</v>
      </c>
      <c r="AP3094">
        <v>13181.80147</v>
      </c>
    </row>
    <row r="3095" spans="2:42" x14ac:dyDescent="0.3">
      <c r="B3095">
        <v>60.113078373768978</v>
      </c>
      <c r="C3095" s="83">
        <v>43229.875</v>
      </c>
      <c r="D3095">
        <v>241382.42170000001</v>
      </c>
      <c r="E3095">
        <v>14874.35975</v>
      </c>
      <c r="F3095">
        <v>53599.564030000001</v>
      </c>
      <c r="G3095">
        <v>35605.056060000003</v>
      </c>
      <c r="H3095">
        <v>36365.044289999998</v>
      </c>
      <c r="I3095">
        <v>25180.53946</v>
      </c>
      <c r="J3095">
        <v>40733.011810000004</v>
      </c>
      <c r="K3095">
        <v>48005.132729999998</v>
      </c>
      <c r="L3095">
        <v>25464.689180000001</v>
      </c>
      <c r="M3095">
        <v>306484.50679999997</v>
      </c>
      <c r="N3095">
        <v>73639.14559</v>
      </c>
      <c r="O3095">
        <v>19601.491190000001</v>
      </c>
      <c r="P3095">
        <v>31325.38435</v>
      </c>
      <c r="Q3095">
        <v>84684.971470000004</v>
      </c>
      <c r="R3095">
        <v>17842.80169</v>
      </c>
      <c r="S3095">
        <v>75686.514869999999</v>
      </c>
      <c r="T3095">
        <v>26501.734339999999</v>
      </c>
      <c r="U3095">
        <v>13246.32609</v>
      </c>
      <c r="W3095" s="83">
        <f>Bühler!N3127</f>
        <v>45420.874999992498</v>
      </c>
      <c r="X3095" s="83">
        <v>43229.875</v>
      </c>
      <c r="Y3095">
        <v>241382.42170000001</v>
      </c>
      <c r="Z3095">
        <v>14874.35975</v>
      </c>
      <c r="AA3095">
        <v>53599.564030000001</v>
      </c>
      <c r="AB3095">
        <v>35605.056060000003</v>
      </c>
      <c r="AC3095">
        <v>36365.044289999998</v>
      </c>
      <c r="AD3095">
        <v>25180.53946</v>
      </c>
      <c r="AE3095">
        <v>40733.011810000004</v>
      </c>
      <c r="AF3095">
        <v>48005.132729999998</v>
      </c>
      <c r="AG3095">
        <v>25464.689180000001</v>
      </c>
      <c r="AH3095">
        <v>306484.50679999997</v>
      </c>
      <c r="AI3095">
        <v>73639.14559</v>
      </c>
      <c r="AJ3095">
        <v>19601.491190000001</v>
      </c>
      <c r="AK3095">
        <v>31325.38435</v>
      </c>
      <c r="AL3095">
        <v>84684.971470000004</v>
      </c>
      <c r="AM3095">
        <v>17842.80169</v>
      </c>
      <c r="AN3095">
        <v>75686.514869999999</v>
      </c>
      <c r="AO3095">
        <v>26501.734339999999</v>
      </c>
      <c r="AP3095">
        <v>13246.32609</v>
      </c>
    </row>
    <row r="3096" spans="2:42" x14ac:dyDescent="0.3">
      <c r="B3096">
        <v>59.48506673551389</v>
      </c>
      <c r="C3096" s="83">
        <v>43229.916666666664</v>
      </c>
      <c r="D3096">
        <v>239513.96549999999</v>
      </c>
      <c r="E3096">
        <v>14028.976129999999</v>
      </c>
      <c r="F3096">
        <v>50717.257310000001</v>
      </c>
      <c r="G3096">
        <v>34441.61032</v>
      </c>
      <c r="H3096">
        <v>36258.18763</v>
      </c>
      <c r="I3096">
        <v>23220.886419999999</v>
      </c>
      <c r="J3096">
        <v>40174.215779999999</v>
      </c>
      <c r="K3096">
        <v>52558.322419999997</v>
      </c>
      <c r="L3096">
        <v>23260.56018</v>
      </c>
      <c r="M3096">
        <v>303282.61060000001</v>
      </c>
      <c r="N3096">
        <v>73584.214399999997</v>
      </c>
      <c r="O3096">
        <v>19213.01569</v>
      </c>
      <c r="P3096">
        <v>33194.215909999999</v>
      </c>
      <c r="Q3096">
        <v>83882.730689999997</v>
      </c>
      <c r="R3096">
        <v>19562.90797</v>
      </c>
      <c r="S3096">
        <v>75845.554059999995</v>
      </c>
      <c r="T3096">
        <v>23245.724859999998</v>
      </c>
      <c r="U3096">
        <v>13080.92728</v>
      </c>
      <c r="W3096" s="83">
        <f>Bühler!N3128</f>
        <v>45420.916666659163</v>
      </c>
      <c r="X3096" s="83">
        <v>43229.916666666664</v>
      </c>
      <c r="Y3096">
        <v>239513.96549999999</v>
      </c>
      <c r="Z3096">
        <v>14028.976129999999</v>
      </c>
      <c r="AA3096">
        <v>50717.257310000001</v>
      </c>
      <c r="AB3096">
        <v>34441.61032</v>
      </c>
      <c r="AC3096">
        <v>36258.18763</v>
      </c>
      <c r="AD3096">
        <v>23220.886419999999</v>
      </c>
      <c r="AE3096">
        <v>40174.215779999999</v>
      </c>
      <c r="AF3096">
        <v>52558.322419999997</v>
      </c>
      <c r="AG3096">
        <v>23260.56018</v>
      </c>
      <c r="AH3096">
        <v>303282.61060000001</v>
      </c>
      <c r="AI3096">
        <v>73584.214399999997</v>
      </c>
      <c r="AJ3096">
        <v>19213.01569</v>
      </c>
      <c r="AK3096">
        <v>33194.215909999999</v>
      </c>
      <c r="AL3096">
        <v>83882.730689999997</v>
      </c>
      <c r="AM3096">
        <v>19562.90797</v>
      </c>
      <c r="AN3096">
        <v>75845.554059999995</v>
      </c>
      <c r="AO3096">
        <v>23245.724859999998</v>
      </c>
      <c r="AP3096">
        <v>13080.92728</v>
      </c>
    </row>
    <row r="3097" spans="2:42" x14ac:dyDescent="0.3">
      <c r="B3097">
        <v>58.697130789572327</v>
      </c>
      <c r="C3097" s="83">
        <v>43229.958333333336</v>
      </c>
      <c r="D3097">
        <v>238496.01509999999</v>
      </c>
      <c r="E3097">
        <v>13262.44311</v>
      </c>
      <c r="F3097">
        <v>49423.612430000001</v>
      </c>
      <c r="G3097">
        <v>34020.036650000002</v>
      </c>
      <c r="H3097">
        <v>35214.783369999997</v>
      </c>
      <c r="I3097">
        <v>22133.02461</v>
      </c>
      <c r="J3097">
        <v>37182.194479999998</v>
      </c>
      <c r="K3097">
        <v>51388.477180000002</v>
      </c>
      <c r="L3097">
        <v>19614.691070000001</v>
      </c>
      <c r="M3097">
        <v>299265.34570000001</v>
      </c>
      <c r="N3097">
        <v>73949.336169999995</v>
      </c>
      <c r="O3097">
        <v>19201.76643</v>
      </c>
      <c r="P3097">
        <v>29905.041010000001</v>
      </c>
      <c r="Q3097">
        <v>83371.582639999993</v>
      </c>
      <c r="R3097">
        <v>20389.704180000001</v>
      </c>
      <c r="S3097">
        <v>74036.727939999997</v>
      </c>
      <c r="T3097">
        <v>21566.744920000001</v>
      </c>
      <c r="U3097">
        <v>12504.48683</v>
      </c>
      <c r="W3097" s="83">
        <f>Bühler!N3129</f>
        <v>45420.958333325827</v>
      </c>
      <c r="X3097" s="83">
        <v>43229.958333333336</v>
      </c>
      <c r="Y3097">
        <v>238496.01509999999</v>
      </c>
      <c r="Z3097">
        <v>13262.44311</v>
      </c>
      <c r="AA3097">
        <v>49423.612430000001</v>
      </c>
      <c r="AB3097">
        <v>34020.036650000002</v>
      </c>
      <c r="AC3097">
        <v>35214.783369999997</v>
      </c>
      <c r="AD3097">
        <v>22133.02461</v>
      </c>
      <c r="AE3097">
        <v>37182.194479999998</v>
      </c>
      <c r="AF3097">
        <v>51388.477180000002</v>
      </c>
      <c r="AG3097">
        <v>19614.691070000001</v>
      </c>
      <c r="AH3097">
        <v>299265.34570000001</v>
      </c>
      <c r="AI3097">
        <v>73949.336169999995</v>
      </c>
      <c r="AJ3097">
        <v>19201.76643</v>
      </c>
      <c r="AK3097">
        <v>29905.041010000001</v>
      </c>
      <c r="AL3097">
        <v>83371.582639999993</v>
      </c>
      <c r="AM3097">
        <v>20389.704180000001</v>
      </c>
      <c r="AN3097">
        <v>74036.727939999997</v>
      </c>
      <c r="AO3097">
        <v>21566.744920000001</v>
      </c>
      <c r="AP3097">
        <v>12504.48683</v>
      </c>
    </row>
    <row r="3098" spans="2:42" x14ac:dyDescent="0.3">
      <c r="B3098">
        <v>57.562075635362895</v>
      </c>
      <c r="C3098" s="83">
        <v>43230</v>
      </c>
      <c r="D3098">
        <v>237220.8475</v>
      </c>
      <c r="E3098">
        <v>12901.90705</v>
      </c>
      <c r="F3098">
        <v>48366.072740000003</v>
      </c>
      <c r="G3098">
        <v>32447.825400000002</v>
      </c>
      <c r="H3098">
        <v>34783.468139999997</v>
      </c>
      <c r="I3098">
        <v>20478.506799999999</v>
      </c>
      <c r="J3098">
        <v>35459.539470000003</v>
      </c>
      <c r="K3098">
        <v>50371.558340000003</v>
      </c>
      <c r="L3098">
        <v>17549.205239999999</v>
      </c>
      <c r="M3098">
        <v>293478.3052</v>
      </c>
      <c r="N3098">
        <v>73328.950089999998</v>
      </c>
      <c r="O3098">
        <v>18966.90365</v>
      </c>
      <c r="P3098">
        <v>28588.706920000001</v>
      </c>
      <c r="Q3098">
        <v>82423.432289999997</v>
      </c>
      <c r="R3098">
        <v>17332.215550000001</v>
      </c>
      <c r="S3098">
        <v>72044.228579999995</v>
      </c>
      <c r="T3098">
        <v>19566.763139999999</v>
      </c>
      <c r="U3098">
        <v>12620.52442</v>
      </c>
      <c r="W3098" s="83">
        <f>Bühler!N3130</f>
        <v>45420.999999992491</v>
      </c>
      <c r="X3098" s="83">
        <v>43230</v>
      </c>
      <c r="Y3098">
        <v>237220.8475</v>
      </c>
      <c r="Z3098">
        <v>12901.90705</v>
      </c>
      <c r="AA3098">
        <v>48366.072740000003</v>
      </c>
      <c r="AB3098">
        <v>32447.825400000002</v>
      </c>
      <c r="AC3098">
        <v>34783.468139999997</v>
      </c>
      <c r="AD3098">
        <v>20478.506799999999</v>
      </c>
      <c r="AE3098">
        <v>35459.539470000003</v>
      </c>
      <c r="AF3098">
        <v>50371.558340000003</v>
      </c>
      <c r="AG3098">
        <v>17549.205239999999</v>
      </c>
      <c r="AH3098">
        <v>293478.3052</v>
      </c>
      <c r="AI3098">
        <v>73328.950089999998</v>
      </c>
      <c r="AJ3098">
        <v>18966.90365</v>
      </c>
      <c r="AK3098">
        <v>28588.706920000001</v>
      </c>
      <c r="AL3098">
        <v>82423.432289999997</v>
      </c>
      <c r="AM3098">
        <v>17332.215550000001</v>
      </c>
      <c r="AN3098">
        <v>72044.228579999995</v>
      </c>
      <c r="AO3098">
        <v>19566.763139999999</v>
      </c>
      <c r="AP3098">
        <v>12620.52442</v>
      </c>
    </row>
    <row r="3099" spans="2:42" x14ac:dyDescent="0.3">
      <c r="B3099">
        <v>57.003992535630474</v>
      </c>
      <c r="C3099" s="83">
        <v>43230.041666666664</v>
      </c>
      <c r="D3099">
        <v>237095.4045</v>
      </c>
      <c r="E3099">
        <v>12725.080110000001</v>
      </c>
      <c r="F3099">
        <v>47855.699430000001</v>
      </c>
      <c r="G3099">
        <v>32196.45334</v>
      </c>
      <c r="H3099">
        <v>34139.339</v>
      </c>
      <c r="I3099">
        <v>16607.650860000002</v>
      </c>
      <c r="J3099">
        <v>34412.54999</v>
      </c>
      <c r="K3099">
        <v>48350.513180000002</v>
      </c>
      <c r="L3099">
        <v>16682.604159999999</v>
      </c>
      <c r="M3099">
        <v>290632.93729999999</v>
      </c>
      <c r="N3099">
        <v>72569.460319999998</v>
      </c>
      <c r="O3099">
        <v>18761.36161</v>
      </c>
      <c r="P3099">
        <v>26705.119620000001</v>
      </c>
      <c r="Q3099">
        <v>83103.339439999996</v>
      </c>
      <c r="R3099">
        <v>15202.81969</v>
      </c>
      <c r="S3099">
        <v>70861.900020000001</v>
      </c>
      <c r="T3099">
        <v>18988.95405</v>
      </c>
      <c r="U3099">
        <v>12617.273520000001</v>
      </c>
      <c r="W3099" s="83">
        <f>Bühler!N3131</f>
        <v>45421.041666659155</v>
      </c>
      <c r="X3099" s="83">
        <v>43230.041666666664</v>
      </c>
      <c r="Y3099">
        <v>237095.4045</v>
      </c>
      <c r="Z3099">
        <v>12725.080110000001</v>
      </c>
      <c r="AA3099">
        <v>47855.699430000001</v>
      </c>
      <c r="AB3099">
        <v>32196.45334</v>
      </c>
      <c r="AC3099">
        <v>34139.339</v>
      </c>
      <c r="AD3099">
        <v>16607.650860000002</v>
      </c>
      <c r="AE3099">
        <v>34412.54999</v>
      </c>
      <c r="AF3099">
        <v>48350.513180000002</v>
      </c>
      <c r="AG3099">
        <v>16682.604159999999</v>
      </c>
      <c r="AH3099">
        <v>290632.93729999999</v>
      </c>
      <c r="AI3099">
        <v>72569.460319999998</v>
      </c>
      <c r="AJ3099">
        <v>18761.36161</v>
      </c>
      <c r="AK3099">
        <v>26705.119620000001</v>
      </c>
      <c r="AL3099">
        <v>83103.339439999996</v>
      </c>
      <c r="AM3099">
        <v>15202.81969</v>
      </c>
      <c r="AN3099">
        <v>70861.900020000001</v>
      </c>
      <c r="AO3099">
        <v>18988.95405</v>
      </c>
      <c r="AP3099">
        <v>12617.273520000001</v>
      </c>
    </row>
    <row r="3100" spans="2:42" x14ac:dyDescent="0.3">
      <c r="B3100">
        <v>57.335077726113951</v>
      </c>
      <c r="C3100" s="83">
        <v>43230.083333333336</v>
      </c>
      <c r="D3100">
        <v>237626.671</v>
      </c>
      <c r="E3100">
        <v>12730.5936</v>
      </c>
      <c r="F3100">
        <v>48875.159359999998</v>
      </c>
      <c r="G3100">
        <v>31754.96787</v>
      </c>
      <c r="H3100">
        <v>33931.014190000002</v>
      </c>
      <c r="I3100">
        <v>14565.96466</v>
      </c>
      <c r="J3100">
        <v>33900.254000000001</v>
      </c>
      <c r="K3100">
        <v>45728.003929999999</v>
      </c>
      <c r="L3100">
        <v>16631.746220000001</v>
      </c>
      <c r="M3100">
        <v>292320.96399999998</v>
      </c>
      <c r="N3100">
        <v>71176.392670000001</v>
      </c>
      <c r="O3100">
        <v>18637.106179999999</v>
      </c>
      <c r="P3100">
        <v>25739.006440000001</v>
      </c>
      <c r="Q3100">
        <v>85734.522419999994</v>
      </c>
      <c r="R3100">
        <v>16620.277679999999</v>
      </c>
      <c r="S3100">
        <v>70186.804510000002</v>
      </c>
      <c r="T3100">
        <v>18921.08135</v>
      </c>
      <c r="U3100">
        <v>12548.59606</v>
      </c>
      <c r="W3100" s="83">
        <f>Bühler!N3132</f>
        <v>45421.08333332582</v>
      </c>
      <c r="X3100" s="83">
        <v>43230.083333333336</v>
      </c>
      <c r="Y3100">
        <v>237626.671</v>
      </c>
      <c r="Z3100">
        <v>12730.5936</v>
      </c>
      <c r="AA3100">
        <v>48875.159359999998</v>
      </c>
      <c r="AB3100">
        <v>31754.96787</v>
      </c>
      <c r="AC3100">
        <v>33931.014190000002</v>
      </c>
      <c r="AD3100">
        <v>14565.96466</v>
      </c>
      <c r="AE3100">
        <v>33900.254000000001</v>
      </c>
      <c r="AF3100">
        <v>45728.003929999999</v>
      </c>
      <c r="AG3100">
        <v>16631.746220000001</v>
      </c>
      <c r="AH3100">
        <v>292320.96399999998</v>
      </c>
      <c r="AI3100">
        <v>71176.392670000001</v>
      </c>
      <c r="AJ3100">
        <v>18637.106179999999</v>
      </c>
      <c r="AK3100">
        <v>25739.006440000001</v>
      </c>
      <c r="AL3100">
        <v>85734.522419999994</v>
      </c>
      <c r="AM3100">
        <v>16620.277679999999</v>
      </c>
      <c r="AN3100">
        <v>70186.804510000002</v>
      </c>
      <c r="AO3100">
        <v>18921.08135</v>
      </c>
      <c r="AP3100">
        <v>12548.59606</v>
      </c>
    </row>
    <row r="3101" spans="2:42" x14ac:dyDescent="0.3">
      <c r="B3101">
        <v>58.287825429874772</v>
      </c>
      <c r="C3101" s="83">
        <v>43230.125</v>
      </c>
      <c r="D3101">
        <v>237409.86900000001</v>
      </c>
      <c r="E3101">
        <v>12704.852129999999</v>
      </c>
      <c r="F3101">
        <v>50533.646719999997</v>
      </c>
      <c r="G3101">
        <v>30664.356739999999</v>
      </c>
      <c r="H3101">
        <v>33867.756459999997</v>
      </c>
      <c r="I3101">
        <v>14475.281349999999</v>
      </c>
      <c r="J3101">
        <v>34223.116629999997</v>
      </c>
      <c r="K3101">
        <v>44934.298020000002</v>
      </c>
      <c r="L3101">
        <v>16046.667359999999</v>
      </c>
      <c r="M3101">
        <v>297178.51610000001</v>
      </c>
      <c r="N3101">
        <v>69954.354200000002</v>
      </c>
      <c r="O3101">
        <v>18647.045109999999</v>
      </c>
      <c r="P3101">
        <v>24517.321230000001</v>
      </c>
      <c r="Q3101">
        <v>88307.641529999994</v>
      </c>
      <c r="R3101">
        <v>15839.43389</v>
      </c>
      <c r="S3101">
        <v>70169.196230000001</v>
      </c>
      <c r="T3101">
        <v>18730.555950000002</v>
      </c>
      <c r="U3101">
        <v>12703.04053</v>
      </c>
      <c r="W3101" s="83">
        <f>Bühler!N3133</f>
        <v>45421.124999992484</v>
      </c>
      <c r="X3101" s="83">
        <v>43230.125</v>
      </c>
      <c r="Y3101">
        <v>237409.86900000001</v>
      </c>
      <c r="Z3101">
        <v>12704.852129999999</v>
      </c>
      <c r="AA3101">
        <v>50533.646719999997</v>
      </c>
      <c r="AB3101">
        <v>30664.356739999999</v>
      </c>
      <c r="AC3101">
        <v>33867.756459999997</v>
      </c>
      <c r="AD3101">
        <v>14475.281349999999</v>
      </c>
      <c r="AE3101">
        <v>34223.116629999997</v>
      </c>
      <c r="AF3101">
        <v>44934.298020000002</v>
      </c>
      <c r="AG3101">
        <v>16046.667359999999</v>
      </c>
      <c r="AH3101">
        <v>297178.51610000001</v>
      </c>
      <c r="AI3101">
        <v>69954.354200000002</v>
      </c>
      <c r="AJ3101">
        <v>18647.045109999999</v>
      </c>
      <c r="AK3101">
        <v>24517.321230000001</v>
      </c>
      <c r="AL3101">
        <v>88307.641529999994</v>
      </c>
      <c r="AM3101">
        <v>15839.43389</v>
      </c>
      <c r="AN3101">
        <v>70169.196230000001</v>
      </c>
      <c r="AO3101">
        <v>18730.555950000002</v>
      </c>
      <c r="AP3101">
        <v>12703.04053</v>
      </c>
    </row>
    <row r="3102" spans="2:42" x14ac:dyDescent="0.3">
      <c r="B3102">
        <v>60.39056813345568</v>
      </c>
      <c r="C3102" s="83">
        <v>43230.166666666664</v>
      </c>
      <c r="D3102">
        <v>238705.09049999999</v>
      </c>
      <c r="E3102">
        <v>13192.536179999999</v>
      </c>
      <c r="F3102">
        <v>53992.334269999999</v>
      </c>
      <c r="G3102">
        <v>30096.036889999999</v>
      </c>
      <c r="H3102">
        <v>34570.464200000002</v>
      </c>
      <c r="I3102">
        <v>16322.61598</v>
      </c>
      <c r="J3102">
        <v>36451.665849999998</v>
      </c>
      <c r="K3102">
        <v>44078.918720000001</v>
      </c>
      <c r="L3102">
        <v>15905.086569999999</v>
      </c>
      <c r="M3102">
        <v>307899.27899999998</v>
      </c>
      <c r="N3102">
        <v>68658.165980000005</v>
      </c>
      <c r="O3102">
        <v>19017.62442</v>
      </c>
      <c r="P3102">
        <v>23606.416209999999</v>
      </c>
      <c r="Q3102">
        <v>92528.871509999997</v>
      </c>
      <c r="R3102">
        <v>16534.334459999998</v>
      </c>
      <c r="S3102">
        <v>70410.088080000001</v>
      </c>
      <c r="T3102">
        <v>19138.853940000001</v>
      </c>
      <c r="U3102">
        <v>13153.172350000001</v>
      </c>
      <c r="W3102" s="83">
        <f>Bühler!N3134</f>
        <v>45421.166666659148</v>
      </c>
      <c r="X3102" s="83">
        <v>43230.166666666664</v>
      </c>
      <c r="Y3102">
        <v>238705.09049999999</v>
      </c>
      <c r="Z3102">
        <v>13192.536179999999</v>
      </c>
      <c r="AA3102">
        <v>53992.334269999999</v>
      </c>
      <c r="AB3102">
        <v>30096.036889999999</v>
      </c>
      <c r="AC3102">
        <v>34570.464200000002</v>
      </c>
      <c r="AD3102">
        <v>16322.61598</v>
      </c>
      <c r="AE3102">
        <v>36451.665849999998</v>
      </c>
      <c r="AF3102">
        <v>44078.918720000001</v>
      </c>
      <c r="AG3102">
        <v>15905.086569999999</v>
      </c>
      <c r="AH3102">
        <v>307899.27899999998</v>
      </c>
      <c r="AI3102">
        <v>68658.165980000005</v>
      </c>
      <c r="AJ3102">
        <v>19017.62442</v>
      </c>
      <c r="AK3102">
        <v>23606.416209999999</v>
      </c>
      <c r="AL3102">
        <v>92528.871509999997</v>
      </c>
      <c r="AM3102">
        <v>16534.334459999998</v>
      </c>
      <c r="AN3102">
        <v>70410.088080000001</v>
      </c>
      <c r="AO3102">
        <v>19138.853940000001</v>
      </c>
      <c r="AP3102">
        <v>13153.172350000001</v>
      </c>
    </row>
    <row r="3103" spans="2:42" x14ac:dyDescent="0.3">
      <c r="B3103">
        <v>63.411212924864238</v>
      </c>
      <c r="C3103" s="83">
        <v>43230.208333333336</v>
      </c>
      <c r="D3103">
        <v>253264.2144</v>
      </c>
      <c r="E3103">
        <v>15262.78138</v>
      </c>
      <c r="F3103">
        <v>64454.618470000001</v>
      </c>
      <c r="G3103">
        <v>31776.02421</v>
      </c>
      <c r="H3103">
        <v>36572.853360000001</v>
      </c>
      <c r="I3103">
        <v>23990.496139999999</v>
      </c>
      <c r="J3103">
        <v>39877.445529999997</v>
      </c>
      <c r="K3103">
        <v>44565.601479999998</v>
      </c>
      <c r="L3103">
        <v>17212.336459999999</v>
      </c>
      <c r="M3103">
        <v>323299.93479999999</v>
      </c>
      <c r="N3103">
        <v>69824.243019999994</v>
      </c>
      <c r="O3103">
        <v>20039.00691</v>
      </c>
      <c r="P3103">
        <v>25138.90652</v>
      </c>
      <c r="Q3103">
        <v>95153.239530000006</v>
      </c>
      <c r="R3103">
        <v>18821.801230000001</v>
      </c>
      <c r="S3103">
        <v>72735.506699999998</v>
      </c>
      <c r="T3103">
        <v>20109.999950000001</v>
      </c>
      <c r="U3103">
        <v>14632.99265</v>
      </c>
      <c r="W3103" s="83">
        <f>Bühler!N3135</f>
        <v>45421.208333325812</v>
      </c>
      <c r="X3103" s="83">
        <v>43230.208333333336</v>
      </c>
      <c r="Y3103">
        <v>253264.2144</v>
      </c>
      <c r="Z3103">
        <v>15262.78138</v>
      </c>
      <c r="AA3103">
        <v>64454.618470000001</v>
      </c>
      <c r="AB3103">
        <v>31776.02421</v>
      </c>
      <c r="AC3103">
        <v>36572.853360000001</v>
      </c>
      <c r="AD3103">
        <v>23990.496139999999</v>
      </c>
      <c r="AE3103">
        <v>39877.445529999997</v>
      </c>
      <c r="AF3103">
        <v>44565.601479999998</v>
      </c>
      <c r="AG3103">
        <v>17212.336459999999</v>
      </c>
      <c r="AH3103">
        <v>323299.93479999999</v>
      </c>
      <c r="AI3103">
        <v>69824.243019999994</v>
      </c>
      <c r="AJ3103">
        <v>20039.00691</v>
      </c>
      <c r="AK3103">
        <v>25138.90652</v>
      </c>
      <c r="AL3103">
        <v>95153.239530000006</v>
      </c>
      <c r="AM3103">
        <v>18821.801230000001</v>
      </c>
      <c r="AN3103">
        <v>72735.506699999998</v>
      </c>
      <c r="AO3103">
        <v>20109.999950000001</v>
      </c>
      <c r="AP3103">
        <v>14632.99265</v>
      </c>
    </row>
    <row r="3104" spans="2:42" x14ac:dyDescent="0.3">
      <c r="B3104">
        <v>66.655065250396376</v>
      </c>
      <c r="C3104" s="83">
        <v>43230.25</v>
      </c>
      <c r="D3104">
        <v>265559.96120000002</v>
      </c>
      <c r="E3104">
        <v>19078.051520000001</v>
      </c>
      <c r="F3104">
        <v>75535.218599999993</v>
      </c>
      <c r="G3104">
        <v>36245.122990000003</v>
      </c>
      <c r="H3104">
        <v>37852.020969999998</v>
      </c>
      <c r="I3104">
        <v>30992.58797</v>
      </c>
      <c r="J3104">
        <v>42353.451509999999</v>
      </c>
      <c r="K3104">
        <v>45843.172809999996</v>
      </c>
      <c r="L3104">
        <v>18451.407469999998</v>
      </c>
      <c r="M3104">
        <v>339838.6067</v>
      </c>
      <c r="N3104">
        <v>73443.477780000001</v>
      </c>
      <c r="O3104">
        <v>21158.889159999999</v>
      </c>
      <c r="P3104">
        <v>25655.41822</v>
      </c>
      <c r="Q3104">
        <v>96253.660969999997</v>
      </c>
      <c r="R3104">
        <v>16785.970539999998</v>
      </c>
      <c r="S3104">
        <v>81002.097930000004</v>
      </c>
      <c r="T3104">
        <v>22724.918600000001</v>
      </c>
      <c r="U3104">
        <v>16010.474459999999</v>
      </c>
      <c r="W3104" s="83">
        <f>Bühler!N3136</f>
        <v>45421.249999992477</v>
      </c>
      <c r="X3104" s="83">
        <v>43230.25</v>
      </c>
      <c r="Y3104">
        <v>265559.96120000002</v>
      </c>
      <c r="Z3104">
        <v>19078.051520000001</v>
      </c>
      <c r="AA3104">
        <v>75535.218599999993</v>
      </c>
      <c r="AB3104">
        <v>36245.122990000003</v>
      </c>
      <c r="AC3104">
        <v>37852.020969999998</v>
      </c>
      <c r="AD3104">
        <v>30992.58797</v>
      </c>
      <c r="AE3104">
        <v>42353.451509999999</v>
      </c>
      <c r="AF3104">
        <v>45843.172809999996</v>
      </c>
      <c r="AG3104">
        <v>18451.407469999998</v>
      </c>
      <c r="AH3104">
        <v>339838.6067</v>
      </c>
      <c r="AI3104">
        <v>73443.477780000001</v>
      </c>
      <c r="AJ3104">
        <v>21158.889159999999</v>
      </c>
      <c r="AK3104">
        <v>25655.41822</v>
      </c>
      <c r="AL3104">
        <v>96253.660969999997</v>
      </c>
      <c r="AM3104">
        <v>16785.970539999998</v>
      </c>
      <c r="AN3104">
        <v>81002.097930000004</v>
      </c>
      <c r="AO3104">
        <v>22724.918600000001</v>
      </c>
      <c r="AP3104">
        <v>16010.474459999999</v>
      </c>
    </row>
    <row r="3105" spans="2:42" x14ac:dyDescent="0.3">
      <c r="B3105">
        <v>68.295840444136559</v>
      </c>
      <c r="C3105" s="83">
        <v>43230.291666666664</v>
      </c>
      <c r="D3105">
        <v>276023.53159999999</v>
      </c>
      <c r="E3105">
        <v>22756.276389999999</v>
      </c>
      <c r="F3105">
        <v>78880.828240000003</v>
      </c>
      <c r="G3105">
        <v>40623.29952</v>
      </c>
      <c r="H3105">
        <v>41311.518409999997</v>
      </c>
      <c r="I3105">
        <v>37436.271289999997</v>
      </c>
      <c r="J3105">
        <v>42966.56869</v>
      </c>
      <c r="K3105">
        <v>50372.882239999999</v>
      </c>
      <c r="L3105">
        <v>20935.102149999999</v>
      </c>
      <c r="M3105">
        <v>348204.04379999998</v>
      </c>
      <c r="N3105">
        <v>78353.414850000001</v>
      </c>
      <c r="O3105">
        <v>22174.199260000001</v>
      </c>
      <c r="P3105">
        <v>28729.656340000001</v>
      </c>
      <c r="Q3105">
        <v>95110.327619999996</v>
      </c>
      <c r="R3105">
        <v>17266.429380000001</v>
      </c>
      <c r="S3105">
        <v>93612.095849999998</v>
      </c>
      <c r="T3105">
        <v>25790.094280000001</v>
      </c>
      <c r="U3105">
        <v>17885.90148</v>
      </c>
      <c r="W3105" s="83">
        <f>Bühler!N3137</f>
        <v>45421.291666659141</v>
      </c>
      <c r="X3105" s="83">
        <v>43230.291666666664</v>
      </c>
      <c r="Y3105">
        <v>276023.53159999999</v>
      </c>
      <c r="Z3105">
        <v>22756.276389999999</v>
      </c>
      <c r="AA3105">
        <v>78880.828240000003</v>
      </c>
      <c r="AB3105">
        <v>40623.29952</v>
      </c>
      <c r="AC3105">
        <v>41311.518409999997</v>
      </c>
      <c r="AD3105">
        <v>37436.271289999997</v>
      </c>
      <c r="AE3105">
        <v>42966.56869</v>
      </c>
      <c r="AF3105">
        <v>50372.882239999999</v>
      </c>
      <c r="AG3105">
        <v>20935.102149999999</v>
      </c>
      <c r="AH3105">
        <v>348204.04379999998</v>
      </c>
      <c r="AI3105">
        <v>78353.414850000001</v>
      </c>
      <c r="AJ3105">
        <v>22174.199260000001</v>
      </c>
      <c r="AK3105">
        <v>28729.656340000001</v>
      </c>
      <c r="AL3105">
        <v>95110.327619999996</v>
      </c>
      <c r="AM3105">
        <v>17266.429380000001</v>
      </c>
      <c r="AN3105">
        <v>93612.095849999998</v>
      </c>
      <c r="AO3105">
        <v>25790.094280000001</v>
      </c>
      <c r="AP3105">
        <v>17885.90148</v>
      </c>
    </row>
    <row r="3106" spans="2:42" x14ac:dyDescent="0.3">
      <c r="B3106">
        <v>69.182369273954492</v>
      </c>
      <c r="C3106" s="83">
        <v>43230.333333333336</v>
      </c>
      <c r="D3106">
        <v>281290.50900000002</v>
      </c>
      <c r="E3106">
        <v>27897.772250000002</v>
      </c>
      <c r="F3106">
        <v>85465.114849999998</v>
      </c>
      <c r="G3106">
        <v>47319.430030000003</v>
      </c>
      <c r="H3106">
        <v>44191.231209999998</v>
      </c>
      <c r="I3106">
        <v>39553.248379999997</v>
      </c>
      <c r="J3106">
        <v>45205.839449999999</v>
      </c>
      <c r="K3106">
        <v>54899.064209999997</v>
      </c>
      <c r="L3106">
        <v>24230.850009999998</v>
      </c>
      <c r="M3106">
        <v>352723.98119999998</v>
      </c>
      <c r="N3106">
        <v>82066.282869999995</v>
      </c>
      <c r="O3106">
        <v>22762.58037</v>
      </c>
      <c r="P3106">
        <v>30627.885419999999</v>
      </c>
      <c r="Q3106">
        <v>95069.237110000002</v>
      </c>
      <c r="R3106">
        <v>20499.91516</v>
      </c>
      <c r="S3106">
        <v>102691.94680000001</v>
      </c>
      <c r="T3106">
        <v>28653.71125</v>
      </c>
      <c r="U3106">
        <v>19502.52925</v>
      </c>
      <c r="W3106" s="83">
        <f>Bühler!N3138</f>
        <v>45421.333333325805</v>
      </c>
      <c r="X3106" s="83">
        <v>43230.333333333336</v>
      </c>
      <c r="Y3106">
        <v>281290.50900000002</v>
      </c>
      <c r="Z3106">
        <v>27897.772250000002</v>
      </c>
      <c r="AA3106">
        <v>85465.114849999998</v>
      </c>
      <c r="AB3106">
        <v>47319.430030000003</v>
      </c>
      <c r="AC3106">
        <v>44191.231209999998</v>
      </c>
      <c r="AD3106">
        <v>39553.248379999997</v>
      </c>
      <c r="AE3106">
        <v>45205.839449999999</v>
      </c>
      <c r="AF3106">
        <v>54899.064209999997</v>
      </c>
      <c r="AG3106">
        <v>24230.850009999998</v>
      </c>
      <c r="AH3106">
        <v>352723.98119999998</v>
      </c>
      <c r="AI3106">
        <v>82066.282869999995</v>
      </c>
      <c r="AJ3106">
        <v>22762.58037</v>
      </c>
      <c r="AK3106">
        <v>30627.885419999999</v>
      </c>
      <c r="AL3106">
        <v>95069.237110000002</v>
      </c>
      <c r="AM3106">
        <v>20499.91516</v>
      </c>
      <c r="AN3106">
        <v>102691.94680000001</v>
      </c>
      <c r="AO3106">
        <v>28653.71125</v>
      </c>
      <c r="AP3106">
        <v>19502.52925</v>
      </c>
    </row>
    <row r="3107" spans="2:42" x14ac:dyDescent="0.3">
      <c r="B3107">
        <v>69.058707969218261</v>
      </c>
      <c r="C3107" s="83">
        <v>43230.375</v>
      </c>
      <c r="D3107">
        <v>280969.21490000002</v>
      </c>
      <c r="E3107">
        <v>31747.31349</v>
      </c>
      <c r="F3107">
        <v>91523.588709999996</v>
      </c>
      <c r="G3107">
        <v>51710.496319999998</v>
      </c>
      <c r="H3107">
        <v>46071.378360000002</v>
      </c>
      <c r="I3107">
        <v>36181.644690000001</v>
      </c>
      <c r="J3107">
        <v>45364.238700000002</v>
      </c>
      <c r="K3107">
        <v>57557.622660000001</v>
      </c>
      <c r="L3107">
        <v>26803.886750000001</v>
      </c>
      <c r="M3107">
        <v>352093.49819999997</v>
      </c>
      <c r="N3107">
        <v>84262.656780000005</v>
      </c>
      <c r="O3107">
        <v>23250.167959999999</v>
      </c>
      <c r="P3107">
        <v>32484.298009999999</v>
      </c>
      <c r="Q3107">
        <v>96878.084900000002</v>
      </c>
      <c r="R3107">
        <v>21839.154640000001</v>
      </c>
      <c r="S3107">
        <v>109202.37450000001</v>
      </c>
      <c r="T3107">
        <v>30294.562249999999</v>
      </c>
      <c r="U3107">
        <v>19717.043979999999</v>
      </c>
      <c r="W3107" s="83">
        <f>Bühler!N3139</f>
        <v>45421.374999992469</v>
      </c>
      <c r="X3107" s="83">
        <v>43230.375</v>
      </c>
      <c r="Y3107">
        <v>280969.21490000002</v>
      </c>
      <c r="Z3107">
        <v>31747.31349</v>
      </c>
      <c r="AA3107">
        <v>91523.588709999996</v>
      </c>
      <c r="AB3107">
        <v>51710.496319999998</v>
      </c>
      <c r="AC3107">
        <v>46071.378360000002</v>
      </c>
      <c r="AD3107">
        <v>36181.644690000001</v>
      </c>
      <c r="AE3107">
        <v>45364.238700000002</v>
      </c>
      <c r="AF3107">
        <v>57557.622660000001</v>
      </c>
      <c r="AG3107">
        <v>26803.886750000001</v>
      </c>
      <c r="AH3107">
        <v>352093.49819999997</v>
      </c>
      <c r="AI3107">
        <v>84262.656780000005</v>
      </c>
      <c r="AJ3107">
        <v>23250.167959999999</v>
      </c>
      <c r="AK3107">
        <v>32484.298009999999</v>
      </c>
      <c r="AL3107">
        <v>96878.084900000002</v>
      </c>
      <c r="AM3107">
        <v>21839.154640000001</v>
      </c>
      <c r="AN3107">
        <v>109202.37450000001</v>
      </c>
      <c r="AO3107">
        <v>30294.562249999999</v>
      </c>
      <c r="AP3107">
        <v>19717.043979999999</v>
      </c>
    </row>
    <row r="3108" spans="2:42" x14ac:dyDescent="0.3">
      <c r="B3108">
        <v>68.666701694007003</v>
      </c>
      <c r="C3108" s="83">
        <v>43230.416666666664</v>
      </c>
      <c r="D3108">
        <v>282512.68550000002</v>
      </c>
      <c r="E3108">
        <v>33408.0962</v>
      </c>
      <c r="F3108">
        <v>93055.268360000002</v>
      </c>
      <c r="G3108">
        <v>53259.221660000003</v>
      </c>
      <c r="H3108">
        <v>46514.711499999998</v>
      </c>
      <c r="I3108">
        <v>34672.502050000003</v>
      </c>
      <c r="J3108">
        <v>44243.006479999996</v>
      </c>
      <c r="K3108">
        <v>59607.319080000001</v>
      </c>
      <c r="L3108">
        <v>30898.956549999999</v>
      </c>
      <c r="M3108">
        <v>350094.86739999999</v>
      </c>
      <c r="N3108">
        <v>87215.494820000007</v>
      </c>
      <c r="O3108">
        <v>24424.470549999998</v>
      </c>
      <c r="P3108">
        <v>33002.667249999999</v>
      </c>
      <c r="Q3108">
        <v>97742.79896</v>
      </c>
      <c r="R3108">
        <v>21987.039649999999</v>
      </c>
      <c r="S3108">
        <v>111122.4032</v>
      </c>
      <c r="T3108">
        <v>32590.249220000002</v>
      </c>
      <c r="U3108">
        <v>19600.031910000002</v>
      </c>
      <c r="W3108" s="83">
        <f>Bühler!N3140</f>
        <v>45421.416666659134</v>
      </c>
      <c r="X3108" s="83">
        <v>43230.416666666664</v>
      </c>
      <c r="Y3108">
        <v>282512.68550000002</v>
      </c>
      <c r="Z3108">
        <v>33408.0962</v>
      </c>
      <c r="AA3108">
        <v>93055.268360000002</v>
      </c>
      <c r="AB3108">
        <v>53259.221660000003</v>
      </c>
      <c r="AC3108">
        <v>46514.711499999998</v>
      </c>
      <c r="AD3108">
        <v>34672.502050000003</v>
      </c>
      <c r="AE3108">
        <v>44243.006479999996</v>
      </c>
      <c r="AF3108">
        <v>59607.319080000001</v>
      </c>
      <c r="AG3108">
        <v>30898.956549999999</v>
      </c>
      <c r="AH3108">
        <v>350094.86739999999</v>
      </c>
      <c r="AI3108">
        <v>87215.494820000007</v>
      </c>
      <c r="AJ3108">
        <v>24424.470549999998</v>
      </c>
      <c r="AK3108">
        <v>33002.667249999999</v>
      </c>
      <c r="AL3108">
        <v>97742.79896</v>
      </c>
      <c r="AM3108">
        <v>21987.039649999999</v>
      </c>
      <c r="AN3108">
        <v>111122.4032</v>
      </c>
      <c r="AO3108">
        <v>32590.249220000002</v>
      </c>
      <c r="AP3108">
        <v>19600.031910000002</v>
      </c>
    </row>
    <row r="3109" spans="2:42" x14ac:dyDescent="0.3">
      <c r="B3109">
        <v>69.470859204327525</v>
      </c>
      <c r="C3109" s="83">
        <v>43230.458333333336</v>
      </c>
      <c r="D3109">
        <v>280274.80979999999</v>
      </c>
      <c r="E3109">
        <v>33714.123760000002</v>
      </c>
      <c r="F3109">
        <v>95263.039279999997</v>
      </c>
      <c r="G3109">
        <v>53308.64054</v>
      </c>
      <c r="H3109">
        <v>46414.137300000002</v>
      </c>
      <c r="I3109">
        <v>33442.301059999998</v>
      </c>
      <c r="J3109">
        <v>44806.40425</v>
      </c>
      <c r="K3109">
        <v>61018.367660000004</v>
      </c>
      <c r="L3109">
        <v>32005.504919999999</v>
      </c>
      <c r="M3109">
        <v>354194.83740000002</v>
      </c>
      <c r="N3109">
        <v>88034.055869999997</v>
      </c>
      <c r="O3109">
        <v>24473.649020000001</v>
      </c>
      <c r="P3109">
        <v>32730.20505</v>
      </c>
      <c r="Q3109">
        <v>98730.031059999994</v>
      </c>
      <c r="R3109">
        <v>24023.592949999998</v>
      </c>
      <c r="S3109">
        <v>112687.621</v>
      </c>
      <c r="T3109">
        <v>32420.126110000001</v>
      </c>
      <c r="U3109">
        <v>19320.393260000001</v>
      </c>
      <c r="W3109" s="83">
        <f>Bühler!N3141</f>
        <v>45421.458333325798</v>
      </c>
      <c r="X3109" s="83">
        <v>43230.458333333336</v>
      </c>
      <c r="Y3109">
        <v>280274.80979999999</v>
      </c>
      <c r="Z3109">
        <v>33714.123760000002</v>
      </c>
      <c r="AA3109">
        <v>95263.039279999997</v>
      </c>
      <c r="AB3109">
        <v>53308.64054</v>
      </c>
      <c r="AC3109">
        <v>46414.137300000002</v>
      </c>
      <c r="AD3109">
        <v>33442.301059999998</v>
      </c>
      <c r="AE3109">
        <v>44806.40425</v>
      </c>
      <c r="AF3109">
        <v>61018.367660000004</v>
      </c>
      <c r="AG3109">
        <v>32005.504919999999</v>
      </c>
      <c r="AH3109">
        <v>354194.83740000002</v>
      </c>
      <c r="AI3109">
        <v>88034.055869999997</v>
      </c>
      <c r="AJ3109">
        <v>24473.649020000001</v>
      </c>
      <c r="AK3109">
        <v>32730.20505</v>
      </c>
      <c r="AL3109">
        <v>98730.031059999994</v>
      </c>
      <c r="AM3109">
        <v>24023.592949999998</v>
      </c>
      <c r="AN3109">
        <v>112687.621</v>
      </c>
      <c r="AO3109">
        <v>32420.126110000001</v>
      </c>
      <c r="AP3109">
        <v>19320.393260000001</v>
      </c>
    </row>
    <row r="3110" spans="2:42" x14ac:dyDescent="0.3">
      <c r="B3110">
        <v>69.043799172160121</v>
      </c>
      <c r="C3110" s="83">
        <v>43230.5</v>
      </c>
      <c r="D3110">
        <v>270151.00630000001</v>
      </c>
      <c r="E3110">
        <v>30504.25402</v>
      </c>
      <c r="F3110">
        <v>93518.075419999994</v>
      </c>
      <c r="G3110">
        <v>52595.22537</v>
      </c>
      <c r="H3110">
        <v>45647.225030000001</v>
      </c>
      <c r="I3110">
        <v>32429.993310000002</v>
      </c>
      <c r="J3110">
        <v>45132.722289999998</v>
      </c>
      <c r="K3110">
        <v>57474.605739999999</v>
      </c>
      <c r="L3110">
        <v>33631.782709999999</v>
      </c>
      <c r="M3110">
        <v>352017.48619999998</v>
      </c>
      <c r="N3110">
        <v>85813.337400000004</v>
      </c>
      <c r="O3110">
        <v>23272.48647</v>
      </c>
      <c r="P3110">
        <v>32908.270680000001</v>
      </c>
      <c r="Q3110">
        <v>97366.604000000007</v>
      </c>
      <c r="R3110">
        <v>23637.038649999999</v>
      </c>
      <c r="S3110">
        <v>107566.2061</v>
      </c>
      <c r="T3110">
        <v>31905.480189999998</v>
      </c>
      <c r="U3110">
        <v>17358.904149999998</v>
      </c>
      <c r="W3110" s="83">
        <f>Bühler!N3142</f>
        <v>45421.499999992462</v>
      </c>
      <c r="X3110" s="83">
        <v>43230.5</v>
      </c>
      <c r="Y3110">
        <v>270151.00630000001</v>
      </c>
      <c r="Z3110">
        <v>30504.25402</v>
      </c>
      <c r="AA3110">
        <v>93518.075419999994</v>
      </c>
      <c r="AB3110">
        <v>52595.22537</v>
      </c>
      <c r="AC3110">
        <v>45647.225030000001</v>
      </c>
      <c r="AD3110">
        <v>32429.993310000002</v>
      </c>
      <c r="AE3110">
        <v>45132.722289999998</v>
      </c>
      <c r="AF3110">
        <v>57474.605739999999</v>
      </c>
      <c r="AG3110">
        <v>33631.782709999999</v>
      </c>
      <c r="AH3110">
        <v>352017.48619999998</v>
      </c>
      <c r="AI3110">
        <v>85813.337400000004</v>
      </c>
      <c r="AJ3110">
        <v>23272.48647</v>
      </c>
      <c r="AK3110">
        <v>32908.270680000001</v>
      </c>
      <c r="AL3110">
        <v>97366.604000000007</v>
      </c>
      <c r="AM3110">
        <v>23637.038649999999</v>
      </c>
      <c r="AN3110">
        <v>107566.2061</v>
      </c>
      <c r="AO3110">
        <v>31905.480189999998</v>
      </c>
      <c r="AP3110">
        <v>17358.904149999998</v>
      </c>
    </row>
    <row r="3111" spans="2:42" x14ac:dyDescent="0.3">
      <c r="B3111">
        <v>68.552678679827991</v>
      </c>
      <c r="C3111" s="83">
        <v>43230.541666666664</v>
      </c>
      <c r="D3111">
        <v>270240.03200000001</v>
      </c>
      <c r="E3111">
        <v>30885.032790000001</v>
      </c>
      <c r="F3111">
        <v>92666.196509999994</v>
      </c>
      <c r="G3111">
        <v>51151.721310000001</v>
      </c>
      <c r="H3111">
        <v>45354.481330000002</v>
      </c>
      <c r="I3111">
        <v>32368.56913</v>
      </c>
      <c r="J3111">
        <v>43436.693059999998</v>
      </c>
      <c r="K3111">
        <v>60321.406360000001</v>
      </c>
      <c r="L3111">
        <v>32989.758090000003</v>
      </c>
      <c r="M3111">
        <v>349513.52490000002</v>
      </c>
      <c r="N3111">
        <v>84643.058810000002</v>
      </c>
      <c r="O3111">
        <v>23756.001779999999</v>
      </c>
      <c r="P3111">
        <v>32401.969489999999</v>
      </c>
      <c r="Q3111">
        <v>95965.297179999994</v>
      </c>
      <c r="R3111">
        <v>22688.807929999999</v>
      </c>
      <c r="S3111">
        <v>105331.4512</v>
      </c>
      <c r="T3111">
        <v>30883.041290000001</v>
      </c>
      <c r="U3111">
        <v>17724.061000000002</v>
      </c>
      <c r="W3111" s="83">
        <f>Bühler!N3143</f>
        <v>45421.541666659126</v>
      </c>
      <c r="X3111" s="83">
        <v>43230.541666666664</v>
      </c>
      <c r="Y3111">
        <v>270240.03200000001</v>
      </c>
      <c r="Z3111">
        <v>30885.032790000001</v>
      </c>
      <c r="AA3111">
        <v>92666.196509999994</v>
      </c>
      <c r="AB3111">
        <v>51151.721310000001</v>
      </c>
      <c r="AC3111">
        <v>45354.481330000002</v>
      </c>
      <c r="AD3111">
        <v>32368.56913</v>
      </c>
      <c r="AE3111">
        <v>43436.693059999998</v>
      </c>
      <c r="AF3111">
        <v>60321.406360000001</v>
      </c>
      <c r="AG3111">
        <v>32989.758090000003</v>
      </c>
      <c r="AH3111">
        <v>349513.52490000002</v>
      </c>
      <c r="AI3111">
        <v>84643.058810000002</v>
      </c>
      <c r="AJ3111">
        <v>23756.001779999999</v>
      </c>
      <c r="AK3111">
        <v>32401.969489999999</v>
      </c>
      <c r="AL3111">
        <v>95965.297179999994</v>
      </c>
      <c r="AM3111">
        <v>22688.807929999999</v>
      </c>
      <c r="AN3111">
        <v>105331.4512</v>
      </c>
      <c r="AO3111">
        <v>30883.041290000001</v>
      </c>
      <c r="AP3111">
        <v>17724.061000000002</v>
      </c>
    </row>
    <row r="3112" spans="2:42" x14ac:dyDescent="0.3">
      <c r="B3112">
        <v>68.139235703328623</v>
      </c>
      <c r="C3112" s="83">
        <v>43230.583333333336</v>
      </c>
      <c r="D3112">
        <v>270021.03869999998</v>
      </c>
      <c r="E3112">
        <v>33474.656660000001</v>
      </c>
      <c r="F3112">
        <v>94183.769289999997</v>
      </c>
      <c r="G3112">
        <v>48887.167150000001</v>
      </c>
      <c r="H3112">
        <v>45220.600039999998</v>
      </c>
      <c r="I3112">
        <v>33586.35671</v>
      </c>
      <c r="J3112">
        <v>42768.92037</v>
      </c>
      <c r="K3112">
        <v>59689.443480000002</v>
      </c>
      <c r="L3112">
        <v>30108.019489999999</v>
      </c>
      <c r="M3112">
        <v>347405.59980000003</v>
      </c>
      <c r="N3112">
        <v>83485.368130000003</v>
      </c>
      <c r="O3112">
        <v>23335.7804</v>
      </c>
      <c r="P3112">
        <v>29444.879430000001</v>
      </c>
      <c r="Q3112">
        <v>95158.624779999998</v>
      </c>
      <c r="R3112">
        <v>22183.098170000001</v>
      </c>
      <c r="S3112">
        <v>100702.1204</v>
      </c>
      <c r="T3112">
        <v>29734.04911</v>
      </c>
      <c r="U3112">
        <v>18381.03888</v>
      </c>
      <c r="W3112" s="83">
        <f>Bühler!N3144</f>
        <v>45421.583333325791</v>
      </c>
      <c r="X3112" s="83">
        <v>43230.583333333336</v>
      </c>
      <c r="Y3112">
        <v>270021.03869999998</v>
      </c>
      <c r="Z3112">
        <v>33474.656660000001</v>
      </c>
      <c r="AA3112">
        <v>94183.769289999997</v>
      </c>
      <c r="AB3112">
        <v>48887.167150000001</v>
      </c>
      <c r="AC3112">
        <v>45220.600039999998</v>
      </c>
      <c r="AD3112">
        <v>33586.35671</v>
      </c>
      <c r="AE3112">
        <v>42768.92037</v>
      </c>
      <c r="AF3112">
        <v>59689.443480000002</v>
      </c>
      <c r="AG3112">
        <v>30108.019489999999</v>
      </c>
      <c r="AH3112">
        <v>347405.59980000003</v>
      </c>
      <c r="AI3112">
        <v>83485.368130000003</v>
      </c>
      <c r="AJ3112">
        <v>23335.7804</v>
      </c>
      <c r="AK3112">
        <v>29444.879430000001</v>
      </c>
      <c r="AL3112">
        <v>95158.624779999998</v>
      </c>
      <c r="AM3112">
        <v>22183.098170000001</v>
      </c>
      <c r="AN3112">
        <v>100702.1204</v>
      </c>
      <c r="AO3112">
        <v>29734.04911</v>
      </c>
      <c r="AP3112">
        <v>18381.03888</v>
      </c>
    </row>
    <row r="3113" spans="2:42" x14ac:dyDescent="0.3">
      <c r="B3113">
        <v>67.272993699599709</v>
      </c>
      <c r="C3113" s="83">
        <v>43230.625</v>
      </c>
      <c r="D3113">
        <v>267712.47610000003</v>
      </c>
      <c r="E3113">
        <v>32885.379930000003</v>
      </c>
      <c r="F3113">
        <v>95445.547120000003</v>
      </c>
      <c r="G3113">
        <v>46598.199280000001</v>
      </c>
      <c r="H3113">
        <v>44184.442669999997</v>
      </c>
      <c r="I3113">
        <v>33239.162700000001</v>
      </c>
      <c r="J3113">
        <v>42341.551870000003</v>
      </c>
      <c r="K3113">
        <v>58213.335299999999</v>
      </c>
      <c r="L3113">
        <v>26904.95464</v>
      </c>
      <c r="M3113">
        <v>342989.09409999999</v>
      </c>
      <c r="N3113">
        <v>81144.750899999999</v>
      </c>
      <c r="O3113">
        <v>23300.548190000001</v>
      </c>
      <c r="P3113">
        <v>26662.168710000002</v>
      </c>
      <c r="Q3113">
        <v>93868.792369999996</v>
      </c>
      <c r="R3113">
        <v>21732.929609999999</v>
      </c>
      <c r="S3113">
        <v>99920.145860000004</v>
      </c>
      <c r="T3113">
        <v>29230.896219999999</v>
      </c>
      <c r="U3113">
        <v>17339.239109999999</v>
      </c>
      <c r="W3113" s="83">
        <f>Bühler!N3145</f>
        <v>45421.624999992455</v>
      </c>
      <c r="X3113" s="83">
        <v>43230.625</v>
      </c>
      <c r="Y3113">
        <v>267712.47610000003</v>
      </c>
      <c r="Z3113">
        <v>32885.379930000003</v>
      </c>
      <c r="AA3113">
        <v>95445.547120000003</v>
      </c>
      <c r="AB3113">
        <v>46598.199280000001</v>
      </c>
      <c r="AC3113">
        <v>44184.442669999997</v>
      </c>
      <c r="AD3113">
        <v>33239.162700000001</v>
      </c>
      <c r="AE3113">
        <v>42341.551870000003</v>
      </c>
      <c r="AF3113">
        <v>58213.335299999999</v>
      </c>
      <c r="AG3113">
        <v>26904.95464</v>
      </c>
      <c r="AH3113">
        <v>342989.09409999999</v>
      </c>
      <c r="AI3113">
        <v>81144.750899999999</v>
      </c>
      <c r="AJ3113">
        <v>23300.548190000001</v>
      </c>
      <c r="AK3113">
        <v>26662.168710000002</v>
      </c>
      <c r="AL3113">
        <v>93868.792369999996</v>
      </c>
      <c r="AM3113">
        <v>21732.929609999999</v>
      </c>
      <c r="AN3113">
        <v>99920.145860000004</v>
      </c>
      <c r="AO3113">
        <v>29230.896219999999</v>
      </c>
      <c r="AP3113">
        <v>17339.239109999999</v>
      </c>
    </row>
    <row r="3114" spans="2:42" x14ac:dyDescent="0.3">
      <c r="B3114">
        <v>67.016775905387718</v>
      </c>
      <c r="C3114" s="83">
        <v>43230.666666666664</v>
      </c>
      <c r="D3114">
        <v>261203.56289999999</v>
      </c>
      <c r="E3114">
        <v>31618.19671</v>
      </c>
      <c r="F3114">
        <v>94826.238759999993</v>
      </c>
      <c r="G3114">
        <v>44476.939129999999</v>
      </c>
      <c r="H3114">
        <v>42807.52218</v>
      </c>
      <c r="I3114">
        <v>34433.311529999999</v>
      </c>
      <c r="J3114">
        <v>41434.799370000001</v>
      </c>
      <c r="K3114">
        <v>55253.431839999997</v>
      </c>
      <c r="L3114">
        <v>25417.614600000001</v>
      </c>
      <c r="M3114">
        <v>341682.77630000003</v>
      </c>
      <c r="N3114">
        <v>78896.502359999999</v>
      </c>
      <c r="O3114">
        <v>22698.705989999999</v>
      </c>
      <c r="P3114">
        <v>26316.793529999999</v>
      </c>
      <c r="Q3114">
        <v>92689.436199999996</v>
      </c>
      <c r="R3114">
        <v>22486.876530000001</v>
      </c>
      <c r="S3114">
        <v>96553.463380000001</v>
      </c>
      <c r="T3114">
        <v>28859.581590000002</v>
      </c>
      <c r="U3114">
        <v>16353.57274</v>
      </c>
      <c r="W3114" s="83">
        <f>Bühler!N3146</f>
        <v>45421.666666659119</v>
      </c>
      <c r="X3114" s="83">
        <v>43230.666666666664</v>
      </c>
      <c r="Y3114">
        <v>261203.56289999999</v>
      </c>
      <c r="Z3114">
        <v>31618.19671</v>
      </c>
      <c r="AA3114">
        <v>94826.238759999993</v>
      </c>
      <c r="AB3114">
        <v>44476.939129999999</v>
      </c>
      <c r="AC3114">
        <v>42807.52218</v>
      </c>
      <c r="AD3114">
        <v>34433.311529999999</v>
      </c>
      <c r="AE3114">
        <v>41434.799370000001</v>
      </c>
      <c r="AF3114">
        <v>55253.431839999997</v>
      </c>
      <c r="AG3114">
        <v>25417.614600000001</v>
      </c>
      <c r="AH3114">
        <v>341682.77630000003</v>
      </c>
      <c r="AI3114">
        <v>78896.502359999999</v>
      </c>
      <c r="AJ3114">
        <v>22698.705989999999</v>
      </c>
      <c r="AK3114">
        <v>26316.793529999999</v>
      </c>
      <c r="AL3114">
        <v>92689.436199999996</v>
      </c>
      <c r="AM3114">
        <v>22486.876530000001</v>
      </c>
      <c r="AN3114">
        <v>96553.463380000001</v>
      </c>
      <c r="AO3114">
        <v>28859.581590000002</v>
      </c>
      <c r="AP3114">
        <v>16353.57274</v>
      </c>
    </row>
    <row r="3115" spans="2:42" x14ac:dyDescent="0.3">
      <c r="B3115">
        <v>65.357926040987905</v>
      </c>
      <c r="C3115" s="83">
        <v>43230.708333333336</v>
      </c>
      <c r="D3115">
        <v>254012.15669999999</v>
      </c>
      <c r="E3115">
        <v>29868.668610000001</v>
      </c>
      <c r="F3115">
        <v>93574.010620000001</v>
      </c>
      <c r="G3115">
        <v>41015.869079999997</v>
      </c>
      <c r="H3115">
        <v>41295.569190000002</v>
      </c>
      <c r="I3115">
        <v>34351.85396</v>
      </c>
      <c r="J3115">
        <v>41749.560449999997</v>
      </c>
      <c r="K3115">
        <v>51345.653579999998</v>
      </c>
      <c r="L3115">
        <v>26732.461930000001</v>
      </c>
      <c r="M3115">
        <v>333225.18609999999</v>
      </c>
      <c r="N3115">
        <v>75750.077860000005</v>
      </c>
      <c r="O3115">
        <v>21380.513500000001</v>
      </c>
      <c r="P3115">
        <v>27441.096710000002</v>
      </c>
      <c r="Q3115">
        <v>90257.083929999993</v>
      </c>
      <c r="R3115">
        <v>21652.72366</v>
      </c>
      <c r="S3115">
        <v>93440.845480000004</v>
      </c>
      <c r="T3115">
        <v>28066.59809</v>
      </c>
      <c r="U3115">
        <v>14799.986860000001</v>
      </c>
      <c r="W3115" s="83">
        <f>Bühler!N3147</f>
        <v>45421.708333325783</v>
      </c>
      <c r="X3115" s="83">
        <v>43230.708333333336</v>
      </c>
      <c r="Y3115">
        <v>254012.15669999999</v>
      </c>
      <c r="Z3115">
        <v>29868.668610000001</v>
      </c>
      <c r="AA3115">
        <v>93574.010620000001</v>
      </c>
      <c r="AB3115">
        <v>41015.869079999997</v>
      </c>
      <c r="AC3115">
        <v>41295.569190000002</v>
      </c>
      <c r="AD3115">
        <v>34351.85396</v>
      </c>
      <c r="AE3115">
        <v>41749.560449999997</v>
      </c>
      <c r="AF3115">
        <v>51345.653579999998</v>
      </c>
      <c r="AG3115">
        <v>26732.461930000001</v>
      </c>
      <c r="AH3115">
        <v>333225.18609999999</v>
      </c>
      <c r="AI3115">
        <v>75750.077860000005</v>
      </c>
      <c r="AJ3115">
        <v>21380.513500000001</v>
      </c>
      <c r="AK3115">
        <v>27441.096710000002</v>
      </c>
      <c r="AL3115">
        <v>90257.083929999993</v>
      </c>
      <c r="AM3115">
        <v>21652.72366</v>
      </c>
      <c r="AN3115">
        <v>93440.845480000004</v>
      </c>
      <c r="AO3115">
        <v>28066.59809</v>
      </c>
      <c r="AP3115">
        <v>14799.986860000001</v>
      </c>
    </row>
    <row r="3116" spans="2:42" x14ac:dyDescent="0.3">
      <c r="B3116">
        <v>64.007872664473936</v>
      </c>
      <c r="C3116" s="83">
        <v>43230.75</v>
      </c>
      <c r="D3116">
        <v>246507.34760000001</v>
      </c>
      <c r="E3116">
        <v>27358.752349999999</v>
      </c>
      <c r="F3116">
        <v>90791.898199999996</v>
      </c>
      <c r="G3116">
        <v>37521.049019999999</v>
      </c>
      <c r="H3116">
        <v>39707.042350000003</v>
      </c>
      <c r="I3116">
        <v>33268.987439999997</v>
      </c>
      <c r="J3116">
        <v>41280.760730000002</v>
      </c>
      <c r="K3116">
        <v>49274.849349999997</v>
      </c>
      <c r="L3116">
        <v>27518.735919999999</v>
      </c>
      <c r="M3116">
        <v>326341.98440000002</v>
      </c>
      <c r="N3116">
        <v>74454.291630000007</v>
      </c>
      <c r="O3116">
        <v>19916.9679</v>
      </c>
      <c r="P3116">
        <v>31049.560979999998</v>
      </c>
      <c r="Q3116">
        <v>87809.509420000002</v>
      </c>
      <c r="R3116">
        <v>20633.381420000002</v>
      </c>
      <c r="S3116">
        <v>88166.171530000007</v>
      </c>
      <c r="T3116">
        <v>27853.96256</v>
      </c>
      <c r="U3116">
        <v>14025.537329999999</v>
      </c>
      <c r="W3116" s="83">
        <f>Bühler!N3148</f>
        <v>45421.749999992448</v>
      </c>
      <c r="X3116" s="83">
        <v>43230.75</v>
      </c>
      <c r="Y3116">
        <v>246507.34760000001</v>
      </c>
      <c r="Z3116">
        <v>27358.752349999999</v>
      </c>
      <c r="AA3116">
        <v>90791.898199999996</v>
      </c>
      <c r="AB3116">
        <v>37521.049019999999</v>
      </c>
      <c r="AC3116">
        <v>39707.042350000003</v>
      </c>
      <c r="AD3116">
        <v>33268.987439999997</v>
      </c>
      <c r="AE3116">
        <v>41280.760730000002</v>
      </c>
      <c r="AF3116">
        <v>49274.849349999997</v>
      </c>
      <c r="AG3116">
        <v>27518.735919999999</v>
      </c>
      <c r="AH3116">
        <v>326341.98440000002</v>
      </c>
      <c r="AI3116">
        <v>74454.291630000007</v>
      </c>
      <c r="AJ3116">
        <v>19916.9679</v>
      </c>
      <c r="AK3116">
        <v>31049.560979999998</v>
      </c>
      <c r="AL3116">
        <v>87809.509420000002</v>
      </c>
      <c r="AM3116">
        <v>20633.381420000002</v>
      </c>
      <c r="AN3116">
        <v>88166.171530000007</v>
      </c>
      <c r="AO3116">
        <v>27853.96256</v>
      </c>
      <c r="AP3116">
        <v>14025.537329999999</v>
      </c>
    </row>
    <row r="3117" spans="2:42" x14ac:dyDescent="0.3">
      <c r="B3117">
        <v>62.438867386519775</v>
      </c>
      <c r="C3117" s="83">
        <v>43230.791666666664</v>
      </c>
      <c r="D3117">
        <v>240331.49400000001</v>
      </c>
      <c r="E3117">
        <v>22024.780859999999</v>
      </c>
      <c r="F3117">
        <v>79420.914569999994</v>
      </c>
      <c r="G3117">
        <v>35418.23285</v>
      </c>
      <c r="H3117">
        <v>37831.559240000002</v>
      </c>
      <c r="I3117">
        <v>31181.148580000001</v>
      </c>
      <c r="J3117">
        <v>40529.687449999998</v>
      </c>
      <c r="K3117">
        <v>48567.252240000002</v>
      </c>
      <c r="L3117">
        <v>28632.682639999999</v>
      </c>
      <c r="M3117">
        <v>318342.46380000003</v>
      </c>
      <c r="N3117">
        <v>74338.803360000005</v>
      </c>
      <c r="O3117">
        <v>19970.81853</v>
      </c>
      <c r="P3117">
        <v>31971.720959999999</v>
      </c>
      <c r="Q3117">
        <v>85626.213470000002</v>
      </c>
      <c r="R3117">
        <v>18671.832109999999</v>
      </c>
      <c r="S3117">
        <v>84668.187000000005</v>
      </c>
      <c r="T3117">
        <v>27534.93765</v>
      </c>
      <c r="U3117">
        <v>13258.217119999999</v>
      </c>
      <c r="W3117" s="83">
        <f>Bühler!N3149</f>
        <v>45421.791666659112</v>
      </c>
      <c r="X3117" s="83">
        <v>43230.791666666664</v>
      </c>
      <c r="Y3117">
        <v>240331.49400000001</v>
      </c>
      <c r="Z3117">
        <v>22024.780859999999</v>
      </c>
      <c r="AA3117">
        <v>79420.914569999994</v>
      </c>
      <c r="AB3117">
        <v>35418.23285</v>
      </c>
      <c r="AC3117">
        <v>37831.559240000002</v>
      </c>
      <c r="AD3117">
        <v>31181.148580000001</v>
      </c>
      <c r="AE3117">
        <v>40529.687449999998</v>
      </c>
      <c r="AF3117">
        <v>48567.252240000002</v>
      </c>
      <c r="AG3117">
        <v>28632.682639999999</v>
      </c>
      <c r="AH3117">
        <v>318342.46380000003</v>
      </c>
      <c r="AI3117">
        <v>74338.803360000005</v>
      </c>
      <c r="AJ3117">
        <v>19970.81853</v>
      </c>
      <c r="AK3117">
        <v>31971.720959999999</v>
      </c>
      <c r="AL3117">
        <v>85626.213470000002</v>
      </c>
      <c r="AM3117">
        <v>18671.832109999999</v>
      </c>
      <c r="AN3117">
        <v>84668.187000000005</v>
      </c>
      <c r="AO3117">
        <v>27534.93765</v>
      </c>
      <c r="AP3117">
        <v>13258.217119999999</v>
      </c>
    </row>
    <row r="3118" spans="2:42" x14ac:dyDescent="0.3">
      <c r="B3118">
        <v>60.121217488007815</v>
      </c>
      <c r="C3118" s="83">
        <v>43230.833333333336</v>
      </c>
      <c r="D3118">
        <v>232170.1997</v>
      </c>
      <c r="E3118">
        <v>16551.15409</v>
      </c>
      <c r="F3118">
        <v>62359.834600000002</v>
      </c>
      <c r="G3118">
        <v>33825.589019999999</v>
      </c>
      <c r="H3118">
        <v>35709.198629999999</v>
      </c>
      <c r="I3118">
        <v>27825.67122</v>
      </c>
      <c r="J3118">
        <v>40281.21514</v>
      </c>
      <c r="K3118">
        <v>49009.537649999998</v>
      </c>
      <c r="L3118">
        <v>28287.861270000001</v>
      </c>
      <c r="M3118">
        <v>306526.00380000001</v>
      </c>
      <c r="N3118">
        <v>72169.126600000003</v>
      </c>
      <c r="O3118">
        <v>19385.26528</v>
      </c>
      <c r="P3118">
        <v>32101.06711</v>
      </c>
      <c r="Q3118">
        <v>81360.687229999996</v>
      </c>
      <c r="R3118">
        <v>18492.943940000001</v>
      </c>
      <c r="S3118">
        <v>77518.967629999999</v>
      </c>
      <c r="T3118">
        <v>27017.26513</v>
      </c>
      <c r="U3118">
        <v>12660.146059999999</v>
      </c>
      <c r="W3118" s="83">
        <f>Bühler!N3150</f>
        <v>45421.833333325776</v>
      </c>
      <c r="X3118" s="83">
        <v>43230.833333333336</v>
      </c>
      <c r="Y3118">
        <v>232170.1997</v>
      </c>
      <c r="Z3118">
        <v>16551.15409</v>
      </c>
      <c r="AA3118">
        <v>62359.834600000002</v>
      </c>
      <c r="AB3118">
        <v>33825.589019999999</v>
      </c>
      <c r="AC3118">
        <v>35709.198629999999</v>
      </c>
      <c r="AD3118">
        <v>27825.67122</v>
      </c>
      <c r="AE3118">
        <v>40281.21514</v>
      </c>
      <c r="AF3118">
        <v>49009.537649999998</v>
      </c>
      <c r="AG3118">
        <v>28287.861270000001</v>
      </c>
      <c r="AH3118">
        <v>306526.00380000001</v>
      </c>
      <c r="AI3118">
        <v>72169.126600000003</v>
      </c>
      <c r="AJ3118">
        <v>19385.26528</v>
      </c>
      <c r="AK3118">
        <v>32101.06711</v>
      </c>
      <c r="AL3118">
        <v>81360.687229999996</v>
      </c>
      <c r="AM3118">
        <v>18492.943940000001</v>
      </c>
      <c r="AN3118">
        <v>77518.967629999999</v>
      </c>
      <c r="AO3118">
        <v>27017.26513</v>
      </c>
      <c r="AP3118">
        <v>12660.146059999999</v>
      </c>
    </row>
    <row r="3119" spans="2:42" x14ac:dyDescent="0.3">
      <c r="B3119">
        <v>58.420630092019564</v>
      </c>
      <c r="C3119" s="83">
        <v>43230.875</v>
      </c>
      <c r="D3119">
        <v>225093.9051</v>
      </c>
      <c r="E3119">
        <v>14287.998369999999</v>
      </c>
      <c r="F3119">
        <v>54521.493000000002</v>
      </c>
      <c r="G3119">
        <v>33064.849300000002</v>
      </c>
      <c r="H3119">
        <v>35381.783530000001</v>
      </c>
      <c r="I3119">
        <v>24199.520670000002</v>
      </c>
      <c r="J3119">
        <v>41654.710330000002</v>
      </c>
      <c r="K3119">
        <v>48568.738060000003</v>
      </c>
      <c r="L3119">
        <v>27258.728319999998</v>
      </c>
      <c r="M3119">
        <v>297855.61619999999</v>
      </c>
      <c r="N3119">
        <v>72306.927609999999</v>
      </c>
      <c r="O3119">
        <v>18539.209920000001</v>
      </c>
      <c r="P3119">
        <v>32002.17974</v>
      </c>
      <c r="Q3119">
        <v>78348.173429999995</v>
      </c>
      <c r="R3119">
        <v>17777.013640000001</v>
      </c>
      <c r="S3119">
        <v>75645.725940000004</v>
      </c>
      <c r="T3119">
        <v>25300.283609999999</v>
      </c>
      <c r="U3119">
        <v>12322.61393</v>
      </c>
      <c r="W3119" s="83">
        <f>Bühler!N3151</f>
        <v>45421.87499999244</v>
      </c>
      <c r="X3119" s="83">
        <v>43230.875</v>
      </c>
      <c r="Y3119">
        <v>225093.9051</v>
      </c>
      <c r="Z3119">
        <v>14287.998369999999</v>
      </c>
      <c r="AA3119">
        <v>54521.493000000002</v>
      </c>
      <c r="AB3119">
        <v>33064.849300000002</v>
      </c>
      <c r="AC3119">
        <v>35381.783530000001</v>
      </c>
      <c r="AD3119">
        <v>24199.520670000002</v>
      </c>
      <c r="AE3119">
        <v>41654.710330000002</v>
      </c>
      <c r="AF3119">
        <v>48568.738060000003</v>
      </c>
      <c r="AG3119">
        <v>27258.728319999998</v>
      </c>
      <c r="AH3119">
        <v>297855.61619999999</v>
      </c>
      <c r="AI3119">
        <v>72306.927609999999</v>
      </c>
      <c r="AJ3119">
        <v>18539.209920000001</v>
      </c>
      <c r="AK3119">
        <v>32002.17974</v>
      </c>
      <c r="AL3119">
        <v>78348.173429999995</v>
      </c>
      <c r="AM3119">
        <v>17777.013640000001</v>
      </c>
      <c r="AN3119">
        <v>75645.725940000004</v>
      </c>
      <c r="AO3119">
        <v>25300.283609999999</v>
      </c>
      <c r="AP3119">
        <v>12322.61393</v>
      </c>
    </row>
    <row r="3120" spans="2:42" x14ac:dyDescent="0.3">
      <c r="B3120">
        <v>57.795091354271079</v>
      </c>
      <c r="C3120" s="83">
        <v>43230.916666666664</v>
      </c>
      <c r="D3120">
        <v>222327.70449999999</v>
      </c>
      <c r="E3120">
        <v>13352.273160000001</v>
      </c>
      <c r="F3120">
        <v>51255.823109999998</v>
      </c>
      <c r="G3120">
        <v>32645.227650000001</v>
      </c>
      <c r="H3120">
        <v>35703.485370000002</v>
      </c>
      <c r="I3120">
        <v>22479.543740000001</v>
      </c>
      <c r="J3120">
        <v>41368.69255</v>
      </c>
      <c r="K3120">
        <v>52334.196080000002</v>
      </c>
      <c r="L3120">
        <v>24539.170959999999</v>
      </c>
      <c r="M3120">
        <v>294666.32799999998</v>
      </c>
      <c r="N3120">
        <v>71030.407470000006</v>
      </c>
      <c r="O3120">
        <v>18183.936600000001</v>
      </c>
      <c r="P3120">
        <v>34092.943010000003</v>
      </c>
      <c r="Q3120">
        <v>75654.942890000006</v>
      </c>
      <c r="R3120">
        <v>19722.335930000001</v>
      </c>
      <c r="S3120">
        <v>75822.254109999994</v>
      </c>
      <c r="T3120">
        <v>21954.130539999998</v>
      </c>
      <c r="U3120">
        <v>12743.27457</v>
      </c>
      <c r="W3120" s="83">
        <f>Bühler!N3152</f>
        <v>45421.916666659105</v>
      </c>
      <c r="X3120" s="83">
        <v>43230.916666666664</v>
      </c>
      <c r="Y3120">
        <v>222327.70449999999</v>
      </c>
      <c r="Z3120">
        <v>13352.273160000001</v>
      </c>
      <c r="AA3120">
        <v>51255.823109999998</v>
      </c>
      <c r="AB3120">
        <v>32645.227650000001</v>
      </c>
      <c r="AC3120">
        <v>35703.485370000002</v>
      </c>
      <c r="AD3120">
        <v>22479.543740000001</v>
      </c>
      <c r="AE3120">
        <v>41368.69255</v>
      </c>
      <c r="AF3120">
        <v>52334.196080000002</v>
      </c>
      <c r="AG3120">
        <v>24539.170959999999</v>
      </c>
      <c r="AH3120">
        <v>294666.32799999998</v>
      </c>
      <c r="AI3120">
        <v>71030.407470000006</v>
      </c>
      <c r="AJ3120">
        <v>18183.936600000001</v>
      </c>
      <c r="AK3120">
        <v>34092.943010000003</v>
      </c>
      <c r="AL3120">
        <v>75654.942890000006</v>
      </c>
      <c r="AM3120">
        <v>19722.335930000001</v>
      </c>
      <c r="AN3120">
        <v>75822.254109999994</v>
      </c>
      <c r="AO3120">
        <v>21954.130539999998</v>
      </c>
      <c r="AP3120">
        <v>12743.27457</v>
      </c>
    </row>
    <row r="3121" spans="2:42" x14ac:dyDescent="0.3">
      <c r="B3121">
        <v>57.02511837873228</v>
      </c>
      <c r="C3121" s="83">
        <v>43230.958333333336</v>
      </c>
      <c r="D3121">
        <v>220969.9516</v>
      </c>
      <c r="E3121">
        <v>12604.597739999999</v>
      </c>
      <c r="F3121">
        <v>49661.46155</v>
      </c>
      <c r="G3121">
        <v>32638.78973</v>
      </c>
      <c r="H3121">
        <v>34866.097999999998</v>
      </c>
      <c r="I3121">
        <v>20913.736560000001</v>
      </c>
      <c r="J3121">
        <v>38489.689760000001</v>
      </c>
      <c r="K3121">
        <v>52338.300600000002</v>
      </c>
      <c r="L3121">
        <v>21057.72407</v>
      </c>
      <c r="M3121">
        <v>290740.64669999998</v>
      </c>
      <c r="N3121">
        <v>70656.389469999995</v>
      </c>
      <c r="O3121">
        <v>17917.300279999999</v>
      </c>
      <c r="P3121">
        <v>31289.913059999999</v>
      </c>
      <c r="Q3121">
        <v>74191.094230000002</v>
      </c>
      <c r="R3121">
        <v>20119.824329999999</v>
      </c>
      <c r="S3121">
        <v>74333.854290000003</v>
      </c>
      <c r="T3121">
        <v>20230.976139999999</v>
      </c>
      <c r="U3121">
        <v>12383.06021</v>
      </c>
      <c r="W3121" s="83">
        <f>Bühler!N3153</f>
        <v>45421.958333325769</v>
      </c>
      <c r="X3121" s="83">
        <v>43230.958333333336</v>
      </c>
      <c r="Y3121">
        <v>220969.9516</v>
      </c>
      <c r="Z3121">
        <v>12604.597739999999</v>
      </c>
      <c r="AA3121">
        <v>49661.46155</v>
      </c>
      <c r="AB3121">
        <v>32638.78973</v>
      </c>
      <c r="AC3121">
        <v>34866.097999999998</v>
      </c>
      <c r="AD3121">
        <v>20913.736560000001</v>
      </c>
      <c r="AE3121">
        <v>38489.689760000001</v>
      </c>
      <c r="AF3121">
        <v>52338.300600000002</v>
      </c>
      <c r="AG3121">
        <v>21057.72407</v>
      </c>
      <c r="AH3121">
        <v>290740.64669999998</v>
      </c>
      <c r="AI3121">
        <v>70656.389469999995</v>
      </c>
      <c r="AJ3121">
        <v>17917.300279999999</v>
      </c>
      <c r="AK3121">
        <v>31289.913059999999</v>
      </c>
      <c r="AL3121">
        <v>74191.094230000002</v>
      </c>
      <c r="AM3121">
        <v>20119.824329999999</v>
      </c>
      <c r="AN3121">
        <v>74333.854290000003</v>
      </c>
      <c r="AO3121">
        <v>20230.976139999999</v>
      </c>
      <c r="AP3121">
        <v>12383.06021</v>
      </c>
    </row>
    <row r="3122" spans="2:42" x14ac:dyDescent="0.3">
      <c r="B3122">
        <v>46.912673078127604</v>
      </c>
      <c r="C3122" s="83">
        <v>43231</v>
      </c>
      <c r="D3122">
        <v>163672.6827</v>
      </c>
      <c r="E3122">
        <v>11383.11844</v>
      </c>
      <c r="F3122">
        <v>46120.897680000002</v>
      </c>
      <c r="G3122">
        <v>31628.98372</v>
      </c>
      <c r="H3122">
        <v>32761.37471</v>
      </c>
      <c r="I3122">
        <v>18595.475770000001</v>
      </c>
      <c r="J3122">
        <v>35044.680339999999</v>
      </c>
      <c r="K3122">
        <v>48266.347800000003</v>
      </c>
      <c r="L3122">
        <v>17874.76165</v>
      </c>
      <c r="M3122">
        <v>239182.68470000001</v>
      </c>
      <c r="N3122">
        <v>66440.73057</v>
      </c>
      <c r="O3122">
        <v>17917.745859999999</v>
      </c>
      <c r="P3122">
        <v>28659.3236</v>
      </c>
      <c r="Q3122">
        <v>58027.350839999999</v>
      </c>
      <c r="R3122">
        <v>16438.472020000001</v>
      </c>
      <c r="S3122">
        <v>71339.899770000004</v>
      </c>
      <c r="T3122">
        <v>19837.38668</v>
      </c>
      <c r="U3122">
        <v>10958.73566</v>
      </c>
      <c r="W3122" s="83">
        <f>Bühler!N3154</f>
        <v>45421.999999992433</v>
      </c>
      <c r="X3122" s="83">
        <v>43231</v>
      </c>
      <c r="Y3122">
        <v>163672.6827</v>
      </c>
      <c r="Z3122">
        <v>11383.11844</v>
      </c>
      <c r="AA3122">
        <v>46120.897680000002</v>
      </c>
      <c r="AB3122">
        <v>31628.98372</v>
      </c>
      <c r="AC3122">
        <v>32761.37471</v>
      </c>
      <c r="AD3122">
        <v>18595.475770000001</v>
      </c>
      <c r="AE3122">
        <v>35044.680339999999</v>
      </c>
      <c r="AF3122">
        <v>48266.347800000003</v>
      </c>
      <c r="AG3122">
        <v>17874.76165</v>
      </c>
      <c r="AH3122">
        <v>239182.68470000001</v>
      </c>
      <c r="AI3122">
        <v>66440.73057</v>
      </c>
      <c r="AJ3122">
        <v>17917.745859999999</v>
      </c>
      <c r="AK3122">
        <v>28659.3236</v>
      </c>
      <c r="AL3122">
        <v>58027.350839999999</v>
      </c>
      <c r="AM3122">
        <v>16438.472020000001</v>
      </c>
      <c r="AN3122">
        <v>71339.899770000004</v>
      </c>
      <c r="AO3122">
        <v>19837.38668</v>
      </c>
      <c r="AP3122">
        <v>10958.73566</v>
      </c>
    </row>
    <row r="3123" spans="2:42" x14ac:dyDescent="0.3">
      <c r="B3123">
        <v>46.533042171462128</v>
      </c>
      <c r="C3123" s="83">
        <v>43231.041666666664</v>
      </c>
      <c r="D3123">
        <v>163881.32260000001</v>
      </c>
      <c r="E3123">
        <v>11271.956469999999</v>
      </c>
      <c r="F3123">
        <v>45953.547599999998</v>
      </c>
      <c r="G3123">
        <v>31391.07144</v>
      </c>
      <c r="H3123">
        <v>32205.52749</v>
      </c>
      <c r="I3123">
        <v>15057.6677</v>
      </c>
      <c r="J3123">
        <v>33898.737350000003</v>
      </c>
      <c r="K3123">
        <v>46144.985339999999</v>
      </c>
      <c r="L3123">
        <v>16927.339199999999</v>
      </c>
      <c r="M3123">
        <v>237247.14929999999</v>
      </c>
      <c r="N3123">
        <v>65589.900739999997</v>
      </c>
      <c r="O3123">
        <v>17748.758580000002</v>
      </c>
      <c r="P3123">
        <v>26754.664349999999</v>
      </c>
      <c r="Q3123">
        <v>59194.21888</v>
      </c>
      <c r="R3123">
        <v>14195.559069999999</v>
      </c>
      <c r="S3123">
        <v>70199.152459999998</v>
      </c>
      <c r="T3123">
        <v>19472.673910000001</v>
      </c>
      <c r="U3123">
        <v>10854.18072</v>
      </c>
      <c r="W3123" s="83">
        <f>Bühler!N3155</f>
        <v>45422.041666659097</v>
      </c>
      <c r="X3123" s="83">
        <v>43231.041666666664</v>
      </c>
      <c r="Y3123">
        <v>163881.32260000001</v>
      </c>
      <c r="Z3123">
        <v>11271.956469999999</v>
      </c>
      <c r="AA3123">
        <v>45953.547599999998</v>
      </c>
      <c r="AB3123">
        <v>31391.07144</v>
      </c>
      <c r="AC3123">
        <v>32205.52749</v>
      </c>
      <c r="AD3123">
        <v>15057.6677</v>
      </c>
      <c r="AE3123">
        <v>33898.737350000003</v>
      </c>
      <c r="AF3123">
        <v>46144.985339999999</v>
      </c>
      <c r="AG3123">
        <v>16927.339199999999</v>
      </c>
      <c r="AH3123">
        <v>237247.14929999999</v>
      </c>
      <c r="AI3123">
        <v>65589.900739999997</v>
      </c>
      <c r="AJ3123">
        <v>17748.758580000002</v>
      </c>
      <c r="AK3123">
        <v>26754.664349999999</v>
      </c>
      <c r="AL3123">
        <v>59194.21888</v>
      </c>
      <c r="AM3123">
        <v>14195.559069999999</v>
      </c>
      <c r="AN3123">
        <v>70199.152459999998</v>
      </c>
      <c r="AO3123">
        <v>19472.673910000001</v>
      </c>
      <c r="AP3123">
        <v>10854.18072</v>
      </c>
    </row>
    <row r="3124" spans="2:42" x14ac:dyDescent="0.3">
      <c r="B3124">
        <v>46.446605374503505</v>
      </c>
      <c r="C3124" s="83">
        <v>43231.083333333336</v>
      </c>
      <c r="D3124">
        <v>163535.33499999999</v>
      </c>
      <c r="E3124">
        <v>11155.75592</v>
      </c>
      <c r="F3124">
        <v>47244.176610000002</v>
      </c>
      <c r="G3124">
        <v>30886.457979999999</v>
      </c>
      <c r="H3124">
        <v>31964.346949999999</v>
      </c>
      <c r="I3124">
        <v>13370.70227</v>
      </c>
      <c r="J3124">
        <v>33719.025199999996</v>
      </c>
      <c r="K3124">
        <v>43728.01384</v>
      </c>
      <c r="L3124">
        <v>17120.943899999998</v>
      </c>
      <c r="M3124">
        <v>236806.45420000001</v>
      </c>
      <c r="N3124">
        <v>63821.245889999998</v>
      </c>
      <c r="O3124">
        <v>17567.324219999999</v>
      </c>
      <c r="P3124">
        <v>25700.862860000001</v>
      </c>
      <c r="Q3124">
        <v>60842.250379999998</v>
      </c>
      <c r="R3124">
        <v>15472.94425</v>
      </c>
      <c r="S3124">
        <v>69504.484419999993</v>
      </c>
      <c r="T3124">
        <v>19124.98516</v>
      </c>
      <c r="U3124">
        <v>10757.415859999999</v>
      </c>
      <c r="W3124" s="83">
        <f>Bühler!N3156</f>
        <v>45422.083333325761</v>
      </c>
      <c r="X3124" s="83">
        <v>43231.083333333336</v>
      </c>
      <c r="Y3124">
        <v>163535.33499999999</v>
      </c>
      <c r="Z3124">
        <v>11155.75592</v>
      </c>
      <c r="AA3124">
        <v>47244.176610000002</v>
      </c>
      <c r="AB3124">
        <v>30886.457979999999</v>
      </c>
      <c r="AC3124">
        <v>31964.346949999999</v>
      </c>
      <c r="AD3124">
        <v>13370.70227</v>
      </c>
      <c r="AE3124">
        <v>33719.025199999996</v>
      </c>
      <c r="AF3124">
        <v>43728.01384</v>
      </c>
      <c r="AG3124">
        <v>17120.943899999998</v>
      </c>
      <c r="AH3124">
        <v>236806.45420000001</v>
      </c>
      <c r="AI3124">
        <v>63821.245889999998</v>
      </c>
      <c r="AJ3124">
        <v>17567.324219999999</v>
      </c>
      <c r="AK3124">
        <v>25700.862860000001</v>
      </c>
      <c r="AL3124">
        <v>60842.250379999998</v>
      </c>
      <c r="AM3124">
        <v>15472.94425</v>
      </c>
      <c r="AN3124">
        <v>69504.484419999993</v>
      </c>
      <c r="AO3124">
        <v>19124.98516</v>
      </c>
      <c r="AP3124">
        <v>10757.415859999999</v>
      </c>
    </row>
    <row r="3125" spans="2:42" x14ac:dyDescent="0.3">
      <c r="B3125">
        <v>46.613313604585493</v>
      </c>
      <c r="C3125" s="83">
        <v>43231.125</v>
      </c>
      <c r="D3125">
        <v>162188.79860000001</v>
      </c>
      <c r="E3125">
        <v>11263.30825</v>
      </c>
      <c r="F3125">
        <v>49072.035230000001</v>
      </c>
      <c r="G3125">
        <v>29902.298030000002</v>
      </c>
      <c r="H3125">
        <v>31930.556400000001</v>
      </c>
      <c r="I3125">
        <v>13074.7351</v>
      </c>
      <c r="J3125">
        <v>33762.698320000003</v>
      </c>
      <c r="K3125">
        <v>42918.000039999999</v>
      </c>
      <c r="L3125">
        <v>16133.71903</v>
      </c>
      <c r="M3125">
        <v>237656.4105</v>
      </c>
      <c r="N3125">
        <v>63062.55528</v>
      </c>
      <c r="O3125">
        <v>17604.065930000001</v>
      </c>
      <c r="P3125">
        <v>24431.455529999999</v>
      </c>
      <c r="Q3125">
        <v>62899.777309999998</v>
      </c>
      <c r="R3125">
        <v>14513.14343</v>
      </c>
      <c r="S3125">
        <v>69593.806379999995</v>
      </c>
      <c r="T3125">
        <v>18774.920529999999</v>
      </c>
      <c r="U3125">
        <v>10822.55853</v>
      </c>
      <c r="W3125" s="83">
        <f>Bühler!N3157</f>
        <v>45422.124999992426</v>
      </c>
      <c r="X3125" s="83">
        <v>43231.125</v>
      </c>
      <c r="Y3125">
        <v>162188.79860000001</v>
      </c>
      <c r="Z3125">
        <v>11263.30825</v>
      </c>
      <c r="AA3125">
        <v>49072.035230000001</v>
      </c>
      <c r="AB3125">
        <v>29902.298030000002</v>
      </c>
      <c r="AC3125">
        <v>31930.556400000001</v>
      </c>
      <c r="AD3125">
        <v>13074.7351</v>
      </c>
      <c r="AE3125">
        <v>33762.698320000003</v>
      </c>
      <c r="AF3125">
        <v>42918.000039999999</v>
      </c>
      <c r="AG3125">
        <v>16133.71903</v>
      </c>
      <c r="AH3125">
        <v>237656.4105</v>
      </c>
      <c r="AI3125">
        <v>63062.55528</v>
      </c>
      <c r="AJ3125">
        <v>17604.065930000001</v>
      </c>
      <c r="AK3125">
        <v>24431.455529999999</v>
      </c>
      <c r="AL3125">
        <v>62899.777309999998</v>
      </c>
      <c r="AM3125">
        <v>14513.14343</v>
      </c>
      <c r="AN3125">
        <v>69593.806379999995</v>
      </c>
      <c r="AO3125">
        <v>18774.920529999999</v>
      </c>
      <c r="AP3125">
        <v>10822.55853</v>
      </c>
    </row>
    <row r="3126" spans="2:42" x14ac:dyDescent="0.3">
      <c r="B3126">
        <v>47.688578327799732</v>
      </c>
      <c r="C3126" s="83">
        <v>43231.166666666664</v>
      </c>
      <c r="D3126">
        <v>161952.4466</v>
      </c>
      <c r="E3126">
        <v>11524.4476</v>
      </c>
      <c r="F3126">
        <v>52170.83913</v>
      </c>
      <c r="G3126">
        <v>29238.10471</v>
      </c>
      <c r="H3126">
        <v>32252.11966</v>
      </c>
      <c r="I3126">
        <v>14441.59446</v>
      </c>
      <c r="J3126">
        <v>35646.164870000001</v>
      </c>
      <c r="K3126">
        <v>41971.398079999999</v>
      </c>
      <c r="L3126">
        <v>15790.53053</v>
      </c>
      <c r="M3126">
        <v>243138.6115</v>
      </c>
      <c r="N3126">
        <v>63156.472750000001</v>
      </c>
      <c r="O3126">
        <v>17695.643169999999</v>
      </c>
      <c r="P3126">
        <v>23553.461780000001</v>
      </c>
      <c r="Q3126">
        <v>64671.492980000003</v>
      </c>
      <c r="R3126">
        <v>14951.16642</v>
      </c>
      <c r="S3126">
        <v>69539.753219999999</v>
      </c>
      <c r="T3126">
        <v>18916.58036</v>
      </c>
      <c r="U3126">
        <v>10917.58684</v>
      </c>
      <c r="W3126" s="83">
        <f>Bühler!N3158</f>
        <v>45422.16666665909</v>
      </c>
      <c r="X3126" s="83">
        <v>43231.166666666664</v>
      </c>
      <c r="Y3126">
        <v>161952.4466</v>
      </c>
      <c r="Z3126">
        <v>11524.4476</v>
      </c>
      <c r="AA3126">
        <v>52170.83913</v>
      </c>
      <c r="AB3126">
        <v>29238.10471</v>
      </c>
      <c r="AC3126">
        <v>32252.11966</v>
      </c>
      <c r="AD3126">
        <v>14441.59446</v>
      </c>
      <c r="AE3126">
        <v>35646.164870000001</v>
      </c>
      <c r="AF3126">
        <v>41971.398079999999</v>
      </c>
      <c r="AG3126">
        <v>15790.53053</v>
      </c>
      <c r="AH3126">
        <v>243138.6115</v>
      </c>
      <c r="AI3126">
        <v>63156.472750000001</v>
      </c>
      <c r="AJ3126">
        <v>17695.643169999999</v>
      </c>
      <c r="AK3126">
        <v>23553.461780000001</v>
      </c>
      <c r="AL3126">
        <v>64671.492980000003</v>
      </c>
      <c r="AM3126">
        <v>14951.16642</v>
      </c>
      <c r="AN3126">
        <v>69539.753219999999</v>
      </c>
      <c r="AO3126">
        <v>18916.58036</v>
      </c>
      <c r="AP3126">
        <v>10917.58684</v>
      </c>
    </row>
    <row r="3127" spans="2:42" x14ac:dyDescent="0.3">
      <c r="B3127">
        <v>48.965958791490692</v>
      </c>
      <c r="C3127" s="83">
        <v>43231.208333333336</v>
      </c>
      <c r="D3127">
        <v>166302.9797</v>
      </c>
      <c r="E3127">
        <v>12689.6332</v>
      </c>
      <c r="F3127">
        <v>62305.904499999997</v>
      </c>
      <c r="G3127">
        <v>29839.20305</v>
      </c>
      <c r="H3127">
        <v>33285.278420000002</v>
      </c>
      <c r="I3127">
        <v>20396.687910000001</v>
      </c>
      <c r="J3127">
        <v>38490.438880000002</v>
      </c>
      <c r="K3127">
        <v>41655.554880000003</v>
      </c>
      <c r="L3127">
        <v>16309.45199</v>
      </c>
      <c r="M3127">
        <v>249651.2928</v>
      </c>
      <c r="N3127">
        <v>62184.063020000001</v>
      </c>
      <c r="O3127">
        <v>18518.336599999999</v>
      </c>
      <c r="P3127">
        <v>24938.73029</v>
      </c>
      <c r="Q3127">
        <v>65253.770660000002</v>
      </c>
      <c r="R3127">
        <v>16977.072199999999</v>
      </c>
      <c r="S3127">
        <v>71053.809890000004</v>
      </c>
      <c r="T3127">
        <v>19378.337319999999</v>
      </c>
      <c r="U3127">
        <v>11625.35061</v>
      </c>
      <c r="W3127" s="83">
        <f>Bühler!N3159</f>
        <v>45422.208333325754</v>
      </c>
      <c r="X3127" s="83">
        <v>43231.208333333336</v>
      </c>
      <c r="Y3127">
        <v>166302.9797</v>
      </c>
      <c r="Z3127">
        <v>12689.6332</v>
      </c>
      <c r="AA3127">
        <v>62305.904499999997</v>
      </c>
      <c r="AB3127">
        <v>29839.20305</v>
      </c>
      <c r="AC3127">
        <v>33285.278420000002</v>
      </c>
      <c r="AD3127">
        <v>20396.687910000001</v>
      </c>
      <c r="AE3127">
        <v>38490.438880000002</v>
      </c>
      <c r="AF3127">
        <v>41655.554880000003</v>
      </c>
      <c r="AG3127">
        <v>16309.45199</v>
      </c>
      <c r="AH3127">
        <v>249651.2928</v>
      </c>
      <c r="AI3127">
        <v>62184.063020000001</v>
      </c>
      <c r="AJ3127">
        <v>18518.336599999999</v>
      </c>
      <c r="AK3127">
        <v>24938.73029</v>
      </c>
      <c r="AL3127">
        <v>65253.770660000002</v>
      </c>
      <c r="AM3127">
        <v>16977.072199999999</v>
      </c>
      <c r="AN3127">
        <v>71053.809890000004</v>
      </c>
      <c r="AO3127">
        <v>19378.337319999999</v>
      </c>
      <c r="AP3127">
        <v>11625.35061</v>
      </c>
    </row>
    <row r="3128" spans="2:42" x14ac:dyDescent="0.3">
      <c r="B3128">
        <v>50.205262353819677</v>
      </c>
      <c r="C3128" s="83">
        <v>43231.25</v>
      </c>
      <c r="D3128">
        <v>169387.73920000001</v>
      </c>
      <c r="E3128">
        <v>14932.37565</v>
      </c>
      <c r="F3128">
        <v>72750.134359999996</v>
      </c>
      <c r="G3128">
        <v>31486.48933</v>
      </c>
      <c r="H3128">
        <v>32883.883880000001</v>
      </c>
      <c r="I3128">
        <v>23808.050889999999</v>
      </c>
      <c r="J3128">
        <v>40260.755740000001</v>
      </c>
      <c r="K3128">
        <v>41393.638440000002</v>
      </c>
      <c r="L3128">
        <v>17700.578710000002</v>
      </c>
      <c r="M3128">
        <v>255969.84030000001</v>
      </c>
      <c r="N3128">
        <v>62114.914949999998</v>
      </c>
      <c r="O3128">
        <v>19364.132750000001</v>
      </c>
      <c r="P3128">
        <v>25245.904460000002</v>
      </c>
      <c r="Q3128">
        <v>65299.735099999998</v>
      </c>
      <c r="R3128">
        <v>15531.999589999999</v>
      </c>
      <c r="S3128">
        <v>75920.177330000006</v>
      </c>
      <c r="T3128">
        <v>20999.143039999999</v>
      </c>
      <c r="U3128">
        <v>11449.062599999999</v>
      </c>
      <c r="W3128" s="83">
        <f>Bühler!N3160</f>
        <v>45422.249999992418</v>
      </c>
      <c r="X3128" s="83">
        <v>43231.25</v>
      </c>
      <c r="Y3128">
        <v>169387.73920000001</v>
      </c>
      <c r="Z3128">
        <v>14932.37565</v>
      </c>
      <c r="AA3128">
        <v>72750.134359999996</v>
      </c>
      <c r="AB3128">
        <v>31486.48933</v>
      </c>
      <c r="AC3128">
        <v>32883.883880000001</v>
      </c>
      <c r="AD3128">
        <v>23808.050889999999</v>
      </c>
      <c r="AE3128">
        <v>40260.755740000001</v>
      </c>
      <c r="AF3128">
        <v>41393.638440000002</v>
      </c>
      <c r="AG3128">
        <v>17700.578710000002</v>
      </c>
      <c r="AH3128">
        <v>255969.84030000001</v>
      </c>
      <c r="AI3128">
        <v>62114.914949999998</v>
      </c>
      <c r="AJ3128">
        <v>19364.132750000001</v>
      </c>
      <c r="AK3128">
        <v>25245.904460000002</v>
      </c>
      <c r="AL3128">
        <v>65299.735099999998</v>
      </c>
      <c r="AM3128">
        <v>15531.999589999999</v>
      </c>
      <c r="AN3128">
        <v>75920.177330000006</v>
      </c>
      <c r="AO3128">
        <v>20999.143039999999</v>
      </c>
      <c r="AP3128">
        <v>11449.062599999999</v>
      </c>
    </row>
    <row r="3129" spans="2:42" x14ac:dyDescent="0.3">
      <c r="B3129">
        <v>51.018186068916762</v>
      </c>
      <c r="C3129" s="83">
        <v>43231.291666666664</v>
      </c>
      <c r="D3129">
        <v>169587.53279999999</v>
      </c>
      <c r="E3129">
        <v>17360.719969999998</v>
      </c>
      <c r="F3129">
        <v>75477.01599</v>
      </c>
      <c r="G3129">
        <v>32733.077649999999</v>
      </c>
      <c r="H3129">
        <v>34116.442479999998</v>
      </c>
      <c r="I3129">
        <v>25631.119729999999</v>
      </c>
      <c r="J3129">
        <v>40885.109579999997</v>
      </c>
      <c r="K3129">
        <v>42828.071730000003</v>
      </c>
      <c r="L3129">
        <v>19768.981820000001</v>
      </c>
      <c r="M3129">
        <v>260114.50450000001</v>
      </c>
      <c r="N3129">
        <v>62260.03875</v>
      </c>
      <c r="O3129">
        <v>19415.133000000002</v>
      </c>
      <c r="P3129">
        <v>28001.639650000001</v>
      </c>
      <c r="Q3129">
        <v>63704.405830000003</v>
      </c>
      <c r="R3129">
        <v>15351.289339999999</v>
      </c>
      <c r="S3129">
        <v>83455.200819999998</v>
      </c>
      <c r="T3129">
        <v>23063.784189999998</v>
      </c>
      <c r="U3129">
        <v>11412.626920000001</v>
      </c>
      <c r="W3129" s="83">
        <f>Bühler!N3161</f>
        <v>45422.291666659083</v>
      </c>
      <c r="X3129" s="83">
        <v>43231.291666666664</v>
      </c>
      <c r="Y3129">
        <v>169587.53279999999</v>
      </c>
      <c r="Z3129">
        <v>17360.719969999998</v>
      </c>
      <c r="AA3129">
        <v>75477.01599</v>
      </c>
      <c r="AB3129">
        <v>32733.077649999999</v>
      </c>
      <c r="AC3129">
        <v>34116.442479999998</v>
      </c>
      <c r="AD3129">
        <v>25631.119729999999</v>
      </c>
      <c r="AE3129">
        <v>40885.109579999997</v>
      </c>
      <c r="AF3129">
        <v>42828.071730000003</v>
      </c>
      <c r="AG3129">
        <v>19768.981820000001</v>
      </c>
      <c r="AH3129">
        <v>260114.50450000001</v>
      </c>
      <c r="AI3129">
        <v>62260.03875</v>
      </c>
      <c r="AJ3129">
        <v>19415.133000000002</v>
      </c>
      <c r="AK3129">
        <v>28001.639650000001</v>
      </c>
      <c r="AL3129">
        <v>63704.405830000003</v>
      </c>
      <c r="AM3129">
        <v>15351.289339999999</v>
      </c>
      <c r="AN3129">
        <v>83455.200819999998</v>
      </c>
      <c r="AO3129">
        <v>23063.784189999998</v>
      </c>
      <c r="AP3129">
        <v>11412.626920000001</v>
      </c>
    </row>
    <row r="3130" spans="2:42" x14ac:dyDescent="0.3">
      <c r="B3130">
        <v>51.122359532930709</v>
      </c>
      <c r="C3130" s="83">
        <v>43231.333333333336</v>
      </c>
      <c r="D3130">
        <v>170580.06270000001</v>
      </c>
      <c r="E3130">
        <v>21572.608789999998</v>
      </c>
      <c r="F3130">
        <v>81604.31684</v>
      </c>
      <c r="G3130">
        <v>35904.139690000004</v>
      </c>
      <c r="H3130">
        <v>35318.93058</v>
      </c>
      <c r="I3130">
        <v>26908.872490000002</v>
      </c>
      <c r="J3130">
        <v>42847.358560000001</v>
      </c>
      <c r="K3130">
        <v>44575.259279999998</v>
      </c>
      <c r="L3130">
        <v>22713.73259</v>
      </c>
      <c r="M3130">
        <v>260645.62940000001</v>
      </c>
      <c r="N3130">
        <v>62929.598230000003</v>
      </c>
      <c r="O3130">
        <v>19482.292880000001</v>
      </c>
      <c r="P3130">
        <v>29931.00073</v>
      </c>
      <c r="Q3130">
        <v>62017.630340000003</v>
      </c>
      <c r="R3130">
        <v>18228.754990000001</v>
      </c>
      <c r="S3130">
        <v>88928.261020000005</v>
      </c>
      <c r="T3130">
        <v>25368.643459999999</v>
      </c>
      <c r="U3130">
        <v>11828.7487</v>
      </c>
      <c r="W3130" s="83">
        <f>Bühler!N3162</f>
        <v>45422.333333325747</v>
      </c>
      <c r="X3130" s="83">
        <v>43231.333333333336</v>
      </c>
      <c r="Y3130">
        <v>170580.06270000001</v>
      </c>
      <c r="Z3130">
        <v>21572.608789999998</v>
      </c>
      <c r="AA3130">
        <v>81604.31684</v>
      </c>
      <c r="AB3130">
        <v>35904.139690000004</v>
      </c>
      <c r="AC3130">
        <v>35318.93058</v>
      </c>
      <c r="AD3130">
        <v>26908.872490000002</v>
      </c>
      <c r="AE3130">
        <v>42847.358560000001</v>
      </c>
      <c r="AF3130">
        <v>44575.259279999998</v>
      </c>
      <c r="AG3130">
        <v>22713.73259</v>
      </c>
      <c r="AH3130">
        <v>260645.62940000001</v>
      </c>
      <c r="AI3130">
        <v>62929.598230000003</v>
      </c>
      <c r="AJ3130">
        <v>19482.292880000001</v>
      </c>
      <c r="AK3130">
        <v>29931.00073</v>
      </c>
      <c r="AL3130">
        <v>62017.630340000003</v>
      </c>
      <c r="AM3130">
        <v>18228.754990000001</v>
      </c>
      <c r="AN3130">
        <v>88928.261020000005</v>
      </c>
      <c r="AO3130">
        <v>25368.643459999999</v>
      </c>
      <c r="AP3130">
        <v>11828.7487</v>
      </c>
    </row>
    <row r="3131" spans="2:42" x14ac:dyDescent="0.3">
      <c r="B3131">
        <v>50.845760609761378</v>
      </c>
      <c r="C3131" s="83">
        <v>43231.375</v>
      </c>
      <c r="D3131">
        <v>169663.6684</v>
      </c>
      <c r="E3131">
        <v>25149.069159999999</v>
      </c>
      <c r="F3131">
        <v>87578.110449999993</v>
      </c>
      <c r="G3131">
        <v>37485.296520000004</v>
      </c>
      <c r="H3131">
        <v>36513.676339999998</v>
      </c>
      <c r="I3131">
        <v>27370.962179999999</v>
      </c>
      <c r="J3131">
        <v>43074.494400000003</v>
      </c>
      <c r="K3131">
        <v>46241.842819999998</v>
      </c>
      <c r="L3131">
        <v>25819.960470000002</v>
      </c>
      <c r="M3131">
        <v>259235.39910000001</v>
      </c>
      <c r="N3131">
        <v>64929.217420000001</v>
      </c>
      <c r="O3131">
        <v>19952.247050000002</v>
      </c>
      <c r="P3131">
        <v>31972.03125</v>
      </c>
      <c r="Q3131">
        <v>62967.334730000002</v>
      </c>
      <c r="R3131">
        <v>19441.60743</v>
      </c>
      <c r="S3131">
        <v>92857.70637</v>
      </c>
      <c r="T3131">
        <v>27738.49986</v>
      </c>
      <c r="U3131">
        <v>12043.745779999999</v>
      </c>
      <c r="W3131" s="83">
        <f>Bühler!N3163</f>
        <v>45422.374999992411</v>
      </c>
      <c r="X3131" s="83">
        <v>43231.375</v>
      </c>
      <c r="Y3131">
        <v>169663.6684</v>
      </c>
      <c r="Z3131">
        <v>25149.069159999999</v>
      </c>
      <c r="AA3131">
        <v>87578.110449999993</v>
      </c>
      <c r="AB3131">
        <v>37485.296520000004</v>
      </c>
      <c r="AC3131">
        <v>36513.676339999998</v>
      </c>
      <c r="AD3131">
        <v>27370.962179999999</v>
      </c>
      <c r="AE3131">
        <v>43074.494400000003</v>
      </c>
      <c r="AF3131">
        <v>46241.842819999998</v>
      </c>
      <c r="AG3131">
        <v>25819.960470000002</v>
      </c>
      <c r="AH3131">
        <v>259235.39910000001</v>
      </c>
      <c r="AI3131">
        <v>64929.217420000001</v>
      </c>
      <c r="AJ3131">
        <v>19952.247050000002</v>
      </c>
      <c r="AK3131">
        <v>31972.03125</v>
      </c>
      <c r="AL3131">
        <v>62967.334730000002</v>
      </c>
      <c r="AM3131">
        <v>19441.60743</v>
      </c>
      <c r="AN3131">
        <v>92857.70637</v>
      </c>
      <c r="AO3131">
        <v>27738.49986</v>
      </c>
      <c r="AP3131">
        <v>12043.745779999999</v>
      </c>
    </row>
    <row r="3132" spans="2:42" x14ac:dyDescent="0.3">
      <c r="B3132">
        <v>50.469908800319992</v>
      </c>
      <c r="C3132" s="83">
        <v>43231.416666666664</v>
      </c>
      <c r="D3132">
        <v>169065.86249999999</v>
      </c>
      <c r="E3132">
        <v>26902.35714</v>
      </c>
      <c r="F3132">
        <v>89194.875960000005</v>
      </c>
      <c r="G3132">
        <v>38066.240290000002</v>
      </c>
      <c r="H3132">
        <v>36987.121740000002</v>
      </c>
      <c r="I3132">
        <v>27327.299019999999</v>
      </c>
      <c r="J3132">
        <v>42243.176529999997</v>
      </c>
      <c r="K3132">
        <v>48284.237379999999</v>
      </c>
      <c r="L3132">
        <v>29810.167669999999</v>
      </c>
      <c r="M3132">
        <v>257319.13130000001</v>
      </c>
      <c r="N3132">
        <v>65267.271500000003</v>
      </c>
      <c r="O3132">
        <v>21033.73775</v>
      </c>
      <c r="P3132">
        <v>32517.113730000001</v>
      </c>
      <c r="Q3132">
        <v>62388.257700000002</v>
      </c>
      <c r="R3132">
        <v>19729.468840000001</v>
      </c>
      <c r="S3132">
        <v>93567.204769999997</v>
      </c>
      <c r="T3132">
        <v>29806.582600000002</v>
      </c>
      <c r="U3132">
        <v>12067.907810000001</v>
      </c>
      <c r="W3132" s="83">
        <f>Bühler!N3164</f>
        <v>45422.416666659075</v>
      </c>
      <c r="X3132" s="83">
        <v>43231.416666666664</v>
      </c>
      <c r="Y3132">
        <v>169065.86249999999</v>
      </c>
      <c r="Z3132">
        <v>26902.35714</v>
      </c>
      <c r="AA3132">
        <v>89194.875960000005</v>
      </c>
      <c r="AB3132">
        <v>38066.240290000002</v>
      </c>
      <c r="AC3132">
        <v>36987.121740000002</v>
      </c>
      <c r="AD3132">
        <v>27327.299019999999</v>
      </c>
      <c r="AE3132">
        <v>42243.176529999997</v>
      </c>
      <c r="AF3132">
        <v>48284.237379999999</v>
      </c>
      <c r="AG3132">
        <v>29810.167669999999</v>
      </c>
      <c r="AH3132">
        <v>257319.13130000001</v>
      </c>
      <c r="AI3132">
        <v>65267.271500000003</v>
      </c>
      <c r="AJ3132">
        <v>21033.73775</v>
      </c>
      <c r="AK3132">
        <v>32517.113730000001</v>
      </c>
      <c r="AL3132">
        <v>62388.257700000002</v>
      </c>
      <c r="AM3132">
        <v>19729.468840000001</v>
      </c>
      <c r="AN3132">
        <v>93567.204769999997</v>
      </c>
      <c r="AO3132">
        <v>29806.582600000002</v>
      </c>
      <c r="AP3132">
        <v>12067.907810000001</v>
      </c>
    </row>
    <row r="3133" spans="2:42" x14ac:dyDescent="0.3">
      <c r="B3133">
        <v>50.340484193831976</v>
      </c>
      <c r="C3133" s="83">
        <v>43231.458333333336</v>
      </c>
      <c r="D3133">
        <v>168293.69130000001</v>
      </c>
      <c r="E3133">
        <v>27173.831590000002</v>
      </c>
      <c r="F3133">
        <v>91291.365489999996</v>
      </c>
      <c r="G3133">
        <v>38192.659829999997</v>
      </c>
      <c r="H3133">
        <v>37014.471449999997</v>
      </c>
      <c r="I3133">
        <v>26951.014350000001</v>
      </c>
      <c r="J3133">
        <v>41824.458760000001</v>
      </c>
      <c r="K3133">
        <v>49951.587590000003</v>
      </c>
      <c r="L3133">
        <v>30718.377629999999</v>
      </c>
      <c r="M3133">
        <v>256659.26430000001</v>
      </c>
      <c r="N3133">
        <v>66125.326650000003</v>
      </c>
      <c r="O3133">
        <v>21257.245620000002</v>
      </c>
      <c r="P3133">
        <v>32245.26528</v>
      </c>
      <c r="Q3133">
        <v>62683.891020000003</v>
      </c>
      <c r="R3133">
        <v>21797.501990000001</v>
      </c>
      <c r="S3133">
        <v>94970.629440000004</v>
      </c>
      <c r="T3133">
        <v>29909.00603</v>
      </c>
      <c r="U3133">
        <v>11880.423430000001</v>
      </c>
      <c r="W3133" s="83">
        <f>Bühler!N3165</f>
        <v>45422.45833332574</v>
      </c>
      <c r="X3133" s="83">
        <v>43231.458333333336</v>
      </c>
      <c r="Y3133">
        <v>168293.69130000001</v>
      </c>
      <c r="Z3133">
        <v>27173.831590000002</v>
      </c>
      <c r="AA3133">
        <v>91291.365489999996</v>
      </c>
      <c r="AB3133">
        <v>38192.659829999997</v>
      </c>
      <c r="AC3133">
        <v>37014.471449999997</v>
      </c>
      <c r="AD3133">
        <v>26951.014350000001</v>
      </c>
      <c r="AE3133">
        <v>41824.458760000001</v>
      </c>
      <c r="AF3133">
        <v>49951.587590000003</v>
      </c>
      <c r="AG3133">
        <v>30718.377629999999</v>
      </c>
      <c r="AH3133">
        <v>256659.26430000001</v>
      </c>
      <c r="AI3133">
        <v>66125.326650000003</v>
      </c>
      <c r="AJ3133">
        <v>21257.245620000002</v>
      </c>
      <c r="AK3133">
        <v>32245.26528</v>
      </c>
      <c r="AL3133">
        <v>62683.891020000003</v>
      </c>
      <c r="AM3133">
        <v>21797.501990000001</v>
      </c>
      <c r="AN3133">
        <v>94970.629440000004</v>
      </c>
      <c r="AO3133">
        <v>29909.00603</v>
      </c>
      <c r="AP3133">
        <v>11880.423430000001</v>
      </c>
    </row>
    <row r="3134" spans="2:42" x14ac:dyDescent="0.3">
      <c r="B3134">
        <v>49.668180294952997</v>
      </c>
      <c r="C3134" s="83">
        <v>43231.5</v>
      </c>
      <c r="D3134">
        <v>163910.8535</v>
      </c>
      <c r="E3134">
        <v>24466.82357</v>
      </c>
      <c r="F3134">
        <v>89432.453049999996</v>
      </c>
      <c r="G3134">
        <v>38061.580130000002</v>
      </c>
      <c r="H3134">
        <v>36581.107199999999</v>
      </c>
      <c r="I3134">
        <v>27069.579109999999</v>
      </c>
      <c r="J3134">
        <v>42420.156269999999</v>
      </c>
      <c r="K3134">
        <v>49740.867449999998</v>
      </c>
      <c r="L3134">
        <v>33344.367230000003</v>
      </c>
      <c r="M3134">
        <v>253231.54550000001</v>
      </c>
      <c r="N3134">
        <v>65078.12614</v>
      </c>
      <c r="O3134">
        <v>20269.682000000001</v>
      </c>
      <c r="P3134">
        <v>32279.24884</v>
      </c>
      <c r="Q3134">
        <v>60193.992910000001</v>
      </c>
      <c r="R3134">
        <v>21263.301719999999</v>
      </c>
      <c r="S3134">
        <v>90081.302849999993</v>
      </c>
      <c r="T3134">
        <v>29163.325980000001</v>
      </c>
      <c r="U3134">
        <v>11687.35728</v>
      </c>
      <c r="W3134" s="83">
        <f>Bühler!N3166</f>
        <v>45422.499999992404</v>
      </c>
      <c r="X3134" s="83">
        <v>43231.5</v>
      </c>
      <c r="Y3134">
        <v>163910.8535</v>
      </c>
      <c r="Z3134">
        <v>24466.82357</v>
      </c>
      <c r="AA3134">
        <v>89432.453049999996</v>
      </c>
      <c r="AB3134">
        <v>38061.580130000002</v>
      </c>
      <c r="AC3134">
        <v>36581.107199999999</v>
      </c>
      <c r="AD3134">
        <v>27069.579109999999</v>
      </c>
      <c r="AE3134">
        <v>42420.156269999999</v>
      </c>
      <c r="AF3134">
        <v>49740.867449999998</v>
      </c>
      <c r="AG3134">
        <v>33344.367230000003</v>
      </c>
      <c r="AH3134">
        <v>253231.54550000001</v>
      </c>
      <c r="AI3134">
        <v>65078.12614</v>
      </c>
      <c r="AJ3134">
        <v>20269.682000000001</v>
      </c>
      <c r="AK3134">
        <v>32279.24884</v>
      </c>
      <c r="AL3134">
        <v>60193.992910000001</v>
      </c>
      <c r="AM3134">
        <v>21263.301719999999</v>
      </c>
      <c r="AN3134">
        <v>90081.302849999993</v>
      </c>
      <c r="AO3134">
        <v>29163.325980000001</v>
      </c>
      <c r="AP3134">
        <v>11687.35728</v>
      </c>
    </row>
    <row r="3135" spans="2:42" x14ac:dyDescent="0.3">
      <c r="B3135">
        <v>48.817901052286231</v>
      </c>
      <c r="C3135" s="83">
        <v>43231.541666666664</v>
      </c>
      <c r="D3135">
        <v>161363.37419999999</v>
      </c>
      <c r="E3135">
        <v>24584.77432</v>
      </c>
      <c r="F3135">
        <v>88155.681360000002</v>
      </c>
      <c r="G3135">
        <v>37231.499320000003</v>
      </c>
      <c r="H3135">
        <v>36265.501660000002</v>
      </c>
      <c r="I3135">
        <v>27472.462510000001</v>
      </c>
      <c r="J3135">
        <v>41315.140760000002</v>
      </c>
      <c r="K3135">
        <v>51090.035040000002</v>
      </c>
      <c r="L3135">
        <v>32019.71601</v>
      </c>
      <c r="M3135">
        <v>248896.42540000001</v>
      </c>
      <c r="N3135">
        <v>63777.748469999999</v>
      </c>
      <c r="O3135">
        <v>20695.013279999999</v>
      </c>
      <c r="P3135">
        <v>31725.241849999999</v>
      </c>
      <c r="Q3135">
        <v>58289.320749999999</v>
      </c>
      <c r="R3135">
        <v>20412.194769999998</v>
      </c>
      <c r="S3135">
        <v>89220.503689999998</v>
      </c>
      <c r="T3135">
        <v>28614.13495</v>
      </c>
      <c r="U3135">
        <v>11497.69175</v>
      </c>
      <c r="W3135" s="83">
        <f>Bühler!N3167</f>
        <v>45422.541666659068</v>
      </c>
      <c r="X3135" s="83">
        <v>43231.541666666664</v>
      </c>
      <c r="Y3135">
        <v>161363.37419999999</v>
      </c>
      <c r="Z3135">
        <v>24584.77432</v>
      </c>
      <c r="AA3135">
        <v>88155.681360000002</v>
      </c>
      <c r="AB3135">
        <v>37231.499320000003</v>
      </c>
      <c r="AC3135">
        <v>36265.501660000002</v>
      </c>
      <c r="AD3135">
        <v>27472.462510000001</v>
      </c>
      <c r="AE3135">
        <v>41315.140760000002</v>
      </c>
      <c r="AF3135">
        <v>51090.035040000002</v>
      </c>
      <c r="AG3135">
        <v>32019.71601</v>
      </c>
      <c r="AH3135">
        <v>248896.42540000001</v>
      </c>
      <c r="AI3135">
        <v>63777.748469999999</v>
      </c>
      <c r="AJ3135">
        <v>20695.013279999999</v>
      </c>
      <c r="AK3135">
        <v>31725.241849999999</v>
      </c>
      <c r="AL3135">
        <v>58289.320749999999</v>
      </c>
      <c r="AM3135">
        <v>20412.194769999998</v>
      </c>
      <c r="AN3135">
        <v>89220.503689999998</v>
      </c>
      <c r="AO3135">
        <v>28614.13495</v>
      </c>
      <c r="AP3135">
        <v>11497.69175</v>
      </c>
    </row>
    <row r="3136" spans="2:42" x14ac:dyDescent="0.3">
      <c r="B3136">
        <v>48.159526950180748</v>
      </c>
      <c r="C3136" s="83">
        <v>43231.583333333336</v>
      </c>
      <c r="D3136">
        <v>162201.114</v>
      </c>
      <c r="E3136">
        <v>26747.86074</v>
      </c>
      <c r="F3136">
        <v>89175.828800000003</v>
      </c>
      <c r="G3136">
        <v>35771.578600000001</v>
      </c>
      <c r="H3136">
        <v>36364.78671</v>
      </c>
      <c r="I3136">
        <v>28181.309789999999</v>
      </c>
      <c r="J3136">
        <v>40769.207390000003</v>
      </c>
      <c r="K3136">
        <v>49335.155760000001</v>
      </c>
      <c r="L3136">
        <v>29160.609229999998</v>
      </c>
      <c r="M3136">
        <v>245539.72719999999</v>
      </c>
      <c r="N3136">
        <v>62469.636879999998</v>
      </c>
      <c r="O3136">
        <v>20444.547050000001</v>
      </c>
      <c r="P3136">
        <v>29060.465080000002</v>
      </c>
      <c r="Q3136">
        <v>57344.075429999997</v>
      </c>
      <c r="R3136">
        <v>20151.34506</v>
      </c>
      <c r="S3136">
        <v>85996.778999999995</v>
      </c>
      <c r="T3136">
        <v>28124.081719999998</v>
      </c>
      <c r="U3136">
        <v>11425.44976</v>
      </c>
      <c r="W3136" s="83">
        <f>Bühler!N3168</f>
        <v>45422.583333325732</v>
      </c>
      <c r="X3136" s="83">
        <v>43231.583333333336</v>
      </c>
      <c r="Y3136">
        <v>162201.114</v>
      </c>
      <c r="Z3136">
        <v>26747.86074</v>
      </c>
      <c r="AA3136">
        <v>89175.828800000003</v>
      </c>
      <c r="AB3136">
        <v>35771.578600000001</v>
      </c>
      <c r="AC3136">
        <v>36364.78671</v>
      </c>
      <c r="AD3136">
        <v>28181.309789999999</v>
      </c>
      <c r="AE3136">
        <v>40769.207390000003</v>
      </c>
      <c r="AF3136">
        <v>49335.155760000001</v>
      </c>
      <c r="AG3136">
        <v>29160.609229999998</v>
      </c>
      <c r="AH3136">
        <v>245539.72719999999</v>
      </c>
      <c r="AI3136">
        <v>62469.636879999998</v>
      </c>
      <c r="AJ3136">
        <v>20444.547050000001</v>
      </c>
      <c r="AK3136">
        <v>29060.465080000002</v>
      </c>
      <c r="AL3136">
        <v>57344.075429999997</v>
      </c>
      <c r="AM3136">
        <v>20151.34506</v>
      </c>
      <c r="AN3136">
        <v>85996.778999999995</v>
      </c>
      <c r="AO3136">
        <v>28124.081719999998</v>
      </c>
      <c r="AP3136">
        <v>11425.44976</v>
      </c>
    </row>
    <row r="3137" spans="2:42" x14ac:dyDescent="0.3">
      <c r="B3137">
        <v>47.620818382586968</v>
      </c>
      <c r="C3137" s="83">
        <v>43231.625</v>
      </c>
      <c r="D3137">
        <v>162076.89110000001</v>
      </c>
      <c r="E3137">
        <v>26711.57761</v>
      </c>
      <c r="F3137">
        <v>90178.692949999997</v>
      </c>
      <c r="G3137">
        <v>34517.707499999997</v>
      </c>
      <c r="H3137">
        <v>36040.350380000003</v>
      </c>
      <c r="I3137">
        <v>28050.86678</v>
      </c>
      <c r="J3137">
        <v>39919.451609999996</v>
      </c>
      <c r="K3137">
        <v>48227.887770000001</v>
      </c>
      <c r="L3137">
        <v>26480.449219999999</v>
      </c>
      <c r="M3137">
        <v>242793.1397</v>
      </c>
      <c r="N3137">
        <v>63449.03729</v>
      </c>
      <c r="O3137">
        <v>20553.12009</v>
      </c>
      <c r="P3137">
        <v>26517.00878</v>
      </c>
      <c r="Q3137">
        <v>55914.306389999998</v>
      </c>
      <c r="R3137">
        <v>19940.96543</v>
      </c>
      <c r="S3137">
        <v>85909.79565</v>
      </c>
      <c r="T3137">
        <v>28201.18362</v>
      </c>
      <c r="U3137">
        <v>11179.11152</v>
      </c>
      <c r="W3137" s="83">
        <f>Bühler!N3169</f>
        <v>45422.624999992397</v>
      </c>
      <c r="X3137" s="83">
        <v>43231.625</v>
      </c>
      <c r="Y3137">
        <v>162076.89110000001</v>
      </c>
      <c r="Z3137">
        <v>26711.57761</v>
      </c>
      <c r="AA3137">
        <v>90178.692949999997</v>
      </c>
      <c r="AB3137">
        <v>34517.707499999997</v>
      </c>
      <c r="AC3137">
        <v>36040.350380000003</v>
      </c>
      <c r="AD3137">
        <v>28050.86678</v>
      </c>
      <c r="AE3137">
        <v>39919.451609999996</v>
      </c>
      <c r="AF3137">
        <v>48227.887770000001</v>
      </c>
      <c r="AG3137">
        <v>26480.449219999999</v>
      </c>
      <c r="AH3137">
        <v>242793.1397</v>
      </c>
      <c r="AI3137">
        <v>63449.03729</v>
      </c>
      <c r="AJ3137">
        <v>20553.12009</v>
      </c>
      <c r="AK3137">
        <v>26517.00878</v>
      </c>
      <c r="AL3137">
        <v>55914.306389999998</v>
      </c>
      <c r="AM3137">
        <v>19940.96543</v>
      </c>
      <c r="AN3137">
        <v>85909.79565</v>
      </c>
      <c r="AO3137">
        <v>28201.18362</v>
      </c>
      <c r="AP3137">
        <v>11179.11152</v>
      </c>
    </row>
    <row r="3138" spans="2:42" x14ac:dyDescent="0.3">
      <c r="B3138">
        <v>47.120774344045351</v>
      </c>
      <c r="C3138" s="83">
        <v>43231.666666666664</v>
      </c>
      <c r="D3138">
        <v>161818.23699999999</v>
      </c>
      <c r="E3138">
        <v>26074.233100000001</v>
      </c>
      <c r="F3138">
        <v>89616.096609999993</v>
      </c>
      <c r="G3138">
        <v>33855.535949999998</v>
      </c>
      <c r="H3138">
        <v>35327.646849999997</v>
      </c>
      <c r="I3138">
        <v>27744.573609999999</v>
      </c>
      <c r="J3138">
        <v>39079.172209999997</v>
      </c>
      <c r="K3138">
        <v>47102.227729999999</v>
      </c>
      <c r="L3138">
        <v>25749.898420000001</v>
      </c>
      <c r="M3138">
        <v>240243.682</v>
      </c>
      <c r="N3138">
        <v>64068.269469999999</v>
      </c>
      <c r="O3138">
        <v>20100.497599999999</v>
      </c>
      <c r="P3138">
        <v>26285.53829</v>
      </c>
      <c r="Q3138">
        <v>55643.838929999998</v>
      </c>
      <c r="R3138">
        <v>20771.101750000002</v>
      </c>
      <c r="S3138">
        <v>84867.581640000004</v>
      </c>
      <c r="T3138">
        <v>28325.805240000002</v>
      </c>
      <c r="U3138">
        <v>11122.602220000001</v>
      </c>
      <c r="W3138" s="83">
        <f>Bühler!N3170</f>
        <v>45422.666666659061</v>
      </c>
      <c r="X3138" s="83">
        <v>43231.666666666664</v>
      </c>
      <c r="Y3138">
        <v>161818.23699999999</v>
      </c>
      <c r="Z3138">
        <v>26074.233100000001</v>
      </c>
      <c r="AA3138">
        <v>89616.096609999993</v>
      </c>
      <c r="AB3138">
        <v>33855.535949999998</v>
      </c>
      <c r="AC3138">
        <v>35327.646849999997</v>
      </c>
      <c r="AD3138">
        <v>27744.573609999999</v>
      </c>
      <c r="AE3138">
        <v>39079.172209999997</v>
      </c>
      <c r="AF3138">
        <v>47102.227729999999</v>
      </c>
      <c r="AG3138">
        <v>25749.898420000001</v>
      </c>
      <c r="AH3138">
        <v>240243.682</v>
      </c>
      <c r="AI3138">
        <v>64068.269469999999</v>
      </c>
      <c r="AJ3138">
        <v>20100.497599999999</v>
      </c>
      <c r="AK3138">
        <v>26285.53829</v>
      </c>
      <c r="AL3138">
        <v>55643.838929999998</v>
      </c>
      <c r="AM3138">
        <v>20771.101750000002</v>
      </c>
      <c r="AN3138">
        <v>84867.581640000004</v>
      </c>
      <c r="AO3138">
        <v>28325.805240000002</v>
      </c>
      <c r="AP3138">
        <v>11122.602220000001</v>
      </c>
    </row>
    <row r="3139" spans="2:42" x14ac:dyDescent="0.3">
      <c r="B3139">
        <v>45.748842662857271</v>
      </c>
      <c r="C3139" s="83">
        <v>43231.708333333336</v>
      </c>
      <c r="D3139">
        <v>159897.18979999999</v>
      </c>
      <c r="E3139">
        <v>25023.3223</v>
      </c>
      <c r="F3139">
        <v>88606.173460000005</v>
      </c>
      <c r="G3139">
        <v>32833.908490000002</v>
      </c>
      <c r="H3139">
        <v>34964.629869999997</v>
      </c>
      <c r="I3139">
        <v>27165.015149999999</v>
      </c>
      <c r="J3139">
        <v>39832.518029999999</v>
      </c>
      <c r="K3139">
        <v>45732.481440000003</v>
      </c>
      <c r="L3139">
        <v>25912.47738</v>
      </c>
      <c r="M3139">
        <v>233248.9345</v>
      </c>
      <c r="N3139">
        <v>63145.078600000001</v>
      </c>
      <c r="O3139">
        <v>19111.80328</v>
      </c>
      <c r="P3139">
        <v>27411.989570000002</v>
      </c>
      <c r="Q3139">
        <v>54266.403480000001</v>
      </c>
      <c r="R3139">
        <v>20107.507969999999</v>
      </c>
      <c r="S3139">
        <v>84592.129969999995</v>
      </c>
      <c r="T3139">
        <v>27810.12054</v>
      </c>
      <c r="U3139">
        <v>10775.46571</v>
      </c>
      <c r="W3139" s="83">
        <f>Bühler!N3171</f>
        <v>45422.708333325725</v>
      </c>
      <c r="X3139" s="83">
        <v>43231.708333333336</v>
      </c>
      <c r="Y3139">
        <v>159897.18979999999</v>
      </c>
      <c r="Z3139">
        <v>25023.3223</v>
      </c>
      <c r="AA3139">
        <v>88606.173460000005</v>
      </c>
      <c r="AB3139">
        <v>32833.908490000002</v>
      </c>
      <c r="AC3139">
        <v>34964.629869999997</v>
      </c>
      <c r="AD3139">
        <v>27165.015149999999</v>
      </c>
      <c r="AE3139">
        <v>39832.518029999999</v>
      </c>
      <c r="AF3139">
        <v>45732.481440000003</v>
      </c>
      <c r="AG3139">
        <v>25912.47738</v>
      </c>
      <c r="AH3139">
        <v>233248.9345</v>
      </c>
      <c r="AI3139">
        <v>63145.078600000001</v>
      </c>
      <c r="AJ3139">
        <v>19111.80328</v>
      </c>
      <c r="AK3139">
        <v>27411.989570000002</v>
      </c>
      <c r="AL3139">
        <v>54266.403480000001</v>
      </c>
      <c r="AM3139">
        <v>20107.507969999999</v>
      </c>
      <c r="AN3139">
        <v>84592.129969999995</v>
      </c>
      <c r="AO3139">
        <v>27810.12054</v>
      </c>
      <c r="AP3139">
        <v>10775.46571</v>
      </c>
    </row>
    <row r="3140" spans="2:42" x14ac:dyDescent="0.3">
      <c r="B3140">
        <v>44.520456246247569</v>
      </c>
      <c r="C3140" s="83">
        <v>43231.75</v>
      </c>
      <c r="D3140">
        <v>159095.17739999999</v>
      </c>
      <c r="E3140">
        <v>23261.006870000001</v>
      </c>
      <c r="F3140">
        <v>86094.573650000006</v>
      </c>
      <c r="G3140">
        <v>31927.712589999999</v>
      </c>
      <c r="H3140">
        <v>34495.829089999999</v>
      </c>
      <c r="I3140">
        <v>26914.637320000002</v>
      </c>
      <c r="J3140">
        <v>39609.058839999998</v>
      </c>
      <c r="K3140">
        <v>45002.606440000003</v>
      </c>
      <c r="L3140">
        <v>26583.66417</v>
      </c>
      <c r="M3140">
        <v>226986.0477</v>
      </c>
      <c r="N3140">
        <v>62959.501300000004</v>
      </c>
      <c r="O3140">
        <v>18186.90035</v>
      </c>
      <c r="P3140">
        <v>31083.940709999999</v>
      </c>
      <c r="Q3140">
        <v>52483.116609999997</v>
      </c>
      <c r="R3140">
        <v>19243.45939</v>
      </c>
      <c r="S3140">
        <v>81738.453810000006</v>
      </c>
      <c r="T3140">
        <v>27865.038710000001</v>
      </c>
      <c r="U3140">
        <v>10836.33239</v>
      </c>
      <c r="W3140" s="83">
        <f>Bühler!N3172</f>
        <v>45422.749999992389</v>
      </c>
      <c r="X3140" s="83">
        <v>43231.75</v>
      </c>
      <c r="Y3140">
        <v>159095.17739999999</v>
      </c>
      <c r="Z3140">
        <v>23261.006870000001</v>
      </c>
      <c r="AA3140">
        <v>86094.573650000006</v>
      </c>
      <c r="AB3140">
        <v>31927.712589999999</v>
      </c>
      <c r="AC3140">
        <v>34495.829089999999</v>
      </c>
      <c r="AD3140">
        <v>26914.637320000002</v>
      </c>
      <c r="AE3140">
        <v>39609.058839999998</v>
      </c>
      <c r="AF3140">
        <v>45002.606440000003</v>
      </c>
      <c r="AG3140">
        <v>26583.66417</v>
      </c>
      <c r="AH3140">
        <v>226986.0477</v>
      </c>
      <c r="AI3140">
        <v>62959.501300000004</v>
      </c>
      <c r="AJ3140">
        <v>18186.90035</v>
      </c>
      <c r="AK3140">
        <v>31083.940709999999</v>
      </c>
      <c r="AL3140">
        <v>52483.116609999997</v>
      </c>
      <c r="AM3140">
        <v>19243.45939</v>
      </c>
      <c r="AN3140">
        <v>81738.453810000006</v>
      </c>
      <c r="AO3140">
        <v>27865.038710000001</v>
      </c>
      <c r="AP3140">
        <v>10836.33239</v>
      </c>
    </row>
    <row r="3141" spans="2:42" x14ac:dyDescent="0.3">
      <c r="B3141">
        <v>43.669958428047444</v>
      </c>
      <c r="C3141" s="83">
        <v>43231.791666666664</v>
      </c>
      <c r="D3141">
        <v>157615.9314</v>
      </c>
      <c r="E3141">
        <v>18663.137989999999</v>
      </c>
      <c r="F3141">
        <v>74946.383449999994</v>
      </c>
      <c r="G3141">
        <v>31682.417270000002</v>
      </c>
      <c r="H3141">
        <v>33621.139380000001</v>
      </c>
      <c r="I3141">
        <v>25893.325830000002</v>
      </c>
      <c r="J3141">
        <v>39382.062539999999</v>
      </c>
      <c r="K3141">
        <v>45243.455430000002</v>
      </c>
      <c r="L3141">
        <v>27940.323710000001</v>
      </c>
      <c r="M3141">
        <v>222649.8132</v>
      </c>
      <c r="N3141">
        <v>63074.922890000002</v>
      </c>
      <c r="O3141">
        <v>18592.397809999999</v>
      </c>
      <c r="P3141">
        <v>32044.631160000001</v>
      </c>
      <c r="Q3141">
        <v>50777.678549999997</v>
      </c>
      <c r="R3141">
        <v>17620.31004</v>
      </c>
      <c r="S3141">
        <v>80331.250140000004</v>
      </c>
      <c r="T3141">
        <v>27126.27203</v>
      </c>
      <c r="U3141">
        <v>10486.928739999999</v>
      </c>
      <c r="W3141" s="83">
        <f>Bühler!N3173</f>
        <v>45422.791666659054</v>
      </c>
      <c r="X3141" s="83">
        <v>43231.791666666664</v>
      </c>
      <c r="Y3141">
        <v>157615.9314</v>
      </c>
      <c r="Z3141">
        <v>18663.137989999999</v>
      </c>
      <c r="AA3141">
        <v>74946.383449999994</v>
      </c>
      <c r="AB3141">
        <v>31682.417270000002</v>
      </c>
      <c r="AC3141">
        <v>33621.139380000001</v>
      </c>
      <c r="AD3141">
        <v>25893.325830000002</v>
      </c>
      <c r="AE3141">
        <v>39382.062539999999</v>
      </c>
      <c r="AF3141">
        <v>45243.455430000002</v>
      </c>
      <c r="AG3141">
        <v>27940.323710000001</v>
      </c>
      <c r="AH3141">
        <v>222649.8132</v>
      </c>
      <c r="AI3141">
        <v>63074.922890000002</v>
      </c>
      <c r="AJ3141">
        <v>18592.397809999999</v>
      </c>
      <c r="AK3141">
        <v>32044.631160000001</v>
      </c>
      <c r="AL3141">
        <v>50777.678549999997</v>
      </c>
      <c r="AM3141">
        <v>17620.31004</v>
      </c>
      <c r="AN3141">
        <v>80331.250140000004</v>
      </c>
      <c r="AO3141">
        <v>27126.27203</v>
      </c>
      <c r="AP3141">
        <v>10486.928739999999</v>
      </c>
    </row>
    <row r="3142" spans="2:42" x14ac:dyDescent="0.3">
      <c r="B3142">
        <v>42.833255915196538</v>
      </c>
      <c r="C3142" s="83">
        <v>43231.833333333336</v>
      </c>
      <c r="D3142">
        <v>156775.41639999999</v>
      </c>
      <c r="E3142">
        <v>13866.50193</v>
      </c>
      <c r="F3142">
        <v>57849.358590000003</v>
      </c>
      <c r="G3142">
        <v>31551.683440000001</v>
      </c>
      <c r="H3142">
        <v>32550.401419999998</v>
      </c>
      <c r="I3142">
        <v>23218.010920000001</v>
      </c>
      <c r="J3142">
        <v>38878.723010000002</v>
      </c>
      <c r="K3142">
        <v>46307.682639999999</v>
      </c>
      <c r="L3142">
        <v>27809.371599999999</v>
      </c>
      <c r="M3142">
        <v>218383.9136</v>
      </c>
      <c r="N3142">
        <v>63061.221469999997</v>
      </c>
      <c r="O3142">
        <v>18432.041990000002</v>
      </c>
      <c r="P3142">
        <v>32160.75978</v>
      </c>
      <c r="Q3142">
        <v>48190.229220000001</v>
      </c>
      <c r="R3142">
        <v>17745.180420000001</v>
      </c>
      <c r="S3142">
        <v>75001.324940000006</v>
      </c>
      <c r="T3142">
        <v>26400.45722</v>
      </c>
      <c r="U3142">
        <v>10617.95923</v>
      </c>
      <c r="W3142" s="83">
        <f>Bühler!N3174</f>
        <v>45422.833333325718</v>
      </c>
      <c r="X3142" s="83">
        <v>43231.833333333336</v>
      </c>
      <c r="Y3142">
        <v>156775.41639999999</v>
      </c>
      <c r="Z3142">
        <v>13866.50193</v>
      </c>
      <c r="AA3142">
        <v>57849.358590000003</v>
      </c>
      <c r="AB3142">
        <v>31551.683440000001</v>
      </c>
      <c r="AC3142">
        <v>32550.401419999998</v>
      </c>
      <c r="AD3142">
        <v>23218.010920000001</v>
      </c>
      <c r="AE3142">
        <v>38878.723010000002</v>
      </c>
      <c r="AF3142">
        <v>46307.682639999999</v>
      </c>
      <c r="AG3142">
        <v>27809.371599999999</v>
      </c>
      <c r="AH3142">
        <v>218383.9136</v>
      </c>
      <c r="AI3142">
        <v>63061.221469999997</v>
      </c>
      <c r="AJ3142">
        <v>18432.041990000002</v>
      </c>
      <c r="AK3142">
        <v>32160.75978</v>
      </c>
      <c r="AL3142">
        <v>48190.229220000001</v>
      </c>
      <c r="AM3142">
        <v>17745.180420000001</v>
      </c>
      <c r="AN3142">
        <v>75001.324940000006</v>
      </c>
      <c r="AO3142">
        <v>26400.45722</v>
      </c>
      <c r="AP3142">
        <v>10617.95923</v>
      </c>
    </row>
    <row r="3143" spans="2:42" x14ac:dyDescent="0.3">
      <c r="B3143">
        <v>42.649595038141342</v>
      </c>
      <c r="C3143" s="83">
        <v>43231.875</v>
      </c>
      <c r="D3143">
        <v>155266.80660000001</v>
      </c>
      <c r="E3143">
        <v>12319.52046</v>
      </c>
      <c r="F3143">
        <v>50437.339849999997</v>
      </c>
      <c r="G3143">
        <v>31467.508269999998</v>
      </c>
      <c r="H3143">
        <v>33165.320780000002</v>
      </c>
      <c r="I3143">
        <v>21714.975200000001</v>
      </c>
      <c r="J3143">
        <v>40763.688649999996</v>
      </c>
      <c r="K3143">
        <v>46273.26283</v>
      </c>
      <c r="L3143">
        <v>27101.863689999998</v>
      </c>
      <c r="M3143">
        <v>217447.52480000001</v>
      </c>
      <c r="N3143">
        <v>63855.84807</v>
      </c>
      <c r="O3143">
        <v>17871.851589999998</v>
      </c>
      <c r="P3143">
        <v>32163.1646</v>
      </c>
      <c r="Q3143">
        <v>46966.629950000002</v>
      </c>
      <c r="R3143">
        <v>17288.209510000001</v>
      </c>
      <c r="S3143">
        <v>74105.701950000002</v>
      </c>
      <c r="T3143">
        <v>25234.23662</v>
      </c>
      <c r="U3143">
        <v>11022.357480000001</v>
      </c>
      <c r="W3143" s="83">
        <f>Bühler!N3175</f>
        <v>45422.874999992382</v>
      </c>
      <c r="X3143" s="83">
        <v>43231.875</v>
      </c>
      <c r="Y3143">
        <v>155266.80660000001</v>
      </c>
      <c r="Z3143">
        <v>12319.52046</v>
      </c>
      <c r="AA3143">
        <v>50437.339849999997</v>
      </c>
      <c r="AB3143">
        <v>31467.508269999998</v>
      </c>
      <c r="AC3143">
        <v>33165.320780000002</v>
      </c>
      <c r="AD3143">
        <v>21714.975200000001</v>
      </c>
      <c r="AE3143">
        <v>40763.688649999996</v>
      </c>
      <c r="AF3143">
        <v>46273.26283</v>
      </c>
      <c r="AG3143">
        <v>27101.863689999998</v>
      </c>
      <c r="AH3143">
        <v>217447.52480000001</v>
      </c>
      <c r="AI3143">
        <v>63855.84807</v>
      </c>
      <c r="AJ3143">
        <v>17871.851589999998</v>
      </c>
      <c r="AK3143">
        <v>32163.1646</v>
      </c>
      <c r="AL3143">
        <v>46966.629950000002</v>
      </c>
      <c r="AM3143">
        <v>17288.209510000001</v>
      </c>
      <c r="AN3143">
        <v>74105.701950000002</v>
      </c>
      <c r="AO3143">
        <v>25234.23662</v>
      </c>
      <c r="AP3143">
        <v>11022.357480000001</v>
      </c>
    </row>
    <row r="3144" spans="2:42" x14ac:dyDescent="0.3">
      <c r="B3144">
        <v>42.624046198301386</v>
      </c>
      <c r="C3144" s="83">
        <v>43231.916666666664</v>
      </c>
      <c r="D3144">
        <v>155823.47880000001</v>
      </c>
      <c r="E3144">
        <v>11950.79473</v>
      </c>
      <c r="F3144">
        <v>47841.836660000001</v>
      </c>
      <c r="G3144">
        <v>31218.956269999999</v>
      </c>
      <c r="H3144">
        <v>33990.69212</v>
      </c>
      <c r="I3144">
        <v>20563.704129999998</v>
      </c>
      <c r="J3144">
        <v>40359.692649999997</v>
      </c>
      <c r="K3144">
        <v>50129.968180000003</v>
      </c>
      <c r="L3144">
        <v>24694.433110000002</v>
      </c>
      <c r="M3144">
        <v>217317.26490000001</v>
      </c>
      <c r="N3144">
        <v>64571.098030000001</v>
      </c>
      <c r="O3144">
        <v>17573.886040000001</v>
      </c>
      <c r="P3144">
        <v>34318.310340000004</v>
      </c>
      <c r="Q3144">
        <v>47081.70076</v>
      </c>
      <c r="R3144">
        <v>19297.754860000001</v>
      </c>
      <c r="S3144">
        <v>74782.995469999994</v>
      </c>
      <c r="T3144">
        <v>22212.55888</v>
      </c>
      <c r="U3144">
        <v>11524.68944</v>
      </c>
      <c r="W3144" s="83">
        <f>Bühler!N3176</f>
        <v>45422.916666659046</v>
      </c>
      <c r="X3144" s="83">
        <v>43231.916666666664</v>
      </c>
      <c r="Y3144">
        <v>155823.47880000001</v>
      </c>
      <c r="Z3144">
        <v>11950.79473</v>
      </c>
      <c r="AA3144">
        <v>47841.836660000001</v>
      </c>
      <c r="AB3144">
        <v>31218.956269999999</v>
      </c>
      <c r="AC3144">
        <v>33990.69212</v>
      </c>
      <c r="AD3144">
        <v>20563.704129999998</v>
      </c>
      <c r="AE3144">
        <v>40359.692649999997</v>
      </c>
      <c r="AF3144">
        <v>50129.968180000003</v>
      </c>
      <c r="AG3144">
        <v>24694.433110000002</v>
      </c>
      <c r="AH3144">
        <v>217317.26490000001</v>
      </c>
      <c r="AI3144">
        <v>64571.098030000001</v>
      </c>
      <c r="AJ3144">
        <v>17573.886040000001</v>
      </c>
      <c r="AK3144">
        <v>34318.310340000004</v>
      </c>
      <c r="AL3144">
        <v>47081.70076</v>
      </c>
      <c r="AM3144">
        <v>19297.754860000001</v>
      </c>
      <c r="AN3144">
        <v>74782.995469999994</v>
      </c>
      <c r="AO3144">
        <v>22212.55888</v>
      </c>
      <c r="AP3144">
        <v>11524.68944</v>
      </c>
    </row>
    <row r="3145" spans="2:42" x14ac:dyDescent="0.3">
      <c r="B3145">
        <v>42.575755480370404</v>
      </c>
      <c r="C3145" s="83">
        <v>43231.958333333336</v>
      </c>
      <c r="D3145">
        <v>155613.07180000001</v>
      </c>
      <c r="E3145">
        <v>11418.56949</v>
      </c>
      <c r="F3145">
        <v>46638.332219999997</v>
      </c>
      <c r="G3145">
        <v>31051.785380000001</v>
      </c>
      <c r="H3145">
        <v>33403.555209999999</v>
      </c>
      <c r="I3145">
        <v>19712.67614</v>
      </c>
      <c r="J3145">
        <v>36950.777970000003</v>
      </c>
      <c r="K3145">
        <v>50233.758399999999</v>
      </c>
      <c r="L3145">
        <v>21289.502639999999</v>
      </c>
      <c r="M3145">
        <v>217071.0563</v>
      </c>
      <c r="N3145">
        <v>64112.323329999999</v>
      </c>
      <c r="O3145">
        <v>17431.321449999999</v>
      </c>
      <c r="P3145">
        <v>31464.18577</v>
      </c>
      <c r="Q3145">
        <v>47072.871809999997</v>
      </c>
      <c r="R3145">
        <v>19735.89991</v>
      </c>
      <c r="S3145">
        <v>73426.082989999995</v>
      </c>
      <c r="T3145">
        <v>20499.489890000001</v>
      </c>
      <c r="U3145">
        <v>11264.450140000001</v>
      </c>
      <c r="W3145" s="83">
        <f>Bühler!N3177</f>
        <v>45422.958333325711</v>
      </c>
      <c r="X3145" s="83">
        <v>43231.958333333336</v>
      </c>
      <c r="Y3145">
        <v>155613.07180000001</v>
      </c>
      <c r="Z3145">
        <v>11418.56949</v>
      </c>
      <c r="AA3145">
        <v>46638.332219999997</v>
      </c>
      <c r="AB3145">
        <v>31051.785380000001</v>
      </c>
      <c r="AC3145">
        <v>33403.555209999999</v>
      </c>
      <c r="AD3145">
        <v>19712.67614</v>
      </c>
      <c r="AE3145">
        <v>36950.777970000003</v>
      </c>
      <c r="AF3145">
        <v>50233.758399999999</v>
      </c>
      <c r="AG3145">
        <v>21289.502639999999</v>
      </c>
      <c r="AH3145">
        <v>217071.0563</v>
      </c>
      <c r="AI3145">
        <v>64112.323329999999</v>
      </c>
      <c r="AJ3145">
        <v>17431.321449999999</v>
      </c>
      <c r="AK3145">
        <v>31464.18577</v>
      </c>
      <c r="AL3145">
        <v>47072.871809999997</v>
      </c>
      <c r="AM3145">
        <v>19735.89991</v>
      </c>
      <c r="AN3145">
        <v>73426.082989999995</v>
      </c>
      <c r="AO3145">
        <v>20499.489890000001</v>
      </c>
      <c r="AP3145">
        <v>11264.450140000001</v>
      </c>
    </row>
    <row r="3146" spans="2:42" x14ac:dyDescent="0.3">
      <c r="B3146">
        <v>47.069269894984053</v>
      </c>
      <c r="C3146" s="83">
        <v>43232</v>
      </c>
      <c r="D3146">
        <v>162875.2715</v>
      </c>
      <c r="E3146">
        <v>11385.610210000001</v>
      </c>
      <c r="F3146">
        <v>47499.932280000001</v>
      </c>
      <c r="G3146">
        <v>31815.293020000001</v>
      </c>
      <c r="H3146">
        <v>32996.125500000002</v>
      </c>
      <c r="I3146">
        <v>18390.408640000001</v>
      </c>
      <c r="J3146">
        <v>34734.136180000001</v>
      </c>
      <c r="K3146">
        <v>49189.075369999999</v>
      </c>
      <c r="L3146">
        <v>17703.225450000002</v>
      </c>
      <c r="M3146">
        <v>239981.0883</v>
      </c>
      <c r="N3146">
        <v>66215.387470000001</v>
      </c>
      <c r="O3146">
        <v>17703.532329999998</v>
      </c>
      <c r="P3146">
        <v>29201.917959999999</v>
      </c>
      <c r="Q3146">
        <v>58639.688090000003</v>
      </c>
      <c r="R3146">
        <v>16576.93779</v>
      </c>
      <c r="S3146">
        <v>72425.94008</v>
      </c>
      <c r="T3146">
        <v>20026.16316</v>
      </c>
      <c r="U3146">
        <v>11022.28894</v>
      </c>
      <c r="W3146" s="83">
        <f>Bühler!N3178</f>
        <v>45422.999999992375</v>
      </c>
      <c r="X3146" s="83">
        <v>43232</v>
      </c>
      <c r="Y3146">
        <v>162875.2715</v>
      </c>
      <c r="Z3146">
        <v>11385.610210000001</v>
      </c>
      <c r="AA3146">
        <v>47499.932280000001</v>
      </c>
      <c r="AB3146">
        <v>31815.293020000001</v>
      </c>
      <c r="AC3146">
        <v>32996.125500000002</v>
      </c>
      <c r="AD3146">
        <v>18390.408640000001</v>
      </c>
      <c r="AE3146">
        <v>34734.136180000001</v>
      </c>
      <c r="AF3146">
        <v>49189.075369999999</v>
      </c>
      <c r="AG3146">
        <v>17703.225450000002</v>
      </c>
      <c r="AH3146">
        <v>239981.0883</v>
      </c>
      <c r="AI3146">
        <v>66215.387470000001</v>
      </c>
      <c r="AJ3146">
        <v>17703.532329999998</v>
      </c>
      <c r="AK3146">
        <v>29201.917959999999</v>
      </c>
      <c r="AL3146">
        <v>58639.688090000003</v>
      </c>
      <c r="AM3146">
        <v>16576.93779</v>
      </c>
      <c r="AN3146">
        <v>72425.94008</v>
      </c>
      <c r="AO3146">
        <v>20026.16316</v>
      </c>
      <c r="AP3146">
        <v>11022.28894</v>
      </c>
    </row>
    <row r="3147" spans="2:42" x14ac:dyDescent="0.3">
      <c r="B3147">
        <v>46.613031166710371</v>
      </c>
      <c r="C3147" s="83">
        <v>43232.041666666664</v>
      </c>
      <c r="D3147">
        <v>162564.86989999999</v>
      </c>
      <c r="E3147">
        <v>11219.66373</v>
      </c>
      <c r="F3147">
        <v>47501.594340000003</v>
      </c>
      <c r="G3147">
        <v>31353.968089999998</v>
      </c>
      <c r="H3147">
        <v>32539.706050000001</v>
      </c>
      <c r="I3147">
        <v>15209.208619999999</v>
      </c>
      <c r="J3147">
        <v>33738.973850000002</v>
      </c>
      <c r="K3147">
        <v>46918.850250000003</v>
      </c>
      <c r="L3147">
        <v>16441.771229999998</v>
      </c>
      <c r="M3147">
        <v>237654.9705</v>
      </c>
      <c r="N3147">
        <v>65525.455970000003</v>
      </c>
      <c r="O3147">
        <v>17466.45911</v>
      </c>
      <c r="P3147">
        <v>27367.268339999999</v>
      </c>
      <c r="Q3147">
        <v>58930.710160000002</v>
      </c>
      <c r="R3147">
        <v>14344.29279</v>
      </c>
      <c r="S3147">
        <v>71673.081139999995</v>
      </c>
      <c r="T3147">
        <v>19570.216700000001</v>
      </c>
      <c r="U3147">
        <v>10904.09931</v>
      </c>
      <c r="W3147" s="83">
        <f>Bühler!N3179</f>
        <v>45423.041666659039</v>
      </c>
      <c r="X3147" s="83">
        <v>43232.041666666664</v>
      </c>
      <c r="Y3147">
        <v>162564.86989999999</v>
      </c>
      <c r="Z3147">
        <v>11219.66373</v>
      </c>
      <c r="AA3147">
        <v>47501.594340000003</v>
      </c>
      <c r="AB3147">
        <v>31353.968089999998</v>
      </c>
      <c r="AC3147">
        <v>32539.706050000001</v>
      </c>
      <c r="AD3147">
        <v>15209.208619999999</v>
      </c>
      <c r="AE3147">
        <v>33738.973850000002</v>
      </c>
      <c r="AF3147">
        <v>46918.850250000003</v>
      </c>
      <c r="AG3147">
        <v>16441.771229999998</v>
      </c>
      <c r="AH3147">
        <v>237654.9705</v>
      </c>
      <c r="AI3147">
        <v>65525.455970000003</v>
      </c>
      <c r="AJ3147">
        <v>17466.45911</v>
      </c>
      <c r="AK3147">
        <v>27367.268339999999</v>
      </c>
      <c r="AL3147">
        <v>58930.710160000002</v>
      </c>
      <c r="AM3147">
        <v>14344.29279</v>
      </c>
      <c r="AN3147">
        <v>71673.081139999995</v>
      </c>
      <c r="AO3147">
        <v>19570.216700000001</v>
      </c>
      <c r="AP3147">
        <v>10904.09931</v>
      </c>
    </row>
    <row r="3148" spans="2:42" x14ac:dyDescent="0.3">
      <c r="B3148">
        <v>46.454143661004238</v>
      </c>
      <c r="C3148" s="83">
        <v>43232.083333333336</v>
      </c>
      <c r="D3148">
        <v>162270.36799999999</v>
      </c>
      <c r="E3148">
        <v>11163.764450000001</v>
      </c>
      <c r="F3148">
        <v>48320.30083</v>
      </c>
      <c r="G3148">
        <v>30891.16029</v>
      </c>
      <c r="H3148">
        <v>32238.913570000001</v>
      </c>
      <c r="I3148">
        <v>13202.63456</v>
      </c>
      <c r="J3148">
        <v>33589.691449999998</v>
      </c>
      <c r="K3148">
        <v>44602.81005</v>
      </c>
      <c r="L3148">
        <v>16497.323100000001</v>
      </c>
      <c r="M3148">
        <v>236844.8879</v>
      </c>
      <c r="N3148">
        <v>63496.056920000003</v>
      </c>
      <c r="O3148">
        <v>17480.545750000001</v>
      </c>
      <c r="P3148">
        <v>26371.283100000001</v>
      </c>
      <c r="Q3148">
        <v>60829.65926</v>
      </c>
      <c r="R3148">
        <v>14631.10565</v>
      </c>
      <c r="S3148">
        <v>69912.314849999995</v>
      </c>
      <c r="T3148">
        <v>19079.56322</v>
      </c>
      <c r="U3148">
        <v>10828.67513</v>
      </c>
      <c r="W3148" s="83">
        <f>Bühler!N3180</f>
        <v>45423.083333325703</v>
      </c>
      <c r="X3148" s="83">
        <v>43232.083333333336</v>
      </c>
      <c r="Y3148">
        <v>162270.36799999999</v>
      </c>
      <c r="Z3148">
        <v>11163.764450000001</v>
      </c>
      <c r="AA3148">
        <v>48320.30083</v>
      </c>
      <c r="AB3148">
        <v>30891.16029</v>
      </c>
      <c r="AC3148">
        <v>32238.913570000001</v>
      </c>
      <c r="AD3148">
        <v>13202.63456</v>
      </c>
      <c r="AE3148">
        <v>33589.691449999998</v>
      </c>
      <c r="AF3148">
        <v>44602.81005</v>
      </c>
      <c r="AG3148">
        <v>16497.323100000001</v>
      </c>
      <c r="AH3148">
        <v>236844.8879</v>
      </c>
      <c r="AI3148">
        <v>63496.056920000003</v>
      </c>
      <c r="AJ3148">
        <v>17480.545750000001</v>
      </c>
      <c r="AK3148">
        <v>26371.283100000001</v>
      </c>
      <c r="AL3148">
        <v>60829.65926</v>
      </c>
      <c r="AM3148">
        <v>14631.10565</v>
      </c>
      <c r="AN3148">
        <v>69912.314849999995</v>
      </c>
      <c r="AO3148">
        <v>19079.56322</v>
      </c>
      <c r="AP3148">
        <v>10828.67513</v>
      </c>
    </row>
    <row r="3149" spans="2:42" x14ac:dyDescent="0.3">
      <c r="B3149">
        <v>46.605481798445787</v>
      </c>
      <c r="C3149" s="83">
        <v>43232.125</v>
      </c>
      <c r="D3149">
        <v>161483.8291</v>
      </c>
      <c r="E3149">
        <v>11231.56756</v>
      </c>
      <c r="F3149">
        <v>50169.730739999999</v>
      </c>
      <c r="G3149">
        <v>30079.92396</v>
      </c>
      <c r="H3149">
        <v>32059.801790000001</v>
      </c>
      <c r="I3149">
        <v>12672.66857</v>
      </c>
      <c r="J3149">
        <v>33699.084869999999</v>
      </c>
      <c r="K3149">
        <v>43550.901469999997</v>
      </c>
      <c r="L3149">
        <v>16090.629440000001</v>
      </c>
      <c r="M3149">
        <v>237616.4803</v>
      </c>
      <c r="N3149">
        <v>62752.992270000002</v>
      </c>
      <c r="O3149">
        <v>18113.841909999999</v>
      </c>
      <c r="P3149">
        <v>24731.631300000001</v>
      </c>
      <c r="Q3149">
        <v>62865.843540000002</v>
      </c>
      <c r="R3149">
        <v>13676.728510000001</v>
      </c>
      <c r="S3149">
        <v>69554.321920000002</v>
      </c>
      <c r="T3149">
        <v>18602.393220000002</v>
      </c>
      <c r="U3149">
        <v>10835.385</v>
      </c>
      <c r="W3149" s="83">
        <f>Bühler!N3181</f>
        <v>45423.124999992368</v>
      </c>
      <c r="X3149" s="83">
        <v>43232.125</v>
      </c>
      <c r="Y3149">
        <v>161483.8291</v>
      </c>
      <c r="Z3149">
        <v>11231.56756</v>
      </c>
      <c r="AA3149">
        <v>50169.730739999999</v>
      </c>
      <c r="AB3149">
        <v>30079.92396</v>
      </c>
      <c r="AC3149">
        <v>32059.801790000001</v>
      </c>
      <c r="AD3149">
        <v>12672.66857</v>
      </c>
      <c r="AE3149">
        <v>33699.084869999999</v>
      </c>
      <c r="AF3149">
        <v>43550.901469999997</v>
      </c>
      <c r="AG3149">
        <v>16090.629440000001</v>
      </c>
      <c r="AH3149">
        <v>237616.4803</v>
      </c>
      <c r="AI3149">
        <v>62752.992270000002</v>
      </c>
      <c r="AJ3149">
        <v>18113.841909999999</v>
      </c>
      <c r="AK3149">
        <v>24731.631300000001</v>
      </c>
      <c r="AL3149">
        <v>62865.843540000002</v>
      </c>
      <c r="AM3149">
        <v>13676.728510000001</v>
      </c>
      <c r="AN3149">
        <v>69554.321920000002</v>
      </c>
      <c r="AO3149">
        <v>18602.393220000002</v>
      </c>
      <c r="AP3149">
        <v>10835.385</v>
      </c>
    </row>
    <row r="3150" spans="2:42" x14ac:dyDescent="0.3">
      <c r="B3150">
        <v>47.269064153037206</v>
      </c>
      <c r="C3150" s="83">
        <v>43232.166666666664</v>
      </c>
      <c r="D3150">
        <v>161234.1875</v>
      </c>
      <c r="E3150">
        <v>11430.41325</v>
      </c>
      <c r="F3150">
        <v>52736.760999999999</v>
      </c>
      <c r="G3150">
        <v>29531.63164</v>
      </c>
      <c r="H3150">
        <v>32052.58209</v>
      </c>
      <c r="I3150">
        <v>14051.47212</v>
      </c>
      <c r="J3150">
        <v>35606.566680000004</v>
      </c>
      <c r="K3150">
        <v>42644.43475</v>
      </c>
      <c r="L3150">
        <v>15732.69267</v>
      </c>
      <c r="M3150">
        <v>240999.73259999999</v>
      </c>
      <c r="N3150">
        <v>62950.196790000002</v>
      </c>
      <c r="O3150">
        <v>18271.800080000001</v>
      </c>
      <c r="P3150">
        <v>23701.11074</v>
      </c>
      <c r="Q3150">
        <v>64228.395920000003</v>
      </c>
      <c r="R3150">
        <v>15007.669159999999</v>
      </c>
      <c r="S3150">
        <v>69781.579110000006</v>
      </c>
      <c r="T3150">
        <v>18899.752850000001</v>
      </c>
      <c r="U3150">
        <v>10841.4524</v>
      </c>
      <c r="W3150" s="83">
        <f>Bühler!N3182</f>
        <v>45423.166666659032</v>
      </c>
      <c r="X3150" s="83">
        <v>43232.166666666664</v>
      </c>
      <c r="Y3150">
        <v>161234.1875</v>
      </c>
      <c r="Z3150">
        <v>11430.41325</v>
      </c>
      <c r="AA3150">
        <v>52736.760999999999</v>
      </c>
      <c r="AB3150">
        <v>29531.63164</v>
      </c>
      <c r="AC3150">
        <v>32052.58209</v>
      </c>
      <c r="AD3150">
        <v>14051.47212</v>
      </c>
      <c r="AE3150">
        <v>35606.566680000004</v>
      </c>
      <c r="AF3150">
        <v>42644.43475</v>
      </c>
      <c r="AG3150">
        <v>15732.69267</v>
      </c>
      <c r="AH3150">
        <v>240999.73259999999</v>
      </c>
      <c r="AI3150">
        <v>62950.196790000002</v>
      </c>
      <c r="AJ3150">
        <v>18271.800080000001</v>
      </c>
      <c r="AK3150">
        <v>23701.11074</v>
      </c>
      <c r="AL3150">
        <v>64228.395920000003</v>
      </c>
      <c r="AM3150">
        <v>15007.669159999999</v>
      </c>
      <c r="AN3150">
        <v>69781.579110000006</v>
      </c>
      <c r="AO3150">
        <v>18899.752850000001</v>
      </c>
      <c r="AP3150">
        <v>10841.4524</v>
      </c>
    </row>
    <row r="3151" spans="2:42" x14ac:dyDescent="0.3">
      <c r="B3151">
        <v>48.186259440082353</v>
      </c>
      <c r="C3151" s="83">
        <v>43232.208333333336</v>
      </c>
      <c r="D3151">
        <v>164732.66190000001</v>
      </c>
      <c r="E3151">
        <v>12236.331319999999</v>
      </c>
      <c r="F3151">
        <v>63016.176729999999</v>
      </c>
      <c r="G3151">
        <v>29737.9215</v>
      </c>
      <c r="H3151">
        <v>32946.076789999999</v>
      </c>
      <c r="I3151">
        <v>19990.78384</v>
      </c>
      <c r="J3151">
        <v>38256.770250000001</v>
      </c>
      <c r="K3151">
        <v>42009.864999999998</v>
      </c>
      <c r="L3151">
        <v>15681.28672</v>
      </c>
      <c r="M3151">
        <v>245676.02189999999</v>
      </c>
      <c r="N3151">
        <v>62050.337820000001</v>
      </c>
      <c r="O3151">
        <v>18888.535599999999</v>
      </c>
      <c r="P3151">
        <v>25117.966659999998</v>
      </c>
      <c r="Q3151">
        <v>65181.959130000003</v>
      </c>
      <c r="R3151">
        <v>16670.84172</v>
      </c>
      <c r="S3151">
        <v>71512.943580000006</v>
      </c>
      <c r="T3151">
        <v>19109.766199999998</v>
      </c>
      <c r="U3151">
        <v>11571.38875</v>
      </c>
      <c r="W3151" s="83">
        <f>Bühler!N3183</f>
        <v>45423.208333325696</v>
      </c>
      <c r="X3151" s="83">
        <v>43232.208333333336</v>
      </c>
      <c r="Y3151">
        <v>164732.66190000001</v>
      </c>
      <c r="Z3151">
        <v>12236.331319999999</v>
      </c>
      <c r="AA3151">
        <v>63016.176729999999</v>
      </c>
      <c r="AB3151">
        <v>29737.9215</v>
      </c>
      <c r="AC3151">
        <v>32946.076789999999</v>
      </c>
      <c r="AD3151">
        <v>19990.78384</v>
      </c>
      <c r="AE3151">
        <v>38256.770250000001</v>
      </c>
      <c r="AF3151">
        <v>42009.864999999998</v>
      </c>
      <c r="AG3151">
        <v>15681.28672</v>
      </c>
      <c r="AH3151">
        <v>245676.02189999999</v>
      </c>
      <c r="AI3151">
        <v>62050.337820000001</v>
      </c>
      <c r="AJ3151">
        <v>18888.535599999999</v>
      </c>
      <c r="AK3151">
        <v>25117.966659999998</v>
      </c>
      <c r="AL3151">
        <v>65181.959130000003</v>
      </c>
      <c r="AM3151">
        <v>16670.84172</v>
      </c>
      <c r="AN3151">
        <v>71512.943580000006</v>
      </c>
      <c r="AO3151">
        <v>19109.766199999998</v>
      </c>
      <c r="AP3151">
        <v>11571.38875</v>
      </c>
    </row>
    <row r="3152" spans="2:42" x14ac:dyDescent="0.3">
      <c r="B3152">
        <v>48.727481724378464</v>
      </c>
      <c r="C3152" s="83">
        <v>43232.25</v>
      </c>
      <c r="D3152">
        <v>167306.64369999999</v>
      </c>
      <c r="E3152">
        <v>13944.805619999999</v>
      </c>
      <c r="F3152">
        <v>74484.51023</v>
      </c>
      <c r="G3152">
        <v>30261.355019999999</v>
      </c>
      <c r="H3152">
        <v>32518.93059</v>
      </c>
      <c r="I3152">
        <v>22554.109179999999</v>
      </c>
      <c r="J3152">
        <v>39780.157809999997</v>
      </c>
      <c r="K3152">
        <v>40187.767030000003</v>
      </c>
      <c r="L3152">
        <v>16530.42771</v>
      </c>
      <c r="M3152">
        <v>248435.42550000001</v>
      </c>
      <c r="N3152">
        <v>61811.28645</v>
      </c>
      <c r="O3152">
        <v>19107.08541</v>
      </c>
      <c r="P3152">
        <v>25350.406289999999</v>
      </c>
      <c r="Q3152">
        <v>64799.570959999997</v>
      </c>
      <c r="R3152">
        <v>14965.99677</v>
      </c>
      <c r="S3152">
        <v>75491.137860000003</v>
      </c>
      <c r="T3152">
        <v>20378.044279999998</v>
      </c>
      <c r="U3152">
        <v>10965.16929</v>
      </c>
      <c r="W3152" s="83">
        <f>Bühler!N3184</f>
        <v>45423.24999999236</v>
      </c>
      <c r="X3152" s="83">
        <v>43232.25</v>
      </c>
      <c r="Y3152">
        <v>167306.64369999999</v>
      </c>
      <c r="Z3152">
        <v>13944.805619999999</v>
      </c>
      <c r="AA3152">
        <v>74484.51023</v>
      </c>
      <c r="AB3152">
        <v>30261.355019999999</v>
      </c>
      <c r="AC3152">
        <v>32518.93059</v>
      </c>
      <c r="AD3152">
        <v>22554.109179999999</v>
      </c>
      <c r="AE3152">
        <v>39780.157809999997</v>
      </c>
      <c r="AF3152">
        <v>40187.767030000003</v>
      </c>
      <c r="AG3152">
        <v>16530.42771</v>
      </c>
      <c r="AH3152">
        <v>248435.42550000001</v>
      </c>
      <c r="AI3152">
        <v>61811.28645</v>
      </c>
      <c r="AJ3152">
        <v>19107.08541</v>
      </c>
      <c r="AK3152">
        <v>25350.406289999999</v>
      </c>
      <c r="AL3152">
        <v>64799.570959999997</v>
      </c>
      <c r="AM3152">
        <v>14965.99677</v>
      </c>
      <c r="AN3152">
        <v>75491.137860000003</v>
      </c>
      <c r="AO3152">
        <v>20378.044279999998</v>
      </c>
      <c r="AP3152">
        <v>10965.16929</v>
      </c>
    </row>
    <row r="3153" spans="2:42" x14ac:dyDescent="0.3">
      <c r="B3153">
        <v>49.213478126788679</v>
      </c>
      <c r="C3153" s="83">
        <v>43232.291666666664</v>
      </c>
      <c r="D3153">
        <v>167113.10079999999</v>
      </c>
      <c r="E3153">
        <v>15565.075360000001</v>
      </c>
      <c r="F3153">
        <v>75286.094660000002</v>
      </c>
      <c r="G3153">
        <v>30651.183000000001</v>
      </c>
      <c r="H3153">
        <v>32712.17554</v>
      </c>
      <c r="I3153">
        <v>24060.120920000001</v>
      </c>
      <c r="J3153">
        <v>40412.263129999999</v>
      </c>
      <c r="K3153">
        <v>40795.903539999999</v>
      </c>
      <c r="L3153">
        <v>18258.774870000001</v>
      </c>
      <c r="M3153">
        <v>250913.26180000001</v>
      </c>
      <c r="N3153">
        <v>61706.044309999997</v>
      </c>
      <c r="O3153">
        <v>19163.728040000002</v>
      </c>
      <c r="P3153">
        <v>26933.548780000001</v>
      </c>
      <c r="Q3153">
        <v>63536.491000000002</v>
      </c>
      <c r="R3153">
        <v>14280.787679999999</v>
      </c>
      <c r="S3153">
        <v>81424.08988</v>
      </c>
      <c r="T3153">
        <v>21939.210299999999</v>
      </c>
      <c r="U3153">
        <v>10477.472040000001</v>
      </c>
      <c r="W3153" s="83">
        <f>Bühler!N3185</f>
        <v>45423.291666659024</v>
      </c>
      <c r="X3153" s="83">
        <v>43232.291666666664</v>
      </c>
      <c r="Y3153">
        <v>167113.10079999999</v>
      </c>
      <c r="Z3153">
        <v>15565.075360000001</v>
      </c>
      <c r="AA3153">
        <v>75286.094660000002</v>
      </c>
      <c r="AB3153">
        <v>30651.183000000001</v>
      </c>
      <c r="AC3153">
        <v>32712.17554</v>
      </c>
      <c r="AD3153">
        <v>24060.120920000001</v>
      </c>
      <c r="AE3153">
        <v>40412.263129999999</v>
      </c>
      <c r="AF3153">
        <v>40795.903539999999</v>
      </c>
      <c r="AG3153">
        <v>18258.774870000001</v>
      </c>
      <c r="AH3153">
        <v>250913.26180000001</v>
      </c>
      <c r="AI3153">
        <v>61706.044309999997</v>
      </c>
      <c r="AJ3153">
        <v>19163.728040000002</v>
      </c>
      <c r="AK3153">
        <v>26933.548780000001</v>
      </c>
      <c r="AL3153">
        <v>63536.491000000002</v>
      </c>
      <c r="AM3153">
        <v>14280.787679999999</v>
      </c>
      <c r="AN3153">
        <v>81424.08988</v>
      </c>
      <c r="AO3153">
        <v>21939.210299999999</v>
      </c>
      <c r="AP3153">
        <v>10477.472040000001</v>
      </c>
    </row>
    <row r="3154" spans="2:42" x14ac:dyDescent="0.3">
      <c r="B3154">
        <v>49.402746101759725</v>
      </c>
      <c r="C3154" s="83">
        <v>43232.333333333336</v>
      </c>
      <c r="D3154">
        <v>166793.9736</v>
      </c>
      <c r="E3154">
        <v>18820.629799999999</v>
      </c>
      <c r="F3154">
        <v>80968.781830000007</v>
      </c>
      <c r="G3154">
        <v>31381.889609999998</v>
      </c>
      <c r="H3154">
        <v>33438.527459999998</v>
      </c>
      <c r="I3154">
        <v>24545.39429</v>
      </c>
      <c r="J3154">
        <v>42429.386700000003</v>
      </c>
      <c r="K3154">
        <v>41648.24626</v>
      </c>
      <c r="L3154">
        <v>20727.417389999999</v>
      </c>
      <c r="M3154">
        <v>251878.23819999999</v>
      </c>
      <c r="N3154">
        <v>62275.653919999997</v>
      </c>
      <c r="O3154">
        <v>19515.007610000001</v>
      </c>
      <c r="P3154">
        <v>29743.96905</v>
      </c>
      <c r="Q3154">
        <v>61799.41633</v>
      </c>
      <c r="R3154">
        <v>15250.78225</v>
      </c>
      <c r="S3154">
        <v>83740.352410000007</v>
      </c>
      <c r="T3154">
        <v>23155.618160000002</v>
      </c>
      <c r="U3154">
        <v>10555.10419</v>
      </c>
      <c r="W3154" s="83">
        <f>Bühler!N3186</f>
        <v>45423.333333325689</v>
      </c>
      <c r="X3154" s="83">
        <v>43232.333333333336</v>
      </c>
      <c r="Y3154">
        <v>166793.9736</v>
      </c>
      <c r="Z3154">
        <v>18820.629799999999</v>
      </c>
      <c r="AA3154">
        <v>80968.781830000007</v>
      </c>
      <c r="AB3154">
        <v>31381.889609999998</v>
      </c>
      <c r="AC3154">
        <v>33438.527459999998</v>
      </c>
      <c r="AD3154">
        <v>24545.39429</v>
      </c>
      <c r="AE3154">
        <v>42429.386700000003</v>
      </c>
      <c r="AF3154">
        <v>41648.24626</v>
      </c>
      <c r="AG3154">
        <v>20727.417389999999</v>
      </c>
      <c r="AH3154">
        <v>251878.23819999999</v>
      </c>
      <c r="AI3154">
        <v>62275.653919999997</v>
      </c>
      <c r="AJ3154">
        <v>19515.007610000001</v>
      </c>
      <c r="AK3154">
        <v>29743.96905</v>
      </c>
      <c r="AL3154">
        <v>61799.41633</v>
      </c>
      <c r="AM3154">
        <v>15250.78225</v>
      </c>
      <c r="AN3154">
        <v>83740.352410000007</v>
      </c>
      <c r="AO3154">
        <v>23155.618160000002</v>
      </c>
      <c r="AP3154">
        <v>10555.10419</v>
      </c>
    </row>
    <row r="3155" spans="2:42" x14ac:dyDescent="0.3">
      <c r="B3155">
        <v>49.118959291578484</v>
      </c>
      <c r="C3155" s="83">
        <v>43232.375</v>
      </c>
      <c r="D3155">
        <v>166299.95199999999</v>
      </c>
      <c r="E3155">
        <v>22585.697329999999</v>
      </c>
      <c r="F3155">
        <v>88180.638470000005</v>
      </c>
      <c r="G3155">
        <v>31770.17628</v>
      </c>
      <c r="H3155">
        <v>34317.280590000002</v>
      </c>
      <c r="I3155">
        <v>24804.764159999999</v>
      </c>
      <c r="J3155">
        <v>42864.262060000001</v>
      </c>
      <c r="K3155">
        <v>42719.605660000001</v>
      </c>
      <c r="L3155">
        <v>23706.567330000002</v>
      </c>
      <c r="M3155">
        <v>250431.36069999999</v>
      </c>
      <c r="N3155">
        <v>64400.292150000001</v>
      </c>
      <c r="O3155">
        <v>19712.30243</v>
      </c>
      <c r="P3155">
        <v>31795.224200000001</v>
      </c>
      <c r="Q3155">
        <v>62315.933779999999</v>
      </c>
      <c r="R3155">
        <v>16067.0252</v>
      </c>
      <c r="S3155">
        <v>86766.163969999994</v>
      </c>
      <c r="T3155">
        <v>25244.358370000002</v>
      </c>
      <c r="U3155">
        <v>10566.7212</v>
      </c>
      <c r="W3155" s="83">
        <f>Bühler!N3187</f>
        <v>45423.374999992353</v>
      </c>
      <c r="X3155" s="83">
        <v>43232.375</v>
      </c>
      <c r="Y3155">
        <v>166299.95199999999</v>
      </c>
      <c r="Z3155">
        <v>22585.697329999999</v>
      </c>
      <c r="AA3155">
        <v>88180.638470000005</v>
      </c>
      <c r="AB3155">
        <v>31770.17628</v>
      </c>
      <c r="AC3155">
        <v>34317.280590000002</v>
      </c>
      <c r="AD3155">
        <v>24804.764159999999</v>
      </c>
      <c r="AE3155">
        <v>42864.262060000001</v>
      </c>
      <c r="AF3155">
        <v>42719.605660000001</v>
      </c>
      <c r="AG3155">
        <v>23706.567330000002</v>
      </c>
      <c r="AH3155">
        <v>250431.36069999999</v>
      </c>
      <c r="AI3155">
        <v>64400.292150000001</v>
      </c>
      <c r="AJ3155">
        <v>19712.30243</v>
      </c>
      <c r="AK3155">
        <v>31795.224200000001</v>
      </c>
      <c r="AL3155">
        <v>62315.933779999999</v>
      </c>
      <c r="AM3155">
        <v>16067.0252</v>
      </c>
      <c r="AN3155">
        <v>86766.163969999994</v>
      </c>
      <c r="AO3155">
        <v>25244.358370000002</v>
      </c>
      <c r="AP3155">
        <v>10566.7212</v>
      </c>
    </row>
    <row r="3156" spans="2:42" x14ac:dyDescent="0.3">
      <c r="B3156">
        <v>48.936325095813089</v>
      </c>
      <c r="C3156" s="83">
        <v>43232.416666666664</v>
      </c>
      <c r="D3156">
        <v>165977.82620000001</v>
      </c>
      <c r="E3156">
        <v>24385.135389999999</v>
      </c>
      <c r="F3156">
        <v>89248.606650000002</v>
      </c>
      <c r="G3156">
        <v>32074.314149999998</v>
      </c>
      <c r="H3156">
        <v>34763.09143</v>
      </c>
      <c r="I3156">
        <v>25111.256010000001</v>
      </c>
      <c r="J3156">
        <v>42046.377659999998</v>
      </c>
      <c r="K3156">
        <v>44972.792379999999</v>
      </c>
      <c r="L3156">
        <v>27675.709790000001</v>
      </c>
      <c r="M3156">
        <v>249500.2064</v>
      </c>
      <c r="N3156">
        <v>64624.754639999999</v>
      </c>
      <c r="O3156">
        <v>20312.595389999999</v>
      </c>
      <c r="P3156">
        <v>32249.046490000001</v>
      </c>
      <c r="Q3156">
        <v>61819.836600000002</v>
      </c>
      <c r="R3156">
        <v>16287.143599999999</v>
      </c>
      <c r="S3156">
        <v>87162.104229999997</v>
      </c>
      <c r="T3156">
        <v>26899.103210000001</v>
      </c>
      <c r="U3156">
        <v>10718.23178</v>
      </c>
      <c r="W3156" s="83">
        <f>Bühler!N3188</f>
        <v>45423.416666659017</v>
      </c>
      <c r="X3156" s="83">
        <v>43232.416666666664</v>
      </c>
      <c r="Y3156">
        <v>165977.82620000001</v>
      </c>
      <c r="Z3156">
        <v>24385.135389999999</v>
      </c>
      <c r="AA3156">
        <v>89248.606650000002</v>
      </c>
      <c r="AB3156">
        <v>32074.314149999998</v>
      </c>
      <c r="AC3156">
        <v>34763.09143</v>
      </c>
      <c r="AD3156">
        <v>25111.256010000001</v>
      </c>
      <c r="AE3156">
        <v>42046.377659999998</v>
      </c>
      <c r="AF3156">
        <v>44972.792379999999</v>
      </c>
      <c r="AG3156">
        <v>27675.709790000001</v>
      </c>
      <c r="AH3156">
        <v>249500.2064</v>
      </c>
      <c r="AI3156">
        <v>64624.754639999999</v>
      </c>
      <c r="AJ3156">
        <v>20312.595389999999</v>
      </c>
      <c r="AK3156">
        <v>32249.046490000001</v>
      </c>
      <c r="AL3156">
        <v>61819.836600000002</v>
      </c>
      <c r="AM3156">
        <v>16287.143599999999</v>
      </c>
      <c r="AN3156">
        <v>87162.104229999997</v>
      </c>
      <c r="AO3156">
        <v>26899.103210000001</v>
      </c>
      <c r="AP3156">
        <v>10718.23178</v>
      </c>
    </row>
    <row r="3157" spans="2:42" x14ac:dyDescent="0.3">
      <c r="B3157">
        <v>48.766533664049327</v>
      </c>
      <c r="C3157" s="83">
        <v>43232.458333333336</v>
      </c>
      <c r="D3157">
        <v>165531.07010000001</v>
      </c>
      <c r="E3157">
        <v>24680.67225</v>
      </c>
      <c r="F3157">
        <v>90128.423609999998</v>
      </c>
      <c r="G3157">
        <v>32309.842519999998</v>
      </c>
      <c r="H3157">
        <v>34873.427960000001</v>
      </c>
      <c r="I3157">
        <v>24688.117579999998</v>
      </c>
      <c r="J3157">
        <v>41600.623749999999</v>
      </c>
      <c r="K3157">
        <v>46068.142930000002</v>
      </c>
      <c r="L3157">
        <v>28793.233909999999</v>
      </c>
      <c r="M3157">
        <v>248634.53049999999</v>
      </c>
      <c r="N3157">
        <v>65414.667970000002</v>
      </c>
      <c r="O3157">
        <v>20363.88882</v>
      </c>
      <c r="P3157">
        <v>31355.948609999999</v>
      </c>
      <c r="Q3157">
        <v>60863.601609999998</v>
      </c>
      <c r="R3157">
        <v>18440.474279999999</v>
      </c>
      <c r="S3157">
        <v>89277.59792</v>
      </c>
      <c r="T3157">
        <v>27770.98574</v>
      </c>
      <c r="U3157">
        <v>10830.407149999999</v>
      </c>
      <c r="W3157" s="83">
        <f>Bühler!N3189</f>
        <v>45423.458333325681</v>
      </c>
      <c r="X3157" s="83">
        <v>43232.458333333336</v>
      </c>
      <c r="Y3157">
        <v>165531.07010000001</v>
      </c>
      <c r="Z3157">
        <v>24680.67225</v>
      </c>
      <c r="AA3157">
        <v>90128.423609999998</v>
      </c>
      <c r="AB3157">
        <v>32309.842519999998</v>
      </c>
      <c r="AC3157">
        <v>34873.427960000001</v>
      </c>
      <c r="AD3157">
        <v>24688.117579999998</v>
      </c>
      <c r="AE3157">
        <v>41600.623749999999</v>
      </c>
      <c r="AF3157">
        <v>46068.142930000002</v>
      </c>
      <c r="AG3157">
        <v>28793.233909999999</v>
      </c>
      <c r="AH3157">
        <v>248634.53049999999</v>
      </c>
      <c r="AI3157">
        <v>65414.667970000002</v>
      </c>
      <c r="AJ3157">
        <v>20363.88882</v>
      </c>
      <c r="AK3157">
        <v>31355.948609999999</v>
      </c>
      <c r="AL3157">
        <v>60863.601609999998</v>
      </c>
      <c r="AM3157">
        <v>18440.474279999999</v>
      </c>
      <c r="AN3157">
        <v>89277.59792</v>
      </c>
      <c r="AO3157">
        <v>27770.98574</v>
      </c>
      <c r="AP3157">
        <v>10830.407149999999</v>
      </c>
    </row>
    <row r="3158" spans="2:42" x14ac:dyDescent="0.3">
      <c r="B3158">
        <v>48.141052453404164</v>
      </c>
      <c r="C3158" s="83">
        <v>43232.5</v>
      </c>
      <c r="D3158">
        <v>161660.7849</v>
      </c>
      <c r="E3158">
        <v>23217.897099999998</v>
      </c>
      <c r="F3158">
        <v>89397.496929999994</v>
      </c>
      <c r="G3158">
        <v>32144.83885</v>
      </c>
      <c r="H3158">
        <v>34284.861830000002</v>
      </c>
      <c r="I3158">
        <v>24720.876950000002</v>
      </c>
      <c r="J3158">
        <v>41925.071799999998</v>
      </c>
      <c r="K3158">
        <v>47004.992180000001</v>
      </c>
      <c r="L3158">
        <v>31225.01657</v>
      </c>
      <c r="M3158">
        <v>245445.5356</v>
      </c>
      <c r="N3158">
        <v>64466.77534</v>
      </c>
      <c r="O3158">
        <v>19849.769390000001</v>
      </c>
      <c r="P3158">
        <v>32378.808150000001</v>
      </c>
      <c r="Q3158">
        <v>57778.71097</v>
      </c>
      <c r="R3158">
        <v>17452.99049</v>
      </c>
      <c r="S3158">
        <v>84535.978130000003</v>
      </c>
      <c r="T3158">
        <v>27289.840329999999</v>
      </c>
      <c r="U3158">
        <v>10112.22638</v>
      </c>
      <c r="W3158" s="83">
        <f>Bühler!N3190</f>
        <v>45423.499999992346</v>
      </c>
      <c r="X3158" s="83">
        <v>43232.5</v>
      </c>
      <c r="Y3158">
        <v>161660.7849</v>
      </c>
      <c r="Z3158">
        <v>23217.897099999998</v>
      </c>
      <c r="AA3158">
        <v>89397.496929999994</v>
      </c>
      <c r="AB3158">
        <v>32144.83885</v>
      </c>
      <c r="AC3158">
        <v>34284.861830000002</v>
      </c>
      <c r="AD3158">
        <v>24720.876950000002</v>
      </c>
      <c r="AE3158">
        <v>41925.071799999998</v>
      </c>
      <c r="AF3158">
        <v>47004.992180000001</v>
      </c>
      <c r="AG3158">
        <v>31225.01657</v>
      </c>
      <c r="AH3158">
        <v>245445.5356</v>
      </c>
      <c r="AI3158">
        <v>64466.77534</v>
      </c>
      <c r="AJ3158">
        <v>19849.769390000001</v>
      </c>
      <c r="AK3158">
        <v>32378.808150000001</v>
      </c>
      <c r="AL3158">
        <v>57778.71097</v>
      </c>
      <c r="AM3158">
        <v>17452.99049</v>
      </c>
      <c r="AN3158">
        <v>84535.978130000003</v>
      </c>
      <c r="AO3158">
        <v>27289.840329999999</v>
      </c>
      <c r="AP3158">
        <v>10112.22638</v>
      </c>
    </row>
    <row r="3159" spans="2:42" x14ac:dyDescent="0.3">
      <c r="B3159">
        <v>47.368377253495133</v>
      </c>
      <c r="C3159" s="83">
        <v>43232.541666666664</v>
      </c>
      <c r="D3159">
        <v>159635.97380000001</v>
      </c>
      <c r="E3159">
        <v>22879.659329999999</v>
      </c>
      <c r="F3159">
        <v>88828.656759999998</v>
      </c>
      <c r="G3159">
        <v>31925.95882</v>
      </c>
      <c r="H3159">
        <v>34258.405899999998</v>
      </c>
      <c r="I3159">
        <v>25414.06494</v>
      </c>
      <c r="J3159">
        <v>41384.383289999998</v>
      </c>
      <c r="K3159">
        <v>46822.790580000001</v>
      </c>
      <c r="L3159">
        <v>30742.52521</v>
      </c>
      <c r="M3159">
        <v>241506.07709999999</v>
      </c>
      <c r="N3159">
        <v>63244.209390000004</v>
      </c>
      <c r="O3159">
        <v>19201.85239</v>
      </c>
      <c r="P3159">
        <v>31029.910690000001</v>
      </c>
      <c r="Q3159">
        <v>56178.243029999998</v>
      </c>
      <c r="R3159">
        <v>17246.708449999998</v>
      </c>
      <c r="S3159">
        <v>85236.145950000006</v>
      </c>
      <c r="T3159">
        <v>27001.733080000002</v>
      </c>
      <c r="U3159">
        <v>9935.8141670000005</v>
      </c>
      <c r="W3159" s="83">
        <f>Bühler!N3191</f>
        <v>45423.54166665901</v>
      </c>
      <c r="X3159" s="83">
        <v>43232.541666666664</v>
      </c>
      <c r="Y3159">
        <v>159635.97380000001</v>
      </c>
      <c r="Z3159">
        <v>22879.659329999999</v>
      </c>
      <c r="AA3159">
        <v>88828.656759999998</v>
      </c>
      <c r="AB3159">
        <v>31925.95882</v>
      </c>
      <c r="AC3159">
        <v>34258.405899999998</v>
      </c>
      <c r="AD3159">
        <v>25414.06494</v>
      </c>
      <c r="AE3159">
        <v>41384.383289999998</v>
      </c>
      <c r="AF3159">
        <v>46822.790580000001</v>
      </c>
      <c r="AG3159">
        <v>30742.52521</v>
      </c>
      <c r="AH3159">
        <v>241506.07709999999</v>
      </c>
      <c r="AI3159">
        <v>63244.209390000004</v>
      </c>
      <c r="AJ3159">
        <v>19201.85239</v>
      </c>
      <c r="AK3159">
        <v>31029.910690000001</v>
      </c>
      <c r="AL3159">
        <v>56178.243029999998</v>
      </c>
      <c r="AM3159">
        <v>17246.708449999998</v>
      </c>
      <c r="AN3159">
        <v>85236.145950000006</v>
      </c>
      <c r="AO3159">
        <v>27001.733080000002</v>
      </c>
      <c r="AP3159">
        <v>9935.8141670000005</v>
      </c>
    </row>
    <row r="3160" spans="2:42" x14ac:dyDescent="0.3">
      <c r="B3160">
        <v>46.628101541769574</v>
      </c>
      <c r="C3160" s="83">
        <v>43232.583333333336</v>
      </c>
      <c r="D3160">
        <v>160068.4994</v>
      </c>
      <c r="E3160">
        <v>23788.269370000002</v>
      </c>
      <c r="F3160">
        <v>88861.697579999993</v>
      </c>
      <c r="G3160">
        <v>31700.590950000002</v>
      </c>
      <c r="H3160">
        <v>34215.458279999999</v>
      </c>
      <c r="I3160">
        <v>26043.226650000001</v>
      </c>
      <c r="J3160">
        <v>40566.28052</v>
      </c>
      <c r="K3160">
        <v>46647.375489999999</v>
      </c>
      <c r="L3160">
        <v>28813.90166</v>
      </c>
      <c r="M3160">
        <v>237731.8063</v>
      </c>
      <c r="N3160">
        <v>62011.337310000003</v>
      </c>
      <c r="O3160">
        <v>18733.39171</v>
      </c>
      <c r="P3160">
        <v>29096.566439999999</v>
      </c>
      <c r="Q3160">
        <v>55150.730539999997</v>
      </c>
      <c r="R3160">
        <v>17515.316930000001</v>
      </c>
      <c r="S3160">
        <v>82739.442970000004</v>
      </c>
      <c r="T3160">
        <v>26710.508559999998</v>
      </c>
      <c r="U3160">
        <v>10274.59383</v>
      </c>
      <c r="W3160" s="83">
        <f>Bühler!N3192</f>
        <v>45423.583333325674</v>
      </c>
      <c r="X3160" s="83">
        <v>43232.583333333336</v>
      </c>
      <c r="Y3160">
        <v>160068.4994</v>
      </c>
      <c r="Z3160">
        <v>23788.269370000002</v>
      </c>
      <c r="AA3160">
        <v>88861.697579999993</v>
      </c>
      <c r="AB3160">
        <v>31700.590950000002</v>
      </c>
      <c r="AC3160">
        <v>34215.458279999999</v>
      </c>
      <c r="AD3160">
        <v>26043.226650000001</v>
      </c>
      <c r="AE3160">
        <v>40566.28052</v>
      </c>
      <c r="AF3160">
        <v>46647.375489999999</v>
      </c>
      <c r="AG3160">
        <v>28813.90166</v>
      </c>
      <c r="AH3160">
        <v>237731.8063</v>
      </c>
      <c r="AI3160">
        <v>62011.337310000003</v>
      </c>
      <c r="AJ3160">
        <v>18733.39171</v>
      </c>
      <c r="AK3160">
        <v>29096.566439999999</v>
      </c>
      <c r="AL3160">
        <v>55150.730539999997</v>
      </c>
      <c r="AM3160">
        <v>17515.316930000001</v>
      </c>
      <c r="AN3160">
        <v>82739.442970000004</v>
      </c>
      <c r="AO3160">
        <v>26710.508559999998</v>
      </c>
      <c r="AP3160">
        <v>10274.59383</v>
      </c>
    </row>
    <row r="3161" spans="2:42" x14ac:dyDescent="0.3">
      <c r="B3161">
        <v>46.415032664358229</v>
      </c>
      <c r="C3161" s="83">
        <v>43232.625</v>
      </c>
      <c r="D3161">
        <v>160428.17050000001</v>
      </c>
      <c r="E3161">
        <v>23823.291669999999</v>
      </c>
      <c r="F3161">
        <v>89711.665529999998</v>
      </c>
      <c r="G3161">
        <v>31239.72118</v>
      </c>
      <c r="H3161">
        <v>34037.536619999999</v>
      </c>
      <c r="I3161">
        <v>26259.518540000001</v>
      </c>
      <c r="J3161">
        <v>39521.572419999997</v>
      </c>
      <c r="K3161">
        <v>46921.091769999999</v>
      </c>
      <c r="L3161">
        <v>26334.777040000001</v>
      </c>
      <c r="M3161">
        <v>236645.48180000001</v>
      </c>
      <c r="N3161">
        <v>62754.584580000002</v>
      </c>
      <c r="O3161">
        <v>18651.586009999999</v>
      </c>
      <c r="P3161">
        <v>26923.80127</v>
      </c>
      <c r="Q3161">
        <v>54778.521500000003</v>
      </c>
      <c r="R3161">
        <v>17716.949219999999</v>
      </c>
      <c r="S3161">
        <v>81612.694010000007</v>
      </c>
      <c r="T3161">
        <v>27396.244589999998</v>
      </c>
      <c r="U3161">
        <v>10616.739610000001</v>
      </c>
      <c r="W3161" s="83">
        <f>Bühler!N3193</f>
        <v>45423.624999992338</v>
      </c>
      <c r="X3161" s="83">
        <v>43232.625</v>
      </c>
      <c r="Y3161">
        <v>160428.17050000001</v>
      </c>
      <c r="Z3161">
        <v>23823.291669999999</v>
      </c>
      <c r="AA3161">
        <v>89711.665529999998</v>
      </c>
      <c r="AB3161">
        <v>31239.72118</v>
      </c>
      <c r="AC3161">
        <v>34037.536619999999</v>
      </c>
      <c r="AD3161">
        <v>26259.518540000001</v>
      </c>
      <c r="AE3161">
        <v>39521.572419999997</v>
      </c>
      <c r="AF3161">
        <v>46921.091769999999</v>
      </c>
      <c r="AG3161">
        <v>26334.777040000001</v>
      </c>
      <c r="AH3161">
        <v>236645.48180000001</v>
      </c>
      <c r="AI3161">
        <v>62754.584580000002</v>
      </c>
      <c r="AJ3161">
        <v>18651.586009999999</v>
      </c>
      <c r="AK3161">
        <v>26923.80127</v>
      </c>
      <c r="AL3161">
        <v>54778.521500000003</v>
      </c>
      <c r="AM3161">
        <v>17716.949219999999</v>
      </c>
      <c r="AN3161">
        <v>81612.694010000007</v>
      </c>
      <c r="AO3161">
        <v>27396.244589999998</v>
      </c>
      <c r="AP3161">
        <v>10616.739610000001</v>
      </c>
    </row>
    <row r="3162" spans="2:42" x14ac:dyDescent="0.3">
      <c r="B3162">
        <v>45.954151932310737</v>
      </c>
      <c r="C3162" s="83">
        <v>43232.666666666664</v>
      </c>
      <c r="D3162">
        <v>160185.02249999999</v>
      </c>
      <c r="E3162">
        <v>23870.416590000001</v>
      </c>
      <c r="F3162">
        <v>88988.889790000001</v>
      </c>
      <c r="G3162">
        <v>31177.324939999999</v>
      </c>
      <c r="H3162">
        <v>33834.404549999999</v>
      </c>
      <c r="I3162">
        <v>26232.890510000001</v>
      </c>
      <c r="J3162">
        <v>38881.362990000001</v>
      </c>
      <c r="K3162">
        <v>45295.244559999999</v>
      </c>
      <c r="L3162">
        <v>25556.153010000002</v>
      </c>
      <c r="M3162">
        <v>234295.69690000001</v>
      </c>
      <c r="N3162">
        <v>63638.317300000002</v>
      </c>
      <c r="O3162">
        <v>19038.640719999999</v>
      </c>
      <c r="P3162">
        <v>26759.817080000001</v>
      </c>
      <c r="Q3162">
        <v>54120.875489999999</v>
      </c>
      <c r="R3162">
        <v>17720.233540000001</v>
      </c>
      <c r="S3162">
        <v>81481.524019999997</v>
      </c>
      <c r="T3162">
        <v>27649.72565</v>
      </c>
      <c r="U3162">
        <v>10360.02527</v>
      </c>
      <c r="W3162" s="83">
        <f>Bühler!N3194</f>
        <v>45423.666666659003</v>
      </c>
      <c r="X3162" s="83">
        <v>43232.666666666664</v>
      </c>
      <c r="Y3162">
        <v>160185.02249999999</v>
      </c>
      <c r="Z3162">
        <v>23870.416590000001</v>
      </c>
      <c r="AA3162">
        <v>88988.889790000001</v>
      </c>
      <c r="AB3162">
        <v>31177.324939999999</v>
      </c>
      <c r="AC3162">
        <v>33834.404549999999</v>
      </c>
      <c r="AD3162">
        <v>26232.890510000001</v>
      </c>
      <c r="AE3162">
        <v>38881.362990000001</v>
      </c>
      <c r="AF3162">
        <v>45295.244559999999</v>
      </c>
      <c r="AG3162">
        <v>25556.153010000002</v>
      </c>
      <c r="AH3162">
        <v>234295.69690000001</v>
      </c>
      <c r="AI3162">
        <v>63638.317300000002</v>
      </c>
      <c r="AJ3162">
        <v>19038.640719999999</v>
      </c>
      <c r="AK3162">
        <v>26759.817080000001</v>
      </c>
      <c r="AL3162">
        <v>54120.875489999999</v>
      </c>
      <c r="AM3162">
        <v>17720.233540000001</v>
      </c>
      <c r="AN3162">
        <v>81481.524019999997</v>
      </c>
      <c r="AO3162">
        <v>27649.72565</v>
      </c>
      <c r="AP3162">
        <v>10360.02527</v>
      </c>
    </row>
    <row r="3163" spans="2:42" x14ac:dyDescent="0.3">
      <c r="B3163">
        <v>44.947846063861661</v>
      </c>
      <c r="C3163" s="83">
        <v>43232.708333333336</v>
      </c>
      <c r="D3163">
        <v>159005.97099999999</v>
      </c>
      <c r="E3163">
        <v>23435.25822</v>
      </c>
      <c r="F3163">
        <v>87639.478260000004</v>
      </c>
      <c r="G3163">
        <v>30874.061740000001</v>
      </c>
      <c r="H3163">
        <v>33676.7929</v>
      </c>
      <c r="I3163">
        <v>26123.59923</v>
      </c>
      <c r="J3163">
        <v>39641.046999999999</v>
      </c>
      <c r="K3163">
        <v>43515.698819999998</v>
      </c>
      <c r="L3163">
        <v>25939.543249999999</v>
      </c>
      <c r="M3163">
        <v>229165.0803</v>
      </c>
      <c r="N3163">
        <v>62845.642099999997</v>
      </c>
      <c r="O3163">
        <v>18372.765780000002</v>
      </c>
      <c r="P3163">
        <v>28259.745139999999</v>
      </c>
      <c r="Q3163">
        <v>53108.20074</v>
      </c>
      <c r="R3163">
        <v>19613.883030000001</v>
      </c>
      <c r="S3163">
        <v>83108.426579999999</v>
      </c>
      <c r="T3163">
        <v>27496.99051</v>
      </c>
      <c r="U3163">
        <v>10047.496139999999</v>
      </c>
      <c r="W3163" s="83">
        <f>Bühler!N3195</f>
        <v>45423.708333325667</v>
      </c>
      <c r="X3163" s="83">
        <v>43232.708333333336</v>
      </c>
      <c r="Y3163">
        <v>159005.97099999999</v>
      </c>
      <c r="Z3163">
        <v>23435.25822</v>
      </c>
      <c r="AA3163">
        <v>87639.478260000004</v>
      </c>
      <c r="AB3163">
        <v>30874.061740000001</v>
      </c>
      <c r="AC3163">
        <v>33676.7929</v>
      </c>
      <c r="AD3163">
        <v>26123.59923</v>
      </c>
      <c r="AE3163">
        <v>39641.046999999999</v>
      </c>
      <c r="AF3163">
        <v>43515.698819999998</v>
      </c>
      <c r="AG3163">
        <v>25939.543249999999</v>
      </c>
      <c r="AH3163">
        <v>229165.0803</v>
      </c>
      <c r="AI3163">
        <v>62845.642099999997</v>
      </c>
      <c r="AJ3163">
        <v>18372.765780000002</v>
      </c>
      <c r="AK3163">
        <v>28259.745139999999</v>
      </c>
      <c r="AL3163">
        <v>53108.20074</v>
      </c>
      <c r="AM3163">
        <v>19613.883030000001</v>
      </c>
      <c r="AN3163">
        <v>83108.426579999999</v>
      </c>
      <c r="AO3163">
        <v>27496.99051</v>
      </c>
      <c r="AP3163">
        <v>10047.496139999999</v>
      </c>
    </row>
    <row r="3164" spans="2:42" x14ac:dyDescent="0.3">
      <c r="B3164">
        <v>43.74531846265986</v>
      </c>
      <c r="C3164" s="83">
        <v>43232.75</v>
      </c>
      <c r="D3164">
        <v>158353.17249999999</v>
      </c>
      <c r="E3164">
        <v>22301.39255</v>
      </c>
      <c r="F3164">
        <v>85169.371950000001</v>
      </c>
      <c r="G3164">
        <v>30597.83554</v>
      </c>
      <c r="H3164">
        <v>33599.785649999998</v>
      </c>
      <c r="I3164">
        <v>26043.788570000001</v>
      </c>
      <c r="J3164">
        <v>39673.973910000001</v>
      </c>
      <c r="K3164">
        <v>43819.722800000003</v>
      </c>
      <c r="L3164">
        <v>26795.943490000001</v>
      </c>
      <c r="M3164">
        <v>223034.0338</v>
      </c>
      <c r="N3164">
        <v>62415.360789999999</v>
      </c>
      <c r="O3164">
        <v>18831.66001</v>
      </c>
      <c r="P3164">
        <v>30062.59346</v>
      </c>
      <c r="Q3164">
        <v>51512.883229999999</v>
      </c>
      <c r="R3164">
        <v>18545.176380000001</v>
      </c>
      <c r="S3164">
        <v>80785.076950000002</v>
      </c>
      <c r="T3164">
        <v>26746.290799999999</v>
      </c>
      <c r="U3164">
        <v>10153.736370000001</v>
      </c>
      <c r="W3164" s="83">
        <f>Bühler!N3196</f>
        <v>45423.749999992331</v>
      </c>
      <c r="X3164" s="83">
        <v>43232.75</v>
      </c>
      <c r="Y3164">
        <v>158353.17249999999</v>
      </c>
      <c r="Z3164">
        <v>22301.39255</v>
      </c>
      <c r="AA3164">
        <v>85169.371950000001</v>
      </c>
      <c r="AB3164">
        <v>30597.83554</v>
      </c>
      <c r="AC3164">
        <v>33599.785649999998</v>
      </c>
      <c r="AD3164">
        <v>26043.788570000001</v>
      </c>
      <c r="AE3164">
        <v>39673.973910000001</v>
      </c>
      <c r="AF3164">
        <v>43819.722800000003</v>
      </c>
      <c r="AG3164">
        <v>26795.943490000001</v>
      </c>
      <c r="AH3164">
        <v>223034.0338</v>
      </c>
      <c r="AI3164">
        <v>62415.360789999999</v>
      </c>
      <c r="AJ3164">
        <v>18831.66001</v>
      </c>
      <c r="AK3164">
        <v>30062.59346</v>
      </c>
      <c r="AL3164">
        <v>51512.883229999999</v>
      </c>
      <c r="AM3164">
        <v>18545.176380000001</v>
      </c>
      <c r="AN3164">
        <v>80785.076950000002</v>
      </c>
      <c r="AO3164">
        <v>26746.290799999999</v>
      </c>
      <c r="AP3164">
        <v>10153.736370000001</v>
      </c>
    </row>
    <row r="3165" spans="2:42" x14ac:dyDescent="0.3">
      <c r="B3165">
        <v>43.065277629307978</v>
      </c>
      <c r="C3165" s="83">
        <v>43232.791666666664</v>
      </c>
      <c r="D3165">
        <v>157157.2415</v>
      </c>
      <c r="E3165">
        <v>18467.947929999998</v>
      </c>
      <c r="F3165">
        <v>75802.879499999995</v>
      </c>
      <c r="G3165">
        <v>30814.33426</v>
      </c>
      <c r="H3165">
        <v>32977.07978</v>
      </c>
      <c r="I3165">
        <v>25210.867030000001</v>
      </c>
      <c r="J3165">
        <v>39598.249860000004</v>
      </c>
      <c r="K3165">
        <v>44687.80184</v>
      </c>
      <c r="L3165">
        <v>28151.867480000001</v>
      </c>
      <c r="M3165">
        <v>219566.86850000001</v>
      </c>
      <c r="N3165">
        <v>62506.807289999997</v>
      </c>
      <c r="O3165">
        <v>19826.94183</v>
      </c>
      <c r="P3165">
        <v>31724.0448</v>
      </c>
      <c r="Q3165">
        <v>49866.295469999997</v>
      </c>
      <c r="R3165">
        <v>17298.289629999999</v>
      </c>
      <c r="S3165">
        <v>79237.724860000002</v>
      </c>
      <c r="T3165">
        <v>25278.69541</v>
      </c>
      <c r="U3165">
        <v>10193.11303</v>
      </c>
      <c r="W3165" s="83">
        <f>Bühler!N3197</f>
        <v>45423.791666658995</v>
      </c>
      <c r="X3165" s="83">
        <v>43232.791666666664</v>
      </c>
      <c r="Y3165">
        <v>157157.2415</v>
      </c>
      <c r="Z3165">
        <v>18467.947929999998</v>
      </c>
      <c r="AA3165">
        <v>75802.879499999995</v>
      </c>
      <c r="AB3165">
        <v>30814.33426</v>
      </c>
      <c r="AC3165">
        <v>32977.07978</v>
      </c>
      <c r="AD3165">
        <v>25210.867030000001</v>
      </c>
      <c r="AE3165">
        <v>39598.249860000004</v>
      </c>
      <c r="AF3165">
        <v>44687.80184</v>
      </c>
      <c r="AG3165">
        <v>28151.867480000001</v>
      </c>
      <c r="AH3165">
        <v>219566.86850000001</v>
      </c>
      <c r="AI3165">
        <v>62506.807289999997</v>
      </c>
      <c r="AJ3165">
        <v>19826.94183</v>
      </c>
      <c r="AK3165">
        <v>31724.0448</v>
      </c>
      <c r="AL3165">
        <v>49866.295469999997</v>
      </c>
      <c r="AM3165">
        <v>17298.289629999999</v>
      </c>
      <c r="AN3165">
        <v>79237.724860000002</v>
      </c>
      <c r="AO3165">
        <v>25278.69541</v>
      </c>
      <c r="AP3165">
        <v>10193.11303</v>
      </c>
    </row>
    <row r="3166" spans="2:42" x14ac:dyDescent="0.3">
      <c r="B3166">
        <v>42.408016724705305</v>
      </c>
      <c r="C3166" s="83">
        <v>43232.833333333336</v>
      </c>
      <c r="D3166">
        <v>156455.3982</v>
      </c>
      <c r="E3166">
        <v>13957.547339999999</v>
      </c>
      <c r="F3166">
        <v>57716.549330000002</v>
      </c>
      <c r="G3166">
        <v>30863.326280000001</v>
      </c>
      <c r="H3166">
        <v>31957.785469999999</v>
      </c>
      <c r="I3166">
        <v>23028.73458</v>
      </c>
      <c r="J3166">
        <v>39240.409650000001</v>
      </c>
      <c r="K3166">
        <v>46365.75144</v>
      </c>
      <c r="L3166">
        <v>28293.42325</v>
      </c>
      <c r="M3166">
        <v>216215.84589999999</v>
      </c>
      <c r="N3166">
        <v>62694.842100000002</v>
      </c>
      <c r="O3166">
        <v>19665.54652</v>
      </c>
      <c r="P3166">
        <v>32087.78054</v>
      </c>
      <c r="Q3166">
        <v>47572.747150000003</v>
      </c>
      <c r="R3166">
        <v>17039.29839</v>
      </c>
      <c r="S3166">
        <v>74292.933040000004</v>
      </c>
      <c r="T3166">
        <v>23290.03947</v>
      </c>
      <c r="U3166">
        <v>10690.52701</v>
      </c>
      <c r="W3166" s="83">
        <f>Bühler!N3198</f>
        <v>45423.83333332566</v>
      </c>
      <c r="X3166" s="83">
        <v>43232.833333333336</v>
      </c>
      <c r="Y3166">
        <v>156455.3982</v>
      </c>
      <c r="Z3166">
        <v>13957.547339999999</v>
      </c>
      <c r="AA3166">
        <v>57716.549330000002</v>
      </c>
      <c r="AB3166">
        <v>30863.326280000001</v>
      </c>
      <c r="AC3166">
        <v>31957.785469999999</v>
      </c>
      <c r="AD3166">
        <v>23028.73458</v>
      </c>
      <c r="AE3166">
        <v>39240.409650000001</v>
      </c>
      <c r="AF3166">
        <v>46365.75144</v>
      </c>
      <c r="AG3166">
        <v>28293.42325</v>
      </c>
      <c r="AH3166">
        <v>216215.84589999999</v>
      </c>
      <c r="AI3166">
        <v>62694.842100000002</v>
      </c>
      <c r="AJ3166">
        <v>19665.54652</v>
      </c>
      <c r="AK3166">
        <v>32087.78054</v>
      </c>
      <c r="AL3166">
        <v>47572.747150000003</v>
      </c>
      <c r="AM3166">
        <v>17039.29839</v>
      </c>
      <c r="AN3166">
        <v>74292.933040000004</v>
      </c>
      <c r="AO3166">
        <v>23290.03947</v>
      </c>
      <c r="AP3166">
        <v>10690.52701</v>
      </c>
    </row>
    <row r="3167" spans="2:42" x14ac:dyDescent="0.3">
      <c r="B3167">
        <v>42.375042612742156</v>
      </c>
      <c r="C3167" s="83">
        <v>43232.875</v>
      </c>
      <c r="D3167">
        <v>155430.527</v>
      </c>
      <c r="E3167">
        <v>12375.128989999999</v>
      </c>
      <c r="F3167">
        <v>50808.167600000001</v>
      </c>
      <c r="G3167">
        <v>31203.189020000002</v>
      </c>
      <c r="H3167">
        <v>32616.124690000001</v>
      </c>
      <c r="I3167">
        <v>21547.744910000001</v>
      </c>
      <c r="J3167">
        <v>40258.013870000002</v>
      </c>
      <c r="K3167">
        <v>45073.783000000003</v>
      </c>
      <c r="L3167">
        <v>27661.158650000001</v>
      </c>
      <c r="M3167">
        <v>216047.7285</v>
      </c>
      <c r="N3167">
        <v>63731.743589999998</v>
      </c>
      <c r="O3167">
        <v>18694.78255</v>
      </c>
      <c r="P3167">
        <v>31113.911349999998</v>
      </c>
      <c r="Q3167">
        <v>46624.868999999999</v>
      </c>
      <c r="R3167">
        <v>17549.511490000001</v>
      </c>
      <c r="S3167">
        <v>73203.244900000005</v>
      </c>
      <c r="T3167">
        <v>22381.69384</v>
      </c>
      <c r="U3167">
        <v>10851.538430000001</v>
      </c>
      <c r="W3167" s="83">
        <f>Bühler!N3199</f>
        <v>45423.874999992324</v>
      </c>
      <c r="X3167" s="83">
        <v>43232.875</v>
      </c>
      <c r="Y3167">
        <v>155430.527</v>
      </c>
      <c r="Z3167">
        <v>12375.128989999999</v>
      </c>
      <c r="AA3167">
        <v>50808.167600000001</v>
      </c>
      <c r="AB3167">
        <v>31203.189020000002</v>
      </c>
      <c r="AC3167">
        <v>32616.124690000001</v>
      </c>
      <c r="AD3167">
        <v>21547.744910000001</v>
      </c>
      <c r="AE3167">
        <v>40258.013870000002</v>
      </c>
      <c r="AF3167">
        <v>45073.783000000003</v>
      </c>
      <c r="AG3167">
        <v>27661.158650000001</v>
      </c>
      <c r="AH3167">
        <v>216047.7285</v>
      </c>
      <c r="AI3167">
        <v>63731.743589999998</v>
      </c>
      <c r="AJ3167">
        <v>18694.78255</v>
      </c>
      <c r="AK3167">
        <v>31113.911349999998</v>
      </c>
      <c r="AL3167">
        <v>46624.868999999999</v>
      </c>
      <c r="AM3167">
        <v>17549.511490000001</v>
      </c>
      <c r="AN3167">
        <v>73203.244900000005</v>
      </c>
      <c r="AO3167">
        <v>22381.69384</v>
      </c>
      <c r="AP3167">
        <v>10851.538430000001</v>
      </c>
    </row>
    <row r="3168" spans="2:42" x14ac:dyDescent="0.3">
      <c r="B3168">
        <v>42.377166369039394</v>
      </c>
      <c r="C3168" s="83">
        <v>43232.916666666664</v>
      </c>
      <c r="D3168">
        <v>156093.26949999999</v>
      </c>
      <c r="E3168">
        <v>11788.26067</v>
      </c>
      <c r="F3168">
        <v>48126.743199999997</v>
      </c>
      <c r="G3168">
        <v>31404.53976</v>
      </c>
      <c r="H3168">
        <v>34177.44814</v>
      </c>
      <c r="I3168">
        <v>20590.590189999999</v>
      </c>
      <c r="J3168">
        <v>39810.625359999998</v>
      </c>
      <c r="K3168">
        <v>49619.302100000001</v>
      </c>
      <c r="L3168">
        <v>25303.663270000001</v>
      </c>
      <c r="M3168">
        <v>216058.5564</v>
      </c>
      <c r="N3168">
        <v>64536.946799999998</v>
      </c>
      <c r="O3168">
        <v>18402.889500000001</v>
      </c>
      <c r="P3168">
        <v>34057.289870000001</v>
      </c>
      <c r="Q3168">
        <v>46812.704949999999</v>
      </c>
      <c r="R3168">
        <v>18902.455529999999</v>
      </c>
      <c r="S3168">
        <v>73529.295970000006</v>
      </c>
      <c r="T3168">
        <v>21623.450089999998</v>
      </c>
      <c r="U3168">
        <v>11291.18801</v>
      </c>
      <c r="W3168" s="83">
        <f>Bühler!N3200</f>
        <v>45423.916666658988</v>
      </c>
      <c r="X3168" s="83">
        <v>43232.916666666664</v>
      </c>
      <c r="Y3168">
        <v>156093.26949999999</v>
      </c>
      <c r="Z3168">
        <v>11788.26067</v>
      </c>
      <c r="AA3168">
        <v>48126.743199999997</v>
      </c>
      <c r="AB3168">
        <v>31404.53976</v>
      </c>
      <c r="AC3168">
        <v>34177.44814</v>
      </c>
      <c r="AD3168">
        <v>20590.590189999999</v>
      </c>
      <c r="AE3168">
        <v>39810.625359999998</v>
      </c>
      <c r="AF3168">
        <v>49619.302100000001</v>
      </c>
      <c r="AG3168">
        <v>25303.663270000001</v>
      </c>
      <c r="AH3168">
        <v>216058.5564</v>
      </c>
      <c r="AI3168">
        <v>64536.946799999998</v>
      </c>
      <c r="AJ3168">
        <v>18402.889500000001</v>
      </c>
      <c r="AK3168">
        <v>34057.289870000001</v>
      </c>
      <c r="AL3168">
        <v>46812.704949999999</v>
      </c>
      <c r="AM3168">
        <v>18902.455529999999</v>
      </c>
      <c r="AN3168">
        <v>73529.295970000006</v>
      </c>
      <c r="AO3168">
        <v>21623.450089999998</v>
      </c>
      <c r="AP3168">
        <v>11291.18801</v>
      </c>
    </row>
    <row r="3169" spans="2:42" x14ac:dyDescent="0.3">
      <c r="B3169">
        <v>42.205379729439059</v>
      </c>
      <c r="C3169" s="83">
        <v>43232.958333333336</v>
      </c>
      <c r="D3169">
        <v>155726.88519999999</v>
      </c>
      <c r="E3169">
        <v>11322.65713</v>
      </c>
      <c r="F3169">
        <v>46701.937319999997</v>
      </c>
      <c r="G3169">
        <v>31301.60583</v>
      </c>
      <c r="H3169">
        <v>33155.715230000002</v>
      </c>
      <c r="I3169">
        <v>20142.955330000001</v>
      </c>
      <c r="J3169">
        <v>36632.063110000003</v>
      </c>
      <c r="K3169">
        <v>49461.629650000003</v>
      </c>
      <c r="L3169">
        <v>21603.88896</v>
      </c>
      <c r="M3169">
        <v>215182.70800000001</v>
      </c>
      <c r="N3169">
        <v>64144.846129999998</v>
      </c>
      <c r="O3169">
        <v>18024.462319999999</v>
      </c>
      <c r="P3169">
        <v>30955.023679999998</v>
      </c>
      <c r="Q3169">
        <v>46773.363920000003</v>
      </c>
      <c r="R3169">
        <v>19591.07173</v>
      </c>
      <c r="S3169">
        <v>71907.764420000007</v>
      </c>
      <c r="T3169">
        <v>20692.049569999999</v>
      </c>
      <c r="U3169">
        <v>11076.333930000001</v>
      </c>
      <c r="W3169" s="83">
        <f>Bühler!N3201</f>
        <v>45423.958333325652</v>
      </c>
      <c r="X3169" s="83">
        <v>43232.958333333336</v>
      </c>
      <c r="Y3169">
        <v>155726.88519999999</v>
      </c>
      <c r="Z3169">
        <v>11322.65713</v>
      </c>
      <c r="AA3169">
        <v>46701.937319999997</v>
      </c>
      <c r="AB3169">
        <v>31301.60583</v>
      </c>
      <c r="AC3169">
        <v>33155.715230000002</v>
      </c>
      <c r="AD3169">
        <v>20142.955330000001</v>
      </c>
      <c r="AE3169">
        <v>36632.063110000003</v>
      </c>
      <c r="AF3169">
        <v>49461.629650000003</v>
      </c>
      <c r="AG3169">
        <v>21603.88896</v>
      </c>
      <c r="AH3169">
        <v>215182.70800000001</v>
      </c>
      <c r="AI3169">
        <v>64144.846129999998</v>
      </c>
      <c r="AJ3169">
        <v>18024.462319999999</v>
      </c>
      <c r="AK3169">
        <v>30955.023679999998</v>
      </c>
      <c r="AL3169">
        <v>46773.363920000003</v>
      </c>
      <c r="AM3169">
        <v>19591.07173</v>
      </c>
      <c r="AN3169">
        <v>71907.764420000007</v>
      </c>
      <c r="AO3169">
        <v>20692.049569999999</v>
      </c>
      <c r="AP3169">
        <v>11076.333930000001</v>
      </c>
    </row>
    <row r="3170" spans="2:42" x14ac:dyDescent="0.3">
      <c r="B3170">
        <v>48.597447463968749</v>
      </c>
      <c r="C3170" s="83">
        <v>43233</v>
      </c>
      <c r="D3170">
        <v>187172.45110000001</v>
      </c>
      <c r="E3170">
        <v>11767.62765</v>
      </c>
      <c r="F3170">
        <v>46446.217819999998</v>
      </c>
      <c r="G3170">
        <v>32098.446680000001</v>
      </c>
      <c r="H3170">
        <v>33289.712630000002</v>
      </c>
      <c r="I3170">
        <v>18973.937689999999</v>
      </c>
      <c r="J3170">
        <v>35055.761870000002</v>
      </c>
      <c r="K3170">
        <v>49339.711669999997</v>
      </c>
      <c r="L3170">
        <v>18376.129089999999</v>
      </c>
      <c r="M3170">
        <v>247772.45019999999</v>
      </c>
      <c r="N3170">
        <v>66487.5965</v>
      </c>
      <c r="O3170">
        <v>18338.37947</v>
      </c>
      <c r="P3170">
        <v>28327.486529999998</v>
      </c>
      <c r="Q3170">
        <v>58977.721140000001</v>
      </c>
      <c r="R3170">
        <v>16153.271049999999</v>
      </c>
      <c r="S3170">
        <v>71486.777789999993</v>
      </c>
      <c r="T3170">
        <v>19904.803929999998</v>
      </c>
      <c r="U3170">
        <v>11697.48717</v>
      </c>
      <c r="W3170" s="83">
        <f>Bühler!N3202</f>
        <v>45423.999999992317</v>
      </c>
      <c r="X3170" s="83">
        <v>43233</v>
      </c>
      <c r="Y3170">
        <v>187172.45110000001</v>
      </c>
      <c r="Z3170">
        <v>11767.62765</v>
      </c>
      <c r="AA3170">
        <v>46446.217819999998</v>
      </c>
      <c r="AB3170">
        <v>32098.446680000001</v>
      </c>
      <c r="AC3170">
        <v>33289.712630000002</v>
      </c>
      <c r="AD3170">
        <v>18973.937689999999</v>
      </c>
      <c r="AE3170">
        <v>35055.761870000002</v>
      </c>
      <c r="AF3170">
        <v>49339.711669999997</v>
      </c>
      <c r="AG3170">
        <v>18376.129089999999</v>
      </c>
      <c r="AH3170">
        <v>247772.45019999999</v>
      </c>
      <c r="AI3170">
        <v>66487.5965</v>
      </c>
      <c r="AJ3170">
        <v>18338.37947</v>
      </c>
      <c r="AK3170">
        <v>28327.486529999998</v>
      </c>
      <c r="AL3170">
        <v>58977.721140000001</v>
      </c>
      <c r="AM3170">
        <v>16153.271049999999</v>
      </c>
      <c r="AN3170">
        <v>71486.777789999993</v>
      </c>
      <c r="AO3170">
        <v>19904.803929999998</v>
      </c>
      <c r="AP3170">
        <v>11697.48717</v>
      </c>
    </row>
    <row r="3171" spans="2:42" x14ac:dyDescent="0.3">
      <c r="B3171">
        <v>47.763567466563629</v>
      </c>
      <c r="C3171" s="83">
        <v>43233.041666666664</v>
      </c>
      <c r="D3171">
        <v>184668.17619999999</v>
      </c>
      <c r="E3171">
        <v>11692.777480000001</v>
      </c>
      <c r="F3171">
        <v>45584.431120000001</v>
      </c>
      <c r="G3171">
        <v>31582.22178</v>
      </c>
      <c r="H3171">
        <v>32695.75792</v>
      </c>
      <c r="I3171">
        <v>15823.4177</v>
      </c>
      <c r="J3171">
        <v>33980.70304</v>
      </c>
      <c r="K3171">
        <v>46566.423020000002</v>
      </c>
      <c r="L3171">
        <v>17195.858919999999</v>
      </c>
      <c r="M3171">
        <v>243520.9411</v>
      </c>
      <c r="N3171">
        <v>65175.489289999998</v>
      </c>
      <c r="O3171">
        <v>17677.74956</v>
      </c>
      <c r="P3171">
        <v>26956.986649999999</v>
      </c>
      <c r="Q3171">
        <v>58649.31508</v>
      </c>
      <c r="R3171">
        <v>14479.81135</v>
      </c>
      <c r="S3171">
        <v>70284.777199999997</v>
      </c>
      <c r="T3171">
        <v>19424.40251</v>
      </c>
      <c r="U3171">
        <v>11748.13694</v>
      </c>
      <c r="W3171" s="83">
        <f>Bühler!N3203</f>
        <v>45424.041666658981</v>
      </c>
      <c r="X3171" s="83">
        <v>43233.041666666664</v>
      </c>
      <c r="Y3171">
        <v>184668.17619999999</v>
      </c>
      <c r="Z3171">
        <v>11692.777480000001</v>
      </c>
      <c r="AA3171">
        <v>45584.431120000001</v>
      </c>
      <c r="AB3171">
        <v>31582.22178</v>
      </c>
      <c r="AC3171">
        <v>32695.75792</v>
      </c>
      <c r="AD3171">
        <v>15823.4177</v>
      </c>
      <c r="AE3171">
        <v>33980.70304</v>
      </c>
      <c r="AF3171">
        <v>46566.423020000002</v>
      </c>
      <c r="AG3171">
        <v>17195.858919999999</v>
      </c>
      <c r="AH3171">
        <v>243520.9411</v>
      </c>
      <c r="AI3171">
        <v>65175.489289999998</v>
      </c>
      <c r="AJ3171">
        <v>17677.74956</v>
      </c>
      <c r="AK3171">
        <v>26956.986649999999</v>
      </c>
      <c r="AL3171">
        <v>58649.31508</v>
      </c>
      <c r="AM3171">
        <v>14479.81135</v>
      </c>
      <c r="AN3171">
        <v>70284.777199999997</v>
      </c>
      <c r="AO3171">
        <v>19424.40251</v>
      </c>
      <c r="AP3171">
        <v>11748.13694</v>
      </c>
    </row>
    <row r="3172" spans="2:42" x14ac:dyDescent="0.3">
      <c r="B3172">
        <v>47.162197369291604</v>
      </c>
      <c r="C3172" s="83">
        <v>43233.083333333336</v>
      </c>
      <c r="D3172">
        <v>183279.753</v>
      </c>
      <c r="E3172">
        <v>11615.256509999999</v>
      </c>
      <c r="F3172">
        <v>45944.922550000003</v>
      </c>
      <c r="G3172">
        <v>31073.893919999999</v>
      </c>
      <c r="H3172">
        <v>32384.80732</v>
      </c>
      <c r="I3172">
        <v>13677.406499999999</v>
      </c>
      <c r="J3172">
        <v>33495.512390000004</v>
      </c>
      <c r="K3172">
        <v>44980.435989999998</v>
      </c>
      <c r="L3172">
        <v>16709.929199999999</v>
      </c>
      <c r="M3172">
        <v>240454.87590000001</v>
      </c>
      <c r="N3172">
        <v>63338.437550000002</v>
      </c>
      <c r="O3172">
        <v>17958.1149</v>
      </c>
      <c r="P3172">
        <v>24882.73893</v>
      </c>
      <c r="Q3172">
        <v>59378.07634</v>
      </c>
      <c r="R3172">
        <v>14445.22019</v>
      </c>
      <c r="S3172">
        <v>69513.194430000003</v>
      </c>
      <c r="T3172">
        <v>19038.627929999999</v>
      </c>
      <c r="U3172">
        <v>11557.500959999999</v>
      </c>
      <c r="W3172" s="83">
        <f>Bühler!N3204</f>
        <v>45424.083333325645</v>
      </c>
      <c r="X3172" s="83">
        <v>43233.083333333336</v>
      </c>
      <c r="Y3172">
        <v>183279.753</v>
      </c>
      <c r="Z3172">
        <v>11615.256509999999</v>
      </c>
      <c r="AA3172">
        <v>45944.922550000003</v>
      </c>
      <c r="AB3172">
        <v>31073.893919999999</v>
      </c>
      <c r="AC3172">
        <v>32384.80732</v>
      </c>
      <c r="AD3172">
        <v>13677.406499999999</v>
      </c>
      <c r="AE3172">
        <v>33495.512390000004</v>
      </c>
      <c r="AF3172">
        <v>44980.435989999998</v>
      </c>
      <c r="AG3172">
        <v>16709.929199999999</v>
      </c>
      <c r="AH3172">
        <v>240454.87590000001</v>
      </c>
      <c r="AI3172">
        <v>63338.437550000002</v>
      </c>
      <c r="AJ3172">
        <v>17958.1149</v>
      </c>
      <c r="AK3172">
        <v>24882.73893</v>
      </c>
      <c r="AL3172">
        <v>59378.07634</v>
      </c>
      <c r="AM3172">
        <v>14445.22019</v>
      </c>
      <c r="AN3172">
        <v>69513.194430000003</v>
      </c>
      <c r="AO3172">
        <v>19038.627929999999</v>
      </c>
      <c r="AP3172">
        <v>11557.500959999999</v>
      </c>
    </row>
    <row r="3173" spans="2:42" x14ac:dyDescent="0.3">
      <c r="B3173">
        <v>46.785378092445484</v>
      </c>
      <c r="C3173" s="83">
        <v>43233.125</v>
      </c>
      <c r="D3173">
        <v>179435.95680000001</v>
      </c>
      <c r="E3173">
        <v>11578.60377</v>
      </c>
      <c r="F3173">
        <v>46170.628420000001</v>
      </c>
      <c r="G3173">
        <v>30374.23691</v>
      </c>
      <c r="H3173">
        <v>32156.631420000002</v>
      </c>
      <c r="I3173">
        <v>12953.24793</v>
      </c>
      <c r="J3173">
        <v>33856.945339999998</v>
      </c>
      <c r="K3173">
        <v>43615.822999999997</v>
      </c>
      <c r="L3173">
        <v>16670.603230000001</v>
      </c>
      <c r="M3173">
        <v>238533.67550000001</v>
      </c>
      <c r="N3173">
        <v>62877.145920000003</v>
      </c>
      <c r="O3173">
        <v>18095.616160000001</v>
      </c>
      <c r="P3173">
        <v>24758.321039999999</v>
      </c>
      <c r="Q3173">
        <v>60019.567459999998</v>
      </c>
      <c r="R3173">
        <v>14247.970929999999</v>
      </c>
      <c r="S3173">
        <v>69366.620930000005</v>
      </c>
      <c r="T3173">
        <v>18799.483090000002</v>
      </c>
      <c r="U3173">
        <v>11631.08994</v>
      </c>
      <c r="W3173" s="83">
        <f>Bühler!N3205</f>
        <v>45424.124999992309</v>
      </c>
      <c r="X3173" s="83">
        <v>43233.125</v>
      </c>
      <c r="Y3173">
        <v>179435.95680000001</v>
      </c>
      <c r="Z3173">
        <v>11578.60377</v>
      </c>
      <c r="AA3173">
        <v>46170.628420000001</v>
      </c>
      <c r="AB3173">
        <v>30374.23691</v>
      </c>
      <c r="AC3173">
        <v>32156.631420000002</v>
      </c>
      <c r="AD3173">
        <v>12953.24793</v>
      </c>
      <c r="AE3173">
        <v>33856.945339999998</v>
      </c>
      <c r="AF3173">
        <v>43615.822999999997</v>
      </c>
      <c r="AG3173">
        <v>16670.603230000001</v>
      </c>
      <c r="AH3173">
        <v>238533.67550000001</v>
      </c>
      <c r="AI3173">
        <v>62877.145920000003</v>
      </c>
      <c r="AJ3173">
        <v>18095.616160000001</v>
      </c>
      <c r="AK3173">
        <v>24758.321039999999</v>
      </c>
      <c r="AL3173">
        <v>60019.567459999998</v>
      </c>
      <c r="AM3173">
        <v>14247.970929999999</v>
      </c>
      <c r="AN3173">
        <v>69366.620930000005</v>
      </c>
      <c r="AO3173">
        <v>18799.483090000002</v>
      </c>
      <c r="AP3173">
        <v>11631.08994</v>
      </c>
    </row>
    <row r="3174" spans="2:42" x14ac:dyDescent="0.3">
      <c r="B3174">
        <v>45.415710052757788</v>
      </c>
      <c r="C3174" s="83">
        <v>43233.166666666664</v>
      </c>
      <c r="D3174">
        <v>172246.70449999999</v>
      </c>
      <c r="E3174">
        <v>11579.357400000001</v>
      </c>
      <c r="F3174">
        <v>47229.088190000002</v>
      </c>
      <c r="G3174">
        <v>29904.771939999999</v>
      </c>
      <c r="H3174">
        <v>32225.744930000001</v>
      </c>
      <c r="I3174">
        <v>13531.95564</v>
      </c>
      <c r="J3174">
        <v>35553.320899999999</v>
      </c>
      <c r="K3174">
        <v>42582.57026</v>
      </c>
      <c r="L3174">
        <v>16168.266519999999</v>
      </c>
      <c r="M3174">
        <v>231550.46909999999</v>
      </c>
      <c r="N3174">
        <v>60939.865720000002</v>
      </c>
      <c r="O3174">
        <v>18293.289489999999</v>
      </c>
      <c r="P3174">
        <v>24011.549029999998</v>
      </c>
      <c r="Q3174">
        <v>60309.326050000003</v>
      </c>
      <c r="R3174">
        <v>13972.78025</v>
      </c>
      <c r="S3174">
        <v>69561.466589999996</v>
      </c>
      <c r="T3174">
        <v>19059.56568</v>
      </c>
      <c r="U3174">
        <v>11765.85442</v>
      </c>
      <c r="W3174" s="83">
        <f>Bühler!N3206</f>
        <v>45424.166666658974</v>
      </c>
      <c r="X3174" s="83">
        <v>43233.166666666664</v>
      </c>
      <c r="Y3174">
        <v>172246.70449999999</v>
      </c>
      <c r="Z3174">
        <v>11579.357400000001</v>
      </c>
      <c r="AA3174">
        <v>47229.088190000002</v>
      </c>
      <c r="AB3174">
        <v>29904.771939999999</v>
      </c>
      <c r="AC3174">
        <v>32225.744930000001</v>
      </c>
      <c r="AD3174">
        <v>13531.95564</v>
      </c>
      <c r="AE3174">
        <v>35553.320899999999</v>
      </c>
      <c r="AF3174">
        <v>42582.57026</v>
      </c>
      <c r="AG3174">
        <v>16168.266519999999</v>
      </c>
      <c r="AH3174">
        <v>231550.46909999999</v>
      </c>
      <c r="AI3174">
        <v>60939.865720000002</v>
      </c>
      <c r="AJ3174">
        <v>18293.289489999999</v>
      </c>
      <c r="AK3174">
        <v>24011.549029999998</v>
      </c>
      <c r="AL3174">
        <v>60309.326050000003</v>
      </c>
      <c r="AM3174">
        <v>13972.78025</v>
      </c>
      <c r="AN3174">
        <v>69561.466589999996</v>
      </c>
      <c r="AO3174">
        <v>19059.56568</v>
      </c>
      <c r="AP3174">
        <v>11765.85442</v>
      </c>
    </row>
    <row r="3175" spans="2:42" x14ac:dyDescent="0.3">
      <c r="B3175">
        <v>44.413255165894775</v>
      </c>
      <c r="C3175" s="83">
        <v>43233.208333333336</v>
      </c>
      <c r="D3175">
        <v>164816.9087</v>
      </c>
      <c r="E3175">
        <v>11914.352059999999</v>
      </c>
      <c r="F3175">
        <v>51442.410750000003</v>
      </c>
      <c r="G3175">
        <v>30179.43593</v>
      </c>
      <c r="H3175">
        <v>32681.612430000001</v>
      </c>
      <c r="I3175">
        <v>17486.060270000002</v>
      </c>
      <c r="J3175">
        <v>38211.276039999997</v>
      </c>
      <c r="K3175">
        <v>41982.14615</v>
      </c>
      <c r="L3175">
        <v>16311.1052</v>
      </c>
      <c r="M3175">
        <v>226439.4866</v>
      </c>
      <c r="N3175">
        <v>60558.817609999998</v>
      </c>
      <c r="O3175">
        <v>18632.972399999999</v>
      </c>
      <c r="P3175">
        <v>24597.306369999998</v>
      </c>
      <c r="Q3175">
        <v>58911.500679999997</v>
      </c>
      <c r="R3175">
        <v>16468.233039999999</v>
      </c>
      <c r="S3175">
        <v>71207.546679999999</v>
      </c>
      <c r="T3175">
        <v>19487.827509999999</v>
      </c>
      <c r="U3175">
        <v>11760.612090000001</v>
      </c>
      <c r="W3175" s="83">
        <f>Bühler!N3207</f>
        <v>45424.208333325638</v>
      </c>
      <c r="X3175" s="83">
        <v>43233.208333333336</v>
      </c>
      <c r="Y3175">
        <v>164816.9087</v>
      </c>
      <c r="Z3175">
        <v>11914.352059999999</v>
      </c>
      <c r="AA3175">
        <v>51442.410750000003</v>
      </c>
      <c r="AB3175">
        <v>30179.43593</v>
      </c>
      <c r="AC3175">
        <v>32681.612430000001</v>
      </c>
      <c r="AD3175">
        <v>17486.060270000002</v>
      </c>
      <c r="AE3175">
        <v>38211.276039999997</v>
      </c>
      <c r="AF3175">
        <v>41982.14615</v>
      </c>
      <c r="AG3175">
        <v>16311.1052</v>
      </c>
      <c r="AH3175">
        <v>226439.4866</v>
      </c>
      <c r="AI3175">
        <v>60558.817609999998</v>
      </c>
      <c r="AJ3175">
        <v>18632.972399999999</v>
      </c>
      <c r="AK3175">
        <v>24597.306369999998</v>
      </c>
      <c r="AL3175">
        <v>58911.500679999997</v>
      </c>
      <c r="AM3175">
        <v>16468.233039999999</v>
      </c>
      <c r="AN3175">
        <v>71207.546679999999</v>
      </c>
      <c r="AO3175">
        <v>19487.827509999999</v>
      </c>
      <c r="AP3175">
        <v>11760.612090000001</v>
      </c>
    </row>
    <row r="3176" spans="2:42" x14ac:dyDescent="0.3">
      <c r="B3176">
        <v>44.051765910815554</v>
      </c>
      <c r="C3176" s="83">
        <v>43233.25</v>
      </c>
      <c r="D3176">
        <v>162218.66819999999</v>
      </c>
      <c r="E3176">
        <v>12626.83639</v>
      </c>
      <c r="F3176">
        <v>56527.309009999997</v>
      </c>
      <c r="G3176">
        <v>31029.997490000002</v>
      </c>
      <c r="H3176">
        <v>31597.445199999998</v>
      </c>
      <c r="I3176">
        <v>19668.115549999999</v>
      </c>
      <c r="J3176">
        <v>40196.66085</v>
      </c>
      <c r="K3176">
        <v>40703.695749999999</v>
      </c>
      <c r="L3176">
        <v>16567.480520000001</v>
      </c>
      <c r="M3176">
        <v>224596.44579999999</v>
      </c>
      <c r="N3176">
        <v>61664.439859999999</v>
      </c>
      <c r="O3176">
        <v>18751.838619999999</v>
      </c>
      <c r="P3176">
        <v>24891.016769999998</v>
      </c>
      <c r="Q3176">
        <v>57667.740409999999</v>
      </c>
      <c r="R3176">
        <v>13844.63128</v>
      </c>
      <c r="S3176">
        <v>75479.497929999998</v>
      </c>
      <c r="T3176">
        <v>19902.77118</v>
      </c>
      <c r="U3176">
        <v>11407.59094</v>
      </c>
      <c r="W3176" s="83">
        <f>Bühler!N3208</f>
        <v>45424.249999992302</v>
      </c>
      <c r="X3176" s="83">
        <v>43233.25</v>
      </c>
      <c r="Y3176">
        <v>162218.66819999999</v>
      </c>
      <c r="Z3176">
        <v>12626.83639</v>
      </c>
      <c r="AA3176">
        <v>56527.309009999997</v>
      </c>
      <c r="AB3176">
        <v>31029.997490000002</v>
      </c>
      <c r="AC3176">
        <v>31597.445199999998</v>
      </c>
      <c r="AD3176">
        <v>19668.115549999999</v>
      </c>
      <c r="AE3176">
        <v>40196.66085</v>
      </c>
      <c r="AF3176">
        <v>40703.695749999999</v>
      </c>
      <c r="AG3176">
        <v>16567.480520000001</v>
      </c>
      <c r="AH3176">
        <v>224596.44579999999</v>
      </c>
      <c r="AI3176">
        <v>61664.439859999999</v>
      </c>
      <c r="AJ3176">
        <v>18751.838619999999</v>
      </c>
      <c r="AK3176">
        <v>24891.016769999998</v>
      </c>
      <c r="AL3176">
        <v>57667.740409999999</v>
      </c>
      <c r="AM3176">
        <v>13844.63128</v>
      </c>
      <c r="AN3176">
        <v>75479.497929999998</v>
      </c>
      <c r="AO3176">
        <v>19902.77118</v>
      </c>
      <c r="AP3176">
        <v>11407.59094</v>
      </c>
    </row>
    <row r="3177" spans="2:42" x14ac:dyDescent="0.3">
      <c r="B3177">
        <v>44.038938739738278</v>
      </c>
      <c r="C3177" s="83">
        <v>43233.291666666664</v>
      </c>
      <c r="D3177">
        <v>160751.23000000001</v>
      </c>
      <c r="E3177">
        <v>13126.86519</v>
      </c>
      <c r="F3177">
        <v>58571.511890000002</v>
      </c>
      <c r="G3177">
        <v>31352.51152</v>
      </c>
      <c r="H3177">
        <v>32090.877570000001</v>
      </c>
      <c r="I3177">
        <v>20780.751039999999</v>
      </c>
      <c r="J3177">
        <v>40443.923920000001</v>
      </c>
      <c r="K3177">
        <v>40345.88695</v>
      </c>
      <c r="L3177">
        <v>18131.224719999998</v>
      </c>
      <c r="M3177">
        <v>224531.04689999999</v>
      </c>
      <c r="N3177">
        <v>60172.060149999998</v>
      </c>
      <c r="O3177">
        <v>18071.99483</v>
      </c>
      <c r="P3177">
        <v>26863.030409999999</v>
      </c>
      <c r="Q3177">
        <v>56414.500820000001</v>
      </c>
      <c r="R3177">
        <v>13488.270130000001</v>
      </c>
      <c r="S3177">
        <v>81036.394109999994</v>
      </c>
      <c r="T3177">
        <v>21079.87126</v>
      </c>
      <c r="U3177">
        <v>10957.052079999999</v>
      </c>
      <c r="W3177" s="83">
        <f>Bühler!N3209</f>
        <v>45424.291666658966</v>
      </c>
      <c r="X3177" s="83">
        <v>43233.291666666664</v>
      </c>
      <c r="Y3177">
        <v>160751.23000000001</v>
      </c>
      <c r="Z3177">
        <v>13126.86519</v>
      </c>
      <c r="AA3177">
        <v>58571.511890000002</v>
      </c>
      <c r="AB3177">
        <v>31352.51152</v>
      </c>
      <c r="AC3177">
        <v>32090.877570000001</v>
      </c>
      <c r="AD3177">
        <v>20780.751039999999</v>
      </c>
      <c r="AE3177">
        <v>40443.923920000001</v>
      </c>
      <c r="AF3177">
        <v>40345.88695</v>
      </c>
      <c r="AG3177">
        <v>18131.224719999998</v>
      </c>
      <c r="AH3177">
        <v>224531.04689999999</v>
      </c>
      <c r="AI3177">
        <v>60172.060149999998</v>
      </c>
      <c r="AJ3177">
        <v>18071.99483</v>
      </c>
      <c r="AK3177">
        <v>26863.030409999999</v>
      </c>
      <c r="AL3177">
        <v>56414.500820000001</v>
      </c>
      <c r="AM3177">
        <v>13488.270130000001</v>
      </c>
      <c r="AN3177">
        <v>81036.394109999994</v>
      </c>
      <c r="AO3177">
        <v>21079.87126</v>
      </c>
      <c r="AP3177">
        <v>10957.052079999999</v>
      </c>
    </row>
    <row r="3178" spans="2:42" x14ac:dyDescent="0.3">
      <c r="B3178">
        <v>43.788140124186462</v>
      </c>
      <c r="C3178" s="83">
        <v>43233.333333333336</v>
      </c>
      <c r="D3178">
        <v>160477.09529999999</v>
      </c>
      <c r="E3178">
        <v>14305.196459999999</v>
      </c>
      <c r="F3178">
        <v>62143.870239999997</v>
      </c>
      <c r="G3178">
        <v>31865.018960000001</v>
      </c>
      <c r="H3178">
        <v>32470.780930000001</v>
      </c>
      <c r="I3178">
        <v>21232.909930000002</v>
      </c>
      <c r="J3178">
        <v>41767.478419999999</v>
      </c>
      <c r="K3178">
        <v>41504.143259999997</v>
      </c>
      <c r="L3178">
        <v>20198.26122</v>
      </c>
      <c r="M3178">
        <v>223252.35860000001</v>
      </c>
      <c r="N3178">
        <v>59627.751559999997</v>
      </c>
      <c r="O3178">
        <v>18253.84634</v>
      </c>
      <c r="P3178">
        <v>29844.415359999999</v>
      </c>
      <c r="Q3178">
        <v>56247.077069999999</v>
      </c>
      <c r="R3178">
        <v>13992.907649999999</v>
      </c>
      <c r="S3178">
        <v>83462.72997</v>
      </c>
      <c r="T3178">
        <v>22580.893309999999</v>
      </c>
      <c r="U3178">
        <v>10850.9367</v>
      </c>
      <c r="W3178" s="83">
        <f>Bühler!N3210</f>
        <v>45424.333333325631</v>
      </c>
      <c r="X3178" s="83">
        <v>43233.333333333336</v>
      </c>
      <c r="Y3178">
        <v>160477.09529999999</v>
      </c>
      <c r="Z3178">
        <v>14305.196459999999</v>
      </c>
      <c r="AA3178">
        <v>62143.870239999997</v>
      </c>
      <c r="AB3178">
        <v>31865.018960000001</v>
      </c>
      <c r="AC3178">
        <v>32470.780930000001</v>
      </c>
      <c r="AD3178">
        <v>21232.909930000002</v>
      </c>
      <c r="AE3178">
        <v>41767.478419999999</v>
      </c>
      <c r="AF3178">
        <v>41504.143259999997</v>
      </c>
      <c r="AG3178">
        <v>20198.26122</v>
      </c>
      <c r="AH3178">
        <v>223252.35860000001</v>
      </c>
      <c r="AI3178">
        <v>59627.751559999997</v>
      </c>
      <c r="AJ3178">
        <v>18253.84634</v>
      </c>
      <c r="AK3178">
        <v>29844.415359999999</v>
      </c>
      <c r="AL3178">
        <v>56247.077069999999</v>
      </c>
      <c r="AM3178">
        <v>13992.907649999999</v>
      </c>
      <c r="AN3178">
        <v>83462.72997</v>
      </c>
      <c r="AO3178">
        <v>22580.893309999999</v>
      </c>
      <c r="AP3178">
        <v>10850.9367</v>
      </c>
    </row>
    <row r="3179" spans="2:42" x14ac:dyDescent="0.3">
      <c r="B3179">
        <v>43.248646242003652</v>
      </c>
      <c r="C3179" s="83">
        <v>43233.375</v>
      </c>
      <c r="D3179">
        <v>160131.49040000001</v>
      </c>
      <c r="E3179">
        <v>16029.81027</v>
      </c>
      <c r="F3179">
        <v>68276.433480000007</v>
      </c>
      <c r="G3179">
        <v>31858.14242</v>
      </c>
      <c r="H3179">
        <v>33035.528729999998</v>
      </c>
      <c r="I3179">
        <v>21279.31107</v>
      </c>
      <c r="J3179">
        <v>42475.266689999997</v>
      </c>
      <c r="K3179">
        <v>43261.292719999998</v>
      </c>
      <c r="L3179">
        <v>23468.549159999999</v>
      </c>
      <c r="M3179">
        <v>220501.7672</v>
      </c>
      <c r="N3179">
        <v>61350.97163</v>
      </c>
      <c r="O3179">
        <v>18494.07271</v>
      </c>
      <c r="P3179">
        <v>31981.073270000001</v>
      </c>
      <c r="Q3179">
        <v>56492.48704</v>
      </c>
      <c r="R3179">
        <v>14698.81142</v>
      </c>
      <c r="S3179">
        <v>85267.602379999997</v>
      </c>
      <c r="T3179">
        <v>24614.778590000002</v>
      </c>
      <c r="U3179">
        <v>10780.440909999999</v>
      </c>
      <c r="W3179" s="83">
        <f>Bühler!N3211</f>
        <v>45424.374999992295</v>
      </c>
      <c r="X3179" s="83">
        <v>43233.375</v>
      </c>
      <c r="Y3179">
        <v>160131.49040000001</v>
      </c>
      <c r="Z3179">
        <v>16029.81027</v>
      </c>
      <c r="AA3179">
        <v>68276.433480000007</v>
      </c>
      <c r="AB3179">
        <v>31858.14242</v>
      </c>
      <c r="AC3179">
        <v>33035.528729999998</v>
      </c>
      <c r="AD3179">
        <v>21279.31107</v>
      </c>
      <c r="AE3179">
        <v>42475.266689999997</v>
      </c>
      <c r="AF3179">
        <v>43261.292719999998</v>
      </c>
      <c r="AG3179">
        <v>23468.549159999999</v>
      </c>
      <c r="AH3179">
        <v>220501.7672</v>
      </c>
      <c r="AI3179">
        <v>61350.97163</v>
      </c>
      <c r="AJ3179">
        <v>18494.07271</v>
      </c>
      <c r="AK3179">
        <v>31981.073270000001</v>
      </c>
      <c r="AL3179">
        <v>56492.48704</v>
      </c>
      <c r="AM3179">
        <v>14698.81142</v>
      </c>
      <c r="AN3179">
        <v>85267.602379999997</v>
      </c>
      <c r="AO3179">
        <v>24614.778590000002</v>
      </c>
      <c r="AP3179">
        <v>10780.440909999999</v>
      </c>
    </row>
    <row r="3180" spans="2:42" x14ac:dyDescent="0.3">
      <c r="B3180">
        <v>43.491722476478635</v>
      </c>
      <c r="C3180" s="83">
        <v>43233.416666666664</v>
      </c>
      <c r="D3180">
        <v>160131.8444</v>
      </c>
      <c r="E3180">
        <v>17504.36579</v>
      </c>
      <c r="F3180">
        <v>69405.727960000004</v>
      </c>
      <c r="G3180">
        <v>31904.282869999999</v>
      </c>
      <c r="H3180">
        <v>33407.25675</v>
      </c>
      <c r="I3180">
        <v>21546.210220000001</v>
      </c>
      <c r="J3180">
        <v>41773.408199999998</v>
      </c>
      <c r="K3180">
        <v>44684.92136</v>
      </c>
      <c r="L3180">
        <v>26812.81453</v>
      </c>
      <c r="M3180">
        <v>221741.08319999999</v>
      </c>
      <c r="N3180">
        <v>63050.625699999997</v>
      </c>
      <c r="O3180">
        <v>18340.36594</v>
      </c>
      <c r="P3180">
        <v>32229.030879999998</v>
      </c>
      <c r="Q3180">
        <v>56685.969080000003</v>
      </c>
      <c r="R3180">
        <v>15611.865669999999</v>
      </c>
      <c r="S3180">
        <v>85240.404920000001</v>
      </c>
      <c r="T3180">
        <v>26412.52793</v>
      </c>
      <c r="U3180">
        <v>10634.99856</v>
      </c>
      <c r="W3180" s="83">
        <f>Bühler!N3212</f>
        <v>45424.416666658959</v>
      </c>
      <c r="X3180" s="83">
        <v>43233.416666666664</v>
      </c>
      <c r="Y3180">
        <v>160131.8444</v>
      </c>
      <c r="Z3180">
        <v>17504.36579</v>
      </c>
      <c r="AA3180">
        <v>69405.727960000004</v>
      </c>
      <c r="AB3180">
        <v>31904.282869999999</v>
      </c>
      <c r="AC3180">
        <v>33407.25675</v>
      </c>
      <c r="AD3180">
        <v>21546.210220000001</v>
      </c>
      <c r="AE3180">
        <v>41773.408199999998</v>
      </c>
      <c r="AF3180">
        <v>44684.92136</v>
      </c>
      <c r="AG3180">
        <v>26812.81453</v>
      </c>
      <c r="AH3180">
        <v>221741.08319999999</v>
      </c>
      <c r="AI3180">
        <v>63050.625699999997</v>
      </c>
      <c r="AJ3180">
        <v>18340.36594</v>
      </c>
      <c r="AK3180">
        <v>32229.030879999998</v>
      </c>
      <c r="AL3180">
        <v>56685.969080000003</v>
      </c>
      <c r="AM3180">
        <v>15611.865669999999</v>
      </c>
      <c r="AN3180">
        <v>85240.404920000001</v>
      </c>
      <c r="AO3180">
        <v>26412.52793</v>
      </c>
      <c r="AP3180">
        <v>10634.99856</v>
      </c>
    </row>
    <row r="3181" spans="2:42" x14ac:dyDescent="0.3">
      <c r="B3181">
        <v>44.008619524187523</v>
      </c>
      <c r="C3181" s="83">
        <v>43233.458333333336</v>
      </c>
      <c r="D3181">
        <v>159965.9797</v>
      </c>
      <c r="E3181">
        <v>17827.032080000001</v>
      </c>
      <c r="F3181">
        <v>70644.985870000004</v>
      </c>
      <c r="G3181">
        <v>32385.121889999999</v>
      </c>
      <c r="H3181">
        <v>33809.17628</v>
      </c>
      <c r="I3181">
        <v>21641.206330000001</v>
      </c>
      <c r="J3181">
        <v>41554.393340000002</v>
      </c>
      <c r="K3181">
        <v>45903.113510000003</v>
      </c>
      <c r="L3181">
        <v>27809.852210000001</v>
      </c>
      <c r="M3181">
        <v>224376.46539999999</v>
      </c>
      <c r="N3181">
        <v>63997.604859999999</v>
      </c>
      <c r="O3181">
        <v>18429.496019999999</v>
      </c>
      <c r="P3181">
        <v>31873.98042</v>
      </c>
      <c r="Q3181">
        <v>56611.326379999999</v>
      </c>
      <c r="R3181">
        <v>18110.57632</v>
      </c>
      <c r="S3181">
        <v>88172.053769999999</v>
      </c>
      <c r="T3181">
        <v>27128.634989999999</v>
      </c>
      <c r="U3181">
        <v>10797.262350000001</v>
      </c>
      <c r="W3181" s="83">
        <f>Bühler!N3213</f>
        <v>45424.458333325623</v>
      </c>
      <c r="X3181" s="83">
        <v>43233.458333333336</v>
      </c>
      <c r="Y3181">
        <v>159965.9797</v>
      </c>
      <c r="Z3181">
        <v>17827.032080000001</v>
      </c>
      <c r="AA3181">
        <v>70644.985870000004</v>
      </c>
      <c r="AB3181">
        <v>32385.121889999999</v>
      </c>
      <c r="AC3181">
        <v>33809.17628</v>
      </c>
      <c r="AD3181">
        <v>21641.206330000001</v>
      </c>
      <c r="AE3181">
        <v>41554.393340000002</v>
      </c>
      <c r="AF3181">
        <v>45903.113510000003</v>
      </c>
      <c r="AG3181">
        <v>27809.852210000001</v>
      </c>
      <c r="AH3181">
        <v>224376.46539999999</v>
      </c>
      <c r="AI3181">
        <v>63997.604859999999</v>
      </c>
      <c r="AJ3181">
        <v>18429.496019999999</v>
      </c>
      <c r="AK3181">
        <v>31873.98042</v>
      </c>
      <c r="AL3181">
        <v>56611.326379999999</v>
      </c>
      <c r="AM3181">
        <v>18110.57632</v>
      </c>
      <c r="AN3181">
        <v>88172.053769999999</v>
      </c>
      <c r="AO3181">
        <v>27128.634989999999</v>
      </c>
      <c r="AP3181">
        <v>10797.262350000001</v>
      </c>
    </row>
    <row r="3182" spans="2:42" x14ac:dyDescent="0.3">
      <c r="B3182">
        <v>44.131303181987271</v>
      </c>
      <c r="C3182" s="83">
        <v>43233.5</v>
      </c>
      <c r="D3182">
        <v>159231.49979999999</v>
      </c>
      <c r="E3182">
        <v>17583.481500000002</v>
      </c>
      <c r="F3182">
        <v>66094.910550000001</v>
      </c>
      <c r="G3182">
        <v>32208.132020000001</v>
      </c>
      <c r="H3182">
        <v>33414.321380000001</v>
      </c>
      <c r="I3182">
        <v>21621.352900000002</v>
      </c>
      <c r="J3182">
        <v>41907.23517</v>
      </c>
      <c r="K3182">
        <v>46450.700570000001</v>
      </c>
      <c r="L3182">
        <v>29596.770499999999</v>
      </c>
      <c r="M3182">
        <v>225001.9639</v>
      </c>
      <c r="N3182">
        <v>63796.896950000002</v>
      </c>
      <c r="O3182">
        <v>18869.345010000001</v>
      </c>
      <c r="P3182">
        <v>32252.908500000001</v>
      </c>
      <c r="Q3182">
        <v>55035.381999999998</v>
      </c>
      <c r="R3182">
        <v>16820.575390000002</v>
      </c>
      <c r="S3182">
        <v>84428.583050000001</v>
      </c>
      <c r="T3182">
        <v>26839.522130000001</v>
      </c>
      <c r="U3182">
        <v>10121.186589999999</v>
      </c>
      <c r="W3182" s="83">
        <f>Bühler!N3214</f>
        <v>45424.499999992287</v>
      </c>
      <c r="X3182" s="83">
        <v>43233.5</v>
      </c>
      <c r="Y3182">
        <v>159231.49979999999</v>
      </c>
      <c r="Z3182">
        <v>17583.481500000002</v>
      </c>
      <c r="AA3182">
        <v>66094.910550000001</v>
      </c>
      <c r="AB3182">
        <v>32208.132020000001</v>
      </c>
      <c r="AC3182">
        <v>33414.321380000001</v>
      </c>
      <c r="AD3182">
        <v>21621.352900000002</v>
      </c>
      <c r="AE3182">
        <v>41907.23517</v>
      </c>
      <c r="AF3182">
        <v>46450.700570000001</v>
      </c>
      <c r="AG3182">
        <v>29596.770499999999</v>
      </c>
      <c r="AH3182">
        <v>225001.9639</v>
      </c>
      <c r="AI3182">
        <v>63796.896950000002</v>
      </c>
      <c r="AJ3182">
        <v>18869.345010000001</v>
      </c>
      <c r="AK3182">
        <v>32252.908500000001</v>
      </c>
      <c r="AL3182">
        <v>55035.381999999998</v>
      </c>
      <c r="AM3182">
        <v>16820.575390000002</v>
      </c>
      <c r="AN3182">
        <v>84428.583050000001</v>
      </c>
      <c r="AO3182">
        <v>26839.522130000001</v>
      </c>
      <c r="AP3182">
        <v>10121.186589999999</v>
      </c>
    </row>
    <row r="3183" spans="2:42" x14ac:dyDescent="0.3">
      <c r="B3183">
        <v>43.957299895410763</v>
      </c>
      <c r="C3183" s="83">
        <v>43233.541666666664</v>
      </c>
      <c r="D3183">
        <v>159608.16399999999</v>
      </c>
      <c r="E3183">
        <v>17262.03314</v>
      </c>
      <c r="F3183">
        <v>56981.699990000001</v>
      </c>
      <c r="G3183">
        <v>32270.39878</v>
      </c>
      <c r="H3183">
        <v>33213.762009999999</v>
      </c>
      <c r="I3183">
        <v>22111.247670000001</v>
      </c>
      <c r="J3183">
        <v>40929.274969999999</v>
      </c>
      <c r="K3183">
        <v>46450.52867</v>
      </c>
      <c r="L3183">
        <v>30061.92164</v>
      </c>
      <c r="M3183">
        <v>224114.81400000001</v>
      </c>
      <c r="N3183">
        <v>63420.264060000001</v>
      </c>
      <c r="O3183">
        <v>18864.910209999998</v>
      </c>
      <c r="P3183">
        <v>32522.649720000001</v>
      </c>
      <c r="Q3183">
        <v>54381.003080000002</v>
      </c>
      <c r="R3183">
        <v>16665.131529999999</v>
      </c>
      <c r="S3183">
        <v>85629.451660000006</v>
      </c>
      <c r="T3183">
        <v>26501.86146</v>
      </c>
      <c r="U3183">
        <v>10038.35995</v>
      </c>
      <c r="W3183" s="83">
        <f>Bühler!N3215</f>
        <v>45424.541666658952</v>
      </c>
      <c r="X3183" s="83">
        <v>43233.541666666664</v>
      </c>
      <c r="Y3183">
        <v>159608.16399999999</v>
      </c>
      <c r="Z3183">
        <v>17262.03314</v>
      </c>
      <c r="AA3183">
        <v>56981.699990000001</v>
      </c>
      <c r="AB3183">
        <v>32270.39878</v>
      </c>
      <c r="AC3183">
        <v>33213.762009999999</v>
      </c>
      <c r="AD3183">
        <v>22111.247670000001</v>
      </c>
      <c r="AE3183">
        <v>40929.274969999999</v>
      </c>
      <c r="AF3183">
        <v>46450.52867</v>
      </c>
      <c r="AG3183">
        <v>30061.92164</v>
      </c>
      <c r="AH3183">
        <v>224114.81400000001</v>
      </c>
      <c r="AI3183">
        <v>63420.264060000001</v>
      </c>
      <c r="AJ3183">
        <v>18864.910209999998</v>
      </c>
      <c r="AK3183">
        <v>32522.649720000001</v>
      </c>
      <c r="AL3183">
        <v>54381.003080000002</v>
      </c>
      <c r="AM3183">
        <v>16665.131529999999</v>
      </c>
      <c r="AN3183">
        <v>85629.451660000006</v>
      </c>
      <c r="AO3183">
        <v>26501.86146</v>
      </c>
      <c r="AP3183">
        <v>10038.35995</v>
      </c>
    </row>
    <row r="3184" spans="2:42" x14ac:dyDescent="0.3">
      <c r="B3184">
        <v>44.120989354951234</v>
      </c>
      <c r="C3184" s="83">
        <v>43233.583333333336</v>
      </c>
      <c r="D3184">
        <v>160001.48180000001</v>
      </c>
      <c r="E3184">
        <v>17856.221150000001</v>
      </c>
      <c r="F3184">
        <v>56691.892879999999</v>
      </c>
      <c r="G3184">
        <v>32031.07878</v>
      </c>
      <c r="H3184">
        <v>33073.30457</v>
      </c>
      <c r="I3184">
        <v>22030.492440000002</v>
      </c>
      <c r="J3184">
        <v>39959.415050000003</v>
      </c>
      <c r="K3184">
        <v>46160.828540000002</v>
      </c>
      <c r="L3184">
        <v>28562.620470000002</v>
      </c>
      <c r="M3184">
        <v>224949.3792</v>
      </c>
      <c r="N3184">
        <v>62965.129130000001</v>
      </c>
      <c r="O3184">
        <v>18449.491310000001</v>
      </c>
      <c r="P3184">
        <v>29603.199850000001</v>
      </c>
      <c r="Q3184">
        <v>54097.653639999997</v>
      </c>
      <c r="R3184">
        <v>16714.22436</v>
      </c>
      <c r="S3184">
        <v>83155.905989999999</v>
      </c>
      <c r="T3184">
        <v>26342.576850000001</v>
      </c>
      <c r="U3184">
        <v>10017.652040000001</v>
      </c>
      <c r="W3184" s="83">
        <f>Bühler!N3216</f>
        <v>45424.583333325616</v>
      </c>
      <c r="X3184" s="83">
        <v>43233.583333333336</v>
      </c>
      <c r="Y3184">
        <v>160001.48180000001</v>
      </c>
      <c r="Z3184">
        <v>17856.221150000001</v>
      </c>
      <c r="AA3184">
        <v>56691.892879999999</v>
      </c>
      <c r="AB3184">
        <v>32031.07878</v>
      </c>
      <c r="AC3184">
        <v>33073.30457</v>
      </c>
      <c r="AD3184">
        <v>22030.492440000002</v>
      </c>
      <c r="AE3184">
        <v>39959.415050000003</v>
      </c>
      <c r="AF3184">
        <v>46160.828540000002</v>
      </c>
      <c r="AG3184">
        <v>28562.620470000002</v>
      </c>
      <c r="AH3184">
        <v>224949.3792</v>
      </c>
      <c r="AI3184">
        <v>62965.129130000001</v>
      </c>
      <c r="AJ3184">
        <v>18449.491310000001</v>
      </c>
      <c r="AK3184">
        <v>29603.199850000001</v>
      </c>
      <c r="AL3184">
        <v>54097.653639999997</v>
      </c>
      <c r="AM3184">
        <v>16714.22436</v>
      </c>
      <c r="AN3184">
        <v>83155.905989999999</v>
      </c>
      <c r="AO3184">
        <v>26342.576850000001</v>
      </c>
      <c r="AP3184">
        <v>10017.652040000001</v>
      </c>
    </row>
    <row r="3185" spans="2:42" x14ac:dyDescent="0.3">
      <c r="B3185">
        <v>44.507951721215136</v>
      </c>
      <c r="C3185" s="83">
        <v>43233.625</v>
      </c>
      <c r="D3185">
        <v>160164.64120000001</v>
      </c>
      <c r="E3185">
        <v>17889.454099999999</v>
      </c>
      <c r="F3185">
        <v>56901.262219999997</v>
      </c>
      <c r="G3185">
        <v>31806.757509999999</v>
      </c>
      <c r="H3185">
        <v>32952.70261</v>
      </c>
      <c r="I3185">
        <v>22364.16603</v>
      </c>
      <c r="J3185">
        <v>39535.408089999997</v>
      </c>
      <c r="K3185">
        <v>45850.61004</v>
      </c>
      <c r="L3185">
        <v>26665.892909999999</v>
      </c>
      <c r="M3185">
        <v>226922.29380000001</v>
      </c>
      <c r="N3185">
        <v>63197.521280000001</v>
      </c>
      <c r="O3185">
        <v>17916.505700000002</v>
      </c>
      <c r="P3185">
        <v>27576.49106</v>
      </c>
      <c r="Q3185">
        <v>54407.282740000002</v>
      </c>
      <c r="R3185">
        <v>16815.732550000001</v>
      </c>
      <c r="S3185">
        <v>82389.151670000007</v>
      </c>
      <c r="T3185">
        <v>26487.282490000001</v>
      </c>
      <c r="U3185">
        <v>9908.922294</v>
      </c>
      <c r="W3185" s="83">
        <f>Bühler!N3217</f>
        <v>45424.62499999228</v>
      </c>
      <c r="X3185" s="83">
        <v>43233.625</v>
      </c>
      <c r="Y3185">
        <v>160164.64120000001</v>
      </c>
      <c r="Z3185">
        <v>17889.454099999999</v>
      </c>
      <c r="AA3185">
        <v>56901.262219999997</v>
      </c>
      <c r="AB3185">
        <v>31806.757509999999</v>
      </c>
      <c r="AC3185">
        <v>32952.70261</v>
      </c>
      <c r="AD3185">
        <v>22364.16603</v>
      </c>
      <c r="AE3185">
        <v>39535.408089999997</v>
      </c>
      <c r="AF3185">
        <v>45850.61004</v>
      </c>
      <c r="AG3185">
        <v>26665.892909999999</v>
      </c>
      <c r="AH3185">
        <v>226922.29380000001</v>
      </c>
      <c r="AI3185">
        <v>63197.521280000001</v>
      </c>
      <c r="AJ3185">
        <v>17916.505700000002</v>
      </c>
      <c r="AK3185">
        <v>27576.49106</v>
      </c>
      <c r="AL3185">
        <v>54407.282740000002</v>
      </c>
      <c r="AM3185">
        <v>16815.732550000001</v>
      </c>
      <c r="AN3185">
        <v>82389.151670000007</v>
      </c>
      <c r="AO3185">
        <v>26487.282490000001</v>
      </c>
      <c r="AP3185">
        <v>9908.922294</v>
      </c>
    </row>
    <row r="3186" spans="2:42" x14ac:dyDescent="0.3">
      <c r="B3186">
        <v>44.264405109995629</v>
      </c>
      <c r="C3186" s="83">
        <v>43233.666666666664</v>
      </c>
      <c r="D3186">
        <v>160035.31450000001</v>
      </c>
      <c r="E3186">
        <v>17886.969809999999</v>
      </c>
      <c r="F3186">
        <v>56558.568859999999</v>
      </c>
      <c r="G3186">
        <v>31818.406719999999</v>
      </c>
      <c r="H3186">
        <v>32732.037540000001</v>
      </c>
      <c r="I3186">
        <v>22380.223959999999</v>
      </c>
      <c r="J3186">
        <v>38987.399120000002</v>
      </c>
      <c r="K3186">
        <v>45099.044000000002</v>
      </c>
      <c r="L3186">
        <v>25378.588739999999</v>
      </c>
      <c r="M3186">
        <v>225680.5796</v>
      </c>
      <c r="N3186">
        <v>63007.795270000002</v>
      </c>
      <c r="O3186">
        <v>18064.82789</v>
      </c>
      <c r="P3186">
        <v>26790.405699999999</v>
      </c>
      <c r="Q3186">
        <v>54575.184609999997</v>
      </c>
      <c r="R3186">
        <v>17086.125240000001</v>
      </c>
      <c r="S3186">
        <v>82552.638019999999</v>
      </c>
      <c r="T3186">
        <v>26109.94686</v>
      </c>
      <c r="U3186">
        <v>10010.82728</v>
      </c>
      <c r="W3186" s="83">
        <f>Bühler!N3218</f>
        <v>45424.666666658944</v>
      </c>
      <c r="X3186" s="83">
        <v>43233.666666666664</v>
      </c>
      <c r="Y3186">
        <v>160035.31450000001</v>
      </c>
      <c r="Z3186">
        <v>17886.969809999999</v>
      </c>
      <c r="AA3186">
        <v>56558.568859999999</v>
      </c>
      <c r="AB3186">
        <v>31818.406719999999</v>
      </c>
      <c r="AC3186">
        <v>32732.037540000001</v>
      </c>
      <c r="AD3186">
        <v>22380.223959999999</v>
      </c>
      <c r="AE3186">
        <v>38987.399120000002</v>
      </c>
      <c r="AF3186">
        <v>45099.044000000002</v>
      </c>
      <c r="AG3186">
        <v>25378.588739999999</v>
      </c>
      <c r="AH3186">
        <v>225680.5796</v>
      </c>
      <c r="AI3186">
        <v>63007.795270000002</v>
      </c>
      <c r="AJ3186">
        <v>18064.82789</v>
      </c>
      <c r="AK3186">
        <v>26790.405699999999</v>
      </c>
      <c r="AL3186">
        <v>54575.184609999997</v>
      </c>
      <c r="AM3186">
        <v>17086.125240000001</v>
      </c>
      <c r="AN3186">
        <v>82552.638019999999</v>
      </c>
      <c r="AO3186">
        <v>26109.94686</v>
      </c>
      <c r="AP3186">
        <v>10010.82728</v>
      </c>
    </row>
    <row r="3187" spans="2:42" x14ac:dyDescent="0.3">
      <c r="B3187">
        <v>44.390979682958772</v>
      </c>
      <c r="C3187" s="83">
        <v>43233.708333333336</v>
      </c>
      <c r="D3187">
        <v>159584.3388</v>
      </c>
      <c r="E3187">
        <v>17664.146919999999</v>
      </c>
      <c r="F3187">
        <v>56388.880669999999</v>
      </c>
      <c r="G3187">
        <v>31607.668280000002</v>
      </c>
      <c r="H3187">
        <v>32563.151000000002</v>
      </c>
      <c r="I3187">
        <v>23090.32202</v>
      </c>
      <c r="J3187">
        <v>39850.217329999999</v>
      </c>
      <c r="K3187">
        <v>44431.371959999997</v>
      </c>
      <c r="L3187">
        <v>25127.020329999999</v>
      </c>
      <c r="M3187">
        <v>226325.91579999999</v>
      </c>
      <c r="N3187">
        <v>62687.338649999998</v>
      </c>
      <c r="O3187">
        <v>17908.438480000001</v>
      </c>
      <c r="P3187">
        <v>27291.091420000001</v>
      </c>
      <c r="Q3187">
        <v>54917.051729999999</v>
      </c>
      <c r="R3187">
        <v>18871.400750000001</v>
      </c>
      <c r="S3187">
        <v>84130.198199999999</v>
      </c>
      <c r="T3187">
        <v>25710.520960000002</v>
      </c>
      <c r="U3187">
        <v>9801.8073889999996</v>
      </c>
      <c r="W3187" s="83">
        <f>Bühler!N3219</f>
        <v>45424.708333325609</v>
      </c>
      <c r="X3187" s="83">
        <v>43233.708333333336</v>
      </c>
      <c r="Y3187">
        <v>159584.3388</v>
      </c>
      <c r="Z3187">
        <v>17664.146919999999</v>
      </c>
      <c r="AA3187">
        <v>56388.880669999999</v>
      </c>
      <c r="AB3187">
        <v>31607.668280000002</v>
      </c>
      <c r="AC3187">
        <v>32563.151000000002</v>
      </c>
      <c r="AD3187">
        <v>23090.32202</v>
      </c>
      <c r="AE3187">
        <v>39850.217329999999</v>
      </c>
      <c r="AF3187">
        <v>44431.371959999997</v>
      </c>
      <c r="AG3187">
        <v>25127.020329999999</v>
      </c>
      <c r="AH3187">
        <v>226325.91579999999</v>
      </c>
      <c r="AI3187">
        <v>62687.338649999998</v>
      </c>
      <c r="AJ3187">
        <v>17908.438480000001</v>
      </c>
      <c r="AK3187">
        <v>27291.091420000001</v>
      </c>
      <c r="AL3187">
        <v>54917.051729999999</v>
      </c>
      <c r="AM3187">
        <v>18871.400750000001</v>
      </c>
      <c r="AN3187">
        <v>84130.198199999999</v>
      </c>
      <c r="AO3187">
        <v>25710.520960000002</v>
      </c>
      <c r="AP3187">
        <v>9801.8073889999996</v>
      </c>
    </row>
    <row r="3188" spans="2:42" x14ac:dyDescent="0.3">
      <c r="B3188">
        <v>44.103065651258618</v>
      </c>
      <c r="C3188" s="83">
        <v>43233.75</v>
      </c>
      <c r="D3188">
        <v>159471.5912</v>
      </c>
      <c r="E3188">
        <v>16837.913820000002</v>
      </c>
      <c r="F3188">
        <v>55405.660190000002</v>
      </c>
      <c r="G3188">
        <v>31451.612969999998</v>
      </c>
      <c r="H3188">
        <v>32591.179110000001</v>
      </c>
      <c r="I3188">
        <v>22826.118149999998</v>
      </c>
      <c r="J3188">
        <v>40276.700120000001</v>
      </c>
      <c r="K3188">
        <v>44165.476329999998</v>
      </c>
      <c r="L3188">
        <v>25512.035189999999</v>
      </c>
      <c r="M3188">
        <v>224857.9958</v>
      </c>
      <c r="N3188">
        <v>64539.904399999999</v>
      </c>
      <c r="O3188">
        <v>17766.996630000001</v>
      </c>
      <c r="P3188">
        <v>28569.620760000002</v>
      </c>
      <c r="Q3188">
        <v>55182.498950000001</v>
      </c>
      <c r="R3188">
        <v>17797.443309999999</v>
      </c>
      <c r="S3188">
        <v>81744.932769999999</v>
      </c>
      <c r="T3188">
        <v>25546.038219999999</v>
      </c>
      <c r="U3188">
        <v>10014.89927</v>
      </c>
      <c r="W3188" s="83">
        <f>Bühler!N3220</f>
        <v>45424.749999992273</v>
      </c>
      <c r="X3188" s="83">
        <v>43233.75</v>
      </c>
      <c r="Y3188">
        <v>159471.5912</v>
      </c>
      <c r="Z3188">
        <v>16837.913820000002</v>
      </c>
      <c r="AA3188">
        <v>55405.660190000002</v>
      </c>
      <c r="AB3188">
        <v>31451.612969999998</v>
      </c>
      <c r="AC3188">
        <v>32591.179110000001</v>
      </c>
      <c r="AD3188">
        <v>22826.118149999998</v>
      </c>
      <c r="AE3188">
        <v>40276.700120000001</v>
      </c>
      <c r="AF3188">
        <v>44165.476329999998</v>
      </c>
      <c r="AG3188">
        <v>25512.035189999999</v>
      </c>
      <c r="AH3188">
        <v>224857.9958</v>
      </c>
      <c r="AI3188">
        <v>64539.904399999999</v>
      </c>
      <c r="AJ3188">
        <v>17766.996630000001</v>
      </c>
      <c r="AK3188">
        <v>28569.620760000002</v>
      </c>
      <c r="AL3188">
        <v>55182.498950000001</v>
      </c>
      <c r="AM3188">
        <v>17797.443309999999</v>
      </c>
      <c r="AN3188">
        <v>81744.932769999999</v>
      </c>
      <c r="AO3188">
        <v>25546.038219999999</v>
      </c>
      <c r="AP3188">
        <v>10014.89927</v>
      </c>
    </row>
    <row r="3189" spans="2:42" x14ac:dyDescent="0.3">
      <c r="B3189">
        <v>43.861887575828121</v>
      </c>
      <c r="C3189" s="83">
        <v>43233.791666666664</v>
      </c>
      <c r="D3189">
        <v>158824.32190000001</v>
      </c>
      <c r="E3189">
        <v>14690.20829</v>
      </c>
      <c r="F3189">
        <v>53908.270360000002</v>
      </c>
      <c r="G3189">
        <v>31308.178349999998</v>
      </c>
      <c r="H3189">
        <v>32228.490730000001</v>
      </c>
      <c r="I3189">
        <v>22775.56122</v>
      </c>
      <c r="J3189">
        <v>39736.4401</v>
      </c>
      <c r="K3189">
        <v>44495.942219999997</v>
      </c>
      <c r="L3189">
        <v>26203.794399999999</v>
      </c>
      <c r="M3189">
        <v>223628.35750000001</v>
      </c>
      <c r="N3189">
        <v>64866.228190000002</v>
      </c>
      <c r="O3189">
        <v>17296.55127</v>
      </c>
      <c r="P3189">
        <v>30155.16663</v>
      </c>
      <c r="Q3189">
        <v>55359.506789999999</v>
      </c>
      <c r="R3189">
        <v>17076.669689999999</v>
      </c>
      <c r="S3189">
        <v>80344.557719999997</v>
      </c>
      <c r="T3189">
        <v>24989.105250000001</v>
      </c>
      <c r="U3189">
        <v>10224.158789999999</v>
      </c>
      <c r="W3189" s="83">
        <f>Bühler!N3221</f>
        <v>45424.791666658937</v>
      </c>
      <c r="X3189" s="83">
        <v>43233.791666666664</v>
      </c>
      <c r="Y3189">
        <v>158824.32190000001</v>
      </c>
      <c r="Z3189">
        <v>14690.20829</v>
      </c>
      <c r="AA3189">
        <v>53908.270360000002</v>
      </c>
      <c r="AB3189">
        <v>31308.178349999998</v>
      </c>
      <c r="AC3189">
        <v>32228.490730000001</v>
      </c>
      <c r="AD3189">
        <v>22775.56122</v>
      </c>
      <c r="AE3189">
        <v>39736.4401</v>
      </c>
      <c r="AF3189">
        <v>44495.942219999997</v>
      </c>
      <c r="AG3189">
        <v>26203.794399999999</v>
      </c>
      <c r="AH3189">
        <v>223628.35750000001</v>
      </c>
      <c r="AI3189">
        <v>64866.228190000002</v>
      </c>
      <c r="AJ3189">
        <v>17296.55127</v>
      </c>
      <c r="AK3189">
        <v>30155.16663</v>
      </c>
      <c r="AL3189">
        <v>55359.506789999999</v>
      </c>
      <c r="AM3189">
        <v>17076.669689999999</v>
      </c>
      <c r="AN3189">
        <v>80344.557719999997</v>
      </c>
      <c r="AO3189">
        <v>24989.105250000001</v>
      </c>
      <c r="AP3189">
        <v>10224.158789999999</v>
      </c>
    </row>
    <row r="3190" spans="2:42" x14ac:dyDescent="0.3">
      <c r="B3190">
        <v>43.722750087724606</v>
      </c>
      <c r="C3190" s="83">
        <v>43233.833333333336</v>
      </c>
      <c r="D3190">
        <v>159342.4529</v>
      </c>
      <c r="E3190">
        <v>12627.66048</v>
      </c>
      <c r="F3190">
        <v>50646.501790000002</v>
      </c>
      <c r="G3190">
        <v>31308.617590000002</v>
      </c>
      <c r="H3190">
        <v>31655.770830000001</v>
      </c>
      <c r="I3190">
        <v>21794.059860000001</v>
      </c>
      <c r="J3190">
        <v>39571.776039999997</v>
      </c>
      <c r="K3190">
        <v>45638.517570000004</v>
      </c>
      <c r="L3190">
        <v>26523.792679999999</v>
      </c>
      <c r="M3190">
        <v>222918.96969999999</v>
      </c>
      <c r="N3190">
        <v>65399.646809999998</v>
      </c>
      <c r="O3190">
        <v>17395.060819999999</v>
      </c>
      <c r="P3190">
        <v>29917.804479999999</v>
      </c>
      <c r="Q3190">
        <v>55488.422500000001</v>
      </c>
      <c r="R3190">
        <v>16802.82259</v>
      </c>
      <c r="S3190">
        <v>75720.284979999997</v>
      </c>
      <c r="T3190">
        <v>23038.17124</v>
      </c>
      <c r="U3190">
        <v>10423.63637</v>
      </c>
      <c r="W3190" s="83">
        <f>Bühler!N3222</f>
        <v>45424.833333325601</v>
      </c>
      <c r="X3190" s="83">
        <v>43233.833333333336</v>
      </c>
      <c r="Y3190">
        <v>159342.4529</v>
      </c>
      <c r="Z3190">
        <v>12627.66048</v>
      </c>
      <c r="AA3190">
        <v>50646.501790000002</v>
      </c>
      <c r="AB3190">
        <v>31308.617590000002</v>
      </c>
      <c r="AC3190">
        <v>31655.770830000001</v>
      </c>
      <c r="AD3190">
        <v>21794.059860000001</v>
      </c>
      <c r="AE3190">
        <v>39571.776039999997</v>
      </c>
      <c r="AF3190">
        <v>45638.517570000004</v>
      </c>
      <c r="AG3190">
        <v>26523.792679999999</v>
      </c>
      <c r="AH3190">
        <v>222918.96969999999</v>
      </c>
      <c r="AI3190">
        <v>65399.646809999998</v>
      </c>
      <c r="AJ3190">
        <v>17395.060819999999</v>
      </c>
      <c r="AK3190">
        <v>29917.804479999999</v>
      </c>
      <c r="AL3190">
        <v>55488.422500000001</v>
      </c>
      <c r="AM3190">
        <v>16802.82259</v>
      </c>
      <c r="AN3190">
        <v>75720.284979999997</v>
      </c>
      <c r="AO3190">
        <v>23038.17124</v>
      </c>
      <c r="AP3190">
        <v>10423.63637</v>
      </c>
    </row>
    <row r="3191" spans="2:42" x14ac:dyDescent="0.3">
      <c r="B3191">
        <v>44.653081501500438</v>
      </c>
      <c r="C3191" s="83">
        <v>43233.875</v>
      </c>
      <c r="D3191">
        <v>162113.78940000001</v>
      </c>
      <c r="E3191">
        <v>12070.981959999999</v>
      </c>
      <c r="F3191">
        <v>48163.666270000002</v>
      </c>
      <c r="G3191">
        <v>31931.16807</v>
      </c>
      <c r="H3191">
        <v>32414.210029999998</v>
      </c>
      <c r="I3191">
        <v>21094.75174</v>
      </c>
      <c r="J3191">
        <v>40731.649830000002</v>
      </c>
      <c r="K3191">
        <v>46301.363019999997</v>
      </c>
      <c r="L3191">
        <v>25548.461050000002</v>
      </c>
      <c r="M3191">
        <v>227662.23310000001</v>
      </c>
      <c r="N3191">
        <v>65955.829140000002</v>
      </c>
      <c r="O3191">
        <v>17659.560379999999</v>
      </c>
      <c r="P3191">
        <v>29686.855360000001</v>
      </c>
      <c r="Q3191">
        <v>56811.936780000004</v>
      </c>
      <c r="R3191">
        <v>17509.60874</v>
      </c>
      <c r="S3191">
        <v>74166.03933</v>
      </c>
      <c r="T3191">
        <v>21888.982960000001</v>
      </c>
      <c r="U3191">
        <v>11130.204659999999</v>
      </c>
      <c r="W3191" s="83">
        <f>Bühler!N3223</f>
        <v>45424.874999992266</v>
      </c>
      <c r="X3191" s="83">
        <v>43233.875</v>
      </c>
      <c r="Y3191">
        <v>162113.78940000001</v>
      </c>
      <c r="Z3191">
        <v>12070.981959999999</v>
      </c>
      <c r="AA3191">
        <v>48163.666270000002</v>
      </c>
      <c r="AB3191">
        <v>31931.16807</v>
      </c>
      <c r="AC3191">
        <v>32414.210029999998</v>
      </c>
      <c r="AD3191">
        <v>21094.75174</v>
      </c>
      <c r="AE3191">
        <v>40731.649830000002</v>
      </c>
      <c r="AF3191">
        <v>46301.363019999997</v>
      </c>
      <c r="AG3191">
        <v>25548.461050000002</v>
      </c>
      <c r="AH3191">
        <v>227662.23310000001</v>
      </c>
      <c r="AI3191">
        <v>65955.829140000002</v>
      </c>
      <c r="AJ3191">
        <v>17659.560379999999</v>
      </c>
      <c r="AK3191">
        <v>29686.855360000001</v>
      </c>
      <c r="AL3191">
        <v>56811.936780000004</v>
      </c>
      <c r="AM3191">
        <v>17509.60874</v>
      </c>
      <c r="AN3191">
        <v>74166.03933</v>
      </c>
      <c r="AO3191">
        <v>21888.982960000001</v>
      </c>
      <c r="AP3191">
        <v>11130.204659999999</v>
      </c>
    </row>
    <row r="3192" spans="2:42" x14ac:dyDescent="0.3">
      <c r="B3192">
        <v>44.891688686172628</v>
      </c>
      <c r="C3192" s="83">
        <v>43233.916666666664</v>
      </c>
      <c r="D3192">
        <v>163319.73120000001</v>
      </c>
      <c r="E3192">
        <v>11782.360790000001</v>
      </c>
      <c r="F3192">
        <v>47423.2932</v>
      </c>
      <c r="G3192">
        <v>32100.965690000001</v>
      </c>
      <c r="H3192">
        <v>33287.284610000002</v>
      </c>
      <c r="I3192">
        <v>20726.004229999999</v>
      </c>
      <c r="J3192">
        <v>39851.642379999998</v>
      </c>
      <c r="K3192">
        <v>49235.534480000002</v>
      </c>
      <c r="L3192">
        <v>23316.596119999998</v>
      </c>
      <c r="M3192">
        <v>228878.76379999999</v>
      </c>
      <c r="N3192">
        <v>66378.969370000006</v>
      </c>
      <c r="O3192">
        <v>17509.656299999999</v>
      </c>
      <c r="P3192">
        <v>30896.817859999999</v>
      </c>
      <c r="Q3192">
        <v>57951.727469999998</v>
      </c>
      <c r="R3192">
        <v>18589.318609999998</v>
      </c>
      <c r="S3192">
        <v>74103.081120000003</v>
      </c>
      <c r="T3192">
        <v>21308.57431</v>
      </c>
      <c r="U3192">
        <v>11409.6677</v>
      </c>
      <c r="W3192" s="83">
        <f>Bühler!N3224</f>
        <v>45424.91666665893</v>
      </c>
      <c r="X3192" s="83">
        <v>43233.916666666664</v>
      </c>
      <c r="Y3192">
        <v>163319.73120000001</v>
      </c>
      <c r="Z3192">
        <v>11782.360790000001</v>
      </c>
      <c r="AA3192">
        <v>47423.2932</v>
      </c>
      <c r="AB3192">
        <v>32100.965690000001</v>
      </c>
      <c r="AC3192">
        <v>33287.284610000002</v>
      </c>
      <c r="AD3192">
        <v>20726.004229999999</v>
      </c>
      <c r="AE3192">
        <v>39851.642379999998</v>
      </c>
      <c r="AF3192">
        <v>49235.534480000002</v>
      </c>
      <c r="AG3192">
        <v>23316.596119999998</v>
      </c>
      <c r="AH3192">
        <v>228878.76379999999</v>
      </c>
      <c r="AI3192">
        <v>66378.969370000006</v>
      </c>
      <c r="AJ3192">
        <v>17509.656299999999</v>
      </c>
      <c r="AK3192">
        <v>30896.817859999999</v>
      </c>
      <c r="AL3192">
        <v>57951.727469999998</v>
      </c>
      <c r="AM3192">
        <v>18589.318609999998</v>
      </c>
      <c r="AN3192">
        <v>74103.081120000003</v>
      </c>
      <c r="AO3192">
        <v>21308.57431</v>
      </c>
      <c r="AP3192">
        <v>11409.6677</v>
      </c>
    </row>
    <row r="3193" spans="2:42" x14ac:dyDescent="0.3">
      <c r="B3193">
        <v>44.887772783102783</v>
      </c>
      <c r="C3193" s="83">
        <v>43233.958333333336</v>
      </c>
      <c r="D3193">
        <v>164698.6251</v>
      </c>
      <c r="E3193">
        <v>11388.460719999999</v>
      </c>
      <c r="F3193">
        <v>46577.508159999998</v>
      </c>
      <c r="G3193">
        <v>32153.788659999998</v>
      </c>
      <c r="H3193">
        <v>32747.032709999999</v>
      </c>
      <c r="I3193">
        <v>20224.793030000001</v>
      </c>
      <c r="J3193">
        <v>36398.023229999999</v>
      </c>
      <c r="K3193">
        <v>48720.888019999999</v>
      </c>
      <c r="L3193">
        <v>19883.97075</v>
      </c>
      <c r="M3193">
        <v>228858.79870000001</v>
      </c>
      <c r="N3193">
        <v>65867.813899999994</v>
      </c>
      <c r="O3193">
        <v>17255.68202</v>
      </c>
      <c r="P3193">
        <v>28288.574639999999</v>
      </c>
      <c r="Q3193">
        <v>58472.957249999999</v>
      </c>
      <c r="R3193">
        <v>19366.199560000001</v>
      </c>
      <c r="S3193">
        <v>72230.604340000005</v>
      </c>
      <c r="T3193">
        <v>20173.298449999998</v>
      </c>
      <c r="U3193">
        <v>10903.555410000001</v>
      </c>
      <c r="W3193" s="83">
        <f>Bühler!N3225</f>
        <v>45424.958333325594</v>
      </c>
      <c r="X3193" s="83">
        <v>43233.958333333336</v>
      </c>
      <c r="Y3193">
        <v>164698.6251</v>
      </c>
      <c r="Z3193">
        <v>11388.460719999999</v>
      </c>
      <c r="AA3193">
        <v>46577.508159999998</v>
      </c>
      <c r="AB3193">
        <v>32153.788659999998</v>
      </c>
      <c r="AC3193">
        <v>32747.032709999999</v>
      </c>
      <c r="AD3193">
        <v>20224.793030000001</v>
      </c>
      <c r="AE3193">
        <v>36398.023229999999</v>
      </c>
      <c r="AF3193">
        <v>48720.888019999999</v>
      </c>
      <c r="AG3193">
        <v>19883.97075</v>
      </c>
      <c r="AH3193">
        <v>228858.79870000001</v>
      </c>
      <c r="AI3193">
        <v>65867.813899999994</v>
      </c>
      <c r="AJ3193">
        <v>17255.68202</v>
      </c>
      <c r="AK3193">
        <v>28288.574639999999</v>
      </c>
      <c r="AL3193">
        <v>58472.957249999999</v>
      </c>
      <c r="AM3193">
        <v>19366.199560000001</v>
      </c>
      <c r="AN3193">
        <v>72230.604340000005</v>
      </c>
      <c r="AO3193">
        <v>20173.298449999998</v>
      </c>
      <c r="AP3193">
        <v>10903.555410000001</v>
      </c>
    </row>
    <row r="3194" spans="2:42" x14ac:dyDescent="0.3">
      <c r="B3194">
        <v>42.640798843954286</v>
      </c>
      <c r="C3194" s="83">
        <v>43234</v>
      </c>
      <c r="D3194">
        <v>166665.07629999999</v>
      </c>
      <c r="E3194">
        <v>11335.705470000001</v>
      </c>
      <c r="F3194">
        <v>46848.654499999997</v>
      </c>
      <c r="G3194">
        <v>31763.266100000001</v>
      </c>
      <c r="H3194">
        <v>32226.895619999999</v>
      </c>
      <c r="I3194">
        <v>18131.446059999998</v>
      </c>
      <c r="J3194">
        <v>33679.771419999997</v>
      </c>
      <c r="K3194">
        <v>47065.618589999998</v>
      </c>
      <c r="L3194">
        <v>17529.163909999999</v>
      </c>
      <c r="M3194">
        <v>217402.6777</v>
      </c>
      <c r="N3194">
        <v>64544.263630000001</v>
      </c>
      <c r="O3194">
        <v>17047.047159999998</v>
      </c>
      <c r="P3194">
        <v>23667.068619999998</v>
      </c>
      <c r="Q3194">
        <v>60657.776109999999</v>
      </c>
      <c r="R3194">
        <v>15156.175579999999</v>
      </c>
      <c r="S3194">
        <v>70711.174209999997</v>
      </c>
      <c r="T3194">
        <v>18349.360680000002</v>
      </c>
      <c r="U3194">
        <v>11036.509340000001</v>
      </c>
      <c r="W3194" s="83">
        <f>Bühler!N3226</f>
        <v>45424.999999992258</v>
      </c>
      <c r="X3194" s="83">
        <v>43234</v>
      </c>
      <c r="Y3194">
        <v>166665.07629999999</v>
      </c>
      <c r="Z3194">
        <v>11335.705470000001</v>
      </c>
      <c r="AA3194">
        <v>46848.654499999997</v>
      </c>
      <c r="AB3194">
        <v>31763.266100000001</v>
      </c>
      <c r="AC3194">
        <v>32226.895619999999</v>
      </c>
      <c r="AD3194">
        <v>18131.446059999998</v>
      </c>
      <c r="AE3194">
        <v>33679.771419999997</v>
      </c>
      <c r="AF3194">
        <v>47065.618589999998</v>
      </c>
      <c r="AG3194">
        <v>17529.163909999999</v>
      </c>
      <c r="AH3194">
        <v>217402.6777</v>
      </c>
      <c r="AI3194">
        <v>64544.263630000001</v>
      </c>
      <c r="AJ3194">
        <v>17047.047159999998</v>
      </c>
      <c r="AK3194">
        <v>23667.068619999998</v>
      </c>
      <c r="AL3194">
        <v>60657.776109999999</v>
      </c>
      <c r="AM3194">
        <v>15156.175579999999</v>
      </c>
      <c r="AN3194">
        <v>70711.174209999997</v>
      </c>
      <c r="AO3194">
        <v>18349.360680000002</v>
      </c>
      <c r="AP3194">
        <v>11036.509340000001</v>
      </c>
    </row>
    <row r="3195" spans="2:42" x14ac:dyDescent="0.3">
      <c r="B3195">
        <v>42.956096463313166</v>
      </c>
      <c r="C3195" s="83">
        <v>43234.041666666664</v>
      </c>
      <c r="D3195">
        <v>166947.46</v>
      </c>
      <c r="E3195">
        <v>11307.59426</v>
      </c>
      <c r="F3195">
        <v>46726.509189999997</v>
      </c>
      <c r="G3195">
        <v>31428.022130000001</v>
      </c>
      <c r="H3195">
        <v>31905.95551</v>
      </c>
      <c r="I3195">
        <v>14346.378259999999</v>
      </c>
      <c r="J3195">
        <v>32456.819810000001</v>
      </c>
      <c r="K3195">
        <v>43967.571400000001</v>
      </c>
      <c r="L3195">
        <v>15821.688630000001</v>
      </c>
      <c r="M3195">
        <v>219010.212</v>
      </c>
      <c r="N3195">
        <v>63762.176679999997</v>
      </c>
      <c r="O3195">
        <v>17446.124640000002</v>
      </c>
      <c r="P3195">
        <v>22702.388480000001</v>
      </c>
      <c r="Q3195">
        <v>62551.827640000003</v>
      </c>
      <c r="R3195">
        <v>14166.336670000001</v>
      </c>
      <c r="S3195">
        <v>69604.628400000001</v>
      </c>
      <c r="T3195">
        <v>18103.937969999999</v>
      </c>
      <c r="U3195">
        <v>11197.072050000001</v>
      </c>
      <c r="W3195" s="83">
        <f>Bühler!N3227</f>
        <v>45425.041666658923</v>
      </c>
      <c r="X3195" s="83">
        <v>43234.041666666664</v>
      </c>
      <c r="Y3195">
        <v>166947.46</v>
      </c>
      <c r="Z3195">
        <v>11307.59426</v>
      </c>
      <c r="AA3195">
        <v>46726.509189999997</v>
      </c>
      <c r="AB3195">
        <v>31428.022130000001</v>
      </c>
      <c r="AC3195">
        <v>31905.95551</v>
      </c>
      <c r="AD3195">
        <v>14346.378259999999</v>
      </c>
      <c r="AE3195">
        <v>32456.819810000001</v>
      </c>
      <c r="AF3195">
        <v>43967.571400000001</v>
      </c>
      <c r="AG3195">
        <v>15821.688630000001</v>
      </c>
      <c r="AH3195">
        <v>219010.212</v>
      </c>
      <c r="AI3195">
        <v>63762.176679999997</v>
      </c>
      <c r="AJ3195">
        <v>17446.124640000002</v>
      </c>
      <c r="AK3195">
        <v>22702.388480000001</v>
      </c>
      <c r="AL3195">
        <v>62551.827640000003</v>
      </c>
      <c r="AM3195">
        <v>14166.336670000001</v>
      </c>
      <c r="AN3195">
        <v>69604.628400000001</v>
      </c>
      <c r="AO3195">
        <v>18103.937969999999</v>
      </c>
      <c r="AP3195">
        <v>11197.072050000001</v>
      </c>
    </row>
    <row r="3196" spans="2:42" x14ac:dyDescent="0.3">
      <c r="B3196">
        <v>43.815332164047376</v>
      </c>
      <c r="C3196" s="83">
        <v>43234.083333333336</v>
      </c>
      <c r="D3196">
        <v>167769.85769999999</v>
      </c>
      <c r="E3196">
        <v>11325.057059999999</v>
      </c>
      <c r="F3196">
        <v>47675.693489999998</v>
      </c>
      <c r="G3196">
        <v>30825.454030000001</v>
      </c>
      <c r="H3196">
        <v>31909.25387</v>
      </c>
      <c r="I3196">
        <v>12612.369979999999</v>
      </c>
      <c r="J3196">
        <v>32213.3904</v>
      </c>
      <c r="K3196">
        <v>42259.029479999997</v>
      </c>
      <c r="L3196">
        <v>16050.93363</v>
      </c>
      <c r="M3196">
        <v>223390.9963</v>
      </c>
      <c r="N3196">
        <v>63023.119590000002</v>
      </c>
      <c r="O3196">
        <v>17428.471860000001</v>
      </c>
      <c r="P3196">
        <v>22170.958699999999</v>
      </c>
      <c r="Q3196">
        <v>66230.732749999996</v>
      </c>
      <c r="R3196">
        <v>14403.93447</v>
      </c>
      <c r="S3196">
        <v>69113.517890000003</v>
      </c>
      <c r="T3196">
        <v>17958.128550000001</v>
      </c>
      <c r="U3196">
        <v>11266.52159</v>
      </c>
      <c r="W3196" s="83">
        <f>Bühler!N3228</f>
        <v>45425.083333325587</v>
      </c>
      <c r="X3196" s="83">
        <v>43234.083333333336</v>
      </c>
      <c r="Y3196">
        <v>167769.85769999999</v>
      </c>
      <c r="Z3196">
        <v>11325.057059999999</v>
      </c>
      <c r="AA3196">
        <v>47675.693489999998</v>
      </c>
      <c r="AB3196">
        <v>30825.454030000001</v>
      </c>
      <c r="AC3196">
        <v>31909.25387</v>
      </c>
      <c r="AD3196">
        <v>12612.369979999999</v>
      </c>
      <c r="AE3196">
        <v>32213.3904</v>
      </c>
      <c r="AF3196">
        <v>42259.029479999997</v>
      </c>
      <c r="AG3196">
        <v>16050.93363</v>
      </c>
      <c r="AH3196">
        <v>223390.9963</v>
      </c>
      <c r="AI3196">
        <v>63023.119590000002</v>
      </c>
      <c r="AJ3196">
        <v>17428.471860000001</v>
      </c>
      <c r="AK3196">
        <v>22170.958699999999</v>
      </c>
      <c r="AL3196">
        <v>66230.732749999996</v>
      </c>
      <c r="AM3196">
        <v>14403.93447</v>
      </c>
      <c r="AN3196">
        <v>69113.517890000003</v>
      </c>
      <c r="AO3196">
        <v>17958.128550000001</v>
      </c>
      <c r="AP3196">
        <v>11266.52159</v>
      </c>
    </row>
    <row r="3197" spans="2:42" x14ac:dyDescent="0.3">
      <c r="B3197">
        <v>45.062446800791484</v>
      </c>
      <c r="C3197" s="83">
        <v>43234.125</v>
      </c>
      <c r="D3197">
        <v>172527.2568</v>
      </c>
      <c r="E3197">
        <v>11487.68167</v>
      </c>
      <c r="F3197">
        <v>49681.645470000003</v>
      </c>
      <c r="G3197">
        <v>30165.089390000001</v>
      </c>
      <c r="H3197">
        <v>32050.688829999999</v>
      </c>
      <c r="I3197">
        <v>12313.37559</v>
      </c>
      <c r="J3197">
        <v>32583.11766</v>
      </c>
      <c r="K3197">
        <v>41463.396580000001</v>
      </c>
      <c r="L3197">
        <v>16024.68441</v>
      </c>
      <c r="M3197">
        <v>229749.3683</v>
      </c>
      <c r="N3197">
        <v>63062.866580000002</v>
      </c>
      <c r="O3197">
        <v>17403.759129999999</v>
      </c>
      <c r="P3197">
        <v>22142.749629999998</v>
      </c>
      <c r="Q3197">
        <v>71139.181270000001</v>
      </c>
      <c r="R3197">
        <v>14995.737800000001</v>
      </c>
      <c r="S3197">
        <v>68779.804489999995</v>
      </c>
      <c r="T3197">
        <v>17728.114710000002</v>
      </c>
      <c r="U3197">
        <v>10896.861569999999</v>
      </c>
      <c r="W3197" s="83">
        <f>Bühler!N3229</f>
        <v>45425.124999992251</v>
      </c>
      <c r="X3197" s="83">
        <v>43234.125</v>
      </c>
      <c r="Y3197">
        <v>172527.2568</v>
      </c>
      <c r="Z3197">
        <v>11487.68167</v>
      </c>
      <c r="AA3197">
        <v>49681.645470000003</v>
      </c>
      <c r="AB3197">
        <v>30165.089390000001</v>
      </c>
      <c r="AC3197">
        <v>32050.688829999999</v>
      </c>
      <c r="AD3197">
        <v>12313.37559</v>
      </c>
      <c r="AE3197">
        <v>32583.11766</v>
      </c>
      <c r="AF3197">
        <v>41463.396580000001</v>
      </c>
      <c r="AG3197">
        <v>16024.68441</v>
      </c>
      <c r="AH3197">
        <v>229749.3683</v>
      </c>
      <c r="AI3197">
        <v>63062.866580000002</v>
      </c>
      <c r="AJ3197">
        <v>17403.759129999999</v>
      </c>
      <c r="AK3197">
        <v>22142.749629999998</v>
      </c>
      <c r="AL3197">
        <v>71139.181270000001</v>
      </c>
      <c r="AM3197">
        <v>14995.737800000001</v>
      </c>
      <c r="AN3197">
        <v>68779.804489999995</v>
      </c>
      <c r="AO3197">
        <v>17728.114710000002</v>
      </c>
      <c r="AP3197">
        <v>10896.861569999999</v>
      </c>
    </row>
    <row r="3198" spans="2:42" x14ac:dyDescent="0.3">
      <c r="B3198">
        <v>48.44743609805932</v>
      </c>
      <c r="C3198" s="83">
        <v>43234.166666666664</v>
      </c>
      <c r="D3198">
        <v>183624.70800000001</v>
      </c>
      <c r="E3198">
        <v>12255.013440000001</v>
      </c>
      <c r="F3198">
        <v>53632.778120000003</v>
      </c>
      <c r="G3198">
        <v>29592.455139999998</v>
      </c>
      <c r="H3198">
        <v>32785.30762</v>
      </c>
      <c r="I3198">
        <v>14278.384539999999</v>
      </c>
      <c r="J3198">
        <v>34093.160799999998</v>
      </c>
      <c r="K3198">
        <v>41092.826609999996</v>
      </c>
      <c r="L3198">
        <v>15686.82588</v>
      </c>
      <c r="M3198">
        <v>247007.62229999999</v>
      </c>
      <c r="N3198">
        <v>63723.410199999998</v>
      </c>
      <c r="O3198">
        <v>18328.054810000001</v>
      </c>
      <c r="P3198">
        <v>22692.461749999999</v>
      </c>
      <c r="Q3198">
        <v>77852.304409999997</v>
      </c>
      <c r="R3198">
        <v>14738.795819999999</v>
      </c>
      <c r="S3198">
        <v>69039.149130000005</v>
      </c>
      <c r="T3198">
        <v>18183.174849999999</v>
      </c>
      <c r="U3198">
        <v>12074.49379</v>
      </c>
      <c r="W3198" s="83">
        <f>Bühler!N3230</f>
        <v>45425.166666658915</v>
      </c>
      <c r="X3198" s="83">
        <v>43234.166666666664</v>
      </c>
      <c r="Y3198">
        <v>183624.70800000001</v>
      </c>
      <c r="Z3198">
        <v>12255.013440000001</v>
      </c>
      <c r="AA3198">
        <v>53632.778120000003</v>
      </c>
      <c r="AB3198">
        <v>29592.455139999998</v>
      </c>
      <c r="AC3198">
        <v>32785.30762</v>
      </c>
      <c r="AD3198">
        <v>14278.384539999999</v>
      </c>
      <c r="AE3198">
        <v>34093.160799999998</v>
      </c>
      <c r="AF3198">
        <v>41092.826609999996</v>
      </c>
      <c r="AG3198">
        <v>15686.82588</v>
      </c>
      <c r="AH3198">
        <v>247007.62229999999</v>
      </c>
      <c r="AI3198">
        <v>63723.410199999998</v>
      </c>
      <c r="AJ3198">
        <v>18328.054810000001</v>
      </c>
      <c r="AK3198">
        <v>22692.461749999999</v>
      </c>
      <c r="AL3198">
        <v>77852.304409999997</v>
      </c>
      <c r="AM3198">
        <v>14738.795819999999</v>
      </c>
      <c r="AN3198">
        <v>69039.149130000005</v>
      </c>
      <c r="AO3198">
        <v>18183.174849999999</v>
      </c>
      <c r="AP3198">
        <v>12074.49379</v>
      </c>
    </row>
    <row r="3199" spans="2:42" x14ac:dyDescent="0.3">
      <c r="B3199">
        <v>54.314191018819862</v>
      </c>
      <c r="C3199" s="83">
        <v>43234.208333333336</v>
      </c>
      <c r="D3199">
        <v>213950.5742</v>
      </c>
      <c r="E3199">
        <v>14239.75171</v>
      </c>
      <c r="F3199">
        <v>63915.284059999998</v>
      </c>
      <c r="G3199">
        <v>32055.05631</v>
      </c>
      <c r="H3199">
        <v>34816.200129999997</v>
      </c>
      <c r="I3199">
        <v>21408.25704</v>
      </c>
      <c r="J3199">
        <v>37311.928359999998</v>
      </c>
      <c r="K3199">
        <v>42750.591740000003</v>
      </c>
      <c r="L3199">
        <v>16659.34231</v>
      </c>
      <c r="M3199">
        <v>276919.0748</v>
      </c>
      <c r="N3199">
        <v>66023.892269999997</v>
      </c>
      <c r="O3199">
        <v>19272.983619999999</v>
      </c>
      <c r="P3199">
        <v>23056.293420000002</v>
      </c>
      <c r="Q3199">
        <v>83905.673500000004</v>
      </c>
      <c r="R3199">
        <v>17266.94959</v>
      </c>
      <c r="S3199">
        <v>71640.996849999996</v>
      </c>
      <c r="T3199">
        <v>19220.906609999998</v>
      </c>
      <c r="U3199">
        <v>13828.493210000001</v>
      </c>
      <c r="W3199" s="83">
        <f>Bühler!N3231</f>
        <v>45425.20833332558</v>
      </c>
      <c r="X3199" s="83">
        <v>43234.208333333336</v>
      </c>
      <c r="Y3199">
        <v>213950.5742</v>
      </c>
      <c r="Z3199">
        <v>14239.75171</v>
      </c>
      <c r="AA3199">
        <v>63915.284059999998</v>
      </c>
      <c r="AB3199">
        <v>32055.05631</v>
      </c>
      <c r="AC3199">
        <v>34816.200129999997</v>
      </c>
      <c r="AD3199">
        <v>21408.25704</v>
      </c>
      <c r="AE3199">
        <v>37311.928359999998</v>
      </c>
      <c r="AF3199">
        <v>42750.591740000003</v>
      </c>
      <c r="AG3199">
        <v>16659.34231</v>
      </c>
      <c r="AH3199">
        <v>276919.0748</v>
      </c>
      <c r="AI3199">
        <v>66023.892269999997</v>
      </c>
      <c r="AJ3199">
        <v>19272.983619999999</v>
      </c>
      <c r="AK3199">
        <v>23056.293420000002</v>
      </c>
      <c r="AL3199">
        <v>83905.673500000004</v>
      </c>
      <c r="AM3199">
        <v>17266.94959</v>
      </c>
      <c r="AN3199">
        <v>71640.996849999996</v>
      </c>
      <c r="AO3199">
        <v>19220.906609999998</v>
      </c>
      <c r="AP3199">
        <v>13828.493210000001</v>
      </c>
    </row>
    <row r="3200" spans="2:42" x14ac:dyDescent="0.3">
      <c r="B3200">
        <v>59.264777098460165</v>
      </c>
      <c r="C3200" s="83">
        <v>43234.25</v>
      </c>
      <c r="D3200">
        <v>238900.71</v>
      </c>
      <c r="E3200">
        <v>17903.389319999998</v>
      </c>
      <c r="F3200">
        <v>75440.555840000001</v>
      </c>
      <c r="G3200">
        <v>42260.499080000001</v>
      </c>
      <c r="H3200">
        <v>36805.207280000002</v>
      </c>
      <c r="I3200">
        <v>28256.407770000002</v>
      </c>
      <c r="J3200">
        <v>39868.060490000003</v>
      </c>
      <c r="K3200">
        <v>45181.64099</v>
      </c>
      <c r="L3200">
        <v>18077.572690000001</v>
      </c>
      <c r="M3200">
        <v>302159.47129999998</v>
      </c>
      <c r="N3200">
        <v>68372.988020000004</v>
      </c>
      <c r="O3200">
        <v>20242.975760000001</v>
      </c>
      <c r="P3200">
        <v>23707.39126</v>
      </c>
      <c r="Q3200">
        <v>87096.331860000006</v>
      </c>
      <c r="R3200">
        <v>16252.75461</v>
      </c>
      <c r="S3200">
        <v>79631.872789999994</v>
      </c>
      <c r="T3200">
        <v>21281.125059999998</v>
      </c>
      <c r="U3200">
        <v>16508.936549999999</v>
      </c>
      <c r="W3200" s="83">
        <f>Bühler!N3232</f>
        <v>45425.249999992244</v>
      </c>
      <c r="X3200" s="83">
        <v>43234.25</v>
      </c>
      <c r="Y3200">
        <v>238900.71</v>
      </c>
      <c r="Z3200">
        <v>17903.389319999998</v>
      </c>
      <c r="AA3200">
        <v>75440.555840000001</v>
      </c>
      <c r="AB3200">
        <v>42260.499080000001</v>
      </c>
      <c r="AC3200">
        <v>36805.207280000002</v>
      </c>
      <c r="AD3200">
        <v>28256.407770000002</v>
      </c>
      <c r="AE3200">
        <v>39868.060490000003</v>
      </c>
      <c r="AF3200">
        <v>45181.64099</v>
      </c>
      <c r="AG3200">
        <v>18077.572690000001</v>
      </c>
      <c r="AH3200">
        <v>302159.47129999998</v>
      </c>
      <c r="AI3200">
        <v>68372.988020000004</v>
      </c>
      <c r="AJ3200">
        <v>20242.975760000001</v>
      </c>
      <c r="AK3200">
        <v>23707.39126</v>
      </c>
      <c r="AL3200">
        <v>87096.331860000006</v>
      </c>
      <c r="AM3200">
        <v>16252.75461</v>
      </c>
      <c r="AN3200">
        <v>79631.872789999994</v>
      </c>
      <c r="AO3200">
        <v>21281.125059999998</v>
      </c>
      <c r="AP3200">
        <v>16508.936549999999</v>
      </c>
    </row>
    <row r="3201" spans="2:42" x14ac:dyDescent="0.3">
      <c r="B3201">
        <v>62.712811864392748</v>
      </c>
      <c r="C3201" s="83">
        <v>43234.291666666664</v>
      </c>
      <c r="D3201">
        <v>257291.76</v>
      </c>
      <c r="E3201">
        <v>22180.948120000001</v>
      </c>
      <c r="F3201">
        <v>78719.025150000001</v>
      </c>
      <c r="G3201">
        <v>51719.78254</v>
      </c>
      <c r="H3201">
        <v>41593.759299999998</v>
      </c>
      <c r="I3201">
        <v>35719.023889999997</v>
      </c>
      <c r="J3201">
        <v>40953.6086</v>
      </c>
      <c r="K3201">
        <v>50522.468919999999</v>
      </c>
      <c r="L3201">
        <v>20388.249510000001</v>
      </c>
      <c r="M3201">
        <v>319739.1605</v>
      </c>
      <c r="N3201">
        <v>73471.373680000004</v>
      </c>
      <c r="O3201">
        <v>22730.43621</v>
      </c>
      <c r="P3201">
        <v>25904.24467</v>
      </c>
      <c r="Q3201">
        <v>89763.421159999998</v>
      </c>
      <c r="R3201">
        <v>17458.159199999998</v>
      </c>
      <c r="S3201">
        <v>93327.814599999998</v>
      </c>
      <c r="T3201">
        <v>25131.249599999999</v>
      </c>
      <c r="U3201">
        <v>19802.37902</v>
      </c>
      <c r="W3201" s="83">
        <f>Bühler!N3233</f>
        <v>45425.291666658908</v>
      </c>
      <c r="X3201" s="83">
        <v>43234.291666666664</v>
      </c>
      <c r="Y3201">
        <v>257291.76</v>
      </c>
      <c r="Z3201">
        <v>22180.948120000001</v>
      </c>
      <c r="AA3201">
        <v>78719.025150000001</v>
      </c>
      <c r="AB3201">
        <v>51719.78254</v>
      </c>
      <c r="AC3201">
        <v>41593.759299999998</v>
      </c>
      <c r="AD3201">
        <v>35719.023889999997</v>
      </c>
      <c r="AE3201">
        <v>40953.6086</v>
      </c>
      <c r="AF3201">
        <v>50522.468919999999</v>
      </c>
      <c r="AG3201">
        <v>20388.249510000001</v>
      </c>
      <c r="AH3201">
        <v>319739.1605</v>
      </c>
      <c r="AI3201">
        <v>73471.373680000004</v>
      </c>
      <c r="AJ3201">
        <v>22730.43621</v>
      </c>
      <c r="AK3201">
        <v>25904.24467</v>
      </c>
      <c r="AL3201">
        <v>89763.421159999998</v>
      </c>
      <c r="AM3201">
        <v>17458.159199999998</v>
      </c>
      <c r="AN3201">
        <v>93327.814599999998</v>
      </c>
      <c r="AO3201">
        <v>25131.249599999999</v>
      </c>
      <c r="AP3201">
        <v>19802.37902</v>
      </c>
    </row>
    <row r="3202" spans="2:42" x14ac:dyDescent="0.3">
      <c r="B3202">
        <v>64.934832515342976</v>
      </c>
      <c r="C3202" s="83">
        <v>43234.333333333336</v>
      </c>
      <c r="D3202">
        <v>271010.6262</v>
      </c>
      <c r="E3202">
        <v>27423.943719999999</v>
      </c>
      <c r="F3202">
        <v>85302.431339999996</v>
      </c>
      <c r="G3202">
        <v>67831.948380000002</v>
      </c>
      <c r="H3202">
        <v>47141.88031</v>
      </c>
      <c r="I3202">
        <v>38616.967920000003</v>
      </c>
      <c r="J3202">
        <v>42962.915840000001</v>
      </c>
      <c r="K3202">
        <v>57353.22567</v>
      </c>
      <c r="L3202">
        <v>23637.010549999999</v>
      </c>
      <c r="M3202">
        <v>331068.05800000002</v>
      </c>
      <c r="N3202">
        <v>81514.322809999998</v>
      </c>
      <c r="O3202">
        <v>23920.715759999999</v>
      </c>
      <c r="P3202">
        <v>28851.600539999999</v>
      </c>
      <c r="Q3202">
        <v>92347.542360000007</v>
      </c>
      <c r="R3202">
        <v>21253.47134</v>
      </c>
      <c r="S3202">
        <v>106867.3269</v>
      </c>
      <c r="T3202">
        <v>28750.559929999999</v>
      </c>
      <c r="U3202">
        <v>22478.21342</v>
      </c>
      <c r="W3202" s="83">
        <f>Bühler!N3234</f>
        <v>45425.333333325572</v>
      </c>
      <c r="X3202" s="83">
        <v>43234.333333333336</v>
      </c>
      <c r="Y3202">
        <v>271010.6262</v>
      </c>
      <c r="Z3202">
        <v>27423.943719999999</v>
      </c>
      <c r="AA3202">
        <v>85302.431339999996</v>
      </c>
      <c r="AB3202">
        <v>67831.948380000002</v>
      </c>
      <c r="AC3202">
        <v>47141.88031</v>
      </c>
      <c r="AD3202">
        <v>38616.967920000003</v>
      </c>
      <c r="AE3202">
        <v>42962.915840000001</v>
      </c>
      <c r="AF3202">
        <v>57353.22567</v>
      </c>
      <c r="AG3202">
        <v>23637.010549999999</v>
      </c>
      <c r="AH3202">
        <v>331068.05800000002</v>
      </c>
      <c r="AI3202">
        <v>81514.322809999998</v>
      </c>
      <c r="AJ3202">
        <v>23920.715759999999</v>
      </c>
      <c r="AK3202">
        <v>28851.600539999999</v>
      </c>
      <c r="AL3202">
        <v>92347.542360000007</v>
      </c>
      <c r="AM3202">
        <v>21253.47134</v>
      </c>
      <c r="AN3202">
        <v>106867.3269</v>
      </c>
      <c r="AO3202">
        <v>28750.559929999999</v>
      </c>
      <c r="AP3202">
        <v>22478.21342</v>
      </c>
    </row>
    <row r="3203" spans="2:42" x14ac:dyDescent="0.3">
      <c r="B3203">
        <v>66.121066255915281</v>
      </c>
      <c r="C3203" s="83">
        <v>43234.375</v>
      </c>
      <c r="D3203">
        <v>276160.98609999998</v>
      </c>
      <c r="E3203">
        <v>31484.124049999999</v>
      </c>
      <c r="F3203">
        <v>92683.595679999999</v>
      </c>
      <c r="G3203">
        <v>78068.362760000004</v>
      </c>
      <c r="H3203">
        <v>49811.183660000002</v>
      </c>
      <c r="I3203">
        <v>37159.212149999999</v>
      </c>
      <c r="J3203">
        <v>43782.775439999998</v>
      </c>
      <c r="K3203">
        <v>60753.191299999999</v>
      </c>
      <c r="L3203">
        <v>25953.560300000001</v>
      </c>
      <c r="M3203">
        <v>337116.03080000001</v>
      </c>
      <c r="N3203">
        <v>84225.784069999994</v>
      </c>
      <c r="O3203">
        <v>24580.41345</v>
      </c>
      <c r="P3203">
        <v>30128.164430000001</v>
      </c>
      <c r="Q3203">
        <v>94454.34577</v>
      </c>
      <c r="R3203">
        <v>21277.083910000001</v>
      </c>
      <c r="S3203">
        <v>113227.3008</v>
      </c>
      <c r="T3203">
        <v>30765.581119999999</v>
      </c>
      <c r="U3203">
        <v>22996.687859999998</v>
      </c>
      <c r="W3203" s="83">
        <f>Bühler!N3235</f>
        <v>45425.374999992237</v>
      </c>
      <c r="X3203" s="83">
        <v>43234.375</v>
      </c>
      <c r="Y3203">
        <v>276160.98609999998</v>
      </c>
      <c r="Z3203">
        <v>31484.124049999999</v>
      </c>
      <c r="AA3203">
        <v>92683.595679999999</v>
      </c>
      <c r="AB3203">
        <v>78068.362760000004</v>
      </c>
      <c r="AC3203">
        <v>49811.183660000002</v>
      </c>
      <c r="AD3203">
        <v>37159.212149999999</v>
      </c>
      <c r="AE3203">
        <v>43782.775439999998</v>
      </c>
      <c r="AF3203">
        <v>60753.191299999999</v>
      </c>
      <c r="AG3203">
        <v>25953.560300000001</v>
      </c>
      <c r="AH3203">
        <v>337116.03080000001</v>
      </c>
      <c r="AI3203">
        <v>84225.784069999994</v>
      </c>
      <c r="AJ3203">
        <v>24580.41345</v>
      </c>
      <c r="AK3203">
        <v>30128.164430000001</v>
      </c>
      <c r="AL3203">
        <v>94454.34577</v>
      </c>
      <c r="AM3203">
        <v>21277.083910000001</v>
      </c>
      <c r="AN3203">
        <v>113227.3008</v>
      </c>
      <c r="AO3203">
        <v>30765.581119999999</v>
      </c>
      <c r="AP3203">
        <v>22996.687859999998</v>
      </c>
    </row>
    <row r="3204" spans="2:42" x14ac:dyDescent="0.3">
      <c r="B3204">
        <v>67.063450078372199</v>
      </c>
      <c r="C3204" s="83">
        <v>43234.416666666664</v>
      </c>
      <c r="D3204">
        <v>283052.29509999999</v>
      </c>
      <c r="E3204">
        <v>33386.166850000001</v>
      </c>
      <c r="F3204">
        <v>93640.952560000005</v>
      </c>
      <c r="G3204">
        <v>81593.668529999995</v>
      </c>
      <c r="H3204">
        <v>50647.091180000003</v>
      </c>
      <c r="I3204">
        <v>35641.40539</v>
      </c>
      <c r="J3204">
        <v>43554.151100000003</v>
      </c>
      <c r="K3204">
        <v>62369.652020000001</v>
      </c>
      <c r="L3204">
        <v>29161.675029999999</v>
      </c>
      <c r="M3204">
        <v>341920.74300000002</v>
      </c>
      <c r="N3204">
        <v>88984.119720000002</v>
      </c>
      <c r="O3204">
        <v>25096.549370000001</v>
      </c>
      <c r="P3204">
        <v>31029.935420000002</v>
      </c>
      <c r="Q3204">
        <v>97178.977719999995</v>
      </c>
      <c r="R3204">
        <v>22475.246009999999</v>
      </c>
      <c r="S3204">
        <v>114279.4774</v>
      </c>
      <c r="T3204">
        <v>32627.805270000001</v>
      </c>
      <c r="U3204">
        <v>23341.166020000001</v>
      </c>
      <c r="W3204" s="83">
        <f>Bühler!N3236</f>
        <v>45425.416666658901</v>
      </c>
      <c r="X3204" s="83">
        <v>43234.416666666664</v>
      </c>
      <c r="Y3204">
        <v>283052.29509999999</v>
      </c>
      <c r="Z3204">
        <v>33386.166850000001</v>
      </c>
      <c r="AA3204">
        <v>93640.952560000005</v>
      </c>
      <c r="AB3204">
        <v>81593.668529999995</v>
      </c>
      <c r="AC3204">
        <v>50647.091180000003</v>
      </c>
      <c r="AD3204">
        <v>35641.40539</v>
      </c>
      <c r="AE3204">
        <v>43554.151100000003</v>
      </c>
      <c r="AF3204">
        <v>62369.652020000001</v>
      </c>
      <c r="AG3204">
        <v>29161.675029999999</v>
      </c>
      <c r="AH3204">
        <v>341920.74300000002</v>
      </c>
      <c r="AI3204">
        <v>88984.119720000002</v>
      </c>
      <c r="AJ3204">
        <v>25096.549370000001</v>
      </c>
      <c r="AK3204">
        <v>31029.935420000002</v>
      </c>
      <c r="AL3204">
        <v>97178.977719999995</v>
      </c>
      <c r="AM3204">
        <v>22475.246009999999</v>
      </c>
      <c r="AN3204">
        <v>114279.4774</v>
      </c>
      <c r="AO3204">
        <v>32627.805270000001</v>
      </c>
      <c r="AP3204">
        <v>23341.166020000001</v>
      </c>
    </row>
    <row r="3205" spans="2:42" x14ac:dyDescent="0.3">
      <c r="B3205">
        <v>68.360723171178975</v>
      </c>
      <c r="C3205" s="83">
        <v>43234.458333333336</v>
      </c>
      <c r="D3205">
        <v>283228.19699999999</v>
      </c>
      <c r="E3205">
        <v>34011.925689999996</v>
      </c>
      <c r="F3205">
        <v>95328.336689999996</v>
      </c>
      <c r="G3205">
        <v>81005.293449999997</v>
      </c>
      <c r="H3205">
        <v>50534.724240000003</v>
      </c>
      <c r="I3205">
        <v>35823.883280000002</v>
      </c>
      <c r="J3205">
        <v>44490.234490000003</v>
      </c>
      <c r="K3205">
        <v>63158.907469999998</v>
      </c>
      <c r="L3205">
        <v>30054.499800000001</v>
      </c>
      <c r="M3205">
        <v>348534.84620000003</v>
      </c>
      <c r="N3205">
        <v>90450.538260000001</v>
      </c>
      <c r="O3205">
        <v>25830.681280000001</v>
      </c>
      <c r="P3205">
        <v>30788.210139999999</v>
      </c>
      <c r="Q3205">
        <v>98398.113889999993</v>
      </c>
      <c r="R3205">
        <v>24785.707060000001</v>
      </c>
      <c r="S3205">
        <v>119615.3322</v>
      </c>
      <c r="T3205">
        <v>33332.83077</v>
      </c>
      <c r="U3205">
        <v>22890.159619999999</v>
      </c>
      <c r="W3205" s="83">
        <f>Bühler!N3237</f>
        <v>45425.458333325565</v>
      </c>
      <c r="X3205" s="83">
        <v>43234.458333333336</v>
      </c>
      <c r="Y3205">
        <v>283228.19699999999</v>
      </c>
      <c r="Z3205">
        <v>34011.925689999996</v>
      </c>
      <c r="AA3205">
        <v>95328.336689999996</v>
      </c>
      <c r="AB3205">
        <v>81005.293449999997</v>
      </c>
      <c r="AC3205">
        <v>50534.724240000003</v>
      </c>
      <c r="AD3205">
        <v>35823.883280000002</v>
      </c>
      <c r="AE3205">
        <v>44490.234490000003</v>
      </c>
      <c r="AF3205">
        <v>63158.907469999998</v>
      </c>
      <c r="AG3205">
        <v>30054.499800000001</v>
      </c>
      <c r="AH3205">
        <v>348534.84620000003</v>
      </c>
      <c r="AI3205">
        <v>90450.538260000001</v>
      </c>
      <c r="AJ3205">
        <v>25830.681280000001</v>
      </c>
      <c r="AK3205">
        <v>30788.210139999999</v>
      </c>
      <c r="AL3205">
        <v>98398.113889999993</v>
      </c>
      <c r="AM3205">
        <v>24785.707060000001</v>
      </c>
      <c r="AN3205">
        <v>119615.3322</v>
      </c>
      <c r="AO3205">
        <v>33332.83077</v>
      </c>
      <c r="AP3205">
        <v>22890.159619999999</v>
      </c>
    </row>
    <row r="3206" spans="2:42" x14ac:dyDescent="0.3">
      <c r="B3206">
        <v>68.854498971812063</v>
      </c>
      <c r="C3206" s="83">
        <v>43234.5</v>
      </c>
      <c r="D3206">
        <v>274500.21049999999</v>
      </c>
      <c r="E3206">
        <v>31253.713479999999</v>
      </c>
      <c r="F3206">
        <v>90707.821519999998</v>
      </c>
      <c r="G3206">
        <v>80674.426300000006</v>
      </c>
      <c r="H3206">
        <v>49574.927150000003</v>
      </c>
      <c r="I3206">
        <v>34544.269919999999</v>
      </c>
      <c r="J3206">
        <v>45541.754220000003</v>
      </c>
      <c r="K3206">
        <v>59457.956259999999</v>
      </c>
      <c r="L3206">
        <v>32015.99293</v>
      </c>
      <c r="M3206">
        <v>351052.3455</v>
      </c>
      <c r="N3206">
        <v>87677.587029999995</v>
      </c>
      <c r="O3206">
        <v>25375.588029999999</v>
      </c>
      <c r="P3206">
        <v>31635.856879999999</v>
      </c>
      <c r="Q3206">
        <v>100187.842</v>
      </c>
      <c r="R3206">
        <v>24000.940879999998</v>
      </c>
      <c r="S3206">
        <v>114748.0782</v>
      </c>
      <c r="T3206">
        <v>32900.078200000004</v>
      </c>
      <c r="U3206">
        <v>18532.449140000001</v>
      </c>
      <c r="W3206" s="83">
        <f>Bühler!N3238</f>
        <v>45425.499999992229</v>
      </c>
      <c r="X3206" s="83">
        <v>43234.5</v>
      </c>
      <c r="Y3206">
        <v>274500.21049999999</v>
      </c>
      <c r="Z3206">
        <v>31253.713479999999</v>
      </c>
      <c r="AA3206">
        <v>90707.821519999998</v>
      </c>
      <c r="AB3206">
        <v>80674.426300000006</v>
      </c>
      <c r="AC3206">
        <v>49574.927150000003</v>
      </c>
      <c r="AD3206">
        <v>34544.269919999999</v>
      </c>
      <c r="AE3206">
        <v>45541.754220000003</v>
      </c>
      <c r="AF3206">
        <v>59457.956259999999</v>
      </c>
      <c r="AG3206">
        <v>32015.99293</v>
      </c>
      <c r="AH3206">
        <v>351052.3455</v>
      </c>
      <c r="AI3206">
        <v>87677.587029999995</v>
      </c>
      <c r="AJ3206">
        <v>25375.588029999999</v>
      </c>
      <c r="AK3206">
        <v>31635.856879999999</v>
      </c>
      <c r="AL3206">
        <v>100187.842</v>
      </c>
      <c r="AM3206">
        <v>24000.940879999998</v>
      </c>
      <c r="AN3206">
        <v>114748.0782</v>
      </c>
      <c r="AO3206">
        <v>32900.078200000004</v>
      </c>
      <c r="AP3206">
        <v>18532.449140000001</v>
      </c>
    </row>
    <row r="3207" spans="2:42" x14ac:dyDescent="0.3">
      <c r="B3207">
        <v>69.448402568876617</v>
      </c>
      <c r="C3207" s="83">
        <v>43234.541666666664</v>
      </c>
      <c r="D3207">
        <v>279383.44329999998</v>
      </c>
      <c r="E3207">
        <v>31641.022430000001</v>
      </c>
      <c r="F3207">
        <v>87707.707779999997</v>
      </c>
      <c r="G3207">
        <v>77405.094190000003</v>
      </c>
      <c r="H3207">
        <v>50277.584519999997</v>
      </c>
      <c r="I3207">
        <v>35244.606180000002</v>
      </c>
      <c r="J3207">
        <v>44277.967510000002</v>
      </c>
      <c r="K3207">
        <v>62783.084690000003</v>
      </c>
      <c r="L3207">
        <v>31116.227640000001</v>
      </c>
      <c r="M3207">
        <v>354080.34299999999</v>
      </c>
      <c r="N3207">
        <v>89300.938890000005</v>
      </c>
      <c r="O3207">
        <v>25957.583839999999</v>
      </c>
      <c r="P3207">
        <v>30850.954259999999</v>
      </c>
      <c r="Q3207">
        <v>100720.1112</v>
      </c>
      <c r="R3207">
        <v>24510.233939999998</v>
      </c>
      <c r="S3207">
        <v>114458.9129</v>
      </c>
      <c r="T3207">
        <v>32518.876380000002</v>
      </c>
      <c r="U3207">
        <v>21335.525740000001</v>
      </c>
      <c r="W3207" s="83">
        <f>Bühler!N3239</f>
        <v>45425.541666658894</v>
      </c>
      <c r="X3207" s="83">
        <v>43234.541666666664</v>
      </c>
      <c r="Y3207">
        <v>279383.44329999998</v>
      </c>
      <c r="Z3207">
        <v>31641.022430000001</v>
      </c>
      <c r="AA3207">
        <v>87707.707779999997</v>
      </c>
      <c r="AB3207">
        <v>77405.094190000003</v>
      </c>
      <c r="AC3207">
        <v>50277.584519999997</v>
      </c>
      <c r="AD3207">
        <v>35244.606180000002</v>
      </c>
      <c r="AE3207">
        <v>44277.967510000002</v>
      </c>
      <c r="AF3207">
        <v>62783.084690000003</v>
      </c>
      <c r="AG3207">
        <v>31116.227640000001</v>
      </c>
      <c r="AH3207">
        <v>354080.34299999999</v>
      </c>
      <c r="AI3207">
        <v>89300.938890000005</v>
      </c>
      <c r="AJ3207">
        <v>25957.583839999999</v>
      </c>
      <c r="AK3207">
        <v>30850.954259999999</v>
      </c>
      <c r="AL3207">
        <v>100720.1112</v>
      </c>
      <c r="AM3207">
        <v>24510.233939999998</v>
      </c>
      <c r="AN3207">
        <v>114458.9129</v>
      </c>
      <c r="AO3207">
        <v>32518.876380000002</v>
      </c>
      <c r="AP3207">
        <v>21335.525740000001</v>
      </c>
    </row>
    <row r="3208" spans="2:42" x14ac:dyDescent="0.3">
      <c r="B3208">
        <v>70.095735252597763</v>
      </c>
      <c r="C3208" s="83">
        <v>43234.583333333336</v>
      </c>
      <c r="D3208">
        <v>283576.44170000002</v>
      </c>
      <c r="E3208">
        <v>34253.983110000001</v>
      </c>
      <c r="F3208">
        <v>95699.602899999998</v>
      </c>
      <c r="G3208">
        <v>72483.103820000004</v>
      </c>
      <c r="H3208">
        <v>50112.501530000001</v>
      </c>
      <c r="I3208">
        <v>35431.315490000001</v>
      </c>
      <c r="J3208">
        <v>43759.691120000003</v>
      </c>
      <c r="K3208">
        <v>64229.510289999998</v>
      </c>
      <c r="L3208">
        <v>28806.223000000002</v>
      </c>
      <c r="M3208">
        <v>357380.74690000003</v>
      </c>
      <c r="N3208">
        <v>89849.196450000003</v>
      </c>
      <c r="O3208">
        <v>25832.191940000001</v>
      </c>
      <c r="P3208">
        <v>28201.835129999999</v>
      </c>
      <c r="Q3208">
        <v>100644.8689</v>
      </c>
      <c r="R3208">
        <v>23772.898669999999</v>
      </c>
      <c r="S3208">
        <v>112251.01700000001</v>
      </c>
      <c r="T3208">
        <v>31122.343280000001</v>
      </c>
      <c r="U3208">
        <v>22388.379730000001</v>
      </c>
      <c r="W3208" s="83">
        <f>Bühler!N3240</f>
        <v>45425.583333325558</v>
      </c>
      <c r="X3208" s="83">
        <v>43234.583333333336</v>
      </c>
      <c r="Y3208">
        <v>283576.44170000002</v>
      </c>
      <c r="Z3208">
        <v>34253.983110000001</v>
      </c>
      <c r="AA3208">
        <v>95699.602899999998</v>
      </c>
      <c r="AB3208">
        <v>72483.103820000004</v>
      </c>
      <c r="AC3208">
        <v>50112.501530000001</v>
      </c>
      <c r="AD3208">
        <v>35431.315490000001</v>
      </c>
      <c r="AE3208">
        <v>43759.691120000003</v>
      </c>
      <c r="AF3208">
        <v>64229.510289999998</v>
      </c>
      <c r="AG3208">
        <v>28806.223000000002</v>
      </c>
      <c r="AH3208">
        <v>357380.74690000003</v>
      </c>
      <c r="AI3208">
        <v>89849.196450000003</v>
      </c>
      <c r="AJ3208">
        <v>25832.191940000001</v>
      </c>
      <c r="AK3208">
        <v>28201.835129999999</v>
      </c>
      <c r="AL3208">
        <v>100644.8689</v>
      </c>
      <c r="AM3208">
        <v>23772.898669999999</v>
      </c>
      <c r="AN3208">
        <v>112251.01700000001</v>
      </c>
      <c r="AO3208">
        <v>31122.343280000001</v>
      </c>
      <c r="AP3208">
        <v>22388.379730000001</v>
      </c>
    </row>
    <row r="3209" spans="2:42" x14ac:dyDescent="0.3">
      <c r="B3209">
        <v>70.455908033359052</v>
      </c>
      <c r="C3209" s="83">
        <v>43234.625</v>
      </c>
      <c r="D3209">
        <v>282910.5061</v>
      </c>
      <c r="E3209">
        <v>34157.227650000001</v>
      </c>
      <c r="F3209">
        <v>97686.663929999995</v>
      </c>
      <c r="G3209">
        <v>70371.658190000002</v>
      </c>
      <c r="H3209">
        <v>48999.817029999998</v>
      </c>
      <c r="I3209">
        <v>35784.630649999999</v>
      </c>
      <c r="J3209">
        <v>43409.167300000001</v>
      </c>
      <c r="K3209">
        <v>63942.970549999998</v>
      </c>
      <c r="L3209">
        <v>26409.094550000002</v>
      </c>
      <c r="M3209">
        <v>359217.07569999999</v>
      </c>
      <c r="N3209">
        <v>90030.064499999993</v>
      </c>
      <c r="O3209">
        <v>25974.055380000002</v>
      </c>
      <c r="P3209">
        <v>27276.54002</v>
      </c>
      <c r="Q3209">
        <v>99919.500409999993</v>
      </c>
      <c r="R3209">
        <v>24589.99437</v>
      </c>
      <c r="S3209">
        <v>110682.42969999999</v>
      </c>
      <c r="T3209">
        <v>31299.543809999999</v>
      </c>
      <c r="U3209">
        <v>21506.250660000002</v>
      </c>
      <c r="W3209" s="83">
        <f>Bühler!N3241</f>
        <v>45425.624999992222</v>
      </c>
      <c r="X3209" s="83">
        <v>43234.625</v>
      </c>
      <c r="Y3209">
        <v>282910.5061</v>
      </c>
      <c r="Z3209">
        <v>34157.227650000001</v>
      </c>
      <c r="AA3209">
        <v>97686.663929999995</v>
      </c>
      <c r="AB3209">
        <v>70371.658190000002</v>
      </c>
      <c r="AC3209">
        <v>48999.817029999998</v>
      </c>
      <c r="AD3209">
        <v>35784.630649999999</v>
      </c>
      <c r="AE3209">
        <v>43409.167300000001</v>
      </c>
      <c r="AF3209">
        <v>63942.970549999998</v>
      </c>
      <c r="AG3209">
        <v>26409.094550000002</v>
      </c>
      <c r="AH3209">
        <v>359217.07569999999</v>
      </c>
      <c r="AI3209">
        <v>90030.064499999993</v>
      </c>
      <c r="AJ3209">
        <v>25974.055380000002</v>
      </c>
      <c r="AK3209">
        <v>27276.54002</v>
      </c>
      <c r="AL3209">
        <v>99919.500409999993</v>
      </c>
      <c r="AM3209">
        <v>24589.99437</v>
      </c>
      <c r="AN3209">
        <v>110682.42969999999</v>
      </c>
      <c r="AO3209">
        <v>31299.543809999999</v>
      </c>
      <c r="AP3209">
        <v>21506.250660000002</v>
      </c>
    </row>
    <row r="3210" spans="2:42" x14ac:dyDescent="0.3">
      <c r="B3210">
        <v>69.880226170786585</v>
      </c>
      <c r="C3210" s="83">
        <v>43234.666666666664</v>
      </c>
      <c r="D3210">
        <v>276007.41039999999</v>
      </c>
      <c r="E3210">
        <v>33501.213450000003</v>
      </c>
      <c r="F3210">
        <v>97193.592250000002</v>
      </c>
      <c r="G3210">
        <v>65934.750700000004</v>
      </c>
      <c r="H3210">
        <v>47807.763050000001</v>
      </c>
      <c r="I3210">
        <v>37490.145989999997</v>
      </c>
      <c r="J3210">
        <v>42794.273690000002</v>
      </c>
      <c r="K3210">
        <v>60263.513529999997</v>
      </c>
      <c r="L3210">
        <v>25454.406129999999</v>
      </c>
      <c r="M3210">
        <v>356281.98109999998</v>
      </c>
      <c r="N3210">
        <v>88176.184760000004</v>
      </c>
      <c r="O3210">
        <v>25773.144329999999</v>
      </c>
      <c r="P3210">
        <v>26031.014029999998</v>
      </c>
      <c r="Q3210">
        <v>99353.539529999995</v>
      </c>
      <c r="R3210">
        <v>23580.505590000001</v>
      </c>
      <c r="S3210">
        <v>108950.6253</v>
      </c>
      <c r="T3210">
        <v>30074.353179999998</v>
      </c>
      <c r="U3210">
        <v>20298.252059999999</v>
      </c>
      <c r="W3210" s="83">
        <f>Bühler!N3242</f>
        <v>45425.666666658886</v>
      </c>
      <c r="X3210" s="83">
        <v>43234.666666666664</v>
      </c>
      <c r="Y3210">
        <v>276007.41039999999</v>
      </c>
      <c r="Z3210">
        <v>33501.213450000003</v>
      </c>
      <c r="AA3210">
        <v>97193.592250000002</v>
      </c>
      <c r="AB3210">
        <v>65934.750700000004</v>
      </c>
      <c r="AC3210">
        <v>47807.763050000001</v>
      </c>
      <c r="AD3210">
        <v>37490.145989999997</v>
      </c>
      <c r="AE3210">
        <v>42794.273690000002</v>
      </c>
      <c r="AF3210">
        <v>60263.513529999997</v>
      </c>
      <c r="AG3210">
        <v>25454.406129999999</v>
      </c>
      <c r="AH3210">
        <v>356281.98109999998</v>
      </c>
      <c r="AI3210">
        <v>88176.184760000004</v>
      </c>
      <c r="AJ3210">
        <v>25773.144329999999</v>
      </c>
      <c r="AK3210">
        <v>26031.014029999998</v>
      </c>
      <c r="AL3210">
        <v>99353.539529999995</v>
      </c>
      <c r="AM3210">
        <v>23580.505590000001</v>
      </c>
      <c r="AN3210">
        <v>108950.6253</v>
      </c>
      <c r="AO3210">
        <v>30074.353179999998</v>
      </c>
      <c r="AP3210">
        <v>20298.252059999999</v>
      </c>
    </row>
    <row r="3211" spans="2:42" x14ac:dyDescent="0.3">
      <c r="B3211">
        <v>68.508791541031229</v>
      </c>
      <c r="C3211" s="83">
        <v>43234.708333333336</v>
      </c>
      <c r="D3211">
        <v>266187.3787</v>
      </c>
      <c r="E3211">
        <v>31564.488700000002</v>
      </c>
      <c r="F3211">
        <v>96145.883270000006</v>
      </c>
      <c r="G3211">
        <v>57230.37457</v>
      </c>
      <c r="H3211">
        <v>45412.079640000004</v>
      </c>
      <c r="I3211">
        <v>37199.249179999999</v>
      </c>
      <c r="J3211">
        <v>43348.172460000002</v>
      </c>
      <c r="K3211">
        <v>54506.833839999999</v>
      </c>
      <c r="L3211">
        <v>24786.78991</v>
      </c>
      <c r="M3211">
        <v>349289.76779999997</v>
      </c>
      <c r="N3211">
        <v>84826.453949999996</v>
      </c>
      <c r="O3211">
        <v>24508.49222</v>
      </c>
      <c r="P3211">
        <v>26970.007290000001</v>
      </c>
      <c r="Q3211">
        <v>97860.656950000004</v>
      </c>
      <c r="R3211">
        <v>23461.643059999999</v>
      </c>
      <c r="S3211">
        <v>104580.3036</v>
      </c>
      <c r="T3211">
        <v>29743.92814</v>
      </c>
      <c r="U3211">
        <v>18079.387200000001</v>
      </c>
      <c r="W3211" s="83">
        <f>Bühler!N3243</f>
        <v>45425.70833332555</v>
      </c>
      <c r="X3211" s="83">
        <v>43234.708333333336</v>
      </c>
      <c r="Y3211">
        <v>266187.3787</v>
      </c>
      <c r="Z3211">
        <v>31564.488700000002</v>
      </c>
      <c r="AA3211">
        <v>96145.883270000006</v>
      </c>
      <c r="AB3211">
        <v>57230.37457</v>
      </c>
      <c r="AC3211">
        <v>45412.079640000004</v>
      </c>
      <c r="AD3211">
        <v>37199.249179999999</v>
      </c>
      <c r="AE3211">
        <v>43348.172460000002</v>
      </c>
      <c r="AF3211">
        <v>54506.833839999999</v>
      </c>
      <c r="AG3211">
        <v>24786.78991</v>
      </c>
      <c r="AH3211">
        <v>349289.76779999997</v>
      </c>
      <c r="AI3211">
        <v>84826.453949999996</v>
      </c>
      <c r="AJ3211">
        <v>24508.49222</v>
      </c>
      <c r="AK3211">
        <v>26970.007290000001</v>
      </c>
      <c r="AL3211">
        <v>97860.656950000004</v>
      </c>
      <c r="AM3211">
        <v>23461.643059999999</v>
      </c>
      <c r="AN3211">
        <v>104580.3036</v>
      </c>
      <c r="AO3211">
        <v>29743.92814</v>
      </c>
      <c r="AP3211">
        <v>18079.387200000001</v>
      </c>
    </row>
    <row r="3212" spans="2:42" x14ac:dyDescent="0.3">
      <c r="B3212">
        <v>67.134553205408025</v>
      </c>
      <c r="C3212" s="83">
        <v>43234.75</v>
      </c>
      <c r="D3212">
        <v>259889.33919999999</v>
      </c>
      <c r="E3212">
        <v>28385.55413</v>
      </c>
      <c r="F3212">
        <v>92995.396890000004</v>
      </c>
      <c r="G3212">
        <v>48900.649740000001</v>
      </c>
      <c r="H3212">
        <v>43162.749400000001</v>
      </c>
      <c r="I3212">
        <v>35524.121619999998</v>
      </c>
      <c r="J3212">
        <v>42726.20824</v>
      </c>
      <c r="K3212">
        <v>52305.462090000001</v>
      </c>
      <c r="L3212">
        <v>25976.448680000001</v>
      </c>
      <c r="M3212">
        <v>342283.2599</v>
      </c>
      <c r="N3212">
        <v>82837.244529999996</v>
      </c>
      <c r="O3212">
        <v>23001.977790000001</v>
      </c>
      <c r="P3212">
        <v>28923.602080000001</v>
      </c>
      <c r="Q3212">
        <v>96198.621490000005</v>
      </c>
      <c r="R3212">
        <v>21326.511419999999</v>
      </c>
      <c r="S3212">
        <v>97729.745039999994</v>
      </c>
      <c r="T3212">
        <v>28693.443599999999</v>
      </c>
      <c r="U3212">
        <v>16145.406230000001</v>
      </c>
      <c r="W3212" s="83">
        <f>Bühler!N3244</f>
        <v>45425.749999992215</v>
      </c>
      <c r="X3212" s="83">
        <v>43234.75</v>
      </c>
      <c r="Y3212">
        <v>259889.33919999999</v>
      </c>
      <c r="Z3212">
        <v>28385.55413</v>
      </c>
      <c r="AA3212">
        <v>92995.396890000004</v>
      </c>
      <c r="AB3212">
        <v>48900.649740000001</v>
      </c>
      <c r="AC3212">
        <v>43162.749400000001</v>
      </c>
      <c r="AD3212">
        <v>35524.121619999998</v>
      </c>
      <c r="AE3212">
        <v>42726.20824</v>
      </c>
      <c r="AF3212">
        <v>52305.462090000001</v>
      </c>
      <c r="AG3212">
        <v>25976.448680000001</v>
      </c>
      <c r="AH3212">
        <v>342283.2599</v>
      </c>
      <c r="AI3212">
        <v>82837.244529999996</v>
      </c>
      <c r="AJ3212">
        <v>23001.977790000001</v>
      </c>
      <c r="AK3212">
        <v>28923.602080000001</v>
      </c>
      <c r="AL3212">
        <v>96198.621490000005</v>
      </c>
      <c r="AM3212">
        <v>21326.511419999999</v>
      </c>
      <c r="AN3212">
        <v>97729.745039999994</v>
      </c>
      <c r="AO3212">
        <v>28693.443599999999</v>
      </c>
      <c r="AP3212">
        <v>16145.406230000001</v>
      </c>
    </row>
    <row r="3213" spans="2:42" x14ac:dyDescent="0.3">
      <c r="B3213">
        <v>65.592771251232193</v>
      </c>
      <c r="C3213" s="83">
        <v>43234.791666666664</v>
      </c>
      <c r="D3213">
        <v>253615.42199999999</v>
      </c>
      <c r="E3213">
        <v>22943.11219</v>
      </c>
      <c r="F3213">
        <v>81504.668659999996</v>
      </c>
      <c r="G3213">
        <v>44264.029880000002</v>
      </c>
      <c r="H3213">
        <v>40149.196530000001</v>
      </c>
      <c r="I3213">
        <v>32560.795310000001</v>
      </c>
      <c r="J3213">
        <v>41681.039850000001</v>
      </c>
      <c r="K3213">
        <v>51398.088799999998</v>
      </c>
      <c r="L3213">
        <v>26171.03702</v>
      </c>
      <c r="M3213">
        <v>334422.53649999999</v>
      </c>
      <c r="N3213">
        <v>80354.911110000001</v>
      </c>
      <c r="O3213">
        <v>20748.739669999999</v>
      </c>
      <c r="P3213">
        <v>30691.93677</v>
      </c>
      <c r="Q3213">
        <v>94113.496339999998</v>
      </c>
      <c r="R3213">
        <v>19940.131700000002</v>
      </c>
      <c r="S3213">
        <v>91901.115550000002</v>
      </c>
      <c r="T3213">
        <v>29359.72826</v>
      </c>
      <c r="U3213">
        <v>14690.32214</v>
      </c>
      <c r="W3213" s="83">
        <f>Bühler!N3245</f>
        <v>45425.791666658879</v>
      </c>
      <c r="X3213" s="83">
        <v>43234.791666666664</v>
      </c>
      <c r="Y3213">
        <v>253615.42199999999</v>
      </c>
      <c r="Z3213">
        <v>22943.11219</v>
      </c>
      <c r="AA3213">
        <v>81504.668659999996</v>
      </c>
      <c r="AB3213">
        <v>44264.029880000002</v>
      </c>
      <c r="AC3213">
        <v>40149.196530000001</v>
      </c>
      <c r="AD3213">
        <v>32560.795310000001</v>
      </c>
      <c r="AE3213">
        <v>41681.039850000001</v>
      </c>
      <c r="AF3213">
        <v>51398.088799999998</v>
      </c>
      <c r="AG3213">
        <v>26171.03702</v>
      </c>
      <c r="AH3213">
        <v>334422.53649999999</v>
      </c>
      <c r="AI3213">
        <v>80354.911110000001</v>
      </c>
      <c r="AJ3213">
        <v>20748.739669999999</v>
      </c>
      <c r="AK3213">
        <v>30691.93677</v>
      </c>
      <c r="AL3213">
        <v>94113.496339999998</v>
      </c>
      <c r="AM3213">
        <v>19940.131700000002</v>
      </c>
      <c r="AN3213">
        <v>91901.115550000002</v>
      </c>
      <c r="AO3213">
        <v>29359.72826</v>
      </c>
      <c r="AP3213">
        <v>14690.32214</v>
      </c>
    </row>
    <row r="3214" spans="2:42" x14ac:dyDescent="0.3">
      <c r="B3214">
        <v>63.701908498904551</v>
      </c>
      <c r="C3214" s="83">
        <v>43234.833333333336</v>
      </c>
      <c r="D3214">
        <v>244352.98360000001</v>
      </c>
      <c r="E3214">
        <v>17283.716179999999</v>
      </c>
      <c r="F3214">
        <v>64489.644350000002</v>
      </c>
      <c r="G3214">
        <v>39079.942569999999</v>
      </c>
      <c r="H3214">
        <v>37718.221380000003</v>
      </c>
      <c r="I3214">
        <v>27692.914789999999</v>
      </c>
      <c r="J3214">
        <v>41017.830099999999</v>
      </c>
      <c r="K3214">
        <v>50846.52953</v>
      </c>
      <c r="L3214">
        <v>24690.917099999999</v>
      </c>
      <c r="M3214">
        <v>324782.03639999998</v>
      </c>
      <c r="N3214">
        <v>78089.650590000005</v>
      </c>
      <c r="O3214">
        <v>19652.813460000001</v>
      </c>
      <c r="P3214">
        <v>30911.656849999999</v>
      </c>
      <c r="Q3214">
        <v>91580.44154</v>
      </c>
      <c r="R3214">
        <v>18709.210360000001</v>
      </c>
      <c r="S3214">
        <v>84014.948000000004</v>
      </c>
      <c r="T3214">
        <v>28216.563460000001</v>
      </c>
      <c r="U3214">
        <v>14381.879559999999</v>
      </c>
      <c r="W3214" s="83">
        <f>Bühler!N3246</f>
        <v>45425.833333325543</v>
      </c>
      <c r="X3214" s="83">
        <v>43234.833333333336</v>
      </c>
      <c r="Y3214">
        <v>244352.98360000001</v>
      </c>
      <c r="Z3214">
        <v>17283.716179999999</v>
      </c>
      <c r="AA3214">
        <v>64489.644350000002</v>
      </c>
      <c r="AB3214">
        <v>39079.942569999999</v>
      </c>
      <c r="AC3214">
        <v>37718.221380000003</v>
      </c>
      <c r="AD3214">
        <v>27692.914789999999</v>
      </c>
      <c r="AE3214">
        <v>41017.830099999999</v>
      </c>
      <c r="AF3214">
        <v>50846.52953</v>
      </c>
      <c r="AG3214">
        <v>24690.917099999999</v>
      </c>
      <c r="AH3214">
        <v>324782.03639999998</v>
      </c>
      <c r="AI3214">
        <v>78089.650590000005</v>
      </c>
      <c r="AJ3214">
        <v>19652.813460000001</v>
      </c>
      <c r="AK3214">
        <v>30911.656849999999</v>
      </c>
      <c r="AL3214">
        <v>91580.44154</v>
      </c>
      <c r="AM3214">
        <v>18709.210360000001</v>
      </c>
      <c r="AN3214">
        <v>84014.948000000004</v>
      </c>
      <c r="AO3214">
        <v>28216.563460000001</v>
      </c>
      <c r="AP3214">
        <v>14381.879559999999</v>
      </c>
    </row>
    <row r="3215" spans="2:42" x14ac:dyDescent="0.3">
      <c r="B3215">
        <v>62.146026324156814</v>
      </c>
      <c r="C3215" s="83">
        <v>43234.875</v>
      </c>
      <c r="D3215">
        <v>236584.28339999999</v>
      </c>
      <c r="E3215">
        <v>14961.82771</v>
      </c>
      <c r="F3215">
        <v>57144.7068</v>
      </c>
      <c r="G3215">
        <v>37721.214310000003</v>
      </c>
      <c r="H3215">
        <v>36971.133759999997</v>
      </c>
      <c r="I3215">
        <v>23971.987730000001</v>
      </c>
      <c r="J3215">
        <v>42111.448550000001</v>
      </c>
      <c r="K3215">
        <v>49518.403429999998</v>
      </c>
      <c r="L3215">
        <v>24090.650699999998</v>
      </c>
      <c r="M3215">
        <v>316849.42349999998</v>
      </c>
      <c r="N3215">
        <v>76263.336899999995</v>
      </c>
      <c r="O3215">
        <v>18559.11033</v>
      </c>
      <c r="P3215">
        <v>29948.008580000002</v>
      </c>
      <c r="Q3215">
        <v>88183.707250000007</v>
      </c>
      <c r="R3215">
        <v>18231.154340000001</v>
      </c>
      <c r="S3215">
        <v>80345.26453</v>
      </c>
      <c r="T3215">
        <v>26623.019410000001</v>
      </c>
      <c r="U3215">
        <v>13978.698109999999</v>
      </c>
      <c r="W3215" s="83">
        <f>Bühler!N3247</f>
        <v>45425.874999992207</v>
      </c>
      <c r="X3215" s="83">
        <v>43234.875</v>
      </c>
      <c r="Y3215">
        <v>236584.28339999999</v>
      </c>
      <c r="Z3215">
        <v>14961.82771</v>
      </c>
      <c r="AA3215">
        <v>57144.7068</v>
      </c>
      <c r="AB3215">
        <v>37721.214310000003</v>
      </c>
      <c r="AC3215">
        <v>36971.133759999997</v>
      </c>
      <c r="AD3215">
        <v>23971.987730000001</v>
      </c>
      <c r="AE3215">
        <v>42111.448550000001</v>
      </c>
      <c r="AF3215">
        <v>49518.403429999998</v>
      </c>
      <c r="AG3215">
        <v>24090.650699999998</v>
      </c>
      <c r="AH3215">
        <v>316849.42349999998</v>
      </c>
      <c r="AI3215">
        <v>76263.336899999995</v>
      </c>
      <c r="AJ3215">
        <v>18559.11033</v>
      </c>
      <c r="AK3215">
        <v>29948.008580000002</v>
      </c>
      <c r="AL3215">
        <v>88183.707250000007</v>
      </c>
      <c r="AM3215">
        <v>18231.154340000001</v>
      </c>
      <c r="AN3215">
        <v>80345.26453</v>
      </c>
      <c r="AO3215">
        <v>26623.019410000001</v>
      </c>
      <c r="AP3215">
        <v>13978.698109999999</v>
      </c>
    </row>
    <row r="3216" spans="2:42" x14ac:dyDescent="0.3">
      <c r="B3216">
        <v>61.200435733447776</v>
      </c>
      <c r="C3216" s="83">
        <v>43234.916666666664</v>
      </c>
      <c r="D3216">
        <v>237183.1727</v>
      </c>
      <c r="E3216">
        <v>13979.89831</v>
      </c>
      <c r="F3216">
        <v>54582.194389999997</v>
      </c>
      <c r="G3216">
        <v>35795.1158</v>
      </c>
      <c r="H3216">
        <v>36850.583420000003</v>
      </c>
      <c r="I3216">
        <v>22037.172119999999</v>
      </c>
      <c r="J3216">
        <v>41431.467810000002</v>
      </c>
      <c r="K3216">
        <v>53308.04365</v>
      </c>
      <c r="L3216">
        <v>22362.804359999998</v>
      </c>
      <c r="M3216">
        <v>312028.36170000001</v>
      </c>
      <c r="N3216">
        <v>74708.970920000007</v>
      </c>
      <c r="O3216">
        <v>19250.576509999999</v>
      </c>
      <c r="P3216">
        <v>31104.214049999999</v>
      </c>
      <c r="Q3216">
        <v>87264.337339999998</v>
      </c>
      <c r="R3216">
        <v>19391.803179999999</v>
      </c>
      <c r="S3216">
        <v>79199.090609999999</v>
      </c>
      <c r="T3216">
        <v>23390.622139999999</v>
      </c>
      <c r="U3216">
        <v>13588.75259</v>
      </c>
      <c r="W3216" s="83">
        <f>Bühler!N3248</f>
        <v>45425.916666658872</v>
      </c>
      <c r="X3216" s="83">
        <v>43234.916666666664</v>
      </c>
      <c r="Y3216">
        <v>237183.1727</v>
      </c>
      <c r="Z3216">
        <v>13979.89831</v>
      </c>
      <c r="AA3216">
        <v>54582.194389999997</v>
      </c>
      <c r="AB3216">
        <v>35795.1158</v>
      </c>
      <c r="AC3216">
        <v>36850.583420000003</v>
      </c>
      <c r="AD3216">
        <v>22037.172119999999</v>
      </c>
      <c r="AE3216">
        <v>41431.467810000002</v>
      </c>
      <c r="AF3216">
        <v>53308.04365</v>
      </c>
      <c r="AG3216">
        <v>22362.804359999998</v>
      </c>
      <c r="AH3216">
        <v>312028.36170000001</v>
      </c>
      <c r="AI3216">
        <v>74708.970920000007</v>
      </c>
      <c r="AJ3216">
        <v>19250.576509999999</v>
      </c>
      <c r="AK3216">
        <v>31104.214049999999</v>
      </c>
      <c r="AL3216">
        <v>87264.337339999998</v>
      </c>
      <c r="AM3216">
        <v>19391.803179999999</v>
      </c>
      <c r="AN3216">
        <v>79199.090609999999</v>
      </c>
      <c r="AO3216">
        <v>23390.622139999999</v>
      </c>
      <c r="AP3216">
        <v>13588.75259</v>
      </c>
    </row>
    <row r="3217" spans="2:42" x14ac:dyDescent="0.3">
      <c r="B3217">
        <v>60.60437639007386</v>
      </c>
      <c r="C3217" s="83">
        <v>43234.958333333336</v>
      </c>
      <c r="D3217">
        <v>236302.41940000001</v>
      </c>
      <c r="E3217">
        <v>13235.299080000001</v>
      </c>
      <c r="F3217">
        <v>52936.498729999999</v>
      </c>
      <c r="G3217">
        <v>34936.010520000003</v>
      </c>
      <c r="H3217">
        <v>35787.152410000002</v>
      </c>
      <c r="I3217">
        <v>20571.864519999999</v>
      </c>
      <c r="J3217">
        <v>37586.393920000002</v>
      </c>
      <c r="K3217">
        <v>53131.735500000003</v>
      </c>
      <c r="L3217">
        <v>19279.29437</v>
      </c>
      <c r="M3217">
        <v>308989.37319999997</v>
      </c>
      <c r="N3217">
        <v>74550.571320000003</v>
      </c>
      <c r="O3217">
        <v>18748.973849999998</v>
      </c>
      <c r="P3217">
        <v>28968.149689999998</v>
      </c>
      <c r="Q3217">
        <v>86438.374790000002</v>
      </c>
      <c r="R3217">
        <v>20032.957149999998</v>
      </c>
      <c r="S3217">
        <v>76626.552439999999</v>
      </c>
      <c r="T3217">
        <v>21043.330330000001</v>
      </c>
      <c r="U3217">
        <v>13209.20889</v>
      </c>
      <c r="W3217" s="83">
        <f>Bühler!N3249</f>
        <v>45425.958333325536</v>
      </c>
      <c r="X3217" s="83">
        <v>43234.958333333336</v>
      </c>
      <c r="Y3217">
        <v>236302.41940000001</v>
      </c>
      <c r="Z3217">
        <v>13235.299080000001</v>
      </c>
      <c r="AA3217">
        <v>52936.498729999999</v>
      </c>
      <c r="AB3217">
        <v>34936.010520000003</v>
      </c>
      <c r="AC3217">
        <v>35787.152410000002</v>
      </c>
      <c r="AD3217">
        <v>20571.864519999999</v>
      </c>
      <c r="AE3217">
        <v>37586.393920000002</v>
      </c>
      <c r="AF3217">
        <v>53131.735500000003</v>
      </c>
      <c r="AG3217">
        <v>19279.29437</v>
      </c>
      <c r="AH3217">
        <v>308989.37319999997</v>
      </c>
      <c r="AI3217">
        <v>74550.571320000003</v>
      </c>
      <c r="AJ3217">
        <v>18748.973849999998</v>
      </c>
      <c r="AK3217">
        <v>28968.149689999998</v>
      </c>
      <c r="AL3217">
        <v>86438.374790000002</v>
      </c>
      <c r="AM3217">
        <v>20032.957149999998</v>
      </c>
      <c r="AN3217">
        <v>76626.552439999999</v>
      </c>
      <c r="AO3217">
        <v>21043.330330000001</v>
      </c>
      <c r="AP3217">
        <v>13209.20889</v>
      </c>
    </row>
    <row r="3218" spans="2:42" x14ac:dyDescent="0.3">
      <c r="B3218">
        <v>59.53059321042457</v>
      </c>
      <c r="C3218" s="83">
        <v>43235</v>
      </c>
      <c r="D3218">
        <v>234255.4345</v>
      </c>
      <c r="E3218">
        <v>12932.04206</v>
      </c>
      <c r="F3218">
        <v>51612.312890000001</v>
      </c>
      <c r="G3218">
        <v>33987.205000000002</v>
      </c>
      <c r="H3218">
        <v>35309.245150000002</v>
      </c>
      <c r="I3218">
        <v>18702.563450000001</v>
      </c>
      <c r="J3218">
        <v>34473.36924</v>
      </c>
      <c r="K3218">
        <v>51428.637759999998</v>
      </c>
      <c r="L3218">
        <v>17071.39069</v>
      </c>
      <c r="M3218">
        <v>303514.72580000001</v>
      </c>
      <c r="N3218">
        <v>73704.778760000001</v>
      </c>
      <c r="O3218">
        <v>18851.551950000001</v>
      </c>
      <c r="P3218">
        <v>26207.09503</v>
      </c>
      <c r="Q3218">
        <v>85182.374049999999</v>
      </c>
      <c r="R3218">
        <v>16415.719519999999</v>
      </c>
      <c r="S3218">
        <v>74891.841790000006</v>
      </c>
      <c r="T3218">
        <v>19494.835350000001</v>
      </c>
      <c r="U3218">
        <v>13398.815570000001</v>
      </c>
      <c r="W3218" s="83">
        <f>Bühler!N3250</f>
        <v>45425.9999999922</v>
      </c>
      <c r="X3218" s="83">
        <v>43235</v>
      </c>
      <c r="Y3218">
        <v>234255.4345</v>
      </c>
      <c r="Z3218">
        <v>12932.04206</v>
      </c>
      <c r="AA3218">
        <v>51612.312890000001</v>
      </c>
      <c r="AB3218">
        <v>33987.205000000002</v>
      </c>
      <c r="AC3218">
        <v>35309.245150000002</v>
      </c>
      <c r="AD3218">
        <v>18702.563450000001</v>
      </c>
      <c r="AE3218">
        <v>34473.36924</v>
      </c>
      <c r="AF3218">
        <v>51428.637759999998</v>
      </c>
      <c r="AG3218">
        <v>17071.39069</v>
      </c>
      <c r="AH3218">
        <v>303514.72580000001</v>
      </c>
      <c r="AI3218">
        <v>73704.778760000001</v>
      </c>
      <c r="AJ3218">
        <v>18851.551950000001</v>
      </c>
      <c r="AK3218">
        <v>26207.09503</v>
      </c>
      <c r="AL3218">
        <v>85182.374049999999</v>
      </c>
      <c r="AM3218">
        <v>16415.719519999999</v>
      </c>
      <c r="AN3218">
        <v>74891.841790000006</v>
      </c>
      <c r="AO3218">
        <v>19494.835350000001</v>
      </c>
      <c r="AP3218">
        <v>13398.815570000001</v>
      </c>
    </row>
    <row r="3219" spans="2:42" x14ac:dyDescent="0.3">
      <c r="B3219">
        <v>59.211201379473422</v>
      </c>
      <c r="C3219" s="83">
        <v>43235.041666666664</v>
      </c>
      <c r="D3219">
        <v>232490.68150000001</v>
      </c>
      <c r="E3219">
        <v>12584.313260000001</v>
      </c>
      <c r="F3219">
        <v>50714.668369999999</v>
      </c>
      <c r="G3219">
        <v>33298.276339999997</v>
      </c>
      <c r="H3219">
        <v>34259.101470000001</v>
      </c>
      <c r="I3219">
        <v>14828.00734</v>
      </c>
      <c r="J3219">
        <v>33239.546759999997</v>
      </c>
      <c r="K3219">
        <v>49034.821000000004</v>
      </c>
      <c r="L3219">
        <v>15820.002930000001</v>
      </c>
      <c r="M3219">
        <v>301886.3173</v>
      </c>
      <c r="N3219">
        <v>72147.943360000005</v>
      </c>
      <c r="O3219">
        <v>19493.474389999999</v>
      </c>
      <c r="P3219">
        <v>24771.120159999999</v>
      </c>
      <c r="Q3219">
        <v>85421.499849999993</v>
      </c>
      <c r="R3219">
        <v>14685.14537</v>
      </c>
      <c r="S3219">
        <v>73571.246490000005</v>
      </c>
      <c r="T3219">
        <v>18890.933239999998</v>
      </c>
      <c r="U3219">
        <v>12925.52606</v>
      </c>
      <c r="W3219" s="83">
        <f>Bühler!N3251</f>
        <v>45426.041666658864</v>
      </c>
      <c r="X3219" s="83">
        <v>43235.041666666664</v>
      </c>
      <c r="Y3219">
        <v>232490.68150000001</v>
      </c>
      <c r="Z3219">
        <v>12584.313260000001</v>
      </c>
      <c r="AA3219">
        <v>50714.668369999999</v>
      </c>
      <c r="AB3219">
        <v>33298.276339999997</v>
      </c>
      <c r="AC3219">
        <v>34259.101470000001</v>
      </c>
      <c r="AD3219">
        <v>14828.00734</v>
      </c>
      <c r="AE3219">
        <v>33239.546759999997</v>
      </c>
      <c r="AF3219">
        <v>49034.821000000004</v>
      </c>
      <c r="AG3219">
        <v>15820.002930000001</v>
      </c>
      <c r="AH3219">
        <v>301886.3173</v>
      </c>
      <c r="AI3219">
        <v>72147.943360000005</v>
      </c>
      <c r="AJ3219">
        <v>19493.474389999999</v>
      </c>
      <c r="AK3219">
        <v>24771.120159999999</v>
      </c>
      <c r="AL3219">
        <v>85421.499849999993</v>
      </c>
      <c r="AM3219">
        <v>14685.14537</v>
      </c>
      <c r="AN3219">
        <v>73571.246490000005</v>
      </c>
      <c r="AO3219">
        <v>18890.933239999998</v>
      </c>
      <c r="AP3219">
        <v>12925.52606</v>
      </c>
    </row>
    <row r="3220" spans="2:42" x14ac:dyDescent="0.3">
      <c r="B3220">
        <v>59.258934164918593</v>
      </c>
      <c r="C3220" s="83">
        <v>43235.083333333336</v>
      </c>
      <c r="D3220">
        <v>232585.21419999999</v>
      </c>
      <c r="E3220">
        <v>12461.75613</v>
      </c>
      <c r="F3220">
        <v>51494.161699999997</v>
      </c>
      <c r="G3220">
        <v>32318.47509</v>
      </c>
      <c r="H3220">
        <v>34211.008809999999</v>
      </c>
      <c r="I3220">
        <v>13234.203600000001</v>
      </c>
      <c r="J3220">
        <v>32802.134740000001</v>
      </c>
      <c r="K3220">
        <v>47347.955809999999</v>
      </c>
      <c r="L3220">
        <v>15521.778</v>
      </c>
      <c r="M3220">
        <v>302129.6813</v>
      </c>
      <c r="N3220">
        <v>71431.81594</v>
      </c>
      <c r="O3220">
        <v>19781.207640000001</v>
      </c>
      <c r="P3220">
        <v>22952.559669999999</v>
      </c>
      <c r="Q3220">
        <v>87681.804520000005</v>
      </c>
      <c r="R3220">
        <v>15470.458409999999</v>
      </c>
      <c r="S3220">
        <v>72521.879270000005</v>
      </c>
      <c r="T3220">
        <v>18100.76986</v>
      </c>
      <c r="U3220">
        <v>12596.554040000001</v>
      </c>
      <c r="W3220" s="83">
        <f>Bühler!N3252</f>
        <v>45426.083333325529</v>
      </c>
      <c r="X3220" s="83">
        <v>43235.083333333336</v>
      </c>
      <c r="Y3220">
        <v>232585.21419999999</v>
      </c>
      <c r="Z3220">
        <v>12461.75613</v>
      </c>
      <c r="AA3220">
        <v>51494.161699999997</v>
      </c>
      <c r="AB3220">
        <v>32318.47509</v>
      </c>
      <c r="AC3220">
        <v>34211.008809999999</v>
      </c>
      <c r="AD3220">
        <v>13234.203600000001</v>
      </c>
      <c r="AE3220">
        <v>32802.134740000001</v>
      </c>
      <c r="AF3220">
        <v>47347.955809999999</v>
      </c>
      <c r="AG3220">
        <v>15521.778</v>
      </c>
      <c r="AH3220">
        <v>302129.6813</v>
      </c>
      <c r="AI3220">
        <v>71431.81594</v>
      </c>
      <c r="AJ3220">
        <v>19781.207640000001</v>
      </c>
      <c r="AK3220">
        <v>22952.559669999999</v>
      </c>
      <c r="AL3220">
        <v>87681.804520000005</v>
      </c>
      <c r="AM3220">
        <v>15470.458409999999</v>
      </c>
      <c r="AN3220">
        <v>72521.879270000005</v>
      </c>
      <c r="AO3220">
        <v>18100.76986</v>
      </c>
      <c r="AP3220">
        <v>12596.554040000001</v>
      </c>
    </row>
    <row r="3221" spans="2:42" x14ac:dyDescent="0.3">
      <c r="B3221">
        <v>60.003091691031578</v>
      </c>
      <c r="C3221" s="83">
        <v>43235.125</v>
      </c>
      <c r="D3221">
        <v>233994.49770000001</v>
      </c>
      <c r="E3221">
        <v>12531.541639999999</v>
      </c>
      <c r="F3221">
        <v>52913.422489999997</v>
      </c>
      <c r="G3221">
        <v>31697.383399999999</v>
      </c>
      <c r="H3221">
        <v>33957.106740000003</v>
      </c>
      <c r="I3221">
        <v>13083.797070000001</v>
      </c>
      <c r="J3221">
        <v>32913.18187</v>
      </c>
      <c r="K3221">
        <v>46050.665330000003</v>
      </c>
      <c r="L3221">
        <v>15139.67261</v>
      </c>
      <c r="M3221">
        <v>305923.74339999998</v>
      </c>
      <c r="N3221">
        <v>70452.732250000001</v>
      </c>
      <c r="O3221">
        <v>18469.355319999999</v>
      </c>
      <c r="P3221">
        <v>22239.152440000002</v>
      </c>
      <c r="Q3221">
        <v>89970.31121</v>
      </c>
      <c r="R3221">
        <v>15219.695159999999</v>
      </c>
      <c r="S3221">
        <v>71708.33455</v>
      </c>
      <c r="T3221">
        <v>17923.338759999999</v>
      </c>
      <c r="U3221">
        <v>12939.434240000001</v>
      </c>
      <c r="W3221" s="83">
        <f>Bühler!N3253</f>
        <v>45426.124999992193</v>
      </c>
      <c r="X3221" s="83">
        <v>43235.125</v>
      </c>
      <c r="Y3221">
        <v>233994.49770000001</v>
      </c>
      <c r="Z3221">
        <v>12531.541639999999</v>
      </c>
      <c r="AA3221">
        <v>52913.422489999997</v>
      </c>
      <c r="AB3221">
        <v>31697.383399999999</v>
      </c>
      <c r="AC3221">
        <v>33957.106740000003</v>
      </c>
      <c r="AD3221">
        <v>13083.797070000001</v>
      </c>
      <c r="AE3221">
        <v>32913.18187</v>
      </c>
      <c r="AF3221">
        <v>46050.665330000003</v>
      </c>
      <c r="AG3221">
        <v>15139.67261</v>
      </c>
      <c r="AH3221">
        <v>305923.74339999998</v>
      </c>
      <c r="AI3221">
        <v>70452.732250000001</v>
      </c>
      <c r="AJ3221">
        <v>18469.355319999999</v>
      </c>
      <c r="AK3221">
        <v>22239.152440000002</v>
      </c>
      <c r="AL3221">
        <v>89970.31121</v>
      </c>
      <c r="AM3221">
        <v>15219.695159999999</v>
      </c>
      <c r="AN3221">
        <v>71708.33455</v>
      </c>
      <c r="AO3221">
        <v>17923.338759999999</v>
      </c>
      <c r="AP3221">
        <v>12939.434240000001</v>
      </c>
    </row>
    <row r="3222" spans="2:42" x14ac:dyDescent="0.3">
      <c r="B3222">
        <v>61.658908506086178</v>
      </c>
      <c r="C3222" s="83">
        <v>43235.166666666664</v>
      </c>
      <c r="D3222">
        <v>233932.8518</v>
      </c>
      <c r="E3222">
        <v>12918.34547</v>
      </c>
      <c r="F3222">
        <v>55794.948299999996</v>
      </c>
      <c r="G3222">
        <v>31207.890459999999</v>
      </c>
      <c r="H3222">
        <v>34176.24439</v>
      </c>
      <c r="I3222">
        <v>14803.395479999999</v>
      </c>
      <c r="J3222">
        <v>35189.631670000002</v>
      </c>
      <c r="K3222">
        <v>45255.056490000003</v>
      </c>
      <c r="L3222">
        <v>15117.10197</v>
      </c>
      <c r="M3222">
        <v>314365.86969999998</v>
      </c>
      <c r="N3222">
        <v>68895.97034</v>
      </c>
      <c r="O3222">
        <v>19016.88983</v>
      </c>
      <c r="P3222">
        <v>22392.650320000001</v>
      </c>
      <c r="Q3222">
        <v>94745.951620000007</v>
      </c>
      <c r="R3222">
        <v>15143.42002</v>
      </c>
      <c r="S3222">
        <v>71923.192840000003</v>
      </c>
      <c r="T3222">
        <v>17956.04752</v>
      </c>
      <c r="U3222">
        <v>13592.712219999999</v>
      </c>
      <c r="W3222" s="83">
        <f>Bühler!N3254</f>
        <v>45426.166666658857</v>
      </c>
      <c r="X3222" s="83">
        <v>43235.166666666664</v>
      </c>
      <c r="Y3222">
        <v>233932.8518</v>
      </c>
      <c r="Z3222">
        <v>12918.34547</v>
      </c>
      <c r="AA3222">
        <v>55794.948299999996</v>
      </c>
      <c r="AB3222">
        <v>31207.890459999999</v>
      </c>
      <c r="AC3222">
        <v>34176.24439</v>
      </c>
      <c r="AD3222">
        <v>14803.395479999999</v>
      </c>
      <c r="AE3222">
        <v>35189.631670000002</v>
      </c>
      <c r="AF3222">
        <v>45255.056490000003</v>
      </c>
      <c r="AG3222">
        <v>15117.10197</v>
      </c>
      <c r="AH3222">
        <v>314365.86969999998</v>
      </c>
      <c r="AI3222">
        <v>68895.97034</v>
      </c>
      <c r="AJ3222">
        <v>19016.88983</v>
      </c>
      <c r="AK3222">
        <v>22392.650320000001</v>
      </c>
      <c r="AL3222">
        <v>94745.951620000007</v>
      </c>
      <c r="AM3222">
        <v>15143.42002</v>
      </c>
      <c r="AN3222">
        <v>71923.192840000003</v>
      </c>
      <c r="AO3222">
        <v>17956.04752</v>
      </c>
      <c r="AP3222">
        <v>13592.712219999999</v>
      </c>
    </row>
    <row r="3223" spans="2:42" x14ac:dyDescent="0.3">
      <c r="B3223">
        <v>65.509497071993991</v>
      </c>
      <c r="C3223" s="83">
        <v>43235.208333333336</v>
      </c>
      <c r="D3223">
        <v>248210.272</v>
      </c>
      <c r="E3223">
        <v>14765.95073</v>
      </c>
      <c r="F3223">
        <v>65936.885209999993</v>
      </c>
      <c r="G3223">
        <v>33448.017910000002</v>
      </c>
      <c r="H3223">
        <v>36130.255290000001</v>
      </c>
      <c r="I3223">
        <v>21538.26108</v>
      </c>
      <c r="J3223">
        <v>38450.218950000002</v>
      </c>
      <c r="K3223">
        <v>46123.74901</v>
      </c>
      <c r="L3223">
        <v>16104.11429</v>
      </c>
      <c r="M3223">
        <v>333997.96590000001</v>
      </c>
      <c r="N3223">
        <v>68728.322480000003</v>
      </c>
      <c r="O3223">
        <v>19768.057229999999</v>
      </c>
      <c r="P3223">
        <v>23942.558499999999</v>
      </c>
      <c r="Q3223">
        <v>96899.084839999996</v>
      </c>
      <c r="R3223">
        <v>17509.300380000001</v>
      </c>
      <c r="S3223">
        <v>74020.026240000007</v>
      </c>
      <c r="T3223">
        <v>18819.838950000001</v>
      </c>
      <c r="U3223">
        <v>14756.840120000001</v>
      </c>
      <c r="W3223" s="83">
        <f>Bühler!N3255</f>
        <v>45426.208333325521</v>
      </c>
      <c r="X3223" s="83">
        <v>43235.208333333336</v>
      </c>
      <c r="Y3223">
        <v>248210.272</v>
      </c>
      <c r="Z3223">
        <v>14765.95073</v>
      </c>
      <c r="AA3223">
        <v>65936.885209999993</v>
      </c>
      <c r="AB3223">
        <v>33448.017910000002</v>
      </c>
      <c r="AC3223">
        <v>36130.255290000001</v>
      </c>
      <c r="AD3223">
        <v>21538.26108</v>
      </c>
      <c r="AE3223">
        <v>38450.218950000002</v>
      </c>
      <c r="AF3223">
        <v>46123.74901</v>
      </c>
      <c r="AG3223">
        <v>16104.11429</v>
      </c>
      <c r="AH3223">
        <v>333997.96590000001</v>
      </c>
      <c r="AI3223">
        <v>68728.322480000003</v>
      </c>
      <c r="AJ3223">
        <v>19768.057229999999</v>
      </c>
      <c r="AK3223">
        <v>23942.558499999999</v>
      </c>
      <c r="AL3223">
        <v>96899.084839999996</v>
      </c>
      <c r="AM3223">
        <v>17509.300380000001</v>
      </c>
      <c r="AN3223">
        <v>74020.026240000007</v>
      </c>
      <c r="AO3223">
        <v>18819.838950000001</v>
      </c>
      <c r="AP3223">
        <v>14756.840120000001</v>
      </c>
    </row>
    <row r="3224" spans="2:42" x14ac:dyDescent="0.3">
      <c r="B3224">
        <v>68.595237556448282</v>
      </c>
      <c r="C3224" s="83">
        <v>43235.25</v>
      </c>
      <c r="D3224">
        <v>263391.55420000001</v>
      </c>
      <c r="E3224">
        <v>18270.30083</v>
      </c>
      <c r="F3224">
        <v>77527.783410000004</v>
      </c>
      <c r="G3224">
        <v>46382.535960000001</v>
      </c>
      <c r="H3224">
        <v>37837.82602</v>
      </c>
      <c r="I3224">
        <v>28433.038970000001</v>
      </c>
      <c r="J3224">
        <v>41154.994910000001</v>
      </c>
      <c r="K3224">
        <v>47268.712489999998</v>
      </c>
      <c r="L3224">
        <v>17249.281650000001</v>
      </c>
      <c r="M3224">
        <v>349730.5099</v>
      </c>
      <c r="N3224">
        <v>71666.669120000006</v>
      </c>
      <c r="O3224">
        <v>20815.00056</v>
      </c>
      <c r="P3224">
        <v>24548.51568</v>
      </c>
      <c r="Q3224">
        <v>96512.282630000002</v>
      </c>
      <c r="R3224">
        <v>16885.532309999999</v>
      </c>
      <c r="S3224">
        <v>81962.228300000002</v>
      </c>
      <c r="T3224">
        <v>22007.87672</v>
      </c>
      <c r="U3224">
        <v>17118.22381</v>
      </c>
      <c r="W3224" s="83">
        <f>Bühler!N3256</f>
        <v>45426.249999992186</v>
      </c>
      <c r="X3224" s="83">
        <v>43235.25</v>
      </c>
      <c r="Y3224">
        <v>263391.55420000001</v>
      </c>
      <c r="Z3224">
        <v>18270.30083</v>
      </c>
      <c r="AA3224">
        <v>77527.783410000004</v>
      </c>
      <c r="AB3224">
        <v>46382.535960000001</v>
      </c>
      <c r="AC3224">
        <v>37837.82602</v>
      </c>
      <c r="AD3224">
        <v>28433.038970000001</v>
      </c>
      <c r="AE3224">
        <v>41154.994910000001</v>
      </c>
      <c r="AF3224">
        <v>47268.712489999998</v>
      </c>
      <c r="AG3224">
        <v>17249.281650000001</v>
      </c>
      <c r="AH3224">
        <v>349730.5099</v>
      </c>
      <c r="AI3224">
        <v>71666.669120000006</v>
      </c>
      <c r="AJ3224">
        <v>20815.00056</v>
      </c>
      <c r="AK3224">
        <v>24548.51568</v>
      </c>
      <c r="AL3224">
        <v>96512.282630000002</v>
      </c>
      <c r="AM3224">
        <v>16885.532309999999</v>
      </c>
      <c r="AN3224">
        <v>81962.228300000002</v>
      </c>
      <c r="AO3224">
        <v>22007.87672</v>
      </c>
      <c r="AP3224">
        <v>17118.22381</v>
      </c>
    </row>
    <row r="3225" spans="2:42" x14ac:dyDescent="0.3">
      <c r="B3225">
        <v>70.696655469484952</v>
      </c>
      <c r="C3225" s="83">
        <v>43235.291666666664</v>
      </c>
      <c r="D3225">
        <v>276200.39390000002</v>
      </c>
      <c r="E3225">
        <v>23005.374980000001</v>
      </c>
      <c r="F3225">
        <v>80120.493849999999</v>
      </c>
      <c r="G3225">
        <v>56507.594290000001</v>
      </c>
      <c r="H3225">
        <v>42707.651539999999</v>
      </c>
      <c r="I3225">
        <v>35511.568160000003</v>
      </c>
      <c r="J3225">
        <v>42027.078329999997</v>
      </c>
      <c r="K3225">
        <v>52250.910360000002</v>
      </c>
      <c r="L3225">
        <v>19914.88567</v>
      </c>
      <c r="M3225">
        <v>360444.5184</v>
      </c>
      <c r="N3225">
        <v>77834.326629999996</v>
      </c>
      <c r="O3225">
        <v>23037.41921</v>
      </c>
      <c r="P3225">
        <v>27651.989509999999</v>
      </c>
      <c r="Q3225">
        <v>97152.134550000002</v>
      </c>
      <c r="R3225">
        <v>17460.994910000001</v>
      </c>
      <c r="S3225">
        <v>95570.268859999996</v>
      </c>
      <c r="T3225">
        <v>25434.048060000001</v>
      </c>
      <c r="U3225">
        <v>21359.523499999999</v>
      </c>
      <c r="W3225" s="83">
        <f>Bühler!N3257</f>
        <v>45426.29166665885</v>
      </c>
      <c r="X3225" s="83">
        <v>43235.291666666664</v>
      </c>
      <c r="Y3225">
        <v>276200.39390000002</v>
      </c>
      <c r="Z3225">
        <v>23005.374980000001</v>
      </c>
      <c r="AA3225">
        <v>80120.493849999999</v>
      </c>
      <c r="AB3225">
        <v>56507.594290000001</v>
      </c>
      <c r="AC3225">
        <v>42707.651539999999</v>
      </c>
      <c r="AD3225">
        <v>35511.568160000003</v>
      </c>
      <c r="AE3225">
        <v>42027.078329999997</v>
      </c>
      <c r="AF3225">
        <v>52250.910360000002</v>
      </c>
      <c r="AG3225">
        <v>19914.88567</v>
      </c>
      <c r="AH3225">
        <v>360444.5184</v>
      </c>
      <c r="AI3225">
        <v>77834.326629999996</v>
      </c>
      <c r="AJ3225">
        <v>23037.41921</v>
      </c>
      <c r="AK3225">
        <v>27651.989509999999</v>
      </c>
      <c r="AL3225">
        <v>97152.134550000002</v>
      </c>
      <c r="AM3225">
        <v>17460.994910000001</v>
      </c>
      <c r="AN3225">
        <v>95570.268859999996</v>
      </c>
      <c r="AO3225">
        <v>25434.048060000001</v>
      </c>
      <c r="AP3225">
        <v>21359.523499999999</v>
      </c>
    </row>
    <row r="3226" spans="2:42" x14ac:dyDescent="0.3">
      <c r="B3226">
        <v>71.339911299774897</v>
      </c>
      <c r="C3226" s="83">
        <v>43235.333333333336</v>
      </c>
      <c r="D3226">
        <v>287612.78080000001</v>
      </c>
      <c r="E3226">
        <v>28530.64085</v>
      </c>
      <c r="F3226">
        <v>86924.736359999995</v>
      </c>
      <c r="G3226">
        <v>70186.96213</v>
      </c>
      <c r="H3226">
        <v>48401.97378</v>
      </c>
      <c r="I3226">
        <v>39082.703139999998</v>
      </c>
      <c r="J3226">
        <v>43441.943509999997</v>
      </c>
      <c r="K3226">
        <v>58277.867050000001</v>
      </c>
      <c r="L3226">
        <v>23315.829409999998</v>
      </c>
      <c r="M3226">
        <v>363724.13660000003</v>
      </c>
      <c r="N3226">
        <v>84153.049100000004</v>
      </c>
      <c r="O3226">
        <v>25213.86937</v>
      </c>
      <c r="P3226">
        <v>29631.962510000001</v>
      </c>
      <c r="Q3226">
        <v>97985.099220000004</v>
      </c>
      <c r="R3226">
        <v>21247.593710000001</v>
      </c>
      <c r="S3226">
        <v>108155.1731</v>
      </c>
      <c r="T3226">
        <v>28691.884030000001</v>
      </c>
      <c r="U3226">
        <v>23874.343560000001</v>
      </c>
      <c r="W3226" s="83">
        <f>Bühler!N3258</f>
        <v>45426.333333325514</v>
      </c>
      <c r="X3226" s="83">
        <v>43235.333333333336</v>
      </c>
      <c r="Y3226">
        <v>287612.78080000001</v>
      </c>
      <c r="Z3226">
        <v>28530.64085</v>
      </c>
      <c r="AA3226">
        <v>86924.736359999995</v>
      </c>
      <c r="AB3226">
        <v>70186.96213</v>
      </c>
      <c r="AC3226">
        <v>48401.97378</v>
      </c>
      <c r="AD3226">
        <v>39082.703139999998</v>
      </c>
      <c r="AE3226">
        <v>43441.943509999997</v>
      </c>
      <c r="AF3226">
        <v>58277.867050000001</v>
      </c>
      <c r="AG3226">
        <v>23315.829409999998</v>
      </c>
      <c r="AH3226">
        <v>363724.13660000003</v>
      </c>
      <c r="AI3226">
        <v>84153.049100000004</v>
      </c>
      <c r="AJ3226">
        <v>25213.86937</v>
      </c>
      <c r="AK3226">
        <v>29631.962510000001</v>
      </c>
      <c r="AL3226">
        <v>97985.099220000004</v>
      </c>
      <c r="AM3226">
        <v>21247.593710000001</v>
      </c>
      <c r="AN3226">
        <v>108155.1731</v>
      </c>
      <c r="AO3226">
        <v>28691.884030000001</v>
      </c>
      <c r="AP3226">
        <v>23874.343560000001</v>
      </c>
    </row>
    <row r="3227" spans="2:42" x14ac:dyDescent="0.3">
      <c r="B3227">
        <v>71.747388560711983</v>
      </c>
      <c r="C3227" s="83">
        <v>43235.375</v>
      </c>
      <c r="D3227">
        <v>290627.92550000001</v>
      </c>
      <c r="E3227">
        <v>32986.891230000001</v>
      </c>
      <c r="F3227">
        <v>94510.876550000001</v>
      </c>
      <c r="G3227">
        <v>79639.10742</v>
      </c>
      <c r="H3227">
        <v>50938.074500000002</v>
      </c>
      <c r="I3227">
        <v>37593.593480000003</v>
      </c>
      <c r="J3227">
        <v>43772.333149999999</v>
      </c>
      <c r="K3227">
        <v>61890.415229999999</v>
      </c>
      <c r="L3227">
        <v>26366.58769</v>
      </c>
      <c r="M3227">
        <v>365801.64569999999</v>
      </c>
      <c r="N3227">
        <v>88407.200509999995</v>
      </c>
      <c r="O3227">
        <v>25458.64891</v>
      </c>
      <c r="P3227">
        <v>31715.465029999999</v>
      </c>
      <c r="Q3227">
        <v>99366.783330000006</v>
      </c>
      <c r="R3227">
        <v>21089.201160000001</v>
      </c>
      <c r="S3227">
        <v>115107.7617</v>
      </c>
      <c r="T3227">
        <v>31555.960800000001</v>
      </c>
      <c r="U3227">
        <v>24303.35426</v>
      </c>
      <c r="W3227" s="83">
        <f>Bühler!N3259</f>
        <v>45426.374999992178</v>
      </c>
      <c r="X3227" s="83">
        <v>43235.375</v>
      </c>
      <c r="Y3227">
        <v>290627.92550000001</v>
      </c>
      <c r="Z3227">
        <v>32986.891230000001</v>
      </c>
      <c r="AA3227">
        <v>94510.876550000001</v>
      </c>
      <c r="AB3227">
        <v>79639.10742</v>
      </c>
      <c r="AC3227">
        <v>50938.074500000002</v>
      </c>
      <c r="AD3227">
        <v>37593.593480000003</v>
      </c>
      <c r="AE3227">
        <v>43772.333149999999</v>
      </c>
      <c r="AF3227">
        <v>61890.415229999999</v>
      </c>
      <c r="AG3227">
        <v>26366.58769</v>
      </c>
      <c r="AH3227">
        <v>365801.64569999999</v>
      </c>
      <c r="AI3227">
        <v>88407.200509999995</v>
      </c>
      <c r="AJ3227">
        <v>25458.64891</v>
      </c>
      <c r="AK3227">
        <v>31715.465029999999</v>
      </c>
      <c r="AL3227">
        <v>99366.783330000006</v>
      </c>
      <c r="AM3227">
        <v>21089.201160000001</v>
      </c>
      <c r="AN3227">
        <v>115107.7617</v>
      </c>
      <c r="AO3227">
        <v>31555.960800000001</v>
      </c>
      <c r="AP3227">
        <v>24303.35426</v>
      </c>
    </row>
    <row r="3228" spans="2:42" x14ac:dyDescent="0.3">
      <c r="B3228">
        <v>72.595127353146992</v>
      </c>
      <c r="C3228" s="83">
        <v>43235.416666666664</v>
      </c>
      <c r="D3228">
        <v>294363.87040000001</v>
      </c>
      <c r="E3228">
        <v>34752.660949999998</v>
      </c>
      <c r="F3228">
        <v>95816.547900000005</v>
      </c>
      <c r="G3228">
        <v>80911.975730000006</v>
      </c>
      <c r="H3228">
        <v>51664.056920000003</v>
      </c>
      <c r="I3228">
        <v>36183.214180000003</v>
      </c>
      <c r="J3228">
        <v>43125.18995</v>
      </c>
      <c r="K3228">
        <v>63128.480009999999</v>
      </c>
      <c r="L3228">
        <v>29182.240160000001</v>
      </c>
      <c r="M3228">
        <v>370123.81339999998</v>
      </c>
      <c r="N3228">
        <v>90450.183650000006</v>
      </c>
      <c r="O3228">
        <v>26546.027859999998</v>
      </c>
      <c r="P3228">
        <v>33038.342929999999</v>
      </c>
      <c r="Q3228">
        <v>101511.9405</v>
      </c>
      <c r="R3228">
        <v>23141.678260000001</v>
      </c>
      <c r="S3228">
        <v>117334.5658</v>
      </c>
      <c r="T3228">
        <v>33376.409229999997</v>
      </c>
      <c r="U3228">
        <v>24218.77061</v>
      </c>
      <c r="W3228" s="83">
        <f>Bühler!N3260</f>
        <v>45426.416666658843</v>
      </c>
      <c r="X3228" s="83">
        <v>43235.416666666664</v>
      </c>
      <c r="Y3228">
        <v>294363.87040000001</v>
      </c>
      <c r="Z3228">
        <v>34752.660949999998</v>
      </c>
      <c r="AA3228">
        <v>95816.547900000005</v>
      </c>
      <c r="AB3228">
        <v>80911.975730000006</v>
      </c>
      <c r="AC3228">
        <v>51664.056920000003</v>
      </c>
      <c r="AD3228">
        <v>36183.214180000003</v>
      </c>
      <c r="AE3228">
        <v>43125.18995</v>
      </c>
      <c r="AF3228">
        <v>63128.480009999999</v>
      </c>
      <c r="AG3228">
        <v>29182.240160000001</v>
      </c>
      <c r="AH3228">
        <v>370123.81339999998</v>
      </c>
      <c r="AI3228">
        <v>90450.183650000006</v>
      </c>
      <c r="AJ3228">
        <v>26546.027859999998</v>
      </c>
      <c r="AK3228">
        <v>33038.342929999999</v>
      </c>
      <c r="AL3228">
        <v>101511.9405</v>
      </c>
      <c r="AM3228">
        <v>23141.678260000001</v>
      </c>
      <c r="AN3228">
        <v>117334.5658</v>
      </c>
      <c r="AO3228">
        <v>33376.409229999997</v>
      </c>
      <c r="AP3228">
        <v>24218.77061</v>
      </c>
    </row>
    <row r="3229" spans="2:42" x14ac:dyDescent="0.3">
      <c r="B3229">
        <v>73.076479260838255</v>
      </c>
      <c r="C3229" s="83">
        <v>43235.458333333336</v>
      </c>
      <c r="D3229">
        <v>294903.15230000002</v>
      </c>
      <c r="E3229">
        <v>34925.553950000001</v>
      </c>
      <c r="F3229">
        <v>96538.630309999993</v>
      </c>
      <c r="G3229">
        <v>79995.151450000005</v>
      </c>
      <c r="H3229">
        <v>51761.242899999997</v>
      </c>
      <c r="I3229">
        <v>35758.26511</v>
      </c>
      <c r="J3229">
        <v>43880.260179999997</v>
      </c>
      <c r="K3229">
        <v>64414.108930000002</v>
      </c>
      <c r="L3229">
        <v>29977.85685</v>
      </c>
      <c r="M3229">
        <v>372577.96990000003</v>
      </c>
      <c r="N3229">
        <v>90670.597200000004</v>
      </c>
      <c r="O3229">
        <v>26759.41086</v>
      </c>
      <c r="P3229">
        <v>32180.349020000001</v>
      </c>
      <c r="Q3229">
        <v>101891.9492</v>
      </c>
      <c r="R3229">
        <v>23722.182059999999</v>
      </c>
      <c r="S3229">
        <v>119770.2735</v>
      </c>
      <c r="T3229">
        <v>34019.93391</v>
      </c>
      <c r="U3229">
        <v>24587.853090000001</v>
      </c>
      <c r="W3229" s="83">
        <f>Bühler!N3261</f>
        <v>45426.458333325507</v>
      </c>
      <c r="X3229" s="83">
        <v>43235.458333333336</v>
      </c>
      <c r="Y3229">
        <v>294903.15230000002</v>
      </c>
      <c r="Z3229">
        <v>34925.553950000001</v>
      </c>
      <c r="AA3229">
        <v>96538.630309999993</v>
      </c>
      <c r="AB3229">
        <v>79995.151450000005</v>
      </c>
      <c r="AC3229">
        <v>51761.242899999997</v>
      </c>
      <c r="AD3229">
        <v>35758.26511</v>
      </c>
      <c r="AE3229">
        <v>43880.260179999997</v>
      </c>
      <c r="AF3229">
        <v>64414.108930000002</v>
      </c>
      <c r="AG3229">
        <v>29977.85685</v>
      </c>
      <c r="AH3229">
        <v>372577.96990000003</v>
      </c>
      <c r="AI3229">
        <v>90670.597200000004</v>
      </c>
      <c r="AJ3229">
        <v>26759.41086</v>
      </c>
      <c r="AK3229">
        <v>32180.349020000001</v>
      </c>
      <c r="AL3229">
        <v>101891.9492</v>
      </c>
      <c r="AM3229">
        <v>23722.182059999999</v>
      </c>
      <c r="AN3229">
        <v>119770.2735</v>
      </c>
      <c r="AO3229">
        <v>34019.93391</v>
      </c>
      <c r="AP3229">
        <v>24587.853090000001</v>
      </c>
    </row>
    <row r="3230" spans="2:42" x14ac:dyDescent="0.3">
      <c r="B3230">
        <v>72.460296120793245</v>
      </c>
      <c r="C3230" s="83">
        <v>43235.5</v>
      </c>
      <c r="D3230">
        <v>285034.53989999997</v>
      </c>
      <c r="E3230">
        <v>31590.418150000001</v>
      </c>
      <c r="F3230">
        <v>91065.770449999996</v>
      </c>
      <c r="G3230">
        <v>80622.961079999994</v>
      </c>
      <c r="H3230">
        <v>50011.517160000003</v>
      </c>
      <c r="I3230">
        <v>34758.310769999996</v>
      </c>
      <c r="J3230">
        <v>44199.000249999997</v>
      </c>
      <c r="K3230">
        <v>60083.928870000003</v>
      </c>
      <c r="L3230">
        <v>32124.228080000001</v>
      </c>
      <c r="M3230">
        <v>369436.38089999999</v>
      </c>
      <c r="N3230">
        <v>89837.709900000002</v>
      </c>
      <c r="O3230">
        <v>26132.957699999999</v>
      </c>
      <c r="P3230">
        <v>33449.192080000001</v>
      </c>
      <c r="Q3230">
        <v>102686.0143</v>
      </c>
      <c r="R3230">
        <v>25065.004819999998</v>
      </c>
      <c r="S3230">
        <v>114801.55070000001</v>
      </c>
      <c r="T3230">
        <v>34734.359929999999</v>
      </c>
      <c r="U3230">
        <v>19186.99956</v>
      </c>
      <c r="W3230" s="83">
        <f>Bühler!N3262</f>
        <v>45426.499999992171</v>
      </c>
      <c r="X3230" s="83">
        <v>43235.5</v>
      </c>
      <c r="Y3230">
        <v>285034.53989999997</v>
      </c>
      <c r="Z3230">
        <v>31590.418150000001</v>
      </c>
      <c r="AA3230">
        <v>91065.770449999996</v>
      </c>
      <c r="AB3230">
        <v>80622.961079999994</v>
      </c>
      <c r="AC3230">
        <v>50011.517160000003</v>
      </c>
      <c r="AD3230">
        <v>34758.310769999996</v>
      </c>
      <c r="AE3230">
        <v>44199.000249999997</v>
      </c>
      <c r="AF3230">
        <v>60083.928870000003</v>
      </c>
      <c r="AG3230">
        <v>32124.228080000001</v>
      </c>
      <c r="AH3230">
        <v>369436.38089999999</v>
      </c>
      <c r="AI3230">
        <v>89837.709900000002</v>
      </c>
      <c r="AJ3230">
        <v>26132.957699999999</v>
      </c>
      <c r="AK3230">
        <v>33449.192080000001</v>
      </c>
      <c r="AL3230">
        <v>102686.0143</v>
      </c>
      <c r="AM3230">
        <v>25065.004819999998</v>
      </c>
      <c r="AN3230">
        <v>114801.55070000001</v>
      </c>
      <c r="AO3230">
        <v>34734.359929999999</v>
      </c>
      <c r="AP3230">
        <v>19186.99956</v>
      </c>
    </row>
    <row r="3231" spans="2:42" x14ac:dyDescent="0.3">
      <c r="B3231">
        <v>71.940695044249935</v>
      </c>
      <c r="C3231" s="83">
        <v>43235.541666666664</v>
      </c>
      <c r="D3231">
        <v>285668.75939999998</v>
      </c>
      <c r="E3231">
        <v>31961.90914</v>
      </c>
      <c r="F3231">
        <v>89320.244680000003</v>
      </c>
      <c r="G3231">
        <v>77374.898920000007</v>
      </c>
      <c r="H3231">
        <v>50763.202740000001</v>
      </c>
      <c r="I3231">
        <v>34323.606379999997</v>
      </c>
      <c r="J3231">
        <v>43432.31207</v>
      </c>
      <c r="K3231">
        <v>62300.324009999997</v>
      </c>
      <c r="L3231">
        <v>30436.38364</v>
      </c>
      <c r="M3231">
        <v>366787.21230000001</v>
      </c>
      <c r="N3231">
        <v>92671.651970000006</v>
      </c>
      <c r="O3231">
        <v>26444.614249999999</v>
      </c>
      <c r="P3231">
        <v>32011.444319999999</v>
      </c>
      <c r="Q3231">
        <v>101120.4451</v>
      </c>
      <c r="R3231">
        <v>24316.332429999999</v>
      </c>
      <c r="S3231">
        <v>115591.33620000001</v>
      </c>
      <c r="T3231">
        <v>33530.687440000002</v>
      </c>
      <c r="U3231">
        <v>21587.427179999999</v>
      </c>
      <c r="W3231" s="83">
        <f>Bühler!N3263</f>
        <v>45426.541666658835</v>
      </c>
      <c r="X3231" s="83">
        <v>43235.541666666664</v>
      </c>
      <c r="Y3231">
        <v>285668.75939999998</v>
      </c>
      <c r="Z3231">
        <v>31961.90914</v>
      </c>
      <c r="AA3231">
        <v>89320.244680000003</v>
      </c>
      <c r="AB3231">
        <v>77374.898920000007</v>
      </c>
      <c r="AC3231">
        <v>50763.202740000001</v>
      </c>
      <c r="AD3231">
        <v>34323.606379999997</v>
      </c>
      <c r="AE3231">
        <v>43432.31207</v>
      </c>
      <c r="AF3231">
        <v>62300.324009999997</v>
      </c>
      <c r="AG3231">
        <v>30436.38364</v>
      </c>
      <c r="AH3231">
        <v>366787.21230000001</v>
      </c>
      <c r="AI3231">
        <v>92671.651970000006</v>
      </c>
      <c r="AJ3231">
        <v>26444.614249999999</v>
      </c>
      <c r="AK3231">
        <v>32011.444319999999</v>
      </c>
      <c r="AL3231">
        <v>101120.4451</v>
      </c>
      <c r="AM3231">
        <v>24316.332429999999</v>
      </c>
      <c r="AN3231">
        <v>115591.33620000001</v>
      </c>
      <c r="AO3231">
        <v>33530.687440000002</v>
      </c>
      <c r="AP3231">
        <v>21587.427179999999</v>
      </c>
    </row>
    <row r="3232" spans="2:42" x14ac:dyDescent="0.3">
      <c r="B3232">
        <v>71.940079231613453</v>
      </c>
      <c r="C3232" s="83">
        <v>43235.583333333336</v>
      </c>
      <c r="D3232">
        <v>290675.65789999999</v>
      </c>
      <c r="E3232">
        <v>34719.705130000002</v>
      </c>
      <c r="F3232">
        <v>96056.87887</v>
      </c>
      <c r="G3232">
        <v>71745.967550000001</v>
      </c>
      <c r="H3232">
        <v>50707.093229999999</v>
      </c>
      <c r="I3232">
        <v>35026.389620000002</v>
      </c>
      <c r="J3232">
        <v>41783.293749999997</v>
      </c>
      <c r="K3232">
        <v>62646.184269999998</v>
      </c>
      <c r="L3232">
        <v>27228.56668</v>
      </c>
      <c r="M3232">
        <v>366784.07260000001</v>
      </c>
      <c r="N3232">
        <v>93524.75129</v>
      </c>
      <c r="O3232">
        <v>25715.521420000001</v>
      </c>
      <c r="P3232">
        <v>28884.324430000001</v>
      </c>
      <c r="Q3232">
        <v>100773.0166</v>
      </c>
      <c r="R3232">
        <v>22624.546450000002</v>
      </c>
      <c r="S3232">
        <v>110542.6584</v>
      </c>
      <c r="T3232">
        <v>32043.412319999999</v>
      </c>
      <c r="U3232">
        <v>22847.12831</v>
      </c>
      <c r="W3232" s="83">
        <f>Bühler!N3264</f>
        <v>45426.5833333255</v>
      </c>
      <c r="X3232" s="83">
        <v>43235.583333333336</v>
      </c>
      <c r="Y3232">
        <v>290675.65789999999</v>
      </c>
      <c r="Z3232">
        <v>34719.705130000002</v>
      </c>
      <c r="AA3232">
        <v>96056.87887</v>
      </c>
      <c r="AB3232">
        <v>71745.967550000001</v>
      </c>
      <c r="AC3232">
        <v>50707.093229999999</v>
      </c>
      <c r="AD3232">
        <v>35026.389620000002</v>
      </c>
      <c r="AE3232">
        <v>41783.293749999997</v>
      </c>
      <c r="AF3232">
        <v>62646.184269999998</v>
      </c>
      <c r="AG3232">
        <v>27228.56668</v>
      </c>
      <c r="AH3232">
        <v>366784.07260000001</v>
      </c>
      <c r="AI3232">
        <v>93524.75129</v>
      </c>
      <c r="AJ3232">
        <v>25715.521420000001</v>
      </c>
      <c r="AK3232">
        <v>28884.324430000001</v>
      </c>
      <c r="AL3232">
        <v>100773.0166</v>
      </c>
      <c r="AM3232">
        <v>22624.546450000002</v>
      </c>
      <c r="AN3232">
        <v>110542.6584</v>
      </c>
      <c r="AO3232">
        <v>32043.412319999999</v>
      </c>
      <c r="AP3232">
        <v>22847.12831</v>
      </c>
    </row>
    <row r="3233" spans="2:42" x14ac:dyDescent="0.3">
      <c r="B3233">
        <v>72.036825874018632</v>
      </c>
      <c r="C3233" s="83">
        <v>43235.625</v>
      </c>
      <c r="D3233">
        <v>288302.67259999999</v>
      </c>
      <c r="E3233">
        <v>34696.973489999997</v>
      </c>
      <c r="F3233">
        <v>98388.215360000002</v>
      </c>
      <c r="G3233">
        <v>67920.506670000002</v>
      </c>
      <c r="H3233">
        <v>49492.147709999997</v>
      </c>
      <c r="I3233">
        <v>34987.663159999996</v>
      </c>
      <c r="J3233">
        <v>42999.845329999996</v>
      </c>
      <c r="K3233">
        <v>63081.085850000003</v>
      </c>
      <c r="L3233">
        <v>24467.967130000001</v>
      </c>
      <c r="M3233">
        <v>367277.3321</v>
      </c>
      <c r="N3233">
        <v>90571.050180000006</v>
      </c>
      <c r="O3233">
        <v>25245.49727</v>
      </c>
      <c r="P3233">
        <v>26662.46111</v>
      </c>
      <c r="Q3233">
        <v>100603.63649999999</v>
      </c>
      <c r="R3233">
        <v>23490.22624</v>
      </c>
      <c r="S3233">
        <v>108673.7032</v>
      </c>
      <c r="T3233">
        <v>31212.058359999999</v>
      </c>
      <c r="U3233">
        <v>21194.567419999999</v>
      </c>
      <c r="W3233" s="83">
        <f>Bühler!N3265</f>
        <v>45426.624999992164</v>
      </c>
      <c r="X3233" s="83">
        <v>43235.625</v>
      </c>
      <c r="Y3233">
        <v>288302.67259999999</v>
      </c>
      <c r="Z3233">
        <v>34696.973489999997</v>
      </c>
      <c r="AA3233">
        <v>98388.215360000002</v>
      </c>
      <c r="AB3233">
        <v>67920.506670000002</v>
      </c>
      <c r="AC3233">
        <v>49492.147709999997</v>
      </c>
      <c r="AD3233">
        <v>34987.663159999996</v>
      </c>
      <c r="AE3233">
        <v>42999.845329999996</v>
      </c>
      <c r="AF3233">
        <v>63081.085850000003</v>
      </c>
      <c r="AG3233">
        <v>24467.967130000001</v>
      </c>
      <c r="AH3233">
        <v>367277.3321</v>
      </c>
      <c r="AI3233">
        <v>90571.050180000006</v>
      </c>
      <c r="AJ3233">
        <v>25245.49727</v>
      </c>
      <c r="AK3233">
        <v>26662.46111</v>
      </c>
      <c r="AL3233">
        <v>100603.63649999999</v>
      </c>
      <c r="AM3233">
        <v>23490.22624</v>
      </c>
      <c r="AN3233">
        <v>108673.7032</v>
      </c>
      <c r="AO3233">
        <v>31212.058359999999</v>
      </c>
      <c r="AP3233">
        <v>21194.567419999999</v>
      </c>
    </row>
    <row r="3234" spans="2:42" x14ac:dyDescent="0.3">
      <c r="B3234">
        <v>70.90967578327276</v>
      </c>
      <c r="C3234" s="83">
        <v>43235.666666666664</v>
      </c>
      <c r="D3234">
        <v>280154.27539999998</v>
      </c>
      <c r="E3234">
        <v>33745.190909999998</v>
      </c>
      <c r="F3234">
        <v>96879.464519999994</v>
      </c>
      <c r="G3234">
        <v>62778.036970000001</v>
      </c>
      <c r="H3234">
        <v>47789.45278</v>
      </c>
      <c r="I3234">
        <v>36272.966070000002</v>
      </c>
      <c r="J3234">
        <v>42290.181069999999</v>
      </c>
      <c r="K3234">
        <v>59384.594899999996</v>
      </c>
      <c r="L3234">
        <v>23787.959350000001</v>
      </c>
      <c r="M3234">
        <v>361530.59529999999</v>
      </c>
      <c r="N3234">
        <v>87850.355909999998</v>
      </c>
      <c r="O3234">
        <v>24518.809649999999</v>
      </c>
      <c r="P3234">
        <v>26703.04998</v>
      </c>
      <c r="Q3234">
        <v>99541.518230000001</v>
      </c>
      <c r="R3234">
        <v>23170.062989999999</v>
      </c>
      <c r="S3234">
        <v>105869.16989999999</v>
      </c>
      <c r="T3234">
        <v>30396.98977</v>
      </c>
      <c r="U3234">
        <v>19142.871289999999</v>
      </c>
      <c r="W3234" s="83">
        <f>Bühler!N3266</f>
        <v>45426.666666658828</v>
      </c>
      <c r="X3234" s="83">
        <v>43235.666666666664</v>
      </c>
      <c r="Y3234">
        <v>280154.27539999998</v>
      </c>
      <c r="Z3234">
        <v>33745.190909999998</v>
      </c>
      <c r="AA3234">
        <v>96879.464519999994</v>
      </c>
      <c r="AB3234">
        <v>62778.036970000001</v>
      </c>
      <c r="AC3234">
        <v>47789.45278</v>
      </c>
      <c r="AD3234">
        <v>36272.966070000002</v>
      </c>
      <c r="AE3234">
        <v>42290.181069999999</v>
      </c>
      <c r="AF3234">
        <v>59384.594899999996</v>
      </c>
      <c r="AG3234">
        <v>23787.959350000001</v>
      </c>
      <c r="AH3234">
        <v>361530.59529999999</v>
      </c>
      <c r="AI3234">
        <v>87850.355909999998</v>
      </c>
      <c r="AJ3234">
        <v>24518.809649999999</v>
      </c>
      <c r="AK3234">
        <v>26703.04998</v>
      </c>
      <c r="AL3234">
        <v>99541.518230000001</v>
      </c>
      <c r="AM3234">
        <v>23170.062989999999</v>
      </c>
      <c r="AN3234">
        <v>105869.16989999999</v>
      </c>
      <c r="AO3234">
        <v>30396.98977</v>
      </c>
      <c r="AP3234">
        <v>19142.871289999999</v>
      </c>
    </row>
    <row r="3235" spans="2:42" x14ac:dyDescent="0.3">
      <c r="B3235">
        <v>69.028402816720032</v>
      </c>
      <c r="C3235" s="83">
        <v>43235.708333333336</v>
      </c>
      <c r="D3235">
        <v>268768.73180000001</v>
      </c>
      <c r="E3235">
        <v>31680.40898</v>
      </c>
      <c r="F3235">
        <v>95806.36679</v>
      </c>
      <c r="G3235">
        <v>54685.687389999999</v>
      </c>
      <c r="H3235">
        <v>45272.654000000002</v>
      </c>
      <c r="I3235">
        <v>35858.716339999999</v>
      </c>
      <c r="J3235">
        <v>42290.565549999999</v>
      </c>
      <c r="K3235">
        <v>53706.03269</v>
      </c>
      <c r="L3235">
        <v>24178.948090000002</v>
      </c>
      <c r="M3235">
        <v>351938.98839999997</v>
      </c>
      <c r="N3235">
        <v>84181.106870000003</v>
      </c>
      <c r="O3235">
        <v>23076.377850000001</v>
      </c>
      <c r="P3235">
        <v>28100.681850000001</v>
      </c>
      <c r="Q3235">
        <v>97978.508759999997</v>
      </c>
      <c r="R3235">
        <v>23342.491109999999</v>
      </c>
      <c r="S3235">
        <v>101512.3616</v>
      </c>
      <c r="T3235">
        <v>30063.39759</v>
      </c>
      <c r="U3235">
        <v>17326.383140000002</v>
      </c>
      <c r="W3235" s="83">
        <f>Bühler!N3267</f>
        <v>45426.708333325492</v>
      </c>
      <c r="X3235" s="83">
        <v>43235.708333333336</v>
      </c>
      <c r="Y3235">
        <v>268768.73180000001</v>
      </c>
      <c r="Z3235">
        <v>31680.40898</v>
      </c>
      <c r="AA3235">
        <v>95806.36679</v>
      </c>
      <c r="AB3235">
        <v>54685.687389999999</v>
      </c>
      <c r="AC3235">
        <v>45272.654000000002</v>
      </c>
      <c r="AD3235">
        <v>35858.716339999999</v>
      </c>
      <c r="AE3235">
        <v>42290.565549999999</v>
      </c>
      <c r="AF3235">
        <v>53706.03269</v>
      </c>
      <c r="AG3235">
        <v>24178.948090000002</v>
      </c>
      <c r="AH3235">
        <v>351938.98839999997</v>
      </c>
      <c r="AI3235">
        <v>84181.106870000003</v>
      </c>
      <c r="AJ3235">
        <v>23076.377850000001</v>
      </c>
      <c r="AK3235">
        <v>28100.681850000001</v>
      </c>
      <c r="AL3235">
        <v>97978.508759999997</v>
      </c>
      <c r="AM3235">
        <v>23342.491109999999</v>
      </c>
      <c r="AN3235">
        <v>101512.3616</v>
      </c>
      <c r="AO3235">
        <v>30063.39759</v>
      </c>
      <c r="AP3235">
        <v>17326.383140000002</v>
      </c>
    </row>
    <row r="3236" spans="2:42" x14ac:dyDescent="0.3">
      <c r="B3236">
        <v>67.802170479251672</v>
      </c>
      <c r="C3236" s="83">
        <v>43235.75</v>
      </c>
      <c r="D3236">
        <v>260990.15650000001</v>
      </c>
      <c r="E3236">
        <v>28083.343110000002</v>
      </c>
      <c r="F3236">
        <v>92996.304579999996</v>
      </c>
      <c r="G3236">
        <v>47888.51251</v>
      </c>
      <c r="H3236">
        <v>43095.271959999998</v>
      </c>
      <c r="I3236">
        <v>33431.516049999998</v>
      </c>
      <c r="J3236">
        <v>41843.9179</v>
      </c>
      <c r="K3236">
        <v>51671.149579999998</v>
      </c>
      <c r="L3236">
        <v>25606.714840000001</v>
      </c>
      <c r="M3236">
        <v>345687.08409999998</v>
      </c>
      <c r="N3236">
        <v>81020.239449999994</v>
      </c>
      <c r="O3236">
        <v>21974.493030000001</v>
      </c>
      <c r="P3236">
        <v>30717.425019999999</v>
      </c>
      <c r="Q3236">
        <v>95998.585609999995</v>
      </c>
      <c r="R3236">
        <v>21516.748309999999</v>
      </c>
      <c r="S3236">
        <v>94138.422080000004</v>
      </c>
      <c r="T3236">
        <v>29451.964120000001</v>
      </c>
      <c r="U3236">
        <v>15765.265149999999</v>
      </c>
      <c r="W3236" s="83">
        <f>Bühler!N3268</f>
        <v>45426.749999992157</v>
      </c>
      <c r="X3236" s="83">
        <v>43235.75</v>
      </c>
      <c r="Y3236">
        <v>260990.15650000001</v>
      </c>
      <c r="Z3236">
        <v>28083.343110000002</v>
      </c>
      <c r="AA3236">
        <v>92996.304579999996</v>
      </c>
      <c r="AB3236">
        <v>47888.51251</v>
      </c>
      <c r="AC3236">
        <v>43095.271959999998</v>
      </c>
      <c r="AD3236">
        <v>33431.516049999998</v>
      </c>
      <c r="AE3236">
        <v>41843.9179</v>
      </c>
      <c r="AF3236">
        <v>51671.149579999998</v>
      </c>
      <c r="AG3236">
        <v>25606.714840000001</v>
      </c>
      <c r="AH3236">
        <v>345687.08409999998</v>
      </c>
      <c r="AI3236">
        <v>81020.239449999994</v>
      </c>
      <c r="AJ3236">
        <v>21974.493030000001</v>
      </c>
      <c r="AK3236">
        <v>30717.425019999999</v>
      </c>
      <c r="AL3236">
        <v>95998.585609999995</v>
      </c>
      <c r="AM3236">
        <v>21516.748309999999</v>
      </c>
      <c r="AN3236">
        <v>94138.422080000004</v>
      </c>
      <c r="AO3236">
        <v>29451.964120000001</v>
      </c>
      <c r="AP3236">
        <v>15765.265149999999</v>
      </c>
    </row>
    <row r="3237" spans="2:42" x14ac:dyDescent="0.3">
      <c r="B3237">
        <v>65.995694750617702</v>
      </c>
      <c r="C3237" s="83">
        <v>43235.791666666664</v>
      </c>
      <c r="D3237">
        <v>255022.5809</v>
      </c>
      <c r="E3237">
        <v>22801.697800000002</v>
      </c>
      <c r="F3237">
        <v>81292.119770000005</v>
      </c>
      <c r="G3237">
        <v>43538.65279</v>
      </c>
      <c r="H3237">
        <v>40003.090040000003</v>
      </c>
      <c r="I3237">
        <v>31046.872309999999</v>
      </c>
      <c r="J3237">
        <v>40795.773029999997</v>
      </c>
      <c r="K3237">
        <v>51919.909319999999</v>
      </c>
      <c r="L3237">
        <v>27014.927319999999</v>
      </c>
      <c r="M3237">
        <v>336476.8284</v>
      </c>
      <c r="N3237">
        <v>79245.474470000001</v>
      </c>
      <c r="O3237">
        <v>21083.186430000002</v>
      </c>
      <c r="P3237">
        <v>33088.442600000002</v>
      </c>
      <c r="Q3237">
        <v>93584.940260000003</v>
      </c>
      <c r="R3237">
        <v>19636.031230000001</v>
      </c>
      <c r="S3237">
        <v>89361.221220000007</v>
      </c>
      <c r="T3237">
        <v>30912.197649999998</v>
      </c>
      <c r="U3237">
        <v>14251.80206</v>
      </c>
      <c r="W3237" s="83">
        <f>Bühler!N3269</f>
        <v>45426.791666658821</v>
      </c>
      <c r="X3237" s="83">
        <v>43235.791666666664</v>
      </c>
      <c r="Y3237">
        <v>255022.5809</v>
      </c>
      <c r="Z3237">
        <v>22801.697800000002</v>
      </c>
      <c r="AA3237">
        <v>81292.119770000005</v>
      </c>
      <c r="AB3237">
        <v>43538.65279</v>
      </c>
      <c r="AC3237">
        <v>40003.090040000003</v>
      </c>
      <c r="AD3237">
        <v>31046.872309999999</v>
      </c>
      <c r="AE3237">
        <v>40795.773029999997</v>
      </c>
      <c r="AF3237">
        <v>51919.909319999999</v>
      </c>
      <c r="AG3237">
        <v>27014.927319999999</v>
      </c>
      <c r="AH3237">
        <v>336476.8284</v>
      </c>
      <c r="AI3237">
        <v>79245.474470000001</v>
      </c>
      <c r="AJ3237">
        <v>21083.186430000002</v>
      </c>
      <c r="AK3237">
        <v>33088.442600000002</v>
      </c>
      <c r="AL3237">
        <v>93584.940260000003</v>
      </c>
      <c r="AM3237">
        <v>19636.031230000001</v>
      </c>
      <c r="AN3237">
        <v>89361.221220000007</v>
      </c>
      <c r="AO3237">
        <v>30912.197649999998</v>
      </c>
      <c r="AP3237">
        <v>14251.80206</v>
      </c>
    </row>
    <row r="3238" spans="2:42" x14ac:dyDescent="0.3">
      <c r="B3238">
        <v>63.966697537304327</v>
      </c>
      <c r="C3238" s="83">
        <v>43235.833333333336</v>
      </c>
      <c r="D3238">
        <v>246266.83429999999</v>
      </c>
      <c r="E3238">
        <v>16900.638309999998</v>
      </c>
      <c r="F3238">
        <v>63889.021269999997</v>
      </c>
      <c r="G3238">
        <v>38545.968800000002</v>
      </c>
      <c r="H3238">
        <v>37410.83627</v>
      </c>
      <c r="I3238">
        <v>27309.313890000001</v>
      </c>
      <c r="J3238">
        <v>39523.293640000004</v>
      </c>
      <c r="K3238">
        <v>51591.205999999998</v>
      </c>
      <c r="L3238">
        <v>26463.431380000002</v>
      </c>
      <c r="M3238">
        <v>326132.05440000002</v>
      </c>
      <c r="N3238">
        <v>76564.19644</v>
      </c>
      <c r="O3238">
        <v>19843.282739999999</v>
      </c>
      <c r="P3238">
        <v>32135.808489999999</v>
      </c>
      <c r="Q3238">
        <v>90540.089030000003</v>
      </c>
      <c r="R3238">
        <v>17974.703600000001</v>
      </c>
      <c r="S3238">
        <v>81127.399019999997</v>
      </c>
      <c r="T3238">
        <v>29284.618869999998</v>
      </c>
      <c r="U3238">
        <v>13759.35223</v>
      </c>
      <c r="W3238" s="83">
        <f>Bühler!N3270</f>
        <v>45426.833333325485</v>
      </c>
      <c r="X3238" s="83">
        <v>43235.833333333336</v>
      </c>
      <c r="Y3238">
        <v>246266.83429999999</v>
      </c>
      <c r="Z3238">
        <v>16900.638309999998</v>
      </c>
      <c r="AA3238">
        <v>63889.021269999997</v>
      </c>
      <c r="AB3238">
        <v>38545.968800000002</v>
      </c>
      <c r="AC3238">
        <v>37410.83627</v>
      </c>
      <c r="AD3238">
        <v>27309.313890000001</v>
      </c>
      <c r="AE3238">
        <v>39523.293640000004</v>
      </c>
      <c r="AF3238">
        <v>51591.205999999998</v>
      </c>
      <c r="AG3238">
        <v>26463.431380000002</v>
      </c>
      <c r="AH3238">
        <v>326132.05440000002</v>
      </c>
      <c r="AI3238">
        <v>76564.19644</v>
      </c>
      <c r="AJ3238">
        <v>19843.282739999999</v>
      </c>
      <c r="AK3238">
        <v>32135.808489999999</v>
      </c>
      <c r="AL3238">
        <v>90540.089030000003</v>
      </c>
      <c r="AM3238">
        <v>17974.703600000001</v>
      </c>
      <c r="AN3238">
        <v>81127.399019999997</v>
      </c>
      <c r="AO3238">
        <v>29284.618869999998</v>
      </c>
      <c r="AP3238">
        <v>13759.35223</v>
      </c>
    </row>
    <row r="3239" spans="2:42" x14ac:dyDescent="0.3">
      <c r="B3239">
        <v>62.352591579149959</v>
      </c>
      <c r="C3239" s="83">
        <v>43235.875</v>
      </c>
      <c r="D3239">
        <v>238130.4497</v>
      </c>
      <c r="E3239">
        <v>14579.626319999999</v>
      </c>
      <c r="F3239">
        <v>56372.17671</v>
      </c>
      <c r="G3239">
        <v>36986.718220000002</v>
      </c>
      <c r="H3239">
        <v>36462.08165</v>
      </c>
      <c r="I3239">
        <v>23902.847389999999</v>
      </c>
      <c r="J3239">
        <v>40387.605770000002</v>
      </c>
      <c r="K3239">
        <v>50043.169699999999</v>
      </c>
      <c r="L3239">
        <v>25520.851350000001</v>
      </c>
      <c r="M3239">
        <v>317902.5895</v>
      </c>
      <c r="N3239">
        <v>74906.530669999993</v>
      </c>
      <c r="O3239">
        <v>19423.696609999999</v>
      </c>
      <c r="P3239">
        <v>31110.0756</v>
      </c>
      <c r="Q3239">
        <v>87140.663889999996</v>
      </c>
      <c r="R3239">
        <v>18386.378189999999</v>
      </c>
      <c r="S3239">
        <v>78047.056100000002</v>
      </c>
      <c r="T3239">
        <v>27586.65941</v>
      </c>
      <c r="U3239">
        <v>13511.2678</v>
      </c>
      <c r="W3239" s="83">
        <f>Bühler!N3271</f>
        <v>45426.874999992149</v>
      </c>
      <c r="X3239" s="83">
        <v>43235.875</v>
      </c>
      <c r="Y3239">
        <v>238130.4497</v>
      </c>
      <c r="Z3239">
        <v>14579.626319999999</v>
      </c>
      <c r="AA3239">
        <v>56372.17671</v>
      </c>
      <c r="AB3239">
        <v>36986.718220000002</v>
      </c>
      <c r="AC3239">
        <v>36462.08165</v>
      </c>
      <c r="AD3239">
        <v>23902.847389999999</v>
      </c>
      <c r="AE3239">
        <v>40387.605770000002</v>
      </c>
      <c r="AF3239">
        <v>50043.169699999999</v>
      </c>
      <c r="AG3239">
        <v>25520.851350000001</v>
      </c>
      <c r="AH3239">
        <v>317902.5895</v>
      </c>
      <c r="AI3239">
        <v>74906.530669999993</v>
      </c>
      <c r="AJ3239">
        <v>19423.696609999999</v>
      </c>
      <c r="AK3239">
        <v>31110.0756</v>
      </c>
      <c r="AL3239">
        <v>87140.663889999996</v>
      </c>
      <c r="AM3239">
        <v>18386.378189999999</v>
      </c>
      <c r="AN3239">
        <v>78047.056100000002</v>
      </c>
      <c r="AO3239">
        <v>27586.65941</v>
      </c>
      <c r="AP3239">
        <v>13511.2678</v>
      </c>
    </row>
    <row r="3240" spans="2:42" x14ac:dyDescent="0.3">
      <c r="B3240">
        <v>61.621842634248431</v>
      </c>
      <c r="C3240" s="83">
        <v>43235.916666666664</v>
      </c>
      <c r="D3240">
        <v>237308.66819999999</v>
      </c>
      <c r="E3240">
        <v>13772.66001</v>
      </c>
      <c r="F3240">
        <v>53530.217270000001</v>
      </c>
      <c r="G3240">
        <v>35506.492830000003</v>
      </c>
      <c r="H3240">
        <v>36461.312059999997</v>
      </c>
      <c r="I3240">
        <v>22459.062539999999</v>
      </c>
      <c r="J3240">
        <v>39887.857400000001</v>
      </c>
      <c r="K3240">
        <v>53709.952640000003</v>
      </c>
      <c r="L3240">
        <v>23096.841410000001</v>
      </c>
      <c r="M3240">
        <v>314176.89059999998</v>
      </c>
      <c r="N3240">
        <v>73546.913440000004</v>
      </c>
      <c r="O3240">
        <v>19388.769820000001</v>
      </c>
      <c r="P3240">
        <v>33503.157619999998</v>
      </c>
      <c r="Q3240">
        <v>85830.917870000005</v>
      </c>
      <c r="R3240">
        <v>19114.57706</v>
      </c>
      <c r="S3240">
        <v>77548.771009999997</v>
      </c>
      <c r="T3240">
        <v>23958.347419999998</v>
      </c>
      <c r="U3240">
        <v>13408.34434</v>
      </c>
      <c r="W3240" s="83">
        <f>Bühler!N3272</f>
        <v>45426.916666658813</v>
      </c>
      <c r="X3240" s="83">
        <v>43235.916666666664</v>
      </c>
      <c r="Y3240">
        <v>237308.66819999999</v>
      </c>
      <c r="Z3240">
        <v>13772.66001</v>
      </c>
      <c r="AA3240">
        <v>53530.217270000001</v>
      </c>
      <c r="AB3240">
        <v>35506.492830000003</v>
      </c>
      <c r="AC3240">
        <v>36461.312059999997</v>
      </c>
      <c r="AD3240">
        <v>22459.062539999999</v>
      </c>
      <c r="AE3240">
        <v>39887.857400000001</v>
      </c>
      <c r="AF3240">
        <v>53709.952640000003</v>
      </c>
      <c r="AG3240">
        <v>23096.841410000001</v>
      </c>
      <c r="AH3240">
        <v>314176.89059999998</v>
      </c>
      <c r="AI3240">
        <v>73546.913440000004</v>
      </c>
      <c r="AJ3240">
        <v>19388.769820000001</v>
      </c>
      <c r="AK3240">
        <v>33503.157619999998</v>
      </c>
      <c r="AL3240">
        <v>85830.917870000005</v>
      </c>
      <c r="AM3240">
        <v>19114.57706</v>
      </c>
      <c r="AN3240">
        <v>77548.771009999997</v>
      </c>
      <c r="AO3240">
        <v>23958.347419999998</v>
      </c>
      <c r="AP3240">
        <v>13408.34434</v>
      </c>
    </row>
    <row r="3241" spans="2:42" x14ac:dyDescent="0.3">
      <c r="B3241">
        <v>61.136424111498968</v>
      </c>
      <c r="C3241" s="83">
        <v>43235.958333333336</v>
      </c>
      <c r="D3241">
        <v>236270.95490000001</v>
      </c>
      <c r="E3241">
        <v>13128.09474</v>
      </c>
      <c r="F3241">
        <v>52070.554750000003</v>
      </c>
      <c r="G3241">
        <v>34569.060669999999</v>
      </c>
      <c r="H3241">
        <v>35736.450080000002</v>
      </c>
      <c r="I3241">
        <v>21235.712060000002</v>
      </c>
      <c r="J3241">
        <v>36605.156900000002</v>
      </c>
      <c r="K3241">
        <v>52520.977729999999</v>
      </c>
      <c r="L3241">
        <v>19439.115600000001</v>
      </c>
      <c r="M3241">
        <v>311702.00060000003</v>
      </c>
      <c r="N3241">
        <v>73402.353289999999</v>
      </c>
      <c r="O3241">
        <v>19962.7474</v>
      </c>
      <c r="P3241">
        <v>29988.184120000002</v>
      </c>
      <c r="Q3241">
        <v>84550.766300000003</v>
      </c>
      <c r="R3241">
        <v>20662.624319999999</v>
      </c>
      <c r="S3241">
        <v>75162.612380000006</v>
      </c>
      <c r="T3241">
        <v>21475.760979999999</v>
      </c>
      <c r="U3241">
        <v>12956.54312</v>
      </c>
      <c r="W3241" s="83">
        <f>Bühler!N3273</f>
        <v>45426.958333325478</v>
      </c>
      <c r="X3241" s="83">
        <v>43235.958333333336</v>
      </c>
      <c r="Y3241">
        <v>236270.95490000001</v>
      </c>
      <c r="Z3241">
        <v>13128.09474</v>
      </c>
      <c r="AA3241">
        <v>52070.554750000003</v>
      </c>
      <c r="AB3241">
        <v>34569.060669999999</v>
      </c>
      <c r="AC3241">
        <v>35736.450080000002</v>
      </c>
      <c r="AD3241">
        <v>21235.712060000002</v>
      </c>
      <c r="AE3241">
        <v>36605.156900000002</v>
      </c>
      <c r="AF3241">
        <v>52520.977729999999</v>
      </c>
      <c r="AG3241">
        <v>19439.115600000001</v>
      </c>
      <c r="AH3241">
        <v>311702.00060000003</v>
      </c>
      <c r="AI3241">
        <v>73402.353289999999</v>
      </c>
      <c r="AJ3241">
        <v>19962.7474</v>
      </c>
      <c r="AK3241">
        <v>29988.184120000002</v>
      </c>
      <c r="AL3241">
        <v>84550.766300000003</v>
      </c>
      <c r="AM3241">
        <v>20662.624319999999</v>
      </c>
      <c r="AN3241">
        <v>75162.612380000006</v>
      </c>
      <c r="AO3241">
        <v>21475.760979999999</v>
      </c>
      <c r="AP3241">
        <v>12956.54312</v>
      </c>
    </row>
    <row r="3242" spans="2:42" x14ac:dyDescent="0.3">
      <c r="B3242">
        <v>60.444491172573869</v>
      </c>
      <c r="C3242" s="83">
        <v>43236</v>
      </c>
      <c r="D3242">
        <v>234805.6832</v>
      </c>
      <c r="E3242">
        <v>12722.56871</v>
      </c>
      <c r="F3242">
        <v>51047.95304</v>
      </c>
      <c r="G3242">
        <v>33727.51672</v>
      </c>
      <c r="H3242">
        <v>34887.150699999998</v>
      </c>
      <c r="I3242">
        <v>19497.578239999999</v>
      </c>
      <c r="J3242">
        <v>34176.689599999998</v>
      </c>
      <c r="K3242">
        <v>50812.953099999999</v>
      </c>
      <c r="L3242">
        <v>17740.470089999999</v>
      </c>
      <c r="M3242">
        <v>308174.20380000002</v>
      </c>
      <c r="N3242">
        <v>71883.80949</v>
      </c>
      <c r="O3242">
        <v>19687.19065</v>
      </c>
      <c r="P3242">
        <v>26626.740010000001</v>
      </c>
      <c r="Q3242">
        <v>83506.620089999997</v>
      </c>
      <c r="R3242">
        <v>17167.746930000001</v>
      </c>
      <c r="S3242">
        <v>74176.163490000006</v>
      </c>
      <c r="T3242">
        <v>19849.589840000001</v>
      </c>
      <c r="U3242">
        <v>13180.41396</v>
      </c>
      <c r="W3242" s="83">
        <f>Bühler!N3274</f>
        <v>45426.999999992142</v>
      </c>
      <c r="X3242" s="83">
        <v>43236</v>
      </c>
      <c r="Y3242">
        <v>234805.6832</v>
      </c>
      <c r="Z3242">
        <v>12722.56871</v>
      </c>
      <c r="AA3242">
        <v>51047.95304</v>
      </c>
      <c r="AB3242">
        <v>33727.51672</v>
      </c>
      <c r="AC3242">
        <v>34887.150699999998</v>
      </c>
      <c r="AD3242">
        <v>19497.578239999999</v>
      </c>
      <c r="AE3242">
        <v>34176.689599999998</v>
      </c>
      <c r="AF3242">
        <v>50812.953099999999</v>
      </c>
      <c r="AG3242">
        <v>17740.470089999999</v>
      </c>
      <c r="AH3242">
        <v>308174.20380000002</v>
      </c>
      <c r="AI3242">
        <v>71883.80949</v>
      </c>
      <c r="AJ3242">
        <v>19687.19065</v>
      </c>
      <c r="AK3242">
        <v>26626.740010000001</v>
      </c>
      <c r="AL3242">
        <v>83506.620089999997</v>
      </c>
      <c r="AM3242">
        <v>17167.746930000001</v>
      </c>
      <c r="AN3242">
        <v>74176.163490000006</v>
      </c>
      <c r="AO3242">
        <v>19849.589840000001</v>
      </c>
      <c r="AP3242">
        <v>13180.41396</v>
      </c>
    </row>
    <row r="3243" spans="2:42" x14ac:dyDescent="0.3">
      <c r="B3243">
        <v>59.383839726177179</v>
      </c>
      <c r="C3243" s="83">
        <v>43236.041666666664</v>
      </c>
      <c r="D3243">
        <v>232866.6557</v>
      </c>
      <c r="E3243">
        <v>12571.294029999999</v>
      </c>
      <c r="F3243">
        <v>50072.441590000002</v>
      </c>
      <c r="G3243">
        <v>33076.270620000003</v>
      </c>
      <c r="H3243">
        <v>34252.634539999999</v>
      </c>
      <c r="I3243">
        <v>15249.99296</v>
      </c>
      <c r="J3243">
        <v>33067.307829999998</v>
      </c>
      <c r="K3243">
        <v>48347.008809999999</v>
      </c>
      <c r="L3243">
        <v>16860.924480000001</v>
      </c>
      <c r="M3243">
        <v>302766.50809999998</v>
      </c>
      <c r="N3243">
        <v>71505.122510000001</v>
      </c>
      <c r="O3243">
        <v>19366.70622</v>
      </c>
      <c r="P3243">
        <v>25008.81782</v>
      </c>
      <c r="Q3243">
        <v>83158.759390000007</v>
      </c>
      <c r="R3243">
        <v>14891.84244</v>
      </c>
      <c r="S3243">
        <v>72729.779599999994</v>
      </c>
      <c r="T3243">
        <v>19052.587619999998</v>
      </c>
      <c r="U3243">
        <v>12903.177229999999</v>
      </c>
      <c r="W3243" s="83">
        <f>Bühler!N3275</f>
        <v>45427.041666658806</v>
      </c>
      <c r="X3243" s="83">
        <v>43236.041666666664</v>
      </c>
      <c r="Y3243">
        <v>232866.6557</v>
      </c>
      <c r="Z3243">
        <v>12571.294029999999</v>
      </c>
      <c r="AA3243">
        <v>50072.441590000002</v>
      </c>
      <c r="AB3243">
        <v>33076.270620000003</v>
      </c>
      <c r="AC3243">
        <v>34252.634539999999</v>
      </c>
      <c r="AD3243">
        <v>15249.99296</v>
      </c>
      <c r="AE3243">
        <v>33067.307829999998</v>
      </c>
      <c r="AF3243">
        <v>48347.008809999999</v>
      </c>
      <c r="AG3243">
        <v>16860.924480000001</v>
      </c>
      <c r="AH3243">
        <v>302766.50809999998</v>
      </c>
      <c r="AI3243">
        <v>71505.122510000001</v>
      </c>
      <c r="AJ3243">
        <v>19366.70622</v>
      </c>
      <c r="AK3243">
        <v>25008.81782</v>
      </c>
      <c r="AL3243">
        <v>83158.759390000007</v>
      </c>
      <c r="AM3243">
        <v>14891.84244</v>
      </c>
      <c r="AN3243">
        <v>72729.779599999994</v>
      </c>
      <c r="AO3243">
        <v>19052.587619999998</v>
      </c>
      <c r="AP3243">
        <v>12903.177229999999</v>
      </c>
    </row>
    <row r="3244" spans="2:42" x14ac:dyDescent="0.3">
      <c r="B3244">
        <v>59.611064723323217</v>
      </c>
      <c r="C3244" s="83">
        <v>43236.083333333336</v>
      </c>
      <c r="D3244">
        <v>233510.14019999999</v>
      </c>
      <c r="E3244">
        <v>12438.39147</v>
      </c>
      <c r="F3244">
        <v>50788.525600000001</v>
      </c>
      <c r="G3244">
        <v>32299.781210000001</v>
      </c>
      <c r="H3244">
        <v>33807.403859999999</v>
      </c>
      <c r="I3244">
        <v>13600.480219999999</v>
      </c>
      <c r="J3244">
        <v>32603.441210000001</v>
      </c>
      <c r="K3244">
        <v>46877.859920000003</v>
      </c>
      <c r="L3244">
        <v>16337.591119999999</v>
      </c>
      <c r="M3244">
        <v>303925.00709999999</v>
      </c>
      <c r="N3244">
        <v>70235.208750000005</v>
      </c>
      <c r="O3244">
        <v>19431.545330000001</v>
      </c>
      <c r="P3244">
        <v>24045.159520000001</v>
      </c>
      <c r="Q3244">
        <v>85575.406529999993</v>
      </c>
      <c r="R3244">
        <v>15843.949360000001</v>
      </c>
      <c r="S3244">
        <v>71772.737580000001</v>
      </c>
      <c r="T3244">
        <v>18636.81439</v>
      </c>
      <c r="U3244">
        <v>12596.44974</v>
      </c>
      <c r="W3244" s="83">
        <f>Bühler!N3276</f>
        <v>45427.08333332547</v>
      </c>
      <c r="X3244" s="83">
        <v>43236.083333333336</v>
      </c>
      <c r="Y3244">
        <v>233510.14019999999</v>
      </c>
      <c r="Z3244">
        <v>12438.39147</v>
      </c>
      <c r="AA3244">
        <v>50788.525600000001</v>
      </c>
      <c r="AB3244">
        <v>32299.781210000001</v>
      </c>
      <c r="AC3244">
        <v>33807.403859999999</v>
      </c>
      <c r="AD3244">
        <v>13600.480219999999</v>
      </c>
      <c r="AE3244">
        <v>32603.441210000001</v>
      </c>
      <c r="AF3244">
        <v>46877.859920000003</v>
      </c>
      <c r="AG3244">
        <v>16337.591119999999</v>
      </c>
      <c r="AH3244">
        <v>303925.00709999999</v>
      </c>
      <c r="AI3244">
        <v>70235.208750000005</v>
      </c>
      <c r="AJ3244">
        <v>19431.545330000001</v>
      </c>
      <c r="AK3244">
        <v>24045.159520000001</v>
      </c>
      <c r="AL3244">
        <v>85575.406529999993</v>
      </c>
      <c r="AM3244">
        <v>15843.949360000001</v>
      </c>
      <c r="AN3244">
        <v>71772.737580000001</v>
      </c>
      <c r="AO3244">
        <v>18636.81439</v>
      </c>
      <c r="AP3244">
        <v>12596.44974</v>
      </c>
    </row>
    <row r="3245" spans="2:42" x14ac:dyDescent="0.3">
      <c r="B3245">
        <v>60.471533265382334</v>
      </c>
      <c r="C3245" s="83">
        <v>43236.125</v>
      </c>
      <c r="D3245">
        <v>234358.25529999999</v>
      </c>
      <c r="E3245">
        <v>12507.58266</v>
      </c>
      <c r="F3245">
        <v>52145.033000000003</v>
      </c>
      <c r="G3245">
        <v>31699.060860000001</v>
      </c>
      <c r="H3245">
        <v>33732.630499999999</v>
      </c>
      <c r="I3245">
        <v>13286.630010000001</v>
      </c>
      <c r="J3245">
        <v>32988.561659999999</v>
      </c>
      <c r="K3245">
        <v>46338.332399999999</v>
      </c>
      <c r="L3245">
        <v>16006.46463</v>
      </c>
      <c r="M3245">
        <v>308312.07699999999</v>
      </c>
      <c r="N3245">
        <v>69883.780159999995</v>
      </c>
      <c r="O3245">
        <v>19835.545719999998</v>
      </c>
      <c r="P3245">
        <v>23091.62458</v>
      </c>
      <c r="Q3245">
        <v>87764.444759999998</v>
      </c>
      <c r="R3245">
        <v>15633.29247</v>
      </c>
      <c r="S3245">
        <v>71215.1878</v>
      </c>
      <c r="T3245">
        <v>18483.515350000001</v>
      </c>
      <c r="U3245">
        <v>12765.617109999999</v>
      </c>
      <c r="W3245" s="83">
        <f>Bühler!N3277</f>
        <v>45427.124999992135</v>
      </c>
      <c r="X3245" s="83">
        <v>43236.125</v>
      </c>
      <c r="Y3245">
        <v>234358.25529999999</v>
      </c>
      <c r="Z3245">
        <v>12507.58266</v>
      </c>
      <c r="AA3245">
        <v>52145.033000000003</v>
      </c>
      <c r="AB3245">
        <v>31699.060860000001</v>
      </c>
      <c r="AC3245">
        <v>33732.630499999999</v>
      </c>
      <c r="AD3245">
        <v>13286.630010000001</v>
      </c>
      <c r="AE3245">
        <v>32988.561659999999</v>
      </c>
      <c r="AF3245">
        <v>46338.332399999999</v>
      </c>
      <c r="AG3245">
        <v>16006.46463</v>
      </c>
      <c r="AH3245">
        <v>308312.07699999999</v>
      </c>
      <c r="AI3245">
        <v>69883.780159999995</v>
      </c>
      <c r="AJ3245">
        <v>19835.545719999998</v>
      </c>
      <c r="AK3245">
        <v>23091.62458</v>
      </c>
      <c r="AL3245">
        <v>87764.444759999998</v>
      </c>
      <c r="AM3245">
        <v>15633.29247</v>
      </c>
      <c r="AN3245">
        <v>71215.1878</v>
      </c>
      <c r="AO3245">
        <v>18483.515350000001</v>
      </c>
      <c r="AP3245">
        <v>12765.617109999999</v>
      </c>
    </row>
    <row r="3246" spans="2:42" x14ac:dyDescent="0.3">
      <c r="B3246">
        <v>61.787858106986718</v>
      </c>
      <c r="C3246" s="83">
        <v>43236.166666666664</v>
      </c>
      <c r="D3246">
        <v>234945.09419999999</v>
      </c>
      <c r="E3246">
        <v>12964.159669999999</v>
      </c>
      <c r="F3246">
        <v>55124.027329999997</v>
      </c>
      <c r="G3246">
        <v>31048.504250000002</v>
      </c>
      <c r="H3246">
        <v>34313.276790000004</v>
      </c>
      <c r="I3246">
        <v>15035.798199999999</v>
      </c>
      <c r="J3246">
        <v>35076.870239999997</v>
      </c>
      <c r="K3246">
        <v>44867.075640000003</v>
      </c>
      <c r="L3246">
        <v>15996.36707</v>
      </c>
      <c r="M3246">
        <v>315023.3149</v>
      </c>
      <c r="N3246">
        <v>69334.851819999996</v>
      </c>
      <c r="O3246">
        <v>20468.334599999998</v>
      </c>
      <c r="P3246">
        <v>22779.018410000001</v>
      </c>
      <c r="Q3246">
        <v>90713.555859999993</v>
      </c>
      <c r="R3246">
        <v>15408.584779999999</v>
      </c>
      <c r="S3246">
        <v>71837.772700000001</v>
      </c>
      <c r="T3246">
        <v>18398.52736</v>
      </c>
      <c r="U3246">
        <v>13579.770409999999</v>
      </c>
      <c r="W3246" s="83">
        <f>Bühler!N3278</f>
        <v>45427.166666658799</v>
      </c>
      <c r="X3246" s="83">
        <v>43236.166666666664</v>
      </c>
      <c r="Y3246">
        <v>234945.09419999999</v>
      </c>
      <c r="Z3246">
        <v>12964.159669999999</v>
      </c>
      <c r="AA3246">
        <v>55124.027329999997</v>
      </c>
      <c r="AB3246">
        <v>31048.504250000002</v>
      </c>
      <c r="AC3246">
        <v>34313.276790000004</v>
      </c>
      <c r="AD3246">
        <v>15035.798199999999</v>
      </c>
      <c r="AE3246">
        <v>35076.870239999997</v>
      </c>
      <c r="AF3246">
        <v>44867.075640000003</v>
      </c>
      <c r="AG3246">
        <v>15996.36707</v>
      </c>
      <c r="AH3246">
        <v>315023.3149</v>
      </c>
      <c r="AI3246">
        <v>69334.851819999996</v>
      </c>
      <c r="AJ3246">
        <v>20468.334599999998</v>
      </c>
      <c r="AK3246">
        <v>22779.018410000001</v>
      </c>
      <c r="AL3246">
        <v>90713.555859999993</v>
      </c>
      <c r="AM3246">
        <v>15408.584779999999</v>
      </c>
      <c r="AN3246">
        <v>71837.772700000001</v>
      </c>
      <c r="AO3246">
        <v>18398.52736</v>
      </c>
      <c r="AP3246">
        <v>13579.770409999999</v>
      </c>
    </row>
    <row r="3247" spans="2:42" x14ac:dyDescent="0.3">
      <c r="B3247">
        <v>64.766834014901477</v>
      </c>
      <c r="C3247" s="83">
        <v>43236.208333333336</v>
      </c>
      <c r="D3247">
        <v>251014.41269999999</v>
      </c>
      <c r="E3247">
        <v>14931.59583</v>
      </c>
      <c r="F3247">
        <v>65141.365210000004</v>
      </c>
      <c r="G3247">
        <v>32847.82159</v>
      </c>
      <c r="H3247">
        <v>35786.383710000002</v>
      </c>
      <c r="I3247">
        <v>22290.974630000001</v>
      </c>
      <c r="J3247">
        <v>38106.289479999999</v>
      </c>
      <c r="K3247">
        <v>45299.816529999996</v>
      </c>
      <c r="L3247">
        <v>16849.991320000001</v>
      </c>
      <c r="M3247">
        <v>330211.5233</v>
      </c>
      <c r="N3247">
        <v>68029.539780000006</v>
      </c>
      <c r="O3247">
        <v>20452.543409999998</v>
      </c>
      <c r="P3247">
        <v>24155.58697</v>
      </c>
      <c r="Q3247">
        <v>93729.805600000007</v>
      </c>
      <c r="R3247">
        <v>18031.750830000001</v>
      </c>
      <c r="S3247">
        <v>74247.672959999996</v>
      </c>
      <c r="T3247">
        <v>19568.50894</v>
      </c>
      <c r="U3247">
        <v>14306.394780000001</v>
      </c>
      <c r="W3247" s="83">
        <f>Bühler!N3279</f>
        <v>45427.208333325463</v>
      </c>
      <c r="X3247" s="83">
        <v>43236.208333333336</v>
      </c>
      <c r="Y3247">
        <v>251014.41269999999</v>
      </c>
      <c r="Z3247">
        <v>14931.59583</v>
      </c>
      <c r="AA3247">
        <v>65141.365210000004</v>
      </c>
      <c r="AB3247">
        <v>32847.82159</v>
      </c>
      <c r="AC3247">
        <v>35786.383710000002</v>
      </c>
      <c r="AD3247">
        <v>22290.974630000001</v>
      </c>
      <c r="AE3247">
        <v>38106.289479999999</v>
      </c>
      <c r="AF3247">
        <v>45299.816529999996</v>
      </c>
      <c r="AG3247">
        <v>16849.991320000001</v>
      </c>
      <c r="AH3247">
        <v>330211.5233</v>
      </c>
      <c r="AI3247">
        <v>68029.539780000006</v>
      </c>
      <c r="AJ3247">
        <v>20452.543409999998</v>
      </c>
      <c r="AK3247">
        <v>24155.58697</v>
      </c>
      <c r="AL3247">
        <v>93729.805600000007</v>
      </c>
      <c r="AM3247">
        <v>18031.750830000001</v>
      </c>
      <c r="AN3247">
        <v>74247.672959999996</v>
      </c>
      <c r="AO3247">
        <v>19568.50894</v>
      </c>
      <c r="AP3247">
        <v>14306.394780000001</v>
      </c>
    </row>
    <row r="3248" spans="2:42" x14ac:dyDescent="0.3">
      <c r="B3248">
        <v>67.461954778360209</v>
      </c>
      <c r="C3248" s="83">
        <v>43236.25</v>
      </c>
      <c r="D3248">
        <v>265074.81359999999</v>
      </c>
      <c r="E3248">
        <v>18673.218379999998</v>
      </c>
      <c r="F3248">
        <v>76035.060509999996</v>
      </c>
      <c r="G3248">
        <v>42637.734259999997</v>
      </c>
      <c r="H3248">
        <v>37880.334419999999</v>
      </c>
      <c r="I3248">
        <v>29231.10844</v>
      </c>
      <c r="J3248">
        <v>40368.7379</v>
      </c>
      <c r="K3248">
        <v>47636.699370000002</v>
      </c>
      <c r="L3248">
        <v>17383.594079999999</v>
      </c>
      <c r="M3248">
        <v>343952.50579999998</v>
      </c>
      <c r="N3248">
        <v>72115.569029999999</v>
      </c>
      <c r="O3248">
        <v>21803.072059999999</v>
      </c>
      <c r="P3248">
        <v>24798.910940000002</v>
      </c>
      <c r="Q3248">
        <v>94907.056219999999</v>
      </c>
      <c r="R3248">
        <v>17172.84722</v>
      </c>
      <c r="S3248">
        <v>81026.205419999998</v>
      </c>
      <c r="T3248">
        <v>22416.315060000001</v>
      </c>
      <c r="U3248">
        <v>16714.94527</v>
      </c>
      <c r="W3248" s="83">
        <f>Bühler!N3280</f>
        <v>45427.249999992127</v>
      </c>
      <c r="X3248" s="83">
        <v>43236.25</v>
      </c>
      <c r="Y3248">
        <v>265074.81359999999</v>
      </c>
      <c r="Z3248">
        <v>18673.218379999998</v>
      </c>
      <c r="AA3248">
        <v>76035.060509999996</v>
      </c>
      <c r="AB3248">
        <v>42637.734259999997</v>
      </c>
      <c r="AC3248">
        <v>37880.334419999999</v>
      </c>
      <c r="AD3248">
        <v>29231.10844</v>
      </c>
      <c r="AE3248">
        <v>40368.7379</v>
      </c>
      <c r="AF3248">
        <v>47636.699370000002</v>
      </c>
      <c r="AG3248">
        <v>17383.594079999999</v>
      </c>
      <c r="AH3248">
        <v>343952.50579999998</v>
      </c>
      <c r="AI3248">
        <v>72115.569029999999</v>
      </c>
      <c r="AJ3248">
        <v>21803.072059999999</v>
      </c>
      <c r="AK3248">
        <v>24798.910940000002</v>
      </c>
      <c r="AL3248">
        <v>94907.056219999999</v>
      </c>
      <c r="AM3248">
        <v>17172.84722</v>
      </c>
      <c r="AN3248">
        <v>81026.205419999998</v>
      </c>
      <c r="AO3248">
        <v>22416.315060000001</v>
      </c>
      <c r="AP3248">
        <v>16714.94527</v>
      </c>
    </row>
    <row r="3249" spans="2:42" x14ac:dyDescent="0.3">
      <c r="B3249">
        <v>69.545361020074395</v>
      </c>
      <c r="C3249" s="83">
        <v>43236.291666666664</v>
      </c>
      <c r="D3249">
        <v>275559.7133</v>
      </c>
      <c r="E3249">
        <v>22837.990979999999</v>
      </c>
      <c r="F3249">
        <v>79047.599669999996</v>
      </c>
      <c r="G3249">
        <v>53324.783060000002</v>
      </c>
      <c r="H3249">
        <v>42307.792549999998</v>
      </c>
      <c r="I3249">
        <v>36026.95923</v>
      </c>
      <c r="J3249">
        <v>41070.160000000003</v>
      </c>
      <c r="K3249">
        <v>53104.693180000002</v>
      </c>
      <c r="L3249">
        <v>20599.023089999999</v>
      </c>
      <c r="M3249">
        <v>354574.68239999999</v>
      </c>
      <c r="N3249">
        <v>78119.436879999994</v>
      </c>
      <c r="O3249">
        <v>23584.96428</v>
      </c>
      <c r="P3249">
        <v>28621.662489999999</v>
      </c>
      <c r="Q3249">
        <v>94036.159249999997</v>
      </c>
      <c r="R3249">
        <v>17463.89486</v>
      </c>
      <c r="S3249">
        <v>94670.774560000005</v>
      </c>
      <c r="T3249">
        <v>25936.05082</v>
      </c>
      <c r="U3249">
        <v>20623.43953</v>
      </c>
      <c r="W3249" s="83">
        <f>Bühler!N3281</f>
        <v>45427.291666658792</v>
      </c>
      <c r="X3249" s="83">
        <v>43236.291666666664</v>
      </c>
      <c r="Y3249">
        <v>275559.7133</v>
      </c>
      <c r="Z3249">
        <v>22837.990979999999</v>
      </c>
      <c r="AA3249">
        <v>79047.599669999996</v>
      </c>
      <c r="AB3249">
        <v>53324.783060000002</v>
      </c>
      <c r="AC3249">
        <v>42307.792549999998</v>
      </c>
      <c r="AD3249">
        <v>36026.95923</v>
      </c>
      <c r="AE3249">
        <v>41070.160000000003</v>
      </c>
      <c r="AF3249">
        <v>53104.693180000002</v>
      </c>
      <c r="AG3249">
        <v>20599.023089999999</v>
      </c>
      <c r="AH3249">
        <v>354574.68239999999</v>
      </c>
      <c r="AI3249">
        <v>78119.436879999994</v>
      </c>
      <c r="AJ3249">
        <v>23584.96428</v>
      </c>
      <c r="AK3249">
        <v>28621.662489999999</v>
      </c>
      <c r="AL3249">
        <v>94036.159249999997</v>
      </c>
      <c r="AM3249">
        <v>17463.89486</v>
      </c>
      <c r="AN3249">
        <v>94670.774560000005</v>
      </c>
      <c r="AO3249">
        <v>25936.05082</v>
      </c>
      <c r="AP3249">
        <v>20623.43953</v>
      </c>
    </row>
    <row r="3250" spans="2:42" x14ac:dyDescent="0.3">
      <c r="B3250">
        <v>70.556851977180898</v>
      </c>
      <c r="C3250" s="83">
        <v>43236.333333333336</v>
      </c>
      <c r="D3250">
        <v>286544.2353</v>
      </c>
      <c r="E3250">
        <v>28551.162130000001</v>
      </c>
      <c r="F3250">
        <v>85294.133300000001</v>
      </c>
      <c r="G3250">
        <v>68091.656579999995</v>
      </c>
      <c r="H3250">
        <v>47771.782070000001</v>
      </c>
      <c r="I3250">
        <v>39268.14473</v>
      </c>
      <c r="J3250">
        <v>42770.540240000002</v>
      </c>
      <c r="K3250">
        <v>59663.02577</v>
      </c>
      <c r="L3250">
        <v>23082.58613</v>
      </c>
      <c r="M3250">
        <v>359731.73499999999</v>
      </c>
      <c r="N3250">
        <v>84340.168890000001</v>
      </c>
      <c r="O3250">
        <v>25539.791590000001</v>
      </c>
      <c r="P3250">
        <v>30631.097849999998</v>
      </c>
      <c r="Q3250">
        <v>94936.120970000004</v>
      </c>
      <c r="R3250">
        <v>19307.125650000002</v>
      </c>
      <c r="S3250">
        <v>107482.10619999999</v>
      </c>
      <c r="T3250">
        <v>29145.199209999999</v>
      </c>
      <c r="U3250">
        <v>23622.314190000001</v>
      </c>
      <c r="W3250" s="83">
        <f>Bühler!N3282</f>
        <v>45427.333333325456</v>
      </c>
      <c r="X3250" s="83">
        <v>43236.333333333336</v>
      </c>
      <c r="Y3250">
        <v>286544.2353</v>
      </c>
      <c r="Z3250">
        <v>28551.162130000001</v>
      </c>
      <c r="AA3250">
        <v>85294.133300000001</v>
      </c>
      <c r="AB3250">
        <v>68091.656579999995</v>
      </c>
      <c r="AC3250">
        <v>47771.782070000001</v>
      </c>
      <c r="AD3250">
        <v>39268.14473</v>
      </c>
      <c r="AE3250">
        <v>42770.540240000002</v>
      </c>
      <c r="AF3250">
        <v>59663.02577</v>
      </c>
      <c r="AG3250">
        <v>23082.58613</v>
      </c>
      <c r="AH3250">
        <v>359731.73499999999</v>
      </c>
      <c r="AI3250">
        <v>84340.168890000001</v>
      </c>
      <c r="AJ3250">
        <v>25539.791590000001</v>
      </c>
      <c r="AK3250">
        <v>30631.097849999998</v>
      </c>
      <c r="AL3250">
        <v>94936.120970000004</v>
      </c>
      <c r="AM3250">
        <v>19307.125650000002</v>
      </c>
      <c r="AN3250">
        <v>107482.10619999999</v>
      </c>
      <c r="AO3250">
        <v>29145.199209999999</v>
      </c>
      <c r="AP3250">
        <v>23622.314190000001</v>
      </c>
    </row>
    <row r="3251" spans="2:42" x14ac:dyDescent="0.3">
      <c r="B3251">
        <v>70.951000229855097</v>
      </c>
      <c r="C3251" s="83">
        <v>43236.375</v>
      </c>
      <c r="D3251">
        <v>287952.23729999998</v>
      </c>
      <c r="E3251">
        <v>32757.92355</v>
      </c>
      <c r="F3251">
        <v>93898.236860000005</v>
      </c>
      <c r="G3251">
        <v>76019.948430000004</v>
      </c>
      <c r="H3251">
        <v>50332.804049999999</v>
      </c>
      <c r="I3251">
        <v>37760.023800000003</v>
      </c>
      <c r="J3251">
        <v>43539.59072</v>
      </c>
      <c r="K3251">
        <v>62096.464699999997</v>
      </c>
      <c r="L3251">
        <v>26540.609690000001</v>
      </c>
      <c r="M3251">
        <v>361741.28659999999</v>
      </c>
      <c r="N3251">
        <v>87708.592340000003</v>
      </c>
      <c r="O3251">
        <v>26554.31853</v>
      </c>
      <c r="P3251">
        <v>32294.696209999998</v>
      </c>
      <c r="Q3251">
        <v>96804.42426</v>
      </c>
      <c r="R3251">
        <v>20060.515770000002</v>
      </c>
      <c r="S3251">
        <v>113622.7708</v>
      </c>
      <c r="T3251">
        <v>31386.688900000001</v>
      </c>
      <c r="U3251">
        <v>23637.68046</v>
      </c>
      <c r="W3251" s="83">
        <f>Bühler!N3283</f>
        <v>45427.37499999212</v>
      </c>
      <c r="X3251" s="83">
        <v>43236.375</v>
      </c>
      <c r="Y3251">
        <v>287952.23729999998</v>
      </c>
      <c r="Z3251">
        <v>32757.92355</v>
      </c>
      <c r="AA3251">
        <v>93898.236860000005</v>
      </c>
      <c r="AB3251">
        <v>76019.948430000004</v>
      </c>
      <c r="AC3251">
        <v>50332.804049999999</v>
      </c>
      <c r="AD3251">
        <v>37760.023800000003</v>
      </c>
      <c r="AE3251">
        <v>43539.59072</v>
      </c>
      <c r="AF3251">
        <v>62096.464699999997</v>
      </c>
      <c r="AG3251">
        <v>26540.609690000001</v>
      </c>
      <c r="AH3251">
        <v>361741.28659999999</v>
      </c>
      <c r="AI3251">
        <v>87708.592340000003</v>
      </c>
      <c r="AJ3251">
        <v>26554.31853</v>
      </c>
      <c r="AK3251">
        <v>32294.696209999998</v>
      </c>
      <c r="AL3251">
        <v>96804.42426</v>
      </c>
      <c r="AM3251">
        <v>20060.515770000002</v>
      </c>
      <c r="AN3251">
        <v>113622.7708</v>
      </c>
      <c r="AO3251">
        <v>31386.688900000001</v>
      </c>
      <c r="AP3251">
        <v>23637.68046</v>
      </c>
    </row>
    <row r="3252" spans="2:42" x14ac:dyDescent="0.3">
      <c r="B3252">
        <v>71.260262249891341</v>
      </c>
      <c r="C3252" s="83">
        <v>43236.416666666664</v>
      </c>
      <c r="D3252">
        <v>293133.63679999998</v>
      </c>
      <c r="E3252">
        <v>34533.811439999998</v>
      </c>
      <c r="F3252">
        <v>95370.209940000001</v>
      </c>
      <c r="G3252">
        <v>77105.31727</v>
      </c>
      <c r="H3252">
        <v>51120.321839999997</v>
      </c>
      <c r="I3252">
        <v>35645.163610000003</v>
      </c>
      <c r="J3252">
        <v>42753.382120000002</v>
      </c>
      <c r="K3252">
        <v>63103.706870000002</v>
      </c>
      <c r="L3252">
        <v>29011.141909999998</v>
      </c>
      <c r="M3252">
        <v>363318.04859999998</v>
      </c>
      <c r="N3252">
        <v>90857.005869999994</v>
      </c>
      <c r="O3252">
        <v>27851.95635</v>
      </c>
      <c r="P3252">
        <v>33823.914559999997</v>
      </c>
      <c r="Q3252">
        <v>98539.821179999999</v>
      </c>
      <c r="R3252">
        <v>20974.89486</v>
      </c>
      <c r="S3252">
        <v>116127.15119999999</v>
      </c>
      <c r="T3252">
        <v>33191.848850000002</v>
      </c>
      <c r="U3252">
        <v>23918.866610000001</v>
      </c>
      <c r="W3252" s="83">
        <f>Bühler!N3284</f>
        <v>45427.416666658784</v>
      </c>
      <c r="X3252" s="83">
        <v>43236.416666666664</v>
      </c>
      <c r="Y3252">
        <v>293133.63679999998</v>
      </c>
      <c r="Z3252">
        <v>34533.811439999998</v>
      </c>
      <c r="AA3252">
        <v>95370.209940000001</v>
      </c>
      <c r="AB3252">
        <v>77105.31727</v>
      </c>
      <c r="AC3252">
        <v>51120.321839999997</v>
      </c>
      <c r="AD3252">
        <v>35645.163610000003</v>
      </c>
      <c r="AE3252">
        <v>42753.382120000002</v>
      </c>
      <c r="AF3252">
        <v>63103.706870000002</v>
      </c>
      <c r="AG3252">
        <v>29011.141909999998</v>
      </c>
      <c r="AH3252">
        <v>363318.04859999998</v>
      </c>
      <c r="AI3252">
        <v>90857.005869999994</v>
      </c>
      <c r="AJ3252">
        <v>27851.95635</v>
      </c>
      <c r="AK3252">
        <v>33823.914559999997</v>
      </c>
      <c r="AL3252">
        <v>98539.821179999999</v>
      </c>
      <c r="AM3252">
        <v>20974.89486</v>
      </c>
      <c r="AN3252">
        <v>116127.15119999999</v>
      </c>
      <c r="AO3252">
        <v>33191.848850000002</v>
      </c>
      <c r="AP3252">
        <v>23918.866610000001</v>
      </c>
    </row>
    <row r="3253" spans="2:42" x14ac:dyDescent="0.3">
      <c r="B3253">
        <v>71.874423938913893</v>
      </c>
      <c r="C3253" s="83">
        <v>43236.458333333336</v>
      </c>
      <c r="D3253">
        <v>292015.255</v>
      </c>
      <c r="E3253">
        <v>34635.646580000001</v>
      </c>
      <c r="F3253">
        <v>97061.036800000002</v>
      </c>
      <c r="G3253">
        <v>76493.323969999998</v>
      </c>
      <c r="H3253">
        <v>51076.039190000003</v>
      </c>
      <c r="I3253">
        <v>35481.049370000001</v>
      </c>
      <c r="J3253">
        <v>42994.691429999999</v>
      </c>
      <c r="K3253">
        <v>63488.718820000002</v>
      </c>
      <c r="L3253">
        <v>30600.160349999998</v>
      </c>
      <c r="M3253">
        <v>366449.33130000002</v>
      </c>
      <c r="N3253">
        <v>92267.520300000004</v>
      </c>
      <c r="O3253">
        <v>28154.174439999999</v>
      </c>
      <c r="P3253">
        <v>33168.08006</v>
      </c>
      <c r="Q3253">
        <v>100186.4469</v>
      </c>
      <c r="R3253">
        <v>22554.3141</v>
      </c>
      <c r="S3253">
        <v>119398.7154</v>
      </c>
      <c r="T3253">
        <v>33212.408969999997</v>
      </c>
      <c r="U3253">
        <v>24015.794290000002</v>
      </c>
      <c r="W3253" s="83">
        <f>Bühler!N3285</f>
        <v>45427.458333325449</v>
      </c>
      <c r="X3253" s="83">
        <v>43236.458333333336</v>
      </c>
      <c r="Y3253">
        <v>292015.255</v>
      </c>
      <c r="Z3253">
        <v>34635.646580000001</v>
      </c>
      <c r="AA3253">
        <v>97061.036800000002</v>
      </c>
      <c r="AB3253">
        <v>76493.323969999998</v>
      </c>
      <c r="AC3253">
        <v>51076.039190000003</v>
      </c>
      <c r="AD3253">
        <v>35481.049370000001</v>
      </c>
      <c r="AE3253">
        <v>42994.691429999999</v>
      </c>
      <c r="AF3253">
        <v>63488.718820000002</v>
      </c>
      <c r="AG3253">
        <v>30600.160349999998</v>
      </c>
      <c r="AH3253">
        <v>366449.33130000002</v>
      </c>
      <c r="AI3253">
        <v>92267.520300000004</v>
      </c>
      <c r="AJ3253">
        <v>28154.174439999999</v>
      </c>
      <c r="AK3253">
        <v>33168.08006</v>
      </c>
      <c r="AL3253">
        <v>100186.4469</v>
      </c>
      <c r="AM3253">
        <v>22554.3141</v>
      </c>
      <c r="AN3253">
        <v>119398.7154</v>
      </c>
      <c r="AO3253">
        <v>33212.408969999997</v>
      </c>
      <c r="AP3253">
        <v>24015.794290000002</v>
      </c>
    </row>
    <row r="3254" spans="2:42" x14ac:dyDescent="0.3">
      <c r="B3254">
        <v>71.282245252716663</v>
      </c>
      <c r="C3254" s="83">
        <v>43236.5</v>
      </c>
      <c r="D3254">
        <v>280391.27380000002</v>
      </c>
      <c r="E3254">
        <v>31405.521390000002</v>
      </c>
      <c r="F3254">
        <v>91152.773579999994</v>
      </c>
      <c r="G3254">
        <v>70449.674329999994</v>
      </c>
      <c r="H3254">
        <v>48839.792990000002</v>
      </c>
      <c r="I3254">
        <v>35028.961909999998</v>
      </c>
      <c r="J3254">
        <v>43917.906629999998</v>
      </c>
      <c r="K3254">
        <v>60726.388830000004</v>
      </c>
      <c r="L3254">
        <v>33407.420910000001</v>
      </c>
      <c r="M3254">
        <v>363430.12819999998</v>
      </c>
      <c r="N3254">
        <v>89734.540399999998</v>
      </c>
      <c r="O3254">
        <v>27106.602449999998</v>
      </c>
      <c r="P3254">
        <v>34589.617209999997</v>
      </c>
      <c r="Q3254">
        <v>100698.2775</v>
      </c>
      <c r="R3254">
        <v>25227.03383</v>
      </c>
      <c r="S3254">
        <v>113150.2224</v>
      </c>
      <c r="T3254">
        <v>32890.164230000002</v>
      </c>
      <c r="U3254">
        <v>18707.066699999999</v>
      </c>
      <c r="W3254" s="83">
        <f>Bühler!N3286</f>
        <v>45427.499999992113</v>
      </c>
      <c r="X3254" s="83">
        <v>43236.5</v>
      </c>
      <c r="Y3254">
        <v>280391.27380000002</v>
      </c>
      <c r="Z3254">
        <v>31405.521390000002</v>
      </c>
      <c r="AA3254">
        <v>91152.773579999994</v>
      </c>
      <c r="AB3254">
        <v>70449.674329999994</v>
      </c>
      <c r="AC3254">
        <v>48839.792990000002</v>
      </c>
      <c r="AD3254">
        <v>35028.961909999998</v>
      </c>
      <c r="AE3254">
        <v>43917.906629999998</v>
      </c>
      <c r="AF3254">
        <v>60726.388830000004</v>
      </c>
      <c r="AG3254">
        <v>33407.420910000001</v>
      </c>
      <c r="AH3254">
        <v>363430.12819999998</v>
      </c>
      <c r="AI3254">
        <v>89734.540399999998</v>
      </c>
      <c r="AJ3254">
        <v>27106.602449999998</v>
      </c>
      <c r="AK3254">
        <v>34589.617209999997</v>
      </c>
      <c r="AL3254">
        <v>100698.2775</v>
      </c>
      <c r="AM3254">
        <v>25227.03383</v>
      </c>
      <c r="AN3254">
        <v>113150.2224</v>
      </c>
      <c r="AO3254">
        <v>32890.164230000002</v>
      </c>
      <c r="AP3254">
        <v>18707.066699999999</v>
      </c>
    </row>
    <row r="3255" spans="2:42" x14ac:dyDescent="0.3">
      <c r="B3255">
        <v>70.987846878906026</v>
      </c>
      <c r="C3255" s="83">
        <v>43236.541666666664</v>
      </c>
      <c r="D3255">
        <v>283822.68560000003</v>
      </c>
      <c r="E3255">
        <v>31426.22741</v>
      </c>
      <c r="F3255">
        <v>89020.848559999999</v>
      </c>
      <c r="G3255">
        <v>65209.93722</v>
      </c>
      <c r="H3255">
        <v>49445.518069999998</v>
      </c>
      <c r="I3255">
        <v>36154.11707</v>
      </c>
      <c r="J3255">
        <v>43164.03671</v>
      </c>
      <c r="K3255">
        <v>62536.247049999998</v>
      </c>
      <c r="L3255">
        <v>32161.769260000001</v>
      </c>
      <c r="M3255">
        <v>361929.14799999999</v>
      </c>
      <c r="N3255">
        <v>91642.146059999999</v>
      </c>
      <c r="O3255">
        <v>26931.839970000001</v>
      </c>
      <c r="P3255">
        <v>32960.737730000001</v>
      </c>
      <c r="Q3255">
        <v>99387.035359999994</v>
      </c>
      <c r="R3255">
        <v>24734.4512</v>
      </c>
      <c r="S3255">
        <v>113312.0588</v>
      </c>
      <c r="T3255">
        <v>33142.660980000001</v>
      </c>
      <c r="U3255">
        <v>20838.078300000001</v>
      </c>
      <c r="W3255" s="83">
        <f>Bühler!N3287</f>
        <v>45427.541666658777</v>
      </c>
      <c r="X3255" s="83">
        <v>43236.541666666664</v>
      </c>
      <c r="Y3255">
        <v>283822.68560000003</v>
      </c>
      <c r="Z3255">
        <v>31426.22741</v>
      </c>
      <c r="AA3255">
        <v>89020.848559999999</v>
      </c>
      <c r="AB3255">
        <v>65209.93722</v>
      </c>
      <c r="AC3255">
        <v>49445.518069999998</v>
      </c>
      <c r="AD3255">
        <v>36154.11707</v>
      </c>
      <c r="AE3255">
        <v>43164.03671</v>
      </c>
      <c r="AF3255">
        <v>62536.247049999998</v>
      </c>
      <c r="AG3255">
        <v>32161.769260000001</v>
      </c>
      <c r="AH3255">
        <v>361929.14799999999</v>
      </c>
      <c r="AI3255">
        <v>91642.146059999999</v>
      </c>
      <c r="AJ3255">
        <v>26931.839970000001</v>
      </c>
      <c r="AK3255">
        <v>32960.737730000001</v>
      </c>
      <c r="AL3255">
        <v>99387.035359999994</v>
      </c>
      <c r="AM3255">
        <v>24734.4512</v>
      </c>
      <c r="AN3255">
        <v>113312.0588</v>
      </c>
      <c r="AO3255">
        <v>33142.660980000001</v>
      </c>
      <c r="AP3255">
        <v>20838.078300000001</v>
      </c>
    </row>
    <row r="3256" spans="2:42" x14ac:dyDescent="0.3">
      <c r="B3256">
        <v>71.253460753583596</v>
      </c>
      <c r="C3256" s="83">
        <v>43236.583333333336</v>
      </c>
      <c r="D3256">
        <v>285167.16590000002</v>
      </c>
      <c r="E3256">
        <v>34518.301769999998</v>
      </c>
      <c r="F3256">
        <v>96628.058059999996</v>
      </c>
      <c r="G3256">
        <v>61766.695610000002</v>
      </c>
      <c r="H3256">
        <v>49648.048900000002</v>
      </c>
      <c r="I3256">
        <v>36620.497219999997</v>
      </c>
      <c r="J3256">
        <v>43264.958200000001</v>
      </c>
      <c r="K3256">
        <v>64637.57576</v>
      </c>
      <c r="L3256">
        <v>29156.892510000001</v>
      </c>
      <c r="M3256">
        <v>363283.3714</v>
      </c>
      <c r="N3256">
        <v>92371.248529999997</v>
      </c>
      <c r="O3256">
        <v>27617.969300000001</v>
      </c>
      <c r="P3256">
        <v>30061.594069999999</v>
      </c>
      <c r="Q3256">
        <v>99057.560169999997</v>
      </c>
      <c r="R3256">
        <v>23965.837169999999</v>
      </c>
      <c r="S3256">
        <v>110145.65119999999</v>
      </c>
      <c r="T3256">
        <v>32636.733080000002</v>
      </c>
      <c r="U3256">
        <v>22808.004120000001</v>
      </c>
      <c r="W3256" s="83">
        <f>Bühler!N3288</f>
        <v>45427.583333325441</v>
      </c>
      <c r="X3256" s="83">
        <v>43236.583333333336</v>
      </c>
      <c r="Y3256">
        <v>285167.16590000002</v>
      </c>
      <c r="Z3256">
        <v>34518.301769999998</v>
      </c>
      <c r="AA3256">
        <v>96628.058059999996</v>
      </c>
      <c r="AB3256">
        <v>61766.695610000002</v>
      </c>
      <c r="AC3256">
        <v>49648.048900000002</v>
      </c>
      <c r="AD3256">
        <v>36620.497219999997</v>
      </c>
      <c r="AE3256">
        <v>43264.958200000001</v>
      </c>
      <c r="AF3256">
        <v>64637.57576</v>
      </c>
      <c r="AG3256">
        <v>29156.892510000001</v>
      </c>
      <c r="AH3256">
        <v>363283.3714</v>
      </c>
      <c r="AI3256">
        <v>92371.248529999997</v>
      </c>
      <c r="AJ3256">
        <v>27617.969300000001</v>
      </c>
      <c r="AK3256">
        <v>30061.594069999999</v>
      </c>
      <c r="AL3256">
        <v>99057.560169999997</v>
      </c>
      <c r="AM3256">
        <v>23965.837169999999</v>
      </c>
      <c r="AN3256">
        <v>110145.65119999999</v>
      </c>
      <c r="AO3256">
        <v>32636.733080000002</v>
      </c>
      <c r="AP3256">
        <v>22808.004120000001</v>
      </c>
    </row>
    <row r="3257" spans="2:42" x14ac:dyDescent="0.3">
      <c r="B3257">
        <v>70.195125258535427</v>
      </c>
      <c r="C3257" s="83">
        <v>43236.625</v>
      </c>
      <c r="D3257">
        <v>282445.83470000001</v>
      </c>
      <c r="E3257">
        <v>34691.185740000001</v>
      </c>
      <c r="F3257">
        <v>98017.127139999997</v>
      </c>
      <c r="G3257">
        <v>59697.701150000001</v>
      </c>
      <c r="H3257">
        <v>48393.950060000003</v>
      </c>
      <c r="I3257">
        <v>35906.94328</v>
      </c>
      <c r="J3257">
        <v>43440.310039999997</v>
      </c>
      <c r="K3257">
        <v>62422.334940000001</v>
      </c>
      <c r="L3257">
        <v>26423.50504</v>
      </c>
      <c r="M3257">
        <v>357887.48349999997</v>
      </c>
      <c r="N3257">
        <v>91217.948300000004</v>
      </c>
      <c r="O3257">
        <v>27326.072520000002</v>
      </c>
      <c r="P3257">
        <v>27690.280559999999</v>
      </c>
      <c r="Q3257">
        <v>97709.187349999993</v>
      </c>
      <c r="R3257">
        <v>23372.041239999999</v>
      </c>
      <c r="S3257">
        <v>108159.3113</v>
      </c>
      <c r="T3257">
        <v>31814.94987</v>
      </c>
      <c r="U3257">
        <v>21563.600869999998</v>
      </c>
      <c r="W3257" s="83">
        <f>Bühler!N3289</f>
        <v>45427.624999992106</v>
      </c>
      <c r="X3257" s="83">
        <v>43236.625</v>
      </c>
      <c r="Y3257">
        <v>282445.83470000001</v>
      </c>
      <c r="Z3257">
        <v>34691.185740000001</v>
      </c>
      <c r="AA3257">
        <v>98017.127139999997</v>
      </c>
      <c r="AB3257">
        <v>59697.701150000001</v>
      </c>
      <c r="AC3257">
        <v>48393.950060000003</v>
      </c>
      <c r="AD3257">
        <v>35906.94328</v>
      </c>
      <c r="AE3257">
        <v>43440.310039999997</v>
      </c>
      <c r="AF3257">
        <v>62422.334940000001</v>
      </c>
      <c r="AG3257">
        <v>26423.50504</v>
      </c>
      <c r="AH3257">
        <v>357887.48349999997</v>
      </c>
      <c r="AI3257">
        <v>91217.948300000004</v>
      </c>
      <c r="AJ3257">
        <v>27326.072520000002</v>
      </c>
      <c r="AK3257">
        <v>27690.280559999999</v>
      </c>
      <c r="AL3257">
        <v>97709.187349999993</v>
      </c>
      <c r="AM3257">
        <v>23372.041239999999</v>
      </c>
      <c r="AN3257">
        <v>108159.3113</v>
      </c>
      <c r="AO3257">
        <v>31814.94987</v>
      </c>
      <c r="AP3257">
        <v>21563.600869999998</v>
      </c>
    </row>
    <row r="3258" spans="2:42" x14ac:dyDescent="0.3">
      <c r="B3258">
        <v>68.495595690458217</v>
      </c>
      <c r="C3258" s="83">
        <v>43236.666666666664</v>
      </c>
      <c r="D3258">
        <v>274364.06050000002</v>
      </c>
      <c r="E3258">
        <v>34037.30373</v>
      </c>
      <c r="F3258">
        <v>97684.636549999996</v>
      </c>
      <c r="G3258">
        <v>55873.790029999996</v>
      </c>
      <c r="H3258">
        <v>47301.039709999997</v>
      </c>
      <c r="I3258">
        <v>36930.749709999996</v>
      </c>
      <c r="J3258">
        <v>42217.60684</v>
      </c>
      <c r="K3258">
        <v>58678.666740000001</v>
      </c>
      <c r="L3258">
        <v>25272.46861</v>
      </c>
      <c r="M3258">
        <v>349222.48920000001</v>
      </c>
      <c r="N3258">
        <v>87577.082639999993</v>
      </c>
      <c r="O3258">
        <v>26134.118890000002</v>
      </c>
      <c r="P3258">
        <v>27190.48979</v>
      </c>
      <c r="Q3258">
        <v>96264.275469999993</v>
      </c>
      <c r="R3258">
        <v>23211.342349999999</v>
      </c>
      <c r="S3258">
        <v>105753.09080000001</v>
      </c>
      <c r="T3258">
        <v>31590.46009</v>
      </c>
      <c r="U3258">
        <v>18959.447219999998</v>
      </c>
      <c r="W3258" s="83">
        <f>Bühler!N3290</f>
        <v>45427.66666665877</v>
      </c>
      <c r="X3258" s="83">
        <v>43236.666666666664</v>
      </c>
      <c r="Y3258">
        <v>274364.06050000002</v>
      </c>
      <c r="Z3258">
        <v>34037.30373</v>
      </c>
      <c r="AA3258">
        <v>97684.636549999996</v>
      </c>
      <c r="AB3258">
        <v>55873.790029999996</v>
      </c>
      <c r="AC3258">
        <v>47301.039709999997</v>
      </c>
      <c r="AD3258">
        <v>36930.749709999996</v>
      </c>
      <c r="AE3258">
        <v>42217.60684</v>
      </c>
      <c r="AF3258">
        <v>58678.666740000001</v>
      </c>
      <c r="AG3258">
        <v>25272.46861</v>
      </c>
      <c r="AH3258">
        <v>349222.48920000001</v>
      </c>
      <c r="AI3258">
        <v>87577.082639999993</v>
      </c>
      <c r="AJ3258">
        <v>26134.118890000002</v>
      </c>
      <c r="AK3258">
        <v>27190.48979</v>
      </c>
      <c r="AL3258">
        <v>96264.275469999993</v>
      </c>
      <c r="AM3258">
        <v>23211.342349999999</v>
      </c>
      <c r="AN3258">
        <v>105753.09080000001</v>
      </c>
      <c r="AO3258">
        <v>31590.46009</v>
      </c>
      <c r="AP3258">
        <v>18959.447219999998</v>
      </c>
    </row>
    <row r="3259" spans="2:42" x14ac:dyDescent="0.3">
      <c r="B3259">
        <v>66.777138607020959</v>
      </c>
      <c r="C3259" s="83">
        <v>43236.708333333336</v>
      </c>
      <c r="D3259">
        <v>263184.84600000002</v>
      </c>
      <c r="E3259">
        <v>31942.395919999999</v>
      </c>
      <c r="F3259">
        <v>96649.678939999998</v>
      </c>
      <c r="G3259">
        <v>50528.63538</v>
      </c>
      <c r="H3259">
        <v>44776.895879999996</v>
      </c>
      <c r="I3259">
        <v>36794.807399999998</v>
      </c>
      <c r="J3259">
        <v>41756.911249999997</v>
      </c>
      <c r="K3259">
        <v>53947.121780000001</v>
      </c>
      <c r="L3259">
        <v>25158.211309999999</v>
      </c>
      <c r="M3259">
        <v>340460.99359999999</v>
      </c>
      <c r="N3259">
        <v>83311.175470000002</v>
      </c>
      <c r="O3259">
        <v>24475.891</v>
      </c>
      <c r="P3259">
        <v>30003.59549</v>
      </c>
      <c r="Q3259">
        <v>94023.665460000004</v>
      </c>
      <c r="R3259">
        <v>22921.41273</v>
      </c>
      <c r="S3259">
        <v>102467.6395</v>
      </c>
      <c r="T3259">
        <v>30579.125550000001</v>
      </c>
      <c r="U3259">
        <v>16665.809939999999</v>
      </c>
      <c r="W3259" s="83">
        <f>Bühler!N3291</f>
        <v>45427.708333325434</v>
      </c>
      <c r="X3259" s="83">
        <v>43236.708333333336</v>
      </c>
      <c r="Y3259">
        <v>263184.84600000002</v>
      </c>
      <c r="Z3259">
        <v>31942.395919999999</v>
      </c>
      <c r="AA3259">
        <v>96649.678939999998</v>
      </c>
      <c r="AB3259">
        <v>50528.63538</v>
      </c>
      <c r="AC3259">
        <v>44776.895879999996</v>
      </c>
      <c r="AD3259">
        <v>36794.807399999998</v>
      </c>
      <c r="AE3259">
        <v>41756.911249999997</v>
      </c>
      <c r="AF3259">
        <v>53947.121780000001</v>
      </c>
      <c r="AG3259">
        <v>25158.211309999999</v>
      </c>
      <c r="AH3259">
        <v>340460.99359999999</v>
      </c>
      <c r="AI3259">
        <v>83311.175470000002</v>
      </c>
      <c r="AJ3259">
        <v>24475.891</v>
      </c>
      <c r="AK3259">
        <v>30003.59549</v>
      </c>
      <c r="AL3259">
        <v>94023.665460000004</v>
      </c>
      <c r="AM3259">
        <v>22921.41273</v>
      </c>
      <c r="AN3259">
        <v>102467.6395</v>
      </c>
      <c r="AO3259">
        <v>30579.125550000001</v>
      </c>
      <c r="AP3259">
        <v>16665.809939999999</v>
      </c>
    </row>
    <row r="3260" spans="2:42" x14ac:dyDescent="0.3">
      <c r="B3260">
        <v>65.559683104976955</v>
      </c>
      <c r="C3260" s="83">
        <v>43236.75</v>
      </c>
      <c r="D3260">
        <v>255326.93840000001</v>
      </c>
      <c r="E3260">
        <v>28546.745500000001</v>
      </c>
      <c r="F3260">
        <v>92778.549780000001</v>
      </c>
      <c r="G3260">
        <v>46019.902370000003</v>
      </c>
      <c r="H3260">
        <v>42157.246630000001</v>
      </c>
      <c r="I3260">
        <v>34639.002939999998</v>
      </c>
      <c r="J3260">
        <v>41436.116000000002</v>
      </c>
      <c r="K3260">
        <v>52318.944259999997</v>
      </c>
      <c r="L3260">
        <v>26123.252990000001</v>
      </c>
      <c r="M3260">
        <v>334253.83769999997</v>
      </c>
      <c r="N3260">
        <v>80665.080759999997</v>
      </c>
      <c r="O3260">
        <v>23096.43046</v>
      </c>
      <c r="P3260">
        <v>32092.247480000002</v>
      </c>
      <c r="Q3260">
        <v>92599.000790000006</v>
      </c>
      <c r="R3260">
        <v>21328.6695</v>
      </c>
      <c r="S3260">
        <v>94578.695240000001</v>
      </c>
      <c r="T3260">
        <v>29964.91851</v>
      </c>
      <c r="U3260">
        <v>15490.32962</v>
      </c>
      <c r="W3260" s="83">
        <f>Bühler!N3292</f>
        <v>45427.749999992098</v>
      </c>
      <c r="X3260" s="83">
        <v>43236.75</v>
      </c>
      <c r="Y3260">
        <v>255326.93840000001</v>
      </c>
      <c r="Z3260">
        <v>28546.745500000001</v>
      </c>
      <c r="AA3260">
        <v>92778.549780000001</v>
      </c>
      <c r="AB3260">
        <v>46019.902370000003</v>
      </c>
      <c r="AC3260">
        <v>42157.246630000001</v>
      </c>
      <c r="AD3260">
        <v>34639.002939999998</v>
      </c>
      <c r="AE3260">
        <v>41436.116000000002</v>
      </c>
      <c r="AF3260">
        <v>52318.944259999997</v>
      </c>
      <c r="AG3260">
        <v>26123.252990000001</v>
      </c>
      <c r="AH3260">
        <v>334253.83769999997</v>
      </c>
      <c r="AI3260">
        <v>80665.080759999997</v>
      </c>
      <c r="AJ3260">
        <v>23096.43046</v>
      </c>
      <c r="AK3260">
        <v>32092.247480000002</v>
      </c>
      <c r="AL3260">
        <v>92599.000790000006</v>
      </c>
      <c r="AM3260">
        <v>21328.6695</v>
      </c>
      <c r="AN3260">
        <v>94578.695240000001</v>
      </c>
      <c r="AO3260">
        <v>29964.91851</v>
      </c>
      <c r="AP3260">
        <v>15490.32962</v>
      </c>
    </row>
    <row r="3261" spans="2:42" x14ac:dyDescent="0.3">
      <c r="B3261">
        <v>64.075515868698304</v>
      </c>
      <c r="C3261" s="83">
        <v>43236.791666666664</v>
      </c>
      <c r="D3261">
        <v>246722.56950000001</v>
      </c>
      <c r="E3261">
        <v>22833.565310000002</v>
      </c>
      <c r="F3261">
        <v>83105.585139999996</v>
      </c>
      <c r="G3261">
        <v>41874.959710000003</v>
      </c>
      <c r="H3261">
        <v>39546.063739999998</v>
      </c>
      <c r="I3261">
        <v>31616.153900000001</v>
      </c>
      <c r="J3261">
        <v>40310.648950000003</v>
      </c>
      <c r="K3261">
        <v>50870.154710000003</v>
      </c>
      <c r="L3261">
        <v>27160.175200000001</v>
      </c>
      <c r="M3261">
        <v>326686.86099999998</v>
      </c>
      <c r="N3261">
        <v>77231.928369999994</v>
      </c>
      <c r="O3261">
        <v>22607.107599999999</v>
      </c>
      <c r="P3261">
        <v>33592.280400000003</v>
      </c>
      <c r="Q3261">
        <v>89504.976039999994</v>
      </c>
      <c r="R3261">
        <v>19134.98431</v>
      </c>
      <c r="S3261">
        <v>89612.171069999997</v>
      </c>
      <c r="T3261">
        <v>30766.5239</v>
      </c>
      <c r="U3261">
        <v>14039.26224</v>
      </c>
      <c r="W3261" s="83">
        <f>Bühler!N3293</f>
        <v>45427.791666658763</v>
      </c>
      <c r="X3261" s="83">
        <v>43236.791666666664</v>
      </c>
      <c r="Y3261">
        <v>246722.56950000001</v>
      </c>
      <c r="Z3261">
        <v>22833.565310000002</v>
      </c>
      <c r="AA3261">
        <v>83105.585139999996</v>
      </c>
      <c r="AB3261">
        <v>41874.959710000003</v>
      </c>
      <c r="AC3261">
        <v>39546.063739999998</v>
      </c>
      <c r="AD3261">
        <v>31616.153900000001</v>
      </c>
      <c r="AE3261">
        <v>40310.648950000003</v>
      </c>
      <c r="AF3261">
        <v>50870.154710000003</v>
      </c>
      <c r="AG3261">
        <v>27160.175200000001</v>
      </c>
      <c r="AH3261">
        <v>326686.86099999998</v>
      </c>
      <c r="AI3261">
        <v>77231.928369999994</v>
      </c>
      <c r="AJ3261">
        <v>22607.107599999999</v>
      </c>
      <c r="AK3261">
        <v>33592.280400000003</v>
      </c>
      <c r="AL3261">
        <v>89504.976039999994</v>
      </c>
      <c r="AM3261">
        <v>19134.98431</v>
      </c>
      <c r="AN3261">
        <v>89612.171069999997</v>
      </c>
      <c r="AO3261">
        <v>30766.5239</v>
      </c>
      <c r="AP3261">
        <v>14039.26224</v>
      </c>
    </row>
    <row r="3262" spans="2:42" x14ac:dyDescent="0.3">
      <c r="B3262">
        <v>61.656361171431222</v>
      </c>
      <c r="C3262" s="83">
        <v>43236.833333333336</v>
      </c>
      <c r="D3262">
        <v>234588.87299999999</v>
      </c>
      <c r="E3262">
        <v>17057.90178</v>
      </c>
      <c r="F3262">
        <v>65591.243740000005</v>
      </c>
      <c r="G3262">
        <v>37719.281190000002</v>
      </c>
      <c r="H3262">
        <v>36657.392870000003</v>
      </c>
      <c r="I3262">
        <v>27429.2703</v>
      </c>
      <c r="J3262">
        <v>39485.69182</v>
      </c>
      <c r="K3262">
        <v>50371.73429</v>
      </c>
      <c r="L3262">
        <v>26521.003290000001</v>
      </c>
      <c r="M3262">
        <v>314352.88219999999</v>
      </c>
      <c r="N3262">
        <v>74618.647769999996</v>
      </c>
      <c r="O3262">
        <v>20299.00317</v>
      </c>
      <c r="P3262">
        <v>33733.079940000003</v>
      </c>
      <c r="Q3262">
        <v>85755.7304</v>
      </c>
      <c r="R3262">
        <v>18179.00073</v>
      </c>
      <c r="S3262">
        <v>82039.516629999998</v>
      </c>
      <c r="T3262">
        <v>28625.577710000001</v>
      </c>
      <c r="U3262">
        <v>12989.904409999999</v>
      </c>
      <c r="W3262" s="83">
        <f>Bühler!N3294</f>
        <v>45427.833333325427</v>
      </c>
      <c r="X3262" s="83">
        <v>43236.833333333336</v>
      </c>
      <c r="Y3262">
        <v>234588.87299999999</v>
      </c>
      <c r="Z3262">
        <v>17057.90178</v>
      </c>
      <c r="AA3262">
        <v>65591.243740000005</v>
      </c>
      <c r="AB3262">
        <v>37719.281190000002</v>
      </c>
      <c r="AC3262">
        <v>36657.392870000003</v>
      </c>
      <c r="AD3262">
        <v>27429.2703</v>
      </c>
      <c r="AE3262">
        <v>39485.69182</v>
      </c>
      <c r="AF3262">
        <v>50371.73429</v>
      </c>
      <c r="AG3262">
        <v>26521.003290000001</v>
      </c>
      <c r="AH3262">
        <v>314352.88219999999</v>
      </c>
      <c r="AI3262">
        <v>74618.647769999996</v>
      </c>
      <c r="AJ3262">
        <v>20299.00317</v>
      </c>
      <c r="AK3262">
        <v>33733.079940000003</v>
      </c>
      <c r="AL3262">
        <v>85755.7304</v>
      </c>
      <c r="AM3262">
        <v>18179.00073</v>
      </c>
      <c r="AN3262">
        <v>82039.516629999998</v>
      </c>
      <c r="AO3262">
        <v>28625.577710000001</v>
      </c>
      <c r="AP3262">
        <v>12989.904409999999</v>
      </c>
    </row>
    <row r="3263" spans="2:42" x14ac:dyDescent="0.3">
      <c r="B3263">
        <v>60.040493467803309</v>
      </c>
      <c r="C3263" s="83">
        <v>43236.875</v>
      </c>
      <c r="D3263">
        <v>227886.22409999999</v>
      </c>
      <c r="E3263">
        <v>14525.64258</v>
      </c>
      <c r="F3263">
        <v>56358.36174</v>
      </c>
      <c r="G3263">
        <v>36390.158109999997</v>
      </c>
      <c r="H3263">
        <v>36025.38334</v>
      </c>
      <c r="I3263">
        <v>23643.830470000001</v>
      </c>
      <c r="J3263">
        <v>40670.444020000003</v>
      </c>
      <c r="K3263">
        <v>49907.243269999999</v>
      </c>
      <c r="L3263">
        <v>25693.01066</v>
      </c>
      <c r="M3263">
        <v>306114.4351</v>
      </c>
      <c r="N3263">
        <v>74035.257060000004</v>
      </c>
      <c r="O3263">
        <v>20611.085999999999</v>
      </c>
      <c r="P3263">
        <v>32348.261200000001</v>
      </c>
      <c r="Q3263">
        <v>82356.317980000007</v>
      </c>
      <c r="R3263">
        <v>17235.435890000001</v>
      </c>
      <c r="S3263">
        <v>78620.847540000002</v>
      </c>
      <c r="T3263">
        <v>26711.721580000001</v>
      </c>
      <c r="U3263">
        <v>12859.79556</v>
      </c>
      <c r="W3263" s="83">
        <f>Bühler!N3295</f>
        <v>45427.874999992091</v>
      </c>
      <c r="X3263" s="83">
        <v>43236.875</v>
      </c>
      <c r="Y3263">
        <v>227886.22409999999</v>
      </c>
      <c r="Z3263">
        <v>14525.64258</v>
      </c>
      <c r="AA3263">
        <v>56358.36174</v>
      </c>
      <c r="AB3263">
        <v>36390.158109999997</v>
      </c>
      <c r="AC3263">
        <v>36025.38334</v>
      </c>
      <c r="AD3263">
        <v>23643.830470000001</v>
      </c>
      <c r="AE3263">
        <v>40670.444020000003</v>
      </c>
      <c r="AF3263">
        <v>49907.243269999999</v>
      </c>
      <c r="AG3263">
        <v>25693.01066</v>
      </c>
      <c r="AH3263">
        <v>306114.4351</v>
      </c>
      <c r="AI3263">
        <v>74035.257060000004</v>
      </c>
      <c r="AJ3263">
        <v>20611.085999999999</v>
      </c>
      <c r="AK3263">
        <v>32348.261200000001</v>
      </c>
      <c r="AL3263">
        <v>82356.317980000007</v>
      </c>
      <c r="AM3263">
        <v>17235.435890000001</v>
      </c>
      <c r="AN3263">
        <v>78620.847540000002</v>
      </c>
      <c r="AO3263">
        <v>26711.721580000001</v>
      </c>
      <c r="AP3263">
        <v>12859.79556</v>
      </c>
    </row>
    <row r="3264" spans="2:42" x14ac:dyDescent="0.3">
      <c r="B3264">
        <v>59.613091587738303</v>
      </c>
      <c r="C3264" s="83">
        <v>43236.916666666664</v>
      </c>
      <c r="D3264">
        <v>226292.17259999999</v>
      </c>
      <c r="E3264">
        <v>13649.77981</v>
      </c>
      <c r="F3264">
        <v>52755.953979999998</v>
      </c>
      <c r="G3264">
        <v>34868.046459999998</v>
      </c>
      <c r="H3264">
        <v>35934.505649999999</v>
      </c>
      <c r="I3264">
        <v>21930.300169999999</v>
      </c>
      <c r="J3264">
        <v>40028.959130000003</v>
      </c>
      <c r="K3264">
        <v>53596.35555</v>
      </c>
      <c r="L3264">
        <v>22849.117320000001</v>
      </c>
      <c r="M3264">
        <v>303935.34100000001</v>
      </c>
      <c r="N3264">
        <v>73086.868470000001</v>
      </c>
      <c r="O3264">
        <v>19381.321909999999</v>
      </c>
      <c r="P3264">
        <v>33878.316859999999</v>
      </c>
      <c r="Q3264">
        <v>80667.187739999994</v>
      </c>
      <c r="R3264">
        <v>19115.430130000001</v>
      </c>
      <c r="S3264">
        <v>77172.083889999994</v>
      </c>
      <c r="T3264">
        <v>23471.273720000001</v>
      </c>
      <c r="U3264">
        <v>13302.594520000001</v>
      </c>
      <c r="W3264" s="83">
        <f>Bühler!N3296</f>
        <v>45427.916666658755</v>
      </c>
      <c r="X3264" s="83">
        <v>43236.916666666664</v>
      </c>
      <c r="Y3264">
        <v>226292.17259999999</v>
      </c>
      <c r="Z3264">
        <v>13649.77981</v>
      </c>
      <c r="AA3264">
        <v>52755.953979999998</v>
      </c>
      <c r="AB3264">
        <v>34868.046459999998</v>
      </c>
      <c r="AC3264">
        <v>35934.505649999999</v>
      </c>
      <c r="AD3264">
        <v>21930.300169999999</v>
      </c>
      <c r="AE3264">
        <v>40028.959130000003</v>
      </c>
      <c r="AF3264">
        <v>53596.35555</v>
      </c>
      <c r="AG3264">
        <v>22849.117320000001</v>
      </c>
      <c r="AH3264">
        <v>303935.34100000001</v>
      </c>
      <c r="AI3264">
        <v>73086.868470000001</v>
      </c>
      <c r="AJ3264">
        <v>19381.321909999999</v>
      </c>
      <c r="AK3264">
        <v>33878.316859999999</v>
      </c>
      <c r="AL3264">
        <v>80667.187739999994</v>
      </c>
      <c r="AM3264">
        <v>19115.430130000001</v>
      </c>
      <c r="AN3264">
        <v>77172.083889999994</v>
      </c>
      <c r="AO3264">
        <v>23471.273720000001</v>
      </c>
      <c r="AP3264">
        <v>13302.594520000001</v>
      </c>
    </row>
    <row r="3265" spans="2:42" x14ac:dyDescent="0.3">
      <c r="B3265">
        <v>58.888785443043119</v>
      </c>
      <c r="C3265" s="83">
        <v>43236.958333333336</v>
      </c>
      <c r="D3265">
        <v>223855.4093</v>
      </c>
      <c r="E3265">
        <v>12881.41684</v>
      </c>
      <c r="F3265">
        <v>51055.00232</v>
      </c>
      <c r="G3265">
        <v>34373.364439999998</v>
      </c>
      <c r="H3265">
        <v>34536.560570000001</v>
      </c>
      <c r="I3265">
        <v>21585.081279999999</v>
      </c>
      <c r="J3265">
        <v>36367.001429999997</v>
      </c>
      <c r="K3265">
        <v>52590.259250000003</v>
      </c>
      <c r="L3265">
        <v>19621.688010000002</v>
      </c>
      <c r="M3265">
        <v>300242.49050000001</v>
      </c>
      <c r="N3265">
        <v>73554.884969999999</v>
      </c>
      <c r="O3265">
        <v>19188.210009999999</v>
      </c>
      <c r="P3265">
        <v>31035.311239999999</v>
      </c>
      <c r="Q3265">
        <v>77851.681209999995</v>
      </c>
      <c r="R3265">
        <v>19675.505529999999</v>
      </c>
      <c r="S3265">
        <v>75011.796570000006</v>
      </c>
      <c r="T3265">
        <v>20997.553680000001</v>
      </c>
      <c r="U3265">
        <v>12553.392030000001</v>
      </c>
      <c r="W3265" s="83">
        <f>Bühler!N3297</f>
        <v>45427.95833332542</v>
      </c>
      <c r="X3265" s="83">
        <v>43236.958333333336</v>
      </c>
      <c r="Y3265">
        <v>223855.4093</v>
      </c>
      <c r="Z3265">
        <v>12881.41684</v>
      </c>
      <c r="AA3265">
        <v>51055.00232</v>
      </c>
      <c r="AB3265">
        <v>34373.364439999998</v>
      </c>
      <c r="AC3265">
        <v>34536.560570000001</v>
      </c>
      <c r="AD3265">
        <v>21585.081279999999</v>
      </c>
      <c r="AE3265">
        <v>36367.001429999997</v>
      </c>
      <c r="AF3265">
        <v>52590.259250000003</v>
      </c>
      <c r="AG3265">
        <v>19621.688010000002</v>
      </c>
      <c r="AH3265">
        <v>300242.49050000001</v>
      </c>
      <c r="AI3265">
        <v>73554.884969999999</v>
      </c>
      <c r="AJ3265">
        <v>19188.210009999999</v>
      </c>
      <c r="AK3265">
        <v>31035.311239999999</v>
      </c>
      <c r="AL3265">
        <v>77851.681209999995</v>
      </c>
      <c r="AM3265">
        <v>19675.505529999999</v>
      </c>
      <c r="AN3265">
        <v>75011.796570000006</v>
      </c>
      <c r="AO3265">
        <v>20997.553680000001</v>
      </c>
      <c r="AP3265">
        <v>12553.392030000001</v>
      </c>
    </row>
    <row r="3266" spans="2:42" x14ac:dyDescent="0.3">
      <c r="B3266">
        <v>47.981915578590787</v>
      </c>
      <c r="C3266" s="83">
        <v>43237</v>
      </c>
      <c r="D3266">
        <v>173210.89989999999</v>
      </c>
      <c r="E3266">
        <v>11618.883830000001</v>
      </c>
      <c r="F3266">
        <v>46964.423929999997</v>
      </c>
      <c r="G3266">
        <v>33435.517189999999</v>
      </c>
      <c r="H3266">
        <v>33000.849289999998</v>
      </c>
      <c r="I3266">
        <v>18911.368719999999</v>
      </c>
      <c r="J3266">
        <v>34079.856110000001</v>
      </c>
      <c r="K3266">
        <v>49853.502070000002</v>
      </c>
      <c r="L3266">
        <v>16677.552670000001</v>
      </c>
      <c r="M3266">
        <v>244634.18160000001</v>
      </c>
      <c r="N3266">
        <v>69577.412930000006</v>
      </c>
      <c r="O3266">
        <v>19958.149590000001</v>
      </c>
      <c r="P3266">
        <v>27957.11058</v>
      </c>
      <c r="Q3266">
        <v>66985.028760000001</v>
      </c>
      <c r="R3266">
        <v>17367.45624</v>
      </c>
      <c r="S3266">
        <v>72269.546409999995</v>
      </c>
      <c r="T3266">
        <v>19498.141729999999</v>
      </c>
      <c r="U3266">
        <v>11731.43327</v>
      </c>
      <c r="W3266" s="83">
        <f>Bühler!N3298</f>
        <v>45427.999999992084</v>
      </c>
      <c r="X3266" s="83">
        <v>43237</v>
      </c>
      <c r="Y3266">
        <v>173210.89989999999</v>
      </c>
      <c r="Z3266">
        <v>11618.883830000001</v>
      </c>
      <c r="AA3266">
        <v>46964.423929999997</v>
      </c>
      <c r="AB3266">
        <v>33435.517189999999</v>
      </c>
      <c r="AC3266">
        <v>33000.849289999998</v>
      </c>
      <c r="AD3266">
        <v>18911.368719999999</v>
      </c>
      <c r="AE3266">
        <v>34079.856110000001</v>
      </c>
      <c r="AF3266">
        <v>49853.502070000002</v>
      </c>
      <c r="AG3266">
        <v>16677.552670000001</v>
      </c>
      <c r="AH3266">
        <v>244634.18160000001</v>
      </c>
      <c r="AI3266">
        <v>69577.412930000006</v>
      </c>
      <c r="AJ3266">
        <v>19958.149590000001</v>
      </c>
      <c r="AK3266">
        <v>27957.11058</v>
      </c>
      <c r="AL3266">
        <v>66985.028760000001</v>
      </c>
      <c r="AM3266">
        <v>17367.45624</v>
      </c>
      <c r="AN3266">
        <v>72269.546409999995</v>
      </c>
      <c r="AO3266">
        <v>19498.141729999999</v>
      </c>
      <c r="AP3266">
        <v>11731.43327</v>
      </c>
    </row>
    <row r="3267" spans="2:42" x14ac:dyDescent="0.3">
      <c r="B3267">
        <v>47.705166394549146</v>
      </c>
      <c r="C3267" s="83">
        <v>43237.041666666664</v>
      </c>
      <c r="D3267">
        <v>172927.51809999999</v>
      </c>
      <c r="E3267">
        <v>11607.747890000001</v>
      </c>
      <c r="F3267">
        <v>47155.06149</v>
      </c>
      <c r="G3267">
        <v>32782.415390000002</v>
      </c>
      <c r="H3267">
        <v>32511.119500000001</v>
      </c>
      <c r="I3267">
        <v>14879.040730000001</v>
      </c>
      <c r="J3267">
        <v>32865.859230000002</v>
      </c>
      <c r="K3267">
        <v>45942.300049999998</v>
      </c>
      <c r="L3267">
        <v>16117.109399999999</v>
      </c>
      <c r="M3267">
        <v>243223.18520000001</v>
      </c>
      <c r="N3267">
        <v>68875.849289999998</v>
      </c>
      <c r="O3267">
        <v>19530.952649999999</v>
      </c>
      <c r="P3267">
        <v>25815.159650000001</v>
      </c>
      <c r="Q3267">
        <v>68082.91906</v>
      </c>
      <c r="R3267">
        <v>14968.62096</v>
      </c>
      <c r="S3267">
        <v>71195.179560000004</v>
      </c>
      <c r="T3267">
        <v>18896.683110000002</v>
      </c>
      <c r="U3267">
        <v>12098.892099999999</v>
      </c>
      <c r="W3267" s="83">
        <f>Bühler!N3299</f>
        <v>45428.041666658748</v>
      </c>
      <c r="X3267" s="83">
        <v>43237.041666666664</v>
      </c>
      <c r="Y3267">
        <v>172927.51809999999</v>
      </c>
      <c r="Z3267">
        <v>11607.747890000001</v>
      </c>
      <c r="AA3267">
        <v>47155.06149</v>
      </c>
      <c r="AB3267">
        <v>32782.415390000002</v>
      </c>
      <c r="AC3267">
        <v>32511.119500000001</v>
      </c>
      <c r="AD3267">
        <v>14879.040730000001</v>
      </c>
      <c r="AE3267">
        <v>32865.859230000002</v>
      </c>
      <c r="AF3267">
        <v>45942.300049999998</v>
      </c>
      <c r="AG3267">
        <v>16117.109399999999</v>
      </c>
      <c r="AH3267">
        <v>243223.18520000001</v>
      </c>
      <c r="AI3267">
        <v>68875.849289999998</v>
      </c>
      <c r="AJ3267">
        <v>19530.952649999999</v>
      </c>
      <c r="AK3267">
        <v>25815.159650000001</v>
      </c>
      <c r="AL3267">
        <v>68082.91906</v>
      </c>
      <c r="AM3267">
        <v>14968.62096</v>
      </c>
      <c r="AN3267">
        <v>71195.179560000004</v>
      </c>
      <c r="AO3267">
        <v>18896.683110000002</v>
      </c>
      <c r="AP3267">
        <v>12098.892099999999</v>
      </c>
    </row>
    <row r="3268" spans="2:42" x14ac:dyDescent="0.3">
      <c r="B3268">
        <v>47.991133272078976</v>
      </c>
      <c r="C3268" s="83">
        <v>43237.083333333336</v>
      </c>
      <c r="D3268">
        <v>173254.37839999999</v>
      </c>
      <c r="E3268">
        <v>11519.548919999999</v>
      </c>
      <c r="F3268">
        <v>48076.718439999997</v>
      </c>
      <c r="G3268">
        <v>32104.243460000002</v>
      </c>
      <c r="H3268">
        <v>32636.682509999999</v>
      </c>
      <c r="I3268">
        <v>12954.967720000001</v>
      </c>
      <c r="J3268">
        <v>32656.844260000002</v>
      </c>
      <c r="K3268">
        <v>44994.784699999997</v>
      </c>
      <c r="L3268">
        <v>15988.59172</v>
      </c>
      <c r="M3268">
        <v>244681.1777</v>
      </c>
      <c r="N3268">
        <v>68628.360929999995</v>
      </c>
      <c r="O3268">
        <v>19619.902150000002</v>
      </c>
      <c r="P3268">
        <v>24870.443940000001</v>
      </c>
      <c r="Q3268">
        <v>70522.732990000004</v>
      </c>
      <c r="R3268">
        <v>16137.14755</v>
      </c>
      <c r="S3268">
        <v>70166.123540000001</v>
      </c>
      <c r="T3268">
        <v>18541.579809999999</v>
      </c>
      <c r="U3268">
        <v>11488.86044</v>
      </c>
      <c r="W3268" s="83">
        <f>Bühler!N3300</f>
        <v>45428.083333325412</v>
      </c>
      <c r="X3268" s="83">
        <v>43237.083333333336</v>
      </c>
      <c r="Y3268">
        <v>173254.37839999999</v>
      </c>
      <c r="Z3268">
        <v>11519.548919999999</v>
      </c>
      <c r="AA3268">
        <v>48076.718439999997</v>
      </c>
      <c r="AB3268">
        <v>32104.243460000002</v>
      </c>
      <c r="AC3268">
        <v>32636.682509999999</v>
      </c>
      <c r="AD3268">
        <v>12954.967720000001</v>
      </c>
      <c r="AE3268">
        <v>32656.844260000002</v>
      </c>
      <c r="AF3268">
        <v>44994.784699999997</v>
      </c>
      <c r="AG3268">
        <v>15988.59172</v>
      </c>
      <c r="AH3268">
        <v>244681.1777</v>
      </c>
      <c r="AI3268">
        <v>68628.360929999995</v>
      </c>
      <c r="AJ3268">
        <v>19619.902150000002</v>
      </c>
      <c r="AK3268">
        <v>24870.443940000001</v>
      </c>
      <c r="AL3268">
        <v>70522.732990000004</v>
      </c>
      <c r="AM3268">
        <v>16137.14755</v>
      </c>
      <c r="AN3268">
        <v>70166.123540000001</v>
      </c>
      <c r="AO3268">
        <v>18541.579809999999</v>
      </c>
      <c r="AP3268">
        <v>11488.86044</v>
      </c>
    </row>
    <row r="3269" spans="2:42" x14ac:dyDescent="0.3">
      <c r="B3269">
        <v>48.914430590188644</v>
      </c>
      <c r="C3269" s="83">
        <v>43237.125</v>
      </c>
      <c r="D3269">
        <v>174787.02499999999</v>
      </c>
      <c r="E3269">
        <v>11648.914349999999</v>
      </c>
      <c r="F3269">
        <v>49757.415399999998</v>
      </c>
      <c r="G3269">
        <v>31458.464459999999</v>
      </c>
      <c r="H3269">
        <v>32495.362659999999</v>
      </c>
      <c r="I3269">
        <v>12848.27116</v>
      </c>
      <c r="J3269">
        <v>32937.617259999999</v>
      </c>
      <c r="K3269">
        <v>44626.919459999997</v>
      </c>
      <c r="L3269">
        <v>15753.594440000001</v>
      </c>
      <c r="M3269">
        <v>249388.57800000001</v>
      </c>
      <c r="N3269">
        <v>67604.070489999998</v>
      </c>
      <c r="O3269">
        <v>19984.858830000001</v>
      </c>
      <c r="P3269">
        <v>24320.674210000001</v>
      </c>
      <c r="Q3269">
        <v>73250.674870000003</v>
      </c>
      <c r="R3269">
        <v>15546.49972</v>
      </c>
      <c r="S3269">
        <v>69761.385039999994</v>
      </c>
      <c r="T3269">
        <v>18266.688180000001</v>
      </c>
      <c r="U3269">
        <v>11394.504790000001</v>
      </c>
      <c r="W3269" s="83">
        <f>Bühler!N3301</f>
        <v>45428.124999992076</v>
      </c>
      <c r="X3269" s="83">
        <v>43237.125</v>
      </c>
      <c r="Y3269">
        <v>174787.02499999999</v>
      </c>
      <c r="Z3269">
        <v>11648.914349999999</v>
      </c>
      <c r="AA3269">
        <v>49757.415399999998</v>
      </c>
      <c r="AB3269">
        <v>31458.464459999999</v>
      </c>
      <c r="AC3269">
        <v>32495.362659999999</v>
      </c>
      <c r="AD3269">
        <v>12848.27116</v>
      </c>
      <c r="AE3269">
        <v>32937.617259999999</v>
      </c>
      <c r="AF3269">
        <v>44626.919459999997</v>
      </c>
      <c r="AG3269">
        <v>15753.594440000001</v>
      </c>
      <c r="AH3269">
        <v>249388.57800000001</v>
      </c>
      <c r="AI3269">
        <v>67604.070489999998</v>
      </c>
      <c r="AJ3269">
        <v>19984.858830000001</v>
      </c>
      <c r="AK3269">
        <v>24320.674210000001</v>
      </c>
      <c r="AL3269">
        <v>73250.674870000003</v>
      </c>
      <c r="AM3269">
        <v>15546.49972</v>
      </c>
      <c r="AN3269">
        <v>69761.385039999994</v>
      </c>
      <c r="AO3269">
        <v>18266.688180000001</v>
      </c>
      <c r="AP3269">
        <v>11394.504790000001</v>
      </c>
    </row>
    <row r="3270" spans="2:42" x14ac:dyDescent="0.3">
      <c r="B3270">
        <v>50.729025603568957</v>
      </c>
      <c r="C3270" s="83">
        <v>43237.166666666664</v>
      </c>
      <c r="D3270">
        <v>178180.48629999999</v>
      </c>
      <c r="E3270">
        <v>12154.170980000001</v>
      </c>
      <c r="F3270">
        <v>53208.690150000002</v>
      </c>
      <c r="G3270">
        <v>30950.333729999998</v>
      </c>
      <c r="H3270">
        <v>33177.636460000002</v>
      </c>
      <c r="I3270">
        <v>15116.707780000001</v>
      </c>
      <c r="J3270">
        <v>35035.973639999997</v>
      </c>
      <c r="K3270">
        <v>43441.632169999997</v>
      </c>
      <c r="L3270">
        <v>15664.80401</v>
      </c>
      <c r="M3270">
        <v>258640.22959999999</v>
      </c>
      <c r="N3270">
        <v>67448.653560000006</v>
      </c>
      <c r="O3270">
        <v>20552.747169999999</v>
      </c>
      <c r="P3270">
        <v>23762.291010000001</v>
      </c>
      <c r="Q3270">
        <v>76698.022809999995</v>
      </c>
      <c r="R3270">
        <v>15551.54919</v>
      </c>
      <c r="S3270">
        <v>70333.310029999993</v>
      </c>
      <c r="T3270">
        <v>18384.684209999999</v>
      </c>
      <c r="U3270">
        <v>12347.14687</v>
      </c>
      <c r="W3270" s="83">
        <f>Bühler!N3302</f>
        <v>45428.166666658741</v>
      </c>
      <c r="X3270" s="83">
        <v>43237.166666666664</v>
      </c>
      <c r="Y3270">
        <v>178180.48629999999</v>
      </c>
      <c r="Z3270">
        <v>12154.170980000001</v>
      </c>
      <c r="AA3270">
        <v>53208.690150000002</v>
      </c>
      <c r="AB3270">
        <v>30950.333729999998</v>
      </c>
      <c r="AC3270">
        <v>33177.636460000002</v>
      </c>
      <c r="AD3270">
        <v>15116.707780000001</v>
      </c>
      <c r="AE3270">
        <v>35035.973639999997</v>
      </c>
      <c r="AF3270">
        <v>43441.632169999997</v>
      </c>
      <c r="AG3270">
        <v>15664.80401</v>
      </c>
      <c r="AH3270">
        <v>258640.22959999999</v>
      </c>
      <c r="AI3270">
        <v>67448.653560000006</v>
      </c>
      <c r="AJ3270">
        <v>20552.747169999999</v>
      </c>
      <c r="AK3270">
        <v>23762.291010000001</v>
      </c>
      <c r="AL3270">
        <v>76698.022809999995</v>
      </c>
      <c r="AM3270">
        <v>15551.54919</v>
      </c>
      <c r="AN3270">
        <v>70333.310029999993</v>
      </c>
      <c r="AO3270">
        <v>18384.684209999999</v>
      </c>
      <c r="AP3270">
        <v>12347.14687</v>
      </c>
    </row>
    <row r="3271" spans="2:42" x14ac:dyDescent="0.3">
      <c r="B3271">
        <v>54.87830697195114</v>
      </c>
      <c r="C3271" s="83">
        <v>43237.208333333336</v>
      </c>
      <c r="D3271">
        <v>188844.67129999999</v>
      </c>
      <c r="E3271">
        <v>13848.041569999999</v>
      </c>
      <c r="F3271">
        <v>63914.998800000001</v>
      </c>
      <c r="G3271">
        <v>32465.97709</v>
      </c>
      <c r="H3271">
        <v>34762.382449999997</v>
      </c>
      <c r="I3271">
        <v>22256.593870000001</v>
      </c>
      <c r="J3271">
        <v>38362.349110000003</v>
      </c>
      <c r="K3271">
        <v>43588.733469999999</v>
      </c>
      <c r="L3271">
        <v>16583.222450000001</v>
      </c>
      <c r="M3271">
        <v>279795.201</v>
      </c>
      <c r="N3271">
        <v>67130.445259999993</v>
      </c>
      <c r="O3271">
        <v>20079.382829999999</v>
      </c>
      <c r="P3271">
        <v>25482.09647</v>
      </c>
      <c r="Q3271">
        <v>78970.149969999999</v>
      </c>
      <c r="R3271">
        <v>19050.410250000001</v>
      </c>
      <c r="S3271">
        <v>73111.151849999995</v>
      </c>
      <c r="T3271">
        <v>19711.23891</v>
      </c>
      <c r="U3271">
        <v>13193.024020000001</v>
      </c>
      <c r="W3271" s="83">
        <f>Bühler!N3303</f>
        <v>45428.208333325405</v>
      </c>
      <c r="X3271" s="83">
        <v>43237.208333333336</v>
      </c>
      <c r="Y3271">
        <v>188844.67129999999</v>
      </c>
      <c r="Z3271">
        <v>13848.041569999999</v>
      </c>
      <c r="AA3271">
        <v>63914.998800000001</v>
      </c>
      <c r="AB3271">
        <v>32465.97709</v>
      </c>
      <c r="AC3271">
        <v>34762.382449999997</v>
      </c>
      <c r="AD3271">
        <v>22256.593870000001</v>
      </c>
      <c r="AE3271">
        <v>38362.349110000003</v>
      </c>
      <c r="AF3271">
        <v>43588.733469999999</v>
      </c>
      <c r="AG3271">
        <v>16583.222450000001</v>
      </c>
      <c r="AH3271">
        <v>279795.201</v>
      </c>
      <c r="AI3271">
        <v>67130.445259999993</v>
      </c>
      <c r="AJ3271">
        <v>20079.382829999999</v>
      </c>
      <c r="AK3271">
        <v>25482.09647</v>
      </c>
      <c r="AL3271">
        <v>78970.149969999999</v>
      </c>
      <c r="AM3271">
        <v>19050.410250000001</v>
      </c>
      <c r="AN3271">
        <v>73111.151849999995</v>
      </c>
      <c r="AO3271">
        <v>19711.23891</v>
      </c>
      <c r="AP3271">
        <v>13193.024020000001</v>
      </c>
    </row>
    <row r="3272" spans="2:42" x14ac:dyDescent="0.3">
      <c r="B3272">
        <v>58.107434261567633</v>
      </c>
      <c r="C3272" s="83">
        <v>43237.25</v>
      </c>
      <c r="D3272">
        <v>197466.5496</v>
      </c>
      <c r="E3272">
        <v>17187.627649999999</v>
      </c>
      <c r="F3272">
        <v>75458.813939999993</v>
      </c>
      <c r="G3272">
        <v>42636.1273</v>
      </c>
      <c r="H3272">
        <v>36189.90223</v>
      </c>
      <c r="I3272">
        <v>27673.269550000001</v>
      </c>
      <c r="J3272">
        <v>41517.240879999998</v>
      </c>
      <c r="K3272">
        <v>45490.730300000003</v>
      </c>
      <c r="L3272">
        <v>17607.84563</v>
      </c>
      <c r="M3272">
        <v>296258.7978</v>
      </c>
      <c r="N3272">
        <v>69234.368130000003</v>
      </c>
      <c r="O3272">
        <v>21833.759480000001</v>
      </c>
      <c r="P3272">
        <v>25529.97436</v>
      </c>
      <c r="Q3272">
        <v>79951.1829</v>
      </c>
      <c r="R3272">
        <v>16953.53283</v>
      </c>
      <c r="S3272">
        <v>80590.718949999995</v>
      </c>
      <c r="T3272">
        <v>21703.035240000001</v>
      </c>
      <c r="U3272">
        <v>13715.52377</v>
      </c>
      <c r="W3272" s="83">
        <f>Bühler!N3304</f>
        <v>45428.249999992069</v>
      </c>
      <c r="X3272" s="83">
        <v>43237.25</v>
      </c>
      <c r="Y3272">
        <v>197466.5496</v>
      </c>
      <c r="Z3272">
        <v>17187.627649999999</v>
      </c>
      <c r="AA3272">
        <v>75458.813939999993</v>
      </c>
      <c r="AB3272">
        <v>42636.1273</v>
      </c>
      <c r="AC3272">
        <v>36189.90223</v>
      </c>
      <c r="AD3272">
        <v>27673.269550000001</v>
      </c>
      <c r="AE3272">
        <v>41517.240879999998</v>
      </c>
      <c r="AF3272">
        <v>45490.730300000003</v>
      </c>
      <c r="AG3272">
        <v>17607.84563</v>
      </c>
      <c r="AH3272">
        <v>296258.7978</v>
      </c>
      <c r="AI3272">
        <v>69234.368130000003</v>
      </c>
      <c r="AJ3272">
        <v>21833.759480000001</v>
      </c>
      <c r="AK3272">
        <v>25529.97436</v>
      </c>
      <c r="AL3272">
        <v>79951.1829</v>
      </c>
      <c r="AM3272">
        <v>16953.53283</v>
      </c>
      <c r="AN3272">
        <v>80590.718949999995</v>
      </c>
      <c r="AO3272">
        <v>21703.035240000001</v>
      </c>
      <c r="AP3272">
        <v>13715.52377</v>
      </c>
    </row>
    <row r="3273" spans="2:42" x14ac:dyDescent="0.3">
      <c r="B3273">
        <v>60.21073089643113</v>
      </c>
      <c r="C3273" s="83">
        <v>43237.291666666664</v>
      </c>
      <c r="D3273">
        <v>204547.133</v>
      </c>
      <c r="E3273">
        <v>21186.591919999999</v>
      </c>
      <c r="F3273">
        <v>77512.679529999994</v>
      </c>
      <c r="G3273">
        <v>51320.707620000001</v>
      </c>
      <c r="H3273">
        <v>39527.280959999996</v>
      </c>
      <c r="I3273">
        <v>32558.53746</v>
      </c>
      <c r="J3273">
        <v>42441.931779999999</v>
      </c>
      <c r="K3273">
        <v>49063.724320000001</v>
      </c>
      <c r="L3273">
        <v>20445.599539999999</v>
      </c>
      <c r="M3273">
        <v>306982.3849</v>
      </c>
      <c r="N3273">
        <v>73135.841419999997</v>
      </c>
      <c r="O3273">
        <v>23491.531319999998</v>
      </c>
      <c r="P3273">
        <v>28926.934440000001</v>
      </c>
      <c r="Q3273">
        <v>78623.12659</v>
      </c>
      <c r="R3273">
        <v>17272.588899999999</v>
      </c>
      <c r="S3273">
        <v>93891.04247</v>
      </c>
      <c r="T3273">
        <v>24457.24051</v>
      </c>
      <c r="U3273">
        <v>16684.50707</v>
      </c>
      <c r="W3273" s="83">
        <f>Bühler!N3305</f>
        <v>45428.291666658733</v>
      </c>
      <c r="X3273" s="83">
        <v>43237.291666666664</v>
      </c>
      <c r="Y3273">
        <v>204547.133</v>
      </c>
      <c r="Z3273">
        <v>21186.591919999999</v>
      </c>
      <c r="AA3273">
        <v>77512.679529999994</v>
      </c>
      <c r="AB3273">
        <v>51320.707620000001</v>
      </c>
      <c r="AC3273">
        <v>39527.280959999996</v>
      </c>
      <c r="AD3273">
        <v>32558.53746</v>
      </c>
      <c r="AE3273">
        <v>42441.931779999999</v>
      </c>
      <c r="AF3273">
        <v>49063.724320000001</v>
      </c>
      <c r="AG3273">
        <v>20445.599539999999</v>
      </c>
      <c r="AH3273">
        <v>306982.3849</v>
      </c>
      <c r="AI3273">
        <v>73135.841419999997</v>
      </c>
      <c r="AJ3273">
        <v>23491.531319999998</v>
      </c>
      <c r="AK3273">
        <v>28926.934440000001</v>
      </c>
      <c r="AL3273">
        <v>78623.12659</v>
      </c>
      <c r="AM3273">
        <v>17272.588899999999</v>
      </c>
      <c r="AN3273">
        <v>93891.04247</v>
      </c>
      <c r="AO3273">
        <v>24457.24051</v>
      </c>
      <c r="AP3273">
        <v>16684.50707</v>
      </c>
    </row>
    <row r="3274" spans="2:42" x14ac:dyDescent="0.3">
      <c r="B3274">
        <v>60.826848408897654</v>
      </c>
      <c r="C3274" s="83">
        <v>43237.333333333336</v>
      </c>
      <c r="D3274">
        <v>210176.2303</v>
      </c>
      <c r="E3274">
        <v>25940.918959999999</v>
      </c>
      <c r="F3274">
        <v>83671.054870000007</v>
      </c>
      <c r="G3274">
        <v>63002.938069999997</v>
      </c>
      <c r="H3274">
        <v>43766.126210000002</v>
      </c>
      <c r="I3274">
        <v>34919.42179</v>
      </c>
      <c r="J3274">
        <v>43648.97638</v>
      </c>
      <c r="K3274">
        <v>54074.579590000001</v>
      </c>
      <c r="L3274">
        <v>23539.982670000001</v>
      </c>
      <c r="M3274">
        <v>310123.63929999998</v>
      </c>
      <c r="N3274">
        <v>78019.557459999996</v>
      </c>
      <c r="O3274">
        <v>24965.059590000001</v>
      </c>
      <c r="P3274">
        <v>32046.73359</v>
      </c>
      <c r="Q3274">
        <v>79352.125530000005</v>
      </c>
      <c r="R3274">
        <v>19763.362669999999</v>
      </c>
      <c r="S3274">
        <v>104407.12</v>
      </c>
      <c r="T3274">
        <v>28021.03959</v>
      </c>
      <c r="U3274">
        <v>19188.959889999998</v>
      </c>
      <c r="W3274" s="83">
        <f>Bühler!N3306</f>
        <v>45428.333333325398</v>
      </c>
      <c r="X3274" s="83">
        <v>43237.333333333336</v>
      </c>
      <c r="Y3274">
        <v>210176.2303</v>
      </c>
      <c r="Z3274">
        <v>25940.918959999999</v>
      </c>
      <c r="AA3274">
        <v>83671.054870000007</v>
      </c>
      <c r="AB3274">
        <v>63002.938069999997</v>
      </c>
      <c r="AC3274">
        <v>43766.126210000002</v>
      </c>
      <c r="AD3274">
        <v>34919.42179</v>
      </c>
      <c r="AE3274">
        <v>43648.97638</v>
      </c>
      <c r="AF3274">
        <v>54074.579590000001</v>
      </c>
      <c r="AG3274">
        <v>23539.982670000001</v>
      </c>
      <c r="AH3274">
        <v>310123.63929999998</v>
      </c>
      <c r="AI3274">
        <v>78019.557459999996</v>
      </c>
      <c r="AJ3274">
        <v>24965.059590000001</v>
      </c>
      <c r="AK3274">
        <v>32046.73359</v>
      </c>
      <c r="AL3274">
        <v>79352.125530000005</v>
      </c>
      <c r="AM3274">
        <v>19763.362669999999</v>
      </c>
      <c r="AN3274">
        <v>104407.12</v>
      </c>
      <c r="AO3274">
        <v>28021.03959</v>
      </c>
      <c r="AP3274">
        <v>19188.959889999998</v>
      </c>
    </row>
    <row r="3275" spans="2:42" x14ac:dyDescent="0.3">
      <c r="B3275">
        <v>61.069703851486508</v>
      </c>
      <c r="C3275" s="83">
        <v>43237.375</v>
      </c>
      <c r="D3275">
        <v>211317.95730000001</v>
      </c>
      <c r="E3275">
        <v>30185.435519999999</v>
      </c>
      <c r="F3275">
        <v>92052.240579999998</v>
      </c>
      <c r="G3275">
        <v>71752.669760000004</v>
      </c>
      <c r="H3275">
        <v>46224.697690000001</v>
      </c>
      <c r="I3275">
        <v>34060.390350000001</v>
      </c>
      <c r="J3275">
        <v>44713.168140000002</v>
      </c>
      <c r="K3275">
        <v>56018.68288</v>
      </c>
      <c r="L3275">
        <v>26605.129519999999</v>
      </c>
      <c r="M3275">
        <v>311361.8296</v>
      </c>
      <c r="N3275">
        <v>80502.969549999994</v>
      </c>
      <c r="O3275">
        <v>25748.865129999998</v>
      </c>
      <c r="P3275">
        <v>34544.908210000001</v>
      </c>
      <c r="Q3275">
        <v>80510.956269999995</v>
      </c>
      <c r="R3275">
        <v>20882.089039999999</v>
      </c>
      <c r="S3275">
        <v>109464.6097</v>
      </c>
      <c r="T3275">
        <v>30477.331750000001</v>
      </c>
      <c r="U3275">
        <v>18540.989829999999</v>
      </c>
      <c r="W3275" s="83">
        <f>Bühler!N3307</f>
        <v>45428.374999992062</v>
      </c>
      <c r="X3275" s="83">
        <v>43237.375</v>
      </c>
      <c r="Y3275">
        <v>211317.95730000001</v>
      </c>
      <c r="Z3275">
        <v>30185.435519999999</v>
      </c>
      <c r="AA3275">
        <v>92052.240579999998</v>
      </c>
      <c r="AB3275">
        <v>71752.669760000004</v>
      </c>
      <c r="AC3275">
        <v>46224.697690000001</v>
      </c>
      <c r="AD3275">
        <v>34060.390350000001</v>
      </c>
      <c r="AE3275">
        <v>44713.168140000002</v>
      </c>
      <c r="AF3275">
        <v>56018.68288</v>
      </c>
      <c r="AG3275">
        <v>26605.129519999999</v>
      </c>
      <c r="AH3275">
        <v>311361.8296</v>
      </c>
      <c r="AI3275">
        <v>80502.969549999994</v>
      </c>
      <c r="AJ3275">
        <v>25748.865129999998</v>
      </c>
      <c r="AK3275">
        <v>34544.908210000001</v>
      </c>
      <c r="AL3275">
        <v>80510.956269999995</v>
      </c>
      <c r="AM3275">
        <v>20882.089039999999</v>
      </c>
      <c r="AN3275">
        <v>109464.6097</v>
      </c>
      <c r="AO3275">
        <v>30477.331750000001</v>
      </c>
      <c r="AP3275">
        <v>18540.989829999999</v>
      </c>
    </row>
    <row r="3276" spans="2:42" x14ac:dyDescent="0.3">
      <c r="B3276">
        <v>60.840754649567835</v>
      </c>
      <c r="C3276" s="83">
        <v>43237.416666666664</v>
      </c>
      <c r="D3276">
        <v>212469.82449999999</v>
      </c>
      <c r="E3276">
        <v>31879.810600000001</v>
      </c>
      <c r="F3276">
        <v>93419.809330000004</v>
      </c>
      <c r="G3276">
        <v>72041.154200000004</v>
      </c>
      <c r="H3276">
        <v>46579.114300000001</v>
      </c>
      <c r="I3276">
        <v>32891.951070000003</v>
      </c>
      <c r="J3276">
        <v>44230.977910000001</v>
      </c>
      <c r="K3276">
        <v>57106.83281</v>
      </c>
      <c r="L3276">
        <v>29983.950410000001</v>
      </c>
      <c r="M3276">
        <v>310194.53980000003</v>
      </c>
      <c r="N3276">
        <v>81451.32475</v>
      </c>
      <c r="O3276">
        <v>26211.037609999999</v>
      </c>
      <c r="P3276">
        <v>35170.376499999998</v>
      </c>
      <c r="Q3276">
        <v>81189.516350000005</v>
      </c>
      <c r="R3276">
        <v>21086.77216</v>
      </c>
      <c r="S3276">
        <v>111079.5612</v>
      </c>
      <c r="T3276">
        <v>32113.467540000001</v>
      </c>
      <c r="U3276">
        <v>18013.532640000001</v>
      </c>
      <c r="W3276" s="83">
        <f>Bühler!N3308</f>
        <v>45428.416666658726</v>
      </c>
      <c r="X3276" s="83">
        <v>43237.416666666664</v>
      </c>
      <c r="Y3276">
        <v>212469.82449999999</v>
      </c>
      <c r="Z3276">
        <v>31879.810600000001</v>
      </c>
      <c r="AA3276">
        <v>93419.809330000004</v>
      </c>
      <c r="AB3276">
        <v>72041.154200000004</v>
      </c>
      <c r="AC3276">
        <v>46579.114300000001</v>
      </c>
      <c r="AD3276">
        <v>32891.951070000003</v>
      </c>
      <c r="AE3276">
        <v>44230.977910000001</v>
      </c>
      <c r="AF3276">
        <v>57106.83281</v>
      </c>
      <c r="AG3276">
        <v>29983.950410000001</v>
      </c>
      <c r="AH3276">
        <v>310194.53980000003</v>
      </c>
      <c r="AI3276">
        <v>81451.32475</v>
      </c>
      <c r="AJ3276">
        <v>26211.037609999999</v>
      </c>
      <c r="AK3276">
        <v>35170.376499999998</v>
      </c>
      <c r="AL3276">
        <v>81189.516350000005</v>
      </c>
      <c r="AM3276">
        <v>21086.77216</v>
      </c>
      <c r="AN3276">
        <v>111079.5612</v>
      </c>
      <c r="AO3276">
        <v>32113.467540000001</v>
      </c>
      <c r="AP3276">
        <v>18013.532640000001</v>
      </c>
    </row>
    <row r="3277" spans="2:42" x14ac:dyDescent="0.3">
      <c r="B3277">
        <v>61.815138271387426</v>
      </c>
      <c r="C3277" s="83">
        <v>43237.458333333336</v>
      </c>
      <c r="D3277">
        <v>211132.00469999999</v>
      </c>
      <c r="E3277">
        <v>31943.072410000001</v>
      </c>
      <c r="F3277">
        <v>94136.984729999996</v>
      </c>
      <c r="G3277">
        <v>71793.629079999999</v>
      </c>
      <c r="H3277">
        <v>46263.863310000001</v>
      </c>
      <c r="I3277">
        <v>32965.583310000002</v>
      </c>
      <c r="J3277">
        <v>43459.033320000002</v>
      </c>
      <c r="K3277">
        <v>58730.445140000003</v>
      </c>
      <c r="L3277">
        <v>32120.119279999999</v>
      </c>
      <c r="M3277">
        <v>315162.4019</v>
      </c>
      <c r="N3277">
        <v>80692.145929999999</v>
      </c>
      <c r="O3277">
        <v>26339.753629999999</v>
      </c>
      <c r="P3277">
        <v>34555.53656</v>
      </c>
      <c r="Q3277">
        <v>82198.018949999998</v>
      </c>
      <c r="R3277">
        <v>23702.528610000001</v>
      </c>
      <c r="S3277">
        <v>113176.0343</v>
      </c>
      <c r="T3277">
        <v>32321.776440000001</v>
      </c>
      <c r="U3277">
        <v>18508.423790000001</v>
      </c>
      <c r="W3277" s="83">
        <f>Bühler!N3309</f>
        <v>45428.45833332539</v>
      </c>
      <c r="X3277" s="83">
        <v>43237.458333333336</v>
      </c>
      <c r="Y3277">
        <v>211132.00469999999</v>
      </c>
      <c r="Z3277">
        <v>31943.072410000001</v>
      </c>
      <c r="AA3277">
        <v>94136.984729999996</v>
      </c>
      <c r="AB3277">
        <v>71793.629079999999</v>
      </c>
      <c r="AC3277">
        <v>46263.863310000001</v>
      </c>
      <c r="AD3277">
        <v>32965.583310000002</v>
      </c>
      <c r="AE3277">
        <v>43459.033320000002</v>
      </c>
      <c r="AF3277">
        <v>58730.445140000003</v>
      </c>
      <c r="AG3277">
        <v>32120.119279999999</v>
      </c>
      <c r="AH3277">
        <v>315162.4019</v>
      </c>
      <c r="AI3277">
        <v>80692.145929999999</v>
      </c>
      <c r="AJ3277">
        <v>26339.753629999999</v>
      </c>
      <c r="AK3277">
        <v>34555.53656</v>
      </c>
      <c r="AL3277">
        <v>82198.018949999998</v>
      </c>
      <c r="AM3277">
        <v>23702.528610000001</v>
      </c>
      <c r="AN3277">
        <v>113176.0343</v>
      </c>
      <c r="AO3277">
        <v>32321.776440000001</v>
      </c>
      <c r="AP3277">
        <v>18508.423790000001</v>
      </c>
    </row>
    <row r="3278" spans="2:42" x14ac:dyDescent="0.3">
      <c r="B3278">
        <v>61.823304884091591</v>
      </c>
      <c r="C3278" s="83">
        <v>43237.5</v>
      </c>
      <c r="D3278">
        <v>202583.35449999999</v>
      </c>
      <c r="E3278">
        <v>28460.0412</v>
      </c>
      <c r="F3278">
        <v>92380.148190000007</v>
      </c>
      <c r="G3278">
        <v>72407.964250000005</v>
      </c>
      <c r="H3278">
        <v>44629.322590000003</v>
      </c>
      <c r="I3278">
        <v>32039.182229999999</v>
      </c>
      <c r="J3278">
        <v>43671.161939999998</v>
      </c>
      <c r="K3278">
        <v>56414.963230000001</v>
      </c>
      <c r="L3278">
        <v>34574.494420000003</v>
      </c>
      <c r="M3278">
        <v>315204.03909999999</v>
      </c>
      <c r="N3278">
        <v>79541.901519999999</v>
      </c>
      <c r="O3278">
        <v>25818.515060000002</v>
      </c>
      <c r="P3278">
        <v>35315.818720000003</v>
      </c>
      <c r="Q3278">
        <v>80868.29423</v>
      </c>
      <c r="R3278">
        <v>23413.556670000002</v>
      </c>
      <c r="S3278">
        <v>107233.4072</v>
      </c>
      <c r="T3278">
        <v>32583.64212</v>
      </c>
      <c r="U3278">
        <v>17057.32807</v>
      </c>
      <c r="W3278" s="83">
        <f>Bühler!N3310</f>
        <v>45428.499999992055</v>
      </c>
      <c r="X3278" s="83">
        <v>43237.5</v>
      </c>
      <c r="Y3278">
        <v>202583.35449999999</v>
      </c>
      <c r="Z3278">
        <v>28460.0412</v>
      </c>
      <c r="AA3278">
        <v>92380.148190000007</v>
      </c>
      <c r="AB3278">
        <v>72407.964250000005</v>
      </c>
      <c r="AC3278">
        <v>44629.322590000003</v>
      </c>
      <c r="AD3278">
        <v>32039.182229999999</v>
      </c>
      <c r="AE3278">
        <v>43671.161939999998</v>
      </c>
      <c r="AF3278">
        <v>56414.963230000001</v>
      </c>
      <c r="AG3278">
        <v>34574.494420000003</v>
      </c>
      <c r="AH3278">
        <v>315204.03909999999</v>
      </c>
      <c r="AI3278">
        <v>79541.901519999999</v>
      </c>
      <c r="AJ3278">
        <v>25818.515060000002</v>
      </c>
      <c r="AK3278">
        <v>35315.818720000003</v>
      </c>
      <c r="AL3278">
        <v>80868.29423</v>
      </c>
      <c r="AM3278">
        <v>23413.556670000002</v>
      </c>
      <c r="AN3278">
        <v>107233.4072</v>
      </c>
      <c r="AO3278">
        <v>32583.64212</v>
      </c>
      <c r="AP3278">
        <v>17057.32807</v>
      </c>
    </row>
    <row r="3279" spans="2:42" x14ac:dyDescent="0.3">
      <c r="B3279">
        <v>60.479684344003374</v>
      </c>
      <c r="C3279" s="83">
        <v>43237.541666666664</v>
      </c>
      <c r="D3279">
        <v>202174.45939999999</v>
      </c>
      <c r="E3279">
        <v>28534.693869999999</v>
      </c>
      <c r="F3279">
        <v>91140.493789999993</v>
      </c>
      <c r="G3279">
        <v>68536.14675</v>
      </c>
      <c r="H3279">
        <v>44681.120340000001</v>
      </c>
      <c r="I3279">
        <v>31739.00563</v>
      </c>
      <c r="J3279">
        <v>42778.718869999997</v>
      </c>
      <c r="K3279">
        <v>58102.645729999997</v>
      </c>
      <c r="L3279">
        <v>33193.505720000001</v>
      </c>
      <c r="M3279">
        <v>308353.63500000001</v>
      </c>
      <c r="N3279">
        <v>80354.864130000002</v>
      </c>
      <c r="O3279">
        <v>25664.368460000002</v>
      </c>
      <c r="P3279">
        <v>34876.494149999999</v>
      </c>
      <c r="Q3279">
        <v>79099.804539999997</v>
      </c>
      <c r="R3279">
        <v>22140.60023</v>
      </c>
      <c r="S3279">
        <v>105311.5977</v>
      </c>
      <c r="T3279">
        <v>31831.028549999999</v>
      </c>
      <c r="U3279">
        <v>17897.680970000001</v>
      </c>
      <c r="W3279" s="83">
        <f>Bühler!N3311</f>
        <v>45428.541666658719</v>
      </c>
      <c r="X3279" s="83">
        <v>43237.541666666664</v>
      </c>
      <c r="Y3279">
        <v>202174.45939999999</v>
      </c>
      <c r="Z3279">
        <v>28534.693869999999</v>
      </c>
      <c r="AA3279">
        <v>91140.493789999993</v>
      </c>
      <c r="AB3279">
        <v>68536.14675</v>
      </c>
      <c r="AC3279">
        <v>44681.120340000001</v>
      </c>
      <c r="AD3279">
        <v>31739.00563</v>
      </c>
      <c r="AE3279">
        <v>42778.718869999997</v>
      </c>
      <c r="AF3279">
        <v>58102.645729999997</v>
      </c>
      <c r="AG3279">
        <v>33193.505720000001</v>
      </c>
      <c r="AH3279">
        <v>308353.63500000001</v>
      </c>
      <c r="AI3279">
        <v>80354.864130000002</v>
      </c>
      <c r="AJ3279">
        <v>25664.368460000002</v>
      </c>
      <c r="AK3279">
        <v>34876.494149999999</v>
      </c>
      <c r="AL3279">
        <v>79099.804539999997</v>
      </c>
      <c r="AM3279">
        <v>22140.60023</v>
      </c>
      <c r="AN3279">
        <v>105311.5977</v>
      </c>
      <c r="AO3279">
        <v>31831.028549999999</v>
      </c>
      <c r="AP3279">
        <v>17897.680970000001</v>
      </c>
    </row>
    <row r="3280" spans="2:42" x14ac:dyDescent="0.3">
      <c r="B3280">
        <v>60.776658002050361</v>
      </c>
      <c r="C3280" s="83">
        <v>43237.583333333336</v>
      </c>
      <c r="D3280">
        <v>204320.58470000001</v>
      </c>
      <c r="E3280">
        <v>30818.853360000001</v>
      </c>
      <c r="F3280">
        <v>93487.376010000007</v>
      </c>
      <c r="G3280">
        <v>63035.824419999997</v>
      </c>
      <c r="H3280">
        <v>44276.47</v>
      </c>
      <c r="I3280">
        <v>32524.163420000001</v>
      </c>
      <c r="J3280">
        <v>42031.465360000002</v>
      </c>
      <c r="K3280">
        <v>57860.608410000001</v>
      </c>
      <c r="L3280">
        <v>30131.969209999999</v>
      </c>
      <c r="M3280">
        <v>309867.7452</v>
      </c>
      <c r="N3280">
        <v>79144.881909999996</v>
      </c>
      <c r="O3280">
        <v>24147.2042</v>
      </c>
      <c r="P3280">
        <v>31251.737410000002</v>
      </c>
      <c r="Q3280">
        <v>77712.050860000003</v>
      </c>
      <c r="R3280">
        <v>22363.40353</v>
      </c>
      <c r="S3280">
        <v>101121.796</v>
      </c>
      <c r="T3280">
        <v>31011.93273</v>
      </c>
      <c r="U3280">
        <v>18466.208210000001</v>
      </c>
      <c r="W3280" s="83">
        <f>Bühler!N3312</f>
        <v>45428.583333325383</v>
      </c>
      <c r="X3280" s="83">
        <v>43237.583333333336</v>
      </c>
      <c r="Y3280">
        <v>204320.58470000001</v>
      </c>
      <c r="Z3280">
        <v>30818.853360000001</v>
      </c>
      <c r="AA3280">
        <v>93487.376010000007</v>
      </c>
      <c r="AB3280">
        <v>63035.824419999997</v>
      </c>
      <c r="AC3280">
        <v>44276.47</v>
      </c>
      <c r="AD3280">
        <v>32524.163420000001</v>
      </c>
      <c r="AE3280">
        <v>42031.465360000002</v>
      </c>
      <c r="AF3280">
        <v>57860.608410000001</v>
      </c>
      <c r="AG3280">
        <v>30131.969209999999</v>
      </c>
      <c r="AH3280">
        <v>309867.7452</v>
      </c>
      <c r="AI3280">
        <v>79144.881909999996</v>
      </c>
      <c r="AJ3280">
        <v>24147.2042</v>
      </c>
      <c r="AK3280">
        <v>31251.737410000002</v>
      </c>
      <c r="AL3280">
        <v>77712.050860000003</v>
      </c>
      <c r="AM3280">
        <v>22363.40353</v>
      </c>
      <c r="AN3280">
        <v>101121.796</v>
      </c>
      <c r="AO3280">
        <v>31011.93273</v>
      </c>
      <c r="AP3280">
        <v>18466.208210000001</v>
      </c>
    </row>
    <row r="3281" spans="2:42" x14ac:dyDescent="0.3">
      <c r="B3281">
        <v>60.690131668362575</v>
      </c>
      <c r="C3281" s="83">
        <v>43237.625</v>
      </c>
      <c r="D3281">
        <v>203126.29629999999</v>
      </c>
      <c r="E3281">
        <v>31046.550660000001</v>
      </c>
      <c r="F3281">
        <v>94892.462700000004</v>
      </c>
      <c r="G3281">
        <v>59256.414490000003</v>
      </c>
      <c r="H3281">
        <v>43450.591139999997</v>
      </c>
      <c r="I3281">
        <v>32694.851750000002</v>
      </c>
      <c r="J3281">
        <v>41096.461139999999</v>
      </c>
      <c r="K3281">
        <v>57204.336389999997</v>
      </c>
      <c r="L3281">
        <v>27191.449000000001</v>
      </c>
      <c r="M3281">
        <v>309426.59360000002</v>
      </c>
      <c r="N3281">
        <v>78268.627219999995</v>
      </c>
      <c r="O3281">
        <v>22873.96617</v>
      </c>
      <c r="P3281">
        <v>28625.436280000002</v>
      </c>
      <c r="Q3281">
        <v>76582.954849999995</v>
      </c>
      <c r="R3281">
        <v>22734.095850000002</v>
      </c>
      <c r="S3281">
        <v>98102.200419999994</v>
      </c>
      <c r="T3281">
        <v>30257.496899999998</v>
      </c>
      <c r="U3281">
        <v>17528.89961</v>
      </c>
      <c r="W3281" s="83">
        <f>Bühler!N3313</f>
        <v>45428.624999992047</v>
      </c>
      <c r="X3281" s="83">
        <v>43237.625</v>
      </c>
      <c r="Y3281">
        <v>203126.29629999999</v>
      </c>
      <c r="Z3281">
        <v>31046.550660000001</v>
      </c>
      <c r="AA3281">
        <v>94892.462700000004</v>
      </c>
      <c r="AB3281">
        <v>59256.414490000003</v>
      </c>
      <c r="AC3281">
        <v>43450.591139999997</v>
      </c>
      <c r="AD3281">
        <v>32694.851750000002</v>
      </c>
      <c r="AE3281">
        <v>41096.461139999999</v>
      </c>
      <c r="AF3281">
        <v>57204.336389999997</v>
      </c>
      <c r="AG3281">
        <v>27191.449000000001</v>
      </c>
      <c r="AH3281">
        <v>309426.59360000002</v>
      </c>
      <c r="AI3281">
        <v>78268.627219999995</v>
      </c>
      <c r="AJ3281">
        <v>22873.96617</v>
      </c>
      <c r="AK3281">
        <v>28625.436280000002</v>
      </c>
      <c r="AL3281">
        <v>76582.954849999995</v>
      </c>
      <c r="AM3281">
        <v>22734.095850000002</v>
      </c>
      <c r="AN3281">
        <v>98102.200419999994</v>
      </c>
      <c r="AO3281">
        <v>30257.496899999998</v>
      </c>
      <c r="AP3281">
        <v>17528.89961</v>
      </c>
    </row>
    <row r="3282" spans="2:42" x14ac:dyDescent="0.3">
      <c r="B3282">
        <v>60.017605506566866</v>
      </c>
      <c r="C3282" s="83">
        <v>43237.666666666664</v>
      </c>
      <c r="D3282">
        <v>198122.5681</v>
      </c>
      <c r="E3282">
        <v>30419.67539</v>
      </c>
      <c r="F3282">
        <v>92437.221210000003</v>
      </c>
      <c r="G3282">
        <v>54602.706689999999</v>
      </c>
      <c r="H3282">
        <v>42307.820820000001</v>
      </c>
      <c r="I3282">
        <v>32597.97637</v>
      </c>
      <c r="J3282">
        <v>40197.824410000001</v>
      </c>
      <c r="K3282">
        <v>53193.221740000001</v>
      </c>
      <c r="L3282">
        <v>26016.583750000002</v>
      </c>
      <c r="M3282">
        <v>305997.74160000001</v>
      </c>
      <c r="N3282">
        <v>75767.778430000006</v>
      </c>
      <c r="O3282">
        <v>22975.772789999999</v>
      </c>
      <c r="P3282">
        <v>28374.41172</v>
      </c>
      <c r="Q3282">
        <v>75815.32028</v>
      </c>
      <c r="R3282">
        <v>23025.224699999999</v>
      </c>
      <c r="S3282">
        <v>95798.985329999996</v>
      </c>
      <c r="T3282">
        <v>29696.586319999999</v>
      </c>
      <c r="U3282">
        <v>15288.93765</v>
      </c>
      <c r="W3282" s="83">
        <f>Bühler!N3314</f>
        <v>45428.666666658712</v>
      </c>
      <c r="X3282" s="83">
        <v>43237.666666666664</v>
      </c>
      <c r="Y3282">
        <v>198122.5681</v>
      </c>
      <c r="Z3282">
        <v>30419.67539</v>
      </c>
      <c r="AA3282">
        <v>92437.221210000003</v>
      </c>
      <c r="AB3282">
        <v>54602.706689999999</v>
      </c>
      <c r="AC3282">
        <v>42307.820820000001</v>
      </c>
      <c r="AD3282">
        <v>32597.97637</v>
      </c>
      <c r="AE3282">
        <v>40197.824410000001</v>
      </c>
      <c r="AF3282">
        <v>53193.221740000001</v>
      </c>
      <c r="AG3282">
        <v>26016.583750000002</v>
      </c>
      <c r="AH3282">
        <v>305997.74160000001</v>
      </c>
      <c r="AI3282">
        <v>75767.778430000006</v>
      </c>
      <c r="AJ3282">
        <v>22975.772789999999</v>
      </c>
      <c r="AK3282">
        <v>28374.41172</v>
      </c>
      <c r="AL3282">
        <v>75815.32028</v>
      </c>
      <c r="AM3282">
        <v>23025.224699999999</v>
      </c>
      <c r="AN3282">
        <v>95798.985329999996</v>
      </c>
      <c r="AO3282">
        <v>29696.586319999999</v>
      </c>
      <c r="AP3282">
        <v>15288.93765</v>
      </c>
    </row>
    <row r="3283" spans="2:42" x14ac:dyDescent="0.3">
      <c r="B3283">
        <v>58.525424585925172</v>
      </c>
      <c r="C3283" s="83">
        <v>43237.708333333336</v>
      </c>
      <c r="D3283">
        <v>191570.7746</v>
      </c>
      <c r="E3283">
        <v>28678.964319999999</v>
      </c>
      <c r="F3283">
        <v>91047.400349999996</v>
      </c>
      <c r="G3283">
        <v>49321.006110000002</v>
      </c>
      <c r="H3283">
        <v>40687.797700000003</v>
      </c>
      <c r="I3283">
        <v>32249.985639999999</v>
      </c>
      <c r="J3283">
        <v>40423.4084</v>
      </c>
      <c r="K3283">
        <v>49993.381000000001</v>
      </c>
      <c r="L3283">
        <v>25846.993729999998</v>
      </c>
      <c r="M3283">
        <v>298389.90740000003</v>
      </c>
      <c r="N3283">
        <v>73797.215549999994</v>
      </c>
      <c r="O3283">
        <v>21957.046030000001</v>
      </c>
      <c r="P3283">
        <v>29081.210080000001</v>
      </c>
      <c r="Q3283">
        <v>74190.944449999995</v>
      </c>
      <c r="R3283">
        <v>22671.40554</v>
      </c>
      <c r="S3283">
        <v>93477.250109999994</v>
      </c>
      <c r="T3283">
        <v>29086.023560000001</v>
      </c>
      <c r="U3283">
        <v>13674.58618</v>
      </c>
      <c r="W3283" s="83">
        <f>Bühler!N3315</f>
        <v>45428.708333325376</v>
      </c>
      <c r="X3283" s="83">
        <v>43237.708333333336</v>
      </c>
      <c r="Y3283">
        <v>191570.7746</v>
      </c>
      <c r="Z3283">
        <v>28678.964319999999</v>
      </c>
      <c r="AA3283">
        <v>91047.400349999996</v>
      </c>
      <c r="AB3283">
        <v>49321.006110000002</v>
      </c>
      <c r="AC3283">
        <v>40687.797700000003</v>
      </c>
      <c r="AD3283">
        <v>32249.985639999999</v>
      </c>
      <c r="AE3283">
        <v>40423.4084</v>
      </c>
      <c r="AF3283">
        <v>49993.381000000001</v>
      </c>
      <c r="AG3283">
        <v>25846.993729999998</v>
      </c>
      <c r="AH3283">
        <v>298389.90740000003</v>
      </c>
      <c r="AI3283">
        <v>73797.215549999994</v>
      </c>
      <c r="AJ3283">
        <v>21957.046030000001</v>
      </c>
      <c r="AK3283">
        <v>29081.210080000001</v>
      </c>
      <c r="AL3283">
        <v>74190.944449999995</v>
      </c>
      <c r="AM3283">
        <v>22671.40554</v>
      </c>
      <c r="AN3283">
        <v>93477.250109999994</v>
      </c>
      <c r="AO3283">
        <v>29086.023560000001</v>
      </c>
      <c r="AP3283">
        <v>13674.58618</v>
      </c>
    </row>
    <row r="3284" spans="2:42" x14ac:dyDescent="0.3">
      <c r="B3284">
        <v>57.208600574603985</v>
      </c>
      <c r="C3284" s="83">
        <v>43237.75</v>
      </c>
      <c r="D3284">
        <v>186208.17230000001</v>
      </c>
      <c r="E3284">
        <v>25805.038779999999</v>
      </c>
      <c r="F3284">
        <v>88877.718330000003</v>
      </c>
      <c r="G3284">
        <v>42963.382259999998</v>
      </c>
      <c r="H3284">
        <v>38951.26266</v>
      </c>
      <c r="I3284">
        <v>30591.35066</v>
      </c>
      <c r="J3284">
        <v>40357.631820000002</v>
      </c>
      <c r="K3284">
        <v>48402.413260000001</v>
      </c>
      <c r="L3284">
        <v>26762.36335</v>
      </c>
      <c r="M3284">
        <v>291676.12449999998</v>
      </c>
      <c r="N3284">
        <v>73526.399019999997</v>
      </c>
      <c r="O3284">
        <v>21183.554189999999</v>
      </c>
      <c r="P3284">
        <v>31721.386470000001</v>
      </c>
      <c r="Q3284">
        <v>73208.460470000005</v>
      </c>
      <c r="R3284">
        <v>20925.86232</v>
      </c>
      <c r="S3284">
        <v>86887.912540000005</v>
      </c>
      <c r="T3284">
        <v>29464.299620000002</v>
      </c>
      <c r="U3284">
        <v>12888.010689999999</v>
      </c>
      <c r="W3284" s="83">
        <f>Bühler!N3316</f>
        <v>45428.74999999204</v>
      </c>
      <c r="X3284" s="83">
        <v>43237.75</v>
      </c>
      <c r="Y3284">
        <v>186208.17230000001</v>
      </c>
      <c r="Z3284">
        <v>25805.038779999999</v>
      </c>
      <c r="AA3284">
        <v>88877.718330000003</v>
      </c>
      <c r="AB3284">
        <v>42963.382259999998</v>
      </c>
      <c r="AC3284">
        <v>38951.26266</v>
      </c>
      <c r="AD3284">
        <v>30591.35066</v>
      </c>
      <c r="AE3284">
        <v>40357.631820000002</v>
      </c>
      <c r="AF3284">
        <v>48402.413260000001</v>
      </c>
      <c r="AG3284">
        <v>26762.36335</v>
      </c>
      <c r="AH3284">
        <v>291676.12449999998</v>
      </c>
      <c r="AI3284">
        <v>73526.399019999997</v>
      </c>
      <c r="AJ3284">
        <v>21183.554189999999</v>
      </c>
      <c r="AK3284">
        <v>31721.386470000001</v>
      </c>
      <c r="AL3284">
        <v>73208.460470000005</v>
      </c>
      <c r="AM3284">
        <v>20925.86232</v>
      </c>
      <c r="AN3284">
        <v>86887.912540000005</v>
      </c>
      <c r="AO3284">
        <v>29464.299620000002</v>
      </c>
      <c r="AP3284">
        <v>12888.010689999999</v>
      </c>
    </row>
    <row r="3285" spans="2:42" x14ac:dyDescent="0.3">
      <c r="B3285">
        <v>55.805421339874364</v>
      </c>
      <c r="C3285" s="83">
        <v>43237.791666666664</v>
      </c>
      <c r="D3285">
        <v>182071.7298</v>
      </c>
      <c r="E3285">
        <v>20737.870309999998</v>
      </c>
      <c r="F3285">
        <v>78557.430659999998</v>
      </c>
      <c r="G3285">
        <v>39870.484060000003</v>
      </c>
      <c r="H3285">
        <v>37037.11692</v>
      </c>
      <c r="I3285">
        <v>28643.35556</v>
      </c>
      <c r="J3285">
        <v>39975.497340000002</v>
      </c>
      <c r="K3285">
        <v>48166.920660000003</v>
      </c>
      <c r="L3285">
        <v>27952.43435</v>
      </c>
      <c r="M3285">
        <v>284522.0624</v>
      </c>
      <c r="N3285">
        <v>72691.268379999994</v>
      </c>
      <c r="O3285">
        <v>20695.303250000001</v>
      </c>
      <c r="P3285">
        <v>33369.719120000002</v>
      </c>
      <c r="Q3285">
        <v>71154.545979999995</v>
      </c>
      <c r="R3285">
        <v>19245.4015</v>
      </c>
      <c r="S3285">
        <v>83530.552649999998</v>
      </c>
      <c r="T3285">
        <v>29485.47003</v>
      </c>
      <c r="U3285">
        <v>12040.486070000001</v>
      </c>
      <c r="W3285" s="83">
        <f>Bühler!N3317</f>
        <v>45428.791666658704</v>
      </c>
      <c r="X3285" s="83">
        <v>43237.791666666664</v>
      </c>
      <c r="Y3285">
        <v>182071.7298</v>
      </c>
      <c r="Z3285">
        <v>20737.870309999998</v>
      </c>
      <c r="AA3285">
        <v>78557.430659999998</v>
      </c>
      <c r="AB3285">
        <v>39870.484060000003</v>
      </c>
      <c r="AC3285">
        <v>37037.11692</v>
      </c>
      <c r="AD3285">
        <v>28643.35556</v>
      </c>
      <c r="AE3285">
        <v>39975.497340000002</v>
      </c>
      <c r="AF3285">
        <v>48166.920660000003</v>
      </c>
      <c r="AG3285">
        <v>27952.43435</v>
      </c>
      <c r="AH3285">
        <v>284522.0624</v>
      </c>
      <c r="AI3285">
        <v>72691.268379999994</v>
      </c>
      <c r="AJ3285">
        <v>20695.303250000001</v>
      </c>
      <c r="AK3285">
        <v>33369.719120000002</v>
      </c>
      <c r="AL3285">
        <v>71154.545979999995</v>
      </c>
      <c r="AM3285">
        <v>19245.4015</v>
      </c>
      <c r="AN3285">
        <v>83530.552649999998</v>
      </c>
      <c r="AO3285">
        <v>29485.47003</v>
      </c>
      <c r="AP3285">
        <v>12040.486070000001</v>
      </c>
    </row>
    <row r="3286" spans="2:42" x14ac:dyDescent="0.3">
      <c r="B3286">
        <v>54.566010431539084</v>
      </c>
      <c r="C3286" s="83">
        <v>43237.833333333336</v>
      </c>
      <c r="D3286">
        <v>178123.6263</v>
      </c>
      <c r="E3286">
        <v>15426.71421</v>
      </c>
      <c r="F3286">
        <v>61364.466930000002</v>
      </c>
      <c r="G3286">
        <v>36240.346409999998</v>
      </c>
      <c r="H3286">
        <v>35113.265339999998</v>
      </c>
      <c r="I3286">
        <v>25155.595219999999</v>
      </c>
      <c r="J3286">
        <v>39117.509279999998</v>
      </c>
      <c r="K3286">
        <v>47411.902699999999</v>
      </c>
      <c r="L3286">
        <v>26577.584139999999</v>
      </c>
      <c r="M3286">
        <v>278202.96759999997</v>
      </c>
      <c r="N3286">
        <v>70568.211129999996</v>
      </c>
      <c r="O3286">
        <v>19607.368040000001</v>
      </c>
      <c r="P3286">
        <v>33720.581870000002</v>
      </c>
      <c r="Q3286">
        <v>68788.480809999994</v>
      </c>
      <c r="R3286">
        <v>17412.789779999999</v>
      </c>
      <c r="S3286">
        <v>76712.128129999997</v>
      </c>
      <c r="T3286">
        <v>28165.899359999999</v>
      </c>
      <c r="U3286">
        <v>11170.0501</v>
      </c>
      <c r="W3286" s="83">
        <f>Bühler!N3318</f>
        <v>45428.833333325369</v>
      </c>
      <c r="X3286" s="83">
        <v>43237.833333333336</v>
      </c>
      <c r="Y3286">
        <v>178123.6263</v>
      </c>
      <c r="Z3286">
        <v>15426.71421</v>
      </c>
      <c r="AA3286">
        <v>61364.466930000002</v>
      </c>
      <c r="AB3286">
        <v>36240.346409999998</v>
      </c>
      <c r="AC3286">
        <v>35113.265339999998</v>
      </c>
      <c r="AD3286">
        <v>25155.595219999999</v>
      </c>
      <c r="AE3286">
        <v>39117.509279999998</v>
      </c>
      <c r="AF3286">
        <v>47411.902699999999</v>
      </c>
      <c r="AG3286">
        <v>26577.584139999999</v>
      </c>
      <c r="AH3286">
        <v>278202.96759999997</v>
      </c>
      <c r="AI3286">
        <v>70568.211129999996</v>
      </c>
      <c r="AJ3286">
        <v>19607.368040000001</v>
      </c>
      <c r="AK3286">
        <v>33720.581870000002</v>
      </c>
      <c r="AL3286">
        <v>68788.480809999994</v>
      </c>
      <c r="AM3286">
        <v>17412.789779999999</v>
      </c>
      <c r="AN3286">
        <v>76712.128129999997</v>
      </c>
      <c r="AO3286">
        <v>28165.899359999999</v>
      </c>
      <c r="AP3286">
        <v>11170.0501</v>
      </c>
    </row>
    <row r="3287" spans="2:42" x14ac:dyDescent="0.3">
      <c r="B3287">
        <v>53.676594576680138</v>
      </c>
      <c r="C3287" s="83">
        <v>43237.875</v>
      </c>
      <c r="D3287">
        <v>175976.07010000001</v>
      </c>
      <c r="E3287">
        <v>13363.330819999999</v>
      </c>
      <c r="F3287">
        <v>53402.979500000001</v>
      </c>
      <c r="G3287">
        <v>35374.253779999999</v>
      </c>
      <c r="H3287">
        <v>34690.776230000003</v>
      </c>
      <c r="I3287">
        <v>22826.60584</v>
      </c>
      <c r="J3287">
        <v>39921.42383</v>
      </c>
      <c r="K3287">
        <v>48071.08135</v>
      </c>
      <c r="L3287">
        <v>25457.706460000001</v>
      </c>
      <c r="M3287">
        <v>273668.31079999998</v>
      </c>
      <c r="N3287">
        <v>70308.137289999999</v>
      </c>
      <c r="O3287">
        <v>19067.150750000001</v>
      </c>
      <c r="P3287">
        <v>33285.004289999997</v>
      </c>
      <c r="Q3287">
        <v>67291.319180000006</v>
      </c>
      <c r="R3287">
        <v>18027.763640000001</v>
      </c>
      <c r="S3287">
        <v>74350.999039999995</v>
      </c>
      <c r="T3287">
        <v>25719.148649999999</v>
      </c>
      <c r="U3287">
        <v>11566.25856</v>
      </c>
      <c r="W3287" s="83">
        <f>Bühler!N3319</f>
        <v>45428.874999992033</v>
      </c>
      <c r="X3287" s="83">
        <v>43237.875</v>
      </c>
      <c r="Y3287">
        <v>175976.07010000001</v>
      </c>
      <c r="Z3287">
        <v>13363.330819999999</v>
      </c>
      <c r="AA3287">
        <v>53402.979500000001</v>
      </c>
      <c r="AB3287">
        <v>35374.253779999999</v>
      </c>
      <c r="AC3287">
        <v>34690.776230000003</v>
      </c>
      <c r="AD3287">
        <v>22826.60584</v>
      </c>
      <c r="AE3287">
        <v>39921.42383</v>
      </c>
      <c r="AF3287">
        <v>48071.08135</v>
      </c>
      <c r="AG3287">
        <v>25457.706460000001</v>
      </c>
      <c r="AH3287">
        <v>273668.31079999998</v>
      </c>
      <c r="AI3287">
        <v>70308.137289999999</v>
      </c>
      <c r="AJ3287">
        <v>19067.150750000001</v>
      </c>
      <c r="AK3287">
        <v>33285.004289999997</v>
      </c>
      <c r="AL3287">
        <v>67291.319180000006</v>
      </c>
      <c r="AM3287">
        <v>18027.763640000001</v>
      </c>
      <c r="AN3287">
        <v>74350.999039999995</v>
      </c>
      <c r="AO3287">
        <v>25719.148649999999</v>
      </c>
      <c r="AP3287">
        <v>11566.25856</v>
      </c>
    </row>
    <row r="3288" spans="2:42" x14ac:dyDescent="0.3">
      <c r="B3288">
        <v>53.57076335924917</v>
      </c>
      <c r="C3288" s="83">
        <v>43237.916666666664</v>
      </c>
      <c r="D3288">
        <v>176679.85279999999</v>
      </c>
      <c r="E3288">
        <v>12722.371209999999</v>
      </c>
      <c r="F3288">
        <v>50452.295460000001</v>
      </c>
      <c r="G3288">
        <v>34167.959750000002</v>
      </c>
      <c r="H3288">
        <v>35005.203260000002</v>
      </c>
      <c r="I3288">
        <v>21661.967260000001</v>
      </c>
      <c r="J3288">
        <v>39470.080880000001</v>
      </c>
      <c r="K3288">
        <v>50763.951860000001</v>
      </c>
      <c r="L3288">
        <v>22849.863290000001</v>
      </c>
      <c r="M3288">
        <v>273128.73389999999</v>
      </c>
      <c r="N3288">
        <v>69843.420360000004</v>
      </c>
      <c r="O3288">
        <v>19305.921190000001</v>
      </c>
      <c r="P3288">
        <v>34837.532449999999</v>
      </c>
      <c r="Q3288">
        <v>67131.644010000004</v>
      </c>
      <c r="R3288">
        <v>19437.25851</v>
      </c>
      <c r="S3288">
        <v>74363.385949999996</v>
      </c>
      <c r="T3288">
        <v>23095.056489999999</v>
      </c>
      <c r="U3288">
        <v>12710.533949999999</v>
      </c>
      <c r="W3288" s="83">
        <f>Bühler!N3320</f>
        <v>45428.916666658697</v>
      </c>
      <c r="X3288" s="83">
        <v>43237.916666666664</v>
      </c>
      <c r="Y3288">
        <v>176679.85279999999</v>
      </c>
      <c r="Z3288">
        <v>12722.371209999999</v>
      </c>
      <c r="AA3288">
        <v>50452.295460000001</v>
      </c>
      <c r="AB3288">
        <v>34167.959750000002</v>
      </c>
      <c r="AC3288">
        <v>35005.203260000002</v>
      </c>
      <c r="AD3288">
        <v>21661.967260000001</v>
      </c>
      <c r="AE3288">
        <v>39470.080880000001</v>
      </c>
      <c r="AF3288">
        <v>50763.951860000001</v>
      </c>
      <c r="AG3288">
        <v>22849.863290000001</v>
      </c>
      <c r="AH3288">
        <v>273128.73389999999</v>
      </c>
      <c r="AI3288">
        <v>69843.420360000004</v>
      </c>
      <c r="AJ3288">
        <v>19305.921190000001</v>
      </c>
      <c r="AK3288">
        <v>34837.532449999999</v>
      </c>
      <c r="AL3288">
        <v>67131.644010000004</v>
      </c>
      <c r="AM3288">
        <v>19437.25851</v>
      </c>
      <c r="AN3288">
        <v>74363.385949999996</v>
      </c>
      <c r="AO3288">
        <v>23095.056489999999</v>
      </c>
      <c r="AP3288">
        <v>12710.533949999999</v>
      </c>
    </row>
    <row r="3289" spans="2:42" x14ac:dyDescent="0.3">
      <c r="B3289">
        <v>53.108381705260307</v>
      </c>
      <c r="C3289" s="83">
        <v>43237.958333333336</v>
      </c>
      <c r="D3289">
        <v>177034.17660000001</v>
      </c>
      <c r="E3289">
        <v>12231.10275</v>
      </c>
      <c r="F3289">
        <v>48991.41029</v>
      </c>
      <c r="G3289">
        <v>33786.737520000002</v>
      </c>
      <c r="H3289">
        <v>34071.193310000002</v>
      </c>
      <c r="I3289">
        <v>21011.537049999999</v>
      </c>
      <c r="J3289">
        <v>36863.653720000002</v>
      </c>
      <c r="K3289">
        <v>50296.20822</v>
      </c>
      <c r="L3289">
        <v>18730.981390000001</v>
      </c>
      <c r="M3289">
        <v>270771.2966</v>
      </c>
      <c r="N3289">
        <v>69441.025829999999</v>
      </c>
      <c r="O3289">
        <v>19530.574570000001</v>
      </c>
      <c r="P3289">
        <v>31093.853019999999</v>
      </c>
      <c r="Q3289">
        <v>65835.967640000003</v>
      </c>
      <c r="R3289">
        <v>20982.497920000002</v>
      </c>
      <c r="S3289">
        <v>72681.200970000005</v>
      </c>
      <c r="T3289">
        <v>20788.682290000001</v>
      </c>
      <c r="U3289">
        <v>11673.17712</v>
      </c>
      <c r="W3289" s="83">
        <f>Bühler!N3321</f>
        <v>45428.958333325361</v>
      </c>
      <c r="X3289" s="83">
        <v>43237.958333333336</v>
      </c>
      <c r="Y3289">
        <v>177034.17660000001</v>
      </c>
      <c r="Z3289">
        <v>12231.10275</v>
      </c>
      <c r="AA3289">
        <v>48991.41029</v>
      </c>
      <c r="AB3289">
        <v>33786.737520000002</v>
      </c>
      <c r="AC3289">
        <v>34071.193310000002</v>
      </c>
      <c r="AD3289">
        <v>21011.537049999999</v>
      </c>
      <c r="AE3289">
        <v>36863.653720000002</v>
      </c>
      <c r="AF3289">
        <v>50296.20822</v>
      </c>
      <c r="AG3289">
        <v>18730.981390000001</v>
      </c>
      <c r="AH3289">
        <v>270771.2966</v>
      </c>
      <c r="AI3289">
        <v>69441.025829999999</v>
      </c>
      <c r="AJ3289">
        <v>19530.574570000001</v>
      </c>
      <c r="AK3289">
        <v>31093.853019999999</v>
      </c>
      <c r="AL3289">
        <v>65835.967640000003</v>
      </c>
      <c r="AM3289">
        <v>20982.497920000002</v>
      </c>
      <c r="AN3289">
        <v>72681.200970000005</v>
      </c>
      <c r="AO3289">
        <v>20788.682290000001</v>
      </c>
      <c r="AP3289">
        <v>11673.17712</v>
      </c>
    </row>
    <row r="3290" spans="2:42" x14ac:dyDescent="0.3">
      <c r="B3290">
        <v>47.765230770669461</v>
      </c>
      <c r="C3290" s="83">
        <v>43238</v>
      </c>
      <c r="D3290">
        <v>172640.8199</v>
      </c>
      <c r="E3290">
        <v>11692.594999999999</v>
      </c>
      <c r="F3290">
        <v>46835.338510000001</v>
      </c>
      <c r="G3290">
        <v>33386.770259999998</v>
      </c>
      <c r="H3290">
        <v>32866.349800000004</v>
      </c>
      <c r="I3290">
        <v>19024.986949999999</v>
      </c>
      <c r="J3290">
        <v>34406.82604</v>
      </c>
      <c r="K3290">
        <v>49437.219870000001</v>
      </c>
      <c r="L3290">
        <v>16926.94613</v>
      </c>
      <c r="M3290">
        <v>243529.42139999999</v>
      </c>
      <c r="N3290">
        <v>69629.972280000002</v>
      </c>
      <c r="O3290">
        <v>19290.001950000002</v>
      </c>
      <c r="P3290">
        <v>28217.425640000001</v>
      </c>
      <c r="Q3290">
        <v>66782.85888</v>
      </c>
      <c r="R3290">
        <v>17021.732499999998</v>
      </c>
      <c r="S3290">
        <v>71708.683009999993</v>
      </c>
      <c r="T3290">
        <v>19390.598549999999</v>
      </c>
      <c r="U3290">
        <v>11564.712289999999</v>
      </c>
      <c r="W3290" s="83">
        <f>Bühler!N3322</f>
        <v>45428.999999992026</v>
      </c>
      <c r="X3290" s="83">
        <v>43238</v>
      </c>
      <c r="Y3290">
        <v>172640.8199</v>
      </c>
      <c r="Z3290">
        <v>11692.594999999999</v>
      </c>
      <c r="AA3290">
        <v>46835.338510000001</v>
      </c>
      <c r="AB3290">
        <v>33386.770259999998</v>
      </c>
      <c r="AC3290">
        <v>32866.349800000004</v>
      </c>
      <c r="AD3290">
        <v>19024.986949999999</v>
      </c>
      <c r="AE3290">
        <v>34406.82604</v>
      </c>
      <c r="AF3290">
        <v>49437.219870000001</v>
      </c>
      <c r="AG3290">
        <v>16926.94613</v>
      </c>
      <c r="AH3290">
        <v>243529.42139999999</v>
      </c>
      <c r="AI3290">
        <v>69629.972280000002</v>
      </c>
      <c r="AJ3290">
        <v>19290.001950000002</v>
      </c>
      <c r="AK3290">
        <v>28217.425640000001</v>
      </c>
      <c r="AL3290">
        <v>66782.85888</v>
      </c>
      <c r="AM3290">
        <v>17021.732499999998</v>
      </c>
      <c r="AN3290">
        <v>71708.683009999993</v>
      </c>
      <c r="AO3290">
        <v>19390.598549999999</v>
      </c>
      <c r="AP3290">
        <v>11564.712289999999</v>
      </c>
    </row>
    <row r="3291" spans="2:42" x14ac:dyDescent="0.3">
      <c r="B3291">
        <v>47.37536386429354</v>
      </c>
      <c r="C3291" s="83">
        <v>43238.041666666664</v>
      </c>
      <c r="D3291">
        <v>172776.36869999999</v>
      </c>
      <c r="E3291">
        <v>11645.6711</v>
      </c>
      <c r="F3291">
        <v>47036.34547</v>
      </c>
      <c r="G3291">
        <v>32514.436809999999</v>
      </c>
      <c r="H3291">
        <v>32473.202509999999</v>
      </c>
      <c r="I3291">
        <v>14877.57367</v>
      </c>
      <c r="J3291">
        <v>33068.435850000002</v>
      </c>
      <c r="K3291">
        <v>46551.653579999998</v>
      </c>
      <c r="L3291">
        <v>16109.224480000001</v>
      </c>
      <c r="M3291">
        <v>241541.69810000001</v>
      </c>
      <c r="N3291">
        <v>69107.209610000005</v>
      </c>
      <c r="O3291">
        <v>18938.023639999999</v>
      </c>
      <c r="P3291">
        <v>26430.026010000001</v>
      </c>
      <c r="Q3291">
        <v>67946.57346</v>
      </c>
      <c r="R3291">
        <v>15069.706179999999</v>
      </c>
      <c r="S3291">
        <v>70493.813899999994</v>
      </c>
      <c r="T3291">
        <v>18774.781889999998</v>
      </c>
      <c r="U3291">
        <v>11961.278060000001</v>
      </c>
      <c r="W3291" s="83">
        <f>Bühler!N3323</f>
        <v>45429.04166665869</v>
      </c>
      <c r="X3291" s="83">
        <v>43238.041666666664</v>
      </c>
      <c r="Y3291">
        <v>172776.36869999999</v>
      </c>
      <c r="Z3291">
        <v>11645.6711</v>
      </c>
      <c r="AA3291">
        <v>47036.34547</v>
      </c>
      <c r="AB3291">
        <v>32514.436809999999</v>
      </c>
      <c r="AC3291">
        <v>32473.202509999999</v>
      </c>
      <c r="AD3291">
        <v>14877.57367</v>
      </c>
      <c r="AE3291">
        <v>33068.435850000002</v>
      </c>
      <c r="AF3291">
        <v>46551.653579999998</v>
      </c>
      <c r="AG3291">
        <v>16109.224480000001</v>
      </c>
      <c r="AH3291">
        <v>241541.69810000001</v>
      </c>
      <c r="AI3291">
        <v>69107.209610000005</v>
      </c>
      <c r="AJ3291">
        <v>18938.023639999999</v>
      </c>
      <c r="AK3291">
        <v>26430.026010000001</v>
      </c>
      <c r="AL3291">
        <v>67946.57346</v>
      </c>
      <c r="AM3291">
        <v>15069.706179999999</v>
      </c>
      <c r="AN3291">
        <v>70493.813899999994</v>
      </c>
      <c r="AO3291">
        <v>18774.781889999998</v>
      </c>
      <c r="AP3291">
        <v>11961.278060000001</v>
      </c>
    </row>
    <row r="3292" spans="2:42" x14ac:dyDescent="0.3">
      <c r="B3292">
        <v>47.804138470886606</v>
      </c>
      <c r="C3292" s="83">
        <v>43238.083333333336</v>
      </c>
      <c r="D3292">
        <v>172523.53409999999</v>
      </c>
      <c r="E3292">
        <v>11572.034449999999</v>
      </c>
      <c r="F3292">
        <v>48258.36722</v>
      </c>
      <c r="G3292">
        <v>31846.005639999999</v>
      </c>
      <c r="H3292">
        <v>32426.271359999999</v>
      </c>
      <c r="I3292">
        <v>12911.38473</v>
      </c>
      <c r="J3292">
        <v>32821.511509999997</v>
      </c>
      <c r="K3292">
        <v>44997.660559999997</v>
      </c>
      <c r="L3292">
        <v>15672.939839999999</v>
      </c>
      <c r="M3292">
        <v>243727.791</v>
      </c>
      <c r="N3292">
        <v>68569.872390000004</v>
      </c>
      <c r="O3292">
        <v>19268.75848</v>
      </c>
      <c r="P3292">
        <v>25122.931639999999</v>
      </c>
      <c r="Q3292">
        <v>71140.393779999999</v>
      </c>
      <c r="R3292">
        <v>16132.36188</v>
      </c>
      <c r="S3292">
        <v>69622.834149999995</v>
      </c>
      <c r="T3292">
        <v>18428.592130000001</v>
      </c>
      <c r="U3292">
        <v>11670.218929999999</v>
      </c>
      <c r="W3292" s="83">
        <f>Bühler!N3324</f>
        <v>45429.083333325354</v>
      </c>
      <c r="X3292" s="83">
        <v>43238.083333333336</v>
      </c>
      <c r="Y3292">
        <v>172523.53409999999</v>
      </c>
      <c r="Z3292">
        <v>11572.034449999999</v>
      </c>
      <c r="AA3292">
        <v>48258.36722</v>
      </c>
      <c r="AB3292">
        <v>31846.005639999999</v>
      </c>
      <c r="AC3292">
        <v>32426.271359999999</v>
      </c>
      <c r="AD3292">
        <v>12911.38473</v>
      </c>
      <c r="AE3292">
        <v>32821.511509999997</v>
      </c>
      <c r="AF3292">
        <v>44997.660559999997</v>
      </c>
      <c r="AG3292">
        <v>15672.939839999999</v>
      </c>
      <c r="AH3292">
        <v>243727.791</v>
      </c>
      <c r="AI3292">
        <v>68569.872390000004</v>
      </c>
      <c r="AJ3292">
        <v>19268.75848</v>
      </c>
      <c r="AK3292">
        <v>25122.931639999999</v>
      </c>
      <c r="AL3292">
        <v>71140.393779999999</v>
      </c>
      <c r="AM3292">
        <v>16132.36188</v>
      </c>
      <c r="AN3292">
        <v>69622.834149999995</v>
      </c>
      <c r="AO3292">
        <v>18428.592130000001</v>
      </c>
      <c r="AP3292">
        <v>11670.218929999999</v>
      </c>
    </row>
    <row r="3293" spans="2:42" x14ac:dyDescent="0.3">
      <c r="B3293">
        <v>48.673006538828155</v>
      </c>
      <c r="C3293" s="83">
        <v>43238.125</v>
      </c>
      <c r="D3293">
        <v>174203.5981</v>
      </c>
      <c r="E3293">
        <v>11709.97831</v>
      </c>
      <c r="F3293">
        <v>49919.668980000002</v>
      </c>
      <c r="G3293">
        <v>31043.649689999998</v>
      </c>
      <c r="H3293">
        <v>32246.741590000001</v>
      </c>
      <c r="I3293">
        <v>12816.051600000001</v>
      </c>
      <c r="J3293">
        <v>32829.750119999997</v>
      </c>
      <c r="K3293">
        <v>44358.308219999999</v>
      </c>
      <c r="L3293">
        <v>15495.45693</v>
      </c>
      <c r="M3293">
        <v>248157.6856</v>
      </c>
      <c r="N3293">
        <v>67672.973480000001</v>
      </c>
      <c r="O3293">
        <v>18861.070360000002</v>
      </c>
      <c r="P3293">
        <v>24457.960350000001</v>
      </c>
      <c r="Q3293">
        <v>73700.056509999995</v>
      </c>
      <c r="R3293">
        <v>15840.05258</v>
      </c>
      <c r="S3293">
        <v>69250.844649999999</v>
      </c>
      <c r="T3293">
        <v>18143.040079999999</v>
      </c>
      <c r="U3293">
        <v>11266.291649999999</v>
      </c>
      <c r="W3293" s="83">
        <f>Bühler!N3325</f>
        <v>45429.124999992018</v>
      </c>
      <c r="X3293" s="83">
        <v>43238.125</v>
      </c>
      <c r="Y3293">
        <v>174203.5981</v>
      </c>
      <c r="Z3293">
        <v>11709.97831</v>
      </c>
      <c r="AA3293">
        <v>49919.668980000002</v>
      </c>
      <c r="AB3293">
        <v>31043.649689999998</v>
      </c>
      <c r="AC3293">
        <v>32246.741590000001</v>
      </c>
      <c r="AD3293">
        <v>12816.051600000001</v>
      </c>
      <c r="AE3293">
        <v>32829.750119999997</v>
      </c>
      <c r="AF3293">
        <v>44358.308219999999</v>
      </c>
      <c r="AG3293">
        <v>15495.45693</v>
      </c>
      <c r="AH3293">
        <v>248157.6856</v>
      </c>
      <c r="AI3293">
        <v>67672.973480000001</v>
      </c>
      <c r="AJ3293">
        <v>18861.070360000002</v>
      </c>
      <c r="AK3293">
        <v>24457.960350000001</v>
      </c>
      <c r="AL3293">
        <v>73700.056509999995</v>
      </c>
      <c r="AM3293">
        <v>15840.05258</v>
      </c>
      <c r="AN3293">
        <v>69250.844649999999</v>
      </c>
      <c r="AO3293">
        <v>18143.040079999999</v>
      </c>
      <c r="AP3293">
        <v>11266.291649999999</v>
      </c>
    </row>
    <row r="3294" spans="2:42" x14ac:dyDescent="0.3">
      <c r="B3294">
        <v>50.819303810607877</v>
      </c>
      <c r="C3294" s="83">
        <v>43238.166666666664</v>
      </c>
      <c r="D3294">
        <v>177941.17619999999</v>
      </c>
      <c r="E3294">
        <v>12211.116099999999</v>
      </c>
      <c r="F3294">
        <v>53337.995150000002</v>
      </c>
      <c r="G3294">
        <v>30560.468239999998</v>
      </c>
      <c r="H3294">
        <v>32831.243549999999</v>
      </c>
      <c r="I3294">
        <v>14954.5119</v>
      </c>
      <c r="J3294">
        <v>35135.083700000003</v>
      </c>
      <c r="K3294">
        <v>43296.92366</v>
      </c>
      <c r="L3294">
        <v>15549.43124</v>
      </c>
      <c r="M3294">
        <v>259100.51</v>
      </c>
      <c r="N3294">
        <v>67298.687990000006</v>
      </c>
      <c r="O3294">
        <v>19049.572960000001</v>
      </c>
      <c r="P3294">
        <v>23874.101989999999</v>
      </c>
      <c r="Q3294">
        <v>77201.612340000007</v>
      </c>
      <c r="R3294">
        <v>15366.959870000001</v>
      </c>
      <c r="S3294">
        <v>70042.49437</v>
      </c>
      <c r="T3294">
        <v>18252.377199999999</v>
      </c>
      <c r="U3294">
        <v>12181.41208</v>
      </c>
      <c r="W3294" s="83">
        <f>Bühler!N3326</f>
        <v>45429.166666658683</v>
      </c>
      <c r="X3294" s="83">
        <v>43238.166666666664</v>
      </c>
      <c r="Y3294">
        <v>177941.17619999999</v>
      </c>
      <c r="Z3294">
        <v>12211.116099999999</v>
      </c>
      <c r="AA3294">
        <v>53337.995150000002</v>
      </c>
      <c r="AB3294">
        <v>30560.468239999998</v>
      </c>
      <c r="AC3294">
        <v>32831.243549999999</v>
      </c>
      <c r="AD3294">
        <v>14954.5119</v>
      </c>
      <c r="AE3294">
        <v>35135.083700000003</v>
      </c>
      <c r="AF3294">
        <v>43296.92366</v>
      </c>
      <c r="AG3294">
        <v>15549.43124</v>
      </c>
      <c r="AH3294">
        <v>259100.51</v>
      </c>
      <c r="AI3294">
        <v>67298.687990000006</v>
      </c>
      <c r="AJ3294">
        <v>19049.572960000001</v>
      </c>
      <c r="AK3294">
        <v>23874.101989999999</v>
      </c>
      <c r="AL3294">
        <v>77201.612340000007</v>
      </c>
      <c r="AM3294">
        <v>15366.959870000001</v>
      </c>
      <c r="AN3294">
        <v>70042.49437</v>
      </c>
      <c r="AO3294">
        <v>18252.377199999999</v>
      </c>
      <c r="AP3294">
        <v>12181.41208</v>
      </c>
    </row>
    <row r="3295" spans="2:42" x14ac:dyDescent="0.3">
      <c r="B3295">
        <v>54.52252790461219</v>
      </c>
      <c r="C3295" s="83">
        <v>43238.208333333336</v>
      </c>
      <c r="D3295">
        <v>188300.23910000001</v>
      </c>
      <c r="E3295">
        <v>13929.270109999999</v>
      </c>
      <c r="F3295">
        <v>63599.205569999998</v>
      </c>
      <c r="G3295">
        <v>32385.15742</v>
      </c>
      <c r="H3295">
        <v>34441.425280000003</v>
      </c>
      <c r="I3295">
        <v>22256.435399999998</v>
      </c>
      <c r="J3295">
        <v>38328.607539999997</v>
      </c>
      <c r="K3295">
        <v>43345.926200000002</v>
      </c>
      <c r="L3295">
        <v>16208.9611</v>
      </c>
      <c r="M3295">
        <v>277981.27340000001</v>
      </c>
      <c r="N3295">
        <v>66819.594469999996</v>
      </c>
      <c r="O3295">
        <v>20106.911660000002</v>
      </c>
      <c r="P3295">
        <v>24965.352220000001</v>
      </c>
      <c r="Q3295">
        <v>80242.747919999994</v>
      </c>
      <c r="R3295">
        <v>18551.629369999999</v>
      </c>
      <c r="S3295">
        <v>72388.690789999993</v>
      </c>
      <c r="T3295">
        <v>19684.29898</v>
      </c>
      <c r="U3295">
        <v>13332.35413</v>
      </c>
      <c r="W3295" s="83">
        <f>Bühler!N3327</f>
        <v>45429.208333325347</v>
      </c>
      <c r="X3295" s="83">
        <v>43238.208333333336</v>
      </c>
      <c r="Y3295">
        <v>188300.23910000001</v>
      </c>
      <c r="Z3295">
        <v>13929.270109999999</v>
      </c>
      <c r="AA3295">
        <v>63599.205569999998</v>
      </c>
      <c r="AB3295">
        <v>32385.15742</v>
      </c>
      <c r="AC3295">
        <v>34441.425280000003</v>
      </c>
      <c r="AD3295">
        <v>22256.435399999998</v>
      </c>
      <c r="AE3295">
        <v>38328.607539999997</v>
      </c>
      <c r="AF3295">
        <v>43345.926200000002</v>
      </c>
      <c r="AG3295">
        <v>16208.9611</v>
      </c>
      <c r="AH3295">
        <v>277981.27340000001</v>
      </c>
      <c r="AI3295">
        <v>66819.594469999996</v>
      </c>
      <c r="AJ3295">
        <v>20106.911660000002</v>
      </c>
      <c r="AK3295">
        <v>24965.352220000001</v>
      </c>
      <c r="AL3295">
        <v>80242.747919999994</v>
      </c>
      <c r="AM3295">
        <v>18551.629369999999</v>
      </c>
      <c r="AN3295">
        <v>72388.690789999993</v>
      </c>
      <c r="AO3295">
        <v>19684.29898</v>
      </c>
      <c r="AP3295">
        <v>13332.35413</v>
      </c>
    </row>
    <row r="3296" spans="2:42" x14ac:dyDescent="0.3">
      <c r="B3296">
        <v>58.105003903265953</v>
      </c>
      <c r="C3296" s="83">
        <v>43238.25</v>
      </c>
      <c r="D3296">
        <v>197285.95730000001</v>
      </c>
      <c r="E3296">
        <v>17458.066449999998</v>
      </c>
      <c r="F3296">
        <v>74306.120410000003</v>
      </c>
      <c r="G3296">
        <v>41853.893730000003</v>
      </c>
      <c r="H3296">
        <v>35670.582320000001</v>
      </c>
      <c r="I3296">
        <v>27471.986779999999</v>
      </c>
      <c r="J3296">
        <v>41161.506719999998</v>
      </c>
      <c r="K3296">
        <v>45061.395539999998</v>
      </c>
      <c r="L3296">
        <v>17673.708739999998</v>
      </c>
      <c r="M3296">
        <v>296246.40669999999</v>
      </c>
      <c r="N3296">
        <v>68763.087199999994</v>
      </c>
      <c r="O3296">
        <v>20981.108120000001</v>
      </c>
      <c r="P3296">
        <v>25271.412550000001</v>
      </c>
      <c r="Q3296">
        <v>81165.097630000004</v>
      </c>
      <c r="R3296">
        <v>16626.149740000001</v>
      </c>
      <c r="S3296">
        <v>79904.477020000006</v>
      </c>
      <c r="T3296">
        <v>21754.616170000001</v>
      </c>
      <c r="U3296">
        <v>13914.868560000001</v>
      </c>
      <c r="W3296" s="83">
        <f>Bühler!N3328</f>
        <v>45429.249999992011</v>
      </c>
      <c r="X3296" s="83">
        <v>43238.25</v>
      </c>
      <c r="Y3296">
        <v>197285.95730000001</v>
      </c>
      <c r="Z3296">
        <v>17458.066449999998</v>
      </c>
      <c r="AA3296">
        <v>74306.120410000003</v>
      </c>
      <c r="AB3296">
        <v>41853.893730000003</v>
      </c>
      <c r="AC3296">
        <v>35670.582320000001</v>
      </c>
      <c r="AD3296">
        <v>27471.986779999999</v>
      </c>
      <c r="AE3296">
        <v>41161.506719999998</v>
      </c>
      <c r="AF3296">
        <v>45061.395539999998</v>
      </c>
      <c r="AG3296">
        <v>17673.708739999998</v>
      </c>
      <c r="AH3296">
        <v>296246.40669999999</v>
      </c>
      <c r="AI3296">
        <v>68763.087199999994</v>
      </c>
      <c r="AJ3296">
        <v>20981.108120000001</v>
      </c>
      <c r="AK3296">
        <v>25271.412550000001</v>
      </c>
      <c r="AL3296">
        <v>81165.097630000004</v>
      </c>
      <c r="AM3296">
        <v>16626.149740000001</v>
      </c>
      <c r="AN3296">
        <v>79904.477020000006</v>
      </c>
      <c r="AO3296">
        <v>21754.616170000001</v>
      </c>
      <c r="AP3296">
        <v>13914.868560000001</v>
      </c>
    </row>
    <row r="3297" spans="2:42" x14ac:dyDescent="0.3">
      <c r="B3297">
        <v>60.018132567023827</v>
      </c>
      <c r="C3297" s="83">
        <v>43238.291666666664</v>
      </c>
      <c r="D3297">
        <v>204349.68900000001</v>
      </c>
      <c r="E3297">
        <v>21063.473330000001</v>
      </c>
      <c r="F3297">
        <v>78594.3649</v>
      </c>
      <c r="G3297">
        <v>50630.020669999998</v>
      </c>
      <c r="H3297">
        <v>39596.642540000001</v>
      </c>
      <c r="I3297">
        <v>32162.749400000001</v>
      </c>
      <c r="J3297">
        <v>41994.321369999998</v>
      </c>
      <c r="K3297">
        <v>49020.150009999998</v>
      </c>
      <c r="L3297">
        <v>20153.614460000001</v>
      </c>
      <c r="M3297">
        <v>306000.42879999999</v>
      </c>
      <c r="N3297">
        <v>72285.34259</v>
      </c>
      <c r="O3297">
        <v>22924.239509999999</v>
      </c>
      <c r="P3297">
        <v>28758.797009999998</v>
      </c>
      <c r="Q3297">
        <v>80353.383010000005</v>
      </c>
      <c r="R3297">
        <v>16571.829610000001</v>
      </c>
      <c r="S3297">
        <v>92572.291440000001</v>
      </c>
      <c r="T3297">
        <v>24783.222010000001</v>
      </c>
      <c r="U3297">
        <v>16468.391940000001</v>
      </c>
      <c r="W3297" s="83">
        <f>Bühler!N3329</f>
        <v>45429.291666658675</v>
      </c>
      <c r="X3297" s="83">
        <v>43238.291666666664</v>
      </c>
      <c r="Y3297">
        <v>204349.68900000001</v>
      </c>
      <c r="Z3297">
        <v>21063.473330000001</v>
      </c>
      <c r="AA3297">
        <v>78594.3649</v>
      </c>
      <c r="AB3297">
        <v>50630.020669999998</v>
      </c>
      <c r="AC3297">
        <v>39596.642540000001</v>
      </c>
      <c r="AD3297">
        <v>32162.749400000001</v>
      </c>
      <c r="AE3297">
        <v>41994.321369999998</v>
      </c>
      <c r="AF3297">
        <v>49020.150009999998</v>
      </c>
      <c r="AG3297">
        <v>20153.614460000001</v>
      </c>
      <c r="AH3297">
        <v>306000.42879999999</v>
      </c>
      <c r="AI3297">
        <v>72285.34259</v>
      </c>
      <c r="AJ3297">
        <v>22924.239509999999</v>
      </c>
      <c r="AK3297">
        <v>28758.797009999998</v>
      </c>
      <c r="AL3297">
        <v>80353.383010000005</v>
      </c>
      <c r="AM3297">
        <v>16571.829610000001</v>
      </c>
      <c r="AN3297">
        <v>92572.291440000001</v>
      </c>
      <c r="AO3297">
        <v>24783.222010000001</v>
      </c>
      <c r="AP3297">
        <v>16468.391940000001</v>
      </c>
    </row>
    <row r="3298" spans="2:42" x14ac:dyDescent="0.3">
      <c r="B3298">
        <v>60.626371847624931</v>
      </c>
      <c r="C3298" s="83">
        <v>43238.333333333336</v>
      </c>
      <c r="D3298">
        <v>209285.42939999999</v>
      </c>
      <c r="E3298">
        <v>26095.059819999999</v>
      </c>
      <c r="F3298">
        <v>84604.982629999999</v>
      </c>
      <c r="G3298">
        <v>62420.739500000003</v>
      </c>
      <c r="H3298">
        <v>43615.986680000002</v>
      </c>
      <c r="I3298">
        <v>34275.651270000002</v>
      </c>
      <c r="J3298">
        <v>43469.608310000003</v>
      </c>
      <c r="K3298">
        <v>52536.888059999997</v>
      </c>
      <c r="L3298">
        <v>23289.498380000001</v>
      </c>
      <c r="M3298">
        <v>309101.51630000002</v>
      </c>
      <c r="N3298">
        <v>76828.207280000002</v>
      </c>
      <c r="O3298">
        <v>23975.546180000001</v>
      </c>
      <c r="P3298">
        <v>31521.022990000001</v>
      </c>
      <c r="Q3298">
        <v>80854.170719999995</v>
      </c>
      <c r="R3298">
        <v>20065.165819999998</v>
      </c>
      <c r="S3298">
        <v>103917.834</v>
      </c>
      <c r="T3298">
        <v>27907.45865</v>
      </c>
      <c r="U3298">
        <v>19066.461500000001</v>
      </c>
      <c r="W3298" s="83">
        <f>Bühler!N3330</f>
        <v>45429.333333325339</v>
      </c>
      <c r="X3298" s="83">
        <v>43238.333333333336</v>
      </c>
      <c r="Y3298">
        <v>209285.42939999999</v>
      </c>
      <c r="Z3298">
        <v>26095.059819999999</v>
      </c>
      <c r="AA3298">
        <v>84604.982629999999</v>
      </c>
      <c r="AB3298">
        <v>62420.739500000003</v>
      </c>
      <c r="AC3298">
        <v>43615.986680000002</v>
      </c>
      <c r="AD3298">
        <v>34275.651270000002</v>
      </c>
      <c r="AE3298">
        <v>43469.608310000003</v>
      </c>
      <c r="AF3298">
        <v>52536.888059999997</v>
      </c>
      <c r="AG3298">
        <v>23289.498380000001</v>
      </c>
      <c r="AH3298">
        <v>309101.51630000002</v>
      </c>
      <c r="AI3298">
        <v>76828.207280000002</v>
      </c>
      <c r="AJ3298">
        <v>23975.546180000001</v>
      </c>
      <c r="AK3298">
        <v>31521.022990000001</v>
      </c>
      <c r="AL3298">
        <v>80854.170719999995</v>
      </c>
      <c r="AM3298">
        <v>20065.165819999998</v>
      </c>
      <c r="AN3298">
        <v>103917.834</v>
      </c>
      <c r="AO3298">
        <v>27907.45865</v>
      </c>
      <c r="AP3298">
        <v>19066.461500000001</v>
      </c>
    </row>
    <row r="3299" spans="2:42" x14ac:dyDescent="0.3">
      <c r="B3299">
        <v>60.960058173255831</v>
      </c>
      <c r="C3299" s="83">
        <v>43238.375</v>
      </c>
      <c r="D3299">
        <v>210065.54060000001</v>
      </c>
      <c r="E3299">
        <v>29991.627929999999</v>
      </c>
      <c r="F3299">
        <v>91460.619380000004</v>
      </c>
      <c r="G3299">
        <v>70630.705660000007</v>
      </c>
      <c r="H3299">
        <v>45817.496879999999</v>
      </c>
      <c r="I3299">
        <v>33568.681250000001</v>
      </c>
      <c r="J3299">
        <v>44777.409720000003</v>
      </c>
      <c r="K3299">
        <v>55796.458250000003</v>
      </c>
      <c r="L3299">
        <v>27000.980729999999</v>
      </c>
      <c r="M3299">
        <v>310802.80479999998</v>
      </c>
      <c r="N3299">
        <v>79187.018479999999</v>
      </c>
      <c r="O3299">
        <v>25150.99699</v>
      </c>
      <c r="P3299">
        <v>33357.310949999999</v>
      </c>
      <c r="Q3299">
        <v>81846.826010000004</v>
      </c>
      <c r="R3299">
        <v>21431.009170000001</v>
      </c>
      <c r="S3299">
        <v>109888.37850000001</v>
      </c>
      <c r="T3299">
        <v>30784.523659999999</v>
      </c>
      <c r="U3299">
        <v>18831.8308</v>
      </c>
      <c r="W3299" s="83">
        <f>Bühler!N3331</f>
        <v>45429.374999992004</v>
      </c>
      <c r="X3299" s="83">
        <v>43238.375</v>
      </c>
      <c r="Y3299">
        <v>210065.54060000001</v>
      </c>
      <c r="Z3299">
        <v>29991.627929999999</v>
      </c>
      <c r="AA3299">
        <v>91460.619380000004</v>
      </c>
      <c r="AB3299">
        <v>70630.705660000007</v>
      </c>
      <c r="AC3299">
        <v>45817.496879999999</v>
      </c>
      <c r="AD3299">
        <v>33568.681250000001</v>
      </c>
      <c r="AE3299">
        <v>44777.409720000003</v>
      </c>
      <c r="AF3299">
        <v>55796.458250000003</v>
      </c>
      <c r="AG3299">
        <v>27000.980729999999</v>
      </c>
      <c r="AH3299">
        <v>310802.80479999998</v>
      </c>
      <c r="AI3299">
        <v>79187.018479999999</v>
      </c>
      <c r="AJ3299">
        <v>25150.99699</v>
      </c>
      <c r="AK3299">
        <v>33357.310949999999</v>
      </c>
      <c r="AL3299">
        <v>81846.826010000004</v>
      </c>
      <c r="AM3299">
        <v>21431.009170000001</v>
      </c>
      <c r="AN3299">
        <v>109888.37850000001</v>
      </c>
      <c r="AO3299">
        <v>30784.523659999999</v>
      </c>
      <c r="AP3299">
        <v>18831.8308</v>
      </c>
    </row>
    <row r="3300" spans="2:42" x14ac:dyDescent="0.3">
      <c r="B3300">
        <v>60.605860777631307</v>
      </c>
      <c r="C3300" s="83">
        <v>43238.416666666664</v>
      </c>
      <c r="D3300">
        <v>210852.9215</v>
      </c>
      <c r="E3300">
        <v>31632.396219999999</v>
      </c>
      <c r="F3300">
        <v>91392.69184</v>
      </c>
      <c r="G3300">
        <v>72722.089970000001</v>
      </c>
      <c r="H3300">
        <v>46367.696400000001</v>
      </c>
      <c r="I3300">
        <v>32864.99295</v>
      </c>
      <c r="J3300">
        <v>44080.819020000003</v>
      </c>
      <c r="K3300">
        <v>57008.731390000001</v>
      </c>
      <c r="L3300">
        <v>30326.033449999999</v>
      </c>
      <c r="M3300">
        <v>308996.94130000001</v>
      </c>
      <c r="N3300">
        <v>79870.184200000003</v>
      </c>
      <c r="O3300">
        <v>25298.82014</v>
      </c>
      <c r="P3300">
        <v>34675.551030000002</v>
      </c>
      <c r="Q3300">
        <v>82268.960460000002</v>
      </c>
      <c r="R3300">
        <v>22216.91663</v>
      </c>
      <c r="S3300">
        <v>110033.83990000001</v>
      </c>
      <c r="T3300">
        <v>32371.902330000001</v>
      </c>
      <c r="U3300">
        <v>17955.899809999999</v>
      </c>
      <c r="W3300" s="83">
        <f>Bühler!N3332</f>
        <v>45429.416666658668</v>
      </c>
      <c r="X3300" s="83">
        <v>43238.416666666664</v>
      </c>
      <c r="Y3300">
        <v>210852.9215</v>
      </c>
      <c r="Z3300">
        <v>31632.396219999999</v>
      </c>
      <c r="AA3300">
        <v>91392.69184</v>
      </c>
      <c r="AB3300">
        <v>72722.089970000001</v>
      </c>
      <c r="AC3300">
        <v>46367.696400000001</v>
      </c>
      <c r="AD3300">
        <v>32864.99295</v>
      </c>
      <c r="AE3300">
        <v>44080.819020000003</v>
      </c>
      <c r="AF3300">
        <v>57008.731390000001</v>
      </c>
      <c r="AG3300">
        <v>30326.033449999999</v>
      </c>
      <c r="AH3300">
        <v>308996.94130000001</v>
      </c>
      <c r="AI3300">
        <v>79870.184200000003</v>
      </c>
      <c r="AJ3300">
        <v>25298.82014</v>
      </c>
      <c r="AK3300">
        <v>34675.551030000002</v>
      </c>
      <c r="AL3300">
        <v>82268.960460000002</v>
      </c>
      <c r="AM3300">
        <v>22216.91663</v>
      </c>
      <c r="AN3300">
        <v>110033.83990000001</v>
      </c>
      <c r="AO3300">
        <v>32371.902330000001</v>
      </c>
      <c r="AP3300">
        <v>17955.899809999999</v>
      </c>
    </row>
    <row r="3301" spans="2:42" x14ac:dyDescent="0.3">
      <c r="B3301">
        <v>61.222665124091655</v>
      </c>
      <c r="C3301" s="83">
        <v>43238.458333333336</v>
      </c>
      <c r="D3301">
        <v>208400.7303</v>
      </c>
      <c r="E3301">
        <v>31986.223030000001</v>
      </c>
      <c r="F3301">
        <v>94117.006080000006</v>
      </c>
      <c r="G3301">
        <v>70774.4228</v>
      </c>
      <c r="H3301">
        <v>45820.037230000002</v>
      </c>
      <c r="I3301">
        <v>32771.058510000003</v>
      </c>
      <c r="J3301">
        <v>43573.181799999998</v>
      </c>
      <c r="K3301">
        <v>57008.974649999996</v>
      </c>
      <c r="L3301">
        <v>32056.949349999999</v>
      </c>
      <c r="M3301">
        <v>312141.69750000001</v>
      </c>
      <c r="N3301">
        <v>78998.881389999995</v>
      </c>
      <c r="O3301">
        <v>25921.71991</v>
      </c>
      <c r="P3301">
        <v>33810.318299999999</v>
      </c>
      <c r="Q3301">
        <v>82485.918739999994</v>
      </c>
      <c r="R3301">
        <v>23615.733560000001</v>
      </c>
      <c r="S3301">
        <v>111582.041</v>
      </c>
      <c r="T3301">
        <v>32759.296429999999</v>
      </c>
      <c r="U3301">
        <v>17835.38492</v>
      </c>
      <c r="W3301" s="83">
        <f>Bühler!N3333</f>
        <v>45429.458333325332</v>
      </c>
      <c r="X3301" s="83">
        <v>43238.458333333336</v>
      </c>
      <c r="Y3301">
        <v>208400.7303</v>
      </c>
      <c r="Z3301">
        <v>31986.223030000001</v>
      </c>
      <c r="AA3301">
        <v>94117.006080000006</v>
      </c>
      <c r="AB3301">
        <v>70774.4228</v>
      </c>
      <c r="AC3301">
        <v>45820.037230000002</v>
      </c>
      <c r="AD3301">
        <v>32771.058510000003</v>
      </c>
      <c r="AE3301">
        <v>43573.181799999998</v>
      </c>
      <c r="AF3301">
        <v>57008.974649999996</v>
      </c>
      <c r="AG3301">
        <v>32056.949349999999</v>
      </c>
      <c r="AH3301">
        <v>312141.69750000001</v>
      </c>
      <c r="AI3301">
        <v>78998.881389999995</v>
      </c>
      <c r="AJ3301">
        <v>25921.71991</v>
      </c>
      <c r="AK3301">
        <v>33810.318299999999</v>
      </c>
      <c r="AL3301">
        <v>82485.918739999994</v>
      </c>
      <c r="AM3301">
        <v>23615.733560000001</v>
      </c>
      <c r="AN3301">
        <v>111582.041</v>
      </c>
      <c r="AO3301">
        <v>32759.296429999999</v>
      </c>
      <c r="AP3301">
        <v>17835.38492</v>
      </c>
    </row>
    <row r="3302" spans="2:42" x14ac:dyDescent="0.3">
      <c r="B3302">
        <v>61.579436274080713</v>
      </c>
      <c r="C3302" s="83">
        <v>43238.5</v>
      </c>
      <c r="D3302">
        <v>199237.3443</v>
      </c>
      <c r="E3302">
        <v>28811.73691</v>
      </c>
      <c r="F3302">
        <v>92914.922609999994</v>
      </c>
      <c r="G3302">
        <v>70801.193830000004</v>
      </c>
      <c r="H3302">
        <v>44572.470159999997</v>
      </c>
      <c r="I3302">
        <v>31583.9748</v>
      </c>
      <c r="J3302">
        <v>43738.184450000001</v>
      </c>
      <c r="K3302">
        <v>55668.761810000004</v>
      </c>
      <c r="L3302">
        <v>34938.891369999998</v>
      </c>
      <c r="M3302">
        <v>313960.68320000003</v>
      </c>
      <c r="N3302">
        <v>77974.148459999997</v>
      </c>
      <c r="O3302">
        <v>25768.411410000001</v>
      </c>
      <c r="P3302">
        <v>34778.315710000003</v>
      </c>
      <c r="Q3302">
        <v>81522.374299999996</v>
      </c>
      <c r="R3302">
        <v>23474.136879999998</v>
      </c>
      <c r="S3302">
        <v>105991.7052</v>
      </c>
      <c r="T3302">
        <v>33299.875390000001</v>
      </c>
      <c r="U3302">
        <v>16370.55003</v>
      </c>
      <c r="W3302" s="83">
        <f>Bühler!N3334</f>
        <v>45429.499999991996</v>
      </c>
      <c r="X3302" s="83">
        <v>43238.5</v>
      </c>
      <c r="Y3302">
        <v>199237.3443</v>
      </c>
      <c r="Z3302">
        <v>28811.73691</v>
      </c>
      <c r="AA3302">
        <v>92914.922609999994</v>
      </c>
      <c r="AB3302">
        <v>70801.193830000004</v>
      </c>
      <c r="AC3302">
        <v>44572.470159999997</v>
      </c>
      <c r="AD3302">
        <v>31583.9748</v>
      </c>
      <c r="AE3302">
        <v>43738.184450000001</v>
      </c>
      <c r="AF3302">
        <v>55668.761810000004</v>
      </c>
      <c r="AG3302">
        <v>34938.891369999998</v>
      </c>
      <c r="AH3302">
        <v>313960.68320000003</v>
      </c>
      <c r="AI3302">
        <v>77974.148459999997</v>
      </c>
      <c r="AJ3302">
        <v>25768.411410000001</v>
      </c>
      <c r="AK3302">
        <v>34778.315710000003</v>
      </c>
      <c r="AL3302">
        <v>81522.374299999996</v>
      </c>
      <c r="AM3302">
        <v>23474.136879999998</v>
      </c>
      <c r="AN3302">
        <v>105991.7052</v>
      </c>
      <c r="AO3302">
        <v>33299.875390000001</v>
      </c>
      <c r="AP3302">
        <v>16370.55003</v>
      </c>
    </row>
    <row r="3303" spans="2:42" x14ac:dyDescent="0.3">
      <c r="B3303">
        <v>60.151459582327661</v>
      </c>
      <c r="C3303" s="83">
        <v>43238.541666666664</v>
      </c>
      <c r="D3303">
        <v>197535.00539999999</v>
      </c>
      <c r="E3303">
        <v>28300.074690000001</v>
      </c>
      <c r="F3303">
        <v>92809.273990000002</v>
      </c>
      <c r="G3303">
        <v>67255.483789999998</v>
      </c>
      <c r="H3303">
        <v>43994.092449999996</v>
      </c>
      <c r="I3303">
        <v>31085.858069999998</v>
      </c>
      <c r="J3303">
        <v>42523.60613</v>
      </c>
      <c r="K3303">
        <v>57794.420980000003</v>
      </c>
      <c r="L3303">
        <v>33489.268600000003</v>
      </c>
      <c r="M3303">
        <v>306680.19209999999</v>
      </c>
      <c r="N3303">
        <v>78876.833459999994</v>
      </c>
      <c r="O3303">
        <v>25586.207470000001</v>
      </c>
      <c r="P3303">
        <v>33880.817499999997</v>
      </c>
      <c r="Q3303">
        <v>79857.218689999994</v>
      </c>
      <c r="R3303">
        <v>22106.749309999999</v>
      </c>
      <c r="S3303">
        <v>106368.9158</v>
      </c>
      <c r="T3303">
        <v>32065.84737</v>
      </c>
      <c r="U3303">
        <v>16364.203390000001</v>
      </c>
      <c r="W3303" s="83">
        <f>Bühler!N3335</f>
        <v>45429.541666658661</v>
      </c>
      <c r="X3303" s="83">
        <v>43238.541666666664</v>
      </c>
      <c r="Y3303">
        <v>197535.00539999999</v>
      </c>
      <c r="Z3303">
        <v>28300.074690000001</v>
      </c>
      <c r="AA3303">
        <v>92809.273990000002</v>
      </c>
      <c r="AB3303">
        <v>67255.483789999998</v>
      </c>
      <c r="AC3303">
        <v>43994.092449999996</v>
      </c>
      <c r="AD3303">
        <v>31085.858069999998</v>
      </c>
      <c r="AE3303">
        <v>42523.60613</v>
      </c>
      <c r="AF3303">
        <v>57794.420980000003</v>
      </c>
      <c r="AG3303">
        <v>33489.268600000003</v>
      </c>
      <c r="AH3303">
        <v>306680.19209999999</v>
      </c>
      <c r="AI3303">
        <v>78876.833459999994</v>
      </c>
      <c r="AJ3303">
        <v>25586.207470000001</v>
      </c>
      <c r="AK3303">
        <v>33880.817499999997</v>
      </c>
      <c r="AL3303">
        <v>79857.218689999994</v>
      </c>
      <c r="AM3303">
        <v>22106.749309999999</v>
      </c>
      <c r="AN3303">
        <v>106368.9158</v>
      </c>
      <c r="AO3303">
        <v>32065.84737</v>
      </c>
      <c r="AP3303">
        <v>16364.203390000001</v>
      </c>
    </row>
    <row r="3304" spans="2:42" x14ac:dyDescent="0.3">
      <c r="B3304">
        <v>60.366213750848864</v>
      </c>
      <c r="C3304" s="83">
        <v>43238.583333333336</v>
      </c>
      <c r="D3304">
        <v>199195.3511</v>
      </c>
      <c r="E3304">
        <v>30860.512159999998</v>
      </c>
      <c r="F3304">
        <v>93239.874760000006</v>
      </c>
      <c r="G3304">
        <v>60751.783459999999</v>
      </c>
      <c r="H3304">
        <v>43211.421240000003</v>
      </c>
      <c r="I3304">
        <v>31442.612980000002</v>
      </c>
      <c r="J3304">
        <v>41312.1423</v>
      </c>
      <c r="K3304">
        <v>57357.476880000002</v>
      </c>
      <c r="L3304">
        <v>30194.327440000001</v>
      </c>
      <c r="M3304">
        <v>307775.109</v>
      </c>
      <c r="N3304">
        <v>77297.527520000003</v>
      </c>
      <c r="O3304">
        <v>24538.203839999998</v>
      </c>
      <c r="P3304">
        <v>30181.74454</v>
      </c>
      <c r="Q3304">
        <v>77928.775020000001</v>
      </c>
      <c r="R3304">
        <v>22296.931420000001</v>
      </c>
      <c r="S3304">
        <v>102118.4795</v>
      </c>
      <c r="T3304">
        <v>30220.177019999999</v>
      </c>
      <c r="U3304">
        <v>15989.3732</v>
      </c>
      <c r="W3304" s="83">
        <f>Bühler!N3336</f>
        <v>45429.583333325325</v>
      </c>
      <c r="X3304" s="83">
        <v>43238.583333333336</v>
      </c>
      <c r="Y3304">
        <v>199195.3511</v>
      </c>
      <c r="Z3304">
        <v>30860.512159999998</v>
      </c>
      <c r="AA3304">
        <v>93239.874760000006</v>
      </c>
      <c r="AB3304">
        <v>60751.783459999999</v>
      </c>
      <c r="AC3304">
        <v>43211.421240000003</v>
      </c>
      <c r="AD3304">
        <v>31442.612980000002</v>
      </c>
      <c r="AE3304">
        <v>41312.1423</v>
      </c>
      <c r="AF3304">
        <v>57357.476880000002</v>
      </c>
      <c r="AG3304">
        <v>30194.327440000001</v>
      </c>
      <c r="AH3304">
        <v>307775.109</v>
      </c>
      <c r="AI3304">
        <v>77297.527520000003</v>
      </c>
      <c r="AJ3304">
        <v>24538.203839999998</v>
      </c>
      <c r="AK3304">
        <v>30181.74454</v>
      </c>
      <c r="AL3304">
        <v>77928.775020000001</v>
      </c>
      <c r="AM3304">
        <v>22296.931420000001</v>
      </c>
      <c r="AN3304">
        <v>102118.4795</v>
      </c>
      <c r="AO3304">
        <v>30220.177019999999</v>
      </c>
      <c r="AP3304">
        <v>15989.3732</v>
      </c>
    </row>
    <row r="3305" spans="2:42" x14ac:dyDescent="0.3">
      <c r="B3305">
        <v>60.298653591205273</v>
      </c>
      <c r="C3305" s="83">
        <v>43238.625</v>
      </c>
      <c r="D3305">
        <v>197216.47750000001</v>
      </c>
      <c r="E3305">
        <v>31031.720669999999</v>
      </c>
      <c r="F3305">
        <v>94037.707689999996</v>
      </c>
      <c r="G3305">
        <v>55621.236579999997</v>
      </c>
      <c r="H3305">
        <v>42160.45594</v>
      </c>
      <c r="I3305">
        <v>31474.04552</v>
      </c>
      <c r="J3305">
        <v>40584.01152</v>
      </c>
      <c r="K3305">
        <v>56181.034039999999</v>
      </c>
      <c r="L3305">
        <v>26984.265449999999</v>
      </c>
      <c r="M3305">
        <v>307430.65580000001</v>
      </c>
      <c r="N3305">
        <v>76626.464110000001</v>
      </c>
      <c r="O3305">
        <v>23821.95652</v>
      </c>
      <c r="P3305">
        <v>27769.05932</v>
      </c>
      <c r="Q3305">
        <v>77348.576409999994</v>
      </c>
      <c r="R3305">
        <v>22675.279200000001</v>
      </c>
      <c r="S3305">
        <v>98683.269400000005</v>
      </c>
      <c r="T3305">
        <v>29753.034459999999</v>
      </c>
      <c r="U3305">
        <v>15588.95304</v>
      </c>
      <c r="W3305" s="83">
        <f>Bühler!N3337</f>
        <v>45429.624999991989</v>
      </c>
      <c r="X3305" s="83">
        <v>43238.625</v>
      </c>
      <c r="Y3305">
        <v>197216.47750000001</v>
      </c>
      <c r="Z3305">
        <v>31031.720669999999</v>
      </c>
      <c r="AA3305">
        <v>94037.707689999996</v>
      </c>
      <c r="AB3305">
        <v>55621.236579999997</v>
      </c>
      <c r="AC3305">
        <v>42160.45594</v>
      </c>
      <c r="AD3305">
        <v>31474.04552</v>
      </c>
      <c r="AE3305">
        <v>40584.01152</v>
      </c>
      <c r="AF3305">
        <v>56181.034039999999</v>
      </c>
      <c r="AG3305">
        <v>26984.265449999999</v>
      </c>
      <c r="AH3305">
        <v>307430.65580000001</v>
      </c>
      <c r="AI3305">
        <v>76626.464110000001</v>
      </c>
      <c r="AJ3305">
        <v>23821.95652</v>
      </c>
      <c r="AK3305">
        <v>27769.05932</v>
      </c>
      <c r="AL3305">
        <v>77348.576409999994</v>
      </c>
      <c r="AM3305">
        <v>22675.279200000001</v>
      </c>
      <c r="AN3305">
        <v>98683.269400000005</v>
      </c>
      <c r="AO3305">
        <v>29753.034459999999</v>
      </c>
      <c r="AP3305">
        <v>15588.95304</v>
      </c>
    </row>
    <row r="3306" spans="2:42" x14ac:dyDescent="0.3">
      <c r="B3306">
        <v>59.522263705598668</v>
      </c>
      <c r="C3306" s="83">
        <v>43238.666666666664</v>
      </c>
      <c r="D3306">
        <v>193334.65669999999</v>
      </c>
      <c r="E3306">
        <v>29935.571899999999</v>
      </c>
      <c r="F3306">
        <v>92186.777390000003</v>
      </c>
      <c r="G3306">
        <v>49909.150529999999</v>
      </c>
      <c r="H3306">
        <v>41154.987459999997</v>
      </c>
      <c r="I3306">
        <v>31573.890759999998</v>
      </c>
      <c r="J3306">
        <v>39923.51758</v>
      </c>
      <c r="K3306">
        <v>52370.981599999999</v>
      </c>
      <c r="L3306">
        <v>26065.811669999999</v>
      </c>
      <c r="M3306">
        <v>303472.25809999998</v>
      </c>
      <c r="N3306">
        <v>74480.654899999994</v>
      </c>
      <c r="O3306">
        <v>23278.28772</v>
      </c>
      <c r="P3306">
        <v>27275.830379999999</v>
      </c>
      <c r="Q3306">
        <v>76733.398950000003</v>
      </c>
      <c r="R3306">
        <v>21550.67467</v>
      </c>
      <c r="S3306">
        <v>94574.186780000004</v>
      </c>
      <c r="T3306">
        <v>29319.315360000001</v>
      </c>
      <c r="U3306">
        <v>13869.35931</v>
      </c>
      <c r="W3306" s="83">
        <f>Bühler!N3338</f>
        <v>45429.666666658653</v>
      </c>
      <c r="X3306" s="83">
        <v>43238.666666666664</v>
      </c>
      <c r="Y3306">
        <v>193334.65669999999</v>
      </c>
      <c r="Z3306">
        <v>29935.571899999999</v>
      </c>
      <c r="AA3306">
        <v>92186.777390000003</v>
      </c>
      <c r="AB3306">
        <v>49909.150529999999</v>
      </c>
      <c r="AC3306">
        <v>41154.987459999997</v>
      </c>
      <c r="AD3306">
        <v>31573.890759999998</v>
      </c>
      <c r="AE3306">
        <v>39923.51758</v>
      </c>
      <c r="AF3306">
        <v>52370.981599999999</v>
      </c>
      <c r="AG3306">
        <v>26065.811669999999</v>
      </c>
      <c r="AH3306">
        <v>303472.25809999998</v>
      </c>
      <c r="AI3306">
        <v>74480.654899999994</v>
      </c>
      <c r="AJ3306">
        <v>23278.28772</v>
      </c>
      <c r="AK3306">
        <v>27275.830379999999</v>
      </c>
      <c r="AL3306">
        <v>76733.398950000003</v>
      </c>
      <c r="AM3306">
        <v>21550.67467</v>
      </c>
      <c r="AN3306">
        <v>94574.186780000004</v>
      </c>
      <c r="AO3306">
        <v>29319.315360000001</v>
      </c>
      <c r="AP3306">
        <v>13869.35931</v>
      </c>
    </row>
    <row r="3307" spans="2:42" x14ac:dyDescent="0.3">
      <c r="B3307">
        <v>58.284940876165166</v>
      </c>
      <c r="C3307" s="83">
        <v>43238.708333333336</v>
      </c>
      <c r="D3307">
        <v>188603.11730000001</v>
      </c>
      <c r="E3307">
        <v>28307.32389</v>
      </c>
      <c r="F3307">
        <v>91052.414990000005</v>
      </c>
      <c r="G3307">
        <v>43976.559379999999</v>
      </c>
      <c r="H3307">
        <v>39705.678919999998</v>
      </c>
      <c r="I3307">
        <v>31528.116419999998</v>
      </c>
      <c r="J3307">
        <v>40100.701359999999</v>
      </c>
      <c r="K3307">
        <v>48322.27966</v>
      </c>
      <c r="L3307">
        <v>26147.11104</v>
      </c>
      <c r="M3307">
        <v>297163.80930000002</v>
      </c>
      <c r="N3307">
        <v>72640.355100000001</v>
      </c>
      <c r="O3307">
        <v>22201.32158</v>
      </c>
      <c r="P3307">
        <v>29186.529180000001</v>
      </c>
      <c r="Q3307">
        <v>74558.530729999999</v>
      </c>
      <c r="R3307">
        <v>21507.65236</v>
      </c>
      <c r="S3307">
        <v>91373.936499999996</v>
      </c>
      <c r="T3307">
        <v>28628.8541</v>
      </c>
      <c r="U3307">
        <v>12511.87477</v>
      </c>
      <c r="W3307" s="83">
        <f>Bühler!N3339</f>
        <v>45429.708333325318</v>
      </c>
      <c r="X3307" s="83">
        <v>43238.708333333336</v>
      </c>
      <c r="Y3307">
        <v>188603.11730000001</v>
      </c>
      <c r="Z3307">
        <v>28307.32389</v>
      </c>
      <c r="AA3307">
        <v>91052.414990000005</v>
      </c>
      <c r="AB3307">
        <v>43976.559379999999</v>
      </c>
      <c r="AC3307">
        <v>39705.678919999998</v>
      </c>
      <c r="AD3307">
        <v>31528.116419999998</v>
      </c>
      <c r="AE3307">
        <v>40100.701359999999</v>
      </c>
      <c r="AF3307">
        <v>48322.27966</v>
      </c>
      <c r="AG3307">
        <v>26147.11104</v>
      </c>
      <c r="AH3307">
        <v>297163.80930000002</v>
      </c>
      <c r="AI3307">
        <v>72640.355100000001</v>
      </c>
      <c r="AJ3307">
        <v>22201.32158</v>
      </c>
      <c r="AK3307">
        <v>29186.529180000001</v>
      </c>
      <c r="AL3307">
        <v>74558.530729999999</v>
      </c>
      <c r="AM3307">
        <v>21507.65236</v>
      </c>
      <c r="AN3307">
        <v>91373.936499999996</v>
      </c>
      <c r="AO3307">
        <v>28628.8541</v>
      </c>
      <c r="AP3307">
        <v>12511.87477</v>
      </c>
    </row>
    <row r="3308" spans="2:42" x14ac:dyDescent="0.3">
      <c r="B3308">
        <v>57.12745303488299</v>
      </c>
      <c r="C3308" s="83">
        <v>43238.75</v>
      </c>
      <c r="D3308">
        <v>184631.01819999999</v>
      </c>
      <c r="E3308">
        <v>25624.201430000001</v>
      </c>
      <c r="F3308">
        <v>87939.817949999997</v>
      </c>
      <c r="G3308">
        <v>38812.262970000003</v>
      </c>
      <c r="H3308">
        <v>38079.980660000001</v>
      </c>
      <c r="I3308">
        <v>30332.685089999999</v>
      </c>
      <c r="J3308">
        <v>40118.567690000003</v>
      </c>
      <c r="K3308">
        <v>47204.677730000003</v>
      </c>
      <c r="L3308">
        <v>27329.876810000002</v>
      </c>
      <c r="M3308">
        <v>291262.39649999997</v>
      </c>
      <c r="N3308">
        <v>72646.992480000001</v>
      </c>
      <c r="O3308">
        <v>20964.379099999998</v>
      </c>
      <c r="P3308">
        <v>32036.68374</v>
      </c>
      <c r="Q3308">
        <v>73511.239289999998</v>
      </c>
      <c r="R3308">
        <v>20508.005990000001</v>
      </c>
      <c r="S3308">
        <v>86229.272899999996</v>
      </c>
      <c r="T3308">
        <v>28987.271959999998</v>
      </c>
      <c r="U3308">
        <v>11916.88018</v>
      </c>
      <c r="W3308" s="83">
        <f>Bühler!N3340</f>
        <v>45429.749999991982</v>
      </c>
      <c r="X3308" s="83">
        <v>43238.75</v>
      </c>
      <c r="Y3308">
        <v>184631.01819999999</v>
      </c>
      <c r="Z3308">
        <v>25624.201430000001</v>
      </c>
      <c r="AA3308">
        <v>87939.817949999997</v>
      </c>
      <c r="AB3308">
        <v>38812.262970000003</v>
      </c>
      <c r="AC3308">
        <v>38079.980660000001</v>
      </c>
      <c r="AD3308">
        <v>30332.685089999999</v>
      </c>
      <c r="AE3308">
        <v>40118.567690000003</v>
      </c>
      <c r="AF3308">
        <v>47204.677730000003</v>
      </c>
      <c r="AG3308">
        <v>27329.876810000002</v>
      </c>
      <c r="AH3308">
        <v>291262.39649999997</v>
      </c>
      <c r="AI3308">
        <v>72646.992480000001</v>
      </c>
      <c r="AJ3308">
        <v>20964.379099999998</v>
      </c>
      <c r="AK3308">
        <v>32036.68374</v>
      </c>
      <c r="AL3308">
        <v>73511.239289999998</v>
      </c>
      <c r="AM3308">
        <v>20508.005990000001</v>
      </c>
      <c r="AN3308">
        <v>86229.272899999996</v>
      </c>
      <c r="AO3308">
        <v>28987.271959999998</v>
      </c>
      <c r="AP3308">
        <v>11916.88018</v>
      </c>
    </row>
    <row r="3309" spans="2:42" x14ac:dyDescent="0.3">
      <c r="B3309">
        <v>55.596040512699865</v>
      </c>
      <c r="C3309" s="83">
        <v>43238.791666666664</v>
      </c>
      <c r="D3309">
        <v>180041.6814</v>
      </c>
      <c r="E3309">
        <v>20530.059939999999</v>
      </c>
      <c r="F3309">
        <v>78115.782569999996</v>
      </c>
      <c r="G3309">
        <v>36124.59893</v>
      </c>
      <c r="H3309">
        <v>36375.4231</v>
      </c>
      <c r="I3309">
        <v>28455.859810000002</v>
      </c>
      <c r="J3309">
        <v>39957.473769999997</v>
      </c>
      <c r="K3309">
        <v>48426.250460000003</v>
      </c>
      <c r="L3309">
        <v>28598.754720000001</v>
      </c>
      <c r="M3309">
        <v>283454.54129999998</v>
      </c>
      <c r="N3309">
        <v>71347.924620000005</v>
      </c>
      <c r="O3309">
        <v>21035.801640000001</v>
      </c>
      <c r="P3309">
        <v>33635.138200000001</v>
      </c>
      <c r="Q3309">
        <v>71486.031510000001</v>
      </c>
      <c r="R3309">
        <v>18863.137930000001</v>
      </c>
      <c r="S3309">
        <v>83150.369789999997</v>
      </c>
      <c r="T3309">
        <v>29220.991050000001</v>
      </c>
      <c r="U3309">
        <v>11981.935939999999</v>
      </c>
      <c r="W3309" s="83">
        <f>Bühler!N3341</f>
        <v>45429.791666658646</v>
      </c>
      <c r="X3309" s="83">
        <v>43238.791666666664</v>
      </c>
      <c r="Y3309">
        <v>180041.6814</v>
      </c>
      <c r="Z3309">
        <v>20530.059939999999</v>
      </c>
      <c r="AA3309">
        <v>78115.782569999996</v>
      </c>
      <c r="AB3309">
        <v>36124.59893</v>
      </c>
      <c r="AC3309">
        <v>36375.4231</v>
      </c>
      <c r="AD3309">
        <v>28455.859810000002</v>
      </c>
      <c r="AE3309">
        <v>39957.473769999997</v>
      </c>
      <c r="AF3309">
        <v>48426.250460000003</v>
      </c>
      <c r="AG3309">
        <v>28598.754720000001</v>
      </c>
      <c r="AH3309">
        <v>283454.54129999998</v>
      </c>
      <c r="AI3309">
        <v>71347.924620000005</v>
      </c>
      <c r="AJ3309">
        <v>21035.801640000001</v>
      </c>
      <c r="AK3309">
        <v>33635.138200000001</v>
      </c>
      <c r="AL3309">
        <v>71486.031510000001</v>
      </c>
      <c r="AM3309">
        <v>18863.137930000001</v>
      </c>
      <c r="AN3309">
        <v>83150.369789999997</v>
      </c>
      <c r="AO3309">
        <v>29220.991050000001</v>
      </c>
      <c r="AP3309">
        <v>11981.935939999999</v>
      </c>
    </row>
    <row r="3310" spans="2:42" x14ac:dyDescent="0.3">
      <c r="B3310">
        <v>54.253192145993985</v>
      </c>
      <c r="C3310" s="83">
        <v>43238.833333333336</v>
      </c>
      <c r="D3310">
        <v>176627.84880000001</v>
      </c>
      <c r="E3310">
        <v>15418.503500000001</v>
      </c>
      <c r="F3310">
        <v>61077.079940000003</v>
      </c>
      <c r="G3310">
        <v>34129.806219999999</v>
      </c>
      <c r="H3310">
        <v>34682.133470000001</v>
      </c>
      <c r="I3310">
        <v>25113.25258</v>
      </c>
      <c r="J3310">
        <v>39633.648119999998</v>
      </c>
      <c r="K3310">
        <v>46209.504370000002</v>
      </c>
      <c r="L3310">
        <v>27840.19543</v>
      </c>
      <c r="M3310">
        <v>276608.07410000003</v>
      </c>
      <c r="N3310">
        <v>69676.848259999999</v>
      </c>
      <c r="O3310">
        <v>20102.760539999999</v>
      </c>
      <c r="P3310">
        <v>33555.36103</v>
      </c>
      <c r="Q3310">
        <v>68546.844840000005</v>
      </c>
      <c r="R3310">
        <v>17594.045010000002</v>
      </c>
      <c r="S3310">
        <v>76801.499169999996</v>
      </c>
      <c r="T3310">
        <v>27830.874800000001</v>
      </c>
      <c r="U3310">
        <v>11037.248820000001</v>
      </c>
      <c r="W3310" s="83">
        <f>Bühler!N3342</f>
        <v>45429.83333332531</v>
      </c>
      <c r="X3310" s="83">
        <v>43238.833333333336</v>
      </c>
      <c r="Y3310">
        <v>176627.84880000001</v>
      </c>
      <c r="Z3310">
        <v>15418.503500000001</v>
      </c>
      <c r="AA3310">
        <v>61077.079940000003</v>
      </c>
      <c r="AB3310">
        <v>34129.806219999999</v>
      </c>
      <c r="AC3310">
        <v>34682.133470000001</v>
      </c>
      <c r="AD3310">
        <v>25113.25258</v>
      </c>
      <c r="AE3310">
        <v>39633.648119999998</v>
      </c>
      <c r="AF3310">
        <v>46209.504370000002</v>
      </c>
      <c r="AG3310">
        <v>27840.19543</v>
      </c>
      <c r="AH3310">
        <v>276608.07410000003</v>
      </c>
      <c r="AI3310">
        <v>69676.848259999999</v>
      </c>
      <c r="AJ3310">
        <v>20102.760539999999</v>
      </c>
      <c r="AK3310">
        <v>33555.36103</v>
      </c>
      <c r="AL3310">
        <v>68546.844840000005</v>
      </c>
      <c r="AM3310">
        <v>17594.045010000002</v>
      </c>
      <c r="AN3310">
        <v>76801.499169999996</v>
      </c>
      <c r="AO3310">
        <v>27830.874800000001</v>
      </c>
      <c r="AP3310">
        <v>11037.248820000001</v>
      </c>
    </row>
    <row r="3311" spans="2:42" x14ac:dyDescent="0.3">
      <c r="B3311">
        <v>53.471575433688393</v>
      </c>
      <c r="C3311" s="83">
        <v>43238.875</v>
      </c>
      <c r="D3311">
        <v>175033.97279999999</v>
      </c>
      <c r="E3311">
        <v>13412.625190000001</v>
      </c>
      <c r="F3311">
        <v>53377.359429999997</v>
      </c>
      <c r="G3311">
        <v>33351.993750000001</v>
      </c>
      <c r="H3311">
        <v>34136.060579999998</v>
      </c>
      <c r="I3311">
        <v>22823.88019</v>
      </c>
      <c r="J3311">
        <v>40484.045010000002</v>
      </c>
      <c r="K3311">
        <v>47183.324139999997</v>
      </c>
      <c r="L3311">
        <v>26590.615989999998</v>
      </c>
      <c r="M3311">
        <v>272623.02759999997</v>
      </c>
      <c r="N3311">
        <v>69652.924110000007</v>
      </c>
      <c r="O3311">
        <v>19568.269670000001</v>
      </c>
      <c r="P3311">
        <v>33296.612840000002</v>
      </c>
      <c r="Q3311">
        <v>67502.040250000005</v>
      </c>
      <c r="R3311">
        <v>17655.81769</v>
      </c>
      <c r="S3311">
        <v>74595.376999999993</v>
      </c>
      <c r="T3311">
        <v>25310.50145</v>
      </c>
      <c r="U3311">
        <v>11290.49505</v>
      </c>
      <c r="W3311" s="83">
        <f>Bühler!N3343</f>
        <v>45429.874999991975</v>
      </c>
      <c r="X3311" s="83">
        <v>43238.875</v>
      </c>
      <c r="Y3311">
        <v>175033.97279999999</v>
      </c>
      <c r="Z3311">
        <v>13412.625190000001</v>
      </c>
      <c r="AA3311">
        <v>53377.359429999997</v>
      </c>
      <c r="AB3311">
        <v>33351.993750000001</v>
      </c>
      <c r="AC3311">
        <v>34136.060579999998</v>
      </c>
      <c r="AD3311">
        <v>22823.88019</v>
      </c>
      <c r="AE3311">
        <v>40484.045010000002</v>
      </c>
      <c r="AF3311">
        <v>47183.324139999997</v>
      </c>
      <c r="AG3311">
        <v>26590.615989999998</v>
      </c>
      <c r="AH3311">
        <v>272623.02759999997</v>
      </c>
      <c r="AI3311">
        <v>69652.924110000007</v>
      </c>
      <c r="AJ3311">
        <v>19568.269670000001</v>
      </c>
      <c r="AK3311">
        <v>33296.612840000002</v>
      </c>
      <c r="AL3311">
        <v>67502.040250000005</v>
      </c>
      <c r="AM3311">
        <v>17655.81769</v>
      </c>
      <c r="AN3311">
        <v>74595.376999999993</v>
      </c>
      <c r="AO3311">
        <v>25310.50145</v>
      </c>
      <c r="AP3311">
        <v>11290.49505</v>
      </c>
    </row>
    <row r="3312" spans="2:42" x14ac:dyDescent="0.3">
      <c r="B3312">
        <v>53.296780006940871</v>
      </c>
      <c r="C3312" s="83">
        <v>43238.916666666664</v>
      </c>
      <c r="D3312">
        <v>175844.4724</v>
      </c>
      <c r="E3312">
        <v>12745.748670000001</v>
      </c>
      <c r="F3312">
        <v>50192.422740000002</v>
      </c>
      <c r="G3312">
        <v>32812.093200000003</v>
      </c>
      <c r="H3312">
        <v>34560.283320000002</v>
      </c>
      <c r="I3312">
        <v>21490.878799999999</v>
      </c>
      <c r="J3312">
        <v>39909.942159999999</v>
      </c>
      <c r="K3312">
        <v>51152.642849999997</v>
      </c>
      <c r="L3312">
        <v>24148.355660000001</v>
      </c>
      <c r="M3312">
        <v>271731.83899999998</v>
      </c>
      <c r="N3312">
        <v>69254.752470000007</v>
      </c>
      <c r="O3312">
        <v>19344.463520000001</v>
      </c>
      <c r="P3312">
        <v>35196.811930000003</v>
      </c>
      <c r="Q3312">
        <v>66806.071219999998</v>
      </c>
      <c r="R3312">
        <v>19532.196540000001</v>
      </c>
      <c r="S3312">
        <v>74176.953070000003</v>
      </c>
      <c r="T3312">
        <v>23085.757079999999</v>
      </c>
      <c r="U3312">
        <v>12371.14302</v>
      </c>
      <c r="W3312" s="83">
        <f>Bühler!N3344</f>
        <v>45429.916666658639</v>
      </c>
      <c r="X3312" s="83">
        <v>43238.916666666664</v>
      </c>
      <c r="Y3312">
        <v>175844.4724</v>
      </c>
      <c r="Z3312">
        <v>12745.748670000001</v>
      </c>
      <c r="AA3312">
        <v>50192.422740000002</v>
      </c>
      <c r="AB3312">
        <v>32812.093200000003</v>
      </c>
      <c r="AC3312">
        <v>34560.283320000002</v>
      </c>
      <c r="AD3312">
        <v>21490.878799999999</v>
      </c>
      <c r="AE3312">
        <v>39909.942159999999</v>
      </c>
      <c r="AF3312">
        <v>51152.642849999997</v>
      </c>
      <c r="AG3312">
        <v>24148.355660000001</v>
      </c>
      <c r="AH3312">
        <v>271731.83899999998</v>
      </c>
      <c r="AI3312">
        <v>69254.752470000007</v>
      </c>
      <c r="AJ3312">
        <v>19344.463520000001</v>
      </c>
      <c r="AK3312">
        <v>35196.811930000003</v>
      </c>
      <c r="AL3312">
        <v>66806.071219999998</v>
      </c>
      <c r="AM3312">
        <v>19532.196540000001</v>
      </c>
      <c r="AN3312">
        <v>74176.953070000003</v>
      </c>
      <c r="AO3312">
        <v>23085.757079999999</v>
      </c>
      <c r="AP3312">
        <v>12371.14302</v>
      </c>
    </row>
    <row r="3313" spans="2:42" x14ac:dyDescent="0.3">
      <c r="B3313">
        <v>52.953621734892948</v>
      </c>
      <c r="C3313" s="83">
        <v>43238.958333333336</v>
      </c>
      <c r="D3313">
        <v>176047.11439999999</v>
      </c>
      <c r="E3313">
        <v>12148.16878</v>
      </c>
      <c r="F3313">
        <v>48817.609199999999</v>
      </c>
      <c r="G3313">
        <v>32627.245180000002</v>
      </c>
      <c r="H3313">
        <v>33621.629180000004</v>
      </c>
      <c r="I3313">
        <v>20857.399890000001</v>
      </c>
      <c r="J3313">
        <v>36806.976790000001</v>
      </c>
      <c r="K3313">
        <v>50783.453260000002</v>
      </c>
      <c r="L3313">
        <v>20135.068480000002</v>
      </c>
      <c r="M3313">
        <v>269982.25809999998</v>
      </c>
      <c r="N3313">
        <v>68767.343380000006</v>
      </c>
      <c r="O3313">
        <v>18487.36147</v>
      </c>
      <c r="P3313">
        <v>31421.953409999998</v>
      </c>
      <c r="Q3313">
        <v>66282.182799999995</v>
      </c>
      <c r="R3313">
        <v>20435.708180000001</v>
      </c>
      <c r="S3313">
        <v>72543.22597</v>
      </c>
      <c r="T3313">
        <v>21256.3668</v>
      </c>
      <c r="U3313">
        <v>11744.173930000001</v>
      </c>
      <c r="W3313" s="83">
        <f>Bühler!N3345</f>
        <v>45429.958333325303</v>
      </c>
      <c r="X3313" s="83">
        <v>43238.958333333336</v>
      </c>
      <c r="Y3313">
        <v>176047.11439999999</v>
      </c>
      <c r="Z3313">
        <v>12148.16878</v>
      </c>
      <c r="AA3313">
        <v>48817.609199999999</v>
      </c>
      <c r="AB3313">
        <v>32627.245180000002</v>
      </c>
      <c r="AC3313">
        <v>33621.629180000004</v>
      </c>
      <c r="AD3313">
        <v>20857.399890000001</v>
      </c>
      <c r="AE3313">
        <v>36806.976790000001</v>
      </c>
      <c r="AF3313">
        <v>50783.453260000002</v>
      </c>
      <c r="AG3313">
        <v>20135.068480000002</v>
      </c>
      <c r="AH3313">
        <v>269982.25809999998</v>
      </c>
      <c r="AI3313">
        <v>68767.343380000006</v>
      </c>
      <c r="AJ3313">
        <v>18487.36147</v>
      </c>
      <c r="AK3313">
        <v>31421.953409999998</v>
      </c>
      <c r="AL3313">
        <v>66282.182799999995</v>
      </c>
      <c r="AM3313">
        <v>20435.708180000001</v>
      </c>
      <c r="AN3313">
        <v>72543.22597</v>
      </c>
      <c r="AO3313">
        <v>21256.3668</v>
      </c>
      <c r="AP3313">
        <v>11744.173930000001</v>
      </c>
    </row>
    <row r="3314" spans="2:42" x14ac:dyDescent="0.3">
      <c r="B3314">
        <v>52.295695434115729</v>
      </c>
      <c r="C3314" s="83">
        <v>43239</v>
      </c>
      <c r="D3314">
        <v>174250.83530000001</v>
      </c>
      <c r="E3314">
        <v>11889.383879999999</v>
      </c>
      <c r="F3314">
        <v>47150.398079999999</v>
      </c>
      <c r="G3314">
        <v>32329.55529</v>
      </c>
      <c r="H3314">
        <v>33027.825109999998</v>
      </c>
      <c r="I3314">
        <v>19312.412990000001</v>
      </c>
      <c r="J3314">
        <v>34433.614110000002</v>
      </c>
      <c r="K3314">
        <v>49170.606529999997</v>
      </c>
      <c r="L3314">
        <v>17822.447469999999</v>
      </c>
      <c r="M3314">
        <v>266627.84299999999</v>
      </c>
      <c r="N3314">
        <v>69139.643859999996</v>
      </c>
      <c r="O3314">
        <v>18887.708559999999</v>
      </c>
      <c r="P3314">
        <v>27824.989310000001</v>
      </c>
      <c r="Q3314">
        <v>64135.118210000001</v>
      </c>
      <c r="R3314">
        <v>17404.647990000001</v>
      </c>
      <c r="S3314">
        <v>71549.558690000005</v>
      </c>
      <c r="T3314">
        <v>19970.738079999999</v>
      </c>
      <c r="U3314">
        <v>10739.991099999999</v>
      </c>
      <c r="W3314" s="83">
        <f>Bühler!N3346</f>
        <v>45429.999999991967</v>
      </c>
      <c r="X3314" s="83">
        <v>43239</v>
      </c>
      <c r="Y3314">
        <v>174250.83530000001</v>
      </c>
      <c r="Z3314">
        <v>11889.383879999999</v>
      </c>
      <c r="AA3314">
        <v>47150.398079999999</v>
      </c>
      <c r="AB3314">
        <v>32329.55529</v>
      </c>
      <c r="AC3314">
        <v>33027.825109999998</v>
      </c>
      <c r="AD3314">
        <v>19312.412990000001</v>
      </c>
      <c r="AE3314">
        <v>34433.614110000002</v>
      </c>
      <c r="AF3314">
        <v>49170.606529999997</v>
      </c>
      <c r="AG3314">
        <v>17822.447469999999</v>
      </c>
      <c r="AH3314">
        <v>266627.84299999999</v>
      </c>
      <c r="AI3314">
        <v>69139.643859999996</v>
      </c>
      <c r="AJ3314">
        <v>18887.708559999999</v>
      </c>
      <c r="AK3314">
        <v>27824.989310000001</v>
      </c>
      <c r="AL3314">
        <v>64135.118210000001</v>
      </c>
      <c r="AM3314">
        <v>17404.647990000001</v>
      </c>
      <c r="AN3314">
        <v>71549.558690000005</v>
      </c>
      <c r="AO3314">
        <v>19970.738079999999</v>
      </c>
      <c r="AP3314">
        <v>10739.991099999999</v>
      </c>
    </row>
    <row r="3315" spans="2:42" x14ac:dyDescent="0.3">
      <c r="B3315">
        <v>51.475224488651868</v>
      </c>
      <c r="C3315" s="83">
        <v>43239.041666666664</v>
      </c>
      <c r="D3315">
        <v>172389.51379999999</v>
      </c>
      <c r="E3315">
        <v>11693.659879999999</v>
      </c>
      <c r="F3315">
        <v>46496.827100000002</v>
      </c>
      <c r="G3315">
        <v>31879.947090000001</v>
      </c>
      <c r="H3315">
        <v>32523.077270000002</v>
      </c>
      <c r="I3315">
        <v>15933.36875</v>
      </c>
      <c r="J3315">
        <v>33425.009339999997</v>
      </c>
      <c r="K3315">
        <v>46239.73317</v>
      </c>
      <c r="L3315">
        <v>16573.389879999999</v>
      </c>
      <c r="M3315">
        <v>262444.69949999999</v>
      </c>
      <c r="N3315">
        <v>68261.436480000004</v>
      </c>
      <c r="O3315">
        <v>18920.90567</v>
      </c>
      <c r="P3315">
        <v>26807.551729999999</v>
      </c>
      <c r="Q3315">
        <v>64299.124660000001</v>
      </c>
      <c r="R3315">
        <v>15206.932930000001</v>
      </c>
      <c r="S3315">
        <v>70398.926800000001</v>
      </c>
      <c r="T3315">
        <v>19148.7444</v>
      </c>
      <c r="U3315">
        <v>10913.64365</v>
      </c>
      <c r="W3315" s="83">
        <f>Bühler!N3347</f>
        <v>45430.041666658632</v>
      </c>
      <c r="X3315" s="83">
        <v>43239.041666666664</v>
      </c>
      <c r="Y3315">
        <v>172389.51379999999</v>
      </c>
      <c r="Z3315">
        <v>11693.659879999999</v>
      </c>
      <c r="AA3315">
        <v>46496.827100000002</v>
      </c>
      <c r="AB3315">
        <v>31879.947090000001</v>
      </c>
      <c r="AC3315">
        <v>32523.077270000002</v>
      </c>
      <c r="AD3315">
        <v>15933.36875</v>
      </c>
      <c r="AE3315">
        <v>33425.009339999997</v>
      </c>
      <c r="AF3315">
        <v>46239.73317</v>
      </c>
      <c r="AG3315">
        <v>16573.389879999999</v>
      </c>
      <c r="AH3315">
        <v>262444.69949999999</v>
      </c>
      <c r="AI3315">
        <v>68261.436480000004</v>
      </c>
      <c r="AJ3315">
        <v>18920.90567</v>
      </c>
      <c r="AK3315">
        <v>26807.551729999999</v>
      </c>
      <c r="AL3315">
        <v>64299.124660000001</v>
      </c>
      <c r="AM3315">
        <v>15206.932930000001</v>
      </c>
      <c r="AN3315">
        <v>70398.926800000001</v>
      </c>
      <c r="AO3315">
        <v>19148.7444</v>
      </c>
      <c r="AP3315">
        <v>10913.64365</v>
      </c>
    </row>
    <row r="3316" spans="2:42" x14ac:dyDescent="0.3">
      <c r="B3316">
        <v>51.248455550219191</v>
      </c>
      <c r="C3316" s="83">
        <v>43239.083333333336</v>
      </c>
      <c r="D3316">
        <v>171034.0129</v>
      </c>
      <c r="E3316">
        <v>11571.540660000001</v>
      </c>
      <c r="F3316">
        <v>47573.250849999997</v>
      </c>
      <c r="G3316">
        <v>31096.174080000001</v>
      </c>
      <c r="H3316">
        <v>32091.274839999998</v>
      </c>
      <c r="I3316">
        <v>13862.62761</v>
      </c>
      <c r="J3316">
        <v>33367.755440000001</v>
      </c>
      <c r="K3316">
        <v>44315.707090000004</v>
      </c>
      <c r="L3316">
        <v>16132.77079</v>
      </c>
      <c r="M3316">
        <v>261288.5257</v>
      </c>
      <c r="N3316">
        <v>67216.506450000001</v>
      </c>
      <c r="O3316">
        <v>18824.305059999999</v>
      </c>
      <c r="P3316">
        <v>25706.537639999999</v>
      </c>
      <c r="Q3316">
        <v>65095.168749999997</v>
      </c>
      <c r="R3316">
        <v>15120.289409999999</v>
      </c>
      <c r="S3316">
        <v>69323.876550000001</v>
      </c>
      <c r="T3316">
        <v>18703.485069999999</v>
      </c>
      <c r="U3316">
        <v>11550.317150000001</v>
      </c>
      <c r="W3316" s="83">
        <f>Bühler!N3348</f>
        <v>45430.083333325296</v>
      </c>
      <c r="X3316" s="83">
        <v>43239.083333333336</v>
      </c>
      <c r="Y3316">
        <v>171034.0129</v>
      </c>
      <c r="Z3316">
        <v>11571.540660000001</v>
      </c>
      <c r="AA3316">
        <v>47573.250849999997</v>
      </c>
      <c r="AB3316">
        <v>31096.174080000001</v>
      </c>
      <c r="AC3316">
        <v>32091.274839999998</v>
      </c>
      <c r="AD3316">
        <v>13862.62761</v>
      </c>
      <c r="AE3316">
        <v>33367.755440000001</v>
      </c>
      <c r="AF3316">
        <v>44315.707090000004</v>
      </c>
      <c r="AG3316">
        <v>16132.77079</v>
      </c>
      <c r="AH3316">
        <v>261288.5257</v>
      </c>
      <c r="AI3316">
        <v>67216.506450000001</v>
      </c>
      <c r="AJ3316">
        <v>18824.305059999999</v>
      </c>
      <c r="AK3316">
        <v>25706.537639999999</v>
      </c>
      <c r="AL3316">
        <v>65095.168749999997</v>
      </c>
      <c r="AM3316">
        <v>15120.289409999999</v>
      </c>
      <c r="AN3316">
        <v>69323.876550000001</v>
      </c>
      <c r="AO3316">
        <v>18703.485069999999</v>
      </c>
      <c r="AP3316">
        <v>11550.317150000001</v>
      </c>
    </row>
    <row r="3317" spans="2:42" x14ac:dyDescent="0.3">
      <c r="B3317">
        <v>50.863121712897744</v>
      </c>
      <c r="C3317" s="83">
        <v>43239.125</v>
      </c>
      <c r="D3317">
        <v>169978.78260000001</v>
      </c>
      <c r="E3317">
        <v>11606.77809</v>
      </c>
      <c r="F3317">
        <v>49129.197010000004</v>
      </c>
      <c r="G3317">
        <v>30492.11421</v>
      </c>
      <c r="H3317">
        <v>32073.945790000002</v>
      </c>
      <c r="I3317">
        <v>13245.384760000001</v>
      </c>
      <c r="J3317">
        <v>33317.45321</v>
      </c>
      <c r="K3317">
        <v>43419.6898</v>
      </c>
      <c r="L3317">
        <v>15872.375239999999</v>
      </c>
      <c r="M3317">
        <v>259323.91409999999</v>
      </c>
      <c r="N3317">
        <v>67329.184529999999</v>
      </c>
      <c r="O3317">
        <v>18885.259239999999</v>
      </c>
      <c r="P3317">
        <v>24845.1482</v>
      </c>
      <c r="Q3317">
        <v>65389.357179999999</v>
      </c>
      <c r="R3317">
        <v>14823.38479</v>
      </c>
      <c r="S3317">
        <v>68816.779819999996</v>
      </c>
      <c r="T3317">
        <v>18405.060379999999</v>
      </c>
      <c r="U3317">
        <v>11208.777</v>
      </c>
      <c r="W3317" s="83">
        <f>Bühler!N3349</f>
        <v>45430.12499999196</v>
      </c>
      <c r="X3317" s="83">
        <v>43239.125</v>
      </c>
      <c r="Y3317">
        <v>169978.78260000001</v>
      </c>
      <c r="Z3317">
        <v>11606.77809</v>
      </c>
      <c r="AA3317">
        <v>49129.197010000004</v>
      </c>
      <c r="AB3317">
        <v>30492.11421</v>
      </c>
      <c r="AC3317">
        <v>32073.945790000002</v>
      </c>
      <c r="AD3317">
        <v>13245.384760000001</v>
      </c>
      <c r="AE3317">
        <v>33317.45321</v>
      </c>
      <c r="AF3317">
        <v>43419.6898</v>
      </c>
      <c r="AG3317">
        <v>15872.375239999999</v>
      </c>
      <c r="AH3317">
        <v>259323.91409999999</v>
      </c>
      <c r="AI3317">
        <v>67329.184529999999</v>
      </c>
      <c r="AJ3317">
        <v>18885.259239999999</v>
      </c>
      <c r="AK3317">
        <v>24845.1482</v>
      </c>
      <c r="AL3317">
        <v>65389.357179999999</v>
      </c>
      <c r="AM3317">
        <v>14823.38479</v>
      </c>
      <c r="AN3317">
        <v>68816.779819999996</v>
      </c>
      <c r="AO3317">
        <v>18405.060379999999</v>
      </c>
      <c r="AP3317">
        <v>11208.777</v>
      </c>
    </row>
    <row r="3318" spans="2:42" x14ac:dyDescent="0.3">
      <c r="B3318">
        <v>49.95024805877555</v>
      </c>
      <c r="C3318" s="83">
        <v>43239.166666666664</v>
      </c>
      <c r="D3318">
        <v>167230.73869999999</v>
      </c>
      <c r="E3318">
        <v>11717.884969999999</v>
      </c>
      <c r="F3318">
        <v>51800.651210000004</v>
      </c>
      <c r="G3318">
        <v>29747.27303</v>
      </c>
      <c r="H3318">
        <v>32338.492259999999</v>
      </c>
      <c r="I3318">
        <v>14551.969129999999</v>
      </c>
      <c r="J3318">
        <v>35055.111850000001</v>
      </c>
      <c r="K3318">
        <v>42303.757339999996</v>
      </c>
      <c r="L3318">
        <v>15697.46955</v>
      </c>
      <c r="M3318">
        <v>254669.65849999999</v>
      </c>
      <c r="N3318">
        <v>65770.340819999998</v>
      </c>
      <c r="O3318">
        <v>18370.76874</v>
      </c>
      <c r="P3318">
        <v>23492.065019999998</v>
      </c>
      <c r="Q3318">
        <v>65995.767040000006</v>
      </c>
      <c r="R3318">
        <v>15184.220950000001</v>
      </c>
      <c r="S3318">
        <v>69603.356100000005</v>
      </c>
      <c r="T3318">
        <v>18420.670699999999</v>
      </c>
      <c r="U3318">
        <v>10988.04153</v>
      </c>
      <c r="W3318" s="83">
        <f>Bühler!N3350</f>
        <v>45430.166666658624</v>
      </c>
      <c r="X3318" s="83">
        <v>43239.166666666664</v>
      </c>
      <c r="Y3318">
        <v>167230.73869999999</v>
      </c>
      <c r="Z3318">
        <v>11717.884969999999</v>
      </c>
      <c r="AA3318">
        <v>51800.651210000004</v>
      </c>
      <c r="AB3318">
        <v>29747.27303</v>
      </c>
      <c r="AC3318">
        <v>32338.492259999999</v>
      </c>
      <c r="AD3318">
        <v>14551.969129999999</v>
      </c>
      <c r="AE3318">
        <v>35055.111850000001</v>
      </c>
      <c r="AF3318">
        <v>42303.757339999996</v>
      </c>
      <c r="AG3318">
        <v>15697.46955</v>
      </c>
      <c r="AH3318">
        <v>254669.65849999999</v>
      </c>
      <c r="AI3318">
        <v>65770.340819999998</v>
      </c>
      <c r="AJ3318">
        <v>18370.76874</v>
      </c>
      <c r="AK3318">
        <v>23492.065019999998</v>
      </c>
      <c r="AL3318">
        <v>65995.767040000006</v>
      </c>
      <c r="AM3318">
        <v>15184.220950000001</v>
      </c>
      <c r="AN3318">
        <v>69603.356100000005</v>
      </c>
      <c r="AO3318">
        <v>18420.670699999999</v>
      </c>
      <c r="AP3318">
        <v>10988.04153</v>
      </c>
    </row>
    <row r="3319" spans="2:42" x14ac:dyDescent="0.3">
      <c r="B3319">
        <v>49.601808826102577</v>
      </c>
      <c r="C3319" s="83">
        <v>43239.208333333336</v>
      </c>
      <c r="D3319">
        <v>169110.91740000001</v>
      </c>
      <c r="E3319">
        <v>12631.28851</v>
      </c>
      <c r="F3319">
        <v>61544.780489999997</v>
      </c>
      <c r="G3319">
        <v>30041.916410000002</v>
      </c>
      <c r="H3319">
        <v>33106.25114</v>
      </c>
      <c r="I3319">
        <v>20683.366249999999</v>
      </c>
      <c r="J3319">
        <v>37631.523659999999</v>
      </c>
      <c r="K3319">
        <v>41127.809430000001</v>
      </c>
      <c r="L3319">
        <v>16157.06587</v>
      </c>
      <c r="M3319">
        <v>252893.15280000001</v>
      </c>
      <c r="N3319">
        <v>63774.766190000002</v>
      </c>
      <c r="O3319">
        <v>18852.96543</v>
      </c>
      <c r="P3319">
        <v>24669.192569999999</v>
      </c>
      <c r="Q3319">
        <v>65907.305170000007</v>
      </c>
      <c r="R3319">
        <v>17632.37644</v>
      </c>
      <c r="S3319">
        <v>71265.663060000006</v>
      </c>
      <c r="T3319">
        <v>18609.143820000001</v>
      </c>
      <c r="U3319">
        <v>11736.704470000001</v>
      </c>
      <c r="W3319" s="83">
        <f>Bühler!N3351</f>
        <v>45430.208333325289</v>
      </c>
      <c r="X3319" s="83">
        <v>43239.208333333336</v>
      </c>
      <c r="Y3319">
        <v>169110.91740000001</v>
      </c>
      <c r="Z3319">
        <v>12631.28851</v>
      </c>
      <c r="AA3319">
        <v>61544.780489999997</v>
      </c>
      <c r="AB3319">
        <v>30041.916410000002</v>
      </c>
      <c r="AC3319">
        <v>33106.25114</v>
      </c>
      <c r="AD3319">
        <v>20683.366249999999</v>
      </c>
      <c r="AE3319">
        <v>37631.523659999999</v>
      </c>
      <c r="AF3319">
        <v>41127.809430000001</v>
      </c>
      <c r="AG3319">
        <v>16157.06587</v>
      </c>
      <c r="AH3319">
        <v>252893.15280000001</v>
      </c>
      <c r="AI3319">
        <v>63774.766190000002</v>
      </c>
      <c r="AJ3319">
        <v>18852.96543</v>
      </c>
      <c r="AK3319">
        <v>24669.192569999999</v>
      </c>
      <c r="AL3319">
        <v>65907.305170000007</v>
      </c>
      <c r="AM3319">
        <v>17632.37644</v>
      </c>
      <c r="AN3319">
        <v>71265.663060000006</v>
      </c>
      <c r="AO3319">
        <v>18609.143820000001</v>
      </c>
      <c r="AP3319">
        <v>11736.704470000001</v>
      </c>
    </row>
    <row r="3320" spans="2:42" x14ac:dyDescent="0.3">
      <c r="B3320">
        <v>49.857811771392079</v>
      </c>
      <c r="C3320" s="83">
        <v>43239.25</v>
      </c>
      <c r="D3320">
        <v>170546.171</v>
      </c>
      <c r="E3320">
        <v>14072.81999</v>
      </c>
      <c r="F3320">
        <v>71469.907579999999</v>
      </c>
      <c r="G3320">
        <v>30660.144850000001</v>
      </c>
      <c r="H3320">
        <v>32318.409240000001</v>
      </c>
      <c r="I3320">
        <v>23123.747149999999</v>
      </c>
      <c r="J3320">
        <v>39382.206630000001</v>
      </c>
      <c r="K3320">
        <v>41235.969040000004</v>
      </c>
      <c r="L3320">
        <v>16598.705669999999</v>
      </c>
      <c r="M3320">
        <v>254198.37520000001</v>
      </c>
      <c r="N3320">
        <v>62312.098109999999</v>
      </c>
      <c r="O3320">
        <v>18307.02133</v>
      </c>
      <c r="P3320">
        <v>25481.433300000001</v>
      </c>
      <c r="Q3320">
        <v>63878.123160000003</v>
      </c>
      <c r="R3320">
        <v>14868.808150000001</v>
      </c>
      <c r="S3320">
        <v>75559.392919999998</v>
      </c>
      <c r="T3320">
        <v>20013.210230000001</v>
      </c>
      <c r="U3320">
        <v>11111.121429999999</v>
      </c>
      <c r="W3320" s="83">
        <f>Bühler!N3352</f>
        <v>45430.249999991953</v>
      </c>
      <c r="X3320" s="83">
        <v>43239.25</v>
      </c>
      <c r="Y3320">
        <v>170546.171</v>
      </c>
      <c r="Z3320">
        <v>14072.81999</v>
      </c>
      <c r="AA3320">
        <v>71469.907579999999</v>
      </c>
      <c r="AB3320">
        <v>30660.144850000001</v>
      </c>
      <c r="AC3320">
        <v>32318.409240000001</v>
      </c>
      <c r="AD3320">
        <v>23123.747149999999</v>
      </c>
      <c r="AE3320">
        <v>39382.206630000001</v>
      </c>
      <c r="AF3320">
        <v>41235.969040000004</v>
      </c>
      <c r="AG3320">
        <v>16598.705669999999</v>
      </c>
      <c r="AH3320">
        <v>254198.37520000001</v>
      </c>
      <c r="AI3320">
        <v>62312.098109999999</v>
      </c>
      <c r="AJ3320">
        <v>18307.02133</v>
      </c>
      <c r="AK3320">
        <v>25481.433300000001</v>
      </c>
      <c r="AL3320">
        <v>63878.123160000003</v>
      </c>
      <c r="AM3320">
        <v>14868.808150000001</v>
      </c>
      <c r="AN3320">
        <v>75559.392919999998</v>
      </c>
      <c r="AO3320">
        <v>20013.210230000001</v>
      </c>
      <c r="AP3320">
        <v>11111.121429999999</v>
      </c>
    </row>
    <row r="3321" spans="2:42" x14ac:dyDescent="0.3">
      <c r="B3321">
        <v>50.05823211968216</v>
      </c>
      <c r="C3321" s="83">
        <v>43239.291666666664</v>
      </c>
      <c r="D3321">
        <v>170466.1992</v>
      </c>
      <c r="E3321">
        <v>15957.276610000001</v>
      </c>
      <c r="F3321">
        <v>74382.268930000006</v>
      </c>
      <c r="G3321">
        <v>31641.952389999999</v>
      </c>
      <c r="H3321">
        <v>32963.644399999997</v>
      </c>
      <c r="I3321">
        <v>24886.222450000001</v>
      </c>
      <c r="J3321">
        <v>40111.16231</v>
      </c>
      <c r="K3321">
        <v>42074.81626</v>
      </c>
      <c r="L3321">
        <v>18645.197489999999</v>
      </c>
      <c r="M3321">
        <v>255220.21160000001</v>
      </c>
      <c r="N3321">
        <v>63077.668599999997</v>
      </c>
      <c r="O3321">
        <v>18869.65453</v>
      </c>
      <c r="P3321">
        <v>27690.337469999999</v>
      </c>
      <c r="Q3321">
        <v>62185.438300000002</v>
      </c>
      <c r="R3321">
        <v>13679.94087</v>
      </c>
      <c r="S3321">
        <v>81323.871140000003</v>
      </c>
      <c r="T3321">
        <v>21398.51973</v>
      </c>
      <c r="U3321">
        <v>10540.87408</v>
      </c>
      <c r="W3321" s="83">
        <f>Bühler!N3353</f>
        <v>45430.291666658617</v>
      </c>
      <c r="X3321" s="83">
        <v>43239.291666666664</v>
      </c>
      <c r="Y3321">
        <v>170466.1992</v>
      </c>
      <c r="Z3321">
        <v>15957.276610000001</v>
      </c>
      <c r="AA3321">
        <v>74382.268930000006</v>
      </c>
      <c r="AB3321">
        <v>31641.952389999999</v>
      </c>
      <c r="AC3321">
        <v>32963.644399999997</v>
      </c>
      <c r="AD3321">
        <v>24886.222450000001</v>
      </c>
      <c r="AE3321">
        <v>40111.16231</v>
      </c>
      <c r="AF3321">
        <v>42074.81626</v>
      </c>
      <c r="AG3321">
        <v>18645.197489999999</v>
      </c>
      <c r="AH3321">
        <v>255220.21160000001</v>
      </c>
      <c r="AI3321">
        <v>63077.668599999997</v>
      </c>
      <c r="AJ3321">
        <v>18869.65453</v>
      </c>
      <c r="AK3321">
        <v>27690.337469999999</v>
      </c>
      <c r="AL3321">
        <v>62185.438300000002</v>
      </c>
      <c r="AM3321">
        <v>13679.94087</v>
      </c>
      <c r="AN3321">
        <v>81323.871140000003</v>
      </c>
      <c r="AO3321">
        <v>21398.51973</v>
      </c>
      <c r="AP3321">
        <v>10540.87408</v>
      </c>
    </row>
    <row r="3322" spans="2:42" x14ac:dyDescent="0.3">
      <c r="B3322">
        <v>49.814945135556606</v>
      </c>
      <c r="C3322" s="83">
        <v>43239.333333333336</v>
      </c>
      <c r="D3322">
        <v>170452.25339999999</v>
      </c>
      <c r="E3322">
        <v>19314.803250000001</v>
      </c>
      <c r="F3322">
        <v>79430.660640000002</v>
      </c>
      <c r="G3322">
        <v>32887.523439999997</v>
      </c>
      <c r="H3322">
        <v>33842.053189999999</v>
      </c>
      <c r="I3322">
        <v>25449.617190000001</v>
      </c>
      <c r="J3322">
        <v>41721.905530000004</v>
      </c>
      <c r="K3322">
        <v>42624.091160000004</v>
      </c>
      <c r="L3322">
        <v>21389.16779</v>
      </c>
      <c r="M3322">
        <v>253979.8211</v>
      </c>
      <c r="N3322">
        <v>64495.91171</v>
      </c>
      <c r="O3322">
        <v>18924.89446</v>
      </c>
      <c r="P3322">
        <v>30046.339260000001</v>
      </c>
      <c r="Q3322">
        <v>61409.169730000001</v>
      </c>
      <c r="R3322">
        <v>15271.86716</v>
      </c>
      <c r="S3322">
        <v>84361.604519999993</v>
      </c>
      <c r="T3322">
        <v>22936.683540000002</v>
      </c>
      <c r="U3322">
        <v>10510.933870000001</v>
      </c>
      <c r="W3322" s="83">
        <f>Bühler!N3354</f>
        <v>45430.333333325281</v>
      </c>
      <c r="X3322" s="83">
        <v>43239.333333333336</v>
      </c>
      <c r="Y3322">
        <v>170452.25339999999</v>
      </c>
      <c r="Z3322">
        <v>19314.803250000001</v>
      </c>
      <c r="AA3322">
        <v>79430.660640000002</v>
      </c>
      <c r="AB3322">
        <v>32887.523439999997</v>
      </c>
      <c r="AC3322">
        <v>33842.053189999999</v>
      </c>
      <c r="AD3322">
        <v>25449.617190000001</v>
      </c>
      <c r="AE3322">
        <v>41721.905530000004</v>
      </c>
      <c r="AF3322">
        <v>42624.091160000004</v>
      </c>
      <c r="AG3322">
        <v>21389.16779</v>
      </c>
      <c r="AH3322">
        <v>253979.8211</v>
      </c>
      <c r="AI3322">
        <v>64495.91171</v>
      </c>
      <c r="AJ3322">
        <v>18924.89446</v>
      </c>
      <c r="AK3322">
        <v>30046.339260000001</v>
      </c>
      <c r="AL3322">
        <v>61409.169730000001</v>
      </c>
      <c r="AM3322">
        <v>15271.86716</v>
      </c>
      <c r="AN3322">
        <v>84361.604519999993</v>
      </c>
      <c r="AO3322">
        <v>22936.683540000002</v>
      </c>
      <c r="AP3322">
        <v>10510.933870000001</v>
      </c>
    </row>
    <row r="3323" spans="2:42" x14ac:dyDescent="0.3">
      <c r="B3323">
        <v>49.412872970613435</v>
      </c>
      <c r="C3323" s="83">
        <v>43239.375</v>
      </c>
      <c r="D3323">
        <v>169595.28159999999</v>
      </c>
      <c r="E3323">
        <v>22923.551950000001</v>
      </c>
      <c r="F3323">
        <v>86076.567169999995</v>
      </c>
      <c r="G3323">
        <v>33726.916980000002</v>
      </c>
      <c r="H3323">
        <v>34453.206200000001</v>
      </c>
      <c r="I3323">
        <v>25211.032759999998</v>
      </c>
      <c r="J3323">
        <v>42609.872219999997</v>
      </c>
      <c r="K3323">
        <v>43594.793109999999</v>
      </c>
      <c r="L3323">
        <v>25067.615460000001</v>
      </c>
      <c r="M3323">
        <v>251929.86970000001</v>
      </c>
      <c r="N3323">
        <v>64613.191740000002</v>
      </c>
      <c r="O3323">
        <v>19445.146639999999</v>
      </c>
      <c r="P3323">
        <v>32309.752789999999</v>
      </c>
      <c r="Q3323">
        <v>61512.194880000003</v>
      </c>
      <c r="R3323">
        <v>15583.84815</v>
      </c>
      <c r="S3323">
        <v>87677.407260000007</v>
      </c>
      <c r="T3323">
        <v>25063.67081</v>
      </c>
      <c r="U3323">
        <v>10840.74173</v>
      </c>
      <c r="W3323" s="83">
        <f>Bühler!N3355</f>
        <v>45430.374999991946</v>
      </c>
      <c r="X3323" s="83">
        <v>43239.375</v>
      </c>
      <c r="Y3323">
        <v>169595.28159999999</v>
      </c>
      <c r="Z3323">
        <v>22923.551950000001</v>
      </c>
      <c r="AA3323">
        <v>86076.567169999995</v>
      </c>
      <c r="AB3323">
        <v>33726.916980000002</v>
      </c>
      <c r="AC3323">
        <v>34453.206200000001</v>
      </c>
      <c r="AD3323">
        <v>25211.032759999998</v>
      </c>
      <c r="AE3323">
        <v>42609.872219999997</v>
      </c>
      <c r="AF3323">
        <v>43594.793109999999</v>
      </c>
      <c r="AG3323">
        <v>25067.615460000001</v>
      </c>
      <c r="AH3323">
        <v>251929.86970000001</v>
      </c>
      <c r="AI3323">
        <v>64613.191740000002</v>
      </c>
      <c r="AJ3323">
        <v>19445.146639999999</v>
      </c>
      <c r="AK3323">
        <v>32309.752789999999</v>
      </c>
      <c r="AL3323">
        <v>61512.194880000003</v>
      </c>
      <c r="AM3323">
        <v>15583.84815</v>
      </c>
      <c r="AN3323">
        <v>87677.407260000007</v>
      </c>
      <c r="AO3323">
        <v>25063.67081</v>
      </c>
      <c r="AP3323">
        <v>10840.74173</v>
      </c>
    </row>
    <row r="3324" spans="2:42" x14ac:dyDescent="0.3">
      <c r="B3324">
        <v>49.045573419258204</v>
      </c>
      <c r="C3324" s="83">
        <v>43239.416666666664</v>
      </c>
      <c r="D3324">
        <v>169191.7935</v>
      </c>
      <c r="E3324">
        <v>24322.085930000001</v>
      </c>
      <c r="F3324">
        <v>87276.871490000005</v>
      </c>
      <c r="G3324">
        <v>33986.132239999999</v>
      </c>
      <c r="H3324">
        <v>34954.37167</v>
      </c>
      <c r="I3324">
        <v>24730.086360000001</v>
      </c>
      <c r="J3324">
        <v>41813.202949999999</v>
      </c>
      <c r="K3324">
        <v>45317.993119999999</v>
      </c>
      <c r="L3324">
        <v>27825.67856</v>
      </c>
      <c r="M3324">
        <v>250057.2053</v>
      </c>
      <c r="N3324">
        <v>65216.916109999998</v>
      </c>
      <c r="O3324">
        <v>19966.640230000001</v>
      </c>
      <c r="P3324">
        <v>33872.354079999997</v>
      </c>
      <c r="Q3324">
        <v>61730.395850000001</v>
      </c>
      <c r="R3324">
        <v>15814.382799999999</v>
      </c>
      <c r="S3324">
        <v>87650.577080000003</v>
      </c>
      <c r="T3324">
        <v>27818.829020000001</v>
      </c>
      <c r="U3324">
        <v>11561.448549999999</v>
      </c>
      <c r="W3324" s="83">
        <f>Bühler!N3356</f>
        <v>45430.41666665861</v>
      </c>
      <c r="X3324" s="83">
        <v>43239.416666666664</v>
      </c>
      <c r="Y3324">
        <v>169191.7935</v>
      </c>
      <c r="Z3324">
        <v>24322.085930000001</v>
      </c>
      <c r="AA3324">
        <v>87276.871490000005</v>
      </c>
      <c r="AB3324">
        <v>33986.132239999999</v>
      </c>
      <c r="AC3324">
        <v>34954.37167</v>
      </c>
      <c r="AD3324">
        <v>24730.086360000001</v>
      </c>
      <c r="AE3324">
        <v>41813.202949999999</v>
      </c>
      <c r="AF3324">
        <v>45317.993119999999</v>
      </c>
      <c r="AG3324">
        <v>27825.67856</v>
      </c>
      <c r="AH3324">
        <v>250057.2053</v>
      </c>
      <c r="AI3324">
        <v>65216.916109999998</v>
      </c>
      <c r="AJ3324">
        <v>19966.640230000001</v>
      </c>
      <c r="AK3324">
        <v>33872.354079999997</v>
      </c>
      <c r="AL3324">
        <v>61730.395850000001</v>
      </c>
      <c r="AM3324">
        <v>15814.382799999999</v>
      </c>
      <c r="AN3324">
        <v>87650.577080000003</v>
      </c>
      <c r="AO3324">
        <v>27818.829020000001</v>
      </c>
      <c r="AP3324">
        <v>11561.448549999999</v>
      </c>
    </row>
    <row r="3325" spans="2:42" x14ac:dyDescent="0.3">
      <c r="B3325">
        <v>48.468533324712531</v>
      </c>
      <c r="C3325" s="83">
        <v>43239.458333333336</v>
      </c>
      <c r="D3325">
        <v>167422.27129999999</v>
      </c>
      <c r="E3325">
        <v>24312.45781</v>
      </c>
      <c r="F3325">
        <v>87773.810750000004</v>
      </c>
      <c r="G3325">
        <v>33852.765359999998</v>
      </c>
      <c r="H3325">
        <v>35247.537239999998</v>
      </c>
      <c r="I3325">
        <v>24977.093580000001</v>
      </c>
      <c r="J3325">
        <v>41433.063479999997</v>
      </c>
      <c r="K3325">
        <v>46495.037080000002</v>
      </c>
      <c r="L3325">
        <v>29797.297729999998</v>
      </c>
      <c r="M3325">
        <v>247115.18580000001</v>
      </c>
      <c r="N3325">
        <v>66626.928209999998</v>
      </c>
      <c r="O3325">
        <v>19311.90797</v>
      </c>
      <c r="P3325">
        <v>33634.63536</v>
      </c>
      <c r="Q3325">
        <v>61459.425179999998</v>
      </c>
      <c r="R3325">
        <v>18531.357520000001</v>
      </c>
      <c r="S3325">
        <v>89488.312130000006</v>
      </c>
      <c r="T3325">
        <v>28529.292310000001</v>
      </c>
      <c r="U3325">
        <v>10920.16886</v>
      </c>
      <c r="W3325" s="83">
        <f>Bühler!N3357</f>
        <v>45430.458333325274</v>
      </c>
      <c r="X3325" s="83">
        <v>43239.458333333336</v>
      </c>
      <c r="Y3325">
        <v>167422.27129999999</v>
      </c>
      <c r="Z3325">
        <v>24312.45781</v>
      </c>
      <c r="AA3325">
        <v>87773.810750000004</v>
      </c>
      <c r="AB3325">
        <v>33852.765359999998</v>
      </c>
      <c r="AC3325">
        <v>35247.537239999998</v>
      </c>
      <c r="AD3325">
        <v>24977.093580000001</v>
      </c>
      <c r="AE3325">
        <v>41433.063479999997</v>
      </c>
      <c r="AF3325">
        <v>46495.037080000002</v>
      </c>
      <c r="AG3325">
        <v>29797.297729999998</v>
      </c>
      <c r="AH3325">
        <v>247115.18580000001</v>
      </c>
      <c r="AI3325">
        <v>66626.928209999998</v>
      </c>
      <c r="AJ3325">
        <v>19311.90797</v>
      </c>
      <c r="AK3325">
        <v>33634.63536</v>
      </c>
      <c r="AL3325">
        <v>61459.425179999998</v>
      </c>
      <c r="AM3325">
        <v>18531.357520000001</v>
      </c>
      <c r="AN3325">
        <v>89488.312130000006</v>
      </c>
      <c r="AO3325">
        <v>28529.292310000001</v>
      </c>
      <c r="AP3325">
        <v>10920.16886</v>
      </c>
    </row>
    <row r="3326" spans="2:42" x14ac:dyDescent="0.3">
      <c r="B3326">
        <v>47.311548340530521</v>
      </c>
      <c r="C3326" s="83">
        <v>43239.5</v>
      </c>
      <c r="D3326">
        <v>163231.8512</v>
      </c>
      <c r="E3326">
        <v>22949.923750000002</v>
      </c>
      <c r="F3326">
        <v>86302.940369999997</v>
      </c>
      <c r="G3326">
        <v>32896.171820000003</v>
      </c>
      <c r="H3326">
        <v>34629.523569999998</v>
      </c>
      <c r="I3326">
        <v>25271.880290000001</v>
      </c>
      <c r="J3326">
        <v>41141.925519999997</v>
      </c>
      <c r="K3326">
        <v>46955.949739999996</v>
      </c>
      <c r="L3326">
        <v>31599.153910000001</v>
      </c>
      <c r="M3326">
        <v>241216.33679999999</v>
      </c>
      <c r="N3326">
        <v>64310.678970000001</v>
      </c>
      <c r="O3326">
        <v>18967.179690000001</v>
      </c>
      <c r="P3326">
        <v>33149.399570000001</v>
      </c>
      <c r="Q3326">
        <v>57605.081789999997</v>
      </c>
      <c r="R3326">
        <v>17368.27564</v>
      </c>
      <c r="S3326">
        <v>84860.802649999998</v>
      </c>
      <c r="T3326">
        <v>27911.520670000002</v>
      </c>
      <c r="U3326">
        <v>10539.873149999999</v>
      </c>
      <c r="W3326" s="83">
        <f>Bühler!N3358</f>
        <v>45430.499999991938</v>
      </c>
      <c r="X3326" s="83">
        <v>43239.5</v>
      </c>
      <c r="Y3326">
        <v>163231.8512</v>
      </c>
      <c r="Z3326">
        <v>22949.923750000002</v>
      </c>
      <c r="AA3326">
        <v>86302.940369999997</v>
      </c>
      <c r="AB3326">
        <v>32896.171820000003</v>
      </c>
      <c r="AC3326">
        <v>34629.523569999998</v>
      </c>
      <c r="AD3326">
        <v>25271.880290000001</v>
      </c>
      <c r="AE3326">
        <v>41141.925519999997</v>
      </c>
      <c r="AF3326">
        <v>46955.949739999996</v>
      </c>
      <c r="AG3326">
        <v>31599.153910000001</v>
      </c>
      <c r="AH3326">
        <v>241216.33679999999</v>
      </c>
      <c r="AI3326">
        <v>64310.678970000001</v>
      </c>
      <c r="AJ3326">
        <v>18967.179690000001</v>
      </c>
      <c r="AK3326">
        <v>33149.399570000001</v>
      </c>
      <c r="AL3326">
        <v>57605.081789999997</v>
      </c>
      <c r="AM3326">
        <v>17368.27564</v>
      </c>
      <c r="AN3326">
        <v>84860.802649999998</v>
      </c>
      <c r="AO3326">
        <v>27911.520670000002</v>
      </c>
      <c r="AP3326">
        <v>10539.873149999999</v>
      </c>
    </row>
    <row r="3327" spans="2:42" x14ac:dyDescent="0.3">
      <c r="B3327">
        <v>45.984328712871964</v>
      </c>
      <c r="C3327" s="83">
        <v>43239.541666666664</v>
      </c>
      <c r="D3327">
        <v>160841.87779999999</v>
      </c>
      <c r="E3327">
        <v>22519.609789999999</v>
      </c>
      <c r="F3327">
        <v>85489.451490000007</v>
      </c>
      <c r="G3327">
        <v>32513.52132</v>
      </c>
      <c r="H3327">
        <v>34101.651949999999</v>
      </c>
      <c r="I3327">
        <v>25402.59259</v>
      </c>
      <c r="J3327">
        <v>39891.5556</v>
      </c>
      <c r="K3327">
        <v>46710.77018</v>
      </c>
      <c r="L3327">
        <v>31675.412479999999</v>
      </c>
      <c r="M3327">
        <v>234449.55220000001</v>
      </c>
      <c r="N3327">
        <v>63683.54423</v>
      </c>
      <c r="O3327">
        <v>19111.922859999999</v>
      </c>
      <c r="P3327">
        <v>32799.220840000002</v>
      </c>
      <c r="Q3327">
        <v>55017.890930000001</v>
      </c>
      <c r="R3327">
        <v>16850.509030000001</v>
      </c>
      <c r="S3327">
        <v>85072.342560000005</v>
      </c>
      <c r="T3327">
        <v>27863.275130000002</v>
      </c>
      <c r="U3327">
        <v>10700.39911</v>
      </c>
      <c r="W3327" s="83">
        <f>Bühler!N3359</f>
        <v>45430.541666658602</v>
      </c>
      <c r="X3327" s="83">
        <v>43239.541666666664</v>
      </c>
      <c r="Y3327">
        <v>160841.87779999999</v>
      </c>
      <c r="Z3327">
        <v>22519.609789999999</v>
      </c>
      <c r="AA3327">
        <v>85489.451490000007</v>
      </c>
      <c r="AB3327">
        <v>32513.52132</v>
      </c>
      <c r="AC3327">
        <v>34101.651949999999</v>
      </c>
      <c r="AD3327">
        <v>25402.59259</v>
      </c>
      <c r="AE3327">
        <v>39891.5556</v>
      </c>
      <c r="AF3327">
        <v>46710.77018</v>
      </c>
      <c r="AG3327">
        <v>31675.412479999999</v>
      </c>
      <c r="AH3327">
        <v>234449.55220000001</v>
      </c>
      <c r="AI3327">
        <v>63683.54423</v>
      </c>
      <c r="AJ3327">
        <v>19111.922859999999</v>
      </c>
      <c r="AK3327">
        <v>32799.220840000002</v>
      </c>
      <c r="AL3327">
        <v>55017.890930000001</v>
      </c>
      <c r="AM3327">
        <v>16850.509030000001</v>
      </c>
      <c r="AN3327">
        <v>85072.342560000005</v>
      </c>
      <c r="AO3327">
        <v>27863.275130000002</v>
      </c>
      <c r="AP3327">
        <v>10700.39911</v>
      </c>
    </row>
    <row r="3328" spans="2:42" x14ac:dyDescent="0.3">
      <c r="B3328">
        <v>45.60220760638002</v>
      </c>
      <c r="C3328" s="83">
        <v>43239.583333333336</v>
      </c>
      <c r="D3328">
        <v>161217.70060000001</v>
      </c>
      <c r="E3328">
        <v>23615.506310000001</v>
      </c>
      <c r="F3328">
        <v>85866.184120000005</v>
      </c>
      <c r="G3328">
        <v>32276.395189999999</v>
      </c>
      <c r="H3328">
        <v>33915.738819999999</v>
      </c>
      <c r="I3328">
        <v>25587.918099999999</v>
      </c>
      <c r="J3328">
        <v>39081.959499999997</v>
      </c>
      <c r="K3328">
        <v>46382.723899999997</v>
      </c>
      <c r="L3328">
        <v>29485.601750000002</v>
      </c>
      <c r="M3328">
        <v>232501.32060000001</v>
      </c>
      <c r="N3328">
        <v>62614.544070000004</v>
      </c>
      <c r="O3328">
        <v>18921.372579999999</v>
      </c>
      <c r="P3328">
        <v>30090.130140000001</v>
      </c>
      <c r="Q3328">
        <v>53810.037179999999</v>
      </c>
      <c r="R3328">
        <v>17310.922559999999</v>
      </c>
      <c r="S3328">
        <v>82095.605590000006</v>
      </c>
      <c r="T3328">
        <v>27835.350040000001</v>
      </c>
      <c r="U3328">
        <v>10867.26899</v>
      </c>
      <c r="W3328" s="83">
        <f>Bühler!N3360</f>
        <v>45430.583333325267</v>
      </c>
      <c r="X3328" s="83">
        <v>43239.583333333336</v>
      </c>
      <c r="Y3328">
        <v>161217.70060000001</v>
      </c>
      <c r="Z3328">
        <v>23615.506310000001</v>
      </c>
      <c r="AA3328">
        <v>85866.184120000005</v>
      </c>
      <c r="AB3328">
        <v>32276.395189999999</v>
      </c>
      <c r="AC3328">
        <v>33915.738819999999</v>
      </c>
      <c r="AD3328">
        <v>25587.918099999999</v>
      </c>
      <c r="AE3328">
        <v>39081.959499999997</v>
      </c>
      <c r="AF3328">
        <v>46382.723899999997</v>
      </c>
      <c r="AG3328">
        <v>29485.601750000002</v>
      </c>
      <c r="AH3328">
        <v>232501.32060000001</v>
      </c>
      <c r="AI3328">
        <v>62614.544070000004</v>
      </c>
      <c r="AJ3328">
        <v>18921.372579999999</v>
      </c>
      <c r="AK3328">
        <v>30090.130140000001</v>
      </c>
      <c r="AL3328">
        <v>53810.037179999999</v>
      </c>
      <c r="AM3328">
        <v>17310.922559999999</v>
      </c>
      <c r="AN3328">
        <v>82095.605590000006</v>
      </c>
      <c r="AO3328">
        <v>27835.350040000001</v>
      </c>
      <c r="AP3328">
        <v>10867.26899</v>
      </c>
    </row>
    <row r="3329" spans="2:42" x14ac:dyDescent="0.3">
      <c r="B3329">
        <v>45.507952634831916</v>
      </c>
      <c r="C3329" s="83">
        <v>43239.625</v>
      </c>
      <c r="D3329">
        <v>160421.0012</v>
      </c>
      <c r="E3329">
        <v>23544.127270000001</v>
      </c>
      <c r="F3329">
        <v>86278.134760000001</v>
      </c>
      <c r="G3329">
        <v>31868.61922</v>
      </c>
      <c r="H3329">
        <v>33874.102639999997</v>
      </c>
      <c r="I3329">
        <v>25798.649460000001</v>
      </c>
      <c r="J3329">
        <v>38417.368799999997</v>
      </c>
      <c r="K3329">
        <v>45521.305970000001</v>
      </c>
      <c r="L3329">
        <v>27322.73256</v>
      </c>
      <c r="M3329">
        <v>232020.7648</v>
      </c>
      <c r="N3329">
        <v>62898.662429999997</v>
      </c>
      <c r="O3329">
        <v>18669.010149999998</v>
      </c>
      <c r="P3329">
        <v>28096.51367</v>
      </c>
      <c r="Q3329">
        <v>52822.632010000001</v>
      </c>
      <c r="R3329">
        <v>17664.749319999999</v>
      </c>
      <c r="S3329">
        <v>81865.416859999998</v>
      </c>
      <c r="T3329">
        <v>27911.34043</v>
      </c>
      <c r="U3329">
        <v>10182.22903</v>
      </c>
      <c r="W3329" s="83">
        <f>Bühler!N3361</f>
        <v>45430.624999991931</v>
      </c>
      <c r="X3329" s="83">
        <v>43239.625</v>
      </c>
      <c r="Y3329">
        <v>160421.0012</v>
      </c>
      <c r="Z3329">
        <v>23544.127270000001</v>
      </c>
      <c r="AA3329">
        <v>86278.134760000001</v>
      </c>
      <c r="AB3329">
        <v>31868.61922</v>
      </c>
      <c r="AC3329">
        <v>33874.102639999997</v>
      </c>
      <c r="AD3329">
        <v>25798.649460000001</v>
      </c>
      <c r="AE3329">
        <v>38417.368799999997</v>
      </c>
      <c r="AF3329">
        <v>45521.305970000001</v>
      </c>
      <c r="AG3329">
        <v>27322.73256</v>
      </c>
      <c r="AH3329">
        <v>232020.7648</v>
      </c>
      <c r="AI3329">
        <v>62898.662429999997</v>
      </c>
      <c r="AJ3329">
        <v>18669.010149999998</v>
      </c>
      <c r="AK3329">
        <v>28096.51367</v>
      </c>
      <c r="AL3329">
        <v>52822.632010000001</v>
      </c>
      <c r="AM3329">
        <v>17664.749319999999</v>
      </c>
      <c r="AN3329">
        <v>81865.416859999998</v>
      </c>
      <c r="AO3329">
        <v>27911.34043</v>
      </c>
      <c r="AP3329">
        <v>10182.22903</v>
      </c>
    </row>
    <row r="3330" spans="2:42" x14ac:dyDescent="0.3">
      <c r="B3330">
        <v>44.57868913043017</v>
      </c>
      <c r="C3330" s="83">
        <v>43239.666666666664</v>
      </c>
      <c r="D3330">
        <v>159533.99799999999</v>
      </c>
      <c r="E3330">
        <v>23506.09073</v>
      </c>
      <c r="F3330">
        <v>85175.04466</v>
      </c>
      <c r="G3330">
        <v>31628.431349999999</v>
      </c>
      <c r="H3330">
        <v>33828.150670000003</v>
      </c>
      <c r="I3330">
        <v>25955.076710000001</v>
      </c>
      <c r="J3330">
        <v>37819.00419</v>
      </c>
      <c r="K3330">
        <v>44028.936750000001</v>
      </c>
      <c r="L3330">
        <v>26766.3976</v>
      </c>
      <c r="M3330">
        <v>227282.9461</v>
      </c>
      <c r="N3330">
        <v>63273.362099999998</v>
      </c>
      <c r="O3330">
        <v>18622.841489999999</v>
      </c>
      <c r="P3330">
        <v>28242.198990000001</v>
      </c>
      <c r="Q3330">
        <v>52777.098590000001</v>
      </c>
      <c r="R3330">
        <v>16973.851320000002</v>
      </c>
      <c r="S3330">
        <v>81425.963829999993</v>
      </c>
      <c r="T3330">
        <v>27689.628919999999</v>
      </c>
      <c r="U3330">
        <v>10245.680609999999</v>
      </c>
      <c r="W3330" s="83">
        <f>Bühler!N3362</f>
        <v>45430.666666658595</v>
      </c>
      <c r="X3330" s="83">
        <v>43239.666666666664</v>
      </c>
      <c r="Y3330">
        <v>159533.99799999999</v>
      </c>
      <c r="Z3330">
        <v>23506.09073</v>
      </c>
      <c r="AA3330">
        <v>85175.04466</v>
      </c>
      <c r="AB3330">
        <v>31628.431349999999</v>
      </c>
      <c r="AC3330">
        <v>33828.150670000003</v>
      </c>
      <c r="AD3330">
        <v>25955.076710000001</v>
      </c>
      <c r="AE3330">
        <v>37819.00419</v>
      </c>
      <c r="AF3330">
        <v>44028.936750000001</v>
      </c>
      <c r="AG3330">
        <v>26766.3976</v>
      </c>
      <c r="AH3330">
        <v>227282.9461</v>
      </c>
      <c r="AI3330">
        <v>63273.362099999998</v>
      </c>
      <c r="AJ3330">
        <v>18622.841489999999</v>
      </c>
      <c r="AK3330">
        <v>28242.198990000001</v>
      </c>
      <c r="AL3330">
        <v>52777.098590000001</v>
      </c>
      <c r="AM3330">
        <v>16973.851320000002</v>
      </c>
      <c r="AN3330">
        <v>81425.963829999993</v>
      </c>
      <c r="AO3330">
        <v>27689.628919999999</v>
      </c>
      <c r="AP3330">
        <v>10245.680609999999</v>
      </c>
    </row>
    <row r="3331" spans="2:42" x14ac:dyDescent="0.3">
      <c r="B3331">
        <v>43.761198512574822</v>
      </c>
      <c r="C3331" s="83">
        <v>43239.708333333336</v>
      </c>
      <c r="D3331">
        <v>157100.87599999999</v>
      </c>
      <c r="E3331">
        <v>23157.97004</v>
      </c>
      <c r="F3331">
        <v>84513.191730000006</v>
      </c>
      <c r="G3331">
        <v>31478.854869999999</v>
      </c>
      <c r="H3331">
        <v>33362.935420000002</v>
      </c>
      <c r="I3331">
        <v>26491.428159999999</v>
      </c>
      <c r="J3331">
        <v>39040.177669999997</v>
      </c>
      <c r="K3331">
        <v>42821.914479999999</v>
      </c>
      <c r="L3331">
        <v>27215.892260000001</v>
      </c>
      <c r="M3331">
        <v>223114.99770000001</v>
      </c>
      <c r="N3331">
        <v>62840.921900000001</v>
      </c>
      <c r="O3331">
        <v>18356.047640000001</v>
      </c>
      <c r="P3331">
        <v>29680.85569</v>
      </c>
      <c r="Q3331">
        <v>51679.794500000004</v>
      </c>
      <c r="R3331">
        <v>18896.784390000001</v>
      </c>
      <c r="S3331">
        <v>83088.97537</v>
      </c>
      <c r="T3331">
        <v>27351.30575</v>
      </c>
      <c r="U3331">
        <v>10696.88184</v>
      </c>
      <c r="W3331" s="83">
        <f>Bühler!N3363</f>
        <v>45430.708333325259</v>
      </c>
      <c r="X3331" s="83">
        <v>43239.708333333336</v>
      </c>
      <c r="Y3331">
        <v>157100.87599999999</v>
      </c>
      <c r="Z3331">
        <v>23157.97004</v>
      </c>
      <c r="AA3331">
        <v>84513.191730000006</v>
      </c>
      <c r="AB3331">
        <v>31478.854869999999</v>
      </c>
      <c r="AC3331">
        <v>33362.935420000002</v>
      </c>
      <c r="AD3331">
        <v>26491.428159999999</v>
      </c>
      <c r="AE3331">
        <v>39040.177669999997</v>
      </c>
      <c r="AF3331">
        <v>42821.914479999999</v>
      </c>
      <c r="AG3331">
        <v>27215.892260000001</v>
      </c>
      <c r="AH3331">
        <v>223114.99770000001</v>
      </c>
      <c r="AI3331">
        <v>62840.921900000001</v>
      </c>
      <c r="AJ3331">
        <v>18356.047640000001</v>
      </c>
      <c r="AK3331">
        <v>29680.85569</v>
      </c>
      <c r="AL3331">
        <v>51679.794500000004</v>
      </c>
      <c r="AM3331">
        <v>18896.784390000001</v>
      </c>
      <c r="AN3331">
        <v>83088.97537</v>
      </c>
      <c r="AO3331">
        <v>27351.30575</v>
      </c>
      <c r="AP3331">
        <v>10696.88184</v>
      </c>
    </row>
    <row r="3332" spans="2:42" x14ac:dyDescent="0.3">
      <c r="B3332">
        <v>43.138119083010217</v>
      </c>
      <c r="C3332" s="83">
        <v>43239.75</v>
      </c>
      <c r="D3332">
        <v>155910.9087</v>
      </c>
      <c r="E3332">
        <v>22547.054169999999</v>
      </c>
      <c r="F3332">
        <v>83121.558950000006</v>
      </c>
      <c r="G3332">
        <v>30970.282940000001</v>
      </c>
      <c r="H3332">
        <v>33100.267319999999</v>
      </c>
      <c r="I3332">
        <v>26032.97121</v>
      </c>
      <c r="J3332">
        <v>39902.062290000002</v>
      </c>
      <c r="K3332">
        <v>42137.064420000002</v>
      </c>
      <c r="L3332">
        <v>28008.570749999999</v>
      </c>
      <c r="M3332">
        <v>219938.2482</v>
      </c>
      <c r="N3332">
        <v>64151.651559999998</v>
      </c>
      <c r="O3332">
        <v>17626.1109</v>
      </c>
      <c r="P3332">
        <v>31779.22595</v>
      </c>
      <c r="Q3332">
        <v>50199.695169999999</v>
      </c>
      <c r="R3332">
        <v>17689.499510000001</v>
      </c>
      <c r="S3332">
        <v>80548.889450000002</v>
      </c>
      <c r="T3332">
        <v>26810.896540000002</v>
      </c>
      <c r="U3332">
        <v>10075.098169999999</v>
      </c>
      <c r="W3332" s="83">
        <f>Bühler!N3364</f>
        <v>45430.749999991924</v>
      </c>
      <c r="X3332" s="83">
        <v>43239.75</v>
      </c>
      <c r="Y3332">
        <v>155910.9087</v>
      </c>
      <c r="Z3332">
        <v>22547.054169999999</v>
      </c>
      <c r="AA3332">
        <v>83121.558950000006</v>
      </c>
      <c r="AB3332">
        <v>30970.282940000001</v>
      </c>
      <c r="AC3332">
        <v>33100.267319999999</v>
      </c>
      <c r="AD3332">
        <v>26032.97121</v>
      </c>
      <c r="AE3332">
        <v>39902.062290000002</v>
      </c>
      <c r="AF3332">
        <v>42137.064420000002</v>
      </c>
      <c r="AG3332">
        <v>28008.570749999999</v>
      </c>
      <c r="AH3332">
        <v>219938.2482</v>
      </c>
      <c r="AI3332">
        <v>64151.651559999998</v>
      </c>
      <c r="AJ3332">
        <v>17626.1109</v>
      </c>
      <c r="AK3332">
        <v>31779.22595</v>
      </c>
      <c r="AL3332">
        <v>50199.695169999999</v>
      </c>
      <c r="AM3332">
        <v>17689.499510000001</v>
      </c>
      <c r="AN3332">
        <v>80548.889450000002</v>
      </c>
      <c r="AO3332">
        <v>26810.896540000002</v>
      </c>
      <c r="AP3332">
        <v>10075.098169999999</v>
      </c>
    </row>
    <row r="3333" spans="2:42" x14ac:dyDescent="0.3">
      <c r="B3333">
        <v>42.287546418773182</v>
      </c>
      <c r="C3333" s="83">
        <v>43239.791666666664</v>
      </c>
      <c r="D3333">
        <v>155185.11319999999</v>
      </c>
      <c r="E3333">
        <v>18643.88121</v>
      </c>
      <c r="F3333">
        <v>72315.84706</v>
      </c>
      <c r="G3333">
        <v>30897.889790000001</v>
      </c>
      <c r="H3333">
        <v>32633.805250000001</v>
      </c>
      <c r="I3333">
        <v>25993.82819</v>
      </c>
      <c r="J3333">
        <v>39383.979670000001</v>
      </c>
      <c r="K3333">
        <v>43702.028590000002</v>
      </c>
      <c r="L3333">
        <v>28607.536</v>
      </c>
      <c r="M3333">
        <v>215601.63209999999</v>
      </c>
      <c r="N3333">
        <v>63764.551829999997</v>
      </c>
      <c r="O3333">
        <v>17742.829030000001</v>
      </c>
      <c r="P3333">
        <v>33816.546490000001</v>
      </c>
      <c r="Q3333">
        <v>48384.736019999997</v>
      </c>
      <c r="R3333">
        <v>16947.81194</v>
      </c>
      <c r="S3333">
        <v>79599.362930000003</v>
      </c>
      <c r="T3333">
        <v>25867.419430000002</v>
      </c>
      <c r="U3333">
        <v>9978.8665949999995</v>
      </c>
      <c r="W3333" s="83">
        <f>Bühler!N3365</f>
        <v>45430.791666658588</v>
      </c>
      <c r="X3333" s="83">
        <v>43239.791666666664</v>
      </c>
      <c r="Y3333">
        <v>155185.11319999999</v>
      </c>
      <c r="Z3333">
        <v>18643.88121</v>
      </c>
      <c r="AA3333">
        <v>72315.84706</v>
      </c>
      <c r="AB3333">
        <v>30897.889790000001</v>
      </c>
      <c r="AC3333">
        <v>32633.805250000001</v>
      </c>
      <c r="AD3333">
        <v>25993.82819</v>
      </c>
      <c r="AE3333">
        <v>39383.979670000001</v>
      </c>
      <c r="AF3333">
        <v>43702.028590000002</v>
      </c>
      <c r="AG3333">
        <v>28607.536</v>
      </c>
      <c r="AH3333">
        <v>215601.63209999999</v>
      </c>
      <c r="AI3333">
        <v>63764.551829999997</v>
      </c>
      <c r="AJ3333">
        <v>17742.829030000001</v>
      </c>
      <c r="AK3333">
        <v>33816.546490000001</v>
      </c>
      <c r="AL3333">
        <v>48384.736019999997</v>
      </c>
      <c r="AM3333">
        <v>16947.81194</v>
      </c>
      <c r="AN3333">
        <v>79599.362930000003</v>
      </c>
      <c r="AO3333">
        <v>25867.419430000002</v>
      </c>
      <c r="AP3333">
        <v>9978.8665949999995</v>
      </c>
    </row>
    <row r="3334" spans="2:42" x14ac:dyDescent="0.3">
      <c r="B3334">
        <v>41.63958786056628</v>
      </c>
      <c r="C3334" s="83">
        <v>43239.833333333336</v>
      </c>
      <c r="D3334">
        <v>153748.5385</v>
      </c>
      <c r="E3334">
        <v>13761.836450000001</v>
      </c>
      <c r="F3334">
        <v>55021.028810000003</v>
      </c>
      <c r="G3334">
        <v>30788.9846</v>
      </c>
      <c r="H3334">
        <v>31654.972689999999</v>
      </c>
      <c r="I3334">
        <v>23649.429110000001</v>
      </c>
      <c r="J3334">
        <v>38854.885690000003</v>
      </c>
      <c r="K3334">
        <v>44650.487699999998</v>
      </c>
      <c r="L3334">
        <v>27922.861489999999</v>
      </c>
      <c r="M3334">
        <v>212298.03719999999</v>
      </c>
      <c r="N3334">
        <v>64003.952850000001</v>
      </c>
      <c r="O3334">
        <v>17361.115740000001</v>
      </c>
      <c r="P3334">
        <v>33871.024850000002</v>
      </c>
      <c r="Q3334">
        <v>46907.620990000003</v>
      </c>
      <c r="R3334">
        <v>17190.545760000001</v>
      </c>
      <c r="S3334">
        <v>74601.247440000006</v>
      </c>
      <c r="T3334">
        <v>23519.8197</v>
      </c>
      <c r="U3334">
        <v>10559.65007</v>
      </c>
      <c r="W3334" s="83">
        <f>Bühler!N3366</f>
        <v>45430.833333325252</v>
      </c>
      <c r="X3334" s="83">
        <v>43239.833333333336</v>
      </c>
      <c r="Y3334">
        <v>153748.5385</v>
      </c>
      <c r="Z3334">
        <v>13761.836450000001</v>
      </c>
      <c r="AA3334">
        <v>55021.028810000003</v>
      </c>
      <c r="AB3334">
        <v>30788.9846</v>
      </c>
      <c r="AC3334">
        <v>31654.972689999999</v>
      </c>
      <c r="AD3334">
        <v>23649.429110000001</v>
      </c>
      <c r="AE3334">
        <v>38854.885690000003</v>
      </c>
      <c r="AF3334">
        <v>44650.487699999998</v>
      </c>
      <c r="AG3334">
        <v>27922.861489999999</v>
      </c>
      <c r="AH3334">
        <v>212298.03719999999</v>
      </c>
      <c r="AI3334">
        <v>64003.952850000001</v>
      </c>
      <c r="AJ3334">
        <v>17361.115740000001</v>
      </c>
      <c r="AK3334">
        <v>33871.024850000002</v>
      </c>
      <c r="AL3334">
        <v>46907.620990000003</v>
      </c>
      <c r="AM3334">
        <v>17190.545760000001</v>
      </c>
      <c r="AN3334">
        <v>74601.247440000006</v>
      </c>
      <c r="AO3334">
        <v>23519.8197</v>
      </c>
      <c r="AP3334">
        <v>10559.65007</v>
      </c>
    </row>
    <row r="3335" spans="2:42" x14ac:dyDescent="0.3">
      <c r="B3335">
        <v>41.368170534808428</v>
      </c>
      <c r="C3335" s="83">
        <v>43239.875</v>
      </c>
      <c r="D3335">
        <v>153840.77499999999</v>
      </c>
      <c r="E3335">
        <v>12316.734909999999</v>
      </c>
      <c r="F3335">
        <v>47574.85471</v>
      </c>
      <c r="G3335">
        <v>30935.598050000001</v>
      </c>
      <c r="H3335">
        <v>31636.817309999999</v>
      </c>
      <c r="I3335">
        <v>21685.150819999999</v>
      </c>
      <c r="J3335">
        <v>39666.79997</v>
      </c>
      <c r="K3335">
        <v>43913.370600000002</v>
      </c>
      <c r="L3335">
        <v>27707.59518</v>
      </c>
      <c r="M3335">
        <v>210914.22510000001</v>
      </c>
      <c r="N3335">
        <v>63107.868289999999</v>
      </c>
      <c r="O3335">
        <v>17658.479380000001</v>
      </c>
      <c r="P3335">
        <v>33146.790589999997</v>
      </c>
      <c r="Q3335">
        <v>45646.937299999998</v>
      </c>
      <c r="R3335">
        <v>17301.78081</v>
      </c>
      <c r="S3335">
        <v>73229.156310000006</v>
      </c>
      <c r="T3335">
        <v>22347.10742</v>
      </c>
      <c r="U3335">
        <v>11090.92085</v>
      </c>
      <c r="W3335" s="83">
        <f>Bühler!N3367</f>
        <v>45430.874999991916</v>
      </c>
      <c r="X3335" s="83">
        <v>43239.875</v>
      </c>
      <c r="Y3335">
        <v>153840.77499999999</v>
      </c>
      <c r="Z3335">
        <v>12316.734909999999</v>
      </c>
      <c r="AA3335">
        <v>47574.85471</v>
      </c>
      <c r="AB3335">
        <v>30935.598050000001</v>
      </c>
      <c r="AC3335">
        <v>31636.817309999999</v>
      </c>
      <c r="AD3335">
        <v>21685.150819999999</v>
      </c>
      <c r="AE3335">
        <v>39666.79997</v>
      </c>
      <c r="AF3335">
        <v>43913.370600000002</v>
      </c>
      <c r="AG3335">
        <v>27707.59518</v>
      </c>
      <c r="AH3335">
        <v>210914.22510000001</v>
      </c>
      <c r="AI3335">
        <v>63107.868289999999</v>
      </c>
      <c r="AJ3335">
        <v>17658.479380000001</v>
      </c>
      <c r="AK3335">
        <v>33146.790589999997</v>
      </c>
      <c r="AL3335">
        <v>45646.937299999998</v>
      </c>
      <c r="AM3335">
        <v>17301.78081</v>
      </c>
      <c r="AN3335">
        <v>73229.156310000006</v>
      </c>
      <c r="AO3335">
        <v>22347.10742</v>
      </c>
      <c r="AP3335">
        <v>11090.92085</v>
      </c>
    </row>
    <row r="3336" spans="2:42" x14ac:dyDescent="0.3">
      <c r="B3336">
        <v>41.502588937134711</v>
      </c>
      <c r="C3336" s="83">
        <v>43239.916666666664</v>
      </c>
      <c r="D3336">
        <v>154450.84909999999</v>
      </c>
      <c r="E3336">
        <v>12074.00829</v>
      </c>
      <c r="F3336">
        <v>45634.029240000003</v>
      </c>
      <c r="G3336">
        <v>31162.171729999998</v>
      </c>
      <c r="H3336">
        <v>33133.466710000001</v>
      </c>
      <c r="I3336">
        <v>20932.709760000002</v>
      </c>
      <c r="J3336">
        <v>39860.089059999998</v>
      </c>
      <c r="K3336">
        <v>48370.301899999999</v>
      </c>
      <c r="L3336">
        <v>25674.72352</v>
      </c>
      <c r="M3336">
        <v>211599.5528</v>
      </c>
      <c r="N3336">
        <v>62158.173779999997</v>
      </c>
      <c r="O3336">
        <v>18647.552250000001</v>
      </c>
      <c r="P3336">
        <v>35394.513140000003</v>
      </c>
      <c r="Q3336">
        <v>45451.521180000003</v>
      </c>
      <c r="R3336">
        <v>17935.9241</v>
      </c>
      <c r="S3336">
        <v>72893.707769999994</v>
      </c>
      <c r="T3336">
        <v>22071.48126</v>
      </c>
      <c r="U3336">
        <v>11554.62256</v>
      </c>
      <c r="W3336" s="83">
        <f>Bühler!N3368</f>
        <v>45430.916666658581</v>
      </c>
      <c r="X3336" s="83">
        <v>43239.916666666664</v>
      </c>
      <c r="Y3336">
        <v>154450.84909999999</v>
      </c>
      <c r="Z3336">
        <v>12074.00829</v>
      </c>
      <c r="AA3336">
        <v>45634.029240000003</v>
      </c>
      <c r="AB3336">
        <v>31162.171729999998</v>
      </c>
      <c r="AC3336">
        <v>33133.466710000001</v>
      </c>
      <c r="AD3336">
        <v>20932.709760000002</v>
      </c>
      <c r="AE3336">
        <v>39860.089059999998</v>
      </c>
      <c r="AF3336">
        <v>48370.301899999999</v>
      </c>
      <c r="AG3336">
        <v>25674.72352</v>
      </c>
      <c r="AH3336">
        <v>211599.5528</v>
      </c>
      <c r="AI3336">
        <v>62158.173779999997</v>
      </c>
      <c r="AJ3336">
        <v>18647.552250000001</v>
      </c>
      <c r="AK3336">
        <v>35394.513140000003</v>
      </c>
      <c r="AL3336">
        <v>45451.521180000003</v>
      </c>
      <c r="AM3336">
        <v>17935.9241</v>
      </c>
      <c r="AN3336">
        <v>72893.707769999994</v>
      </c>
      <c r="AO3336">
        <v>22071.48126</v>
      </c>
      <c r="AP3336">
        <v>11554.62256</v>
      </c>
    </row>
    <row r="3337" spans="2:42" x14ac:dyDescent="0.3">
      <c r="B3337">
        <v>41.494346085818002</v>
      </c>
      <c r="C3337" s="83">
        <v>43239.958333333336</v>
      </c>
      <c r="D3337">
        <v>155044.74530000001</v>
      </c>
      <c r="E3337">
        <v>11616.3382</v>
      </c>
      <c r="F3337">
        <v>44420.099560000002</v>
      </c>
      <c r="G3337">
        <v>30893.477139999999</v>
      </c>
      <c r="H3337">
        <v>32600.089660000001</v>
      </c>
      <c r="I3337">
        <v>21356.205529999999</v>
      </c>
      <c r="J3337">
        <v>36788.02018</v>
      </c>
      <c r="K3337">
        <v>47950.988850000002</v>
      </c>
      <c r="L3337">
        <v>21632.686000000002</v>
      </c>
      <c r="M3337">
        <v>211557.5269</v>
      </c>
      <c r="N3337">
        <v>61313.768880000003</v>
      </c>
      <c r="O3337">
        <v>18120.727879999999</v>
      </c>
      <c r="P3337">
        <v>32123.14559</v>
      </c>
      <c r="Q3337">
        <v>45543.217949999998</v>
      </c>
      <c r="R3337">
        <v>19455.47147</v>
      </c>
      <c r="S3337">
        <v>71451.097640000007</v>
      </c>
      <c r="T3337">
        <v>20936.315460000002</v>
      </c>
      <c r="U3337">
        <v>11406.67791</v>
      </c>
      <c r="W3337" s="83">
        <f>Bühler!N3369</f>
        <v>45430.958333325245</v>
      </c>
      <c r="X3337" s="83">
        <v>43239.958333333336</v>
      </c>
      <c r="Y3337">
        <v>155044.74530000001</v>
      </c>
      <c r="Z3337">
        <v>11616.3382</v>
      </c>
      <c r="AA3337">
        <v>44420.099560000002</v>
      </c>
      <c r="AB3337">
        <v>30893.477139999999</v>
      </c>
      <c r="AC3337">
        <v>32600.089660000001</v>
      </c>
      <c r="AD3337">
        <v>21356.205529999999</v>
      </c>
      <c r="AE3337">
        <v>36788.02018</v>
      </c>
      <c r="AF3337">
        <v>47950.988850000002</v>
      </c>
      <c r="AG3337">
        <v>21632.686000000002</v>
      </c>
      <c r="AH3337">
        <v>211557.5269</v>
      </c>
      <c r="AI3337">
        <v>61313.768880000003</v>
      </c>
      <c r="AJ3337">
        <v>18120.727879999999</v>
      </c>
      <c r="AK3337">
        <v>32123.14559</v>
      </c>
      <c r="AL3337">
        <v>45543.217949999998</v>
      </c>
      <c r="AM3337">
        <v>19455.47147</v>
      </c>
      <c r="AN3337">
        <v>71451.097640000007</v>
      </c>
      <c r="AO3337">
        <v>20936.315460000002</v>
      </c>
      <c r="AP3337">
        <v>11406.67791</v>
      </c>
    </row>
    <row r="3338" spans="2:42" x14ac:dyDescent="0.3">
      <c r="B3338">
        <v>49.211799190531011</v>
      </c>
      <c r="C3338" s="83">
        <v>43240</v>
      </c>
      <c r="D3338">
        <v>185832.02160000001</v>
      </c>
      <c r="E3338">
        <v>11800.28536</v>
      </c>
      <c r="F3338">
        <v>45272.433349999999</v>
      </c>
      <c r="G3338">
        <v>31833.538820000002</v>
      </c>
      <c r="H3338">
        <v>32877.915439999997</v>
      </c>
      <c r="I3338">
        <v>19429.657080000001</v>
      </c>
      <c r="J3338">
        <v>34483.337749999999</v>
      </c>
      <c r="K3338">
        <v>48435.652459999998</v>
      </c>
      <c r="L3338">
        <v>18961.420959999999</v>
      </c>
      <c r="M3338">
        <v>250904.70180000001</v>
      </c>
      <c r="N3338">
        <v>65905.127099999998</v>
      </c>
      <c r="O3338">
        <v>18031.095280000001</v>
      </c>
      <c r="P3338">
        <v>29173.678110000001</v>
      </c>
      <c r="Q3338">
        <v>60784.64561</v>
      </c>
      <c r="R3338">
        <v>15570.4681</v>
      </c>
      <c r="S3338">
        <v>71742.805359999998</v>
      </c>
      <c r="T3338">
        <v>19450.233319999999</v>
      </c>
      <c r="U3338">
        <v>12133.196760000001</v>
      </c>
      <c r="W3338" s="83">
        <f>Bühler!N3370</f>
        <v>45430.999999991909</v>
      </c>
      <c r="X3338" s="83">
        <v>43240</v>
      </c>
      <c r="Y3338">
        <v>185832.02160000001</v>
      </c>
      <c r="Z3338">
        <v>11800.28536</v>
      </c>
      <c r="AA3338">
        <v>45272.433349999999</v>
      </c>
      <c r="AB3338">
        <v>31833.538820000002</v>
      </c>
      <c r="AC3338">
        <v>32877.915439999997</v>
      </c>
      <c r="AD3338">
        <v>19429.657080000001</v>
      </c>
      <c r="AE3338">
        <v>34483.337749999999</v>
      </c>
      <c r="AF3338">
        <v>48435.652459999998</v>
      </c>
      <c r="AG3338">
        <v>18961.420959999999</v>
      </c>
      <c r="AH3338">
        <v>250904.70180000001</v>
      </c>
      <c r="AI3338">
        <v>65905.127099999998</v>
      </c>
      <c r="AJ3338">
        <v>18031.095280000001</v>
      </c>
      <c r="AK3338">
        <v>29173.678110000001</v>
      </c>
      <c r="AL3338">
        <v>60784.64561</v>
      </c>
      <c r="AM3338">
        <v>15570.4681</v>
      </c>
      <c r="AN3338">
        <v>71742.805359999998</v>
      </c>
      <c r="AO3338">
        <v>19450.233319999999</v>
      </c>
      <c r="AP3338">
        <v>12133.196760000001</v>
      </c>
    </row>
    <row r="3339" spans="2:42" x14ac:dyDescent="0.3">
      <c r="B3339">
        <v>48.163507343232091</v>
      </c>
      <c r="C3339" s="83">
        <v>43240.041666666664</v>
      </c>
      <c r="D3339">
        <v>184050.87580000001</v>
      </c>
      <c r="E3339">
        <v>11612.90999</v>
      </c>
      <c r="F3339">
        <v>44856.900990000002</v>
      </c>
      <c r="G3339">
        <v>31538.875209999998</v>
      </c>
      <c r="H3339">
        <v>32516.81611</v>
      </c>
      <c r="I3339">
        <v>15659.49453</v>
      </c>
      <c r="J3339">
        <v>33215.521269999997</v>
      </c>
      <c r="K3339">
        <v>45841.745369999997</v>
      </c>
      <c r="L3339">
        <v>17533.66777</v>
      </c>
      <c r="M3339">
        <v>245560.02110000001</v>
      </c>
      <c r="N3339">
        <v>64592.47249</v>
      </c>
      <c r="O3339">
        <v>17743.27649</v>
      </c>
      <c r="P3339">
        <v>26850.207409999999</v>
      </c>
      <c r="Q3339">
        <v>60421.789900000003</v>
      </c>
      <c r="R3339">
        <v>13884.607770000001</v>
      </c>
      <c r="S3339">
        <v>70751.099029999998</v>
      </c>
      <c r="T3339">
        <v>19058.105039999999</v>
      </c>
      <c r="U3339">
        <v>11602.23453</v>
      </c>
      <c r="W3339" s="83">
        <f>Bühler!N3371</f>
        <v>45431.041666658573</v>
      </c>
      <c r="X3339" s="83">
        <v>43240.041666666664</v>
      </c>
      <c r="Y3339">
        <v>184050.87580000001</v>
      </c>
      <c r="Z3339">
        <v>11612.90999</v>
      </c>
      <c r="AA3339">
        <v>44856.900990000002</v>
      </c>
      <c r="AB3339">
        <v>31538.875209999998</v>
      </c>
      <c r="AC3339">
        <v>32516.81611</v>
      </c>
      <c r="AD3339">
        <v>15659.49453</v>
      </c>
      <c r="AE3339">
        <v>33215.521269999997</v>
      </c>
      <c r="AF3339">
        <v>45841.745369999997</v>
      </c>
      <c r="AG3339">
        <v>17533.66777</v>
      </c>
      <c r="AH3339">
        <v>245560.02110000001</v>
      </c>
      <c r="AI3339">
        <v>64592.47249</v>
      </c>
      <c r="AJ3339">
        <v>17743.27649</v>
      </c>
      <c r="AK3339">
        <v>26850.207409999999</v>
      </c>
      <c r="AL3339">
        <v>60421.789900000003</v>
      </c>
      <c r="AM3339">
        <v>13884.607770000001</v>
      </c>
      <c r="AN3339">
        <v>70751.099029999998</v>
      </c>
      <c r="AO3339">
        <v>19058.105039999999</v>
      </c>
      <c r="AP3339">
        <v>11602.23453</v>
      </c>
    </row>
    <row r="3340" spans="2:42" x14ac:dyDescent="0.3">
      <c r="B3340">
        <v>47.672308905891931</v>
      </c>
      <c r="C3340" s="83">
        <v>43240.083333333336</v>
      </c>
      <c r="D3340">
        <v>182681.6722</v>
      </c>
      <c r="E3340">
        <v>11551.09503</v>
      </c>
      <c r="F3340">
        <v>45064.160279999996</v>
      </c>
      <c r="G3340">
        <v>30941.76282</v>
      </c>
      <c r="H3340">
        <v>31921.317910000002</v>
      </c>
      <c r="I3340">
        <v>13633.781580000001</v>
      </c>
      <c r="J3340">
        <v>32926.500890000003</v>
      </c>
      <c r="K3340">
        <v>44247.684759999996</v>
      </c>
      <c r="L3340">
        <v>16611.249329999999</v>
      </c>
      <c r="M3340">
        <v>243055.6624</v>
      </c>
      <c r="N3340">
        <v>62809.15913</v>
      </c>
      <c r="O3340">
        <v>18147.836169999999</v>
      </c>
      <c r="P3340">
        <v>24886.983810000002</v>
      </c>
      <c r="Q3340">
        <v>60557.300750000002</v>
      </c>
      <c r="R3340">
        <v>13392.89003</v>
      </c>
      <c r="S3340">
        <v>70006.254740000004</v>
      </c>
      <c r="T3340">
        <v>18411.000110000001</v>
      </c>
      <c r="U3340">
        <v>11615.43189</v>
      </c>
      <c r="W3340" s="83">
        <f>Bühler!N3372</f>
        <v>45431.083333325238</v>
      </c>
      <c r="X3340" s="83">
        <v>43240.083333333336</v>
      </c>
      <c r="Y3340">
        <v>182681.6722</v>
      </c>
      <c r="Z3340">
        <v>11551.09503</v>
      </c>
      <c r="AA3340">
        <v>45064.160279999996</v>
      </c>
      <c r="AB3340">
        <v>30941.76282</v>
      </c>
      <c r="AC3340">
        <v>31921.317910000002</v>
      </c>
      <c r="AD3340">
        <v>13633.781580000001</v>
      </c>
      <c r="AE3340">
        <v>32926.500890000003</v>
      </c>
      <c r="AF3340">
        <v>44247.684759999996</v>
      </c>
      <c r="AG3340">
        <v>16611.249329999999</v>
      </c>
      <c r="AH3340">
        <v>243055.6624</v>
      </c>
      <c r="AI3340">
        <v>62809.15913</v>
      </c>
      <c r="AJ3340">
        <v>18147.836169999999</v>
      </c>
      <c r="AK3340">
        <v>24886.983810000002</v>
      </c>
      <c r="AL3340">
        <v>60557.300750000002</v>
      </c>
      <c r="AM3340">
        <v>13392.89003</v>
      </c>
      <c r="AN3340">
        <v>70006.254740000004</v>
      </c>
      <c r="AO3340">
        <v>18411.000110000001</v>
      </c>
      <c r="AP3340">
        <v>11615.43189</v>
      </c>
    </row>
    <row r="3341" spans="2:42" x14ac:dyDescent="0.3">
      <c r="B3341">
        <v>47.466319922232742</v>
      </c>
      <c r="C3341" s="83">
        <v>43240.125</v>
      </c>
      <c r="D3341">
        <v>178892.43359999999</v>
      </c>
      <c r="E3341">
        <v>11496.51355</v>
      </c>
      <c r="F3341">
        <v>45703.36767</v>
      </c>
      <c r="G3341">
        <v>30100.528740000002</v>
      </c>
      <c r="H3341">
        <v>31820.981670000001</v>
      </c>
      <c r="I3341">
        <v>13203.26585</v>
      </c>
      <c r="J3341">
        <v>33122.743649999997</v>
      </c>
      <c r="K3341">
        <v>42587.703099999999</v>
      </c>
      <c r="L3341">
        <v>16185.905580000001</v>
      </c>
      <c r="M3341">
        <v>242005.4345</v>
      </c>
      <c r="N3341">
        <v>63011.526689999999</v>
      </c>
      <c r="O3341">
        <v>17580.830089999999</v>
      </c>
      <c r="P3341">
        <v>24557.924869999999</v>
      </c>
      <c r="Q3341">
        <v>61805.414120000001</v>
      </c>
      <c r="R3341">
        <v>13102.567859999999</v>
      </c>
      <c r="S3341">
        <v>69567.172510000004</v>
      </c>
      <c r="T3341">
        <v>18194.927599999999</v>
      </c>
      <c r="U3341">
        <v>12333.42375</v>
      </c>
      <c r="W3341" s="83">
        <f>Bühler!N3373</f>
        <v>45431.124999991902</v>
      </c>
      <c r="X3341" s="83">
        <v>43240.125</v>
      </c>
      <c r="Y3341">
        <v>178892.43359999999</v>
      </c>
      <c r="Z3341">
        <v>11496.51355</v>
      </c>
      <c r="AA3341">
        <v>45703.36767</v>
      </c>
      <c r="AB3341">
        <v>30100.528740000002</v>
      </c>
      <c r="AC3341">
        <v>31820.981670000001</v>
      </c>
      <c r="AD3341">
        <v>13203.26585</v>
      </c>
      <c r="AE3341">
        <v>33122.743649999997</v>
      </c>
      <c r="AF3341">
        <v>42587.703099999999</v>
      </c>
      <c r="AG3341">
        <v>16185.905580000001</v>
      </c>
      <c r="AH3341">
        <v>242005.4345</v>
      </c>
      <c r="AI3341">
        <v>63011.526689999999</v>
      </c>
      <c r="AJ3341">
        <v>17580.830089999999</v>
      </c>
      <c r="AK3341">
        <v>24557.924869999999</v>
      </c>
      <c r="AL3341">
        <v>61805.414120000001</v>
      </c>
      <c r="AM3341">
        <v>13102.567859999999</v>
      </c>
      <c r="AN3341">
        <v>69567.172510000004</v>
      </c>
      <c r="AO3341">
        <v>18194.927599999999</v>
      </c>
      <c r="AP3341">
        <v>12333.42375</v>
      </c>
    </row>
    <row r="3342" spans="2:42" x14ac:dyDescent="0.3">
      <c r="B3342">
        <v>46.065269209939501</v>
      </c>
      <c r="C3342" s="83">
        <v>43240.166666666664</v>
      </c>
      <c r="D3342">
        <v>172372.87779999999</v>
      </c>
      <c r="E3342">
        <v>11511.95105</v>
      </c>
      <c r="F3342">
        <v>45939.988420000001</v>
      </c>
      <c r="G3342">
        <v>29355.25661</v>
      </c>
      <c r="H3342">
        <v>31949.130639999999</v>
      </c>
      <c r="I3342">
        <v>13857.730219999999</v>
      </c>
      <c r="J3342">
        <v>34791.672209999997</v>
      </c>
      <c r="K3342">
        <v>41401.216979999997</v>
      </c>
      <c r="L3342">
        <v>16022.145210000001</v>
      </c>
      <c r="M3342">
        <v>234862.22459999999</v>
      </c>
      <c r="N3342">
        <v>61998.797899999998</v>
      </c>
      <c r="O3342">
        <v>17490.17757</v>
      </c>
      <c r="P3342">
        <v>23301.70866</v>
      </c>
      <c r="Q3342">
        <v>62004.225599999998</v>
      </c>
      <c r="R3342">
        <v>12679.894259999999</v>
      </c>
      <c r="S3342">
        <v>70146.865059999996</v>
      </c>
      <c r="T3342">
        <v>18030.986809999999</v>
      </c>
      <c r="U3342">
        <v>12275.99934</v>
      </c>
      <c r="W3342" s="83">
        <f>Bühler!N3374</f>
        <v>45431.166666658566</v>
      </c>
      <c r="X3342" s="83">
        <v>43240.166666666664</v>
      </c>
      <c r="Y3342">
        <v>172372.87779999999</v>
      </c>
      <c r="Z3342">
        <v>11511.95105</v>
      </c>
      <c r="AA3342">
        <v>45939.988420000001</v>
      </c>
      <c r="AB3342">
        <v>29355.25661</v>
      </c>
      <c r="AC3342">
        <v>31949.130639999999</v>
      </c>
      <c r="AD3342">
        <v>13857.730219999999</v>
      </c>
      <c r="AE3342">
        <v>34791.672209999997</v>
      </c>
      <c r="AF3342">
        <v>41401.216979999997</v>
      </c>
      <c r="AG3342">
        <v>16022.145210000001</v>
      </c>
      <c r="AH3342">
        <v>234862.22459999999</v>
      </c>
      <c r="AI3342">
        <v>61998.797899999998</v>
      </c>
      <c r="AJ3342">
        <v>17490.17757</v>
      </c>
      <c r="AK3342">
        <v>23301.70866</v>
      </c>
      <c r="AL3342">
        <v>62004.225599999998</v>
      </c>
      <c r="AM3342">
        <v>12679.894259999999</v>
      </c>
      <c r="AN3342">
        <v>70146.865059999996</v>
      </c>
      <c r="AO3342">
        <v>18030.986809999999</v>
      </c>
      <c r="AP3342">
        <v>12275.99934</v>
      </c>
    </row>
    <row r="3343" spans="2:42" x14ac:dyDescent="0.3">
      <c r="B3343">
        <v>45.225818301971287</v>
      </c>
      <c r="C3343" s="83">
        <v>43240.208333333336</v>
      </c>
      <c r="D3343">
        <v>165724.07920000001</v>
      </c>
      <c r="E3343">
        <v>11867.219090000001</v>
      </c>
      <c r="F3343">
        <v>48209.222520000003</v>
      </c>
      <c r="G3343">
        <v>29556.51972</v>
      </c>
      <c r="H3343">
        <v>32009.395530000002</v>
      </c>
      <c r="I3343">
        <v>17646.956160000002</v>
      </c>
      <c r="J3343">
        <v>37766.228539999996</v>
      </c>
      <c r="K3343">
        <v>41034.579919999996</v>
      </c>
      <c r="L3343">
        <v>16591.399000000001</v>
      </c>
      <c r="M3343">
        <v>230582.3124</v>
      </c>
      <c r="N3343">
        <v>60794.987410000002</v>
      </c>
      <c r="O3343">
        <v>17762.509160000001</v>
      </c>
      <c r="P3343">
        <v>24306.060219999999</v>
      </c>
      <c r="Q3343">
        <v>60972.0965</v>
      </c>
      <c r="R3343">
        <v>14788.164049999999</v>
      </c>
      <c r="S3343">
        <v>71289.228879999995</v>
      </c>
      <c r="T3343">
        <v>18147.128489999999</v>
      </c>
      <c r="U3343">
        <v>12012.279759999999</v>
      </c>
      <c r="W3343" s="83">
        <f>Bühler!N3375</f>
        <v>45431.20833332523</v>
      </c>
      <c r="X3343" s="83">
        <v>43240.208333333336</v>
      </c>
      <c r="Y3343">
        <v>165724.07920000001</v>
      </c>
      <c r="Z3343">
        <v>11867.219090000001</v>
      </c>
      <c r="AA3343">
        <v>48209.222520000003</v>
      </c>
      <c r="AB3343">
        <v>29556.51972</v>
      </c>
      <c r="AC3343">
        <v>32009.395530000002</v>
      </c>
      <c r="AD3343">
        <v>17646.956160000002</v>
      </c>
      <c r="AE3343">
        <v>37766.228539999996</v>
      </c>
      <c r="AF3343">
        <v>41034.579919999996</v>
      </c>
      <c r="AG3343">
        <v>16591.399000000001</v>
      </c>
      <c r="AH3343">
        <v>230582.3124</v>
      </c>
      <c r="AI3343">
        <v>60794.987410000002</v>
      </c>
      <c r="AJ3343">
        <v>17762.509160000001</v>
      </c>
      <c r="AK3343">
        <v>24306.060219999999</v>
      </c>
      <c r="AL3343">
        <v>60972.0965</v>
      </c>
      <c r="AM3343">
        <v>14788.164049999999</v>
      </c>
      <c r="AN3343">
        <v>71289.228879999995</v>
      </c>
      <c r="AO3343">
        <v>18147.128489999999</v>
      </c>
      <c r="AP3343">
        <v>12012.279759999999</v>
      </c>
    </row>
    <row r="3344" spans="2:42" x14ac:dyDescent="0.3">
      <c r="B3344">
        <v>44.830630305255561</v>
      </c>
      <c r="C3344" s="83">
        <v>43240.25</v>
      </c>
      <c r="D3344">
        <v>163359.08319999999</v>
      </c>
      <c r="E3344">
        <v>12452.11889</v>
      </c>
      <c r="F3344">
        <v>51089.562180000001</v>
      </c>
      <c r="G3344">
        <v>29709.740129999998</v>
      </c>
      <c r="H3344">
        <v>31195.248230000001</v>
      </c>
      <c r="I3344">
        <v>19260.37458</v>
      </c>
      <c r="J3344">
        <v>39333.844010000001</v>
      </c>
      <c r="K3344">
        <v>40004.733610000003</v>
      </c>
      <c r="L3344">
        <v>16531.485820000002</v>
      </c>
      <c r="M3344">
        <v>228567.45970000001</v>
      </c>
      <c r="N3344">
        <v>61130.942300000002</v>
      </c>
      <c r="O3344">
        <v>17696.015930000001</v>
      </c>
      <c r="P3344">
        <v>24999.14084</v>
      </c>
      <c r="Q3344">
        <v>59555.274879999997</v>
      </c>
      <c r="R3344">
        <v>12989.88139</v>
      </c>
      <c r="S3344">
        <v>74555.885469999994</v>
      </c>
      <c r="T3344">
        <v>18644.076720000001</v>
      </c>
      <c r="U3344">
        <v>11594.38881</v>
      </c>
      <c r="W3344" s="83">
        <f>Bühler!N3376</f>
        <v>45431.249999991895</v>
      </c>
      <c r="X3344" s="83">
        <v>43240.25</v>
      </c>
      <c r="Y3344">
        <v>163359.08319999999</v>
      </c>
      <c r="Z3344">
        <v>12452.11889</v>
      </c>
      <c r="AA3344">
        <v>51089.562180000001</v>
      </c>
      <c r="AB3344">
        <v>29709.740129999998</v>
      </c>
      <c r="AC3344">
        <v>31195.248230000001</v>
      </c>
      <c r="AD3344">
        <v>19260.37458</v>
      </c>
      <c r="AE3344">
        <v>39333.844010000001</v>
      </c>
      <c r="AF3344">
        <v>40004.733610000003</v>
      </c>
      <c r="AG3344">
        <v>16531.485820000002</v>
      </c>
      <c r="AH3344">
        <v>228567.45970000001</v>
      </c>
      <c r="AI3344">
        <v>61130.942300000002</v>
      </c>
      <c r="AJ3344">
        <v>17696.015930000001</v>
      </c>
      <c r="AK3344">
        <v>24999.14084</v>
      </c>
      <c r="AL3344">
        <v>59555.274879999997</v>
      </c>
      <c r="AM3344">
        <v>12989.88139</v>
      </c>
      <c r="AN3344">
        <v>74555.885469999994</v>
      </c>
      <c r="AO3344">
        <v>18644.076720000001</v>
      </c>
      <c r="AP3344">
        <v>11594.38881</v>
      </c>
    </row>
    <row r="3345" spans="2:42" x14ac:dyDescent="0.3">
      <c r="B3345">
        <v>44.901069624829894</v>
      </c>
      <c r="C3345" s="83">
        <v>43240.291666666664</v>
      </c>
      <c r="D3345">
        <v>161922.36319999999</v>
      </c>
      <c r="E3345">
        <v>12900.684649999999</v>
      </c>
      <c r="F3345">
        <v>52760.353369999997</v>
      </c>
      <c r="G3345">
        <v>30166.898109999998</v>
      </c>
      <c r="H3345">
        <v>31389.773450000001</v>
      </c>
      <c r="I3345">
        <v>20374.125339999999</v>
      </c>
      <c r="J3345">
        <v>39610.165229999999</v>
      </c>
      <c r="K3345">
        <v>39920.521970000002</v>
      </c>
      <c r="L3345">
        <v>18014.44226</v>
      </c>
      <c r="M3345">
        <v>228926.59220000001</v>
      </c>
      <c r="N3345">
        <v>61443.146760000003</v>
      </c>
      <c r="O3345">
        <v>18335.10871</v>
      </c>
      <c r="P3345">
        <v>27943.398219999999</v>
      </c>
      <c r="Q3345">
        <v>58215.654629999997</v>
      </c>
      <c r="R3345">
        <v>12571.920550000001</v>
      </c>
      <c r="S3345">
        <v>79702.864690000002</v>
      </c>
      <c r="T3345">
        <v>19923.037670000002</v>
      </c>
      <c r="U3345">
        <v>11734.906919999999</v>
      </c>
      <c r="W3345" s="83">
        <f>Bühler!N3377</f>
        <v>45431.291666658559</v>
      </c>
      <c r="X3345" s="83">
        <v>43240.291666666664</v>
      </c>
      <c r="Y3345">
        <v>161922.36319999999</v>
      </c>
      <c r="Z3345">
        <v>12900.684649999999</v>
      </c>
      <c r="AA3345">
        <v>52760.353369999997</v>
      </c>
      <c r="AB3345">
        <v>30166.898109999998</v>
      </c>
      <c r="AC3345">
        <v>31389.773450000001</v>
      </c>
      <c r="AD3345">
        <v>20374.125339999999</v>
      </c>
      <c r="AE3345">
        <v>39610.165229999999</v>
      </c>
      <c r="AF3345">
        <v>39920.521970000002</v>
      </c>
      <c r="AG3345">
        <v>18014.44226</v>
      </c>
      <c r="AH3345">
        <v>228926.59220000001</v>
      </c>
      <c r="AI3345">
        <v>61443.146760000003</v>
      </c>
      <c r="AJ3345">
        <v>18335.10871</v>
      </c>
      <c r="AK3345">
        <v>27943.398219999999</v>
      </c>
      <c r="AL3345">
        <v>58215.654629999997</v>
      </c>
      <c r="AM3345">
        <v>12571.920550000001</v>
      </c>
      <c r="AN3345">
        <v>79702.864690000002</v>
      </c>
      <c r="AO3345">
        <v>19923.037670000002</v>
      </c>
      <c r="AP3345">
        <v>11734.906919999999</v>
      </c>
    </row>
    <row r="3346" spans="2:42" x14ac:dyDescent="0.3">
      <c r="B3346">
        <v>44.631580388685798</v>
      </c>
      <c r="C3346" s="83">
        <v>43240.333333333336</v>
      </c>
      <c r="D3346">
        <v>162076.38740000001</v>
      </c>
      <c r="E3346">
        <v>13940.41814</v>
      </c>
      <c r="F3346">
        <v>56467.283029999999</v>
      </c>
      <c r="G3346">
        <v>30584.867419999999</v>
      </c>
      <c r="H3346">
        <v>32260.401089999999</v>
      </c>
      <c r="I3346">
        <v>20728.368160000002</v>
      </c>
      <c r="J3346">
        <v>41167.189330000001</v>
      </c>
      <c r="K3346">
        <v>41103.097659999999</v>
      </c>
      <c r="L3346">
        <v>20165.189450000002</v>
      </c>
      <c r="M3346">
        <v>227552.61040000001</v>
      </c>
      <c r="N3346">
        <v>61390.839749999999</v>
      </c>
      <c r="O3346">
        <v>18510.490150000001</v>
      </c>
      <c r="P3346">
        <v>31250.153730000002</v>
      </c>
      <c r="Q3346">
        <v>57953.735670000002</v>
      </c>
      <c r="R3346">
        <v>13462.35043</v>
      </c>
      <c r="S3346">
        <v>82225.953080000007</v>
      </c>
      <c r="T3346">
        <v>22057.359469999999</v>
      </c>
      <c r="U3346">
        <v>11276.079830000001</v>
      </c>
      <c r="W3346" s="83">
        <f>Bühler!N3378</f>
        <v>45431.333333325223</v>
      </c>
      <c r="X3346" s="83">
        <v>43240.333333333336</v>
      </c>
      <c r="Y3346">
        <v>162076.38740000001</v>
      </c>
      <c r="Z3346">
        <v>13940.41814</v>
      </c>
      <c r="AA3346">
        <v>56467.283029999999</v>
      </c>
      <c r="AB3346">
        <v>30584.867419999999</v>
      </c>
      <c r="AC3346">
        <v>32260.401089999999</v>
      </c>
      <c r="AD3346">
        <v>20728.368160000002</v>
      </c>
      <c r="AE3346">
        <v>41167.189330000001</v>
      </c>
      <c r="AF3346">
        <v>41103.097659999999</v>
      </c>
      <c r="AG3346">
        <v>20165.189450000002</v>
      </c>
      <c r="AH3346">
        <v>227552.61040000001</v>
      </c>
      <c r="AI3346">
        <v>61390.839749999999</v>
      </c>
      <c r="AJ3346">
        <v>18510.490150000001</v>
      </c>
      <c r="AK3346">
        <v>31250.153730000002</v>
      </c>
      <c r="AL3346">
        <v>57953.735670000002</v>
      </c>
      <c r="AM3346">
        <v>13462.35043</v>
      </c>
      <c r="AN3346">
        <v>82225.953080000007</v>
      </c>
      <c r="AO3346">
        <v>22057.359469999999</v>
      </c>
      <c r="AP3346">
        <v>11276.079830000001</v>
      </c>
    </row>
    <row r="3347" spans="2:42" x14ac:dyDescent="0.3">
      <c r="B3347">
        <v>44.198872501248061</v>
      </c>
      <c r="C3347" s="83">
        <v>43240.375</v>
      </c>
      <c r="D3347">
        <v>161605.4633</v>
      </c>
      <c r="E3347">
        <v>15152.182150000001</v>
      </c>
      <c r="F3347">
        <v>61339.809280000001</v>
      </c>
      <c r="G3347">
        <v>31069.422490000001</v>
      </c>
      <c r="H3347">
        <v>32538.83769</v>
      </c>
      <c r="I3347">
        <v>21034.977849999999</v>
      </c>
      <c r="J3347">
        <v>42058.180310000003</v>
      </c>
      <c r="K3347">
        <v>43863.917150000001</v>
      </c>
      <c r="L3347">
        <v>23396.0193</v>
      </c>
      <c r="M3347">
        <v>225346.4638</v>
      </c>
      <c r="N3347">
        <v>62324.586259999996</v>
      </c>
      <c r="O3347">
        <v>18928.837029999999</v>
      </c>
      <c r="P3347">
        <v>34933.937760000001</v>
      </c>
      <c r="Q3347">
        <v>58233.168790000003</v>
      </c>
      <c r="R3347">
        <v>14657.98452</v>
      </c>
      <c r="S3347">
        <v>84213.832399999999</v>
      </c>
      <c r="T3347">
        <v>23946.1836</v>
      </c>
      <c r="U3347">
        <v>10837.35772</v>
      </c>
      <c r="W3347" s="83">
        <f>Bühler!N3379</f>
        <v>45431.374999991887</v>
      </c>
      <c r="X3347" s="83">
        <v>43240.375</v>
      </c>
      <c r="Y3347">
        <v>161605.4633</v>
      </c>
      <c r="Z3347">
        <v>15152.182150000001</v>
      </c>
      <c r="AA3347">
        <v>61339.809280000001</v>
      </c>
      <c r="AB3347">
        <v>31069.422490000001</v>
      </c>
      <c r="AC3347">
        <v>32538.83769</v>
      </c>
      <c r="AD3347">
        <v>21034.977849999999</v>
      </c>
      <c r="AE3347">
        <v>42058.180310000003</v>
      </c>
      <c r="AF3347">
        <v>43863.917150000001</v>
      </c>
      <c r="AG3347">
        <v>23396.0193</v>
      </c>
      <c r="AH3347">
        <v>225346.4638</v>
      </c>
      <c r="AI3347">
        <v>62324.586259999996</v>
      </c>
      <c r="AJ3347">
        <v>18928.837029999999</v>
      </c>
      <c r="AK3347">
        <v>34933.937760000001</v>
      </c>
      <c r="AL3347">
        <v>58233.168790000003</v>
      </c>
      <c r="AM3347">
        <v>14657.98452</v>
      </c>
      <c r="AN3347">
        <v>84213.832399999999</v>
      </c>
      <c r="AO3347">
        <v>23946.1836</v>
      </c>
      <c r="AP3347">
        <v>10837.35772</v>
      </c>
    </row>
    <row r="3348" spans="2:42" x14ac:dyDescent="0.3">
      <c r="B3348">
        <v>44.171821778393415</v>
      </c>
      <c r="C3348" s="83">
        <v>43240.416666666664</v>
      </c>
      <c r="D3348">
        <v>161603.52979999999</v>
      </c>
      <c r="E3348">
        <v>15803.32914</v>
      </c>
      <c r="F3348">
        <v>62302.160300000003</v>
      </c>
      <c r="G3348">
        <v>31284.197779999999</v>
      </c>
      <c r="H3348">
        <v>33141.196640000002</v>
      </c>
      <c r="I3348">
        <v>21460.777170000001</v>
      </c>
      <c r="J3348">
        <v>41363.282520000001</v>
      </c>
      <c r="K3348">
        <v>44940.690640000001</v>
      </c>
      <c r="L3348">
        <v>26594.56756</v>
      </c>
      <c r="M3348">
        <v>225208.5466</v>
      </c>
      <c r="N3348">
        <v>63407.928229999998</v>
      </c>
      <c r="O3348">
        <v>20338.080969999999</v>
      </c>
      <c r="P3348">
        <v>35967.182119999998</v>
      </c>
      <c r="Q3348">
        <v>58565.462090000001</v>
      </c>
      <c r="R3348">
        <v>14491.18699</v>
      </c>
      <c r="S3348">
        <v>84221.308999999994</v>
      </c>
      <c r="T3348">
        <v>25992.735509999999</v>
      </c>
      <c r="U3348">
        <v>11103.60994</v>
      </c>
      <c r="W3348" s="83">
        <f>Bühler!N3380</f>
        <v>45431.416666658552</v>
      </c>
      <c r="X3348" s="83">
        <v>43240.416666666664</v>
      </c>
      <c r="Y3348">
        <v>161603.52979999999</v>
      </c>
      <c r="Z3348">
        <v>15803.32914</v>
      </c>
      <c r="AA3348">
        <v>62302.160300000003</v>
      </c>
      <c r="AB3348">
        <v>31284.197779999999</v>
      </c>
      <c r="AC3348">
        <v>33141.196640000002</v>
      </c>
      <c r="AD3348">
        <v>21460.777170000001</v>
      </c>
      <c r="AE3348">
        <v>41363.282520000001</v>
      </c>
      <c r="AF3348">
        <v>44940.690640000001</v>
      </c>
      <c r="AG3348">
        <v>26594.56756</v>
      </c>
      <c r="AH3348">
        <v>225208.5466</v>
      </c>
      <c r="AI3348">
        <v>63407.928229999998</v>
      </c>
      <c r="AJ3348">
        <v>20338.080969999999</v>
      </c>
      <c r="AK3348">
        <v>35967.182119999998</v>
      </c>
      <c r="AL3348">
        <v>58565.462090000001</v>
      </c>
      <c r="AM3348">
        <v>14491.18699</v>
      </c>
      <c r="AN3348">
        <v>84221.308999999994</v>
      </c>
      <c r="AO3348">
        <v>25992.735509999999</v>
      </c>
      <c r="AP3348">
        <v>11103.60994</v>
      </c>
    </row>
    <row r="3349" spans="2:42" x14ac:dyDescent="0.3">
      <c r="B3349">
        <v>44.394116861656684</v>
      </c>
      <c r="C3349" s="83">
        <v>43240.458333333336</v>
      </c>
      <c r="D3349">
        <v>161137.49110000001</v>
      </c>
      <c r="E3349">
        <v>16046.77333</v>
      </c>
      <c r="F3349">
        <v>62873.400300000001</v>
      </c>
      <c r="G3349">
        <v>31806.48302</v>
      </c>
      <c r="H3349">
        <v>33439.766020000003</v>
      </c>
      <c r="I3349">
        <v>21825.224979999999</v>
      </c>
      <c r="J3349">
        <v>41149.539510000002</v>
      </c>
      <c r="K3349">
        <v>46398.537100000001</v>
      </c>
      <c r="L3349">
        <v>27660.531739999999</v>
      </c>
      <c r="M3349">
        <v>226341.9106</v>
      </c>
      <c r="N3349">
        <v>64827.768120000001</v>
      </c>
      <c r="O3349">
        <v>19720.181140000001</v>
      </c>
      <c r="P3349">
        <v>34737.482580000004</v>
      </c>
      <c r="Q3349">
        <v>57374.816619999998</v>
      </c>
      <c r="R3349">
        <v>17560.328819999999</v>
      </c>
      <c r="S3349">
        <v>86612.56611</v>
      </c>
      <c r="T3349">
        <v>26642.507000000001</v>
      </c>
      <c r="U3349">
        <v>11261.357019999999</v>
      </c>
      <c r="W3349" s="83">
        <f>Bühler!N3381</f>
        <v>45431.458333325216</v>
      </c>
      <c r="X3349" s="83">
        <v>43240.458333333336</v>
      </c>
      <c r="Y3349">
        <v>161137.49110000001</v>
      </c>
      <c r="Z3349">
        <v>16046.77333</v>
      </c>
      <c r="AA3349">
        <v>62873.400300000001</v>
      </c>
      <c r="AB3349">
        <v>31806.48302</v>
      </c>
      <c r="AC3349">
        <v>33439.766020000003</v>
      </c>
      <c r="AD3349">
        <v>21825.224979999999</v>
      </c>
      <c r="AE3349">
        <v>41149.539510000002</v>
      </c>
      <c r="AF3349">
        <v>46398.537100000001</v>
      </c>
      <c r="AG3349">
        <v>27660.531739999999</v>
      </c>
      <c r="AH3349">
        <v>226341.9106</v>
      </c>
      <c r="AI3349">
        <v>64827.768120000001</v>
      </c>
      <c r="AJ3349">
        <v>19720.181140000001</v>
      </c>
      <c r="AK3349">
        <v>34737.482580000004</v>
      </c>
      <c r="AL3349">
        <v>57374.816619999998</v>
      </c>
      <c r="AM3349">
        <v>17560.328819999999</v>
      </c>
      <c r="AN3349">
        <v>86612.56611</v>
      </c>
      <c r="AO3349">
        <v>26642.507000000001</v>
      </c>
      <c r="AP3349">
        <v>11261.357019999999</v>
      </c>
    </row>
    <row r="3350" spans="2:42" x14ac:dyDescent="0.3">
      <c r="B3350">
        <v>44.277341274633464</v>
      </c>
      <c r="C3350" s="83">
        <v>43240.5</v>
      </c>
      <c r="D3350">
        <v>159986.20499999999</v>
      </c>
      <c r="E3350">
        <v>15850.31669</v>
      </c>
      <c r="F3350">
        <v>61533.967040000003</v>
      </c>
      <c r="G3350">
        <v>31965.06466</v>
      </c>
      <c r="H3350">
        <v>33500.24121</v>
      </c>
      <c r="I3350">
        <v>21796.396059999999</v>
      </c>
      <c r="J3350">
        <v>41339.131070000003</v>
      </c>
      <c r="K3350">
        <v>45950.309209999999</v>
      </c>
      <c r="L3350">
        <v>29166.33066</v>
      </c>
      <c r="M3350">
        <v>225746.53419999999</v>
      </c>
      <c r="N3350">
        <v>64836.211949999997</v>
      </c>
      <c r="O3350">
        <v>19196.54207</v>
      </c>
      <c r="P3350">
        <v>35087.19528</v>
      </c>
      <c r="Q3350">
        <v>56265.722609999997</v>
      </c>
      <c r="R3350">
        <v>16542.22913</v>
      </c>
      <c r="S3350">
        <v>83031.64112</v>
      </c>
      <c r="T3350">
        <v>26709.115580000002</v>
      </c>
      <c r="U3350">
        <v>10832.79745</v>
      </c>
      <c r="W3350" s="83">
        <f>Bühler!N3382</f>
        <v>45431.49999999188</v>
      </c>
      <c r="X3350" s="83">
        <v>43240.5</v>
      </c>
      <c r="Y3350">
        <v>159986.20499999999</v>
      </c>
      <c r="Z3350">
        <v>15850.31669</v>
      </c>
      <c r="AA3350">
        <v>61533.967040000003</v>
      </c>
      <c r="AB3350">
        <v>31965.06466</v>
      </c>
      <c r="AC3350">
        <v>33500.24121</v>
      </c>
      <c r="AD3350">
        <v>21796.396059999999</v>
      </c>
      <c r="AE3350">
        <v>41339.131070000003</v>
      </c>
      <c r="AF3350">
        <v>45950.309209999999</v>
      </c>
      <c r="AG3350">
        <v>29166.33066</v>
      </c>
      <c r="AH3350">
        <v>225746.53419999999</v>
      </c>
      <c r="AI3350">
        <v>64836.211949999997</v>
      </c>
      <c r="AJ3350">
        <v>19196.54207</v>
      </c>
      <c r="AK3350">
        <v>35087.19528</v>
      </c>
      <c r="AL3350">
        <v>56265.722609999997</v>
      </c>
      <c r="AM3350">
        <v>16542.22913</v>
      </c>
      <c r="AN3350">
        <v>83031.64112</v>
      </c>
      <c r="AO3350">
        <v>26709.115580000002</v>
      </c>
      <c r="AP3350">
        <v>10832.79745</v>
      </c>
    </row>
    <row r="3351" spans="2:42" x14ac:dyDescent="0.3">
      <c r="B3351">
        <v>44.253801842978817</v>
      </c>
      <c r="C3351" s="83">
        <v>43240.541666666664</v>
      </c>
      <c r="D3351">
        <v>159439.07680000001</v>
      </c>
      <c r="E3351">
        <v>15836.891159999999</v>
      </c>
      <c r="F3351">
        <v>53351.328860000001</v>
      </c>
      <c r="G3351">
        <v>31943.43246</v>
      </c>
      <c r="H3351">
        <v>32697.952679999999</v>
      </c>
      <c r="I3351">
        <v>22143.814569999999</v>
      </c>
      <c r="J3351">
        <v>40583.779569999999</v>
      </c>
      <c r="K3351">
        <v>45729.958630000001</v>
      </c>
      <c r="L3351">
        <v>29113.26298</v>
      </c>
      <c r="M3351">
        <v>225626.51920000001</v>
      </c>
      <c r="N3351">
        <v>64966.69169</v>
      </c>
      <c r="O3351">
        <v>18903.96272</v>
      </c>
      <c r="P3351">
        <v>34810.226150000002</v>
      </c>
      <c r="Q3351">
        <v>55204.799299999999</v>
      </c>
      <c r="R3351">
        <v>15954.029420000001</v>
      </c>
      <c r="S3351">
        <v>84822.976330000005</v>
      </c>
      <c r="T3351">
        <v>26138.980670000001</v>
      </c>
      <c r="U3351">
        <v>10422.47185</v>
      </c>
      <c r="W3351" s="83">
        <f>Bühler!N3383</f>
        <v>45431.541666658544</v>
      </c>
      <c r="X3351" s="83">
        <v>43240.541666666664</v>
      </c>
      <c r="Y3351">
        <v>159439.07680000001</v>
      </c>
      <c r="Z3351">
        <v>15836.891159999999</v>
      </c>
      <c r="AA3351">
        <v>53351.328860000001</v>
      </c>
      <c r="AB3351">
        <v>31943.43246</v>
      </c>
      <c r="AC3351">
        <v>32697.952679999999</v>
      </c>
      <c r="AD3351">
        <v>22143.814569999999</v>
      </c>
      <c r="AE3351">
        <v>40583.779569999999</v>
      </c>
      <c r="AF3351">
        <v>45729.958630000001</v>
      </c>
      <c r="AG3351">
        <v>29113.26298</v>
      </c>
      <c r="AH3351">
        <v>225626.51920000001</v>
      </c>
      <c r="AI3351">
        <v>64966.69169</v>
      </c>
      <c r="AJ3351">
        <v>18903.96272</v>
      </c>
      <c r="AK3351">
        <v>34810.226150000002</v>
      </c>
      <c r="AL3351">
        <v>55204.799299999999</v>
      </c>
      <c r="AM3351">
        <v>15954.029420000001</v>
      </c>
      <c r="AN3351">
        <v>84822.976330000005</v>
      </c>
      <c r="AO3351">
        <v>26138.980670000001</v>
      </c>
      <c r="AP3351">
        <v>10422.47185</v>
      </c>
    </row>
    <row r="3352" spans="2:42" x14ac:dyDescent="0.3">
      <c r="B3352">
        <v>44.289174637051396</v>
      </c>
      <c r="C3352" s="83">
        <v>43240.583333333336</v>
      </c>
      <c r="D3352">
        <v>159611.29190000001</v>
      </c>
      <c r="E3352">
        <v>15992.939329999999</v>
      </c>
      <c r="F3352">
        <v>51770.15322</v>
      </c>
      <c r="G3352">
        <v>31772.295239999999</v>
      </c>
      <c r="H3352">
        <v>32803.314789999997</v>
      </c>
      <c r="I3352">
        <v>22370.260549999999</v>
      </c>
      <c r="J3352">
        <v>40014.988590000001</v>
      </c>
      <c r="K3352">
        <v>45035.573519999998</v>
      </c>
      <c r="L3352">
        <v>27542.11664</v>
      </c>
      <c r="M3352">
        <v>225806.86619999999</v>
      </c>
      <c r="N3352">
        <v>64528.279430000002</v>
      </c>
      <c r="O3352">
        <v>18439.26583</v>
      </c>
      <c r="P3352">
        <v>32246.442790000001</v>
      </c>
      <c r="Q3352">
        <v>55672.056250000001</v>
      </c>
      <c r="R3352">
        <v>16384.288759999999</v>
      </c>
      <c r="S3352">
        <v>82193.353770000002</v>
      </c>
      <c r="T3352">
        <v>25837.088309999999</v>
      </c>
      <c r="U3352">
        <v>10746.632970000001</v>
      </c>
      <c r="W3352" s="83">
        <f>Bühler!N3384</f>
        <v>45431.583333325209</v>
      </c>
      <c r="X3352" s="83">
        <v>43240.583333333336</v>
      </c>
      <c r="Y3352">
        <v>159611.29190000001</v>
      </c>
      <c r="Z3352">
        <v>15992.939329999999</v>
      </c>
      <c r="AA3352">
        <v>51770.15322</v>
      </c>
      <c r="AB3352">
        <v>31772.295239999999</v>
      </c>
      <c r="AC3352">
        <v>32803.314789999997</v>
      </c>
      <c r="AD3352">
        <v>22370.260549999999</v>
      </c>
      <c r="AE3352">
        <v>40014.988590000001</v>
      </c>
      <c r="AF3352">
        <v>45035.573519999998</v>
      </c>
      <c r="AG3352">
        <v>27542.11664</v>
      </c>
      <c r="AH3352">
        <v>225806.86619999999</v>
      </c>
      <c r="AI3352">
        <v>64528.279430000002</v>
      </c>
      <c r="AJ3352">
        <v>18439.26583</v>
      </c>
      <c r="AK3352">
        <v>32246.442790000001</v>
      </c>
      <c r="AL3352">
        <v>55672.056250000001</v>
      </c>
      <c r="AM3352">
        <v>16384.288759999999</v>
      </c>
      <c r="AN3352">
        <v>82193.353770000002</v>
      </c>
      <c r="AO3352">
        <v>25837.088309999999</v>
      </c>
      <c r="AP3352">
        <v>10746.632970000001</v>
      </c>
    </row>
    <row r="3353" spans="2:42" x14ac:dyDescent="0.3">
      <c r="B3353">
        <v>44.525571921874445</v>
      </c>
      <c r="C3353" s="83">
        <v>43240.625</v>
      </c>
      <c r="D3353">
        <v>159256.77119999999</v>
      </c>
      <c r="E3353">
        <v>15894.34317</v>
      </c>
      <c r="F3353">
        <v>51928.77392</v>
      </c>
      <c r="G3353">
        <v>31650.22697</v>
      </c>
      <c r="H3353">
        <v>32560.457740000002</v>
      </c>
      <c r="I3353">
        <v>22500.899560000002</v>
      </c>
      <c r="J3353">
        <v>39685.570639999998</v>
      </c>
      <c r="K3353">
        <v>44900.187539999999</v>
      </c>
      <c r="L3353">
        <v>25923.091049999999</v>
      </c>
      <c r="M3353">
        <v>227012.1298</v>
      </c>
      <c r="N3353">
        <v>64432.131950000003</v>
      </c>
      <c r="O3353">
        <v>18676.625980000001</v>
      </c>
      <c r="P3353">
        <v>29561.29509</v>
      </c>
      <c r="Q3353">
        <v>55726.097629999997</v>
      </c>
      <c r="R3353">
        <v>16423.7965</v>
      </c>
      <c r="S3353">
        <v>81593.669309999997</v>
      </c>
      <c r="T3353">
        <v>26129.357599999999</v>
      </c>
      <c r="U3353">
        <v>10945.19095</v>
      </c>
      <c r="W3353" s="83">
        <f>Bühler!N3385</f>
        <v>45431.624999991873</v>
      </c>
      <c r="X3353" s="83">
        <v>43240.625</v>
      </c>
      <c r="Y3353">
        <v>159256.77119999999</v>
      </c>
      <c r="Z3353">
        <v>15894.34317</v>
      </c>
      <c r="AA3353">
        <v>51928.77392</v>
      </c>
      <c r="AB3353">
        <v>31650.22697</v>
      </c>
      <c r="AC3353">
        <v>32560.457740000002</v>
      </c>
      <c r="AD3353">
        <v>22500.899560000002</v>
      </c>
      <c r="AE3353">
        <v>39685.570639999998</v>
      </c>
      <c r="AF3353">
        <v>44900.187539999999</v>
      </c>
      <c r="AG3353">
        <v>25923.091049999999</v>
      </c>
      <c r="AH3353">
        <v>227012.1298</v>
      </c>
      <c r="AI3353">
        <v>64432.131950000003</v>
      </c>
      <c r="AJ3353">
        <v>18676.625980000001</v>
      </c>
      <c r="AK3353">
        <v>29561.29509</v>
      </c>
      <c r="AL3353">
        <v>55726.097629999997</v>
      </c>
      <c r="AM3353">
        <v>16423.7965</v>
      </c>
      <c r="AN3353">
        <v>81593.669309999997</v>
      </c>
      <c r="AO3353">
        <v>26129.357599999999</v>
      </c>
      <c r="AP3353">
        <v>10945.19095</v>
      </c>
    </row>
    <row r="3354" spans="2:42" x14ac:dyDescent="0.3">
      <c r="B3354">
        <v>44.62706958122773</v>
      </c>
      <c r="C3354" s="83">
        <v>43240.666666666664</v>
      </c>
      <c r="D3354">
        <v>158768.4589</v>
      </c>
      <c r="E3354">
        <v>16045.02347</v>
      </c>
      <c r="F3354">
        <v>51135.732210000002</v>
      </c>
      <c r="G3354">
        <v>31475.695940000001</v>
      </c>
      <c r="H3354">
        <v>32177.656800000001</v>
      </c>
      <c r="I3354">
        <v>22683.429899999999</v>
      </c>
      <c r="J3354">
        <v>39156.773300000001</v>
      </c>
      <c r="K3354">
        <v>45431.892160000003</v>
      </c>
      <c r="L3354">
        <v>25148.816289999999</v>
      </c>
      <c r="M3354">
        <v>227529.6122</v>
      </c>
      <c r="N3354">
        <v>63250.512880000002</v>
      </c>
      <c r="O3354">
        <v>18748.38522</v>
      </c>
      <c r="P3354">
        <v>28431.716469999999</v>
      </c>
      <c r="Q3354">
        <v>56214.092850000001</v>
      </c>
      <c r="R3354">
        <v>16622.54437</v>
      </c>
      <c r="S3354">
        <v>81944.93406</v>
      </c>
      <c r="T3354">
        <v>25401.95765</v>
      </c>
      <c r="U3354">
        <v>10278.26542</v>
      </c>
      <c r="W3354" s="83">
        <f>Bühler!N3386</f>
        <v>45431.666666658537</v>
      </c>
      <c r="X3354" s="83">
        <v>43240.666666666664</v>
      </c>
      <c r="Y3354">
        <v>158768.4589</v>
      </c>
      <c r="Z3354">
        <v>16045.02347</v>
      </c>
      <c r="AA3354">
        <v>51135.732210000002</v>
      </c>
      <c r="AB3354">
        <v>31475.695940000001</v>
      </c>
      <c r="AC3354">
        <v>32177.656800000001</v>
      </c>
      <c r="AD3354">
        <v>22683.429899999999</v>
      </c>
      <c r="AE3354">
        <v>39156.773300000001</v>
      </c>
      <c r="AF3354">
        <v>45431.892160000003</v>
      </c>
      <c r="AG3354">
        <v>25148.816289999999</v>
      </c>
      <c r="AH3354">
        <v>227529.6122</v>
      </c>
      <c r="AI3354">
        <v>63250.512880000002</v>
      </c>
      <c r="AJ3354">
        <v>18748.38522</v>
      </c>
      <c r="AK3354">
        <v>28431.716469999999</v>
      </c>
      <c r="AL3354">
        <v>56214.092850000001</v>
      </c>
      <c r="AM3354">
        <v>16622.54437</v>
      </c>
      <c r="AN3354">
        <v>81944.93406</v>
      </c>
      <c r="AO3354">
        <v>25401.95765</v>
      </c>
      <c r="AP3354">
        <v>10278.26542</v>
      </c>
    </row>
    <row r="3355" spans="2:42" x14ac:dyDescent="0.3">
      <c r="B3355">
        <v>44.170766872929832</v>
      </c>
      <c r="C3355" s="83">
        <v>43240.708333333336</v>
      </c>
      <c r="D3355">
        <v>158464.2531</v>
      </c>
      <c r="E3355">
        <v>15859.45449</v>
      </c>
      <c r="F3355">
        <v>50790.24682</v>
      </c>
      <c r="G3355">
        <v>31243.02176</v>
      </c>
      <c r="H3355">
        <v>32099.71125</v>
      </c>
      <c r="I3355">
        <v>22999.700130000001</v>
      </c>
      <c r="J3355">
        <v>39761.429499999998</v>
      </c>
      <c r="K3355">
        <v>44611.067080000001</v>
      </c>
      <c r="L3355">
        <v>25353.61753</v>
      </c>
      <c r="M3355">
        <v>225203.16819999999</v>
      </c>
      <c r="N3355">
        <v>63194.588660000001</v>
      </c>
      <c r="O3355">
        <v>18634.910639999998</v>
      </c>
      <c r="P3355">
        <v>28269.222399999999</v>
      </c>
      <c r="Q3355">
        <v>56992.961349999998</v>
      </c>
      <c r="R3355">
        <v>18141.215909999999</v>
      </c>
      <c r="S3355">
        <v>83211.444529999993</v>
      </c>
      <c r="T3355">
        <v>25080.60197</v>
      </c>
      <c r="U3355">
        <v>10294.02094</v>
      </c>
      <c r="W3355" s="83">
        <f>Bühler!N3387</f>
        <v>45431.708333325201</v>
      </c>
      <c r="X3355" s="83">
        <v>43240.708333333336</v>
      </c>
      <c r="Y3355">
        <v>158464.2531</v>
      </c>
      <c r="Z3355">
        <v>15859.45449</v>
      </c>
      <c r="AA3355">
        <v>50790.24682</v>
      </c>
      <c r="AB3355">
        <v>31243.02176</v>
      </c>
      <c r="AC3355">
        <v>32099.71125</v>
      </c>
      <c r="AD3355">
        <v>22999.700130000001</v>
      </c>
      <c r="AE3355">
        <v>39761.429499999998</v>
      </c>
      <c r="AF3355">
        <v>44611.067080000001</v>
      </c>
      <c r="AG3355">
        <v>25353.61753</v>
      </c>
      <c r="AH3355">
        <v>225203.16819999999</v>
      </c>
      <c r="AI3355">
        <v>63194.588660000001</v>
      </c>
      <c r="AJ3355">
        <v>18634.910639999998</v>
      </c>
      <c r="AK3355">
        <v>28269.222399999999</v>
      </c>
      <c r="AL3355">
        <v>56992.961349999998</v>
      </c>
      <c r="AM3355">
        <v>18141.215909999999</v>
      </c>
      <c r="AN3355">
        <v>83211.444529999993</v>
      </c>
      <c r="AO3355">
        <v>25080.60197</v>
      </c>
      <c r="AP3355">
        <v>10294.02094</v>
      </c>
    </row>
    <row r="3356" spans="2:42" x14ac:dyDescent="0.3">
      <c r="B3356">
        <v>44.022798140883516</v>
      </c>
      <c r="C3356" s="83">
        <v>43240.75</v>
      </c>
      <c r="D3356">
        <v>158750.43909999999</v>
      </c>
      <c r="E3356">
        <v>15374.48819</v>
      </c>
      <c r="F3356">
        <v>50916.163220000002</v>
      </c>
      <c r="G3356">
        <v>31168.731919999998</v>
      </c>
      <c r="H3356">
        <v>32133.50015</v>
      </c>
      <c r="I3356">
        <v>22744.206160000002</v>
      </c>
      <c r="J3356">
        <v>39922.215320000003</v>
      </c>
      <c r="K3356">
        <v>43656.568650000001</v>
      </c>
      <c r="L3356">
        <v>25134.855390000001</v>
      </c>
      <c r="M3356">
        <v>224448.75459999999</v>
      </c>
      <c r="N3356">
        <v>63618.210890000002</v>
      </c>
      <c r="O3356">
        <v>17778.825509999999</v>
      </c>
      <c r="P3356">
        <v>29218.706610000001</v>
      </c>
      <c r="Q3356">
        <v>56873.411260000001</v>
      </c>
      <c r="R3356">
        <v>17693.02102</v>
      </c>
      <c r="S3356">
        <v>80879.216509999998</v>
      </c>
      <c r="T3356">
        <v>24257.093919999999</v>
      </c>
      <c r="U3356">
        <v>11011.547759999999</v>
      </c>
      <c r="W3356" s="83">
        <f>Bühler!N3388</f>
        <v>45431.749999991865</v>
      </c>
      <c r="X3356" s="83">
        <v>43240.75</v>
      </c>
      <c r="Y3356">
        <v>158750.43909999999</v>
      </c>
      <c r="Z3356">
        <v>15374.48819</v>
      </c>
      <c r="AA3356">
        <v>50916.163220000002</v>
      </c>
      <c r="AB3356">
        <v>31168.731919999998</v>
      </c>
      <c r="AC3356">
        <v>32133.50015</v>
      </c>
      <c r="AD3356">
        <v>22744.206160000002</v>
      </c>
      <c r="AE3356">
        <v>39922.215320000003</v>
      </c>
      <c r="AF3356">
        <v>43656.568650000001</v>
      </c>
      <c r="AG3356">
        <v>25134.855390000001</v>
      </c>
      <c r="AH3356">
        <v>224448.75459999999</v>
      </c>
      <c r="AI3356">
        <v>63618.210890000002</v>
      </c>
      <c r="AJ3356">
        <v>17778.825509999999</v>
      </c>
      <c r="AK3356">
        <v>29218.706610000001</v>
      </c>
      <c r="AL3356">
        <v>56873.411260000001</v>
      </c>
      <c r="AM3356">
        <v>17693.02102</v>
      </c>
      <c r="AN3356">
        <v>80879.216509999998</v>
      </c>
      <c r="AO3356">
        <v>24257.093919999999</v>
      </c>
      <c r="AP3356">
        <v>11011.547759999999</v>
      </c>
    </row>
    <row r="3357" spans="2:42" x14ac:dyDescent="0.3">
      <c r="B3357">
        <v>43.88257193322638</v>
      </c>
      <c r="C3357" s="83">
        <v>43240.791666666664</v>
      </c>
      <c r="D3357">
        <v>158321.1422</v>
      </c>
      <c r="E3357">
        <v>14095.834489999999</v>
      </c>
      <c r="F3357">
        <v>49669.672050000001</v>
      </c>
      <c r="G3357">
        <v>31274.71931</v>
      </c>
      <c r="H3357">
        <v>31372.166290000001</v>
      </c>
      <c r="I3357">
        <v>22363.752769999999</v>
      </c>
      <c r="J3357">
        <v>39592.548929999997</v>
      </c>
      <c r="K3357">
        <v>43850.245080000001</v>
      </c>
      <c r="L3357">
        <v>25943.45463</v>
      </c>
      <c r="M3357">
        <v>223733.81599999999</v>
      </c>
      <c r="N3357">
        <v>64661.685169999997</v>
      </c>
      <c r="O3357">
        <v>17875.816510000001</v>
      </c>
      <c r="P3357">
        <v>31370.115409999999</v>
      </c>
      <c r="Q3357">
        <v>56904.671840000003</v>
      </c>
      <c r="R3357">
        <v>16836.713970000001</v>
      </c>
      <c r="S3357">
        <v>79661.272689999998</v>
      </c>
      <c r="T3357">
        <v>23320.355169999999</v>
      </c>
      <c r="U3357">
        <v>10768.356159999999</v>
      </c>
      <c r="W3357" s="83">
        <f>Bühler!N3389</f>
        <v>45431.79166665853</v>
      </c>
      <c r="X3357" s="83">
        <v>43240.791666666664</v>
      </c>
      <c r="Y3357">
        <v>158321.1422</v>
      </c>
      <c r="Z3357">
        <v>14095.834489999999</v>
      </c>
      <c r="AA3357">
        <v>49669.672050000001</v>
      </c>
      <c r="AB3357">
        <v>31274.71931</v>
      </c>
      <c r="AC3357">
        <v>31372.166290000001</v>
      </c>
      <c r="AD3357">
        <v>22363.752769999999</v>
      </c>
      <c r="AE3357">
        <v>39592.548929999997</v>
      </c>
      <c r="AF3357">
        <v>43850.245080000001</v>
      </c>
      <c r="AG3357">
        <v>25943.45463</v>
      </c>
      <c r="AH3357">
        <v>223733.81599999999</v>
      </c>
      <c r="AI3357">
        <v>64661.685169999997</v>
      </c>
      <c r="AJ3357">
        <v>17875.816510000001</v>
      </c>
      <c r="AK3357">
        <v>31370.115409999999</v>
      </c>
      <c r="AL3357">
        <v>56904.671840000003</v>
      </c>
      <c r="AM3357">
        <v>16836.713970000001</v>
      </c>
      <c r="AN3357">
        <v>79661.272689999998</v>
      </c>
      <c r="AO3357">
        <v>23320.355169999999</v>
      </c>
      <c r="AP3357">
        <v>10768.356159999999</v>
      </c>
    </row>
    <row r="3358" spans="2:42" x14ac:dyDescent="0.3">
      <c r="B3358">
        <v>43.68520666051301</v>
      </c>
      <c r="C3358" s="83">
        <v>43240.833333333336</v>
      </c>
      <c r="D3358">
        <v>158559.08910000001</v>
      </c>
      <c r="E3358">
        <v>12515.724819999999</v>
      </c>
      <c r="F3358">
        <v>47302.795700000002</v>
      </c>
      <c r="G3358">
        <v>31071.819780000002</v>
      </c>
      <c r="H3358">
        <v>30846.200440000001</v>
      </c>
      <c r="I3358">
        <v>21489.813750000001</v>
      </c>
      <c r="J3358">
        <v>39122.229449999999</v>
      </c>
      <c r="K3358">
        <v>44284.244700000003</v>
      </c>
      <c r="L3358">
        <v>25473.47292</v>
      </c>
      <c r="M3358">
        <v>222727.5558</v>
      </c>
      <c r="N3358">
        <v>64989.574200000003</v>
      </c>
      <c r="O3358">
        <v>17795.215550000001</v>
      </c>
      <c r="P3358">
        <v>30908.198540000001</v>
      </c>
      <c r="Q3358">
        <v>56910.600400000003</v>
      </c>
      <c r="R3358">
        <v>16073.978580000001</v>
      </c>
      <c r="S3358">
        <v>74895.259080000003</v>
      </c>
      <c r="T3358">
        <v>20948.78947</v>
      </c>
      <c r="U3358">
        <v>10459.37931</v>
      </c>
      <c r="W3358" s="83">
        <f>Bühler!N3390</f>
        <v>45431.833333325194</v>
      </c>
      <c r="X3358" s="83">
        <v>43240.833333333336</v>
      </c>
      <c r="Y3358">
        <v>158559.08910000001</v>
      </c>
      <c r="Z3358">
        <v>12515.724819999999</v>
      </c>
      <c r="AA3358">
        <v>47302.795700000002</v>
      </c>
      <c r="AB3358">
        <v>31071.819780000002</v>
      </c>
      <c r="AC3358">
        <v>30846.200440000001</v>
      </c>
      <c r="AD3358">
        <v>21489.813750000001</v>
      </c>
      <c r="AE3358">
        <v>39122.229449999999</v>
      </c>
      <c r="AF3358">
        <v>44284.244700000003</v>
      </c>
      <c r="AG3358">
        <v>25473.47292</v>
      </c>
      <c r="AH3358">
        <v>222727.5558</v>
      </c>
      <c r="AI3358">
        <v>64989.574200000003</v>
      </c>
      <c r="AJ3358">
        <v>17795.215550000001</v>
      </c>
      <c r="AK3358">
        <v>30908.198540000001</v>
      </c>
      <c r="AL3358">
        <v>56910.600400000003</v>
      </c>
      <c r="AM3358">
        <v>16073.978580000001</v>
      </c>
      <c r="AN3358">
        <v>74895.259080000003</v>
      </c>
      <c r="AO3358">
        <v>20948.78947</v>
      </c>
      <c r="AP3358">
        <v>10459.37931</v>
      </c>
    </row>
    <row r="3359" spans="2:42" x14ac:dyDescent="0.3">
      <c r="B3359">
        <v>44.568318207793126</v>
      </c>
      <c r="C3359" s="83">
        <v>43240.875</v>
      </c>
      <c r="D3359">
        <v>160675.24780000001</v>
      </c>
      <c r="E3359">
        <v>11912.471170000001</v>
      </c>
      <c r="F3359">
        <v>45551.34201</v>
      </c>
      <c r="G3359">
        <v>31337.579379999999</v>
      </c>
      <c r="H3359">
        <v>31136.348569999998</v>
      </c>
      <c r="I3359">
        <v>21269.18864</v>
      </c>
      <c r="J3359">
        <v>39768.766880000003</v>
      </c>
      <c r="K3359">
        <v>45569.992910000001</v>
      </c>
      <c r="L3359">
        <v>24199.02781</v>
      </c>
      <c r="M3359">
        <v>227230.07029999999</v>
      </c>
      <c r="N3359">
        <v>65095.516710000004</v>
      </c>
      <c r="O3359">
        <v>17595.976890000002</v>
      </c>
      <c r="P3359">
        <v>30167.455290000002</v>
      </c>
      <c r="Q3359">
        <v>58090.426529999997</v>
      </c>
      <c r="R3359">
        <v>16776.940709999999</v>
      </c>
      <c r="S3359">
        <v>73142.370079999993</v>
      </c>
      <c r="T3359">
        <v>20492.40883</v>
      </c>
      <c r="U3359">
        <v>11013.72703</v>
      </c>
      <c r="W3359" s="83">
        <f>Bühler!N3391</f>
        <v>45431.874999991858</v>
      </c>
      <c r="X3359" s="83">
        <v>43240.875</v>
      </c>
      <c r="Y3359">
        <v>160675.24780000001</v>
      </c>
      <c r="Z3359">
        <v>11912.471170000001</v>
      </c>
      <c r="AA3359">
        <v>45551.34201</v>
      </c>
      <c r="AB3359">
        <v>31337.579379999999</v>
      </c>
      <c r="AC3359">
        <v>31136.348569999998</v>
      </c>
      <c r="AD3359">
        <v>21269.18864</v>
      </c>
      <c r="AE3359">
        <v>39768.766880000003</v>
      </c>
      <c r="AF3359">
        <v>45569.992910000001</v>
      </c>
      <c r="AG3359">
        <v>24199.02781</v>
      </c>
      <c r="AH3359">
        <v>227230.07029999999</v>
      </c>
      <c r="AI3359">
        <v>65095.516710000004</v>
      </c>
      <c r="AJ3359">
        <v>17595.976890000002</v>
      </c>
      <c r="AK3359">
        <v>30167.455290000002</v>
      </c>
      <c r="AL3359">
        <v>58090.426529999997</v>
      </c>
      <c r="AM3359">
        <v>16776.940709999999</v>
      </c>
      <c r="AN3359">
        <v>73142.370079999993</v>
      </c>
      <c r="AO3359">
        <v>20492.40883</v>
      </c>
      <c r="AP3359">
        <v>11013.72703</v>
      </c>
    </row>
    <row r="3360" spans="2:42" x14ac:dyDescent="0.3">
      <c r="B3360">
        <v>45.194155545139573</v>
      </c>
      <c r="C3360" s="83">
        <v>43240.916666666664</v>
      </c>
      <c r="D3360">
        <v>163441.7537</v>
      </c>
      <c r="E3360">
        <v>11784.14597</v>
      </c>
      <c r="F3360">
        <v>44953.849119999999</v>
      </c>
      <c r="G3360">
        <v>31752.911489999999</v>
      </c>
      <c r="H3360">
        <v>32434.36018</v>
      </c>
      <c r="I3360">
        <v>21062.55485</v>
      </c>
      <c r="J3360">
        <v>39825.080190000001</v>
      </c>
      <c r="K3360">
        <v>47322.122239999997</v>
      </c>
      <c r="L3360">
        <v>22064.594659999999</v>
      </c>
      <c r="M3360">
        <v>230420.88089999999</v>
      </c>
      <c r="N3360">
        <v>65454.035450000003</v>
      </c>
      <c r="O3360">
        <v>18134.542379999999</v>
      </c>
      <c r="P3360">
        <v>29683.214380000001</v>
      </c>
      <c r="Q3360">
        <v>59559.876060000002</v>
      </c>
      <c r="R3360">
        <v>17569.784899999999</v>
      </c>
      <c r="S3360">
        <v>72800.673720000006</v>
      </c>
      <c r="T3360">
        <v>20043.828590000001</v>
      </c>
      <c r="U3360">
        <v>12150.50517</v>
      </c>
      <c r="W3360" s="83">
        <f>Bühler!N3392</f>
        <v>45431.916666658522</v>
      </c>
      <c r="X3360" s="83">
        <v>43240.916666666664</v>
      </c>
      <c r="Y3360">
        <v>163441.7537</v>
      </c>
      <c r="Z3360">
        <v>11784.14597</v>
      </c>
      <c r="AA3360">
        <v>44953.849119999999</v>
      </c>
      <c r="AB3360">
        <v>31752.911489999999</v>
      </c>
      <c r="AC3360">
        <v>32434.36018</v>
      </c>
      <c r="AD3360">
        <v>21062.55485</v>
      </c>
      <c r="AE3360">
        <v>39825.080190000001</v>
      </c>
      <c r="AF3360">
        <v>47322.122239999997</v>
      </c>
      <c r="AG3360">
        <v>22064.594659999999</v>
      </c>
      <c r="AH3360">
        <v>230420.88089999999</v>
      </c>
      <c r="AI3360">
        <v>65454.035450000003</v>
      </c>
      <c r="AJ3360">
        <v>18134.542379999999</v>
      </c>
      <c r="AK3360">
        <v>29683.214380000001</v>
      </c>
      <c r="AL3360">
        <v>59559.876060000002</v>
      </c>
      <c r="AM3360">
        <v>17569.784899999999</v>
      </c>
      <c r="AN3360">
        <v>72800.673720000006</v>
      </c>
      <c r="AO3360">
        <v>20043.828590000001</v>
      </c>
      <c r="AP3360">
        <v>12150.50517</v>
      </c>
    </row>
    <row r="3361" spans="2:42" x14ac:dyDescent="0.3">
      <c r="B3361">
        <v>45.1618081118256</v>
      </c>
      <c r="C3361" s="83">
        <v>43240.958333333336</v>
      </c>
      <c r="D3361">
        <v>165037.11489999999</v>
      </c>
      <c r="E3361">
        <v>11517.62953</v>
      </c>
      <c r="F3361">
        <v>44897.352400000003</v>
      </c>
      <c r="G3361">
        <v>32069.632280000002</v>
      </c>
      <c r="H3361">
        <v>32227.440449999998</v>
      </c>
      <c r="I3361">
        <v>20488.98718</v>
      </c>
      <c r="J3361">
        <v>36943.796770000001</v>
      </c>
      <c r="K3361">
        <v>46730.163099999998</v>
      </c>
      <c r="L3361">
        <v>18766.006590000001</v>
      </c>
      <c r="M3361">
        <v>230255.95860000001</v>
      </c>
      <c r="N3361">
        <v>65693.944520000005</v>
      </c>
      <c r="O3361">
        <v>18105.874830000001</v>
      </c>
      <c r="P3361">
        <v>27005.73459</v>
      </c>
      <c r="Q3361">
        <v>60414.24523</v>
      </c>
      <c r="R3361">
        <v>18714.759719999998</v>
      </c>
      <c r="S3361">
        <v>71413.748500000002</v>
      </c>
      <c r="T3361">
        <v>19242.036250000001</v>
      </c>
      <c r="U3361">
        <v>12278.19296</v>
      </c>
      <c r="W3361" s="83">
        <f>Bühler!N3393</f>
        <v>45431.958333325187</v>
      </c>
      <c r="X3361" s="83">
        <v>43240.958333333336</v>
      </c>
      <c r="Y3361">
        <v>165037.11489999999</v>
      </c>
      <c r="Z3361">
        <v>11517.62953</v>
      </c>
      <c r="AA3361">
        <v>44897.352400000003</v>
      </c>
      <c r="AB3361">
        <v>32069.632280000002</v>
      </c>
      <c r="AC3361">
        <v>32227.440449999998</v>
      </c>
      <c r="AD3361">
        <v>20488.98718</v>
      </c>
      <c r="AE3361">
        <v>36943.796770000001</v>
      </c>
      <c r="AF3361">
        <v>46730.163099999998</v>
      </c>
      <c r="AG3361">
        <v>18766.006590000001</v>
      </c>
      <c r="AH3361">
        <v>230255.95860000001</v>
      </c>
      <c r="AI3361">
        <v>65693.944520000005</v>
      </c>
      <c r="AJ3361">
        <v>18105.874830000001</v>
      </c>
      <c r="AK3361">
        <v>27005.73459</v>
      </c>
      <c r="AL3361">
        <v>60414.24523</v>
      </c>
      <c r="AM3361">
        <v>18714.759719999998</v>
      </c>
      <c r="AN3361">
        <v>71413.748500000002</v>
      </c>
      <c r="AO3361">
        <v>19242.036250000001</v>
      </c>
      <c r="AP3361">
        <v>12278.19296</v>
      </c>
    </row>
    <row r="3362" spans="2:42" x14ac:dyDescent="0.3">
      <c r="B3362">
        <v>42.321966985318042</v>
      </c>
      <c r="C3362" s="83">
        <v>43241</v>
      </c>
      <c r="D3362">
        <v>164861.81599999999</v>
      </c>
      <c r="E3362">
        <v>11268.40964</v>
      </c>
      <c r="F3362">
        <v>44177.033779999998</v>
      </c>
      <c r="G3362">
        <v>31831.074670000002</v>
      </c>
      <c r="H3362">
        <v>31877.025819999999</v>
      </c>
      <c r="I3362">
        <v>19112.958200000001</v>
      </c>
      <c r="J3362">
        <v>33214.16188</v>
      </c>
      <c r="K3362">
        <v>47433.59186</v>
      </c>
      <c r="L3362">
        <v>16793.851999999999</v>
      </c>
      <c r="M3362">
        <v>215777.12419999999</v>
      </c>
      <c r="N3362">
        <v>61132.961329999998</v>
      </c>
      <c r="O3362">
        <v>18351.273690000002</v>
      </c>
      <c r="P3362">
        <v>26160.70608</v>
      </c>
      <c r="Q3362">
        <v>58310.862710000001</v>
      </c>
      <c r="R3362">
        <v>15195.445180000001</v>
      </c>
      <c r="S3362">
        <v>70542.019530000005</v>
      </c>
      <c r="T3362">
        <v>18183.825260000001</v>
      </c>
      <c r="U3362">
        <v>11678.8094</v>
      </c>
      <c r="W3362" s="83">
        <f>Bühler!N3394</f>
        <v>45431.999999991851</v>
      </c>
      <c r="X3362" s="83">
        <v>43241</v>
      </c>
      <c r="Y3362">
        <v>164861.81599999999</v>
      </c>
      <c r="Z3362">
        <v>11268.40964</v>
      </c>
      <c r="AA3362">
        <v>44177.033779999998</v>
      </c>
      <c r="AB3362">
        <v>31831.074670000002</v>
      </c>
      <c r="AC3362">
        <v>31877.025819999999</v>
      </c>
      <c r="AD3362">
        <v>19112.958200000001</v>
      </c>
      <c r="AE3362">
        <v>33214.16188</v>
      </c>
      <c r="AF3362">
        <v>47433.59186</v>
      </c>
      <c r="AG3362">
        <v>16793.851999999999</v>
      </c>
      <c r="AH3362">
        <v>215777.12419999999</v>
      </c>
      <c r="AI3362">
        <v>61132.961329999998</v>
      </c>
      <c r="AJ3362">
        <v>18351.273690000002</v>
      </c>
      <c r="AK3362">
        <v>26160.70608</v>
      </c>
      <c r="AL3362">
        <v>58310.862710000001</v>
      </c>
      <c r="AM3362">
        <v>15195.445180000001</v>
      </c>
      <c r="AN3362">
        <v>70542.019530000005</v>
      </c>
      <c r="AO3362">
        <v>18183.825260000001</v>
      </c>
      <c r="AP3362">
        <v>11678.8094</v>
      </c>
    </row>
    <row r="3363" spans="2:42" x14ac:dyDescent="0.3">
      <c r="B3363">
        <v>42.666404504802863</v>
      </c>
      <c r="C3363" s="83">
        <v>43241.041666666664</v>
      </c>
      <c r="D3363">
        <v>164404.16329999999</v>
      </c>
      <c r="E3363">
        <v>11275.078219999999</v>
      </c>
      <c r="F3363">
        <v>44269.014159999999</v>
      </c>
      <c r="G3363">
        <v>31267.16174</v>
      </c>
      <c r="H3363">
        <v>31564.194680000001</v>
      </c>
      <c r="I3363">
        <v>15221.819020000001</v>
      </c>
      <c r="J3363">
        <v>32155.815869999999</v>
      </c>
      <c r="K3363">
        <v>43862.086909999998</v>
      </c>
      <c r="L3363">
        <v>15392.322560000001</v>
      </c>
      <c r="M3363">
        <v>217533.2273</v>
      </c>
      <c r="N3363">
        <v>61231.777699999999</v>
      </c>
      <c r="O3363">
        <v>17895.756280000001</v>
      </c>
      <c r="P3363">
        <v>25291.739669999999</v>
      </c>
      <c r="Q3363">
        <v>60760.878900000003</v>
      </c>
      <c r="R3363">
        <v>13595.546549999999</v>
      </c>
      <c r="S3363">
        <v>69469.945430000007</v>
      </c>
      <c r="T3363">
        <v>17796.761009999998</v>
      </c>
      <c r="U3363">
        <v>11185.762989999999</v>
      </c>
      <c r="W3363" s="83">
        <f>Bühler!N3395</f>
        <v>45432.041666658515</v>
      </c>
      <c r="X3363" s="83">
        <v>43241.041666666664</v>
      </c>
      <c r="Y3363">
        <v>164404.16329999999</v>
      </c>
      <c r="Z3363">
        <v>11275.078219999999</v>
      </c>
      <c r="AA3363">
        <v>44269.014159999999</v>
      </c>
      <c r="AB3363">
        <v>31267.16174</v>
      </c>
      <c r="AC3363">
        <v>31564.194680000001</v>
      </c>
      <c r="AD3363">
        <v>15221.819020000001</v>
      </c>
      <c r="AE3363">
        <v>32155.815869999999</v>
      </c>
      <c r="AF3363">
        <v>43862.086909999998</v>
      </c>
      <c r="AG3363">
        <v>15392.322560000001</v>
      </c>
      <c r="AH3363">
        <v>217533.2273</v>
      </c>
      <c r="AI3363">
        <v>61231.777699999999</v>
      </c>
      <c r="AJ3363">
        <v>17895.756280000001</v>
      </c>
      <c r="AK3363">
        <v>25291.739669999999</v>
      </c>
      <c r="AL3363">
        <v>60760.878900000003</v>
      </c>
      <c r="AM3363">
        <v>13595.546549999999</v>
      </c>
      <c r="AN3363">
        <v>69469.945430000007</v>
      </c>
      <c r="AO3363">
        <v>17796.761009999998</v>
      </c>
      <c r="AP3363">
        <v>11185.762989999999</v>
      </c>
    </row>
    <row r="3364" spans="2:42" x14ac:dyDescent="0.3">
      <c r="B3364">
        <v>43.302587325763859</v>
      </c>
      <c r="C3364" s="83">
        <v>43241.083333333336</v>
      </c>
      <c r="D3364">
        <v>166375.36240000001</v>
      </c>
      <c r="E3364">
        <v>11377.15085</v>
      </c>
      <c r="F3364">
        <v>44850.402040000001</v>
      </c>
      <c r="G3364">
        <v>30916.873869999999</v>
      </c>
      <c r="H3364">
        <v>31362.992880000002</v>
      </c>
      <c r="I3364">
        <v>13638.896269999999</v>
      </c>
      <c r="J3364">
        <v>31875.984280000001</v>
      </c>
      <c r="K3364">
        <v>42678.190280000003</v>
      </c>
      <c r="L3364">
        <v>15199.712960000001</v>
      </c>
      <c r="M3364">
        <v>220776.78400000001</v>
      </c>
      <c r="N3364">
        <v>61695.48371</v>
      </c>
      <c r="O3364">
        <v>17842.672859999999</v>
      </c>
      <c r="P3364">
        <v>24043.712869999999</v>
      </c>
      <c r="Q3364">
        <v>64241.089959999998</v>
      </c>
      <c r="R3364">
        <v>14059.686530000001</v>
      </c>
      <c r="S3364">
        <v>68455.842739999993</v>
      </c>
      <c r="T3364">
        <v>17697.337230000001</v>
      </c>
      <c r="U3364">
        <v>11205.42482</v>
      </c>
      <c r="W3364" s="83">
        <f>Bühler!N3396</f>
        <v>45432.083333325179</v>
      </c>
      <c r="X3364" s="83">
        <v>43241.083333333336</v>
      </c>
      <c r="Y3364">
        <v>166375.36240000001</v>
      </c>
      <c r="Z3364">
        <v>11377.15085</v>
      </c>
      <c r="AA3364">
        <v>44850.402040000001</v>
      </c>
      <c r="AB3364">
        <v>30916.873869999999</v>
      </c>
      <c r="AC3364">
        <v>31362.992880000002</v>
      </c>
      <c r="AD3364">
        <v>13638.896269999999</v>
      </c>
      <c r="AE3364">
        <v>31875.984280000001</v>
      </c>
      <c r="AF3364">
        <v>42678.190280000003</v>
      </c>
      <c r="AG3364">
        <v>15199.712960000001</v>
      </c>
      <c r="AH3364">
        <v>220776.78400000001</v>
      </c>
      <c r="AI3364">
        <v>61695.48371</v>
      </c>
      <c r="AJ3364">
        <v>17842.672859999999</v>
      </c>
      <c r="AK3364">
        <v>24043.712869999999</v>
      </c>
      <c r="AL3364">
        <v>64241.089959999998</v>
      </c>
      <c r="AM3364">
        <v>14059.686530000001</v>
      </c>
      <c r="AN3364">
        <v>68455.842739999993</v>
      </c>
      <c r="AO3364">
        <v>17697.337230000001</v>
      </c>
      <c r="AP3364">
        <v>11205.42482</v>
      </c>
    </row>
    <row r="3365" spans="2:42" x14ac:dyDescent="0.3">
      <c r="B3365">
        <v>44.727943013649515</v>
      </c>
      <c r="C3365" s="83">
        <v>43241.125</v>
      </c>
      <c r="D3365">
        <v>173201.0275</v>
      </c>
      <c r="E3365">
        <v>11558.90976</v>
      </c>
      <c r="F3365">
        <v>46729.738319999997</v>
      </c>
      <c r="G3365">
        <v>30173.903010000002</v>
      </c>
      <c r="H3365">
        <v>31597.726180000001</v>
      </c>
      <c r="I3365">
        <v>13409.217339999999</v>
      </c>
      <c r="J3365">
        <v>32024.425599999999</v>
      </c>
      <c r="K3365">
        <v>41756.573080000002</v>
      </c>
      <c r="L3365">
        <v>14898.20226</v>
      </c>
      <c r="M3365">
        <v>228043.91200000001</v>
      </c>
      <c r="N3365">
        <v>61457.727509999997</v>
      </c>
      <c r="O3365">
        <v>19826.31465</v>
      </c>
      <c r="P3365">
        <v>23400.80529</v>
      </c>
      <c r="Q3365">
        <v>69646.894750000007</v>
      </c>
      <c r="R3365">
        <v>14493.292600000001</v>
      </c>
      <c r="S3365">
        <v>68471.028940000004</v>
      </c>
      <c r="T3365">
        <v>17458.22049</v>
      </c>
      <c r="U3365">
        <v>11846.728440000001</v>
      </c>
      <c r="W3365" s="83">
        <f>Bühler!N3397</f>
        <v>45432.124999991844</v>
      </c>
      <c r="X3365" s="83">
        <v>43241.125</v>
      </c>
      <c r="Y3365">
        <v>173201.0275</v>
      </c>
      <c r="Z3365">
        <v>11558.90976</v>
      </c>
      <c r="AA3365">
        <v>46729.738319999997</v>
      </c>
      <c r="AB3365">
        <v>30173.903010000002</v>
      </c>
      <c r="AC3365">
        <v>31597.726180000001</v>
      </c>
      <c r="AD3365">
        <v>13409.217339999999</v>
      </c>
      <c r="AE3365">
        <v>32024.425599999999</v>
      </c>
      <c r="AF3365">
        <v>41756.573080000002</v>
      </c>
      <c r="AG3365">
        <v>14898.20226</v>
      </c>
      <c r="AH3365">
        <v>228043.91200000001</v>
      </c>
      <c r="AI3365">
        <v>61457.727509999997</v>
      </c>
      <c r="AJ3365">
        <v>19826.31465</v>
      </c>
      <c r="AK3365">
        <v>23400.80529</v>
      </c>
      <c r="AL3365">
        <v>69646.894750000007</v>
      </c>
      <c r="AM3365">
        <v>14493.292600000001</v>
      </c>
      <c r="AN3365">
        <v>68471.028940000004</v>
      </c>
      <c r="AO3365">
        <v>17458.22049</v>
      </c>
      <c r="AP3365">
        <v>11846.728440000001</v>
      </c>
    </row>
    <row r="3366" spans="2:42" x14ac:dyDescent="0.3">
      <c r="B3366">
        <v>47.437324065423127</v>
      </c>
      <c r="C3366" s="83">
        <v>43241.166666666664</v>
      </c>
      <c r="D3366">
        <v>183923.40590000001</v>
      </c>
      <c r="E3366">
        <v>12388.19627</v>
      </c>
      <c r="F3366">
        <v>50725.273150000001</v>
      </c>
      <c r="G3366">
        <v>29588.380499999999</v>
      </c>
      <c r="H3366">
        <v>32214.969929999999</v>
      </c>
      <c r="I3366">
        <v>15407.40818</v>
      </c>
      <c r="J3366">
        <v>34230.470079999999</v>
      </c>
      <c r="K3366">
        <v>41424.13551</v>
      </c>
      <c r="L3366">
        <v>14656.62599</v>
      </c>
      <c r="M3366">
        <v>241857.60010000001</v>
      </c>
      <c r="N3366">
        <v>61574.80298</v>
      </c>
      <c r="O3366">
        <v>19933.28832</v>
      </c>
      <c r="P3366">
        <v>23682.296859999999</v>
      </c>
      <c r="Q3366">
        <v>75740.366120000006</v>
      </c>
      <c r="R3366">
        <v>14472.11117</v>
      </c>
      <c r="S3366">
        <v>68962.52089</v>
      </c>
      <c r="T3366">
        <v>17504.51612</v>
      </c>
      <c r="U3366">
        <v>13180.564189999999</v>
      </c>
      <c r="W3366" s="83">
        <f>Bühler!N3398</f>
        <v>45432.166666658508</v>
      </c>
      <c r="X3366" s="83">
        <v>43241.166666666664</v>
      </c>
      <c r="Y3366">
        <v>183923.40590000001</v>
      </c>
      <c r="Z3366">
        <v>12388.19627</v>
      </c>
      <c r="AA3366">
        <v>50725.273150000001</v>
      </c>
      <c r="AB3366">
        <v>29588.380499999999</v>
      </c>
      <c r="AC3366">
        <v>32214.969929999999</v>
      </c>
      <c r="AD3366">
        <v>15407.40818</v>
      </c>
      <c r="AE3366">
        <v>34230.470079999999</v>
      </c>
      <c r="AF3366">
        <v>41424.13551</v>
      </c>
      <c r="AG3366">
        <v>14656.62599</v>
      </c>
      <c r="AH3366">
        <v>241857.60010000001</v>
      </c>
      <c r="AI3366">
        <v>61574.80298</v>
      </c>
      <c r="AJ3366">
        <v>19933.28832</v>
      </c>
      <c r="AK3366">
        <v>23682.296859999999</v>
      </c>
      <c r="AL3366">
        <v>75740.366120000006</v>
      </c>
      <c r="AM3366">
        <v>14472.11117</v>
      </c>
      <c r="AN3366">
        <v>68962.52089</v>
      </c>
      <c r="AO3366">
        <v>17504.51612</v>
      </c>
      <c r="AP3366">
        <v>13180.564189999999</v>
      </c>
    </row>
    <row r="3367" spans="2:42" x14ac:dyDescent="0.3">
      <c r="B3367">
        <v>53.439152624766493</v>
      </c>
      <c r="C3367" s="83">
        <v>43241.208333333336</v>
      </c>
      <c r="D3367">
        <v>214531.62580000001</v>
      </c>
      <c r="E3367">
        <v>14350.87211</v>
      </c>
      <c r="F3367">
        <v>60997.04277</v>
      </c>
      <c r="G3367">
        <v>31472.662209999999</v>
      </c>
      <c r="H3367">
        <v>34356.885069999997</v>
      </c>
      <c r="I3367">
        <v>23070.589769999999</v>
      </c>
      <c r="J3367">
        <v>37152.577440000001</v>
      </c>
      <c r="K3367">
        <v>43012.984940000002</v>
      </c>
      <c r="L3367">
        <v>15779.71686</v>
      </c>
      <c r="M3367">
        <v>272457.72100000002</v>
      </c>
      <c r="N3367">
        <v>63726.724730000002</v>
      </c>
      <c r="O3367">
        <v>21074.099979999999</v>
      </c>
      <c r="P3367">
        <v>24103.220170000001</v>
      </c>
      <c r="Q3367">
        <v>82210.524449999997</v>
      </c>
      <c r="R3367">
        <v>16789.40093</v>
      </c>
      <c r="S3367">
        <v>71927.017659999998</v>
      </c>
      <c r="T3367">
        <v>19018.044999999998</v>
      </c>
      <c r="U3367">
        <v>14977.5286</v>
      </c>
      <c r="W3367" s="83">
        <f>Bühler!N3399</f>
        <v>45432.208333325172</v>
      </c>
      <c r="X3367" s="83">
        <v>43241.208333333336</v>
      </c>
      <c r="Y3367">
        <v>214531.62580000001</v>
      </c>
      <c r="Z3367">
        <v>14350.87211</v>
      </c>
      <c r="AA3367">
        <v>60997.04277</v>
      </c>
      <c r="AB3367">
        <v>31472.662209999999</v>
      </c>
      <c r="AC3367">
        <v>34356.885069999997</v>
      </c>
      <c r="AD3367">
        <v>23070.589769999999</v>
      </c>
      <c r="AE3367">
        <v>37152.577440000001</v>
      </c>
      <c r="AF3367">
        <v>43012.984940000002</v>
      </c>
      <c r="AG3367">
        <v>15779.71686</v>
      </c>
      <c r="AH3367">
        <v>272457.72100000002</v>
      </c>
      <c r="AI3367">
        <v>63726.724730000002</v>
      </c>
      <c r="AJ3367">
        <v>21074.099979999999</v>
      </c>
      <c r="AK3367">
        <v>24103.220170000001</v>
      </c>
      <c r="AL3367">
        <v>82210.524449999997</v>
      </c>
      <c r="AM3367">
        <v>16789.40093</v>
      </c>
      <c r="AN3367">
        <v>71927.017659999998</v>
      </c>
      <c r="AO3367">
        <v>19018.044999999998</v>
      </c>
      <c r="AP3367">
        <v>14977.5286</v>
      </c>
    </row>
    <row r="3368" spans="2:42" x14ac:dyDescent="0.3">
      <c r="B3368">
        <v>58.233815305745097</v>
      </c>
      <c r="C3368" s="83">
        <v>43241.25</v>
      </c>
      <c r="D3368">
        <v>241300.32620000001</v>
      </c>
      <c r="E3368">
        <v>18189.90424</v>
      </c>
      <c r="F3368">
        <v>70522.60282</v>
      </c>
      <c r="G3368">
        <v>41627.601179999998</v>
      </c>
      <c r="H3368">
        <v>36193.765070000001</v>
      </c>
      <c r="I3368">
        <v>29748.995760000002</v>
      </c>
      <c r="J3368">
        <v>39352.506939999999</v>
      </c>
      <c r="K3368">
        <v>45111.563849999999</v>
      </c>
      <c r="L3368">
        <v>16924.8243</v>
      </c>
      <c r="M3368">
        <v>296903.14730000001</v>
      </c>
      <c r="N3368">
        <v>66111.635280000002</v>
      </c>
      <c r="O3368">
        <v>22605.59418</v>
      </c>
      <c r="P3368">
        <v>24524.230940000001</v>
      </c>
      <c r="Q3368">
        <v>85985.526729999998</v>
      </c>
      <c r="R3368">
        <v>15295.149429999999</v>
      </c>
      <c r="S3368">
        <v>79135.567689999996</v>
      </c>
      <c r="T3368">
        <v>21309.693159999999</v>
      </c>
      <c r="U3368">
        <v>17601.594249999998</v>
      </c>
      <c r="W3368" s="83">
        <f>Bühler!N3400</f>
        <v>45432.249999991836</v>
      </c>
      <c r="X3368" s="83">
        <v>43241.25</v>
      </c>
      <c r="Y3368">
        <v>241300.32620000001</v>
      </c>
      <c r="Z3368">
        <v>18189.90424</v>
      </c>
      <c r="AA3368">
        <v>70522.60282</v>
      </c>
      <c r="AB3368">
        <v>41627.601179999998</v>
      </c>
      <c r="AC3368">
        <v>36193.765070000001</v>
      </c>
      <c r="AD3368">
        <v>29748.995760000002</v>
      </c>
      <c r="AE3368">
        <v>39352.506939999999</v>
      </c>
      <c r="AF3368">
        <v>45111.563849999999</v>
      </c>
      <c r="AG3368">
        <v>16924.8243</v>
      </c>
      <c r="AH3368">
        <v>296903.14730000001</v>
      </c>
      <c r="AI3368">
        <v>66111.635280000002</v>
      </c>
      <c r="AJ3368">
        <v>22605.59418</v>
      </c>
      <c r="AK3368">
        <v>24524.230940000001</v>
      </c>
      <c r="AL3368">
        <v>85985.526729999998</v>
      </c>
      <c r="AM3368">
        <v>15295.149429999999</v>
      </c>
      <c r="AN3368">
        <v>79135.567689999996</v>
      </c>
      <c r="AO3368">
        <v>21309.693159999999</v>
      </c>
      <c r="AP3368">
        <v>17601.594249999998</v>
      </c>
    </row>
    <row r="3369" spans="2:42" x14ac:dyDescent="0.3">
      <c r="B3369">
        <v>61.704102841901218</v>
      </c>
      <c r="C3369" s="83">
        <v>43241.291666666664</v>
      </c>
      <c r="D3369">
        <v>257361.79560000001</v>
      </c>
      <c r="E3369">
        <v>22314.421600000001</v>
      </c>
      <c r="F3369">
        <v>73940.82273</v>
      </c>
      <c r="G3369">
        <v>51389.286200000002</v>
      </c>
      <c r="H3369">
        <v>41288.244960000004</v>
      </c>
      <c r="I3369">
        <v>36971.210740000002</v>
      </c>
      <c r="J3369">
        <v>40705.054450000003</v>
      </c>
      <c r="K3369">
        <v>49768.248619999998</v>
      </c>
      <c r="L3369">
        <v>19023.407179999998</v>
      </c>
      <c r="M3369">
        <v>314596.29149999999</v>
      </c>
      <c r="N3369">
        <v>73856.601980000007</v>
      </c>
      <c r="O3369">
        <v>24985.748169999999</v>
      </c>
      <c r="P3369">
        <v>26396.3433</v>
      </c>
      <c r="Q3369">
        <v>87848.405410000007</v>
      </c>
      <c r="R3369">
        <v>16478.622370000001</v>
      </c>
      <c r="S3369">
        <v>92822.49381</v>
      </c>
      <c r="T3369">
        <v>24249.147980000002</v>
      </c>
      <c r="U3369">
        <v>20547.071199999998</v>
      </c>
      <c r="W3369" s="83">
        <f>Bühler!N3401</f>
        <v>45432.291666658501</v>
      </c>
      <c r="X3369" s="83">
        <v>43241.291666666664</v>
      </c>
      <c r="Y3369">
        <v>257361.79560000001</v>
      </c>
      <c r="Z3369">
        <v>22314.421600000001</v>
      </c>
      <c r="AA3369">
        <v>73940.82273</v>
      </c>
      <c r="AB3369">
        <v>51389.286200000002</v>
      </c>
      <c r="AC3369">
        <v>41288.244960000004</v>
      </c>
      <c r="AD3369">
        <v>36971.210740000002</v>
      </c>
      <c r="AE3369">
        <v>40705.054450000003</v>
      </c>
      <c r="AF3369">
        <v>49768.248619999998</v>
      </c>
      <c r="AG3369">
        <v>19023.407179999998</v>
      </c>
      <c r="AH3369">
        <v>314596.29149999999</v>
      </c>
      <c r="AI3369">
        <v>73856.601980000007</v>
      </c>
      <c r="AJ3369">
        <v>24985.748169999999</v>
      </c>
      <c r="AK3369">
        <v>26396.3433</v>
      </c>
      <c r="AL3369">
        <v>87848.405410000007</v>
      </c>
      <c r="AM3369">
        <v>16478.622370000001</v>
      </c>
      <c r="AN3369">
        <v>92822.49381</v>
      </c>
      <c r="AO3369">
        <v>24249.147980000002</v>
      </c>
      <c r="AP3369">
        <v>20547.071199999998</v>
      </c>
    </row>
    <row r="3370" spans="2:42" x14ac:dyDescent="0.3">
      <c r="B3370">
        <v>64.376914367175132</v>
      </c>
      <c r="C3370" s="83">
        <v>43241.333333333336</v>
      </c>
      <c r="D3370">
        <v>272311.93349999998</v>
      </c>
      <c r="E3370">
        <v>27434.93735</v>
      </c>
      <c r="F3370">
        <v>81723.425229999993</v>
      </c>
      <c r="G3370">
        <v>65650.673769999994</v>
      </c>
      <c r="H3370">
        <v>46227.784480000002</v>
      </c>
      <c r="I3370">
        <v>39228.210570000003</v>
      </c>
      <c r="J3370">
        <v>42661.986320000004</v>
      </c>
      <c r="K3370">
        <v>56300.437859999998</v>
      </c>
      <c r="L3370">
        <v>21955.645509999998</v>
      </c>
      <c r="M3370">
        <v>328223.53110000002</v>
      </c>
      <c r="N3370">
        <v>80905.736990000005</v>
      </c>
      <c r="O3370">
        <v>26445.64415</v>
      </c>
      <c r="P3370">
        <v>28679.850979999999</v>
      </c>
      <c r="Q3370">
        <v>90249.132979999995</v>
      </c>
      <c r="R3370">
        <v>19911.081569999998</v>
      </c>
      <c r="S3370">
        <v>104206.4075</v>
      </c>
      <c r="T3370">
        <v>27801.225579999998</v>
      </c>
      <c r="U3370">
        <v>23121.982749999999</v>
      </c>
      <c r="W3370" s="83">
        <f>Bühler!N3402</f>
        <v>45432.333333325165</v>
      </c>
      <c r="X3370" s="83">
        <v>43241.333333333336</v>
      </c>
      <c r="Y3370">
        <v>272311.93349999998</v>
      </c>
      <c r="Z3370">
        <v>27434.93735</v>
      </c>
      <c r="AA3370">
        <v>81723.425229999993</v>
      </c>
      <c r="AB3370">
        <v>65650.673769999994</v>
      </c>
      <c r="AC3370">
        <v>46227.784480000002</v>
      </c>
      <c r="AD3370">
        <v>39228.210570000003</v>
      </c>
      <c r="AE3370">
        <v>42661.986320000004</v>
      </c>
      <c r="AF3370">
        <v>56300.437859999998</v>
      </c>
      <c r="AG3370">
        <v>21955.645509999998</v>
      </c>
      <c r="AH3370">
        <v>328223.53110000002</v>
      </c>
      <c r="AI3370">
        <v>80905.736990000005</v>
      </c>
      <c r="AJ3370">
        <v>26445.64415</v>
      </c>
      <c r="AK3370">
        <v>28679.850979999999</v>
      </c>
      <c r="AL3370">
        <v>90249.132979999995</v>
      </c>
      <c r="AM3370">
        <v>19911.081569999998</v>
      </c>
      <c r="AN3370">
        <v>104206.4075</v>
      </c>
      <c r="AO3370">
        <v>27801.225579999998</v>
      </c>
      <c r="AP3370">
        <v>23121.982749999999</v>
      </c>
    </row>
    <row r="3371" spans="2:42" x14ac:dyDescent="0.3">
      <c r="B3371">
        <v>65.900331700753284</v>
      </c>
      <c r="C3371" s="83">
        <v>43241.375</v>
      </c>
      <c r="D3371">
        <v>278728.43070000003</v>
      </c>
      <c r="E3371">
        <v>31472.419379999999</v>
      </c>
      <c r="F3371">
        <v>89614.814660000004</v>
      </c>
      <c r="G3371">
        <v>76657.239390000002</v>
      </c>
      <c r="H3371">
        <v>49495.406790000001</v>
      </c>
      <c r="I3371">
        <v>36774.560100000002</v>
      </c>
      <c r="J3371">
        <v>43949.45074</v>
      </c>
      <c r="K3371">
        <v>60408.48904</v>
      </c>
      <c r="L3371">
        <v>25525.334559999999</v>
      </c>
      <c r="M3371">
        <v>335990.62310000003</v>
      </c>
      <c r="N3371">
        <v>84619.137830000007</v>
      </c>
      <c r="O3371">
        <v>26635.806209999999</v>
      </c>
      <c r="P3371">
        <v>30757.223190000001</v>
      </c>
      <c r="Q3371">
        <v>93040.55747</v>
      </c>
      <c r="R3371">
        <v>20523.98907</v>
      </c>
      <c r="S3371">
        <v>111437.4317</v>
      </c>
      <c r="T3371">
        <v>30895.59187</v>
      </c>
      <c r="U3371">
        <v>23775.642820000001</v>
      </c>
      <c r="W3371" s="83">
        <f>Bühler!N3403</f>
        <v>45432.374999991829</v>
      </c>
      <c r="X3371" s="83">
        <v>43241.375</v>
      </c>
      <c r="Y3371">
        <v>278728.43070000003</v>
      </c>
      <c r="Z3371">
        <v>31472.419379999999</v>
      </c>
      <c r="AA3371">
        <v>89614.814660000004</v>
      </c>
      <c r="AB3371">
        <v>76657.239390000002</v>
      </c>
      <c r="AC3371">
        <v>49495.406790000001</v>
      </c>
      <c r="AD3371">
        <v>36774.560100000002</v>
      </c>
      <c r="AE3371">
        <v>43949.45074</v>
      </c>
      <c r="AF3371">
        <v>60408.48904</v>
      </c>
      <c r="AG3371">
        <v>25525.334559999999</v>
      </c>
      <c r="AH3371">
        <v>335990.62310000003</v>
      </c>
      <c r="AI3371">
        <v>84619.137830000007</v>
      </c>
      <c r="AJ3371">
        <v>26635.806209999999</v>
      </c>
      <c r="AK3371">
        <v>30757.223190000001</v>
      </c>
      <c r="AL3371">
        <v>93040.55747</v>
      </c>
      <c r="AM3371">
        <v>20523.98907</v>
      </c>
      <c r="AN3371">
        <v>111437.4317</v>
      </c>
      <c r="AO3371">
        <v>30895.59187</v>
      </c>
      <c r="AP3371">
        <v>23775.642820000001</v>
      </c>
    </row>
    <row r="3372" spans="2:42" x14ac:dyDescent="0.3">
      <c r="B3372">
        <v>66.892744214760242</v>
      </c>
      <c r="C3372" s="83">
        <v>43241.416666666664</v>
      </c>
      <c r="D3372">
        <v>283116.61489999999</v>
      </c>
      <c r="E3372">
        <v>33151.044379999999</v>
      </c>
      <c r="F3372">
        <v>91623.971170000004</v>
      </c>
      <c r="G3372">
        <v>80802.210059999998</v>
      </c>
      <c r="H3372">
        <v>49737.799469999998</v>
      </c>
      <c r="I3372">
        <v>35557.749580000003</v>
      </c>
      <c r="J3372">
        <v>43577.652620000001</v>
      </c>
      <c r="K3372">
        <v>62408.915110000002</v>
      </c>
      <c r="L3372">
        <v>27805.618310000002</v>
      </c>
      <c r="M3372">
        <v>341050.40490000002</v>
      </c>
      <c r="N3372">
        <v>85327.61146</v>
      </c>
      <c r="O3372">
        <v>26883.48604</v>
      </c>
      <c r="P3372">
        <v>32336.93043</v>
      </c>
      <c r="Q3372">
        <v>95497.956829999996</v>
      </c>
      <c r="R3372">
        <v>20869.172460000002</v>
      </c>
      <c r="S3372">
        <v>114463.1715</v>
      </c>
      <c r="T3372">
        <v>33047.917370000003</v>
      </c>
      <c r="U3372">
        <v>23598.044300000001</v>
      </c>
      <c r="W3372" s="83">
        <f>Bühler!N3404</f>
        <v>45432.416666658493</v>
      </c>
      <c r="X3372" s="83">
        <v>43241.416666666664</v>
      </c>
      <c r="Y3372">
        <v>283116.61489999999</v>
      </c>
      <c r="Z3372">
        <v>33151.044379999999</v>
      </c>
      <c r="AA3372">
        <v>91623.971170000004</v>
      </c>
      <c r="AB3372">
        <v>80802.210059999998</v>
      </c>
      <c r="AC3372">
        <v>49737.799469999998</v>
      </c>
      <c r="AD3372">
        <v>35557.749580000003</v>
      </c>
      <c r="AE3372">
        <v>43577.652620000001</v>
      </c>
      <c r="AF3372">
        <v>62408.915110000002</v>
      </c>
      <c r="AG3372">
        <v>27805.618310000002</v>
      </c>
      <c r="AH3372">
        <v>341050.40490000002</v>
      </c>
      <c r="AI3372">
        <v>85327.61146</v>
      </c>
      <c r="AJ3372">
        <v>26883.48604</v>
      </c>
      <c r="AK3372">
        <v>32336.93043</v>
      </c>
      <c r="AL3372">
        <v>95497.956829999996</v>
      </c>
      <c r="AM3372">
        <v>20869.172460000002</v>
      </c>
      <c r="AN3372">
        <v>114463.1715</v>
      </c>
      <c r="AO3372">
        <v>33047.917370000003</v>
      </c>
      <c r="AP3372">
        <v>23598.044300000001</v>
      </c>
    </row>
    <row r="3373" spans="2:42" x14ac:dyDescent="0.3">
      <c r="B3373">
        <v>67.381761760974669</v>
      </c>
      <c r="C3373" s="83">
        <v>43241.458333333336</v>
      </c>
      <c r="D3373">
        <v>286157.00410000002</v>
      </c>
      <c r="E3373">
        <v>33822.324359999999</v>
      </c>
      <c r="F3373">
        <v>93242.257150000005</v>
      </c>
      <c r="G3373">
        <v>79380.226920000001</v>
      </c>
      <c r="H3373">
        <v>49805.553899999999</v>
      </c>
      <c r="I3373">
        <v>35183.530359999997</v>
      </c>
      <c r="J3373">
        <v>43555.778989999999</v>
      </c>
      <c r="K3373">
        <v>64133.205040000001</v>
      </c>
      <c r="L3373">
        <v>28779.210050000002</v>
      </c>
      <c r="M3373">
        <v>343543.64439999999</v>
      </c>
      <c r="N3373">
        <v>86567.221390000006</v>
      </c>
      <c r="O3373">
        <v>27233.30212</v>
      </c>
      <c r="P3373">
        <v>31850.758969999999</v>
      </c>
      <c r="Q3373">
        <v>97414.076719999997</v>
      </c>
      <c r="R3373">
        <v>23593.97522</v>
      </c>
      <c r="S3373">
        <v>117814.01489999999</v>
      </c>
      <c r="T3373">
        <v>32493.784899999999</v>
      </c>
      <c r="U3373">
        <v>23358.83685</v>
      </c>
      <c r="W3373" s="83">
        <f>Bühler!N3405</f>
        <v>45432.458333325158</v>
      </c>
      <c r="X3373" s="83">
        <v>43241.458333333336</v>
      </c>
      <c r="Y3373">
        <v>286157.00410000002</v>
      </c>
      <c r="Z3373">
        <v>33822.324359999999</v>
      </c>
      <c r="AA3373">
        <v>93242.257150000005</v>
      </c>
      <c r="AB3373">
        <v>79380.226920000001</v>
      </c>
      <c r="AC3373">
        <v>49805.553899999999</v>
      </c>
      <c r="AD3373">
        <v>35183.530359999997</v>
      </c>
      <c r="AE3373">
        <v>43555.778989999999</v>
      </c>
      <c r="AF3373">
        <v>64133.205040000001</v>
      </c>
      <c r="AG3373">
        <v>28779.210050000002</v>
      </c>
      <c r="AH3373">
        <v>343543.64439999999</v>
      </c>
      <c r="AI3373">
        <v>86567.221390000006</v>
      </c>
      <c r="AJ3373">
        <v>27233.30212</v>
      </c>
      <c r="AK3373">
        <v>31850.758969999999</v>
      </c>
      <c r="AL3373">
        <v>97414.076719999997</v>
      </c>
      <c r="AM3373">
        <v>23593.97522</v>
      </c>
      <c r="AN3373">
        <v>117814.01489999999</v>
      </c>
      <c r="AO3373">
        <v>32493.784899999999</v>
      </c>
      <c r="AP3373">
        <v>23358.83685</v>
      </c>
    </row>
    <row r="3374" spans="2:42" x14ac:dyDescent="0.3">
      <c r="B3374">
        <v>67.568777117367958</v>
      </c>
      <c r="C3374" s="83">
        <v>43241.5</v>
      </c>
      <c r="D3374">
        <v>276144.16879999998</v>
      </c>
      <c r="E3374">
        <v>31113.031490000001</v>
      </c>
      <c r="F3374">
        <v>88076.811690000002</v>
      </c>
      <c r="G3374">
        <v>80093.260620000001</v>
      </c>
      <c r="H3374">
        <v>48358.352800000001</v>
      </c>
      <c r="I3374">
        <v>34711.627719999997</v>
      </c>
      <c r="J3374">
        <v>44011.639889999999</v>
      </c>
      <c r="K3374">
        <v>58913.143089999998</v>
      </c>
      <c r="L3374">
        <v>31240.361580000001</v>
      </c>
      <c r="M3374">
        <v>344497.13589999999</v>
      </c>
      <c r="N3374">
        <v>86542.904089999996</v>
      </c>
      <c r="O3374">
        <v>25478.365610000001</v>
      </c>
      <c r="P3374">
        <v>32471.906569999999</v>
      </c>
      <c r="Q3374">
        <v>97289.000409999993</v>
      </c>
      <c r="R3374">
        <v>23511.52922</v>
      </c>
      <c r="S3374">
        <v>112684.6611</v>
      </c>
      <c r="T3374">
        <v>32697.37916</v>
      </c>
      <c r="U3374">
        <v>19545.889609999998</v>
      </c>
      <c r="W3374" s="83">
        <f>Bühler!N3406</f>
        <v>45432.499999991822</v>
      </c>
      <c r="X3374" s="83">
        <v>43241.5</v>
      </c>
      <c r="Y3374">
        <v>276144.16879999998</v>
      </c>
      <c r="Z3374">
        <v>31113.031490000001</v>
      </c>
      <c r="AA3374">
        <v>88076.811690000002</v>
      </c>
      <c r="AB3374">
        <v>80093.260620000001</v>
      </c>
      <c r="AC3374">
        <v>48358.352800000001</v>
      </c>
      <c r="AD3374">
        <v>34711.627719999997</v>
      </c>
      <c r="AE3374">
        <v>44011.639889999999</v>
      </c>
      <c r="AF3374">
        <v>58913.143089999998</v>
      </c>
      <c r="AG3374">
        <v>31240.361580000001</v>
      </c>
      <c r="AH3374">
        <v>344497.13589999999</v>
      </c>
      <c r="AI3374">
        <v>86542.904089999996</v>
      </c>
      <c r="AJ3374">
        <v>25478.365610000001</v>
      </c>
      <c r="AK3374">
        <v>32471.906569999999</v>
      </c>
      <c r="AL3374">
        <v>97289.000409999993</v>
      </c>
      <c r="AM3374">
        <v>23511.52922</v>
      </c>
      <c r="AN3374">
        <v>112684.6611</v>
      </c>
      <c r="AO3374">
        <v>32697.37916</v>
      </c>
      <c r="AP3374">
        <v>19545.889609999998</v>
      </c>
    </row>
    <row r="3375" spans="2:42" x14ac:dyDescent="0.3">
      <c r="B3375">
        <v>67.512595614777098</v>
      </c>
      <c r="C3375" s="83">
        <v>43241.541666666664</v>
      </c>
      <c r="D3375">
        <v>281401.86090000003</v>
      </c>
      <c r="E3375">
        <v>31346.179909999999</v>
      </c>
      <c r="F3375">
        <v>86274.268360000002</v>
      </c>
      <c r="G3375">
        <v>76598.827050000007</v>
      </c>
      <c r="H3375">
        <v>48998.99828</v>
      </c>
      <c r="I3375">
        <v>34720.589959999998</v>
      </c>
      <c r="J3375">
        <v>42736.1302</v>
      </c>
      <c r="K3375">
        <v>60332.265679999997</v>
      </c>
      <c r="L3375">
        <v>30317.836070000001</v>
      </c>
      <c r="M3375">
        <v>344210.69640000002</v>
      </c>
      <c r="N3375">
        <v>87926.41188</v>
      </c>
      <c r="O3375">
        <v>26039.627690000001</v>
      </c>
      <c r="P3375">
        <v>32264.094959999999</v>
      </c>
      <c r="Q3375">
        <v>97221.369709999999</v>
      </c>
      <c r="R3375">
        <v>23305.874830000001</v>
      </c>
      <c r="S3375">
        <v>113053.7512</v>
      </c>
      <c r="T3375">
        <v>32413.3616</v>
      </c>
      <c r="U3375">
        <v>21662.84878</v>
      </c>
      <c r="W3375" s="83">
        <f>Bühler!N3407</f>
        <v>45432.541666658486</v>
      </c>
      <c r="X3375" s="83">
        <v>43241.541666666664</v>
      </c>
      <c r="Y3375">
        <v>281401.86090000003</v>
      </c>
      <c r="Z3375">
        <v>31346.179909999999</v>
      </c>
      <c r="AA3375">
        <v>86274.268360000002</v>
      </c>
      <c r="AB3375">
        <v>76598.827050000007</v>
      </c>
      <c r="AC3375">
        <v>48998.99828</v>
      </c>
      <c r="AD3375">
        <v>34720.589959999998</v>
      </c>
      <c r="AE3375">
        <v>42736.1302</v>
      </c>
      <c r="AF3375">
        <v>60332.265679999997</v>
      </c>
      <c r="AG3375">
        <v>30317.836070000001</v>
      </c>
      <c r="AH3375">
        <v>344210.69640000002</v>
      </c>
      <c r="AI3375">
        <v>87926.41188</v>
      </c>
      <c r="AJ3375">
        <v>26039.627690000001</v>
      </c>
      <c r="AK3375">
        <v>32264.094959999999</v>
      </c>
      <c r="AL3375">
        <v>97221.369709999999</v>
      </c>
      <c r="AM3375">
        <v>23305.874830000001</v>
      </c>
      <c r="AN3375">
        <v>113053.7512</v>
      </c>
      <c r="AO3375">
        <v>32413.3616</v>
      </c>
      <c r="AP3375">
        <v>21662.84878</v>
      </c>
    </row>
    <row r="3376" spans="2:42" x14ac:dyDescent="0.3">
      <c r="B3376">
        <v>67.236442217742024</v>
      </c>
      <c r="C3376" s="83">
        <v>43241.583333333336</v>
      </c>
      <c r="D3376">
        <v>285649.27590000001</v>
      </c>
      <c r="E3376">
        <v>34463.369209999997</v>
      </c>
      <c r="F3376">
        <v>92741.063989999995</v>
      </c>
      <c r="G3376">
        <v>70765.906489999994</v>
      </c>
      <c r="H3376">
        <v>49043.447489999999</v>
      </c>
      <c r="I3376">
        <v>35162.424079999997</v>
      </c>
      <c r="J3376">
        <v>42346.069329999998</v>
      </c>
      <c r="K3376">
        <v>62519.805950000002</v>
      </c>
      <c r="L3376">
        <v>28099.14976</v>
      </c>
      <c r="M3376">
        <v>342802.73759999999</v>
      </c>
      <c r="N3376">
        <v>88412.749479999999</v>
      </c>
      <c r="O3376">
        <v>25589.254410000001</v>
      </c>
      <c r="P3376">
        <v>29069.161909999999</v>
      </c>
      <c r="Q3376">
        <v>97110.132089999999</v>
      </c>
      <c r="R3376">
        <v>22097.418710000002</v>
      </c>
      <c r="S3376">
        <v>107702.9016</v>
      </c>
      <c r="T3376">
        <v>30462.750629999999</v>
      </c>
      <c r="U3376">
        <v>22529.31277</v>
      </c>
      <c r="W3376" s="83">
        <f>Bühler!N3408</f>
        <v>45432.58333332515</v>
      </c>
      <c r="X3376" s="83">
        <v>43241.583333333336</v>
      </c>
      <c r="Y3376">
        <v>285649.27590000001</v>
      </c>
      <c r="Z3376">
        <v>34463.369209999997</v>
      </c>
      <c r="AA3376">
        <v>92741.063989999995</v>
      </c>
      <c r="AB3376">
        <v>70765.906489999994</v>
      </c>
      <c r="AC3376">
        <v>49043.447489999999</v>
      </c>
      <c r="AD3376">
        <v>35162.424079999997</v>
      </c>
      <c r="AE3376">
        <v>42346.069329999998</v>
      </c>
      <c r="AF3376">
        <v>62519.805950000002</v>
      </c>
      <c r="AG3376">
        <v>28099.14976</v>
      </c>
      <c r="AH3376">
        <v>342802.73759999999</v>
      </c>
      <c r="AI3376">
        <v>88412.749479999999</v>
      </c>
      <c r="AJ3376">
        <v>25589.254410000001</v>
      </c>
      <c r="AK3376">
        <v>29069.161909999999</v>
      </c>
      <c r="AL3376">
        <v>97110.132089999999</v>
      </c>
      <c r="AM3376">
        <v>22097.418710000002</v>
      </c>
      <c r="AN3376">
        <v>107702.9016</v>
      </c>
      <c r="AO3376">
        <v>30462.750629999999</v>
      </c>
      <c r="AP3376">
        <v>22529.31277</v>
      </c>
    </row>
    <row r="3377" spans="2:42" x14ac:dyDescent="0.3">
      <c r="B3377">
        <v>67.555257424311876</v>
      </c>
      <c r="C3377" s="83">
        <v>43241.625</v>
      </c>
      <c r="D3377">
        <v>283801.5736</v>
      </c>
      <c r="E3377">
        <v>34525.649960000002</v>
      </c>
      <c r="F3377">
        <v>94137.134959999996</v>
      </c>
      <c r="G3377">
        <v>66833.839300000007</v>
      </c>
      <c r="H3377">
        <v>48075.453939999999</v>
      </c>
      <c r="I3377">
        <v>35660.180679999998</v>
      </c>
      <c r="J3377">
        <v>41936.563730000002</v>
      </c>
      <c r="K3377">
        <v>62051.276740000001</v>
      </c>
      <c r="L3377">
        <v>25553.18173</v>
      </c>
      <c r="M3377">
        <v>344428.20620000002</v>
      </c>
      <c r="N3377">
        <v>87496.338640000002</v>
      </c>
      <c r="O3377">
        <v>25887.99584</v>
      </c>
      <c r="P3377">
        <v>27571.91315</v>
      </c>
      <c r="Q3377">
        <v>96687.39572</v>
      </c>
      <c r="R3377">
        <v>22271.216479999999</v>
      </c>
      <c r="S3377">
        <v>105205.83440000001</v>
      </c>
      <c r="T3377">
        <v>29833.572649999998</v>
      </c>
      <c r="U3377">
        <v>22002.154610000001</v>
      </c>
      <c r="W3377" s="83">
        <f>Bühler!N3409</f>
        <v>45432.624999991815</v>
      </c>
      <c r="X3377" s="83">
        <v>43241.625</v>
      </c>
      <c r="Y3377">
        <v>283801.5736</v>
      </c>
      <c r="Z3377">
        <v>34525.649960000002</v>
      </c>
      <c r="AA3377">
        <v>94137.134959999996</v>
      </c>
      <c r="AB3377">
        <v>66833.839300000007</v>
      </c>
      <c r="AC3377">
        <v>48075.453939999999</v>
      </c>
      <c r="AD3377">
        <v>35660.180679999998</v>
      </c>
      <c r="AE3377">
        <v>41936.563730000002</v>
      </c>
      <c r="AF3377">
        <v>62051.276740000001</v>
      </c>
      <c r="AG3377">
        <v>25553.18173</v>
      </c>
      <c r="AH3377">
        <v>344428.20620000002</v>
      </c>
      <c r="AI3377">
        <v>87496.338640000002</v>
      </c>
      <c r="AJ3377">
        <v>25887.99584</v>
      </c>
      <c r="AK3377">
        <v>27571.91315</v>
      </c>
      <c r="AL3377">
        <v>96687.39572</v>
      </c>
      <c r="AM3377">
        <v>22271.216479999999</v>
      </c>
      <c r="AN3377">
        <v>105205.83440000001</v>
      </c>
      <c r="AO3377">
        <v>29833.572649999998</v>
      </c>
      <c r="AP3377">
        <v>22002.154610000001</v>
      </c>
    </row>
    <row r="3378" spans="2:42" x14ac:dyDescent="0.3">
      <c r="B3378">
        <v>66.647373290232338</v>
      </c>
      <c r="C3378" s="83">
        <v>43241.666666666664</v>
      </c>
      <c r="D3378">
        <v>277212.71529999998</v>
      </c>
      <c r="E3378">
        <v>33369.016710000004</v>
      </c>
      <c r="F3378">
        <v>93447.288430000001</v>
      </c>
      <c r="G3378">
        <v>62499.103049999998</v>
      </c>
      <c r="H3378">
        <v>46280.78198</v>
      </c>
      <c r="I3378">
        <v>37095.358650000002</v>
      </c>
      <c r="J3378">
        <v>41044.228080000001</v>
      </c>
      <c r="K3378">
        <v>59228.624790000002</v>
      </c>
      <c r="L3378">
        <v>24512.899229999999</v>
      </c>
      <c r="M3378">
        <v>339799.38949999999</v>
      </c>
      <c r="N3378">
        <v>85148.870079999993</v>
      </c>
      <c r="O3378">
        <v>24293.836640000001</v>
      </c>
      <c r="P3378">
        <v>27405.093499999999</v>
      </c>
      <c r="Q3378">
        <v>96810.345440000005</v>
      </c>
      <c r="R3378">
        <v>22331.278979999999</v>
      </c>
      <c r="S3378">
        <v>102893.20970000001</v>
      </c>
      <c r="T3378">
        <v>29054.86692</v>
      </c>
      <c r="U3378">
        <v>20129.20393</v>
      </c>
      <c r="W3378" s="83">
        <f>Bühler!N3410</f>
        <v>45432.666666658479</v>
      </c>
      <c r="X3378" s="83">
        <v>43241.666666666664</v>
      </c>
      <c r="Y3378">
        <v>277212.71529999998</v>
      </c>
      <c r="Z3378">
        <v>33369.016710000004</v>
      </c>
      <c r="AA3378">
        <v>93447.288430000001</v>
      </c>
      <c r="AB3378">
        <v>62499.103049999998</v>
      </c>
      <c r="AC3378">
        <v>46280.78198</v>
      </c>
      <c r="AD3378">
        <v>37095.358650000002</v>
      </c>
      <c r="AE3378">
        <v>41044.228080000001</v>
      </c>
      <c r="AF3378">
        <v>59228.624790000002</v>
      </c>
      <c r="AG3378">
        <v>24512.899229999999</v>
      </c>
      <c r="AH3378">
        <v>339799.38949999999</v>
      </c>
      <c r="AI3378">
        <v>85148.870079999993</v>
      </c>
      <c r="AJ3378">
        <v>24293.836640000001</v>
      </c>
      <c r="AK3378">
        <v>27405.093499999999</v>
      </c>
      <c r="AL3378">
        <v>96810.345440000005</v>
      </c>
      <c r="AM3378">
        <v>22331.278979999999</v>
      </c>
      <c r="AN3378">
        <v>102893.20970000001</v>
      </c>
      <c r="AO3378">
        <v>29054.86692</v>
      </c>
      <c r="AP3378">
        <v>20129.20393</v>
      </c>
    </row>
    <row r="3379" spans="2:42" x14ac:dyDescent="0.3">
      <c r="B3379">
        <v>64.989223714852912</v>
      </c>
      <c r="C3379" s="83">
        <v>43241.708333333336</v>
      </c>
      <c r="D3379">
        <v>267822.36540000001</v>
      </c>
      <c r="E3379">
        <v>31268.321309999999</v>
      </c>
      <c r="F3379">
        <v>92118.50834</v>
      </c>
      <c r="G3379">
        <v>54614.783880000003</v>
      </c>
      <c r="H3379">
        <v>43688.353649999997</v>
      </c>
      <c r="I3379">
        <v>36500.202369999999</v>
      </c>
      <c r="J3379">
        <v>41378.525809999999</v>
      </c>
      <c r="K3379">
        <v>53433.792930000003</v>
      </c>
      <c r="L3379">
        <v>25304.119060000001</v>
      </c>
      <c r="M3379">
        <v>331345.36969999998</v>
      </c>
      <c r="N3379">
        <v>82037.843699999998</v>
      </c>
      <c r="O3379">
        <v>23510.048350000001</v>
      </c>
      <c r="P3379">
        <v>28288.082740000002</v>
      </c>
      <c r="Q3379">
        <v>95392.148579999994</v>
      </c>
      <c r="R3379">
        <v>22433.617740000002</v>
      </c>
      <c r="S3379">
        <v>98476.172470000005</v>
      </c>
      <c r="T3379">
        <v>28897.667570000001</v>
      </c>
      <c r="U3379">
        <v>17182.75892</v>
      </c>
      <c r="W3379" s="83">
        <f>Bühler!N3411</f>
        <v>45432.708333325143</v>
      </c>
      <c r="X3379" s="83">
        <v>43241.708333333336</v>
      </c>
      <c r="Y3379">
        <v>267822.36540000001</v>
      </c>
      <c r="Z3379">
        <v>31268.321309999999</v>
      </c>
      <c r="AA3379">
        <v>92118.50834</v>
      </c>
      <c r="AB3379">
        <v>54614.783880000003</v>
      </c>
      <c r="AC3379">
        <v>43688.353649999997</v>
      </c>
      <c r="AD3379">
        <v>36500.202369999999</v>
      </c>
      <c r="AE3379">
        <v>41378.525809999999</v>
      </c>
      <c r="AF3379">
        <v>53433.792930000003</v>
      </c>
      <c r="AG3379">
        <v>25304.119060000001</v>
      </c>
      <c r="AH3379">
        <v>331345.36969999998</v>
      </c>
      <c r="AI3379">
        <v>82037.843699999998</v>
      </c>
      <c r="AJ3379">
        <v>23510.048350000001</v>
      </c>
      <c r="AK3379">
        <v>28288.082740000002</v>
      </c>
      <c r="AL3379">
        <v>95392.148579999994</v>
      </c>
      <c r="AM3379">
        <v>22433.617740000002</v>
      </c>
      <c r="AN3379">
        <v>98476.172470000005</v>
      </c>
      <c r="AO3379">
        <v>28897.667570000001</v>
      </c>
      <c r="AP3379">
        <v>17182.75892</v>
      </c>
    </row>
    <row r="3380" spans="2:42" x14ac:dyDescent="0.3">
      <c r="B3380">
        <v>64.214854123058061</v>
      </c>
      <c r="C3380" s="83">
        <v>43241.75</v>
      </c>
      <c r="D3380">
        <v>260675.77129999999</v>
      </c>
      <c r="E3380">
        <v>28236.705760000001</v>
      </c>
      <c r="F3380">
        <v>89818.000809999998</v>
      </c>
      <c r="G3380">
        <v>47428.118369999997</v>
      </c>
      <c r="H3380">
        <v>41665.66444</v>
      </c>
      <c r="I3380">
        <v>34831.212399999997</v>
      </c>
      <c r="J3380">
        <v>40809.18075</v>
      </c>
      <c r="K3380">
        <v>52211.846689999998</v>
      </c>
      <c r="L3380">
        <v>26049.06408</v>
      </c>
      <c r="M3380">
        <v>327397.27240000002</v>
      </c>
      <c r="N3380">
        <v>79901.729699999996</v>
      </c>
      <c r="O3380">
        <v>21697.459080000001</v>
      </c>
      <c r="P3380">
        <v>30680.959360000001</v>
      </c>
      <c r="Q3380">
        <v>93798.501399999994</v>
      </c>
      <c r="R3380">
        <v>20289.36377</v>
      </c>
      <c r="S3380">
        <v>92098.908819999997</v>
      </c>
      <c r="T3380">
        <v>28131.491139999998</v>
      </c>
      <c r="U3380">
        <v>15205.592360000001</v>
      </c>
      <c r="W3380" s="83">
        <f>Bühler!N3412</f>
        <v>45432.749999991807</v>
      </c>
      <c r="X3380" s="83">
        <v>43241.75</v>
      </c>
      <c r="Y3380">
        <v>260675.77129999999</v>
      </c>
      <c r="Z3380">
        <v>28236.705760000001</v>
      </c>
      <c r="AA3380">
        <v>89818.000809999998</v>
      </c>
      <c r="AB3380">
        <v>47428.118369999997</v>
      </c>
      <c r="AC3380">
        <v>41665.66444</v>
      </c>
      <c r="AD3380">
        <v>34831.212399999997</v>
      </c>
      <c r="AE3380">
        <v>40809.18075</v>
      </c>
      <c r="AF3380">
        <v>52211.846689999998</v>
      </c>
      <c r="AG3380">
        <v>26049.06408</v>
      </c>
      <c r="AH3380">
        <v>327397.27240000002</v>
      </c>
      <c r="AI3380">
        <v>79901.729699999996</v>
      </c>
      <c r="AJ3380">
        <v>21697.459080000001</v>
      </c>
      <c r="AK3380">
        <v>30680.959360000001</v>
      </c>
      <c r="AL3380">
        <v>93798.501399999994</v>
      </c>
      <c r="AM3380">
        <v>20289.36377</v>
      </c>
      <c r="AN3380">
        <v>92098.908819999997</v>
      </c>
      <c r="AO3380">
        <v>28131.491139999998</v>
      </c>
      <c r="AP3380">
        <v>15205.592360000001</v>
      </c>
    </row>
    <row r="3381" spans="2:42" x14ac:dyDescent="0.3">
      <c r="B3381">
        <v>62.982368905240619</v>
      </c>
      <c r="C3381" s="83">
        <v>43241.791666666664</v>
      </c>
      <c r="D3381">
        <v>254781.34520000001</v>
      </c>
      <c r="E3381">
        <v>22680.817429999999</v>
      </c>
      <c r="F3381">
        <v>78666.282990000007</v>
      </c>
      <c r="G3381">
        <v>42668.277220000004</v>
      </c>
      <c r="H3381">
        <v>39173.294029999997</v>
      </c>
      <c r="I3381">
        <v>32235.966680000001</v>
      </c>
      <c r="J3381">
        <v>40094.921569999999</v>
      </c>
      <c r="K3381">
        <v>51041.889810000001</v>
      </c>
      <c r="L3381">
        <v>26605.691709999999</v>
      </c>
      <c r="M3381">
        <v>321113.48800000001</v>
      </c>
      <c r="N3381">
        <v>78748.886180000001</v>
      </c>
      <c r="O3381">
        <v>20673.11378</v>
      </c>
      <c r="P3381">
        <v>32355.988160000001</v>
      </c>
      <c r="Q3381">
        <v>91451.031189999994</v>
      </c>
      <c r="R3381">
        <v>18782.261910000001</v>
      </c>
      <c r="S3381">
        <v>87763.591109999994</v>
      </c>
      <c r="T3381">
        <v>28359.409459999999</v>
      </c>
      <c r="U3381">
        <v>14460.261329999999</v>
      </c>
      <c r="W3381" s="83">
        <f>Bühler!N3413</f>
        <v>45432.791666658472</v>
      </c>
      <c r="X3381" s="83">
        <v>43241.791666666664</v>
      </c>
      <c r="Y3381">
        <v>254781.34520000001</v>
      </c>
      <c r="Z3381">
        <v>22680.817429999999</v>
      </c>
      <c r="AA3381">
        <v>78666.282990000007</v>
      </c>
      <c r="AB3381">
        <v>42668.277220000004</v>
      </c>
      <c r="AC3381">
        <v>39173.294029999997</v>
      </c>
      <c r="AD3381">
        <v>32235.966680000001</v>
      </c>
      <c r="AE3381">
        <v>40094.921569999999</v>
      </c>
      <c r="AF3381">
        <v>51041.889810000001</v>
      </c>
      <c r="AG3381">
        <v>26605.691709999999</v>
      </c>
      <c r="AH3381">
        <v>321113.48800000001</v>
      </c>
      <c r="AI3381">
        <v>78748.886180000001</v>
      </c>
      <c r="AJ3381">
        <v>20673.11378</v>
      </c>
      <c r="AK3381">
        <v>32355.988160000001</v>
      </c>
      <c r="AL3381">
        <v>91451.031189999994</v>
      </c>
      <c r="AM3381">
        <v>18782.261910000001</v>
      </c>
      <c r="AN3381">
        <v>87763.591109999994</v>
      </c>
      <c r="AO3381">
        <v>28359.409459999999</v>
      </c>
      <c r="AP3381">
        <v>14460.261329999999</v>
      </c>
    </row>
    <row r="3382" spans="2:42" x14ac:dyDescent="0.3">
      <c r="B3382">
        <v>61.219816502756153</v>
      </c>
      <c r="C3382" s="83">
        <v>43241.833333333336</v>
      </c>
      <c r="D3382">
        <v>244925.1832</v>
      </c>
      <c r="E3382">
        <v>16816.672460000002</v>
      </c>
      <c r="F3382">
        <v>62207.301919999998</v>
      </c>
      <c r="G3382">
        <v>37948.653209999997</v>
      </c>
      <c r="H3382">
        <v>36521.446129999997</v>
      </c>
      <c r="I3382">
        <v>27556.187249999999</v>
      </c>
      <c r="J3382">
        <v>38965.316209999997</v>
      </c>
      <c r="K3382">
        <v>50762.809829999998</v>
      </c>
      <c r="L3382">
        <v>25556.227279999999</v>
      </c>
      <c r="M3382">
        <v>312127.17389999999</v>
      </c>
      <c r="N3382">
        <v>76425.810370000007</v>
      </c>
      <c r="O3382">
        <v>19619.33509</v>
      </c>
      <c r="P3382">
        <v>32873.608269999997</v>
      </c>
      <c r="Q3382">
        <v>89389.826230000006</v>
      </c>
      <c r="R3382">
        <v>17698.506359999999</v>
      </c>
      <c r="S3382">
        <v>79741.058210000003</v>
      </c>
      <c r="T3382">
        <v>27797.635969999999</v>
      </c>
      <c r="U3382">
        <v>13663.64119</v>
      </c>
      <c r="W3382" s="83">
        <f>Bühler!N3414</f>
        <v>45432.833333325136</v>
      </c>
      <c r="X3382" s="83">
        <v>43241.833333333336</v>
      </c>
      <c r="Y3382">
        <v>244925.1832</v>
      </c>
      <c r="Z3382">
        <v>16816.672460000002</v>
      </c>
      <c r="AA3382">
        <v>62207.301919999998</v>
      </c>
      <c r="AB3382">
        <v>37948.653209999997</v>
      </c>
      <c r="AC3382">
        <v>36521.446129999997</v>
      </c>
      <c r="AD3382">
        <v>27556.187249999999</v>
      </c>
      <c r="AE3382">
        <v>38965.316209999997</v>
      </c>
      <c r="AF3382">
        <v>50762.809829999998</v>
      </c>
      <c r="AG3382">
        <v>25556.227279999999</v>
      </c>
      <c r="AH3382">
        <v>312127.17389999999</v>
      </c>
      <c r="AI3382">
        <v>76425.810370000007</v>
      </c>
      <c r="AJ3382">
        <v>19619.33509</v>
      </c>
      <c r="AK3382">
        <v>32873.608269999997</v>
      </c>
      <c r="AL3382">
        <v>89389.826230000006</v>
      </c>
      <c r="AM3382">
        <v>17698.506359999999</v>
      </c>
      <c r="AN3382">
        <v>79741.058210000003</v>
      </c>
      <c r="AO3382">
        <v>27797.635969999999</v>
      </c>
      <c r="AP3382">
        <v>13663.64119</v>
      </c>
    </row>
    <row r="3383" spans="2:42" x14ac:dyDescent="0.3">
      <c r="B3383">
        <v>59.975812095429376</v>
      </c>
      <c r="C3383" s="83">
        <v>43241.875</v>
      </c>
      <c r="D3383">
        <v>237385.4866</v>
      </c>
      <c r="E3383">
        <v>14427.17986</v>
      </c>
      <c r="F3383">
        <v>54695.52534</v>
      </c>
      <c r="G3383">
        <v>36504.035179999999</v>
      </c>
      <c r="H3383">
        <v>35490.594859999997</v>
      </c>
      <c r="I3383">
        <v>23915.914100000002</v>
      </c>
      <c r="J3383">
        <v>39314.636149999998</v>
      </c>
      <c r="K3383">
        <v>49091.083149999999</v>
      </c>
      <c r="L3383">
        <v>24545.141019999999</v>
      </c>
      <c r="M3383">
        <v>305784.6593</v>
      </c>
      <c r="N3383">
        <v>75523.784150000007</v>
      </c>
      <c r="O3383">
        <v>19529.840929999998</v>
      </c>
      <c r="P3383">
        <v>31217.245859999999</v>
      </c>
      <c r="Q3383">
        <v>85997.978090000004</v>
      </c>
      <c r="R3383">
        <v>17494.253649999999</v>
      </c>
      <c r="S3383">
        <v>76348.746740000002</v>
      </c>
      <c r="T3383">
        <v>26239.183389999998</v>
      </c>
      <c r="U3383">
        <v>13183.097879999999</v>
      </c>
      <c r="W3383" s="83">
        <f>Bühler!N3415</f>
        <v>45432.8749999918</v>
      </c>
      <c r="X3383" s="83">
        <v>43241.875</v>
      </c>
      <c r="Y3383">
        <v>237385.4866</v>
      </c>
      <c r="Z3383">
        <v>14427.17986</v>
      </c>
      <c r="AA3383">
        <v>54695.52534</v>
      </c>
      <c r="AB3383">
        <v>36504.035179999999</v>
      </c>
      <c r="AC3383">
        <v>35490.594859999997</v>
      </c>
      <c r="AD3383">
        <v>23915.914100000002</v>
      </c>
      <c r="AE3383">
        <v>39314.636149999998</v>
      </c>
      <c r="AF3383">
        <v>49091.083149999999</v>
      </c>
      <c r="AG3383">
        <v>24545.141019999999</v>
      </c>
      <c r="AH3383">
        <v>305784.6593</v>
      </c>
      <c r="AI3383">
        <v>75523.784150000007</v>
      </c>
      <c r="AJ3383">
        <v>19529.840929999998</v>
      </c>
      <c r="AK3383">
        <v>31217.245859999999</v>
      </c>
      <c r="AL3383">
        <v>85997.978090000004</v>
      </c>
      <c r="AM3383">
        <v>17494.253649999999</v>
      </c>
      <c r="AN3383">
        <v>76348.746740000002</v>
      </c>
      <c r="AO3383">
        <v>26239.183389999998</v>
      </c>
      <c r="AP3383">
        <v>13183.097879999999</v>
      </c>
    </row>
    <row r="3384" spans="2:42" x14ac:dyDescent="0.3">
      <c r="B3384">
        <v>59.726061775510303</v>
      </c>
      <c r="C3384" s="83">
        <v>43241.916666666664</v>
      </c>
      <c r="D3384">
        <v>235402.0287</v>
      </c>
      <c r="E3384">
        <v>13732.248390000001</v>
      </c>
      <c r="F3384">
        <v>52123.537329999999</v>
      </c>
      <c r="G3384">
        <v>34999.814189999997</v>
      </c>
      <c r="H3384">
        <v>35808.579700000002</v>
      </c>
      <c r="I3384">
        <v>22246.568729999999</v>
      </c>
      <c r="J3384">
        <v>39161.127500000002</v>
      </c>
      <c r="K3384">
        <v>52775.735869999997</v>
      </c>
      <c r="L3384">
        <v>21995.823550000001</v>
      </c>
      <c r="M3384">
        <v>304511.31569999998</v>
      </c>
      <c r="N3384">
        <v>73702.951270000005</v>
      </c>
      <c r="O3384">
        <v>20165.93304</v>
      </c>
      <c r="P3384">
        <v>33229.99353</v>
      </c>
      <c r="Q3384">
        <v>84996.251640000002</v>
      </c>
      <c r="R3384">
        <v>19194.539219999999</v>
      </c>
      <c r="S3384">
        <v>75493.289470000003</v>
      </c>
      <c r="T3384">
        <v>23197.831129999999</v>
      </c>
      <c r="U3384">
        <v>13682.996090000001</v>
      </c>
      <c r="W3384" s="83">
        <f>Bühler!N3416</f>
        <v>45432.916666658464</v>
      </c>
      <c r="X3384" s="83">
        <v>43241.916666666664</v>
      </c>
      <c r="Y3384">
        <v>235402.0287</v>
      </c>
      <c r="Z3384">
        <v>13732.248390000001</v>
      </c>
      <c r="AA3384">
        <v>52123.537329999999</v>
      </c>
      <c r="AB3384">
        <v>34999.814189999997</v>
      </c>
      <c r="AC3384">
        <v>35808.579700000002</v>
      </c>
      <c r="AD3384">
        <v>22246.568729999999</v>
      </c>
      <c r="AE3384">
        <v>39161.127500000002</v>
      </c>
      <c r="AF3384">
        <v>52775.735869999997</v>
      </c>
      <c r="AG3384">
        <v>21995.823550000001</v>
      </c>
      <c r="AH3384">
        <v>304511.31569999998</v>
      </c>
      <c r="AI3384">
        <v>73702.951270000005</v>
      </c>
      <c r="AJ3384">
        <v>20165.93304</v>
      </c>
      <c r="AK3384">
        <v>33229.99353</v>
      </c>
      <c r="AL3384">
        <v>84996.251640000002</v>
      </c>
      <c r="AM3384">
        <v>19194.539219999999</v>
      </c>
      <c r="AN3384">
        <v>75493.289470000003</v>
      </c>
      <c r="AO3384">
        <v>23197.831129999999</v>
      </c>
      <c r="AP3384">
        <v>13682.996090000001</v>
      </c>
    </row>
    <row r="3385" spans="2:42" x14ac:dyDescent="0.3">
      <c r="B3385">
        <v>59.595884962428627</v>
      </c>
      <c r="C3385" s="83">
        <v>43241.958333333336</v>
      </c>
      <c r="D3385">
        <v>235488.2916</v>
      </c>
      <c r="E3385">
        <v>13130.197679999999</v>
      </c>
      <c r="F3385">
        <v>50890.679940000002</v>
      </c>
      <c r="G3385">
        <v>34284.315670000004</v>
      </c>
      <c r="H3385">
        <v>34690.356619999999</v>
      </c>
      <c r="I3385">
        <v>21427.888800000001</v>
      </c>
      <c r="J3385">
        <v>36093.736340000003</v>
      </c>
      <c r="K3385">
        <v>52544.050900000002</v>
      </c>
      <c r="L3385">
        <v>18623.818329999998</v>
      </c>
      <c r="M3385">
        <v>303847.61359999998</v>
      </c>
      <c r="N3385">
        <v>72138.420060000004</v>
      </c>
      <c r="O3385">
        <v>20145.59722</v>
      </c>
      <c r="P3385">
        <v>29621.676780000002</v>
      </c>
      <c r="Q3385">
        <v>84016.465599999996</v>
      </c>
      <c r="R3385">
        <v>19523.461169999999</v>
      </c>
      <c r="S3385">
        <v>73753.651129999998</v>
      </c>
      <c r="T3385">
        <v>20952.944490000002</v>
      </c>
      <c r="U3385">
        <v>13240.14668</v>
      </c>
      <c r="W3385" s="83">
        <f>Bühler!N3417</f>
        <v>45432.958333325128</v>
      </c>
      <c r="X3385" s="83">
        <v>43241.958333333336</v>
      </c>
      <c r="Y3385">
        <v>235488.2916</v>
      </c>
      <c r="Z3385">
        <v>13130.197679999999</v>
      </c>
      <c r="AA3385">
        <v>50890.679940000002</v>
      </c>
      <c r="AB3385">
        <v>34284.315670000004</v>
      </c>
      <c r="AC3385">
        <v>34690.356619999999</v>
      </c>
      <c r="AD3385">
        <v>21427.888800000001</v>
      </c>
      <c r="AE3385">
        <v>36093.736340000003</v>
      </c>
      <c r="AF3385">
        <v>52544.050900000002</v>
      </c>
      <c r="AG3385">
        <v>18623.818329999998</v>
      </c>
      <c r="AH3385">
        <v>303847.61359999998</v>
      </c>
      <c r="AI3385">
        <v>72138.420060000004</v>
      </c>
      <c r="AJ3385">
        <v>20145.59722</v>
      </c>
      <c r="AK3385">
        <v>29621.676780000002</v>
      </c>
      <c r="AL3385">
        <v>84016.465599999996</v>
      </c>
      <c r="AM3385">
        <v>19523.461169999999</v>
      </c>
      <c r="AN3385">
        <v>73753.651129999998</v>
      </c>
      <c r="AO3385">
        <v>20952.944490000002</v>
      </c>
      <c r="AP3385">
        <v>13240.14668</v>
      </c>
    </row>
    <row r="3386" spans="2:42" x14ac:dyDescent="0.3">
      <c r="B3386">
        <v>58.257903608337067</v>
      </c>
      <c r="C3386" s="83">
        <v>43242</v>
      </c>
      <c r="D3386">
        <v>231577.96539999999</v>
      </c>
      <c r="E3386">
        <v>12794.605820000001</v>
      </c>
      <c r="F3386">
        <v>48203.989099999999</v>
      </c>
      <c r="G3386">
        <v>32976.34635</v>
      </c>
      <c r="H3386">
        <v>34010.78731</v>
      </c>
      <c r="I3386">
        <v>19893.413410000001</v>
      </c>
      <c r="J3386">
        <v>33819.024169999997</v>
      </c>
      <c r="K3386">
        <v>50262.678749999999</v>
      </c>
      <c r="L3386">
        <v>17273.971170000001</v>
      </c>
      <c r="M3386">
        <v>297025.9607</v>
      </c>
      <c r="N3386">
        <v>71205.078940000007</v>
      </c>
      <c r="O3386">
        <v>18688.034619999999</v>
      </c>
      <c r="P3386">
        <v>26884.564419999999</v>
      </c>
      <c r="Q3386">
        <v>83064.270139999993</v>
      </c>
      <c r="R3386">
        <v>16044.89191</v>
      </c>
      <c r="S3386">
        <v>72342.520640000002</v>
      </c>
      <c r="T3386">
        <v>18579.113529999999</v>
      </c>
      <c r="U3386">
        <v>13323.5651</v>
      </c>
      <c r="W3386" s="83">
        <f>Bühler!N3418</f>
        <v>45432.999999991793</v>
      </c>
      <c r="X3386" s="83">
        <v>43242</v>
      </c>
      <c r="Y3386">
        <v>231577.96539999999</v>
      </c>
      <c r="Z3386">
        <v>12794.605820000001</v>
      </c>
      <c r="AA3386">
        <v>48203.989099999999</v>
      </c>
      <c r="AB3386">
        <v>32976.34635</v>
      </c>
      <c r="AC3386">
        <v>34010.78731</v>
      </c>
      <c r="AD3386">
        <v>19893.413410000001</v>
      </c>
      <c r="AE3386">
        <v>33819.024169999997</v>
      </c>
      <c r="AF3386">
        <v>50262.678749999999</v>
      </c>
      <c r="AG3386">
        <v>17273.971170000001</v>
      </c>
      <c r="AH3386">
        <v>297025.9607</v>
      </c>
      <c r="AI3386">
        <v>71205.078940000007</v>
      </c>
      <c r="AJ3386">
        <v>18688.034619999999</v>
      </c>
      <c r="AK3386">
        <v>26884.564419999999</v>
      </c>
      <c r="AL3386">
        <v>83064.270139999993</v>
      </c>
      <c r="AM3386">
        <v>16044.89191</v>
      </c>
      <c r="AN3386">
        <v>72342.520640000002</v>
      </c>
      <c r="AO3386">
        <v>18579.113529999999</v>
      </c>
      <c r="AP3386">
        <v>13323.5651</v>
      </c>
    </row>
    <row r="3387" spans="2:42" x14ac:dyDescent="0.3">
      <c r="B3387">
        <v>57.466572523771646</v>
      </c>
      <c r="C3387" s="83">
        <v>43242.041666666664</v>
      </c>
      <c r="D3387">
        <v>230239.16089999999</v>
      </c>
      <c r="E3387">
        <v>12665.7978</v>
      </c>
      <c r="F3387">
        <v>47694.37369</v>
      </c>
      <c r="G3387">
        <v>32194.8766</v>
      </c>
      <c r="H3387">
        <v>33436.6253</v>
      </c>
      <c r="I3387">
        <v>15700.46552</v>
      </c>
      <c r="J3387">
        <v>32109.846829999999</v>
      </c>
      <c r="K3387">
        <v>47060.947260000001</v>
      </c>
      <c r="L3387">
        <v>16593.193879999999</v>
      </c>
      <c r="M3387">
        <v>292991.38579999999</v>
      </c>
      <c r="N3387">
        <v>71090.056159999993</v>
      </c>
      <c r="O3387">
        <v>18030.750220000002</v>
      </c>
      <c r="P3387">
        <v>25729.529879999998</v>
      </c>
      <c r="Q3387">
        <v>83675.545530000003</v>
      </c>
      <c r="R3387">
        <v>14201.082899999999</v>
      </c>
      <c r="S3387">
        <v>71347.367299999998</v>
      </c>
      <c r="T3387">
        <v>18248.820059999998</v>
      </c>
      <c r="U3387">
        <v>12683.65021</v>
      </c>
      <c r="W3387" s="83">
        <f>Bühler!N3419</f>
        <v>45433.041666658457</v>
      </c>
      <c r="X3387" s="83">
        <v>43242.041666666664</v>
      </c>
      <c r="Y3387">
        <v>230239.16089999999</v>
      </c>
      <c r="Z3387">
        <v>12665.7978</v>
      </c>
      <c r="AA3387">
        <v>47694.37369</v>
      </c>
      <c r="AB3387">
        <v>32194.8766</v>
      </c>
      <c r="AC3387">
        <v>33436.6253</v>
      </c>
      <c r="AD3387">
        <v>15700.46552</v>
      </c>
      <c r="AE3387">
        <v>32109.846829999999</v>
      </c>
      <c r="AF3387">
        <v>47060.947260000001</v>
      </c>
      <c r="AG3387">
        <v>16593.193879999999</v>
      </c>
      <c r="AH3387">
        <v>292991.38579999999</v>
      </c>
      <c r="AI3387">
        <v>71090.056159999993</v>
      </c>
      <c r="AJ3387">
        <v>18030.750220000002</v>
      </c>
      <c r="AK3387">
        <v>25729.529879999998</v>
      </c>
      <c r="AL3387">
        <v>83675.545530000003</v>
      </c>
      <c r="AM3387">
        <v>14201.082899999999</v>
      </c>
      <c r="AN3387">
        <v>71347.367299999998</v>
      </c>
      <c r="AO3387">
        <v>18248.820059999998</v>
      </c>
      <c r="AP3387">
        <v>12683.65021</v>
      </c>
    </row>
    <row r="3388" spans="2:42" x14ac:dyDescent="0.3">
      <c r="B3388">
        <v>57.709015607062817</v>
      </c>
      <c r="C3388" s="83">
        <v>43242.083333333336</v>
      </c>
      <c r="D3388">
        <v>232323.28950000001</v>
      </c>
      <c r="E3388">
        <v>12613.62766</v>
      </c>
      <c r="F3388">
        <v>47871.954550000002</v>
      </c>
      <c r="G3388">
        <v>31674.768080000002</v>
      </c>
      <c r="H3388">
        <v>33061.747049999998</v>
      </c>
      <c r="I3388">
        <v>13938.01967</v>
      </c>
      <c r="J3388">
        <v>31788.69342</v>
      </c>
      <c r="K3388">
        <v>45737.716690000001</v>
      </c>
      <c r="L3388">
        <v>16494.213179999999</v>
      </c>
      <c r="M3388">
        <v>294227.47369999997</v>
      </c>
      <c r="N3388">
        <v>70101.966700000004</v>
      </c>
      <c r="O3388">
        <v>18167.645069999999</v>
      </c>
      <c r="P3388">
        <v>24388.042109999999</v>
      </c>
      <c r="Q3388">
        <v>87283.415760000004</v>
      </c>
      <c r="R3388">
        <v>14785.612520000001</v>
      </c>
      <c r="S3388">
        <v>70144.686289999998</v>
      </c>
      <c r="T3388">
        <v>18002.80789</v>
      </c>
      <c r="U3388">
        <v>12641.00057</v>
      </c>
      <c r="W3388" s="83">
        <f>Bühler!N3420</f>
        <v>45433.083333325121</v>
      </c>
      <c r="X3388" s="83">
        <v>43242.083333333336</v>
      </c>
      <c r="Y3388">
        <v>232323.28950000001</v>
      </c>
      <c r="Z3388">
        <v>12613.62766</v>
      </c>
      <c r="AA3388">
        <v>47871.954550000002</v>
      </c>
      <c r="AB3388">
        <v>31674.768080000002</v>
      </c>
      <c r="AC3388">
        <v>33061.747049999998</v>
      </c>
      <c r="AD3388">
        <v>13938.01967</v>
      </c>
      <c r="AE3388">
        <v>31788.69342</v>
      </c>
      <c r="AF3388">
        <v>45737.716690000001</v>
      </c>
      <c r="AG3388">
        <v>16494.213179999999</v>
      </c>
      <c r="AH3388">
        <v>294227.47369999997</v>
      </c>
      <c r="AI3388">
        <v>70101.966700000004</v>
      </c>
      <c r="AJ3388">
        <v>18167.645069999999</v>
      </c>
      <c r="AK3388">
        <v>24388.042109999999</v>
      </c>
      <c r="AL3388">
        <v>87283.415760000004</v>
      </c>
      <c r="AM3388">
        <v>14785.612520000001</v>
      </c>
      <c r="AN3388">
        <v>70144.686289999998</v>
      </c>
      <c r="AO3388">
        <v>18002.80789</v>
      </c>
      <c r="AP3388">
        <v>12641.00057</v>
      </c>
    </row>
    <row r="3389" spans="2:42" x14ac:dyDescent="0.3">
      <c r="B3389">
        <v>58.691752113287983</v>
      </c>
      <c r="C3389" s="83">
        <v>43242.125</v>
      </c>
      <c r="D3389">
        <v>232265.3878</v>
      </c>
      <c r="E3389">
        <v>12653.941000000001</v>
      </c>
      <c r="F3389">
        <v>49230.151169999997</v>
      </c>
      <c r="G3389">
        <v>30930.176189999998</v>
      </c>
      <c r="H3389">
        <v>33173.814449999998</v>
      </c>
      <c r="I3389">
        <v>13513.885920000001</v>
      </c>
      <c r="J3389">
        <v>32106.11536</v>
      </c>
      <c r="K3389">
        <v>44452.596839999998</v>
      </c>
      <c r="L3389">
        <v>16312.86046</v>
      </c>
      <c r="M3389">
        <v>299237.9227</v>
      </c>
      <c r="N3389">
        <v>69303.031090000004</v>
      </c>
      <c r="O3389">
        <v>19972.657090000001</v>
      </c>
      <c r="P3389">
        <v>23696.222419999998</v>
      </c>
      <c r="Q3389">
        <v>89898.034490000005</v>
      </c>
      <c r="R3389">
        <v>15021.90863</v>
      </c>
      <c r="S3389">
        <v>70150.037039999996</v>
      </c>
      <c r="T3389">
        <v>17645.092540000001</v>
      </c>
      <c r="U3389">
        <v>13132.992990000001</v>
      </c>
      <c r="W3389" s="83">
        <f>Bühler!N3421</f>
        <v>45433.124999991785</v>
      </c>
      <c r="X3389" s="83">
        <v>43242.125</v>
      </c>
      <c r="Y3389">
        <v>232265.3878</v>
      </c>
      <c r="Z3389">
        <v>12653.941000000001</v>
      </c>
      <c r="AA3389">
        <v>49230.151169999997</v>
      </c>
      <c r="AB3389">
        <v>30930.176189999998</v>
      </c>
      <c r="AC3389">
        <v>33173.814449999998</v>
      </c>
      <c r="AD3389">
        <v>13513.885920000001</v>
      </c>
      <c r="AE3389">
        <v>32106.11536</v>
      </c>
      <c r="AF3389">
        <v>44452.596839999998</v>
      </c>
      <c r="AG3389">
        <v>16312.86046</v>
      </c>
      <c r="AH3389">
        <v>299237.9227</v>
      </c>
      <c r="AI3389">
        <v>69303.031090000004</v>
      </c>
      <c r="AJ3389">
        <v>19972.657090000001</v>
      </c>
      <c r="AK3389">
        <v>23696.222419999998</v>
      </c>
      <c r="AL3389">
        <v>89898.034490000005</v>
      </c>
      <c r="AM3389">
        <v>15021.90863</v>
      </c>
      <c r="AN3389">
        <v>70150.037039999996</v>
      </c>
      <c r="AO3389">
        <v>17645.092540000001</v>
      </c>
      <c r="AP3389">
        <v>13132.992990000001</v>
      </c>
    </row>
    <row r="3390" spans="2:42" x14ac:dyDescent="0.3">
      <c r="B3390">
        <v>60.347179556349744</v>
      </c>
      <c r="C3390" s="83">
        <v>43242.166666666664</v>
      </c>
      <c r="D3390">
        <v>235637.209</v>
      </c>
      <c r="E3390">
        <v>13081.071099999999</v>
      </c>
      <c r="F3390">
        <v>52633.015939999997</v>
      </c>
      <c r="G3390">
        <v>30455.817029999998</v>
      </c>
      <c r="H3390">
        <v>33644.320460000003</v>
      </c>
      <c r="I3390">
        <v>15061.869420000001</v>
      </c>
      <c r="J3390">
        <v>34037.341549999997</v>
      </c>
      <c r="K3390">
        <v>44112.80934</v>
      </c>
      <c r="L3390">
        <v>16205.079299999999</v>
      </c>
      <c r="M3390">
        <v>307678.0638</v>
      </c>
      <c r="N3390">
        <v>68969.933510000003</v>
      </c>
      <c r="O3390">
        <v>20099.869589999998</v>
      </c>
      <c r="P3390">
        <v>23860.648450000001</v>
      </c>
      <c r="Q3390">
        <v>93366.808069999999</v>
      </c>
      <c r="R3390">
        <v>14796.287609999999</v>
      </c>
      <c r="S3390">
        <v>70303.407550000004</v>
      </c>
      <c r="T3390">
        <v>17694.9208</v>
      </c>
      <c r="U3390">
        <v>13934.15891</v>
      </c>
      <c r="W3390" s="83">
        <f>Bühler!N3422</f>
        <v>45433.16666665845</v>
      </c>
      <c r="X3390" s="83">
        <v>43242.166666666664</v>
      </c>
      <c r="Y3390">
        <v>235637.209</v>
      </c>
      <c r="Z3390">
        <v>13081.071099999999</v>
      </c>
      <c r="AA3390">
        <v>52633.015939999997</v>
      </c>
      <c r="AB3390">
        <v>30455.817029999998</v>
      </c>
      <c r="AC3390">
        <v>33644.320460000003</v>
      </c>
      <c r="AD3390">
        <v>15061.869420000001</v>
      </c>
      <c r="AE3390">
        <v>34037.341549999997</v>
      </c>
      <c r="AF3390">
        <v>44112.80934</v>
      </c>
      <c r="AG3390">
        <v>16205.079299999999</v>
      </c>
      <c r="AH3390">
        <v>307678.0638</v>
      </c>
      <c r="AI3390">
        <v>68969.933510000003</v>
      </c>
      <c r="AJ3390">
        <v>20099.869589999998</v>
      </c>
      <c r="AK3390">
        <v>23860.648450000001</v>
      </c>
      <c r="AL3390">
        <v>93366.808069999999</v>
      </c>
      <c r="AM3390">
        <v>14796.287609999999</v>
      </c>
      <c r="AN3390">
        <v>70303.407550000004</v>
      </c>
      <c r="AO3390">
        <v>17694.9208</v>
      </c>
      <c r="AP3390">
        <v>13934.15891</v>
      </c>
    </row>
    <row r="3391" spans="2:42" x14ac:dyDescent="0.3">
      <c r="B3391">
        <v>63.579102490586408</v>
      </c>
      <c r="C3391" s="83">
        <v>43242.208333333336</v>
      </c>
      <c r="D3391">
        <v>253001.24419999999</v>
      </c>
      <c r="E3391">
        <v>14926.33476</v>
      </c>
      <c r="F3391">
        <v>62486.879730000001</v>
      </c>
      <c r="G3391">
        <v>32320.747670000001</v>
      </c>
      <c r="H3391">
        <v>35487.581630000001</v>
      </c>
      <c r="I3391">
        <v>23217.81854</v>
      </c>
      <c r="J3391">
        <v>37128.42093</v>
      </c>
      <c r="K3391">
        <v>45257.596539999999</v>
      </c>
      <c r="L3391">
        <v>17092.23458</v>
      </c>
      <c r="M3391">
        <v>324155.91409999999</v>
      </c>
      <c r="N3391">
        <v>68204.620890000006</v>
      </c>
      <c r="O3391">
        <v>21120.88639</v>
      </c>
      <c r="P3391">
        <v>24232.303349999998</v>
      </c>
      <c r="Q3391">
        <v>96282.391610000006</v>
      </c>
      <c r="R3391">
        <v>17039.616190000001</v>
      </c>
      <c r="S3391">
        <v>73062.909249999997</v>
      </c>
      <c r="T3391">
        <v>18490.304929999998</v>
      </c>
      <c r="U3391">
        <v>15815.17382</v>
      </c>
      <c r="W3391" s="83">
        <f>Bühler!N3423</f>
        <v>45433.208333325114</v>
      </c>
      <c r="X3391" s="83">
        <v>43242.208333333336</v>
      </c>
      <c r="Y3391">
        <v>253001.24419999999</v>
      </c>
      <c r="Z3391">
        <v>14926.33476</v>
      </c>
      <c r="AA3391">
        <v>62486.879730000001</v>
      </c>
      <c r="AB3391">
        <v>32320.747670000001</v>
      </c>
      <c r="AC3391">
        <v>35487.581630000001</v>
      </c>
      <c r="AD3391">
        <v>23217.81854</v>
      </c>
      <c r="AE3391">
        <v>37128.42093</v>
      </c>
      <c r="AF3391">
        <v>45257.596539999999</v>
      </c>
      <c r="AG3391">
        <v>17092.23458</v>
      </c>
      <c r="AH3391">
        <v>324155.91409999999</v>
      </c>
      <c r="AI3391">
        <v>68204.620890000006</v>
      </c>
      <c r="AJ3391">
        <v>21120.88639</v>
      </c>
      <c r="AK3391">
        <v>24232.303349999998</v>
      </c>
      <c r="AL3391">
        <v>96282.391610000006</v>
      </c>
      <c r="AM3391">
        <v>17039.616190000001</v>
      </c>
      <c r="AN3391">
        <v>73062.909249999997</v>
      </c>
      <c r="AO3391">
        <v>18490.304929999998</v>
      </c>
      <c r="AP3391">
        <v>15815.17382</v>
      </c>
    </row>
    <row r="3392" spans="2:42" x14ac:dyDescent="0.3">
      <c r="B3392">
        <v>66.313702930186878</v>
      </c>
      <c r="C3392" s="83">
        <v>43242.25</v>
      </c>
      <c r="D3392">
        <v>266869.49119999999</v>
      </c>
      <c r="E3392">
        <v>18798.348119999999</v>
      </c>
      <c r="F3392">
        <v>72301.076360000006</v>
      </c>
      <c r="G3392">
        <v>43000.24598</v>
      </c>
      <c r="H3392">
        <v>37159.184569999998</v>
      </c>
      <c r="I3392">
        <v>30153.583500000001</v>
      </c>
      <c r="J3392">
        <v>39263.170729999998</v>
      </c>
      <c r="K3392">
        <v>46843.428820000001</v>
      </c>
      <c r="L3392">
        <v>18149.665300000001</v>
      </c>
      <c r="M3392">
        <v>338098.18239999999</v>
      </c>
      <c r="N3392">
        <v>72806.517200000002</v>
      </c>
      <c r="O3392">
        <v>22580.024529999999</v>
      </c>
      <c r="P3392">
        <v>25264.810529999999</v>
      </c>
      <c r="Q3392">
        <v>96921.749410000004</v>
      </c>
      <c r="R3392">
        <v>15223.605589999999</v>
      </c>
      <c r="S3392">
        <v>80070.793250000002</v>
      </c>
      <c r="T3392">
        <v>20575.410970000001</v>
      </c>
      <c r="U3392">
        <v>18417.575369999999</v>
      </c>
      <c r="W3392" s="83">
        <f>Bühler!N3424</f>
        <v>45433.249999991778</v>
      </c>
      <c r="X3392" s="83">
        <v>43242.25</v>
      </c>
      <c r="Y3392">
        <v>266869.49119999999</v>
      </c>
      <c r="Z3392">
        <v>18798.348119999999</v>
      </c>
      <c r="AA3392">
        <v>72301.076360000006</v>
      </c>
      <c r="AB3392">
        <v>43000.24598</v>
      </c>
      <c r="AC3392">
        <v>37159.184569999998</v>
      </c>
      <c r="AD3392">
        <v>30153.583500000001</v>
      </c>
      <c r="AE3392">
        <v>39263.170729999998</v>
      </c>
      <c r="AF3392">
        <v>46843.428820000001</v>
      </c>
      <c r="AG3392">
        <v>18149.665300000001</v>
      </c>
      <c r="AH3392">
        <v>338098.18239999999</v>
      </c>
      <c r="AI3392">
        <v>72806.517200000002</v>
      </c>
      <c r="AJ3392">
        <v>22580.024529999999</v>
      </c>
      <c r="AK3392">
        <v>25264.810529999999</v>
      </c>
      <c r="AL3392">
        <v>96921.749410000004</v>
      </c>
      <c r="AM3392">
        <v>15223.605589999999</v>
      </c>
      <c r="AN3392">
        <v>80070.793250000002</v>
      </c>
      <c r="AO3392">
        <v>20575.410970000001</v>
      </c>
      <c r="AP3392">
        <v>18417.575369999999</v>
      </c>
    </row>
    <row r="3393" spans="2:42" x14ac:dyDescent="0.3">
      <c r="B3393">
        <v>68.316014236234309</v>
      </c>
      <c r="C3393" s="83">
        <v>43242.291666666664</v>
      </c>
      <c r="D3393">
        <v>278806.55</v>
      </c>
      <c r="E3393">
        <v>23180.149310000001</v>
      </c>
      <c r="F3393">
        <v>75779.12788</v>
      </c>
      <c r="G3393">
        <v>53517.940730000002</v>
      </c>
      <c r="H3393">
        <v>42428.649400000002</v>
      </c>
      <c r="I3393">
        <v>37758.73328</v>
      </c>
      <c r="J3393">
        <v>40688.146260000001</v>
      </c>
      <c r="K3393">
        <v>51662.310790000003</v>
      </c>
      <c r="L3393">
        <v>20580.38147</v>
      </c>
      <c r="M3393">
        <v>348306.89919999999</v>
      </c>
      <c r="N3393">
        <v>79559.503700000001</v>
      </c>
      <c r="O3393">
        <v>25060.735209999999</v>
      </c>
      <c r="P3393">
        <v>27892.900180000001</v>
      </c>
      <c r="Q3393">
        <v>96441.984899999996</v>
      </c>
      <c r="R3393">
        <v>16491.16274</v>
      </c>
      <c r="S3393">
        <v>93718.281319999995</v>
      </c>
      <c r="T3393">
        <v>24665.20996</v>
      </c>
      <c r="U3393">
        <v>21528.805059999999</v>
      </c>
      <c r="W3393" s="83">
        <f>Bühler!N3425</f>
        <v>45433.291666658442</v>
      </c>
      <c r="X3393" s="83">
        <v>43242.291666666664</v>
      </c>
      <c r="Y3393">
        <v>278806.55</v>
      </c>
      <c r="Z3393">
        <v>23180.149310000001</v>
      </c>
      <c r="AA3393">
        <v>75779.12788</v>
      </c>
      <c r="AB3393">
        <v>53517.940730000002</v>
      </c>
      <c r="AC3393">
        <v>42428.649400000002</v>
      </c>
      <c r="AD3393">
        <v>37758.73328</v>
      </c>
      <c r="AE3393">
        <v>40688.146260000001</v>
      </c>
      <c r="AF3393">
        <v>51662.310790000003</v>
      </c>
      <c r="AG3393">
        <v>20580.38147</v>
      </c>
      <c r="AH3393">
        <v>348306.89919999999</v>
      </c>
      <c r="AI3393">
        <v>79559.503700000001</v>
      </c>
      <c r="AJ3393">
        <v>25060.735209999999</v>
      </c>
      <c r="AK3393">
        <v>27892.900180000001</v>
      </c>
      <c r="AL3393">
        <v>96441.984899999996</v>
      </c>
      <c r="AM3393">
        <v>16491.16274</v>
      </c>
      <c r="AN3393">
        <v>93718.281319999995</v>
      </c>
      <c r="AO3393">
        <v>24665.20996</v>
      </c>
      <c r="AP3393">
        <v>21528.805059999999</v>
      </c>
    </row>
    <row r="3394" spans="2:42" x14ac:dyDescent="0.3">
      <c r="B3394">
        <v>69.556739598672152</v>
      </c>
      <c r="C3394" s="83">
        <v>43242.333333333336</v>
      </c>
      <c r="D3394">
        <v>290589.68709999998</v>
      </c>
      <c r="E3394">
        <v>28587.838660000001</v>
      </c>
      <c r="F3394">
        <v>83030.278909999994</v>
      </c>
      <c r="G3394">
        <v>68008.033330000006</v>
      </c>
      <c r="H3394">
        <v>47507.072240000001</v>
      </c>
      <c r="I3394">
        <v>39924.140079999997</v>
      </c>
      <c r="J3394">
        <v>42967.681830000001</v>
      </c>
      <c r="K3394">
        <v>58402.740769999997</v>
      </c>
      <c r="L3394">
        <v>23796.526269999998</v>
      </c>
      <c r="M3394">
        <v>354632.69569999998</v>
      </c>
      <c r="N3394">
        <v>84607.431400000001</v>
      </c>
      <c r="O3394">
        <v>26790.660650000002</v>
      </c>
      <c r="P3394">
        <v>30145.083299999998</v>
      </c>
      <c r="Q3394">
        <v>96931.191800000001</v>
      </c>
      <c r="R3394">
        <v>20046.06367</v>
      </c>
      <c r="S3394">
        <v>105636.81630000001</v>
      </c>
      <c r="T3394">
        <v>28539.632010000001</v>
      </c>
      <c r="U3394">
        <v>24139.386999999999</v>
      </c>
      <c r="W3394" s="83">
        <f>Bühler!N3426</f>
        <v>45433.333333325107</v>
      </c>
      <c r="X3394" s="83">
        <v>43242.333333333336</v>
      </c>
      <c r="Y3394">
        <v>290589.68709999998</v>
      </c>
      <c r="Z3394">
        <v>28587.838660000001</v>
      </c>
      <c r="AA3394">
        <v>83030.278909999994</v>
      </c>
      <c r="AB3394">
        <v>68008.033330000006</v>
      </c>
      <c r="AC3394">
        <v>47507.072240000001</v>
      </c>
      <c r="AD3394">
        <v>39924.140079999997</v>
      </c>
      <c r="AE3394">
        <v>42967.681830000001</v>
      </c>
      <c r="AF3394">
        <v>58402.740769999997</v>
      </c>
      <c r="AG3394">
        <v>23796.526269999998</v>
      </c>
      <c r="AH3394">
        <v>354632.69569999998</v>
      </c>
      <c r="AI3394">
        <v>84607.431400000001</v>
      </c>
      <c r="AJ3394">
        <v>26790.660650000002</v>
      </c>
      <c r="AK3394">
        <v>30145.083299999998</v>
      </c>
      <c r="AL3394">
        <v>96931.191800000001</v>
      </c>
      <c r="AM3394">
        <v>20046.06367</v>
      </c>
      <c r="AN3394">
        <v>105636.81630000001</v>
      </c>
      <c r="AO3394">
        <v>28539.632010000001</v>
      </c>
      <c r="AP3394">
        <v>24139.386999999999</v>
      </c>
    </row>
    <row r="3395" spans="2:42" x14ac:dyDescent="0.3">
      <c r="B3395">
        <v>69.940561275378457</v>
      </c>
      <c r="C3395" s="83">
        <v>43242.375</v>
      </c>
      <c r="D3395">
        <v>293041.413</v>
      </c>
      <c r="E3395">
        <v>32938.518089999998</v>
      </c>
      <c r="F3395">
        <v>90053.308709999998</v>
      </c>
      <c r="G3395">
        <v>79172.321309999999</v>
      </c>
      <c r="H3395">
        <v>50358.48302</v>
      </c>
      <c r="I3395">
        <v>37850.270539999998</v>
      </c>
      <c r="J3395">
        <v>43352.337780000002</v>
      </c>
      <c r="K3395">
        <v>61497.889029999998</v>
      </c>
      <c r="L3395">
        <v>27073.374019999999</v>
      </c>
      <c r="M3395">
        <v>356589.59759999998</v>
      </c>
      <c r="N3395">
        <v>87238.888699999996</v>
      </c>
      <c r="O3395">
        <v>27044.055520000002</v>
      </c>
      <c r="P3395">
        <v>32002.399539999999</v>
      </c>
      <c r="Q3395">
        <v>98870.416630000007</v>
      </c>
      <c r="R3395">
        <v>20567.64027</v>
      </c>
      <c r="S3395">
        <v>112322.2549</v>
      </c>
      <c r="T3395">
        <v>31598.784210000002</v>
      </c>
      <c r="U3395">
        <v>24823.58469</v>
      </c>
      <c r="W3395" s="83">
        <f>Bühler!N3427</f>
        <v>45433.374999991771</v>
      </c>
      <c r="X3395" s="83">
        <v>43242.375</v>
      </c>
      <c r="Y3395">
        <v>293041.413</v>
      </c>
      <c r="Z3395">
        <v>32938.518089999998</v>
      </c>
      <c r="AA3395">
        <v>90053.308709999998</v>
      </c>
      <c r="AB3395">
        <v>79172.321309999999</v>
      </c>
      <c r="AC3395">
        <v>50358.48302</v>
      </c>
      <c r="AD3395">
        <v>37850.270539999998</v>
      </c>
      <c r="AE3395">
        <v>43352.337780000002</v>
      </c>
      <c r="AF3395">
        <v>61497.889029999998</v>
      </c>
      <c r="AG3395">
        <v>27073.374019999999</v>
      </c>
      <c r="AH3395">
        <v>356589.59759999998</v>
      </c>
      <c r="AI3395">
        <v>87238.888699999996</v>
      </c>
      <c r="AJ3395">
        <v>27044.055520000002</v>
      </c>
      <c r="AK3395">
        <v>32002.399539999999</v>
      </c>
      <c r="AL3395">
        <v>98870.416630000007</v>
      </c>
      <c r="AM3395">
        <v>20567.64027</v>
      </c>
      <c r="AN3395">
        <v>112322.2549</v>
      </c>
      <c r="AO3395">
        <v>31598.784210000002</v>
      </c>
      <c r="AP3395">
        <v>24823.58469</v>
      </c>
    </row>
    <row r="3396" spans="2:42" x14ac:dyDescent="0.3">
      <c r="B3396">
        <v>69.122699683219636</v>
      </c>
      <c r="C3396" s="83">
        <v>43242.416666666664</v>
      </c>
      <c r="D3396">
        <v>296287.19270000001</v>
      </c>
      <c r="E3396">
        <v>34453.52708</v>
      </c>
      <c r="F3396">
        <v>91670.629019999993</v>
      </c>
      <c r="G3396">
        <v>82586.000589999996</v>
      </c>
      <c r="H3396">
        <v>50602.490539999999</v>
      </c>
      <c r="I3396">
        <v>36284.774449999997</v>
      </c>
      <c r="J3396">
        <v>42513.972779999996</v>
      </c>
      <c r="K3396">
        <v>63803.946960000001</v>
      </c>
      <c r="L3396">
        <v>29605.918849999998</v>
      </c>
      <c r="M3396">
        <v>352419.75780000002</v>
      </c>
      <c r="N3396">
        <v>89501.892559999993</v>
      </c>
      <c r="O3396">
        <v>27257.02277</v>
      </c>
      <c r="P3396">
        <v>33209.623229999997</v>
      </c>
      <c r="Q3396">
        <v>99865.342470000003</v>
      </c>
      <c r="R3396">
        <v>20876.43304</v>
      </c>
      <c r="S3396">
        <v>115196.0303</v>
      </c>
      <c r="T3396">
        <v>33939.172160000002</v>
      </c>
      <c r="U3396">
        <v>24627.401959999999</v>
      </c>
      <c r="W3396" s="83">
        <f>Bühler!N3428</f>
        <v>45433.416666658435</v>
      </c>
      <c r="X3396" s="83">
        <v>43242.416666666664</v>
      </c>
      <c r="Y3396">
        <v>296287.19270000001</v>
      </c>
      <c r="Z3396">
        <v>34453.52708</v>
      </c>
      <c r="AA3396">
        <v>91670.629019999993</v>
      </c>
      <c r="AB3396">
        <v>82586.000589999996</v>
      </c>
      <c r="AC3396">
        <v>50602.490539999999</v>
      </c>
      <c r="AD3396">
        <v>36284.774449999997</v>
      </c>
      <c r="AE3396">
        <v>42513.972779999996</v>
      </c>
      <c r="AF3396">
        <v>63803.946960000001</v>
      </c>
      <c r="AG3396">
        <v>29605.918849999998</v>
      </c>
      <c r="AH3396">
        <v>352419.75780000002</v>
      </c>
      <c r="AI3396">
        <v>89501.892559999993</v>
      </c>
      <c r="AJ3396">
        <v>27257.02277</v>
      </c>
      <c r="AK3396">
        <v>33209.623229999997</v>
      </c>
      <c r="AL3396">
        <v>99865.342470000003</v>
      </c>
      <c r="AM3396">
        <v>20876.43304</v>
      </c>
      <c r="AN3396">
        <v>115196.0303</v>
      </c>
      <c r="AO3396">
        <v>33939.172160000002</v>
      </c>
      <c r="AP3396">
        <v>24627.401959999999</v>
      </c>
    </row>
    <row r="3397" spans="2:42" x14ac:dyDescent="0.3">
      <c r="B3397">
        <v>69.567368559690109</v>
      </c>
      <c r="C3397" s="83">
        <v>43242.458333333336</v>
      </c>
      <c r="D3397">
        <v>293401.92489999998</v>
      </c>
      <c r="E3397">
        <v>34691.867380000003</v>
      </c>
      <c r="F3397">
        <v>92402.682979999998</v>
      </c>
      <c r="G3397">
        <v>81616.731929999994</v>
      </c>
      <c r="H3397">
        <v>50569.650199999996</v>
      </c>
      <c r="I3397">
        <v>35209.976329999998</v>
      </c>
      <c r="J3397">
        <v>43092.410210000002</v>
      </c>
      <c r="K3397">
        <v>65276.927380000001</v>
      </c>
      <c r="L3397">
        <v>31512.6018</v>
      </c>
      <c r="M3397">
        <v>354686.88709999999</v>
      </c>
      <c r="N3397">
        <v>89442.727960000004</v>
      </c>
      <c r="O3397">
        <v>27544.843400000002</v>
      </c>
      <c r="P3397">
        <v>33069.910810000001</v>
      </c>
      <c r="Q3397">
        <v>99898.485620000007</v>
      </c>
      <c r="R3397">
        <v>23548.995999999999</v>
      </c>
      <c r="S3397">
        <v>117824.2102</v>
      </c>
      <c r="T3397">
        <v>33670.444380000001</v>
      </c>
      <c r="U3397">
        <v>24169.545170000001</v>
      </c>
      <c r="W3397" s="83">
        <f>Bühler!N3429</f>
        <v>45433.458333325099</v>
      </c>
      <c r="X3397" s="83">
        <v>43242.458333333336</v>
      </c>
      <c r="Y3397">
        <v>293401.92489999998</v>
      </c>
      <c r="Z3397">
        <v>34691.867380000003</v>
      </c>
      <c r="AA3397">
        <v>92402.682979999998</v>
      </c>
      <c r="AB3397">
        <v>81616.731929999994</v>
      </c>
      <c r="AC3397">
        <v>50569.650199999996</v>
      </c>
      <c r="AD3397">
        <v>35209.976329999998</v>
      </c>
      <c r="AE3397">
        <v>43092.410210000002</v>
      </c>
      <c r="AF3397">
        <v>65276.927380000001</v>
      </c>
      <c r="AG3397">
        <v>31512.6018</v>
      </c>
      <c r="AH3397">
        <v>354686.88709999999</v>
      </c>
      <c r="AI3397">
        <v>89442.727960000004</v>
      </c>
      <c r="AJ3397">
        <v>27544.843400000002</v>
      </c>
      <c r="AK3397">
        <v>33069.910810000001</v>
      </c>
      <c r="AL3397">
        <v>99898.485620000007</v>
      </c>
      <c r="AM3397">
        <v>23548.995999999999</v>
      </c>
      <c r="AN3397">
        <v>117824.2102</v>
      </c>
      <c r="AO3397">
        <v>33670.444380000001</v>
      </c>
      <c r="AP3397">
        <v>24169.545170000001</v>
      </c>
    </row>
    <row r="3398" spans="2:42" x14ac:dyDescent="0.3">
      <c r="B3398">
        <v>69.525062935697846</v>
      </c>
      <c r="C3398" s="83">
        <v>43242.5</v>
      </c>
      <c r="D3398">
        <v>282012.22879999998</v>
      </c>
      <c r="E3398">
        <v>31346.694339999998</v>
      </c>
      <c r="F3398">
        <v>86938.803899999999</v>
      </c>
      <c r="G3398">
        <v>81715.001310000007</v>
      </c>
      <c r="H3398">
        <v>48969.814440000002</v>
      </c>
      <c r="I3398">
        <v>34619.144789999998</v>
      </c>
      <c r="J3398">
        <v>42963.439039999997</v>
      </c>
      <c r="K3398">
        <v>60183.179459999999</v>
      </c>
      <c r="L3398">
        <v>33618.509839999999</v>
      </c>
      <c r="M3398">
        <v>354471.19329999998</v>
      </c>
      <c r="N3398">
        <v>88213.833180000001</v>
      </c>
      <c r="O3398">
        <v>25682.700130000001</v>
      </c>
      <c r="P3398">
        <v>33676.66878</v>
      </c>
      <c r="Q3398">
        <v>99158.635500000004</v>
      </c>
      <c r="R3398">
        <v>23593.45047</v>
      </c>
      <c r="S3398">
        <v>112006.1856</v>
      </c>
      <c r="T3398">
        <v>34743.400600000001</v>
      </c>
      <c r="U3398">
        <v>20030.755590000001</v>
      </c>
      <c r="W3398" s="83">
        <f>Bühler!N3430</f>
        <v>45433.499999991764</v>
      </c>
      <c r="X3398" s="83">
        <v>43242.5</v>
      </c>
      <c r="Y3398">
        <v>282012.22879999998</v>
      </c>
      <c r="Z3398">
        <v>31346.694339999998</v>
      </c>
      <c r="AA3398">
        <v>86938.803899999999</v>
      </c>
      <c r="AB3398">
        <v>81715.001310000007</v>
      </c>
      <c r="AC3398">
        <v>48969.814440000002</v>
      </c>
      <c r="AD3398">
        <v>34619.144789999998</v>
      </c>
      <c r="AE3398">
        <v>42963.439039999997</v>
      </c>
      <c r="AF3398">
        <v>60183.179459999999</v>
      </c>
      <c r="AG3398">
        <v>33618.509839999999</v>
      </c>
      <c r="AH3398">
        <v>354471.19329999998</v>
      </c>
      <c r="AI3398">
        <v>88213.833180000001</v>
      </c>
      <c r="AJ3398">
        <v>25682.700130000001</v>
      </c>
      <c r="AK3398">
        <v>33676.66878</v>
      </c>
      <c r="AL3398">
        <v>99158.635500000004</v>
      </c>
      <c r="AM3398">
        <v>23593.45047</v>
      </c>
      <c r="AN3398">
        <v>112006.1856</v>
      </c>
      <c r="AO3398">
        <v>34743.400600000001</v>
      </c>
      <c r="AP3398">
        <v>20030.755590000001</v>
      </c>
    </row>
    <row r="3399" spans="2:42" x14ac:dyDescent="0.3">
      <c r="B3399">
        <v>68.83809782401751</v>
      </c>
      <c r="C3399" s="83">
        <v>43242.541666666664</v>
      </c>
      <c r="D3399">
        <v>284648.45860000001</v>
      </c>
      <c r="E3399">
        <v>31263.462469999999</v>
      </c>
      <c r="F3399">
        <v>84818.579329999993</v>
      </c>
      <c r="G3399">
        <v>78037.630529999995</v>
      </c>
      <c r="H3399">
        <v>49504.436049999997</v>
      </c>
      <c r="I3399">
        <v>33889.80429</v>
      </c>
      <c r="J3399">
        <v>41404.404540000003</v>
      </c>
      <c r="K3399">
        <v>61509.9516</v>
      </c>
      <c r="L3399">
        <v>32029.76585</v>
      </c>
      <c r="M3399">
        <v>350968.72480000003</v>
      </c>
      <c r="N3399">
        <v>89302.353900000002</v>
      </c>
      <c r="O3399">
        <v>25860.153190000001</v>
      </c>
      <c r="P3399">
        <v>33866.900560000002</v>
      </c>
      <c r="Q3399">
        <v>98090.016080000001</v>
      </c>
      <c r="R3399">
        <v>23006.52795</v>
      </c>
      <c r="S3399">
        <v>111413.99400000001</v>
      </c>
      <c r="T3399">
        <v>33705.328269999998</v>
      </c>
      <c r="U3399">
        <v>22500.359830000001</v>
      </c>
      <c r="W3399" s="83">
        <f>Bühler!N3431</f>
        <v>45433.541666658428</v>
      </c>
      <c r="X3399" s="83">
        <v>43242.541666666664</v>
      </c>
      <c r="Y3399">
        <v>284648.45860000001</v>
      </c>
      <c r="Z3399">
        <v>31263.462469999999</v>
      </c>
      <c r="AA3399">
        <v>84818.579329999993</v>
      </c>
      <c r="AB3399">
        <v>78037.630529999995</v>
      </c>
      <c r="AC3399">
        <v>49504.436049999997</v>
      </c>
      <c r="AD3399">
        <v>33889.80429</v>
      </c>
      <c r="AE3399">
        <v>41404.404540000003</v>
      </c>
      <c r="AF3399">
        <v>61509.9516</v>
      </c>
      <c r="AG3399">
        <v>32029.76585</v>
      </c>
      <c r="AH3399">
        <v>350968.72480000003</v>
      </c>
      <c r="AI3399">
        <v>89302.353900000002</v>
      </c>
      <c r="AJ3399">
        <v>25860.153190000001</v>
      </c>
      <c r="AK3399">
        <v>33866.900560000002</v>
      </c>
      <c r="AL3399">
        <v>98090.016080000001</v>
      </c>
      <c r="AM3399">
        <v>23006.52795</v>
      </c>
      <c r="AN3399">
        <v>111413.99400000001</v>
      </c>
      <c r="AO3399">
        <v>33705.328269999998</v>
      </c>
      <c r="AP3399">
        <v>22500.359830000001</v>
      </c>
    </row>
    <row r="3400" spans="2:42" x14ac:dyDescent="0.3">
      <c r="B3400">
        <v>68.926679050156736</v>
      </c>
      <c r="C3400" s="83">
        <v>43242.583333333336</v>
      </c>
      <c r="D3400">
        <v>287450.81530000002</v>
      </c>
      <c r="E3400">
        <v>34153.80212</v>
      </c>
      <c r="F3400">
        <v>90945.590200000006</v>
      </c>
      <c r="G3400">
        <v>72263.675499999998</v>
      </c>
      <c r="H3400">
        <v>49480.684329999996</v>
      </c>
      <c r="I3400">
        <v>34511.839630000002</v>
      </c>
      <c r="J3400">
        <v>41190.234550000001</v>
      </c>
      <c r="K3400">
        <v>63493.362110000002</v>
      </c>
      <c r="L3400">
        <v>28872.235420000001</v>
      </c>
      <c r="M3400">
        <v>351420.35320000001</v>
      </c>
      <c r="N3400">
        <v>90440.288809999998</v>
      </c>
      <c r="O3400">
        <v>25240.611639999999</v>
      </c>
      <c r="P3400">
        <v>30384.696029999999</v>
      </c>
      <c r="Q3400">
        <v>96106.722219999996</v>
      </c>
      <c r="R3400">
        <v>22122.749449999999</v>
      </c>
      <c r="S3400">
        <v>105268.6185</v>
      </c>
      <c r="T3400">
        <v>32250.95276</v>
      </c>
      <c r="U3400">
        <v>22317.281309999998</v>
      </c>
      <c r="W3400" s="83">
        <f>Bühler!N3432</f>
        <v>45433.583333325092</v>
      </c>
      <c r="X3400" s="83">
        <v>43242.583333333336</v>
      </c>
      <c r="Y3400">
        <v>287450.81530000002</v>
      </c>
      <c r="Z3400">
        <v>34153.80212</v>
      </c>
      <c r="AA3400">
        <v>90945.590200000006</v>
      </c>
      <c r="AB3400">
        <v>72263.675499999998</v>
      </c>
      <c r="AC3400">
        <v>49480.684329999996</v>
      </c>
      <c r="AD3400">
        <v>34511.839630000002</v>
      </c>
      <c r="AE3400">
        <v>41190.234550000001</v>
      </c>
      <c r="AF3400">
        <v>63493.362110000002</v>
      </c>
      <c r="AG3400">
        <v>28872.235420000001</v>
      </c>
      <c r="AH3400">
        <v>351420.35320000001</v>
      </c>
      <c r="AI3400">
        <v>90440.288809999998</v>
      </c>
      <c r="AJ3400">
        <v>25240.611639999999</v>
      </c>
      <c r="AK3400">
        <v>30384.696029999999</v>
      </c>
      <c r="AL3400">
        <v>96106.722219999996</v>
      </c>
      <c r="AM3400">
        <v>22122.749449999999</v>
      </c>
      <c r="AN3400">
        <v>105268.6185</v>
      </c>
      <c r="AO3400">
        <v>32250.95276</v>
      </c>
      <c r="AP3400">
        <v>22317.281309999998</v>
      </c>
    </row>
    <row r="3401" spans="2:42" x14ac:dyDescent="0.3">
      <c r="B3401">
        <v>68.474074081283888</v>
      </c>
      <c r="C3401" s="83">
        <v>43242.625</v>
      </c>
      <c r="D3401">
        <v>286899.85639999999</v>
      </c>
      <c r="E3401">
        <v>34002.378949999998</v>
      </c>
      <c r="F3401">
        <v>92148.713029999999</v>
      </c>
      <c r="G3401">
        <v>68394.449810000006</v>
      </c>
      <c r="H3401">
        <v>48257.0677</v>
      </c>
      <c r="I3401">
        <v>35253.946929999998</v>
      </c>
      <c r="J3401">
        <v>41015.870589999999</v>
      </c>
      <c r="K3401">
        <v>62688.334589999999</v>
      </c>
      <c r="L3401">
        <v>25145.843270000001</v>
      </c>
      <c r="M3401">
        <v>349112.76199999999</v>
      </c>
      <c r="N3401">
        <v>88414.535829999993</v>
      </c>
      <c r="O3401">
        <v>25293.35526</v>
      </c>
      <c r="P3401">
        <v>27703.96919</v>
      </c>
      <c r="Q3401">
        <v>94362.75632</v>
      </c>
      <c r="R3401">
        <v>22119.584470000002</v>
      </c>
      <c r="S3401">
        <v>102710.3183</v>
      </c>
      <c r="T3401">
        <v>30695.40092</v>
      </c>
      <c r="U3401">
        <v>22249.64129</v>
      </c>
      <c r="W3401" s="83">
        <f>Bühler!N3433</f>
        <v>45433.624999991756</v>
      </c>
      <c r="X3401" s="83">
        <v>43242.625</v>
      </c>
      <c r="Y3401">
        <v>286899.85639999999</v>
      </c>
      <c r="Z3401">
        <v>34002.378949999998</v>
      </c>
      <c r="AA3401">
        <v>92148.713029999999</v>
      </c>
      <c r="AB3401">
        <v>68394.449810000006</v>
      </c>
      <c r="AC3401">
        <v>48257.0677</v>
      </c>
      <c r="AD3401">
        <v>35253.946929999998</v>
      </c>
      <c r="AE3401">
        <v>41015.870589999999</v>
      </c>
      <c r="AF3401">
        <v>62688.334589999999</v>
      </c>
      <c r="AG3401">
        <v>25145.843270000001</v>
      </c>
      <c r="AH3401">
        <v>349112.76199999999</v>
      </c>
      <c r="AI3401">
        <v>88414.535829999993</v>
      </c>
      <c r="AJ3401">
        <v>25293.35526</v>
      </c>
      <c r="AK3401">
        <v>27703.96919</v>
      </c>
      <c r="AL3401">
        <v>94362.75632</v>
      </c>
      <c r="AM3401">
        <v>22119.584470000002</v>
      </c>
      <c r="AN3401">
        <v>102710.3183</v>
      </c>
      <c r="AO3401">
        <v>30695.40092</v>
      </c>
      <c r="AP3401">
        <v>22249.64129</v>
      </c>
    </row>
    <row r="3402" spans="2:42" x14ac:dyDescent="0.3">
      <c r="B3402">
        <v>67.491205025394848</v>
      </c>
      <c r="C3402" s="83">
        <v>43242.666666666664</v>
      </c>
      <c r="D3402">
        <v>277595.674</v>
      </c>
      <c r="E3402">
        <v>33100.918409999998</v>
      </c>
      <c r="F3402">
        <v>91400.554560000004</v>
      </c>
      <c r="G3402">
        <v>63564.849340000001</v>
      </c>
      <c r="H3402">
        <v>46456.394160000003</v>
      </c>
      <c r="I3402">
        <v>36320.67596</v>
      </c>
      <c r="J3402">
        <v>40098.110110000001</v>
      </c>
      <c r="K3402">
        <v>59411.542939999999</v>
      </c>
      <c r="L3402">
        <v>24454.236440000001</v>
      </c>
      <c r="M3402">
        <v>344101.6372</v>
      </c>
      <c r="N3402">
        <v>85842.431599999996</v>
      </c>
      <c r="O3402">
        <v>24001.70795</v>
      </c>
      <c r="P3402">
        <v>27689.541720000001</v>
      </c>
      <c r="Q3402">
        <v>94855.623340000006</v>
      </c>
      <c r="R3402">
        <v>22132.655149999999</v>
      </c>
      <c r="S3402">
        <v>100520.5768</v>
      </c>
      <c r="T3402">
        <v>29973.471570000002</v>
      </c>
      <c r="U3402">
        <v>20423.818579999999</v>
      </c>
      <c r="W3402" s="83">
        <f>Bühler!N3434</f>
        <v>45433.666666658421</v>
      </c>
      <c r="X3402" s="83">
        <v>43242.666666666664</v>
      </c>
      <c r="Y3402">
        <v>277595.674</v>
      </c>
      <c r="Z3402">
        <v>33100.918409999998</v>
      </c>
      <c r="AA3402">
        <v>91400.554560000004</v>
      </c>
      <c r="AB3402">
        <v>63564.849340000001</v>
      </c>
      <c r="AC3402">
        <v>46456.394160000003</v>
      </c>
      <c r="AD3402">
        <v>36320.67596</v>
      </c>
      <c r="AE3402">
        <v>40098.110110000001</v>
      </c>
      <c r="AF3402">
        <v>59411.542939999999</v>
      </c>
      <c r="AG3402">
        <v>24454.236440000001</v>
      </c>
      <c r="AH3402">
        <v>344101.6372</v>
      </c>
      <c r="AI3402">
        <v>85842.431599999996</v>
      </c>
      <c r="AJ3402">
        <v>24001.70795</v>
      </c>
      <c r="AK3402">
        <v>27689.541720000001</v>
      </c>
      <c r="AL3402">
        <v>94855.623340000006</v>
      </c>
      <c r="AM3402">
        <v>22132.655149999999</v>
      </c>
      <c r="AN3402">
        <v>100520.5768</v>
      </c>
      <c r="AO3402">
        <v>29973.471570000002</v>
      </c>
      <c r="AP3402">
        <v>20423.818579999999</v>
      </c>
    </row>
    <row r="3403" spans="2:42" x14ac:dyDescent="0.3">
      <c r="B3403">
        <v>65.5873720001332</v>
      </c>
      <c r="C3403" s="83">
        <v>43242.708333333336</v>
      </c>
      <c r="D3403">
        <v>267134.41519999999</v>
      </c>
      <c r="E3403">
        <v>31388.070650000001</v>
      </c>
      <c r="F3403">
        <v>90132.34375</v>
      </c>
      <c r="G3403">
        <v>55195.920839999999</v>
      </c>
      <c r="H3403">
        <v>44016.23214</v>
      </c>
      <c r="I3403">
        <v>35513.981379999997</v>
      </c>
      <c r="J3403">
        <v>40143.951139999997</v>
      </c>
      <c r="K3403">
        <v>53667.191959999996</v>
      </c>
      <c r="L3403">
        <v>25080.729960000001</v>
      </c>
      <c r="M3403">
        <v>334395.0086</v>
      </c>
      <c r="N3403">
        <v>83132.363570000001</v>
      </c>
      <c r="O3403">
        <v>23343.382900000001</v>
      </c>
      <c r="P3403">
        <v>28698.942019999999</v>
      </c>
      <c r="Q3403">
        <v>93503.849350000004</v>
      </c>
      <c r="R3403">
        <v>22361.434550000002</v>
      </c>
      <c r="S3403">
        <v>96605.948959999994</v>
      </c>
      <c r="T3403">
        <v>29680.674770000001</v>
      </c>
      <c r="U3403">
        <v>17029.760719999998</v>
      </c>
      <c r="W3403" s="83">
        <f>Bühler!N3435</f>
        <v>45433.708333325085</v>
      </c>
      <c r="X3403" s="83">
        <v>43242.708333333336</v>
      </c>
      <c r="Y3403">
        <v>267134.41519999999</v>
      </c>
      <c r="Z3403">
        <v>31388.070650000001</v>
      </c>
      <c r="AA3403">
        <v>90132.34375</v>
      </c>
      <c r="AB3403">
        <v>55195.920839999999</v>
      </c>
      <c r="AC3403">
        <v>44016.23214</v>
      </c>
      <c r="AD3403">
        <v>35513.981379999997</v>
      </c>
      <c r="AE3403">
        <v>40143.951139999997</v>
      </c>
      <c r="AF3403">
        <v>53667.191959999996</v>
      </c>
      <c r="AG3403">
        <v>25080.729960000001</v>
      </c>
      <c r="AH3403">
        <v>334395.0086</v>
      </c>
      <c r="AI3403">
        <v>83132.363570000001</v>
      </c>
      <c r="AJ3403">
        <v>23343.382900000001</v>
      </c>
      <c r="AK3403">
        <v>28698.942019999999</v>
      </c>
      <c r="AL3403">
        <v>93503.849350000004</v>
      </c>
      <c r="AM3403">
        <v>22361.434550000002</v>
      </c>
      <c r="AN3403">
        <v>96605.948959999994</v>
      </c>
      <c r="AO3403">
        <v>29680.674770000001</v>
      </c>
      <c r="AP3403">
        <v>17029.760719999998</v>
      </c>
    </row>
    <row r="3404" spans="2:42" x14ac:dyDescent="0.3">
      <c r="B3404">
        <v>64.456932410374279</v>
      </c>
      <c r="C3404" s="83">
        <v>43242.75</v>
      </c>
      <c r="D3404">
        <v>261159.0889</v>
      </c>
      <c r="E3404">
        <v>27982.786349999998</v>
      </c>
      <c r="F3404">
        <v>87873.311600000001</v>
      </c>
      <c r="G3404">
        <v>47881.502509999998</v>
      </c>
      <c r="H3404">
        <v>41780.453450000001</v>
      </c>
      <c r="I3404">
        <v>34023.207340000001</v>
      </c>
      <c r="J3404">
        <v>39670.828690000002</v>
      </c>
      <c r="K3404">
        <v>52060.365469999997</v>
      </c>
      <c r="L3404">
        <v>26661.014350000001</v>
      </c>
      <c r="M3404">
        <v>328631.50040000002</v>
      </c>
      <c r="N3404">
        <v>80355.727790000004</v>
      </c>
      <c r="O3404">
        <v>21349.067800000001</v>
      </c>
      <c r="P3404">
        <v>31546.701420000001</v>
      </c>
      <c r="Q3404">
        <v>92137.461710000003</v>
      </c>
      <c r="R3404">
        <v>20062.136470000001</v>
      </c>
      <c r="S3404">
        <v>90300.964649999994</v>
      </c>
      <c r="T3404">
        <v>28918.30557</v>
      </c>
      <c r="U3404">
        <v>15530.98403</v>
      </c>
      <c r="W3404" s="83">
        <f>Bühler!N3436</f>
        <v>45433.749999991749</v>
      </c>
      <c r="X3404" s="83">
        <v>43242.75</v>
      </c>
      <c r="Y3404">
        <v>261159.0889</v>
      </c>
      <c r="Z3404">
        <v>27982.786349999998</v>
      </c>
      <c r="AA3404">
        <v>87873.311600000001</v>
      </c>
      <c r="AB3404">
        <v>47881.502509999998</v>
      </c>
      <c r="AC3404">
        <v>41780.453450000001</v>
      </c>
      <c r="AD3404">
        <v>34023.207340000001</v>
      </c>
      <c r="AE3404">
        <v>39670.828690000002</v>
      </c>
      <c r="AF3404">
        <v>52060.365469999997</v>
      </c>
      <c r="AG3404">
        <v>26661.014350000001</v>
      </c>
      <c r="AH3404">
        <v>328631.50040000002</v>
      </c>
      <c r="AI3404">
        <v>80355.727790000004</v>
      </c>
      <c r="AJ3404">
        <v>21349.067800000001</v>
      </c>
      <c r="AK3404">
        <v>31546.701420000001</v>
      </c>
      <c r="AL3404">
        <v>92137.461710000003</v>
      </c>
      <c r="AM3404">
        <v>20062.136470000001</v>
      </c>
      <c r="AN3404">
        <v>90300.964649999994</v>
      </c>
      <c r="AO3404">
        <v>28918.30557</v>
      </c>
      <c r="AP3404">
        <v>15530.98403</v>
      </c>
    </row>
    <row r="3405" spans="2:42" x14ac:dyDescent="0.3">
      <c r="B3405">
        <v>62.921506779419268</v>
      </c>
      <c r="C3405" s="83">
        <v>43242.791666666664</v>
      </c>
      <c r="D3405">
        <v>255974.9841</v>
      </c>
      <c r="E3405">
        <v>22293.07561</v>
      </c>
      <c r="F3405">
        <v>77051.035459999999</v>
      </c>
      <c r="G3405">
        <v>43259.253380000002</v>
      </c>
      <c r="H3405">
        <v>39248.37126</v>
      </c>
      <c r="I3405">
        <v>31637.58468</v>
      </c>
      <c r="J3405">
        <v>38838.353539999996</v>
      </c>
      <c r="K3405">
        <v>51108.068489999998</v>
      </c>
      <c r="L3405">
        <v>27116.41401</v>
      </c>
      <c r="M3405">
        <v>320803.18449999997</v>
      </c>
      <c r="N3405">
        <v>79583.306989999997</v>
      </c>
      <c r="O3405">
        <v>20685.4827</v>
      </c>
      <c r="P3405">
        <v>33836.576249999998</v>
      </c>
      <c r="Q3405">
        <v>89196.339040000006</v>
      </c>
      <c r="R3405">
        <v>18852.589899999999</v>
      </c>
      <c r="S3405">
        <v>86204.336469999995</v>
      </c>
      <c r="T3405">
        <v>29676.038079999998</v>
      </c>
      <c r="U3405">
        <v>14737.17798</v>
      </c>
      <c r="W3405" s="83">
        <f>Bühler!N3437</f>
        <v>45433.791666658413</v>
      </c>
      <c r="X3405" s="83">
        <v>43242.791666666664</v>
      </c>
      <c r="Y3405">
        <v>255974.9841</v>
      </c>
      <c r="Z3405">
        <v>22293.07561</v>
      </c>
      <c r="AA3405">
        <v>77051.035459999999</v>
      </c>
      <c r="AB3405">
        <v>43259.253380000002</v>
      </c>
      <c r="AC3405">
        <v>39248.37126</v>
      </c>
      <c r="AD3405">
        <v>31637.58468</v>
      </c>
      <c r="AE3405">
        <v>38838.353539999996</v>
      </c>
      <c r="AF3405">
        <v>51108.068489999998</v>
      </c>
      <c r="AG3405">
        <v>27116.41401</v>
      </c>
      <c r="AH3405">
        <v>320803.18449999997</v>
      </c>
      <c r="AI3405">
        <v>79583.306989999997</v>
      </c>
      <c r="AJ3405">
        <v>20685.4827</v>
      </c>
      <c r="AK3405">
        <v>33836.576249999998</v>
      </c>
      <c r="AL3405">
        <v>89196.339040000006</v>
      </c>
      <c r="AM3405">
        <v>18852.589899999999</v>
      </c>
      <c r="AN3405">
        <v>86204.336469999995</v>
      </c>
      <c r="AO3405">
        <v>29676.038079999998</v>
      </c>
      <c r="AP3405">
        <v>14737.17798</v>
      </c>
    </row>
    <row r="3406" spans="2:42" x14ac:dyDescent="0.3">
      <c r="B3406">
        <v>61.410666365192782</v>
      </c>
      <c r="C3406" s="83">
        <v>43242.833333333336</v>
      </c>
      <c r="D3406">
        <v>247235.4938</v>
      </c>
      <c r="E3406">
        <v>16577.260429999998</v>
      </c>
      <c r="F3406">
        <v>60626.395360000002</v>
      </c>
      <c r="G3406">
        <v>38265.33337</v>
      </c>
      <c r="H3406">
        <v>36718.392899999999</v>
      </c>
      <c r="I3406">
        <v>27845.189849999999</v>
      </c>
      <c r="J3406">
        <v>37825.909820000001</v>
      </c>
      <c r="K3406">
        <v>50158.005340000003</v>
      </c>
      <c r="L3406">
        <v>26558.27043</v>
      </c>
      <c r="M3406">
        <v>313100.21549999999</v>
      </c>
      <c r="N3406">
        <v>76788.495259999996</v>
      </c>
      <c r="O3406">
        <v>19788.807290000001</v>
      </c>
      <c r="P3406">
        <v>34618.881350000003</v>
      </c>
      <c r="Q3406">
        <v>87080.244070000001</v>
      </c>
      <c r="R3406">
        <v>17818.709910000001</v>
      </c>
      <c r="S3406">
        <v>78576.561759999997</v>
      </c>
      <c r="T3406">
        <v>28956.761470000001</v>
      </c>
      <c r="U3406">
        <v>13830.718129999999</v>
      </c>
      <c r="W3406" s="83">
        <f>Bühler!N3438</f>
        <v>45433.833333325078</v>
      </c>
      <c r="X3406" s="83">
        <v>43242.833333333336</v>
      </c>
      <c r="Y3406">
        <v>247235.4938</v>
      </c>
      <c r="Z3406">
        <v>16577.260429999998</v>
      </c>
      <c r="AA3406">
        <v>60626.395360000002</v>
      </c>
      <c r="AB3406">
        <v>38265.33337</v>
      </c>
      <c r="AC3406">
        <v>36718.392899999999</v>
      </c>
      <c r="AD3406">
        <v>27845.189849999999</v>
      </c>
      <c r="AE3406">
        <v>37825.909820000001</v>
      </c>
      <c r="AF3406">
        <v>50158.005340000003</v>
      </c>
      <c r="AG3406">
        <v>26558.27043</v>
      </c>
      <c r="AH3406">
        <v>313100.21549999999</v>
      </c>
      <c r="AI3406">
        <v>76788.495259999996</v>
      </c>
      <c r="AJ3406">
        <v>19788.807290000001</v>
      </c>
      <c r="AK3406">
        <v>34618.881350000003</v>
      </c>
      <c r="AL3406">
        <v>87080.244070000001</v>
      </c>
      <c r="AM3406">
        <v>17818.709910000001</v>
      </c>
      <c r="AN3406">
        <v>78576.561759999997</v>
      </c>
      <c r="AO3406">
        <v>28956.761470000001</v>
      </c>
      <c r="AP3406">
        <v>13830.718129999999</v>
      </c>
    </row>
    <row r="3407" spans="2:42" x14ac:dyDescent="0.3">
      <c r="B3407">
        <v>59.795258289979145</v>
      </c>
      <c r="C3407" s="83">
        <v>43242.875</v>
      </c>
      <c r="D3407">
        <v>239320.34640000001</v>
      </c>
      <c r="E3407">
        <v>14275.06025</v>
      </c>
      <c r="F3407">
        <v>53544.548540000003</v>
      </c>
      <c r="G3407">
        <v>36699.008049999997</v>
      </c>
      <c r="H3407">
        <v>35767.012640000001</v>
      </c>
      <c r="I3407">
        <v>24215.600460000001</v>
      </c>
      <c r="J3407">
        <v>38789.219819999998</v>
      </c>
      <c r="K3407">
        <v>49207.218229999999</v>
      </c>
      <c r="L3407">
        <v>25906.361120000001</v>
      </c>
      <c r="M3407">
        <v>304864.11180000001</v>
      </c>
      <c r="N3407">
        <v>75328.114799999996</v>
      </c>
      <c r="O3407">
        <v>19646.14561</v>
      </c>
      <c r="P3407">
        <v>32963.828560000002</v>
      </c>
      <c r="Q3407">
        <v>84326.972559999995</v>
      </c>
      <c r="R3407">
        <v>17687.673330000001</v>
      </c>
      <c r="S3407">
        <v>75506.744409999999</v>
      </c>
      <c r="T3407">
        <v>27198.60196</v>
      </c>
      <c r="U3407">
        <v>13257.00043</v>
      </c>
      <c r="W3407" s="83">
        <f>Bühler!N3439</f>
        <v>45433.874999991742</v>
      </c>
      <c r="X3407" s="83">
        <v>43242.875</v>
      </c>
      <c r="Y3407">
        <v>239320.34640000001</v>
      </c>
      <c r="Z3407">
        <v>14275.06025</v>
      </c>
      <c r="AA3407">
        <v>53544.548540000003</v>
      </c>
      <c r="AB3407">
        <v>36699.008049999997</v>
      </c>
      <c r="AC3407">
        <v>35767.012640000001</v>
      </c>
      <c r="AD3407">
        <v>24215.600460000001</v>
      </c>
      <c r="AE3407">
        <v>38789.219819999998</v>
      </c>
      <c r="AF3407">
        <v>49207.218229999999</v>
      </c>
      <c r="AG3407">
        <v>25906.361120000001</v>
      </c>
      <c r="AH3407">
        <v>304864.11180000001</v>
      </c>
      <c r="AI3407">
        <v>75328.114799999996</v>
      </c>
      <c r="AJ3407">
        <v>19646.14561</v>
      </c>
      <c r="AK3407">
        <v>32963.828560000002</v>
      </c>
      <c r="AL3407">
        <v>84326.972559999995</v>
      </c>
      <c r="AM3407">
        <v>17687.673330000001</v>
      </c>
      <c r="AN3407">
        <v>75506.744409999999</v>
      </c>
      <c r="AO3407">
        <v>27198.60196</v>
      </c>
      <c r="AP3407">
        <v>13257.00043</v>
      </c>
    </row>
    <row r="3408" spans="2:42" x14ac:dyDescent="0.3">
      <c r="B3408">
        <v>58.62843007125678</v>
      </c>
      <c r="C3408" s="83">
        <v>43242.916666666664</v>
      </c>
      <c r="D3408">
        <v>237493.8812</v>
      </c>
      <c r="E3408">
        <v>13733.573780000001</v>
      </c>
      <c r="F3408">
        <v>51259.887779999997</v>
      </c>
      <c r="G3408">
        <v>35528.088940000001</v>
      </c>
      <c r="H3408">
        <v>36180.814230000004</v>
      </c>
      <c r="I3408">
        <v>22488.883720000002</v>
      </c>
      <c r="J3408">
        <v>38932.494129999999</v>
      </c>
      <c r="K3408">
        <v>52894.247389999997</v>
      </c>
      <c r="L3408">
        <v>23169.289489999999</v>
      </c>
      <c r="M3408">
        <v>298915.07740000001</v>
      </c>
      <c r="N3408">
        <v>75340.482220000005</v>
      </c>
      <c r="O3408">
        <v>20333.801479999998</v>
      </c>
      <c r="P3408">
        <v>34565.631500000003</v>
      </c>
      <c r="Q3408">
        <v>83603.281700000007</v>
      </c>
      <c r="R3408">
        <v>19400.172170000002</v>
      </c>
      <c r="S3408">
        <v>75123.451260000002</v>
      </c>
      <c r="T3408">
        <v>23746.548040000001</v>
      </c>
      <c r="U3408">
        <v>13840.427089999999</v>
      </c>
      <c r="W3408" s="83">
        <f>Bühler!N3440</f>
        <v>45433.916666658406</v>
      </c>
      <c r="X3408" s="83">
        <v>43242.916666666664</v>
      </c>
      <c r="Y3408">
        <v>237493.8812</v>
      </c>
      <c r="Z3408">
        <v>13733.573780000001</v>
      </c>
      <c r="AA3408">
        <v>51259.887779999997</v>
      </c>
      <c r="AB3408">
        <v>35528.088940000001</v>
      </c>
      <c r="AC3408">
        <v>36180.814230000004</v>
      </c>
      <c r="AD3408">
        <v>22488.883720000002</v>
      </c>
      <c r="AE3408">
        <v>38932.494129999999</v>
      </c>
      <c r="AF3408">
        <v>52894.247389999997</v>
      </c>
      <c r="AG3408">
        <v>23169.289489999999</v>
      </c>
      <c r="AH3408">
        <v>298915.07740000001</v>
      </c>
      <c r="AI3408">
        <v>75340.482220000005</v>
      </c>
      <c r="AJ3408">
        <v>20333.801479999998</v>
      </c>
      <c r="AK3408">
        <v>34565.631500000003</v>
      </c>
      <c r="AL3408">
        <v>83603.281700000007</v>
      </c>
      <c r="AM3408">
        <v>19400.172170000002</v>
      </c>
      <c r="AN3408">
        <v>75123.451260000002</v>
      </c>
      <c r="AO3408">
        <v>23746.548040000001</v>
      </c>
      <c r="AP3408">
        <v>13840.427089999999</v>
      </c>
    </row>
    <row r="3409" spans="2:42" x14ac:dyDescent="0.3">
      <c r="B3409">
        <v>57.948796811449689</v>
      </c>
      <c r="C3409" s="83">
        <v>43242.958333333336</v>
      </c>
      <c r="D3409">
        <v>238285.03479999999</v>
      </c>
      <c r="E3409">
        <v>13033.07388</v>
      </c>
      <c r="F3409">
        <v>49909.459190000001</v>
      </c>
      <c r="G3409">
        <v>34608.985050000003</v>
      </c>
      <c r="H3409">
        <v>35068.146209999999</v>
      </c>
      <c r="I3409">
        <v>21651.752329999999</v>
      </c>
      <c r="J3409">
        <v>36038.353519999997</v>
      </c>
      <c r="K3409">
        <v>52155.568870000003</v>
      </c>
      <c r="L3409">
        <v>19493.80846</v>
      </c>
      <c r="M3409">
        <v>295449.9901</v>
      </c>
      <c r="N3409">
        <v>75413.343859999994</v>
      </c>
      <c r="O3409">
        <v>20426.083790000001</v>
      </c>
      <c r="P3409">
        <v>30546.022000000001</v>
      </c>
      <c r="Q3409">
        <v>82666.611640000003</v>
      </c>
      <c r="R3409">
        <v>19952.144919999999</v>
      </c>
      <c r="S3409">
        <v>73482.421369999996</v>
      </c>
      <c r="T3409">
        <v>21498.08295</v>
      </c>
      <c r="U3409">
        <v>13177.4881</v>
      </c>
      <c r="W3409" s="83">
        <f>Bühler!N3441</f>
        <v>45433.95833332507</v>
      </c>
      <c r="X3409" s="83">
        <v>43242.958333333336</v>
      </c>
      <c r="Y3409">
        <v>238285.03479999999</v>
      </c>
      <c r="Z3409">
        <v>13033.07388</v>
      </c>
      <c r="AA3409">
        <v>49909.459190000001</v>
      </c>
      <c r="AB3409">
        <v>34608.985050000003</v>
      </c>
      <c r="AC3409">
        <v>35068.146209999999</v>
      </c>
      <c r="AD3409">
        <v>21651.752329999999</v>
      </c>
      <c r="AE3409">
        <v>36038.353519999997</v>
      </c>
      <c r="AF3409">
        <v>52155.568870000003</v>
      </c>
      <c r="AG3409">
        <v>19493.80846</v>
      </c>
      <c r="AH3409">
        <v>295449.9901</v>
      </c>
      <c r="AI3409">
        <v>75413.343859999994</v>
      </c>
      <c r="AJ3409">
        <v>20426.083790000001</v>
      </c>
      <c r="AK3409">
        <v>30546.022000000001</v>
      </c>
      <c r="AL3409">
        <v>82666.611640000003</v>
      </c>
      <c r="AM3409">
        <v>19952.144919999999</v>
      </c>
      <c r="AN3409">
        <v>73482.421369999996</v>
      </c>
      <c r="AO3409">
        <v>21498.08295</v>
      </c>
      <c r="AP3409">
        <v>13177.4881</v>
      </c>
    </row>
    <row r="3410" spans="2:42" x14ac:dyDescent="0.3">
      <c r="B3410">
        <v>56.72134901043124</v>
      </c>
      <c r="C3410" s="83">
        <v>43243</v>
      </c>
      <c r="D3410">
        <v>237340.67370000001</v>
      </c>
      <c r="E3410">
        <v>12713.397059999999</v>
      </c>
      <c r="F3410">
        <v>48822.042589999997</v>
      </c>
      <c r="G3410">
        <v>33886.154040000001</v>
      </c>
      <c r="H3410">
        <v>34342.270470000003</v>
      </c>
      <c r="I3410">
        <v>19880.58914</v>
      </c>
      <c r="J3410">
        <v>33535.499689999997</v>
      </c>
      <c r="K3410">
        <v>50899.183429999997</v>
      </c>
      <c r="L3410">
        <v>17634.675620000002</v>
      </c>
      <c r="M3410">
        <v>289191.88880000002</v>
      </c>
      <c r="N3410">
        <v>74600.889160000006</v>
      </c>
      <c r="O3410">
        <v>20505.890319999999</v>
      </c>
      <c r="P3410">
        <v>28306.570930000002</v>
      </c>
      <c r="Q3410">
        <v>82159.817569999999</v>
      </c>
      <c r="R3410">
        <v>16769.658599999999</v>
      </c>
      <c r="S3410">
        <v>72747.718129999994</v>
      </c>
      <c r="T3410">
        <v>19844.98414</v>
      </c>
      <c r="U3410">
        <v>13119.43181</v>
      </c>
      <c r="W3410" s="83">
        <f>Bühler!N3442</f>
        <v>45433.999999991735</v>
      </c>
      <c r="X3410" s="83">
        <v>43243</v>
      </c>
      <c r="Y3410">
        <v>237340.67370000001</v>
      </c>
      <c r="Z3410">
        <v>12713.397059999999</v>
      </c>
      <c r="AA3410">
        <v>48822.042589999997</v>
      </c>
      <c r="AB3410">
        <v>33886.154040000001</v>
      </c>
      <c r="AC3410">
        <v>34342.270470000003</v>
      </c>
      <c r="AD3410">
        <v>19880.58914</v>
      </c>
      <c r="AE3410">
        <v>33535.499689999997</v>
      </c>
      <c r="AF3410">
        <v>50899.183429999997</v>
      </c>
      <c r="AG3410">
        <v>17634.675620000002</v>
      </c>
      <c r="AH3410">
        <v>289191.88880000002</v>
      </c>
      <c r="AI3410">
        <v>74600.889160000006</v>
      </c>
      <c r="AJ3410">
        <v>20505.890319999999</v>
      </c>
      <c r="AK3410">
        <v>28306.570930000002</v>
      </c>
      <c r="AL3410">
        <v>82159.817569999999</v>
      </c>
      <c r="AM3410">
        <v>16769.658599999999</v>
      </c>
      <c r="AN3410">
        <v>72747.718129999994</v>
      </c>
      <c r="AO3410">
        <v>19844.98414</v>
      </c>
      <c r="AP3410">
        <v>13119.43181</v>
      </c>
    </row>
    <row r="3411" spans="2:42" x14ac:dyDescent="0.3">
      <c r="B3411">
        <v>56.645535721870466</v>
      </c>
      <c r="C3411" s="83">
        <v>43243.041666666664</v>
      </c>
      <c r="D3411">
        <v>236675.37659999999</v>
      </c>
      <c r="E3411">
        <v>12542.49928</v>
      </c>
      <c r="F3411">
        <v>48232.934650000003</v>
      </c>
      <c r="G3411">
        <v>32983.368139999999</v>
      </c>
      <c r="H3411">
        <v>34001.132400000002</v>
      </c>
      <c r="I3411">
        <v>15883.03436</v>
      </c>
      <c r="J3411">
        <v>32672.483329999999</v>
      </c>
      <c r="K3411">
        <v>48049.822200000002</v>
      </c>
      <c r="L3411">
        <v>16646.073380000002</v>
      </c>
      <c r="M3411">
        <v>288805.35729999997</v>
      </c>
      <c r="N3411">
        <v>73850.218250000005</v>
      </c>
      <c r="O3411">
        <v>19632.244289999999</v>
      </c>
      <c r="P3411">
        <v>26497.49725</v>
      </c>
      <c r="Q3411">
        <v>82316.306530000002</v>
      </c>
      <c r="R3411">
        <v>14913.568230000001</v>
      </c>
      <c r="S3411">
        <v>71361.174440000003</v>
      </c>
      <c r="T3411">
        <v>18957.839599999999</v>
      </c>
      <c r="U3411">
        <v>12802.080089999999</v>
      </c>
      <c r="W3411" s="83">
        <f>Bühler!N3443</f>
        <v>45434.041666658399</v>
      </c>
      <c r="X3411" s="83">
        <v>43243.041666666664</v>
      </c>
      <c r="Y3411">
        <v>236675.37659999999</v>
      </c>
      <c r="Z3411">
        <v>12542.49928</v>
      </c>
      <c r="AA3411">
        <v>48232.934650000003</v>
      </c>
      <c r="AB3411">
        <v>32983.368139999999</v>
      </c>
      <c r="AC3411">
        <v>34001.132400000002</v>
      </c>
      <c r="AD3411">
        <v>15883.03436</v>
      </c>
      <c r="AE3411">
        <v>32672.483329999999</v>
      </c>
      <c r="AF3411">
        <v>48049.822200000002</v>
      </c>
      <c r="AG3411">
        <v>16646.073380000002</v>
      </c>
      <c r="AH3411">
        <v>288805.35729999997</v>
      </c>
      <c r="AI3411">
        <v>73850.218250000005</v>
      </c>
      <c r="AJ3411">
        <v>19632.244289999999</v>
      </c>
      <c r="AK3411">
        <v>26497.49725</v>
      </c>
      <c r="AL3411">
        <v>82316.306530000002</v>
      </c>
      <c r="AM3411">
        <v>14913.568230000001</v>
      </c>
      <c r="AN3411">
        <v>71361.174440000003</v>
      </c>
      <c r="AO3411">
        <v>18957.839599999999</v>
      </c>
      <c r="AP3411">
        <v>12802.080089999999</v>
      </c>
    </row>
    <row r="3412" spans="2:42" x14ac:dyDescent="0.3">
      <c r="B3412">
        <v>56.487795168915973</v>
      </c>
      <c r="C3412" s="83">
        <v>43243.083333333336</v>
      </c>
      <c r="D3412">
        <v>235953.0693</v>
      </c>
      <c r="E3412">
        <v>12479.02362</v>
      </c>
      <c r="F3412">
        <v>49017.575510000002</v>
      </c>
      <c r="G3412">
        <v>32448.005209999999</v>
      </c>
      <c r="H3412">
        <v>33713.58483</v>
      </c>
      <c r="I3412">
        <v>14009.368899999999</v>
      </c>
      <c r="J3412">
        <v>32818.29565</v>
      </c>
      <c r="K3412">
        <v>45921.816579999999</v>
      </c>
      <c r="L3412">
        <v>16337.172850000001</v>
      </c>
      <c r="M3412">
        <v>288001.12239999999</v>
      </c>
      <c r="N3412">
        <v>72774.545849999995</v>
      </c>
      <c r="O3412">
        <v>19598.777839999999</v>
      </c>
      <c r="P3412">
        <v>25436.938760000001</v>
      </c>
      <c r="Q3412">
        <v>85323.436040000001</v>
      </c>
      <c r="R3412">
        <v>15688.82101</v>
      </c>
      <c r="S3412">
        <v>70312.058319999996</v>
      </c>
      <c r="T3412">
        <v>18752.053349999998</v>
      </c>
      <c r="U3412">
        <v>12751.97388</v>
      </c>
      <c r="W3412" s="83">
        <f>Bühler!N3444</f>
        <v>45434.083333325063</v>
      </c>
      <c r="X3412" s="83">
        <v>43243.083333333336</v>
      </c>
      <c r="Y3412">
        <v>235953.0693</v>
      </c>
      <c r="Z3412">
        <v>12479.02362</v>
      </c>
      <c r="AA3412">
        <v>49017.575510000002</v>
      </c>
      <c r="AB3412">
        <v>32448.005209999999</v>
      </c>
      <c r="AC3412">
        <v>33713.58483</v>
      </c>
      <c r="AD3412">
        <v>14009.368899999999</v>
      </c>
      <c r="AE3412">
        <v>32818.29565</v>
      </c>
      <c r="AF3412">
        <v>45921.816579999999</v>
      </c>
      <c r="AG3412">
        <v>16337.172850000001</v>
      </c>
      <c r="AH3412">
        <v>288001.12239999999</v>
      </c>
      <c r="AI3412">
        <v>72774.545849999995</v>
      </c>
      <c r="AJ3412">
        <v>19598.777839999999</v>
      </c>
      <c r="AK3412">
        <v>25436.938760000001</v>
      </c>
      <c r="AL3412">
        <v>85323.436040000001</v>
      </c>
      <c r="AM3412">
        <v>15688.82101</v>
      </c>
      <c r="AN3412">
        <v>70312.058319999996</v>
      </c>
      <c r="AO3412">
        <v>18752.053349999998</v>
      </c>
      <c r="AP3412">
        <v>12751.97388</v>
      </c>
    </row>
    <row r="3413" spans="2:42" x14ac:dyDescent="0.3">
      <c r="B3413">
        <v>56.92648779724508</v>
      </c>
      <c r="C3413" s="83">
        <v>43243.125</v>
      </c>
      <c r="D3413">
        <v>237572.973</v>
      </c>
      <c r="E3413">
        <v>12501.976269999999</v>
      </c>
      <c r="F3413">
        <v>50128.546410000003</v>
      </c>
      <c r="G3413">
        <v>31660.10799</v>
      </c>
      <c r="H3413">
        <v>33576.311309999997</v>
      </c>
      <c r="I3413">
        <v>13581.552320000001</v>
      </c>
      <c r="J3413">
        <v>33412.407720000003</v>
      </c>
      <c r="K3413">
        <v>44951.005660000003</v>
      </c>
      <c r="L3413">
        <v>16191.477849999999</v>
      </c>
      <c r="M3413">
        <v>290237.78200000001</v>
      </c>
      <c r="N3413">
        <v>71638.883990000002</v>
      </c>
      <c r="O3413">
        <v>18570.164349999999</v>
      </c>
      <c r="P3413">
        <v>24289.473910000001</v>
      </c>
      <c r="Q3413">
        <v>88428.735669999995</v>
      </c>
      <c r="R3413">
        <v>15828.749040000001</v>
      </c>
      <c r="S3413">
        <v>69792.361290000001</v>
      </c>
      <c r="T3413">
        <v>18352.005710000001</v>
      </c>
      <c r="U3413">
        <v>12884.03974</v>
      </c>
      <c r="W3413" s="83">
        <f>Bühler!N3445</f>
        <v>45434.124999991727</v>
      </c>
      <c r="X3413" s="83">
        <v>43243.125</v>
      </c>
      <c r="Y3413">
        <v>237572.973</v>
      </c>
      <c r="Z3413">
        <v>12501.976269999999</v>
      </c>
      <c r="AA3413">
        <v>50128.546410000003</v>
      </c>
      <c r="AB3413">
        <v>31660.10799</v>
      </c>
      <c r="AC3413">
        <v>33576.311309999997</v>
      </c>
      <c r="AD3413">
        <v>13581.552320000001</v>
      </c>
      <c r="AE3413">
        <v>33412.407720000003</v>
      </c>
      <c r="AF3413">
        <v>44951.005660000003</v>
      </c>
      <c r="AG3413">
        <v>16191.477849999999</v>
      </c>
      <c r="AH3413">
        <v>290237.78200000001</v>
      </c>
      <c r="AI3413">
        <v>71638.883990000002</v>
      </c>
      <c r="AJ3413">
        <v>18570.164349999999</v>
      </c>
      <c r="AK3413">
        <v>24289.473910000001</v>
      </c>
      <c r="AL3413">
        <v>88428.735669999995</v>
      </c>
      <c r="AM3413">
        <v>15828.749040000001</v>
      </c>
      <c r="AN3413">
        <v>69792.361290000001</v>
      </c>
      <c r="AO3413">
        <v>18352.005710000001</v>
      </c>
      <c r="AP3413">
        <v>12884.03974</v>
      </c>
    </row>
    <row r="3414" spans="2:42" x14ac:dyDescent="0.3">
      <c r="B3414">
        <v>58.687837524338796</v>
      </c>
      <c r="C3414" s="83">
        <v>43243.166666666664</v>
      </c>
      <c r="D3414">
        <v>239736.10759999999</v>
      </c>
      <c r="E3414">
        <v>12994.14597</v>
      </c>
      <c r="F3414">
        <v>53088.205320000001</v>
      </c>
      <c r="G3414">
        <v>31009.27836</v>
      </c>
      <c r="H3414">
        <v>34411.335870000003</v>
      </c>
      <c r="I3414">
        <v>15659.08648</v>
      </c>
      <c r="J3414">
        <v>35493.198479999999</v>
      </c>
      <c r="K3414">
        <v>44347.56366</v>
      </c>
      <c r="L3414">
        <v>16429.962930000002</v>
      </c>
      <c r="M3414">
        <v>299217.96429999999</v>
      </c>
      <c r="N3414">
        <v>70150.698799999998</v>
      </c>
      <c r="O3414">
        <v>18289.40324</v>
      </c>
      <c r="P3414">
        <v>23707.378959999998</v>
      </c>
      <c r="Q3414">
        <v>91310.646089999995</v>
      </c>
      <c r="R3414">
        <v>15349.167030000001</v>
      </c>
      <c r="S3414">
        <v>70292.429680000001</v>
      </c>
      <c r="T3414">
        <v>18501.392210000002</v>
      </c>
      <c r="U3414">
        <v>13238.34475</v>
      </c>
      <c r="W3414" s="83">
        <f>Bühler!N3446</f>
        <v>45434.166666658391</v>
      </c>
      <c r="X3414" s="83">
        <v>43243.166666666664</v>
      </c>
      <c r="Y3414">
        <v>239736.10759999999</v>
      </c>
      <c r="Z3414">
        <v>12994.14597</v>
      </c>
      <c r="AA3414">
        <v>53088.205320000001</v>
      </c>
      <c r="AB3414">
        <v>31009.27836</v>
      </c>
      <c r="AC3414">
        <v>34411.335870000003</v>
      </c>
      <c r="AD3414">
        <v>15659.08648</v>
      </c>
      <c r="AE3414">
        <v>35493.198479999999</v>
      </c>
      <c r="AF3414">
        <v>44347.56366</v>
      </c>
      <c r="AG3414">
        <v>16429.962930000002</v>
      </c>
      <c r="AH3414">
        <v>299217.96429999999</v>
      </c>
      <c r="AI3414">
        <v>70150.698799999998</v>
      </c>
      <c r="AJ3414">
        <v>18289.40324</v>
      </c>
      <c r="AK3414">
        <v>23707.378959999998</v>
      </c>
      <c r="AL3414">
        <v>91310.646089999995</v>
      </c>
      <c r="AM3414">
        <v>15349.167030000001</v>
      </c>
      <c r="AN3414">
        <v>70292.429680000001</v>
      </c>
      <c r="AO3414">
        <v>18501.392210000002</v>
      </c>
      <c r="AP3414">
        <v>13238.34475</v>
      </c>
    </row>
    <row r="3415" spans="2:42" x14ac:dyDescent="0.3">
      <c r="B3415">
        <v>61.626027559394345</v>
      </c>
      <c r="C3415" s="83">
        <v>43243.208333333336</v>
      </c>
      <c r="D3415">
        <v>255090.87659999999</v>
      </c>
      <c r="E3415">
        <v>14807.55169</v>
      </c>
      <c r="F3415">
        <v>62810.216639999999</v>
      </c>
      <c r="G3415">
        <v>32926.171719999998</v>
      </c>
      <c r="H3415">
        <v>35724.940399999999</v>
      </c>
      <c r="I3415">
        <v>23455.046249999999</v>
      </c>
      <c r="J3415">
        <v>38364.170910000001</v>
      </c>
      <c r="K3415">
        <v>44871.267699999997</v>
      </c>
      <c r="L3415">
        <v>16524.634330000001</v>
      </c>
      <c r="M3415">
        <v>314198.22730000003</v>
      </c>
      <c r="N3415">
        <v>71121.333469999998</v>
      </c>
      <c r="O3415">
        <v>19431.013299999999</v>
      </c>
      <c r="P3415">
        <v>25317.137200000001</v>
      </c>
      <c r="Q3415">
        <v>93803.729420000003</v>
      </c>
      <c r="R3415">
        <v>17736.7251</v>
      </c>
      <c r="S3415">
        <v>72474.956520000007</v>
      </c>
      <c r="T3415">
        <v>20230.940770000001</v>
      </c>
      <c r="U3415">
        <v>15278.4468</v>
      </c>
      <c r="W3415" s="83">
        <f>Bühler!N3447</f>
        <v>45434.208333325056</v>
      </c>
      <c r="X3415" s="83">
        <v>43243.208333333336</v>
      </c>
      <c r="Y3415">
        <v>255090.87659999999</v>
      </c>
      <c r="Z3415">
        <v>14807.55169</v>
      </c>
      <c r="AA3415">
        <v>62810.216639999999</v>
      </c>
      <c r="AB3415">
        <v>32926.171719999998</v>
      </c>
      <c r="AC3415">
        <v>35724.940399999999</v>
      </c>
      <c r="AD3415">
        <v>23455.046249999999</v>
      </c>
      <c r="AE3415">
        <v>38364.170910000001</v>
      </c>
      <c r="AF3415">
        <v>44871.267699999997</v>
      </c>
      <c r="AG3415">
        <v>16524.634330000001</v>
      </c>
      <c r="AH3415">
        <v>314198.22730000003</v>
      </c>
      <c r="AI3415">
        <v>71121.333469999998</v>
      </c>
      <c r="AJ3415">
        <v>19431.013299999999</v>
      </c>
      <c r="AK3415">
        <v>25317.137200000001</v>
      </c>
      <c r="AL3415">
        <v>93803.729420000003</v>
      </c>
      <c r="AM3415">
        <v>17736.7251</v>
      </c>
      <c r="AN3415">
        <v>72474.956520000007</v>
      </c>
      <c r="AO3415">
        <v>20230.940770000001</v>
      </c>
      <c r="AP3415">
        <v>15278.4468</v>
      </c>
    </row>
    <row r="3416" spans="2:42" x14ac:dyDescent="0.3">
      <c r="B3416">
        <v>64.246700033006292</v>
      </c>
      <c r="C3416" s="83">
        <v>43243.25</v>
      </c>
      <c r="D3416">
        <v>268446.35200000001</v>
      </c>
      <c r="E3416">
        <v>18642.253400000001</v>
      </c>
      <c r="F3416">
        <v>73795.457710000002</v>
      </c>
      <c r="G3416">
        <v>42637.07619</v>
      </c>
      <c r="H3416">
        <v>37536.333890000002</v>
      </c>
      <c r="I3416">
        <v>30843.382610000001</v>
      </c>
      <c r="J3416">
        <v>40277.866880000001</v>
      </c>
      <c r="K3416">
        <v>47577.721740000001</v>
      </c>
      <c r="L3416">
        <v>18038.949079999999</v>
      </c>
      <c r="M3416">
        <v>327559.63770000002</v>
      </c>
      <c r="N3416">
        <v>74653.701639999999</v>
      </c>
      <c r="O3416">
        <v>20334.411090000001</v>
      </c>
      <c r="P3416">
        <v>26716.70321</v>
      </c>
      <c r="Q3416">
        <v>95005.675449999995</v>
      </c>
      <c r="R3416">
        <v>16099.35936</v>
      </c>
      <c r="S3416">
        <v>81113.749530000001</v>
      </c>
      <c r="T3416">
        <v>22488.9967</v>
      </c>
      <c r="U3416">
        <v>17865.04752</v>
      </c>
      <c r="W3416" s="83">
        <f>Bühler!N3448</f>
        <v>45434.24999999172</v>
      </c>
      <c r="X3416" s="83">
        <v>43243.25</v>
      </c>
      <c r="Y3416">
        <v>268446.35200000001</v>
      </c>
      <c r="Z3416">
        <v>18642.253400000001</v>
      </c>
      <c r="AA3416">
        <v>73795.457710000002</v>
      </c>
      <c r="AB3416">
        <v>42637.07619</v>
      </c>
      <c r="AC3416">
        <v>37536.333890000002</v>
      </c>
      <c r="AD3416">
        <v>30843.382610000001</v>
      </c>
      <c r="AE3416">
        <v>40277.866880000001</v>
      </c>
      <c r="AF3416">
        <v>47577.721740000001</v>
      </c>
      <c r="AG3416">
        <v>18038.949079999999</v>
      </c>
      <c r="AH3416">
        <v>327559.63770000002</v>
      </c>
      <c r="AI3416">
        <v>74653.701639999999</v>
      </c>
      <c r="AJ3416">
        <v>20334.411090000001</v>
      </c>
      <c r="AK3416">
        <v>26716.70321</v>
      </c>
      <c r="AL3416">
        <v>95005.675449999995</v>
      </c>
      <c r="AM3416">
        <v>16099.35936</v>
      </c>
      <c r="AN3416">
        <v>81113.749530000001</v>
      </c>
      <c r="AO3416">
        <v>22488.9967</v>
      </c>
      <c r="AP3416">
        <v>17865.04752</v>
      </c>
    </row>
    <row r="3417" spans="2:42" x14ac:dyDescent="0.3">
      <c r="B3417">
        <v>66.462922214766522</v>
      </c>
      <c r="C3417" s="83">
        <v>43243.291666666664</v>
      </c>
      <c r="D3417">
        <v>282653.44160000002</v>
      </c>
      <c r="E3417">
        <v>23253.281070000001</v>
      </c>
      <c r="F3417">
        <v>76711.248609999995</v>
      </c>
      <c r="G3417">
        <v>53431.464840000001</v>
      </c>
      <c r="H3417">
        <v>42866.220690000002</v>
      </c>
      <c r="I3417">
        <v>38027.917540000002</v>
      </c>
      <c r="J3417">
        <v>41359.313020000001</v>
      </c>
      <c r="K3417">
        <v>52567.550360000001</v>
      </c>
      <c r="L3417">
        <v>20769.090919999999</v>
      </c>
      <c r="M3417">
        <v>338858.9719</v>
      </c>
      <c r="N3417">
        <v>80414.168820000006</v>
      </c>
      <c r="O3417">
        <v>22727.610059999999</v>
      </c>
      <c r="P3417">
        <v>29734.656780000001</v>
      </c>
      <c r="Q3417">
        <v>94488.882450000005</v>
      </c>
      <c r="R3417">
        <v>16768.267680000001</v>
      </c>
      <c r="S3417">
        <v>95332.661349999995</v>
      </c>
      <c r="T3417">
        <v>26053.94299</v>
      </c>
      <c r="U3417">
        <v>21626.44167</v>
      </c>
      <c r="W3417" s="83">
        <f>Bühler!N3449</f>
        <v>45434.291666658384</v>
      </c>
      <c r="X3417" s="83">
        <v>43243.291666666664</v>
      </c>
      <c r="Y3417">
        <v>282653.44160000002</v>
      </c>
      <c r="Z3417">
        <v>23253.281070000001</v>
      </c>
      <c r="AA3417">
        <v>76711.248609999995</v>
      </c>
      <c r="AB3417">
        <v>53431.464840000001</v>
      </c>
      <c r="AC3417">
        <v>42866.220690000002</v>
      </c>
      <c r="AD3417">
        <v>38027.917540000002</v>
      </c>
      <c r="AE3417">
        <v>41359.313020000001</v>
      </c>
      <c r="AF3417">
        <v>52567.550360000001</v>
      </c>
      <c r="AG3417">
        <v>20769.090919999999</v>
      </c>
      <c r="AH3417">
        <v>338858.9719</v>
      </c>
      <c r="AI3417">
        <v>80414.168820000006</v>
      </c>
      <c r="AJ3417">
        <v>22727.610059999999</v>
      </c>
      <c r="AK3417">
        <v>29734.656780000001</v>
      </c>
      <c r="AL3417">
        <v>94488.882450000005</v>
      </c>
      <c r="AM3417">
        <v>16768.267680000001</v>
      </c>
      <c r="AN3417">
        <v>95332.661349999995</v>
      </c>
      <c r="AO3417">
        <v>26053.94299</v>
      </c>
      <c r="AP3417">
        <v>21626.44167</v>
      </c>
    </row>
    <row r="3418" spans="2:42" x14ac:dyDescent="0.3">
      <c r="B3418">
        <v>67.159382279782463</v>
      </c>
      <c r="C3418" s="83">
        <v>43243.333333333336</v>
      </c>
      <c r="D3418">
        <v>294462.2426</v>
      </c>
      <c r="E3418">
        <v>28824.987120000002</v>
      </c>
      <c r="F3418">
        <v>83408.095319999993</v>
      </c>
      <c r="G3418">
        <v>67113.378710000005</v>
      </c>
      <c r="H3418">
        <v>48170.702920000003</v>
      </c>
      <c r="I3418">
        <v>40851.701050000003</v>
      </c>
      <c r="J3418">
        <v>42987.423629999998</v>
      </c>
      <c r="K3418">
        <v>59617.951780000003</v>
      </c>
      <c r="L3418">
        <v>24205.30099</v>
      </c>
      <c r="M3418">
        <v>342409.85009999998</v>
      </c>
      <c r="N3418">
        <v>88409.964840000001</v>
      </c>
      <c r="O3418">
        <v>24345.462490000002</v>
      </c>
      <c r="P3418">
        <v>31364.328710000002</v>
      </c>
      <c r="Q3418">
        <v>95432.877510000006</v>
      </c>
      <c r="R3418">
        <v>20564.50805</v>
      </c>
      <c r="S3418">
        <v>106930.3443</v>
      </c>
      <c r="T3418">
        <v>29762.78269</v>
      </c>
      <c r="U3418">
        <v>25208.778549999999</v>
      </c>
      <c r="W3418" s="83">
        <f>Bühler!N3450</f>
        <v>45434.333333325048</v>
      </c>
      <c r="X3418" s="83">
        <v>43243.333333333336</v>
      </c>
      <c r="Y3418">
        <v>294462.2426</v>
      </c>
      <c r="Z3418">
        <v>28824.987120000002</v>
      </c>
      <c r="AA3418">
        <v>83408.095319999993</v>
      </c>
      <c r="AB3418">
        <v>67113.378710000005</v>
      </c>
      <c r="AC3418">
        <v>48170.702920000003</v>
      </c>
      <c r="AD3418">
        <v>40851.701050000003</v>
      </c>
      <c r="AE3418">
        <v>42987.423629999998</v>
      </c>
      <c r="AF3418">
        <v>59617.951780000003</v>
      </c>
      <c r="AG3418">
        <v>24205.30099</v>
      </c>
      <c r="AH3418">
        <v>342409.85009999998</v>
      </c>
      <c r="AI3418">
        <v>88409.964840000001</v>
      </c>
      <c r="AJ3418">
        <v>24345.462490000002</v>
      </c>
      <c r="AK3418">
        <v>31364.328710000002</v>
      </c>
      <c r="AL3418">
        <v>95432.877510000006</v>
      </c>
      <c r="AM3418">
        <v>20564.50805</v>
      </c>
      <c r="AN3418">
        <v>106930.3443</v>
      </c>
      <c r="AO3418">
        <v>29762.78269</v>
      </c>
      <c r="AP3418">
        <v>25208.778549999999</v>
      </c>
    </row>
    <row r="3419" spans="2:42" x14ac:dyDescent="0.3">
      <c r="B3419">
        <v>66.793610050464437</v>
      </c>
      <c r="C3419" s="83">
        <v>43243.375</v>
      </c>
      <c r="D3419">
        <v>294503.11200000002</v>
      </c>
      <c r="E3419">
        <v>33045.78168</v>
      </c>
      <c r="F3419">
        <v>90827.039529999995</v>
      </c>
      <c r="G3419">
        <v>75629.277059999993</v>
      </c>
      <c r="H3419">
        <v>50220.958590000002</v>
      </c>
      <c r="I3419">
        <v>38778.0026</v>
      </c>
      <c r="J3419">
        <v>43734.728779999998</v>
      </c>
      <c r="K3419">
        <v>61516.134010000002</v>
      </c>
      <c r="L3419">
        <v>27125.783670000001</v>
      </c>
      <c r="M3419">
        <v>340544.97269999998</v>
      </c>
      <c r="N3419">
        <v>91415.880940000003</v>
      </c>
      <c r="O3419">
        <v>24960.268800000002</v>
      </c>
      <c r="P3419">
        <v>33195.113839999998</v>
      </c>
      <c r="Q3419">
        <v>96763.796189999994</v>
      </c>
      <c r="R3419">
        <v>20858.477500000001</v>
      </c>
      <c r="S3419">
        <v>112962.8983</v>
      </c>
      <c r="T3419">
        <v>32394.33411</v>
      </c>
      <c r="U3419">
        <v>26597.522799999999</v>
      </c>
      <c r="W3419" s="83">
        <f>Bühler!N3451</f>
        <v>45434.374999991713</v>
      </c>
      <c r="X3419" s="83">
        <v>43243.375</v>
      </c>
      <c r="Y3419">
        <v>294503.11200000002</v>
      </c>
      <c r="Z3419">
        <v>33045.78168</v>
      </c>
      <c r="AA3419">
        <v>90827.039529999995</v>
      </c>
      <c r="AB3419">
        <v>75629.277059999993</v>
      </c>
      <c r="AC3419">
        <v>50220.958590000002</v>
      </c>
      <c r="AD3419">
        <v>38778.0026</v>
      </c>
      <c r="AE3419">
        <v>43734.728779999998</v>
      </c>
      <c r="AF3419">
        <v>61516.134010000002</v>
      </c>
      <c r="AG3419">
        <v>27125.783670000001</v>
      </c>
      <c r="AH3419">
        <v>340544.97269999998</v>
      </c>
      <c r="AI3419">
        <v>91415.880940000003</v>
      </c>
      <c r="AJ3419">
        <v>24960.268800000002</v>
      </c>
      <c r="AK3419">
        <v>33195.113839999998</v>
      </c>
      <c r="AL3419">
        <v>96763.796189999994</v>
      </c>
      <c r="AM3419">
        <v>20858.477500000001</v>
      </c>
      <c r="AN3419">
        <v>112962.8983</v>
      </c>
      <c r="AO3419">
        <v>32394.33411</v>
      </c>
      <c r="AP3419">
        <v>26597.522799999999</v>
      </c>
    </row>
    <row r="3420" spans="2:42" x14ac:dyDescent="0.3">
      <c r="B3420">
        <v>66.715935417851668</v>
      </c>
      <c r="C3420" s="83">
        <v>43243.416666666664</v>
      </c>
      <c r="D3420">
        <v>298743.72009999998</v>
      </c>
      <c r="E3420">
        <v>34921.252350000002</v>
      </c>
      <c r="F3420">
        <v>92640.339590000003</v>
      </c>
      <c r="G3420">
        <v>77958.287689999997</v>
      </c>
      <c r="H3420">
        <v>51099.328439999997</v>
      </c>
      <c r="I3420">
        <v>36527.301489999998</v>
      </c>
      <c r="J3420">
        <v>43393.464339999999</v>
      </c>
      <c r="K3420">
        <v>62684.365769999997</v>
      </c>
      <c r="L3420">
        <v>29588.28788</v>
      </c>
      <c r="M3420">
        <v>340148.95120000001</v>
      </c>
      <c r="N3420">
        <v>93313.116680000006</v>
      </c>
      <c r="O3420">
        <v>25159.78544</v>
      </c>
      <c r="P3420">
        <v>34862.114379999999</v>
      </c>
      <c r="Q3420">
        <v>98493.79045</v>
      </c>
      <c r="R3420">
        <v>22157.951980000002</v>
      </c>
      <c r="S3420">
        <v>114898.48390000001</v>
      </c>
      <c r="T3420">
        <v>33696.695610000002</v>
      </c>
      <c r="U3420">
        <v>26292.66216</v>
      </c>
      <c r="W3420" s="83">
        <f>Bühler!N3452</f>
        <v>45434.416666658377</v>
      </c>
      <c r="X3420" s="83">
        <v>43243.416666666664</v>
      </c>
      <c r="Y3420">
        <v>298743.72009999998</v>
      </c>
      <c r="Z3420">
        <v>34921.252350000002</v>
      </c>
      <c r="AA3420">
        <v>92640.339590000003</v>
      </c>
      <c r="AB3420">
        <v>77958.287689999997</v>
      </c>
      <c r="AC3420">
        <v>51099.328439999997</v>
      </c>
      <c r="AD3420">
        <v>36527.301489999998</v>
      </c>
      <c r="AE3420">
        <v>43393.464339999999</v>
      </c>
      <c r="AF3420">
        <v>62684.365769999997</v>
      </c>
      <c r="AG3420">
        <v>29588.28788</v>
      </c>
      <c r="AH3420">
        <v>340148.95120000001</v>
      </c>
      <c r="AI3420">
        <v>93313.116680000006</v>
      </c>
      <c r="AJ3420">
        <v>25159.78544</v>
      </c>
      <c r="AK3420">
        <v>34862.114379999999</v>
      </c>
      <c r="AL3420">
        <v>98493.79045</v>
      </c>
      <c r="AM3420">
        <v>22157.951980000002</v>
      </c>
      <c r="AN3420">
        <v>114898.48390000001</v>
      </c>
      <c r="AO3420">
        <v>33696.695610000002</v>
      </c>
      <c r="AP3420">
        <v>26292.66216</v>
      </c>
    </row>
    <row r="3421" spans="2:42" x14ac:dyDescent="0.3">
      <c r="B3421">
        <v>67.723347364015453</v>
      </c>
      <c r="C3421" s="83">
        <v>43243.458333333336</v>
      </c>
      <c r="D3421">
        <v>296381.21679999999</v>
      </c>
      <c r="E3421">
        <v>34836.001839999997</v>
      </c>
      <c r="F3421">
        <v>93472.472139999998</v>
      </c>
      <c r="G3421">
        <v>76034.326279999994</v>
      </c>
      <c r="H3421">
        <v>51077.109400000001</v>
      </c>
      <c r="I3421">
        <v>35472.142639999998</v>
      </c>
      <c r="J3421">
        <v>43180.543709999998</v>
      </c>
      <c r="K3421">
        <v>63692.491650000004</v>
      </c>
      <c r="L3421">
        <v>30944.635470000001</v>
      </c>
      <c r="M3421">
        <v>345285.2071</v>
      </c>
      <c r="N3421">
        <v>92909.931129999997</v>
      </c>
      <c r="O3421">
        <v>25522.600890000002</v>
      </c>
      <c r="P3421">
        <v>34960.6371</v>
      </c>
      <c r="Q3421">
        <v>98646.004879999993</v>
      </c>
      <c r="R3421">
        <v>23794.904149999998</v>
      </c>
      <c r="S3421">
        <v>117734.99589999999</v>
      </c>
      <c r="T3421">
        <v>34226.067389999997</v>
      </c>
      <c r="U3421">
        <v>26018.20278</v>
      </c>
      <c r="W3421" s="83">
        <f>Bühler!N3453</f>
        <v>45434.458333325041</v>
      </c>
      <c r="X3421" s="83">
        <v>43243.458333333336</v>
      </c>
      <c r="Y3421">
        <v>296381.21679999999</v>
      </c>
      <c r="Z3421">
        <v>34836.001839999997</v>
      </c>
      <c r="AA3421">
        <v>93472.472139999998</v>
      </c>
      <c r="AB3421">
        <v>76034.326279999994</v>
      </c>
      <c r="AC3421">
        <v>51077.109400000001</v>
      </c>
      <c r="AD3421">
        <v>35472.142639999998</v>
      </c>
      <c r="AE3421">
        <v>43180.543709999998</v>
      </c>
      <c r="AF3421">
        <v>63692.491650000004</v>
      </c>
      <c r="AG3421">
        <v>30944.635470000001</v>
      </c>
      <c r="AH3421">
        <v>345285.2071</v>
      </c>
      <c r="AI3421">
        <v>92909.931129999997</v>
      </c>
      <c r="AJ3421">
        <v>25522.600890000002</v>
      </c>
      <c r="AK3421">
        <v>34960.6371</v>
      </c>
      <c r="AL3421">
        <v>98646.004879999993</v>
      </c>
      <c r="AM3421">
        <v>23794.904149999998</v>
      </c>
      <c r="AN3421">
        <v>117734.99589999999</v>
      </c>
      <c r="AO3421">
        <v>34226.067389999997</v>
      </c>
      <c r="AP3421">
        <v>26018.20278</v>
      </c>
    </row>
    <row r="3422" spans="2:42" x14ac:dyDescent="0.3">
      <c r="B3422">
        <v>67.655997385223927</v>
      </c>
      <c r="C3422" s="83">
        <v>43243.5</v>
      </c>
      <c r="D3422">
        <v>285603.42119999998</v>
      </c>
      <c r="E3422">
        <v>31415.189590000002</v>
      </c>
      <c r="F3422">
        <v>88157.730219999998</v>
      </c>
      <c r="G3422">
        <v>71769.991649999996</v>
      </c>
      <c r="H3422">
        <v>48817.101790000001</v>
      </c>
      <c r="I3422">
        <v>34817.628149999997</v>
      </c>
      <c r="J3422">
        <v>43207.325320000004</v>
      </c>
      <c r="K3422">
        <v>59763.15307</v>
      </c>
      <c r="L3422">
        <v>34174.640449999999</v>
      </c>
      <c r="M3422">
        <v>344941.82549999998</v>
      </c>
      <c r="N3422">
        <v>90080.3465</v>
      </c>
      <c r="O3422">
        <v>24594.904450000002</v>
      </c>
      <c r="P3422">
        <v>35953.690600000002</v>
      </c>
      <c r="Q3422">
        <v>98001.93982</v>
      </c>
      <c r="R3422">
        <v>24475.22205</v>
      </c>
      <c r="S3422">
        <v>111702.4135</v>
      </c>
      <c r="T3422">
        <v>33360.834580000002</v>
      </c>
      <c r="U3422">
        <v>20643.290239999998</v>
      </c>
      <c r="W3422" s="83">
        <f>Bühler!N3454</f>
        <v>45434.499999991705</v>
      </c>
      <c r="X3422" s="83">
        <v>43243.5</v>
      </c>
      <c r="Y3422">
        <v>285603.42119999998</v>
      </c>
      <c r="Z3422">
        <v>31415.189590000002</v>
      </c>
      <c r="AA3422">
        <v>88157.730219999998</v>
      </c>
      <c r="AB3422">
        <v>71769.991649999996</v>
      </c>
      <c r="AC3422">
        <v>48817.101790000001</v>
      </c>
      <c r="AD3422">
        <v>34817.628149999997</v>
      </c>
      <c r="AE3422">
        <v>43207.325320000004</v>
      </c>
      <c r="AF3422">
        <v>59763.15307</v>
      </c>
      <c r="AG3422">
        <v>34174.640449999999</v>
      </c>
      <c r="AH3422">
        <v>344941.82549999998</v>
      </c>
      <c r="AI3422">
        <v>90080.3465</v>
      </c>
      <c r="AJ3422">
        <v>24594.904450000002</v>
      </c>
      <c r="AK3422">
        <v>35953.690600000002</v>
      </c>
      <c r="AL3422">
        <v>98001.93982</v>
      </c>
      <c r="AM3422">
        <v>24475.22205</v>
      </c>
      <c r="AN3422">
        <v>111702.4135</v>
      </c>
      <c r="AO3422">
        <v>33360.834580000002</v>
      </c>
      <c r="AP3422">
        <v>20643.290239999998</v>
      </c>
    </row>
    <row r="3423" spans="2:42" x14ac:dyDescent="0.3">
      <c r="B3423">
        <v>67.085391068563595</v>
      </c>
      <c r="C3423" s="83">
        <v>43243.541666666664</v>
      </c>
      <c r="D3423">
        <v>288830.50089999998</v>
      </c>
      <c r="E3423">
        <v>31752.36767</v>
      </c>
      <c r="F3423">
        <v>84514.339259999993</v>
      </c>
      <c r="G3423">
        <v>66077.593359999999</v>
      </c>
      <c r="H3423">
        <v>49321.305820000001</v>
      </c>
      <c r="I3423">
        <v>34641.283309999999</v>
      </c>
      <c r="J3423">
        <v>42157.679170000003</v>
      </c>
      <c r="K3423">
        <v>61846.732680000001</v>
      </c>
      <c r="L3423">
        <v>33103.21041</v>
      </c>
      <c r="M3423">
        <v>342032.60840000003</v>
      </c>
      <c r="N3423">
        <v>89684.069690000004</v>
      </c>
      <c r="O3423">
        <v>25836.19369</v>
      </c>
      <c r="P3423">
        <v>34247.606290000003</v>
      </c>
      <c r="Q3423">
        <v>96982.312479999993</v>
      </c>
      <c r="R3423">
        <v>23670.95955</v>
      </c>
      <c r="S3423">
        <v>110665.9713</v>
      </c>
      <c r="T3423">
        <v>32029.339540000001</v>
      </c>
      <c r="U3423">
        <v>22461.75489</v>
      </c>
      <c r="W3423" s="83">
        <f>Bühler!N3455</f>
        <v>45434.54166665837</v>
      </c>
      <c r="X3423" s="83">
        <v>43243.541666666664</v>
      </c>
      <c r="Y3423">
        <v>288830.50089999998</v>
      </c>
      <c r="Z3423">
        <v>31752.36767</v>
      </c>
      <c r="AA3423">
        <v>84514.339259999993</v>
      </c>
      <c r="AB3423">
        <v>66077.593359999999</v>
      </c>
      <c r="AC3423">
        <v>49321.305820000001</v>
      </c>
      <c r="AD3423">
        <v>34641.283309999999</v>
      </c>
      <c r="AE3423">
        <v>42157.679170000003</v>
      </c>
      <c r="AF3423">
        <v>61846.732680000001</v>
      </c>
      <c r="AG3423">
        <v>33103.21041</v>
      </c>
      <c r="AH3423">
        <v>342032.60840000003</v>
      </c>
      <c r="AI3423">
        <v>89684.069690000004</v>
      </c>
      <c r="AJ3423">
        <v>25836.19369</v>
      </c>
      <c r="AK3423">
        <v>34247.606290000003</v>
      </c>
      <c r="AL3423">
        <v>96982.312479999993</v>
      </c>
      <c r="AM3423">
        <v>23670.95955</v>
      </c>
      <c r="AN3423">
        <v>110665.9713</v>
      </c>
      <c r="AO3423">
        <v>32029.339540000001</v>
      </c>
      <c r="AP3423">
        <v>22461.75489</v>
      </c>
    </row>
    <row r="3424" spans="2:42" x14ac:dyDescent="0.3">
      <c r="B3424">
        <v>66.683153599008506</v>
      </c>
      <c r="C3424" s="83">
        <v>43243.583333333336</v>
      </c>
      <c r="D3424">
        <v>291632.8541</v>
      </c>
      <c r="E3424">
        <v>34490.649700000002</v>
      </c>
      <c r="F3424">
        <v>90765.230779999998</v>
      </c>
      <c r="G3424">
        <v>62587.346969999999</v>
      </c>
      <c r="H3424">
        <v>49766.252780000003</v>
      </c>
      <c r="I3424">
        <v>34321.862110000002</v>
      </c>
      <c r="J3424">
        <v>41755.847049999997</v>
      </c>
      <c r="K3424">
        <v>64724.760759999997</v>
      </c>
      <c r="L3424">
        <v>29232.984179999999</v>
      </c>
      <c r="M3424">
        <v>339981.81420000002</v>
      </c>
      <c r="N3424">
        <v>90574.739570000005</v>
      </c>
      <c r="O3424">
        <v>25845.750380000001</v>
      </c>
      <c r="P3424">
        <v>30590.459610000002</v>
      </c>
      <c r="Q3424">
        <v>94984.503559999997</v>
      </c>
      <c r="R3424">
        <v>23135.21588</v>
      </c>
      <c r="S3424">
        <v>106714.56570000001</v>
      </c>
      <c r="T3424">
        <v>31907.338629999998</v>
      </c>
      <c r="U3424">
        <v>24235.282169999999</v>
      </c>
      <c r="W3424" s="83">
        <f>Bühler!N3456</f>
        <v>45434.583333325034</v>
      </c>
      <c r="X3424" s="83">
        <v>43243.583333333336</v>
      </c>
      <c r="Y3424">
        <v>291632.8541</v>
      </c>
      <c r="Z3424">
        <v>34490.649700000002</v>
      </c>
      <c r="AA3424">
        <v>90765.230779999998</v>
      </c>
      <c r="AB3424">
        <v>62587.346969999999</v>
      </c>
      <c r="AC3424">
        <v>49766.252780000003</v>
      </c>
      <c r="AD3424">
        <v>34321.862110000002</v>
      </c>
      <c r="AE3424">
        <v>41755.847049999997</v>
      </c>
      <c r="AF3424">
        <v>64724.760759999997</v>
      </c>
      <c r="AG3424">
        <v>29232.984179999999</v>
      </c>
      <c r="AH3424">
        <v>339981.81420000002</v>
      </c>
      <c r="AI3424">
        <v>90574.739570000005</v>
      </c>
      <c r="AJ3424">
        <v>25845.750380000001</v>
      </c>
      <c r="AK3424">
        <v>30590.459610000002</v>
      </c>
      <c r="AL3424">
        <v>94984.503559999997</v>
      </c>
      <c r="AM3424">
        <v>23135.21588</v>
      </c>
      <c r="AN3424">
        <v>106714.56570000001</v>
      </c>
      <c r="AO3424">
        <v>31907.338629999998</v>
      </c>
      <c r="AP3424">
        <v>24235.282169999999</v>
      </c>
    </row>
    <row r="3425" spans="2:42" x14ac:dyDescent="0.3">
      <c r="B3425">
        <v>66.05828602387453</v>
      </c>
      <c r="C3425" s="83">
        <v>43243.625</v>
      </c>
      <c r="D3425">
        <v>289707.68829999998</v>
      </c>
      <c r="E3425">
        <v>34352.260150000002</v>
      </c>
      <c r="F3425">
        <v>92365.232029999999</v>
      </c>
      <c r="G3425">
        <v>59543.961320000002</v>
      </c>
      <c r="H3425">
        <v>48270.381459999997</v>
      </c>
      <c r="I3425">
        <v>35624.427409999997</v>
      </c>
      <c r="J3425">
        <v>41023.722999999998</v>
      </c>
      <c r="K3425">
        <v>62970.525329999997</v>
      </c>
      <c r="L3425">
        <v>26145.979510000001</v>
      </c>
      <c r="M3425">
        <v>336795.94790000003</v>
      </c>
      <c r="N3425">
        <v>87919.860320000007</v>
      </c>
      <c r="O3425">
        <v>25086.587479999998</v>
      </c>
      <c r="P3425">
        <v>28292.289150000001</v>
      </c>
      <c r="Q3425">
        <v>94659.417690000002</v>
      </c>
      <c r="R3425">
        <v>22951.616819999999</v>
      </c>
      <c r="S3425">
        <v>103181.2738</v>
      </c>
      <c r="T3425">
        <v>31720.843359999999</v>
      </c>
      <c r="U3425">
        <v>22829.440910000001</v>
      </c>
      <c r="W3425" s="83">
        <f>Bühler!N3457</f>
        <v>45434.624999991698</v>
      </c>
      <c r="X3425" s="83">
        <v>43243.625</v>
      </c>
      <c r="Y3425">
        <v>289707.68829999998</v>
      </c>
      <c r="Z3425">
        <v>34352.260150000002</v>
      </c>
      <c r="AA3425">
        <v>92365.232029999999</v>
      </c>
      <c r="AB3425">
        <v>59543.961320000002</v>
      </c>
      <c r="AC3425">
        <v>48270.381459999997</v>
      </c>
      <c r="AD3425">
        <v>35624.427409999997</v>
      </c>
      <c r="AE3425">
        <v>41023.722999999998</v>
      </c>
      <c r="AF3425">
        <v>62970.525329999997</v>
      </c>
      <c r="AG3425">
        <v>26145.979510000001</v>
      </c>
      <c r="AH3425">
        <v>336795.94790000003</v>
      </c>
      <c r="AI3425">
        <v>87919.860320000007</v>
      </c>
      <c r="AJ3425">
        <v>25086.587479999998</v>
      </c>
      <c r="AK3425">
        <v>28292.289150000001</v>
      </c>
      <c r="AL3425">
        <v>94659.417690000002</v>
      </c>
      <c r="AM3425">
        <v>22951.616819999999</v>
      </c>
      <c r="AN3425">
        <v>103181.2738</v>
      </c>
      <c r="AO3425">
        <v>31720.843359999999</v>
      </c>
      <c r="AP3425">
        <v>22829.440910000001</v>
      </c>
    </row>
    <row r="3426" spans="2:42" x14ac:dyDescent="0.3">
      <c r="B3426">
        <v>65.155938770516883</v>
      </c>
      <c r="C3426" s="83">
        <v>43243.666666666664</v>
      </c>
      <c r="D3426">
        <v>281949.57169999997</v>
      </c>
      <c r="E3426">
        <v>33687.08253</v>
      </c>
      <c r="F3426">
        <v>91541.347150000001</v>
      </c>
      <c r="G3426">
        <v>56128.19053</v>
      </c>
      <c r="H3426">
        <v>46700.429609999999</v>
      </c>
      <c r="I3426">
        <v>35907.503239999998</v>
      </c>
      <c r="J3426">
        <v>40223.49409</v>
      </c>
      <c r="K3426">
        <v>60045.391929999998</v>
      </c>
      <c r="L3426">
        <v>24992.67841</v>
      </c>
      <c r="M3426">
        <v>332195.36080000002</v>
      </c>
      <c r="N3426">
        <v>85373.228719999999</v>
      </c>
      <c r="O3426">
        <v>24681.21256</v>
      </c>
      <c r="P3426">
        <v>27449.17481</v>
      </c>
      <c r="Q3426">
        <v>93955.632769999997</v>
      </c>
      <c r="R3426">
        <v>21973.262699999999</v>
      </c>
      <c r="S3426">
        <v>100690.63099999999</v>
      </c>
      <c r="T3426">
        <v>30974.345809999999</v>
      </c>
      <c r="U3426">
        <v>19740.695329999999</v>
      </c>
      <c r="W3426" s="83">
        <f>Bühler!N3458</f>
        <v>45434.666666658362</v>
      </c>
      <c r="X3426" s="83">
        <v>43243.666666666664</v>
      </c>
      <c r="Y3426">
        <v>281949.57169999997</v>
      </c>
      <c r="Z3426">
        <v>33687.08253</v>
      </c>
      <c r="AA3426">
        <v>91541.347150000001</v>
      </c>
      <c r="AB3426">
        <v>56128.19053</v>
      </c>
      <c r="AC3426">
        <v>46700.429609999999</v>
      </c>
      <c r="AD3426">
        <v>35907.503239999998</v>
      </c>
      <c r="AE3426">
        <v>40223.49409</v>
      </c>
      <c r="AF3426">
        <v>60045.391929999998</v>
      </c>
      <c r="AG3426">
        <v>24992.67841</v>
      </c>
      <c r="AH3426">
        <v>332195.36080000002</v>
      </c>
      <c r="AI3426">
        <v>85373.228719999999</v>
      </c>
      <c r="AJ3426">
        <v>24681.21256</v>
      </c>
      <c r="AK3426">
        <v>27449.17481</v>
      </c>
      <c r="AL3426">
        <v>93955.632769999997</v>
      </c>
      <c r="AM3426">
        <v>21973.262699999999</v>
      </c>
      <c r="AN3426">
        <v>100690.63099999999</v>
      </c>
      <c r="AO3426">
        <v>30974.345809999999</v>
      </c>
      <c r="AP3426">
        <v>19740.695329999999</v>
      </c>
    </row>
    <row r="3427" spans="2:42" x14ac:dyDescent="0.3">
      <c r="B3427">
        <v>63.110521050646241</v>
      </c>
      <c r="C3427" s="83">
        <v>43243.708333333336</v>
      </c>
      <c r="D3427">
        <v>271805.64740000002</v>
      </c>
      <c r="E3427">
        <v>31574.948899999999</v>
      </c>
      <c r="F3427">
        <v>90062.436570000005</v>
      </c>
      <c r="G3427">
        <v>52528.482300000003</v>
      </c>
      <c r="H3427">
        <v>44310.478819999997</v>
      </c>
      <c r="I3427">
        <v>35788.838499999998</v>
      </c>
      <c r="J3427">
        <v>40067.996659999997</v>
      </c>
      <c r="K3427">
        <v>53169.987739999997</v>
      </c>
      <c r="L3427">
        <v>25111.445759999999</v>
      </c>
      <c r="M3427">
        <v>321766.86739999999</v>
      </c>
      <c r="N3427">
        <v>83221.443150000006</v>
      </c>
      <c r="O3427">
        <v>23512.391739999999</v>
      </c>
      <c r="P3427">
        <v>28840.47323</v>
      </c>
      <c r="Q3427">
        <v>93258.928509999998</v>
      </c>
      <c r="R3427">
        <v>22484.695189999999</v>
      </c>
      <c r="S3427">
        <v>97665.569220000005</v>
      </c>
      <c r="T3427">
        <v>30352.785609999999</v>
      </c>
      <c r="U3427">
        <v>17706.45824</v>
      </c>
      <c r="W3427" s="83">
        <f>Bühler!N3459</f>
        <v>45434.708333325027</v>
      </c>
      <c r="X3427" s="83">
        <v>43243.708333333336</v>
      </c>
      <c r="Y3427">
        <v>271805.64740000002</v>
      </c>
      <c r="Z3427">
        <v>31574.948899999999</v>
      </c>
      <c r="AA3427">
        <v>90062.436570000005</v>
      </c>
      <c r="AB3427">
        <v>52528.482300000003</v>
      </c>
      <c r="AC3427">
        <v>44310.478819999997</v>
      </c>
      <c r="AD3427">
        <v>35788.838499999998</v>
      </c>
      <c r="AE3427">
        <v>40067.996659999997</v>
      </c>
      <c r="AF3427">
        <v>53169.987739999997</v>
      </c>
      <c r="AG3427">
        <v>25111.445759999999</v>
      </c>
      <c r="AH3427">
        <v>321766.86739999999</v>
      </c>
      <c r="AI3427">
        <v>83221.443150000006</v>
      </c>
      <c r="AJ3427">
        <v>23512.391739999999</v>
      </c>
      <c r="AK3427">
        <v>28840.47323</v>
      </c>
      <c r="AL3427">
        <v>93258.928509999998</v>
      </c>
      <c r="AM3427">
        <v>22484.695189999999</v>
      </c>
      <c r="AN3427">
        <v>97665.569220000005</v>
      </c>
      <c r="AO3427">
        <v>30352.785609999999</v>
      </c>
      <c r="AP3427">
        <v>17706.45824</v>
      </c>
    </row>
    <row r="3428" spans="2:42" x14ac:dyDescent="0.3">
      <c r="B3428">
        <v>63.037095715478408</v>
      </c>
      <c r="C3428" s="83">
        <v>43243.75</v>
      </c>
      <c r="D3428">
        <v>265162.93089999998</v>
      </c>
      <c r="E3428">
        <v>28172.17729</v>
      </c>
      <c r="F3428">
        <v>86982.311360000007</v>
      </c>
      <c r="G3428">
        <v>47076.255749999997</v>
      </c>
      <c r="H3428">
        <v>42430.313750000001</v>
      </c>
      <c r="I3428">
        <v>33796.832759999998</v>
      </c>
      <c r="J3428">
        <v>40154.82086</v>
      </c>
      <c r="K3428">
        <v>49961.912270000001</v>
      </c>
      <c r="L3428">
        <v>26534.443340000002</v>
      </c>
      <c r="M3428">
        <v>321392.51079999999</v>
      </c>
      <c r="N3428">
        <v>80829.703110000002</v>
      </c>
      <c r="O3428">
        <v>22142.947520000002</v>
      </c>
      <c r="P3428">
        <v>32024.16245</v>
      </c>
      <c r="Q3428">
        <v>92353.250969999994</v>
      </c>
      <c r="R3428">
        <v>20975.459750000002</v>
      </c>
      <c r="S3428">
        <v>91113.444260000004</v>
      </c>
      <c r="T3428">
        <v>29985.501820000001</v>
      </c>
      <c r="U3428">
        <v>15847.06655</v>
      </c>
      <c r="W3428" s="83">
        <f>Bühler!N3460</f>
        <v>45434.749999991691</v>
      </c>
      <c r="X3428" s="83">
        <v>43243.75</v>
      </c>
      <c r="Y3428">
        <v>265162.93089999998</v>
      </c>
      <c r="Z3428">
        <v>28172.17729</v>
      </c>
      <c r="AA3428">
        <v>86982.311360000007</v>
      </c>
      <c r="AB3428">
        <v>47076.255749999997</v>
      </c>
      <c r="AC3428">
        <v>42430.313750000001</v>
      </c>
      <c r="AD3428">
        <v>33796.832759999998</v>
      </c>
      <c r="AE3428">
        <v>40154.82086</v>
      </c>
      <c r="AF3428">
        <v>49961.912270000001</v>
      </c>
      <c r="AG3428">
        <v>26534.443340000002</v>
      </c>
      <c r="AH3428">
        <v>321392.51079999999</v>
      </c>
      <c r="AI3428">
        <v>80829.703110000002</v>
      </c>
      <c r="AJ3428">
        <v>22142.947520000002</v>
      </c>
      <c r="AK3428">
        <v>32024.16245</v>
      </c>
      <c r="AL3428">
        <v>92353.250969999994</v>
      </c>
      <c r="AM3428">
        <v>20975.459750000002</v>
      </c>
      <c r="AN3428">
        <v>91113.444260000004</v>
      </c>
      <c r="AO3428">
        <v>29985.501820000001</v>
      </c>
      <c r="AP3428">
        <v>15847.06655</v>
      </c>
    </row>
    <row r="3429" spans="2:42" x14ac:dyDescent="0.3">
      <c r="B3429">
        <v>62.079782266170071</v>
      </c>
      <c r="C3429" s="83">
        <v>43243.791666666664</v>
      </c>
      <c r="D3429">
        <v>257835.1249</v>
      </c>
      <c r="E3429">
        <v>22959.84981</v>
      </c>
      <c r="F3429">
        <v>76375.356090000001</v>
      </c>
      <c r="G3429">
        <v>43012.424939999997</v>
      </c>
      <c r="H3429">
        <v>39741.787179999999</v>
      </c>
      <c r="I3429">
        <v>31589.438190000001</v>
      </c>
      <c r="J3429">
        <v>38998.203280000002</v>
      </c>
      <c r="K3429">
        <v>50354.789799999999</v>
      </c>
      <c r="L3429">
        <v>27835.945729999999</v>
      </c>
      <c r="M3429">
        <v>316511.68040000001</v>
      </c>
      <c r="N3429">
        <v>79233.840559999997</v>
      </c>
      <c r="O3429">
        <v>20386.059219999999</v>
      </c>
      <c r="P3429">
        <v>33865.914660000002</v>
      </c>
      <c r="Q3429">
        <v>89192.39817</v>
      </c>
      <c r="R3429">
        <v>19511.647580000001</v>
      </c>
      <c r="S3429">
        <v>86719.589120000004</v>
      </c>
      <c r="T3429">
        <v>30161.74077</v>
      </c>
      <c r="U3429">
        <v>14717.56899</v>
      </c>
      <c r="W3429" s="83">
        <f>Bühler!N3461</f>
        <v>45434.791666658355</v>
      </c>
      <c r="X3429" s="83">
        <v>43243.791666666664</v>
      </c>
      <c r="Y3429">
        <v>257835.1249</v>
      </c>
      <c r="Z3429">
        <v>22959.84981</v>
      </c>
      <c r="AA3429">
        <v>76375.356090000001</v>
      </c>
      <c r="AB3429">
        <v>43012.424939999997</v>
      </c>
      <c r="AC3429">
        <v>39741.787179999999</v>
      </c>
      <c r="AD3429">
        <v>31589.438190000001</v>
      </c>
      <c r="AE3429">
        <v>38998.203280000002</v>
      </c>
      <c r="AF3429">
        <v>50354.789799999999</v>
      </c>
      <c r="AG3429">
        <v>27835.945729999999</v>
      </c>
      <c r="AH3429">
        <v>316511.68040000001</v>
      </c>
      <c r="AI3429">
        <v>79233.840559999997</v>
      </c>
      <c r="AJ3429">
        <v>20386.059219999999</v>
      </c>
      <c r="AK3429">
        <v>33865.914660000002</v>
      </c>
      <c r="AL3429">
        <v>89192.39817</v>
      </c>
      <c r="AM3429">
        <v>19511.647580000001</v>
      </c>
      <c r="AN3429">
        <v>86719.589120000004</v>
      </c>
      <c r="AO3429">
        <v>30161.74077</v>
      </c>
      <c r="AP3429">
        <v>14717.56899</v>
      </c>
    </row>
    <row r="3430" spans="2:42" x14ac:dyDescent="0.3">
      <c r="B3430">
        <v>59.976105301248488</v>
      </c>
      <c r="C3430" s="83">
        <v>43243.833333333336</v>
      </c>
      <c r="D3430">
        <v>249347.32139999999</v>
      </c>
      <c r="E3430">
        <v>17035.989420000002</v>
      </c>
      <c r="F3430">
        <v>59161.57228</v>
      </c>
      <c r="G3430">
        <v>38239.054479999999</v>
      </c>
      <c r="H3430">
        <v>37287.220029999997</v>
      </c>
      <c r="I3430">
        <v>27410.51888</v>
      </c>
      <c r="J3430">
        <v>38407.339999999997</v>
      </c>
      <c r="K3430">
        <v>50208.06725</v>
      </c>
      <c r="L3430">
        <v>26969.32573</v>
      </c>
      <c r="M3430">
        <v>305786.15419999999</v>
      </c>
      <c r="N3430">
        <v>76488.694430000003</v>
      </c>
      <c r="O3430">
        <v>19173.568719999999</v>
      </c>
      <c r="P3430">
        <v>33975.846279999998</v>
      </c>
      <c r="Q3430">
        <v>86572.795689999999</v>
      </c>
      <c r="R3430">
        <v>17348.44385</v>
      </c>
      <c r="S3430">
        <v>78583.053920000006</v>
      </c>
      <c r="T3430">
        <v>29505.952140000001</v>
      </c>
      <c r="U3430">
        <v>13772.81782</v>
      </c>
      <c r="W3430" s="83">
        <f>Bühler!N3462</f>
        <v>45434.833333325019</v>
      </c>
      <c r="X3430" s="83">
        <v>43243.833333333336</v>
      </c>
      <c r="Y3430">
        <v>249347.32139999999</v>
      </c>
      <c r="Z3430">
        <v>17035.989420000002</v>
      </c>
      <c r="AA3430">
        <v>59161.57228</v>
      </c>
      <c r="AB3430">
        <v>38239.054479999999</v>
      </c>
      <c r="AC3430">
        <v>37287.220029999997</v>
      </c>
      <c r="AD3430">
        <v>27410.51888</v>
      </c>
      <c r="AE3430">
        <v>38407.339999999997</v>
      </c>
      <c r="AF3430">
        <v>50208.06725</v>
      </c>
      <c r="AG3430">
        <v>26969.32573</v>
      </c>
      <c r="AH3430">
        <v>305786.15419999999</v>
      </c>
      <c r="AI3430">
        <v>76488.694430000003</v>
      </c>
      <c r="AJ3430">
        <v>19173.568719999999</v>
      </c>
      <c r="AK3430">
        <v>33975.846279999998</v>
      </c>
      <c r="AL3430">
        <v>86572.795689999999</v>
      </c>
      <c r="AM3430">
        <v>17348.44385</v>
      </c>
      <c r="AN3430">
        <v>78583.053920000006</v>
      </c>
      <c r="AO3430">
        <v>29505.952140000001</v>
      </c>
      <c r="AP3430">
        <v>13772.81782</v>
      </c>
    </row>
    <row r="3431" spans="2:42" x14ac:dyDescent="0.3">
      <c r="B3431">
        <v>58.119028963981087</v>
      </c>
      <c r="C3431" s="83">
        <v>43243.875</v>
      </c>
      <c r="D3431">
        <v>242059.39850000001</v>
      </c>
      <c r="E3431">
        <v>14854.18291</v>
      </c>
      <c r="F3431">
        <v>52455.731110000001</v>
      </c>
      <c r="G3431">
        <v>36332.690990000003</v>
      </c>
      <c r="H3431">
        <v>35976.86103</v>
      </c>
      <c r="I3431">
        <v>23701.499940000002</v>
      </c>
      <c r="J3431">
        <v>38909.767350000002</v>
      </c>
      <c r="K3431">
        <v>48591.929049999999</v>
      </c>
      <c r="L3431">
        <v>25661.179260000001</v>
      </c>
      <c r="M3431">
        <v>296317.913</v>
      </c>
      <c r="N3431">
        <v>75858.331659999996</v>
      </c>
      <c r="O3431">
        <v>18905.230660000001</v>
      </c>
      <c r="P3431">
        <v>33312.213009999999</v>
      </c>
      <c r="Q3431">
        <v>83959.964659999998</v>
      </c>
      <c r="R3431">
        <v>17481.93679</v>
      </c>
      <c r="S3431">
        <v>75606.006729999994</v>
      </c>
      <c r="T3431">
        <v>26928.533370000001</v>
      </c>
      <c r="U3431">
        <v>13320.64551</v>
      </c>
      <c r="W3431" s="83">
        <f>Bühler!N3463</f>
        <v>45434.874999991684</v>
      </c>
      <c r="X3431" s="83">
        <v>43243.875</v>
      </c>
      <c r="Y3431">
        <v>242059.39850000001</v>
      </c>
      <c r="Z3431">
        <v>14854.18291</v>
      </c>
      <c r="AA3431">
        <v>52455.731110000001</v>
      </c>
      <c r="AB3431">
        <v>36332.690990000003</v>
      </c>
      <c r="AC3431">
        <v>35976.86103</v>
      </c>
      <c r="AD3431">
        <v>23701.499940000002</v>
      </c>
      <c r="AE3431">
        <v>38909.767350000002</v>
      </c>
      <c r="AF3431">
        <v>48591.929049999999</v>
      </c>
      <c r="AG3431">
        <v>25661.179260000001</v>
      </c>
      <c r="AH3431">
        <v>296317.913</v>
      </c>
      <c r="AI3431">
        <v>75858.331659999996</v>
      </c>
      <c r="AJ3431">
        <v>18905.230660000001</v>
      </c>
      <c r="AK3431">
        <v>33312.213009999999</v>
      </c>
      <c r="AL3431">
        <v>83959.964659999998</v>
      </c>
      <c r="AM3431">
        <v>17481.93679</v>
      </c>
      <c r="AN3431">
        <v>75606.006729999994</v>
      </c>
      <c r="AO3431">
        <v>26928.533370000001</v>
      </c>
      <c r="AP3431">
        <v>13320.64551</v>
      </c>
    </row>
    <row r="3432" spans="2:42" x14ac:dyDescent="0.3">
      <c r="B3432">
        <v>58.46064469372854</v>
      </c>
      <c r="C3432" s="83">
        <v>43243.916666666664</v>
      </c>
      <c r="D3432">
        <v>242185.54639999999</v>
      </c>
      <c r="E3432">
        <v>14164.92094</v>
      </c>
      <c r="F3432">
        <v>50247.60295</v>
      </c>
      <c r="G3432">
        <v>35218.710760000002</v>
      </c>
      <c r="H3432">
        <v>36502.725570000002</v>
      </c>
      <c r="I3432">
        <v>22635.867719999998</v>
      </c>
      <c r="J3432">
        <v>38928.214930000002</v>
      </c>
      <c r="K3432">
        <v>53079.132919999996</v>
      </c>
      <c r="L3432">
        <v>23015.288250000001</v>
      </c>
      <c r="M3432">
        <v>298059.62929999997</v>
      </c>
      <c r="N3432">
        <v>75180.689360000004</v>
      </c>
      <c r="O3432">
        <v>19295.12904</v>
      </c>
      <c r="P3432">
        <v>36897.327310000001</v>
      </c>
      <c r="Q3432">
        <v>83587.935679999995</v>
      </c>
      <c r="R3432">
        <v>19180.21225</v>
      </c>
      <c r="S3432">
        <v>75521.311799999996</v>
      </c>
      <c r="T3432">
        <v>23971.052019999999</v>
      </c>
      <c r="U3432">
        <v>14193.08375</v>
      </c>
      <c r="W3432" s="83">
        <f>Bühler!N3464</f>
        <v>45434.916666658348</v>
      </c>
      <c r="X3432" s="83">
        <v>43243.916666666664</v>
      </c>
      <c r="Y3432">
        <v>242185.54639999999</v>
      </c>
      <c r="Z3432">
        <v>14164.92094</v>
      </c>
      <c r="AA3432">
        <v>50247.60295</v>
      </c>
      <c r="AB3432">
        <v>35218.710760000002</v>
      </c>
      <c r="AC3432">
        <v>36502.725570000002</v>
      </c>
      <c r="AD3432">
        <v>22635.867719999998</v>
      </c>
      <c r="AE3432">
        <v>38928.214930000002</v>
      </c>
      <c r="AF3432">
        <v>53079.132919999996</v>
      </c>
      <c r="AG3432">
        <v>23015.288250000001</v>
      </c>
      <c r="AH3432">
        <v>298059.62929999997</v>
      </c>
      <c r="AI3432">
        <v>75180.689360000004</v>
      </c>
      <c r="AJ3432">
        <v>19295.12904</v>
      </c>
      <c r="AK3432">
        <v>36897.327310000001</v>
      </c>
      <c r="AL3432">
        <v>83587.935679999995</v>
      </c>
      <c r="AM3432">
        <v>19180.21225</v>
      </c>
      <c r="AN3432">
        <v>75521.311799999996</v>
      </c>
      <c r="AO3432">
        <v>23971.052019999999</v>
      </c>
      <c r="AP3432">
        <v>14193.08375</v>
      </c>
    </row>
    <row r="3433" spans="2:42" x14ac:dyDescent="0.3">
      <c r="B3433">
        <v>58.615704617042027</v>
      </c>
      <c r="C3433" s="83">
        <v>43243.958333333336</v>
      </c>
      <c r="D3433">
        <v>242355.23060000001</v>
      </c>
      <c r="E3433">
        <v>13272.65366</v>
      </c>
      <c r="F3433">
        <v>48698.088889999999</v>
      </c>
      <c r="G3433">
        <v>34331.364549999998</v>
      </c>
      <c r="H3433">
        <v>35750.637519999997</v>
      </c>
      <c r="I3433">
        <v>21381.239020000001</v>
      </c>
      <c r="J3433">
        <v>35922.64428</v>
      </c>
      <c r="K3433">
        <v>51541.110500000003</v>
      </c>
      <c r="L3433">
        <v>20246.257310000001</v>
      </c>
      <c r="M3433">
        <v>298850.19709999999</v>
      </c>
      <c r="N3433">
        <v>74426.931410000005</v>
      </c>
      <c r="O3433">
        <v>18838.76785</v>
      </c>
      <c r="P3433">
        <v>32342.849969999999</v>
      </c>
      <c r="Q3433">
        <v>82994.853560000003</v>
      </c>
      <c r="R3433">
        <v>20471.95204</v>
      </c>
      <c r="S3433">
        <v>73810.77592</v>
      </c>
      <c r="T3433">
        <v>21562.098620000001</v>
      </c>
      <c r="U3433">
        <v>13680.65165</v>
      </c>
      <c r="W3433" s="83">
        <f>Bühler!N3465</f>
        <v>45434.958333325012</v>
      </c>
      <c r="X3433" s="83">
        <v>43243.958333333336</v>
      </c>
      <c r="Y3433">
        <v>242355.23060000001</v>
      </c>
      <c r="Z3433">
        <v>13272.65366</v>
      </c>
      <c r="AA3433">
        <v>48698.088889999999</v>
      </c>
      <c r="AB3433">
        <v>34331.364549999998</v>
      </c>
      <c r="AC3433">
        <v>35750.637519999997</v>
      </c>
      <c r="AD3433">
        <v>21381.239020000001</v>
      </c>
      <c r="AE3433">
        <v>35922.64428</v>
      </c>
      <c r="AF3433">
        <v>51541.110500000003</v>
      </c>
      <c r="AG3433">
        <v>20246.257310000001</v>
      </c>
      <c r="AH3433">
        <v>298850.19709999999</v>
      </c>
      <c r="AI3433">
        <v>74426.931410000005</v>
      </c>
      <c r="AJ3433">
        <v>18838.76785</v>
      </c>
      <c r="AK3433">
        <v>32342.849969999999</v>
      </c>
      <c r="AL3433">
        <v>82994.853560000003</v>
      </c>
      <c r="AM3433">
        <v>20471.95204</v>
      </c>
      <c r="AN3433">
        <v>73810.77592</v>
      </c>
      <c r="AO3433">
        <v>21562.098620000001</v>
      </c>
      <c r="AP3433">
        <v>13680.65165</v>
      </c>
    </row>
    <row r="3434" spans="2:42" x14ac:dyDescent="0.3">
      <c r="B3434">
        <v>57.513414904201767</v>
      </c>
      <c r="C3434" s="83">
        <v>43244</v>
      </c>
      <c r="D3434">
        <v>240483.09160000001</v>
      </c>
      <c r="E3434">
        <v>12866.70227</v>
      </c>
      <c r="F3434">
        <v>47663.233209999999</v>
      </c>
      <c r="G3434">
        <v>33319.432009999997</v>
      </c>
      <c r="H3434">
        <v>34882.838219999998</v>
      </c>
      <c r="I3434">
        <v>19871.833449999998</v>
      </c>
      <c r="J3434">
        <v>33901.459130000003</v>
      </c>
      <c r="K3434">
        <v>50055.497770000002</v>
      </c>
      <c r="L3434">
        <v>18140.66274</v>
      </c>
      <c r="M3434">
        <v>293230.21010000003</v>
      </c>
      <c r="N3434">
        <v>73485.271500000003</v>
      </c>
      <c r="O3434">
        <v>18848.72637</v>
      </c>
      <c r="P3434">
        <v>29736.964769999999</v>
      </c>
      <c r="Q3434">
        <v>81866.301049999995</v>
      </c>
      <c r="R3434">
        <v>16901.080279999998</v>
      </c>
      <c r="S3434">
        <v>72526.343340000007</v>
      </c>
      <c r="T3434">
        <v>19841.811470000001</v>
      </c>
      <c r="U3434">
        <v>13552.952670000001</v>
      </c>
      <c r="W3434" s="83">
        <f>Bühler!N3466</f>
        <v>45434.999999991676</v>
      </c>
      <c r="X3434" s="83">
        <v>43244</v>
      </c>
      <c r="Y3434">
        <v>240483.09160000001</v>
      </c>
      <c r="Z3434">
        <v>12866.70227</v>
      </c>
      <c r="AA3434">
        <v>47663.233209999999</v>
      </c>
      <c r="AB3434">
        <v>33319.432009999997</v>
      </c>
      <c r="AC3434">
        <v>34882.838219999998</v>
      </c>
      <c r="AD3434">
        <v>19871.833449999998</v>
      </c>
      <c r="AE3434">
        <v>33901.459130000003</v>
      </c>
      <c r="AF3434">
        <v>50055.497770000002</v>
      </c>
      <c r="AG3434">
        <v>18140.66274</v>
      </c>
      <c r="AH3434">
        <v>293230.21010000003</v>
      </c>
      <c r="AI3434">
        <v>73485.271500000003</v>
      </c>
      <c r="AJ3434">
        <v>18848.72637</v>
      </c>
      <c r="AK3434">
        <v>29736.964769999999</v>
      </c>
      <c r="AL3434">
        <v>81866.301049999995</v>
      </c>
      <c r="AM3434">
        <v>16901.080279999998</v>
      </c>
      <c r="AN3434">
        <v>72526.343340000007</v>
      </c>
      <c r="AO3434">
        <v>19841.811470000001</v>
      </c>
      <c r="AP3434">
        <v>13552.952670000001</v>
      </c>
    </row>
    <row r="3435" spans="2:42" x14ac:dyDescent="0.3">
      <c r="B3435">
        <v>57.495662036196109</v>
      </c>
      <c r="C3435" s="83">
        <v>43244.041666666664</v>
      </c>
      <c r="D3435">
        <v>239932.78039999999</v>
      </c>
      <c r="E3435">
        <v>12692.342339999999</v>
      </c>
      <c r="F3435">
        <v>47270.514569999999</v>
      </c>
      <c r="G3435">
        <v>32676.0164</v>
      </c>
      <c r="H3435">
        <v>34396.603770000002</v>
      </c>
      <c r="I3435">
        <v>15818.601619999999</v>
      </c>
      <c r="J3435">
        <v>32966.512640000001</v>
      </c>
      <c r="K3435">
        <v>48353.848709999998</v>
      </c>
      <c r="L3435">
        <v>16701.382799999999</v>
      </c>
      <c r="M3435">
        <v>293139.69770000002</v>
      </c>
      <c r="N3435">
        <v>73048.627359999999</v>
      </c>
      <c r="O3435">
        <v>18730.783329999998</v>
      </c>
      <c r="P3435">
        <v>27340.015459999999</v>
      </c>
      <c r="Q3435">
        <v>82226.978810000001</v>
      </c>
      <c r="R3435">
        <v>15318.601280000001</v>
      </c>
      <c r="S3435">
        <v>71230.067420000007</v>
      </c>
      <c r="T3435">
        <v>19273.52261</v>
      </c>
      <c r="U3435">
        <v>13413.32512</v>
      </c>
      <c r="W3435" s="83">
        <f>Bühler!N3467</f>
        <v>45435.041666658341</v>
      </c>
      <c r="X3435" s="83">
        <v>43244.041666666664</v>
      </c>
      <c r="Y3435">
        <v>239932.78039999999</v>
      </c>
      <c r="Z3435">
        <v>12692.342339999999</v>
      </c>
      <c r="AA3435">
        <v>47270.514569999999</v>
      </c>
      <c r="AB3435">
        <v>32676.0164</v>
      </c>
      <c r="AC3435">
        <v>34396.603770000002</v>
      </c>
      <c r="AD3435">
        <v>15818.601619999999</v>
      </c>
      <c r="AE3435">
        <v>32966.512640000001</v>
      </c>
      <c r="AF3435">
        <v>48353.848709999998</v>
      </c>
      <c r="AG3435">
        <v>16701.382799999999</v>
      </c>
      <c r="AH3435">
        <v>293139.69770000002</v>
      </c>
      <c r="AI3435">
        <v>73048.627359999999</v>
      </c>
      <c r="AJ3435">
        <v>18730.783329999998</v>
      </c>
      <c r="AK3435">
        <v>27340.015459999999</v>
      </c>
      <c r="AL3435">
        <v>82226.978810000001</v>
      </c>
      <c r="AM3435">
        <v>15318.601280000001</v>
      </c>
      <c r="AN3435">
        <v>71230.067420000007</v>
      </c>
      <c r="AO3435">
        <v>19273.52261</v>
      </c>
      <c r="AP3435">
        <v>13413.32512</v>
      </c>
    </row>
    <row r="3436" spans="2:42" x14ac:dyDescent="0.3">
      <c r="B3436">
        <v>57.711033154950776</v>
      </c>
      <c r="C3436" s="83">
        <v>43244.083333333336</v>
      </c>
      <c r="D3436">
        <v>239733.44560000001</v>
      </c>
      <c r="E3436">
        <v>12557.906010000001</v>
      </c>
      <c r="F3436">
        <v>47730.10946</v>
      </c>
      <c r="G3436">
        <v>32421.834449999998</v>
      </c>
      <c r="H3436">
        <v>34136.179580000004</v>
      </c>
      <c r="I3436">
        <v>14170.57581</v>
      </c>
      <c r="J3436">
        <v>32636.286349999998</v>
      </c>
      <c r="K3436">
        <v>46745.46387</v>
      </c>
      <c r="L3436">
        <v>16671.826209999999</v>
      </c>
      <c r="M3436">
        <v>294237.76010000001</v>
      </c>
      <c r="N3436">
        <v>72268.104940000005</v>
      </c>
      <c r="O3436">
        <v>18515.603419999999</v>
      </c>
      <c r="P3436">
        <v>25600.84576</v>
      </c>
      <c r="Q3436">
        <v>85283.813269999999</v>
      </c>
      <c r="R3436">
        <v>15606.271070000001</v>
      </c>
      <c r="S3436">
        <v>70825.215060000002</v>
      </c>
      <c r="T3436">
        <v>19039.076379999999</v>
      </c>
      <c r="U3436">
        <v>13308.639069999999</v>
      </c>
      <c r="W3436" s="83">
        <f>Bühler!N3468</f>
        <v>45435.083333325005</v>
      </c>
      <c r="X3436" s="83">
        <v>43244.083333333336</v>
      </c>
      <c r="Y3436">
        <v>239733.44560000001</v>
      </c>
      <c r="Z3436">
        <v>12557.906010000001</v>
      </c>
      <c r="AA3436">
        <v>47730.10946</v>
      </c>
      <c r="AB3436">
        <v>32421.834449999998</v>
      </c>
      <c r="AC3436">
        <v>34136.179580000004</v>
      </c>
      <c r="AD3436">
        <v>14170.57581</v>
      </c>
      <c r="AE3436">
        <v>32636.286349999998</v>
      </c>
      <c r="AF3436">
        <v>46745.46387</v>
      </c>
      <c r="AG3436">
        <v>16671.826209999999</v>
      </c>
      <c r="AH3436">
        <v>294237.76010000001</v>
      </c>
      <c r="AI3436">
        <v>72268.104940000005</v>
      </c>
      <c r="AJ3436">
        <v>18515.603419999999</v>
      </c>
      <c r="AK3436">
        <v>25600.84576</v>
      </c>
      <c r="AL3436">
        <v>85283.813269999999</v>
      </c>
      <c r="AM3436">
        <v>15606.271070000001</v>
      </c>
      <c r="AN3436">
        <v>70825.215060000002</v>
      </c>
      <c r="AO3436">
        <v>19039.076379999999</v>
      </c>
      <c r="AP3436">
        <v>13308.639069999999</v>
      </c>
    </row>
    <row r="3437" spans="2:42" x14ac:dyDescent="0.3">
      <c r="B3437">
        <v>58.450427170162428</v>
      </c>
      <c r="C3437" s="83">
        <v>43244.125</v>
      </c>
      <c r="D3437">
        <v>241740.9154</v>
      </c>
      <c r="E3437">
        <v>12654.27151</v>
      </c>
      <c r="F3437">
        <v>49115.519039999999</v>
      </c>
      <c r="G3437">
        <v>31417.582320000001</v>
      </c>
      <c r="H3437">
        <v>33984.53903</v>
      </c>
      <c r="I3437">
        <v>14023.78844</v>
      </c>
      <c r="J3437">
        <v>32901.488449999997</v>
      </c>
      <c r="K3437">
        <v>44915.80904</v>
      </c>
      <c r="L3437">
        <v>16522.97579</v>
      </c>
      <c r="M3437">
        <v>298007.5356</v>
      </c>
      <c r="N3437">
        <v>71521.912030000007</v>
      </c>
      <c r="O3437">
        <v>18640.175869999999</v>
      </c>
      <c r="P3437">
        <v>25290.387360000001</v>
      </c>
      <c r="Q3437">
        <v>87926.859160000007</v>
      </c>
      <c r="R3437">
        <v>15891.31234</v>
      </c>
      <c r="S3437">
        <v>70503.852580000006</v>
      </c>
      <c r="T3437">
        <v>18667.874919999998</v>
      </c>
      <c r="U3437">
        <v>13416.407429999999</v>
      </c>
      <c r="W3437" s="83">
        <f>Bühler!N3469</f>
        <v>45435.124999991669</v>
      </c>
      <c r="X3437" s="83">
        <v>43244.125</v>
      </c>
      <c r="Y3437">
        <v>241740.9154</v>
      </c>
      <c r="Z3437">
        <v>12654.27151</v>
      </c>
      <c r="AA3437">
        <v>49115.519039999999</v>
      </c>
      <c r="AB3437">
        <v>31417.582320000001</v>
      </c>
      <c r="AC3437">
        <v>33984.53903</v>
      </c>
      <c r="AD3437">
        <v>14023.78844</v>
      </c>
      <c r="AE3437">
        <v>32901.488449999997</v>
      </c>
      <c r="AF3437">
        <v>44915.80904</v>
      </c>
      <c r="AG3437">
        <v>16522.97579</v>
      </c>
      <c r="AH3437">
        <v>298007.5356</v>
      </c>
      <c r="AI3437">
        <v>71521.912030000007</v>
      </c>
      <c r="AJ3437">
        <v>18640.175869999999</v>
      </c>
      <c r="AK3437">
        <v>25290.387360000001</v>
      </c>
      <c r="AL3437">
        <v>87926.859160000007</v>
      </c>
      <c r="AM3437">
        <v>15891.31234</v>
      </c>
      <c r="AN3437">
        <v>70503.852580000006</v>
      </c>
      <c r="AO3437">
        <v>18667.874919999998</v>
      </c>
      <c r="AP3437">
        <v>13416.407429999999</v>
      </c>
    </row>
    <row r="3438" spans="2:42" x14ac:dyDescent="0.3">
      <c r="B3438">
        <v>59.779397893033</v>
      </c>
      <c r="C3438" s="83">
        <v>43244.166666666664</v>
      </c>
      <c r="D3438">
        <v>244158.73209999999</v>
      </c>
      <c r="E3438">
        <v>13076.823689999999</v>
      </c>
      <c r="F3438">
        <v>52419.906510000001</v>
      </c>
      <c r="G3438">
        <v>30500.445169999999</v>
      </c>
      <c r="H3438">
        <v>34795.621330000002</v>
      </c>
      <c r="I3438">
        <v>16174.02845</v>
      </c>
      <c r="J3438">
        <v>35438.280859999999</v>
      </c>
      <c r="K3438">
        <v>44402.289989999997</v>
      </c>
      <c r="L3438">
        <v>16472.652109999999</v>
      </c>
      <c r="M3438">
        <v>304783.24810000003</v>
      </c>
      <c r="N3438">
        <v>70985.474019999994</v>
      </c>
      <c r="O3438">
        <v>18803.563699999999</v>
      </c>
      <c r="P3438">
        <v>24276.712390000001</v>
      </c>
      <c r="Q3438">
        <v>92129.383579999994</v>
      </c>
      <c r="R3438">
        <v>15493.40987</v>
      </c>
      <c r="S3438">
        <v>70810.41</v>
      </c>
      <c r="T3438">
        <v>18823.016930000002</v>
      </c>
      <c r="U3438">
        <v>13782.31021</v>
      </c>
      <c r="W3438" s="83">
        <f>Bühler!N3470</f>
        <v>45435.166666658333</v>
      </c>
      <c r="X3438" s="83">
        <v>43244.166666666664</v>
      </c>
      <c r="Y3438">
        <v>244158.73209999999</v>
      </c>
      <c r="Z3438">
        <v>13076.823689999999</v>
      </c>
      <c r="AA3438">
        <v>52419.906510000001</v>
      </c>
      <c r="AB3438">
        <v>30500.445169999999</v>
      </c>
      <c r="AC3438">
        <v>34795.621330000002</v>
      </c>
      <c r="AD3438">
        <v>16174.02845</v>
      </c>
      <c r="AE3438">
        <v>35438.280859999999</v>
      </c>
      <c r="AF3438">
        <v>44402.289989999997</v>
      </c>
      <c r="AG3438">
        <v>16472.652109999999</v>
      </c>
      <c r="AH3438">
        <v>304783.24810000003</v>
      </c>
      <c r="AI3438">
        <v>70985.474019999994</v>
      </c>
      <c r="AJ3438">
        <v>18803.563699999999</v>
      </c>
      <c r="AK3438">
        <v>24276.712390000001</v>
      </c>
      <c r="AL3438">
        <v>92129.383579999994</v>
      </c>
      <c r="AM3438">
        <v>15493.40987</v>
      </c>
      <c r="AN3438">
        <v>70810.41</v>
      </c>
      <c r="AO3438">
        <v>18823.016930000002</v>
      </c>
      <c r="AP3438">
        <v>13782.31021</v>
      </c>
    </row>
    <row r="3439" spans="2:42" x14ac:dyDescent="0.3">
      <c r="B3439">
        <v>62.571836882546677</v>
      </c>
      <c r="C3439" s="83">
        <v>43244.208333333336</v>
      </c>
      <c r="D3439">
        <v>258214.60329999999</v>
      </c>
      <c r="E3439">
        <v>15083.69571</v>
      </c>
      <c r="F3439">
        <v>62318.251170000003</v>
      </c>
      <c r="G3439">
        <v>32302.794300000001</v>
      </c>
      <c r="H3439">
        <v>36137.387970000003</v>
      </c>
      <c r="I3439">
        <v>24069.919460000001</v>
      </c>
      <c r="J3439">
        <v>38383.676749999999</v>
      </c>
      <c r="K3439">
        <v>45984.533130000003</v>
      </c>
      <c r="L3439">
        <v>16916.474190000001</v>
      </c>
      <c r="M3439">
        <v>319020.40429999999</v>
      </c>
      <c r="N3439">
        <v>72344.466889999996</v>
      </c>
      <c r="O3439">
        <v>19685.030340000001</v>
      </c>
      <c r="P3439">
        <v>25258.041669999999</v>
      </c>
      <c r="Q3439">
        <v>94939.691040000005</v>
      </c>
      <c r="R3439">
        <v>18203.857650000002</v>
      </c>
      <c r="S3439">
        <v>73054.665200000003</v>
      </c>
      <c r="T3439">
        <v>20311.466649999998</v>
      </c>
      <c r="U3439">
        <v>15707.309010000001</v>
      </c>
      <c r="W3439" s="83">
        <f>Bühler!N3471</f>
        <v>45435.208333324998</v>
      </c>
      <c r="X3439" s="83">
        <v>43244.208333333336</v>
      </c>
      <c r="Y3439">
        <v>258214.60329999999</v>
      </c>
      <c r="Z3439">
        <v>15083.69571</v>
      </c>
      <c r="AA3439">
        <v>62318.251170000003</v>
      </c>
      <c r="AB3439">
        <v>32302.794300000001</v>
      </c>
      <c r="AC3439">
        <v>36137.387970000003</v>
      </c>
      <c r="AD3439">
        <v>24069.919460000001</v>
      </c>
      <c r="AE3439">
        <v>38383.676749999999</v>
      </c>
      <c r="AF3439">
        <v>45984.533130000003</v>
      </c>
      <c r="AG3439">
        <v>16916.474190000001</v>
      </c>
      <c r="AH3439">
        <v>319020.40429999999</v>
      </c>
      <c r="AI3439">
        <v>72344.466889999996</v>
      </c>
      <c r="AJ3439">
        <v>19685.030340000001</v>
      </c>
      <c r="AK3439">
        <v>25258.041669999999</v>
      </c>
      <c r="AL3439">
        <v>94939.691040000005</v>
      </c>
      <c r="AM3439">
        <v>18203.857650000002</v>
      </c>
      <c r="AN3439">
        <v>73054.665200000003</v>
      </c>
      <c r="AO3439">
        <v>20311.466649999998</v>
      </c>
      <c r="AP3439">
        <v>15707.309010000001</v>
      </c>
    </row>
    <row r="3440" spans="2:42" x14ac:dyDescent="0.3">
      <c r="B3440">
        <v>65.892324469311134</v>
      </c>
      <c r="C3440" s="83">
        <v>43244.25</v>
      </c>
      <c r="D3440">
        <v>271723.88299999997</v>
      </c>
      <c r="E3440">
        <v>18889.412410000001</v>
      </c>
      <c r="F3440">
        <v>72781.873389999993</v>
      </c>
      <c r="G3440">
        <v>43102.896869999997</v>
      </c>
      <c r="H3440">
        <v>38282.501499999998</v>
      </c>
      <c r="I3440">
        <v>30629.971460000001</v>
      </c>
      <c r="J3440">
        <v>40531.638760000002</v>
      </c>
      <c r="K3440">
        <v>47818.58423</v>
      </c>
      <c r="L3440">
        <v>18059.964609999999</v>
      </c>
      <c r="M3440">
        <v>335949.79849999998</v>
      </c>
      <c r="N3440">
        <v>74555.659679999997</v>
      </c>
      <c r="O3440">
        <v>20757.613089999999</v>
      </c>
      <c r="P3440">
        <v>27073.449550000001</v>
      </c>
      <c r="Q3440">
        <v>96073.878899999996</v>
      </c>
      <c r="R3440">
        <v>15976.226860000001</v>
      </c>
      <c r="S3440">
        <v>81749.729800000001</v>
      </c>
      <c r="T3440">
        <v>22617.37197</v>
      </c>
      <c r="U3440">
        <v>17131.510829999999</v>
      </c>
      <c r="W3440" s="83">
        <f>Bühler!N3472</f>
        <v>45435.249999991662</v>
      </c>
      <c r="X3440" s="83">
        <v>43244.25</v>
      </c>
      <c r="Y3440">
        <v>271723.88299999997</v>
      </c>
      <c r="Z3440">
        <v>18889.412410000001</v>
      </c>
      <c r="AA3440">
        <v>72781.873389999993</v>
      </c>
      <c r="AB3440">
        <v>43102.896869999997</v>
      </c>
      <c r="AC3440">
        <v>38282.501499999998</v>
      </c>
      <c r="AD3440">
        <v>30629.971460000001</v>
      </c>
      <c r="AE3440">
        <v>40531.638760000002</v>
      </c>
      <c r="AF3440">
        <v>47818.58423</v>
      </c>
      <c r="AG3440">
        <v>18059.964609999999</v>
      </c>
      <c r="AH3440">
        <v>335949.79849999998</v>
      </c>
      <c r="AI3440">
        <v>74555.659679999997</v>
      </c>
      <c r="AJ3440">
        <v>20757.613089999999</v>
      </c>
      <c r="AK3440">
        <v>27073.449550000001</v>
      </c>
      <c r="AL3440">
        <v>96073.878899999996</v>
      </c>
      <c r="AM3440">
        <v>15976.226860000001</v>
      </c>
      <c r="AN3440">
        <v>81749.729800000001</v>
      </c>
      <c r="AO3440">
        <v>22617.37197</v>
      </c>
      <c r="AP3440">
        <v>17131.510829999999</v>
      </c>
    </row>
    <row r="3441" spans="2:42" x14ac:dyDescent="0.3">
      <c r="B3441">
        <v>67.854132869945502</v>
      </c>
      <c r="C3441" s="83">
        <v>43244.291666666664</v>
      </c>
      <c r="D3441">
        <v>284942.43920000002</v>
      </c>
      <c r="E3441">
        <v>23152.31784</v>
      </c>
      <c r="F3441">
        <v>76162.182830000005</v>
      </c>
      <c r="G3441">
        <v>53126.269319999999</v>
      </c>
      <c r="H3441">
        <v>42978.738720000001</v>
      </c>
      <c r="I3441">
        <v>38158.118730000002</v>
      </c>
      <c r="J3441">
        <v>41546.409749999999</v>
      </c>
      <c r="K3441">
        <v>52281.454859999998</v>
      </c>
      <c r="L3441">
        <v>20771.51426</v>
      </c>
      <c r="M3441">
        <v>345952.01260000002</v>
      </c>
      <c r="N3441">
        <v>80245.44945</v>
      </c>
      <c r="O3441">
        <v>22355.5177</v>
      </c>
      <c r="P3441">
        <v>30653.127059999999</v>
      </c>
      <c r="Q3441">
        <v>95283.679350000006</v>
      </c>
      <c r="R3441">
        <v>17419.568579999999</v>
      </c>
      <c r="S3441">
        <v>95523.098790000004</v>
      </c>
      <c r="T3441">
        <v>25555.48172</v>
      </c>
      <c r="U3441">
        <v>20994.135539999999</v>
      </c>
      <c r="W3441" s="83">
        <f>Bühler!N3473</f>
        <v>45435.291666658326</v>
      </c>
      <c r="X3441" s="83">
        <v>43244.291666666664</v>
      </c>
      <c r="Y3441">
        <v>284942.43920000002</v>
      </c>
      <c r="Z3441">
        <v>23152.31784</v>
      </c>
      <c r="AA3441">
        <v>76162.182830000005</v>
      </c>
      <c r="AB3441">
        <v>53126.269319999999</v>
      </c>
      <c r="AC3441">
        <v>42978.738720000001</v>
      </c>
      <c r="AD3441">
        <v>38158.118730000002</v>
      </c>
      <c r="AE3441">
        <v>41546.409749999999</v>
      </c>
      <c r="AF3441">
        <v>52281.454859999998</v>
      </c>
      <c r="AG3441">
        <v>20771.51426</v>
      </c>
      <c r="AH3441">
        <v>345952.01260000002</v>
      </c>
      <c r="AI3441">
        <v>80245.44945</v>
      </c>
      <c r="AJ3441">
        <v>22355.5177</v>
      </c>
      <c r="AK3441">
        <v>30653.127059999999</v>
      </c>
      <c r="AL3441">
        <v>95283.679350000006</v>
      </c>
      <c r="AM3441">
        <v>17419.568579999999</v>
      </c>
      <c r="AN3441">
        <v>95523.098790000004</v>
      </c>
      <c r="AO3441">
        <v>25555.48172</v>
      </c>
      <c r="AP3441">
        <v>20994.135539999999</v>
      </c>
    </row>
    <row r="3442" spans="2:42" x14ac:dyDescent="0.3">
      <c r="B3442">
        <v>68.407167588797549</v>
      </c>
      <c r="C3442" s="83">
        <v>43244.333333333336</v>
      </c>
      <c r="D3442">
        <v>296865.80239999999</v>
      </c>
      <c r="E3442">
        <v>28898.407230000001</v>
      </c>
      <c r="F3442">
        <v>83549.212799999994</v>
      </c>
      <c r="G3442">
        <v>68418.985579999993</v>
      </c>
      <c r="H3442">
        <v>48467.388099999996</v>
      </c>
      <c r="I3442">
        <v>40519.964679999997</v>
      </c>
      <c r="J3442">
        <v>43550.329180000001</v>
      </c>
      <c r="K3442">
        <v>58602.529040000001</v>
      </c>
      <c r="L3442">
        <v>23695.71171</v>
      </c>
      <c r="M3442">
        <v>348771.64150000003</v>
      </c>
      <c r="N3442">
        <v>86050.864870000005</v>
      </c>
      <c r="O3442">
        <v>24260.70566</v>
      </c>
      <c r="P3442">
        <v>32543.858349999999</v>
      </c>
      <c r="Q3442">
        <v>96919.884720000002</v>
      </c>
      <c r="R3442">
        <v>20255.273280000001</v>
      </c>
      <c r="S3442">
        <v>107748.90429999999</v>
      </c>
      <c r="T3442">
        <v>29482.898860000001</v>
      </c>
      <c r="U3442">
        <v>23749.63349</v>
      </c>
      <c r="W3442" s="83">
        <f>Bühler!N3474</f>
        <v>45435.33333332499</v>
      </c>
      <c r="X3442" s="83">
        <v>43244.333333333336</v>
      </c>
      <c r="Y3442">
        <v>296865.80239999999</v>
      </c>
      <c r="Z3442">
        <v>28898.407230000001</v>
      </c>
      <c r="AA3442">
        <v>83549.212799999994</v>
      </c>
      <c r="AB3442">
        <v>68418.985579999993</v>
      </c>
      <c r="AC3442">
        <v>48467.388099999996</v>
      </c>
      <c r="AD3442">
        <v>40519.964679999997</v>
      </c>
      <c r="AE3442">
        <v>43550.329180000001</v>
      </c>
      <c r="AF3442">
        <v>58602.529040000001</v>
      </c>
      <c r="AG3442">
        <v>23695.71171</v>
      </c>
      <c r="AH3442">
        <v>348771.64150000003</v>
      </c>
      <c r="AI3442">
        <v>86050.864870000005</v>
      </c>
      <c r="AJ3442">
        <v>24260.70566</v>
      </c>
      <c r="AK3442">
        <v>32543.858349999999</v>
      </c>
      <c r="AL3442">
        <v>96919.884720000002</v>
      </c>
      <c r="AM3442">
        <v>20255.273280000001</v>
      </c>
      <c r="AN3442">
        <v>107748.90429999999</v>
      </c>
      <c r="AO3442">
        <v>29482.898860000001</v>
      </c>
      <c r="AP3442">
        <v>23749.63349</v>
      </c>
    </row>
    <row r="3443" spans="2:42" x14ac:dyDescent="0.3">
      <c r="B3443">
        <v>68.901691790958481</v>
      </c>
      <c r="C3443" s="83">
        <v>43244.375</v>
      </c>
      <c r="D3443">
        <v>298839.09590000001</v>
      </c>
      <c r="E3443">
        <v>32723.98115</v>
      </c>
      <c r="F3443">
        <v>91239.242830000003</v>
      </c>
      <c r="G3443">
        <v>78767.486439999993</v>
      </c>
      <c r="H3443">
        <v>51215.304320000003</v>
      </c>
      <c r="I3443">
        <v>38140.482660000001</v>
      </c>
      <c r="J3443">
        <v>43923.023079999999</v>
      </c>
      <c r="K3443">
        <v>61728.733899999999</v>
      </c>
      <c r="L3443">
        <v>26600.51586</v>
      </c>
      <c r="M3443">
        <v>351292.95649999997</v>
      </c>
      <c r="N3443">
        <v>89428.879969999995</v>
      </c>
      <c r="O3443">
        <v>24640.731039999999</v>
      </c>
      <c r="P3443">
        <v>33900.662369999998</v>
      </c>
      <c r="Q3443">
        <v>97822.812879999998</v>
      </c>
      <c r="R3443">
        <v>21167.44584</v>
      </c>
      <c r="S3443">
        <v>113606.80409999999</v>
      </c>
      <c r="T3443">
        <v>32188.40265</v>
      </c>
      <c r="U3443">
        <v>24181.567040000002</v>
      </c>
      <c r="W3443" s="83">
        <f>Bühler!N3475</f>
        <v>45435.374999991654</v>
      </c>
      <c r="X3443" s="83">
        <v>43244.375</v>
      </c>
      <c r="Y3443">
        <v>298839.09590000001</v>
      </c>
      <c r="Z3443">
        <v>32723.98115</v>
      </c>
      <c r="AA3443">
        <v>91239.242830000003</v>
      </c>
      <c r="AB3443">
        <v>78767.486439999993</v>
      </c>
      <c r="AC3443">
        <v>51215.304320000003</v>
      </c>
      <c r="AD3443">
        <v>38140.482660000001</v>
      </c>
      <c r="AE3443">
        <v>43923.023079999999</v>
      </c>
      <c r="AF3443">
        <v>61728.733899999999</v>
      </c>
      <c r="AG3443">
        <v>26600.51586</v>
      </c>
      <c r="AH3443">
        <v>351292.95649999997</v>
      </c>
      <c r="AI3443">
        <v>89428.879969999995</v>
      </c>
      <c r="AJ3443">
        <v>24640.731039999999</v>
      </c>
      <c r="AK3443">
        <v>33900.662369999998</v>
      </c>
      <c r="AL3443">
        <v>97822.812879999998</v>
      </c>
      <c r="AM3443">
        <v>21167.44584</v>
      </c>
      <c r="AN3443">
        <v>113606.80409999999</v>
      </c>
      <c r="AO3443">
        <v>32188.40265</v>
      </c>
      <c r="AP3443">
        <v>24181.567040000002</v>
      </c>
    </row>
    <row r="3444" spans="2:42" x14ac:dyDescent="0.3">
      <c r="B3444">
        <v>69.247468458246189</v>
      </c>
      <c r="C3444" s="83">
        <v>43244.416666666664</v>
      </c>
      <c r="D3444">
        <v>300312.43839999998</v>
      </c>
      <c r="E3444">
        <v>34446.24553</v>
      </c>
      <c r="F3444">
        <v>91473.875799999994</v>
      </c>
      <c r="G3444">
        <v>81677.346749999997</v>
      </c>
      <c r="H3444">
        <v>51785.575320000004</v>
      </c>
      <c r="I3444">
        <v>36501.657740000002</v>
      </c>
      <c r="J3444">
        <v>42911.026449999998</v>
      </c>
      <c r="K3444">
        <v>63149.366880000001</v>
      </c>
      <c r="L3444">
        <v>29412.1976</v>
      </c>
      <c r="M3444">
        <v>353055.8872</v>
      </c>
      <c r="N3444">
        <v>90437.370389999996</v>
      </c>
      <c r="O3444">
        <v>25735.402450000001</v>
      </c>
      <c r="P3444">
        <v>34514.3626</v>
      </c>
      <c r="Q3444">
        <v>98160.516520000005</v>
      </c>
      <c r="R3444">
        <v>21576.355940000001</v>
      </c>
      <c r="S3444">
        <v>115768.6444</v>
      </c>
      <c r="T3444">
        <v>33954.556299999997</v>
      </c>
      <c r="U3444">
        <v>23800.642230000001</v>
      </c>
      <c r="W3444" s="83">
        <f>Bühler!N3476</f>
        <v>45435.416666658319</v>
      </c>
      <c r="X3444" s="83">
        <v>43244.416666666664</v>
      </c>
      <c r="Y3444">
        <v>300312.43839999998</v>
      </c>
      <c r="Z3444">
        <v>34446.24553</v>
      </c>
      <c r="AA3444">
        <v>91473.875799999994</v>
      </c>
      <c r="AB3444">
        <v>81677.346749999997</v>
      </c>
      <c r="AC3444">
        <v>51785.575320000004</v>
      </c>
      <c r="AD3444">
        <v>36501.657740000002</v>
      </c>
      <c r="AE3444">
        <v>42911.026449999998</v>
      </c>
      <c r="AF3444">
        <v>63149.366880000001</v>
      </c>
      <c r="AG3444">
        <v>29412.1976</v>
      </c>
      <c r="AH3444">
        <v>353055.8872</v>
      </c>
      <c r="AI3444">
        <v>90437.370389999996</v>
      </c>
      <c r="AJ3444">
        <v>25735.402450000001</v>
      </c>
      <c r="AK3444">
        <v>34514.3626</v>
      </c>
      <c r="AL3444">
        <v>98160.516520000005</v>
      </c>
      <c r="AM3444">
        <v>21576.355940000001</v>
      </c>
      <c r="AN3444">
        <v>115768.6444</v>
      </c>
      <c r="AO3444">
        <v>33954.556299999997</v>
      </c>
      <c r="AP3444">
        <v>23800.642230000001</v>
      </c>
    </row>
    <row r="3445" spans="2:42" x14ac:dyDescent="0.3">
      <c r="B3445">
        <v>70.243395990064002</v>
      </c>
      <c r="C3445" s="83">
        <v>43244.458333333336</v>
      </c>
      <c r="D3445">
        <v>300262.09850000002</v>
      </c>
      <c r="E3445">
        <v>34729.612880000001</v>
      </c>
      <c r="F3445">
        <v>92168.529699999999</v>
      </c>
      <c r="G3445">
        <v>82107.554539999997</v>
      </c>
      <c r="H3445">
        <v>51709.376649999998</v>
      </c>
      <c r="I3445">
        <v>35486.661979999997</v>
      </c>
      <c r="J3445">
        <v>43319.544589999998</v>
      </c>
      <c r="K3445">
        <v>63948.998140000003</v>
      </c>
      <c r="L3445">
        <v>30061.523160000001</v>
      </c>
      <c r="M3445">
        <v>358133.59019999998</v>
      </c>
      <c r="N3445">
        <v>89204.090060000002</v>
      </c>
      <c r="O3445">
        <v>25489.548149999999</v>
      </c>
      <c r="P3445">
        <v>33799.20203</v>
      </c>
      <c r="Q3445">
        <v>98461.821400000001</v>
      </c>
      <c r="R3445">
        <v>23715.32474</v>
      </c>
      <c r="S3445">
        <v>118845.3792</v>
      </c>
      <c r="T3445">
        <v>33871.013330000002</v>
      </c>
      <c r="U3445">
        <v>23999.519270000001</v>
      </c>
      <c r="W3445" s="83">
        <f>Bühler!N3477</f>
        <v>45435.458333324983</v>
      </c>
      <c r="X3445" s="83">
        <v>43244.458333333336</v>
      </c>
      <c r="Y3445">
        <v>300262.09850000002</v>
      </c>
      <c r="Z3445">
        <v>34729.612880000001</v>
      </c>
      <c r="AA3445">
        <v>92168.529699999999</v>
      </c>
      <c r="AB3445">
        <v>82107.554539999997</v>
      </c>
      <c r="AC3445">
        <v>51709.376649999998</v>
      </c>
      <c r="AD3445">
        <v>35486.661979999997</v>
      </c>
      <c r="AE3445">
        <v>43319.544589999998</v>
      </c>
      <c r="AF3445">
        <v>63948.998140000003</v>
      </c>
      <c r="AG3445">
        <v>30061.523160000001</v>
      </c>
      <c r="AH3445">
        <v>358133.59019999998</v>
      </c>
      <c r="AI3445">
        <v>89204.090060000002</v>
      </c>
      <c r="AJ3445">
        <v>25489.548149999999</v>
      </c>
      <c r="AK3445">
        <v>33799.20203</v>
      </c>
      <c r="AL3445">
        <v>98461.821400000001</v>
      </c>
      <c r="AM3445">
        <v>23715.32474</v>
      </c>
      <c r="AN3445">
        <v>118845.3792</v>
      </c>
      <c r="AO3445">
        <v>33871.013330000002</v>
      </c>
      <c r="AP3445">
        <v>23999.519270000001</v>
      </c>
    </row>
    <row r="3446" spans="2:42" x14ac:dyDescent="0.3">
      <c r="B3446">
        <v>69.426858933470783</v>
      </c>
      <c r="C3446" s="83">
        <v>43244.5</v>
      </c>
      <c r="D3446">
        <v>286985.2757</v>
      </c>
      <c r="E3446">
        <v>31507.47176</v>
      </c>
      <c r="F3446">
        <v>90771.671669999996</v>
      </c>
      <c r="G3446">
        <v>82151.658819999997</v>
      </c>
      <c r="H3446">
        <v>49662.529219999997</v>
      </c>
      <c r="I3446">
        <v>34710.504919999999</v>
      </c>
      <c r="J3446">
        <v>43264.631659999999</v>
      </c>
      <c r="K3446">
        <v>58354.065920000001</v>
      </c>
      <c r="L3446">
        <v>32365.386470000001</v>
      </c>
      <c r="M3446">
        <v>353970.50349999999</v>
      </c>
      <c r="N3446">
        <v>87155.152960000007</v>
      </c>
      <c r="O3446">
        <v>24697.6538</v>
      </c>
      <c r="P3446">
        <v>35733.811260000002</v>
      </c>
      <c r="Q3446">
        <v>96975.270279999997</v>
      </c>
      <c r="R3446">
        <v>23572.981230000001</v>
      </c>
      <c r="S3446">
        <v>112853.88589999999</v>
      </c>
      <c r="T3446">
        <v>33895.782639999998</v>
      </c>
      <c r="U3446">
        <v>20296.94527</v>
      </c>
      <c r="W3446" s="83">
        <f>Bühler!N3478</f>
        <v>45435.499999991647</v>
      </c>
      <c r="X3446" s="83">
        <v>43244.5</v>
      </c>
      <c r="Y3446">
        <v>286985.2757</v>
      </c>
      <c r="Z3446">
        <v>31507.47176</v>
      </c>
      <c r="AA3446">
        <v>90771.671669999996</v>
      </c>
      <c r="AB3446">
        <v>82151.658819999997</v>
      </c>
      <c r="AC3446">
        <v>49662.529219999997</v>
      </c>
      <c r="AD3446">
        <v>34710.504919999999</v>
      </c>
      <c r="AE3446">
        <v>43264.631659999999</v>
      </c>
      <c r="AF3446">
        <v>58354.065920000001</v>
      </c>
      <c r="AG3446">
        <v>32365.386470000001</v>
      </c>
      <c r="AH3446">
        <v>353970.50349999999</v>
      </c>
      <c r="AI3446">
        <v>87155.152960000007</v>
      </c>
      <c r="AJ3446">
        <v>24697.6538</v>
      </c>
      <c r="AK3446">
        <v>35733.811260000002</v>
      </c>
      <c r="AL3446">
        <v>96975.270279999997</v>
      </c>
      <c r="AM3446">
        <v>23572.981230000001</v>
      </c>
      <c r="AN3446">
        <v>112853.88589999999</v>
      </c>
      <c r="AO3446">
        <v>33895.782639999998</v>
      </c>
      <c r="AP3446">
        <v>20296.94527</v>
      </c>
    </row>
    <row r="3447" spans="2:42" x14ac:dyDescent="0.3">
      <c r="B3447">
        <v>68.680330576761051</v>
      </c>
      <c r="C3447" s="83">
        <v>43244.541666666664</v>
      </c>
      <c r="D3447">
        <v>289954.75900000002</v>
      </c>
      <c r="E3447">
        <v>31227.15539</v>
      </c>
      <c r="F3447">
        <v>89844.849629999997</v>
      </c>
      <c r="G3447">
        <v>78042.981329999995</v>
      </c>
      <c r="H3447">
        <v>50283.88811</v>
      </c>
      <c r="I3447">
        <v>34915.803619999999</v>
      </c>
      <c r="J3447">
        <v>42268.397470000004</v>
      </c>
      <c r="K3447">
        <v>61450.676729999999</v>
      </c>
      <c r="L3447">
        <v>31093.55935</v>
      </c>
      <c r="M3447">
        <v>350164.35379999998</v>
      </c>
      <c r="N3447">
        <v>87778.250209999998</v>
      </c>
      <c r="O3447">
        <v>24901.023410000002</v>
      </c>
      <c r="P3447">
        <v>35159.547939999997</v>
      </c>
      <c r="Q3447">
        <v>95951.399479999993</v>
      </c>
      <c r="R3447">
        <v>23574.470420000001</v>
      </c>
      <c r="S3447">
        <v>112400.6918</v>
      </c>
      <c r="T3447">
        <v>33168.315280000003</v>
      </c>
      <c r="U3447">
        <v>22538.620040000002</v>
      </c>
      <c r="W3447" s="83">
        <f>Bühler!N3479</f>
        <v>45435.541666658311</v>
      </c>
      <c r="X3447" s="83">
        <v>43244.541666666664</v>
      </c>
      <c r="Y3447">
        <v>289954.75900000002</v>
      </c>
      <c r="Z3447">
        <v>31227.15539</v>
      </c>
      <c r="AA3447">
        <v>89844.849629999997</v>
      </c>
      <c r="AB3447">
        <v>78042.981329999995</v>
      </c>
      <c r="AC3447">
        <v>50283.88811</v>
      </c>
      <c r="AD3447">
        <v>34915.803619999999</v>
      </c>
      <c r="AE3447">
        <v>42268.397470000004</v>
      </c>
      <c r="AF3447">
        <v>61450.676729999999</v>
      </c>
      <c r="AG3447">
        <v>31093.55935</v>
      </c>
      <c r="AH3447">
        <v>350164.35379999998</v>
      </c>
      <c r="AI3447">
        <v>87778.250209999998</v>
      </c>
      <c r="AJ3447">
        <v>24901.023410000002</v>
      </c>
      <c r="AK3447">
        <v>35159.547939999997</v>
      </c>
      <c r="AL3447">
        <v>95951.399479999993</v>
      </c>
      <c r="AM3447">
        <v>23574.470420000001</v>
      </c>
      <c r="AN3447">
        <v>112400.6918</v>
      </c>
      <c r="AO3447">
        <v>33168.315280000003</v>
      </c>
      <c r="AP3447">
        <v>22538.620040000002</v>
      </c>
    </row>
    <row r="3448" spans="2:42" x14ac:dyDescent="0.3">
      <c r="B3448">
        <v>68.831204456945372</v>
      </c>
      <c r="C3448" s="83">
        <v>43244.583333333336</v>
      </c>
      <c r="D3448">
        <v>293456.09389999998</v>
      </c>
      <c r="E3448">
        <v>34059.649729999997</v>
      </c>
      <c r="F3448">
        <v>91993.460040000005</v>
      </c>
      <c r="G3448">
        <v>72215.938099999999</v>
      </c>
      <c r="H3448">
        <v>50201.196349999998</v>
      </c>
      <c r="I3448">
        <v>35115.180480000003</v>
      </c>
      <c r="J3448">
        <v>41905.010679999999</v>
      </c>
      <c r="K3448">
        <v>64550.887040000001</v>
      </c>
      <c r="L3448">
        <v>27998.466069999999</v>
      </c>
      <c r="M3448">
        <v>350933.57919999998</v>
      </c>
      <c r="N3448">
        <v>88893.165059999999</v>
      </c>
      <c r="O3448">
        <v>24646.009139999998</v>
      </c>
      <c r="P3448">
        <v>32394.268059999999</v>
      </c>
      <c r="Q3448">
        <v>95684.151410000006</v>
      </c>
      <c r="R3448">
        <v>22595.12743</v>
      </c>
      <c r="S3448">
        <v>107681.9437</v>
      </c>
      <c r="T3448">
        <v>31364.85499</v>
      </c>
      <c r="U3448">
        <v>22598.137210000001</v>
      </c>
      <c r="W3448" s="83">
        <f>Bühler!N3480</f>
        <v>45435.583333324976</v>
      </c>
      <c r="X3448" s="83">
        <v>43244.583333333336</v>
      </c>
      <c r="Y3448">
        <v>293456.09389999998</v>
      </c>
      <c r="Z3448">
        <v>34059.649729999997</v>
      </c>
      <c r="AA3448">
        <v>91993.460040000005</v>
      </c>
      <c r="AB3448">
        <v>72215.938099999999</v>
      </c>
      <c r="AC3448">
        <v>50201.196349999998</v>
      </c>
      <c r="AD3448">
        <v>35115.180480000003</v>
      </c>
      <c r="AE3448">
        <v>41905.010679999999</v>
      </c>
      <c r="AF3448">
        <v>64550.887040000001</v>
      </c>
      <c r="AG3448">
        <v>27998.466069999999</v>
      </c>
      <c r="AH3448">
        <v>350933.57919999998</v>
      </c>
      <c r="AI3448">
        <v>88893.165059999999</v>
      </c>
      <c r="AJ3448">
        <v>24646.009139999998</v>
      </c>
      <c r="AK3448">
        <v>32394.268059999999</v>
      </c>
      <c r="AL3448">
        <v>95684.151410000006</v>
      </c>
      <c r="AM3448">
        <v>22595.12743</v>
      </c>
      <c r="AN3448">
        <v>107681.9437</v>
      </c>
      <c r="AO3448">
        <v>31364.85499</v>
      </c>
      <c r="AP3448">
        <v>22598.137210000001</v>
      </c>
    </row>
    <row r="3449" spans="2:42" x14ac:dyDescent="0.3">
      <c r="B3449">
        <v>68.288032213713933</v>
      </c>
      <c r="C3449" s="83">
        <v>43244.625</v>
      </c>
      <c r="D3449">
        <v>290246.43190000003</v>
      </c>
      <c r="E3449">
        <v>34184.249600000003</v>
      </c>
      <c r="F3449">
        <v>93029.730320000002</v>
      </c>
      <c r="G3449">
        <v>67981.999320000003</v>
      </c>
      <c r="H3449">
        <v>49038.43679</v>
      </c>
      <c r="I3449">
        <v>35197.770850000001</v>
      </c>
      <c r="J3449">
        <v>41170.92482</v>
      </c>
      <c r="K3449">
        <v>62783.046880000002</v>
      </c>
      <c r="L3449">
        <v>25003.316289999999</v>
      </c>
      <c r="M3449">
        <v>348164.23379999999</v>
      </c>
      <c r="N3449">
        <v>87547.160300000003</v>
      </c>
      <c r="O3449">
        <v>24582.92813</v>
      </c>
      <c r="P3449">
        <v>29004.498790000001</v>
      </c>
      <c r="Q3449">
        <v>94639.372459999999</v>
      </c>
      <c r="R3449">
        <v>22823.06351</v>
      </c>
      <c r="S3449">
        <v>104799.23239999999</v>
      </c>
      <c r="T3449">
        <v>30909.477220000001</v>
      </c>
      <c r="U3449">
        <v>22231.781790000001</v>
      </c>
      <c r="W3449" s="83">
        <f>Bühler!N3481</f>
        <v>45435.62499999164</v>
      </c>
      <c r="X3449" s="83">
        <v>43244.625</v>
      </c>
      <c r="Y3449">
        <v>290246.43190000003</v>
      </c>
      <c r="Z3449">
        <v>34184.249600000003</v>
      </c>
      <c r="AA3449">
        <v>93029.730320000002</v>
      </c>
      <c r="AB3449">
        <v>67981.999320000003</v>
      </c>
      <c r="AC3449">
        <v>49038.43679</v>
      </c>
      <c r="AD3449">
        <v>35197.770850000001</v>
      </c>
      <c r="AE3449">
        <v>41170.92482</v>
      </c>
      <c r="AF3449">
        <v>62783.046880000002</v>
      </c>
      <c r="AG3449">
        <v>25003.316289999999</v>
      </c>
      <c r="AH3449">
        <v>348164.23379999999</v>
      </c>
      <c r="AI3449">
        <v>87547.160300000003</v>
      </c>
      <c r="AJ3449">
        <v>24582.92813</v>
      </c>
      <c r="AK3449">
        <v>29004.498790000001</v>
      </c>
      <c r="AL3449">
        <v>94639.372459999999</v>
      </c>
      <c r="AM3449">
        <v>22823.06351</v>
      </c>
      <c r="AN3449">
        <v>104799.23239999999</v>
      </c>
      <c r="AO3449">
        <v>30909.477220000001</v>
      </c>
      <c r="AP3449">
        <v>22231.781790000001</v>
      </c>
    </row>
    <row r="3450" spans="2:42" x14ac:dyDescent="0.3">
      <c r="B3450">
        <v>67.564433124779896</v>
      </c>
      <c r="C3450" s="83">
        <v>43244.666666666664</v>
      </c>
      <c r="D3450">
        <v>282641.5197</v>
      </c>
      <c r="E3450">
        <v>33418.571000000004</v>
      </c>
      <c r="F3450">
        <v>92879.483349999995</v>
      </c>
      <c r="G3450">
        <v>63088.504350000003</v>
      </c>
      <c r="H3450">
        <v>46989.789579999997</v>
      </c>
      <c r="I3450">
        <v>36788.484429999997</v>
      </c>
      <c r="J3450">
        <v>40231.488519999999</v>
      </c>
      <c r="K3450">
        <v>58008.288999999997</v>
      </c>
      <c r="L3450">
        <v>24365.29076</v>
      </c>
      <c r="M3450">
        <v>344474.98820000002</v>
      </c>
      <c r="N3450">
        <v>85052.840849999993</v>
      </c>
      <c r="O3450">
        <v>23420.087589999999</v>
      </c>
      <c r="P3450">
        <v>28117.787390000001</v>
      </c>
      <c r="Q3450">
        <v>93987.933990000005</v>
      </c>
      <c r="R3450">
        <v>21490.2042</v>
      </c>
      <c r="S3450">
        <v>101371.25599999999</v>
      </c>
      <c r="T3450">
        <v>30263.23545</v>
      </c>
      <c r="U3450">
        <v>20390.592059999999</v>
      </c>
      <c r="W3450" s="83">
        <f>Bühler!N3482</f>
        <v>45435.666666658304</v>
      </c>
      <c r="X3450" s="83">
        <v>43244.666666666664</v>
      </c>
      <c r="Y3450">
        <v>282641.5197</v>
      </c>
      <c r="Z3450">
        <v>33418.571000000004</v>
      </c>
      <c r="AA3450">
        <v>92879.483349999995</v>
      </c>
      <c r="AB3450">
        <v>63088.504350000003</v>
      </c>
      <c r="AC3450">
        <v>46989.789579999997</v>
      </c>
      <c r="AD3450">
        <v>36788.484429999997</v>
      </c>
      <c r="AE3450">
        <v>40231.488519999999</v>
      </c>
      <c r="AF3450">
        <v>58008.288999999997</v>
      </c>
      <c r="AG3450">
        <v>24365.29076</v>
      </c>
      <c r="AH3450">
        <v>344474.98820000002</v>
      </c>
      <c r="AI3450">
        <v>85052.840849999993</v>
      </c>
      <c r="AJ3450">
        <v>23420.087589999999</v>
      </c>
      <c r="AK3450">
        <v>28117.787390000001</v>
      </c>
      <c r="AL3450">
        <v>93987.933990000005</v>
      </c>
      <c r="AM3450">
        <v>21490.2042</v>
      </c>
      <c r="AN3450">
        <v>101371.25599999999</v>
      </c>
      <c r="AO3450">
        <v>30263.23545</v>
      </c>
      <c r="AP3450">
        <v>20390.592059999999</v>
      </c>
    </row>
    <row r="3451" spans="2:42" x14ac:dyDescent="0.3">
      <c r="B3451">
        <v>65.965195696672723</v>
      </c>
      <c r="C3451" s="83">
        <v>43244.708333333336</v>
      </c>
      <c r="D3451">
        <v>271548.3187</v>
      </c>
      <c r="E3451">
        <v>31857.43547</v>
      </c>
      <c r="F3451">
        <v>91495.386169999998</v>
      </c>
      <c r="G3451">
        <v>55311.373579999999</v>
      </c>
      <c r="H3451">
        <v>44290.721400000002</v>
      </c>
      <c r="I3451">
        <v>36403.714740000003</v>
      </c>
      <c r="J3451">
        <v>40342.350420000002</v>
      </c>
      <c r="K3451">
        <v>52440.084089999997</v>
      </c>
      <c r="L3451">
        <v>24919.531640000001</v>
      </c>
      <c r="M3451">
        <v>336321.33</v>
      </c>
      <c r="N3451">
        <v>81511.846860000005</v>
      </c>
      <c r="O3451">
        <v>22112.075860000001</v>
      </c>
      <c r="P3451">
        <v>29430.797729999998</v>
      </c>
      <c r="Q3451">
        <v>93807.832060000001</v>
      </c>
      <c r="R3451">
        <v>22083.186809999999</v>
      </c>
      <c r="S3451">
        <v>97951.34633</v>
      </c>
      <c r="T3451">
        <v>29958.966950000002</v>
      </c>
      <c r="U3451">
        <v>17470.642070000002</v>
      </c>
      <c r="W3451" s="83">
        <f>Bühler!N3483</f>
        <v>45435.708333324968</v>
      </c>
      <c r="X3451" s="83">
        <v>43244.708333333336</v>
      </c>
      <c r="Y3451">
        <v>271548.3187</v>
      </c>
      <c r="Z3451">
        <v>31857.43547</v>
      </c>
      <c r="AA3451">
        <v>91495.386169999998</v>
      </c>
      <c r="AB3451">
        <v>55311.373579999999</v>
      </c>
      <c r="AC3451">
        <v>44290.721400000002</v>
      </c>
      <c r="AD3451">
        <v>36403.714740000003</v>
      </c>
      <c r="AE3451">
        <v>40342.350420000002</v>
      </c>
      <c r="AF3451">
        <v>52440.084089999997</v>
      </c>
      <c r="AG3451">
        <v>24919.531640000001</v>
      </c>
      <c r="AH3451">
        <v>336321.33</v>
      </c>
      <c r="AI3451">
        <v>81511.846860000005</v>
      </c>
      <c r="AJ3451">
        <v>22112.075860000001</v>
      </c>
      <c r="AK3451">
        <v>29430.797729999998</v>
      </c>
      <c r="AL3451">
        <v>93807.832060000001</v>
      </c>
      <c r="AM3451">
        <v>22083.186809999999</v>
      </c>
      <c r="AN3451">
        <v>97951.34633</v>
      </c>
      <c r="AO3451">
        <v>29958.966950000002</v>
      </c>
      <c r="AP3451">
        <v>17470.642070000002</v>
      </c>
    </row>
    <row r="3452" spans="2:42" x14ac:dyDescent="0.3">
      <c r="B3452">
        <v>64.89207791319798</v>
      </c>
      <c r="C3452" s="83">
        <v>43244.75</v>
      </c>
      <c r="D3452">
        <v>265203.93780000001</v>
      </c>
      <c r="E3452">
        <v>28680.785650000002</v>
      </c>
      <c r="F3452">
        <v>88916.644660000005</v>
      </c>
      <c r="G3452">
        <v>47637.65238</v>
      </c>
      <c r="H3452">
        <v>42216.637820000004</v>
      </c>
      <c r="I3452">
        <v>34158.159379999997</v>
      </c>
      <c r="J3452">
        <v>40025.795559999999</v>
      </c>
      <c r="K3452">
        <v>50633.539239999998</v>
      </c>
      <c r="L3452">
        <v>26466.772529999998</v>
      </c>
      <c r="M3452">
        <v>330850.07510000002</v>
      </c>
      <c r="N3452">
        <v>79749.289279999997</v>
      </c>
      <c r="O3452">
        <v>20583.141329999999</v>
      </c>
      <c r="P3452">
        <v>32126.265039999998</v>
      </c>
      <c r="Q3452">
        <v>92448.196280000004</v>
      </c>
      <c r="R3452">
        <v>20873.96888</v>
      </c>
      <c r="S3452">
        <v>91447.086259999996</v>
      </c>
      <c r="T3452">
        <v>30027.00275</v>
      </c>
      <c r="U3452">
        <v>15926.579959999999</v>
      </c>
      <c r="W3452" s="83">
        <f>Bühler!N3484</f>
        <v>45435.749999991633</v>
      </c>
      <c r="X3452" s="83">
        <v>43244.75</v>
      </c>
      <c r="Y3452">
        <v>265203.93780000001</v>
      </c>
      <c r="Z3452">
        <v>28680.785650000002</v>
      </c>
      <c r="AA3452">
        <v>88916.644660000005</v>
      </c>
      <c r="AB3452">
        <v>47637.65238</v>
      </c>
      <c r="AC3452">
        <v>42216.637820000004</v>
      </c>
      <c r="AD3452">
        <v>34158.159379999997</v>
      </c>
      <c r="AE3452">
        <v>40025.795559999999</v>
      </c>
      <c r="AF3452">
        <v>50633.539239999998</v>
      </c>
      <c r="AG3452">
        <v>26466.772529999998</v>
      </c>
      <c r="AH3452">
        <v>330850.07510000002</v>
      </c>
      <c r="AI3452">
        <v>79749.289279999997</v>
      </c>
      <c r="AJ3452">
        <v>20583.141329999999</v>
      </c>
      <c r="AK3452">
        <v>32126.265039999998</v>
      </c>
      <c r="AL3452">
        <v>92448.196280000004</v>
      </c>
      <c r="AM3452">
        <v>20873.96888</v>
      </c>
      <c r="AN3452">
        <v>91447.086259999996</v>
      </c>
      <c r="AO3452">
        <v>30027.00275</v>
      </c>
      <c r="AP3452">
        <v>15926.579959999999</v>
      </c>
    </row>
    <row r="3453" spans="2:42" x14ac:dyDescent="0.3">
      <c r="B3453">
        <v>64.06203375557061</v>
      </c>
      <c r="C3453" s="83">
        <v>43244.791666666664</v>
      </c>
      <c r="D3453">
        <v>259356.4546</v>
      </c>
      <c r="E3453">
        <v>23259.627629999999</v>
      </c>
      <c r="F3453">
        <v>77091.716310000003</v>
      </c>
      <c r="G3453">
        <v>43332.692089999997</v>
      </c>
      <c r="H3453">
        <v>39571.154390000003</v>
      </c>
      <c r="I3453">
        <v>31117.517899999999</v>
      </c>
      <c r="J3453">
        <v>39551.284330000002</v>
      </c>
      <c r="K3453">
        <v>50534.14572</v>
      </c>
      <c r="L3453">
        <v>27256.195210000002</v>
      </c>
      <c r="M3453">
        <v>326618.12290000002</v>
      </c>
      <c r="N3453">
        <v>77276.962620000006</v>
      </c>
      <c r="O3453">
        <v>19447.878219999999</v>
      </c>
      <c r="P3453">
        <v>34648.353949999997</v>
      </c>
      <c r="Q3453">
        <v>89260.190759999998</v>
      </c>
      <c r="R3453">
        <v>19536.988379999999</v>
      </c>
      <c r="S3453">
        <v>86275.971109999999</v>
      </c>
      <c r="T3453">
        <v>29779.609980000001</v>
      </c>
      <c r="U3453">
        <v>14510.0062</v>
      </c>
      <c r="W3453" s="83">
        <f>Bühler!N3485</f>
        <v>45435.791666658297</v>
      </c>
      <c r="X3453" s="83">
        <v>43244.791666666664</v>
      </c>
      <c r="Y3453">
        <v>259356.4546</v>
      </c>
      <c r="Z3453">
        <v>23259.627629999999</v>
      </c>
      <c r="AA3453">
        <v>77091.716310000003</v>
      </c>
      <c r="AB3453">
        <v>43332.692089999997</v>
      </c>
      <c r="AC3453">
        <v>39571.154390000003</v>
      </c>
      <c r="AD3453">
        <v>31117.517899999999</v>
      </c>
      <c r="AE3453">
        <v>39551.284330000002</v>
      </c>
      <c r="AF3453">
        <v>50534.14572</v>
      </c>
      <c r="AG3453">
        <v>27256.195210000002</v>
      </c>
      <c r="AH3453">
        <v>326618.12290000002</v>
      </c>
      <c r="AI3453">
        <v>77276.962620000006</v>
      </c>
      <c r="AJ3453">
        <v>19447.878219999999</v>
      </c>
      <c r="AK3453">
        <v>34648.353949999997</v>
      </c>
      <c r="AL3453">
        <v>89260.190759999998</v>
      </c>
      <c r="AM3453">
        <v>19536.988379999999</v>
      </c>
      <c r="AN3453">
        <v>86275.971109999999</v>
      </c>
      <c r="AO3453">
        <v>29779.609980000001</v>
      </c>
      <c r="AP3453">
        <v>14510.0062</v>
      </c>
    </row>
    <row r="3454" spans="2:42" x14ac:dyDescent="0.3">
      <c r="B3454">
        <v>62.168707144671096</v>
      </c>
      <c r="C3454" s="83">
        <v>43244.833333333336</v>
      </c>
      <c r="D3454">
        <v>249487.89980000001</v>
      </c>
      <c r="E3454">
        <v>17120.242389999999</v>
      </c>
      <c r="F3454">
        <v>61011.311260000002</v>
      </c>
      <c r="G3454">
        <v>38008.549899999998</v>
      </c>
      <c r="H3454">
        <v>36709.718529999998</v>
      </c>
      <c r="I3454">
        <v>27547.86407</v>
      </c>
      <c r="J3454">
        <v>38752.86767</v>
      </c>
      <c r="K3454">
        <v>50823.614719999998</v>
      </c>
      <c r="L3454">
        <v>27656.22997</v>
      </c>
      <c r="M3454">
        <v>316965.06089999998</v>
      </c>
      <c r="N3454">
        <v>75560.045830000003</v>
      </c>
      <c r="O3454">
        <v>19067.48545</v>
      </c>
      <c r="P3454">
        <v>34704.12962</v>
      </c>
      <c r="Q3454">
        <v>86625.481480000002</v>
      </c>
      <c r="R3454">
        <v>17155.297060000001</v>
      </c>
      <c r="S3454">
        <v>78754.32041</v>
      </c>
      <c r="T3454">
        <v>29017.507119999998</v>
      </c>
      <c r="U3454">
        <v>13992.8163</v>
      </c>
      <c r="W3454" s="83">
        <f>Bühler!N3486</f>
        <v>45435.833333324961</v>
      </c>
      <c r="X3454" s="83">
        <v>43244.833333333336</v>
      </c>
      <c r="Y3454">
        <v>249487.89980000001</v>
      </c>
      <c r="Z3454">
        <v>17120.242389999999</v>
      </c>
      <c r="AA3454">
        <v>61011.311260000002</v>
      </c>
      <c r="AB3454">
        <v>38008.549899999998</v>
      </c>
      <c r="AC3454">
        <v>36709.718529999998</v>
      </c>
      <c r="AD3454">
        <v>27547.86407</v>
      </c>
      <c r="AE3454">
        <v>38752.86767</v>
      </c>
      <c r="AF3454">
        <v>50823.614719999998</v>
      </c>
      <c r="AG3454">
        <v>27656.22997</v>
      </c>
      <c r="AH3454">
        <v>316965.06089999998</v>
      </c>
      <c r="AI3454">
        <v>75560.045830000003</v>
      </c>
      <c r="AJ3454">
        <v>19067.48545</v>
      </c>
      <c r="AK3454">
        <v>34704.12962</v>
      </c>
      <c r="AL3454">
        <v>86625.481480000002</v>
      </c>
      <c r="AM3454">
        <v>17155.297060000001</v>
      </c>
      <c r="AN3454">
        <v>78754.32041</v>
      </c>
      <c r="AO3454">
        <v>29017.507119999998</v>
      </c>
      <c r="AP3454">
        <v>13992.8163</v>
      </c>
    </row>
    <row r="3455" spans="2:42" x14ac:dyDescent="0.3">
      <c r="B3455">
        <v>60.258573538441482</v>
      </c>
      <c r="C3455" s="83">
        <v>43244.875</v>
      </c>
      <c r="D3455">
        <v>242927.47070000001</v>
      </c>
      <c r="E3455">
        <v>14599.457420000001</v>
      </c>
      <c r="F3455">
        <v>53681.781940000001</v>
      </c>
      <c r="G3455">
        <v>36372.749819999997</v>
      </c>
      <c r="H3455">
        <v>35779.704830000002</v>
      </c>
      <c r="I3455">
        <v>24256.671709999999</v>
      </c>
      <c r="J3455">
        <v>38945.15812</v>
      </c>
      <c r="K3455">
        <v>50078.557970000002</v>
      </c>
      <c r="L3455">
        <v>26686.418519999999</v>
      </c>
      <c r="M3455">
        <v>307226.30900000001</v>
      </c>
      <c r="N3455">
        <v>74279.565889999998</v>
      </c>
      <c r="O3455">
        <v>18363.420719999998</v>
      </c>
      <c r="P3455">
        <v>33558.218800000002</v>
      </c>
      <c r="Q3455">
        <v>84918.231220000001</v>
      </c>
      <c r="R3455">
        <v>17632.222409999998</v>
      </c>
      <c r="S3455">
        <v>75493.319740000006</v>
      </c>
      <c r="T3455">
        <v>26543.590639999999</v>
      </c>
      <c r="U3455">
        <v>13527.10787</v>
      </c>
      <c r="W3455" s="83">
        <f>Bühler!N3487</f>
        <v>45435.874999991625</v>
      </c>
      <c r="X3455" s="83">
        <v>43244.875</v>
      </c>
      <c r="Y3455">
        <v>242927.47070000001</v>
      </c>
      <c r="Z3455">
        <v>14599.457420000001</v>
      </c>
      <c r="AA3455">
        <v>53681.781940000001</v>
      </c>
      <c r="AB3455">
        <v>36372.749819999997</v>
      </c>
      <c r="AC3455">
        <v>35779.704830000002</v>
      </c>
      <c r="AD3455">
        <v>24256.671709999999</v>
      </c>
      <c r="AE3455">
        <v>38945.15812</v>
      </c>
      <c r="AF3455">
        <v>50078.557970000002</v>
      </c>
      <c r="AG3455">
        <v>26686.418519999999</v>
      </c>
      <c r="AH3455">
        <v>307226.30900000001</v>
      </c>
      <c r="AI3455">
        <v>74279.565889999998</v>
      </c>
      <c r="AJ3455">
        <v>18363.420719999998</v>
      </c>
      <c r="AK3455">
        <v>33558.218800000002</v>
      </c>
      <c r="AL3455">
        <v>84918.231220000001</v>
      </c>
      <c r="AM3455">
        <v>17632.222409999998</v>
      </c>
      <c r="AN3455">
        <v>75493.319740000006</v>
      </c>
      <c r="AO3455">
        <v>26543.590639999999</v>
      </c>
      <c r="AP3455">
        <v>13527.10787</v>
      </c>
    </row>
    <row r="3456" spans="2:42" x14ac:dyDescent="0.3">
      <c r="B3456">
        <v>60.12683221566904</v>
      </c>
      <c r="C3456" s="83">
        <v>43244.916666666664</v>
      </c>
      <c r="D3456">
        <v>241888.8958</v>
      </c>
      <c r="E3456">
        <v>13942.89256</v>
      </c>
      <c r="F3456">
        <v>51246.612860000001</v>
      </c>
      <c r="G3456">
        <v>35282.944130000003</v>
      </c>
      <c r="H3456">
        <v>36408.249340000002</v>
      </c>
      <c r="I3456">
        <v>22777.383150000001</v>
      </c>
      <c r="J3456">
        <v>39442.237690000002</v>
      </c>
      <c r="K3456">
        <v>53309.213020000003</v>
      </c>
      <c r="L3456">
        <v>24294.989529999999</v>
      </c>
      <c r="M3456">
        <v>306554.63030000002</v>
      </c>
      <c r="N3456">
        <v>74932.875310000003</v>
      </c>
      <c r="O3456">
        <v>18180.377820000002</v>
      </c>
      <c r="P3456">
        <v>35492.65713</v>
      </c>
      <c r="Q3456">
        <v>83962.6008</v>
      </c>
      <c r="R3456">
        <v>19561.770960000002</v>
      </c>
      <c r="S3456">
        <v>75802.497359999994</v>
      </c>
      <c r="T3456">
        <v>23823.281080000001</v>
      </c>
      <c r="U3456">
        <v>14225.88673</v>
      </c>
      <c r="W3456" s="83">
        <f>Bühler!N3488</f>
        <v>45435.91666665829</v>
      </c>
      <c r="X3456" s="83">
        <v>43244.916666666664</v>
      </c>
      <c r="Y3456">
        <v>241888.8958</v>
      </c>
      <c r="Z3456">
        <v>13942.89256</v>
      </c>
      <c r="AA3456">
        <v>51246.612860000001</v>
      </c>
      <c r="AB3456">
        <v>35282.944130000003</v>
      </c>
      <c r="AC3456">
        <v>36408.249340000002</v>
      </c>
      <c r="AD3456">
        <v>22777.383150000001</v>
      </c>
      <c r="AE3456">
        <v>39442.237690000002</v>
      </c>
      <c r="AF3456">
        <v>53309.213020000003</v>
      </c>
      <c r="AG3456">
        <v>24294.989529999999</v>
      </c>
      <c r="AH3456">
        <v>306554.63030000002</v>
      </c>
      <c r="AI3456">
        <v>74932.875310000003</v>
      </c>
      <c r="AJ3456">
        <v>18180.377820000002</v>
      </c>
      <c r="AK3456">
        <v>35492.65713</v>
      </c>
      <c r="AL3456">
        <v>83962.6008</v>
      </c>
      <c r="AM3456">
        <v>19561.770960000002</v>
      </c>
      <c r="AN3456">
        <v>75802.497359999994</v>
      </c>
      <c r="AO3456">
        <v>23823.281080000001</v>
      </c>
      <c r="AP3456">
        <v>14225.88673</v>
      </c>
    </row>
    <row r="3457" spans="2:42" x14ac:dyDescent="0.3">
      <c r="B3457">
        <v>59.455298293433366</v>
      </c>
      <c r="C3457" s="83">
        <v>43244.958333333336</v>
      </c>
      <c r="D3457">
        <v>241375.87549999999</v>
      </c>
      <c r="E3457">
        <v>13297.76779</v>
      </c>
      <c r="F3457">
        <v>50167.087979999997</v>
      </c>
      <c r="G3457">
        <v>34160.70996</v>
      </c>
      <c r="H3457">
        <v>35208.535960000001</v>
      </c>
      <c r="I3457">
        <v>22061.210210000001</v>
      </c>
      <c r="J3457">
        <v>36298.819940000001</v>
      </c>
      <c r="K3457">
        <v>52462.596709999998</v>
      </c>
      <c r="L3457">
        <v>20694.288629999999</v>
      </c>
      <c r="M3457">
        <v>303130.83720000001</v>
      </c>
      <c r="N3457">
        <v>74215.882599999997</v>
      </c>
      <c r="O3457">
        <v>17785.363880000001</v>
      </c>
      <c r="P3457">
        <v>32391.893650000002</v>
      </c>
      <c r="Q3457">
        <v>82774.624809999994</v>
      </c>
      <c r="R3457">
        <v>20142.909360000001</v>
      </c>
      <c r="S3457">
        <v>74715.484599999996</v>
      </c>
      <c r="T3457">
        <v>21351.31594</v>
      </c>
      <c r="U3457">
        <v>13543.105100000001</v>
      </c>
      <c r="W3457" s="83">
        <f>Bühler!N3489</f>
        <v>45435.958333324954</v>
      </c>
      <c r="X3457" s="83">
        <v>43244.958333333336</v>
      </c>
      <c r="Y3457">
        <v>241375.87549999999</v>
      </c>
      <c r="Z3457">
        <v>13297.76779</v>
      </c>
      <c r="AA3457">
        <v>50167.087979999997</v>
      </c>
      <c r="AB3457">
        <v>34160.70996</v>
      </c>
      <c r="AC3457">
        <v>35208.535960000001</v>
      </c>
      <c r="AD3457">
        <v>22061.210210000001</v>
      </c>
      <c r="AE3457">
        <v>36298.819940000001</v>
      </c>
      <c r="AF3457">
        <v>52462.596709999998</v>
      </c>
      <c r="AG3457">
        <v>20694.288629999999</v>
      </c>
      <c r="AH3457">
        <v>303130.83720000001</v>
      </c>
      <c r="AI3457">
        <v>74215.882599999997</v>
      </c>
      <c r="AJ3457">
        <v>17785.363880000001</v>
      </c>
      <c r="AK3457">
        <v>32391.893650000002</v>
      </c>
      <c r="AL3457">
        <v>82774.624809999994</v>
      </c>
      <c r="AM3457">
        <v>20142.909360000001</v>
      </c>
      <c r="AN3457">
        <v>74715.484599999996</v>
      </c>
      <c r="AO3457">
        <v>21351.31594</v>
      </c>
      <c r="AP3457">
        <v>13543.105100000001</v>
      </c>
    </row>
    <row r="3458" spans="2:42" x14ac:dyDescent="0.3">
      <c r="B3458">
        <v>58.838093532443814</v>
      </c>
      <c r="C3458" s="83">
        <v>43245</v>
      </c>
      <c r="D3458">
        <v>241091.88190000001</v>
      </c>
      <c r="E3458">
        <v>13001.03083</v>
      </c>
      <c r="F3458">
        <v>48844.760399999999</v>
      </c>
      <c r="G3458">
        <v>33487.366759999997</v>
      </c>
      <c r="H3458">
        <v>34707.533510000001</v>
      </c>
      <c r="I3458">
        <v>20631.890940000001</v>
      </c>
      <c r="J3458">
        <v>34081.438249999999</v>
      </c>
      <c r="K3458">
        <v>50763.781609999998</v>
      </c>
      <c r="L3458">
        <v>18128.36016</v>
      </c>
      <c r="M3458">
        <v>299984.03950000001</v>
      </c>
      <c r="N3458">
        <v>74302.992329999994</v>
      </c>
      <c r="O3458">
        <v>17573.724190000001</v>
      </c>
      <c r="P3458">
        <v>30026.763139999999</v>
      </c>
      <c r="Q3458">
        <v>82065.940860000002</v>
      </c>
      <c r="R3458">
        <v>16554.245320000002</v>
      </c>
      <c r="S3458">
        <v>73691.945399999997</v>
      </c>
      <c r="T3458">
        <v>19826.739860000001</v>
      </c>
      <c r="U3458">
        <v>13450.96516</v>
      </c>
      <c r="W3458" s="83">
        <f>Bühler!N3490</f>
        <v>45435.999999991618</v>
      </c>
      <c r="X3458" s="83">
        <v>43245</v>
      </c>
      <c r="Y3458">
        <v>241091.88190000001</v>
      </c>
      <c r="Z3458">
        <v>13001.03083</v>
      </c>
      <c r="AA3458">
        <v>48844.760399999999</v>
      </c>
      <c r="AB3458">
        <v>33487.366759999997</v>
      </c>
      <c r="AC3458">
        <v>34707.533510000001</v>
      </c>
      <c r="AD3458">
        <v>20631.890940000001</v>
      </c>
      <c r="AE3458">
        <v>34081.438249999999</v>
      </c>
      <c r="AF3458">
        <v>50763.781609999998</v>
      </c>
      <c r="AG3458">
        <v>18128.36016</v>
      </c>
      <c r="AH3458">
        <v>299984.03950000001</v>
      </c>
      <c r="AI3458">
        <v>74302.992329999994</v>
      </c>
      <c r="AJ3458">
        <v>17573.724190000001</v>
      </c>
      <c r="AK3458">
        <v>30026.763139999999</v>
      </c>
      <c r="AL3458">
        <v>82065.940860000002</v>
      </c>
      <c r="AM3458">
        <v>16554.245320000002</v>
      </c>
      <c r="AN3458">
        <v>73691.945399999997</v>
      </c>
      <c r="AO3458">
        <v>19826.739860000001</v>
      </c>
      <c r="AP3458">
        <v>13450.96516</v>
      </c>
    </row>
    <row r="3459" spans="2:42" x14ac:dyDescent="0.3">
      <c r="B3459">
        <v>58.325005689051949</v>
      </c>
      <c r="C3459" s="83">
        <v>43245.041666666664</v>
      </c>
      <c r="D3459">
        <v>240430.79060000001</v>
      </c>
      <c r="E3459">
        <v>12819.551359999999</v>
      </c>
      <c r="F3459">
        <v>48102.981500000002</v>
      </c>
      <c r="G3459">
        <v>32635.615430000002</v>
      </c>
      <c r="H3459">
        <v>33921.716280000001</v>
      </c>
      <c r="I3459">
        <v>16876.55934</v>
      </c>
      <c r="J3459">
        <v>33000.586320000002</v>
      </c>
      <c r="K3459">
        <v>47706.753599999996</v>
      </c>
      <c r="L3459">
        <v>16729.401620000001</v>
      </c>
      <c r="M3459">
        <v>297368.0784</v>
      </c>
      <c r="N3459">
        <v>73276.025999999998</v>
      </c>
      <c r="O3459">
        <v>18459.089220000002</v>
      </c>
      <c r="P3459">
        <v>28650.88134</v>
      </c>
      <c r="Q3459">
        <v>82414.657890000002</v>
      </c>
      <c r="R3459">
        <v>14418.23954</v>
      </c>
      <c r="S3459">
        <v>71822.512019999995</v>
      </c>
      <c r="T3459">
        <v>19230.006939999999</v>
      </c>
      <c r="U3459">
        <v>13330.56034</v>
      </c>
      <c r="W3459" s="83">
        <f>Bühler!N3491</f>
        <v>45436.041666658282</v>
      </c>
      <c r="X3459" s="83">
        <v>43245.041666666664</v>
      </c>
      <c r="Y3459">
        <v>240430.79060000001</v>
      </c>
      <c r="Z3459">
        <v>12819.551359999999</v>
      </c>
      <c r="AA3459">
        <v>48102.981500000002</v>
      </c>
      <c r="AB3459">
        <v>32635.615430000002</v>
      </c>
      <c r="AC3459">
        <v>33921.716280000001</v>
      </c>
      <c r="AD3459">
        <v>16876.55934</v>
      </c>
      <c r="AE3459">
        <v>33000.586320000002</v>
      </c>
      <c r="AF3459">
        <v>47706.753599999996</v>
      </c>
      <c r="AG3459">
        <v>16729.401620000001</v>
      </c>
      <c r="AH3459">
        <v>297368.0784</v>
      </c>
      <c r="AI3459">
        <v>73276.025999999998</v>
      </c>
      <c r="AJ3459">
        <v>18459.089220000002</v>
      </c>
      <c r="AK3459">
        <v>28650.88134</v>
      </c>
      <c r="AL3459">
        <v>82414.657890000002</v>
      </c>
      <c r="AM3459">
        <v>14418.23954</v>
      </c>
      <c r="AN3459">
        <v>71822.512019999995</v>
      </c>
      <c r="AO3459">
        <v>19230.006939999999</v>
      </c>
      <c r="AP3459">
        <v>13330.56034</v>
      </c>
    </row>
    <row r="3460" spans="2:42" x14ac:dyDescent="0.3">
      <c r="B3460">
        <v>57.779854556616719</v>
      </c>
      <c r="C3460" s="83">
        <v>43245.083333333336</v>
      </c>
      <c r="D3460">
        <v>241105.40599999999</v>
      </c>
      <c r="E3460">
        <v>12625.719709999999</v>
      </c>
      <c r="F3460">
        <v>48746.582929999997</v>
      </c>
      <c r="G3460">
        <v>31934.933499999999</v>
      </c>
      <c r="H3460">
        <v>33704.062429999998</v>
      </c>
      <c r="I3460">
        <v>15118.38041</v>
      </c>
      <c r="J3460">
        <v>32471.947059999999</v>
      </c>
      <c r="K3460">
        <v>46740.734519999998</v>
      </c>
      <c r="L3460">
        <v>16871.8138</v>
      </c>
      <c r="M3460">
        <v>294588.64370000002</v>
      </c>
      <c r="N3460">
        <v>72631.746710000007</v>
      </c>
      <c r="O3460">
        <v>18490.103029999998</v>
      </c>
      <c r="P3460">
        <v>27188.54434</v>
      </c>
      <c r="Q3460">
        <v>85624.386629999994</v>
      </c>
      <c r="R3460">
        <v>15516.951639999999</v>
      </c>
      <c r="S3460">
        <v>70971.911519999994</v>
      </c>
      <c r="T3460">
        <v>19109.74971</v>
      </c>
      <c r="U3460">
        <v>13375.901750000001</v>
      </c>
      <c r="W3460" s="83">
        <f>Bühler!N3492</f>
        <v>45436.083333324947</v>
      </c>
      <c r="X3460" s="83">
        <v>43245.083333333336</v>
      </c>
      <c r="Y3460">
        <v>241105.40599999999</v>
      </c>
      <c r="Z3460">
        <v>12625.719709999999</v>
      </c>
      <c r="AA3460">
        <v>48746.582929999997</v>
      </c>
      <c r="AB3460">
        <v>31934.933499999999</v>
      </c>
      <c r="AC3460">
        <v>33704.062429999998</v>
      </c>
      <c r="AD3460">
        <v>15118.38041</v>
      </c>
      <c r="AE3460">
        <v>32471.947059999999</v>
      </c>
      <c r="AF3460">
        <v>46740.734519999998</v>
      </c>
      <c r="AG3460">
        <v>16871.8138</v>
      </c>
      <c r="AH3460">
        <v>294588.64370000002</v>
      </c>
      <c r="AI3460">
        <v>72631.746710000007</v>
      </c>
      <c r="AJ3460">
        <v>18490.103029999998</v>
      </c>
      <c r="AK3460">
        <v>27188.54434</v>
      </c>
      <c r="AL3460">
        <v>85624.386629999994</v>
      </c>
      <c r="AM3460">
        <v>15516.951639999999</v>
      </c>
      <c r="AN3460">
        <v>70971.911519999994</v>
      </c>
      <c r="AO3460">
        <v>19109.74971</v>
      </c>
      <c r="AP3460">
        <v>13375.901750000001</v>
      </c>
    </row>
    <row r="3461" spans="2:42" x14ac:dyDescent="0.3">
      <c r="B3461">
        <v>58.431036162481064</v>
      </c>
      <c r="C3461" s="83">
        <v>43245.125</v>
      </c>
      <c r="D3461">
        <v>242063.96799999999</v>
      </c>
      <c r="E3461">
        <v>12668.325080000001</v>
      </c>
      <c r="F3461">
        <v>50240.502910000003</v>
      </c>
      <c r="G3461">
        <v>31466.986809999999</v>
      </c>
      <c r="H3461">
        <v>33876.701079999999</v>
      </c>
      <c r="I3461">
        <v>14710.36865</v>
      </c>
      <c r="J3461">
        <v>32856.501579999996</v>
      </c>
      <c r="K3461">
        <v>45635.635470000001</v>
      </c>
      <c r="L3461">
        <v>16505.57861</v>
      </c>
      <c r="M3461">
        <v>297908.67119999998</v>
      </c>
      <c r="N3461">
        <v>71278.940390000003</v>
      </c>
      <c r="O3461">
        <v>18351.89158</v>
      </c>
      <c r="P3461">
        <v>26091.797289999999</v>
      </c>
      <c r="Q3461">
        <v>88205.19038</v>
      </c>
      <c r="R3461">
        <v>15066.06834</v>
      </c>
      <c r="S3461">
        <v>70449.923949999997</v>
      </c>
      <c r="T3461">
        <v>18801.911929999998</v>
      </c>
      <c r="U3461">
        <v>13360.96351</v>
      </c>
      <c r="W3461" s="83">
        <f>Bühler!N3493</f>
        <v>45436.124999991611</v>
      </c>
      <c r="X3461" s="83">
        <v>43245.125</v>
      </c>
      <c r="Y3461">
        <v>242063.96799999999</v>
      </c>
      <c r="Z3461">
        <v>12668.325080000001</v>
      </c>
      <c r="AA3461">
        <v>50240.502910000003</v>
      </c>
      <c r="AB3461">
        <v>31466.986809999999</v>
      </c>
      <c r="AC3461">
        <v>33876.701079999999</v>
      </c>
      <c r="AD3461">
        <v>14710.36865</v>
      </c>
      <c r="AE3461">
        <v>32856.501579999996</v>
      </c>
      <c r="AF3461">
        <v>45635.635470000001</v>
      </c>
      <c r="AG3461">
        <v>16505.57861</v>
      </c>
      <c r="AH3461">
        <v>297908.67119999998</v>
      </c>
      <c r="AI3461">
        <v>71278.940390000003</v>
      </c>
      <c r="AJ3461">
        <v>18351.89158</v>
      </c>
      <c r="AK3461">
        <v>26091.797289999999</v>
      </c>
      <c r="AL3461">
        <v>88205.19038</v>
      </c>
      <c r="AM3461">
        <v>15066.06834</v>
      </c>
      <c r="AN3461">
        <v>70449.923949999997</v>
      </c>
      <c r="AO3461">
        <v>18801.911929999998</v>
      </c>
      <c r="AP3461">
        <v>13360.96351</v>
      </c>
    </row>
    <row r="3462" spans="2:42" x14ac:dyDescent="0.3">
      <c r="B3462">
        <v>59.584158024171131</v>
      </c>
      <c r="C3462" s="83">
        <v>43245.166666666664</v>
      </c>
      <c r="D3462">
        <v>244741.87669999999</v>
      </c>
      <c r="E3462">
        <v>13141.964029999999</v>
      </c>
      <c r="F3462">
        <v>53703.969570000001</v>
      </c>
      <c r="G3462">
        <v>30885.334159999999</v>
      </c>
      <c r="H3462">
        <v>34364.561439999998</v>
      </c>
      <c r="I3462">
        <v>16239.90065</v>
      </c>
      <c r="J3462">
        <v>35170.304100000001</v>
      </c>
      <c r="K3462">
        <v>44258.088020000003</v>
      </c>
      <c r="L3462">
        <v>16635.86622</v>
      </c>
      <c r="M3462">
        <v>303787.82419999997</v>
      </c>
      <c r="N3462">
        <v>70273.634109999999</v>
      </c>
      <c r="O3462">
        <v>18457.660639999998</v>
      </c>
      <c r="P3462">
        <v>25491.749309999999</v>
      </c>
      <c r="Q3462">
        <v>91619.258690000002</v>
      </c>
      <c r="R3462">
        <v>15290.123299999999</v>
      </c>
      <c r="S3462">
        <v>70631.553950000001</v>
      </c>
      <c r="T3462">
        <v>18946.93059</v>
      </c>
      <c r="U3462">
        <v>14318.49403</v>
      </c>
      <c r="W3462" s="83">
        <f>Bühler!N3494</f>
        <v>45436.166666658275</v>
      </c>
      <c r="X3462" s="83">
        <v>43245.166666666664</v>
      </c>
      <c r="Y3462">
        <v>244741.87669999999</v>
      </c>
      <c r="Z3462">
        <v>13141.964029999999</v>
      </c>
      <c r="AA3462">
        <v>53703.969570000001</v>
      </c>
      <c r="AB3462">
        <v>30885.334159999999</v>
      </c>
      <c r="AC3462">
        <v>34364.561439999998</v>
      </c>
      <c r="AD3462">
        <v>16239.90065</v>
      </c>
      <c r="AE3462">
        <v>35170.304100000001</v>
      </c>
      <c r="AF3462">
        <v>44258.088020000003</v>
      </c>
      <c r="AG3462">
        <v>16635.86622</v>
      </c>
      <c r="AH3462">
        <v>303787.82419999997</v>
      </c>
      <c r="AI3462">
        <v>70273.634109999999</v>
      </c>
      <c r="AJ3462">
        <v>18457.660639999998</v>
      </c>
      <c r="AK3462">
        <v>25491.749309999999</v>
      </c>
      <c r="AL3462">
        <v>91619.258690000002</v>
      </c>
      <c r="AM3462">
        <v>15290.123299999999</v>
      </c>
      <c r="AN3462">
        <v>70631.553950000001</v>
      </c>
      <c r="AO3462">
        <v>18946.93059</v>
      </c>
      <c r="AP3462">
        <v>14318.49403</v>
      </c>
    </row>
    <row r="3463" spans="2:42" x14ac:dyDescent="0.3">
      <c r="B3463">
        <v>61.902569367348924</v>
      </c>
      <c r="C3463" s="83">
        <v>43245.208333333336</v>
      </c>
      <c r="D3463">
        <v>257977.72750000001</v>
      </c>
      <c r="E3463">
        <v>14981.40691</v>
      </c>
      <c r="F3463">
        <v>63768.652800000003</v>
      </c>
      <c r="G3463">
        <v>32702.349480000001</v>
      </c>
      <c r="H3463">
        <v>35996.345269999998</v>
      </c>
      <c r="I3463">
        <v>23282.027989999999</v>
      </c>
      <c r="J3463">
        <v>38401.57387</v>
      </c>
      <c r="K3463">
        <v>44797.012560000003</v>
      </c>
      <c r="L3463">
        <v>17443.105609999999</v>
      </c>
      <c r="M3463">
        <v>315608.16639999999</v>
      </c>
      <c r="N3463">
        <v>71435.220820000002</v>
      </c>
      <c r="O3463">
        <v>19379.859059999999</v>
      </c>
      <c r="P3463">
        <v>26298.273209999999</v>
      </c>
      <c r="Q3463">
        <v>93969.244219999993</v>
      </c>
      <c r="R3463">
        <v>17549.698380000002</v>
      </c>
      <c r="S3463">
        <v>73130.040810000006</v>
      </c>
      <c r="T3463">
        <v>20275.632440000001</v>
      </c>
      <c r="U3463">
        <v>16277.45428</v>
      </c>
      <c r="W3463" s="83">
        <f>Bühler!N3495</f>
        <v>45436.208333324939</v>
      </c>
      <c r="X3463" s="83">
        <v>43245.208333333336</v>
      </c>
      <c r="Y3463">
        <v>257977.72750000001</v>
      </c>
      <c r="Z3463">
        <v>14981.40691</v>
      </c>
      <c r="AA3463">
        <v>63768.652800000003</v>
      </c>
      <c r="AB3463">
        <v>32702.349480000001</v>
      </c>
      <c r="AC3463">
        <v>35996.345269999998</v>
      </c>
      <c r="AD3463">
        <v>23282.027989999999</v>
      </c>
      <c r="AE3463">
        <v>38401.57387</v>
      </c>
      <c r="AF3463">
        <v>44797.012560000003</v>
      </c>
      <c r="AG3463">
        <v>17443.105609999999</v>
      </c>
      <c r="AH3463">
        <v>315608.16639999999</v>
      </c>
      <c r="AI3463">
        <v>71435.220820000002</v>
      </c>
      <c r="AJ3463">
        <v>19379.859059999999</v>
      </c>
      <c r="AK3463">
        <v>26298.273209999999</v>
      </c>
      <c r="AL3463">
        <v>93969.244219999993</v>
      </c>
      <c r="AM3463">
        <v>17549.698380000002</v>
      </c>
      <c r="AN3463">
        <v>73130.040810000006</v>
      </c>
      <c r="AO3463">
        <v>20275.632440000001</v>
      </c>
      <c r="AP3463">
        <v>16277.45428</v>
      </c>
    </row>
    <row r="3464" spans="2:42" x14ac:dyDescent="0.3">
      <c r="B3464">
        <v>65.136996446782135</v>
      </c>
      <c r="C3464" s="83">
        <v>43245.25</v>
      </c>
      <c r="D3464">
        <v>271320.41409999999</v>
      </c>
      <c r="E3464">
        <v>18906.427459999999</v>
      </c>
      <c r="F3464">
        <v>72925.705180000004</v>
      </c>
      <c r="G3464">
        <v>42674.455979999999</v>
      </c>
      <c r="H3464">
        <v>37700.768810000001</v>
      </c>
      <c r="I3464">
        <v>29444.19831</v>
      </c>
      <c r="J3464">
        <v>40203.890630000002</v>
      </c>
      <c r="K3464">
        <v>47039.017899999999</v>
      </c>
      <c r="L3464">
        <v>18508.835149999999</v>
      </c>
      <c r="M3464">
        <v>332098.78399999999</v>
      </c>
      <c r="N3464">
        <v>74455.82948</v>
      </c>
      <c r="O3464">
        <v>19729.253250000002</v>
      </c>
      <c r="P3464">
        <v>26987.017100000001</v>
      </c>
      <c r="Q3464">
        <v>94469.211710000003</v>
      </c>
      <c r="R3464">
        <v>15665.973980000001</v>
      </c>
      <c r="S3464">
        <v>80981.317410000003</v>
      </c>
      <c r="T3464">
        <v>22592.497500000001</v>
      </c>
      <c r="U3464">
        <v>17299.490280000002</v>
      </c>
      <c r="W3464" s="83">
        <f>Bühler!N3496</f>
        <v>45436.249999991604</v>
      </c>
      <c r="X3464" s="83">
        <v>43245.25</v>
      </c>
      <c r="Y3464">
        <v>271320.41409999999</v>
      </c>
      <c r="Z3464">
        <v>18906.427459999999</v>
      </c>
      <c r="AA3464">
        <v>72925.705180000004</v>
      </c>
      <c r="AB3464">
        <v>42674.455979999999</v>
      </c>
      <c r="AC3464">
        <v>37700.768810000001</v>
      </c>
      <c r="AD3464">
        <v>29444.19831</v>
      </c>
      <c r="AE3464">
        <v>40203.890630000002</v>
      </c>
      <c r="AF3464">
        <v>47039.017899999999</v>
      </c>
      <c r="AG3464">
        <v>18508.835149999999</v>
      </c>
      <c r="AH3464">
        <v>332098.78399999999</v>
      </c>
      <c r="AI3464">
        <v>74455.82948</v>
      </c>
      <c r="AJ3464">
        <v>19729.253250000002</v>
      </c>
      <c r="AK3464">
        <v>26987.017100000001</v>
      </c>
      <c r="AL3464">
        <v>94469.211710000003</v>
      </c>
      <c r="AM3464">
        <v>15665.973980000001</v>
      </c>
      <c r="AN3464">
        <v>80981.317410000003</v>
      </c>
      <c r="AO3464">
        <v>22592.497500000001</v>
      </c>
      <c r="AP3464">
        <v>17299.490280000002</v>
      </c>
    </row>
    <row r="3465" spans="2:42" x14ac:dyDescent="0.3">
      <c r="B3465">
        <v>66.653323922827539</v>
      </c>
      <c r="C3465" s="83">
        <v>43245.291666666664</v>
      </c>
      <c r="D3465">
        <v>284721.98</v>
      </c>
      <c r="E3465">
        <v>23061.414570000001</v>
      </c>
      <c r="F3465">
        <v>78169.610270000005</v>
      </c>
      <c r="G3465">
        <v>54775.667759999997</v>
      </c>
      <c r="H3465">
        <v>42946.657180000002</v>
      </c>
      <c r="I3465">
        <v>36306.316659999997</v>
      </c>
      <c r="J3465">
        <v>42011.74209</v>
      </c>
      <c r="K3465">
        <v>51461.776489999997</v>
      </c>
      <c r="L3465">
        <v>20575.544140000002</v>
      </c>
      <c r="M3465">
        <v>339829.72859999997</v>
      </c>
      <c r="N3465">
        <v>78849.405729999999</v>
      </c>
      <c r="O3465">
        <v>21674.996810000001</v>
      </c>
      <c r="P3465">
        <v>29957.85068</v>
      </c>
      <c r="Q3465">
        <v>94345.955919999993</v>
      </c>
      <c r="R3465">
        <v>17599.308730000001</v>
      </c>
      <c r="S3465">
        <v>94777.760729999995</v>
      </c>
      <c r="T3465">
        <v>25644.196520000001</v>
      </c>
      <c r="U3465">
        <v>21375.135439999998</v>
      </c>
      <c r="W3465" s="83">
        <f>Bühler!N3497</f>
        <v>45436.291666658268</v>
      </c>
      <c r="X3465" s="83">
        <v>43245.291666666664</v>
      </c>
      <c r="Y3465">
        <v>284721.98</v>
      </c>
      <c r="Z3465">
        <v>23061.414570000001</v>
      </c>
      <c r="AA3465">
        <v>78169.610270000005</v>
      </c>
      <c r="AB3465">
        <v>54775.667759999997</v>
      </c>
      <c r="AC3465">
        <v>42946.657180000002</v>
      </c>
      <c r="AD3465">
        <v>36306.316659999997</v>
      </c>
      <c r="AE3465">
        <v>42011.74209</v>
      </c>
      <c r="AF3465">
        <v>51461.776489999997</v>
      </c>
      <c r="AG3465">
        <v>20575.544140000002</v>
      </c>
      <c r="AH3465">
        <v>339829.72859999997</v>
      </c>
      <c r="AI3465">
        <v>78849.405729999999</v>
      </c>
      <c r="AJ3465">
        <v>21674.996810000001</v>
      </c>
      <c r="AK3465">
        <v>29957.85068</v>
      </c>
      <c r="AL3465">
        <v>94345.955919999993</v>
      </c>
      <c r="AM3465">
        <v>17599.308730000001</v>
      </c>
      <c r="AN3465">
        <v>94777.760729999995</v>
      </c>
      <c r="AO3465">
        <v>25644.196520000001</v>
      </c>
      <c r="AP3465">
        <v>21375.135439999998</v>
      </c>
    </row>
    <row r="3466" spans="2:42" x14ac:dyDescent="0.3">
      <c r="B3466">
        <v>67.257871406967212</v>
      </c>
      <c r="C3466" s="83">
        <v>43245.333333333336</v>
      </c>
      <c r="D3466">
        <v>293015.64620000002</v>
      </c>
      <c r="E3466">
        <v>28519.932570000001</v>
      </c>
      <c r="F3466">
        <v>85409.901530000003</v>
      </c>
      <c r="G3466">
        <v>68793.111969999998</v>
      </c>
      <c r="H3466">
        <v>47762.110099999998</v>
      </c>
      <c r="I3466">
        <v>39112.012999999999</v>
      </c>
      <c r="J3466">
        <v>43822.830840000002</v>
      </c>
      <c r="K3466">
        <v>57016.805339999999</v>
      </c>
      <c r="L3466">
        <v>23787.0085</v>
      </c>
      <c r="M3466">
        <v>342911.99359999999</v>
      </c>
      <c r="N3466">
        <v>83028.293909999993</v>
      </c>
      <c r="O3466">
        <v>23905.092560000001</v>
      </c>
      <c r="P3466">
        <v>32193.633549999999</v>
      </c>
      <c r="Q3466">
        <v>95639.290659999999</v>
      </c>
      <c r="R3466">
        <v>19846.868549999999</v>
      </c>
      <c r="S3466">
        <v>106441.6838</v>
      </c>
      <c r="T3466">
        <v>29172.86767</v>
      </c>
      <c r="U3466">
        <v>23717.81163</v>
      </c>
      <c r="W3466" s="83">
        <f>Bühler!N3498</f>
        <v>45436.333333324932</v>
      </c>
      <c r="X3466" s="83">
        <v>43245.333333333336</v>
      </c>
      <c r="Y3466">
        <v>293015.64620000002</v>
      </c>
      <c r="Z3466">
        <v>28519.932570000001</v>
      </c>
      <c r="AA3466">
        <v>85409.901530000003</v>
      </c>
      <c r="AB3466">
        <v>68793.111969999998</v>
      </c>
      <c r="AC3466">
        <v>47762.110099999998</v>
      </c>
      <c r="AD3466">
        <v>39112.012999999999</v>
      </c>
      <c r="AE3466">
        <v>43822.830840000002</v>
      </c>
      <c r="AF3466">
        <v>57016.805339999999</v>
      </c>
      <c r="AG3466">
        <v>23787.0085</v>
      </c>
      <c r="AH3466">
        <v>342911.99359999999</v>
      </c>
      <c r="AI3466">
        <v>83028.293909999993</v>
      </c>
      <c r="AJ3466">
        <v>23905.092560000001</v>
      </c>
      <c r="AK3466">
        <v>32193.633549999999</v>
      </c>
      <c r="AL3466">
        <v>95639.290659999999</v>
      </c>
      <c r="AM3466">
        <v>19846.868549999999</v>
      </c>
      <c r="AN3466">
        <v>106441.6838</v>
      </c>
      <c r="AO3466">
        <v>29172.86767</v>
      </c>
      <c r="AP3466">
        <v>23717.81163</v>
      </c>
    </row>
    <row r="3467" spans="2:42" x14ac:dyDescent="0.3">
      <c r="B3467">
        <v>67.557600069962348</v>
      </c>
      <c r="C3467" s="83">
        <v>43245.375</v>
      </c>
      <c r="D3467">
        <v>293693.72989999998</v>
      </c>
      <c r="E3467">
        <v>32544.577560000002</v>
      </c>
      <c r="F3467">
        <v>92415.452709999998</v>
      </c>
      <c r="G3467">
        <v>78060.969259999998</v>
      </c>
      <c r="H3467">
        <v>50083.216930000002</v>
      </c>
      <c r="I3467">
        <v>37211.44786</v>
      </c>
      <c r="J3467">
        <v>44361.332759999998</v>
      </c>
      <c r="K3467">
        <v>60261.849269999999</v>
      </c>
      <c r="L3467">
        <v>26512.165420000001</v>
      </c>
      <c r="M3467">
        <v>344440.15010000003</v>
      </c>
      <c r="N3467">
        <v>84015.361120000001</v>
      </c>
      <c r="O3467">
        <v>24689.74613</v>
      </c>
      <c r="P3467">
        <v>33464.695919999998</v>
      </c>
      <c r="Q3467">
        <v>97538.914709999997</v>
      </c>
      <c r="R3467">
        <v>21414.500189999999</v>
      </c>
      <c r="S3467">
        <v>113131.4859</v>
      </c>
      <c r="T3467">
        <v>32109.30546</v>
      </c>
      <c r="U3467">
        <v>24667.490119999999</v>
      </c>
      <c r="W3467" s="83">
        <f>Bühler!N3499</f>
        <v>45436.374999991596</v>
      </c>
      <c r="X3467" s="83">
        <v>43245.375</v>
      </c>
      <c r="Y3467">
        <v>293693.72989999998</v>
      </c>
      <c r="Z3467">
        <v>32544.577560000002</v>
      </c>
      <c r="AA3467">
        <v>92415.452709999998</v>
      </c>
      <c r="AB3467">
        <v>78060.969259999998</v>
      </c>
      <c r="AC3467">
        <v>50083.216930000002</v>
      </c>
      <c r="AD3467">
        <v>37211.44786</v>
      </c>
      <c r="AE3467">
        <v>44361.332759999998</v>
      </c>
      <c r="AF3467">
        <v>60261.849269999999</v>
      </c>
      <c r="AG3467">
        <v>26512.165420000001</v>
      </c>
      <c r="AH3467">
        <v>344440.15010000003</v>
      </c>
      <c r="AI3467">
        <v>84015.361120000001</v>
      </c>
      <c r="AJ3467">
        <v>24689.74613</v>
      </c>
      <c r="AK3467">
        <v>33464.695919999998</v>
      </c>
      <c r="AL3467">
        <v>97538.914709999997</v>
      </c>
      <c r="AM3467">
        <v>21414.500189999999</v>
      </c>
      <c r="AN3467">
        <v>113131.4859</v>
      </c>
      <c r="AO3467">
        <v>32109.30546</v>
      </c>
      <c r="AP3467">
        <v>24667.490119999999</v>
      </c>
    </row>
    <row r="3468" spans="2:42" x14ac:dyDescent="0.3">
      <c r="B3468">
        <v>67.896865681223886</v>
      </c>
      <c r="C3468" s="83">
        <v>43245.416666666664</v>
      </c>
      <c r="D3468">
        <v>295848.64669999998</v>
      </c>
      <c r="E3468">
        <v>34023.645510000002</v>
      </c>
      <c r="F3468">
        <v>94045.744770000005</v>
      </c>
      <c r="G3468">
        <v>79796.05992</v>
      </c>
      <c r="H3468">
        <v>50791.983990000001</v>
      </c>
      <c r="I3468">
        <v>35032.264280000003</v>
      </c>
      <c r="J3468">
        <v>43680.778339999997</v>
      </c>
      <c r="K3468">
        <v>62563.781999999999</v>
      </c>
      <c r="L3468">
        <v>28727.384600000001</v>
      </c>
      <c r="M3468">
        <v>346169.88439999998</v>
      </c>
      <c r="N3468">
        <v>89856.283599999995</v>
      </c>
      <c r="O3468">
        <v>24584.091799999998</v>
      </c>
      <c r="P3468">
        <v>34164.89071</v>
      </c>
      <c r="Q3468">
        <v>97667.753270000001</v>
      </c>
      <c r="R3468">
        <v>22245.41447</v>
      </c>
      <c r="S3468">
        <v>114195.0377</v>
      </c>
      <c r="T3468">
        <v>33328.047890000002</v>
      </c>
      <c r="U3468">
        <v>24061.37513</v>
      </c>
      <c r="W3468" s="83">
        <f>Bühler!N3500</f>
        <v>45436.416666658261</v>
      </c>
      <c r="X3468" s="83">
        <v>43245.416666666664</v>
      </c>
      <c r="Y3468">
        <v>295848.64669999998</v>
      </c>
      <c r="Z3468">
        <v>34023.645510000002</v>
      </c>
      <c r="AA3468">
        <v>94045.744770000005</v>
      </c>
      <c r="AB3468">
        <v>79796.05992</v>
      </c>
      <c r="AC3468">
        <v>50791.983990000001</v>
      </c>
      <c r="AD3468">
        <v>35032.264280000003</v>
      </c>
      <c r="AE3468">
        <v>43680.778339999997</v>
      </c>
      <c r="AF3468">
        <v>62563.781999999999</v>
      </c>
      <c r="AG3468">
        <v>28727.384600000001</v>
      </c>
      <c r="AH3468">
        <v>346169.88439999998</v>
      </c>
      <c r="AI3468">
        <v>89856.283599999995</v>
      </c>
      <c r="AJ3468">
        <v>24584.091799999998</v>
      </c>
      <c r="AK3468">
        <v>34164.89071</v>
      </c>
      <c r="AL3468">
        <v>97667.753270000001</v>
      </c>
      <c r="AM3468">
        <v>22245.41447</v>
      </c>
      <c r="AN3468">
        <v>114195.0377</v>
      </c>
      <c r="AO3468">
        <v>33328.047890000002</v>
      </c>
      <c r="AP3468">
        <v>24061.37513</v>
      </c>
    </row>
    <row r="3469" spans="2:42" x14ac:dyDescent="0.3">
      <c r="B3469">
        <v>68.206055169644699</v>
      </c>
      <c r="C3469" s="83">
        <v>43245.458333333336</v>
      </c>
      <c r="D3469">
        <v>291339.17369999998</v>
      </c>
      <c r="E3469">
        <v>34352.081660000003</v>
      </c>
      <c r="F3469">
        <v>94781.704299999998</v>
      </c>
      <c r="G3469">
        <v>79192.605230000001</v>
      </c>
      <c r="H3469">
        <v>50531.351210000001</v>
      </c>
      <c r="I3469">
        <v>34091.800569999999</v>
      </c>
      <c r="J3469">
        <v>43416.740389999999</v>
      </c>
      <c r="K3469">
        <v>62383.771139999997</v>
      </c>
      <c r="L3469">
        <v>29971.345659999999</v>
      </c>
      <c r="M3469">
        <v>347746.27659999998</v>
      </c>
      <c r="N3469">
        <v>89356.414229999995</v>
      </c>
      <c r="O3469">
        <v>24821.454890000001</v>
      </c>
      <c r="P3469">
        <v>33787.131820000002</v>
      </c>
      <c r="Q3469">
        <v>96745.458369999993</v>
      </c>
      <c r="R3469">
        <v>25346.903590000002</v>
      </c>
      <c r="S3469">
        <v>116024.5336</v>
      </c>
      <c r="T3469">
        <v>33182.530709999999</v>
      </c>
      <c r="U3469">
        <v>23122.238850000002</v>
      </c>
      <c r="W3469" s="83">
        <f>Bühler!N3501</f>
        <v>45436.458333324925</v>
      </c>
      <c r="X3469" s="83">
        <v>43245.458333333336</v>
      </c>
      <c r="Y3469">
        <v>291339.17369999998</v>
      </c>
      <c r="Z3469">
        <v>34352.081660000003</v>
      </c>
      <c r="AA3469">
        <v>94781.704299999998</v>
      </c>
      <c r="AB3469">
        <v>79192.605230000001</v>
      </c>
      <c r="AC3469">
        <v>50531.351210000001</v>
      </c>
      <c r="AD3469">
        <v>34091.800569999999</v>
      </c>
      <c r="AE3469">
        <v>43416.740389999999</v>
      </c>
      <c r="AF3469">
        <v>62383.771139999997</v>
      </c>
      <c r="AG3469">
        <v>29971.345659999999</v>
      </c>
      <c r="AH3469">
        <v>347746.27659999998</v>
      </c>
      <c r="AI3469">
        <v>89356.414229999995</v>
      </c>
      <c r="AJ3469">
        <v>24821.454890000001</v>
      </c>
      <c r="AK3469">
        <v>33787.131820000002</v>
      </c>
      <c r="AL3469">
        <v>96745.458369999993</v>
      </c>
      <c r="AM3469">
        <v>25346.903590000002</v>
      </c>
      <c r="AN3469">
        <v>116024.5336</v>
      </c>
      <c r="AO3469">
        <v>33182.530709999999</v>
      </c>
      <c r="AP3469">
        <v>23122.238850000002</v>
      </c>
    </row>
    <row r="3470" spans="2:42" x14ac:dyDescent="0.3">
      <c r="B3470">
        <v>66.843668103785262</v>
      </c>
      <c r="C3470" s="83">
        <v>43245.5</v>
      </c>
      <c r="D3470">
        <v>278865.71059999999</v>
      </c>
      <c r="E3470">
        <v>31262.819449999999</v>
      </c>
      <c r="F3470">
        <v>93559.321639999995</v>
      </c>
      <c r="G3470">
        <v>78233.716450000007</v>
      </c>
      <c r="H3470">
        <v>48415.507310000001</v>
      </c>
      <c r="I3470">
        <v>32766.275420000002</v>
      </c>
      <c r="J3470">
        <v>43815.406770000001</v>
      </c>
      <c r="K3470">
        <v>59989.853799999997</v>
      </c>
      <c r="L3470">
        <v>32275.917310000001</v>
      </c>
      <c r="M3470">
        <v>340800.19199999998</v>
      </c>
      <c r="N3470">
        <v>85286.861690000005</v>
      </c>
      <c r="O3470">
        <v>23833.013999999999</v>
      </c>
      <c r="P3470">
        <v>35428.153050000001</v>
      </c>
      <c r="Q3470">
        <v>95255.915789999999</v>
      </c>
      <c r="R3470">
        <v>24312.664809999998</v>
      </c>
      <c r="S3470">
        <v>110615.3195</v>
      </c>
      <c r="T3470">
        <v>33324.345450000001</v>
      </c>
      <c r="U3470">
        <v>19183.921419999999</v>
      </c>
      <c r="W3470" s="83">
        <f>Bühler!N3502</f>
        <v>45436.499999991589</v>
      </c>
      <c r="X3470" s="83">
        <v>43245.5</v>
      </c>
      <c r="Y3470">
        <v>278865.71059999999</v>
      </c>
      <c r="Z3470">
        <v>31262.819449999999</v>
      </c>
      <c r="AA3470">
        <v>93559.321639999995</v>
      </c>
      <c r="AB3470">
        <v>78233.716450000007</v>
      </c>
      <c r="AC3470">
        <v>48415.507310000001</v>
      </c>
      <c r="AD3470">
        <v>32766.275420000002</v>
      </c>
      <c r="AE3470">
        <v>43815.406770000001</v>
      </c>
      <c r="AF3470">
        <v>59989.853799999997</v>
      </c>
      <c r="AG3470">
        <v>32275.917310000001</v>
      </c>
      <c r="AH3470">
        <v>340800.19199999998</v>
      </c>
      <c r="AI3470">
        <v>85286.861690000005</v>
      </c>
      <c r="AJ3470">
        <v>23833.013999999999</v>
      </c>
      <c r="AK3470">
        <v>35428.153050000001</v>
      </c>
      <c r="AL3470">
        <v>95255.915789999999</v>
      </c>
      <c r="AM3470">
        <v>24312.664809999998</v>
      </c>
      <c r="AN3470">
        <v>110615.3195</v>
      </c>
      <c r="AO3470">
        <v>33324.345450000001</v>
      </c>
      <c r="AP3470">
        <v>19183.921419999999</v>
      </c>
    </row>
    <row r="3471" spans="2:42" x14ac:dyDescent="0.3">
      <c r="B3471">
        <v>65.832467979235162</v>
      </c>
      <c r="C3471" s="83">
        <v>43245.541666666664</v>
      </c>
      <c r="D3471">
        <v>275337.31660000002</v>
      </c>
      <c r="E3471">
        <v>31277.21127</v>
      </c>
      <c r="F3471">
        <v>92937.749240000005</v>
      </c>
      <c r="G3471">
        <v>72690.478400000007</v>
      </c>
      <c r="H3471">
        <v>47995.346570000002</v>
      </c>
      <c r="I3471">
        <v>32685.334429999999</v>
      </c>
      <c r="J3471">
        <v>42486.415000000001</v>
      </c>
      <c r="K3471">
        <v>62762.487930000003</v>
      </c>
      <c r="L3471">
        <v>30838.08943</v>
      </c>
      <c r="M3471">
        <v>335644.62219999998</v>
      </c>
      <c r="N3471">
        <v>85552.248970000001</v>
      </c>
      <c r="O3471">
        <v>23920.472129999998</v>
      </c>
      <c r="P3471">
        <v>33799.851309999998</v>
      </c>
      <c r="Q3471">
        <v>95019.6345</v>
      </c>
      <c r="R3471">
        <v>24833.715059999999</v>
      </c>
      <c r="S3471">
        <v>110000.0577</v>
      </c>
      <c r="T3471">
        <v>31916.074229999998</v>
      </c>
      <c r="U3471">
        <v>20006.7762</v>
      </c>
      <c r="W3471" s="83">
        <f>Bühler!N3503</f>
        <v>45436.541666658253</v>
      </c>
      <c r="X3471" s="83">
        <v>43245.541666666664</v>
      </c>
      <c r="Y3471">
        <v>275337.31660000002</v>
      </c>
      <c r="Z3471">
        <v>31277.21127</v>
      </c>
      <c r="AA3471">
        <v>92937.749240000005</v>
      </c>
      <c r="AB3471">
        <v>72690.478400000007</v>
      </c>
      <c r="AC3471">
        <v>47995.346570000002</v>
      </c>
      <c r="AD3471">
        <v>32685.334429999999</v>
      </c>
      <c r="AE3471">
        <v>42486.415000000001</v>
      </c>
      <c r="AF3471">
        <v>62762.487930000003</v>
      </c>
      <c r="AG3471">
        <v>30838.08943</v>
      </c>
      <c r="AH3471">
        <v>335644.62219999998</v>
      </c>
      <c r="AI3471">
        <v>85552.248970000001</v>
      </c>
      <c r="AJ3471">
        <v>23920.472129999998</v>
      </c>
      <c r="AK3471">
        <v>33799.851309999998</v>
      </c>
      <c r="AL3471">
        <v>95019.6345</v>
      </c>
      <c r="AM3471">
        <v>24833.715059999999</v>
      </c>
      <c r="AN3471">
        <v>110000.0577</v>
      </c>
      <c r="AO3471">
        <v>31916.074229999998</v>
      </c>
      <c r="AP3471">
        <v>20006.7762</v>
      </c>
    </row>
    <row r="3472" spans="2:42" x14ac:dyDescent="0.3">
      <c r="B3472">
        <v>65.809140022939516</v>
      </c>
      <c r="C3472" s="83">
        <v>43245.583333333336</v>
      </c>
      <c r="D3472">
        <v>277142.49829999998</v>
      </c>
      <c r="E3472">
        <v>33543.564059999997</v>
      </c>
      <c r="F3472">
        <v>94572.338600000003</v>
      </c>
      <c r="G3472">
        <v>64782.756809999999</v>
      </c>
      <c r="H3472">
        <v>47471.254309999997</v>
      </c>
      <c r="I3472">
        <v>32860.394070000002</v>
      </c>
      <c r="J3472">
        <v>41944.373059999998</v>
      </c>
      <c r="K3472">
        <v>62667.603049999998</v>
      </c>
      <c r="L3472">
        <v>28032.708600000002</v>
      </c>
      <c r="M3472">
        <v>335525.68540000002</v>
      </c>
      <c r="N3472">
        <v>82852.507360000003</v>
      </c>
      <c r="O3472">
        <v>24221.250039999999</v>
      </c>
      <c r="P3472">
        <v>30141.817630000001</v>
      </c>
      <c r="Q3472">
        <v>94229.25619</v>
      </c>
      <c r="R3472">
        <v>24717.38969</v>
      </c>
      <c r="S3472">
        <v>104858.94650000001</v>
      </c>
      <c r="T3472">
        <v>30170.856950000001</v>
      </c>
      <c r="U3472">
        <v>20422.838729999999</v>
      </c>
      <c r="W3472" s="83">
        <f>Bühler!N3504</f>
        <v>45436.583333324917</v>
      </c>
      <c r="X3472" s="83">
        <v>43245.583333333336</v>
      </c>
      <c r="Y3472">
        <v>277142.49829999998</v>
      </c>
      <c r="Z3472">
        <v>33543.564059999997</v>
      </c>
      <c r="AA3472">
        <v>94572.338600000003</v>
      </c>
      <c r="AB3472">
        <v>64782.756809999999</v>
      </c>
      <c r="AC3472">
        <v>47471.254309999997</v>
      </c>
      <c r="AD3472">
        <v>32860.394070000002</v>
      </c>
      <c r="AE3472">
        <v>41944.373059999998</v>
      </c>
      <c r="AF3472">
        <v>62667.603049999998</v>
      </c>
      <c r="AG3472">
        <v>28032.708600000002</v>
      </c>
      <c r="AH3472">
        <v>335525.68540000002</v>
      </c>
      <c r="AI3472">
        <v>82852.507360000003</v>
      </c>
      <c r="AJ3472">
        <v>24221.250039999999</v>
      </c>
      <c r="AK3472">
        <v>30141.817630000001</v>
      </c>
      <c r="AL3472">
        <v>94229.25619</v>
      </c>
      <c r="AM3472">
        <v>24717.38969</v>
      </c>
      <c r="AN3472">
        <v>104858.94650000001</v>
      </c>
      <c r="AO3472">
        <v>30170.856950000001</v>
      </c>
      <c r="AP3472">
        <v>20422.838729999999</v>
      </c>
    </row>
    <row r="3473" spans="2:42" x14ac:dyDescent="0.3">
      <c r="B3473">
        <v>65.761881713510803</v>
      </c>
      <c r="C3473" s="83">
        <v>43245.625</v>
      </c>
      <c r="D3473">
        <v>271658.24839999998</v>
      </c>
      <c r="E3473">
        <v>33230.873950000001</v>
      </c>
      <c r="F3473">
        <v>95565.905220000001</v>
      </c>
      <c r="G3473">
        <v>59668.161699999997</v>
      </c>
      <c r="H3473">
        <v>45868.880440000001</v>
      </c>
      <c r="I3473">
        <v>32516.40293</v>
      </c>
      <c r="J3473">
        <v>41340.687230000003</v>
      </c>
      <c r="K3473">
        <v>59447.959280000003</v>
      </c>
      <c r="L3473">
        <v>25373.563979999999</v>
      </c>
      <c r="M3473">
        <v>335284.74050000001</v>
      </c>
      <c r="N3473">
        <v>81924.629709999994</v>
      </c>
      <c r="O3473">
        <v>23521.543269999998</v>
      </c>
      <c r="P3473">
        <v>27704.540069999999</v>
      </c>
      <c r="Q3473">
        <v>93144.244130000006</v>
      </c>
      <c r="R3473">
        <v>23809.009760000001</v>
      </c>
      <c r="S3473">
        <v>101125.1067</v>
      </c>
      <c r="T3473">
        <v>29496.34662</v>
      </c>
      <c r="U3473">
        <v>18853.847150000001</v>
      </c>
      <c r="W3473" s="83">
        <f>Bühler!N3505</f>
        <v>45436.624999991582</v>
      </c>
      <c r="X3473" s="83">
        <v>43245.625</v>
      </c>
      <c r="Y3473">
        <v>271658.24839999998</v>
      </c>
      <c r="Z3473">
        <v>33230.873950000001</v>
      </c>
      <c r="AA3473">
        <v>95565.905220000001</v>
      </c>
      <c r="AB3473">
        <v>59668.161699999997</v>
      </c>
      <c r="AC3473">
        <v>45868.880440000001</v>
      </c>
      <c r="AD3473">
        <v>32516.40293</v>
      </c>
      <c r="AE3473">
        <v>41340.687230000003</v>
      </c>
      <c r="AF3473">
        <v>59447.959280000003</v>
      </c>
      <c r="AG3473">
        <v>25373.563979999999</v>
      </c>
      <c r="AH3473">
        <v>335284.74050000001</v>
      </c>
      <c r="AI3473">
        <v>81924.629709999994</v>
      </c>
      <c r="AJ3473">
        <v>23521.543269999998</v>
      </c>
      <c r="AK3473">
        <v>27704.540069999999</v>
      </c>
      <c r="AL3473">
        <v>93144.244130000006</v>
      </c>
      <c r="AM3473">
        <v>23809.009760000001</v>
      </c>
      <c r="AN3473">
        <v>101125.1067</v>
      </c>
      <c r="AO3473">
        <v>29496.34662</v>
      </c>
      <c r="AP3473">
        <v>18853.847150000001</v>
      </c>
    </row>
    <row r="3474" spans="2:42" x14ac:dyDescent="0.3">
      <c r="B3474">
        <v>64.880681231116967</v>
      </c>
      <c r="C3474" s="83">
        <v>43245.666666666664</v>
      </c>
      <c r="D3474">
        <v>262213.93790000002</v>
      </c>
      <c r="E3474">
        <v>32197.87602</v>
      </c>
      <c r="F3474">
        <v>95712.503060000003</v>
      </c>
      <c r="G3474">
        <v>53850.577109999998</v>
      </c>
      <c r="H3474">
        <v>44242.39157</v>
      </c>
      <c r="I3474">
        <v>33667.540130000001</v>
      </c>
      <c r="J3474">
        <v>40172.04393</v>
      </c>
      <c r="K3474">
        <v>55646.430990000001</v>
      </c>
      <c r="L3474">
        <v>24450.586350000001</v>
      </c>
      <c r="M3474">
        <v>330791.96950000001</v>
      </c>
      <c r="N3474">
        <v>80752.772620000003</v>
      </c>
      <c r="O3474">
        <v>22162.379959999998</v>
      </c>
      <c r="P3474">
        <v>27558.392919999998</v>
      </c>
      <c r="Q3474">
        <v>92097.36202</v>
      </c>
      <c r="R3474">
        <v>23946.16188</v>
      </c>
      <c r="S3474">
        <v>98031.569749999995</v>
      </c>
      <c r="T3474">
        <v>29255.617709999999</v>
      </c>
      <c r="U3474">
        <v>16989.57044</v>
      </c>
      <c r="W3474" s="83">
        <f>Bühler!N3506</f>
        <v>45436.666666658246</v>
      </c>
      <c r="X3474" s="83">
        <v>43245.666666666664</v>
      </c>
      <c r="Y3474">
        <v>262213.93790000002</v>
      </c>
      <c r="Z3474">
        <v>32197.87602</v>
      </c>
      <c r="AA3474">
        <v>95712.503060000003</v>
      </c>
      <c r="AB3474">
        <v>53850.577109999998</v>
      </c>
      <c r="AC3474">
        <v>44242.39157</v>
      </c>
      <c r="AD3474">
        <v>33667.540130000001</v>
      </c>
      <c r="AE3474">
        <v>40172.04393</v>
      </c>
      <c r="AF3474">
        <v>55646.430990000001</v>
      </c>
      <c r="AG3474">
        <v>24450.586350000001</v>
      </c>
      <c r="AH3474">
        <v>330791.96950000001</v>
      </c>
      <c r="AI3474">
        <v>80752.772620000003</v>
      </c>
      <c r="AJ3474">
        <v>22162.379959999998</v>
      </c>
      <c r="AK3474">
        <v>27558.392919999998</v>
      </c>
      <c r="AL3474">
        <v>92097.36202</v>
      </c>
      <c r="AM3474">
        <v>23946.16188</v>
      </c>
      <c r="AN3474">
        <v>98031.569749999995</v>
      </c>
      <c r="AO3474">
        <v>29255.617709999999</v>
      </c>
      <c r="AP3474">
        <v>16989.57044</v>
      </c>
    </row>
    <row r="3475" spans="2:42" x14ac:dyDescent="0.3">
      <c r="B3475">
        <v>63.620515297073425</v>
      </c>
      <c r="C3475" s="83">
        <v>43245.708333333336</v>
      </c>
      <c r="D3475">
        <v>251717.7414</v>
      </c>
      <c r="E3475">
        <v>29999.469649999999</v>
      </c>
      <c r="F3475">
        <v>93424.170389999999</v>
      </c>
      <c r="G3475">
        <v>45973.525379999999</v>
      </c>
      <c r="H3475">
        <v>42575.037060000002</v>
      </c>
      <c r="I3475">
        <v>33646.504220000003</v>
      </c>
      <c r="J3475">
        <v>40777.389439999999</v>
      </c>
      <c r="K3475">
        <v>51299.424789999997</v>
      </c>
      <c r="L3475">
        <v>24969.649890000001</v>
      </c>
      <c r="M3475">
        <v>324367.05589999998</v>
      </c>
      <c r="N3475">
        <v>78376.11636</v>
      </c>
      <c r="O3475">
        <v>21090.7644</v>
      </c>
      <c r="P3475">
        <v>29459.392749999999</v>
      </c>
      <c r="Q3475">
        <v>89738.761310000002</v>
      </c>
      <c r="R3475">
        <v>23503.544430000002</v>
      </c>
      <c r="S3475">
        <v>94974.922300000006</v>
      </c>
      <c r="T3475">
        <v>29151.990040000001</v>
      </c>
      <c r="U3475">
        <v>15393.65641</v>
      </c>
      <c r="W3475" s="83">
        <f>Bühler!N3507</f>
        <v>45436.70833332491</v>
      </c>
      <c r="X3475" s="83">
        <v>43245.708333333336</v>
      </c>
      <c r="Y3475">
        <v>251717.7414</v>
      </c>
      <c r="Z3475">
        <v>29999.469649999999</v>
      </c>
      <c r="AA3475">
        <v>93424.170389999999</v>
      </c>
      <c r="AB3475">
        <v>45973.525379999999</v>
      </c>
      <c r="AC3475">
        <v>42575.037060000002</v>
      </c>
      <c r="AD3475">
        <v>33646.504220000003</v>
      </c>
      <c r="AE3475">
        <v>40777.389439999999</v>
      </c>
      <c r="AF3475">
        <v>51299.424789999997</v>
      </c>
      <c r="AG3475">
        <v>24969.649890000001</v>
      </c>
      <c r="AH3475">
        <v>324367.05589999998</v>
      </c>
      <c r="AI3475">
        <v>78376.11636</v>
      </c>
      <c r="AJ3475">
        <v>21090.7644</v>
      </c>
      <c r="AK3475">
        <v>29459.392749999999</v>
      </c>
      <c r="AL3475">
        <v>89738.761310000002</v>
      </c>
      <c r="AM3475">
        <v>23503.544430000002</v>
      </c>
      <c r="AN3475">
        <v>94974.922300000006</v>
      </c>
      <c r="AO3475">
        <v>29151.990040000001</v>
      </c>
      <c r="AP3475">
        <v>15393.65641</v>
      </c>
    </row>
    <row r="3476" spans="2:42" x14ac:dyDescent="0.3">
      <c r="B3476">
        <v>62.432037567969537</v>
      </c>
      <c r="C3476" s="83">
        <v>43245.75</v>
      </c>
      <c r="D3476">
        <v>243554.92540000001</v>
      </c>
      <c r="E3476">
        <v>27589.589840000001</v>
      </c>
      <c r="F3476">
        <v>91309.325379999995</v>
      </c>
      <c r="G3476">
        <v>39451.279210000001</v>
      </c>
      <c r="H3476">
        <v>40598.425439999999</v>
      </c>
      <c r="I3476">
        <v>32715.073629999999</v>
      </c>
      <c r="J3476">
        <v>40711.632169999997</v>
      </c>
      <c r="K3476">
        <v>49136.129240000002</v>
      </c>
      <c r="L3476">
        <v>26179.62499</v>
      </c>
      <c r="M3476">
        <v>318307.6422</v>
      </c>
      <c r="N3476">
        <v>75641.646160000004</v>
      </c>
      <c r="O3476">
        <v>20070.915300000001</v>
      </c>
      <c r="P3476">
        <v>32350.850699999999</v>
      </c>
      <c r="Q3476">
        <v>87286.763999999996</v>
      </c>
      <c r="R3476">
        <v>22008.399799999999</v>
      </c>
      <c r="S3476">
        <v>88983.394440000004</v>
      </c>
      <c r="T3476">
        <v>29415.71154</v>
      </c>
      <c r="U3476">
        <v>14484.227989999999</v>
      </c>
      <c r="W3476" s="83">
        <f>Bühler!N3508</f>
        <v>45436.749999991574</v>
      </c>
      <c r="X3476" s="83">
        <v>43245.75</v>
      </c>
      <c r="Y3476">
        <v>243554.92540000001</v>
      </c>
      <c r="Z3476">
        <v>27589.589840000001</v>
      </c>
      <c r="AA3476">
        <v>91309.325379999995</v>
      </c>
      <c r="AB3476">
        <v>39451.279210000001</v>
      </c>
      <c r="AC3476">
        <v>40598.425439999999</v>
      </c>
      <c r="AD3476">
        <v>32715.073629999999</v>
      </c>
      <c r="AE3476">
        <v>40711.632169999997</v>
      </c>
      <c r="AF3476">
        <v>49136.129240000002</v>
      </c>
      <c r="AG3476">
        <v>26179.62499</v>
      </c>
      <c r="AH3476">
        <v>318307.6422</v>
      </c>
      <c r="AI3476">
        <v>75641.646160000004</v>
      </c>
      <c r="AJ3476">
        <v>20070.915300000001</v>
      </c>
      <c r="AK3476">
        <v>32350.850699999999</v>
      </c>
      <c r="AL3476">
        <v>87286.763999999996</v>
      </c>
      <c r="AM3476">
        <v>22008.399799999999</v>
      </c>
      <c r="AN3476">
        <v>88983.394440000004</v>
      </c>
      <c r="AO3476">
        <v>29415.71154</v>
      </c>
      <c r="AP3476">
        <v>14484.227989999999</v>
      </c>
    </row>
    <row r="3477" spans="2:42" x14ac:dyDescent="0.3">
      <c r="B3477">
        <v>60.838567227066235</v>
      </c>
      <c r="C3477" s="83">
        <v>43245.791666666664</v>
      </c>
      <c r="D3477">
        <v>234770.0454</v>
      </c>
      <c r="E3477">
        <v>21870.198390000001</v>
      </c>
      <c r="F3477">
        <v>79927.281570000006</v>
      </c>
      <c r="G3477">
        <v>35957.60671</v>
      </c>
      <c r="H3477">
        <v>38106.130680000002</v>
      </c>
      <c r="I3477">
        <v>29593.95032</v>
      </c>
      <c r="J3477">
        <v>39887.147700000001</v>
      </c>
      <c r="K3477">
        <v>49130.760580000002</v>
      </c>
      <c r="L3477">
        <v>27222.94743</v>
      </c>
      <c r="M3477">
        <v>310183.3873</v>
      </c>
      <c r="N3477">
        <v>73807.14013</v>
      </c>
      <c r="O3477">
        <v>19921.10886</v>
      </c>
      <c r="P3477">
        <v>34659.199090000002</v>
      </c>
      <c r="Q3477">
        <v>84507.002399999998</v>
      </c>
      <c r="R3477">
        <v>20558.386780000001</v>
      </c>
      <c r="S3477">
        <v>84929.305619999999</v>
      </c>
      <c r="T3477">
        <v>29400.834859999999</v>
      </c>
      <c r="U3477">
        <v>13800.98323</v>
      </c>
      <c r="W3477" s="83">
        <f>Bühler!N3509</f>
        <v>45436.791666658239</v>
      </c>
      <c r="X3477" s="83">
        <v>43245.791666666664</v>
      </c>
      <c r="Y3477">
        <v>234770.0454</v>
      </c>
      <c r="Z3477">
        <v>21870.198390000001</v>
      </c>
      <c r="AA3477">
        <v>79927.281570000006</v>
      </c>
      <c r="AB3477">
        <v>35957.60671</v>
      </c>
      <c r="AC3477">
        <v>38106.130680000002</v>
      </c>
      <c r="AD3477">
        <v>29593.95032</v>
      </c>
      <c r="AE3477">
        <v>39887.147700000001</v>
      </c>
      <c r="AF3477">
        <v>49130.760580000002</v>
      </c>
      <c r="AG3477">
        <v>27222.94743</v>
      </c>
      <c r="AH3477">
        <v>310183.3873</v>
      </c>
      <c r="AI3477">
        <v>73807.14013</v>
      </c>
      <c r="AJ3477">
        <v>19921.10886</v>
      </c>
      <c r="AK3477">
        <v>34659.199090000002</v>
      </c>
      <c r="AL3477">
        <v>84507.002399999998</v>
      </c>
      <c r="AM3477">
        <v>20558.386780000001</v>
      </c>
      <c r="AN3477">
        <v>84929.305619999999</v>
      </c>
      <c r="AO3477">
        <v>29400.834859999999</v>
      </c>
      <c r="AP3477">
        <v>13800.98323</v>
      </c>
    </row>
    <row r="3478" spans="2:42" x14ac:dyDescent="0.3">
      <c r="B3478">
        <v>58.626965160144472</v>
      </c>
      <c r="C3478" s="83">
        <v>43245.833333333336</v>
      </c>
      <c r="D3478">
        <v>224128.43599999999</v>
      </c>
      <c r="E3478">
        <v>16433.849869999998</v>
      </c>
      <c r="F3478">
        <v>63335.146350000003</v>
      </c>
      <c r="G3478">
        <v>33849.598389999999</v>
      </c>
      <c r="H3478">
        <v>36006.354019999999</v>
      </c>
      <c r="I3478">
        <v>26037.349709999999</v>
      </c>
      <c r="J3478">
        <v>39219.393120000001</v>
      </c>
      <c r="K3478">
        <v>48249.951549999998</v>
      </c>
      <c r="L3478">
        <v>27264.648359999999</v>
      </c>
      <c r="M3478">
        <v>298907.60859999998</v>
      </c>
      <c r="N3478">
        <v>72164.975330000001</v>
      </c>
      <c r="O3478">
        <v>19524.994630000001</v>
      </c>
      <c r="P3478">
        <v>33720.991869999998</v>
      </c>
      <c r="Q3478">
        <v>80631.704240000006</v>
      </c>
      <c r="R3478">
        <v>19279.718059999999</v>
      </c>
      <c r="S3478">
        <v>78191.578219999996</v>
      </c>
      <c r="T3478">
        <v>28152.687669999999</v>
      </c>
      <c r="U3478">
        <v>13147.419400000001</v>
      </c>
      <c r="W3478" s="83">
        <f>Bühler!N3510</f>
        <v>45436.833333324903</v>
      </c>
      <c r="X3478" s="83">
        <v>43245.833333333336</v>
      </c>
      <c r="Y3478">
        <v>224128.43599999999</v>
      </c>
      <c r="Z3478">
        <v>16433.849869999998</v>
      </c>
      <c r="AA3478">
        <v>63335.146350000003</v>
      </c>
      <c r="AB3478">
        <v>33849.598389999999</v>
      </c>
      <c r="AC3478">
        <v>36006.354019999999</v>
      </c>
      <c r="AD3478">
        <v>26037.349709999999</v>
      </c>
      <c r="AE3478">
        <v>39219.393120000001</v>
      </c>
      <c r="AF3478">
        <v>48249.951549999998</v>
      </c>
      <c r="AG3478">
        <v>27264.648359999999</v>
      </c>
      <c r="AH3478">
        <v>298907.60859999998</v>
      </c>
      <c r="AI3478">
        <v>72164.975330000001</v>
      </c>
      <c r="AJ3478">
        <v>19524.994630000001</v>
      </c>
      <c r="AK3478">
        <v>33720.991869999998</v>
      </c>
      <c r="AL3478">
        <v>80631.704240000006</v>
      </c>
      <c r="AM3478">
        <v>19279.718059999999</v>
      </c>
      <c r="AN3478">
        <v>78191.578219999996</v>
      </c>
      <c r="AO3478">
        <v>28152.687669999999</v>
      </c>
      <c r="AP3478">
        <v>13147.419400000001</v>
      </c>
    </row>
    <row r="3479" spans="2:42" x14ac:dyDescent="0.3">
      <c r="B3479">
        <v>56.611478637179907</v>
      </c>
      <c r="C3479" s="83">
        <v>43245.875</v>
      </c>
      <c r="D3479">
        <v>219973.791</v>
      </c>
      <c r="E3479">
        <v>14227.790419999999</v>
      </c>
      <c r="F3479">
        <v>55067.051720000003</v>
      </c>
      <c r="G3479">
        <v>32986.346299999997</v>
      </c>
      <c r="H3479">
        <v>35200.630409999998</v>
      </c>
      <c r="I3479">
        <v>22669.608039999999</v>
      </c>
      <c r="J3479">
        <v>39805.584089999997</v>
      </c>
      <c r="K3479">
        <v>47996.340830000001</v>
      </c>
      <c r="L3479">
        <v>26320.412420000001</v>
      </c>
      <c r="M3479">
        <v>288631.71840000001</v>
      </c>
      <c r="N3479">
        <v>71532.256949999995</v>
      </c>
      <c r="O3479">
        <v>18605.13868</v>
      </c>
      <c r="P3479">
        <v>33368.744209999997</v>
      </c>
      <c r="Q3479">
        <v>78086.022159999993</v>
      </c>
      <c r="R3479">
        <v>19100.477989999999</v>
      </c>
      <c r="S3479">
        <v>74741.073740000007</v>
      </c>
      <c r="T3479">
        <v>26996.095949999999</v>
      </c>
      <c r="U3479">
        <v>12264.362510000001</v>
      </c>
      <c r="W3479" s="83">
        <f>Bühler!N3511</f>
        <v>45436.874999991567</v>
      </c>
      <c r="X3479" s="83">
        <v>43245.875</v>
      </c>
      <c r="Y3479">
        <v>219973.791</v>
      </c>
      <c r="Z3479">
        <v>14227.790419999999</v>
      </c>
      <c r="AA3479">
        <v>55067.051720000003</v>
      </c>
      <c r="AB3479">
        <v>32986.346299999997</v>
      </c>
      <c r="AC3479">
        <v>35200.630409999998</v>
      </c>
      <c r="AD3479">
        <v>22669.608039999999</v>
      </c>
      <c r="AE3479">
        <v>39805.584089999997</v>
      </c>
      <c r="AF3479">
        <v>47996.340830000001</v>
      </c>
      <c r="AG3479">
        <v>26320.412420000001</v>
      </c>
      <c r="AH3479">
        <v>288631.71840000001</v>
      </c>
      <c r="AI3479">
        <v>71532.256949999995</v>
      </c>
      <c r="AJ3479">
        <v>18605.13868</v>
      </c>
      <c r="AK3479">
        <v>33368.744209999997</v>
      </c>
      <c r="AL3479">
        <v>78086.022159999993</v>
      </c>
      <c r="AM3479">
        <v>19100.477989999999</v>
      </c>
      <c r="AN3479">
        <v>74741.073740000007</v>
      </c>
      <c r="AO3479">
        <v>26996.095949999999</v>
      </c>
      <c r="AP3479">
        <v>12264.362510000001</v>
      </c>
    </row>
    <row r="3480" spans="2:42" x14ac:dyDescent="0.3">
      <c r="B3480">
        <v>56.350934757725661</v>
      </c>
      <c r="C3480" s="83">
        <v>43245.916666666664</v>
      </c>
      <c r="D3480">
        <v>219163.1869</v>
      </c>
      <c r="E3480">
        <v>13465.55206</v>
      </c>
      <c r="F3480">
        <v>52214.308270000001</v>
      </c>
      <c r="G3480">
        <v>32682.567449999999</v>
      </c>
      <c r="H3480">
        <v>35750.018109999997</v>
      </c>
      <c r="I3480">
        <v>21457.342329999999</v>
      </c>
      <c r="J3480">
        <v>40104.198660000002</v>
      </c>
      <c r="K3480">
        <v>52376.00376</v>
      </c>
      <c r="L3480">
        <v>24150.997350000001</v>
      </c>
      <c r="M3480">
        <v>287303.34419999999</v>
      </c>
      <c r="N3480">
        <v>71774.186919999993</v>
      </c>
      <c r="O3480">
        <v>19112.62816</v>
      </c>
      <c r="P3480">
        <v>35611.268709999997</v>
      </c>
      <c r="Q3480">
        <v>76102.915800000002</v>
      </c>
      <c r="R3480">
        <v>20434.324260000001</v>
      </c>
      <c r="S3480">
        <v>75300.333840000007</v>
      </c>
      <c r="T3480">
        <v>23772.076819999998</v>
      </c>
      <c r="U3480">
        <v>12726.770060000001</v>
      </c>
      <c r="W3480" s="83">
        <f>Bühler!N3512</f>
        <v>45436.916666658231</v>
      </c>
      <c r="X3480" s="83">
        <v>43245.916666666664</v>
      </c>
      <c r="Y3480">
        <v>219163.1869</v>
      </c>
      <c r="Z3480">
        <v>13465.55206</v>
      </c>
      <c r="AA3480">
        <v>52214.308270000001</v>
      </c>
      <c r="AB3480">
        <v>32682.567449999999</v>
      </c>
      <c r="AC3480">
        <v>35750.018109999997</v>
      </c>
      <c r="AD3480">
        <v>21457.342329999999</v>
      </c>
      <c r="AE3480">
        <v>40104.198660000002</v>
      </c>
      <c r="AF3480">
        <v>52376.00376</v>
      </c>
      <c r="AG3480">
        <v>24150.997350000001</v>
      </c>
      <c r="AH3480">
        <v>287303.34419999999</v>
      </c>
      <c r="AI3480">
        <v>71774.186919999993</v>
      </c>
      <c r="AJ3480">
        <v>19112.62816</v>
      </c>
      <c r="AK3480">
        <v>35611.268709999997</v>
      </c>
      <c r="AL3480">
        <v>76102.915800000002</v>
      </c>
      <c r="AM3480">
        <v>20434.324260000001</v>
      </c>
      <c r="AN3480">
        <v>75300.333840000007</v>
      </c>
      <c r="AO3480">
        <v>23772.076819999998</v>
      </c>
      <c r="AP3480">
        <v>12726.770060000001</v>
      </c>
    </row>
    <row r="3481" spans="2:42" x14ac:dyDescent="0.3">
      <c r="B3481">
        <v>55.878321517118145</v>
      </c>
      <c r="C3481" s="83">
        <v>43245.958333333336</v>
      </c>
      <c r="D3481">
        <v>216730.84599999999</v>
      </c>
      <c r="E3481">
        <v>12685.415709999999</v>
      </c>
      <c r="F3481">
        <v>50855.724130000002</v>
      </c>
      <c r="G3481">
        <v>32454.383160000001</v>
      </c>
      <c r="H3481">
        <v>34884.890359999998</v>
      </c>
      <c r="I3481">
        <v>20784.024249999999</v>
      </c>
      <c r="J3481">
        <v>37546.069819999997</v>
      </c>
      <c r="K3481">
        <v>51625.443169999999</v>
      </c>
      <c r="L3481">
        <v>20595.358349999999</v>
      </c>
      <c r="M3481">
        <v>284893.7415</v>
      </c>
      <c r="N3481">
        <v>71177.391140000007</v>
      </c>
      <c r="O3481">
        <v>18852.114679999999</v>
      </c>
      <c r="P3481">
        <v>32224.99048</v>
      </c>
      <c r="Q3481">
        <v>75215.843580000001</v>
      </c>
      <c r="R3481">
        <v>21205.95217</v>
      </c>
      <c r="S3481">
        <v>73798.945089999994</v>
      </c>
      <c r="T3481">
        <v>21247.110550000001</v>
      </c>
      <c r="U3481">
        <v>12178.00887</v>
      </c>
      <c r="W3481" s="83">
        <f>Bühler!N3513</f>
        <v>45436.958333324896</v>
      </c>
      <c r="X3481" s="83">
        <v>43245.958333333336</v>
      </c>
      <c r="Y3481">
        <v>216730.84599999999</v>
      </c>
      <c r="Z3481">
        <v>12685.415709999999</v>
      </c>
      <c r="AA3481">
        <v>50855.724130000002</v>
      </c>
      <c r="AB3481">
        <v>32454.383160000001</v>
      </c>
      <c r="AC3481">
        <v>34884.890359999998</v>
      </c>
      <c r="AD3481">
        <v>20784.024249999999</v>
      </c>
      <c r="AE3481">
        <v>37546.069819999997</v>
      </c>
      <c r="AF3481">
        <v>51625.443169999999</v>
      </c>
      <c r="AG3481">
        <v>20595.358349999999</v>
      </c>
      <c r="AH3481">
        <v>284893.7415</v>
      </c>
      <c r="AI3481">
        <v>71177.391140000007</v>
      </c>
      <c r="AJ3481">
        <v>18852.114679999999</v>
      </c>
      <c r="AK3481">
        <v>32224.99048</v>
      </c>
      <c r="AL3481">
        <v>75215.843580000001</v>
      </c>
      <c r="AM3481">
        <v>21205.95217</v>
      </c>
      <c r="AN3481">
        <v>73798.945089999994</v>
      </c>
      <c r="AO3481">
        <v>21247.110550000001</v>
      </c>
      <c r="AP3481">
        <v>12178.00887</v>
      </c>
    </row>
    <row r="3482" spans="2:42" x14ac:dyDescent="0.3">
      <c r="B3482">
        <v>54.897177803598744</v>
      </c>
      <c r="C3482" s="83">
        <v>43246</v>
      </c>
      <c r="D3482">
        <v>213206.47630000001</v>
      </c>
      <c r="E3482">
        <v>12222.819289999999</v>
      </c>
      <c r="F3482">
        <v>49783.591780000002</v>
      </c>
      <c r="G3482">
        <v>31909.395649999999</v>
      </c>
      <c r="H3482">
        <v>33818.412239999998</v>
      </c>
      <c r="I3482">
        <v>19505.299449999999</v>
      </c>
      <c r="J3482">
        <v>34573.379480000003</v>
      </c>
      <c r="K3482">
        <v>50087.650520000003</v>
      </c>
      <c r="L3482">
        <v>17839.200850000001</v>
      </c>
      <c r="M3482">
        <v>279891.41330000001</v>
      </c>
      <c r="N3482">
        <v>70151.915479999996</v>
      </c>
      <c r="O3482">
        <v>18303.427189999999</v>
      </c>
      <c r="P3482">
        <v>29429.269260000001</v>
      </c>
      <c r="Q3482">
        <v>72470.7166</v>
      </c>
      <c r="R3482">
        <v>17219.45234</v>
      </c>
      <c r="S3482">
        <v>72345.148939999999</v>
      </c>
      <c r="T3482">
        <v>20033.411970000001</v>
      </c>
      <c r="U3482">
        <v>11765.65137</v>
      </c>
      <c r="W3482" s="83">
        <f>Bühler!N3514</f>
        <v>45436.99999999156</v>
      </c>
      <c r="X3482" s="83">
        <v>43246</v>
      </c>
      <c r="Y3482">
        <v>213206.47630000001</v>
      </c>
      <c r="Z3482">
        <v>12222.819289999999</v>
      </c>
      <c r="AA3482">
        <v>49783.591780000002</v>
      </c>
      <c r="AB3482">
        <v>31909.395649999999</v>
      </c>
      <c r="AC3482">
        <v>33818.412239999998</v>
      </c>
      <c r="AD3482">
        <v>19505.299449999999</v>
      </c>
      <c r="AE3482">
        <v>34573.379480000003</v>
      </c>
      <c r="AF3482">
        <v>50087.650520000003</v>
      </c>
      <c r="AG3482">
        <v>17839.200850000001</v>
      </c>
      <c r="AH3482">
        <v>279891.41330000001</v>
      </c>
      <c r="AI3482">
        <v>70151.915479999996</v>
      </c>
      <c r="AJ3482">
        <v>18303.427189999999</v>
      </c>
      <c r="AK3482">
        <v>29429.269260000001</v>
      </c>
      <c r="AL3482">
        <v>72470.7166</v>
      </c>
      <c r="AM3482">
        <v>17219.45234</v>
      </c>
      <c r="AN3482">
        <v>72345.148939999999</v>
      </c>
      <c r="AO3482">
        <v>20033.411970000001</v>
      </c>
      <c r="AP3482">
        <v>11765.65137</v>
      </c>
    </row>
    <row r="3483" spans="2:42" x14ac:dyDescent="0.3">
      <c r="B3483">
        <v>53.664691075523223</v>
      </c>
      <c r="C3483" s="83">
        <v>43246.041666666664</v>
      </c>
      <c r="D3483">
        <v>209024.7377</v>
      </c>
      <c r="E3483">
        <v>12041.10209</v>
      </c>
      <c r="F3483">
        <v>48887.584069999997</v>
      </c>
      <c r="G3483">
        <v>31327.126380000002</v>
      </c>
      <c r="H3483">
        <v>33249.393459999999</v>
      </c>
      <c r="I3483">
        <v>16689.302060000002</v>
      </c>
      <c r="J3483">
        <v>33457.365890000001</v>
      </c>
      <c r="K3483">
        <v>47932.389620000002</v>
      </c>
      <c r="L3483">
        <v>16277.09425</v>
      </c>
      <c r="M3483">
        <v>273607.62119999999</v>
      </c>
      <c r="N3483">
        <v>68056.923420000006</v>
      </c>
      <c r="O3483">
        <v>17714.397730000001</v>
      </c>
      <c r="P3483">
        <v>27658.33282</v>
      </c>
      <c r="Q3483">
        <v>71891.708679999996</v>
      </c>
      <c r="R3483">
        <v>15812.20054</v>
      </c>
      <c r="S3483">
        <v>71113.523209999999</v>
      </c>
      <c r="T3483">
        <v>19161.319189999998</v>
      </c>
      <c r="U3483">
        <v>11724.853709999999</v>
      </c>
      <c r="W3483" s="83">
        <f>Bühler!N3515</f>
        <v>45437.041666658224</v>
      </c>
      <c r="X3483" s="83">
        <v>43246.041666666664</v>
      </c>
      <c r="Y3483">
        <v>209024.7377</v>
      </c>
      <c r="Z3483">
        <v>12041.10209</v>
      </c>
      <c r="AA3483">
        <v>48887.584069999997</v>
      </c>
      <c r="AB3483">
        <v>31327.126380000002</v>
      </c>
      <c r="AC3483">
        <v>33249.393459999999</v>
      </c>
      <c r="AD3483">
        <v>16689.302060000002</v>
      </c>
      <c r="AE3483">
        <v>33457.365890000001</v>
      </c>
      <c r="AF3483">
        <v>47932.389620000002</v>
      </c>
      <c r="AG3483">
        <v>16277.09425</v>
      </c>
      <c r="AH3483">
        <v>273607.62119999999</v>
      </c>
      <c r="AI3483">
        <v>68056.923420000006</v>
      </c>
      <c r="AJ3483">
        <v>17714.397730000001</v>
      </c>
      <c r="AK3483">
        <v>27658.33282</v>
      </c>
      <c r="AL3483">
        <v>71891.708679999996</v>
      </c>
      <c r="AM3483">
        <v>15812.20054</v>
      </c>
      <c r="AN3483">
        <v>71113.523209999999</v>
      </c>
      <c r="AO3483">
        <v>19161.319189999998</v>
      </c>
      <c r="AP3483">
        <v>11724.853709999999</v>
      </c>
    </row>
    <row r="3484" spans="2:42" x14ac:dyDescent="0.3">
      <c r="B3484">
        <v>53.06134720823389</v>
      </c>
      <c r="C3484" s="83">
        <v>43246.083333333336</v>
      </c>
      <c r="D3484">
        <v>204557.20509999999</v>
      </c>
      <c r="E3484">
        <v>11810.239659999999</v>
      </c>
      <c r="F3484">
        <v>49251.274550000002</v>
      </c>
      <c r="G3484">
        <v>30869.597870000001</v>
      </c>
      <c r="H3484">
        <v>32455.010859999999</v>
      </c>
      <c r="I3484">
        <v>14264.229369999999</v>
      </c>
      <c r="J3484">
        <v>32802.325530000002</v>
      </c>
      <c r="K3484">
        <v>45498.184000000001</v>
      </c>
      <c r="L3484">
        <v>15945.47262</v>
      </c>
      <c r="M3484">
        <v>270531.49280000001</v>
      </c>
      <c r="N3484">
        <v>67858.862869999997</v>
      </c>
      <c r="O3484">
        <v>17607.357209999998</v>
      </c>
      <c r="P3484">
        <v>26012.332610000001</v>
      </c>
      <c r="Q3484">
        <v>72393.829339999997</v>
      </c>
      <c r="R3484">
        <v>15607.975700000001</v>
      </c>
      <c r="S3484">
        <v>69945.754220000003</v>
      </c>
      <c r="T3484">
        <v>18834.853309999999</v>
      </c>
      <c r="U3484">
        <v>11759.56158</v>
      </c>
      <c r="W3484" s="83">
        <f>Bühler!N3516</f>
        <v>45437.083333324888</v>
      </c>
      <c r="X3484" s="83">
        <v>43246.083333333336</v>
      </c>
      <c r="Y3484">
        <v>204557.20509999999</v>
      </c>
      <c r="Z3484">
        <v>11810.239659999999</v>
      </c>
      <c r="AA3484">
        <v>49251.274550000002</v>
      </c>
      <c r="AB3484">
        <v>30869.597870000001</v>
      </c>
      <c r="AC3484">
        <v>32455.010859999999</v>
      </c>
      <c r="AD3484">
        <v>14264.229369999999</v>
      </c>
      <c r="AE3484">
        <v>32802.325530000002</v>
      </c>
      <c r="AF3484">
        <v>45498.184000000001</v>
      </c>
      <c r="AG3484">
        <v>15945.47262</v>
      </c>
      <c r="AH3484">
        <v>270531.49280000001</v>
      </c>
      <c r="AI3484">
        <v>67858.862869999997</v>
      </c>
      <c r="AJ3484">
        <v>17607.357209999998</v>
      </c>
      <c r="AK3484">
        <v>26012.332610000001</v>
      </c>
      <c r="AL3484">
        <v>72393.829339999997</v>
      </c>
      <c r="AM3484">
        <v>15607.975700000001</v>
      </c>
      <c r="AN3484">
        <v>69945.754220000003</v>
      </c>
      <c r="AO3484">
        <v>18834.853309999999</v>
      </c>
      <c r="AP3484">
        <v>11759.56158</v>
      </c>
    </row>
    <row r="3485" spans="2:42" x14ac:dyDescent="0.3">
      <c r="B3485">
        <v>52.194623314494294</v>
      </c>
      <c r="C3485" s="83">
        <v>43246.125</v>
      </c>
      <c r="D3485">
        <v>198263.5515</v>
      </c>
      <c r="E3485">
        <v>11813.546130000001</v>
      </c>
      <c r="F3485">
        <v>50676.624490000002</v>
      </c>
      <c r="G3485">
        <v>30100.32935</v>
      </c>
      <c r="H3485">
        <v>32594.774389999999</v>
      </c>
      <c r="I3485">
        <v>13432.26051</v>
      </c>
      <c r="J3485">
        <v>32970.553350000002</v>
      </c>
      <c r="K3485">
        <v>44449.284169999999</v>
      </c>
      <c r="L3485">
        <v>15430.06876</v>
      </c>
      <c r="M3485">
        <v>266112.53019999998</v>
      </c>
      <c r="N3485">
        <v>64932.198230000002</v>
      </c>
      <c r="O3485">
        <v>17327.5926</v>
      </c>
      <c r="P3485">
        <v>25051.22896</v>
      </c>
      <c r="Q3485">
        <v>72396.054260000004</v>
      </c>
      <c r="R3485">
        <v>14873.184590000001</v>
      </c>
      <c r="S3485">
        <v>69864.867310000001</v>
      </c>
      <c r="T3485">
        <v>18419.223259999999</v>
      </c>
      <c r="U3485">
        <v>11618.82942</v>
      </c>
      <c r="W3485" s="83">
        <f>Bühler!N3517</f>
        <v>45437.124999991553</v>
      </c>
      <c r="X3485" s="83">
        <v>43246.125</v>
      </c>
      <c r="Y3485">
        <v>198263.5515</v>
      </c>
      <c r="Z3485">
        <v>11813.546130000001</v>
      </c>
      <c r="AA3485">
        <v>50676.624490000002</v>
      </c>
      <c r="AB3485">
        <v>30100.32935</v>
      </c>
      <c r="AC3485">
        <v>32594.774389999999</v>
      </c>
      <c r="AD3485">
        <v>13432.26051</v>
      </c>
      <c r="AE3485">
        <v>32970.553350000002</v>
      </c>
      <c r="AF3485">
        <v>44449.284169999999</v>
      </c>
      <c r="AG3485">
        <v>15430.06876</v>
      </c>
      <c r="AH3485">
        <v>266112.53019999998</v>
      </c>
      <c r="AI3485">
        <v>64932.198230000002</v>
      </c>
      <c r="AJ3485">
        <v>17327.5926</v>
      </c>
      <c r="AK3485">
        <v>25051.22896</v>
      </c>
      <c r="AL3485">
        <v>72396.054260000004</v>
      </c>
      <c r="AM3485">
        <v>14873.184590000001</v>
      </c>
      <c r="AN3485">
        <v>69864.867310000001</v>
      </c>
      <c r="AO3485">
        <v>18419.223259999999</v>
      </c>
      <c r="AP3485">
        <v>11618.82942</v>
      </c>
    </row>
    <row r="3486" spans="2:42" x14ac:dyDescent="0.3">
      <c r="B3486">
        <v>50.649797856849133</v>
      </c>
      <c r="C3486" s="83">
        <v>43246.166666666664</v>
      </c>
      <c r="D3486">
        <v>190488.79130000001</v>
      </c>
      <c r="E3486">
        <v>11822.05582</v>
      </c>
      <c r="F3486">
        <v>53333.942199999998</v>
      </c>
      <c r="G3486">
        <v>28970.809850000001</v>
      </c>
      <c r="H3486">
        <v>32917.217909999999</v>
      </c>
      <c r="I3486">
        <v>14760.456249999999</v>
      </c>
      <c r="J3486">
        <v>35319.0576</v>
      </c>
      <c r="K3486">
        <v>43191.939169999998</v>
      </c>
      <c r="L3486">
        <v>15102.649429999999</v>
      </c>
      <c r="M3486">
        <v>258236.28959999999</v>
      </c>
      <c r="N3486">
        <v>63341.839379999998</v>
      </c>
      <c r="O3486">
        <v>17636.59866</v>
      </c>
      <c r="P3486">
        <v>24001.116880000001</v>
      </c>
      <c r="Q3486">
        <v>71865.622329999998</v>
      </c>
      <c r="R3486">
        <v>15450.587670000001</v>
      </c>
      <c r="S3486">
        <v>69147.92138</v>
      </c>
      <c r="T3486">
        <v>18348.812389999999</v>
      </c>
      <c r="U3486">
        <v>11398.21768</v>
      </c>
      <c r="W3486" s="83">
        <f>Bühler!N3518</f>
        <v>45437.166666658217</v>
      </c>
      <c r="X3486" s="83">
        <v>43246.166666666664</v>
      </c>
      <c r="Y3486">
        <v>190488.79130000001</v>
      </c>
      <c r="Z3486">
        <v>11822.05582</v>
      </c>
      <c r="AA3486">
        <v>53333.942199999998</v>
      </c>
      <c r="AB3486">
        <v>28970.809850000001</v>
      </c>
      <c r="AC3486">
        <v>32917.217909999999</v>
      </c>
      <c r="AD3486">
        <v>14760.456249999999</v>
      </c>
      <c r="AE3486">
        <v>35319.0576</v>
      </c>
      <c r="AF3486">
        <v>43191.939169999998</v>
      </c>
      <c r="AG3486">
        <v>15102.649429999999</v>
      </c>
      <c r="AH3486">
        <v>258236.28959999999</v>
      </c>
      <c r="AI3486">
        <v>63341.839379999998</v>
      </c>
      <c r="AJ3486">
        <v>17636.59866</v>
      </c>
      <c r="AK3486">
        <v>24001.116880000001</v>
      </c>
      <c r="AL3486">
        <v>71865.622329999998</v>
      </c>
      <c r="AM3486">
        <v>15450.587670000001</v>
      </c>
      <c r="AN3486">
        <v>69147.92138</v>
      </c>
      <c r="AO3486">
        <v>18348.812389999999</v>
      </c>
      <c r="AP3486">
        <v>11398.21768</v>
      </c>
    </row>
    <row r="3487" spans="2:42" x14ac:dyDescent="0.3">
      <c r="B3487">
        <v>50.210840952969377</v>
      </c>
      <c r="C3487" s="83">
        <v>43246.208333333336</v>
      </c>
      <c r="D3487">
        <v>186315.46969999999</v>
      </c>
      <c r="E3487">
        <v>12680.05258</v>
      </c>
      <c r="F3487">
        <v>62210.893660000002</v>
      </c>
      <c r="G3487">
        <v>29378.98242</v>
      </c>
      <c r="H3487">
        <v>33345.79348</v>
      </c>
      <c r="I3487">
        <v>20535.65969</v>
      </c>
      <c r="J3487">
        <v>37901.681570000001</v>
      </c>
      <c r="K3487">
        <v>43234.661979999997</v>
      </c>
      <c r="L3487">
        <v>15573.67575</v>
      </c>
      <c r="M3487">
        <v>255998.28260000001</v>
      </c>
      <c r="N3487">
        <v>62954.24467</v>
      </c>
      <c r="O3487">
        <v>18170.388869999999</v>
      </c>
      <c r="P3487">
        <v>25085.431649999999</v>
      </c>
      <c r="Q3487">
        <v>70873.974679999999</v>
      </c>
      <c r="R3487">
        <v>17440.415980000002</v>
      </c>
      <c r="S3487">
        <v>70783.153409999999</v>
      </c>
      <c r="T3487">
        <v>19086.081310000001</v>
      </c>
      <c r="U3487">
        <v>11871.215410000001</v>
      </c>
      <c r="W3487" s="83">
        <f>Bühler!N3519</f>
        <v>45437.208333324881</v>
      </c>
      <c r="X3487" s="83">
        <v>43246.208333333336</v>
      </c>
      <c r="Y3487">
        <v>186315.46969999999</v>
      </c>
      <c r="Z3487">
        <v>12680.05258</v>
      </c>
      <c r="AA3487">
        <v>62210.893660000002</v>
      </c>
      <c r="AB3487">
        <v>29378.98242</v>
      </c>
      <c r="AC3487">
        <v>33345.79348</v>
      </c>
      <c r="AD3487">
        <v>20535.65969</v>
      </c>
      <c r="AE3487">
        <v>37901.681570000001</v>
      </c>
      <c r="AF3487">
        <v>43234.661979999997</v>
      </c>
      <c r="AG3487">
        <v>15573.67575</v>
      </c>
      <c r="AH3487">
        <v>255998.28260000001</v>
      </c>
      <c r="AI3487">
        <v>62954.24467</v>
      </c>
      <c r="AJ3487">
        <v>18170.388869999999</v>
      </c>
      <c r="AK3487">
        <v>25085.431649999999</v>
      </c>
      <c r="AL3487">
        <v>70873.974679999999</v>
      </c>
      <c r="AM3487">
        <v>17440.415980000002</v>
      </c>
      <c r="AN3487">
        <v>70783.153409999999</v>
      </c>
      <c r="AO3487">
        <v>19086.081310000001</v>
      </c>
      <c r="AP3487">
        <v>11871.215410000001</v>
      </c>
    </row>
    <row r="3488" spans="2:42" x14ac:dyDescent="0.3">
      <c r="B3488">
        <v>49.620729064764582</v>
      </c>
      <c r="C3488" s="83">
        <v>43246.25</v>
      </c>
      <c r="D3488">
        <v>187237.777</v>
      </c>
      <c r="E3488">
        <v>14021.160610000001</v>
      </c>
      <c r="F3488">
        <v>72373.845969999995</v>
      </c>
      <c r="G3488">
        <v>29845.271499999999</v>
      </c>
      <c r="H3488">
        <v>32466.442630000001</v>
      </c>
      <c r="I3488">
        <v>22672.718290000001</v>
      </c>
      <c r="J3488">
        <v>39120.874709999996</v>
      </c>
      <c r="K3488">
        <v>41967.851110000003</v>
      </c>
      <c r="L3488">
        <v>16156.6248</v>
      </c>
      <c r="M3488">
        <v>252989.617</v>
      </c>
      <c r="N3488">
        <v>62342.791949999999</v>
      </c>
      <c r="O3488">
        <v>18556.845209999999</v>
      </c>
      <c r="P3488">
        <v>25844.39401</v>
      </c>
      <c r="Q3488">
        <v>68680.509810000003</v>
      </c>
      <c r="R3488">
        <v>15287.8238</v>
      </c>
      <c r="S3488">
        <v>74217.031099999993</v>
      </c>
      <c r="T3488">
        <v>20145.70838</v>
      </c>
      <c r="U3488">
        <v>11170.734759999999</v>
      </c>
      <c r="W3488" s="83">
        <f>Bühler!N3520</f>
        <v>45437.249999991545</v>
      </c>
      <c r="X3488" s="83">
        <v>43246.25</v>
      </c>
      <c r="Y3488">
        <v>187237.777</v>
      </c>
      <c r="Z3488">
        <v>14021.160610000001</v>
      </c>
      <c r="AA3488">
        <v>72373.845969999995</v>
      </c>
      <c r="AB3488">
        <v>29845.271499999999</v>
      </c>
      <c r="AC3488">
        <v>32466.442630000001</v>
      </c>
      <c r="AD3488">
        <v>22672.718290000001</v>
      </c>
      <c r="AE3488">
        <v>39120.874709999996</v>
      </c>
      <c r="AF3488">
        <v>41967.851110000003</v>
      </c>
      <c r="AG3488">
        <v>16156.6248</v>
      </c>
      <c r="AH3488">
        <v>252989.617</v>
      </c>
      <c r="AI3488">
        <v>62342.791949999999</v>
      </c>
      <c r="AJ3488">
        <v>18556.845209999999</v>
      </c>
      <c r="AK3488">
        <v>25844.39401</v>
      </c>
      <c r="AL3488">
        <v>68680.509810000003</v>
      </c>
      <c r="AM3488">
        <v>15287.8238</v>
      </c>
      <c r="AN3488">
        <v>74217.031099999993</v>
      </c>
      <c r="AO3488">
        <v>20145.70838</v>
      </c>
      <c r="AP3488">
        <v>11170.734759999999</v>
      </c>
    </row>
    <row r="3489" spans="2:42" x14ac:dyDescent="0.3">
      <c r="B3489">
        <v>49.74514012437681</v>
      </c>
      <c r="C3489" s="83">
        <v>43246.291666666664</v>
      </c>
      <c r="D3489">
        <v>186520.76949999999</v>
      </c>
      <c r="E3489">
        <v>16230.3866</v>
      </c>
      <c r="F3489">
        <v>74506.92409</v>
      </c>
      <c r="G3489">
        <v>31104.230660000001</v>
      </c>
      <c r="H3489">
        <v>32855.743159999998</v>
      </c>
      <c r="I3489">
        <v>23796.221870000001</v>
      </c>
      <c r="J3489">
        <v>39810.304889999999</v>
      </c>
      <c r="K3489">
        <v>41991.24267</v>
      </c>
      <c r="L3489">
        <v>17645.280449999998</v>
      </c>
      <c r="M3489">
        <v>253623.92259999999</v>
      </c>
      <c r="N3489">
        <v>61129.8773</v>
      </c>
      <c r="O3489">
        <v>18817.466479999999</v>
      </c>
      <c r="P3489">
        <v>29024.780940000001</v>
      </c>
      <c r="Q3489">
        <v>65911.164489999996</v>
      </c>
      <c r="R3489">
        <v>15361.709779999999</v>
      </c>
      <c r="S3489">
        <v>79821.116949999996</v>
      </c>
      <c r="T3489">
        <v>21577.064729999998</v>
      </c>
      <c r="U3489">
        <v>11410.530479999999</v>
      </c>
      <c r="W3489" s="83">
        <f>Bühler!N3521</f>
        <v>45437.29166665821</v>
      </c>
      <c r="X3489" s="83">
        <v>43246.291666666664</v>
      </c>
      <c r="Y3489">
        <v>186520.76949999999</v>
      </c>
      <c r="Z3489">
        <v>16230.3866</v>
      </c>
      <c r="AA3489">
        <v>74506.92409</v>
      </c>
      <c r="AB3489">
        <v>31104.230660000001</v>
      </c>
      <c r="AC3489">
        <v>32855.743159999998</v>
      </c>
      <c r="AD3489">
        <v>23796.221870000001</v>
      </c>
      <c r="AE3489">
        <v>39810.304889999999</v>
      </c>
      <c r="AF3489">
        <v>41991.24267</v>
      </c>
      <c r="AG3489">
        <v>17645.280449999998</v>
      </c>
      <c r="AH3489">
        <v>253623.92259999999</v>
      </c>
      <c r="AI3489">
        <v>61129.8773</v>
      </c>
      <c r="AJ3489">
        <v>18817.466479999999</v>
      </c>
      <c r="AK3489">
        <v>29024.780940000001</v>
      </c>
      <c r="AL3489">
        <v>65911.164489999996</v>
      </c>
      <c r="AM3489">
        <v>15361.709779999999</v>
      </c>
      <c r="AN3489">
        <v>79821.116949999996</v>
      </c>
      <c r="AO3489">
        <v>21577.064729999998</v>
      </c>
      <c r="AP3489">
        <v>11410.530479999999</v>
      </c>
    </row>
    <row r="3490" spans="2:42" x14ac:dyDescent="0.3">
      <c r="B3490">
        <v>49.981220058865176</v>
      </c>
      <c r="C3490" s="83">
        <v>43246.333333333336</v>
      </c>
      <c r="D3490">
        <v>186322.7285</v>
      </c>
      <c r="E3490">
        <v>19415.650089999999</v>
      </c>
      <c r="F3490">
        <v>80684.850279999999</v>
      </c>
      <c r="G3490">
        <v>32227.204600000001</v>
      </c>
      <c r="H3490">
        <v>33870.440410000003</v>
      </c>
      <c r="I3490">
        <v>25109.348119999999</v>
      </c>
      <c r="J3490">
        <v>41141.388830000004</v>
      </c>
      <c r="K3490">
        <v>43675.780980000003</v>
      </c>
      <c r="L3490">
        <v>20573.861260000001</v>
      </c>
      <c r="M3490">
        <v>254827.56820000001</v>
      </c>
      <c r="N3490">
        <v>61715.738409999998</v>
      </c>
      <c r="O3490">
        <v>19118.25232</v>
      </c>
      <c r="P3490">
        <v>30698.435369999999</v>
      </c>
      <c r="Q3490">
        <v>65453.124170000003</v>
      </c>
      <c r="R3490">
        <v>16022.039409999999</v>
      </c>
      <c r="S3490">
        <v>84043.388000000006</v>
      </c>
      <c r="T3490">
        <v>23253.562569999998</v>
      </c>
      <c r="U3490">
        <v>11713.891449999999</v>
      </c>
      <c r="W3490" s="83">
        <f>Bühler!N3522</f>
        <v>45437.333333324874</v>
      </c>
      <c r="X3490" s="83">
        <v>43246.333333333336</v>
      </c>
      <c r="Y3490">
        <v>186322.7285</v>
      </c>
      <c r="Z3490">
        <v>19415.650089999999</v>
      </c>
      <c r="AA3490">
        <v>80684.850279999999</v>
      </c>
      <c r="AB3490">
        <v>32227.204600000001</v>
      </c>
      <c r="AC3490">
        <v>33870.440410000003</v>
      </c>
      <c r="AD3490">
        <v>25109.348119999999</v>
      </c>
      <c r="AE3490">
        <v>41141.388830000004</v>
      </c>
      <c r="AF3490">
        <v>43675.780980000003</v>
      </c>
      <c r="AG3490">
        <v>20573.861260000001</v>
      </c>
      <c r="AH3490">
        <v>254827.56820000001</v>
      </c>
      <c r="AI3490">
        <v>61715.738409999998</v>
      </c>
      <c r="AJ3490">
        <v>19118.25232</v>
      </c>
      <c r="AK3490">
        <v>30698.435369999999</v>
      </c>
      <c r="AL3490">
        <v>65453.124170000003</v>
      </c>
      <c r="AM3490">
        <v>16022.039409999999</v>
      </c>
      <c r="AN3490">
        <v>84043.388000000006</v>
      </c>
      <c r="AO3490">
        <v>23253.562569999998</v>
      </c>
      <c r="AP3490">
        <v>11713.891449999999</v>
      </c>
    </row>
    <row r="3491" spans="2:42" x14ac:dyDescent="0.3">
      <c r="B3491">
        <v>49.532410937351528</v>
      </c>
      <c r="C3491" s="83">
        <v>43246.375</v>
      </c>
      <c r="D3491">
        <v>184875.0385</v>
      </c>
      <c r="E3491">
        <v>23230.357250000001</v>
      </c>
      <c r="F3491">
        <v>87593.387879999995</v>
      </c>
      <c r="G3491">
        <v>33406.109830000001</v>
      </c>
      <c r="H3491">
        <v>34626.616170000001</v>
      </c>
      <c r="I3491">
        <v>25768.110949999998</v>
      </c>
      <c r="J3491">
        <v>41885.7408</v>
      </c>
      <c r="K3491">
        <v>45089.658340000002</v>
      </c>
      <c r="L3491">
        <v>24235.478889999999</v>
      </c>
      <c r="M3491">
        <v>252539.33</v>
      </c>
      <c r="N3491">
        <v>65480.61391</v>
      </c>
      <c r="O3491">
        <v>19769.446059999998</v>
      </c>
      <c r="P3491">
        <v>32018.726979999999</v>
      </c>
      <c r="Q3491">
        <v>65183.677320000003</v>
      </c>
      <c r="R3491">
        <v>16935.34448</v>
      </c>
      <c r="S3491">
        <v>87051.467869999993</v>
      </c>
      <c r="T3491">
        <v>25878.956610000001</v>
      </c>
      <c r="U3491">
        <v>11852.483459999999</v>
      </c>
      <c r="W3491" s="83">
        <f>Bühler!N3523</f>
        <v>45437.374999991538</v>
      </c>
      <c r="X3491" s="83">
        <v>43246.375</v>
      </c>
      <c r="Y3491">
        <v>184875.0385</v>
      </c>
      <c r="Z3491">
        <v>23230.357250000001</v>
      </c>
      <c r="AA3491">
        <v>87593.387879999995</v>
      </c>
      <c r="AB3491">
        <v>33406.109830000001</v>
      </c>
      <c r="AC3491">
        <v>34626.616170000001</v>
      </c>
      <c r="AD3491">
        <v>25768.110949999998</v>
      </c>
      <c r="AE3491">
        <v>41885.7408</v>
      </c>
      <c r="AF3491">
        <v>45089.658340000002</v>
      </c>
      <c r="AG3491">
        <v>24235.478889999999</v>
      </c>
      <c r="AH3491">
        <v>252539.33</v>
      </c>
      <c r="AI3491">
        <v>65480.61391</v>
      </c>
      <c r="AJ3491">
        <v>19769.446059999998</v>
      </c>
      <c r="AK3491">
        <v>32018.726979999999</v>
      </c>
      <c r="AL3491">
        <v>65183.677320000003</v>
      </c>
      <c r="AM3491">
        <v>16935.34448</v>
      </c>
      <c r="AN3491">
        <v>87051.467869999993</v>
      </c>
      <c r="AO3491">
        <v>25878.956610000001</v>
      </c>
      <c r="AP3491">
        <v>11852.483459999999</v>
      </c>
    </row>
    <row r="3492" spans="2:42" x14ac:dyDescent="0.3">
      <c r="B3492">
        <v>49.560768504177112</v>
      </c>
      <c r="C3492" s="83">
        <v>43246.416666666664</v>
      </c>
      <c r="D3492">
        <v>183353.59779999999</v>
      </c>
      <c r="E3492">
        <v>24968.68303</v>
      </c>
      <c r="F3492">
        <v>89567.090630000006</v>
      </c>
      <c r="G3492">
        <v>33884.102709999999</v>
      </c>
      <c r="H3492">
        <v>35588.743640000001</v>
      </c>
      <c r="I3492">
        <v>25662.787240000001</v>
      </c>
      <c r="J3492">
        <v>40631.108070000002</v>
      </c>
      <c r="K3492">
        <v>47197.681089999998</v>
      </c>
      <c r="L3492">
        <v>27640.52349</v>
      </c>
      <c r="M3492">
        <v>252683.91010000001</v>
      </c>
      <c r="N3492">
        <v>67300.079100000003</v>
      </c>
      <c r="O3492">
        <v>20290.496950000001</v>
      </c>
      <c r="P3492">
        <v>33164.42785</v>
      </c>
      <c r="Q3492">
        <v>65776.651750000005</v>
      </c>
      <c r="R3492">
        <v>17351.554619999999</v>
      </c>
      <c r="S3492">
        <v>86850.16257</v>
      </c>
      <c r="T3492">
        <v>27753.938050000001</v>
      </c>
      <c r="U3492">
        <v>11672.0838</v>
      </c>
      <c r="W3492" s="83">
        <f>Bühler!N3524</f>
        <v>45437.416666658202</v>
      </c>
      <c r="X3492" s="83">
        <v>43246.416666666664</v>
      </c>
      <c r="Y3492">
        <v>183353.59779999999</v>
      </c>
      <c r="Z3492">
        <v>24968.68303</v>
      </c>
      <c r="AA3492">
        <v>89567.090630000006</v>
      </c>
      <c r="AB3492">
        <v>33884.102709999999</v>
      </c>
      <c r="AC3492">
        <v>35588.743640000001</v>
      </c>
      <c r="AD3492">
        <v>25662.787240000001</v>
      </c>
      <c r="AE3492">
        <v>40631.108070000002</v>
      </c>
      <c r="AF3492">
        <v>47197.681089999998</v>
      </c>
      <c r="AG3492">
        <v>27640.52349</v>
      </c>
      <c r="AH3492">
        <v>252683.91010000001</v>
      </c>
      <c r="AI3492">
        <v>67300.079100000003</v>
      </c>
      <c r="AJ3492">
        <v>20290.496950000001</v>
      </c>
      <c r="AK3492">
        <v>33164.42785</v>
      </c>
      <c r="AL3492">
        <v>65776.651750000005</v>
      </c>
      <c r="AM3492">
        <v>17351.554619999999</v>
      </c>
      <c r="AN3492">
        <v>86850.16257</v>
      </c>
      <c r="AO3492">
        <v>27753.938050000001</v>
      </c>
      <c r="AP3492">
        <v>11672.0838</v>
      </c>
    </row>
    <row r="3493" spans="2:42" x14ac:dyDescent="0.3">
      <c r="B3493">
        <v>49.368811387201305</v>
      </c>
      <c r="C3493" s="83">
        <v>43246.458333333336</v>
      </c>
      <c r="D3493">
        <v>180194.53260000001</v>
      </c>
      <c r="E3493">
        <v>24937.599730000002</v>
      </c>
      <c r="F3493">
        <v>89698.353589999999</v>
      </c>
      <c r="G3493">
        <v>33986.96041</v>
      </c>
      <c r="H3493">
        <v>35422.309079999999</v>
      </c>
      <c r="I3493">
        <v>25908.142370000001</v>
      </c>
      <c r="J3493">
        <v>40908.63768</v>
      </c>
      <c r="K3493">
        <v>47876.101770000001</v>
      </c>
      <c r="L3493">
        <v>29405.020649999999</v>
      </c>
      <c r="M3493">
        <v>251705.22320000001</v>
      </c>
      <c r="N3493">
        <v>67147.590540000005</v>
      </c>
      <c r="O3493">
        <v>19456.03342</v>
      </c>
      <c r="P3493">
        <v>33158.286310000003</v>
      </c>
      <c r="Q3493">
        <v>65165.661469999999</v>
      </c>
      <c r="R3493">
        <v>20131.61593</v>
      </c>
      <c r="S3493">
        <v>88869.998389999993</v>
      </c>
      <c r="T3493">
        <v>28479.777679999999</v>
      </c>
      <c r="U3493">
        <v>11362.47229</v>
      </c>
      <c r="W3493" s="83">
        <f>Bühler!N3525</f>
        <v>45437.458333324867</v>
      </c>
      <c r="X3493" s="83">
        <v>43246.458333333336</v>
      </c>
      <c r="Y3493">
        <v>180194.53260000001</v>
      </c>
      <c r="Z3493">
        <v>24937.599730000002</v>
      </c>
      <c r="AA3493">
        <v>89698.353589999999</v>
      </c>
      <c r="AB3493">
        <v>33986.96041</v>
      </c>
      <c r="AC3493">
        <v>35422.309079999999</v>
      </c>
      <c r="AD3493">
        <v>25908.142370000001</v>
      </c>
      <c r="AE3493">
        <v>40908.63768</v>
      </c>
      <c r="AF3493">
        <v>47876.101770000001</v>
      </c>
      <c r="AG3493">
        <v>29405.020649999999</v>
      </c>
      <c r="AH3493">
        <v>251705.22320000001</v>
      </c>
      <c r="AI3493">
        <v>67147.590540000005</v>
      </c>
      <c r="AJ3493">
        <v>19456.03342</v>
      </c>
      <c r="AK3493">
        <v>33158.286310000003</v>
      </c>
      <c r="AL3493">
        <v>65165.661469999999</v>
      </c>
      <c r="AM3493">
        <v>20131.61593</v>
      </c>
      <c r="AN3493">
        <v>88869.998389999993</v>
      </c>
      <c r="AO3493">
        <v>28479.777679999999</v>
      </c>
      <c r="AP3493">
        <v>11362.47229</v>
      </c>
    </row>
    <row r="3494" spans="2:42" x14ac:dyDescent="0.3">
      <c r="B3494">
        <v>47.837562875123162</v>
      </c>
      <c r="C3494" s="83">
        <v>43246.5</v>
      </c>
      <c r="D3494">
        <v>172953.72990000001</v>
      </c>
      <c r="E3494">
        <v>23738.67369</v>
      </c>
      <c r="F3494">
        <v>89195.394499999995</v>
      </c>
      <c r="G3494">
        <v>33503.341939999998</v>
      </c>
      <c r="H3494">
        <v>34699.340709999997</v>
      </c>
      <c r="I3494">
        <v>26177.076160000001</v>
      </c>
      <c r="J3494">
        <v>41404.414299999997</v>
      </c>
      <c r="K3494">
        <v>48001.330320000001</v>
      </c>
      <c r="L3494">
        <v>31739.227139999999</v>
      </c>
      <c r="M3494">
        <v>243898.20420000001</v>
      </c>
      <c r="N3494">
        <v>68243.259789999996</v>
      </c>
      <c r="O3494">
        <v>18933.980769999998</v>
      </c>
      <c r="P3494">
        <v>33655.194969999997</v>
      </c>
      <c r="Q3494">
        <v>61920.207759999998</v>
      </c>
      <c r="R3494">
        <v>18993.331870000002</v>
      </c>
      <c r="S3494">
        <v>84857.045190000004</v>
      </c>
      <c r="T3494">
        <v>28437.23245</v>
      </c>
      <c r="U3494">
        <v>10786.04809</v>
      </c>
      <c r="W3494" s="83">
        <f>Bühler!N3526</f>
        <v>45437.499999991531</v>
      </c>
      <c r="X3494" s="83">
        <v>43246.5</v>
      </c>
      <c r="Y3494">
        <v>172953.72990000001</v>
      </c>
      <c r="Z3494">
        <v>23738.67369</v>
      </c>
      <c r="AA3494">
        <v>89195.394499999995</v>
      </c>
      <c r="AB3494">
        <v>33503.341939999998</v>
      </c>
      <c r="AC3494">
        <v>34699.340709999997</v>
      </c>
      <c r="AD3494">
        <v>26177.076160000001</v>
      </c>
      <c r="AE3494">
        <v>41404.414299999997</v>
      </c>
      <c r="AF3494">
        <v>48001.330320000001</v>
      </c>
      <c r="AG3494">
        <v>31739.227139999999</v>
      </c>
      <c r="AH3494">
        <v>243898.20420000001</v>
      </c>
      <c r="AI3494">
        <v>68243.259789999996</v>
      </c>
      <c r="AJ3494">
        <v>18933.980769999998</v>
      </c>
      <c r="AK3494">
        <v>33655.194969999997</v>
      </c>
      <c r="AL3494">
        <v>61920.207759999998</v>
      </c>
      <c r="AM3494">
        <v>18993.331870000002</v>
      </c>
      <c r="AN3494">
        <v>84857.045190000004</v>
      </c>
      <c r="AO3494">
        <v>28437.23245</v>
      </c>
      <c r="AP3494">
        <v>10786.04809</v>
      </c>
    </row>
    <row r="3495" spans="2:42" x14ac:dyDescent="0.3">
      <c r="B3495">
        <v>47.085243855492486</v>
      </c>
      <c r="C3495" s="83">
        <v>43246.541666666664</v>
      </c>
      <c r="D3495">
        <v>169904.83189999999</v>
      </c>
      <c r="E3495">
        <v>22982.456730000002</v>
      </c>
      <c r="F3495">
        <v>88804.055030000003</v>
      </c>
      <c r="G3495">
        <v>32997.553229999998</v>
      </c>
      <c r="H3495">
        <v>34586.093119999998</v>
      </c>
      <c r="I3495">
        <v>26634.567849999999</v>
      </c>
      <c r="J3495">
        <v>40733.903789999997</v>
      </c>
      <c r="K3495">
        <v>48624.349069999997</v>
      </c>
      <c r="L3495">
        <v>31578.743180000001</v>
      </c>
      <c r="M3495">
        <v>240062.53099999999</v>
      </c>
      <c r="N3495">
        <v>67388.039799999999</v>
      </c>
      <c r="O3495">
        <v>18348.65568</v>
      </c>
      <c r="P3495">
        <v>32908.509250000003</v>
      </c>
      <c r="Q3495">
        <v>59747.526810000003</v>
      </c>
      <c r="R3495">
        <v>18691.94599</v>
      </c>
      <c r="S3495">
        <v>85346.744040000005</v>
      </c>
      <c r="T3495">
        <v>27724.882870000001</v>
      </c>
      <c r="U3495">
        <v>10535.24949</v>
      </c>
      <c r="W3495" s="83">
        <f>Bühler!N3527</f>
        <v>45437.541666658195</v>
      </c>
      <c r="X3495" s="83">
        <v>43246.541666666664</v>
      </c>
      <c r="Y3495">
        <v>169904.83189999999</v>
      </c>
      <c r="Z3495">
        <v>22982.456730000002</v>
      </c>
      <c r="AA3495">
        <v>88804.055030000003</v>
      </c>
      <c r="AB3495">
        <v>32997.553229999998</v>
      </c>
      <c r="AC3495">
        <v>34586.093119999998</v>
      </c>
      <c r="AD3495">
        <v>26634.567849999999</v>
      </c>
      <c r="AE3495">
        <v>40733.903789999997</v>
      </c>
      <c r="AF3495">
        <v>48624.349069999997</v>
      </c>
      <c r="AG3495">
        <v>31578.743180000001</v>
      </c>
      <c r="AH3495">
        <v>240062.53099999999</v>
      </c>
      <c r="AI3495">
        <v>67388.039799999999</v>
      </c>
      <c r="AJ3495">
        <v>18348.65568</v>
      </c>
      <c r="AK3495">
        <v>32908.509250000003</v>
      </c>
      <c r="AL3495">
        <v>59747.526810000003</v>
      </c>
      <c r="AM3495">
        <v>18691.94599</v>
      </c>
      <c r="AN3495">
        <v>85346.744040000005</v>
      </c>
      <c r="AO3495">
        <v>27724.882870000001</v>
      </c>
      <c r="AP3495">
        <v>10535.24949</v>
      </c>
    </row>
    <row r="3496" spans="2:42" x14ac:dyDescent="0.3">
      <c r="B3496">
        <v>46.936174204145438</v>
      </c>
      <c r="C3496" s="83">
        <v>43246.583333333336</v>
      </c>
      <c r="D3496">
        <v>169005.89939999999</v>
      </c>
      <c r="E3496">
        <v>23763.047910000001</v>
      </c>
      <c r="F3496">
        <v>88194.414919999996</v>
      </c>
      <c r="G3496">
        <v>32515.45463</v>
      </c>
      <c r="H3496">
        <v>34489.5939</v>
      </c>
      <c r="I3496">
        <v>27250.477289999999</v>
      </c>
      <c r="J3496">
        <v>39660.349119999999</v>
      </c>
      <c r="K3496">
        <v>47540.748780000002</v>
      </c>
      <c r="L3496">
        <v>29458.380580000001</v>
      </c>
      <c r="M3496">
        <v>239302.50440000001</v>
      </c>
      <c r="N3496">
        <v>67483.977700000003</v>
      </c>
      <c r="O3496">
        <v>17822.865020000001</v>
      </c>
      <c r="P3496">
        <v>30223.486669999998</v>
      </c>
      <c r="Q3496">
        <v>58802.506580000001</v>
      </c>
      <c r="R3496">
        <v>19015.154450000002</v>
      </c>
      <c r="S3496">
        <v>82990.237789999999</v>
      </c>
      <c r="T3496">
        <v>28261.176899999999</v>
      </c>
      <c r="U3496">
        <v>10535.5543</v>
      </c>
      <c r="W3496" s="83">
        <f>Bühler!N3528</f>
        <v>45437.583333324859</v>
      </c>
      <c r="X3496" s="83">
        <v>43246.583333333336</v>
      </c>
      <c r="Y3496">
        <v>169005.89939999999</v>
      </c>
      <c r="Z3496">
        <v>23763.047910000001</v>
      </c>
      <c r="AA3496">
        <v>88194.414919999996</v>
      </c>
      <c r="AB3496">
        <v>32515.45463</v>
      </c>
      <c r="AC3496">
        <v>34489.5939</v>
      </c>
      <c r="AD3496">
        <v>27250.477289999999</v>
      </c>
      <c r="AE3496">
        <v>39660.349119999999</v>
      </c>
      <c r="AF3496">
        <v>47540.748780000002</v>
      </c>
      <c r="AG3496">
        <v>29458.380580000001</v>
      </c>
      <c r="AH3496">
        <v>239302.50440000001</v>
      </c>
      <c r="AI3496">
        <v>67483.977700000003</v>
      </c>
      <c r="AJ3496">
        <v>17822.865020000001</v>
      </c>
      <c r="AK3496">
        <v>30223.486669999998</v>
      </c>
      <c r="AL3496">
        <v>58802.506580000001</v>
      </c>
      <c r="AM3496">
        <v>19015.154450000002</v>
      </c>
      <c r="AN3496">
        <v>82990.237789999999</v>
      </c>
      <c r="AO3496">
        <v>28261.176899999999</v>
      </c>
      <c r="AP3496">
        <v>10535.5543</v>
      </c>
    </row>
    <row r="3497" spans="2:42" x14ac:dyDescent="0.3">
      <c r="B3497">
        <v>46.939506264977183</v>
      </c>
      <c r="C3497" s="83">
        <v>43246.625</v>
      </c>
      <c r="D3497">
        <v>168581.99100000001</v>
      </c>
      <c r="E3497">
        <v>23788.65164</v>
      </c>
      <c r="F3497">
        <v>89081.850919999997</v>
      </c>
      <c r="G3497">
        <v>32412.25865</v>
      </c>
      <c r="H3497">
        <v>34198.280449999998</v>
      </c>
      <c r="I3497">
        <v>27332.660749999999</v>
      </c>
      <c r="J3497">
        <v>38755.385719999998</v>
      </c>
      <c r="K3497">
        <v>46760.088620000002</v>
      </c>
      <c r="L3497">
        <v>27241.90495</v>
      </c>
      <c r="M3497">
        <v>239319.49280000001</v>
      </c>
      <c r="N3497">
        <v>67044.175059999994</v>
      </c>
      <c r="O3497">
        <v>17620.87329</v>
      </c>
      <c r="P3497">
        <v>27552.469819999998</v>
      </c>
      <c r="Q3497">
        <v>58440.966119999997</v>
      </c>
      <c r="R3497">
        <v>19332.410950000001</v>
      </c>
      <c r="S3497">
        <v>81834.304050000006</v>
      </c>
      <c r="T3497">
        <v>28660.063910000001</v>
      </c>
      <c r="U3497">
        <v>10490.12522</v>
      </c>
      <c r="W3497" s="83">
        <f>Bühler!N3529</f>
        <v>45437.624999991524</v>
      </c>
      <c r="X3497" s="83">
        <v>43246.625</v>
      </c>
      <c r="Y3497">
        <v>168581.99100000001</v>
      </c>
      <c r="Z3497">
        <v>23788.65164</v>
      </c>
      <c r="AA3497">
        <v>89081.850919999997</v>
      </c>
      <c r="AB3497">
        <v>32412.25865</v>
      </c>
      <c r="AC3497">
        <v>34198.280449999998</v>
      </c>
      <c r="AD3497">
        <v>27332.660749999999</v>
      </c>
      <c r="AE3497">
        <v>38755.385719999998</v>
      </c>
      <c r="AF3497">
        <v>46760.088620000002</v>
      </c>
      <c r="AG3497">
        <v>27241.90495</v>
      </c>
      <c r="AH3497">
        <v>239319.49280000001</v>
      </c>
      <c r="AI3497">
        <v>67044.175059999994</v>
      </c>
      <c r="AJ3497">
        <v>17620.87329</v>
      </c>
      <c r="AK3497">
        <v>27552.469819999998</v>
      </c>
      <c r="AL3497">
        <v>58440.966119999997</v>
      </c>
      <c r="AM3497">
        <v>19332.410950000001</v>
      </c>
      <c r="AN3497">
        <v>81834.304050000006</v>
      </c>
      <c r="AO3497">
        <v>28660.063910000001</v>
      </c>
      <c r="AP3497">
        <v>10490.12522</v>
      </c>
    </row>
    <row r="3498" spans="2:42" x14ac:dyDescent="0.3">
      <c r="B3498">
        <v>46.184762006231324</v>
      </c>
      <c r="C3498" s="83">
        <v>43246.666666666664</v>
      </c>
      <c r="D3498">
        <v>167525.60060000001</v>
      </c>
      <c r="E3498">
        <v>23781.764749999998</v>
      </c>
      <c r="F3498">
        <v>87980.77072</v>
      </c>
      <c r="G3498">
        <v>32446.996879999999</v>
      </c>
      <c r="H3498">
        <v>34366.706590000002</v>
      </c>
      <c r="I3498">
        <v>27579.37098</v>
      </c>
      <c r="J3498">
        <v>38519.362390000002</v>
      </c>
      <c r="K3498">
        <v>45944.738069999999</v>
      </c>
      <c r="L3498">
        <v>26533.612880000001</v>
      </c>
      <c r="M3498">
        <v>235471.4546</v>
      </c>
      <c r="N3498">
        <v>66009.456789999997</v>
      </c>
      <c r="O3498">
        <v>17535.083289999999</v>
      </c>
      <c r="P3498">
        <v>27107.962960000001</v>
      </c>
      <c r="Q3498">
        <v>57702.276460000001</v>
      </c>
      <c r="R3498">
        <v>19198.113140000001</v>
      </c>
      <c r="S3498">
        <v>81986.629029999996</v>
      </c>
      <c r="T3498">
        <v>28317.567999999999</v>
      </c>
      <c r="U3498">
        <v>10696.908719999999</v>
      </c>
      <c r="W3498" s="83">
        <f>Bühler!N3530</f>
        <v>45437.666666658188</v>
      </c>
      <c r="X3498" s="83">
        <v>43246.666666666664</v>
      </c>
      <c r="Y3498">
        <v>167525.60060000001</v>
      </c>
      <c r="Z3498">
        <v>23781.764749999998</v>
      </c>
      <c r="AA3498">
        <v>87980.77072</v>
      </c>
      <c r="AB3498">
        <v>32446.996879999999</v>
      </c>
      <c r="AC3498">
        <v>34366.706590000002</v>
      </c>
      <c r="AD3498">
        <v>27579.37098</v>
      </c>
      <c r="AE3498">
        <v>38519.362390000002</v>
      </c>
      <c r="AF3498">
        <v>45944.738069999999</v>
      </c>
      <c r="AG3498">
        <v>26533.612880000001</v>
      </c>
      <c r="AH3498">
        <v>235471.4546</v>
      </c>
      <c r="AI3498">
        <v>66009.456789999997</v>
      </c>
      <c r="AJ3498">
        <v>17535.083289999999</v>
      </c>
      <c r="AK3498">
        <v>27107.962960000001</v>
      </c>
      <c r="AL3498">
        <v>57702.276460000001</v>
      </c>
      <c r="AM3498">
        <v>19198.113140000001</v>
      </c>
      <c r="AN3498">
        <v>81986.629029999996</v>
      </c>
      <c r="AO3498">
        <v>28317.567999999999</v>
      </c>
      <c r="AP3498">
        <v>10696.908719999999</v>
      </c>
    </row>
    <row r="3499" spans="2:42" x14ac:dyDescent="0.3">
      <c r="B3499">
        <v>44.748965825768124</v>
      </c>
      <c r="C3499" s="83">
        <v>43246.708333333336</v>
      </c>
      <c r="D3499">
        <v>165149.25219999999</v>
      </c>
      <c r="E3499">
        <v>23279.545050000001</v>
      </c>
      <c r="F3499">
        <v>87605.269650000002</v>
      </c>
      <c r="G3499">
        <v>31970.284049999998</v>
      </c>
      <c r="H3499">
        <v>33747.264810000001</v>
      </c>
      <c r="I3499">
        <v>27690.34923</v>
      </c>
      <c r="J3499">
        <v>39155.784540000001</v>
      </c>
      <c r="K3499">
        <v>44566.422209999997</v>
      </c>
      <c r="L3499">
        <v>27184.69988</v>
      </c>
      <c r="M3499">
        <v>228151.0961</v>
      </c>
      <c r="N3499">
        <v>65426.795420000002</v>
      </c>
      <c r="O3499">
        <v>18856.487720000001</v>
      </c>
      <c r="P3499">
        <v>29912.339400000001</v>
      </c>
      <c r="Q3499">
        <v>56000.533049999998</v>
      </c>
      <c r="R3499">
        <v>21139.19844</v>
      </c>
      <c r="S3499">
        <v>83137.807310000004</v>
      </c>
      <c r="T3499">
        <v>27907.493559999999</v>
      </c>
      <c r="U3499">
        <v>10897.932059999999</v>
      </c>
      <c r="W3499" s="83">
        <f>Bühler!N3531</f>
        <v>45437.708333324852</v>
      </c>
      <c r="X3499" s="83">
        <v>43246.708333333336</v>
      </c>
      <c r="Y3499">
        <v>165149.25219999999</v>
      </c>
      <c r="Z3499">
        <v>23279.545050000001</v>
      </c>
      <c r="AA3499">
        <v>87605.269650000002</v>
      </c>
      <c r="AB3499">
        <v>31970.284049999998</v>
      </c>
      <c r="AC3499">
        <v>33747.264810000001</v>
      </c>
      <c r="AD3499">
        <v>27690.34923</v>
      </c>
      <c r="AE3499">
        <v>39155.784540000001</v>
      </c>
      <c r="AF3499">
        <v>44566.422209999997</v>
      </c>
      <c r="AG3499">
        <v>27184.69988</v>
      </c>
      <c r="AH3499">
        <v>228151.0961</v>
      </c>
      <c r="AI3499">
        <v>65426.795420000002</v>
      </c>
      <c r="AJ3499">
        <v>18856.487720000001</v>
      </c>
      <c r="AK3499">
        <v>29912.339400000001</v>
      </c>
      <c r="AL3499">
        <v>56000.533049999998</v>
      </c>
      <c r="AM3499">
        <v>21139.19844</v>
      </c>
      <c r="AN3499">
        <v>83137.807310000004</v>
      </c>
      <c r="AO3499">
        <v>27907.493559999999</v>
      </c>
      <c r="AP3499">
        <v>10897.932059999999</v>
      </c>
    </row>
    <row r="3500" spans="2:42" x14ac:dyDescent="0.3">
      <c r="B3500">
        <v>43.956121442990558</v>
      </c>
      <c r="C3500" s="83">
        <v>43246.75</v>
      </c>
      <c r="D3500">
        <v>163792.72959999999</v>
      </c>
      <c r="E3500">
        <v>22485.26413</v>
      </c>
      <c r="F3500">
        <v>86231.956439999994</v>
      </c>
      <c r="G3500">
        <v>31361.000090000001</v>
      </c>
      <c r="H3500">
        <v>33495.408040000002</v>
      </c>
      <c r="I3500">
        <v>27470.005649999999</v>
      </c>
      <c r="J3500">
        <v>39210.499470000002</v>
      </c>
      <c r="K3500">
        <v>43912.98502</v>
      </c>
      <c r="L3500">
        <v>27975.709159999999</v>
      </c>
      <c r="M3500">
        <v>224108.8057</v>
      </c>
      <c r="N3500">
        <v>65930.319560000004</v>
      </c>
      <c r="O3500">
        <v>18098.311539999999</v>
      </c>
      <c r="P3500">
        <v>33744.627659999998</v>
      </c>
      <c r="Q3500">
        <v>54361.565770000001</v>
      </c>
      <c r="R3500">
        <v>19484.163219999999</v>
      </c>
      <c r="S3500">
        <v>80751.585439999995</v>
      </c>
      <c r="T3500">
        <v>27375.255720000001</v>
      </c>
      <c r="U3500">
        <v>10927.4272</v>
      </c>
      <c r="W3500" s="83">
        <f>Bühler!N3532</f>
        <v>45437.749999991516</v>
      </c>
      <c r="X3500" s="83">
        <v>43246.75</v>
      </c>
      <c r="Y3500">
        <v>163792.72959999999</v>
      </c>
      <c r="Z3500">
        <v>22485.26413</v>
      </c>
      <c r="AA3500">
        <v>86231.956439999994</v>
      </c>
      <c r="AB3500">
        <v>31361.000090000001</v>
      </c>
      <c r="AC3500">
        <v>33495.408040000002</v>
      </c>
      <c r="AD3500">
        <v>27470.005649999999</v>
      </c>
      <c r="AE3500">
        <v>39210.499470000002</v>
      </c>
      <c r="AF3500">
        <v>43912.98502</v>
      </c>
      <c r="AG3500">
        <v>27975.709159999999</v>
      </c>
      <c r="AH3500">
        <v>224108.8057</v>
      </c>
      <c r="AI3500">
        <v>65930.319560000004</v>
      </c>
      <c r="AJ3500">
        <v>18098.311539999999</v>
      </c>
      <c r="AK3500">
        <v>33744.627659999998</v>
      </c>
      <c r="AL3500">
        <v>54361.565770000001</v>
      </c>
      <c r="AM3500">
        <v>19484.163219999999</v>
      </c>
      <c r="AN3500">
        <v>80751.585439999995</v>
      </c>
      <c r="AO3500">
        <v>27375.255720000001</v>
      </c>
      <c r="AP3500">
        <v>10927.4272</v>
      </c>
    </row>
    <row r="3501" spans="2:42" x14ac:dyDescent="0.3">
      <c r="B3501">
        <v>43.570745906855045</v>
      </c>
      <c r="C3501" s="83">
        <v>43246.791666666664</v>
      </c>
      <c r="D3501">
        <v>163080.57209999999</v>
      </c>
      <c r="E3501">
        <v>18683.102770000001</v>
      </c>
      <c r="F3501">
        <v>75524.707670000003</v>
      </c>
      <c r="G3501">
        <v>31206.878059999999</v>
      </c>
      <c r="H3501">
        <v>32702.007750000001</v>
      </c>
      <c r="I3501">
        <v>26281.305639999999</v>
      </c>
      <c r="J3501">
        <v>38741.820319999999</v>
      </c>
      <c r="K3501">
        <v>45421.711219999997</v>
      </c>
      <c r="L3501">
        <v>28714.145629999999</v>
      </c>
      <c r="M3501">
        <v>222143.98149999999</v>
      </c>
      <c r="N3501">
        <v>65558.01195</v>
      </c>
      <c r="O3501">
        <v>18149.233469999999</v>
      </c>
      <c r="P3501">
        <v>35349.989079999999</v>
      </c>
      <c r="Q3501">
        <v>52265.728139999999</v>
      </c>
      <c r="R3501">
        <v>18826.153180000001</v>
      </c>
      <c r="S3501">
        <v>79170.150290000005</v>
      </c>
      <c r="T3501">
        <v>26981.621309999999</v>
      </c>
      <c r="U3501">
        <v>10654.71369</v>
      </c>
      <c r="W3501" s="83">
        <f>Bühler!N3533</f>
        <v>45437.79166665818</v>
      </c>
      <c r="X3501" s="83">
        <v>43246.791666666664</v>
      </c>
      <c r="Y3501">
        <v>163080.57209999999</v>
      </c>
      <c r="Z3501">
        <v>18683.102770000001</v>
      </c>
      <c r="AA3501">
        <v>75524.707670000003</v>
      </c>
      <c r="AB3501">
        <v>31206.878059999999</v>
      </c>
      <c r="AC3501">
        <v>32702.007750000001</v>
      </c>
      <c r="AD3501">
        <v>26281.305639999999</v>
      </c>
      <c r="AE3501">
        <v>38741.820319999999</v>
      </c>
      <c r="AF3501">
        <v>45421.711219999997</v>
      </c>
      <c r="AG3501">
        <v>28714.145629999999</v>
      </c>
      <c r="AH3501">
        <v>222143.98149999999</v>
      </c>
      <c r="AI3501">
        <v>65558.01195</v>
      </c>
      <c r="AJ3501">
        <v>18149.233469999999</v>
      </c>
      <c r="AK3501">
        <v>35349.989079999999</v>
      </c>
      <c r="AL3501">
        <v>52265.728139999999</v>
      </c>
      <c r="AM3501">
        <v>18826.153180000001</v>
      </c>
      <c r="AN3501">
        <v>79170.150290000005</v>
      </c>
      <c r="AO3501">
        <v>26981.621309999999</v>
      </c>
      <c r="AP3501">
        <v>10654.71369</v>
      </c>
    </row>
    <row r="3502" spans="2:42" x14ac:dyDescent="0.3">
      <c r="B3502">
        <v>42.771264253625866</v>
      </c>
      <c r="C3502" s="83">
        <v>43246.833333333336</v>
      </c>
      <c r="D3502">
        <v>161846.60569999999</v>
      </c>
      <c r="E3502">
        <v>13658.6021</v>
      </c>
      <c r="F3502">
        <v>58195.881789999999</v>
      </c>
      <c r="G3502">
        <v>30916.205109999999</v>
      </c>
      <c r="H3502">
        <v>31728.3891</v>
      </c>
      <c r="I3502">
        <v>23862.815790000001</v>
      </c>
      <c r="J3502">
        <v>38480.84996</v>
      </c>
      <c r="K3502">
        <v>45747.004690000002</v>
      </c>
      <c r="L3502">
        <v>28725.02995</v>
      </c>
      <c r="M3502">
        <v>218067.8512</v>
      </c>
      <c r="N3502">
        <v>64953.070870000003</v>
      </c>
      <c r="O3502">
        <v>17836.960709999999</v>
      </c>
      <c r="P3502">
        <v>34436.67671</v>
      </c>
      <c r="Q3502">
        <v>50116.114970000002</v>
      </c>
      <c r="R3502">
        <v>17877.280419999999</v>
      </c>
      <c r="S3502">
        <v>74923.368530000007</v>
      </c>
      <c r="T3502">
        <v>24234.460230000001</v>
      </c>
      <c r="U3502">
        <v>10513.421850000001</v>
      </c>
      <c r="W3502" s="83">
        <f>Bühler!N3534</f>
        <v>45437.833333324845</v>
      </c>
      <c r="X3502" s="83">
        <v>43246.833333333336</v>
      </c>
      <c r="Y3502">
        <v>161846.60569999999</v>
      </c>
      <c r="Z3502">
        <v>13658.6021</v>
      </c>
      <c r="AA3502">
        <v>58195.881789999999</v>
      </c>
      <c r="AB3502">
        <v>30916.205109999999</v>
      </c>
      <c r="AC3502">
        <v>31728.3891</v>
      </c>
      <c r="AD3502">
        <v>23862.815790000001</v>
      </c>
      <c r="AE3502">
        <v>38480.84996</v>
      </c>
      <c r="AF3502">
        <v>45747.004690000002</v>
      </c>
      <c r="AG3502">
        <v>28725.02995</v>
      </c>
      <c r="AH3502">
        <v>218067.8512</v>
      </c>
      <c r="AI3502">
        <v>64953.070870000003</v>
      </c>
      <c r="AJ3502">
        <v>17836.960709999999</v>
      </c>
      <c r="AK3502">
        <v>34436.67671</v>
      </c>
      <c r="AL3502">
        <v>50116.114970000002</v>
      </c>
      <c r="AM3502">
        <v>17877.280419999999</v>
      </c>
      <c r="AN3502">
        <v>74923.368530000007</v>
      </c>
      <c r="AO3502">
        <v>24234.460230000001</v>
      </c>
      <c r="AP3502">
        <v>10513.421850000001</v>
      </c>
    </row>
    <row r="3503" spans="2:42" x14ac:dyDescent="0.3">
      <c r="B3503">
        <v>42.208481269968978</v>
      </c>
      <c r="C3503" s="83">
        <v>43246.875</v>
      </c>
      <c r="D3503">
        <v>160941.4259</v>
      </c>
      <c r="E3503">
        <v>12244.89903</v>
      </c>
      <c r="F3503">
        <v>50346.678370000001</v>
      </c>
      <c r="G3503">
        <v>30966.317660000001</v>
      </c>
      <c r="H3503">
        <v>31882.578649999999</v>
      </c>
      <c r="I3503">
        <v>21986.855299999999</v>
      </c>
      <c r="J3503">
        <v>38936.958579999999</v>
      </c>
      <c r="K3503">
        <v>45306.340230000002</v>
      </c>
      <c r="L3503">
        <v>28046.167270000002</v>
      </c>
      <c r="M3503">
        <v>215198.52110000001</v>
      </c>
      <c r="N3503">
        <v>66200.670410000006</v>
      </c>
      <c r="O3503">
        <v>18145.152989999999</v>
      </c>
      <c r="P3503">
        <v>33776.152349999997</v>
      </c>
      <c r="Q3503">
        <v>48914.145190000003</v>
      </c>
      <c r="R3503">
        <v>18319.10598</v>
      </c>
      <c r="S3503">
        <v>73113.370840000003</v>
      </c>
      <c r="T3503">
        <v>23589.07331</v>
      </c>
      <c r="U3503">
        <v>10834.41755</v>
      </c>
      <c r="W3503" s="83">
        <f>Bühler!N3535</f>
        <v>45437.874999991509</v>
      </c>
      <c r="X3503" s="83">
        <v>43246.875</v>
      </c>
      <c r="Y3503">
        <v>160941.4259</v>
      </c>
      <c r="Z3503">
        <v>12244.89903</v>
      </c>
      <c r="AA3503">
        <v>50346.678370000001</v>
      </c>
      <c r="AB3503">
        <v>30966.317660000001</v>
      </c>
      <c r="AC3503">
        <v>31882.578649999999</v>
      </c>
      <c r="AD3503">
        <v>21986.855299999999</v>
      </c>
      <c r="AE3503">
        <v>38936.958579999999</v>
      </c>
      <c r="AF3503">
        <v>45306.340230000002</v>
      </c>
      <c r="AG3503">
        <v>28046.167270000002</v>
      </c>
      <c r="AH3503">
        <v>215198.52110000001</v>
      </c>
      <c r="AI3503">
        <v>66200.670410000006</v>
      </c>
      <c r="AJ3503">
        <v>18145.152989999999</v>
      </c>
      <c r="AK3503">
        <v>33776.152349999997</v>
      </c>
      <c r="AL3503">
        <v>48914.145190000003</v>
      </c>
      <c r="AM3503">
        <v>18319.10598</v>
      </c>
      <c r="AN3503">
        <v>73113.370840000003</v>
      </c>
      <c r="AO3503">
        <v>23589.07331</v>
      </c>
      <c r="AP3503">
        <v>10834.41755</v>
      </c>
    </row>
    <row r="3504" spans="2:42" x14ac:dyDescent="0.3">
      <c r="B3504">
        <v>42.101129732606452</v>
      </c>
      <c r="C3504" s="83">
        <v>43246.916666666664</v>
      </c>
      <c r="D3504">
        <v>161154.55489999999</v>
      </c>
      <c r="E3504">
        <v>12085.396919999999</v>
      </c>
      <c r="F3504">
        <v>48167.379789999999</v>
      </c>
      <c r="G3504">
        <v>31262.117450000002</v>
      </c>
      <c r="H3504">
        <v>33367.011570000002</v>
      </c>
      <c r="I3504">
        <v>21184.375059999998</v>
      </c>
      <c r="J3504">
        <v>39504.574000000001</v>
      </c>
      <c r="K3504">
        <v>49852.43621</v>
      </c>
      <c r="L3504">
        <v>25992.901580000002</v>
      </c>
      <c r="M3504">
        <v>214651.19289999999</v>
      </c>
      <c r="N3504">
        <v>65966.004749999993</v>
      </c>
      <c r="O3504">
        <v>18562.764950000001</v>
      </c>
      <c r="P3504">
        <v>36450.092299999997</v>
      </c>
      <c r="Q3504">
        <v>48923.334300000002</v>
      </c>
      <c r="R3504">
        <v>19593.75837</v>
      </c>
      <c r="S3504">
        <v>73700.816319999998</v>
      </c>
      <c r="T3504">
        <v>22855.788840000001</v>
      </c>
      <c r="U3504">
        <v>11683.253570000001</v>
      </c>
      <c r="W3504" s="83">
        <f>Bühler!N3536</f>
        <v>45437.916666658173</v>
      </c>
      <c r="X3504" s="83">
        <v>43246.916666666664</v>
      </c>
      <c r="Y3504">
        <v>161154.55489999999</v>
      </c>
      <c r="Z3504">
        <v>12085.396919999999</v>
      </c>
      <c r="AA3504">
        <v>48167.379789999999</v>
      </c>
      <c r="AB3504">
        <v>31262.117450000002</v>
      </c>
      <c r="AC3504">
        <v>33367.011570000002</v>
      </c>
      <c r="AD3504">
        <v>21184.375059999998</v>
      </c>
      <c r="AE3504">
        <v>39504.574000000001</v>
      </c>
      <c r="AF3504">
        <v>49852.43621</v>
      </c>
      <c r="AG3504">
        <v>25992.901580000002</v>
      </c>
      <c r="AH3504">
        <v>214651.19289999999</v>
      </c>
      <c r="AI3504">
        <v>65966.004749999993</v>
      </c>
      <c r="AJ3504">
        <v>18562.764950000001</v>
      </c>
      <c r="AK3504">
        <v>36450.092299999997</v>
      </c>
      <c r="AL3504">
        <v>48923.334300000002</v>
      </c>
      <c r="AM3504">
        <v>19593.75837</v>
      </c>
      <c r="AN3504">
        <v>73700.816319999998</v>
      </c>
      <c r="AO3504">
        <v>22855.788840000001</v>
      </c>
      <c r="AP3504">
        <v>11683.253570000001</v>
      </c>
    </row>
    <row r="3505" spans="2:42" x14ac:dyDescent="0.3">
      <c r="B3505">
        <v>41.74054068941296</v>
      </c>
      <c r="C3505" s="83">
        <v>43246.958333333336</v>
      </c>
      <c r="D3505">
        <v>161162.3052</v>
      </c>
      <c r="E3505">
        <v>11548.62565</v>
      </c>
      <c r="F3505">
        <v>47065.468739999997</v>
      </c>
      <c r="G3505">
        <v>30937.778549999999</v>
      </c>
      <c r="H3505">
        <v>33268.324489999999</v>
      </c>
      <c r="I3505">
        <v>20819.97003</v>
      </c>
      <c r="J3505">
        <v>36436.460590000002</v>
      </c>
      <c r="K3505">
        <v>49914.401030000001</v>
      </c>
      <c r="L3505">
        <v>21754.73605</v>
      </c>
      <c r="M3505">
        <v>212812.74179999999</v>
      </c>
      <c r="N3505">
        <v>64612.78961</v>
      </c>
      <c r="O3505">
        <v>17965.24397</v>
      </c>
      <c r="P3505">
        <v>33077.955029999997</v>
      </c>
      <c r="Q3505">
        <v>48565.875330000003</v>
      </c>
      <c r="R3505">
        <v>20786.40955</v>
      </c>
      <c r="S3505">
        <v>72343.340559999997</v>
      </c>
      <c r="T3505">
        <v>21274.28327</v>
      </c>
      <c r="U3505">
        <v>11257.84907</v>
      </c>
      <c r="W3505" s="83">
        <f>Bühler!N3537</f>
        <v>45437.958333324837</v>
      </c>
      <c r="X3505" s="83">
        <v>43246.958333333336</v>
      </c>
      <c r="Y3505">
        <v>161162.3052</v>
      </c>
      <c r="Z3505">
        <v>11548.62565</v>
      </c>
      <c r="AA3505">
        <v>47065.468739999997</v>
      </c>
      <c r="AB3505">
        <v>30937.778549999999</v>
      </c>
      <c r="AC3505">
        <v>33268.324489999999</v>
      </c>
      <c r="AD3505">
        <v>20819.97003</v>
      </c>
      <c r="AE3505">
        <v>36436.460590000002</v>
      </c>
      <c r="AF3505">
        <v>49914.401030000001</v>
      </c>
      <c r="AG3505">
        <v>21754.73605</v>
      </c>
      <c r="AH3505">
        <v>212812.74179999999</v>
      </c>
      <c r="AI3505">
        <v>64612.78961</v>
      </c>
      <c r="AJ3505">
        <v>17965.24397</v>
      </c>
      <c r="AK3505">
        <v>33077.955029999997</v>
      </c>
      <c r="AL3505">
        <v>48565.875330000003</v>
      </c>
      <c r="AM3505">
        <v>20786.40955</v>
      </c>
      <c r="AN3505">
        <v>72343.340559999997</v>
      </c>
      <c r="AO3505">
        <v>21274.28327</v>
      </c>
      <c r="AP3505">
        <v>11257.84907</v>
      </c>
    </row>
    <row r="3506" spans="2:42" x14ac:dyDescent="0.3">
      <c r="B3506">
        <v>40.999910027810586</v>
      </c>
      <c r="C3506" s="83">
        <v>43247</v>
      </c>
      <c r="D3506">
        <v>159974.2335</v>
      </c>
      <c r="E3506">
        <v>11114.32698</v>
      </c>
      <c r="F3506">
        <v>44171.48616</v>
      </c>
      <c r="G3506">
        <v>31306.220829999998</v>
      </c>
      <c r="H3506">
        <v>32265.495050000001</v>
      </c>
      <c r="I3506">
        <v>19121.33323</v>
      </c>
      <c r="J3506">
        <v>34246.639360000001</v>
      </c>
      <c r="K3506">
        <v>46680.907500000001</v>
      </c>
      <c r="L3506">
        <v>18656.091250000001</v>
      </c>
      <c r="M3506">
        <v>209036.66130000001</v>
      </c>
      <c r="N3506">
        <v>63262.573689999997</v>
      </c>
      <c r="O3506">
        <v>17635.304660000002</v>
      </c>
      <c r="P3506">
        <v>28900.007979999998</v>
      </c>
      <c r="Q3506">
        <v>48055.299420000003</v>
      </c>
      <c r="R3506">
        <v>15977.345069999999</v>
      </c>
      <c r="S3506">
        <v>70892.941519999993</v>
      </c>
      <c r="T3506">
        <v>20519.09607</v>
      </c>
      <c r="U3506">
        <v>11475.8524</v>
      </c>
      <c r="W3506" s="83">
        <f>Bühler!N3538</f>
        <v>45437.999999991502</v>
      </c>
      <c r="X3506" s="83">
        <v>43247</v>
      </c>
      <c r="Y3506">
        <v>159974.2335</v>
      </c>
      <c r="Z3506">
        <v>11114.32698</v>
      </c>
      <c r="AA3506">
        <v>44171.48616</v>
      </c>
      <c r="AB3506">
        <v>31306.220829999998</v>
      </c>
      <c r="AC3506">
        <v>32265.495050000001</v>
      </c>
      <c r="AD3506">
        <v>19121.33323</v>
      </c>
      <c r="AE3506">
        <v>34246.639360000001</v>
      </c>
      <c r="AF3506">
        <v>46680.907500000001</v>
      </c>
      <c r="AG3506">
        <v>18656.091250000001</v>
      </c>
      <c r="AH3506">
        <v>209036.66130000001</v>
      </c>
      <c r="AI3506">
        <v>63262.573689999997</v>
      </c>
      <c r="AJ3506">
        <v>17635.304660000002</v>
      </c>
      <c r="AK3506">
        <v>28900.007979999998</v>
      </c>
      <c r="AL3506">
        <v>48055.299420000003</v>
      </c>
      <c r="AM3506">
        <v>15977.345069999999</v>
      </c>
      <c r="AN3506">
        <v>70892.941519999993</v>
      </c>
      <c r="AO3506">
        <v>20519.09607</v>
      </c>
      <c r="AP3506">
        <v>11475.8524</v>
      </c>
    </row>
    <row r="3507" spans="2:42" x14ac:dyDescent="0.3">
      <c r="B3507">
        <v>40.815211446542953</v>
      </c>
      <c r="C3507" s="83">
        <v>43247.041666666664</v>
      </c>
      <c r="D3507">
        <v>159975.2212</v>
      </c>
      <c r="E3507">
        <v>11074.465459999999</v>
      </c>
      <c r="F3507">
        <v>43530.00174</v>
      </c>
      <c r="G3507">
        <v>31511.692370000001</v>
      </c>
      <c r="H3507">
        <v>31745.25416</v>
      </c>
      <c r="I3507">
        <v>15648.15048</v>
      </c>
      <c r="J3507">
        <v>32543.504410000001</v>
      </c>
      <c r="K3507">
        <v>45240.729330000002</v>
      </c>
      <c r="L3507">
        <v>16985.61722</v>
      </c>
      <c r="M3507">
        <v>208094.98180000001</v>
      </c>
      <c r="N3507">
        <v>61777.371829999996</v>
      </c>
      <c r="O3507">
        <v>17423.025379999999</v>
      </c>
      <c r="P3507">
        <v>26797.002710000001</v>
      </c>
      <c r="Q3507">
        <v>48549.586000000003</v>
      </c>
      <c r="R3507">
        <v>14080.67743</v>
      </c>
      <c r="S3507">
        <v>69641.348750000005</v>
      </c>
      <c r="T3507">
        <v>19533.29623</v>
      </c>
      <c r="U3507">
        <v>11570.296420000001</v>
      </c>
      <c r="W3507" s="83">
        <f>Bühler!N3539</f>
        <v>45438.041666658166</v>
      </c>
      <c r="X3507" s="83">
        <v>43247.041666666664</v>
      </c>
      <c r="Y3507">
        <v>159975.2212</v>
      </c>
      <c r="Z3507">
        <v>11074.465459999999</v>
      </c>
      <c r="AA3507">
        <v>43530.00174</v>
      </c>
      <c r="AB3507">
        <v>31511.692370000001</v>
      </c>
      <c r="AC3507">
        <v>31745.25416</v>
      </c>
      <c r="AD3507">
        <v>15648.15048</v>
      </c>
      <c r="AE3507">
        <v>32543.504410000001</v>
      </c>
      <c r="AF3507">
        <v>45240.729330000002</v>
      </c>
      <c r="AG3507">
        <v>16985.61722</v>
      </c>
      <c r="AH3507">
        <v>208094.98180000001</v>
      </c>
      <c r="AI3507">
        <v>61777.371829999996</v>
      </c>
      <c r="AJ3507">
        <v>17423.025379999999</v>
      </c>
      <c r="AK3507">
        <v>26797.002710000001</v>
      </c>
      <c r="AL3507">
        <v>48549.586000000003</v>
      </c>
      <c r="AM3507">
        <v>14080.67743</v>
      </c>
      <c r="AN3507">
        <v>69641.348750000005</v>
      </c>
      <c r="AO3507">
        <v>19533.29623</v>
      </c>
      <c r="AP3507">
        <v>11570.296420000001</v>
      </c>
    </row>
    <row r="3508" spans="2:42" x14ac:dyDescent="0.3">
      <c r="B3508">
        <v>40.646760182496635</v>
      </c>
      <c r="C3508" s="83">
        <v>43247.083333333336</v>
      </c>
      <c r="D3508">
        <v>159487.51070000001</v>
      </c>
      <c r="E3508">
        <v>10993.724130000001</v>
      </c>
      <c r="F3508">
        <v>43454.387569999999</v>
      </c>
      <c r="G3508">
        <v>30709.09909</v>
      </c>
      <c r="H3508">
        <v>31347.551149999999</v>
      </c>
      <c r="I3508">
        <v>13671.79098</v>
      </c>
      <c r="J3508">
        <v>32247.17812</v>
      </c>
      <c r="K3508">
        <v>42974.137849999999</v>
      </c>
      <c r="L3508">
        <v>15909.81979</v>
      </c>
      <c r="M3508">
        <v>207236.13870000001</v>
      </c>
      <c r="N3508">
        <v>59561.719980000002</v>
      </c>
      <c r="O3508">
        <v>17363.51801</v>
      </c>
      <c r="P3508">
        <v>25191.699560000001</v>
      </c>
      <c r="Q3508">
        <v>49062.558969999998</v>
      </c>
      <c r="R3508">
        <v>14109.62392</v>
      </c>
      <c r="S3508">
        <v>69005.202019999997</v>
      </c>
      <c r="T3508">
        <v>18814.073280000001</v>
      </c>
      <c r="U3508">
        <v>11738.37607</v>
      </c>
      <c r="W3508" s="83">
        <f>Bühler!N3540</f>
        <v>45438.08333332483</v>
      </c>
      <c r="X3508" s="83">
        <v>43247.083333333336</v>
      </c>
      <c r="Y3508">
        <v>159487.51070000001</v>
      </c>
      <c r="Z3508">
        <v>10993.724130000001</v>
      </c>
      <c r="AA3508">
        <v>43454.387569999999</v>
      </c>
      <c r="AB3508">
        <v>30709.09909</v>
      </c>
      <c r="AC3508">
        <v>31347.551149999999</v>
      </c>
      <c r="AD3508">
        <v>13671.79098</v>
      </c>
      <c r="AE3508">
        <v>32247.17812</v>
      </c>
      <c r="AF3508">
        <v>42974.137849999999</v>
      </c>
      <c r="AG3508">
        <v>15909.81979</v>
      </c>
      <c r="AH3508">
        <v>207236.13870000001</v>
      </c>
      <c r="AI3508">
        <v>59561.719980000002</v>
      </c>
      <c r="AJ3508">
        <v>17363.51801</v>
      </c>
      <c r="AK3508">
        <v>25191.699560000001</v>
      </c>
      <c r="AL3508">
        <v>49062.558969999998</v>
      </c>
      <c r="AM3508">
        <v>14109.62392</v>
      </c>
      <c r="AN3508">
        <v>69005.202019999997</v>
      </c>
      <c r="AO3508">
        <v>18814.073280000001</v>
      </c>
      <c r="AP3508">
        <v>11738.37607</v>
      </c>
    </row>
    <row r="3509" spans="2:42" x14ac:dyDescent="0.3">
      <c r="B3509">
        <v>40.554023216458603</v>
      </c>
      <c r="C3509" s="83">
        <v>43247.125</v>
      </c>
      <c r="D3509">
        <v>158734.3903</v>
      </c>
      <c r="E3509">
        <v>10986.63076</v>
      </c>
      <c r="F3509">
        <v>43306.922010000002</v>
      </c>
      <c r="G3509">
        <v>30231.5897</v>
      </c>
      <c r="H3509">
        <v>31053.045600000001</v>
      </c>
      <c r="I3509">
        <v>12774.80285</v>
      </c>
      <c r="J3509">
        <v>32432.423180000002</v>
      </c>
      <c r="K3509">
        <v>42157.050049999998</v>
      </c>
      <c r="L3509">
        <v>15204.753650000001</v>
      </c>
      <c r="M3509">
        <v>206763.3224</v>
      </c>
      <c r="N3509">
        <v>58553.644800000002</v>
      </c>
      <c r="O3509">
        <v>17351.252570000001</v>
      </c>
      <c r="P3509">
        <v>24581.183690000002</v>
      </c>
      <c r="Q3509">
        <v>50267.127</v>
      </c>
      <c r="R3509">
        <v>13224.839379999999</v>
      </c>
      <c r="S3509">
        <v>68580.141430000003</v>
      </c>
      <c r="T3509">
        <v>18503.09417</v>
      </c>
      <c r="U3509">
        <v>11456.756149999999</v>
      </c>
      <c r="W3509" s="83">
        <f>Bühler!N3541</f>
        <v>45438.124999991494</v>
      </c>
      <c r="X3509" s="83">
        <v>43247.125</v>
      </c>
      <c r="Y3509">
        <v>158734.3903</v>
      </c>
      <c r="Z3509">
        <v>10986.63076</v>
      </c>
      <c r="AA3509">
        <v>43306.922010000002</v>
      </c>
      <c r="AB3509">
        <v>30231.5897</v>
      </c>
      <c r="AC3509">
        <v>31053.045600000001</v>
      </c>
      <c r="AD3509">
        <v>12774.80285</v>
      </c>
      <c r="AE3509">
        <v>32432.423180000002</v>
      </c>
      <c r="AF3509">
        <v>42157.050049999998</v>
      </c>
      <c r="AG3509">
        <v>15204.753650000001</v>
      </c>
      <c r="AH3509">
        <v>206763.3224</v>
      </c>
      <c r="AI3509">
        <v>58553.644800000002</v>
      </c>
      <c r="AJ3509">
        <v>17351.252570000001</v>
      </c>
      <c r="AK3509">
        <v>24581.183690000002</v>
      </c>
      <c r="AL3509">
        <v>50267.127</v>
      </c>
      <c r="AM3509">
        <v>13224.839379999999</v>
      </c>
      <c r="AN3509">
        <v>68580.141430000003</v>
      </c>
      <c r="AO3509">
        <v>18503.09417</v>
      </c>
      <c r="AP3509">
        <v>11456.756149999999</v>
      </c>
    </row>
    <row r="3510" spans="2:42" x14ac:dyDescent="0.3">
      <c r="B3510">
        <v>40.18635910449332</v>
      </c>
      <c r="C3510" s="83">
        <v>43247.166666666664</v>
      </c>
      <c r="D3510">
        <v>158019.12820000001</v>
      </c>
      <c r="E3510">
        <v>11056.33124</v>
      </c>
      <c r="F3510">
        <v>43287.963539999997</v>
      </c>
      <c r="G3510">
        <v>29044.947889999999</v>
      </c>
      <c r="H3510">
        <v>31230.059789999999</v>
      </c>
      <c r="I3510">
        <v>13336.18579</v>
      </c>
      <c r="J3510">
        <v>34319.733610000003</v>
      </c>
      <c r="K3510">
        <v>41110.308790000003</v>
      </c>
      <c r="L3510">
        <v>14968.17128</v>
      </c>
      <c r="M3510">
        <v>204888.79930000001</v>
      </c>
      <c r="N3510">
        <v>57509.490230000003</v>
      </c>
      <c r="O3510">
        <v>17572.347140000002</v>
      </c>
      <c r="P3510">
        <v>24203.230960000001</v>
      </c>
      <c r="Q3510">
        <v>51288.584649999997</v>
      </c>
      <c r="R3510">
        <v>13311.319649999999</v>
      </c>
      <c r="S3510">
        <v>68822.090920000002</v>
      </c>
      <c r="T3510">
        <v>18370.857510000002</v>
      </c>
      <c r="U3510">
        <v>11320.79802</v>
      </c>
      <c r="W3510" s="83">
        <f>Bühler!N3542</f>
        <v>45438.166666658159</v>
      </c>
      <c r="X3510" s="83">
        <v>43247.166666666664</v>
      </c>
      <c r="Y3510">
        <v>158019.12820000001</v>
      </c>
      <c r="Z3510">
        <v>11056.33124</v>
      </c>
      <c r="AA3510">
        <v>43287.963539999997</v>
      </c>
      <c r="AB3510">
        <v>29044.947889999999</v>
      </c>
      <c r="AC3510">
        <v>31230.059789999999</v>
      </c>
      <c r="AD3510">
        <v>13336.18579</v>
      </c>
      <c r="AE3510">
        <v>34319.733610000003</v>
      </c>
      <c r="AF3510">
        <v>41110.308790000003</v>
      </c>
      <c r="AG3510">
        <v>14968.17128</v>
      </c>
      <c r="AH3510">
        <v>204888.79930000001</v>
      </c>
      <c r="AI3510">
        <v>57509.490230000003</v>
      </c>
      <c r="AJ3510">
        <v>17572.347140000002</v>
      </c>
      <c r="AK3510">
        <v>24203.230960000001</v>
      </c>
      <c r="AL3510">
        <v>51288.584649999997</v>
      </c>
      <c r="AM3510">
        <v>13311.319649999999</v>
      </c>
      <c r="AN3510">
        <v>68822.090920000002</v>
      </c>
      <c r="AO3510">
        <v>18370.857510000002</v>
      </c>
      <c r="AP3510">
        <v>11320.79802</v>
      </c>
    </row>
    <row r="3511" spans="2:42" x14ac:dyDescent="0.3">
      <c r="B3511">
        <v>39.985594848862789</v>
      </c>
      <c r="C3511" s="83">
        <v>43247.208333333336</v>
      </c>
      <c r="D3511">
        <v>157312.79259999999</v>
      </c>
      <c r="E3511">
        <v>11107.0715</v>
      </c>
      <c r="F3511">
        <v>45189.350899999998</v>
      </c>
      <c r="G3511">
        <v>29293.996760000002</v>
      </c>
      <c r="H3511">
        <v>31149.851210000001</v>
      </c>
      <c r="I3511">
        <v>16777.91676</v>
      </c>
      <c r="J3511">
        <v>36824.908719999999</v>
      </c>
      <c r="K3511">
        <v>41073.561970000002</v>
      </c>
      <c r="L3511">
        <v>15257.131820000001</v>
      </c>
      <c r="M3511">
        <v>203865.2095</v>
      </c>
      <c r="N3511">
        <v>55245.681279999997</v>
      </c>
      <c r="O3511">
        <v>17949.58195</v>
      </c>
      <c r="P3511">
        <v>24761.477050000001</v>
      </c>
      <c r="Q3511">
        <v>51285.872990000003</v>
      </c>
      <c r="R3511">
        <v>15046.50412</v>
      </c>
      <c r="S3511">
        <v>70257.442049999998</v>
      </c>
      <c r="T3511">
        <v>18546.56553</v>
      </c>
      <c r="U3511">
        <v>11616.765799999999</v>
      </c>
      <c r="W3511" s="83">
        <f>Bühler!N3543</f>
        <v>45438.208333324823</v>
      </c>
      <c r="X3511" s="83">
        <v>43247.208333333336</v>
      </c>
      <c r="Y3511">
        <v>157312.79259999999</v>
      </c>
      <c r="Z3511">
        <v>11107.0715</v>
      </c>
      <c r="AA3511">
        <v>45189.350899999998</v>
      </c>
      <c r="AB3511">
        <v>29293.996760000002</v>
      </c>
      <c r="AC3511">
        <v>31149.851210000001</v>
      </c>
      <c r="AD3511">
        <v>16777.91676</v>
      </c>
      <c r="AE3511">
        <v>36824.908719999999</v>
      </c>
      <c r="AF3511">
        <v>41073.561970000002</v>
      </c>
      <c r="AG3511">
        <v>15257.131820000001</v>
      </c>
      <c r="AH3511">
        <v>203865.2095</v>
      </c>
      <c r="AI3511">
        <v>55245.681279999997</v>
      </c>
      <c r="AJ3511">
        <v>17949.58195</v>
      </c>
      <c r="AK3511">
        <v>24761.477050000001</v>
      </c>
      <c r="AL3511">
        <v>51285.872990000003</v>
      </c>
      <c r="AM3511">
        <v>15046.50412</v>
      </c>
      <c r="AN3511">
        <v>70257.442049999998</v>
      </c>
      <c r="AO3511">
        <v>18546.56553</v>
      </c>
      <c r="AP3511">
        <v>11616.765799999999</v>
      </c>
    </row>
    <row r="3512" spans="2:42" x14ac:dyDescent="0.3">
      <c r="B3512">
        <v>39.860914198376008</v>
      </c>
      <c r="C3512" s="83">
        <v>43247.25</v>
      </c>
      <c r="D3512">
        <v>156640.62330000001</v>
      </c>
      <c r="E3512">
        <v>11143.197200000001</v>
      </c>
      <c r="F3512">
        <v>48789.025350000004</v>
      </c>
      <c r="G3512">
        <v>29240.54551</v>
      </c>
      <c r="H3512">
        <v>29833.019749999999</v>
      </c>
      <c r="I3512">
        <v>18219.822189999999</v>
      </c>
      <c r="J3512">
        <v>37917.028919999997</v>
      </c>
      <c r="K3512">
        <v>40398.111819999998</v>
      </c>
      <c r="L3512">
        <v>15605.096009999999</v>
      </c>
      <c r="M3512">
        <v>203229.5294</v>
      </c>
      <c r="N3512">
        <v>54432.085050000002</v>
      </c>
      <c r="O3512">
        <v>18126.60023</v>
      </c>
      <c r="P3512">
        <v>25556.73214</v>
      </c>
      <c r="Q3512">
        <v>50362.67568</v>
      </c>
      <c r="R3512">
        <v>13154.78011</v>
      </c>
      <c r="S3512">
        <v>73314.505959999995</v>
      </c>
      <c r="T3512">
        <v>18981.33555</v>
      </c>
      <c r="U3512">
        <v>10968.191430000001</v>
      </c>
      <c r="W3512" s="83">
        <f>Bühler!N3544</f>
        <v>45438.249999991487</v>
      </c>
      <c r="X3512" s="83">
        <v>43247.25</v>
      </c>
      <c r="Y3512">
        <v>156640.62330000001</v>
      </c>
      <c r="Z3512">
        <v>11143.197200000001</v>
      </c>
      <c r="AA3512">
        <v>48789.025350000004</v>
      </c>
      <c r="AB3512">
        <v>29240.54551</v>
      </c>
      <c r="AC3512">
        <v>29833.019749999999</v>
      </c>
      <c r="AD3512">
        <v>18219.822189999999</v>
      </c>
      <c r="AE3512">
        <v>37917.028919999997</v>
      </c>
      <c r="AF3512">
        <v>40398.111819999998</v>
      </c>
      <c r="AG3512">
        <v>15605.096009999999</v>
      </c>
      <c r="AH3512">
        <v>203229.5294</v>
      </c>
      <c r="AI3512">
        <v>54432.085050000002</v>
      </c>
      <c r="AJ3512">
        <v>18126.60023</v>
      </c>
      <c r="AK3512">
        <v>25556.73214</v>
      </c>
      <c r="AL3512">
        <v>50362.67568</v>
      </c>
      <c r="AM3512">
        <v>13154.78011</v>
      </c>
      <c r="AN3512">
        <v>73314.505959999995</v>
      </c>
      <c r="AO3512">
        <v>18981.33555</v>
      </c>
      <c r="AP3512">
        <v>10968.191430000001</v>
      </c>
    </row>
    <row r="3513" spans="2:42" x14ac:dyDescent="0.3">
      <c r="B3513">
        <v>39.954308891615732</v>
      </c>
      <c r="C3513" s="83">
        <v>43247.291666666664</v>
      </c>
      <c r="D3513">
        <v>156195.97810000001</v>
      </c>
      <c r="E3513">
        <v>11583.15192</v>
      </c>
      <c r="F3513">
        <v>51623.66648</v>
      </c>
      <c r="G3513">
        <v>29600.593949999999</v>
      </c>
      <c r="H3513">
        <v>30343.78872</v>
      </c>
      <c r="I3513">
        <v>19032.273130000001</v>
      </c>
      <c r="J3513">
        <v>38700.496319999998</v>
      </c>
      <c r="K3513">
        <v>40457.43662</v>
      </c>
      <c r="L3513">
        <v>17066.04911</v>
      </c>
      <c r="M3513">
        <v>203705.6991</v>
      </c>
      <c r="N3513">
        <v>56368.434540000002</v>
      </c>
      <c r="O3513">
        <v>18190.45134</v>
      </c>
      <c r="P3513">
        <v>28125.29492</v>
      </c>
      <c r="Q3513">
        <v>49702.372170000002</v>
      </c>
      <c r="R3513">
        <v>12714.197899999999</v>
      </c>
      <c r="S3513">
        <v>78663.012610000005</v>
      </c>
      <c r="T3513">
        <v>20058.08915</v>
      </c>
      <c r="U3513">
        <v>10647.905860000001</v>
      </c>
      <c r="W3513" s="83">
        <f>Bühler!N3545</f>
        <v>45438.291666658151</v>
      </c>
      <c r="X3513" s="83">
        <v>43247.291666666664</v>
      </c>
      <c r="Y3513">
        <v>156195.97810000001</v>
      </c>
      <c r="Z3513">
        <v>11583.15192</v>
      </c>
      <c r="AA3513">
        <v>51623.66648</v>
      </c>
      <c r="AB3513">
        <v>29600.593949999999</v>
      </c>
      <c r="AC3513">
        <v>30343.78872</v>
      </c>
      <c r="AD3513">
        <v>19032.273130000001</v>
      </c>
      <c r="AE3513">
        <v>38700.496319999998</v>
      </c>
      <c r="AF3513">
        <v>40457.43662</v>
      </c>
      <c r="AG3513">
        <v>17066.04911</v>
      </c>
      <c r="AH3513">
        <v>203705.6991</v>
      </c>
      <c r="AI3513">
        <v>56368.434540000002</v>
      </c>
      <c r="AJ3513">
        <v>18190.45134</v>
      </c>
      <c r="AK3513">
        <v>28125.29492</v>
      </c>
      <c r="AL3513">
        <v>49702.372170000002</v>
      </c>
      <c r="AM3513">
        <v>12714.197899999999</v>
      </c>
      <c r="AN3513">
        <v>78663.012610000005</v>
      </c>
      <c r="AO3513">
        <v>20058.08915</v>
      </c>
      <c r="AP3513">
        <v>10647.905860000001</v>
      </c>
    </row>
    <row r="3514" spans="2:42" x14ac:dyDescent="0.3">
      <c r="B3514">
        <v>39.940875675545165</v>
      </c>
      <c r="C3514" s="83">
        <v>43247.333333333336</v>
      </c>
      <c r="D3514">
        <v>155928.29560000001</v>
      </c>
      <c r="E3514">
        <v>12439.15245</v>
      </c>
      <c r="F3514">
        <v>54977.549550000003</v>
      </c>
      <c r="G3514">
        <v>29931.099750000001</v>
      </c>
      <c r="H3514">
        <v>30964.93435</v>
      </c>
      <c r="I3514">
        <v>20298.44904</v>
      </c>
      <c r="J3514">
        <v>40389.220300000001</v>
      </c>
      <c r="K3514">
        <v>41512.580410000002</v>
      </c>
      <c r="L3514">
        <v>19724.575069999999</v>
      </c>
      <c r="M3514">
        <v>203637.21030000001</v>
      </c>
      <c r="N3514">
        <v>56479.402860000002</v>
      </c>
      <c r="O3514">
        <v>18682.959480000001</v>
      </c>
      <c r="P3514">
        <v>30633.443060000001</v>
      </c>
      <c r="Q3514">
        <v>49514.991520000003</v>
      </c>
      <c r="R3514">
        <v>13927.30683</v>
      </c>
      <c r="S3514">
        <v>81529.978430000003</v>
      </c>
      <c r="T3514">
        <v>22532.688529999999</v>
      </c>
      <c r="U3514">
        <v>10758.02937</v>
      </c>
      <c r="W3514" s="83">
        <f>Bühler!N3546</f>
        <v>45438.333333324816</v>
      </c>
      <c r="X3514" s="83">
        <v>43247.333333333336</v>
      </c>
      <c r="Y3514">
        <v>155928.29560000001</v>
      </c>
      <c r="Z3514">
        <v>12439.15245</v>
      </c>
      <c r="AA3514">
        <v>54977.549550000003</v>
      </c>
      <c r="AB3514">
        <v>29931.099750000001</v>
      </c>
      <c r="AC3514">
        <v>30964.93435</v>
      </c>
      <c r="AD3514">
        <v>20298.44904</v>
      </c>
      <c r="AE3514">
        <v>40389.220300000001</v>
      </c>
      <c r="AF3514">
        <v>41512.580410000002</v>
      </c>
      <c r="AG3514">
        <v>19724.575069999999</v>
      </c>
      <c r="AH3514">
        <v>203637.21030000001</v>
      </c>
      <c r="AI3514">
        <v>56479.402860000002</v>
      </c>
      <c r="AJ3514">
        <v>18682.959480000001</v>
      </c>
      <c r="AK3514">
        <v>30633.443060000001</v>
      </c>
      <c r="AL3514">
        <v>49514.991520000003</v>
      </c>
      <c r="AM3514">
        <v>13927.30683</v>
      </c>
      <c r="AN3514">
        <v>81529.978430000003</v>
      </c>
      <c r="AO3514">
        <v>22532.688529999999</v>
      </c>
      <c r="AP3514">
        <v>10758.02937</v>
      </c>
    </row>
    <row r="3515" spans="2:42" x14ac:dyDescent="0.3">
      <c r="B3515">
        <v>39.871590781557906</v>
      </c>
      <c r="C3515" s="83">
        <v>43247.375</v>
      </c>
      <c r="D3515">
        <v>155824.9889</v>
      </c>
      <c r="E3515">
        <v>13209.85692</v>
      </c>
      <c r="F3515">
        <v>59830.823850000001</v>
      </c>
      <c r="G3515">
        <v>30243.332780000001</v>
      </c>
      <c r="H3515">
        <v>31741.099679999999</v>
      </c>
      <c r="I3515">
        <v>20711.773789999999</v>
      </c>
      <c r="J3515">
        <v>41934.334819999996</v>
      </c>
      <c r="K3515">
        <v>43181.294620000001</v>
      </c>
      <c r="L3515">
        <v>22867.62974</v>
      </c>
      <c r="M3515">
        <v>203283.96359999999</v>
      </c>
      <c r="N3515">
        <v>57338.488519999999</v>
      </c>
      <c r="O3515">
        <v>18958.824720000001</v>
      </c>
      <c r="P3515">
        <v>33496.325490000003</v>
      </c>
      <c r="Q3515">
        <v>50135.288059999999</v>
      </c>
      <c r="R3515">
        <v>15034.243280000001</v>
      </c>
      <c r="S3515">
        <v>83975.664579999997</v>
      </c>
      <c r="T3515">
        <v>24206.14846</v>
      </c>
      <c r="U3515">
        <v>10700.41647</v>
      </c>
      <c r="W3515" s="83">
        <f>Bühler!N3547</f>
        <v>45438.37499999148</v>
      </c>
      <c r="X3515" s="83">
        <v>43247.375</v>
      </c>
      <c r="Y3515">
        <v>155824.9889</v>
      </c>
      <c r="Z3515">
        <v>13209.85692</v>
      </c>
      <c r="AA3515">
        <v>59830.823850000001</v>
      </c>
      <c r="AB3515">
        <v>30243.332780000001</v>
      </c>
      <c r="AC3515">
        <v>31741.099679999999</v>
      </c>
      <c r="AD3515">
        <v>20711.773789999999</v>
      </c>
      <c r="AE3515">
        <v>41934.334819999996</v>
      </c>
      <c r="AF3515">
        <v>43181.294620000001</v>
      </c>
      <c r="AG3515">
        <v>22867.62974</v>
      </c>
      <c r="AH3515">
        <v>203283.96359999999</v>
      </c>
      <c r="AI3515">
        <v>57338.488519999999</v>
      </c>
      <c r="AJ3515">
        <v>18958.824720000001</v>
      </c>
      <c r="AK3515">
        <v>33496.325490000003</v>
      </c>
      <c r="AL3515">
        <v>50135.288059999999</v>
      </c>
      <c r="AM3515">
        <v>15034.243280000001</v>
      </c>
      <c r="AN3515">
        <v>83975.664579999997</v>
      </c>
      <c r="AO3515">
        <v>24206.14846</v>
      </c>
      <c r="AP3515">
        <v>10700.41647</v>
      </c>
    </row>
    <row r="3516" spans="2:42" x14ac:dyDescent="0.3">
      <c r="B3516">
        <v>39.95231660622661</v>
      </c>
      <c r="C3516" s="83">
        <v>43247.416666666664</v>
      </c>
      <c r="D3516">
        <v>156152.2525</v>
      </c>
      <c r="E3516">
        <v>14250.5929</v>
      </c>
      <c r="F3516">
        <v>60820.827140000001</v>
      </c>
      <c r="G3516">
        <v>30844.552329999999</v>
      </c>
      <c r="H3516">
        <v>32473.54723</v>
      </c>
      <c r="I3516">
        <v>20988.09015</v>
      </c>
      <c r="J3516">
        <v>40931.508990000002</v>
      </c>
      <c r="K3516">
        <v>45117.87657</v>
      </c>
      <c r="L3516">
        <v>25996.280429999999</v>
      </c>
      <c r="M3516">
        <v>203695.54149999999</v>
      </c>
      <c r="N3516">
        <v>58280.167529999999</v>
      </c>
      <c r="O3516">
        <v>18930.65468</v>
      </c>
      <c r="P3516">
        <v>35214.874830000001</v>
      </c>
      <c r="Q3516">
        <v>50982.360209999999</v>
      </c>
      <c r="R3516">
        <v>15779.542289999999</v>
      </c>
      <c r="S3516">
        <v>84308.357520000005</v>
      </c>
      <c r="T3516">
        <v>26297.594389999998</v>
      </c>
      <c r="U3516">
        <v>10428.82877</v>
      </c>
      <c r="W3516" s="83">
        <f>Bühler!N3548</f>
        <v>45438.416666658144</v>
      </c>
      <c r="X3516" s="83">
        <v>43247.416666666664</v>
      </c>
      <c r="Y3516">
        <v>156152.2525</v>
      </c>
      <c r="Z3516">
        <v>14250.5929</v>
      </c>
      <c r="AA3516">
        <v>60820.827140000001</v>
      </c>
      <c r="AB3516">
        <v>30844.552329999999</v>
      </c>
      <c r="AC3516">
        <v>32473.54723</v>
      </c>
      <c r="AD3516">
        <v>20988.09015</v>
      </c>
      <c r="AE3516">
        <v>40931.508990000002</v>
      </c>
      <c r="AF3516">
        <v>45117.87657</v>
      </c>
      <c r="AG3516">
        <v>25996.280429999999</v>
      </c>
      <c r="AH3516">
        <v>203695.54149999999</v>
      </c>
      <c r="AI3516">
        <v>58280.167529999999</v>
      </c>
      <c r="AJ3516">
        <v>18930.65468</v>
      </c>
      <c r="AK3516">
        <v>35214.874830000001</v>
      </c>
      <c r="AL3516">
        <v>50982.360209999999</v>
      </c>
      <c r="AM3516">
        <v>15779.542289999999</v>
      </c>
      <c r="AN3516">
        <v>84308.357520000005</v>
      </c>
      <c r="AO3516">
        <v>26297.594389999998</v>
      </c>
      <c r="AP3516">
        <v>10428.82877</v>
      </c>
    </row>
    <row r="3517" spans="2:42" x14ac:dyDescent="0.3">
      <c r="B3517">
        <v>40.326646232431024</v>
      </c>
      <c r="C3517" s="83">
        <v>43247.458333333336</v>
      </c>
      <c r="D3517">
        <v>156228.6753</v>
      </c>
      <c r="E3517">
        <v>14486.279570000001</v>
      </c>
      <c r="F3517">
        <v>61843.002159999996</v>
      </c>
      <c r="G3517">
        <v>31232.828509999999</v>
      </c>
      <c r="H3517">
        <v>32782.006280000001</v>
      </c>
      <c r="I3517">
        <v>21147.35356</v>
      </c>
      <c r="J3517">
        <v>40796.578849999998</v>
      </c>
      <c r="K3517">
        <v>46661.327879999997</v>
      </c>
      <c r="L3517">
        <v>27349.19112</v>
      </c>
      <c r="M3517">
        <v>205604.0485</v>
      </c>
      <c r="N3517">
        <v>58870.300770000002</v>
      </c>
      <c r="O3517">
        <v>18826.850040000001</v>
      </c>
      <c r="P3517">
        <v>34383.084329999998</v>
      </c>
      <c r="Q3517">
        <v>50097.68103</v>
      </c>
      <c r="R3517">
        <v>18157.913919999999</v>
      </c>
      <c r="S3517">
        <v>86933.765029999995</v>
      </c>
      <c r="T3517">
        <v>26771.480439999999</v>
      </c>
      <c r="U3517">
        <v>10557.56949</v>
      </c>
      <c r="W3517" s="83">
        <f>Bühler!N3549</f>
        <v>45438.458333324808</v>
      </c>
      <c r="X3517" s="83">
        <v>43247.458333333336</v>
      </c>
      <c r="Y3517">
        <v>156228.6753</v>
      </c>
      <c r="Z3517">
        <v>14486.279570000001</v>
      </c>
      <c r="AA3517">
        <v>61843.002159999996</v>
      </c>
      <c r="AB3517">
        <v>31232.828509999999</v>
      </c>
      <c r="AC3517">
        <v>32782.006280000001</v>
      </c>
      <c r="AD3517">
        <v>21147.35356</v>
      </c>
      <c r="AE3517">
        <v>40796.578849999998</v>
      </c>
      <c r="AF3517">
        <v>46661.327879999997</v>
      </c>
      <c r="AG3517">
        <v>27349.19112</v>
      </c>
      <c r="AH3517">
        <v>205604.0485</v>
      </c>
      <c r="AI3517">
        <v>58870.300770000002</v>
      </c>
      <c r="AJ3517">
        <v>18826.850040000001</v>
      </c>
      <c r="AK3517">
        <v>34383.084329999998</v>
      </c>
      <c r="AL3517">
        <v>50097.68103</v>
      </c>
      <c r="AM3517">
        <v>18157.913919999999</v>
      </c>
      <c r="AN3517">
        <v>86933.765029999995</v>
      </c>
      <c r="AO3517">
        <v>26771.480439999999</v>
      </c>
      <c r="AP3517">
        <v>10557.56949</v>
      </c>
    </row>
    <row r="3518" spans="2:42" x14ac:dyDescent="0.3">
      <c r="B3518">
        <v>40.556437079603825</v>
      </c>
      <c r="C3518" s="83">
        <v>43247.5</v>
      </c>
      <c r="D3518">
        <v>156325.90520000001</v>
      </c>
      <c r="E3518">
        <v>14520.081260000001</v>
      </c>
      <c r="F3518">
        <v>56009.321839999997</v>
      </c>
      <c r="G3518">
        <v>31557.908800000001</v>
      </c>
      <c r="H3518">
        <v>32655.696820000001</v>
      </c>
      <c r="I3518">
        <v>21592.69514</v>
      </c>
      <c r="J3518">
        <v>41401.281660000001</v>
      </c>
      <c r="K3518">
        <v>46467.753479999999</v>
      </c>
      <c r="L3518">
        <v>29036.06696</v>
      </c>
      <c r="M3518">
        <v>206775.62940000001</v>
      </c>
      <c r="N3518">
        <v>59367.896399999998</v>
      </c>
      <c r="O3518">
        <v>18828.885539999999</v>
      </c>
      <c r="P3518">
        <v>34349.33496</v>
      </c>
      <c r="Q3518">
        <v>48675.9882</v>
      </c>
      <c r="R3518">
        <v>17011.570100000001</v>
      </c>
      <c r="S3518">
        <v>83434.443700000003</v>
      </c>
      <c r="T3518">
        <v>26436.914830000002</v>
      </c>
      <c r="U3518">
        <v>10523.860199999999</v>
      </c>
      <c r="W3518" s="83">
        <f>Bühler!N3550</f>
        <v>45438.499999991473</v>
      </c>
      <c r="X3518" s="83">
        <v>43247.5</v>
      </c>
      <c r="Y3518">
        <v>156325.90520000001</v>
      </c>
      <c r="Z3518">
        <v>14520.081260000001</v>
      </c>
      <c r="AA3518">
        <v>56009.321839999997</v>
      </c>
      <c r="AB3518">
        <v>31557.908800000001</v>
      </c>
      <c r="AC3518">
        <v>32655.696820000001</v>
      </c>
      <c r="AD3518">
        <v>21592.69514</v>
      </c>
      <c r="AE3518">
        <v>41401.281660000001</v>
      </c>
      <c r="AF3518">
        <v>46467.753479999999</v>
      </c>
      <c r="AG3518">
        <v>29036.06696</v>
      </c>
      <c r="AH3518">
        <v>206775.62940000001</v>
      </c>
      <c r="AI3518">
        <v>59367.896399999998</v>
      </c>
      <c r="AJ3518">
        <v>18828.885539999999</v>
      </c>
      <c r="AK3518">
        <v>34349.33496</v>
      </c>
      <c r="AL3518">
        <v>48675.9882</v>
      </c>
      <c r="AM3518">
        <v>17011.570100000001</v>
      </c>
      <c r="AN3518">
        <v>83434.443700000003</v>
      </c>
      <c r="AO3518">
        <v>26436.914830000002</v>
      </c>
      <c r="AP3518">
        <v>10523.860199999999</v>
      </c>
    </row>
    <row r="3519" spans="2:42" x14ac:dyDescent="0.3">
      <c r="B3519">
        <v>40.666714712580081</v>
      </c>
      <c r="C3519" s="83">
        <v>43247.541666666664</v>
      </c>
      <c r="D3519">
        <v>157127.27220000001</v>
      </c>
      <c r="E3519">
        <v>14253.45919</v>
      </c>
      <c r="F3519">
        <v>47332.804259999997</v>
      </c>
      <c r="G3519">
        <v>31532.069060000002</v>
      </c>
      <c r="H3519">
        <v>32291.608509999998</v>
      </c>
      <c r="I3519">
        <v>21469.75405</v>
      </c>
      <c r="J3519">
        <v>40710.744379999996</v>
      </c>
      <c r="K3519">
        <v>46875.903469999997</v>
      </c>
      <c r="L3519">
        <v>29483.087049999998</v>
      </c>
      <c r="M3519">
        <v>207337.8762</v>
      </c>
      <c r="N3519">
        <v>59126.92684</v>
      </c>
      <c r="O3519">
        <v>19162.7631</v>
      </c>
      <c r="P3519">
        <v>34333.035380000001</v>
      </c>
      <c r="Q3519">
        <v>47793.373059999998</v>
      </c>
      <c r="R3519">
        <v>16774.895509999998</v>
      </c>
      <c r="S3519">
        <v>84256.029450000002</v>
      </c>
      <c r="T3519">
        <v>26322.177479999998</v>
      </c>
      <c r="U3519">
        <v>10290.61817</v>
      </c>
      <c r="W3519" s="83">
        <f>Bühler!N3551</f>
        <v>45438.541666658137</v>
      </c>
      <c r="X3519" s="83">
        <v>43247.541666666664</v>
      </c>
      <c r="Y3519">
        <v>157127.27220000001</v>
      </c>
      <c r="Z3519">
        <v>14253.45919</v>
      </c>
      <c r="AA3519">
        <v>47332.804259999997</v>
      </c>
      <c r="AB3519">
        <v>31532.069060000002</v>
      </c>
      <c r="AC3519">
        <v>32291.608509999998</v>
      </c>
      <c r="AD3519">
        <v>21469.75405</v>
      </c>
      <c r="AE3519">
        <v>40710.744379999996</v>
      </c>
      <c r="AF3519">
        <v>46875.903469999997</v>
      </c>
      <c r="AG3519">
        <v>29483.087049999998</v>
      </c>
      <c r="AH3519">
        <v>207337.8762</v>
      </c>
      <c r="AI3519">
        <v>59126.92684</v>
      </c>
      <c r="AJ3519">
        <v>19162.7631</v>
      </c>
      <c r="AK3519">
        <v>34333.035380000001</v>
      </c>
      <c r="AL3519">
        <v>47793.373059999998</v>
      </c>
      <c r="AM3519">
        <v>16774.895509999998</v>
      </c>
      <c r="AN3519">
        <v>84256.029450000002</v>
      </c>
      <c r="AO3519">
        <v>26322.177479999998</v>
      </c>
      <c r="AP3519">
        <v>10290.61817</v>
      </c>
    </row>
    <row r="3520" spans="2:42" x14ac:dyDescent="0.3">
      <c r="B3520">
        <v>40.625094471164779</v>
      </c>
      <c r="C3520" s="83">
        <v>43247.583333333336</v>
      </c>
      <c r="D3520">
        <v>157731.15700000001</v>
      </c>
      <c r="E3520">
        <v>14571.78009</v>
      </c>
      <c r="F3520">
        <v>46938.286599999999</v>
      </c>
      <c r="G3520">
        <v>31260.19023</v>
      </c>
      <c r="H3520">
        <v>32299.05286</v>
      </c>
      <c r="I3520">
        <v>21505.26756</v>
      </c>
      <c r="J3520">
        <v>39867.251730000004</v>
      </c>
      <c r="K3520">
        <v>46664.395649999999</v>
      </c>
      <c r="L3520">
        <v>28091.749589999999</v>
      </c>
      <c r="M3520">
        <v>207125.67679999999</v>
      </c>
      <c r="N3520">
        <v>58779.360260000001</v>
      </c>
      <c r="O3520">
        <v>19129.33426</v>
      </c>
      <c r="P3520">
        <v>31809.276440000001</v>
      </c>
      <c r="Q3520">
        <v>47628.122810000001</v>
      </c>
      <c r="R3520">
        <v>16742.191780000001</v>
      </c>
      <c r="S3520">
        <v>81645.693580000006</v>
      </c>
      <c r="T3520">
        <v>26308.225689999999</v>
      </c>
      <c r="U3520">
        <v>10105.57588</v>
      </c>
      <c r="W3520" s="83">
        <f>Bühler!N3552</f>
        <v>45438.583333324801</v>
      </c>
      <c r="X3520" s="83">
        <v>43247.583333333336</v>
      </c>
      <c r="Y3520">
        <v>157731.15700000001</v>
      </c>
      <c r="Z3520">
        <v>14571.78009</v>
      </c>
      <c r="AA3520">
        <v>46938.286599999999</v>
      </c>
      <c r="AB3520">
        <v>31260.19023</v>
      </c>
      <c r="AC3520">
        <v>32299.05286</v>
      </c>
      <c r="AD3520">
        <v>21505.26756</v>
      </c>
      <c r="AE3520">
        <v>39867.251730000004</v>
      </c>
      <c r="AF3520">
        <v>46664.395649999999</v>
      </c>
      <c r="AG3520">
        <v>28091.749589999999</v>
      </c>
      <c r="AH3520">
        <v>207125.67679999999</v>
      </c>
      <c r="AI3520">
        <v>58779.360260000001</v>
      </c>
      <c r="AJ3520">
        <v>19129.33426</v>
      </c>
      <c r="AK3520">
        <v>31809.276440000001</v>
      </c>
      <c r="AL3520">
        <v>47628.122810000001</v>
      </c>
      <c r="AM3520">
        <v>16742.191780000001</v>
      </c>
      <c r="AN3520">
        <v>81645.693580000006</v>
      </c>
      <c r="AO3520">
        <v>26308.225689999999</v>
      </c>
      <c r="AP3520">
        <v>10105.57588</v>
      </c>
    </row>
    <row r="3521" spans="2:42" x14ac:dyDescent="0.3">
      <c r="B3521">
        <v>40.798582367460419</v>
      </c>
      <c r="C3521" s="83">
        <v>43247.625</v>
      </c>
      <c r="D3521">
        <v>156743.60879999999</v>
      </c>
      <c r="E3521">
        <v>14682.16259</v>
      </c>
      <c r="F3521">
        <v>47173.513890000002</v>
      </c>
      <c r="G3521">
        <v>30964.155999999999</v>
      </c>
      <c r="H3521">
        <v>31811.256130000002</v>
      </c>
      <c r="I3521">
        <v>21686.294750000001</v>
      </c>
      <c r="J3521">
        <v>39326.112059999999</v>
      </c>
      <c r="K3521">
        <v>46698.23921</v>
      </c>
      <c r="L3521">
        <v>26454.49798</v>
      </c>
      <c r="M3521">
        <v>208010.19899999999</v>
      </c>
      <c r="N3521">
        <v>57903.914519999998</v>
      </c>
      <c r="O3521">
        <v>18465.795620000001</v>
      </c>
      <c r="P3521">
        <v>29431.262289999999</v>
      </c>
      <c r="Q3521">
        <v>47562.628660000002</v>
      </c>
      <c r="R3521">
        <v>16944.088769999998</v>
      </c>
      <c r="S3521">
        <v>81819.273889999997</v>
      </c>
      <c r="T3521">
        <v>26419.346560000002</v>
      </c>
      <c r="U3521">
        <v>9911.9163050000006</v>
      </c>
      <c r="W3521" s="83">
        <f>Bühler!N3553</f>
        <v>45438.624999991465</v>
      </c>
      <c r="X3521" s="83">
        <v>43247.625</v>
      </c>
      <c r="Y3521">
        <v>156743.60879999999</v>
      </c>
      <c r="Z3521">
        <v>14682.16259</v>
      </c>
      <c r="AA3521">
        <v>47173.513890000002</v>
      </c>
      <c r="AB3521">
        <v>30964.155999999999</v>
      </c>
      <c r="AC3521">
        <v>31811.256130000002</v>
      </c>
      <c r="AD3521">
        <v>21686.294750000001</v>
      </c>
      <c r="AE3521">
        <v>39326.112059999999</v>
      </c>
      <c r="AF3521">
        <v>46698.23921</v>
      </c>
      <c r="AG3521">
        <v>26454.49798</v>
      </c>
      <c r="AH3521">
        <v>208010.19899999999</v>
      </c>
      <c r="AI3521">
        <v>57903.914519999998</v>
      </c>
      <c r="AJ3521">
        <v>18465.795620000001</v>
      </c>
      <c r="AK3521">
        <v>29431.262289999999</v>
      </c>
      <c r="AL3521">
        <v>47562.628660000002</v>
      </c>
      <c r="AM3521">
        <v>16944.088769999998</v>
      </c>
      <c r="AN3521">
        <v>81819.273889999997</v>
      </c>
      <c r="AO3521">
        <v>26419.346560000002</v>
      </c>
      <c r="AP3521">
        <v>9911.9163050000006</v>
      </c>
    </row>
    <row r="3522" spans="2:42" x14ac:dyDescent="0.3">
      <c r="B3522">
        <v>40.764011677339433</v>
      </c>
      <c r="C3522" s="83">
        <v>43247.666666666664</v>
      </c>
      <c r="D3522">
        <v>156669.66029999999</v>
      </c>
      <c r="E3522">
        <v>14665.16309</v>
      </c>
      <c r="F3522">
        <v>46622.401380000003</v>
      </c>
      <c r="G3522">
        <v>30994.651539999999</v>
      </c>
      <c r="H3522">
        <v>31743.446769999999</v>
      </c>
      <c r="I3522">
        <v>22143.680240000002</v>
      </c>
      <c r="J3522">
        <v>38530.060129999998</v>
      </c>
      <c r="K3522">
        <v>45330.19657</v>
      </c>
      <c r="L3522">
        <v>25087.217799999999</v>
      </c>
      <c r="M3522">
        <v>207833.94149999999</v>
      </c>
      <c r="N3522">
        <v>58520.024660000003</v>
      </c>
      <c r="O3522">
        <v>17705.580320000001</v>
      </c>
      <c r="P3522">
        <v>28002.731520000001</v>
      </c>
      <c r="Q3522">
        <v>47747.122450000003</v>
      </c>
      <c r="R3522">
        <v>16946.352849999999</v>
      </c>
      <c r="S3522">
        <v>81905.163660000006</v>
      </c>
      <c r="T3522">
        <v>25743.573759999999</v>
      </c>
      <c r="U3522">
        <v>10241.442520000001</v>
      </c>
      <c r="W3522" s="83">
        <f>Bühler!N3554</f>
        <v>45438.66666665813</v>
      </c>
      <c r="X3522" s="83">
        <v>43247.666666666664</v>
      </c>
      <c r="Y3522">
        <v>156669.66029999999</v>
      </c>
      <c r="Z3522">
        <v>14665.16309</v>
      </c>
      <c r="AA3522">
        <v>46622.401380000003</v>
      </c>
      <c r="AB3522">
        <v>30994.651539999999</v>
      </c>
      <c r="AC3522">
        <v>31743.446769999999</v>
      </c>
      <c r="AD3522">
        <v>22143.680240000002</v>
      </c>
      <c r="AE3522">
        <v>38530.060129999998</v>
      </c>
      <c r="AF3522">
        <v>45330.19657</v>
      </c>
      <c r="AG3522">
        <v>25087.217799999999</v>
      </c>
      <c r="AH3522">
        <v>207833.94149999999</v>
      </c>
      <c r="AI3522">
        <v>58520.024660000003</v>
      </c>
      <c r="AJ3522">
        <v>17705.580320000001</v>
      </c>
      <c r="AK3522">
        <v>28002.731520000001</v>
      </c>
      <c r="AL3522">
        <v>47747.122450000003</v>
      </c>
      <c r="AM3522">
        <v>16946.352849999999</v>
      </c>
      <c r="AN3522">
        <v>81905.163660000006</v>
      </c>
      <c r="AO3522">
        <v>25743.573759999999</v>
      </c>
      <c r="AP3522">
        <v>10241.442520000001</v>
      </c>
    </row>
    <row r="3523" spans="2:42" x14ac:dyDescent="0.3">
      <c r="B3523">
        <v>40.729064305316257</v>
      </c>
      <c r="C3523" s="83">
        <v>43247.708333333336</v>
      </c>
      <c r="D3523">
        <v>156873.26329999999</v>
      </c>
      <c r="E3523">
        <v>14513.20988</v>
      </c>
      <c r="F3523">
        <v>46230.544779999997</v>
      </c>
      <c r="G3523">
        <v>31004.937160000001</v>
      </c>
      <c r="H3523">
        <v>31602.89042</v>
      </c>
      <c r="I3523">
        <v>22367.235789999999</v>
      </c>
      <c r="J3523">
        <v>39712.464789999998</v>
      </c>
      <c r="K3523">
        <v>43222.260520000003</v>
      </c>
      <c r="L3523">
        <v>25485.890899999999</v>
      </c>
      <c r="M3523">
        <v>207655.7635</v>
      </c>
      <c r="N3523">
        <v>58553.34734</v>
      </c>
      <c r="O3523">
        <v>18228.65653</v>
      </c>
      <c r="P3523">
        <v>28328.237420000001</v>
      </c>
      <c r="Q3523">
        <v>47997.088839999997</v>
      </c>
      <c r="R3523">
        <v>18781.310939999999</v>
      </c>
      <c r="S3523">
        <v>83502.369089999993</v>
      </c>
      <c r="T3523">
        <v>25110.040959999998</v>
      </c>
      <c r="U3523">
        <v>10221.18678</v>
      </c>
      <c r="W3523" s="83">
        <f>Bühler!N3555</f>
        <v>45438.708333324794</v>
      </c>
      <c r="X3523" s="83">
        <v>43247.708333333336</v>
      </c>
      <c r="Y3523">
        <v>156873.26329999999</v>
      </c>
      <c r="Z3523">
        <v>14513.20988</v>
      </c>
      <c r="AA3523">
        <v>46230.544779999997</v>
      </c>
      <c r="AB3523">
        <v>31004.937160000001</v>
      </c>
      <c r="AC3523">
        <v>31602.89042</v>
      </c>
      <c r="AD3523">
        <v>22367.235789999999</v>
      </c>
      <c r="AE3523">
        <v>39712.464789999998</v>
      </c>
      <c r="AF3523">
        <v>43222.260520000003</v>
      </c>
      <c r="AG3523">
        <v>25485.890899999999</v>
      </c>
      <c r="AH3523">
        <v>207655.7635</v>
      </c>
      <c r="AI3523">
        <v>58553.34734</v>
      </c>
      <c r="AJ3523">
        <v>18228.65653</v>
      </c>
      <c r="AK3523">
        <v>28328.237420000001</v>
      </c>
      <c r="AL3523">
        <v>47997.088839999997</v>
      </c>
      <c r="AM3523">
        <v>18781.310939999999</v>
      </c>
      <c r="AN3523">
        <v>83502.369089999993</v>
      </c>
      <c r="AO3523">
        <v>25110.040959999998</v>
      </c>
      <c r="AP3523">
        <v>10221.18678</v>
      </c>
    </row>
    <row r="3524" spans="2:42" x14ac:dyDescent="0.3">
      <c r="B3524">
        <v>40.680572134648095</v>
      </c>
      <c r="C3524" s="83">
        <v>43247.75</v>
      </c>
      <c r="D3524">
        <v>156890.44829999999</v>
      </c>
      <c r="E3524">
        <v>13940.246940000001</v>
      </c>
      <c r="F3524">
        <v>46225.184820000002</v>
      </c>
      <c r="G3524">
        <v>30880.837169999999</v>
      </c>
      <c r="H3524">
        <v>31536.654859999999</v>
      </c>
      <c r="I3524">
        <v>22514.1898</v>
      </c>
      <c r="J3524">
        <v>39743.450799999999</v>
      </c>
      <c r="K3524">
        <v>44257.074710000001</v>
      </c>
      <c r="L3524">
        <v>25623.91461</v>
      </c>
      <c r="M3524">
        <v>207408.52780000001</v>
      </c>
      <c r="N3524">
        <v>58329.224269999999</v>
      </c>
      <c r="O3524">
        <v>18278.539339999999</v>
      </c>
      <c r="P3524">
        <v>29663.06726</v>
      </c>
      <c r="Q3524">
        <v>48548.877780000003</v>
      </c>
      <c r="R3524">
        <v>17563.602569999999</v>
      </c>
      <c r="S3524">
        <v>81484.261849999995</v>
      </c>
      <c r="T3524">
        <v>24479.843970000002</v>
      </c>
      <c r="U3524">
        <v>10209.01585</v>
      </c>
      <c r="W3524" s="83">
        <f>Bühler!N3556</f>
        <v>45438.749999991458</v>
      </c>
      <c r="X3524" s="83">
        <v>43247.75</v>
      </c>
      <c r="Y3524">
        <v>156890.44829999999</v>
      </c>
      <c r="Z3524">
        <v>13940.246940000001</v>
      </c>
      <c r="AA3524">
        <v>46225.184820000002</v>
      </c>
      <c r="AB3524">
        <v>30880.837169999999</v>
      </c>
      <c r="AC3524">
        <v>31536.654859999999</v>
      </c>
      <c r="AD3524">
        <v>22514.1898</v>
      </c>
      <c r="AE3524">
        <v>39743.450799999999</v>
      </c>
      <c r="AF3524">
        <v>44257.074710000001</v>
      </c>
      <c r="AG3524">
        <v>25623.91461</v>
      </c>
      <c r="AH3524">
        <v>207408.52780000001</v>
      </c>
      <c r="AI3524">
        <v>58329.224269999999</v>
      </c>
      <c r="AJ3524">
        <v>18278.539339999999</v>
      </c>
      <c r="AK3524">
        <v>29663.06726</v>
      </c>
      <c r="AL3524">
        <v>48548.877780000003</v>
      </c>
      <c r="AM3524">
        <v>17563.602569999999</v>
      </c>
      <c r="AN3524">
        <v>81484.261849999995</v>
      </c>
      <c r="AO3524">
        <v>24479.843970000002</v>
      </c>
      <c r="AP3524">
        <v>10209.01585</v>
      </c>
    </row>
    <row r="3525" spans="2:42" x14ac:dyDescent="0.3">
      <c r="B3525">
        <v>40.676763911018128</v>
      </c>
      <c r="C3525" s="83">
        <v>43247.791666666664</v>
      </c>
      <c r="D3525">
        <v>156275.2788</v>
      </c>
      <c r="E3525">
        <v>12780.23417</v>
      </c>
      <c r="F3525">
        <v>46188.954960000003</v>
      </c>
      <c r="G3525">
        <v>30902.836520000001</v>
      </c>
      <c r="H3525">
        <v>30921.624650000002</v>
      </c>
      <c r="I3525">
        <v>22182.734110000001</v>
      </c>
      <c r="J3525">
        <v>39555.069190000002</v>
      </c>
      <c r="K3525">
        <v>45732.867460000001</v>
      </c>
      <c r="L3525">
        <v>25996.761330000001</v>
      </c>
      <c r="M3525">
        <v>207389.11170000001</v>
      </c>
      <c r="N3525">
        <v>59083.234210000002</v>
      </c>
      <c r="O3525">
        <v>17507.907500000001</v>
      </c>
      <c r="P3525">
        <v>31862.43521</v>
      </c>
      <c r="Q3525">
        <v>48437.886780000001</v>
      </c>
      <c r="R3525">
        <v>16485.71343</v>
      </c>
      <c r="S3525">
        <v>80158.200129999997</v>
      </c>
      <c r="T3525">
        <v>23876.360860000001</v>
      </c>
      <c r="U3525">
        <v>10072.683349999999</v>
      </c>
      <c r="W3525" s="83">
        <f>Bühler!N3557</f>
        <v>45438.791666658122</v>
      </c>
      <c r="X3525" s="83">
        <v>43247.791666666664</v>
      </c>
      <c r="Y3525">
        <v>156275.2788</v>
      </c>
      <c r="Z3525">
        <v>12780.23417</v>
      </c>
      <c r="AA3525">
        <v>46188.954960000003</v>
      </c>
      <c r="AB3525">
        <v>30902.836520000001</v>
      </c>
      <c r="AC3525">
        <v>30921.624650000002</v>
      </c>
      <c r="AD3525">
        <v>22182.734110000001</v>
      </c>
      <c r="AE3525">
        <v>39555.069190000002</v>
      </c>
      <c r="AF3525">
        <v>45732.867460000001</v>
      </c>
      <c r="AG3525">
        <v>25996.761330000001</v>
      </c>
      <c r="AH3525">
        <v>207389.11170000001</v>
      </c>
      <c r="AI3525">
        <v>59083.234210000002</v>
      </c>
      <c r="AJ3525">
        <v>17507.907500000001</v>
      </c>
      <c r="AK3525">
        <v>31862.43521</v>
      </c>
      <c r="AL3525">
        <v>48437.886780000001</v>
      </c>
      <c r="AM3525">
        <v>16485.71343</v>
      </c>
      <c r="AN3525">
        <v>80158.200129999997</v>
      </c>
      <c r="AO3525">
        <v>23876.360860000001</v>
      </c>
      <c r="AP3525">
        <v>10072.683349999999</v>
      </c>
    </row>
    <row r="3526" spans="2:42" x14ac:dyDescent="0.3">
      <c r="B3526">
        <v>40.500500886075748</v>
      </c>
      <c r="C3526" s="83">
        <v>43247.833333333336</v>
      </c>
      <c r="D3526">
        <v>156331.92610000001</v>
      </c>
      <c r="E3526">
        <v>11677.957189999999</v>
      </c>
      <c r="F3526">
        <v>45429.289879999997</v>
      </c>
      <c r="G3526">
        <v>30816.504980000002</v>
      </c>
      <c r="H3526">
        <v>30703.283299999999</v>
      </c>
      <c r="I3526">
        <v>21011.838729999999</v>
      </c>
      <c r="J3526">
        <v>39093.176619999998</v>
      </c>
      <c r="K3526">
        <v>45962.500240000001</v>
      </c>
      <c r="L3526">
        <v>25452.523939999999</v>
      </c>
      <c r="M3526">
        <v>206490.4406</v>
      </c>
      <c r="N3526">
        <v>60137.842259999998</v>
      </c>
      <c r="O3526">
        <v>17593.020789999999</v>
      </c>
      <c r="P3526">
        <v>31385.205389999999</v>
      </c>
      <c r="Q3526">
        <v>48680.525679999999</v>
      </c>
      <c r="R3526">
        <v>16343.186669999999</v>
      </c>
      <c r="S3526">
        <v>75384.073869999993</v>
      </c>
      <c r="T3526">
        <v>21275.357629999999</v>
      </c>
      <c r="U3526">
        <v>10690.696889999999</v>
      </c>
      <c r="W3526" s="83">
        <f>Bühler!N3558</f>
        <v>45438.833333324787</v>
      </c>
      <c r="X3526" s="83">
        <v>43247.833333333336</v>
      </c>
      <c r="Y3526">
        <v>156331.92610000001</v>
      </c>
      <c r="Z3526">
        <v>11677.957189999999</v>
      </c>
      <c r="AA3526">
        <v>45429.289879999997</v>
      </c>
      <c r="AB3526">
        <v>30816.504980000002</v>
      </c>
      <c r="AC3526">
        <v>30703.283299999999</v>
      </c>
      <c r="AD3526">
        <v>21011.838729999999</v>
      </c>
      <c r="AE3526">
        <v>39093.176619999998</v>
      </c>
      <c r="AF3526">
        <v>45962.500240000001</v>
      </c>
      <c r="AG3526">
        <v>25452.523939999999</v>
      </c>
      <c r="AH3526">
        <v>206490.4406</v>
      </c>
      <c r="AI3526">
        <v>60137.842259999998</v>
      </c>
      <c r="AJ3526">
        <v>17593.020789999999</v>
      </c>
      <c r="AK3526">
        <v>31385.205389999999</v>
      </c>
      <c r="AL3526">
        <v>48680.525679999999</v>
      </c>
      <c r="AM3526">
        <v>16343.186669999999</v>
      </c>
      <c r="AN3526">
        <v>75384.073869999993</v>
      </c>
      <c r="AO3526">
        <v>21275.357629999999</v>
      </c>
      <c r="AP3526">
        <v>10690.696889999999</v>
      </c>
    </row>
    <row r="3527" spans="2:42" x14ac:dyDescent="0.3">
      <c r="B3527">
        <v>40.33280971334711</v>
      </c>
      <c r="C3527" s="83">
        <v>43247.875</v>
      </c>
      <c r="D3527">
        <v>157503.08199999999</v>
      </c>
      <c r="E3527">
        <v>11535.156660000001</v>
      </c>
      <c r="F3527">
        <v>44885.09693</v>
      </c>
      <c r="G3527">
        <v>31120.502209999999</v>
      </c>
      <c r="H3527">
        <v>30965.367279999999</v>
      </c>
      <c r="I3527">
        <v>20384.988840000002</v>
      </c>
      <c r="J3527">
        <v>39530.733079999998</v>
      </c>
      <c r="K3527">
        <v>45732.071609999999</v>
      </c>
      <c r="L3527">
        <v>23979.821260000001</v>
      </c>
      <c r="M3527">
        <v>205635.47279999999</v>
      </c>
      <c r="N3527">
        <v>60713.648099999999</v>
      </c>
      <c r="O3527">
        <v>18120.324980000001</v>
      </c>
      <c r="P3527">
        <v>30739.511610000001</v>
      </c>
      <c r="Q3527">
        <v>49794.397369999999</v>
      </c>
      <c r="R3527">
        <v>16691.10355</v>
      </c>
      <c r="S3527">
        <v>73746.482010000007</v>
      </c>
      <c r="T3527">
        <v>20770.596679999999</v>
      </c>
      <c r="U3527">
        <v>10962.935509999999</v>
      </c>
      <c r="W3527" s="83">
        <f>Bühler!N3559</f>
        <v>45438.874999991451</v>
      </c>
      <c r="X3527" s="83">
        <v>43247.875</v>
      </c>
      <c r="Y3527">
        <v>157503.08199999999</v>
      </c>
      <c r="Z3527">
        <v>11535.156660000001</v>
      </c>
      <c r="AA3527">
        <v>44885.09693</v>
      </c>
      <c r="AB3527">
        <v>31120.502209999999</v>
      </c>
      <c r="AC3527">
        <v>30965.367279999999</v>
      </c>
      <c r="AD3527">
        <v>20384.988840000002</v>
      </c>
      <c r="AE3527">
        <v>39530.733079999998</v>
      </c>
      <c r="AF3527">
        <v>45732.071609999999</v>
      </c>
      <c r="AG3527">
        <v>23979.821260000001</v>
      </c>
      <c r="AH3527">
        <v>205635.47279999999</v>
      </c>
      <c r="AI3527">
        <v>60713.648099999999</v>
      </c>
      <c r="AJ3527">
        <v>18120.324980000001</v>
      </c>
      <c r="AK3527">
        <v>30739.511610000001</v>
      </c>
      <c r="AL3527">
        <v>49794.397369999999</v>
      </c>
      <c r="AM3527">
        <v>16691.10355</v>
      </c>
      <c r="AN3527">
        <v>73746.482010000007</v>
      </c>
      <c r="AO3527">
        <v>20770.596679999999</v>
      </c>
      <c r="AP3527">
        <v>10962.935509999999</v>
      </c>
    </row>
    <row r="3528" spans="2:42" x14ac:dyDescent="0.3">
      <c r="B3528">
        <v>40.656142258750897</v>
      </c>
      <c r="C3528" s="83">
        <v>43247.916666666664</v>
      </c>
      <c r="D3528">
        <v>159717.38449999999</v>
      </c>
      <c r="E3528">
        <v>11463.42647</v>
      </c>
      <c r="F3528">
        <v>44473.596769999996</v>
      </c>
      <c r="G3528">
        <v>32004.166689999998</v>
      </c>
      <c r="H3528">
        <v>32618.72795</v>
      </c>
      <c r="I3528">
        <v>20001.30301</v>
      </c>
      <c r="J3528">
        <v>39281.21847</v>
      </c>
      <c r="K3528">
        <v>48753.117939999996</v>
      </c>
      <c r="L3528">
        <v>21958.075769999999</v>
      </c>
      <c r="M3528">
        <v>207283.97289999999</v>
      </c>
      <c r="N3528">
        <v>61382.452109999998</v>
      </c>
      <c r="O3528">
        <v>18381.509269999999</v>
      </c>
      <c r="P3528">
        <v>30929.222519999999</v>
      </c>
      <c r="Q3528">
        <v>50296.289530000002</v>
      </c>
      <c r="R3528">
        <v>17540.263999999999</v>
      </c>
      <c r="S3528">
        <v>73594.395189999996</v>
      </c>
      <c r="T3528">
        <v>20340.03746</v>
      </c>
      <c r="U3528">
        <v>11589.224459999999</v>
      </c>
      <c r="W3528" s="83">
        <f>Bühler!N3560</f>
        <v>45438.916666658115</v>
      </c>
      <c r="X3528" s="83">
        <v>43247.916666666664</v>
      </c>
      <c r="Y3528">
        <v>159717.38449999999</v>
      </c>
      <c r="Z3528">
        <v>11463.42647</v>
      </c>
      <c r="AA3528">
        <v>44473.596769999996</v>
      </c>
      <c r="AB3528">
        <v>32004.166689999998</v>
      </c>
      <c r="AC3528">
        <v>32618.72795</v>
      </c>
      <c r="AD3528">
        <v>20001.30301</v>
      </c>
      <c r="AE3528">
        <v>39281.21847</v>
      </c>
      <c r="AF3528">
        <v>48753.117939999996</v>
      </c>
      <c r="AG3528">
        <v>21958.075769999999</v>
      </c>
      <c r="AH3528">
        <v>207283.97289999999</v>
      </c>
      <c r="AI3528">
        <v>61382.452109999998</v>
      </c>
      <c r="AJ3528">
        <v>18381.509269999999</v>
      </c>
      <c r="AK3528">
        <v>30929.222519999999</v>
      </c>
      <c r="AL3528">
        <v>50296.289530000002</v>
      </c>
      <c r="AM3528">
        <v>17540.263999999999</v>
      </c>
      <c r="AN3528">
        <v>73594.395189999996</v>
      </c>
      <c r="AO3528">
        <v>20340.03746</v>
      </c>
      <c r="AP3528">
        <v>11589.224459999999</v>
      </c>
    </row>
    <row r="3529" spans="2:42" x14ac:dyDescent="0.3">
      <c r="B3529">
        <v>40.998569899320621</v>
      </c>
      <c r="C3529" s="83">
        <v>43247.958333333336</v>
      </c>
      <c r="D3529">
        <v>159862.8982</v>
      </c>
      <c r="E3529">
        <v>11109.812879999999</v>
      </c>
      <c r="F3529">
        <v>43706.217839999998</v>
      </c>
      <c r="G3529">
        <v>31655.973450000001</v>
      </c>
      <c r="H3529">
        <v>32176.631069999999</v>
      </c>
      <c r="I3529">
        <v>19559.80112</v>
      </c>
      <c r="J3529">
        <v>36274.021079999999</v>
      </c>
      <c r="K3529">
        <v>48197.686159999997</v>
      </c>
      <c r="L3529">
        <v>18675.432949999999</v>
      </c>
      <c r="M3529">
        <v>209029.82870000001</v>
      </c>
      <c r="N3529">
        <v>61584.259120000002</v>
      </c>
      <c r="O3529">
        <v>18174.506710000001</v>
      </c>
      <c r="P3529">
        <v>28386.194960000001</v>
      </c>
      <c r="Q3529">
        <v>50796.391660000001</v>
      </c>
      <c r="R3529">
        <v>18237.43518</v>
      </c>
      <c r="S3529">
        <v>72212.56048</v>
      </c>
      <c r="T3529">
        <v>19297.4964</v>
      </c>
      <c r="U3529">
        <v>11483.233399999999</v>
      </c>
      <c r="W3529" s="83">
        <f>Bühler!N3561</f>
        <v>45438.958333324779</v>
      </c>
      <c r="X3529" s="83">
        <v>43247.958333333336</v>
      </c>
      <c r="Y3529">
        <v>159862.8982</v>
      </c>
      <c r="Z3529">
        <v>11109.812879999999</v>
      </c>
      <c r="AA3529">
        <v>43706.217839999998</v>
      </c>
      <c r="AB3529">
        <v>31655.973450000001</v>
      </c>
      <c r="AC3529">
        <v>32176.631069999999</v>
      </c>
      <c r="AD3529">
        <v>19559.80112</v>
      </c>
      <c r="AE3529">
        <v>36274.021079999999</v>
      </c>
      <c r="AF3529">
        <v>48197.686159999997</v>
      </c>
      <c r="AG3529">
        <v>18675.432949999999</v>
      </c>
      <c r="AH3529">
        <v>209029.82870000001</v>
      </c>
      <c r="AI3529">
        <v>61584.259120000002</v>
      </c>
      <c r="AJ3529">
        <v>18174.506710000001</v>
      </c>
      <c r="AK3529">
        <v>28386.194960000001</v>
      </c>
      <c r="AL3529">
        <v>50796.391660000001</v>
      </c>
      <c r="AM3529">
        <v>18237.43518</v>
      </c>
      <c r="AN3529">
        <v>72212.56048</v>
      </c>
      <c r="AO3529">
        <v>19297.4964</v>
      </c>
      <c r="AP3529">
        <v>11483.233399999999</v>
      </c>
    </row>
    <row r="3530" spans="2:42" x14ac:dyDescent="0.3">
      <c r="B3530">
        <v>45.27026411857603</v>
      </c>
      <c r="C3530" s="83">
        <v>43248</v>
      </c>
      <c r="D3530">
        <v>177914.62609999999</v>
      </c>
      <c r="E3530">
        <v>11559.77628</v>
      </c>
      <c r="F3530">
        <v>45580.335809999997</v>
      </c>
      <c r="G3530">
        <v>31886.25416</v>
      </c>
      <c r="H3530">
        <v>32889.877670000002</v>
      </c>
      <c r="I3530">
        <v>18630.510590000002</v>
      </c>
      <c r="J3530">
        <v>33796.646860000001</v>
      </c>
      <c r="K3530">
        <v>46055.982620000002</v>
      </c>
      <c r="L3530">
        <v>16956.847539999999</v>
      </c>
      <c r="M3530">
        <v>230808.9179</v>
      </c>
      <c r="N3530">
        <v>66407.474700000006</v>
      </c>
      <c r="O3530">
        <v>17930.941070000001</v>
      </c>
      <c r="P3530">
        <v>25500.94399</v>
      </c>
      <c r="Q3530">
        <v>66094.980119999993</v>
      </c>
      <c r="R3530">
        <v>16127.36825</v>
      </c>
      <c r="S3530">
        <v>71491.023560000001</v>
      </c>
      <c r="T3530">
        <v>18766.25172</v>
      </c>
      <c r="U3530">
        <v>11696.400659999999</v>
      </c>
      <c r="W3530" s="83">
        <f>Bühler!N3562</f>
        <v>45438.999999991443</v>
      </c>
      <c r="X3530" s="83">
        <v>43248</v>
      </c>
      <c r="Y3530">
        <v>177914.62609999999</v>
      </c>
      <c r="Z3530">
        <v>11559.77628</v>
      </c>
      <c r="AA3530">
        <v>45580.335809999997</v>
      </c>
      <c r="AB3530">
        <v>31886.25416</v>
      </c>
      <c r="AC3530">
        <v>32889.877670000002</v>
      </c>
      <c r="AD3530">
        <v>18630.510590000002</v>
      </c>
      <c r="AE3530">
        <v>33796.646860000001</v>
      </c>
      <c r="AF3530">
        <v>46055.982620000002</v>
      </c>
      <c r="AG3530">
        <v>16956.847539999999</v>
      </c>
      <c r="AH3530">
        <v>230808.9179</v>
      </c>
      <c r="AI3530">
        <v>66407.474700000006</v>
      </c>
      <c r="AJ3530">
        <v>17930.941070000001</v>
      </c>
      <c r="AK3530">
        <v>25500.94399</v>
      </c>
      <c r="AL3530">
        <v>66094.980119999993</v>
      </c>
      <c r="AM3530">
        <v>16127.36825</v>
      </c>
      <c r="AN3530">
        <v>71491.023560000001</v>
      </c>
      <c r="AO3530">
        <v>18766.25172</v>
      </c>
      <c r="AP3530">
        <v>11696.400659999999</v>
      </c>
    </row>
    <row r="3531" spans="2:42" x14ac:dyDescent="0.3">
      <c r="B3531">
        <v>45.761183844651924</v>
      </c>
      <c r="C3531" s="83">
        <v>43248.041666666664</v>
      </c>
      <c r="D3531">
        <v>177680.64309999999</v>
      </c>
      <c r="E3531">
        <v>11527.38092</v>
      </c>
      <c r="F3531">
        <v>45597.76526</v>
      </c>
      <c r="G3531">
        <v>31206.358110000001</v>
      </c>
      <c r="H3531">
        <v>32185.385979999999</v>
      </c>
      <c r="I3531">
        <v>14792.98653</v>
      </c>
      <c r="J3531">
        <v>32677.208579999999</v>
      </c>
      <c r="K3531">
        <v>45119.091379999998</v>
      </c>
      <c r="L3531">
        <v>16743.337479999998</v>
      </c>
      <c r="M3531">
        <v>233311.85560000001</v>
      </c>
      <c r="N3531">
        <v>66269.408679999993</v>
      </c>
      <c r="O3531">
        <v>17848.654289999999</v>
      </c>
      <c r="P3531">
        <v>24435.931759999999</v>
      </c>
      <c r="Q3531">
        <v>67837.530970000007</v>
      </c>
      <c r="R3531">
        <v>14759.924419999999</v>
      </c>
      <c r="S3531">
        <v>70402.596359999996</v>
      </c>
      <c r="T3531">
        <v>18221.28501</v>
      </c>
      <c r="U3531">
        <v>11727.839260000001</v>
      </c>
      <c r="W3531" s="83">
        <f>Bühler!N3563</f>
        <v>45439.041666658108</v>
      </c>
      <c r="X3531" s="83">
        <v>43248.041666666664</v>
      </c>
      <c r="Y3531">
        <v>177680.64309999999</v>
      </c>
      <c r="Z3531">
        <v>11527.38092</v>
      </c>
      <c r="AA3531">
        <v>45597.76526</v>
      </c>
      <c r="AB3531">
        <v>31206.358110000001</v>
      </c>
      <c r="AC3531">
        <v>32185.385979999999</v>
      </c>
      <c r="AD3531">
        <v>14792.98653</v>
      </c>
      <c r="AE3531">
        <v>32677.208579999999</v>
      </c>
      <c r="AF3531">
        <v>45119.091379999998</v>
      </c>
      <c r="AG3531">
        <v>16743.337479999998</v>
      </c>
      <c r="AH3531">
        <v>233311.85560000001</v>
      </c>
      <c r="AI3531">
        <v>66269.408679999993</v>
      </c>
      <c r="AJ3531">
        <v>17848.654289999999</v>
      </c>
      <c r="AK3531">
        <v>24435.931759999999</v>
      </c>
      <c r="AL3531">
        <v>67837.530970000007</v>
      </c>
      <c r="AM3531">
        <v>14759.924419999999</v>
      </c>
      <c r="AN3531">
        <v>70402.596359999996</v>
      </c>
      <c r="AO3531">
        <v>18221.28501</v>
      </c>
      <c r="AP3531">
        <v>11727.839260000001</v>
      </c>
    </row>
    <row r="3532" spans="2:42" x14ac:dyDescent="0.3">
      <c r="B3532">
        <v>46.592866043886282</v>
      </c>
      <c r="C3532" s="83">
        <v>43248.083333333336</v>
      </c>
      <c r="D3532">
        <v>179302.2041</v>
      </c>
      <c r="E3532">
        <v>11480.942999999999</v>
      </c>
      <c r="F3532">
        <v>46724.332499999997</v>
      </c>
      <c r="G3532">
        <v>30531.836729999999</v>
      </c>
      <c r="H3532">
        <v>32124.27966</v>
      </c>
      <c r="I3532">
        <v>13304.70434</v>
      </c>
      <c r="J3532">
        <v>32224.756959999999</v>
      </c>
      <c r="K3532">
        <v>43582.913800000002</v>
      </c>
      <c r="L3532">
        <v>17058.156879999999</v>
      </c>
      <c r="M3532">
        <v>237552.1593</v>
      </c>
      <c r="N3532">
        <v>64878.328889999997</v>
      </c>
      <c r="O3532">
        <v>17853.508279999998</v>
      </c>
      <c r="P3532">
        <v>23408.458490000001</v>
      </c>
      <c r="Q3532">
        <v>70952.406140000006</v>
      </c>
      <c r="R3532">
        <v>15326.50806</v>
      </c>
      <c r="S3532">
        <v>69741.246799999994</v>
      </c>
      <c r="T3532">
        <v>17955.128830000001</v>
      </c>
      <c r="U3532">
        <v>11692.24525</v>
      </c>
      <c r="W3532" s="83">
        <f>Bühler!N3564</f>
        <v>45439.083333324772</v>
      </c>
      <c r="X3532" s="83">
        <v>43248.083333333336</v>
      </c>
      <c r="Y3532">
        <v>179302.2041</v>
      </c>
      <c r="Z3532">
        <v>11480.942999999999</v>
      </c>
      <c r="AA3532">
        <v>46724.332499999997</v>
      </c>
      <c r="AB3532">
        <v>30531.836729999999</v>
      </c>
      <c r="AC3532">
        <v>32124.27966</v>
      </c>
      <c r="AD3532">
        <v>13304.70434</v>
      </c>
      <c r="AE3532">
        <v>32224.756959999999</v>
      </c>
      <c r="AF3532">
        <v>43582.913800000002</v>
      </c>
      <c r="AG3532">
        <v>17058.156879999999</v>
      </c>
      <c r="AH3532">
        <v>237552.1593</v>
      </c>
      <c r="AI3532">
        <v>64878.328889999997</v>
      </c>
      <c r="AJ3532">
        <v>17853.508279999998</v>
      </c>
      <c r="AK3532">
        <v>23408.458490000001</v>
      </c>
      <c r="AL3532">
        <v>70952.406140000006</v>
      </c>
      <c r="AM3532">
        <v>15326.50806</v>
      </c>
      <c r="AN3532">
        <v>69741.246799999994</v>
      </c>
      <c r="AO3532">
        <v>17955.128830000001</v>
      </c>
      <c r="AP3532">
        <v>11692.24525</v>
      </c>
    </row>
    <row r="3533" spans="2:42" x14ac:dyDescent="0.3">
      <c r="B3533">
        <v>47.674054391573918</v>
      </c>
      <c r="C3533" s="83">
        <v>43248.125</v>
      </c>
      <c r="D3533">
        <v>184406.04800000001</v>
      </c>
      <c r="E3533">
        <v>11686.49444</v>
      </c>
      <c r="F3533">
        <v>48322.706290000002</v>
      </c>
      <c r="G3533">
        <v>29670.269209999999</v>
      </c>
      <c r="H3533">
        <v>32384.609670000002</v>
      </c>
      <c r="I3533">
        <v>13258.165199999999</v>
      </c>
      <c r="J3533">
        <v>32131.91951</v>
      </c>
      <c r="K3533">
        <v>41842.301299999999</v>
      </c>
      <c r="L3533">
        <v>16852.05544</v>
      </c>
      <c r="M3533">
        <v>243064.56169999999</v>
      </c>
      <c r="N3533">
        <v>64514.7497</v>
      </c>
      <c r="O3533">
        <v>17542.562539999999</v>
      </c>
      <c r="P3533">
        <v>23115.210630000001</v>
      </c>
      <c r="Q3533">
        <v>75516.344559999998</v>
      </c>
      <c r="R3533">
        <v>15047.752479999999</v>
      </c>
      <c r="S3533">
        <v>68666.898459999997</v>
      </c>
      <c r="T3533">
        <v>17766.392240000001</v>
      </c>
      <c r="U3533">
        <v>11655.36217</v>
      </c>
      <c r="W3533" s="83">
        <f>Bühler!N3565</f>
        <v>45439.124999991436</v>
      </c>
      <c r="X3533" s="83">
        <v>43248.125</v>
      </c>
      <c r="Y3533">
        <v>184406.04800000001</v>
      </c>
      <c r="Z3533">
        <v>11686.49444</v>
      </c>
      <c r="AA3533">
        <v>48322.706290000002</v>
      </c>
      <c r="AB3533">
        <v>29670.269209999999</v>
      </c>
      <c r="AC3533">
        <v>32384.609670000002</v>
      </c>
      <c r="AD3533">
        <v>13258.165199999999</v>
      </c>
      <c r="AE3533">
        <v>32131.91951</v>
      </c>
      <c r="AF3533">
        <v>41842.301299999999</v>
      </c>
      <c r="AG3533">
        <v>16852.05544</v>
      </c>
      <c r="AH3533">
        <v>243064.56169999999</v>
      </c>
      <c r="AI3533">
        <v>64514.7497</v>
      </c>
      <c r="AJ3533">
        <v>17542.562539999999</v>
      </c>
      <c r="AK3533">
        <v>23115.210630000001</v>
      </c>
      <c r="AL3533">
        <v>75516.344559999998</v>
      </c>
      <c r="AM3533">
        <v>15047.752479999999</v>
      </c>
      <c r="AN3533">
        <v>68666.898459999997</v>
      </c>
      <c r="AO3533">
        <v>17766.392240000001</v>
      </c>
      <c r="AP3533">
        <v>11655.36217</v>
      </c>
    </row>
    <row r="3534" spans="2:42" x14ac:dyDescent="0.3">
      <c r="B3534">
        <v>50.78518178481977</v>
      </c>
      <c r="C3534" s="83">
        <v>43248.166666666664</v>
      </c>
      <c r="D3534">
        <v>195358.16500000001</v>
      </c>
      <c r="E3534">
        <v>12333.99827</v>
      </c>
      <c r="F3534">
        <v>52087.075210000003</v>
      </c>
      <c r="G3534">
        <v>29227.070909999999</v>
      </c>
      <c r="H3534">
        <v>33045.369100000004</v>
      </c>
      <c r="I3534">
        <v>15213.69198</v>
      </c>
      <c r="J3534">
        <v>34172.270969999998</v>
      </c>
      <c r="K3534">
        <v>41962.588400000001</v>
      </c>
      <c r="L3534">
        <v>16594.47539</v>
      </c>
      <c r="M3534">
        <v>258926.54</v>
      </c>
      <c r="N3534">
        <v>65886.827300000004</v>
      </c>
      <c r="O3534">
        <v>17802.930629999999</v>
      </c>
      <c r="P3534">
        <v>22940.944940000001</v>
      </c>
      <c r="Q3534">
        <v>80859.269289999997</v>
      </c>
      <c r="R3534">
        <v>14882.25359</v>
      </c>
      <c r="S3534">
        <v>69225.845629999996</v>
      </c>
      <c r="T3534">
        <v>17935.832170000001</v>
      </c>
      <c r="U3534">
        <v>12388.97933</v>
      </c>
      <c r="W3534" s="83">
        <f>Bühler!N3566</f>
        <v>45439.1666666581</v>
      </c>
      <c r="X3534" s="83">
        <v>43248.166666666664</v>
      </c>
      <c r="Y3534">
        <v>195358.16500000001</v>
      </c>
      <c r="Z3534">
        <v>12333.99827</v>
      </c>
      <c r="AA3534">
        <v>52087.075210000003</v>
      </c>
      <c r="AB3534">
        <v>29227.070909999999</v>
      </c>
      <c r="AC3534">
        <v>33045.369100000004</v>
      </c>
      <c r="AD3534">
        <v>15213.69198</v>
      </c>
      <c r="AE3534">
        <v>34172.270969999998</v>
      </c>
      <c r="AF3534">
        <v>41962.588400000001</v>
      </c>
      <c r="AG3534">
        <v>16594.47539</v>
      </c>
      <c r="AH3534">
        <v>258926.54</v>
      </c>
      <c r="AI3534">
        <v>65886.827300000004</v>
      </c>
      <c r="AJ3534">
        <v>17802.930629999999</v>
      </c>
      <c r="AK3534">
        <v>22940.944940000001</v>
      </c>
      <c r="AL3534">
        <v>80859.269289999997</v>
      </c>
      <c r="AM3534">
        <v>14882.25359</v>
      </c>
      <c r="AN3534">
        <v>69225.845629999996</v>
      </c>
      <c r="AO3534">
        <v>17935.832170000001</v>
      </c>
      <c r="AP3534">
        <v>12388.97933</v>
      </c>
    </row>
    <row r="3535" spans="2:42" x14ac:dyDescent="0.3">
      <c r="B3535">
        <v>56.179679493605377</v>
      </c>
      <c r="C3535" s="83">
        <v>43248.208333333336</v>
      </c>
      <c r="D3535">
        <v>226939.30129999999</v>
      </c>
      <c r="E3535">
        <v>14285.467710000001</v>
      </c>
      <c r="F3535">
        <v>62301.74207</v>
      </c>
      <c r="G3535">
        <v>31262.191480000001</v>
      </c>
      <c r="H3535">
        <v>34666.753559999997</v>
      </c>
      <c r="I3535">
        <v>22616.2729</v>
      </c>
      <c r="J3535">
        <v>36963.931900000003</v>
      </c>
      <c r="K3535">
        <v>44073.626340000003</v>
      </c>
      <c r="L3535">
        <v>17205.08856</v>
      </c>
      <c r="M3535">
        <v>286430.20500000002</v>
      </c>
      <c r="N3535">
        <v>63350.166239999999</v>
      </c>
      <c r="O3535">
        <v>18498.537799999998</v>
      </c>
      <c r="P3535">
        <v>24543.857469999999</v>
      </c>
      <c r="Q3535">
        <v>86747.130900000004</v>
      </c>
      <c r="R3535">
        <v>17178.018820000001</v>
      </c>
      <c r="S3535">
        <v>71993.226060000001</v>
      </c>
      <c r="T3535">
        <v>19176.890729999999</v>
      </c>
      <c r="U3535">
        <v>13977.70608</v>
      </c>
      <c r="W3535" s="83">
        <f>Bühler!N3567</f>
        <v>45439.208333324765</v>
      </c>
      <c r="X3535" s="83">
        <v>43248.208333333336</v>
      </c>
      <c r="Y3535">
        <v>226939.30129999999</v>
      </c>
      <c r="Z3535">
        <v>14285.467710000001</v>
      </c>
      <c r="AA3535">
        <v>62301.74207</v>
      </c>
      <c r="AB3535">
        <v>31262.191480000001</v>
      </c>
      <c r="AC3535">
        <v>34666.753559999997</v>
      </c>
      <c r="AD3535">
        <v>22616.2729</v>
      </c>
      <c r="AE3535">
        <v>36963.931900000003</v>
      </c>
      <c r="AF3535">
        <v>44073.626340000003</v>
      </c>
      <c r="AG3535">
        <v>17205.08856</v>
      </c>
      <c r="AH3535">
        <v>286430.20500000002</v>
      </c>
      <c r="AI3535">
        <v>63350.166239999999</v>
      </c>
      <c r="AJ3535">
        <v>18498.537799999998</v>
      </c>
      <c r="AK3535">
        <v>24543.857469999999</v>
      </c>
      <c r="AL3535">
        <v>86747.130900000004</v>
      </c>
      <c r="AM3535">
        <v>17178.018820000001</v>
      </c>
      <c r="AN3535">
        <v>71993.226060000001</v>
      </c>
      <c r="AO3535">
        <v>19176.890729999999</v>
      </c>
      <c r="AP3535">
        <v>13977.70608</v>
      </c>
    </row>
    <row r="3536" spans="2:42" x14ac:dyDescent="0.3">
      <c r="B3536">
        <v>60.479392256167515</v>
      </c>
      <c r="C3536" s="83">
        <v>43248.25</v>
      </c>
      <c r="D3536">
        <v>251182.5649</v>
      </c>
      <c r="E3536">
        <v>18323.108990000001</v>
      </c>
      <c r="F3536">
        <v>73577.288650000002</v>
      </c>
      <c r="G3536">
        <v>41759.539060000003</v>
      </c>
      <c r="H3536">
        <v>36842.019529999998</v>
      </c>
      <c r="I3536">
        <v>28955.066070000001</v>
      </c>
      <c r="J3536">
        <v>39124.883629999997</v>
      </c>
      <c r="K3536">
        <v>46268.66762</v>
      </c>
      <c r="L3536">
        <v>17682.557410000001</v>
      </c>
      <c r="M3536">
        <v>308352.1458</v>
      </c>
      <c r="N3536">
        <v>66974.63566</v>
      </c>
      <c r="O3536">
        <v>19682.517530000001</v>
      </c>
      <c r="P3536">
        <v>24674.707989999999</v>
      </c>
      <c r="Q3536">
        <v>89636.111690000005</v>
      </c>
      <c r="R3536">
        <v>16244.92649</v>
      </c>
      <c r="S3536">
        <v>79615.434959999999</v>
      </c>
      <c r="T3536">
        <v>21373.364379999999</v>
      </c>
      <c r="U3536">
        <v>15822.08387</v>
      </c>
      <c r="W3536" s="83">
        <f>Bühler!N3568</f>
        <v>45439.249999991429</v>
      </c>
      <c r="X3536" s="83">
        <v>43248.25</v>
      </c>
      <c r="Y3536">
        <v>251182.5649</v>
      </c>
      <c r="Z3536">
        <v>18323.108990000001</v>
      </c>
      <c r="AA3536">
        <v>73577.288650000002</v>
      </c>
      <c r="AB3536">
        <v>41759.539060000003</v>
      </c>
      <c r="AC3536">
        <v>36842.019529999998</v>
      </c>
      <c r="AD3536">
        <v>28955.066070000001</v>
      </c>
      <c r="AE3536">
        <v>39124.883629999997</v>
      </c>
      <c r="AF3536">
        <v>46268.66762</v>
      </c>
      <c r="AG3536">
        <v>17682.557410000001</v>
      </c>
      <c r="AH3536">
        <v>308352.1458</v>
      </c>
      <c r="AI3536">
        <v>66974.63566</v>
      </c>
      <c r="AJ3536">
        <v>19682.517530000001</v>
      </c>
      <c r="AK3536">
        <v>24674.707989999999</v>
      </c>
      <c r="AL3536">
        <v>89636.111690000005</v>
      </c>
      <c r="AM3536">
        <v>16244.92649</v>
      </c>
      <c r="AN3536">
        <v>79615.434959999999</v>
      </c>
      <c r="AO3536">
        <v>21373.364379999999</v>
      </c>
      <c r="AP3536">
        <v>15822.08387</v>
      </c>
    </row>
    <row r="3537" spans="2:42" x14ac:dyDescent="0.3">
      <c r="B3537">
        <v>63.747048916544678</v>
      </c>
      <c r="C3537" s="83">
        <v>43248.291666666664</v>
      </c>
      <c r="D3537">
        <v>266443.05920000002</v>
      </c>
      <c r="E3537">
        <v>22598.623530000001</v>
      </c>
      <c r="F3537">
        <v>77019.862569999998</v>
      </c>
      <c r="G3537">
        <v>52456.373809999997</v>
      </c>
      <c r="H3537">
        <v>41883.79924</v>
      </c>
      <c r="I3537">
        <v>36132.520400000001</v>
      </c>
      <c r="J3537">
        <v>40816.244550000003</v>
      </c>
      <c r="K3537">
        <v>51667.863319999997</v>
      </c>
      <c r="L3537">
        <v>20258.763330000002</v>
      </c>
      <c r="M3537">
        <v>325012.18329999998</v>
      </c>
      <c r="N3537">
        <v>71187.078160000005</v>
      </c>
      <c r="O3537">
        <v>21898.185679999999</v>
      </c>
      <c r="P3537">
        <v>27699.13321</v>
      </c>
      <c r="Q3537">
        <v>90948.247019999995</v>
      </c>
      <c r="R3537">
        <v>18181.85916</v>
      </c>
      <c r="S3537">
        <v>95023.958710000006</v>
      </c>
      <c r="T3537">
        <v>25107.326799999999</v>
      </c>
      <c r="U3537">
        <v>19266.284459999999</v>
      </c>
      <c r="W3537" s="83">
        <f>Bühler!N3569</f>
        <v>45439.291666658093</v>
      </c>
      <c r="X3537" s="83">
        <v>43248.291666666664</v>
      </c>
      <c r="Y3537">
        <v>266443.05920000002</v>
      </c>
      <c r="Z3537">
        <v>22598.623530000001</v>
      </c>
      <c r="AA3537">
        <v>77019.862569999998</v>
      </c>
      <c r="AB3537">
        <v>52456.373809999997</v>
      </c>
      <c r="AC3537">
        <v>41883.79924</v>
      </c>
      <c r="AD3537">
        <v>36132.520400000001</v>
      </c>
      <c r="AE3537">
        <v>40816.244550000003</v>
      </c>
      <c r="AF3537">
        <v>51667.863319999997</v>
      </c>
      <c r="AG3537">
        <v>20258.763330000002</v>
      </c>
      <c r="AH3537">
        <v>325012.18329999998</v>
      </c>
      <c r="AI3537">
        <v>71187.078160000005</v>
      </c>
      <c r="AJ3537">
        <v>21898.185679999999</v>
      </c>
      <c r="AK3537">
        <v>27699.13321</v>
      </c>
      <c r="AL3537">
        <v>90948.247019999995</v>
      </c>
      <c r="AM3537">
        <v>18181.85916</v>
      </c>
      <c r="AN3537">
        <v>95023.958710000006</v>
      </c>
      <c r="AO3537">
        <v>25107.326799999999</v>
      </c>
      <c r="AP3537">
        <v>19266.284459999999</v>
      </c>
    </row>
    <row r="3538" spans="2:42" x14ac:dyDescent="0.3">
      <c r="B3538">
        <v>65.030044617854145</v>
      </c>
      <c r="C3538" s="83">
        <v>43248.333333333336</v>
      </c>
      <c r="D3538">
        <v>283359.6018</v>
      </c>
      <c r="E3538">
        <v>27986.844969999998</v>
      </c>
      <c r="F3538">
        <v>83526.826199999996</v>
      </c>
      <c r="G3538">
        <v>68570.991630000004</v>
      </c>
      <c r="H3538">
        <v>47907.93</v>
      </c>
      <c r="I3538">
        <v>38772.156990000003</v>
      </c>
      <c r="J3538">
        <v>42947.016459999999</v>
      </c>
      <c r="K3538">
        <v>58942.657160000002</v>
      </c>
      <c r="L3538">
        <v>23406.82922</v>
      </c>
      <c r="M3538">
        <v>331553.49369999999</v>
      </c>
      <c r="N3538">
        <v>78314.143729999996</v>
      </c>
      <c r="O3538">
        <v>24001.319630000002</v>
      </c>
      <c r="P3538">
        <v>30204.173599999998</v>
      </c>
      <c r="Q3538">
        <v>92860.289189999996</v>
      </c>
      <c r="R3538">
        <v>21126.223849999998</v>
      </c>
      <c r="S3538">
        <v>107649.3953</v>
      </c>
      <c r="T3538">
        <v>28511.187099999999</v>
      </c>
      <c r="U3538">
        <v>22705.79723</v>
      </c>
      <c r="W3538" s="83">
        <f>Bühler!N3570</f>
        <v>45439.333333324757</v>
      </c>
      <c r="X3538" s="83">
        <v>43248.333333333336</v>
      </c>
      <c r="Y3538">
        <v>283359.6018</v>
      </c>
      <c r="Z3538">
        <v>27986.844969999998</v>
      </c>
      <c r="AA3538">
        <v>83526.826199999996</v>
      </c>
      <c r="AB3538">
        <v>68570.991630000004</v>
      </c>
      <c r="AC3538">
        <v>47907.93</v>
      </c>
      <c r="AD3538">
        <v>38772.156990000003</v>
      </c>
      <c r="AE3538">
        <v>42947.016459999999</v>
      </c>
      <c r="AF3538">
        <v>58942.657160000002</v>
      </c>
      <c r="AG3538">
        <v>23406.82922</v>
      </c>
      <c r="AH3538">
        <v>331553.49369999999</v>
      </c>
      <c r="AI3538">
        <v>78314.143729999996</v>
      </c>
      <c r="AJ3538">
        <v>24001.319630000002</v>
      </c>
      <c r="AK3538">
        <v>30204.173599999998</v>
      </c>
      <c r="AL3538">
        <v>92860.289189999996</v>
      </c>
      <c r="AM3538">
        <v>21126.223849999998</v>
      </c>
      <c r="AN3538">
        <v>107649.3953</v>
      </c>
      <c r="AO3538">
        <v>28511.187099999999</v>
      </c>
      <c r="AP3538">
        <v>22705.79723</v>
      </c>
    </row>
    <row r="3539" spans="2:42" x14ac:dyDescent="0.3">
      <c r="B3539">
        <v>66.25732986018447</v>
      </c>
      <c r="C3539" s="83">
        <v>43248.375</v>
      </c>
      <c r="D3539">
        <v>287585.69069999998</v>
      </c>
      <c r="E3539">
        <v>32036.779490000001</v>
      </c>
      <c r="F3539">
        <v>91080.512539999996</v>
      </c>
      <c r="G3539">
        <v>79274.428079999998</v>
      </c>
      <c r="H3539">
        <v>50553.300389999997</v>
      </c>
      <c r="I3539">
        <v>37443.042889999997</v>
      </c>
      <c r="J3539">
        <v>44281.271569999997</v>
      </c>
      <c r="K3539">
        <v>62468.032720000003</v>
      </c>
      <c r="L3539">
        <v>26122.592519999998</v>
      </c>
      <c r="M3539">
        <v>337810.76620000001</v>
      </c>
      <c r="N3539">
        <v>85036.125260000001</v>
      </c>
      <c r="O3539">
        <v>24940.330610000001</v>
      </c>
      <c r="P3539">
        <v>31602.365580000002</v>
      </c>
      <c r="Q3539">
        <v>94853.461960000001</v>
      </c>
      <c r="R3539">
        <v>20596.39687</v>
      </c>
      <c r="S3539">
        <v>115425.38890000001</v>
      </c>
      <c r="T3539">
        <v>31599.94369</v>
      </c>
      <c r="U3539">
        <v>23977.229080000001</v>
      </c>
      <c r="W3539" s="83">
        <f>Bühler!N3571</f>
        <v>45439.374999991422</v>
      </c>
      <c r="X3539" s="83">
        <v>43248.375</v>
      </c>
      <c r="Y3539">
        <v>287585.69069999998</v>
      </c>
      <c r="Z3539">
        <v>32036.779490000001</v>
      </c>
      <c r="AA3539">
        <v>91080.512539999996</v>
      </c>
      <c r="AB3539">
        <v>79274.428079999998</v>
      </c>
      <c r="AC3539">
        <v>50553.300389999997</v>
      </c>
      <c r="AD3539">
        <v>37443.042889999997</v>
      </c>
      <c r="AE3539">
        <v>44281.271569999997</v>
      </c>
      <c r="AF3539">
        <v>62468.032720000003</v>
      </c>
      <c r="AG3539">
        <v>26122.592519999998</v>
      </c>
      <c r="AH3539">
        <v>337810.76620000001</v>
      </c>
      <c r="AI3539">
        <v>85036.125260000001</v>
      </c>
      <c r="AJ3539">
        <v>24940.330610000001</v>
      </c>
      <c r="AK3539">
        <v>31602.365580000002</v>
      </c>
      <c r="AL3539">
        <v>94853.461960000001</v>
      </c>
      <c r="AM3539">
        <v>20596.39687</v>
      </c>
      <c r="AN3539">
        <v>115425.38890000001</v>
      </c>
      <c r="AO3539">
        <v>31599.94369</v>
      </c>
      <c r="AP3539">
        <v>23977.229080000001</v>
      </c>
    </row>
    <row r="3540" spans="2:42" x14ac:dyDescent="0.3">
      <c r="B3540">
        <v>67.346690253582622</v>
      </c>
      <c r="C3540" s="83">
        <v>43248.416666666664</v>
      </c>
      <c r="D3540">
        <v>291689.73509999999</v>
      </c>
      <c r="E3540">
        <v>33907.654179999998</v>
      </c>
      <c r="F3540">
        <v>92652.824770000007</v>
      </c>
      <c r="G3540">
        <v>82674.504369999995</v>
      </c>
      <c r="H3540">
        <v>51447.203110000002</v>
      </c>
      <c r="I3540">
        <v>35697.744209999997</v>
      </c>
      <c r="J3540">
        <v>44246.013229999997</v>
      </c>
      <c r="K3540">
        <v>64307.826269999998</v>
      </c>
      <c r="L3540">
        <v>28894.592379999998</v>
      </c>
      <c r="M3540">
        <v>343364.83350000001</v>
      </c>
      <c r="N3540">
        <v>89400.855739999999</v>
      </c>
      <c r="O3540">
        <v>25683.31756</v>
      </c>
      <c r="P3540">
        <v>32426.751909999999</v>
      </c>
      <c r="Q3540">
        <v>96752.316269999996</v>
      </c>
      <c r="R3540">
        <v>21718.916740000001</v>
      </c>
      <c r="S3540">
        <v>117249.86010000001</v>
      </c>
      <c r="T3540">
        <v>33952.788229999998</v>
      </c>
      <c r="U3540">
        <v>24150.21341</v>
      </c>
      <c r="W3540" s="83">
        <f>Bühler!N3572</f>
        <v>45439.416666658086</v>
      </c>
      <c r="X3540" s="83">
        <v>43248.416666666664</v>
      </c>
      <c r="Y3540">
        <v>291689.73509999999</v>
      </c>
      <c r="Z3540">
        <v>33907.654179999998</v>
      </c>
      <c r="AA3540">
        <v>92652.824770000007</v>
      </c>
      <c r="AB3540">
        <v>82674.504369999995</v>
      </c>
      <c r="AC3540">
        <v>51447.203110000002</v>
      </c>
      <c r="AD3540">
        <v>35697.744209999997</v>
      </c>
      <c r="AE3540">
        <v>44246.013229999997</v>
      </c>
      <c r="AF3540">
        <v>64307.826269999998</v>
      </c>
      <c r="AG3540">
        <v>28894.592379999998</v>
      </c>
      <c r="AH3540">
        <v>343364.83350000001</v>
      </c>
      <c r="AI3540">
        <v>89400.855739999999</v>
      </c>
      <c r="AJ3540">
        <v>25683.31756</v>
      </c>
      <c r="AK3540">
        <v>32426.751909999999</v>
      </c>
      <c r="AL3540">
        <v>96752.316269999996</v>
      </c>
      <c r="AM3540">
        <v>21718.916740000001</v>
      </c>
      <c r="AN3540">
        <v>117249.86010000001</v>
      </c>
      <c r="AO3540">
        <v>33952.788229999998</v>
      </c>
      <c r="AP3540">
        <v>24150.21341</v>
      </c>
    </row>
    <row r="3541" spans="2:42" x14ac:dyDescent="0.3">
      <c r="B3541">
        <v>68.530201979519717</v>
      </c>
      <c r="C3541" s="83">
        <v>43248.458333333336</v>
      </c>
      <c r="D3541">
        <v>291431.46850000002</v>
      </c>
      <c r="E3541">
        <v>33932.118880000002</v>
      </c>
      <c r="F3541">
        <v>93684.111120000001</v>
      </c>
      <c r="G3541">
        <v>81612.011530000003</v>
      </c>
      <c r="H3541">
        <v>51170.705029999997</v>
      </c>
      <c r="I3541">
        <v>35478.747159999999</v>
      </c>
      <c r="J3541">
        <v>44609.047709999999</v>
      </c>
      <c r="K3541">
        <v>64637.776120000002</v>
      </c>
      <c r="L3541">
        <v>29815.333559999999</v>
      </c>
      <c r="M3541">
        <v>349398.92820000002</v>
      </c>
      <c r="N3541">
        <v>88704.343200000003</v>
      </c>
      <c r="O3541">
        <v>25268.878499999999</v>
      </c>
      <c r="P3541">
        <v>32118.869699999999</v>
      </c>
      <c r="Q3541">
        <v>97712.900380000006</v>
      </c>
      <c r="R3541">
        <v>24087.337380000001</v>
      </c>
      <c r="S3541">
        <v>119359.64750000001</v>
      </c>
      <c r="T3541">
        <v>33620.237179999996</v>
      </c>
      <c r="U3541">
        <v>24258.609400000001</v>
      </c>
      <c r="W3541" s="83">
        <f>Bühler!N3573</f>
        <v>45439.45833332475</v>
      </c>
      <c r="X3541" s="83">
        <v>43248.458333333336</v>
      </c>
      <c r="Y3541">
        <v>291431.46850000002</v>
      </c>
      <c r="Z3541">
        <v>33932.118880000002</v>
      </c>
      <c r="AA3541">
        <v>93684.111120000001</v>
      </c>
      <c r="AB3541">
        <v>81612.011530000003</v>
      </c>
      <c r="AC3541">
        <v>51170.705029999997</v>
      </c>
      <c r="AD3541">
        <v>35478.747159999999</v>
      </c>
      <c r="AE3541">
        <v>44609.047709999999</v>
      </c>
      <c r="AF3541">
        <v>64637.776120000002</v>
      </c>
      <c r="AG3541">
        <v>29815.333559999999</v>
      </c>
      <c r="AH3541">
        <v>349398.92820000002</v>
      </c>
      <c r="AI3541">
        <v>88704.343200000003</v>
      </c>
      <c r="AJ3541">
        <v>25268.878499999999</v>
      </c>
      <c r="AK3541">
        <v>32118.869699999999</v>
      </c>
      <c r="AL3541">
        <v>97712.900380000006</v>
      </c>
      <c r="AM3541">
        <v>24087.337380000001</v>
      </c>
      <c r="AN3541">
        <v>119359.64750000001</v>
      </c>
      <c r="AO3541">
        <v>33620.237179999996</v>
      </c>
      <c r="AP3541">
        <v>24258.609400000001</v>
      </c>
    </row>
    <row r="3542" spans="2:42" x14ac:dyDescent="0.3">
      <c r="B3542">
        <v>68.08675076333833</v>
      </c>
      <c r="C3542" s="83">
        <v>43248.5</v>
      </c>
      <c r="D3542">
        <v>278884.83889999997</v>
      </c>
      <c r="E3542">
        <v>31346.461169999999</v>
      </c>
      <c r="F3542">
        <v>87508.925069999998</v>
      </c>
      <c r="G3542">
        <v>81828.470069999996</v>
      </c>
      <c r="H3542">
        <v>49974.27794</v>
      </c>
      <c r="I3542">
        <v>34944.557439999997</v>
      </c>
      <c r="J3542">
        <v>44050.283839999996</v>
      </c>
      <c r="K3542">
        <v>60398.061699999998</v>
      </c>
      <c r="L3542">
        <v>31524.634679999999</v>
      </c>
      <c r="M3542">
        <v>347138.00709999999</v>
      </c>
      <c r="N3542">
        <v>87130.19687</v>
      </c>
      <c r="O3542">
        <v>24298.12917</v>
      </c>
      <c r="P3542">
        <v>33162.438600000001</v>
      </c>
      <c r="Q3542">
        <v>97089.512279999995</v>
      </c>
      <c r="R3542">
        <v>24426.474969999999</v>
      </c>
      <c r="S3542">
        <v>113513.3076</v>
      </c>
      <c r="T3542">
        <v>34597.727870000002</v>
      </c>
      <c r="U3542">
        <v>20061.519390000001</v>
      </c>
      <c r="W3542" s="83">
        <f>Bühler!N3574</f>
        <v>45439.499999991414</v>
      </c>
      <c r="X3542" s="83">
        <v>43248.5</v>
      </c>
      <c r="Y3542">
        <v>278884.83889999997</v>
      </c>
      <c r="Z3542">
        <v>31346.461169999999</v>
      </c>
      <c r="AA3542">
        <v>87508.925069999998</v>
      </c>
      <c r="AB3542">
        <v>81828.470069999996</v>
      </c>
      <c r="AC3542">
        <v>49974.27794</v>
      </c>
      <c r="AD3542">
        <v>34944.557439999997</v>
      </c>
      <c r="AE3542">
        <v>44050.283839999996</v>
      </c>
      <c r="AF3542">
        <v>60398.061699999998</v>
      </c>
      <c r="AG3542">
        <v>31524.634679999999</v>
      </c>
      <c r="AH3542">
        <v>347138.00709999999</v>
      </c>
      <c r="AI3542">
        <v>87130.19687</v>
      </c>
      <c r="AJ3542">
        <v>24298.12917</v>
      </c>
      <c r="AK3542">
        <v>33162.438600000001</v>
      </c>
      <c r="AL3542">
        <v>97089.512279999995</v>
      </c>
      <c r="AM3542">
        <v>24426.474969999999</v>
      </c>
      <c r="AN3542">
        <v>113513.3076</v>
      </c>
      <c r="AO3542">
        <v>34597.727870000002</v>
      </c>
      <c r="AP3542">
        <v>20061.519390000001</v>
      </c>
    </row>
    <row r="3543" spans="2:42" x14ac:dyDescent="0.3">
      <c r="B3543">
        <v>68.614772528990997</v>
      </c>
      <c r="C3543" s="83">
        <v>43248.541666666664</v>
      </c>
      <c r="D3543">
        <v>281886.09179999999</v>
      </c>
      <c r="E3543">
        <v>31555.41574</v>
      </c>
      <c r="F3543">
        <v>85162.961850000007</v>
      </c>
      <c r="G3543">
        <v>78794.255539999998</v>
      </c>
      <c r="H3543">
        <v>50431.747799999997</v>
      </c>
      <c r="I3543">
        <v>35000.924149999999</v>
      </c>
      <c r="J3543">
        <v>42522.721989999998</v>
      </c>
      <c r="K3543">
        <v>61475.311560000002</v>
      </c>
      <c r="L3543">
        <v>30634.199779999999</v>
      </c>
      <c r="M3543">
        <v>349830.10830000002</v>
      </c>
      <c r="N3543">
        <v>88491.668919999996</v>
      </c>
      <c r="O3543">
        <v>25036.86795</v>
      </c>
      <c r="P3543">
        <v>32424.199789999999</v>
      </c>
      <c r="Q3543">
        <v>97396.444489999994</v>
      </c>
      <c r="R3543">
        <v>24020.198670000002</v>
      </c>
      <c r="S3543">
        <v>112205.06140000001</v>
      </c>
      <c r="T3543">
        <v>33688.619200000001</v>
      </c>
      <c r="U3543">
        <v>23029.61897</v>
      </c>
      <c r="W3543" s="83">
        <f>Bühler!N3575</f>
        <v>45439.541666658079</v>
      </c>
      <c r="X3543" s="83">
        <v>43248.541666666664</v>
      </c>
      <c r="Y3543">
        <v>281886.09179999999</v>
      </c>
      <c r="Z3543">
        <v>31555.41574</v>
      </c>
      <c r="AA3543">
        <v>85162.961850000007</v>
      </c>
      <c r="AB3543">
        <v>78794.255539999998</v>
      </c>
      <c r="AC3543">
        <v>50431.747799999997</v>
      </c>
      <c r="AD3543">
        <v>35000.924149999999</v>
      </c>
      <c r="AE3543">
        <v>42522.721989999998</v>
      </c>
      <c r="AF3543">
        <v>61475.311560000002</v>
      </c>
      <c r="AG3543">
        <v>30634.199779999999</v>
      </c>
      <c r="AH3543">
        <v>349830.10830000002</v>
      </c>
      <c r="AI3543">
        <v>88491.668919999996</v>
      </c>
      <c r="AJ3543">
        <v>25036.86795</v>
      </c>
      <c r="AK3543">
        <v>32424.199789999999</v>
      </c>
      <c r="AL3543">
        <v>97396.444489999994</v>
      </c>
      <c r="AM3543">
        <v>24020.198670000002</v>
      </c>
      <c r="AN3543">
        <v>112205.06140000001</v>
      </c>
      <c r="AO3543">
        <v>33688.619200000001</v>
      </c>
      <c r="AP3543">
        <v>23029.61897</v>
      </c>
    </row>
    <row r="3544" spans="2:42" x14ac:dyDescent="0.3">
      <c r="B3544">
        <v>69.59123952241444</v>
      </c>
      <c r="C3544" s="83">
        <v>43248.583333333336</v>
      </c>
      <c r="D3544">
        <v>287535.152</v>
      </c>
      <c r="E3544">
        <v>33982.465179999999</v>
      </c>
      <c r="F3544">
        <v>91913.695399999997</v>
      </c>
      <c r="G3544">
        <v>72691.62934</v>
      </c>
      <c r="H3544">
        <v>50160.128859999997</v>
      </c>
      <c r="I3544">
        <v>35237.818500000001</v>
      </c>
      <c r="J3544">
        <v>42318.535259999997</v>
      </c>
      <c r="K3544">
        <v>64330.3554</v>
      </c>
      <c r="L3544">
        <v>27650.729670000001</v>
      </c>
      <c r="M3544">
        <v>354808.59240000002</v>
      </c>
      <c r="N3544">
        <v>89078.193969999993</v>
      </c>
      <c r="O3544">
        <v>25297.156060000001</v>
      </c>
      <c r="P3544">
        <v>29477.449189999999</v>
      </c>
      <c r="Q3544">
        <v>96944.43909</v>
      </c>
      <c r="R3544">
        <v>23949.384959999999</v>
      </c>
      <c r="S3544">
        <v>107930.3686</v>
      </c>
      <c r="T3544">
        <v>32594.707330000001</v>
      </c>
      <c r="U3544">
        <v>23433.514719999999</v>
      </c>
      <c r="W3544" s="83">
        <f>Bühler!N3576</f>
        <v>45439.583333324743</v>
      </c>
      <c r="X3544" s="83">
        <v>43248.583333333336</v>
      </c>
      <c r="Y3544">
        <v>287535.152</v>
      </c>
      <c r="Z3544">
        <v>33982.465179999999</v>
      </c>
      <c r="AA3544">
        <v>91913.695399999997</v>
      </c>
      <c r="AB3544">
        <v>72691.62934</v>
      </c>
      <c r="AC3544">
        <v>50160.128859999997</v>
      </c>
      <c r="AD3544">
        <v>35237.818500000001</v>
      </c>
      <c r="AE3544">
        <v>42318.535259999997</v>
      </c>
      <c r="AF3544">
        <v>64330.3554</v>
      </c>
      <c r="AG3544">
        <v>27650.729670000001</v>
      </c>
      <c r="AH3544">
        <v>354808.59240000002</v>
      </c>
      <c r="AI3544">
        <v>89078.193969999993</v>
      </c>
      <c r="AJ3544">
        <v>25297.156060000001</v>
      </c>
      <c r="AK3544">
        <v>29477.449189999999</v>
      </c>
      <c r="AL3544">
        <v>96944.43909</v>
      </c>
      <c r="AM3544">
        <v>23949.384959999999</v>
      </c>
      <c r="AN3544">
        <v>107930.3686</v>
      </c>
      <c r="AO3544">
        <v>32594.707330000001</v>
      </c>
      <c r="AP3544">
        <v>23433.514719999999</v>
      </c>
    </row>
    <row r="3545" spans="2:42" x14ac:dyDescent="0.3">
      <c r="B3545">
        <v>69.569507065520838</v>
      </c>
      <c r="C3545" s="83">
        <v>43248.625</v>
      </c>
      <c r="D3545">
        <v>285724.9669</v>
      </c>
      <c r="E3545">
        <v>33780.756220000003</v>
      </c>
      <c r="F3545">
        <v>93142.082920000001</v>
      </c>
      <c r="G3545">
        <v>68799.205360000007</v>
      </c>
      <c r="H3545">
        <v>48671.767480000002</v>
      </c>
      <c r="I3545">
        <v>35521.30186</v>
      </c>
      <c r="J3545">
        <v>42016.538569999997</v>
      </c>
      <c r="K3545">
        <v>64138.239350000003</v>
      </c>
      <c r="L3545">
        <v>24766.942289999999</v>
      </c>
      <c r="M3545">
        <v>354697.79019999999</v>
      </c>
      <c r="N3545">
        <v>86602.583310000002</v>
      </c>
      <c r="O3545">
        <v>24978.94731</v>
      </c>
      <c r="P3545">
        <v>27062.18291</v>
      </c>
      <c r="Q3545">
        <v>96242.513000000006</v>
      </c>
      <c r="R3545">
        <v>23695.364369999999</v>
      </c>
      <c r="S3545">
        <v>104952.5064</v>
      </c>
      <c r="T3545">
        <v>30974.163110000001</v>
      </c>
      <c r="U3545">
        <v>22591.023809999999</v>
      </c>
      <c r="W3545" s="83">
        <f>Bühler!N3577</f>
        <v>45439.624999991407</v>
      </c>
      <c r="X3545" s="83">
        <v>43248.625</v>
      </c>
      <c r="Y3545">
        <v>285724.9669</v>
      </c>
      <c r="Z3545">
        <v>33780.756220000003</v>
      </c>
      <c r="AA3545">
        <v>93142.082920000001</v>
      </c>
      <c r="AB3545">
        <v>68799.205360000007</v>
      </c>
      <c r="AC3545">
        <v>48671.767480000002</v>
      </c>
      <c r="AD3545">
        <v>35521.30186</v>
      </c>
      <c r="AE3545">
        <v>42016.538569999997</v>
      </c>
      <c r="AF3545">
        <v>64138.239350000003</v>
      </c>
      <c r="AG3545">
        <v>24766.942289999999</v>
      </c>
      <c r="AH3545">
        <v>354697.79019999999</v>
      </c>
      <c r="AI3545">
        <v>86602.583310000002</v>
      </c>
      <c r="AJ3545">
        <v>24978.94731</v>
      </c>
      <c r="AK3545">
        <v>27062.18291</v>
      </c>
      <c r="AL3545">
        <v>96242.513000000006</v>
      </c>
      <c r="AM3545">
        <v>23695.364369999999</v>
      </c>
      <c r="AN3545">
        <v>104952.5064</v>
      </c>
      <c r="AO3545">
        <v>30974.163110000001</v>
      </c>
      <c r="AP3545">
        <v>22591.023809999999</v>
      </c>
    </row>
    <row r="3546" spans="2:42" x14ac:dyDescent="0.3">
      <c r="B3546">
        <v>68.465692462747299</v>
      </c>
      <c r="C3546" s="83">
        <v>43248.666666666664</v>
      </c>
      <c r="D3546">
        <v>277973.80009999999</v>
      </c>
      <c r="E3546">
        <v>32981.031640000001</v>
      </c>
      <c r="F3546">
        <v>92789.532009999995</v>
      </c>
      <c r="G3546">
        <v>64288.840190000003</v>
      </c>
      <c r="H3546">
        <v>46917.010419999999</v>
      </c>
      <c r="I3546">
        <v>36901.632469999997</v>
      </c>
      <c r="J3546">
        <v>41257.917139999998</v>
      </c>
      <c r="K3546">
        <v>60027.538529999998</v>
      </c>
      <c r="L3546">
        <v>23451.820790000002</v>
      </c>
      <c r="M3546">
        <v>349070.02860000002</v>
      </c>
      <c r="N3546">
        <v>84192.982229999994</v>
      </c>
      <c r="O3546">
        <v>23817.167969999999</v>
      </c>
      <c r="P3546">
        <v>27358.676589999999</v>
      </c>
      <c r="Q3546">
        <v>95885.588380000001</v>
      </c>
      <c r="R3546">
        <v>22578.674849999999</v>
      </c>
      <c r="S3546">
        <v>101725.98850000001</v>
      </c>
      <c r="T3546">
        <v>30482.137309999998</v>
      </c>
      <c r="U3546">
        <v>20372.44398</v>
      </c>
      <c r="W3546" s="83">
        <f>Bühler!N3578</f>
        <v>45439.666666658071</v>
      </c>
      <c r="X3546" s="83">
        <v>43248.666666666664</v>
      </c>
      <c r="Y3546">
        <v>277973.80009999999</v>
      </c>
      <c r="Z3546">
        <v>32981.031640000001</v>
      </c>
      <c r="AA3546">
        <v>92789.532009999995</v>
      </c>
      <c r="AB3546">
        <v>64288.840190000003</v>
      </c>
      <c r="AC3546">
        <v>46917.010419999999</v>
      </c>
      <c r="AD3546">
        <v>36901.632469999997</v>
      </c>
      <c r="AE3546">
        <v>41257.917139999998</v>
      </c>
      <c r="AF3546">
        <v>60027.538529999998</v>
      </c>
      <c r="AG3546">
        <v>23451.820790000002</v>
      </c>
      <c r="AH3546">
        <v>349070.02860000002</v>
      </c>
      <c r="AI3546">
        <v>84192.982229999994</v>
      </c>
      <c r="AJ3546">
        <v>23817.167969999999</v>
      </c>
      <c r="AK3546">
        <v>27358.676589999999</v>
      </c>
      <c r="AL3546">
        <v>95885.588380000001</v>
      </c>
      <c r="AM3546">
        <v>22578.674849999999</v>
      </c>
      <c r="AN3546">
        <v>101725.98850000001</v>
      </c>
      <c r="AO3546">
        <v>30482.137309999998</v>
      </c>
      <c r="AP3546">
        <v>20372.44398</v>
      </c>
    </row>
    <row r="3547" spans="2:42" x14ac:dyDescent="0.3">
      <c r="B3547">
        <v>66.849789493612462</v>
      </c>
      <c r="C3547" s="83">
        <v>43248.708333333336</v>
      </c>
      <c r="D3547">
        <v>268358.85590000002</v>
      </c>
      <c r="E3547">
        <v>30969.101129999999</v>
      </c>
      <c r="F3547">
        <v>92211.092239999998</v>
      </c>
      <c r="G3547">
        <v>56219.335720000003</v>
      </c>
      <c r="H3547">
        <v>44203.938119999999</v>
      </c>
      <c r="I3547">
        <v>36353.760560000002</v>
      </c>
      <c r="J3547">
        <v>41638.672500000001</v>
      </c>
      <c r="K3547">
        <v>53233.496480000002</v>
      </c>
      <c r="L3547">
        <v>24033.556390000002</v>
      </c>
      <c r="M3547">
        <v>340831.40169999999</v>
      </c>
      <c r="N3547">
        <v>82041.102289999995</v>
      </c>
      <c r="O3547">
        <v>22153.423279999999</v>
      </c>
      <c r="P3547">
        <v>28685.54509</v>
      </c>
      <c r="Q3547">
        <v>93903.351890000005</v>
      </c>
      <c r="R3547">
        <v>23702.07346</v>
      </c>
      <c r="S3547">
        <v>98661.568769999998</v>
      </c>
      <c r="T3547">
        <v>29964.19687</v>
      </c>
      <c r="U3547">
        <v>17782.101750000002</v>
      </c>
      <c r="W3547" s="83">
        <f>Bühler!N3579</f>
        <v>45439.708333324736</v>
      </c>
      <c r="X3547" s="83">
        <v>43248.708333333336</v>
      </c>
      <c r="Y3547">
        <v>268358.85590000002</v>
      </c>
      <c r="Z3547">
        <v>30969.101129999999</v>
      </c>
      <c r="AA3547">
        <v>92211.092239999998</v>
      </c>
      <c r="AB3547">
        <v>56219.335720000003</v>
      </c>
      <c r="AC3547">
        <v>44203.938119999999</v>
      </c>
      <c r="AD3547">
        <v>36353.760560000002</v>
      </c>
      <c r="AE3547">
        <v>41638.672500000001</v>
      </c>
      <c r="AF3547">
        <v>53233.496480000002</v>
      </c>
      <c r="AG3547">
        <v>24033.556390000002</v>
      </c>
      <c r="AH3547">
        <v>340831.40169999999</v>
      </c>
      <c r="AI3547">
        <v>82041.102289999995</v>
      </c>
      <c r="AJ3547">
        <v>22153.423279999999</v>
      </c>
      <c r="AK3547">
        <v>28685.54509</v>
      </c>
      <c r="AL3547">
        <v>93903.351890000005</v>
      </c>
      <c r="AM3547">
        <v>23702.07346</v>
      </c>
      <c r="AN3547">
        <v>98661.568769999998</v>
      </c>
      <c r="AO3547">
        <v>29964.19687</v>
      </c>
      <c r="AP3547">
        <v>17782.101750000002</v>
      </c>
    </row>
    <row r="3548" spans="2:42" x14ac:dyDescent="0.3">
      <c r="B3548">
        <v>65.466962967529</v>
      </c>
      <c r="C3548" s="83">
        <v>43248.75</v>
      </c>
      <c r="D3548">
        <v>261443.19690000001</v>
      </c>
      <c r="E3548">
        <v>27802.373800000001</v>
      </c>
      <c r="F3548">
        <v>89663.081869999995</v>
      </c>
      <c r="G3548">
        <v>47942.249450000003</v>
      </c>
      <c r="H3548">
        <v>41818.789320000003</v>
      </c>
      <c r="I3548">
        <v>34637.316429999999</v>
      </c>
      <c r="J3548">
        <v>40922.513659999997</v>
      </c>
      <c r="K3548">
        <v>51966.399689999998</v>
      </c>
      <c r="L3548">
        <v>25176.251950000002</v>
      </c>
      <c r="M3548">
        <v>333781.10720000003</v>
      </c>
      <c r="N3548">
        <v>78828.388739999995</v>
      </c>
      <c r="O3548">
        <v>20647.414120000001</v>
      </c>
      <c r="P3548">
        <v>30456.67641</v>
      </c>
      <c r="Q3548">
        <v>92360.106589999996</v>
      </c>
      <c r="R3548">
        <v>21006.83034</v>
      </c>
      <c r="S3548">
        <v>91248.209040000002</v>
      </c>
      <c r="T3548">
        <v>30242.116979999999</v>
      </c>
      <c r="U3548">
        <v>15989.07489</v>
      </c>
      <c r="W3548" s="83">
        <f>Bühler!N3580</f>
        <v>45439.7499999914</v>
      </c>
      <c r="X3548" s="83">
        <v>43248.75</v>
      </c>
      <c r="Y3548">
        <v>261443.19690000001</v>
      </c>
      <c r="Z3548">
        <v>27802.373800000001</v>
      </c>
      <c r="AA3548">
        <v>89663.081869999995</v>
      </c>
      <c r="AB3548">
        <v>47942.249450000003</v>
      </c>
      <c r="AC3548">
        <v>41818.789320000003</v>
      </c>
      <c r="AD3548">
        <v>34637.316429999999</v>
      </c>
      <c r="AE3548">
        <v>40922.513659999997</v>
      </c>
      <c r="AF3548">
        <v>51966.399689999998</v>
      </c>
      <c r="AG3548">
        <v>25176.251950000002</v>
      </c>
      <c r="AH3548">
        <v>333781.10720000003</v>
      </c>
      <c r="AI3548">
        <v>78828.388739999995</v>
      </c>
      <c r="AJ3548">
        <v>20647.414120000001</v>
      </c>
      <c r="AK3548">
        <v>30456.67641</v>
      </c>
      <c r="AL3548">
        <v>92360.106589999996</v>
      </c>
      <c r="AM3548">
        <v>21006.83034</v>
      </c>
      <c r="AN3548">
        <v>91248.209040000002</v>
      </c>
      <c r="AO3548">
        <v>30242.116979999999</v>
      </c>
      <c r="AP3548">
        <v>15989.07489</v>
      </c>
    </row>
    <row r="3549" spans="2:42" x14ac:dyDescent="0.3">
      <c r="B3549">
        <v>64.236629494817677</v>
      </c>
      <c r="C3549" s="83">
        <v>43248.791666666664</v>
      </c>
      <c r="D3549">
        <v>255554.10149999999</v>
      </c>
      <c r="E3549">
        <v>22690.008470000001</v>
      </c>
      <c r="F3549">
        <v>78062.896429999993</v>
      </c>
      <c r="G3549">
        <v>43100.020490000003</v>
      </c>
      <c r="H3549">
        <v>39466.106899999999</v>
      </c>
      <c r="I3549">
        <v>31555.662469999999</v>
      </c>
      <c r="J3549">
        <v>40152.305950000002</v>
      </c>
      <c r="K3549">
        <v>51201.804759999999</v>
      </c>
      <c r="L3549">
        <v>25991.074570000001</v>
      </c>
      <c r="M3549">
        <v>327508.29340000002</v>
      </c>
      <c r="N3549">
        <v>76918.280759999994</v>
      </c>
      <c r="O3549">
        <v>19434.35687</v>
      </c>
      <c r="P3549">
        <v>32283.615170000001</v>
      </c>
      <c r="Q3549">
        <v>90435.867169999998</v>
      </c>
      <c r="R3549">
        <v>19783.13565</v>
      </c>
      <c r="S3549">
        <v>86180.721000000005</v>
      </c>
      <c r="T3549">
        <v>30073.06522</v>
      </c>
      <c r="U3549">
        <v>14885.268830000001</v>
      </c>
      <c r="W3549" s="83">
        <f>Bühler!N3581</f>
        <v>45439.791666658064</v>
      </c>
      <c r="X3549" s="83">
        <v>43248.791666666664</v>
      </c>
      <c r="Y3549">
        <v>255554.10149999999</v>
      </c>
      <c r="Z3549">
        <v>22690.008470000001</v>
      </c>
      <c r="AA3549">
        <v>78062.896429999993</v>
      </c>
      <c r="AB3549">
        <v>43100.020490000003</v>
      </c>
      <c r="AC3549">
        <v>39466.106899999999</v>
      </c>
      <c r="AD3549">
        <v>31555.662469999999</v>
      </c>
      <c r="AE3549">
        <v>40152.305950000002</v>
      </c>
      <c r="AF3549">
        <v>51201.804759999999</v>
      </c>
      <c r="AG3549">
        <v>25991.074570000001</v>
      </c>
      <c r="AH3549">
        <v>327508.29340000002</v>
      </c>
      <c r="AI3549">
        <v>76918.280759999994</v>
      </c>
      <c r="AJ3549">
        <v>19434.35687</v>
      </c>
      <c r="AK3549">
        <v>32283.615170000001</v>
      </c>
      <c r="AL3549">
        <v>90435.867169999998</v>
      </c>
      <c r="AM3549">
        <v>19783.13565</v>
      </c>
      <c r="AN3549">
        <v>86180.721000000005</v>
      </c>
      <c r="AO3549">
        <v>30073.06522</v>
      </c>
      <c r="AP3549">
        <v>14885.268830000001</v>
      </c>
    </row>
    <row r="3550" spans="2:42" x14ac:dyDescent="0.3">
      <c r="B3550">
        <v>62.200054845975863</v>
      </c>
      <c r="C3550" s="83">
        <v>43248.833333333336</v>
      </c>
      <c r="D3550">
        <v>245888.12659999999</v>
      </c>
      <c r="E3550">
        <v>16656.866129999999</v>
      </c>
      <c r="F3550">
        <v>61496.771399999998</v>
      </c>
      <c r="G3550">
        <v>38145.264139999999</v>
      </c>
      <c r="H3550">
        <v>37021.70723</v>
      </c>
      <c r="I3550">
        <v>27485.259180000001</v>
      </c>
      <c r="J3550">
        <v>39117.440860000002</v>
      </c>
      <c r="K3550">
        <v>49121.511019999998</v>
      </c>
      <c r="L3550">
        <v>25535.11865</v>
      </c>
      <c r="M3550">
        <v>317124.8861</v>
      </c>
      <c r="N3550">
        <v>74617.31336</v>
      </c>
      <c r="O3550">
        <v>19215.904190000001</v>
      </c>
      <c r="P3550">
        <v>32746.116890000001</v>
      </c>
      <c r="Q3550">
        <v>87390.291150000005</v>
      </c>
      <c r="R3550">
        <v>18261.28559</v>
      </c>
      <c r="S3550">
        <v>79181.1348</v>
      </c>
      <c r="T3550">
        <v>28699.772089999999</v>
      </c>
      <c r="U3550">
        <v>13827.179469999999</v>
      </c>
      <c r="W3550" s="83">
        <f>Bühler!N3582</f>
        <v>45439.833333324728</v>
      </c>
      <c r="X3550" s="83">
        <v>43248.833333333336</v>
      </c>
      <c r="Y3550">
        <v>245888.12659999999</v>
      </c>
      <c r="Z3550">
        <v>16656.866129999999</v>
      </c>
      <c r="AA3550">
        <v>61496.771399999998</v>
      </c>
      <c r="AB3550">
        <v>38145.264139999999</v>
      </c>
      <c r="AC3550">
        <v>37021.70723</v>
      </c>
      <c r="AD3550">
        <v>27485.259180000001</v>
      </c>
      <c r="AE3550">
        <v>39117.440860000002</v>
      </c>
      <c r="AF3550">
        <v>49121.511019999998</v>
      </c>
      <c r="AG3550">
        <v>25535.11865</v>
      </c>
      <c r="AH3550">
        <v>317124.8861</v>
      </c>
      <c r="AI3550">
        <v>74617.31336</v>
      </c>
      <c r="AJ3550">
        <v>19215.904190000001</v>
      </c>
      <c r="AK3550">
        <v>32746.116890000001</v>
      </c>
      <c r="AL3550">
        <v>87390.291150000005</v>
      </c>
      <c r="AM3550">
        <v>18261.28559</v>
      </c>
      <c r="AN3550">
        <v>79181.1348</v>
      </c>
      <c r="AO3550">
        <v>28699.772089999999</v>
      </c>
      <c r="AP3550">
        <v>13827.179469999999</v>
      </c>
    </row>
    <row r="3551" spans="2:42" x14ac:dyDescent="0.3">
      <c r="B3551">
        <v>60.02687119488008</v>
      </c>
      <c r="C3551" s="83">
        <v>43248.875</v>
      </c>
      <c r="D3551">
        <v>237953.01560000001</v>
      </c>
      <c r="E3551">
        <v>14274.619049999999</v>
      </c>
      <c r="F3551">
        <v>53995.086920000002</v>
      </c>
      <c r="G3551">
        <v>36634.512849999999</v>
      </c>
      <c r="H3551">
        <v>35802.554810000001</v>
      </c>
      <c r="I3551">
        <v>23278.06856</v>
      </c>
      <c r="J3551">
        <v>39510.027699999999</v>
      </c>
      <c r="K3551">
        <v>48675.304409999997</v>
      </c>
      <c r="L3551">
        <v>24887.81409</v>
      </c>
      <c r="M3551">
        <v>306044.98239999998</v>
      </c>
      <c r="N3551">
        <v>73696.502550000005</v>
      </c>
      <c r="O3551">
        <v>18565.559109999998</v>
      </c>
      <c r="P3551">
        <v>31875.637559999999</v>
      </c>
      <c r="Q3551">
        <v>85606.04651</v>
      </c>
      <c r="R3551">
        <v>17432.722239999999</v>
      </c>
      <c r="S3551">
        <v>76068.374129999997</v>
      </c>
      <c r="T3551">
        <v>26031.951980000002</v>
      </c>
      <c r="U3551">
        <v>13182.66632</v>
      </c>
      <c r="W3551" s="83">
        <f>Bühler!N3583</f>
        <v>45439.874999991393</v>
      </c>
      <c r="X3551" s="83">
        <v>43248.875</v>
      </c>
      <c r="Y3551">
        <v>237953.01560000001</v>
      </c>
      <c r="Z3551">
        <v>14274.619049999999</v>
      </c>
      <c r="AA3551">
        <v>53995.086920000002</v>
      </c>
      <c r="AB3551">
        <v>36634.512849999999</v>
      </c>
      <c r="AC3551">
        <v>35802.554810000001</v>
      </c>
      <c r="AD3551">
        <v>23278.06856</v>
      </c>
      <c r="AE3551">
        <v>39510.027699999999</v>
      </c>
      <c r="AF3551">
        <v>48675.304409999997</v>
      </c>
      <c r="AG3551">
        <v>24887.81409</v>
      </c>
      <c r="AH3551">
        <v>306044.98239999998</v>
      </c>
      <c r="AI3551">
        <v>73696.502550000005</v>
      </c>
      <c r="AJ3551">
        <v>18565.559109999998</v>
      </c>
      <c r="AK3551">
        <v>31875.637559999999</v>
      </c>
      <c r="AL3551">
        <v>85606.04651</v>
      </c>
      <c r="AM3551">
        <v>17432.722239999999</v>
      </c>
      <c r="AN3551">
        <v>76068.374129999997</v>
      </c>
      <c r="AO3551">
        <v>26031.951980000002</v>
      </c>
      <c r="AP3551">
        <v>13182.66632</v>
      </c>
    </row>
    <row r="3552" spans="2:42" x14ac:dyDescent="0.3">
      <c r="B3552">
        <v>59.824680059181695</v>
      </c>
      <c r="C3552" s="83">
        <v>43248.916666666664</v>
      </c>
      <c r="D3552">
        <v>237461.85250000001</v>
      </c>
      <c r="E3552">
        <v>13644.167160000001</v>
      </c>
      <c r="F3552">
        <v>51995.667289999998</v>
      </c>
      <c r="G3552">
        <v>35481.191079999997</v>
      </c>
      <c r="H3552">
        <v>36545.495419999999</v>
      </c>
      <c r="I3552">
        <v>22020.178619999999</v>
      </c>
      <c r="J3552">
        <v>39481.392399999997</v>
      </c>
      <c r="K3552">
        <v>52553.708910000001</v>
      </c>
      <c r="L3552">
        <v>23377.095880000001</v>
      </c>
      <c r="M3552">
        <v>305014.1177</v>
      </c>
      <c r="N3552">
        <v>73575.188080000007</v>
      </c>
      <c r="O3552">
        <v>18548.131580000001</v>
      </c>
      <c r="P3552">
        <v>34073.993710000002</v>
      </c>
      <c r="Q3552">
        <v>84746.603409999996</v>
      </c>
      <c r="R3552">
        <v>18864.416539999998</v>
      </c>
      <c r="S3552">
        <v>75738.003800000006</v>
      </c>
      <c r="T3552">
        <v>22882.116620000001</v>
      </c>
      <c r="U3552">
        <v>14184.520689999999</v>
      </c>
      <c r="W3552" s="83">
        <f>Bühler!N3584</f>
        <v>45439.916666658057</v>
      </c>
      <c r="X3552" s="83">
        <v>43248.916666666664</v>
      </c>
      <c r="Y3552">
        <v>237461.85250000001</v>
      </c>
      <c r="Z3552">
        <v>13644.167160000001</v>
      </c>
      <c r="AA3552">
        <v>51995.667289999998</v>
      </c>
      <c r="AB3552">
        <v>35481.191079999997</v>
      </c>
      <c r="AC3552">
        <v>36545.495419999999</v>
      </c>
      <c r="AD3552">
        <v>22020.178619999999</v>
      </c>
      <c r="AE3552">
        <v>39481.392399999997</v>
      </c>
      <c r="AF3552">
        <v>52553.708910000001</v>
      </c>
      <c r="AG3552">
        <v>23377.095880000001</v>
      </c>
      <c r="AH3552">
        <v>305014.1177</v>
      </c>
      <c r="AI3552">
        <v>73575.188080000007</v>
      </c>
      <c r="AJ3552">
        <v>18548.131580000001</v>
      </c>
      <c r="AK3552">
        <v>34073.993710000002</v>
      </c>
      <c r="AL3552">
        <v>84746.603409999996</v>
      </c>
      <c r="AM3552">
        <v>18864.416539999998</v>
      </c>
      <c r="AN3552">
        <v>75738.003800000006</v>
      </c>
      <c r="AO3552">
        <v>22882.116620000001</v>
      </c>
      <c r="AP3552">
        <v>14184.520689999999</v>
      </c>
    </row>
    <row r="3553" spans="2:42" x14ac:dyDescent="0.3">
      <c r="B3553">
        <v>59.674690189932768</v>
      </c>
      <c r="C3553" s="83">
        <v>43248.958333333336</v>
      </c>
      <c r="D3553">
        <v>238076.74530000001</v>
      </c>
      <c r="E3553">
        <v>13152.21434</v>
      </c>
      <c r="F3553">
        <v>50352.748290000003</v>
      </c>
      <c r="G3553">
        <v>34855.510909999997</v>
      </c>
      <c r="H3553">
        <v>35385.221429999998</v>
      </c>
      <c r="I3553">
        <v>21168.45981</v>
      </c>
      <c r="J3553">
        <v>36563.653160000002</v>
      </c>
      <c r="K3553">
        <v>52248.751320000003</v>
      </c>
      <c r="L3553">
        <v>19441.715550000001</v>
      </c>
      <c r="M3553">
        <v>304249.39939999999</v>
      </c>
      <c r="N3553">
        <v>73602.011310000002</v>
      </c>
      <c r="O3553">
        <v>18008.50993</v>
      </c>
      <c r="P3553">
        <v>30947.1358</v>
      </c>
      <c r="Q3553">
        <v>84252.220749999993</v>
      </c>
      <c r="R3553">
        <v>19804.114140000001</v>
      </c>
      <c r="S3553">
        <v>74131.011320000005</v>
      </c>
      <c r="T3553">
        <v>21182.5468</v>
      </c>
      <c r="U3553">
        <v>13596.87458</v>
      </c>
      <c r="W3553" s="83">
        <f>Bühler!N3585</f>
        <v>45439.958333324721</v>
      </c>
      <c r="X3553" s="83">
        <v>43248.958333333336</v>
      </c>
      <c r="Y3553">
        <v>238076.74530000001</v>
      </c>
      <c r="Z3553">
        <v>13152.21434</v>
      </c>
      <c r="AA3553">
        <v>50352.748290000003</v>
      </c>
      <c r="AB3553">
        <v>34855.510909999997</v>
      </c>
      <c r="AC3553">
        <v>35385.221429999998</v>
      </c>
      <c r="AD3553">
        <v>21168.45981</v>
      </c>
      <c r="AE3553">
        <v>36563.653160000002</v>
      </c>
      <c r="AF3553">
        <v>52248.751320000003</v>
      </c>
      <c r="AG3553">
        <v>19441.715550000001</v>
      </c>
      <c r="AH3553">
        <v>304249.39939999999</v>
      </c>
      <c r="AI3553">
        <v>73602.011310000002</v>
      </c>
      <c r="AJ3553">
        <v>18008.50993</v>
      </c>
      <c r="AK3553">
        <v>30947.1358</v>
      </c>
      <c r="AL3553">
        <v>84252.220749999993</v>
      </c>
      <c r="AM3553">
        <v>19804.114140000001</v>
      </c>
      <c r="AN3553">
        <v>74131.011320000005</v>
      </c>
      <c r="AO3553">
        <v>21182.5468</v>
      </c>
      <c r="AP3553">
        <v>13596.87458</v>
      </c>
    </row>
    <row r="3554" spans="2:42" x14ac:dyDescent="0.3">
      <c r="B3554">
        <v>45.514756857449711</v>
      </c>
      <c r="C3554" s="83">
        <v>43249</v>
      </c>
      <c r="D3554">
        <v>181653.753</v>
      </c>
      <c r="E3554">
        <v>11743.117770000001</v>
      </c>
      <c r="F3554">
        <v>46810.797590000002</v>
      </c>
      <c r="G3554">
        <v>33048.562749999997</v>
      </c>
      <c r="H3554">
        <v>32784.444920000002</v>
      </c>
      <c r="I3554">
        <v>18768.11695</v>
      </c>
      <c r="J3554">
        <v>34519.728569999999</v>
      </c>
      <c r="K3554">
        <v>49217.415809999999</v>
      </c>
      <c r="L3554">
        <v>16996.843570000001</v>
      </c>
      <c r="M3554">
        <v>232055.4559</v>
      </c>
      <c r="N3554">
        <v>67120.802110000004</v>
      </c>
      <c r="O3554">
        <v>17901.635020000002</v>
      </c>
      <c r="P3554">
        <v>27458.886579999999</v>
      </c>
      <c r="Q3554">
        <v>66679.911139999997</v>
      </c>
      <c r="R3554">
        <v>16329.57854</v>
      </c>
      <c r="S3554">
        <v>71746.560549999995</v>
      </c>
      <c r="T3554">
        <v>19165.769260000001</v>
      </c>
      <c r="U3554">
        <v>11997.876319999999</v>
      </c>
      <c r="W3554" s="83">
        <f>Bühler!N3586</f>
        <v>45439.999999991385</v>
      </c>
      <c r="X3554" s="83">
        <v>43249</v>
      </c>
      <c r="Y3554">
        <v>181653.753</v>
      </c>
      <c r="Z3554">
        <v>11743.117770000001</v>
      </c>
      <c r="AA3554">
        <v>46810.797590000002</v>
      </c>
      <c r="AB3554">
        <v>33048.562749999997</v>
      </c>
      <c r="AC3554">
        <v>32784.444920000002</v>
      </c>
      <c r="AD3554">
        <v>18768.11695</v>
      </c>
      <c r="AE3554">
        <v>34519.728569999999</v>
      </c>
      <c r="AF3554">
        <v>49217.415809999999</v>
      </c>
      <c r="AG3554">
        <v>16996.843570000001</v>
      </c>
      <c r="AH3554">
        <v>232055.4559</v>
      </c>
      <c r="AI3554">
        <v>67120.802110000004</v>
      </c>
      <c r="AJ3554">
        <v>17901.635020000002</v>
      </c>
      <c r="AK3554">
        <v>27458.886579999999</v>
      </c>
      <c r="AL3554">
        <v>66679.911139999997</v>
      </c>
      <c r="AM3554">
        <v>16329.57854</v>
      </c>
      <c r="AN3554">
        <v>71746.560549999995</v>
      </c>
      <c r="AO3554">
        <v>19165.769260000001</v>
      </c>
      <c r="AP3554">
        <v>11997.876319999999</v>
      </c>
    </row>
    <row r="3555" spans="2:42" x14ac:dyDescent="0.3">
      <c r="B3555">
        <v>46.164007941596381</v>
      </c>
      <c r="C3555" s="83">
        <v>43249.041666666664</v>
      </c>
      <c r="D3555">
        <v>181464.77220000001</v>
      </c>
      <c r="E3555">
        <v>11737.479310000001</v>
      </c>
      <c r="F3555">
        <v>46757.477760000002</v>
      </c>
      <c r="G3555">
        <v>32439.68118</v>
      </c>
      <c r="H3555">
        <v>32527.35151</v>
      </c>
      <c r="I3555">
        <v>15009.31609</v>
      </c>
      <c r="J3555">
        <v>33183.503089999998</v>
      </c>
      <c r="K3555">
        <v>46631.222540000002</v>
      </c>
      <c r="L3555">
        <v>16587.944370000001</v>
      </c>
      <c r="M3555">
        <v>235365.64069999999</v>
      </c>
      <c r="N3555">
        <v>66940.897389999998</v>
      </c>
      <c r="O3555">
        <v>19476.70434</v>
      </c>
      <c r="P3555">
        <v>25960.657380000001</v>
      </c>
      <c r="Q3555">
        <v>68528.893469999995</v>
      </c>
      <c r="R3555">
        <v>13920.46939</v>
      </c>
      <c r="S3555">
        <v>71004.917719999998</v>
      </c>
      <c r="T3555">
        <v>18521.410980000001</v>
      </c>
      <c r="U3555">
        <v>11958.17174</v>
      </c>
      <c r="W3555" s="83">
        <f>Bühler!N3587</f>
        <v>45440.04166665805</v>
      </c>
      <c r="X3555" s="83">
        <v>43249.041666666664</v>
      </c>
      <c r="Y3555">
        <v>181464.77220000001</v>
      </c>
      <c r="Z3555">
        <v>11737.479310000001</v>
      </c>
      <c r="AA3555">
        <v>46757.477760000002</v>
      </c>
      <c r="AB3555">
        <v>32439.68118</v>
      </c>
      <c r="AC3555">
        <v>32527.35151</v>
      </c>
      <c r="AD3555">
        <v>15009.31609</v>
      </c>
      <c r="AE3555">
        <v>33183.503089999998</v>
      </c>
      <c r="AF3555">
        <v>46631.222540000002</v>
      </c>
      <c r="AG3555">
        <v>16587.944370000001</v>
      </c>
      <c r="AH3555">
        <v>235365.64069999999</v>
      </c>
      <c r="AI3555">
        <v>66940.897389999998</v>
      </c>
      <c r="AJ3555">
        <v>19476.70434</v>
      </c>
      <c r="AK3555">
        <v>25960.657380000001</v>
      </c>
      <c r="AL3555">
        <v>68528.893469999995</v>
      </c>
      <c r="AM3555">
        <v>13920.46939</v>
      </c>
      <c r="AN3555">
        <v>71004.917719999998</v>
      </c>
      <c r="AO3555">
        <v>18521.410980000001</v>
      </c>
      <c r="AP3555">
        <v>11958.17174</v>
      </c>
    </row>
    <row r="3556" spans="2:42" x14ac:dyDescent="0.3">
      <c r="B3556">
        <v>46.958752640929987</v>
      </c>
      <c r="C3556" s="83">
        <v>43249.083333333336</v>
      </c>
      <c r="D3556">
        <v>182983.5557</v>
      </c>
      <c r="E3556">
        <v>11658.93952</v>
      </c>
      <c r="F3556">
        <v>47955.856019999999</v>
      </c>
      <c r="G3556">
        <v>31763.196029999999</v>
      </c>
      <c r="H3556">
        <v>32392.26526</v>
      </c>
      <c r="I3556">
        <v>13655.40365</v>
      </c>
      <c r="J3556">
        <v>32573.901119999999</v>
      </c>
      <c r="K3556">
        <v>45014.8433</v>
      </c>
      <c r="L3556">
        <v>16864.325400000002</v>
      </c>
      <c r="M3556">
        <v>239417.61979999999</v>
      </c>
      <c r="N3556">
        <v>65236.075660000002</v>
      </c>
      <c r="O3556">
        <v>19024.073629999999</v>
      </c>
      <c r="P3556">
        <v>24674.19096</v>
      </c>
      <c r="Q3556">
        <v>72317.543619999997</v>
      </c>
      <c r="R3556">
        <v>14516.62509</v>
      </c>
      <c r="S3556">
        <v>69969.043229999996</v>
      </c>
      <c r="T3556">
        <v>18387.76958</v>
      </c>
      <c r="U3556">
        <v>11946.15012</v>
      </c>
      <c r="W3556" s="83">
        <f>Bühler!N3588</f>
        <v>45440.083333324714</v>
      </c>
      <c r="X3556" s="83">
        <v>43249.083333333336</v>
      </c>
      <c r="Y3556">
        <v>182983.5557</v>
      </c>
      <c r="Z3556">
        <v>11658.93952</v>
      </c>
      <c r="AA3556">
        <v>47955.856019999999</v>
      </c>
      <c r="AB3556">
        <v>31763.196029999999</v>
      </c>
      <c r="AC3556">
        <v>32392.26526</v>
      </c>
      <c r="AD3556">
        <v>13655.40365</v>
      </c>
      <c r="AE3556">
        <v>32573.901119999999</v>
      </c>
      <c r="AF3556">
        <v>45014.8433</v>
      </c>
      <c r="AG3556">
        <v>16864.325400000002</v>
      </c>
      <c r="AH3556">
        <v>239417.61979999999</v>
      </c>
      <c r="AI3556">
        <v>65236.075660000002</v>
      </c>
      <c r="AJ3556">
        <v>19024.073629999999</v>
      </c>
      <c r="AK3556">
        <v>24674.19096</v>
      </c>
      <c r="AL3556">
        <v>72317.543619999997</v>
      </c>
      <c r="AM3556">
        <v>14516.62509</v>
      </c>
      <c r="AN3556">
        <v>69969.043229999996</v>
      </c>
      <c r="AO3556">
        <v>18387.76958</v>
      </c>
      <c r="AP3556">
        <v>11946.15012</v>
      </c>
    </row>
    <row r="3557" spans="2:42" x14ac:dyDescent="0.3">
      <c r="B3557">
        <v>48.1045830354402</v>
      </c>
      <c r="C3557" s="83">
        <v>43249.125</v>
      </c>
      <c r="D3557">
        <v>188216.7352</v>
      </c>
      <c r="E3557">
        <v>11885.3902</v>
      </c>
      <c r="F3557">
        <v>49348.347779999996</v>
      </c>
      <c r="G3557">
        <v>30980.998380000001</v>
      </c>
      <c r="H3557">
        <v>32058.109560000001</v>
      </c>
      <c r="I3557">
        <v>13546.949780000001</v>
      </c>
      <c r="J3557">
        <v>32511.496060000001</v>
      </c>
      <c r="K3557">
        <v>44119.673029999998</v>
      </c>
      <c r="L3557">
        <v>16817.104230000001</v>
      </c>
      <c r="M3557">
        <v>245259.5975</v>
      </c>
      <c r="N3557">
        <v>64946.977079999997</v>
      </c>
      <c r="O3557">
        <v>18882.883430000002</v>
      </c>
      <c r="P3557">
        <v>24326.762569999999</v>
      </c>
      <c r="Q3557">
        <v>77071.719880000004</v>
      </c>
      <c r="R3557">
        <v>14670.93801</v>
      </c>
      <c r="S3557">
        <v>69327.38132</v>
      </c>
      <c r="T3557">
        <v>18123.141319999999</v>
      </c>
      <c r="U3557">
        <v>11861.2875</v>
      </c>
      <c r="W3557" s="83">
        <f>Bühler!N3589</f>
        <v>45440.124999991378</v>
      </c>
      <c r="X3557" s="83">
        <v>43249.125</v>
      </c>
      <c r="Y3557">
        <v>188216.7352</v>
      </c>
      <c r="Z3557">
        <v>11885.3902</v>
      </c>
      <c r="AA3557">
        <v>49348.347779999996</v>
      </c>
      <c r="AB3557">
        <v>30980.998380000001</v>
      </c>
      <c r="AC3557">
        <v>32058.109560000001</v>
      </c>
      <c r="AD3557">
        <v>13546.949780000001</v>
      </c>
      <c r="AE3557">
        <v>32511.496060000001</v>
      </c>
      <c r="AF3557">
        <v>44119.673029999998</v>
      </c>
      <c r="AG3557">
        <v>16817.104230000001</v>
      </c>
      <c r="AH3557">
        <v>245259.5975</v>
      </c>
      <c r="AI3557">
        <v>64946.977079999997</v>
      </c>
      <c r="AJ3557">
        <v>18882.883430000002</v>
      </c>
      <c r="AK3557">
        <v>24326.762569999999</v>
      </c>
      <c r="AL3557">
        <v>77071.719880000004</v>
      </c>
      <c r="AM3557">
        <v>14670.93801</v>
      </c>
      <c r="AN3557">
        <v>69327.38132</v>
      </c>
      <c r="AO3557">
        <v>18123.141319999999</v>
      </c>
      <c r="AP3557">
        <v>11861.2875</v>
      </c>
    </row>
    <row r="3558" spans="2:42" x14ac:dyDescent="0.3">
      <c r="B3558">
        <v>51.212127763081355</v>
      </c>
      <c r="C3558" s="83">
        <v>43249.166666666664</v>
      </c>
      <c r="D3558">
        <v>197766.3493</v>
      </c>
      <c r="E3558">
        <v>12529.97805</v>
      </c>
      <c r="F3558">
        <v>53067.99035</v>
      </c>
      <c r="G3558">
        <v>30496.866119999999</v>
      </c>
      <c r="H3558">
        <v>33089.081279999999</v>
      </c>
      <c r="I3558">
        <v>15447.168589999999</v>
      </c>
      <c r="J3558">
        <v>34534.175990000003</v>
      </c>
      <c r="K3558">
        <v>43445.710910000002</v>
      </c>
      <c r="L3558">
        <v>16900.870559999999</v>
      </c>
      <c r="M3558">
        <v>261103.30970000001</v>
      </c>
      <c r="N3558">
        <v>66229.344899999996</v>
      </c>
      <c r="O3558">
        <v>18227.838199999998</v>
      </c>
      <c r="P3558">
        <v>23397.976050000001</v>
      </c>
      <c r="Q3558">
        <v>83768.447650000002</v>
      </c>
      <c r="R3558">
        <v>14123.8089</v>
      </c>
      <c r="S3558">
        <v>69980.650030000004</v>
      </c>
      <c r="T3558">
        <v>18227.977169999998</v>
      </c>
      <c r="U3558">
        <v>12649.614320000001</v>
      </c>
      <c r="W3558" s="83">
        <f>Bühler!N3590</f>
        <v>45440.166666658042</v>
      </c>
      <c r="X3558" s="83">
        <v>43249.166666666664</v>
      </c>
      <c r="Y3558">
        <v>197766.3493</v>
      </c>
      <c r="Z3558">
        <v>12529.97805</v>
      </c>
      <c r="AA3558">
        <v>53067.99035</v>
      </c>
      <c r="AB3558">
        <v>30496.866119999999</v>
      </c>
      <c r="AC3558">
        <v>33089.081279999999</v>
      </c>
      <c r="AD3558">
        <v>15447.168589999999</v>
      </c>
      <c r="AE3558">
        <v>34534.175990000003</v>
      </c>
      <c r="AF3558">
        <v>43445.710910000002</v>
      </c>
      <c r="AG3558">
        <v>16900.870559999999</v>
      </c>
      <c r="AH3558">
        <v>261103.30970000001</v>
      </c>
      <c r="AI3558">
        <v>66229.344899999996</v>
      </c>
      <c r="AJ3558">
        <v>18227.838199999998</v>
      </c>
      <c r="AK3558">
        <v>23397.976050000001</v>
      </c>
      <c r="AL3558">
        <v>83768.447650000002</v>
      </c>
      <c r="AM3558">
        <v>14123.8089</v>
      </c>
      <c r="AN3558">
        <v>69980.650030000004</v>
      </c>
      <c r="AO3558">
        <v>18227.977169999998</v>
      </c>
      <c r="AP3558">
        <v>12649.614320000001</v>
      </c>
    </row>
    <row r="3559" spans="2:42" x14ac:dyDescent="0.3">
      <c r="B3559">
        <v>56.595910877254369</v>
      </c>
      <c r="C3559" s="83">
        <v>43249.208333333336</v>
      </c>
      <c r="D3559">
        <v>227945.29949999999</v>
      </c>
      <c r="E3559">
        <v>14553.360640000001</v>
      </c>
      <c r="F3559">
        <v>63105.645149999997</v>
      </c>
      <c r="G3559">
        <v>32362.90972</v>
      </c>
      <c r="H3559">
        <v>34897.689230000004</v>
      </c>
      <c r="I3559">
        <v>22399.251509999998</v>
      </c>
      <c r="J3559">
        <v>37467.122109999997</v>
      </c>
      <c r="K3559">
        <v>44620.058140000001</v>
      </c>
      <c r="L3559">
        <v>17476.726419999999</v>
      </c>
      <c r="M3559">
        <v>288552.34669999999</v>
      </c>
      <c r="N3559">
        <v>63595.94154</v>
      </c>
      <c r="O3559">
        <v>19222.70335</v>
      </c>
      <c r="P3559">
        <v>25439.73936</v>
      </c>
      <c r="Q3559">
        <v>89347.078750000001</v>
      </c>
      <c r="R3559">
        <v>16582.845450000001</v>
      </c>
      <c r="S3559">
        <v>72523.445670000001</v>
      </c>
      <c r="T3559">
        <v>19729.62153</v>
      </c>
      <c r="U3559">
        <v>14234.190909999999</v>
      </c>
      <c r="W3559" s="83">
        <f>Bühler!N3591</f>
        <v>45440.208333324706</v>
      </c>
      <c r="X3559" s="83">
        <v>43249.208333333336</v>
      </c>
      <c r="Y3559">
        <v>227945.29949999999</v>
      </c>
      <c r="Z3559">
        <v>14553.360640000001</v>
      </c>
      <c r="AA3559">
        <v>63105.645149999997</v>
      </c>
      <c r="AB3559">
        <v>32362.90972</v>
      </c>
      <c r="AC3559">
        <v>34897.689230000004</v>
      </c>
      <c r="AD3559">
        <v>22399.251509999998</v>
      </c>
      <c r="AE3559">
        <v>37467.122109999997</v>
      </c>
      <c r="AF3559">
        <v>44620.058140000001</v>
      </c>
      <c r="AG3559">
        <v>17476.726419999999</v>
      </c>
      <c r="AH3559">
        <v>288552.34669999999</v>
      </c>
      <c r="AI3559">
        <v>63595.94154</v>
      </c>
      <c r="AJ3559">
        <v>19222.70335</v>
      </c>
      <c r="AK3559">
        <v>25439.73936</v>
      </c>
      <c r="AL3559">
        <v>89347.078750000001</v>
      </c>
      <c r="AM3559">
        <v>16582.845450000001</v>
      </c>
      <c r="AN3559">
        <v>72523.445670000001</v>
      </c>
      <c r="AO3559">
        <v>19729.62153</v>
      </c>
      <c r="AP3559">
        <v>14234.190909999999</v>
      </c>
    </row>
    <row r="3560" spans="2:42" x14ac:dyDescent="0.3">
      <c r="B3560">
        <v>60.349810759362619</v>
      </c>
      <c r="C3560" s="83">
        <v>43249.25</v>
      </c>
      <c r="D3560">
        <v>251573.2579</v>
      </c>
      <c r="E3560">
        <v>18716.012350000001</v>
      </c>
      <c r="F3560">
        <v>73701.980450000003</v>
      </c>
      <c r="G3560">
        <v>43149.499830000001</v>
      </c>
      <c r="H3560">
        <v>36931.479469999998</v>
      </c>
      <c r="I3560">
        <v>29445.710510000001</v>
      </c>
      <c r="J3560">
        <v>39333.407099999997</v>
      </c>
      <c r="K3560">
        <v>46859.637410000003</v>
      </c>
      <c r="L3560">
        <v>17910.75027</v>
      </c>
      <c r="M3560">
        <v>307691.47889999999</v>
      </c>
      <c r="N3560">
        <v>67192.920769999997</v>
      </c>
      <c r="O3560">
        <v>20211.164089999998</v>
      </c>
      <c r="P3560">
        <v>26194.940719999999</v>
      </c>
      <c r="Q3560">
        <v>92412.724799999996</v>
      </c>
      <c r="R3560">
        <v>15788.979020000001</v>
      </c>
      <c r="S3560">
        <v>79854.113079999996</v>
      </c>
      <c r="T3560">
        <v>22288.149410000002</v>
      </c>
      <c r="U3560">
        <v>16568.219000000001</v>
      </c>
      <c r="W3560" s="83">
        <f>Bühler!N3592</f>
        <v>45440.249999991371</v>
      </c>
      <c r="X3560" s="83">
        <v>43249.25</v>
      </c>
      <c r="Y3560">
        <v>251573.2579</v>
      </c>
      <c r="Z3560">
        <v>18716.012350000001</v>
      </c>
      <c r="AA3560">
        <v>73701.980450000003</v>
      </c>
      <c r="AB3560">
        <v>43149.499830000001</v>
      </c>
      <c r="AC3560">
        <v>36931.479469999998</v>
      </c>
      <c r="AD3560">
        <v>29445.710510000001</v>
      </c>
      <c r="AE3560">
        <v>39333.407099999997</v>
      </c>
      <c r="AF3560">
        <v>46859.637410000003</v>
      </c>
      <c r="AG3560">
        <v>17910.75027</v>
      </c>
      <c r="AH3560">
        <v>307691.47889999999</v>
      </c>
      <c r="AI3560">
        <v>67192.920769999997</v>
      </c>
      <c r="AJ3560">
        <v>20211.164089999998</v>
      </c>
      <c r="AK3560">
        <v>26194.940719999999</v>
      </c>
      <c r="AL3560">
        <v>92412.724799999996</v>
      </c>
      <c r="AM3560">
        <v>15788.979020000001</v>
      </c>
      <c r="AN3560">
        <v>79854.113079999996</v>
      </c>
      <c r="AO3560">
        <v>22288.149410000002</v>
      </c>
      <c r="AP3560">
        <v>16568.219000000001</v>
      </c>
    </row>
    <row r="3561" spans="2:42" x14ac:dyDescent="0.3">
      <c r="B3561">
        <v>63.451288917583575</v>
      </c>
      <c r="C3561" s="83">
        <v>43249.291666666664</v>
      </c>
      <c r="D3561">
        <v>268125.65919999999</v>
      </c>
      <c r="E3561">
        <v>23272.694049999998</v>
      </c>
      <c r="F3561">
        <v>76868.059429999994</v>
      </c>
      <c r="G3561">
        <v>53972.660250000001</v>
      </c>
      <c r="H3561">
        <v>42165.684739999997</v>
      </c>
      <c r="I3561">
        <v>36480.704859999998</v>
      </c>
      <c r="J3561">
        <v>41033.581660000003</v>
      </c>
      <c r="K3561">
        <v>50804.46615</v>
      </c>
      <c r="L3561">
        <v>20465.35613</v>
      </c>
      <c r="M3561">
        <v>323504.26089999999</v>
      </c>
      <c r="N3561">
        <v>71595.489809999999</v>
      </c>
      <c r="O3561">
        <v>22558.491389999999</v>
      </c>
      <c r="P3561">
        <v>28949.616440000002</v>
      </c>
      <c r="Q3561">
        <v>93574.294970000003</v>
      </c>
      <c r="R3561">
        <v>16584.80373</v>
      </c>
      <c r="S3561">
        <v>93894.289040000003</v>
      </c>
      <c r="T3561">
        <v>25101.619930000001</v>
      </c>
      <c r="U3561">
        <v>19837.794829999999</v>
      </c>
      <c r="W3561" s="83">
        <f>Bühler!N3593</f>
        <v>45440.291666658035</v>
      </c>
      <c r="X3561" s="83">
        <v>43249.291666666664</v>
      </c>
      <c r="Y3561">
        <v>268125.65919999999</v>
      </c>
      <c r="Z3561">
        <v>23272.694049999998</v>
      </c>
      <c r="AA3561">
        <v>76868.059429999994</v>
      </c>
      <c r="AB3561">
        <v>53972.660250000001</v>
      </c>
      <c r="AC3561">
        <v>42165.684739999997</v>
      </c>
      <c r="AD3561">
        <v>36480.704859999998</v>
      </c>
      <c r="AE3561">
        <v>41033.581660000003</v>
      </c>
      <c r="AF3561">
        <v>50804.46615</v>
      </c>
      <c r="AG3561">
        <v>20465.35613</v>
      </c>
      <c r="AH3561">
        <v>323504.26089999999</v>
      </c>
      <c r="AI3561">
        <v>71595.489809999999</v>
      </c>
      <c r="AJ3561">
        <v>22558.491389999999</v>
      </c>
      <c r="AK3561">
        <v>28949.616440000002</v>
      </c>
      <c r="AL3561">
        <v>93574.294970000003</v>
      </c>
      <c r="AM3561">
        <v>16584.80373</v>
      </c>
      <c r="AN3561">
        <v>93894.289040000003</v>
      </c>
      <c r="AO3561">
        <v>25101.619930000001</v>
      </c>
      <c r="AP3561">
        <v>19837.794829999999</v>
      </c>
    </row>
    <row r="3562" spans="2:42" x14ac:dyDescent="0.3">
      <c r="B3562">
        <v>64.820273398772258</v>
      </c>
      <c r="C3562" s="83">
        <v>43249.333333333336</v>
      </c>
      <c r="D3562">
        <v>283284.45360000001</v>
      </c>
      <c r="E3562">
        <v>28518.868350000001</v>
      </c>
      <c r="F3562">
        <v>84818.205589999998</v>
      </c>
      <c r="G3562">
        <v>68673.493470000001</v>
      </c>
      <c r="H3562">
        <v>48036.364979999998</v>
      </c>
      <c r="I3562">
        <v>38798.529410000003</v>
      </c>
      <c r="J3562">
        <v>43441.719640000003</v>
      </c>
      <c r="K3562">
        <v>58052.599670000003</v>
      </c>
      <c r="L3562">
        <v>23104.817029999998</v>
      </c>
      <c r="M3562">
        <v>330483.98220000003</v>
      </c>
      <c r="N3562">
        <v>78950.204129999998</v>
      </c>
      <c r="O3562">
        <v>24269.36793</v>
      </c>
      <c r="P3562">
        <v>31193.582880000002</v>
      </c>
      <c r="Q3562">
        <v>95102.499989999997</v>
      </c>
      <c r="R3562">
        <v>19825.708999999999</v>
      </c>
      <c r="S3562">
        <v>106976.1551</v>
      </c>
      <c r="T3562">
        <v>28959.468990000001</v>
      </c>
      <c r="U3562">
        <v>23898.493200000001</v>
      </c>
      <c r="W3562" s="83">
        <f>Bühler!N3594</f>
        <v>45440.333333324699</v>
      </c>
      <c r="X3562" s="83">
        <v>43249.333333333336</v>
      </c>
      <c r="Y3562">
        <v>283284.45360000001</v>
      </c>
      <c r="Z3562">
        <v>28518.868350000001</v>
      </c>
      <c r="AA3562">
        <v>84818.205589999998</v>
      </c>
      <c r="AB3562">
        <v>68673.493470000001</v>
      </c>
      <c r="AC3562">
        <v>48036.364979999998</v>
      </c>
      <c r="AD3562">
        <v>38798.529410000003</v>
      </c>
      <c r="AE3562">
        <v>43441.719640000003</v>
      </c>
      <c r="AF3562">
        <v>58052.599670000003</v>
      </c>
      <c r="AG3562">
        <v>23104.817029999998</v>
      </c>
      <c r="AH3562">
        <v>330483.98220000003</v>
      </c>
      <c r="AI3562">
        <v>78950.204129999998</v>
      </c>
      <c r="AJ3562">
        <v>24269.36793</v>
      </c>
      <c r="AK3562">
        <v>31193.582880000002</v>
      </c>
      <c r="AL3562">
        <v>95102.499989999997</v>
      </c>
      <c r="AM3562">
        <v>19825.708999999999</v>
      </c>
      <c r="AN3562">
        <v>106976.1551</v>
      </c>
      <c r="AO3562">
        <v>28959.468990000001</v>
      </c>
      <c r="AP3562">
        <v>23898.493200000001</v>
      </c>
    </row>
    <row r="3563" spans="2:42" x14ac:dyDescent="0.3">
      <c r="B3563">
        <v>65.973085422190564</v>
      </c>
      <c r="C3563" s="83">
        <v>43249.375</v>
      </c>
      <c r="D3563">
        <v>287620.1814</v>
      </c>
      <c r="E3563">
        <v>32867.912320000003</v>
      </c>
      <c r="F3563">
        <v>91337.502170000007</v>
      </c>
      <c r="G3563">
        <v>79395.932109999994</v>
      </c>
      <c r="H3563">
        <v>50596.954250000003</v>
      </c>
      <c r="I3563">
        <v>37438.632590000001</v>
      </c>
      <c r="J3563">
        <v>44576.561139999998</v>
      </c>
      <c r="K3563">
        <v>61671.636290000002</v>
      </c>
      <c r="L3563">
        <v>26532.913280000001</v>
      </c>
      <c r="M3563">
        <v>336361.55550000002</v>
      </c>
      <c r="N3563">
        <v>85412.225900000005</v>
      </c>
      <c r="O3563">
        <v>25081.810649999999</v>
      </c>
      <c r="P3563">
        <v>32883.953679999999</v>
      </c>
      <c r="Q3563">
        <v>96852.176999999996</v>
      </c>
      <c r="R3563">
        <v>20728.922429999999</v>
      </c>
      <c r="S3563">
        <v>113671.33620000001</v>
      </c>
      <c r="T3563">
        <v>32136.390810000001</v>
      </c>
      <c r="U3563">
        <v>24168.035080000001</v>
      </c>
      <c r="W3563" s="83">
        <f>Bühler!N3595</f>
        <v>45440.374999991363</v>
      </c>
      <c r="X3563" s="83">
        <v>43249.375</v>
      </c>
      <c r="Y3563">
        <v>287620.1814</v>
      </c>
      <c r="Z3563">
        <v>32867.912320000003</v>
      </c>
      <c r="AA3563">
        <v>91337.502170000007</v>
      </c>
      <c r="AB3563">
        <v>79395.932109999994</v>
      </c>
      <c r="AC3563">
        <v>50596.954250000003</v>
      </c>
      <c r="AD3563">
        <v>37438.632590000001</v>
      </c>
      <c r="AE3563">
        <v>44576.561139999998</v>
      </c>
      <c r="AF3563">
        <v>61671.636290000002</v>
      </c>
      <c r="AG3563">
        <v>26532.913280000001</v>
      </c>
      <c r="AH3563">
        <v>336361.55550000002</v>
      </c>
      <c r="AI3563">
        <v>85412.225900000005</v>
      </c>
      <c r="AJ3563">
        <v>25081.810649999999</v>
      </c>
      <c r="AK3563">
        <v>32883.953679999999</v>
      </c>
      <c r="AL3563">
        <v>96852.176999999996</v>
      </c>
      <c r="AM3563">
        <v>20728.922429999999</v>
      </c>
      <c r="AN3563">
        <v>113671.33620000001</v>
      </c>
      <c r="AO3563">
        <v>32136.390810000001</v>
      </c>
      <c r="AP3563">
        <v>24168.035080000001</v>
      </c>
    </row>
    <row r="3564" spans="2:42" x14ac:dyDescent="0.3">
      <c r="B3564">
        <v>67.145923036277154</v>
      </c>
      <c r="C3564" s="83">
        <v>43249.416666666664</v>
      </c>
      <c r="D3564">
        <v>291847.03889999999</v>
      </c>
      <c r="E3564">
        <v>34632.876579999996</v>
      </c>
      <c r="F3564">
        <v>93160.543619999997</v>
      </c>
      <c r="G3564">
        <v>82384.355230000001</v>
      </c>
      <c r="H3564">
        <v>51311.249799999998</v>
      </c>
      <c r="I3564">
        <v>34948.599920000001</v>
      </c>
      <c r="J3564">
        <v>44406.845509999999</v>
      </c>
      <c r="K3564">
        <v>64074.737029999997</v>
      </c>
      <c r="L3564">
        <v>29777.818950000001</v>
      </c>
      <c r="M3564">
        <v>342341.22859999997</v>
      </c>
      <c r="N3564">
        <v>90047.824729999993</v>
      </c>
      <c r="O3564">
        <v>26259.161990000001</v>
      </c>
      <c r="P3564">
        <v>34214.195370000001</v>
      </c>
      <c r="Q3564">
        <v>97818.745760000005</v>
      </c>
      <c r="R3564">
        <v>22912.497480000002</v>
      </c>
      <c r="S3564">
        <v>115892.6591</v>
      </c>
      <c r="T3564">
        <v>34013.208659999997</v>
      </c>
      <c r="U3564">
        <v>24947.236499999999</v>
      </c>
      <c r="W3564" s="83">
        <f>Bühler!N3596</f>
        <v>45440.416666658028</v>
      </c>
      <c r="X3564" s="83">
        <v>43249.416666666664</v>
      </c>
      <c r="Y3564">
        <v>291847.03889999999</v>
      </c>
      <c r="Z3564">
        <v>34632.876579999996</v>
      </c>
      <c r="AA3564">
        <v>93160.543619999997</v>
      </c>
      <c r="AB3564">
        <v>82384.355230000001</v>
      </c>
      <c r="AC3564">
        <v>51311.249799999998</v>
      </c>
      <c r="AD3564">
        <v>34948.599920000001</v>
      </c>
      <c r="AE3564">
        <v>44406.845509999999</v>
      </c>
      <c r="AF3564">
        <v>64074.737029999997</v>
      </c>
      <c r="AG3564">
        <v>29777.818950000001</v>
      </c>
      <c r="AH3564">
        <v>342341.22859999997</v>
      </c>
      <c r="AI3564">
        <v>90047.824729999993</v>
      </c>
      <c r="AJ3564">
        <v>26259.161990000001</v>
      </c>
      <c r="AK3564">
        <v>34214.195370000001</v>
      </c>
      <c r="AL3564">
        <v>97818.745760000005</v>
      </c>
      <c r="AM3564">
        <v>22912.497480000002</v>
      </c>
      <c r="AN3564">
        <v>115892.6591</v>
      </c>
      <c r="AO3564">
        <v>34013.208659999997</v>
      </c>
      <c r="AP3564">
        <v>24947.236499999999</v>
      </c>
    </row>
    <row r="3565" spans="2:42" x14ac:dyDescent="0.3">
      <c r="B3565">
        <v>68.503347923649358</v>
      </c>
      <c r="C3565" s="83">
        <v>43249.458333333336</v>
      </c>
      <c r="D3565">
        <v>290805.85090000002</v>
      </c>
      <c r="E3565">
        <v>34839.742469999997</v>
      </c>
      <c r="F3565">
        <v>95036.842109999998</v>
      </c>
      <c r="G3565">
        <v>81893.445980000004</v>
      </c>
      <c r="H3565">
        <v>51537.384460000001</v>
      </c>
      <c r="I3565">
        <v>34954.352189999998</v>
      </c>
      <c r="J3565">
        <v>44436.001320000003</v>
      </c>
      <c r="K3565">
        <v>63101.357980000001</v>
      </c>
      <c r="L3565">
        <v>30573.953320000001</v>
      </c>
      <c r="M3565">
        <v>349262.01370000001</v>
      </c>
      <c r="N3565">
        <v>89773.152140000006</v>
      </c>
      <c r="O3565">
        <v>25832.761040000001</v>
      </c>
      <c r="P3565">
        <v>33451.590459999999</v>
      </c>
      <c r="Q3565">
        <v>98677.794840000002</v>
      </c>
      <c r="R3565">
        <v>25494.840479999999</v>
      </c>
      <c r="S3565">
        <v>119112.7883</v>
      </c>
      <c r="T3565">
        <v>34375.644119999997</v>
      </c>
      <c r="U3565">
        <v>24820.786909999999</v>
      </c>
      <c r="W3565" s="83">
        <f>Bühler!N3597</f>
        <v>45440.458333324692</v>
      </c>
      <c r="X3565" s="83">
        <v>43249.458333333336</v>
      </c>
      <c r="Y3565">
        <v>290805.85090000002</v>
      </c>
      <c r="Z3565">
        <v>34839.742469999997</v>
      </c>
      <c r="AA3565">
        <v>95036.842109999998</v>
      </c>
      <c r="AB3565">
        <v>81893.445980000004</v>
      </c>
      <c r="AC3565">
        <v>51537.384460000001</v>
      </c>
      <c r="AD3565">
        <v>34954.352189999998</v>
      </c>
      <c r="AE3565">
        <v>44436.001320000003</v>
      </c>
      <c r="AF3565">
        <v>63101.357980000001</v>
      </c>
      <c r="AG3565">
        <v>30573.953320000001</v>
      </c>
      <c r="AH3565">
        <v>349262.01370000001</v>
      </c>
      <c r="AI3565">
        <v>89773.152140000006</v>
      </c>
      <c r="AJ3565">
        <v>25832.761040000001</v>
      </c>
      <c r="AK3565">
        <v>33451.590459999999</v>
      </c>
      <c r="AL3565">
        <v>98677.794840000002</v>
      </c>
      <c r="AM3565">
        <v>25494.840479999999</v>
      </c>
      <c r="AN3565">
        <v>119112.7883</v>
      </c>
      <c r="AO3565">
        <v>34375.644119999997</v>
      </c>
      <c r="AP3565">
        <v>24820.786909999999</v>
      </c>
    </row>
    <row r="3566" spans="2:42" x14ac:dyDescent="0.3">
      <c r="B3566">
        <v>68.341341636934672</v>
      </c>
      <c r="C3566" s="83">
        <v>43249.5</v>
      </c>
      <c r="D3566">
        <v>278324.48629999999</v>
      </c>
      <c r="E3566">
        <v>32226.80603</v>
      </c>
      <c r="F3566">
        <v>88824.994879999998</v>
      </c>
      <c r="G3566">
        <v>81382.381659999999</v>
      </c>
      <c r="H3566">
        <v>49370.82473</v>
      </c>
      <c r="I3566">
        <v>34499.903389999999</v>
      </c>
      <c r="J3566">
        <v>44058.084069999997</v>
      </c>
      <c r="K3566">
        <v>60347.578479999996</v>
      </c>
      <c r="L3566">
        <v>32644.71369</v>
      </c>
      <c r="M3566">
        <v>348436.03009999997</v>
      </c>
      <c r="N3566">
        <v>87777.155440000002</v>
      </c>
      <c r="O3566">
        <v>24822.301490000002</v>
      </c>
      <c r="P3566">
        <v>33878.804929999998</v>
      </c>
      <c r="Q3566">
        <v>98379.790200000003</v>
      </c>
      <c r="R3566">
        <v>25744.46414</v>
      </c>
      <c r="S3566">
        <v>113487.9942</v>
      </c>
      <c r="T3566">
        <v>34748.833530000004</v>
      </c>
      <c r="U3566">
        <v>20138.218440000001</v>
      </c>
      <c r="W3566" s="83">
        <f>Bühler!N3598</f>
        <v>45440.499999991356</v>
      </c>
      <c r="X3566" s="83">
        <v>43249.5</v>
      </c>
      <c r="Y3566">
        <v>278324.48629999999</v>
      </c>
      <c r="Z3566">
        <v>32226.80603</v>
      </c>
      <c r="AA3566">
        <v>88824.994879999998</v>
      </c>
      <c r="AB3566">
        <v>81382.381659999999</v>
      </c>
      <c r="AC3566">
        <v>49370.82473</v>
      </c>
      <c r="AD3566">
        <v>34499.903389999999</v>
      </c>
      <c r="AE3566">
        <v>44058.084069999997</v>
      </c>
      <c r="AF3566">
        <v>60347.578479999996</v>
      </c>
      <c r="AG3566">
        <v>32644.71369</v>
      </c>
      <c r="AH3566">
        <v>348436.03009999997</v>
      </c>
      <c r="AI3566">
        <v>87777.155440000002</v>
      </c>
      <c r="AJ3566">
        <v>24822.301490000002</v>
      </c>
      <c r="AK3566">
        <v>33878.804929999998</v>
      </c>
      <c r="AL3566">
        <v>98379.790200000003</v>
      </c>
      <c r="AM3566">
        <v>25744.46414</v>
      </c>
      <c r="AN3566">
        <v>113487.9942</v>
      </c>
      <c r="AO3566">
        <v>34748.833530000004</v>
      </c>
      <c r="AP3566">
        <v>20138.218440000001</v>
      </c>
    </row>
    <row r="3567" spans="2:42" x14ac:dyDescent="0.3">
      <c r="B3567">
        <v>68.697190136917939</v>
      </c>
      <c r="C3567" s="83">
        <v>43249.541666666664</v>
      </c>
      <c r="D3567">
        <v>282196.8026</v>
      </c>
      <c r="E3567">
        <v>32281.270779999999</v>
      </c>
      <c r="F3567">
        <v>86004.129050000003</v>
      </c>
      <c r="G3567">
        <v>77292.599149999995</v>
      </c>
      <c r="H3567">
        <v>50185.020839999997</v>
      </c>
      <c r="I3567">
        <v>34997.954380000003</v>
      </c>
      <c r="J3567">
        <v>42528.444750000002</v>
      </c>
      <c r="K3567">
        <v>61466.93116</v>
      </c>
      <c r="L3567">
        <v>31112.531900000002</v>
      </c>
      <c r="M3567">
        <v>350250.31170000002</v>
      </c>
      <c r="N3567">
        <v>89234.764420000007</v>
      </c>
      <c r="O3567">
        <v>24653.125039999999</v>
      </c>
      <c r="P3567">
        <v>33210.648359999999</v>
      </c>
      <c r="Q3567">
        <v>97953.042960000006</v>
      </c>
      <c r="R3567">
        <v>25457.02706</v>
      </c>
      <c r="S3567">
        <v>113457.36229999999</v>
      </c>
      <c r="T3567">
        <v>33350.347289999998</v>
      </c>
      <c r="U3567">
        <v>22573.40409</v>
      </c>
      <c r="W3567" s="83">
        <f>Bühler!N3599</f>
        <v>45440.54166665802</v>
      </c>
      <c r="X3567" s="83">
        <v>43249.541666666664</v>
      </c>
      <c r="Y3567">
        <v>282196.8026</v>
      </c>
      <c r="Z3567">
        <v>32281.270779999999</v>
      </c>
      <c r="AA3567">
        <v>86004.129050000003</v>
      </c>
      <c r="AB3567">
        <v>77292.599149999995</v>
      </c>
      <c r="AC3567">
        <v>50185.020839999997</v>
      </c>
      <c r="AD3567">
        <v>34997.954380000003</v>
      </c>
      <c r="AE3567">
        <v>42528.444750000002</v>
      </c>
      <c r="AF3567">
        <v>61466.93116</v>
      </c>
      <c r="AG3567">
        <v>31112.531900000002</v>
      </c>
      <c r="AH3567">
        <v>350250.31170000002</v>
      </c>
      <c r="AI3567">
        <v>89234.764420000007</v>
      </c>
      <c r="AJ3567">
        <v>24653.125039999999</v>
      </c>
      <c r="AK3567">
        <v>33210.648359999999</v>
      </c>
      <c r="AL3567">
        <v>97953.042960000006</v>
      </c>
      <c r="AM3567">
        <v>25457.02706</v>
      </c>
      <c r="AN3567">
        <v>113457.36229999999</v>
      </c>
      <c r="AO3567">
        <v>33350.347289999998</v>
      </c>
      <c r="AP3567">
        <v>22573.40409</v>
      </c>
    </row>
    <row r="3568" spans="2:42" x14ac:dyDescent="0.3">
      <c r="B3568">
        <v>69.408964218887846</v>
      </c>
      <c r="C3568" s="83">
        <v>43249.583333333336</v>
      </c>
      <c r="D3568">
        <v>287719.6741</v>
      </c>
      <c r="E3568">
        <v>34758.157619999998</v>
      </c>
      <c r="F3568">
        <v>93255.677169999995</v>
      </c>
      <c r="G3568">
        <v>72124.623699999996</v>
      </c>
      <c r="H3568">
        <v>50028.794549999999</v>
      </c>
      <c r="I3568">
        <v>35235.607490000002</v>
      </c>
      <c r="J3568">
        <v>42370.748090000001</v>
      </c>
      <c r="K3568">
        <v>63042.27392</v>
      </c>
      <c r="L3568">
        <v>27696.276760000001</v>
      </c>
      <c r="M3568">
        <v>353879.26789999998</v>
      </c>
      <c r="N3568">
        <v>89025.796679999999</v>
      </c>
      <c r="O3568">
        <v>24380.296139999999</v>
      </c>
      <c r="P3568">
        <v>29754.872329999998</v>
      </c>
      <c r="Q3568">
        <v>97656.700289999993</v>
      </c>
      <c r="R3568">
        <v>24986.268410000001</v>
      </c>
      <c r="S3568">
        <v>108156.0428</v>
      </c>
      <c r="T3568">
        <v>32114.72596</v>
      </c>
      <c r="U3568">
        <v>23449.751779999999</v>
      </c>
      <c r="W3568" s="83">
        <f>Bühler!N3600</f>
        <v>45440.583333324685</v>
      </c>
      <c r="X3568" s="83">
        <v>43249.583333333336</v>
      </c>
      <c r="Y3568">
        <v>287719.6741</v>
      </c>
      <c r="Z3568">
        <v>34758.157619999998</v>
      </c>
      <c r="AA3568">
        <v>93255.677169999995</v>
      </c>
      <c r="AB3568">
        <v>72124.623699999996</v>
      </c>
      <c r="AC3568">
        <v>50028.794549999999</v>
      </c>
      <c r="AD3568">
        <v>35235.607490000002</v>
      </c>
      <c r="AE3568">
        <v>42370.748090000001</v>
      </c>
      <c r="AF3568">
        <v>63042.27392</v>
      </c>
      <c r="AG3568">
        <v>27696.276760000001</v>
      </c>
      <c r="AH3568">
        <v>353879.26789999998</v>
      </c>
      <c r="AI3568">
        <v>89025.796679999999</v>
      </c>
      <c r="AJ3568">
        <v>24380.296139999999</v>
      </c>
      <c r="AK3568">
        <v>29754.872329999998</v>
      </c>
      <c r="AL3568">
        <v>97656.700289999993</v>
      </c>
      <c r="AM3568">
        <v>24986.268410000001</v>
      </c>
      <c r="AN3568">
        <v>108156.0428</v>
      </c>
      <c r="AO3568">
        <v>32114.72596</v>
      </c>
      <c r="AP3568">
        <v>23449.751779999999</v>
      </c>
    </row>
    <row r="3569" spans="2:42" x14ac:dyDescent="0.3">
      <c r="B3569">
        <v>69.398740026649691</v>
      </c>
      <c r="C3569" s="83">
        <v>43249.625</v>
      </c>
      <c r="D3569">
        <v>286347.41230000003</v>
      </c>
      <c r="E3569">
        <v>34608.993849999999</v>
      </c>
      <c r="F3569">
        <v>94784.619909999994</v>
      </c>
      <c r="G3569">
        <v>67688.816189999998</v>
      </c>
      <c r="H3569">
        <v>48803.249600000003</v>
      </c>
      <c r="I3569">
        <v>35271.605530000001</v>
      </c>
      <c r="J3569">
        <v>41970.128680000002</v>
      </c>
      <c r="K3569">
        <v>62798.315139999999</v>
      </c>
      <c r="L3569">
        <v>24796.077120000002</v>
      </c>
      <c r="M3569">
        <v>353827.14020000002</v>
      </c>
      <c r="N3569">
        <v>86382.535149999996</v>
      </c>
      <c r="O3569">
        <v>24054.671060000001</v>
      </c>
      <c r="P3569">
        <v>27566.936959999999</v>
      </c>
      <c r="Q3569">
        <v>96864.801250000004</v>
      </c>
      <c r="R3569">
        <v>24577.552599999999</v>
      </c>
      <c r="S3569">
        <v>104696.9244</v>
      </c>
      <c r="T3569">
        <v>30555.982260000001</v>
      </c>
      <c r="U3569">
        <v>22603.030940000001</v>
      </c>
      <c r="W3569" s="83">
        <f>Bühler!N3601</f>
        <v>45440.624999991349</v>
      </c>
      <c r="X3569" s="83">
        <v>43249.625</v>
      </c>
      <c r="Y3569">
        <v>286347.41230000003</v>
      </c>
      <c r="Z3569">
        <v>34608.993849999999</v>
      </c>
      <c r="AA3569">
        <v>94784.619909999994</v>
      </c>
      <c r="AB3569">
        <v>67688.816189999998</v>
      </c>
      <c r="AC3569">
        <v>48803.249600000003</v>
      </c>
      <c r="AD3569">
        <v>35271.605530000001</v>
      </c>
      <c r="AE3569">
        <v>41970.128680000002</v>
      </c>
      <c r="AF3569">
        <v>62798.315139999999</v>
      </c>
      <c r="AG3569">
        <v>24796.077120000002</v>
      </c>
      <c r="AH3569">
        <v>353827.14020000002</v>
      </c>
      <c r="AI3569">
        <v>86382.535149999996</v>
      </c>
      <c r="AJ3569">
        <v>24054.671060000001</v>
      </c>
      <c r="AK3569">
        <v>27566.936959999999</v>
      </c>
      <c r="AL3569">
        <v>96864.801250000004</v>
      </c>
      <c r="AM3569">
        <v>24577.552599999999</v>
      </c>
      <c r="AN3569">
        <v>104696.9244</v>
      </c>
      <c r="AO3569">
        <v>30555.982260000001</v>
      </c>
      <c r="AP3569">
        <v>22603.030940000001</v>
      </c>
    </row>
    <row r="3570" spans="2:42" x14ac:dyDescent="0.3">
      <c r="B3570">
        <v>68.390471607243342</v>
      </c>
      <c r="C3570" s="83">
        <v>43249.666666666664</v>
      </c>
      <c r="D3570">
        <v>278738.39889999997</v>
      </c>
      <c r="E3570">
        <v>33641.073790000002</v>
      </c>
      <c r="F3570">
        <v>93510.177370000005</v>
      </c>
      <c r="G3570">
        <v>62495.434029999997</v>
      </c>
      <c r="H3570">
        <v>46562.764499999997</v>
      </c>
      <c r="I3570">
        <v>36485.317849999999</v>
      </c>
      <c r="J3570">
        <v>41141.630740000001</v>
      </c>
      <c r="K3570">
        <v>59512.111669999998</v>
      </c>
      <c r="L3570">
        <v>23424.964830000001</v>
      </c>
      <c r="M3570">
        <v>348686.51760000002</v>
      </c>
      <c r="N3570">
        <v>84323.550889999999</v>
      </c>
      <c r="O3570">
        <v>23555.02707</v>
      </c>
      <c r="P3570">
        <v>26906.149649999999</v>
      </c>
      <c r="Q3570">
        <v>96396.916150000005</v>
      </c>
      <c r="R3570">
        <v>23632.18535</v>
      </c>
      <c r="S3570">
        <v>101744.9154</v>
      </c>
      <c r="T3570">
        <v>30312.817319999998</v>
      </c>
      <c r="U3570">
        <v>20216.350429999999</v>
      </c>
      <c r="W3570" s="83">
        <f>Bühler!N3602</f>
        <v>45440.666666658013</v>
      </c>
      <c r="X3570" s="83">
        <v>43249.666666666664</v>
      </c>
      <c r="Y3570">
        <v>278738.39889999997</v>
      </c>
      <c r="Z3570">
        <v>33641.073790000002</v>
      </c>
      <c r="AA3570">
        <v>93510.177370000005</v>
      </c>
      <c r="AB3570">
        <v>62495.434029999997</v>
      </c>
      <c r="AC3570">
        <v>46562.764499999997</v>
      </c>
      <c r="AD3570">
        <v>36485.317849999999</v>
      </c>
      <c r="AE3570">
        <v>41141.630740000001</v>
      </c>
      <c r="AF3570">
        <v>59512.111669999998</v>
      </c>
      <c r="AG3570">
        <v>23424.964830000001</v>
      </c>
      <c r="AH3570">
        <v>348686.51760000002</v>
      </c>
      <c r="AI3570">
        <v>84323.550889999999</v>
      </c>
      <c r="AJ3570">
        <v>23555.02707</v>
      </c>
      <c r="AK3570">
        <v>26906.149649999999</v>
      </c>
      <c r="AL3570">
        <v>96396.916150000005</v>
      </c>
      <c r="AM3570">
        <v>23632.18535</v>
      </c>
      <c r="AN3570">
        <v>101744.9154</v>
      </c>
      <c r="AO3570">
        <v>30312.817319999998</v>
      </c>
      <c r="AP3570">
        <v>20216.350429999999</v>
      </c>
    </row>
    <row r="3571" spans="2:42" x14ac:dyDescent="0.3">
      <c r="B3571">
        <v>66.885639352715373</v>
      </c>
      <c r="C3571" s="83">
        <v>43249.708333333336</v>
      </c>
      <c r="D3571">
        <v>268864.58809999999</v>
      </c>
      <c r="E3571">
        <v>31747.52577</v>
      </c>
      <c r="F3571">
        <v>92441.20607</v>
      </c>
      <c r="G3571">
        <v>54189.055079999998</v>
      </c>
      <c r="H3571">
        <v>44123.588150000003</v>
      </c>
      <c r="I3571">
        <v>35985.418149999998</v>
      </c>
      <c r="J3571">
        <v>41577.388890000002</v>
      </c>
      <c r="K3571">
        <v>53337.659809999997</v>
      </c>
      <c r="L3571">
        <v>24276.424569999999</v>
      </c>
      <c r="M3571">
        <v>341014.18099999998</v>
      </c>
      <c r="N3571">
        <v>81867.891430000003</v>
      </c>
      <c r="O3571">
        <v>22460.705559999999</v>
      </c>
      <c r="P3571">
        <v>28513.189750000001</v>
      </c>
      <c r="Q3571">
        <v>95086.364780000004</v>
      </c>
      <c r="R3571">
        <v>24198.643250000001</v>
      </c>
      <c r="S3571">
        <v>98507.186879999994</v>
      </c>
      <c r="T3571">
        <v>30231.55329</v>
      </c>
      <c r="U3571">
        <v>17549.587920000002</v>
      </c>
      <c r="W3571" s="83">
        <f>Bühler!N3603</f>
        <v>45440.708333324677</v>
      </c>
      <c r="X3571" s="83">
        <v>43249.708333333336</v>
      </c>
      <c r="Y3571">
        <v>268864.58809999999</v>
      </c>
      <c r="Z3571">
        <v>31747.52577</v>
      </c>
      <c r="AA3571">
        <v>92441.20607</v>
      </c>
      <c r="AB3571">
        <v>54189.055079999998</v>
      </c>
      <c r="AC3571">
        <v>44123.588150000003</v>
      </c>
      <c r="AD3571">
        <v>35985.418149999998</v>
      </c>
      <c r="AE3571">
        <v>41577.388890000002</v>
      </c>
      <c r="AF3571">
        <v>53337.659809999997</v>
      </c>
      <c r="AG3571">
        <v>24276.424569999999</v>
      </c>
      <c r="AH3571">
        <v>341014.18099999998</v>
      </c>
      <c r="AI3571">
        <v>81867.891430000003</v>
      </c>
      <c r="AJ3571">
        <v>22460.705559999999</v>
      </c>
      <c r="AK3571">
        <v>28513.189750000001</v>
      </c>
      <c r="AL3571">
        <v>95086.364780000004</v>
      </c>
      <c r="AM3571">
        <v>24198.643250000001</v>
      </c>
      <c r="AN3571">
        <v>98507.186879999994</v>
      </c>
      <c r="AO3571">
        <v>30231.55329</v>
      </c>
      <c r="AP3571">
        <v>17549.587920000002</v>
      </c>
    </row>
    <row r="3572" spans="2:42" x14ac:dyDescent="0.3">
      <c r="B3572">
        <v>65.664366290900531</v>
      </c>
      <c r="C3572" s="83">
        <v>43249.75</v>
      </c>
      <c r="D3572">
        <v>261704.3659</v>
      </c>
      <c r="E3572">
        <v>28356.602149999999</v>
      </c>
      <c r="F3572">
        <v>89556.567649999997</v>
      </c>
      <c r="G3572">
        <v>47215.535450000003</v>
      </c>
      <c r="H3572">
        <v>42113.279970000003</v>
      </c>
      <c r="I3572">
        <v>34251.361369999999</v>
      </c>
      <c r="J3572">
        <v>40642.15724</v>
      </c>
      <c r="K3572">
        <v>51285.779430000002</v>
      </c>
      <c r="L3572">
        <v>25996.0563</v>
      </c>
      <c r="M3572">
        <v>334787.56140000001</v>
      </c>
      <c r="N3572">
        <v>78729.521099999998</v>
      </c>
      <c r="O3572">
        <v>21020.25304</v>
      </c>
      <c r="P3572">
        <v>31181.71056</v>
      </c>
      <c r="Q3572">
        <v>92878.347590000005</v>
      </c>
      <c r="R3572">
        <v>21837.111010000001</v>
      </c>
      <c r="S3572">
        <v>91907.848360000004</v>
      </c>
      <c r="T3572">
        <v>30552.321360000002</v>
      </c>
      <c r="U3572">
        <v>15815.9476</v>
      </c>
      <c r="W3572" s="83">
        <f>Bühler!N3604</f>
        <v>45440.749999991342</v>
      </c>
      <c r="X3572" s="83">
        <v>43249.75</v>
      </c>
      <c r="Y3572">
        <v>261704.3659</v>
      </c>
      <c r="Z3572">
        <v>28356.602149999999</v>
      </c>
      <c r="AA3572">
        <v>89556.567649999997</v>
      </c>
      <c r="AB3572">
        <v>47215.535450000003</v>
      </c>
      <c r="AC3572">
        <v>42113.279970000003</v>
      </c>
      <c r="AD3572">
        <v>34251.361369999999</v>
      </c>
      <c r="AE3572">
        <v>40642.15724</v>
      </c>
      <c r="AF3572">
        <v>51285.779430000002</v>
      </c>
      <c r="AG3572">
        <v>25996.0563</v>
      </c>
      <c r="AH3572">
        <v>334787.56140000001</v>
      </c>
      <c r="AI3572">
        <v>78729.521099999998</v>
      </c>
      <c r="AJ3572">
        <v>21020.25304</v>
      </c>
      <c r="AK3572">
        <v>31181.71056</v>
      </c>
      <c r="AL3572">
        <v>92878.347590000005</v>
      </c>
      <c r="AM3572">
        <v>21837.111010000001</v>
      </c>
      <c r="AN3572">
        <v>91907.848360000004</v>
      </c>
      <c r="AO3572">
        <v>30552.321360000002</v>
      </c>
      <c r="AP3572">
        <v>15815.9476</v>
      </c>
    </row>
    <row r="3573" spans="2:42" x14ac:dyDescent="0.3">
      <c r="B3573">
        <v>64.351978456751667</v>
      </c>
      <c r="C3573" s="83">
        <v>43249.791666666664</v>
      </c>
      <c r="D3573">
        <v>255913.1637</v>
      </c>
      <c r="E3573">
        <v>22806.015019999999</v>
      </c>
      <c r="F3573">
        <v>78026.980299999996</v>
      </c>
      <c r="G3573">
        <v>43129.988960000002</v>
      </c>
      <c r="H3573">
        <v>39907.518620000003</v>
      </c>
      <c r="I3573">
        <v>31274.125520000001</v>
      </c>
      <c r="J3573">
        <v>40213.281430000003</v>
      </c>
      <c r="K3573">
        <v>50180.60095</v>
      </c>
      <c r="L3573">
        <v>27101.732800000002</v>
      </c>
      <c r="M3573">
        <v>328096.39620000002</v>
      </c>
      <c r="N3573">
        <v>76776.419479999997</v>
      </c>
      <c r="O3573">
        <v>20614.127079999998</v>
      </c>
      <c r="P3573">
        <v>33460.30704</v>
      </c>
      <c r="Q3573">
        <v>90707.418699999995</v>
      </c>
      <c r="R3573">
        <v>20520.806509999999</v>
      </c>
      <c r="S3573">
        <v>87374.749739999999</v>
      </c>
      <c r="T3573">
        <v>31174.125359999998</v>
      </c>
      <c r="U3573">
        <v>14662.91892</v>
      </c>
      <c r="W3573" s="83">
        <f>Bühler!N3605</f>
        <v>45440.791666658006</v>
      </c>
      <c r="X3573" s="83">
        <v>43249.791666666664</v>
      </c>
      <c r="Y3573">
        <v>255913.1637</v>
      </c>
      <c r="Z3573">
        <v>22806.015019999999</v>
      </c>
      <c r="AA3573">
        <v>78026.980299999996</v>
      </c>
      <c r="AB3573">
        <v>43129.988960000002</v>
      </c>
      <c r="AC3573">
        <v>39907.518620000003</v>
      </c>
      <c r="AD3573">
        <v>31274.125520000001</v>
      </c>
      <c r="AE3573">
        <v>40213.281430000003</v>
      </c>
      <c r="AF3573">
        <v>50180.60095</v>
      </c>
      <c r="AG3573">
        <v>27101.732800000002</v>
      </c>
      <c r="AH3573">
        <v>328096.39620000002</v>
      </c>
      <c r="AI3573">
        <v>76776.419479999997</v>
      </c>
      <c r="AJ3573">
        <v>20614.127079999998</v>
      </c>
      <c r="AK3573">
        <v>33460.30704</v>
      </c>
      <c r="AL3573">
        <v>90707.418699999995</v>
      </c>
      <c r="AM3573">
        <v>20520.806509999999</v>
      </c>
      <c r="AN3573">
        <v>87374.749739999999</v>
      </c>
      <c r="AO3573">
        <v>31174.125359999998</v>
      </c>
      <c r="AP3573">
        <v>14662.91892</v>
      </c>
    </row>
    <row r="3574" spans="2:42" x14ac:dyDescent="0.3">
      <c r="B3574">
        <v>62.093809425555527</v>
      </c>
      <c r="C3574" s="83">
        <v>43249.833333333336</v>
      </c>
      <c r="D3574">
        <v>246085.70819999999</v>
      </c>
      <c r="E3574">
        <v>16767.152290000002</v>
      </c>
      <c r="F3574">
        <v>61427.269560000001</v>
      </c>
      <c r="G3574">
        <v>38003.207410000003</v>
      </c>
      <c r="H3574">
        <v>37122.750899999999</v>
      </c>
      <c r="I3574">
        <v>27333.7994</v>
      </c>
      <c r="J3574">
        <v>39057.472439999998</v>
      </c>
      <c r="K3574">
        <v>50209.83941</v>
      </c>
      <c r="L3574">
        <v>26989.7428</v>
      </c>
      <c r="M3574">
        <v>316583.1974</v>
      </c>
      <c r="N3574">
        <v>75089.018190000003</v>
      </c>
      <c r="O3574">
        <v>19152.388770000001</v>
      </c>
      <c r="P3574">
        <v>35677.009879999998</v>
      </c>
      <c r="Q3574">
        <v>87626.199699999997</v>
      </c>
      <c r="R3574">
        <v>19250.754730000001</v>
      </c>
      <c r="S3574">
        <v>79548.267330000002</v>
      </c>
      <c r="T3574">
        <v>29112.703150000001</v>
      </c>
      <c r="U3574">
        <v>14043.07655</v>
      </c>
      <c r="W3574" s="83">
        <f>Bühler!N3606</f>
        <v>45440.83333332467</v>
      </c>
      <c r="X3574" s="83">
        <v>43249.833333333336</v>
      </c>
      <c r="Y3574">
        <v>246085.70819999999</v>
      </c>
      <c r="Z3574">
        <v>16767.152290000002</v>
      </c>
      <c r="AA3574">
        <v>61427.269560000001</v>
      </c>
      <c r="AB3574">
        <v>38003.207410000003</v>
      </c>
      <c r="AC3574">
        <v>37122.750899999999</v>
      </c>
      <c r="AD3574">
        <v>27333.7994</v>
      </c>
      <c r="AE3574">
        <v>39057.472439999998</v>
      </c>
      <c r="AF3574">
        <v>50209.83941</v>
      </c>
      <c r="AG3574">
        <v>26989.7428</v>
      </c>
      <c r="AH3574">
        <v>316583.1974</v>
      </c>
      <c r="AI3574">
        <v>75089.018190000003</v>
      </c>
      <c r="AJ3574">
        <v>19152.388770000001</v>
      </c>
      <c r="AK3574">
        <v>35677.009879999998</v>
      </c>
      <c r="AL3574">
        <v>87626.199699999997</v>
      </c>
      <c r="AM3574">
        <v>19250.754730000001</v>
      </c>
      <c r="AN3574">
        <v>79548.267330000002</v>
      </c>
      <c r="AO3574">
        <v>29112.703150000001</v>
      </c>
      <c r="AP3574">
        <v>14043.07655</v>
      </c>
    </row>
    <row r="3575" spans="2:42" x14ac:dyDescent="0.3">
      <c r="B3575">
        <v>59.916035021392027</v>
      </c>
      <c r="C3575" s="83">
        <v>43249.875</v>
      </c>
      <c r="D3575">
        <v>238437.8714</v>
      </c>
      <c r="E3575">
        <v>14426.0317</v>
      </c>
      <c r="F3575">
        <v>54180.051769999998</v>
      </c>
      <c r="G3575">
        <v>36208.871059999998</v>
      </c>
      <c r="H3575">
        <v>35753.890890000002</v>
      </c>
      <c r="I3575">
        <v>23082.61982</v>
      </c>
      <c r="J3575">
        <v>39511.491179999997</v>
      </c>
      <c r="K3575">
        <v>48887.411379999998</v>
      </c>
      <c r="L3575">
        <v>25937.261460000002</v>
      </c>
      <c r="M3575">
        <v>305479.88789999997</v>
      </c>
      <c r="N3575">
        <v>74188.659920000006</v>
      </c>
      <c r="O3575">
        <v>19051.089339999999</v>
      </c>
      <c r="P3575">
        <v>34655.837209999998</v>
      </c>
      <c r="Q3575">
        <v>85526.65638</v>
      </c>
      <c r="R3575">
        <v>19091.305079999998</v>
      </c>
      <c r="S3575">
        <v>75897.261589999995</v>
      </c>
      <c r="T3575">
        <v>26681.36851</v>
      </c>
      <c r="U3575">
        <v>13241.44029</v>
      </c>
      <c r="W3575" s="83">
        <f>Bühler!N3607</f>
        <v>45440.874999991334</v>
      </c>
      <c r="X3575" s="83">
        <v>43249.875</v>
      </c>
      <c r="Y3575">
        <v>238437.8714</v>
      </c>
      <c r="Z3575">
        <v>14426.0317</v>
      </c>
      <c r="AA3575">
        <v>54180.051769999998</v>
      </c>
      <c r="AB3575">
        <v>36208.871059999998</v>
      </c>
      <c r="AC3575">
        <v>35753.890890000002</v>
      </c>
      <c r="AD3575">
        <v>23082.61982</v>
      </c>
      <c r="AE3575">
        <v>39511.491179999997</v>
      </c>
      <c r="AF3575">
        <v>48887.411379999998</v>
      </c>
      <c r="AG3575">
        <v>25937.261460000002</v>
      </c>
      <c r="AH3575">
        <v>305479.88789999997</v>
      </c>
      <c r="AI3575">
        <v>74188.659920000006</v>
      </c>
      <c r="AJ3575">
        <v>19051.089339999999</v>
      </c>
      <c r="AK3575">
        <v>34655.837209999998</v>
      </c>
      <c r="AL3575">
        <v>85526.65638</v>
      </c>
      <c r="AM3575">
        <v>19091.305079999998</v>
      </c>
      <c r="AN3575">
        <v>75897.261589999995</v>
      </c>
      <c r="AO3575">
        <v>26681.36851</v>
      </c>
      <c r="AP3575">
        <v>13241.44029</v>
      </c>
    </row>
    <row r="3576" spans="2:42" x14ac:dyDescent="0.3">
      <c r="B3576">
        <v>59.773356880317749</v>
      </c>
      <c r="C3576" s="83">
        <v>43249.916666666664</v>
      </c>
      <c r="D3576">
        <v>237671.3272</v>
      </c>
      <c r="E3576">
        <v>13777.498970000001</v>
      </c>
      <c r="F3576">
        <v>51980.806100000002</v>
      </c>
      <c r="G3576">
        <v>34990.020689999998</v>
      </c>
      <c r="H3576">
        <v>36441.846689999998</v>
      </c>
      <c r="I3576">
        <v>21884.953130000002</v>
      </c>
      <c r="J3576">
        <v>40026.192080000001</v>
      </c>
      <c r="K3576">
        <v>52563.379079999999</v>
      </c>
      <c r="L3576">
        <v>23931.685730000001</v>
      </c>
      <c r="M3576">
        <v>304752.44819999998</v>
      </c>
      <c r="N3576">
        <v>74040.161389999994</v>
      </c>
      <c r="O3576">
        <v>18710.873</v>
      </c>
      <c r="P3576">
        <v>34113.329449999997</v>
      </c>
      <c r="Q3576">
        <v>84508.495349999997</v>
      </c>
      <c r="R3576">
        <v>20370.90595</v>
      </c>
      <c r="S3576">
        <v>75601.254409999994</v>
      </c>
      <c r="T3576">
        <v>23470.029620000001</v>
      </c>
      <c r="U3576">
        <v>14120.82854</v>
      </c>
      <c r="W3576" s="83">
        <f>Bühler!N3608</f>
        <v>45440.916666657999</v>
      </c>
      <c r="X3576" s="83">
        <v>43249.916666666664</v>
      </c>
      <c r="Y3576">
        <v>237671.3272</v>
      </c>
      <c r="Z3576">
        <v>13777.498970000001</v>
      </c>
      <c r="AA3576">
        <v>51980.806100000002</v>
      </c>
      <c r="AB3576">
        <v>34990.020689999998</v>
      </c>
      <c r="AC3576">
        <v>36441.846689999998</v>
      </c>
      <c r="AD3576">
        <v>21884.953130000002</v>
      </c>
      <c r="AE3576">
        <v>40026.192080000001</v>
      </c>
      <c r="AF3576">
        <v>52563.379079999999</v>
      </c>
      <c r="AG3576">
        <v>23931.685730000001</v>
      </c>
      <c r="AH3576">
        <v>304752.44819999998</v>
      </c>
      <c r="AI3576">
        <v>74040.161389999994</v>
      </c>
      <c r="AJ3576">
        <v>18710.873</v>
      </c>
      <c r="AK3576">
        <v>34113.329449999997</v>
      </c>
      <c r="AL3576">
        <v>84508.495349999997</v>
      </c>
      <c r="AM3576">
        <v>20370.90595</v>
      </c>
      <c r="AN3576">
        <v>75601.254409999994</v>
      </c>
      <c r="AO3576">
        <v>23470.029620000001</v>
      </c>
      <c r="AP3576">
        <v>14120.82854</v>
      </c>
    </row>
    <row r="3577" spans="2:42" x14ac:dyDescent="0.3">
      <c r="B3577">
        <v>59.645832708068212</v>
      </c>
      <c r="C3577" s="83">
        <v>43249.958333333336</v>
      </c>
      <c r="D3577">
        <v>238262.54399999999</v>
      </c>
      <c r="E3577">
        <v>13093.158299999999</v>
      </c>
      <c r="F3577">
        <v>50280.780460000002</v>
      </c>
      <c r="G3577">
        <v>34100.849179999997</v>
      </c>
      <c r="H3577">
        <v>35615.02205</v>
      </c>
      <c r="I3577">
        <v>20946.705419999998</v>
      </c>
      <c r="J3577">
        <v>36685.366399999999</v>
      </c>
      <c r="K3577">
        <v>51941.232790000002</v>
      </c>
      <c r="L3577">
        <v>19858.89272</v>
      </c>
      <c r="M3577">
        <v>304102.27049999998</v>
      </c>
      <c r="N3577">
        <v>73931.357829999994</v>
      </c>
      <c r="O3577">
        <v>18282.214919999999</v>
      </c>
      <c r="P3577">
        <v>30367.300950000001</v>
      </c>
      <c r="Q3577">
        <v>84062.092969999998</v>
      </c>
      <c r="R3577">
        <v>21283.714489999998</v>
      </c>
      <c r="S3577">
        <v>73634.987829999998</v>
      </c>
      <c r="T3577">
        <v>21062.021219999999</v>
      </c>
      <c r="U3577">
        <v>13569.36759</v>
      </c>
      <c r="W3577" s="83">
        <f>Bühler!N3609</f>
        <v>45440.958333324663</v>
      </c>
      <c r="X3577" s="83">
        <v>43249.958333333336</v>
      </c>
      <c r="Y3577">
        <v>238262.54399999999</v>
      </c>
      <c r="Z3577">
        <v>13093.158299999999</v>
      </c>
      <c r="AA3577">
        <v>50280.780460000002</v>
      </c>
      <c r="AB3577">
        <v>34100.849179999997</v>
      </c>
      <c r="AC3577">
        <v>35615.02205</v>
      </c>
      <c r="AD3577">
        <v>20946.705419999998</v>
      </c>
      <c r="AE3577">
        <v>36685.366399999999</v>
      </c>
      <c r="AF3577">
        <v>51941.232790000002</v>
      </c>
      <c r="AG3577">
        <v>19858.89272</v>
      </c>
      <c r="AH3577">
        <v>304102.27049999998</v>
      </c>
      <c r="AI3577">
        <v>73931.357829999994</v>
      </c>
      <c r="AJ3577">
        <v>18282.214919999999</v>
      </c>
      <c r="AK3577">
        <v>30367.300950000001</v>
      </c>
      <c r="AL3577">
        <v>84062.092969999998</v>
      </c>
      <c r="AM3577">
        <v>21283.714489999998</v>
      </c>
      <c r="AN3577">
        <v>73634.987829999998</v>
      </c>
      <c r="AO3577">
        <v>21062.021219999999</v>
      </c>
      <c r="AP3577">
        <v>13569.36759</v>
      </c>
    </row>
    <row r="3578" spans="2:42" x14ac:dyDescent="0.3">
      <c r="B3578">
        <v>59.376277216705915</v>
      </c>
      <c r="C3578" s="83">
        <v>43250</v>
      </c>
      <c r="D3578">
        <v>236865.8872</v>
      </c>
      <c r="E3578">
        <v>12694.916279999999</v>
      </c>
      <c r="F3578">
        <v>49033.71226</v>
      </c>
      <c r="G3578">
        <v>33394.084329999998</v>
      </c>
      <c r="H3578">
        <v>34646.073380000002</v>
      </c>
      <c r="I3578">
        <v>19585.793160000001</v>
      </c>
      <c r="J3578">
        <v>33953.543830000002</v>
      </c>
      <c r="K3578">
        <v>50744.15438</v>
      </c>
      <c r="L3578">
        <v>17645.268479999999</v>
      </c>
      <c r="M3578">
        <v>302727.9509</v>
      </c>
      <c r="N3578">
        <v>73643.683080000003</v>
      </c>
      <c r="O3578">
        <v>17812.322240000001</v>
      </c>
      <c r="P3578">
        <v>27945.606459999999</v>
      </c>
      <c r="Q3578">
        <v>82910.909729999999</v>
      </c>
      <c r="R3578">
        <v>17314.855909999998</v>
      </c>
      <c r="S3578">
        <v>72253.614539999995</v>
      </c>
      <c r="T3578">
        <v>19389.551510000001</v>
      </c>
      <c r="U3578">
        <v>13364.21248</v>
      </c>
      <c r="W3578" s="83">
        <f>Bühler!N3610</f>
        <v>45440.999999991327</v>
      </c>
      <c r="X3578" s="83">
        <v>43250</v>
      </c>
      <c r="Y3578">
        <v>236865.8872</v>
      </c>
      <c r="Z3578">
        <v>12694.916279999999</v>
      </c>
      <c r="AA3578">
        <v>49033.71226</v>
      </c>
      <c r="AB3578">
        <v>33394.084329999998</v>
      </c>
      <c r="AC3578">
        <v>34646.073380000002</v>
      </c>
      <c r="AD3578">
        <v>19585.793160000001</v>
      </c>
      <c r="AE3578">
        <v>33953.543830000002</v>
      </c>
      <c r="AF3578">
        <v>50744.15438</v>
      </c>
      <c r="AG3578">
        <v>17645.268479999999</v>
      </c>
      <c r="AH3578">
        <v>302727.9509</v>
      </c>
      <c r="AI3578">
        <v>73643.683080000003</v>
      </c>
      <c r="AJ3578">
        <v>17812.322240000001</v>
      </c>
      <c r="AK3578">
        <v>27945.606459999999</v>
      </c>
      <c r="AL3578">
        <v>82910.909729999999</v>
      </c>
      <c r="AM3578">
        <v>17314.855909999998</v>
      </c>
      <c r="AN3578">
        <v>72253.614539999995</v>
      </c>
      <c r="AO3578">
        <v>19389.551510000001</v>
      </c>
      <c r="AP3578">
        <v>13364.21248</v>
      </c>
    </row>
    <row r="3579" spans="2:42" x14ac:dyDescent="0.3">
      <c r="B3579">
        <v>58.653833651728448</v>
      </c>
      <c r="C3579" s="83">
        <v>43250.041666666664</v>
      </c>
      <c r="D3579">
        <v>236612.81109999999</v>
      </c>
      <c r="E3579">
        <v>12489.880080000001</v>
      </c>
      <c r="F3579">
        <v>48430.635029999998</v>
      </c>
      <c r="G3579">
        <v>32615.977149999999</v>
      </c>
      <c r="H3579">
        <v>33897.738649999999</v>
      </c>
      <c r="I3579">
        <v>15463.19217</v>
      </c>
      <c r="J3579">
        <v>32519.82245</v>
      </c>
      <c r="K3579">
        <v>47935.180849999997</v>
      </c>
      <c r="L3579">
        <v>16991.388200000001</v>
      </c>
      <c r="M3579">
        <v>299044.59669999999</v>
      </c>
      <c r="N3579">
        <v>73069.121520000001</v>
      </c>
      <c r="O3579">
        <v>18472.817510000001</v>
      </c>
      <c r="P3579">
        <v>26231.880580000001</v>
      </c>
      <c r="Q3579">
        <v>82901.753920000003</v>
      </c>
      <c r="R3579">
        <v>15807.1108</v>
      </c>
      <c r="S3579">
        <v>71168.198310000007</v>
      </c>
      <c r="T3579">
        <v>18835.889920000001</v>
      </c>
      <c r="U3579">
        <v>13000.12185</v>
      </c>
      <c r="W3579" s="83">
        <f>Bühler!N3611</f>
        <v>45441.041666657991</v>
      </c>
      <c r="X3579" s="83">
        <v>43250.041666666664</v>
      </c>
      <c r="Y3579">
        <v>236612.81109999999</v>
      </c>
      <c r="Z3579">
        <v>12489.880080000001</v>
      </c>
      <c r="AA3579">
        <v>48430.635029999998</v>
      </c>
      <c r="AB3579">
        <v>32615.977149999999</v>
      </c>
      <c r="AC3579">
        <v>33897.738649999999</v>
      </c>
      <c r="AD3579">
        <v>15463.19217</v>
      </c>
      <c r="AE3579">
        <v>32519.82245</v>
      </c>
      <c r="AF3579">
        <v>47935.180849999997</v>
      </c>
      <c r="AG3579">
        <v>16991.388200000001</v>
      </c>
      <c r="AH3579">
        <v>299044.59669999999</v>
      </c>
      <c r="AI3579">
        <v>73069.121520000001</v>
      </c>
      <c r="AJ3579">
        <v>18472.817510000001</v>
      </c>
      <c r="AK3579">
        <v>26231.880580000001</v>
      </c>
      <c r="AL3579">
        <v>82901.753920000003</v>
      </c>
      <c r="AM3579">
        <v>15807.1108</v>
      </c>
      <c r="AN3579">
        <v>71168.198310000007</v>
      </c>
      <c r="AO3579">
        <v>18835.889920000001</v>
      </c>
      <c r="AP3579">
        <v>13000.12185</v>
      </c>
    </row>
    <row r="3580" spans="2:42" x14ac:dyDescent="0.3">
      <c r="B3580">
        <v>58.817846914524509</v>
      </c>
      <c r="C3580" s="83">
        <v>43250.083333333336</v>
      </c>
      <c r="D3580">
        <v>237430.78039999999</v>
      </c>
      <c r="E3580">
        <v>12347.25678</v>
      </c>
      <c r="F3580">
        <v>49128.478490000001</v>
      </c>
      <c r="G3580">
        <v>31800.842820000002</v>
      </c>
      <c r="H3580">
        <v>33480.54247</v>
      </c>
      <c r="I3580">
        <v>13703.127899999999</v>
      </c>
      <c r="J3580">
        <v>32400.19443</v>
      </c>
      <c r="K3580">
        <v>46462.052580000003</v>
      </c>
      <c r="L3580">
        <v>16345.96435</v>
      </c>
      <c r="M3580">
        <v>299880.81280000001</v>
      </c>
      <c r="N3580">
        <v>70938.154420000006</v>
      </c>
      <c r="O3580">
        <v>18982.591550000001</v>
      </c>
      <c r="P3580">
        <v>24837.853029999998</v>
      </c>
      <c r="Q3580">
        <v>85901.424840000007</v>
      </c>
      <c r="R3580">
        <v>16368.28973</v>
      </c>
      <c r="S3580">
        <v>70298.685989999998</v>
      </c>
      <c r="T3580">
        <v>18619.359369999998</v>
      </c>
      <c r="U3580">
        <v>13370.08065</v>
      </c>
      <c r="W3580" s="83">
        <f>Bühler!N3612</f>
        <v>45441.083333324656</v>
      </c>
      <c r="X3580" s="83">
        <v>43250.083333333336</v>
      </c>
      <c r="Y3580">
        <v>237430.78039999999</v>
      </c>
      <c r="Z3580">
        <v>12347.25678</v>
      </c>
      <c r="AA3580">
        <v>49128.478490000001</v>
      </c>
      <c r="AB3580">
        <v>31800.842820000002</v>
      </c>
      <c r="AC3580">
        <v>33480.54247</v>
      </c>
      <c r="AD3580">
        <v>13703.127899999999</v>
      </c>
      <c r="AE3580">
        <v>32400.19443</v>
      </c>
      <c r="AF3580">
        <v>46462.052580000003</v>
      </c>
      <c r="AG3580">
        <v>16345.96435</v>
      </c>
      <c r="AH3580">
        <v>299880.81280000001</v>
      </c>
      <c r="AI3580">
        <v>70938.154420000006</v>
      </c>
      <c r="AJ3580">
        <v>18982.591550000001</v>
      </c>
      <c r="AK3580">
        <v>24837.853029999998</v>
      </c>
      <c r="AL3580">
        <v>85901.424840000007</v>
      </c>
      <c r="AM3580">
        <v>16368.28973</v>
      </c>
      <c r="AN3580">
        <v>70298.685989999998</v>
      </c>
      <c r="AO3580">
        <v>18619.359369999998</v>
      </c>
      <c r="AP3580">
        <v>13370.08065</v>
      </c>
    </row>
    <row r="3581" spans="2:42" x14ac:dyDescent="0.3">
      <c r="B3581">
        <v>59.434250571863274</v>
      </c>
      <c r="C3581" s="83">
        <v>43250.125</v>
      </c>
      <c r="D3581">
        <v>239405.01879999999</v>
      </c>
      <c r="E3581">
        <v>12389.276040000001</v>
      </c>
      <c r="F3581">
        <v>50992.904000000002</v>
      </c>
      <c r="G3581">
        <v>31422.245330000002</v>
      </c>
      <c r="H3581">
        <v>33716.773650000003</v>
      </c>
      <c r="I3581">
        <v>13661.81853</v>
      </c>
      <c r="J3581">
        <v>32572.799910000002</v>
      </c>
      <c r="K3581">
        <v>45366.582139999999</v>
      </c>
      <c r="L3581">
        <v>16205.812669999999</v>
      </c>
      <c r="M3581">
        <v>303023.52610000002</v>
      </c>
      <c r="N3581">
        <v>69661.498930000002</v>
      </c>
      <c r="O3581">
        <v>18456.675060000001</v>
      </c>
      <c r="P3581">
        <v>23350.729220000001</v>
      </c>
      <c r="Q3581">
        <v>88117.857390000005</v>
      </c>
      <c r="R3581">
        <v>16223.22525</v>
      </c>
      <c r="S3581">
        <v>70014.231029999995</v>
      </c>
      <c r="T3581">
        <v>18211.189630000001</v>
      </c>
      <c r="U3581">
        <v>13276.655989999999</v>
      </c>
      <c r="W3581" s="83">
        <f>Bühler!N3613</f>
        <v>45441.12499999132</v>
      </c>
      <c r="X3581" s="83">
        <v>43250.125</v>
      </c>
      <c r="Y3581">
        <v>239405.01879999999</v>
      </c>
      <c r="Z3581">
        <v>12389.276040000001</v>
      </c>
      <c r="AA3581">
        <v>50992.904000000002</v>
      </c>
      <c r="AB3581">
        <v>31422.245330000002</v>
      </c>
      <c r="AC3581">
        <v>33716.773650000003</v>
      </c>
      <c r="AD3581">
        <v>13661.81853</v>
      </c>
      <c r="AE3581">
        <v>32572.799910000002</v>
      </c>
      <c r="AF3581">
        <v>45366.582139999999</v>
      </c>
      <c r="AG3581">
        <v>16205.812669999999</v>
      </c>
      <c r="AH3581">
        <v>303023.52610000002</v>
      </c>
      <c r="AI3581">
        <v>69661.498930000002</v>
      </c>
      <c r="AJ3581">
        <v>18456.675060000001</v>
      </c>
      <c r="AK3581">
        <v>23350.729220000001</v>
      </c>
      <c r="AL3581">
        <v>88117.857390000005</v>
      </c>
      <c r="AM3581">
        <v>16223.22525</v>
      </c>
      <c r="AN3581">
        <v>70014.231029999995</v>
      </c>
      <c r="AO3581">
        <v>18211.189630000001</v>
      </c>
      <c r="AP3581">
        <v>13276.655989999999</v>
      </c>
    </row>
    <row r="3582" spans="2:42" x14ac:dyDescent="0.3">
      <c r="B3582">
        <v>60.398887949093371</v>
      </c>
      <c r="C3582" s="83">
        <v>43250.166666666664</v>
      </c>
      <c r="D3582">
        <v>240876.41</v>
      </c>
      <c r="E3582">
        <v>12898.87758</v>
      </c>
      <c r="F3582">
        <v>53668.020020000004</v>
      </c>
      <c r="G3582">
        <v>30582.00116</v>
      </c>
      <c r="H3582">
        <v>34097.010820000003</v>
      </c>
      <c r="I3582">
        <v>15439.4221</v>
      </c>
      <c r="J3582">
        <v>34886.827499999999</v>
      </c>
      <c r="K3582">
        <v>44541.75866</v>
      </c>
      <c r="L3582">
        <v>15946.97863</v>
      </c>
      <c r="M3582">
        <v>307941.6973</v>
      </c>
      <c r="N3582">
        <v>68766.683189999996</v>
      </c>
      <c r="O3582">
        <v>18831.763319999998</v>
      </c>
      <c r="P3582">
        <v>23679.740610000001</v>
      </c>
      <c r="Q3582">
        <v>91450.512539999996</v>
      </c>
      <c r="R3582">
        <v>16281.97064</v>
      </c>
      <c r="S3582">
        <v>70937.978220000005</v>
      </c>
      <c r="T3582">
        <v>18352.767</v>
      </c>
      <c r="U3582">
        <v>13759.23317</v>
      </c>
      <c r="W3582" s="83">
        <f>Bühler!N3614</f>
        <v>45441.166666657984</v>
      </c>
      <c r="X3582" s="83">
        <v>43250.166666666664</v>
      </c>
      <c r="Y3582">
        <v>240876.41</v>
      </c>
      <c r="Z3582">
        <v>12898.87758</v>
      </c>
      <c r="AA3582">
        <v>53668.020020000004</v>
      </c>
      <c r="AB3582">
        <v>30582.00116</v>
      </c>
      <c r="AC3582">
        <v>34097.010820000003</v>
      </c>
      <c r="AD3582">
        <v>15439.4221</v>
      </c>
      <c r="AE3582">
        <v>34886.827499999999</v>
      </c>
      <c r="AF3582">
        <v>44541.75866</v>
      </c>
      <c r="AG3582">
        <v>15946.97863</v>
      </c>
      <c r="AH3582">
        <v>307941.6973</v>
      </c>
      <c r="AI3582">
        <v>68766.683189999996</v>
      </c>
      <c r="AJ3582">
        <v>18831.763319999998</v>
      </c>
      <c r="AK3582">
        <v>23679.740610000001</v>
      </c>
      <c r="AL3582">
        <v>91450.512539999996</v>
      </c>
      <c r="AM3582">
        <v>16281.97064</v>
      </c>
      <c r="AN3582">
        <v>70937.978220000005</v>
      </c>
      <c r="AO3582">
        <v>18352.767</v>
      </c>
      <c r="AP3582">
        <v>13759.23317</v>
      </c>
    </row>
    <row r="3583" spans="2:42" x14ac:dyDescent="0.3">
      <c r="B3583">
        <v>62.344814789554682</v>
      </c>
      <c r="C3583" s="83">
        <v>43250.208333333336</v>
      </c>
      <c r="D3583">
        <v>256233.6814</v>
      </c>
      <c r="E3583">
        <v>14739.78102</v>
      </c>
      <c r="F3583">
        <v>62802.350059999997</v>
      </c>
      <c r="G3583">
        <v>32430.482929999998</v>
      </c>
      <c r="H3583">
        <v>35981.355750000002</v>
      </c>
      <c r="I3583">
        <v>22557.425770000002</v>
      </c>
      <c r="J3583">
        <v>38054.113389999999</v>
      </c>
      <c r="K3583">
        <v>44395.875410000001</v>
      </c>
      <c r="L3583">
        <v>16928.608100000001</v>
      </c>
      <c r="M3583">
        <v>317862.93979999999</v>
      </c>
      <c r="N3583">
        <v>69990.408490000002</v>
      </c>
      <c r="O3583">
        <v>19171.412</v>
      </c>
      <c r="P3583">
        <v>25187.110939999999</v>
      </c>
      <c r="Q3583">
        <v>94297.891440000007</v>
      </c>
      <c r="R3583">
        <v>18773.009020000001</v>
      </c>
      <c r="S3583">
        <v>73169.361640000003</v>
      </c>
      <c r="T3583">
        <v>19670.160360000002</v>
      </c>
      <c r="U3583">
        <v>15622.10109</v>
      </c>
      <c r="W3583" s="83">
        <f>Bühler!N3615</f>
        <v>45441.208333324648</v>
      </c>
      <c r="X3583" s="83">
        <v>43250.208333333336</v>
      </c>
      <c r="Y3583">
        <v>256233.6814</v>
      </c>
      <c r="Z3583">
        <v>14739.78102</v>
      </c>
      <c r="AA3583">
        <v>62802.350059999997</v>
      </c>
      <c r="AB3583">
        <v>32430.482929999998</v>
      </c>
      <c r="AC3583">
        <v>35981.355750000002</v>
      </c>
      <c r="AD3583">
        <v>22557.425770000002</v>
      </c>
      <c r="AE3583">
        <v>38054.113389999999</v>
      </c>
      <c r="AF3583">
        <v>44395.875410000001</v>
      </c>
      <c r="AG3583">
        <v>16928.608100000001</v>
      </c>
      <c r="AH3583">
        <v>317862.93979999999</v>
      </c>
      <c r="AI3583">
        <v>69990.408490000002</v>
      </c>
      <c r="AJ3583">
        <v>19171.412</v>
      </c>
      <c r="AK3583">
        <v>25187.110939999999</v>
      </c>
      <c r="AL3583">
        <v>94297.891440000007</v>
      </c>
      <c r="AM3583">
        <v>18773.009020000001</v>
      </c>
      <c r="AN3583">
        <v>73169.361640000003</v>
      </c>
      <c r="AO3583">
        <v>19670.160360000002</v>
      </c>
      <c r="AP3583">
        <v>15622.10109</v>
      </c>
    </row>
    <row r="3584" spans="2:42" x14ac:dyDescent="0.3">
      <c r="B3584">
        <v>65.399391078868078</v>
      </c>
      <c r="C3584" s="83">
        <v>43250.25</v>
      </c>
      <c r="D3584">
        <v>269691.87329999998</v>
      </c>
      <c r="E3584">
        <v>18599.406660000001</v>
      </c>
      <c r="F3584">
        <v>72095.800130000003</v>
      </c>
      <c r="G3584">
        <v>41527.947829999997</v>
      </c>
      <c r="H3584">
        <v>37418.516710000004</v>
      </c>
      <c r="I3584">
        <v>29594.640289999999</v>
      </c>
      <c r="J3584">
        <v>39808.010629999997</v>
      </c>
      <c r="K3584">
        <v>47588.328269999998</v>
      </c>
      <c r="L3584">
        <v>17666.89587</v>
      </c>
      <c r="M3584">
        <v>333436.59419999999</v>
      </c>
      <c r="N3584">
        <v>73668.271269999997</v>
      </c>
      <c r="O3584">
        <v>20218.559239999999</v>
      </c>
      <c r="P3584">
        <v>26382.896499999999</v>
      </c>
      <c r="Q3584">
        <v>95500.948439999993</v>
      </c>
      <c r="R3584">
        <v>17153.444660000001</v>
      </c>
      <c r="S3584">
        <v>79837.036160000003</v>
      </c>
      <c r="T3584">
        <v>21887.231059999998</v>
      </c>
      <c r="U3584">
        <v>17437.463660000001</v>
      </c>
      <c r="W3584" s="83">
        <f>Bühler!N3616</f>
        <v>45441.249999991313</v>
      </c>
      <c r="X3584" s="83">
        <v>43250.25</v>
      </c>
      <c r="Y3584">
        <v>269691.87329999998</v>
      </c>
      <c r="Z3584">
        <v>18599.406660000001</v>
      </c>
      <c r="AA3584">
        <v>72095.800130000003</v>
      </c>
      <c r="AB3584">
        <v>41527.947829999997</v>
      </c>
      <c r="AC3584">
        <v>37418.516710000004</v>
      </c>
      <c r="AD3584">
        <v>29594.640289999999</v>
      </c>
      <c r="AE3584">
        <v>39808.010629999997</v>
      </c>
      <c r="AF3584">
        <v>47588.328269999998</v>
      </c>
      <c r="AG3584">
        <v>17666.89587</v>
      </c>
      <c r="AH3584">
        <v>333436.59419999999</v>
      </c>
      <c r="AI3584">
        <v>73668.271269999997</v>
      </c>
      <c r="AJ3584">
        <v>20218.559239999999</v>
      </c>
      <c r="AK3584">
        <v>26382.896499999999</v>
      </c>
      <c r="AL3584">
        <v>95500.948439999993</v>
      </c>
      <c r="AM3584">
        <v>17153.444660000001</v>
      </c>
      <c r="AN3584">
        <v>79837.036160000003</v>
      </c>
      <c r="AO3584">
        <v>21887.231059999998</v>
      </c>
      <c r="AP3584">
        <v>17437.463660000001</v>
      </c>
    </row>
    <row r="3585" spans="2:42" x14ac:dyDescent="0.3">
      <c r="B3585">
        <v>67.477528402794405</v>
      </c>
      <c r="C3585" s="83">
        <v>43250.291666666664</v>
      </c>
      <c r="D3585">
        <v>283136.37560000003</v>
      </c>
      <c r="E3585">
        <v>22923.717229999998</v>
      </c>
      <c r="F3585">
        <v>75251.578429999994</v>
      </c>
      <c r="G3585">
        <v>52246.41216</v>
      </c>
      <c r="H3585">
        <v>42827.288619999999</v>
      </c>
      <c r="I3585">
        <v>36225.684739999997</v>
      </c>
      <c r="J3585">
        <v>41019.616860000002</v>
      </c>
      <c r="K3585">
        <v>53539.309370000003</v>
      </c>
      <c r="L3585">
        <v>20605.114979999998</v>
      </c>
      <c r="M3585">
        <v>344031.90740000003</v>
      </c>
      <c r="N3585">
        <v>78656.532389999993</v>
      </c>
      <c r="O3585">
        <v>21910.010439999998</v>
      </c>
      <c r="P3585">
        <v>30175.780350000001</v>
      </c>
      <c r="Q3585">
        <v>95384.477239999993</v>
      </c>
      <c r="R3585">
        <v>18363.53572</v>
      </c>
      <c r="S3585">
        <v>93486.864979999998</v>
      </c>
      <c r="T3585">
        <v>24997.06567</v>
      </c>
      <c r="U3585">
        <v>20799.43174</v>
      </c>
      <c r="W3585" s="83">
        <f>Bühler!N3617</f>
        <v>45441.291666657977</v>
      </c>
      <c r="X3585" s="83">
        <v>43250.291666666664</v>
      </c>
      <c r="Y3585">
        <v>283136.37560000003</v>
      </c>
      <c r="Z3585">
        <v>22923.717229999998</v>
      </c>
      <c r="AA3585">
        <v>75251.578429999994</v>
      </c>
      <c r="AB3585">
        <v>52246.41216</v>
      </c>
      <c r="AC3585">
        <v>42827.288619999999</v>
      </c>
      <c r="AD3585">
        <v>36225.684739999997</v>
      </c>
      <c r="AE3585">
        <v>41019.616860000002</v>
      </c>
      <c r="AF3585">
        <v>53539.309370000003</v>
      </c>
      <c r="AG3585">
        <v>20605.114979999998</v>
      </c>
      <c r="AH3585">
        <v>344031.90740000003</v>
      </c>
      <c r="AI3585">
        <v>78656.532389999993</v>
      </c>
      <c r="AJ3585">
        <v>21910.010439999998</v>
      </c>
      <c r="AK3585">
        <v>30175.780350000001</v>
      </c>
      <c r="AL3585">
        <v>95384.477239999993</v>
      </c>
      <c r="AM3585">
        <v>18363.53572</v>
      </c>
      <c r="AN3585">
        <v>93486.864979999998</v>
      </c>
      <c r="AO3585">
        <v>24997.06567</v>
      </c>
      <c r="AP3585">
        <v>20799.43174</v>
      </c>
    </row>
    <row r="3586" spans="2:42" x14ac:dyDescent="0.3">
      <c r="B3586">
        <v>68.707622666316482</v>
      </c>
      <c r="C3586" s="83">
        <v>43250.333333333336</v>
      </c>
      <c r="D3586">
        <v>294175.08260000002</v>
      </c>
      <c r="E3586">
        <v>28610.170699999999</v>
      </c>
      <c r="F3586">
        <v>84122.657879999999</v>
      </c>
      <c r="G3586">
        <v>66213.277910000004</v>
      </c>
      <c r="H3586">
        <v>47711.798199999997</v>
      </c>
      <c r="I3586">
        <v>38615.280290000002</v>
      </c>
      <c r="J3586">
        <v>43558.39471</v>
      </c>
      <c r="K3586">
        <v>60380.911670000001</v>
      </c>
      <c r="L3586">
        <v>23405.186539999999</v>
      </c>
      <c r="M3586">
        <v>350303.50160000002</v>
      </c>
      <c r="N3586">
        <v>85088.051300000006</v>
      </c>
      <c r="O3586">
        <v>23482.078809999999</v>
      </c>
      <c r="P3586">
        <v>32663.445640000002</v>
      </c>
      <c r="Q3586">
        <v>97139.420740000001</v>
      </c>
      <c r="R3586">
        <v>21077.566780000001</v>
      </c>
      <c r="S3586">
        <v>106415.07090000001</v>
      </c>
      <c r="T3586">
        <v>28758.632989999998</v>
      </c>
      <c r="U3586">
        <v>24376.786940000002</v>
      </c>
      <c r="W3586" s="83">
        <f>Bühler!N3618</f>
        <v>45441.333333324641</v>
      </c>
      <c r="X3586" s="83">
        <v>43250.333333333336</v>
      </c>
      <c r="Y3586">
        <v>294175.08260000002</v>
      </c>
      <c r="Z3586">
        <v>28610.170699999999</v>
      </c>
      <c r="AA3586">
        <v>84122.657879999999</v>
      </c>
      <c r="AB3586">
        <v>66213.277910000004</v>
      </c>
      <c r="AC3586">
        <v>47711.798199999997</v>
      </c>
      <c r="AD3586">
        <v>38615.280290000002</v>
      </c>
      <c r="AE3586">
        <v>43558.39471</v>
      </c>
      <c r="AF3586">
        <v>60380.911670000001</v>
      </c>
      <c r="AG3586">
        <v>23405.186539999999</v>
      </c>
      <c r="AH3586">
        <v>350303.50160000002</v>
      </c>
      <c r="AI3586">
        <v>85088.051300000006</v>
      </c>
      <c r="AJ3586">
        <v>23482.078809999999</v>
      </c>
      <c r="AK3586">
        <v>32663.445640000002</v>
      </c>
      <c r="AL3586">
        <v>97139.420740000001</v>
      </c>
      <c r="AM3586">
        <v>21077.566780000001</v>
      </c>
      <c r="AN3586">
        <v>106415.07090000001</v>
      </c>
      <c r="AO3586">
        <v>28758.632989999998</v>
      </c>
      <c r="AP3586">
        <v>24376.786940000002</v>
      </c>
    </row>
    <row r="3587" spans="2:42" x14ac:dyDescent="0.3">
      <c r="B3587">
        <v>69.529579176162258</v>
      </c>
      <c r="C3587" s="83">
        <v>43250.375</v>
      </c>
      <c r="D3587">
        <v>295810.397</v>
      </c>
      <c r="E3587">
        <v>32564.022949999999</v>
      </c>
      <c r="F3587">
        <v>91799.735230000006</v>
      </c>
      <c r="G3587">
        <v>74298.445890000003</v>
      </c>
      <c r="H3587">
        <v>50281.293100000003</v>
      </c>
      <c r="I3587">
        <v>37159.491529999999</v>
      </c>
      <c r="J3587">
        <v>45107.249179999999</v>
      </c>
      <c r="K3587">
        <v>62754.84719</v>
      </c>
      <c r="L3587">
        <v>26970.636409999999</v>
      </c>
      <c r="M3587">
        <v>354494.21919999999</v>
      </c>
      <c r="N3587">
        <v>87186.612729999993</v>
      </c>
      <c r="O3587">
        <v>25300.767220000002</v>
      </c>
      <c r="P3587">
        <v>33940.871800000001</v>
      </c>
      <c r="Q3587">
        <v>98869.256959999999</v>
      </c>
      <c r="R3587">
        <v>22500.107769999999</v>
      </c>
      <c r="S3587">
        <v>112716.04399999999</v>
      </c>
      <c r="T3587">
        <v>32209.458640000001</v>
      </c>
      <c r="U3587">
        <v>24003.778579999998</v>
      </c>
      <c r="W3587" s="83">
        <f>Bühler!N3619</f>
        <v>45441.374999991305</v>
      </c>
      <c r="X3587" s="83">
        <v>43250.375</v>
      </c>
      <c r="Y3587">
        <v>295810.397</v>
      </c>
      <c r="Z3587">
        <v>32564.022949999999</v>
      </c>
      <c r="AA3587">
        <v>91799.735230000006</v>
      </c>
      <c r="AB3587">
        <v>74298.445890000003</v>
      </c>
      <c r="AC3587">
        <v>50281.293100000003</v>
      </c>
      <c r="AD3587">
        <v>37159.491529999999</v>
      </c>
      <c r="AE3587">
        <v>45107.249179999999</v>
      </c>
      <c r="AF3587">
        <v>62754.84719</v>
      </c>
      <c r="AG3587">
        <v>26970.636409999999</v>
      </c>
      <c r="AH3587">
        <v>354494.21919999999</v>
      </c>
      <c r="AI3587">
        <v>87186.612729999993</v>
      </c>
      <c r="AJ3587">
        <v>25300.767220000002</v>
      </c>
      <c r="AK3587">
        <v>33940.871800000001</v>
      </c>
      <c r="AL3587">
        <v>98869.256959999999</v>
      </c>
      <c r="AM3587">
        <v>22500.107769999999</v>
      </c>
      <c r="AN3587">
        <v>112716.04399999999</v>
      </c>
      <c r="AO3587">
        <v>32209.458640000001</v>
      </c>
      <c r="AP3587">
        <v>24003.778579999998</v>
      </c>
    </row>
    <row r="3588" spans="2:42" x14ac:dyDescent="0.3">
      <c r="B3588">
        <v>70.706476560111355</v>
      </c>
      <c r="C3588" s="83">
        <v>43250.416666666664</v>
      </c>
      <c r="D3588">
        <v>299764.36959999998</v>
      </c>
      <c r="E3588">
        <v>34290.570780000002</v>
      </c>
      <c r="F3588">
        <v>93592.578429999994</v>
      </c>
      <c r="G3588">
        <v>76308.329899999997</v>
      </c>
      <c r="H3588">
        <v>50704.39561</v>
      </c>
      <c r="I3588">
        <v>35071.121679999997</v>
      </c>
      <c r="J3588">
        <v>44395.721360000003</v>
      </c>
      <c r="K3588">
        <v>63988.577689999998</v>
      </c>
      <c r="L3588">
        <v>29539.596509999999</v>
      </c>
      <c r="M3588">
        <v>360494.59090000001</v>
      </c>
      <c r="N3588">
        <v>90248.872589999999</v>
      </c>
      <c r="O3588">
        <v>26483.398850000001</v>
      </c>
      <c r="P3588">
        <v>35210.040119999998</v>
      </c>
      <c r="Q3588">
        <v>99509.817899999995</v>
      </c>
      <c r="R3588">
        <v>23334.81942</v>
      </c>
      <c r="S3588">
        <v>113615.0367</v>
      </c>
      <c r="T3588">
        <v>34307.844770000003</v>
      </c>
      <c r="U3588">
        <v>24459.038059999999</v>
      </c>
      <c r="W3588" s="83">
        <f>Bühler!N3620</f>
        <v>45441.416666657969</v>
      </c>
      <c r="X3588" s="83">
        <v>43250.416666666664</v>
      </c>
      <c r="Y3588">
        <v>299764.36959999998</v>
      </c>
      <c r="Z3588">
        <v>34290.570780000002</v>
      </c>
      <c r="AA3588">
        <v>93592.578429999994</v>
      </c>
      <c r="AB3588">
        <v>76308.329899999997</v>
      </c>
      <c r="AC3588">
        <v>50704.39561</v>
      </c>
      <c r="AD3588">
        <v>35071.121679999997</v>
      </c>
      <c r="AE3588">
        <v>44395.721360000003</v>
      </c>
      <c r="AF3588">
        <v>63988.577689999998</v>
      </c>
      <c r="AG3588">
        <v>29539.596509999999</v>
      </c>
      <c r="AH3588">
        <v>360494.59090000001</v>
      </c>
      <c r="AI3588">
        <v>90248.872589999999</v>
      </c>
      <c r="AJ3588">
        <v>26483.398850000001</v>
      </c>
      <c r="AK3588">
        <v>35210.040119999998</v>
      </c>
      <c r="AL3588">
        <v>99509.817899999995</v>
      </c>
      <c r="AM3588">
        <v>23334.81942</v>
      </c>
      <c r="AN3588">
        <v>113615.0367</v>
      </c>
      <c r="AO3588">
        <v>34307.844770000003</v>
      </c>
      <c r="AP3588">
        <v>24459.038059999999</v>
      </c>
    </row>
    <row r="3589" spans="2:42" x14ac:dyDescent="0.3">
      <c r="B3589">
        <v>71.484556914855517</v>
      </c>
      <c r="C3589" s="83">
        <v>43250.458333333336</v>
      </c>
      <c r="D3589">
        <v>300095.36839999998</v>
      </c>
      <c r="E3589">
        <v>34588.857839999997</v>
      </c>
      <c r="F3589">
        <v>94632.112469999993</v>
      </c>
      <c r="G3589">
        <v>74312.438840000003</v>
      </c>
      <c r="H3589">
        <v>50434.598559999999</v>
      </c>
      <c r="I3589">
        <v>34637.749380000001</v>
      </c>
      <c r="J3589">
        <v>44429.390729999999</v>
      </c>
      <c r="K3589">
        <v>65170.091979999997</v>
      </c>
      <c r="L3589">
        <v>30289.430840000001</v>
      </c>
      <c r="M3589">
        <v>364461.60739999998</v>
      </c>
      <c r="N3589">
        <v>91050.986170000004</v>
      </c>
      <c r="O3589">
        <v>27189.110130000001</v>
      </c>
      <c r="P3589">
        <v>34509.166149999997</v>
      </c>
      <c r="Q3589">
        <v>100982.9022</v>
      </c>
      <c r="R3589">
        <v>25534.05543</v>
      </c>
      <c r="S3589">
        <v>116519.7892</v>
      </c>
      <c r="T3589">
        <v>34348.866900000001</v>
      </c>
      <c r="U3589">
        <v>24468.769980000001</v>
      </c>
      <c r="W3589" s="83">
        <f>Bühler!N3621</f>
        <v>45441.458333324634</v>
      </c>
      <c r="X3589" s="83">
        <v>43250.458333333336</v>
      </c>
      <c r="Y3589">
        <v>300095.36839999998</v>
      </c>
      <c r="Z3589">
        <v>34588.857839999997</v>
      </c>
      <c r="AA3589">
        <v>94632.112469999993</v>
      </c>
      <c r="AB3589">
        <v>74312.438840000003</v>
      </c>
      <c r="AC3589">
        <v>50434.598559999999</v>
      </c>
      <c r="AD3589">
        <v>34637.749380000001</v>
      </c>
      <c r="AE3589">
        <v>44429.390729999999</v>
      </c>
      <c r="AF3589">
        <v>65170.091979999997</v>
      </c>
      <c r="AG3589">
        <v>30289.430840000001</v>
      </c>
      <c r="AH3589">
        <v>364461.60739999998</v>
      </c>
      <c r="AI3589">
        <v>91050.986170000004</v>
      </c>
      <c r="AJ3589">
        <v>27189.110130000001</v>
      </c>
      <c r="AK3589">
        <v>34509.166149999997</v>
      </c>
      <c r="AL3589">
        <v>100982.9022</v>
      </c>
      <c r="AM3589">
        <v>25534.05543</v>
      </c>
      <c r="AN3589">
        <v>116519.7892</v>
      </c>
      <c r="AO3589">
        <v>34348.866900000001</v>
      </c>
      <c r="AP3589">
        <v>24468.769980000001</v>
      </c>
    </row>
    <row r="3590" spans="2:42" x14ac:dyDescent="0.3">
      <c r="B3590">
        <v>70.430533285087122</v>
      </c>
      <c r="C3590" s="83">
        <v>43250.5</v>
      </c>
      <c r="D3590">
        <v>286162.31150000001</v>
      </c>
      <c r="E3590">
        <v>31394.877229999998</v>
      </c>
      <c r="F3590">
        <v>90495.936480000004</v>
      </c>
      <c r="G3590">
        <v>70714.792409999995</v>
      </c>
      <c r="H3590">
        <v>48081.901469999997</v>
      </c>
      <c r="I3590">
        <v>34290.040079999999</v>
      </c>
      <c r="J3590">
        <v>44858.28744</v>
      </c>
      <c r="K3590">
        <v>60462.172330000001</v>
      </c>
      <c r="L3590">
        <v>33201.788489999999</v>
      </c>
      <c r="M3590">
        <v>359087.7034</v>
      </c>
      <c r="N3590">
        <v>87590.955470000001</v>
      </c>
      <c r="O3590">
        <v>25631.572830000001</v>
      </c>
      <c r="P3590">
        <v>34527.812899999997</v>
      </c>
      <c r="Q3590">
        <v>100987.53260000001</v>
      </c>
      <c r="R3590">
        <v>25785.649089999999</v>
      </c>
      <c r="S3590">
        <v>110576.3115</v>
      </c>
      <c r="T3590">
        <v>33631.501609999999</v>
      </c>
      <c r="U3590">
        <v>19897.27159</v>
      </c>
      <c r="W3590" s="83">
        <f>Bühler!N3622</f>
        <v>45441.499999991298</v>
      </c>
      <c r="X3590" s="83">
        <v>43250.5</v>
      </c>
      <c r="Y3590">
        <v>286162.31150000001</v>
      </c>
      <c r="Z3590">
        <v>31394.877229999998</v>
      </c>
      <c r="AA3590">
        <v>90495.936480000004</v>
      </c>
      <c r="AB3590">
        <v>70714.792409999995</v>
      </c>
      <c r="AC3590">
        <v>48081.901469999997</v>
      </c>
      <c r="AD3590">
        <v>34290.040079999999</v>
      </c>
      <c r="AE3590">
        <v>44858.28744</v>
      </c>
      <c r="AF3590">
        <v>60462.172330000001</v>
      </c>
      <c r="AG3590">
        <v>33201.788489999999</v>
      </c>
      <c r="AH3590">
        <v>359087.7034</v>
      </c>
      <c r="AI3590">
        <v>87590.955470000001</v>
      </c>
      <c r="AJ3590">
        <v>25631.572830000001</v>
      </c>
      <c r="AK3590">
        <v>34527.812899999997</v>
      </c>
      <c r="AL3590">
        <v>100987.53260000001</v>
      </c>
      <c r="AM3590">
        <v>25785.649089999999</v>
      </c>
      <c r="AN3590">
        <v>110576.3115</v>
      </c>
      <c r="AO3590">
        <v>33631.501609999999</v>
      </c>
      <c r="AP3590">
        <v>19897.27159</v>
      </c>
    </row>
    <row r="3591" spans="2:42" x14ac:dyDescent="0.3">
      <c r="B3591">
        <v>70.030856369848649</v>
      </c>
      <c r="C3591" s="83">
        <v>43250.541666666664</v>
      </c>
      <c r="D3591">
        <v>290236.10200000001</v>
      </c>
      <c r="E3591">
        <v>31577.301800000001</v>
      </c>
      <c r="F3591">
        <v>87582.377949999995</v>
      </c>
      <c r="G3591">
        <v>64407.73345</v>
      </c>
      <c r="H3591">
        <v>48763.969340000003</v>
      </c>
      <c r="I3591">
        <v>34710.418259999999</v>
      </c>
      <c r="J3591">
        <v>43748.63319</v>
      </c>
      <c r="K3591">
        <v>63033.448960000002</v>
      </c>
      <c r="L3591">
        <v>31644.956610000001</v>
      </c>
      <c r="M3591">
        <v>357049.96409999998</v>
      </c>
      <c r="N3591">
        <v>88728.011979999996</v>
      </c>
      <c r="O3591">
        <v>25411.532159999999</v>
      </c>
      <c r="P3591">
        <v>33815.61217</v>
      </c>
      <c r="Q3591">
        <v>100036.7387</v>
      </c>
      <c r="R3591">
        <v>25453.105510000001</v>
      </c>
      <c r="S3591">
        <v>111463.7093</v>
      </c>
      <c r="T3591">
        <v>32478.248299999999</v>
      </c>
      <c r="U3591">
        <v>21791.90394</v>
      </c>
      <c r="W3591" s="83">
        <f>Bühler!N3623</f>
        <v>45441.541666657962</v>
      </c>
      <c r="X3591" s="83">
        <v>43250.541666666664</v>
      </c>
      <c r="Y3591">
        <v>290236.10200000001</v>
      </c>
      <c r="Z3591">
        <v>31577.301800000001</v>
      </c>
      <c r="AA3591">
        <v>87582.377949999995</v>
      </c>
      <c r="AB3591">
        <v>64407.73345</v>
      </c>
      <c r="AC3591">
        <v>48763.969340000003</v>
      </c>
      <c r="AD3591">
        <v>34710.418259999999</v>
      </c>
      <c r="AE3591">
        <v>43748.63319</v>
      </c>
      <c r="AF3591">
        <v>63033.448960000002</v>
      </c>
      <c r="AG3591">
        <v>31644.956610000001</v>
      </c>
      <c r="AH3591">
        <v>357049.96409999998</v>
      </c>
      <c r="AI3591">
        <v>88728.011979999996</v>
      </c>
      <c r="AJ3591">
        <v>25411.532159999999</v>
      </c>
      <c r="AK3591">
        <v>33815.61217</v>
      </c>
      <c r="AL3591">
        <v>100036.7387</v>
      </c>
      <c r="AM3591">
        <v>25453.105510000001</v>
      </c>
      <c r="AN3591">
        <v>111463.7093</v>
      </c>
      <c r="AO3591">
        <v>32478.248299999999</v>
      </c>
      <c r="AP3591">
        <v>21791.90394</v>
      </c>
    </row>
    <row r="3592" spans="2:42" x14ac:dyDescent="0.3">
      <c r="B3592">
        <v>70.101364415972597</v>
      </c>
      <c r="C3592" s="83">
        <v>43250.583333333336</v>
      </c>
      <c r="D3592">
        <v>294276.85680000001</v>
      </c>
      <c r="E3592">
        <v>34775.271540000002</v>
      </c>
      <c r="F3592">
        <v>94979.258690000002</v>
      </c>
      <c r="G3592">
        <v>60748.12773</v>
      </c>
      <c r="H3592">
        <v>48636.630290000001</v>
      </c>
      <c r="I3592">
        <v>35048.201309999997</v>
      </c>
      <c r="J3592">
        <v>43685.198190000003</v>
      </c>
      <c r="K3592">
        <v>65255.764239999997</v>
      </c>
      <c r="L3592">
        <v>29208.271049999999</v>
      </c>
      <c r="M3592">
        <v>357409.44699999999</v>
      </c>
      <c r="N3592">
        <v>89035.762749999994</v>
      </c>
      <c r="O3592">
        <v>26004.640940000001</v>
      </c>
      <c r="P3592">
        <v>30149.757399999999</v>
      </c>
      <c r="Q3592">
        <v>98879.963000000003</v>
      </c>
      <c r="R3592">
        <v>24886.51124</v>
      </c>
      <c r="S3592">
        <v>107308.2355</v>
      </c>
      <c r="T3592">
        <v>31847.633290000002</v>
      </c>
      <c r="U3592">
        <v>22926.401089999999</v>
      </c>
      <c r="W3592" s="83">
        <f>Bühler!N3624</f>
        <v>45441.583333324626</v>
      </c>
      <c r="X3592" s="83">
        <v>43250.583333333336</v>
      </c>
      <c r="Y3592">
        <v>294276.85680000001</v>
      </c>
      <c r="Z3592">
        <v>34775.271540000002</v>
      </c>
      <c r="AA3592">
        <v>94979.258690000002</v>
      </c>
      <c r="AB3592">
        <v>60748.12773</v>
      </c>
      <c r="AC3592">
        <v>48636.630290000001</v>
      </c>
      <c r="AD3592">
        <v>35048.201309999997</v>
      </c>
      <c r="AE3592">
        <v>43685.198190000003</v>
      </c>
      <c r="AF3592">
        <v>65255.764239999997</v>
      </c>
      <c r="AG3592">
        <v>29208.271049999999</v>
      </c>
      <c r="AH3592">
        <v>357409.44699999999</v>
      </c>
      <c r="AI3592">
        <v>89035.762749999994</v>
      </c>
      <c r="AJ3592">
        <v>26004.640940000001</v>
      </c>
      <c r="AK3592">
        <v>30149.757399999999</v>
      </c>
      <c r="AL3592">
        <v>98879.963000000003</v>
      </c>
      <c r="AM3592">
        <v>24886.51124</v>
      </c>
      <c r="AN3592">
        <v>107308.2355</v>
      </c>
      <c r="AO3592">
        <v>31847.633290000002</v>
      </c>
      <c r="AP3592">
        <v>22926.401089999999</v>
      </c>
    </row>
    <row r="3593" spans="2:42" x14ac:dyDescent="0.3">
      <c r="B3593">
        <v>69.885281200725288</v>
      </c>
      <c r="C3593" s="83">
        <v>43250.625</v>
      </c>
      <c r="D3593">
        <v>292665.72560000001</v>
      </c>
      <c r="E3593">
        <v>34681.681539999998</v>
      </c>
      <c r="F3593">
        <v>97167.364260000002</v>
      </c>
      <c r="G3593">
        <v>57425.289519999998</v>
      </c>
      <c r="H3593">
        <v>47550.598129999998</v>
      </c>
      <c r="I3593">
        <v>35350.04825</v>
      </c>
      <c r="J3593">
        <v>43148.315089999996</v>
      </c>
      <c r="K3593">
        <v>65093.426209999998</v>
      </c>
      <c r="L3593">
        <v>26982.798719999999</v>
      </c>
      <c r="M3593">
        <v>356307.75400000002</v>
      </c>
      <c r="N3593">
        <v>87317.326990000001</v>
      </c>
      <c r="O3593">
        <v>25613.451389999998</v>
      </c>
      <c r="P3593">
        <v>27030.696970000001</v>
      </c>
      <c r="Q3593">
        <v>98721.503530000002</v>
      </c>
      <c r="R3593">
        <v>24803.77793</v>
      </c>
      <c r="S3593">
        <v>104970.7435</v>
      </c>
      <c r="T3593">
        <v>31909.263999999999</v>
      </c>
      <c r="U3593">
        <v>22126.494709999999</v>
      </c>
      <c r="W3593" s="83">
        <f>Bühler!N3625</f>
        <v>45441.624999991291</v>
      </c>
      <c r="X3593" s="83">
        <v>43250.625</v>
      </c>
      <c r="Y3593">
        <v>292665.72560000001</v>
      </c>
      <c r="Z3593">
        <v>34681.681539999998</v>
      </c>
      <c r="AA3593">
        <v>97167.364260000002</v>
      </c>
      <c r="AB3593">
        <v>57425.289519999998</v>
      </c>
      <c r="AC3593">
        <v>47550.598129999998</v>
      </c>
      <c r="AD3593">
        <v>35350.04825</v>
      </c>
      <c r="AE3593">
        <v>43148.315089999996</v>
      </c>
      <c r="AF3593">
        <v>65093.426209999998</v>
      </c>
      <c r="AG3593">
        <v>26982.798719999999</v>
      </c>
      <c r="AH3593">
        <v>356307.75400000002</v>
      </c>
      <c r="AI3593">
        <v>87317.326990000001</v>
      </c>
      <c r="AJ3593">
        <v>25613.451389999998</v>
      </c>
      <c r="AK3593">
        <v>27030.696970000001</v>
      </c>
      <c r="AL3593">
        <v>98721.503530000002</v>
      </c>
      <c r="AM3593">
        <v>24803.77793</v>
      </c>
      <c r="AN3593">
        <v>104970.7435</v>
      </c>
      <c r="AO3593">
        <v>31909.263999999999</v>
      </c>
      <c r="AP3593">
        <v>22126.494709999999</v>
      </c>
    </row>
    <row r="3594" spans="2:42" x14ac:dyDescent="0.3">
      <c r="B3594">
        <v>69.811911254762961</v>
      </c>
      <c r="C3594" s="83">
        <v>43250.666666666664</v>
      </c>
      <c r="D3594">
        <v>287359.07260000001</v>
      </c>
      <c r="E3594">
        <v>34220.32991</v>
      </c>
      <c r="F3594">
        <v>95442.888649999994</v>
      </c>
      <c r="G3594">
        <v>53954.838040000002</v>
      </c>
      <c r="H3594">
        <v>46482.29608</v>
      </c>
      <c r="I3594">
        <v>36626.892650000002</v>
      </c>
      <c r="J3594">
        <v>42185.731330000002</v>
      </c>
      <c r="K3594">
        <v>60046.568189999998</v>
      </c>
      <c r="L3594">
        <v>25724.119309999998</v>
      </c>
      <c r="M3594">
        <v>355933.67979999998</v>
      </c>
      <c r="N3594">
        <v>85551.123240000001</v>
      </c>
      <c r="O3594">
        <v>25180.688030000001</v>
      </c>
      <c r="P3594">
        <v>27044.338199999998</v>
      </c>
      <c r="Q3594">
        <v>98340.710210000005</v>
      </c>
      <c r="R3594">
        <v>24377.80732</v>
      </c>
      <c r="S3594">
        <v>101838.3067</v>
      </c>
      <c r="T3594">
        <v>31248.001799999998</v>
      </c>
      <c r="U3594">
        <v>20278.115969999999</v>
      </c>
      <c r="W3594" s="83">
        <f>Bühler!N3626</f>
        <v>45441.666666657955</v>
      </c>
      <c r="X3594" s="83">
        <v>43250.666666666664</v>
      </c>
      <c r="Y3594">
        <v>287359.07260000001</v>
      </c>
      <c r="Z3594">
        <v>34220.32991</v>
      </c>
      <c r="AA3594">
        <v>95442.888649999994</v>
      </c>
      <c r="AB3594">
        <v>53954.838040000002</v>
      </c>
      <c r="AC3594">
        <v>46482.29608</v>
      </c>
      <c r="AD3594">
        <v>36626.892650000002</v>
      </c>
      <c r="AE3594">
        <v>42185.731330000002</v>
      </c>
      <c r="AF3594">
        <v>60046.568189999998</v>
      </c>
      <c r="AG3594">
        <v>25724.119309999998</v>
      </c>
      <c r="AH3594">
        <v>355933.67979999998</v>
      </c>
      <c r="AI3594">
        <v>85551.123240000001</v>
      </c>
      <c r="AJ3594">
        <v>25180.688030000001</v>
      </c>
      <c r="AK3594">
        <v>27044.338199999998</v>
      </c>
      <c r="AL3594">
        <v>98340.710210000005</v>
      </c>
      <c r="AM3594">
        <v>24377.80732</v>
      </c>
      <c r="AN3594">
        <v>101838.3067</v>
      </c>
      <c r="AO3594">
        <v>31248.001799999998</v>
      </c>
      <c r="AP3594">
        <v>20278.115969999999</v>
      </c>
    </row>
    <row r="3595" spans="2:42" x14ac:dyDescent="0.3">
      <c r="B3595">
        <v>68.542650232728278</v>
      </c>
      <c r="C3595" s="83">
        <v>43250.708333333336</v>
      </c>
      <c r="D3595">
        <v>273822.94459999999</v>
      </c>
      <c r="E3595">
        <v>32243.473020000001</v>
      </c>
      <c r="F3595">
        <v>93965.909979999997</v>
      </c>
      <c r="G3595">
        <v>49755.781499999997</v>
      </c>
      <c r="H3595">
        <v>44432.440020000002</v>
      </c>
      <c r="I3595">
        <v>36358.54451</v>
      </c>
      <c r="J3595">
        <v>42463.538569999997</v>
      </c>
      <c r="K3595">
        <v>54598.22279</v>
      </c>
      <c r="L3595">
        <v>26191.288929999999</v>
      </c>
      <c r="M3595">
        <v>349462.39520000003</v>
      </c>
      <c r="N3595">
        <v>82719.143540000005</v>
      </c>
      <c r="O3595">
        <v>24795.472969999999</v>
      </c>
      <c r="P3595">
        <v>29964.136310000002</v>
      </c>
      <c r="Q3595">
        <v>96573.724470000001</v>
      </c>
      <c r="R3595">
        <v>24748.243880000002</v>
      </c>
      <c r="S3595">
        <v>98769.164560000005</v>
      </c>
      <c r="T3595">
        <v>30498.097280000002</v>
      </c>
      <c r="U3595">
        <v>18084.460630000001</v>
      </c>
      <c r="W3595" s="83">
        <f>Bühler!N3627</f>
        <v>45441.708333324619</v>
      </c>
      <c r="X3595" s="83">
        <v>43250.708333333336</v>
      </c>
      <c r="Y3595">
        <v>273822.94459999999</v>
      </c>
      <c r="Z3595">
        <v>32243.473020000001</v>
      </c>
      <c r="AA3595">
        <v>93965.909979999997</v>
      </c>
      <c r="AB3595">
        <v>49755.781499999997</v>
      </c>
      <c r="AC3595">
        <v>44432.440020000002</v>
      </c>
      <c r="AD3595">
        <v>36358.54451</v>
      </c>
      <c r="AE3595">
        <v>42463.538569999997</v>
      </c>
      <c r="AF3595">
        <v>54598.22279</v>
      </c>
      <c r="AG3595">
        <v>26191.288929999999</v>
      </c>
      <c r="AH3595">
        <v>349462.39520000003</v>
      </c>
      <c r="AI3595">
        <v>82719.143540000005</v>
      </c>
      <c r="AJ3595">
        <v>24795.472969999999</v>
      </c>
      <c r="AK3595">
        <v>29964.136310000002</v>
      </c>
      <c r="AL3595">
        <v>96573.724470000001</v>
      </c>
      <c r="AM3595">
        <v>24748.243880000002</v>
      </c>
      <c r="AN3595">
        <v>98769.164560000005</v>
      </c>
      <c r="AO3595">
        <v>30498.097280000002</v>
      </c>
      <c r="AP3595">
        <v>18084.460630000001</v>
      </c>
    </row>
    <row r="3596" spans="2:42" x14ac:dyDescent="0.3">
      <c r="B3596">
        <v>67.1047670128916</v>
      </c>
      <c r="C3596" s="83">
        <v>43250.75</v>
      </c>
      <c r="D3596">
        <v>267680.6397</v>
      </c>
      <c r="E3596">
        <v>29032.77132</v>
      </c>
      <c r="F3596">
        <v>91765.133369999996</v>
      </c>
      <c r="G3596">
        <v>44378.9568</v>
      </c>
      <c r="H3596">
        <v>42215.062360000004</v>
      </c>
      <c r="I3596">
        <v>34662.56781</v>
      </c>
      <c r="J3596">
        <v>42238.807699999998</v>
      </c>
      <c r="K3596">
        <v>53086.175080000001</v>
      </c>
      <c r="L3596">
        <v>27254.309980000002</v>
      </c>
      <c r="M3596">
        <v>342131.39600000001</v>
      </c>
      <c r="N3596">
        <v>81425.246029999995</v>
      </c>
      <c r="O3596">
        <v>22701.845710000001</v>
      </c>
      <c r="P3596">
        <v>32461.938450000001</v>
      </c>
      <c r="Q3596">
        <v>95164.805250000005</v>
      </c>
      <c r="R3596">
        <v>22341.766039999999</v>
      </c>
      <c r="S3596">
        <v>91828.11159</v>
      </c>
      <c r="T3596">
        <v>29976.291140000001</v>
      </c>
      <c r="U3596">
        <v>15904.79067</v>
      </c>
      <c r="W3596" s="83">
        <f>Bühler!N3628</f>
        <v>45441.749999991283</v>
      </c>
      <c r="X3596" s="83">
        <v>43250.75</v>
      </c>
      <c r="Y3596">
        <v>267680.6397</v>
      </c>
      <c r="Z3596">
        <v>29032.77132</v>
      </c>
      <c r="AA3596">
        <v>91765.133369999996</v>
      </c>
      <c r="AB3596">
        <v>44378.9568</v>
      </c>
      <c r="AC3596">
        <v>42215.062360000004</v>
      </c>
      <c r="AD3596">
        <v>34662.56781</v>
      </c>
      <c r="AE3596">
        <v>42238.807699999998</v>
      </c>
      <c r="AF3596">
        <v>53086.175080000001</v>
      </c>
      <c r="AG3596">
        <v>27254.309980000002</v>
      </c>
      <c r="AH3596">
        <v>342131.39600000001</v>
      </c>
      <c r="AI3596">
        <v>81425.246029999995</v>
      </c>
      <c r="AJ3596">
        <v>22701.845710000001</v>
      </c>
      <c r="AK3596">
        <v>32461.938450000001</v>
      </c>
      <c r="AL3596">
        <v>95164.805250000005</v>
      </c>
      <c r="AM3596">
        <v>22341.766039999999</v>
      </c>
      <c r="AN3596">
        <v>91828.11159</v>
      </c>
      <c r="AO3596">
        <v>29976.291140000001</v>
      </c>
      <c r="AP3596">
        <v>15904.79067</v>
      </c>
    </row>
    <row r="3597" spans="2:42" x14ac:dyDescent="0.3">
      <c r="B3597">
        <v>65.858935428650199</v>
      </c>
      <c r="C3597" s="83">
        <v>43250.791666666664</v>
      </c>
      <c r="D3597">
        <v>261165.90849999999</v>
      </c>
      <c r="E3597">
        <v>23844.665649999999</v>
      </c>
      <c r="F3597">
        <v>80034.657900000006</v>
      </c>
      <c r="G3597">
        <v>40190.413119999997</v>
      </c>
      <c r="H3597">
        <v>40085.792930000003</v>
      </c>
      <c r="I3597">
        <v>31618.720949999999</v>
      </c>
      <c r="J3597">
        <v>41341.543429999998</v>
      </c>
      <c r="K3597">
        <v>52450.238870000001</v>
      </c>
      <c r="L3597">
        <v>28433.093120000001</v>
      </c>
      <c r="M3597">
        <v>335779.56559999997</v>
      </c>
      <c r="N3597">
        <v>79214.24265</v>
      </c>
      <c r="O3597">
        <v>20856.726770000001</v>
      </c>
      <c r="P3597">
        <v>34488.449130000001</v>
      </c>
      <c r="Q3597">
        <v>92830.039009999993</v>
      </c>
      <c r="R3597">
        <v>20764.758559999998</v>
      </c>
      <c r="S3597">
        <v>87149.246459999995</v>
      </c>
      <c r="T3597">
        <v>29698.848689999999</v>
      </c>
      <c r="U3597">
        <v>15356.26707</v>
      </c>
      <c r="W3597" s="83">
        <f>Bühler!N3629</f>
        <v>45441.791666657948</v>
      </c>
      <c r="X3597" s="83">
        <v>43250.791666666664</v>
      </c>
      <c r="Y3597">
        <v>261165.90849999999</v>
      </c>
      <c r="Z3597">
        <v>23844.665649999999</v>
      </c>
      <c r="AA3597">
        <v>80034.657900000006</v>
      </c>
      <c r="AB3597">
        <v>40190.413119999997</v>
      </c>
      <c r="AC3597">
        <v>40085.792930000003</v>
      </c>
      <c r="AD3597">
        <v>31618.720949999999</v>
      </c>
      <c r="AE3597">
        <v>41341.543429999998</v>
      </c>
      <c r="AF3597">
        <v>52450.238870000001</v>
      </c>
      <c r="AG3597">
        <v>28433.093120000001</v>
      </c>
      <c r="AH3597">
        <v>335779.56559999997</v>
      </c>
      <c r="AI3597">
        <v>79214.24265</v>
      </c>
      <c r="AJ3597">
        <v>20856.726770000001</v>
      </c>
      <c r="AK3597">
        <v>34488.449130000001</v>
      </c>
      <c r="AL3597">
        <v>92830.039009999993</v>
      </c>
      <c r="AM3597">
        <v>20764.758559999998</v>
      </c>
      <c r="AN3597">
        <v>87149.246459999995</v>
      </c>
      <c r="AO3597">
        <v>29698.848689999999</v>
      </c>
      <c r="AP3597">
        <v>15356.26707</v>
      </c>
    </row>
    <row r="3598" spans="2:42" x14ac:dyDescent="0.3">
      <c r="B3598">
        <v>63.709935030268163</v>
      </c>
      <c r="C3598" s="83">
        <v>43250.833333333336</v>
      </c>
      <c r="D3598">
        <v>251648.06820000001</v>
      </c>
      <c r="E3598">
        <v>17647.475259999999</v>
      </c>
      <c r="F3598">
        <v>63389.430529999998</v>
      </c>
      <c r="G3598">
        <v>36146.535389999997</v>
      </c>
      <c r="H3598">
        <v>37314.75174</v>
      </c>
      <c r="I3598">
        <v>26917.981319999999</v>
      </c>
      <c r="J3598">
        <v>40293.780339999998</v>
      </c>
      <c r="K3598">
        <v>51765.98429</v>
      </c>
      <c r="L3598">
        <v>27808.194739999999</v>
      </c>
      <c r="M3598">
        <v>324822.95939999999</v>
      </c>
      <c r="N3598">
        <v>76852.690300000002</v>
      </c>
      <c r="O3598">
        <v>20517.45291</v>
      </c>
      <c r="P3598">
        <v>33056.973680000003</v>
      </c>
      <c r="Q3598">
        <v>89698.896770000007</v>
      </c>
      <c r="R3598">
        <v>19513.611540000002</v>
      </c>
      <c r="S3598">
        <v>79146.927890000006</v>
      </c>
      <c r="T3598">
        <v>27918.825219999999</v>
      </c>
      <c r="U3598">
        <v>14696.010609999999</v>
      </c>
      <c r="W3598" s="83">
        <f>Bühler!N3630</f>
        <v>45441.833333324612</v>
      </c>
      <c r="X3598" s="83">
        <v>43250.833333333336</v>
      </c>
      <c r="Y3598">
        <v>251648.06820000001</v>
      </c>
      <c r="Z3598">
        <v>17647.475259999999</v>
      </c>
      <c r="AA3598">
        <v>63389.430529999998</v>
      </c>
      <c r="AB3598">
        <v>36146.535389999997</v>
      </c>
      <c r="AC3598">
        <v>37314.75174</v>
      </c>
      <c r="AD3598">
        <v>26917.981319999999</v>
      </c>
      <c r="AE3598">
        <v>40293.780339999998</v>
      </c>
      <c r="AF3598">
        <v>51765.98429</v>
      </c>
      <c r="AG3598">
        <v>27808.194739999999</v>
      </c>
      <c r="AH3598">
        <v>324822.95939999999</v>
      </c>
      <c r="AI3598">
        <v>76852.690300000002</v>
      </c>
      <c r="AJ3598">
        <v>20517.45291</v>
      </c>
      <c r="AK3598">
        <v>33056.973680000003</v>
      </c>
      <c r="AL3598">
        <v>89698.896770000007</v>
      </c>
      <c r="AM3598">
        <v>19513.611540000002</v>
      </c>
      <c r="AN3598">
        <v>79146.927890000006</v>
      </c>
      <c r="AO3598">
        <v>27918.825219999999</v>
      </c>
      <c r="AP3598">
        <v>14696.010609999999</v>
      </c>
    </row>
    <row r="3599" spans="2:42" x14ac:dyDescent="0.3">
      <c r="B3599">
        <v>61.251436344721846</v>
      </c>
      <c r="C3599" s="83">
        <v>43250.875</v>
      </c>
      <c r="D3599">
        <v>242934.11499999999</v>
      </c>
      <c r="E3599">
        <v>15147.029909999999</v>
      </c>
      <c r="F3599">
        <v>55128.46774</v>
      </c>
      <c r="G3599">
        <v>35261.706720000002</v>
      </c>
      <c r="H3599">
        <v>35688.34158</v>
      </c>
      <c r="I3599">
        <v>23382.823619999999</v>
      </c>
      <c r="J3599">
        <v>40578.613599999997</v>
      </c>
      <c r="K3599">
        <v>51415.546779999997</v>
      </c>
      <c r="L3599">
        <v>26738.579180000001</v>
      </c>
      <c r="M3599">
        <v>312288.38660000003</v>
      </c>
      <c r="N3599">
        <v>75085.245479999998</v>
      </c>
      <c r="O3599">
        <v>18990.486509999999</v>
      </c>
      <c r="P3599">
        <v>32332.692330000002</v>
      </c>
      <c r="Q3599">
        <v>87458.897570000001</v>
      </c>
      <c r="R3599">
        <v>19637.906449999999</v>
      </c>
      <c r="S3599">
        <v>75937.242769999997</v>
      </c>
      <c r="T3599">
        <v>26380.294839999999</v>
      </c>
      <c r="U3599">
        <v>13754.591200000001</v>
      </c>
      <c r="W3599" s="83">
        <f>Bühler!N3631</f>
        <v>45441.874999991276</v>
      </c>
      <c r="X3599" s="83">
        <v>43250.875</v>
      </c>
      <c r="Y3599">
        <v>242934.11499999999</v>
      </c>
      <c r="Z3599">
        <v>15147.029909999999</v>
      </c>
      <c r="AA3599">
        <v>55128.46774</v>
      </c>
      <c r="AB3599">
        <v>35261.706720000002</v>
      </c>
      <c r="AC3599">
        <v>35688.34158</v>
      </c>
      <c r="AD3599">
        <v>23382.823619999999</v>
      </c>
      <c r="AE3599">
        <v>40578.613599999997</v>
      </c>
      <c r="AF3599">
        <v>51415.546779999997</v>
      </c>
      <c r="AG3599">
        <v>26738.579180000001</v>
      </c>
      <c r="AH3599">
        <v>312288.38660000003</v>
      </c>
      <c r="AI3599">
        <v>75085.245479999998</v>
      </c>
      <c r="AJ3599">
        <v>18990.486509999999</v>
      </c>
      <c r="AK3599">
        <v>32332.692330000002</v>
      </c>
      <c r="AL3599">
        <v>87458.897570000001</v>
      </c>
      <c r="AM3599">
        <v>19637.906449999999</v>
      </c>
      <c r="AN3599">
        <v>75937.242769999997</v>
      </c>
      <c r="AO3599">
        <v>26380.294839999999</v>
      </c>
      <c r="AP3599">
        <v>13754.591200000001</v>
      </c>
    </row>
    <row r="3600" spans="2:42" x14ac:dyDescent="0.3">
      <c r="B3600">
        <v>61.063694966079559</v>
      </c>
      <c r="C3600" s="83">
        <v>43250.916666666664</v>
      </c>
      <c r="D3600">
        <v>242699.27009999999</v>
      </c>
      <c r="E3600">
        <v>14311.06964</v>
      </c>
      <c r="F3600">
        <v>52483.506939999999</v>
      </c>
      <c r="G3600">
        <v>34377.455759999997</v>
      </c>
      <c r="H3600">
        <v>36476.203840000002</v>
      </c>
      <c r="I3600">
        <v>21897.571639999998</v>
      </c>
      <c r="J3600">
        <v>40666.774060000003</v>
      </c>
      <c r="K3600">
        <v>54723.576009999997</v>
      </c>
      <c r="L3600">
        <v>24168.815409999999</v>
      </c>
      <c r="M3600">
        <v>311331.19349999999</v>
      </c>
      <c r="N3600">
        <v>74298.291630000007</v>
      </c>
      <c r="O3600">
        <v>19129.80042</v>
      </c>
      <c r="P3600">
        <v>34576.893250000001</v>
      </c>
      <c r="Q3600">
        <v>86295.692710000003</v>
      </c>
      <c r="R3600">
        <v>20576.732670000001</v>
      </c>
      <c r="S3600">
        <v>76525.546600000001</v>
      </c>
      <c r="T3600">
        <v>23475.07403</v>
      </c>
      <c r="U3600">
        <v>14339.278840000001</v>
      </c>
      <c r="W3600" s="83">
        <f>Bühler!N3632</f>
        <v>45441.91666665794</v>
      </c>
      <c r="X3600" s="83">
        <v>43250.916666666664</v>
      </c>
      <c r="Y3600">
        <v>242699.27009999999</v>
      </c>
      <c r="Z3600">
        <v>14311.06964</v>
      </c>
      <c r="AA3600">
        <v>52483.506939999999</v>
      </c>
      <c r="AB3600">
        <v>34377.455759999997</v>
      </c>
      <c r="AC3600">
        <v>36476.203840000002</v>
      </c>
      <c r="AD3600">
        <v>21897.571639999998</v>
      </c>
      <c r="AE3600">
        <v>40666.774060000003</v>
      </c>
      <c r="AF3600">
        <v>54723.576009999997</v>
      </c>
      <c r="AG3600">
        <v>24168.815409999999</v>
      </c>
      <c r="AH3600">
        <v>311331.19349999999</v>
      </c>
      <c r="AI3600">
        <v>74298.291630000007</v>
      </c>
      <c r="AJ3600">
        <v>19129.80042</v>
      </c>
      <c r="AK3600">
        <v>34576.893250000001</v>
      </c>
      <c r="AL3600">
        <v>86295.692710000003</v>
      </c>
      <c r="AM3600">
        <v>20576.732670000001</v>
      </c>
      <c r="AN3600">
        <v>76525.546600000001</v>
      </c>
      <c r="AO3600">
        <v>23475.07403</v>
      </c>
      <c r="AP3600">
        <v>14339.278840000001</v>
      </c>
    </row>
    <row r="3601" spans="2:42" x14ac:dyDescent="0.3">
      <c r="B3601">
        <v>60.473602926980995</v>
      </c>
      <c r="C3601" s="83">
        <v>43250.958333333336</v>
      </c>
      <c r="D3601">
        <v>242169.81150000001</v>
      </c>
      <c r="E3601">
        <v>13494.183720000001</v>
      </c>
      <c r="F3601">
        <v>51493.035459999999</v>
      </c>
      <c r="G3601">
        <v>33697.673470000002</v>
      </c>
      <c r="H3601">
        <v>35718.159780000002</v>
      </c>
      <c r="I3601">
        <v>20726.014050000002</v>
      </c>
      <c r="J3601">
        <v>36830.879650000003</v>
      </c>
      <c r="K3601">
        <v>53354.174859999999</v>
      </c>
      <c r="L3601">
        <v>20530.344720000001</v>
      </c>
      <c r="M3601">
        <v>308322.62910000002</v>
      </c>
      <c r="N3601">
        <v>74469.572490000006</v>
      </c>
      <c r="O3601">
        <v>19402.883760000001</v>
      </c>
      <c r="P3601">
        <v>29777.3884</v>
      </c>
      <c r="Q3601">
        <v>85847.024950000006</v>
      </c>
      <c r="R3601">
        <v>21486.32331</v>
      </c>
      <c r="S3601">
        <v>75138.018779999999</v>
      </c>
      <c r="T3601">
        <v>21133.104729999999</v>
      </c>
      <c r="U3601">
        <v>13986.22747</v>
      </c>
      <c r="W3601" s="83">
        <f>Bühler!N3633</f>
        <v>45441.958333324605</v>
      </c>
      <c r="X3601" s="83">
        <v>43250.958333333336</v>
      </c>
      <c r="Y3601">
        <v>242169.81150000001</v>
      </c>
      <c r="Z3601">
        <v>13494.183720000001</v>
      </c>
      <c r="AA3601">
        <v>51493.035459999999</v>
      </c>
      <c r="AB3601">
        <v>33697.673470000002</v>
      </c>
      <c r="AC3601">
        <v>35718.159780000002</v>
      </c>
      <c r="AD3601">
        <v>20726.014050000002</v>
      </c>
      <c r="AE3601">
        <v>36830.879650000003</v>
      </c>
      <c r="AF3601">
        <v>53354.174859999999</v>
      </c>
      <c r="AG3601">
        <v>20530.344720000001</v>
      </c>
      <c r="AH3601">
        <v>308322.62910000002</v>
      </c>
      <c r="AI3601">
        <v>74469.572490000006</v>
      </c>
      <c r="AJ3601">
        <v>19402.883760000001</v>
      </c>
      <c r="AK3601">
        <v>29777.3884</v>
      </c>
      <c r="AL3601">
        <v>85847.024950000006</v>
      </c>
      <c r="AM3601">
        <v>21486.32331</v>
      </c>
      <c r="AN3601">
        <v>75138.018779999999</v>
      </c>
      <c r="AO3601">
        <v>21133.104729999999</v>
      </c>
      <c r="AP3601">
        <v>13986.22747</v>
      </c>
    </row>
    <row r="3602" spans="2:42" x14ac:dyDescent="0.3">
      <c r="B3602">
        <v>59.69678251975224</v>
      </c>
      <c r="C3602" s="83">
        <v>43251</v>
      </c>
      <c r="D3602">
        <v>241354.22649999999</v>
      </c>
      <c r="E3602">
        <v>12909.54429</v>
      </c>
      <c r="F3602">
        <v>49774.828260000002</v>
      </c>
      <c r="G3602">
        <v>32916.002039999999</v>
      </c>
      <c r="H3602">
        <v>34967.019610000003</v>
      </c>
      <c r="I3602">
        <v>19298.337899999999</v>
      </c>
      <c r="J3602">
        <v>34169.66534</v>
      </c>
      <c r="K3602">
        <v>50413.208200000001</v>
      </c>
      <c r="L3602">
        <v>18547.36508</v>
      </c>
      <c r="M3602">
        <v>304362.03639999998</v>
      </c>
      <c r="N3602">
        <v>73460.790210000006</v>
      </c>
      <c r="O3602">
        <v>18766.34532</v>
      </c>
      <c r="P3602">
        <v>27286.28283</v>
      </c>
      <c r="Q3602">
        <v>84166.170079999996</v>
      </c>
      <c r="R3602">
        <v>17375.621350000001</v>
      </c>
      <c r="S3602">
        <v>73528.984100000001</v>
      </c>
      <c r="T3602">
        <v>19533.117979999999</v>
      </c>
      <c r="U3602">
        <v>13684.357749999999</v>
      </c>
      <c r="W3602" s="83">
        <f>Bühler!N3634</f>
        <v>45441.999999991269</v>
      </c>
      <c r="X3602" s="83">
        <v>43251</v>
      </c>
      <c r="Y3602">
        <v>241354.22649999999</v>
      </c>
      <c r="Z3602">
        <v>12909.54429</v>
      </c>
      <c r="AA3602">
        <v>49774.828260000002</v>
      </c>
      <c r="AB3602">
        <v>32916.002039999999</v>
      </c>
      <c r="AC3602">
        <v>34967.019610000003</v>
      </c>
      <c r="AD3602">
        <v>19298.337899999999</v>
      </c>
      <c r="AE3602">
        <v>34169.66534</v>
      </c>
      <c r="AF3602">
        <v>50413.208200000001</v>
      </c>
      <c r="AG3602">
        <v>18547.36508</v>
      </c>
      <c r="AH3602">
        <v>304362.03639999998</v>
      </c>
      <c r="AI3602">
        <v>73460.790210000006</v>
      </c>
      <c r="AJ3602">
        <v>18766.34532</v>
      </c>
      <c r="AK3602">
        <v>27286.28283</v>
      </c>
      <c r="AL3602">
        <v>84166.170079999996</v>
      </c>
      <c r="AM3602">
        <v>17375.621350000001</v>
      </c>
      <c r="AN3602">
        <v>73528.984100000001</v>
      </c>
      <c r="AO3602">
        <v>19533.117979999999</v>
      </c>
      <c r="AP3602">
        <v>13684.357749999999</v>
      </c>
    </row>
    <row r="3603" spans="2:42" x14ac:dyDescent="0.3">
      <c r="B3603">
        <v>59.06458024875252</v>
      </c>
      <c r="C3603" s="83">
        <v>43251.041666666664</v>
      </c>
      <c r="D3603">
        <v>238636.12160000001</v>
      </c>
      <c r="E3603">
        <v>12604.485479999999</v>
      </c>
      <c r="F3603">
        <v>48926.351799999997</v>
      </c>
      <c r="G3603">
        <v>32184.96947</v>
      </c>
      <c r="H3603">
        <v>33940.747360000001</v>
      </c>
      <c r="I3603">
        <v>15258.10765</v>
      </c>
      <c r="J3603">
        <v>32974.365409999999</v>
      </c>
      <c r="K3603">
        <v>48928.254849999998</v>
      </c>
      <c r="L3603">
        <v>17406.857670000001</v>
      </c>
      <c r="M3603">
        <v>301138.77439999999</v>
      </c>
      <c r="N3603">
        <v>71826.144409999994</v>
      </c>
      <c r="O3603">
        <v>18809.293870000001</v>
      </c>
      <c r="P3603">
        <v>26175.318940000001</v>
      </c>
      <c r="Q3603">
        <v>84155.36722</v>
      </c>
      <c r="R3603">
        <v>15496.97573</v>
      </c>
      <c r="S3603">
        <v>72104.105070000005</v>
      </c>
      <c r="T3603">
        <v>19047.992579999998</v>
      </c>
      <c r="U3603">
        <v>13298.669519999999</v>
      </c>
      <c r="W3603" s="83">
        <f>Bühler!N3635</f>
        <v>45442.041666657933</v>
      </c>
      <c r="X3603" s="83">
        <v>43251.041666666664</v>
      </c>
      <c r="Y3603">
        <v>238636.12160000001</v>
      </c>
      <c r="Z3603">
        <v>12604.485479999999</v>
      </c>
      <c r="AA3603">
        <v>48926.351799999997</v>
      </c>
      <c r="AB3603">
        <v>32184.96947</v>
      </c>
      <c r="AC3603">
        <v>33940.747360000001</v>
      </c>
      <c r="AD3603">
        <v>15258.10765</v>
      </c>
      <c r="AE3603">
        <v>32974.365409999999</v>
      </c>
      <c r="AF3603">
        <v>48928.254849999998</v>
      </c>
      <c r="AG3603">
        <v>17406.857670000001</v>
      </c>
      <c r="AH3603">
        <v>301138.77439999999</v>
      </c>
      <c r="AI3603">
        <v>71826.144409999994</v>
      </c>
      <c r="AJ3603">
        <v>18809.293870000001</v>
      </c>
      <c r="AK3603">
        <v>26175.318940000001</v>
      </c>
      <c r="AL3603">
        <v>84155.36722</v>
      </c>
      <c r="AM3603">
        <v>15496.97573</v>
      </c>
      <c r="AN3603">
        <v>72104.105070000005</v>
      </c>
      <c r="AO3603">
        <v>19047.992579999998</v>
      </c>
      <c r="AP3603">
        <v>13298.669519999999</v>
      </c>
    </row>
    <row r="3604" spans="2:42" x14ac:dyDescent="0.3">
      <c r="B3604">
        <v>59.088925883630715</v>
      </c>
      <c r="C3604" s="83">
        <v>43251.083333333336</v>
      </c>
      <c r="D3604">
        <v>240538.0589</v>
      </c>
      <c r="E3604">
        <v>12362.756789999999</v>
      </c>
      <c r="F3604">
        <v>49712.074939999999</v>
      </c>
      <c r="G3604">
        <v>31442.65597</v>
      </c>
      <c r="H3604">
        <v>33639.833480000001</v>
      </c>
      <c r="I3604">
        <v>13913.83281</v>
      </c>
      <c r="J3604">
        <v>32702.03728</v>
      </c>
      <c r="K3604">
        <v>47052.618849999999</v>
      </c>
      <c r="L3604">
        <v>16819.321370000001</v>
      </c>
      <c r="M3604">
        <v>301262.89980000001</v>
      </c>
      <c r="N3604">
        <v>70939.563859999995</v>
      </c>
      <c r="O3604">
        <v>18749.348040000001</v>
      </c>
      <c r="P3604">
        <v>23635.999479999999</v>
      </c>
      <c r="Q3604">
        <v>86764.548819999996</v>
      </c>
      <c r="R3604">
        <v>16191.990610000001</v>
      </c>
      <c r="S3604">
        <v>70245.959589999999</v>
      </c>
      <c r="T3604">
        <v>18672.973849999998</v>
      </c>
      <c r="U3604">
        <v>13419.385990000001</v>
      </c>
      <c r="W3604" s="83">
        <f>Bühler!N3636</f>
        <v>45442.083333324597</v>
      </c>
      <c r="X3604" s="83">
        <v>43251.083333333336</v>
      </c>
      <c r="Y3604">
        <v>240538.0589</v>
      </c>
      <c r="Z3604">
        <v>12362.756789999999</v>
      </c>
      <c r="AA3604">
        <v>49712.074939999999</v>
      </c>
      <c r="AB3604">
        <v>31442.65597</v>
      </c>
      <c r="AC3604">
        <v>33639.833480000001</v>
      </c>
      <c r="AD3604">
        <v>13913.83281</v>
      </c>
      <c r="AE3604">
        <v>32702.03728</v>
      </c>
      <c r="AF3604">
        <v>47052.618849999999</v>
      </c>
      <c r="AG3604">
        <v>16819.321370000001</v>
      </c>
      <c r="AH3604">
        <v>301262.89980000001</v>
      </c>
      <c r="AI3604">
        <v>70939.563859999995</v>
      </c>
      <c r="AJ3604">
        <v>18749.348040000001</v>
      </c>
      <c r="AK3604">
        <v>23635.999479999999</v>
      </c>
      <c r="AL3604">
        <v>86764.548819999996</v>
      </c>
      <c r="AM3604">
        <v>16191.990610000001</v>
      </c>
      <c r="AN3604">
        <v>70245.959589999999</v>
      </c>
      <c r="AO3604">
        <v>18672.973849999998</v>
      </c>
      <c r="AP3604">
        <v>13419.385990000001</v>
      </c>
    </row>
    <row r="3605" spans="2:42" x14ac:dyDescent="0.3">
      <c r="B3605">
        <v>59.478690916234171</v>
      </c>
      <c r="C3605" s="83">
        <v>43251.125</v>
      </c>
      <c r="D3605">
        <v>240611.6004</v>
      </c>
      <c r="E3605">
        <v>12380.514810000001</v>
      </c>
      <c r="F3605">
        <v>51160.075960000002</v>
      </c>
      <c r="G3605">
        <v>30932.32015</v>
      </c>
      <c r="H3605">
        <v>33469.060100000002</v>
      </c>
      <c r="I3605">
        <v>13819.35549</v>
      </c>
      <c r="J3605">
        <v>32933.681080000002</v>
      </c>
      <c r="K3605">
        <v>46334.89488</v>
      </c>
      <c r="L3605">
        <v>16310.23121</v>
      </c>
      <c r="M3605">
        <v>303250.10369999998</v>
      </c>
      <c r="N3605">
        <v>70646.488219999999</v>
      </c>
      <c r="O3605">
        <v>18899.567920000001</v>
      </c>
      <c r="P3605">
        <v>23388.586190000002</v>
      </c>
      <c r="Q3605">
        <v>89155.052920000002</v>
      </c>
      <c r="R3605">
        <v>15903.533869999999</v>
      </c>
      <c r="S3605">
        <v>69746.245200000005</v>
      </c>
      <c r="T3605">
        <v>18137.937330000001</v>
      </c>
      <c r="U3605">
        <v>13506.515439999999</v>
      </c>
      <c r="W3605" s="83">
        <f>Bühler!N3637</f>
        <v>45442.124999991262</v>
      </c>
      <c r="X3605" s="83">
        <v>43251.125</v>
      </c>
      <c r="Y3605">
        <v>240611.6004</v>
      </c>
      <c r="Z3605">
        <v>12380.514810000001</v>
      </c>
      <c r="AA3605">
        <v>51160.075960000002</v>
      </c>
      <c r="AB3605">
        <v>30932.32015</v>
      </c>
      <c r="AC3605">
        <v>33469.060100000002</v>
      </c>
      <c r="AD3605">
        <v>13819.35549</v>
      </c>
      <c r="AE3605">
        <v>32933.681080000002</v>
      </c>
      <c r="AF3605">
        <v>46334.89488</v>
      </c>
      <c r="AG3605">
        <v>16310.23121</v>
      </c>
      <c r="AH3605">
        <v>303250.10369999998</v>
      </c>
      <c r="AI3605">
        <v>70646.488219999999</v>
      </c>
      <c r="AJ3605">
        <v>18899.567920000001</v>
      </c>
      <c r="AK3605">
        <v>23388.586190000002</v>
      </c>
      <c r="AL3605">
        <v>89155.052920000002</v>
      </c>
      <c r="AM3605">
        <v>15903.533869999999</v>
      </c>
      <c r="AN3605">
        <v>69746.245200000005</v>
      </c>
      <c r="AO3605">
        <v>18137.937330000001</v>
      </c>
      <c r="AP3605">
        <v>13506.515439999999</v>
      </c>
    </row>
    <row r="3606" spans="2:42" x14ac:dyDescent="0.3">
      <c r="B3606">
        <v>60.568053996714887</v>
      </c>
      <c r="C3606" s="83">
        <v>43251.166666666664</v>
      </c>
      <c r="D3606">
        <v>243054.774</v>
      </c>
      <c r="E3606">
        <v>12908.400970000001</v>
      </c>
      <c r="F3606">
        <v>54525.993699999999</v>
      </c>
      <c r="G3606">
        <v>30305.71255</v>
      </c>
      <c r="H3606">
        <v>33966.187769999997</v>
      </c>
      <c r="I3606">
        <v>15055.24386</v>
      </c>
      <c r="J3606">
        <v>35160.340270000001</v>
      </c>
      <c r="K3606">
        <v>45297.694519999997</v>
      </c>
      <c r="L3606">
        <v>16629.492440000002</v>
      </c>
      <c r="M3606">
        <v>308804.18469999998</v>
      </c>
      <c r="N3606">
        <v>69780.933619999996</v>
      </c>
      <c r="O3606">
        <v>18473.50419</v>
      </c>
      <c r="P3606">
        <v>23644.082859999999</v>
      </c>
      <c r="Q3606">
        <v>93255.254749999993</v>
      </c>
      <c r="R3606">
        <v>15782.67553</v>
      </c>
      <c r="S3606">
        <v>70340.126569999993</v>
      </c>
      <c r="T3606">
        <v>18110.494979999999</v>
      </c>
      <c r="U3606">
        <v>13760.644780000001</v>
      </c>
      <c r="W3606" s="83">
        <f>Bühler!N3638</f>
        <v>45442.166666657926</v>
      </c>
      <c r="X3606" s="83">
        <v>43251.166666666664</v>
      </c>
      <c r="Y3606">
        <v>243054.774</v>
      </c>
      <c r="Z3606">
        <v>12908.400970000001</v>
      </c>
      <c r="AA3606">
        <v>54525.993699999999</v>
      </c>
      <c r="AB3606">
        <v>30305.71255</v>
      </c>
      <c r="AC3606">
        <v>33966.187769999997</v>
      </c>
      <c r="AD3606">
        <v>15055.24386</v>
      </c>
      <c r="AE3606">
        <v>35160.340270000001</v>
      </c>
      <c r="AF3606">
        <v>45297.694519999997</v>
      </c>
      <c r="AG3606">
        <v>16629.492440000002</v>
      </c>
      <c r="AH3606">
        <v>308804.18469999998</v>
      </c>
      <c r="AI3606">
        <v>69780.933619999996</v>
      </c>
      <c r="AJ3606">
        <v>18473.50419</v>
      </c>
      <c r="AK3606">
        <v>23644.082859999999</v>
      </c>
      <c r="AL3606">
        <v>93255.254749999993</v>
      </c>
      <c r="AM3606">
        <v>15782.67553</v>
      </c>
      <c r="AN3606">
        <v>70340.126569999993</v>
      </c>
      <c r="AO3606">
        <v>18110.494979999999</v>
      </c>
      <c r="AP3606">
        <v>13760.644780000001</v>
      </c>
    </row>
    <row r="3607" spans="2:42" x14ac:dyDescent="0.3">
      <c r="B3607">
        <v>63.006376359990824</v>
      </c>
      <c r="C3607" s="83">
        <v>43251.208333333336</v>
      </c>
      <c r="D3607">
        <v>255472.96359999999</v>
      </c>
      <c r="E3607">
        <v>14539.82667</v>
      </c>
      <c r="F3607">
        <v>63341.216399999998</v>
      </c>
      <c r="G3607">
        <v>31917.700850000001</v>
      </c>
      <c r="H3607">
        <v>35723.425380000001</v>
      </c>
      <c r="I3607">
        <v>21689.350289999998</v>
      </c>
      <c r="J3607">
        <v>38381.942580000003</v>
      </c>
      <c r="K3607">
        <v>46643.728569999999</v>
      </c>
      <c r="L3607">
        <v>17219.457610000001</v>
      </c>
      <c r="M3607">
        <v>321235.88919999998</v>
      </c>
      <c r="N3607">
        <v>69385.719379999995</v>
      </c>
      <c r="O3607">
        <v>19172.750929999998</v>
      </c>
      <c r="P3607">
        <v>24444.41172</v>
      </c>
      <c r="Q3607">
        <v>96149.306570000001</v>
      </c>
      <c r="R3607">
        <v>18445.693230000001</v>
      </c>
      <c r="S3607">
        <v>72950.300539999997</v>
      </c>
      <c r="T3607">
        <v>19340.468560000001</v>
      </c>
      <c r="U3607">
        <v>15387.25423</v>
      </c>
      <c r="W3607" s="83">
        <f>Bühler!N3639</f>
        <v>45442.20833332459</v>
      </c>
      <c r="X3607" s="83">
        <v>43251.208333333336</v>
      </c>
      <c r="Y3607">
        <v>255472.96359999999</v>
      </c>
      <c r="Z3607">
        <v>14539.82667</v>
      </c>
      <c r="AA3607">
        <v>63341.216399999998</v>
      </c>
      <c r="AB3607">
        <v>31917.700850000001</v>
      </c>
      <c r="AC3607">
        <v>35723.425380000001</v>
      </c>
      <c r="AD3607">
        <v>21689.350289999998</v>
      </c>
      <c r="AE3607">
        <v>38381.942580000003</v>
      </c>
      <c r="AF3607">
        <v>46643.728569999999</v>
      </c>
      <c r="AG3607">
        <v>17219.457610000001</v>
      </c>
      <c r="AH3607">
        <v>321235.88919999998</v>
      </c>
      <c r="AI3607">
        <v>69385.719379999995</v>
      </c>
      <c r="AJ3607">
        <v>19172.750929999998</v>
      </c>
      <c r="AK3607">
        <v>24444.41172</v>
      </c>
      <c r="AL3607">
        <v>96149.306570000001</v>
      </c>
      <c r="AM3607">
        <v>18445.693230000001</v>
      </c>
      <c r="AN3607">
        <v>72950.300539999997</v>
      </c>
      <c r="AO3607">
        <v>19340.468560000001</v>
      </c>
      <c r="AP3607">
        <v>15387.25423</v>
      </c>
    </row>
    <row r="3608" spans="2:42" x14ac:dyDescent="0.3">
      <c r="B3608">
        <v>65.767734375468081</v>
      </c>
      <c r="C3608" s="83">
        <v>43251.25</v>
      </c>
      <c r="D3608">
        <v>270642.81020000001</v>
      </c>
      <c r="E3608">
        <v>18392.837449999999</v>
      </c>
      <c r="F3608">
        <v>73979.642399999997</v>
      </c>
      <c r="G3608">
        <v>41326.735930000003</v>
      </c>
      <c r="H3608">
        <v>37515.373200000002</v>
      </c>
      <c r="I3608">
        <v>28533.554339999999</v>
      </c>
      <c r="J3608">
        <v>41071.065929999997</v>
      </c>
      <c r="K3608">
        <v>48252.964820000001</v>
      </c>
      <c r="L3608">
        <v>18462.100289999998</v>
      </c>
      <c r="M3608">
        <v>335314.58010000002</v>
      </c>
      <c r="N3608">
        <v>71924.257830000002</v>
      </c>
      <c r="O3608">
        <v>20120.730869999999</v>
      </c>
      <c r="P3608">
        <v>25787.327799999999</v>
      </c>
      <c r="Q3608">
        <v>96795.543860000005</v>
      </c>
      <c r="R3608">
        <v>17139.485649999999</v>
      </c>
      <c r="S3608">
        <v>80008.336150000003</v>
      </c>
      <c r="T3608">
        <v>21933.59129</v>
      </c>
      <c r="U3608">
        <v>16581.159749999999</v>
      </c>
      <c r="W3608" s="83">
        <f>Bühler!N3640</f>
        <v>45442.249999991254</v>
      </c>
      <c r="X3608" s="83">
        <v>43251.25</v>
      </c>
      <c r="Y3608">
        <v>270642.81020000001</v>
      </c>
      <c r="Z3608">
        <v>18392.837449999999</v>
      </c>
      <c r="AA3608">
        <v>73979.642399999997</v>
      </c>
      <c r="AB3608">
        <v>41326.735930000003</v>
      </c>
      <c r="AC3608">
        <v>37515.373200000002</v>
      </c>
      <c r="AD3608">
        <v>28533.554339999999</v>
      </c>
      <c r="AE3608">
        <v>41071.065929999997</v>
      </c>
      <c r="AF3608">
        <v>48252.964820000001</v>
      </c>
      <c r="AG3608">
        <v>18462.100289999998</v>
      </c>
      <c r="AH3608">
        <v>335314.58010000002</v>
      </c>
      <c r="AI3608">
        <v>71924.257830000002</v>
      </c>
      <c r="AJ3608">
        <v>20120.730869999999</v>
      </c>
      <c r="AK3608">
        <v>25787.327799999999</v>
      </c>
      <c r="AL3608">
        <v>96795.543860000005</v>
      </c>
      <c r="AM3608">
        <v>17139.485649999999</v>
      </c>
      <c r="AN3608">
        <v>80008.336150000003</v>
      </c>
      <c r="AO3608">
        <v>21933.59129</v>
      </c>
      <c r="AP3608">
        <v>16581.159749999999</v>
      </c>
    </row>
    <row r="3609" spans="2:42" x14ac:dyDescent="0.3">
      <c r="B3609">
        <v>68.01406537617585</v>
      </c>
      <c r="C3609" s="83">
        <v>43251.291666666664</v>
      </c>
      <c r="D3609">
        <v>281817.13189999998</v>
      </c>
      <c r="E3609">
        <v>22626.34506</v>
      </c>
      <c r="F3609">
        <v>77789.083379999996</v>
      </c>
      <c r="G3609">
        <v>50657.859389999998</v>
      </c>
      <c r="H3609">
        <v>42171.009539999999</v>
      </c>
      <c r="I3609">
        <v>36462.901400000002</v>
      </c>
      <c r="J3609">
        <v>41994.001040000003</v>
      </c>
      <c r="K3609">
        <v>53297.878660000002</v>
      </c>
      <c r="L3609">
        <v>20924.085299999999</v>
      </c>
      <c r="M3609">
        <v>346767.42310000001</v>
      </c>
      <c r="N3609">
        <v>77510.148709999994</v>
      </c>
      <c r="O3609">
        <v>21882.622950000001</v>
      </c>
      <c r="P3609">
        <v>30314.704030000001</v>
      </c>
      <c r="Q3609">
        <v>95957.325490000003</v>
      </c>
      <c r="R3609">
        <v>18563.82013</v>
      </c>
      <c r="S3609">
        <v>94173.01023</v>
      </c>
      <c r="T3609">
        <v>24769.637910000001</v>
      </c>
      <c r="U3609">
        <v>20251.303479999999</v>
      </c>
      <c r="W3609" s="83">
        <f>Bühler!N3641</f>
        <v>45442.291666657919</v>
      </c>
      <c r="X3609" s="83">
        <v>43251.291666666664</v>
      </c>
      <c r="Y3609">
        <v>281817.13189999998</v>
      </c>
      <c r="Z3609">
        <v>22626.34506</v>
      </c>
      <c r="AA3609">
        <v>77789.083379999996</v>
      </c>
      <c r="AB3609">
        <v>50657.859389999998</v>
      </c>
      <c r="AC3609">
        <v>42171.009539999999</v>
      </c>
      <c r="AD3609">
        <v>36462.901400000002</v>
      </c>
      <c r="AE3609">
        <v>41994.001040000003</v>
      </c>
      <c r="AF3609">
        <v>53297.878660000002</v>
      </c>
      <c r="AG3609">
        <v>20924.085299999999</v>
      </c>
      <c r="AH3609">
        <v>346767.42310000001</v>
      </c>
      <c r="AI3609">
        <v>77510.148709999994</v>
      </c>
      <c r="AJ3609">
        <v>21882.622950000001</v>
      </c>
      <c r="AK3609">
        <v>30314.704030000001</v>
      </c>
      <c r="AL3609">
        <v>95957.325490000003</v>
      </c>
      <c r="AM3609">
        <v>18563.82013</v>
      </c>
      <c r="AN3609">
        <v>94173.01023</v>
      </c>
      <c r="AO3609">
        <v>24769.637910000001</v>
      </c>
      <c r="AP3609">
        <v>20251.303479999999</v>
      </c>
    </row>
    <row r="3610" spans="2:42" x14ac:dyDescent="0.3">
      <c r="B3610">
        <v>69.183611667171434</v>
      </c>
      <c r="C3610" s="83">
        <v>43251.333333333336</v>
      </c>
      <c r="D3610">
        <v>293409.32740000001</v>
      </c>
      <c r="E3610">
        <v>28122.010750000001</v>
      </c>
      <c r="F3610">
        <v>87153.016730000003</v>
      </c>
      <c r="G3610">
        <v>62189.59274</v>
      </c>
      <c r="H3610">
        <v>47698.176879999999</v>
      </c>
      <c r="I3610">
        <v>39085.717550000001</v>
      </c>
      <c r="J3610">
        <v>44434.783170000002</v>
      </c>
      <c r="K3610">
        <v>60948.398699999998</v>
      </c>
      <c r="L3610">
        <v>23789.287270000001</v>
      </c>
      <c r="M3610">
        <v>352730.31550000003</v>
      </c>
      <c r="N3610">
        <v>85174.513630000001</v>
      </c>
      <c r="O3610">
        <v>24756.139439999999</v>
      </c>
      <c r="P3610">
        <v>32387.54797</v>
      </c>
      <c r="Q3610">
        <v>97390.689620000005</v>
      </c>
      <c r="R3610">
        <v>21351.086039999998</v>
      </c>
      <c r="S3610">
        <v>106808.2597</v>
      </c>
      <c r="T3610">
        <v>28428.939170000001</v>
      </c>
      <c r="U3610">
        <v>23673.23904</v>
      </c>
      <c r="W3610" s="83">
        <f>Bühler!N3642</f>
        <v>45442.333333324583</v>
      </c>
      <c r="X3610" s="83">
        <v>43251.333333333336</v>
      </c>
      <c r="Y3610">
        <v>293409.32740000001</v>
      </c>
      <c r="Z3610">
        <v>28122.010750000001</v>
      </c>
      <c r="AA3610">
        <v>87153.016730000003</v>
      </c>
      <c r="AB3610">
        <v>62189.59274</v>
      </c>
      <c r="AC3610">
        <v>47698.176879999999</v>
      </c>
      <c r="AD3610">
        <v>39085.717550000001</v>
      </c>
      <c r="AE3610">
        <v>44434.783170000002</v>
      </c>
      <c r="AF3610">
        <v>60948.398699999998</v>
      </c>
      <c r="AG3610">
        <v>23789.287270000001</v>
      </c>
      <c r="AH3610">
        <v>352730.31550000003</v>
      </c>
      <c r="AI3610">
        <v>85174.513630000001</v>
      </c>
      <c r="AJ3610">
        <v>24756.139439999999</v>
      </c>
      <c r="AK3610">
        <v>32387.54797</v>
      </c>
      <c r="AL3610">
        <v>97390.689620000005</v>
      </c>
      <c r="AM3610">
        <v>21351.086039999998</v>
      </c>
      <c r="AN3610">
        <v>106808.2597</v>
      </c>
      <c r="AO3610">
        <v>28428.939170000001</v>
      </c>
      <c r="AP3610">
        <v>23673.23904</v>
      </c>
    </row>
    <row r="3611" spans="2:42" x14ac:dyDescent="0.3">
      <c r="B3611">
        <v>69.744319320858409</v>
      </c>
      <c r="C3611" s="83">
        <v>43251.375</v>
      </c>
      <c r="D3611">
        <v>296497.57819999999</v>
      </c>
      <c r="E3611">
        <v>32136.436119999998</v>
      </c>
      <c r="F3611">
        <v>93733.115349999993</v>
      </c>
      <c r="G3611">
        <v>70027.139819999997</v>
      </c>
      <c r="H3611">
        <v>49482.219409999998</v>
      </c>
      <c r="I3611">
        <v>37789.252200000003</v>
      </c>
      <c r="J3611">
        <v>44738.458599999998</v>
      </c>
      <c r="K3611">
        <v>63915.378969999998</v>
      </c>
      <c r="L3611">
        <v>26685.198079999998</v>
      </c>
      <c r="M3611">
        <v>355589.06459999998</v>
      </c>
      <c r="N3611">
        <v>88925.005470000004</v>
      </c>
      <c r="O3611">
        <v>27035.175739999999</v>
      </c>
      <c r="P3611">
        <v>33838.461109999997</v>
      </c>
      <c r="Q3611">
        <v>98896.14258</v>
      </c>
      <c r="R3611">
        <v>22498.60283</v>
      </c>
      <c r="S3611">
        <v>112414.9108</v>
      </c>
      <c r="T3611">
        <v>31245.34144</v>
      </c>
      <c r="U3611">
        <v>24243.93592</v>
      </c>
      <c r="W3611" s="83">
        <f>Bühler!N3643</f>
        <v>45442.374999991247</v>
      </c>
      <c r="X3611" s="83">
        <v>43251.375</v>
      </c>
      <c r="Y3611">
        <v>296497.57819999999</v>
      </c>
      <c r="Z3611">
        <v>32136.436119999998</v>
      </c>
      <c r="AA3611">
        <v>93733.115349999993</v>
      </c>
      <c r="AB3611">
        <v>70027.139819999997</v>
      </c>
      <c r="AC3611">
        <v>49482.219409999998</v>
      </c>
      <c r="AD3611">
        <v>37789.252200000003</v>
      </c>
      <c r="AE3611">
        <v>44738.458599999998</v>
      </c>
      <c r="AF3611">
        <v>63915.378969999998</v>
      </c>
      <c r="AG3611">
        <v>26685.198079999998</v>
      </c>
      <c r="AH3611">
        <v>355589.06459999998</v>
      </c>
      <c r="AI3611">
        <v>88925.005470000004</v>
      </c>
      <c r="AJ3611">
        <v>27035.175739999999</v>
      </c>
      <c r="AK3611">
        <v>33838.461109999997</v>
      </c>
      <c r="AL3611">
        <v>98896.14258</v>
      </c>
      <c r="AM3611">
        <v>22498.60283</v>
      </c>
      <c r="AN3611">
        <v>112414.9108</v>
      </c>
      <c r="AO3611">
        <v>31245.34144</v>
      </c>
      <c r="AP3611">
        <v>24243.93592</v>
      </c>
    </row>
    <row r="3612" spans="2:42" x14ac:dyDescent="0.3">
      <c r="B3612">
        <v>70.569560877397976</v>
      </c>
      <c r="C3612" s="83">
        <v>43251.416666666664</v>
      </c>
      <c r="D3612">
        <v>300001.90299999999</v>
      </c>
      <c r="E3612">
        <v>34325.984170000003</v>
      </c>
      <c r="F3612">
        <v>95483.071769999995</v>
      </c>
      <c r="G3612">
        <v>72054.179860000004</v>
      </c>
      <c r="H3612">
        <v>50473.260069999997</v>
      </c>
      <c r="I3612">
        <v>35633.973539999999</v>
      </c>
      <c r="J3612">
        <v>45057.73936</v>
      </c>
      <c r="K3612">
        <v>65248.269950000002</v>
      </c>
      <c r="L3612">
        <v>29367.492320000001</v>
      </c>
      <c r="M3612">
        <v>359796.53090000001</v>
      </c>
      <c r="N3612">
        <v>89616.813810000007</v>
      </c>
      <c r="O3612">
        <v>27536.918180000001</v>
      </c>
      <c r="P3612">
        <v>34773.686159999997</v>
      </c>
      <c r="Q3612">
        <v>100367.8621</v>
      </c>
      <c r="R3612">
        <v>23574.989799999999</v>
      </c>
      <c r="S3612">
        <v>114177.9886</v>
      </c>
      <c r="T3612">
        <v>32854.857150000003</v>
      </c>
      <c r="U3612">
        <v>24025.088240000001</v>
      </c>
      <c r="W3612" s="83">
        <f>Bühler!N3644</f>
        <v>45442.416666657911</v>
      </c>
      <c r="X3612" s="83">
        <v>43251.416666666664</v>
      </c>
      <c r="Y3612">
        <v>300001.90299999999</v>
      </c>
      <c r="Z3612">
        <v>34325.984170000003</v>
      </c>
      <c r="AA3612">
        <v>95483.071769999995</v>
      </c>
      <c r="AB3612">
        <v>72054.179860000004</v>
      </c>
      <c r="AC3612">
        <v>50473.260069999997</v>
      </c>
      <c r="AD3612">
        <v>35633.973539999999</v>
      </c>
      <c r="AE3612">
        <v>45057.73936</v>
      </c>
      <c r="AF3612">
        <v>65248.269950000002</v>
      </c>
      <c r="AG3612">
        <v>29367.492320000001</v>
      </c>
      <c r="AH3612">
        <v>359796.53090000001</v>
      </c>
      <c r="AI3612">
        <v>89616.813810000007</v>
      </c>
      <c r="AJ3612">
        <v>27536.918180000001</v>
      </c>
      <c r="AK3612">
        <v>34773.686159999997</v>
      </c>
      <c r="AL3612">
        <v>100367.8621</v>
      </c>
      <c r="AM3612">
        <v>23574.989799999999</v>
      </c>
      <c r="AN3612">
        <v>114177.9886</v>
      </c>
      <c r="AO3612">
        <v>32854.857150000003</v>
      </c>
      <c r="AP3612">
        <v>24025.088240000001</v>
      </c>
    </row>
    <row r="3613" spans="2:42" x14ac:dyDescent="0.3">
      <c r="B3613">
        <v>71.079558928890975</v>
      </c>
      <c r="C3613" s="83">
        <v>43251.458333333336</v>
      </c>
      <c r="D3613">
        <v>298354.36339999997</v>
      </c>
      <c r="E3613">
        <v>34352.471140000001</v>
      </c>
      <c r="F3613">
        <v>97012.403779999993</v>
      </c>
      <c r="G3613">
        <v>71722.882979999995</v>
      </c>
      <c r="H3613">
        <v>50330.664519999998</v>
      </c>
      <c r="I3613">
        <v>35439.366020000001</v>
      </c>
      <c r="J3613">
        <v>44809.598259999999</v>
      </c>
      <c r="K3613">
        <v>64473.575839999998</v>
      </c>
      <c r="L3613">
        <v>29649.43146</v>
      </c>
      <c r="M3613">
        <v>362396.73879999999</v>
      </c>
      <c r="N3613">
        <v>90671.966709999993</v>
      </c>
      <c r="O3613">
        <v>27262.403750000001</v>
      </c>
      <c r="P3613">
        <v>34249.129549999998</v>
      </c>
      <c r="Q3613">
        <v>101247.7962</v>
      </c>
      <c r="R3613">
        <v>25515.080870000002</v>
      </c>
      <c r="S3613">
        <v>117100.02370000001</v>
      </c>
      <c r="T3613">
        <v>33698.733330000003</v>
      </c>
      <c r="U3613">
        <v>23846.727190000001</v>
      </c>
      <c r="W3613" s="83">
        <f>Bühler!N3645</f>
        <v>45442.458333324576</v>
      </c>
      <c r="X3613" s="83">
        <v>43251.458333333336</v>
      </c>
      <c r="Y3613">
        <v>298354.36339999997</v>
      </c>
      <c r="Z3613">
        <v>34352.471140000001</v>
      </c>
      <c r="AA3613">
        <v>97012.403779999993</v>
      </c>
      <c r="AB3613">
        <v>71722.882979999995</v>
      </c>
      <c r="AC3613">
        <v>50330.664519999998</v>
      </c>
      <c r="AD3613">
        <v>35439.366020000001</v>
      </c>
      <c r="AE3613">
        <v>44809.598259999999</v>
      </c>
      <c r="AF3613">
        <v>64473.575839999998</v>
      </c>
      <c r="AG3613">
        <v>29649.43146</v>
      </c>
      <c r="AH3613">
        <v>362396.73879999999</v>
      </c>
      <c r="AI3613">
        <v>90671.966709999993</v>
      </c>
      <c r="AJ3613">
        <v>27262.403750000001</v>
      </c>
      <c r="AK3613">
        <v>34249.129549999998</v>
      </c>
      <c r="AL3613">
        <v>101247.7962</v>
      </c>
      <c r="AM3613">
        <v>25515.080870000002</v>
      </c>
      <c r="AN3613">
        <v>117100.02370000001</v>
      </c>
      <c r="AO3613">
        <v>33698.733330000003</v>
      </c>
      <c r="AP3613">
        <v>23846.727190000001</v>
      </c>
    </row>
    <row r="3614" spans="2:42" x14ac:dyDescent="0.3">
      <c r="B3614">
        <v>70.517896419434919</v>
      </c>
      <c r="C3614" s="83">
        <v>43251.5</v>
      </c>
      <c r="D3614">
        <v>287344.40509999997</v>
      </c>
      <c r="E3614">
        <v>31130.841380000002</v>
      </c>
      <c r="F3614">
        <v>95448.722519999996</v>
      </c>
      <c r="G3614">
        <v>72044.85295</v>
      </c>
      <c r="H3614">
        <v>48680.555990000001</v>
      </c>
      <c r="I3614">
        <v>34366.100480000001</v>
      </c>
      <c r="J3614">
        <v>46854.546170000001</v>
      </c>
      <c r="K3614">
        <v>60015.412510000002</v>
      </c>
      <c r="L3614">
        <v>32490.641749999999</v>
      </c>
      <c r="M3614">
        <v>359533.1214</v>
      </c>
      <c r="N3614">
        <v>88909.318910000002</v>
      </c>
      <c r="O3614">
        <v>25934.712339999998</v>
      </c>
      <c r="P3614">
        <v>35425.399039999997</v>
      </c>
      <c r="Q3614">
        <v>100818.39</v>
      </c>
      <c r="R3614">
        <v>24960.902269999999</v>
      </c>
      <c r="S3614">
        <v>111847.4335</v>
      </c>
      <c r="T3614">
        <v>33289.584710000003</v>
      </c>
      <c r="U3614">
        <v>19886.64041</v>
      </c>
      <c r="W3614" s="83">
        <f>Bühler!N3646</f>
        <v>45442.49999999124</v>
      </c>
      <c r="X3614" s="83">
        <v>43251.5</v>
      </c>
      <c r="Y3614">
        <v>287344.40509999997</v>
      </c>
      <c r="Z3614">
        <v>31130.841380000002</v>
      </c>
      <c r="AA3614">
        <v>95448.722519999996</v>
      </c>
      <c r="AB3614">
        <v>72044.85295</v>
      </c>
      <c r="AC3614">
        <v>48680.555990000001</v>
      </c>
      <c r="AD3614">
        <v>34366.100480000001</v>
      </c>
      <c r="AE3614">
        <v>46854.546170000001</v>
      </c>
      <c r="AF3614">
        <v>60015.412510000002</v>
      </c>
      <c r="AG3614">
        <v>32490.641749999999</v>
      </c>
      <c r="AH3614">
        <v>359533.1214</v>
      </c>
      <c r="AI3614">
        <v>88909.318910000002</v>
      </c>
      <c r="AJ3614">
        <v>25934.712339999998</v>
      </c>
      <c r="AK3614">
        <v>35425.399039999997</v>
      </c>
      <c r="AL3614">
        <v>100818.39</v>
      </c>
      <c r="AM3614">
        <v>24960.902269999999</v>
      </c>
      <c r="AN3614">
        <v>111847.4335</v>
      </c>
      <c r="AO3614">
        <v>33289.584710000003</v>
      </c>
      <c r="AP3614">
        <v>19886.64041</v>
      </c>
    </row>
    <row r="3615" spans="2:42" x14ac:dyDescent="0.3">
      <c r="B3615">
        <v>70.389924779290737</v>
      </c>
      <c r="C3615" s="83">
        <v>43251.541666666664</v>
      </c>
      <c r="D3615">
        <v>288999.97389999998</v>
      </c>
      <c r="E3615">
        <v>31665.583180000001</v>
      </c>
      <c r="F3615">
        <v>94650.410260000004</v>
      </c>
      <c r="G3615">
        <v>68763.981140000004</v>
      </c>
      <c r="H3615">
        <v>49334.378960000002</v>
      </c>
      <c r="I3615">
        <v>34945.145909999999</v>
      </c>
      <c r="J3615">
        <v>46091.874020000003</v>
      </c>
      <c r="K3615">
        <v>62789.435890000001</v>
      </c>
      <c r="L3615">
        <v>31792.39212</v>
      </c>
      <c r="M3615">
        <v>358880.66230000003</v>
      </c>
      <c r="N3615">
        <v>89329.601179999998</v>
      </c>
      <c r="O3615">
        <v>26232.024519999999</v>
      </c>
      <c r="P3615">
        <v>34184.27781</v>
      </c>
      <c r="Q3615">
        <v>100795.8043</v>
      </c>
      <c r="R3615">
        <v>25332.879840000001</v>
      </c>
      <c r="S3615">
        <v>111882.9908</v>
      </c>
      <c r="T3615">
        <v>32377.443780000001</v>
      </c>
      <c r="U3615">
        <v>22685.171040000001</v>
      </c>
      <c r="W3615" s="83">
        <f>Bühler!N3647</f>
        <v>45442.541666657904</v>
      </c>
      <c r="X3615" s="83">
        <v>43251.541666666664</v>
      </c>
      <c r="Y3615">
        <v>288999.97389999998</v>
      </c>
      <c r="Z3615">
        <v>31665.583180000001</v>
      </c>
      <c r="AA3615">
        <v>94650.410260000004</v>
      </c>
      <c r="AB3615">
        <v>68763.981140000004</v>
      </c>
      <c r="AC3615">
        <v>49334.378960000002</v>
      </c>
      <c r="AD3615">
        <v>34945.145909999999</v>
      </c>
      <c r="AE3615">
        <v>46091.874020000003</v>
      </c>
      <c r="AF3615">
        <v>62789.435890000001</v>
      </c>
      <c r="AG3615">
        <v>31792.39212</v>
      </c>
      <c r="AH3615">
        <v>358880.66230000003</v>
      </c>
      <c r="AI3615">
        <v>89329.601179999998</v>
      </c>
      <c r="AJ3615">
        <v>26232.024519999999</v>
      </c>
      <c r="AK3615">
        <v>34184.27781</v>
      </c>
      <c r="AL3615">
        <v>100795.8043</v>
      </c>
      <c r="AM3615">
        <v>25332.879840000001</v>
      </c>
      <c r="AN3615">
        <v>111882.9908</v>
      </c>
      <c r="AO3615">
        <v>32377.443780000001</v>
      </c>
      <c r="AP3615">
        <v>22685.171040000001</v>
      </c>
    </row>
    <row r="3616" spans="2:42" x14ac:dyDescent="0.3">
      <c r="B3616">
        <v>70.137479805905599</v>
      </c>
      <c r="C3616" s="83">
        <v>43251.583333333336</v>
      </c>
      <c r="D3616">
        <v>293153.92249999999</v>
      </c>
      <c r="E3616">
        <v>34348.791579999997</v>
      </c>
      <c r="F3616">
        <v>97826.331349999993</v>
      </c>
      <c r="G3616">
        <v>63906.97062</v>
      </c>
      <c r="H3616">
        <v>49396.527410000002</v>
      </c>
      <c r="I3616">
        <v>35377.276129999998</v>
      </c>
      <c r="J3616">
        <v>45710.580040000001</v>
      </c>
      <c r="K3616">
        <v>66048.299079999997</v>
      </c>
      <c r="L3616">
        <v>28654.901580000002</v>
      </c>
      <c r="M3616">
        <v>357593.58010000002</v>
      </c>
      <c r="N3616">
        <v>90129.722320000001</v>
      </c>
      <c r="O3616">
        <v>26801.042839999998</v>
      </c>
      <c r="P3616">
        <v>32164.051510000001</v>
      </c>
      <c r="Q3616">
        <v>99694.936300000001</v>
      </c>
      <c r="R3616">
        <v>24164.058919999999</v>
      </c>
      <c r="S3616">
        <v>107631.02340000001</v>
      </c>
      <c r="T3616">
        <v>30756.354500000001</v>
      </c>
      <c r="U3616">
        <v>22861.91259</v>
      </c>
      <c r="W3616" s="83">
        <f>Bühler!N3648</f>
        <v>45442.583333324568</v>
      </c>
      <c r="X3616" s="83">
        <v>43251.583333333336</v>
      </c>
      <c r="Y3616">
        <v>293153.92249999999</v>
      </c>
      <c r="Z3616">
        <v>34348.791579999997</v>
      </c>
      <c r="AA3616">
        <v>97826.331349999993</v>
      </c>
      <c r="AB3616">
        <v>63906.97062</v>
      </c>
      <c r="AC3616">
        <v>49396.527410000002</v>
      </c>
      <c r="AD3616">
        <v>35377.276129999998</v>
      </c>
      <c r="AE3616">
        <v>45710.580040000001</v>
      </c>
      <c r="AF3616">
        <v>66048.299079999997</v>
      </c>
      <c r="AG3616">
        <v>28654.901580000002</v>
      </c>
      <c r="AH3616">
        <v>357593.58010000002</v>
      </c>
      <c r="AI3616">
        <v>90129.722320000001</v>
      </c>
      <c r="AJ3616">
        <v>26801.042839999998</v>
      </c>
      <c r="AK3616">
        <v>32164.051510000001</v>
      </c>
      <c r="AL3616">
        <v>99694.936300000001</v>
      </c>
      <c r="AM3616">
        <v>24164.058919999999</v>
      </c>
      <c r="AN3616">
        <v>107631.02340000001</v>
      </c>
      <c r="AO3616">
        <v>30756.354500000001</v>
      </c>
      <c r="AP3616">
        <v>22861.91259</v>
      </c>
    </row>
    <row r="3617" spans="2:42" x14ac:dyDescent="0.3">
      <c r="B3617">
        <v>70.202006386632974</v>
      </c>
      <c r="C3617" s="83">
        <v>43251.625</v>
      </c>
      <c r="D3617">
        <v>290682.9878</v>
      </c>
      <c r="E3617">
        <v>34421.406080000001</v>
      </c>
      <c r="F3617">
        <v>98748.954379999996</v>
      </c>
      <c r="G3617">
        <v>61033.17108</v>
      </c>
      <c r="H3617">
        <v>48515.160689999997</v>
      </c>
      <c r="I3617">
        <v>35575.410839999997</v>
      </c>
      <c r="J3617">
        <v>44819.612670000002</v>
      </c>
      <c r="K3617">
        <v>63742.085720000003</v>
      </c>
      <c r="L3617">
        <v>25966.931349999999</v>
      </c>
      <c r="M3617">
        <v>357922.56670000002</v>
      </c>
      <c r="N3617">
        <v>88727.869120000003</v>
      </c>
      <c r="O3617">
        <v>26445.282620000002</v>
      </c>
      <c r="P3617">
        <v>28707.651750000001</v>
      </c>
      <c r="Q3617">
        <v>99498.562779999993</v>
      </c>
      <c r="R3617">
        <v>23668.15322</v>
      </c>
      <c r="S3617">
        <v>105116.7503</v>
      </c>
      <c r="T3617">
        <v>30385.034250000001</v>
      </c>
      <c r="U3617">
        <v>21634.193319999998</v>
      </c>
      <c r="W3617" s="83">
        <f>Bühler!N3649</f>
        <v>45442.624999991232</v>
      </c>
      <c r="X3617" s="83">
        <v>43251.625</v>
      </c>
      <c r="Y3617">
        <v>290682.9878</v>
      </c>
      <c r="Z3617">
        <v>34421.406080000001</v>
      </c>
      <c r="AA3617">
        <v>98748.954379999996</v>
      </c>
      <c r="AB3617">
        <v>61033.17108</v>
      </c>
      <c r="AC3617">
        <v>48515.160689999997</v>
      </c>
      <c r="AD3617">
        <v>35575.410839999997</v>
      </c>
      <c r="AE3617">
        <v>44819.612670000002</v>
      </c>
      <c r="AF3617">
        <v>63742.085720000003</v>
      </c>
      <c r="AG3617">
        <v>25966.931349999999</v>
      </c>
      <c r="AH3617">
        <v>357922.56670000002</v>
      </c>
      <c r="AI3617">
        <v>88727.869120000003</v>
      </c>
      <c r="AJ3617">
        <v>26445.282620000002</v>
      </c>
      <c r="AK3617">
        <v>28707.651750000001</v>
      </c>
      <c r="AL3617">
        <v>99498.562779999993</v>
      </c>
      <c r="AM3617">
        <v>23668.15322</v>
      </c>
      <c r="AN3617">
        <v>105116.7503</v>
      </c>
      <c r="AO3617">
        <v>30385.034250000001</v>
      </c>
      <c r="AP3617">
        <v>21634.193319999998</v>
      </c>
    </row>
    <row r="3618" spans="2:42" x14ac:dyDescent="0.3">
      <c r="B3618">
        <v>68.972049733120045</v>
      </c>
      <c r="C3618" s="83">
        <v>43251.666666666664</v>
      </c>
      <c r="D3618">
        <v>283647.45179999998</v>
      </c>
      <c r="E3618">
        <v>33673.775710000002</v>
      </c>
      <c r="F3618">
        <v>97770.063959999999</v>
      </c>
      <c r="G3618">
        <v>57052.744780000001</v>
      </c>
      <c r="H3618">
        <v>46546.982409999997</v>
      </c>
      <c r="I3618">
        <v>37039.293400000002</v>
      </c>
      <c r="J3618">
        <v>43825.133260000002</v>
      </c>
      <c r="K3618">
        <v>59354.881029999997</v>
      </c>
      <c r="L3618">
        <v>25646.77491</v>
      </c>
      <c r="M3618">
        <v>351651.6741</v>
      </c>
      <c r="N3618">
        <v>85519.251250000001</v>
      </c>
      <c r="O3618">
        <v>25061.675910000002</v>
      </c>
      <c r="P3618">
        <v>27439.233769999999</v>
      </c>
      <c r="Q3618">
        <v>98643.470310000004</v>
      </c>
      <c r="R3618">
        <v>23528.914629999999</v>
      </c>
      <c r="S3618">
        <v>102443.9369</v>
      </c>
      <c r="T3618">
        <v>29796.535909999999</v>
      </c>
      <c r="U3618">
        <v>19703.27449</v>
      </c>
      <c r="W3618" s="83">
        <f>Bühler!N3650</f>
        <v>45442.666666657897</v>
      </c>
      <c r="X3618" s="83">
        <v>43251.666666666664</v>
      </c>
      <c r="Y3618">
        <v>283647.45179999998</v>
      </c>
      <c r="Z3618">
        <v>33673.775710000002</v>
      </c>
      <c r="AA3618">
        <v>97770.063959999999</v>
      </c>
      <c r="AB3618">
        <v>57052.744780000001</v>
      </c>
      <c r="AC3618">
        <v>46546.982409999997</v>
      </c>
      <c r="AD3618">
        <v>37039.293400000002</v>
      </c>
      <c r="AE3618">
        <v>43825.133260000002</v>
      </c>
      <c r="AF3618">
        <v>59354.881029999997</v>
      </c>
      <c r="AG3618">
        <v>25646.77491</v>
      </c>
      <c r="AH3618">
        <v>351651.6741</v>
      </c>
      <c r="AI3618">
        <v>85519.251250000001</v>
      </c>
      <c r="AJ3618">
        <v>25061.675910000002</v>
      </c>
      <c r="AK3618">
        <v>27439.233769999999</v>
      </c>
      <c r="AL3618">
        <v>98643.470310000004</v>
      </c>
      <c r="AM3618">
        <v>23528.914629999999</v>
      </c>
      <c r="AN3618">
        <v>102443.9369</v>
      </c>
      <c r="AO3618">
        <v>29796.535909999999</v>
      </c>
      <c r="AP3618">
        <v>19703.27449</v>
      </c>
    </row>
    <row r="3619" spans="2:42" x14ac:dyDescent="0.3">
      <c r="B3619">
        <v>67.435767648536228</v>
      </c>
      <c r="C3619" s="83">
        <v>43251.708333333336</v>
      </c>
      <c r="D3619">
        <v>273118.38250000001</v>
      </c>
      <c r="E3619">
        <v>31428.199059999999</v>
      </c>
      <c r="F3619">
        <v>95688.836790000001</v>
      </c>
      <c r="G3619">
        <v>51711.452749999997</v>
      </c>
      <c r="H3619">
        <v>44395.946759999999</v>
      </c>
      <c r="I3619">
        <v>37300.585859999999</v>
      </c>
      <c r="J3619">
        <v>42768.527929999997</v>
      </c>
      <c r="K3619">
        <v>54696.914929999999</v>
      </c>
      <c r="L3619">
        <v>26216.569759999998</v>
      </c>
      <c r="M3619">
        <v>343818.99160000001</v>
      </c>
      <c r="N3619">
        <v>83795.458759999994</v>
      </c>
      <c r="O3619">
        <v>24369.76611</v>
      </c>
      <c r="P3619">
        <v>29963.941210000001</v>
      </c>
      <c r="Q3619">
        <v>97534.104380000004</v>
      </c>
      <c r="R3619">
        <v>22988.01109</v>
      </c>
      <c r="S3619">
        <v>98897.383719999998</v>
      </c>
      <c r="T3619">
        <v>29401.071609999999</v>
      </c>
      <c r="U3619">
        <v>17263.469529999998</v>
      </c>
      <c r="W3619" s="83">
        <f>Bühler!N3651</f>
        <v>45442.708333324561</v>
      </c>
      <c r="X3619" s="83">
        <v>43251.708333333336</v>
      </c>
      <c r="Y3619">
        <v>273118.38250000001</v>
      </c>
      <c r="Z3619">
        <v>31428.199059999999</v>
      </c>
      <c r="AA3619">
        <v>95688.836790000001</v>
      </c>
      <c r="AB3619">
        <v>51711.452749999997</v>
      </c>
      <c r="AC3619">
        <v>44395.946759999999</v>
      </c>
      <c r="AD3619">
        <v>37300.585859999999</v>
      </c>
      <c r="AE3619">
        <v>42768.527929999997</v>
      </c>
      <c r="AF3619">
        <v>54696.914929999999</v>
      </c>
      <c r="AG3619">
        <v>26216.569759999998</v>
      </c>
      <c r="AH3619">
        <v>343818.99160000001</v>
      </c>
      <c r="AI3619">
        <v>83795.458759999994</v>
      </c>
      <c r="AJ3619">
        <v>24369.76611</v>
      </c>
      <c r="AK3619">
        <v>29963.941210000001</v>
      </c>
      <c r="AL3619">
        <v>97534.104380000004</v>
      </c>
      <c r="AM3619">
        <v>22988.01109</v>
      </c>
      <c r="AN3619">
        <v>98897.383719999998</v>
      </c>
      <c r="AO3619">
        <v>29401.071609999999</v>
      </c>
      <c r="AP3619">
        <v>17263.469529999998</v>
      </c>
    </row>
    <row r="3620" spans="2:42" x14ac:dyDescent="0.3">
      <c r="B3620">
        <v>65.943369917597892</v>
      </c>
      <c r="C3620" s="83">
        <v>43251.75</v>
      </c>
      <c r="D3620">
        <v>265917.56709999999</v>
      </c>
      <c r="E3620">
        <v>28842.36837</v>
      </c>
      <c r="F3620">
        <v>92726.671230000007</v>
      </c>
      <c r="G3620">
        <v>45609.334430000003</v>
      </c>
      <c r="H3620">
        <v>42163.01079</v>
      </c>
      <c r="I3620">
        <v>35797.047930000001</v>
      </c>
      <c r="J3620">
        <v>42213.288200000003</v>
      </c>
      <c r="K3620">
        <v>52035.126490000002</v>
      </c>
      <c r="L3620">
        <v>27394.35096</v>
      </c>
      <c r="M3620">
        <v>336210.05200000003</v>
      </c>
      <c r="N3620">
        <v>81709.209929999997</v>
      </c>
      <c r="O3620">
        <v>22577.819609999999</v>
      </c>
      <c r="P3620">
        <v>32632.647489999999</v>
      </c>
      <c r="Q3620">
        <v>95922.58008</v>
      </c>
      <c r="R3620">
        <v>21707.435030000001</v>
      </c>
      <c r="S3620">
        <v>92061.435960000003</v>
      </c>
      <c r="T3620">
        <v>30011.89156</v>
      </c>
      <c r="U3620">
        <v>16198.689259999999</v>
      </c>
      <c r="W3620" s="83">
        <f>Bühler!N3652</f>
        <v>45442.749999991225</v>
      </c>
      <c r="X3620" s="83">
        <v>43251.75</v>
      </c>
      <c r="Y3620">
        <v>265917.56709999999</v>
      </c>
      <c r="Z3620">
        <v>28842.36837</v>
      </c>
      <c r="AA3620">
        <v>92726.671230000007</v>
      </c>
      <c r="AB3620">
        <v>45609.334430000003</v>
      </c>
      <c r="AC3620">
        <v>42163.01079</v>
      </c>
      <c r="AD3620">
        <v>35797.047930000001</v>
      </c>
      <c r="AE3620">
        <v>42213.288200000003</v>
      </c>
      <c r="AF3620">
        <v>52035.126490000002</v>
      </c>
      <c r="AG3620">
        <v>27394.35096</v>
      </c>
      <c r="AH3620">
        <v>336210.05200000003</v>
      </c>
      <c r="AI3620">
        <v>81709.209929999997</v>
      </c>
      <c r="AJ3620">
        <v>22577.819609999999</v>
      </c>
      <c r="AK3620">
        <v>32632.647489999999</v>
      </c>
      <c r="AL3620">
        <v>95922.58008</v>
      </c>
      <c r="AM3620">
        <v>21707.435030000001</v>
      </c>
      <c r="AN3620">
        <v>92061.435960000003</v>
      </c>
      <c r="AO3620">
        <v>30011.89156</v>
      </c>
      <c r="AP3620">
        <v>16198.689259999999</v>
      </c>
    </row>
    <row r="3621" spans="2:42" x14ac:dyDescent="0.3">
      <c r="B3621">
        <v>64.693754509220739</v>
      </c>
      <c r="C3621" s="83">
        <v>43251.791666666664</v>
      </c>
      <c r="D3621">
        <v>260176.65820000001</v>
      </c>
      <c r="E3621">
        <v>23280.374029999999</v>
      </c>
      <c r="F3621">
        <v>81121.167459999997</v>
      </c>
      <c r="G3621">
        <v>41518.954810000003</v>
      </c>
      <c r="H3621">
        <v>39835.294249999999</v>
      </c>
      <c r="I3621">
        <v>32299.912779999999</v>
      </c>
      <c r="J3621">
        <v>41379.611779999999</v>
      </c>
      <c r="K3621">
        <v>51598.524830000002</v>
      </c>
      <c r="L3621">
        <v>28683.925220000001</v>
      </c>
      <c r="M3621">
        <v>329838.92989999999</v>
      </c>
      <c r="N3621">
        <v>80151.872050000005</v>
      </c>
      <c r="O3621">
        <v>20926.276529999999</v>
      </c>
      <c r="P3621">
        <v>34694.845540000002</v>
      </c>
      <c r="Q3621">
        <v>93464.006080000006</v>
      </c>
      <c r="R3621">
        <v>20150.40093</v>
      </c>
      <c r="S3621">
        <v>87148.836230000001</v>
      </c>
      <c r="T3621">
        <v>29863.464329999999</v>
      </c>
      <c r="U3621">
        <v>15514.946120000001</v>
      </c>
      <c r="W3621" s="83">
        <f>Bühler!N3653</f>
        <v>45442.791666657889</v>
      </c>
      <c r="X3621" s="83">
        <v>43251.791666666664</v>
      </c>
      <c r="Y3621">
        <v>260176.65820000001</v>
      </c>
      <c r="Z3621">
        <v>23280.374029999999</v>
      </c>
      <c r="AA3621">
        <v>81121.167459999997</v>
      </c>
      <c r="AB3621">
        <v>41518.954810000003</v>
      </c>
      <c r="AC3621">
        <v>39835.294249999999</v>
      </c>
      <c r="AD3621">
        <v>32299.912779999999</v>
      </c>
      <c r="AE3621">
        <v>41379.611779999999</v>
      </c>
      <c r="AF3621">
        <v>51598.524830000002</v>
      </c>
      <c r="AG3621">
        <v>28683.925220000001</v>
      </c>
      <c r="AH3621">
        <v>329838.92989999999</v>
      </c>
      <c r="AI3621">
        <v>80151.872050000005</v>
      </c>
      <c r="AJ3621">
        <v>20926.276529999999</v>
      </c>
      <c r="AK3621">
        <v>34694.845540000002</v>
      </c>
      <c r="AL3621">
        <v>93464.006080000006</v>
      </c>
      <c r="AM3621">
        <v>20150.40093</v>
      </c>
      <c r="AN3621">
        <v>87148.836230000001</v>
      </c>
      <c r="AO3621">
        <v>29863.464329999999</v>
      </c>
      <c r="AP3621">
        <v>15514.946120000001</v>
      </c>
    </row>
    <row r="3622" spans="2:42" x14ac:dyDescent="0.3">
      <c r="B3622">
        <v>62.987933049062953</v>
      </c>
      <c r="C3622" s="83">
        <v>43251.833333333336</v>
      </c>
      <c r="D3622">
        <v>251231.89480000001</v>
      </c>
      <c r="E3622">
        <v>17251.76802</v>
      </c>
      <c r="F3622">
        <v>64383.356249999997</v>
      </c>
      <c r="G3622">
        <v>36990.2929</v>
      </c>
      <c r="H3622">
        <v>37229.58769</v>
      </c>
      <c r="I3622">
        <v>28413.304400000001</v>
      </c>
      <c r="J3622">
        <v>40342.919540000003</v>
      </c>
      <c r="K3622">
        <v>52450.46314</v>
      </c>
      <c r="L3622">
        <v>27624.258160000001</v>
      </c>
      <c r="M3622">
        <v>321141.8566</v>
      </c>
      <c r="N3622">
        <v>78217.916790000003</v>
      </c>
      <c r="O3622">
        <v>20002.339309999999</v>
      </c>
      <c r="P3622">
        <v>33931.45235</v>
      </c>
      <c r="Q3622">
        <v>90375.928169999999</v>
      </c>
      <c r="R3622">
        <v>18715.710630000001</v>
      </c>
      <c r="S3622">
        <v>79676.833740000002</v>
      </c>
      <c r="T3622">
        <v>28181.711650000001</v>
      </c>
      <c r="U3622">
        <v>14509.17548</v>
      </c>
      <c r="W3622" s="83">
        <f>Bühler!N3654</f>
        <v>45442.833333324554</v>
      </c>
      <c r="X3622" s="83">
        <v>43251.833333333336</v>
      </c>
      <c r="Y3622">
        <v>251231.89480000001</v>
      </c>
      <c r="Z3622">
        <v>17251.76802</v>
      </c>
      <c r="AA3622">
        <v>64383.356249999997</v>
      </c>
      <c r="AB3622">
        <v>36990.2929</v>
      </c>
      <c r="AC3622">
        <v>37229.58769</v>
      </c>
      <c r="AD3622">
        <v>28413.304400000001</v>
      </c>
      <c r="AE3622">
        <v>40342.919540000003</v>
      </c>
      <c r="AF3622">
        <v>52450.46314</v>
      </c>
      <c r="AG3622">
        <v>27624.258160000001</v>
      </c>
      <c r="AH3622">
        <v>321141.8566</v>
      </c>
      <c r="AI3622">
        <v>78217.916790000003</v>
      </c>
      <c r="AJ3622">
        <v>20002.339309999999</v>
      </c>
      <c r="AK3622">
        <v>33931.45235</v>
      </c>
      <c r="AL3622">
        <v>90375.928169999999</v>
      </c>
      <c r="AM3622">
        <v>18715.710630000001</v>
      </c>
      <c r="AN3622">
        <v>79676.833740000002</v>
      </c>
      <c r="AO3622">
        <v>28181.711650000001</v>
      </c>
      <c r="AP3622">
        <v>14509.17548</v>
      </c>
    </row>
    <row r="3623" spans="2:42" x14ac:dyDescent="0.3">
      <c r="B3623">
        <v>61.023080536933286</v>
      </c>
      <c r="C3623" s="83">
        <v>43251.875</v>
      </c>
      <c r="D3623">
        <v>243773.7641</v>
      </c>
      <c r="E3623">
        <v>14645.34577</v>
      </c>
      <c r="F3623">
        <v>56147.885869999998</v>
      </c>
      <c r="G3623">
        <v>35265.560749999997</v>
      </c>
      <c r="H3623">
        <v>35884.000919999999</v>
      </c>
      <c r="I3623">
        <v>24018.428</v>
      </c>
      <c r="J3623">
        <v>40541.5628</v>
      </c>
      <c r="K3623">
        <v>51358.379480000003</v>
      </c>
      <c r="L3623">
        <v>26576.596389999999</v>
      </c>
      <c r="M3623">
        <v>311124.12219999998</v>
      </c>
      <c r="N3623">
        <v>75775.398369999995</v>
      </c>
      <c r="O3623">
        <v>19717.460920000001</v>
      </c>
      <c r="P3623">
        <v>32951.61692</v>
      </c>
      <c r="Q3623">
        <v>88290.133170000001</v>
      </c>
      <c r="R3623">
        <v>17996.814569999999</v>
      </c>
      <c r="S3623">
        <v>76029.556670000005</v>
      </c>
      <c r="T3623">
        <v>26813.657729999999</v>
      </c>
      <c r="U3623">
        <v>13600.147510000001</v>
      </c>
      <c r="W3623" s="83">
        <f>Bühler!N3655</f>
        <v>45442.874999991218</v>
      </c>
      <c r="X3623" s="83">
        <v>43251.875</v>
      </c>
      <c r="Y3623">
        <v>243773.7641</v>
      </c>
      <c r="Z3623">
        <v>14645.34577</v>
      </c>
      <c r="AA3623">
        <v>56147.885869999998</v>
      </c>
      <c r="AB3623">
        <v>35265.560749999997</v>
      </c>
      <c r="AC3623">
        <v>35884.000919999999</v>
      </c>
      <c r="AD3623">
        <v>24018.428</v>
      </c>
      <c r="AE3623">
        <v>40541.5628</v>
      </c>
      <c r="AF3623">
        <v>51358.379480000003</v>
      </c>
      <c r="AG3623">
        <v>26576.596389999999</v>
      </c>
      <c r="AH3623">
        <v>311124.12219999998</v>
      </c>
      <c r="AI3623">
        <v>75775.398369999995</v>
      </c>
      <c r="AJ3623">
        <v>19717.460920000001</v>
      </c>
      <c r="AK3623">
        <v>32951.61692</v>
      </c>
      <c r="AL3623">
        <v>88290.133170000001</v>
      </c>
      <c r="AM3623">
        <v>17996.814569999999</v>
      </c>
      <c r="AN3623">
        <v>76029.556670000005</v>
      </c>
      <c r="AO3623">
        <v>26813.657729999999</v>
      </c>
      <c r="AP3623">
        <v>13600.147510000001</v>
      </c>
    </row>
    <row r="3624" spans="2:42" x14ac:dyDescent="0.3">
      <c r="B3624">
        <v>60.753875327377365</v>
      </c>
      <c r="C3624" s="83">
        <v>43251.916666666664</v>
      </c>
      <c r="D3624">
        <v>243051.92249999999</v>
      </c>
      <c r="E3624">
        <v>13971.288060000001</v>
      </c>
      <c r="F3624">
        <v>53765.467620000003</v>
      </c>
      <c r="G3624">
        <v>34468.901859999998</v>
      </c>
      <c r="H3624">
        <v>36904.770830000001</v>
      </c>
      <c r="I3624">
        <v>22448.769660000002</v>
      </c>
      <c r="J3624">
        <v>41019.669670000003</v>
      </c>
      <c r="K3624">
        <v>54676.677190000002</v>
      </c>
      <c r="L3624">
        <v>24722.630980000002</v>
      </c>
      <c r="M3624">
        <v>309751.58850000001</v>
      </c>
      <c r="N3624">
        <v>75100.969039999996</v>
      </c>
      <c r="O3624">
        <v>19481.436979999999</v>
      </c>
      <c r="P3624">
        <v>36020.820910000002</v>
      </c>
      <c r="Q3624">
        <v>86491.954700000002</v>
      </c>
      <c r="R3624">
        <v>19318.867579999998</v>
      </c>
      <c r="S3624">
        <v>75769.248670000001</v>
      </c>
      <c r="T3624">
        <v>23592.04248</v>
      </c>
      <c r="U3624">
        <v>14531.73748</v>
      </c>
      <c r="W3624" s="83">
        <f>Bühler!N3656</f>
        <v>45442.916666657882</v>
      </c>
      <c r="X3624" s="83">
        <v>43251.916666666664</v>
      </c>
      <c r="Y3624">
        <v>243051.92249999999</v>
      </c>
      <c r="Z3624">
        <v>13971.288060000001</v>
      </c>
      <c r="AA3624">
        <v>53765.467620000003</v>
      </c>
      <c r="AB3624">
        <v>34468.901859999998</v>
      </c>
      <c r="AC3624">
        <v>36904.770830000001</v>
      </c>
      <c r="AD3624">
        <v>22448.769660000002</v>
      </c>
      <c r="AE3624">
        <v>41019.669670000003</v>
      </c>
      <c r="AF3624">
        <v>54676.677190000002</v>
      </c>
      <c r="AG3624">
        <v>24722.630980000002</v>
      </c>
      <c r="AH3624">
        <v>309751.58850000001</v>
      </c>
      <c r="AI3624">
        <v>75100.969039999996</v>
      </c>
      <c r="AJ3624">
        <v>19481.436979999999</v>
      </c>
      <c r="AK3624">
        <v>36020.820910000002</v>
      </c>
      <c r="AL3624">
        <v>86491.954700000002</v>
      </c>
      <c r="AM3624">
        <v>19318.867579999998</v>
      </c>
      <c r="AN3624">
        <v>75769.248670000001</v>
      </c>
      <c r="AO3624">
        <v>23592.04248</v>
      </c>
      <c r="AP3624">
        <v>14531.73748</v>
      </c>
    </row>
    <row r="3625" spans="2:42" x14ac:dyDescent="0.3">
      <c r="B3625">
        <v>60.649285855909852</v>
      </c>
      <c r="C3625" s="83">
        <v>43251.958333333336</v>
      </c>
      <c r="D3625">
        <v>241605.01560000001</v>
      </c>
      <c r="E3625">
        <v>13329.557870000001</v>
      </c>
      <c r="F3625">
        <v>52341.821259999997</v>
      </c>
      <c r="G3625">
        <v>33582.496789999997</v>
      </c>
      <c r="H3625">
        <v>35913.145270000001</v>
      </c>
      <c r="I3625">
        <v>21502.952000000001</v>
      </c>
      <c r="J3625">
        <v>37495.531080000001</v>
      </c>
      <c r="K3625">
        <v>53047.826430000001</v>
      </c>
      <c r="L3625">
        <v>20866.64286</v>
      </c>
      <c r="M3625">
        <v>309218.34259999997</v>
      </c>
      <c r="N3625">
        <v>74795.104749999999</v>
      </c>
      <c r="O3625">
        <v>19366.352139999999</v>
      </c>
      <c r="P3625">
        <v>31852.512449999998</v>
      </c>
      <c r="Q3625">
        <v>85299.47885</v>
      </c>
      <c r="R3625">
        <v>19964.8547</v>
      </c>
      <c r="S3625">
        <v>73843.422179999994</v>
      </c>
      <c r="T3625">
        <v>21659.29954</v>
      </c>
      <c r="U3625">
        <v>14000.50568</v>
      </c>
      <c r="W3625" s="83">
        <f>Bühler!N3657</f>
        <v>45442.958333324546</v>
      </c>
      <c r="X3625" s="83">
        <v>43251.958333333336</v>
      </c>
      <c r="Y3625">
        <v>241605.01560000001</v>
      </c>
      <c r="Z3625">
        <v>13329.557870000001</v>
      </c>
      <c r="AA3625">
        <v>52341.821259999997</v>
      </c>
      <c r="AB3625">
        <v>33582.496789999997</v>
      </c>
      <c r="AC3625">
        <v>35913.145270000001</v>
      </c>
      <c r="AD3625">
        <v>21502.952000000001</v>
      </c>
      <c r="AE3625">
        <v>37495.531080000001</v>
      </c>
      <c r="AF3625">
        <v>53047.826430000001</v>
      </c>
      <c r="AG3625">
        <v>20866.64286</v>
      </c>
      <c r="AH3625">
        <v>309218.34259999997</v>
      </c>
      <c r="AI3625">
        <v>74795.104749999999</v>
      </c>
      <c r="AJ3625">
        <v>19366.352139999999</v>
      </c>
      <c r="AK3625">
        <v>31852.512449999998</v>
      </c>
      <c r="AL3625">
        <v>85299.47885</v>
      </c>
      <c r="AM3625">
        <v>19964.8547</v>
      </c>
      <c r="AN3625">
        <v>73843.422179999994</v>
      </c>
      <c r="AO3625">
        <v>21659.29954</v>
      </c>
      <c r="AP3625">
        <v>14000.50568</v>
      </c>
    </row>
    <row r="3626" spans="2:42" x14ac:dyDescent="0.3">
      <c r="B3626">
        <v>59.637321481928915</v>
      </c>
      <c r="C3626" s="83">
        <v>43252</v>
      </c>
      <c r="D3626">
        <v>239925.6372</v>
      </c>
      <c r="E3626">
        <v>12844.952160000001</v>
      </c>
      <c r="F3626">
        <v>51002.230060000002</v>
      </c>
      <c r="G3626">
        <v>32610.033019999999</v>
      </c>
      <c r="H3626">
        <v>34983.999640000002</v>
      </c>
      <c r="I3626">
        <v>19477.686539999999</v>
      </c>
      <c r="J3626">
        <v>34457.553390000001</v>
      </c>
      <c r="K3626">
        <v>50266.983269999997</v>
      </c>
      <c r="L3626">
        <v>18178.712329999998</v>
      </c>
      <c r="M3626">
        <v>304058.8763</v>
      </c>
      <c r="N3626">
        <v>74037.48272</v>
      </c>
      <c r="O3626">
        <v>19620.874</v>
      </c>
      <c r="P3626">
        <v>28184.238249999999</v>
      </c>
      <c r="Q3626">
        <v>83843.481299999999</v>
      </c>
      <c r="R3626">
        <v>16288.563099999999</v>
      </c>
      <c r="S3626">
        <v>72412.586559999996</v>
      </c>
      <c r="T3626">
        <v>19772.71545</v>
      </c>
      <c r="U3626">
        <v>13582.61391</v>
      </c>
      <c r="W3626" s="83">
        <f>Bühler!N3658</f>
        <v>45442.999999991211</v>
      </c>
      <c r="X3626" s="83">
        <v>43252</v>
      </c>
      <c r="Y3626">
        <v>239925.6372</v>
      </c>
      <c r="Z3626">
        <v>12844.952160000001</v>
      </c>
      <c r="AA3626">
        <v>51002.230060000002</v>
      </c>
      <c r="AB3626">
        <v>32610.033019999999</v>
      </c>
      <c r="AC3626">
        <v>34983.999640000002</v>
      </c>
      <c r="AD3626">
        <v>19477.686539999999</v>
      </c>
      <c r="AE3626">
        <v>34457.553390000001</v>
      </c>
      <c r="AF3626">
        <v>50266.983269999997</v>
      </c>
      <c r="AG3626">
        <v>18178.712329999998</v>
      </c>
      <c r="AH3626">
        <v>304058.8763</v>
      </c>
      <c r="AI3626">
        <v>74037.48272</v>
      </c>
      <c r="AJ3626">
        <v>19620.874</v>
      </c>
      <c r="AK3626">
        <v>28184.238249999999</v>
      </c>
      <c r="AL3626">
        <v>83843.481299999999</v>
      </c>
      <c r="AM3626">
        <v>16288.563099999999</v>
      </c>
      <c r="AN3626">
        <v>72412.586559999996</v>
      </c>
      <c r="AO3626">
        <v>19772.71545</v>
      </c>
      <c r="AP3626">
        <v>13582.61391</v>
      </c>
    </row>
    <row r="3627" spans="2:42" x14ac:dyDescent="0.3">
      <c r="B3627">
        <v>58.942962264360339</v>
      </c>
      <c r="C3627" s="83">
        <v>43252.041666666664</v>
      </c>
      <c r="D3627">
        <v>239918.4846</v>
      </c>
      <c r="E3627">
        <v>12637.79291</v>
      </c>
      <c r="F3627">
        <v>50087.184029999997</v>
      </c>
      <c r="G3627">
        <v>31918.992880000002</v>
      </c>
      <c r="H3627">
        <v>34136.784599999999</v>
      </c>
      <c r="I3627">
        <v>16067.80582</v>
      </c>
      <c r="J3627">
        <v>33010.690340000001</v>
      </c>
      <c r="K3627">
        <v>48927.75776</v>
      </c>
      <c r="L3627">
        <v>16869.732940000002</v>
      </c>
      <c r="M3627">
        <v>300518.70919999998</v>
      </c>
      <c r="N3627">
        <v>72017.101259999996</v>
      </c>
      <c r="O3627">
        <v>19707.975699999999</v>
      </c>
      <c r="P3627">
        <v>26978.90006</v>
      </c>
      <c r="Q3627">
        <v>83853.150049999997</v>
      </c>
      <c r="R3627">
        <v>14244.23864</v>
      </c>
      <c r="S3627">
        <v>71554.433350000007</v>
      </c>
      <c r="T3627">
        <v>19031.55675</v>
      </c>
      <c r="U3627">
        <v>13300.926100000001</v>
      </c>
      <c r="W3627" s="83">
        <f>Bühler!N3659</f>
        <v>45443.041666657875</v>
      </c>
      <c r="X3627" s="83">
        <v>43252.041666666664</v>
      </c>
      <c r="Y3627">
        <v>239918.4846</v>
      </c>
      <c r="Z3627">
        <v>12637.79291</v>
      </c>
      <c r="AA3627">
        <v>50087.184029999997</v>
      </c>
      <c r="AB3627">
        <v>31918.992880000002</v>
      </c>
      <c r="AC3627">
        <v>34136.784599999999</v>
      </c>
      <c r="AD3627">
        <v>16067.80582</v>
      </c>
      <c r="AE3627">
        <v>33010.690340000001</v>
      </c>
      <c r="AF3627">
        <v>48927.75776</v>
      </c>
      <c r="AG3627">
        <v>16869.732940000002</v>
      </c>
      <c r="AH3627">
        <v>300518.70919999998</v>
      </c>
      <c r="AI3627">
        <v>72017.101259999996</v>
      </c>
      <c r="AJ3627">
        <v>19707.975699999999</v>
      </c>
      <c r="AK3627">
        <v>26978.90006</v>
      </c>
      <c r="AL3627">
        <v>83853.150049999997</v>
      </c>
      <c r="AM3627">
        <v>14244.23864</v>
      </c>
      <c r="AN3627">
        <v>71554.433350000007</v>
      </c>
      <c r="AO3627">
        <v>19031.55675</v>
      </c>
      <c r="AP3627">
        <v>13300.926100000001</v>
      </c>
    </row>
    <row r="3628" spans="2:42" x14ac:dyDescent="0.3">
      <c r="B3628">
        <v>58.729039561561507</v>
      </c>
      <c r="C3628" s="83">
        <v>43252.083333333336</v>
      </c>
      <c r="D3628">
        <v>241263.29259999999</v>
      </c>
      <c r="E3628">
        <v>12508.171189999999</v>
      </c>
      <c r="F3628">
        <v>50829.232490000002</v>
      </c>
      <c r="G3628">
        <v>31235.909469999999</v>
      </c>
      <c r="H3628">
        <v>33708.871639999998</v>
      </c>
      <c r="I3628">
        <v>14260.77686</v>
      </c>
      <c r="J3628">
        <v>32826.109530000002</v>
      </c>
      <c r="K3628">
        <v>47183.464509999998</v>
      </c>
      <c r="L3628">
        <v>16252.863939999999</v>
      </c>
      <c r="M3628">
        <v>299428.03149999998</v>
      </c>
      <c r="N3628">
        <v>71585.464890000003</v>
      </c>
      <c r="O3628">
        <v>19078.893380000001</v>
      </c>
      <c r="P3628">
        <v>24556.288550000001</v>
      </c>
      <c r="Q3628">
        <v>86928.643769999995</v>
      </c>
      <c r="R3628">
        <v>14802.993329999999</v>
      </c>
      <c r="S3628">
        <v>70107.743050000005</v>
      </c>
      <c r="T3628">
        <v>18862.053980000001</v>
      </c>
      <c r="U3628">
        <v>13316.090480000001</v>
      </c>
      <c r="W3628" s="83">
        <f>Bühler!N3660</f>
        <v>45443.083333324539</v>
      </c>
      <c r="X3628" s="83">
        <v>43252.083333333336</v>
      </c>
      <c r="Y3628">
        <v>241263.29259999999</v>
      </c>
      <c r="Z3628">
        <v>12508.171189999999</v>
      </c>
      <c r="AA3628">
        <v>50829.232490000002</v>
      </c>
      <c r="AB3628">
        <v>31235.909469999999</v>
      </c>
      <c r="AC3628">
        <v>33708.871639999998</v>
      </c>
      <c r="AD3628">
        <v>14260.77686</v>
      </c>
      <c r="AE3628">
        <v>32826.109530000002</v>
      </c>
      <c r="AF3628">
        <v>47183.464509999998</v>
      </c>
      <c r="AG3628">
        <v>16252.863939999999</v>
      </c>
      <c r="AH3628">
        <v>299428.03149999998</v>
      </c>
      <c r="AI3628">
        <v>71585.464890000003</v>
      </c>
      <c r="AJ3628">
        <v>19078.893380000001</v>
      </c>
      <c r="AK3628">
        <v>24556.288550000001</v>
      </c>
      <c r="AL3628">
        <v>86928.643769999995</v>
      </c>
      <c r="AM3628">
        <v>14802.993329999999</v>
      </c>
      <c r="AN3628">
        <v>70107.743050000005</v>
      </c>
      <c r="AO3628">
        <v>18862.053980000001</v>
      </c>
      <c r="AP3628">
        <v>13316.090480000001</v>
      </c>
    </row>
    <row r="3629" spans="2:42" x14ac:dyDescent="0.3">
      <c r="B3629">
        <v>59.643819514430845</v>
      </c>
      <c r="C3629" s="83">
        <v>43252.125</v>
      </c>
      <c r="D3629">
        <v>241701.03510000001</v>
      </c>
      <c r="E3629">
        <v>12409.699119999999</v>
      </c>
      <c r="F3629">
        <v>52891.753420000001</v>
      </c>
      <c r="G3629">
        <v>30679.901269999998</v>
      </c>
      <c r="H3629">
        <v>33552.590909999999</v>
      </c>
      <c r="I3629">
        <v>13894.58913</v>
      </c>
      <c r="J3629">
        <v>33043.01038</v>
      </c>
      <c r="K3629">
        <v>45567.555670000002</v>
      </c>
      <c r="L3629">
        <v>15765.13257</v>
      </c>
      <c r="M3629">
        <v>304092.00630000001</v>
      </c>
      <c r="N3629">
        <v>70880.173320000002</v>
      </c>
      <c r="O3629">
        <v>18838.7785</v>
      </c>
      <c r="P3629">
        <v>23706.12415</v>
      </c>
      <c r="Q3629">
        <v>89244.56972</v>
      </c>
      <c r="R3629">
        <v>14670.73799</v>
      </c>
      <c r="S3629">
        <v>69248.275640000007</v>
      </c>
      <c r="T3629">
        <v>18273.994449999998</v>
      </c>
      <c r="U3629">
        <v>13315.347379999999</v>
      </c>
      <c r="W3629" s="83">
        <f>Bühler!N3661</f>
        <v>45443.124999991203</v>
      </c>
      <c r="X3629" s="83">
        <v>43252.125</v>
      </c>
      <c r="Y3629">
        <v>241701.03510000001</v>
      </c>
      <c r="Z3629">
        <v>12409.699119999999</v>
      </c>
      <c r="AA3629">
        <v>52891.753420000001</v>
      </c>
      <c r="AB3629">
        <v>30679.901269999998</v>
      </c>
      <c r="AC3629">
        <v>33552.590909999999</v>
      </c>
      <c r="AD3629">
        <v>13894.58913</v>
      </c>
      <c r="AE3629">
        <v>33043.01038</v>
      </c>
      <c r="AF3629">
        <v>45567.555670000002</v>
      </c>
      <c r="AG3629">
        <v>15765.13257</v>
      </c>
      <c r="AH3629">
        <v>304092.00630000001</v>
      </c>
      <c r="AI3629">
        <v>70880.173320000002</v>
      </c>
      <c r="AJ3629">
        <v>18838.7785</v>
      </c>
      <c r="AK3629">
        <v>23706.12415</v>
      </c>
      <c r="AL3629">
        <v>89244.56972</v>
      </c>
      <c r="AM3629">
        <v>14670.73799</v>
      </c>
      <c r="AN3629">
        <v>69248.275640000007</v>
      </c>
      <c r="AO3629">
        <v>18273.994449999998</v>
      </c>
      <c r="AP3629">
        <v>13315.347379999999</v>
      </c>
    </row>
    <row r="3630" spans="2:42" x14ac:dyDescent="0.3">
      <c r="B3630">
        <v>61.184935699771032</v>
      </c>
      <c r="C3630" s="83">
        <v>43252.166666666664</v>
      </c>
      <c r="D3630">
        <v>242678.78899999999</v>
      </c>
      <c r="E3630">
        <v>12910.35543</v>
      </c>
      <c r="F3630">
        <v>55737.913399999998</v>
      </c>
      <c r="G3630">
        <v>29784.33842</v>
      </c>
      <c r="H3630">
        <v>34017.065000000002</v>
      </c>
      <c r="I3630">
        <v>15214.813200000001</v>
      </c>
      <c r="J3630">
        <v>35316.105089999997</v>
      </c>
      <c r="K3630">
        <v>45660.408759999998</v>
      </c>
      <c r="L3630">
        <v>16030.03844</v>
      </c>
      <c r="M3630">
        <v>311949.33529999998</v>
      </c>
      <c r="N3630">
        <v>70064.751900000003</v>
      </c>
      <c r="O3630">
        <v>19865.039479999999</v>
      </c>
      <c r="P3630">
        <v>23287.247480000002</v>
      </c>
      <c r="Q3630">
        <v>92707.369609999994</v>
      </c>
      <c r="R3630">
        <v>14548.42433</v>
      </c>
      <c r="S3630">
        <v>69949.515750000006</v>
      </c>
      <c r="T3630">
        <v>18271.491740000001</v>
      </c>
      <c r="U3630">
        <v>13550.274950000001</v>
      </c>
      <c r="W3630" s="83">
        <f>Bühler!N3662</f>
        <v>45443.166666657868</v>
      </c>
      <c r="X3630" s="83">
        <v>43252.166666666664</v>
      </c>
      <c r="Y3630">
        <v>242678.78899999999</v>
      </c>
      <c r="Z3630">
        <v>12910.35543</v>
      </c>
      <c r="AA3630">
        <v>55737.913399999998</v>
      </c>
      <c r="AB3630">
        <v>29784.33842</v>
      </c>
      <c r="AC3630">
        <v>34017.065000000002</v>
      </c>
      <c r="AD3630">
        <v>15214.813200000001</v>
      </c>
      <c r="AE3630">
        <v>35316.105089999997</v>
      </c>
      <c r="AF3630">
        <v>45660.408759999998</v>
      </c>
      <c r="AG3630">
        <v>16030.03844</v>
      </c>
      <c r="AH3630">
        <v>311949.33529999998</v>
      </c>
      <c r="AI3630">
        <v>70064.751900000003</v>
      </c>
      <c r="AJ3630">
        <v>19865.039479999999</v>
      </c>
      <c r="AK3630">
        <v>23287.247480000002</v>
      </c>
      <c r="AL3630">
        <v>92707.369609999994</v>
      </c>
      <c r="AM3630">
        <v>14548.42433</v>
      </c>
      <c r="AN3630">
        <v>69949.515750000006</v>
      </c>
      <c r="AO3630">
        <v>18271.491740000001</v>
      </c>
      <c r="AP3630">
        <v>13550.274950000001</v>
      </c>
    </row>
    <row r="3631" spans="2:42" x14ac:dyDescent="0.3">
      <c r="B3631">
        <v>63.815833444376928</v>
      </c>
      <c r="C3631" s="83">
        <v>43252.208333333336</v>
      </c>
      <c r="D3631">
        <v>256584.89369999999</v>
      </c>
      <c r="E3631">
        <v>14697.294099999999</v>
      </c>
      <c r="F3631">
        <v>65714.331430000006</v>
      </c>
      <c r="G3631">
        <v>31612.58412</v>
      </c>
      <c r="H3631">
        <v>35435.159809999997</v>
      </c>
      <c r="I3631">
        <v>22081.943469999998</v>
      </c>
      <c r="J3631">
        <v>38090.094830000002</v>
      </c>
      <c r="K3631">
        <v>46978.275159999997</v>
      </c>
      <c r="L3631">
        <v>16860.74007</v>
      </c>
      <c r="M3631">
        <v>325362.87890000001</v>
      </c>
      <c r="N3631">
        <v>70446.363859999998</v>
      </c>
      <c r="O3631">
        <v>20320.318719999999</v>
      </c>
      <c r="P3631">
        <v>24682.982599999999</v>
      </c>
      <c r="Q3631">
        <v>95437.90814</v>
      </c>
      <c r="R3631">
        <v>16842.630410000002</v>
      </c>
      <c r="S3631">
        <v>72839.323229999995</v>
      </c>
      <c r="T3631">
        <v>19368.712640000002</v>
      </c>
      <c r="U3631">
        <v>15237.87564</v>
      </c>
      <c r="W3631" s="83">
        <f>Bühler!N3663</f>
        <v>45443.208333324532</v>
      </c>
      <c r="X3631" s="83">
        <v>43252.208333333336</v>
      </c>
      <c r="Y3631">
        <v>256584.89369999999</v>
      </c>
      <c r="Z3631">
        <v>14697.294099999999</v>
      </c>
      <c r="AA3631">
        <v>65714.331430000006</v>
      </c>
      <c r="AB3631">
        <v>31612.58412</v>
      </c>
      <c r="AC3631">
        <v>35435.159809999997</v>
      </c>
      <c r="AD3631">
        <v>22081.943469999998</v>
      </c>
      <c r="AE3631">
        <v>38090.094830000002</v>
      </c>
      <c r="AF3631">
        <v>46978.275159999997</v>
      </c>
      <c r="AG3631">
        <v>16860.74007</v>
      </c>
      <c r="AH3631">
        <v>325362.87890000001</v>
      </c>
      <c r="AI3631">
        <v>70446.363859999998</v>
      </c>
      <c r="AJ3631">
        <v>20320.318719999999</v>
      </c>
      <c r="AK3631">
        <v>24682.982599999999</v>
      </c>
      <c r="AL3631">
        <v>95437.90814</v>
      </c>
      <c r="AM3631">
        <v>16842.630410000002</v>
      </c>
      <c r="AN3631">
        <v>72839.323229999995</v>
      </c>
      <c r="AO3631">
        <v>19368.712640000002</v>
      </c>
      <c r="AP3631">
        <v>15237.87564</v>
      </c>
    </row>
    <row r="3632" spans="2:42" x14ac:dyDescent="0.3">
      <c r="B3632">
        <v>66.249555247714483</v>
      </c>
      <c r="C3632" s="83">
        <v>43252.25</v>
      </c>
      <c r="D3632">
        <v>268943.33380000002</v>
      </c>
      <c r="E3632">
        <v>18441.46415</v>
      </c>
      <c r="F3632">
        <v>75740.037049999999</v>
      </c>
      <c r="G3632">
        <v>40798.387929999997</v>
      </c>
      <c r="H3632">
        <v>36999.349399999999</v>
      </c>
      <c r="I3632">
        <v>28904.659680000001</v>
      </c>
      <c r="J3632">
        <v>40360.16416</v>
      </c>
      <c r="K3632">
        <v>48706.013919999998</v>
      </c>
      <c r="L3632">
        <v>17902.188910000001</v>
      </c>
      <c r="M3632">
        <v>337771.12760000001</v>
      </c>
      <c r="N3632">
        <v>71202.646519999995</v>
      </c>
      <c r="O3632">
        <v>21429.822520000002</v>
      </c>
      <c r="P3632">
        <v>25743.52189</v>
      </c>
      <c r="Q3632">
        <v>96562.074110000001</v>
      </c>
      <c r="R3632">
        <v>15474.968080000001</v>
      </c>
      <c r="S3632">
        <v>79619.784899999999</v>
      </c>
      <c r="T3632">
        <v>21631.779330000001</v>
      </c>
      <c r="U3632">
        <v>16986.6734</v>
      </c>
      <c r="W3632" s="83">
        <f>Bühler!N3664</f>
        <v>45443.249999991196</v>
      </c>
      <c r="X3632" s="83">
        <v>43252.25</v>
      </c>
      <c r="Y3632">
        <v>268943.33380000002</v>
      </c>
      <c r="Z3632">
        <v>18441.46415</v>
      </c>
      <c r="AA3632">
        <v>75740.037049999999</v>
      </c>
      <c r="AB3632">
        <v>40798.387929999997</v>
      </c>
      <c r="AC3632">
        <v>36999.349399999999</v>
      </c>
      <c r="AD3632">
        <v>28904.659680000001</v>
      </c>
      <c r="AE3632">
        <v>40360.16416</v>
      </c>
      <c r="AF3632">
        <v>48706.013919999998</v>
      </c>
      <c r="AG3632">
        <v>17902.188910000001</v>
      </c>
      <c r="AH3632">
        <v>337771.12760000001</v>
      </c>
      <c r="AI3632">
        <v>71202.646519999995</v>
      </c>
      <c r="AJ3632">
        <v>21429.822520000002</v>
      </c>
      <c r="AK3632">
        <v>25743.52189</v>
      </c>
      <c r="AL3632">
        <v>96562.074110000001</v>
      </c>
      <c r="AM3632">
        <v>15474.968080000001</v>
      </c>
      <c r="AN3632">
        <v>79619.784899999999</v>
      </c>
      <c r="AO3632">
        <v>21631.779330000001</v>
      </c>
      <c r="AP3632">
        <v>16986.6734</v>
      </c>
    </row>
    <row r="3633" spans="2:42" x14ac:dyDescent="0.3">
      <c r="B3633">
        <v>67.743707055153507</v>
      </c>
      <c r="C3633" s="83">
        <v>43252.291666666664</v>
      </c>
      <c r="D3633">
        <v>280718.25829999999</v>
      </c>
      <c r="E3633">
        <v>22666.289659999999</v>
      </c>
      <c r="F3633">
        <v>80080.063819999996</v>
      </c>
      <c r="G3633">
        <v>49984.6999</v>
      </c>
      <c r="H3633">
        <v>41998.225019999998</v>
      </c>
      <c r="I3633">
        <v>35649.555399999997</v>
      </c>
      <c r="J3633">
        <v>42431.902329999997</v>
      </c>
      <c r="K3633">
        <v>54061.153389999999</v>
      </c>
      <c r="L3633">
        <v>20231.996370000001</v>
      </c>
      <c r="M3633">
        <v>345389.01030000002</v>
      </c>
      <c r="N3633">
        <v>76715.597850000006</v>
      </c>
      <c r="O3633">
        <v>22560.567330000002</v>
      </c>
      <c r="P3633">
        <v>29728.909060000002</v>
      </c>
      <c r="Q3633">
        <v>95880.918919999996</v>
      </c>
      <c r="R3633">
        <v>17133.63797</v>
      </c>
      <c r="S3633">
        <v>93577.635800000004</v>
      </c>
      <c r="T3633">
        <v>24789.10212</v>
      </c>
      <c r="U3633">
        <v>20467.36579</v>
      </c>
      <c r="W3633" s="83">
        <f>Bühler!N3665</f>
        <v>45443.29166665786</v>
      </c>
      <c r="X3633" s="83">
        <v>43252.291666666664</v>
      </c>
      <c r="Y3633">
        <v>280718.25829999999</v>
      </c>
      <c r="Z3633">
        <v>22666.289659999999</v>
      </c>
      <c r="AA3633">
        <v>80080.063819999996</v>
      </c>
      <c r="AB3633">
        <v>49984.6999</v>
      </c>
      <c r="AC3633">
        <v>41998.225019999998</v>
      </c>
      <c r="AD3633">
        <v>35649.555399999997</v>
      </c>
      <c r="AE3633">
        <v>42431.902329999997</v>
      </c>
      <c r="AF3633">
        <v>54061.153389999999</v>
      </c>
      <c r="AG3633">
        <v>20231.996370000001</v>
      </c>
      <c r="AH3633">
        <v>345389.01030000002</v>
      </c>
      <c r="AI3633">
        <v>76715.597850000006</v>
      </c>
      <c r="AJ3633">
        <v>22560.567330000002</v>
      </c>
      <c r="AK3633">
        <v>29728.909060000002</v>
      </c>
      <c r="AL3633">
        <v>95880.918919999996</v>
      </c>
      <c r="AM3633">
        <v>17133.63797</v>
      </c>
      <c r="AN3633">
        <v>93577.635800000004</v>
      </c>
      <c r="AO3633">
        <v>24789.10212</v>
      </c>
      <c r="AP3633">
        <v>20467.36579</v>
      </c>
    </row>
    <row r="3634" spans="2:42" x14ac:dyDescent="0.3">
      <c r="B3634">
        <v>68.828779649332489</v>
      </c>
      <c r="C3634" s="83">
        <v>43252.333333333336</v>
      </c>
      <c r="D3634">
        <v>290698.18849999999</v>
      </c>
      <c r="E3634">
        <v>27843.992590000002</v>
      </c>
      <c r="F3634">
        <v>86786.998510000005</v>
      </c>
      <c r="G3634">
        <v>61113.896050000003</v>
      </c>
      <c r="H3634">
        <v>47145.838900000002</v>
      </c>
      <c r="I3634">
        <v>38232.525560000002</v>
      </c>
      <c r="J3634">
        <v>44634.482380000001</v>
      </c>
      <c r="K3634">
        <v>61299.223059999997</v>
      </c>
      <c r="L3634">
        <v>23186.13898</v>
      </c>
      <c r="M3634">
        <v>350921.21639999998</v>
      </c>
      <c r="N3634">
        <v>84089.936560000002</v>
      </c>
      <c r="O3634">
        <v>24600.032090000001</v>
      </c>
      <c r="P3634">
        <v>32140.8606</v>
      </c>
      <c r="Q3634">
        <v>96648.649050000007</v>
      </c>
      <c r="R3634">
        <v>20658.74912</v>
      </c>
      <c r="S3634">
        <v>106227.07580000001</v>
      </c>
      <c r="T3634">
        <v>28454.554950000002</v>
      </c>
      <c r="U3634">
        <v>24005.846720000001</v>
      </c>
      <c r="W3634" s="83">
        <f>Bühler!N3666</f>
        <v>45443.333333324525</v>
      </c>
      <c r="X3634" s="83">
        <v>43252.333333333336</v>
      </c>
      <c r="Y3634">
        <v>290698.18849999999</v>
      </c>
      <c r="Z3634">
        <v>27843.992590000002</v>
      </c>
      <c r="AA3634">
        <v>86786.998510000005</v>
      </c>
      <c r="AB3634">
        <v>61113.896050000003</v>
      </c>
      <c r="AC3634">
        <v>47145.838900000002</v>
      </c>
      <c r="AD3634">
        <v>38232.525560000002</v>
      </c>
      <c r="AE3634">
        <v>44634.482380000001</v>
      </c>
      <c r="AF3634">
        <v>61299.223059999997</v>
      </c>
      <c r="AG3634">
        <v>23186.13898</v>
      </c>
      <c r="AH3634">
        <v>350921.21639999998</v>
      </c>
      <c r="AI3634">
        <v>84089.936560000002</v>
      </c>
      <c r="AJ3634">
        <v>24600.032090000001</v>
      </c>
      <c r="AK3634">
        <v>32140.8606</v>
      </c>
      <c r="AL3634">
        <v>96648.649050000007</v>
      </c>
      <c r="AM3634">
        <v>20658.74912</v>
      </c>
      <c r="AN3634">
        <v>106227.07580000001</v>
      </c>
      <c r="AO3634">
        <v>28454.554950000002</v>
      </c>
      <c r="AP3634">
        <v>24005.846720000001</v>
      </c>
    </row>
    <row r="3635" spans="2:42" x14ac:dyDescent="0.3">
      <c r="B3635">
        <v>69.623824870410715</v>
      </c>
      <c r="C3635" s="83">
        <v>43252.375</v>
      </c>
      <c r="D3635">
        <v>291477.7697</v>
      </c>
      <c r="E3635">
        <v>32227.337</v>
      </c>
      <c r="F3635">
        <v>95222.130799999999</v>
      </c>
      <c r="G3635">
        <v>70370.908540000004</v>
      </c>
      <c r="H3635">
        <v>49514.133860000002</v>
      </c>
      <c r="I3635">
        <v>37720.760390000003</v>
      </c>
      <c r="J3635">
        <v>46179.677309999999</v>
      </c>
      <c r="K3635">
        <v>63507.355750000002</v>
      </c>
      <c r="L3635">
        <v>26427.457839999999</v>
      </c>
      <c r="M3635">
        <v>354974.72769999999</v>
      </c>
      <c r="N3635">
        <v>87273.693060000005</v>
      </c>
      <c r="O3635">
        <v>25818.06551</v>
      </c>
      <c r="P3635">
        <v>33755.072670000001</v>
      </c>
      <c r="Q3635">
        <v>97871.488870000001</v>
      </c>
      <c r="R3635">
        <v>21568.728790000001</v>
      </c>
      <c r="S3635">
        <v>111432.1676</v>
      </c>
      <c r="T3635">
        <v>31242.734570000001</v>
      </c>
      <c r="U3635">
        <v>24586.622299999999</v>
      </c>
      <c r="W3635" s="83">
        <f>Bühler!N3667</f>
        <v>45443.374999991189</v>
      </c>
      <c r="X3635" s="83">
        <v>43252.375</v>
      </c>
      <c r="Y3635">
        <v>291477.7697</v>
      </c>
      <c r="Z3635">
        <v>32227.337</v>
      </c>
      <c r="AA3635">
        <v>95222.130799999999</v>
      </c>
      <c r="AB3635">
        <v>70370.908540000004</v>
      </c>
      <c r="AC3635">
        <v>49514.133860000002</v>
      </c>
      <c r="AD3635">
        <v>37720.760390000003</v>
      </c>
      <c r="AE3635">
        <v>46179.677309999999</v>
      </c>
      <c r="AF3635">
        <v>63507.355750000002</v>
      </c>
      <c r="AG3635">
        <v>26427.457839999999</v>
      </c>
      <c r="AH3635">
        <v>354974.72769999999</v>
      </c>
      <c r="AI3635">
        <v>87273.693060000005</v>
      </c>
      <c r="AJ3635">
        <v>25818.06551</v>
      </c>
      <c r="AK3635">
        <v>33755.072670000001</v>
      </c>
      <c r="AL3635">
        <v>97871.488870000001</v>
      </c>
      <c r="AM3635">
        <v>21568.728790000001</v>
      </c>
      <c r="AN3635">
        <v>111432.1676</v>
      </c>
      <c r="AO3635">
        <v>31242.734570000001</v>
      </c>
      <c r="AP3635">
        <v>24586.622299999999</v>
      </c>
    </row>
    <row r="3636" spans="2:42" x14ac:dyDescent="0.3">
      <c r="B3636">
        <v>69.964071384489813</v>
      </c>
      <c r="C3636" s="83">
        <v>43252.416666666664</v>
      </c>
      <c r="D3636">
        <v>293886.95610000001</v>
      </c>
      <c r="E3636">
        <v>34403.40236</v>
      </c>
      <c r="F3636">
        <v>97198.286670000001</v>
      </c>
      <c r="G3636">
        <v>71894.848570000002</v>
      </c>
      <c r="H3636">
        <v>50168.711580000003</v>
      </c>
      <c r="I3636">
        <v>34983.070769999998</v>
      </c>
      <c r="J3636">
        <v>45726.390399999997</v>
      </c>
      <c r="K3636">
        <v>64634.902600000001</v>
      </c>
      <c r="L3636">
        <v>29227.469300000001</v>
      </c>
      <c r="M3636">
        <v>356709.46309999999</v>
      </c>
      <c r="N3636">
        <v>89427.13682</v>
      </c>
      <c r="O3636">
        <v>26642.341649999998</v>
      </c>
      <c r="P3636">
        <v>35128.497880000003</v>
      </c>
      <c r="Q3636">
        <v>99485.105540000004</v>
      </c>
      <c r="R3636">
        <v>22437.178909999999</v>
      </c>
      <c r="S3636">
        <v>113653.765</v>
      </c>
      <c r="T3636">
        <v>33013.00632</v>
      </c>
      <c r="U3636">
        <v>24007.08769</v>
      </c>
      <c r="W3636" s="83">
        <f>Bühler!N3668</f>
        <v>45443.416666657853</v>
      </c>
      <c r="X3636" s="83">
        <v>43252.416666666664</v>
      </c>
      <c r="Y3636">
        <v>293886.95610000001</v>
      </c>
      <c r="Z3636">
        <v>34403.40236</v>
      </c>
      <c r="AA3636">
        <v>97198.286670000001</v>
      </c>
      <c r="AB3636">
        <v>71894.848570000002</v>
      </c>
      <c r="AC3636">
        <v>50168.711580000003</v>
      </c>
      <c r="AD3636">
        <v>34983.070769999998</v>
      </c>
      <c r="AE3636">
        <v>45726.390399999997</v>
      </c>
      <c r="AF3636">
        <v>64634.902600000001</v>
      </c>
      <c r="AG3636">
        <v>29227.469300000001</v>
      </c>
      <c r="AH3636">
        <v>356709.46309999999</v>
      </c>
      <c r="AI3636">
        <v>89427.13682</v>
      </c>
      <c r="AJ3636">
        <v>26642.341649999998</v>
      </c>
      <c r="AK3636">
        <v>35128.497880000003</v>
      </c>
      <c r="AL3636">
        <v>99485.105540000004</v>
      </c>
      <c r="AM3636">
        <v>22437.178909999999</v>
      </c>
      <c r="AN3636">
        <v>113653.765</v>
      </c>
      <c r="AO3636">
        <v>33013.00632</v>
      </c>
      <c r="AP3636">
        <v>24007.08769</v>
      </c>
    </row>
    <row r="3637" spans="2:42" x14ac:dyDescent="0.3">
      <c r="B3637">
        <v>69.759178553992228</v>
      </c>
      <c r="C3637" s="83">
        <v>43252.458333333336</v>
      </c>
      <c r="D3637">
        <v>290173.04639999999</v>
      </c>
      <c r="E3637">
        <v>34403.007700000002</v>
      </c>
      <c r="F3637">
        <v>97841.043139999994</v>
      </c>
      <c r="G3637">
        <v>71490.151759999993</v>
      </c>
      <c r="H3637">
        <v>49893.60252</v>
      </c>
      <c r="I3637">
        <v>34640.556049999999</v>
      </c>
      <c r="J3637">
        <v>45537.022019999997</v>
      </c>
      <c r="K3637">
        <v>64294.214970000001</v>
      </c>
      <c r="L3637">
        <v>30547.654190000001</v>
      </c>
      <c r="M3637">
        <v>355664.82390000002</v>
      </c>
      <c r="N3637">
        <v>88835.135970000003</v>
      </c>
      <c r="O3637">
        <v>27546.850930000001</v>
      </c>
      <c r="P3637">
        <v>34413.926529999997</v>
      </c>
      <c r="Q3637">
        <v>99756.844830000002</v>
      </c>
      <c r="R3637">
        <v>24993.15278</v>
      </c>
      <c r="S3637">
        <v>116227.4767</v>
      </c>
      <c r="T3637">
        <v>33337.162060000002</v>
      </c>
      <c r="U3637">
        <v>22839.54882</v>
      </c>
      <c r="W3637" s="83">
        <f>Bühler!N3669</f>
        <v>45443.458333324517</v>
      </c>
      <c r="X3637" s="83">
        <v>43252.458333333336</v>
      </c>
      <c r="Y3637">
        <v>290173.04639999999</v>
      </c>
      <c r="Z3637">
        <v>34403.007700000002</v>
      </c>
      <c r="AA3637">
        <v>97841.043139999994</v>
      </c>
      <c r="AB3637">
        <v>71490.151759999993</v>
      </c>
      <c r="AC3637">
        <v>49893.60252</v>
      </c>
      <c r="AD3637">
        <v>34640.556049999999</v>
      </c>
      <c r="AE3637">
        <v>45537.022019999997</v>
      </c>
      <c r="AF3637">
        <v>64294.214970000001</v>
      </c>
      <c r="AG3637">
        <v>30547.654190000001</v>
      </c>
      <c r="AH3637">
        <v>355664.82390000002</v>
      </c>
      <c r="AI3637">
        <v>88835.135970000003</v>
      </c>
      <c r="AJ3637">
        <v>27546.850930000001</v>
      </c>
      <c r="AK3637">
        <v>34413.926529999997</v>
      </c>
      <c r="AL3637">
        <v>99756.844830000002</v>
      </c>
      <c r="AM3637">
        <v>24993.15278</v>
      </c>
      <c r="AN3637">
        <v>116227.4767</v>
      </c>
      <c r="AO3637">
        <v>33337.162060000002</v>
      </c>
      <c r="AP3637">
        <v>22839.54882</v>
      </c>
    </row>
    <row r="3638" spans="2:42" x14ac:dyDescent="0.3">
      <c r="B3638">
        <v>68.365777710774125</v>
      </c>
      <c r="C3638" s="83">
        <v>43252.5</v>
      </c>
      <c r="D3638">
        <v>275441.0466</v>
      </c>
      <c r="E3638">
        <v>31491.992740000002</v>
      </c>
      <c r="F3638">
        <v>96912.501910000006</v>
      </c>
      <c r="G3638">
        <v>70742.435979999995</v>
      </c>
      <c r="H3638">
        <v>48227.09633</v>
      </c>
      <c r="I3638">
        <v>33993.984519999998</v>
      </c>
      <c r="J3638">
        <v>45436.08857</v>
      </c>
      <c r="K3638">
        <v>61503.826390000002</v>
      </c>
      <c r="L3638">
        <v>33441.839070000002</v>
      </c>
      <c r="M3638">
        <v>348560.61660000001</v>
      </c>
      <c r="N3638">
        <v>86696.632419999994</v>
      </c>
      <c r="O3638">
        <v>26931.5105</v>
      </c>
      <c r="P3638">
        <v>35196.125780000002</v>
      </c>
      <c r="Q3638">
        <v>97334.291089999999</v>
      </c>
      <c r="R3638">
        <v>25261.386020000002</v>
      </c>
      <c r="S3638">
        <v>110589.3941</v>
      </c>
      <c r="T3638">
        <v>33663.711810000001</v>
      </c>
      <c r="U3638">
        <v>18992.563979999999</v>
      </c>
      <c r="W3638" s="83">
        <f>Bühler!N3670</f>
        <v>45443.499999991182</v>
      </c>
      <c r="X3638" s="83">
        <v>43252.5</v>
      </c>
      <c r="Y3638">
        <v>275441.0466</v>
      </c>
      <c r="Z3638">
        <v>31491.992740000002</v>
      </c>
      <c r="AA3638">
        <v>96912.501910000006</v>
      </c>
      <c r="AB3638">
        <v>70742.435979999995</v>
      </c>
      <c r="AC3638">
        <v>48227.09633</v>
      </c>
      <c r="AD3638">
        <v>33993.984519999998</v>
      </c>
      <c r="AE3638">
        <v>45436.08857</v>
      </c>
      <c r="AF3638">
        <v>61503.826390000002</v>
      </c>
      <c r="AG3638">
        <v>33441.839070000002</v>
      </c>
      <c r="AH3638">
        <v>348560.61660000001</v>
      </c>
      <c r="AI3638">
        <v>86696.632419999994</v>
      </c>
      <c r="AJ3638">
        <v>26931.5105</v>
      </c>
      <c r="AK3638">
        <v>35196.125780000002</v>
      </c>
      <c r="AL3638">
        <v>97334.291089999999</v>
      </c>
      <c r="AM3638">
        <v>25261.386020000002</v>
      </c>
      <c r="AN3638">
        <v>110589.3941</v>
      </c>
      <c r="AO3638">
        <v>33663.711810000001</v>
      </c>
      <c r="AP3638">
        <v>18992.563979999999</v>
      </c>
    </row>
    <row r="3639" spans="2:42" x14ac:dyDescent="0.3">
      <c r="B3639">
        <v>67.622911984892482</v>
      </c>
      <c r="C3639" s="83">
        <v>43252.541666666664</v>
      </c>
      <c r="D3639">
        <v>274908.24430000002</v>
      </c>
      <c r="E3639">
        <v>31852.452249999998</v>
      </c>
      <c r="F3639">
        <v>95788.019199999995</v>
      </c>
      <c r="G3639">
        <v>66030.428679999997</v>
      </c>
      <c r="H3639">
        <v>47451.641960000001</v>
      </c>
      <c r="I3639">
        <v>34220.713049999998</v>
      </c>
      <c r="J3639">
        <v>44364.618450000002</v>
      </c>
      <c r="K3639">
        <v>63289.279499999997</v>
      </c>
      <c r="L3639">
        <v>32902.08294</v>
      </c>
      <c r="M3639">
        <v>344773.14069999999</v>
      </c>
      <c r="N3639">
        <v>85201.509290000002</v>
      </c>
      <c r="O3639">
        <v>27308.93705</v>
      </c>
      <c r="P3639">
        <v>33586.208639999997</v>
      </c>
      <c r="Q3639">
        <v>97861.553310000003</v>
      </c>
      <c r="R3639">
        <v>24924.375</v>
      </c>
      <c r="S3639">
        <v>109430.514</v>
      </c>
      <c r="T3639">
        <v>32066.791099999999</v>
      </c>
      <c r="U3639">
        <v>21577.450669999998</v>
      </c>
      <c r="W3639" s="83">
        <f>Bühler!N3671</f>
        <v>45443.541666657846</v>
      </c>
      <c r="X3639" s="83">
        <v>43252.541666666664</v>
      </c>
      <c r="Y3639">
        <v>274908.24430000002</v>
      </c>
      <c r="Z3639">
        <v>31852.452249999998</v>
      </c>
      <c r="AA3639">
        <v>95788.019199999995</v>
      </c>
      <c r="AB3639">
        <v>66030.428679999997</v>
      </c>
      <c r="AC3639">
        <v>47451.641960000001</v>
      </c>
      <c r="AD3639">
        <v>34220.713049999998</v>
      </c>
      <c r="AE3639">
        <v>44364.618450000002</v>
      </c>
      <c r="AF3639">
        <v>63289.279499999997</v>
      </c>
      <c r="AG3639">
        <v>32902.08294</v>
      </c>
      <c r="AH3639">
        <v>344773.14069999999</v>
      </c>
      <c r="AI3639">
        <v>85201.509290000002</v>
      </c>
      <c r="AJ3639">
        <v>27308.93705</v>
      </c>
      <c r="AK3639">
        <v>33586.208639999997</v>
      </c>
      <c r="AL3639">
        <v>97861.553310000003</v>
      </c>
      <c r="AM3639">
        <v>24924.375</v>
      </c>
      <c r="AN3639">
        <v>109430.514</v>
      </c>
      <c r="AO3639">
        <v>32066.791099999999</v>
      </c>
      <c r="AP3639">
        <v>21577.450669999998</v>
      </c>
    </row>
    <row r="3640" spans="2:42" x14ac:dyDescent="0.3">
      <c r="B3640">
        <v>67.838618282872702</v>
      </c>
      <c r="C3640" s="83">
        <v>43252.583333333336</v>
      </c>
      <c r="D3640">
        <v>275183.81969999999</v>
      </c>
      <c r="E3640">
        <v>33980.561029999997</v>
      </c>
      <c r="F3640">
        <v>97555.467329999999</v>
      </c>
      <c r="G3640">
        <v>60554.643969999997</v>
      </c>
      <c r="H3640">
        <v>47124.411939999998</v>
      </c>
      <c r="I3640">
        <v>33774.564400000003</v>
      </c>
      <c r="J3640">
        <v>43346.701560000001</v>
      </c>
      <c r="K3640">
        <v>64030.851049999997</v>
      </c>
      <c r="L3640">
        <v>29614.73473</v>
      </c>
      <c r="M3640">
        <v>345872.91200000001</v>
      </c>
      <c r="N3640">
        <v>84972.677620000002</v>
      </c>
      <c r="O3640">
        <v>26916.664860000001</v>
      </c>
      <c r="P3640">
        <v>30659.0651</v>
      </c>
      <c r="Q3640">
        <v>96108.290840000001</v>
      </c>
      <c r="R3640">
        <v>24983.68317</v>
      </c>
      <c r="S3640">
        <v>105760.43799999999</v>
      </c>
      <c r="T3640">
        <v>30794.812890000001</v>
      </c>
      <c r="U3640">
        <v>21242.334739999998</v>
      </c>
      <c r="W3640" s="83">
        <f>Bühler!N3672</f>
        <v>45443.58333332451</v>
      </c>
      <c r="X3640" s="83">
        <v>43252.583333333336</v>
      </c>
      <c r="Y3640">
        <v>275183.81969999999</v>
      </c>
      <c r="Z3640">
        <v>33980.561029999997</v>
      </c>
      <c r="AA3640">
        <v>97555.467329999999</v>
      </c>
      <c r="AB3640">
        <v>60554.643969999997</v>
      </c>
      <c r="AC3640">
        <v>47124.411939999998</v>
      </c>
      <c r="AD3640">
        <v>33774.564400000003</v>
      </c>
      <c r="AE3640">
        <v>43346.701560000001</v>
      </c>
      <c r="AF3640">
        <v>64030.851049999997</v>
      </c>
      <c r="AG3640">
        <v>29614.73473</v>
      </c>
      <c r="AH3640">
        <v>345872.91200000001</v>
      </c>
      <c r="AI3640">
        <v>84972.677620000002</v>
      </c>
      <c r="AJ3640">
        <v>26916.664860000001</v>
      </c>
      <c r="AK3640">
        <v>30659.0651</v>
      </c>
      <c r="AL3640">
        <v>96108.290840000001</v>
      </c>
      <c r="AM3640">
        <v>24983.68317</v>
      </c>
      <c r="AN3640">
        <v>105760.43799999999</v>
      </c>
      <c r="AO3640">
        <v>30794.812890000001</v>
      </c>
      <c r="AP3640">
        <v>21242.334739999998</v>
      </c>
    </row>
    <row r="3641" spans="2:42" x14ac:dyDescent="0.3">
      <c r="B3641">
        <v>66.996216997478982</v>
      </c>
      <c r="C3641" s="83">
        <v>43252.625</v>
      </c>
      <c r="D3641">
        <v>271083.02559999999</v>
      </c>
      <c r="E3641">
        <v>33915.060230000003</v>
      </c>
      <c r="F3641">
        <v>98126.592839999998</v>
      </c>
      <c r="G3641">
        <v>56425.192710000003</v>
      </c>
      <c r="H3641">
        <v>45892.191720000003</v>
      </c>
      <c r="I3641">
        <v>34205.740689999999</v>
      </c>
      <c r="J3641">
        <v>43041.034220000001</v>
      </c>
      <c r="K3641">
        <v>61850.330629999997</v>
      </c>
      <c r="L3641">
        <v>26464.275979999999</v>
      </c>
      <c r="M3641">
        <v>341577.95740000001</v>
      </c>
      <c r="N3641">
        <v>82664.136580000006</v>
      </c>
      <c r="O3641">
        <v>26245.634269999999</v>
      </c>
      <c r="P3641">
        <v>27762.147809999999</v>
      </c>
      <c r="Q3641">
        <v>95320.000249999997</v>
      </c>
      <c r="R3641">
        <v>24222.313699999999</v>
      </c>
      <c r="S3641">
        <v>102416.6241</v>
      </c>
      <c r="T3641">
        <v>30619.89257</v>
      </c>
      <c r="U3641">
        <v>19007.89069</v>
      </c>
      <c r="W3641" s="83">
        <f>Bühler!N3673</f>
        <v>45443.624999991174</v>
      </c>
      <c r="X3641" s="83">
        <v>43252.625</v>
      </c>
      <c r="Y3641">
        <v>271083.02559999999</v>
      </c>
      <c r="Z3641">
        <v>33915.060230000003</v>
      </c>
      <c r="AA3641">
        <v>98126.592839999998</v>
      </c>
      <c r="AB3641">
        <v>56425.192710000003</v>
      </c>
      <c r="AC3641">
        <v>45892.191720000003</v>
      </c>
      <c r="AD3641">
        <v>34205.740689999999</v>
      </c>
      <c r="AE3641">
        <v>43041.034220000001</v>
      </c>
      <c r="AF3641">
        <v>61850.330629999997</v>
      </c>
      <c r="AG3641">
        <v>26464.275979999999</v>
      </c>
      <c r="AH3641">
        <v>341577.95740000001</v>
      </c>
      <c r="AI3641">
        <v>82664.136580000006</v>
      </c>
      <c r="AJ3641">
        <v>26245.634269999999</v>
      </c>
      <c r="AK3641">
        <v>27762.147809999999</v>
      </c>
      <c r="AL3641">
        <v>95320.000249999997</v>
      </c>
      <c r="AM3641">
        <v>24222.313699999999</v>
      </c>
      <c r="AN3641">
        <v>102416.6241</v>
      </c>
      <c r="AO3641">
        <v>30619.89257</v>
      </c>
      <c r="AP3641">
        <v>19007.89069</v>
      </c>
    </row>
    <row r="3642" spans="2:42" x14ac:dyDescent="0.3">
      <c r="B3642">
        <v>65.229593684526947</v>
      </c>
      <c r="C3642" s="83">
        <v>43252.666666666664</v>
      </c>
      <c r="D3642">
        <v>261119.84719999999</v>
      </c>
      <c r="E3642">
        <v>32891.29221</v>
      </c>
      <c r="F3642">
        <v>97176.237649999995</v>
      </c>
      <c r="G3642">
        <v>51798.67527</v>
      </c>
      <c r="H3642">
        <v>44492.125469999999</v>
      </c>
      <c r="I3642">
        <v>35025.632709999998</v>
      </c>
      <c r="J3642">
        <v>42607.219250000002</v>
      </c>
      <c r="K3642">
        <v>56431.3531</v>
      </c>
      <c r="L3642">
        <v>25846.650720000001</v>
      </c>
      <c r="M3642">
        <v>332570.88789999997</v>
      </c>
      <c r="N3642">
        <v>79799.414550000001</v>
      </c>
      <c r="O3642">
        <v>25662.311679999999</v>
      </c>
      <c r="P3642">
        <v>27335.444210000001</v>
      </c>
      <c r="Q3642">
        <v>93305.600720000002</v>
      </c>
      <c r="R3642">
        <v>24222.82287</v>
      </c>
      <c r="S3642">
        <v>99182.778219999993</v>
      </c>
      <c r="T3642">
        <v>29513.385699999999</v>
      </c>
      <c r="U3642">
        <v>17060.552919999998</v>
      </c>
      <c r="W3642" s="83">
        <f>Bühler!N3674</f>
        <v>45443.666666657839</v>
      </c>
      <c r="X3642" s="83">
        <v>43252.666666666664</v>
      </c>
      <c r="Y3642">
        <v>261119.84719999999</v>
      </c>
      <c r="Z3642">
        <v>32891.29221</v>
      </c>
      <c r="AA3642">
        <v>97176.237649999995</v>
      </c>
      <c r="AB3642">
        <v>51798.67527</v>
      </c>
      <c r="AC3642">
        <v>44492.125469999999</v>
      </c>
      <c r="AD3642">
        <v>35025.632709999998</v>
      </c>
      <c r="AE3642">
        <v>42607.219250000002</v>
      </c>
      <c r="AF3642">
        <v>56431.3531</v>
      </c>
      <c r="AG3642">
        <v>25846.650720000001</v>
      </c>
      <c r="AH3642">
        <v>332570.88789999997</v>
      </c>
      <c r="AI3642">
        <v>79799.414550000001</v>
      </c>
      <c r="AJ3642">
        <v>25662.311679999999</v>
      </c>
      <c r="AK3642">
        <v>27335.444210000001</v>
      </c>
      <c r="AL3642">
        <v>93305.600720000002</v>
      </c>
      <c r="AM3642">
        <v>24222.82287</v>
      </c>
      <c r="AN3642">
        <v>99182.778219999993</v>
      </c>
      <c r="AO3642">
        <v>29513.385699999999</v>
      </c>
      <c r="AP3642">
        <v>17060.552919999998</v>
      </c>
    </row>
    <row r="3643" spans="2:42" x14ac:dyDescent="0.3">
      <c r="B3643">
        <v>63.710285567053177</v>
      </c>
      <c r="C3643" s="83">
        <v>43252.708333333336</v>
      </c>
      <c r="D3643">
        <v>251384.7372</v>
      </c>
      <c r="E3643">
        <v>30391.119009999999</v>
      </c>
      <c r="F3643">
        <v>95912.157930000001</v>
      </c>
      <c r="G3643">
        <v>45729.896970000002</v>
      </c>
      <c r="H3643">
        <v>42675.817909999998</v>
      </c>
      <c r="I3643">
        <v>34845.890619999998</v>
      </c>
      <c r="J3643">
        <v>42630.264199999998</v>
      </c>
      <c r="K3643">
        <v>53171.614450000001</v>
      </c>
      <c r="L3643">
        <v>26191.090319999999</v>
      </c>
      <c r="M3643">
        <v>324824.74660000001</v>
      </c>
      <c r="N3643">
        <v>78046.245850000007</v>
      </c>
      <c r="O3643">
        <v>24678.052909999999</v>
      </c>
      <c r="P3643">
        <v>29186.790199999999</v>
      </c>
      <c r="Q3643">
        <v>91240.496520000001</v>
      </c>
      <c r="R3643">
        <v>24280.408579999999</v>
      </c>
      <c r="S3643">
        <v>95598.812579999998</v>
      </c>
      <c r="T3643">
        <v>29134.579440000001</v>
      </c>
      <c r="U3643">
        <v>16168.44701</v>
      </c>
      <c r="W3643" s="83">
        <f>Bühler!N3675</f>
        <v>45443.708333324503</v>
      </c>
      <c r="X3643" s="83">
        <v>43252.708333333336</v>
      </c>
      <c r="Y3643">
        <v>251384.7372</v>
      </c>
      <c r="Z3643">
        <v>30391.119009999999</v>
      </c>
      <c r="AA3643">
        <v>95912.157930000001</v>
      </c>
      <c r="AB3643">
        <v>45729.896970000002</v>
      </c>
      <c r="AC3643">
        <v>42675.817909999998</v>
      </c>
      <c r="AD3643">
        <v>34845.890619999998</v>
      </c>
      <c r="AE3643">
        <v>42630.264199999998</v>
      </c>
      <c r="AF3643">
        <v>53171.614450000001</v>
      </c>
      <c r="AG3643">
        <v>26191.090319999999</v>
      </c>
      <c r="AH3643">
        <v>324824.74660000001</v>
      </c>
      <c r="AI3643">
        <v>78046.245850000007</v>
      </c>
      <c r="AJ3643">
        <v>24678.052909999999</v>
      </c>
      <c r="AK3643">
        <v>29186.790199999999</v>
      </c>
      <c r="AL3643">
        <v>91240.496520000001</v>
      </c>
      <c r="AM3643">
        <v>24280.408579999999</v>
      </c>
      <c r="AN3643">
        <v>95598.812579999998</v>
      </c>
      <c r="AO3643">
        <v>29134.579440000001</v>
      </c>
      <c r="AP3643">
        <v>16168.44701</v>
      </c>
    </row>
    <row r="3644" spans="2:42" x14ac:dyDescent="0.3">
      <c r="B3644">
        <v>62.736060973448268</v>
      </c>
      <c r="C3644" s="83">
        <v>43252.75</v>
      </c>
      <c r="D3644">
        <v>243536.86110000001</v>
      </c>
      <c r="E3644">
        <v>27658.840120000001</v>
      </c>
      <c r="F3644">
        <v>93316.32604</v>
      </c>
      <c r="G3644">
        <v>39522.368719999999</v>
      </c>
      <c r="H3644">
        <v>40501.415970000002</v>
      </c>
      <c r="I3644">
        <v>33804.46026</v>
      </c>
      <c r="J3644">
        <v>41869.285550000001</v>
      </c>
      <c r="K3644">
        <v>51696.952290000001</v>
      </c>
      <c r="L3644">
        <v>27774.974200000001</v>
      </c>
      <c r="M3644">
        <v>319857.69530000002</v>
      </c>
      <c r="N3644">
        <v>78050.83567</v>
      </c>
      <c r="O3644">
        <v>22057.843529999998</v>
      </c>
      <c r="P3644">
        <v>32059.63985</v>
      </c>
      <c r="Q3644">
        <v>88592.810509999996</v>
      </c>
      <c r="R3644">
        <v>22398.93403</v>
      </c>
      <c r="S3644">
        <v>89850.775200000004</v>
      </c>
      <c r="T3644">
        <v>29713.19685</v>
      </c>
      <c r="U3644">
        <v>14940.75591</v>
      </c>
      <c r="W3644" s="83">
        <f>Bühler!N3676</f>
        <v>45443.749999991167</v>
      </c>
      <c r="X3644" s="83">
        <v>43252.75</v>
      </c>
      <c r="Y3644">
        <v>243536.86110000001</v>
      </c>
      <c r="Z3644">
        <v>27658.840120000001</v>
      </c>
      <c r="AA3644">
        <v>93316.32604</v>
      </c>
      <c r="AB3644">
        <v>39522.368719999999</v>
      </c>
      <c r="AC3644">
        <v>40501.415970000002</v>
      </c>
      <c r="AD3644">
        <v>33804.46026</v>
      </c>
      <c r="AE3644">
        <v>41869.285550000001</v>
      </c>
      <c r="AF3644">
        <v>51696.952290000001</v>
      </c>
      <c r="AG3644">
        <v>27774.974200000001</v>
      </c>
      <c r="AH3644">
        <v>319857.69530000002</v>
      </c>
      <c r="AI3644">
        <v>78050.83567</v>
      </c>
      <c r="AJ3644">
        <v>22057.843529999998</v>
      </c>
      <c r="AK3644">
        <v>32059.63985</v>
      </c>
      <c r="AL3644">
        <v>88592.810509999996</v>
      </c>
      <c r="AM3644">
        <v>22398.93403</v>
      </c>
      <c r="AN3644">
        <v>89850.775200000004</v>
      </c>
      <c r="AO3644">
        <v>29713.19685</v>
      </c>
      <c r="AP3644">
        <v>14940.75591</v>
      </c>
    </row>
    <row r="3645" spans="2:42" x14ac:dyDescent="0.3">
      <c r="B3645">
        <v>61.324731581943446</v>
      </c>
      <c r="C3645" s="83">
        <v>43252.791666666664</v>
      </c>
      <c r="D3645">
        <v>234725.00279999999</v>
      </c>
      <c r="E3645">
        <v>22267.882010000001</v>
      </c>
      <c r="F3645">
        <v>82732.000310000003</v>
      </c>
      <c r="G3645">
        <v>36376.598510000003</v>
      </c>
      <c r="H3645">
        <v>38790.363749999997</v>
      </c>
      <c r="I3645">
        <v>31161.474979999999</v>
      </c>
      <c r="J3645">
        <v>41607.873390000001</v>
      </c>
      <c r="K3645">
        <v>50283.149989999998</v>
      </c>
      <c r="L3645">
        <v>28990.744500000001</v>
      </c>
      <c r="M3645">
        <v>312662.07990000001</v>
      </c>
      <c r="N3645">
        <v>76769.984479999999</v>
      </c>
      <c r="O3645">
        <v>21207.496739999999</v>
      </c>
      <c r="P3645">
        <v>33623.711840000004</v>
      </c>
      <c r="Q3645">
        <v>85295.114719999998</v>
      </c>
      <c r="R3645">
        <v>21343.471959999999</v>
      </c>
      <c r="S3645">
        <v>85219.856539999993</v>
      </c>
      <c r="T3645">
        <v>29885.526600000001</v>
      </c>
      <c r="U3645">
        <v>14431.623519999999</v>
      </c>
      <c r="W3645" s="83">
        <f>Bühler!N3677</f>
        <v>45443.791666657831</v>
      </c>
      <c r="X3645" s="83">
        <v>43252.791666666664</v>
      </c>
      <c r="Y3645">
        <v>234725.00279999999</v>
      </c>
      <c r="Z3645">
        <v>22267.882010000001</v>
      </c>
      <c r="AA3645">
        <v>82732.000310000003</v>
      </c>
      <c r="AB3645">
        <v>36376.598510000003</v>
      </c>
      <c r="AC3645">
        <v>38790.363749999997</v>
      </c>
      <c r="AD3645">
        <v>31161.474979999999</v>
      </c>
      <c r="AE3645">
        <v>41607.873390000001</v>
      </c>
      <c r="AF3645">
        <v>50283.149989999998</v>
      </c>
      <c r="AG3645">
        <v>28990.744500000001</v>
      </c>
      <c r="AH3645">
        <v>312662.07990000001</v>
      </c>
      <c r="AI3645">
        <v>76769.984479999999</v>
      </c>
      <c r="AJ3645">
        <v>21207.496739999999</v>
      </c>
      <c r="AK3645">
        <v>33623.711840000004</v>
      </c>
      <c r="AL3645">
        <v>85295.114719999998</v>
      </c>
      <c r="AM3645">
        <v>21343.471959999999</v>
      </c>
      <c r="AN3645">
        <v>85219.856539999993</v>
      </c>
      <c r="AO3645">
        <v>29885.526600000001</v>
      </c>
      <c r="AP3645">
        <v>14431.623519999999</v>
      </c>
    </row>
    <row r="3646" spans="2:42" x14ac:dyDescent="0.3">
      <c r="B3646">
        <v>59.17542689597844</v>
      </c>
      <c r="C3646" s="83">
        <v>43252.833333333336</v>
      </c>
      <c r="D3646">
        <v>225457.01930000001</v>
      </c>
      <c r="E3646">
        <v>16662.75389</v>
      </c>
      <c r="F3646">
        <v>65433.168830000002</v>
      </c>
      <c r="G3646">
        <v>34012.244919999997</v>
      </c>
      <c r="H3646">
        <v>36466.02953</v>
      </c>
      <c r="I3646">
        <v>27329.695800000001</v>
      </c>
      <c r="J3646">
        <v>40873.16805</v>
      </c>
      <c r="K3646">
        <v>50556.114840000002</v>
      </c>
      <c r="L3646">
        <v>28948.765599999999</v>
      </c>
      <c r="M3646">
        <v>301703.92229999998</v>
      </c>
      <c r="N3646">
        <v>73374.174509999997</v>
      </c>
      <c r="O3646">
        <v>19701.16388</v>
      </c>
      <c r="P3646">
        <v>33397.50258</v>
      </c>
      <c r="Q3646">
        <v>81684.960139999996</v>
      </c>
      <c r="R3646">
        <v>19919.761119999999</v>
      </c>
      <c r="S3646">
        <v>78086.520199999999</v>
      </c>
      <c r="T3646">
        <v>28389.093700000001</v>
      </c>
      <c r="U3646">
        <v>13767.70361</v>
      </c>
      <c r="W3646" s="83">
        <f>Bühler!N3678</f>
        <v>45443.833333324495</v>
      </c>
      <c r="X3646" s="83">
        <v>43252.833333333336</v>
      </c>
      <c r="Y3646">
        <v>225457.01930000001</v>
      </c>
      <c r="Z3646">
        <v>16662.75389</v>
      </c>
      <c r="AA3646">
        <v>65433.168830000002</v>
      </c>
      <c r="AB3646">
        <v>34012.244919999997</v>
      </c>
      <c r="AC3646">
        <v>36466.02953</v>
      </c>
      <c r="AD3646">
        <v>27329.695800000001</v>
      </c>
      <c r="AE3646">
        <v>40873.16805</v>
      </c>
      <c r="AF3646">
        <v>50556.114840000002</v>
      </c>
      <c r="AG3646">
        <v>28948.765599999999</v>
      </c>
      <c r="AH3646">
        <v>301703.92229999998</v>
      </c>
      <c r="AI3646">
        <v>73374.174509999997</v>
      </c>
      <c r="AJ3646">
        <v>19701.16388</v>
      </c>
      <c r="AK3646">
        <v>33397.50258</v>
      </c>
      <c r="AL3646">
        <v>81684.960139999996</v>
      </c>
      <c r="AM3646">
        <v>19919.761119999999</v>
      </c>
      <c r="AN3646">
        <v>78086.520199999999</v>
      </c>
      <c r="AO3646">
        <v>28389.093700000001</v>
      </c>
      <c r="AP3646">
        <v>13767.70361</v>
      </c>
    </row>
    <row r="3647" spans="2:42" x14ac:dyDescent="0.3">
      <c r="B3647">
        <v>57.707496797389354</v>
      </c>
      <c r="C3647" s="83">
        <v>43252.875</v>
      </c>
      <c r="D3647">
        <v>219412.48920000001</v>
      </c>
      <c r="E3647">
        <v>14237.24905</v>
      </c>
      <c r="F3647">
        <v>56708.511599999998</v>
      </c>
      <c r="G3647">
        <v>33242.362009999997</v>
      </c>
      <c r="H3647">
        <v>35134.080220000003</v>
      </c>
      <c r="I3647">
        <v>24070.443589999999</v>
      </c>
      <c r="J3647">
        <v>41017.954270000002</v>
      </c>
      <c r="K3647">
        <v>51744.503149999997</v>
      </c>
      <c r="L3647">
        <v>28250.55156</v>
      </c>
      <c r="M3647">
        <v>294219.73009999999</v>
      </c>
      <c r="N3647">
        <v>71960.819390000004</v>
      </c>
      <c r="O3647">
        <v>18820.577990000002</v>
      </c>
      <c r="P3647">
        <v>32639.511549999999</v>
      </c>
      <c r="Q3647">
        <v>77883.267009999996</v>
      </c>
      <c r="R3647">
        <v>19851.754649999999</v>
      </c>
      <c r="S3647">
        <v>75201.971220000007</v>
      </c>
      <c r="T3647">
        <v>27080.973989999999</v>
      </c>
      <c r="U3647">
        <v>13134</v>
      </c>
      <c r="W3647" s="83">
        <f>Bühler!N3679</f>
        <v>45443.87499999116</v>
      </c>
      <c r="X3647" s="83">
        <v>43252.875</v>
      </c>
      <c r="Y3647">
        <v>219412.48920000001</v>
      </c>
      <c r="Z3647">
        <v>14237.24905</v>
      </c>
      <c r="AA3647">
        <v>56708.511599999998</v>
      </c>
      <c r="AB3647">
        <v>33242.362009999997</v>
      </c>
      <c r="AC3647">
        <v>35134.080220000003</v>
      </c>
      <c r="AD3647">
        <v>24070.443589999999</v>
      </c>
      <c r="AE3647">
        <v>41017.954270000002</v>
      </c>
      <c r="AF3647">
        <v>51744.503149999997</v>
      </c>
      <c r="AG3647">
        <v>28250.55156</v>
      </c>
      <c r="AH3647">
        <v>294219.73009999999</v>
      </c>
      <c r="AI3647">
        <v>71960.819390000004</v>
      </c>
      <c r="AJ3647">
        <v>18820.577990000002</v>
      </c>
      <c r="AK3647">
        <v>32639.511549999999</v>
      </c>
      <c r="AL3647">
        <v>77883.267009999996</v>
      </c>
      <c r="AM3647">
        <v>19851.754649999999</v>
      </c>
      <c r="AN3647">
        <v>75201.971220000007</v>
      </c>
      <c r="AO3647">
        <v>27080.973989999999</v>
      </c>
      <c r="AP3647">
        <v>13134</v>
      </c>
    </row>
    <row r="3648" spans="2:42" x14ac:dyDescent="0.3">
      <c r="B3648">
        <v>57.5095240086521</v>
      </c>
      <c r="C3648" s="83">
        <v>43252.916666666664</v>
      </c>
      <c r="D3648">
        <v>218696.46530000001</v>
      </c>
      <c r="E3648">
        <v>13492.138730000001</v>
      </c>
      <c r="F3648">
        <v>53499.766439999999</v>
      </c>
      <c r="G3648">
        <v>32771.292509999999</v>
      </c>
      <c r="H3648">
        <v>36305.049559999999</v>
      </c>
      <c r="I3648">
        <v>22021.420289999998</v>
      </c>
      <c r="J3648">
        <v>41178.491860000002</v>
      </c>
      <c r="K3648">
        <v>54091.08238</v>
      </c>
      <c r="L3648">
        <v>25833.497329999998</v>
      </c>
      <c r="M3648">
        <v>293210.3725</v>
      </c>
      <c r="N3648">
        <v>71054.835699999996</v>
      </c>
      <c r="O3648">
        <v>18645.458159999998</v>
      </c>
      <c r="P3648">
        <v>35411.525280000002</v>
      </c>
      <c r="Q3648">
        <v>75332.572</v>
      </c>
      <c r="R3648">
        <v>21175.41893</v>
      </c>
      <c r="S3648">
        <v>75587.613639999996</v>
      </c>
      <c r="T3648">
        <v>24526.759480000001</v>
      </c>
      <c r="U3648">
        <v>13614.27261</v>
      </c>
      <c r="W3648" s="83">
        <f>Bühler!N3680</f>
        <v>45443.916666657824</v>
      </c>
      <c r="X3648" s="83">
        <v>43252.916666666664</v>
      </c>
      <c r="Y3648">
        <v>218696.46530000001</v>
      </c>
      <c r="Z3648">
        <v>13492.138730000001</v>
      </c>
      <c r="AA3648">
        <v>53499.766439999999</v>
      </c>
      <c r="AB3648">
        <v>32771.292509999999</v>
      </c>
      <c r="AC3648">
        <v>36305.049559999999</v>
      </c>
      <c r="AD3648">
        <v>22021.420289999998</v>
      </c>
      <c r="AE3648">
        <v>41178.491860000002</v>
      </c>
      <c r="AF3648">
        <v>54091.08238</v>
      </c>
      <c r="AG3648">
        <v>25833.497329999998</v>
      </c>
      <c r="AH3648">
        <v>293210.3725</v>
      </c>
      <c r="AI3648">
        <v>71054.835699999996</v>
      </c>
      <c r="AJ3648">
        <v>18645.458159999998</v>
      </c>
      <c r="AK3648">
        <v>35411.525280000002</v>
      </c>
      <c r="AL3648">
        <v>75332.572</v>
      </c>
      <c r="AM3648">
        <v>21175.41893</v>
      </c>
      <c r="AN3648">
        <v>75587.613639999996</v>
      </c>
      <c r="AO3648">
        <v>24526.759480000001</v>
      </c>
      <c r="AP3648">
        <v>13614.27261</v>
      </c>
    </row>
    <row r="3649" spans="2:42" x14ac:dyDescent="0.3">
      <c r="B3649">
        <v>56.683354506396576</v>
      </c>
      <c r="C3649" s="83">
        <v>43252.958333333336</v>
      </c>
      <c r="D3649">
        <v>216529.97719999999</v>
      </c>
      <c r="E3649">
        <v>12780.60932</v>
      </c>
      <c r="F3649">
        <v>52091.690069999997</v>
      </c>
      <c r="G3649">
        <v>32253.889790000001</v>
      </c>
      <c r="H3649">
        <v>35088.551769999998</v>
      </c>
      <c r="I3649">
        <v>21431.902419999999</v>
      </c>
      <c r="J3649">
        <v>38004.611259999998</v>
      </c>
      <c r="K3649">
        <v>52338.388659999997</v>
      </c>
      <c r="L3649">
        <v>22158.463930000002</v>
      </c>
      <c r="M3649">
        <v>288998.17509999999</v>
      </c>
      <c r="N3649">
        <v>69254.295020000005</v>
      </c>
      <c r="O3649">
        <v>18287.008999999998</v>
      </c>
      <c r="P3649">
        <v>31968.647509999999</v>
      </c>
      <c r="Q3649">
        <v>73689.118919999994</v>
      </c>
      <c r="R3649">
        <v>21584.261979999999</v>
      </c>
      <c r="S3649">
        <v>73613.643169999996</v>
      </c>
      <c r="T3649">
        <v>21895.453270000002</v>
      </c>
      <c r="U3649">
        <v>13161.221869999999</v>
      </c>
      <c r="W3649" s="83">
        <f>Bühler!N3681</f>
        <v>45443.958333324488</v>
      </c>
      <c r="X3649" s="83">
        <v>43252.958333333336</v>
      </c>
      <c r="Y3649">
        <v>216529.97719999999</v>
      </c>
      <c r="Z3649">
        <v>12780.60932</v>
      </c>
      <c r="AA3649">
        <v>52091.690069999997</v>
      </c>
      <c r="AB3649">
        <v>32253.889790000001</v>
      </c>
      <c r="AC3649">
        <v>35088.551769999998</v>
      </c>
      <c r="AD3649">
        <v>21431.902419999999</v>
      </c>
      <c r="AE3649">
        <v>38004.611259999998</v>
      </c>
      <c r="AF3649">
        <v>52338.388659999997</v>
      </c>
      <c r="AG3649">
        <v>22158.463930000002</v>
      </c>
      <c r="AH3649">
        <v>288998.17509999999</v>
      </c>
      <c r="AI3649">
        <v>69254.295020000005</v>
      </c>
      <c r="AJ3649">
        <v>18287.008999999998</v>
      </c>
      <c r="AK3649">
        <v>31968.647509999999</v>
      </c>
      <c r="AL3649">
        <v>73689.118919999994</v>
      </c>
      <c r="AM3649">
        <v>21584.261979999999</v>
      </c>
      <c r="AN3649">
        <v>73613.643169999996</v>
      </c>
      <c r="AO3649">
        <v>21895.453270000002</v>
      </c>
      <c r="AP3649">
        <v>13161.221869999999</v>
      </c>
    </row>
    <row r="3650" spans="2:42" x14ac:dyDescent="0.3">
      <c r="B3650">
        <v>55.689121268395894</v>
      </c>
      <c r="C3650" s="83">
        <v>43253</v>
      </c>
      <c r="D3650">
        <v>213490.02110000001</v>
      </c>
      <c r="E3650">
        <v>12351.46333</v>
      </c>
      <c r="F3650">
        <v>50589.088730000003</v>
      </c>
      <c r="G3650">
        <v>31940.574420000001</v>
      </c>
      <c r="H3650">
        <v>34159.900690000002</v>
      </c>
      <c r="I3650">
        <v>20190.19398</v>
      </c>
      <c r="J3650">
        <v>34904.513910000001</v>
      </c>
      <c r="K3650">
        <v>50649.115940000003</v>
      </c>
      <c r="L3650">
        <v>19087.597229999999</v>
      </c>
      <c r="M3650">
        <v>283929.11040000001</v>
      </c>
      <c r="N3650">
        <v>68320.284839999993</v>
      </c>
      <c r="O3650">
        <v>18026.606469999999</v>
      </c>
      <c r="P3650">
        <v>29073.839039999999</v>
      </c>
      <c r="Q3650">
        <v>71862.526039999997</v>
      </c>
      <c r="R3650">
        <v>17866.949270000001</v>
      </c>
      <c r="S3650">
        <v>72008.593240000002</v>
      </c>
      <c r="T3650">
        <v>20882.992610000001</v>
      </c>
      <c r="U3650">
        <v>12650.36614</v>
      </c>
      <c r="W3650" s="83">
        <f>Bühler!N3682</f>
        <v>45443.999999991152</v>
      </c>
      <c r="X3650" s="83">
        <v>43253</v>
      </c>
      <c r="Y3650">
        <v>213490.02110000001</v>
      </c>
      <c r="Z3650">
        <v>12351.46333</v>
      </c>
      <c r="AA3650">
        <v>50589.088730000003</v>
      </c>
      <c r="AB3650">
        <v>31940.574420000001</v>
      </c>
      <c r="AC3650">
        <v>34159.900690000002</v>
      </c>
      <c r="AD3650">
        <v>20190.19398</v>
      </c>
      <c r="AE3650">
        <v>34904.513910000001</v>
      </c>
      <c r="AF3650">
        <v>50649.115940000003</v>
      </c>
      <c r="AG3650">
        <v>19087.597229999999</v>
      </c>
      <c r="AH3650">
        <v>283929.11040000001</v>
      </c>
      <c r="AI3650">
        <v>68320.284839999993</v>
      </c>
      <c r="AJ3650">
        <v>18026.606469999999</v>
      </c>
      <c r="AK3650">
        <v>29073.839039999999</v>
      </c>
      <c r="AL3650">
        <v>71862.526039999997</v>
      </c>
      <c r="AM3650">
        <v>17866.949270000001</v>
      </c>
      <c r="AN3650">
        <v>72008.593240000002</v>
      </c>
      <c r="AO3650">
        <v>20882.992610000001</v>
      </c>
      <c r="AP3650">
        <v>12650.36614</v>
      </c>
    </row>
    <row r="3651" spans="2:42" x14ac:dyDescent="0.3">
      <c r="B3651">
        <v>54.418369170517991</v>
      </c>
      <c r="C3651" s="83">
        <v>43253.041666666664</v>
      </c>
      <c r="D3651">
        <v>207872.41469999999</v>
      </c>
      <c r="E3651">
        <v>12132.480939999999</v>
      </c>
      <c r="F3651">
        <v>49830.555719999997</v>
      </c>
      <c r="G3651">
        <v>31426.438600000001</v>
      </c>
      <c r="H3651">
        <v>33280.876779999999</v>
      </c>
      <c r="I3651">
        <v>16696.02463</v>
      </c>
      <c r="J3651">
        <v>33322.212879999999</v>
      </c>
      <c r="K3651">
        <v>48484.614119999998</v>
      </c>
      <c r="L3651">
        <v>17239.202020000001</v>
      </c>
      <c r="M3651">
        <v>277450.22360000003</v>
      </c>
      <c r="N3651">
        <v>67109.43303</v>
      </c>
      <c r="O3651">
        <v>19022.537799999998</v>
      </c>
      <c r="P3651">
        <v>26059.11477</v>
      </c>
      <c r="Q3651">
        <v>70979.461290000007</v>
      </c>
      <c r="R3651">
        <v>16099.02102</v>
      </c>
      <c r="S3651">
        <v>70776.694019999995</v>
      </c>
      <c r="T3651">
        <v>19750.891199999998</v>
      </c>
      <c r="U3651">
        <v>12339.288490000001</v>
      </c>
      <c r="W3651" s="83">
        <f>Bühler!N3683</f>
        <v>45444.041666657817</v>
      </c>
      <c r="X3651" s="83">
        <v>43253.041666666664</v>
      </c>
      <c r="Y3651">
        <v>207872.41469999999</v>
      </c>
      <c r="Z3651">
        <v>12132.480939999999</v>
      </c>
      <c r="AA3651">
        <v>49830.555719999997</v>
      </c>
      <c r="AB3651">
        <v>31426.438600000001</v>
      </c>
      <c r="AC3651">
        <v>33280.876779999999</v>
      </c>
      <c r="AD3651">
        <v>16696.02463</v>
      </c>
      <c r="AE3651">
        <v>33322.212879999999</v>
      </c>
      <c r="AF3651">
        <v>48484.614119999998</v>
      </c>
      <c r="AG3651">
        <v>17239.202020000001</v>
      </c>
      <c r="AH3651">
        <v>277450.22360000003</v>
      </c>
      <c r="AI3651">
        <v>67109.43303</v>
      </c>
      <c r="AJ3651">
        <v>19022.537799999998</v>
      </c>
      <c r="AK3651">
        <v>26059.11477</v>
      </c>
      <c r="AL3651">
        <v>70979.461290000007</v>
      </c>
      <c r="AM3651">
        <v>16099.02102</v>
      </c>
      <c r="AN3651">
        <v>70776.694019999995</v>
      </c>
      <c r="AO3651">
        <v>19750.891199999998</v>
      </c>
      <c r="AP3651">
        <v>12339.288490000001</v>
      </c>
    </row>
    <row r="3652" spans="2:42" x14ac:dyDescent="0.3">
      <c r="B3652">
        <v>53.607860260025703</v>
      </c>
      <c r="C3652" s="83">
        <v>43253.083333333336</v>
      </c>
      <c r="D3652">
        <v>203826.4</v>
      </c>
      <c r="E3652">
        <v>11927.993200000001</v>
      </c>
      <c r="F3652">
        <v>50696.396829999998</v>
      </c>
      <c r="G3652">
        <v>31088.717339999999</v>
      </c>
      <c r="H3652">
        <v>32828.906470000002</v>
      </c>
      <c r="I3652">
        <v>14538.370709999999</v>
      </c>
      <c r="J3652">
        <v>33159.081630000001</v>
      </c>
      <c r="K3652">
        <v>47212.198299999996</v>
      </c>
      <c r="L3652">
        <v>16489.88796</v>
      </c>
      <c r="M3652">
        <v>273317.87119999999</v>
      </c>
      <c r="N3652">
        <v>65734.514379999993</v>
      </c>
      <c r="O3652">
        <v>18507.99381</v>
      </c>
      <c r="P3652">
        <v>25248.020090000002</v>
      </c>
      <c r="Q3652">
        <v>72023.528810000003</v>
      </c>
      <c r="R3652">
        <v>15540.660159999999</v>
      </c>
      <c r="S3652">
        <v>69992.391090000005</v>
      </c>
      <c r="T3652">
        <v>19238.64417</v>
      </c>
      <c r="U3652">
        <v>12231.688620000001</v>
      </c>
      <c r="W3652" s="83">
        <f>Bühler!N3684</f>
        <v>45444.083333324481</v>
      </c>
      <c r="X3652" s="83">
        <v>43253.083333333336</v>
      </c>
      <c r="Y3652">
        <v>203826.4</v>
      </c>
      <c r="Z3652">
        <v>11927.993200000001</v>
      </c>
      <c r="AA3652">
        <v>50696.396829999998</v>
      </c>
      <c r="AB3652">
        <v>31088.717339999999</v>
      </c>
      <c r="AC3652">
        <v>32828.906470000002</v>
      </c>
      <c r="AD3652">
        <v>14538.370709999999</v>
      </c>
      <c r="AE3652">
        <v>33159.081630000001</v>
      </c>
      <c r="AF3652">
        <v>47212.198299999996</v>
      </c>
      <c r="AG3652">
        <v>16489.88796</v>
      </c>
      <c r="AH3652">
        <v>273317.87119999999</v>
      </c>
      <c r="AI3652">
        <v>65734.514379999993</v>
      </c>
      <c r="AJ3652">
        <v>18507.99381</v>
      </c>
      <c r="AK3652">
        <v>25248.020090000002</v>
      </c>
      <c r="AL3652">
        <v>72023.528810000003</v>
      </c>
      <c r="AM3652">
        <v>15540.660159999999</v>
      </c>
      <c r="AN3652">
        <v>69992.391090000005</v>
      </c>
      <c r="AO3652">
        <v>19238.64417</v>
      </c>
      <c r="AP3652">
        <v>12231.688620000001</v>
      </c>
    </row>
    <row r="3653" spans="2:42" x14ac:dyDescent="0.3">
      <c r="B3653">
        <v>52.864024360043011</v>
      </c>
      <c r="C3653" s="83">
        <v>43253.125</v>
      </c>
      <c r="D3653">
        <v>198120.5644</v>
      </c>
      <c r="E3653">
        <v>11924.279070000001</v>
      </c>
      <c r="F3653">
        <v>51695.48461</v>
      </c>
      <c r="G3653">
        <v>30503.571950000001</v>
      </c>
      <c r="H3653">
        <v>32641.081529999999</v>
      </c>
      <c r="I3653">
        <v>13687.23897</v>
      </c>
      <c r="J3653">
        <v>33275.966099999998</v>
      </c>
      <c r="K3653">
        <v>45596.345249999998</v>
      </c>
      <c r="L3653">
        <v>16543.244210000001</v>
      </c>
      <c r="M3653">
        <v>269525.44890000002</v>
      </c>
      <c r="N3653">
        <v>65741.742710000006</v>
      </c>
      <c r="O3653">
        <v>17811.044000000002</v>
      </c>
      <c r="P3653">
        <v>23523.447059999999</v>
      </c>
      <c r="Q3653">
        <v>71761.467669999998</v>
      </c>
      <c r="R3653">
        <v>15027.926219999999</v>
      </c>
      <c r="S3653">
        <v>69272.275829999999</v>
      </c>
      <c r="T3653">
        <v>18678.880560000001</v>
      </c>
      <c r="U3653">
        <v>12132.06163</v>
      </c>
      <c r="W3653" s="83">
        <f>Bühler!N3685</f>
        <v>45444.124999991145</v>
      </c>
      <c r="X3653" s="83">
        <v>43253.125</v>
      </c>
      <c r="Y3653">
        <v>198120.5644</v>
      </c>
      <c r="Z3653">
        <v>11924.279070000001</v>
      </c>
      <c r="AA3653">
        <v>51695.48461</v>
      </c>
      <c r="AB3653">
        <v>30503.571950000001</v>
      </c>
      <c r="AC3653">
        <v>32641.081529999999</v>
      </c>
      <c r="AD3653">
        <v>13687.23897</v>
      </c>
      <c r="AE3653">
        <v>33275.966099999998</v>
      </c>
      <c r="AF3653">
        <v>45596.345249999998</v>
      </c>
      <c r="AG3653">
        <v>16543.244210000001</v>
      </c>
      <c r="AH3653">
        <v>269525.44890000002</v>
      </c>
      <c r="AI3653">
        <v>65741.742710000006</v>
      </c>
      <c r="AJ3653">
        <v>17811.044000000002</v>
      </c>
      <c r="AK3653">
        <v>23523.447059999999</v>
      </c>
      <c r="AL3653">
        <v>71761.467669999998</v>
      </c>
      <c r="AM3653">
        <v>15027.926219999999</v>
      </c>
      <c r="AN3653">
        <v>69272.275829999999</v>
      </c>
      <c r="AO3653">
        <v>18678.880560000001</v>
      </c>
      <c r="AP3653">
        <v>12132.06163</v>
      </c>
    </row>
    <row r="3654" spans="2:42" x14ac:dyDescent="0.3">
      <c r="B3654">
        <v>51.404829731497827</v>
      </c>
      <c r="C3654" s="83">
        <v>43253.166666666664</v>
      </c>
      <c r="D3654">
        <v>190440.16899999999</v>
      </c>
      <c r="E3654">
        <v>12061.684069999999</v>
      </c>
      <c r="F3654">
        <v>54379.844940000003</v>
      </c>
      <c r="G3654">
        <v>29369.401249999999</v>
      </c>
      <c r="H3654">
        <v>32502.4005</v>
      </c>
      <c r="I3654">
        <v>14658.85369</v>
      </c>
      <c r="J3654">
        <v>35477.332040000001</v>
      </c>
      <c r="K3654">
        <v>44099.763059999997</v>
      </c>
      <c r="L3654">
        <v>16662.15353</v>
      </c>
      <c r="M3654">
        <v>262085.7942</v>
      </c>
      <c r="N3654">
        <v>64924.303189999999</v>
      </c>
      <c r="O3654">
        <v>19519.743269999999</v>
      </c>
      <c r="P3654">
        <v>23389.499059999998</v>
      </c>
      <c r="Q3654">
        <v>70934.340500000006</v>
      </c>
      <c r="R3654">
        <v>15386.474329999999</v>
      </c>
      <c r="S3654">
        <v>69882.692500000005</v>
      </c>
      <c r="T3654">
        <v>18430.700990000001</v>
      </c>
      <c r="U3654">
        <v>12236.459269999999</v>
      </c>
      <c r="W3654" s="83">
        <f>Bühler!N3686</f>
        <v>45444.166666657809</v>
      </c>
      <c r="X3654" s="83">
        <v>43253.166666666664</v>
      </c>
      <c r="Y3654">
        <v>190440.16899999999</v>
      </c>
      <c r="Z3654">
        <v>12061.684069999999</v>
      </c>
      <c r="AA3654">
        <v>54379.844940000003</v>
      </c>
      <c r="AB3654">
        <v>29369.401249999999</v>
      </c>
      <c r="AC3654">
        <v>32502.4005</v>
      </c>
      <c r="AD3654">
        <v>14658.85369</v>
      </c>
      <c r="AE3654">
        <v>35477.332040000001</v>
      </c>
      <c r="AF3654">
        <v>44099.763059999997</v>
      </c>
      <c r="AG3654">
        <v>16662.15353</v>
      </c>
      <c r="AH3654">
        <v>262085.7942</v>
      </c>
      <c r="AI3654">
        <v>64924.303189999999</v>
      </c>
      <c r="AJ3654">
        <v>19519.743269999999</v>
      </c>
      <c r="AK3654">
        <v>23389.499059999998</v>
      </c>
      <c r="AL3654">
        <v>70934.340500000006</v>
      </c>
      <c r="AM3654">
        <v>15386.474329999999</v>
      </c>
      <c r="AN3654">
        <v>69882.692500000005</v>
      </c>
      <c r="AO3654">
        <v>18430.700990000001</v>
      </c>
      <c r="AP3654">
        <v>12236.459269999999</v>
      </c>
    </row>
    <row r="3655" spans="2:42" x14ac:dyDescent="0.3">
      <c r="B3655">
        <v>50.116178584400153</v>
      </c>
      <c r="C3655" s="83">
        <v>43253.208333333336</v>
      </c>
      <c r="D3655">
        <v>185579.29759999999</v>
      </c>
      <c r="E3655">
        <v>12650.06732</v>
      </c>
      <c r="F3655">
        <v>63926.045100000003</v>
      </c>
      <c r="G3655">
        <v>29522.87226</v>
      </c>
      <c r="H3655">
        <v>33062.798750000002</v>
      </c>
      <c r="I3655">
        <v>20431.132839999998</v>
      </c>
      <c r="J3655">
        <v>37825.626049999999</v>
      </c>
      <c r="K3655">
        <v>44516.640119999996</v>
      </c>
      <c r="L3655">
        <v>17228.284800000001</v>
      </c>
      <c r="M3655">
        <v>255515.64970000001</v>
      </c>
      <c r="N3655">
        <v>63117.287830000001</v>
      </c>
      <c r="O3655">
        <v>19034.015810000001</v>
      </c>
      <c r="P3655">
        <v>23905.36551</v>
      </c>
      <c r="Q3655">
        <v>69839.320340000006</v>
      </c>
      <c r="R3655">
        <v>17699.569780000002</v>
      </c>
      <c r="S3655">
        <v>71445.638059999997</v>
      </c>
      <c r="T3655">
        <v>18980.433140000001</v>
      </c>
      <c r="U3655">
        <v>12412.367029999999</v>
      </c>
      <c r="W3655" s="83">
        <f>Bühler!N3687</f>
        <v>45444.208333324474</v>
      </c>
      <c r="X3655" s="83">
        <v>43253.208333333336</v>
      </c>
      <c r="Y3655">
        <v>185579.29759999999</v>
      </c>
      <c r="Z3655">
        <v>12650.06732</v>
      </c>
      <c r="AA3655">
        <v>63926.045100000003</v>
      </c>
      <c r="AB3655">
        <v>29522.87226</v>
      </c>
      <c r="AC3655">
        <v>33062.798750000002</v>
      </c>
      <c r="AD3655">
        <v>20431.132839999998</v>
      </c>
      <c r="AE3655">
        <v>37825.626049999999</v>
      </c>
      <c r="AF3655">
        <v>44516.640119999996</v>
      </c>
      <c r="AG3655">
        <v>17228.284800000001</v>
      </c>
      <c r="AH3655">
        <v>255515.64970000001</v>
      </c>
      <c r="AI3655">
        <v>63117.287830000001</v>
      </c>
      <c r="AJ3655">
        <v>19034.015810000001</v>
      </c>
      <c r="AK3655">
        <v>23905.36551</v>
      </c>
      <c r="AL3655">
        <v>69839.320340000006</v>
      </c>
      <c r="AM3655">
        <v>17699.569780000002</v>
      </c>
      <c r="AN3655">
        <v>71445.638059999997</v>
      </c>
      <c r="AO3655">
        <v>18980.433140000001</v>
      </c>
      <c r="AP3655">
        <v>12412.367029999999</v>
      </c>
    </row>
    <row r="3656" spans="2:42" x14ac:dyDescent="0.3">
      <c r="B3656">
        <v>49.49464775778209</v>
      </c>
      <c r="C3656" s="83">
        <v>43253.25</v>
      </c>
      <c r="D3656">
        <v>184989.9719</v>
      </c>
      <c r="E3656">
        <v>14138.839190000001</v>
      </c>
      <c r="F3656">
        <v>73175.398560000001</v>
      </c>
      <c r="G3656">
        <v>29979.099180000001</v>
      </c>
      <c r="H3656">
        <v>32270.718339999999</v>
      </c>
      <c r="I3656">
        <v>22800.711449999999</v>
      </c>
      <c r="J3656">
        <v>39228.901949999999</v>
      </c>
      <c r="K3656">
        <v>43371.519099999998</v>
      </c>
      <c r="L3656">
        <v>17291.959220000001</v>
      </c>
      <c r="M3656">
        <v>252346.79569999999</v>
      </c>
      <c r="N3656">
        <v>62929.406450000002</v>
      </c>
      <c r="O3656">
        <v>18832.581590000002</v>
      </c>
      <c r="P3656">
        <v>24848.734560000001</v>
      </c>
      <c r="Q3656">
        <v>68067.198250000001</v>
      </c>
      <c r="R3656">
        <v>15380.888919999999</v>
      </c>
      <c r="S3656">
        <v>74318.274579999998</v>
      </c>
      <c r="T3656">
        <v>20777.193070000001</v>
      </c>
      <c r="U3656">
        <v>11762.9275</v>
      </c>
      <c r="W3656" s="83">
        <f>Bühler!N3688</f>
        <v>45444.249999991138</v>
      </c>
      <c r="X3656" s="83">
        <v>43253.25</v>
      </c>
      <c r="Y3656">
        <v>184989.9719</v>
      </c>
      <c r="Z3656">
        <v>14138.839190000001</v>
      </c>
      <c r="AA3656">
        <v>73175.398560000001</v>
      </c>
      <c r="AB3656">
        <v>29979.099180000001</v>
      </c>
      <c r="AC3656">
        <v>32270.718339999999</v>
      </c>
      <c r="AD3656">
        <v>22800.711449999999</v>
      </c>
      <c r="AE3656">
        <v>39228.901949999999</v>
      </c>
      <c r="AF3656">
        <v>43371.519099999998</v>
      </c>
      <c r="AG3656">
        <v>17291.959220000001</v>
      </c>
      <c r="AH3656">
        <v>252346.79569999999</v>
      </c>
      <c r="AI3656">
        <v>62929.406450000002</v>
      </c>
      <c r="AJ3656">
        <v>18832.581590000002</v>
      </c>
      <c r="AK3656">
        <v>24848.734560000001</v>
      </c>
      <c r="AL3656">
        <v>68067.198250000001</v>
      </c>
      <c r="AM3656">
        <v>15380.888919999999</v>
      </c>
      <c r="AN3656">
        <v>74318.274579999998</v>
      </c>
      <c r="AO3656">
        <v>20777.193070000001</v>
      </c>
      <c r="AP3656">
        <v>11762.9275</v>
      </c>
    </row>
    <row r="3657" spans="2:42" x14ac:dyDescent="0.3">
      <c r="B3657">
        <v>49.590036403578949</v>
      </c>
      <c r="C3657" s="83">
        <v>43253.291666666664</v>
      </c>
      <c r="D3657">
        <v>185354.80410000001</v>
      </c>
      <c r="E3657">
        <v>16172.39703</v>
      </c>
      <c r="F3657">
        <v>76013.178820000001</v>
      </c>
      <c r="G3657">
        <v>31059.213100000001</v>
      </c>
      <c r="H3657">
        <v>33014.951699999998</v>
      </c>
      <c r="I3657">
        <v>24636.626240000001</v>
      </c>
      <c r="J3657">
        <v>41131.770519999998</v>
      </c>
      <c r="K3657">
        <v>44331.077019999997</v>
      </c>
      <c r="L3657">
        <v>19180.149789999999</v>
      </c>
      <c r="M3657">
        <v>252833.13149999999</v>
      </c>
      <c r="N3657">
        <v>61342.887900000002</v>
      </c>
      <c r="O3657">
        <v>18185.540550000002</v>
      </c>
      <c r="P3657">
        <v>27264.773140000001</v>
      </c>
      <c r="Q3657">
        <v>65664.764129999996</v>
      </c>
      <c r="R3657">
        <v>15750.3141</v>
      </c>
      <c r="S3657">
        <v>79876.518129999997</v>
      </c>
      <c r="T3657">
        <v>21578.968219999999</v>
      </c>
      <c r="U3657">
        <v>11857.91692</v>
      </c>
      <c r="W3657" s="83">
        <f>Bühler!N3689</f>
        <v>45444.291666657802</v>
      </c>
      <c r="X3657" s="83">
        <v>43253.291666666664</v>
      </c>
      <c r="Y3657">
        <v>185354.80410000001</v>
      </c>
      <c r="Z3657">
        <v>16172.39703</v>
      </c>
      <c r="AA3657">
        <v>76013.178820000001</v>
      </c>
      <c r="AB3657">
        <v>31059.213100000001</v>
      </c>
      <c r="AC3657">
        <v>33014.951699999998</v>
      </c>
      <c r="AD3657">
        <v>24636.626240000001</v>
      </c>
      <c r="AE3657">
        <v>41131.770519999998</v>
      </c>
      <c r="AF3657">
        <v>44331.077019999997</v>
      </c>
      <c r="AG3657">
        <v>19180.149789999999</v>
      </c>
      <c r="AH3657">
        <v>252833.13149999999</v>
      </c>
      <c r="AI3657">
        <v>61342.887900000002</v>
      </c>
      <c r="AJ3657">
        <v>18185.540550000002</v>
      </c>
      <c r="AK3657">
        <v>27264.773140000001</v>
      </c>
      <c r="AL3657">
        <v>65664.764129999996</v>
      </c>
      <c r="AM3657">
        <v>15750.3141</v>
      </c>
      <c r="AN3657">
        <v>79876.518129999997</v>
      </c>
      <c r="AO3657">
        <v>21578.968219999999</v>
      </c>
      <c r="AP3657">
        <v>11857.91692</v>
      </c>
    </row>
    <row r="3658" spans="2:42" x14ac:dyDescent="0.3">
      <c r="B3658">
        <v>49.05328826865837</v>
      </c>
      <c r="C3658" s="83">
        <v>43253.333333333336</v>
      </c>
      <c r="D3658">
        <v>185073.9443</v>
      </c>
      <c r="E3658">
        <v>19589.264579999999</v>
      </c>
      <c r="F3658">
        <v>81543.761660000004</v>
      </c>
      <c r="G3658">
        <v>32538.2582</v>
      </c>
      <c r="H3658">
        <v>33984.311419999998</v>
      </c>
      <c r="I3658">
        <v>25476.220219999999</v>
      </c>
      <c r="J3658">
        <v>43232.477489999997</v>
      </c>
      <c r="K3658">
        <v>44938.996769999998</v>
      </c>
      <c r="L3658">
        <v>21019.998469999999</v>
      </c>
      <c r="M3658">
        <v>250096.5392</v>
      </c>
      <c r="N3658">
        <v>62849.377619999999</v>
      </c>
      <c r="O3658">
        <v>19982.088909999999</v>
      </c>
      <c r="P3658">
        <v>30363.564780000001</v>
      </c>
      <c r="Q3658">
        <v>64092.657570000003</v>
      </c>
      <c r="R3658">
        <v>16577.942859999999</v>
      </c>
      <c r="S3658">
        <v>83837.198090000005</v>
      </c>
      <c r="T3658">
        <v>23485.94644</v>
      </c>
      <c r="U3658">
        <v>12096.76626</v>
      </c>
      <c r="W3658" s="83">
        <f>Bühler!N3690</f>
        <v>45444.333333324466</v>
      </c>
      <c r="X3658" s="83">
        <v>43253.333333333336</v>
      </c>
      <c r="Y3658">
        <v>185073.9443</v>
      </c>
      <c r="Z3658">
        <v>19589.264579999999</v>
      </c>
      <c r="AA3658">
        <v>81543.761660000004</v>
      </c>
      <c r="AB3658">
        <v>32538.2582</v>
      </c>
      <c r="AC3658">
        <v>33984.311419999998</v>
      </c>
      <c r="AD3658">
        <v>25476.220219999999</v>
      </c>
      <c r="AE3658">
        <v>43232.477489999997</v>
      </c>
      <c r="AF3658">
        <v>44938.996769999998</v>
      </c>
      <c r="AG3658">
        <v>21019.998469999999</v>
      </c>
      <c r="AH3658">
        <v>250096.5392</v>
      </c>
      <c r="AI3658">
        <v>62849.377619999999</v>
      </c>
      <c r="AJ3658">
        <v>19982.088909999999</v>
      </c>
      <c r="AK3658">
        <v>30363.564780000001</v>
      </c>
      <c r="AL3658">
        <v>64092.657570000003</v>
      </c>
      <c r="AM3658">
        <v>16577.942859999999</v>
      </c>
      <c r="AN3658">
        <v>83837.198090000005</v>
      </c>
      <c r="AO3658">
        <v>23485.94644</v>
      </c>
      <c r="AP3658">
        <v>12096.76626</v>
      </c>
    </row>
    <row r="3659" spans="2:42" x14ac:dyDescent="0.3">
      <c r="B3659">
        <v>48.612674611662385</v>
      </c>
      <c r="C3659" s="83">
        <v>43253.375</v>
      </c>
      <c r="D3659">
        <v>184749.97519999999</v>
      </c>
      <c r="E3659">
        <v>23296.315439999998</v>
      </c>
      <c r="F3659">
        <v>89511.380120000002</v>
      </c>
      <c r="G3659">
        <v>33435.795850000002</v>
      </c>
      <c r="H3659">
        <v>34719.086020000002</v>
      </c>
      <c r="I3659">
        <v>25983.457760000001</v>
      </c>
      <c r="J3659">
        <v>43356.403270000003</v>
      </c>
      <c r="K3659">
        <v>46176.915410000001</v>
      </c>
      <c r="L3659">
        <v>24664.72825</v>
      </c>
      <c r="M3659">
        <v>247850.08530000001</v>
      </c>
      <c r="N3659">
        <v>65474.720699999998</v>
      </c>
      <c r="O3659">
        <v>21927.31997</v>
      </c>
      <c r="P3659">
        <v>32394.773209999999</v>
      </c>
      <c r="Q3659">
        <v>64125.517249999997</v>
      </c>
      <c r="R3659">
        <v>17052.110560000001</v>
      </c>
      <c r="S3659">
        <v>86695.964999999997</v>
      </c>
      <c r="T3659">
        <v>26115.052220000001</v>
      </c>
      <c r="U3659">
        <v>12281.572410000001</v>
      </c>
      <c r="W3659" s="83">
        <f>Bühler!N3691</f>
        <v>45444.374999991131</v>
      </c>
      <c r="X3659" s="83">
        <v>43253.375</v>
      </c>
      <c r="Y3659">
        <v>184749.97519999999</v>
      </c>
      <c r="Z3659">
        <v>23296.315439999998</v>
      </c>
      <c r="AA3659">
        <v>89511.380120000002</v>
      </c>
      <c r="AB3659">
        <v>33435.795850000002</v>
      </c>
      <c r="AC3659">
        <v>34719.086020000002</v>
      </c>
      <c r="AD3659">
        <v>25983.457760000001</v>
      </c>
      <c r="AE3659">
        <v>43356.403270000003</v>
      </c>
      <c r="AF3659">
        <v>46176.915410000001</v>
      </c>
      <c r="AG3659">
        <v>24664.72825</v>
      </c>
      <c r="AH3659">
        <v>247850.08530000001</v>
      </c>
      <c r="AI3659">
        <v>65474.720699999998</v>
      </c>
      <c r="AJ3659">
        <v>21927.31997</v>
      </c>
      <c r="AK3659">
        <v>32394.773209999999</v>
      </c>
      <c r="AL3659">
        <v>64125.517249999997</v>
      </c>
      <c r="AM3659">
        <v>17052.110560000001</v>
      </c>
      <c r="AN3659">
        <v>86695.964999999997</v>
      </c>
      <c r="AO3659">
        <v>26115.052220000001</v>
      </c>
      <c r="AP3659">
        <v>12281.572410000001</v>
      </c>
    </row>
    <row r="3660" spans="2:42" x14ac:dyDescent="0.3">
      <c r="B3660">
        <v>48.63990095595689</v>
      </c>
      <c r="C3660" s="83">
        <v>43253.416666666664</v>
      </c>
      <c r="D3660">
        <v>183565.7102</v>
      </c>
      <c r="E3660">
        <v>25069.63435</v>
      </c>
      <c r="F3660">
        <v>90751.929229999994</v>
      </c>
      <c r="G3660">
        <v>34016.521849999997</v>
      </c>
      <c r="H3660">
        <v>35336.675009999999</v>
      </c>
      <c r="I3660">
        <v>26022.126179999999</v>
      </c>
      <c r="J3660">
        <v>42665.654860000002</v>
      </c>
      <c r="K3660">
        <v>48410.903879999998</v>
      </c>
      <c r="L3660">
        <v>28242.236819999998</v>
      </c>
      <c r="M3660">
        <v>247988.89790000001</v>
      </c>
      <c r="N3660">
        <v>66843.603879999995</v>
      </c>
      <c r="O3660">
        <v>21093.76801</v>
      </c>
      <c r="P3660">
        <v>33824.404840000003</v>
      </c>
      <c r="Q3660">
        <v>63894.839010000003</v>
      </c>
      <c r="R3660">
        <v>17664.97712</v>
      </c>
      <c r="S3660">
        <v>86978.551489999998</v>
      </c>
      <c r="T3660">
        <v>29059.264299999999</v>
      </c>
      <c r="U3660">
        <v>12355.93374</v>
      </c>
      <c r="W3660" s="83">
        <f>Bühler!N3692</f>
        <v>45444.416666657795</v>
      </c>
      <c r="X3660" s="83">
        <v>43253.416666666664</v>
      </c>
      <c r="Y3660">
        <v>183565.7102</v>
      </c>
      <c r="Z3660">
        <v>25069.63435</v>
      </c>
      <c r="AA3660">
        <v>90751.929229999994</v>
      </c>
      <c r="AB3660">
        <v>34016.521849999997</v>
      </c>
      <c r="AC3660">
        <v>35336.675009999999</v>
      </c>
      <c r="AD3660">
        <v>26022.126179999999</v>
      </c>
      <c r="AE3660">
        <v>42665.654860000002</v>
      </c>
      <c r="AF3660">
        <v>48410.903879999998</v>
      </c>
      <c r="AG3660">
        <v>28242.236819999998</v>
      </c>
      <c r="AH3660">
        <v>247988.89790000001</v>
      </c>
      <c r="AI3660">
        <v>66843.603879999995</v>
      </c>
      <c r="AJ3660">
        <v>21093.76801</v>
      </c>
      <c r="AK3660">
        <v>33824.404840000003</v>
      </c>
      <c r="AL3660">
        <v>63894.839010000003</v>
      </c>
      <c r="AM3660">
        <v>17664.97712</v>
      </c>
      <c r="AN3660">
        <v>86978.551489999998</v>
      </c>
      <c r="AO3660">
        <v>29059.264299999999</v>
      </c>
      <c r="AP3660">
        <v>12355.93374</v>
      </c>
    </row>
    <row r="3661" spans="2:42" x14ac:dyDescent="0.3">
      <c r="B3661">
        <v>48.098657312296474</v>
      </c>
      <c r="C3661" s="83">
        <v>43253.458333333336</v>
      </c>
      <c r="D3661">
        <v>180332.4031</v>
      </c>
      <c r="E3661">
        <v>25134.835429999999</v>
      </c>
      <c r="F3661">
        <v>91079.492140000002</v>
      </c>
      <c r="G3661">
        <v>34556.201939999999</v>
      </c>
      <c r="H3661">
        <v>35577.766640000002</v>
      </c>
      <c r="I3661">
        <v>26712.463370000001</v>
      </c>
      <c r="J3661">
        <v>42136.357049999999</v>
      </c>
      <c r="K3661">
        <v>48895.437109999999</v>
      </c>
      <c r="L3661">
        <v>29442.852569999999</v>
      </c>
      <c r="M3661">
        <v>245229.3854</v>
      </c>
      <c r="N3661">
        <v>66282.822899999999</v>
      </c>
      <c r="O3661">
        <v>19873.81582</v>
      </c>
      <c r="P3661">
        <v>33361.088380000001</v>
      </c>
      <c r="Q3661">
        <v>63953.722370000003</v>
      </c>
      <c r="R3661">
        <v>20248.576580000001</v>
      </c>
      <c r="S3661">
        <v>89924.739000000001</v>
      </c>
      <c r="T3661">
        <v>29731.458129999999</v>
      </c>
      <c r="U3661">
        <v>12269.748740000001</v>
      </c>
      <c r="W3661" s="83">
        <f>Bühler!N3693</f>
        <v>45444.458333324459</v>
      </c>
      <c r="X3661" s="83">
        <v>43253.458333333336</v>
      </c>
      <c r="Y3661">
        <v>180332.4031</v>
      </c>
      <c r="Z3661">
        <v>25134.835429999999</v>
      </c>
      <c r="AA3661">
        <v>91079.492140000002</v>
      </c>
      <c r="AB3661">
        <v>34556.201939999999</v>
      </c>
      <c r="AC3661">
        <v>35577.766640000002</v>
      </c>
      <c r="AD3661">
        <v>26712.463370000001</v>
      </c>
      <c r="AE3661">
        <v>42136.357049999999</v>
      </c>
      <c r="AF3661">
        <v>48895.437109999999</v>
      </c>
      <c r="AG3661">
        <v>29442.852569999999</v>
      </c>
      <c r="AH3661">
        <v>245229.3854</v>
      </c>
      <c r="AI3661">
        <v>66282.822899999999</v>
      </c>
      <c r="AJ3661">
        <v>19873.81582</v>
      </c>
      <c r="AK3661">
        <v>33361.088380000001</v>
      </c>
      <c r="AL3661">
        <v>63953.722370000003</v>
      </c>
      <c r="AM3661">
        <v>20248.576580000001</v>
      </c>
      <c r="AN3661">
        <v>89924.739000000001</v>
      </c>
      <c r="AO3661">
        <v>29731.458129999999</v>
      </c>
      <c r="AP3661">
        <v>12269.748740000001</v>
      </c>
    </row>
    <row r="3662" spans="2:42" x14ac:dyDescent="0.3">
      <c r="B3662">
        <v>46.582511145675902</v>
      </c>
      <c r="C3662" s="83">
        <v>43253.5</v>
      </c>
      <c r="D3662">
        <v>173093.17060000001</v>
      </c>
      <c r="E3662">
        <v>23588.9476</v>
      </c>
      <c r="F3662">
        <v>90983.574219999995</v>
      </c>
      <c r="G3662">
        <v>34035.973480000001</v>
      </c>
      <c r="H3662">
        <v>35108.136680000003</v>
      </c>
      <c r="I3662">
        <v>26567.55169</v>
      </c>
      <c r="J3662">
        <v>42532.902580000002</v>
      </c>
      <c r="K3662">
        <v>48292.814830000003</v>
      </c>
      <c r="L3662">
        <v>31746.2703</v>
      </c>
      <c r="M3662">
        <v>237499.3652</v>
      </c>
      <c r="N3662">
        <v>64915.445269999997</v>
      </c>
      <c r="O3662">
        <v>19627.87932</v>
      </c>
      <c r="P3662">
        <v>33279.098259999999</v>
      </c>
      <c r="Q3662">
        <v>61326.133500000004</v>
      </c>
      <c r="R3662">
        <v>18968.267479999999</v>
      </c>
      <c r="S3662">
        <v>85142.044689999995</v>
      </c>
      <c r="T3662">
        <v>28583.23344</v>
      </c>
      <c r="U3662">
        <v>11733.473679999999</v>
      </c>
      <c r="W3662" s="83">
        <f>Bühler!N3694</f>
        <v>45444.499999991123</v>
      </c>
      <c r="X3662" s="83">
        <v>43253.5</v>
      </c>
      <c r="Y3662">
        <v>173093.17060000001</v>
      </c>
      <c r="Z3662">
        <v>23588.9476</v>
      </c>
      <c r="AA3662">
        <v>90983.574219999995</v>
      </c>
      <c r="AB3662">
        <v>34035.973480000001</v>
      </c>
      <c r="AC3662">
        <v>35108.136680000003</v>
      </c>
      <c r="AD3662">
        <v>26567.55169</v>
      </c>
      <c r="AE3662">
        <v>42532.902580000002</v>
      </c>
      <c r="AF3662">
        <v>48292.814830000003</v>
      </c>
      <c r="AG3662">
        <v>31746.2703</v>
      </c>
      <c r="AH3662">
        <v>237499.3652</v>
      </c>
      <c r="AI3662">
        <v>64915.445269999997</v>
      </c>
      <c r="AJ3662">
        <v>19627.87932</v>
      </c>
      <c r="AK3662">
        <v>33279.098259999999</v>
      </c>
      <c r="AL3662">
        <v>61326.133500000004</v>
      </c>
      <c r="AM3662">
        <v>18968.267479999999</v>
      </c>
      <c r="AN3662">
        <v>85142.044689999995</v>
      </c>
      <c r="AO3662">
        <v>28583.23344</v>
      </c>
      <c r="AP3662">
        <v>11733.473679999999</v>
      </c>
    </row>
    <row r="3663" spans="2:42" x14ac:dyDescent="0.3">
      <c r="B3663">
        <v>45.788504648724661</v>
      </c>
      <c r="C3663" s="83">
        <v>43253.541666666664</v>
      </c>
      <c r="D3663">
        <v>169695.8928</v>
      </c>
      <c r="E3663">
        <v>23211.418809999999</v>
      </c>
      <c r="F3663">
        <v>89640.375950000001</v>
      </c>
      <c r="G3663">
        <v>33572.962939999998</v>
      </c>
      <c r="H3663">
        <v>34544.263189999998</v>
      </c>
      <c r="I3663">
        <v>26781.163329999999</v>
      </c>
      <c r="J3663">
        <v>41703.518929999998</v>
      </c>
      <c r="K3663">
        <v>47917.448279999997</v>
      </c>
      <c r="L3663">
        <v>31523.02002</v>
      </c>
      <c r="M3663">
        <v>233451.14980000001</v>
      </c>
      <c r="N3663">
        <v>64889.490210000004</v>
      </c>
      <c r="O3663">
        <v>19618.164870000001</v>
      </c>
      <c r="P3663">
        <v>32470.390640000001</v>
      </c>
      <c r="Q3663">
        <v>58820.485930000003</v>
      </c>
      <c r="R3663">
        <v>19012.552729999999</v>
      </c>
      <c r="S3663">
        <v>85766.532210000005</v>
      </c>
      <c r="T3663">
        <v>28580.250120000001</v>
      </c>
      <c r="U3663">
        <v>11633.01676</v>
      </c>
      <c r="W3663" s="83">
        <f>Bühler!N3695</f>
        <v>45444.541666657788</v>
      </c>
      <c r="X3663" s="83">
        <v>43253.541666666664</v>
      </c>
      <c r="Y3663">
        <v>169695.8928</v>
      </c>
      <c r="Z3663">
        <v>23211.418809999999</v>
      </c>
      <c r="AA3663">
        <v>89640.375950000001</v>
      </c>
      <c r="AB3663">
        <v>33572.962939999998</v>
      </c>
      <c r="AC3663">
        <v>34544.263189999998</v>
      </c>
      <c r="AD3663">
        <v>26781.163329999999</v>
      </c>
      <c r="AE3663">
        <v>41703.518929999998</v>
      </c>
      <c r="AF3663">
        <v>47917.448279999997</v>
      </c>
      <c r="AG3663">
        <v>31523.02002</v>
      </c>
      <c r="AH3663">
        <v>233451.14980000001</v>
      </c>
      <c r="AI3663">
        <v>64889.490210000004</v>
      </c>
      <c r="AJ3663">
        <v>19618.164870000001</v>
      </c>
      <c r="AK3663">
        <v>32470.390640000001</v>
      </c>
      <c r="AL3663">
        <v>58820.485930000003</v>
      </c>
      <c r="AM3663">
        <v>19012.552729999999</v>
      </c>
      <c r="AN3663">
        <v>85766.532210000005</v>
      </c>
      <c r="AO3663">
        <v>28580.250120000001</v>
      </c>
      <c r="AP3663">
        <v>11633.01676</v>
      </c>
    </row>
    <row r="3664" spans="2:42" x14ac:dyDescent="0.3">
      <c r="B3664">
        <v>45.270817618356297</v>
      </c>
      <c r="C3664" s="83">
        <v>43253.583333333336</v>
      </c>
      <c r="D3664">
        <v>168558.6225</v>
      </c>
      <c r="E3664">
        <v>24069.453399999999</v>
      </c>
      <c r="F3664">
        <v>89967.333979999996</v>
      </c>
      <c r="G3664">
        <v>33030.276250000003</v>
      </c>
      <c r="H3664">
        <v>34408.77478</v>
      </c>
      <c r="I3664">
        <v>27041.98345</v>
      </c>
      <c r="J3664">
        <v>40576.222860000002</v>
      </c>
      <c r="K3664">
        <v>47371.06914</v>
      </c>
      <c r="L3664">
        <v>29790.50592</v>
      </c>
      <c r="M3664">
        <v>230811.73989999999</v>
      </c>
      <c r="N3664">
        <v>64361.865420000002</v>
      </c>
      <c r="O3664">
        <v>19359.03356</v>
      </c>
      <c r="P3664">
        <v>30111.395690000001</v>
      </c>
      <c r="Q3664">
        <v>58054.363120000002</v>
      </c>
      <c r="R3664">
        <v>19741.625899999999</v>
      </c>
      <c r="S3664">
        <v>83024.095669999995</v>
      </c>
      <c r="T3664">
        <v>29236.809710000001</v>
      </c>
      <c r="U3664">
        <v>11460.514300000001</v>
      </c>
      <c r="W3664" s="83">
        <f>Bühler!N3696</f>
        <v>45444.583333324452</v>
      </c>
      <c r="X3664" s="83">
        <v>43253.583333333336</v>
      </c>
      <c r="Y3664">
        <v>168558.6225</v>
      </c>
      <c r="Z3664">
        <v>24069.453399999999</v>
      </c>
      <c r="AA3664">
        <v>89967.333979999996</v>
      </c>
      <c r="AB3664">
        <v>33030.276250000003</v>
      </c>
      <c r="AC3664">
        <v>34408.77478</v>
      </c>
      <c r="AD3664">
        <v>27041.98345</v>
      </c>
      <c r="AE3664">
        <v>40576.222860000002</v>
      </c>
      <c r="AF3664">
        <v>47371.06914</v>
      </c>
      <c r="AG3664">
        <v>29790.50592</v>
      </c>
      <c r="AH3664">
        <v>230811.73989999999</v>
      </c>
      <c r="AI3664">
        <v>64361.865420000002</v>
      </c>
      <c r="AJ3664">
        <v>19359.03356</v>
      </c>
      <c r="AK3664">
        <v>30111.395690000001</v>
      </c>
      <c r="AL3664">
        <v>58054.363120000002</v>
      </c>
      <c r="AM3664">
        <v>19741.625899999999</v>
      </c>
      <c r="AN3664">
        <v>83024.095669999995</v>
      </c>
      <c r="AO3664">
        <v>29236.809710000001</v>
      </c>
      <c r="AP3664">
        <v>11460.514300000001</v>
      </c>
    </row>
    <row r="3665" spans="2:42" x14ac:dyDescent="0.3">
      <c r="B3665">
        <v>45.501642384289468</v>
      </c>
      <c r="C3665" s="83">
        <v>43253.625</v>
      </c>
      <c r="D3665">
        <v>167679.3805</v>
      </c>
      <c r="E3665">
        <v>24062.84863</v>
      </c>
      <c r="F3665">
        <v>90004.604789999998</v>
      </c>
      <c r="G3665">
        <v>33270.720260000002</v>
      </c>
      <c r="H3665">
        <v>34406.133860000002</v>
      </c>
      <c r="I3665">
        <v>27379.992709999999</v>
      </c>
      <c r="J3665">
        <v>40290.151400000002</v>
      </c>
      <c r="K3665">
        <v>46509.326930000003</v>
      </c>
      <c r="L3665">
        <v>26959.573980000001</v>
      </c>
      <c r="M3665">
        <v>231988.59220000001</v>
      </c>
      <c r="N3665">
        <v>64568.598160000001</v>
      </c>
      <c r="O3665">
        <v>19343.243429999999</v>
      </c>
      <c r="P3665">
        <v>28203.080730000001</v>
      </c>
      <c r="Q3665">
        <v>57051.898110000002</v>
      </c>
      <c r="R3665">
        <v>19375.599819999999</v>
      </c>
      <c r="S3665">
        <v>82909.659050000002</v>
      </c>
      <c r="T3665">
        <v>29479.036810000001</v>
      </c>
      <c r="U3665">
        <v>11463.97688</v>
      </c>
      <c r="W3665" s="83">
        <f>Bühler!N3697</f>
        <v>45444.624999991116</v>
      </c>
      <c r="X3665" s="83">
        <v>43253.625</v>
      </c>
      <c r="Y3665">
        <v>167679.3805</v>
      </c>
      <c r="Z3665">
        <v>24062.84863</v>
      </c>
      <c r="AA3665">
        <v>90004.604789999998</v>
      </c>
      <c r="AB3665">
        <v>33270.720260000002</v>
      </c>
      <c r="AC3665">
        <v>34406.133860000002</v>
      </c>
      <c r="AD3665">
        <v>27379.992709999999</v>
      </c>
      <c r="AE3665">
        <v>40290.151400000002</v>
      </c>
      <c r="AF3665">
        <v>46509.326930000003</v>
      </c>
      <c r="AG3665">
        <v>26959.573980000001</v>
      </c>
      <c r="AH3665">
        <v>231988.59220000001</v>
      </c>
      <c r="AI3665">
        <v>64568.598160000001</v>
      </c>
      <c r="AJ3665">
        <v>19343.243429999999</v>
      </c>
      <c r="AK3665">
        <v>28203.080730000001</v>
      </c>
      <c r="AL3665">
        <v>57051.898110000002</v>
      </c>
      <c r="AM3665">
        <v>19375.599819999999</v>
      </c>
      <c r="AN3665">
        <v>82909.659050000002</v>
      </c>
      <c r="AO3665">
        <v>29479.036810000001</v>
      </c>
      <c r="AP3665">
        <v>11463.97688</v>
      </c>
    </row>
    <row r="3666" spans="2:42" x14ac:dyDescent="0.3">
      <c r="B3666">
        <v>44.843275931543104</v>
      </c>
      <c r="C3666" s="83">
        <v>43253.666666666664</v>
      </c>
      <c r="D3666">
        <v>165416.79610000001</v>
      </c>
      <c r="E3666">
        <v>23965.202600000001</v>
      </c>
      <c r="F3666">
        <v>89344.501130000004</v>
      </c>
      <c r="G3666">
        <v>33111.31798</v>
      </c>
      <c r="H3666">
        <v>34201.464599999999</v>
      </c>
      <c r="I3666">
        <v>27402.825430000001</v>
      </c>
      <c r="J3666">
        <v>39937.98098</v>
      </c>
      <c r="K3666">
        <v>45690.200770000003</v>
      </c>
      <c r="L3666">
        <v>26830.612529999999</v>
      </c>
      <c r="M3666">
        <v>228631.93299999999</v>
      </c>
      <c r="N3666">
        <v>65281.82116</v>
      </c>
      <c r="O3666">
        <v>18349.44126</v>
      </c>
      <c r="P3666">
        <v>27296.98647</v>
      </c>
      <c r="Q3666">
        <v>56943.102330000002</v>
      </c>
      <c r="R3666">
        <v>18986.809949999999</v>
      </c>
      <c r="S3666">
        <v>82751.029370000004</v>
      </c>
      <c r="T3666">
        <v>29123.748240000001</v>
      </c>
      <c r="U3666">
        <v>11349.707179999999</v>
      </c>
      <c r="W3666" s="83">
        <f>Bühler!N3698</f>
        <v>45444.66666665778</v>
      </c>
      <c r="X3666" s="83">
        <v>43253.666666666664</v>
      </c>
      <c r="Y3666">
        <v>165416.79610000001</v>
      </c>
      <c r="Z3666">
        <v>23965.202600000001</v>
      </c>
      <c r="AA3666">
        <v>89344.501130000004</v>
      </c>
      <c r="AB3666">
        <v>33111.31798</v>
      </c>
      <c r="AC3666">
        <v>34201.464599999999</v>
      </c>
      <c r="AD3666">
        <v>27402.825430000001</v>
      </c>
      <c r="AE3666">
        <v>39937.98098</v>
      </c>
      <c r="AF3666">
        <v>45690.200770000003</v>
      </c>
      <c r="AG3666">
        <v>26830.612529999999</v>
      </c>
      <c r="AH3666">
        <v>228631.93299999999</v>
      </c>
      <c r="AI3666">
        <v>65281.82116</v>
      </c>
      <c r="AJ3666">
        <v>18349.44126</v>
      </c>
      <c r="AK3666">
        <v>27296.98647</v>
      </c>
      <c r="AL3666">
        <v>56943.102330000002</v>
      </c>
      <c r="AM3666">
        <v>18986.809949999999</v>
      </c>
      <c r="AN3666">
        <v>82751.029370000004</v>
      </c>
      <c r="AO3666">
        <v>29123.748240000001</v>
      </c>
      <c r="AP3666">
        <v>11349.707179999999</v>
      </c>
    </row>
    <row r="3667" spans="2:42" x14ac:dyDescent="0.3">
      <c r="B3667">
        <v>43.96529712384482</v>
      </c>
      <c r="C3667" s="83">
        <v>43253.708333333336</v>
      </c>
      <c r="D3667">
        <v>163925.40169999999</v>
      </c>
      <c r="E3667">
        <v>23636.935359999999</v>
      </c>
      <c r="F3667">
        <v>89034.309479999996</v>
      </c>
      <c r="G3667">
        <v>32763.146189999999</v>
      </c>
      <c r="H3667">
        <v>33513.564050000001</v>
      </c>
      <c r="I3667">
        <v>27840.960719999999</v>
      </c>
      <c r="J3667">
        <v>41054.682059999999</v>
      </c>
      <c r="K3667">
        <v>45193.78832</v>
      </c>
      <c r="L3667">
        <v>27162.659629999998</v>
      </c>
      <c r="M3667">
        <v>224155.5876</v>
      </c>
      <c r="N3667">
        <v>65041.09158</v>
      </c>
      <c r="O3667">
        <v>17353.033299999999</v>
      </c>
      <c r="P3667">
        <v>29227.232970000001</v>
      </c>
      <c r="Q3667">
        <v>55181.735180000003</v>
      </c>
      <c r="R3667">
        <v>21053.831610000001</v>
      </c>
      <c r="S3667">
        <v>84238.922630000001</v>
      </c>
      <c r="T3667">
        <v>28359.659670000001</v>
      </c>
      <c r="U3667">
        <v>11470.717479999999</v>
      </c>
      <c r="W3667" s="83">
        <f>Bühler!N3699</f>
        <v>45444.708333324445</v>
      </c>
      <c r="X3667" s="83">
        <v>43253.708333333336</v>
      </c>
      <c r="Y3667">
        <v>163925.40169999999</v>
      </c>
      <c r="Z3667">
        <v>23636.935359999999</v>
      </c>
      <c r="AA3667">
        <v>89034.309479999996</v>
      </c>
      <c r="AB3667">
        <v>32763.146189999999</v>
      </c>
      <c r="AC3667">
        <v>33513.564050000001</v>
      </c>
      <c r="AD3667">
        <v>27840.960719999999</v>
      </c>
      <c r="AE3667">
        <v>41054.682059999999</v>
      </c>
      <c r="AF3667">
        <v>45193.78832</v>
      </c>
      <c r="AG3667">
        <v>27162.659629999998</v>
      </c>
      <c r="AH3667">
        <v>224155.5876</v>
      </c>
      <c r="AI3667">
        <v>65041.09158</v>
      </c>
      <c r="AJ3667">
        <v>17353.033299999999</v>
      </c>
      <c r="AK3667">
        <v>29227.232970000001</v>
      </c>
      <c r="AL3667">
        <v>55181.735180000003</v>
      </c>
      <c r="AM3667">
        <v>21053.831610000001</v>
      </c>
      <c r="AN3667">
        <v>84238.922630000001</v>
      </c>
      <c r="AO3667">
        <v>28359.659670000001</v>
      </c>
      <c r="AP3667">
        <v>11470.717479999999</v>
      </c>
    </row>
    <row r="3668" spans="2:42" x14ac:dyDescent="0.3">
      <c r="B3668">
        <v>43.06242418299211</v>
      </c>
      <c r="C3668" s="83">
        <v>43253.75</v>
      </c>
      <c r="D3668">
        <v>162235.78219999999</v>
      </c>
      <c r="E3668">
        <v>22443.872500000001</v>
      </c>
      <c r="F3668">
        <v>86992.2114</v>
      </c>
      <c r="G3668">
        <v>32452.56393</v>
      </c>
      <c r="H3668">
        <v>33723.806120000001</v>
      </c>
      <c r="I3668">
        <v>27408.956320000001</v>
      </c>
      <c r="J3668">
        <v>40799.538890000003</v>
      </c>
      <c r="K3668">
        <v>44475.105210000002</v>
      </c>
      <c r="L3668">
        <v>27892.820660000001</v>
      </c>
      <c r="M3668">
        <v>219552.32029999999</v>
      </c>
      <c r="N3668">
        <v>65191.467929999999</v>
      </c>
      <c r="O3668">
        <v>17737.375680000001</v>
      </c>
      <c r="P3668">
        <v>32170.15582</v>
      </c>
      <c r="Q3668">
        <v>54004.39529</v>
      </c>
      <c r="R3668">
        <v>19576.742920000001</v>
      </c>
      <c r="S3668">
        <v>82519.837929999994</v>
      </c>
      <c r="T3668">
        <v>27868.183440000001</v>
      </c>
      <c r="U3668">
        <v>11267.91653</v>
      </c>
      <c r="W3668" s="83">
        <f>Bühler!N3700</f>
        <v>45444.749999991109</v>
      </c>
      <c r="X3668" s="83">
        <v>43253.75</v>
      </c>
      <c r="Y3668">
        <v>162235.78219999999</v>
      </c>
      <c r="Z3668">
        <v>22443.872500000001</v>
      </c>
      <c r="AA3668">
        <v>86992.2114</v>
      </c>
      <c r="AB3668">
        <v>32452.56393</v>
      </c>
      <c r="AC3668">
        <v>33723.806120000001</v>
      </c>
      <c r="AD3668">
        <v>27408.956320000001</v>
      </c>
      <c r="AE3668">
        <v>40799.538890000003</v>
      </c>
      <c r="AF3668">
        <v>44475.105210000002</v>
      </c>
      <c r="AG3668">
        <v>27892.820660000001</v>
      </c>
      <c r="AH3668">
        <v>219552.32029999999</v>
      </c>
      <c r="AI3668">
        <v>65191.467929999999</v>
      </c>
      <c r="AJ3668">
        <v>17737.375680000001</v>
      </c>
      <c r="AK3668">
        <v>32170.15582</v>
      </c>
      <c r="AL3668">
        <v>54004.39529</v>
      </c>
      <c r="AM3668">
        <v>19576.742920000001</v>
      </c>
      <c r="AN3668">
        <v>82519.837929999994</v>
      </c>
      <c r="AO3668">
        <v>27868.183440000001</v>
      </c>
      <c r="AP3668">
        <v>11267.91653</v>
      </c>
    </row>
    <row r="3669" spans="2:42" x14ac:dyDescent="0.3">
      <c r="B3669">
        <v>42.63679877832039</v>
      </c>
      <c r="C3669" s="83">
        <v>43253.791666666664</v>
      </c>
      <c r="D3669">
        <v>161271.52249999999</v>
      </c>
      <c r="E3669">
        <v>18725.45478</v>
      </c>
      <c r="F3669">
        <v>76388.679780000006</v>
      </c>
      <c r="G3669">
        <v>31931.290430000001</v>
      </c>
      <c r="H3669">
        <v>33155.642749999999</v>
      </c>
      <c r="I3669">
        <v>26215.425070000001</v>
      </c>
      <c r="J3669">
        <v>39861.243560000003</v>
      </c>
      <c r="K3669">
        <v>45540.9421</v>
      </c>
      <c r="L3669">
        <v>29039.242320000001</v>
      </c>
      <c r="M3669">
        <v>217382.28349999999</v>
      </c>
      <c r="N3669">
        <v>65194.004529999998</v>
      </c>
      <c r="O3669">
        <v>17530.059840000002</v>
      </c>
      <c r="P3669">
        <v>33537.924870000003</v>
      </c>
      <c r="Q3669">
        <v>51612.229630000002</v>
      </c>
      <c r="R3669">
        <v>18573.13838</v>
      </c>
      <c r="S3669">
        <v>80920.927179999999</v>
      </c>
      <c r="T3669">
        <v>26570.197260000001</v>
      </c>
      <c r="U3669">
        <v>11393.529210000001</v>
      </c>
      <c r="W3669" s="83">
        <f>Bühler!N3701</f>
        <v>45444.791666657773</v>
      </c>
      <c r="X3669" s="83">
        <v>43253.791666666664</v>
      </c>
      <c r="Y3669">
        <v>161271.52249999999</v>
      </c>
      <c r="Z3669">
        <v>18725.45478</v>
      </c>
      <c r="AA3669">
        <v>76388.679780000006</v>
      </c>
      <c r="AB3669">
        <v>31931.290430000001</v>
      </c>
      <c r="AC3669">
        <v>33155.642749999999</v>
      </c>
      <c r="AD3669">
        <v>26215.425070000001</v>
      </c>
      <c r="AE3669">
        <v>39861.243560000003</v>
      </c>
      <c r="AF3669">
        <v>45540.9421</v>
      </c>
      <c r="AG3669">
        <v>29039.242320000001</v>
      </c>
      <c r="AH3669">
        <v>217382.28349999999</v>
      </c>
      <c r="AI3669">
        <v>65194.004529999998</v>
      </c>
      <c r="AJ3669">
        <v>17530.059840000002</v>
      </c>
      <c r="AK3669">
        <v>33537.924870000003</v>
      </c>
      <c r="AL3669">
        <v>51612.229630000002</v>
      </c>
      <c r="AM3669">
        <v>18573.13838</v>
      </c>
      <c r="AN3669">
        <v>80920.927179999999</v>
      </c>
      <c r="AO3669">
        <v>26570.197260000001</v>
      </c>
      <c r="AP3669">
        <v>11393.529210000001</v>
      </c>
    </row>
    <row r="3670" spans="2:42" x14ac:dyDescent="0.3">
      <c r="B3670">
        <v>41.881407089587043</v>
      </c>
      <c r="C3670" s="83">
        <v>43253.833333333336</v>
      </c>
      <c r="D3670">
        <v>159971.8247</v>
      </c>
      <c r="E3670">
        <v>13722.41757</v>
      </c>
      <c r="F3670">
        <v>59211.91648</v>
      </c>
      <c r="G3670">
        <v>31617.747299999999</v>
      </c>
      <c r="H3670">
        <v>31556.928879999999</v>
      </c>
      <c r="I3670">
        <v>23075.08985</v>
      </c>
      <c r="J3670">
        <v>39272.222900000001</v>
      </c>
      <c r="K3670">
        <v>46813.815920000001</v>
      </c>
      <c r="L3670">
        <v>28829.809069999999</v>
      </c>
      <c r="M3670">
        <v>213530.94440000001</v>
      </c>
      <c r="N3670">
        <v>64235.888720000003</v>
      </c>
      <c r="O3670">
        <v>17336.533899999999</v>
      </c>
      <c r="P3670">
        <v>32840.924299999999</v>
      </c>
      <c r="Q3670">
        <v>49581.77317</v>
      </c>
      <c r="R3670">
        <v>17692.809209999999</v>
      </c>
      <c r="S3670">
        <v>76255.296029999998</v>
      </c>
      <c r="T3670">
        <v>24617.295450000001</v>
      </c>
      <c r="U3670">
        <v>11258.28543</v>
      </c>
      <c r="W3670" s="83">
        <f>Bühler!N3702</f>
        <v>45444.833333324437</v>
      </c>
      <c r="X3670" s="83">
        <v>43253.833333333336</v>
      </c>
      <c r="Y3670">
        <v>159971.8247</v>
      </c>
      <c r="Z3670">
        <v>13722.41757</v>
      </c>
      <c r="AA3670">
        <v>59211.91648</v>
      </c>
      <c r="AB3670">
        <v>31617.747299999999</v>
      </c>
      <c r="AC3670">
        <v>31556.928879999999</v>
      </c>
      <c r="AD3670">
        <v>23075.08985</v>
      </c>
      <c r="AE3670">
        <v>39272.222900000001</v>
      </c>
      <c r="AF3670">
        <v>46813.815920000001</v>
      </c>
      <c r="AG3670">
        <v>28829.809069999999</v>
      </c>
      <c r="AH3670">
        <v>213530.94440000001</v>
      </c>
      <c r="AI3670">
        <v>64235.888720000003</v>
      </c>
      <c r="AJ3670">
        <v>17336.533899999999</v>
      </c>
      <c r="AK3670">
        <v>32840.924299999999</v>
      </c>
      <c r="AL3670">
        <v>49581.77317</v>
      </c>
      <c r="AM3670">
        <v>17692.809209999999</v>
      </c>
      <c r="AN3670">
        <v>76255.296029999998</v>
      </c>
      <c r="AO3670">
        <v>24617.295450000001</v>
      </c>
      <c r="AP3670">
        <v>11258.28543</v>
      </c>
    </row>
    <row r="3671" spans="2:42" x14ac:dyDescent="0.3">
      <c r="B3671">
        <v>41.338013779877095</v>
      </c>
      <c r="C3671" s="83">
        <v>43253.875</v>
      </c>
      <c r="D3671">
        <v>158988.45189999999</v>
      </c>
      <c r="E3671">
        <v>12232.45514</v>
      </c>
      <c r="F3671">
        <v>51390.2673</v>
      </c>
      <c r="G3671">
        <v>31269.539069999999</v>
      </c>
      <c r="H3671">
        <v>31474.038629999999</v>
      </c>
      <c r="I3671">
        <v>21011.068169999999</v>
      </c>
      <c r="J3671">
        <v>39519.425629999998</v>
      </c>
      <c r="K3671">
        <v>46233.70448</v>
      </c>
      <c r="L3671">
        <v>27816.627209999999</v>
      </c>
      <c r="M3671">
        <v>210760.4719</v>
      </c>
      <c r="N3671">
        <v>63928.493869999998</v>
      </c>
      <c r="O3671">
        <v>17528.56639</v>
      </c>
      <c r="P3671">
        <v>33252.633269999998</v>
      </c>
      <c r="Q3671">
        <v>48388.968639999999</v>
      </c>
      <c r="R3671">
        <v>18210.10183</v>
      </c>
      <c r="S3671">
        <v>73933.404089999996</v>
      </c>
      <c r="T3671">
        <v>24472.479749999999</v>
      </c>
      <c r="U3671">
        <v>11423.31868</v>
      </c>
      <c r="W3671" s="83">
        <f>Bühler!N3703</f>
        <v>45444.874999991102</v>
      </c>
      <c r="X3671" s="83">
        <v>43253.875</v>
      </c>
      <c r="Y3671">
        <v>158988.45189999999</v>
      </c>
      <c r="Z3671">
        <v>12232.45514</v>
      </c>
      <c r="AA3671">
        <v>51390.2673</v>
      </c>
      <c r="AB3671">
        <v>31269.539069999999</v>
      </c>
      <c r="AC3671">
        <v>31474.038629999999</v>
      </c>
      <c r="AD3671">
        <v>21011.068169999999</v>
      </c>
      <c r="AE3671">
        <v>39519.425629999998</v>
      </c>
      <c r="AF3671">
        <v>46233.70448</v>
      </c>
      <c r="AG3671">
        <v>27816.627209999999</v>
      </c>
      <c r="AH3671">
        <v>210760.4719</v>
      </c>
      <c r="AI3671">
        <v>63928.493869999998</v>
      </c>
      <c r="AJ3671">
        <v>17528.56639</v>
      </c>
      <c r="AK3671">
        <v>33252.633269999998</v>
      </c>
      <c r="AL3671">
        <v>48388.968639999999</v>
      </c>
      <c r="AM3671">
        <v>18210.10183</v>
      </c>
      <c r="AN3671">
        <v>73933.404089999996</v>
      </c>
      <c r="AO3671">
        <v>24472.479749999999</v>
      </c>
      <c r="AP3671">
        <v>11423.31868</v>
      </c>
    </row>
    <row r="3672" spans="2:42" x14ac:dyDescent="0.3">
      <c r="B3672">
        <v>41.339740691346051</v>
      </c>
      <c r="C3672" s="83">
        <v>43253.916666666664</v>
      </c>
      <c r="D3672">
        <v>160196.87330000001</v>
      </c>
      <c r="E3672">
        <v>12036.26204</v>
      </c>
      <c r="F3672">
        <v>49224.2451</v>
      </c>
      <c r="G3672">
        <v>31675.913909999999</v>
      </c>
      <c r="H3672">
        <v>33546.785490000002</v>
      </c>
      <c r="I3672">
        <v>20484.405920000001</v>
      </c>
      <c r="J3672">
        <v>40083.439729999998</v>
      </c>
      <c r="K3672">
        <v>50645.359620000003</v>
      </c>
      <c r="L3672">
        <v>26325.803260000001</v>
      </c>
      <c r="M3672">
        <v>210769.27650000001</v>
      </c>
      <c r="N3672">
        <v>64215.985359999999</v>
      </c>
      <c r="O3672">
        <v>17704.056479999999</v>
      </c>
      <c r="P3672">
        <v>36747.461539999997</v>
      </c>
      <c r="Q3672">
        <v>48579.151599999997</v>
      </c>
      <c r="R3672">
        <v>19850.648529999999</v>
      </c>
      <c r="S3672">
        <v>74449.3459</v>
      </c>
      <c r="T3672">
        <v>23519.567930000001</v>
      </c>
      <c r="U3672">
        <v>12489.78183</v>
      </c>
      <c r="W3672" s="83">
        <f>Bühler!N3704</f>
        <v>45444.916666657766</v>
      </c>
      <c r="X3672" s="83">
        <v>43253.916666666664</v>
      </c>
      <c r="Y3672">
        <v>160196.87330000001</v>
      </c>
      <c r="Z3672">
        <v>12036.26204</v>
      </c>
      <c r="AA3672">
        <v>49224.2451</v>
      </c>
      <c r="AB3672">
        <v>31675.913909999999</v>
      </c>
      <c r="AC3672">
        <v>33546.785490000002</v>
      </c>
      <c r="AD3672">
        <v>20484.405920000001</v>
      </c>
      <c r="AE3672">
        <v>40083.439729999998</v>
      </c>
      <c r="AF3672">
        <v>50645.359620000003</v>
      </c>
      <c r="AG3672">
        <v>26325.803260000001</v>
      </c>
      <c r="AH3672">
        <v>210769.27650000001</v>
      </c>
      <c r="AI3672">
        <v>64215.985359999999</v>
      </c>
      <c r="AJ3672">
        <v>17704.056479999999</v>
      </c>
      <c r="AK3672">
        <v>36747.461539999997</v>
      </c>
      <c r="AL3672">
        <v>48579.151599999997</v>
      </c>
      <c r="AM3672">
        <v>19850.648529999999</v>
      </c>
      <c r="AN3672">
        <v>74449.3459</v>
      </c>
      <c r="AO3672">
        <v>23519.567930000001</v>
      </c>
      <c r="AP3672">
        <v>12489.78183</v>
      </c>
    </row>
    <row r="3673" spans="2:42" x14ac:dyDescent="0.3">
      <c r="B3673">
        <v>41.258433436929423</v>
      </c>
      <c r="C3673" s="83">
        <v>43253.958333333336</v>
      </c>
      <c r="D3673">
        <v>159951.59030000001</v>
      </c>
      <c r="E3673">
        <v>11479.442440000001</v>
      </c>
      <c r="F3673">
        <v>47423.586470000002</v>
      </c>
      <c r="G3673">
        <v>31282.732759999999</v>
      </c>
      <c r="H3673">
        <v>33131.558669999999</v>
      </c>
      <c r="I3673">
        <v>20321.697749999999</v>
      </c>
      <c r="J3673">
        <v>37168.678650000002</v>
      </c>
      <c r="K3673">
        <v>49453.17596</v>
      </c>
      <c r="L3673">
        <v>22212.180810000002</v>
      </c>
      <c r="M3673">
        <v>210354.73420000001</v>
      </c>
      <c r="N3673">
        <v>63263.260690000003</v>
      </c>
      <c r="O3673">
        <v>17478.53069</v>
      </c>
      <c r="P3673">
        <v>32967.226300000002</v>
      </c>
      <c r="Q3673">
        <v>49125.054369999998</v>
      </c>
      <c r="R3673">
        <v>20491.218819999998</v>
      </c>
      <c r="S3673">
        <v>72939.5959</v>
      </c>
      <c r="T3673">
        <v>22192.976879999998</v>
      </c>
      <c r="U3673">
        <v>12062.582549999999</v>
      </c>
      <c r="W3673" s="83">
        <f>Bühler!N3705</f>
        <v>45444.95833332443</v>
      </c>
      <c r="X3673" s="83">
        <v>43253.958333333336</v>
      </c>
      <c r="Y3673">
        <v>159951.59030000001</v>
      </c>
      <c r="Z3673">
        <v>11479.442440000001</v>
      </c>
      <c r="AA3673">
        <v>47423.586470000002</v>
      </c>
      <c r="AB3673">
        <v>31282.732759999999</v>
      </c>
      <c r="AC3673">
        <v>33131.558669999999</v>
      </c>
      <c r="AD3673">
        <v>20321.697749999999</v>
      </c>
      <c r="AE3673">
        <v>37168.678650000002</v>
      </c>
      <c r="AF3673">
        <v>49453.17596</v>
      </c>
      <c r="AG3673">
        <v>22212.180810000002</v>
      </c>
      <c r="AH3673">
        <v>210354.73420000001</v>
      </c>
      <c r="AI3673">
        <v>63263.260690000003</v>
      </c>
      <c r="AJ3673">
        <v>17478.53069</v>
      </c>
      <c r="AK3673">
        <v>32967.226300000002</v>
      </c>
      <c r="AL3673">
        <v>49125.054369999998</v>
      </c>
      <c r="AM3673">
        <v>20491.218819999998</v>
      </c>
      <c r="AN3673">
        <v>72939.5959</v>
      </c>
      <c r="AO3673">
        <v>22192.976879999998</v>
      </c>
      <c r="AP3673">
        <v>12062.582549999999</v>
      </c>
    </row>
    <row r="3674" spans="2:42" x14ac:dyDescent="0.3">
      <c r="B3674">
        <v>41.017532895938714</v>
      </c>
      <c r="C3674" s="83">
        <v>43254</v>
      </c>
      <c r="D3674">
        <v>159829.8591</v>
      </c>
      <c r="E3674">
        <v>11220.019389999999</v>
      </c>
      <c r="F3674">
        <v>46070.375169999999</v>
      </c>
      <c r="G3674">
        <v>31892.59706</v>
      </c>
      <c r="H3674">
        <v>32489.74914</v>
      </c>
      <c r="I3674">
        <v>18290.901000000002</v>
      </c>
      <c r="J3674">
        <v>34414.825579999997</v>
      </c>
      <c r="K3674">
        <v>47405.40036</v>
      </c>
      <c r="L3674">
        <v>18088.56378</v>
      </c>
      <c r="M3674">
        <v>209126.51089999999</v>
      </c>
      <c r="N3674">
        <v>62201.157249999997</v>
      </c>
      <c r="O3674">
        <v>18327.3495</v>
      </c>
      <c r="P3674">
        <v>28261.138989999999</v>
      </c>
      <c r="Q3674">
        <v>50022.007279999998</v>
      </c>
      <c r="R3674">
        <v>16269.953299999999</v>
      </c>
      <c r="S3674">
        <v>71608.619380000004</v>
      </c>
      <c r="T3674">
        <v>20226.618600000002</v>
      </c>
      <c r="U3674">
        <v>11363.489949999999</v>
      </c>
      <c r="W3674" s="83">
        <f>Bühler!N3706</f>
        <v>45444.999999991094</v>
      </c>
      <c r="X3674" s="83">
        <v>43254</v>
      </c>
      <c r="Y3674">
        <v>159829.8591</v>
      </c>
      <c r="Z3674">
        <v>11220.019389999999</v>
      </c>
      <c r="AA3674">
        <v>46070.375169999999</v>
      </c>
      <c r="AB3674">
        <v>31892.59706</v>
      </c>
      <c r="AC3674">
        <v>32489.74914</v>
      </c>
      <c r="AD3674">
        <v>18290.901000000002</v>
      </c>
      <c r="AE3674">
        <v>34414.825579999997</v>
      </c>
      <c r="AF3674">
        <v>47405.40036</v>
      </c>
      <c r="AG3674">
        <v>18088.56378</v>
      </c>
      <c r="AH3674">
        <v>209126.51089999999</v>
      </c>
      <c r="AI3674">
        <v>62201.157249999997</v>
      </c>
      <c r="AJ3674">
        <v>18327.3495</v>
      </c>
      <c r="AK3674">
        <v>28261.138989999999</v>
      </c>
      <c r="AL3674">
        <v>50022.007279999998</v>
      </c>
      <c r="AM3674">
        <v>16269.953299999999</v>
      </c>
      <c r="AN3674">
        <v>71608.619380000004</v>
      </c>
      <c r="AO3674">
        <v>20226.618600000002</v>
      </c>
      <c r="AP3674">
        <v>11363.489949999999</v>
      </c>
    </row>
    <row r="3675" spans="2:42" x14ac:dyDescent="0.3">
      <c r="B3675">
        <v>40.74676145068279</v>
      </c>
      <c r="C3675" s="83">
        <v>43254.041666666664</v>
      </c>
      <c r="D3675">
        <v>159838.8904</v>
      </c>
      <c r="E3675">
        <v>11128.32645</v>
      </c>
      <c r="F3675">
        <v>45352.832340000001</v>
      </c>
      <c r="G3675">
        <v>31428.819800000001</v>
      </c>
      <c r="H3675">
        <v>31776.911660000002</v>
      </c>
      <c r="I3675">
        <v>15060.69592</v>
      </c>
      <c r="J3675">
        <v>33058.594920000003</v>
      </c>
      <c r="K3675">
        <v>46698.575870000001</v>
      </c>
      <c r="L3675">
        <v>16534.831429999998</v>
      </c>
      <c r="M3675">
        <v>207745.99179999999</v>
      </c>
      <c r="N3675">
        <v>61057.050669999997</v>
      </c>
      <c r="O3675">
        <v>18065.545330000001</v>
      </c>
      <c r="P3675">
        <v>25713.680250000001</v>
      </c>
      <c r="Q3675">
        <v>51005.4326</v>
      </c>
      <c r="R3675">
        <v>14772.443020000001</v>
      </c>
      <c r="S3675">
        <v>70249.08829</v>
      </c>
      <c r="T3675">
        <v>19353.917720000001</v>
      </c>
      <c r="U3675">
        <v>11185.86643</v>
      </c>
      <c r="W3675" s="83">
        <f>Bühler!N3707</f>
        <v>45445.041666657758</v>
      </c>
      <c r="X3675" s="83">
        <v>43254.041666666664</v>
      </c>
      <c r="Y3675">
        <v>159838.8904</v>
      </c>
      <c r="Z3675">
        <v>11128.32645</v>
      </c>
      <c r="AA3675">
        <v>45352.832340000001</v>
      </c>
      <c r="AB3675">
        <v>31428.819800000001</v>
      </c>
      <c r="AC3675">
        <v>31776.911660000002</v>
      </c>
      <c r="AD3675">
        <v>15060.69592</v>
      </c>
      <c r="AE3675">
        <v>33058.594920000003</v>
      </c>
      <c r="AF3675">
        <v>46698.575870000001</v>
      </c>
      <c r="AG3675">
        <v>16534.831429999998</v>
      </c>
      <c r="AH3675">
        <v>207745.99179999999</v>
      </c>
      <c r="AI3675">
        <v>61057.050669999997</v>
      </c>
      <c r="AJ3675">
        <v>18065.545330000001</v>
      </c>
      <c r="AK3675">
        <v>25713.680250000001</v>
      </c>
      <c r="AL3675">
        <v>51005.4326</v>
      </c>
      <c r="AM3675">
        <v>14772.443020000001</v>
      </c>
      <c r="AN3675">
        <v>70249.08829</v>
      </c>
      <c r="AO3675">
        <v>19353.917720000001</v>
      </c>
      <c r="AP3675">
        <v>11185.86643</v>
      </c>
    </row>
    <row r="3676" spans="2:42" x14ac:dyDescent="0.3">
      <c r="B3676">
        <v>40.647807026712528</v>
      </c>
      <c r="C3676" s="83">
        <v>43254.083333333336</v>
      </c>
      <c r="D3676">
        <v>159698.66680000001</v>
      </c>
      <c r="E3676">
        <v>11039.967329999999</v>
      </c>
      <c r="F3676">
        <v>46070.91878</v>
      </c>
      <c r="G3676">
        <v>30746.146959999998</v>
      </c>
      <c r="H3676">
        <v>31444.38798</v>
      </c>
      <c r="I3676">
        <v>13145.590459999999</v>
      </c>
      <c r="J3676">
        <v>32406.753820000002</v>
      </c>
      <c r="K3676">
        <v>44275.138209999997</v>
      </c>
      <c r="L3676">
        <v>16491.800019999999</v>
      </c>
      <c r="M3676">
        <v>207241.476</v>
      </c>
      <c r="N3676">
        <v>60352.697359999998</v>
      </c>
      <c r="O3676">
        <v>18488.740170000001</v>
      </c>
      <c r="P3676">
        <v>24896.261330000001</v>
      </c>
      <c r="Q3676">
        <v>52469.152159999998</v>
      </c>
      <c r="R3676">
        <v>14970.22444</v>
      </c>
      <c r="S3676">
        <v>69324.941080000004</v>
      </c>
      <c r="T3676">
        <v>18947.883689999999</v>
      </c>
      <c r="U3676">
        <v>11191.40754</v>
      </c>
      <c r="W3676" s="83">
        <f>Bühler!N3708</f>
        <v>45445.083333324423</v>
      </c>
      <c r="X3676" s="83">
        <v>43254.083333333336</v>
      </c>
      <c r="Y3676">
        <v>159698.66680000001</v>
      </c>
      <c r="Z3676">
        <v>11039.967329999999</v>
      </c>
      <c r="AA3676">
        <v>46070.91878</v>
      </c>
      <c r="AB3676">
        <v>30746.146959999998</v>
      </c>
      <c r="AC3676">
        <v>31444.38798</v>
      </c>
      <c r="AD3676">
        <v>13145.590459999999</v>
      </c>
      <c r="AE3676">
        <v>32406.753820000002</v>
      </c>
      <c r="AF3676">
        <v>44275.138209999997</v>
      </c>
      <c r="AG3676">
        <v>16491.800019999999</v>
      </c>
      <c r="AH3676">
        <v>207241.476</v>
      </c>
      <c r="AI3676">
        <v>60352.697359999998</v>
      </c>
      <c r="AJ3676">
        <v>18488.740170000001</v>
      </c>
      <c r="AK3676">
        <v>24896.261330000001</v>
      </c>
      <c r="AL3676">
        <v>52469.152159999998</v>
      </c>
      <c r="AM3676">
        <v>14970.22444</v>
      </c>
      <c r="AN3676">
        <v>69324.941080000004</v>
      </c>
      <c r="AO3676">
        <v>18947.883689999999</v>
      </c>
      <c r="AP3676">
        <v>11191.40754</v>
      </c>
    </row>
    <row r="3677" spans="2:42" x14ac:dyDescent="0.3">
      <c r="B3677">
        <v>40.526393495959951</v>
      </c>
      <c r="C3677" s="83">
        <v>43254.125</v>
      </c>
      <c r="D3677">
        <v>159527.62049999999</v>
      </c>
      <c r="E3677">
        <v>11040.13906</v>
      </c>
      <c r="F3677">
        <v>46817.190690000003</v>
      </c>
      <c r="G3677">
        <v>30333.14273</v>
      </c>
      <c r="H3677">
        <v>31434.74972</v>
      </c>
      <c r="I3677">
        <v>12525.75454</v>
      </c>
      <c r="J3677">
        <v>32369.861639999999</v>
      </c>
      <c r="K3677">
        <v>43109.776680000003</v>
      </c>
      <c r="L3677">
        <v>16041.248380000001</v>
      </c>
      <c r="M3677">
        <v>206622.45319999999</v>
      </c>
      <c r="N3677">
        <v>59790.537530000001</v>
      </c>
      <c r="O3677">
        <v>16786.53989</v>
      </c>
      <c r="P3677">
        <v>22916.036359999998</v>
      </c>
      <c r="Q3677">
        <v>54024.97363</v>
      </c>
      <c r="R3677">
        <v>14219.22827</v>
      </c>
      <c r="S3677">
        <v>68955.352480000001</v>
      </c>
      <c r="T3677">
        <v>18598.379079999999</v>
      </c>
      <c r="U3677">
        <v>11182.11159</v>
      </c>
      <c r="W3677" s="83">
        <f>Bühler!N3709</f>
        <v>45445.124999991087</v>
      </c>
      <c r="X3677" s="83">
        <v>43254.125</v>
      </c>
      <c r="Y3677">
        <v>159527.62049999999</v>
      </c>
      <c r="Z3677">
        <v>11040.13906</v>
      </c>
      <c r="AA3677">
        <v>46817.190690000003</v>
      </c>
      <c r="AB3677">
        <v>30333.14273</v>
      </c>
      <c r="AC3677">
        <v>31434.74972</v>
      </c>
      <c r="AD3677">
        <v>12525.75454</v>
      </c>
      <c r="AE3677">
        <v>32369.861639999999</v>
      </c>
      <c r="AF3677">
        <v>43109.776680000003</v>
      </c>
      <c r="AG3677">
        <v>16041.248380000001</v>
      </c>
      <c r="AH3677">
        <v>206622.45319999999</v>
      </c>
      <c r="AI3677">
        <v>59790.537530000001</v>
      </c>
      <c r="AJ3677">
        <v>16786.53989</v>
      </c>
      <c r="AK3677">
        <v>22916.036359999998</v>
      </c>
      <c r="AL3677">
        <v>54024.97363</v>
      </c>
      <c r="AM3677">
        <v>14219.22827</v>
      </c>
      <c r="AN3677">
        <v>68955.352480000001</v>
      </c>
      <c r="AO3677">
        <v>18598.379079999999</v>
      </c>
      <c r="AP3677">
        <v>11182.11159</v>
      </c>
    </row>
    <row r="3678" spans="2:42" x14ac:dyDescent="0.3">
      <c r="B3678">
        <v>40.653513527069428</v>
      </c>
      <c r="C3678" s="83">
        <v>43254.166666666664</v>
      </c>
      <c r="D3678">
        <v>159862.30679999999</v>
      </c>
      <c r="E3678">
        <v>11185.561970000001</v>
      </c>
      <c r="F3678">
        <v>46966.719010000001</v>
      </c>
      <c r="G3678">
        <v>29545.81205</v>
      </c>
      <c r="H3678">
        <v>31380.094710000001</v>
      </c>
      <c r="I3678">
        <v>13057.8876</v>
      </c>
      <c r="J3678">
        <v>34217.47277</v>
      </c>
      <c r="K3678">
        <v>42086.64473</v>
      </c>
      <c r="L3678">
        <v>15802.57453</v>
      </c>
      <c r="M3678">
        <v>207270.5704</v>
      </c>
      <c r="N3678">
        <v>59327.637609999998</v>
      </c>
      <c r="O3678">
        <v>16943.904119999999</v>
      </c>
      <c r="P3678">
        <v>23748.432799999999</v>
      </c>
      <c r="Q3678">
        <v>55741.414779999999</v>
      </c>
      <c r="R3678">
        <v>14257.9637</v>
      </c>
      <c r="S3678">
        <v>69129.429640000002</v>
      </c>
      <c r="T3678">
        <v>18440.201779999999</v>
      </c>
      <c r="U3678">
        <v>11157.90156</v>
      </c>
      <c r="W3678" s="83">
        <f>Bühler!N3710</f>
        <v>45445.166666657751</v>
      </c>
      <c r="X3678" s="83">
        <v>43254.166666666664</v>
      </c>
      <c r="Y3678">
        <v>159862.30679999999</v>
      </c>
      <c r="Z3678">
        <v>11185.561970000001</v>
      </c>
      <c r="AA3678">
        <v>46966.719010000001</v>
      </c>
      <c r="AB3678">
        <v>29545.81205</v>
      </c>
      <c r="AC3678">
        <v>31380.094710000001</v>
      </c>
      <c r="AD3678">
        <v>13057.8876</v>
      </c>
      <c r="AE3678">
        <v>34217.47277</v>
      </c>
      <c r="AF3678">
        <v>42086.64473</v>
      </c>
      <c r="AG3678">
        <v>15802.57453</v>
      </c>
      <c r="AH3678">
        <v>207270.5704</v>
      </c>
      <c r="AI3678">
        <v>59327.637609999998</v>
      </c>
      <c r="AJ3678">
        <v>16943.904119999999</v>
      </c>
      <c r="AK3678">
        <v>23748.432799999999</v>
      </c>
      <c r="AL3678">
        <v>55741.414779999999</v>
      </c>
      <c r="AM3678">
        <v>14257.9637</v>
      </c>
      <c r="AN3678">
        <v>69129.429640000002</v>
      </c>
      <c r="AO3678">
        <v>18440.201779999999</v>
      </c>
      <c r="AP3678">
        <v>11157.90156</v>
      </c>
    </row>
    <row r="3679" spans="2:42" x14ac:dyDescent="0.3">
      <c r="B3679">
        <v>41.012007646165429</v>
      </c>
      <c r="C3679" s="83">
        <v>43254.208333333336</v>
      </c>
      <c r="D3679">
        <v>161856.72169999999</v>
      </c>
      <c r="E3679">
        <v>11557.74827</v>
      </c>
      <c r="F3679">
        <v>49063.013729999999</v>
      </c>
      <c r="G3679">
        <v>29620.872500000001</v>
      </c>
      <c r="H3679">
        <v>31551.389719999999</v>
      </c>
      <c r="I3679">
        <v>16693.252939999998</v>
      </c>
      <c r="J3679">
        <v>37065.942230000001</v>
      </c>
      <c r="K3679">
        <v>42108.125820000001</v>
      </c>
      <c r="L3679">
        <v>16153.178470000001</v>
      </c>
      <c r="M3679">
        <v>209098.3406</v>
      </c>
      <c r="N3679">
        <v>57401.657189999998</v>
      </c>
      <c r="O3679">
        <v>17243.49971</v>
      </c>
      <c r="P3679">
        <v>24137.848389999999</v>
      </c>
      <c r="Q3679">
        <v>56270.703300000001</v>
      </c>
      <c r="R3679">
        <v>16324.39248</v>
      </c>
      <c r="S3679">
        <v>70839.594630000007</v>
      </c>
      <c r="T3679">
        <v>18587.332859999999</v>
      </c>
      <c r="U3679">
        <v>11341.241980000001</v>
      </c>
      <c r="W3679" s="83">
        <f>Bühler!N3711</f>
        <v>45445.208333324415</v>
      </c>
      <c r="X3679" s="83">
        <v>43254.208333333336</v>
      </c>
      <c r="Y3679">
        <v>161856.72169999999</v>
      </c>
      <c r="Z3679">
        <v>11557.74827</v>
      </c>
      <c r="AA3679">
        <v>49063.013729999999</v>
      </c>
      <c r="AB3679">
        <v>29620.872500000001</v>
      </c>
      <c r="AC3679">
        <v>31551.389719999999</v>
      </c>
      <c r="AD3679">
        <v>16693.252939999998</v>
      </c>
      <c r="AE3679">
        <v>37065.942230000001</v>
      </c>
      <c r="AF3679">
        <v>42108.125820000001</v>
      </c>
      <c r="AG3679">
        <v>16153.178470000001</v>
      </c>
      <c r="AH3679">
        <v>209098.3406</v>
      </c>
      <c r="AI3679">
        <v>57401.657189999998</v>
      </c>
      <c r="AJ3679">
        <v>17243.49971</v>
      </c>
      <c r="AK3679">
        <v>24137.848389999999</v>
      </c>
      <c r="AL3679">
        <v>56270.703300000001</v>
      </c>
      <c r="AM3679">
        <v>16324.39248</v>
      </c>
      <c r="AN3679">
        <v>70839.594630000007</v>
      </c>
      <c r="AO3679">
        <v>18587.332859999999</v>
      </c>
      <c r="AP3679">
        <v>11341.241980000001</v>
      </c>
    </row>
    <row r="3680" spans="2:42" x14ac:dyDescent="0.3">
      <c r="B3680">
        <v>41.029488667716279</v>
      </c>
      <c r="C3680" s="83">
        <v>43254.25</v>
      </c>
      <c r="D3680">
        <v>162823.9313</v>
      </c>
      <c r="E3680">
        <v>12099.74229</v>
      </c>
      <c r="F3680">
        <v>52569.829749999997</v>
      </c>
      <c r="G3680">
        <v>29763.669849999998</v>
      </c>
      <c r="H3680">
        <v>30507.78672</v>
      </c>
      <c r="I3680">
        <v>18554.590179999999</v>
      </c>
      <c r="J3680">
        <v>38577.756300000001</v>
      </c>
      <c r="K3680">
        <v>40923.322339999999</v>
      </c>
      <c r="L3680">
        <v>16609.087289999999</v>
      </c>
      <c r="M3680">
        <v>209187.467</v>
      </c>
      <c r="N3680">
        <v>57744.741779999997</v>
      </c>
      <c r="O3680">
        <v>17513.385869999998</v>
      </c>
      <c r="P3680">
        <v>26228.91359</v>
      </c>
      <c r="Q3680">
        <v>56127.532290000003</v>
      </c>
      <c r="R3680">
        <v>14281.661179999999</v>
      </c>
      <c r="S3680">
        <v>74370.487309999997</v>
      </c>
      <c r="T3680">
        <v>19331.939579999998</v>
      </c>
      <c r="U3680">
        <v>10802.051740000001</v>
      </c>
      <c r="W3680" s="83">
        <f>Bühler!N3712</f>
        <v>45445.24999999108</v>
      </c>
      <c r="X3680" s="83">
        <v>43254.25</v>
      </c>
      <c r="Y3680">
        <v>162823.9313</v>
      </c>
      <c r="Z3680">
        <v>12099.74229</v>
      </c>
      <c r="AA3680">
        <v>52569.829749999997</v>
      </c>
      <c r="AB3680">
        <v>29763.669849999998</v>
      </c>
      <c r="AC3680">
        <v>30507.78672</v>
      </c>
      <c r="AD3680">
        <v>18554.590179999999</v>
      </c>
      <c r="AE3680">
        <v>38577.756300000001</v>
      </c>
      <c r="AF3680">
        <v>40923.322339999999</v>
      </c>
      <c r="AG3680">
        <v>16609.087289999999</v>
      </c>
      <c r="AH3680">
        <v>209187.467</v>
      </c>
      <c r="AI3680">
        <v>57744.741779999997</v>
      </c>
      <c r="AJ3680">
        <v>17513.385869999998</v>
      </c>
      <c r="AK3680">
        <v>26228.91359</v>
      </c>
      <c r="AL3680">
        <v>56127.532290000003</v>
      </c>
      <c r="AM3680">
        <v>14281.661179999999</v>
      </c>
      <c r="AN3680">
        <v>74370.487309999997</v>
      </c>
      <c r="AO3680">
        <v>19331.939579999998</v>
      </c>
      <c r="AP3680">
        <v>10802.051740000001</v>
      </c>
    </row>
    <row r="3681" spans="2:42" x14ac:dyDescent="0.3">
      <c r="B3681">
        <v>41.283834722593362</v>
      </c>
      <c r="C3681" s="83">
        <v>43254.291666666664</v>
      </c>
      <c r="D3681">
        <v>163849.2543</v>
      </c>
      <c r="E3681">
        <v>12852.79502</v>
      </c>
      <c r="F3681">
        <v>55610.544020000001</v>
      </c>
      <c r="G3681">
        <v>30198.4781</v>
      </c>
      <c r="H3681">
        <v>31719.81278</v>
      </c>
      <c r="I3681">
        <v>20366.904299999998</v>
      </c>
      <c r="J3681">
        <v>39199.067320000002</v>
      </c>
      <c r="K3681">
        <v>41126.364889999997</v>
      </c>
      <c r="L3681">
        <v>18354.113669999999</v>
      </c>
      <c r="M3681">
        <v>210484.24179999999</v>
      </c>
      <c r="N3681">
        <v>59365.781990000003</v>
      </c>
      <c r="O3681">
        <v>17971.047760000001</v>
      </c>
      <c r="P3681">
        <v>28261.870930000001</v>
      </c>
      <c r="Q3681">
        <v>55888.980040000002</v>
      </c>
      <c r="R3681">
        <v>13835.551090000001</v>
      </c>
      <c r="S3681">
        <v>80421.079620000004</v>
      </c>
      <c r="T3681">
        <v>20566.24857</v>
      </c>
      <c r="U3681">
        <v>10963.410379999999</v>
      </c>
      <c r="W3681" s="83">
        <f>Bühler!N3713</f>
        <v>45445.291666657744</v>
      </c>
      <c r="X3681" s="83">
        <v>43254.291666666664</v>
      </c>
      <c r="Y3681">
        <v>163849.2543</v>
      </c>
      <c r="Z3681">
        <v>12852.79502</v>
      </c>
      <c r="AA3681">
        <v>55610.544020000001</v>
      </c>
      <c r="AB3681">
        <v>30198.4781</v>
      </c>
      <c r="AC3681">
        <v>31719.81278</v>
      </c>
      <c r="AD3681">
        <v>20366.904299999998</v>
      </c>
      <c r="AE3681">
        <v>39199.067320000002</v>
      </c>
      <c r="AF3681">
        <v>41126.364889999997</v>
      </c>
      <c r="AG3681">
        <v>18354.113669999999</v>
      </c>
      <c r="AH3681">
        <v>210484.24179999999</v>
      </c>
      <c r="AI3681">
        <v>59365.781990000003</v>
      </c>
      <c r="AJ3681">
        <v>17971.047760000001</v>
      </c>
      <c r="AK3681">
        <v>28261.870930000001</v>
      </c>
      <c r="AL3681">
        <v>55888.980040000002</v>
      </c>
      <c r="AM3681">
        <v>13835.551090000001</v>
      </c>
      <c r="AN3681">
        <v>80421.079620000004</v>
      </c>
      <c r="AO3681">
        <v>20566.24857</v>
      </c>
      <c r="AP3681">
        <v>10963.410379999999</v>
      </c>
    </row>
    <row r="3682" spans="2:42" x14ac:dyDescent="0.3">
      <c r="B3682">
        <v>41.361383533055516</v>
      </c>
      <c r="C3682" s="83">
        <v>43254.333333333336</v>
      </c>
      <c r="D3682">
        <v>165049.81969999999</v>
      </c>
      <c r="E3682">
        <v>14372.226930000001</v>
      </c>
      <c r="F3682">
        <v>58946.813719999998</v>
      </c>
      <c r="G3682">
        <v>30871.40494</v>
      </c>
      <c r="H3682">
        <v>32378.242330000001</v>
      </c>
      <c r="I3682">
        <v>21190.298149999999</v>
      </c>
      <c r="J3682">
        <v>41540.007039999997</v>
      </c>
      <c r="K3682">
        <v>42930.001369999998</v>
      </c>
      <c r="L3682">
        <v>20594.368989999999</v>
      </c>
      <c r="M3682">
        <v>210879.62179999999</v>
      </c>
      <c r="N3682">
        <v>60466.46041</v>
      </c>
      <c r="O3682">
        <v>17589.21659</v>
      </c>
      <c r="P3682">
        <v>31919.658380000001</v>
      </c>
      <c r="Q3682">
        <v>55548.221899999997</v>
      </c>
      <c r="R3682">
        <v>15398.13881</v>
      </c>
      <c r="S3682">
        <v>83762.953930000003</v>
      </c>
      <c r="T3682">
        <v>22233.36882</v>
      </c>
      <c r="U3682">
        <v>11079.88675</v>
      </c>
      <c r="W3682" s="83">
        <f>Bühler!N3714</f>
        <v>45445.333333324408</v>
      </c>
      <c r="X3682" s="83">
        <v>43254.333333333336</v>
      </c>
      <c r="Y3682">
        <v>165049.81969999999</v>
      </c>
      <c r="Z3682">
        <v>14372.226930000001</v>
      </c>
      <c r="AA3682">
        <v>58946.813719999998</v>
      </c>
      <c r="AB3682">
        <v>30871.40494</v>
      </c>
      <c r="AC3682">
        <v>32378.242330000001</v>
      </c>
      <c r="AD3682">
        <v>21190.298149999999</v>
      </c>
      <c r="AE3682">
        <v>41540.007039999997</v>
      </c>
      <c r="AF3682">
        <v>42930.001369999998</v>
      </c>
      <c r="AG3682">
        <v>20594.368989999999</v>
      </c>
      <c r="AH3682">
        <v>210879.62179999999</v>
      </c>
      <c r="AI3682">
        <v>60466.46041</v>
      </c>
      <c r="AJ3682">
        <v>17589.21659</v>
      </c>
      <c r="AK3682">
        <v>31919.658380000001</v>
      </c>
      <c r="AL3682">
        <v>55548.221899999997</v>
      </c>
      <c r="AM3682">
        <v>15398.13881</v>
      </c>
      <c r="AN3682">
        <v>83762.953930000003</v>
      </c>
      <c r="AO3682">
        <v>22233.36882</v>
      </c>
      <c r="AP3682">
        <v>11079.88675</v>
      </c>
    </row>
    <row r="3683" spans="2:42" x14ac:dyDescent="0.3">
      <c r="B3683">
        <v>41.488042092059032</v>
      </c>
      <c r="C3683" s="83">
        <v>43254.375</v>
      </c>
      <c r="D3683">
        <v>165425.86180000001</v>
      </c>
      <c r="E3683">
        <v>15863.897279999999</v>
      </c>
      <c r="F3683">
        <v>63858.444889999999</v>
      </c>
      <c r="G3683">
        <v>31201.34562</v>
      </c>
      <c r="H3683">
        <v>32785.228049999998</v>
      </c>
      <c r="I3683">
        <v>21601.81034</v>
      </c>
      <c r="J3683">
        <v>42851.857000000004</v>
      </c>
      <c r="K3683">
        <v>45128.878929999999</v>
      </c>
      <c r="L3683">
        <v>24007.554990000001</v>
      </c>
      <c r="M3683">
        <v>211525.38620000001</v>
      </c>
      <c r="N3683">
        <v>62114.4162</v>
      </c>
      <c r="O3683">
        <v>17545.293259999999</v>
      </c>
      <c r="P3683">
        <v>33918.172899999998</v>
      </c>
      <c r="Q3683">
        <v>56108.025199999996</v>
      </c>
      <c r="R3683">
        <v>15791.242819999999</v>
      </c>
      <c r="S3683">
        <v>86748.235350000003</v>
      </c>
      <c r="T3683">
        <v>24910.766810000001</v>
      </c>
      <c r="U3683">
        <v>11172.078879999999</v>
      </c>
      <c r="W3683" s="83">
        <f>Bühler!N3715</f>
        <v>45445.374999991072</v>
      </c>
      <c r="X3683" s="83">
        <v>43254.375</v>
      </c>
      <c r="Y3683">
        <v>165425.86180000001</v>
      </c>
      <c r="Z3683">
        <v>15863.897279999999</v>
      </c>
      <c r="AA3683">
        <v>63858.444889999999</v>
      </c>
      <c r="AB3683">
        <v>31201.34562</v>
      </c>
      <c r="AC3683">
        <v>32785.228049999998</v>
      </c>
      <c r="AD3683">
        <v>21601.81034</v>
      </c>
      <c r="AE3683">
        <v>42851.857000000004</v>
      </c>
      <c r="AF3683">
        <v>45128.878929999999</v>
      </c>
      <c r="AG3683">
        <v>24007.554990000001</v>
      </c>
      <c r="AH3683">
        <v>211525.38620000001</v>
      </c>
      <c r="AI3683">
        <v>62114.4162</v>
      </c>
      <c r="AJ3683">
        <v>17545.293259999999</v>
      </c>
      <c r="AK3683">
        <v>33918.172899999998</v>
      </c>
      <c r="AL3683">
        <v>56108.025199999996</v>
      </c>
      <c r="AM3683">
        <v>15791.242819999999</v>
      </c>
      <c r="AN3683">
        <v>86748.235350000003</v>
      </c>
      <c r="AO3683">
        <v>24910.766810000001</v>
      </c>
      <c r="AP3683">
        <v>11172.078879999999</v>
      </c>
    </row>
    <row r="3684" spans="2:42" x14ac:dyDescent="0.3">
      <c r="B3684">
        <v>41.813191164115892</v>
      </c>
      <c r="C3684" s="83">
        <v>43254.416666666664</v>
      </c>
      <c r="D3684">
        <v>165780.79550000001</v>
      </c>
      <c r="E3684">
        <v>17136.858380000001</v>
      </c>
      <c r="F3684">
        <v>64704.469989999998</v>
      </c>
      <c r="G3684">
        <v>31732.547060000001</v>
      </c>
      <c r="H3684">
        <v>33321.448810000002</v>
      </c>
      <c r="I3684">
        <v>22219.787840000001</v>
      </c>
      <c r="J3684">
        <v>42328.309439999997</v>
      </c>
      <c r="K3684">
        <v>46496.36778</v>
      </c>
      <c r="L3684">
        <v>26882.15595</v>
      </c>
      <c r="M3684">
        <v>213183.14780000001</v>
      </c>
      <c r="N3684">
        <v>63296.81136</v>
      </c>
      <c r="O3684">
        <v>18188.265299999999</v>
      </c>
      <c r="P3684">
        <v>36088.852480000001</v>
      </c>
      <c r="Q3684">
        <v>56579.18662</v>
      </c>
      <c r="R3684">
        <v>16724.02722</v>
      </c>
      <c r="S3684">
        <v>87341.572180000003</v>
      </c>
      <c r="T3684">
        <v>26549.897690000002</v>
      </c>
      <c r="U3684">
        <v>11429.380279999999</v>
      </c>
      <c r="W3684" s="83">
        <f>Bühler!N3716</f>
        <v>45445.416666657737</v>
      </c>
      <c r="X3684" s="83">
        <v>43254.416666666664</v>
      </c>
      <c r="Y3684">
        <v>165780.79550000001</v>
      </c>
      <c r="Z3684">
        <v>17136.858380000001</v>
      </c>
      <c r="AA3684">
        <v>64704.469989999998</v>
      </c>
      <c r="AB3684">
        <v>31732.547060000001</v>
      </c>
      <c r="AC3684">
        <v>33321.448810000002</v>
      </c>
      <c r="AD3684">
        <v>22219.787840000001</v>
      </c>
      <c r="AE3684">
        <v>42328.309439999997</v>
      </c>
      <c r="AF3684">
        <v>46496.36778</v>
      </c>
      <c r="AG3684">
        <v>26882.15595</v>
      </c>
      <c r="AH3684">
        <v>213183.14780000001</v>
      </c>
      <c r="AI3684">
        <v>63296.81136</v>
      </c>
      <c r="AJ3684">
        <v>18188.265299999999</v>
      </c>
      <c r="AK3684">
        <v>36088.852480000001</v>
      </c>
      <c r="AL3684">
        <v>56579.18662</v>
      </c>
      <c r="AM3684">
        <v>16724.02722</v>
      </c>
      <c r="AN3684">
        <v>87341.572180000003</v>
      </c>
      <c r="AO3684">
        <v>26549.897690000002</v>
      </c>
      <c r="AP3684">
        <v>11429.380279999999</v>
      </c>
    </row>
    <row r="3685" spans="2:42" x14ac:dyDescent="0.3">
      <c r="B3685">
        <v>42.395456869308589</v>
      </c>
      <c r="C3685" s="83">
        <v>43254.458333333336</v>
      </c>
      <c r="D3685">
        <v>165919.23430000001</v>
      </c>
      <c r="E3685">
        <v>17329.076550000002</v>
      </c>
      <c r="F3685">
        <v>65674.110879999993</v>
      </c>
      <c r="G3685">
        <v>32169.76915</v>
      </c>
      <c r="H3685">
        <v>33584.601549999999</v>
      </c>
      <c r="I3685">
        <v>22268.408579999999</v>
      </c>
      <c r="J3685">
        <v>42792.48302</v>
      </c>
      <c r="K3685">
        <v>47581.813900000001</v>
      </c>
      <c r="L3685">
        <v>28442.22465</v>
      </c>
      <c r="M3685">
        <v>216151.80989999999</v>
      </c>
      <c r="N3685">
        <v>63534.489569999998</v>
      </c>
      <c r="O3685">
        <v>19004.103940000001</v>
      </c>
      <c r="P3685">
        <v>34677.624969999997</v>
      </c>
      <c r="Q3685">
        <v>56072.861850000001</v>
      </c>
      <c r="R3685">
        <v>19179.161049999999</v>
      </c>
      <c r="S3685">
        <v>90475.884959999996</v>
      </c>
      <c r="T3685">
        <v>27226.62</v>
      </c>
      <c r="U3685">
        <v>11376.41972</v>
      </c>
      <c r="W3685" s="83">
        <f>Bühler!N3717</f>
        <v>45445.458333324401</v>
      </c>
      <c r="X3685" s="83">
        <v>43254.458333333336</v>
      </c>
      <c r="Y3685">
        <v>165919.23430000001</v>
      </c>
      <c r="Z3685">
        <v>17329.076550000002</v>
      </c>
      <c r="AA3685">
        <v>65674.110879999993</v>
      </c>
      <c r="AB3685">
        <v>32169.76915</v>
      </c>
      <c r="AC3685">
        <v>33584.601549999999</v>
      </c>
      <c r="AD3685">
        <v>22268.408579999999</v>
      </c>
      <c r="AE3685">
        <v>42792.48302</v>
      </c>
      <c r="AF3685">
        <v>47581.813900000001</v>
      </c>
      <c r="AG3685">
        <v>28442.22465</v>
      </c>
      <c r="AH3685">
        <v>216151.80989999999</v>
      </c>
      <c r="AI3685">
        <v>63534.489569999998</v>
      </c>
      <c r="AJ3685">
        <v>19004.103940000001</v>
      </c>
      <c r="AK3685">
        <v>34677.624969999997</v>
      </c>
      <c r="AL3685">
        <v>56072.861850000001</v>
      </c>
      <c r="AM3685">
        <v>19179.161049999999</v>
      </c>
      <c r="AN3685">
        <v>90475.884959999996</v>
      </c>
      <c r="AO3685">
        <v>27226.62</v>
      </c>
      <c r="AP3685">
        <v>11376.41972</v>
      </c>
    </row>
    <row r="3686" spans="2:42" x14ac:dyDescent="0.3">
      <c r="B3686">
        <v>42.420741257074219</v>
      </c>
      <c r="C3686" s="83">
        <v>43254.5</v>
      </c>
      <c r="D3686">
        <v>164639.8553</v>
      </c>
      <c r="E3686">
        <v>17227.483499999998</v>
      </c>
      <c r="F3686">
        <v>62045.308169999997</v>
      </c>
      <c r="G3686">
        <v>32394.641739999999</v>
      </c>
      <c r="H3686">
        <v>33462.139340000002</v>
      </c>
      <c r="I3686">
        <v>22250.94053</v>
      </c>
      <c r="J3686">
        <v>43136.50028</v>
      </c>
      <c r="K3686">
        <v>48253.647109999998</v>
      </c>
      <c r="L3686">
        <v>30361.038390000002</v>
      </c>
      <c r="M3686">
        <v>216280.72150000001</v>
      </c>
      <c r="N3686">
        <v>63775.041149999997</v>
      </c>
      <c r="O3686">
        <v>18019.0612</v>
      </c>
      <c r="P3686">
        <v>33974.353069999997</v>
      </c>
      <c r="Q3686">
        <v>54893.917260000002</v>
      </c>
      <c r="R3686">
        <v>17778.02562</v>
      </c>
      <c r="S3686">
        <v>86347.17727</v>
      </c>
      <c r="T3686">
        <v>27188.62487</v>
      </c>
      <c r="U3686">
        <v>11012.93772</v>
      </c>
      <c r="W3686" s="83">
        <f>Bühler!N3718</f>
        <v>45445.499999991065</v>
      </c>
      <c r="X3686" s="83">
        <v>43254.5</v>
      </c>
      <c r="Y3686">
        <v>164639.8553</v>
      </c>
      <c r="Z3686">
        <v>17227.483499999998</v>
      </c>
      <c r="AA3686">
        <v>62045.308169999997</v>
      </c>
      <c r="AB3686">
        <v>32394.641739999999</v>
      </c>
      <c r="AC3686">
        <v>33462.139340000002</v>
      </c>
      <c r="AD3686">
        <v>22250.94053</v>
      </c>
      <c r="AE3686">
        <v>43136.50028</v>
      </c>
      <c r="AF3686">
        <v>48253.647109999998</v>
      </c>
      <c r="AG3686">
        <v>30361.038390000002</v>
      </c>
      <c r="AH3686">
        <v>216280.72150000001</v>
      </c>
      <c r="AI3686">
        <v>63775.041149999997</v>
      </c>
      <c r="AJ3686">
        <v>18019.0612</v>
      </c>
      <c r="AK3686">
        <v>33974.353069999997</v>
      </c>
      <c r="AL3686">
        <v>54893.917260000002</v>
      </c>
      <c r="AM3686">
        <v>17778.02562</v>
      </c>
      <c r="AN3686">
        <v>86347.17727</v>
      </c>
      <c r="AO3686">
        <v>27188.62487</v>
      </c>
      <c r="AP3686">
        <v>11012.93772</v>
      </c>
    </row>
    <row r="3687" spans="2:42" x14ac:dyDescent="0.3">
      <c r="B3687">
        <v>42.382324822236107</v>
      </c>
      <c r="C3687" s="83">
        <v>43254.541666666664</v>
      </c>
      <c r="D3687">
        <v>164851.64689999999</v>
      </c>
      <c r="E3687">
        <v>16960.029740000002</v>
      </c>
      <c r="F3687">
        <v>53173.618130000003</v>
      </c>
      <c r="G3687">
        <v>32265.204010000001</v>
      </c>
      <c r="H3687">
        <v>33009.87674</v>
      </c>
      <c r="I3687">
        <v>22605.585309999999</v>
      </c>
      <c r="J3687">
        <v>42019.38018</v>
      </c>
      <c r="K3687">
        <v>47398.503109999998</v>
      </c>
      <c r="L3687">
        <v>30570.166280000001</v>
      </c>
      <c r="M3687">
        <v>216084.8566</v>
      </c>
      <c r="N3687">
        <v>62806.375610000003</v>
      </c>
      <c r="O3687">
        <v>17913.836650000001</v>
      </c>
      <c r="P3687">
        <v>35063.340490000002</v>
      </c>
      <c r="Q3687">
        <v>54194.458070000001</v>
      </c>
      <c r="R3687">
        <v>17395.082839999999</v>
      </c>
      <c r="S3687">
        <v>87280.918590000001</v>
      </c>
      <c r="T3687">
        <v>26549.96819</v>
      </c>
      <c r="U3687">
        <v>10989.74338</v>
      </c>
      <c r="W3687" s="83">
        <f>Bühler!N3719</f>
        <v>45445.541666657729</v>
      </c>
      <c r="X3687" s="83">
        <v>43254.541666666664</v>
      </c>
      <c r="Y3687">
        <v>164851.64689999999</v>
      </c>
      <c r="Z3687">
        <v>16960.029740000002</v>
      </c>
      <c r="AA3687">
        <v>53173.618130000003</v>
      </c>
      <c r="AB3687">
        <v>32265.204010000001</v>
      </c>
      <c r="AC3687">
        <v>33009.87674</v>
      </c>
      <c r="AD3687">
        <v>22605.585309999999</v>
      </c>
      <c r="AE3687">
        <v>42019.38018</v>
      </c>
      <c r="AF3687">
        <v>47398.503109999998</v>
      </c>
      <c r="AG3687">
        <v>30570.166280000001</v>
      </c>
      <c r="AH3687">
        <v>216084.8566</v>
      </c>
      <c r="AI3687">
        <v>62806.375610000003</v>
      </c>
      <c r="AJ3687">
        <v>17913.836650000001</v>
      </c>
      <c r="AK3687">
        <v>35063.340490000002</v>
      </c>
      <c r="AL3687">
        <v>54194.458070000001</v>
      </c>
      <c r="AM3687">
        <v>17395.082839999999</v>
      </c>
      <c r="AN3687">
        <v>87280.918590000001</v>
      </c>
      <c r="AO3687">
        <v>26549.96819</v>
      </c>
      <c r="AP3687">
        <v>10989.74338</v>
      </c>
    </row>
    <row r="3688" spans="2:42" x14ac:dyDescent="0.3">
      <c r="B3688">
        <v>42.200076311080188</v>
      </c>
      <c r="C3688" s="83">
        <v>43254.583333333336</v>
      </c>
      <c r="D3688">
        <v>165101.97949999999</v>
      </c>
      <c r="E3688">
        <v>17519.559659999999</v>
      </c>
      <c r="F3688">
        <v>53110.898829999998</v>
      </c>
      <c r="G3688">
        <v>32075.897420000001</v>
      </c>
      <c r="H3688">
        <v>32720.477190000001</v>
      </c>
      <c r="I3688">
        <v>22962.98054</v>
      </c>
      <c r="J3688">
        <v>40999.795469999997</v>
      </c>
      <c r="K3688">
        <v>46637.670989999999</v>
      </c>
      <c r="L3688">
        <v>28537.13881</v>
      </c>
      <c r="M3688">
        <v>215155.66870000001</v>
      </c>
      <c r="N3688">
        <v>63380.575850000001</v>
      </c>
      <c r="O3688">
        <v>17610.26079</v>
      </c>
      <c r="P3688">
        <v>31389.264019999999</v>
      </c>
      <c r="Q3688">
        <v>54119.807339999999</v>
      </c>
      <c r="R3688">
        <v>18002.843570000001</v>
      </c>
      <c r="S3688">
        <v>84310.24523</v>
      </c>
      <c r="T3688">
        <v>26794.473689999999</v>
      </c>
      <c r="U3688">
        <v>10935.97968</v>
      </c>
      <c r="W3688" s="83">
        <f>Bühler!N3720</f>
        <v>45445.583333324394</v>
      </c>
      <c r="X3688" s="83">
        <v>43254.583333333336</v>
      </c>
      <c r="Y3688">
        <v>165101.97949999999</v>
      </c>
      <c r="Z3688">
        <v>17519.559659999999</v>
      </c>
      <c r="AA3688">
        <v>53110.898829999998</v>
      </c>
      <c r="AB3688">
        <v>32075.897420000001</v>
      </c>
      <c r="AC3688">
        <v>32720.477190000001</v>
      </c>
      <c r="AD3688">
        <v>22962.98054</v>
      </c>
      <c r="AE3688">
        <v>40999.795469999997</v>
      </c>
      <c r="AF3688">
        <v>46637.670989999999</v>
      </c>
      <c r="AG3688">
        <v>28537.13881</v>
      </c>
      <c r="AH3688">
        <v>215155.66870000001</v>
      </c>
      <c r="AI3688">
        <v>63380.575850000001</v>
      </c>
      <c r="AJ3688">
        <v>17610.26079</v>
      </c>
      <c r="AK3688">
        <v>31389.264019999999</v>
      </c>
      <c r="AL3688">
        <v>54119.807339999999</v>
      </c>
      <c r="AM3688">
        <v>18002.843570000001</v>
      </c>
      <c r="AN3688">
        <v>84310.24523</v>
      </c>
      <c r="AO3688">
        <v>26794.473689999999</v>
      </c>
      <c r="AP3688">
        <v>10935.97968</v>
      </c>
    </row>
    <row r="3689" spans="2:42" x14ac:dyDescent="0.3">
      <c r="B3689">
        <v>42.53283992786406</v>
      </c>
      <c r="C3689" s="83">
        <v>43254.625</v>
      </c>
      <c r="D3689">
        <v>164385.4731</v>
      </c>
      <c r="E3689">
        <v>17449.737140000001</v>
      </c>
      <c r="F3689">
        <v>53416.723980000002</v>
      </c>
      <c r="G3689">
        <v>32049.727599999998</v>
      </c>
      <c r="H3689">
        <v>32488.611629999999</v>
      </c>
      <c r="I3689">
        <v>22813.57099</v>
      </c>
      <c r="J3689">
        <v>40317.445019999999</v>
      </c>
      <c r="K3689">
        <v>45737.018940000002</v>
      </c>
      <c r="L3689">
        <v>26472.63696</v>
      </c>
      <c r="M3689">
        <v>216852.25279999999</v>
      </c>
      <c r="N3689">
        <v>64033.438439999998</v>
      </c>
      <c r="O3689">
        <v>17778.5566</v>
      </c>
      <c r="P3689">
        <v>30108.473669999999</v>
      </c>
      <c r="Q3689">
        <v>54382.664879999997</v>
      </c>
      <c r="R3689">
        <v>17949.460340000001</v>
      </c>
      <c r="S3689">
        <v>83402.665489999999</v>
      </c>
      <c r="T3689">
        <v>26769.92641</v>
      </c>
      <c r="U3689">
        <v>10889.64969</v>
      </c>
      <c r="W3689" s="83">
        <f>Bühler!N3721</f>
        <v>45445.624999991058</v>
      </c>
      <c r="X3689" s="83">
        <v>43254.625</v>
      </c>
      <c r="Y3689">
        <v>164385.4731</v>
      </c>
      <c r="Z3689">
        <v>17449.737140000001</v>
      </c>
      <c r="AA3689">
        <v>53416.723980000002</v>
      </c>
      <c r="AB3689">
        <v>32049.727599999998</v>
      </c>
      <c r="AC3689">
        <v>32488.611629999999</v>
      </c>
      <c r="AD3689">
        <v>22813.57099</v>
      </c>
      <c r="AE3689">
        <v>40317.445019999999</v>
      </c>
      <c r="AF3689">
        <v>45737.018940000002</v>
      </c>
      <c r="AG3689">
        <v>26472.63696</v>
      </c>
      <c r="AH3689">
        <v>216852.25279999999</v>
      </c>
      <c r="AI3689">
        <v>64033.438439999998</v>
      </c>
      <c r="AJ3689">
        <v>17778.5566</v>
      </c>
      <c r="AK3689">
        <v>30108.473669999999</v>
      </c>
      <c r="AL3689">
        <v>54382.664879999997</v>
      </c>
      <c r="AM3689">
        <v>17949.460340000001</v>
      </c>
      <c r="AN3689">
        <v>83402.665489999999</v>
      </c>
      <c r="AO3689">
        <v>26769.92641</v>
      </c>
      <c r="AP3689">
        <v>10889.64969</v>
      </c>
    </row>
    <row r="3690" spans="2:42" x14ac:dyDescent="0.3">
      <c r="B3690">
        <v>42.322290082478943</v>
      </c>
      <c r="C3690" s="83">
        <v>43254.666666666664</v>
      </c>
      <c r="D3690">
        <v>163891.88930000001</v>
      </c>
      <c r="E3690">
        <v>17428.296480000001</v>
      </c>
      <c r="F3690">
        <v>52577.737659999999</v>
      </c>
      <c r="G3690">
        <v>31932.740760000001</v>
      </c>
      <c r="H3690">
        <v>32376.505000000001</v>
      </c>
      <c r="I3690">
        <v>23130.020110000001</v>
      </c>
      <c r="J3690">
        <v>39911.539259999998</v>
      </c>
      <c r="K3690">
        <v>45788.020409999997</v>
      </c>
      <c r="L3690">
        <v>25659.943200000002</v>
      </c>
      <c r="M3690">
        <v>215778.7715</v>
      </c>
      <c r="N3690">
        <v>63382.193209999998</v>
      </c>
      <c r="O3690">
        <v>17211.175279999999</v>
      </c>
      <c r="P3690">
        <v>27848.798360000001</v>
      </c>
      <c r="Q3690">
        <v>54907.36217</v>
      </c>
      <c r="R3690">
        <v>17837.058229999999</v>
      </c>
      <c r="S3690">
        <v>84068.138510000004</v>
      </c>
      <c r="T3690">
        <v>26549.660159999999</v>
      </c>
      <c r="U3690">
        <v>10955.025170000001</v>
      </c>
      <c r="W3690" s="83">
        <f>Bühler!N3722</f>
        <v>45445.666666657722</v>
      </c>
      <c r="X3690" s="83">
        <v>43254.666666666664</v>
      </c>
      <c r="Y3690">
        <v>163891.88930000001</v>
      </c>
      <c r="Z3690">
        <v>17428.296480000001</v>
      </c>
      <c r="AA3690">
        <v>52577.737659999999</v>
      </c>
      <c r="AB3690">
        <v>31932.740760000001</v>
      </c>
      <c r="AC3690">
        <v>32376.505000000001</v>
      </c>
      <c r="AD3690">
        <v>23130.020110000001</v>
      </c>
      <c r="AE3690">
        <v>39911.539259999998</v>
      </c>
      <c r="AF3690">
        <v>45788.020409999997</v>
      </c>
      <c r="AG3690">
        <v>25659.943200000002</v>
      </c>
      <c r="AH3690">
        <v>215778.7715</v>
      </c>
      <c r="AI3690">
        <v>63382.193209999998</v>
      </c>
      <c r="AJ3690">
        <v>17211.175279999999</v>
      </c>
      <c r="AK3690">
        <v>27848.798360000001</v>
      </c>
      <c r="AL3690">
        <v>54907.36217</v>
      </c>
      <c r="AM3690">
        <v>17837.058229999999</v>
      </c>
      <c r="AN3690">
        <v>84068.138510000004</v>
      </c>
      <c r="AO3690">
        <v>26549.660159999999</v>
      </c>
      <c r="AP3690">
        <v>10955.025170000001</v>
      </c>
    </row>
    <row r="3691" spans="2:42" x14ac:dyDescent="0.3">
      <c r="B3691">
        <v>42.346490830649941</v>
      </c>
      <c r="C3691" s="83">
        <v>43254.708333333336</v>
      </c>
      <c r="D3691">
        <v>164328.79509999999</v>
      </c>
      <c r="E3691">
        <v>17143.767240000001</v>
      </c>
      <c r="F3691">
        <v>52495.528460000001</v>
      </c>
      <c r="G3691">
        <v>31760.346130000002</v>
      </c>
      <c r="H3691">
        <v>32123.188610000001</v>
      </c>
      <c r="I3691">
        <v>23246.86793</v>
      </c>
      <c r="J3691">
        <v>40389.386059999997</v>
      </c>
      <c r="K3691">
        <v>44853.115440000001</v>
      </c>
      <c r="L3691">
        <v>25588.79953</v>
      </c>
      <c r="M3691">
        <v>215902.15820000001</v>
      </c>
      <c r="N3691">
        <v>63688.764260000004</v>
      </c>
      <c r="O3691">
        <v>16460.324550000001</v>
      </c>
      <c r="P3691">
        <v>28049.61031</v>
      </c>
      <c r="Q3691">
        <v>55345.503510000002</v>
      </c>
      <c r="R3691">
        <v>19969.983670000001</v>
      </c>
      <c r="S3691">
        <v>85784.865380000003</v>
      </c>
      <c r="T3691">
        <v>26151.766380000001</v>
      </c>
      <c r="U3691">
        <v>10931.760270000001</v>
      </c>
      <c r="W3691" s="83">
        <f>Bühler!N3723</f>
        <v>45445.708333324386</v>
      </c>
      <c r="X3691" s="83">
        <v>43254.708333333336</v>
      </c>
      <c r="Y3691">
        <v>164328.79509999999</v>
      </c>
      <c r="Z3691">
        <v>17143.767240000001</v>
      </c>
      <c r="AA3691">
        <v>52495.528460000001</v>
      </c>
      <c r="AB3691">
        <v>31760.346130000002</v>
      </c>
      <c r="AC3691">
        <v>32123.188610000001</v>
      </c>
      <c r="AD3691">
        <v>23246.86793</v>
      </c>
      <c r="AE3691">
        <v>40389.386059999997</v>
      </c>
      <c r="AF3691">
        <v>44853.115440000001</v>
      </c>
      <c r="AG3691">
        <v>25588.79953</v>
      </c>
      <c r="AH3691">
        <v>215902.15820000001</v>
      </c>
      <c r="AI3691">
        <v>63688.764260000004</v>
      </c>
      <c r="AJ3691">
        <v>16460.324550000001</v>
      </c>
      <c r="AK3691">
        <v>28049.61031</v>
      </c>
      <c r="AL3691">
        <v>55345.503510000002</v>
      </c>
      <c r="AM3691">
        <v>19969.983670000001</v>
      </c>
      <c r="AN3691">
        <v>85784.865380000003</v>
      </c>
      <c r="AO3691">
        <v>26151.766380000001</v>
      </c>
      <c r="AP3691">
        <v>10931.760270000001</v>
      </c>
    </row>
    <row r="3692" spans="2:42" x14ac:dyDescent="0.3">
      <c r="B3692">
        <v>41.973150815764228</v>
      </c>
      <c r="C3692" s="83">
        <v>43254.75</v>
      </c>
      <c r="D3692">
        <v>164378.5116</v>
      </c>
      <c r="E3692">
        <v>16258.579830000001</v>
      </c>
      <c r="F3692">
        <v>52920.29999</v>
      </c>
      <c r="G3692">
        <v>31758.72248</v>
      </c>
      <c r="H3692">
        <v>32016.818200000002</v>
      </c>
      <c r="I3692">
        <v>23406.078959999999</v>
      </c>
      <c r="J3692">
        <v>40406.225579999998</v>
      </c>
      <c r="K3692">
        <v>44860.479339999998</v>
      </c>
      <c r="L3692">
        <v>25654.151180000001</v>
      </c>
      <c r="M3692">
        <v>213998.6967</v>
      </c>
      <c r="N3692">
        <v>63910.380380000002</v>
      </c>
      <c r="O3692">
        <v>16945.595280000001</v>
      </c>
      <c r="P3692">
        <v>29629.524570000001</v>
      </c>
      <c r="Q3692">
        <v>55658.985009999997</v>
      </c>
      <c r="R3692">
        <v>18183.497459999999</v>
      </c>
      <c r="S3692">
        <v>82913.741569999998</v>
      </c>
      <c r="T3692">
        <v>25468.644400000001</v>
      </c>
      <c r="U3692">
        <v>10935.380789999999</v>
      </c>
      <c r="W3692" s="83">
        <f>Bühler!N3724</f>
        <v>45445.749999991051</v>
      </c>
      <c r="X3692" s="83">
        <v>43254.75</v>
      </c>
      <c r="Y3692">
        <v>164378.5116</v>
      </c>
      <c r="Z3692">
        <v>16258.579830000001</v>
      </c>
      <c r="AA3692">
        <v>52920.29999</v>
      </c>
      <c r="AB3692">
        <v>31758.72248</v>
      </c>
      <c r="AC3692">
        <v>32016.818200000002</v>
      </c>
      <c r="AD3692">
        <v>23406.078959999999</v>
      </c>
      <c r="AE3692">
        <v>40406.225579999998</v>
      </c>
      <c r="AF3692">
        <v>44860.479339999998</v>
      </c>
      <c r="AG3692">
        <v>25654.151180000001</v>
      </c>
      <c r="AH3692">
        <v>213998.6967</v>
      </c>
      <c r="AI3692">
        <v>63910.380380000002</v>
      </c>
      <c r="AJ3692">
        <v>16945.595280000001</v>
      </c>
      <c r="AK3692">
        <v>29629.524570000001</v>
      </c>
      <c r="AL3692">
        <v>55658.985009999997</v>
      </c>
      <c r="AM3692">
        <v>18183.497459999999</v>
      </c>
      <c r="AN3692">
        <v>82913.741569999998</v>
      </c>
      <c r="AO3692">
        <v>25468.644400000001</v>
      </c>
      <c r="AP3692">
        <v>10935.380789999999</v>
      </c>
    </row>
    <row r="3693" spans="2:42" x14ac:dyDescent="0.3">
      <c r="B3693">
        <v>42.045676429389871</v>
      </c>
      <c r="C3693" s="83">
        <v>43254.791666666664</v>
      </c>
      <c r="D3693">
        <v>163759.97719999999</v>
      </c>
      <c r="E3693">
        <v>14304.92138</v>
      </c>
      <c r="F3693">
        <v>51267.645369999998</v>
      </c>
      <c r="G3693">
        <v>31730.093529999998</v>
      </c>
      <c r="H3693">
        <v>32125.228640000001</v>
      </c>
      <c r="I3693">
        <v>23011.02204</v>
      </c>
      <c r="J3693">
        <v>39689.473290000002</v>
      </c>
      <c r="K3693">
        <v>45366.601900000001</v>
      </c>
      <c r="L3693">
        <v>26477.31062</v>
      </c>
      <c r="M3693">
        <v>214368.46609999999</v>
      </c>
      <c r="N3693">
        <v>64614.916539999998</v>
      </c>
      <c r="O3693">
        <v>16791.042580000001</v>
      </c>
      <c r="P3693">
        <v>31155.470369999999</v>
      </c>
      <c r="Q3693">
        <v>56177.202669999999</v>
      </c>
      <c r="R3693">
        <v>17644.072909999999</v>
      </c>
      <c r="S3693">
        <v>80822.012419999999</v>
      </c>
      <c r="T3693">
        <v>24907.303940000002</v>
      </c>
      <c r="U3693">
        <v>10957.17931</v>
      </c>
      <c r="W3693" s="83">
        <f>Bühler!N3725</f>
        <v>45445.791666657715</v>
      </c>
      <c r="X3693" s="83">
        <v>43254.791666666664</v>
      </c>
      <c r="Y3693">
        <v>163759.97719999999</v>
      </c>
      <c r="Z3693">
        <v>14304.92138</v>
      </c>
      <c r="AA3693">
        <v>51267.645369999998</v>
      </c>
      <c r="AB3693">
        <v>31730.093529999998</v>
      </c>
      <c r="AC3693">
        <v>32125.228640000001</v>
      </c>
      <c r="AD3693">
        <v>23011.02204</v>
      </c>
      <c r="AE3693">
        <v>39689.473290000002</v>
      </c>
      <c r="AF3693">
        <v>45366.601900000001</v>
      </c>
      <c r="AG3693">
        <v>26477.31062</v>
      </c>
      <c r="AH3693">
        <v>214368.46609999999</v>
      </c>
      <c r="AI3693">
        <v>64614.916539999998</v>
      </c>
      <c r="AJ3693">
        <v>16791.042580000001</v>
      </c>
      <c r="AK3693">
        <v>31155.470369999999</v>
      </c>
      <c r="AL3693">
        <v>56177.202669999999</v>
      </c>
      <c r="AM3693">
        <v>17644.072909999999</v>
      </c>
      <c r="AN3693">
        <v>80822.012419999999</v>
      </c>
      <c r="AO3693">
        <v>24907.303940000002</v>
      </c>
      <c r="AP3693">
        <v>10957.17931</v>
      </c>
    </row>
    <row r="3694" spans="2:42" x14ac:dyDescent="0.3">
      <c r="B3694">
        <v>41.854325573158505</v>
      </c>
      <c r="C3694" s="83">
        <v>43254.833333333336</v>
      </c>
      <c r="D3694">
        <v>163932.6759</v>
      </c>
      <c r="E3694">
        <v>12508.051740000001</v>
      </c>
      <c r="F3694">
        <v>49130.493580000002</v>
      </c>
      <c r="G3694">
        <v>31698.444289999999</v>
      </c>
      <c r="H3694">
        <v>31385.486649999999</v>
      </c>
      <c r="I3694">
        <v>21577.578560000002</v>
      </c>
      <c r="J3694">
        <v>39263.69773</v>
      </c>
      <c r="K3694">
        <v>46083.51124</v>
      </c>
      <c r="L3694">
        <v>26168.143629999999</v>
      </c>
      <c r="M3694">
        <v>213392.8702</v>
      </c>
      <c r="N3694">
        <v>64805.013480000001</v>
      </c>
      <c r="O3694">
        <v>17610.753430000001</v>
      </c>
      <c r="P3694">
        <v>31275.766019999999</v>
      </c>
      <c r="Q3694">
        <v>56758.552499999998</v>
      </c>
      <c r="R3694">
        <v>17482.215700000001</v>
      </c>
      <c r="S3694">
        <v>75793.500830000004</v>
      </c>
      <c r="T3694">
        <v>22028.283390000001</v>
      </c>
      <c r="U3694">
        <v>10995.155129999999</v>
      </c>
      <c r="W3694" s="83">
        <f>Bühler!N3726</f>
        <v>45445.833333324379</v>
      </c>
      <c r="X3694" s="83">
        <v>43254.833333333336</v>
      </c>
      <c r="Y3694">
        <v>163932.6759</v>
      </c>
      <c r="Z3694">
        <v>12508.051740000001</v>
      </c>
      <c r="AA3694">
        <v>49130.493580000002</v>
      </c>
      <c r="AB3694">
        <v>31698.444289999999</v>
      </c>
      <c r="AC3694">
        <v>31385.486649999999</v>
      </c>
      <c r="AD3694">
        <v>21577.578560000002</v>
      </c>
      <c r="AE3694">
        <v>39263.69773</v>
      </c>
      <c r="AF3694">
        <v>46083.51124</v>
      </c>
      <c r="AG3694">
        <v>26168.143629999999</v>
      </c>
      <c r="AH3694">
        <v>213392.8702</v>
      </c>
      <c r="AI3694">
        <v>64805.013480000001</v>
      </c>
      <c r="AJ3694">
        <v>17610.753430000001</v>
      </c>
      <c r="AK3694">
        <v>31275.766019999999</v>
      </c>
      <c r="AL3694">
        <v>56758.552499999998</v>
      </c>
      <c r="AM3694">
        <v>17482.215700000001</v>
      </c>
      <c r="AN3694">
        <v>75793.500830000004</v>
      </c>
      <c r="AO3694">
        <v>22028.283390000001</v>
      </c>
      <c r="AP3694">
        <v>10995.155129999999</v>
      </c>
    </row>
    <row r="3695" spans="2:42" x14ac:dyDescent="0.3">
      <c r="B3695">
        <v>42.338373350367796</v>
      </c>
      <c r="C3695" s="83">
        <v>43254.875</v>
      </c>
      <c r="D3695">
        <v>166223.9663</v>
      </c>
      <c r="E3695">
        <v>12003.409100000001</v>
      </c>
      <c r="F3695">
        <v>46988.978519999997</v>
      </c>
      <c r="G3695">
        <v>31994.091840000001</v>
      </c>
      <c r="H3695">
        <v>31432.075919999999</v>
      </c>
      <c r="I3695">
        <v>21070.864979999998</v>
      </c>
      <c r="J3695">
        <v>39475.045689999999</v>
      </c>
      <c r="K3695">
        <v>46196.153509999996</v>
      </c>
      <c r="L3695">
        <v>25408.300719999999</v>
      </c>
      <c r="M3695">
        <v>215860.7715</v>
      </c>
      <c r="N3695">
        <v>65157.1011</v>
      </c>
      <c r="O3695">
        <v>16728.49181</v>
      </c>
      <c r="P3695">
        <v>31364.65638</v>
      </c>
      <c r="Q3695">
        <v>58807.392809999998</v>
      </c>
      <c r="R3695">
        <v>17537.14862</v>
      </c>
      <c r="S3695">
        <v>73908.73719</v>
      </c>
      <c r="T3695">
        <v>21748.70189</v>
      </c>
      <c r="U3695">
        <v>11384.1037</v>
      </c>
      <c r="W3695" s="83">
        <f>Bühler!N3727</f>
        <v>45445.874999991043</v>
      </c>
      <c r="X3695" s="83">
        <v>43254.875</v>
      </c>
      <c r="Y3695">
        <v>166223.9663</v>
      </c>
      <c r="Z3695">
        <v>12003.409100000001</v>
      </c>
      <c r="AA3695">
        <v>46988.978519999997</v>
      </c>
      <c r="AB3695">
        <v>31994.091840000001</v>
      </c>
      <c r="AC3695">
        <v>31432.075919999999</v>
      </c>
      <c r="AD3695">
        <v>21070.864979999998</v>
      </c>
      <c r="AE3695">
        <v>39475.045689999999</v>
      </c>
      <c r="AF3695">
        <v>46196.153509999996</v>
      </c>
      <c r="AG3695">
        <v>25408.300719999999</v>
      </c>
      <c r="AH3695">
        <v>215860.7715</v>
      </c>
      <c r="AI3695">
        <v>65157.1011</v>
      </c>
      <c r="AJ3695">
        <v>16728.49181</v>
      </c>
      <c r="AK3695">
        <v>31364.65638</v>
      </c>
      <c r="AL3695">
        <v>58807.392809999998</v>
      </c>
      <c r="AM3695">
        <v>17537.14862</v>
      </c>
      <c r="AN3695">
        <v>73908.73719</v>
      </c>
      <c r="AO3695">
        <v>21748.70189</v>
      </c>
      <c r="AP3695">
        <v>11384.1037</v>
      </c>
    </row>
    <row r="3696" spans="2:42" x14ac:dyDescent="0.3">
      <c r="B3696">
        <v>42.989989204465154</v>
      </c>
      <c r="C3696" s="83">
        <v>43254.916666666664</v>
      </c>
      <c r="D3696">
        <v>169260.27340000001</v>
      </c>
      <c r="E3696">
        <v>11921.256020000001</v>
      </c>
      <c r="F3696">
        <v>47005.830809999999</v>
      </c>
      <c r="G3696">
        <v>32347.248169999999</v>
      </c>
      <c r="H3696">
        <v>33060.410550000001</v>
      </c>
      <c r="I3696">
        <v>20630.447960000001</v>
      </c>
      <c r="J3696">
        <v>40101.155890000002</v>
      </c>
      <c r="K3696">
        <v>48646.03716</v>
      </c>
      <c r="L3696">
        <v>23364.997050000002</v>
      </c>
      <c r="M3696">
        <v>219183.01300000001</v>
      </c>
      <c r="N3696">
        <v>66224.734939999995</v>
      </c>
      <c r="O3696">
        <v>17503.91877</v>
      </c>
      <c r="P3696">
        <v>30661.764019999999</v>
      </c>
      <c r="Q3696">
        <v>59994.132060000004</v>
      </c>
      <c r="R3696">
        <v>18940.64544</v>
      </c>
      <c r="S3696">
        <v>74142.872329999998</v>
      </c>
      <c r="T3696">
        <v>21213.701659999999</v>
      </c>
      <c r="U3696">
        <v>12218.071389999999</v>
      </c>
      <c r="W3696" s="83">
        <f>Bühler!N3728</f>
        <v>45445.916666657708</v>
      </c>
      <c r="X3696" s="83">
        <v>43254.916666666664</v>
      </c>
      <c r="Y3696">
        <v>169260.27340000001</v>
      </c>
      <c r="Z3696">
        <v>11921.256020000001</v>
      </c>
      <c r="AA3696">
        <v>47005.830809999999</v>
      </c>
      <c r="AB3696">
        <v>32347.248169999999</v>
      </c>
      <c r="AC3696">
        <v>33060.410550000001</v>
      </c>
      <c r="AD3696">
        <v>20630.447960000001</v>
      </c>
      <c r="AE3696">
        <v>40101.155890000002</v>
      </c>
      <c r="AF3696">
        <v>48646.03716</v>
      </c>
      <c r="AG3696">
        <v>23364.997050000002</v>
      </c>
      <c r="AH3696">
        <v>219183.01300000001</v>
      </c>
      <c r="AI3696">
        <v>66224.734939999995</v>
      </c>
      <c r="AJ3696">
        <v>17503.91877</v>
      </c>
      <c r="AK3696">
        <v>30661.764019999999</v>
      </c>
      <c r="AL3696">
        <v>59994.132060000004</v>
      </c>
      <c r="AM3696">
        <v>18940.64544</v>
      </c>
      <c r="AN3696">
        <v>74142.872329999998</v>
      </c>
      <c r="AO3696">
        <v>21213.701659999999</v>
      </c>
      <c r="AP3696">
        <v>12218.071389999999</v>
      </c>
    </row>
    <row r="3697" spans="2:42" x14ac:dyDescent="0.3">
      <c r="B3697">
        <v>43.135728952492002</v>
      </c>
      <c r="C3697" s="83">
        <v>43254.958333333336</v>
      </c>
      <c r="D3697">
        <v>170454.94200000001</v>
      </c>
      <c r="E3697">
        <v>11631.24008</v>
      </c>
      <c r="F3697">
        <v>46647.56551</v>
      </c>
      <c r="G3697">
        <v>32387.49367</v>
      </c>
      <c r="H3697">
        <v>32716.024079999999</v>
      </c>
      <c r="I3697">
        <v>19823.934359999999</v>
      </c>
      <c r="J3697">
        <v>36940.955130000002</v>
      </c>
      <c r="K3697">
        <v>48750.121870000003</v>
      </c>
      <c r="L3697">
        <v>19142.624319999999</v>
      </c>
      <c r="M3697">
        <v>219926.06219999999</v>
      </c>
      <c r="N3697">
        <v>66588.351710000003</v>
      </c>
      <c r="O3697">
        <v>17200.432150000001</v>
      </c>
      <c r="P3697">
        <v>26747.379110000002</v>
      </c>
      <c r="Q3697">
        <v>61469.998939999998</v>
      </c>
      <c r="R3697">
        <v>19869.886149999998</v>
      </c>
      <c r="S3697">
        <v>72846.001380000002</v>
      </c>
      <c r="T3697">
        <v>20046.68418</v>
      </c>
      <c r="U3697">
        <v>11881.63177</v>
      </c>
      <c r="W3697" s="83">
        <f>Bühler!N3729</f>
        <v>45445.958333324372</v>
      </c>
      <c r="X3697" s="83">
        <v>43254.958333333336</v>
      </c>
      <c r="Y3697">
        <v>170454.94200000001</v>
      </c>
      <c r="Z3697">
        <v>11631.24008</v>
      </c>
      <c r="AA3697">
        <v>46647.56551</v>
      </c>
      <c r="AB3697">
        <v>32387.49367</v>
      </c>
      <c r="AC3697">
        <v>32716.024079999999</v>
      </c>
      <c r="AD3697">
        <v>19823.934359999999</v>
      </c>
      <c r="AE3697">
        <v>36940.955130000002</v>
      </c>
      <c r="AF3697">
        <v>48750.121870000003</v>
      </c>
      <c r="AG3697">
        <v>19142.624319999999</v>
      </c>
      <c r="AH3697">
        <v>219926.06219999999</v>
      </c>
      <c r="AI3697">
        <v>66588.351710000003</v>
      </c>
      <c r="AJ3697">
        <v>17200.432150000001</v>
      </c>
      <c r="AK3697">
        <v>26747.379110000002</v>
      </c>
      <c r="AL3697">
        <v>61469.998939999998</v>
      </c>
      <c r="AM3697">
        <v>19869.886149999998</v>
      </c>
      <c r="AN3697">
        <v>72846.001380000002</v>
      </c>
      <c r="AO3697">
        <v>20046.68418</v>
      </c>
      <c r="AP3697">
        <v>11881.63177</v>
      </c>
    </row>
    <row r="3698" spans="2:42" x14ac:dyDescent="0.3">
      <c r="B3698">
        <v>40.952497338623886</v>
      </c>
      <c r="C3698" s="83">
        <v>43255</v>
      </c>
      <c r="D3698">
        <v>167678.18770000001</v>
      </c>
      <c r="E3698">
        <v>11509.434069999999</v>
      </c>
      <c r="F3698">
        <v>45575.512549999999</v>
      </c>
      <c r="G3698">
        <v>31888.99584</v>
      </c>
      <c r="H3698">
        <v>32469.31899</v>
      </c>
      <c r="I3698">
        <v>18672.646550000001</v>
      </c>
      <c r="J3698">
        <v>34273.337899999999</v>
      </c>
      <c r="K3698">
        <v>46398.037369999998</v>
      </c>
      <c r="L3698">
        <v>16019.52209</v>
      </c>
      <c r="M3698">
        <v>208794.92929999999</v>
      </c>
      <c r="N3698">
        <v>65317.563549999999</v>
      </c>
      <c r="O3698">
        <v>17274.32375</v>
      </c>
      <c r="P3698">
        <v>26037.136450000002</v>
      </c>
      <c r="Q3698">
        <v>59701.520219999999</v>
      </c>
      <c r="R3698">
        <v>16164.8609</v>
      </c>
      <c r="S3698">
        <v>71631.761740000002</v>
      </c>
      <c r="T3698">
        <v>18721.21862</v>
      </c>
      <c r="U3698">
        <v>11895.32187</v>
      </c>
      <c r="W3698" s="83">
        <f>Bühler!N3730</f>
        <v>45445.999999991036</v>
      </c>
      <c r="X3698" s="83">
        <v>43255</v>
      </c>
      <c r="Y3698">
        <v>167678.18770000001</v>
      </c>
      <c r="Z3698">
        <v>11509.434069999999</v>
      </c>
      <c r="AA3698">
        <v>45575.512549999999</v>
      </c>
      <c r="AB3698">
        <v>31888.99584</v>
      </c>
      <c r="AC3698">
        <v>32469.31899</v>
      </c>
      <c r="AD3698">
        <v>18672.646550000001</v>
      </c>
      <c r="AE3698">
        <v>34273.337899999999</v>
      </c>
      <c r="AF3698">
        <v>46398.037369999998</v>
      </c>
      <c r="AG3698">
        <v>16019.52209</v>
      </c>
      <c r="AH3698">
        <v>208794.92929999999</v>
      </c>
      <c r="AI3698">
        <v>65317.563549999999</v>
      </c>
      <c r="AJ3698">
        <v>17274.32375</v>
      </c>
      <c r="AK3698">
        <v>26037.136450000002</v>
      </c>
      <c r="AL3698">
        <v>59701.520219999999</v>
      </c>
      <c r="AM3698">
        <v>16164.8609</v>
      </c>
      <c r="AN3698">
        <v>71631.761740000002</v>
      </c>
      <c r="AO3698">
        <v>18721.21862</v>
      </c>
      <c r="AP3698">
        <v>11895.32187</v>
      </c>
    </row>
    <row r="3699" spans="2:42" x14ac:dyDescent="0.3">
      <c r="B3699">
        <v>41.063716548866331</v>
      </c>
      <c r="C3699" s="83">
        <v>43255.041666666664</v>
      </c>
      <c r="D3699">
        <v>167343.06570000001</v>
      </c>
      <c r="E3699">
        <v>11377.27015</v>
      </c>
      <c r="F3699">
        <v>45465.699099999998</v>
      </c>
      <c r="G3699">
        <v>31171.81237</v>
      </c>
      <c r="H3699">
        <v>31822.21415</v>
      </c>
      <c r="I3699">
        <v>14791.400970000001</v>
      </c>
      <c r="J3699">
        <v>32784.59562</v>
      </c>
      <c r="K3699">
        <v>45413.744740000002</v>
      </c>
      <c r="L3699">
        <v>16987.73688</v>
      </c>
      <c r="M3699">
        <v>209361.9767</v>
      </c>
      <c r="N3699">
        <v>65560.888170000006</v>
      </c>
      <c r="O3699">
        <v>16779.647099999998</v>
      </c>
      <c r="P3699">
        <v>23718.90165</v>
      </c>
      <c r="Q3699">
        <v>63198.082249999999</v>
      </c>
      <c r="R3699">
        <v>14500.20522</v>
      </c>
      <c r="S3699">
        <v>70409.965989999997</v>
      </c>
      <c r="T3699">
        <v>18449.122960000001</v>
      </c>
      <c r="U3699">
        <v>11795.10025</v>
      </c>
      <c r="W3699" s="83">
        <f>Bühler!N3731</f>
        <v>45446.0416666577</v>
      </c>
      <c r="X3699" s="83">
        <v>43255.041666666664</v>
      </c>
      <c r="Y3699">
        <v>167343.06570000001</v>
      </c>
      <c r="Z3699">
        <v>11377.27015</v>
      </c>
      <c r="AA3699">
        <v>45465.699099999998</v>
      </c>
      <c r="AB3699">
        <v>31171.81237</v>
      </c>
      <c r="AC3699">
        <v>31822.21415</v>
      </c>
      <c r="AD3699">
        <v>14791.400970000001</v>
      </c>
      <c r="AE3699">
        <v>32784.59562</v>
      </c>
      <c r="AF3699">
        <v>45413.744740000002</v>
      </c>
      <c r="AG3699">
        <v>16987.73688</v>
      </c>
      <c r="AH3699">
        <v>209361.9767</v>
      </c>
      <c r="AI3699">
        <v>65560.888170000006</v>
      </c>
      <c r="AJ3699">
        <v>16779.647099999998</v>
      </c>
      <c r="AK3699">
        <v>23718.90165</v>
      </c>
      <c r="AL3699">
        <v>63198.082249999999</v>
      </c>
      <c r="AM3699">
        <v>14500.20522</v>
      </c>
      <c r="AN3699">
        <v>70409.965989999997</v>
      </c>
      <c r="AO3699">
        <v>18449.122960000001</v>
      </c>
      <c r="AP3699">
        <v>11795.10025</v>
      </c>
    </row>
    <row r="3700" spans="2:42" x14ac:dyDescent="0.3">
      <c r="B3700">
        <v>41.835168086681392</v>
      </c>
      <c r="C3700" s="83">
        <v>43255.083333333336</v>
      </c>
      <c r="D3700">
        <v>169350.46030000001</v>
      </c>
      <c r="E3700">
        <v>11381.81637</v>
      </c>
      <c r="F3700">
        <v>47107.500469999999</v>
      </c>
      <c r="G3700">
        <v>30650.98184</v>
      </c>
      <c r="H3700">
        <v>31670.646820000002</v>
      </c>
      <c r="I3700">
        <v>13563.36058</v>
      </c>
      <c r="J3700">
        <v>32344.751489999999</v>
      </c>
      <c r="K3700">
        <v>42594.925790000001</v>
      </c>
      <c r="L3700">
        <v>15990.65396</v>
      </c>
      <c r="M3700">
        <v>213295.19639999999</v>
      </c>
      <c r="N3700">
        <v>64556.243340000001</v>
      </c>
      <c r="O3700">
        <v>16865.354770000002</v>
      </c>
      <c r="P3700">
        <v>23318.116709999998</v>
      </c>
      <c r="Q3700">
        <v>66700.942020000002</v>
      </c>
      <c r="R3700">
        <v>15470.890810000001</v>
      </c>
      <c r="S3700">
        <v>69965.275500000003</v>
      </c>
      <c r="T3700">
        <v>18104.642179999999</v>
      </c>
      <c r="U3700">
        <v>11823.413399999999</v>
      </c>
      <c r="W3700" s="83">
        <f>Bühler!N3732</f>
        <v>45446.083333324365</v>
      </c>
      <c r="X3700" s="83">
        <v>43255.083333333336</v>
      </c>
      <c r="Y3700">
        <v>169350.46030000001</v>
      </c>
      <c r="Z3700">
        <v>11381.81637</v>
      </c>
      <c r="AA3700">
        <v>47107.500469999999</v>
      </c>
      <c r="AB3700">
        <v>30650.98184</v>
      </c>
      <c r="AC3700">
        <v>31670.646820000002</v>
      </c>
      <c r="AD3700">
        <v>13563.36058</v>
      </c>
      <c r="AE3700">
        <v>32344.751489999999</v>
      </c>
      <c r="AF3700">
        <v>42594.925790000001</v>
      </c>
      <c r="AG3700">
        <v>15990.65396</v>
      </c>
      <c r="AH3700">
        <v>213295.19639999999</v>
      </c>
      <c r="AI3700">
        <v>64556.243340000001</v>
      </c>
      <c r="AJ3700">
        <v>16865.354770000002</v>
      </c>
      <c r="AK3700">
        <v>23318.116709999998</v>
      </c>
      <c r="AL3700">
        <v>66700.942020000002</v>
      </c>
      <c r="AM3700">
        <v>15470.890810000001</v>
      </c>
      <c r="AN3700">
        <v>69965.275500000003</v>
      </c>
      <c r="AO3700">
        <v>18104.642179999999</v>
      </c>
      <c r="AP3700">
        <v>11823.413399999999</v>
      </c>
    </row>
    <row r="3701" spans="2:42" x14ac:dyDescent="0.3">
      <c r="B3701">
        <v>43.311235475431367</v>
      </c>
      <c r="C3701" s="83">
        <v>43255.125</v>
      </c>
      <c r="D3701">
        <v>174256.94099999999</v>
      </c>
      <c r="E3701">
        <v>11512.30528</v>
      </c>
      <c r="F3701">
        <v>49114.539149999997</v>
      </c>
      <c r="G3701">
        <v>30185.417290000001</v>
      </c>
      <c r="H3701">
        <v>31844.33887</v>
      </c>
      <c r="I3701">
        <v>13104.16029</v>
      </c>
      <c r="J3701">
        <v>32643.659090000001</v>
      </c>
      <c r="K3701">
        <v>41870.055050000003</v>
      </c>
      <c r="L3701">
        <v>15853.468430000001</v>
      </c>
      <c r="M3701">
        <v>220820.8763</v>
      </c>
      <c r="N3701">
        <v>63927.361490000003</v>
      </c>
      <c r="O3701">
        <v>16087.353730000001</v>
      </c>
      <c r="P3701">
        <v>23080.036029999999</v>
      </c>
      <c r="Q3701">
        <v>70803.969570000001</v>
      </c>
      <c r="R3701">
        <v>14980.89818</v>
      </c>
      <c r="S3701">
        <v>69322.444220000005</v>
      </c>
      <c r="T3701">
        <v>17880.457729999998</v>
      </c>
      <c r="U3701">
        <v>11859.90885</v>
      </c>
      <c r="W3701" s="83">
        <f>Bühler!N3733</f>
        <v>45446.124999991029</v>
      </c>
      <c r="X3701" s="83">
        <v>43255.125</v>
      </c>
      <c r="Y3701">
        <v>174256.94099999999</v>
      </c>
      <c r="Z3701">
        <v>11512.30528</v>
      </c>
      <c r="AA3701">
        <v>49114.539149999997</v>
      </c>
      <c r="AB3701">
        <v>30185.417290000001</v>
      </c>
      <c r="AC3701">
        <v>31844.33887</v>
      </c>
      <c r="AD3701">
        <v>13104.16029</v>
      </c>
      <c r="AE3701">
        <v>32643.659090000001</v>
      </c>
      <c r="AF3701">
        <v>41870.055050000003</v>
      </c>
      <c r="AG3701">
        <v>15853.468430000001</v>
      </c>
      <c r="AH3701">
        <v>220820.8763</v>
      </c>
      <c r="AI3701">
        <v>63927.361490000003</v>
      </c>
      <c r="AJ3701">
        <v>16087.353730000001</v>
      </c>
      <c r="AK3701">
        <v>23080.036029999999</v>
      </c>
      <c r="AL3701">
        <v>70803.969570000001</v>
      </c>
      <c r="AM3701">
        <v>14980.89818</v>
      </c>
      <c r="AN3701">
        <v>69322.444220000005</v>
      </c>
      <c r="AO3701">
        <v>17880.457729999998</v>
      </c>
      <c r="AP3701">
        <v>11859.90885</v>
      </c>
    </row>
    <row r="3702" spans="2:42" x14ac:dyDescent="0.3">
      <c r="B3702">
        <v>45.715194073557335</v>
      </c>
      <c r="C3702" s="83">
        <v>43255.166666666664</v>
      </c>
      <c r="D3702">
        <v>186116.39670000001</v>
      </c>
      <c r="E3702">
        <v>12373.10158</v>
      </c>
      <c r="F3702">
        <v>53024.431859999997</v>
      </c>
      <c r="G3702">
        <v>29676.254349999999</v>
      </c>
      <c r="H3702">
        <v>32574.414649999999</v>
      </c>
      <c r="I3702">
        <v>15115.46789</v>
      </c>
      <c r="J3702">
        <v>34588.78673</v>
      </c>
      <c r="K3702">
        <v>41527.418989999998</v>
      </c>
      <c r="L3702">
        <v>16429.847720000002</v>
      </c>
      <c r="M3702">
        <v>233077.37830000001</v>
      </c>
      <c r="N3702">
        <v>64973.86378</v>
      </c>
      <c r="O3702">
        <v>16877.329679999999</v>
      </c>
      <c r="P3702">
        <v>22725.691589999999</v>
      </c>
      <c r="Q3702">
        <v>78210.776280000005</v>
      </c>
      <c r="R3702">
        <v>15189.763580000001</v>
      </c>
      <c r="S3702">
        <v>69605.856889999995</v>
      </c>
      <c r="T3702">
        <v>17978.471590000001</v>
      </c>
      <c r="U3702">
        <v>12733.37379</v>
      </c>
      <c r="W3702" s="83">
        <f>Bühler!N3734</f>
        <v>45446.166666657693</v>
      </c>
      <c r="X3702" s="83">
        <v>43255.166666666664</v>
      </c>
      <c r="Y3702">
        <v>186116.39670000001</v>
      </c>
      <c r="Z3702">
        <v>12373.10158</v>
      </c>
      <c r="AA3702">
        <v>53024.431859999997</v>
      </c>
      <c r="AB3702">
        <v>29676.254349999999</v>
      </c>
      <c r="AC3702">
        <v>32574.414649999999</v>
      </c>
      <c r="AD3702">
        <v>15115.46789</v>
      </c>
      <c r="AE3702">
        <v>34588.78673</v>
      </c>
      <c r="AF3702">
        <v>41527.418989999998</v>
      </c>
      <c r="AG3702">
        <v>16429.847720000002</v>
      </c>
      <c r="AH3702">
        <v>233077.37830000001</v>
      </c>
      <c r="AI3702">
        <v>64973.86378</v>
      </c>
      <c r="AJ3702">
        <v>16877.329679999999</v>
      </c>
      <c r="AK3702">
        <v>22725.691589999999</v>
      </c>
      <c r="AL3702">
        <v>78210.776280000005</v>
      </c>
      <c r="AM3702">
        <v>15189.763580000001</v>
      </c>
      <c r="AN3702">
        <v>69605.856889999995</v>
      </c>
      <c r="AO3702">
        <v>17978.471590000001</v>
      </c>
      <c r="AP3702">
        <v>12733.37379</v>
      </c>
    </row>
    <row r="3703" spans="2:42" x14ac:dyDescent="0.3">
      <c r="B3703">
        <v>51.577822008163857</v>
      </c>
      <c r="C3703" s="83">
        <v>43255.208333333336</v>
      </c>
      <c r="D3703">
        <v>218681.77619999999</v>
      </c>
      <c r="E3703">
        <v>14351.782219999999</v>
      </c>
      <c r="F3703">
        <v>63639.956489999997</v>
      </c>
      <c r="G3703">
        <v>31562.184969999998</v>
      </c>
      <c r="H3703">
        <v>34482.620589999999</v>
      </c>
      <c r="I3703">
        <v>22909.288550000001</v>
      </c>
      <c r="J3703">
        <v>37685.05156</v>
      </c>
      <c r="K3703">
        <v>44267.640480000002</v>
      </c>
      <c r="L3703">
        <v>16834.566439999999</v>
      </c>
      <c r="M3703">
        <v>262967.78950000001</v>
      </c>
      <c r="N3703">
        <v>66996.593169999993</v>
      </c>
      <c r="O3703">
        <v>17853.226259999999</v>
      </c>
      <c r="P3703">
        <v>24834.030559999999</v>
      </c>
      <c r="Q3703">
        <v>84615.677200000006</v>
      </c>
      <c r="R3703">
        <v>17645.131819999999</v>
      </c>
      <c r="S3703">
        <v>72418.124330000006</v>
      </c>
      <c r="T3703">
        <v>19688.419590000001</v>
      </c>
      <c r="U3703">
        <v>14405.542949999999</v>
      </c>
      <c r="W3703" s="83">
        <f>Bühler!N3735</f>
        <v>45446.208333324357</v>
      </c>
      <c r="X3703" s="83">
        <v>43255.208333333336</v>
      </c>
      <c r="Y3703">
        <v>218681.77619999999</v>
      </c>
      <c r="Z3703">
        <v>14351.782219999999</v>
      </c>
      <c r="AA3703">
        <v>63639.956489999997</v>
      </c>
      <c r="AB3703">
        <v>31562.184969999998</v>
      </c>
      <c r="AC3703">
        <v>34482.620589999999</v>
      </c>
      <c r="AD3703">
        <v>22909.288550000001</v>
      </c>
      <c r="AE3703">
        <v>37685.05156</v>
      </c>
      <c r="AF3703">
        <v>44267.640480000002</v>
      </c>
      <c r="AG3703">
        <v>16834.566439999999</v>
      </c>
      <c r="AH3703">
        <v>262967.78950000001</v>
      </c>
      <c r="AI3703">
        <v>66996.593169999993</v>
      </c>
      <c r="AJ3703">
        <v>17853.226259999999</v>
      </c>
      <c r="AK3703">
        <v>24834.030559999999</v>
      </c>
      <c r="AL3703">
        <v>84615.677200000006</v>
      </c>
      <c r="AM3703">
        <v>17645.131819999999</v>
      </c>
      <c r="AN3703">
        <v>72418.124330000006</v>
      </c>
      <c r="AO3703">
        <v>19688.419590000001</v>
      </c>
      <c r="AP3703">
        <v>14405.542949999999</v>
      </c>
    </row>
    <row r="3704" spans="2:42" x14ac:dyDescent="0.3">
      <c r="B3704">
        <v>56.711353024073418</v>
      </c>
      <c r="C3704" s="83">
        <v>43255.25</v>
      </c>
      <c r="D3704">
        <v>245787.9939</v>
      </c>
      <c r="E3704">
        <v>18003.195230000001</v>
      </c>
      <c r="F3704">
        <v>76658.254780000003</v>
      </c>
      <c r="G3704">
        <v>41542.796759999997</v>
      </c>
      <c r="H3704">
        <v>36550.262909999998</v>
      </c>
      <c r="I3704">
        <v>28860.259590000001</v>
      </c>
      <c r="J3704">
        <v>39815.535759999999</v>
      </c>
      <c r="K3704">
        <v>45951.884890000001</v>
      </c>
      <c r="L3704">
        <v>17284.593850000001</v>
      </c>
      <c r="M3704">
        <v>289140.92460000003</v>
      </c>
      <c r="N3704">
        <v>70530.324619999999</v>
      </c>
      <c r="O3704">
        <v>19168.08625</v>
      </c>
      <c r="P3704">
        <v>24812.644410000001</v>
      </c>
      <c r="Q3704">
        <v>87749.951300000001</v>
      </c>
      <c r="R3704">
        <v>16195.57194</v>
      </c>
      <c r="S3704">
        <v>79990.00099</v>
      </c>
      <c r="T3704">
        <v>22109.55744</v>
      </c>
      <c r="U3704">
        <v>16056.00001</v>
      </c>
      <c r="W3704" s="83">
        <f>Bühler!N3736</f>
        <v>45446.249999991021</v>
      </c>
      <c r="X3704" s="83">
        <v>43255.25</v>
      </c>
      <c r="Y3704">
        <v>245787.9939</v>
      </c>
      <c r="Z3704">
        <v>18003.195230000001</v>
      </c>
      <c r="AA3704">
        <v>76658.254780000003</v>
      </c>
      <c r="AB3704">
        <v>41542.796759999997</v>
      </c>
      <c r="AC3704">
        <v>36550.262909999998</v>
      </c>
      <c r="AD3704">
        <v>28860.259590000001</v>
      </c>
      <c r="AE3704">
        <v>39815.535759999999</v>
      </c>
      <c r="AF3704">
        <v>45951.884890000001</v>
      </c>
      <c r="AG3704">
        <v>17284.593850000001</v>
      </c>
      <c r="AH3704">
        <v>289140.92460000003</v>
      </c>
      <c r="AI3704">
        <v>70530.324619999999</v>
      </c>
      <c r="AJ3704">
        <v>19168.08625</v>
      </c>
      <c r="AK3704">
        <v>24812.644410000001</v>
      </c>
      <c r="AL3704">
        <v>87749.951300000001</v>
      </c>
      <c r="AM3704">
        <v>16195.57194</v>
      </c>
      <c r="AN3704">
        <v>79990.00099</v>
      </c>
      <c r="AO3704">
        <v>22109.55744</v>
      </c>
      <c r="AP3704">
        <v>16056.00001</v>
      </c>
    </row>
    <row r="3705" spans="2:42" x14ac:dyDescent="0.3">
      <c r="B3705">
        <v>60.360772702867102</v>
      </c>
      <c r="C3705" s="83">
        <v>43255.291666666664</v>
      </c>
      <c r="D3705">
        <v>262672.65120000002</v>
      </c>
      <c r="E3705">
        <v>22168.680970000001</v>
      </c>
      <c r="F3705">
        <v>82063.718150000001</v>
      </c>
      <c r="G3705">
        <v>51859.056969999998</v>
      </c>
      <c r="H3705">
        <v>41732.360350000003</v>
      </c>
      <c r="I3705">
        <v>35872.484729999996</v>
      </c>
      <c r="J3705">
        <v>41854.386870000002</v>
      </c>
      <c r="K3705">
        <v>51614.829819999999</v>
      </c>
      <c r="L3705">
        <v>20512.446520000001</v>
      </c>
      <c r="M3705">
        <v>307747.36800000002</v>
      </c>
      <c r="N3705">
        <v>76297.940329999998</v>
      </c>
      <c r="O3705">
        <v>20942.35051</v>
      </c>
      <c r="P3705">
        <v>28102.64632</v>
      </c>
      <c r="Q3705">
        <v>90061.838879999996</v>
      </c>
      <c r="R3705">
        <v>18397.58783</v>
      </c>
      <c r="S3705">
        <v>94695.057700000005</v>
      </c>
      <c r="T3705">
        <v>24840.089220000002</v>
      </c>
      <c r="U3705">
        <v>20565.632000000001</v>
      </c>
      <c r="W3705" s="83">
        <f>Bühler!N3737</f>
        <v>45446.291666657686</v>
      </c>
      <c r="X3705" s="83">
        <v>43255.291666666664</v>
      </c>
      <c r="Y3705">
        <v>262672.65120000002</v>
      </c>
      <c r="Z3705">
        <v>22168.680970000001</v>
      </c>
      <c r="AA3705">
        <v>82063.718150000001</v>
      </c>
      <c r="AB3705">
        <v>51859.056969999998</v>
      </c>
      <c r="AC3705">
        <v>41732.360350000003</v>
      </c>
      <c r="AD3705">
        <v>35872.484729999996</v>
      </c>
      <c r="AE3705">
        <v>41854.386870000002</v>
      </c>
      <c r="AF3705">
        <v>51614.829819999999</v>
      </c>
      <c r="AG3705">
        <v>20512.446520000001</v>
      </c>
      <c r="AH3705">
        <v>307747.36800000002</v>
      </c>
      <c r="AI3705">
        <v>76297.940329999998</v>
      </c>
      <c r="AJ3705">
        <v>20942.35051</v>
      </c>
      <c r="AK3705">
        <v>28102.64632</v>
      </c>
      <c r="AL3705">
        <v>90061.838879999996</v>
      </c>
      <c r="AM3705">
        <v>18397.58783</v>
      </c>
      <c r="AN3705">
        <v>94695.057700000005</v>
      </c>
      <c r="AO3705">
        <v>24840.089220000002</v>
      </c>
      <c r="AP3705">
        <v>20565.632000000001</v>
      </c>
    </row>
    <row r="3706" spans="2:42" x14ac:dyDescent="0.3">
      <c r="B3706">
        <v>62.594103696209004</v>
      </c>
      <c r="C3706" s="83">
        <v>43255.333333333336</v>
      </c>
      <c r="D3706">
        <v>279948.45199999999</v>
      </c>
      <c r="E3706">
        <v>27724.796900000001</v>
      </c>
      <c r="F3706">
        <v>87147.232170000003</v>
      </c>
      <c r="G3706">
        <v>65933.8462</v>
      </c>
      <c r="H3706">
        <v>47364.985370000002</v>
      </c>
      <c r="I3706">
        <v>38643.04148</v>
      </c>
      <c r="J3706">
        <v>43909.836360000001</v>
      </c>
      <c r="K3706">
        <v>60175.578880000001</v>
      </c>
      <c r="L3706">
        <v>23843.907050000002</v>
      </c>
      <c r="M3706">
        <v>319133.93089999998</v>
      </c>
      <c r="N3706">
        <v>83562.622159999999</v>
      </c>
      <c r="O3706">
        <v>22568.290209999999</v>
      </c>
      <c r="P3706">
        <v>30272.280999999999</v>
      </c>
      <c r="Q3706">
        <v>92177.605549999993</v>
      </c>
      <c r="R3706">
        <v>20545.201959999999</v>
      </c>
      <c r="S3706">
        <v>107977.4488</v>
      </c>
      <c r="T3706">
        <v>28597.996729999999</v>
      </c>
      <c r="U3706">
        <v>25303.379499999999</v>
      </c>
      <c r="W3706" s="83">
        <f>Bühler!N3738</f>
        <v>45446.33333332435</v>
      </c>
      <c r="X3706" s="83">
        <v>43255.333333333336</v>
      </c>
      <c r="Y3706">
        <v>279948.45199999999</v>
      </c>
      <c r="Z3706">
        <v>27724.796900000001</v>
      </c>
      <c r="AA3706">
        <v>87147.232170000003</v>
      </c>
      <c r="AB3706">
        <v>65933.8462</v>
      </c>
      <c r="AC3706">
        <v>47364.985370000002</v>
      </c>
      <c r="AD3706">
        <v>38643.04148</v>
      </c>
      <c r="AE3706">
        <v>43909.836360000001</v>
      </c>
      <c r="AF3706">
        <v>60175.578880000001</v>
      </c>
      <c r="AG3706">
        <v>23843.907050000002</v>
      </c>
      <c r="AH3706">
        <v>319133.93089999998</v>
      </c>
      <c r="AI3706">
        <v>83562.622159999999</v>
      </c>
      <c r="AJ3706">
        <v>22568.290209999999</v>
      </c>
      <c r="AK3706">
        <v>30272.280999999999</v>
      </c>
      <c r="AL3706">
        <v>92177.605549999993</v>
      </c>
      <c r="AM3706">
        <v>20545.201959999999</v>
      </c>
      <c r="AN3706">
        <v>107977.4488</v>
      </c>
      <c r="AO3706">
        <v>28597.996729999999</v>
      </c>
      <c r="AP3706">
        <v>25303.379499999999</v>
      </c>
    </row>
    <row r="3707" spans="2:42" x14ac:dyDescent="0.3">
      <c r="B3707">
        <v>63.901519113497663</v>
      </c>
      <c r="C3707" s="83">
        <v>43255.375</v>
      </c>
      <c r="D3707">
        <v>285270.1447</v>
      </c>
      <c r="E3707">
        <v>32073.154709999999</v>
      </c>
      <c r="F3707">
        <v>93461.402350000004</v>
      </c>
      <c r="G3707">
        <v>75370.820330000002</v>
      </c>
      <c r="H3707">
        <v>50043.78297</v>
      </c>
      <c r="I3707">
        <v>37505.867660000004</v>
      </c>
      <c r="J3707">
        <v>44610.314509999997</v>
      </c>
      <c r="K3707">
        <v>63795.009639999997</v>
      </c>
      <c r="L3707">
        <v>27892.969669999999</v>
      </c>
      <c r="M3707">
        <v>325799.74440000003</v>
      </c>
      <c r="N3707">
        <v>87306.850200000001</v>
      </c>
      <c r="O3707">
        <v>24121.17641</v>
      </c>
      <c r="P3707">
        <v>31808.613130000002</v>
      </c>
      <c r="Q3707">
        <v>94274.806079999995</v>
      </c>
      <c r="R3707">
        <v>21877.55372</v>
      </c>
      <c r="S3707">
        <v>115399.0346</v>
      </c>
      <c r="T3707">
        <v>31304.813259999999</v>
      </c>
      <c r="U3707">
        <v>25671.560369999999</v>
      </c>
      <c r="W3707" s="83">
        <f>Bühler!N3739</f>
        <v>45446.374999991014</v>
      </c>
      <c r="X3707" s="83">
        <v>43255.375</v>
      </c>
      <c r="Y3707">
        <v>285270.1447</v>
      </c>
      <c r="Z3707">
        <v>32073.154709999999</v>
      </c>
      <c r="AA3707">
        <v>93461.402350000004</v>
      </c>
      <c r="AB3707">
        <v>75370.820330000002</v>
      </c>
      <c r="AC3707">
        <v>50043.78297</v>
      </c>
      <c r="AD3707">
        <v>37505.867660000004</v>
      </c>
      <c r="AE3707">
        <v>44610.314509999997</v>
      </c>
      <c r="AF3707">
        <v>63795.009639999997</v>
      </c>
      <c r="AG3707">
        <v>27892.969669999999</v>
      </c>
      <c r="AH3707">
        <v>325799.74440000003</v>
      </c>
      <c r="AI3707">
        <v>87306.850200000001</v>
      </c>
      <c r="AJ3707">
        <v>24121.17641</v>
      </c>
      <c r="AK3707">
        <v>31808.613130000002</v>
      </c>
      <c r="AL3707">
        <v>94274.806079999995</v>
      </c>
      <c r="AM3707">
        <v>21877.55372</v>
      </c>
      <c r="AN3707">
        <v>115399.0346</v>
      </c>
      <c r="AO3707">
        <v>31304.813259999999</v>
      </c>
      <c r="AP3707">
        <v>25671.560369999999</v>
      </c>
    </row>
    <row r="3708" spans="2:42" x14ac:dyDescent="0.3">
      <c r="B3708">
        <v>64.873429952493083</v>
      </c>
      <c r="C3708" s="83">
        <v>43255.416666666664</v>
      </c>
      <c r="D3708">
        <v>291265.84379999997</v>
      </c>
      <c r="E3708">
        <v>34198.741999999998</v>
      </c>
      <c r="F3708">
        <v>94295.495729999995</v>
      </c>
      <c r="G3708">
        <v>79098.19124</v>
      </c>
      <c r="H3708">
        <v>51021.063130000002</v>
      </c>
      <c r="I3708">
        <v>35807.154439999998</v>
      </c>
      <c r="J3708">
        <v>44517.362659999999</v>
      </c>
      <c r="K3708">
        <v>63960.965089999998</v>
      </c>
      <c r="L3708">
        <v>29790.155920000001</v>
      </c>
      <c r="M3708">
        <v>330754.99910000002</v>
      </c>
      <c r="N3708">
        <v>88359.809429999994</v>
      </c>
      <c r="O3708">
        <v>25343.08554</v>
      </c>
      <c r="P3708">
        <v>32468.148160000001</v>
      </c>
      <c r="Q3708">
        <v>96008.380229999995</v>
      </c>
      <c r="R3708">
        <v>22715.67755</v>
      </c>
      <c r="S3708">
        <v>118525.9029</v>
      </c>
      <c r="T3708">
        <v>33218.176850000003</v>
      </c>
      <c r="U3708">
        <v>26239.444189999998</v>
      </c>
      <c r="W3708" s="83">
        <f>Bühler!N3740</f>
        <v>45446.416666657678</v>
      </c>
      <c r="X3708" s="83">
        <v>43255.416666666664</v>
      </c>
      <c r="Y3708">
        <v>291265.84379999997</v>
      </c>
      <c r="Z3708">
        <v>34198.741999999998</v>
      </c>
      <c r="AA3708">
        <v>94295.495729999995</v>
      </c>
      <c r="AB3708">
        <v>79098.19124</v>
      </c>
      <c r="AC3708">
        <v>51021.063130000002</v>
      </c>
      <c r="AD3708">
        <v>35807.154439999998</v>
      </c>
      <c r="AE3708">
        <v>44517.362659999999</v>
      </c>
      <c r="AF3708">
        <v>63960.965089999998</v>
      </c>
      <c r="AG3708">
        <v>29790.155920000001</v>
      </c>
      <c r="AH3708">
        <v>330754.99910000002</v>
      </c>
      <c r="AI3708">
        <v>88359.809429999994</v>
      </c>
      <c r="AJ3708">
        <v>25343.08554</v>
      </c>
      <c r="AK3708">
        <v>32468.148160000001</v>
      </c>
      <c r="AL3708">
        <v>96008.380229999995</v>
      </c>
      <c r="AM3708">
        <v>22715.67755</v>
      </c>
      <c r="AN3708">
        <v>118525.9029</v>
      </c>
      <c r="AO3708">
        <v>33218.176850000003</v>
      </c>
      <c r="AP3708">
        <v>26239.444189999998</v>
      </c>
    </row>
    <row r="3709" spans="2:42" x14ac:dyDescent="0.3">
      <c r="B3709">
        <v>66.111497515684803</v>
      </c>
      <c r="C3709" s="83">
        <v>43255.458333333336</v>
      </c>
      <c r="D3709">
        <v>292546.37640000001</v>
      </c>
      <c r="E3709">
        <v>34286.817199999998</v>
      </c>
      <c r="F3709">
        <v>94281.399900000004</v>
      </c>
      <c r="G3709">
        <v>77932.854879999999</v>
      </c>
      <c r="H3709">
        <v>50734.119189999998</v>
      </c>
      <c r="I3709">
        <v>35572.472889999997</v>
      </c>
      <c r="J3709">
        <v>44642.250359999998</v>
      </c>
      <c r="K3709">
        <v>63919.884660000003</v>
      </c>
      <c r="L3709">
        <v>29902.801800000001</v>
      </c>
      <c r="M3709">
        <v>337067.24489999999</v>
      </c>
      <c r="N3709">
        <v>89382.510190000001</v>
      </c>
      <c r="O3709">
        <v>25147.48415</v>
      </c>
      <c r="P3709">
        <v>31576.048839999999</v>
      </c>
      <c r="Q3709">
        <v>97386.134300000005</v>
      </c>
      <c r="R3709">
        <v>24381.864369999999</v>
      </c>
      <c r="S3709">
        <v>120604.00539999999</v>
      </c>
      <c r="T3709">
        <v>33795.225570000002</v>
      </c>
      <c r="U3709">
        <v>26320.050790000001</v>
      </c>
      <c r="W3709" s="83">
        <f>Bühler!N3741</f>
        <v>45446.458333324343</v>
      </c>
      <c r="X3709" s="83">
        <v>43255.458333333336</v>
      </c>
      <c r="Y3709">
        <v>292546.37640000001</v>
      </c>
      <c r="Z3709">
        <v>34286.817199999998</v>
      </c>
      <c r="AA3709">
        <v>94281.399900000004</v>
      </c>
      <c r="AB3709">
        <v>77932.854879999999</v>
      </c>
      <c r="AC3709">
        <v>50734.119189999998</v>
      </c>
      <c r="AD3709">
        <v>35572.472889999997</v>
      </c>
      <c r="AE3709">
        <v>44642.250359999998</v>
      </c>
      <c r="AF3709">
        <v>63919.884660000003</v>
      </c>
      <c r="AG3709">
        <v>29902.801800000001</v>
      </c>
      <c r="AH3709">
        <v>337067.24489999999</v>
      </c>
      <c r="AI3709">
        <v>89382.510190000001</v>
      </c>
      <c r="AJ3709">
        <v>25147.48415</v>
      </c>
      <c r="AK3709">
        <v>31576.048839999999</v>
      </c>
      <c r="AL3709">
        <v>97386.134300000005</v>
      </c>
      <c r="AM3709">
        <v>24381.864369999999</v>
      </c>
      <c r="AN3709">
        <v>120604.00539999999</v>
      </c>
      <c r="AO3709">
        <v>33795.225570000002</v>
      </c>
      <c r="AP3709">
        <v>26320.050790000001</v>
      </c>
    </row>
    <row r="3710" spans="2:42" x14ac:dyDescent="0.3">
      <c r="B3710">
        <v>66.098879701682463</v>
      </c>
      <c r="C3710" s="83">
        <v>43255.5</v>
      </c>
      <c r="D3710">
        <v>280646.03110000002</v>
      </c>
      <c r="E3710">
        <v>31552.036510000002</v>
      </c>
      <c r="F3710">
        <v>88662.232889999999</v>
      </c>
      <c r="G3710">
        <v>78326.686799999996</v>
      </c>
      <c r="H3710">
        <v>49213.470679999999</v>
      </c>
      <c r="I3710">
        <v>35286.957880000002</v>
      </c>
      <c r="J3710">
        <v>44827.624300000003</v>
      </c>
      <c r="K3710">
        <v>60785.810490000003</v>
      </c>
      <c r="L3710">
        <v>32252.00318</v>
      </c>
      <c r="M3710">
        <v>337002.91340000002</v>
      </c>
      <c r="N3710">
        <v>88793.174610000002</v>
      </c>
      <c r="O3710">
        <v>24080.578570000001</v>
      </c>
      <c r="P3710">
        <v>32543.885269999999</v>
      </c>
      <c r="Q3710">
        <v>98172.094299999997</v>
      </c>
      <c r="R3710">
        <v>23586.128430000001</v>
      </c>
      <c r="S3710">
        <v>114781.51240000001</v>
      </c>
      <c r="T3710">
        <v>33757.075790000003</v>
      </c>
      <c r="U3710">
        <v>21655.064139999999</v>
      </c>
      <c r="W3710" s="83">
        <f>Bühler!N3742</f>
        <v>45446.499999991007</v>
      </c>
      <c r="X3710" s="83">
        <v>43255.5</v>
      </c>
      <c r="Y3710">
        <v>280646.03110000002</v>
      </c>
      <c r="Z3710">
        <v>31552.036510000002</v>
      </c>
      <c r="AA3710">
        <v>88662.232889999999</v>
      </c>
      <c r="AB3710">
        <v>78326.686799999996</v>
      </c>
      <c r="AC3710">
        <v>49213.470679999999</v>
      </c>
      <c r="AD3710">
        <v>35286.957880000002</v>
      </c>
      <c r="AE3710">
        <v>44827.624300000003</v>
      </c>
      <c r="AF3710">
        <v>60785.810490000003</v>
      </c>
      <c r="AG3710">
        <v>32252.00318</v>
      </c>
      <c r="AH3710">
        <v>337002.91340000002</v>
      </c>
      <c r="AI3710">
        <v>88793.174610000002</v>
      </c>
      <c r="AJ3710">
        <v>24080.578570000001</v>
      </c>
      <c r="AK3710">
        <v>32543.885269999999</v>
      </c>
      <c r="AL3710">
        <v>98172.094299999997</v>
      </c>
      <c r="AM3710">
        <v>23586.128430000001</v>
      </c>
      <c r="AN3710">
        <v>114781.51240000001</v>
      </c>
      <c r="AO3710">
        <v>33757.075790000003</v>
      </c>
      <c r="AP3710">
        <v>21655.064139999999</v>
      </c>
    </row>
    <row r="3711" spans="2:42" x14ac:dyDescent="0.3">
      <c r="B3711">
        <v>66.407474285715068</v>
      </c>
      <c r="C3711" s="83">
        <v>43255.541666666664</v>
      </c>
      <c r="D3711">
        <v>284832.22200000001</v>
      </c>
      <c r="E3711">
        <v>32009.705859999998</v>
      </c>
      <c r="F3711">
        <v>85751.605949999997</v>
      </c>
      <c r="G3711">
        <v>74709.389039999995</v>
      </c>
      <c r="H3711">
        <v>49696.586710000003</v>
      </c>
      <c r="I3711">
        <v>35073.831310000001</v>
      </c>
      <c r="J3711">
        <v>44360.962659999997</v>
      </c>
      <c r="K3711">
        <v>62935.017659999998</v>
      </c>
      <c r="L3711">
        <v>30801.675139999999</v>
      </c>
      <c r="M3711">
        <v>338576.27250000002</v>
      </c>
      <c r="N3711">
        <v>89913.628159999993</v>
      </c>
      <c r="O3711">
        <v>24564.34475</v>
      </c>
      <c r="P3711">
        <v>31393.65812</v>
      </c>
      <c r="Q3711">
        <v>97362.294129999995</v>
      </c>
      <c r="R3711">
        <v>23881.295340000001</v>
      </c>
      <c r="S3711">
        <v>114248.62450000001</v>
      </c>
      <c r="T3711">
        <v>33547.044139999998</v>
      </c>
      <c r="U3711">
        <v>23394.087390000001</v>
      </c>
      <c r="W3711" s="83">
        <f>Bühler!N3743</f>
        <v>45446.541666657671</v>
      </c>
      <c r="X3711" s="83">
        <v>43255.541666666664</v>
      </c>
      <c r="Y3711">
        <v>284832.22200000001</v>
      </c>
      <c r="Z3711">
        <v>32009.705859999998</v>
      </c>
      <c r="AA3711">
        <v>85751.605949999997</v>
      </c>
      <c r="AB3711">
        <v>74709.389039999995</v>
      </c>
      <c r="AC3711">
        <v>49696.586710000003</v>
      </c>
      <c r="AD3711">
        <v>35073.831310000001</v>
      </c>
      <c r="AE3711">
        <v>44360.962659999997</v>
      </c>
      <c r="AF3711">
        <v>62935.017659999998</v>
      </c>
      <c r="AG3711">
        <v>30801.675139999999</v>
      </c>
      <c r="AH3711">
        <v>338576.27250000002</v>
      </c>
      <c r="AI3711">
        <v>89913.628159999993</v>
      </c>
      <c r="AJ3711">
        <v>24564.34475</v>
      </c>
      <c r="AK3711">
        <v>31393.65812</v>
      </c>
      <c r="AL3711">
        <v>97362.294129999995</v>
      </c>
      <c r="AM3711">
        <v>23881.295340000001</v>
      </c>
      <c r="AN3711">
        <v>114248.62450000001</v>
      </c>
      <c r="AO3711">
        <v>33547.044139999998</v>
      </c>
      <c r="AP3711">
        <v>23394.087390000001</v>
      </c>
    </row>
    <row r="3712" spans="2:42" x14ac:dyDescent="0.3">
      <c r="B3712">
        <v>66.874995504867741</v>
      </c>
      <c r="C3712" s="83">
        <v>43255.583333333336</v>
      </c>
      <c r="D3712">
        <v>290755.30729999999</v>
      </c>
      <c r="E3712">
        <v>34519.697679999997</v>
      </c>
      <c r="F3712">
        <v>93336.151419999995</v>
      </c>
      <c r="G3712">
        <v>68712.633929999996</v>
      </c>
      <c r="H3712">
        <v>49434.170630000001</v>
      </c>
      <c r="I3712">
        <v>35180.78138</v>
      </c>
      <c r="J3712">
        <v>43438.139759999998</v>
      </c>
      <c r="K3712">
        <v>64784.338609999999</v>
      </c>
      <c r="L3712">
        <v>28239.36364</v>
      </c>
      <c r="M3712">
        <v>340959.91369999998</v>
      </c>
      <c r="N3712">
        <v>90338.094100000002</v>
      </c>
      <c r="O3712">
        <v>24658.415570000001</v>
      </c>
      <c r="P3712">
        <v>28742.513869999999</v>
      </c>
      <c r="Q3712">
        <v>97209.590490000002</v>
      </c>
      <c r="R3712">
        <v>23237.70091</v>
      </c>
      <c r="S3712">
        <v>109812.6581</v>
      </c>
      <c r="T3712">
        <v>31896.703399999999</v>
      </c>
      <c r="U3712">
        <v>24443.447039999999</v>
      </c>
      <c r="W3712" s="83">
        <f>Bühler!N3744</f>
        <v>45446.583333324335</v>
      </c>
      <c r="X3712" s="83">
        <v>43255.583333333336</v>
      </c>
      <c r="Y3712">
        <v>290755.30729999999</v>
      </c>
      <c r="Z3712">
        <v>34519.697679999997</v>
      </c>
      <c r="AA3712">
        <v>93336.151419999995</v>
      </c>
      <c r="AB3712">
        <v>68712.633929999996</v>
      </c>
      <c r="AC3712">
        <v>49434.170630000001</v>
      </c>
      <c r="AD3712">
        <v>35180.78138</v>
      </c>
      <c r="AE3712">
        <v>43438.139759999998</v>
      </c>
      <c r="AF3712">
        <v>64784.338609999999</v>
      </c>
      <c r="AG3712">
        <v>28239.36364</v>
      </c>
      <c r="AH3712">
        <v>340959.91369999998</v>
      </c>
      <c r="AI3712">
        <v>90338.094100000002</v>
      </c>
      <c r="AJ3712">
        <v>24658.415570000001</v>
      </c>
      <c r="AK3712">
        <v>28742.513869999999</v>
      </c>
      <c r="AL3712">
        <v>97209.590490000002</v>
      </c>
      <c r="AM3712">
        <v>23237.70091</v>
      </c>
      <c r="AN3712">
        <v>109812.6581</v>
      </c>
      <c r="AO3712">
        <v>31896.703399999999</v>
      </c>
      <c r="AP3712">
        <v>24443.447039999999</v>
      </c>
    </row>
    <row r="3713" spans="2:42" x14ac:dyDescent="0.3">
      <c r="B3713">
        <v>66.598123185758055</v>
      </c>
      <c r="C3713" s="83">
        <v>43255.625</v>
      </c>
      <c r="D3713">
        <v>289096.87</v>
      </c>
      <c r="E3713">
        <v>34328.694060000002</v>
      </c>
      <c r="F3713">
        <v>94587.230179999999</v>
      </c>
      <c r="G3713">
        <v>65580.40552</v>
      </c>
      <c r="H3713">
        <v>48453.346980000002</v>
      </c>
      <c r="I3713">
        <v>35513.459900000002</v>
      </c>
      <c r="J3713">
        <v>43092.170230000003</v>
      </c>
      <c r="K3713">
        <v>63551.478329999998</v>
      </c>
      <c r="L3713">
        <v>25767.22566</v>
      </c>
      <c r="M3713">
        <v>339548.28950000001</v>
      </c>
      <c r="N3713">
        <v>88121.447750000007</v>
      </c>
      <c r="O3713">
        <v>24518.36881</v>
      </c>
      <c r="P3713">
        <v>27533.386760000001</v>
      </c>
      <c r="Q3713">
        <v>96734.375780000002</v>
      </c>
      <c r="R3713">
        <v>23428.500260000001</v>
      </c>
      <c r="S3713">
        <v>108365.9246</v>
      </c>
      <c r="T3713">
        <v>30886.243460000002</v>
      </c>
      <c r="U3713">
        <v>23714.484079999998</v>
      </c>
      <c r="W3713" s="83">
        <f>Bühler!N3745</f>
        <v>45446.624999991</v>
      </c>
      <c r="X3713" s="83">
        <v>43255.625</v>
      </c>
      <c r="Y3713">
        <v>289096.87</v>
      </c>
      <c r="Z3713">
        <v>34328.694060000002</v>
      </c>
      <c r="AA3713">
        <v>94587.230179999999</v>
      </c>
      <c r="AB3713">
        <v>65580.40552</v>
      </c>
      <c r="AC3713">
        <v>48453.346980000002</v>
      </c>
      <c r="AD3713">
        <v>35513.459900000002</v>
      </c>
      <c r="AE3713">
        <v>43092.170230000003</v>
      </c>
      <c r="AF3713">
        <v>63551.478329999998</v>
      </c>
      <c r="AG3713">
        <v>25767.22566</v>
      </c>
      <c r="AH3713">
        <v>339548.28950000001</v>
      </c>
      <c r="AI3713">
        <v>88121.447750000007</v>
      </c>
      <c r="AJ3713">
        <v>24518.36881</v>
      </c>
      <c r="AK3713">
        <v>27533.386760000001</v>
      </c>
      <c r="AL3713">
        <v>96734.375780000002</v>
      </c>
      <c r="AM3713">
        <v>23428.500260000001</v>
      </c>
      <c r="AN3713">
        <v>108365.9246</v>
      </c>
      <c r="AO3713">
        <v>30886.243460000002</v>
      </c>
      <c r="AP3713">
        <v>23714.484079999998</v>
      </c>
    </row>
    <row r="3714" spans="2:42" x14ac:dyDescent="0.3">
      <c r="B3714">
        <v>65.479016533420804</v>
      </c>
      <c r="C3714" s="83">
        <v>43255.666666666664</v>
      </c>
      <c r="D3714">
        <v>283572.98849999998</v>
      </c>
      <c r="E3714">
        <v>33940.442669999997</v>
      </c>
      <c r="F3714">
        <v>93906.607380000001</v>
      </c>
      <c r="G3714">
        <v>61707.308230000002</v>
      </c>
      <c r="H3714">
        <v>46875.963430000003</v>
      </c>
      <c r="I3714">
        <v>36370.128929999999</v>
      </c>
      <c r="J3714">
        <v>43921.878579999997</v>
      </c>
      <c r="K3714">
        <v>59902.723389999999</v>
      </c>
      <c r="L3714">
        <v>24947.958259999999</v>
      </c>
      <c r="M3714">
        <v>333842.56189999997</v>
      </c>
      <c r="N3714">
        <v>85088.360719999997</v>
      </c>
      <c r="O3714">
        <v>23802.565699999999</v>
      </c>
      <c r="P3714">
        <v>26546.252240000002</v>
      </c>
      <c r="Q3714">
        <v>95909.588990000004</v>
      </c>
      <c r="R3714">
        <v>22996.690419999999</v>
      </c>
      <c r="S3714">
        <v>104217.64720000001</v>
      </c>
      <c r="T3714">
        <v>30553.790150000001</v>
      </c>
      <c r="U3714">
        <v>21984.375540000001</v>
      </c>
      <c r="W3714" s="83">
        <f>Bühler!N3746</f>
        <v>45446.666666657664</v>
      </c>
      <c r="X3714" s="83">
        <v>43255.666666666664</v>
      </c>
      <c r="Y3714">
        <v>283572.98849999998</v>
      </c>
      <c r="Z3714">
        <v>33940.442669999997</v>
      </c>
      <c r="AA3714">
        <v>93906.607380000001</v>
      </c>
      <c r="AB3714">
        <v>61707.308230000002</v>
      </c>
      <c r="AC3714">
        <v>46875.963430000003</v>
      </c>
      <c r="AD3714">
        <v>36370.128929999999</v>
      </c>
      <c r="AE3714">
        <v>43921.878579999997</v>
      </c>
      <c r="AF3714">
        <v>59902.723389999999</v>
      </c>
      <c r="AG3714">
        <v>24947.958259999999</v>
      </c>
      <c r="AH3714">
        <v>333842.56189999997</v>
      </c>
      <c r="AI3714">
        <v>85088.360719999997</v>
      </c>
      <c r="AJ3714">
        <v>23802.565699999999</v>
      </c>
      <c r="AK3714">
        <v>26546.252240000002</v>
      </c>
      <c r="AL3714">
        <v>95909.588990000004</v>
      </c>
      <c r="AM3714">
        <v>22996.690419999999</v>
      </c>
      <c r="AN3714">
        <v>104217.64720000001</v>
      </c>
      <c r="AO3714">
        <v>30553.790150000001</v>
      </c>
      <c r="AP3714">
        <v>21984.375540000001</v>
      </c>
    </row>
    <row r="3715" spans="2:42" x14ac:dyDescent="0.3">
      <c r="B3715">
        <v>64.094887752981876</v>
      </c>
      <c r="C3715" s="83">
        <v>43255.708333333336</v>
      </c>
      <c r="D3715">
        <v>272326.72029999999</v>
      </c>
      <c r="E3715">
        <v>31571.300139999999</v>
      </c>
      <c r="F3715">
        <v>92838.489690000002</v>
      </c>
      <c r="G3715">
        <v>54336.036090000001</v>
      </c>
      <c r="H3715">
        <v>44377.899120000002</v>
      </c>
      <c r="I3715">
        <v>36668.443240000001</v>
      </c>
      <c r="J3715">
        <v>44285.472739999997</v>
      </c>
      <c r="K3715">
        <v>54107.767399999997</v>
      </c>
      <c r="L3715">
        <v>24907.53902</v>
      </c>
      <c r="M3715">
        <v>326785.62790000002</v>
      </c>
      <c r="N3715">
        <v>81566.243000000002</v>
      </c>
      <c r="O3715">
        <v>22541.375370000002</v>
      </c>
      <c r="P3715">
        <v>28817.09691</v>
      </c>
      <c r="Q3715">
        <v>94745.972729999994</v>
      </c>
      <c r="R3715">
        <v>23146.373439999999</v>
      </c>
      <c r="S3715">
        <v>101293.14</v>
      </c>
      <c r="T3715">
        <v>30245.718369999999</v>
      </c>
      <c r="U3715">
        <v>19225.05904</v>
      </c>
      <c r="W3715" s="83">
        <f>Bühler!N3747</f>
        <v>45446.708333324328</v>
      </c>
      <c r="X3715" s="83">
        <v>43255.708333333336</v>
      </c>
      <c r="Y3715">
        <v>272326.72029999999</v>
      </c>
      <c r="Z3715">
        <v>31571.300139999999</v>
      </c>
      <c r="AA3715">
        <v>92838.489690000002</v>
      </c>
      <c r="AB3715">
        <v>54336.036090000001</v>
      </c>
      <c r="AC3715">
        <v>44377.899120000002</v>
      </c>
      <c r="AD3715">
        <v>36668.443240000001</v>
      </c>
      <c r="AE3715">
        <v>44285.472739999997</v>
      </c>
      <c r="AF3715">
        <v>54107.767399999997</v>
      </c>
      <c r="AG3715">
        <v>24907.53902</v>
      </c>
      <c r="AH3715">
        <v>326785.62790000002</v>
      </c>
      <c r="AI3715">
        <v>81566.243000000002</v>
      </c>
      <c r="AJ3715">
        <v>22541.375370000002</v>
      </c>
      <c r="AK3715">
        <v>28817.09691</v>
      </c>
      <c r="AL3715">
        <v>94745.972729999994</v>
      </c>
      <c r="AM3715">
        <v>23146.373439999999</v>
      </c>
      <c r="AN3715">
        <v>101293.14</v>
      </c>
      <c r="AO3715">
        <v>30245.718369999999</v>
      </c>
      <c r="AP3715">
        <v>19225.05904</v>
      </c>
    </row>
    <row r="3716" spans="2:42" x14ac:dyDescent="0.3">
      <c r="B3716">
        <v>63.178407386808118</v>
      </c>
      <c r="C3716" s="83">
        <v>43255.75</v>
      </c>
      <c r="D3716">
        <v>266461.1692</v>
      </c>
      <c r="E3716">
        <v>28178.710950000001</v>
      </c>
      <c r="F3716">
        <v>90621.946599999996</v>
      </c>
      <c r="G3716">
        <v>46563.96041</v>
      </c>
      <c r="H3716">
        <v>42124.158340000002</v>
      </c>
      <c r="I3716">
        <v>34341.169909999997</v>
      </c>
      <c r="J3716">
        <v>43305.025390000003</v>
      </c>
      <c r="K3716">
        <v>52568.56063</v>
      </c>
      <c r="L3716">
        <v>25872.532800000001</v>
      </c>
      <c r="M3716">
        <v>322112.98359999998</v>
      </c>
      <c r="N3716">
        <v>78977.733479999995</v>
      </c>
      <c r="O3716">
        <v>21160.190620000001</v>
      </c>
      <c r="P3716">
        <v>30569.533500000001</v>
      </c>
      <c r="Q3716">
        <v>94048.825150000004</v>
      </c>
      <c r="R3716">
        <v>21473.40295</v>
      </c>
      <c r="S3716">
        <v>93210.735879999993</v>
      </c>
      <c r="T3716">
        <v>29305.5304</v>
      </c>
      <c r="U3716">
        <v>17340.92067</v>
      </c>
      <c r="W3716" s="83">
        <f>Bühler!N3748</f>
        <v>45446.749999990992</v>
      </c>
      <c r="X3716" s="83">
        <v>43255.75</v>
      </c>
      <c r="Y3716">
        <v>266461.1692</v>
      </c>
      <c r="Z3716">
        <v>28178.710950000001</v>
      </c>
      <c r="AA3716">
        <v>90621.946599999996</v>
      </c>
      <c r="AB3716">
        <v>46563.96041</v>
      </c>
      <c r="AC3716">
        <v>42124.158340000002</v>
      </c>
      <c r="AD3716">
        <v>34341.169909999997</v>
      </c>
      <c r="AE3716">
        <v>43305.025390000003</v>
      </c>
      <c r="AF3716">
        <v>52568.56063</v>
      </c>
      <c r="AG3716">
        <v>25872.532800000001</v>
      </c>
      <c r="AH3716">
        <v>322112.98359999998</v>
      </c>
      <c r="AI3716">
        <v>78977.733479999995</v>
      </c>
      <c r="AJ3716">
        <v>21160.190620000001</v>
      </c>
      <c r="AK3716">
        <v>30569.533500000001</v>
      </c>
      <c r="AL3716">
        <v>94048.825150000004</v>
      </c>
      <c r="AM3716">
        <v>21473.40295</v>
      </c>
      <c r="AN3716">
        <v>93210.735879999993</v>
      </c>
      <c r="AO3716">
        <v>29305.5304</v>
      </c>
      <c r="AP3716">
        <v>17340.92067</v>
      </c>
    </row>
    <row r="3717" spans="2:42" x14ac:dyDescent="0.3">
      <c r="B3717">
        <v>62.435884705262303</v>
      </c>
      <c r="C3717" s="83">
        <v>43255.791666666664</v>
      </c>
      <c r="D3717">
        <v>259781.87950000001</v>
      </c>
      <c r="E3717">
        <v>23011.11738</v>
      </c>
      <c r="F3717">
        <v>79768.694579999996</v>
      </c>
      <c r="G3717">
        <v>42173.770810000002</v>
      </c>
      <c r="H3717">
        <v>39896.08382</v>
      </c>
      <c r="I3717">
        <v>32143.264899999998</v>
      </c>
      <c r="J3717">
        <v>41960.605660000001</v>
      </c>
      <c r="K3717">
        <v>51975.560189999997</v>
      </c>
      <c r="L3717">
        <v>26431.625749999999</v>
      </c>
      <c r="M3717">
        <v>318327.25670000003</v>
      </c>
      <c r="N3717">
        <v>76989.112099999998</v>
      </c>
      <c r="O3717">
        <v>20585.694759999998</v>
      </c>
      <c r="P3717">
        <v>32081.276539999999</v>
      </c>
      <c r="Q3717">
        <v>91182.644889999996</v>
      </c>
      <c r="R3717">
        <v>19142.49641</v>
      </c>
      <c r="S3717">
        <v>88493.546990000003</v>
      </c>
      <c r="T3717">
        <v>29568.711200000002</v>
      </c>
      <c r="U3717">
        <v>16543.450059999999</v>
      </c>
      <c r="W3717" s="83">
        <f>Bühler!N3749</f>
        <v>45446.791666657657</v>
      </c>
      <c r="X3717" s="83">
        <v>43255.791666666664</v>
      </c>
      <c r="Y3717">
        <v>259781.87950000001</v>
      </c>
      <c r="Z3717">
        <v>23011.11738</v>
      </c>
      <c r="AA3717">
        <v>79768.694579999996</v>
      </c>
      <c r="AB3717">
        <v>42173.770810000002</v>
      </c>
      <c r="AC3717">
        <v>39896.08382</v>
      </c>
      <c r="AD3717">
        <v>32143.264899999998</v>
      </c>
      <c r="AE3717">
        <v>41960.605660000001</v>
      </c>
      <c r="AF3717">
        <v>51975.560189999997</v>
      </c>
      <c r="AG3717">
        <v>26431.625749999999</v>
      </c>
      <c r="AH3717">
        <v>318327.25670000003</v>
      </c>
      <c r="AI3717">
        <v>76989.112099999998</v>
      </c>
      <c r="AJ3717">
        <v>20585.694759999998</v>
      </c>
      <c r="AK3717">
        <v>32081.276539999999</v>
      </c>
      <c r="AL3717">
        <v>91182.644889999996</v>
      </c>
      <c r="AM3717">
        <v>19142.49641</v>
      </c>
      <c r="AN3717">
        <v>88493.546990000003</v>
      </c>
      <c r="AO3717">
        <v>29568.711200000002</v>
      </c>
      <c r="AP3717">
        <v>16543.450059999999</v>
      </c>
    </row>
    <row r="3718" spans="2:42" x14ac:dyDescent="0.3">
      <c r="B3718">
        <v>60.605586224480192</v>
      </c>
      <c r="C3718" s="83">
        <v>43255.833333333336</v>
      </c>
      <c r="D3718">
        <v>250342.715</v>
      </c>
      <c r="E3718">
        <v>17000.75117</v>
      </c>
      <c r="F3718">
        <v>62695.458209999997</v>
      </c>
      <c r="G3718">
        <v>37413.500509999998</v>
      </c>
      <c r="H3718">
        <v>36828.421580000002</v>
      </c>
      <c r="I3718">
        <v>28303.909599999999</v>
      </c>
      <c r="J3718">
        <v>40461.420700000002</v>
      </c>
      <c r="K3718">
        <v>51257.008699999998</v>
      </c>
      <c r="L3718">
        <v>25621.952659999999</v>
      </c>
      <c r="M3718">
        <v>308995.54149999999</v>
      </c>
      <c r="N3718">
        <v>75205.527700000006</v>
      </c>
      <c r="O3718">
        <v>18790.381249999999</v>
      </c>
      <c r="P3718">
        <v>32008.8282</v>
      </c>
      <c r="Q3718">
        <v>88713.727140000003</v>
      </c>
      <c r="R3718">
        <v>17509.744030000002</v>
      </c>
      <c r="S3718">
        <v>81310.924889999995</v>
      </c>
      <c r="T3718">
        <v>27952.722020000001</v>
      </c>
      <c r="U3718">
        <v>15619.951709999999</v>
      </c>
      <c r="W3718" s="83">
        <f>Bühler!N3750</f>
        <v>45446.833333324321</v>
      </c>
      <c r="X3718" s="83">
        <v>43255.833333333336</v>
      </c>
      <c r="Y3718">
        <v>250342.715</v>
      </c>
      <c r="Z3718">
        <v>17000.75117</v>
      </c>
      <c r="AA3718">
        <v>62695.458209999997</v>
      </c>
      <c r="AB3718">
        <v>37413.500509999998</v>
      </c>
      <c r="AC3718">
        <v>36828.421580000002</v>
      </c>
      <c r="AD3718">
        <v>28303.909599999999</v>
      </c>
      <c r="AE3718">
        <v>40461.420700000002</v>
      </c>
      <c r="AF3718">
        <v>51257.008699999998</v>
      </c>
      <c r="AG3718">
        <v>25621.952659999999</v>
      </c>
      <c r="AH3718">
        <v>308995.54149999999</v>
      </c>
      <c r="AI3718">
        <v>75205.527700000006</v>
      </c>
      <c r="AJ3718">
        <v>18790.381249999999</v>
      </c>
      <c r="AK3718">
        <v>32008.8282</v>
      </c>
      <c r="AL3718">
        <v>88713.727140000003</v>
      </c>
      <c r="AM3718">
        <v>17509.744030000002</v>
      </c>
      <c r="AN3718">
        <v>81310.924889999995</v>
      </c>
      <c r="AO3718">
        <v>27952.722020000001</v>
      </c>
      <c r="AP3718">
        <v>15619.951709999999</v>
      </c>
    </row>
    <row r="3719" spans="2:42" x14ac:dyDescent="0.3">
      <c r="B3719">
        <v>58.736631530872259</v>
      </c>
      <c r="C3719" s="83">
        <v>43255.875</v>
      </c>
      <c r="D3719">
        <v>240039.04550000001</v>
      </c>
      <c r="E3719">
        <v>14620.967479999999</v>
      </c>
      <c r="F3719">
        <v>55210.080269999999</v>
      </c>
      <c r="G3719">
        <v>35759.443050000002</v>
      </c>
      <c r="H3719">
        <v>35787.888800000001</v>
      </c>
      <c r="I3719">
        <v>24442.145619999999</v>
      </c>
      <c r="J3719">
        <v>40722.366199999997</v>
      </c>
      <c r="K3719">
        <v>50442.40696</v>
      </c>
      <c r="L3719">
        <v>24947.482080000002</v>
      </c>
      <c r="M3719">
        <v>299466.7389</v>
      </c>
      <c r="N3719">
        <v>75273.766669999997</v>
      </c>
      <c r="O3719">
        <v>17925.297930000001</v>
      </c>
      <c r="P3719">
        <v>31028.89056</v>
      </c>
      <c r="Q3719">
        <v>86274.520600000003</v>
      </c>
      <c r="R3719">
        <v>17931.497739999999</v>
      </c>
      <c r="S3719">
        <v>77422.414900000003</v>
      </c>
      <c r="T3719">
        <v>25961.461070000001</v>
      </c>
      <c r="U3719">
        <v>14910.44317</v>
      </c>
      <c r="W3719" s="83">
        <f>Bühler!N3751</f>
        <v>45446.874999990985</v>
      </c>
      <c r="X3719" s="83">
        <v>43255.875</v>
      </c>
      <c r="Y3719">
        <v>240039.04550000001</v>
      </c>
      <c r="Z3719">
        <v>14620.967479999999</v>
      </c>
      <c r="AA3719">
        <v>55210.080269999999</v>
      </c>
      <c r="AB3719">
        <v>35759.443050000002</v>
      </c>
      <c r="AC3719">
        <v>35787.888800000001</v>
      </c>
      <c r="AD3719">
        <v>24442.145619999999</v>
      </c>
      <c r="AE3719">
        <v>40722.366199999997</v>
      </c>
      <c r="AF3719">
        <v>50442.40696</v>
      </c>
      <c r="AG3719">
        <v>24947.482080000002</v>
      </c>
      <c r="AH3719">
        <v>299466.7389</v>
      </c>
      <c r="AI3719">
        <v>75273.766669999997</v>
      </c>
      <c r="AJ3719">
        <v>17925.297930000001</v>
      </c>
      <c r="AK3719">
        <v>31028.89056</v>
      </c>
      <c r="AL3719">
        <v>86274.520600000003</v>
      </c>
      <c r="AM3719">
        <v>17931.497739999999</v>
      </c>
      <c r="AN3719">
        <v>77422.414900000003</v>
      </c>
      <c r="AO3719">
        <v>25961.461070000001</v>
      </c>
      <c r="AP3719">
        <v>14910.44317</v>
      </c>
    </row>
    <row r="3720" spans="2:42" x14ac:dyDescent="0.3">
      <c r="B3720">
        <v>58.958340888978256</v>
      </c>
      <c r="C3720" s="83">
        <v>43255.916666666664</v>
      </c>
      <c r="D3720">
        <v>239763.6735</v>
      </c>
      <c r="E3720">
        <v>14046.92236</v>
      </c>
      <c r="F3720">
        <v>52915.125899999999</v>
      </c>
      <c r="G3720">
        <v>34907.61881</v>
      </c>
      <c r="H3720">
        <v>36760.623220000001</v>
      </c>
      <c r="I3720">
        <v>22261.776399999999</v>
      </c>
      <c r="J3720">
        <v>41013.065439999998</v>
      </c>
      <c r="K3720">
        <v>53777.619530000004</v>
      </c>
      <c r="L3720">
        <v>23128.560990000002</v>
      </c>
      <c r="M3720">
        <v>300597.11660000001</v>
      </c>
      <c r="N3720">
        <v>75101.665720000005</v>
      </c>
      <c r="O3720">
        <v>18227.77001</v>
      </c>
      <c r="P3720">
        <v>34337.44988</v>
      </c>
      <c r="Q3720">
        <v>85612.020560000004</v>
      </c>
      <c r="R3720">
        <v>18396.937150000002</v>
      </c>
      <c r="S3720">
        <v>77061.945179999995</v>
      </c>
      <c r="T3720">
        <v>22751.846109999999</v>
      </c>
      <c r="U3720">
        <v>15368.42793</v>
      </c>
      <c r="W3720" s="83">
        <f>Bühler!N3752</f>
        <v>45446.916666657649</v>
      </c>
      <c r="X3720" s="83">
        <v>43255.916666666664</v>
      </c>
      <c r="Y3720">
        <v>239763.6735</v>
      </c>
      <c r="Z3720">
        <v>14046.92236</v>
      </c>
      <c r="AA3720">
        <v>52915.125899999999</v>
      </c>
      <c r="AB3720">
        <v>34907.61881</v>
      </c>
      <c r="AC3720">
        <v>36760.623220000001</v>
      </c>
      <c r="AD3720">
        <v>22261.776399999999</v>
      </c>
      <c r="AE3720">
        <v>41013.065439999998</v>
      </c>
      <c r="AF3720">
        <v>53777.619530000004</v>
      </c>
      <c r="AG3720">
        <v>23128.560990000002</v>
      </c>
      <c r="AH3720">
        <v>300597.11660000001</v>
      </c>
      <c r="AI3720">
        <v>75101.665720000005</v>
      </c>
      <c r="AJ3720">
        <v>18227.77001</v>
      </c>
      <c r="AK3720">
        <v>34337.44988</v>
      </c>
      <c r="AL3720">
        <v>85612.020560000004</v>
      </c>
      <c r="AM3720">
        <v>18396.937150000002</v>
      </c>
      <c r="AN3720">
        <v>77061.945179999995</v>
      </c>
      <c r="AO3720">
        <v>22751.846109999999</v>
      </c>
      <c r="AP3720">
        <v>15368.42793</v>
      </c>
    </row>
    <row r="3721" spans="2:42" x14ac:dyDescent="0.3">
      <c r="B3721">
        <v>58.615458562657068</v>
      </c>
      <c r="C3721" s="83">
        <v>43255.958333333336</v>
      </c>
      <c r="D3721">
        <v>239618.98819999999</v>
      </c>
      <c r="E3721">
        <v>13426.25764</v>
      </c>
      <c r="F3721">
        <v>51878.949119999997</v>
      </c>
      <c r="G3721">
        <v>34169.259760000001</v>
      </c>
      <c r="H3721">
        <v>35869.44326</v>
      </c>
      <c r="I3721">
        <v>21881.449550000001</v>
      </c>
      <c r="J3721">
        <v>37486.810060000003</v>
      </c>
      <c r="K3721">
        <v>52912.008119999999</v>
      </c>
      <c r="L3721">
        <v>19732.943719999999</v>
      </c>
      <c r="M3721">
        <v>298848.94260000001</v>
      </c>
      <c r="N3721">
        <v>73961.787500000006</v>
      </c>
      <c r="O3721">
        <v>17885.59273</v>
      </c>
      <c r="P3721">
        <v>30614.681519999998</v>
      </c>
      <c r="Q3721">
        <v>84762.089259999993</v>
      </c>
      <c r="R3721">
        <v>20151.271830000002</v>
      </c>
      <c r="S3721">
        <v>75381.567089999997</v>
      </c>
      <c r="T3721">
        <v>20344.915130000001</v>
      </c>
      <c r="U3721">
        <v>15273.69652</v>
      </c>
      <c r="W3721" s="83">
        <f>Bühler!N3753</f>
        <v>45446.958333324314</v>
      </c>
      <c r="X3721" s="83">
        <v>43255.958333333336</v>
      </c>
      <c r="Y3721">
        <v>239618.98819999999</v>
      </c>
      <c r="Z3721">
        <v>13426.25764</v>
      </c>
      <c r="AA3721">
        <v>51878.949119999997</v>
      </c>
      <c r="AB3721">
        <v>34169.259760000001</v>
      </c>
      <c r="AC3721">
        <v>35869.44326</v>
      </c>
      <c r="AD3721">
        <v>21881.449550000001</v>
      </c>
      <c r="AE3721">
        <v>37486.810060000003</v>
      </c>
      <c r="AF3721">
        <v>52912.008119999999</v>
      </c>
      <c r="AG3721">
        <v>19732.943719999999</v>
      </c>
      <c r="AH3721">
        <v>298848.94260000001</v>
      </c>
      <c r="AI3721">
        <v>73961.787500000006</v>
      </c>
      <c r="AJ3721">
        <v>17885.59273</v>
      </c>
      <c r="AK3721">
        <v>30614.681519999998</v>
      </c>
      <c r="AL3721">
        <v>84762.089259999993</v>
      </c>
      <c r="AM3721">
        <v>20151.271830000002</v>
      </c>
      <c r="AN3721">
        <v>75381.567089999997</v>
      </c>
      <c r="AO3721">
        <v>20344.915130000001</v>
      </c>
      <c r="AP3721">
        <v>15273.69652</v>
      </c>
    </row>
    <row r="3722" spans="2:42" x14ac:dyDescent="0.3">
      <c r="B3722">
        <v>58.305566117747055</v>
      </c>
      <c r="C3722" s="83">
        <v>43256</v>
      </c>
      <c r="D3722">
        <v>239017.75589999999</v>
      </c>
      <c r="E3722">
        <v>12974.615470000001</v>
      </c>
      <c r="F3722">
        <v>50680.514069999997</v>
      </c>
      <c r="G3722">
        <v>33139.492259999999</v>
      </c>
      <c r="H3722">
        <v>34987.939409999999</v>
      </c>
      <c r="I3722">
        <v>19813.032449999999</v>
      </c>
      <c r="J3722">
        <v>34610.394330000003</v>
      </c>
      <c r="K3722">
        <v>50390.511189999997</v>
      </c>
      <c r="L3722">
        <v>18263.458330000001</v>
      </c>
      <c r="M3722">
        <v>297268.96639999998</v>
      </c>
      <c r="N3722">
        <v>72612.856069999994</v>
      </c>
      <c r="O3722">
        <v>18046.020410000001</v>
      </c>
      <c r="P3722">
        <v>27174.138749999998</v>
      </c>
      <c r="Q3722">
        <v>84200.23964</v>
      </c>
      <c r="R3722">
        <v>16112.63075</v>
      </c>
      <c r="S3722">
        <v>73844.548609999998</v>
      </c>
      <c r="T3722">
        <v>19293.76556</v>
      </c>
      <c r="U3722">
        <v>14862.3694</v>
      </c>
      <c r="W3722" s="83">
        <f>Bühler!N3754</f>
        <v>45446.999999990978</v>
      </c>
      <c r="X3722" s="83">
        <v>43256</v>
      </c>
      <c r="Y3722">
        <v>239017.75589999999</v>
      </c>
      <c r="Z3722">
        <v>12974.615470000001</v>
      </c>
      <c r="AA3722">
        <v>50680.514069999997</v>
      </c>
      <c r="AB3722">
        <v>33139.492259999999</v>
      </c>
      <c r="AC3722">
        <v>34987.939409999999</v>
      </c>
      <c r="AD3722">
        <v>19813.032449999999</v>
      </c>
      <c r="AE3722">
        <v>34610.394330000003</v>
      </c>
      <c r="AF3722">
        <v>50390.511189999997</v>
      </c>
      <c r="AG3722">
        <v>18263.458330000001</v>
      </c>
      <c r="AH3722">
        <v>297268.96639999998</v>
      </c>
      <c r="AI3722">
        <v>72612.856069999994</v>
      </c>
      <c r="AJ3722">
        <v>18046.020410000001</v>
      </c>
      <c r="AK3722">
        <v>27174.138749999998</v>
      </c>
      <c r="AL3722">
        <v>84200.23964</v>
      </c>
      <c r="AM3722">
        <v>16112.63075</v>
      </c>
      <c r="AN3722">
        <v>73844.548609999998</v>
      </c>
      <c r="AO3722">
        <v>19293.76556</v>
      </c>
      <c r="AP3722">
        <v>14862.3694</v>
      </c>
    </row>
    <row r="3723" spans="2:42" x14ac:dyDescent="0.3">
      <c r="B3723">
        <v>58.03334382443137</v>
      </c>
      <c r="C3723" s="83">
        <v>43256.041666666664</v>
      </c>
      <c r="D3723">
        <v>237004.28769999999</v>
      </c>
      <c r="E3723">
        <v>12777.99447</v>
      </c>
      <c r="F3723">
        <v>50234.824769999999</v>
      </c>
      <c r="G3723">
        <v>32215.565579999999</v>
      </c>
      <c r="H3723">
        <v>34515.227800000001</v>
      </c>
      <c r="I3723">
        <v>15814.029759999999</v>
      </c>
      <c r="J3723">
        <v>32856.703200000004</v>
      </c>
      <c r="K3723">
        <v>48859.549830000004</v>
      </c>
      <c r="L3723">
        <v>17308.490600000001</v>
      </c>
      <c r="M3723">
        <v>295881.0502</v>
      </c>
      <c r="N3723">
        <v>71430.280759999994</v>
      </c>
      <c r="O3723">
        <v>17720.906510000001</v>
      </c>
      <c r="P3723">
        <v>25301.9591</v>
      </c>
      <c r="Q3723">
        <v>84786.700060000003</v>
      </c>
      <c r="R3723">
        <v>13791.566769999999</v>
      </c>
      <c r="S3723">
        <v>72537.538329999996</v>
      </c>
      <c r="T3723">
        <v>18733.837</v>
      </c>
      <c r="U3723">
        <v>14368.49365</v>
      </c>
      <c r="W3723" s="83">
        <f>Bühler!N3755</f>
        <v>45447.041666657642</v>
      </c>
      <c r="X3723" s="83">
        <v>43256.041666666664</v>
      </c>
      <c r="Y3723">
        <v>237004.28769999999</v>
      </c>
      <c r="Z3723">
        <v>12777.99447</v>
      </c>
      <c r="AA3723">
        <v>50234.824769999999</v>
      </c>
      <c r="AB3723">
        <v>32215.565579999999</v>
      </c>
      <c r="AC3723">
        <v>34515.227800000001</v>
      </c>
      <c r="AD3723">
        <v>15814.029759999999</v>
      </c>
      <c r="AE3723">
        <v>32856.703200000004</v>
      </c>
      <c r="AF3723">
        <v>48859.549830000004</v>
      </c>
      <c r="AG3723">
        <v>17308.490600000001</v>
      </c>
      <c r="AH3723">
        <v>295881.0502</v>
      </c>
      <c r="AI3723">
        <v>71430.280759999994</v>
      </c>
      <c r="AJ3723">
        <v>17720.906510000001</v>
      </c>
      <c r="AK3723">
        <v>25301.9591</v>
      </c>
      <c r="AL3723">
        <v>84786.700060000003</v>
      </c>
      <c r="AM3723">
        <v>13791.566769999999</v>
      </c>
      <c r="AN3723">
        <v>72537.538329999996</v>
      </c>
      <c r="AO3723">
        <v>18733.837</v>
      </c>
      <c r="AP3723">
        <v>14368.49365</v>
      </c>
    </row>
    <row r="3724" spans="2:42" x14ac:dyDescent="0.3">
      <c r="B3724">
        <v>58.216761451866631</v>
      </c>
      <c r="C3724" s="83">
        <v>43256.083333333336</v>
      </c>
      <c r="D3724">
        <v>237372.5392</v>
      </c>
      <c r="E3724">
        <v>12581.90553</v>
      </c>
      <c r="F3724">
        <v>50717.087</v>
      </c>
      <c r="G3724">
        <v>31765.148499999999</v>
      </c>
      <c r="H3724">
        <v>33780.683129999998</v>
      </c>
      <c r="I3724">
        <v>14281.51931</v>
      </c>
      <c r="J3724">
        <v>32224.679660000002</v>
      </c>
      <c r="K3724">
        <v>46764.238680000002</v>
      </c>
      <c r="L3724">
        <v>16525.939259999999</v>
      </c>
      <c r="M3724">
        <v>296816.19880000001</v>
      </c>
      <c r="N3724">
        <v>70744.438299999994</v>
      </c>
      <c r="O3724">
        <v>16810.772110000002</v>
      </c>
      <c r="P3724">
        <v>24550.977930000001</v>
      </c>
      <c r="Q3724">
        <v>87344.572060000006</v>
      </c>
      <c r="R3724">
        <v>15142.508470000001</v>
      </c>
      <c r="S3724">
        <v>71532.963159999999</v>
      </c>
      <c r="T3724">
        <v>18557.95004</v>
      </c>
      <c r="U3724">
        <v>14738.00801</v>
      </c>
      <c r="W3724" s="83">
        <f>Bühler!N3756</f>
        <v>45447.083333324306</v>
      </c>
      <c r="X3724" s="83">
        <v>43256.083333333336</v>
      </c>
      <c r="Y3724">
        <v>237372.5392</v>
      </c>
      <c r="Z3724">
        <v>12581.90553</v>
      </c>
      <c r="AA3724">
        <v>50717.087</v>
      </c>
      <c r="AB3724">
        <v>31765.148499999999</v>
      </c>
      <c r="AC3724">
        <v>33780.683129999998</v>
      </c>
      <c r="AD3724">
        <v>14281.51931</v>
      </c>
      <c r="AE3724">
        <v>32224.679660000002</v>
      </c>
      <c r="AF3724">
        <v>46764.238680000002</v>
      </c>
      <c r="AG3724">
        <v>16525.939259999999</v>
      </c>
      <c r="AH3724">
        <v>296816.19880000001</v>
      </c>
      <c r="AI3724">
        <v>70744.438299999994</v>
      </c>
      <c r="AJ3724">
        <v>16810.772110000002</v>
      </c>
      <c r="AK3724">
        <v>24550.977930000001</v>
      </c>
      <c r="AL3724">
        <v>87344.572060000006</v>
      </c>
      <c r="AM3724">
        <v>15142.508470000001</v>
      </c>
      <c r="AN3724">
        <v>71532.963159999999</v>
      </c>
      <c r="AO3724">
        <v>18557.95004</v>
      </c>
      <c r="AP3724">
        <v>14738.00801</v>
      </c>
    </row>
    <row r="3725" spans="2:42" x14ac:dyDescent="0.3">
      <c r="B3725">
        <v>58.934282693479219</v>
      </c>
      <c r="C3725" s="83">
        <v>43256.125</v>
      </c>
      <c r="D3725">
        <v>237797.2782</v>
      </c>
      <c r="E3725">
        <v>12636.8923</v>
      </c>
      <c r="F3725">
        <v>52118.991629999997</v>
      </c>
      <c r="G3725">
        <v>30724.540430000001</v>
      </c>
      <c r="H3725">
        <v>34132.881070000003</v>
      </c>
      <c r="I3725">
        <v>13820.04428</v>
      </c>
      <c r="J3725">
        <v>32316.41462</v>
      </c>
      <c r="K3725">
        <v>46018.639929999998</v>
      </c>
      <c r="L3725">
        <v>16228.21859</v>
      </c>
      <c r="M3725">
        <v>300474.45669999998</v>
      </c>
      <c r="N3725">
        <v>69388.485100000005</v>
      </c>
      <c r="O3725">
        <v>16939.181560000001</v>
      </c>
      <c r="P3725">
        <v>23148.020769999999</v>
      </c>
      <c r="Q3725">
        <v>90896.239740000005</v>
      </c>
      <c r="R3725">
        <v>14353.38586</v>
      </c>
      <c r="S3725">
        <v>70974.606660000005</v>
      </c>
      <c r="T3725">
        <v>18153.69284</v>
      </c>
      <c r="U3725">
        <v>14352.05632</v>
      </c>
      <c r="W3725" s="83">
        <f>Bühler!N3757</f>
        <v>45447.124999990971</v>
      </c>
      <c r="X3725" s="83">
        <v>43256.125</v>
      </c>
      <c r="Y3725">
        <v>237797.2782</v>
      </c>
      <c r="Z3725">
        <v>12636.8923</v>
      </c>
      <c r="AA3725">
        <v>52118.991629999997</v>
      </c>
      <c r="AB3725">
        <v>30724.540430000001</v>
      </c>
      <c r="AC3725">
        <v>34132.881070000003</v>
      </c>
      <c r="AD3725">
        <v>13820.04428</v>
      </c>
      <c r="AE3725">
        <v>32316.41462</v>
      </c>
      <c r="AF3725">
        <v>46018.639929999998</v>
      </c>
      <c r="AG3725">
        <v>16228.21859</v>
      </c>
      <c r="AH3725">
        <v>300474.45669999998</v>
      </c>
      <c r="AI3725">
        <v>69388.485100000005</v>
      </c>
      <c r="AJ3725">
        <v>16939.181560000001</v>
      </c>
      <c r="AK3725">
        <v>23148.020769999999</v>
      </c>
      <c r="AL3725">
        <v>90896.239740000005</v>
      </c>
      <c r="AM3725">
        <v>14353.38586</v>
      </c>
      <c r="AN3725">
        <v>70974.606660000005</v>
      </c>
      <c r="AO3725">
        <v>18153.69284</v>
      </c>
      <c r="AP3725">
        <v>14352.05632</v>
      </c>
    </row>
    <row r="3726" spans="2:42" x14ac:dyDescent="0.3">
      <c r="B3726">
        <v>60.487860018256036</v>
      </c>
      <c r="C3726" s="83">
        <v>43256.166666666664</v>
      </c>
      <c r="D3726">
        <v>238682.1152</v>
      </c>
      <c r="E3726">
        <v>13079.04803</v>
      </c>
      <c r="F3726">
        <v>55600.051899999999</v>
      </c>
      <c r="G3726">
        <v>30455.317760000002</v>
      </c>
      <c r="H3726">
        <v>34167.945720000003</v>
      </c>
      <c r="I3726">
        <v>15455.53341</v>
      </c>
      <c r="J3726">
        <v>34427.435859999998</v>
      </c>
      <c r="K3726">
        <v>44841.625489999999</v>
      </c>
      <c r="L3726">
        <v>16027.72861</v>
      </c>
      <c r="M3726">
        <v>308395.31839999999</v>
      </c>
      <c r="N3726">
        <v>68411.737269999998</v>
      </c>
      <c r="O3726">
        <v>17295.47206</v>
      </c>
      <c r="P3726">
        <v>24119.2238</v>
      </c>
      <c r="Q3726">
        <v>94710.463959999994</v>
      </c>
      <c r="R3726">
        <v>14297.761839999999</v>
      </c>
      <c r="S3726">
        <v>71091.766399999993</v>
      </c>
      <c r="T3726">
        <v>18213.414680000002</v>
      </c>
      <c r="U3726">
        <v>14713.55876</v>
      </c>
      <c r="W3726" s="83">
        <f>Bühler!N3758</f>
        <v>45447.166666657635</v>
      </c>
      <c r="X3726" s="83">
        <v>43256.166666666664</v>
      </c>
      <c r="Y3726">
        <v>238682.1152</v>
      </c>
      <c r="Z3726">
        <v>13079.04803</v>
      </c>
      <c r="AA3726">
        <v>55600.051899999999</v>
      </c>
      <c r="AB3726">
        <v>30455.317760000002</v>
      </c>
      <c r="AC3726">
        <v>34167.945720000003</v>
      </c>
      <c r="AD3726">
        <v>15455.53341</v>
      </c>
      <c r="AE3726">
        <v>34427.435859999998</v>
      </c>
      <c r="AF3726">
        <v>44841.625489999999</v>
      </c>
      <c r="AG3726">
        <v>16027.72861</v>
      </c>
      <c r="AH3726">
        <v>308395.31839999999</v>
      </c>
      <c r="AI3726">
        <v>68411.737269999998</v>
      </c>
      <c r="AJ3726">
        <v>17295.47206</v>
      </c>
      <c r="AK3726">
        <v>24119.2238</v>
      </c>
      <c r="AL3726">
        <v>94710.463959999994</v>
      </c>
      <c r="AM3726">
        <v>14297.761839999999</v>
      </c>
      <c r="AN3726">
        <v>71091.766399999993</v>
      </c>
      <c r="AO3726">
        <v>18213.414680000002</v>
      </c>
      <c r="AP3726">
        <v>14713.55876</v>
      </c>
    </row>
    <row r="3727" spans="2:42" x14ac:dyDescent="0.3">
      <c r="B3727">
        <v>63.487554588002631</v>
      </c>
      <c r="C3727" s="83">
        <v>43256.208333333336</v>
      </c>
      <c r="D3727">
        <v>255184.8873</v>
      </c>
      <c r="E3727">
        <v>14894.9216</v>
      </c>
      <c r="F3727">
        <v>64664.732640000002</v>
      </c>
      <c r="G3727">
        <v>32374.897919999999</v>
      </c>
      <c r="H3727">
        <v>35749.990530000003</v>
      </c>
      <c r="I3727">
        <v>21992.681960000002</v>
      </c>
      <c r="J3727">
        <v>37681.277370000003</v>
      </c>
      <c r="K3727">
        <v>46253.516559999996</v>
      </c>
      <c r="L3727">
        <v>16555.293409999998</v>
      </c>
      <c r="M3727">
        <v>323689.16019999998</v>
      </c>
      <c r="N3727">
        <v>70215.527400000006</v>
      </c>
      <c r="O3727">
        <v>17649.666809999999</v>
      </c>
      <c r="P3727">
        <v>24018.661110000001</v>
      </c>
      <c r="Q3727">
        <v>98407.306649999999</v>
      </c>
      <c r="R3727">
        <v>16782.915079999999</v>
      </c>
      <c r="S3727">
        <v>73225.801850000003</v>
      </c>
      <c r="T3727">
        <v>19727.497240000001</v>
      </c>
      <c r="U3727">
        <v>16239.44981</v>
      </c>
      <c r="W3727" s="83">
        <f>Bühler!N3759</f>
        <v>45447.208333324299</v>
      </c>
      <c r="X3727" s="83">
        <v>43256.208333333336</v>
      </c>
      <c r="Y3727">
        <v>255184.8873</v>
      </c>
      <c r="Z3727">
        <v>14894.9216</v>
      </c>
      <c r="AA3727">
        <v>64664.732640000002</v>
      </c>
      <c r="AB3727">
        <v>32374.897919999999</v>
      </c>
      <c r="AC3727">
        <v>35749.990530000003</v>
      </c>
      <c r="AD3727">
        <v>21992.681960000002</v>
      </c>
      <c r="AE3727">
        <v>37681.277370000003</v>
      </c>
      <c r="AF3727">
        <v>46253.516559999996</v>
      </c>
      <c r="AG3727">
        <v>16555.293409999998</v>
      </c>
      <c r="AH3727">
        <v>323689.16019999998</v>
      </c>
      <c r="AI3727">
        <v>70215.527400000006</v>
      </c>
      <c r="AJ3727">
        <v>17649.666809999999</v>
      </c>
      <c r="AK3727">
        <v>24018.661110000001</v>
      </c>
      <c r="AL3727">
        <v>98407.306649999999</v>
      </c>
      <c r="AM3727">
        <v>16782.915079999999</v>
      </c>
      <c r="AN3727">
        <v>73225.801850000003</v>
      </c>
      <c r="AO3727">
        <v>19727.497240000001</v>
      </c>
      <c r="AP3727">
        <v>16239.44981</v>
      </c>
    </row>
    <row r="3728" spans="2:42" x14ac:dyDescent="0.3">
      <c r="B3728">
        <v>66.379208197379029</v>
      </c>
      <c r="C3728" s="83">
        <v>43256.25</v>
      </c>
      <c r="D3728">
        <v>266704.01309999998</v>
      </c>
      <c r="E3728">
        <v>18704.49466</v>
      </c>
      <c r="F3728">
        <v>75468.020619999996</v>
      </c>
      <c r="G3728">
        <v>43024.378790000002</v>
      </c>
      <c r="H3728">
        <v>37542.267950000001</v>
      </c>
      <c r="I3728">
        <v>29115.6505</v>
      </c>
      <c r="J3728">
        <v>40155.824970000001</v>
      </c>
      <c r="K3728">
        <v>49306.11131</v>
      </c>
      <c r="L3728">
        <v>17011.901989999998</v>
      </c>
      <c r="M3728">
        <v>338432.15879999998</v>
      </c>
      <c r="N3728">
        <v>73122.561199999996</v>
      </c>
      <c r="O3728">
        <v>19169.59029</v>
      </c>
      <c r="P3728">
        <v>25491.945339999998</v>
      </c>
      <c r="Q3728">
        <v>98987.485220000002</v>
      </c>
      <c r="R3728">
        <v>15782.67122</v>
      </c>
      <c r="S3728">
        <v>80537.473249999995</v>
      </c>
      <c r="T3728">
        <v>21281.680479999999</v>
      </c>
      <c r="U3728">
        <v>17724.338</v>
      </c>
      <c r="W3728" s="83">
        <f>Bühler!N3760</f>
        <v>45447.249999990963</v>
      </c>
      <c r="X3728" s="83">
        <v>43256.25</v>
      </c>
      <c r="Y3728">
        <v>266704.01309999998</v>
      </c>
      <c r="Z3728">
        <v>18704.49466</v>
      </c>
      <c r="AA3728">
        <v>75468.020619999996</v>
      </c>
      <c r="AB3728">
        <v>43024.378790000002</v>
      </c>
      <c r="AC3728">
        <v>37542.267950000001</v>
      </c>
      <c r="AD3728">
        <v>29115.6505</v>
      </c>
      <c r="AE3728">
        <v>40155.824970000001</v>
      </c>
      <c r="AF3728">
        <v>49306.11131</v>
      </c>
      <c r="AG3728">
        <v>17011.901989999998</v>
      </c>
      <c r="AH3728">
        <v>338432.15879999998</v>
      </c>
      <c r="AI3728">
        <v>73122.561199999996</v>
      </c>
      <c r="AJ3728">
        <v>19169.59029</v>
      </c>
      <c r="AK3728">
        <v>25491.945339999998</v>
      </c>
      <c r="AL3728">
        <v>98987.485220000002</v>
      </c>
      <c r="AM3728">
        <v>15782.67122</v>
      </c>
      <c r="AN3728">
        <v>80537.473249999995</v>
      </c>
      <c r="AO3728">
        <v>21281.680479999999</v>
      </c>
      <c r="AP3728">
        <v>17724.338</v>
      </c>
    </row>
    <row r="3729" spans="2:42" x14ac:dyDescent="0.3">
      <c r="B3729">
        <v>68.220041022490918</v>
      </c>
      <c r="C3729" s="83">
        <v>43256.291666666664</v>
      </c>
      <c r="D3729">
        <v>280632.22149999999</v>
      </c>
      <c r="E3729">
        <v>22862.41863</v>
      </c>
      <c r="F3729">
        <v>79809.740900000004</v>
      </c>
      <c r="G3729">
        <v>54033.617939999996</v>
      </c>
      <c r="H3729">
        <v>43293.647250000002</v>
      </c>
      <c r="I3729">
        <v>36031.646110000001</v>
      </c>
      <c r="J3729">
        <v>42084.42151</v>
      </c>
      <c r="K3729">
        <v>54622.81192</v>
      </c>
      <c r="L3729">
        <v>19680.74898</v>
      </c>
      <c r="M3729">
        <v>347817.58299999998</v>
      </c>
      <c r="N3729">
        <v>78481.980769999995</v>
      </c>
      <c r="O3729">
        <v>22293.205409999999</v>
      </c>
      <c r="P3729">
        <v>29052.06193</v>
      </c>
      <c r="Q3729">
        <v>98686.180049999995</v>
      </c>
      <c r="R3729">
        <v>17341.385389999999</v>
      </c>
      <c r="S3729">
        <v>95286.092539999998</v>
      </c>
      <c r="T3729">
        <v>25586.26669</v>
      </c>
      <c r="U3729">
        <v>22253.23026</v>
      </c>
      <c r="W3729" s="83">
        <f>Bühler!N3761</f>
        <v>45447.291666657628</v>
      </c>
      <c r="X3729" s="83">
        <v>43256.291666666664</v>
      </c>
      <c r="Y3729">
        <v>280632.22149999999</v>
      </c>
      <c r="Z3729">
        <v>22862.41863</v>
      </c>
      <c r="AA3729">
        <v>79809.740900000004</v>
      </c>
      <c r="AB3729">
        <v>54033.617939999996</v>
      </c>
      <c r="AC3729">
        <v>43293.647250000002</v>
      </c>
      <c r="AD3729">
        <v>36031.646110000001</v>
      </c>
      <c r="AE3729">
        <v>42084.42151</v>
      </c>
      <c r="AF3729">
        <v>54622.81192</v>
      </c>
      <c r="AG3729">
        <v>19680.74898</v>
      </c>
      <c r="AH3729">
        <v>347817.58299999998</v>
      </c>
      <c r="AI3729">
        <v>78481.980769999995</v>
      </c>
      <c r="AJ3729">
        <v>22293.205409999999</v>
      </c>
      <c r="AK3729">
        <v>29052.06193</v>
      </c>
      <c r="AL3729">
        <v>98686.180049999995</v>
      </c>
      <c r="AM3729">
        <v>17341.385389999999</v>
      </c>
      <c r="AN3729">
        <v>95286.092539999998</v>
      </c>
      <c r="AO3729">
        <v>25586.26669</v>
      </c>
      <c r="AP3729">
        <v>22253.23026</v>
      </c>
    </row>
    <row r="3730" spans="2:42" x14ac:dyDescent="0.3">
      <c r="B3730">
        <v>69.210309126931023</v>
      </c>
      <c r="C3730" s="83">
        <v>43256.333333333336</v>
      </c>
      <c r="D3730">
        <v>293243.01020000002</v>
      </c>
      <c r="E3730">
        <v>28596.58568</v>
      </c>
      <c r="F3730">
        <v>88090.972850000006</v>
      </c>
      <c r="G3730">
        <v>68509.390920000005</v>
      </c>
      <c r="H3730">
        <v>48666.360679999998</v>
      </c>
      <c r="I3730">
        <v>39061.936090000003</v>
      </c>
      <c r="J3730">
        <v>44664.323040000003</v>
      </c>
      <c r="K3730">
        <v>61417.778599999998</v>
      </c>
      <c r="L3730">
        <v>23007.282080000001</v>
      </c>
      <c r="M3730">
        <v>352866.43160000001</v>
      </c>
      <c r="N3730">
        <v>84072.948579999997</v>
      </c>
      <c r="O3730">
        <v>24198.1149</v>
      </c>
      <c r="P3730">
        <v>31653.491320000001</v>
      </c>
      <c r="Q3730">
        <v>100097.4783</v>
      </c>
      <c r="R3730">
        <v>20685.621790000001</v>
      </c>
      <c r="S3730">
        <v>109097.1434</v>
      </c>
      <c r="T3730">
        <v>29175.210520000001</v>
      </c>
      <c r="U3730">
        <v>26516.55616</v>
      </c>
      <c r="W3730" s="83">
        <f>Bühler!N3762</f>
        <v>45447.333333324292</v>
      </c>
      <c r="X3730" s="83">
        <v>43256.333333333336</v>
      </c>
      <c r="Y3730">
        <v>293243.01020000002</v>
      </c>
      <c r="Z3730">
        <v>28596.58568</v>
      </c>
      <c r="AA3730">
        <v>88090.972850000006</v>
      </c>
      <c r="AB3730">
        <v>68509.390920000005</v>
      </c>
      <c r="AC3730">
        <v>48666.360679999998</v>
      </c>
      <c r="AD3730">
        <v>39061.936090000003</v>
      </c>
      <c r="AE3730">
        <v>44664.323040000003</v>
      </c>
      <c r="AF3730">
        <v>61417.778599999998</v>
      </c>
      <c r="AG3730">
        <v>23007.282080000001</v>
      </c>
      <c r="AH3730">
        <v>352866.43160000001</v>
      </c>
      <c r="AI3730">
        <v>84072.948579999997</v>
      </c>
      <c r="AJ3730">
        <v>24198.1149</v>
      </c>
      <c r="AK3730">
        <v>31653.491320000001</v>
      </c>
      <c r="AL3730">
        <v>100097.4783</v>
      </c>
      <c r="AM3730">
        <v>20685.621790000001</v>
      </c>
      <c r="AN3730">
        <v>109097.1434</v>
      </c>
      <c r="AO3730">
        <v>29175.210520000001</v>
      </c>
      <c r="AP3730">
        <v>26516.55616</v>
      </c>
    </row>
    <row r="3731" spans="2:42" x14ac:dyDescent="0.3">
      <c r="B3731">
        <v>69.79245387418095</v>
      </c>
      <c r="C3731" s="83">
        <v>43256.375</v>
      </c>
      <c r="D3731">
        <v>296896.90870000003</v>
      </c>
      <c r="E3731">
        <v>33230.693330000002</v>
      </c>
      <c r="F3731">
        <v>95884.833880000006</v>
      </c>
      <c r="G3731">
        <v>77829.671650000004</v>
      </c>
      <c r="H3731">
        <v>51816.263209999997</v>
      </c>
      <c r="I3731">
        <v>38431.330730000001</v>
      </c>
      <c r="J3731">
        <v>46081.174760000002</v>
      </c>
      <c r="K3731">
        <v>63859.100259999999</v>
      </c>
      <c r="L3731">
        <v>26586.922159999998</v>
      </c>
      <c r="M3731">
        <v>355834.47700000001</v>
      </c>
      <c r="N3731">
        <v>86068.562779999993</v>
      </c>
      <c r="O3731">
        <v>25330.798320000002</v>
      </c>
      <c r="P3731">
        <v>33005.408009999999</v>
      </c>
      <c r="Q3731">
        <v>101713.04059999999</v>
      </c>
      <c r="R3731">
        <v>21616.94339</v>
      </c>
      <c r="S3731">
        <v>115552.8518</v>
      </c>
      <c r="T3731">
        <v>32546.789359999999</v>
      </c>
      <c r="U3731">
        <v>27446.923910000001</v>
      </c>
      <c r="W3731" s="83">
        <f>Bühler!N3763</f>
        <v>45447.374999990956</v>
      </c>
      <c r="X3731" s="83">
        <v>43256.375</v>
      </c>
      <c r="Y3731">
        <v>296896.90870000003</v>
      </c>
      <c r="Z3731">
        <v>33230.693330000002</v>
      </c>
      <c r="AA3731">
        <v>95884.833880000006</v>
      </c>
      <c r="AB3731">
        <v>77829.671650000004</v>
      </c>
      <c r="AC3731">
        <v>51816.263209999997</v>
      </c>
      <c r="AD3731">
        <v>38431.330730000001</v>
      </c>
      <c r="AE3731">
        <v>46081.174760000002</v>
      </c>
      <c r="AF3731">
        <v>63859.100259999999</v>
      </c>
      <c r="AG3731">
        <v>26586.922159999998</v>
      </c>
      <c r="AH3731">
        <v>355834.47700000001</v>
      </c>
      <c r="AI3731">
        <v>86068.562779999993</v>
      </c>
      <c r="AJ3731">
        <v>25330.798320000002</v>
      </c>
      <c r="AK3731">
        <v>33005.408009999999</v>
      </c>
      <c r="AL3731">
        <v>101713.04059999999</v>
      </c>
      <c r="AM3731">
        <v>21616.94339</v>
      </c>
      <c r="AN3731">
        <v>115552.8518</v>
      </c>
      <c r="AO3731">
        <v>32546.789359999999</v>
      </c>
      <c r="AP3731">
        <v>27446.923910000001</v>
      </c>
    </row>
    <row r="3732" spans="2:42" x14ac:dyDescent="0.3">
      <c r="B3732">
        <v>70.705265627335507</v>
      </c>
      <c r="C3732" s="83">
        <v>43256.416666666664</v>
      </c>
      <c r="D3732">
        <v>300264.25329999998</v>
      </c>
      <c r="E3732">
        <v>35347.120840000003</v>
      </c>
      <c r="F3732">
        <v>96349.606199999995</v>
      </c>
      <c r="G3732">
        <v>80537.302880000003</v>
      </c>
      <c r="H3732">
        <v>52735.07245</v>
      </c>
      <c r="I3732">
        <v>36282.935740000001</v>
      </c>
      <c r="J3732">
        <v>45774.369789999997</v>
      </c>
      <c r="K3732">
        <v>64573.140149999999</v>
      </c>
      <c r="L3732">
        <v>29299.700540000002</v>
      </c>
      <c r="M3732">
        <v>360488.41700000002</v>
      </c>
      <c r="N3732">
        <v>86817.057910000003</v>
      </c>
      <c r="O3732">
        <v>24954.952829999998</v>
      </c>
      <c r="P3732">
        <v>34143.306729999997</v>
      </c>
      <c r="Q3732">
        <v>103271.95209999999</v>
      </c>
      <c r="R3732">
        <v>23425.43793</v>
      </c>
      <c r="S3732">
        <v>117654.61749999999</v>
      </c>
      <c r="T3732">
        <v>34522.371209999998</v>
      </c>
      <c r="U3732">
        <v>26694.23775</v>
      </c>
      <c r="W3732" s="83">
        <f>Bühler!N3764</f>
        <v>45447.41666665762</v>
      </c>
      <c r="X3732" s="83">
        <v>43256.416666666664</v>
      </c>
      <c r="Y3732">
        <v>300264.25329999998</v>
      </c>
      <c r="Z3732">
        <v>35347.120840000003</v>
      </c>
      <c r="AA3732">
        <v>96349.606199999995</v>
      </c>
      <c r="AB3732">
        <v>80537.302880000003</v>
      </c>
      <c r="AC3732">
        <v>52735.07245</v>
      </c>
      <c r="AD3732">
        <v>36282.935740000001</v>
      </c>
      <c r="AE3732">
        <v>45774.369789999997</v>
      </c>
      <c r="AF3732">
        <v>64573.140149999999</v>
      </c>
      <c r="AG3732">
        <v>29299.700540000002</v>
      </c>
      <c r="AH3732">
        <v>360488.41700000002</v>
      </c>
      <c r="AI3732">
        <v>86817.057910000003</v>
      </c>
      <c r="AJ3732">
        <v>24954.952829999998</v>
      </c>
      <c r="AK3732">
        <v>34143.306729999997</v>
      </c>
      <c r="AL3732">
        <v>103271.95209999999</v>
      </c>
      <c r="AM3732">
        <v>23425.43793</v>
      </c>
      <c r="AN3732">
        <v>117654.61749999999</v>
      </c>
      <c r="AO3732">
        <v>34522.371209999998</v>
      </c>
      <c r="AP3732">
        <v>26694.23775</v>
      </c>
    </row>
    <row r="3733" spans="2:42" x14ac:dyDescent="0.3">
      <c r="B3733">
        <v>71.974271553050485</v>
      </c>
      <c r="C3733" s="83">
        <v>43256.458333333336</v>
      </c>
      <c r="D3733">
        <v>300555.58309999999</v>
      </c>
      <c r="E3733">
        <v>35464.99151</v>
      </c>
      <c r="F3733">
        <v>96985.560840000006</v>
      </c>
      <c r="G3733">
        <v>79446.490609999993</v>
      </c>
      <c r="H3733">
        <v>52604.950320000004</v>
      </c>
      <c r="I3733">
        <v>36609.749920000002</v>
      </c>
      <c r="J3733">
        <v>45314.476759999998</v>
      </c>
      <c r="K3733">
        <v>64144.185709999998</v>
      </c>
      <c r="L3733">
        <v>30606.421190000001</v>
      </c>
      <c r="M3733">
        <v>366958.40100000001</v>
      </c>
      <c r="N3733">
        <v>88044.293009999994</v>
      </c>
      <c r="O3733">
        <v>24941.677530000001</v>
      </c>
      <c r="P3733">
        <v>33722.644269999997</v>
      </c>
      <c r="Q3733">
        <v>104423.4755</v>
      </c>
      <c r="R3733">
        <v>25842.734049999999</v>
      </c>
      <c r="S3733">
        <v>122227.5819</v>
      </c>
      <c r="T3733">
        <v>34816.134230000003</v>
      </c>
      <c r="U3733">
        <v>26351.549009999999</v>
      </c>
      <c r="W3733" s="83">
        <f>Bühler!N3765</f>
        <v>45447.458333324284</v>
      </c>
      <c r="X3733" s="83">
        <v>43256.458333333336</v>
      </c>
      <c r="Y3733">
        <v>300555.58309999999</v>
      </c>
      <c r="Z3733">
        <v>35464.99151</v>
      </c>
      <c r="AA3733">
        <v>96985.560840000006</v>
      </c>
      <c r="AB3733">
        <v>79446.490609999993</v>
      </c>
      <c r="AC3733">
        <v>52604.950320000004</v>
      </c>
      <c r="AD3733">
        <v>36609.749920000002</v>
      </c>
      <c r="AE3733">
        <v>45314.476759999998</v>
      </c>
      <c r="AF3733">
        <v>64144.185709999998</v>
      </c>
      <c r="AG3733">
        <v>30606.421190000001</v>
      </c>
      <c r="AH3733">
        <v>366958.40100000001</v>
      </c>
      <c r="AI3733">
        <v>88044.293009999994</v>
      </c>
      <c r="AJ3733">
        <v>24941.677530000001</v>
      </c>
      <c r="AK3733">
        <v>33722.644269999997</v>
      </c>
      <c r="AL3733">
        <v>104423.4755</v>
      </c>
      <c r="AM3733">
        <v>25842.734049999999</v>
      </c>
      <c r="AN3733">
        <v>122227.5819</v>
      </c>
      <c r="AO3733">
        <v>34816.134230000003</v>
      </c>
      <c r="AP3733">
        <v>26351.549009999999</v>
      </c>
    </row>
    <row r="3734" spans="2:42" x14ac:dyDescent="0.3">
      <c r="B3734">
        <v>71.098618209365256</v>
      </c>
      <c r="C3734" s="83">
        <v>43256.5</v>
      </c>
      <c r="D3734">
        <v>289164.4754</v>
      </c>
      <c r="E3734">
        <v>32500.65395</v>
      </c>
      <c r="F3734">
        <v>91775.277669999996</v>
      </c>
      <c r="G3734">
        <v>79598.726790000001</v>
      </c>
      <c r="H3734">
        <v>50912.678590000003</v>
      </c>
      <c r="I3734">
        <v>35845.596420000002</v>
      </c>
      <c r="J3734">
        <v>45572.271950000002</v>
      </c>
      <c r="K3734">
        <v>60929.475079999997</v>
      </c>
      <c r="L3734">
        <v>32799.724719999998</v>
      </c>
      <c r="M3734">
        <v>362493.91190000001</v>
      </c>
      <c r="N3734">
        <v>88620.811019999994</v>
      </c>
      <c r="O3734">
        <v>24574.213500000002</v>
      </c>
      <c r="P3734">
        <v>34819.720410000002</v>
      </c>
      <c r="Q3734">
        <v>104466.6211</v>
      </c>
      <c r="R3734">
        <v>25197.40006</v>
      </c>
      <c r="S3734">
        <v>116708.77280000001</v>
      </c>
      <c r="T3734">
        <v>35113.657729999999</v>
      </c>
      <c r="U3734">
        <v>22732.229719999999</v>
      </c>
      <c r="W3734" s="83">
        <f>Bühler!N3766</f>
        <v>45447.499999990949</v>
      </c>
      <c r="X3734" s="83">
        <v>43256.5</v>
      </c>
      <c r="Y3734">
        <v>289164.4754</v>
      </c>
      <c r="Z3734">
        <v>32500.65395</v>
      </c>
      <c r="AA3734">
        <v>91775.277669999996</v>
      </c>
      <c r="AB3734">
        <v>79598.726790000001</v>
      </c>
      <c r="AC3734">
        <v>50912.678590000003</v>
      </c>
      <c r="AD3734">
        <v>35845.596420000002</v>
      </c>
      <c r="AE3734">
        <v>45572.271950000002</v>
      </c>
      <c r="AF3734">
        <v>60929.475079999997</v>
      </c>
      <c r="AG3734">
        <v>32799.724719999998</v>
      </c>
      <c r="AH3734">
        <v>362493.91190000001</v>
      </c>
      <c r="AI3734">
        <v>88620.811019999994</v>
      </c>
      <c r="AJ3734">
        <v>24574.213500000002</v>
      </c>
      <c r="AK3734">
        <v>34819.720410000002</v>
      </c>
      <c r="AL3734">
        <v>104466.6211</v>
      </c>
      <c r="AM3734">
        <v>25197.40006</v>
      </c>
      <c r="AN3734">
        <v>116708.77280000001</v>
      </c>
      <c r="AO3734">
        <v>35113.657729999999</v>
      </c>
      <c r="AP3734">
        <v>22732.229719999999</v>
      </c>
    </row>
    <row r="3735" spans="2:42" x14ac:dyDescent="0.3">
      <c r="B3735">
        <v>70.05268438489</v>
      </c>
      <c r="C3735" s="83">
        <v>43256.541666666664</v>
      </c>
      <c r="D3735">
        <v>292960.94270000001</v>
      </c>
      <c r="E3735">
        <v>33162.727919999998</v>
      </c>
      <c r="F3735">
        <v>89018.799419999996</v>
      </c>
      <c r="G3735">
        <v>75837.824049999996</v>
      </c>
      <c r="H3735">
        <v>51493.390729999999</v>
      </c>
      <c r="I3735">
        <v>35826.13392</v>
      </c>
      <c r="J3735">
        <v>44829.407740000002</v>
      </c>
      <c r="K3735">
        <v>63928.504789999999</v>
      </c>
      <c r="L3735">
        <v>31413.418600000001</v>
      </c>
      <c r="M3735">
        <v>357161.25349999999</v>
      </c>
      <c r="N3735">
        <v>88473.353270000007</v>
      </c>
      <c r="O3735">
        <v>24865.065040000001</v>
      </c>
      <c r="P3735">
        <v>34871.19025</v>
      </c>
      <c r="Q3735">
        <v>103193.3587</v>
      </c>
      <c r="R3735">
        <v>24940.271909999999</v>
      </c>
      <c r="S3735">
        <v>116327.3746</v>
      </c>
      <c r="T3735">
        <v>34286.208259999999</v>
      </c>
      <c r="U3735">
        <v>24760.020670000002</v>
      </c>
      <c r="W3735" s="83">
        <f>Bühler!N3767</f>
        <v>45447.541666657613</v>
      </c>
      <c r="X3735" s="83">
        <v>43256.541666666664</v>
      </c>
      <c r="Y3735">
        <v>292960.94270000001</v>
      </c>
      <c r="Z3735">
        <v>33162.727919999998</v>
      </c>
      <c r="AA3735">
        <v>89018.799419999996</v>
      </c>
      <c r="AB3735">
        <v>75837.824049999996</v>
      </c>
      <c r="AC3735">
        <v>51493.390729999999</v>
      </c>
      <c r="AD3735">
        <v>35826.13392</v>
      </c>
      <c r="AE3735">
        <v>44829.407740000002</v>
      </c>
      <c r="AF3735">
        <v>63928.504789999999</v>
      </c>
      <c r="AG3735">
        <v>31413.418600000001</v>
      </c>
      <c r="AH3735">
        <v>357161.25349999999</v>
      </c>
      <c r="AI3735">
        <v>88473.353270000007</v>
      </c>
      <c r="AJ3735">
        <v>24865.065040000001</v>
      </c>
      <c r="AK3735">
        <v>34871.19025</v>
      </c>
      <c r="AL3735">
        <v>103193.3587</v>
      </c>
      <c r="AM3735">
        <v>24940.271909999999</v>
      </c>
      <c r="AN3735">
        <v>116327.3746</v>
      </c>
      <c r="AO3735">
        <v>34286.208259999999</v>
      </c>
      <c r="AP3735">
        <v>24760.020670000002</v>
      </c>
    </row>
    <row r="3736" spans="2:42" x14ac:dyDescent="0.3">
      <c r="B3736">
        <v>70.184270543354799</v>
      </c>
      <c r="C3736" s="83">
        <v>43256.583333333336</v>
      </c>
      <c r="D3736">
        <v>298853.04550000001</v>
      </c>
      <c r="E3736">
        <v>35692.021840000001</v>
      </c>
      <c r="F3736">
        <v>97181.694109999997</v>
      </c>
      <c r="G3736">
        <v>70857.512929999997</v>
      </c>
      <c r="H3736">
        <v>51856.937830000003</v>
      </c>
      <c r="I3736">
        <v>37036.502180000003</v>
      </c>
      <c r="J3736">
        <v>43054.79898</v>
      </c>
      <c r="K3736">
        <v>65579.854009999995</v>
      </c>
      <c r="L3736">
        <v>28392.010760000001</v>
      </c>
      <c r="M3736">
        <v>357832.14110000001</v>
      </c>
      <c r="N3736">
        <v>91533.754270000005</v>
      </c>
      <c r="O3736">
        <v>25864.586759999998</v>
      </c>
      <c r="P3736">
        <v>30896.017790000002</v>
      </c>
      <c r="Q3736">
        <v>102980.87</v>
      </c>
      <c r="R3736">
        <v>24281.631890000001</v>
      </c>
      <c r="S3736">
        <v>112057.069</v>
      </c>
      <c r="T3736">
        <v>33170.374900000003</v>
      </c>
      <c r="U3736">
        <v>24524.174770000001</v>
      </c>
      <c r="W3736" s="83">
        <f>Bühler!N3768</f>
        <v>45447.583333324277</v>
      </c>
      <c r="X3736" s="83">
        <v>43256.583333333336</v>
      </c>
      <c r="Y3736">
        <v>298853.04550000001</v>
      </c>
      <c r="Z3736">
        <v>35692.021840000001</v>
      </c>
      <c r="AA3736">
        <v>97181.694109999997</v>
      </c>
      <c r="AB3736">
        <v>70857.512929999997</v>
      </c>
      <c r="AC3736">
        <v>51856.937830000003</v>
      </c>
      <c r="AD3736">
        <v>37036.502180000003</v>
      </c>
      <c r="AE3736">
        <v>43054.79898</v>
      </c>
      <c r="AF3736">
        <v>65579.854009999995</v>
      </c>
      <c r="AG3736">
        <v>28392.010760000001</v>
      </c>
      <c r="AH3736">
        <v>357832.14110000001</v>
      </c>
      <c r="AI3736">
        <v>91533.754270000005</v>
      </c>
      <c r="AJ3736">
        <v>25864.586759999998</v>
      </c>
      <c r="AK3736">
        <v>30896.017790000002</v>
      </c>
      <c r="AL3736">
        <v>102980.87</v>
      </c>
      <c r="AM3736">
        <v>24281.631890000001</v>
      </c>
      <c r="AN3736">
        <v>112057.069</v>
      </c>
      <c r="AO3736">
        <v>33170.374900000003</v>
      </c>
      <c r="AP3736">
        <v>24524.174770000001</v>
      </c>
    </row>
    <row r="3737" spans="2:42" x14ac:dyDescent="0.3">
      <c r="B3737">
        <v>69.959548593035791</v>
      </c>
      <c r="C3737" s="83">
        <v>43256.625</v>
      </c>
      <c r="D3737">
        <v>298278.7487</v>
      </c>
      <c r="E3737">
        <v>35892.194669999997</v>
      </c>
      <c r="F3737">
        <v>99764.943599999999</v>
      </c>
      <c r="G3737">
        <v>66933.77781</v>
      </c>
      <c r="H3737">
        <v>50889.217060000003</v>
      </c>
      <c r="I3737">
        <v>36617.939830000003</v>
      </c>
      <c r="J3737">
        <v>44187.941529999996</v>
      </c>
      <c r="K3737">
        <v>64679.947659999998</v>
      </c>
      <c r="L3737">
        <v>25669.6073</v>
      </c>
      <c r="M3737">
        <v>356686.40379999997</v>
      </c>
      <c r="N3737">
        <v>88555.9516</v>
      </c>
      <c r="O3737">
        <v>25985.676049999998</v>
      </c>
      <c r="P3737">
        <v>28515.34102</v>
      </c>
      <c r="Q3737">
        <v>102060.9224</v>
      </c>
      <c r="R3737">
        <v>23149.181349999999</v>
      </c>
      <c r="S3737">
        <v>110290.8049</v>
      </c>
      <c r="T3737">
        <v>32107.27349</v>
      </c>
      <c r="U3737">
        <v>25021.673889999998</v>
      </c>
      <c r="W3737" s="83">
        <f>Bühler!N3769</f>
        <v>45447.624999990941</v>
      </c>
      <c r="X3737" s="83">
        <v>43256.625</v>
      </c>
      <c r="Y3737">
        <v>298278.7487</v>
      </c>
      <c r="Z3737">
        <v>35892.194669999997</v>
      </c>
      <c r="AA3737">
        <v>99764.943599999999</v>
      </c>
      <c r="AB3737">
        <v>66933.77781</v>
      </c>
      <c r="AC3737">
        <v>50889.217060000003</v>
      </c>
      <c r="AD3737">
        <v>36617.939830000003</v>
      </c>
      <c r="AE3737">
        <v>44187.941529999996</v>
      </c>
      <c r="AF3737">
        <v>64679.947659999998</v>
      </c>
      <c r="AG3737">
        <v>25669.6073</v>
      </c>
      <c r="AH3737">
        <v>356686.40379999997</v>
      </c>
      <c r="AI3737">
        <v>88555.9516</v>
      </c>
      <c r="AJ3737">
        <v>25985.676049999998</v>
      </c>
      <c r="AK3737">
        <v>28515.34102</v>
      </c>
      <c r="AL3737">
        <v>102060.9224</v>
      </c>
      <c r="AM3737">
        <v>23149.181349999999</v>
      </c>
      <c r="AN3737">
        <v>110290.8049</v>
      </c>
      <c r="AO3737">
        <v>32107.27349</v>
      </c>
      <c r="AP3737">
        <v>25021.673889999998</v>
      </c>
    </row>
    <row r="3738" spans="2:42" x14ac:dyDescent="0.3">
      <c r="B3738">
        <v>69.130152865696743</v>
      </c>
      <c r="C3738" s="83">
        <v>43256.666666666664</v>
      </c>
      <c r="D3738">
        <v>289757.1249</v>
      </c>
      <c r="E3738">
        <v>35338.948759999999</v>
      </c>
      <c r="F3738">
        <v>98731.988589999994</v>
      </c>
      <c r="G3738">
        <v>62713.51943</v>
      </c>
      <c r="H3738">
        <v>48674.554369999998</v>
      </c>
      <c r="I3738">
        <v>37917.670140000002</v>
      </c>
      <c r="J3738">
        <v>44213.369189999998</v>
      </c>
      <c r="K3738">
        <v>61877.09721</v>
      </c>
      <c r="L3738">
        <v>24604.362539999998</v>
      </c>
      <c r="M3738">
        <v>352457.75760000001</v>
      </c>
      <c r="N3738">
        <v>87587.788020000007</v>
      </c>
      <c r="O3738">
        <v>25022.383180000001</v>
      </c>
      <c r="P3738">
        <v>28161.158500000001</v>
      </c>
      <c r="Q3738">
        <v>101722.46</v>
      </c>
      <c r="R3738">
        <v>24074.875510000002</v>
      </c>
      <c r="S3738">
        <v>108250.4023</v>
      </c>
      <c r="T3738">
        <v>31067.327939999999</v>
      </c>
      <c r="U3738">
        <v>22911.664529999998</v>
      </c>
      <c r="W3738" s="83">
        <f>Bühler!N3770</f>
        <v>45447.666666657606</v>
      </c>
      <c r="X3738" s="83">
        <v>43256.666666666664</v>
      </c>
      <c r="Y3738">
        <v>289757.1249</v>
      </c>
      <c r="Z3738">
        <v>35338.948759999999</v>
      </c>
      <c r="AA3738">
        <v>98731.988589999994</v>
      </c>
      <c r="AB3738">
        <v>62713.51943</v>
      </c>
      <c r="AC3738">
        <v>48674.554369999998</v>
      </c>
      <c r="AD3738">
        <v>37917.670140000002</v>
      </c>
      <c r="AE3738">
        <v>44213.369189999998</v>
      </c>
      <c r="AF3738">
        <v>61877.09721</v>
      </c>
      <c r="AG3738">
        <v>24604.362539999998</v>
      </c>
      <c r="AH3738">
        <v>352457.75760000001</v>
      </c>
      <c r="AI3738">
        <v>87587.788020000007</v>
      </c>
      <c r="AJ3738">
        <v>25022.383180000001</v>
      </c>
      <c r="AK3738">
        <v>28161.158500000001</v>
      </c>
      <c r="AL3738">
        <v>101722.46</v>
      </c>
      <c r="AM3738">
        <v>24074.875510000002</v>
      </c>
      <c r="AN3738">
        <v>108250.4023</v>
      </c>
      <c r="AO3738">
        <v>31067.327939999999</v>
      </c>
      <c r="AP3738">
        <v>22911.664529999998</v>
      </c>
    </row>
    <row r="3739" spans="2:42" x14ac:dyDescent="0.3">
      <c r="B3739">
        <v>67.362938708400947</v>
      </c>
      <c r="C3739" s="83">
        <v>43256.708333333336</v>
      </c>
      <c r="D3739">
        <v>278441.59700000001</v>
      </c>
      <c r="E3739">
        <v>33113.631849999998</v>
      </c>
      <c r="F3739">
        <v>97206.875390000001</v>
      </c>
      <c r="G3739">
        <v>55614.933109999998</v>
      </c>
      <c r="H3739">
        <v>46111.033430000003</v>
      </c>
      <c r="I3739">
        <v>37510.938529999999</v>
      </c>
      <c r="J3739">
        <v>44466.56366</v>
      </c>
      <c r="K3739">
        <v>55587.478069999997</v>
      </c>
      <c r="L3739">
        <v>24979.852480000001</v>
      </c>
      <c r="M3739">
        <v>343447.67570000002</v>
      </c>
      <c r="N3739">
        <v>82970.727320000005</v>
      </c>
      <c r="O3739">
        <v>23864.890019999999</v>
      </c>
      <c r="P3739">
        <v>30155.227500000001</v>
      </c>
      <c r="Q3739">
        <v>99614.912620000003</v>
      </c>
      <c r="R3739">
        <v>23947.634999999998</v>
      </c>
      <c r="S3739">
        <v>104148.4008</v>
      </c>
      <c r="T3739">
        <v>30756.977269999999</v>
      </c>
      <c r="U3739">
        <v>19977.924739999999</v>
      </c>
      <c r="W3739" s="83">
        <f>Bühler!N3771</f>
        <v>45447.70833332427</v>
      </c>
      <c r="X3739" s="83">
        <v>43256.708333333336</v>
      </c>
      <c r="Y3739">
        <v>278441.59700000001</v>
      </c>
      <c r="Z3739">
        <v>33113.631849999998</v>
      </c>
      <c r="AA3739">
        <v>97206.875390000001</v>
      </c>
      <c r="AB3739">
        <v>55614.933109999998</v>
      </c>
      <c r="AC3739">
        <v>46111.033430000003</v>
      </c>
      <c r="AD3739">
        <v>37510.938529999999</v>
      </c>
      <c r="AE3739">
        <v>44466.56366</v>
      </c>
      <c r="AF3739">
        <v>55587.478069999997</v>
      </c>
      <c r="AG3739">
        <v>24979.852480000001</v>
      </c>
      <c r="AH3739">
        <v>343447.67570000002</v>
      </c>
      <c r="AI3739">
        <v>82970.727320000005</v>
      </c>
      <c r="AJ3739">
        <v>23864.890019999999</v>
      </c>
      <c r="AK3739">
        <v>30155.227500000001</v>
      </c>
      <c r="AL3739">
        <v>99614.912620000003</v>
      </c>
      <c r="AM3739">
        <v>23947.634999999998</v>
      </c>
      <c r="AN3739">
        <v>104148.4008</v>
      </c>
      <c r="AO3739">
        <v>30756.977269999999</v>
      </c>
      <c r="AP3739">
        <v>19977.924739999999</v>
      </c>
    </row>
    <row r="3740" spans="2:42" x14ac:dyDescent="0.3">
      <c r="B3740">
        <v>66.552562445641257</v>
      </c>
      <c r="C3740" s="83">
        <v>43256.75</v>
      </c>
      <c r="D3740">
        <v>271950.01069999998</v>
      </c>
      <c r="E3740">
        <v>29710.102599999998</v>
      </c>
      <c r="F3740">
        <v>94766.026029999994</v>
      </c>
      <c r="G3740">
        <v>48122.12644</v>
      </c>
      <c r="H3740">
        <v>43645.587879999999</v>
      </c>
      <c r="I3740">
        <v>35913.734969999998</v>
      </c>
      <c r="J3740">
        <v>44073.637970000003</v>
      </c>
      <c r="K3740">
        <v>53450.085749999998</v>
      </c>
      <c r="L3740">
        <v>26703.729149999999</v>
      </c>
      <c r="M3740">
        <v>339315.99959999998</v>
      </c>
      <c r="N3740">
        <v>81499.895399999994</v>
      </c>
      <c r="O3740">
        <v>22473.53198</v>
      </c>
      <c r="P3740">
        <v>32578.67109</v>
      </c>
      <c r="Q3740">
        <v>98349.207250000007</v>
      </c>
      <c r="R3740">
        <v>21737.767230000001</v>
      </c>
      <c r="S3740">
        <v>97321.874679999994</v>
      </c>
      <c r="T3740">
        <v>30482.099419999999</v>
      </c>
      <c r="U3740">
        <v>18466.041399999998</v>
      </c>
      <c r="W3740" s="83">
        <f>Bühler!N3772</f>
        <v>45447.749999990934</v>
      </c>
      <c r="X3740" s="83">
        <v>43256.75</v>
      </c>
      <c r="Y3740">
        <v>271950.01069999998</v>
      </c>
      <c r="Z3740">
        <v>29710.102599999998</v>
      </c>
      <c r="AA3740">
        <v>94766.026029999994</v>
      </c>
      <c r="AB3740">
        <v>48122.12644</v>
      </c>
      <c r="AC3740">
        <v>43645.587879999999</v>
      </c>
      <c r="AD3740">
        <v>35913.734969999998</v>
      </c>
      <c r="AE3740">
        <v>44073.637970000003</v>
      </c>
      <c r="AF3740">
        <v>53450.085749999998</v>
      </c>
      <c r="AG3740">
        <v>26703.729149999999</v>
      </c>
      <c r="AH3740">
        <v>339315.99959999998</v>
      </c>
      <c r="AI3740">
        <v>81499.895399999994</v>
      </c>
      <c r="AJ3740">
        <v>22473.53198</v>
      </c>
      <c r="AK3740">
        <v>32578.67109</v>
      </c>
      <c r="AL3740">
        <v>98349.207250000007</v>
      </c>
      <c r="AM3740">
        <v>21737.767230000001</v>
      </c>
      <c r="AN3740">
        <v>97321.874679999994</v>
      </c>
      <c r="AO3740">
        <v>30482.099419999999</v>
      </c>
      <c r="AP3740">
        <v>18466.041399999998</v>
      </c>
    </row>
    <row r="3741" spans="2:42" x14ac:dyDescent="0.3">
      <c r="B3741">
        <v>65.434899600030661</v>
      </c>
      <c r="C3741" s="83">
        <v>43256.791666666664</v>
      </c>
      <c r="D3741">
        <v>265346.19059999997</v>
      </c>
      <c r="E3741">
        <v>24097.940470000001</v>
      </c>
      <c r="F3741">
        <v>84002.482359999995</v>
      </c>
      <c r="G3741">
        <v>43394.283089999997</v>
      </c>
      <c r="H3741">
        <v>41372.481619999999</v>
      </c>
      <c r="I3741">
        <v>32808.93548</v>
      </c>
      <c r="J3741">
        <v>43023.364569999998</v>
      </c>
      <c r="K3741">
        <v>53946.859340000003</v>
      </c>
      <c r="L3741">
        <v>27414.887989999999</v>
      </c>
      <c r="M3741">
        <v>333617.63319999998</v>
      </c>
      <c r="N3741">
        <v>79877.306899999996</v>
      </c>
      <c r="O3741">
        <v>21110.449390000002</v>
      </c>
      <c r="P3741">
        <v>34216.110159999997</v>
      </c>
      <c r="Q3741">
        <v>95726.461190000002</v>
      </c>
      <c r="R3741">
        <v>20205.630440000001</v>
      </c>
      <c r="S3741">
        <v>91733.816879999998</v>
      </c>
      <c r="T3741">
        <v>30789.813099999999</v>
      </c>
      <c r="U3741">
        <v>17300.258119999999</v>
      </c>
      <c r="W3741" s="83">
        <f>Bühler!N3773</f>
        <v>45447.791666657598</v>
      </c>
      <c r="X3741" s="83">
        <v>43256.791666666664</v>
      </c>
      <c r="Y3741">
        <v>265346.19059999997</v>
      </c>
      <c r="Z3741">
        <v>24097.940470000001</v>
      </c>
      <c r="AA3741">
        <v>84002.482359999995</v>
      </c>
      <c r="AB3741">
        <v>43394.283089999997</v>
      </c>
      <c r="AC3741">
        <v>41372.481619999999</v>
      </c>
      <c r="AD3741">
        <v>32808.93548</v>
      </c>
      <c r="AE3741">
        <v>43023.364569999998</v>
      </c>
      <c r="AF3741">
        <v>53946.859340000003</v>
      </c>
      <c r="AG3741">
        <v>27414.887989999999</v>
      </c>
      <c r="AH3741">
        <v>333617.63319999998</v>
      </c>
      <c r="AI3741">
        <v>79877.306899999996</v>
      </c>
      <c r="AJ3741">
        <v>21110.449390000002</v>
      </c>
      <c r="AK3741">
        <v>34216.110159999997</v>
      </c>
      <c r="AL3741">
        <v>95726.461190000002</v>
      </c>
      <c r="AM3741">
        <v>20205.630440000001</v>
      </c>
      <c r="AN3741">
        <v>91733.816879999998</v>
      </c>
      <c r="AO3741">
        <v>30789.813099999999</v>
      </c>
      <c r="AP3741">
        <v>17300.258119999999</v>
      </c>
    </row>
    <row r="3742" spans="2:42" x14ac:dyDescent="0.3">
      <c r="B3742">
        <v>63.367940402265738</v>
      </c>
      <c r="C3742" s="83">
        <v>43256.833333333336</v>
      </c>
      <c r="D3742">
        <v>253696.05420000001</v>
      </c>
      <c r="E3742">
        <v>17611.4437</v>
      </c>
      <c r="F3742">
        <v>66509.469159999993</v>
      </c>
      <c r="G3742">
        <v>38522.088080000001</v>
      </c>
      <c r="H3742">
        <v>38287.703860000001</v>
      </c>
      <c r="I3742">
        <v>28058.134770000001</v>
      </c>
      <c r="J3742">
        <v>41858.433060000003</v>
      </c>
      <c r="K3742">
        <v>51963.077080000003</v>
      </c>
      <c r="L3742">
        <v>26497.289700000001</v>
      </c>
      <c r="M3742">
        <v>323079.3113</v>
      </c>
      <c r="N3742">
        <v>76963.998349999994</v>
      </c>
      <c r="O3742">
        <v>19912.810979999998</v>
      </c>
      <c r="P3742">
        <v>34077.205179999997</v>
      </c>
      <c r="Q3742">
        <v>92552.555309999996</v>
      </c>
      <c r="R3742">
        <v>18626.11822</v>
      </c>
      <c r="S3742">
        <v>83680.393349999998</v>
      </c>
      <c r="T3742">
        <v>28726.360909999999</v>
      </c>
      <c r="U3742">
        <v>16370.485210000001</v>
      </c>
      <c r="W3742" s="83">
        <f>Bühler!N3774</f>
        <v>45447.833333324263</v>
      </c>
      <c r="X3742" s="83">
        <v>43256.833333333336</v>
      </c>
      <c r="Y3742">
        <v>253696.05420000001</v>
      </c>
      <c r="Z3742">
        <v>17611.4437</v>
      </c>
      <c r="AA3742">
        <v>66509.469159999993</v>
      </c>
      <c r="AB3742">
        <v>38522.088080000001</v>
      </c>
      <c r="AC3742">
        <v>38287.703860000001</v>
      </c>
      <c r="AD3742">
        <v>28058.134770000001</v>
      </c>
      <c r="AE3742">
        <v>41858.433060000003</v>
      </c>
      <c r="AF3742">
        <v>51963.077080000003</v>
      </c>
      <c r="AG3742">
        <v>26497.289700000001</v>
      </c>
      <c r="AH3742">
        <v>323079.3113</v>
      </c>
      <c r="AI3742">
        <v>76963.998349999994</v>
      </c>
      <c r="AJ3742">
        <v>19912.810979999998</v>
      </c>
      <c r="AK3742">
        <v>34077.205179999997</v>
      </c>
      <c r="AL3742">
        <v>92552.555309999996</v>
      </c>
      <c r="AM3742">
        <v>18626.11822</v>
      </c>
      <c r="AN3742">
        <v>83680.393349999998</v>
      </c>
      <c r="AO3742">
        <v>28726.360909999999</v>
      </c>
      <c r="AP3742">
        <v>16370.485210000001</v>
      </c>
    </row>
    <row r="3743" spans="2:42" x14ac:dyDescent="0.3">
      <c r="B3743">
        <v>61.340264076362075</v>
      </c>
      <c r="C3743" s="83">
        <v>43256.875</v>
      </c>
      <c r="D3743">
        <v>243674.5956</v>
      </c>
      <c r="E3743">
        <v>15177.49149</v>
      </c>
      <c r="F3743">
        <v>58164.692969999996</v>
      </c>
      <c r="G3743">
        <v>36551.649460000001</v>
      </c>
      <c r="H3743">
        <v>36648.940069999997</v>
      </c>
      <c r="I3743">
        <v>23895.841850000001</v>
      </c>
      <c r="J3743">
        <v>41058.44569</v>
      </c>
      <c r="K3743">
        <v>50859.417959999999</v>
      </c>
      <c r="L3743">
        <v>25749.394489999999</v>
      </c>
      <c r="M3743">
        <v>312741.27179999999</v>
      </c>
      <c r="N3743">
        <v>74772.908649999998</v>
      </c>
      <c r="O3743">
        <v>18602.03139</v>
      </c>
      <c r="P3743">
        <v>33689.01038</v>
      </c>
      <c r="Q3743">
        <v>89372.110159999997</v>
      </c>
      <c r="R3743">
        <v>17980.24051</v>
      </c>
      <c r="S3743">
        <v>79878.740430000005</v>
      </c>
      <c r="T3743">
        <v>26137.350180000001</v>
      </c>
      <c r="U3743">
        <v>15667.51936</v>
      </c>
      <c r="W3743" s="83">
        <f>Bühler!N3775</f>
        <v>45447.874999990927</v>
      </c>
      <c r="X3743" s="83">
        <v>43256.875</v>
      </c>
      <c r="Y3743">
        <v>243674.5956</v>
      </c>
      <c r="Z3743">
        <v>15177.49149</v>
      </c>
      <c r="AA3743">
        <v>58164.692969999996</v>
      </c>
      <c r="AB3743">
        <v>36551.649460000001</v>
      </c>
      <c r="AC3743">
        <v>36648.940069999997</v>
      </c>
      <c r="AD3743">
        <v>23895.841850000001</v>
      </c>
      <c r="AE3743">
        <v>41058.44569</v>
      </c>
      <c r="AF3743">
        <v>50859.417959999999</v>
      </c>
      <c r="AG3743">
        <v>25749.394489999999</v>
      </c>
      <c r="AH3743">
        <v>312741.27179999999</v>
      </c>
      <c r="AI3743">
        <v>74772.908649999998</v>
      </c>
      <c r="AJ3743">
        <v>18602.03139</v>
      </c>
      <c r="AK3743">
        <v>33689.01038</v>
      </c>
      <c r="AL3743">
        <v>89372.110159999997</v>
      </c>
      <c r="AM3743">
        <v>17980.24051</v>
      </c>
      <c r="AN3743">
        <v>79878.740430000005</v>
      </c>
      <c r="AO3743">
        <v>26137.350180000001</v>
      </c>
      <c r="AP3743">
        <v>15667.51936</v>
      </c>
    </row>
    <row r="3744" spans="2:42" x14ac:dyDescent="0.3">
      <c r="B3744">
        <v>61.220809683775769</v>
      </c>
      <c r="C3744" s="83">
        <v>43256.916666666664</v>
      </c>
      <c r="D3744">
        <v>243509.3438</v>
      </c>
      <c r="E3744">
        <v>14387.04702</v>
      </c>
      <c r="F3744">
        <v>55575.93561</v>
      </c>
      <c r="G3744">
        <v>35548.343829999998</v>
      </c>
      <c r="H3744">
        <v>37387.640200000002</v>
      </c>
      <c r="I3744">
        <v>21765.311420000002</v>
      </c>
      <c r="J3744">
        <v>41398.932769999999</v>
      </c>
      <c r="K3744">
        <v>55211.56192</v>
      </c>
      <c r="L3744">
        <v>23493.95062</v>
      </c>
      <c r="M3744">
        <v>312132.23759999999</v>
      </c>
      <c r="N3744">
        <v>75574.572339999999</v>
      </c>
      <c r="O3744">
        <v>18092.15482</v>
      </c>
      <c r="P3744">
        <v>35146.81884</v>
      </c>
      <c r="Q3744">
        <v>88692.143100000001</v>
      </c>
      <c r="R3744">
        <v>18789.480250000001</v>
      </c>
      <c r="S3744">
        <v>78554.518719999993</v>
      </c>
      <c r="T3744">
        <v>23269.04291</v>
      </c>
      <c r="U3744">
        <v>15951.260679999999</v>
      </c>
      <c r="W3744" s="83">
        <f>Bühler!N3776</f>
        <v>45447.916666657591</v>
      </c>
      <c r="X3744" s="83">
        <v>43256.916666666664</v>
      </c>
      <c r="Y3744">
        <v>243509.3438</v>
      </c>
      <c r="Z3744">
        <v>14387.04702</v>
      </c>
      <c r="AA3744">
        <v>55575.93561</v>
      </c>
      <c r="AB3744">
        <v>35548.343829999998</v>
      </c>
      <c r="AC3744">
        <v>37387.640200000002</v>
      </c>
      <c r="AD3744">
        <v>21765.311420000002</v>
      </c>
      <c r="AE3744">
        <v>41398.932769999999</v>
      </c>
      <c r="AF3744">
        <v>55211.56192</v>
      </c>
      <c r="AG3744">
        <v>23493.95062</v>
      </c>
      <c r="AH3744">
        <v>312132.23759999999</v>
      </c>
      <c r="AI3744">
        <v>75574.572339999999</v>
      </c>
      <c r="AJ3744">
        <v>18092.15482</v>
      </c>
      <c r="AK3744">
        <v>35146.81884</v>
      </c>
      <c r="AL3744">
        <v>88692.143100000001</v>
      </c>
      <c r="AM3744">
        <v>18789.480250000001</v>
      </c>
      <c r="AN3744">
        <v>78554.518719999993</v>
      </c>
      <c r="AO3744">
        <v>23269.04291</v>
      </c>
      <c r="AP3744">
        <v>15951.260679999999</v>
      </c>
    </row>
    <row r="3745" spans="2:42" x14ac:dyDescent="0.3">
      <c r="B3745">
        <v>61.1163320890888</v>
      </c>
      <c r="C3745" s="83">
        <v>43256.958333333336</v>
      </c>
      <c r="D3745">
        <v>242945.06200000001</v>
      </c>
      <c r="E3745">
        <v>13545.467619999999</v>
      </c>
      <c r="F3745">
        <v>54050.591269999997</v>
      </c>
      <c r="G3745">
        <v>34729.49224</v>
      </c>
      <c r="H3745">
        <v>36143.296990000003</v>
      </c>
      <c r="I3745">
        <v>20853.69787</v>
      </c>
      <c r="J3745">
        <v>37453.055160000004</v>
      </c>
      <c r="K3745">
        <v>53129.291319999997</v>
      </c>
      <c r="L3745">
        <v>19849.35053</v>
      </c>
      <c r="M3745">
        <v>311599.56209999998</v>
      </c>
      <c r="N3745">
        <v>76296.242710000006</v>
      </c>
      <c r="O3745">
        <v>17696.704040000001</v>
      </c>
      <c r="P3745">
        <v>31232.028300000002</v>
      </c>
      <c r="Q3745">
        <v>88163.094349999999</v>
      </c>
      <c r="R3745">
        <v>19903.434249999998</v>
      </c>
      <c r="S3745">
        <v>76265.001980000001</v>
      </c>
      <c r="T3745">
        <v>20881.440869999999</v>
      </c>
      <c r="U3745">
        <v>15770.69375</v>
      </c>
      <c r="W3745" s="83">
        <f>Bühler!N3777</f>
        <v>45447.958333324255</v>
      </c>
      <c r="X3745" s="83">
        <v>43256.958333333336</v>
      </c>
      <c r="Y3745">
        <v>242945.06200000001</v>
      </c>
      <c r="Z3745">
        <v>13545.467619999999</v>
      </c>
      <c r="AA3745">
        <v>54050.591269999997</v>
      </c>
      <c r="AB3745">
        <v>34729.49224</v>
      </c>
      <c r="AC3745">
        <v>36143.296990000003</v>
      </c>
      <c r="AD3745">
        <v>20853.69787</v>
      </c>
      <c r="AE3745">
        <v>37453.055160000004</v>
      </c>
      <c r="AF3745">
        <v>53129.291319999997</v>
      </c>
      <c r="AG3745">
        <v>19849.35053</v>
      </c>
      <c r="AH3745">
        <v>311599.56209999998</v>
      </c>
      <c r="AI3745">
        <v>76296.242710000006</v>
      </c>
      <c r="AJ3745">
        <v>17696.704040000001</v>
      </c>
      <c r="AK3745">
        <v>31232.028300000002</v>
      </c>
      <c r="AL3745">
        <v>88163.094349999999</v>
      </c>
      <c r="AM3745">
        <v>19903.434249999998</v>
      </c>
      <c r="AN3745">
        <v>76265.001980000001</v>
      </c>
      <c r="AO3745">
        <v>20881.440869999999</v>
      </c>
      <c r="AP3745">
        <v>15770.69375</v>
      </c>
    </row>
    <row r="3746" spans="2:42" x14ac:dyDescent="0.3">
      <c r="B3746">
        <v>60.433644361730984</v>
      </c>
      <c r="C3746" s="83">
        <v>43257</v>
      </c>
      <c r="D3746">
        <v>241216.47070000001</v>
      </c>
      <c r="E3746">
        <v>13061.882970000001</v>
      </c>
      <c r="F3746">
        <v>52890.60729</v>
      </c>
      <c r="G3746">
        <v>33634.504159999997</v>
      </c>
      <c r="H3746">
        <v>35529.214610000003</v>
      </c>
      <c r="I3746">
        <v>19207.895980000001</v>
      </c>
      <c r="J3746">
        <v>34837.639940000001</v>
      </c>
      <c r="K3746">
        <v>50232.3678</v>
      </c>
      <c r="L3746">
        <v>17574.166389999999</v>
      </c>
      <c r="M3746">
        <v>308118.90169999999</v>
      </c>
      <c r="N3746">
        <v>74867.051949999994</v>
      </c>
      <c r="O3746">
        <v>18049.061679999999</v>
      </c>
      <c r="P3746">
        <v>28909.015189999998</v>
      </c>
      <c r="Q3746">
        <v>86593.252080000006</v>
      </c>
      <c r="R3746">
        <v>16703.95794</v>
      </c>
      <c r="S3746">
        <v>74464.193920000005</v>
      </c>
      <c r="T3746">
        <v>19286.811600000001</v>
      </c>
      <c r="U3746">
        <v>15296.80702</v>
      </c>
      <c r="W3746" s="83">
        <f>Bühler!N3778</f>
        <v>45447.99999999092</v>
      </c>
      <c r="X3746" s="83">
        <v>43257</v>
      </c>
      <c r="Y3746">
        <v>241216.47070000001</v>
      </c>
      <c r="Z3746">
        <v>13061.882970000001</v>
      </c>
      <c r="AA3746">
        <v>52890.60729</v>
      </c>
      <c r="AB3746">
        <v>33634.504159999997</v>
      </c>
      <c r="AC3746">
        <v>35529.214610000003</v>
      </c>
      <c r="AD3746">
        <v>19207.895980000001</v>
      </c>
      <c r="AE3746">
        <v>34837.639940000001</v>
      </c>
      <c r="AF3746">
        <v>50232.3678</v>
      </c>
      <c r="AG3746">
        <v>17574.166389999999</v>
      </c>
      <c r="AH3746">
        <v>308118.90169999999</v>
      </c>
      <c r="AI3746">
        <v>74867.051949999994</v>
      </c>
      <c r="AJ3746">
        <v>18049.061679999999</v>
      </c>
      <c r="AK3746">
        <v>28909.015189999998</v>
      </c>
      <c r="AL3746">
        <v>86593.252080000006</v>
      </c>
      <c r="AM3746">
        <v>16703.95794</v>
      </c>
      <c r="AN3746">
        <v>74464.193920000005</v>
      </c>
      <c r="AO3746">
        <v>19286.811600000001</v>
      </c>
      <c r="AP3746">
        <v>15296.80702</v>
      </c>
    </row>
    <row r="3747" spans="2:42" x14ac:dyDescent="0.3">
      <c r="B3747">
        <v>59.380094129223281</v>
      </c>
      <c r="C3747" s="83">
        <v>43257.041666666664</v>
      </c>
      <c r="D3747">
        <v>238486.04939999999</v>
      </c>
      <c r="E3747">
        <v>12673.82065</v>
      </c>
      <c r="F3747">
        <v>51998.849690000003</v>
      </c>
      <c r="G3747">
        <v>32833.842259999998</v>
      </c>
      <c r="H3747">
        <v>34634.833729999998</v>
      </c>
      <c r="I3747">
        <v>15457.358480000001</v>
      </c>
      <c r="J3747">
        <v>33396.144289999997</v>
      </c>
      <c r="K3747">
        <v>49289.99912</v>
      </c>
      <c r="L3747">
        <v>16790.235519999998</v>
      </c>
      <c r="M3747">
        <v>302747.41129999998</v>
      </c>
      <c r="N3747">
        <v>72925.123970000001</v>
      </c>
      <c r="O3747">
        <v>18325.259890000001</v>
      </c>
      <c r="P3747">
        <v>25802.23055</v>
      </c>
      <c r="Q3747">
        <v>86549.079939999996</v>
      </c>
      <c r="R3747">
        <v>14202.55157</v>
      </c>
      <c r="S3747">
        <v>72833.098670000007</v>
      </c>
      <c r="T3747">
        <v>18815.47566</v>
      </c>
      <c r="U3747">
        <v>14886.12797</v>
      </c>
      <c r="W3747" s="83">
        <f>Bühler!N3779</f>
        <v>45448.041666657584</v>
      </c>
      <c r="X3747" s="83">
        <v>43257.041666666664</v>
      </c>
      <c r="Y3747">
        <v>238486.04939999999</v>
      </c>
      <c r="Z3747">
        <v>12673.82065</v>
      </c>
      <c r="AA3747">
        <v>51998.849690000003</v>
      </c>
      <c r="AB3747">
        <v>32833.842259999998</v>
      </c>
      <c r="AC3747">
        <v>34634.833729999998</v>
      </c>
      <c r="AD3747">
        <v>15457.358480000001</v>
      </c>
      <c r="AE3747">
        <v>33396.144289999997</v>
      </c>
      <c r="AF3747">
        <v>49289.99912</v>
      </c>
      <c r="AG3747">
        <v>16790.235519999998</v>
      </c>
      <c r="AH3747">
        <v>302747.41129999998</v>
      </c>
      <c r="AI3747">
        <v>72925.123970000001</v>
      </c>
      <c r="AJ3747">
        <v>18325.259890000001</v>
      </c>
      <c r="AK3747">
        <v>25802.23055</v>
      </c>
      <c r="AL3747">
        <v>86549.079939999996</v>
      </c>
      <c r="AM3747">
        <v>14202.55157</v>
      </c>
      <c r="AN3747">
        <v>72833.098670000007</v>
      </c>
      <c r="AO3747">
        <v>18815.47566</v>
      </c>
      <c r="AP3747">
        <v>14886.12797</v>
      </c>
    </row>
    <row r="3748" spans="2:42" x14ac:dyDescent="0.3">
      <c r="B3748">
        <v>59.46598127069494</v>
      </c>
      <c r="C3748" s="83">
        <v>43257.083333333336</v>
      </c>
      <c r="D3748">
        <v>239207.26759999999</v>
      </c>
      <c r="E3748">
        <v>12546.74207</v>
      </c>
      <c r="F3748">
        <v>52799.020129999997</v>
      </c>
      <c r="G3748">
        <v>32193.073980000001</v>
      </c>
      <c r="H3748">
        <v>33882.705840000002</v>
      </c>
      <c r="I3748">
        <v>13901.7934</v>
      </c>
      <c r="J3748">
        <v>32879.069159999999</v>
      </c>
      <c r="K3748">
        <v>48048.640039999998</v>
      </c>
      <c r="L3748">
        <v>16554.45119</v>
      </c>
      <c r="M3748">
        <v>303185.304</v>
      </c>
      <c r="N3748">
        <v>71288.446970000005</v>
      </c>
      <c r="O3748">
        <v>18585.126919999999</v>
      </c>
      <c r="P3748">
        <v>25201.290359999999</v>
      </c>
      <c r="Q3748">
        <v>88946.213950000005</v>
      </c>
      <c r="R3748">
        <v>15009.334800000001</v>
      </c>
      <c r="S3748">
        <v>71826.976389999996</v>
      </c>
      <c r="T3748">
        <v>18484.952809999999</v>
      </c>
      <c r="U3748">
        <v>14617.65617</v>
      </c>
      <c r="W3748" s="83">
        <f>Bühler!N3780</f>
        <v>45448.083333324248</v>
      </c>
      <c r="X3748" s="83">
        <v>43257.083333333336</v>
      </c>
      <c r="Y3748">
        <v>239207.26759999999</v>
      </c>
      <c r="Z3748">
        <v>12546.74207</v>
      </c>
      <c r="AA3748">
        <v>52799.020129999997</v>
      </c>
      <c r="AB3748">
        <v>32193.073980000001</v>
      </c>
      <c r="AC3748">
        <v>33882.705840000002</v>
      </c>
      <c r="AD3748">
        <v>13901.7934</v>
      </c>
      <c r="AE3748">
        <v>32879.069159999999</v>
      </c>
      <c r="AF3748">
        <v>48048.640039999998</v>
      </c>
      <c r="AG3748">
        <v>16554.45119</v>
      </c>
      <c r="AH3748">
        <v>303185.304</v>
      </c>
      <c r="AI3748">
        <v>71288.446970000005</v>
      </c>
      <c r="AJ3748">
        <v>18585.126919999999</v>
      </c>
      <c r="AK3748">
        <v>25201.290359999999</v>
      </c>
      <c r="AL3748">
        <v>88946.213950000005</v>
      </c>
      <c r="AM3748">
        <v>15009.334800000001</v>
      </c>
      <c r="AN3748">
        <v>71826.976389999996</v>
      </c>
      <c r="AO3748">
        <v>18484.952809999999</v>
      </c>
      <c r="AP3748">
        <v>14617.65617</v>
      </c>
    </row>
    <row r="3749" spans="2:42" x14ac:dyDescent="0.3">
      <c r="B3749">
        <v>59.847315689635963</v>
      </c>
      <c r="C3749" s="83">
        <v>43257.125</v>
      </c>
      <c r="D3749">
        <v>239955.88879999999</v>
      </c>
      <c r="E3749">
        <v>12591.74829</v>
      </c>
      <c r="F3749">
        <v>53774.882369999999</v>
      </c>
      <c r="G3749">
        <v>31140.35772</v>
      </c>
      <c r="H3749">
        <v>33971.786059999999</v>
      </c>
      <c r="I3749">
        <v>13609.165590000001</v>
      </c>
      <c r="J3749">
        <v>32983.976119999999</v>
      </c>
      <c r="K3749">
        <v>47092.708129999999</v>
      </c>
      <c r="L3749">
        <v>16341.88012</v>
      </c>
      <c r="M3749">
        <v>305129.52470000001</v>
      </c>
      <c r="N3749">
        <v>71511.775229999999</v>
      </c>
      <c r="O3749">
        <v>17233.393110000001</v>
      </c>
      <c r="P3749">
        <v>23542.487410000002</v>
      </c>
      <c r="Q3749">
        <v>91395.37775</v>
      </c>
      <c r="R3749">
        <v>14627.016079999999</v>
      </c>
      <c r="S3749">
        <v>71267.86378</v>
      </c>
      <c r="T3749">
        <v>18125.588309999999</v>
      </c>
      <c r="U3749">
        <v>14584.16907</v>
      </c>
      <c r="W3749" s="83">
        <f>Bühler!N3781</f>
        <v>45448.124999990912</v>
      </c>
      <c r="X3749" s="83">
        <v>43257.125</v>
      </c>
      <c r="Y3749">
        <v>239955.88879999999</v>
      </c>
      <c r="Z3749">
        <v>12591.74829</v>
      </c>
      <c r="AA3749">
        <v>53774.882369999999</v>
      </c>
      <c r="AB3749">
        <v>31140.35772</v>
      </c>
      <c r="AC3749">
        <v>33971.786059999999</v>
      </c>
      <c r="AD3749">
        <v>13609.165590000001</v>
      </c>
      <c r="AE3749">
        <v>32983.976119999999</v>
      </c>
      <c r="AF3749">
        <v>47092.708129999999</v>
      </c>
      <c r="AG3749">
        <v>16341.88012</v>
      </c>
      <c r="AH3749">
        <v>305129.52470000001</v>
      </c>
      <c r="AI3749">
        <v>71511.775229999999</v>
      </c>
      <c r="AJ3749">
        <v>17233.393110000001</v>
      </c>
      <c r="AK3749">
        <v>23542.487410000002</v>
      </c>
      <c r="AL3749">
        <v>91395.37775</v>
      </c>
      <c r="AM3749">
        <v>14627.016079999999</v>
      </c>
      <c r="AN3749">
        <v>71267.86378</v>
      </c>
      <c r="AO3749">
        <v>18125.588309999999</v>
      </c>
      <c r="AP3749">
        <v>14584.16907</v>
      </c>
    </row>
    <row r="3750" spans="2:42" x14ac:dyDescent="0.3">
      <c r="B3750">
        <v>60.910926712302825</v>
      </c>
      <c r="C3750" s="83">
        <v>43257.166666666664</v>
      </c>
      <c r="D3750">
        <v>241037.26629999999</v>
      </c>
      <c r="E3750">
        <v>13147.94276</v>
      </c>
      <c r="F3750">
        <v>57077.116990000002</v>
      </c>
      <c r="G3750">
        <v>30543.57029</v>
      </c>
      <c r="H3750">
        <v>34364.988579999997</v>
      </c>
      <c r="I3750">
        <v>14928.53053</v>
      </c>
      <c r="J3750">
        <v>34992.208610000001</v>
      </c>
      <c r="K3750">
        <v>46872.84906</v>
      </c>
      <c r="L3750">
        <v>16501.79895</v>
      </c>
      <c r="M3750">
        <v>310552.30969999998</v>
      </c>
      <c r="N3750">
        <v>70847.361480000007</v>
      </c>
      <c r="O3750">
        <v>17822.931799999998</v>
      </c>
      <c r="P3750">
        <v>24003.16318</v>
      </c>
      <c r="Q3750">
        <v>94397.778879999998</v>
      </c>
      <c r="R3750">
        <v>14055.486290000001</v>
      </c>
      <c r="S3750">
        <v>71479.280960000004</v>
      </c>
      <c r="T3750">
        <v>18081.08988</v>
      </c>
      <c r="U3750">
        <v>14950.977699999999</v>
      </c>
      <c r="W3750" s="83">
        <f>Bühler!N3782</f>
        <v>45448.166666657577</v>
      </c>
      <c r="X3750" s="83">
        <v>43257.166666666664</v>
      </c>
      <c r="Y3750">
        <v>241037.26629999999</v>
      </c>
      <c r="Z3750">
        <v>13147.94276</v>
      </c>
      <c r="AA3750">
        <v>57077.116990000002</v>
      </c>
      <c r="AB3750">
        <v>30543.57029</v>
      </c>
      <c r="AC3750">
        <v>34364.988579999997</v>
      </c>
      <c r="AD3750">
        <v>14928.53053</v>
      </c>
      <c r="AE3750">
        <v>34992.208610000001</v>
      </c>
      <c r="AF3750">
        <v>46872.84906</v>
      </c>
      <c r="AG3750">
        <v>16501.79895</v>
      </c>
      <c r="AH3750">
        <v>310552.30969999998</v>
      </c>
      <c r="AI3750">
        <v>70847.361480000007</v>
      </c>
      <c r="AJ3750">
        <v>17822.931799999998</v>
      </c>
      <c r="AK3750">
        <v>24003.16318</v>
      </c>
      <c r="AL3750">
        <v>94397.778879999998</v>
      </c>
      <c r="AM3750">
        <v>14055.486290000001</v>
      </c>
      <c r="AN3750">
        <v>71479.280960000004</v>
      </c>
      <c r="AO3750">
        <v>18081.08988</v>
      </c>
      <c r="AP3750">
        <v>14950.977699999999</v>
      </c>
    </row>
    <row r="3751" spans="2:42" x14ac:dyDescent="0.3">
      <c r="B3751">
        <v>63.702605198610264</v>
      </c>
      <c r="C3751" s="83">
        <v>43257.208333333336</v>
      </c>
      <c r="D3751">
        <v>255248.9002</v>
      </c>
      <c r="E3751">
        <v>14775.81213</v>
      </c>
      <c r="F3751">
        <v>67996.099359999993</v>
      </c>
      <c r="G3751">
        <v>32309.068800000001</v>
      </c>
      <c r="H3751">
        <v>35699.559829999998</v>
      </c>
      <c r="I3751">
        <v>21046.519</v>
      </c>
      <c r="J3751">
        <v>37749.740019999997</v>
      </c>
      <c r="K3751">
        <v>46948.924120000003</v>
      </c>
      <c r="L3751">
        <v>16982.754560000001</v>
      </c>
      <c r="M3751">
        <v>324785.58850000001</v>
      </c>
      <c r="N3751">
        <v>73094.894780000002</v>
      </c>
      <c r="O3751">
        <v>18766.1911</v>
      </c>
      <c r="P3751">
        <v>24458.63581</v>
      </c>
      <c r="Q3751">
        <v>97071.324299999993</v>
      </c>
      <c r="R3751">
        <v>16730.051360000001</v>
      </c>
      <c r="S3751">
        <v>73377.797690000007</v>
      </c>
      <c r="T3751">
        <v>19371.72696</v>
      </c>
      <c r="U3751">
        <v>16336.044830000001</v>
      </c>
      <c r="W3751" s="83">
        <f>Bühler!N3783</f>
        <v>45448.208333324241</v>
      </c>
      <c r="X3751" s="83">
        <v>43257.208333333336</v>
      </c>
      <c r="Y3751">
        <v>255248.9002</v>
      </c>
      <c r="Z3751">
        <v>14775.81213</v>
      </c>
      <c r="AA3751">
        <v>67996.099359999993</v>
      </c>
      <c r="AB3751">
        <v>32309.068800000001</v>
      </c>
      <c r="AC3751">
        <v>35699.559829999998</v>
      </c>
      <c r="AD3751">
        <v>21046.519</v>
      </c>
      <c r="AE3751">
        <v>37749.740019999997</v>
      </c>
      <c r="AF3751">
        <v>46948.924120000003</v>
      </c>
      <c r="AG3751">
        <v>16982.754560000001</v>
      </c>
      <c r="AH3751">
        <v>324785.58850000001</v>
      </c>
      <c r="AI3751">
        <v>73094.894780000002</v>
      </c>
      <c r="AJ3751">
        <v>18766.1911</v>
      </c>
      <c r="AK3751">
        <v>24458.63581</v>
      </c>
      <c r="AL3751">
        <v>97071.324299999993</v>
      </c>
      <c r="AM3751">
        <v>16730.051360000001</v>
      </c>
      <c r="AN3751">
        <v>73377.797690000007</v>
      </c>
      <c r="AO3751">
        <v>19371.72696</v>
      </c>
      <c r="AP3751">
        <v>16336.044830000001</v>
      </c>
    </row>
    <row r="3752" spans="2:42" x14ac:dyDescent="0.3">
      <c r="B3752">
        <v>66.730004511416084</v>
      </c>
      <c r="C3752" s="83">
        <v>43257.25</v>
      </c>
      <c r="D3752">
        <v>268851.2047</v>
      </c>
      <c r="E3752">
        <v>18832.807049999999</v>
      </c>
      <c r="F3752">
        <v>77078.155129999999</v>
      </c>
      <c r="G3752">
        <v>41374.386910000001</v>
      </c>
      <c r="H3752">
        <v>37375.052159999999</v>
      </c>
      <c r="I3752">
        <v>27726.375049999999</v>
      </c>
      <c r="J3752">
        <v>40325.809020000001</v>
      </c>
      <c r="K3752">
        <v>48519.393409999997</v>
      </c>
      <c r="L3752">
        <v>18146.661970000001</v>
      </c>
      <c r="M3752">
        <v>340220.68199999997</v>
      </c>
      <c r="N3752">
        <v>75668.001260000005</v>
      </c>
      <c r="O3752">
        <v>20268.97985</v>
      </c>
      <c r="P3752">
        <v>25831.475869999998</v>
      </c>
      <c r="Q3752">
        <v>98383.905350000001</v>
      </c>
      <c r="R3752">
        <v>16413.640169999999</v>
      </c>
      <c r="S3752">
        <v>80453.969660000002</v>
      </c>
      <c r="T3752">
        <v>21501.811320000001</v>
      </c>
      <c r="U3752">
        <v>18561.71456</v>
      </c>
      <c r="W3752" s="83">
        <f>Bühler!N3784</f>
        <v>45448.249999990905</v>
      </c>
      <c r="X3752" s="83">
        <v>43257.25</v>
      </c>
      <c r="Y3752">
        <v>268851.2047</v>
      </c>
      <c r="Z3752">
        <v>18832.807049999999</v>
      </c>
      <c r="AA3752">
        <v>77078.155129999999</v>
      </c>
      <c r="AB3752">
        <v>41374.386910000001</v>
      </c>
      <c r="AC3752">
        <v>37375.052159999999</v>
      </c>
      <c r="AD3752">
        <v>27726.375049999999</v>
      </c>
      <c r="AE3752">
        <v>40325.809020000001</v>
      </c>
      <c r="AF3752">
        <v>48519.393409999997</v>
      </c>
      <c r="AG3752">
        <v>18146.661970000001</v>
      </c>
      <c r="AH3752">
        <v>340220.68199999997</v>
      </c>
      <c r="AI3752">
        <v>75668.001260000005</v>
      </c>
      <c r="AJ3752">
        <v>20268.97985</v>
      </c>
      <c r="AK3752">
        <v>25831.475869999998</v>
      </c>
      <c r="AL3752">
        <v>98383.905350000001</v>
      </c>
      <c r="AM3752">
        <v>16413.640169999999</v>
      </c>
      <c r="AN3752">
        <v>80453.969660000002</v>
      </c>
      <c r="AO3752">
        <v>21501.811320000001</v>
      </c>
      <c r="AP3752">
        <v>18561.71456</v>
      </c>
    </row>
    <row r="3753" spans="2:42" x14ac:dyDescent="0.3">
      <c r="B3753">
        <v>68.923515059474425</v>
      </c>
      <c r="C3753" s="83">
        <v>43257.291666666664</v>
      </c>
      <c r="D3753">
        <v>282871.78330000001</v>
      </c>
      <c r="E3753">
        <v>23037.75719</v>
      </c>
      <c r="F3753">
        <v>80724.390499999994</v>
      </c>
      <c r="G3753">
        <v>51761.877310000003</v>
      </c>
      <c r="H3753">
        <v>42921.762589999998</v>
      </c>
      <c r="I3753">
        <v>35569.352980000003</v>
      </c>
      <c r="J3753">
        <v>42020.58999</v>
      </c>
      <c r="K3753">
        <v>54226.547809999996</v>
      </c>
      <c r="L3753">
        <v>20601.23357</v>
      </c>
      <c r="M3753">
        <v>351404.22169999999</v>
      </c>
      <c r="N3753">
        <v>81719.669200000004</v>
      </c>
      <c r="O3753">
        <v>22466.65047</v>
      </c>
      <c r="P3753">
        <v>29610.781169999998</v>
      </c>
      <c r="Q3753">
        <v>96841.669869999998</v>
      </c>
      <c r="R3753">
        <v>17533.054530000001</v>
      </c>
      <c r="S3753">
        <v>93567.083679999996</v>
      </c>
      <c r="T3753">
        <v>24644.25531</v>
      </c>
      <c r="U3753">
        <v>22687.55704</v>
      </c>
      <c r="W3753" s="83">
        <f>Bühler!N3785</f>
        <v>45448.291666657569</v>
      </c>
      <c r="X3753" s="83">
        <v>43257.291666666664</v>
      </c>
      <c r="Y3753">
        <v>282871.78330000001</v>
      </c>
      <c r="Z3753">
        <v>23037.75719</v>
      </c>
      <c r="AA3753">
        <v>80724.390499999994</v>
      </c>
      <c r="AB3753">
        <v>51761.877310000003</v>
      </c>
      <c r="AC3753">
        <v>42921.762589999998</v>
      </c>
      <c r="AD3753">
        <v>35569.352980000003</v>
      </c>
      <c r="AE3753">
        <v>42020.58999</v>
      </c>
      <c r="AF3753">
        <v>54226.547809999996</v>
      </c>
      <c r="AG3753">
        <v>20601.23357</v>
      </c>
      <c r="AH3753">
        <v>351404.22169999999</v>
      </c>
      <c r="AI3753">
        <v>81719.669200000004</v>
      </c>
      <c r="AJ3753">
        <v>22466.65047</v>
      </c>
      <c r="AK3753">
        <v>29610.781169999998</v>
      </c>
      <c r="AL3753">
        <v>96841.669869999998</v>
      </c>
      <c r="AM3753">
        <v>17533.054530000001</v>
      </c>
      <c r="AN3753">
        <v>93567.083679999996</v>
      </c>
      <c r="AO3753">
        <v>24644.25531</v>
      </c>
      <c r="AP3753">
        <v>22687.55704</v>
      </c>
    </row>
    <row r="3754" spans="2:42" x14ac:dyDescent="0.3">
      <c r="B3754">
        <v>70.383068286052307</v>
      </c>
      <c r="C3754" s="83">
        <v>43257.333333333336</v>
      </c>
      <c r="D3754">
        <v>294689.7671</v>
      </c>
      <c r="E3754">
        <v>28822.431670000002</v>
      </c>
      <c r="F3754">
        <v>88413.207710000002</v>
      </c>
      <c r="G3754">
        <v>65839.680909999995</v>
      </c>
      <c r="H3754">
        <v>48793.702499999999</v>
      </c>
      <c r="I3754">
        <v>38579.87904</v>
      </c>
      <c r="J3754">
        <v>44563.235350000003</v>
      </c>
      <c r="K3754">
        <v>60416.86449</v>
      </c>
      <c r="L3754">
        <v>23228.181980000001</v>
      </c>
      <c r="M3754">
        <v>358845.7047</v>
      </c>
      <c r="N3754">
        <v>88630.569669999997</v>
      </c>
      <c r="O3754">
        <v>24132.335770000002</v>
      </c>
      <c r="P3754">
        <v>32330.809639999999</v>
      </c>
      <c r="Q3754">
        <v>98781.932239999995</v>
      </c>
      <c r="R3754">
        <v>19078.08743</v>
      </c>
      <c r="S3754">
        <v>108670.8771</v>
      </c>
      <c r="T3754">
        <v>28868.77032</v>
      </c>
      <c r="U3754">
        <v>27246.293460000001</v>
      </c>
      <c r="W3754" s="83">
        <f>Bühler!N3786</f>
        <v>45448.333333324234</v>
      </c>
      <c r="X3754" s="83">
        <v>43257.333333333336</v>
      </c>
      <c r="Y3754">
        <v>294689.7671</v>
      </c>
      <c r="Z3754">
        <v>28822.431670000002</v>
      </c>
      <c r="AA3754">
        <v>88413.207710000002</v>
      </c>
      <c r="AB3754">
        <v>65839.680909999995</v>
      </c>
      <c r="AC3754">
        <v>48793.702499999999</v>
      </c>
      <c r="AD3754">
        <v>38579.87904</v>
      </c>
      <c r="AE3754">
        <v>44563.235350000003</v>
      </c>
      <c r="AF3754">
        <v>60416.86449</v>
      </c>
      <c r="AG3754">
        <v>23228.181980000001</v>
      </c>
      <c r="AH3754">
        <v>358845.7047</v>
      </c>
      <c r="AI3754">
        <v>88630.569669999997</v>
      </c>
      <c r="AJ3754">
        <v>24132.335770000002</v>
      </c>
      <c r="AK3754">
        <v>32330.809639999999</v>
      </c>
      <c r="AL3754">
        <v>98781.932239999995</v>
      </c>
      <c r="AM3754">
        <v>19078.08743</v>
      </c>
      <c r="AN3754">
        <v>108670.8771</v>
      </c>
      <c r="AO3754">
        <v>28868.77032</v>
      </c>
      <c r="AP3754">
        <v>27246.293460000001</v>
      </c>
    </row>
    <row r="3755" spans="2:42" x14ac:dyDescent="0.3">
      <c r="B3755">
        <v>70.416600507024938</v>
      </c>
      <c r="C3755" s="83">
        <v>43257.375</v>
      </c>
      <c r="D3755">
        <v>296983.09279999998</v>
      </c>
      <c r="E3755">
        <v>33682.30848</v>
      </c>
      <c r="F3755">
        <v>96384.691720000003</v>
      </c>
      <c r="G3755">
        <v>74008.39185</v>
      </c>
      <c r="H3755">
        <v>51232.473319999997</v>
      </c>
      <c r="I3755">
        <v>37811.800900000002</v>
      </c>
      <c r="J3755">
        <v>44667.272629999999</v>
      </c>
      <c r="K3755">
        <v>64301.19528</v>
      </c>
      <c r="L3755">
        <v>26843.539089999998</v>
      </c>
      <c r="M3755">
        <v>359016.66759999999</v>
      </c>
      <c r="N3755">
        <v>86225.147459999993</v>
      </c>
      <c r="O3755">
        <v>25670.72178</v>
      </c>
      <c r="P3755">
        <v>33480.267039999999</v>
      </c>
      <c r="Q3755">
        <v>100483.8061</v>
      </c>
      <c r="R3755">
        <v>20067.56119</v>
      </c>
      <c r="S3755">
        <v>116038.97</v>
      </c>
      <c r="T3755">
        <v>31887.61275</v>
      </c>
      <c r="U3755">
        <v>28326.31583</v>
      </c>
      <c r="W3755" s="83">
        <f>Bühler!N3787</f>
        <v>45448.374999990898</v>
      </c>
      <c r="X3755" s="83">
        <v>43257.375</v>
      </c>
      <c r="Y3755">
        <v>296983.09279999998</v>
      </c>
      <c r="Z3755">
        <v>33682.30848</v>
      </c>
      <c r="AA3755">
        <v>96384.691720000003</v>
      </c>
      <c r="AB3755">
        <v>74008.39185</v>
      </c>
      <c r="AC3755">
        <v>51232.473319999997</v>
      </c>
      <c r="AD3755">
        <v>37811.800900000002</v>
      </c>
      <c r="AE3755">
        <v>44667.272629999999</v>
      </c>
      <c r="AF3755">
        <v>64301.19528</v>
      </c>
      <c r="AG3755">
        <v>26843.539089999998</v>
      </c>
      <c r="AH3755">
        <v>359016.66759999999</v>
      </c>
      <c r="AI3755">
        <v>86225.147459999993</v>
      </c>
      <c r="AJ3755">
        <v>25670.72178</v>
      </c>
      <c r="AK3755">
        <v>33480.267039999999</v>
      </c>
      <c r="AL3755">
        <v>100483.8061</v>
      </c>
      <c r="AM3755">
        <v>20067.56119</v>
      </c>
      <c r="AN3755">
        <v>116038.97</v>
      </c>
      <c r="AO3755">
        <v>31887.61275</v>
      </c>
      <c r="AP3755">
        <v>28326.31583</v>
      </c>
    </row>
    <row r="3756" spans="2:42" x14ac:dyDescent="0.3">
      <c r="B3756">
        <v>70.961327943420002</v>
      </c>
      <c r="C3756" s="83">
        <v>43257.416666666664</v>
      </c>
      <c r="D3756">
        <v>298478.08260000002</v>
      </c>
      <c r="E3756">
        <v>35914.262569999999</v>
      </c>
      <c r="F3756">
        <v>97803.669080000007</v>
      </c>
      <c r="G3756">
        <v>75286.680070000002</v>
      </c>
      <c r="H3756">
        <v>52054.541210000003</v>
      </c>
      <c r="I3756">
        <v>36705.577830000002</v>
      </c>
      <c r="J3756">
        <v>43845.00361</v>
      </c>
      <c r="K3756">
        <v>65758.907489999998</v>
      </c>
      <c r="L3756">
        <v>29832.56654</v>
      </c>
      <c r="M3756">
        <v>361793.94209999999</v>
      </c>
      <c r="N3756">
        <v>88833.740869999994</v>
      </c>
      <c r="O3756">
        <v>26497.848559999999</v>
      </c>
      <c r="P3756">
        <v>34268.443220000001</v>
      </c>
      <c r="Q3756">
        <v>101482.72349999999</v>
      </c>
      <c r="R3756">
        <v>22230.628260000001</v>
      </c>
      <c r="S3756">
        <v>117476.64870000001</v>
      </c>
      <c r="T3756">
        <v>33947.723919999997</v>
      </c>
      <c r="U3756">
        <v>28623.7994</v>
      </c>
      <c r="W3756" s="83">
        <f>Bühler!N3788</f>
        <v>45448.416666657562</v>
      </c>
      <c r="X3756" s="83">
        <v>43257.416666666664</v>
      </c>
      <c r="Y3756">
        <v>298478.08260000002</v>
      </c>
      <c r="Z3756">
        <v>35914.262569999999</v>
      </c>
      <c r="AA3756">
        <v>97803.669080000007</v>
      </c>
      <c r="AB3756">
        <v>75286.680070000002</v>
      </c>
      <c r="AC3756">
        <v>52054.541210000003</v>
      </c>
      <c r="AD3756">
        <v>36705.577830000002</v>
      </c>
      <c r="AE3756">
        <v>43845.00361</v>
      </c>
      <c r="AF3756">
        <v>65758.907489999998</v>
      </c>
      <c r="AG3756">
        <v>29832.56654</v>
      </c>
      <c r="AH3756">
        <v>361793.94209999999</v>
      </c>
      <c r="AI3756">
        <v>88833.740869999994</v>
      </c>
      <c r="AJ3756">
        <v>26497.848559999999</v>
      </c>
      <c r="AK3756">
        <v>34268.443220000001</v>
      </c>
      <c r="AL3756">
        <v>101482.72349999999</v>
      </c>
      <c r="AM3756">
        <v>22230.628260000001</v>
      </c>
      <c r="AN3756">
        <v>117476.64870000001</v>
      </c>
      <c r="AO3756">
        <v>33947.723919999997</v>
      </c>
      <c r="AP3756">
        <v>28623.7994</v>
      </c>
    </row>
    <row r="3757" spans="2:42" x14ac:dyDescent="0.3">
      <c r="B3757">
        <v>71.318261828620862</v>
      </c>
      <c r="C3757" s="83">
        <v>43257.458333333336</v>
      </c>
      <c r="D3757">
        <v>298752.95970000001</v>
      </c>
      <c r="E3757">
        <v>36024.227500000001</v>
      </c>
      <c r="F3757">
        <v>97823.681030000007</v>
      </c>
      <c r="G3757">
        <v>75000.795769999997</v>
      </c>
      <c r="H3757">
        <v>51829.851280000003</v>
      </c>
      <c r="I3757">
        <v>36579.199560000001</v>
      </c>
      <c r="J3757">
        <v>45604.055979999997</v>
      </c>
      <c r="K3757">
        <v>65884.050210000001</v>
      </c>
      <c r="L3757">
        <v>31371.83135</v>
      </c>
      <c r="M3757">
        <v>363613.75750000001</v>
      </c>
      <c r="N3757">
        <v>92200.418869999994</v>
      </c>
      <c r="O3757">
        <v>26682.933150000001</v>
      </c>
      <c r="P3757">
        <v>34357.708720000002</v>
      </c>
      <c r="Q3757">
        <v>102798.2889</v>
      </c>
      <c r="R3757">
        <v>25585.958210000001</v>
      </c>
      <c r="S3757">
        <v>121332.73119999999</v>
      </c>
      <c r="T3757">
        <v>34573.181810000002</v>
      </c>
      <c r="U3757">
        <v>27859.332920000001</v>
      </c>
      <c r="W3757" s="83">
        <f>Bühler!N3789</f>
        <v>45448.458333324226</v>
      </c>
      <c r="X3757" s="83">
        <v>43257.458333333336</v>
      </c>
      <c r="Y3757">
        <v>298752.95970000001</v>
      </c>
      <c r="Z3757">
        <v>36024.227500000001</v>
      </c>
      <c r="AA3757">
        <v>97823.681030000007</v>
      </c>
      <c r="AB3757">
        <v>75000.795769999997</v>
      </c>
      <c r="AC3757">
        <v>51829.851280000003</v>
      </c>
      <c r="AD3757">
        <v>36579.199560000001</v>
      </c>
      <c r="AE3757">
        <v>45604.055979999997</v>
      </c>
      <c r="AF3757">
        <v>65884.050210000001</v>
      </c>
      <c r="AG3757">
        <v>31371.83135</v>
      </c>
      <c r="AH3757">
        <v>363613.75750000001</v>
      </c>
      <c r="AI3757">
        <v>92200.418869999994</v>
      </c>
      <c r="AJ3757">
        <v>26682.933150000001</v>
      </c>
      <c r="AK3757">
        <v>34357.708720000002</v>
      </c>
      <c r="AL3757">
        <v>102798.2889</v>
      </c>
      <c r="AM3757">
        <v>25585.958210000001</v>
      </c>
      <c r="AN3757">
        <v>121332.73119999999</v>
      </c>
      <c r="AO3757">
        <v>34573.181810000002</v>
      </c>
      <c r="AP3757">
        <v>27859.332920000001</v>
      </c>
    </row>
    <row r="3758" spans="2:42" x14ac:dyDescent="0.3">
      <c r="B3758">
        <v>70.393487281969342</v>
      </c>
      <c r="C3758" s="83">
        <v>43257.5</v>
      </c>
      <c r="D3758">
        <v>288873.4535</v>
      </c>
      <c r="E3758">
        <v>32498.98575</v>
      </c>
      <c r="F3758">
        <v>92432.940059999994</v>
      </c>
      <c r="G3758">
        <v>70186.90999</v>
      </c>
      <c r="H3758">
        <v>49535.6299</v>
      </c>
      <c r="I3758">
        <v>35510.058749999997</v>
      </c>
      <c r="J3758">
        <v>46775.186090000003</v>
      </c>
      <c r="K3758">
        <v>61668.705390000003</v>
      </c>
      <c r="L3758">
        <v>34735.252719999997</v>
      </c>
      <c r="M3758">
        <v>358898.82559999998</v>
      </c>
      <c r="N3758">
        <v>90047.634730000005</v>
      </c>
      <c r="O3758">
        <v>27358.39184</v>
      </c>
      <c r="P3758">
        <v>35275.662300000004</v>
      </c>
      <c r="Q3758">
        <v>102056.74860000001</v>
      </c>
      <c r="R3758">
        <v>25140.64719</v>
      </c>
      <c r="S3758">
        <v>115047.7879</v>
      </c>
      <c r="T3758">
        <v>34120.526120000002</v>
      </c>
      <c r="U3758">
        <v>22794.752179999999</v>
      </c>
      <c r="W3758" s="83">
        <f>Bühler!N3790</f>
        <v>45448.499999990891</v>
      </c>
      <c r="X3758" s="83">
        <v>43257.5</v>
      </c>
      <c r="Y3758">
        <v>288873.4535</v>
      </c>
      <c r="Z3758">
        <v>32498.98575</v>
      </c>
      <c r="AA3758">
        <v>92432.940059999994</v>
      </c>
      <c r="AB3758">
        <v>70186.90999</v>
      </c>
      <c r="AC3758">
        <v>49535.6299</v>
      </c>
      <c r="AD3758">
        <v>35510.058749999997</v>
      </c>
      <c r="AE3758">
        <v>46775.186090000003</v>
      </c>
      <c r="AF3758">
        <v>61668.705390000003</v>
      </c>
      <c r="AG3758">
        <v>34735.252719999997</v>
      </c>
      <c r="AH3758">
        <v>358898.82559999998</v>
      </c>
      <c r="AI3758">
        <v>90047.634730000005</v>
      </c>
      <c r="AJ3758">
        <v>27358.39184</v>
      </c>
      <c r="AK3758">
        <v>35275.662300000004</v>
      </c>
      <c r="AL3758">
        <v>102056.74860000001</v>
      </c>
      <c r="AM3758">
        <v>25140.64719</v>
      </c>
      <c r="AN3758">
        <v>115047.7879</v>
      </c>
      <c r="AO3758">
        <v>34120.526120000002</v>
      </c>
      <c r="AP3758">
        <v>22794.752179999999</v>
      </c>
    </row>
    <row r="3759" spans="2:42" x14ac:dyDescent="0.3">
      <c r="B3759">
        <v>70.186932892988906</v>
      </c>
      <c r="C3759" s="83">
        <v>43257.541666666664</v>
      </c>
      <c r="D3759">
        <v>291860.72889999999</v>
      </c>
      <c r="E3759">
        <v>33081.725610000001</v>
      </c>
      <c r="F3759">
        <v>89776.118050000005</v>
      </c>
      <c r="G3759">
        <v>64321.969490000003</v>
      </c>
      <c r="H3759">
        <v>50396.952980000002</v>
      </c>
      <c r="I3759">
        <v>35354.9202</v>
      </c>
      <c r="J3759">
        <v>45606.743719999999</v>
      </c>
      <c r="K3759">
        <v>64153.406009999999</v>
      </c>
      <c r="L3759">
        <v>33062.857210000002</v>
      </c>
      <c r="M3759">
        <v>357845.71500000003</v>
      </c>
      <c r="N3759">
        <v>89389.133239999996</v>
      </c>
      <c r="O3759">
        <v>25683.8914</v>
      </c>
      <c r="P3759">
        <v>34357.425689999996</v>
      </c>
      <c r="Q3759">
        <v>101413.5272</v>
      </c>
      <c r="R3759">
        <v>24101.830969999999</v>
      </c>
      <c r="S3759">
        <v>114270.0839</v>
      </c>
      <c r="T3759">
        <v>33139.573539999998</v>
      </c>
      <c r="U3759">
        <v>24509.461619999998</v>
      </c>
      <c r="W3759" s="83">
        <f>Bühler!N3791</f>
        <v>45448.541666657555</v>
      </c>
      <c r="X3759" s="83">
        <v>43257.541666666664</v>
      </c>
      <c r="Y3759">
        <v>291860.72889999999</v>
      </c>
      <c r="Z3759">
        <v>33081.725610000001</v>
      </c>
      <c r="AA3759">
        <v>89776.118050000005</v>
      </c>
      <c r="AB3759">
        <v>64321.969490000003</v>
      </c>
      <c r="AC3759">
        <v>50396.952980000002</v>
      </c>
      <c r="AD3759">
        <v>35354.9202</v>
      </c>
      <c r="AE3759">
        <v>45606.743719999999</v>
      </c>
      <c r="AF3759">
        <v>64153.406009999999</v>
      </c>
      <c r="AG3759">
        <v>33062.857210000002</v>
      </c>
      <c r="AH3759">
        <v>357845.71500000003</v>
      </c>
      <c r="AI3759">
        <v>89389.133239999996</v>
      </c>
      <c r="AJ3759">
        <v>25683.8914</v>
      </c>
      <c r="AK3759">
        <v>34357.425689999996</v>
      </c>
      <c r="AL3759">
        <v>101413.5272</v>
      </c>
      <c r="AM3759">
        <v>24101.830969999999</v>
      </c>
      <c r="AN3759">
        <v>114270.0839</v>
      </c>
      <c r="AO3759">
        <v>33139.573539999998</v>
      </c>
      <c r="AP3759">
        <v>24509.461619999998</v>
      </c>
    </row>
    <row r="3760" spans="2:42" x14ac:dyDescent="0.3">
      <c r="B3760">
        <v>70.511493042848642</v>
      </c>
      <c r="C3760" s="83">
        <v>43257.583333333336</v>
      </c>
      <c r="D3760">
        <v>297326.10259999998</v>
      </c>
      <c r="E3760">
        <v>35994.767489999998</v>
      </c>
      <c r="F3760">
        <v>96369.040959999998</v>
      </c>
      <c r="G3760">
        <v>61110.825519999999</v>
      </c>
      <c r="H3760">
        <v>51006.943359999997</v>
      </c>
      <c r="I3760">
        <v>35880.685859999998</v>
      </c>
      <c r="J3760">
        <v>45508.975559999999</v>
      </c>
      <c r="K3760">
        <v>65335.238120000002</v>
      </c>
      <c r="L3760">
        <v>29120.361430000001</v>
      </c>
      <c r="M3760">
        <v>359500.47399999999</v>
      </c>
      <c r="N3760">
        <v>92726.400450000001</v>
      </c>
      <c r="O3760">
        <v>26884.04967</v>
      </c>
      <c r="P3760">
        <v>31077.162260000001</v>
      </c>
      <c r="Q3760">
        <v>101097.20239999999</v>
      </c>
      <c r="R3760">
        <v>23952.28383</v>
      </c>
      <c r="S3760">
        <v>111833.4611</v>
      </c>
      <c r="T3760">
        <v>32716.968799999999</v>
      </c>
      <c r="U3760">
        <v>26172.912509999998</v>
      </c>
      <c r="W3760" s="83">
        <f>Bühler!N3792</f>
        <v>45448.583333324219</v>
      </c>
      <c r="X3760" s="83">
        <v>43257.583333333336</v>
      </c>
      <c r="Y3760">
        <v>297326.10259999998</v>
      </c>
      <c r="Z3760">
        <v>35994.767489999998</v>
      </c>
      <c r="AA3760">
        <v>96369.040959999998</v>
      </c>
      <c r="AB3760">
        <v>61110.825519999999</v>
      </c>
      <c r="AC3760">
        <v>51006.943359999997</v>
      </c>
      <c r="AD3760">
        <v>35880.685859999998</v>
      </c>
      <c r="AE3760">
        <v>45508.975559999999</v>
      </c>
      <c r="AF3760">
        <v>65335.238120000002</v>
      </c>
      <c r="AG3760">
        <v>29120.361430000001</v>
      </c>
      <c r="AH3760">
        <v>359500.47399999999</v>
      </c>
      <c r="AI3760">
        <v>92726.400450000001</v>
      </c>
      <c r="AJ3760">
        <v>26884.04967</v>
      </c>
      <c r="AK3760">
        <v>31077.162260000001</v>
      </c>
      <c r="AL3760">
        <v>101097.20239999999</v>
      </c>
      <c r="AM3760">
        <v>23952.28383</v>
      </c>
      <c r="AN3760">
        <v>111833.4611</v>
      </c>
      <c r="AO3760">
        <v>32716.968799999999</v>
      </c>
      <c r="AP3760">
        <v>26172.912509999998</v>
      </c>
    </row>
    <row r="3761" spans="2:42" x14ac:dyDescent="0.3">
      <c r="B3761">
        <v>70.29775908308261</v>
      </c>
      <c r="C3761" s="83">
        <v>43257.625</v>
      </c>
      <c r="D3761">
        <v>295896.82319999998</v>
      </c>
      <c r="E3761">
        <v>35970.886180000001</v>
      </c>
      <c r="F3761">
        <v>98730.747910000006</v>
      </c>
      <c r="G3761">
        <v>58719.860630000003</v>
      </c>
      <c r="H3761">
        <v>50090.075579999997</v>
      </c>
      <c r="I3761">
        <v>35825.789340000003</v>
      </c>
      <c r="J3761">
        <v>45646.480519999997</v>
      </c>
      <c r="K3761">
        <v>65482.185189999997</v>
      </c>
      <c r="L3761">
        <v>26115.342059999999</v>
      </c>
      <c r="M3761">
        <v>358410.7586</v>
      </c>
      <c r="N3761">
        <v>88856.302540000004</v>
      </c>
      <c r="O3761">
        <v>25939.159500000002</v>
      </c>
      <c r="P3761">
        <v>28900.092420000001</v>
      </c>
      <c r="Q3761">
        <v>101301.3943</v>
      </c>
      <c r="R3761">
        <v>24130.890739999999</v>
      </c>
      <c r="S3761">
        <v>109468.2741</v>
      </c>
      <c r="T3761">
        <v>32954.69657</v>
      </c>
      <c r="U3761">
        <v>25423.142830000001</v>
      </c>
      <c r="W3761" s="83">
        <f>Bühler!N3793</f>
        <v>45448.624999990883</v>
      </c>
      <c r="X3761" s="83">
        <v>43257.625</v>
      </c>
      <c r="Y3761">
        <v>295896.82319999998</v>
      </c>
      <c r="Z3761">
        <v>35970.886180000001</v>
      </c>
      <c r="AA3761">
        <v>98730.747910000006</v>
      </c>
      <c r="AB3761">
        <v>58719.860630000003</v>
      </c>
      <c r="AC3761">
        <v>50090.075579999997</v>
      </c>
      <c r="AD3761">
        <v>35825.789340000003</v>
      </c>
      <c r="AE3761">
        <v>45646.480519999997</v>
      </c>
      <c r="AF3761">
        <v>65482.185189999997</v>
      </c>
      <c r="AG3761">
        <v>26115.342059999999</v>
      </c>
      <c r="AH3761">
        <v>358410.7586</v>
      </c>
      <c r="AI3761">
        <v>88856.302540000004</v>
      </c>
      <c r="AJ3761">
        <v>25939.159500000002</v>
      </c>
      <c r="AK3761">
        <v>28900.092420000001</v>
      </c>
      <c r="AL3761">
        <v>101301.3943</v>
      </c>
      <c r="AM3761">
        <v>24130.890739999999</v>
      </c>
      <c r="AN3761">
        <v>109468.2741</v>
      </c>
      <c r="AO3761">
        <v>32954.69657</v>
      </c>
      <c r="AP3761">
        <v>25423.142830000001</v>
      </c>
    </row>
    <row r="3762" spans="2:42" x14ac:dyDescent="0.3">
      <c r="B3762">
        <v>69.257025645983035</v>
      </c>
      <c r="C3762" s="83">
        <v>43257.666666666664</v>
      </c>
      <c r="D3762">
        <v>287609.00170000002</v>
      </c>
      <c r="E3762">
        <v>35441.68561</v>
      </c>
      <c r="F3762">
        <v>97892.003060000003</v>
      </c>
      <c r="G3762">
        <v>56003.134989999999</v>
      </c>
      <c r="H3762">
        <v>48517.435890000001</v>
      </c>
      <c r="I3762">
        <v>37318.033369999997</v>
      </c>
      <c r="J3762">
        <v>44775.257129999998</v>
      </c>
      <c r="K3762">
        <v>61231.930160000004</v>
      </c>
      <c r="L3762">
        <v>24860.78213</v>
      </c>
      <c r="M3762">
        <v>353104.61420000001</v>
      </c>
      <c r="N3762">
        <v>86210.339110000001</v>
      </c>
      <c r="O3762">
        <v>25300.89155</v>
      </c>
      <c r="P3762">
        <v>27791.894850000001</v>
      </c>
      <c r="Q3762">
        <v>100203.0246</v>
      </c>
      <c r="R3762">
        <v>23639.365170000001</v>
      </c>
      <c r="S3762">
        <v>106390.9987</v>
      </c>
      <c r="T3762">
        <v>31864.76022</v>
      </c>
      <c r="U3762">
        <v>23394.32631</v>
      </c>
      <c r="W3762" s="83">
        <f>Bühler!N3794</f>
        <v>45448.666666657547</v>
      </c>
      <c r="X3762" s="83">
        <v>43257.666666666664</v>
      </c>
      <c r="Y3762">
        <v>287609.00170000002</v>
      </c>
      <c r="Z3762">
        <v>35441.68561</v>
      </c>
      <c r="AA3762">
        <v>97892.003060000003</v>
      </c>
      <c r="AB3762">
        <v>56003.134989999999</v>
      </c>
      <c r="AC3762">
        <v>48517.435890000001</v>
      </c>
      <c r="AD3762">
        <v>37318.033369999997</v>
      </c>
      <c r="AE3762">
        <v>44775.257129999998</v>
      </c>
      <c r="AF3762">
        <v>61231.930160000004</v>
      </c>
      <c r="AG3762">
        <v>24860.78213</v>
      </c>
      <c r="AH3762">
        <v>353104.61420000001</v>
      </c>
      <c r="AI3762">
        <v>86210.339110000001</v>
      </c>
      <c r="AJ3762">
        <v>25300.89155</v>
      </c>
      <c r="AK3762">
        <v>27791.894850000001</v>
      </c>
      <c r="AL3762">
        <v>100203.0246</v>
      </c>
      <c r="AM3762">
        <v>23639.365170000001</v>
      </c>
      <c r="AN3762">
        <v>106390.9987</v>
      </c>
      <c r="AO3762">
        <v>31864.76022</v>
      </c>
      <c r="AP3762">
        <v>23394.32631</v>
      </c>
    </row>
    <row r="3763" spans="2:42" x14ac:dyDescent="0.3">
      <c r="B3763">
        <v>67.946113608572901</v>
      </c>
      <c r="C3763" s="83">
        <v>43257.708333333336</v>
      </c>
      <c r="D3763">
        <v>277560.55869999999</v>
      </c>
      <c r="E3763">
        <v>33327.39071</v>
      </c>
      <c r="F3763">
        <v>96322.846739999994</v>
      </c>
      <c r="G3763">
        <v>51797.133070000003</v>
      </c>
      <c r="H3763">
        <v>46162.508849999998</v>
      </c>
      <c r="I3763">
        <v>37156.126649999998</v>
      </c>
      <c r="J3763">
        <v>45140.153960000003</v>
      </c>
      <c r="K3763">
        <v>57070.545839999999</v>
      </c>
      <c r="L3763">
        <v>25356.254120000001</v>
      </c>
      <c r="M3763">
        <v>346420.97330000001</v>
      </c>
      <c r="N3763">
        <v>85380.158710000003</v>
      </c>
      <c r="O3763">
        <v>24497.255740000001</v>
      </c>
      <c r="P3763">
        <v>30219.811119999998</v>
      </c>
      <c r="Q3763">
        <v>98817.344519999999</v>
      </c>
      <c r="R3763">
        <v>23770.031490000001</v>
      </c>
      <c r="S3763">
        <v>103751.4442</v>
      </c>
      <c r="T3763">
        <v>31547.178100000001</v>
      </c>
      <c r="U3763">
        <v>20439.758119999999</v>
      </c>
      <c r="W3763" s="83">
        <f>Bühler!N3795</f>
        <v>45448.708333324212</v>
      </c>
      <c r="X3763" s="83">
        <v>43257.708333333336</v>
      </c>
      <c r="Y3763">
        <v>277560.55869999999</v>
      </c>
      <c r="Z3763">
        <v>33327.39071</v>
      </c>
      <c r="AA3763">
        <v>96322.846739999994</v>
      </c>
      <c r="AB3763">
        <v>51797.133070000003</v>
      </c>
      <c r="AC3763">
        <v>46162.508849999998</v>
      </c>
      <c r="AD3763">
        <v>37156.126649999998</v>
      </c>
      <c r="AE3763">
        <v>45140.153960000003</v>
      </c>
      <c r="AF3763">
        <v>57070.545839999999</v>
      </c>
      <c r="AG3763">
        <v>25356.254120000001</v>
      </c>
      <c r="AH3763">
        <v>346420.97330000001</v>
      </c>
      <c r="AI3763">
        <v>85380.158710000003</v>
      </c>
      <c r="AJ3763">
        <v>24497.255740000001</v>
      </c>
      <c r="AK3763">
        <v>30219.811119999998</v>
      </c>
      <c r="AL3763">
        <v>98817.344519999999</v>
      </c>
      <c r="AM3763">
        <v>23770.031490000001</v>
      </c>
      <c r="AN3763">
        <v>103751.4442</v>
      </c>
      <c r="AO3763">
        <v>31547.178100000001</v>
      </c>
      <c r="AP3763">
        <v>20439.758119999999</v>
      </c>
    </row>
    <row r="3764" spans="2:42" x14ac:dyDescent="0.3">
      <c r="B3764">
        <v>66.893238736020336</v>
      </c>
      <c r="C3764" s="83">
        <v>43257.75</v>
      </c>
      <c r="D3764">
        <v>271841.22259999998</v>
      </c>
      <c r="E3764">
        <v>30069.762599999998</v>
      </c>
      <c r="F3764">
        <v>93950.40281</v>
      </c>
      <c r="G3764">
        <v>46562.35972</v>
      </c>
      <c r="H3764">
        <v>43790.671300000002</v>
      </c>
      <c r="I3764">
        <v>35238.306980000001</v>
      </c>
      <c r="J3764">
        <v>44450.600859999999</v>
      </c>
      <c r="K3764">
        <v>54312.307439999997</v>
      </c>
      <c r="L3764">
        <v>27509.786940000002</v>
      </c>
      <c r="M3764">
        <v>341052.92619999999</v>
      </c>
      <c r="N3764">
        <v>81491.000790000006</v>
      </c>
      <c r="O3764">
        <v>22650.863170000001</v>
      </c>
      <c r="P3764">
        <v>32771.737430000001</v>
      </c>
      <c r="Q3764">
        <v>97484.373540000001</v>
      </c>
      <c r="R3764">
        <v>21860.6878</v>
      </c>
      <c r="S3764">
        <v>97327.899050000007</v>
      </c>
      <c r="T3764">
        <v>30766.222519999999</v>
      </c>
      <c r="U3764">
        <v>18501.192029999998</v>
      </c>
      <c r="W3764" s="83">
        <f>Bühler!N3796</f>
        <v>45448.749999990876</v>
      </c>
      <c r="X3764" s="83">
        <v>43257.75</v>
      </c>
      <c r="Y3764">
        <v>271841.22259999998</v>
      </c>
      <c r="Z3764">
        <v>30069.762599999998</v>
      </c>
      <c r="AA3764">
        <v>93950.40281</v>
      </c>
      <c r="AB3764">
        <v>46562.35972</v>
      </c>
      <c r="AC3764">
        <v>43790.671300000002</v>
      </c>
      <c r="AD3764">
        <v>35238.306980000001</v>
      </c>
      <c r="AE3764">
        <v>44450.600859999999</v>
      </c>
      <c r="AF3764">
        <v>54312.307439999997</v>
      </c>
      <c r="AG3764">
        <v>27509.786940000002</v>
      </c>
      <c r="AH3764">
        <v>341052.92619999999</v>
      </c>
      <c r="AI3764">
        <v>81491.000790000006</v>
      </c>
      <c r="AJ3764">
        <v>22650.863170000001</v>
      </c>
      <c r="AK3764">
        <v>32771.737430000001</v>
      </c>
      <c r="AL3764">
        <v>97484.373540000001</v>
      </c>
      <c r="AM3764">
        <v>21860.6878</v>
      </c>
      <c r="AN3764">
        <v>97327.899050000007</v>
      </c>
      <c r="AO3764">
        <v>30766.222519999999</v>
      </c>
      <c r="AP3764">
        <v>18501.192029999998</v>
      </c>
    </row>
    <row r="3765" spans="2:42" x14ac:dyDescent="0.3">
      <c r="B3765">
        <v>65.533937833517626</v>
      </c>
      <c r="C3765" s="83">
        <v>43257.791666666664</v>
      </c>
      <c r="D3765">
        <v>265566.61219999997</v>
      </c>
      <c r="E3765">
        <v>24345.127850000001</v>
      </c>
      <c r="F3765">
        <v>83185.087249999997</v>
      </c>
      <c r="G3765">
        <v>42335.46514</v>
      </c>
      <c r="H3765">
        <v>41219.743210000001</v>
      </c>
      <c r="I3765">
        <v>32319.76325</v>
      </c>
      <c r="J3765">
        <v>43552.730889999999</v>
      </c>
      <c r="K3765">
        <v>52287.3439</v>
      </c>
      <c r="L3765">
        <v>28648.215230000002</v>
      </c>
      <c r="M3765">
        <v>334122.57630000002</v>
      </c>
      <c r="N3765">
        <v>78421.93492</v>
      </c>
      <c r="O3765">
        <v>20820.802080000001</v>
      </c>
      <c r="P3765">
        <v>33945.797469999998</v>
      </c>
      <c r="Q3765">
        <v>95314.111149999997</v>
      </c>
      <c r="R3765">
        <v>20441.803810000001</v>
      </c>
      <c r="S3765">
        <v>92263.220860000001</v>
      </c>
      <c r="T3765">
        <v>30623.112799999999</v>
      </c>
      <c r="U3765">
        <v>17539.559280000001</v>
      </c>
      <c r="W3765" s="83">
        <f>Bühler!N3797</f>
        <v>45448.79166665754</v>
      </c>
      <c r="X3765" s="83">
        <v>43257.791666666664</v>
      </c>
      <c r="Y3765">
        <v>265566.61219999997</v>
      </c>
      <c r="Z3765">
        <v>24345.127850000001</v>
      </c>
      <c r="AA3765">
        <v>83185.087249999997</v>
      </c>
      <c r="AB3765">
        <v>42335.46514</v>
      </c>
      <c r="AC3765">
        <v>41219.743210000001</v>
      </c>
      <c r="AD3765">
        <v>32319.76325</v>
      </c>
      <c r="AE3765">
        <v>43552.730889999999</v>
      </c>
      <c r="AF3765">
        <v>52287.3439</v>
      </c>
      <c r="AG3765">
        <v>28648.215230000002</v>
      </c>
      <c r="AH3765">
        <v>334122.57630000002</v>
      </c>
      <c r="AI3765">
        <v>78421.93492</v>
      </c>
      <c r="AJ3765">
        <v>20820.802080000001</v>
      </c>
      <c r="AK3765">
        <v>33945.797469999998</v>
      </c>
      <c r="AL3765">
        <v>95314.111149999997</v>
      </c>
      <c r="AM3765">
        <v>20441.803810000001</v>
      </c>
      <c r="AN3765">
        <v>92263.220860000001</v>
      </c>
      <c r="AO3765">
        <v>30623.112799999999</v>
      </c>
      <c r="AP3765">
        <v>17539.559280000001</v>
      </c>
    </row>
    <row r="3766" spans="2:42" x14ac:dyDescent="0.3">
      <c r="B3766">
        <v>62.999096033416045</v>
      </c>
      <c r="C3766" s="83">
        <v>43257.833333333336</v>
      </c>
      <c r="D3766">
        <v>255658.29569999999</v>
      </c>
      <c r="E3766">
        <v>17703.587869999999</v>
      </c>
      <c r="F3766">
        <v>65577.426460000002</v>
      </c>
      <c r="G3766">
        <v>37896.675470000002</v>
      </c>
      <c r="H3766">
        <v>38402.450360000003</v>
      </c>
      <c r="I3766">
        <v>27789.125680000001</v>
      </c>
      <c r="J3766">
        <v>42636.005089999999</v>
      </c>
      <c r="K3766">
        <v>53454.807070000003</v>
      </c>
      <c r="L3766">
        <v>27749.670480000001</v>
      </c>
      <c r="M3766">
        <v>321198.77069999999</v>
      </c>
      <c r="N3766">
        <v>76466.231549999997</v>
      </c>
      <c r="O3766">
        <v>19627.05485</v>
      </c>
      <c r="P3766">
        <v>33619.065369999997</v>
      </c>
      <c r="Q3766">
        <v>92234.169710000002</v>
      </c>
      <c r="R3766">
        <v>18701.634669999999</v>
      </c>
      <c r="S3766">
        <v>84110.995309999998</v>
      </c>
      <c r="T3766">
        <v>28673.886399999999</v>
      </c>
      <c r="U3766">
        <v>16602.277239999999</v>
      </c>
      <c r="W3766" s="83">
        <f>Bühler!N3798</f>
        <v>45448.833333324204</v>
      </c>
      <c r="X3766" s="83">
        <v>43257.833333333336</v>
      </c>
      <c r="Y3766">
        <v>255658.29569999999</v>
      </c>
      <c r="Z3766">
        <v>17703.587869999999</v>
      </c>
      <c r="AA3766">
        <v>65577.426460000002</v>
      </c>
      <c r="AB3766">
        <v>37896.675470000002</v>
      </c>
      <c r="AC3766">
        <v>38402.450360000003</v>
      </c>
      <c r="AD3766">
        <v>27789.125680000001</v>
      </c>
      <c r="AE3766">
        <v>42636.005089999999</v>
      </c>
      <c r="AF3766">
        <v>53454.807070000003</v>
      </c>
      <c r="AG3766">
        <v>27749.670480000001</v>
      </c>
      <c r="AH3766">
        <v>321198.77069999999</v>
      </c>
      <c r="AI3766">
        <v>76466.231549999997</v>
      </c>
      <c r="AJ3766">
        <v>19627.05485</v>
      </c>
      <c r="AK3766">
        <v>33619.065369999997</v>
      </c>
      <c r="AL3766">
        <v>92234.169710000002</v>
      </c>
      <c r="AM3766">
        <v>18701.634669999999</v>
      </c>
      <c r="AN3766">
        <v>84110.995309999998</v>
      </c>
      <c r="AO3766">
        <v>28673.886399999999</v>
      </c>
      <c r="AP3766">
        <v>16602.277239999999</v>
      </c>
    </row>
    <row r="3767" spans="2:42" x14ac:dyDescent="0.3">
      <c r="B3767">
        <v>60.753222738975907</v>
      </c>
      <c r="C3767" s="83">
        <v>43257.875</v>
      </c>
      <c r="D3767">
        <v>245866.14980000001</v>
      </c>
      <c r="E3767">
        <v>14963.455260000001</v>
      </c>
      <c r="F3767">
        <v>57361.863089999999</v>
      </c>
      <c r="G3767">
        <v>36319.691019999998</v>
      </c>
      <c r="H3767">
        <v>36331.433689999998</v>
      </c>
      <c r="I3767">
        <v>24024.992389999999</v>
      </c>
      <c r="J3767">
        <v>41825.982470000003</v>
      </c>
      <c r="K3767">
        <v>53350.421620000001</v>
      </c>
      <c r="L3767">
        <v>26409.48645</v>
      </c>
      <c r="M3767">
        <v>309748.26130000001</v>
      </c>
      <c r="N3767">
        <v>74401.845159999997</v>
      </c>
      <c r="O3767">
        <v>18606.04134</v>
      </c>
      <c r="P3767">
        <v>32762.426899999999</v>
      </c>
      <c r="Q3767">
        <v>89501.964200000002</v>
      </c>
      <c r="R3767">
        <v>18019.308789999999</v>
      </c>
      <c r="S3767">
        <v>79942.853260000004</v>
      </c>
      <c r="T3767">
        <v>26471.05733</v>
      </c>
      <c r="U3767">
        <v>16387.968000000001</v>
      </c>
      <c r="W3767" s="83">
        <f>Bühler!N3799</f>
        <v>45448.874999990869</v>
      </c>
      <c r="X3767" s="83">
        <v>43257.875</v>
      </c>
      <c r="Y3767">
        <v>245866.14980000001</v>
      </c>
      <c r="Z3767">
        <v>14963.455260000001</v>
      </c>
      <c r="AA3767">
        <v>57361.863089999999</v>
      </c>
      <c r="AB3767">
        <v>36319.691019999998</v>
      </c>
      <c r="AC3767">
        <v>36331.433689999998</v>
      </c>
      <c r="AD3767">
        <v>24024.992389999999</v>
      </c>
      <c r="AE3767">
        <v>41825.982470000003</v>
      </c>
      <c r="AF3767">
        <v>53350.421620000001</v>
      </c>
      <c r="AG3767">
        <v>26409.48645</v>
      </c>
      <c r="AH3767">
        <v>309748.26130000001</v>
      </c>
      <c r="AI3767">
        <v>74401.845159999997</v>
      </c>
      <c r="AJ3767">
        <v>18606.04134</v>
      </c>
      <c r="AK3767">
        <v>32762.426899999999</v>
      </c>
      <c r="AL3767">
        <v>89501.964200000002</v>
      </c>
      <c r="AM3767">
        <v>18019.308789999999</v>
      </c>
      <c r="AN3767">
        <v>79942.853260000004</v>
      </c>
      <c r="AO3767">
        <v>26471.05733</v>
      </c>
      <c r="AP3767">
        <v>16387.968000000001</v>
      </c>
    </row>
    <row r="3768" spans="2:42" x14ac:dyDescent="0.3">
      <c r="B3768">
        <v>60.548355837844333</v>
      </c>
      <c r="C3768" s="83">
        <v>43257.916666666664</v>
      </c>
      <c r="D3768">
        <v>246574.23120000001</v>
      </c>
      <c r="E3768">
        <v>14315.360189999999</v>
      </c>
      <c r="F3768">
        <v>54914.944810000001</v>
      </c>
      <c r="G3768">
        <v>35575.931940000002</v>
      </c>
      <c r="H3768">
        <v>37197.539210000003</v>
      </c>
      <c r="I3768">
        <v>22321.193309999999</v>
      </c>
      <c r="J3768">
        <v>42239.770519999998</v>
      </c>
      <c r="K3768">
        <v>55731.238129999998</v>
      </c>
      <c r="L3768">
        <v>24434.740870000001</v>
      </c>
      <c r="M3768">
        <v>308703.75429999997</v>
      </c>
      <c r="N3768">
        <v>74623.302339999995</v>
      </c>
      <c r="O3768">
        <v>18470.840670000001</v>
      </c>
      <c r="P3768">
        <v>35054.832580000002</v>
      </c>
      <c r="Q3768">
        <v>87523.185809999995</v>
      </c>
      <c r="R3768">
        <v>19722.961859999999</v>
      </c>
      <c r="S3768">
        <v>79332.219800000006</v>
      </c>
      <c r="T3768">
        <v>23107.432970000002</v>
      </c>
      <c r="U3768">
        <v>16710.061730000001</v>
      </c>
      <c r="W3768" s="83">
        <f>Bühler!N3800</f>
        <v>45448.916666657533</v>
      </c>
      <c r="X3768" s="83">
        <v>43257.916666666664</v>
      </c>
      <c r="Y3768">
        <v>246574.23120000001</v>
      </c>
      <c r="Z3768">
        <v>14315.360189999999</v>
      </c>
      <c r="AA3768">
        <v>54914.944810000001</v>
      </c>
      <c r="AB3768">
        <v>35575.931940000002</v>
      </c>
      <c r="AC3768">
        <v>37197.539210000003</v>
      </c>
      <c r="AD3768">
        <v>22321.193309999999</v>
      </c>
      <c r="AE3768">
        <v>42239.770519999998</v>
      </c>
      <c r="AF3768">
        <v>55731.238129999998</v>
      </c>
      <c r="AG3768">
        <v>24434.740870000001</v>
      </c>
      <c r="AH3768">
        <v>308703.75429999997</v>
      </c>
      <c r="AI3768">
        <v>74623.302339999995</v>
      </c>
      <c r="AJ3768">
        <v>18470.840670000001</v>
      </c>
      <c r="AK3768">
        <v>35054.832580000002</v>
      </c>
      <c r="AL3768">
        <v>87523.185809999995</v>
      </c>
      <c r="AM3768">
        <v>19722.961859999999</v>
      </c>
      <c r="AN3768">
        <v>79332.219800000006</v>
      </c>
      <c r="AO3768">
        <v>23107.432970000002</v>
      </c>
      <c r="AP3768">
        <v>16710.061730000001</v>
      </c>
    </row>
    <row r="3769" spans="2:42" x14ac:dyDescent="0.3">
      <c r="B3769">
        <v>60.370568942883239</v>
      </c>
      <c r="C3769" s="83">
        <v>43257.958333333336</v>
      </c>
      <c r="D3769">
        <v>245751.92720000001</v>
      </c>
      <c r="E3769">
        <v>13646.28808</v>
      </c>
      <c r="F3769">
        <v>53146.95001</v>
      </c>
      <c r="G3769">
        <v>34654.049220000001</v>
      </c>
      <c r="H3769">
        <v>36331.325669999998</v>
      </c>
      <c r="I3769">
        <v>21123.366720000002</v>
      </c>
      <c r="J3769">
        <v>38285.237529999999</v>
      </c>
      <c r="K3769">
        <v>54280.303480000002</v>
      </c>
      <c r="L3769">
        <v>21153.48964</v>
      </c>
      <c r="M3769">
        <v>307797.3138</v>
      </c>
      <c r="N3769">
        <v>73651.217369999998</v>
      </c>
      <c r="O3769">
        <v>18321.569660000001</v>
      </c>
      <c r="P3769">
        <v>31772.891070000001</v>
      </c>
      <c r="Q3769">
        <v>87156.868130000003</v>
      </c>
      <c r="R3769">
        <v>20173.896779999999</v>
      </c>
      <c r="S3769">
        <v>77260.857099999994</v>
      </c>
      <c r="T3769">
        <v>21381.672480000001</v>
      </c>
      <c r="U3769">
        <v>16084.681430000001</v>
      </c>
      <c r="W3769" s="83">
        <f>Bühler!N3801</f>
        <v>45448.958333324197</v>
      </c>
      <c r="X3769" s="83">
        <v>43257.958333333336</v>
      </c>
      <c r="Y3769">
        <v>245751.92720000001</v>
      </c>
      <c r="Z3769">
        <v>13646.28808</v>
      </c>
      <c r="AA3769">
        <v>53146.95001</v>
      </c>
      <c r="AB3769">
        <v>34654.049220000001</v>
      </c>
      <c r="AC3769">
        <v>36331.325669999998</v>
      </c>
      <c r="AD3769">
        <v>21123.366720000002</v>
      </c>
      <c r="AE3769">
        <v>38285.237529999999</v>
      </c>
      <c r="AF3769">
        <v>54280.303480000002</v>
      </c>
      <c r="AG3769">
        <v>21153.48964</v>
      </c>
      <c r="AH3769">
        <v>307797.3138</v>
      </c>
      <c r="AI3769">
        <v>73651.217369999998</v>
      </c>
      <c r="AJ3769">
        <v>18321.569660000001</v>
      </c>
      <c r="AK3769">
        <v>31772.891070000001</v>
      </c>
      <c r="AL3769">
        <v>87156.868130000003</v>
      </c>
      <c r="AM3769">
        <v>20173.896779999999</v>
      </c>
      <c r="AN3769">
        <v>77260.857099999994</v>
      </c>
      <c r="AO3769">
        <v>21381.672480000001</v>
      </c>
      <c r="AP3769">
        <v>16084.681430000001</v>
      </c>
    </row>
    <row r="3770" spans="2:42" x14ac:dyDescent="0.3">
      <c r="B3770">
        <v>59.756324621168481</v>
      </c>
      <c r="C3770" s="83">
        <v>43258</v>
      </c>
      <c r="D3770">
        <v>243983.1133</v>
      </c>
      <c r="E3770">
        <v>13281.99431</v>
      </c>
      <c r="F3770">
        <v>51930.592299999997</v>
      </c>
      <c r="G3770">
        <v>33937.229899999998</v>
      </c>
      <c r="H3770">
        <v>35404.138550000003</v>
      </c>
      <c r="I3770">
        <v>19228.88452</v>
      </c>
      <c r="J3770">
        <v>35130.950279999997</v>
      </c>
      <c r="K3770">
        <v>51775.668019999997</v>
      </c>
      <c r="L3770">
        <v>19126.237679999998</v>
      </c>
      <c r="M3770">
        <v>304665.60979999998</v>
      </c>
      <c r="N3770">
        <v>73725.800659999994</v>
      </c>
      <c r="O3770">
        <v>18515.21067</v>
      </c>
      <c r="P3770">
        <v>29191.575369999999</v>
      </c>
      <c r="Q3770">
        <v>85475.968840000001</v>
      </c>
      <c r="R3770">
        <v>16200.8822</v>
      </c>
      <c r="S3770">
        <v>75372.961630000005</v>
      </c>
      <c r="T3770">
        <v>19677.846809999999</v>
      </c>
      <c r="U3770">
        <v>15916.5695</v>
      </c>
      <c r="W3770" s="83">
        <f>Bühler!N3802</f>
        <v>45448.999999990861</v>
      </c>
      <c r="X3770" s="83">
        <v>43258</v>
      </c>
      <c r="Y3770">
        <v>243983.1133</v>
      </c>
      <c r="Z3770">
        <v>13281.99431</v>
      </c>
      <c r="AA3770">
        <v>51930.592299999997</v>
      </c>
      <c r="AB3770">
        <v>33937.229899999998</v>
      </c>
      <c r="AC3770">
        <v>35404.138550000003</v>
      </c>
      <c r="AD3770">
        <v>19228.88452</v>
      </c>
      <c r="AE3770">
        <v>35130.950279999997</v>
      </c>
      <c r="AF3770">
        <v>51775.668019999997</v>
      </c>
      <c r="AG3770">
        <v>19126.237679999998</v>
      </c>
      <c r="AH3770">
        <v>304665.60979999998</v>
      </c>
      <c r="AI3770">
        <v>73725.800659999994</v>
      </c>
      <c r="AJ3770">
        <v>18515.21067</v>
      </c>
      <c r="AK3770">
        <v>29191.575369999999</v>
      </c>
      <c r="AL3770">
        <v>85475.968840000001</v>
      </c>
      <c r="AM3770">
        <v>16200.8822</v>
      </c>
      <c r="AN3770">
        <v>75372.961630000005</v>
      </c>
      <c r="AO3770">
        <v>19677.846809999999</v>
      </c>
      <c r="AP3770">
        <v>15916.5695</v>
      </c>
    </row>
    <row r="3771" spans="2:42" x14ac:dyDescent="0.3">
      <c r="B3771">
        <v>59.096849521307313</v>
      </c>
      <c r="C3771" s="83">
        <v>43258.041666666664</v>
      </c>
      <c r="D3771">
        <v>242059.6635</v>
      </c>
      <c r="E3771">
        <v>12876.808709999999</v>
      </c>
      <c r="F3771">
        <v>51581.596060000003</v>
      </c>
      <c r="G3771">
        <v>32966.434549999998</v>
      </c>
      <c r="H3771">
        <v>34566.354319999999</v>
      </c>
      <c r="I3771">
        <v>15556.33798</v>
      </c>
      <c r="J3771">
        <v>34060.982949999998</v>
      </c>
      <c r="K3771">
        <v>50347.706279999999</v>
      </c>
      <c r="L3771">
        <v>17316.190350000001</v>
      </c>
      <c r="M3771">
        <v>301303.29820000002</v>
      </c>
      <c r="N3771">
        <v>72533.419219999996</v>
      </c>
      <c r="O3771">
        <v>17545.95162</v>
      </c>
      <c r="P3771">
        <v>25993.851589999998</v>
      </c>
      <c r="Q3771">
        <v>85782.219339999996</v>
      </c>
      <c r="R3771">
        <v>14266.834150000001</v>
      </c>
      <c r="S3771">
        <v>73680.637480000005</v>
      </c>
      <c r="T3771">
        <v>18901.47767</v>
      </c>
      <c r="U3771">
        <v>15681.234340000001</v>
      </c>
      <c r="W3771" s="83">
        <f>Bühler!N3803</f>
        <v>45449.041666657526</v>
      </c>
      <c r="X3771" s="83">
        <v>43258.041666666664</v>
      </c>
      <c r="Y3771">
        <v>242059.6635</v>
      </c>
      <c r="Z3771">
        <v>12876.808709999999</v>
      </c>
      <c r="AA3771">
        <v>51581.596060000003</v>
      </c>
      <c r="AB3771">
        <v>32966.434549999998</v>
      </c>
      <c r="AC3771">
        <v>34566.354319999999</v>
      </c>
      <c r="AD3771">
        <v>15556.33798</v>
      </c>
      <c r="AE3771">
        <v>34060.982949999998</v>
      </c>
      <c r="AF3771">
        <v>50347.706279999999</v>
      </c>
      <c r="AG3771">
        <v>17316.190350000001</v>
      </c>
      <c r="AH3771">
        <v>301303.29820000002</v>
      </c>
      <c r="AI3771">
        <v>72533.419219999996</v>
      </c>
      <c r="AJ3771">
        <v>17545.95162</v>
      </c>
      <c r="AK3771">
        <v>25993.851589999998</v>
      </c>
      <c r="AL3771">
        <v>85782.219339999996</v>
      </c>
      <c r="AM3771">
        <v>14266.834150000001</v>
      </c>
      <c r="AN3771">
        <v>73680.637480000005</v>
      </c>
      <c r="AO3771">
        <v>18901.47767</v>
      </c>
      <c r="AP3771">
        <v>15681.234340000001</v>
      </c>
    </row>
    <row r="3772" spans="2:42" x14ac:dyDescent="0.3">
      <c r="B3772">
        <v>59.202748406145858</v>
      </c>
      <c r="C3772" s="83">
        <v>43258.083333333336</v>
      </c>
      <c r="D3772">
        <v>242422.1354</v>
      </c>
      <c r="E3772">
        <v>12790.99655</v>
      </c>
      <c r="F3772">
        <v>52270.187639999996</v>
      </c>
      <c r="G3772">
        <v>31993.89733</v>
      </c>
      <c r="H3772">
        <v>34297.384550000002</v>
      </c>
      <c r="I3772">
        <v>14122.491180000001</v>
      </c>
      <c r="J3772">
        <v>33434.0533</v>
      </c>
      <c r="K3772">
        <v>48683.090750000003</v>
      </c>
      <c r="L3772">
        <v>16975.79218</v>
      </c>
      <c r="M3772">
        <v>301843.22009999998</v>
      </c>
      <c r="N3772">
        <v>70253.790389999995</v>
      </c>
      <c r="O3772">
        <v>17487.797070000001</v>
      </c>
      <c r="P3772">
        <v>25201.839179999999</v>
      </c>
      <c r="Q3772">
        <v>87963.954100000003</v>
      </c>
      <c r="R3772">
        <v>15213.271360000001</v>
      </c>
      <c r="S3772">
        <v>72532.383849999998</v>
      </c>
      <c r="T3772">
        <v>18353.21819</v>
      </c>
      <c r="U3772">
        <v>15463.591109999999</v>
      </c>
      <c r="W3772" s="83">
        <f>Bühler!N3804</f>
        <v>45449.08333332419</v>
      </c>
      <c r="X3772" s="83">
        <v>43258.083333333336</v>
      </c>
      <c r="Y3772">
        <v>242422.1354</v>
      </c>
      <c r="Z3772">
        <v>12790.99655</v>
      </c>
      <c r="AA3772">
        <v>52270.187639999996</v>
      </c>
      <c r="AB3772">
        <v>31993.89733</v>
      </c>
      <c r="AC3772">
        <v>34297.384550000002</v>
      </c>
      <c r="AD3772">
        <v>14122.491180000001</v>
      </c>
      <c r="AE3772">
        <v>33434.0533</v>
      </c>
      <c r="AF3772">
        <v>48683.090750000003</v>
      </c>
      <c r="AG3772">
        <v>16975.79218</v>
      </c>
      <c r="AH3772">
        <v>301843.22009999998</v>
      </c>
      <c r="AI3772">
        <v>70253.790389999995</v>
      </c>
      <c r="AJ3772">
        <v>17487.797070000001</v>
      </c>
      <c r="AK3772">
        <v>25201.839179999999</v>
      </c>
      <c r="AL3772">
        <v>87963.954100000003</v>
      </c>
      <c r="AM3772">
        <v>15213.271360000001</v>
      </c>
      <c r="AN3772">
        <v>72532.383849999998</v>
      </c>
      <c r="AO3772">
        <v>18353.21819</v>
      </c>
      <c r="AP3772">
        <v>15463.591109999999</v>
      </c>
    </row>
    <row r="3773" spans="2:42" x14ac:dyDescent="0.3">
      <c r="B3773">
        <v>59.814409166625417</v>
      </c>
      <c r="C3773" s="83">
        <v>43258.125</v>
      </c>
      <c r="D3773">
        <v>242154.3137</v>
      </c>
      <c r="E3773">
        <v>12827.97243</v>
      </c>
      <c r="F3773">
        <v>53478.452570000001</v>
      </c>
      <c r="G3773">
        <v>31140.960889999998</v>
      </c>
      <c r="H3773">
        <v>34241.205009999998</v>
      </c>
      <c r="I3773">
        <v>13684.98597</v>
      </c>
      <c r="J3773">
        <v>33884.987220000003</v>
      </c>
      <c r="K3773">
        <v>47359.536139999997</v>
      </c>
      <c r="L3773">
        <v>16521.551189999998</v>
      </c>
      <c r="M3773">
        <v>304961.75189999997</v>
      </c>
      <c r="N3773">
        <v>69265.700509999995</v>
      </c>
      <c r="O3773">
        <v>17782.288430000001</v>
      </c>
      <c r="P3773">
        <v>23918.646959999998</v>
      </c>
      <c r="Q3773">
        <v>90468.243579999995</v>
      </c>
      <c r="R3773">
        <v>14665.53714</v>
      </c>
      <c r="S3773">
        <v>72107.380789999996</v>
      </c>
      <c r="T3773">
        <v>18003.832780000001</v>
      </c>
      <c r="U3773">
        <v>15456.31126</v>
      </c>
      <c r="W3773" s="83">
        <f>Bühler!N3805</f>
        <v>45449.124999990854</v>
      </c>
      <c r="X3773" s="83">
        <v>43258.125</v>
      </c>
      <c r="Y3773">
        <v>242154.3137</v>
      </c>
      <c r="Z3773">
        <v>12827.97243</v>
      </c>
      <c r="AA3773">
        <v>53478.452570000001</v>
      </c>
      <c r="AB3773">
        <v>31140.960889999998</v>
      </c>
      <c r="AC3773">
        <v>34241.205009999998</v>
      </c>
      <c r="AD3773">
        <v>13684.98597</v>
      </c>
      <c r="AE3773">
        <v>33884.987220000003</v>
      </c>
      <c r="AF3773">
        <v>47359.536139999997</v>
      </c>
      <c r="AG3773">
        <v>16521.551189999998</v>
      </c>
      <c r="AH3773">
        <v>304961.75189999997</v>
      </c>
      <c r="AI3773">
        <v>69265.700509999995</v>
      </c>
      <c r="AJ3773">
        <v>17782.288430000001</v>
      </c>
      <c r="AK3773">
        <v>23918.646959999998</v>
      </c>
      <c r="AL3773">
        <v>90468.243579999995</v>
      </c>
      <c r="AM3773">
        <v>14665.53714</v>
      </c>
      <c r="AN3773">
        <v>72107.380789999996</v>
      </c>
      <c r="AO3773">
        <v>18003.832780000001</v>
      </c>
      <c r="AP3773">
        <v>15456.31126</v>
      </c>
    </row>
    <row r="3774" spans="2:42" x14ac:dyDescent="0.3">
      <c r="B3774">
        <v>61.048869252829675</v>
      </c>
      <c r="C3774" s="83">
        <v>43258.166666666664</v>
      </c>
      <c r="D3774">
        <v>242751.55739999999</v>
      </c>
      <c r="E3774">
        <v>13232.791069999999</v>
      </c>
      <c r="F3774">
        <v>56456.551610000002</v>
      </c>
      <c r="G3774">
        <v>30819.034609999999</v>
      </c>
      <c r="H3774">
        <v>34391.981310000003</v>
      </c>
      <c r="I3774">
        <v>15031.29939</v>
      </c>
      <c r="J3774">
        <v>35921.943290000003</v>
      </c>
      <c r="K3774">
        <v>46475.515789999998</v>
      </c>
      <c r="L3774">
        <v>16671.393250000001</v>
      </c>
      <c r="M3774">
        <v>311255.60509999999</v>
      </c>
      <c r="N3774">
        <v>68314.136710000006</v>
      </c>
      <c r="O3774">
        <v>17439.345679999999</v>
      </c>
      <c r="P3774">
        <v>23239.158940000001</v>
      </c>
      <c r="Q3774">
        <v>94785.224839999995</v>
      </c>
      <c r="R3774">
        <v>14724.170889999999</v>
      </c>
      <c r="S3774">
        <v>72701.382180000001</v>
      </c>
      <c r="T3774">
        <v>18096.519179999999</v>
      </c>
      <c r="U3774">
        <v>16072.491980000001</v>
      </c>
      <c r="W3774" s="83">
        <f>Bühler!N3806</f>
        <v>45449.166666657518</v>
      </c>
      <c r="X3774" s="83">
        <v>43258.166666666664</v>
      </c>
      <c r="Y3774">
        <v>242751.55739999999</v>
      </c>
      <c r="Z3774">
        <v>13232.791069999999</v>
      </c>
      <c r="AA3774">
        <v>56456.551610000002</v>
      </c>
      <c r="AB3774">
        <v>30819.034609999999</v>
      </c>
      <c r="AC3774">
        <v>34391.981310000003</v>
      </c>
      <c r="AD3774">
        <v>15031.29939</v>
      </c>
      <c r="AE3774">
        <v>35921.943290000003</v>
      </c>
      <c r="AF3774">
        <v>46475.515789999998</v>
      </c>
      <c r="AG3774">
        <v>16671.393250000001</v>
      </c>
      <c r="AH3774">
        <v>311255.60509999999</v>
      </c>
      <c r="AI3774">
        <v>68314.136710000006</v>
      </c>
      <c r="AJ3774">
        <v>17439.345679999999</v>
      </c>
      <c r="AK3774">
        <v>23239.158940000001</v>
      </c>
      <c r="AL3774">
        <v>94785.224839999995</v>
      </c>
      <c r="AM3774">
        <v>14724.170889999999</v>
      </c>
      <c r="AN3774">
        <v>72701.382180000001</v>
      </c>
      <c r="AO3774">
        <v>18096.519179999999</v>
      </c>
      <c r="AP3774">
        <v>16072.491980000001</v>
      </c>
    </row>
    <row r="3775" spans="2:42" x14ac:dyDescent="0.3">
      <c r="B3775">
        <v>64.011329351018077</v>
      </c>
      <c r="C3775" s="83">
        <v>43258.208333333336</v>
      </c>
      <c r="D3775">
        <v>256747.2629</v>
      </c>
      <c r="E3775">
        <v>14828.5111</v>
      </c>
      <c r="F3775">
        <v>65604.533779999998</v>
      </c>
      <c r="G3775">
        <v>32393.500019999999</v>
      </c>
      <c r="H3775">
        <v>36041.10138</v>
      </c>
      <c r="I3775">
        <v>21801.88463</v>
      </c>
      <c r="J3775">
        <v>38899.991179999997</v>
      </c>
      <c r="K3775">
        <v>46491.862820000002</v>
      </c>
      <c r="L3775">
        <v>17520.426289999999</v>
      </c>
      <c r="M3775">
        <v>326359.60820000002</v>
      </c>
      <c r="N3775">
        <v>69335.032149999999</v>
      </c>
      <c r="O3775">
        <v>17686.564590000002</v>
      </c>
      <c r="P3775">
        <v>24764.76081</v>
      </c>
      <c r="Q3775">
        <v>97334.270040000003</v>
      </c>
      <c r="R3775">
        <v>16638.920279999998</v>
      </c>
      <c r="S3775">
        <v>74152.96041</v>
      </c>
      <c r="T3775">
        <v>19433.853810000001</v>
      </c>
      <c r="U3775">
        <v>17176.263200000001</v>
      </c>
      <c r="W3775" s="83">
        <f>Bühler!N3807</f>
        <v>45449.208333324183</v>
      </c>
      <c r="X3775" s="83">
        <v>43258.208333333336</v>
      </c>
      <c r="Y3775">
        <v>256747.2629</v>
      </c>
      <c r="Z3775">
        <v>14828.5111</v>
      </c>
      <c r="AA3775">
        <v>65604.533779999998</v>
      </c>
      <c r="AB3775">
        <v>32393.500019999999</v>
      </c>
      <c r="AC3775">
        <v>36041.10138</v>
      </c>
      <c r="AD3775">
        <v>21801.88463</v>
      </c>
      <c r="AE3775">
        <v>38899.991179999997</v>
      </c>
      <c r="AF3775">
        <v>46491.862820000002</v>
      </c>
      <c r="AG3775">
        <v>17520.426289999999</v>
      </c>
      <c r="AH3775">
        <v>326359.60820000002</v>
      </c>
      <c r="AI3775">
        <v>69335.032149999999</v>
      </c>
      <c r="AJ3775">
        <v>17686.564590000002</v>
      </c>
      <c r="AK3775">
        <v>24764.76081</v>
      </c>
      <c r="AL3775">
        <v>97334.270040000003</v>
      </c>
      <c r="AM3775">
        <v>16638.920279999998</v>
      </c>
      <c r="AN3775">
        <v>74152.96041</v>
      </c>
      <c r="AO3775">
        <v>19433.853810000001</v>
      </c>
      <c r="AP3775">
        <v>17176.263200000001</v>
      </c>
    </row>
    <row r="3776" spans="2:42" x14ac:dyDescent="0.3">
      <c r="B3776">
        <v>67.013503156509742</v>
      </c>
      <c r="C3776" s="83">
        <v>43258.25</v>
      </c>
      <c r="D3776">
        <v>269252.56520000001</v>
      </c>
      <c r="E3776">
        <v>18724.52936</v>
      </c>
      <c r="F3776">
        <v>77897.983300000007</v>
      </c>
      <c r="G3776">
        <v>42744.738570000001</v>
      </c>
      <c r="H3776">
        <v>38159.902099999999</v>
      </c>
      <c r="I3776">
        <v>28400.222959999999</v>
      </c>
      <c r="J3776">
        <v>41135.321559999997</v>
      </c>
      <c r="K3776">
        <v>49287.082670000003</v>
      </c>
      <c r="L3776">
        <v>18360.581099999999</v>
      </c>
      <c r="M3776">
        <v>341666.09029999998</v>
      </c>
      <c r="N3776">
        <v>71643.890629999994</v>
      </c>
      <c r="O3776">
        <v>19693.844519999999</v>
      </c>
      <c r="P3776">
        <v>25775.613799999999</v>
      </c>
      <c r="Q3776">
        <v>98351.551210000005</v>
      </c>
      <c r="R3776">
        <v>16488.81064</v>
      </c>
      <c r="S3776">
        <v>81071.179430000004</v>
      </c>
      <c r="T3776">
        <v>21527.98245</v>
      </c>
      <c r="U3776">
        <v>18962.815009999998</v>
      </c>
      <c r="W3776" s="83">
        <f>Bühler!N3808</f>
        <v>45449.249999990847</v>
      </c>
      <c r="X3776" s="83">
        <v>43258.25</v>
      </c>
      <c r="Y3776">
        <v>269252.56520000001</v>
      </c>
      <c r="Z3776">
        <v>18724.52936</v>
      </c>
      <c r="AA3776">
        <v>77897.983300000007</v>
      </c>
      <c r="AB3776">
        <v>42744.738570000001</v>
      </c>
      <c r="AC3776">
        <v>38159.902099999999</v>
      </c>
      <c r="AD3776">
        <v>28400.222959999999</v>
      </c>
      <c r="AE3776">
        <v>41135.321559999997</v>
      </c>
      <c r="AF3776">
        <v>49287.082670000003</v>
      </c>
      <c r="AG3776">
        <v>18360.581099999999</v>
      </c>
      <c r="AH3776">
        <v>341666.09029999998</v>
      </c>
      <c r="AI3776">
        <v>71643.890629999994</v>
      </c>
      <c r="AJ3776">
        <v>19693.844519999999</v>
      </c>
      <c r="AK3776">
        <v>25775.613799999999</v>
      </c>
      <c r="AL3776">
        <v>98351.551210000005</v>
      </c>
      <c r="AM3776">
        <v>16488.81064</v>
      </c>
      <c r="AN3776">
        <v>81071.179430000004</v>
      </c>
      <c r="AO3776">
        <v>21527.98245</v>
      </c>
      <c r="AP3776">
        <v>18962.815009999998</v>
      </c>
    </row>
    <row r="3777" spans="2:42" x14ac:dyDescent="0.3">
      <c r="B3777">
        <v>69.196957778616749</v>
      </c>
      <c r="C3777" s="83">
        <v>43258.291666666664</v>
      </c>
      <c r="D3777">
        <v>283751.56109999999</v>
      </c>
      <c r="E3777">
        <v>23391.851159999998</v>
      </c>
      <c r="F3777">
        <v>81438.162490000002</v>
      </c>
      <c r="G3777">
        <v>53177.96473</v>
      </c>
      <c r="H3777">
        <v>43155.876389999998</v>
      </c>
      <c r="I3777">
        <v>35226.115700000002</v>
      </c>
      <c r="J3777">
        <v>42833.466289999997</v>
      </c>
      <c r="K3777">
        <v>55496.630010000001</v>
      </c>
      <c r="L3777">
        <v>20630.343990000001</v>
      </c>
      <c r="M3777">
        <v>352798.3602</v>
      </c>
      <c r="N3777">
        <v>77247.334830000007</v>
      </c>
      <c r="O3777">
        <v>21669.695469999999</v>
      </c>
      <c r="P3777">
        <v>29165.228139999999</v>
      </c>
      <c r="Q3777">
        <v>97972.417799999996</v>
      </c>
      <c r="R3777">
        <v>17276.611980000001</v>
      </c>
      <c r="S3777">
        <v>95902.633149999994</v>
      </c>
      <c r="T3777">
        <v>24933.510689999999</v>
      </c>
      <c r="U3777">
        <v>23611.02707</v>
      </c>
      <c r="W3777" s="83">
        <f>Bühler!N3809</f>
        <v>45449.291666657511</v>
      </c>
      <c r="X3777" s="83">
        <v>43258.291666666664</v>
      </c>
      <c r="Y3777">
        <v>283751.56109999999</v>
      </c>
      <c r="Z3777">
        <v>23391.851159999998</v>
      </c>
      <c r="AA3777">
        <v>81438.162490000002</v>
      </c>
      <c r="AB3777">
        <v>53177.96473</v>
      </c>
      <c r="AC3777">
        <v>43155.876389999998</v>
      </c>
      <c r="AD3777">
        <v>35226.115700000002</v>
      </c>
      <c r="AE3777">
        <v>42833.466289999997</v>
      </c>
      <c r="AF3777">
        <v>55496.630010000001</v>
      </c>
      <c r="AG3777">
        <v>20630.343990000001</v>
      </c>
      <c r="AH3777">
        <v>352798.3602</v>
      </c>
      <c r="AI3777">
        <v>77247.334830000007</v>
      </c>
      <c r="AJ3777">
        <v>21669.695469999999</v>
      </c>
      <c r="AK3777">
        <v>29165.228139999999</v>
      </c>
      <c r="AL3777">
        <v>97972.417799999996</v>
      </c>
      <c r="AM3777">
        <v>17276.611980000001</v>
      </c>
      <c r="AN3777">
        <v>95902.633149999994</v>
      </c>
      <c r="AO3777">
        <v>24933.510689999999</v>
      </c>
      <c r="AP3777">
        <v>23611.02707</v>
      </c>
    </row>
    <row r="3778" spans="2:42" x14ac:dyDescent="0.3">
      <c r="B3778">
        <v>70.393816263252631</v>
      </c>
      <c r="C3778" s="83">
        <v>43258.333333333336</v>
      </c>
      <c r="D3778">
        <v>294887.94579999999</v>
      </c>
      <c r="E3778">
        <v>29117.67108</v>
      </c>
      <c r="F3778">
        <v>88833.627219999995</v>
      </c>
      <c r="G3778">
        <v>65896.810979999995</v>
      </c>
      <c r="H3778">
        <v>48501.273359999999</v>
      </c>
      <c r="I3778">
        <v>38925.299780000001</v>
      </c>
      <c r="J3778">
        <v>45058.810380000003</v>
      </c>
      <c r="K3778">
        <v>63278.368199999997</v>
      </c>
      <c r="L3778">
        <v>23657.945500000002</v>
      </c>
      <c r="M3778">
        <v>358900.50290000002</v>
      </c>
      <c r="N3778">
        <v>85463.934710000001</v>
      </c>
      <c r="O3778">
        <v>23734.773659999999</v>
      </c>
      <c r="P3778">
        <v>32502.868610000001</v>
      </c>
      <c r="Q3778">
        <v>99378.871220000001</v>
      </c>
      <c r="R3778">
        <v>21296.499059999998</v>
      </c>
      <c r="S3778">
        <v>105831.2831</v>
      </c>
      <c r="T3778">
        <v>28494.27491</v>
      </c>
      <c r="U3778">
        <v>27299.438450000001</v>
      </c>
      <c r="W3778" s="83">
        <f>Bühler!N3810</f>
        <v>45449.333333324175</v>
      </c>
      <c r="X3778" s="83">
        <v>43258.333333333336</v>
      </c>
      <c r="Y3778">
        <v>294887.94579999999</v>
      </c>
      <c r="Z3778">
        <v>29117.67108</v>
      </c>
      <c r="AA3778">
        <v>88833.627219999995</v>
      </c>
      <c r="AB3778">
        <v>65896.810979999995</v>
      </c>
      <c r="AC3778">
        <v>48501.273359999999</v>
      </c>
      <c r="AD3778">
        <v>38925.299780000001</v>
      </c>
      <c r="AE3778">
        <v>45058.810380000003</v>
      </c>
      <c r="AF3778">
        <v>63278.368199999997</v>
      </c>
      <c r="AG3778">
        <v>23657.945500000002</v>
      </c>
      <c r="AH3778">
        <v>358900.50290000002</v>
      </c>
      <c r="AI3778">
        <v>85463.934710000001</v>
      </c>
      <c r="AJ3778">
        <v>23734.773659999999</v>
      </c>
      <c r="AK3778">
        <v>32502.868610000001</v>
      </c>
      <c r="AL3778">
        <v>99378.871220000001</v>
      </c>
      <c r="AM3778">
        <v>21296.499059999998</v>
      </c>
      <c r="AN3778">
        <v>105831.2831</v>
      </c>
      <c r="AO3778">
        <v>28494.27491</v>
      </c>
      <c r="AP3778">
        <v>27299.438450000001</v>
      </c>
    </row>
    <row r="3779" spans="2:42" x14ac:dyDescent="0.3">
      <c r="B3779">
        <v>71.143889215295147</v>
      </c>
      <c r="C3779" s="83">
        <v>43258.375</v>
      </c>
      <c r="D3779">
        <v>297480.45640000002</v>
      </c>
      <c r="E3779">
        <v>33867.406459999998</v>
      </c>
      <c r="F3779">
        <v>96417.690579999995</v>
      </c>
      <c r="G3779">
        <v>76162.314920000004</v>
      </c>
      <c r="H3779">
        <v>51589.101089999996</v>
      </c>
      <c r="I3779">
        <v>38305.513480000001</v>
      </c>
      <c r="J3779">
        <v>46134.921289999998</v>
      </c>
      <c r="K3779">
        <v>65428.554530000001</v>
      </c>
      <c r="L3779">
        <v>27080.732940000002</v>
      </c>
      <c r="M3779">
        <v>362724.72460000002</v>
      </c>
      <c r="N3779">
        <v>87756.565369999997</v>
      </c>
      <c r="O3779">
        <v>24587.309300000001</v>
      </c>
      <c r="P3779">
        <v>33514.532769999998</v>
      </c>
      <c r="Q3779">
        <v>101762.46090000001</v>
      </c>
      <c r="R3779">
        <v>22565.14978</v>
      </c>
      <c r="S3779">
        <v>114601.44259999999</v>
      </c>
      <c r="T3779">
        <v>31597.942760000002</v>
      </c>
      <c r="U3779">
        <v>27185.686570000002</v>
      </c>
      <c r="W3779" s="83">
        <f>Bühler!N3811</f>
        <v>45449.37499999084</v>
      </c>
      <c r="X3779" s="83">
        <v>43258.375</v>
      </c>
      <c r="Y3779">
        <v>297480.45640000002</v>
      </c>
      <c r="Z3779">
        <v>33867.406459999998</v>
      </c>
      <c r="AA3779">
        <v>96417.690579999995</v>
      </c>
      <c r="AB3779">
        <v>76162.314920000004</v>
      </c>
      <c r="AC3779">
        <v>51589.101089999996</v>
      </c>
      <c r="AD3779">
        <v>38305.513480000001</v>
      </c>
      <c r="AE3779">
        <v>46134.921289999998</v>
      </c>
      <c r="AF3779">
        <v>65428.554530000001</v>
      </c>
      <c r="AG3779">
        <v>27080.732940000002</v>
      </c>
      <c r="AH3779">
        <v>362724.72460000002</v>
      </c>
      <c r="AI3779">
        <v>87756.565369999997</v>
      </c>
      <c r="AJ3779">
        <v>24587.309300000001</v>
      </c>
      <c r="AK3779">
        <v>33514.532769999998</v>
      </c>
      <c r="AL3779">
        <v>101762.46090000001</v>
      </c>
      <c r="AM3779">
        <v>22565.14978</v>
      </c>
      <c r="AN3779">
        <v>114601.44259999999</v>
      </c>
      <c r="AO3779">
        <v>31597.942760000002</v>
      </c>
      <c r="AP3779">
        <v>27185.686570000002</v>
      </c>
    </row>
    <row r="3780" spans="2:42" x14ac:dyDescent="0.3">
      <c r="B3780">
        <v>72.368353825098851</v>
      </c>
      <c r="C3780" s="83">
        <v>43258.416666666664</v>
      </c>
      <c r="D3780">
        <v>303164.15480000002</v>
      </c>
      <c r="E3780">
        <v>36172.014109999996</v>
      </c>
      <c r="F3780">
        <v>98521.902409999995</v>
      </c>
      <c r="G3780">
        <v>79486.164980000001</v>
      </c>
      <c r="H3780">
        <v>52725.987710000001</v>
      </c>
      <c r="I3780">
        <v>36661.7552</v>
      </c>
      <c r="J3780">
        <v>46040.040549999998</v>
      </c>
      <c r="K3780">
        <v>65611.363209999996</v>
      </c>
      <c r="L3780">
        <v>30091.46759</v>
      </c>
      <c r="M3780">
        <v>368967.61619999999</v>
      </c>
      <c r="N3780">
        <v>90907.187290000002</v>
      </c>
      <c r="O3780">
        <v>26165.871469999998</v>
      </c>
      <c r="P3780">
        <v>34782.355199999998</v>
      </c>
      <c r="Q3780">
        <v>103385.30899999999</v>
      </c>
      <c r="R3780">
        <v>23542.544900000001</v>
      </c>
      <c r="S3780">
        <v>119980.3406</v>
      </c>
      <c r="T3780">
        <v>33833.162190000003</v>
      </c>
      <c r="U3780">
        <v>27088.710760000002</v>
      </c>
      <c r="W3780" s="83">
        <f>Bühler!N3812</f>
        <v>45449.416666657504</v>
      </c>
      <c r="X3780" s="83">
        <v>43258.416666666664</v>
      </c>
      <c r="Y3780">
        <v>303164.15480000002</v>
      </c>
      <c r="Z3780">
        <v>36172.014109999996</v>
      </c>
      <c r="AA3780">
        <v>98521.902409999995</v>
      </c>
      <c r="AB3780">
        <v>79486.164980000001</v>
      </c>
      <c r="AC3780">
        <v>52725.987710000001</v>
      </c>
      <c r="AD3780">
        <v>36661.7552</v>
      </c>
      <c r="AE3780">
        <v>46040.040549999998</v>
      </c>
      <c r="AF3780">
        <v>65611.363209999996</v>
      </c>
      <c r="AG3780">
        <v>30091.46759</v>
      </c>
      <c r="AH3780">
        <v>368967.61619999999</v>
      </c>
      <c r="AI3780">
        <v>90907.187290000002</v>
      </c>
      <c r="AJ3780">
        <v>26165.871469999998</v>
      </c>
      <c r="AK3780">
        <v>34782.355199999998</v>
      </c>
      <c r="AL3780">
        <v>103385.30899999999</v>
      </c>
      <c r="AM3780">
        <v>23542.544900000001</v>
      </c>
      <c r="AN3780">
        <v>119980.3406</v>
      </c>
      <c r="AO3780">
        <v>33833.162190000003</v>
      </c>
      <c r="AP3780">
        <v>27088.710760000002</v>
      </c>
    </row>
    <row r="3781" spans="2:42" x14ac:dyDescent="0.3">
      <c r="B3781">
        <v>73.20857382709201</v>
      </c>
      <c r="C3781" s="83">
        <v>43258.458333333336</v>
      </c>
      <c r="D3781">
        <v>301735.9608</v>
      </c>
      <c r="E3781">
        <v>36362.318879999999</v>
      </c>
      <c r="F3781">
        <v>100336.14479999999</v>
      </c>
      <c r="G3781">
        <v>79297.287500000006</v>
      </c>
      <c r="H3781">
        <v>52775.257790000003</v>
      </c>
      <c r="I3781">
        <v>36744.208760000001</v>
      </c>
      <c r="J3781">
        <v>47871.160600000003</v>
      </c>
      <c r="K3781">
        <v>66319.478239999997</v>
      </c>
      <c r="L3781">
        <v>31061.653119999999</v>
      </c>
      <c r="M3781">
        <v>373251.44959999999</v>
      </c>
      <c r="N3781">
        <v>93443.462329999995</v>
      </c>
      <c r="O3781">
        <v>26838.879519999999</v>
      </c>
      <c r="P3781">
        <v>34613.541080000003</v>
      </c>
      <c r="Q3781">
        <v>104740.67690000001</v>
      </c>
      <c r="R3781">
        <v>25842.717369999998</v>
      </c>
      <c r="S3781">
        <v>125348.4941</v>
      </c>
      <c r="T3781">
        <v>35049.866000000002</v>
      </c>
      <c r="U3781">
        <v>27097.883399999999</v>
      </c>
      <c r="W3781" s="83">
        <f>Bühler!N3813</f>
        <v>45449.458333324168</v>
      </c>
      <c r="X3781" s="83">
        <v>43258.458333333336</v>
      </c>
      <c r="Y3781">
        <v>301735.9608</v>
      </c>
      <c r="Z3781">
        <v>36362.318879999999</v>
      </c>
      <c r="AA3781">
        <v>100336.14479999999</v>
      </c>
      <c r="AB3781">
        <v>79297.287500000006</v>
      </c>
      <c r="AC3781">
        <v>52775.257790000003</v>
      </c>
      <c r="AD3781">
        <v>36744.208760000001</v>
      </c>
      <c r="AE3781">
        <v>47871.160600000003</v>
      </c>
      <c r="AF3781">
        <v>66319.478239999997</v>
      </c>
      <c r="AG3781">
        <v>31061.653119999999</v>
      </c>
      <c r="AH3781">
        <v>373251.44959999999</v>
      </c>
      <c r="AI3781">
        <v>93443.462329999995</v>
      </c>
      <c r="AJ3781">
        <v>26838.879519999999</v>
      </c>
      <c r="AK3781">
        <v>34613.541080000003</v>
      </c>
      <c r="AL3781">
        <v>104740.67690000001</v>
      </c>
      <c r="AM3781">
        <v>25842.717369999998</v>
      </c>
      <c r="AN3781">
        <v>125348.4941</v>
      </c>
      <c r="AO3781">
        <v>35049.866000000002</v>
      </c>
      <c r="AP3781">
        <v>27097.883399999999</v>
      </c>
    </row>
    <row r="3782" spans="2:42" x14ac:dyDescent="0.3">
      <c r="B3782">
        <v>72.294996510385943</v>
      </c>
      <c r="C3782" s="83">
        <v>43258.5</v>
      </c>
      <c r="D3782">
        <v>291294.11459999997</v>
      </c>
      <c r="E3782">
        <v>33091.023009999997</v>
      </c>
      <c r="F3782">
        <v>98734.990229999996</v>
      </c>
      <c r="G3782">
        <v>80238.631580000001</v>
      </c>
      <c r="H3782">
        <v>51211.995329999998</v>
      </c>
      <c r="I3782">
        <v>36339.164089999998</v>
      </c>
      <c r="J3782">
        <v>47911.445520000001</v>
      </c>
      <c r="K3782">
        <v>62636.296829999999</v>
      </c>
      <c r="L3782">
        <v>33376.228089999997</v>
      </c>
      <c r="M3782">
        <v>368593.60639999999</v>
      </c>
      <c r="N3782">
        <v>91416.016260000004</v>
      </c>
      <c r="O3782">
        <v>25914.103500000001</v>
      </c>
      <c r="P3782">
        <v>36247.732470000003</v>
      </c>
      <c r="Q3782">
        <v>105041.45940000001</v>
      </c>
      <c r="R3782">
        <v>25347.98674</v>
      </c>
      <c r="S3782">
        <v>119406.0183</v>
      </c>
      <c r="T3782">
        <v>34425.52738</v>
      </c>
      <c r="U3782">
        <v>22854.466639999999</v>
      </c>
      <c r="W3782" s="83">
        <f>Bühler!N3814</f>
        <v>45449.499999990832</v>
      </c>
      <c r="X3782" s="83">
        <v>43258.5</v>
      </c>
      <c r="Y3782">
        <v>291294.11459999997</v>
      </c>
      <c r="Z3782">
        <v>33091.023009999997</v>
      </c>
      <c r="AA3782">
        <v>98734.990229999996</v>
      </c>
      <c r="AB3782">
        <v>80238.631580000001</v>
      </c>
      <c r="AC3782">
        <v>51211.995329999998</v>
      </c>
      <c r="AD3782">
        <v>36339.164089999998</v>
      </c>
      <c r="AE3782">
        <v>47911.445520000001</v>
      </c>
      <c r="AF3782">
        <v>62636.296829999999</v>
      </c>
      <c r="AG3782">
        <v>33376.228089999997</v>
      </c>
      <c r="AH3782">
        <v>368593.60639999999</v>
      </c>
      <c r="AI3782">
        <v>91416.016260000004</v>
      </c>
      <c r="AJ3782">
        <v>25914.103500000001</v>
      </c>
      <c r="AK3782">
        <v>36247.732470000003</v>
      </c>
      <c r="AL3782">
        <v>105041.45940000001</v>
      </c>
      <c r="AM3782">
        <v>25347.98674</v>
      </c>
      <c r="AN3782">
        <v>119406.0183</v>
      </c>
      <c r="AO3782">
        <v>34425.52738</v>
      </c>
      <c r="AP3782">
        <v>22854.466639999999</v>
      </c>
    </row>
    <row r="3783" spans="2:42" x14ac:dyDescent="0.3">
      <c r="B3783">
        <v>72.042909821213641</v>
      </c>
      <c r="C3783" s="83">
        <v>43258.541666666664</v>
      </c>
      <c r="D3783">
        <v>293181.65240000002</v>
      </c>
      <c r="E3783">
        <v>33686.449560000001</v>
      </c>
      <c r="F3783">
        <v>98495.658240000004</v>
      </c>
      <c r="G3783">
        <v>76496.223400000003</v>
      </c>
      <c r="H3783">
        <v>51990.574650000002</v>
      </c>
      <c r="I3783">
        <v>36022.919479999997</v>
      </c>
      <c r="J3783">
        <v>46754.287270000001</v>
      </c>
      <c r="K3783">
        <v>64964.463909999999</v>
      </c>
      <c r="L3783">
        <v>32038.364870000001</v>
      </c>
      <c r="M3783">
        <v>367308.35090000002</v>
      </c>
      <c r="N3783">
        <v>91350.676439999996</v>
      </c>
      <c r="O3783">
        <v>26602.58869</v>
      </c>
      <c r="P3783">
        <v>35900.864119999998</v>
      </c>
      <c r="Q3783">
        <v>104574.0925</v>
      </c>
      <c r="R3783">
        <v>25356.116040000001</v>
      </c>
      <c r="S3783">
        <v>119143.2595</v>
      </c>
      <c r="T3783">
        <v>33788.815730000002</v>
      </c>
      <c r="U3783">
        <v>24610.61911</v>
      </c>
      <c r="W3783" s="83">
        <f>Bühler!N3815</f>
        <v>45449.541666657497</v>
      </c>
      <c r="X3783" s="83">
        <v>43258.541666666664</v>
      </c>
      <c r="Y3783">
        <v>293181.65240000002</v>
      </c>
      <c r="Z3783">
        <v>33686.449560000001</v>
      </c>
      <c r="AA3783">
        <v>98495.658240000004</v>
      </c>
      <c r="AB3783">
        <v>76496.223400000003</v>
      </c>
      <c r="AC3783">
        <v>51990.574650000002</v>
      </c>
      <c r="AD3783">
        <v>36022.919479999997</v>
      </c>
      <c r="AE3783">
        <v>46754.287270000001</v>
      </c>
      <c r="AF3783">
        <v>64964.463909999999</v>
      </c>
      <c r="AG3783">
        <v>32038.364870000001</v>
      </c>
      <c r="AH3783">
        <v>367308.35090000002</v>
      </c>
      <c r="AI3783">
        <v>91350.676439999996</v>
      </c>
      <c r="AJ3783">
        <v>26602.58869</v>
      </c>
      <c r="AK3783">
        <v>35900.864119999998</v>
      </c>
      <c r="AL3783">
        <v>104574.0925</v>
      </c>
      <c r="AM3783">
        <v>25356.116040000001</v>
      </c>
      <c r="AN3783">
        <v>119143.2595</v>
      </c>
      <c r="AO3783">
        <v>33788.815730000002</v>
      </c>
      <c r="AP3783">
        <v>24610.61911</v>
      </c>
    </row>
    <row r="3784" spans="2:42" x14ac:dyDescent="0.3">
      <c r="B3784">
        <v>71.965619559089674</v>
      </c>
      <c r="C3784" s="83">
        <v>43258.583333333336</v>
      </c>
      <c r="D3784">
        <v>298554.01549999998</v>
      </c>
      <c r="E3784">
        <v>36965.324330000003</v>
      </c>
      <c r="F3784">
        <v>101416.2831</v>
      </c>
      <c r="G3784">
        <v>70711.687479999993</v>
      </c>
      <c r="H3784">
        <v>52083.821709999997</v>
      </c>
      <c r="I3784">
        <v>37072.199760000003</v>
      </c>
      <c r="J3784">
        <v>46166.947220000002</v>
      </c>
      <c r="K3784">
        <v>66914.955719999998</v>
      </c>
      <c r="L3784">
        <v>28972.94443</v>
      </c>
      <c r="M3784">
        <v>366914.28909999999</v>
      </c>
      <c r="N3784">
        <v>93879.344849999994</v>
      </c>
      <c r="O3784">
        <v>27324.726429999999</v>
      </c>
      <c r="P3784">
        <v>32718.632799999999</v>
      </c>
      <c r="Q3784">
        <v>105197.4258</v>
      </c>
      <c r="R3784">
        <v>25168.513490000001</v>
      </c>
      <c r="S3784">
        <v>117139.2913</v>
      </c>
      <c r="T3784">
        <v>32315.517660000001</v>
      </c>
      <c r="U3784">
        <v>25298.535039999999</v>
      </c>
      <c r="W3784" s="83">
        <f>Bühler!N3816</f>
        <v>45449.583333324161</v>
      </c>
      <c r="X3784" s="83">
        <v>43258.583333333336</v>
      </c>
      <c r="Y3784">
        <v>298554.01549999998</v>
      </c>
      <c r="Z3784">
        <v>36965.324330000003</v>
      </c>
      <c r="AA3784">
        <v>101416.2831</v>
      </c>
      <c r="AB3784">
        <v>70711.687479999993</v>
      </c>
      <c r="AC3784">
        <v>52083.821709999997</v>
      </c>
      <c r="AD3784">
        <v>37072.199760000003</v>
      </c>
      <c r="AE3784">
        <v>46166.947220000002</v>
      </c>
      <c r="AF3784">
        <v>66914.955719999998</v>
      </c>
      <c r="AG3784">
        <v>28972.94443</v>
      </c>
      <c r="AH3784">
        <v>366914.28909999999</v>
      </c>
      <c r="AI3784">
        <v>93879.344849999994</v>
      </c>
      <c r="AJ3784">
        <v>27324.726429999999</v>
      </c>
      <c r="AK3784">
        <v>32718.632799999999</v>
      </c>
      <c r="AL3784">
        <v>105197.4258</v>
      </c>
      <c r="AM3784">
        <v>25168.513490000001</v>
      </c>
      <c r="AN3784">
        <v>117139.2913</v>
      </c>
      <c r="AO3784">
        <v>32315.517660000001</v>
      </c>
      <c r="AP3784">
        <v>25298.535039999999</v>
      </c>
    </row>
    <row r="3785" spans="2:42" x14ac:dyDescent="0.3">
      <c r="B3785">
        <v>72.03064319124978</v>
      </c>
      <c r="C3785" s="83">
        <v>43258.625</v>
      </c>
      <c r="D3785">
        <v>298755.41720000003</v>
      </c>
      <c r="E3785">
        <v>37037.287880000003</v>
      </c>
      <c r="F3785">
        <v>102766.90300000001</v>
      </c>
      <c r="G3785">
        <v>67838.271760000003</v>
      </c>
      <c r="H3785">
        <v>51312.0933</v>
      </c>
      <c r="I3785">
        <v>37142.785430000004</v>
      </c>
      <c r="J3785">
        <v>45750.681409999997</v>
      </c>
      <c r="K3785">
        <v>64791.248330000002</v>
      </c>
      <c r="L3785">
        <v>26581.99396</v>
      </c>
      <c r="M3785">
        <v>367245.80989999999</v>
      </c>
      <c r="N3785">
        <v>93295.113029999993</v>
      </c>
      <c r="O3785">
        <v>27163.695950000001</v>
      </c>
      <c r="P3785">
        <v>29835.029330000001</v>
      </c>
      <c r="Q3785">
        <v>105861.87519999999</v>
      </c>
      <c r="R3785">
        <v>24380.806540000001</v>
      </c>
      <c r="S3785">
        <v>115213.3686</v>
      </c>
      <c r="T3785">
        <v>31520.321169999999</v>
      </c>
      <c r="U3785">
        <v>25144.98935</v>
      </c>
      <c r="W3785" s="83">
        <f>Bühler!N3817</f>
        <v>45449.624999990825</v>
      </c>
      <c r="X3785" s="83">
        <v>43258.625</v>
      </c>
      <c r="Y3785">
        <v>298755.41720000003</v>
      </c>
      <c r="Z3785">
        <v>37037.287880000003</v>
      </c>
      <c r="AA3785">
        <v>102766.90300000001</v>
      </c>
      <c r="AB3785">
        <v>67838.271760000003</v>
      </c>
      <c r="AC3785">
        <v>51312.0933</v>
      </c>
      <c r="AD3785">
        <v>37142.785430000004</v>
      </c>
      <c r="AE3785">
        <v>45750.681409999997</v>
      </c>
      <c r="AF3785">
        <v>64791.248330000002</v>
      </c>
      <c r="AG3785">
        <v>26581.99396</v>
      </c>
      <c r="AH3785">
        <v>367245.80989999999</v>
      </c>
      <c r="AI3785">
        <v>93295.113029999993</v>
      </c>
      <c r="AJ3785">
        <v>27163.695950000001</v>
      </c>
      <c r="AK3785">
        <v>29835.029330000001</v>
      </c>
      <c r="AL3785">
        <v>105861.87519999999</v>
      </c>
      <c r="AM3785">
        <v>24380.806540000001</v>
      </c>
      <c r="AN3785">
        <v>115213.3686</v>
      </c>
      <c r="AO3785">
        <v>31520.321169999999</v>
      </c>
      <c r="AP3785">
        <v>25144.98935</v>
      </c>
    </row>
    <row r="3786" spans="2:42" x14ac:dyDescent="0.3">
      <c r="B3786">
        <v>70.86878352548058</v>
      </c>
      <c r="C3786" s="83">
        <v>43258.666666666664</v>
      </c>
      <c r="D3786">
        <v>290765.36499999999</v>
      </c>
      <c r="E3786">
        <v>36651.23818</v>
      </c>
      <c r="F3786">
        <v>102028.7637</v>
      </c>
      <c r="G3786">
        <v>62526.250899999999</v>
      </c>
      <c r="H3786">
        <v>49684.775000000001</v>
      </c>
      <c r="I3786">
        <v>38762.890209999998</v>
      </c>
      <c r="J3786">
        <v>45183.382870000001</v>
      </c>
      <c r="K3786">
        <v>60984.813260000003</v>
      </c>
      <c r="L3786">
        <v>25921.444510000001</v>
      </c>
      <c r="M3786">
        <v>361322.10749999998</v>
      </c>
      <c r="N3786">
        <v>89661.602110000007</v>
      </c>
      <c r="O3786">
        <v>26012.532289999999</v>
      </c>
      <c r="P3786">
        <v>29031.35482</v>
      </c>
      <c r="Q3786">
        <v>104054.2439</v>
      </c>
      <c r="R3786">
        <v>24373.049299999999</v>
      </c>
      <c r="S3786">
        <v>113406.03690000001</v>
      </c>
      <c r="T3786">
        <v>31118.317999999999</v>
      </c>
      <c r="U3786">
        <v>23349.07216</v>
      </c>
      <c r="W3786" s="83">
        <f>Bühler!N3818</f>
        <v>45449.666666657489</v>
      </c>
      <c r="X3786" s="83">
        <v>43258.666666666664</v>
      </c>
      <c r="Y3786">
        <v>290765.36499999999</v>
      </c>
      <c r="Z3786">
        <v>36651.23818</v>
      </c>
      <c r="AA3786">
        <v>102028.7637</v>
      </c>
      <c r="AB3786">
        <v>62526.250899999999</v>
      </c>
      <c r="AC3786">
        <v>49684.775000000001</v>
      </c>
      <c r="AD3786">
        <v>38762.890209999998</v>
      </c>
      <c r="AE3786">
        <v>45183.382870000001</v>
      </c>
      <c r="AF3786">
        <v>60984.813260000003</v>
      </c>
      <c r="AG3786">
        <v>25921.444510000001</v>
      </c>
      <c r="AH3786">
        <v>361322.10749999998</v>
      </c>
      <c r="AI3786">
        <v>89661.602110000007</v>
      </c>
      <c r="AJ3786">
        <v>26012.532289999999</v>
      </c>
      <c r="AK3786">
        <v>29031.35482</v>
      </c>
      <c r="AL3786">
        <v>104054.2439</v>
      </c>
      <c r="AM3786">
        <v>24373.049299999999</v>
      </c>
      <c r="AN3786">
        <v>113406.03690000001</v>
      </c>
      <c r="AO3786">
        <v>31118.317999999999</v>
      </c>
      <c r="AP3786">
        <v>23349.07216</v>
      </c>
    </row>
    <row r="3787" spans="2:42" x14ac:dyDescent="0.3">
      <c r="B3787">
        <v>69.022125811469138</v>
      </c>
      <c r="C3787" s="83">
        <v>43258.708333333336</v>
      </c>
      <c r="D3787">
        <v>282744.37410000002</v>
      </c>
      <c r="E3787">
        <v>34410.054929999998</v>
      </c>
      <c r="F3787">
        <v>101013.69680000001</v>
      </c>
      <c r="G3787">
        <v>55990.74469</v>
      </c>
      <c r="H3787">
        <v>47271.487090000002</v>
      </c>
      <c r="I3787">
        <v>38006.379889999997</v>
      </c>
      <c r="J3787">
        <v>45999.195440000003</v>
      </c>
      <c r="K3787">
        <v>55571.152130000002</v>
      </c>
      <c r="L3787">
        <v>26550.776959999999</v>
      </c>
      <c r="M3787">
        <v>351906.9853</v>
      </c>
      <c r="N3787">
        <v>87504.77953</v>
      </c>
      <c r="O3787">
        <v>25173.210040000002</v>
      </c>
      <c r="P3787">
        <v>31109.07905</v>
      </c>
      <c r="Q3787">
        <v>103088.0766</v>
      </c>
      <c r="R3787">
        <v>25177.60226</v>
      </c>
      <c r="S3787">
        <v>109760.3086</v>
      </c>
      <c r="T3787">
        <v>30939.236400000002</v>
      </c>
      <c r="U3787">
        <v>20478.571779999998</v>
      </c>
      <c r="W3787" s="83">
        <f>Bühler!N3819</f>
        <v>45449.708333324154</v>
      </c>
      <c r="X3787" s="83">
        <v>43258.708333333336</v>
      </c>
      <c r="Y3787">
        <v>282744.37410000002</v>
      </c>
      <c r="Z3787">
        <v>34410.054929999998</v>
      </c>
      <c r="AA3787">
        <v>101013.69680000001</v>
      </c>
      <c r="AB3787">
        <v>55990.74469</v>
      </c>
      <c r="AC3787">
        <v>47271.487090000002</v>
      </c>
      <c r="AD3787">
        <v>38006.379889999997</v>
      </c>
      <c r="AE3787">
        <v>45999.195440000003</v>
      </c>
      <c r="AF3787">
        <v>55571.152130000002</v>
      </c>
      <c r="AG3787">
        <v>26550.776959999999</v>
      </c>
      <c r="AH3787">
        <v>351906.9853</v>
      </c>
      <c r="AI3787">
        <v>87504.77953</v>
      </c>
      <c r="AJ3787">
        <v>25173.210040000002</v>
      </c>
      <c r="AK3787">
        <v>31109.07905</v>
      </c>
      <c r="AL3787">
        <v>103088.0766</v>
      </c>
      <c r="AM3787">
        <v>25177.60226</v>
      </c>
      <c r="AN3787">
        <v>109760.3086</v>
      </c>
      <c r="AO3787">
        <v>30939.236400000002</v>
      </c>
      <c r="AP3787">
        <v>20478.571779999998</v>
      </c>
    </row>
    <row r="3788" spans="2:42" x14ac:dyDescent="0.3">
      <c r="B3788">
        <v>67.394153742359364</v>
      </c>
      <c r="C3788" s="83">
        <v>43258.75</v>
      </c>
      <c r="D3788">
        <v>275194.36489999999</v>
      </c>
      <c r="E3788">
        <v>30805.887019999998</v>
      </c>
      <c r="F3788">
        <v>98133.152749999994</v>
      </c>
      <c r="G3788">
        <v>48920.498820000001</v>
      </c>
      <c r="H3788">
        <v>44654.67553</v>
      </c>
      <c r="I3788">
        <v>36456.905550000003</v>
      </c>
      <c r="J3788">
        <v>45436.381759999997</v>
      </c>
      <c r="K3788">
        <v>53891.252289999997</v>
      </c>
      <c r="L3788">
        <v>28217.279790000001</v>
      </c>
      <c r="M3788">
        <v>343606.82449999999</v>
      </c>
      <c r="N3788">
        <v>85572.094060000003</v>
      </c>
      <c r="O3788">
        <v>24100.83973</v>
      </c>
      <c r="P3788">
        <v>34305.543790000003</v>
      </c>
      <c r="Q3788">
        <v>102102.9106</v>
      </c>
      <c r="R3788">
        <v>22974.277979999999</v>
      </c>
      <c r="S3788">
        <v>103194.22900000001</v>
      </c>
      <c r="T3788">
        <v>30403.1054</v>
      </c>
      <c r="U3788">
        <v>18571.533609999999</v>
      </c>
      <c r="W3788" s="83">
        <f>Bühler!N3820</f>
        <v>45449.749999990818</v>
      </c>
      <c r="X3788" s="83">
        <v>43258.75</v>
      </c>
      <c r="Y3788">
        <v>275194.36489999999</v>
      </c>
      <c r="Z3788">
        <v>30805.887019999998</v>
      </c>
      <c r="AA3788">
        <v>98133.152749999994</v>
      </c>
      <c r="AB3788">
        <v>48920.498820000001</v>
      </c>
      <c r="AC3788">
        <v>44654.67553</v>
      </c>
      <c r="AD3788">
        <v>36456.905550000003</v>
      </c>
      <c r="AE3788">
        <v>45436.381759999997</v>
      </c>
      <c r="AF3788">
        <v>53891.252289999997</v>
      </c>
      <c r="AG3788">
        <v>28217.279790000001</v>
      </c>
      <c r="AH3788">
        <v>343606.82449999999</v>
      </c>
      <c r="AI3788">
        <v>85572.094060000003</v>
      </c>
      <c r="AJ3788">
        <v>24100.83973</v>
      </c>
      <c r="AK3788">
        <v>34305.543790000003</v>
      </c>
      <c r="AL3788">
        <v>102102.9106</v>
      </c>
      <c r="AM3788">
        <v>22974.277979999999</v>
      </c>
      <c r="AN3788">
        <v>103194.22900000001</v>
      </c>
      <c r="AO3788">
        <v>30403.1054</v>
      </c>
      <c r="AP3788">
        <v>18571.533609999999</v>
      </c>
    </row>
    <row r="3789" spans="2:42" x14ac:dyDescent="0.3">
      <c r="B3789">
        <v>66.087993133785915</v>
      </c>
      <c r="C3789" s="83">
        <v>43258.791666666664</v>
      </c>
      <c r="D3789">
        <v>267143.24560000002</v>
      </c>
      <c r="E3789">
        <v>25646.986000000001</v>
      </c>
      <c r="F3789">
        <v>87069.392779999995</v>
      </c>
      <c r="G3789">
        <v>44241.968350000003</v>
      </c>
      <c r="H3789">
        <v>42708.588799999998</v>
      </c>
      <c r="I3789">
        <v>33390.839740000003</v>
      </c>
      <c r="J3789">
        <v>44316.002910000003</v>
      </c>
      <c r="K3789">
        <v>53626.99901</v>
      </c>
      <c r="L3789">
        <v>29291.025689999999</v>
      </c>
      <c r="M3789">
        <v>336947.40860000002</v>
      </c>
      <c r="N3789">
        <v>83568.834480000005</v>
      </c>
      <c r="O3789">
        <v>22737.00045</v>
      </c>
      <c r="P3789">
        <v>36484.980739999999</v>
      </c>
      <c r="Q3789">
        <v>98867.216969999994</v>
      </c>
      <c r="R3789">
        <v>21333.720850000002</v>
      </c>
      <c r="S3789">
        <v>97576.698499999999</v>
      </c>
      <c r="T3789">
        <v>30771.555130000001</v>
      </c>
      <c r="U3789">
        <v>17667.497459999999</v>
      </c>
      <c r="W3789" s="83">
        <f>Bühler!N3821</f>
        <v>45449.791666657482</v>
      </c>
      <c r="X3789" s="83">
        <v>43258.791666666664</v>
      </c>
      <c r="Y3789">
        <v>267143.24560000002</v>
      </c>
      <c r="Z3789">
        <v>25646.986000000001</v>
      </c>
      <c r="AA3789">
        <v>87069.392779999995</v>
      </c>
      <c r="AB3789">
        <v>44241.968350000003</v>
      </c>
      <c r="AC3789">
        <v>42708.588799999998</v>
      </c>
      <c r="AD3789">
        <v>33390.839740000003</v>
      </c>
      <c r="AE3789">
        <v>44316.002910000003</v>
      </c>
      <c r="AF3789">
        <v>53626.99901</v>
      </c>
      <c r="AG3789">
        <v>29291.025689999999</v>
      </c>
      <c r="AH3789">
        <v>336947.40860000002</v>
      </c>
      <c r="AI3789">
        <v>83568.834480000005</v>
      </c>
      <c r="AJ3789">
        <v>22737.00045</v>
      </c>
      <c r="AK3789">
        <v>36484.980739999999</v>
      </c>
      <c r="AL3789">
        <v>98867.216969999994</v>
      </c>
      <c r="AM3789">
        <v>21333.720850000002</v>
      </c>
      <c r="AN3789">
        <v>97576.698499999999</v>
      </c>
      <c r="AO3789">
        <v>30771.555130000001</v>
      </c>
      <c r="AP3789">
        <v>17667.497459999999</v>
      </c>
    </row>
    <row r="3790" spans="2:42" x14ac:dyDescent="0.3">
      <c r="B3790">
        <v>63.978069309933844</v>
      </c>
      <c r="C3790" s="83">
        <v>43258.833333333336</v>
      </c>
      <c r="D3790">
        <v>257932.66029999999</v>
      </c>
      <c r="E3790">
        <v>18776.755290000001</v>
      </c>
      <c r="F3790">
        <v>68890.278399999996</v>
      </c>
      <c r="G3790">
        <v>39078.298219999997</v>
      </c>
      <c r="H3790">
        <v>39755.549319999998</v>
      </c>
      <c r="I3790">
        <v>29224.444060000002</v>
      </c>
      <c r="J3790">
        <v>42814.295460000001</v>
      </c>
      <c r="K3790">
        <v>52407.03673</v>
      </c>
      <c r="L3790">
        <v>28718.829890000001</v>
      </c>
      <c r="M3790">
        <v>326190.033</v>
      </c>
      <c r="N3790">
        <v>81114.237160000004</v>
      </c>
      <c r="O3790">
        <v>20759.449260000001</v>
      </c>
      <c r="P3790">
        <v>35391.403910000001</v>
      </c>
      <c r="Q3790">
        <v>96188.144870000004</v>
      </c>
      <c r="R3790">
        <v>20164.45606</v>
      </c>
      <c r="S3790">
        <v>88707.712199999994</v>
      </c>
      <c r="T3790">
        <v>28858.151760000001</v>
      </c>
      <c r="U3790">
        <v>17293.227579999999</v>
      </c>
      <c r="W3790" s="83">
        <f>Bühler!N3822</f>
        <v>45449.833333324146</v>
      </c>
      <c r="X3790" s="83">
        <v>43258.833333333336</v>
      </c>
      <c r="Y3790">
        <v>257932.66029999999</v>
      </c>
      <c r="Z3790">
        <v>18776.755290000001</v>
      </c>
      <c r="AA3790">
        <v>68890.278399999996</v>
      </c>
      <c r="AB3790">
        <v>39078.298219999997</v>
      </c>
      <c r="AC3790">
        <v>39755.549319999998</v>
      </c>
      <c r="AD3790">
        <v>29224.444060000002</v>
      </c>
      <c r="AE3790">
        <v>42814.295460000001</v>
      </c>
      <c r="AF3790">
        <v>52407.03673</v>
      </c>
      <c r="AG3790">
        <v>28718.829890000001</v>
      </c>
      <c r="AH3790">
        <v>326190.033</v>
      </c>
      <c r="AI3790">
        <v>81114.237160000004</v>
      </c>
      <c r="AJ3790">
        <v>20759.449260000001</v>
      </c>
      <c r="AK3790">
        <v>35391.403910000001</v>
      </c>
      <c r="AL3790">
        <v>96188.144870000004</v>
      </c>
      <c r="AM3790">
        <v>20164.45606</v>
      </c>
      <c r="AN3790">
        <v>88707.712199999994</v>
      </c>
      <c r="AO3790">
        <v>28858.151760000001</v>
      </c>
      <c r="AP3790">
        <v>17293.227579999999</v>
      </c>
    </row>
    <row r="3791" spans="2:42" x14ac:dyDescent="0.3">
      <c r="B3791">
        <v>61.883181340956249</v>
      </c>
      <c r="C3791" s="83">
        <v>43258.875</v>
      </c>
      <c r="D3791">
        <v>249860.95559999999</v>
      </c>
      <c r="E3791">
        <v>15699.368839999999</v>
      </c>
      <c r="F3791">
        <v>60421.676639999998</v>
      </c>
      <c r="G3791">
        <v>37015.594499999999</v>
      </c>
      <c r="H3791">
        <v>37239.622649999998</v>
      </c>
      <c r="I3791">
        <v>25203.289529999998</v>
      </c>
      <c r="J3791">
        <v>42920.027739999998</v>
      </c>
      <c r="K3791">
        <v>52742.24323</v>
      </c>
      <c r="L3791">
        <v>27141.871200000001</v>
      </c>
      <c r="M3791">
        <v>315509.31719999999</v>
      </c>
      <c r="N3791">
        <v>78298.844089999999</v>
      </c>
      <c r="O3791">
        <v>19762.478429999999</v>
      </c>
      <c r="P3791">
        <v>34227.722309999997</v>
      </c>
      <c r="Q3791">
        <v>92971.291519999999</v>
      </c>
      <c r="R3791">
        <v>19491.375909999999</v>
      </c>
      <c r="S3791">
        <v>84174.460600000006</v>
      </c>
      <c r="T3791">
        <v>26948.41358</v>
      </c>
      <c r="U3791">
        <v>16812.777750000001</v>
      </c>
      <c r="W3791" s="83">
        <f>Bühler!N3823</f>
        <v>45449.87499999081</v>
      </c>
      <c r="X3791" s="83">
        <v>43258.875</v>
      </c>
      <c r="Y3791">
        <v>249860.95559999999</v>
      </c>
      <c r="Z3791">
        <v>15699.368839999999</v>
      </c>
      <c r="AA3791">
        <v>60421.676639999998</v>
      </c>
      <c r="AB3791">
        <v>37015.594499999999</v>
      </c>
      <c r="AC3791">
        <v>37239.622649999998</v>
      </c>
      <c r="AD3791">
        <v>25203.289529999998</v>
      </c>
      <c r="AE3791">
        <v>42920.027739999998</v>
      </c>
      <c r="AF3791">
        <v>52742.24323</v>
      </c>
      <c r="AG3791">
        <v>27141.871200000001</v>
      </c>
      <c r="AH3791">
        <v>315509.31719999999</v>
      </c>
      <c r="AI3791">
        <v>78298.844089999999</v>
      </c>
      <c r="AJ3791">
        <v>19762.478429999999</v>
      </c>
      <c r="AK3791">
        <v>34227.722309999997</v>
      </c>
      <c r="AL3791">
        <v>92971.291519999999</v>
      </c>
      <c r="AM3791">
        <v>19491.375909999999</v>
      </c>
      <c r="AN3791">
        <v>84174.460600000006</v>
      </c>
      <c r="AO3791">
        <v>26948.41358</v>
      </c>
      <c r="AP3791">
        <v>16812.777750000001</v>
      </c>
    </row>
    <row r="3792" spans="2:42" x14ac:dyDescent="0.3">
      <c r="B3792">
        <v>61.553296903716856</v>
      </c>
      <c r="C3792" s="83">
        <v>43258.916666666664</v>
      </c>
      <c r="D3792">
        <v>247808.72949999999</v>
      </c>
      <c r="E3792">
        <v>14905.980680000001</v>
      </c>
      <c r="F3792">
        <v>56972.081420000002</v>
      </c>
      <c r="G3792">
        <v>36335.974849999999</v>
      </c>
      <c r="H3792">
        <v>38322.098050000001</v>
      </c>
      <c r="I3792">
        <v>23370.965649999998</v>
      </c>
      <c r="J3792">
        <v>43662.187239999999</v>
      </c>
      <c r="K3792">
        <v>56321.496310000002</v>
      </c>
      <c r="L3792">
        <v>24946.764729999999</v>
      </c>
      <c r="M3792">
        <v>313827.41249999998</v>
      </c>
      <c r="N3792">
        <v>77494.743149999995</v>
      </c>
      <c r="O3792">
        <v>18754.894219999998</v>
      </c>
      <c r="P3792">
        <v>36320.84648</v>
      </c>
      <c r="Q3792">
        <v>91301.380810000002</v>
      </c>
      <c r="R3792">
        <v>20408.619149999999</v>
      </c>
      <c r="S3792">
        <v>83161.814450000005</v>
      </c>
      <c r="T3792">
        <v>23867.886500000001</v>
      </c>
      <c r="U3792">
        <v>17317.041939999999</v>
      </c>
      <c r="W3792" s="83">
        <f>Bühler!N3824</f>
        <v>45449.916666657475</v>
      </c>
      <c r="X3792" s="83">
        <v>43258.916666666664</v>
      </c>
      <c r="Y3792">
        <v>247808.72949999999</v>
      </c>
      <c r="Z3792">
        <v>14905.980680000001</v>
      </c>
      <c r="AA3792">
        <v>56972.081420000002</v>
      </c>
      <c r="AB3792">
        <v>36335.974849999999</v>
      </c>
      <c r="AC3792">
        <v>38322.098050000001</v>
      </c>
      <c r="AD3792">
        <v>23370.965649999998</v>
      </c>
      <c r="AE3792">
        <v>43662.187239999999</v>
      </c>
      <c r="AF3792">
        <v>56321.496310000002</v>
      </c>
      <c r="AG3792">
        <v>24946.764729999999</v>
      </c>
      <c r="AH3792">
        <v>313827.41249999998</v>
      </c>
      <c r="AI3792">
        <v>77494.743149999995</v>
      </c>
      <c r="AJ3792">
        <v>18754.894219999998</v>
      </c>
      <c r="AK3792">
        <v>36320.84648</v>
      </c>
      <c r="AL3792">
        <v>91301.380810000002</v>
      </c>
      <c r="AM3792">
        <v>20408.619149999999</v>
      </c>
      <c r="AN3792">
        <v>83161.814450000005</v>
      </c>
      <c r="AO3792">
        <v>23867.886500000001</v>
      </c>
      <c r="AP3792">
        <v>17317.041939999999</v>
      </c>
    </row>
    <row r="3793" spans="2:42" x14ac:dyDescent="0.3">
      <c r="B3793">
        <v>60.871446741954962</v>
      </c>
      <c r="C3793" s="83">
        <v>43258.958333333336</v>
      </c>
      <c r="D3793">
        <v>246313.53320000001</v>
      </c>
      <c r="E3793">
        <v>14196.136039999999</v>
      </c>
      <c r="F3793">
        <v>55518.625919999999</v>
      </c>
      <c r="G3793">
        <v>35625.845050000004</v>
      </c>
      <c r="H3793">
        <v>37587.778619999997</v>
      </c>
      <c r="I3793">
        <v>22543.956689999999</v>
      </c>
      <c r="J3793">
        <v>39916.575669999998</v>
      </c>
      <c r="K3793">
        <v>54617.535479999999</v>
      </c>
      <c r="L3793">
        <v>21366.38348</v>
      </c>
      <c r="M3793">
        <v>310351.02240000002</v>
      </c>
      <c r="N3793">
        <v>76777.38119</v>
      </c>
      <c r="O3793">
        <v>18536.844669999999</v>
      </c>
      <c r="P3793">
        <v>32922.876400000001</v>
      </c>
      <c r="Q3793">
        <v>90315.484339999995</v>
      </c>
      <c r="R3793">
        <v>20374.563170000001</v>
      </c>
      <c r="S3793">
        <v>80525.884000000005</v>
      </c>
      <c r="T3793">
        <v>21029.66329</v>
      </c>
      <c r="U3793">
        <v>16884.892349999998</v>
      </c>
      <c r="W3793" s="83">
        <f>Bühler!N3825</f>
        <v>45449.958333324139</v>
      </c>
      <c r="X3793" s="83">
        <v>43258.958333333336</v>
      </c>
      <c r="Y3793">
        <v>246313.53320000001</v>
      </c>
      <c r="Z3793">
        <v>14196.136039999999</v>
      </c>
      <c r="AA3793">
        <v>55518.625919999999</v>
      </c>
      <c r="AB3793">
        <v>35625.845050000004</v>
      </c>
      <c r="AC3793">
        <v>37587.778619999997</v>
      </c>
      <c r="AD3793">
        <v>22543.956689999999</v>
      </c>
      <c r="AE3793">
        <v>39916.575669999998</v>
      </c>
      <c r="AF3793">
        <v>54617.535479999999</v>
      </c>
      <c r="AG3793">
        <v>21366.38348</v>
      </c>
      <c r="AH3793">
        <v>310351.02240000002</v>
      </c>
      <c r="AI3793">
        <v>76777.38119</v>
      </c>
      <c r="AJ3793">
        <v>18536.844669999999</v>
      </c>
      <c r="AK3793">
        <v>32922.876400000001</v>
      </c>
      <c r="AL3793">
        <v>90315.484339999995</v>
      </c>
      <c r="AM3793">
        <v>20374.563170000001</v>
      </c>
      <c r="AN3793">
        <v>80525.884000000005</v>
      </c>
      <c r="AO3793">
        <v>21029.66329</v>
      </c>
      <c r="AP3793">
        <v>16884.892349999998</v>
      </c>
    </row>
    <row r="3794" spans="2:42" x14ac:dyDescent="0.3">
      <c r="B3794">
        <v>60.353863429050755</v>
      </c>
      <c r="C3794" s="83">
        <v>43259</v>
      </c>
      <c r="D3794">
        <v>245256.09640000001</v>
      </c>
      <c r="E3794">
        <v>13680.67352</v>
      </c>
      <c r="F3794">
        <v>53996.275199999996</v>
      </c>
      <c r="G3794">
        <v>34456.589489999998</v>
      </c>
      <c r="H3794">
        <v>36123.054170000003</v>
      </c>
      <c r="I3794">
        <v>20751.785670000001</v>
      </c>
      <c r="J3794">
        <v>36209.43576</v>
      </c>
      <c r="K3794">
        <v>51709.001329999999</v>
      </c>
      <c r="L3794">
        <v>19056.637610000002</v>
      </c>
      <c r="M3794">
        <v>307712.14130000002</v>
      </c>
      <c r="N3794">
        <v>75162.310880000005</v>
      </c>
      <c r="O3794">
        <v>19225.840080000002</v>
      </c>
      <c r="P3794">
        <v>30209.34417</v>
      </c>
      <c r="Q3794">
        <v>88996.326809999999</v>
      </c>
      <c r="R3794">
        <v>16710.551309999999</v>
      </c>
      <c r="S3794">
        <v>78478.085860000007</v>
      </c>
      <c r="T3794">
        <v>19580.394069999998</v>
      </c>
      <c r="U3794">
        <v>16198.404759999999</v>
      </c>
      <c r="W3794" s="83">
        <f>Bühler!N3826</f>
        <v>45449.999999990803</v>
      </c>
      <c r="X3794" s="83">
        <v>43259</v>
      </c>
      <c r="Y3794">
        <v>245256.09640000001</v>
      </c>
      <c r="Z3794">
        <v>13680.67352</v>
      </c>
      <c r="AA3794">
        <v>53996.275199999996</v>
      </c>
      <c r="AB3794">
        <v>34456.589489999998</v>
      </c>
      <c r="AC3794">
        <v>36123.054170000003</v>
      </c>
      <c r="AD3794">
        <v>20751.785670000001</v>
      </c>
      <c r="AE3794">
        <v>36209.43576</v>
      </c>
      <c r="AF3794">
        <v>51709.001329999999</v>
      </c>
      <c r="AG3794">
        <v>19056.637610000002</v>
      </c>
      <c r="AH3794">
        <v>307712.14130000002</v>
      </c>
      <c r="AI3794">
        <v>75162.310880000005</v>
      </c>
      <c r="AJ3794">
        <v>19225.840080000002</v>
      </c>
      <c r="AK3794">
        <v>30209.34417</v>
      </c>
      <c r="AL3794">
        <v>88996.326809999999</v>
      </c>
      <c r="AM3794">
        <v>16710.551309999999</v>
      </c>
      <c r="AN3794">
        <v>78478.085860000007</v>
      </c>
      <c r="AO3794">
        <v>19580.394069999998</v>
      </c>
      <c r="AP3794">
        <v>16198.404759999999</v>
      </c>
    </row>
    <row r="3795" spans="2:42" x14ac:dyDescent="0.3">
      <c r="B3795">
        <v>59.231905566364155</v>
      </c>
      <c r="C3795" s="83">
        <v>43259.041666666664</v>
      </c>
      <c r="D3795">
        <v>242420.4369</v>
      </c>
      <c r="E3795">
        <v>13372.96183</v>
      </c>
      <c r="F3795">
        <v>53307.423439999999</v>
      </c>
      <c r="G3795">
        <v>33518.89185</v>
      </c>
      <c r="H3795">
        <v>35427.356599999999</v>
      </c>
      <c r="I3795">
        <v>17196.619340000001</v>
      </c>
      <c r="J3795">
        <v>34637.13132</v>
      </c>
      <c r="K3795">
        <v>50036.477200000001</v>
      </c>
      <c r="L3795">
        <v>17677.828259999998</v>
      </c>
      <c r="M3795">
        <v>301991.87689999997</v>
      </c>
      <c r="N3795">
        <v>73877.230939999994</v>
      </c>
      <c r="O3795">
        <v>18336.397280000001</v>
      </c>
      <c r="P3795">
        <v>27502.788560000001</v>
      </c>
      <c r="Q3795">
        <v>89654.859349999999</v>
      </c>
      <c r="R3795">
        <v>14472.88053</v>
      </c>
      <c r="S3795">
        <v>76659.234410000005</v>
      </c>
      <c r="T3795">
        <v>19015.517940000002</v>
      </c>
      <c r="U3795">
        <v>16092.934509999999</v>
      </c>
      <c r="W3795" s="83">
        <f>Bühler!N3827</f>
        <v>45450.041666657467</v>
      </c>
      <c r="X3795" s="83">
        <v>43259.041666666664</v>
      </c>
      <c r="Y3795">
        <v>242420.4369</v>
      </c>
      <c r="Z3795">
        <v>13372.96183</v>
      </c>
      <c r="AA3795">
        <v>53307.423439999999</v>
      </c>
      <c r="AB3795">
        <v>33518.89185</v>
      </c>
      <c r="AC3795">
        <v>35427.356599999999</v>
      </c>
      <c r="AD3795">
        <v>17196.619340000001</v>
      </c>
      <c r="AE3795">
        <v>34637.13132</v>
      </c>
      <c r="AF3795">
        <v>50036.477200000001</v>
      </c>
      <c r="AG3795">
        <v>17677.828259999998</v>
      </c>
      <c r="AH3795">
        <v>301991.87689999997</v>
      </c>
      <c r="AI3795">
        <v>73877.230939999994</v>
      </c>
      <c r="AJ3795">
        <v>18336.397280000001</v>
      </c>
      <c r="AK3795">
        <v>27502.788560000001</v>
      </c>
      <c r="AL3795">
        <v>89654.859349999999</v>
      </c>
      <c r="AM3795">
        <v>14472.88053</v>
      </c>
      <c r="AN3795">
        <v>76659.234410000005</v>
      </c>
      <c r="AO3795">
        <v>19015.517940000002</v>
      </c>
      <c r="AP3795">
        <v>16092.934509999999</v>
      </c>
    </row>
    <row r="3796" spans="2:42" x14ac:dyDescent="0.3">
      <c r="B3796">
        <v>59.374900861635709</v>
      </c>
      <c r="C3796" s="83">
        <v>43259.083333333336</v>
      </c>
      <c r="D3796">
        <v>242081.06649999999</v>
      </c>
      <c r="E3796">
        <v>13153.58137</v>
      </c>
      <c r="F3796">
        <v>54064.699430000001</v>
      </c>
      <c r="G3796">
        <v>32750.32461</v>
      </c>
      <c r="H3796">
        <v>34724.745909999998</v>
      </c>
      <c r="I3796">
        <v>15041.747090000001</v>
      </c>
      <c r="J3796">
        <v>34245.381959999999</v>
      </c>
      <c r="K3796">
        <v>48185.669970000003</v>
      </c>
      <c r="L3796">
        <v>17455.99094</v>
      </c>
      <c r="M3796">
        <v>302720.93359999999</v>
      </c>
      <c r="N3796">
        <v>72301.421650000004</v>
      </c>
      <c r="O3796">
        <v>17963.541089999999</v>
      </c>
      <c r="P3796">
        <v>25454.483459999999</v>
      </c>
      <c r="Q3796">
        <v>91587.250039999999</v>
      </c>
      <c r="R3796">
        <v>15040.93549</v>
      </c>
      <c r="S3796">
        <v>75084.802070000005</v>
      </c>
      <c r="T3796">
        <v>18677.603879999999</v>
      </c>
      <c r="U3796">
        <v>15957.927540000001</v>
      </c>
      <c r="W3796" s="83">
        <f>Bühler!N3828</f>
        <v>45450.083333324132</v>
      </c>
      <c r="X3796" s="83">
        <v>43259.083333333336</v>
      </c>
      <c r="Y3796">
        <v>242081.06649999999</v>
      </c>
      <c r="Z3796">
        <v>13153.58137</v>
      </c>
      <c r="AA3796">
        <v>54064.699430000001</v>
      </c>
      <c r="AB3796">
        <v>32750.32461</v>
      </c>
      <c r="AC3796">
        <v>34724.745909999998</v>
      </c>
      <c r="AD3796">
        <v>15041.747090000001</v>
      </c>
      <c r="AE3796">
        <v>34245.381959999999</v>
      </c>
      <c r="AF3796">
        <v>48185.669970000003</v>
      </c>
      <c r="AG3796">
        <v>17455.99094</v>
      </c>
      <c r="AH3796">
        <v>302720.93359999999</v>
      </c>
      <c r="AI3796">
        <v>72301.421650000004</v>
      </c>
      <c r="AJ3796">
        <v>17963.541089999999</v>
      </c>
      <c r="AK3796">
        <v>25454.483459999999</v>
      </c>
      <c r="AL3796">
        <v>91587.250039999999</v>
      </c>
      <c r="AM3796">
        <v>15040.93549</v>
      </c>
      <c r="AN3796">
        <v>75084.802070000005</v>
      </c>
      <c r="AO3796">
        <v>18677.603879999999</v>
      </c>
      <c r="AP3796">
        <v>15957.927540000001</v>
      </c>
    </row>
    <row r="3797" spans="2:42" x14ac:dyDescent="0.3">
      <c r="B3797">
        <v>60.156906494818081</v>
      </c>
      <c r="C3797" s="83">
        <v>43259.125</v>
      </c>
      <c r="D3797">
        <v>242681.4075</v>
      </c>
      <c r="E3797">
        <v>13111.31316</v>
      </c>
      <c r="F3797">
        <v>54986.903789999997</v>
      </c>
      <c r="G3797">
        <v>32081.319500000001</v>
      </c>
      <c r="H3797">
        <v>34685.399810000003</v>
      </c>
      <c r="I3797">
        <v>14855.672860000001</v>
      </c>
      <c r="J3797">
        <v>34249.704890000001</v>
      </c>
      <c r="K3797">
        <v>47602.36823</v>
      </c>
      <c r="L3797">
        <v>17113.854650000001</v>
      </c>
      <c r="M3797">
        <v>306707.96299999999</v>
      </c>
      <c r="N3797">
        <v>70785.291119999994</v>
      </c>
      <c r="O3797">
        <v>17997.995159999999</v>
      </c>
      <c r="P3797">
        <v>24394.39573</v>
      </c>
      <c r="Q3797">
        <v>93928.948730000004</v>
      </c>
      <c r="R3797">
        <v>14658.31711</v>
      </c>
      <c r="S3797">
        <v>73825.75245</v>
      </c>
      <c r="T3797">
        <v>18080.724010000002</v>
      </c>
      <c r="U3797">
        <v>15768.94311</v>
      </c>
      <c r="W3797" s="83">
        <f>Bühler!N3829</f>
        <v>45450.124999990796</v>
      </c>
      <c r="X3797" s="83">
        <v>43259.125</v>
      </c>
      <c r="Y3797">
        <v>242681.4075</v>
      </c>
      <c r="Z3797">
        <v>13111.31316</v>
      </c>
      <c r="AA3797">
        <v>54986.903789999997</v>
      </c>
      <c r="AB3797">
        <v>32081.319500000001</v>
      </c>
      <c r="AC3797">
        <v>34685.399810000003</v>
      </c>
      <c r="AD3797">
        <v>14855.672860000001</v>
      </c>
      <c r="AE3797">
        <v>34249.704890000001</v>
      </c>
      <c r="AF3797">
        <v>47602.36823</v>
      </c>
      <c r="AG3797">
        <v>17113.854650000001</v>
      </c>
      <c r="AH3797">
        <v>306707.96299999999</v>
      </c>
      <c r="AI3797">
        <v>70785.291119999994</v>
      </c>
      <c r="AJ3797">
        <v>17997.995159999999</v>
      </c>
      <c r="AK3797">
        <v>24394.39573</v>
      </c>
      <c r="AL3797">
        <v>93928.948730000004</v>
      </c>
      <c r="AM3797">
        <v>14658.31711</v>
      </c>
      <c r="AN3797">
        <v>73825.75245</v>
      </c>
      <c r="AO3797">
        <v>18080.724010000002</v>
      </c>
      <c r="AP3797">
        <v>15768.94311</v>
      </c>
    </row>
    <row r="3798" spans="2:42" x14ac:dyDescent="0.3">
      <c r="B3798">
        <v>61.327410485575236</v>
      </c>
      <c r="C3798" s="83">
        <v>43259.166666666664</v>
      </c>
      <c r="D3798">
        <v>242649.5814</v>
      </c>
      <c r="E3798">
        <v>13586.650009999999</v>
      </c>
      <c r="F3798">
        <v>58333.694530000001</v>
      </c>
      <c r="G3798">
        <v>31026.442019999999</v>
      </c>
      <c r="H3798">
        <v>34851.20018</v>
      </c>
      <c r="I3798">
        <v>16051.95714</v>
      </c>
      <c r="J3798">
        <v>36572.64488</v>
      </c>
      <c r="K3798">
        <v>46988.896890000004</v>
      </c>
      <c r="L3798">
        <v>16637.416929999999</v>
      </c>
      <c r="M3798">
        <v>312675.73820000002</v>
      </c>
      <c r="N3798">
        <v>71107.631550000006</v>
      </c>
      <c r="O3798">
        <v>18170.090680000001</v>
      </c>
      <c r="P3798">
        <v>24129.057700000001</v>
      </c>
      <c r="Q3798">
        <v>98619.165280000001</v>
      </c>
      <c r="R3798">
        <v>14480.88941</v>
      </c>
      <c r="S3798">
        <v>74065.717910000007</v>
      </c>
      <c r="T3798">
        <v>18162.272519999999</v>
      </c>
      <c r="U3798">
        <v>15882.831050000001</v>
      </c>
      <c r="W3798" s="83">
        <f>Bühler!N3830</f>
        <v>45450.16666665746</v>
      </c>
      <c r="X3798" s="83">
        <v>43259.166666666664</v>
      </c>
      <c r="Y3798">
        <v>242649.5814</v>
      </c>
      <c r="Z3798">
        <v>13586.650009999999</v>
      </c>
      <c r="AA3798">
        <v>58333.694530000001</v>
      </c>
      <c r="AB3798">
        <v>31026.442019999999</v>
      </c>
      <c r="AC3798">
        <v>34851.20018</v>
      </c>
      <c r="AD3798">
        <v>16051.95714</v>
      </c>
      <c r="AE3798">
        <v>36572.64488</v>
      </c>
      <c r="AF3798">
        <v>46988.896890000004</v>
      </c>
      <c r="AG3798">
        <v>16637.416929999999</v>
      </c>
      <c r="AH3798">
        <v>312675.73820000002</v>
      </c>
      <c r="AI3798">
        <v>71107.631550000006</v>
      </c>
      <c r="AJ3798">
        <v>18170.090680000001</v>
      </c>
      <c r="AK3798">
        <v>24129.057700000001</v>
      </c>
      <c r="AL3798">
        <v>98619.165280000001</v>
      </c>
      <c r="AM3798">
        <v>14480.88941</v>
      </c>
      <c r="AN3798">
        <v>74065.717910000007</v>
      </c>
      <c r="AO3798">
        <v>18162.272519999999</v>
      </c>
      <c r="AP3798">
        <v>15882.831050000001</v>
      </c>
    </row>
    <row r="3799" spans="2:42" x14ac:dyDescent="0.3">
      <c r="B3799">
        <v>64.019580302809956</v>
      </c>
      <c r="C3799" s="83">
        <v>43259.208333333336</v>
      </c>
      <c r="D3799">
        <v>255880.45360000001</v>
      </c>
      <c r="E3799">
        <v>15174.32387</v>
      </c>
      <c r="F3799">
        <v>68053.493470000001</v>
      </c>
      <c r="G3799">
        <v>32846.188880000002</v>
      </c>
      <c r="H3799">
        <v>36472.783490000002</v>
      </c>
      <c r="I3799">
        <v>21958.957539999999</v>
      </c>
      <c r="J3799">
        <v>39144.268450000003</v>
      </c>
      <c r="K3799">
        <v>48308.569029999999</v>
      </c>
      <c r="L3799">
        <v>17635.695449999999</v>
      </c>
      <c r="M3799">
        <v>326401.67540000001</v>
      </c>
      <c r="N3799">
        <v>71186.929480000006</v>
      </c>
      <c r="O3799">
        <v>18326.310219999999</v>
      </c>
      <c r="P3799">
        <v>25901.872960000001</v>
      </c>
      <c r="Q3799">
        <v>100417.2755</v>
      </c>
      <c r="R3799">
        <v>16789.88262</v>
      </c>
      <c r="S3799">
        <v>75964.223580000005</v>
      </c>
      <c r="T3799">
        <v>19573.891599999999</v>
      </c>
      <c r="U3799">
        <v>17255.87098</v>
      </c>
      <c r="W3799" s="83">
        <f>Bühler!N3831</f>
        <v>45450.208333324124</v>
      </c>
      <c r="X3799" s="83">
        <v>43259.208333333336</v>
      </c>
      <c r="Y3799">
        <v>255880.45360000001</v>
      </c>
      <c r="Z3799">
        <v>15174.32387</v>
      </c>
      <c r="AA3799">
        <v>68053.493470000001</v>
      </c>
      <c r="AB3799">
        <v>32846.188880000002</v>
      </c>
      <c r="AC3799">
        <v>36472.783490000002</v>
      </c>
      <c r="AD3799">
        <v>21958.957539999999</v>
      </c>
      <c r="AE3799">
        <v>39144.268450000003</v>
      </c>
      <c r="AF3799">
        <v>48308.569029999999</v>
      </c>
      <c r="AG3799">
        <v>17635.695449999999</v>
      </c>
      <c r="AH3799">
        <v>326401.67540000001</v>
      </c>
      <c r="AI3799">
        <v>71186.929480000006</v>
      </c>
      <c r="AJ3799">
        <v>18326.310219999999</v>
      </c>
      <c r="AK3799">
        <v>25901.872960000001</v>
      </c>
      <c r="AL3799">
        <v>100417.2755</v>
      </c>
      <c r="AM3799">
        <v>16789.88262</v>
      </c>
      <c r="AN3799">
        <v>75964.223580000005</v>
      </c>
      <c r="AO3799">
        <v>19573.891599999999</v>
      </c>
      <c r="AP3799">
        <v>17255.87098</v>
      </c>
    </row>
    <row r="3800" spans="2:42" x14ac:dyDescent="0.3">
      <c r="B3800">
        <v>67.183613350797572</v>
      </c>
      <c r="C3800" s="83">
        <v>43259.25</v>
      </c>
      <c r="D3800">
        <v>269058.8003</v>
      </c>
      <c r="E3800">
        <v>19072.51902</v>
      </c>
      <c r="F3800">
        <v>79028.823080000002</v>
      </c>
      <c r="G3800">
        <v>43176.386339999997</v>
      </c>
      <c r="H3800">
        <v>38316.242330000001</v>
      </c>
      <c r="I3800">
        <v>28274.44916</v>
      </c>
      <c r="J3800">
        <v>41177.640800000001</v>
      </c>
      <c r="K3800">
        <v>49924.085249999996</v>
      </c>
      <c r="L3800">
        <v>18454.16791</v>
      </c>
      <c r="M3800">
        <v>342533.39140000002</v>
      </c>
      <c r="N3800">
        <v>73237.546860000002</v>
      </c>
      <c r="O3800">
        <v>20272.61319</v>
      </c>
      <c r="P3800">
        <v>25489.691459999998</v>
      </c>
      <c r="Q3800">
        <v>100734.4972</v>
      </c>
      <c r="R3800">
        <v>16074.912969999999</v>
      </c>
      <c r="S3800">
        <v>83326.715219999998</v>
      </c>
      <c r="T3800">
        <v>21619.897489999999</v>
      </c>
      <c r="U3800">
        <v>18996.005730000001</v>
      </c>
      <c r="W3800" s="83">
        <f>Bühler!N3832</f>
        <v>45450.249999990789</v>
      </c>
      <c r="X3800" s="83">
        <v>43259.25</v>
      </c>
      <c r="Y3800">
        <v>269058.8003</v>
      </c>
      <c r="Z3800">
        <v>19072.51902</v>
      </c>
      <c r="AA3800">
        <v>79028.823080000002</v>
      </c>
      <c r="AB3800">
        <v>43176.386339999997</v>
      </c>
      <c r="AC3800">
        <v>38316.242330000001</v>
      </c>
      <c r="AD3800">
        <v>28274.44916</v>
      </c>
      <c r="AE3800">
        <v>41177.640800000001</v>
      </c>
      <c r="AF3800">
        <v>49924.085249999996</v>
      </c>
      <c r="AG3800">
        <v>18454.16791</v>
      </c>
      <c r="AH3800">
        <v>342533.39140000002</v>
      </c>
      <c r="AI3800">
        <v>73237.546860000002</v>
      </c>
      <c r="AJ3800">
        <v>20272.61319</v>
      </c>
      <c r="AK3800">
        <v>25489.691459999998</v>
      </c>
      <c r="AL3800">
        <v>100734.4972</v>
      </c>
      <c r="AM3800">
        <v>16074.912969999999</v>
      </c>
      <c r="AN3800">
        <v>83326.715219999998</v>
      </c>
      <c r="AO3800">
        <v>21619.897489999999</v>
      </c>
      <c r="AP3800">
        <v>18996.005730000001</v>
      </c>
    </row>
    <row r="3801" spans="2:42" x14ac:dyDescent="0.3">
      <c r="B3801">
        <v>68.754762606816286</v>
      </c>
      <c r="C3801" s="83">
        <v>43259.291666666664</v>
      </c>
      <c r="D3801">
        <v>280960.3982</v>
      </c>
      <c r="E3801">
        <v>23541.682820000002</v>
      </c>
      <c r="F3801">
        <v>84479.231809999997</v>
      </c>
      <c r="G3801">
        <v>53689.774619999997</v>
      </c>
      <c r="H3801">
        <v>43376.939960000003</v>
      </c>
      <c r="I3801">
        <v>35778.293010000001</v>
      </c>
      <c r="J3801">
        <v>43605.722040000001</v>
      </c>
      <c r="K3801">
        <v>54943.2765</v>
      </c>
      <c r="L3801">
        <v>21030.725450000002</v>
      </c>
      <c r="M3801">
        <v>350543.84299999999</v>
      </c>
      <c r="N3801">
        <v>77471.67727</v>
      </c>
      <c r="O3801">
        <v>22970.06727</v>
      </c>
      <c r="P3801">
        <v>29412.207429999999</v>
      </c>
      <c r="Q3801">
        <v>101868.7409</v>
      </c>
      <c r="R3801">
        <v>17055.536639999998</v>
      </c>
      <c r="S3801">
        <v>97083.185429999998</v>
      </c>
      <c r="T3801">
        <v>25060.87731</v>
      </c>
      <c r="U3801">
        <v>22981.799790000001</v>
      </c>
      <c r="W3801" s="83">
        <f>Bühler!N3833</f>
        <v>45450.291666657453</v>
      </c>
      <c r="X3801" s="83">
        <v>43259.291666666664</v>
      </c>
      <c r="Y3801">
        <v>280960.3982</v>
      </c>
      <c r="Z3801">
        <v>23541.682820000002</v>
      </c>
      <c r="AA3801">
        <v>84479.231809999997</v>
      </c>
      <c r="AB3801">
        <v>53689.774619999997</v>
      </c>
      <c r="AC3801">
        <v>43376.939960000003</v>
      </c>
      <c r="AD3801">
        <v>35778.293010000001</v>
      </c>
      <c r="AE3801">
        <v>43605.722040000001</v>
      </c>
      <c r="AF3801">
        <v>54943.2765</v>
      </c>
      <c r="AG3801">
        <v>21030.725450000002</v>
      </c>
      <c r="AH3801">
        <v>350543.84299999999</v>
      </c>
      <c r="AI3801">
        <v>77471.67727</v>
      </c>
      <c r="AJ3801">
        <v>22970.06727</v>
      </c>
      <c r="AK3801">
        <v>29412.207429999999</v>
      </c>
      <c r="AL3801">
        <v>101868.7409</v>
      </c>
      <c r="AM3801">
        <v>17055.536639999998</v>
      </c>
      <c r="AN3801">
        <v>97083.185429999998</v>
      </c>
      <c r="AO3801">
        <v>25060.87731</v>
      </c>
      <c r="AP3801">
        <v>22981.799790000001</v>
      </c>
    </row>
    <row r="3802" spans="2:42" x14ac:dyDescent="0.3">
      <c r="B3802">
        <v>70.135450646682784</v>
      </c>
      <c r="C3802" s="83">
        <v>43259.333333333336</v>
      </c>
      <c r="D3802">
        <v>292475.59039999999</v>
      </c>
      <c r="E3802">
        <v>29696.563460000001</v>
      </c>
      <c r="F3802">
        <v>92550.479819999993</v>
      </c>
      <c r="G3802">
        <v>65473.980300000003</v>
      </c>
      <c r="H3802">
        <v>49829.256589999997</v>
      </c>
      <c r="I3802">
        <v>39448.858480000003</v>
      </c>
      <c r="J3802">
        <v>46836.382989999998</v>
      </c>
      <c r="K3802">
        <v>62341.9732</v>
      </c>
      <c r="L3802">
        <v>25125.860570000001</v>
      </c>
      <c r="M3802">
        <v>357583.23450000002</v>
      </c>
      <c r="N3802">
        <v>84559.143070000006</v>
      </c>
      <c r="O3802">
        <v>24667.94353</v>
      </c>
      <c r="P3802">
        <v>32301.519639999999</v>
      </c>
      <c r="Q3802">
        <v>102786.9074</v>
      </c>
      <c r="R3802">
        <v>21248.18635</v>
      </c>
      <c r="S3802">
        <v>111234.12639999999</v>
      </c>
      <c r="T3802">
        <v>28485.770240000002</v>
      </c>
      <c r="U3802">
        <v>26947.761709999999</v>
      </c>
      <c r="W3802" s="83">
        <f>Bühler!N3834</f>
        <v>45450.333333324117</v>
      </c>
      <c r="X3802" s="83">
        <v>43259.333333333336</v>
      </c>
      <c r="Y3802">
        <v>292475.59039999999</v>
      </c>
      <c r="Z3802">
        <v>29696.563460000001</v>
      </c>
      <c r="AA3802">
        <v>92550.479819999993</v>
      </c>
      <c r="AB3802">
        <v>65473.980300000003</v>
      </c>
      <c r="AC3802">
        <v>49829.256589999997</v>
      </c>
      <c r="AD3802">
        <v>39448.858480000003</v>
      </c>
      <c r="AE3802">
        <v>46836.382989999998</v>
      </c>
      <c r="AF3802">
        <v>62341.9732</v>
      </c>
      <c r="AG3802">
        <v>25125.860570000001</v>
      </c>
      <c r="AH3802">
        <v>357583.23450000002</v>
      </c>
      <c r="AI3802">
        <v>84559.143070000006</v>
      </c>
      <c r="AJ3802">
        <v>24667.94353</v>
      </c>
      <c r="AK3802">
        <v>32301.519639999999</v>
      </c>
      <c r="AL3802">
        <v>102786.9074</v>
      </c>
      <c r="AM3802">
        <v>21248.18635</v>
      </c>
      <c r="AN3802">
        <v>111234.12639999999</v>
      </c>
      <c r="AO3802">
        <v>28485.770240000002</v>
      </c>
      <c r="AP3802">
        <v>26947.761709999999</v>
      </c>
    </row>
    <row r="3803" spans="2:42" x14ac:dyDescent="0.3">
      <c r="B3803">
        <v>70.334549891811974</v>
      </c>
      <c r="C3803" s="83">
        <v>43259.375</v>
      </c>
      <c r="D3803">
        <v>297133.80780000001</v>
      </c>
      <c r="E3803">
        <v>34458.241009999998</v>
      </c>
      <c r="F3803">
        <v>101586.1961</v>
      </c>
      <c r="G3803">
        <v>75303.624979999993</v>
      </c>
      <c r="H3803">
        <v>53238.117709999999</v>
      </c>
      <c r="I3803">
        <v>39245.381269999998</v>
      </c>
      <c r="J3803">
        <v>49158.47092</v>
      </c>
      <c r="K3803">
        <v>65778.282389999993</v>
      </c>
      <c r="L3803">
        <v>28331.182720000001</v>
      </c>
      <c r="M3803">
        <v>358598.33529999998</v>
      </c>
      <c r="N3803">
        <v>88837.620299999995</v>
      </c>
      <c r="O3803">
        <v>27217.905409999999</v>
      </c>
      <c r="P3803">
        <v>35019.598539999999</v>
      </c>
      <c r="Q3803">
        <v>104966.9256</v>
      </c>
      <c r="R3803">
        <v>24505.46182</v>
      </c>
      <c r="S3803">
        <v>120114.27</v>
      </c>
      <c r="T3803">
        <v>31857.202020000001</v>
      </c>
      <c r="U3803">
        <v>27673.814180000001</v>
      </c>
      <c r="W3803" s="83">
        <f>Bühler!N3835</f>
        <v>45450.374999990781</v>
      </c>
      <c r="X3803" s="83">
        <v>43259.375</v>
      </c>
      <c r="Y3803">
        <v>297133.80780000001</v>
      </c>
      <c r="Z3803">
        <v>34458.241009999998</v>
      </c>
      <c r="AA3803">
        <v>101586.1961</v>
      </c>
      <c r="AB3803">
        <v>75303.624979999993</v>
      </c>
      <c r="AC3803">
        <v>53238.117709999999</v>
      </c>
      <c r="AD3803">
        <v>39245.381269999998</v>
      </c>
      <c r="AE3803">
        <v>49158.47092</v>
      </c>
      <c r="AF3803">
        <v>65778.282389999993</v>
      </c>
      <c r="AG3803">
        <v>28331.182720000001</v>
      </c>
      <c r="AH3803">
        <v>358598.33529999998</v>
      </c>
      <c r="AI3803">
        <v>88837.620299999995</v>
      </c>
      <c r="AJ3803">
        <v>27217.905409999999</v>
      </c>
      <c r="AK3803">
        <v>35019.598539999999</v>
      </c>
      <c r="AL3803">
        <v>104966.9256</v>
      </c>
      <c r="AM3803">
        <v>24505.46182</v>
      </c>
      <c r="AN3803">
        <v>120114.27</v>
      </c>
      <c r="AO3803">
        <v>31857.202020000001</v>
      </c>
      <c r="AP3803">
        <v>27673.814180000001</v>
      </c>
    </row>
    <row r="3804" spans="2:42" x14ac:dyDescent="0.3">
      <c r="B3804">
        <v>70.763992895482019</v>
      </c>
      <c r="C3804" s="83">
        <v>43259.416666666664</v>
      </c>
      <c r="D3804">
        <v>301018.76280000003</v>
      </c>
      <c r="E3804">
        <v>37081.136250000003</v>
      </c>
      <c r="F3804">
        <v>102942.0534</v>
      </c>
      <c r="G3804">
        <v>78712.404079999993</v>
      </c>
      <c r="H3804">
        <v>54331.920429999998</v>
      </c>
      <c r="I3804">
        <v>37626.94472</v>
      </c>
      <c r="J3804">
        <v>49737.953950000003</v>
      </c>
      <c r="K3804">
        <v>66315.838189999995</v>
      </c>
      <c r="L3804">
        <v>31978.256300000001</v>
      </c>
      <c r="M3804">
        <v>360787.83600000001</v>
      </c>
      <c r="N3804">
        <v>94916.841530000005</v>
      </c>
      <c r="O3804">
        <v>28592.30963</v>
      </c>
      <c r="P3804">
        <v>36465.116889999998</v>
      </c>
      <c r="Q3804">
        <v>106473.11719999999</v>
      </c>
      <c r="R3804">
        <v>26192.56092</v>
      </c>
      <c r="S3804">
        <v>123603.0717</v>
      </c>
      <c r="T3804">
        <v>34068.825770000003</v>
      </c>
      <c r="U3804">
        <v>27995.961230000001</v>
      </c>
      <c r="W3804" s="83">
        <f>Bühler!N3836</f>
        <v>45450.416666657446</v>
      </c>
      <c r="X3804" s="83">
        <v>43259.416666666664</v>
      </c>
      <c r="Y3804">
        <v>301018.76280000003</v>
      </c>
      <c r="Z3804">
        <v>37081.136250000003</v>
      </c>
      <c r="AA3804">
        <v>102942.0534</v>
      </c>
      <c r="AB3804">
        <v>78712.404079999993</v>
      </c>
      <c r="AC3804">
        <v>54331.920429999998</v>
      </c>
      <c r="AD3804">
        <v>37626.94472</v>
      </c>
      <c r="AE3804">
        <v>49737.953950000003</v>
      </c>
      <c r="AF3804">
        <v>66315.838189999995</v>
      </c>
      <c r="AG3804">
        <v>31978.256300000001</v>
      </c>
      <c r="AH3804">
        <v>360787.83600000001</v>
      </c>
      <c r="AI3804">
        <v>94916.841530000005</v>
      </c>
      <c r="AJ3804">
        <v>28592.30963</v>
      </c>
      <c r="AK3804">
        <v>36465.116889999998</v>
      </c>
      <c r="AL3804">
        <v>106473.11719999999</v>
      </c>
      <c r="AM3804">
        <v>26192.56092</v>
      </c>
      <c r="AN3804">
        <v>123603.0717</v>
      </c>
      <c r="AO3804">
        <v>34068.825770000003</v>
      </c>
      <c r="AP3804">
        <v>27995.961230000001</v>
      </c>
    </row>
    <row r="3805" spans="2:42" x14ac:dyDescent="0.3">
      <c r="B3805">
        <v>71.474377951904842</v>
      </c>
      <c r="C3805" s="83">
        <v>43259.458333333336</v>
      </c>
      <c r="D3805">
        <v>296699.4019</v>
      </c>
      <c r="E3805">
        <v>37775.702530000002</v>
      </c>
      <c r="F3805">
        <v>105032.03690000001</v>
      </c>
      <c r="G3805">
        <v>79292.74424</v>
      </c>
      <c r="H3805">
        <v>54377.254860000001</v>
      </c>
      <c r="I3805">
        <v>36252.571539999997</v>
      </c>
      <c r="J3805">
        <v>50556.990570000002</v>
      </c>
      <c r="K3805">
        <v>66266.629379999998</v>
      </c>
      <c r="L3805">
        <v>34282.155120000003</v>
      </c>
      <c r="M3805">
        <v>364409.71029999998</v>
      </c>
      <c r="N3805">
        <v>98000.910019999996</v>
      </c>
      <c r="O3805">
        <v>29266.655650000001</v>
      </c>
      <c r="P3805">
        <v>36621.30113</v>
      </c>
      <c r="Q3805">
        <v>106764.3116</v>
      </c>
      <c r="R3805">
        <v>28353.62442</v>
      </c>
      <c r="S3805">
        <v>127572.8077</v>
      </c>
      <c r="T3805">
        <v>34283.942920000001</v>
      </c>
      <c r="U3805">
        <v>27588.252140000001</v>
      </c>
      <c r="W3805" s="83">
        <f>Bühler!N3837</f>
        <v>45450.45833332411</v>
      </c>
      <c r="X3805" s="83">
        <v>43259.458333333336</v>
      </c>
      <c r="Y3805">
        <v>296699.4019</v>
      </c>
      <c r="Z3805">
        <v>37775.702530000002</v>
      </c>
      <c r="AA3805">
        <v>105032.03690000001</v>
      </c>
      <c r="AB3805">
        <v>79292.74424</v>
      </c>
      <c r="AC3805">
        <v>54377.254860000001</v>
      </c>
      <c r="AD3805">
        <v>36252.571539999997</v>
      </c>
      <c r="AE3805">
        <v>50556.990570000002</v>
      </c>
      <c r="AF3805">
        <v>66266.629379999998</v>
      </c>
      <c r="AG3805">
        <v>34282.155120000003</v>
      </c>
      <c r="AH3805">
        <v>364409.71029999998</v>
      </c>
      <c r="AI3805">
        <v>98000.910019999996</v>
      </c>
      <c r="AJ3805">
        <v>29266.655650000001</v>
      </c>
      <c r="AK3805">
        <v>36621.30113</v>
      </c>
      <c r="AL3805">
        <v>106764.3116</v>
      </c>
      <c r="AM3805">
        <v>28353.62442</v>
      </c>
      <c r="AN3805">
        <v>127572.8077</v>
      </c>
      <c r="AO3805">
        <v>34283.942920000001</v>
      </c>
      <c r="AP3805">
        <v>27588.252140000001</v>
      </c>
    </row>
    <row r="3806" spans="2:42" x14ac:dyDescent="0.3">
      <c r="B3806">
        <v>70.449447953446594</v>
      </c>
      <c r="C3806" s="83">
        <v>43259.5</v>
      </c>
      <c r="D3806">
        <v>284986.70559999999</v>
      </c>
      <c r="E3806">
        <v>34506.440450000002</v>
      </c>
      <c r="F3806">
        <v>104340.1229</v>
      </c>
      <c r="G3806">
        <v>79021.795670000007</v>
      </c>
      <c r="H3806">
        <v>52830.700530000002</v>
      </c>
      <c r="I3806">
        <v>36510.487970000002</v>
      </c>
      <c r="J3806">
        <v>50278.17454</v>
      </c>
      <c r="K3806">
        <v>63585.766309999999</v>
      </c>
      <c r="L3806">
        <v>37234.678019999999</v>
      </c>
      <c r="M3806">
        <v>359184.13919999998</v>
      </c>
      <c r="N3806">
        <v>99698.659929999994</v>
      </c>
      <c r="O3806">
        <v>29038.805339999999</v>
      </c>
      <c r="P3806">
        <v>37732.084060000001</v>
      </c>
      <c r="Q3806">
        <v>106238.0619</v>
      </c>
      <c r="R3806">
        <v>28373.2199</v>
      </c>
      <c r="S3806">
        <v>123068.8759</v>
      </c>
      <c r="T3806">
        <v>35589.010249999999</v>
      </c>
      <c r="U3806">
        <v>23327.48085</v>
      </c>
      <c r="W3806" s="83">
        <f>Bühler!N3838</f>
        <v>45450.499999990774</v>
      </c>
      <c r="X3806" s="83">
        <v>43259.5</v>
      </c>
      <c r="Y3806">
        <v>284986.70559999999</v>
      </c>
      <c r="Z3806">
        <v>34506.440450000002</v>
      </c>
      <c r="AA3806">
        <v>104340.1229</v>
      </c>
      <c r="AB3806">
        <v>79021.795670000007</v>
      </c>
      <c r="AC3806">
        <v>52830.700530000002</v>
      </c>
      <c r="AD3806">
        <v>36510.487970000002</v>
      </c>
      <c r="AE3806">
        <v>50278.17454</v>
      </c>
      <c r="AF3806">
        <v>63585.766309999999</v>
      </c>
      <c r="AG3806">
        <v>37234.678019999999</v>
      </c>
      <c r="AH3806">
        <v>359184.13919999998</v>
      </c>
      <c r="AI3806">
        <v>99698.659929999994</v>
      </c>
      <c r="AJ3806">
        <v>29038.805339999999</v>
      </c>
      <c r="AK3806">
        <v>37732.084060000001</v>
      </c>
      <c r="AL3806">
        <v>106238.0619</v>
      </c>
      <c r="AM3806">
        <v>28373.2199</v>
      </c>
      <c r="AN3806">
        <v>123068.8759</v>
      </c>
      <c r="AO3806">
        <v>35589.010249999999</v>
      </c>
      <c r="AP3806">
        <v>23327.48085</v>
      </c>
    </row>
    <row r="3807" spans="2:42" x14ac:dyDescent="0.3">
      <c r="B3807">
        <v>69.775931121190155</v>
      </c>
      <c r="C3807" s="83">
        <v>43259.541666666664</v>
      </c>
      <c r="D3807">
        <v>282277.44459999999</v>
      </c>
      <c r="E3807">
        <v>34733.742039999997</v>
      </c>
      <c r="F3807">
        <v>103773.1588</v>
      </c>
      <c r="G3807">
        <v>72582.155450000006</v>
      </c>
      <c r="H3807">
        <v>52384.659809999997</v>
      </c>
      <c r="I3807">
        <v>36600.052470000002</v>
      </c>
      <c r="J3807">
        <v>50057.002229999998</v>
      </c>
      <c r="K3807">
        <v>64455.832130000003</v>
      </c>
      <c r="L3807">
        <v>35758.519050000003</v>
      </c>
      <c r="M3807">
        <v>355750.23629999999</v>
      </c>
      <c r="N3807">
        <v>99569.971969999999</v>
      </c>
      <c r="O3807">
        <v>29424.892059999998</v>
      </c>
      <c r="P3807">
        <v>37080.528019999998</v>
      </c>
      <c r="Q3807">
        <v>104700.9345</v>
      </c>
      <c r="R3807">
        <v>28052.101340000001</v>
      </c>
      <c r="S3807">
        <v>124043.29700000001</v>
      </c>
      <c r="T3807">
        <v>34361.996709999999</v>
      </c>
      <c r="U3807">
        <v>24409.235499999999</v>
      </c>
      <c r="W3807" s="83">
        <f>Bühler!N3839</f>
        <v>45450.541666657438</v>
      </c>
      <c r="X3807" s="83">
        <v>43259.541666666664</v>
      </c>
      <c r="Y3807">
        <v>282277.44459999999</v>
      </c>
      <c r="Z3807">
        <v>34733.742039999997</v>
      </c>
      <c r="AA3807">
        <v>103773.1588</v>
      </c>
      <c r="AB3807">
        <v>72582.155450000006</v>
      </c>
      <c r="AC3807">
        <v>52384.659809999997</v>
      </c>
      <c r="AD3807">
        <v>36600.052470000002</v>
      </c>
      <c r="AE3807">
        <v>50057.002229999998</v>
      </c>
      <c r="AF3807">
        <v>64455.832130000003</v>
      </c>
      <c r="AG3807">
        <v>35758.519050000003</v>
      </c>
      <c r="AH3807">
        <v>355750.23629999999</v>
      </c>
      <c r="AI3807">
        <v>99569.971969999999</v>
      </c>
      <c r="AJ3807">
        <v>29424.892059999998</v>
      </c>
      <c r="AK3807">
        <v>37080.528019999998</v>
      </c>
      <c r="AL3807">
        <v>104700.9345</v>
      </c>
      <c r="AM3807">
        <v>28052.101340000001</v>
      </c>
      <c r="AN3807">
        <v>124043.29700000001</v>
      </c>
      <c r="AO3807">
        <v>34361.996709999999</v>
      </c>
      <c r="AP3807">
        <v>24409.235499999999</v>
      </c>
    </row>
    <row r="3808" spans="2:42" x14ac:dyDescent="0.3">
      <c r="B3808">
        <v>70.128478197005606</v>
      </c>
      <c r="C3808" s="83">
        <v>43259.583333333336</v>
      </c>
      <c r="D3808">
        <v>283754.33889999997</v>
      </c>
      <c r="E3808">
        <v>37724.730009999999</v>
      </c>
      <c r="F3808">
        <v>105077.2124</v>
      </c>
      <c r="G3808">
        <v>65453.400869999998</v>
      </c>
      <c r="H3808">
        <v>52044.154580000002</v>
      </c>
      <c r="I3808">
        <v>36475.446450000003</v>
      </c>
      <c r="J3808">
        <v>51026.902130000002</v>
      </c>
      <c r="K3808">
        <v>66045.27549</v>
      </c>
      <c r="L3808">
        <v>33287.583050000001</v>
      </c>
      <c r="M3808">
        <v>357547.68569999997</v>
      </c>
      <c r="N3808">
        <v>99927.817389999997</v>
      </c>
      <c r="O3808">
        <v>28455.86407</v>
      </c>
      <c r="P3808">
        <v>34199.772559999998</v>
      </c>
      <c r="Q3808">
        <v>103905.2118</v>
      </c>
      <c r="R3808">
        <v>27514.82648</v>
      </c>
      <c r="S3808">
        <v>120647.3688</v>
      </c>
      <c r="T3808">
        <v>33340.447529999998</v>
      </c>
      <c r="U3808">
        <v>24502.04004</v>
      </c>
      <c r="W3808" s="83">
        <f>Bühler!N3840</f>
        <v>45450.583333324103</v>
      </c>
      <c r="X3808" s="83">
        <v>43259.583333333336</v>
      </c>
      <c r="Y3808">
        <v>283754.33889999997</v>
      </c>
      <c r="Z3808">
        <v>37724.730009999999</v>
      </c>
      <c r="AA3808">
        <v>105077.2124</v>
      </c>
      <c r="AB3808">
        <v>65453.400869999998</v>
      </c>
      <c r="AC3808">
        <v>52044.154580000002</v>
      </c>
      <c r="AD3808">
        <v>36475.446450000003</v>
      </c>
      <c r="AE3808">
        <v>51026.902130000002</v>
      </c>
      <c r="AF3808">
        <v>66045.27549</v>
      </c>
      <c r="AG3808">
        <v>33287.583050000001</v>
      </c>
      <c r="AH3808">
        <v>357547.68569999997</v>
      </c>
      <c r="AI3808">
        <v>99927.817389999997</v>
      </c>
      <c r="AJ3808">
        <v>28455.86407</v>
      </c>
      <c r="AK3808">
        <v>34199.772559999998</v>
      </c>
      <c r="AL3808">
        <v>103905.2118</v>
      </c>
      <c r="AM3808">
        <v>27514.82648</v>
      </c>
      <c r="AN3808">
        <v>120647.3688</v>
      </c>
      <c r="AO3808">
        <v>33340.447529999998</v>
      </c>
      <c r="AP3808">
        <v>24502.04004</v>
      </c>
    </row>
    <row r="3809" spans="2:42" x14ac:dyDescent="0.3">
      <c r="B3809">
        <v>69.050134528291466</v>
      </c>
      <c r="C3809" s="83">
        <v>43259.625</v>
      </c>
      <c r="D3809">
        <v>277582.54359999998</v>
      </c>
      <c r="E3809">
        <v>37329.6005</v>
      </c>
      <c r="F3809">
        <v>105592.8303</v>
      </c>
      <c r="G3809">
        <v>60372.295910000001</v>
      </c>
      <c r="H3809">
        <v>50867.937639999996</v>
      </c>
      <c r="I3809">
        <v>37121.58769</v>
      </c>
      <c r="J3809">
        <v>50552.009480000001</v>
      </c>
      <c r="K3809">
        <v>65033.374629999998</v>
      </c>
      <c r="L3809">
        <v>30195.67525</v>
      </c>
      <c r="M3809">
        <v>352049.7868</v>
      </c>
      <c r="N3809">
        <v>93958.657550000004</v>
      </c>
      <c r="O3809">
        <v>28197.544849999998</v>
      </c>
      <c r="P3809">
        <v>31606.71545</v>
      </c>
      <c r="Q3809">
        <v>101860.13280000001</v>
      </c>
      <c r="R3809">
        <v>27336.425439999999</v>
      </c>
      <c r="S3809">
        <v>117584.439</v>
      </c>
      <c r="T3809">
        <v>31791.85514</v>
      </c>
      <c r="U3809">
        <v>23065.296129999999</v>
      </c>
      <c r="W3809" s="83">
        <f>Bühler!N3841</f>
        <v>45450.624999990767</v>
      </c>
      <c r="X3809" s="83">
        <v>43259.625</v>
      </c>
      <c r="Y3809">
        <v>277582.54359999998</v>
      </c>
      <c r="Z3809">
        <v>37329.6005</v>
      </c>
      <c r="AA3809">
        <v>105592.8303</v>
      </c>
      <c r="AB3809">
        <v>60372.295910000001</v>
      </c>
      <c r="AC3809">
        <v>50867.937639999996</v>
      </c>
      <c r="AD3809">
        <v>37121.58769</v>
      </c>
      <c r="AE3809">
        <v>50552.009480000001</v>
      </c>
      <c r="AF3809">
        <v>65033.374629999998</v>
      </c>
      <c r="AG3809">
        <v>30195.67525</v>
      </c>
      <c r="AH3809">
        <v>352049.7868</v>
      </c>
      <c r="AI3809">
        <v>93958.657550000004</v>
      </c>
      <c r="AJ3809">
        <v>28197.544849999998</v>
      </c>
      <c r="AK3809">
        <v>31606.71545</v>
      </c>
      <c r="AL3809">
        <v>101860.13280000001</v>
      </c>
      <c r="AM3809">
        <v>27336.425439999999</v>
      </c>
      <c r="AN3809">
        <v>117584.439</v>
      </c>
      <c r="AO3809">
        <v>31791.85514</v>
      </c>
      <c r="AP3809">
        <v>23065.296129999999</v>
      </c>
    </row>
    <row r="3810" spans="2:42" x14ac:dyDescent="0.3">
      <c r="B3810">
        <v>67.542945388536836</v>
      </c>
      <c r="C3810" s="83">
        <v>43259.666666666664</v>
      </c>
      <c r="D3810">
        <v>268063.51510000002</v>
      </c>
      <c r="E3810">
        <v>36287.051820000001</v>
      </c>
      <c r="F3810">
        <v>104644.6789</v>
      </c>
      <c r="G3810">
        <v>54626.251029999999</v>
      </c>
      <c r="H3810">
        <v>49362.651230000003</v>
      </c>
      <c r="I3810">
        <v>38227.958299999998</v>
      </c>
      <c r="J3810">
        <v>50257.990460000001</v>
      </c>
      <c r="K3810">
        <v>58883.767290000003</v>
      </c>
      <c r="L3810">
        <v>28848.516299999999</v>
      </c>
      <c r="M3810">
        <v>344365.43369999999</v>
      </c>
      <c r="N3810">
        <v>91273.023249999998</v>
      </c>
      <c r="O3810">
        <v>27010.874640000002</v>
      </c>
      <c r="P3810">
        <v>30494.60845</v>
      </c>
      <c r="Q3810">
        <v>99824.848450000005</v>
      </c>
      <c r="R3810">
        <v>27408.543839999998</v>
      </c>
      <c r="S3810">
        <v>113087.98119999999</v>
      </c>
      <c r="T3810">
        <v>31310.419600000001</v>
      </c>
      <c r="U3810">
        <v>21193.74726</v>
      </c>
      <c r="W3810" s="83">
        <f>Bühler!N3842</f>
        <v>45450.666666657431</v>
      </c>
      <c r="X3810" s="83">
        <v>43259.666666666664</v>
      </c>
      <c r="Y3810">
        <v>268063.51510000002</v>
      </c>
      <c r="Z3810">
        <v>36287.051820000001</v>
      </c>
      <c r="AA3810">
        <v>104644.6789</v>
      </c>
      <c r="AB3810">
        <v>54626.251029999999</v>
      </c>
      <c r="AC3810">
        <v>49362.651230000003</v>
      </c>
      <c r="AD3810">
        <v>38227.958299999998</v>
      </c>
      <c r="AE3810">
        <v>50257.990460000001</v>
      </c>
      <c r="AF3810">
        <v>58883.767290000003</v>
      </c>
      <c r="AG3810">
        <v>28848.516299999999</v>
      </c>
      <c r="AH3810">
        <v>344365.43369999999</v>
      </c>
      <c r="AI3810">
        <v>91273.023249999998</v>
      </c>
      <c r="AJ3810">
        <v>27010.874640000002</v>
      </c>
      <c r="AK3810">
        <v>30494.60845</v>
      </c>
      <c r="AL3810">
        <v>99824.848450000005</v>
      </c>
      <c r="AM3810">
        <v>27408.543839999998</v>
      </c>
      <c r="AN3810">
        <v>113087.98119999999</v>
      </c>
      <c r="AO3810">
        <v>31310.419600000001</v>
      </c>
      <c r="AP3810">
        <v>21193.74726</v>
      </c>
    </row>
    <row r="3811" spans="2:42" x14ac:dyDescent="0.3">
      <c r="B3811">
        <v>65.391881624567105</v>
      </c>
      <c r="C3811" s="83">
        <v>43259.708333333336</v>
      </c>
      <c r="D3811">
        <v>258242.02340000001</v>
      </c>
      <c r="E3811">
        <v>34090.534890000003</v>
      </c>
      <c r="F3811">
        <v>103207.4372</v>
      </c>
      <c r="G3811">
        <v>47947.562539999999</v>
      </c>
      <c r="H3811">
        <v>46900.63222</v>
      </c>
      <c r="I3811">
        <v>37370.834819999996</v>
      </c>
      <c r="J3811">
        <v>50066.596519999999</v>
      </c>
      <c r="K3811">
        <v>54327.711300000003</v>
      </c>
      <c r="L3811">
        <v>28649.586729999999</v>
      </c>
      <c r="M3811">
        <v>333398.3075</v>
      </c>
      <c r="N3811">
        <v>89122.154890000005</v>
      </c>
      <c r="O3811">
        <v>25997.5052</v>
      </c>
      <c r="P3811">
        <v>31493.153259999999</v>
      </c>
      <c r="Q3811">
        <v>97088.373510000005</v>
      </c>
      <c r="R3811">
        <v>27007.766589999999</v>
      </c>
      <c r="S3811">
        <v>108444.3845</v>
      </c>
      <c r="T3811">
        <v>30988.536469999999</v>
      </c>
      <c r="U3811">
        <v>19276.5828</v>
      </c>
      <c r="W3811" s="83">
        <f>Bühler!N3843</f>
        <v>45450.708333324095</v>
      </c>
      <c r="X3811" s="83">
        <v>43259.708333333336</v>
      </c>
      <c r="Y3811">
        <v>258242.02340000001</v>
      </c>
      <c r="Z3811">
        <v>34090.534890000003</v>
      </c>
      <c r="AA3811">
        <v>103207.4372</v>
      </c>
      <c r="AB3811">
        <v>47947.562539999999</v>
      </c>
      <c r="AC3811">
        <v>46900.63222</v>
      </c>
      <c r="AD3811">
        <v>37370.834819999996</v>
      </c>
      <c r="AE3811">
        <v>50066.596519999999</v>
      </c>
      <c r="AF3811">
        <v>54327.711300000003</v>
      </c>
      <c r="AG3811">
        <v>28649.586729999999</v>
      </c>
      <c r="AH3811">
        <v>333398.3075</v>
      </c>
      <c r="AI3811">
        <v>89122.154890000005</v>
      </c>
      <c r="AJ3811">
        <v>25997.5052</v>
      </c>
      <c r="AK3811">
        <v>31493.153259999999</v>
      </c>
      <c r="AL3811">
        <v>97088.373510000005</v>
      </c>
      <c r="AM3811">
        <v>27007.766589999999</v>
      </c>
      <c r="AN3811">
        <v>108444.3845</v>
      </c>
      <c r="AO3811">
        <v>30988.536469999999</v>
      </c>
      <c r="AP3811">
        <v>19276.5828</v>
      </c>
    </row>
    <row r="3812" spans="2:42" x14ac:dyDescent="0.3">
      <c r="B3812">
        <v>64.087956354865312</v>
      </c>
      <c r="C3812" s="83">
        <v>43259.75</v>
      </c>
      <c r="D3812">
        <v>249214.21340000001</v>
      </c>
      <c r="E3812">
        <v>30751.094379999999</v>
      </c>
      <c r="F3812">
        <v>100111.41439999999</v>
      </c>
      <c r="G3812">
        <v>42477.85858</v>
      </c>
      <c r="H3812">
        <v>44663.140319999999</v>
      </c>
      <c r="I3812">
        <v>35686.611080000002</v>
      </c>
      <c r="J3812">
        <v>49791.216569999997</v>
      </c>
      <c r="K3812">
        <v>53514.462939999998</v>
      </c>
      <c r="L3812">
        <v>30562.778869999998</v>
      </c>
      <c r="M3812">
        <v>326750.28840000002</v>
      </c>
      <c r="N3812">
        <v>86965.850300000006</v>
      </c>
      <c r="O3812">
        <v>24672.560020000001</v>
      </c>
      <c r="P3812">
        <v>33820.413229999998</v>
      </c>
      <c r="Q3812">
        <v>93198.716149999993</v>
      </c>
      <c r="R3812">
        <v>24692.3004</v>
      </c>
      <c r="S3812">
        <v>101918.45570000001</v>
      </c>
      <c r="T3812">
        <v>30996.71704</v>
      </c>
      <c r="U3812">
        <v>18372.426650000001</v>
      </c>
      <c r="W3812" s="83">
        <f>Bühler!N3844</f>
        <v>45450.74999999076</v>
      </c>
      <c r="X3812" s="83">
        <v>43259.75</v>
      </c>
      <c r="Y3812">
        <v>249214.21340000001</v>
      </c>
      <c r="Z3812">
        <v>30751.094379999999</v>
      </c>
      <c r="AA3812">
        <v>100111.41439999999</v>
      </c>
      <c r="AB3812">
        <v>42477.85858</v>
      </c>
      <c r="AC3812">
        <v>44663.140319999999</v>
      </c>
      <c r="AD3812">
        <v>35686.611080000002</v>
      </c>
      <c r="AE3812">
        <v>49791.216569999997</v>
      </c>
      <c r="AF3812">
        <v>53514.462939999998</v>
      </c>
      <c r="AG3812">
        <v>30562.778869999998</v>
      </c>
      <c r="AH3812">
        <v>326750.28840000002</v>
      </c>
      <c r="AI3812">
        <v>86965.850300000006</v>
      </c>
      <c r="AJ3812">
        <v>24672.560020000001</v>
      </c>
      <c r="AK3812">
        <v>33820.413229999998</v>
      </c>
      <c r="AL3812">
        <v>93198.716149999993</v>
      </c>
      <c r="AM3812">
        <v>24692.3004</v>
      </c>
      <c r="AN3812">
        <v>101918.45570000001</v>
      </c>
      <c r="AO3812">
        <v>30996.71704</v>
      </c>
      <c r="AP3812">
        <v>18372.426650000001</v>
      </c>
    </row>
    <row r="3813" spans="2:42" x14ac:dyDescent="0.3">
      <c r="B3813">
        <v>62.660590003514898</v>
      </c>
      <c r="C3813" s="83">
        <v>43259.791666666664</v>
      </c>
      <c r="D3813">
        <v>239022.60430000001</v>
      </c>
      <c r="E3813">
        <v>24336.062880000001</v>
      </c>
      <c r="F3813">
        <v>88422.078229999999</v>
      </c>
      <c r="G3813">
        <v>38594.552470000002</v>
      </c>
      <c r="H3813">
        <v>42145.318059999998</v>
      </c>
      <c r="I3813">
        <v>32870.214469999999</v>
      </c>
      <c r="J3813">
        <v>48060.369879999998</v>
      </c>
      <c r="K3813">
        <v>52690.325779999999</v>
      </c>
      <c r="L3813">
        <v>31910.85212</v>
      </c>
      <c r="M3813">
        <v>319472.90909999999</v>
      </c>
      <c r="N3813">
        <v>84358.307809999998</v>
      </c>
      <c r="O3813">
        <v>23024.842960000002</v>
      </c>
      <c r="P3813">
        <v>35307.542679999999</v>
      </c>
      <c r="Q3813">
        <v>88947.411420000004</v>
      </c>
      <c r="R3813">
        <v>22919.535059999998</v>
      </c>
      <c r="S3813">
        <v>95617.901729999998</v>
      </c>
      <c r="T3813">
        <v>30526.916499999999</v>
      </c>
      <c r="U3813">
        <v>17237.37167</v>
      </c>
      <c r="W3813" s="83">
        <f>Bühler!N3845</f>
        <v>45450.791666657424</v>
      </c>
      <c r="X3813" s="83">
        <v>43259.791666666664</v>
      </c>
      <c r="Y3813">
        <v>239022.60430000001</v>
      </c>
      <c r="Z3813">
        <v>24336.062880000001</v>
      </c>
      <c r="AA3813">
        <v>88422.078229999999</v>
      </c>
      <c r="AB3813">
        <v>38594.552470000002</v>
      </c>
      <c r="AC3813">
        <v>42145.318059999998</v>
      </c>
      <c r="AD3813">
        <v>32870.214469999999</v>
      </c>
      <c r="AE3813">
        <v>48060.369879999998</v>
      </c>
      <c r="AF3813">
        <v>52690.325779999999</v>
      </c>
      <c r="AG3813">
        <v>31910.85212</v>
      </c>
      <c r="AH3813">
        <v>319472.90909999999</v>
      </c>
      <c r="AI3813">
        <v>84358.307809999998</v>
      </c>
      <c r="AJ3813">
        <v>23024.842960000002</v>
      </c>
      <c r="AK3813">
        <v>35307.542679999999</v>
      </c>
      <c r="AL3813">
        <v>88947.411420000004</v>
      </c>
      <c r="AM3813">
        <v>22919.535059999998</v>
      </c>
      <c r="AN3813">
        <v>95617.901729999998</v>
      </c>
      <c r="AO3813">
        <v>30526.916499999999</v>
      </c>
      <c r="AP3813">
        <v>17237.37167</v>
      </c>
    </row>
    <row r="3814" spans="2:42" x14ac:dyDescent="0.3">
      <c r="B3814">
        <v>60.080525702265746</v>
      </c>
      <c r="C3814" s="83">
        <v>43259.833333333336</v>
      </c>
      <c r="D3814">
        <v>228292.7813</v>
      </c>
      <c r="E3814">
        <v>18366.57186</v>
      </c>
      <c r="F3814">
        <v>69728.627170000007</v>
      </c>
      <c r="G3814">
        <v>36305.905899999998</v>
      </c>
      <c r="H3814">
        <v>38462.07806</v>
      </c>
      <c r="I3814">
        <v>28753.734639999999</v>
      </c>
      <c r="J3814">
        <v>46056.668310000001</v>
      </c>
      <c r="K3814">
        <v>51878.780769999998</v>
      </c>
      <c r="L3814">
        <v>31439.788039999999</v>
      </c>
      <c r="M3814">
        <v>306318.53810000001</v>
      </c>
      <c r="N3814">
        <v>81550.141950000005</v>
      </c>
      <c r="O3814">
        <v>21416.589260000001</v>
      </c>
      <c r="P3814">
        <v>35131.275759999997</v>
      </c>
      <c r="Q3814">
        <v>84802.631099999999</v>
      </c>
      <c r="R3814">
        <v>21264.922979999999</v>
      </c>
      <c r="S3814">
        <v>86836.317970000004</v>
      </c>
      <c r="T3814">
        <v>28623.740259999999</v>
      </c>
      <c r="U3814">
        <v>16272.790370000001</v>
      </c>
      <c r="W3814" s="83">
        <f>Bühler!N3846</f>
        <v>45450.833333324088</v>
      </c>
      <c r="X3814" s="83">
        <v>43259.833333333336</v>
      </c>
      <c r="Y3814">
        <v>228292.7813</v>
      </c>
      <c r="Z3814">
        <v>18366.57186</v>
      </c>
      <c r="AA3814">
        <v>69728.627170000007</v>
      </c>
      <c r="AB3814">
        <v>36305.905899999998</v>
      </c>
      <c r="AC3814">
        <v>38462.07806</v>
      </c>
      <c r="AD3814">
        <v>28753.734639999999</v>
      </c>
      <c r="AE3814">
        <v>46056.668310000001</v>
      </c>
      <c r="AF3814">
        <v>51878.780769999998</v>
      </c>
      <c r="AG3814">
        <v>31439.788039999999</v>
      </c>
      <c r="AH3814">
        <v>306318.53810000001</v>
      </c>
      <c r="AI3814">
        <v>81550.141950000005</v>
      </c>
      <c r="AJ3814">
        <v>21416.589260000001</v>
      </c>
      <c r="AK3814">
        <v>35131.275759999997</v>
      </c>
      <c r="AL3814">
        <v>84802.631099999999</v>
      </c>
      <c r="AM3814">
        <v>21264.922979999999</v>
      </c>
      <c r="AN3814">
        <v>86836.317970000004</v>
      </c>
      <c r="AO3814">
        <v>28623.740259999999</v>
      </c>
      <c r="AP3814">
        <v>16272.790370000001</v>
      </c>
    </row>
    <row r="3815" spans="2:42" x14ac:dyDescent="0.3">
      <c r="B3815">
        <v>57.755659123769611</v>
      </c>
      <c r="C3815" s="83">
        <v>43259.875</v>
      </c>
      <c r="D3815">
        <v>222349.57399999999</v>
      </c>
      <c r="E3815">
        <v>15350.37984</v>
      </c>
      <c r="F3815">
        <v>59754.797079999997</v>
      </c>
      <c r="G3815">
        <v>34488.748140000003</v>
      </c>
      <c r="H3815">
        <v>37025.386530000003</v>
      </c>
      <c r="I3815">
        <v>24327.231319999999</v>
      </c>
      <c r="J3815">
        <v>44422.638599999998</v>
      </c>
      <c r="K3815">
        <v>51826.893649999998</v>
      </c>
      <c r="L3815">
        <v>30302.95407</v>
      </c>
      <c r="M3815">
        <v>294465.28409999999</v>
      </c>
      <c r="N3815">
        <v>78370.60901</v>
      </c>
      <c r="O3815">
        <v>19727.521970000002</v>
      </c>
      <c r="P3815">
        <v>33874.932820000002</v>
      </c>
      <c r="Q3815">
        <v>80359.578200000004</v>
      </c>
      <c r="R3815">
        <v>20517.782190000002</v>
      </c>
      <c r="S3815">
        <v>81647.441640000005</v>
      </c>
      <c r="T3815">
        <v>26643.324349999999</v>
      </c>
      <c r="U3815">
        <v>15828.50956</v>
      </c>
      <c r="W3815" s="83">
        <f>Bühler!N3847</f>
        <v>45450.874999990752</v>
      </c>
      <c r="X3815" s="83">
        <v>43259.875</v>
      </c>
      <c r="Y3815">
        <v>222349.57399999999</v>
      </c>
      <c r="Z3815">
        <v>15350.37984</v>
      </c>
      <c r="AA3815">
        <v>59754.797079999997</v>
      </c>
      <c r="AB3815">
        <v>34488.748140000003</v>
      </c>
      <c r="AC3815">
        <v>37025.386530000003</v>
      </c>
      <c r="AD3815">
        <v>24327.231319999999</v>
      </c>
      <c r="AE3815">
        <v>44422.638599999998</v>
      </c>
      <c r="AF3815">
        <v>51826.893649999998</v>
      </c>
      <c r="AG3815">
        <v>30302.95407</v>
      </c>
      <c r="AH3815">
        <v>294465.28409999999</v>
      </c>
      <c r="AI3815">
        <v>78370.60901</v>
      </c>
      <c r="AJ3815">
        <v>19727.521970000002</v>
      </c>
      <c r="AK3815">
        <v>33874.932820000002</v>
      </c>
      <c r="AL3815">
        <v>80359.578200000004</v>
      </c>
      <c r="AM3815">
        <v>20517.782190000002</v>
      </c>
      <c r="AN3815">
        <v>81647.441640000005</v>
      </c>
      <c r="AO3815">
        <v>26643.324349999999</v>
      </c>
      <c r="AP3815">
        <v>15828.50956</v>
      </c>
    </row>
    <row r="3816" spans="2:42" x14ac:dyDescent="0.3">
      <c r="B3816">
        <v>56.735598236596005</v>
      </c>
      <c r="C3816" s="83">
        <v>43259.916666666664</v>
      </c>
      <c r="D3816">
        <v>220894.01360000001</v>
      </c>
      <c r="E3816">
        <v>14507.088739999999</v>
      </c>
      <c r="F3816">
        <v>56451.228759999998</v>
      </c>
      <c r="G3816">
        <v>34453.515229999997</v>
      </c>
      <c r="H3816">
        <v>37570.787219999998</v>
      </c>
      <c r="I3816">
        <v>23228.587530000001</v>
      </c>
      <c r="J3816">
        <v>44403.514210000001</v>
      </c>
      <c r="K3816">
        <v>55250.032229999997</v>
      </c>
      <c r="L3816">
        <v>27173.408429999999</v>
      </c>
      <c r="M3816">
        <v>289264.538</v>
      </c>
      <c r="N3816">
        <v>76755.606069999994</v>
      </c>
      <c r="O3816">
        <v>19930.206590000002</v>
      </c>
      <c r="P3816">
        <v>36369.227209999997</v>
      </c>
      <c r="Q3816">
        <v>78442.269700000004</v>
      </c>
      <c r="R3816">
        <v>21434.844010000001</v>
      </c>
      <c r="S3816">
        <v>80371.899749999997</v>
      </c>
      <c r="T3816">
        <v>24131.209760000002</v>
      </c>
      <c r="U3816">
        <v>16252.178</v>
      </c>
      <c r="W3816" s="83">
        <f>Bühler!N3848</f>
        <v>45450.916666657416</v>
      </c>
      <c r="X3816" s="83">
        <v>43259.916666666664</v>
      </c>
      <c r="Y3816">
        <v>220894.01360000001</v>
      </c>
      <c r="Z3816">
        <v>14507.088739999999</v>
      </c>
      <c r="AA3816">
        <v>56451.228759999998</v>
      </c>
      <c r="AB3816">
        <v>34453.515229999997</v>
      </c>
      <c r="AC3816">
        <v>37570.787219999998</v>
      </c>
      <c r="AD3816">
        <v>23228.587530000001</v>
      </c>
      <c r="AE3816">
        <v>44403.514210000001</v>
      </c>
      <c r="AF3816">
        <v>55250.032229999997</v>
      </c>
      <c r="AG3816">
        <v>27173.408429999999</v>
      </c>
      <c r="AH3816">
        <v>289264.538</v>
      </c>
      <c r="AI3816">
        <v>76755.606069999994</v>
      </c>
      <c r="AJ3816">
        <v>19930.206590000002</v>
      </c>
      <c r="AK3816">
        <v>36369.227209999997</v>
      </c>
      <c r="AL3816">
        <v>78442.269700000004</v>
      </c>
      <c r="AM3816">
        <v>21434.844010000001</v>
      </c>
      <c r="AN3816">
        <v>80371.899749999997</v>
      </c>
      <c r="AO3816">
        <v>24131.209760000002</v>
      </c>
      <c r="AP3816">
        <v>16252.178</v>
      </c>
    </row>
    <row r="3817" spans="2:42" x14ac:dyDescent="0.3">
      <c r="B3817">
        <v>55.138829590109779</v>
      </c>
      <c r="C3817" s="83">
        <v>43259.958333333336</v>
      </c>
      <c r="D3817">
        <v>219828.9178</v>
      </c>
      <c r="E3817">
        <v>13654.73854</v>
      </c>
      <c r="F3817">
        <v>54559.761259999999</v>
      </c>
      <c r="G3817">
        <v>34049.591849999997</v>
      </c>
      <c r="H3817">
        <v>36450.597979999999</v>
      </c>
      <c r="I3817">
        <v>22344.52648</v>
      </c>
      <c r="J3817">
        <v>40239.635560000002</v>
      </c>
      <c r="K3817">
        <v>54608.532090000001</v>
      </c>
      <c r="L3817">
        <v>22574.918870000001</v>
      </c>
      <c r="M3817">
        <v>281123.46679999999</v>
      </c>
      <c r="N3817">
        <v>73724.079500000007</v>
      </c>
      <c r="O3817">
        <v>18837.673180000002</v>
      </c>
      <c r="P3817">
        <v>32800.441579999999</v>
      </c>
      <c r="Q3817">
        <v>76802.300399999993</v>
      </c>
      <c r="R3817">
        <v>21822.032630000002</v>
      </c>
      <c r="S3817">
        <v>77874.534119999997</v>
      </c>
      <c r="T3817">
        <v>21668.940289999999</v>
      </c>
      <c r="U3817">
        <v>15558.389279999999</v>
      </c>
      <c r="W3817" s="83">
        <f>Bühler!N3849</f>
        <v>45450.958333324081</v>
      </c>
      <c r="X3817" s="83">
        <v>43259.958333333336</v>
      </c>
      <c r="Y3817">
        <v>219828.9178</v>
      </c>
      <c r="Z3817">
        <v>13654.73854</v>
      </c>
      <c r="AA3817">
        <v>54559.761259999999</v>
      </c>
      <c r="AB3817">
        <v>34049.591849999997</v>
      </c>
      <c r="AC3817">
        <v>36450.597979999999</v>
      </c>
      <c r="AD3817">
        <v>22344.52648</v>
      </c>
      <c r="AE3817">
        <v>40239.635560000002</v>
      </c>
      <c r="AF3817">
        <v>54608.532090000001</v>
      </c>
      <c r="AG3817">
        <v>22574.918870000001</v>
      </c>
      <c r="AH3817">
        <v>281123.46679999999</v>
      </c>
      <c r="AI3817">
        <v>73724.079500000007</v>
      </c>
      <c r="AJ3817">
        <v>18837.673180000002</v>
      </c>
      <c r="AK3817">
        <v>32800.441579999999</v>
      </c>
      <c r="AL3817">
        <v>76802.300399999993</v>
      </c>
      <c r="AM3817">
        <v>21822.032630000002</v>
      </c>
      <c r="AN3817">
        <v>77874.534119999997</v>
      </c>
      <c r="AO3817">
        <v>21668.940289999999</v>
      </c>
      <c r="AP3817">
        <v>15558.389279999999</v>
      </c>
    </row>
    <row r="3818" spans="2:42" x14ac:dyDescent="0.3">
      <c r="B3818">
        <v>53.906847758963529</v>
      </c>
      <c r="C3818" s="83">
        <v>43260</v>
      </c>
      <c r="D3818">
        <v>214496.60620000001</v>
      </c>
      <c r="E3818">
        <v>13065.61166</v>
      </c>
      <c r="F3818">
        <v>52792.197890000003</v>
      </c>
      <c r="G3818">
        <v>33287.486149999997</v>
      </c>
      <c r="H3818">
        <v>35288.463049999998</v>
      </c>
      <c r="I3818">
        <v>20737.6355</v>
      </c>
      <c r="J3818">
        <v>36198.959560000003</v>
      </c>
      <c r="K3818">
        <v>51507.545590000002</v>
      </c>
      <c r="L3818">
        <v>19255.934840000002</v>
      </c>
      <c r="M3818">
        <v>274842.24890000001</v>
      </c>
      <c r="N3818">
        <v>71462.254190000007</v>
      </c>
      <c r="O3818">
        <v>19537.408390000001</v>
      </c>
      <c r="P3818">
        <v>31306.385740000002</v>
      </c>
      <c r="Q3818">
        <v>74543.177349999998</v>
      </c>
      <c r="R3818">
        <v>17534.887180000002</v>
      </c>
      <c r="S3818">
        <v>75943.629679999998</v>
      </c>
      <c r="T3818">
        <v>20221.566709999999</v>
      </c>
      <c r="U3818">
        <v>15080.84757</v>
      </c>
      <c r="W3818" s="83">
        <f>Bühler!N3850</f>
        <v>45450.999999990745</v>
      </c>
      <c r="X3818" s="83">
        <v>43260</v>
      </c>
      <c r="Y3818">
        <v>214496.60620000001</v>
      </c>
      <c r="Z3818">
        <v>13065.61166</v>
      </c>
      <c r="AA3818">
        <v>52792.197890000003</v>
      </c>
      <c r="AB3818">
        <v>33287.486149999997</v>
      </c>
      <c r="AC3818">
        <v>35288.463049999998</v>
      </c>
      <c r="AD3818">
        <v>20737.6355</v>
      </c>
      <c r="AE3818">
        <v>36198.959560000003</v>
      </c>
      <c r="AF3818">
        <v>51507.545590000002</v>
      </c>
      <c r="AG3818">
        <v>19255.934840000002</v>
      </c>
      <c r="AH3818">
        <v>274842.24890000001</v>
      </c>
      <c r="AI3818">
        <v>71462.254190000007</v>
      </c>
      <c r="AJ3818">
        <v>19537.408390000001</v>
      </c>
      <c r="AK3818">
        <v>31306.385740000002</v>
      </c>
      <c r="AL3818">
        <v>74543.177349999998</v>
      </c>
      <c r="AM3818">
        <v>17534.887180000002</v>
      </c>
      <c r="AN3818">
        <v>75943.629679999998</v>
      </c>
      <c r="AO3818">
        <v>20221.566709999999</v>
      </c>
      <c r="AP3818">
        <v>15080.84757</v>
      </c>
    </row>
    <row r="3819" spans="2:42" x14ac:dyDescent="0.3">
      <c r="B3819">
        <v>52.440301605962539</v>
      </c>
      <c r="C3819" s="83">
        <v>43260.041666666664</v>
      </c>
      <c r="D3819">
        <v>209318.34409999999</v>
      </c>
      <c r="E3819">
        <v>12634.552460000001</v>
      </c>
      <c r="F3819">
        <v>51817.669009999998</v>
      </c>
      <c r="G3819">
        <v>32615.878840000001</v>
      </c>
      <c r="H3819">
        <v>34445.770570000001</v>
      </c>
      <c r="I3819">
        <v>17491.769769999999</v>
      </c>
      <c r="J3819">
        <v>34452.261749999998</v>
      </c>
      <c r="K3819">
        <v>49219.287199999999</v>
      </c>
      <c r="L3819">
        <v>18000.00144</v>
      </c>
      <c r="M3819">
        <v>267365.1127</v>
      </c>
      <c r="N3819">
        <v>70884.352419999996</v>
      </c>
      <c r="O3819">
        <v>19103.741689999999</v>
      </c>
      <c r="P3819">
        <v>27417.672719999999</v>
      </c>
      <c r="Q3819">
        <v>73278.7454</v>
      </c>
      <c r="R3819">
        <v>15784.471820000001</v>
      </c>
      <c r="S3819">
        <v>74094.177039999995</v>
      </c>
      <c r="T3819">
        <v>19457.24927</v>
      </c>
      <c r="U3819">
        <v>14741.57662</v>
      </c>
      <c r="W3819" s="83">
        <f>Bühler!N3851</f>
        <v>45451.041666657409</v>
      </c>
      <c r="X3819" s="83">
        <v>43260.041666666664</v>
      </c>
      <c r="Y3819">
        <v>209318.34409999999</v>
      </c>
      <c r="Z3819">
        <v>12634.552460000001</v>
      </c>
      <c r="AA3819">
        <v>51817.669009999998</v>
      </c>
      <c r="AB3819">
        <v>32615.878840000001</v>
      </c>
      <c r="AC3819">
        <v>34445.770570000001</v>
      </c>
      <c r="AD3819">
        <v>17491.769769999999</v>
      </c>
      <c r="AE3819">
        <v>34452.261749999998</v>
      </c>
      <c r="AF3819">
        <v>49219.287199999999</v>
      </c>
      <c r="AG3819">
        <v>18000.00144</v>
      </c>
      <c r="AH3819">
        <v>267365.1127</v>
      </c>
      <c r="AI3819">
        <v>70884.352419999996</v>
      </c>
      <c r="AJ3819">
        <v>19103.741689999999</v>
      </c>
      <c r="AK3819">
        <v>27417.672719999999</v>
      </c>
      <c r="AL3819">
        <v>73278.7454</v>
      </c>
      <c r="AM3819">
        <v>15784.471820000001</v>
      </c>
      <c r="AN3819">
        <v>74094.177039999995</v>
      </c>
      <c r="AO3819">
        <v>19457.24927</v>
      </c>
      <c r="AP3819">
        <v>14741.57662</v>
      </c>
    </row>
    <row r="3820" spans="2:42" x14ac:dyDescent="0.3">
      <c r="B3820">
        <v>51.70196357497025</v>
      </c>
      <c r="C3820" s="83">
        <v>43260.083333333336</v>
      </c>
      <c r="D3820">
        <v>204643.97640000001</v>
      </c>
      <c r="E3820">
        <v>12361.08719</v>
      </c>
      <c r="F3820">
        <v>52604.49106</v>
      </c>
      <c r="G3820">
        <v>31979.877550000001</v>
      </c>
      <c r="H3820">
        <v>33801.796629999997</v>
      </c>
      <c r="I3820">
        <v>14941.120339999999</v>
      </c>
      <c r="J3820">
        <v>33913.841899999999</v>
      </c>
      <c r="K3820">
        <v>47585.4107</v>
      </c>
      <c r="L3820">
        <v>17097.100770000001</v>
      </c>
      <c r="M3820">
        <v>263600.72110000002</v>
      </c>
      <c r="N3820">
        <v>69490.805349999995</v>
      </c>
      <c r="O3820">
        <v>17831.81063</v>
      </c>
      <c r="P3820">
        <v>25557.593519999999</v>
      </c>
      <c r="Q3820">
        <v>74020.011450000005</v>
      </c>
      <c r="R3820">
        <v>15462.897650000001</v>
      </c>
      <c r="S3820">
        <v>72569.815520000004</v>
      </c>
      <c r="T3820">
        <v>18977.394749999999</v>
      </c>
      <c r="U3820">
        <v>14627.724270000001</v>
      </c>
      <c r="W3820" s="83">
        <f>Bühler!N3852</f>
        <v>45451.083333324073</v>
      </c>
      <c r="X3820" s="83">
        <v>43260.083333333336</v>
      </c>
      <c r="Y3820">
        <v>204643.97640000001</v>
      </c>
      <c r="Z3820">
        <v>12361.08719</v>
      </c>
      <c r="AA3820">
        <v>52604.49106</v>
      </c>
      <c r="AB3820">
        <v>31979.877550000001</v>
      </c>
      <c r="AC3820">
        <v>33801.796629999997</v>
      </c>
      <c r="AD3820">
        <v>14941.120339999999</v>
      </c>
      <c r="AE3820">
        <v>33913.841899999999</v>
      </c>
      <c r="AF3820">
        <v>47585.4107</v>
      </c>
      <c r="AG3820">
        <v>17097.100770000001</v>
      </c>
      <c r="AH3820">
        <v>263600.72110000002</v>
      </c>
      <c r="AI3820">
        <v>69490.805349999995</v>
      </c>
      <c r="AJ3820">
        <v>17831.81063</v>
      </c>
      <c r="AK3820">
        <v>25557.593519999999</v>
      </c>
      <c r="AL3820">
        <v>74020.011450000005</v>
      </c>
      <c r="AM3820">
        <v>15462.897650000001</v>
      </c>
      <c r="AN3820">
        <v>72569.815520000004</v>
      </c>
      <c r="AO3820">
        <v>18977.394749999999</v>
      </c>
      <c r="AP3820">
        <v>14627.724270000001</v>
      </c>
    </row>
    <row r="3821" spans="2:42" x14ac:dyDescent="0.3">
      <c r="B3821">
        <v>50.739177754535234</v>
      </c>
      <c r="C3821" s="83">
        <v>43260.125</v>
      </c>
      <c r="D3821">
        <v>199370.4057</v>
      </c>
      <c r="E3821">
        <v>12224.23568</v>
      </c>
      <c r="F3821">
        <v>53593.917289999998</v>
      </c>
      <c r="G3821">
        <v>30991.502789999999</v>
      </c>
      <c r="H3821">
        <v>33310.117489999997</v>
      </c>
      <c r="I3821">
        <v>13956.192580000001</v>
      </c>
      <c r="J3821">
        <v>33976.702680000002</v>
      </c>
      <c r="K3821">
        <v>46660.239200000004</v>
      </c>
      <c r="L3821">
        <v>16643.88394</v>
      </c>
      <c r="M3821">
        <v>258691.99</v>
      </c>
      <c r="N3821">
        <v>67744.059129999994</v>
      </c>
      <c r="O3821">
        <v>17760.327659999999</v>
      </c>
      <c r="P3821">
        <v>24027.470440000001</v>
      </c>
      <c r="Q3821">
        <v>74125.490919999997</v>
      </c>
      <c r="R3821">
        <v>14821.782939999999</v>
      </c>
      <c r="S3821">
        <v>71553.117499999993</v>
      </c>
      <c r="T3821">
        <v>18386.32199</v>
      </c>
      <c r="U3821">
        <v>14323.04796</v>
      </c>
      <c r="W3821" s="83">
        <f>Bühler!N3853</f>
        <v>45451.124999990738</v>
      </c>
      <c r="X3821" s="83">
        <v>43260.125</v>
      </c>
      <c r="Y3821">
        <v>199370.4057</v>
      </c>
      <c r="Z3821">
        <v>12224.23568</v>
      </c>
      <c r="AA3821">
        <v>53593.917289999998</v>
      </c>
      <c r="AB3821">
        <v>30991.502789999999</v>
      </c>
      <c r="AC3821">
        <v>33310.117489999997</v>
      </c>
      <c r="AD3821">
        <v>13956.192580000001</v>
      </c>
      <c r="AE3821">
        <v>33976.702680000002</v>
      </c>
      <c r="AF3821">
        <v>46660.239200000004</v>
      </c>
      <c r="AG3821">
        <v>16643.88394</v>
      </c>
      <c r="AH3821">
        <v>258691.99</v>
      </c>
      <c r="AI3821">
        <v>67744.059129999994</v>
      </c>
      <c r="AJ3821">
        <v>17760.327659999999</v>
      </c>
      <c r="AK3821">
        <v>24027.470440000001</v>
      </c>
      <c r="AL3821">
        <v>74125.490919999997</v>
      </c>
      <c r="AM3821">
        <v>14821.782939999999</v>
      </c>
      <c r="AN3821">
        <v>71553.117499999993</v>
      </c>
      <c r="AO3821">
        <v>18386.32199</v>
      </c>
      <c r="AP3821">
        <v>14323.04796</v>
      </c>
    </row>
    <row r="3822" spans="2:42" x14ac:dyDescent="0.3">
      <c r="B3822">
        <v>48.957658413070661</v>
      </c>
      <c r="C3822" s="83">
        <v>43260.166666666664</v>
      </c>
      <c r="D3822">
        <v>191920.96419999999</v>
      </c>
      <c r="E3822">
        <v>12278.512909999999</v>
      </c>
      <c r="F3822">
        <v>55876.181199999999</v>
      </c>
      <c r="G3822">
        <v>30231.744449999998</v>
      </c>
      <c r="H3822">
        <v>33287.763180000002</v>
      </c>
      <c r="I3822">
        <v>14951.07735</v>
      </c>
      <c r="J3822">
        <v>35920.861149999997</v>
      </c>
      <c r="K3822">
        <v>45510.74437</v>
      </c>
      <c r="L3822">
        <v>16188.75582</v>
      </c>
      <c r="M3822">
        <v>249608.9736</v>
      </c>
      <c r="N3822">
        <v>66105.454410000006</v>
      </c>
      <c r="O3822">
        <v>18472.357069999998</v>
      </c>
      <c r="P3822">
        <v>23983.73029</v>
      </c>
      <c r="Q3822">
        <v>74268.197820000001</v>
      </c>
      <c r="R3822">
        <v>15435.26376</v>
      </c>
      <c r="S3822">
        <v>71598.801500000001</v>
      </c>
      <c r="T3822">
        <v>18162.412850000001</v>
      </c>
      <c r="U3822">
        <v>14364.523429999999</v>
      </c>
      <c r="W3822" s="83">
        <f>Bühler!N3854</f>
        <v>45451.166666657402</v>
      </c>
      <c r="X3822" s="83">
        <v>43260.166666666664</v>
      </c>
      <c r="Y3822">
        <v>191920.96419999999</v>
      </c>
      <c r="Z3822">
        <v>12278.512909999999</v>
      </c>
      <c r="AA3822">
        <v>55876.181199999999</v>
      </c>
      <c r="AB3822">
        <v>30231.744449999998</v>
      </c>
      <c r="AC3822">
        <v>33287.763180000002</v>
      </c>
      <c r="AD3822">
        <v>14951.07735</v>
      </c>
      <c r="AE3822">
        <v>35920.861149999997</v>
      </c>
      <c r="AF3822">
        <v>45510.74437</v>
      </c>
      <c r="AG3822">
        <v>16188.75582</v>
      </c>
      <c r="AH3822">
        <v>249608.9736</v>
      </c>
      <c r="AI3822">
        <v>66105.454410000006</v>
      </c>
      <c r="AJ3822">
        <v>18472.357069999998</v>
      </c>
      <c r="AK3822">
        <v>23983.73029</v>
      </c>
      <c r="AL3822">
        <v>74268.197820000001</v>
      </c>
      <c r="AM3822">
        <v>15435.26376</v>
      </c>
      <c r="AN3822">
        <v>71598.801500000001</v>
      </c>
      <c r="AO3822">
        <v>18162.412850000001</v>
      </c>
      <c r="AP3822">
        <v>14364.523429999999</v>
      </c>
    </row>
    <row r="3823" spans="2:42" x14ac:dyDescent="0.3">
      <c r="B3823">
        <v>47.310204112768616</v>
      </c>
      <c r="C3823" s="83">
        <v>43260.208333333336</v>
      </c>
      <c r="D3823">
        <v>186225.55309999999</v>
      </c>
      <c r="E3823">
        <v>12808.797780000001</v>
      </c>
      <c r="F3823">
        <v>64815.079360000003</v>
      </c>
      <c r="G3823">
        <v>30336.461770000002</v>
      </c>
      <c r="H3823">
        <v>33360.890299999999</v>
      </c>
      <c r="I3823">
        <v>19911.703529999999</v>
      </c>
      <c r="J3823">
        <v>38277.078979999998</v>
      </c>
      <c r="K3823">
        <v>44563.169070000004</v>
      </c>
      <c r="L3823">
        <v>16685.435219999999</v>
      </c>
      <c r="M3823">
        <v>241209.48329999999</v>
      </c>
      <c r="N3823">
        <v>62629.996299999999</v>
      </c>
      <c r="O3823">
        <v>18327.206150000002</v>
      </c>
      <c r="P3823">
        <v>24823.132389999999</v>
      </c>
      <c r="Q3823">
        <v>72264.976009999998</v>
      </c>
      <c r="R3823">
        <v>17074.34937</v>
      </c>
      <c r="S3823">
        <v>72851.043260000006</v>
      </c>
      <c r="T3823">
        <v>18660.451369999999</v>
      </c>
      <c r="U3823">
        <v>14692.57656</v>
      </c>
      <c r="W3823" s="83">
        <f>Bühler!N3855</f>
        <v>45451.208333324066</v>
      </c>
      <c r="X3823" s="83">
        <v>43260.208333333336</v>
      </c>
      <c r="Y3823">
        <v>186225.55309999999</v>
      </c>
      <c r="Z3823">
        <v>12808.797780000001</v>
      </c>
      <c r="AA3823">
        <v>64815.079360000003</v>
      </c>
      <c r="AB3823">
        <v>30336.461770000002</v>
      </c>
      <c r="AC3823">
        <v>33360.890299999999</v>
      </c>
      <c r="AD3823">
        <v>19911.703529999999</v>
      </c>
      <c r="AE3823">
        <v>38277.078979999998</v>
      </c>
      <c r="AF3823">
        <v>44563.169070000004</v>
      </c>
      <c r="AG3823">
        <v>16685.435219999999</v>
      </c>
      <c r="AH3823">
        <v>241209.48329999999</v>
      </c>
      <c r="AI3823">
        <v>62629.996299999999</v>
      </c>
      <c r="AJ3823">
        <v>18327.206150000002</v>
      </c>
      <c r="AK3823">
        <v>24823.132389999999</v>
      </c>
      <c r="AL3823">
        <v>72264.976009999998</v>
      </c>
      <c r="AM3823">
        <v>17074.34937</v>
      </c>
      <c r="AN3823">
        <v>72851.043260000006</v>
      </c>
      <c r="AO3823">
        <v>18660.451369999999</v>
      </c>
      <c r="AP3823">
        <v>14692.57656</v>
      </c>
    </row>
    <row r="3824" spans="2:42" x14ac:dyDescent="0.3">
      <c r="B3824">
        <v>46.571766522425342</v>
      </c>
      <c r="C3824" s="83">
        <v>43260.25</v>
      </c>
      <c r="D3824">
        <v>186492.7243</v>
      </c>
      <c r="E3824">
        <v>14372.0021</v>
      </c>
      <c r="F3824">
        <v>75188.074479999996</v>
      </c>
      <c r="G3824">
        <v>30552.65337</v>
      </c>
      <c r="H3824">
        <v>32923.334340000001</v>
      </c>
      <c r="I3824">
        <v>22149.394619999999</v>
      </c>
      <c r="J3824">
        <v>40059.034209999998</v>
      </c>
      <c r="K3824">
        <v>42327.955540000003</v>
      </c>
      <c r="L3824">
        <v>16978.51669</v>
      </c>
      <c r="M3824">
        <v>237444.58410000001</v>
      </c>
      <c r="N3824">
        <v>61222.649380000003</v>
      </c>
      <c r="O3824">
        <v>18552.39962</v>
      </c>
      <c r="P3824">
        <v>25247.62701</v>
      </c>
      <c r="Q3824">
        <v>69575.016659999994</v>
      </c>
      <c r="R3824">
        <v>15126.786389999999</v>
      </c>
      <c r="S3824">
        <v>75818.191439999995</v>
      </c>
      <c r="T3824">
        <v>19942.570319999999</v>
      </c>
      <c r="U3824">
        <v>14308.32782</v>
      </c>
      <c r="W3824" s="83">
        <f>Bühler!N3856</f>
        <v>45451.24999999073</v>
      </c>
      <c r="X3824" s="83">
        <v>43260.25</v>
      </c>
      <c r="Y3824">
        <v>186492.7243</v>
      </c>
      <c r="Z3824">
        <v>14372.0021</v>
      </c>
      <c r="AA3824">
        <v>75188.074479999996</v>
      </c>
      <c r="AB3824">
        <v>30552.65337</v>
      </c>
      <c r="AC3824">
        <v>32923.334340000001</v>
      </c>
      <c r="AD3824">
        <v>22149.394619999999</v>
      </c>
      <c r="AE3824">
        <v>40059.034209999998</v>
      </c>
      <c r="AF3824">
        <v>42327.955540000003</v>
      </c>
      <c r="AG3824">
        <v>16978.51669</v>
      </c>
      <c r="AH3824">
        <v>237444.58410000001</v>
      </c>
      <c r="AI3824">
        <v>61222.649380000003</v>
      </c>
      <c r="AJ3824">
        <v>18552.39962</v>
      </c>
      <c r="AK3824">
        <v>25247.62701</v>
      </c>
      <c r="AL3824">
        <v>69575.016659999994</v>
      </c>
      <c r="AM3824">
        <v>15126.786389999999</v>
      </c>
      <c r="AN3824">
        <v>75818.191439999995</v>
      </c>
      <c r="AO3824">
        <v>19942.570319999999</v>
      </c>
      <c r="AP3824">
        <v>14308.32782</v>
      </c>
    </row>
    <row r="3825" spans="2:42" x14ac:dyDescent="0.3">
      <c r="B3825">
        <v>46.796634085159951</v>
      </c>
      <c r="C3825" s="83">
        <v>43260.291666666664</v>
      </c>
      <c r="D3825">
        <v>185805.10569999999</v>
      </c>
      <c r="E3825">
        <v>16696.271349999999</v>
      </c>
      <c r="F3825">
        <v>79124.548160000006</v>
      </c>
      <c r="G3825">
        <v>32018.237389999998</v>
      </c>
      <c r="H3825">
        <v>33928.304270000001</v>
      </c>
      <c r="I3825">
        <v>23977.821370000001</v>
      </c>
      <c r="J3825">
        <v>41162.613369999999</v>
      </c>
      <c r="K3825">
        <v>43788.70895</v>
      </c>
      <c r="L3825">
        <v>18806.366699999999</v>
      </c>
      <c r="M3825">
        <v>238591.0638</v>
      </c>
      <c r="N3825">
        <v>60091.705999999998</v>
      </c>
      <c r="O3825">
        <v>18952.62169</v>
      </c>
      <c r="P3825">
        <v>27892.509870000002</v>
      </c>
      <c r="Q3825">
        <v>67404.408920000002</v>
      </c>
      <c r="R3825">
        <v>15754.84013</v>
      </c>
      <c r="S3825">
        <v>81859.737059999999</v>
      </c>
      <c r="T3825">
        <v>21776.872080000001</v>
      </c>
      <c r="U3825">
        <v>14777.96262</v>
      </c>
      <c r="W3825" s="83">
        <f>Bühler!N3857</f>
        <v>45451.291666657395</v>
      </c>
      <c r="X3825" s="83">
        <v>43260.291666666664</v>
      </c>
      <c r="Y3825">
        <v>185805.10569999999</v>
      </c>
      <c r="Z3825">
        <v>16696.271349999999</v>
      </c>
      <c r="AA3825">
        <v>79124.548160000006</v>
      </c>
      <c r="AB3825">
        <v>32018.237389999998</v>
      </c>
      <c r="AC3825">
        <v>33928.304270000001</v>
      </c>
      <c r="AD3825">
        <v>23977.821370000001</v>
      </c>
      <c r="AE3825">
        <v>41162.613369999999</v>
      </c>
      <c r="AF3825">
        <v>43788.70895</v>
      </c>
      <c r="AG3825">
        <v>18806.366699999999</v>
      </c>
      <c r="AH3825">
        <v>238591.0638</v>
      </c>
      <c r="AI3825">
        <v>60091.705999999998</v>
      </c>
      <c r="AJ3825">
        <v>18952.62169</v>
      </c>
      <c r="AK3825">
        <v>27892.509870000002</v>
      </c>
      <c r="AL3825">
        <v>67404.408920000002</v>
      </c>
      <c r="AM3825">
        <v>15754.84013</v>
      </c>
      <c r="AN3825">
        <v>81859.737059999999</v>
      </c>
      <c r="AO3825">
        <v>21776.872080000001</v>
      </c>
      <c r="AP3825">
        <v>14777.96262</v>
      </c>
    </row>
    <row r="3826" spans="2:42" x14ac:dyDescent="0.3">
      <c r="B3826">
        <v>46.395650365178021</v>
      </c>
      <c r="C3826" s="83">
        <v>43260.333333333336</v>
      </c>
      <c r="D3826">
        <v>186175.1452</v>
      </c>
      <c r="E3826">
        <v>20034.536769999999</v>
      </c>
      <c r="F3826">
        <v>86183.174799999993</v>
      </c>
      <c r="G3826">
        <v>34062.729330000002</v>
      </c>
      <c r="H3826">
        <v>34909.307439999997</v>
      </c>
      <c r="I3826">
        <v>25071.788700000001</v>
      </c>
      <c r="J3826">
        <v>43087.498570000003</v>
      </c>
      <c r="K3826">
        <v>45202.92338</v>
      </c>
      <c r="L3826">
        <v>21565.172060000001</v>
      </c>
      <c r="M3826">
        <v>236546.6618</v>
      </c>
      <c r="N3826">
        <v>59966.35252</v>
      </c>
      <c r="O3826">
        <v>19632.971389999999</v>
      </c>
      <c r="P3826">
        <v>30925.47797</v>
      </c>
      <c r="Q3826">
        <v>66040.04969</v>
      </c>
      <c r="R3826">
        <v>16672.5026</v>
      </c>
      <c r="S3826">
        <v>85571.917440000005</v>
      </c>
      <c r="T3826">
        <v>23490.555469999999</v>
      </c>
      <c r="U3826">
        <v>14706.822749999999</v>
      </c>
      <c r="W3826" s="83">
        <f>Bühler!N3858</f>
        <v>45451.333333324059</v>
      </c>
      <c r="X3826" s="83">
        <v>43260.333333333336</v>
      </c>
      <c r="Y3826">
        <v>186175.1452</v>
      </c>
      <c r="Z3826">
        <v>20034.536769999999</v>
      </c>
      <c r="AA3826">
        <v>86183.174799999993</v>
      </c>
      <c r="AB3826">
        <v>34062.729330000002</v>
      </c>
      <c r="AC3826">
        <v>34909.307439999997</v>
      </c>
      <c r="AD3826">
        <v>25071.788700000001</v>
      </c>
      <c r="AE3826">
        <v>43087.498570000003</v>
      </c>
      <c r="AF3826">
        <v>45202.92338</v>
      </c>
      <c r="AG3826">
        <v>21565.172060000001</v>
      </c>
      <c r="AH3826">
        <v>236546.6618</v>
      </c>
      <c r="AI3826">
        <v>59966.35252</v>
      </c>
      <c r="AJ3826">
        <v>19632.971389999999</v>
      </c>
      <c r="AK3826">
        <v>30925.47797</v>
      </c>
      <c r="AL3826">
        <v>66040.04969</v>
      </c>
      <c r="AM3826">
        <v>16672.5026</v>
      </c>
      <c r="AN3826">
        <v>85571.917440000005</v>
      </c>
      <c r="AO3826">
        <v>23490.555469999999</v>
      </c>
      <c r="AP3826">
        <v>14706.822749999999</v>
      </c>
    </row>
    <row r="3827" spans="2:42" x14ac:dyDescent="0.3">
      <c r="B3827">
        <v>45.985042927648678</v>
      </c>
      <c r="C3827" s="83">
        <v>43260.375</v>
      </c>
      <c r="D3827">
        <v>185115.05489999999</v>
      </c>
      <c r="E3827">
        <v>24107.686290000001</v>
      </c>
      <c r="F3827">
        <v>92329.185670000006</v>
      </c>
      <c r="G3827">
        <v>34981.306080000002</v>
      </c>
      <c r="H3827">
        <v>35725.694259999997</v>
      </c>
      <c r="I3827">
        <v>26028.610499999999</v>
      </c>
      <c r="J3827">
        <v>44639.706059999997</v>
      </c>
      <c r="K3827">
        <v>48033.695419999996</v>
      </c>
      <c r="L3827">
        <v>24834.774600000001</v>
      </c>
      <c r="M3827">
        <v>234453.1936</v>
      </c>
      <c r="N3827">
        <v>61380.834260000003</v>
      </c>
      <c r="O3827">
        <v>20712.127199999999</v>
      </c>
      <c r="P3827">
        <v>32963.137060000001</v>
      </c>
      <c r="Q3827">
        <v>66154.090299999996</v>
      </c>
      <c r="R3827">
        <v>17757.299879999999</v>
      </c>
      <c r="S3827">
        <v>89242.257070000007</v>
      </c>
      <c r="T3827">
        <v>26038.674360000001</v>
      </c>
      <c r="U3827">
        <v>14868.004919999999</v>
      </c>
      <c r="W3827" s="83">
        <f>Bühler!N3859</f>
        <v>45451.374999990723</v>
      </c>
      <c r="X3827" s="83">
        <v>43260.375</v>
      </c>
      <c r="Y3827">
        <v>185115.05489999999</v>
      </c>
      <c r="Z3827">
        <v>24107.686290000001</v>
      </c>
      <c r="AA3827">
        <v>92329.185670000006</v>
      </c>
      <c r="AB3827">
        <v>34981.306080000002</v>
      </c>
      <c r="AC3827">
        <v>35725.694259999997</v>
      </c>
      <c r="AD3827">
        <v>26028.610499999999</v>
      </c>
      <c r="AE3827">
        <v>44639.706059999997</v>
      </c>
      <c r="AF3827">
        <v>48033.695419999996</v>
      </c>
      <c r="AG3827">
        <v>24834.774600000001</v>
      </c>
      <c r="AH3827">
        <v>234453.1936</v>
      </c>
      <c r="AI3827">
        <v>61380.834260000003</v>
      </c>
      <c r="AJ3827">
        <v>20712.127199999999</v>
      </c>
      <c r="AK3827">
        <v>32963.137060000001</v>
      </c>
      <c r="AL3827">
        <v>66154.090299999996</v>
      </c>
      <c r="AM3827">
        <v>17757.299879999999</v>
      </c>
      <c r="AN3827">
        <v>89242.257070000007</v>
      </c>
      <c r="AO3827">
        <v>26038.674360000001</v>
      </c>
      <c r="AP3827">
        <v>14868.004919999999</v>
      </c>
    </row>
    <row r="3828" spans="2:42" x14ac:dyDescent="0.3">
      <c r="B3828">
        <v>46.432457767132554</v>
      </c>
      <c r="C3828" s="83">
        <v>43260.416666666664</v>
      </c>
      <c r="D3828">
        <v>184826.58319999999</v>
      </c>
      <c r="E3828">
        <v>26276.156230000001</v>
      </c>
      <c r="F3828">
        <v>93976.914659999995</v>
      </c>
      <c r="G3828">
        <v>35681.414190000003</v>
      </c>
      <c r="H3828">
        <v>36367.963049999998</v>
      </c>
      <c r="I3828">
        <v>26254.631580000001</v>
      </c>
      <c r="J3828">
        <v>45015.130210000003</v>
      </c>
      <c r="K3828">
        <v>49412.164570000001</v>
      </c>
      <c r="L3828">
        <v>29000.108209999999</v>
      </c>
      <c r="M3828">
        <v>236734.32310000001</v>
      </c>
      <c r="N3828">
        <v>62895.179709999997</v>
      </c>
      <c r="O3828">
        <v>20546.370269999999</v>
      </c>
      <c r="P3828">
        <v>33999.927929999998</v>
      </c>
      <c r="Q3828">
        <v>66287.666299999997</v>
      </c>
      <c r="R3828">
        <v>19131.224859999998</v>
      </c>
      <c r="S3828">
        <v>90523.397299999997</v>
      </c>
      <c r="T3828">
        <v>28557.708859999999</v>
      </c>
      <c r="U3828">
        <v>15029.064280000001</v>
      </c>
      <c r="W3828" s="83">
        <f>Bühler!N3860</f>
        <v>45451.416666657387</v>
      </c>
      <c r="X3828" s="83">
        <v>43260.416666666664</v>
      </c>
      <c r="Y3828">
        <v>184826.58319999999</v>
      </c>
      <c r="Z3828">
        <v>26276.156230000001</v>
      </c>
      <c r="AA3828">
        <v>93976.914659999995</v>
      </c>
      <c r="AB3828">
        <v>35681.414190000003</v>
      </c>
      <c r="AC3828">
        <v>36367.963049999998</v>
      </c>
      <c r="AD3828">
        <v>26254.631580000001</v>
      </c>
      <c r="AE3828">
        <v>45015.130210000003</v>
      </c>
      <c r="AF3828">
        <v>49412.164570000001</v>
      </c>
      <c r="AG3828">
        <v>29000.108209999999</v>
      </c>
      <c r="AH3828">
        <v>236734.32310000001</v>
      </c>
      <c r="AI3828">
        <v>62895.179709999997</v>
      </c>
      <c r="AJ3828">
        <v>20546.370269999999</v>
      </c>
      <c r="AK3828">
        <v>33999.927929999998</v>
      </c>
      <c r="AL3828">
        <v>66287.666299999997</v>
      </c>
      <c r="AM3828">
        <v>19131.224859999998</v>
      </c>
      <c r="AN3828">
        <v>90523.397299999997</v>
      </c>
      <c r="AO3828">
        <v>28557.708859999999</v>
      </c>
      <c r="AP3828">
        <v>15029.064280000001</v>
      </c>
    </row>
    <row r="3829" spans="2:42" x14ac:dyDescent="0.3">
      <c r="B3829">
        <v>46.595206728162609</v>
      </c>
      <c r="C3829" s="83">
        <v>43260.458333333336</v>
      </c>
      <c r="D3829">
        <v>181376.16219999999</v>
      </c>
      <c r="E3829">
        <v>26607.46905</v>
      </c>
      <c r="F3829">
        <v>94800.151180000001</v>
      </c>
      <c r="G3829">
        <v>35883.955560000002</v>
      </c>
      <c r="H3829">
        <v>36714.152340000001</v>
      </c>
      <c r="I3829">
        <v>26857.14703</v>
      </c>
      <c r="J3829">
        <v>45203.363319999997</v>
      </c>
      <c r="K3829">
        <v>49982.292589999997</v>
      </c>
      <c r="L3829">
        <v>31123.861199999999</v>
      </c>
      <c r="M3829">
        <v>237564.0932</v>
      </c>
      <c r="N3829">
        <v>63733.850680000003</v>
      </c>
      <c r="O3829">
        <v>21262.758279999998</v>
      </c>
      <c r="P3829">
        <v>34447.131220000003</v>
      </c>
      <c r="Q3829">
        <v>65760.956049999993</v>
      </c>
      <c r="R3829">
        <v>21421.457920000001</v>
      </c>
      <c r="S3829">
        <v>93292.439249999996</v>
      </c>
      <c r="T3829">
        <v>29444.710510000001</v>
      </c>
      <c r="U3829">
        <v>14766.070900000001</v>
      </c>
      <c r="W3829" s="83">
        <f>Bühler!N3861</f>
        <v>45451.458333324052</v>
      </c>
      <c r="X3829" s="83">
        <v>43260.458333333336</v>
      </c>
      <c r="Y3829">
        <v>181376.16219999999</v>
      </c>
      <c r="Z3829">
        <v>26607.46905</v>
      </c>
      <c r="AA3829">
        <v>94800.151180000001</v>
      </c>
      <c r="AB3829">
        <v>35883.955560000002</v>
      </c>
      <c r="AC3829">
        <v>36714.152340000001</v>
      </c>
      <c r="AD3829">
        <v>26857.14703</v>
      </c>
      <c r="AE3829">
        <v>45203.363319999997</v>
      </c>
      <c r="AF3829">
        <v>49982.292589999997</v>
      </c>
      <c r="AG3829">
        <v>31123.861199999999</v>
      </c>
      <c r="AH3829">
        <v>237564.0932</v>
      </c>
      <c r="AI3829">
        <v>63733.850680000003</v>
      </c>
      <c r="AJ3829">
        <v>21262.758279999998</v>
      </c>
      <c r="AK3829">
        <v>34447.131220000003</v>
      </c>
      <c r="AL3829">
        <v>65760.956049999993</v>
      </c>
      <c r="AM3829">
        <v>21421.457920000001</v>
      </c>
      <c r="AN3829">
        <v>93292.439249999996</v>
      </c>
      <c r="AO3829">
        <v>29444.710510000001</v>
      </c>
      <c r="AP3829">
        <v>14766.070900000001</v>
      </c>
    </row>
    <row r="3830" spans="2:42" x14ac:dyDescent="0.3">
      <c r="B3830">
        <v>46.619130059576271</v>
      </c>
      <c r="C3830" s="83">
        <v>43260.5</v>
      </c>
      <c r="D3830">
        <v>173983.51939999999</v>
      </c>
      <c r="E3830">
        <v>25091.73661</v>
      </c>
      <c r="F3830">
        <v>94221.713570000007</v>
      </c>
      <c r="G3830">
        <v>35202.364370000003</v>
      </c>
      <c r="H3830">
        <v>36463.700900000003</v>
      </c>
      <c r="I3830">
        <v>26959.680499999999</v>
      </c>
      <c r="J3830">
        <v>45889.129650000003</v>
      </c>
      <c r="K3830">
        <v>49339.921289999998</v>
      </c>
      <c r="L3830">
        <v>33390.173049999998</v>
      </c>
      <c r="M3830">
        <v>237686.0655</v>
      </c>
      <c r="N3830">
        <v>64690.571759999999</v>
      </c>
      <c r="O3830">
        <v>20123.37875</v>
      </c>
      <c r="P3830">
        <v>34635.02951</v>
      </c>
      <c r="Q3830">
        <v>63446.812109999999</v>
      </c>
      <c r="R3830">
        <v>20456.72237</v>
      </c>
      <c r="S3830">
        <v>89832.036500000002</v>
      </c>
      <c r="T3830">
        <v>29562.42094</v>
      </c>
      <c r="U3830">
        <v>13821.19426</v>
      </c>
      <c r="W3830" s="83">
        <f>Bühler!N3862</f>
        <v>45451.499999990716</v>
      </c>
      <c r="X3830" s="83">
        <v>43260.5</v>
      </c>
      <c r="Y3830">
        <v>173983.51939999999</v>
      </c>
      <c r="Z3830">
        <v>25091.73661</v>
      </c>
      <c r="AA3830">
        <v>94221.713570000007</v>
      </c>
      <c r="AB3830">
        <v>35202.364370000003</v>
      </c>
      <c r="AC3830">
        <v>36463.700900000003</v>
      </c>
      <c r="AD3830">
        <v>26959.680499999999</v>
      </c>
      <c r="AE3830">
        <v>45889.129650000003</v>
      </c>
      <c r="AF3830">
        <v>49339.921289999998</v>
      </c>
      <c r="AG3830">
        <v>33390.173049999998</v>
      </c>
      <c r="AH3830">
        <v>237686.0655</v>
      </c>
      <c r="AI3830">
        <v>64690.571759999999</v>
      </c>
      <c r="AJ3830">
        <v>20123.37875</v>
      </c>
      <c r="AK3830">
        <v>34635.02951</v>
      </c>
      <c r="AL3830">
        <v>63446.812109999999</v>
      </c>
      <c r="AM3830">
        <v>20456.72237</v>
      </c>
      <c r="AN3830">
        <v>89832.036500000002</v>
      </c>
      <c r="AO3830">
        <v>29562.42094</v>
      </c>
      <c r="AP3830">
        <v>13821.19426</v>
      </c>
    </row>
    <row r="3831" spans="2:42" x14ac:dyDescent="0.3">
      <c r="B3831">
        <v>46.926617997095668</v>
      </c>
      <c r="C3831" s="83">
        <v>43260.541666666664</v>
      </c>
      <c r="D3831">
        <v>170382.3156</v>
      </c>
      <c r="E3831">
        <v>24826.757140000002</v>
      </c>
      <c r="F3831">
        <v>93936.320319999999</v>
      </c>
      <c r="G3831">
        <v>34837.108180000003</v>
      </c>
      <c r="H3831">
        <v>35913.216339999999</v>
      </c>
      <c r="I3831">
        <v>27151.229289999999</v>
      </c>
      <c r="J3831">
        <v>45361.290209999999</v>
      </c>
      <c r="K3831">
        <v>49863.552349999998</v>
      </c>
      <c r="L3831">
        <v>33031.467530000002</v>
      </c>
      <c r="M3831">
        <v>239253.7824</v>
      </c>
      <c r="N3831">
        <v>66566.011010000002</v>
      </c>
      <c r="O3831">
        <v>20062.203979999998</v>
      </c>
      <c r="P3831">
        <v>34517.524250000002</v>
      </c>
      <c r="Q3831">
        <v>61577.790070000003</v>
      </c>
      <c r="R3831">
        <v>20093.366269999999</v>
      </c>
      <c r="S3831">
        <v>90857.170939999996</v>
      </c>
      <c r="T3831">
        <v>28956.174220000001</v>
      </c>
      <c r="U3831">
        <v>14257.01793</v>
      </c>
      <c r="W3831" s="83">
        <f>Bühler!N3863</f>
        <v>45451.54166665738</v>
      </c>
      <c r="X3831" s="83">
        <v>43260.541666666664</v>
      </c>
      <c r="Y3831">
        <v>170382.3156</v>
      </c>
      <c r="Z3831">
        <v>24826.757140000002</v>
      </c>
      <c r="AA3831">
        <v>93936.320319999999</v>
      </c>
      <c r="AB3831">
        <v>34837.108180000003</v>
      </c>
      <c r="AC3831">
        <v>35913.216339999999</v>
      </c>
      <c r="AD3831">
        <v>27151.229289999999</v>
      </c>
      <c r="AE3831">
        <v>45361.290209999999</v>
      </c>
      <c r="AF3831">
        <v>49863.552349999998</v>
      </c>
      <c r="AG3831">
        <v>33031.467530000002</v>
      </c>
      <c r="AH3831">
        <v>239253.7824</v>
      </c>
      <c r="AI3831">
        <v>66566.011010000002</v>
      </c>
      <c r="AJ3831">
        <v>20062.203979999998</v>
      </c>
      <c r="AK3831">
        <v>34517.524250000002</v>
      </c>
      <c r="AL3831">
        <v>61577.790070000003</v>
      </c>
      <c r="AM3831">
        <v>20093.366269999999</v>
      </c>
      <c r="AN3831">
        <v>90857.170939999996</v>
      </c>
      <c r="AO3831">
        <v>28956.174220000001</v>
      </c>
      <c r="AP3831">
        <v>14257.01793</v>
      </c>
    </row>
    <row r="3832" spans="2:42" x14ac:dyDescent="0.3">
      <c r="B3832">
        <v>46.713425513886477</v>
      </c>
      <c r="C3832" s="83">
        <v>43260.583333333336</v>
      </c>
      <c r="D3832">
        <v>169585.6918</v>
      </c>
      <c r="E3832">
        <v>25887.648990000002</v>
      </c>
      <c r="F3832">
        <v>94630.900080000007</v>
      </c>
      <c r="G3832">
        <v>34673.280760000001</v>
      </c>
      <c r="H3832">
        <v>36092.249100000001</v>
      </c>
      <c r="I3832">
        <v>27893.767179999999</v>
      </c>
      <c r="J3832">
        <v>44265.457020000002</v>
      </c>
      <c r="K3832">
        <v>49359.668870000001</v>
      </c>
      <c r="L3832">
        <v>30861.006600000001</v>
      </c>
      <c r="M3832">
        <v>238166.82769999999</v>
      </c>
      <c r="N3832">
        <v>67389.571479999999</v>
      </c>
      <c r="O3832">
        <v>20265.425749999999</v>
      </c>
      <c r="P3832">
        <v>32045.586520000001</v>
      </c>
      <c r="Q3832">
        <v>61394.804730000003</v>
      </c>
      <c r="R3832">
        <v>20763.06709</v>
      </c>
      <c r="S3832">
        <v>89533.800300000003</v>
      </c>
      <c r="T3832">
        <v>29598.059130000001</v>
      </c>
      <c r="U3832">
        <v>13942.465910000001</v>
      </c>
      <c r="W3832" s="83">
        <f>Bühler!N3864</f>
        <v>45451.583333324044</v>
      </c>
      <c r="X3832" s="83">
        <v>43260.583333333336</v>
      </c>
      <c r="Y3832">
        <v>169585.6918</v>
      </c>
      <c r="Z3832">
        <v>25887.648990000002</v>
      </c>
      <c r="AA3832">
        <v>94630.900080000007</v>
      </c>
      <c r="AB3832">
        <v>34673.280760000001</v>
      </c>
      <c r="AC3832">
        <v>36092.249100000001</v>
      </c>
      <c r="AD3832">
        <v>27893.767179999999</v>
      </c>
      <c r="AE3832">
        <v>44265.457020000002</v>
      </c>
      <c r="AF3832">
        <v>49359.668870000001</v>
      </c>
      <c r="AG3832">
        <v>30861.006600000001</v>
      </c>
      <c r="AH3832">
        <v>238166.82769999999</v>
      </c>
      <c r="AI3832">
        <v>67389.571479999999</v>
      </c>
      <c r="AJ3832">
        <v>20265.425749999999</v>
      </c>
      <c r="AK3832">
        <v>32045.586520000001</v>
      </c>
      <c r="AL3832">
        <v>61394.804730000003</v>
      </c>
      <c r="AM3832">
        <v>20763.06709</v>
      </c>
      <c r="AN3832">
        <v>89533.800300000003</v>
      </c>
      <c r="AO3832">
        <v>29598.059130000001</v>
      </c>
      <c r="AP3832">
        <v>13942.465910000001</v>
      </c>
    </row>
    <row r="3833" spans="2:42" x14ac:dyDescent="0.3">
      <c r="B3833">
        <v>46.761291476635265</v>
      </c>
      <c r="C3833" s="83">
        <v>43260.625</v>
      </c>
      <c r="D3833">
        <v>168802.80429999999</v>
      </c>
      <c r="E3833">
        <v>26221.376110000001</v>
      </c>
      <c r="F3833">
        <v>94891.334369999997</v>
      </c>
      <c r="G3833">
        <v>35200.093639999999</v>
      </c>
      <c r="H3833">
        <v>35750.422350000001</v>
      </c>
      <c r="I3833">
        <v>27974.214070000002</v>
      </c>
      <c r="J3833">
        <v>43643.22236</v>
      </c>
      <c r="K3833">
        <v>48319.392419999996</v>
      </c>
      <c r="L3833">
        <v>29024.757870000001</v>
      </c>
      <c r="M3833">
        <v>238410.8707</v>
      </c>
      <c r="N3833">
        <v>66412.425579999996</v>
      </c>
      <c r="O3833">
        <v>20267.941739999998</v>
      </c>
      <c r="P3833">
        <v>30207.871149999999</v>
      </c>
      <c r="Q3833">
        <v>60492.8246</v>
      </c>
      <c r="R3833">
        <v>20718.657220000001</v>
      </c>
      <c r="S3833">
        <v>88926.156180000005</v>
      </c>
      <c r="T3833">
        <v>29586.31884</v>
      </c>
      <c r="U3833">
        <v>14125.75016</v>
      </c>
      <c r="W3833" s="83">
        <f>Bühler!N3865</f>
        <v>45451.624999990709</v>
      </c>
      <c r="X3833" s="83">
        <v>43260.625</v>
      </c>
      <c r="Y3833">
        <v>168802.80429999999</v>
      </c>
      <c r="Z3833">
        <v>26221.376110000001</v>
      </c>
      <c r="AA3833">
        <v>94891.334369999997</v>
      </c>
      <c r="AB3833">
        <v>35200.093639999999</v>
      </c>
      <c r="AC3833">
        <v>35750.422350000001</v>
      </c>
      <c r="AD3833">
        <v>27974.214070000002</v>
      </c>
      <c r="AE3833">
        <v>43643.22236</v>
      </c>
      <c r="AF3833">
        <v>48319.392419999996</v>
      </c>
      <c r="AG3833">
        <v>29024.757870000001</v>
      </c>
      <c r="AH3833">
        <v>238410.8707</v>
      </c>
      <c r="AI3833">
        <v>66412.425579999996</v>
      </c>
      <c r="AJ3833">
        <v>20267.941739999998</v>
      </c>
      <c r="AK3833">
        <v>30207.871149999999</v>
      </c>
      <c r="AL3833">
        <v>60492.8246</v>
      </c>
      <c r="AM3833">
        <v>20718.657220000001</v>
      </c>
      <c r="AN3833">
        <v>88926.156180000005</v>
      </c>
      <c r="AO3833">
        <v>29586.31884</v>
      </c>
      <c r="AP3833">
        <v>14125.75016</v>
      </c>
    </row>
    <row r="3834" spans="2:42" x14ac:dyDescent="0.3">
      <c r="B3834">
        <v>46.112058711722995</v>
      </c>
      <c r="C3834" s="83">
        <v>43260.666666666664</v>
      </c>
      <c r="D3834">
        <v>168463.8757</v>
      </c>
      <c r="E3834">
        <v>26165.707549999999</v>
      </c>
      <c r="F3834">
        <v>94012.32445</v>
      </c>
      <c r="G3834">
        <v>34323.170819999999</v>
      </c>
      <c r="H3834">
        <v>35685.383450000001</v>
      </c>
      <c r="I3834">
        <v>28035.326570000001</v>
      </c>
      <c r="J3834">
        <v>43900.784619999999</v>
      </c>
      <c r="K3834">
        <v>47133.191070000001</v>
      </c>
      <c r="L3834">
        <v>28311.283640000001</v>
      </c>
      <c r="M3834">
        <v>235100.77929999999</v>
      </c>
      <c r="N3834">
        <v>67496.215039999995</v>
      </c>
      <c r="O3834">
        <v>20172.17785</v>
      </c>
      <c r="P3834">
        <v>29267.136450000002</v>
      </c>
      <c r="Q3834">
        <v>60076.807990000001</v>
      </c>
      <c r="R3834">
        <v>20690.746739999999</v>
      </c>
      <c r="S3834">
        <v>89547.365409999999</v>
      </c>
      <c r="T3834">
        <v>28797.205320000001</v>
      </c>
      <c r="U3834">
        <v>14188.76892</v>
      </c>
      <c r="W3834" s="83">
        <f>Bühler!N3866</f>
        <v>45451.666666657373</v>
      </c>
      <c r="X3834" s="83">
        <v>43260.666666666664</v>
      </c>
      <c r="Y3834">
        <v>168463.8757</v>
      </c>
      <c r="Z3834">
        <v>26165.707549999999</v>
      </c>
      <c r="AA3834">
        <v>94012.32445</v>
      </c>
      <c r="AB3834">
        <v>34323.170819999999</v>
      </c>
      <c r="AC3834">
        <v>35685.383450000001</v>
      </c>
      <c r="AD3834">
        <v>28035.326570000001</v>
      </c>
      <c r="AE3834">
        <v>43900.784619999999</v>
      </c>
      <c r="AF3834">
        <v>47133.191070000001</v>
      </c>
      <c r="AG3834">
        <v>28311.283640000001</v>
      </c>
      <c r="AH3834">
        <v>235100.77929999999</v>
      </c>
      <c r="AI3834">
        <v>67496.215039999995</v>
      </c>
      <c r="AJ3834">
        <v>20172.17785</v>
      </c>
      <c r="AK3834">
        <v>29267.136450000002</v>
      </c>
      <c r="AL3834">
        <v>60076.807990000001</v>
      </c>
      <c r="AM3834">
        <v>20690.746739999999</v>
      </c>
      <c r="AN3834">
        <v>89547.365409999999</v>
      </c>
      <c r="AO3834">
        <v>28797.205320000001</v>
      </c>
      <c r="AP3834">
        <v>14188.76892</v>
      </c>
    </row>
    <row r="3835" spans="2:42" x14ac:dyDescent="0.3">
      <c r="B3835">
        <v>45.148665983290073</v>
      </c>
      <c r="C3835" s="83">
        <v>43260.708333333336</v>
      </c>
      <c r="D3835">
        <v>167380.84090000001</v>
      </c>
      <c r="E3835">
        <v>25764.506089999999</v>
      </c>
      <c r="F3835">
        <v>93493.218980000005</v>
      </c>
      <c r="G3835">
        <v>33947.737939999999</v>
      </c>
      <c r="H3835">
        <v>35407.650979999999</v>
      </c>
      <c r="I3835">
        <v>28288.593130000001</v>
      </c>
      <c r="J3835">
        <v>45286.744989999999</v>
      </c>
      <c r="K3835">
        <v>45908.950969999998</v>
      </c>
      <c r="L3835">
        <v>29086.925920000001</v>
      </c>
      <c r="M3835">
        <v>230188.95389999999</v>
      </c>
      <c r="N3835">
        <v>67702.82518</v>
      </c>
      <c r="O3835">
        <v>20096.221160000001</v>
      </c>
      <c r="P3835">
        <v>31170.355049999998</v>
      </c>
      <c r="Q3835">
        <v>59181.21529</v>
      </c>
      <c r="R3835">
        <v>22385.281330000002</v>
      </c>
      <c r="S3835">
        <v>91177.922930000001</v>
      </c>
      <c r="T3835">
        <v>29521.121859999999</v>
      </c>
      <c r="U3835">
        <v>14166.64968</v>
      </c>
      <c r="W3835" s="83">
        <f>Bühler!N3867</f>
        <v>45451.708333324037</v>
      </c>
      <c r="X3835" s="83">
        <v>43260.708333333336</v>
      </c>
      <c r="Y3835">
        <v>167380.84090000001</v>
      </c>
      <c r="Z3835">
        <v>25764.506089999999</v>
      </c>
      <c r="AA3835">
        <v>93493.218980000005</v>
      </c>
      <c r="AB3835">
        <v>33947.737939999999</v>
      </c>
      <c r="AC3835">
        <v>35407.650979999999</v>
      </c>
      <c r="AD3835">
        <v>28288.593130000001</v>
      </c>
      <c r="AE3835">
        <v>45286.744989999999</v>
      </c>
      <c r="AF3835">
        <v>45908.950969999998</v>
      </c>
      <c r="AG3835">
        <v>29086.925920000001</v>
      </c>
      <c r="AH3835">
        <v>230188.95389999999</v>
      </c>
      <c r="AI3835">
        <v>67702.82518</v>
      </c>
      <c r="AJ3835">
        <v>20096.221160000001</v>
      </c>
      <c r="AK3835">
        <v>31170.355049999998</v>
      </c>
      <c r="AL3835">
        <v>59181.21529</v>
      </c>
      <c r="AM3835">
        <v>22385.281330000002</v>
      </c>
      <c r="AN3835">
        <v>91177.922930000001</v>
      </c>
      <c r="AO3835">
        <v>29521.121859999999</v>
      </c>
      <c r="AP3835">
        <v>14166.64968</v>
      </c>
    </row>
    <row r="3836" spans="2:42" x14ac:dyDescent="0.3">
      <c r="B3836">
        <v>44.352044994233566</v>
      </c>
      <c r="C3836" s="83">
        <v>43260.75</v>
      </c>
      <c r="D3836">
        <v>165638.12669999999</v>
      </c>
      <c r="E3836">
        <v>24548.710220000001</v>
      </c>
      <c r="F3836">
        <v>91750.89099</v>
      </c>
      <c r="G3836">
        <v>33415.694539999997</v>
      </c>
      <c r="H3836">
        <v>35206.933340000003</v>
      </c>
      <c r="I3836">
        <v>28072.693159999999</v>
      </c>
      <c r="J3836">
        <v>44999.322959999998</v>
      </c>
      <c r="K3836">
        <v>46525.853730000003</v>
      </c>
      <c r="L3836">
        <v>29912.576430000001</v>
      </c>
      <c r="M3836">
        <v>226127.4086</v>
      </c>
      <c r="N3836">
        <v>68028.058810000002</v>
      </c>
      <c r="O3836">
        <v>19616.82718</v>
      </c>
      <c r="P3836">
        <v>33925.440770000001</v>
      </c>
      <c r="Q3836">
        <v>57447.846290000001</v>
      </c>
      <c r="R3836">
        <v>20798.283879999999</v>
      </c>
      <c r="S3836">
        <v>87903.230590000006</v>
      </c>
      <c r="T3836">
        <v>28593.776519999999</v>
      </c>
      <c r="U3836">
        <v>14175.517889999999</v>
      </c>
      <c r="W3836" s="83">
        <f>Bühler!N3868</f>
        <v>45451.749999990701</v>
      </c>
      <c r="X3836" s="83">
        <v>43260.75</v>
      </c>
      <c r="Y3836">
        <v>165638.12669999999</v>
      </c>
      <c r="Z3836">
        <v>24548.710220000001</v>
      </c>
      <c r="AA3836">
        <v>91750.89099</v>
      </c>
      <c r="AB3836">
        <v>33415.694539999997</v>
      </c>
      <c r="AC3836">
        <v>35206.933340000003</v>
      </c>
      <c r="AD3836">
        <v>28072.693159999999</v>
      </c>
      <c r="AE3836">
        <v>44999.322959999998</v>
      </c>
      <c r="AF3836">
        <v>46525.853730000003</v>
      </c>
      <c r="AG3836">
        <v>29912.576430000001</v>
      </c>
      <c r="AH3836">
        <v>226127.4086</v>
      </c>
      <c r="AI3836">
        <v>68028.058810000002</v>
      </c>
      <c r="AJ3836">
        <v>19616.82718</v>
      </c>
      <c r="AK3836">
        <v>33925.440770000001</v>
      </c>
      <c r="AL3836">
        <v>57447.846290000001</v>
      </c>
      <c r="AM3836">
        <v>20798.283879999999</v>
      </c>
      <c r="AN3836">
        <v>87903.230590000006</v>
      </c>
      <c r="AO3836">
        <v>28593.776519999999</v>
      </c>
      <c r="AP3836">
        <v>14175.517889999999</v>
      </c>
    </row>
    <row r="3837" spans="2:42" x14ac:dyDescent="0.3">
      <c r="B3837">
        <v>43.717148560111298</v>
      </c>
      <c r="C3837" s="83">
        <v>43260.791666666664</v>
      </c>
      <c r="D3837">
        <v>164303.92509999999</v>
      </c>
      <c r="E3837">
        <v>20237.87369</v>
      </c>
      <c r="F3837">
        <v>80357.637770000001</v>
      </c>
      <c r="G3837">
        <v>33141.515059999998</v>
      </c>
      <c r="H3837">
        <v>34552.662259999997</v>
      </c>
      <c r="I3837">
        <v>26963.697800000002</v>
      </c>
      <c r="J3837">
        <v>43947.0772</v>
      </c>
      <c r="K3837">
        <v>47396.20203</v>
      </c>
      <c r="L3837">
        <v>30792.96358</v>
      </c>
      <c r="M3837">
        <v>222890.4105</v>
      </c>
      <c r="N3837">
        <v>67283.531430000003</v>
      </c>
      <c r="O3837">
        <v>19024.466390000001</v>
      </c>
      <c r="P3837">
        <v>35894.692130000003</v>
      </c>
      <c r="Q3837">
        <v>55326.936959999999</v>
      </c>
      <c r="R3837">
        <v>19992.529259999999</v>
      </c>
      <c r="S3837">
        <v>86041.094060000003</v>
      </c>
      <c r="T3837">
        <v>26986.297060000001</v>
      </c>
      <c r="U3837">
        <v>14034.617469999999</v>
      </c>
      <c r="W3837" s="83">
        <f>Bühler!N3869</f>
        <v>45451.791666657366</v>
      </c>
      <c r="X3837" s="83">
        <v>43260.791666666664</v>
      </c>
      <c r="Y3837">
        <v>164303.92509999999</v>
      </c>
      <c r="Z3837">
        <v>20237.87369</v>
      </c>
      <c r="AA3837">
        <v>80357.637770000001</v>
      </c>
      <c r="AB3837">
        <v>33141.515059999998</v>
      </c>
      <c r="AC3837">
        <v>34552.662259999997</v>
      </c>
      <c r="AD3837">
        <v>26963.697800000002</v>
      </c>
      <c r="AE3837">
        <v>43947.0772</v>
      </c>
      <c r="AF3837">
        <v>47396.20203</v>
      </c>
      <c r="AG3837">
        <v>30792.96358</v>
      </c>
      <c r="AH3837">
        <v>222890.4105</v>
      </c>
      <c r="AI3837">
        <v>67283.531430000003</v>
      </c>
      <c r="AJ3837">
        <v>19024.466390000001</v>
      </c>
      <c r="AK3837">
        <v>35894.692130000003</v>
      </c>
      <c r="AL3837">
        <v>55326.936959999999</v>
      </c>
      <c r="AM3837">
        <v>19992.529259999999</v>
      </c>
      <c r="AN3837">
        <v>86041.094060000003</v>
      </c>
      <c r="AO3837">
        <v>26986.297060000001</v>
      </c>
      <c r="AP3837">
        <v>14034.617469999999</v>
      </c>
    </row>
    <row r="3838" spans="2:42" x14ac:dyDescent="0.3">
      <c r="B3838">
        <v>42.822583882402633</v>
      </c>
      <c r="C3838" s="83">
        <v>43260.833333333336</v>
      </c>
      <c r="D3838">
        <v>162482.20420000001</v>
      </c>
      <c r="E3838">
        <v>14743.26072</v>
      </c>
      <c r="F3838">
        <v>62615.372479999998</v>
      </c>
      <c r="G3838">
        <v>32425.486819999998</v>
      </c>
      <c r="H3838">
        <v>33299.64039</v>
      </c>
      <c r="I3838">
        <v>24574.046050000001</v>
      </c>
      <c r="J3838">
        <v>42515.726119999999</v>
      </c>
      <c r="K3838">
        <v>46604.319000000003</v>
      </c>
      <c r="L3838">
        <v>29932.940760000001</v>
      </c>
      <c r="M3838">
        <v>218329.50260000001</v>
      </c>
      <c r="N3838">
        <v>66280.348410000006</v>
      </c>
      <c r="O3838">
        <v>19170.06306</v>
      </c>
      <c r="P3838">
        <v>35582.667159999997</v>
      </c>
      <c r="Q3838">
        <v>53360.249300000003</v>
      </c>
      <c r="R3838">
        <v>19124.996640000001</v>
      </c>
      <c r="S3838">
        <v>80437.560110000006</v>
      </c>
      <c r="T3838">
        <v>24814.313239999999</v>
      </c>
      <c r="U3838">
        <v>13872.81842</v>
      </c>
      <c r="W3838" s="83">
        <f>Bühler!N3870</f>
        <v>45451.83333332403</v>
      </c>
      <c r="X3838" s="83">
        <v>43260.833333333336</v>
      </c>
      <c r="Y3838">
        <v>162482.20420000001</v>
      </c>
      <c r="Z3838">
        <v>14743.26072</v>
      </c>
      <c r="AA3838">
        <v>62615.372479999998</v>
      </c>
      <c r="AB3838">
        <v>32425.486819999998</v>
      </c>
      <c r="AC3838">
        <v>33299.64039</v>
      </c>
      <c r="AD3838">
        <v>24574.046050000001</v>
      </c>
      <c r="AE3838">
        <v>42515.726119999999</v>
      </c>
      <c r="AF3838">
        <v>46604.319000000003</v>
      </c>
      <c r="AG3838">
        <v>29932.940760000001</v>
      </c>
      <c r="AH3838">
        <v>218329.50260000001</v>
      </c>
      <c r="AI3838">
        <v>66280.348410000006</v>
      </c>
      <c r="AJ3838">
        <v>19170.06306</v>
      </c>
      <c r="AK3838">
        <v>35582.667159999997</v>
      </c>
      <c r="AL3838">
        <v>53360.249300000003</v>
      </c>
      <c r="AM3838">
        <v>19124.996640000001</v>
      </c>
      <c r="AN3838">
        <v>80437.560110000006</v>
      </c>
      <c r="AO3838">
        <v>24814.313239999999</v>
      </c>
      <c r="AP3838">
        <v>13872.81842</v>
      </c>
    </row>
    <row r="3839" spans="2:42" x14ac:dyDescent="0.3">
      <c r="B3839">
        <v>41.974699693303151</v>
      </c>
      <c r="C3839" s="83">
        <v>43260.875</v>
      </c>
      <c r="D3839">
        <v>160716.94390000001</v>
      </c>
      <c r="E3839">
        <v>12854.606669999999</v>
      </c>
      <c r="F3839">
        <v>53891.70491</v>
      </c>
      <c r="G3839">
        <v>32046.753789999999</v>
      </c>
      <c r="H3839">
        <v>32938.834289999999</v>
      </c>
      <c r="I3839">
        <v>22005.13536</v>
      </c>
      <c r="J3839">
        <v>42131.177470000002</v>
      </c>
      <c r="K3839">
        <v>48128.816619999998</v>
      </c>
      <c r="L3839">
        <v>28897.822380000001</v>
      </c>
      <c r="M3839">
        <v>214006.59359999999</v>
      </c>
      <c r="N3839">
        <v>65738.35252</v>
      </c>
      <c r="O3839">
        <v>18289.66029</v>
      </c>
      <c r="P3839">
        <v>34801.3704</v>
      </c>
      <c r="Q3839">
        <v>51693.73502</v>
      </c>
      <c r="R3839">
        <v>19127.16707</v>
      </c>
      <c r="S3839">
        <v>77739.753119999994</v>
      </c>
      <c r="T3839">
        <v>23494.233120000001</v>
      </c>
      <c r="U3839">
        <v>13657.28975</v>
      </c>
      <c r="W3839" s="83">
        <f>Bühler!N3871</f>
        <v>45451.874999990694</v>
      </c>
      <c r="X3839" s="83">
        <v>43260.875</v>
      </c>
      <c r="Y3839">
        <v>160716.94390000001</v>
      </c>
      <c r="Z3839">
        <v>12854.606669999999</v>
      </c>
      <c r="AA3839">
        <v>53891.70491</v>
      </c>
      <c r="AB3839">
        <v>32046.753789999999</v>
      </c>
      <c r="AC3839">
        <v>32938.834289999999</v>
      </c>
      <c r="AD3839">
        <v>22005.13536</v>
      </c>
      <c r="AE3839">
        <v>42131.177470000002</v>
      </c>
      <c r="AF3839">
        <v>48128.816619999998</v>
      </c>
      <c r="AG3839">
        <v>28897.822380000001</v>
      </c>
      <c r="AH3839">
        <v>214006.59359999999</v>
      </c>
      <c r="AI3839">
        <v>65738.35252</v>
      </c>
      <c r="AJ3839">
        <v>18289.66029</v>
      </c>
      <c r="AK3839">
        <v>34801.3704</v>
      </c>
      <c r="AL3839">
        <v>51693.73502</v>
      </c>
      <c r="AM3839">
        <v>19127.16707</v>
      </c>
      <c r="AN3839">
        <v>77739.753119999994</v>
      </c>
      <c r="AO3839">
        <v>23494.233120000001</v>
      </c>
      <c r="AP3839">
        <v>13657.28975</v>
      </c>
    </row>
    <row r="3840" spans="2:42" x14ac:dyDescent="0.3">
      <c r="B3840">
        <v>41.885018097047954</v>
      </c>
      <c r="C3840" s="83">
        <v>43260.916666666664</v>
      </c>
      <c r="D3840">
        <v>161100.72640000001</v>
      </c>
      <c r="E3840">
        <v>12571.231809999999</v>
      </c>
      <c r="F3840">
        <v>51100.117189999997</v>
      </c>
      <c r="G3840">
        <v>32416.634669999999</v>
      </c>
      <c r="H3840">
        <v>34451.843529999998</v>
      </c>
      <c r="I3840">
        <v>21177.026559999998</v>
      </c>
      <c r="J3840">
        <v>42229.00303</v>
      </c>
      <c r="K3840">
        <v>52061.724410000003</v>
      </c>
      <c r="L3840">
        <v>26864.7412</v>
      </c>
      <c r="M3840">
        <v>213549.35500000001</v>
      </c>
      <c r="N3840">
        <v>65829.642930000002</v>
      </c>
      <c r="O3840">
        <v>18271.53602</v>
      </c>
      <c r="P3840">
        <v>37557.588510000001</v>
      </c>
      <c r="Q3840">
        <v>51777.362090000002</v>
      </c>
      <c r="R3840">
        <v>20524.282599999999</v>
      </c>
      <c r="S3840">
        <v>77882.550319999995</v>
      </c>
      <c r="T3840">
        <v>22667.643749999999</v>
      </c>
      <c r="U3840">
        <v>14383.58157</v>
      </c>
      <c r="W3840" s="83">
        <f>Bühler!N3872</f>
        <v>45451.916666657358</v>
      </c>
      <c r="X3840" s="83">
        <v>43260.916666666664</v>
      </c>
      <c r="Y3840">
        <v>161100.72640000001</v>
      </c>
      <c r="Z3840">
        <v>12571.231809999999</v>
      </c>
      <c r="AA3840">
        <v>51100.117189999997</v>
      </c>
      <c r="AB3840">
        <v>32416.634669999999</v>
      </c>
      <c r="AC3840">
        <v>34451.843529999998</v>
      </c>
      <c r="AD3840">
        <v>21177.026559999998</v>
      </c>
      <c r="AE3840">
        <v>42229.00303</v>
      </c>
      <c r="AF3840">
        <v>52061.724410000003</v>
      </c>
      <c r="AG3840">
        <v>26864.7412</v>
      </c>
      <c r="AH3840">
        <v>213549.35500000001</v>
      </c>
      <c r="AI3840">
        <v>65829.642930000002</v>
      </c>
      <c r="AJ3840">
        <v>18271.53602</v>
      </c>
      <c r="AK3840">
        <v>37557.588510000001</v>
      </c>
      <c r="AL3840">
        <v>51777.362090000002</v>
      </c>
      <c r="AM3840">
        <v>20524.282599999999</v>
      </c>
      <c r="AN3840">
        <v>77882.550319999995</v>
      </c>
      <c r="AO3840">
        <v>22667.643749999999</v>
      </c>
      <c r="AP3840">
        <v>14383.58157</v>
      </c>
    </row>
    <row r="3841" spans="2:42" x14ac:dyDescent="0.3">
      <c r="B3841">
        <v>41.566354092809995</v>
      </c>
      <c r="C3841" s="83">
        <v>43260.958333333336</v>
      </c>
      <c r="D3841">
        <v>160223.91409999999</v>
      </c>
      <c r="E3841">
        <v>12028.62823</v>
      </c>
      <c r="F3841">
        <v>49976.924590000002</v>
      </c>
      <c r="G3841">
        <v>32372.517980000001</v>
      </c>
      <c r="H3841">
        <v>34066.077839999998</v>
      </c>
      <c r="I3841">
        <v>20680.581549999999</v>
      </c>
      <c r="J3841">
        <v>38458.73962</v>
      </c>
      <c r="K3841">
        <v>50231.345370000003</v>
      </c>
      <c r="L3841">
        <v>22275.515449999999</v>
      </c>
      <c r="M3841">
        <v>211924.65729999999</v>
      </c>
      <c r="N3841">
        <v>64635.651319999997</v>
      </c>
      <c r="O3841">
        <v>18589.920030000001</v>
      </c>
      <c r="P3841">
        <v>33357.243000000002</v>
      </c>
      <c r="Q3841">
        <v>51378.64157</v>
      </c>
      <c r="R3841">
        <v>21241.988379999999</v>
      </c>
      <c r="S3841">
        <v>75556.598769999997</v>
      </c>
      <c r="T3841">
        <v>21214.335569999999</v>
      </c>
      <c r="U3841">
        <v>13991.35721</v>
      </c>
      <c r="W3841" s="83">
        <f>Bühler!N3873</f>
        <v>45451.958333324023</v>
      </c>
      <c r="X3841" s="83">
        <v>43260.958333333336</v>
      </c>
      <c r="Y3841">
        <v>160223.91409999999</v>
      </c>
      <c r="Z3841">
        <v>12028.62823</v>
      </c>
      <c r="AA3841">
        <v>49976.924590000002</v>
      </c>
      <c r="AB3841">
        <v>32372.517980000001</v>
      </c>
      <c r="AC3841">
        <v>34066.077839999998</v>
      </c>
      <c r="AD3841">
        <v>20680.581549999999</v>
      </c>
      <c r="AE3841">
        <v>38458.73962</v>
      </c>
      <c r="AF3841">
        <v>50231.345370000003</v>
      </c>
      <c r="AG3841">
        <v>22275.515449999999</v>
      </c>
      <c r="AH3841">
        <v>211924.65729999999</v>
      </c>
      <c r="AI3841">
        <v>64635.651319999997</v>
      </c>
      <c r="AJ3841">
        <v>18589.920030000001</v>
      </c>
      <c r="AK3841">
        <v>33357.243000000002</v>
      </c>
      <c r="AL3841">
        <v>51378.64157</v>
      </c>
      <c r="AM3841">
        <v>21241.988379999999</v>
      </c>
      <c r="AN3841">
        <v>75556.598769999997</v>
      </c>
      <c r="AO3841">
        <v>21214.335569999999</v>
      </c>
      <c r="AP3841">
        <v>13991.35721</v>
      </c>
    </row>
    <row r="3842" spans="2:42" x14ac:dyDescent="0.3">
      <c r="B3842">
        <v>41.033162360694469</v>
      </c>
      <c r="C3842" s="83">
        <v>43261</v>
      </c>
      <c r="D3842">
        <v>158473.33350000001</v>
      </c>
      <c r="E3842">
        <v>11680.812959999999</v>
      </c>
      <c r="F3842">
        <v>47894.502229999998</v>
      </c>
      <c r="G3842">
        <v>32458.347659999999</v>
      </c>
      <c r="H3842">
        <v>33450.274989999998</v>
      </c>
      <c r="I3842">
        <v>19063.608049999999</v>
      </c>
      <c r="J3842">
        <v>35712.442519999997</v>
      </c>
      <c r="K3842">
        <v>49052.538289999997</v>
      </c>
      <c r="L3842">
        <v>19095.400870000001</v>
      </c>
      <c r="M3842">
        <v>209206.1972</v>
      </c>
      <c r="N3842">
        <v>61527.294289999998</v>
      </c>
      <c r="O3842">
        <v>19831.84201</v>
      </c>
      <c r="P3842">
        <v>30964.971119999998</v>
      </c>
      <c r="Q3842">
        <v>49239.098330000001</v>
      </c>
      <c r="R3842">
        <v>17075.93417</v>
      </c>
      <c r="S3842">
        <v>73350.125060000006</v>
      </c>
      <c r="T3842">
        <v>20194.097010000001</v>
      </c>
      <c r="U3842">
        <v>13765.389870000001</v>
      </c>
      <c r="W3842" s="83">
        <f>Bühler!N3874</f>
        <v>45451.999999990687</v>
      </c>
      <c r="X3842" s="83">
        <v>43261</v>
      </c>
      <c r="Y3842">
        <v>158473.33350000001</v>
      </c>
      <c r="Z3842">
        <v>11680.812959999999</v>
      </c>
      <c r="AA3842">
        <v>47894.502229999998</v>
      </c>
      <c r="AB3842">
        <v>32458.347659999999</v>
      </c>
      <c r="AC3842">
        <v>33450.274989999998</v>
      </c>
      <c r="AD3842">
        <v>19063.608049999999</v>
      </c>
      <c r="AE3842">
        <v>35712.442519999997</v>
      </c>
      <c r="AF3842">
        <v>49052.538289999997</v>
      </c>
      <c r="AG3842">
        <v>19095.400870000001</v>
      </c>
      <c r="AH3842">
        <v>209206.1972</v>
      </c>
      <c r="AI3842">
        <v>61527.294289999998</v>
      </c>
      <c r="AJ3842">
        <v>19831.84201</v>
      </c>
      <c r="AK3842">
        <v>30964.971119999998</v>
      </c>
      <c r="AL3842">
        <v>49239.098330000001</v>
      </c>
      <c r="AM3842">
        <v>17075.93417</v>
      </c>
      <c r="AN3842">
        <v>73350.125060000006</v>
      </c>
      <c r="AO3842">
        <v>20194.097010000001</v>
      </c>
      <c r="AP3842">
        <v>13765.389870000001</v>
      </c>
    </row>
    <row r="3843" spans="2:42" x14ac:dyDescent="0.3">
      <c r="B3843">
        <v>40.818555020640858</v>
      </c>
      <c r="C3843" s="83">
        <v>43261.041666666664</v>
      </c>
      <c r="D3843">
        <v>157795.07500000001</v>
      </c>
      <c r="E3843">
        <v>11518.34885</v>
      </c>
      <c r="F3843">
        <v>47106.869700000003</v>
      </c>
      <c r="G3843">
        <v>32033.82963</v>
      </c>
      <c r="H3843">
        <v>32369.017970000001</v>
      </c>
      <c r="I3843">
        <v>15730.906150000001</v>
      </c>
      <c r="J3843">
        <v>34239.111169999996</v>
      </c>
      <c r="K3843">
        <v>47354.262150000002</v>
      </c>
      <c r="L3843">
        <v>17091.010750000001</v>
      </c>
      <c r="M3843">
        <v>208112.0289</v>
      </c>
      <c r="N3843">
        <v>60256.230100000001</v>
      </c>
      <c r="O3843">
        <v>18695.15986</v>
      </c>
      <c r="P3843">
        <v>28076.442169999998</v>
      </c>
      <c r="Q3843">
        <v>49806.334560000003</v>
      </c>
      <c r="R3843">
        <v>15312.769969999999</v>
      </c>
      <c r="S3843">
        <v>71999.776389999999</v>
      </c>
      <c r="T3843">
        <v>19246.886190000001</v>
      </c>
      <c r="U3843">
        <v>13610.852559999999</v>
      </c>
      <c r="W3843" s="83">
        <f>Bühler!N3875</f>
        <v>45452.041666657351</v>
      </c>
      <c r="X3843" s="83">
        <v>43261.041666666664</v>
      </c>
      <c r="Y3843">
        <v>157795.07500000001</v>
      </c>
      <c r="Z3843">
        <v>11518.34885</v>
      </c>
      <c r="AA3843">
        <v>47106.869700000003</v>
      </c>
      <c r="AB3843">
        <v>32033.82963</v>
      </c>
      <c r="AC3843">
        <v>32369.017970000001</v>
      </c>
      <c r="AD3843">
        <v>15730.906150000001</v>
      </c>
      <c r="AE3843">
        <v>34239.111169999996</v>
      </c>
      <c r="AF3843">
        <v>47354.262150000002</v>
      </c>
      <c r="AG3843">
        <v>17091.010750000001</v>
      </c>
      <c r="AH3843">
        <v>208112.0289</v>
      </c>
      <c r="AI3843">
        <v>60256.230100000001</v>
      </c>
      <c r="AJ3843">
        <v>18695.15986</v>
      </c>
      <c r="AK3843">
        <v>28076.442169999998</v>
      </c>
      <c r="AL3843">
        <v>49806.334560000003</v>
      </c>
      <c r="AM3843">
        <v>15312.769969999999</v>
      </c>
      <c r="AN3843">
        <v>71999.776389999999</v>
      </c>
      <c r="AO3843">
        <v>19246.886190000001</v>
      </c>
      <c r="AP3843">
        <v>13610.852559999999</v>
      </c>
    </row>
    <row r="3844" spans="2:42" x14ac:dyDescent="0.3">
      <c r="B3844">
        <v>40.694225769943699</v>
      </c>
      <c r="C3844" s="83">
        <v>43261.083333333336</v>
      </c>
      <c r="D3844">
        <v>157333.44810000001</v>
      </c>
      <c r="E3844">
        <v>11458.557210000001</v>
      </c>
      <c r="F3844">
        <v>47008.300410000003</v>
      </c>
      <c r="G3844">
        <v>31648.39976</v>
      </c>
      <c r="H3844">
        <v>31878.915400000002</v>
      </c>
      <c r="I3844">
        <v>13791.265219999999</v>
      </c>
      <c r="J3844">
        <v>33265.183960000002</v>
      </c>
      <c r="K3844">
        <v>45352.123079999998</v>
      </c>
      <c r="L3844">
        <v>16168.262839999999</v>
      </c>
      <c r="M3844">
        <v>207478.1404</v>
      </c>
      <c r="N3844">
        <v>59076.386279999999</v>
      </c>
      <c r="O3844">
        <v>18101.231619999999</v>
      </c>
      <c r="P3844">
        <v>25783.69858</v>
      </c>
      <c r="Q3844">
        <v>51624.957340000001</v>
      </c>
      <c r="R3844">
        <v>14942.72309</v>
      </c>
      <c r="S3844">
        <v>71078.186879999994</v>
      </c>
      <c r="T3844">
        <v>18796.747719999999</v>
      </c>
      <c r="U3844">
        <v>13475.0952</v>
      </c>
      <c r="W3844" s="83">
        <f>Bühler!N3876</f>
        <v>45452.083333324015</v>
      </c>
      <c r="X3844" s="83">
        <v>43261.083333333336</v>
      </c>
      <c r="Y3844">
        <v>157333.44810000001</v>
      </c>
      <c r="Z3844">
        <v>11458.557210000001</v>
      </c>
      <c r="AA3844">
        <v>47008.300410000003</v>
      </c>
      <c r="AB3844">
        <v>31648.39976</v>
      </c>
      <c r="AC3844">
        <v>31878.915400000002</v>
      </c>
      <c r="AD3844">
        <v>13791.265219999999</v>
      </c>
      <c r="AE3844">
        <v>33265.183960000002</v>
      </c>
      <c r="AF3844">
        <v>45352.123079999998</v>
      </c>
      <c r="AG3844">
        <v>16168.262839999999</v>
      </c>
      <c r="AH3844">
        <v>207478.1404</v>
      </c>
      <c r="AI3844">
        <v>59076.386279999999</v>
      </c>
      <c r="AJ3844">
        <v>18101.231619999999</v>
      </c>
      <c r="AK3844">
        <v>25783.69858</v>
      </c>
      <c r="AL3844">
        <v>51624.957340000001</v>
      </c>
      <c r="AM3844">
        <v>14942.72309</v>
      </c>
      <c r="AN3844">
        <v>71078.186879999994</v>
      </c>
      <c r="AO3844">
        <v>18796.747719999999</v>
      </c>
      <c r="AP3844">
        <v>13475.0952</v>
      </c>
    </row>
    <row r="3845" spans="2:42" x14ac:dyDescent="0.3">
      <c r="B3845">
        <v>40.51906911692214</v>
      </c>
      <c r="C3845" s="83">
        <v>43261.125</v>
      </c>
      <c r="D3845">
        <v>157311.63159999999</v>
      </c>
      <c r="E3845">
        <v>11310.80155</v>
      </c>
      <c r="F3845">
        <v>47146.970399999998</v>
      </c>
      <c r="G3845">
        <v>30959.06871</v>
      </c>
      <c r="H3845">
        <v>31800.028020000002</v>
      </c>
      <c r="I3845">
        <v>12870.33208</v>
      </c>
      <c r="J3845">
        <v>33132.066460000002</v>
      </c>
      <c r="K3845">
        <v>44114.502099999998</v>
      </c>
      <c r="L3845">
        <v>15651.85914</v>
      </c>
      <c r="M3845">
        <v>206585.11009999999</v>
      </c>
      <c r="N3845">
        <v>58781.58498</v>
      </c>
      <c r="O3845">
        <v>18068.335149999999</v>
      </c>
      <c r="P3845">
        <v>24793.636610000001</v>
      </c>
      <c r="Q3845">
        <v>52406.647980000002</v>
      </c>
      <c r="R3845">
        <v>14224.33597</v>
      </c>
      <c r="S3845">
        <v>70498.327250000002</v>
      </c>
      <c r="T3845">
        <v>18288.37313</v>
      </c>
      <c r="U3845">
        <v>13439.326499999999</v>
      </c>
      <c r="W3845" s="83">
        <f>Bühler!N3877</f>
        <v>45452.124999990679</v>
      </c>
      <c r="X3845" s="83">
        <v>43261.125</v>
      </c>
      <c r="Y3845">
        <v>157311.63159999999</v>
      </c>
      <c r="Z3845">
        <v>11310.80155</v>
      </c>
      <c r="AA3845">
        <v>47146.970399999998</v>
      </c>
      <c r="AB3845">
        <v>30959.06871</v>
      </c>
      <c r="AC3845">
        <v>31800.028020000002</v>
      </c>
      <c r="AD3845">
        <v>12870.33208</v>
      </c>
      <c r="AE3845">
        <v>33132.066460000002</v>
      </c>
      <c r="AF3845">
        <v>44114.502099999998</v>
      </c>
      <c r="AG3845">
        <v>15651.85914</v>
      </c>
      <c r="AH3845">
        <v>206585.11009999999</v>
      </c>
      <c r="AI3845">
        <v>58781.58498</v>
      </c>
      <c r="AJ3845">
        <v>18068.335149999999</v>
      </c>
      <c r="AK3845">
        <v>24793.636610000001</v>
      </c>
      <c r="AL3845">
        <v>52406.647980000002</v>
      </c>
      <c r="AM3845">
        <v>14224.33597</v>
      </c>
      <c r="AN3845">
        <v>70498.327250000002</v>
      </c>
      <c r="AO3845">
        <v>18288.37313</v>
      </c>
      <c r="AP3845">
        <v>13439.326499999999</v>
      </c>
    </row>
    <row r="3846" spans="2:42" x14ac:dyDescent="0.3">
      <c r="B3846">
        <v>40.274744291287966</v>
      </c>
      <c r="C3846" s="83">
        <v>43261.166666666664</v>
      </c>
      <c r="D3846">
        <v>156776.3481</v>
      </c>
      <c r="E3846">
        <v>11407.31028</v>
      </c>
      <c r="F3846">
        <v>46687.477890000002</v>
      </c>
      <c r="G3846">
        <v>29931.75806</v>
      </c>
      <c r="H3846">
        <v>31534.19601</v>
      </c>
      <c r="I3846">
        <v>12938.921410000001</v>
      </c>
      <c r="J3846">
        <v>35264.71271</v>
      </c>
      <c r="K3846">
        <v>43241.893859999996</v>
      </c>
      <c r="L3846">
        <v>15897.575059999999</v>
      </c>
      <c r="M3846">
        <v>205339.42819999999</v>
      </c>
      <c r="N3846">
        <v>57605.585180000002</v>
      </c>
      <c r="O3846">
        <v>16865.200929999999</v>
      </c>
      <c r="P3846">
        <v>23867.836050000002</v>
      </c>
      <c r="Q3846">
        <v>52795.976820000003</v>
      </c>
      <c r="R3846">
        <v>14246.20059</v>
      </c>
      <c r="S3846">
        <v>70507.09633</v>
      </c>
      <c r="T3846">
        <v>17999.101470000001</v>
      </c>
      <c r="U3846">
        <v>13288.2611</v>
      </c>
      <c r="W3846" s="83">
        <f>Bühler!N3878</f>
        <v>45452.166666657344</v>
      </c>
      <c r="X3846" s="83">
        <v>43261.166666666664</v>
      </c>
      <c r="Y3846">
        <v>156776.3481</v>
      </c>
      <c r="Z3846">
        <v>11407.31028</v>
      </c>
      <c r="AA3846">
        <v>46687.477890000002</v>
      </c>
      <c r="AB3846">
        <v>29931.75806</v>
      </c>
      <c r="AC3846">
        <v>31534.19601</v>
      </c>
      <c r="AD3846">
        <v>12938.921410000001</v>
      </c>
      <c r="AE3846">
        <v>35264.71271</v>
      </c>
      <c r="AF3846">
        <v>43241.893859999996</v>
      </c>
      <c r="AG3846">
        <v>15897.575059999999</v>
      </c>
      <c r="AH3846">
        <v>205339.42819999999</v>
      </c>
      <c r="AI3846">
        <v>57605.585180000002</v>
      </c>
      <c r="AJ3846">
        <v>16865.200929999999</v>
      </c>
      <c r="AK3846">
        <v>23867.836050000002</v>
      </c>
      <c r="AL3846">
        <v>52795.976820000003</v>
      </c>
      <c r="AM3846">
        <v>14246.20059</v>
      </c>
      <c r="AN3846">
        <v>70507.09633</v>
      </c>
      <c r="AO3846">
        <v>17999.101470000001</v>
      </c>
      <c r="AP3846">
        <v>13288.2611</v>
      </c>
    </row>
    <row r="3847" spans="2:42" x14ac:dyDescent="0.3">
      <c r="B3847">
        <v>40.18945727145973</v>
      </c>
      <c r="C3847" s="83">
        <v>43261.208333333336</v>
      </c>
      <c r="D3847">
        <v>156197.92869999999</v>
      </c>
      <c r="E3847">
        <v>11290.428970000001</v>
      </c>
      <c r="F3847">
        <v>47235.939480000001</v>
      </c>
      <c r="G3847">
        <v>29644.077710000001</v>
      </c>
      <c r="H3847">
        <v>31202.51988</v>
      </c>
      <c r="I3847">
        <v>16626.497220000001</v>
      </c>
      <c r="J3847">
        <v>37566.533320000002</v>
      </c>
      <c r="K3847">
        <v>42266.565840000003</v>
      </c>
      <c r="L3847">
        <v>15951.370129999999</v>
      </c>
      <c r="M3847">
        <v>204904.59520000001</v>
      </c>
      <c r="N3847">
        <v>54678.69455</v>
      </c>
      <c r="O3847">
        <v>17446.504560000001</v>
      </c>
      <c r="P3847">
        <v>25186.87239</v>
      </c>
      <c r="Q3847">
        <v>52625.402399999999</v>
      </c>
      <c r="R3847">
        <v>15900.11803</v>
      </c>
      <c r="S3847">
        <v>71679.855739999999</v>
      </c>
      <c r="T3847">
        <v>17991.01597</v>
      </c>
      <c r="U3847">
        <v>13158.280779999999</v>
      </c>
      <c r="W3847" s="83">
        <f>Bühler!N3879</f>
        <v>45452.208333324008</v>
      </c>
      <c r="X3847" s="83">
        <v>43261.208333333336</v>
      </c>
      <c r="Y3847">
        <v>156197.92869999999</v>
      </c>
      <c r="Z3847">
        <v>11290.428970000001</v>
      </c>
      <c r="AA3847">
        <v>47235.939480000001</v>
      </c>
      <c r="AB3847">
        <v>29644.077710000001</v>
      </c>
      <c r="AC3847">
        <v>31202.51988</v>
      </c>
      <c r="AD3847">
        <v>16626.497220000001</v>
      </c>
      <c r="AE3847">
        <v>37566.533320000002</v>
      </c>
      <c r="AF3847">
        <v>42266.565840000003</v>
      </c>
      <c r="AG3847">
        <v>15951.370129999999</v>
      </c>
      <c r="AH3847">
        <v>204904.59520000001</v>
      </c>
      <c r="AI3847">
        <v>54678.69455</v>
      </c>
      <c r="AJ3847">
        <v>17446.504560000001</v>
      </c>
      <c r="AK3847">
        <v>25186.87239</v>
      </c>
      <c r="AL3847">
        <v>52625.402399999999</v>
      </c>
      <c r="AM3847">
        <v>15900.11803</v>
      </c>
      <c r="AN3847">
        <v>71679.855739999999</v>
      </c>
      <c r="AO3847">
        <v>17991.01597</v>
      </c>
      <c r="AP3847">
        <v>13158.280779999999</v>
      </c>
    </row>
    <row r="3848" spans="2:42" x14ac:dyDescent="0.3">
      <c r="B3848">
        <v>39.906588227462699</v>
      </c>
      <c r="C3848" s="83">
        <v>43261.25</v>
      </c>
      <c r="D3848">
        <v>154631.45499999999</v>
      </c>
      <c r="E3848">
        <v>11240.04478</v>
      </c>
      <c r="F3848">
        <v>49881.957600000002</v>
      </c>
      <c r="G3848">
        <v>29462.106520000001</v>
      </c>
      <c r="H3848">
        <v>30449.412499999999</v>
      </c>
      <c r="I3848">
        <v>18163.359359999999</v>
      </c>
      <c r="J3848">
        <v>39064.070699999997</v>
      </c>
      <c r="K3848">
        <v>41333.670100000003</v>
      </c>
      <c r="L3848">
        <v>15876.631740000001</v>
      </c>
      <c r="M3848">
        <v>203462.39689999999</v>
      </c>
      <c r="N3848">
        <v>53489.725619999997</v>
      </c>
      <c r="O3848">
        <v>17585.603289999999</v>
      </c>
      <c r="P3848">
        <v>25792.76067</v>
      </c>
      <c r="Q3848">
        <v>51450.360809999998</v>
      </c>
      <c r="R3848">
        <v>13825.694299999999</v>
      </c>
      <c r="S3848">
        <v>74111.892989999993</v>
      </c>
      <c r="T3848">
        <v>18235.2765</v>
      </c>
      <c r="U3848">
        <v>12211.34872</v>
      </c>
      <c r="W3848" s="83">
        <f>Bühler!N3880</f>
        <v>45452.249999990672</v>
      </c>
      <c r="X3848" s="83">
        <v>43261.25</v>
      </c>
      <c r="Y3848">
        <v>154631.45499999999</v>
      </c>
      <c r="Z3848">
        <v>11240.04478</v>
      </c>
      <c r="AA3848">
        <v>49881.957600000002</v>
      </c>
      <c r="AB3848">
        <v>29462.106520000001</v>
      </c>
      <c r="AC3848">
        <v>30449.412499999999</v>
      </c>
      <c r="AD3848">
        <v>18163.359359999999</v>
      </c>
      <c r="AE3848">
        <v>39064.070699999997</v>
      </c>
      <c r="AF3848">
        <v>41333.670100000003</v>
      </c>
      <c r="AG3848">
        <v>15876.631740000001</v>
      </c>
      <c r="AH3848">
        <v>203462.39689999999</v>
      </c>
      <c r="AI3848">
        <v>53489.725619999997</v>
      </c>
      <c r="AJ3848">
        <v>17585.603289999999</v>
      </c>
      <c r="AK3848">
        <v>25792.76067</v>
      </c>
      <c r="AL3848">
        <v>51450.360809999998</v>
      </c>
      <c r="AM3848">
        <v>13825.694299999999</v>
      </c>
      <c r="AN3848">
        <v>74111.892989999993</v>
      </c>
      <c r="AO3848">
        <v>18235.2765</v>
      </c>
      <c r="AP3848">
        <v>12211.34872</v>
      </c>
    </row>
    <row r="3849" spans="2:42" x14ac:dyDescent="0.3">
      <c r="B3849">
        <v>39.802326207406665</v>
      </c>
      <c r="C3849" s="83">
        <v>43261.291666666664</v>
      </c>
      <c r="D3849">
        <v>154712.83780000001</v>
      </c>
      <c r="E3849">
        <v>11798.05047</v>
      </c>
      <c r="F3849">
        <v>52512.743719999999</v>
      </c>
      <c r="G3849">
        <v>30073.59</v>
      </c>
      <c r="H3849">
        <v>30739.240320000001</v>
      </c>
      <c r="I3849">
        <v>19653.841970000001</v>
      </c>
      <c r="J3849">
        <v>40299.891600000003</v>
      </c>
      <c r="K3849">
        <v>41213.406060000001</v>
      </c>
      <c r="L3849">
        <v>17374.609690000001</v>
      </c>
      <c r="M3849">
        <v>202930.8205</v>
      </c>
      <c r="N3849">
        <v>54337.109100000001</v>
      </c>
      <c r="O3849">
        <v>19157.00603</v>
      </c>
      <c r="P3849">
        <v>31007.18721</v>
      </c>
      <c r="Q3849">
        <v>50572.465470000003</v>
      </c>
      <c r="R3849">
        <v>14014.648219999999</v>
      </c>
      <c r="S3849">
        <v>78811.599279999995</v>
      </c>
      <c r="T3849">
        <v>19518.133040000001</v>
      </c>
      <c r="U3849">
        <v>11983.4499</v>
      </c>
      <c r="W3849" s="83">
        <f>Bühler!N3881</f>
        <v>45452.291666657336</v>
      </c>
      <c r="X3849" s="83">
        <v>43261.291666666664</v>
      </c>
      <c r="Y3849">
        <v>154712.83780000001</v>
      </c>
      <c r="Z3849">
        <v>11798.05047</v>
      </c>
      <c r="AA3849">
        <v>52512.743719999999</v>
      </c>
      <c r="AB3849">
        <v>30073.59</v>
      </c>
      <c r="AC3849">
        <v>30739.240320000001</v>
      </c>
      <c r="AD3849">
        <v>19653.841970000001</v>
      </c>
      <c r="AE3849">
        <v>40299.891600000003</v>
      </c>
      <c r="AF3849">
        <v>41213.406060000001</v>
      </c>
      <c r="AG3849">
        <v>17374.609690000001</v>
      </c>
      <c r="AH3849">
        <v>202930.8205</v>
      </c>
      <c r="AI3849">
        <v>54337.109100000001</v>
      </c>
      <c r="AJ3849">
        <v>19157.00603</v>
      </c>
      <c r="AK3849">
        <v>31007.18721</v>
      </c>
      <c r="AL3849">
        <v>50572.465470000003</v>
      </c>
      <c r="AM3849">
        <v>14014.648219999999</v>
      </c>
      <c r="AN3849">
        <v>78811.599279999995</v>
      </c>
      <c r="AO3849">
        <v>19518.133040000001</v>
      </c>
      <c r="AP3849">
        <v>11983.4499</v>
      </c>
    </row>
    <row r="3850" spans="2:42" x14ac:dyDescent="0.3">
      <c r="B3850">
        <v>40.088687281909706</v>
      </c>
      <c r="C3850" s="83">
        <v>43261.333333333336</v>
      </c>
      <c r="D3850">
        <v>155500.87160000001</v>
      </c>
      <c r="E3850">
        <v>12689.44983</v>
      </c>
      <c r="F3850">
        <v>55217.058620000003</v>
      </c>
      <c r="G3850">
        <v>31120.842700000001</v>
      </c>
      <c r="H3850">
        <v>31244.118299999998</v>
      </c>
      <c r="I3850">
        <v>20440.975559999999</v>
      </c>
      <c r="J3850">
        <v>42139.156840000003</v>
      </c>
      <c r="K3850">
        <v>43277.745949999997</v>
      </c>
      <c r="L3850">
        <v>20203.208689999999</v>
      </c>
      <c r="M3850">
        <v>204390.82279999999</v>
      </c>
      <c r="N3850">
        <v>55678.649830000002</v>
      </c>
      <c r="O3850">
        <v>19742.580699999999</v>
      </c>
      <c r="P3850">
        <v>33505.610540000001</v>
      </c>
      <c r="Q3850">
        <v>50180.401469999997</v>
      </c>
      <c r="R3850">
        <v>15082.21607</v>
      </c>
      <c r="S3850">
        <v>82415.822830000005</v>
      </c>
      <c r="T3850">
        <v>22340.356749999999</v>
      </c>
      <c r="U3850">
        <v>12072.75569</v>
      </c>
      <c r="W3850" s="83">
        <f>Bühler!N3882</f>
        <v>45452.333333324001</v>
      </c>
      <c r="X3850" s="83">
        <v>43261.333333333336</v>
      </c>
      <c r="Y3850">
        <v>155500.87160000001</v>
      </c>
      <c r="Z3850">
        <v>12689.44983</v>
      </c>
      <c r="AA3850">
        <v>55217.058620000003</v>
      </c>
      <c r="AB3850">
        <v>31120.842700000001</v>
      </c>
      <c r="AC3850">
        <v>31244.118299999998</v>
      </c>
      <c r="AD3850">
        <v>20440.975559999999</v>
      </c>
      <c r="AE3850">
        <v>42139.156840000003</v>
      </c>
      <c r="AF3850">
        <v>43277.745949999997</v>
      </c>
      <c r="AG3850">
        <v>20203.208689999999</v>
      </c>
      <c r="AH3850">
        <v>204390.82279999999</v>
      </c>
      <c r="AI3850">
        <v>55678.649830000002</v>
      </c>
      <c r="AJ3850">
        <v>19742.580699999999</v>
      </c>
      <c r="AK3850">
        <v>33505.610540000001</v>
      </c>
      <c r="AL3850">
        <v>50180.401469999997</v>
      </c>
      <c r="AM3850">
        <v>15082.21607</v>
      </c>
      <c r="AN3850">
        <v>82415.822830000005</v>
      </c>
      <c r="AO3850">
        <v>22340.356749999999</v>
      </c>
      <c r="AP3850">
        <v>12072.75569</v>
      </c>
    </row>
    <row r="3851" spans="2:42" x14ac:dyDescent="0.3">
      <c r="B3851">
        <v>39.939093061050841</v>
      </c>
      <c r="C3851" s="83">
        <v>43261.375</v>
      </c>
      <c r="D3851">
        <v>156449.80669999999</v>
      </c>
      <c r="E3851">
        <v>13388.17496</v>
      </c>
      <c r="F3851">
        <v>60406.306550000001</v>
      </c>
      <c r="G3851">
        <v>31455.872780000002</v>
      </c>
      <c r="H3851">
        <v>31968.367440000002</v>
      </c>
      <c r="I3851">
        <v>20982.36348</v>
      </c>
      <c r="J3851">
        <v>43093.286189999999</v>
      </c>
      <c r="K3851">
        <v>45254.718249999998</v>
      </c>
      <c r="L3851">
        <v>23984.342130000001</v>
      </c>
      <c r="M3851">
        <v>203628.12169999999</v>
      </c>
      <c r="N3851">
        <v>56797.73285</v>
      </c>
      <c r="O3851">
        <v>21136.018690000001</v>
      </c>
      <c r="P3851">
        <v>35926.189859999999</v>
      </c>
      <c r="Q3851">
        <v>51017.101540000003</v>
      </c>
      <c r="R3851">
        <v>15646.644190000001</v>
      </c>
      <c r="S3851">
        <v>85133.55558</v>
      </c>
      <c r="T3851">
        <v>25240.339680000001</v>
      </c>
      <c r="U3851">
        <v>12105.294980000001</v>
      </c>
      <c r="W3851" s="83">
        <f>Bühler!N3883</f>
        <v>45452.374999990665</v>
      </c>
      <c r="X3851" s="83">
        <v>43261.375</v>
      </c>
      <c r="Y3851">
        <v>156449.80669999999</v>
      </c>
      <c r="Z3851">
        <v>13388.17496</v>
      </c>
      <c r="AA3851">
        <v>60406.306550000001</v>
      </c>
      <c r="AB3851">
        <v>31455.872780000002</v>
      </c>
      <c r="AC3851">
        <v>31968.367440000002</v>
      </c>
      <c r="AD3851">
        <v>20982.36348</v>
      </c>
      <c r="AE3851">
        <v>43093.286189999999</v>
      </c>
      <c r="AF3851">
        <v>45254.718249999998</v>
      </c>
      <c r="AG3851">
        <v>23984.342130000001</v>
      </c>
      <c r="AH3851">
        <v>203628.12169999999</v>
      </c>
      <c r="AI3851">
        <v>56797.73285</v>
      </c>
      <c r="AJ3851">
        <v>21136.018690000001</v>
      </c>
      <c r="AK3851">
        <v>35926.189859999999</v>
      </c>
      <c r="AL3851">
        <v>51017.101540000003</v>
      </c>
      <c r="AM3851">
        <v>15646.644190000001</v>
      </c>
      <c r="AN3851">
        <v>85133.55558</v>
      </c>
      <c r="AO3851">
        <v>25240.339680000001</v>
      </c>
      <c r="AP3851">
        <v>12105.294980000001</v>
      </c>
    </row>
    <row r="3852" spans="2:42" x14ac:dyDescent="0.3">
      <c r="B3852">
        <v>40.488285977547761</v>
      </c>
      <c r="C3852" s="83">
        <v>43261.416666666664</v>
      </c>
      <c r="D3852">
        <v>157419.6109</v>
      </c>
      <c r="E3852">
        <v>14555.411169999999</v>
      </c>
      <c r="F3852">
        <v>61468.932090000002</v>
      </c>
      <c r="G3852">
        <v>32294.024959999999</v>
      </c>
      <c r="H3852">
        <v>32931.812530000003</v>
      </c>
      <c r="I3852">
        <v>21425.593250000002</v>
      </c>
      <c r="J3852">
        <v>42823.093639999999</v>
      </c>
      <c r="K3852">
        <v>46759.848899999997</v>
      </c>
      <c r="L3852">
        <v>27700.099389999999</v>
      </c>
      <c r="M3852">
        <v>206428.16329999999</v>
      </c>
      <c r="N3852">
        <v>58971.794679999999</v>
      </c>
      <c r="O3852">
        <v>21394.664700000001</v>
      </c>
      <c r="P3852">
        <v>36773.298929999997</v>
      </c>
      <c r="Q3852">
        <v>51881.024660000003</v>
      </c>
      <c r="R3852">
        <v>16690.6921</v>
      </c>
      <c r="S3852">
        <v>86278.58799</v>
      </c>
      <c r="T3852">
        <v>27860.733069999998</v>
      </c>
      <c r="U3852">
        <v>12170.11332</v>
      </c>
      <c r="W3852" s="83">
        <f>Bühler!N3884</f>
        <v>45452.416666657329</v>
      </c>
      <c r="X3852" s="83">
        <v>43261.416666666664</v>
      </c>
      <c r="Y3852">
        <v>157419.6109</v>
      </c>
      <c r="Z3852">
        <v>14555.411169999999</v>
      </c>
      <c r="AA3852">
        <v>61468.932090000002</v>
      </c>
      <c r="AB3852">
        <v>32294.024959999999</v>
      </c>
      <c r="AC3852">
        <v>32931.812530000003</v>
      </c>
      <c r="AD3852">
        <v>21425.593250000002</v>
      </c>
      <c r="AE3852">
        <v>42823.093639999999</v>
      </c>
      <c r="AF3852">
        <v>46759.848899999997</v>
      </c>
      <c r="AG3852">
        <v>27700.099389999999</v>
      </c>
      <c r="AH3852">
        <v>206428.16329999999</v>
      </c>
      <c r="AI3852">
        <v>58971.794679999999</v>
      </c>
      <c r="AJ3852">
        <v>21394.664700000001</v>
      </c>
      <c r="AK3852">
        <v>36773.298929999997</v>
      </c>
      <c r="AL3852">
        <v>51881.024660000003</v>
      </c>
      <c r="AM3852">
        <v>16690.6921</v>
      </c>
      <c r="AN3852">
        <v>86278.58799</v>
      </c>
      <c r="AO3852">
        <v>27860.733069999998</v>
      </c>
      <c r="AP3852">
        <v>12170.11332</v>
      </c>
    </row>
    <row r="3853" spans="2:42" x14ac:dyDescent="0.3">
      <c r="B3853">
        <v>40.984847753226546</v>
      </c>
      <c r="C3853" s="83">
        <v>43261.458333333336</v>
      </c>
      <c r="D3853">
        <v>158278.42869999999</v>
      </c>
      <c r="E3853">
        <v>14723.461149999999</v>
      </c>
      <c r="F3853">
        <v>62471.622790000001</v>
      </c>
      <c r="G3853">
        <v>32897.19569</v>
      </c>
      <c r="H3853">
        <v>33060.987419999998</v>
      </c>
      <c r="I3853">
        <v>21542.412560000001</v>
      </c>
      <c r="J3853">
        <v>44278.895850000001</v>
      </c>
      <c r="K3853">
        <v>48037.072090000001</v>
      </c>
      <c r="L3853">
        <v>28837.258389999999</v>
      </c>
      <c r="M3853">
        <v>208959.86679999999</v>
      </c>
      <c r="N3853">
        <v>59927.403420000002</v>
      </c>
      <c r="O3853">
        <v>21165.81884</v>
      </c>
      <c r="P3853">
        <v>37187.734510000002</v>
      </c>
      <c r="Q3853">
        <v>51373.213069999998</v>
      </c>
      <c r="R3853">
        <v>19433.58266</v>
      </c>
      <c r="S3853">
        <v>89631.941519999993</v>
      </c>
      <c r="T3853">
        <v>28643.749650000002</v>
      </c>
      <c r="U3853">
        <v>12352.469160000001</v>
      </c>
      <c r="W3853" s="83">
        <f>Bühler!N3885</f>
        <v>45452.458333323993</v>
      </c>
      <c r="X3853" s="83">
        <v>43261.458333333336</v>
      </c>
      <c r="Y3853">
        <v>158278.42869999999</v>
      </c>
      <c r="Z3853">
        <v>14723.461149999999</v>
      </c>
      <c r="AA3853">
        <v>62471.622790000001</v>
      </c>
      <c r="AB3853">
        <v>32897.19569</v>
      </c>
      <c r="AC3853">
        <v>33060.987419999998</v>
      </c>
      <c r="AD3853">
        <v>21542.412560000001</v>
      </c>
      <c r="AE3853">
        <v>44278.895850000001</v>
      </c>
      <c r="AF3853">
        <v>48037.072090000001</v>
      </c>
      <c r="AG3853">
        <v>28837.258389999999</v>
      </c>
      <c r="AH3853">
        <v>208959.86679999999</v>
      </c>
      <c r="AI3853">
        <v>59927.403420000002</v>
      </c>
      <c r="AJ3853">
        <v>21165.81884</v>
      </c>
      <c r="AK3853">
        <v>37187.734510000002</v>
      </c>
      <c r="AL3853">
        <v>51373.213069999998</v>
      </c>
      <c r="AM3853">
        <v>19433.58266</v>
      </c>
      <c r="AN3853">
        <v>89631.941519999993</v>
      </c>
      <c r="AO3853">
        <v>28643.749650000002</v>
      </c>
      <c r="AP3853">
        <v>12352.469160000001</v>
      </c>
    </row>
    <row r="3854" spans="2:42" x14ac:dyDescent="0.3">
      <c r="B3854">
        <v>41.257411207958896</v>
      </c>
      <c r="C3854" s="83">
        <v>43261.5</v>
      </c>
      <c r="D3854">
        <v>158674.084</v>
      </c>
      <c r="E3854">
        <v>14821.358539999999</v>
      </c>
      <c r="F3854">
        <v>60740.669809999999</v>
      </c>
      <c r="G3854">
        <v>33262.221559999998</v>
      </c>
      <c r="H3854">
        <v>33023.971019999997</v>
      </c>
      <c r="I3854">
        <v>21926.458269999999</v>
      </c>
      <c r="J3854">
        <v>45294.492590000002</v>
      </c>
      <c r="K3854">
        <v>48719.982129999997</v>
      </c>
      <c r="L3854">
        <v>30455.76827</v>
      </c>
      <c r="M3854">
        <v>210349.52239999999</v>
      </c>
      <c r="N3854">
        <v>59970.676149999999</v>
      </c>
      <c r="O3854">
        <v>21296.28</v>
      </c>
      <c r="P3854">
        <v>36049.864930000003</v>
      </c>
      <c r="Q3854">
        <v>50328.02018</v>
      </c>
      <c r="R3854">
        <v>18307.161</v>
      </c>
      <c r="S3854">
        <v>86310.222089999996</v>
      </c>
      <c r="T3854">
        <v>29430.610390000002</v>
      </c>
      <c r="U3854">
        <v>12323.533719999999</v>
      </c>
      <c r="W3854" s="83">
        <f>Bühler!N3886</f>
        <v>45452.499999990658</v>
      </c>
      <c r="X3854" s="83">
        <v>43261.5</v>
      </c>
      <c r="Y3854">
        <v>158674.084</v>
      </c>
      <c r="Z3854">
        <v>14821.358539999999</v>
      </c>
      <c r="AA3854">
        <v>60740.669809999999</v>
      </c>
      <c r="AB3854">
        <v>33262.221559999998</v>
      </c>
      <c r="AC3854">
        <v>33023.971019999997</v>
      </c>
      <c r="AD3854">
        <v>21926.458269999999</v>
      </c>
      <c r="AE3854">
        <v>45294.492590000002</v>
      </c>
      <c r="AF3854">
        <v>48719.982129999997</v>
      </c>
      <c r="AG3854">
        <v>30455.76827</v>
      </c>
      <c r="AH3854">
        <v>210349.52239999999</v>
      </c>
      <c r="AI3854">
        <v>59970.676149999999</v>
      </c>
      <c r="AJ3854">
        <v>21296.28</v>
      </c>
      <c r="AK3854">
        <v>36049.864930000003</v>
      </c>
      <c r="AL3854">
        <v>50328.02018</v>
      </c>
      <c r="AM3854">
        <v>18307.161</v>
      </c>
      <c r="AN3854">
        <v>86310.222089999996</v>
      </c>
      <c r="AO3854">
        <v>29430.610390000002</v>
      </c>
      <c r="AP3854">
        <v>12323.533719999999</v>
      </c>
    </row>
    <row r="3855" spans="2:42" x14ac:dyDescent="0.3">
      <c r="B3855">
        <v>41.178769068713898</v>
      </c>
      <c r="C3855" s="83">
        <v>43261.541666666664</v>
      </c>
      <c r="D3855">
        <v>159581.18650000001</v>
      </c>
      <c r="E3855">
        <v>14991.94548</v>
      </c>
      <c r="F3855">
        <v>52014.216500000002</v>
      </c>
      <c r="G3855">
        <v>32924.480459999999</v>
      </c>
      <c r="H3855">
        <v>32719.21846</v>
      </c>
      <c r="I3855">
        <v>22214.23547</v>
      </c>
      <c r="J3855">
        <v>45060.252679999998</v>
      </c>
      <c r="K3855">
        <v>47170.004919999999</v>
      </c>
      <c r="L3855">
        <v>30647.41145</v>
      </c>
      <c r="M3855">
        <v>209948.5681</v>
      </c>
      <c r="N3855">
        <v>61029.897409999998</v>
      </c>
      <c r="O3855">
        <v>21458.468990000001</v>
      </c>
      <c r="P3855">
        <v>35704.195809999997</v>
      </c>
      <c r="Q3855">
        <v>49880.704890000001</v>
      </c>
      <c r="R3855">
        <v>18252.494279999999</v>
      </c>
      <c r="S3855">
        <v>88306.847450000001</v>
      </c>
      <c r="T3855">
        <v>28479.705689999999</v>
      </c>
      <c r="U3855">
        <v>12509.41713</v>
      </c>
      <c r="W3855" s="83">
        <f>Bühler!N3887</f>
        <v>45452.541666657322</v>
      </c>
      <c r="X3855" s="83">
        <v>43261.541666666664</v>
      </c>
      <c r="Y3855">
        <v>159581.18650000001</v>
      </c>
      <c r="Z3855">
        <v>14991.94548</v>
      </c>
      <c r="AA3855">
        <v>52014.216500000002</v>
      </c>
      <c r="AB3855">
        <v>32924.480459999999</v>
      </c>
      <c r="AC3855">
        <v>32719.21846</v>
      </c>
      <c r="AD3855">
        <v>22214.23547</v>
      </c>
      <c r="AE3855">
        <v>45060.252679999998</v>
      </c>
      <c r="AF3855">
        <v>47170.004919999999</v>
      </c>
      <c r="AG3855">
        <v>30647.41145</v>
      </c>
      <c r="AH3855">
        <v>209948.5681</v>
      </c>
      <c r="AI3855">
        <v>61029.897409999998</v>
      </c>
      <c r="AJ3855">
        <v>21458.468990000001</v>
      </c>
      <c r="AK3855">
        <v>35704.195809999997</v>
      </c>
      <c r="AL3855">
        <v>49880.704890000001</v>
      </c>
      <c r="AM3855">
        <v>18252.494279999999</v>
      </c>
      <c r="AN3855">
        <v>88306.847450000001</v>
      </c>
      <c r="AO3855">
        <v>28479.705689999999</v>
      </c>
      <c r="AP3855">
        <v>12509.41713</v>
      </c>
    </row>
    <row r="3856" spans="2:42" x14ac:dyDescent="0.3">
      <c r="B3856">
        <v>41.253670337916652</v>
      </c>
      <c r="C3856" s="83">
        <v>43261.583333333336</v>
      </c>
      <c r="D3856">
        <v>160742.33129999999</v>
      </c>
      <c r="E3856">
        <v>15162.264880000001</v>
      </c>
      <c r="F3856">
        <v>52210.552439999999</v>
      </c>
      <c r="G3856">
        <v>32676.77851</v>
      </c>
      <c r="H3856">
        <v>32920.902459999998</v>
      </c>
      <c r="I3856">
        <v>22266.099440000002</v>
      </c>
      <c r="J3856">
        <v>43916.46329</v>
      </c>
      <c r="K3856">
        <v>46822.775370000003</v>
      </c>
      <c r="L3856">
        <v>29518.74281</v>
      </c>
      <c r="M3856">
        <v>210330.4497</v>
      </c>
      <c r="N3856">
        <v>61656.806810000002</v>
      </c>
      <c r="O3856">
        <v>20282.23474</v>
      </c>
      <c r="P3856">
        <v>32906.956339999997</v>
      </c>
      <c r="Q3856">
        <v>50105.553019999999</v>
      </c>
      <c r="R3856">
        <v>18561.127130000001</v>
      </c>
      <c r="S3856">
        <v>86860.451000000001</v>
      </c>
      <c r="T3856">
        <v>27514.87054</v>
      </c>
      <c r="U3856">
        <v>12277.058489999999</v>
      </c>
      <c r="W3856" s="83">
        <f>Bühler!N3888</f>
        <v>45452.583333323986</v>
      </c>
      <c r="X3856" s="83">
        <v>43261.583333333336</v>
      </c>
      <c r="Y3856">
        <v>160742.33129999999</v>
      </c>
      <c r="Z3856">
        <v>15162.264880000001</v>
      </c>
      <c r="AA3856">
        <v>52210.552439999999</v>
      </c>
      <c r="AB3856">
        <v>32676.77851</v>
      </c>
      <c r="AC3856">
        <v>32920.902459999998</v>
      </c>
      <c r="AD3856">
        <v>22266.099440000002</v>
      </c>
      <c r="AE3856">
        <v>43916.46329</v>
      </c>
      <c r="AF3856">
        <v>46822.775370000003</v>
      </c>
      <c r="AG3856">
        <v>29518.74281</v>
      </c>
      <c r="AH3856">
        <v>210330.4497</v>
      </c>
      <c r="AI3856">
        <v>61656.806810000002</v>
      </c>
      <c r="AJ3856">
        <v>20282.23474</v>
      </c>
      <c r="AK3856">
        <v>32906.956339999997</v>
      </c>
      <c r="AL3856">
        <v>50105.553019999999</v>
      </c>
      <c r="AM3856">
        <v>18561.127130000001</v>
      </c>
      <c r="AN3856">
        <v>86860.451000000001</v>
      </c>
      <c r="AO3856">
        <v>27514.87054</v>
      </c>
      <c r="AP3856">
        <v>12277.058489999999</v>
      </c>
    </row>
    <row r="3857" spans="2:42" x14ac:dyDescent="0.3">
      <c r="B3857">
        <v>41.294433007719881</v>
      </c>
      <c r="C3857" s="83">
        <v>43261.625</v>
      </c>
      <c r="D3857">
        <v>161405.27859999999</v>
      </c>
      <c r="E3857">
        <v>15384.86198</v>
      </c>
      <c r="F3857">
        <v>52342.383150000001</v>
      </c>
      <c r="G3857">
        <v>32567.883030000001</v>
      </c>
      <c r="H3857">
        <v>32548.566139999999</v>
      </c>
      <c r="I3857">
        <v>22514.069820000001</v>
      </c>
      <c r="J3857">
        <v>44231.779210000001</v>
      </c>
      <c r="K3857">
        <v>46767.117209999997</v>
      </c>
      <c r="L3857">
        <v>27477.58093</v>
      </c>
      <c r="M3857">
        <v>210538.27679999999</v>
      </c>
      <c r="N3857">
        <v>61262.093829999998</v>
      </c>
      <c r="O3857">
        <v>20252.9244</v>
      </c>
      <c r="P3857">
        <v>30757.235240000002</v>
      </c>
      <c r="Q3857">
        <v>50120.76511</v>
      </c>
      <c r="R3857">
        <v>18895.03946</v>
      </c>
      <c r="S3857">
        <v>86629.280889999995</v>
      </c>
      <c r="T3857">
        <v>27145.27693</v>
      </c>
      <c r="U3857">
        <v>12397.1266</v>
      </c>
      <c r="W3857" s="83">
        <f>Bühler!N3889</f>
        <v>45452.62499999065</v>
      </c>
      <c r="X3857" s="83">
        <v>43261.625</v>
      </c>
      <c r="Y3857">
        <v>161405.27859999999</v>
      </c>
      <c r="Z3857">
        <v>15384.86198</v>
      </c>
      <c r="AA3857">
        <v>52342.383150000001</v>
      </c>
      <c r="AB3857">
        <v>32567.883030000001</v>
      </c>
      <c r="AC3857">
        <v>32548.566139999999</v>
      </c>
      <c r="AD3857">
        <v>22514.069820000001</v>
      </c>
      <c r="AE3857">
        <v>44231.779210000001</v>
      </c>
      <c r="AF3857">
        <v>46767.117209999997</v>
      </c>
      <c r="AG3857">
        <v>27477.58093</v>
      </c>
      <c r="AH3857">
        <v>210538.27679999999</v>
      </c>
      <c r="AI3857">
        <v>61262.093829999998</v>
      </c>
      <c r="AJ3857">
        <v>20252.9244</v>
      </c>
      <c r="AK3857">
        <v>30757.235240000002</v>
      </c>
      <c r="AL3857">
        <v>50120.76511</v>
      </c>
      <c r="AM3857">
        <v>18895.03946</v>
      </c>
      <c r="AN3857">
        <v>86629.280889999995</v>
      </c>
      <c r="AO3857">
        <v>27145.27693</v>
      </c>
      <c r="AP3857">
        <v>12397.1266</v>
      </c>
    </row>
    <row r="3858" spans="2:42" x14ac:dyDescent="0.3">
      <c r="B3858">
        <v>41.631286952575238</v>
      </c>
      <c r="C3858" s="83">
        <v>43261.666666666664</v>
      </c>
      <c r="D3858">
        <v>161553.3743</v>
      </c>
      <c r="E3858">
        <v>15477.08145</v>
      </c>
      <c r="F3858">
        <v>51992.682789999999</v>
      </c>
      <c r="G3858">
        <v>32885.293230000003</v>
      </c>
      <c r="H3858">
        <v>32395.494309999998</v>
      </c>
      <c r="I3858">
        <v>22759.61695</v>
      </c>
      <c r="J3858">
        <v>43858.53299</v>
      </c>
      <c r="K3858">
        <v>46183.87616</v>
      </c>
      <c r="L3858">
        <v>26676.813200000001</v>
      </c>
      <c r="M3858">
        <v>212255.71530000001</v>
      </c>
      <c r="N3858">
        <v>61084.497909999998</v>
      </c>
      <c r="O3858">
        <v>19267.380069999999</v>
      </c>
      <c r="P3858">
        <v>30645.912219999998</v>
      </c>
      <c r="Q3858">
        <v>50785.899310000001</v>
      </c>
      <c r="R3858">
        <v>18879.844860000001</v>
      </c>
      <c r="S3858">
        <v>87498.901750000005</v>
      </c>
      <c r="T3858">
        <v>27341.47219</v>
      </c>
      <c r="U3858">
        <v>12384.42067</v>
      </c>
      <c r="W3858" s="83">
        <f>Bühler!N3890</f>
        <v>45452.666666657315</v>
      </c>
      <c r="X3858" s="83">
        <v>43261.666666666664</v>
      </c>
      <c r="Y3858">
        <v>161553.3743</v>
      </c>
      <c r="Z3858">
        <v>15477.08145</v>
      </c>
      <c r="AA3858">
        <v>51992.682789999999</v>
      </c>
      <c r="AB3858">
        <v>32885.293230000003</v>
      </c>
      <c r="AC3858">
        <v>32395.494309999998</v>
      </c>
      <c r="AD3858">
        <v>22759.61695</v>
      </c>
      <c r="AE3858">
        <v>43858.53299</v>
      </c>
      <c r="AF3858">
        <v>46183.87616</v>
      </c>
      <c r="AG3858">
        <v>26676.813200000001</v>
      </c>
      <c r="AH3858">
        <v>212255.71530000001</v>
      </c>
      <c r="AI3858">
        <v>61084.497909999998</v>
      </c>
      <c r="AJ3858">
        <v>19267.380069999999</v>
      </c>
      <c r="AK3858">
        <v>30645.912219999998</v>
      </c>
      <c r="AL3858">
        <v>50785.899310000001</v>
      </c>
      <c r="AM3858">
        <v>18879.844860000001</v>
      </c>
      <c r="AN3858">
        <v>87498.901750000005</v>
      </c>
      <c r="AO3858">
        <v>27341.47219</v>
      </c>
      <c r="AP3858">
        <v>12384.42067</v>
      </c>
    </row>
    <row r="3859" spans="2:42" x14ac:dyDescent="0.3">
      <c r="B3859">
        <v>41.763150017840097</v>
      </c>
      <c r="C3859" s="83">
        <v>43261.708333333336</v>
      </c>
      <c r="D3859">
        <v>163623.1704</v>
      </c>
      <c r="E3859">
        <v>15342.00361</v>
      </c>
      <c r="F3859">
        <v>51519.269780000002</v>
      </c>
      <c r="G3859">
        <v>32870.60168</v>
      </c>
      <c r="H3859">
        <v>32438.031989999999</v>
      </c>
      <c r="I3859">
        <v>23139.964120000001</v>
      </c>
      <c r="J3859">
        <v>44880.424370000001</v>
      </c>
      <c r="K3859">
        <v>45450.780610000002</v>
      </c>
      <c r="L3859">
        <v>27137.648359999999</v>
      </c>
      <c r="M3859">
        <v>212928.0147</v>
      </c>
      <c r="N3859">
        <v>60357.639340000002</v>
      </c>
      <c r="O3859">
        <v>18850.76685</v>
      </c>
      <c r="P3859">
        <v>30068.642629999998</v>
      </c>
      <c r="Q3859">
        <v>52255.548089999997</v>
      </c>
      <c r="R3859">
        <v>20811.301029999999</v>
      </c>
      <c r="S3859">
        <v>88788.457880000002</v>
      </c>
      <c r="T3859">
        <v>27326.16372</v>
      </c>
      <c r="U3859">
        <v>12281.219069999999</v>
      </c>
      <c r="W3859" s="83">
        <f>Bühler!N3891</f>
        <v>45452.708333323979</v>
      </c>
      <c r="X3859" s="83">
        <v>43261.708333333336</v>
      </c>
      <c r="Y3859">
        <v>163623.1704</v>
      </c>
      <c r="Z3859">
        <v>15342.00361</v>
      </c>
      <c r="AA3859">
        <v>51519.269780000002</v>
      </c>
      <c r="AB3859">
        <v>32870.60168</v>
      </c>
      <c r="AC3859">
        <v>32438.031989999999</v>
      </c>
      <c r="AD3859">
        <v>23139.964120000001</v>
      </c>
      <c r="AE3859">
        <v>44880.424370000001</v>
      </c>
      <c r="AF3859">
        <v>45450.780610000002</v>
      </c>
      <c r="AG3859">
        <v>27137.648359999999</v>
      </c>
      <c r="AH3859">
        <v>212928.0147</v>
      </c>
      <c r="AI3859">
        <v>60357.639340000002</v>
      </c>
      <c r="AJ3859">
        <v>18850.76685</v>
      </c>
      <c r="AK3859">
        <v>30068.642629999998</v>
      </c>
      <c r="AL3859">
        <v>52255.548089999997</v>
      </c>
      <c r="AM3859">
        <v>20811.301029999999</v>
      </c>
      <c r="AN3859">
        <v>88788.457880000002</v>
      </c>
      <c r="AO3859">
        <v>27326.16372</v>
      </c>
      <c r="AP3859">
        <v>12281.219069999999</v>
      </c>
    </row>
    <row r="3860" spans="2:42" x14ac:dyDescent="0.3">
      <c r="B3860">
        <v>41.650424276126259</v>
      </c>
      <c r="C3860" s="83">
        <v>43261.75</v>
      </c>
      <c r="D3860">
        <v>163969.6085</v>
      </c>
      <c r="E3860">
        <v>14788.209779999999</v>
      </c>
      <c r="F3860">
        <v>52107.174220000001</v>
      </c>
      <c r="G3860">
        <v>32791.498850000004</v>
      </c>
      <c r="H3860">
        <v>32541.615010000001</v>
      </c>
      <c r="I3860">
        <v>23582.94903</v>
      </c>
      <c r="J3860">
        <v>44782.647519999999</v>
      </c>
      <c r="K3860">
        <v>45952.773959999999</v>
      </c>
      <c r="L3860">
        <v>27069.671200000001</v>
      </c>
      <c r="M3860">
        <v>212353.28630000001</v>
      </c>
      <c r="N3860">
        <v>61332.789519999998</v>
      </c>
      <c r="O3860">
        <v>18751.440190000001</v>
      </c>
      <c r="P3860">
        <v>33380.741739999998</v>
      </c>
      <c r="Q3860">
        <v>53043.599479999997</v>
      </c>
      <c r="R3860">
        <v>19528.795539999999</v>
      </c>
      <c r="S3860">
        <v>86189.141069999998</v>
      </c>
      <c r="T3860">
        <v>26978.327700000002</v>
      </c>
      <c r="U3860">
        <v>12495.275890000001</v>
      </c>
      <c r="W3860" s="83">
        <f>Bühler!N3892</f>
        <v>45452.749999990643</v>
      </c>
      <c r="X3860" s="83">
        <v>43261.75</v>
      </c>
      <c r="Y3860">
        <v>163969.6085</v>
      </c>
      <c r="Z3860">
        <v>14788.209779999999</v>
      </c>
      <c r="AA3860">
        <v>52107.174220000001</v>
      </c>
      <c r="AB3860">
        <v>32791.498850000004</v>
      </c>
      <c r="AC3860">
        <v>32541.615010000001</v>
      </c>
      <c r="AD3860">
        <v>23582.94903</v>
      </c>
      <c r="AE3860">
        <v>44782.647519999999</v>
      </c>
      <c r="AF3860">
        <v>45952.773959999999</v>
      </c>
      <c r="AG3860">
        <v>27069.671200000001</v>
      </c>
      <c r="AH3860">
        <v>212353.28630000001</v>
      </c>
      <c r="AI3860">
        <v>61332.789519999998</v>
      </c>
      <c r="AJ3860">
        <v>18751.440190000001</v>
      </c>
      <c r="AK3860">
        <v>33380.741739999998</v>
      </c>
      <c r="AL3860">
        <v>53043.599479999997</v>
      </c>
      <c r="AM3860">
        <v>19528.795539999999</v>
      </c>
      <c r="AN3860">
        <v>86189.141069999998</v>
      </c>
      <c r="AO3860">
        <v>26978.327700000002</v>
      </c>
      <c r="AP3860">
        <v>12495.275890000001</v>
      </c>
    </row>
    <row r="3861" spans="2:42" x14ac:dyDescent="0.3">
      <c r="B3861">
        <v>42.175795264252187</v>
      </c>
      <c r="C3861" s="83">
        <v>43261.791666666664</v>
      </c>
      <c r="D3861">
        <v>163826.31700000001</v>
      </c>
      <c r="E3861">
        <v>14040.74437</v>
      </c>
      <c r="F3861">
        <v>51741.088199999998</v>
      </c>
      <c r="G3861">
        <v>32821.536950000002</v>
      </c>
      <c r="H3861">
        <v>32461.698359999999</v>
      </c>
      <c r="I3861">
        <v>22992.326509999999</v>
      </c>
      <c r="J3861">
        <v>43763.342900000003</v>
      </c>
      <c r="K3861">
        <v>47302.67684</v>
      </c>
      <c r="L3861">
        <v>27453.511780000001</v>
      </c>
      <c r="M3861">
        <v>215031.8726</v>
      </c>
      <c r="N3861">
        <v>62655.626259999997</v>
      </c>
      <c r="O3861">
        <v>19202.193060000001</v>
      </c>
      <c r="P3861">
        <v>31985.550780000001</v>
      </c>
      <c r="Q3861">
        <v>53657.932769999999</v>
      </c>
      <c r="R3861">
        <v>18579.613099999999</v>
      </c>
      <c r="S3861">
        <v>84431.496710000007</v>
      </c>
      <c r="T3861">
        <v>25105.677309999999</v>
      </c>
      <c r="U3861">
        <v>12526.477999999999</v>
      </c>
      <c r="W3861" s="83">
        <f>Bühler!N3893</f>
        <v>45452.791666657307</v>
      </c>
      <c r="X3861" s="83">
        <v>43261.791666666664</v>
      </c>
      <c r="Y3861">
        <v>163826.31700000001</v>
      </c>
      <c r="Z3861">
        <v>14040.74437</v>
      </c>
      <c r="AA3861">
        <v>51741.088199999998</v>
      </c>
      <c r="AB3861">
        <v>32821.536950000002</v>
      </c>
      <c r="AC3861">
        <v>32461.698359999999</v>
      </c>
      <c r="AD3861">
        <v>22992.326509999999</v>
      </c>
      <c r="AE3861">
        <v>43763.342900000003</v>
      </c>
      <c r="AF3861">
        <v>47302.67684</v>
      </c>
      <c r="AG3861">
        <v>27453.511780000001</v>
      </c>
      <c r="AH3861">
        <v>215031.8726</v>
      </c>
      <c r="AI3861">
        <v>62655.626259999997</v>
      </c>
      <c r="AJ3861">
        <v>19202.193060000001</v>
      </c>
      <c r="AK3861">
        <v>31985.550780000001</v>
      </c>
      <c r="AL3861">
        <v>53657.932769999999</v>
      </c>
      <c r="AM3861">
        <v>18579.613099999999</v>
      </c>
      <c r="AN3861">
        <v>84431.496710000007</v>
      </c>
      <c r="AO3861">
        <v>25105.677309999999</v>
      </c>
      <c r="AP3861">
        <v>12526.477999999999</v>
      </c>
    </row>
    <row r="3862" spans="2:42" x14ac:dyDescent="0.3">
      <c r="B3862">
        <v>41.925179350700837</v>
      </c>
      <c r="C3862" s="83">
        <v>43261.833333333336</v>
      </c>
      <c r="D3862">
        <v>164059.1378</v>
      </c>
      <c r="E3862">
        <v>12849.270479999999</v>
      </c>
      <c r="F3862">
        <v>51287.127869999997</v>
      </c>
      <c r="G3862">
        <v>32824.193529999997</v>
      </c>
      <c r="H3862">
        <v>32230.579030000001</v>
      </c>
      <c r="I3862">
        <v>22032.536670000001</v>
      </c>
      <c r="J3862">
        <v>42857.58466</v>
      </c>
      <c r="K3862">
        <v>46666.260889999998</v>
      </c>
      <c r="L3862">
        <v>27413.538</v>
      </c>
      <c r="M3862">
        <v>213754.1158</v>
      </c>
      <c r="N3862">
        <v>61981.613169999997</v>
      </c>
      <c r="O3862">
        <v>19590.052820000001</v>
      </c>
      <c r="P3862">
        <v>32771.372929999998</v>
      </c>
      <c r="Q3862">
        <v>54621.266009999999</v>
      </c>
      <c r="R3862">
        <v>18324.828389999999</v>
      </c>
      <c r="S3862">
        <v>78897.82806</v>
      </c>
      <c r="T3862">
        <v>21428.205290000002</v>
      </c>
      <c r="U3862">
        <v>12638.989740000001</v>
      </c>
      <c r="W3862" s="83">
        <f>Bühler!N3894</f>
        <v>45452.833333323972</v>
      </c>
      <c r="X3862" s="83">
        <v>43261.833333333336</v>
      </c>
      <c r="Y3862">
        <v>164059.1378</v>
      </c>
      <c r="Z3862">
        <v>12849.270479999999</v>
      </c>
      <c r="AA3862">
        <v>51287.127869999997</v>
      </c>
      <c r="AB3862">
        <v>32824.193529999997</v>
      </c>
      <c r="AC3862">
        <v>32230.579030000001</v>
      </c>
      <c r="AD3862">
        <v>22032.536670000001</v>
      </c>
      <c r="AE3862">
        <v>42857.58466</v>
      </c>
      <c r="AF3862">
        <v>46666.260889999998</v>
      </c>
      <c r="AG3862">
        <v>27413.538</v>
      </c>
      <c r="AH3862">
        <v>213754.1158</v>
      </c>
      <c r="AI3862">
        <v>61981.613169999997</v>
      </c>
      <c r="AJ3862">
        <v>19590.052820000001</v>
      </c>
      <c r="AK3862">
        <v>32771.372929999998</v>
      </c>
      <c r="AL3862">
        <v>54621.266009999999</v>
      </c>
      <c r="AM3862">
        <v>18324.828389999999</v>
      </c>
      <c r="AN3862">
        <v>78897.82806</v>
      </c>
      <c r="AO3862">
        <v>21428.205290000002</v>
      </c>
      <c r="AP3862">
        <v>12638.989740000001</v>
      </c>
    </row>
    <row r="3863" spans="2:42" x14ac:dyDescent="0.3">
      <c r="B3863">
        <v>42.009739701026625</v>
      </c>
      <c r="C3863" s="83">
        <v>43261.875</v>
      </c>
      <c r="D3863">
        <v>165745.1317</v>
      </c>
      <c r="E3863">
        <v>12358.846449999999</v>
      </c>
      <c r="F3863">
        <v>50386.462010000003</v>
      </c>
      <c r="G3863">
        <v>32454.958350000001</v>
      </c>
      <c r="H3863">
        <v>31662.492030000001</v>
      </c>
      <c r="I3863">
        <v>21171.51899</v>
      </c>
      <c r="J3863">
        <v>42571.211479999998</v>
      </c>
      <c r="K3863">
        <v>46887.559159999997</v>
      </c>
      <c r="L3863">
        <v>26019.084999999999</v>
      </c>
      <c r="M3863">
        <v>214185.2439</v>
      </c>
      <c r="N3863">
        <v>62915.145510000002</v>
      </c>
      <c r="O3863">
        <v>19351.15149</v>
      </c>
      <c r="P3863">
        <v>31944.666069999999</v>
      </c>
      <c r="Q3863">
        <v>56346.826359999999</v>
      </c>
      <c r="R3863">
        <v>18338.15106</v>
      </c>
      <c r="S3863">
        <v>76358.254100000006</v>
      </c>
      <c r="T3863">
        <v>21257.109810000002</v>
      </c>
      <c r="U3863">
        <v>12740.81956</v>
      </c>
      <c r="W3863" s="83">
        <f>Bühler!N3895</f>
        <v>45452.874999990636</v>
      </c>
      <c r="X3863" s="83">
        <v>43261.875</v>
      </c>
      <c r="Y3863">
        <v>165745.1317</v>
      </c>
      <c r="Z3863">
        <v>12358.846449999999</v>
      </c>
      <c r="AA3863">
        <v>50386.462010000003</v>
      </c>
      <c r="AB3863">
        <v>32454.958350000001</v>
      </c>
      <c r="AC3863">
        <v>31662.492030000001</v>
      </c>
      <c r="AD3863">
        <v>21171.51899</v>
      </c>
      <c r="AE3863">
        <v>42571.211479999998</v>
      </c>
      <c r="AF3863">
        <v>46887.559159999997</v>
      </c>
      <c r="AG3863">
        <v>26019.084999999999</v>
      </c>
      <c r="AH3863">
        <v>214185.2439</v>
      </c>
      <c r="AI3863">
        <v>62915.145510000002</v>
      </c>
      <c r="AJ3863">
        <v>19351.15149</v>
      </c>
      <c r="AK3863">
        <v>31944.666069999999</v>
      </c>
      <c r="AL3863">
        <v>56346.826359999999</v>
      </c>
      <c r="AM3863">
        <v>18338.15106</v>
      </c>
      <c r="AN3863">
        <v>76358.254100000006</v>
      </c>
      <c r="AO3863">
        <v>21257.109810000002</v>
      </c>
      <c r="AP3863">
        <v>12740.81956</v>
      </c>
    </row>
    <row r="3864" spans="2:42" x14ac:dyDescent="0.3">
      <c r="B3864">
        <v>42.591694685329209</v>
      </c>
      <c r="C3864" s="83">
        <v>43261.916666666664</v>
      </c>
      <c r="D3864">
        <v>167936.0546</v>
      </c>
      <c r="E3864">
        <v>12377.278329999999</v>
      </c>
      <c r="F3864">
        <v>49965.740539999999</v>
      </c>
      <c r="G3864">
        <v>33087.647199999999</v>
      </c>
      <c r="H3864">
        <v>33750.527840000002</v>
      </c>
      <c r="I3864">
        <v>21091.66302</v>
      </c>
      <c r="J3864">
        <v>42507.762139999999</v>
      </c>
      <c r="K3864">
        <v>50071.433299999997</v>
      </c>
      <c r="L3864">
        <v>23642.661339999999</v>
      </c>
      <c r="M3864">
        <v>217152.32180000001</v>
      </c>
      <c r="N3864">
        <v>64903.524460000001</v>
      </c>
      <c r="O3864">
        <v>18940.46212</v>
      </c>
      <c r="P3864">
        <v>30694.327270000002</v>
      </c>
      <c r="Q3864">
        <v>57635.527000000002</v>
      </c>
      <c r="R3864">
        <v>19264.280709999999</v>
      </c>
      <c r="S3864">
        <v>76406.092109999998</v>
      </c>
      <c r="T3864">
        <v>20990.054830000001</v>
      </c>
      <c r="U3864">
        <v>13522.98589</v>
      </c>
      <c r="W3864" s="83">
        <f>Bühler!N3896</f>
        <v>45452.9166666573</v>
      </c>
      <c r="X3864" s="83">
        <v>43261.916666666664</v>
      </c>
      <c r="Y3864">
        <v>167936.0546</v>
      </c>
      <c r="Z3864">
        <v>12377.278329999999</v>
      </c>
      <c r="AA3864">
        <v>49965.740539999999</v>
      </c>
      <c r="AB3864">
        <v>33087.647199999999</v>
      </c>
      <c r="AC3864">
        <v>33750.527840000002</v>
      </c>
      <c r="AD3864">
        <v>21091.66302</v>
      </c>
      <c r="AE3864">
        <v>42507.762139999999</v>
      </c>
      <c r="AF3864">
        <v>50071.433299999997</v>
      </c>
      <c r="AG3864">
        <v>23642.661339999999</v>
      </c>
      <c r="AH3864">
        <v>217152.32180000001</v>
      </c>
      <c r="AI3864">
        <v>64903.524460000001</v>
      </c>
      <c r="AJ3864">
        <v>18940.46212</v>
      </c>
      <c r="AK3864">
        <v>30694.327270000002</v>
      </c>
      <c r="AL3864">
        <v>57635.527000000002</v>
      </c>
      <c r="AM3864">
        <v>19264.280709999999</v>
      </c>
      <c r="AN3864">
        <v>76406.092109999998</v>
      </c>
      <c r="AO3864">
        <v>20990.054830000001</v>
      </c>
      <c r="AP3864">
        <v>13522.98589</v>
      </c>
    </row>
    <row r="3865" spans="2:42" x14ac:dyDescent="0.3">
      <c r="B3865">
        <v>43.223747989963549</v>
      </c>
      <c r="C3865" s="83">
        <v>43261.958333333336</v>
      </c>
      <c r="D3865">
        <v>169373.3873</v>
      </c>
      <c r="E3865">
        <v>11963.17894</v>
      </c>
      <c r="F3865">
        <v>49166.99856</v>
      </c>
      <c r="G3865">
        <v>32999.359700000001</v>
      </c>
      <c r="H3865">
        <v>33137.86419</v>
      </c>
      <c r="I3865">
        <v>20619.560099999999</v>
      </c>
      <c r="J3865">
        <v>38777.30126</v>
      </c>
      <c r="K3865">
        <v>49793.166420000001</v>
      </c>
      <c r="L3865">
        <v>20494.654259999999</v>
      </c>
      <c r="M3865">
        <v>220374.82430000001</v>
      </c>
      <c r="N3865">
        <v>64227.387790000001</v>
      </c>
      <c r="O3865">
        <v>18501.99195</v>
      </c>
      <c r="P3865">
        <v>28372.114740000001</v>
      </c>
      <c r="Q3865">
        <v>58798.669280000002</v>
      </c>
      <c r="R3865">
        <v>20285.908289999999</v>
      </c>
      <c r="S3865">
        <v>74795.071039999995</v>
      </c>
      <c r="T3865">
        <v>19766.204119999999</v>
      </c>
      <c r="U3865">
        <v>13262.03277</v>
      </c>
      <c r="W3865" s="83">
        <f>Bühler!N3897</f>
        <v>45452.958333323964</v>
      </c>
      <c r="X3865" s="83">
        <v>43261.958333333336</v>
      </c>
      <c r="Y3865">
        <v>169373.3873</v>
      </c>
      <c r="Z3865">
        <v>11963.17894</v>
      </c>
      <c r="AA3865">
        <v>49166.99856</v>
      </c>
      <c r="AB3865">
        <v>32999.359700000001</v>
      </c>
      <c r="AC3865">
        <v>33137.86419</v>
      </c>
      <c r="AD3865">
        <v>20619.560099999999</v>
      </c>
      <c r="AE3865">
        <v>38777.30126</v>
      </c>
      <c r="AF3865">
        <v>49793.166420000001</v>
      </c>
      <c r="AG3865">
        <v>20494.654259999999</v>
      </c>
      <c r="AH3865">
        <v>220374.82430000001</v>
      </c>
      <c r="AI3865">
        <v>64227.387790000001</v>
      </c>
      <c r="AJ3865">
        <v>18501.99195</v>
      </c>
      <c r="AK3865">
        <v>28372.114740000001</v>
      </c>
      <c r="AL3865">
        <v>58798.669280000002</v>
      </c>
      <c r="AM3865">
        <v>20285.908289999999</v>
      </c>
      <c r="AN3865">
        <v>74795.071039999995</v>
      </c>
      <c r="AO3865">
        <v>19766.204119999999</v>
      </c>
      <c r="AP3865">
        <v>13262.03277</v>
      </c>
    </row>
    <row r="3866" spans="2:42" x14ac:dyDescent="0.3">
      <c r="B3866">
        <v>43.124937785833268</v>
      </c>
      <c r="C3866" s="83">
        <v>43262</v>
      </c>
      <c r="D3866">
        <v>171166.30970000001</v>
      </c>
      <c r="E3866">
        <v>11904.179969999999</v>
      </c>
      <c r="F3866">
        <v>48803.107389999997</v>
      </c>
      <c r="G3866">
        <v>32831.299590000002</v>
      </c>
      <c r="H3866">
        <v>32935.362139999997</v>
      </c>
      <c r="I3866">
        <v>19152.403910000001</v>
      </c>
      <c r="J3866">
        <v>34978.183210000003</v>
      </c>
      <c r="K3866">
        <v>47239.950129999997</v>
      </c>
      <c r="L3866">
        <v>17563.104800000001</v>
      </c>
      <c r="M3866">
        <v>219871.04380000001</v>
      </c>
      <c r="N3866">
        <v>61828.036970000001</v>
      </c>
      <c r="O3866">
        <v>18947.841079999998</v>
      </c>
      <c r="P3866">
        <v>25845.739870000001</v>
      </c>
      <c r="Q3866">
        <v>62251.024189999996</v>
      </c>
      <c r="R3866">
        <v>16287.55393</v>
      </c>
      <c r="S3866">
        <v>73771.063240000003</v>
      </c>
      <c r="T3866">
        <v>19048.85583</v>
      </c>
      <c r="U3866">
        <v>13105.89969</v>
      </c>
      <c r="W3866" s="83">
        <f>Bühler!N3898</f>
        <v>45452.999999990629</v>
      </c>
      <c r="X3866" s="83">
        <v>43262</v>
      </c>
      <c r="Y3866">
        <v>171166.30970000001</v>
      </c>
      <c r="Z3866">
        <v>11904.179969999999</v>
      </c>
      <c r="AA3866">
        <v>48803.107389999997</v>
      </c>
      <c r="AB3866">
        <v>32831.299590000002</v>
      </c>
      <c r="AC3866">
        <v>32935.362139999997</v>
      </c>
      <c r="AD3866">
        <v>19152.403910000001</v>
      </c>
      <c r="AE3866">
        <v>34978.183210000003</v>
      </c>
      <c r="AF3866">
        <v>47239.950129999997</v>
      </c>
      <c r="AG3866">
        <v>17563.104800000001</v>
      </c>
      <c r="AH3866">
        <v>219871.04380000001</v>
      </c>
      <c r="AI3866">
        <v>61828.036970000001</v>
      </c>
      <c r="AJ3866">
        <v>18947.841079999998</v>
      </c>
      <c r="AK3866">
        <v>25845.739870000001</v>
      </c>
      <c r="AL3866">
        <v>62251.024189999996</v>
      </c>
      <c r="AM3866">
        <v>16287.55393</v>
      </c>
      <c r="AN3866">
        <v>73771.063240000003</v>
      </c>
      <c r="AO3866">
        <v>19048.85583</v>
      </c>
      <c r="AP3866">
        <v>13105.89969</v>
      </c>
    </row>
    <row r="3867" spans="2:42" x14ac:dyDescent="0.3">
      <c r="B3867">
        <v>43.193455606010929</v>
      </c>
      <c r="C3867" s="83">
        <v>43262.041666666664</v>
      </c>
      <c r="D3867">
        <v>171918.80869999999</v>
      </c>
      <c r="E3867">
        <v>11684.86881</v>
      </c>
      <c r="F3867">
        <v>48059.201520000002</v>
      </c>
      <c r="G3867">
        <v>32219.7019</v>
      </c>
      <c r="H3867">
        <v>32109.99727</v>
      </c>
      <c r="I3867">
        <v>15045.283649999999</v>
      </c>
      <c r="J3867">
        <v>33772.454839999999</v>
      </c>
      <c r="K3867">
        <v>45181.724459999998</v>
      </c>
      <c r="L3867">
        <v>16305.220300000001</v>
      </c>
      <c r="M3867">
        <v>220220.37959999999</v>
      </c>
      <c r="N3867">
        <v>61179.049290000003</v>
      </c>
      <c r="O3867">
        <v>18627.705829999999</v>
      </c>
      <c r="P3867">
        <v>24782.044269999999</v>
      </c>
      <c r="Q3867">
        <v>64714.400560000002</v>
      </c>
      <c r="R3867">
        <v>14876.30013</v>
      </c>
      <c r="S3867">
        <v>71899.361749999996</v>
      </c>
      <c r="T3867">
        <v>18798.244279999999</v>
      </c>
      <c r="U3867">
        <v>13012.125340000001</v>
      </c>
      <c r="W3867" s="83">
        <f>Bühler!N3899</f>
        <v>45453.041666657293</v>
      </c>
      <c r="X3867" s="83">
        <v>43262.041666666664</v>
      </c>
      <c r="Y3867">
        <v>171918.80869999999</v>
      </c>
      <c r="Z3867">
        <v>11684.86881</v>
      </c>
      <c r="AA3867">
        <v>48059.201520000002</v>
      </c>
      <c r="AB3867">
        <v>32219.7019</v>
      </c>
      <c r="AC3867">
        <v>32109.99727</v>
      </c>
      <c r="AD3867">
        <v>15045.283649999999</v>
      </c>
      <c r="AE3867">
        <v>33772.454839999999</v>
      </c>
      <c r="AF3867">
        <v>45181.724459999998</v>
      </c>
      <c r="AG3867">
        <v>16305.220300000001</v>
      </c>
      <c r="AH3867">
        <v>220220.37959999999</v>
      </c>
      <c r="AI3867">
        <v>61179.049290000003</v>
      </c>
      <c r="AJ3867">
        <v>18627.705829999999</v>
      </c>
      <c r="AK3867">
        <v>24782.044269999999</v>
      </c>
      <c r="AL3867">
        <v>64714.400560000002</v>
      </c>
      <c r="AM3867">
        <v>14876.30013</v>
      </c>
      <c r="AN3867">
        <v>71899.361749999996</v>
      </c>
      <c r="AO3867">
        <v>18798.244279999999</v>
      </c>
      <c r="AP3867">
        <v>13012.125340000001</v>
      </c>
    </row>
    <row r="3868" spans="2:42" x14ac:dyDescent="0.3">
      <c r="B3868">
        <v>43.93543002464542</v>
      </c>
      <c r="C3868" s="83">
        <v>43262.083333333336</v>
      </c>
      <c r="D3868">
        <v>173685.5067</v>
      </c>
      <c r="E3868">
        <v>11758.71062</v>
      </c>
      <c r="F3868">
        <v>49553.67308</v>
      </c>
      <c r="G3868">
        <v>31483.051370000001</v>
      </c>
      <c r="H3868">
        <v>31931.841960000002</v>
      </c>
      <c r="I3868">
        <v>13446.328740000001</v>
      </c>
      <c r="J3868">
        <v>33177.955909999997</v>
      </c>
      <c r="K3868">
        <v>43990.407859999999</v>
      </c>
      <c r="L3868">
        <v>15830.903200000001</v>
      </c>
      <c r="M3868">
        <v>224003.3112</v>
      </c>
      <c r="N3868">
        <v>60702.968159999997</v>
      </c>
      <c r="O3868">
        <v>18576.55213</v>
      </c>
      <c r="P3868">
        <v>23236.877079999998</v>
      </c>
      <c r="Q3868">
        <v>68807.283949999997</v>
      </c>
      <c r="R3868">
        <v>15485.87191</v>
      </c>
      <c r="S3868">
        <v>71264.541400000002</v>
      </c>
      <c r="T3868">
        <v>18379.18994</v>
      </c>
      <c r="U3868">
        <v>12944.74775</v>
      </c>
      <c r="W3868" s="83">
        <f>Bühler!N3900</f>
        <v>45453.083333323957</v>
      </c>
      <c r="X3868" s="83">
        <v>43262.083333333336</v>
      </c>
      <c r="Y3868">
        <v>173685.5067</v>
      </c>
      <c r="Z3868">
        <v>11758.71062</v>
      </c>
      <c r="AA3868">
        <v>49553.67308</v>
      </c>
      <c r="AB3868">
        <v>31483.051370000001</v>
      </c>
      <c r="AC3868">
        <v>31931.841960000002</v>
      </c>
      <c r="AD3868">
        <v>13446.328740000001</v>
      </c>
      <c r="AE3868">
        <v>33177.955909999997</v>
      </c>
      <c r="AF3868">
        <v>43990.407859999999</v>
      </c>
      <c r="AG3868">
        <v>15830.903200000001</v>
      </c>
      <c r="AH3868">
        <v>224003.3112</v>
      </c>
      <c r="AI3868">
        <v>60702.968159999997</v>
      </c>
      <c r="AJ3868">
        <v>18576.55213</v>
      </c>
      <c r="AK3868">
        <v>23236.877079999998</v>
      </c>
      <c r="AL3868">
        <v>68807.283949999997</v>
      </c>
      <c r="AM3868">
        <v>15485.87191</v>
      </c>
      <c r="AN3868">
        <v>71264.541400000002</v>
      </c>
      <c r="AO3868">
        <v>18379.18994</v>
      </c>
      <c r="AP3868">
        <v>12944.74775</v>
      </c>
    </row>
    <row r="3869" spans="2:42" x14ac:dyDescent="0.3">
      <c r="B3869">
        <v>45.324188295291208</v>
      </c>
      <c r="C3869" s="83">
        <v>43262.125</v>
      </c>
      <c r="D3869">
        <v>178629.72529999999</v>
      </c>
      <c r="E3869">
        <v>11787.427600000001</v>
      </c>
      <c r="F3869">
        <v>51600.207739999998</v>
      </c>
      <c r="G3869">
        <v>30879.261699999999</v>
      </c>
      <c r="H3869">
        <v>31980.234639999999</v>
      </c>
      <c r="I3869">
        <v>13163.74574</v>
      </c>
      <c r="J3869">
        <v>33220.394260000001</v>
      </c>
      <c r="K3869">
        <v>43163.310899999997</v>
      </c>
      <c r="L3869">
        <v>15503.87815</v>
      </c>
      <c r="M3869">
        <v>231083.84849999999</v>
      </c>
      <c r="N3869">
        <v>61213.36896</v>
      </c>
      <c r="O3869">
        <v>18291.112679999998</v>
      </c>
      <c r="P3869">
        <v>23628.432639999999</v>
      </c>
      <c r="Q3869">
        <v>74249.786959999998</v>
      </c>
      <c r="R3869">
        <v>15369.432049999999</v>
      </c>
      <c r="S3869">
        <v>70508.71531</v>
      </c>
      <c r="T3869">
        <v>18154.932420000001</v>
      </c>
      <c r="U3869">
        <v>12927.7281</v>
      </c>
      <c r="W3869" s="83">
        <f>Bühler!N3901</f>
        <v>45453.124999990621</v>
      </c>
      <c r="X3869" s="83">
        <v>43262.125</v>
      </c>
      <c r="Y3869">
        <v>178629.72529999999</v>
      </c>
      <c r="Z3869">
        <v>11787.427600000001</v>
      </c>
      <c r="AA3869">
        <v>51600.207739999998</v>
      </c>
      <c r="AB3869">
        <v>30879.261699999999</v>
      </c>
      <c r="AC3869">
        <v>31980.234639999999</v>
      </c>
      <c r="AD3869">
        <v>13163.74574</v>
      </c>
      <c r="AE3869">
        <v>33220.394260000001</v>
      </c>
      <c r="AF3869">
        <v>43163.310899999997</v>
      </c>
      <c r="AG3869">
        <v>15503.87815</v>
      </c>
      <c r="AH3869">
        <v>231083.84849999999</v>
      </c>
      <c r="AI3869">
        <v>61213.36896</v>
      </c>
      <c r="AJ3869">
        <v>18291.112679999998</v>
      </c>
      <c r="AK3869">
        <v>23628.432639999999</v>
      </c>
      <c r="AL3869">
        <v>74249.786959999998</v>
      </c>
      <c r="AM3869">
        <v>15369.432049999999</v>
      </c>
      <c r="AN3869">
        <v>70508.71531</v>
      </c>
      <c r="AO3869">
        <v>18154.932420000001</v>
      </c>
      <c r="AP3869">
        <v>12927.7281</v>
      </c>
    </row>
    <row r="3870" spans="2:42" x14ac:dyDescent="0.3">
      <c r="B3870">
        <v>47.941460922981378</v>
      </c>
      <c r="C3870" s="83">
        <v>43262.166666666664</v>
      </c>
      <c r="D3870">
        <v>188683.76680000001</v>
      </c>
      <c r="E3870">
        <v>12609.81674</v>
      </c>
      <c r="F3870">
        <v>54975.079579999998</v>
      </c>
      <c r="G3870">
        <v>30178.09705</v>
      </c>
      <c r="H3870">
        <v>32794.644990000001</v>
      </c>
      <c r="I3870">
        <v>14627.46652</v>
      </c>
      <c r="J3870">
        <v>35581.689890000001</v>
      </c>
      <c r="K3870">
        <v>42816.844369999999</v>
      </c>
      <c r="L3870">
        <v>15339.99905</v>
      </c>
      <c r="M3870">
        <v>244427.92490000001</v>
      </c>
      <c r="N3870">
        <v>60697.406329999998</v>
      </c>
      <c r="O3870">
        <v>18500.050759999998</v>
      </c>
      <c r="P3870">
        <v>22833.681390000002</v>
      </c>
      <c r="Q3870">
        <v>81212.07905</v>
      </c>
      <c r="R3870">
        <v>15450.128339999999</v>
      </c>
      <c r="S3870">
        <v>70001.987810000006</v>
      </c>
      <c r="T3870">
        <v>18035.968529999998</v>
      </c>
      <c r="U3870">
        <v>14066.16699</v>
      </c>
      <c r="W3870" s="83">
        <f>Bühler!N3902</f>
        <v>45453.166666657286</v>
      </c>
      <c r="X3870" s="83">
        <v>43262.166666666664</v>
      </c>
      <c r="Y3870">
        <v>188683.76680000001</v>
      </c>
      <c r="Z3870">
        <v>12609.81674</v>
      </c>
      <c r="AA3870">
        <v>54975.079579999998</v>
      </c>
      <c r="AB3870">
        <v>30178.09705</v>
      </c>
      <c r="AC3870">
        <v>32794.644990000001</v>
      </c>
      <c r="AD3870">
        <v>14627.46652</v>
      </c>
      <c r="AE3870">
        <v>35581.689890000001</v>
      </c>
      <c r="AF3870">
        <v>42816.844369999999</v>
      </c>
      <c r="AG3870">
        <v>15339.99905</v>
      </c>
      <c r="AH3870">
        <v>244427.92490000001</v>
      </c>
      <c r="AI3870">
        <v>60697.406329999998</v>
      </c>
      <c r="AJ3870">
        <v>18500.050759999998</v>
      </c>
      <c r="AK3870">
        <v>22833.681390000002</v>
      </c>
      <c r="AL3870">
        <v>81212.07905</v>
      </c>
      <c r="AM3870">
        <v>15450.128339999999</v>
      </c>
      <c r="AN3870">
        <v>70001.987810000006</v>
      </c>
      <c r="AO3870">
        <v>18035.968529999998</v>
      </c>
      <c r="AP3870">
        <v>14066.16699</v>
      </c>
    </row>
    <row r="3871" spans="2:42" x14ac:dyDescent="0.3">
      <c r="B3871">
        <v>53.663635208986321</v>
      </c>
      <c r="C3871" s="83">
        <v>43262.208333333336</v>
      </c>
      <c r="D3871">
        <v>220497.8873</v>
      </c>
      <c r="E3871">
        <v>14437.83157</v>
      </c>
      <c r="F3871">
        <v>65242.706339999997</v>
      </c>
      <c r="G3871">
        <v>31935.151099999999</v>
      </c>
      <c r="H3871">
        <v>34402.520299999996</v>
      </c>
      <c r="I3871">
        <v>22058.06623</v>
      </c>
      <c r="J3871">
        <v>38272.479010000003</v>
      </c>
      <c r="K3871">
        <v>43796.920239999999</v>
      </c>
      <c r="L3871">
        <v>16560.655930000001</v>
      </c>
      <c r="M3871">
        <v>273602.23790000001</v>
      </c>
      <c r="N3871">
        <v>62629.372219999997</v>
      </c>
      <c r="O3871">
        <v>19297.593720000001</v>
      </c>
      <c r="P3871">
        <v>25378.366709999998</v>
      </c>
      <c r="Q3871">
        <v>87295.117379999996</v>
      </c>
      <c r="R3871">
        <v>17943.701560000001</v>
      </c>
      <c r="S3871">
        <v>72517.847229999999</v>
      </c>
      <c r="T3871">
        <v>19983.196899999999</v>
      </c>
      <c r="U3871">
        <v>15860.15755</v>
      </c>
      <c r="W3871" s="83">
        <f>Bühler!N3903</f>
        <v>45453.20833332395</v>
      </c>
      <c r="X3871" s="83">
        <v>43262.208333333336</v>
      </c>
      <c r="Y3871">
        <v>220497.8873</v>
      </c>
      <c r="Z3871">
        <v>14437.83157</v>
      </c>
      <c r="AA3871">
        <v>65242.706339999997</v>
      </c>
      <c r="AB3871">
        <v>31935.151099999999</v>
      </c>
      <c r="AC3871">
        <v>34402.520299999996</v>
      </c>
      <c r="AD3871">
        <v>22058.06623</v>
      </c>
      <c r="AE3871">
        <v>38272.479010000003</v>
      </c>
      <c r="AF3871">
        <v>43796.920239999999</v>
      </c>
      <c r="AG3871">
        <v>16560.655930000001</v>
      </c>
      <c r="AH3871">
        <v>273602.23790000001</v>
      </c>
      <c r="AI3871">
        <v>62629.372219999997</v>
      </c>
      <c r="AJ3871">
        <v>19297.593720000001</v>
      </c>
      <c r="AK3871">
        <v>25378.366709999998</v>
      </c>
      <c r="AL3871">
        <v>87295.117379999996</v>
      </c>
      <c r="AM3871">
        <v>17943.701560000001</v>
      </c>
      <c r="AN3871">
        <v>72517.847229999999</v>
      </c>
      <c r="AO3871">
        <v>19983.196899999999</v>
      </c>
      <c r="AP3871">
        <v>15860.15755</v>
      </c>
    </row>
    <row r="3872" spans="2:42" x14ac:dyDescent="0.3">
      <c r="B3872">
        <v>59.063024682927804</v>
      </c>
      <c r="C3872" s="83">
        <v>43262.25</v>
      </c>
      <c r="D3872">
        <v>244274.32560000001</v>
      </c>
      <c r="E3872">
        <v>17918.956129999999</v>
      </c>
      <c r="F3872">
        <v>76292.188540000003</v>
      </c>
      <c r="G3872">
        <v>40652.683799999999</v>
      </c>
      <c r="H3872">
        <v>36456.718549999998</v>
      </c>
      <c r="I3872">
        <v>27660.69182</v>
      </c>
      <c r="J3872">
        <v>40710.400659999999</v>
      </c>
      <c r="K3872">
        <v>46155.181629999999</v>
      </c>
      <c r="L3872">
        <v>17519.662639999999</v>
      </c>
      <c r="M3872">
        <v>301130.84340000001</v>
      </c>
      <c r="N3872">
        <v>65617.063009999998</v>
      </c>
      <c r="O3872">
        <v>20682.164359999999</v>
      </c>
      <c r="P3872">
        <v>25242.837</v>
      </c>
      <c r="Q3872">
        <v>90580.066479999994</v>
      </c>
      <c r="R3872">
        <v>16576.59463</v>
      </c>
      <c r="S3872">
        <v>79794.698369999998</v>
      </c>
      <c r="T3872">
        <v>21954.478009999999</v>
      </c>
      <c r="U3872">
        <v>17763.737730000001</v>
      </c>
      <c r="W3872" s="83">
        <f>Bühler!N3904</f>
        <v>45453.249999990614</v>
      </c>
      <c r="X3872" s="83">
        <v>43262.25</v>
      </c>
      <c r="Y3872">
        <v>244274.32560000001</v>
      </c>
      <c r="Z3872">
        <v>17918.956129999999</v>
      </c>
      <c r="AA3872">
        <v>76292.188540000003</v>
      </c>
      <c r="AB3872">
        <v>40652.683799999999</v>
      </c>
      <c r="AC3872">
        <v>36456.718549999998</v>
      </c>
      <c r="AD3872">
        <v>27660.69182</v>
      </c>
      <c r="AE3872">
        <v>40710.400659999999</v>
      </c>
      <c r="AF3872">
        <v>46155.181629999999</v>
      </c>
      <c r="AG3872">
        <v>17519.662639999999</v>
      </c>
      <c r="AH3872">
        <v>301130.84340000001</v>
      </c>
      <c r="AI3872">
        <v>65617.063009999998</v>
      </c>
      <c r="AJ3872">
        <v>20682.164359999999</v>
      </c>
      <c r="AK3872">
        <v>25242.837</v>
      </c>
      <c r="AL3872">
        <v>90580.066479999994</v>
      </c>
      <c r="AM3872">
        <v>16576.59463</v>
      </c>
      <c r="AN3872">
        <v>79794.698369999998</v>
      </c>
      <c r="AO3872">
        <v>21954.478009999999</v>
      </c>
      <c r="AP3872">
        <v>17763.737730000001</v>
      </c>
    </row>
    <row r="3873" spans="2:42" x14ac:dyDescent="0.3">
      <c r="B3873">
        <v>63.090086572312508</v>
      </c>
      <c r="C3873" s="83">
        <v>43262.291666666664</v>
      </c>
      <c r="D3873">
        <v>263314.95020000002</v>
      </c>
      <c r="E3873">
        <v>22270.96355</v>
      </c>
      <c r="F3873">
        <v>80413.806249999994</v>
      </c>
      <c r="G3873">
        <v>50042.501109999997</v>
      </c>
      <c r="H3873">
        <v>41521.783470000002</v>
      </c>
      <c r="I3873">
        <v>34919.399429999998</v>
      </c>
      <c r="J3873">
        <v>42613.39185</v>
      </c>
      <c r="K3873">
        <v>52504.690430000002</v>
      </c>
      <c r="L3873">
        <v>20444.348450000001</v>
      </c>
      <c r="M3873">
        <v>321662.68290000001</v>
      </c>
      <c r="N3873">
        <v>71793.764219999997</v>
      </c>
      <c r="O3873">
        <v>23637.72983</v>
      </c>
      <c r="P3873">
        <v>27534.663759999999</v>
      </c>
      <c r="Q3873">
        <v>92434.839080000005</v>
      </c>
      <c r="R3873">
        <v>18852.623339999998</v>
      </c>
      <c r="S3873">
        <v>94457.556410000005</v>
      </c>
      <c r="T3873">
        <v>25114.05154</v>
      </c>
      <c r="U3873">
        <v>21534.861540000002</v>
      </c>
      <c r="W3873" s="83">
        <f>Bühler!N3905</f>
        <v>45453.291666657278</v>
      </c>
      <c r="X3873" s="83">
        <v>43262.291666666664</v>
      </c>
      <c r="Y3873">
        <v>263314.95020000002</v>
      </c>
      <c r="Z3873">
        <v>22270.96355</v>
      </c>
      <c r="AA3873">
        <v>80413.806249999994</v>
      </c>
      <c r="AB3873">
        <v>50042.501109999997</v>
      </c>
      <c r="AC3873">
        <v>41521.783470000002</v>
      </c>
      <c r="AD3873">
        <v>34919.399429999998</v>
      </c>
      <c r="AE3873">
        <v>42613.39185</v>
      </c>
      <c r="AF3873">
        <v>52504.690430000002</v>
      </c>
      <c r="AG3873">
        <v>20444.348450000001</v>
      </c>
      <c r="AH3873">
        <v>321662.68290000001</v>
      </c>
      <c r="AI3873">
        <v>71793.764219999997</v>
      </c>
      <c r="AJ3873">
        <v>23637.72983</v>
      </c>
      <c r="AK3873">
        <v>27534.663759999999</v>
      </c>
      <c r="AL3873">
        <v>92434.839080000005</v>
      </c>
      <c r="AM3873">
        <v>18852.623339999998</v>
      </c>
      <c r="AN3873">
        <v>94457.556410000005</v>
      </c>
      <c r="AO3873">
        <v>25114.05154</v>
      </c>
      <c r="AP3873">
        <v>21534.861540000002</v>
      </c>
    </row>
    <row r="3874" spans="2:42" x14ac:dyDescent="0.3">
      <c r="B3874">
        <v>64.663721418928475</v>
      </c>
      <c r="C3874" s="83">
        <v>43262.333333333336</v>
      </c>
      <c r="D3874">
        <v>279224.37670000002</v>
      </c>
      <c r="E3874">
        <v>28246.554189999999</v>
      </c>
      <c r="F3874">
        <v>88290.414940000002</v>
      </c>
      <c r="G3874">
        <v>62667.683649999999</v>
      </c>
      <c r="H3874">
        <v>47328.19313</v>
      </c>
      <c r="I3874">
        <v>37898.002639999999</v>
      </c>
      <c r="J3874">
        <v>44410.731189999999</v>
      </c>
      <c r="K3874">
        <v>60431.659959999997</v>
      </c>
      <c r="L3874">
        <v>23732.314050000001</v>
      </c>
      <c r="M3874">
        <v>329685.80719999998</v>
      </c>
      <c r="N3874">
        <v>78570.252540000001</v>
      </c>
      <c r="O3874">
        <v>25747.099689999999</v>
      </c>
      <c r="P3874">
        <v>30546.74827</v>
      </c>
      <c r="Q3874">
        <v>94883.125580000007</v>
      </c>
      <c r="R3874">
        <v>21627.685249999999</v>
      </c>
      <c r="S3874">
        <v>107161.943</v>
      </c>
      <c r="T3874">
        <v>28083.621139999999</v>
      </c>
      <c r="U3874">
        <v>25555.252789999999</v>
      </c>
      <c r="W3874" s="83">
        <f>Bühler!N3906</f>
        <v>45453.333333323942</v>
      </c>
      <c r="X3874" s="83">
        <v>43262.333333333336</v>
      </c>
      <c r="Y3874">
        <v>279224.37670000002</v>
      </c>
      <c r="Z3874">
        <v>28246.554189999999</v>
      </c>
      <c r="AA3874">
        <v>88290.414940000002</v>
      </c>
      <c r="AB3874">
        <v>62667.683649999999</v>
      </c>
      <c r="AC3874">
        <v>47328.19313</v>
      </c>
      <c r="AD3874">
        <v>37898.002639999999</v>
      </c>
      <c r="AE3874">
        <v>44410.731189999999</v>
      </c>
      <c r="AF3874">
        <v>60431.659959999997</v>
      </c>
      <c r="AG3874">
        <v>23732.314050000001</v>
      </c>
      <c r="AH3874">
        <v>329685.80719999998</v>
      </c>
      <c r="AI3874">
        <v>78570.252540000001</v>
      </c>
      <c r="AJ3874">
        <v>25747.099689999999</v>
      </c>
      <c r="AK3874">
        <v>30546.74827</v>
      </c>
      <c r="AL3874">
        <v>94883.125580000007</v>
      </c>
      <c r="AM3874">
        <v>21627.685249999999</v>
      </c>
      <c r="AN3874">
        <v>107161.943</v>
      </c>
      <c r="AO3874">
        <v>28083.621139999999</v>
      </c>
      <c r="AP3874">
        <v>25555.252789999999</v>
      </c>
    </row>
    <row r="3875" spans="2:42" x14ac:dyDescent="0.3">
      <c r="B3875">
        <v>66.438967442525509</v>
      </c>
      <c r="C3875" s="83">
        <v>43262.375</v>
      </c>
      <c r="D3875">
        <v>284733.44880000001</v>
      </c>
      <c r="E3875">
        <v>32859.912429999997</v>
      </c>
      <c r="F3875">
        <v>96344.537660000002</v>
      </c>
      <c r="G3875">
        <v>71494.453750000001</v>
      </c>
      <c r="H3875">
        <v>50731.611839999998</v>
      </c>
      <c r="I3875">
        <v>37273.80287</v>
      </c>
      <c r="J3875">
        <v>45199.381679999999</v>
      </c>
      <c r="K3875">
        <v>63161.8387</v>
      </c>
      <c r="L3875">
        <v>27107.610710000001</v>
      </c>
      <c r="M3875">
        <v>338736.83929999999</v>
      </c>
      <c r="N3875">
        <v>84585.391629999998</v>
      </c>
      <c r="O3875">
        <v>27737.974920000001</v>
      </c>
      <c r="P3875">
        <v>32143.155149999999</v>
      </c>
      <c r="Q3875">
        <v>97056.28327</v>
      </c>
      <c r="R3875">
        <v>21616.183830000002</v>
      </c>
      <c r="S3875">
        <v>115411.1781</v>
      </c>
      <c r="T3875">
        <v>31036.665130000001</v>
      </c>
      <c r="U3875">
        <v>26608.860079999999</v>
      </c>
      <c r="W3875" s="83">
        <f>Bühler!N3907</f>
        <v>45453.374999990607</v>
      </c>
      <c r="X3875" s="83">
        <v>43262.375</v>
      </c>
      <c r="Y3875">
        <v>284733.44880000001</v>
      </c>
      <c r="Z3875">
        <v>32859.912429999997</v>
      </c>
      <c r="AA3875">
        <v>96344.537660000002</v>
      </c>
      <c r="AB3875">
        <v>71494.453750000001</v>
      </c>
      <c r="AC3875">
        <v>50731.611839999998</v>
      </c>
      <c r="AD3875">
        <v>37273.80287</v>
      </c>
      <c r="AE3875">
        <v>45199.381679999999</v>
      </c>
      <c r="AF3875">
        <v>63161.8387</v>
      </c>
      <c r="AG3875">
        <v>27107.610710000001</v>
      </c>
      <c r="AH3875">
        <v>338736.83929999999</v>
      </c>
      <c r="AI3875">
        <v>84585.391629999998</v>
      </c>
      <c r="AJ3875">
        <v>27737.974920000001</v>
      </c>
      <c r="AK3875">
        <v>32143.155149999999</v>
      </c>
      <c r="AL3875">
        <v>97056.28327</v>
      </c>
      <c r="AM3875">
        <v>21616.183830000002</v>
      </c>
      <c r="AN3875">
        <v>115411.1781</v>
      </c>
      <c r="AO3875">
        <v>31036.665130000001</v>
      </c>
      <c r="AP3875">
        <v>26608.860079999999</v>
      </c>
    </row>
    <row r="3876" spans="2:42" x14ac:dyDescent="0.3">
      <c r="B3876">
        <v>68.813568506451773</v>
      </c>
      <c r="C3876" s="83">
        <v>43262.416666666664</v>
      </c>
      <c r="D3876">
        <v>290641.06329999998</v>
      </c>
      <c r="E3876">
        <v>35327.848789999996</v>
      </c>
      <c r="F3876">
        <v>98217.555850000004</v>
      </c>
      <c r="G3876">
        <v>75394.131999999998</v>
      </c>
      <c r="H3876">
        <v>51753.043039999997</v>
      </c>
      <c r="I3876">
        <v>36085.00333</v>
      </c>
      <c r="J3876">
        <v>45431.33541</v>
      </c>
      <c r="K3876">
        <v>63940.785219999998</v>
      </c>
      <c r="L3876">
        <v>30311.15033</v>
      </c>
      <c r="M3876">
        <v>350843.6629</v>
      </c>
      <c r="N3876">
        <v>87956.317569999999</v>
      </c>
      <c r="O3876">
        <v>28169.579809999999</v>
      </c>
      <c r="P3876">
        <v>33692.767240000001</v>
      </c>
      <c r="Q3876">
        <v>98538.975269999995</v>
      </c>
      <c r="R3876">
        <v>22766.299009999999</v>
      </c>
      <c r="S3876">
        <v>118180.9298</v>
      </c>
      <c r="T3876">
        <v>33673.007279999998</v>
      </c>
      <c r="U3876">
        <v>25850.12802</v>
      </c>
      <c r="W3876" s="83">
        <f>Bühler!N3908</f>
        <v>45453.416666657271</v>
      </c>
      <c r="X3876" s="83">
        <v>43262.416666666664</v>
      </c>
      <c r="Y3876">
        <v>290641.06329999998</v>
      </c>
      <c r="Z3876">
        <v>35327.848789999996</v>
      </c>
      <c r="AA3876">
        <v>98217.555850000004</v>
      </c>
      <c r="AB3876">
        <v>75394.131999999998</v>
      </c>
      <c r="AC3876">
        <v>51753.043039999997</v>
      </c>
      <c r="AD3876">
        <v>36085.00333</v>
      </c>
      <c r="AE3876">
        <v>45431.33541</v>
      </c>
      <c r="AF3876">
        <v>63940.785219999998</v>
      </c>
      <c r="AG3876">
        <v>30311.15033</v>
      </c>
      <c r="AH3876">
        <v>350843.6629</v>
      </c>
      <c r="AI3876">
        <v>87956.317569999999</v>
      </c>
      <c r="AJ3876">
        <v>28169.579809999999</v>
      </c>
      <c r="AK3876">
        <v>33692.767240000001</v>
      </c>
      <c r="AL3876">
        <v>98538.975269999995</v>
      </c>
      <c r="AM3876">
        <v>22766.299009999999</v>
      </c>
      <c r="AN3876">
        <v>118180.9298</v>
      </c>
      <c r="AO3876">
        <v>33673.007279999998</v>
      </c>
      <c r="AP3876">
        <v>25850.12802</v>
      </c>
    </row>
    <row r="3877" spans="2:42" x14ac:dyDescent="0.3">
      <c r="B3877">
        <v>70.195230074369078</v>
      </c>
      <c r="C3877" s="83">
        <v>43262.458333333336</v>
      </c>
      <c r="D3877">
        <v>292191.2721</v>
      </c>
      <c r="E3877">
        <v>35819.449999999997</v>
      </c>
      <c r="F3877">
        <v>99284.261249999996</v>
      </c>
      <c r="G3877">
        <v>75158.041589999993</v>
      </c>
      <c r="H3877">
        <v>51841.708149999999</v>
      </c>
      <c r="I3877">
        <v>36227.795330000001</v>
      </c>
      <c r="J3877">
        <v>46224.503219999999</v>
      </c>
      <c r="K3877">
        <v>65043.77622</v>
      </c>
      <c r="L3877">
        <v>31235.980599999999</v>
      </c>
      <c r="M3877">
        <v>357888.01789999998</v>
      </c>
      <c r="N3877">
        <v>90482.218259999994</v>
      </c>
      <c r="O3877">
        <v>27747.43519</v>
      </c>
      <c r="P3877">
        <v>33617.511720000002</v>
      </c>
      <c r="Q3877">
        <v>100386.61440000001</v>
      </c>
      <c r="R3877">
        <v>25953.536810000001</v>
      </c>
      <c r="S3877">
        <v>122043.14840000001</v>
      </c>
      <c r="T3877">
        <v>33753.784290000003</v>
      </c>
      <c r="U3877">
        <v>25343.041239999999</v>
      </c>
      <c r="W3877" s="83">
        <f>Bühler!N3909</f>
        <v>45453.458333323935</v>
      </c>
      <c r="X3877" s="83">
        <v>43262.458333333336</v>
      </c>
      <c r="Y3877">
        <v>292191.2721</v>
      </c>
      <c r="Z3877">
        <v>35819.449999999997</v>
      </c>
      <c r="AA3877">
        <v>99284.261249999996</v>
      </c>
      <c r="AB3877">
        <v>75158.041589999993</v>
      </c>
      <c r="AC3877">
        <v>51841.708149999999</v>
      </c>
      <c r="AD3877">
        <v>36227.795330000001</v>
      </c>
      <c r="AE3877">
        <v>46224.503219999999</v>
      </c>
      <c r="AF3877">
        <v>65043.77622</v>
      </c>
      <c r="AG3877">
        <v>31235.980599999999</v>
      </c>
      <c r="AH3877">
        <v>357888.01789999998</v>
      </c>
      <c r="AI3877">
        <v>90482.218259999994</v>
      </c>
      <c r="AJ3877">
        <v>27747.43519</v>
      </c>
      <c r="AK3877">
        <v>33617.511720000002</v>
      </c>
      <c r="AL3877">
        <v>100386.61440000001</v>
      </c>
      <c r="AM3877">
        <v>25953.536810000001</v>
      </c>
      <c r="AN3877">
        <v>122043.14840000001</v>
      </c>
      <c r="AO3877">
        <v>33753.784290000003</v>
      </c>
      <c r="AP3877">
        <v>25343.041239999999</v>
      </c>
    </row>
    <row r="3878" spans="2:42" x14ac:dyDescent="0.3">
      <c r="B3878">
        <v>69.437508547758355</v>
      </c>
      <c r="C3878" s="83">
        <v>43262.5</v>
      </c>
      <c r="D3878">
        <v>284792.31719999999</v>
      </c>
      <c r="E3878">
        <v>32723.272840000001</v>
      </c>
      <c r="F3878">
        <v>95088.975479999994</v>
      </c>
      <c r="G3878">
        <v>76794.305850000004</v>
      </c>
      <c r="H3878">
        <v>50823.458659999997</v>
      </c>
      <c r="I3878">
        <v>35705.17254</v>
      </c>
      <c r="J3878">
        <v>47037.835879999999</v>
      </c>
      <c r="K3878">
        <v>62021.082999999999</v>
      </c>
      <c r="L3878">
        <v>33668.764889999999</v>
      </c>
      <c r="M3878">
        <v>354024.8002</v>
      </c>
      <c r="N3878">
        <v>89877.858850000004</v>
      </c>
      <c r="O3878">
        <v>27904.033009999999</v>
      </c>
      <c r="P3878">
        <v>34515.060649999999</v>
      </c>
      <c r="Q3878">
        <v>101492.49950000001</v>
      </c>
      <c r="R3878">
        <v>25848.93233</v>
      </c>
      <c r="S3878">
        <v>116789.3673</v>
      </c>
      <c r="T3878">
        <v>34026.490590000001</v>
      </c>
      <c r="U3878">
        <v>21669.73144</v>
      </c>
      <c r="W3878" s="83">
        <f>Bühler!N3910</f>
        <v>45453.499999990599</v>
      </c>
      <c r="X3878" s="83">
        <v>43262.5</v>
      </c>
      <c r="Y3878">
        <v>284792.31719999999</v>
      </c>
      <c r="Z3878">
        <v>32723.272840000001</v>
      </c>
      <c r="AA3878">
        <v>95088.975479999994</v>
      </c>
      <c r="AB3878">
        <v>76794.305850000004</v>
      </c>
      <c r="AC3878">
        <v>50823.458659999997</v>
      </c>
      <c r="AD3878">
        <v>35705.17254</v>
      </c>
      <c r="AE3878">
        <v>47037.835879999999</v>
      </c>
      <c r="AF3878">
        <v>62021.082999999999</v>
      </c>
      <c r="AG3878">
        <v>33668.764889999999</v>
      </c>
      <c r="AH3878">
        <v>354024.8002</v>
      </c>
      <c r="AI3878">
        <v>89877.858850000004</v>
      </c>
      <c r="AJ3878">
        <v>27904.033009999999</v>
      </c>
      <c r="AK3878">
        <v>34515.060649999999</v>
      </c>
      <c r="AL3878">
        <v>101492.49950000001</v>
      </c>
      <c r="AM3878">
        <v>25848.93233</v>
      </c>
      <c r="AN3878">
        <v>116789.3673</v>
      </c>
      <c r="AO3878">
        <v>34026.490590000001</v>
      </c>
      <c r="AP3878">
        <v>21669.73144</v>
      </c>
    </row>
    <row r="3879" spans="2:42" x14ac:dyDescent="0.3">
      <c r="B3879">
        <v>69.586337342361901</v>
      </c>
      <c r="C3879" s="83">
        <v>43262.541666666664</v>
      </c>
      <c r="D3879">
        <v>288187.11200000002</v>
      </c>
      <c r="E3879">
        <v>32979.417390000002</v>
      </c>
      <c r="F3879">
        <v>93193.654999999999</v>
      </c>
      <c r="G3879">
        <v>73123.189620000005</v>
      </c>
      <c r="H3879">
        <v>51836.062610000001</v>
      </c>
      <c r="I3879">
        <v>36108.515520000001</v>
      </c>
      <c r="J3879">
        <v>46940.476060000001</v>
      </c>
      <c r="K3879">
        <v>63797.255790000003</v>
      </c>
      <c r="L3879">
        <v>32030.25778</v>
      </c>
      <c r="M3879">
        <v>354783.59879999998</v>
      </c>
      <c r="N3879">
        <v>90565.42396</v>
      </c>
      <c r="O3879">
        <v>27688.060399999998</v>
      </c>
      <c r="P3879">
        <v>33586.470390000002</v>
      </c>
      <c r="Q3879">
        <v>100084.8092</v>
      </c>
      <c r="R3879">
        <v>26248.049510000001</v>
      </c>
      <c r="S3879">
        <v>117037.9397</v>
      </c>
      <c r="T3879">
        <v>33682.300139999999</v>
      </c>
      <c r="U3879">
        <v>24251.61248</v>
      </c>
      <c r="W3879" s="83">
        <f>Bühler!N3911</f>
        <v>45453.541666657264</v>
      </c>
      <c r="X3879" s="83">
        <v>43262.541666666664</v>
      </c>
      <c r="Y3879">
        <v>288187.11200000002</v>
      </c>
      <c r="Z3879">
        <v>32979.417390000002</v>
      </c>
      <c r="AA3879">
        <v>93193.654999999999</v>
      </c>
      <c r="AB3879">
        <v>73123.189620000005</v>
      </c>
      <c r="AC3879">
        <v>51836.062610000001</v>
      </c>
      <c r="AD3879">
        <v>36108.515520000001</v>
      </c>
      <c r="AE3879">
        <v>46940.476060000001</v>
      </c>
      <c r="AF3879">
        <v>63797.255790000003</v>
      </c>
      <c r="AG3879">
        <v>32030.25778</v>
      </c>
      <c r="AH3879">
        <v>354783.59879999998</v>
      </c>
      <c r="AI3879">
        <v>90565.42396</v>
      </c>
      <c r="AJ3879">
        <v>27688.060399999998</v>
      </c>
      <c r="AK3879">
        <v>33586.470390000002</v>
      </c>
      <c r="AL3879">
        <v>100084.8092</v>
      </c>
      <c r="AM3879">
        <v>26248.049510000001</v>
      </c>
      <c r="AN3879">
        <v>117037.9397</v>
      </c>
      <c r="AO3879">
        <v>33682.300139999999</v>
      </c>
      <c r="AP3879">
        <v>24251.61248</v>
      </c>
    </row>
    <row r="3880" spans="2:42" x14ac:dyDescent="0.3">
      <c r="B3880">
        <v>70.77593250553673</v>
      </c>
      <c r="C3880" s="83">
        <v>43262.583333333336</v>
      </c>
      <c r="D3880">
        <v>295385.2537</v>
      </c>
      <c r="E3880">
        <v>36167.817150000003</v>
      </c>
      <c r="F3880">
        <v>100715.4743</v>
      </c>
      <c r="G3880">
        <v>67513.240820000006</v>
      </c>
      <c r="H3880">
        <v>51532.655579999999</v>
      </c>
      <c r="I3880">
        <v>36940.107300000003</v>
      </c>
      <c r="J3880">
        <v>46869.45291</v>
      </c>
      <c r="K3880">
        <v>66888.247579999996</v>
      </c>
      <c r="L3880">
        <v>29417.314689999999</v>
      </c>
      <c r="M3880">
        <v>360848.70970000001</v>
      </c>
      <c r="N3880">
        <v>92094.198130000004</v>
      </c>
      <c r="O3880">
        <v>28088.788209999999</v>
      </c>
      <c r="P3880">
        <v>30719.018919999999</v>
      </c>
      <c r="Q3880">
        <v>100681.88499999999</v>
      </c>
      <c r="R3880">
        <v>25511.599989999999</v>
      </c>
      <c r="S3880">
        <v>114652.5379</v>
      </c>
      <c r="T3880">
        <v>32297.221099999999</v>
      </c>
      <c r="U3880">
        <v>25553.337100000001</v>
      </c>
      <c r="W3880" s="83">
        <f>Bühler!N3912</f>
        <v>45453.583333323928</v>
      </c>
      <c r="X3880" s="83">
        <v>43262.583333333336</v>
      </c>
      <c r="Y3880">
        <v>295385.2537</v>
      </c>
      <c r="Z3880">
        <v>36167.817150000003</v>
      </c>
      <c r="AA3880">
        <v>100715.4743</v>
      </c>
      <c r="AB3880">
        <v>67513.240820000006</v>
      </c>
      <c r="AC3880">
        <v>51532.655579999999</v>
      </c>
      <c r="AD3880">
        <v>36940.107300000003</v>
      </c>
      <c r="AE3880">
        <v>46869.45291</v>
      </c>
      <c r="AF3880">
        <v>66888.247579999996</v>
      </c>
      <c r="AG3880">
        <v>29417.314689999999</v>
      </c>
      <c r="AH3880">
        <v>360848.70970000001</v>
      </c>
      <c r="AI3880">
        <v>92094.198130000004</v>
      </c>
      <c r="AJ3880">
        <v>28088.788209999999</v>
      </c>
      <c r="AK3880">
        <v>30719.018919999999</v>
      </c>
      <c r="AL3880">
        <v>100681.88499999999</v>
      </c>
      <c r="AM3880">
        <v>25511.599989999999</v>
      </c>
      <c r="AN3880">
        <v>114652.5379</v>
      </c>
      <c r="AO3880">
        <v>32297.221099999999</v>
      </c>
      <c r="AP3880">
        <v>25553.337100000001</v>
      </c>
    </row>
    <row r="3881" spans="2:42" x14ac:dyDescent="0.3">
      <c r="B3881">
        <v>70.379322218368614</v>
      </c>
      <c r="C3881" s="83">
        <v>43262.625</v>
      </c>
      <c r="D3881">
        <v>293188.05680000002</v>
      </c>
      <c r="E3881">
        <v>36126.070290000003</v>
      </c>
      <c r="F3881">
        <v>102717.3147</v>
      </c>
      <c r="G3881">
        <v>65524.418010000001</v>
      </c>
      <c r="H3881">
        <v>50744.188450000001</v>
      </c>
      <c r="I3881">
        <v>37000.69356</v>
      </c>
      <c r="J3881">
        <v>46551.328690000002</v>
      </c>
      <c r="K3881">
        <v>65352.913339999999</v>
      </c>
      <c r="L3881">
        <v>26649.904490000001</v>
      </c>
      <c r="M3881">
        <v>358826.60550000001</v>
      </c>
      <c r="N3881">
        <v>90942.724990000002</v>
      </c>
      <c r="O3881">
        <v>28166.449089999998</v>
      </c>
      <c r="P3881">
        <v>29283.73775</v>
      </c>
      <c r="Q3881">
        <v>100706.0768</v>
      </c>
      <c r="R3881">
        <v>25786.830470000001</v>
      </c>
      <c r="S3881">
        <v>112077.8314</v>
      </c>
      <c r="T3881">
        <v>31136.75201</v>
      </c>
      <c r="U3881">
        <v>24336.34994</v>
      </c>
      <c r="W3881" s="83">
        <f>Bühler!N3913</f>
        <v>45453.624999990592</v>
      </c>
      <c r="X3881" s="83">
        <v>43262.625</v>
      </c>
      <c r="Y3881">
        <v>293188.05680000002</v>
      </c>
      <c r="Z3881">
        <v>36126.070290000003</v>
      </c>
      <c r="AA3881">
        <v>102717.3147</v>
      </c>
      <c r="AB3881">
        <v>65524.418010000001</v>
      </c>
      <c r="AC3881">
        <v>50744.188450000001</v>
      </c>
      <c r="AD3881">
        <v>37000.69356</v>
      </c>
      <c r="AE3881">
        <v>46551.328690000002</v>
      </c>
      <c r="AF3881">
        <v>65352.913339999999</v>
      </c>
      <c r="AG3881">
        <v>26649.904490000001</v>
      </c>
      <c r="AH3881">
        <v>358826.60550000001</v>
      </c>
      <c r="AI3881">
        <v>90942.724990000002</v>
      </c>
      <c r="AJ3881">
        <v>28166.449089999998</v>
      </c>
      <c r="AK3881">
        <v>29283.73775</v>
      </c>
      <c r="AL3881">
        <v>100706.0768</v>
      </c>
      <c r="AM3881">
        <v>25786.830470000001</v>
      </c>
      <c r="AN3881">
        <v>112077.8314</v>
      </c>
      <c r="AO3881">
        <v>31136.75201</v>
      </c>
      <c r="AP3881">
        <v>24336.34994</v>
      </c>
    </row>
    <row r="3882" spans="2:42" x14ac:dyDescent="0.3">
      <c r="B3882">
        <v>69.124548513704681</v>
      </c>
      <c r="C3882" s="83">
        <v>43262.666666666664</v>
      </c>
      <c r="D3882">
        <v>286002.01669999998</v>
      </c>
      <c r="E3882">
        <v>35211.929700000001</v>
      </c>
      <c r="F3882">
        <v>102070.4605</v>
      </c>
      <c r="G3882">
        <v>60974.477440000002</v>
      </c>
      <c r="H3882">
        <v>48646.809079999999</v>
      </c>
      <c r="I3882">
        <v>37868.458680000003</v>
      </c>
      <c r="J3882">
        <v>45967.055439999996</v>
      </c>
      <c r="K3882">
        <v>59621.41489</v>
      </c>
      <c r="L3882">
        <v>25700.993460000002</v>
      </c>
      <c r="M3882">
        <v>352429.18400000001</v>
      </c>
      <c r="N3882">
        <v>88835.159169999999</v>
      </c>
      <c r="O3882">
        <v>26415.917600000001</v>
      </c>
      <c r="P3882">
        <v>28769.284950000001</v>
      </c>
      <c r="Q3882">
        <v>100063.8811</v>
      </c>
      <c r="R3882">
        <v>25485.608110000001</v>
      </c>
      <c r="S3882">
        <v>108679.3058</v>
      </c>
      <c r="T3882">
        <v>30368.071380000001</v>
      </c>
      <c r="U3882">
        <v>22893.812989999999</v>
      </c>
      <c r="W3882" s="83">
        <f>Bühler!N3914</f>
        <v>45453.666666657256</v>
      </c>
      <c r="X3882" s="83">
        <v>43262.666666666664</v>
      </c>
      <c r="Y3882">
        <v>286002.01669999998</v>
      </c>
      <c r="Z3882">
        <v>35211.929700000001</v>
      </c>
      <c r="AA3882">
        <v>102070.4605</v>
      </c>
      <c r="AB3882">
        <v>60974.477440000002</v>
      </c>
      <c r="AC3882">
        <v>48646.809079999999</v>
      </c>
      <c r="AD3882">
        <v>37868.458680000003</v>
      </c>
      <c r="AE3882">
        <v>45967.055439999996</v>
      </c>
      <c r="AF3882">
        <v>59621.41489</v>
      </c>
      <c r="AG3882">
        <v>25700.993460000002</v>
      </c>
      <c r="AH3882">
        <v>352429.18400000001</v>
      </c>
      <c r="AI3882">
        <v>88835.159169999999</v>
      </c>
      <c r="AJ3882">
        <v>26415.917600000001</v>
      </c>
      <c r="AK3882">
        <v>28769.284950000001</v>
      </c>
      <c r="AL3882">
        <v>100063.8811</v>
      </c>
      <c r="AM3882">
        <v>25485.608110000001</v>
      </c>
      <c r="AN3882">
        <v>108679.3058</v>
      </c>
      <c r="AO3882">
        <v>30368.071380000001</v>
      </c>
      <c r="AP3882">
        <v>22893.812989999999</v>
      </c>
    </row>
    <row r="3883" spans="2:42" x14ac:dyDescent="0.3">
      <c r="B3883">
        <v>67.872274580372974</v>
      </c>
      <c r="C3883" s="83">
        <v>43262.708333333336</v>
      </c>
      <c r="D3883">
        <v>275333.93800000002</v>
      </c>
      <c r="E3883">
        <v>33164.568599999999</v>
      </c>
      <c r="F3883">
        <v>100832.58100000001</v>
      </c>
      <c r="G3883">
        <v>54517.339160000003</v>
      </c>
      <c r="H3883">
        <v>46374.332640000001</v>
      </c>
      <c r="I3883">
        <v>36871.689740000002</v>
      </c>
      <c r="J3883">
        <v>45490.125870000003</v>
      </c>
      <c r="K3883">
        <v>55296.396209999999</v>
      </c>
      <c r="L3883">
        <v>25829.242340000001</v>
      </c>
      <c r="M3883">
        <v>346044.50750000001</v>
      </c>
      <c r="N3883">
        <v>83800.515920000005</v>
      </c>
      <c r="O3883">
        <v>25432.650799999999</v>
      </c>
      <c r="P3883">
        <v>30986.258259999999</v>
      </c>
      <c r="Q3883">
        <v>99072.153160000002</v>
      </c>
      <c r="R3883">
        <v>25620.959800000001</v>
      </c>
      <c r="S3883">
        <v>104614.0298</v>
      </c>
      <c r="T3883">
        <v>30052.568650000001</v>
      </c>
      <c r="U3883">
        <v>20026.563010000002</v>
      </c>
      <c r="W3883" s="83">
        <f>Bühler!N3915</f>
        <v>45453.708333323921</v>
      </c>
      <c r="X3883" s="83">
        <v>43262.708333333336</v>
      </c>
      <c r="Y3883">
        <v>275333.93800000002</v>
      </c>
      <c r="Z3883">
        <v>33164.568599999999</v>
      </c>
      <c r="AA3883">
        <v>100832.58100000001</v>
      </c>
      <c r="AB3883">
        <v>54517.339160000003</v>
      </c>
      <c r="AC3883">
        <v>46374.332640000001</v>
      </c>
      <c r="AD3883">
        <v>36871.689740000002</v>
      </c>
      <c r="AE3883">
        <v>45490.125870000003</v>
      </c>
      <c r="AF3883">
        <v>55296.396209999999</v>
      </c>
      <c r="AG3883">
        <v>25829.242340000001</v>
      </c>
      <c r="AH3883">
        <v>346044.50750000001</v>
      </c>
      <c r="AI3883">
        <v>83800.515920000005</v>
      </c>
      <c r="AJ3883">
        <v>25432.650799999999</v>
      </c>
      <c r="AK3883">
        <v>30986.258259999999</v>
      </c>
      <c r="AL3883">
        <v>99072.153160000002</v>
      </c>
      <c r="AM3883">
        <v>25620.959800000001</v>
      </c>
      <c r="AN3883">
        <v>104614.0298</v>
      </c>
      <c r="AO3883">
        <v>30052.568650000001</v>
      </c>
      <c r="AP3883">
        <v>20026.563010000002</v>
      </c>
    </row>
    <row r="3884" spans="2:42" x14ac:dyDescent="0.3">
      <c r="B3884">
        <v>66.283103512727521</v>
      </c>
      <c r="C3884" s="83">
        <v>43262.75</v>
      </c>
      <c r="D3884">
        <v>267406.83980000002</v>
      </c>
      <c r="E3884">
        <v>29864.470079999999</v>
      </c>
      <c r="F3884">
        <v>98356.860350000003</v>
      </c>
      <c r="G3884">
        <v>48300.0245</v>
      </c>
      <c r="H3884">
        <v>44117.19902</v>
      </c>
      <c r="I3884">
        <v>36140.511050000001</v>
      </c>
      <c r="J3884">
        <v>45011.578289999998</v>
      </c>
      <c r="K3884">
        <v>53093.105309999999</v>
      </c>
      <c r="L3884">
        <v>27257.037189999999</v>
      </c>
      <c r="M3884">
        <v>337942.17229999998</v>
      </c>
      <c r="N3884">
        <v>81786.84044</v>
      </c>
      <c r="O3884">
        <v>24473.558249999998</v>
      </c>
      <c r="P3884">
        <v>32281.561900000001</v>
      </c>
      <c r="Q3884">
        <v>98080.164980000001</v>
      </c>
      <c r="R3884">
        <v>23142.227510000001</v>
      </c>
      <c r="S3884">
        <v>96904.884319999997</v>
      </c>
      <c r="T3884">
        <v>29573.355820000001</v>
      </c>
      <c r="U3884">
        <v>18599.742040000001</v>
      </c>
      <c r="W3884" s="83">
        <f>Bühler!N3916</f>
        <v>45453.749999990585</v>
      </c>
      <c r="X3884" s="83">
        <v>43262.75</v>
      </c>
      <c r="Y3884">
        <v>267406.83980000002</v>
      </c>
      <c r="Z3884">
        <v>29864.470079999999</v>
      </c>
      <c r="AA3884">
        <v>98356.860350000003</v>
      </c>
      <c r="AB3884">
        <v>48300.0245</v>
      </c>
      <c r="AC3884">
        <v>44117.19902</v>
      </c>
      <c r="AD3884">
        <v>36140.511050000001</v>
      </c>
      <c r="AE3884">
        <v>45011.578289999998</v>
      </c>
      <c r="AF3884">
        <v>53093.105309999999</v>
      </c>
      <c r="AG3884">
        <v>27257.037189999999</v>
      </c>
      <c r="AH3884">
        <v>337942.17229999998</v>
      </c>
      <c r="AI3884">
        <v>81786.84044</v>
      </c>
      <c r="AJ3884">
        <v>24473.558249999998</v>
      </c>
      <c r="AK3884">
        <v>32281.561900000001</v>
      </c>
      <c r="AL3884">
        <v>98080.164980000001</v>
      </c>
      <c r="AM3884">
        <v>23142.227510000001</v>
      </c>
      <c r="AN3884">
        <v>96904.884319999997</v>
      </c>
      <c r="AO3884">
        <v>29573.355820000001</v>
      </c>
      <c r="AP3884">
        <v>18599.742040000001</v>
      </c>
    </row>
    <row r="3885" spans="2:42" x14ac:dyDescent="0.3">
      <c r="B3885">
        <v>64.98948902993186</v>
      </c>
      <c r="C3885" s="83">
        <v>43262.791666666664</v>
      </c>
      <c r="D3885">
        <v>261055.03959999999</v>
      </c>
      <c r="E3885">
        <v>24064.33</v>
      </c>
      <c r="F3885">
        <v>86396.550560000003</v>
      </c>
      <c r="G3885">
        <v>43258.492149999998</v>
      </c>
      <c r="H3885">
        <v>41318.256379999999</v>
      </c>
      <c r="I3885">
        <v>32443.613809999999</v>
      </c>
      <c r="J3885">
        <v>43557.188179999997</v>
      </c>
      <c r="K3885">
        <v>52933.249909999999</v>
      </c>
      <c r="L3885">
        <v>27570.35626</v>
      </c>
      <c r="M3885">
        <v>331346.72240000003</v>
      </c>
      <c r="N3885">
        <v>79962.559720000005</v>
      </c>
      <c r="O3885">
        <v>22853.35972</v>
      </c>
      <c r="P3885">
        <v>34158.545870000002</v>
      </c>
      <c r="Q3885">
        <v>94784.39086</v>
      </c>
      <c r="R3885">
        <v>21221.963100000001</v>
      </c>
      <c r="S3885">
        <v>91677.944149999996</v>
      </c>
      <c r="T3885">
        <v>30111.019779999999</v>
      </c>
      <c r="U3885">
        <v>17618.838240000001</v>
      </c>
      <c r="W3885" s="83">
        <f>Bühler!N3917</f>
        <v>45453.791666657249</v>
      </c>
      <c r="X3885" s="83">
        <v>43262.791666666664</v>
      </c>
      <c r="Y3885">
        <v>261055.03959999999</v>
      </c>
      <c r="Z3885">
        <v>24064.33</v>
      </c>
      <c r="AA3885">
        <v>86396.550560000003</v>
      </c>
      <c r="AB3885">
        <v>43258.492149999998</v>
      </c>
      <c r="AC3885">
        <v>41318.256379999999</v>
      </c>
      <c r="AD3885">
        <v>32443.613809999999</v>
      </c>
      <c r="AE3885">
        <v>43557.188179999997</v>
      </c>
      <c r="AF3885">
        <v>52933.249909999999</v>
      </c>
      <c r="AG3885">
        <v>27570.35626</v>
      </c>
      <c r="AH3885">
        <v>331346.72240000003</v>
      </c>
      <c r="AI3885">
        <v>79962.559720000005</v>
      </c>
      <c r="AJ3885">
        <v>22853.35972</v>
      </c>
      <c r="AK3885">
        <v>34158.545870000002</v>
      </c>
      <c r="AL3885">
        <v>94784.39086</v>
      </c>
      <c r="AM3885">
        <v>21221.963100000001</v>
      </c>
      <c r="AN3885">
        <v>91677.944149999996</v>
      </c>
      <c r="AO3885">
        <v>30111.019779999999</v>
      </c>
      <c r="AP3885">
        <v>17618.838240000001</v>
      </c>
    </row>
    <row r="3886" spans="2:42" x14ac:dyDescent="0.3">
      <c r="B3886">
        <v>62.571788848494165</v>
      </c>
      <c r="C3886" s="83">
        <v>43262.833333333336</v>
      </c>
      <c r="D3886">
        <v>250328.5705</v>
      </c>
      <c r="E3886">
        <v>17781.25258</v>
      </c>
      <c r="F3886">
        <v>68366.114270000005</v>
      </c>
      <c r="G3886">
        <v>37973.95033</v>
      </c>
      <c r="H3886">
        <v>38392.958760000001</v>
      </c>
      <c r="I3886">
        <v>28061.841990000001</v>
      </c>
      <c r="J3886">
        <v>42120.544430000002</v>
      </c>
      <c r="K3886">
        <v>52959.415280000001</v>
      </c>
      <c r="L3886">
        <v>27076.066459999998</v>
      </c>
      <c r="M3886">
        <v>319020.1594</v>
      </c>
      <c r="N3886">
        <v>77238.468169999993</v>
      </c>
      <c r="O3886">
        <v>21471.070729999999</v>
      </c>
      <c r="P3886">
        <v>33770.453200000004</v>
      </c>
      <c r="Q3886">
        <v>92294.878249999994</v>
      </c>
      <c r="R3886">
        <v>19655.824509999999</v>
      </c>
      <c r="S3886">
        <v>83470.546400000007</v>
      </c>
      <c r="T3886">
        <v>28086.726760000001</v>
      </c>
      <c r="U3886">
        <v>16848.8917</v>
      </c>
      <c r="W3886" s="83">
        <f>Bühler!N3918</f>
        <v>45453.833333323913</v>
      </c>
      <c r="X3886" s="83">
        <v>43262.833333333336</v>
      </c>
      <c r="Y3886">
        <v>250328.5705</v>
      </c>
      <c r="Z3886">
        <v>17781.25258</v>
      </c>
      <c r="AA3886">
        <v>68366.114270000005</v>
      </c>
      <c r="AB3886">
        <v>37973.95033</v>
      </c>
      <c r="AC3886">
        <v>38392.958760000001</v>
      </c>
      <c r="AD3886">
        <v>28061.841990000001</v>
      </c>
      <c r="AE3886">
        <v>42120.544430000002</v>
      </c>
      <c r="AF3886">
        <v>52959.415280000001</v>
      </c>
      <c r="AG3886">
        <v>27076.066459999998</v>
      </c>
      <c r="AH3886">
        <v>319020.1594</v>
      </c>
      <c r="AI3886">
        <v>77238.468169999993</v>
      </c>
      <c r="AJ3886">
        <v>21471.070729999999</v>
      </c>
      <c r="AK3886">
        <v>33770.453200000004</v>
      </c>
      <c r="AL3886">
        <v>92294.878249999994</v>
      </c>
      <c r="AM3886">
        <v>19655.824509999999</v>
      </c>
      <c r="AN3886">
        <v>83470.546400000007</v>
      </c>
      <c r="AO3886">
        <v>28086.726760000001</v>
      </c>
      <c r="AP3886">
        <v>16848.8917</v>
      </c>
    </row>
    <row r="3887" spans="2:42" x14ac:dyDescent="0.3">
      <c r="B3887">
        <v>60.518881464587544</v>
      </c>
      <c r="C3887" s="83">
        <v>43262.875</v>
      </c>
      <c r="D3887">
        <v>242083.7524</v>
      </c>
      <c r="E3887">
        <v>15150.11017</v>
      </c>
      <c r="F3887">
        <v>59143.883739999997</v>
      </c>
      <c r="G3887">
        <v>36224.616260000003</v>
      </c>
      <c r="H3887">
        <v>36536.177609999999</v>
      </c>
      <c r="I3887">
        <v>24349.757030000001</v>
      </c>
      <c r="J3887">
        <v>41151.657050000002</v>
      </c>
      <c r="K3887">
        <v>51508.706570000002</v>
      </c>
      <c r="L3887">
        <v>26140.612430000001</v>
      </c>
      <c r="M3887">
        <v>308553.48019999999</v>
      </c>
      <c r="N3887">
        <v>74421.052970000004</v>
      </c>
      <c r="O3887">
        <v>19584.7745</v>
      </c>
      <c r="P3887">
        <v>32661.460129999999</v>
      </c>
      <c r="Q3887">
        <v>88933.009579999998</v>
      </c>
      <c r="R3887">
        <v>18557.44773</v>
      </c>
      <c r="S3887">
        <v>79243.856239999994</v>
      </c>
      <c r="T3887">
        <v>25978.08841</v>
      </c>
      <c r="U3887">
        <v>16002.167090000001</v>
      </c>
      <c r="W3887" s="83">
        <f>Bühler!N3919</f>
        <v>45453.874999990578</v>
      </c>
      <c r="X3887" s="83">
        <v>43262.875</v>
      </c>
      <c r="Y3887">
        <v>242083.7524</v>
      </c>
      <c r="Z3887">
        <v>15150.11017</v>
      </c>
      <c r="AA3887">
        <v>59143.883739999997</v>
      </c>
      <c r="AB3887">
        <v>36224.616260000003</v>
      </c>
      <c r="AC3887">
        <v>36536.177609999999</v>
      </c>
      <c r="AD3887">
        <v>24349.757030000001</v>
      </c>
      <c r="AE3887">
        <v>41151.657050000002</v>
      </c>
      <c r="AF3887">
        <v>51508.706570000002</v>
      </c>
      <c r="AG3887">
        <v>26140.612430000001</v>
      </c>
      <c r="AH3887">
        <v>308553.48019999999</v>
      </c>
      <c r="AI3887">
        <v>74421.052970000004</v>
      </c>
      <c r="AJ3887">
        <v>19584.7745</v>
      </c>
      <c r="AK3887">
        <v>32661.460129999999</v>
      </c>
      <c r="AL3887">
        <v>88933.009579999998</v>
      </c>
      <c r="AM3887">
        <v>18557.44773</v>
      </c>
      <c r="AN3887">
        <v>79243.856239999994</v>
      </c>
      <c r="AO3887">
        <v>25978.08841</v>
      </c>
      <c r="AP3887">
        <v>16002.167090000001</v>
      </c>
    </row>
    <row r="3888" spans="2:42" x14ac:dyDescent="0.3">
      <c r="B3888">
        <v>60.538506248451789</v>
      </c>
      <c r="C3888" s="83">
        <v>43262.916666666664</v>
      </c>
      <c r="D3888">
        <v>241818.9051</v>
      </c>
      <c r="E3888">
        <v>14441.836370000001</v>
      </c>
      <c r="F3888">
        <v>56558.28398</v>
      </c>
      <c r="G3888">
        <v>35502.388220000001</v>
      </c>
      <c r="H3888">
        <v>37396.824800000002</v>
      </c>
      <c r="I3888">
        <v>23204.290379999999</v>
      </c>
      <c r="J3888">
        <v>40869.516490000002</v>
      </c>
      <c r="K3888">
        <v>55019.319790000001</v>
      </c>
      <c r="L3888">
        <v>23996.99339</v>
      </c>
      <c r="M3888">
        <v>308653.53649999999</v>
      </c>
      <c r="N3888">
        <v>74330.409660000005</v>
      </c>
      <c r="O3888">
        <v>18827.439849999999</v>
      </c>
      <c r="P3888">
        <v>35409.72941</v>
      </c>
      <c r="Q3888">
        <v>88253.526230000003</v>
      </c>
      <c r="R3888">
        <v>20177.53788</v>
      </c>
      <c r="S3888">
        <v>78944.653810000003</v>
      </c>
      <c r="T3888">
        <v>23017.39374</v>
      </c>
      <c r="U3888">
        <v>16384.487799999999</v>
      </c>
      <c r="W3888" s="83">
        <f>Bühler!N3920</f>
        <v>45453.916666657242</v>
      </c>
      <c r="X3888" s="83">
        <v>43262.916666666664</v>
      </c>
      <c r="Y3888">
        <v>241818.9051</v>
      </c>
      <c r="Z3888">
        <v>14441.836370000001</v>
      </c>
      <c r="AA3888">
        <v>56558.28398</v>
      </c>
      <c r="AB3888">
        <v>35502.388220000001</v>
      </c>
      <c r="AC3888">
        <v>37396.824800000002</v>
      </c>
      <c r="AD3888">
        <v>23204.290379999999</v>
      </c>
      <c r="AE3888">
        <v>40869.516490000002</v>
      </c>
      <c r="AF3888">
        <v>55019.319790000001</v>
      </c>
      <c r="AG3888">
        <v>23996.99339</v>
      </c>
      <c r="AH3888">
        <v>308653.53649999999</v>
      </c>
      <c r="AI3888">
        <v>74330.409660000005</v>
      </c>
      <c r="AJ3888">
        <v>18827.439849999999</v>
      </c>
      <c r="AK3888">
        <v>35409.72941</v>
      </c>
      <c r="AL3888">
        <v>88253.526230000003</v>
      </c>
      <c r="AM3888">
        <v>20177.53788</v>
      </c>
      <c r="AN3888">
        <v>78944.653810000003</v>
      </c>
      <c r="AO3888">
        <v>23017.39374</v>
      </c>
      <c r="AP3888">
        <v>16384.487799999999</v>
      </c>
    </row>
    <row r="3889" spans="2:42" x14ac:dyDescent="0.3">
      <c r="B3889">
        <v>60.225760102247285</v>
      </c>
      <c r="C3889" s="83">
        <v>43262.958333333336</v>
      </c>
      <c r="D3889">
        <v>240984.0393</v>
      </c>
      <c r="E3889">
        <v>13666.753779999999</v>
      </c>
      <c r="F3889">
        <v>54852.815920000001</v>
      </c>
      <c r="G3889">
        <v>34387.20837</v>
      </c>
      <c r="H3889">
        <v>36878.138899999998</v>
      </c>
      <c r="I3889">
        <v>21858.317579999999</v>
      </c>
      <c r="J3889">
        <v>37961.220309999997</v>
      </c>
      <c r="K3889">
        <v>53584.885649999997</v>
      </c>
      <c r="L3889">
        <v>20583.385859999999</v>
      </c>
      <c r="M3889">
        <v>307059.01079999999</v>
      </c>
      <c r="N3889">
        <v>74177.779769999994</v>
      </c>
      <c r="O3889">
        <v>18326.3246</v>
      </c>
      <c r="P3889">
        <v>31588.241160000001</v>
      </c>
      <c r="Q3889">
        <v>86752.269379999998</v>
      </c>
      <c r="R3889">
        <v>20777.716779999999</v>
      </c>
      <c r="S3889">
        <v>77089.601290000006</v>
      </c>
      <c r="T3889">
        <v>21498.537909999999</v>
      </c>
      <c r="U3889">
        <v>16410.785260000001</v>
      </c>
      <c r="W3889" s="83">
        <f>Bühler!N3921</f>
        <v>45453.958333323906</v>
      </c>
      <c r="X3889" s="83">
        <v>43262.958333333336</v>
      </c>
      <c r="Y3889">
        <v>240984.0393</v>
      </c>
      <c r="Z3889">
        <v>13666.753779999999</v>
      </c>
      <c r="AA3889">
        <v>54852.815920000001</v>
      </c>
      <c r="AB3889">
        <v>34387.20837</v>
      </c>
      <c r="AC3889">
        <v>36878.138899999998</v>
      </c>
      <c r="AD3889">
        <v>21858.317579999999</v>
      </c>
      <c r="AE3889">
        <v>37961.220309999997</v>
      </c>
      <c r="AF3889">
        <v>53584.885649999997</v>
      </c>
      <c r="AG3889">
        <v>20583.385859999999</v>
      </c>
      <c r="AH3889">
        <v>307059.01079999999</v>
      </c>
      <c r="AI3889">
        <v>74177.779769999994</v>
      </c>
      <c r="AJ3889">
        <v>18326.3246</v>
      </c>
      <c r="AK3889">
        <v>31588.241160000001</v>
      </c>
      <c r="AL3889">
        <v>86752.269379999998</v>
      </c>
      <c r="AM3889">
        <v>20777.716779999999</v>
      </c>
      <c r="AN3889">
        <v>77089.601290000006</v>
      </c>
      <c r="AO3889">
        <v>21498.537909999999</v>
      </c>
      <c r="AP3889">
        <v>16410.785260000001</v>
      </c>
    </row>
    <row r="3890" spans="2:42" x14ac:dyDescent="0.3">
      <c r="B3890">
        <v>59.432530544817524</v>
      </c>
      <c r="C3890" s="83">
        <v>43263</v>
      </c>
      <c r="D3890">
        <v>239042.0282</v>
      </c>
      <c r="E3890">
        <v>12993.2341</v>
      </c>
      <c r="F3890">
        <v>53421.479859999999</v>
      </c>
      <c r="G3890">
        <v>33351.535810000001</v>
      </c>
      <c r="H3890">
        <v>35543.32604</v>
      </c>
      <c r="I3890">
        <v>20197.724719999998</v>
      </c>
      <c r="J3890">
        <v>35188.918160000001</v>
      </c>
      <c r="K3890">
        <v>50592.284639999998</v>
      </c>
      <c r="L3890">
        <v>18140.948550000001</v>
      </c>
      <c r="M3890">
        <v>303014.75660000002</v>
      </c>
      <c r="N3890">
        <v>73083.360799999995</v>
      </c>
      <c r="O3890">
        <v>18928.275710000002</v>
      </c>
      <c r="P3890">
        <v>27209.307639999999</v>
      </c>
      <c r="Q3890">
        <v>86801.792050000004</v>
      </c>
      <c r="R3890">
        <v>16583.38478</v>
      </c>
      <c r="S3890">
        <v>75092.1492</v>
      </c>
      <c r="T3890">
        <v>19688.006170000001</v>
      </c>
      <c r="U3890">
        <v>15802.45918</v>
      </c>
      <c r="W3890" s="83">
        <f>Bühler!N3922</f>
        <v>45453.99999999057</v>
      </c>
      <c r="X3890" s="83">
        <v>43263</v>
      </c>
      <c r="Y3890">
        <v>239042.0282</v>
      </c>
      <c r="Z3890">
        <v>12993.2341</v>
      </c>
      <c r="AA3890">
        <v>53421.479859999999</v>
      </c>
      <c r="AB3890">
        <v>33351.535810000001</v>
      </c>
      <c r="AC3890">
        <v>35543.32604</v>
      </c>
      <c r="AD3890">
        <v>20197.724719999998</v>
      </c>
      <c r="AE3890">
        <v>35188.918160000001</v>
      </c>
      <c r="AF3890">
        <v>50592.284639999998</v>
      </c>
      <c r="AG3890">
        <v>18140.948550000001</v>
      </c>
      <c r="AH3890">
        <v>303014.75660000002</v>
      </c>
      <c r="AI3890">
        <v>73083.360799999995</v>
      </c>
      <c r="AJ3890">
        <v>18928.275710000002</v>
      </c>
      <c r="AK3890">
        <v>27209.307639999999</v>
      </c>
      <c r="AL3890">
        <v>86801.792050000004</v>
      </c>
      <c r="AM3890">
        <v>16583.38478</v>
      </c>
      <c r="AN3890">
        <v>75092.1492</v>
      </c>
      <c r="AO3890">
        <v>19688.006170000001</v>
      </c>
      <c r="AP3890">
        <v>15802.45918</v>
      </c>
    </row>
    <row r="3891" spans="2:42" x14ac:dyDescent="0.3">
      <c r="B3891">
        <v>59.088191349017983</v>
      </c>
      <c r="C3891" s="83">
        <v>43263.041666666664</v>
      </c>
      <c r="D3891">
        <v>239057.7285</v>
      </c>
      <c r="E3891">
        <v>12756.821690000001</v>
      </c>
      <c r="F3891">
        <v>52283.107969999997</v>
      </c>
      <c r="G3891">
        <v>32358.80242</v>
      </c>
      <c r="H3891">
        <v>34513.791069999999</v>
      </c>
      <c r="I3891">
        <v>15968.359259999999</v>
      </c>
      <c r="J3891">
        <v>33653.545610000001</v>
      </c>
      <c r="K3891">
        <v>49561.243779999997</v>
      </c>
      <c r="L3891">
        <v>17302.81235</v>
      </c>
      <c r="M3891">
        <v>301259.15480000002</v>
      </c>
      <c r="N3891">
        <v>71275.333209999997</v>
      </c>
      <c r="O3891">
        <v>19009.49022</v>
      </c>
      <c r="P3891">
        <v>25271.20794</v>
      </c>
      <c r="Q3891">
        <v>86292.056890000007</v>
      </c>
      <c r="R3891">
        <v>14761.409089999999</v>
      </c>
      <c r="S3891">
        <v>73568.601819999996</v>
      </c>
      <c r="T3891">
        <v>18897.71931</v>
      </c>
      <c r="U3891">
        <v>15557.975700000001</v>
      </c>
      <c r="W3891" s="83">
        <f>Bühler!N3923</f>
        <v>45454.041666657235</v>
      </c>
      <c r="X3891" s="83">
        <v>43263.041666666664</v>
      </c>
      <c r="Y3891">
        <v>239057.7285</v>
      </c>
      <c r="Z3891">
        <v>12756.821690000001</v>
      </c>
      <c r="AA3891">
        <v>52283.107969999997</v>
      </c>
      <c r="AB3891">
        <v>32358.80242</v>
      </c>
      <c r="AC3891">
        <v>34513.791069999999</v>
      </c>
      <c r="AD3891">
        <v>15968.359259999999</v>
      </c>
      <c r="AE3891">
        <v>33653.545610000001</v>
      </c>
      <c r="AF3891">
        <v>49561.243779999997</v>
      </c>
      <c r="AG3891">
        <v>17302.81235</v>
      </c>
      <c r="AH3891">
        <v>301259.15480000002</v>
      </c>
      <c r="AI3891">
        <v>71275.333209999997</v>
      </c>
      <c r="AJ3891">
        <v>19009.49022</v>
      </c>
      <c r="AK3891">
        <v>25271.20794</v>
      </c>
      <c r="AL3891">
        <v>86292.056890000007</v>
      </c>
      <c r="AM3891">
        <v>14761.409089999999</v>
      </c>
      <c r="AN3891">
        <v>73568.601819999996</v>
      </c>
      <c r="AO3891">
        <v>18897.71931</v>
      </c>
      <c r="AP3891">
        <v>15557.975700000001</v>
      </c>
    </row>
    <row r="3892" spans="2:42" x14ac:dyDescent="0.3">
      <c r="B3892">
        <v>59.147438636288314</v>
      </c>
      <c r="C3892" s="83">
        <v>43263.083333333336</v>
      </c>
      <c r="D3892">
        <v>237749.18400000001</v>
      </c>
      <c r="E3892">
        <v>12705.44656</v>
      </c>
      <c r="F3892">
        <v>53047.987079999999</v>
      </c>
      <c r="G3892">
        <v>31821.20016</v>
      </c>
      <c r="H3892">
        <v>34211.393029999999</v>
      </c>
      <c r="I3892">
        <v>14387.92143</v>
      </c>
      <c r="J3892">
        <v>33020.019829999997</v>
      </c>
      <c r="K3892">
        <v>48512.754240000002</v>
      </c>
      <c r="L3892">
        <v>16329.676579999999</v>
      </c>
      <c r="M3892">
        <v>301561.22509999998</v>
      </c>
      <c r="N3892">
        <v>69585.010850000006</v>
      </c>
      <c r="O3892">
        <v>19439.520410000001</v>
      </c>
      <c r="P3892">
        <v>25026.566900000002</v>
      </c>
      <c r="Q3892">
        <v>89201.227230000004</v>
      </c>
      <c r="R3892">
        <v>14722.63226</v>
      </c>
      <c r="S3892">
        <v>72334.106629999995</v>
      </c>
      <c r="T3892">
        <v>18659.768090000001</v>
      </c>
      <c r="U3892">
        <v>15000.60641</v>
      </c>
      <c r="W3892" s="83">
        <f>Bühler!N3924</f>
        <v>45454.083333323899</v>
      </c>
      <c r="X3892" s="83">
        <v>43263.083333333336</v>
      </c>
      <c r="Y3892">
        <v>237749.18400000001</v>
      </c>
      <c r="Z3892">
        <v>12705.44656</v>
      </c>
      <c r="AA3892">
        <v>53047.987079999999</v>
      </c>
      <c r="AB3892">
        <v>31821.20016</v>
      </c>
      <c r="AC3892">
        <v>34211.393029999999</v>
      </c>
      <c r="AD3892">
        <v>14387.92143</v>
      </c>
      <c r="AE3892">
        <v>33020.019829999997</v>
      </c>
      <c r="AF3892">
        <v>48512.754240000002</v>
      </c>
      <c r="AG3892">
        <v>16329.676579999999</v>
      </c>
      <c r="AH3892">
        <v>301561.22509999998</v>
      </c>
      <c r="AI3892">
        <v>69585.010850000006</v>
      </c>
      <c r="AJ3892">
        <v>19439.520410000001</v>
      </c>
      <c r="AK3892">
        <v>25026.566900000002</v>
      </c>
      <c r="AL3892">
        <v>89201.227230000004</v>
      </c>
      <c r="AM3892">
        <v>14722.63226</v>
      </c>
      <c r="AN3892">
        <v>72334.106629999995</v>
      </c>
      <c r="AO3892">
        <v>18659.768090000001</v>
      </c>
      <c r="AP3892">
        <v>15000.60641</v>
      </c>
    </row>
    <row r="3893" spans="2:42" x14ac:dyDescent="0.3">
      <c r="B3893">
        <v>59.657554448684259</v>
      </c>
      <c r="C3893" s="83">
        <v>43263.125</v>
      </c>
      <c r="D3893">
        <v>240447.86360000001</v>
      </c>
      <c r="E3893">
        <v>12756.69904</v>
      </c>
      <c r="F3893">
        <v>53877.097889999997</v>
      </c>
      <c r="G3893">
        <v>31003.388569999999</v>
      </c>
      <c r="H3893">
        <v>34055.569430000003</v>
      </c>
      <c r="I3893">
        <v>14182.81237</v>
      </c>
      <c r="J3893">
        <v>33228.88824</v>
      </c>
      <c r="K3893">
        <v>47103.133470000001</v>
      </c>
      <c r="L3893">
        <v>15869.37326</v>
      </c>
      <c r="M3893">
        <v>304162.03340000001</v>
      </c>
      <c r="N3893">
        <v>68208.6774</v>
      </c>
      <c r="O3893">
        <v>18813.24957</v>
      </c>
      <c r="P3893">
        <v>23603.270400000001</v>
      </c>
      <c r="Q3893">
        <v>91592.923259999996</v>
      </c>
      <c r="R3893">
        <v>14900.16066</v>
      </c>
      <c r="S3893">
        <v>71755.726859999995</v>
      </c>
      <c r="T3893">
        <v>18372.97597</v>
      </c>
      <c r="U3893">
        <v>14724.44016</v>
      </c>
      <c r="W3893" s="83">
        <f>Bühler!N3925</f>
        <v>45454.124999990563</v>
      </c>
      <c r="X3893" s="83">
        <v>43263.125</v>
      </c>
      <c r="Y3893">
        <v>240447.86360000001</v>
      </c>
      <c r="Z3893">
        <v>12756.69904</v>
      </c>
      <c r="AA3893">
        <v>53877.097889999997</v>
      </c>
      <c r="AB3893">
        <v>31003.388569999999</v>
      </c>
      <c r="AC3893">
        <v>34055.569430000003</v>
      </c>
      <c r="AD3893">
        <v>14182.81237</v>
      </c>
      <c r="AE3893">
        <v>33228.88824</v>
      </c>
      <c r="AF3893">
        <v>47103.133470000001</v>
      </c>
      <c r="AG3893">
        <v>15869.37326</v>
      </c>
      <c r="AH3893">
        <v>304162.03340000001</v>
      </c>
      <c r="AI3893">
        <v>68208.6774</v>
      </c>
      <c r="AJ3893">
        <v>18813.24957</v>
      </c>
      <c r="AK3893">
        <v>23603.270400000001</v>
      </c>
      <c r="AL3893">
        <v>91592.923259999996</v>
      </c>
      <c r="AM3893">
        <v>14900.16066</v>
      </c>
      <c r="AN3893">
        <v>71755.726859999995</v>
      </c>
      <c r="AO3893">
        <v>18372.97597</v>
      </c>
      <c r="AP3893">
        <v>14724.44016</v>
      </c>
    </row>
    <row r="3894" spans="2:42" x14ac:dyDescent="0.3">
      <c r="B3894">
        <v>61.26012266272997</v>
      </c>
      <c r="C3894" s="83">
        <v>43263.166666666664</v>
      </c>
      <c r="D3894">
        <v>241933.56219999999</v>
      </c>
      <c r="E3894">
        <v>13202.404200000001</v>
      </c>
      <c r="F3894">
        <v>57047.53991</v>
      </c>
      <c r="G3894">
        <v>30751.40351</v>
      </c>
      <c r="H3894">
        <v>34375.39086</v>
      </c>
      <c r="I3894">
        <v>15634.365040000001</v>
      </c>
      <c r="J3894">
        <v>35455.074760000003</v>
      </c>
      <c r="K3894">
        <v>46164.400739999997</v>
      </c>
      <c r="L3894">
        <v>16002.96869</v>
      </c>
      <c r="M3894">
        <v>312332.67349999998</v>
      </c>
      <c r="N3894">
        <v>67062.937590000001</v>
      </c>
      <c r="O3894">
        <v>19067.784609999999</v>
      </c>
      <c r="P3894">
        <v>23858.093199999999</v>
      </c>
      <c r="Q3894">
        <v>94549.870590000006</v>
      </c>
      <c r="R3894">
        <v>14635.052180000001</v>
      </c>
      <c r="S3894">
        <v>71678.411800000002</v>
      </c>
      <c r="T3894">
        <v>18369.019909999999</v>
      </c>
      <c r="U3894">
        <v>15282.84073</v>
      </c>
      <c r="W3894" s="83">
        <f>Bühler!N3926</f>
        <v>45454.166666657227</v>
      </c>
      <c r="X3894" s="83">
        <v>43263.166666666664</v>
      </c>
      <c r="Y3894">
        <v>241933.56219999999</v>
      </c>
      <c r="Z3894">
        <v>13202.404200000001</v>
      </c>
      <c r="AA3894">
        <v>57047.53991</v>
      </c>
      <c r="AB3894">
        <v>30751.40351</v>
      </c>
      <c r="AC3894">
        <v>34375.39086</v>
      </c>
      <c r="AD3894">
        <v>15634.365040000001</v>
      </c>
      <c r="AE3894">
        <v>35455.074760000003</v>
      </c>
      <c r="AF3894">
        <v>46164.400739999997</v>
      </c>
      <c r="AG3894">
        <v>16002.96869</v>
      </c>
      <c r="AH3894">
        <v>312332.67349999998</v>
      </c>
      <c r="AI3894">
        <v>67062.937590000001</v>
      </c>
      <c r="AJ3894">
        <v>19067.784609999999</v>
      </c>
      <c r="AK3894">
        <v>23858.093199999999</v>
      </c>
      <c r="AL3894">
        <v>94549.870590000006</v>
      </c>
      <c r="AM3894">
        <v>14635.052180000001</v>
      </c>
      <c r="AN3894">
        <v>71678.411800000002</v>
      </c>
      <c r="AO3894">
        <v>18369.019909999999</v>
      </c>
      <c r="AP3894">
        <v>15282.84073</v>
      </c>
    </row>
    <row r="3895" spans="2:42" x14ac:dyDescent="0.3">
      <c r="B3895">
        <v>64.868286974538279</v>
      </c>
      <c r="C3895" s="83">
        <v>43263.208333333336</v>
      </c>
      <c r="D3895">
        <v>257227.856</v>
      </c>
      <c r="E3895">
        <v>15075.379499999999</v>
      </c>
      <c r="F3895">
        <v>67026.940600000002</v>
      </c>
      <c r="G3895">
        <v>32484.065979999999</v>
      </c>
      <c r="H3895">
        <v>35721.711600000002</v>
      </c>
      <c r="I3895">
        <v>22301.786690000001</v>
      </c>
      <c r="J3895">
        <v>37719.322370000002</v>
      </c>
      <c r="K3895">
        <v>46915.6391</v>
      </c>
      <c r="L3895">
        <v>16743.955330000001</v>
      </c>
      <c r="M3895">
        <v>330728.77779999998</v>
      </c>
      <c r="N3895">
        <v>68131.196320000003</v>
      </c>
      <c r="O3895">
        <v>19666.703979999998</v>
      </c>
      <c r="P3895">
        <v>24516.869849999999</v>
      </c>
      <c r="Q3895">
        <v>97745.279139999999</v>
      </c>
      <c r="R3895">
        <v>17165.87703</v>
      </c>
      <c r="S3895">
        <v>73463.60067</v>
      </c>
      <c r="T3895">
        <v>20322.3069</v>
      </c>
      <c r="U3895">
        <v>16981.120559999999</v>
      </c>
      <c r="W3895" s="83">
        <f>Bühler!N3927</f>
        <v>45454.208333323892</v>
      </c>
      <c r="X3895" s="83">
        <v>43263.208333333336</v>
      </c>
      <c r="Y3895">
        <v>257227.856</v>
      </c>
      <c r="Z3895">
        <v>15075.379499999999</v>
      </c>
      <c r="AA3895">
        <v>67026.940600000002</v>
      </c>
      <c r="AB3895">
        <v>32484.065979999999</v>
      </c>
      <c r="AC3895">
        <v>35721.711600000002</v>
      </c>
      <c r="AD3895">
        <v>22301.786690000001</v>
      </c>
      <c r="AE3895">
        <v>37719.322370000002</v>
      </c>
      <c r="AF3895">
        <v>46915.6391</v>
      </c>
      <c r="AG3895">
        <v>16743.955330000001</v>
      </c>
      <c r="AH3895">
        <v>330728.77779999998</v>
      </c>
      <c r="AI3895">
        <v>68131.196320000003</v>
      </c>
      <c r="AJ3895">
        <v>19666.703979999998</v>
      </c>
      <c r="AK3895">
        <v>24516.869849999999</v>
      </c>
      <c r="AL3895">
        <v>97745.279139999999</v>
      </c>
      <c r="AM3895">
        <v>17165.87703</v>
      </c>
      <c r="AN3895">
        <v>73463.60067</v>
      </c>
      <c r="AO3895">
        <v>20322.3069</v>
      </c>
      <c r="AP3895">
        <v>16981.120559999999</v>
      </c>
    </row>
    <row r="3896" spans="2:42" x14ac:dyDescent="0.3">
      <c r="B3896">
        <v>67.316499017694042</v>
      </c>
      <c r="C3896" s="83">
        <v>43263.25</v>
      </c>
      <c r="D3896">
        <v>270307.1422</v>
      </c>
      <c r="E3896">
        <v>18540.78658</v>
      </c>
      <c r="F3896">
        <v>77285.038010000004</v>
      </c>
      <c r="G3896">
        <v>42063.402410000002</v>
      </c>
      <c r="H3896">
        <v>37575.250670000001</v>
      </c>
      <c r="I3896">
        <v>28276.40669</v>
      </c>
      <c r="J3896">
        <v>39684.369030000002</v>
      </c>
      <c r="K3896">
        <v>48309.281470000002</v>
      </c>
      <c r="L3896">
        <v>18381.716609999999</v>
      </c>
      <c r="M3896">
        <v>343210.9045</v>
      </c>
      <c r="N3896">
        <v>71312.510729999995</v>
      </c>
      <c r="O3896">
        <v>20421.079450000001</v>
      </c>
      <c r="P3896">
        <v>25044.598050000001</v>
      </c>
      <c r="Q3896">
        <v>97891.145449999996</v>
      </c>
      <c r="R3896">
        <v>16051.63027</v>
      </c>
      <c r="S3896">
        <v>81464.855439999999</v>
      </c>
      <c r="T3896">
        <v>21979.003840000001</v>
      </c>
      <c r="U3896">
        <v>18649.61737</v>
      </c>
      <c r="W3896" s="83">
        <f>Bühler!N3928</f>
        <v>45454.249999990556</v>
      </c>
      <c r="X3896" s="83">
        <v>43263.25</v>
      </c>
      <c r="Y3896">
        <v>270307.1422</v>
      </c>
      <c r="Z3896">
        <v>18540.78658</v>
      </c>
      <c r="AA3896">
        <v>77285.038010000004</v>
      </c>
      <c r="AB3896">
        <v>42063.402410000002</v>
      </c>
      <c r="AC3896">
        <v>37575.250670000001</v>
      </c>
      <c r="AD3896">
        <v>28276.40669</v>
      </c>
      <c r="AE3896">
        <v>39684.369030000002</v>
      </c>
      <c r="AF3896">
        <v>48309.281470000002</v>
      </c>
      <c r="AG3896">
        <v>18381.716609999999</v>
      </c>
      <c r="AH3896">
        <v>343210.9045</v>
      </c>
      <c r="AI3896">
        <v>71312.510729999995</v>
      </c>
      <c r="AJ3896">
        <v>20421.079450000001</v>
      </c>
      <c r="AK3896">
        <v>25044.598050000001</v>
      </c>
      <c r="AL3896">
        <v>97891.145449999996</v>
      </c>
      <c r="AM3896">
        <v>16051.63027</v>
      </c>
      <c r="AN3896">
        <v>81464.855439999999</v>
      </c>
      <c r="AO3896">
        <v>21979.003840000001</v>
      </c>
      <c r="AP3896">
        <v>18649.61737</v>
      </c>
    </row>
    <row r="3897" spans="2:42" x14ac:dyDescent="0.3">
      <c r="B3897">
        <v>68.705946868257442</v>
      </c>
      <c r="C3897" s="83">
        <v>43263.291666666664</v>
      </c>
      <c r="D3897">
        <v>283633.04119999998</v>
      </c>
      <c r="E3897">
        <v>22832.395659999998</v>
      </c>
      <c r="F3897">
        <v>82193.787630000006</v>
      </c>
      <c r="G3897">
        <v>52066.838060000002</v>
      </c>
      <c r="H3897">
        <v>42836.083279999999</v>
      </c>
      <c r="I3897">
        <v>35195.409849999996</v>
      </c>
      <c r="J3897">
        <v>41910.135869999998</v>
      </c>
      <c r="K3897">
        <v>53709.062189999997</v>
      </c>
      <c r="L3897">
        <v>20753.216950000002</v>
      </c>
      <c r="M3897">
        <v>350294.95760000002</v>
      </c>
      <c r="N3897">
        <v>75998.964519999994</v>
      </c>
      <c r="O3897">
        <v>22307.86263</v>
      </c>
      <c r="P3897">
        <v>28919.5124</v>
      </c>
      <c r="Q3897">
        <v>97371.728210000001</v>
      </c>
      <c r="R3897">
        <v>17238.360949999998</v>
      </c>
      <c r="S3897">
        <v>95367.073059999995</v>
      </c>
      <c r="T3897">
        <v>25392.626909999999</v>
      </c>
      <c r="U3897">
        <v>22312.3141</v>
      </c>
      <c r="W3897" s="83">
        <f>Bühler!N3929</f>
        <v>45454.29166665722</v>
      </c>
      <c r="X3897" s="83">
        <v>43263.291666666664</v>
      </c>
      <c r="Y3897">
        <v>283633.04119999998</v>
      </c>
      <c r="Z3897">
        <v>22832.395659999998</v>
      </c>
      <c r="AA3897">
        <v>82193.787630000006</v>
      </c>
      <c r="AB3897">
        <v>52066.838060000002</v>
      </c>
      <c r="AC3897">
        <v>42836.083279999999</v>
      </c>
      <c r="AD3897">
        <v>35195.409849999996</v>
      </c>
      <c r="AE3897">
        <v>41910.135869999998</v>
      </c>
      <c r="AF3897">
        <v>53709.062189999997</v>
      </c>
      <c r="AG3897">
        <v>20753.216950000002</v>
      </c>
      <c r="AH3897">
        <v>350294.95760000002</v>
      </c>
      <c r="AI3897">
        <v>75998.964519999994</v>
      </c>
      <c r="AJ3897">
        <v>22307.86263</v>
      </c>
      <c r="AK3897">
        <v>28919.5124</v>
      </c>
      <c r="AL3897">
        <v>97371.728210000001</v>
      </c>
      <c r="AM3897">
        <v>17238.360949999998</v>
      </c>
      <c r="AN3897">
        <v>95367.073059999995</v>
      </c>
      <c r="AO3897">
        <v>25392.626909999999</v>
      </c>
      <c r="AP3897">
        <v>22312.3141</v>
      </c>
    </row>
    <row r="3898" spans="2:42" x14ac:dyDescent="0.3">
      <c r="B3898">
        <v>70.004415673576787</v>
      </c>
      <c r="C3898" s="83">
        <v>43263.333333333336</v>
      </c>
      <c r="D3898">
        <v>295144.65259999997</v>
      </c>
      <c r="E3898">
        <v>28900.00043</v>
      </c>
      <c r="F3898">
        <v>89707.373430000007</v>
      </c>
      <c r="G3898">
        <v>63916.395519999998</v>
      </c>
      <c r="H3898">
        <v>48048.28628</v>
      </c>
      <c r="I3898">
        <v>38534.388120000003</v>
      </c>
      <c r="J3898">
        <v>44558.232929999998</v>
      </c>
      <c r="K3898">
        <v>61318.681380000002</v>
      </c>
      <c r="L3898">
        <v>23613.019960000001</v>
      </c>
      <c r="M3898">
        <v>356915.15710000001</v>
      </c>
      <c r="N3898">
        <v>83828.854139999996</v>
      </c>
      <c r="O3898">
        <v>24800.485079999999</v>
      </c>
      <c r="P3898">
        <v>31827.017319999999</v>
      </c>
      <c r="Q3898">
        <v>98983.858689999994</v>
      </c>
      <c r="R3898">
        <v>20923.944370000001</v>
      </c>
      <c r="S3898">
        <v>107671.88400000001</v>
      </c>
      <c r="T3898">
        <v>28741.256860000001</v>
      </c>
      <c r="U3898">
        <v>26243.291209999999</v>
      </c>
      <c r="W3898" s="83">
        <f>Bühler!N3930</f>
        <v>45454.333333323884</v>
      </c>
      <c r="X3898" s="83">
        <v>43263.333333333336</v>
      </c>
      <c r="Y3898">
        <v>295144.65259999997</v>
      </c>
      <c r="Z3898">
        <v>28900.00043</v>
      </c>
      <c r="AA3898">
        <v>89707.373430000007</v>
      </c>
      <c r="AB3898">
        <v>63916.395519999998</v>
      </c>
      <c r="AC3898">
        <v>48048.28628</v>
      </c>
      <c r="AD3898">
        <v>38534.388120000003</v>
      </c>
      <c r="AE3898">
        <v>44558.232929999998</v>
      </c>
      <c r="AF3898">
        <v>61318.681380000002</v>
      </c>
      <c r="AG3898">
        <v>23613.019960000001</v>
      </c>
      <c r="AH3898">
        <v>356915.15710000001</v>
      </c>
      <c r="AI3898">
        <v>83828.854139999996</v>
      </c>
      <c r="AJ3898">
        <v>24800.485079999999</v>
      </c>
      <c r="AK3898">
        <v>31827.017319999999</v>
      </c>
      <c r="AL3898">
        <v>98983.858689999994</v>
      </c>
      <c r="AM3898">
        <v>20923.944370000001</v>
      </c>
      <c r="AN3898">
        <v>107671.88400000001</v>
      </c>
      <c r="AO3898">
        <v>28741.256860000001</v>
      </c>
      <c r="AP3898">
        <v>26243.291209999999</v>
      </c>
    </row>
    <row r="3899" spans="2:42" x14ac:dyDescent="0.3">
      <c r="B3899">
        <v>70.361099993532989</v>
      </c>
      <c r="C3899" s="83">
        <v>43263.375</v>
      </c>
      <c r="D3899">
        <v>295203.6262</v>
      </c>
      <c r="E3899">
        <v>33376.604899999998</v>
      </c>
      <c r="F3899">
        <v>96388.207139999999</v>
      </c>
      <c r="G3899">
        <v>73151.906419999999</v>
      </c>
      <c r="H3899">
        <v>51496.189400000003</v>
      </c>
      <c r="I3899">
        <v>37334.770879999996</v>
      </c>
      <c r="J3899">
        <v>45416.148379999999</v>
      </c>
      <c r="K3899">
        <v>64809.251459999999</v>
      </c>
      <c r="L3899">
        <v>26513.87818</v>
      </c>
      <c r="M3899">
        <v>358733.70010000002</v>
      </c>
      <c r="N3899">
        <v>88633.534079999998</v>
      </c>
      <c r="O3899">
        <v>25996.949140000001</v>
      </c>
      <c r="P3899">
        <v>33784.380420000001</v>
      </c>
      <c r="Q3899">
        <v>101226.6</v>
      </c>
      <c r="R3899">
        <v>22942.843949999999</v>
      </c>
      <c r="S3899">
        <v>116400.7577</v>
      </c>
      <c r="T3899">
        <v>32119.405630000001</v>
      </c>
      <c r="U3899">
        <v>25342.633140000002</v>
      </c>
      <c r="W3899" s="83">
        <f>Bühler!N3931</f>
        <v>45454.374999990549</v>
      </c>
      <c r="X3899" s="83">
        <v>43263.375</v>
      </c>
      <c r="Y3899">
        <v>295203.6262</v>
      </c>
      <c r="Z3899">
        <v>33376.604899999998</v>
      </c>
      <c r="AA3899">
        <v>96388.207139999999</v>
      </c>
      <c r="AB3899">
        <v>73151.906419999999</v>
      </c>
      <c r="AC3899">
        <v>51496.189400000003</v>
      </c>
      <c r="AD3899">
        <v>37334.770879999996</v>
      </c>
      <c r="AE3899">
        <v>45416.148379999999</v>
      </c>
      <c r="AF3899">
        <v>64809.251459999999</v>
      </c>
      <c r="AG3899">
        <v>26513.87818</v>
      </c>
      <c r="AH3899">
        <v>358733.70010000002</v>
      </c>
      <c r="AI3899">
        <v>88633.534079999998</v>
      </c>
      <c r="AJ3899">
        <v>25996.949140000001</v>
      </c>
      <c r="AK3899">
        <v>33784.380420000001</v>
      </c>
      <c r="AL3899">
        <v>101226.6</v>
      </c>
      <c r="AM3899">
        <v>22942.843949999999</v>
      </c>
      <c r="AN3899">
        <v>116400.7577</v>
      </c>
      <c r="AO3899">
        <v>32119.405630000001</v>
      </c>
      <c r="AP3899">
        <v>25342.633140000002</v>
      </c>
    </row>
    <row r="3900" spans="2:42" x14ac:dyDescent="0.3">
      <c r="B3900">
        <v>71.144354923969232</v>
      </c>
      <c r="C3900" s="83">
        <v>43263.416666666664</v>
      </c>
      <c r="D3900">
        <v>298321.60340000002</v>
      </c>
      <c r="E3900">
        <v>35980.49626</v>
      </c>
      <c r="F3900">
        <v>99162.162880000003</v>
      </c>
      <c r="G3900">
        <v>76617.972129999995</v>
      </c>
      <c r="H3900">
        <v>52198.609539999998</v>
      </c>
      <c r="I3900">
        <v>35456.208559999999</v>
      </c>
      <c r="J3900">
        <v>45223.123399999997</v>
      </c>
      <c r="K3900">
        <v>64787.492830000003</v>
      </c>
      <c r="L3900">
        <v>29862.620930000001</v>
      </c>
      <c r="M3900">
        <v>362727.09899999999</v>
      </c>
      <c r="N3900">
        <v>90837.01427</v>
      </c>
      <c r="O3900">
        <v>26924.659970000001</v>
      </c>
      <c r="P3900">
        <v>35551.167650000003</v>
      </c>
      <c r="Q3900">
        <v>102286.2194</v>
      </c>
      <c r="R3900">
        <v>23730.817650000001</v>
      </c>
      <c r="S3900">
        <v>119400.1654</v>
      </c>
      <c r="T3900">
        <v>33726.930809999998</v>
      </c>
      <c r="U3900">
        <v>25064.296849999999</v>
      </c>
      <c r="W3900" s="83">
        <f>Bühler!N3932</f>
        <v>45454.416666657213</v>
      </c>
      <c r="X3900" s="83">
        <v>43263.416666666664</v>
      </c>
      <c r="Y3900">
        <v>298321.60340000002</v>
      </c>
      <c r="Z3900">
        <v>35980.49626</v>
      </c>
      <c r="AA3900">
        <v>99162.162880000003</v>
      </c>
      <c r="AB3900">
        <v>76617.972129999995</v>
      </c>
      <c r="AC3900">
        <v>52198.609539999998</v>
      </c>
      <c r="AD3900">
        <v>35456.208559999999</v>
      </c>
      <c r="AE3900">
        <v>45223.123399999997</v>
      </c>
      <c r="AF3900">
        <v>64787.492830000003</v>
      </c>
      <c r="AG3900">
        <v>29862.620930000001</v>
      </c>
      <c r="AH3900">
        <v>362727.09899999999</v>
      </c>
      <c r="AI3900">
        <v>90837.01427</v>
      </c>
      <c r="AJ3900">
        <v>26924.659970000001</v>
      </c>
      <c r="AK3900">
        <v>35551.167650000003</v>
      </c>
      <c r="AL3900">
        <v>102286.2194</v>
      </c>
      <c r="AM3900">
        <v>23730.817650000001</v>
      </c>
      <c r="AN3900">
        <v>119400.1654</v>
      </c>
      <c r="AO3900">
        <v>33726.930809999998</v>
      </c>
      <c r="AP3900">
        <v>25064.296849999999</v>
      </c>
    </row>
    <row r="3901" spans="2:42" x14ac:dyDescent="0.3">
      <c r="B3901">
        <v>72.309051737035247</v>
      </c>
      <c r="C3901" s="83">
        <v>43263.458333333336</v>
      </c>
      <c r="D3901">
        <v>298302.9718</v>
      </c>
      <c r="E3901">
        <v>36132.186889999997</v>
      </c>
      <c r="F3901">
        <v>99884.285780000006</v>
      </c>
      <c r="G3901">
        <v>75899.225319999998</v>
      </c>
      <c r="H3901">
        <v>52443.690410000003</v>
      </c>
      <c r="I3901">
        <v>35451.013440000002</v>
      </c>
      <c r="J3901">
        <v>45684.206420000002</v>
      </c>
      <c r="K3901">
        <v>65111.086219999997</v>
      </c>
      <c r="L3901">
        <v>30335.159680000001</v>
      </c>
      <c r="M3901">
        <v>368665.26650000003</v>
      </c>
      <c r="N3901">
        <v>91795.828670000003</v>
      </c>
      <c r="O3901">
        <v>26479.672119999999</v>
      </c>
      <c r="P3901">
        <v>34945.872009999999</v>
      </c>
      <c r="Q3901">
        <v>104246.9178</v>
      </c>
      <c r="R3901">
        <v>26427.279920000001</v>
      </c>
      <c r="S3901">
        <v>121924.0776</v>
      </c>
      <c r="T3901">
        <v>34532.51801</v>
      </c>
      <c r="U3901">
        <v>25117.295429999998</v>
      </c>
      <c r="W3901" s="83">
        <f>Bühler!N3933</f>
        <v>45454.458333323877</v>
      </c>
      <c r="X3901" s="83">
        <v>43263.458333333336</v>
      </c>
      <c r="Y3901">
        <v>298302.9718</v>
      </c>
      <c r="Z3901">
        <v>36132.186889999997</v>
      </c>
      <c r="AA3901">
        <v>99884.285780000006</v>
      </c>
      <c r="AB3901">
        <v>75899.225319999998</v>
      </c>
      <c r="AC3901">
        <v>52443.690410000003</v>
      </c>
      <c r="AD3901">
        <v>35451.013440000002</v>
      </c>
      <c r="AE3901">
        <v>45684.206420000002</v>
      </c>
      <c r="AF3901">
        <v>65111.086219999997</v>
      </c>
      <c r="AG3901">
        <v>30335.159680000001</v>
      </c>
      <c r="AH3901">
        <v>368665.26650000003</v>
      </c>
      <c r="AI3901">
        <v>91795.828670000003</v>
      </c>
      <c r="AJ3901">
        <v>26479.672119999999</v>
      </c>
      <c r="AK3901">
        <v>34945.872009999999</v>
      </c>
      <c r="AL3901">
        <v>104246.9178</v>
      </c>
      <c r="AM3901">
        <v>26427.279920000001</v>
      </c>
      <c r="AN3901">
        <v>121924.0776</v>
      </c>
      <c r="AO3901">
        <v>34532.51801</v>
      </c>
      <c r="AP3901">
        <v>25117.295429999998</v>
      </c>
    </row>
    <row r="3902" spans="2:42" x14ac:dyDescent="0.3">
      <c r="B3902">
        <v>70.659102333471395</v>
      </c>
      <c r="C3902" s="83">
        <v>43263.5</v>
      </c>
      <c r="D3902">
        <v>287114.10960000003</v>
      </c>
      <c r="E3902">
        <v>33340.190490000001</v>
      </c>
      <c r="F3902">
        <v>95947.350730000006</v>
      </c>
      <c r="G3902">
        <v>76558.418609999993</v>
      </c>
      <c r="H3902">
        <v>50693.340120000001</v>
      </c>
      <c r="I3902">
        <v>35155.717400000001</v>
      </c>
      <c r="J3902">
        <v>45977.764309999999</v>
      </c>
      <c r="K3902">
        <v>61715.22797</v>
      </c>
      <c r="L3902">
        <v>32686.281559999999</v>
      </c>
      <c r="M3902">
        <v>360253.05499999999</v>
      </c>
      <c r="N3902">
        <v>88665.326000000001</v>
      </c>
      <c r="O3902">
        <v>25376.970300000001</v>
      </c>
      <c r="P3902">
        <v>36255.992259999999</v>
      </c>
      <c r="Q3902">
        <v>103951.81909999999</v>
      </c>
      <c r="R3902">
        <v>26195.951150000001</v>
      </c>
      <c r="S3902">
        <v>116720.4394</v>
      </c>
      <c r="T3902">
        <v>35058.914750000004</v>
      </c>
      <c r="U3902">
        <v>21462.63451</v>
      </c>
      <c r="W3902" s="83">
        <f>Bühler!N3934</f>
        <v>45454.499999990541</v>
      </c>
      <c r="X3902" s="83">
        <v>43263.5</v>
      </c>
      <c r="Y3902">
        <v>287114.10960000003</v>
      </c>
      <c r="Z3902">
        <v>33340.190490000001</v>
      </c>
      <c r="AA3902">
        <v>95947.350730000006</v>
      </c>
      <c r="AB3902">
        <v>76558.418609999993</v>
      </c>
      <c r="AC3902">
        <v>50693.340120000001</v>
      </c>
      <c r="AD3902">
        <v>35155.717400000001</v>
      </c>
      <c r="AE3902">
        <v>45977.764309999999</v>
      </c>
      <c r="AF3902">
        <v>61715.22797</v>
      </c>
      <c r="AG3902">
        <v>32686.281559999999</v>
      </c>
      <c r="AH3902">
        <v>360253.05499999999</v>
      </c>
      <c r="AI3902">
        <v>88665.326000000001</v>
      </c>
      <c r="AJ3902">
        <v>25376.970300000001</v>
      </c>
      <c r="AK3902">
        <v>36255.992259999999</v>
      </c>
      <c r="AL3902">
        <v>103951.81909999999</v>
      </c>
      <c r="AM3902">
        <v>26195.951150000001</v>
      </c>
      <c r="AN3902">
        <v>116720.4394</v>
      </c>
      <c r="AO3902">
        <v>35058.914750000004</v>
      </c>
      <c r="AP3902">
        <v>21462.63451</v>
      </c>
    </row>
    <row r="3903" spans="2:42" x14ac:dyDescent="0.3">
      <c r="B3903">
        <v>70.021790408263371</v>
      </c>
      <c r="C3903" s="83">
        <v>43263.541666666664</v>
      </c>
      <c r="D3903">
        <v>291912.81290000002</v>
      </c>
      <c r="E3903">
        <v>33761.537479999999</v>
      </c>
      <c r="F3903">
        <v>93378.323839999997</v>
      </c>
      <c r="G3903">
        <v>72680.707930000004</v>
      </c>
      <c r="H3903">
        <v>51637.817009999999</v>
      </c>
      <c r="I3903">
        <v>35760.29191</v>
      </c>
      <c r="J3903">
        <v>45126.213190000002</v>
      </c>
      <c r="K3903">
        <v>63444.967279999997</v>
      </c>
      <c r="L3903">
        <v>31475.399140000001</v>
      </c>
      <c r="M3903">
        <v>357003.74160000001</v>
      </c>
      <c r="N3903">
        <v>90903.048429999995</v>
      </c>
      <c r="O3903">
        <v>26184.405480000001</v>
      </c>
      <c r="P3903">
        <v>35368.747739999999</v>
      </c>
      <c r="Q3903">
        <v>102780.42479999999</v>
      </c>
      <c r="R3903">
        <v>25894.700959999998</v>
      </c>
      <c r="S3903">
        <v>116916.14870000001</v>
      </c>
      <c r="T3903">
        <v>33794.094570000001</v>
      </c>
      <c r="U3903">
        <v>23749.68475</v>
      </c>
      <c r="W3903" s="83">
        <f>Bühler!N3935</f>
        <v>45454.541666657205</v>
      </c>
      <c r="X3903" s="83">
        <v>43263.541666666664</v>
      </c>
      <c r="Y3903">
        <v>291912.81290000002</v>
      </c>
      <c r="Z3903">
        <v>33761.537479999999</v>
      </c>
      <c r="AA3903">
        <v>93378.323839999997</v>
      </c>
      <c r="AB3903">
        <v>72680.707930000004</v>
      </c>
      <c r="AC3903">
        <v>51637.817009999999</v>
      </c>
      <c r="AD3903">
        <v>35760.29191</v>
      </c>
      <c r="AE3903">
        <v>45126.213190000002</v>
      </c>
      <c r="AF3903">
        <v>63444.967279999997</v>
      </c>
      <c r="AG3903">
        <v>31475.399140000001</v>
      </c>
      <c r="AH3903">
        <v>357003.74160000001</v>
      </c>
      <c r="AI3903">
        <v>90903.048429999995</v>
      </c>
      <c r="AJ3903">
        <v>26184.405480000001</v>
      </c>
      <c r="AK3903">
        <v>35368.747739999999</v>
      </c>
      <c r="AL3903">
        <v>102780.42479999999</v>
      </c>
      <c r="AM3903">
        <v>25894.700959999998</v>
      </c>
      <c r="AN3903">
        <v>116916.14870000001</v>
      </c>
      <c r="AO3903">
        <v>33794.094570000001</v>
      </c>
      <c r="AP3903">
        <v>23749.68475</v>
      </c>
    </row>
    <row r="3904" spans="2:42" x14ac:dyDescent="0.3">
      <c r="B3904">
        <v>70.615716796495349</v>
      </c>
      <c r="C3904" s="83">
        <v>43263.583333333336</v>
      </c>
      <c r="D3904">
        <v>297289.24579999998</v>
      </c>
      <c r="E3904">
        <v>36542.819609999999</v>
      </c>
      <c r="F3904">
        <v>99987.292319999993</v>
      </c>
      <c r="G3904">
        <v>67606.347540000002</v>
      </c>
      <c r="H3904">
        <v>51782.902000000002</v>
      </c>
      <c r="I3904">
        <v>37144.324260000001</v>
      </c>
      <c r="J3904">
        <v>45152.203509999999</v>
      </c>
      <c r="K3904">
        <v>66585.492830000003</v>
      </c>
      <c r="L3904">
        <v>28091.568660000001</v>
      </c>
      <c r="M3904">
        <v>360031.8553</v>
      </c>
      <c r="N3904">
        <v>92281.185750000004</v>
      </c>
      <c r="O3904">
        <v>26054.139190000002</v>
      </c>
      <c r="P3904">
        <v>31946.23717</v>
      </c>
      <c r="Q3904">
        <v>102504.77310000001</v>
      </c>
      <c r="R3904">
        <v>25728.466710000001</v>
      </c>
      <c r="S3904">
        <v>112740.1897</v>
      </c>
      <c r="T3904">
        <v>32238.82605</v>
      </c>
      <c r="U3904">
        <v>24337.572990000001</v>
      </c>
      <c r="W3904" s="83">
        <f>Bühler!N3936</f>
        <v>45454.58333332387</v>
      </c>
      <c r="X3904" s="83">
        <v>43263.583333333336</v>
      </c>
      <c r="Y3904">
        <v>297289.24579999998</v>
      </c>
      <c r="Z3904">
        <v>36542.819609999999</v>
      </c>
      <c r="AA3904">
        <v>99987.292319999993</v>
      </c>
      <c r="AB3904">
        <v>67606.347540000002</v>
      </c>
      <c r="AC3904">
        <v>51782.902000000002</v>
      </c>
      <c r="AD3904">
        <v>37144.324260000001</v>
      </c>
      <c r="AE3904">
        <v>45152.203509999999</v>
      </c>
      <c r="AF3904">
        <v>66585.492830000003</v>
      </c>
      <c r="AG3904">
        <v>28091.568660000001</v>
      </c>
      <c r="AH3904">
        <v>360031.8553</v>
      </c>
      <c r="AI3904">
        <v>92281.185750000004</v>
      </c>
      <c r="AJ3904">
        <v>26054.139190000002</v>
      </c>
      <c r="AK3904">
        <v>31946.23717</v>
      </c>
      <c r="AL3904">
        <v>102504.77310000001</v>
      </c>
      <c r="AM3904">
        <v>25728.466710000001</v>
      </c>
      <c r="AN3904">
        <v>112740.1897</v>
      </c>
      <c r="AO3904">
        <v>32238.82605</v>
      </c>
      <c r="AP3904">
        <v>24337.572990000001</v>
      </c>
    </row>
    <row r="3905" spans="2:42" x14ac:dyDescent="0.3">
      <c r="B3905">
        <v>70.808055989152223</v>
      </c>
      <c r="C3905" s="83">
        <v>43263.625</v>
      </c>
      <c r="D3905">
        <v>295086.38309999998</v>
      </c>
      <c r="E3905">
        <v>36401.394829999997</v>
      </c>
      <c r="F3905">
        <v>101421.4305</v>
      </c>
      <c r="G3905">
        <v>65188.58988</v>
      </c>
      <c r="H3905">
        <v>50731.495280000003</v>
      </c>
      <c r="I3905">
        <v>37029.13738</v>
      </c>
      <c r="J3905">
        <v>45502.485260000001</v>
      </c>
      <c r="K3905">
        <v>64942.030310000002</v>
      </c>
      <c r="L3905">
        <v>25363.629939999999</v>
      </c>
      <c r="M3905">
        <v>361012.4902</v>
      </c>
      <c r="N3905">
        <v>90361.559030000004</v>
      </c>
      <c r="O3905">
        <v>24897.033780000002</v>
      </c>
      <c r="P3905">
        <v>29688.197039999999</v>
      </c>
      <c r="Q3905">
        <v>102471.7714</v>
      </c>
      <c r="R3905">
        <v>25583.55701</v>
      </c>
      <c r="S3905">
        <v>109009.38499999999</v>
      </c>
      <c r="T3905">
        <v>31706.195339999998</v>
      </c>
      <c r="U3905">
        <v>23816.203130000002</v>
      </c>
      <c r="W3905" s="83">
        <f>Bühler!N3937</f>
        <v>45454.624999990534</v>
      </c>
      <c r="X3905" s="83">
        <v>43263.625</v>
      </c>
      <c r="Y3905">
        <v>295086.38309999998</v>
      </c>
      <c r="Z3905">
        <v>36401.394829999997</v>
      </c>
      <c r="AA3905">
        <v>101421.4305</v>
      </c>
      <c r="AB3905">
        <v>65188.58988</v>
      </c>
      <c r="AC3905">
        <v>50731.495280000003</v>
      </c>
      <c r="AD3905">
        <v>37029.13738</v>
      </c>
      <c r="AE3905">
        <v>45502.485260000001</v>
      </c>
      <c r="AF3905">
        <v>64942.030310000002</v>
      </c>
      <c r="AG3905">
        <v>25363.629939999999</v>
      </c>
      <c r="AH3905">
        <v>361012.4902</v>
      </c>
      <c r="AI3905">
        <v>90361.559030000004</v>
      </c>
      <c r="AJ3905">
        <v>24897.033780000002</v>
      </c>
      <c r="AK3905">
        <v>29688.197039999999</v>
      </c>
      <c r="AL3905">
        <v>102471.7714</v>
      </c>
      <c r="AM3905">
        <v>25583.55701</v>
      </c>
      <c r="AN3905">
        <v>109009.38499999999</v>
      </c>
      <c r="AO3905">
        <v>31706.195339999998</v>
      </c>
      <c r="AP3905">
        <v>23816.203130000002</v>
      </c>
    </row>
    <row r="3906" spans="2:42" x14ac:dyDescent="0.3">
      <c r="B3906">
        <v>69.255469158312465</v>
      </c>
      <c r="C3906" s="83">
        <v>43263.666666666664</v>
      </c>
      <c r="D3906">
        <v>285942.46120000002</v>
      </c>
      <c r="E3906">
        <v>35634.208760000001</v>
      </c>
      <c r="F3906">
        <v>99257.867880000005</v>
      </c>
      <c r="G3906">
        <v>60712.468950000002</v>
      </c>
      <c r="H3906">
        <v>48658.367539999999</v>
      </c>
      <c r="I3906">
        <v>37869.056700000001</v>
      </c>
      <c r="J3906">
        <v>44642.021999999997</v>
      </c>
      <c r="K3906">
        <v>60437.112869999997</v>
      </c>
      <c r="L3906">
        <v>24719.790349999999</v>
      </c>
      <c r="M3906">
        <v>353096.67849999998</v>
      </c>
      <c r="N3906">
        <v>87816.426139999996</v>
      </c>
      <c r="O3906">
        <v>24258.246910000002</v>
      </c>
      <c r="P3906">
        <v>29166.27577</v>
      </c>
      <c r="Q3906">
        <v>100946.8403</v>
      </c>
      <c r="R3906">
        <v>25713.942439999999</v>
      </c>
      <c r="S3906">
        <v>105558.7475</v>
      </c>
      <c r="T3906">
        <v>30566.819920000002</v>
      </c>
      <c r="U3906">
        <v>22149.132030000001</v>
      </c>
      <c r="W3906" s="83">
        <f>Bühler!N3938</f>
        <v>45454.666666657198</v>
      </c>
      <c r="X3906" s="83">
        <v>43263.666666666664</v>
      </c>
      <c r="Y3906">
        <v>285942.46120000002</v>
      </c>
      <c r="Z3906">
        <v>35634.208760000001</v>
      </c>
      <c r="AA3906">
        <v>99257.867880000005</v>
      </c>
      <c r="AB3906">
        <v>60712.468950000002</v>
      </c>
      <c r="AC3906">
        <v>48658.367539999999</v>
      </c>
      <c r="AD3906">
        <v>37869.056700000001</v>
      </c>
      <c r="AE3906">
        <v>44642.021999999997</v>
      </c>
      <c r="AF3906">
        <v>60437.112869999997</v>
      </c>
      <c r="AG3906">
        <v>24719.790349999999</v>
      </c>
      <c r="AH3906">
        <v>353096.67849999998</v>
      </c>
      <c r="AI3906">
        <v>87816.426139999996</v>
      </c>
      <c r="AJ3906">
        <v>24258.246910000002</v>
      </c>
      <c r="AK3906">
        <v>29166.27577</v>
      </c>
      <c r="AL3906">
        <v>100946.8403</v>
      </c>
      <c r="AM3906">
        <v>25713.942439999999</v>
      </c>
      <c r="AN3906">
        <v>105558.7475</v>
      </c>
      <c r="AO3906">
        <v>30566.819920000002</v>
      </c>
      <c r="AP3906">
        <v>22149.132030000001</v>
      </c>
    </row>
    <row r="3907" spans="2:42" x14ac:dyDescent="0.3">
      <c r="B3907">
        <v>67.929096805051799</v>
      </c>
      <c r="C3907" s="83">
        <v>43263.708333333336</v>
      </c>
      <c r="D3907">
        <v>276013.48070000001</v>
      </c>
      <c r="E3907">
        <v>33724.096140000001</v>
      </c>
      <c r="F3907">
        <v>97684.698069999999</v>
      </c>
      <c r="G3907">
        <v>54710.49566</v>
      </c>
      <c r="H3907">
        <v>46379.235489999999</v>
      </c>
      <c r="I3907">
        <v>37326.418989999998</v>
      </c>
      <c r="J3907">
        <v>44605.252699999997</v>
      </c>
      <c r="K3907">
        <v>56305.486949999999</v>
      </c>
      <c r="L3907">
        <v>25329.044559999998</v>
      </c>
      <c r="M3907">
        <v>346334.21370000002</v>
      </c>
      <c r="N3907">
        <v>82721.021370000002</v>
      </c>
      <c r="O3907">
        <v>23259.683369999999</v>
      </c>
      <c r="P3907">
        <v>30302.093540000002</v>
      </c>
      <c r="Q3907">
        <v>99835.129010000004</v>
      </c>
      <c r="R3907">
        <v>25912.22149</v>
      </c>
      <c r="S3907">
        <v>101778.378</v>
      </c>
      <c r="T3907">
        <v>30685.221750000001</v>
      </c>
      <c r="U3907">
        <v>19432.74424</v>
      </c>
      <c r="W3907" s="83">
        <f>Bühler!N3939</f>
        <v>45454.708333323862</v>
      </c>
      <c r="X3907" s="83">
        <v>43263.708333333336</v>
      </c>
      <c r="Y3907">
        <v>276013.48070000001</v>
      </c>
      <c r="Z3907">
        <v>33724.096140000001</v>
      </c>
      <c r="AA3907">
        <v>97684.698069999999</v>
      </c>
      <c r="AB3907">
        <v>54710.49566</v>
      </c>
      <c r="AC3907">
        <v>46379.235489999999</v>
      </c>
      <c r="AD3907">
        <v>37326.418989999998</v>
      </c>
      <c r="AE3907">
        <v>44605.252699999997</v>
      </c>
      <c r="AF3907">
        <v>56305.486949999999</v>
      </c>
      <c r="AG3907">
        <v>25329.044559999998</v>
      </c>
      <c r="AH3907">
        <v>346334.21370000002</v>
      </c>
      <c r="AI3907">
        <v>82721.021370000002</v>
      </c>
      <c r="AJ3907">
        <v>23259.683369999999</v>
      </c>
      <c r="AK3907">
        <v>30302.093540000002</v>
      </c>
      <c r="AL3907">
        <v>99835.129010000004</v>
      </c>
      <c r="AM3907">
        <v>25912.22149</v>
      </c>
      <c r="AN3907">
        <v>101778.378</v>
      </c>
      <c r="AO3907">
        <v>30685.221750000001</v>
      </c>
      <c r="AP3907">
        <v>19432.74424</v>
      </c>
    </row>
    <row r="3908" spans="2:42" x14ac:dyDescent="0.3">
      <c r="B3908">
        <v>66.637142821596939</v>
      </c>
      <c r="C3908" s="83">
        <v>43263.75</v>
      </c>
      <c r="D3908">
        <v>269575.96580000001</v>
      </c>
      <c r="E3908">
        <v>30323.939050000001</v>
      </c>
      <c r="F3908">
        <v>94622.655159999995</v>
      </c>
      <c r="G3908">
        <v>48619.481529999997</v>
      </c>
      <c r="H3908">
        <v>43940.123899999999</v>
      </c>
      <c r="I3908">
        <v>35693.010159999998</v>
      </c>
      <c r="J3908">
        <v>43805.922120000003</v>
      </c>
      <c r="K3908">
        <v>53393.916279999998</v>
      </c>
      <c r="L3908">
        <v>27110.439249999999</v>
      </c>
      <c r="M3908">
        <v>339747.22979999997</v>
      </c>
      <c r="N3908">
        <v>79890.392779999995</v>
      </c>
      <c r="O3908">
        <v>22681.875769999999</v>
      </c>
      <c r="P3908">
        <v>33109.363579999997</v>
      </c>
      <c r="Q3908">
        <v>98220.808609999993</v>
      </c>
      <c r="R3908">
        <v>23164.063859999998</v>
      </c>
      <c r="S3908">
        <v>95430.838839999997</v>
      </c>
      <c r="T3908">
        <v>29868.69771</v>
      </c>
      <c r="U3908">
        <v>17544.910550000001</v>
      </c>
      <c r="W3908" s="83">
        <f>Bühler!N3940</f>
        <v>45454.749999990527</v>
      </c>
      <c r="X3908" s="83">
        <v>43263.75</v>
      </c>
      <c r="Y3908">
        <v>269575.96580000001</v>
      </c>
      <c r="Z3908">
        <v>30323.939050000001</v>
      </c>
      <c r="AA3908">
        <v>94622.655159999995</v>
      </c>
      <c r="AB3908">
        <v>48619.481529999997</v>
      </c>
      <c r="AC3908">
        <v>43940.123899999999</v>
      </c>
      <c r="AD3908">
        <v>35693.010159999998</v>
      </c>
      <c r="AE3908">
        <v>43805.922120000003</v>
      </c>
      <c r="AF3908">
        <v>53393.916279999998</v>
      </c>
      <c r="AG3908">
        <v>27110.439249999999</v>
      </c>
      <c r="AH3908">
        <v>339747.22979999997</v>
      </c>
      <c r="AI3908">
        <v>79890.392779999995</v>
      </c>
      <c r="AJ3908">
        <v>22681.875769999999</v>
      </c>
      <c r="AK3908">
        <v>33109.363579999997</v>
      </c>
      <c r="AL3908">
        <v>98220.808609999993</v>
      </c>
      <c r="AM3908">
        <v>23164.063859999998</v>
      </c>
      <c r="AN3908">
        <v>95430.838839999997</v>
      </c>
      <c r="AO3908">
        <v>29868.69771</v>
      </c>
      <c r="AP3908">
        <v>17544.910550000001</v>
      </c>
    </row>
    <row r="3909" spans="2:42" x14ac:dyDescent="0.3">
      <c r="B3909">
        <v>64.067806413077008</v>
      </c>
      <c r="C3909" s="83">
        <v>43263.791666666664</v>
      </c>
      <c r="D3909">
        <v>263495.4376</v>
      </c>
      <c r="E3909">
        <v>24214.20853</v>
      </c>
      <c r="F3909">
        <v>83035.360100000005</v>
      </c>
      <c r="G3909">
        <v>43820.579830000002</v>
      </c>
      <c r="H3909">
        <v>40929.886550000003</v>
      </c>
      <c r="I3909">
        <v>32563.053169999999</v>
      </c>
      <c r="J3909">
        <v>42499.567080000001</v>
      </c>
      <c r="K3909">
        <v>52877.241309999998</v>
      </c>
      <c r="L3909">
        <v>28567.80371</v>
      </c>
      <c r="M3909">
        <v>326647.55459999997</v>
      </c>
      <c r="N3909">
        <v>78018.104720000003</v>
      </c>
      <c r="O3909">
        <v>21147.75808</v>
      </c>
      <c r="P3909">
        <v>34921.304900000003</v>
      </c>
      <c r="Q3909">
        <v>95523.366590000005</v>
      </c>
      <c r="R3909">
        <v>21589.95667</v>
      </c>
      <c r="S3909">
        <v>89962.930970000001</v>
      </c>
      <c r="T3909">
        <v>30078.92109</v>
      </c>
      <c r="U3909">
        <v>16348.582899999999</v>
      </c>
      <c r="W3909" s="83">
        <f>Bühler!N3941</f>
        <v>45454.791666657191</v>
      </c>
      <c r="X3909" s="83">
        <v>43263.791666666664</v>
      </c>
      <c r="Y3909">
        <v>263495.4376</v>
      </c>
      <c r="Z3909">
        <v>24214.20853</v>
      </c>
      <c r="AA3909">
        <v>83035.360100000005</v>
      </c>
      <c r="AB3909">
        <v>43820.579830000002</v>
      </c>
      <c r="AC3909">
        <v>40929.886550000003</v>
      </c>
      <c r="AD3909">
        <v>32563.053169999999</v>
      </c>
      <c r="AE3909">
        <v>42499.567080000001</v>
      </c>
      <c r="AF3909">
        <v>52877.241309999998</v>
      </c>
      <c r="AG3909">
        <v>28567.80371</v>
      </c>
      <c r="AH3909">
        <v>326647.55459999997</v>
      </c>
      <c r="AI3909">
        <v>78018.104720000003</v>
      </c>
      <c r="AJ3909">
        <v>21147.75808</v>
      </c>
      <c r="AK3909">
        <v>34921.304900000003</v>
      </c>
      <c r="AL3909">
        <v>95523.366590000005</v>
      </c>
      <c r="AM3909">
        <v>21589.95667</v>
      </c>
      <c r="AN3909">
        <v>89962.930970000001</v>
      </c>
      <c r="AO3909">
        <v>30078.92109</v>
      </c>
      <c r="AP3909">
        <v>16348.582899999999</v>
      </c>
    </row>
    <row r="3910" spans="2:42" x14ac:dyDescent="0.3">
      <c r="B3910">
        <v>61.275927650856872</v>
      </c>
      <c r="C3910" s="83">
        <v>43263.833333333336</v>
      </c>
      <c r="D3910">
        <v>251713.8456</v>
      </c>
      <c r="E3910">
        <v>18104.311760000001</v>
      </c>
      <c r="F3910">
        <v>66223.185240000006</v>
      </c>
      <c r="G3910">
        <v>38364.365059999996</v>
      </c>
      <c r="H3910">
        <v>38061.418429999998</v>
      </c>
      <c r="I3910">
        <v>27829.352040000002</v>
      </c>
      <c r="J3910">
        <v>41106.155619999998</v>
      </c>
      <c r="K3910">
        <v>52709.679940000002</v>
      </c>
      <c r="L3910">
        <v>28059.741269999999</v>
      </c>
      <c r="M3910">
        <v>312413.25469999999</v>
      </c>
      <c r="N3910">
        <v>75491.094259999998</v>
      </c>
      <c r="O3910">
        <v>19309.822380000001</v>
      </c>
      <c r="P3910">
        <v>34773.394719999997</v>
      </c>
      <c r="Q3910">
        <v>91350.139049999998</v>
      </c>
      <c r="R3910">
        <v>19707.339319999999</v>
      </c>
      <c r="S3910">
        <v>82132.057820000002</v>
      </c>
      <c r="T3910">
        <v>28980.494019999998</v>
      </c>
      <c r="U3910">
        <v>15504.809440000001</v>
      </c>
      <c r="W3910" s="83">
        <f>Bühler!N3942</f>
        <v>45454.833333323855</v>
      </c>
      <c r="X3910" s="83">
        <v>43263.833333333336</v>
      </c>
      <c r="Y3910">
        <v>251713.8456</v>
      </c>
      <c r="Z3910">
        <v>18104.311760000001</v>
      </c>
      <c r="AA3910">
        <v>66223.185240000006</v>
      </c>
      <c r="AB3910">
        <v>38364.365059999996</v>
      </c>
      <c r="AC3910">
        <v>38061.418429999998</v>
      </c>
      <c r="AD3910">
        <v>27829.352040000002</v>
      </c>
      <c r="AE3910">
        <v>41106.155619999998</v>
      </c>
      <c r="AF3910">
        <v>52709.679940000002</v>
      </c>
      <c r="AG3910">
        <v>28059.741269999999</v>
      </c>
      <c r="AH3910">
        <v>312413.25469999999</v>
      </c>
      <c r="AI3910">
        <v>75491.094259999998</v>
      </c>
      <c r="AJ3910">
        <v>19309.822380000001</v>
      </c>
      <c r="AK3910">
        <v>34773.394719999997</v>
      </c>
      <c r="AL3910">
        <v>91350.139049999998</v>
      </c>
      <c r="AM3910">
        <v>19707.339319999999</v>
      </c>
      <c r="AN3910">
        <v>82132.057820000002</v>
      </c>
      <c r="AO3910">
        <v>28980.494019999998</v>
      </c>
      <c r="AP3910">
        <v>15504.809440000001</v>
      </c>
    </row>
    <row r="3911" spans="2:42" x14ac:dyDescent="0.3">
      <c r="B3911">
        <v>59.480468195790856</v>
      </c>
      <c r="C3911" s="83">
        <v>43263.875</v>
      </c>
      <c r="D3911">
        <v>244875.59270000001</v>
      </c>
      <c r="E3911">
        <v>15379.44887</v>
      </c>
      <c r="F3911">
        <v>58459.495620000002</v>
      </c>
      <c r="G3911">
        <v>36238.44872</v>
      </c>
      <c r="H3911">
        <v>36501.628129999997</v>
      </c>
      <c r="I3911">
        <v>24219.23475</v>
      </c>
      <c r="J3911">
        <v>40282.687570000002</v>
      </c>
      <c r="K3911">
        <v>51850.565920000001</v>
      </c>
      <c r="L3911">
        <v>26879.487850000001</v>
      </c>
      <c r="M3911">
        <v>303259.16509999998</v>
      </c>
      <c r="N3911">
        <v>73860.919030000005</v>
      </c>
      <c r="O3911">
        <v>18225.493139999999</v>
      </c>
      <c r="P3911">
        <v>33737.209000000003</v>
      </c>
      <c r="Q3911">
        <v>88766.675969999997</v>
      </c>
      <c r="R3911">
        <v>19178.46357</v>
      </c>
      <c r="S3911">
        <v>78001.368350000004</v>
      </c>
      <c r="T3911">
        <v>26190.509719999998</v>
      </c>
      <c r="U3911">
        <v>14780.88155</v>
      </c>
      <c r="W3911" s="83">
        <f>Bühler!N3943</f>
        <v>45454.874999990519</v>
      </c>
      <c r="X3911" s="83">
        <v>43263.875</v>
      </c>
      <c r="Y3911">
        <v>244875.59270000001</v>
      </c>
      <c r="Z3911">
        <v>15379.44887</v>
      </c>
      <c r="AA3911">
        <v>58459.495620000002</v>
      </c>
      <c r="AB3911">
        <v>36238.44872</v>
      </c>
      <c r="AC3911">
        <v>36501.628129999997</v>
      </c>
      <c r="AD3911">
        <v>24219.23475</v>
      </c>
      <c r="AE3911">
        <v>40282.687570000002</v>
      </c>
      <c r="AF3911">
        <v>51850.565920000001</v>
      </c>
      <c r="AG3911">
        <v>26879.487850000001</v>
      </c>
      <c r="AH3911">
        <v>303259.16509999998</v>
      </c>
      <c r="AI3911">
        <v>73860.919030000005</v>
      </c>
      <c r="AJ3911">
        <v>18225.493139999999</v>
      </c>
      <c r="AK3911">
        <v>33737.209000000003</v>
      </c>
      <c r="AL3911">
        <v>88766.675969999997</v>
      </c>
      <c r="AM3911">
        <v>19178.46357</v>
      </c>
      <c r="AN3911">
        <v>78001.368350000004</v>
      </c>
      <c r="AO3911">
        <v>26190.509719999998</v>
      </c>
      <c r="AP3911">
        <v>14780.88155</v>
      </c>
    </row>
    <row r="3912" spans="2:42" x14ac:dyDescent="0.3">
      <c r="B3912">
        <v>59.200218998450488</v>
      </c>
      <c r="C3912" s="83">
        <v>43263.916666666664</v>
      </c>
      <c r="D3912">
        <v>244568.97820000001</v>
      </c>
      <c r="E3912">
        <v>14627.390810000001</v>
      </c>
      <c r="F3912">
        <v>55884.847370000003</v>
      </c>
      <c r="G3912">
        <v>35705.025240000003</v>
      </c>
      <c r="H3912">
        <v>37517.118860000002</v>
      </c>
      <c r="I3912">
        <v>22352.35008</v>
      </c>
      <c r="J3912">
        <v>40651.389130000003</v>
      </c>
      <c r="K3912">
        <v>54786.186240000003</v>
      </c>
      <c r="L3912">
        <v>24258.44472</v>
      </c>
      <c r="M3912">
        <v>301830.32400000002</v>
      </c>
      <c r="N3912">
        <v>74366.259359999996</v>
      </c>
      <c r="O3912">
        <v>19083.618030000001</v>
      </c>
      <c r="P3912">
        <v>36018.499830000001</v>
      </c>
      <c r="Q3912">
        <v>87620.754029999996</v>
      </c>
      <c r="R3912">
        <v>20723.460930000001</v>
      </c>
      <c r="S3912">
        <v>77382.383700000006</v>
      </c>
      <c r="T3912">
        <v>23519.463670000001</v>
      </c>
      <c r="U3912">
        <v>15438.775519999999</v>
      </c>
      <c r="W3912" s="83">
        <f>Bühler!N3944</f>
        <v>45454.916666657184</v>
      </c>
      <c r="X3912" s="83">
        <v>43263.916666666664</v>
      </c>
      <c r="Y3912">
        <v>244568.97820000001</v>
      </c>
      <c r="Z3912">
        <v>14627.390810000001</v>
      </c>
      <c r="AA3912">
        <v>55884.847370000003</v>
      </c>
      <c r="AB3912">
        <v>35705.025240000003</v>
      </c>
      <c r="AC3912">
        <v>37517.118860000002</v>
      </c>
      <c r="AD3912">
        <v>22352.35008</v>
      </c>
      <c r="AE3912">
        <v>40651.389130000003</v>
      </c>
      <c r="AF3912">
        <v>54786.186240000003</v>
      </c>
      <c r="AG3912">
        <v>24258.44472</v>
      </c>
      <c r="AH3912">
        <v>301830.32400000002</v>
      </c>
      <c r="AI3912">
        <v>74366.259359999996</v>
      </c>
      <c r="AJ3912">
        <v>19083.618030000001</v>
      </c>
      <c r="AK3912">
        <v>36018.499830000001</v>
      </c>
      <c r="AL3912">
        <v>87620.754029999996</v>
      </c>
      <c r="AM3912">
        <v>20723.460930000001</v>
      </c>
      <c r="AN3912">
        <v>77382.383700000006</v>
      </c>
      <c r="AO3912">
        <v>23519.463670000001</v>
      </c>
      <c r="AP3912">
        <v>15438.775519999999</v>
      </c>
    </row>
    <row r="3913" spans="2:42" x14ac:dyDescent="0.3">
      <c r="B3913">
        <v>59.257567871697688</v>
      </c>
      <c r="C3913" s="83">
        <v>43263.958333333336</v>
      </c>
      <c r="D3913">
        <v>244869.7015</v>
      </c>
      <c r="E3913">
        <v>13902.981030000001</v>
      </c>
      <c r="F3913">
        <v>54231.008399999999</v>
      </c>
      <c r="G3913">
        <v>34947.18737</v>
      </c>
      <c r="H3913">
        <v>36599.454250000003</v>
      </c>
      <c r="I3913">
        <v>21647.504669999998</v>
      </c>
      <c r="J3913">
        <v>36955.227050000001</v>
      </c>
      <c r="K3913">
        <v>53503.298600000002</v>
      </c>
      <c r="L3913">
        <v>21333.192060000001</v>
      </c>
      <c r="M3913">
        <v>302122.71529999998</v>
      </c>
      <c r="N3913">
        <v>73570.697759999995</v>
      </c>
      <c r="O3913">
        <v>19022.909479999998</v>
      </c>
      <c r="P3913">
        <v>31996.380379999999</v>
      </c>
      <c r="Q3913">
        <v>86275.085059999998</v>
      </c>
      <c r="R3913">
        <v>20922.24958</v>
      </c>
      <c r="S3913">
        <v>76213.134000000005</v>
      </c>
      <c r="T3913">
        <v>21337.378830000001</v>
      </c>
      <c r="U3913">
        <v>15269.346100000001</v>
      </c>
      <c r="W3913" s="83">
        <f>Bühler!N3945</f>
        <v>45454.958333323848</v>
      </c>
      <c r="X3913" s="83">
        <v>43263.958333333336</v>
      </c>
      <c r="Y3913">
        <v>244869.7015</v>
      </c>
      <c r="Z3913">
        <v>13902.981030000001</v>
      </c>
      <c r="AA3913">
        <v>54231.008399999999</v>
      </c>
      <c r="AB3913">
        <v>34947.18737</v>
      </c>
      <c r="AC3913">
        <v>36599.454250000003</v>
      </c>
      <c r="AD3913">
        <v>21647.504669999998</v>
      </c>
      <c r="AE3913">
        <v>36955.227050000001</v>
      </c>
      <c r="AF3913">
        <v>53503.298600000002</v>
      </c>
      <c r="AG3913">
        <v>21333.192060000001</v>
      </c>
      <c r="AH3913">
        <v>302122.71529999998</v>
      </c>
      <c r="AI3913">
        <v>73570.697759999995</v>
      </c>
      <c r="AJ3913">
        <v>19022.909479999998</v>
      </c>
      <c r="AK3913">
        <v>31996.380379999999</v>
      </c>
      <c r="AL3913">
        <v>86275.085059999998</v>
      </c>
      <c r="AM3913">
        <v>20922.24958</v>
      </c>
      <c r="AN3913">
        <v>76213.134000000005</v>
      </c>
      <c r="AO3913">
        <v>21337.378830000001</v>
      </c>
      <c r="AP3913">
        <v>15269.346100000001</v>
      </c>
    </row>
    <row r="3914" spans="2:42" x14ac:dyDescent="0.3">
      <c r="B3914">
        <v>58.219880625150005</v>
      </c>
      <c r="C3914" s="83">
        <v>43264</v>
      </c>
      <c r="D3914">
        <v>242533.35200000001</v>
      </c>
      <c r="E3914">
        <v>13490.795319999999</v>
      </c>
      <c r="F3914">
        <v>52949.221599999997</v>
      </c>
      <c r="G3914">
        <v>34033.511500000001</v>
      </c>
      <c r="H3914">
        <v>35363.645940000002</v>
      </c>
      <c r="I3914">
        <v>19766.81033</v>
      </c>
      <c r="J3914">
        <v>34253.233549999997</v>
      </c>
      <c r="K3914">
        <v>50669.036310000003</v>
      </c>
      <c r="L3914">
        <v>17906.70911</v>
      </c>
      <c r="M3914">
        <v>296832.1018</v>
      </c>
      <c r="N3914">
        <v>72691.817670000004</v>
      </c>
      <c r="O3914">
        <v>19194.240330000001</v>
      </c>
      <c r="P3914">
        <v>29851.578829999999</v>
      </c>
      <c r="Q3914">
        <v>85471.497149999996</v>
      </c>
      <c r="R3914">
        <v>17003.894029999999</v>
      </c>
      <c r="S3914">
        <v>74750.024430000005</v>
      </c>
      <c r="T3914">
        <v>19979.111830000002</v>
      </c>
      <c r="U3914">
        <v>14856.890009999999</v>
      </c>
      <c r="W3914" s="83">
        <f>Bühler!N3946</f>
        <v>45454.999999990512</v>
      </c>
      <c r="X3914" s="83">
        <v>43264</v>
      </c>
      <c r="Y3914">
        <v>242533.35200000001</v>
      </c>
      <c r="Z3914">
        <v>13490.795319999999</v>
      </c>
      <c r="AA3914">
        <v>52949.221599999997</v>
      </c>
      <c r="AB3914">
        <v>34033.511500000001</v>
      </c>
      <c r="AC3914">
        <v>35363.645940000002</v>
      </c>
      <c r="AD3914">
        <v>19766.81033</v>
      </c>
      <c r="AE3914">
        <v>34253.233549999997</v>
      </c>
      <c r="AF3914">
        <v>50669.036310000003</v>
      </c>
      <c r="AG3914">
        <v>17906.70911</v>
      </c>
      <c r="AH3914">
        <v>296832.1018</v>
      </c>
      <c r="AI3914">
        <v>72691.817670000004</v>
      </c>
      <c r="AJ3914">
        <v>19194.240330000001</v>
      </c>
      <c r="AK3914">
        <v>29851.578829999999</v>
      </c>
      <c r="AL3914">
        <v>85471.497149999996</v>
      </c>
      <c r="AM3914">
        <v>17003.894029999999</v>
      </c>
      <c r="AN3914">
        <v>74750.024430000005</v>
      </c>
      <c r="AO3914">
        <v>19979.111830000002</v>
      </c>
      <c r="AP3914">
        <v>14856.890009999999</v>
      </c>
    </row>
    <row r="3915" spans="2:42" x14ac:dyDescent="0.3">
      <c r="B3915">
        <v>57.962714173111195</v>
      </c>
      <c r="C3915" s="83">
        <v>43264.041666666664</v>
      </c>
      <c r="D3915">
        <v>241632.46119999999</v>
      </c>
      <c r="E3915">
        <v>13084.82431</v>
      </c>
      <c r="F3915">
        <v>52377.7039</v>
      </c>
      <c r="G3915">
        <v>33305.045570000002</v>
      </c>
      <c r="H3915">
        <v>34631.536229999998</v>
      </c>
      <c r="I3915">
        <v>15695.37319</v>
      </c>
      <c r="J3915">
        <v>32839.906389999996</v>
      </c>
      <c r="K3915">
        <v>49144.496520000001</v>
      </c>
      <c r="L3915">
        <v>16815.632180000001</v>
      </c>
      <c r="M3915">
        <v>295520.9473</v>
      </c>
      <c r="N3915">
        <v>71719.113750000004</v>
      </c>
      <c r="O3915">
        <v>19018.798559999999</v>
      </c>
      <c r="P3915">
        <v>26696.923180000002</v>
      </c>
      <c r="Q3915">
        <v>85315.424369999993</v>
      </c>
      <c r="R3915">
        <v>15214.97471</v>
      </c>
      <c r="S3915">
        <v>73456.821360000002</v>
      </c>
      <c r="T3915">
        <v>19028.152279999998</v>
      </c>
      <c r="U3915">
        <v>14696.178029999999</v>
      </c>
      <c r="W3915" s="83">
        <f>Bühler!N3947</f>
        <v>45455.041666657176</v>
      </c>
      <c r="X3915" s="83">
        <v>43264.041666666664</v>
      </c>
      <c r="Y3915">
        <v>241632.46119999999</v>
      </c>
      <c r="Z3915">
        <v>13084.82431</v>
      </c>
      <c r="AA3915">
        <v>52377.7039</v>
      </c>
      <c r="AB3915">
        <v>33305.045570000002</v>
      </c>
      <c r="AC3915">
        <v>34631.536229999998</v>
      </c>
      <c r="AD3915">
        <v>15695.37319</v>
      </c>
      <c r="AE3915">
        <v>32839.906389999996</v>
      </c>
      <c r="AF3915">
        <v>49144.496520000001</v>
      </c>
      <c r="AG3915">
        <v>16815.632180000001</v>
      </c>
      <c r="AH3915">
        <v>295520.9473</v>
      </c>
      <c r="AI3915">
        <v>71719.113750000004</v>
      </c>
      <c r="AJ3915">
        <v>19018.798559999999</v>
      </c>
      <c r="AK3915">
        <v>26696.923180000002</v>
      </c>
      <c r="AL3915">
        <v>85315.424369999993</v>
      </c>
      <c r="AM3915">
        <v>15214.97471</v>
      </c>
      <c r="AN3915">
        <v>73456.821360000002</v>
      </c>
      <c r="AO3915">
        <v>19028.152279999998</v>
      </c>
      <c r="AP3915">
        <v>14696.178029999999</v>
      </c>
    </row>
    <row r="3916" spans="2:42" x14ac:dyDescent="0.3">
      <c r="B3916">
        <v>58.404863036868399</v>
      </c>
      <c r="C3916" s="83">
        <v>43264.083333333336</v>
      </c>
      <c r="D3916">
        <v>240983.6758</v>
      </c>
      <c r="E3916">
        <v>12907.804889999999</v>
      </c>
      <c r="F3916">
        <v>53101.366889999998</v>
      </c>
      <c r="G3916">
        <v>32604.322909999999</v>
      </c>
      <c r="H3916">
        <v>34133.324520000002</v>
      </c>
      <c r="I3916">
        <v>14047.759309999999</v>
      </c>
      <c r="J3916">
        <v>32422.941630000001</v>
      </c>
      <c r="K3916">
        <v>48076.797310000002</v>
      </c>
      <c r="L3916">
        <v>15780.593220000001</v>
      </c>
      <c r="M3916">
        <v>297775.22840000002</v>
      </c>
      <c r="N3916">
        <v>69262.322579999993</v>
      </c>
      <c r="O3916">
        <v>18231.790359999999</v>
      </c>
      <c r="P3916">
        <v>25663.56366</v>
      </c>
      <c r="Q3916">
        <v>88431.815549999999</v>
      </c>
      <c r="R3916">
        <v>15648.683569999999</v>
      </c>
      <c r="S3916">
        <v>71839.936270000006</v>
      </c>
      <c r="T3916">
        <v>18661.161789999998</v>
      </c>
      <c r="U3916">
        <v>14320.18787</v>
      </c>
      <c r="W3916" s="83">
        <f>Bühler!N3948</f>
        <v>45455.083333323841</v>
      </c>
      <c r="X3916" s="83">
        <v>43264.083333333336</v>
      </c>
      <c r="Y3916">
        <v>240983.6758</v>
      </c>
      <c r="Z3916">
        <v>12907.804889999999</v>
      </c>
      <c r="AA3916">
        <v>53101.366889999998</v>
      </c>
      <c r="AB3916">
        <v>32604.322909999999</v>
      </c>
      <c r="AC3916">
        <v>34133.324520000002</v>
      </c>
      <c r="AD3916">
        <v>14047.759309999999</v>
      </c>
      <c r="AE3916">
        <v>32422.941630000001</v>
      </c>
      <c r="AF3916">
        <v>48076.797310000002</v>
      </c>
      <c r="AG3916">
        <v>15780.593220000001</v>
      </c>
      <c r="AH3916">
        <v>297775.22840000002</v>
      </c>
      <c r="AI3916">
        <v>69262.322579999993</v>
      </c>
      <c r="AJ3916">
        <v>18231.790359999999</v>
      </c>
      <c r="AK3916">
        <v>25663.56366</v>
      </c>
      <c r="AL3916">
        <v>88431.815549999999</v>
      </c>
      <c r="AM3916">
        <v>15648.683569999999</v>
      </c>
      <c r="AN3916">
        <v>71839.936270000006</v>
      </c>
      <c r="AO3916">
        <v>18661.161789999998</v>
      </c>
      <c r="AP3916">
        <v>14320.18787</v>
      </c>
    </row>
    <row r="3917" spans="2:42" x14ac:dyDescent="0.3">
      <c r="B3917">
        <v>58.37339104328484</v>
      </c>
      <c r="C3917" s="83">
        <v>43264.125</v>
      </c>
      <c r="D3917">
        <v>242417.16149999999</v>
      </c>
      <c r="E3917">
        <v>12873.044690000001</v>
      </c>
      <c r="F3917">
        <v>54429.17151</v>
      </c>
      <c r="G3917">
        <v>31784.487150000001</v>
      </c>
      <c r="H3917">
        <v>34052.00157</v>
      </c>
      <c r="I3917">
        <v>13719.690570000001</v>
      </c>
      <c r="J3917">
        <v>33041.382319999997</v>
      </c>
      <c r="K3917">
        <v>46606.850420000002</v>
      </c>
      <c r="L3917">
        <v>15118.57907</v>
      </c>
      <c r="M3917">
        <v>297614.76949999999</v>
      </c>
      <c r="N3917">
        <v>69393.334430000003</v>
      </c>
      <c r="O3917">
        <v>18017.71126</v>
      </c>
      <c r="P3917">
        <v>23858.135180000001</v>
      </c>
      <c r="Q3917">
        <v>91223.821970000005</v>
      </c>
      <c r="R3917">
        <v>15342.104230000001</v>
      </c>
      <c r="S3917">
        <v>71432.159549999997</v>
      </c>
      <c r="T3917">
        <v>18440.394370000002</v>
      </c>
      <c r="U3917">
        <v>14068.602220000001</v>
      </c>
      <c r="W3917" s="83">
        <f>Bühler!N3949</f>
        <v>45455.124999990505</v>
      </c>
      <c r="X3917" s="83">
        <v>43264.125</v>
      </c>
      <c r="Y3917">
        <v>242417.16149999999</v>
      </c>
      <c r="Z3917">
        <v>12873.044690000001</v>
      </c>
      <c r="AA3917">
        <v>54429.17151</v>
      </c>
      <c r="AB3917">
        <v>31784.487150000001</v>
      </c>
      <c r="AC3917">
        <v>34052.00157</v>
      </c>
      <c r="AD3917">
        <v>13719.690570000001</v>
      </c>
      <c r="AE3917">
        <v>33041.382319999997</v>
      </c>
      <c r="AF3917">
        <v>46606.850420000002</v>
      </c>
      <c r="AG3917">
        <v>15118.57907</v>
      </c>
      <c r="AH3917">
        <v>297614.76949999999</v>
      </c>
      <c r="AI3917">
        <v>69393.334430000003</v>
      </c>
      <c r="AJ3917">
        <v>18017.71126</v>
      </c>
      <c r="AK3917">
        <v>23858.135180000001</v>
      </c>
      <c r="AL3917">
        <v>91223.821970000005</v>
      </c>
      <c r="AM3917">
        <v>15342.104230000001</v>
      </c>
      <c r="AN3917">
        <v>71432.159549999997</v>
      </c>
      <c r="AO3917">
        <v>18440.394370000002</v>
      </c>
      <c r="AP3917">
        <v>14068.602220000001</v>
      </c>
    </row>
    <row r="3918" spans="2:42" x14ac:dyDescent="0.3">
      <c r="B3918">
        <v>59.160487403415118</v>
      </c>
      <c r="C3918" s="83">
        <v>43264.166666666664</v>
      </c>
      <c r="D3918">
        <v>242345.4921</v>
      </c>
      <c r="E3918">
        <v>13322.267949999999</v>
      </c>
      <c r="F3918">
        <v>57238.07647</v>
      </c>
      <c r="G3918">
        <v>31370.197820000001</v>
      </c>
      <c r="H3918">
        <v>34280.844799999999</v>
      </c>
      <c r="I3918">
        <v>15375.99898</v>
      </c>
      <c r="J3918">
        <v>34983.79047</v>
      </c>
      <c r="K3918">
        <v>45626.841050000003</v>
      </c>
      <c r="L3918">
        <v>15530.311019999999</v>
      </c>
      <c r="M3918">
        <v>301627.75380000001</v>
      </c>
      <c r="N3918">
        <v>67947.658630000005</v>
      </c>
      <c r="O3918">
        <v>18867.74454</v>
      </c>
      <c r="P3918">
        <v>23773.941340000001</v>
      </c>
      <c r="Q3918">
        <v>93868.213359999994</v>
      </c>
      <c r="R3918">
        <v>15005.35331</v>
      </c>
      <c r="S3918">
        <v>71539.804820000005</v>
      </c>
      <c r="T3918">
        <v>18274.7281</v>
      </c>
      <c r="U3918">
        <v>14368.80343</v>
      </c>
      <c r="W3918" s="83">
        <f>Bühler!N3950</f>
        <v>45455.166666657169</v>
      </c>
      <c r="X3918" s="83">
        <v>43264.166666666664</v>
      </c>
      <c r="Y3918">
        <v>242345.4921</v>
      </c>
      <c r="Z3918">
        <v>13322.267949999999</v>
      </c>
      <c r="AA3918">
        <v>57238.07647</v>
      </c>
      <c r="AB3918">
        <v>31370.197820000001</v>
      </c>
      <c r="AC3918">
        <v>34280.844799999999</v>
      </c>
      <c r="AD3918">
        <v>15375.99898</v>
      </c>
      <c r="AE3918">
        <v>34983.79047</v>
      </c>
      <c r="AF3918">
        <v>45626.841050000003</v>
      </c>
      <c r="AG3918">
        <v>15530.311019999999</v>
      </c>
      <c r="AH3918">
        <v>301627.75380000001</v>
      </c>
      <c r="AI3918">
        <v>67947.658630000005</v>
      </c>
      <c r="AJ3918">
        <v>18867.74454</v>
      </c>
      <c r="AK3918">
        <v>23773.941340000001</v>
      </c>
      <c r="AL3918">
        <v>93868.213359999994</v>
      </c>
      <c r="AM3918">
        <v>15005.35331</v>
      </c>
      <c r="AN3918">
        <v>71539.804820000005</v>
      </c>
      <c r="AO3918">
        <v>18274.7281</v>
      </c>
      <c r="AP3918">
        <v>14368.80343</v>
      </c>
    </row>
    <row r="3919" spans="2:42" x14ac:dyDescent="0.3">
      <c r="B3919">
        <v>61.558904021246448</v>
      </c>
      <c r="C3919" s="83">
        <v>43264.208333333336</v>
      </c>
      <c r="D3919">
        <v>256672.15270000001</v>
      </c>
      <c r="E3919">
        <v>15029.310680000001</v>
      </c>
      <c r="F3919">
        <v>66817.816040000005</v>
      </c>
      <c r="G3919">
        <v>33157.772250000002</v>
      </c>
      <c r="H3919">
        <v>35669.0291</v>
      </c>
      <c r="I3919">
        <v>22142.033759999998</v>
      </c>
      <c r="J3919">
        <v>37636.978759999998</v>
      </c>
      <c r="K3919">
        <v>47158.046029999998</v>
      </c>
      <c r="L3919">
        <v>17182.237010000001</v>
      </c>
      <c r="M3919">
        <v>313856.00020000001</v>
      </c>
      <c r="N3919">
        <v>68429.641510000001</v>
      </c>
      <c r="O3919">
        <v>18528.909629999998</v>
      </c>
      <c r="P3919">
        <v>24397.143840000001</v>
      </c>
      <c r="Q3919">
        <v>96218.485939999999</v>
      </c>
      <c r="R3919">
        <v>17099.596379999999</v>
      </c>
      <c r="S3919">
        <v>73554.541769999996</v>
      </c>
      <c r="T3919">
        <v>19709.057769999999</v>
      </c>
      <c r="U3919">
        <v>15889.53161</v>
      </c>
      <c r="W3919" s="83">
        <f>Bühler!N3951</f>
        <v>45455.208333323833</v>
      </c>
      <c r="X3919" s="83">
        <v>43264.208333333336</v>
      </c>
      <c r="Y3919">
        <v>256672.15270000001</v>
      </c>
      <c r="Z3919">
        <v>15029.310680000001</v>
      </c>
      <c r="AA3919">
        <v>66817.816040000005</v>
      </c>
      <c r="AB3919">
        <v>33157.772250000002</v>
      </c>
      <c r="AC3919">
        <v>35669.0291</v>
      </c>
      <c r="AD3919">
        <v>22142.033759999998</v>
      </c>
      <c r="AE3919">
        <v>37636.978759999998</v>
      </c>
      <c r="AF3919">
        <v>47158.046029999998</v>
      </c>
      <c r="AG3919">
        <v>17182.237010000001</v>
      </c>
      <c r="AH3919">
        <v>313856.00020000001</v>
      </c>
      <c r="AI3919">
        <v>68429.641510000001</v>
      </c>
      <c r="AJ3919">
        <v>18528.909629999998</v>
      </c>
      <c r="AK3919">
        <v>24397.143840000001</v>
      </c>
      <c r="AL3919">
        <v>96218.485939999999</v>
      </c>
      <c r="AM3919">
        <v>17099.596379999999</v>
      </c>
      <c r="AN3919">
        <v>73554.541769999996</v>
      </c>
      <c r="AO3919">
        <v>19709.057769999999</v>
      </c>
      <c r="AP3919">
        <v>15889.53161</v>
      </c>
    </row>
    <row r="3920" spans="2:42" x14ac:dyDescent="0.3">
      <c r="B3920">
        <v>63.809816223129914</v>
      </c>
      <c r="C3920" s="83">
        <v>43264.25</v>
      </c>
      <c r="D3920">
        <v>273298.47009999998</v>
      </c>
      <c r="E3920">
        <v>18656.143759999999</v>
      </c>
      <c r="F3920">
        <v>76783.680139999997</v>
      </c>
      <c r="G3920">
        <v>41901.42987</v>
      </c>
      <c r="H3920">
        <v>37321.937080000003</v>
      </c>
      <c r="I3920">
        <v>28062.63565</v>
      </c>
      <c r="J3920">
        <v>39349.779000000002</v>
      </c>
      <c r="K3920">
        <v>48342.815360000001</v>
      </c>
      <c r="L3920">
        <v>18236.742999999999</v>
      </c>
      <c r="M3920">
        <v>325332.20030000003</v>
      </c>
      <c r="N3920">
        <v>69240.363870000001</v>
      </c>
      <c r="O3920">
        <v>19937.421490000001</v>
      </c>
      <c r="P3920">
        <v>25730.573820000001</v>
      </c>
      <c r="Q3920">
        <v>97142.384969999999</v>
      </c>
      <c r="R3920">
        <v>16265.089019999999</v>
      </c>
      <c r="S3920">
        <v>80537.315430000002</v>
      </c>
      <c r="T3920">
        <v>21481.159830000001</v>
      </c>
      <c r="U3920">
        <v>17410.19498</v>
      </c>
      <c r="W3920" s="83">
        <f>Bühler!N3952</f>
        <v>45455.249999990498</v>
      </c>
      <c r="X3920" s="83">
        <v>43264.25</v>
      </c>
      <c r="Y3920">
        <v>273298.47009999998</v>
      </c>
      <c r="Z3920">
        <v>18656.143759999999</v>
      </c>
      <c r="AA3920">
        <v>76783.680139999997</v>
      </c>
      <c r="AB3920">
        <v>41901.42987</v>
      </c>
      <c r="AC3920">
        <v>37321.937080000003</v>
      </c>
      <c r="AD3920">
        <v>28062.63565</v>
      </c>
      <c r="AE3920">
        <v>39349.779000000002</v>
      </c>
      <c r="AF3920">
        <v>48342.815360000001</v>
      </c>
      <c r="AG3920">
        <v>18236.742999999999</v>
      </c>
      <c r="AH3920">
        <v>325332.20030000003</v>
      </c>
      <c r="AI3920">
        <v>69240.363870000001</v>
      </c>
      <c r="AJ3920">
        <v>19937.421490000001</v>
      </c>
      <c r="AK3920">
        <v>25730.573820000001</v>
      </c>
      <c r="AL3920">
        <v>97142.384969999999</v>
      </c>
      <c r="AM3920">
        <v>16265.089019999999</v>
      </c>
      <c r="AN3920">
        <v>80537.315430000002</v>
      </c>
      <c r="AO3920">
        <v>21481.159830000001</v>
      </c>
      <c r="AP3920">
        <v>17410.19498</v>
      </c>
    </row>
    <row r="3921" spans="2:42" x14ac:dyDescent="0.3">
      <c r="B3921">
        <v>65.690809595800005</v>
      </c>
      <c r="C3921" s="83">
        <v>43264.291666666664</v>
      </c>
      <c r="D3921">
        <v>286216.30050000001</v>
      </c>
      <c r="E3921">
        <v>23178.890749999999</v>
      </c>
      <c r="F3921">
        <v>79939.296140000006</v>
      </c>
      <c r="G3921">
        <v>51714.670400000003</v>
      </c>
      <c r="H3921">
        <v>42359.735139999997</v>
      </c>
      <c r="I3921">
        <v>35141.646769999999</v>
      </c>
      <c r="J3921">
        <v>41259.08423</v>
      </c>
      <c r="K3921">
        <v>54597.303619999999</v>
      </c>
      <c r="L3921">
        <v>21421.407780000001</v>
      </c>
      <c r="M3921">
        <v>334922.38170000003</v>
      </c>
      <c r="N3921">
        <v>73638.102889999995</v>
      </c>
      <c r="O3921">
        <v>22475.879700000001</v>
      </c>
      <c r="P3921">
        <v>29917.65886</v>
      </c>
      <c r="Q3921">
        <v>96884.002900000007</v>
      </c>
      <c r="R3921">
        <v>18001.73616</v>
      </c>
      <c r="S3921">
        <v>95031.730439999999</v>
      </c>
      <c r="T3921">
        <v>25413.0448</v>
      </c>
      <c r="U3921">
        <v>20984.17613</v>
      </c>
      <c r="W3921" s="83">
        <f>Bühler!N3953</f>
        <v>45455.291666657162</v>
      </c>
      <c r="X3921" s="83">
        <v>43264.291666666664</v>
      </c>
      <c r="Y3921">
        <v>286216.30050000001</v>
      </c>
      <c r="Z3921">
        <v>23178.890749999999</v>
      </c>
      <c r="AA3921">
        <v>79939.296140000006</v>
      </c>
      <c r="AB3921">
        <v>51714.670400000003</v>
      </c>
      <c r="AC3921">
        <v>42359.735139999997</v>
      </c>
      <c r="AD3921">
        <v>35141.646769999999</v>
      </c>
      <c r="AE3921">
        <v>41259.08423</v>
      </c>
      <c r="AF3921">
        <v>54597.303619999999</v>
      </c>
      <c r="AG3921">
        <v>21421.407780000001</v>
      </c>
      <c r="AH3921">
        <v>334922.38170000003</v>
      </c>
      <c r="AI3921">
        <v>73638.102889999995</v>
      </c>
      <c r="AJ3921">
        <v>22475.879700000001</v>
      </c>
      <c r="AK3921">
        <v>29917.65886</v>
      </c>
      <c r="AL3921">
        <v>96884.002900000007</v>
      </c>
      <c r="AM3921">
        <v>18001.73616</v>
      </c>
      <c r="AN3921">
        <v>95031.730439999999</v>
      </c>
      <c r="AO3921">
        <v>25413.0448</v>
      </c>
      <c r="AP3921">
        <v>20984.17613</v>
      </c>
    </row>
    <row r="3922" spans="2:42" x14ac:dyDescent="0.3">
      <c r="B3922">
        <v>66.635782432112194</v>
      </c>
      <c r="C3922" s="83">
        <v>43264.333333333336</v>
      </c>
      <c r="D3922">
        <v>294975.14789999998</v>
      </c>
      <c r="E3922">
        <v>29198.83351</v>
      </c>
      <c r="F3922">
        <v>87575.079530000003</v>
      </c>
      <c r="G3922">
        <v>61722.665500000003</v>
      </c>
      <c r="H3922">
        <v>47657.269899999999</v>
      </c>
      <c r="I3922">
        <v>38075.758009999998</v>
      </c>
      <c r="J3922">
        <v>43510.968849999997</v>
      </c>
      <c r="K3922">
        <v>61706.935360000003</v>
      </c>
      <c r="L3922">
        <v>24880.908599999999</v>
      </c>
      <c r="M3922">
        <v>339740.29389999999</v>
      </c>
      <c r="N3922">
        <v>82623.995129999996</v>
      </c>
      <c r="O3922">
        <v>24583.43593</v>
      </c>
      <c r="P3922">
        <v>32685.949949999998</v>
      </c>
      <c r="Q3922">
        <v>98373.887700000007</v>
      </c>
      <c r="R3922">
        <v>21267.451850000001</v>
      </c>
      <c r="S3922">
        <v>107552.5719</v>
      </c>
      <c r="T3922">
        <v>28224.952379999999</v>
      </c>
      <c r="U3922">
        <v>25745.06004</v>
      </c>
      <c r="W3922" s="83">
        <f>Bühler!N3954</f>
        <v>45455.333333323826</v>
      </c>
      <c r="X3922" s="83">
        <v>43264.333333333336</v>
      </c>
      <c r="Y3922">
        <v>294975.14789999998</v>
      </c>
      <c r="Z3922">
        <v>29198.83351</v>
      </c>
      <c r="AA3922">
        <v>87575.079530000003</v>
      </c>
      <c r="AB3922">
        <v>61722.665500000003</v>
      </c>
      <c r="AC3922">
        <v>47657.269899999999</v>
      </c>
      <c r="AD3922">
        <v>38075.758009999998</v>
      </c>
      <c r="AE3922">
        <v>43510.968849999997</v>
      </c>
      <c r="AF3922">
        <v>61706.935360000003</v>
      </c>
      <c r="AG3922">
        <v>24880.908599999999</v>
      </c>
      <c r="AH3922">
        <v>339740.29389999999</v>
      </c>
      <c r="AI3922">
        <v>82623.995129999996</v>
      </c>
      <c r="AJ3922">
        <v>24583.43593</v>
      </c>
      <c r="AK3922">
        <v>32685.949949999998</v>
      </c>
      <c r="AL3922">
        <v>98373.887700000007</v>
      </c>
      <c r="AM3922">
        <v>21267.451850000001</v>
      </c>
      <c r="AN3922">
        <v>107552.5719</v>
      </c>
      <c r="AO3922">
        <v>28224.952379999999</v>
      </c>
      <c r="AP3922">
        <v>25745.06004</v>
      </c>
    </row>
    <row r="3923" spans="2:42" x14ac:dyDescent="0.3">
      <c r="B3923">
        <v>67.222043240662217</v>
      </c>
      <c r="C3923" s="83">
        <v>43264.375</v>
      </c>
      <c r="D3923">
        <v>300034.40919999999</v>
      </c>
      <c r="E3923">
        <v>33909.364800000003</v>
      </c>
      <c r="F3923">
        <v>96115.288719999997</v>
      </c>
      <c r="G3923">
        <v>70182.273830000006</v>
      </c>
      <c r="H3923">
        <v>50767.8802</v>
      </c>
      <c r="I3923">
        <v>37149.671909999997</v>
      </c>
      <c r="J3923">
        <v>45260.98848</v>
      </c>
      <c r="K3923">
        <v>64381.196259999997</v>
      </c>
      <c r="L3923">
        <v>27628.560389999999</v>
      </c>
      <c r="M3923">
        <v>342729.32490000001</v>
      </c>
      <c r="N3923">
        <v>86691.097899999993</v>
      </c>
      <c r="O3923">
        <v>25907.116679999999</v>
      </c>
      <c r="P3923">
        <v>33679.305039999999</v>
      </c>
      <c r="Q3923">
        <v>99503.100080000004</v>
      </c>
      <c r="R3923">
        <v>22674.93478</v>
      </c>
      <c r="S3923">
        <v>114589.91039999999</v>
      </c>
      <c r="T3923">
        <v>31374.90785</v>
      </c>
      <c r="U3923">
        <v>25402.915209999999</v>
      </c>
      <c r="W3923" s="83">
        <f>Bühler!N3955</f>
        <v>45455.37499999049</v>
      </c>
      <c r="X3923" s="83">
        <v>43264.375</v>
      </c>
      <c r="Y3923">
        <v>300034.40919999999</v>
      </c>
      <c r="Z3923">
        <v>33909.364800000003</v>
      </c>
      <c r="AA3923">
        <v>96115.288719999997</v>
      </c>
      <c r="AB3923">
        <v>70182.273830000006</v>
      </c>
      <c r="AC3923">
        <v>50767.8802</v>
      </c>
      <c r="AD3923">
        <v>37149.671909999997</v>
      </c>
      <c r="AE3923">
        <v>45260.98848</v>
      </c>
      <c r="AF3923">
        <v>64381.196259999997</v>
      </c>
      <c r="AG3923">
        <v>27628.560389999999</v>
      </c>
      <c r="AH3923">
        <v>342729.32490000001</v>
      </c>
      <c r="AI3923">
        <v>86691.097899999993</v>
      </c>
      <c r="AJ3923">
        <v>25907.116679999999</v>
      </c>
      <c r="AK3923">
        <v>33679.305039999999</v>
      </c>
      <c r="AL3923">
        <v>99503.100080000004</v>
      </c>
      <c r="AM3923">
        <v>22674.93478</v>
      </c>
      <c r="AN3923">
        <v>114589.91039999999</v>
      </c>
      <c r="AO3923">
        <v>31374.90785</v>
      </c>
      <c r="AP3923">
        <v>25402.915209999999</v>
      </c>
    </row>
    <row r="3924" spans="2:42" x14ac:dyDescent="0.3">
      <c r="B3924">
        <v>67.748704322623979</v>
      </c>
      <c r="C3924" s="83">
        <v>43264.416666666664</v>
      </c>
      <c r="D3924">
        <v>301300.86459999997</v>
      </c>
      <c r="E3924">
        <v>36164.479509999997</v>
      </c>
      <c r="F3924">
        <v>98368.621249999997</v>
      </c>
      <c r="G3924">
        <v>72283.350149999998</v>
      </c>
      <c r="H3924">
        <v>52089.724269999999</v>
      </c>
      <c r="I3924">
        <v>35184.499060000002</v>
      </c>
      <c r="J3924">
        <v>45152.464030000003</v>
      </c>
      <c r="K3924">
        <v>64982.24108</v>
      </c>
      <c r="L3924">
        <v>31126.815170000002</v>
      </c>
      <c r="M3924">
        <v>345414.48869999999</v>
      </c>
      <c r="N3924">
        <v>90230.722840000002</v>
      </c>
      <c r="O3924">
        <v>26313.388889999998</v>
      </c>
      <c r="P3924">
        <v>35063.828430000001</v>
      </c>
      <c r="Q3924">
        <v>101363.28049999999</v>
      </c>
      <c r="R3924">
        <v>23593.62213</v>
      </c>
      <c r="S3924">
        <v>116037.7451</v>
      </c>
      <c r="T3924">
        <v>32932.734980000001</v>
      </c>
      <c r="U3924">
        <v>25179.99121</v>
      </c>
      <c r="W3924" s="83">
        <f>Bühler!N3956</f>
        <v>45455.416666657155</v>
      </c>
      <c r="X3924" s="83">
        <v>43264.416666666664</v>
      </c>
      <c r="Y3924">
        <v>301300.86459999997</v>
      </c>
      <c r="Z3924">
        <v>36164.479509999997</v>
      </c>
      <c r="AA3924">
        <v>98368.621249999997</v>
      </c>
      <c r="AB3924">
        <v>72283.350149999998</v>
      </c>
      <c r="AC3924">
        <v>52089.724269999999</v>
      </c>
      <c r="AD3924">
        <v>35184.499060000002</v>
      </c>
      <c r="AE3924">
        <v>45152.464030000003</v>
      </c>
      <c r="AF3924">
        <v>64982.24108</v>
      </c>
      <c r="AG3924">
        <v>31126.815170000002</v>
      </c>
      <c r="AH3924">
        <v>345414.48869999999</v>
      </c>
      <c r="AI3924">
        <v>90230.722840000002</v>
      </c>
      <c r="AJ3924">
        <v>26313.388889999998</v>
      </c>
      <c r="AK3924">
        <v>35063.828430000001</v>
      </c>
      <c r="AL3924">
        <v>101363.28049999999</v>
      </c>
      <c r="AM3924">
        <v>23593.62213</v>
      </c>
      <c r="AN3924">
        <v>116037.7451</v>
      </c>
      <c r="AO3924">
        <v>32932.734980000001</v>
      </c>
      <c r="AP3924">
        <v>25179.99121</v>
      </c>
    </row>
    <row r="3925" spans="2:42" x14ac:dyDescent="0.3">
      <c r="B3925">
        <v>69.098243230702934</v>
      </c>
      <c r="C3925" s="83">
        <v>43264.458333333336</v>
      </c>
      <c r="D3925">
        <v>300411.34950000001</v>
      </c>
      <c r="E3925">
        <v>36256.559910000004</v>
      </c>
      <c r="F3925">
        <v>99507.225709999999</v>
      </c>
      <c r="G3925">
        <v>71393.594119999994</v>
      </c>
      <c r="H3925">
        <v>52026.487110000002</v>
      </c>
      <c r="I3925">
        <v>35593.649669999999</v>
      </c>
      <c r="J3925">
        <v>45882.858469999999</v>
      </c>
      <c r="K3925">
        <v>65617.264859999996</v>
      </c>
      <c r="L3925">
        <v>33312.58541</v>
      </c>
      <c r="M3925">
        <v>352295.0674</v>
      </c>
      <c r="N3925">
        <v>91874.609819999998</v>
      </c>
      <c r="O3925">
        <v>25722.790140000001</v>
      </c>
      <c r="P3925">
        <v>34912.328240000003</v>
      </c>
      <c r="Q3925">
        <v>102180.47169999999</v>
      </c>
      <c r="R3925">
        <v>25920.674490000001</v>
      </c>
      <c r="S3925">
        <v>119500.2441</v>
      </c>
      <c r="T3925">
        <v>33963.554450000003</v>
      </c>
      <c r="U3925">
        <v>25100.785260000001</v>
      </c>
      <c r="W3925" s="83">
        <f>Bühler!N3957</f>
        <v>45455.458333323819</v>
      </c>
      <c r="X3925" s="83">
        <v>43264.458333333336</v>
      </c>
      <c r="Y3925">
        <v>300411.34950000001</v>
      </c>
      <c r="Z3925">
        <v>36256.559910000004</v>
      </c>
      <c r="AA3925">
        <v>99507.225709999999</v>
      </c>
      <c r="AB3925">
        <v>71393.594119999994</v>
      </c>
      <c r="AC3925">
        <v>52026.487110000002</v>
      </c>
      <c r="AD3925">
        <v>35593.649669999999</v>
      </c>
      <c r="AE3925">
        <v>45882.858469999999</v>
      </c>
      <c r="AF3925">
        <v>65617.264859999996</v>
      </c>
      <c r="AG3925">
        <v>33312.58541</v>
      </c>
      <c r="AH3925">
        <v>352295.0674</v>
      </c>
      <c r="AI3925">
        <v>91874.609819999998</v>
      </c>
      <c r="AJ3925">
        <v>25722.790140000001</v>
      </c>
      <c r="AK3925">
        <v>34912.328240000003</v>
      </c>
      <c r="AL3925">
        <v>102180.47169999999</v>
      </c>
      <c r="AM3925">
        <v>25920.674490000001</v>
      </c>
      <c r="AN3925">
        <v>119500.2441</v>
      </c>
      <c r="AO3925">
        <v>33963.554450000003</v>
      </c>
      <c r="AP3925">
        <v>25100.785260000001</v>
      </c>
    </row>
    <row r="3926" spans="2:42" x14ac:dyDescent="0.3">
      <c r="B3926">
        <v>68.281648980440011</v>
      </c>
      <c r="C3926" s="83">
        <v>43264.5</v>
      </c>
      <c r="D3926">
        <v>289990.40169999999</v>
      </c>
      <c r="E3926">
        <v>33477.072520000002</v>
      </c>
      <c r="F3926">
        <v>95450.835749999998</v>
      </c>
      <c r="G3926">
        <v>70428.979600000006</v>
      </c>
      <c r="H3926">
        <v>50171.869530000004</v>
      </c>
      <c r="I3926">
        <v>35059.564079999996</v>
      </c>
      <c r="J3926">
        <v>46143.372869999999</v>
      </c>
      <c r="K3926">
        <v>62235.060290000001</v>
      </c>
      <c r="L3926">
        <v>35963.890099999997</v>
      </c>
      <c r="M3926">
        <v>348131.68910000002</v>
      </c>
      <c r="N3926">
        <v>89710.927200000006</v>
      </c>
      <c r="O3926">
        <v>26412.18851</v>
      </c>
      <c r="P3926">
        <v>36662.080699999999</v>
      </c>
      <c r="Q3926">
        <v>102891.2157</v>
      </c>
      <c r="R3926">
        <v>25725.889309999999</v>
      </c>
      <c r="S3926">
        <v>114383.382</v>
      </c>
      <c r="T3926">
        <v>33534.5291</v>
      </c>
      <c r="U3926">
        <v>20503.850170000002</v>
      </c>
      <c r="W3926" s="83">
        <f>Bühler!N3958</f>
        <v>45455.499999990483</v>
      </c>
      <c r="X3926" s="83">
        <v>43264.5</v>
      </c>
      <c r="Y3926">
        <v>289990.40169999999</v>
      </c>
      <c r="Z3926">
        <v>33477.072520000002</v>
      </c>
      <c r="AA3926">
        <v>95450.835749999998</v>
      </c>
      <c r="AB3926">
        <v>70428.979600000006</v>
      </c>
      <c r="AC3926">
        <v>50171.869530000004</v>
      </c>
      <c r="AD3926">
        <v>35059.564079999996</v>
      </c>
      <c r="AE3926">
        <v>46143.372869999999</v>
      </c>
      <c r="AF3926">
        <v>62235.060290000001</v>
      </c>
      <c r="AG3926">
        <v>35963.890099999997</v>
      </c>
      <c r="AH3926">
        <v>348131.68910000002</v>
      </c>
      <c r="AI3926">
        <v>89710.927200000006</v>
      </c>
      <c r="AJ3926">
        <v>26412.18851</v>
      </c>
      <c r="AK3926">
        <v>36662.080699999999</v>
      </c>
      <c r="AL3926">
        <v>102891.2157</v>
      </c>
      <c r="AM3926">
        <v>25725.889309999999</v>
      </c>
      <c r="AN3926">
        <v>114383.382</v>
      </c>
      <c r="AO3926">
        <v>33534.5291</v>
      </c>
      <c r="AP3926">
        <v>20503.850170000002</v>
      </c>
    </row>
    <row r="3927" spans="2:42" x14ac:dyDescent="0.3">
      <c r="B3927">
        <v>68.08144097051354</v>
      </c>
      <c r="C3927" s="83">
        <v>43264.541666666664</v>
      </c>
      <c r="D3927">
        <v>293442.15330000001</v>
      </c>
      <c r="E3927">
        <v>34034.911939999998</v>
      </c>
      <c r="F3927">
        <v>93429.966990000001</v>
      </c>
      <c r="G3927">
        <v>65890.223129999998</v>
      </c>
      <c r="H3927">
        <v>51008.713889999999</v>
      </c>
      <c r="I3927">
        <v>34987.592369999998</v>
      </c>
      <c r="J3927">
        <v>45159.370389999996</v>
      </c>
      <c r="K3927">
        <v>64411.835850000003</v>
      </c>
      <c r="L3927">
        <v>34785.18245</v>
      </c>
      <c r="M3927">
        <v>347110.93530000001</v>
      </c>
      <c r="N3927">
        <v>89987.714340000006</v>
      </c>
      <c r="O3927">
        <v>26163.56853</v>
      </c>
      <c r="P3927">
        <v>35776.945319999999</v>
      </c>
      <c r="Q3927">
        <v>102541.7461</v>
      </c>
      <c r="R3927">
        <v>26019.122759999998</v>
      </c>
      <c r="S3927">
        <v>114194.1002</v>
      </c>
      <c r="T3927">
        <v>32951.504159999997</v>
      </c>
      <c r="U3927">
        <v>23091.183130000001</v>
      </c>
      <c r="W3927" s="83">
        <f>Bühler!N3959</f>
        <v>45455.541666657147</v>
      </c>
      <c r="X3927" s="83">
        <v>43264.541666666664</v>
      </c>
      <c r="Y3927">
        <v>293442.15330000001</v>
      </c>
      <c r="Z3927">
        <v>34034.911939999998</v>
      </c>
      <c r="AA3927">
        <v>93429.966990000001</v>
      </c>
      <c r="AB3927">
        <v>65890.223129999998</v>
      </c>
      <c r="AC3927">
        <v>51008.713889999999</v>
      </c>
      <c r="AD3927">
        <v>34987.592369999998</v>
      </c>
      <c r="AE3927">
        <v>45159.370389999996</v>
      </c>
      <c r="AF3927">
        <v>64411.835850000003</v>
      </c>
      <c r="AG3927">
        <v>34785.18245</v>
      </c>
      <c r="AH3927">
        <v>347110.93530000001</v>
      </c>
      <c r="AI3927">
        <v>89987.714340000006</v>
      </c>
      <c r="AJ3927">
        <v>26163.56853</v>
      </c>
      <c r="AK3927">
        <v>35776.945319999999</v>
      </c>
      <c r="AL3927">
        <v>102541.7461</v>
      </c>
      <c r="AM3927">
        <v>26019.122759999998</v>
      </c>
      <c r="AN3927">
        <v>114194.1002</v>
      </c>
      <c r="AO3927">
        <v>32951.504159999997</v>
      </c>
      <c r="AP3927">
        <v>23091.183130000001</v>
      </c>
    </row>
    <row r="3928" spans="2:42" x14ac:dyDescent="0.3">
      <c r="B3928">
        <v>68.552068378652834</v>
      </c>
      <c r="C3928" s="83">
        <v>43264.583333333336</v>
      </c>
      <c r="D3928">
        <v>297564.78519999998</v>
      </c>
      <c r="E3928">
        <v>36911.42813</v>
      </c>
      <c r="F3928">
        <v>101172.0536</v>
      </c>
      <c r="G3928">
        <v>61025.243949999996</v>
      </c>
      <c r="H3928">
        <v>51500.353139999999</v>
      </c>
      <c r="I3928">
        <v>35972.217120000001</v>
      </c>
      <c r="J3928">
        <v>45298.67164</v>
      </c>
      <c r="K3928">
        <v>65878.100409999999</v>
      </c>
      <c r="L3928">
        <v>31740.071830000001</v>
      </c>
      <c r="M3928">
        <v>349510.41330000001</v>
      </c>
      <c r="N3928">
        <v>91688.072069999995</v>
      </c>
      <c r="O3928">
        <v>26257.075540000002</v>
      </c>
      <c r="P3928">
        <v>32545.13564</v>
      </c>
      <c r="Q3928">
        <v>101649.3455</v>
      </c>
      <c r="R3928">
        <v>26072.657159999999</v>
      </c>
      <c r="S3928">
        <v>110559.4647</v>
      </c>
      <c r="T3928">
        <v>32906.956030000001</v>
      </c>
      <c r="U3928">
        <v>25066.659169999999</v>
      </c>
      <c r="W3928" s="83">
        <f>Bühler!N3960</f>
        <v>45455.583333323812</v>
      </c>
      <c r="X3928" s="83">
        <v>43264.583333333336</v>
      </c>
      <c r="Y3928">
        <v>297564.78519999998</v>
      </c>
      <c r="Z3928">
        <v>36911.42813</v>
      </c>
      <c r="AA3928">
        <v>101172.0536</v>
      </c>
      <c r="AB3928">
        <v>61025.243949999996</v>
      </c>
      <c r="AC3928">
        <v>51500.353139999999</v>
      </c>
      <c r="AD3928">
        <v>35972.217120000001</v>
      </c>
      <c r="AE3928">
        <v>45298.67164</v>
      </c>
      <c r="AF3928">
        <v>65878.100409999999</v>
      </c>
      <c r="AG3928">
        <v>31740.071830000001</v>
      </c>
      <c r="AH3928">
        <v>349510.41330000001</v>
      </c>
      <c r="AI3928">
        <v>91688.072069999995</v>
      </c>
      <c r="AJ3928">
        <v>26257.075540000002</v>
      </c>
      <c r="AK3928">
        <v>32545.13564</v>
      </c>
      <c r="AL3928">
        <v>101649.3455</v>
      </c>
      <c r="AM3928">
        <v>26072.657159999999</v>
      </c>
      <c r="AN3928">
        <v>110559.4647</v>
      </c>
      <c r="AO3928">
        <v>32906.956030000001</v>
      </c>
      <c r="AP3928">
        <v>25066.659169999999</v>
      </c>
    </row>
    <row r="3929" spans="2:42" x14ac:dyDescent="0.3">
      <c r="B3929">
        <v>69.038714231265899</v>
      </c>
      <c r="C3929" s="83">
        <v>43264.625</v>
      </c>
      <c r="D3929">
        <v>294570.72499999998</v>
      </c>
      <c r="E3929">
        <v>37090.872150000003</v>
      </c>
      <c r="F3929">
        <v>103036.852</v>
      </c>
      <c r="G3929">
        <v>58757.32617</v>
      </c>
      <c r="H3929">
        <v>51165.870589999999</v>
      </c>
      <c r="I3929">
        <v>36437.277880000001</v>
      </c>
      <c r="J3929">
        <v>45956.826930000003</v>
      </c>
      <c r="K3929">
        <v>63395.742530000003</v>
      </c>
      <c r="L3929">
        <v>29060.579129999998</v>
      </c>
      <c r="M3929">
        <v>351991.56079999998</v>
      </c>
      <c r="N3929">
        <v>90569.330050000004</v>
      </c>
      <c r="O3929">
        <v>26761.485430000001</v>
      </c>
      <c r="P3929">
        <v>30649.56726</v>
      </c>
      <c r="Q3929">
        <v>101391.6906</v>
      </c>
      <c r="R3929">
        <v>26030.491969999999</v>
      </c>
      <c r="S3929">
        <v>110396.549</v>
      </c>
      <c r="T3929">
        <v>32184.02794</v>
      </c>
      <c r="U3929">
        <v>24782.716609999999</v>
      </c>
      <c r="W3929" s="83">
        <f>Bühler!N3961</f>
        <v>45455.624999990476</v>
      </c>
      <c r="X3929" s="83">
        <v>43264.625</v>
      </c>
      <c r="Y3929">
        <v>294570.72499999998</v>
      </c>
      <c r="Z3929">
        <v>37090.872150000003</v>
      </c>
      <c r="AA3929">
        <v>103036.852</v>
      </c>
      <c r="AB3929">
        <v>58757.32617</v>
      </c>
      <c r="AC3929">
        <v>51165.870589999999</v>
      </c>
      <c r="AD3929">
        <v>36437.277880000001</v>
      </c>
      <c r="AE3929">
        <v>45956.826930000003</v>
      </c>
      <c r="AF3929">
        <v>63395.742530000003</v>
      </c>
      <c r="AG3929">
        <v>29060.579129999998</v>
      </c>
      <c r="AH3929">
        <v>351991.56079999998</v>
      </c>
      <c r="AI3929">
        <v>90569.330050000004</v>
      </c>
      <c r="AJ3929">
        <v>26761.485430000001</v>
      </c>
      <c r="AK3929">
        <v>30649.56726</v>
      </c>
      <c r="AL3929">
        <v>101391.6906</v>
      </c>
      <c r="AM3929">
        <v>26030.491969999999</v>
      </c>
      <c r="AN3929">
        <v>110396.549</v>
      </c>
      <c r="AO3929">
        <v>32184.02794</v>
      </c>
      <c r="AP3929">
        <v>24782.716609999999</v>
      </c>
    </row>
    <row r="3930" spans="2:42" x14ac:dyDescent="0.3">
      <c r="B3930">
        <v>68.15470041265722</v>
      </c>
      <c r="C3930" s="83">
        <v>43264.666666666664</v>
      </c>
      <c r="D3930">
        <v>286803.07789999997</v>
      </c>
      <c r="E3930">
        <v>36554.322950000002</v>
      </c>
      <c r="F3930">
        <v>102350.9918</v>
      </c>
      <c r="G3930">
        <v>56033.009789999996</v>
      </c>
      <c r="H3930">
        <v>49122.2762</v>
      </c>
      <c r="I3930">
        <v>37697.416859999998</v>
      </c>
      <c r="J3930">
        <v>44995.411410000001</v>
      </c>
      <c r="K3930">
        <v>60871.699460000003</v>
      </c>
      <c r="L3930">
        <v>27681.737570000001</v>
      </c>
      <c r="M3930">
        <v>347484.4461</v>
      </c>
      <c r="N3930">
        <v>87676.485069999995</v>
      </c>
      <c r="O3930">
        <v>25304.51773</v>
      </c>
      <c r="P3930">
        <v>30399.927940000001</v>
      </c>
      <c r="Q3930">
        <v>100043.9149</v>
      </c>
      <c r="R3930">
        <v>25695.961149999999</v>
      </c>
      <c r="S3930">
        <v>107359.7726</v>
      </c>
      <c r="T3930">
        <v>31246.72741</v>
      </c>
      <c r="U3930">
        <v>22795.280790000001</v>
      </c>
      <c r="W3930" s="83">
        <f>Bühler!N3962</f>
        <v>45455.66666665714</v>
      </c>
      <c r="X3930" s="83">
        <v>43264.666666666664</v>
      </c>
      <c r="Y3930">
        <v>286803.07789999997</v>
      </c>
      <c r="Z3930">
        <v>36554.322950000002</v>
      </c>
      <c r="AA3930">
        <v>102350.9918</v>
      </c>
      <c r="AB3930">
        <v>56033.009789999996</v>
      </c>
      <c r="AC3930">
        <v>49122.2762</v>
      </c>
      <c r="AD3930">
        <v>37697.416859999998</v>
      </c>
      <c r="AE3930">
        <v>44995.411410000001</v>
      </c>
      <c r="AF3930">
        <v>60871.699460000003</v>
      </c>
      <c r="AG3930">
        <v>27681.737570000001</v>
      </c>
      <c r="AH3930">
        <v>347484.4461</v>
      </c>
      <c r="AI3930">
        <v>87676.485069999995</v>
      </c>
      <c r="AJ3930">
        <v>25304.51773</v>
      </c>
      <c r="AK3930">
        <v>30399.927940000001</v>
      </c>
      <c r="AL3930">
        <v>100043.9149</v>
      </c>
      <c r="AM3930">
        <v>25695.961149999999</v>
      </c>
      <c r="AN3930">
        <v>107359.7726</v>
      </c>
      <c r="AO3930">
        <v>31246.72741</v>
      </c>
      <c r="AP3930">
        <v>22795.280790000001</v>
      </c>
    </row>
    <row r="3931" spans="2:42" x14ac:dyDescent="0.3">
      <c r="B3931">
        <v>67.131925611323567</v>
      </c>
      <c r="C3931" s="83">
        <v>43264.708333333336</v>
      </c>
      <c r="D3931">
        <v>276573.16720000003</v>
      </c>
      <c r="E3931">
        <v>34674.204380000003</v>
      </c>
      <c r="F3931">
        <v>100593.04519999999</v>
      </c>
      <c r="G3931">
        <v>51844.369279999999</v>
      </c>
      <c r="H3931">
        <v>46634.99654</v>
      </c>
      <c r="I3931">
        <v>36867.69829</v>
      </c>
      <c r="J3931">
        <v>44508.902470000001</v>
      </c>
      <c r="K3931">
        <v>56296.564319999998</v>
      </c>
      <c r="L3931">
        <v>28005.61003</v>
      </c>
      <c r="M3931">
        <v>342269.86320000002</v>
      </c>
      <c r="N3931">
        <v>84319.196519999998</v>
      </c>
      <c r="O3931">
        <v>24185.61534</v>
      </c>
      <c r="P3931">
        <v>30931.3518</v>
      </c>
      <c r="Q3931">
        <v>98787.800929999998</v>
      </c>
      <c r="R3931">
        <v>25648.89817</v>
      </c>
      <c r="S3931">
        <v>103564.1588</v>
      </c>
      <c r="T3931">
        <v>31157.289779999999</v>
      </c>
      <c r="U3931">
        <v>19668.490430000002</v>
      </c>
      <c r="W3931" s="83">
        <f>Bühler!N3963</f>
        <v>45455.708333323804</v>
      </c>
      <c r="X3931" s="83">
        <v>43264.708333333336</v>
      </c>
      <c r="Y3931">
        <v>276573.16720000003</v>
      </c>
      <c r="Z3931">
        <v>34674.204380000003</v>
      </c>
      <c r="AA3931">
        <v>100593.04519999999</v>
      </c>
      <c r="AB3931">
        <v>51844.369279999999</v>
      </c>
      <c r="AC3931">
        <v>46634.99654</v>
      </c>
      <c r="AD3931">
        <v>36867.69829</v>
      </c>
      <c r="AE3931">
        <v>44508.902470000001</v>
      </c>
      <c r="AF3931">
        <v>56296.564319999998</v>
      </c>
      <c r="AG3931">
        <v>28005.61003</v>
      </c>
      <c r="AH3931">
        <v>342269.86320000002</v>
      </c>
      <c r="AI3931">
        <v>84319.196519999998</v>
      </c>
      <c r="AJ3931">
        <v>24185.61534</v>
      </c>
      <c r="AK3931">
        <v>30931.3518</v>
      </c>
      <c r="AL3931">
        <v>98787.800929999998</v>
      </c>
      <c r="AM3931">
        <v>25648.89817</v>
      </c>
      <c r="AN3931">
        <v>103564.1588</v>
      </c>
      <c r="AO3931">
        <v>31157.289779999999</v>
      </c>
      <c r="AP3931">
        <v>19668.490430000002</v>
      </c>
    </row>
    <row r="3932" spans="2:42" x14ac:dyDescent="0.3">
      <c r="B3932">
        <v>66.398331026375217</v>
      </c>
      <c r="C3932" s="83">
        <v>43264.75</v>
      </c>
      <c r="D3932">
        <v>270707.10029999999</v>
      </c>
      <c r="E3932">
        <v>31233.693340000002</v>
      </c>
      <c r="F3932">
        <v>98214.346609999993</v>
      </c>
      <c r="G3932">
        <v>46664.054680000001</v>
      </c>
      <c r="H3932">
        <v>44570.989730000001</v>
      </c>
      <c r="I3932">
        <v>35175.507530000003</v>
      </c>
      <c r="J3932">
        <v>43835.344299999997</v>
      </c>
      <c r="K3932">
        <v>54586.057699999998</v>
      </c>
      <c r="L3932">
        <v>28609.615259999999</v>
      </c>
      <c r="M3932">
        <v>338529.65590000001</v>
      </c>
      <c r="N3932">
        <v>82047.84792</v>
      </c>
      <c r="O3932">
        <v>22541.416819999999</v>
      </c>
      <c r="P3932">
        <v>34070.791720000001</v>
      </c>
      <c r="Q3932">
        <v>98193.902990000002</v>
      </c>
      <c r="R3932">
        <v>23677.55647</v>
      </c>
      <c r="S3932">
        <v>97523.754409999994</v>
      </c>
      <c r="T3932">
        <v>30422.38882</v>
      </c>
      <c r="U3932">
        <v>17483.75332</v>
      </c>
      <c r="W3932" s="83">
        <f>Bühler!N3964</f>
        <v>45455.749999990468</v>
      </c>
      <c r="X3932" s="83">
        <v>43264.75</v>
      </c>
      <c r="Y3932">
        <v>270707.10029999999</v>
      </c>
      <c r="Z3932">
        <v>31233.693340000002</v>
      </c>
      <c r="AA3932">
        <v>98214.346609999993</v>
      </c>
      <c r="AB3932">
        <v>46664.054680000001</v>
      </c>
      <c r="AC3932">
        <v>44570.989730000001</v>
      </c>
      <c r="AD3932">
        <v>35175.507530000003</v>
      </c>
      <c r="AE3932">
        <v>43835.344299999997</v>
      </c>
      <c r="AF3932">
        <v>54586.057699999998</v>
      </c>
      <c r="AG3932">
        <v>28609.615259999999</v>
      </c>
      <c r="AH3932">
        <v>338529.65590000001</v>
      </c>
      <c r="AI3932">
        <v>82047.84792</v>
      </c>
      <c r="AJ3932">
        <v>22541.416819999999</v>
      </c>
      <c r="AK3932">
        <v>34070.791720000001</v>
      </c>
      <c r="AL3932">
        <v>98193.902990000002</v>
      </c>
      <c r="AM3932">
        <v>23677.55647</v>
      </c>
      <c r="AN3932">
        <v>97523.754409999994</v>
      </c>
      <c r="AO3932">
        <v>30422.38882</v>
      </c>
      <c r="AP3932">
        <v>17483.75332</v>
      </c>
    </row>
    <row r="3933" spans="2:42" x14ac:dyDescent="0.3">
      <c r="B3933">
        <v>65.4843048688126</v>
      </c>
      <c r="C3933" s="83">
        <v>43264.791666666664</v>
      </c>
      <c r="D3933">
        <v>263865.64850000001</v>
      </c>
      <c r="E3933">
        <v>24985.24451</v>
      </c>
      <c r="F3933">
        <v>86640.552379999994</v>
      </c>
      <c r="G3933">
        <v>42270.053160000003</v>
      </c>
      <c r="H3933">
        <v>41885.847000000002</v>
      </c>
      <c r="I3933">
        <v>32893.669679999999</v>
      </c>
      <c r="J3933">
        <v>43976.055540000001</v>
      </c>
      <c r="K3933">
        <v>53836.025150000001</v>
      </c>
      <c r="L3933">
        <v>29396.014930000001</v>
      </c>
      <c r="M3933">
        <v>333869.52429999999</v>
      </c>
      <c r="N3933">
        <v>80858.753979999994</v>
      </c>
      <c r="O3933">
        <v>21316.237850000001</v>
      </c>
      <c r="P3933">
        <v>35688.877740000004</v>
      </c>
      <c r="Q3933">
        <v>95900.027359999993</v>
      </c>
      <c r="R3933">
        <v>22224.863720000001</v>
      </c>
      <c r="S3933">
        <v>92266.990839999999</v>
      </c>
      <c r="T3933">
        <v>30311.31883</v>
      </c>
      <c r="U3933">
        <v>16439.60815</v>
      </c>
      <c r="W3933" s="83">
        <f>Bühler!N3965</f>
        <v>45455.791666657133</v>
      </c>
      <c r="X3933" s="83">
        <v>43264.791666666664</v>
      </c>
      <c r="Y3933">
        <v>263865.64850000001</v>
      </c>
      <c r="Z3933">
        <v>24985.24451</v>
      </c>
      <c r="AA3933">
        <v>86640.552379999994</v>
      </c>
      <c r="AB3933">
        <v>42270.053160000003</v>
      </c>
      <c r="AC3933">
        <v>41885.847000000002</v>
      </c>
      <c r="AD3933">
        <v>32893.669679999999</v>
      </c>
      <c r="AE3933">
        <v>43976.055540000001</v>
      </c>
      <c r="AF3933">
        <v>53836.025150000001</v>
      </c>
      <c r="AG3933">
        <v>29396.014930000001</v>
      </c>
      <c r="AH3933">
        <v>333869.52429999999</v>
      </c>
      <c r="AI3933">
        <v>80858.753979999994</v>
      </c>
      <c r="AJ3933">
        <v>21316.237850000001</v>
      </c>
      <c r="AK3933">
        <v>35688.877740000004</v>
      </c>
      <c r="AL3933">
        <v>95900.027359999993</v>
      </c>
      <c r="AM3933">
        <v>22224.863720000001</v>
      </c>
      <c r="AN3933">
        <v>92266.990839999999</v>
      </c>
      <c r="AO3933">
        <v>30311.31883</v>
      </c>
      <c r="AP3933">
        <v>16439.60815</v>
      </c>
    </row>
    <row r="3934" spans="2:42" x14ac:dyDescent="0.3">
      <c r="B3934">
        <v>63.132325215378131</v>
      </c>
      <c r="C3934" s="83">
        <v>43264.833333333336</v>
      </c>
      <c r="D3934">
        <v>252169.5907</v>
      </c>
      <c r="E3934">
        <v>18576.63594</v>
      </c>
      <c r="F3934">
        <v>68961.842260000005</v>
      </c>
      <c r="G3934">
        <v>37666.66029</v>
      </c>
      <c r="H3934">
        <v>38859.229939999997</v>
      </c>
      <c r="I3934">
        <v>29059.613600000001</v>
      </c>
      <c r="J3934">
        <v>42665.25157</v>
      </c>
      <c r="K3934">
        <v>53764.338250000001</v>
      </c>
      <c r="L3934">
        <v>28079.7336</v>
      </c>
      <c r="M3934">
        <v>321878.03519999998</v>
      </c>
      <c r="N3934">
        <v>78535.044670000003</v>
      </c>
      <c r="O3934">
        <v>20262.806390000002</v>
      </c>
      <c r="P3934">
        <v>35982.283710000003</v>
      </c>
      <c r="Q3934">
        <v>93103.453309999997</v>
      </c>
      <c r="R3934">
        <v>20287.744439999999</v>
      </c>
      <c r="S3934">
        <v>84142.670140000002</v>
      </c>
      <c r="T3934">
        <v>28929.906749999998</v>
      </c>
      <c r="U3934">
        <v>15054.531559999999</v>
      </c>
      <c r="W3934" s="83">
        <f>Bühler!N3966</f>
        <v>45455.833333323797</v>
      </c>
      <c r="X3934" s="83">
        <v>43264.833333333336</v>
      </c>
      <c r="Y3934">
        <v>252169.5907</v>
      </c>
      <c r="Z3934">
        <v>18576.63594</v>
      </c>
      <c r="AA3934">
        <v>68961.842260000005</v>
      </c>
      <c r="AB3934">
        <v>37666.66029</v>
      </c>
      <c r="AC3934">
        <v>38859.229939999997</v>
      </c>
      <c r="AD3934">
        <v>29059.613600000001</v>
      </c>
      <c r="AE3934">
        <v>42665.25157</v>
      </c>
      <c r="AF3934">
        <v>53764.338250000001</v>
      </c>
      <c r="AG3934">
        <v>28079.7336</v>
      </c>
      <c r="AH3934">
        <v>321878.03519999998</v>
      </c>
      <c r="AI3934">
        <v>78535.044670000003</v>
      </c>
      <c r="AJ3934">
        <v>20262.806390000002</v>
      </c>
      <c r="AK3934">
        <v>35982.283710000003</v>
      </c>
      <c r="AL3934">
        <v>93103.453309999997</v>
      </c>
      <c r="AM3934">
        <v>20287.744439999999</v>
      </c>
      <c r="AN3934">
        <v>84142.670140000002</v>
      </c>
      <c r="AO3934">
        <v>28929.906749999998</v>
      </c>
      <c r="AP3934">
        <v>15054.531559999999</v>
      </c>
    </row>
    <row r="3935" spans="2:42" x14ac:dyDescent="0.3">
      <c r="B3935">
        <v>61.038751072863384</v>
      </c>
      <c r="C3935" s="83">
        <v>43264.875</v>
      </c>
      <c r="D3935">
        <v>245322.69810000001</v>
      </c>
      <c r="E3935">
        <v>15514.561400000001</v>
      </c>
      <c r="F3935">
        <v>60256.219040000004</v>
      </c>
      <c r="G3935">
        <v>36093.113550000002</v>
      </c>
      <c r="H3935">
        <v>36964.675710000003</v>
      </c>
      <c r="I3935">
        <v>25336.98949</v>
      </c>
      <c r="J3935">
        <v>40898.30672</v>
      </c>
      <c r="K3935">
        <v>51912.136530000003</v>
      </c>
      <c r="L3935">
        <v>27055.621729999999</v>
      </c>
      <c r="M3935">
        <v>311204.01789999998</v>
      </c>
      <c r="N3935">
        <v>76029.637119999999</v>
      </c>
      <c r="O3935">
        <v>18507.539479999999</v>
      </c>
      <c r="P3935">
        <v>35367.856460000003</v>
      </c>
      <c r="Q3935">
        <v>90257.934139999998</v>
      </c>
      <c r="R3935">
        <v>20082.740119999999</v>
      </c>
      <c r="S3935">
        <v>80169.666360000003</v>
      </c>
      <c r="T3935">
        <v>27029.717850000001</v>
      </c>
      <c r="U3935">
        <v>14104.568509999999</v>
      </c>
      <c r="W3935" s="83">
        <f>Bühler!N3967</f>
        <v>45455.874999990461</v>
      </c>
      <c r="X3935" s="83">
        <v>43264.875</v>
      </c>
      <c r="Y3935">
        <v>245322.69810000001</v>
      </c>
      <c r="Z3935">
        <v>15514.561400000001</v>
      </c>
      <c r="AA3935">
        <v>60256.219040000004</v>
      </c>
      <c r="AB3935">
        <v>36093.113550000002</v>
      </c>
      <c r="AC3935">
        <v>36964.675710000003</v>
      </c>
      <c r="AD3935">
        <v>25336.98949</v>
      </c>
      <c r="AE3935">
        <v>40898.30672</v>
      </c>
      <c r="AF3935">
        <v>51912.136530000003</v>
      </c>
      <c r="AG3935">
        <v>27055.621729999999</v>
      </c>
      <c r="AH3935">
        <v>311204.01789999998</v>
      </c>
      <c r="AI3935">
        <v>76029.637119999999</v>
      </c>
      <c r="AJ3935">
        <v>18507.539479999999</v>
      </c>
      <c r="AK3935">
        <v>35367.856460000003</v>
      </c>
      <c r="AL3935">
        <v>90257.934139999998</v>
      </c>
      <c r="AM3935">
        <v>20082.740119999999</v>
      </c>
      <c r="AN3935">
        <v>80169.666360000003</v>
      </c>
      <c r="AO3935">
        <v>27029.717850000001</v>
      </c>
      <c r="AP3935">
        <v>14104.568509999999</v>
      </c>
    </row>
    <row r="3936" spans="2:42" x14ac:dyDescent="0.3">
      <c r="B3936">
        <v>60.890472227952934</v>
      </c>
      <c r="C3936" s="83">
        <v>43264.916666666664</v>
      </c>
      <c r="D3936">
        <v>245803.5876</v>
      </c>
      <c r="E3936">
        <v>14846.76252</v>
      </c>
      <c r="F3936">
        <v>57329.880920000003</v>
      </c>
      <c r="G3936">
        <v>35667.604899999998</v>
      </c>
      <c r="H3936">
        <v>38109.410360000002</v>
      </c>
      <c r="I3936">
        <v>23909.696220000002</v>
      </c>
      <c r="J3936">
        <v>41325.894119999997</v>
      </c>
      <c r="K3936">
        <v>54964.000050000002</v>
      </c>
      <c r="L3936">
        <v>24754.129209999999</v>
      </c>
      <c r="M3936">
        <v>310448.0232</v>
      </c>
      <c r="N3936">
        <v>75733.317580000003</v>
      </c>
      <c r="O3936">
        <v>17958.23</v>
      </c>
      <c r="P3936">
        <v>36856.263579999999</v>
      </c>
      <c r="Q3936">
        <v>89312.935719999994</v>
      </c>
      <c r="R3936">
        <v>21332.397789999999</v>
      </c>
      <c r="S3936">
        <v>79800.762000000002</v>
      </c>
      <c r="T3936">
        <v>23750.356759999999</v>
      </c>
      <c r="U3936">
        <v>14556.65595</v>
      </c>
      <c r="W3936" s="83">
        <f>Bühler!N3968</f>
        <v>45455.916666657125</v>
      </c>
      <c r="X3936" s="83">
        <v>43264.916666666664</v>
      </c>
      <c r="Y3936">
        <v>245803.5876</v>
      </c>
      <c r="Z3936">
        <v>14846.76252</v>
      </c>
      <c r="AA3936">
        <v>57329.880920000003</v>
      </c>
      <c r="AB3936">
        <v>35667.604899999998</v>
      </c>
      <c r="AC3936">
        <v>38109.410360000002</v>
      </c>
      <c r="AD3936">
        <v>23909.696220000002</v>
      </c>
      <c r="AE3936">
        <v>41325.894119999997</v>
      </c>
      <c r="AF3936">
        <v>54964.000050000002</v>
      </c>
      <c r="AG3936">
        <v>24754.129209999999</v>
      </c>
      <c r="AH3936">
        <v>310448.0232</v>
      </c>
      <c r="AI3936">
        <v>75733.317580000003</v>
      </c>
      <c r="AJ3936">
        <v>17958.23</v>
      </c>
      <c r="AK3936">
        <v>36856.263579999999</v>
      </c>
      <c r="AL3936">
        <v>89312.935719999994</v>
      </c>
      <c r="AM3936">
        <v>21332.397789999999</v>
      </c>
      <c r="AN3936">
        <v>79800.762000000002</v>
      </c>
      <c r="AO3936">
        <v>23750.356759999999</v>
      </c>
      <c r="AP3936">
        <v>14556.65595</v>
      </c>
    </row>
    <row r="3937" spans="2:42" x14ac:dyDescent="0.3">
      <c r="B3937">
        <v>61.162371384880245</v>
      </c>
      <c r="C3937" s="83">
        <v>43264.958333333336</v>
      </c>
      <c r="D3937">
        <v>245777.23139999999</v>
      </c>
      <c r="E3937">
        <v>14120.011409999999</v>
      </c>
      <c r="F3937">
        <v>55372.886930000001</v>
      </c>
      <c r="G3937">
        <v>35186.203759999997</v>
      </c>
      <c r="H3937">
        <v>37019.508040000001</v>
      </c>
      <c r="I3937">
        <v>22805.174340000001</v>
      </c>
      <c r="J3937">
        <v>37604.342389999998</v>
      </c>
      <c r="K3937">
        <v>54427.968699999998</v>
      </c>
      <c r="L3937">
        <v>21098.024809999999</v>
      </c>
      <c r="M3937">
        <v>311834.29190000001</v>
      </c>
      <c r="N3937">
        <v>75046.183529999995</v>
      </c>
      <c r="O3937">
        <v>17529.158459999999</v>
      </c>
      <c r="P3937">
        <v>31702.666020000001</v>
      </c>
      <c r="Q3937">
        <v>88484.710949999993</v>
      </c>
      <c r="R3937">
        <v>21551.917539999999</v>
      </c>
      <c r="S3937">
        <v>78063.696979999993</v>
      </c>
      <c r="T3937">
        <v>21631.916310000001</v>
      </c>
      <c r="U3937">
        <v>14338.30199</v>
      </c>
      <c r="W3937" s="83">
        <f>Bühler!N3969</f>
        <v>45455.95833332379</v>
      </c>
      <c r="X3937" s="83">
        <v>43264.958333333336</v>
      </c>
      <c r="Y3937">
        <v>245777.23139999999</v>
      </c>
      <c r="Z3937">
        <v>14120.011409999999</v>
      </c>
      <c r="AA3937">
        <v>55372.886930000001</v>
      </c>
      <c r="AB3937">
        <v>35186.203759999997</v>
      </c>
      <c r="AC3937">
        <v>37019.508040000001</v>
      </c>
      <c r="AD3937">
        <v>22805.174340000001</v>
      </c>
      <c r="AE3937">
        <v>37604.342389999998</v>
      </c>
      <c r="AF3937">
        <v>54427.968699999998</v>
      </c>
      <c r="AG3937">
        <v>21098.024809999999</v>
      </c>
      <c r="AH3937">
        <v>311834.29190000001</v>
      </c>
      <c r="AI3937">
        <v>75046.183529999995</v>
      </c>
      <c r="AJ3937">
        <v>17529.158459999999</v>
      </c>
      <c r="AK3937">
        <v>31702.666020000001</v>
      </c>
      <c r="AL3937">
        <v>88484.710949999993</v>
      </c>
      <c r="AM3937">
        <v>21551.917539999999</v>
      </c>
      <c r="AN3937">
        <v>78063.696979999993</v>
      </c>
      <c r="AO3937">
        <v>21631.916310000001</v>
      </c>
      <c r="AP3937">
        <v>14338.30199</v>
      </c>
    </row>
    <row r="3938" spans="2:42" x14ac:dyDescent="0.3">
      <c r="B3938">
        <v>60.620278073945514</v>
      </c>
      <c r="C3938" s="83">
        <v>43265</v>
      </c>
      <c r="D3938">
        <v>244548.03810000001</v>
      </c>
      <c r="E3938">
        <v>13552.19016</v>
      </c>
      <c r="F3938">
        <v>54279.297149999999</v>
      </c>
      <c r="G3938">
        <v>33977.986089999999</v>
      </c>
      <c r="H3938">
        <v>35805.682760000003</v>
      </c>
      <c r="I3938">
        <v>20680.363529999999</v>
      </c>
      <c r="J3938">
        <v>35003.277849999999</v>
      </c>
      <c r="K3938">
        <v>51837.174129999999</v>
      </c>
      <c r="L3938">
        <v>18886.42887</v>
      </c>
      <c r="M3938">
        <v>309070.4474</v>
      </c>
      <c r="N3938">
        <v>74127.883409999995</v>
      </c>
      <c r="O3938">
        <v>18138.506280000001</v>
      </c>
      <c r="P3938">
        <v>28608.48847</v>
      </c>
      <c r="Q3938">
        <v>87371.284150000007</v>
      </c>
      <c r="R3938">
        <v>17472.49252</v>
      </c>
      <c r="S3938">
        <v>76013.477679999996</v>
      </c>
      <c r="T3938">
        <v>19897.45839</v>
      </c>
      <c r="U3938">
        <v>14122.88774</v>
      </c>
      <c r="W3938" s="83">
        <f>Bühler!N3970</f>
        <v>45455.999999990454</v>
      </c>
      <c r="X3938" s="83">
        <v>43265</v>
      </c>
      <c r="Y3938">
        <v>244548.03810000001</v>
      </c>
      <c r="Z3938">
        <v>13552.19016</v>
      </c>
      <c r="AA3938">
        <v>54279.297149999999</v>
      </c>
      <c r="AB3938">
        <v>33977.986089999999</v>
      </c>
      <c r="AC3938">
        <v>35805.682760000003</v>
      </c>
      <c r="AD3938">
        <v>20680.363529999999</v>
      </c>
      <c r="AE3938">
        <v>35003.277849999999</v>
      </c>
      <c r="AF3938">
        <v>51837.174129999999</v>
      </c>
      <c r="AG3938">
        <v>18886.42887</v>
      </c>
      <c r="AH3938">
        <v>309070.4474</v>
      </c>
      <c r="AI3938">
        <v>74127.883409999995</v>
      </c>
      <c r="AJ3938">
        <v>18138.506280000001</v>
      </c>
      <c r="AK3938">
        <v>28608.48847</v>
      </c>
      <c r="AL3938">
        <v>87371.284150000007</v>
      </c>
      <c r="AM3938">
        <v>17472.49252</v>
      </c>
      <c r="AN3938">
        <v>76013.477679999996</v>
      </c>
      <c r="AO3938">
        <v>19897.45839</v>
      </c>
      <c r="AP3938">
        <v>14122.88774</v>
      </c>
    </row>
    <row r="3939" spans="2:42" x14ac:dyDescent="0.3">
      <c r="B3939">
        <v>60.044838735284571</v>
      </c>
      <c r="C3939" s="83">
        <v>43265.041666666664</v>
      </c>
      <c r="D3939">
        <v>242776.75930000001</v>
      </c>
      <c r="E3939">
        <v>13234.924199999999</v>
      </c>
      <c r="F3939">
        <v>53473.709410000003</v>
      </c>
      <c r="G3939">
        <v>33109.817600000002</v>
      </c>
      <c r="H3939">
        <v>34863.621740000002</v>
      </c>
      <c r="I3939">
        <v>16253.63077</v>
      </c>
      <c r="J3939">
        <v>33313.372600000002</v>
      </c>
      <c r="K3939">
        <v>49767.86666</v>
      </c>
      <c r="L3939">
        <v>17465.431670000002</v>
      </c>
      <c r="M3939">
        <v>306136.58929999999</v>
      </c>
      <c r="N3939">
        <v>72460.410569999993</v>
      </c>
      <c r="O3939">
        <v>17277.481759999999</v>
      </c>
      <c r="P3939">
        <v>26277.81941</v>
      </c>
      <c r="Q3939">
        <v>87197.619829999996</v>
      </c>
      <c r="R3939">
        <v>15696.76981</v>
      </c>
      <c r="S3939">
        <v>74701.646529999998</v>
      </c>
      <c r="T3939">
        <v>19149.61102</v>
      </c>
      <c r="U3939">
        <v>13647.36802</v>
      </c>
      <c r="W3939" s="83">
        <f>Bühler!N3971</f>
        <v>45456.041666657118</v>
      </c>
      <c r="X3939" s="83">
        <v>43265.041666666664</v>
      </c>
      <c r="Y3939">
        <v>242776.75930000001</v>
      </c>
      <c r="Z3939">
        <v>13234.924199999999</v>
      </c>
      <c r="AA3939">
        <v>53473.709410000003</v>
      </c>
      <c r="AB3939">
        <v>33109.817600000002</v>
      </c>
      <c r="AC3939">
        <v>34863.621740000002</v>
      </c>
      <c r="AD3939">
        <v>16253.63077</v>
      </c>
      <c r="AE3939">
        <v>33313.372600000002</v>
      </c>
      <c r="AF3939">
        <v>49767.86666</v>
      </c>
      <c r="AG3939">
        <v>17465.431670000002</v>
      </c>
      <c r="AH3939">
        <v>306136.58929999999</v>
      </c>
      <c r="AI3939">
        <v>72460.410569999993</v>
      </c>
      <c r="AJ3939">
        <v>17277.481759999999</v>
      </c>
      <c r="AK3939">
        <v>26277.81941</v>
      </c>
      <c r="AL3939">
        <v>87197.619829999996</v>
      </c>
      <c r="AM3939">
        <v>15696.76981</v>
      </c>
      <c r="AN3939">
        <v>74701.646529999998</v>
      </c>
      <c r="AO3939">
        <v>19149.61102</v>
      </c>
      <c r="AP3939">
        <v>13647.36802</v>
      </c>
    </row>
    <row r="3940" spans="2:42" x14ac:dyDescent="0.3">
      <c r="B3940">
        <v>59.9247206921467</v>
      </c>
      <c r="C3940" s="83">
        <v>43265.083333333336</v>
      </c>
      <c r="D3940">
        <v>242407.829</v>
      </c>
      <c r="E3940">
        <v>12981.47184</v>
      </c>
      <c r="F3940">
        <v>54484.891889999999</v>
      </c>
      <c r="G3940">
        <v>32241.38927</v>
      </c>
      <c r="H3940">
        <v>34394.42858</v>
      </c>
      <c r="I3940">
        <v>14557.458350000001</v>
      </c>
      <c r="J3940">
        <v>32589.22782</v>
      </c>
      <c r="K3940">
        <v>48173.16373</v>
      </c>
      <c r="L3940">
        <v>16791.0429</v>
      </c>
      <c r="M3940">
        <v>305524.1715</v>
      </c>
      <c r="N3940">
        <v>70948.058699999994</v>
      </c>
      <c r="O3940">
        <v>17007.89632</v>
      </c>
      <c r="P3940">
        <v>25620.6505</v>
      </c>
      <c r="Q3940">
        <v>89610.657609999995</v>
      </c>
      <c r="R3940">
        <v>15742.195170000001</v>
      </c>
      <c r="S3940">
        <v>73477.812170000005</v>
      </c>
      <c r="T3940">
        <v>18437.023280000001</v>
      </c>
      <c r="U3940">
        <v>13401.19377</v>
      </c>
      <c r="W3940" s="83">
        <f>Bühler!N3972</f>
        <v>45456.083333323782</v>
      </c>
      <c r="X3940" s="83">
        <v>43265.083333333336</v>
      </c>
      <c r="Y3940">
        <v>242407.829</v>
      </c>
      <c r="Z3940">
        <v>12981.47184</v>
      </c>
      <c r="AA3940">
        <v>54484.891889999999</v>
      </c>
      <c r="AB3940">
        <v>32241.38927</v>
      </c>
      <c r="AC3940">
        <v>34394.42858</v>
      </c>
      <c r="AD3940">
        <v>14557.458350000001</v>
      </c>
      <c r="AE3940">
        <v>32589.22782</v>
      </c>
      <c r="AF3940">
        <v>48173.16373</v>
      </c>
      <c r="AG3940">
        <v>16791.0429</v>
      </c>
      <c r="AH3940">
        <v>305524.1715</v>
      </c>
      <c r="AI3940">
        <v>70948.058699999994</v>
      </c>
      <c r="AJ3940">
        <v>17007.89632</v>
      </c>
      <c r="AK3940">
        <v>25620.6505</v>
      </c>
      <c r="AL3940">
        <v>89610.657609999995</v>
      </c>
      <c r="AM3940">
        <v>15742.195170000001</v>
      </c>
      <c r="AN3940">
        <v>73477.812170000005</v>
      </c>
      <c r="AO3940">
        <v>18437.023280000001</v>
      </c>
      <c r="AP3940">
        <v>13401.19377</v>
      </c>
    </row>
    <row r="3941" spans="2:42" x14ac:dyDescent="0.3">
      <c r="B3941">
        <v>60.700597031164108</v>
      </c>
      <c r="C3941" s="83">
        <v>43265.125</v>
      </c>
      <c r="D3941">
        <v>243256.39120000001</v>
      </c>
      <c r="E3941">
        <v>12925.85756</v>
      </c>
      <c r="F3941">
        <v>55567.183360000003</v>
      </c>
      <c r="G3941">
        <v>31560.677500000002</v>
      </c>
      <c r="H3941">
        <v>34172.354930000001</v>
      </c>
      <c r="I3941">
        <v>14280.060009999999</v>
      </c>
      <c r="J3941">
        <v>32678.85442</v>
      </c>
      <c r="K3941">
        <v>47293.309869999997</v>
      </c>
      <c r="L3941">
        <v>15991.03289</v>
      </c>
      <c r="M3941">
        <v>309479.9509</v>
      </c>
      <c r="N3941">
        <v>69143.085720000003</v>
      </c>
      <c r="O3941">
        <v>16985.505010000001</v>
      </c>
      <c r="P3941">
        <v>24972.878140000001</v>
      </c>
      <c r="Q3941">
        <v>92914.15165</v>
      </c>
      <c r="R3941">
        <v>15440.912120000001</v>
      </c>
      <c r="S3941">
        <v>72803.281919999994</v>
      </c>
      <c r="T3941">
        <v>18197.62543</v>
      </c>
      <c r="U3941">
        <v>13160.53004</v>
      </c>
      <c r="W3941" s="83">
        <f>Bühler!N3973</f>
        <v>45456.124999990447</v>
      </c>
      <c r="X3941" s="83">
        <v>43265.125</v>
      </c>
      <c r="Y3941">
        <v>243256.39120000001</v>
      </c>
      <c r="Z3941">
        <v>12925.85756</v>
      </c>
      <c r="AA3941">
        <v>55567.183360000003</v>
      </c>
      <c r="AB3941">
        <v>31560.677500000002</v>
      </c>
      <c r="AC3941">
        <v>34172.354930000001</v>
      </c>
      <c r="AD3941">
        <v>14280.060009999999</v>
      </c>
      <c r="AE3941">
        <v>32678.85442</v>
      </c>
      <c r="AF3941">
        <v>47293.309869999997</v>
      </c>
      <c r="AG3941">
        <v>15991.03289</v>
      </c>
      <c r="AH3941">
        <v>309479.9509</v>
      </c>
      <c r="AI3941">
        <v>69143.085720000003</v>
      </c>
      <c r="AJ3941">
        <v>16985.505010000001</v>
      </c>
      <c r="AK3941">
        <v>24972.878140000001</v>
      </c>
      <c r="AL3941">
        <v>92914.15165</v>
      </c>
      <c r="AM3941">
        <v>15440.912120000001</v>
      </c>
      <c r="AN3941">
        <v>72803.281919999994</v>
      </c>
      <c r="AO3941">
        <v>18197.62543</v>
      </c>
      <c r="AP3941">
        <v>13160.53004</v>
      </c>
    </row>
    <row r="3942" spans="2:42" x14ac:dyDescent="0.3">
      <c r="B3942">
        <v>61.615171922367864</v>
      </c>
      <c r="C3942" s="83">
        <v>43265.166666666664</v>
      </c>
      <c r="D3942">
        <v>244761.77069999999</v>
      </c>
      <c r="E3942">
        <v>13391.76499</v>
      </c>
      <c r="F3942">
        <v>58110.109179999999</v>
      </c>
      <c r="G3942">
        <v>30716.872360000001</v>
      </c>
      <c r="H3942">
        <v>34513.956709999999</v>
      </c>
      <c r="I3942">
        <v>15652.33959</v>
      </c>
      <c r="J3942">
        <v>35055.677680000001</v>
      </c>
      <c r="K3942">
        <v>47178.472139999998</v>
      </c>
      <c r="L3942">
        <v>15959.217689999999</v>
      </c>
      <c r="M3942">
        <v>314142.88020000001</v>
      </c>
      <c r="N3942">
        <v>67863.663570000004</v>
      </c>
      <c r="O3942">
        <v>16575.44514</v>
      </c>
      <c r="P3942">
        <v>23445.710709999999</v>
      </c>
      <c r="Q3942">
        <v>96158.472399999999</v>
      </c>
      <c r="R3942">
        <v>14946.1998</v>
      </c>
      <c r="S3942">
        <v>72627.080879999994</v>
      </c>
      <c r="T3942">
        <v>18085.768980000001</v>
      </c>
      <c r="U3942">
        <v>13307.315039999999</v>
      </c>
      <c r="W3942" s="83">
        <f>Bühler!N3974</f>
        <v>45456.166666657111</v>
      </c>
      <c r="X3942" s="83">
        <v>43265.166666666664</v>
      </c>
      <c r="Y3942">
        <v>244761.77069999999</v>
      </c>
      <c r="Z3942">
        <v>13391.76499</v>
      </c>
      <c r="AA3942">
        <v>58110.109179999999</v>
      </c>
      <c r="AB3942">
        <v>30716.872360000001</v>
      </c>
      <c r="AC3942">
        <v>34513.956709999999</v>
      </c>
      <c r="AD3942">
        <v>15652.33959</v>
      </c>
      <c r="AE3942">
        <v>35055.677680000001</v>
      </c>
      <c r="AF3942">
        <v>47178.472139999998</v>
      </c>
      <c r="AG3942">
        <v>15959.217689999999</v>
      </c>
      <c r="AH3942">
        <v>314142.88020000001</v>
      </c>
      <c r="AI3942">
        <v>67863.663570000004</v>
      </c>
      <c r="AJ3942">
        <v>16575.44514</v>
      </c>
      <c r="AK3942">
        <v>23445.710709999999</v>
      </c>
      <c r="AL3942">
        <v>96158.472399999999</v>
      </c>
      <c r="AM3942">
        <v>14946.1998</v>
      </c>
      <c r="AN3942">
        <v>72627.080879999994</v>
      </c>
      <c r="AO3942">
        <v>18085.768980000001</v>
      </c>
      <c r="AP3942">
        <v>13307.315039999999</v>
      </c>
    </row>
    <row r="3943" spans="2:42" x14ac:dyDescent="0.3">
      <c r="B3943">
        <v>64.268170803363077</v>
      </c>
      <c r="C3943" s="83">
        <v>43265.208333333336</v>
      </c>
      <c r="D3943">
        <v>259344.9007</v>
      </c>
      <c r="E3943">
        <v>15017.199420000001</v>
      </c>
      <c r="F3943">
        <v>68483.312099999996</v>
      </c>
      <c r="G3943">
        <v>32027.61348</v>
      </c>
      <c r="H3943">
        <v>35590.10701</v>
      </c>
      <c r="I3943">
        <v>21739.769520000002</v>
      </c>
      <c r="J3943">
        <v>37776.239800000003</v>
      </c>
      <c r="K3943">
        <v>47874.630819999998</v>
      </c>
      <c r="L3943">
        <v>16670.125530000001</v>
      </c>
      <c r="M3943">
        <v>327669.10570000001</v>
      </c>
      <c r="N3943">
        <v>68522.141050000006</v>
      </c>
      <c r="O3943">
        <v>17166.20392</v>
      </c>
      <c r="P3943">
        <v>25451.107650000002</v>
      </c>
      <c r="Q3943">
        <v>99162.384900000005</v>
      </c>
      <c r="R3943">
        <v>17248.90868</v>
      </c>
      <c r="S3943">
        <v>74921.26784</v>
      </c>
      <c r="T3943">
        <v>20176.194820000001</v>
      </c>
      <c r="U3943">
        <v>14443.495919999999</v>
      </c>
      <c r="W3943" s="83">
        <f>Bühler!N3975</f>
        <v>45456.208333323775</v>
      </c>
      <c r="X3943" s="83">
        <v>43265.208333333336</v>
      </c>
      <c r="Y3943">
        <v>259344.9007</v>
      </c>
      <c r="Z3943">
        <v>15017.199420000001</v>
      </c>
      <c r="AA3943">
        <v>68483.312099999996</v>
      </c>
      <c r="AB3943">
        <v>32027.61348</v>
      </c>
      <c r="AC3943">
        <v>35590.10701</v>
      </c>
      <c r="AD3943">
        <v>21739.769520000002</v>
      </c>
      <c r="AE3943">
        <v>37776.239800000003</v>
      </c>
      <c r="AF3943">
        <v>47874.630819999998</v>
      </c>
      <c r="AG3943">
        <v>16670.125530000001</v>
      </c>
      <c r="AH3943">
        <v>327669.10570000001</v>
      </c>
      <c r="AI3943">
        <v>68522.141050000006</v>
      </c>
      <c r="AJ3943">
        <v>17166.20392</v>
      </c>
      <c r="AK3943">
        <v>25451.107650000002</v>
      </c>
      <c r="AL3943">
        <v>99162.384900000005</v>
      </c>
      <c r="AM3943">
        <v>17248.90868</v>
      </c>
      <c r="AN3943">
        <v>74921.26784</v>
      </c>
      <c r="AO3943">
        <v>20176.194820000001</v>
      </c>
      <c r="AP3943">
        <v>14443.495919999999</v>
      </c>
    </row>
    <row r="3944" spans="2:42" x14ac:dyDescent="0.3">
      <c r="B3944">
        <v>67.718939175652011</v>
      </c>
      <c r="C3944" s="83">
        <v>43265.25</v>
      </c>
      <c r="D3944">
        <v>273160.7648</v>
      </c>
      <c r="E3944">
        <v>18584.653630000001</v>
      </c>
      <c r="F3944">
        <v>79009.624689999997</v>
      </c>
      <c r="G3944">
        <v>41797.975680000003</v>
      </c>
      <c r="H3944">
        <v>37570.531900000002</v>
      </c>
      <c r="I3944">
        <v>27734.188129999999</v>
      </c>
      <c r="J3944">
        <v>39928.151299999998</v>
      </c>
      <c r="K3944">
        <v>49729.536919999999</v>
      </c>
      <c r="L3944">
        <v>18085.511279999999</v>
      </c>
      <c r="M3944">
        <v>345262.73210000002</v>
      </c>
      <c r="N3944">
        <v>71160.697629999995</v>
      </c>
      <c r="O3944">
        <v>18332.489109999999</v>
      </c>
      <c r="P3944">
        <v>26346.769059999999</v>
      </c>
      <c r="Q3944">
        <v>100522.99860000001</v>
      </c>
      <c r="R3944">
        <v>16547.528259999999</v>
      </c>
      <c r="S3944">
        <v>82017.081380000003</v>
      </c>
      <c r="T3944">
        <v>21925.949659999998</v>
      </c>
      <c r="U3944">
        <v>16042.61011</v>
      </c>
      <c r="W3944" s="83">
        <f>Bühler!N3976</f>
        <v>45456.249999990439</v>
      </c>
      <c r="X3944" s="83">
        <v>43265.25</v>
      </c>
      <c r="Y3944">
        <v>273160.7648</v>
      </c>
      <c r="Z3944">
        <v>18584.653630000001</v>
      </c>
      <c r="AA3944">
        <v>79009.624689999997</v>
      </c>
      <c r="AB3944">
        <v>41797.975680000003</v>
      </c>
      <c r="AC3944">
        <v>37570.531900000002</v>
      </c>
      <c r="AD3944">
        <v>27734.188129999999</v>
      </c>
      <c r="AE3944">
        <v>39928.151299999998</v>
      </c>
      <c r="AF3944">
        <v>49729.536919999999</v>
      </c>
      <c r="AG3944">
        <v>18085.511279999999</v>
      </c>
      <c r="AH3944">
        <v>345262.73210000002</v>
      </c>
      <c r="AI3944">
        <v>71160.697629999995</v>
      </c>
      <c r="AJ3944">
        <v>18332.489109999999</v>
      </c>
      <c r="AK3944">
        <v>26346.769059999999</v>
      </c>
      <c r="AL3944">
        <v>100522.99860000001</v>
      </c>
      <c r="AM3944">
        <v>16547.528259999999</v>
      </c>
      <c r="AN3944">
        <v>82017.081380000003</v>
      </c>
      <c r="AO3944">
        <v>21925.949659999998</v>
      </c>
      <c r="AP3944">
        <v>16042.61011</v>
      </c>
    </row>
    <row r="3945" spans="2:42" x14ac:dyDescent="0.3">
      <c r="B3945">
        <v>70.077346801304373</v>
      </c>
      <c r="C3945" s="83">
        <v>43265.291666666664</v>
      </c>
      <c r="D3945">
        <v>285969.7427</v>
      </c>
      <c r="E3945">
        <v>23117.408739999999</v>
      </c>
      <c r="F3945">
        <v>83496.679560000004</v>
      </c>
      <c r="G3945">
        <v>51211.697549999997</v>
      </c>
      <c r="H3945">
        <v>43089.453229999999</v>
      </c>
      <c r="I3945">
        <v>34802.277909999997</v>
      </c>
      <c r="J3945">
        <v>41464.681360000002</v>
      </c>
      <c r="K3945">
        <v>54630.0942</v>
      </c>
      <c r="L3945">
        <v>21249.73935</v>
      </c>
      <c r="M3945">
        <v>357286.99400000001</v>
      </c>
      <c r="N3945">
        <v>77329.482860000004</v>
      </c>
      <c r="O3945">
        <v>20909.99049</v>
      </c>
      <c r="P3945">
        <v>30109.689559999999</v>
      </c>
      <c r="Q3945">
        <v>100135.8168</v>
      </c>
      <c r="R3945">
        <v>18337.50274</v>
      </c>
      <c r="S3945">
        <v>96153.849159999998</v>
      </c>
      <c r="T3945">
        <v>24905.752380000002</v>
      </c>
      <c r="U3945">
        <v>20974.065559999999</v>
      </c>
      <c r="W3945" s="83">
        <f>Bühler!N3977</f>
        <v>45456.291666657104</v>
      </c>
      <c r="X3945" s="83">
        <v>43265.291666666664</v>
      </c>
      <c r="Y3945">
        <v>285969.7427</v>
      </c>
      <c r="Z3945">
        <v>23117.408739999999</v>
      </c>
      <c r="AA3945">
        <v>83496.679560000004</v>
      </c>
      <c r="AB3945">
        <v>51211.697549999997</v>
      </c>
      <c r="AC3945">
        <v>43089.453229999999</v>
      </c>
      <c r="AD3945">
        <v>34802.277909999997</v>
      </c>
      <c r="AE3945">
        <v>41464.681360000002</v>
      </c>
      <c r="AF3945">
        <v>54630.0942</v>
      </c>
      <c r="AG3945">
        <v>21249.73935</v>
      </c>
      <c r="AH3945">
        <v>357286.99400000001</v>
      </c>
      <c r="AI3945">
        <v>77329.482860000004</v>
      </c>
      <c r="AJ3945">
        <v>20909.99049</v>
      </c>
      <c r="AK3945">
        <v>30109.689559999999</v>
      </c>
      <c r="AL3945">
        <v>100135.8168</v>
      </c>
      <c r="AM3945">
        <v>18337.50274</v>
      </c>
      <c r="AN3945">
        <v>96153.849159999998</v>
      </c>
      <c r="AO3945">
        <v>24905.752380000002</v>
      </c>
      <c r="AP3945">
        <v>20974.065559999999</v>
      </c>
    </row>
    <row r="3946" spans="2:42" x14ac:dyDescent="0.3">
      <c r="B3946">
        <v>70.950601050991594</v>
      </c>
      <c r="C3946" s="83">
        <v>43265.333333333336</v>
      </c>
      <c r="D3946">
        <v>297560.69880000001</v>
      </c>
      <c r="E3946">
        <v>29592.252140000001</v>
      </c>
      <c r="F3946">
        <v>90554.644149999993</v>
      </c>
      <c r="G3946">
        <v>62575.035510000002</v>
      </c>
      <c r="H3946">
        <v>48511.417240000002</v>
      </c>
      <c r="I3946">
        <v>38714.349309999998</v>
      </c>
      <c r="J3946">
        <v>44453.218919999999</v>
      </c>
      <c r="K3946">
        <v>61215.970650000003</v>
      </c>
      <c r="L3946">
        <v>23768.93879</v>
      </c>
      <c r="M3946">
        <v>361739.25140000001</v>
      </c>
      <c r="N3946">
        <v>85878.657930000001</v>
      </c>
      <c r="O3946">
        <v>25062.884979999999</v>
      </c>
      <c r="P3946">
        <v>32806.295610000001</v>
      </c>
      <c r="Q3946">
        <v>103182.0025</v>
      </c>
      <c r="R3946">
        <v>20848.288250000001</v>
      </c>
      <c r="S3946">
        <v>110334.13860000001</v>
      </c>
      <c r="T3946">
        <v>28617.02995</v>
      </c>
      <c r="U3946">
        <v>24608.384180000001</v>
      </c>
      <c r="W3946" s="83">
        <f>Bühler!N3978</f>
        <v>45456.333333323768</v>
      </c>
      <c r="X3946" s="83">
        <v>43265.333333333336</v>
      </c>
      <c r="Y3946">
        <v>297560.69880000001</v>
      </c>
      <c r="Z3946">
        <v>29592.252140000001</v>
      </c>
      <c r="AA3946">
        <v>90554.644149999993</v>
      </c>
      <c r="AB3946">
        <v>62575.035510000002</v>
      </c>
      <c r="AC3946">
        <v>48511.417240000002</v>
      </c>
      <c r="AD3946">
        <v>38714.349309999998</v>
      </c>
      <c r="AE3946">
        <v>44453.218919999999</v>
      </c>
      <c r="AF3946">
        <v>61215.970650000003</v>
      </c>
      <c r="AG3946">
        <v>23768.93879</v>
      </c>
      <c r="AH3946">
        <v>361739.25140000001</v>
      </c>
      <c r="AI3946">
        <v>85878.657930000001</v>
      </c>
      <c r="AJ3946">
        <v>25062.884979999999</v>
      </c>
      <c r="AK3946">
        <v>32806.295610000001</v>
      </c>
      <c r="AL3946">
        <v>103182.0025</v>
      </c>
      <c r="AM3946">
        <v>20848.288250000001</v>
      </c>
      <c r="AN3946">
        <v>110334.13860000001</v>
      </c>
      <c r="AO3946">
        <v>28617.02995</v>
      </c>
      <c r="AP3946">
        <v>24608.384180000001</v>
      </c>
    </row>
    <row r="3947" spans="2:42" x14ac:dyDescent="0.3">
      <c r="B3947">
        <v>71.740486642048623</v>
      </c>
      <c r="C3947" s="83">
        <v>43265.375</v>
      </c>
      <c r="D3947">
        <v>299803.4558</v>
      </c>
      <c r="E3947">
        <v>34955.713009999999</v>
      </c>
      <c r="F3947">
        <v>98540.689740000002</v>
      </c>
      <c r="G3947">
        <v>69885.768419999993</v>
      </c>
      <c r="H3947">
        <v>51962.92542</v>
      </c>
      <c r="I3947">
        <v>38419.637139999999</v>
      </c>
      <c r="J3947">
        <v>46365.576009999997</v>
      </c>
      <c r="K3947">
        <v>64330.444089999997</v>
      </c>
      <c r="L3947">
        <v>28505.865689999999</v>
      </c>
      <c r="M3947">
        <v>365766.45649999997</v>
      </c>
      <c r="N3947">
        <v>89520.770420000001</v>
      </c>
      <c r="O3947">
        <v>26915.968239999998</v>
      </c>
      <c r="P3947">
        <v>35104.819020000003</v>
      </c>
      <c r="Q3947">
        <v>104844.4656</v>
      </c>
      <c r="R3947">
        <v>23009.977729999999</v>
      </c>
      <c r="S3947">
        <v>117168.1355</v>
      </c>
      <c r="T3947">
        <v>31259.364890000001</v>
      </c>
      <c r="U3947">
        <v>26212.025229999999</v>
      </c>
      <c r="W3947" s="83">
        <f>Bühler!N3979</f>
        <v>45456.374999990432</v>
      </c>
      <c r="X3947" s="83">
        <v>43265.375</v>
      </c>
      <c r="Y3947">
        <v>299803.4558</v>
      </c>
      <c r="Z3947">
        <v>34955.713009999999</v>
      </c>
      <c r="AA3947">
        <v>98540.689740000002</v>
      </c>
      <c r="AB3947">
        <v>69885.768419999993</v>
      </c>
      <c r="AC3947">
        <v>51962.92542</v>
      </c>
      <c r="AD3947">
        <v>38419.637139999999</v>
      </c>
      <c r="AE3947">
        <v>46365.576009999997</v>
      </c>
      <c r="AF3947">
        <v>64330.444089999997</v>
      </c>
      <c r="AG3947">
        <v>28505.865689999999</v>
      </c>
      <c r="AH3947">
        <v>365766.45649999997</v>
      </c>
      <c r="AI3947">
        <v>89520.770420000001</v>
      </c>
      <c r="AJ3947">
        <v>26915.968239999998</v>
      </c>
      <c r="AK3947">
        <v>35104.819020000003</v>
      </c>
      <c r="AL3947">
        <v>104844.4656</v>
      </c>
      <c r="AM3947">
        <v>23009.977729999999</v>
      </c>
      <c r="AN3947">
        <v>117168.1355</v>
      </c>
      <c r="AO3947">
        <v>31259.364890000001</v>
      </c>
      <c r="AP3947">
        <v>26212.025229999999</v>
      </c>
    </row>
    <row r="3948" spans="2:42" x14ac:dyDescent="0.3">
      <c r="B3948">
        <v>72.805393505377552</v>
      </c>
      <c r="C3948" s="83">
        <v>43265.416666666664</v>
      </c>
      <c r="D3948">
        <v>305588.28580000001</v>
      </c>
      <c r="E3948">
        <v>37485.11015</v>
      </c>
      <c r="F3948">
        <v>101801.7496</v>
      </c>
      <c r="G3948">
        <v>74679.692379999993</v>
      </c>
      <c r="H3948">
        <v>53275.310310000001</v>
      </c>
      <c r="I3948">
        <v>37712.90064</v>
      </c>
      <c r="J3948">
        <v>46607.210120000003</v>
      </c>
      <c r="K3948">
        <v>66028.52403</v>
      </c>
      <c r="L3948">
        <v>31934.476480000001</v>
      </c>
      <c r="M3948">
        <v>371195.84830000001</v>
      </c>
      <c r="N3948">
        <v>92808.124169999996</v>
      </c>
      <c r="O3948">
        <v>27827.58051</v>
      </c>
      <c r="P3948">
        <v>36930.416740000001</v>
      </c>
      <c r="Q3948">
        <v>105922.4127</v>
      </c>
      <c r="R3948">
        <v>24463.660189999999</v>
      </c>
      <c r="S3948">
        <v>121777.3983</v>
      </c>
      <c r="T3948">
        <v>33982.906360000001</v>
      </c>
      <c r="U3948">
        <v>25489.67196</v>
      </c>
      <c r="W3948" s="83">
        <f>Bühler!N3980</f>
        <v>45456.416666657096</v>
      </c>
      <c r="X3948" s="83">
        <v>43265.416666666664</v>
      </c>
      <c r="Y3948">
        <v>305588.28580000001</v>
      </c>
      <c r="Z3948">
        <v>37485.11015</v>
      </c>
      <c r="AA3948">
        <v>101801.7496</v>
      </c>
      <c r="AB3948">
        <v>74679.692379999993</v>
      </c>
      <c r="AC3948">
        <v>53275.310310000001</v>
      </c>
      <c r="AD3948">
        <v>37712.90064</v>
      </c>
      <c r="AE3948">
        <v>46607.210120000003</v>
      </c>
      <c r="AF3948">
        <v>66028.52403</v>
      </c>
      <c r="AG3948">
        <v>31934.476480000001</v>
      </c>
      <c r="AH3948">
        <v>371195.84830000001</v>
      </c>
      <c r="AI3948">
        <v>92808.124169999996</v>
      </c>
      <c r="AJ3948">
        <v>27827.58051</v>
      </c>
      <c r="AK3948">
        <v>36930.416740000001</v>
      </c>
      <c r="AL3948">
        <v>105922.4127</v>
      </c>
      <c r="AM3948">
        <v>24463.660189999999</v>
      </c>
      <c r="AN3948">
        <v>121777.3983</v>
      </c>
      <c r="AO3948">
        <v>33982.906360000001</v>
      </c>
      <c r="AP3948">
        <v>25489.67196</v>
      </c>
    </row>
    <row r="3949" spans="2:42" x14ac:dyDescent="0.3">
      <c r="B3949">
        <v>73.917519686017414</v>
      </c>
      <c r="C3949" s="83">
        <v>43265.458333333336</v>
      </c>
      <c r="D3949">
        <v>305203.46710000001</v>
      </c>
      <c r="E3949">
        <v>37861.272830000002</v>
      </c>
      <c r="F3949">
        <v>102793.985</v>
      </c>
      <c r="G3949">
        <v>73886.016680000001</v>
      </c>
      <c r="H3949">
        <v>53504.512920000001</v>
      </c>
      <c r="I3949">
        <v>37913.465660000002</v>
      </c>
      <c r="J3949">
        <v>47830.76283</v>
      </c>
      <c r="K3949">
        <v>66988.953739999997</v>
      </c>
      <c r="L3949">
        <v>34139.764000000003</v>
      </c>
      <c r="M3949">
        <v>376865.98619999998</v>
      </c>
      <c r="N3949">
        <v>94478.582859999995</v>
      </c>
      <c r="O3949">
        <v>27685.523420000001</v>
      </c>
      <c r="P3949">
        <v>36578.894659999998</v>
      </c>
      <c r="Q3949">
        <v>106807.77190000001</v>
      </c>
      <c r="R3949">
        <v>26296.709309999998</v>
      </c>
      <c r="S3949">
        <v>125544.8239</v>
      </c>
      <c r="T3949">
        <v>35110.423049999998</v>
      </c>
      <c r="U3949">
        <v>24999.98083</v>
      </c>
      <c r="W3949" s="83">
        <f>Bühler!N3981</f>
        <v>45456.458333323761</v>
      </c>
      <c r="X3949" s="83">
        <v>43265.458333333336</v>
      </c>
      <c r="Y3949">
        <v>305203.46710000001</v>
      </c>
      <c r="Z3949">
        <v>37861.272830000002</v>
      </c>
      <c r="AA3949">
        <v>102793.985</v>
      </c>
      <c r="AB3949">
        <v>73886.016680000001</v>
      </c>
      <c r="AC3949">
        <v>53504.512920000001</v>
      </c>
      <c r="AD3949">
        <v>37913.465660000002</v>
      </c>
      <c r="AE3949">
        <v>47830.76283</v>
      </c>
      <c r="AF3949">
        <v>66988.953739999997</v>
      </c>
      <c r="AG3949">
        <v>34139.764000000003</v>
      </c>
      <c r="AH3949">
        <v>376865.98619999998</v>
      </c>
      <c r="AI3949">
        <v>94478.582859999995</v>
      </c>
      <c r="AJ3949">
        <v>27685.523420000001</v>
      </c>
      <c r="AK3949">
        <v>36578.894659999998</v>
      </c>
      <c r="AL3949">
        <v>106807.77190000001</v>
      </c>
      <c r="AM3949">
        <v>26296.709309999998</v>
      </c>
      <c r="AN3949">
        <v>125544.8239</v>
      </c>
      <c r="AO3949">
        <v>35110.423049999998</v>
      </c>
      <c r="AP3949">
        <v>24999.98083</v>
      </c>
    </row>
    <row r="3950" spans="2:42" x14ac:dyDescent="0.3">
      <c r="B3950">
        <v>73.559761415654805</v>
      </c>
      <c r="C3950" s="83">
        <v>43265.5</v>
      </c>
      <c r="D3950">
        <v>295509.3738</v>
      </c>
      <c r="E3950">
        <v>34775.207699999999</v>
      </c>
      <c r="F3950">
        <v>102988.14659999999</v>
      </c>
      <c r="G3950">
        <v>75394.729399999997</v>
      </c>
      <c r="H3950">
        <v>52187.707000000002</v>
      </c>
      <c r="I3950">
        <v>37139.91588</v>
      </c>
      <c r="J3950">
        <v>48941.97784</v>
      </c>
      <c r="K3950">
        <v>62940.004710000001</v>
      </c>
      <c r="L3950">
        <v>36380.162199999999</v>
      </c>
      <c r="M3950">
        <v>375041.96769999998</v>
      </c>
      <c r="N3950">
        <v>93096.843129999994</v>
      </c>
      <c r="O3950">
        <v>26188.083620000001</v>
      </c>
      <c r="P3950">
        <v>38037.00174</v>
      </c>
      <c r="Q3950">
        <v>107491.5866</v>
      </c>
      <c r="R3950">
        <v>26626.722440000001</v>
      </c>
      <c r="S3950">
        <v>120320.1122</v>
      </c>
      <c r="T3950">
        <v>35657.66188</v>
      </c>
      <c r="U3950">
        <v>21215.329119999999</v>
      </c>
      <c r="W3950" s="83">
        <f>Bühler!N3982</f>
        <v>45456.499999990425</v>
      </c>
      <c r="X3950" s="83">
        <v>43265.5</v>
      </c>
      <c r="Y3950">
        <v>295509.3738</v>
      </c>
      <c r="Z3950">
        <v>34775.207699999999</v>
      </c>
      <c r="AA3950">
        <v>102988.14659999999</v>
      </c>
      <c r="AB3950">
        <v>75394.729399999997</v>
      </c>
      <c r="AC3950">
        <v>52187.707000000002</v>
      </c>
      <c r="AD3950">
        <v>37139.91588</v>
      </c>
      <c r="AE3950">
        <v>48941.97784</v>
      </c>
      <c r="AF3950">
        <v>62940.004710000001</v>
      </c>
      <c r="AG3950">
        <v>36380.162199999999</v>
      </c>
      <c r="AH3950">
        <v>375041.96769999998</v>
      </c>
      <c r="AI3950">
        <v>93096.843129999994</v>
      </c>
      <c r="AJ3950">
        <v>26188.083620000001</v>
      </c>
      <c r="AK3950">
        <v>38037.00174</v>
      </c>
      <c r="AL3950">
        <v>107491.5866</v>
      </c>
      <c r="AM3950">
        <v>26626.722440000001</v>
      </c>
      <c r="AN3950">
        <v>120320.1122</v>
      </c>
      <c r="AO3950">
        <v>35657.66188</v>
      </c>
      <c r="AP3950">
        <v>21215.329119999999</v>
      </c>
    </row>
    <row r="3951" spans="2:42" x14ac:dyDescent="0.3">
      <c r="B3951">
        <v>73.483537768397994</v>
      </c>
      <c r="C3951" s="83">
        <v>43265.541666666664</v>
      </c>
      <c r="D3951">
        <v>296910.1826</v>
      </c>
      <c r="E3951">
        <v>35287.04075</v>
      </c>
      <c r="F3951">
        <v>102909.8478</v>
      </c>
      <c r="G3951">
        <v>71272.8361</v>
      </c>
      <c r="H3951">
        <v>53403.611149999997</v>
      </c>
      <c r="I3951">
        <v>37319.873699999996</v>
      </c>
      <c r="J3951">
        <v>48106.382709999998</v>
      </c>
      <c r="K3951">
        <v>64710.216540000001</v>
      </c>
      <c r="L3951">
        <v>34894.153469999997</v>
      </c>
      <c r="M3951">
        <v>374653.34399999998</v>
      </c>
      <c r="N3951">
        <v>94269.320059999998</v>
      </c>
      <c r="O3951">
        <v>27030.324949999998</v>
      </c>
      <c r="P3951">
        <v>37571.830370000003</v>
      </c>
      <c r="Q3951">
        <v>106832.3</v>
      </c>
      <c r="R3951">
        <v>27557.73101</v>
      </c>
      <c r="S3951">
        <v>120076.74189999999</v>
      </c>
      <c r="T3951">
        <v>34752.693859999999</v>
      </c>
      <c r="U3951">
        <v>23554.478660000001</v>
      </c>
      <c r="W3951" s="83">
        <f>Bühler!N3983</f>
        <v>45456.541666657089</v>
      </c>
      <c r="X3951" s="83">
        <v>43265.541666666664</v>
      </c>
      <c r="Y3951">
        <v>296910.1826</v>
      </c>
      <c r="Z3951">
        <v>35287.04075</v>
      </c>
      <c r="AA3951">
        <v>102909.8478</v>
      </c>
      <c r="AB3951">
        <v>71272.8361</v>
      </c>
      <c r="AC3951">
        <v>53403.611149999997</v>
      </c>
      <c r="AD3951">
        <v>37319.873699999996</v>
      </c>
      <c r="AE3951">
        <v>48106.382709999998</v>
      </c>
      <c r="AF3951">
        <v>64710.216540000001</v>
      </c>
      <c r="AG3951">
        <v>34894.153469999997</v>
      </c>
      <c r="AH3951">
        <v>374653.34399999998</v>
      </c>
      <c r="AI3951">
        <v>94269.320059999998</v>
      </c>
      <c r="AJ3951">
        <v>27030.324949999998</v>
      </c>
      <c r="AK3951">
        <v>37571.830370000003</v>
      </c>
      <c r="AL3951">
        <v>106832.3</v>
      </c>
      <c r="AM3951">
        <v>27557.73101</v>
      </c>
      <c r="AN3951">
        <v>120076.74189999999</v>
      </c>
      <c r="AO3951">
        <v>34752.693859999999</v>
      </c>
      <c r="AP3951">
        <v>23554.478660000001</v>
      </c>
    </row>
    <row r="3952" spans="2:42" x14ac:dyDescent="0.3">
      <c r="B3952">
        <v>73.264009713306294</v>
      </c>
      <c r="C3952" s="83">
        <v>43265.583333333336</v>
      </c>
      <c r="D3952">
        <v>302542.19069999998</v>
      </c>
      <c r="E3952">
        <v>38786.516360000001</v>
      </c>
      <c r="F3952">
        <v>104959.4344</v>
      </c>
      <c r="G3952">
        <v>65946.170199999993</v>
      </c>
      <c r="H3952">
        <v>53509.764560000003</v>
      </c>
      <c r="I3952">
        <v>37745.56018</v>
      </c>
      <c r="J3952">
        <v>48139.062610000001</v>
      </c>
      <c r="K3952">
        <v>66920.460059999998</v>
      </c>
      <c r="L3952">
        <v>32462.752059999999</v>
      </c>
      <c r="M3952">
        <v>373534.08760000003</v>
      </c>
      <c r="N3952">
        <v>97325.795559999999</v>
      </c>
      <c r="O3952">
        <v>27843.604490000002</v>
      </c>
      <c r="P3952">
        <v>34703.343269999998</v>
      </c>
      <c r="Q3952">
        <v>106219.77499999999</v>
      </c>
      <c r="R3952">
        <v>26850.238229999999</v>
      </c>
      <c r="S3952">
        <v>117053.15210000001</v>
      </c>
      <c r="T3952">
        <v>33855.46254</v>
      </c>
      <c r="U3952">
        <v>24786.989079999999</v>
      </c>
      <c r="W3952" s="83">
        <f>Bühler!N3984</f>
        <v>45456.583333323753</v>
      </c>
      <c r="X3952" s="83">
        <v>43265.583333333336</v>
      </c>
      <c r="Y3952">
        <v>302542.19069999998</v>
      </c>
      <c r="Z3952">
        <v>38786.516360000001</v>
      </c>
      <c r="AA3952">
        <v>104959.4344</v>
      </c>
      <c r="AB3952">
        <v>65946.170199999993</v>
      </c>
      <c r="AC3952">
        <v>53509.764560000003</v>
      </c>
      <c r="AD3952">
        <v>37745.56018</v>
      </c>
      <c r="AE3952">
        <v>48139.062610000001</v>
      </c>
      <c r="AF3952">
        <v>66920.460059999998</v>
      </c>
      <c r="AG3952">
        <v>32462.752059999999</v>
      </c>
      <c r="AH3952">
        <v>373534.08760000003</v>
      </c>
      <c r="AI3952">
        <v>97325.795559999999</v>
      </c>
      <c r="AJ3952">
        <v>27843.604490000002</v>
      </c>
      <c r="AK3952">
        <v>34703.343269999998</v>
      </c>
      <c r="AL3952">
        <v>106219.77499999999</v>
      </c>
      <c r="AM3952">
        <v>26850.238229999999</v>
      </c>
      <c r="AN3952">
        <v>117053.15210000001</v>
      </c>
      <c r="AO3952">
        <v>33855.46254</v>
      </c>
      <c r="AP3952">
        <v>24786.989079999999</v>
      </c>
    </row>
    <row r="3953" spans="2:42" x14ac:dyDescent="0.3">
      <c r="B3953">
        <v>72.420407694282233</v>
      </c>
      <c r="C3953" s="83">
        <v>43265.625</v>
      </c>
      <c r="D3953">
        <v>299744.52710000001</v>
      </c>
      <c r="E3953">
        <v>38707.761259999999</v>
      </c>
      <c r="F3953">
        <v>106401.2067</v>
      </c>
      <c r="G3953">
        <v>62821.677559999996</v>
      </c>
      <c r="H3953">
        <v>52549.235119999998</v>
      </c>
      <c r="I3953">
        <v>38226.551729999999</v>
      </c>
      <c r="J3953">
        <v>47912.148809999999</v>
      </c>
      <c r="K3953">
        <v>64937.369400000003</v>
      </c>
      <c r="L3953">
        <v>30033.34028</v>
      </c>
      <c r="M3953">
        <v>369233.0111</v>
      </c>
      <c r="N3953">
        <v>96440.037710000004</v>
      </c>
      <c r="O3953">
        <v>27801.357810000001</v>
      </c>
      <c r="P3953">
        <v>32055.16142</v>
      </c>
      <c r="Q3953">
        <v>105670.8805</v>
      </c>
      <c r="R3953">
        <v>27901.56309</v>
      </c>
      <c r="S3953">
        <v>115554.1878</v>
      </c>
      <c r="T3953">
        <v>32749.366429999998</v>
      </c>
      <c r="U3953">
        <v>23844.65553</v>
      </c>
      <c r="W3953" s="83">
        <f>Bühler!N3985</f>
        <v>45456.624999990418</v>
      </c>
      <c r="X3953" s="83">
        <v>43265.625</v>
      </c>
      <c r="Y3953">
        <v>299744.52710000001</v>
      </c>
      <c r="Z3953">
        <v>38707.761259999999</v>
      </c>
      <c r="AA3953">
        <v>106401.2067</v>
      </c>
      <c r="AB3953">
        <v>62821.677559999996</v>
      </c>
      <c r="AC3953">
        <v>52549.235119999998</v>
      </c>
      <c r="AD3953">
        <v>38226.551729999999</v>
      </c>
      <c r="AE3953">
        <v>47912.148809999999</v>
      </c>
      <c r="AF3953">
        <v>64937.369400000003</v>
      </c>
      <c r="AG3953">
        <v>30033.34028</v>
      </c>
      <c r="AH3953">
        <v>369233.0111</v>
      </c>
      <c r="AI3953">
        <v>96440.037710000004</v>
      </c>
      <c r="AJ3953">
        <v>27801.357810000001</v>
      </c>
      <c r="AK3953">
        <v>32055.16142</v>
      </c>
      <c r="AL3953">
        <v>105670.8805</v>
      </c>
      <c r="AM3953">
        <v>27901.56309</v>
      </c>
      <c r="AN3953">
        <v>115554.1878</v>
      </c>
      <c r="AO3953">
        <v>32749.366429999998</v>
      </c>
      <c r="AP3953">
        <v>23844.65553</v>
      </c>
    </row>
    <row r="3954" spans="2:42" x14ac:dyDescent="0.3">
      <c r="B3954">
        <v>70.453728475967736</v>
      </c>
      <c r="C3954" s="83">
        <v>43265.666666666664</v>
      </c>
      <c r="D3954">
        <v>291516.13559999998</v>
      </c>
      <c r="E3954">
        <v>38079.656430000003</v>
      </c>
      <c r="F3954">
        <v>105938.5873</v>
      </c>
      <c r="G3954">
        <v>59087.516320000002</v>
      </c>
      <c r="H3954">
        <v>51418.641409999997</v>
      </c>
      <c r="I3954">
        <v>39501.486389999998</v>
      </c>
      <c r="J3954">
        <v>46709.364379999999</v>
      </c>
      <c r="K3954">
        <v>61064.892650000002</v>
      </c>
      <c r="L3954">
        <v>28815.511709999999</v>
      </c>
      <c r="M3954">
        <v>359205.9633</v>
      </c>
      <c r="N3954">
        <v>94588.69</v>
      </c>
      <c r="O3954">
        <v>26799.276170000001</v>
      </c>
      <c r="P3954">
        <v>31807.801530000001</v>
      </c>
      <c r="Q3954">
        <v>105346.3561</v>
      </c>
      <c r="R3954">
        <v>27627.220990000002</v>
      </c>
      <c r="S3954">
        <v>113765.2163</v>
      </c>
      <c r="T3954">
        <v>32212.39977</v>
      </c>
      <c r="U3954">
        <v>22674.89356</v>
      </c>
      <c r="W3954" s="83">
        <f>Bühler!N3986</f>
        <v>45456.666666657082</v>
      </c>
      <c r="X3954" s="83">
        <v>43265.666666666664</v>
      </c>
      <c r="Y3954">
        <v>291516.13559999998</v>
      </c>
      <c r="Z3954">
        <v>38079.656430000003</v>
      </c>
      <c r="AA3954">
        <v>105938.5873</v>
      </c>
      <c r="AB3954">
        <v>59087.516320000002</v>
      </c>
      <c r="AC3954">
        <v>51418.641409999997</v>
      </c>
      <c r="AD3954">
        <v>39501.486389999998</v>
      </c>
      <c r="AE3954">
        <v>46709.364379999999</v>
      </c>
      <c r="AF3954">
        <v>61064.892650000002</v>
      </c>
      <c r="AG3954">
        <v>28815.511709999999</v>
      </c>
      <c r="AH3954">
        <v>359205.9633</v>
      </c>
      <c r="AI3954">
        <v>94588.69</v>
      </c>
      <c r="AJ3954">
        <v>26799.276170000001</v>
      </c>
      <c r="AK3954">
        <v>31807.801530000001</v>
      </c>
      <c r="AL3954">
        <v>105346.3561</v>
      </c>
      <c r="AM3954">
        <v>27627.220990000002</v>
      </c>
      <c r="AN3954">
        <v>113765.2163</v>
      </c>
      <c r="AO3954">
        <v>32212.39977</v>
      </c>
      <c r="AP3954">
        <v>22674.89356</v>
      </c>
    </row>
    <row r="3955" spans="2:42" x14ac:dyDescent="0.3">
      <c r="B3955">
        <v>68.65786717456939</v>
      </c>
      <c r="C3955" s="83">
        <v>43265.708333333336</v>
      </c>
      <c r="D3955">
        <v>280198.8308</v>
      </c>
      <c r="E3955">
        <v>35733.47077</v>
      </c>
      <c r="F3955">
        <v>104910.2196</v>
      </c>
      <c r="G3955">
        <v>53018.955670000003</v>
      </c>
      <c r="H3955">
        <v>48763.57258</v>
      </c>
      <c r="I3955">
        <v>39180.976289999999</v>
      </c>
      <c r="J3955">
        <v>47113.959190000001</v>
      </c>
      <c r="K3955">
        <v>57001.789799999999</v>
      </c>
      <c r="L3955">
        <v>28737.505209999999</v>
      </c>
      <c r="M3955">
        <v>350049.82490000001</v>
      </c>
      <c r="N3955">
        <v>91621.371339999998</v>
      </c>
      <c r="O3955">
        <v>26658.111919999999</v>
      </c>
      <c r="P3955">
        <v>33405.909169999999</v>
      </c>
      <c r="Q3955">
        <v>103829.5882</v>
      </c>
      <c r="R3955">
        <v>26891.556079999998</v>
      </c>
      <c r="S3955">
        <v>110110.7276</v>
      </c>
      <c r="T3955">
        <v>31260.546910000001</v>
      </c>
      <c r="U3955">
        <v>19859.32388</v>
      </c>
      <c r="W3955" s="83">
        <f>Bühler!N3987</f>
        <v>45456.708333323746</v>
      </c>
      <c r="X3955" s="83">
        <v>43265.708333333336</v>
      </c>
      <c r="Y3955">
        <v>280198.8308</v>
      </c>
      <c r="Z3955">
        <v>35733.47077</v>
      </c>
      <c r="AA3955">
        <v>104910.2196</v>
      </c>
      <c r="AB3955">
        <v>53018.955670000003</v>
      </c>
      <c r="AC3955">
        <v>48763.57258</v>
      </c>
      <c r="AD3955">
        <v>39180.976289999999</v>
      </c>
      <c r="AE3955">
        <v>47113.959190000001</v>
      </c>
      <c r="AF3955">
        <v>57001.789799999999</v>
      </c>
      <c r="AG3955">
        <v>28737.505209999999</v>
      </c>
      <c r="AH3955">
        <v>350049.82490000001</v>
      </c>
      <c r="AI3955">
        <v>91621.371339999998</v>
      </c>
      <c r="AJ3955">
        <v>26658.111919999999</v>
      </c>
      <c r="AK3955">
        <v>33405.909169999999</v>
      </c>
      <c r="AL3955">
        <v>103829.5882</v>
      </c>
      <c r="AM3955">
        <v>26891.556079999998</v>
      </c>
      <c r="AN3955">
        <v>110110.7276</v>
      </c>
      <c r="AO3955">
        <v>31260.546910000001</v>
      </c>
      <c r="AP3955">
        <v>19859.32388</v>
      </c>
    </row>
    <row r="3956" spans="2:42" x14ac:dyDescent="0.3">
      <c r="B3956">
        <v>66.440646653375552</v>
      </c>
      <c r="C3956" s="83">
        <v>43265.75</v>
      </c>
      <c r="D3956">
        <v>272773.0123</v>
      </c>
      <c r="E3956">
        <v>32217.535940000002</v>
      </c>
      <c r="F3956">
        <v>101543.38159999999</v>
      </c>
      <c r="G3956">
        <v>47182.28153</v>
      </c>
      <c r="H3956">
        <v>45997.043230000003</v>
      </c>
      <c r="I3956">
        <v>37150.496449999999</v>
      </c>
      <c r="J3956">
        <v>46952.85901</v>
      </c>
      <c r="K3956">
        <v>55161.848559999999</v>
      </c>
      <c r="L3956">
        <v>29982.169409999999</v>
      </c>
      <c r="M3956">
        <v>338745.4007</v>
      </c>
      <c r="N3956">
        <v>88652.968139999997</v>
      </c>
      <c r="O3956">
        <v>25267.71313</v>
      </c>
      <c r="P3956">
        <v>35185.194770000002</v>
      </c>
      <c r="Q3956">
        <v>101615.55809999999</v>
      </c>
      <c r="R3956">
        <v>24502.804400000001</v>
      </c>
      <c r="S3956">
        <v>102445.00049999999</v>
      </c>
      <c r="T3956">
        <v>30947.825290000001</v>
      </c>
      <c r="U3956">
        <v>17828.08972</v>
      </c>
      <c r="W3956" s="83">
        <f>Bühler!N3988</f>
        <v>45456.74999999041</v>
      </c>
      <c r="X3956" s="83">
        <v>43265.75</v>
      </c>
      <c r="Y3956">
        <v>272773.0123</v>
      </c>
      <c r="Z3956">
        <v>32217.535940000002</v>
      </c>
      <c r="AA3956">
        <v>101543.38159999999</v>
      </c>
      <c r="AB3956">
        <v>47182.28153</v>
      </c>
      <c r="AC3956">
        <v>45997.043230000003</v>
      </c>
      <c r="AD3956">
        <v>37150.496449999999</v>
      </c>
      <c r="AE3956">
        <v>46952.85901</v>
      </c>
      <c r="AF3956">
        <v>55161.848559999999</v>
      </c>
      <c r="AG3956">
        <v>29982.169409999999</v>
      </c>
      <c r="AH3956">
        <v>338745.4007</v>
      </c>
      <c r="AI3956">
        <v>88652.968139999997</v>
      </c>
      <c r="AJ3956">
        <v>25267.71313</v>
      </c>
      <c r="AK3956">
        <v>35185.194770000002</v>
      </c>
      <c r="AL3956">
        <v>101615.55809999999</v>
      </c>
      <c r="AM3956">
        <v>24502.804400000001</v>
      </c>
      <c r="AN3956">
        <v>102445.00049999999</v>
      </c>
      <c r="AO3956">
        <v>30947.825290000001</v>
      </c>
      <c r="AP3956">
        <v>17828.08972</v>
      </c>
    </row>
    <row r="3957" spans="2:42" x14ac:dyDescent="0.3">
      <c r="B3957">
        <v>65.209993084405767</v>
      </c>
      <c r="C3957" s="83">
        <v>43265.791666666664</v>
      </c>
      <c r="D3957">
        <v>266381.17879999999</v>
      </c>
      <c r="E3957">
        <v>26328.1895</v>
      </c>
      <c r="F3957">
        <v>89008.696379999994</v>
      </c>
      <c r="G3957">
        <v>43115.950779999999</v>
      </c>
      <c r="H3957">
        <v>43262.717219999999</v>
      </c>
      <c r="I3957">
        <v>34274.156609999998</v>
      </c>
      <c r="J3957">
        <v>45632.713389999997</v>
      </c>
      <c r="K3957">
        <v>54417.013319999998</v>
      </c>
      <c r="L3957">
        <v>30742.832849999999</v>
      </c>
      <c r="M3957">
        <v>332470.95490000001</v>
      </c>
      <c r="N3957">
        <v>86141.098830000003</v>
      </c>
      <c r="O3957">
        <v>22929.950290000001</v>
      </c>
      <c r="P3957">
        <v>37155.090850000001</v>
      </c>
      <c r="Q3957">
        <v>99435.013510000004</v>
      </c>
      <c r="R3957">
        <v>23181.660790000002</v>
      </c>
      <c r="S3957">
        <v>96719.437739999994</v>
      </c>
      <c r="T3957">
        <v>30850.46744</v>
      </c>
      <c r="U3957">
        <v>16862.503970000002</v>
      </c>
      <c r="W3957" s="83">
        <f>Bühler!N3989</f>
        <v>45456.791666657075</v>
      </c>
      <c r="X3957" s="83">
        <v>43265.791666666664</v>
      </c>
      <c r="Y3957">
        <v>266381.17879999999</v>
      </c>
      <c r="Z3957">
        <v>26328.1895</v>
      </c>
      <c r="AA3957">
        <v>89008.696379999994</v>
      </c>
      <c r="AB3957">
        <v>43115.950779999999</v>
      </c>
      <c r="AC3957">
        <v>43262.717219999999</v>
      </c>
      <c r="AD3957">
        <v>34274.156609999998</v>
      </c>
      <c r="AE3957">
        <v>45632.713389999997</v>
      </c>
      <c r="AF3957">
        <v>54417.013319999998</v>
      </c>
      <c r="AG3957">
        <v>30742.832849999999</v>
      </c>
      <c r="AH3957">
        <v>332470.95490000001</v>
      </c>
      <c r="AI3957">
        <v>86141.098830000003</v>
      </c>
      <c r="AJ3957">
        <v>22929.950290000001</v>
      </c>
      <c r="AK3957">
        <v>37155.090850000001</v>
      </c>
      <c r="AL3957">
        <v>99435.013510000004</v>
      </c>
      <c r="AM3957">
        <v>23181.660790000002</v>
      </c>
      <c r="AN3957">
        <v>96719.437739999994</v>
      </c>
      <c r="AO3957">
        <v>30850.46744</v>
      </c>
      <c r="AP3957">
        <v>16862.503970000002</v>
      </c>
    </row>
    <row r="3958" spans="2:42" x14ac:dyDescent="0.3">
      <c r="B3958">
        <v>63.291518263946678</v>
      </c>
      <c r="C3958" s="83">
        <v>43265.833333333336</v>
      </c>
      <c r="D3958">
        <v>255468.68429999999</v>
      </c>
      <c r="E3958">
        <v>19810.14704</v>
      </c>
      <c r="F3958">
        <v>71135.532730000006</v>
      </c>
      <c r="G3958">
        <v>38394.3321</v>
      </c>
      <c r="H3958">
        <v>39838.913500000002</v>
      </c>
      <c r="I3958">
        <v>29702.319449999999</v>
      </c>
      <c r="J3958">
        <v>43971.12775</v>
      </c>
      <c r="K3958">
        <v>53217.357510000002</v>
      </c>
      <c r="L3958">
        <v>30138.295900000001</v>
      </c>
      <c r="M3958">
        <v>322689.67560000002</v>
      </c>
      <c r="N3958">
        <v>82598.560020000004</v>
      </c>
      <c r="O3958">
        <v>20742.408800000001</v>
      </c>
      <c r="P3958">
        <v>36606.404470000001</v>
      </c>
      <c r="Q3958">
        <v>95515.283160000006</v>
      </c>
      <c r="R3958">
        <v>21427.14876</v>
      </c>
      <c r="S3958">
        <v>88102.154689999996</v>
      </c>
      <c r="T3958">
        <v>29908.336950000001</v>
      </c>
      <c r="U3958">
        <v>15753.347</v>
      </c>
      <c r="W3958" s="83">
        <f>Bühler!N3990</f>
        <v>45456.833333323739</v>
      </c>
      <c r="X3958" s="83">
        <v>43265.833333333336</v>
      </c>
      <c r="Y3958">
        <v>255468.68429999999</v>
      </c>
      <c r="Z3958">
        <v>19810.14704</v>
      </c>
      <c r="AA3958">
        <v>71135.532730000006</v>
      </c>
      <c r="AB3958">
        <v>38394.3321</v>
      </c>
      <c r="AC3958">
        <v>39838.913500000002</v>
      </c>
      <c r="AD3958">
        <v>29702.319449999999</v>
      </c>
      <c r="AE3958">
        <v>43971.12775</v>
      </c>
      <c r="AF3958">
        <v>53217.357510000002</v>
      </c>
      <c r="AG3958">
        <v>30138.295900000001</v>
      </c>
      <c r="AH3958">
        <v>322689.67560000002</v>
      </c>
      <c r="AI3958">
        <v>82598.560020000004</v>
      </c>
      <c r="AJ3958">
        <v>20742.408800000001</v>
      </c>
      <c r="AK3958">
        <v>36606.404470000001</v>
      </c>
      <c r="AL3958">
        <v>95515.283160000006</v>
      </c>
      <c r="AM3958">
        <v>21427.14876</v>
      </c>
      <c r="AN3958">
        <v>88102.154689999996</v>
      </c>
      <c r="AO3958">
        <v>29908.336950000001</v>
      </c>
      <c r="AP3958">
        <v>15753.347</v>
      </c>
    </row>
    <row r="3959" spans="2:42" x14ac:dyDescent="0.3">
      <c r="B3959">
        <v>61.22463883526774</v>
      </c>
      <c r="C3959" s="83">
        <v>43265.875</v>
      </c>
      <c r="D3959">
        <v>247393.48250000001</v>
      </c>
      <c r="E3959">
        <v>16467.139429999999</v>
      </c>
      <c r="F3959">
        <v>62056.318180000002</v>
      </c>
      <c r="G3959">
        <v>36420.244899999998</v>
      </c>
      <c r="H3959">
        <v>37869.370880000002</v>
      </c>
      <c r="I3959">
        <v>25984.615590000001</v>
      </c>
      <c r="J3959">
        <v>42939.34001</v>
      </c>
      <c r="K3959">
        <v>53682.748529999997</v>
      </c>
      <c r="L3959">
        <v>29123.39272</v>
      </c>
      <c r="M3959">
        <v>312151.76040000003</v>
      </c>
      <c r="N3959">
        <v>79691.586349999998</v>
      </c>
      <c r="O3959">
        <v>19678.37298</v>
      </c>
      <c r="P3959">
        <v>34976.028339999997</v>
      </c>
      <c r="Q3959">
        <v>92592.279890000005</v>
      </c>
      <c r="R3959">
        <v>20596.370739999998</v>
      </c>
      <c r="S3959">
        <v>83174.395340000003</v>
      </c>
      <c r="T3959">
        <v>27512.97522</v>
      </c>
      <c r="U3959">
        <v>14357.09821</v>
      </c>
      <c r="W3959" s="83">
        <f>Bühler!N3991</f>
        <v>45456.874999990403</v>
      </c>
      <c r="X3959" s="83">
        <v>43265.875</v>
      </c>
      <c r="Y3959">
        <v>247393.48250000001</v>
      </c>
      <c r="Z3959">
        <v>16467.139429999999</v>
      </c>
      <c r="AA3959">
        <v>62056.318180000002</v>
      </c>
      <c r="AB3959">
        <v>36420.244899999998</v>
      </c>
      <c r="AC3959">
        <v>37869.370880000002</v>
      </c>
      <c r="AD3959">
        <v>25984.615590000001</v>
      </c>
      <c r="AE3959">
        <v>42939.34001</v>
      </c>
      <c r="AF3959">
        <v>53682.748529999997</v>
      </c>
      <c r="AG3959">
        <v>29123.39272</v>
      </c>
      <c r="AH3959">
        <v>312151.76040000003</v>
      </c>
      <c r="AI3959">
        <v>79691.586349999998</v>
      </c>
      <c r="AJ3959">
        <v>19678.37298</v>
      </c>
      <c r="AK3959">
        <v>34976.028339999997</v>
      </c>
      <c r="AL3959">
        <v>92592.279890000005</v>
      </c>
      <c r="AM3959">
        <v>20596.370739999998</v>
      </c>
      <c r="AN3959">
        <v>83174.395340000003</v>
      </c>
      <c r="AO3959">
        <v>27512.97522</v>
      </c>
      <c r="AP3959">
        <v>14357.09821</v>
      </c>
    </row>
    <row r="3960" spans="2:42" x14ac:dyDescent="0.3">
      <c r="B3960">
        <v>61.145203771302072</v>
      </c>
      <c r="C3960" s="83">
        <v>43265.916666666664</v>
      </c>
      <c r="D3960">
        <v>245342.37059999999</v>
      </c>
      <c r="E3960">
        <v>15554.098550000001</v>
      </c>
      <c r="F3960">
        <v>59116.960639999998</v>
      </c>
      <c r="G3960">
        <v>36011.348259999999</v>
      </c>
      <c r="H3960">
        <v>38979.913240000002</v>
      </c>
      <c r="I3960">
        <v>23978.9172</v>
      </c>
      <c r="J3960">
        <v>42347.257030000001</v>
      </c>
      <c r="K3960">
        <v>56183.277710000002</v>
      </c>
      <c r="L3960">
        <v>26188.215319999999</v>
      </c>
      <c r="M3960">
        <v>311746.7634</v>
      </c>
      <c r="N3960">
        <v>79151.022599999997</v>
      </c>
      <c r="O3960">
        <v>18852.552090000001</v>
      </c>
      <c r="P3960">
        <v>37491.472040000001</v>
      </c>
      <c r="Q3960">
        <v>90472.016430000003</v>
      </c>
      <c r="R3960">
        <v>21659.850999999999</v>
      </c>
      <c r="S3960">
        <v>82870.966079999998</v>
      </c>
      <c r="T3960">
        <v>24225.131519999999</v>
      </c>
      <c r="U3960">
        <v>14563.30312</v>
      </c>
      <c r="W3960" s="83">
        <f>Bühler!N3992</f>
        <v>45456.916666657067</v>
      </c>
      <c r="X3960" s="83">
        <v>43265.916666666664</v>
      </c>
      <c r="Y3960">
        <v>245342.37059999999</v>
      </c>
      <c r="Z3960">
        <v>15554.098550000001</v>
      </c>
      <c r="AA3960">
        <v>59116.960639999998</v>
      </c>
      <c r="AB3960">
        <v>36011.348259999999</v>
      </c>
      <c r="AC3960">
        <v>38979.913240000002</v>
      </c>
      <c r="AD3960">
        <v>23978.9172</v>
      </c>
      <c r="AE3960">
        <v>42347.257030000001</v>
      </c>
      <c r="AF3960">
        <v>56183.277710000002</v>
      </c>
      <c r="AG3960">
        <v>26188.215319999999</v>
      </c>
      <c r="AH3960">
        <v>311746.7634</v>
      </c>
      <c r="AI3960">
        <v>79151.022599999997</v>
      </c>
      <c r="AJ3960">
        <v>18852.552090000001</v>
      </c>
      <c r="AK3960">
        <v>37491.472040000001</v>
      </c>
      <c r="AL3960">
        <v>90472.016430000003</v>
      </c>
      <c r="AM3960">
        <v>21659.850999999999</v>
      </c>
      <c r="AN3960">
        <v>82870.966079999998</v>
      </c>
      <c r="AO3960">
        <v>24225.131519999999</v>
      </c>
      <c r="AP3960">
        <v>14563.30312</v>
      </c>
    </row>
    <row r="3961" spans="2:42" x14ac:dyDescent="0.3">
      <c r="B3961">
        <v>60.976152032565004</v>
      </c>
      <c r="C3961" s="83">
        <v>43265.958333333336</v>
      </c>
      <c r="D3961">
        <v>243307.8573</v>
      </c>
      <c r="E3961">
        <v>14816.678379999999</v>
      </c>
      <c r="F3961">
        <v>56989.597269999998</v>
      </c>
      <c r="G3961">
        <v>35124.88164</v>
      </c>
      <c r="H3961">
        <v>37501.571369999998</v>
      </c>
      <c r="I3961">
        <v>23138.70954</v>
      </c>
      <c r="J3961">
        <v>38531.786670000001</v>
      </c>
      <c r="K3961">
        <v>54300.943099999997</v>
      </c>
      <c r="L3961">
        <v>22172.692080000001</v>
      </c>
      <c r="M3961">
        <v>310884.85879999999</v>
      </c>
      <c r="N3961">
        <v>78255.334579999995</v>
      </c>
      <c r="O3961">
        <v>18637.77779</v>
      </c>
      <c r="P3961">
        <v>31509.241330000001</v>
      </c>
      <c r="Q3961">
        <v>89533.383730000001</v>
      </c>
      <c r="R3961">
        <v>21408.893769999999</v>
      </c>
      <c r="S3961">
        <v>80833.424429999999</v>
      </c>
      <c r="T3961">
        <v>22294.36</v>
      </c>
      <c r="U3961">
        <v>14282.43648</v>
      </c>
      <c r="W3961" s="83">
        <f>Bühler!N3993</f>
        <v>45456.958333323731</v>
      </c>
      <c r="X3961" s="83">
        <v>43265.958333333336</v>
      </c>
      <c r="Y3961">
        <v>243307.8573</v>
      </c>
      <c r="Z3961">
        <v>14816.678379999999</v>
      </c>
      <c r="AA3961">
        <v>56989.597269999998</v>
      </c>
      <c r="AB3961">
        <v>35124.88164</v>
      </c>
      <c r="AC3961">
        <v>37501.571369999998</v>
      </c>
      <c r="AD3961">
        <v>23138.70954</v>
      </c>
      <c r="AE3961">
        <v>38531.786670000001</v>
      </c>
      <c r="AF3961">
        <v>54300.943099999997</v>
      </c>
      <c r="AG3961">
        <v>22172.692080000001</v>
      </c>
      <c r="AH3961">
        <v>310884.85879999999</v>
      </c>
      <c r="AI3961">
        <v>78255.334579999995</v>
      </c>
      <c r="AJ3961">
        <v>18637.77779</v>
      </c>
      <c r="AK3961">
        <v>31509.241330000001</v>
      </c>
      <c r="AL3961">
        <v>89533.383730000001</v>
      </c>
      <c r="AM3961">
        <v>21408.893769999999</v>
      </c>
      <c r="AN3961">
        <v>80833.424429999999</v>
      </c>
      <c r="AO3961">
        <v>22294.36</v>
      </c>
      <c r="AP3961">
        <v>14282.43648</v>
      </c>
    </row>
    <row r="3962" spans="2:42" x14ac:dyDescent="0.3">
      <c r="B3962">
        <v>59.737186414999101</v>
      </c>
      <c r="C3962" s="83">
        <v>43266</v>
      </c>
      <c r="D3962">
        <v>242121.55910000001</v>
      </c>
      <c r="E3962">
        <v>14155.98618</v>
      </c>
      <c r="F3962">
        <v>55173.593099999998</v>
      </c>
      <c r="G3962">
        <v>34299.799720000003</v>
      </c>
      <c r="H3962">
        <v>36379.414069999999</v>
      </c>
      <c r="I3962">
        <v>21036.239249999999</v>
      </c>
      <c r="J3962">
        <v>34567.510829999999</v>
      </c>
      <c r="K3962">
        <v>52104.595939999999</v>
      </c>
      <c r="L3962">
        <v>19617.23589</v>
      </c>
      <c r="M3962">
        <v>304568.0343</v>
      </c>
      <c r="N3962">
        <v>77831.956520000007</v>
      </c>
      <c r="O3962">
        <v>18375.71211</v>
      </c>
      <c r="P3962">
        <v>29097.530180000002</v>
      </c>
      <c r="Q3962">
        <v>89490.003119999994</v>
      </c>
      <c r="R3962">
        <v>17420.258730000001</v>
      </c>
      <c r="S3962">
        <v>78019.604579999999</v>
      </c>
      <c r="T3962">
        <v>20762.638920000001</v>
      </c>
      <c r="U3962">
        <v>13415.93057</v>
      </c>
      <c r="W3962" s="83">
        <f>Bühler!N3994</f>
        <v>45456.999999990396</v>
      </c>
      <c r="X3962" s="83">
        <v>43266</v>
      </c>
      <c r="Y3962">
        <v>242121.55910000001</v>
      </c>
      <c r="Z3962">
        <v>14155.98618</v>
      </c>
      <c r="AA3962">
        <v>55173.593099999998</v>
      </c>
      <c r="AB3962">
        <v>34299.799720000003</v>
      </c>
      <c r="AC3962">
        <v>36379.414069999999</v>
      </c>
      <c r="AD3962">
        <v>21036.239249999999</v>
      </c>
      <c r="AE3962">
        <v>34567.510829999999</v>
      </c>
      <c r="AF3962">
        <v>52104.595939999999</v>
      </c>
      <c r="AG3962">
        <v>19617.23589</v>
      </c>
      <c r="AH3962">
        <v>304568.0343</v>
      </c>
      <c r="AI3962">
        <v>77831.956520000007</v>
      </c>
      <c r="AJ3962">
        <v>18375.71211</v>
      </c>
      <c r="AK3962">
        <v>29097.530180000002</v>
      </c>
      <c r="AL3962">
        <v>89490.003119999994</v>
      </c>
      <c r="AM3962">
        <v>17420.258730000001</v>
      </c>
      <c r="AN3962">
        <v>78019.604579999999</v>
      </c>
      <c r="AO3962">
        <v>20762.638920000001</v>
      </c>
      <c r="AP3962">
        <v>13415.93057</v>
      </c>
    </row>
    <row r="3963" spans="2:42" x14ac:dyDescent="0.3">
      <c r="B3963">
        <v>59.375803270260469</v>
      </c>
      <c r="C3963" s="83">
        <v>43266.041666666664</v>
      </c>
      <c r="D3963">
        <v>242675.2285</v>
      </c>
      <c r="E3963">
        <v>13798.490599999999</v>
      </c>
      <c r="F3963">
        <v>54901.610919999999</v>
      </c>
      <c r="G3963">
        <v>33362.370569999999</v>
      </c>
      <c r="H3963">
        <v>35722.935579999998</v>
      </c>
      <c r="I3963">
        <v>17181.443309999999</v>
      </c>
      <c r="J3963">
        <v>33110.784359999998</v>
      </c>
      <c r="K3963">
        <v>50122.31637</v>
      </c>
      <c r="L3963">
        <v>18452.631119999998</v>
      </c>
      <c r="M3963">
        <v>302725.53450000001</v>
      </c>
      <c r="N3963">
        <v>75101.999400000001</v>
      </c>
      <c r="O3963">
        <v>17995.005000000001</v>
      </c>
      <c r="P3963">
        <v>27637.305329999999</v>
      </c>
      <c r="Q3963">
        <v>88783.624599999996</v>
      </c>
      <c r="R3963">
        <v>15358.604880000001</v>
      </c>
      <c r="S3963">
        <v>76434.711110000004</v>
      </c>
      <c r="T3963">
        <v>19773.646669999998</v>
      </c>
      <c r="U3963">
        <v>13491.906499999999</v>
      </c>
      <c r="W3963" s="83">
        <f>Bühler!N3995</f>
        <v>45457.04166665706</v>
      </c>
      <c r="X3963" s="83">
        <v>43266.041666666664</v>
      </c>
      <c r="Y3963">
        <v>242675.2285</v>
      </c>
      <c r="Z3963">
        <v>13798.490599999999</v>
      </c>
      <c r="AA3963">
        <v>54901.610919999999</v>
      </c>
      <c r="AB3963">
        <v>33362.370569999999</v>
      </c>
      <c r="AC3963">
        <v>35722.935579999998</v>
      </c>
      <c r="AD3963">
        <v>17181.443309999999</v>
      </c>
      <c r="AE3963">
        <v>33110.784359999998</v>
      </c>
      <c r="AF3963">
        <v>50122.31637</v>
      </c>
      <c r="AG3963">
        <v>18452.631119999998</v>
      </c>
      <c r="AH3963">
        <v>302725.53450000001</v>
      </c>
      <c r="AI3963">
        <v>75101.999400000001</v>
      </c>
      <c r="AJ3963">
        <v>17995.005000000001</v>
      </c>
      <c r="AK3963">
        <v>27637.305329999999</v>
      </c>
      <c r="AL3963">
        <v>88783.624599999996</v>
      </c>
      <c r="AM3963">
        <v>15358.604880000001</v>
      </c>
      <c r="AN3963">
        <v>76434.711110000004</v>
      </c>
      <c r="AO3963">
        <v>19773.646669999998</v>
      </c>
      <c r="AP3963">
        <v>13491.906499999999</v>
      </c>
    </row>
    <row r="3964" spans="2:42" x14ac:dyDescent="0.3">
      <c r="B3964">
        <v>59.169582962136062</v>
      </c>
      <c r="C3964" s="83">
        <v>43266.083333333336</v>
      </c>
      <c r="D3964">
        <v>241186.01360000001</v>
      </c>
      <c r="E3964">
        <v>13517.108829999999</v>
      </c>
      <c r="F3964">
        <v>55290.179219999998</v>
      </c>
      <c r="G3964">
        <v>32377.75404</v>
      </c>
      <c r="H3964">
        <v>35308.098180000001</v>
      </c>
      <c r="I3964">
        <v>15141.85427</v>
      </c>
      <c r="J3964">
        <v>32557.510109999999</v>
      </c>
      <c r="K3964">
        <v>48812.642630000002</v>
      </c>
      <c r="L3964">
        <v>17523.579689999999</v>
      </c>
      <c r="M3964">
        <v>301674.12719999999</v>
      </c>
      <c r="N3964">
        <v>73865.346420000002</v>
      </c>
      <c r="O3964">
        <v>18118.02245</v>
      </c>
      <c r="P3964">
        <v>26468.566879999998</v>
      </c>
      <c r="Q3964">
        <v>91778.130409999998</v>
      </c>
      <c r="R3964">
        <v>15877.501490000001</v>
      </c>
      <c r="S3964">
        <v>75664.388600000006</v>
      </c>
      <c r="T3964">
        <v>19077.94616</v>
      </c>
      <c r="U3964">
        <v>13108.118179999999</v>
      </c>
      <c r="W3964" s="83">
        <f>Bühler!N3996</f>
        <v>45457.083333323724</v>
      </c>
      <c r="X3964" s="83">
        <v>43266.083333333336</v>
      </c>
      <c r="Y3964">
        <v>241186.01360000001</v>
      </c>
      <c r="Z3964">
        <v>13517.108829999999</v>
      </c>
      <c r="AA3964">
        <v>55290.179219999998</v>
      </c>
      <c r="AB3964">
        <v>32377.75404</v>
      </c>
      <c r="AC3964">
        <v>35308.098180000001</v>
      </c>
      <c r="AD3964">
        <v>15141.85427</v>
      </c>
      <c r="AE3964">
        <v>32557.510109999999</v>
      </c>
      <c r="AF3964">
        <v>48812.642630000002</v>
      </c>
      <c r="AG3964">
        <v>17523.579689999999</v>
      </c>
      <c r="AH3964">
        <v>301674.12719999999</v>
      </c>
      <c r="AI3964">
        <v>73865.346420000002</v>
      </c>
      <c r="AJ3964">
        <v>18118.02245</v>
      </c>
      <c r="AK3964">
        <v>26468.566879999998</v>
      </c>
      <c r="AL3964">
        <v>91778.130409999998</v>
      </c>
      <c r="AM3964">
        <v>15877.501490000001</v>
      </c>
      <c r="AN3964">
        <v>75664.388600000006</v>
      </c>
      <c r="AO3964">
        <v>19077.94616</v>
      </c>
      <c r="AP3964">
        <v>13108.118179999999</v>
      </c>
    </row>
    <row r="3965" spans="2:42" x14ac:dyDescent="0.3">
      <c r="B3965">
        <v>59.387112357372708</v>
      </c>
      <c r="C3965" s="83">
        <v>43266.125</v>
      </c>
      <c r="D3965">
        <v>240456.5748</v>
      </c>
      <c r="E3965">
        <v>13391.595509999999</v>
      </c>
      <c r="F3965">
        <v>56647.070549999997</v>
      </c>
      <c r="G3965">
        <v>31465.727050000001</v>
      </c>
      <c r="H3965">
        <v>34695.009890000001</v>
      </c>
      <c r="I3965">
        <v>14841.50743</v>
      </c>
      <c r="J3965">
        <v>32583.31741</v>
      </c>
      <c r="K3965">
        <v>47501.673719999999</v>
      </c>
      <c r="L3965">
        <v>17033.888879999999</v>
      </c>
      <c r="M3965">
        <v>302783.19349999999</v>
      </c>
      <c r="N3965">
        <v>73764.586500000005</v>
      </c>
      <c r="O3965">
        <v>17998.235619999999</v>
      </c>
      <c r="P3965">
        <v>24575.271820000002</v>
      </c>
      <c r="Q3965">
        <v>94911.661410000001</v>
      </c>
      <c r="R3965">
        <v>15289.21191</v>
      </c>
      <c r="S3965">
        <v>74689.704670000006</v>
      </c>
      <c r="T3965">
        <v>18751.925009999999</v>
      </c>
      <c r="U3965">
        <v>13048.654710000001</v>
      </c>
      <c r="W3965" s="83">
        <f>Bühler!N3997</f>
        <v>45457.124999990388</v>
      </c>
      <c r="X3965" s="83">
        <v>43266.125</v>
      </c>
      <c r="Y3965">
        <v>240456.5748</v>
      </c>
      <c r="Z3965">
        <v>13391.595509999999</v>
      </c>
      <c r="AA3965">
        <v>56647.070549999997</v>
      </c>
      <c r="AB3965">
        <v>31465.727050000001</v>
      </c>
      <c r="AC3965">
        <v>34695.009890000001</v>
      </c>
      <c r="AD3965">
        <v>14841.50743</v>
      </c>
      <c r="AE3965">
        <v>32583.31741</v>
      </c>
      <c r="AF3965">
        <v>47501.673719999999</v>
      </c>
      <c r="AG3965">
        <v>17033.888879999999</v>
      </c>
      <c r="AH3965">
        <v>302783.19349999999</v>
      </c>
      <c r="AI3965">
        <v>73764.586500000005</v>
      </c>
      <c r="AJ3965">
        <v>17998.235619999999</v>
      </c>
      <c r="AK3965">
        <v>24575.271820000002</v>
      </c>
      <c r="AL3965">
        <v>94911.661410000001</v>
      </c>
      <c r="AM3965">
        <v>15289.21191</v>
      </c>
      <c r="AN3965">
        <v>74689.704670000006</v>
      </c>
      <c r="AO3965">
        <v>18751.925009999999</v>
      </c>
      <c r="AP3965">
        <v>13048.654710000001</v>
      </c>
    </row>
    <row r="3966" spans="2:42" x14ac:dyDescent="0.3">
      <c r="B3966">
        <v>60.797197590423878</v>
      </c>
      <c r="C3966" s="83">
        <v>43266.166666666664</v>
      </c>
      <c r="D3966">
        <v>241215.06520000001</v>
      </c>
      <c r="E3966">
        <v>13804.19513</v>
      </c>
      <c r="F3966">
        <v>59532.60368</v>
      </c>
      <c r="G3966">
        <v>31005.827280000001</v>
      </c>
      <c r="H3966">
        <v>35383.342270000001</v>
      </c>
      <c r="I3966">
        <v>15877.33561</v>
      </c>
      <c r="J3966">
        <v>34824.768450000003</v>
      </c>
      <c r="K3966">
        <v>46827.325929999999</v>
      </c>
      <c r="L3966">
        <v>17102.972600000001</v>
      </c>
      <c r="M3966">
        <v>309972.4656</v>
      </c>
      <c r="N3966">
        <v>72689.795209999997</v>
      </c>
      <c r="O3966">
        <v>17658.910779999998</v>
      </c>
      <c r="P3966">
        <v>24503.181710000001</v>
      </c>
      <c r="Q3966">
        <v>98734.861820000006</v>
      </c>
      <c r="R3966">
        <v>15119.854009999999</v>
      </c>
      <c r="S3966">
        <v>74681.108739999996</v>
      </c>
      <c r="T3966">
        <v>18561.30185</v>
      </c>
      <c r="U3966">
        <v>13321.343489999999</v>
      </c>
      <c r="W3966" s="83">
        <f>Bühler!N3998</f>
        <v>45457.166666657053</v>
      </c>
      <c r="X3966" s="83">
        <v>43266.166666666664</v>
      </c>
      <c r="Y3966">
        <v>241215.06520000001</v>
      </c>
      <c r="Z3966">
        <v>13804.19513</v>
      </c>
      <c r="AA3966">
        <v>59532.60368</v>
      </c>
      <c r="AB3966">
        <v>31005.827280000001</v>
      </c>
      <c r="AC3966">
        <v>35383.342270000001</v>
      </c>
      <c r="AD3966">
        <v>15877.33561</v>
      </c>
      <c r="AE3966">
        <v>34824.768450000003</v>
      </c>
      <c r="AF3966">
        <v>46827.325929999999</v>
      </c>
      <c r="AG3966">
        <v>17102.972600000001</v>
      </c>
      <c r="AH3966">
        <v>309972.4656</v>
      </c>
      <c r="AI3966">
        <v>72689.795209999997</v>
      </c>
      <c r="AJ3966">
        <v>17658.910779999998</v>
      </c>
      <c r="AK3966">
        <v>24503.181710000001</v>
      </c>
      <c r="AL3966">
        <v>98734.861820000006</v>
      </c>
      <c r="AM3966">
        <v>15119.854009999999</v>
      </c>
      <c r="AN3966">
        <v>74681.108739999996</v>
      </c>
      <c r="AO3966">
        <v>18561.30185</v>
      </c>
      <c r="AP3966">
        <v>13321.343489999999</v>
      </c>
    </row>
    <row r="3967" spans="2:42" x14ac:dyDescent="0.3">
      <c r="B3967">
        <v>63.64585315189791</v>
      </c>
      <c r="C3967" s="83">
        <v>43266.208333333336</v>
      </c>
      <c r="D3967">
        <v>253812.82629999999</v>
      </c>
      <c r="E3967">
        <v>15583.994849999999</v>
      </c>
      <c r="F3967">
        <v>69453.720400000006</v>
      </c>
      <c r="G3967">
        <v>32699.668669999999</v>
      </c>
      <c r="H3967">
        <v>36487.020949999998</v>
      </c>
      <c r="I3967">
        <v>21723.366590000001</v>
      </c>
      <c r="J3967">
        <v>37260.57</v>
      </c>
      <c r="K3967">
        <v>47341.965889999999</v>
      </c>
      <c r="L3967">
        <v>17773.086319999999</v>
      </c>
      <c r="M3967">
        <v>324496.2401</v>
      </c>
      <c r="N3967">
        <v>72570.905620000005</v>
      </c>
      <c r="O3967">
        <v>18658.785530000001</v>
      </c>
      <c r="P3967">
        <v>25543.957859999999</v>
      </c>
      <c r="Q3967">
        <v>100678.0387</v>
      </c>
      <c r="R3967">
        <v>17009.982400000001</v>
      </c>
      <c r="S3967">
        <v>76830.739549999998</v>
      </c>
      <c r="T3967">
        <v>20827.722239999999</v>
      </c>
      <c r="U3967">
        <v>14736.042030000001</v>
      </c>
      <c r="W3967" s="83">
        <f>Bühler!N3999</f>
        <v>45457.208333323717</v>
      </c>
      <c r="X3967" s="83">
        <v>43266.208333333336</v>
      </c>
      <c r="Y3967">
        <v>253812.82629999999</v>
      </c>
      <c r="Z3967">
        <v>15583.994849999999</v>
      </c>
      <c r="AA3967">
        <v>69453.720400000006</v>
      </c>
      <c r="AB3967">
        <v>32699.668669999999</v>
      </c>
      <c r="AC3967">
        <v>36487.020949999998</v>
      </c>
      <c r="AD3967">
        <v>21723.366590000001</v>
      </c>
      <c r="AE3967">
        <v>37260.57</v>
      </c>
      <c r="AF3967">
        <v>47341.965889999999</v>
      </c>
      <c r="AG3967">
        <v>17773.086319999999</v>
      </c>
      <c r="AH3967">
        <v>324496.2401</v>
      </c>
      <c r="AI3967">
        <v>72570.905620000005</v>
      </c>
      <c r="AJ3967">
        <v>18658.785530000001</v>
      </c>
      <c r="AK3967">
        <v>25543.957859999999</v>
      </c>
      <c r="AL3967">
        <v>100678.0387</v>
      </c>
      <c r="AM3967">
        <v>17009.982400000001</v>
      </c>
      <c r="AN3967">
        <v>76830.739549999998</v>
      </c>
      <c r="AO3967">
        <v>20827.722239999999</v>
      </c>
      <c r="AP3967">
        <v>14736.042030000001</v>
      </c>
    </row>
    <row r="3968" spans="2:42" x14ac:dyDescent="0.3">
      <c r="B3968">
        <v>66.932342907084362</v>
      </c>
      <c r="C3968" s="83">
        <v>43266.25</v>
      </c>
      <c r="D3968">
        <v>268981.495</v>
      </c>
      <c r="E3968">
        <v>19181.462790000001</v>
      </c>
      <c r="F3968">
        <v>80175.005720000001</v>
      </c>
      <c r="G3968">
        <v>41740.557309999997</v>
      </c>
      <c r="H3968">
        <v>37865.304709999997</v>
      </c>
      <c r="I3968">
        <v>27455.06077</v>
      </c>
      <c r="J3968">
        <v>39774.946279999996</v>
      </c>
      <c r="K3968">
        <v>49355.25677</v>
      </c>
      <c r="L3968">
        <v>18284.59259</v>
      </c>
      <c r="M3968">
        <v>341252.29749999999</v>
      </c>
      <c r="N3968">
        <v>73458.509659999996</v>
      </c>
      <c r="O3968">
        <v>19317.533879999999</v>
      </c>
      <c r="P3968">
        <v>26393.666509999999</v>
      </c>
      <c r="Q3968">
        <v>101346.5255</v>
      </c>
      <c r="R3968">
        <v>16061.359060000001</v>
      </c>
      <c r="S3968">
        <v>84141.293950000007</v>
      </c>
      <c r="T3968">
        <v>22609.51715</v>
      </c>
      <c r="U3968">
        <v>16514.92236</v>
      </c>
      <c r="W3968" s="83">
        <f>Bühler!N4000</f>
        <v>45457.249999990381</v>
      </c>
      <c r="X3968" s="83">
        <v>43266.25</v>
      </c>
      <c r="Y3968">
        <v>268981.495</v>
      </c>
      <c r="Z3968">
        <v>19181.462790000001</v>
      </c>
      <c r="AA3968">
        <v>80175.005720000001</v>
      </c>
      <c r="AB3968">
        <v>41740.557309999997</v>
      </c>
      <c r="AC3968">
        <v>37865.304709999997</v>
      </c>
      <c r="AD3968">
        <v>27455.06077</v>
      </c>
      <c r="AE3968">
        <v>39774.946279999996</v>
      </c>
      <c r="AF3968">
        <v>49355.25677</v>
      </c>
      <c r="AG3968">
        <v>18284.59259</v>
      </c>
      <c r="AH3968">
        <v>341252.29749999999</v>
      </c>
      <c r="AI3968">
        <v>73458.509659999996</v>
      </c>
      <c r="AJ3968">
        <v>19317.533879999999</v>
      </c>
      <c r="AK3968">
        <v>26393.666509999999</v>
      </c>
      <c r="AL3968">
        <v>101346.5255</v>
      </c>
      <c r="AM3968">
        <v>16061.359060000001</v>
      </c>
      <c r="AN3968">
        <v>84141.293950000007</v>
      </c>
      <c r="AO3968">
        <v>22609.51715</v>
      </c>
      <c r="AP3968">
        <v>16514.92236</v>
      </c>
    </row>
    <row r="3969" spans="2:42" x14ac:dyDescent="0.3">
      <c r="B3969">
        <v>69.27795868600758</v>
      </c>
      <c r="C3969" s="83">
        <v>43266.291666666664</v>
      </c>
      <c r="D3969">
        <v>280007.44500000001</v>
      </c>
      <c r="E3969">
        <v>23684.298790000001</v>
      </c>
      <c r="F3969">
        <v>84787.118570000006</v>
      </c>
      <c r="G3969">
        <v>50956.477619999998</v>
      </c>
      <c r="H3969">
        <v>43326.280650000001</v>
      </c>
      <c r="I3969">
        <v>34014.857559999997</v>
      </c>
      <c r="J3969">
        <v>41460.140800000001</v>
      </c>
      <c r="K3969">
        <v>54390.417759999997</v>
      </c>
      <c r="L3969">
        <v>21119.238130000002</v>
      </c>
      <c r="M3969">
        <v>353211.3406</v>
      </c>
      <c r="N3969">
        <v>76644.704450000005</v>
      </c>
      <c r="O3969">
        <v>21553.853050000002</v>
      </c>
      <c r="P3969">
        <v>30114.229210000001</v>
      </c>
      <c r="Q3969">
        <v>101174.6067</v>
      </c>
      <c r="R3969">
        <v>18726.664949999998</v>
      </c>
      <c r="S3969">
        <v>98440.615380000003</v>
      </c>
      <c r="T3969">
        <v>25743.429599999999</v>
      </c>
      <c r="U3969">
        <v>20745.89903</v>
      </c>
      <c r="W3969" s="83">
        <f>Bühler!N4001</f>
        <v>45457.291666657045</v>
      </c>
      <c r="X3969" s="83">
        <v>43266.291666666664</v>
      </c>
      <c r="Y3969">
        <v>280007.44500000001</v>
      </c>
      <c r="Z3969">
        <v>23684.298790000001</v>
      </c>
      <c r="AA3969">
        <v>84787.118570000006</v>
      </c>
      <c r="AB3969">
        <v>50956.477619999998</v>
      </c>
      <c r="AC3969">
        <v>43326.280650000001</v>
      </c>
      <c r="AD3969">
        <v>34014.857559999997</v>
      </c>
      <c r="AE3969">
        <v>41460.140800000001</v>
      </c>
      <c r="AF3969">
        <v>54390.417759999997</v>
      </c>
      <c r="AG3969">
        <v>21119.238130000002</v>
      </c>
      <c r="AH3969">
        <v>353211.3406</v>
      </c>
      <c r="AI3969">
        <v>76644.704450000005</v>
      </c>
      <c r="AJ3969">
        <v>21553.853050000002</v>
      </c>
      <c r="AK3969">
        <v>30114.229210000001</v>
      </c>
      <c r="AL3969">
        <v>101174.6067</v>
      </c>
      <c r="AM3969">
        <v>18726.664949999998</v>
      </c>
      <c r="AN3969">
        <v>98440.615380000003</v>
      </c>
      <c r="AO3969">
        <v>25743.429599999999</v>
      </c>
      <c r="AP3969">
        <v>20745.89903</v>
      </c>
    </row>
    <row r="3970" spans="2:42" x14ac:dyDescent="0.3">
      <c r="B3970">
        <v>69.827455105537808</v>
      </c>
      <c r="C3970" s="83">
        <v>43266.333333333336</v>
      </c>
      <c r="D3970">
        <v>291057.94760000001</v>
      </c>
      <c r="E3970">
        <v>29706.91043</v>
      </c>
      <c r="F3970">
        <v>93042.916310000001</v>
      </c>
      <c r="G3970">
        <v>62443.371980000004</v>
      </c>
      <c r="H3970">
        <v>48371.612289999997</v>
      </c>
      <c r="I3970">
        <v>38299.688970000003</v>
      </c>
      <c r="J3970">
        <v>45154.794309999997</v>
      </c>
      <c r="K3970">
        <v>61428.843330000003</v>
      </c>
      <c r="L3970">
        <v>24776.634030000001</v>
      </c>
      <c r="M3970">
        <v>356012.92959999997</v>
      </c>
      <c r="N3970">
        <v>85391.42611</v>
      </c>
      <c r="O3970">
        <v>24527.56064</v>
      </c>
      <c r="P3970">
        <v>32801.748140000003</v>
      </c>
      <c r="Q3970">
        <v>101338.8597</v>
      </c>
      <c r="R3970">
        <v>21532.975589999998</v>
      </c>
      <c r="S3970">
        <v>111115.0953</v>
      </c>
      <c r="T3970">
        <v>28912.012900000002</v>
      </c>
      <c r="U3970">
        <v>24206.352500000001</v>
      </c>
      <c r="W3970" s="83">
        <f>Bühler!N4002</f>
        <v>45457.33333332371</v>
      </c>
      <c r="X3970" s="83">
        <v>43266.333333333336</v>
      </c>
      <c r="Y3970">
        <v>291057.94760000001</v>
      </c>
      <c r="Z3970">
        <v>29706.91043</v>
      </c>
      <c r="AA3970">
        <v>93042.916310000001</v>
      </c>
      <c r="AB3970">
        <v>62443.371980000004</v>
      </c>
      <c r="AC3970">
        <v>48371.612289999997</v>
      </c>
      <c r="AD3970">
        <v>38299.688970000003</v>
      </c>
      <c r="AE3970">
        <v>45154.794309999997</v>
      </c>
      <c r="AF3970">
        <v>61428.843330000003</v>
      </c>
      <c r="AG3970">
        <v>24776.634030000001</v>
      </c>
      <c r="AH3970">
        <v>356012.92959999997</v>
      </c>
      <c r="AI3970">
        <v>85391.42611</v>
      </c>
      <c r="AJ3970">
        <v>24527.56064</v>
      </c>
      <c r="AK3970">
        <v>32801.748140000003</v>
      </c>
      <c r="AL3970">
        <v>101338.8597</v>
      </c>
      <c r="AM3970">
        <v>21532.975589999998</v>
      </c>
      <c r="AN3970">
        <v>111115.0953</v>
      </c>
      <c r="AO3970">
        <v>28912.012900000002</v>
      </c>
      <c r="AP3970">
        <v>24206.352500000001</v>
      </c>
    </row>
    <row r="3971" spans="2:42" x14ac:dyDescent="0.3">
      <c r="B3971">
        <v>70.09084611568322</v>
      </c>
      <c r="C3971" s="83">
        <v>43266.375</v>
      </c>
      <c r="D3971">
        <v>294092.73369999998</v>
      </c>
      <c r="E3971">
        <v>34946.184000000001</v>
      </c>
      <c r="F3971">
        <v>100981.33010000001</v>
      </c>
      <c r="G3971">
        <v>71171.151360000003</v>
      </c>
      <c r="H3971">
        <v>51508.809309999997</v>
      </c>
      <c r="I3971">
        <v>37847.468200000003</v>
      </c>
      <c r="J3971">
        <v>47138.96155</v>
      </c>
      <c r="K3971">
        <v>63142.186909999997</v>
      </c>
      <c r="L3971">
        <v>28567.263019999999</v>
      </c>
      <c r="M3971">
        <v>357355.8198</v>
      </c>
      <c r="N3971">
        <v>88654.58094</v>
      </c>
      <c r="O3971">
        <v>27532.35138</v>
      </c>
      <c r="P3971">
        <v>35183.35759</v>
      </c>
      <c r="Q3971">
        <v>101613.31879999999</v>
      </c>
      <c r="R3971">
        <v>23895.358329999999</v>
      </c>
      <c r="S3971">
        <v>117241.6784</v>
      </c>
      <c r="T3971">
        <v>31717.116580000002</v>
      </c>
      <c r="U3971">
        <v>24888.924650000001</v>
      </c>
      <c r="W3971" s="83">
        <f>Bühler!N4003</f>
        <v>45457.374999990374</v>
      </c>
      <c r="X3971" s="83">
        <v>43266.375</v>
      </c>
      <c r="Y3971">
        <v>294092.73369999998</v>
      </c>
      <c r="Z3971">
        <v>34946.184000000001</v>
      </c>
      <c r="AA3971">
        <v>100981.33010000001</v>
      </c>
      <c r="AB3971">
        <v>71171.151360000003</v>
      </c>
      <c r="AC3971">
        <v>51508.809309999997</v>
      </c>
      <c r="AD3971">
        <v>37847.468200000003</v>
      </c>
      <c r="AE3971">
        <v>47138.96155</v>
      </c>
      <c r="AF3971">
        <v>63142.186909999997</v>
      </c>
      <c r="AG3971">
        <v>28567.263019999999</v>
      </c>
      <c r="AH3971">
        <v>357355.8198</v>
      </c>
      <c r="AI3971">
        <v>88654.58094</v>
      </c>
      <c r="AJ3971">
        <v>27532.35138</v>
      </c>
      <c r="AK3971">
        <v>35183.35759</v>
      </c>
      <c r="AL3971">
        <v>101613.31879999999</v>
      </c>
      <c r="AM3971">
        <v>23895.358329999999</v>
      </c>
      <c r="AN3971">
        <v>117241.6784</v>
      </c>
      <c r="AO3971">
        <v>31717.116580000002</v>
      </c>
      <c r="AP3971">
        <v>24888.924650000001</v>
      </c>
    </row>
    <row r="3972" spans="2:42" x14ac:dyDescent="0.3">
      <c r="B3972">
        <v>70.946080672027762</v>
      </c>
      <c r="C3972" s="83">
        <v>43266.416666666664</v>
      </c>
      <c r="D3972">
        <v>297342.67119999998</v>
      </c>
      <c r="E3972">
        <v>37577.647109999998</v>
      </c>
      <c r="F3972">
        <v>102591.8533</v>
      </c>
      <c r="G3972">
        <v>73604.258289999998</v>
      </c>
      <c r="H3972">
        <v>53034.328509999999</v>
      </c>
      <c r="I3972">
        <v>36064.306479999999</v>
      </c>
      <c r="J3972">
        <v>48512.059249999998</v>
      </c>
      <c r="K3972">
        <v>64036.866999999998</v>
      </c>
      <c r="L3972">
        <v>32726.215530000001</v>
      </c>
      <c r="M3972">
        <v>361716.20439999999</v>
      </c>
      <c r="N3972">
        <v>90881.497610000006</v>
      </c>
      <c r="O3972">
        <v>28803.684949999999</v>
      </c>
      <c r="P3972">
        <v>37026.385620000001</v>
      </c>
      <c r="Q3972">
        <v>102953.7151</v>
      </c>
      <c r="R3972">
        <v>25297.757269999998</v>
      </c>
      <c r="S3972">
        <v>120199.05839999999</v>
      </c>
      <c r="T3972">
        <v>34613.315600000002</v>
      </c>
      <c r="U3972">
        <v>24113.202949999999</v>
      </c>
      <c r="W3972" s="83">
        <f>Bühler!N4004</f>
        <v>45457.416666657038</v>
      </c>
      <c r="X3972" s="83">
        <v>43266.416666666664</v>
      </c>
      <c r="Y3972">
        <v>297342.67119999998</v>
      </c>
      <c r="Z3972">
        <v>37577.647109999998</v>
      </c>
      <c r="AA3972">
        <v>102591.8533</v>
      </c>
      <c r="AB3972">
        <v>73604.258289999998</v>
      </c>
      <c r="AC3972">
        <v>53034.328509999999</v>
      </c>
      <c r="AD3972">
        <v>36064.306479999999</v>
      </c>
      <c r="AE3972">
        <v>48512.059249999998</v>
      </c>
      <c r="AF3972">
        <v>64036.866999999998</v>
      </c>
      <c r="AG3972">
        <v>32726.215530000001</v>
      </c>
      <c r="AH3972">
        <v>361716.20439999999</v>
      </c>
      <c r="AI3972">
        <v>90881.497610000006</v>
      </c>
      <c r="AJ3972">
        <v>28803.684949999999</v>
      </c>
      <c r="AK3972">
        <v>37026.385620000001</v>
      </c>
      <c r="AL3972">
        <v>102953.7151</v>
      </c>
      <c r="AM3972">
        <v>25297.757269999998</v>
      </c>
      <c r="AN3972">
        <v>120199.05839999999</v>
      </c>
      <c r="AO3972">
        <v>34613.315600000002</v>
      </c>
      <c r="AP3972">
        <v>24113.202949999999</v>
      </c>
    </row>
    <row r="3973" spans="2:42" x14ac:dyDescent="0.3">
      <c r="B3973">
        <v>71.028198778124619</v>
      </c>
      <c r="C3973" s="83">
        <v>43266.458333333336</v>
      </c>
      <c r="D3973">
        <v>292370.20510000002</v>
      </c>
      <c r="E3973">
        <v>37789.09736</v>
      </c>
      <c r="F3973">
        <v>103642.94289999999</v>
      </c>
      <c r="G3973">
        <v>73308.143599999996</v>
      </c>
      <c r="H3973">
        <v>52666.2399</v>
      </c>
      <c r="I3973">
        <v>36245.16476</v>
      </c>
      <c r="J3973">
        <v>48535.922229999996</v>
      </c>
      <c r="K3973">
        <v>64147.763529999997</v>
      </c>
      <c r="L3973">
        <v>34470.751239999998</v>
      </c>
      <c r="M3973">
        <v>362134.88079999998</v>
      </c>
      <c r="N3973">
        <v>93607.560230000003</v>
      </c>
      <c r="O3973">
        <v>30311.796030000001</v>
      </c>
      <c r="P3973">
        <v>37112.667390000002</v>
      </c>
      <c r="Q3973">
        <v>102895.69749999999</v>
      </c>
      <c r="R3973">
        <v>27549.209849999999</v>
      </c>
      <c r="S3973">
        <v>122193.9999</v>
      </c>
      <c r="T3973">
        <v>35181.472699999998</v>
      </c>
      <c r="U3973">
        <v>23548.12228</v>
      </c>
      <c r="W3973" s="83">
        <f>Bühler!N4005</f>
        <v>45457.458333323702</v>
      </c>
      <c r="X3973" s="83">
        <v>43266.458333333336</v>
      </c>
      <c r="Y3973">
        <v>292370.20510000002</v>
      </c>
      <c r="Z3973">
        <v>37789.09736</v>
      </c>
      <c r="AA3973">
        <v>103642.94289999999</v>
      </c>
      <c r="AB3973">
        <v>73308.143599999996</v>
      </c>
      <c r="AC3973">
        <v>52666.2399</v>
      </c>
      <c r="AD3973">
        <v>36245.16476</v>
      </c>
      <c r="AE3973">
        <v>48535.922229999996</v>
      </c>
      <c r="AF3973">
        <v>64147.763529999997</v>
      </c>
      <c r="AG3973">
        <v>34470.751239999998</v>
      </c>
      <c r="AH3973">
        <v>362134.88079999998</v>
      </c>
      <c r="AI3973">
        <v>93607.560230000003</v>
      </c>
      <c r="AJ3973">
        <v>30311.796030000001</v>
      </c>
      <c r="AK3973">
        <v>37112.667390000002</v>
      </c>
      <c r="AL3973">
        <v>102895.69749999999</v>
      </c>
      <c r="AM3973">
        <v>27549.209849999999</v>
      </c>
      <c r="AN3973">
        <v>122193.9999</v>
      </c>
      <c r="AO3973">
        <v>35181.472699999998</v>
      </c>
      <c r="AP3973">
        <v>23548.12228</v>
      </c>
    </row>
    <row r="3974" spans="2:42" x14ac:dyDescent="0.3">
      <c r="B3974">
        <v>69.536751450636075</v>
      </c>
      <c r="C3974" s="83">
        <v>43266.5</v>
      </c>
      <c r="D3974">
        <v>281422.93449999997</v>
      </c>
      <c r="E3974">
        <v>34864.77375</v>
      </c>
      <c r="F3974">
        <v>103799.692</v>
      </c>
      <c r="G3974">
        <v>73571.665949999995</v>
      </c>
      <c r="H3974">
        <v>50902.683210000003</v>
      </c>
      <c r="I3974">
        <v>35722.940219999997</v>
      </c>
      <c r="J3974">
        <v>48385.130440000001</v>
      </c>
      <c r="K3974">
        <v>61808.939400000003</v>
      </c>
      <c r="L3974">
        <v>36345.785669999997</v>
      </c>
      <c r="M3974">
        <v>354530.7868</v>
      </c>
      <c r="N3974">
        <v>92246.4997</v>
      </c>
      <c r="O3974">
        <v>29193.566429999999</v>
      </c>
      <c r="P3974">
        <v>38513.723310000001</v>
      </c>
      <c r="Q3974">
        <v>102337.7307</v>
      </c>
      <c r="R3974">
        <v>27664.524379999999</v>
      </c>
      <c r="S3974">
        <v>115921.8572</v>
      </c>
      <c r="T3974">
        <v>36199.191509999997</v>
      </c>
      <c r="U3974">
        <v>19810.123739999999</v>
      </c>
      <c r="W3974" s="83">
        <f>Bühler!N4006</f>
        <v>45457.499999990367</v>
      </c>
      <c r="X3974" s="83">
        <v>43266.5</v>
      </c>
      <c r="Y3974">
        <v>281422.93449999997</v>
      </c>
      <c r="Z3974">
        <v>34864.77375</v>
      </c>
      <c r="AA3974">
        <v>103799.692</v>
      </c>
      <c r="AB3974">
        <v>73571.665949999995</v>
      </c>
      <c r="AC3974">
        <v>50902.683210000003</v>
      </c>
      <c r="AD3974">
        <v>35722.940219999997</v>
      </c>
      <c r="AE3974">
        <v>48385.130440000001</v>
      </c>
      <c r="AF3974">
        <v>61808.939400000003</v>
      </c>
      <c r="AG3974">
        <v>36345.785669999997</v>
      </c>
      <c r="AH3974">
        <v>354530.7868</v>
      </c>
      <c r="AI3974">
        <v>92246.4997</v>
      </c>
      <c r="AJ3974">
        <v>29193.566429999999</v>
      </c>
      <c r="AK3974">
        <v>38513.723310000001</v>
      </c>
      <c r="AL3974">
        <v>102337.7307</v>
      </c>
      <c r="AM3974">
        <v>27664.524379999999</v>
      </c>
      <c r="AN3974">
        <v>115921.8572</v>
      </c>
      <c r="AO3974">
        <v>36199.191509999997</v>
      </c>
      <c r="AP3974">
        <v>19810.123739999999</v>
      </c>
    </row>
    <row r="3975" spans="2:42" x14ac:dyDescent="0.3">
      <c r="B3975">
        <v>68.546616464658371</v>
      </c>
      <c r="C3975" s="83">
        <v>43266.541666666664</v>
      </c>
      <c r="D3975">
        <v>279435.57650000002</v>
      </c>
      <c r="E3975">
        <v>35000.259109999999</v>
      </c>
      <c r="F3975">
        <v>102603.6887</v>
      </c>
      <c r="G3975">
        <v>68995.398310000004</v>
      </c>
      <c r="H3975">
        <v>50797.004610000004</v>
      </c>
      <c r="I3975">
        <v>34596.211410000004</v>
      </c>
      <c r="J3975">
        <v>47777.887089999997</v>
      </c>
      <c r="K3975">
        <v>62939.588459999999</v>
      </c>
      <c r="L3975">
        <v>34582.872179999998</v>
      </c>
      <c r="M3975">
        <v>349482.61690000002</v>
      </c>
      <c r="N3975">
        <v>91852.592369999998</v>
      </c>
      <c r="O3975">
        <v>28521.821080000002</v>
      </c>
      <c r="P3975">
        <v>37342.827790000003</v>
      </c>
      <c r="Q3975">
        <v>100683.045</v>
      </c>
      <c r="R3975">
        <v>27094.855930000002</v>
      </c>
      <c r="S3975">
        <v>116586.0708</v>
      </c>
      <c r="T3975">
        <v>35183.706359999996</v>
      </c>
      <c r="U3975">
        <v>21044.91995</v>
      </c>
      <c r="W3975" s="83">
        <f>Bühler!N4007</f>
        <v>45457.541666657031</v>
      </c>
      <c r="X3975" s="83">
        <v>43266.541666666664</v>
      </c>
      <c r="Y3975">
        <v>279435.57650000002</v>
      </c>
      <c r="Z3975">
        <v>35000.259109999999</v>
      </c>
      <c r="AA3975">
        <v>102603.6887</v>
      </c>
      <c r="AB3975">
        <v>68995.398310000004</v>
      </c>
      <c r="AC3975">
        <v>50797.004610000004</v>
      </c>
      <c r="AD3975">
        <v>34596.211410000004</v>
      </c>
      <c r="AE3975">
        <v>47777.887089999997</v>
      </c>
      <c r="AF3975">
        <v>62939.588459999999</v>
      </c>
      <c r="AG3975">
        <v>34582.872179999998</v>
      </c>
      <c r="AH3975">
        <v>349482.61690000002</v>
      </c>
      <c r="AI3975">
        <v>91852.592369999998</v>
      </c>
      <c r="AJ3975">
        <v>28521.821080000002</v>
      </c>
      <c r="AK3975">
        <v>37342.827790000003</v>
      </c>
      <c r="AL3975">
        <v>100683.045</v>
      </c>
      <c r="AM3975">
        <v>27094.855930000002</v>
      </c>
      <c r="AN3975">
        <v>116586.0708</v>
      </c>
      <c r="AO3975">
        <v>35183.706359999996</v>
      </c>
      <c r="AP3975">
        <v>21044.91995</v>
      </c>
    </row>
    <row r="3976" spans="2:42" x14ac:dyDescent="0.3">
      <c r="B3976">
        <v>68.214073267099536</v>
      </c>
      <c r="C3976" s="83">
        <v>43266.583333333336</v>
      </c>
      <c r="D3976">
        <v>281026.20539999998</v>
      </c>
      <c r="E3976">
        <v>37387.412470000003</v>
      </c>
      <c r="F3976">
        <v>103673.70450000001</v>
      </c>
      <c r="G3976">
        <v>62518.6486</v>
      </c>
      <c r="H3976">
        <v>50531.993609999998</v>
      </c>
      <c r="I3976">
        <v>34753.625370000002</v>
      </c>
      <c r="J3976">
        <v>47368.311090000003</v>
      </c>
      <c r="K3976">
        <v>63331.808349999999</v>
      </c>
      <c r="L3976">
        <v>31611.13003</v>
      </c>
      <c r="M3976">
        <v>347787.15659999999</v>
      </c>
      <c r="N3976">
        <v>92181.716</v>
      </c>
      <c r="O3976">
        <v>28028.707480000001</v>
      </c>
      <c r="P3976">
        <v>33450.582419999999</v>
      </c>
      <c r="Q3976">
        <v>98089.998389999993</v>
      </c>
      <c r="R3976">
        <v>27481.218629999999</v>
      </c>
      <c r="S3976">
        <v>113308.29730000001</v>
      </c>
      <c r="T3976">
        <v>33923.35254</v>
      </c>
      <c r="U3976">
        <v>21712.072980000001</v>
      </c>
      <c r="W3976" s="83">
        <f>Bühler!N4008</f>
        <v>45457.583333323695</v>
      </c>
      <c r="X3976" s="83">
        <v>43266.583333333336</v>
      </c>
      <c r="Y3976">
        <v>281026.20539999998</v>
      </c>
      <c r="Z3976">
        <v>37387.412470000003</v>
      </c>
      <c r="AA3976">
        <v>103673.70450000001</v>
      </c>
      <c r="AB3976">
        <v>62518.6486</v>
      </c>
      <c r="AC3976">
        <v>50531.993609999998</v>
      </c>
      <c r="AD3976">
        <v>34753.625370000002</v>
      </c>
      <c r="AE3976">
        <v>47368.311090000003</v>
      </c>
      <c r="AF3976">
        <v>63331.808349999999</v>
      </c>
      <c r="AG3976">
        <v>31611.13003</v>
      </c>
      <c r="AH3976">
        <v>347787.15659999999</v>
      </c>
      <c r="AI3976">
        <v>92181.716</v>
      </c>
      <c r="AJ3976">
        <v>28028.707480000001</v>
      </c>
      <c r="AK3976">
        <v>33450.582419999999</v>
      </c>
      <c r="AL3976">
        <v>98089.998389999993</v>
      </c>
      <c r="AM3976">
        <v>27481.218629999999</v>
      </c>
      <c r="AN3976">
        <v>113308.29730000001</v>
      </c>
      <c r="AO3976">
        <v>33923.35254</v>
      </c>
      <c r="AP3976">
        <v>21712.072980000001</v>
      </c>
    </row>
    <row r="3977" spans="2:42" x14ac:dyDescent="0.3">
      <c r="B3977">
        <v>67.680028298008764</v>
      </c>
      <c r="C3977" s="83">
        <v>43266.625</v>
      </c>
      <c r="D3977">
        <v>275971.31180000002</v>
      </c>
      <c r="E3977">
        <v>36689.808570000001</v>
      </c>
      <c r="F3977">
        <v>105638.2257</v>
      </c>
      <c r="G3977">
        <v>57477.677280000004</v>
      </c>
      <c r="H3977">
        <v>48957.211349999998</v>
      </c>
      <c r="I3977">
        <v>34870.43348</v>
      </c>
      <c r="J3977">
        <v>47548.319450000003</v>
      </c>
      <c r="K3977">
        <v>60853.923199999997</v>
      </c>
      <c r="L3977">
        <v>29383.122889999999</v>
      </c>
      <c r="M3977">
        <v>345064.34629999998</v>
      </c>
      <c r="N3977">
        <v>89413.669540000003</v>
      </c>
      <c r="O3977">
        <v>27500.02003</v>
      </c>
      <c r="P3977">
        <v>31051.63076</v>
      </c>
      <c r="Q3977">
        <v>97038.962710000007</v>
      </c>
      <c r="R3977">
        <v>27103.075649999999</v>
      </c>
      <c r="S3977">
        <v>110263.6596</v>
      </c>
      <c r="T3977">
        <v>32807.617819999999</v>
      </c>
      <c r="U3977">
        <v>20070.7958</v>
      </c>
      <c r="W3977" s="83">
        <f>Bühler!N4009</f>
        <v>45457.624999990359</v>
      </c>
      <c r="X3977" s="83">
        <v>43266.625</v>
      </c>
      <c r="Y3977">
        <v>275971.31180000002</v>
      </c>
      <c r="Z3977">
        <v>36689.808570000001</v>
      </c>
      <c r="AA3977">
        <v>105638.2257</v>
      </c>
      <c r="AB3977">
        <v>57477.677280000004</v>
      </c>
      <c r="AC3977">
        <v>48957.211349999998</v>
      </c>
      <c r="AD3977">
        <v>34870.43348</v>
      </c>
      <c r="AE3977">
        <v>47548.319450000003</v>
      </c>
      <c r="AF3977">
        <v>60853.923199999997</v>
      </c>
      <c r="AG3977">
        <v>29383.122889999999</v>
      </c>
      <c r="AH3977">
        <v>345064.34629999998</v>
      </c>
      <c r="AI3977">
        <v>89413.669540000003</v>
      </c>
      <c r="AJ3977">
        <v>27500.02003</v>
      </c>
      <c r="AK3977">
        <v>31051.63076</v>
      </c>
      <c r="AL3977">
        <v>97038.962710000007</v>
      </c>
      <c r="AM3977">
        <v>27103.075649999999</v>
      </c>
      <c r="AN3977">
        <v>110263.6596</v>
      </c>
      <c r="AO3977">
        <v>32807.617819999999</v>
      </c>
      <c r="AP3977">
        <v>20070.7958</v>
      </c>
    </row>
    <row r="3978" spans="2:42" x14ac:dyDescent="0.3">
      <c r="B3978">
        <v>66.128675995275671</v>
      </c>
      <c r="C3978" s="83">
        <v>43266.666666666664</v>
      </c>
      <c r="D3978">
        <v>266606.15539999999</v>
      </c>
      <c r="E3978">
        <v>35235.182430000001</v>
      </c>
      <c r="F3978">
        <v>104814.8125</v>
      </c>
      <c r="G3978">
        <v>52015.784440000003</v>
      </c>
      <c r="H3978">
        <v>47639.186350000004</v>
      </c>
      <c r="I3978">
        <v>35571.501060000002</v>
      </c>
      <c r="J3978">
        <v>46470.501279999997</v>
      </c>
      <c r="K3978">
        <v>56279.979480000002</v>
      </c>
      <c r="L3978">
        <v>28028.156370000001</v>
      </c>
      <c r="M3978">
        <v>337154.82880000002</v>
      </c>
      <c r="N3978">
        <v>87134.604519999993</v>
      </c>
      <c r="O3978">
        <v>26287.437890000001</v>
      </c>
      <c r="P3978">
        <v>30643.435089999999</v>
      </c>
      <c r="Q3978">
        <v>95132.065059999994</v>
      </c>
      <c r="R3978">
        <v>27075.36521</v>
      </c>
      <c r="S3978">
        <v>105851.4025</v>
      </c>
      <c r="T3978">
        <v>31950.025979999999</v>
      </c>
      <c r="U3978">
        <v>18640.696530000001</v>
      </c>
      <c r="W3978" s="83">
        <f>Bühler!N4010</f>
        <v>45457.666666657024</v>
      </c>
      <c r="X3978" s="83">
        <v>43266.666666666664</v>
      </c>
      <c r="Y3978">
        <v>266606.15539999999</v>
      </c>
      <c r="Z3978">
        <v>35235.182430000001</v>
      </c>
      <c r="AA3978">
        <v>104814.8125</v>
      </c>
      <c r="AB3978">
        <v>52015.784440000003</v>
      </c>
      <c r="AC3978">
        <v>47639.186350000004</v>
      </c>
      <c r="AD3978">
        <v>35571.501060000002</v>
      </c>
      <c r="AE3978">
        <v>46470.501279999997</v>
      </c>
      <c r="AF3978">
        <v>56279.979480000002</v>
      </c>
      <c r="AG3978">
        <v>28028.156370000001</v>
      </c>
      <c r="AH3978">
        <v>337154.82880000002</v>
      </c>
      <c r="AI3978">
        <v>87134.604519999993</v>
      </c>
      <c r="AJ3978">
        <v>26287.437890000001</v>
      </c>
      <c r="AK3978">
        <v>30643.435089999999</v>
      </c>
      <c r="AL3978">
        <v>95132.065059999994</v>
      </c>
      <c r="AM3978">
        <v>27075.36521</v>
      </c>
      <c r="AN3978">
        <v>105851.4025</v>
      </c>
      <c r="AO3978">
        <v>31950.025979999999</v>
      </c>
      <c r="AP3978">
        <v>18640.696530000001</v>
      </c>
    </row>
    <row r="3979" spans="2:42" x14ac:dyDescent="0.3">
      <c r="B3979">
        <v>64.644840152770499</v>
      </c>
      <c r="C3979" s="83">
        <v>43266.708333333336</v>
      </c>
      <c r="D3979">
        <v>254254.62349999999</v>
      </c>
      <c r="E3979">
        <v>33308.701200000003</v>
      </c>
      <c r="F3979">
        <v>103031.56140000001</v>
      </c>
      <c r="G3979">
        <v>45587.147259999998</v>
      </c>
      <c r="H3979">
        <v>45396.209139999999</v>
      </c>
      <c r="I3979">
        <v>34719.593540000002</v>
      </c>
      <c r="J3979">
        <v>45852.856330000002</v>
      </c>
      <c r="K3979">
        <v>52964.914709999997</v>
      </c>
      <c r="L3979">
        <v>28758.252400000001</v>
      </c>
      <c r="M3979">
        <v>329589.5417</v>
      </c>
      <c r="N3979">
        <v>85585.785199999998</v>
      </c>
      <c r="O3979">
        <v>25963.01597</v>
      </c>
      <c r="P3979">
        <v>31927.05773</v>
      </c>
      <c r="Q3979">
        <v>92877.77304</v>
      </c>
      <c r="R3979">
        <v>26738.008610000001</v>
      </c>
      <c r="S3979">
        <v>101825.75</v>
      </c>
      <c r="T3979">
        <v>31662.459859999999</v>
      </c>
      <c r="U3979">
        <v>16399.57747</v>
      </c>
      <c r="W3979" s="83">
        <f>Bühler!N4011</f>
        <v>45457.708333323688</v>
      </c>
      <c r="X3979" s="83">
        <v>43266.708333333336</v>
      </c>
      <c r="Y3979">
        <v>254254.62349999999</v>
      </c>
      <c r="Z3979">
        <v>33308.701200000003</v>
      </c>
      <c r="AA3979">
        <v>103031.56140000001</v>
      </c>
      <c r="AB3979">
        <v>45587.147259999998</v>
      </c>
      <c r="AC3979">
        <v>45396.209139999999</v>
      </c>
      <c r="AD3979">
        <v>34719.593540000002</v>
      </c>
      <c r="AE3979">
        <v>45852.856330000002</v>
      </c>
      <c r="AF3979">
        <v>52964.914709999997</v>
      </c>
      <c r="AG3979">
        <v>28758.252400000001</v>
      </c>
      <c r="AH3979">
        <v>329589.5417</v>
      </c>
      <c r="AI3979">
        <v>85585.785199999998</v>
      </c>
      <c r="AJ3979">
        <v>25963.01597</v>
      </c>
      <c r="AK3979">
        <v>31927.05773</v>
      </c>
      <c r="AL3979">
        <v>92877.77304</v>
      </c>
      <c r="AM3979">
        <v>26738.008610000001</v>
      </c>
      <c r="AN3979">
        <v>101825.75</v>
      </c>
      <c r="AO3979">
        <v>31662.459859999999</v>
      </c>
      <c r="AP3979">
        <v>16399.57747</v>
      </c>
    </row>
    <row r="3980" spans="2:42" x14ac:dyDescent="0.3">
      <c r="B3980">
        <v>62.671712818925748</v>
      </c>
      <c r="C3980" s="83">
        <v>43266.75</v>
      </c>
      <c r="D3980">
        <v>245844.6759</v>
      </c>
      <c r="E3980">
        <v>30182.111730000001</v>
      </c>
      <c r="F3980">
        <v>100432.8686</v>
      </c>
      <c r="G3980">
        <v>40071.239690000002</v>
      </c>
      <c r="H3980">
        <v>42847.870900000002</v>
      </c>
      <c r="I3980">
        <v>33977.964679999997</v>
      </c>
      <c r="J3980">
        <v>45680.651019999998</v>
      </c>
      <c r="K3980">
        <v>52286.486259999998</v>
      </c>
      <c r="L3980">
        <v>30058.611560000001</v>
      </c>
      <c r="M3980">
        <v>319529.61839999998</v>
      </c>
      <c r="N3980">
        <v>84013.765199999994</v>
      </c>
      <c r="O3980">
        <v>24281.90942</v>
      </c>
      <c r="P3980">
        <v>34084.225890000002</v>
      </c>
      <c r="Q3980">
        <v>90213.555049999995</v>
      </c>
      <c r="R3980">
        <v>24320.411510000002</v>
      </c>
      <c r="S3980">
        <v>94998.780320000005</v>
      </c>
      <c r="T3980">
        <v>30965.509139999998</v>
      </c>
      <c r="U3980">
        <v>15204.83898</v>
      </c>
      <c r="W3980" s="83">
        <f>Bühler!N4012</f>
        <v>45457.749999990352</v>
      </c>
      <c r="X3980" s="83">
        <v>43266.75</v>
      </c>
      <c r="Y3980">
        <v>245844.6759</v>
      </c>
      <c r="Z3980">
        <v>30182.111730000001</v>
      </c>
      <c r="AA3980">
        <v>100432.8686</v>
      </c>
      <c r="AB3980">
        <v>40071.239690000002</v>
      </c>
      <c r="AC3980">
        <v>42847.870900000002</v>
      </c>
      <c r="AD3980">
        <v>33977.964679999997</v>
      </c>
      <c r="AE3980">
        <v>45680.651019999998</v>
      </c>
      <c r="AF3980">
        <v>52286.486259999998</v>
      </c>
      <c r="AG3980">
        <v>30058.611560000001</v>
      </c>
      <c r="AH3980">
        <v>319529.61839999998</v>
      </c>
      <c r="AI3980">
        <v>84013.765199999994</v>
      </c>
      <c r="AJ3980">
        <v>24281.90942</v>
      </c>
      <c r="AK3980">
        <v>34084.225890000002</v>
      </c>
      <c r="AL3980">
        <v>90213.555049999995</v>
      </c>
      <c r="AM3980">
        <v>24320.411510000002</v>
      </c>
      <c r="AN3980">
        <v>94998.780320000005</v>
      </c>
      <c r="AO3980">
        <v>30965.509139999998</v>
      </c>
      <c r="AP3980">
        <v>15204.83898</v>
      </c>
    </row>
    <row r="3981" spans="2:42" x14ac:dyDescent="0.3">
      <c r="B3981">
        <v>61.096279823732324</v>
      </c>
      <c r="C3981" s="83">
        <v>43266.791666666664</v>
      </c>
      <c r="D3981">
        <v>238128.09589999999</v>
      </c>
      <c r="E3981">
        <v>24154.881160000001</v>
      </c>
      <c r="F3981">
        <v>89452.207219999997</v>
      </c>
      <c r="G3981">
        <v>36964.614430000001</v>
      </c>
      <c r="H3981">
        <v>40524.023050000003</v>
      </c>
      <c r="I3981">
        <v>31686.351070000001</v>
      </c>
      <c r="J3981">
        <v>44397.131370000003</v>
      </c>
      <c r="K3981">
        <v>49941.466639999999</v>
      </c>
      <c r="L3981">
        <v>30513.996950000001</v>
      </c>
      <c r="M3981">
        <v>311497.32630000002</v>
      </c>
      <c r="N3981">
        <v>81550.004830000005</v>
      </c>
      <c r="O3981">
        <v>22013.425220000001</v>
      </c>
      <c r="P3981">
        <v>35583.985359999999</v>
      </c>
      <c r="Q3981">
        <v>87467.455839999995</v>
      </c>
      <c r="R3981">
        <v>22662.386480000001</v>
      </c>
      <c r="S3981">
        <v>90087.228719999999</v>
      </c>
      <c r="T3981">
        <v>30343.52968</v>
      </c>
      <c r="U3981">
        <v>14153.2287</v>
      </c>
      <c r="W3981" s="83">
        <f>Bühler!N4013</f>
        <v>45457.791666657016</v>
      </c>
      <c r="X3981" s="83">
        <v>43266.791666666664</v>
      </c>
      <c r="Y3981">
        <v>238128.09589999999</v>
      </c>
      <c r="Z3981">
        <v>24154.881160000001</v>
      </c>
      <c r="AA3981">
        <v>89452.207219999997</v>
      </c>
      <c r="AB3981">
        <v>36964.614430000001</v>
      </c>
      <c r="AC3981">
        <v>40524.023050000003</v>
      </c>
      <c r="AD3981">
        <v>31686.351070000001</v>
      </c>
      <c r="AE3981">
        <v>44397.131370000003</v>
      </c>
      <c r="AF3981">
        <v>49941.466639999999</v>
      </c>
      <c r="AG3981">
        <v>30513.996950000001</v>
      </c>
      <c r="AH3981">
        <v>311497.32630000002</v>
      </c>
      <c r="AI3981">
        <v>81550.004830000005</v>
      </c>
      <c r="AJ3981">
        <v>22013.425220000001</v>
      </c>
      <c r="AK3981">
        <v>35583.985359999999</v>
      </c>
      <c r="AL3981">
        <v>87467.455839999995</v>
      </c>
      <c r="AM3981">
        <v>22662.386480000001</v>
      </c>
      <c r="AN3981">
        <v>90087.228719999999</v>
      </c>
      <c r="AO3981">
        <v>30343.52968</v>
      </c>
      <c r="AP3981">
        <v>14153.2287</v>
      </c>
    </row>
    <row r="3982" spans="2:42" x14ac:dyDescent="0.3">
      <c r="B3982">
        <v>59.281199174116729</v>
      </c>
      <c r="C3982" s="83">
        <v>43266.833333333336</v>
      </c>
      <c r="D3982">
        <v>228533.2194</v>
      </c>
      <c r="E3982">
        <v>18204.203420000002</v>
      </c>
      <c r="F3982">
        <v>70112.876390000005</v>
      </c>
      <c r="G3982">
        <v>34628.481220000001</v>
      </c>
      <c r="H3982">
        <v>37844.786679999997</v>
      </c>
      <c r="I3982">
        <v>27410.512119999999</v>
      </c>
      <c r="J3982">
        <v>43690.248390000001</v>
      </c>
      <c r="K3982">
        <v>49399.545630000001</v>
      </c>
      <c r="L3982">
        <v>30536.814770000001</v>
      </c>
      <c r="M3982">
        <v>302243.19870000001</v>
      </c>
      <c r="N3982">
        <v>78632.048899999994</v>
      </c>
      <c r="O3982">
        <v>20762.65841</v>
      </c>
      <c r="P3982">
        <v>35638.815000000002</v>
      </c>
      <c r="Q3982">
        <v>83193.848310000001</v>
      </c>
      <c r="R3982">
        <v>21106.683229999999</v>
      </c>
      <c r="S3982">
        <v>82556.962639999998</v>
      </c>
      <c r="T3982">
        <v>28900.261620000001</v>
      </c>
      <c r="U3982">
        <v>13095.57163</v>
      </c>
      <c r="W3982" s="83">
        <f>Bühler!N4014</f>
        <v>45457.833333323681</v>
      </c>
      <c r="X3982" s="83">
        <v>43266.833333333336</v>
      </c>
      <c r="Y3982">
        <v>228533.2194</v>
      </c>
      <c r="Z3982">
        <v>18204.203420000002</v>
      </c>
      <c r="AA3982">
        <v>70112.876390000005</v>
      </c>
      <c r="AB3982">
        <v>34628.481220000001</v>
      </c>
      <c r="AC3982">
        <v>37844.786679999997</v>
      </c>
      <c r="AD3982">
        <v>27410.512119999999</v>
      </c>
      <c r="AE3982">
        <v>43690.248390000001</v>
      </c>
      <c r="AF3982">
        <v>49399.545630000001</v>
      </c>
      <c r="AG3982">
        <v>30536.814770000001</v>
      </c>
      <c r="AH3982">
        <v>302243.19870000001</v>
      </c>
      <c r="AI3982">
        <v>78632.048899999994</v>
      </c>
      <c r="AJ3982">
        <v>20762.65841</v>
      </c>
      <c r="AK3982">
        <v>35638.815000000002</v>
      </c>
      <c r="AL3982">
        <v>83193.848310000001</v>
      </c>
      <c r="AM3982">
        <v>21106.683229999999</v>
      </c>
      <c r="AN3982">
        <v>82556.962639999998</v>
      </c>
      <c r="AO3982">
        <v>28900.261620000001</v>
      </c>
      <c r="AP3982">
        <v>13095.57163</v>
      </c>
    </row>
    <row r="3983" spans="2:42" x14ac:dyDescent="0.3">
      <c r="B3983">
        <v>57.401517038895634</v>
      </c>
      <c r="C3983" s="83">
        <v>43266.875</v>
      </c>
      <c r="D3983">
        <v>221127.95180000001</v>
      </c>
      <c r="E3983">
        <v>15509.1049</v>
      </c>
      <c r="F3983">
        <v>60103.117209999997</v>
      </c>
      <c r="G3983">
        <v>33406.679600000003</v>
      </c>
      <c r="H3983">
        <v>35740.18058</v>
      </c>
      <c r="I3983">
        <v>23691.920620000001</v>
      </c>
      <c r="J3983">
        <v>42809.626880000003</v>
      </c>
      <c r="K3983">
        <v>48932.472699999998</v>
      </c>
      <c r="L3983">
        <v>29397.88552</v>
      </c>
      <c r="M3983">
        <v>292659.70260000002</v>
      </c>
      <c r="N3983">
        <v>76337.995039999994</v>
      </c>
      <c r="O3983">
        <v>19505.579010000001</v>
      </c>
      <c r="P3983">
        <v>34570.595829999998</v>
      </c>
      <c r="Q3983">
        <v>79330.412200000006</v>
      </c>
      <c r="R3983">
        <v>20367.588350000002</v>
      </c>
      <c r="S3983">
        <v>78827.732959999994</v>
      </c>
      <c r="T3983">
        <v>27044.786919999999</v>
      </c>
      <c r="U3983">
        <v>12107.13528</v>
      </c>
      <c r="W3983" s="83">
        <f>Bühler!N4015</f>
        <v>45457.874999990345</v>
      </c>
      <c r="X3983" s="83">
        <v>43266.875</v>
      </c>
      <c r="Y3983">
        <v>221127.95180000001</v>
      </c>
      <c r="Z3983">
        <v>15509.1049</v>
      </c>
      <c r="AA3983">
        <v>60103.117209999997</v>
      </c>
      <c r="AB3983">
        <v>33406.679600000003</v>
      </c>
      <c r="AC3983">
        <v>35740.18058</v>
      </c>
      <c r="AD3983">
        <v>23691.920620000001</v>
      </c>
      <c r="AE3983">
        <v>42809.626880000003</v>
      </c>
      <c r="AF3983">
        <v>48932.472699999998</v>
      </c>
      <c r="AG3983">
        <v>29397.88552</v>
      </c>
      <c r="AH3983">
        <v>292659.70260000002</v>
      </c>
      <c r="AI3983">
        <v>76337.995039999994</v>
      </c>
      <c r="AJ3983">
        <v>19505.579010000001</v>
      </c>
      <c r="AK3983">
        <v>34570.595829999998</v>
      </c>
      <c r="AL3983">
        <v>79330.412200000006</v>
      </c>
      <c r="AM3983">
        <v>20367.588350000002</v>
      </c>
      <c r="AN3983">
        <v>78827.732959999994</v>
      </c>
      <c r="AO3983">
        <v>27044.786919999999</v>
      </c>
      <c r="AP3983">
        <v>12107.13528</v>
      </c>
    </row>
    <row r="3984" spans="2:42" x14ac:dyDescent="0.3">
      <c r="B3984">
        <v>56.751336165341307</v>
      </c>
      <c r="C3984" s="83">
        <v>43266.916666666664</v>
      </c>
      <c r="D3984">
        <v>219218.06469999999</v>
      </c>
      <c r="E3984">
        <v>14398.946610000001</v>
      </c>
      <c r="F3984">
        <v>57208.960359999997</v>
      </c>
      <c r="G3984">
        <v>33373.297919999997</v>
      </c>
      <c r="H3984">
        <v>36928.348380000003</v>
      </c>
      <c r="I3984">
        <v>22705.08943</v>
      </c>
      <c r="J3984">
        <v>42890.569450000003</v>
      </c>
      <c r="K3984">
        <v>53197.594969999998</v>
      </c>
      <c r="L3984">
        <v>27146.438139999998</v>
      </c>
      <c r="M3984">
        <v>289344.77730000002</v>
      </c>
      <c r="N3984">
        <v>74906.632110000006</v>
      </c>
      <c r="O3984">
        <v>18764.857019999999</v>
      </c>
      <c r="P3984">
        <v>37096.618920000001</v>
      </c>
      <c r="Q3984">
        <v>77532.616380000007</v>
      </c>
      <c r="R3984">
        <v>21646.86435</v>
      </c>
      <c r="S3984">
        <v>78495.843420000005</v>
      </c>
      <c r="T3984">
        <v>24974.927780000002</v>
      </c>
      <c r="U3984">
        <v>12746.639349999999</v>
      </c>
      <c r="W3984" s="83">
        <f>Bühler!N4016</f>
        <v>45457.916666657009</v>
      </c>
      <c r="X3984" s="83">
        <v>43266.916666666664</v>
      </c>
      <c r="Y3984">
        <v>219218.06469999999</v>
      </c>
      <c r="Z3984">
        <v>14398.946610000001</v>
      </c>
      <c r="AA3984">
        <v>57208.960359999997</v>
      </c>
      <c r="AB3984">
        <v>33373.297919999997</v>
      </c>
      <c r="AC3984">
        <v>36928.348380000003</v>
      </c>
      <c r="AD3984">
        <v>22705.08943</v>
      </c>
      <c r="AE3984">
        <v>42890.569450000003</v>
      </c>
      <c r="AF3984">
        <v>53197.594969999998</v>
      </c>
      <c r="AG3984">
        <v>27146.438139999998</v>
      </c>
      <c r="AH3984">
        <v>289344.77730000002</v>
      </c>
      <c r="AI3984">
        <v>74906.632110000006</v>
      </c>
      <c r="AJ3984">
        <v>18764.857019999999</v>
      </c>
      <c r="AK3984">
        <v>37096.618920000001</v>
      </c>
      <c r="AL3984">
        <v>77532.616380000007</v>
      </c>
      <c r="AM3984">
        <v>21646.86435</v>
      </c>
      <c r="AN3984">
        <v>78495.843420000005</v>
      </c>
      <c r="AO3984">
        <v>24974.927780000002</v>
      </c>
      <c r="AP3984">
        <v>12746.639349999999</v>
      </c>
    </row>
    <row r="3985" spans="2:42" x14ac:dyDescent="0.3">
      <c r="B3985">
        <v>56.287287245270861</v>
      </c>
      <c r="C3985" s="83">
        <v>43266.958333333336</v>
      </c>
      <c r="D3985">
        <v>216970.59570000001</v>
      </c>
      <c r="E3985">
        <v>13681.81977</v>
      </c>
      <c r="F3985">
        <v>55514.76079</v>
      </c>
      <c r="G3985">
        <v>33470.702409999998</v>
      </c>
      <c r="H3985">
        <v>35809.546880000002</v>
      </c>
      <c r="I3985">
        <v>21694.11939</v>
      </c>
      <c r="J3985">
        <v>38940.115290000002</v>
      </c>
      <c r="K3985">
        <v>52248.605049999998</v>
      </c>
      <c r="L3985">
        <v>23218.30674</v>
      </c>
      <c r="M3985">
        <v>286978.8395</v>
      </c>
      <c r="N3985">
        <v>74242.241160000005</v>
      </c>
      <c r="O3985">
        <v>18387.375359999998</v>
      </c>
      <c r="P3985">
        <v>31393.423630000001</v>
      </c>
      <c r="Q3985">
        <v>75865.814010000002</v>
      </c>
      <c r="R3985">
        <v>22395.750619999999</v>
      </c>
      <c r="S3985">
        <v>76349.179090000005</v>
      </c>
      <c r="T3985">
        <v>22677.813109999999</v>
      </c>
      <c r="U3985">
        <v>12258.125379999999</v>
      </c>
      <c r="W3985" s="83">
        <f>Bühler!N4017</f>
        <v>45457.958333323673</v>
      </c>
      <c r="X3985" s="83">
        <v>43266.958333333336</v>
      </c>
      <c r="Y3985">
        <v>216970.59570000001</v>
      </c>
      <c r="Z3985">
        <v>13681.81977</v>
      </c>
      <c r="AA3985">
        <v>55514.76079</v>
      </c>
      <c r="AB3985">
        <v>33470.702409999998</v>
      </c>
      <c r="AC3985">
        <v>35809.546880000002</v>
      </c>
      <c r="AD3985">
        <v>21694.11939</v>
      </c>
      <c r="AE3985">
        <v>38940.115290000002</v>
      </c>
      <c r="AF3985">
        <v>52248.605049999998</v>
      </c>
      <c r="AG3985">
        <v>23218.30674</v>
      </c>
      <c r="AH3985">
        <v>286978.8395</v>
      </c>
      <c r="AI3985">
        <v>74242.241160000005</v>
      </c>
      <c r="AJ3985">
        <v>18387.375359999998</v>
      </c>
      <c r="AK3985">
        <v>31393.423630000001</v>
      </c>
      <c r="AL3985">
        <v>75865.814010000002</v>
      </c>
      <c r="AM3985">
        <v>22395.750619999999</v>
      </c>
      <c r="AN3985">
        <v>76349.179090000005</v>
      </c>
      <c r="AO3985">
        <v>22677.813109999999</v>
      </c>
      <c r="AP3985">
        <v>12258.125379999999</v>
      </c>
    </row>
    <row r="3986" spans="2:42" x14ac:dyDescent="0.3">
      <c r="B3986">
        <v>54.959284813582165</v>
      </c>
      <c r="C3986" s="83">
        <v>43267</v>
      </c>
      <c r="D3986">
        <v>213942.1079</v>
      </c>
      <c r="E3986">
        <v>13046.700779999999</v>
      </c>
      <c r="F3986">
        <v>53558.736949999999</v>
      </c>
      <c r="G3986">
        <v>32713.003580000001</v>
      </c>
      <c r="H3986">
        <v>34870.465429999997</v>
      </c>
      <c r="I3986">
        <v>20501.344980000002</v>
      </c>
      <c r="J3986">
        <v>35452.884940000004</v>
      </c>
      <c r="K3986">
        <v>49603.707009999998</v>
      </c>
      <c r="L3986">
        <v>19781.157729999999</v>
      </c>
      <c r="M3986">
        <v>280208.0638</v>
      </c>
      <c r="N3986">
        <v>72719.998879999999</v>
      </c>
      <c r="O3986">
        <v>18769.801309999999</v>
      </c>
      <c r="P3986">
        <v>28576.556229999998</v>
      </c>
      <c r="Q3986">
        <v>73433.416429999997</v>
      </c>
      <c r="R3986">
        <v>18081.021939999999</v>
      </c>
      <c r="S3986">
        <v>74850.996939999997</v>
      </c>
      <c r="T3986">
        <v>20400.070090000001</v>
      </c>
      <c r="U3986">
        <v>11833.09563</v>
      </c>
      <c r="W3986" s="83">
        <f>Bühler!N4018</f>
        <v>45457.999999990338</v>
      </c>
      <c r="X3986" s="83">
        <v>43267</v>
      </c>
      <c r="Y3986">
        <v>213942.1079</v>
      </c>
      <c r="Z3986">
        <v>13046.700779999999</v>
      </c>
      <c r="AA3986">
        <v>53558.736949999999</v>
      </c>
      <c r="AB3986">
        <v>32713.003580000001</v>
      </c>
      <c r="AC3986">
        <v>34870.465429999997</v>
      </c>
      <c r="AD3986">
        <v>20501.344980000002</v>
      </c>
      <c r="AE3986">
        <v>35452.884940000004</v>
      </c>
      <c r="AF3986">
        <v>49603.707009999998</v>
      </c>
      <c r="AG3986">
        <v>19781.157729999999</v>
      </c>
      <c r="AH3986">
        <v>280208.0638</v>
      </c>
      <c r="AI3986">
        <v>72719.998879999999</v>
      </c>
      <c r="AJ3986">
        <v>18769.801309999999</v>
      </c>
      <c r="AK3986">
        <v>28576.556229999998</v>
      </c>
      <c r="AL3986">
        <v>73433.416429999997</v>
      </c>
      <c r="AM3986">
        <v>18081.021939999999</v>
      </c>
      <c r="AN3986">
        <v>74850.996939999997</v>
      </c>
      <c r="AO3986">
        <v>20400.070090000001</v>
      </c>
      <c r="AP3986">
        <v>11833.09563</v>
      </c>
    </row>
    <row r="3987" spans="2:42" x14ac:dyDescent="0.3">
      <c r="B3987">
        <v>53.519121025586337</v>
      </c>
      <c r="C3987" s="83">
        <v>43267.041666666664</v>
      </c>
      <c r="D3987">
        <v>207935.3658</v>
      </c>
      <c r="E3987">
        <v>12693.741819999999</v>
      </c>
      <c r="F3987">
        <v>52655.852250000004</v>
      </c>
      <c r="G3987">
        <v>32083.022949999999</v>
      </c>
      <c r="H3987">
        <v>34176.284979999997</v>
      </c>
      <c r="I3987">
        <v>16964.174950000001</v>
      </c>
      <c r="J3987">
        <v>33600.073270000001</v>
      </c>
      <c r="K3987">
        <v>48242.770490000003</v>
      </c>
      <c r="L3987">
        <v>18072.321670000001</v>
      </c>
      <c r="M3987">
        <v>272865.43719999999</v>
      </c>
      <c r="N3987">
        <v>70923.166299999997</v>
      </c>
      <c r="O3987">
        <v>18392.33869</v>
      </c>
      <c r="P3987">
        <v>27244.777569999998</v>
      </c>
      <c r="Q3987">
        <v>72202.047850000003</v>
      </c>
      <c r="R3987">
        <v>15970.380209999999</v>
      </c>
      <c r="S3987">
        <v>72939.807480000003</v>
      </c>
      <c r="T3987">
        <v>19443.572889999999</v>
      </c>
      <c r="U3987">
        <v>11578.715759999999</v>
      </c>
      <c r="W3987" s="83">
        <f>Bühler!N4019</f>
        <v>45458.041666657002</v>
      </c>
      <c r="X3987" s="83">
        <v>43267.041666666664</v>
      </c>
      <c r="Y3987">
        <v>207935.3658</v>
      </c>
      <c r="Z3987">
        <v>12693.741819999999</v>
      </c>
      <c r="AA3987">
        <v>52655.852250000004</v>
      </c>
      <c r="AB3987">
        <v>32083.022949999999</v>
      </c>
      <c r="AC3987">
        <v>34176.284979999997</v>
      </c>
      <c r="AD3987">
        <v>16964.174950000001</v>
      </c>
      <c r="AE3987">
        <v>33600.073270000001</v>
      </c>
      <c r="AF3987">
        <v>48242.770490000003</v>
      </c>
      <c r="AG3987">
        <v>18072.321670000001</v>
      </c>
      <c r="AH3987">
        <v>272865.43719999999</v>
      </c>
      <c r="AI3987">
        <v>70923.166299999997</v>
      </c>
      <c r="AJ3987">
        <v>18392.33869</v>
      </c>
      <c r="AK3987">
        <v>27244.777569999998</v>
      </c>
      <c r="AL3987">
        <v>72202.047850000003</v>
      </c>
      <c r="AM3987">
        <v>15970.380209999999</v>
      </c>
      <c r="AN3987">
        <v>72939.807480000003</v>
      </c>
      <c r="AO3987">
        <v>19443.572889999999</v>
      </c>
      <c r="AP3987">
        <v>11578.715759999999</v>
      </c>
    </row>
    <row r="3988" spans="2:42" x14ac:dyDescent="0.3">
      <c r="B3988">
        <v>52.64693829420159</v>
      </c>
      <c r="C3988" s="83">
        <v>43267.083333333336</v>
      </c>
      <c r="D3988">
        <v>203891.99410000001</v>
      </c>
      <c r="E3988">
        <v>12321.638279999999</v>
      </c>
      <c r="F3988">
        <v>53245.651210000004</v>
      </c>
      <c r="G3988">
        <v>31496.406589999999</v>
      </c>
      <c r="H3988">
        <v>33627.94384</v>
      </c>
      <c r="I3988">
        <v>15139.37197</v>
      </c>
      <c r="J3988">
        <v>33192.743640000001</v>
      </c>
      <c r="K3988">
        <v>45871.577859999998</v>
      </c>
      <c r="L3988">
        <v>17384.334159999999</v>
      </c>
      <c r="M3988">
        <v>268418.64289999998</v>
      </c>
      <c r="N3988">
        <v>69125.265809999997</v>
      </c>
      <c r="O3988">
        <v>17864.282449999999</v>
      </c>
      <c r="P3988">
        <v>25971.718260000001</v>
      </c>
      <c r="Q3988">
        <v>72548.486869999993</v>
      </c>
      <c r="R3988">
        <v>15463.726979999999</v>
      </c>
      <c r="S3988">
        <v>72012.4329</v>
      </c>
      <c r="T3988">
        <v>19004.556479999999</v>
      </c>
      <c r="U3988">
        <v>11514.00527</v>
      </c>
      <c r="W3988" s="83">
        <f>Bühler!N4020</f>
        <v>45458.083333323666</v>
      </c>
      <c r="X3988" s="83">
        <v>43267.083333333336</v>
      </c>
      <c r="Y3988">
        <v>203891.99410000001</v>
      </c>
      <c r="Z3988">
        <v>12321.638279999999</v>
      </c>
      <c r="AA3988">
        <v>53245.651210000004</v>
      </c>
      <c r="AB3988">
        <v>31496.406589999999</v>
      </c>
      <c r="AC3988">
        <v>33627.94384</v>
      </c>
      <c r="AD3988">
        <v>15139.37197</v>
      </c>
      <c r="AE3988">
        <v>33192.743640000001</v>
      </c>
      <c r="AF3988">
        <v>45871.577859999998</v>
      </c>
      <c r="AG3988">
        <v>17384.334159999999</v>
      </c>
      <c r="AH3988">
        <v>268418.64289999998</v>
      </c>
      <c r="AI3988">
        <v>69125.265809999997</v>
      </c>
      <c r="AJ3988">
        <v>17864.282449999999</v>
      </c>
      <c r="AK3988">
        <v>25971.718260000001</v>
      </c>
      <c r="AL3988">
        <v>72548.486869999993</v>
      </c>
      <c r="AM3988">
        <v>15463.726979999999</v>
      </c>
      <c r="AN3988">
        <v>72012.4329</v>
      </c>
      <c r="AO3988">
        <v>19004.556479999999</v>
      </c>
      <c r="AP3988">
        <v>11514.00527</v>
      </c>
    </row>
    <row r="3989" spans="2:42" x14ac:dyDescent="0.3">
      <c r="B3989">
        <v>52.042583789662864</v>
      </c>
      <c r="C3989" s="83">
        <v>43267.125</v>
      </c>
      <c r="D3989">
        <v>197283.74650000001</v>
      </c>
      <c r="E3989">
        <v>12313.57314</v>
      </c>
      <c r="F3989">
        <v>54488.276550000002</v>
      </c>
      <c r="G3989">
        <v>30809.327659999999</v>
      </c>
      <c r="H3989">
        <v>33123.261400000003</v>
      </c>
      <c r="I3989">
        <v>14301.334210000001</v>
      </c>
      <c r="J3989">
        <v>33389.276380000003</v>
      </c>
      <c r="K3989">
        <v>44851.087679999997</v>
      </c>
      <c r="L3989">
        <v>17150.509890000001</v>
      </c>
      <c r="M3989">
        <v>265337.36180000001</v>
      </c>
      <c r="N3989">
        <v>68082.333259999999</v>
      </c>
      <c r="O3989">
        <v>17627.556960000002</v>
      </c>
      <c r="P3989">
        <v>25066.267769999999</v>
      </c>
      <c r="Q3989">
        <v>72133.567469999995</v>
      </c>
      <c r="R3989">
        <v>14941.03521</v>
      </c>
      <c r="S3989">
        <v>71048.82488</v>
      </c>
      <c r="T3989">
        <v>18596.712680000001</v>
      </c>
      <c r="U3989">
        <v>11306.463</v>
      </c>
      <c r="W3989" s="83">
        <f>Bühler!N4021</f>
        <v>45458.12499999033</v>
      </c>
      <c r="X3989" s="83">
        <v>43267.125</v>
      </c>
      <c r="Y3989">
        <v>197283.74650000001</v>
      </c>
      <c r="Z3989">
        <v>12313.57314</v>
      </c>
      <c r="AA3989">
        <v>54488.276550000002</v>
      </c>
      <c r="AB3989">
        <v>30809.327659999999</v>
      </c>
      <c r="AC3989">
        <v>33123.261400000003</v>
      </c>
      <c r="AD3989">
        <v>14301.334210000001</v>
      </c>
      <c r="AE3989">
        <v>33389.276380000003</v>
      </c>
      <c r="AF3989">
        <v>44851.087679999997</v>
      </c>
      <c r="AG3989">
        <v>17150.509890000001</v>
      </c>
      <c r="AH3989">
        <v>265337.36180000001</v>
      </c>
      <c r="AI3989">
        <v>68082.333259999999</v>
      </c>
      <c r="AJ3989">
        <v>17627.556960000002</v>
      </c>
      <c r="AK3989">
        <v>25066.267769999999</v>
      </c>
      <c r="AL3989">
        <v>72133.567469999995</v>
      </c>
      <c r="AM3989">
        <v>14941.03521</v>
      </c>
      <c r="AN3989">
        <v>71048.82488</v>
      </c>
      <c r="AO3989">
        <v>18596.712680000001</v>
      </c>
      <c r="AP3989">
        <v>11306.463</v>
      </c>
    </row>
    <row r="3990" spans="2:42" x14ac:dyDescent="0.3">
      <c r="B3990">
        <v>50.189163375324014</v>
      </c>
      <c r="C3990" s="83">
        <v>43267.166666666664</v>
      </c>
      <c r="D3990">
        <v>189780.64980000001</v>
      </c>
      <c r="E3990">
        <v>12296.91588</v>
      </c>
      <c r="F3990">
        <v>56844.392090000001</v>
      </c>
      <c r="G3990">
        <v>30231.927360000001</v>
      </c>
      <c r="H3990">
        <v>33160.390449999999</v>
      </c>
      <c r="I3990">
        <v>15337.01683</v>
      </c>
      <c r="J3990">
        <v>35156.69586</v>
      </c>
      <c r="K3990">
        <v>44054.70304</v>
      </c>
      <c r="L3990">
        <v>16857.735270000001</v>
      </c>
      <c r="M3990">
        <v>255887.76019999999</v>
      </c>
      <c r="N3990">
        <v>66231.233219999995</v>
      </c>
      <c r="O3990">
        <v>18308.624260000001</v>
      </c>
      <c r="P3990">
        <v>24404.643929999998</v>
      </c>
      <c r="Q3990">
        <v>73155.446509999994</v>
      </c>
      <c r="R3990">
        <v>15324.09793</v>
      </c>
      <c r="S3990">
        <v>71101.392160000003</v>
      </c>
      <c r="T3990">
        <v>18594.269250000001</v>
      </c>
      <c r="U3990">
        <v>11191.855079999999</v>
      </c>
      <c r="W3990" s="83">
        <f>Bühler!N4022</f>
        <v>45458.166666656994</v>
      </c>
      <c r="X3990" s="83">
        <v>43267.166666666664</v>
      </c>
      <c r="Y3990">
        <v>189780.64980000001</v>
      </c>
      <c r="Z3990">
        <v>12296.91588</v>
      </c>
      <c r="AA3990">
        <v>56844.392090000001</v>
      </c>
      <c r="AB3990">
        <v>30231.927360000001</v>
      </c>
      <c r="AC3990">
        <v>33160.390449999999</v>
      </c>
      <c r="AD3990">
        <v>15337.01683</v>
      </c>
      <c r="AE3990">
        <v>35156.69586</v>
      </c>
      <c r="AF3990">
        <v>44054.70304</v>
      </c>
      <c r="AG3990">
        <v>16857.735270000001</v>
      </c>
      <c r="AH3990">
        <v>255887.76019999999</v>
      </c>
      <c r="AI3990">
        <v>66231.233219999995</v>
      </c>
      <c r="AJ3990">
        <v>18308.624260000001</v>
      </c>
      <c r="AK3990">
        <v>24404.643929999998</v>
      </c>
      <c r="AL3990">
        <v>73155.446509999994</v>
      </c>
      <c r="AM3990">
        <v>15324.09793</v>
      </c>
      <c r="AN3990">
        <v>71101.392160000003</v>
      </c>
      <c r="AO3990">
        <v>18594.269250000001</v>
      </c>
      <c r="AP3990">
        <v>11191.855079999999</v>
      </c>
    </row>
    <row r="3991" spans="2:42" x14ac:dyDescent="0.3">
      <c r="B3991">
        <v>48.739431710102323</v>
      </c>
      <c r="C3991" s="83">
        <v>43267.208333333336</v>
      </c>
      <c r="D3991">
        <v>186248.3621</v>
      </c>
      <c r="E3991">
        <v>12940.21135</v>
      </c>
      <c r="F3991">
        <v>65497.034639999998</v>
      </c>
      <c r="G3991">
        <v>30261.704030000001</v>
      </c>
      <c r="H3991">
        <v>33184.808649999999</v>
      </c>
      <c r="I3991">
        <v>20112.69296</v>
      </c>
      <c r="J3991">
        <v>37721.220580000001</v>
      </c>
      <c r="K3991">
        <v>43270.03368</v>
      </c>
      <c r="L3991">
        <v>16340.21802</v>
      </c>
      <c r="M3991">
        <v>248496.35209999999</v>
      </c>
      <c r="N3991">
        <v>64651.049469999998</v>
      </c>
      <c r="O3991">
        <v>17872.446639999998</v>
      </c>
      <c r="P3991">
        <v>25026.7307</v>
      </c>
      <c r="Q3991">
        <v>71249.774369999999</v>
      </c>
      <c r="R3991">
        <v>17123.841400000001</v>
      </c>
      <c r="S3991">
        <v>72533.661670000001</v>
      </c>
      <c r="T3991">
        <v>18844.282670000001</v>
      </c>
      <c r="U3991">
        <v>10981.208930000001</v>
      </c>
      <c r="W3991" s="83">
        <f>Bühler!N4023</f>
        <v>45458.208333323659</v>
      </c>
      <c r="X3991" s="83">
        <v>43267.208333333336</v>
      </c>
      <c r="Y3991">
        <v>186248.3621</v>
      </c>
      <c r="Z3991">
        <v>12940.21135</v>
      </c>
      <c r="AA3991">
        <v>65497.034639999998</v>
      </c>
      <c r="AB3991">
        <v>30261.704030000001</v>
      </c>
      <c r="AC3991">
        <v>33184.808649999999</v>
      </c>
      <c r="AD3991">
        <v>20112.69296</v>
      </c>
      <c r="AE3991">
        <v>37721.220580000001</v>
      </c>
      <c r="AF3991">
        <v>43270.03368</v>
      </c>
      <c r="AG3991">
        <v>16340.21802</v>
      </c>
      <c r="AH3991">
        <v>248496.35209999999</v>
      </c>
      <c r="AI3991">
        <v>64651.049469999998</v>
      </c>
      <c r="AJ3991">
        <v>17872.446639999998</v>
      </c>
      <c r="AK3991">
        <v>25026.7307</v>
      </c>
      <c r="AL3991">
        <v>71249.774369999999</v>
      </c>
      <c r="AM3991">
        <v>17123.841400000001</v>
      </c>
      <c r="AN3991">
        <v>72533.661670000001</v>
      </c>
      <c r="AO3991">
        <v>18844.282670000001</v>
      </c>
      <c r="AP3991">
        <v>10981.208930000001</v>
      </c>
    </row>
    <row r="3992" spans="2:42" x14ac:dyDescent="0.3">
      <c r="B3992">
        <v>48.225755748676747</v>
      </c>
      <c r="C3992" s="83">
        <v>43267.25</v>
      </c>
      <c r="D3992">
        <v>186213.1985</v>
      </c>
      <c r="E3992">
        <v>14414.06727</v>
      </c>
      <c r="F3992">
        <v>76348.780230000004</v>
      </c>
      <c r="G3992">
        <v>30026.452550000002</v>
      </c>
      <c r="H3992">
        <v>32572.174950000001</v>
      </c>
      <c r="I3992">
        <v>22328.661260000001</v>
      </c>
      <c r="J3992">
        <v>38483.74901</v>
      </c>
      <c r="K3992">
        <v>42448.465700000001</v>
      </c>
      <c r="L3992">
        <v>17260.255959999999</v>
      </c>
      <c r="M3992">
        <v>245877.39249999999</v>
      </c>
      <c r="N3992">
        <v>65243.403380000003</v>
      </c>
      <c r="O3992">
        <v>18563.928329999999</v>
      </c>
      <c r="P3992">
        <v>25188.365880000001</v>
      </c>
      <c r="Q3992">
        <v>68869.402480000004</v>
      </c>
      <c r="R3992">
        <v>15133.82804</v>
      </c>
      <c r="S3992">
        <v>75733.395539999998</v>
      </c>
      <c r="T3992">
        <v>20285.014899999998</v>
      </c>
      <c r="U3992">
        <v>10549.028270000001</v>
      </c>
      <c r="W3992" s="83">
        <f>Bühler!N4024</f>
        <v>45458.249999990323</v>
      </c>
      <c r="X3992" s="83">
        <v>43267.25</v>
      </c>
      <c r="Y3992">
        <v>186213.1985</v>
      </c>
      <c r="Z3992">
        <v>14414.06727</v>
      </c>
      <c r="AA3992">
        <v>76348.780230000004</v>
      </c>
      <c r="AB3992">
        <v>30026.452550000002</v>
      </c>
      <c r="AC3992">
        <v>32572.174950000001</v>
      </c>
      <c r="AD3992">
        <v>22328.661260000001</v>
      </c>
      <c r="AE3992">
        <v>38483.74901</v>
      </c>
      <c r="AF3992">
        <v>42448.465700000001</v>
      </c>
      <c r="AG3992">
        <v>17260.255959999999</v>
      </c>
      <c r="AH3992">
        <v>245877.39249999999</v>
      </c>
      <c r="AI3992">
        <v>65243.403380000003</v>
      </c>
      <c r="AJ3992">
        <v>18563.928329999999</v>
      </c>
      <c r="AK3992">
        <v>25188.365880000001</v>
      </c>
      <c r="AL3992">
        <v>68869.402480000004</v>
      </c>
      <c r="AM3992">
        <v>15133.82804</v>
      </c>
      <c r="AN3992">
        <v>75733.395539999998</v>
      </c>
      <c r="AO3992">
        <v>20285.014899999998</v>
      </c>
      <c r="AP3992">
        <v>10549.028270000001</v>
      </c>
    </row>
    <row r="3993" spans="2:42" x14ac:dyDescent="0.3">
      <c r="B3993">
        <v>48.751064620083888</v>
      </c>
      <c r="C3993" s="83">
        <v>43267.291666666664</v>
      </c>
      <c r="D3993">
        <v>185594.63990000001</v>
      </c>
      <c r="E3993">
        <v>16560.854729999999</v>
      </c>
      <c r="F3993">
        <v>79815.432109999994</v>
      </c>
      <c r="G3993">
        <v>30749.08956</v>
      </c>
      <c r="H3993">
        <v>33678.411590000003</v>
      </c>
      <c r="I3993">
        <v>23892.883539999999</v>
      </c>
      <c r="J3993">
        <v>39559.33784</v>
      </c>
      <c r="K3993">
        <v>43113.680130000001</v>
      </c>
      <c r="L3993">
        <v>19248.796679999999</v>
      </c>
      <c r="M3993">
        <v>248555.66209999999</v>
      </c>
      <c r="N3993">
        <v>64551.982369999998</v>
      </c>
      <c r="O3993">
        <v>18839.58207</v>
      </c>
      <c r="P3993">
        <v>27805.735860000001</v>
      </c>
      <c r="Q3993">
        <v>66969.925399999993</v>
      </c>
      <c r="R3993">
        <v>15833.982980000001</v>
      </c>
      <c r="S3993">
        <v>80814.920660000003</v>
      </c>
      <c r="T3993">
        <v>21912.76914</v>
      </c>
      <c r="U3993">
        <v>11195.90179</v>
      </c>
      <c r="W3993" s="83">
        <f>Bühler!N4025</f>
        <v>45458.291666656987</v>
      </c>
      <c r="X3993" s="83">
        <v>43267.291666666664</v>
      </c>
      <c r="Y3993">
        <v>185594.63990000001</v>
      </c>
      <c r="Z3993">
        <v>16560.854729999999</v>
      </c>
      <c r="AA3993">
        <v>79815.432109999994</v>
      </c>
      <c r="AB3993">
        <v>30749.08956</v>
      </c>
      <c r="AC3993">
        <v>33678.411590000003</v>
      </c>
      <c r="AD3993">
        <v>23892.883539999999</v>
      </c>
      <c r="AE3993">
        <v>39559.33784</v>
      </c>
      <c r="AF3993">
        <v>43113.680130000001</v>
      </c>
      <c r="AG3993">
        <v>19248.796679999999</v>
      </c>
      <c r="AH3993">
        <v>248555.66209999999</v>
      </c>
      <c r="AI3993">
        <v>64551.982369999998</v>
      </c>
      <c r="AJ3993">
        <v>18839.58207</v>
      </c>
      <c r="AK3993">
        <v>27805.735860000001</v>
      </c>
      <c r="AL3993">
        <v>66969.925399999993</v>
      </c>
      <c r="AM3993">
        <v>15833.982980000001</v>
      </c>
      <c r="AN3993">
        <v>80814.920660000003</v>
      </c>
      <c r="AO3993">
        <v>21912.76914</v>
      </c>
      <c r="AP3993">
        <v>11195.90179</v>
      </c>
    </row>
    <row r="3994" spans="2:42" x14ac:dyDescent="0.3">
      <c r="B3994">
        <v>48.625237546416493</v>
      </c>
      <c r="C3994" s="83">
        <v>43267.333333333336</v>
      </c>
      <c r="D3994">
        <v>184968.4969</v>
      </c>
      <c r="E3994">
        <v>20002.9866</v>
      </c>
      <c r="F3994">
        <v>86269.948839999997</v>
      </c>
      <c r="G3994">
        <v>31972.197270000001</v>
      </c>
      <c r="H3994">
        <v>34403.896339999999</v>
      </c>
      <c r="I3994">
        <v>25063.820909999999</v>
      </c>
      <c r="J3994">
        <v>41859.059209999999</v>
      </c>
      <c r="K3994">
        <v>43634.537510000002</v>
      </c>
      <c r="L3994">
        <v>21665.1793</v>
      </c>
      <c r="M3994">
        <v>247914.13699999999</v>
      </c>
      <c r="N3994">
        <v>64260.633309999997</v>
      </c>
      <c r="O3994">
        <v>19925.93809</v>
      </c>
      <c r="P3994">
        <v>30574.566320000002</v>
      </c>
      <c r="Q3994">
        <v>65113.718339999999</v>
      </c>
      <c r="R3994">
        <v>16950.013019999999</v>
      </c>
      <c r="S3994">
        <v>85222.397500000006</v>
      </c>
      <c r="T3994">
        <v>23733.91691</v>
      </c>
      <c r="U3994">
        <v>11451.674950000001</v>
      </c>
      <c r="W3994" s="83">
        <f>Bühler!N4026</f>
        <v>45458.333333323651</v>
      </c>
      <c r="X3994" s="83">
        <v>43267.333333333336</v>
      </c>
      <c r="Y3994">
        <v>184968.4969</v>
      </c>
      <c r="Z3994">
        <v>20002.9866</v>
      </c>
      <c r="AA3994">
        <v>86269.948839999997</v>
      </c>
      <c r="AB3994">
        <v>31972.197270000001</v>
      </c>
      <c r="AC3994">
        <v>34403.896339999999</v>
      </c>
      <c r="AD3994">
        <v>25063.820909999999</v>
      </c>
      <c r="AE3994">
        <v>41859.059209999999</v>
      </c>
      <c r="AF3994">
        <v>43634.537510000002</v>
      </c>
      <c r="AG3994">
        <v>21665.1793</v>
      </c>
      <c r="AH3994">
        <v>247914.13699999999</v>
      </c>
      <c r="AI3994">
        <v>64260.633309999997</v>
      </c>
      <c r="AJ3994">
        <v>19925.93809</v>
      </c>
      <c r="AK3994">
        <v>30574.566320000002</v>
      </c>
      <c r="AL3994">
        <v>65113.718339999999</v>
      </c>
      <c r="AM3994">
        <v>16950.013019999999</v>
      </c>
      <c r="AN3994">
        <v>85222.397500000006</v>
      </c>
      <c r="AO3994">
        <v>23733.91691</v>
      </c>
      <c r="AP3994">
        <v>11451.674950000001</v>
      </c>
    </row>
    <row r="3995" spans="2:42" x14ac:dyDescent="0.3">
      <c r="B3995">
        <v>48.432673462601549</v>
      </c>
      <c r="C3995" s="83">
        <v>43267.375</v>
      </c>
      <c r="D3995">
        <v>184063.1986</v>
      </c>
      <c r="E3995">
        <v>24315.58844</v>
      </c>
      <c r="F3995">
        <v>93743.243260000003</v>
      </c>
      <c r="G3995">
        <v>33265.34433</v>
      </c>
      <c r="H3995">
        <v>35668.203609999997</v>
      </c>
      <c r="I3995">
        <v>25871.606019999999</v>
      </c>
      <c r="J3995">
        <v>43235.517789999998</v>
      </c>
      <c r="K3995">
        <v>46034.686110000002</v>
      </c>
      <c r="L3995">
        <v>25782.456740000001</v>
      </c>
      <c r="M3995">
        <v>246932.35550000001</v>
      </c>
      <c r="N3995">
        <v>66272.163769999999</v>
      </c>
      <c r="O3995">
        <v>20715.73949</v>
      </c>
      <c r="P3995">
        <v>33639.045850000002</v>
      </c>
      <c r="Q3995">
        <v>65768.768930000006</v>
      </c>
      <c r="R3995">
        <v>18138.070530000001</v>
      </c>
      <c r="S3995">
        <v>88234.205860000002</v>
      </c>
      <c r="T3995">
        <v>26451.45522</v>
      </c>
      <c r="U3995">
        <v>11660.78674</v>
      </c>
      <c r="W3995" s="83">
        <f>Bühler!N4027</f>
        <v>45458.374999990316</v>
      </c>
      <c r="X3995" s="83">
        <v>43267.375</v>
      </c>
      <c r="Y3995">
        <v>184063.1986</v>
      </c>
      <c r="Z3995">
        <v>24315.58844</v>
      </c>
      <c r="AA3995">
        <v>93743.243260000003</v>
      </c>
      <c r="AB3995">
        <v>33265.34433</v>
      </c>
      <c r="AC3995">
        <v>35668.203609999997</v>
      </c>
      <c r="AD3995">
        <v>25871.606019999999</v>
      </c>
      <c r="AE3995">
        <v>43235.517789999998</v>
      </c>
      <c r="AF3995">
        <v>46034.686110000002</v>
      </c>
      <c r="AG3995">
        <v>25782.456740000001</v>
      </c>
      <c r="AH3995">
        <v>246932.35550000001</v>
      </c>
      <c r="AI3995">
        <v>66272.163769999999</v>
      </c>
      <c r="AJ3995">
        <v>20715.73949</v>
      </c>
      <c r="AK3995">
        <v>33639.045850000002</v>
      </c>
      <c r="AL3995">
        <v>65768.768930000006</v>
      </c>
      <c r="AM3995">
        <v>18138.070530000001</v>
      </c>
      <c r="AN3995">
        <v>88234.205860000002</v>
      </c>
      <c r="AO3995">
        <v>26451.45522</v>
      </c>
      <c r="AP3995">
        <v>11660.78674</v>
      </c>
    </row>
    <row r="3996" spans="2:42" x14ac:dyDescent="0.3">
      <c r="B3996">
        <v>48.417439979669467</v>
      </c>
      <c r="C3996" s="83">
        <v>43267.416666666664</v>
      </c>
      <c r="D3996">
        <v>184169.4088</v>
      </c>
      <c r="E3996">
        <v>26316.172839999999</v>
      </c>
      <c r="F3996">
        <v>95761.648010000004</v>
      </c>
      <c r="G3996">
        <v>33762.60211</v>
      </c>
      <c r="H3996">
        <v>36483.047189999997</v>
      </c>
      <c r="I3996">
        <v>26276.190849999999</v>
      </c>
      <c r="J3996">
        <v>43658.82445</v>
      </c>
      <c r="K3996">
        <v>47523.958469999998</v>
      </c>
      <c r="L3996">
        <v>29567.029030000002</v>
      </c>
      <c r="M3996">
        <v>246854.6881</v>
      </c>
      <c r="N3996">
        <v>68514.015169999999</v>
      </c>
      <c r="O3996">
        <v>21595.97709</v>
      </c>
      <c r="P3996">
        <v>34798.476110000003</v>
      </c>
      <c r="Q3996">
        <v>66079.390719999996</v>
      </c>
      <c r="R3996">
        <v>18468.414769999999</v>
      </c>
      <c r="S3996">
        <v>89167.250809999998</v>
      </c>
      <c r="T3996">
        <v>28874.116969999999</v>
      </c>
      <c r="U3996">
        <v>11854.35729</v>
      </c>
      <c r="W3996" s="83">
        <f>Bühler!N4028</f>
        <v>45458.41666665698</v>
      </c>
      <c r="X3996" s="83">
        <v>43267.416666666664</v>
      </c>
      <c r="Y3996">
        <v>184169.4088</v>
      </c>
      <c r="Z3996">
        <v>26316.172839999999</v>
      </c>
      <c r="AA3996">
        <v>95761.648010000004</v>
      </c>
      <c r="AB3996">
        <v>33762.60211</v>
      </c>
      <c r="AC3996">
        <v>36483.047189999997</v>
      </c>
      <c r="AD3996">
        <v>26276.190849999999</v>
      </c>
      <c r="AE3996">
        <v>43658.82445</v>
      </c>
      <c r="AF3996">
        <v>47523.958469999998</v>
      </c>
      <c r="AG3996">
        <v>29567.029030000002</v>
      </c>
      <c r="AH3996">
        <v>246854.6881</v>
      </c>
      <c r="AI3996">
        <v>68514.015169999999</v>
      </c>
      <c r="AJ3996">
        <v>21595.97709</v>
      </c>
      <c r="AK3996">
        <v>34798.476110000003</v>
      </c>
      <c r="AL3996">
        <v>66079.390719999996</v>
      </c>
      <c r="AM3996">
        <v>18468.414769999999</v>
      </c>
      <c r="AN3996">
        <v>89167.250809999998</v>
      </c>
      <c r="AO3996">
        <v>28874.116969999999</v>
      </c>
      <c r="AP3996">
        <v>11854.35729</v>
      </c>
    </row>
    <row r="3997" spans="2:42" x14ac:dyDescent="0.3">
      <c r="B3997">
        <v>48.562306994662187</v>
      </c>
      <c r="C3997" s="83">
        <v>43267.458333333336</v>
      </c>
      <c r="D3997">
        <v>181521.1526</v>
      </c>
      <c r="E3997">
        <v>26476.044379999999</v>
      </c>
      <c r="F3997">
        <v>97295.848859999998</v>
      </c>
      <c r="G3997">
        <v>34148.561430000002</v>
      </c>
      <c r="H3997">
        <v>36405.94773</v>
      </c>
      <c r="I3997">
        <v>26256.800299999999</v>
      </c>
      <c r="J3997">
        <v>44077.960489999998</v>
      </c>
      <c r="K3997">
        <v>47475.378190000003</v>
      </c>
      <c r="L3997">
        <v>31832.925889999999</v>
      </c>
      <c r="M3997">
        <v>247593.28769999999</v>
      </c>
      <c r="N3997">
        <v>69325.995509999993</v>
      </c>
      <c r="O3997">
        <v>21418.716199999999</v>
      </c>
      <c r="P3997">
        <v>34747.130649999999</v>
      </c>
      <c r="Q3997">
        <v>66012.66966</v>
      </c>
      <c r="R3997">
        <v>21017.975269999999</v>
      </c>
      <c r="S3997">
        <v>92791.274139999994</v>
      </c>
      <c r="T3997">
        <v>29685.242549999999</v>
      </c>
      <c r="U3997">
        <v>11852.04327</v>
      </c>
      <c r="W3997" s="83">
        <f>Bühler!N4029</f>
        <v>45458.458333323644</v>
      </c>
      <c r="X3997" s="83">
        <v>43267.458333333336</v>
      </c>
      <c r="Y3997">
        <v>181521.1526</v>
      </c>
      <c r="Z3997">
        <v>26476.044379999999</v>
      </c>
      <c r="AA3997">
        <v>97295.848859999998</v>
      </c>
      <c r="AB3997">
        <v>34148.561430000002</v>
      </c>
      <c r="AC3997">
        <v>36405.94773</v>
      </c>
      <c r="AD3997">
        <v>26256.800299999999</v>
      </c>
      <c r="AE3997">
        <v>44077.960489999998</v>
      </c>
      <c r="AF3997">
        <v>47475.378190000003</v>
      </c>
      <c r="AG3997">
        <v>31832.925889999999</v>
      </c>
      <c r="AH3997">
        <v>247593.28769999999</v>
      </c>
      <c r="AI3997">
        <v>69325.995509999993</v>
      </c>
      <c r="AJ3997">
        <v>21418.716199999999</v>
      </c>
      <c r="AK3997">
        <v>34747.130649999999</v>
      </c>
      <c r="AL3997">
        <v>66012.66966</v>
      </c>
      <c r="AM3997">
        <v>21017.975269999999</v>
      </c>
      <c r="AN3997">
        <v>92791.274139999994</v>
      </c>
      <c r="AO3997">
        <v>29685.242549999999</v>
      </c>
      <c r="AP3997">
        <v>11852.04327</v>
      </c>
    </row>
    <row r="3998" spans="2:42" x14ac:dyDescent="0.3">
      <c r="B3998">
        <v>47.554796999405518</v>
      </c>
      <c r="C3998" s="83">
        <v>43267.5</v>
      </c>
      <c r="D3998">
        <v>174949.58189999999</v>
      </c>
      <c r="E3998">
        <v>25397.352599999998</v>
      </c>
      <c r="F3998">
        <v>96095.486850000001</v>
      </c>
      <c r="G3998">
        <v>33957.099029999998</v>
      </c>
      <c r="H3998">
        <v>36257.275119999998</v>
      </c>
      <c r="I3998">
        <v>27361.0357</v>
      </c>
      <c r="J3998">
        <v>45130.077960000002</v>
      </c>
      <c r="K3998">
        <v>48081.78613</v>
      </c>
      <c r="L3998">
        <v>33695.623910000002</v>
      </c>
      <c r="M3998">
        <v>242456.5319</v>
      </c>
      <c r="N3998">
        <v>70381.781099999993</v>
      </c>
      <c r="O3998">
        <v>21330.614699999998</v>
      </c>
      <c r="P3998">
        <v>35595.296880000002</v>
      </c>
      <c r="Q3998">
        <v>63431.344530000002</v>
      </c>
      <c r="R3998">
        <v>20153.372660000001</v>
      </c>
      <c r="S3998">
        <v>89458.039309999993</v>
      </c>
      <c r="T3998">
        <v>29511.0556</v>
      </c>
      <c r="U3998">
        <v>11398.57689</v>
      </c>
      <c r="W3998" s="83">
        <f>Bühler!N4030</f>
        <v>45458.499999990308</v>
      </c>
      <c r="X3998" s="83">
        <v>43267.5</v>
      </c>
      <c r="Y3998">
        <v>174949.58189999999</v>
      </c>
      <c r="Z3998">
        <v>25397.352599999998</v>
      </c>
      <c r="AA3998">
        <v>96095.486850000001</v>
      </c>
      <c r="AB3998">
        <v>33957.099029999998</v>
      </c>
      <c r="AC3998">
        <v>36257.275119999998</v>
      </c>
      <c r="AD3998">
        <v>27361.0357</v>
      </c>
      <c r="AE3998">
        <v>45130.077960000002</v>
      </c>
      <c r="AF3998">
        <v>48081.78613</v>
      </c>
      <c r="AG3998">
        <v>33695.623910000002</v>
      </c>
      <c r="AH3998">
        <v>242456.5319</v>
      </c>
      <c r="AI3998">
        <v>70381.781099999993</v>
      </c>
      <c r="AJ3998">
        <v>21330.614699999998</v>
      </c>
      <c r="AK3998">
        <v>35595.296880000002</v>
      </c>
      <c r="AL3998">
        <v>63431.344530000002</v>
      </c>
      <c r="AM3998">
        <v>20153.372660000001</v>
      </c>
      <c r="AN3998">
        <v>89458.039309999993</v>
      </c>
      <c r="AO3998">
        <v>29511.0556</v>
      </c>
      <c r="AP3998">
        <v>11398.57689</v>
      </c>
    </row>
    <row r="3999" spans="2:42" x14ac:dyDescent="0.3">
      <c r="B3999">
        <v>47.070852390475608</v>
      </c>
      <c r="C3999" s="83">
        <v>43267.541666666664</v>
      </c>
      <c r="D3999">
        <v>171512.26</v>
      </c>
      <c r="E3999">
        <v>25016.90898</v>
      </c>
      <c r="F3999">
        <v>95393.15754</v>
      </c>
      <c r="G3999">
        <v>33534.89385</v>
      </c>
      <c r="H3999">
        <v>36217.134769999997</v>
      </c>
      <c r="I3999">
        <v>27829.249629999998</v>
      </c>
      <c r="J3999">
        <v>44639.909390000001</v>
      </c>
      <c r="K3999">
        <v>48488.781569999999</v>
      </c>
      <c r="L3999">
        <v>33623.746350000001</v>
      </c>
      <c r="M3999">
        <v>239989.15659999999</v>
      </c>
      <c r="N3999">
        <v>70133.425470000002</v>
      </c>
      <c r="O3999">
        <v>21090.68015</v>
      </c>
      <c r="P3999">
        <v>34831.65928</v>
      </c>
      <c r="Q3999">
        <v>62035.97896</v>
      </c>
      <c r="R3999">
        <v>20025.47523</v>
      </c>
      <c r="S3999">
        <v>90590.780889999995</v>
      </c>
      <c r="T3999">
        <v>28710.593870000001</v>
      </c>
      <c r="U3999">
        <v>11213.223599999999</v>
      </c>
      <c r="W3999" s="83">
        <f>Bühler!N4031</f>
        <v>45458.541666656973</v>
      </c>
      <c r="X3999" s="83">
        <v>43267.541666666664</v>
      </c>
      <c r="Y3999">
        <v>171512.26</v>
      </c>
      <c r="Z3999">
        <v>25016.90898</v>
      </c>
      <c r="AA3999">
        <v>95393.15754</v>
      </c>
      <c r="AB3999">
        <v>33534.89385</v>
      </c>
      <c r="AC3999">
        <v>36217.134769999997</v>
      </c>
      <c r="AD3999">
        <v>27829.249629999998</v>
      </c>
      <c r="AE3999">
        <v>44639.909390000001</v>
      </c>
      <c r="AF3999">
        <v>48488.781569999999</v>
      </c>
      <c r="AG3999">
        <v>33623.746350000001</v>
      </c>
      <c r="AH3999">
        <v>239989.15659999999</v>
      </c>
      <c r="AI3999">
        <v>70133.425470000002</v>
      </c>
      <c r="AJ3999">
        <v>21090.68015</v>
      </c>
      <c r="AK3999">
        <v>34831.65928</v>
      </c>
      <c r="AL3999">
        <v>62035.97896</v>
      </c>
      <c r="AM3999">
        <v>20025.47523</v>
      </c>
      <c r="AN3999">
        <v>90590.780889999995</v>
      </c>
      <c r="AO3999">
        <v>28710.593870000001</v>
      </c>
      <c r="AP3999">
        <v>11213.223599999999</v>
      </c>
    </row>
    <row r="4000" spans="2:42" x14ac:dyDescent="0.3">
      <c r="B4000">
        <v>46.404112635418969</v>
      </c>
      <c r="C4000" s="83">
        <v>43267.583333333336</v>
      </c>
      <c r="D4000">
        <v>171909.5704</v>
      </c>
      <c r="E4000">
        <v>25974.130089999999</v>
      </c>
      <c r="F4000">
        <v>96019.267609999995</v>
      </c>
      <c r="G4000">
        <v>33556.475200000001</v>
      </c>
      <c r="H4000">
        <v>36228.251100000001</v>
      </c>
      <c r="I4000">
        <v>28177.667379999999</v>
      </c>
      <c r="J4000">
        <v>44068.525659999999</v>
      </c>
      <c r="K4000">
        <v>48316.251989999997</v>
      </c>
      <c r="L4000">
        <v>31486.665700000001</v>
      </c>
      <c r="M4000">
        <v>236589.8064</v>
      </c>
      <c r="N4000">
        <v>69611.447069999995</v>
      </c>
      <c r="O4000">
        <v>19815.705740000001</v>
      </c>
      <c r="P4000">
        <v>33327.59863</v>
      </c>
      <c r="Q4000">
        <v>61126.442000000003</v>
      </c>
      <c r="R4000">
        <v>20435.728169999998</v>
      </c>
      <c r="S4000">
        <v>88216.772960000002</v>
      </c>
      <c r="T4000">
        <v>29543.256700000002</v>
      </c>
      <c r="U4000">
        <v>11256.24891</v>
      </c>
      <c r="W4000" s="83">
        <f>Bühler!N4032</f>
        <v>45458.583333323637</v>
      </c>
      <c r="X4000" s="83">
        <v>43267.583333333336</v>
      </c>
      <c r="Y4000">
        <v>171909.5704</v>
      </c>
      <c r="Z4000">
        <v>25974.130089999999</v>
      </c>
      <c r="AA4000">
        <v>96019.267609999995</v>
      </c>
      <c r="AB4000">
        <v>33556.475200000001</v>
      </c>
      <c r="AC4000">
        <v>36228.251100000001</v>
      </c>
      <c r="AD4000">
        <v>28177.667379999999</v>
      </c>
      <c r="AE4000">
        <v>44068.525659999999</v>
      </c>
      <c r="AF4000">
        <v>48316.251989999997</v>
      </c>
      <c r="AG4000">
        <v>31486.665700000001</v>
      </c>
      <c r="AH4000">
        <v>236589.8064</v>
      </c>
      <c r="AI4000">
        <v>69611.447069999995</v>
      </c>
      <c r="AJ4000">
        <v>19815.705740000001</v>
      </c>
      <c r="AK4000">
        <v>33327.59863</v>
      </c>
      <c r="AL4000">
        <v>61126.442000000003</v>
      </c>
      <c r="AM4000">
        <v>20435.728169999998</v>
      </c>
      <c r="AN4000">
        <v>88216.772960000002</v>
      </c>
      <c r="AO4000">
        <v>29543.256700000002</v>
      </c>
      <c r="AP4000">
        <v>11256.24891</v>
      </c>
    </row>
    <row r="4001" spans="2:42" x14ac:dyDescent="0.3">
      <c r="B4001">
        <v>46.492150364785999</v>
      </c>
      <c r="C4001" s="83">
        <v>43267.625</v>
      </c>
      <c r="D4001">
        <v>171999.6569</v>
      </c>
      <c r="E4001">
        <v>26416.496029999998</v>
      </c>
      <c r="F4001">
        <v>96295.319210000001</v>
      </c>
      <c r="G4001">
        <v>33240.800609999998</v>
      </c>
      <c r="H4001">
        <v>35956.299859999999</v>
      </c>
      <c r="I4001">
        <v>28526.958200000001</v>
      </c>
      <c r="J4001">
        <v>44019.900670000003</v>
      </c>
      <c r="K4001">
        <v>46671.741370000003</v>
      </c>
      <c r="L4001">
        <v>29766.041570000001</v>
      </c>
      <c r="M4001">
        <v>237038.66380000001</v>
      </c>
      <c r="N4001">
        <v>69953.384569999995</v>
      </c>
      <c r="O4001">
        <v>19783.399310000001</v>
      </c>
      <c r="P4001">
        <v>31201.59489</v>
      </c>
      <c r="Q4001">
        <v>60410.525070000003</v>
      </c>
      <c r="R4001">
        <v>20604.689869999998</v>
      </c>
      <c r="S4001">
        <v>87459.912320000003</v>
      </c>
      <c r="T4001">
        <v>29879.381130000002</v>
      </c>
      <c r="U4001">
        <v>11216.05732</v>
      </c>
      <c r="W4001" s="83">
        <f>Bühler!N4033</f>
        <v>45458.624999990301</v>
      </c>
      <c r="X4001" s="83">
        <v>43267.625</v>
      </c>
      <c r="Y4001">
        <v>171999.6569</v>
      </c>
      <c r="Z4001">
        <v>26416.496029999998</v>
      </c>
      <c r="AA4001">
        <v>96295.319210000001</v>
      </c>
      <c r="AB4001">
        <v>33240.800609999998</v>
      </c>
      <c r="AC4001">
        <v>35956.299859999999</v>
      </c>
      <c r="AD4001">
        <v>28526.958200000001</v>
      </c>
      <c r="AE4001">
        <v>44019.900670000003</v>
      </c>
      <c r="AF4001">
        <v>46671.741370000003</v>
      </c>
      <c r="AG4001">
        <v>29766.041570000001</v>
      </c>
      <c r="AH4001">
        <v>237038.66380000001</v>
      </c>
      <c r="AI4001">
        <v>69953.384569999995</v>
      </c>
      <c r="AJ4001">
        <v>19783.399310000001</v>
      </c>
      <c r="AK4001">
        <v>31201.59489</v>
      </c>
      <c r="AL4001">
        <v>60410.525070000003</v>
      </c>
      <c r="AM4001">
        <v>20604.689869999998</v>
      </c>
      <c r="AN4001">
        <v>87459.912320000003</v>
      </c>
      <c r="AO4001">
        <v>29879.381130000002</v>
      </c>
      <c r="AP4001">
        <v>11216.05732</v>
      </c>
    </row>
    <row r="4002" spans="2:42" x14ac:dyDescent="0.3">
      <c r="B4002">
        <v>45.986358519348244</v>
      </c>
      <c r="C4002" s="83">
        <v>43267.666666666664</v>
      </c>
      <c r="D4002">
        <v>170114.11979999999</v>
      </c>
      <c r="E4002">
        <v>26426.635989999999</v>
      </c>
      <c r="F4002">
        <v>95269.037960000001</v>
      </c>
      <c r="G4002">
        <v>33481.709269999999</v>
      </c>
      <c r="H4002">
        <v>35878.55356</v>
      </c>
      <c r="I4002">
        <v>28061.403869999998</v>
      </c>
      <c r="J4002">
        <v>43811.167350000003</v>
      </c>
      <c r="K4002">
        <v>45196.724750000001</v>
      </c>
      <c r="L4002">
        <v>29126.527719999998</v>
      </c>
      <c r="M4002">
        <v>234459.90109999999</v>
      </c>
      <c r="N4002">
        <v>69857.820070000002</v>
      </c>
      <c r="O4002">
        <v>19445.987130000001</v>
      </c>
      <c r="P4002">
        <v>30253.837009999999</v>
      </c>
      <c r="Q4002">
        <v>59830.412510000002</v>
      </c>
      <c r="R4002">
        <v>20519.23329</v>
      </c>
      <c r="S4002">
        <v>88033.242069999993</v>
      </c>
      <c r="T4002">
        <v>29383.242259999999</v>
      </c>
      <c r="U4002">
        <v>11253.427240000001</v>
      </c>
      <c r="W4002" s="83">
        <f>Bühler!N4034</f>
        <v>45458.666666656965</v>
      </c>
      <c r="X4002" s="83">
        <v>43267.666666666664</v>
      </c>
      <c r="Y4002">
        <v>170114.11979999999</v>
      </c>
      <c r="Z4002">
        <v>26426.635989999999</v>
      </c>
      <c r="AA4002">
        <v>95269.037960000001</v>
      </c>
      <c r="AB4002">
        <v>33481.709269999999</v>
      </c>
      <c r="AC4002">
        <v>35878.55356</v>
      </c>
      <c r="AD4002">
        <v>28061.403869999998</v>
      </c>
      <c r="AE4002">
        <v>43811.167350000003</v>
      </c>
      <c r="AF4002">
        <v>45196.724750000001</v>
      </c>
      <c r="AG4002">
        <v>29126.527719999998</v>
      </c>
      <c r="AH4002">
        <v>234459.90109999999</v>
      </c>
      <c r="AI4002">
        <v>69857.820070000002</v>
      </c>
      <c r="AJ4002">
        <v>19445.987130000001</v>
      </c>
      <c r="AK4002">
        <v>30253.837009999999</v>
      </c>
      <c r="AL4002">
        <v>59830.412510000002</v>
      </c>
      <c r="AM4002">
        <v>20519.23329</v>
      </c>
      <c r="AN4002">
        <v>88033.242069999993</v>
      </c>
      <c r="AO4002">
        <v>29383.242259999999</v>
      </c>
      <c r="AP4002">
        <v>11253.427240000001</v>
      </c>
    </row>
    <row r="4003" spans="2:42" x14ac:dyDescent="0.3">
      <c r="B4003">
        <v>45.051738227597482</v>
      </c>
      <c r="C4003" s="83">
        <v>43267.708333333336</v>
      </c>
      <c r="D4003">
        <v>167362.2751</v>
      </c>
      <c r="E4003">
        <v>26028.04927</v>
      </c>
      <c r="F4003">
        <v>94302.890459999995</v>
      </c>
      <c r="G4003">
        <v>32997.355060000002</v>
      </c>
      <c r="H4003">
        <v>35615.185570000001</v>
      </c>
      <c r="I4003">
        <v>28842.839950000001</v>
      </c>
      <c r="J4003">
        <v>44593.80212</v>
      </c>
      <c r="K4003">
        <v>44764.424129999999</v>
      </c>
      <c r="L4003">
        <v>29870.48315</v>
      </c>
      <c r="M4003">
        <v>229694.77100000001</v>
      </c>
      <c r="N4003">
        <v>70443.037400000001</v>
      </c>
      <c r="O4003">
        <v>19572.046259999999</v>
      </c>
      <c r="P4003">
        <v>31356.11248</v>
      </c>
      <c r="Q4003">
        <v>58002.172299999998</v>
      </c>
      <c r="R4003">
        <v>22225.05096</v>
      </c>
      <c r="S4003">
        <v>89701.486369999999</v>
      </c>
      <c r="T4003">
        <v>29338.371899999998</v>
      </c>
      <c r="U4003">
        <v>11057.843059999999</v>
      </c>
      <c r="W4003" s="83">
        <f>Bühler!N4035</f>
        <v>45458.70833332363</v>
      </c>
      <c r="X4003" s="83">
        <v>43267.708333333336</v>
      </c>
      <c r="Y4003">
        <v>167362.2751</v>
      </c>
      <c r="Z4003">
        <v>26028.04927</v>
      </c>
      <c r="AA4003">
        <v>94302.890459999995</v>
      </c>
      <c r="AB4003">
        <v>32997.355060000002</v>
      </c>
      <c r="AC4003">
        <v>35615.185570000001</v>
      </c>
      <c r="AD4003">
        <v>28842.839950000001</v>
      </c>
      <c r="AE4003">
        <v>44593.80212</v>
      </c>
      <c r="AF4003">
        <v>44764.424129999999</v>
      </c>
      <c r="AG4003">
        <v>29870.48315</v>
      </c>
      <c r="AH4003">
        <v>229694.77100000001</v>
      </c>
      <c r="AI4003">
        <v>70443.037400000001</v>
      </c>
      <c r="AJ4003">
        <v>19572.046259999999</v>
      </c>
      <c r="AK4003">
        <v>31356.11248</v>
      </c>
      <c r="AL4003">
        <v>58002.172299999998</v>
      </c>
      <c r="AM4003">
        <v>22225.05096</v>
      </c>
      <c r="AN4003">
        <v>89701.486369999999</v>
      </c>
      <c r="AO4003">
        <v>29338.371899999998</v>
      </c>
      <c r="AP4003">
        <v>11057.843059999999</v>
      </c>
    </row>
    <row r="4004" spans="2:42" x14ac:dyDescent="0.3">
      <c r="B4004">
        <v>43.995331508644007</v>
      </c>
      <c r="C4004" s="83">
        <v>43267.75</v>
      </c>
      <c r="D4004">
        <v>165557.14379999999</v>
      </c>
      <c r="E4004">
        <v>24665.878260000001</v>
      </c>
      <c r="F4004">
        <v>92430.336179999998</v>
      </c>
      <c r="G4004">
        <v>32506.956900000001</v>
      </c>
      <c r="H4004">
        <v>34962.553200000002</v>
      </c>
      <c r="I4004">
        <v>28238.62559</v>
      </c>
      <c r="J4004">
        <v>44418.604729999999</v>
      </c>
      <c r="K4004">
        <v>45106.875229999998</v>
      </c>
      <c r="L4004">
        <v>29986.612430000001</v>
      </c>
      <c r="M4004">
        <v>224308.7169</v>
      </c>
      <c r="N4004">
        <v>70091.763479999994</v>
      </c>
      <c r="O4004">
        <v>19312.239259999998</v>
      </c>
      <c r="P4004">
        <v>33876.213349999998</v>
      </c>
      <c r="Q4004">
        <v>55879.111539999998</v>
      </c>
      <c r="R4004">
        <v>20609.326089999999</v>
      </c>
      <c r="S4004">
        <v>86652.993220000004</v>
      </c>
      <c r="T4004">
        <v>28609.758160000001</v>
      </c>
      <c r="U4004">
        <v>10564.879940000001</v>
      </c>
      <c r="W4004" s="83">
        <f>Bühler!N4036</f>
        <v>45458.749999990294</v>
      </c>
      <c r="X4004" s="83">
        <v>43267.75</v>
      </c>
      <c r="Y4004">
        <v>165557.14379999999</v>
      </c>
      <c r="Z4004">
        <v>24665.878260000001</v>
      </c>
      <c r="AA4004">
        <v>92430.336179999998</v>
      </c>
      <c r="AB4004">
        <v>32506.956900000001</v>
      </c>
      <c r="AC4004">
        <v>34962.553200000002</v>
      </c>
      <c r="AD4004">
        <v>28238.62559</v>
      </c>
      <c r="AE4004">
        <v>44418.604729999999</v>
      </c>
      <c r="AF4004">
        <v>45106.875229999998</v>
      </c>
      <c r="AG4004">
        <v>29986.612430000001</v>
      </c>
      <c r="AH4004">
        <v>224308.7169</v>
      </c>
      <c r="AI4004">
        <v>70091.763479999994</v>
      </c>
      <c r="AJ4004">
        <v>19312.239259999998</v>
      </c>
      <c r="AK4004">
        <v>33876.213349999998</v>
      </c>
      <c r="AL4004">
        <v>55879.111539999998</v>
      </c>
      <c r="AM4004">
        <v>20609.326089999999</v>
      </c>
      <c r="AN4004">
        <v>86652.993220000004</v>
      </c>
      <c r="AO4004">
        <v>28609.758160000001</v>
      </c>
      <c r="AP4004">
        <v>10564.879940000001</v>
      </c>
    </row>
    <row r="4005" spans="2:42" x14ac:dyDescent="0.3">
      <c r="B4005">
        <v>43.887083721371511</v>
      </c>
      <c r="C4005" s="83">
        <v>43267.791666666664</v>
      </c>
      <c r="D4005">
        <v>164792.2267</v>
      </c>
      <c r="E4005">
        <v>20422.964970000001</v>
      </c>
      <c r="F4005">
        <v>81908.396930000003</v>
      </c>
      <c r="G4005">
        <v>32252.956590000002</v>
      </c>
      <c r="H4005">
        <v>34320.418270000002</v>
      </c>
      <c r="I4005">
        <v>26741.11433</v>
      </c>
      <c r="J4005">
        <v>42981.482620000002</v>
      </c>
      <c r="K4005">
        <v>44697.922070000001</v>
      </c>
      <c r="L4005">
        <v>30496.83671</v>
      </c>
      <c r="M4005">
        <v>223756.8192</v>
      </c>
      <c r="N4005">
        <v>69623.456649999993</v>
      </c>
      <c r="O4005">
        <v>19319.88349</v>
      </c>
      <c r="P4005">
        <v>35962.805330000003</v>
      </c>
      <c r="Q4005">
        <v>54152.45779</v>
      </c>
      <c r="R4005">
        <v>19965.34592</v>
      </c>
      <c r="S4005">
        <v>84428.587639999998</v>
      </c>
      <c r="T4005">
        <v>27672.62617</v>
      </c>
      <c r="U4005">
        <v>10567.933290000001</v>
      </c>
      <c r="W4005" s="83">
        <f>Bühler!N4037</f>
        <v>45458.791666656958</v>
      </c>
      <c r="X4005" s="83">
        <v>43267.791666666664</v>
      </c>
      <c r="Y4005">
        <v>164792.2267</v>
      </c>
      <c r="Z4005">
        <v>20422.964970000001</v>
      </c>
      <c r="AA4005">
        <v>81908.396930000003</v>
      </c>
      <c r="AB4005">
        <v>32252.956590000002</v>
      </c>
      <c r="AC4005">
        <v>34320.418270000002</v>
      </c>
      <c r="AD4005">
        <v>26741.11433</v>
      </c>
      <c r="AE4005">
        <v>42981.482620000002</v>
      </c>
      <c r="AF4005">
        <v>44697.922070000001</v>
      </c>
      <c r="AG4005">
        <v>30496.83671</v>
      </c>
      <c r="AH4005">
        <v>223756.8192</v>
      </c>
      <c r="AI4005">
        <v>69623.456649999993</v>
      </c>
      <c r="AJ4005">
        <v>19319.88349</v>
      </c>
      <c r="AK4005">
        <v>35962.805330000003</v>
      </c>
      <c r="AL4005">
        <v>54152.45779</v>
      </c>
      <c r="AM4005">
        <v>19965.34592</v>
      </c>
      <c r="AN4005">
        <v>84428.587639999998</v>
      </c>
      <c r="AO4005">
        <v>27672.62617</v>
      </c>
      <c r="AP4005">
        <v>10567.933290000001</v>
      </c>
    </row>
    <row r="4006" spans="2:42" x14ac:dyDescent="0.3">
      <c r="B4006">
        <v>42.844138658413534</v>
      </c>
      <c r="C4006" s="83">
        <v>43267.833333333336</v>
      </c>
      <c r="D4006">
        <v>163201.67439999999</v>
      </c>
      <c r="E4006">
        <v>14984.13478</v>
      </c>
      <c r="F4006">
        <v>62537.983110000001</v>
      </c>
      <c r="G4006">
        <v>31621.15424</v>
      </c>
      <c r="H4006">
        <v>33125.817620000002</v>
      </c>
      <c r="I4006">
        <v>24310.792219999999</v>
      </c>
      <c r="J4006">
        <v>42090.394950000002</v>
      </c>
      <c r="K4006">
        <v>45722.605069999998</v>
      </c>
      <c r="L4006">
        <v>30302.806779999999</v>
      </c>
      <c r="M4006">
        <v>218439.3989</v>
      </c>
      <c r="N4006">
        <v>68178.702869999994</v>
      </c>
      <c r="O4006">
        <v>18622.58627</v>
      </c>
      <c r="P4006">
        <v>35453.417600000001</v>
      </c>
      <c r="Q4006">
        <v>51994.70349</v>
      </c>
      <c r="R4006">
        <v>17856.41131</v>
      </c>
      <c r="S4006">
        <v>78945.718280000001</v>
      </c>
      <c r="T4006">
        <v>25475.837370000001</v>
      </c>
      <c r="U4006">
        <v>10392.475829999999</v>
      </c>
      <c r="W4006" s="83">
        <f>Bühler!N4038</f>
        <v>45458.833333323622</v>
      </c>
      <c r="X4006" s="83">
        <v>43267.833333333336</v>
      </c>
      <c r="Y4006">
        <v>163201.67439999999</v>
      </c>
      <c r="Z4006">
        <v>14984.13478</v>
      </c>
      <c r="AA4006">
        <v>62537.983110000001</v>
      </c>
      <c r="AB4006">
        <v>31621.15424</v>
      </c>
      <c r="AC4006">
        <v>33125.817620000002</v>
      </c>
      <c r="AD4006">
        <v>24310.792219999999</v>
      </c>
      <c r="AE4006">
        <v>42090.394950000002</v>
      </c>
      <c r="AF4006">
        <v>45722.605069999998</v>
      </c>
      <c r="AG4006">
        <v>30302.806779999999</v>
      </c>
      <c r="AH4006">
        <v>218439.3989</v>
      </c>
      <c r="AI4006">
        <v>68178.702869999994</v>
      </c>
      <c r="AJ4006">
        <v>18622.58627</v>
      </c>
      <c r="AK4006">
        <v>35453.417600000001</v>
      </c>
      <c r="AL4006">
        <v>51994.70349</v>
      </c>
      <c r="AM4006">
        <v>17856.41131</v>
      </c>
      <c r="AN4006">
        <v>78945.718280000001</v>
      </c>
      <c r="AO4006">
        <v>25475.837370000001</v>
      </c>
      <c r="AP4006">
        <v>10392.475829999999</v>
      </c>
    </row>
    <row r="4007" spans="2:42" x14ac:dyDescent="0.3">
      <c r="B4007">
        <v>42.230636383374446</v>
      </c>
      <c r="C4007" s="83">
        <v>43267.875</v>
      </c>
      <c r="D4007">
        <v>162134.39050000001</v>
      </c>
      <c r="E4007">
        <v>13049.85785</v>
      </c>
      <c r="F4007">
        <v>54287.417329999997</v>
      </c>
      <c r="G4007">
        <v>31127.763719999999</v>
      </c>
      <c r="H4007">
        <v>32483.167679999999</v>
      </c>
      <c r="I4007">
        <v>22710.14775</v>
      </c>
      <c r="J4007">
        <v>41234.109470000003</v>
      </c>
      <c r="K4007">
        <v>47844.950490000003</v>
      </c>
      <c r="L4007">
        <v>29177.44054</v>
      </c>
      <c r="M4007">
        <v>215311.47820000001</v>
      </c>
      <c r="N4007">
        <v>67182.201100000006</v>
      </c>
      <c r="O4007">
        <v>18219.256649999999</v>
      </c>
      <c r="P4007">
        <v>34760.202519999999</v>
      </c>
      <c r="Q4007">
        <v>50814.752410000001</v>
      </c>
      <c r="R4007">
        <v>18262.159489999998</v>
      </c>
      <c r="S4007">
        <v>76731.686870000005</v>
      </c>
      <c r="T4007">
        <v>24159.784210000002</v>
      </c>
      <c r="U4007">
        <v>10435.192429999999</v>
      </c>
      <c r="W4007" s="83">
        <f>Bühler!N4039</f>
        <v>45458.874999990287</v>
      </c>
      <c r="X4007" s="83">
        <v>43267.875</v>
      </c>
      <c r="Y4007">
        <v>162134.39050000001</v>
      </c>
      <c r="Z4007">
        <v>13049.85785</v>
      </c>
      <c r="AA4007">
        <v>54287.417329999997</v>
      </c>
      <c r="AB4007">
        <v>31127.763719999999</v>
      </c>
      <c r="AC4007">
        <v>32483.167679999999</v>
      </c>
      <c r="AD4007">
        <v>22710.14775</v>
      </c>
      <c r="AE4007">
        <v>41234.109470000003</v>
      </c>
      <c r="AF4007">
        <v>47844.950490000003</v>
      </c>
      <c r="AG4007">
        <v>29177.44054</v>
      </c>
      <c r="AH4007">
        <v>215311.47820000001</v>
      </c>
      <c r="AI4007">
        <v>67182.201100000006</v>
      </c>
      <c r="AJ4007">
        <v>18219.256649999999</v>
      </c>
      <c r="AK4007">
        <v>34760.202519999999</v>
      </c>
      <c r="AL4007">
        <v>50814.752410000001</v>
      </c>
      <c r="AM4007">
        <v>18262.159489999998</v>
      </c>
      <c r="AN4007">
        <v>76731.686870000005</v>
      </c>
      <c r="AO4007">
        <v>24159.784210000002</v>
      </c>
      <c r="AP4007">
        <v>10435.192429999999</v>
      </c>
    </row>
    <row r="4008" spans="2:42" x14ac:dyDescent="0.3">
      <c r="B4008">
        <v>42.306853205049279</v>
      </c>
      <c r="C4008" s="83">
        <v>43267.916666666664</v>
      </c>
      <c r="D4008">
        <v>161321.24669999999</v>
      </c>
      <c r="E4008">
        <v>12681.742829999999</v>
      </c>
      <c r="F4008">
        <v>51870.221559999998</v>
      </c>
      <c r="G4008">
        <v>31471.171470000001</v>
      </c>
      <c r="H4008">
        <v>34374.146500000003</v>
      </c>
      <c r="I4008">
        <v>22046.695889999999</v>
      </c>
      <c r="J4008">
        <v>41143.171260000003</v>
      </c>
      <c r="K4008">
        <v>49473.102189999998</v>
      </c>
      <c r="L4008">
        <v>27077.560580000001</v>
      </c>
      <c r="M4008">
        <v>215700.06709999999</v>
      </c>
      <c r="N4008">
        <v>66548.652130000002</v>
      </c>
      <c r="O4008">
        <v>18300.839339999999</v>
      </c>
      <c r="P4008">
        <v>37158.014819999997</v>
      </c>
      <c r="Q4008">
        <v>50349.20048</v>
      </c>
      <c r="R4008">
        <v>19751.882399999999</v>
      </c>
      <c r="S4008">
        <v>76630.952009999994</v>
      </c>
      <c r="T4008">
        <v>23659.753959999998</v>
      </c>
      <c r="U4008">
        <v>11426.4274</v>
      </c>
      <c r="W4008" s="83">
        <f>Bühler!N4040</f>
        <v>45458.916666656951</v>
      </c>
      <c r="X4008" s="83">
        <v>43267.916666666664</v>
      </c>
      <c r="Y4008">
        <v>161321.24669999999</v>
      </c>
      <c r="Z4008">
        <v>12681.742829999999</v>
      </c>
      <c r="AA4008">
        <v>51870.221559999998</v>
      </c>
      <c r="AB4008">
        <v>31471.171470000001</v>
      </c>
      <c r="AC4008">
        <v>34374.146500000003</v>
      </c>
      <c r="AD4008">
        <v>22046.695889999999</v>
      </c>
      <c r="AE4008">
        <v>41143.171260000003</v>
      </c>
      <c r="AF4008">
        <v>49473.102189999998</v>
      </c>
      <c r="AG4008">
        <v>27077.560580000001</v>
      </c>
      <c r="AH4008">
        <v>215700.06709999999</v>
      </c>
      <c r="AI4008">
        <v>66548.652130000002</v>
      </c>
      <c r="AJ4008">
        <v>18300.839339999999</v>
      </c>
      <c r="AK4008">
        <v>37158.014819999997</v>
      </c>
      <c r="AL4008">
        <v>50349.20048</v>
      </c>
      <c r="AM4008">
        <v>19751.882399999999</v>
      </c>
      <c r="AN4008">
        <v>76630.952009999994</v>
      </c>
      <c r="AO4008">
        <v>23659.753959999998</v>
      </c>
      <c r="AP4008">
        <v>11426.4274</v>
      </c>
    </row>
    <row r="4009" spans="2:42" x14ac:dyDescent="0.3">
      <c r="B4009">
        <v>42.371535165835454</v>
      </c>
      <c r="C4009" s="83">
        <v>43267.958333333336</v>
      </c>
      <c r="D4009">
        <v>160480.93049999999</v>
      </c>
      <c r="E4009">
        <v>11995.47702</v>
      </c>
      <c r="F4009">
        <v>50432.7644</v>
      </c>
      <c r="G4009">
        <v>31526.765579999999</v>
      </c>
      <c r="H4009">
        <v>34036.758240000003</v>
      </c>
      <c r="I4009">
        <v>21528.794389999999</v>
      </c>
      <c r="J4009">
        <v>38020.850810000004</v>
      </c>
      <c r="K4009">
        <v>49398.376479999999</v>
      </c>
      <c r="L4009">
        <v>23254.38766</v>
      </c>
      <c r="M4009">
        <v>216029.84589999999</v>
      </c>
      <c r="N4009">
        <v>66766.065159999998</v>
      </c>
      <c r="O4009">
        <v>17542.882740000001</v>
      </c>
      <c r="P4009">
        <v>31953.522629999999</v>
      </c>
      <c r="Q4009">
        <v>50368.555220000002</v>
      </c>
      <c r="R4009">
        <v>20198.977129999999</v>
      </c>
      <c r="S4009">
        <v>74647.149059999996</v>
      </c>
      <c r="T4009">
        <v>22041.23475</v>
      </c>
      <c r="U4009">
        <v>10959.69586</v>
      </c>
      <c r="W4009" s="83">
        <f>Bühler!N4041</f>
        <v>45458.958333323615</v>
      </c>
      <c r="X4009" s="83">
        <v>43267.958333333336</v>
      </c>
      <c r="Y4009">
        <v>160480.93049999999</v>
      </c>
      <c r="Z4009">
        <v>11995.47702</v>
      </c>
      <c r="AA4009">
        <v>50432.7644</v>
      </c>
      <c r="AB4009">
        <v>31526.765579999999</v>
      </c>
      <c r="AC4009">
        <v>34036.758240000003</v>
      </c>
      <c r="AD4009">
        <v>21528.794389999999</v>
      </c>
      <c r="AE4009">
        <v>38020.850810000004</v>
      </c>
      <c r="AF4009">
        <v>49398.376479999999</v>
      </c>
      <c r="AG4009">
        <v>23254.38766</v>
      </c>
      <c r="AH4009">
        <v>216029.84589999999</v>
      </c>
      <c r="AI4009">
        <v>66766.065159999998</v>
      </c>
      <c r="AJ4009">
        <v>17542.882740000001</v>
      </c>
      <c r="AK4009">
        <v>31953.522629999999</v>
      </c>
      <c r="AL4009">
        <v>50368.555220000002</v>
      </c>
      <c r="AM4009">
        <v>20198.977129999999</v>
      </c>
      <c r="AN4009">
        <v>74647.149059999996</v>
      </c>
      <c r="AO4009">
        <v>22041.23475</v>
      </c>
      <c r="AP4009">
        <v>10959.69586</v>
      </c>
    </row>
    <row r="4010" spans="2:42" x14ac:dyDescent="0.3">
      <c r="B4010">
        <v>41.699148810787939</v>
      </c>
      <c r="C4010" s="83">
        <v>43268</v>
      </c>
      <c r="D4010">
        <v>159227.5698</v>
      </c>
      <c r="E4010">
        <v>11664.969279999999</v>
      </c>
      <c r="F4010">
        <v>48757.822010000004</v>
      </c>
      <c r="G4010">
        <v>31938.948120000001</v>
      </c>
      <c r="H4010">
        <v>32922.82172</v>
      </c>
      <c r="I4010">
        <v>19442.509249999999</v>
      </c>
      <c r="J4010">
        <v>34902.257389999999</v>
      </c>
      <c r="K4010">
        <v>46646.687850000002</v>
      </c>
      <c r="L4010">
        <v>19997.654549999999</v>
      </c>
      <c r="M4010">
        <v>212601.70670000001</v>
      </c>
      <c r="N4010">
        <v>65249.753629999999</v>
      </c>
      <c r="O4010">
        <v>17246.398010000001</v>
      </c>
      <c r="P4010">
        <v>29160.83123</v>
      </c>
      <c r="Q4010">
        <v>49359.791510000003</v>
      </c>
      <c r="R4010">
        <v>16182.631960000001</v>
      </c>
      <c r="S4010">
        <v>72699.76526</v>
      </c>
      <c r="T4010">
        <v>20882.873729999999</v>
      </c>
      <c r="U4010">
        <v>10699.79867</v>
      </c>
      <c r="W4010" s="83">
        <f>Bühler!N4042</f>
        <v>45458.999999990279</v>
      </c>
      <c r="X4010" s="83">
        <v>43268</v>
      </c>
      <c r="Y4010">
        <v>159227.5698</v>
      </c>
      <c r="Z4010">
        <v>11664.969279999999</v>
      </c>
      <c r="AA4010">
        <v>48757.822010000004</v>
      </c>
      <c r="AB4010">
        <v>31938.948120000001</v>
      </c>
      <c r="AC4010">
        <v>32922.82172</v>
      </c>
      <c r="AD4010">
        <v>19442.509249999999</v>
      </c>
      <c r="AE4010">
        <v>34902.257389999999</v>
      </c>
      <c r="AF4010">
        <v>46646.687850000002</v>
      </c>
      <c r="AG4010">
        <v>19997.654549999999</v>
      </c>
      <c r="AH4010">
        <v>212601.70670000001</v>
      </c>
      <c r="AI4010">
        <v>65249.753629999999</v>
      </c>
      <c r="AJ4010">
        <v>17246.398010000001</v>
      </c>
      <c r="AK4010">
        <v>29160.83123</v>
      </c>
      <c r="AL4010">
        <v>49359.791510000003</v>
      </c>
      <c r="AM4010">
        <v>16182.631960000001</v>
      </c>
      <c r="AN4010">
        <v>72699.76526</v>
      </c>
      <c r="AO4010">
        <v>20882.873729999999</v>
      </c>
      <c r="AP4010">
        <v>10699.79867</v>
      </c>
    </row>
    <row r="4011" spans="2:42" x14ac:dyDescent="0.3">
      <c r="B4011">
        <v>41.506782217734425</v>
      </c>
      <c r="C4011" s="83">
        <v>43268.041666666664</v>
      </c>
      <c r="D4011">
        <v>157982.13709999999</v>
      </c>
      <c r="E4011">
        <v>11401.36778</v>
      </c>
      <c r="F4011">
        <v>48200.004999999997</v>
      </c>
      <c r="G4011">
        <v>30979.562900000001</v>
      </c>
      <c r="H4011">
        <v>32218.230159999999</v>
      </c>
      <c r="I4011">
        <v>16005.76849</v>
      </c>
      <c r="J4011">
        <v>33225.989000000001</v>
      </c>
      <c r="K4011">
        <v>44883.610930000003</v>
      </c>
      <c r="L4011">
        <v>18480.478729999999</v>
      </c>
      <c r="M4011">
        <v>211620.93210000001</v>
      </c>
      <c r="N4011">
        <v>63018.265850000003</v>
      </c>
      <c r="O4011">
        <v>17424.53973</v>
      </c>
      <c r="P4011">
        <v>27523.3112</v>
      </c>
      <c r="Q4011">
        <v>49947.703909999997</v>
      </c>
      <c r="R4011">
        <v>13963.453949999999</v>
      </c>
      <c r="S4011">
        <v>71977.73229</v>
      </c>
      <c r="T4011">
        <v>19810.731930000002</v>
      </c>
      <c r="U4011">
        <v>10483.23027</v>
      </c>
      <c r="W4011" s="83">
        <f>Bühler!N4043</f>
        <v>45459.041666656944</v>
      </c>
      <c r="X4011" s="83">
        <v>43268.041666666664</v>
      </c>
      <c r="Y4011">
        <v>157982.13709999999</v>
      </c>
      <c r="Z4011">
        <v>11401.36778</v>
      </c>
      <c r="AA4011">
        <v>48200.004999999997</v>
      </c>
      <c r="AB4011">
        <v>30979.562900000001</v>
      </c>
      <c r="AC4011">
        <v>32218.230159999999</v>
      </c>
      <c r="AD4011">
        <v>16005.76849</v>
      </c>
      <c r="AE4011">
        <v>33225.989000000001</v>
      </c>
      <c r="AF4011">
        <v>44883.610930000003</v>
      </c>
      <c r="AG4011">
        <v>18480.478729999999</v>
      </c>
      <c r="AH4011">
        <v>211620.93210000001</v>
      </c>
      <c r="AI4011">
        <v>63018.265850000003</v>
      </c>
      <c r="AJ4011">
        <v>17424.53973</v>
      </c>
      <c r="AK4011">
        <v>27523.3112</v>
      </c>
      <c r="AL4011">
        <v>49947.703909999997</v>
      </c>
      <c r="AM4011">
        <v>13963.453949999999</v>
      </c>
      <c r="AN4011">
        <v>71977.73229</v>
      </c>
      <c r="AO4011">
        <v>19810.731930000002</v>
      </c>
      <c r="AP4011">
        <v>10483.23027</v>
      </c>
    </row>
    <row r="4012" spans="2:42" x14ac:dyDescent="0.3">
      <c r="B4012">
        <v>41.413487613416692</v>
      </c>
      <c r="C4012" s="83">
        <v>43268.083333333336</v>
      </c>
      <c r="D4012">
        <v>157130.94130000001</v>
      </c>
      <c r="E4012">
        <v>11319.694579999999</v>
      </c>
      <c r="F4012">
        <v>48388.109519999998</v>
      </c>
      <c r="G4012">
        <v>30399.196670000001</v>
      </c>
      <c r="H4012">
        <v>31968.596699999998</v>
      </c>
      <c r="I4012">
        <v>14270.774509999999</v>
      </c>
      <c r="J4012">
        <v>32720.919870000002</v>
      </c>
      <c r="K4012">
        <v>44314.134879999998</v>
      </c>
      <c r="L4012">
        <v>17464.181140000001</v>
      </c>
      <c r="M4012">
        <v>211145.2727</v>
      </c>
      <c r="N4012">
        <v>62068.927499999998</v>
      </c>
      <c r="O4012">
        <v>17071.549739999999</v>
      </c>
      <c r="P4012">
        <v>26139.148079999999</v>
      </c>
      <c r="Q4012">
        <v>51004.469019999997</v>
      </c>
      <c r="R4012">
        <v>13953.93636</v>
      </c>
      <c r="S4012">
        <v>71009.691560000007</v>
      </c>
      <c r="T4012">
        <v>19076.761709999999</v>
      </c>
      <c r="U4012">
        <v>10455.31244</v>
      </c>
      <c r="W4012" s="83">
        <f>Bühler!N4044</f>
        <v>45459.083333323608</v>
      </c>
      <c r="X4012" s="83">
        <v>43268.083333333336</v>
      </c>
      <c r="Y4012">
        <v>157130.94130000001</v>
      </c>
      <c r="Z4012">
        <v>11319.694579999999</v>
      </c>
      <c r="AA4012">
        <v>48388.109519999998</v>
      </c>
      <c r="AB4012">
        <v>30399.196670000001</v>
      </c>
      <c r="AC4012">
        <v>31968.596699999998</v>
      </c>
      <c r="AD4012">
        <v>14270.774509999999</v>
      </c>
      <c r="AE4012">
        <v>32720.919870000002</v>
      </c>
      <c r="AF4012">
        <v>44314.134879999998</v>
      </c>
      <c r="AG4012">
        <v>17464.181140000001</v>
      </c>
      <c r="AH4012">
        <v>211145.2727</v>
      </c>
      <c r="AI4012">
        <v>62068.927499999998</v>
      </c>
      <c r="AJ4012">
        <v>17071.549739999999</v>
      </c>
      <c r="AK4012">
        <v>26139.148079999999</v>
      </c>
      <c r="AL4012">
        <v>51004.469019999997</v>
      </c>
      <c r="AM4012">
        <v>13953.93636</v>
      </c>
      <c r="AN4012">
        <v>71009.691560000007</v>
      </c>
      <c r="AO4012">
        <v>19076.761709999999</v>
      </c>
      <c r="AP4012">
        <v>10455.31244</v>
      </c>
    </row>
    <row r="4013" spans="2:42" x14ac:dyDescent="0.3">
      <c r="B4013">
        <v>41.426461926781414</v>
      </c>
      <c r="C4013" s="83">
        <v>43268.125</v>
      </c>
      <c r="D4013">
        <v>156689.25409999999</v>
      </c>
      <c r="E4013">
        <v>11234.28148</v>
      </c>
      <c r="F4013">
        <v>48190.862399999998</v>
      </c>
      <c r="G4013">
        <v>29806.343819999998</v>
      </c>
      <c r="H4013">
        <v>31593.629000000001</v>
      </c>
      <c r="I4013">
        <v>12962.40346</v>
      </c>
      <c r="J4013">
        <v>32897.059630000003</v>
      </c>
      <c r="K4013">
        <v>43274.834860000003</v>
      </c>
      <c r="L4013">
        <v>17086.044959999999</v>
      </c>
      <c r="M4013">
        <v>211211.42180000001</v>
      </c>
      <c r="N4013">
        <v>60605.292569999998</v>
      </c>
      <c r="O4013">
        <v>16765.072560000001</v>
      </c>
      <c r="P4013">
        <v>25289.344249999998</v>
      </c>
      <c r="Q4013">
        <v>51562.374490000002</v>
      </c>
      <c r="R4013">
        <v>13215.34316</v>
      </c>
      <c r="S4013">
        <v>70064.362739999997</v>
      </c>
      <c r="T4013">
        <v>18807.139719999999</v>
      </c>
      <c r="U4013">
        <v>10359.38998</v>
      </c>
      <c r="W4013" s="83">
        <f>Bühler!N4045</f>
        <v>45459.124999990272</v>
      </c>
      <c r="X4013" s="83">
        <v>43268.125</v>
      </c>
      <c r="Y4013">
        <v>156689.25409999999</v>
      </c>
      <c r="Z4013">
        <v>11234.28148</v>
      </c>
      <c r="AA4013">
        <v>48190.862399999998</v>
      </c>
      <c r="AB4013">
        <v>29806.343819999998</v>
      </c>
      <c r="AC4013">
        <v>31593.629000000001</v>
      </c>
      <c r="AD4013">
        <v>12962.40346</v>
      </c>
      <c r="AE4013">
        <v>32897.059630000003</v>
      </c>
      <c r="AF4013">
        <v>43274.834860000003</v>
      </c>
      <c r="AG4013">
        <v>17086.044959999999</v>
      </c>
      <c r="AH4013">
        <v>211211.42180000001</v>
      </c>
      <c r="AI4013">
        <v>60605.292569999998</v>
      </c>
      <c r="AJ4013">
        <v>16765.072560000001</v>
      </c>
      <c r="AK4013">
        <v>25289.344249999998</v>
      </c>
      <c r="AL4013">
        <v>51562.374490000002</v>
      </c>
      <c r="AM4013">
        <v>13215.34316</v>
      </c>
      <c r="AN4013">
        <v>70064.362739999997</v>
      </c>
      <c r="AO4013">
        <v>18807.139719999999</v>
      </c>
      <c r="AP4013">
        <v>10359.38998</v>
      </c>
    </row>
    <row r="4014" spans="2:42" x14ac:dyDescent="0.3">
      <c r="B4014">
        <v>40.767537423866798</v>
      </c>
      <c r="C4014" s="83">
        <v>43268.166666666664</v>
      </c>
      <c r="D4014">
        <v>155446.93950000001</v>
      </c>
      <c r="E4014">
        <v>11139.505719999999</v>
      </c>
      <c r="F4014">
        <v>47854.801899999999</v>
      </c>
      <c r="G4014">
        <v>29000.9588</v>
      </c>
      <c r="H4014">
        <v>31486.218659999999</v>
      </c>
      <c r="I4014">
        <v>13274.27003</v>
      </c>
      <c r="J4014">
        <v>34747.723100000003</v>
      </c>
      <c r="K4014">
        <v>41698.169889999997</v>
      </c>
      <c r="L4014">
        <v>16555.661950000002</v>
      </c>
      <c r="M4014">
        <v>207851.91740000001</v>
      </c>
      <c r="N4014">
        <v>58050.101020000002</v>
      </c>
      <c r="O4014">
        <v>16437.802810000001</v>
      </c>
      <c r="P4014">
        <v>24710.877509999998</v>
      </c>
      <c r="Q4014">
        <v>52136.155149999999</v>
      </c>
      <c r="R4014">
        <v>13210.70105</v>
      </c>
      <c r="S4014">
        <v>69917.088470000002</v>
      </c>
      <c r="T4014">
        <v>18587.69299</v>
      </c>
      <c r="U4014">
        <v>10151.268050000001</v>
      </c>
      <c r="W4014" s="83">
        <f>Bühler!N4046</f>
        <v>45459.166666656936</v>
      </c>
      <c r="X4014" s="83">
        <v>43268.166666666664</v>
      </c>
      <c r="Y4014">
        <v>155446.93950000001</v>
      </c>
      <c r="Z4014">
        <v>11139.505719999999</v>
      </c>
      <c r="AA4014">
        <v>47854.801899999999</v>
      </c>
      <c r="AB4014">
        <v>29000.9588</v>
      </c>
      <c r="AC4014">
        <v>31486.218659999999</v>
      </c>
      <c r="AD4014">
        <v>13274.27003</v>
      </c>
      <c r="AE4014">
        <v>34747.723100000003</v>
      </c>
      <c r="AF4014">
        <v>41698.169889999997</v>
      </c>
      <c r="AG4014">
        <v>16555.661950000002</v>
      </c>
      <c r="AH4014">
        <v>207851.91740000001</v>
      </c>
      <c r="AI4014">
        <v>58050.101020000002</v>
      </c>
      <c r="AJ4014">
        <v>16437.802810000001</v>
      </c>
      <c r="AK4014">
        <v>24710.877509999998</v>
      </c>
      <c r="AL4014">
        <v>52136.155149999999</v>
      </c>
      <c r="AM4014">
        <v>13210.70105</v>
      </c>
      <c r="AN4014">
        <v>69917.088470000002</v>
      </c>
      <c r="AO4014">
        <v>18587.69299</v>
      </c>
      <c r="AP4014">
        <v>10151.268050000001</v>
      </c>
    </row>
    <row r="4015" spans="2:42" x14ac:dyDescent="0.3">
      <c r="B4015">
        <v>40.708925582587995</v>
      </c>
      <c r="C4015" s="83">
        <v>43268.208333333336</v>
      </c>
      <c r="D4015">
        <v>154798.4932</v>
      </c>
      <c r="E4015">
        <v>11166.50914</v>
      </c>
      <c r="F4015">
        <v>48717.446839999997</v>
      </c>
      <c r="G4015">
        <v>28860.117160000002</v>
      </c>
      <c r="H4015">
        <v>31064.654480000001</v>
      </c>
      <c r="I4015">
        <v>16607.659080000001</v>
      </c>
      <c r="J4015">
        <v>36987.638310000002</v>
      </c>
      <c r="K4015">
        <v>41244.560850000002</v>
      </c>
      <c r="L4015">
        <v>16709.137709999999</v>
      </c>
      <c r="M4015">
        <v>207553.08689999999</v>
      </c>
      <c r="N4015">
        <v>54830.236649999999</v>
      </c>
      <c r="O4015">
        <v>16072.59016</v>
      </c>
      <c r="P4015">
        <v>25167.418870000001</v>
      </c>
      <c r="Q4015">
        <v>52888.19296</v>
      </c>
      <c r="R4015">
        <v>14772.233539999999</v>
      </c>
      <c r="S4015">
        <v>70987.594729999997</v>
      </c>
      <c r="T4015">
        <v>18288.92757</v>
      </c>
      <c r="U4015">
        <v>10071.26894</v>
      </c>
      <c r="W4015" s="83">
        <f>Bühler!N4047</f>
        <v>45459.208333323601</v>
      </c>
      <c r="X4015" s="83">
        <v>43268.208333333336</v>
      </c>
      <c r="Y4015">
        <v>154798.4932</v>
      </c>
      <c r="Z4015">
        <v>11166.50914</v>
      </c>
      <c r="AA4015">
        <v>48717.446839999997</v>
      </c>
      <c r="AB4015">
        <v>28860.117160000002</v>
      </c>
      <c r="AC4015">
        <v>31064.654480000001</v>
      </c>
      <c r="AD4015">
        <v>16607.659080000001</v>
      </c>
      <c r="AE4015">
        <v>36987.638310000002</v>
      </c>
      <c r="AF4015">
        <v>41244.560850000002</v>
      </c>
      <c r="AG4015">
        <v>16709.137709999999</v>
      </c>
      <c r="AH4015">
        <v>207553.08689999999</v>
      </c>
      <c r="AI4015">
        <v>54830.236649999999</v>
      </c>
      <c r="AJ4015">
        <v>16072.59016</v>
      </c>
      <c r="AK4015">
        <v>25167.418870000001</v>
      </c>
      <c r="AL4015">
        <v>52888.19296</v>
      </c>
      <c r="AM4015">
        <v>14772.233539999999</v>
      </c>
      <c r="AN4015">
        <v>70987.594729999997</v>
      </c>
      <c r="AO4015">
        <v>18288.92757</v>
      </c>
      <c r="AP4015">
        <v>10071.26894</v>
      </c>
    </row>
    <row r="4016" spans="2:42" x14ac:dyDescent="0.3">
      <c r="B4016">
        <v>40.469675812522411</v>
      </c>
      <c r="C4016" s="83">
        <v>43268.25</v>
      </c>
      <c r="D4016">
        <v>153858.73689999999</v>
      </c>
      <c r="E4016">
        <v>11219.41727</v>
      </c>
      <c r="F4016">
        <v>50644.935019999997</v>
      </c>
      <c r="G4016">
        <v>29013.157510000001</v>
      </c>
      <c r="H4016">
        <v>29989.36939</v>
      </c>
      <c r="I4016">
        <v>18182.111209999999</v>
      </c>
      <c r="J4016">
        <v>38128.733390000001</v>
      </c>
      <c r="K4016">
        <v>40398.829510000003</v>
      </c>
      <c r="L4016">
        <v>16891.340700000001</v>
      </c>
      <c r="M4016">
        <v>206333.28</v>
      </c>
      <c r="N4016">
        <v>53911.85338</v>
      </c>
      <c r="O4016">
        <v>16322.61508</v>
      </c>
      <c r="P4016">
        <v>25894.728790000001</v>
      </c>
      <c r="Q4016">
        <v>51232.750099999997</v>
      </c>
      <c r="R4016">
        <v>12622.28089</v>
      </c>
      <c r="S4016">
        <v>74136.667400000006</v>
      </c>
      <c r="T4016">
        <v>19112.700819999998</v>
      </c>
      <c r="U4016">
        <v>9321.4123419999996</v>
      </c>
      <c r="W4016" s="83">
        <f>Bühler!N4048</f>
        <v>45459.249999990265</v>
      </c>
      <c r="X4016" s="83">
        <v>43268.25</v>
      </c>
      <c r="Y4016">
        <v>153858.73689999999</v>
      </c>
      <c r="Z4016">
        <v>11219.41727</v>
      </c>
      <c r="AA4016">
        <v>50644.935019999997</v>
      </c>
      <c r="AB4016">
        <v>29013.157510000001</v>
      </c>
      <c r="AC4016">
        <v>29989.36939</v>
      </c>
      <c r="AD4016">
        <v>18182.111209999999</v>
      </c>
      <c r="AE4016">
        <v>38128.733390000001</v>
      </c>
      <c r="AF4016">
        <v>40398.829510000003</v>
      </c>
      <c r="AG4016">
        <v>16891.340700000001</v>
      </c>
      <c r="AH4016">
        <v>206333.28</v>
      </c>
      <c r="AI4016">
        <v>53911.85338</v>
      </c>
      <c r="AJ4016">
        <v>16322.61508</v>
      </c>
      <c r="AK4016">
        <v>25894.728790000001</v>
      </c>
      <c r="AL4016">
        <v>51232.750099999997</v>
      </c>
      <c r="AM4016">
        <v>12622.28089</v>
      </c>
      <c r="AN4016">
        <v>74136.667400000006</v>
      </c>
      <c r="AO4016">
        <v>19112.700819999998</v>
      </c>
      <c r="AP4016">
        <v>9321.4123419999996</v>
      </c>
    </row>
    <row r="4017" spans="2:42" x14ac:dyDescent="0.3">
      <c r="B4017">
        <v>40.973187737054474</v>
      </c>
      <c r="C4017" s="83">
        <v>43268.291666666664</v>
      </c>
      <c r="D4017">
        <v>153411.67660000001</v>
      </c>
      <c r="E4017">
        <v>11624.025379999999</v>
      </c>
      <c r="F4017">
        <v>54351.445240000001</v>
      </c>
      <c r="G4017">
        <v>29372.921009999998</v>
      </c>
      <c r="H4017">
        <v>30352.827870000001</v>
      </c>
      <c r="I4017">
        <v>19606.365470000001</v>
      </c>
      <c r="J4017">
        <v>39047.198510000002</v>
      </c>
      <c r="K4017">
        <v>40374.374450000003</v>
      </c>
      <c r="L4017">
        <v>18456.937839999999</v>
      </c>
      <c r="M4017">
        <v>208900.4186</v>
      </c>
      <c r="N4017">
        <v>53835.102780000001</v>
      </c>
      <c r="O4017">
        <v>17013.364420000002</v>
      </c>
      <c r="P4017">
        <v>28774.306349999999</v>
      </c>
      <c r="Q4017">
        <v>51059.374499999998</v>
      </c>
      <c r="R4017">
        <v>12500.809080000001</v>
      </c>
      <c r="S4017">
        <v>78913.102929999994</v>
      </c>
      <c r="T4017">
        <v>20677.457920000001</v>
      </c>
      <c r="U4017">
        <v>9334.803457</v>
      </c>
      <c r="W4017" s="83">
        <f>Bühler!N4049</f>
        <v>45459.291666656929</v>
      </c>
      <c r="X4017" s="83">
        <v>43268.291666666664</v>
      </c>
      <c r="Y4017">
        <v>153411.67660000001</v>
      </c>
      <c r="Z4017">
        <v>11624.025379999999</v>
      </c>
      <c r="AA4017">
        <v>54351.445240000001</v>
      </c>
      <c r="AB4017">
        <v>29372.921009999998</v>
      </c>
      <c r="AC4017">
        <v>30352.827870000001</v>
      </c>
      <c r="AD4017">
        <v>19606.365470000001</v>
      </c>
      <c r="AE4017">
        <v>39047.198510000002</v>
      </c>
      <c r="AF4017">
        <v>40374.374450000003</v>
      </c>
      <c r="AG4017">
        <v>18456.937839999999</v>
      </c>
      <c r="AH4017">
        <v>208900.4186</v>
      </c>
      <c r="AI4017">
        <v>53835.102780000001</v>
      </c>
      <c r="AJ4017">
        <v>17013.364420000002</v>
      </c>
      <c r="AK4017">
        <v>28774.306349999999</v>
      </c>
      <c r="AL4017">
        <v>51059.374499999998</v>
      </c>
      <c r="AM4017">
        <v>12500.809080000001</v>
      </c>
      <c r="AN4017">
        <v>78913.102929999994</v>
      </c>
      <c r="AO4017">
        <v>20677.457920000001</v>
      </c>
      <c r="AP4017">
        <v>9334.803457</v>
      </c>
    </row>
    <row r="4018" spans="2:42" x14ac:dyDescent="0.3">
      <c r="B4018">
        <v>40.687979754404097</v>
      </c>
      <c r="C4018" s="83">
        <v>43268.333333333336</v>
      </c>
      <c r="D4018">
        <v>153761.10819999999</v>
      </c>
      <c r="E4018">
        <v>12964.49179</v>
      </c>
      <c r="F4018">
        <v>56500.15382</v>
      </c>
      <c r="G4018">
        <v>29697.954679999999</v>
      </c>
      <c r="H4018">
        <v>30905.706020000001</v>
      </c>
      <c r="I4018">
        <v>20374.473010000002</v>
      </c>
      <c r="J4018">
        <v>40676.507749999997</v>
      </c>
      <c r="K4018">
        <v>41631.574139999997</v>
      </c>
      <c r="L4018">
        <v>21140.30257</v>
      </c>
      <c r="M4018">
        <v>207446.2953</v>
      </c>
      <c r="N4018">
        <v>56477.188670000003</v>
      </c>
      <c r="O4018">
        <v>17625.529480000001</v>
      </c>
      <c r="P4018">
        <v>32654.950089999998</v>
      </c>
      <c r="Q4018">
        <v>50814.941959999996</v>
      </c>
      <c r="R4018">
        <v>14041.275310000001</v>
      </c>
      <c r="S4018">
        <v>81535.019809999998</v>
      </c>
      <c r="T4018">
        <v>22057.54811</v>
      </c>
      <c r="U4018">
        <v>9336.7085740000002</v>
      </c>
      <c r="W4018" s="83">
        <f>Bühler!N4050</f>
        <v>45459.333333323593</v>
      </c>
      <c r="X4018" s="83">
        <v>43268.333333333336</v>
      </c>
      <c r="Y4018">
        <v>153761.10819999999</v>
      </c>
      <c r="Z4018">
        <v>12964.49179</v>
      </c>
      <c r="AA4018">
        <v>56500.15382</v>
      </c>
      <c r="AB4018">
        <v>29697.954679999999</v>
      </c>
      <c r="AC4018">
        <v>30905.706020000001</v>
      </c>
      <c r="AD4018">
        <v>20374.473010000002</v>
      </c>
      <c r="AE4018">
        <v>40676.507749999997</v>
      </c>
      <c r="AF4018">
        <v>41631.574139999997</v>
      </c>
      <c r="AG4018">
        <v>21140.30257</v>
      </c>
      <c r="AH4018">
        <v>207446.2953</v>
      </c>
      <c r="AI4018">
        <v>56477.188670000003</v>
      </c>
      <c r="AJ4018">
        <v>17625.529480000001</v>
      </c>
      <c r="AK4018">
        <v>32654.950089999998</v>
      </c>
      <c r="AL4018">
        <v>50814.941959999996</v>
      </c>
      <c r="AM4018">
        <v>14041.275310000001</v>
      </c>
      <c r="AN4018">
        <v>81535.019809999998</v>
      </c>
      <c r="AO4018">
        <v>22057.54811</v>
      </c>
      <c r="AP4018">
        <v>9336.7085740000002</v>
      </c>
    </row>
    <row r="4019" spans="2:42" x14ac:dyDescent="0.3">
      <c r="B4019">
        <v>40.600299367790321</v>
      </c>
      <c r="C4019" s="83">
        <v>43268.375</v>
      </c>
      <c r="D4019">
        <v>154616.84020000001</v>
      </c>
      <c r="E4019">
        <v>14288.547420000001</v>
      </c>
      <c r="F4019">
        <v>61220.528749999998</v>
      </c>
      <c r="G4019">
        <v>30148.299139999999</v>
      </c>
      <c r="H4019">
        <v>31879.982309999999</v>
      </c>
      <c r="I4019">
        <v>21211.206249999999</v>
      </c>
      <c r="J4019">
        <v>42676.57099</v>
      </c>
      <c r="K4019">
        <v>44077.531640000001</v>
      </c>
      <c r="L4019">
        <v>24287.60065</v>
      </c>
      <c r="M4019">
        <v>206999.2598</v>
      </c>
      <c r="N4019">
        <v>58269.600319999998</v>
      </c>
      <c r="O4019">
        <v>17250.577249999998</v>
      </c>
      <c r="P4019">
        <v>35447.608849999997</v>
      </c>
      <c r="Q4019">
        <v>50557.6685</v>
      </c>
      <c r="R4019">
        <v>15196.768309999999</v>
      </c>
      <c r="S4019">
        <v>84387.843569999997</v>
      </c>
      <c r="T4019">
        <v>24724.725470000001</v>
      </c>
      <c r="U4019">
        <v>9380.2517029999999</v>
      </c>
      <c r="W4019" s="83">
        <f>Bühler!N4051</f>
        <v>45459.374999990257</v>
      </c>
      <c r="X4019" s="83">
        <v>43268.375</v>
      </c>
      <c r="Y4019">
        <v>154616.84020000001</v>
      </c>
      <c r="Z4019">
        <v>14288.547420000001</v>
      </c>
      <c r="AA4019">
        <v>61220.528749999998</v>
      </c>
      <c r="AB4019">
        <v>30148.299139999999</v>
      </c>
      <c r="AC4019">
        <v>31879.982309999999</v>
      </c>
      <c r="AD4019">
        <v>21211.206249999999</v>
      </c>
      <c r="AE4019">
        <v>42676.57099</v>
      </c>
      <c r="AF4019">
        <v>44077.531640000001</v>
      </c>
      <c r="AG4019">
        <v>24287.60065</v>
      </c>
      <c r="AH4019">
        <v>206999.2598</v>
      </c>
      <c r="AI4019">
        <v>58269.600319999998</v>
      </c>
      <c r="AJ4019">
        <v>17250.577249999998</v>
      </c>
      <c r="AK4019">
        <v>35447.608849999997</v>
      </c>
      <c r="AL4019">
        <v>50557.6685</v>
      </c>
      <c r="AM4019">
        <v>15196.768309999999</v>
      </c>
      <c r="AN4019">
        <v>84387.843569999997</v>
      </c>
      <c r="AO4019">
        <v>24724.725470000001</v>
      </c>
      <c r="AP4019">
        <v>9380.2517029999999</v>
      </c>
    </row>
    <row r="4020" spans="2:42" x14ac:dyDescent="0.3">
      <c r="B4020">
        <v>40.603031738480965</v>
      </c>
      <c r="C4020" s="83">
        <v>43268.416666666664</v>
      </c>
      <c r="D4020">
        <v>155082.57670000001</v>
      </c>
      <c r="E4020">
        <v>15747.513790000001</v>
      </c>
      <c r="F4020">
        <v>61850.868210000001</v>
      </c>
      <c r="G4020">
        <v>30686.16906</v>
      </c>
      <c r="H4020">
        <v>32861.839619999999</v>
      </c>
      <c r="I4020">
        <v>21943.342509999999</v>
      </c>
      <c r="J4020">
        <v>42451.998659999997</v>
      </c>
      <c r="K4020">
        <v>44974.53026</v>
      </c>
      <c r="L4020">
        <v>27998.132580000001</v>
      </c>
      <c r="M4020">
        <v>207013.19070000001</v>
      </c>
      <c r="N4020">
        <v>60654.589240000001</v>
      </c>
      <c r="O4020">
        <v>17951.831150000002</v>
      </c>
      <c r="P4020">
        <v>35925.653339999997</v>
      </c>
      <c r="Q4020">
        <v>51223.207020000002</v>
      </c>
      <c r="R4020">
        <v>16119.71257</v>
      </c>
      <c r="S4020">
        <v>85461.099950000003</v>
      </c>
      <c r="T4020">
        <v>27528.20738</v>
      </c>
      <c r="U4020">
        <v>9484.0078389999999</v>
      </c>
      <c r="W4020" s="83">
        <f>Bühler!N4052</f>
        <v>45459.416666656922</v>
      </c>
      <c r="X4020" s="83">
        <v>43268.416666666664</v>
      </c>
      <c r="Y4020">
        <v>155082.57670000001</v>
      </c>
      <c r="Z4020">
        <v>15747.513790000001</v>
      </c>
      <c r="AA4020">
        <v>61850.868210000001</v>
      </c>
      <c r="AB4020">
        <v>30686.16906</v>
      </c>
      <c r="AC4020">
        <v>32861.839619999999</v>
      </c>
      <c r="AD4020">
        <v>21943.342509999999</v>
      </c>
      <c r="AE4020">
        <v>42451.998659999997</v>
      </c>
      <c r="AF4020">
        <v>44974.53026</v>
      </c>
      <c r="AG4020">
        <v>27998.132580000001</v>
      </c>
      <c r="AH4020">
        <v>207013.19070000001</v>
      </c>
      <c r="AI4020">
        <v>60654.589240000001</v>
      </c>
      <c r="AJ4020">
        <v>17951.831150000002</v>
      </c>
      <c r="AK4020">
        <v>35925.653339999997</v>
      </c>
      <c r="AL4020">
        <v>51223.207020000002</v>
      </c>
      <c r="AM4020">
        <v>16119.71257</v>
      </c>
      <c r="AN4020">
        <v>85461.099950000003</v>
      </c>
      <c r="AO4020">
        <v>27528.20738</v>
      </c>
      <c r="AP4020">
        <v>9484.0078389999999</v>
      </c>
    </row>
    <row r="4021" spans="2:42" x14ac:dyDescent="0.3">
      <c r="B4021">
        <v>41.702500524588487</v>
      </c>
      <c r="C4021" s="83">
        <v>43268.458333333336</v>
      </c>
      <c r="D4021">
        <v>155716.7684</v>
      </c>
      <c r="E4021">
        <v>16150.25707</v>
      </c>
      <c r="F4021">
        <v>62345.809950000003</v>
      </c>
      <c r="G4021">
        <v>31575.03139</v>
      </c>
      <c r="H4021">
        <v>33201.860209999999</v>
      </c>
      <c r="I4021">
        <v>21967.80946</v>
      </c>
      <c r="J4021">
        <v>42778.584159999999</v>
      </c>
      <c r="K4021">
        <v>46285.303520000001</v>
      </c>
      <c r="L4021">
        <v>29146.661029999999</v>
      </c>
      <c r="M4021">
        <v>212618.7953</v>
      </c>
      <c r="N4021">
        <v>61644.467219999999</v>
      </c>
      <c r="O4021">
        <v>18193.4686</v>
      </c>
      <c r="P4021">
        <v>34995.561220000003</v>
      </c>
      <c r="Q4021">
        <v>50873.642249999997</v>
      </c>
      <c r="R4021">
        <v>18700.329699999998</v>
      </c>
      <c r="S4021">
        <v>88493.891340000002</v>
      </c>
      <c r="T4021">
        <v>28022.76859</v>
      </c>
      <c r="U4021">
        <v>9637.7808270000005</v>
      </c>
      <c r="W4021" s="83">
        <f>Bühler!N4053</f>
        <v>45459.458333323586</v>
      </c>
      <c r="X4021" s="83">
        <v>43268.458333333336</v>
      </c>
      <c r="Y4021">
        <v>155716.7684</v>
      </c>
      <c r="Z4021">
        <v>16150.25707</v>
      </c>
      <c r="AA4021">
        <v>62345.809950000003</v>
      </c>
      <c r="AB4021">
        <v>31575.03139</v>
      </c>
      <c r="AC4021">
        <v>33201.860209999999</v>
      </c>
      <c r="AD4021">
        <v>21967.80946</v>
      </c>
      <c r="AE4021">
        <v>42778.584159999999</v>
      </c>
      <c r="AF4021">
        <v>46285.303520000001</v>
      </c>
      <c r="AG4021">
        <v>29146.661029999999</v>
      </c>
      <c r="AH4021">
        <v>212618.7953</v>
      </c>
      <c r="AI4021">
        <v>61644.467219999999</v>
      </c>
      <c r="AJ4021">
        <v>18193.4686</v>
      </c>
      <c r="AK4021">
        <v>34995.561220000003</v>
      </c>
      <c r="AL4021">
        <v>50873.642249999997</v>
      </c>
      <c r="AM4021">
        <v>18700.329699999998</v>
      </c>
      <c r="AN4021">
        <v>88493.891340000002</v>
      </c>
      <c r="AO4021">
        <v>28022.76859</v>
      </c>
      <c r="AP4021">
        <v>9637.7808270000005</v>
      </c>
    </row>
    <row r="4022" spans="2:42" x14ac:dyDescent="0.3">
      <c r="B4022">
        <v>41.464990159945089</v>
      </c>
      <c r="C4022" s="83">
        <v>43268.5</v>
      </c>
      <c r="D4022">
        <v>156258.18919999999</v>
      </c>
      <c r="E4022">
        <v>16097.499519999999</v>
      </c>
      <c r="F4022">
        <v>60244.050819999997</v>
      </c>
      <c r="G4022">
        <v>31931.972010000001</v>
      </c>
      <c r="H4022">
        <v>32984.890910000002</v>
      </c>
      <c r="I4022">
        <v>22220.9306</v>
      </c>
      <c r="J4022">
        <v>43899.092230000002</v>
      </c>
      <c r="K4022">
        <v>46501.838819999997</v>
      </c>
      <c r="L4022">
        <v>31098.562849999998</v>
      </c>
      <c r="M4022">
        <v>211407.8567</v>
      </c>
      <c r="N4022">
        <v>62140.86275</v>
      </c>
      <c r="O4022">
        <v>17478.005239999999</v>
      </c>
      <c r="P4022">
        <v>35644.939700000003</v>
      </c>
      <c r="Q4022">
        <v>49918.29507</v>
      </c>
      <c r="R4022">
        <v>17969.99496</v>
      </c>
      <c r="S4022">
        <v>85581.702399999995</v>
      </c>
      <c r="T4022">
        <v>28145.24627</v>
      </c>
      <c r="U4022">
        <v>9695.4784049999998</v>
      </c>
      <c r="W4022" s="83">
        <f>Bühler!N4054</f>
        <v>45459.49999999025</v>
      </c>
      <c r="X4022" s="83">
        <v>43268.5</v>
      </c>
      <c r="Y4022">
        <v>156258.18919999999</v>
      </c>
      <c r="Z4022">
        <v>16097.499519999999</v>
      </c>
      <c r="AA4022">
        <v>60244.050819999997</v>
      </c>
      <c r="AB4022">
        <v>31931.972010000001</v>
      </c>
      <c r="AC4022">
        <v>32984.890910000002</v>
      </c>
      <c r="AD4022">
        <v>22220.9306</v>
      </c>
      <c r="AE4022">
        <v>43899.092230000002</v>
      </c>
      <c r="AF4022">
        <v>46501.838819999997</v>
      </c>
      <c r="AG4022">
        <v>31098.562849999998</v>
      </c>
      <c r="AH4022">
        <v>211407.8567</v>
      </c>
      <c r="AI4022">
        <v>62140.86275</v>
      </c>
      <c r="AJ4022">
        <v>17478.005239999999</v>
      </c>
      <c r="AK4022">
        <v>35644.939700000003</v>
      </c>
      <c r="AL4022">
        <v>49918.29507</v>
      </c>
      <c r="AM4022">
        <v>17969.99496</v>
      </c>
      <c r="AN4022">
        <v>85581.702399999995</v>
      </c>
      <c r="AO4022">
        <v>28145.24627</v>
      </c>
      <c r="AP4022">
        <v>9695.4784049999998</v>
      </c>
    </row>
    <row r="4023" spans="2:42" x14ac:dyDescent="0.3">
      <c r="B4023">
        <v>41.648960169177357</v>
      </c>
      <c r="C4023" s="83">
        <v>43268.541666666664</v>
      </c>
      <c r="D4023">
        <v>155983.92920000001</v>
      </c>
      <c r="E4023">
        <v>16012.09613</v>
      </c>
      <c r="F4023">
        <v>53921.107300000003</v>
      </c>
      <c r="G4023">
        <v>31497.524799999999</v>
      </c>
      <c r="H4023">
        <v>32722.397260000002</v>
      </c>
      <c r="I4023">
        <v>22535.386190000001</v>
      </c>
      <c r="J4023">
        <v>43117.65036</v>
      </c>
      <c r="K4023">
        <v>46152.692309999999</v>
      </c>
      <c r="L4023">
        <v>31199.262719999999</v>
      </c>
      <c r="M4023">
        <v>212345.8216</v>
      </c>
      <c r="N4023">
        <v>61365.870759999998</v>
      </c>
      <c r="O4023">
        <v>16910.980049999998</v>
      </c>
      <c r="P4023">
        <v>34833.039069999999</v>
      </c>
      <c r="Q4023">
        <v>49627.043360000003</v>
      </c>
      <c r="R4023">
        <v>16701.20606</v>
      </c>
      <c r="S4023">
        <v>87531.418439999994</v>
      </c>
      <c r="T4023">
        <v>26716.916509999999</v>
      </c>
      <c r="U4023">
        <v>9867.0785489999998</v>
      </c>
      <c r="W4023" s="83">
        <f>Bühler!N4055</f>
        <v>45459.541666656914</v>
      </c>
      <c r="X4023" s="83">
        <v>43268.541666666664</v>
      </c>
      <c r="Y4023">
        <v>155983.92920000001</v>
      </c>
      <c r="Z4023">
        <v>16012.09613</v>
      </c>
      <c r="AA4023">
        <v>53921.107300000003</v>
      </c>
      <c r="AB4023">
        <v>31497.524799999999</v>
      </c>
      <c r="AC4023">
        <v>32722.397260000002</v>
      </c>
      <c r="AD4023">
        <v>22535.386190000001</v>
      </c>
      <c r="AE4023">
        <v>43117.65036</v>
      </c>
      <c r="AF4023">
        <v>46152.692309999999</v>
      </c>
      <c r="AG4023">
        <v>31199.262719999999</v>
      </c>
      <c r="AH4023">
        <v>212345.8216</v>
      </c>
      <c r="AI4023">
        <v>61365.870759999998</v>
      </c>
      <c r="AJ4023">
        <v>16910.980049999998</v>
      </c>
      <c r="AK4023">
        <v>34833.039069999999</v>
      </c>
      <c r="AL4023">
        <v>49627.043360000003</v>
      </c>
      <c r="AM4023">
        <v>16701.20606</v>
      </c>
      <c r="AN4023">
        <v>87531.418439999994</v>
      </c>
      <c r="AO4023">
        <v>26716.916509999999</v>
      </c>
      <c r="AP4023">
        <v>9867.0785489999998</v>
      </c>
    </row>
    <row r="4024" spans="2:42" x14ac:dyDescent="0.3">
      <c r="B4024">
        <v>41.780493390154312</v>
      </c>
      <c r="C4024" s="83">
        <v>43268.583333333336</v>
      </c>
      <c r="D4024">
        <v>156506.03150000001</v>
      </c>
      <c r="E4024">
        <v>16707.210569999999</v>
      </c>
      <c r="F4024">
        <v>51184.018049999999</v>
      </c>
      <c r="G4024">
        <v>31296.856940000001</v>
      </c>
      <c r="H4024">
        <v>32666.477429999999</v>
      </c>
      <c r="I4024">
        <v>22508.512299999999</v>
      </c>
      <c r="J4024">
        <v>42482.417390000002</v>
      </c>
      <c r="K4024">
        <v>45227.664340000003</v>
      </c>
      <c r="L4024">
        <v>30014.447479999999</v>
      </c>
      <c r="M4024">
        <v>213016.4393</v>
      </c>
      <c r="N4024">
        <v>61152.916250000002</v>
      </c>
      <c r="O4024">
        <v>17026.686000000002</v>
      </c>
      <c r="P4024">
        <v>33066.077149999997</v>
      </c>
      <c r="Q4024">
        <v>49886.195910000002</v>
      </c>
      <c r="R4024">
        <v>17250.548320000002</v>
      </c>
      <c r="S4024">
        <v>85149.410889999999</v>
      </c>
      <c r="T4024">
        <v>27774.65596</v>
      </c>
      <c r="U4024">
        <v>9655.3431220000002</v>
      </c>
      <c r="W4024" s="83">
        <f>Bühler!N4056</f>
        <v>45459.583333323579</v>
      </c>
      <c r="X4024" s="83">
        <v>43268.583333333336</v>
      </c>
      <c r="Y4024">
        <v>156506.03150000001</v>
      </c>
      <c r="Z4024">
        <v>16707.210569999999</v>
      </c>
      <c r="AA4024">
        <v>51184.018049999999</v>
      </c>
      <c r="AB4024">
        <v>31296.856940000001</v>
      </c>
      <c r="AC4024">
        <v>32666.477429999999</v>
      </c>
      <c r="AD4024">
        <v>22508.512299999999</v>
      </c>
      <c r="AE4024">
        <v>42482.417390000002</v>
      </c>
      <c r="AF4024">
        <v>45227.664340000003</v>
      </c>
      <c r="AG4024">
        <v>30014.447479999999</v>
      </c>
      <c r="AH4024">
        <v>213016.4393</v>
      </c>
      <c r="AI4024">
        <v>61152.916250000002</v>
      </c>
      <c r="AJ4024">
        <v>17026.686000000002</v>
      </c>
      <c r="AK4024">
        <v>33066.077149999997</v>
      </c>
      <c r="AL4024">
        <v>49886.195910000002</v>
      </c>
      <c r="AM4024">
        <v>17250.548320000002</v>
      </c>
      <c r="AN4024">
        <v>85149.410889999999</v>
      </c>
      <c r="AO4024">
        <v>27774.65596</v>
      </c>
      <c r="AP4024">
        <v>9655.3431220000002</v>
      </c>
    </row>
    <row r="4025" spans="2:42" x14ac:dyDescent="0.3">
      <c r="B4025">
        <v>41.853619282333291</v>
      </c>
      <c r="C4025" s="83">
        <v>43268.625</v>
      </c>
      <c r="D4025">
        <v>157070.15229999999</v>
      </c>
      <c r="E4025">
        <v>16805.927479999998</v>
      </c>
      <c r="F4025">
        <v>52076.738140000001</v>
      </c>
      <c r="G4025">
        <v>31430.75461</v>
      </c>
      <c r="H4025">
        <v>32523.074909999999</v>
      </c>
      <c r="I4025">
        <v>22895.060700000002</v>
      </c>
      <c r="J4025">
        <v>42341.327490000003</v>
      </c>
      <c r="K4025">
        <v>45061.784679999997</v>
      </c>
      <c r="L4025">
        <v>28357.615150000001</v>
      </c>
      <c r="M4025">
        <v>213389.26920000001</v>
      </c>
      <c r="N4025">
        <v>61410.108950000002</v>
      </c>
      <c r="O4025">
        <v>17269.25231</v>
      </c>
      <c r="P4025">
        <v>31611.309669999999</v>
      </c>
      <c r="Q4025">
        <v>50330.806400000001</v>
      </c>
      <c r="R4025">
        <v>17648.917580000001</v>
      </c>
      <c r="S4025">
        <v>84942.536309999996</v>
      </c>
      <c r="T4025">
        <v>27641.591130000001</v>
      </c>
      <c r="U4025">
        <v>9502.8875810000009</v>
      </c>
      <c r="W4025" s="83">
        <f>Bühler!N4057</f>
        <v>45459.624999990243</v>
      </c>
      <c r="X4025" s="83">
        <v>43268.625</v>
      </c>
      <c r="Y4025">
        <v>157070.15229999999</v>
      </c>
      <c r="Z4025">
        <v>16805.927479999998</v>
      </c>
      <c r="AA4025">
        <v>52076.738140000001</v>
      </c>
      <c r="AB4025">
        <v>31430.75461</v>
      </c>
      <c r="AC4025">
        <v>32523.074909999999</v>
      </c>
      <c r="AD4025">
        <v>22895.060700000002</v>
      </c>
      <c r="AE4025">
        <v>42341.327490000003</v>
      </c>
      <c r="AF4025">
        <v>45061.784679999997</v>
      </c>
      <c r="AG4025">
        <v>28357.615150000001</v>
      </c>
      <c r="AH4025">
        <v>213389.26920000001</v>
      </c>
      <c r="AI4025">
        <v>61410.108950000002</v>
      </c>
      <c r="AJ4025">
        <v>17269.25231</v>
      </c>
      <c r="AK4025">
        <v>31611.309669999999</v>
      </c>
      <c r="AL4025">
        <v>50330.806400000001</v>
      </c>
      <c r="AM4025">
        <v>17648.917580000001</v>
      </c>
      <c r="AN4025">
        <v>84942.536309999996</v>
      </c>
      <c r="AO4025">
        <v>27641.591130000001</v>
      </c>
      <c r="AP4025">
        <v>9502.8875810000009</v>
      </c>
    </row>
    <row r="4026" spans="2:42" x14ac:dyDescent="0.3">
      <c r="B4026">
        <v>41.895263138693153</v>
      </c>
      <c r="C4026" s="83">
        <v>43268.666666666664</v>
      </c>
      <c r="D4026">
        <v>157872.19690000001</v>
      </c>
      <c r="E4026">
        <v>16856.573609999999</v>
      </c>
      <c r="F4026">
        <v>50719.753669999998</v>
      </c>
      <c r="G4026">
        <v>31568.205330000001</v>
      </c>
      <c r="H4026">
        <v>32520.614519999999</v>
      </c>
      <c r="I4026">
        <v>22441.779289999999</v>
      </c>
      <c r="J4026">
        <v>42251.279889999998</v>
      </c>
      <c r="K4026">
        <v>45447.960659999997</v>
      </c>
      <c r="L4026">
        <v>27237.395390000001</v>
      </c>
      <c r="M4026">
        <v>213601.58900000001</v>
      </c>
      <c r="N4026">
        <v>61513.285889999999</v>
      </c>
      <c r="O4026">
        <v>17063.71673</v>
      </c>
      <c r="P4026">
        <v>30592.18245</v>
      </c>
      <c r="Q4026">
        <v>50856.07501</v>
      </c>
      <c r="R4026">
        <v>17826.414799999999</v>
      </c>
      <c r="S4026">
        <v>85371.978600000002</v>
      </c>
      <c r="T4026">
        <v>26877.004550000001</v>
      </c>
      <c r="U4026">
        <v>9581.9701299999997</v>
      </c>
      <c r="W4026" s="83">
        <f>Bühler!N4058</f>
        <v>45459.666666656907</v>
      </c>
      <c r="X4026" s="83">
        <v>43268.666666666664</v>
      </c>
      <c r="Y4026">
        <v>157872.19690000001</v>
      </c>
      <c r="Z4026">
        <v>16856.573609999999</v>
      </c>
      <c r="AA4026">
        <v>50719.753669999998</v>
      </c>
      <c r="AB4026">
        <v>31568.205330000001</v>
      </c>
      <c r="AC4026">
        <v>32520.614519999999</v>
      </c>
      <c r="AD4026">
        <v>22441.779289999999</v>
      </c>
      <c r="AE4026">
        <v>42251.279889999998</v>
      </c>
      <c r="AF4026">
        <v>45447.960659999997</v>
      </c>
      <c r="AG4026">
        <v>27237.395390000001</v>
      </c>
      <c r="AH4026">
        <v>213601.58900000001</v>
      </c>
      <c r="AI4026">
        <v>61513.285889999999</v>
      </c>
      <c r="AJ4026">
        <v>17063.71673</v>
      </c>
      <c r="AK4026">
        <v>30592.18245</v>
      </c>
      <c r="AL4026">
        <v>50856.07501</v>
      </c>
      <c r="AM4026">
        <v>17826.414799999999</v>
      </c>
      <c r="AN4026">
        <v>85371.978600000002</v>
      </c>
      <c r="AO4026">
        <v>26877.004550000001</v>
      </c>
      <c r="AP4026">
        <v>9581.9701299999997</v>
      </c>
    </row>
    <row r="4027" spans="2:42" x14ac:dyDescent="0.3">
      <c r="B4027">
        <v>41.821955152539687</v>
      </c>
      <c r="C4027" s="83">
        <v>43268.708333333336</v>
      </c>
      <c r="D4027">
        <v>159883.50469999999</v>
      </c>
      <c r="E4027">
        <v>16698.45782</v>
      </c>
      <c r="F4027">
        <v>50745.745139999999</v>
      </c>
      <c r="G4027">
        <v>31636.223279999998</v>
      </c>
      <c r="H4027">
        <v>32400.783899999999</v>
      </c>
      <c r="I4027">
        <v>23095.110339999999</v>
      </c>
      <c r="J4027">
        <v>43127.875529999998</v>
      </c>
      <c r="K4027">
        <v>45115.554210000002</v>
      </c>
      <c r="L4027">
        <v>27197.620640000001</v>
      </c>
      <c r="M4027">
        <v>213227.83069999999</v>
      </c>
      <c r="N4027">
        <v>62888.966</v>
      </c>
      <c r="O4027">
        <v>17772.415229999999</v>
      </c>
      <c r="P4027">
        <v>30180.297480000001</v>
      </c>
      <c r="Q4027">
        <v>51683.422619999998</v>
      </c>
      <c r="R4027">
        <v>19640.652890000001</v>
      </c>
      <c r="S4027">
        <v>87660.504879999993</v>
      </c>
      <c r="T4027">
        <v>26878.029890000002</v>
      </c>
      <c r="U4027">
        <v>9460.4687109999995</v>
      </c>
      <c r="W4027" s="83">
        <f>Bühler!N4059</f>
        <v>45459.708333323571</v>
      </c>
      <c r="X4027" s="83">
        <v>43268.708333333336</v>
      </c>
      <c r="Y4027">
        <v>159883.50469999999</v>
      </c>
      <c r="Z4027">
        <v>16698.45782</v>
      </c>
      <c r="AA4027">
        <v>50745.745139999999</v>
      </c>
      <c r="AB4027">
        <v>31636.223279999998</v>
      </c>
      <c r="AC4027">
        <v>32400.783899999999</v>
      </c>
      <c r="AD4027">
        <v>23095.110339999999</v>
      </c>
      <c r="AE4027">
        <v>43127.875529999998</v>
      </c>
      <c r="AF4027">
        <v>45115.554210000002</v>
      </c>
      <c r="AG4027">
        <v>27197.620640000001</v>
      </c>
      <c r="AH4027">
        <v>213227.83069999999</v>
      </c>
      <c r="AI4027">
        <v>62888.966</v>
      </c>
      <c r="AJ4027">
        <v>17772.415229999999</v>
      </c>
      <c r="AK4027">
        <v>30180.297480000001</v>
      </c>
      <c r="AL4027">
        <v>51683.422619999998</v>
      </c>
      <c r="AM4027">
        <v>19640.652890000001</v>
      </c>
      <c r="AN4027">
        <v>87660.504879999993</v>
      </c>
      <c r="AO4027">
        <v>26878.029890000002</v>
      </c>
      <c r="AP4027">
        <v>9460.4687109999995</v>
      </c>
    </row>
    <row r="4028" spans="2:42" x14ac:dyDescent="0.3">
      <c r="B4028">
        <v>41.562864474794161</v>
      </c>
      <c r="C4028" s="83">
        <v>43268.75</v>
      </c>
      <c r="D4028">
        <v>160874.25880000001</v>
      </c>
      <c r="E4028">
        <v>15831.999</v>
      </c>
      <c r="F4028">
        <v>50468.39731</v>
      </c>
      <c r="G4028">
        <v>31409.33856</v>
      </c>
      <c r="H4028">
        <v>32497.030760000001</v>
      </c>
      <c r="I4028">
        <v>23171.331900000001</v>
      </c>
      <c r="J4028">
        <v>43637.99641</v>
      </c>
      <c r="K4028">
        <v>44095.509660000003</v>
      </c>
      <c r="L4028">
        <v>27407.24541</v>
      </c>
      <c r="M4028">
        <v>211906.86559999999</v>
      </c>
      <c r="N4028">
        <v>63850.53888</v>
      </c>
      <c r="O4028">
        <v>17895.509279999998</v>
      </c>
      <c r="P4028">
        <v>31464.66459</v>
      </c>
      <c r="Q4028">
        <v>52078.709170000002</v>
      </c>
      <c r="R4028">
        <v>18309.408490000002</v>
      </c>
      <c r="S4028">
        <v>84892.306410000005</v>
      </c>
      <c r="T4028">
        <v>25685.887579999999</v>
      </c>
      <c r="U4028">
        <v>9796.7995580000006</v>
      </c>
      <c r="W4028" s="83">
        <f>Bühler!N4060</f>
        <v>45459.749999990236</v>
      </c>
      <c r="X4028" s="83">
        <v>43268.75</v>
      </c>
      <c r="Y4028">
        <v>160874.25880000001</v>
      </c>
      <c r="Z4028">
        <v>15831.999</v>
      </c>
      <c r="AA4028">
        <v>50468.39731</v>
      </c>
      <c r="AB4028">
        <v>31409.33856</v>
      </c>
      <c r="AC4028">
        <v>32497.030760000001</v>
      </c>
      <c r="AD4028">
        <v>23171.331900000001</v>
      </c>
      <c r="AE4028">
        <v>43637.99641</v>
      </c>
      <c r="AF4028">
        <v>44095.509660000003</v>
      </c>
      <c r="AG4028">
        <v>27407.24541</v>
      </c>
      <c r="AH4028">
        <v>211906.86559999999</v>
      </c>
      <c r="AI4028">
        <v>63850.53888</v>
      </c>
      <c r="AJ4028">
        <v>17895.509279999998</v>
      </c>
      <c r="AK4028">
        <v>31464.66459</v>
      </c>
      <c r="AL4028">
        <v>52078.709170000002</v>
      </c>
      <c r="AM4028">
        <v>18309.408490000002</v>
      </c>
      <c r="AN4028">
        <v>84892.306410000005</v>
      </c>
      <c r="AO4028">
        <v>25685.887579999999</v>
      </c>
      <c r="AP4028">
        <v>9796.7995580000006</v>
      </c>
    </row>
    <row r="4029" spans="2:42" x14ac:dyDescent="0.3">
      <c r="B4029">
        <v>42.124736360938897</v>
      </c>
      <c r="C4029" s="83">
        <v>43268.791666666664</v>
      </c>
      <c r="D4029">
        <v>160997.92480000001</v>
      </c>
      <c r="E4029">
        <v>14007.26453</v>
      </c>
      <c r="F4029">
        <v>50265.883840000002</v>
      </c>
      <c r="G4029">
        <v>31520.922439999998</v>
      </c>
      <c r="H4029">
        <v>31853.99093</v>
      </c>
      <c r="I4029">
        <v>22985.130099999998</v>
      </c>
      <c r="J4029">
        <v>42421.814969999999</v>
      </c>
      <c r="K4029">
        <v>45778.002959999998</v>
      </c>
      <c r="L4029">
        <v>27943.726119999999</v>
      </c>
      <c r="M4029">
        <v>214771.55050000001</v>
      </c>
      <c r="N4029">
        <v>65270.3557</v>
      </c>
      <c r="O4029">
        <v>17735.843509999999</v>
      </c>
      <c r="P4029">
        <v>33112.383070000003</v>
      </c>
      <c r="Q4029">
        <v>52621.689429999999</v>
      </c>
      <c r="R4029">
        <v>17225.930469999999</v>
      </c>
      <c r="S4029">
        <v>83182.023190000007</v>
      </c>
      <c r="T4029">
        <v>23789.658429999999</v>
      </c>
      <c r="U4029">
        <v>10079.891869999999</v>
      </c>
      <c r="W4029" s="83">
        <f>Bühler!N4061</f>
        <v>45459.7916666569</v>
      </c>
      <c r="X4029" s="83">
        <v>43268.791666666664</v>
      </c>
      <c r="Y4029">
        <v>160997.92480000001</v>
      </c>
      <c r="Z4029">
        <v>14007.26453</v>
      </c>
      <c r="AA4029">
        <v>50265.883840000002</v>
      </c>
      <c r="AB4029">
        <v>31520.922439999998</v>
      </c>
      <c r="AC4029">
        <v>31853.99093</v>
      </c>
      <c r="AD4029">
        <v>22985.130099999998</v>
      </c>
      <c r="AE4029">
        <v>42421.814969999999</v>
      </c>
      <c r="AF4029">
        <v>45778.002959999998</v>
      </c>
      <c r="AG4029">
        <v>27943.726119999999</v>
      </c>
      <c r="AH4029">
        <v>214771.55050000001</v>
      </c>
      <c r="AI4029">
        <v>65270.3557</v>
      </c>
      <c r="AJ4029">
        <v>17735.843509999999</v>
      </c>
      <c r="AK4029">
        <v>33112.383070000003</v>
      </c>
      <c r="AL4029">
        <v>52621.689429999999</v>
      </c>
      <c r="AM4029">
        <v>17225.930469999999</v>
      </c>
      <c r="AN4029">
        <v>83182.023190000007</v>
      </c>
      <c r="AO4029">
        <v>23789.658429999999</v>
      </c>
      <c r="AP4029">
        <v>10079.891869999999</v>
      </c>
    </row>
    <row r="4030" spans="2:42" x14ac:dyDescent="0.3">
      <c r="B4030">
        <v>41.937804853289784</v>
      </c>
      <c r="C4030" s="83">
        <v>43268.833333333336</v>
      </c>
      <c r="D4030">
        <v>161830.01990000001</v>
      </c>
      <c r="E4030">
        <v>12453.11895</v>
      </c>
      <c r="F4030">
        <v>49574.887770000001</v>
      </c>
      <c r="G4030">
        <v>31210.34072</v>
      </c>
      <c r="H4030">
        <v>31499.132020000001</v>
      </c>
      <c r="I4030">
        <v>22066.530019999998</v>
      </c>
      <c r="J4030">
        <v>40890.460980000003</v>
      </c>
      <c r="K4030">
        <v>44732.303319999999</v>
      </c>
      <c r="L4030">
        <v>27099.034110000001</v>
      </c>
      <c r="M4030">
        <v>213818.4865</v>
      </c>
      <c r="N4030">
        <v>65344.802309999999</v>
      </c>
      <c r="O4030">
        <v>16916.221160000001</v>
      </c>
      <c r="P4030">
        <v>32331.937269999999</v>
      </c>
      <c r="Q4030">
        <v>54022.364240000003</v>
      </c>
      <c r="R4030">
        <v>16835.971730000001</v>
      </c>
      <c r="S4030">
        <v>78202.535050000006</v>
      </c>
      <c r="T4030">
        <v>20713.157950000001</v>
      </c>
      <c r="U4030">
        <v>10127.80508</v>
      </c>
      <c r="W4030" s="83">
        <f>Bühler!N4062</f>
        <v>45459.833333323564</v>
      </c>
      <c r="X4030" s="83">
        <v>43268.833333333336</v>
      </c>
      <c r="Y4030">
        <v>161830.01990000001</v>
      </c>
      <c r="Z4030">
        <v>12453.11895</v>
      </c>
      <c r="AA4030">
        <v>49574.887770000001</v>
      </c>
      <c r="AB4030">
        <v>31210.34072</v>
      </c>
      <c r="AC4030">
        <v>31499.132020000001</v>
      </c>
      <c r="AD4030">
        <v>22066.530019999998</v>
      </c>
      <c r="AE4030">
        <v>40890.460980000003</v>
      </c>
      <c r="AF4030">
        <v>44732.303319999999</v>
      </c>
      <c r="AG4030">
        <v>27099.034110000001</v>
      </c>
      <c r="AH4030">
        <v>213818.4865</v>
      </c>
      <c r="AI4030">
        <v>65344.802309999999</v>
      </c>
      <c r="AJ4030">
        <v>16916.221160000001</v>
      </c>
      <c r="AK4030">
        <v>32331.937269999999</v>
      </c>
      <c r="AL4030">
        <v>54022.364240000003</v>
      </c>
      <c r="AM4030">
        <v>16835.971730000001</v>
      </c>
      <c r="AN4030">
        <v>78202.535050000006</v>
      </c>
      <c r="AO4030">
        <v>20713.157950000001</v>
      </c>
      <c r="AP4030">
        <v>10127.80508</v>
      </c>
    </row>
    <row r="4031" spans="2:42" x14ac:dyDescent="0.3">
      <c r="B4031">
        <v>41.90103779680117</v>
      </c>
      <c r="C4031" s="83">
        <v>43268.875</v>
      </c>
      <c r="D4031">
        <v>164157.77470000001</v>
      </c>
      <c r="E4031">
        <v>12104.53739</v>
      </c>
      <c r="F4031">
        <v>49333.23414</v>
      </c>
      <c r="G4031">
        <v>31347.406869999999</v>
      </c>
      <c r="H4031">
        <v>31403.424999999999</v>
      </c>
      <c r="I4031">
        <v>20975.380740000001</v>
      </c>
      <c r="J4031">
        <v>40724.795389999999</v>
      </c>
      <c r="K4031">
        <v>46710.659740000003</v>
      </c>
      <c r="L4031">
        <v>26003.9653</v>
      </c>
      <c r="M4031">
        <v>213631.03090000001</v>
      </c>
      <c r="N4031">
        <v>65613.105609999999</v>
      </c>
      <c r="O4031">
        <v>17114.3511</v>
      </c>
      <c r="P4031">
        <v>31778.242559999999</v>
      </c>
      <c r="Q4031">
        <v>56152.874069999998</v>
      </c>
      <c r="R4031">
        <v>17427.998810000001</v>
      </c>
      <c r="S4031">
        <v>75413.467749999996</v>
      </c>
      <c r="T4031">
        <v>20028.610830000001</v>
      </c>
      <c r="U4031">
        <v>10213.707979999999</v>
      </c>
      <c r="W4031" s="83">
        <f>Bühler!N4063</f>
        <v>45459.874999990228</v>
      </c>
      <c r="X4031" s="83">
        <v>43268.875</v>
      </c>
      <c r="Y4031">
        <v>164157.77470000001</v>
      </c>
      <c r="Z4031">
        <v>12104.53739</v>
      </c>
      <c r="AA4031">
        <v>49333.23414</v>
      </c>
      <c r="AB4031">
        <v>31347.406869999999</v>
      </c>
      <c r="AC4031">
        <v>31403.424999999999</v>
      </c>
      <c r="AD4031">
        <v>20975.380740000001</v>
      </c>
      <c r="AE4031">
        <v>40724.795389999999</v>
      </c>
      <c r="AF4031">
        <v>46710.659740000003</v>
      </c>
      <c r="AG4031">
        <v>26003.9653</v>
      </c>
      <c r="AH4031">
        <v>213631.03090000001</v>
      </c>
      <c r="AI4031">
        <v>65613.105609999999</v>
      </c>
      <c r="AJ4031">
        <v>17114.3511</v>
      </c>
      <c r="AK4031">
        <v>31778.242559999999</v>
      </c>
      <c r="AL4031">
        <v>56152.874069999998</v>
      </c>
      <c r="AM4031">
        <v>17427.998810000001</v>
      </c>
      <c r="AN4031">
        <v>75413.467749999996</v>
      </c>
      <c r="AO4031">
        <v>20028.610830000001</v>
      </c>
      <c r="AP4031">
        <v>10213.707979999999</v>
      </c>
    </row>
    <row r="4032" spans="2:42" x14ac:dyDescent="0.3">
      <c r="B4032">
        <v>42.509027119882788</v>
      </c>
      <c r="C4032" s="83">
        <v>43268.916666666664</v>
      </c>
      <c r="D4032">
        <v>166846.071</v>
      </c>
      <c r="E4032">
        <v>12103.76354</v>
      </c>
      <c r="F4032">
        <v>49066.063040000001</v>
      </c>
      <c r="G4032">
        <v>31978.399460000001</v>
      </c>
      <c r="H4032">
        <v>33289.35469</v>
      </c>
      <c r="I4032">
        <v>20902.675340000002</v>
      </c>
      <c r="J4032">
        <v>40689.381150000001</v>
      </c>
      <c r="K4032">
        <v>48632.914940000002</v>
      </c>
      <c r="L4032">
        <v>23346.880420000001</v>
      </c>
      <c r="M4032">
        <v>216730.84400000001</v>
      </c>
      <c r="N4032">
        <v>65505.07718</v>
      </c>
      <c r="O4032">
        <v>16775.21067</v>
      </c>
      <c r="P4032">
        <v>30073.854869999999</v>
      </c>
      <c r="Q4032">
        <v>57994.714939999998</v>
      </c>
      <c r="R4032">
        <v>18406.04178</v>
      </c>
      <c r="S4032">
        <v>75587.482409999997</v>
      </c>
      <c r="T4032">
        <v>19835.99869</v>
      </c>
      <c r="U4032">
        <v>11009.47154</v>
      </c>
      <c r="W4032" s="83">
        <f>Bühler!N4064</f>
        <v>45459.916666656893</v>
      </c>
      <c r="X4032" s="83">
        <v>43268.916666666664</v>
      </c>
      <c r="Y4032">
        <v>166846.071</v>
      </c>
      <c r="Z4032">
        <v>12103.76354</v>
      </c>
      <c r="AA4032">
        <v>49066.063040000001</v>
      </c>
      <c r="AB4032">
        <v>31978.399460000001</v>
      </c>
      <c r="AC4032">
        <v>33289.35469</v>
      </c>
      <c r="AD4032">
        <v>20902.675340000002</v>
      </c>
      <c r="AE4032">
        <v>40689.381150000001</v>
      </c>
      <c r="AF4032">
        <v>48632.914940000002</v>
      </c>
      <c r="AG4032">
        <v>23346.880420000001</v>
      </c>
      <c r="AH4032">
        <v>216730.84400000001</v>
      </c>
      <c r="AI4032">
        <v>65505.07718</v>
      </c>
      <c r="AJ4032">
        <v>16775.21067</v>
      </c>
      <c r="AK4032">
        <v>30073.854869999999</v>
      </c>
      <c r="AL4032">
        <v>57994.714939999998</v>
      </c>
      <c r="AM4032">
        <v>18406.04178</v>
      </c>
      <c r="AN4032">
        <v>75587.482409999997</v>
      </c>
      <c r="AO4032">
        <v>19835.99869</v>
      </c>
      <c r="AP4032">
        <v>11009.47154</v>
      </c>
    </row>
    <row r="4033" spans="2:42" x14ac:dyDescent="0.3">
      <c r="B4033">
        <v>42.172695292821579</v>
      </c>
      <c r="C4033" s="83">
        <v>43268.958333333336</v>
      </c>
      <c r="D4033">
        <v>169302.92809999999</v>
      </c>
      <c r="E4033">
        <v>11822.348319999999</v>
      </c>
      <c r="F4033">
        <v>48692.719720000001</v>
      </c>
      <c r="G4033">
        <v>32195.863700000002</v>
      </c>
      <c r="H4033">
        <v>33118.185859999998</v>
      </c>
      <c r="I4033">
        <v>20332.64473</v>
      </c>
      <c r="J4033">
        <v>36555.288890000003</v>
      </c>
      <c r="K4033">
        <v>48919.436990000002</v>
      </c>
      <c r="L4033">
        <v>20165.85425</v>
      </c>
      <c r="M4033">
        <v>215016.0675</v>
      </c>
      <c r="N4033">
        <v>67113.168420000002</v>
      </c>
      <c r="O4033">
        <v>16928.482400000001</v>
      </c>
      <c r="P4033">
        <v>27704.429970000001</v>
      </c>
      <c r="Q4033">
        <v>60201.491600000001</v>
      </c>
      <c r="R4033">
        <v>19055.233029999999</v>
      </c>
      <c r="S4033">
        <v>73855.481969999993</v>
      </c>
      <c r="T4033">
        <v>19094.829610000001</v>
      </c>
      <c r="U4033">
        <v>10796.30942</v>
      </c>
      <c r="W4033" s="83">
        <f>Bühler!N4065</f>
        <v>45459.958333323557</v>
      </c>
      <c r="X4033" s="83">
        <v>43268.958333333336</v>
      </c>
      <c r="Y4033">
        <v>169302.92809999999</v>
      </c>
      <c r="Z4033">
        <v>11822.348319999999</v>
      </c>
      <c r="AA4033">
        <v>48692.719720000001</v>
      </c>
      <c r="AB4033">
        <v>32195.863700000002</v>
      </c>
      <c r="AC4033">
        <v>33118.185859999998</v>
      </c>
      <c r="AD4033">
        <v>20332.64473</v>
      </c>
      <c r="AE4033">
        <v>36555.288890000003</v>
      </c>
      <c r="AF4033">
        <v>48919.436990000002</v>
      </c>
      <c r="AG4033">
        <v>20165.85425</v>
      </c>
      <c r="AH4033">
        <v>215016.0675</v>
      </c>
      <c r="AI4033">
        <v>67113.168420000002</v>
      </c>
      <c r="AJ4033">
        <v>16928.482400000001</v>
      </c>
      <c r="AK4033">
        <v>27704.429970000001</v>
      </c>
      <c r="AL4033">
        <v>60201.491600000001</v>
      </c>
      <c r="AM4033">
        <v>19055.233029999999</v>
      </c>
      <c r="AN4033">
        <v>73855.481969999993</v>
      </c>
      <c r="AO4033">
        <v>19094.829610000001</v>
      </c>
      <c r="AP4033">
        <v>10796.30942</v>
      </c>
    </row>
    <row r="4034" spans="2:42" x14ac:dyDescent="0.3">
      <c r="B4034">
        <v>41.349490839070072</v>
      </c>
      <c r="C4034" s="83">
        <v>43269</v>
      </c>
      <c r="D4034">
        <v>170969.1476</v>
      </c>
      <c r="E4034">
        <v>11616.067290000001</v>
      </c>
      <c r="F4034">
        <v>48471.426270000004</v>
      </c>
      <c r="G4034">
        <v>31647.255369999999</v>
      </c>
      <c r="H4034">
        <v>32284.971420000002</v>
      </c>
      <c r="I4034">
        <v>18830.138210000001</v>
      </c>
      <c r="J4034">
        <v>34479.4951</v>
      </c>
      <c r="K4034">
        <v>45384.44541</v>
      </c>
      <c r="L4034">
        <v>17582.468110000002</v>
      </c>
      <c r="M4034">
        <v>210818.98730000001</v>
      </c>
      <c r="N4034">
        <v>65887.248219999994</v>
      </c>
      <c r="O4034">
        <v>16929.658319999999</v>
      </c>
      <c r="P4034">
        <v>26450.72134</v>
      </c>
      <c r="Q4034">
        <v>62863.754569999997</v>
      </c>
      <c r="R4034">
        <v>15305.259969999999</v>
      </c>
      <c r="S4034">
        <v>72392.334570000006</v>
      </c>
      <c r="T4034">
        <v>18402.613880000001</v>
      </c>
      <c r="U4034">
        <v>10574.321679999999</v>
      </c>
      <c r="W4034" s="83">
        <f>Bühler!N4066</f>
        <v>45459.999999990221</v>
      </c>
      <c r="X4034" s="83">
        <v>43269</v>
      </c>
      <c r="Y4034">
        <v>170969.1476</v>
      </c>
      <c r="Z4034">
        <v>11616.067290000001</v>
      </c>
      <c r="AA4034">
        <v>48471.426270000004</v>
      </c>
      <c r="AB4034">
        <v>31647.255369999999</v>
      </c>
      <c r="AC4034">
        <v>32284.971420000002</v>
      </c>
      <c r="AD4034">
        <v>18830.138210000001</v>
      </c>
      <c r="AE4034">
        <v>34479.4951</v>
      </c>
      <c r="AF4034">
        <v>45384.44541</v>
      </c>
      <c r="AG4034">
        <v>17582.468110000002</v>
      </c>
      <c r="AH4034">
        <v>210818.98730000001</v>
      </c>
      <c r="AI4034">
        <v>65887.248219999994</v>
      </c>
      <c r="AJ4034">
        <v>16929.658319999999</v>
      </c>
      <c r="AK4034">
        <v>26450.72134</v>
      </c>
      <c r="AL4034">
        <v>62863.754569999997</v>
      </c>
      <c r="AM4034">
        <v>15305.259969999999</v>
      </c>
      <c r="AN4034">
        <v>72392.334570000006</v>
      </c>
      <c r="AO4034">
        <v>18402.613880000001</v>
      </c>
      <c r="AP4034">
        <v>10574.321679999999</v>
      </c>
    </row>
    <row r="4035" spans="2:42" x14ac:dyDescent="0.3">
      <c r="B4035">
        <v>41.699943265380419</v>
      </c>
      <c r="C4035" s="83">
        <v>43269.041666666664</v>
      </c>
      <c r="D4035">
        <v>171478.66310000001</v>
      </c>
      <c r="E4035">
        <v>11514.194820000001</v>
      </c>
      <c r="F4035">
        <v>48029.855620000002</v>
      </c>
      <c r="G4035">
        <v>30988.025900000001</v>
      </c>
      <c r="H4035">
        <v>31944.508239999999</v>
      </c>
      <c r="I4035">
        <v>15323.769</v>
      </c>
      <c r="J4035">
        <v>33248.178870000003</v>
      </c>
      <c r="K4035">
        <v>43660.153100000003</v>
      </c>
      <c r="L4035">
        <v>17112.185249999999</v>
      </c>
      <c r="M4035">
        <v>212605.75719999999</v>
      </c>
      <c r="N4035">
        <v>64840.970959999999</v>
      </c>
      <c r="O4035">
        <v>16646.196940000002</v>
      </c>
      <c r="P4035">
        <v>25035.845109999998</v>
      </c>
      <c r="Q4035">
        <v>64529.451560000001</v>
      </c>
      <c r="R4035">
        <v>13848.7487</v>
      </c>
      <c r="S4035">
        <v>71033.012959999993</v>
      </c>
      <c r="T4035">
        <v>17919.010750000001</v>
      </c>
      <c r="U4035">
        <v>10476.4593</v>
      </c>
      <c r="W4035" s="83">
        <f>Bühler!N4067</f>
        <v>45460.041666656885</v>
      </c>
      <c r="X4035" s="83">
        <v>43269.041666666664</v>
      </c>
      <c r="Y4035">
        <v>171478.66310000001</v>
      </c>
      <c r="Z4035">
        <v>11514.194820000001</v>
      </c>
      <c r="AA4035">
        <v>48029.855620000002</v>
      </c>
      <c r="AB4035">
        <v>30988.025900000001</v>
      </c>
      <c r="AC4035">
        <v>31944.508239999999</v>
      </c>
      <c r="AD4035">
        <v>15323.769</v>
      </c>
      <c r="AE4035">
        <v>33248.178870000003</v>
      </c>
      <c r="AF4035">
        <v>43660.153100000003</v>
      </c>
      <c r="AG4035">
        <v>17112.185249999999</v>
      </c>
      <c r="AH4035">
        <v>212605.75719999999</v>
      </c>
      <c r="AI4035">
        <v>64840.970959999999</v>
      </c>
      <c r="AJ4035">
        <v>16646.196940000002</v>
      </c>
      <c r="AK4035">
        <v>25035.845109999998</v>
      </c>
      <c r="AL4035">
        <v>64529.451560000001</v>
      </c>
      <c r="AM4035">
        <v>13848.7487</v>
      </c>
      <c r="AN4035">
        <v>71033.012959999993</v>
      </c>
      <c r="AO4035">
        <v>17919.010750000001</v>
      </c>
      <c r="AP4035">
        <v>10476.4593</v>
      </c>
    </row>
    <row r="4036" spans="2:42" x14ac:dyDescent="0.3">
      <c r="B4036">
        <v>41.968940392754604</v>
      </c>
      <c r="C4036" s="83">
        <v>43269.083333333336</v>
      </c>
      <c r="D4036">
        <v>173738.69930000001</v>
      </c>
      <c r="E4036">
        <v>11416.554990000001</v>
      </c>
      <c r="F4036">
        <v>49226.132310000001</v>
      </c>
      <c r="G4036">
        <v>30672.087530000001</v>
      </c>
      <c r="H4036">
        <v>31753.375370000002</v>
      </c>
      <c r="I4036">
        <v>13577.32188</v>
      </c>
      <c r="J4036">
        <v>32896.940479999997</v>
      </c>
      <c r="K4036">
        <v>42187.713029999999</v>
      </c>
      <c r="L4036">
        <v>16807.21369</v>
      </c>
      <c r="M4036">
        <v>213977.23</v>
      </c>
      <c r="N4036">
        <v>65211.572390000001</v>
      </c>
      <c r="O4036">
        <v>16726.878639999999</v>
      </c>
      <c r="P4036">
        <v>24051.45895</v>
      </c>
      <c r="Q4036">
        <v>67982.864029999997</v>
      </c>
      <c r="R4036">
        <v>14688.61303</v>
      </c>
      <c r="S4036">
        <v>70356.075559999997</v>
      </c>
      <c r="T4036">
        <v>17789.39142</v>
      </c>
      <c r="U4036">
        <v>10473.506740000001</v>
      </c>
      <c r="W4036" s="83">
        <f>Bühler!N4068</f>
        <v>45460.08333332355</v>
      </c>
      <c r="X4036" s="83">
        <v>43269.083333333336</v>
      </c>
      <c r="Y4036">
        <v>173738.69930000001</v>
      </c>
      <c r="Z4036">
        <v>11416.554990000001</v>
      </c>
      <c r="AA4036">
        <v>49226.132310000001</v>
      </c>
      <c r="AB4036">
        <v>30672.087530000001</v>
      </c>
      <c r="AC4036">
        <v>31753.375370000002</v>
      </c>
      <c r="AD4036">
        <v>13577.32188</v>
      </c>
      <c r="AE4036">
        <v>32896.940479999997</v>
      </c>
      <c r="AF4036">
        <v>42187.713029999999</v>
      </c>
      <c r="AG4036">
        <v>16807.21369</v>
      </c>
      <c r="AH4036">
        <v>213977.23</v>
      </c>
      <c r="AI4036">
        <v>65211.572390000001</v>
      </c>
      <c r="AJ4036">
        <v>16726.878639999999</v>
      </c>
      <c r="AK4036">
        <v>24051.45895</v>
      </c>
      <c r="AL4036">
        <v>67982.864029999997</v>
      </c>
      <c r="AM4036">
        <v>14688.61303</v>
      </c>
      <c r="AN4036">
        <v>70356.075559999997</v>
      </c>
      <c r="AO4036">
        <v>17789.39142</v>
      </c>
      <c r="AP4036">
        <v>10473.506740000001</v>
      </c>
    </row>
    <row r="4037" spans="2:42" x14ac:dyDescent="0.3">
      <c r="B4037">
        <v>43.587400954531098</v>
      </c>
      <c r="C4037" s="83">
        <v>43269.125</v>
      </c>
      <c r="D4037">
        <v>177322.92480000001</v>
      </c>
      <c r="E4037">
        <v>11593.252850000001</v>
      </c>
      <c r="F4037">
        <v>51957.033219999998</v>
      </c>
      <c r="G4037">
        <v>29960.41287</v>
      </c>
      <c r="H4037">
        <v>31882.843110000002</v>
      </c>
      <c r="I4037">
        <v>12891.892459999999</v>
      </c>
      <c r="J4037">
        <v>32946.144549999997</v>
      </c>
      <c r="K4037">
        <v>41710.042049999996</v>
      </c>
      <c r="L4037">
        <v>16266.491319999999</v>
      </c>
      <c r="M4037">
        <v>222228.89670000001</v>
      </c>
      <c r="N4037">
        <v>65767.163220000002</v>
      </c>
      <c r="O4037">
        <v>16282.670910000001</v>
      </c>
      <c r="P4037">
        <v>23412.094270000001</v>
      </c>
      <c r="Q4037">
        <v>72737.421430000002</v>
      </c>
      <c r="R4037">
        <v>14027.122869999999</v>
      </c>
      <c r="S4037">
        <v>70101.506569999998</v>
      </c>
      <c r="T4037">
        <v>17570.150249999999</v>
      </c>
      <c r="U4037">
        <v>10444.868109999999</v>
      </c>
      <c r="W4037" s="83">
        <f>Bühler!N4069</f>
        <v>45460.124999990214</v>
      </c>
      <c r="X4037" s="83">
        <v>43269.125</v>
      </c>
      <c r="Y4037">
        <v>177322.92480000001</v>
      </c>
      <c r="Z4037">
        <v>11593.252850000001</v>
      </c>
      <c r="AA4037">
        <v>51957.033219999998</v>
      </c>
      <c r="AB4037">
        <v>29960.41287</v>
      </c>
      <c r="AC4037">
        <v>31882.843110000002</v>
      </c>
      <c r="AD4037">
        <v>12891.892459999999</v>
      </c>
      <c r="AE4037">
        <v>32946.144549999997</v>
      </c>
      <c r="AF4037">
        <v>41710.042049999996</v>
      </c>
      <c r="AG4037">
        <v>16266.491319999999</v>
      </c>
      <c r="AH4037">
        <v>222228.89670000001</v>
      </c>
      <c r="AI4037">
        <v>65767.163220000002</v>
      </c>
      <c r="AJ4037">
        <v>16282.670910000001</v>
      </c>
      <c r="AK4037">
        <v>23412.094270000001</v>
      </c>
      <c r="AL4037">
        <v>72737.421430000002</v>
      </c>
      <c r="AM4037">
        <v>14027.122869999999</v>
      </c>
      <c r="AN4037">
        <v>70101.506569999998</v>
      </c>
      <c r="AO4037">
        <v>17570.150249999999</v>
      </c>
      <c r="AP4037">
        <v>10444.868109999999</v>
      </c>
    </row>
    <row r="4038" spans="2:42" x14ac:dyDescent="0.3">
      <c r="B4038">
        <v>46.368217684324755</v>
      </c>
      <c r="C4038" s="83">
        <v>43269.166666666664</v>
      </c>
      <c r="D4038">
        <v>189066.53769999999</v>
      </c>
      <c r="E4038">
        <v>12413.196449999999</v>
      </c>
      <c r="F4038">
        <v>55099.418870000001</v>
      </c>
      <c r="G4038">
        <v>29701.388319999998</v>
      </c>
      <c r="H4038">
        <v>32434.297490000001</v>
      </c>
      <c r="I4038">
        <v>14456.53076</v>
      </c>
      <c r="J4038">
        <v>35112.415079999999</v>
      </c>
      <c r="K4038">
        <v>41618.596890000001</v>
      </c>
      <c r="L4038">
        <v>16553.895919999999</v>
      </c>
      <c r="M4038">
        <v>236406.7972</v>
      </c>
      <c r="N4038">
        <v>64466.920599999998</v>
      </c>
      <c r="O4038">
        <v>16485.04694</v>
      </c>
      <c r="P4038">
        <v>23495.584589999999</v>
      </c>
      <c r="Q4038">
        <v>78864.581699999995</v>
      </c>
      <c r="R4038">
        <v>14047.207259999999</v>
      </c>
      <c r="S4038">
        <v>70669.321230000001</v>
      </c>
      <c r="T4038">
        <v>17505.520079999998</v>
      </c>
      <c r="U4038">
        <v>11547.939839999999</v>
      </c>
      <c r="W4038" s="83">
        <f>Bühler!N4070</f>
        <v>45460.166666656878</v>
      </c>
      <c r="X4038" s="83">
        <v>43269.166666666664</v>
      </c>
      <c r="Y4038">
        <v>189066.53769999999</v>
      </c>
      <c r="Z4038">
        <v>12413.196449999999</v>
      </c>
      <c r="AA4038">
        <v>55099.418870000001</v>
      </c>
      <c r="AB4038">
        <v>29701.388319999998</v>
      </c>
      <c r="AC4038">
        <v>32434.297490000001</v>
      </c>
      <c r="AD4038">
        <v>14456.53076</v>
      </c>
      <c r="AE4038">
        <v>35112.415079999999</v>
      </c>
      <c r="AF4038">
        <v>41618.596890000001</v>
      </c>
      <c r="AG4038">
        <v>16553.895919999999</v>
      </c>
      <c r="AH4038">
        <v>236406.7972</v>
      </c>
      <c r="AI4038">
        <v>64466.920599999998</v>
      </c>
      <c r="AJ4038">
        <v>16485.04694</v>
      </c>
      <c r="AK4038">
        <v>23495.584589999999</v>
      </c>
      <c r="AL4038">
        <v>78864.581699999995</v>
      </c>
      <c r="AM4038">
        <v>14047.207259999999</v>
      </c>
      <c r="AN4038">
        <v>70669.321230000001</v>
      </c>
      <c r="AO4038">
        <v>17505.520079999998</v>
      </c>
      <c r="AP4038">
        <v>11547.939839999999</v>
      </c>
    </row>
    <row r="4039" spans="2:42" x14ac:dyDescent="0.3">
      <c r="B4039">
        <v>52.284633127096875</v>
      </c>
      <c r="C4039" s="83">
        <v>43269.208333333336</v>
      </c>
      <c r="D4039">
        <v>220575.1703</v>
      </c>
      <c r="E4039">
        <v>14361.150170000001</v>
      </c>
      <c r="F4039">
        <v>65221.461640000001</v>
      </c>
      <c r="G4039">
        <v>31184.3557</v>
      </c>
      <c r="H4039">
        <v>34055.013160000002</v>
      </c>
      <c r="I4039">
        <v>20950.18435</v>
      </c>
      <c r="J4039">
        <v>38181.91476</v>
      </c>
      <c r="K4039">
        <v>43380.900889999997</v>
      </c>
      <c r="L4039">
        <v>17324.230380000001</v>
      </c>
      <c r="M4039">
        <v>266571.44219999999</v>
      </c>
      <c r="N4039">
        <v>66688.045459999994</v>
      </c>
      <c r="O4039">
        <v>17028.718440000001</v>
      </c>
      <c r="P4039">
        <v>24980.2268</v>
      </c>
      <c r="Q4039">
        <v>85668.709560000003</v>
      </c>
      <c r="R4039">
        <v>16496.98605</v>
      </c>
      <c r="S4039">
        <v>72598.643049999999</v>
      </c>
      <c r="T4039">
        <v>18888.28155</v>
      </c>
      <c r="U4039">
        <v>12958.836520000001</v>
      </c>
      <c r="W4039" s="83">
        <f>Bühler!N4071</f>
        <v>45460.208333323542</v>
      </c>
      <c r="X4039" s="83">
        <v>43269.208333333336</v>
      </c>
      <c r="Y4039">
        <v>220575.1703</v>
      </c>
      <c r="Z4039">
        <v>14361.150170000001</v>
      </c>
      <c r="AA4039">
        <v>65221.461640000001</v>
      </c>
      <c r="AB4039">
        <v>31184.3557</v>
      </c>
      <c r="AC4039">
        <v>34055.013160000002</v>
      </c>
      <c r="AD4039">
        <v>20950.18435</v>
      </c>
      <c r="AE4039">
        <v>38181.91476</v>
      </c>
      <c r="AF4039">
        <v>43380.900889999997</v>
      </c>
      <c r="AG4039">
        <v>17324.230380000001</v>
      </c>
      <c r="AH4039">
        <v>266571.44219999999</v>
      </c>
      <c r="AI4039">
        <v>66688.045459999994</v>
      </c>
      <c r="AJ4039">
        <v>17028.718440000001</v>
      </c>
      <c r="AK4039">
        <v>24980.2268</v>
      </c>
      <c r="AL4039">
        <v>85668.709560000003</v>
      </c>
      <c r="AM4039">
        <v>16496.98605</v>
      </c>
      <c r="AN4039">
        <v>72598.643049999999</v>
      </c>
      <c r="AO4039">
        <v>18888.28155</v>
      </c>
      <c r="AP4039">
        <v>12958.836520000001</v>
      </c>
    </row>
    <row r="4040" spans="2:42" x14ac:dyDescent="0.3">
      <c r="B4040">
        <v>57.258993179510639</v>
      </c>
      <c r="C4040" s="83">
        <v>43269.25</v>
      </c>
      <c r="D4040">
        <v>246395.26980000001</v>
      </c>
      <c r="E4040">
        <v>18208.457569999999</v>
      </c>
      <c r="F4040">
        <v>76987.322660000005</v>
      </c>
      <c r="G4040">
        <v>39432.216520000002</v>
      </c>
      <c r="H4040">
        <v>36229.060490000003</v>
      </c>
      <c r="I4040">
        <v>26979.054840000001</v>
      </c>
      <c r="J4040">
        <v>40261.937870000002</v>
      </c>
      <c r="K4040">
        <v>45306.155350000001</v>
      </c>
      <c r="L4040">
        <v>18442.577969999998</v>
      </c>
      <c r="M4040">
        <v>291933.04950000002</v>
      </c>
      <c r="N4040">
        <v>68253.86176</v>
      </c>
      <c r="O4040">
        <v>18456.657770000002</v>
      </c>
      <c r="P4040">
        <v>24815.17685</v>
      </c>
      <c r="Q4040">
        <v>89791.938389999996</v>
      </c>
      <c r="R4040">
        <v>15881.41136</v>
      </c>
      <c r="S4040">
        <v>79611.121920000005</v>
      </c>
      <c r="T4040">
        <v>20764.644209999999</v>
      </c>
      <c r="U4040">
        <v>14857.18101</v>
      </c>
      <c r="W4040" s="83">
        <f>Bühler!N4072</f>
        <v>45460.249999990207</v>
      </c>
      <c r="X4040" s="83">
        <v>43269.25</v>
      </c>
      <c r="Y4040">
        <v>246395.26980000001</v>
      </c>
      <c r="Z4040">
        <v>18208.457569999999</v>
      </c>
      <c r="AA4040">
        <v>76987.322660000005</v>
      </c>
      <c r="AB4040">
        <v>39432.216520000002</v>
      </c>
      <c r="AC4040">
        <v>36229.060490000003</v>
      </c>
      <c r="AD4040">
        <v>26979.054840000001</v>
      </c>
      <c r="AE4040">
        <v>40261.937870000002</v>
      </c>
      <c r="AF4040">
        <v>45306.155350000001</v>
      </c>
      <c r="AG4040">
        <v>18442.577969999998</v>
      </c>
      <c r="AH4040">
        <v>291933.04950000002</v>
      </c>
      <c r="AI4040">
        <v>68253.86176</v>
      </c>
      <c r="AJ4040">
        <v>18456.657770000002</v>
      </c>
      <c r="AK4040">
        <v>24815.17685</v>
      </c>
      <c r="AL4040">
        <v>89791.938389999996</v>
      </c>
      <c r="AM4040">
        <v>15881.41136</v>
      </c>
      <c r="AN4040">
        <v>79611.121920000005</v>
      </c>
      <c r="AO4040">
        <v>20764.644209999999</v>
      </c>
      <c r="AP4040">
        <v>14857.18101</v>
      </c>
    </row>
    <row r="4041" spans="2:42" x14ac:dyDescent="0.3">
      <c r="B4041">
        <v>61.058764287260885</v>
      </c>
      <c r="C4041" s="83">
        <v>43269.291666666664</v>
      </c>
      <c r="D4041">
        <v>264235.58240000001</v>
      </c>
      <c r="E4041">
        <v>22605.72568</v>
      </c>
      <c r="F4041">
        <v>80500.996490000005</v>
      </c>
      <c r="G4041">
        <v>49356.050869999999</v>
      </c>
      <c r="H4041">
        <v>41574.292110000002</v>
      </c>
      <c r="I4041">
        <v>34654.871460000002</v>
      </c>
      <c r="J4041">
        <v>42080.422050000001</v>
      </c>
      <c r="K4041">
        <v>50817.803079999998</v>
      </c>
      <c r="L4041">
        <v>20711.942910000002</v>
      </c>
      <c r="M4041">
        <v>311306.05459999997</v>
      </c>
      <c r="N4041">
        <v>72781.141279999996</v>
      </c>
      <c r="O4041">
        <v>21033.44816</v>
      </c>
      <c r="P4041">
        <v>27953.755300000001</v>
      </c>
      <c r="Q4041">
        <v>92251.486250000002</v>
      </c>
      <c r="R4041">
        <v>17993.91316</v>
      </c>
      <c r="S4041">
        <v>94672.592699999994</v>
      </c>
      <c r="T4041">
        <v>24606.672269999999</v>
      </c>
      <c r="U4041">
        <v>19932.879840000001</v>
      </c>
      <c r="W4041" s="83">
        <f>Bühler!N4073</f>
        <v>45460.291666656871</v>
      </c>
      <c r="X4041" s="83">
        <v>43269.291666666664</v>
      </c>
      <c r="Y4041">
        <v>264235.58240000001</v>
      </c>
      <c r="Z4041">
        <v>22605.72568</v>
      </c>
      <c r="AA4041">
        <v>80500.996490000005</v>
      </c>
      <c r="AB4041">
        <v>49356.050869999999</v>
      </c>
      <c r="AC4041">
        <v>41574.292110000002</v>
      </c>
      <c r="AD4041">
        <v>34654.871460000002</v>
      </c>
      <c r="AE4041">
        <v>42080.422050000001</v>
      </c>
      <c r="AF4041">
        <v>50817.803079999998</v>
      </c>
      <c r="AG4041">
        <v>20711.942910000002</v>
      </c>
      <c r="AH4041">
        <v>311306.05459999997</v>
      </c>
      <c r="AI4041">
        <v>72781.141279999996</v>
      </c>
      <c r="AJ4041">
        <v>21033.44816</v>
      </c>
      <c r="AK4041">
        <v>27953.755300000001</v>
      </c>
      <c r="AL4041">
        <v>92251.486250000002</v>
      </c>
      <c r="AM4041">
        <v>17993.91316</v>
      </c>
      <c r="AN4041">
        <v>94672.592699999994</v>
      </c>
      <c r="AO4041">
        <v>24606.672269999999</v>
      </c>
      <c r="AP4041">
        <v>19932.879840000001</v>
      </c>
    </row>
    <row r="4042" spans="2:42" x14ac:dyDescent="0.3">
      <c r="B4042">
        <v>63.323306901770231</v>
      </c>
      <c r="C4042" s="83">
        <v>43269.333333333336</v>
      </c>
      <c r="D4042">
        <v>282591.68709999998</v>
      </c>
      <c r="E4042">
        <v>27952.922060000001</v>
      </c>
      <c r="F4042">
        <v>88062.159209999998</v>
      </c>
      <c r="G4042">
        <v>59849.621950000001</v>
      </c>
      <c r="H4042">
        <v>47198.993300000002</v>
      </c>
      <c r="I4042">
        <v>38558.757640000003</v>
      </c>
      <c r="J4042">
        <v>44991.155619999998</v>
      </c>
      <c r="K4042">
        <v>58697.959739999998</v>
      </c>
      <c r="L4042">
        <v>24139.836749999999</v>
      </c>
      <c r="M4042">
        <v>322851.74890000001</v>
      </c>
      <c r="N4042">
        <v>80229.68449</v>
      </c>
      <c r="O4042">
        <v>23559.311559999998</v>
      </c>
      <c r="P4042">
        <v>31251.84074</v>
      </c>
      <c r="Q4042">
        <v>94903.003750000003</v>
      </c>
      <c r="R4042">
        <v>21477.29304</v>
      </c>
      <c r="S4042">
        <v>107082.56080000001</v>
      </c>
      <c r="T4042">
        <v>28160.985639999999</v>
      </c>
      <c r="U4042">
        <v>24327.952819999999</v>
      </c>
      <c r="W4042" s="83">
        <f>Bühler!N4074</f>
        <v>45460.333333323535</v>
      </c>
      <c r="X4042" s="83">
        <v>43269.333333333336</v>
      </c>
      <c r="Y4042">
        <v>282591.68709999998</v>
      </c>
      <c r="Z4042">
        <v>27952.922060000001</v>
      </c>
      <c r="AA4042">
        <v>88062.159209999998</v>
      </c>
      <c r="AB4042">
        <v>59849.621950000001</v>
      </c>
      <c r="AC4042">
        <v>47198.993300000002</v>
      </c>
      <c r="AD4042">
        <v>38558.757640000003</v>
      </c>
      <c r="AE4042">
        <v>44991.155619999998</v>
      </c>
      <c r="AF4042">
        <v>58697.959739999998</v>
      </c>
      <c r="AG4042">
        <v>24139.836749999999</v>
      </c>
      <c r="AH4042">
        <v>322851.74890000001</v>
      </c>
      <c r="AI4042">
        <v>80229.68449</v>
      </c>
      <c r="AJ4042">
        <v>23559.311559999998</v>
      </c>
      <c r="AK4042">
        <v>31251.84074</v>
      </c>
      <c r="AL4042">
        <v>94903.003750000003</v>
      </c>
      <c r="AM4042">
        <v>21477.29304</v>
      </c>
      <c r="AN4042">
        <v>107082.56080000001</v>
      </c>
      <c r="AO4042">
        <v>28160.985639999999</v>
      </c>
      <c r="AP4042">
        <v>24327.952819999999</v>
      </c>
    </row>
    <row r="4043" spans="2:42" x14ac:dyDescent="0.3">
      <c r="B4043">
        <v>64.454268099366033</v>
      </c>
      <c r="C4043" s="83">
        <v>43269.375</v>
      </c>
      <c r="D4043">
        <v>287368.25189999997</v>
      </c>
      <c r="E4043">
        <v>32313.037359999998</v>
      </c>
      <c r="F4043">
        <v>95138.115869999994</v>
      </c>
      <c r="G4043">
        <v>70048.628320000003</v>
      </c>
      <c r="H4043">
        <v>50420.062879999998</v>
      </c>
      <c r="I4043">
        <v>37308.020600000003</v>
      </c>
      <c r="J4043">
        <v>46330.954790000003</v>
      </c>
      <c r="K4043">
        <v>61945.651380000003</v>
      </c>
      <c r="L4043">
        <v>27320.073349999999</v>
      </c>
      <c r="M4043">
        <v>328617.91649999999</v>
      </c>
      <c r="N4043">
        <v>84354.155140000003</v>
      </c>
      <c r="O4043">
        <v>24348.523710000001</v>
      </c>
      <c r="P4043">
        <v>33399.760240000003</v>
      </c>
      <c r="Q4043">
        <v>97652.831770000004</v>
      </c>
      <c r="R4043">
        <v>22517.501370000002</v>
      </c>
      <c r="S4043">
        <v>115608.9703</v>
      </c>
      <c r="T4043">
        <v>30958.20937</v>
      </c>
      <c r="U4043">
        <v>25254.533790000001</v>
      </c>
      <c r="W4043" s="83">
        <f>Bühler!N4075</f>
        <v>45460.374999990199</v>
      </c>
      <c r="X4043" s="83">
        <v>43269.375</v>
      </c>
      <c r="Y4043">
        <v>287368.25189999997</v>
      </c>
      <c r="Z4043">
        <v>32313.037359999998</v>
      </c>
      <c r="AA4043">
        <v>95138.115869999994</v>
      </c>
      <c r="AB4043">
        <v>70048.628320000003</v>
      </c>
      <c r="AC4043">
        <v>50420.062879999998</v>
      </c>
      <c r="AD4043">
        <v>37308.020600000003</v>
      </c>
      <c r="AE4043">
        <v>46330.954790000003</v>
      </c>
      <c r="AF4043">
        <v>61945.651380000003</v>
      </c>
      <c r="AG4043">
        <v>27320.073349999999</v>
      </c>
      <c r="AH4043">
        <v>328617.91649999999</v>
      </c>
      <c r="AI4043">
        <v>84354.155140000003</v>
      </c>
      <c r="AJ4043">
        <v>24348.523710000001</v>
      </c>
      <c r="AK4043">
        <v>33399.760240000003</v>
      </c>
      <c r="AL4043">
        <v>97652.831770000004</v>
      </c>
      <c r="AM4043">
        <v>22517.501370000002</v>
      </c>
      <c r="AN4043">
        <v>115608.9703</v>
      </c>
      <c r="AO4043">
        <v>30958.20937</v>
      </c>
      <c r="AP4043">
        <v>25254.533790000001</v>
      </c>
    </row>
    <row r="4044" spans="2:42" x14ac:dyDescent="0.3">
      <c r="B4044">
        <v>65.788799435585503</v>
      </c>
      <c r="C4044" s="83">
        <v>43269.416666666664</v>
      </c>
      <c r="D4044">
        <v>292682.6716</v>
      </c>
      <c r="E4044">
        <v>34709.24409</v>
      </c>
      <c r="F4044">
        <v>97189.788790000006</v>
      </c>
      <c r="G4044">
        <v>73570.73272</v>
      </c>
      <c r="H4044">
        <v>51555.978309999999</v>
      </c>
      <c r="I4044">
        <v>35547.963069999998</v>
      </c>
      <c r="J4044">
        <v>46791.682990000001</v>
      </c>
      <c r="K4044">
        <v>63200.16676</v>
      </c>
      <c r="L4044">
        <v>30937.814640000001</v>
      </c>
      <c r="M4044">
        <v>335421.97960000002</v>
      </c>
      <c r="N4044">
        <v>89731.997239999997</v>
      </c>
      <c r="O4044">
        <v>24915.440869999999</v>
      </c>
      <c r="P4044">
        <v>34539.395929999999</v>
      </c>
      <c r="Q4044">
        <v>99489.759940000004</v>
      </c>
      <c r="R4044">
        <v>23821.256420000002</v>
      </c>
      <c r="S4044">
        <v>118652.0199</v>
      </c>
      <c r="T4044">
        <v>33664.857940000002</v>
      </c>
      <c r="U4044">
        <v>24584.388719999999</v>
      </c>
      <c r="W4044" s="83">
        <f>Bühler!N4076</f>
        <v>45460.416666656864</v>
      </c>
      <c r="X4044" s="83">
        <v>43269.416666666664</v>
      </c>
      <c r="Y4044">
        <v>292682.6716</v>
      </c>
      <c r="Z4044">
        <v>34709.24409</v>
      </c>
      <c r="AA4044">
        <v>97189.788790000006</v>
      </c>
      <c r="AB4044">
        <v>73570.73272</v>
      </c>
      <c r="AC4044">
        <v>51555.978309999999</v>
      </c>
      <c r="AD4044">
        <v>35547.963069999998</v>
      </c>
      <c r="AE4044">
        <v>46791.682990000001</v>
      </c>
      <c r="AF4044">
        <v>63200.16676</v>
      </c>
      <c r="AG4044">
        <v>30937.814640000001</v>
      </c>
      <c r="AH4044">
        <v>335421.97960000002</v>
      </c>
      <c r="AI4044">
        <v>89731.997239999997</v>
      </c>
      <c r="AJ4044">
        <v>24915.440869999999</v>
      </c>
      <c r="AK4044">
        <v>34539.395929999999</v>
      </c>
      <c r="AL4044">
        <v>99489.759940000004</v>
      </c>
      <c r="AM4044">
        <v>23821.256420000002</v>
      </c>
      <c r="AN4044">
        <v>118652.0199</v>
      </c>
      <c r="AO4044">
        <v>33664.857940000002</v>
      </c>
      <c r="AP4044">
        <v>24584.388719999999</v>
      </c>
    </row>
    <row r="4045" spans="2:42" x14ac:dyDescent="0.3">
      <c r="B4045">
        <v>67.043133066735265</v>
      </c>
      <c r="C4045" s="83">
        <v>43269.458333333336</v>
      </c>
      <c r="D4045">
        <v>292142.99839999998</v>
      </c>
      <c r="E4045">
        <v>34727.886400000003</v>
      </c>
      <c r="F4045">
        <v>97930.829660000003</v>
      </c>
      <c r="G4045">
        <v>72911.8851</v>
      </c>
      <c r="H4045">
        <v>51459.023540000002</v>
      </c>
      <c r="I4045">
        <v>35802.43795</v>
      </c>
      <c r="J4045">
        <v>47025.486140000001</v>
      </c>
      <c r="K4045">
        <v>62212.691059999997</v>
      </c>
      <c r="L4045">
        <v>31924.517820000001</v>
      </c>
      <c r="M4045">
        <v>341817.15740000003</v>
      </c>
      <c r="N4045">
        <v>90452.702709999998</v>
      </c>
      <c r="O4045">
        <v>25760.84618</v>
      </c>
      <c r="P4045">
        <v>34035.086000000003</v>
      </c>
      <c r="Q4045">
        <v>99367.807820000002</v>
      </c>
      <c r="R4045">
        <v>25957.19253</v>
      </c>
      <c r="S4045">
        <v>120955.63770000001</v>
      </c>
      <c r="T4045">
        <v>34501.432200000003</v>
      </c>
      <c r="U4045">
        <v>23527.856650000002</v>
      </c>
      <c r="W4045" s="83">
        <f>Bühler!N4077</f>
        <v>45460.458333323528</v>
      </c>
      <c r="X4045" s="83">
        <v>43269.458333333336</v>
      </c>
      <c r="Y4045">
        <v>292142.99839999998</v>
      </c>
      <c r="Z4045">
        <v>34727.886400000003</v>
      </c>
      <c r="AA4045">
        <v>97930.829660000003</v>
      </c>
      <c r="AB4045">
        <v>72911.8851</v>
      </c>
      <c r="AC4045">
        <v>51459.023540000002</v>
      </c>
      <c r="AD4045">
        <v>35802.43795</v>
      </c>
      <c r="AE4045">
        <v>47025.486140000001</v>
      </c>
      <c r="AF4045">
        <v>62212.691059999997</v>
      </c>
      <c r="AG4045">
        <v>31924.517820000001</v>
      </c>
      <c r="AH4045">
        <v>341817.15740000003</v>
      </c>
      <c r="AI4045">
        <v>90452.702709999998</v>
      </c>
      <c r="AJ4045">
        <v>25760.84618</v>
      </c>
      <c r="AK4045">
        <v>34035.086000000003</v>
      </c>
      <c r="AL4045">
        <v>99367.807820000002</v>
      </c>
      <c r="AM4045">
        <v>25957.19253</v>
      </c>
      <c r="AN4045">
        <v>120955.63770000001</v>
      </c>
      <c r="AO4045">
        <v>34501.432200000003</v>
      </c>
      <c r="AP4045">
        <v>23527.856650000002</v>
      </c>
    </row>
    <row r="4046" spans="2:42" x14ac:dyDescent="0.3">
      <c r="B4046">
        <v>66.238906692568946</v>
      </c>
      <c r="C4046" s="83">
        <v>43269.5</v>
      </c>
      <c r="D4046">
        <v>281891.3798</v>
      </c>
      <c r="E4046">
        <v>31955.402620000001</v>
      </c>
      <c r="F4046">
        <v>92075.428329999995</v>
      </c>
      <c r="G4046">
        <v>73155.748019999999</v>
      </c>
      <c r="H4046">
        <v>49619.375160000003</v>
      </c>
      <c r="I4046">
        <v>35111.912709999997</v>
      </c>
      <c r="J4046">
        <v>47360.301319999999</v>
      </c>
      <c r="K4046">
        <v>59859.109400000001</v>
      </c>
      <c r="L4046">
        <v>33914.531920000001</v>
      </c>
      <c r="M4046">
        <v>337716.83630000002</v>
      </c>
      <c r="N4046">
        <v>87679.189830000003</v>
      </c>
      <c r="O4046">
        <v>25771.136409999999</v>
      </c>
      <c r="P4046">
        <v>34870.183429999997</v>
      </c>
      <c r="Q4046">
        <v>100544.2411</v>
      </c>
      <c r="R4046">
        <v>25178.096010000001</v>
      </c>
      <c r="S4046">
        <v>116350.3172</v>
      </c>
      <c r="T4046">
        <v>34573.89142</v>
      </c>
      <c r="U4046">
        <v>20036.007229999999</v>
      </c>
      <c r="W4046" s="83">
        <f>Bühler!N4078</f>
        <v>45460.499999990192</v>
      </c>
      <c r="X4046" s="83">
        <v>43269.5</v>
      </c>
      <c r="Y4046">
        <v>281891.3798</v>
      </c>
      <c r="Z4046">
        <v>31955.402620000001</v>
      </c>
      <c r="AA4046">
        <v>92075.428329999995</v>
      </c>
      <c r="AB4046">
        <v>73155.748019999999</v>
      </c>
      <c r="AC4046">
        <v>49619.375160000003</v>
      </c>
      <c r="AD4046">
        <v>35111.912709999997</v>
      </c>
      <c r="AE4046">
        <v>47360.301319999999</v>
      </c>
      <c r="AF4046">
        <v>59859.109400000001</v>
      </c>
      <c r="AG4046">
        <v>33914.531920000001</v>
      </c>
      <c r="AH4046">
        <v>337716.83630000002</v>
      </c>
      <c r="AI4046">
        <v>87679.189830000003</v>
      </c>
      <c r="AJ4046">
        <v>25771.136409999999</v>
      </c>
      <c r="AK4046">
        <v>34870.183429999997</v>
      </c>
      <c r="AL4046">
        <v>100544.2411</v>
      </c>
      <c r="AM4046">
        <v>25178.096010000001</v>
      </c>
      <c r="AN4046">
        <v>116350.3172</v>
      </c>
      <c r="AO4046">
        <v>34573.89142</v>
      </c>
      <c r="AP4046">
        <v>20036.007229999999</v>
      </c>
    </row>
    <row r="4047" spans="2:42" x14ac:dyDescent="0.3">
      <c r="B4047">
        <v>66.342344464759407</v>
      </c>
      <c r="C4047" s="83">
        <v>43269.541666666664</v>
      </c>
      <c r="D4047">
        <v>283545.53739999997</v>
      </c>
      <c r="E4047">
        <v>32177.84489</v>
      </c>
      <c r="F4047">
        <v>89125.812690000006</v>
      </c>
      <c r="G4047">
        <v>70104.131880000001</v>
      </c>
      <c r="H4047">
        <v>50413.564350000001</v>
      </c>
      <c r="I4047">
        <v>34913.303639999998</v>
      </c>
      <c r="J4047">
        <v>46478.345659999999</v>
      </c>
      <c r="K4047">
        <v>62442.357020000003</v>
      </c>
      <c r="L4047">
        <v>32875.273719999997</v>
      </c>
      <c r="M4047">
        <v>338244.21029999998</v>
      </c>
      <c r="N4047">
        <v>88491.360870000004</v>
      </c>
      <c r="O4047">
        <v>25776.03931</v>
      </c>
      <c r="P4047">
        <v>33937.161119999997</v>
      </c>
      <c r="Q4047">
        <v>99758.48633</v>
      </c>
      <c r="R4047">
        <v>25402.869470000001</v>
      </c>
      <c r="S4047">
        <v>115242.6686</v>
      </c>
      <c r="T4047">
        <v>33988.251799999998</v>
      </c>
      <c r="U4047">
        <v>21923.95089</v>
      </c>
      <c r="W4047" s="83">
        <f>Bühler!N4079</f>
        <v>45460.541666656856</v>
      </c>
      <c r="X4047" s="83">
        <v>43269.541666666664</v>
      </c>
      <c r="Y4047">
        <v>283545.53739999997</v>
      </c>
      <c r="Z4047">
        <v>32177.84489</v>
      </c>
      <c r="AA4047">
        <v>89125.812690000006</v>
      </c>
      <c r="AB4047">
        <v>70104.131880000001</v>
      </c>
      <c r="AC4047">
        <v>50413.564350000001</v>
      </c>
      <c r="AD4047">
        <v>34913.303639999998</v>
      </c>
      <c r="AE4047">
        <v>46478.345659999999</v>
      </c>
      <c r="AF4047">
        <v>62442.357020000003</v>
      </c>
      <c r="AG4047">
        <v>32875.273719999997</v>
      </c>
      <c r="AH4047">
        <v>338244.21029999998</v>
      </c>
      <c r="AI4047">
        <v>88491.360870000004</v>
      </c>
      <c r="AJ4047">
        <v>25776.03931</v>
      </c>
      <c r="AK4047">
        <v>33937.161119999997</v>
      </c>
      <c r="AL4047">
        <v>99758.48633</v>
      </c>
      <c r="AM4047">
        <v>25402.869470000001</v>
      </c>
      <c r="AN4047">
        <v>115242.6686</v>
      </c>
      <c r="AO4047">
        <v>33988.251799999998</v>
      </c>
      <c r="AP4047">
        <v>21923.95089</v>
      </c>
    </row>
    <row r="4048" spans="2:42" x14ac:dyDescent="0.3">
      <c r="B4048">
        <v>66.861069905434888</v>
      </c>
      <c r="C4048" s="83">
        <v>43269.583333333336</v>
      </c>
      <c r="D4048">
        <v>290725.95390000002</v>
      </c>
      <c r="E4048">
        <v>35456.776149999998</v>
      </c>
      <c r="F4048">
        <v>96633.013130000007</v>
      </c>
      <c r="G4048">
        <v>64731.203549999998</v>
      </c>
      <c r="H4048">
        <v>50766.609299999996</v>
      </c>
      <c r="I4048">
        <v>35811.322189999999</v>
      </c>
      <c r="J4048">
        <v>45635.538359999999</v>
      </c>
      <c r="K4048">
        <v>64419.651140000002</v>
      </c>
      <c r="L4048">
        <v>29687.932529999998</v>
      </c>
      <c r="M4048">
        <v>340888.91450000001</v>
      </c>
      <c r="N4048">
        <v>91434.472099999999</v>
      </c>
      <c r="O4048">
        <v>25688.226630000001</v>
      </c>
      <c r="P4048">
        <v>31428.868930000001</v>
      </c>
      <c r="Q4048">
        <v>100015.56540000001</v>
      </c>
      <c r="R4048">
        <v>24419.71199</v>
      </c>
      <c r="S4048">
        <v>112443.855</v>
      </c>
      <c r="T4048">
        <v>32814.33584</v>
      </c>
      <c r="U4048">
        <v>22598.82043</v>
      </c>
      <c r="W4048" s="83">
        <f>Bühler!N4080</f>
        <v>45460.58333332352</v>
      </c>
      <c r="X4048" s="83">
        <v>43269.583333333336</v>
      </c>
      <c r="Y4048">
        <v>290725.95390000002</v>
      </c>
      <c r="Z4048">
        <v>35456.776149999998</v>
      </c>
      <c r="AA4048">
        <v>96633.013130000007</v>
      </c>
      <c r="AB4048">
        <v>64731.203549999998</v>
      </c>
      <c r="AC4048">
        <v>50766.609299999996</v>
      </c>
      <c r="AD4048">
        <v>35811.322189999999</v>
      </c>
      <c r="AE4048">
        <v>45635.538359999999</v>
      </c>
      <c r="AF4048">
        <v>64419.651140000002</v>
      </c>
      <c r="AG4048">
        <v>29687.932529999998</v>
      </c>
      <c r="AH4048">
        <v>340888.91450000001</v>
      </c>
      <c r="AI4048">
        <v>91434.472099999999</v>
      </c>
      <c r="AJ4048">
        <v>25688.226630000001</v>
      </c>
      <c r="AK4048">
        <v>31428.868930000001</v>
      </c>
      <c r="AL4048">
        <v>100015.56540000001</v>
      </c>
      <c r="AM4048">
        <v>24419.71199</v>
      </c>
      <c r="AN4048">
        <v>112443.855</v>
      </c>
      <c r="AO4048">
        <v>32814.33584</v>
      </c>
      <c r="AP4048">
        <v>22598.82043</v>
      </c>
    </row>
    <row r="4049" spans="2:42" x14ac:dyDescent="0.3">
      <c r="B4049">
        <v>67.411108703754067</v>
      </c>
      <c r="C4049" s="83">
        <v>43269.625</v>
      </c>
      <c r="D4049">
        <v>290279.25199999998</v>
      </c>
      <c r="E4049">
        <v>35460.8099</v>
      </c>
      <c r="F4049">
        <v>99073.246700000003</v>
      </c>
      <c r="G4049">
        <v>61284.003599999996</v>
      </c>
      <c r="H4049">
        <v>49708.760219999996</v>
      </c>
      <c r="I4049">
        <v>35637.211990000003</v>
      </c>
      <c r="J4049">
        <v>45229.67353</v>
      </c>
      <c r="K4049">
        <v>64034.484779999999</v>
      </c>
      <c r="L4049">
        <v>27122.862499999999</v>
      </c>
      <c r="M4049">
        <v>343693.26880000002</v>
      </c>
      <c r="N4049">
        <v>90351.856450000007</v>
      </c>
      <c r="O4049">
        <v>25081.80877</v>
      </c>
      <c r="P4049">
        <v>29906.003970000002</v>
      </c>
      <c r="Q4049">
        <v>99169.442750000002</v>
      </c>
      <c r="R4049">
        <v>24195.230640000002</v>
      </c>
      <c r="S4049">
        <v>109620.5751</v>
      </c>
      <c r="T4049">
        <v>31987.5962</v>
      </c>
      <c r="U4049">
        <v>22426.506819999999</v>
      </c>
      <c r="W4049" s="83">
        <f>Bühler!N4081</f>
        <v>45460.624999990185</v>
      </c>
      <c r="X4049" s="83">
        <v>43269.625</v>
      </c>
      <c r="Y4049">
        <v>290279.25199999998</v>
      </c>
      <c r="Z4049">
        <v>35460.8099</v>
      </c>
      <c r="AA4049">
        <v>99073.246700000003</v>
      </c>
      <c r="AB4049">
        <v>61284.003599999996</v>
      </c>
      <c r="AC4049">
        <v>49708.760219999996</v>
      </c>
      <c r="AD4049">
        <v>35637.211990000003</v>
      </c>
      <c r="AE4049">
        <v>45229.67353</v>
      </c>
      <c r="AF4049">
        <v>64034.484779999999</v>
      </c>
      <c r="AG4049">
        <v>27122.862499999999</v>
      </c>
      <c r="AH4049">
        <v>343693.26880000002</v>
      </c>
      <c r="AI4049">
        <v>90351.856450000007</v>
      </c>
      <c r="AJ4049">
        <v>25081.80877</v>
      </c>
      <c r="AK4049">
        <v>29906.003970000002</v>
      </c>
      <c r="AL4049">
        <v>99169.442750000002</v>
      </c>
      <c r="AM4049">
        <v>24195.230640000002</v>
      </c>
      <c r="AN4049">
        <v>109620.5751</v>
      </c>
      <c r="AO4049">
        <v>31987.5962</v>
      </c>
      <c r="AP4049">
        <v>22426.506819999999</v>
      </c>
    </row>
    <row r="4050" spans="2:42" x14ac:dyDescent="0.3">
      <c r="B4050">
        <v>66.393042769438395</v>
      </c>
      <c r="C4050" s="83">
        <v>43269.666666666664</v>
      </c>
      <c r="D4050">
        <v>282434.6298</v>
      </c>
      <c r="E4050">
        <v>34694.46989</v>
      </c>
      <c r="F4050">
        <v>98008.544850000006</v>
      </c>
      <c r="G4050">
        <v>57319.737070000003</v>
      </c>
      <c r="H4050">
        <v>47781.349020000001</v>
      </c>
      <c r="I4050">
        <v>37273.376049999999</v>
      </c>
      <c r="J4050">
        <v>45222.360079999999</v>
      </c>
      <c r="K4050">
        <v>60205.533150000003</v>
      </c>
      <c r="L4050">
        <v>26997.824110000001</v>
      </c>
      <c r="M4050">
        <v>338502.69390000001</v>
      </c>
      <c r="N4050">
        <v>89718.918900000004</v>
      </c>
      <c r="O4050">
        <v>24851.762500000001</v>
      </c>
      <c r="P4050">
        <v>28772.71211</v>
      </c>
      <c r="Q4050">
        <v>98543.635320000001</v>
      </c>
      <c r="R4050">
        <v>24415.831529999999</v>
      </c>
      <c r="S4050">
        <v>106122.8349</v>
      </c>
      <c r="T4050">
        <v>31089.725979999999</v>
      </c>
      <c r="U4050">
        <v>20748.038280000001</v>
      </c>
      <c r="W4050" s="83">
        <f>Bühler!N4082</f>
        <v>45460.666666656849</v>
      </c>
      <c r="X4050" s="83">
        <v>43269.666666666664</v>
      </c>
      <c r="Y4050">
        <v>282434.6298</v>
      </c>
      <c r="Z4050">
        <v>34694.46989</v>
      </c>
      <c r="AA4050">
        <v>98008.544850000006</v>
      </c>
      <c r="AB4050">
        <v>57319.737070000003</v>
      </c>
      <c r="AC4050">
        <v>47781.349020000001</v>
      </c>
      <c r="AD4050">
        <v>37273.376049999999</v>
      </c>
      <c r="AE4050">
        <v>45222.360079999999</v>
      </c>
      <c r="AF4050">
        <v>60205.533150000003</v>
      </c>
      <c r="AG4050">
        <v>26997.824110000001</v>
      </c>
      <c r="AH4050">
        <v>338502.69390000001</v>
      </c>
      <c r="AI4050">
        <v>89718.918900000004</v>
      </c>
      <c r="AJ4050">
        <v>24851.762500000001</v>
      </c>
      <c r="AK4050">
        <v>28772.71211</v>
      </c>
      <c r="AL4050">
        <v>98543.635320000001</v>
      </c>
      <c r="AM4050">
        <v>24415.831529999999</v>
      </c>
      <c r="AN4050">
        <v>106122.8349</v>
      </c>
      <c r="AO4050">
        <v>31089.725979999999</v>
      </c>
      <c r="AP4050">
        <v>20748.038280000001</v>
      </c>
    </row>
    <row r="4051" spans="2:42" x14ac:dyDescent="0.3">
      <c r="B4051">
        <v>65.512644273313711</v>
      </c>
      <c r="C4051" s="83">
        <v>43269.708333333336</v>
      </c>
      <c r="D4051">
        <v>271621.73200000002</v>
      </c>
      <c r="E4051">
        <v>32629.785940000002</v>
      </c>
      <c r="F4051">
        <v>96774.792799999996</v>
      </c>
      <c r="G4051">
        <v>51523.639589999999</v>
      </c>
      <c r="H4051">
        <v>45260.717270000001</v>
      </c>
      <c r="I4051">
        <v>36787.972139999998</v>
      </c>
      <c r="J4051">
        <v>45297.801440000003</v>
      </c>
      <c r="K4051">
        <v>54833.037340000003</v>
      </c>
      <c r="L4051">
        <v>27302.89457</v>
      </c>
      <c r="M4051">
        <v>334014.01179999998</v>
      </c>
      <c r="N4051">
        <v>85998.453309999997</v>
      </c>
      <c r="O4051">
        <v>23792.002090000002</v>
      </c>
      <c r="P4051">
        <v>29703.874210000002</v>
      </c>
      <c r="Q4051">
        <v>96768.597240000003</v>
      </c>
      <c r="R4051">
        <v>23737.475549999999</v>
      </c>
      <c r="S4051">
        <v>101477.8642</v>
      </c>
      <c r="T4051">
        <v>30198.891080000001</v>
      </c>
      <c r="U4051">
        <v>17562.25503</v>
      </c>
      <c r="W4051" s="83">
        <f>Bühler!N4083</f>
        <v>45460.708333323513</v>
      </c>
      <c r="X4051" s="83">
        <v>43269.708333333336</v>
      </c>
      <c r="Y4051">
        <v>271621.73200000002</v>
      </c>
      <c r="Z4051">
        <v>32629.785940000002</v>
      </c>
      <c r="AA4051">
        <v>96774.792799999996</v>
      </c>
      <c r="AB4051">
        <v>51523.639589999999</v>
      </c>
      <c r="AC4051">
        <v>45260.717270000001</v>
      </c>
      <c r="AD4051">
        <v>36787.972139999998</v>
      </c>
      <c r="AE4051">
        <v>45297.801440000003</v>
      </c>
      <c r="AF4051">
        <v>54833.037340000003</v>
      </c>
      <c r="AG4051">
        <v>27302.89457</v>
      </c>
      <c r="AH4051">
        <v>334014.01179999998</v>
      </c>
      <c r="AI4051">
        <v>85998.453309999997</v>
      </c>
      <c r="AJ4051">
        <v>23792.002090000002</v>
      </c>
      <c r="AK4051">
        <v>29703.874210000002</v>
      </c>
      <c r="AL4051">
        <v>96768.597240000003</v>
      </c>
      <c r="AM4051">
        <v>23737.475549999999</v>
      </c>
      <c r="AN4051">
        <v>101477.8642</v>
      </c>
      <c r="AO4051">
        <v>30198.891080000001</v>
      </c>
      <c r="AP4051">
        <v>17562.25503</v>
      </c>
    </row>
    <row r="4052" spans="2:42" x14ac:dyDescent="0.3">
      <c r="B4052">
        <v>64.638015610316671</v>
      </c>
      <c r="C4052" s="83">
        <v>43269.75</v>
      </c>
      <c r="D4052">
        <v>263806.66810000001</v>
      </c>
      <c r="E4052">
        <v>29344.563010000002</v>
      </c>
      <c r="F4052">
        <v>94858.377410000001</v>
      </c>
      <c r="G4052">
        <v>45159.594210000003</v>
      </c>
      <c r="H4052">
        <v>42626.074939999999</v>
      </c>
      <c r="I4052">
        <v>34285.197039999999</v>
      </c>
      <c r="J4052">
        <v>44686.06828</v>
      </c>
      <c r="K4052">
        <v>51842.329100000003</v>
      </c>
      <c r="L4052">
        <v>27221.89241</v>
      </c>
      <c r="M4052">
        <v>329554.74699999997</v>
      </c>
      <c r="N4052">
        <v>82999.550749999995</v>
      </c>
      <c r="O4052">
        <v>21315.200580000001</v>
      </c>
      <c r="P4052">
        <v>32169.216520000002</v>
      </c>
      <c r="Q4052">
        <v>95752.483670000001</v>
      </c>
      <c r="R4052">
        <v>21967.663540000001</v>
      </c>
      <c r="S4052">
        <v>94119.506689999995</v>
      </c>
      <c r="T4052">
        <v>29165.908469999998</v>
      </c>
      <c r="U4052">
        <v>15934.65618</v>
      </c>
      <c r="W4052" s="83">
        <f>Bühler!N4084</f>
        <v>45460.749999990177</v>
      </c>
      <c r="X4052" s="83">
        <v>43269.75</v>
      </c>
      <c r="Y4052">
        <v>263806.66810000001</v>
      </c>
      <c r="Z4052">
        <v>29344.563010000002</v>
      </c>
      <c r="AA4052">
        <v>94858.377410000001</v>
      </c>
      <c r="AB4052">
        <v>45159.594210000003</v>
      </c>
      <c r="AC4052">
        <v>42626.074939999999</v>
      </c>
      <c r="AD4052">
        <v>34285.197039999999</v>
      </c>
      <c r="AE4052">
        <v>44686.06828</v>
      </c>
      <c r="AF4052">
        <v>51842.329100000003</v>
      </c>
      <c r="AG4052">
        <v>27221.89241</v>
      </c>
      <c r="AH4052">
        <v>329554.74699999997</v>
      </c>
      <c r="AI4052">
        <v>82999.550749999995</v>
      </c>
      <c r="AJ4052">
        <v>21315.200580000001</v>
      </c>
      <c r="AK4052">
        <v>32169.216520000002</v>
      </c>
      <c r="AL4052">
        <v>95752.483670000001</v>
      </c>
      <c r="AM4052">
        <v>21967.663540000001</v>
      </c>
      <c r="AN4052">
        <v>94119.506689999995</v>
      </c>
      <c r="AO4052">
        <v>29165.908469999998</v>
      </c>
      <c r="AP4052">
        <v>15934.65618</v>
      </c>
    </row>
    <row r="4053" spans="2:42" x14ac:dyDescent="0.3">
      <c r="B4053">
        <v>63.751880428287208</v>
      </c>
      <c r="C4053" s="83">
        <v>43269.791666666664</v>
      </c>
      <c r="D4053">
        <v>259005.41440000001</v>
      </c>
      <c r="E4053">
        <v>23910.377799999998</v>
      </c>
      <c r="F4053">
        <v>83134.407609999995</v>
      </c>
      <c r="G4053">
        <v>40576.746050000002</v>
      </c>
      <c r="H4053">
        <v>40098.43434</v>
      </c>
      <c r="I4053">
        <v>33294.235419999997</v>
      </c>
      <c r="J4053">
        <v>43183.47352</v>
      </c>
      <c r="K4053">
        <v>49982.324560000001</v>
      </c>
      <c r="L4053">
        <v>28047.51772</v>
      </c>
      <c r="M4053">
        <v>325036.81660000002</v>
      </c>
      <c r="N4053">
        <v>79892.667530000006</v>
      </c>
      <c r="O4053">
        <v>20810.24683</v>
      </c>
      <c r="P4053">
        <v>34027.840680000001</v>
      </c>
      <c r="Q4053">
        <v>93533.739820000003</v>
      </c>
      <c r="R4053">
        <v>20621.787950000002</v>
      </c>
      <c r="S4053">
        <v>89475.740420000002</v>
      </c>
      <c r="T4053">
        <v>28871.94369</v>
      </c>
      <c r="U4053">
        <v>13595.744119999999</v>
      </c>
      <c r="W4053" s="83">
        <f>Bühler!N4085</f>
        <v>45460.791666656842</v>
      </c>
      <c r="X4053" s="83">
        <v>43269.791666666664</v>
      </c>
      <c r="Y4053">
        <v>259005.41440000001</v>
      </c>
      <c r="Z4053">
        <v>23910.377799999998</v>
      </c>
      <c r="AA4053">
        <v>83134.407609999995</v>
      </c>
      <c r="AB4053">
        <v>40576.746050000002</v>
      </c>
      <c r="AC4053">
        <v>40098.43434</v>
      </c>
      <c r="AD4053">
        <v>33294.235419999997</v>
      </c>
      <c r="AE4053">
        <v>43183.47352</v>
      </c>
      <c r="AF4053">
        <v>49982.324560000001</v>
      </c>
      <c r="AG4053">
        <v>28047.51772</v>
      </c>
      <c r="AH4053">
        <v>325036.81660000002</v>
      </c>
      <c r="AI4053">
        <v>79892.667530000006</v>
      </c>
      <c r="AJ4053">
        <v>20810.24683</v>
      </c>
      <c r="AK4053">
        <v>34027.840680000001</v>
      </c>
      <c r="AL4053">
        <v>93533.739820000003</v>
      </c>
      <c r="AM4053">
        <v>20621.787950000002</v>
      </c>
      <c r="AN4053">
        <v>89475.740420000002</v>
      </c>
      <c r="AO4053">
        <v>28871.94369</v>
      </c>
      <c r="AP4053">
        <v>13595.744119999999</v>
      </c>
    </row>
    <row r="4054" spans="2:42" x14ac:dyDescent="0.3">
      <c r="B4054">
        <v>61.955102792507766</v>
      </c>
      <c r="C4054" s="83">
        <v>43269.833333333336</v>
      </c>
      <c r="D4054">
        <v>250480.79399999999</v>
      </c>
      <c r="E4054">
        <v>17870.294849999998</v>
      </c>
      <c r="F4054">
        <v>66369.484360000002</v>
      </c>
      <c r="G4054">
        <v>36308.793030000001</v>
      </c>
      <c r="H4054">
        <v>37535.325089999998</v>
      </c>
      <c r="I4054">
        <v>29739.622080000001</v>
      </c>
      <c r="J4054">
        <v>41741.115120000002</v>
      </c>
      <c r="K4054">
        <v>51404.887340000001</v>
      </c>
      <c r="L4054">
        <v>27328.905729999999</v>
      </c>
      <c r="M4054">
        <v>315876.00630000001</v>
      </c>
      <c r="N4054">
        <v>76737.043080000003</v>
      </c>
      <c r="O4054">
        <v>19484.82605</v>
      </c>
      <c r="P4054">
        <v>33962.354579999999</v>
      </c>
      <c r="Q4054">
        <v>90567.616999999998</v>
      </c>
      <c r="R4054">
        <v>19077.09664</v>
      </c>
      <c r="S4054">
        <v>81645.357629999999</v>
      </c>
      <c r="T4054">
        <v>28062.644939999998</v>
      </c>
      <c r="U4054">
        <v>13032.68993</v>
      </c>
      <c r="W4054" s="83">
        <f>Bühler!N4086</f>
        <v>45460.833333323506</v>
      </c>
      <c r="X4054" s="83">
        <v>43269.833333333336</v>
      </c>
      <c r="Y4054">
        <v>250480.79399999999</v>
      </c>
      <c r="Z4054">
        <v>17870.294849999998</v>
      </c>
      <c r="AA4054">
        <v>66369.484360000002</v>
      </c>
      <c r="AB4054">
        <v>36308.793030000001</v>
      </c>
      <c r="AC4054">
        <v>37535.325089999998</v>
      </c>
      <c r="AD4054">
        <v>29739.622080000001</v>
      </c>
      <c r="AE4054">
        <v>41741.115120000002</v>
      </c>
      <c r="AF4054">
        <v>51404.887340000001</v>
      </c>
      <c r="AG4054">
        <v>27328.905729999999</v>
      </c>
      <c r="AH4054">
        <v>315876.00630000001</v>
      </c>
      <c r="AI4054">
        <v>76737.043080000003</v>
      </c>
      <c r="AJ4054">
        <v>19484.82605</v>
      </c>
      <c r="AK4054">
        <v>33962.354579999999</v>
      </c>
      <c r="AL4054">
        <v>90567.616999999998</v>
      </c>
      <c r="AM4054">
        <v>19077.09664</v>
      </c>
      <c r="AN4054">
        <v>81645.357629999999</v>
      </c>
      <c r="AO4054">
        <v>28062.644939999998</v>
      </c>
      <c r="AP4054">
        <v>13032.68993</v>
      </c>
    </row>
    <row r="4055" spans="2:42" x14ac:dyDescent="0.3">
      <c r="B4055">
        <v>60.365100827938434</v>
      </c>
      <c r="C4055" s="83">
        <v>43269.875</v>
      </c>
      <c r="D4055">
        <v>242296.0686</v>
      </c>
      <c r="E4055">
        <v>15097.542359999999</v>
      </c>
      <c r="F4055">
        <v>58172.068610000002</v>
      </c>
      <c r="G4055">
        <v>34477.743340000001</v>
      </c>
      <c r="H4055">
        <v>35735.7477</v>
      </c>
      <c r="I4055">
        <v>25144.04722</v>
      </c>
      <c r="J4055">
        <v>40829.290289999997</v>
      </c>
      <c r="K4055">
        <v>50688.448600000003</v>
      </c>
      <c r="L4055">
        <v>25979.411940000002</v>
      </c>
      <c r="M4055">
        <v>307769.43479999999</v>
      </c>
      <c r="N4055">
        <v>74921.480200000005</v>
      </c>
      <c r="O4055">
        <v>18628.67555</v>
      </c>
      <c r="P4055">
        <v>33097.694329999998</v>
      </c>
      <c r="Q4055">
        <v>88029.594440000001</v>
      </c>
      <c r="R4055">
        <v>18517.145140000001</v>
      </c>
      <c r="S4055">
        <v>77585.712050000002</v>
      </c>
      <c r="T4055">
        <v>26025.379519999999</v>
      </c>
      <c r="U4055">
        <v>12538.47711</v>
      </c>
      <c r="W4055" s="83">
        <f>Bühler!N4087</f>
        <v>45460.87499999017</v>
      </c>
      <c r="X4055" s="83">
        <v>43269.875</v>
      </c>
      <c r="Y4055">
        <v>242296.0686</v>
      </c>
      <c r="Z4055">
        <v>15097.542359999999</v>
      </c>
      <c r="AA4055">
        <v>58172.068610000002</v>
      </c>
      <c r="AB4055">
        <v>34477.743340000001</v>
      </c>
      <c r="AC4055">
        <v>35735.7477</v>
      </c>
      <c r="AD4055">
        <v>25144.04722</v>
      </c>
      <c r="AE4055">
        <v>40829.290289999997</v>
      </c>
      <c r="AF4055">
        <v>50688.448600000003</v>
      </c>
      <c r="AG4055">
        <v>25979.411940000002</v>
      </c>
      <c r="AH4055">
        <v>307769.43479999999</v>
      </c>
      <c r="AI4055">
        <v>74921.480200000005</v>
      </c>
      <c r="AJ4055">
        <v>18628.67555</v>
      </c>
      <c r="AK4055">
        <v>33097.694329999998</v>
      </c>
      <c r="AL4055">
        <v>88029.594440000001</v>
      </c>
      <c r="AM4055">
        <v>18517.145140000001</v>
      </c>
      <c r="AN4055">
        <v>77585.712050000002</v>
      </c>
      <c r="AO4055">
        <v>26025.379519999999</v>
      </c>
      <c r="AP4055">
        <v>12538.47711</v>
      </c>
    </row>
    <row r="4056" spans="2:42" x14ac:dyDescent="0.3">
      <c r="B4056">
        <v>60.395747200694544</v>
      </c>
      <c r="C4056" s="83">
        <v>43269.916666666664</v>
      </c>
      <c r="D4056">
        <v>241025.36199999999</v>
      </c>
      <c r="E4056">
        <v>14503.29081</v>
      </c>
      <c r="F4056">
        <v>55771.71256</v>
      </c>
      <c r="G4056">
        <v>34277.701009999997</v>
      </c>
      <c r="H4056">
        <v>36788.948040000003</v>
      </c>
      <c r="I4056">
        <v>23737.86061</v>
      </c>
      <c r="J4056">
        <v>40443.50243</v>
      </c>
      <c r="K4056">
        <v>52293.659249999997</v>
      </c>
      <c r="L4056">
        <v>24350.559959999999</v>
      </c>
      <c r="M4056">
        <v>307925.68430000002</v>
      </c>
      <c r="N4056">
        <v>74372.741930000004</v>
      </c>
      <c r="O4056">
        <v>18572.011610000001</v>
      </c>
      <c r="P4056">
        <v>36791.134250000003</v>
      </c>
      <c r="Q4056">
        <v>87380.067030000006</v>
      </c>
      <c r="R4056">
        <v>19740.256010000001</v>
      </c>
      <c r="S4056">
        <v>77571.562439999994</v>
      </c>
      <c r="T4056">
        <v>22137.375469999999</v>
      </c>
      <c r="U4056">
        <v>12587.32856</v>
      </c>
      <c r="W4056" s="83">
        <f>Bühler!N4088</f>
        <v>45460.916666656834</v>
      </c>
      <c r="X4056" s="83">
        <v>43269.916666666664</v>
      </c>
      <c r="Y4056">
        <v>241025.36199999999</v>
      </c>
      <c r="Z4056">
        <v>14503.29081</v>
      </c>
      <c r="AA4056">
        <v>55771.71256</v>
      </c>
      <c r="AB4056">
        <v>34277.701009999997</v>
      </c>
      <c r="AC4056">
        <v>36788.948040000003</v>
      </c>
      <c r="AD4056">
        <v>23737.86061</v>
      </c>
      <c r="AE4056">
        <v>40443.50243</v>
      </c>
      <c r="AF4056">
        <v>52293.659249999997</v>
      </c>
      <c r="AG4056">
        <v>24350.559959999999</v>
      </c>
      <c r="AH4056">
        <v>307925.68430000002</v>
      </c>
      <c r="AI4056">
        <v>74372.741930000004</v>
      </c>
      <c r="AJ4056">
        <v>18572.011610000001</v>
      </c>
      <c r="AK4056">
        <v>36791.134250000003</v>
      </c>
      <c r="AL4056">
        <v>87380.067030000006</v>
      </c>
      <c r="AM4056">
        <v>19740.256010000001</v>
      </c>
      <c r="AN4056">
        <v>77571.562439999994</v>
      </c>
      <c r="AO4056">
        <v>22137.375469999999</v>
      </c>
      <c r="AP4056">
        <v>12587.32856</v>
      </c>
    </row>
    <row r="4057" spans="2:42" x14ac:dyDescent="0.3">
      <c r="B4057">
        <v>60.189538798111109</v>
      </c>
      <c r="C4057" s="83">
        <v>43269.958333333336</v>
      </c>
      <c r="D4057">
        <v>242076.3676</v>
      </c>
      <c r="E4057">
        <v>13752.75662</v>
      </c>
      <c r="F4057">
        <v>54281.107329999999</v>
      </c>
      <c r="G4057">
        <v>33656.482389999997</v>
      </c>
      <c r="H4057">
        <v>36164.77779</v>
      </c>
      <c r="I4057">
        <v>23035.029129999999</v>
      </c>
      <c r="J4057">
        <v>37097.527869999998</v>
      </c>
      <c r="K4057">
        <v>51634.038639999999</v>
      </c>
      <c r="L4057">
        <v>21142.509959999999</v>
      </c>
      <c r="M4057">
        <v>306874.33769999997</v>
      </c>
      <c r="N4057">
        <v>74232.179310000007</v>
      </c>
      <c r="O4057">
        <v>18377.05284</v>
      </c>
      <c r="P4057">
        <v>31124.753970000002</v>
      </c>
      <c r="Q4057">
        <v>86774.718649999995</v>
      </c>
      <c r="R4057">
        <v>20108.930660000002</v>
      </c>
      <c r="S4057">
        <v>75815.572159999996</v>
      </c>
      <c r="T4057">
        <v>19977.802299999999</v>
      </c>
      <c r="U4057">
        <v>12548.969129999999</v>
      </c>
      <c r="W4057" s="83">
        <f>Bühler!N4089</f>
        <v>45460.958333323499</v>
      </c>
      <c r="X4057" s="83">
        <v>43269.958333333336</v>
      </c>
      <c r="Y4057">
        <v>242076.3676</v>
      </c>
      <c r="Z4057">
        <v>13752.75662</v>
      </c>
      <c r="AA4057">
        <v>54281.107329999999</v>
      </c>
      <c r="AB4057">
        <v>33656.482389999997</v>
      </c>
      <c r="AC4057">
        <v>36164.77779</v>
      </c>
      <c r="AD4057">
        <v>23035.029129999999</v>
      </c>
      <c r="AE4057">
        <v>37097.527869999998</v>
      </c>
      <c r="AF4057">
        <v>51634.038639999999</v>
      </c>
      <c r="AG4057">
        <v>21142.509959999999</v>
      </c>
      <c r="AH4057">
        <v>306874.33769999997</v>
      </c>
      <c r="AI4057">
        <v>74232.179310000007</v>
      </c>
      <c r="AJ4057">
        <v>18377.05284</v>
      </c>
      <c r="AK4057">
        <v>31124.753970000002</v>
      </c>
      <c r="AL4057">
        <v>86774.718649999995</v>
      </c>
      <c r="AM4057">
        <v>20108.930660000002</v>
      </c>
      <c r="AN4057">
        <v>75815.572159999996</v>
      </c>
      <c r="AO4057">
        <v>19977.802299999999</v>
      </c>
      <c r="AP4057">
        <v>12548.969129999999</v>
      </c>
    </row>
    <row r="4058" spans="2:42" x14ac:dyDescent="0.3">
      <c r="B4058">
        <v>59.096835065979953</v>
      </c>
      <c r="C4058" s="83">
        <v>43270</v>
      </c>
      <c r="D4058">
        <v>240406.34510000001</v>
      </c>
      <c r="E4058">
        <v>13318.913699999999</v>
      </c>
      <c r="F4058">
        <v>53087.196519999998</v>
      </c>
      <c r="G4058">
        <v>33052.581339999997</v>
      </c>
      <c r="H4058">
        <v>35224.776940000003</v>
      </c>
      <c r="I4058">
        <v>21221.58756</v>
      </c>
      <c r="J4058">
        <v>34763.314100000003</v>
      </c>
      <c r="K4058">
        <v>49758.868210000001</v>
      </c>
      <c r="L4058">
        <v>18850.348450000001</v>
      </c>
      <c r="M4058">
        <v>301303.22450000001</v>
      </c>
      <c r="N4058">
        <v>72560.880050000007</v>
      </c>
      <c r="O4058">
        <v>18285.962820000001</v>
      </c>
      <c r="P4058">
        <v>27941.470499999999</v>
      </c>
      <c r="Q4058">
        <v>85798.81134</v>
      </c>
      <c r="R4058">
        <v>16111.15149</v>
      </c>
      <c r="S4058">
        <v>74289.189620000005</v>
      </c>
      <c r="T4058">
        <v>18967.283950000001</v>
      </c>
      <c r="U4058">
        <v>12147.84275</v>
      </c>
      <c r="W4058" s="83">
        <f>Bühler!N4090</f>
        <v>45460.999999990163</v>
      </c>
      <c r="X4058" s="83">
        <v>43270</v>
      </c>
      <c r="Y4058">
        <v>240406.34510000001</v>
      </c>
      <c r="Z4058">
        <v>13318.913699999999</v>
      </c>
      <c r="AA4058">
        <v>53087.196519999998</v>
      </c>
      <c r="AB4058">
        <v>33052.581339999997</v>
      </c>
      <c r="AC4058">
        <v>35224.776940000003</v>
      </c>
      <c r="AD4058">
        <v>21221.58756</v>
      </c>
      <c r="AE4058">
        <v>34763.314100000003</v>
      </c>
      <c r="AF4058">
        <v>49758.868210000001</v>
      </c>
      <c r="AG4058">
        <v>18850.348450000001</v>
      </c>
      <c r="AH4058">
        <v>301303.22450000001</v>
      </c>
      <c r="AI4058">
        <v>72560.880050000007</v>
      </c>
      <c r="AJ4058">
        <v>18285.962820000001</v>
      </c>
      <c r="AK4058">
        <v>27941.470499999999</v>
      </c>
      <c r="AL4058">
        <v>85798.81134</v>
      </c>
      <c r="AM4058">
        <v>16111.15149</v>
      </c>
      <c r="AN4058">
        <v>74289.189620000005</v>
      </c>
      <c r="AO4058">
        <v>18967.283950000001</v>
      </c>
      <c r="AP4058">
        <v>12147.84275</v>
      </c>
    </row>
    <row r="4059" spans="2:42" x14ac:dyDescent="0.3">
      <c r="B4059">
        <v>58.400769452915846</v>
      </c>
      <c r="C4059" s="83">
        <v>43270.041666666664</v>
      </c>
      <c r="D4059">
        <v>238987.49160000001</v>
      </c>
      <c r="E4059">
        <v>13166.519130000001</v>
      </c>
      <c r="F4059">
        <v>52674.368029999998</v>
      </c>
      <c r="G4059">
        <v>32136.449110000001</v>
      </c>
      <c r="H4059">
        <v>34229.676820000001</v>
      </c>
      <c r="I4059">
        <v>17699.925060000001</v>
      </c>
      <c r="J4059">
        <v>33443.863819999999</v>
      </c>
      <c r="K4059">
        <v>48163.546589999998</v>
      </c>
      <c r="L4059">
        <v>17502.535820000001</v>
      </c>
      <c r="M4059">
        <v>297754.35739999998</v>
      </c>
      <c r="N4059">
        <v>71514.821299999996</v>
      </c>
      <c r="O4059">
        <v>17917.398249999998</v>
      </c>
      <c r="P4059">
        <v>25629.239549999998</v>
      </c>
      <c r="Q4059">
        <v>85787.455459999997</v>
      </c>
      <c r="R4059">
        <v>14313.40828</v>
      </c>
      <c r="S4059">
        <v>72946.755669999999</v>
      </c>
      <c r="T4059">
        <v>18350.721460000001</v>
      </c>
      <c r="U4059">
        <v>11597.428449999999</v>
      </c>
      <c r="W4059" s="83">
        <f>Bühler!N4091</f>
        <v>45461.041666656827</v>
      </c>
      <c r="X4059" s="83">
        <v>43270.041666666664</v>
      </c>
      <c r="Y4059">
        <v>238987.49160000001</v>
      </c>
      <c r="Z4059">
        <v>13166.519130000001</v>
      </c>
      <c r="AA4059">
        <v>52674.368029999998</v>
      </c>
      <c r="AB4059">
        <v>32136.449110000001</v>
      </c>
      <c r="AC4059">
        <v>34229.676820000001</v>
      </c>
      <c r="AD4059">
        <v>17699.925060000001</v>
      </c>
      <c r="AE4059">
        <v>33443.863819999999</v>
      </c>
      <c r="AF4059">
        <v>48163.546589999998</v>
      </c>
      <c r="AG4059">
        <v>17502.535820000001</v>
      </c>
      <c r="AH4059">
        <v>297754.35739999998</v>
      </c>
      <c r="AI4059">
        <v>71514.821299999996</v>
      </c>
      <c r="AJ4059">
        <v>17917.398249999998</v>
      </c>
      <c r="AK4059">
        <v>25629.239549999998</v>
      </c>
      <c r="AL4059">
        <v>85787.455459999997</v>
      </c>
      <c r="AM4059">
        <v>14313.40828</v>
      </c>
      <c r="AN4059">
        <v>72946.755669999999</v>
      </c>
      <c r="AO4059">
        <v>18350.721460000001</v>
      </c>
      <c r="AP4059">
        <v>11597.428449999999</v>
      </c>
    </row>
    <row r="4060" spans="2:42" x14ac:dyDescent="0.3">
      <c r="B4060">
        <v>58.169670231900291</v>
      </c>
      <c r="C4060" s="83">
        <v>43270.083333333336</v>
      </c>
      <c r="D4060">
        <v>237905.54819999999</v>
      </c>
      <c r="E4060">
        <v>12856.32948</v>
      </c>
      <c r="F4060">
        <v>53041.653230000004</v>
      </c>
      <c r="G4060">
        <v>31539.391889999999</v>
      </c>
      <c r="H4060">
        <v>33795.190369999997</v>
      </c>
      <c r="I4060">
        <v>16048.36363</v>
      </c>
      <c r="J4060">
        <v>32846.593030000004</v>
      </c>
      <c r="K4060">
        <v>46677.559930000003</v>
      </c>
      <c r="L4060">
        <v>17011.961050000002</v>
      </c>
      <c r="M4060">
        <v>296576.10580000002</v>
      </c>
      <c r="N4060">
        <v>70522.911189999999</v>
      </c>
      <c r="O4060">
        <v>17878.371569999999</v>
      </c>
      <c r="P4060">
        <v>24710.093110000002</v>
      </c>
      <c r="Q4060">
        <v>89100.277979999999</v>
      </c>
      <c r="R4060">
        <v>14979.384830000001</v>
      </c>
      <c r="S4060">
        <v>71710.968280000001</v>
      </c>
      <c r="T4060">
        <v>18016.76413</v>
      </c>
      <c r="U4060">
        <v>11983.02828</v>
      </c>
      <c r="W4060" s="83">
        <f>Bühler!N4092</f>
        <v>45461.083333323491</v>
      </c>
      <c r="X4060" s="83">
        <v>43270.083333333336</v>
      </c>
      <c r="Y4060">
        <v>237905.54819999999</v>
      </c>
      <c r="Z4060">
        <v>12856.32948</v>
      </c>
      <c r="AA4060">
        <v>53041.653230000004</v>
      </c>
      <c r="AB4060">
        <v>31539.391889999999</v>
      </c>
      <c r="AC4060">
        <v>33795.190369999997</v>
      </c>
      <c r="AD4060">
        <v>16048.36363</v>
      </c>
      <c r="AE4060">
        <v>32846.593030000004</v>
      </c>
      <c r="AF4060">
        <v>46677.559930000003</v>
      </c>
      <c r="AG4060">
        <v>17011.961050000002</v>
      </c>
      <c r="AH4060">
        <v>296576.10580000002</v>
      </c>
      <c r="AI4060">
        <v>70522.911189999999</v>
      </c>
      <c r="AJ4060">
        <v>17878.371569999999</v>
      </c>
      <c r="AK4060">
        <v>24710.093110000002</v>
      </c>
      <c r="AL4060">
        <v>89100.277979999999</v>
      </c>
      <c r="AM4060">
        <v>14979.384830000001</v>
      </c>
      <c r="AN4060">
        <v>71710.968280000001</v>
      </c>
      <c r="AO4060">
        <v>18016.76413</v>
      </c>
      <c r="AP4060">
        <v>11983.02828</v>
      </c>
    </row>
    <row r="4061" spans="2:42" x14ac:dyDescent="0.3">
      <c r="B4061">
        <v>58.781947079608706</v>
      </c>
      <c r="C4061" s="83">
        <v>43270.125</v>
      </c>
      <c r="D4061">
        <v>238666.82139999999</v>
      </c>
      <c r="E4061">
        <v>12786.20578</v>
      </c>
      <c r="F4061">
        <v>54050.687729999998</v>
      </c>
      <c r="G4061">
        <v>30750.788639999999</v>
      </c>
      <c r="H4061">
        <v>33713.607559999997</v>
      </c>
      <c r="I4061">
        <v>15424.853300000001</v>
      </c>
      <c r="J4061">
        <v>33042.175880000003</v>
      </c>
      <c r="K4061">
        <v>45923.683250000002</v>
      </c>
      <c r="L4061">
        <v>16685.539250000002</v>
      </c>
      <c r="M4061">
        <v>299697.77870000002</v>
      </c>
      <c r="N4061">
        <v>71183.268599999996</v>
      </c>
      <c r="O4061">
        <v>17046.818169999999</v>
      </c>
      <c r="P4061">
        <v>23715.238410000002</v>
      </c>
      <c r="Q4061">
        <v>91877.423190000001</v>
      </c>
      <c r="R4061">
        <v>14371.33726</v>
      </c>
      <c r="S4061">
        <v>71136.289520000006</v>
      </c>
      <c r="T4061">
        <v>17665.53469</v>
      </c>
      <c r="U4061">
        <v>11890.053690000001</v>
      </c>
      <c r="W4061" s="83">
        <f>Bühler!N4093</f>
        <v>45461.124999990156</v>
      </c>
      <c r="X4061" s="83">
        <v>43270.125</v>
      </c>
      <c r="Y4061">
        <v>238666.82139999999</v>
      </c>
      <c r="Z4061">
        <v>12786.20578</v>
      </c>
      <c r="AA4061">
        <v>54050.687729999998</v>
      </c>
      <c r="AB4061">
        <v>30750.788639999999</v>
      </c>
      <c r="AC4061">
        <v>33713.607559999997</v>
      </c>
      <c r="AD4061">
        <v>15424.853300000001</v>
      </c>
      <c r="AE4061">
        <v>33042.175880000003</v>
      </c>
      <c r="AF4061">
        <v>45923.683250000002</v>
      </c>
      <c r="AG4061">
        <v>16685.539250000002</v>
      </c>
      <c r="AH4061">
        <v>299697.77870000002</v>
      </c>
      <c r="AI4061">
        <v>71183.268599999996</v>
      </c>
      <c r="AJ4061">
        <v>17046.818169999999</v>
      </c>
      <c r="AK4061">
        <v>23715.238410000002</v>
      </c>
      <c r="AL4061">
        <v>91877.423190000001</v>
      </c>
      <c r="AM4061">
        <v>14371.33726</v>
      </c>
      <c r="AN4061">
        <v>71136.289520000006</v>
      </c>
      <c r="AO4061">
        <v>17665.53469</v>
      </c>
      <c r="AP4061">
        <v>11890.053690000001</v>
      </c>
    </row>
    <row r="4062" spans="2:42" x14ac:dyDescent="0.3">
      <c r="B4062">
        <v>60.040831255656464</v>
      </c>
      <c r="C4062" s="83">
        <v>43270.166666666664</v>
      </c>
      <c r="D4062">
        <v>239230.9749</v>
      </c>
      <c r="E4062">
        <v>13391.6854</v>
      </c>
      <c r="F4062">
        <v>56788.66057</v>
      </c>
      <c r="G4062">
        <v>30368.357029999999</v>
      </c>
      <c r="H4062">
        <v>34078.31338</v>
      </c>
      <c r="I4062">
        <v>16654.066330000001</v>
      </c>
      <c r="J4062">
        <v>34892.70134</v>
      </c>
      <c r="K4062">
        <v>45560.278530000003</v>
      </c>
      <c r="L4062">
        <v>16599.17915</v>
      </c>
      <c r="M4062">
        <v>306116.15730000002</v>
      </c>
      <c r="N4062">
        <v>69989.280989999999</v>
      </c>
      <c r="O4062">
        <v>17762.614170000001</v>
      </c>
      <c r="P4062">
        <v>23422.963889999999</v>
      </c>
      <c r="Q4062">
        <v>95597.472179999997</v>
      </c>
      <c r="R4062">
        <v>14322.77851</v>
      </c>
      <c r="S4062">
        <v>71309.733460000003</v>
      </c>
      <c r="T4062">
        <v>17506.268179999999</v>
      </c>
      <c r="U4062">
        <v>11779.27866</v>
      </c>
      <c r="W4062" s="83">
        <f>Bühler!N4094</f>
        <v>45461.16666665682</v>
      </c>
      <c r="X4062" s="83">
        <v>43270.166666666664</v>
      </c>
      <c r="Y4062">
        <v>239230.9749</v>
      </c>
      <c r="Z4062">
        <v>13391.6854</v>
      </c>
      <c r="AA4062">
        <v>56788.66057</v>
      </c>
      <c r="AB4062">
        <v>30368.357029999999</v>
      </c>
      <c r="AC4062">
        <v>34078.31338</v>
      </c>
      <c r="AD4062">
        <v>16654.066330000001</v>
      </c>
      <c r="AE4062">
        <v>34892.70134</v>
      </c>
      <c r="AF4062">
        <v>45560.278530000003</v>
      </c>
      <c r="AG4062">
        <v>16599.17915</v>
      </c>
      <c r="AH4062">
        <v>306116.15730000002</v>
      </c>
      <c r="AI4062">
        <v>69989.280989999999</v>
      </c>
      <c r="AJ4062">
        <v>17762.614170000001</v>
      </c>
      <c r="AK4062">
        <v>23422.963889999999</v>
      </c>
      <c r="AL4062">
        <v>95597.472179999997</v>
      </c>
      <c r="AM4062">
        <v>14322.77851</v>
      </c>
      <c r="AN4062">
        <v>71309.733460000003</v>
      </c>
      <c r="AO4062">
        <v>17506.268179999999</v>
      </c>
      <c r="AP4062">
        <v>11779.27866</v>
      </c>
    </row>
    <row r="4063" spans="2:42" x14ac:dyDescent="0.3">
      <c r="B4063">
        <v>63.292337451466977</v>
      </c>
      <c r="C4063" s="83">
        <v>43270.208333333336</v>
      </c>
      <c r="D4063">
        <v>255446.86600000001</v>
      </c>
      <c r="E4063">
        <v>15041.8902</v>
      </c>
      <c r="F4063">
        <v>66163.935580000005</v>
      </c>
      <c r="G4063">
        <v>31997.991190000001</v>
      </c>
      <c r="H4063">
        <v>35367.753879999997</v>
      </c>
      <c r="I4063">
        <v>22678.104299999999</v>
      </c>
      <c r="J4063">
        <v>37895.869570000003</v>
      </c>
      <c r="K4063">
        <v>46684.6008</v>
      </c>
      <c r="L4063">
        <v>17444.745699999999</v>
      </c>
      <c r="M4063">
        <v>322693.85220000002</v>
      </c>
      <c r="N4063">
        <v>68920.672909999994</v>
      </c>
      <c r="O4063">
        <v>17969.154760000001</v>
      </c>
      <c r="P4063">
        <v>25185.016459999999</v>
      </c>
      <c r="Q4063">
        <v>98377.097609999997</v>
      </c>
      <c r="R4063">
        <v>16360.2088</v>
      </c>
      <c r="S4063">
        <v>72865.48474</v>
      </c>
      <c r="T4063">
        <v>19028.602449999998</v>
      </c>
      <c r="U4063">
        <v>13893.987649999999</v>
      </c>
      <c r="W4063" s="83">
        <f>Bühler!N4095</f>
        <v>45461.208333323484</v>
      </c>
      <c r="X4063" s="83">
        <v>43270.208333333336</v>
      </c>
      <c r="Y4063">
        <v>255446.86600000001</v>
      </c>
      <c r="Z4063">
        <v>15041.8902</v>
      </c>
      <c r="AA4063">
        <v>66163.935580000005</v>
      </c>
      <c r="AB4063">
        <v>31997.991190000001</v>
      </c>
      <c r="AC4063">
        <v>35367.753879999997</v>
      </c>
      <c r="AD4063">
        <v>22678.104299999999</v>
      </c>
      <c r="AE4063">
        <v>37895.869570000003</v>
      </c>
      <c r="AF4063">
        <v>46684.6008</v>
      </c>
      <c r="AG4063">
        <v>17444.745699999999</v>
      </c>
      <c r="AH4063">
        <v>322693.85220000002</v>
      </c>
      <c r="AI4063">
        <v>68920.672909999994</v>
      </c>
      <c r="AJ4063">
        <v>17969.154760000001</v>
      </c>
      <c r="AK4063">
        <v>25185.016459999999</v>
      </c>
      <c r="AL4063">
        <v>98377.097609999997</v>
      </c>
      <c r="AM4063">
        <v>16360.2088</v>
      </c>
      <c r="AN4063">
        <v>72865.48474</v>
      </c>
      <c r="AO4063">
        <v>19028.602449999998</v>
      </c>
      <c r="AP4063">
        <v>13893.987649999999</v>
      </c>
    </row>
    <row r="4064" spans="2:42" x14ac:dyDescent="0.3">
      <c r="B4064">
        <v>66.004555219035083</v>
      </c>
      <c r="C4064" s="83">
        <v>43270.25</v>
      </c>
      <c r="D4064">
        <v>268967.36609999998</v>
      </c>
      <c r="E4064">
        <v>18741.585780000001</v>
      </c>
      <c r="F4064">
        <v>78745.202090000006</v>
      </c>
      <c r="G4064">
        <v>41392.216189999999</v>
      </c>
      <c r="H4064">
        <v>37189.316429999999</v>
      </c>
      <c r="I4064">
        <v>29676.827679999999</v>
      </c>
      <c r="J4064">
        <v>39483.498010000003</v>
      </c>
      <c r="K4064">
        <v>47198.44023</v>
      </c>
      <c r="L4064">
        <v>18054.792890000001</v>
      </c>
      <c r="M4064">
        <v>336522.00319999998</v>
      </c>
      <c r="N4064">
        <v>72300.747669999997</v>
      </c>
      <c r="O4064">
        <v>19692.757119999998</v>
      </c>
      <c r="P4064">
        <v>25735.93446</v>
      </c>
      <c r="Q4064">
        <v>99402.119089999993</v>
      </c>
      <c r="R4064">
        <v>15421.5515</v>
      </c>
      <c r="S4064">
        <v>80119.139179999998</v>
      </c>
      <c r="T4064">
        <v>21286.572179999999</v>
      </c>
      <c r="U4064">
        <v>15735.9257</v>
      </c>
      <c r="W4064" s="83">
        <f>Bühler!N4096</f>
        <v>45461.249999990148</v>
      </c>
      <c r="X4064" s="83">
        <v>43270.25</v>
      </c>
      <c r="Y4064">
        <v>268967.36609999998</v>
      </c>
      <c r="Z4064">
        <v>18741.585780000001</v>
      </c>
      <c r="AA4064">
        <v>78745.202090000006</v>
      </c>
      <c r="AB4064">
        <v>41392.216189999999</v>
      </c>
      <c r="AC4064">
        <v>37189.316429999999</v>
      </c>
      <c r="AD4064">
        <v>29676.827679999999</v>
      </c>
      <c r="AE4064">
        <v>39483.498010000003</v>
      </c>
      <c r="AF4064">
        <v>47198.44023</v>
      </c>
      <c r="AG4064">
        <v>18054.792890000001</v>
      </c>
      <c r="AH4064">
        <v>336522.00319999998</v>
      </c>
      <c r="AI4064">
        <v>72300.747669999997</v>
      </c>
      <c r="AJ4064">
        <v>19692.757119999998</v>
      </c>
      <c r="AK4064">
        <v>25735.93446</v>
      </c>
      <c r="AL4064">
        <v>99402.119089999993</v>
      </c>
      <c r="AM4064">
        <v>15421.5515</v>
      </c>
      <c r="AN4064">
        <v>80119.139179999998</v>
      </c>
      <c r="AO4064">
        <v>21286.572179999999</v>
      </c>
      <c r="AP4064">
        <v>15735.9257</v>
      </c>
    </row>
    <row r="4065" spans="2:42" x14ac:dyDescent="0.3">
      <c r="B4065">
        <v>67.914102531308941</v>
      </c>
      <c r="C4065" s="83">
        <v>43270.291666666664</v>
      </c>
      <c r="D4065">
        <v>283984.80249999999</v>
      </c>
      <c r="E4065">
        <v>23290.470880000001</v>
      </c>
      <c r="F4065">
        <v>82733.888749999998</v>
      </c>
      <c r="G4065">
        <v>51051.294650000003</v>
      </c>
      <c r="H4065">
        <v>42769.525150000001</v>
      </c>
      <c r="I4065">
        <v>36749.491620000001</v>
      </c>
      <c r="J4065">
        <v>41549.385580000002</v>
      </c>
      <c r="K4065">
        <v>52595.613859999998</v>
      </c>
      <c r="L4065">
        <v>20925.943920000002</v>
      </c>
      <c r="M4065">
        <v>346257.7659</v>
      </c>
      <c r="N4065">
        <v>78384.442460000006</v>
      </c>
      <c r="O4065">
        <v>21672.919679999999</v>
      </c>
      <c r="P4065">
        <v>29923.482670000001</v>
      </c>
      <c r="Q4065">
        <v>99341.899789999996</v>
      </c>
      <c r="R4065">
        <v>17772.125319999999</v>
      </c>
      <c r="S4065">
        <v>95405.315480000005</v>
      </c>
      <c r="T4065">
        <v>24929.555899999999</v>
      </c>
      <c r="U4065">
        <v>20210.456890000001</v>
      </c>
      <c r="W4065" s="83">
        <f>Bühler!N4097</f>
        <v>45461.291666656813</v>
      </c>
      <c r="X4065" s="83">
        <v>43270.291666666664</v>
      </c>
      <c r="Y4065">
        <v>283984.80249999999</v>
      </c>
      <c r="Z4065">
        <v>23290.470880000001</v>
      </c>
      <c r="AA4065">
        <v>82733.888749999998</v>
      </c>
      <c r="AB4065">
        <v>51051.294650000003</v>
      </c>
      <c r="AC4065">
        <v>42769.525150000001</v>
      </c>
      <c r="AD4065">
        <v>36749.491620000001</v>
      </c>
      <c r="AE4065">
        <v>41549.385580000002</v>
      </c>
      <c r="AF4065">
        <v>52595.613859999998</v>
      </c>
      <c r="AG4065">
        <v>20925.943920000002</v>
      </c>
      <c r="AH4065">
        <v>346257.7659</v>
      </c>
      <c r="AI4065">
        <v>78384.442460000006</v>
      </c>
      <c r="AJ4065">
        <v>21672.919679999999</v>
      </c>
      <c r="AK4065">
        <v>29923.482670000001</v>
      </c>
      <c r="AL4065">
        <v>99341.899789999996</v>
      </c>
      <c r="AM4065">
        <v>17772.125319999999</v>
      </c>
      <c r="AN4065">
        <v>95405.315480000005</v>
      </c>
      <c r="AO4065">
        <v>24929.555899999999</v>
      </c>
      <c r="AP4065">
        <v>20210.456890000001</v>
      </c>
    </row>
    <row r="4066" spans="2:42" x14ac:dyDescent="0.3">
      <c r="B4066">
        <v>69.126080915700882</v>
      </c>
      <c r="C4066" s="83">
        <v>43270.333333333336</v>
      </c>
      <c r="D4066">
        <v>296624.9461</v>
      </c>
      <c r="E4066">
        <v>29216.04609</v>
      </c>
      <c r="F4066">
        <v>89381.949519999995</v>
      </c>
      <c r="G4066">
        <v>61616.721700000002</v>
      </c>
      <c r="H4066">
        <v>48300.435559999998</v>
      </c>
      <c r="I4066">
        <v>39957.77448</v>
      </c>
      <c r="J4066">
        <v>44548.38478</v>
      </c>
      <c r="K4066">
        <v>59607.949339999999</v>
      </c>
      <c r="L4066">
        <v>24376.94541</v>
      </c>
      <c r="M4066">
        <v>352436.99690000003</v>
      </c>
      <c r="N4066">
        <v>85076.346030000001</v>
      </c>
      <c r="O4066">
        <v>23921.27519</v>
      </c>
      <c r="P4066">
        <v>32239.13495</v>
      </c>
      <c r="Q4066">
        <v>100240.8</v>
      </c>
      <c r="R4066">
        <v>21322.169900000001</v>
      </c>
      <c r="S4066">
        <v>108340.06</v>
      </c>
      <c r="T4066">
        <v>28498.417700000002</v>
      </c>
      <c r="U4066">
        <v>24570.25188</v>
      </c>
      <c r="W4066" s="83">
        <f>Bühler!N4098</f>
        <v>45461.333333323477</v>
      </c>
      <c r="X4066" s="83">
        <v>43270.333333333336</v>
      </c>
      <c r="Y4066">
        <v>296624.9461</v>
      </c>
      <c r="Z4066">
        <v>29216.04609</v>
      </c>
      <c r="AA4066">
        <v>89381.949519999995</v>
      </c>
      <c r="AB4066">
        <v>61616.721700000002</v>
      </c>
      <c r="AC4066">
        <v>48300.435559999998</v>
      </c>
      <c r="AD4066">
        <v>39957.77448</v>
      </c>
      <c r="AE4066">
        <v>44548.38478</v>
      </c>
      <c r="AF4066">
        <v>59607.949339999999</v>
      </c>
      <c r="AG4066">
        <v>24376.94541</v>
      </c>
      <c r="AH4066">
        <v>352436.99690000003</v>
      </c>
      <c r="AI4066">
        <v>85076.346030000001</v>
      </c>
      <c r="AJ4066">
        <v>23921.27519</v>
      </c>
      <c r="AK4066">
        <v>32239.13495</v>
      </c>
      <c r="AL4066">
        <v>100240.8</v>
      </c>
      <c r="AM4066">
        <v>21322.169900000001</v>
      </c>
      <c r="AN4066">
        <v>108340.06</v>
      </c>
      <c r="AO4066">
        <v>28498.417700000002</v>
      </c>
      <c r="AP4066">
        <v>24570.25188</v>
      </c>
    </row>
    <row r="4067" spans="2:42" x14ac:dyDescent="0.3">
      <c r="B4067">
        <v>69.39540094409854</v>
      </c>
      <c r="C4067" s="83">
        <v>43270.375</v>
      </c>
      <c r="D4067">
        <v>299349.78159999999</v>
      </c>
      <c r="E4067">
        <v>33513.98547</v>
      </c>
      <c r="F4067">
        <v>95364.055420000004</v>
      </c>
      <c r="G4067">
        <v>70753.627309999996</v>
      </c>
      <c r="H4067">
        <v>50949.476730000002</v>
      </c>
      <c r="I4067">
        <v>39166.687709999998</v>
      </c>
      <c r="J4067">
        <v>45622.126420000001</v>
      </c>
      <c r="K4067">
        <v>63049.737950000002</v>
      </c>
      <c r="L4067">
        <v>27341.914629999999</v>
      </c>
      <c r="M4067">
        <v>353810.11599999998</v>
      </c>
      <c r="N4067">
        <v>88774.25172</v>
      </c>
      <c r="O4067">
        <v>24964.312300000001</v>
      </c>
      <c r="P4067">
        <v>35257.163560000001</v>
      </c>
      <c r="Q4067">
        <v>102384.1973</v>
      </c>
      <c r="R4067">
        <v>22356.224549999999</v>
      </c>
      <c r="S4067">
        <v>114814.82610000001</v>
      </c>
      <c r="T4067">
        <v>30899.704880000001</v>
      </c>
      <c r="U4067">
        <v>24526.645929999999</v>
      </c>
      <c r="W4067" s="83">
        <f>Bühler!N4099</f>
        <v>45461.374999990141</v>
      </c>
      <c r="X4067" s="83">
        <v>43270.375</v>
      </c>
      <c r="Y4067">
        <v>299349.78159999999</v>
      </c>
      <c r="Z4067">
        <v>33513.98547</v>
      </c>
      <c r="AA4067">
        <v>95364.055420000004</v>
      </c>
      <c r="AB4067">
        <v>70753.627309999996</v>
      </c>
      <c r="AC4067">
        <v>50949.476730000002</v>
      </c>
      <c r="AD4067">
        <v>39166.687709999998</v>
      </c>
      <c r="AE4067">
        <v>45622.126420000001</v>
      </c>
      <c r="AF4067">
        <v>63049.737950000002</v>
      </c>
      <c r="AG4067">
        <v>27341.914629999999</v>
      </c>
      <c r="AH4067">
        <v>353810.11599999998</v>
      </c>
      <c r="AI4067">
        <v>88774.25172</v>
      </c>
      <c r="AJ4067">
        <v>24964.312300000001</v>
      </c>
      <c r="AK4067">
        <v>35257.163560000001</v>
      </c>
      <c r="AL4067">
        <v>102384.1973</v>
      </c>
      <c r="AM4067">
        <v>22356.224549999999</v>
      </c>
      <c r="AN4067">
        <v>114814.82610000001</v>
      </c>
      <c r="AO4067">
        <v>30899.704880000001</v>
      </c>
      <c r="AP4067">
        <v>24526.645929999999</v>
      </c>
    </row>
    <row r="4068" spans="2:42" x14ac:dyDescent="0.3">
      <c r="B4068">
        <v>70.257558052762306</v>
      </c>
      <c r="C4068" s="83">
        <v>43270.416666666664</v>
      </c>
      <c r="D4068">
        <v>303489.10470000003</v>
      </c>
      <c r="E4068">
        <v>35782.506159999997</v>
      </c>
      <c r="F4068">
        <v>97093.561279999994</v>
      </c>
      <c r="G4068">
        <v>74346.490170000005</v>
      </c>
      <c r="H4068">
        <v>51592.081960000003</v>
      </c>
      <c r="I4068">
        <v>37500.85886</v>
      </c>
      <c r="J4068">
        <v>45505.447930000002</v>
      </c>
      <c r="K4068">
        <v>63421.650159999997</v>
      </c>
      <c r="L4068">
        <v>30011.37617</v>
      </c>
      <c r="M4068">
        <v>358205.79499999998</v>
      </c>
      <c r="N4068">
        <v>92077.975219999993</v>
      </c>
      <c r="O4068">
        <v>25173.333340000001</v>
      </c>
      <c r="P4068">
        <v>35394.635520000003</v>
      </c>
      <c r="Q4068">
        <v>103017.15330000001</v>
      </c>
      <c r="R4068">
        <v>22806.364750000001</v>
      </c>
      <c r="S4068">
        <v>116723.0742</v>
      </c>
      <c r="T4068">
        <v>32446.561529999999</v>
      </c>
      <c r="U4068">
        <v>24083.05011</v>
      </c>
      <c r="W4068" s="83">
        <f>Bühler!N4100</f>
        <v>45461.416666656805</v>
      </c>
      <c r="X4068" s="83">
        <v>43270.416666666664</v>
      </c>
      <c r="Y4068">
        <v>303489.10470000003</v>
      </c>
      <c r="Z4068">
        <v>35782.506159999997</v>
      </c>
      <c r="AA4068">
        <v>97093.561279999994</v>
      </c>
      <c r="AB4068">
        <v>74346.490170000005</v>
      </c>
      <c r="AC4068">
        <v>51592.081960000003</v>
      </c>
      <c r="AD4068">
        <v>37500.85886</v>
      </c>
      <c r="AE4068">
        <v>45505.447930000002</v>
      </c>
      <c r="AF4068">
        <v>63421.650159999997</v>
      </c>
      <c r="AG4068">
        <v>30011.37617</v>
      </c>
      <c r="AH4068">
        <v>358205.79499999998</v>
      </c>
      <c r="AI4068">
        <v>92077.975219999993</v>
      </c>
      <c r="AJ4068">
        <v>25173.333340000001</v>
      </c>
      <c r="AK4068">
        <v>35394.635520000003</v>
      </c>
      <c r="AL4068">
        <v>103017.15330000001</v>
      </c>
      <c r="AM4068">
        <v>22806.364750000001</v>
      </c>
      <c r="AN4068">
        <v>116723.0742</v>
      </c>
      <c r="AO4068">
        <v>32446.561529999999</v>
      </c>
      <c r="AP4068">
        <v>24083.05011</v>
      </c>
    </row>
    <row r="4069" spans="2:42" x14ac:dyDescent="0.3">
      <c r="B4069">
        <v>71.395407105968943</v>
      </c>
      <c r="C4069" s="83">
        <v>43270.458333333336</v>
      </c>
      <c r="D4069">
        <v>300991.63689999998</v>
      </c>
      <c r="E4069">
        <v>35946.496639999998</v>
      </c>
      <c r="F4069">
        <v>97808.779670000004</v>
      </c>
      <c r="G4069">
        <v>72851.148019999993</v>
      </c>
      <c r="H4069">
        <v>51964.774669999999</v>
      </c>
      <c r="I4069">
        <v>37238.884859999998</v>
      </c>
      <c r="J4069">
        <v>46776.074070000002</v>
      </c>
      <c r="K4069">
        <v>63741.464740000003</v>
      </c>
      <c r="L4069">
        <v>30872.708040000001</v>
      </c>
      <c r="M4069">
        <v>364007.08010000002</v>
      </c>
      <c r="N4069">
        <v>92062.894620000006</v>
      </c>
      <c r="O4069">
        <v>26147.376990000001</v>
      </c>
      <c r="P4069">
        <v>35616.182529999998</v>
      </c>
      <c r="Q4069">
        <v>102705.6789</v>
      </c>
      <c r="R4069">
        <v>24738.856769999999</v>
      </c>
      <c r="S4069">
        <v>119428.82120000001</v>
      </c>
      <c r="T4069">
        <v>33733.512179999998</v>
      </c>
      <c r="U4069">
        <v>24042.843519999999</v>
      </c>
      <c r="W4069" s="83">
        <f>Bühler!N4101</f>
        <v>45461.45833332347</v>
      </c>
      <c r="X4069" s="83">
        <v>43270.458333333336</v>
      </c>
      <c r="Y4069">
        <v>300991.63689999998</v>
      </c>
      <c r="Z4069">
        <v>35946.496639999998</v>
      </c>
      <c r="AA4069">
        <v>97808.779670000004</v>
      </c>
      <c r="AB4069">
        <v>72851.148019999993</v>
      </c>
      <c r="AC4069">
        <v>51964.774669999999</v>
      </c>
      <c r="AD4069">
        <v>37238.884859999998</v>
      </c>
      <c r="AE4069">
        <v>46776.074070000002</v>
      </c>
      <c r="AF4069">
        <v>63741.464740000003</v>
      </c>
      <c r="AG4069">
        <v>30872.708040000001</v>
      </c>
      <c r="AH4069">
        <v>364007.08010000002</v>
      </c>
      <c r="AI4069">
        <v>92062.894620000006</v>
      </c>
      <c r="AJ4069">
        <v>26147.376990000001</v>
      </c>
      <c r="AK4069">
        <v>35616.182529999998</v>
      </c>
      <c r="AL4069">
        <v>102705.6789</v>
      </c>
      <c r="AM4069">
        <v>24738.856769999999</v>
      </c>
      <c r="AN4069">
        <v>119428.82120000001</v>
      </c>
      <c r="AO4069">
        <v>33733.512179999998</v>
      </c>
      <c r="AP4069">
        <v>24042.843519999999</v>
      </c>
    </row>
    <row r="4070" spans="2:42" x14ac:dyDescent="0.3">
      <c r="B4070">
        <v>70.101597054558482</v>
      </c>
      <c r="C4070" s="83">
        <v>43270.5</v>
      </c>
      <c r="D4070">
        <v>287356.19510000001</v>
      </c>
      <c r="E4070">
        <v>32655.81221</v>
      </c>
      <c r="F4070">
        <v>92460.240730000005</v>
      </c>
      <c r="G4070">
        <v>73263.677020000003</v>
      </c>
      <c r="H4070">
        <v>49815.787360000002</v>
      </c>
      <c r="I4070">
        <v>35782.165200000003</v>
      </c>
      <c r="J4070">
        <v>47087.265599999999</v>
      </c>
      <c r="K4070">
        <v>59893.586159999999</v>
      </c>
      <c r="L4070">
        <v>33034.693700000003</v>
      </c>
      <c r="M4070">
        <v>357410.63309999998</v>
      </c>
      <c r="N4070">
        <v>89779.3505</v>
      </c>
      <c r="O4070">
        <v>24435.135620000001</v>
      </c>
      <c r="P4070">
        <v>36650.011989999999</v>
      </c>
      <c r="Q4070">
        <v>102708.02</v>
      </c>
      <c r="R4070">
        <v>25295.205000000002</v>
      </c>
      <c r="S4070">
        <v>114215.595</v>
      </c>
      <c r="T4070">
        <v>33690.62154</v>
      </c>
      <c r="U4070">
        <v>19869.690470000001</v>
      </c>
      <c r="W4070" s="83">
        <f>Bühler!N4102</f>
        <v>45461.499999990134</v>
      </c>
      <c r="X4070" s="83">
        <v>43270.5</v>
      </c>
      <c r="Y4070">
        <v>287356.19510000001</v>
      </c>
      <c r="Z4070">
        <v>32655.81221</v>
      </c>
      <c r="AA4070">
        <v>92460.240730000005</v>
      </c>
      <c r="AB4070">
        <v>73263.677020000003</v>
      </c>
      <c r="AC4070">
        <v>49815.787360000002</v>
      </c>
      <c r="AD4070">
        <v>35782.165200000003</v>
      </c>
      <c r="AE4070">
        <v>47087.265599999999</v>
      </c>
      <c r="AF4070">
        <v>59893.586159999999</v>
      </c>
      <c r="AG4070">
        <v>33034.693700000003</v>
      </c>
      <c r="AH4070">
        <v>357410.63309999998</v>
      </c>
      <c r="AI4070">
        <v>89779.3505</v>
      </c>
      <c r="AJ4070">
        <v>24435.135620000001</v>
      </c>
      <c r="AK4070">
        <v>36650.011989999999</v>
      </c>
      <c r="AL4070">
        <v>102708.02</v>
      </c>
      <c r="AM4070">
        <v>25295.205000000002</v>
      </c>
      <c r="AN4070">
        <v>114215.595</v>
      </c>
      <c r="AO4070">
        <v>33690.62154</v>
      </c>
      <c r="AP4070">
        <v>19869.690470000001</v>
      </c>
    </row>
    <row r="4071" spans="2:42" x14ac:dyDescent="0.3">
      <c r="B4071">
        <v>69.852350513585435</v>
      </c>
      <c r="C4071" s="83">
        <v>43270.541666666664</v>
      </c>
      <c r="D4071">
        <v>289213.69209999999</v>
      </c>
      <c r="E4071">
        <v>33217.544390000003</v>
      </c>
      <c r="F4071">
        <v>90244.727100000004</v>
      </c>
      <c r="G4071">
        <v>69852.570030000003</v>
      </c>
      <c r="H4071">
        <v>50952.031779999998</v>
      </c>
      <c r="I4071">
        <v>35316.659160000003</v>
      </c>
      <c r="J4071">
        <v>45203.507420000002</v>
      </c>
      <c r="K4071">
        <v>61002.725910000001</v>
      </c>
      <c r="L4071">
        <v>31891.822059999999</v>
      </c>
      <c r="M4071">
        <v>356139.85800000001</v>
      </c>
      <c r="N4071">
        <v>90101.129740000004</v>
      </c>
      <c r="O4071">
        <v>25290.694159999999</v>
      </c>
      <c r="P4071">
        <v>35532.986940000003</v>
      </c>
      <c r="Q4071">
        <v>101414.2899</v>
      </c>
      <c r="R4071">
        <v>24677.555710000001</v>
      </c>
      <c r="S4071">
        <v>113841.2776</v>
      </c>
      <c r="T4071">
        <v>32944.535550000001</v>
      </c>
      <c r="U4071">
        <v>22283.17093</v>
      </c>
      <c r="W4071" s="83">
        <f>Bühler!N4103</f>
        <v>45461.541666656798</v>
      </c>
      <c r="X4071" s="83">
        <v>43270.541666666664</v>
      </c>
      <c r="Y4071">
        <v>289213.69209999999</v>
      </c>
      <c r="Z4071">
        <v>33217.544390000003</v>
      </c>
      <c r="AA4071">
        <v>90244.727100000004</v>
      </c>
      <c r="AB4071">
        <v>69852.570030000003</v>
      </c>
      <c r="AC4071">
        <v>50952.031779999998</v>
      </c>
      <c r="AD4071">
        <v>35316.659160000003</v>
      </c>
      <c r="AE4071">
        <v>45203.507420000002</v>
      </c>
      <c r="AF4071">
        <v>61002.725910000001</v>
      </c>
      <c r="AG4071">
        <v>31891.822059999999</v>
      </c>
      <c r="AH4071">
        <v>356139.85800000001</v>
      </c>
      <c r="AI4071">
        <v>90101.129740000004</v>
      </c>
      <c r="AJ4071">
        <v>25290.694159999999</v>
      </c>
      <c r="AK4071">
        <v>35532.986940000003</v>
      </c>
      <c r="AL4071">
        <v>101414.2899</v>
      </c>
      <c r="AM4071">
        <v>24677.555710000001</v>
      </c>
      <c r="AN4071">
        <v>113841.2776</v>
      </c>
      <c r="AO4071">
        <v>32944.535550000001</v>
      </c>
      <c r="AP4071">
        <v>22283.17093</v>
      </c>
    </row>
    <row r="4072" spans="2:42" x14ac:dyDescent="0.3">
      <c r="B4072">
        <v>69.672623407718419</v>
      </c>
      <c r="C4072" s="83">
        <v>43270.583333333336</v>
      </c>
      <c r="D4072">
        <v>294612.489</v>
      </c>
      <c r="E4072">
        <v>36204.704080000003</v>
      </c>
      <c r="F4072">
        <v>97159.776800000007</v>
      </c>
      <c r="G4072">
        <v>64667.813849999999</v>
      </c>
      <c r="H4072">
        <v>50977.199869999997</v>
      </c>
      <c r="I4072">
        <v>36260.814489999997</v>
      </c>
      <c r="J4072">
        <v>44803.095829999998</v>
      </c>
      <c r="K4072">
        <v>64086.199529999998</v>
      </c>
      <c r="L4072">
        <v>29550.142520000001</v>
      </c>
      <c r="M4072">
        <v>355223.52539999998</v>
      </c>
      <c r="N4072">
        <v>92168.254430000001</v>
      </c>
      <c r="O4072">
        <v>24367.561860000002</v>
      </c>
      <c r="P4072">
        <v>31974.99973</v>
      </c>
      <c r="Q4072">
        <v>100591.26850000001</v>
      </c>
      <c r="R4072">
        <v>24099.627339999999</v>
      </c>
      <c r="S4072">
        <v>109056.6632</v>
      </c>
      <c r="T4072">
        <v>31941.364549999998</v>
      </c>
      <c r="U4072">
        <v>22569.15495</v>
      </c>
      <c r="W4072" s="83">
        <f>Bühler!N4104</f>
        <v>45461.583333323462</v>
      </c>
      <c r="X4072" s="83">
        <v>43270.583333333336</v>
      </c>
      <c r="Y4072">
        <v>294612.489</v>
      </c>
      <c r="Z4072">
        <v>36204.704080000003</v>
      </c>
      <c r="AA4072">
        <v>97159.776800000007</v>
      </c>
      <c r="AB4072">
        <v>64667.813849999999</v>
      </c>
      <c r="AC4072">
        <v>50977.199869999997</v>
      </c>
      <c r="AD4072">
        <v>36260.814489999997</v>
      </c>
      <c r="AE4072">
        <v>44803.095829999998</v>
      </c>
      <c r="AF4072">
        <v>64086.199529999998</v>
      </c>
      <c r="AG4072">
        <v>29550.142520000001</v>
      </c>
      <c r="AH4072">
        <v>355223.52539999998</v>
      </c>
      <c r="AI4072">
        <v>92168.254430000001</v>
      </c>
      <c r="AJ4072">
        <v>24367.561860000002</v>
      </c>
      <c r="AK4072">
        <v>31974.99973</v>
      </c>
      <c r="AL4072">
        <v>100591.26850000001</v>
      </c>
      <c r="AM4072">
        <v>24099.627339999999</v>
      </c>
      <c r="AN4072">
        <v>109056.6632</v>
      </c>
      <c r="AO4072">
        <v>31941.364549999998</v>
      </c>
      <c r="AP4072">
        <v>22569.15495</v>
      </c>
    </row>
    <row r="4073" spans="2:42" x14ac:dyDescent="0.3">
      <c r="B4073">
        <v>69.362843212250041</v>
      </c>
      <c r="C4073" s="83">
        <v>43270.625</v>
      </c>
      <c r="D4073">
        <v>292023.93160000001</v>
      </c>
      <c r="E4073">
        <v>36106.112459999997</v>
      </c>
      <c r="F4073">
        <v>99465.80429</v>
      </c>
      <c r="G4073">
        <v>60986.352529999996</v>
      </c>
      <c r="H4073">
        <v>49782.24222</v>
      </c>
      <c r="I4073">
        <v>37002.444049999998</v>
      </c>
      <c r="J4073">
        <v>44810.343560000001</v>
      </c>
      <c r="K4073">
        <v>63091.182710000001</v>
      </c>
      <c r="L4073">
        <v>27004.61105</v>
      </c>
      <c r="M4073">
        <v>353644.12150000001</v>
      </c>
      <c r="N4073">
        <v>90556.763089999993</v>
      </c>
      <c r="O4073">
        <v>24326.374329999999</v>
      </c>
      <c r="P4073">
        <v>30151.410380000001</v>
      </c>
      <c r="Q4073">
        <v>100785.34600000001</v>
      </c>
      <c r="R4073">
        <v>24405.580030000001</v>
      </c>
      <c r="S4073">
        <v>107202.4137</v>
      </c>
      <c r="T4073">
        <v>31032.67974</v>
      </c>
      <c r="U4073">
        <v>21605.829399999999</v>
      </c>
      <c r="W4073" s="83">
        <f>Bühler!N4105</f>
        <v>45461.624999990127</v>
      </c>
      <c r="X4073" s="83">
        <v>43270.625</v>
      </c>
      <c r="Y4073">
        <v>292023.93160000001</v>
      </c>
      <c r="Z4073">
        <v>36106.112459999997</v>
      </c>
      <c r="AA4073">
        <v>99465.80429</v>
      </c>
      <c r="AB4073">
        <v>60986.352529999996</v>
      </c>
      <c r="AC4073">
        <v>49782.24222</v>
      </c>
      <c r="AD4073">
        <v>37002.444049999998</v>
      </c>
      <c r="AE4073">
        <v>44810.343560000001</v>
      </c>
      <c r="AF4073">
        <v>63091.182710000001</v>
      </c>
      <c r="AG4073">
        <v>27004.61105</v>
      </c>
      <c r="AH4073">
        <v>353644.12150000001</v>
      </c>
      <c r="AI4073">
        <v>90556.763089999993</v>
      </c>
      <c r="AJ4073">
        <v>24326.374329999999</v>
      </c>
      <c r="AK4073">
        <v>30151.410380000001</v>
      </c>
      <c r="AL4073">
        <v>100785.34600000001</v>
      </c>
      <c r="AM4073">
        <v>24405.580030000001</v>
      </c>
      <c r="AN4073">
        <v>107202.4137</v>
      </c>
      <c r="AO4073">
        <v>31032.67974</v>
      </c>
      <c r="AP4073">
        <v>21605.829399999999</v>
      </c>
    </row>
    <row r="4074" spans="2:42" x14ac:dyDescent="0.3">
      <c r="B4074">
        <v>68.129231949929235</v>
      </c>
      <c r="C4074" s="83">
        <v>43270.666666666664</v>
      </c>
      <c r="D4074">
        <v>281953.47759999998</v>
      </c>
      <c r="E4074">
        <v>35455.086190000002</v>
      </c>
      <c r="F4074">
        <v>98554.479649999994</v>
      </c>
      <c r="G4074">
        <v>57146.169979999999</v>
      </c>
      <c r="H4074">
        <v>47776.30431</v>
      </c>
      <c r="I4074">
        <v>37434.397129999998</v>
      </c>
      <c r="J4074">
        <v>44447.713689999997</v>
      </c>
      <c r="K4074">
        <v>59395.44109</v>
      </c>
      <c r="L4074">
        <v>25582.681519999998</v>
      </c>
      <c r="M4074">
        <v>347354.59600000002</v>
      </c>
      <c r="N4074">
        <v>87052.641740000006</v>
      </c>
      <c r="O4074">
        <v>23815.837370000001</v>
      </c>
      <c r="P4074">
        <v>30026.626950000002</v>
      </c>
      <c r="Q4074">
        <v>99192.120739999998</v>
      </c>
      <c r="R4074">
        <v>23799.049940000001</v>
      </c>
      <c r="S4074">
        <v>104200.2683</v>
      </c>
      <c r="T4074">
        <v>29383.050159999999</v>
      </c>
      <c r="U4074">
        <v>20458.420460000001</v>
      </c>
      <c r="W4074" s="83">
        <f>Bühler!N4106</f>
        <v>45461.666666656791</v>
      </c>
      <c r="X4074" s="83">
        <v>43270.666666666664</v>
      </c>
      <c r="Y4074">
        <v>281953.47759999998</v>
      </c>
      <c r="Z4074">
        <v>35455.086190000002</v>
      </c>
      <c r="AA4074">
        <v>98554.479649999994</v>
      </c>
      <c r="AB4074">
        <v>57146.169979999999</v>
      </c>
      <c r="AC4074">
        <v>47776.30431</v>
      </c>
      <c r="AD4074">
        <v>37434.397129999998</v>
      </c>
      <c r="AE4074">
        <v>44447.713689999997</v>
      </c>
      <c r="AF4074">
        <v>59395.44109</v>
      </c>
      <c r="AG4074">
        <v>25582.681519999998</v>
      </c>
      <c r="AH4074">
        <v>347354.59600000002</v>
      </c>
      <c r="AI4074">
        <v>87052.641740000006</v>
      </c>
      <c r="AJ4074">
        <v>23815.837370000001</v>
      </c>
      <c r="AK4074">
        <v>30026.626950000002</v>
      </c>
      <c r="AL4074">
        <v>99192.120739999998</v>
      </c>
      <c r="AM4074">
        <v>23799.049940000001</v>
      </c>
      <c r="AN4074">
        <v>104200.2683</v>
      </c>
      <c r="AO4074">
        <v>29383.050159999999</v>
      </c>
      <c r="AP4074">
        <v>20458.420460000001</v>
      </c>
    </row>
    <row r="4075" spans="2:42" x14ac:dyDescent="0.3">
      <c r="B4075">
        <v>66.201478221495265</v>
      </c>
      <c r="C4075" s="83">
        <v>43270.708333333336</v>
      </c>
      <c r="D4075">
        <v>274438.22509999998</v>
      </c>
      <c r="E4075">
        <v>33376.475599999998</v>
      </c>
      <c r="F4075">
        <v>97326.758690000002</v>
      </c>
      <c r="G4075">
        <v>51195.354180000002</v>
      </c>
      <c r="H4075">
        <v>45314.122309999999</v>
      </c>
      <c r="I4075">
        <v>37048.769749999999</v>
      </c>
      <c r="J4075">
        <v>44858.57531</v>
      </c>
      <c r="K4075">
        <v>54476.369489999997</v>
      </c>
      <c r="L4075">
        <v>25889.657139999999</v>
      </c>
      <c r="M4075">
        <v>337526.0085</v>
      </c>
      <c r="N4075">
        <v>83047.426600000006</v>
      </c>
      <c r="O4075">
        <v>22972.024720000001</v>
      </c>
      <c r="P4075">
        <v>31283.529269999999</v>
      </c>
      <c r="Q4075">
        <v>97858.512889999998</v>
      </c>
      <c r="R4075">
        <v>24490.30256</v>
      </c>
      <c r="S4075">
        <v>100707.3213</v>
      </c>
      <c r="T4075">
        <v>28826.696179999999</v>
      </c>
      <c r="U4075">
        <v>17400.466090000002</v>
      </c>
      <c r="W4075" s="83">
        <f>Bühler!N4107</f>
        <v>45461.708333323455</v>
      </c>
      <c r="X4075" s="83">
        <v>43270.708333333336</v>
      </c>
      <c r="Y4075">
        <v>274438.22509999998</v>
      </c>
      <c r="Z4075">
        <v>33376.475599999998</v>
      </c>
      <c r="AA4075">
        <v>97326.758690000002</v>
      </c>
      <c r="AB4075">
        <v>51195.354180000002</v>
      </c>
      <c r="AC4075">
        <v>45314.122309999999</v>
      </c>
      <c r="AD4075">
        <v>37048.769749999999</v>
      </c>
      <c r="AE4075">
        <v>44858.57531</v>
      </c>
      <c r="AF4075">
        <v>54476.369489999997</v>
      </c>
      <c r="AG4075">
        <v>25889.657139999999</v>
      </c>
      <c r="AH4075">
        <v>337526.0085</v>
      </c>
      <c r="AI4075">
        <v>83047.426600000006</v>
      </c>
      <c r="AJ4075">
        <v>22972.024720000001</v>
      </c>
      <c r="AK4075">
        <v>31283.529269999999</v>
      </c>
      <c r="AL4075">
        <v>97858.512889999998</v>
      </c>
      <c r="AM4075">
        <v>24490.30256</v>
      </c>
      <c r="AN4075">
        <v>100707.3213</v>
      </c>
      <c r="AO4075">
        <v>28826.696179999999</v>
      </c>
      <c r="AP4075">
        <v>17400.466090000002</v>
      </c>
    </row>
    <row r="4076" spans="2:42" x14ac:dyDescent="0.3">
      <c r="B4076">
        <v>65.093876930979732</v>
      </c>
      <c r="C4076" s="83">
        <v>43270.75</v>
      </c>
      <c r="D4076">
        <v>267696.28340000001</v>
      </c>
      <c r="E4076">
        <v>30021.42225</v>
      </c>
      <c r="F4076">
        <v>95358.438890000005</v>
      </c>
      <c r="G4076">
        <v>45150.683380000002</v>
      </c>
      <c r="H4076">
        <v>42998.317190000002</v>
      </c>
      <c r="I4076">
        <v>34866.108950000002</v>
      </c>
      <c r="J4076">
        <v>44080.46312</v>
      </c>
      <c r="K4076">
        <v>51615.287479999999</v>
      </c>
      <c r="L4076">
        <v>26816.081480000001</v>
      </c>
      <c r="M4076">
        <v>331878.94059999997</v>
      </c>
      <c r="N4076">
        <v>80789.995020000002</v>
      </c>
      <c r="O4076">
        <v>22071.107680000001</v>
      </c>
      <c r="P4076">
        <v>33990.408190000002</v>
      </c>
      <c r="Q4076">
        <v>96245.94614</v>
      </c>
      <c r="R4076">
        <v>22236.799129999999</v>
      </c>
      <c r="S4076">
        <v>93471.129820000002</v>
      </c>
      <c r="T4076">
        <v>28438.31424</v>
      </c>
      <c r="U4076">
        <v>15261.76016</v>
      </c>
      <c r="W4076" s="83">
        <f>Bühler!N4108</f>
        <v>45461.749999990119</v>
      </c>
      <c r="X4076" s="83">
        <v>43270.75</v>
      </c>
      <c r="Y4076">
        <v>267696.28340000001</v>
      </c>
      <c r="Z4076">
        <v>30021.42225</v>
      </c>
      <c r="AA4076">
        <v>95358.438890000005</v>
      </c>
      <c r="AB4076">
        <v>45150.683380000002</v>
      </c>
      <c r="AC4076">
        <v>42998.317190000002</v>
      </c>
      <c r="AD4076">
        <v>34866.108950000002</v>
      </c>
      <c r="AE4076">
        <v>44080.46312</v>
      </c>
      <c r="AF4076">
        <v>51615.287479999999</v>
      </c>
      <c r="AG4076">
        <v>26816.081480000001</v>
      </c>
      <c r="AH4076">
        <v>331878.94059999997</v>
      </c>
      <c r="AI4076">
        <v>80789.995020000002</v>
      </c>
      <c r="AJ4076">
        <v>22071.107680000001</v>
      </c>
      <c r="AK4076">
        <v>33990.408190000002</v>
      </c>
      <c r="AL4076">
        <v>96245.94614</v>
      </c>
      <c r="AM4076">
        <v>22236.799129999999</v>
      </c>
      <c r="AN4076">
        <v>93471.129820000002</v>
      </c>
      <c r="AO4076">
        <v>28438.31424</v>
      </c>
      <c r="AP4076">
        <v>15261.76016</v>
      </c>
    </row>
    <row r="4077" spans="2:42" x14ac:dyDescent="0.3">
      <c r="B4077">
        <v>64.206967359215142</v>
      </c>
      <c r="C4077" s="83">
        <v>43270.791666666664</v>
      </c>
      <c r="D4077">
        <v>262670.53149999998</v>
      </c>
      <c r="E4077">
        <v>24063.211190000002</v>
      </c>
      <c r="F4077">
        <v>83253.376900000003</v>
      </c>
      <c r="G4077">
        <v>40074.89733</v>
      </c>
      <c r="H4077">
        <v>40460.27794</v>
      </c>
      <c r="I4077">
        <v>32267.330089999999</v>
      </c>
      <c r="J4077">
        <v>42824.046369999996</v>
      </c>
      <c r="K4077">
        <v>51092.373489999998</v>
      </c>
      <c r="L4077">
        <v>27455.0648</v>
      </c>
      <c r="M4077">
        <v>327357.06199999998</v>
      </c>
      <c r="N4077">
        <v>79965.297300000006</v>
      </c>
      <c r="O4077">
        <v>20696.516</v>
      </c>
      <c r="P4077">
        <v>36622.529000000002</v>
      </c>
      <c r="Q4077">
        <v>93603.182570000004</v>
      </c>
      <c r="R4077">
        <v>20634.691129999999</v>
      </c>
      <c r="S4077">
        <v>87944.742710000006</v>
      </c>
      <c r="T4077">
        <v>29103.51137</v>
      </c>
      <c r="U4077">
        <v>14066.25677</v>
      </c>
      <c r="W4077" s="83">
        <f>Bühler!N4109</f>
        <v>45461.791666656783</v>
      </c>
      <c r="X4077" s="83">
        <v>43270.791666666664</v>
      </c>
      <c r="Y4077">
        <v>262670.53149999998</v>
      </c>
      <c r="Z4077">
        <v>24063.211190000002</v>
      </c>
      <c r="AA4077">
        <v>83253.376900000003</v>
      </c>
      <c r="AB4077">
        <v>40074.89733</v>
      </c>
      <c r="AC4077">
        <v>40460.27794</v>
      </c>
      <c r="AD4077">
        <v>32267.330089999999</v>
      </c>
      <c r="AE4077">
        <v>42824.046369999996</v>
      </c>
      <c r="AF4077">
        <v>51092.373489999998</v>
      </c>
      <c r="AG4077">
        <v>27455.0648</v>
      </c>
      <c r="AH4077">
        <v>327357.06199999998</v>
      </c>
      <c r="AI4077">
        <v>79965.297300000006</v>
      </c>
      <c r="AJ4077">
        <v>20696.516</v>
      </c>
      <c r="AK4077">
        <v>36622.529000000002</v>
      </c>
      <c r="AL4077">
        <v>93603.182570000004</v>
      </c>
      <c r="AM4077">
        <v>20634.691129999999</v>
      </c>
      <c r="AN4077">
        <v>87944.742710000006</v>
      </c>
      <c r="AO4077">
        <v>29103.51137</v>
      </c>
      <c r="AP4077">
        <v>14066.25677</v>
      </c>
    </row>
    <row r="4078" spans="2:42" x14ac:dyDescent="0.3">
      <c r="B4078">
        <v>62.216926743176032</v>
      </c>
      <c r="C4078" s="83">
        <v>43270.833333333336</v>
      </c>
      <c r="D4078">
        <v>253912.90650000001</v>
      </c>
      <c r="E4078">
        <v>17950.56811</v>
      </c>
      <c r="F4078">
        <v>65653.021030000004</v>
      </c>
      <c r="G4078">
        <v>36196.353739999999</v>
      </c>
      <c r="H4078">
        <v>37548.586159999999</v>
      </c>
      <c r="I4078">
        <v>29034.36376</v>
      </c>
      <c r="J4078">
        <v>41508.868750000001</v>
      </c>
      <c r="K4078">
        <v>51324.347529999999</v>
      </c>
      <c r="L4078">
        <v>26851.330330000001</v>
      </c>
      <c r="M4078">
        <v>317210.9069</v>
      </c>
      <c r="N4078">
        <v>76102.196840000004</v>
      </c>
      <c r="O4078">
        <v>19734.540359999999</v>
      </c>
      <c r="P4078">
        <v>35809.872660000001</v>
      </c>
      <c r="Q4078">
        <v>89937.574030000003</v>
      </c>
      <c r="R4078">
        <v>19224.78788</v>
      </c>
      <c r="S4078">
        <v>80563.699219999995</v>
      </c>
      <c r="T4078">
        <v>27665.082630000001</v>
      </c>
      <c r="U4078">
        <v>13622.60118</v>
      </c>
      <c r="W4078" s="83">
        <f>Bühler!N4110</f>
        <v>45461.833333323448</v>
      </c>
      <c r="X4078" s="83">
        <v>43270.833333333336</v>
      </c>
      <c r="Y4078">
        <v>253912.90650000001</v>
      </c>
      <c r="Z4078">
        <v>17950.56811</v>
      </c>
      <c r="AA4078">
        <v>65653.021030000004</v>
      </c>
      <c r="AB4078">
        <v>36196.353739999999</v>
      </c>
      <c r="AC4078">
        <v>37548.586159999999</v>
      </c>
      <c r="AD4078">
        <v>29034.36376</v>
      </c>
      <c r="AE4078">
        <v>41508.868750000001</v>
      </c>
      <c r="AF4078">
        <v>51324.347529999999</v>
      </c>
      <c r="AG4078">
        <v>26851.330330000001</v>
      </c>
      <c r="AH4078">
        <v>317210.9069</v>
      </c>
      <c r="AI4078">
        <v>76102.196840000004</v>
      </c>
      <c r="AJ4078">
        <v>19734.540359999999</v>
      </c>
      <c r="AK4078">
        <v>35809.872660000001</v>
      </c>
      <c r="AL4078">
        <v>89937.574030000003</v>
      </c>
      <c r="AM4078">
        <v>19224.78788</v>
      </c>
      <c r="AN4078">
        <v>80563.699219999995</v>
      </c>
      <c r="AO4078">
        <v>27665.082630000001</v>
      </c>
      <c r="AP4078">
        <v>13622.60118</v>
      </c>
    </row>
    <row r="4079" spans="2:42" x14ac:dyDescent="0.3">
      <c r="B4079">
        <v>60.625240075909083</v>
      </c>
      <c r="C4079" s="83">
        <v>43270.875</v>
      </c>
      <c r="D4079">
        <v>245421.05540000001</v>
      </c>
      <c r="E4079">
        <v>15189.11327</v>
      </c>
      <c r="F4079">
        <v>57835.683579999997</v>
      </c>
      <c r="G4079">
        <v>34511.499559999997</v>
      </c>
      <c r="H4079">
        <v>35562.182050000003</v>
      </c>
      <c r="I4079">
        <v>25342.961309999999</v>
      </c>
      <c r="J4079">
        <v>40893.910230000001</v>
      </c>
      <c r="K4079">
        <v>50535.406089999997</v>
      </c>
      <c r="L4079">
        <v>25349.720809999999</v>
      </c>
      <c r="M4079">
        <v>309095.74599999998</v>
      </c>
      <c r="N4079">
        <v>74449.585200000001</v>
      </c>
      <c r="O4079">
        <v>18539.816699999999</v>
      </c>
      <c r="P4079">
        <v>34615.576009999997</v>
      </c>
      <c r="Q4079">
        <v>87752.292939999999</v>
      </c>
      <c r="R4079">
        <v>18591.798569999999</v>
      </c>
      <c r="S4079">
        <v>76694.532460000002</v>
      </c>
      <c r="T4079">
        <v>25437.93075</v>
      </c>
      <c r="U4079">
        <v>12477.162319999999</v>
      </c>
      <c r="W4079" s="83">
        <f>Bühler!N4111</f>
        <v>45461.874999990112</v>
      </c>
      <c r="X4079" s="83">
        <v>43270.875</v>
      </c>
      <c r="Y4079">
        <v>245421.05540000001</v>
      </c>
      <c r="Z4079">
        <v>15189.11327</v>
      </c>
      <c r="AA4079">
        <v>57835.683579999997</v>
      </c>
      <c r="AB4079">
        <v>34511.499559999997</v>
      </c>
      <c r="AC4079">
        <v>35562.182050000003</v>
      </c>
      <c r="AD4079">
        <v>25342.961309999999</v>
      </c>
      <c r="AE4079">
        <v>40893.910230000001</v>
      </c>
      <c r="AF4079">
        <v>50535.406089999997</v>
      </c>
      <c r="AG4079">
        <v>25349.720809999999</v>
      </c>
      <c r="AH4079">
        <v>309095.74599999998</v>
      </c>
      <c r="AI4079">
        <v>74449.585200000001</v>
      </c>
      <c r="AJ4079">
        <v>18539.816699999999</v>
      </c>
      <c r="AK4079">
        <v>34615.576009999997</v>
      </c>
      <c r="AL4079">
        <v>87752.292939999999</v>
      </c>
      <c r="AM4079">
        <v>18591.798569999999</v>
      </c>
      <c r="AN4079">
        <v>76694.532460000002</v>
      </c>
      <c r="AO4079">
        <v>25437.93075</v>
      </c>
      <c r="AP4079">
        <v>12477.162319999999</v>
      </c>
    </row>
    <row r="4080" spans="2:42" x14ac:dyDescent="0.3">
      <c r="B4080">
        <v>60.177532540563377</v>
      </c>
      <c r="C4080" s="83">
        <v>43270.916666666664</v>
      </c>
      <c r="D4080">
        <v>243999.08439999999</v>
      </c>
      <c r="E4080">
        <v>14600.504220000001</v>
      </c>
      <c r="F4080">
        <v>55387.27016</v>
      </c>
      <c r="G4080">
        <v>34027.305419999997</v>
      </c>
      <c r="H4080">
        <v>36629.613850000002</v>
      </c>
      <c r="I4080">
        <v>23878.287469999999</v>
      </c>
      <c r="J4080">
        <v>40791.678780000002</v>
      </c>
      <c r="K4080">
        <v>53938.734389999998</v>
      </c>
      <c r="L4080">
        <v>23623.92901</v>
      </c>
      <c r="M4080">
        <v>306813.12420000002</v>
      </c>
      <c r="N4080">
        <v>73472.150469999993</v>
      </c>
      <c r="O4080">
        <v>18186.022359999999</v>
      </c>
      <c r="P4080">
        <v>36758.74712</v>
      </c>
      <c r="Q4080">
        <v>86245.83541</v>
      </c>
      <c r="R4080">
        <v>19486.10815</v>
      </c>
      <c r="S4080">
        <v>76561.988500000007</v>
      </c>
      <c r="T4080">
        <v>22580.567060000001</v>
      </c>
      <c r="U4080">
        <v>13177.417530000001</v>
      </c>
      <c r="W4080" s="83">
        <f>Bühler!N4112</f>
        <v>45461.916666656776</v>
      </c>
      <c r="X4080" s="83">
        <v>43270.916666666664</v>
      </c>
      <c r="Y4080">
        <v>243999.08439999999</v>
      </c>
      <c r="Z4080">
        <v>14600.504220000001</v>
      </c>
      <c r="AA4080">
        <v>55387.27016</v>
      </c>
      <c r="AB4080">
        <v>34027.305419999997</v>
      </c>
      <c r="AC4080">
        <v>36629.613850000002</v>
      </c>
      <c r="AD4080">
        <v>23878.287469999999</v>
      </c>
      <c r="AE4080">
        <v>40791.678780000002</v>
      </c>
      <c r="AF4080">
        <v>53938.734389999998</v>
      </c>
      <c r="AG4080">
        <v>23623.92901</v>
      </c>
      <c r="AH4080">
        <v>306813.12420000002</v>
      </c>
      <c r="AI4080">
        <v>73472.150469999993</v>
      </c>
      <c r="AJ4080">
        <v>18186.022359999999</v>
      </c>
      <c r="AK4080">
        <v>36758.74712</v>
      </c>
      <c r="AL4080">
        <v>86245.83541</v>
      </c>
      <c r="AM4080">
        <v>19486.10815</v>
      </c>
      <c r="AN4080">
        <v>76561.988500000007</v>
      </c>
      <c r="AO4080">
        <v>22580.567060000001</v>
      </c>
      <c r="AP4080">
        <v>13177.417530000001</v>
      </c>
    </row>
    <row r="4081" spans="2:42" x14ac:dyDescent="0.3">
      <c r="B4081">
        <v>59.92537027964574</v>
      </c>
      <c r="C4081" s="83">
        <v>43270.958333333336</v>
      </c>
      <c r="D4081">
        <v>245382.4099</v>
      </c>
      <c r="E4081">
        <v>13854.740379999999</v>
      </c>
      <c r="F4081">
        <v>53831.36088</v>
      </c>
      <c r="G4081">
        <v>33523.84923</v>
      </c>
      <c r="H4081">
        <v>35894.847909999997</v>
      </c>
      <c r="I4081">
        <v>22704.471610000001</v>
      </c>
      <c r="J4081">
        <v>37107.020960000002</v>
      </c>
      <c r="K4081">
        <v>51989.075850000001</v>
      </c>
      <c r="L4081">
        <v>20602.444210000001</v>
      </c>
      <c r="M4081">
        <v>305527.48340000003</v>
      </c>
      <c r="N4081">
        <v>72159.2304</v>
      </c>
      <c r="O4081">
        <v>17532.647089999999</v>
      </c>
      <c r="P4081">
        <v>32012.156299999999</v>
      </c>
      <c r="Q4081">
        <v>84908.303310000003</v>
      </c>
      <c r="R4081">
        <v>20296.980589999999</v>
      </c>
      <c r="S4081">
        <v>75151.659090000001</v>
      </c>
      <c r="T4081">
        <v>20171.122530000001</v>
      </c>
      <c r="U4081">
        <v>13254.08322</v>
      </c>
      <c r="W4081" s="83">
        <f>Bühler!N4113</f>
        <v>45461.95833332344</v>
      </c>
      <c r="X4081" s="83">
        <v>43270.958333333336</v>
      </c>
      <c r="Y4081">
        <v>245382.4099</v>
      </c>
      <c r="Z4081">
        <v>13854.740379999999</v>
      </c>
      <c r="AA4081">
        <v>53831.36088</v>
      </c>
      <c r="AB4081">
        <v>33523.84923</v>
      </c>
      <c r="AC4081">
        <v>35894.847909999997</v>
      </c>
      <c r="AD4081">
        <v>22704.471610000001</v>
      </c>
      <c r="AE4081">
        <v>37107.020960000002</v>
      </c>
      <c r="AF4081">
        <v>51989.075850000001</v>
      </c>
      <c r="AG4081">
        <v>20602.444210000001</v>
      </c>
      <c r="AH4081">
        <v>305527.48340000003</v>
      </c>
      <c r="AI4081">
        <v>72159.2304</v>
      </c>
      <c r="AJ4081">
        <v>17532.647089999999</v>
      </c>
      <c r="AK4081">
        <v>32012.156299999999</v>
      </c>
      <c r="AL4081">
        <v>84908.303310000003</v>
      </c>
      <c r="AM4081">
        <v>20296.980589999999</v>
      </c>
      <c r="AN4081">
        <v>75151.659090000001</v>
      </c>
      <c r="AO4081">
        <v>20171.122530000001</v>
      </c>
      <c r="AP4081">
        <v>13254.08322</v>
      </c>
    </row>
    <row r="4082" spans="2:42" x14ac:dyDescent="0.3">
      <c r="B4082">
        <v>58.560629133324639</v>
      </c>
      <c r="C4082" s="83">
        <v>43271</v>
      </c>
      <c r="D4082">
        <v>243649.31400000001</v>
      </c>
      <c r="E4082">
        <v>13317.95019</v>
      </c>
      <c r="F4082">
        <v>52472.144110000001</v>
      </c>
      <c r="G4082">
        <v>32949.013709999999</v>
      </c>
      <c r="H4082">
        <v>35031.217799999999</v>
      </c>
      <c r="I4082">
        <v>20785.264360000001</v>
      </c>
      <c r="J4082">
        <v>34314.364860000001</v>
      </c>
      <c r="K4082">
        <v>49727.813020000001</v>
      </c>
      <c r="L4082">
        <v>18389.074339999999</v>
      </c>
      <c r="M4082">
        <v>298569.39659999998</v>
      </c>
      <c r="N4082">
        <v>71011.209510000001</v>
      </c>
      <c r="O4082">
        <v>17233.346450000001</v>
      </c>
      <c r="P4082">
        <v>28663.04839</v>
      </c>
      <c r="Q4082">
        <v>84014.908049999998</v>
      </c>
      <c r="R4082">
        <v>16454.78011</v>
      </c>
      <c r="S4082">
        <v>73697.322950000002</v>
      </c>
      <c r="T4082">
        <v>19017.408490000002</v>
      </c>
      <c r="U4082">
        <v>12521.01821</v>
      </c>
      <c r="W4082" s="83">
        <f>Bühler!N4114</f>
        <v>45461.999999990105</v>
      </c>
      <c r="X4082" s="83">
        <v>43271</v>
      </c>
      <c r="Y4082">
        <v>243649.31400000001</v>
      </c>
      <c r="Z4082">
        <v>13317.95019</v>
      </c>
      <c r="AA4082">
        <v>52472.144110000001</v>
      </c>
      <c r="AB4082">
        <v>32949.013709999999</v>
      </c>
      <c r="AC4082">
        <v>35031.217799999999</v>
      </c>
      <c r="AD4082">
        <v>20785.264360000001</v>
      </c>
      <c r="AE4082">
        <v>34314.364860000001</v>
      </c>
      <c r="AF4082">
        <v>49727.813020000001</v>
      </c>
      <c r="AG4082">
        <v>18389.074339999999</v>
      </c>
      <c r="AH4082">
        <v>298569.39659999998</v>
      </c>
      <c r="AI4082">
        <v>71011.209510000001</v>
      </c>
      <c r="AJ4082">
        <v>17233.346450000001</v>
      </c>
      <c r="AK4082">
        <v>28663.04839</v>
      </c>
      <c r="AL4082">
        <v>84014.908049999998</v>
      </c>
      <c r="AM4082">
        <v>16454.78011</v>
      </c>
      <c r="AN4082">
        <v>73697.322950000002</v>
      </c>
      <c r="AO4082">
        <v>19017.408490000002</v>
      </c>
      <c r="AP4082">
        <v>12521.01821</v>
      </c>
    </row>
    <row r="4083" spans="2:42" x14ac:dyDescent="0.3">
      <c r="B4083">
        <v>58.27515263855549</v>
      </c>
      <c r="C4083" s="83">
        <v>43271.041666666664</v>
      </c>
      <c r="D4083">
        <v>241293.7775</v>
      </c>
      <c r="E4083">
        <v>13138.10491</v>
      </c>
      <c r="F4083">
        <v>51383.761780000001</v>
      </c>
      <c r="G4083">
        <v>31963.010249999999</v>
      </c>
      <c r="H4083">
        <v>34245.593869999997</v>
      </c>
      <c r="I4083">
        <v>16829.790120000001</v>
      </c>
      <c r="J4083">
        <v>33081.205430000002</v>
      </c>
      <c r="K4083">
        <v>48163.497389999997</v>
      </c>
      <c r="L4083">
        <v>17128.945380000001</v>
      </c>
      <c r="M4083">
        <v>297113.90429999999</v>
      </c>
      <c r="N4083">
        <v>69000.638229999997</v>
      </c>
      <c r="O4083">
        <v>16948.964120000001</v>
      </c>
      <c r="P4083">
        <v>25797.564689999999</v>
      </c>
      <c r="Q4083">
        <v>84022.559670000002</v>
      </c>
      <c r="R4083">
        <v>14491.447270000001</v>
      </c>
      <c r="S4083">
        <v>72248.468330000003</v>
      </c>
      <c r="T4083">
        <v>18336.415300000001</v>
      </c>
      <c r="U4083">
        <v>12180.863880000001</v>
      </c>
      <c r="W4083" s="83">
        <f>Bühler!N4115</f>
        <v>45462.041666656769</v>
      </c>
      <c r="X4083" s="83">
        <v>43271.041666666664</v>
      </c>
      <c r="Y4083">
        <v>241293.7775</v>
      </c>
      <c r="Z4083">
        <v>13138.10491</v>
      </c>
      <c r="AA4083">
        <v>51383.761780000001</v>
      </c>
      <c r="AB4083">
        <v>31963.010249999999</v>
      </c>
      <c r="AC4083">
        <v>34245.593869999997</v>
      </c>
      <c r="AD4083">
        <v>16829.790120000001</v>
      </c>
      <c r="AE4083">
        <v>33081.205430000002</v>
      </c>
      <c r="AF4083">
        <v>48163.497389999997</v>
      </c>
      <c r="AG4083">
        <v>17128.945380000001</v>
      </c>
      <c r="AH4083">
        <v>297113.90429999999</v>
      </c>
      <c r="AI4083">
        <v>69000.638229999997</v>
      </c>
      <c r="AJ4083">
        <v>16948.964120000001</v>
      </c>
      <c r="AK4083">
        <v>25797.564689999999</v>
      </c>
      <c r="AL4083">
        <v>84022.559670000002</v>
      </c>
      <c r="AM4083">
        <v>14491.447270000001</v>
      </c>
      <c r="AN4083">
        <v>72248.468330000003</v>
      </c>
      <c r="AO4083">
        <v>18336.415300000001</v>
      </c>
      <c r="AP4083">
        <v>12180.863880000001</v>
      </c>
    </row>
    <row r="4084" spans="2:42" x14ac:dyDescent="0.3">
      <c r="B4084">
        <v>58.720720530473479</v>
      </c>
      <c r="C4084" s="83">
        <v>43271.083333333336</v>
      </c>
      <c r="D4084">
        <v>243300.03020000001</v>
      </c>
      <c r="E4084">
        <v>12831.82166</v>
      </c>
      <c r="F4084">
        <v>52673.11724</v>
      </c>
      <c r="G4084">
        <v>31313.865610000001</v>
      </c>
      <c r="H4084">
        <v>33832.903660000004</v>
      </c>
      <c r="I4084">
        <v>15545.641799999999</v>
      </c>
      <c r="J4084">
        <v>32395.643339999999</v>
      </c>
      <c r="K4084">
        <v>46886.706919999997</v>
      </c>
      <c r="L4084">
        <v>16430.889790000001</v>
      </c>
      <c r="M4084">
        <v>299385.61719999998</v>
      </c>
      <c r="N4084">
        <v>67757.627909999996</v>
      </c>
      <c r="O4084">
        <v>16673.29738</v>
      </c>
      <c r="P4084">
        <v>25449.164929999999</v>
      </c>
      <c r="Q4084">
        <v>86863.448430000004</v>
      </c>
      <c r="R4084">
        <v>15203.63925</v>
      </c>
      <c r="S4084">
        <v>70992.408179999999</v>
      </c>
      <c r="T4084">
        <v>17929.587329999998</v>
      </c>
      <c r="U4084">
        <v>12460.28146</v>
      </c>
      <c r="W4084" s="83">
        <f>Bühler!N4116</f>
        <v>45462.083333323433</v>
      </c>
      <c r="X4084" s="83">
        <v>43271.083333333336</v>
      </c>
      <c r="Y4084">
        <v>243300.03020000001</v>
      </c>
      <c r="Z4084">
        <v>12831.82166</v>
      </c>
      <c r="AA4084">
        <v>52673.11724</v>
      </c>
      <c r="AB4084">
        <v>31313.865610000001</v>
      </c>
      <c r="AC4084">
        <v>33832.903660000004</v>
      </c>
      <c r="AD4084">
        <v>15545.641799999999</v>
      </c>
      <c r="AE4084">
        <v>32395.643339999999</v>
      </c>
      <c r="AF4084">
        <v>46886.706919999997</v>
      </c>
      <c r="AG4084">
        <v>16430.889790000001</v>
      </c>
      <c r="AH4084">
        <v>299385.61719999998</v>
      </c>
      <c r="AI4084">
        <v>67757.627909999996</v>
      </c>
      <c r="AJ4084">
        <v>16673.29738</v>
      </c>
      <c r="AK4084">
        <v>25449.164929999999</v>
      </c>
      <c r="AL4084">
        <v>86863.448430000004</v>
      </c>
      <c r="AM4084">
        <v>15203.63925</v>
      </c>
      <c r="AN4084">
        <v>70992.408179999999</v>
      </c>
      <c r="AO4084">
        <v>17929.587329999998</v>
      </c>
      <c r="AP4084">
        <v>12460.28146</v>
      </c>
    </row>
    <row r="4085" spans="2:42" x14ac:dyDescent="0.3">
      <c r="B4085">
        <v>59.485102275613173</v>
      </c>
      <c r="C4085" s="83">
        <v>43271.125</v>
      </c>
      <c r="D4085">
        <v>241850.08799999999</v>
      </c>
      <c r="E4085">
        <v>12858.66316</v>
      </c>
      <c r="F4085">
        <v>53381.804329999999</v>
      </c>
      <c r="G4085">
        <v>30626.290990000001</v>
      </c>
      <c r="H4085">
        <v>33736.47133</v>
      </c>
      <c r="I4085">
        <v>14976.1818</v>
      </c>
      <c r="J4085">
        <v>32594.15655</v>
      </c>
      <c r="K4085">
        <v>46333.022140000001</v>
      </c>
      <c r="L4085">
        <v>16066.93741</v>
      </c>
      <c r="M4085">
        <v>303282.79180000001</v>
      </c>
      <c r="N4085">
        <v>66848.095509999999</v>
      </c>
      <c r="O4085">
        <v>17012.65509</v>
      </c>
      <c r="P4085">
        <v>24093.451359999999</v>
      </c>
      <c r="Q4085">
        <v>89182.267779999995</v>
      </c>
      <c r="R4085">
        <v>14733.0766</v>
      </c>
      <c r="S4085">
        <v>70410.554879999996</v>
      </c>
      <c r="T4085">
        <v>17700.213049999998</v>
      </c>
      <c r="U4085">
        <v>11964.03125</v>
      </c>
      <c r="W4085" s="83">
        <f>Bühler!N4117</f>
        <v>45462.124999990097</v>
      </c>
      <c r="X4085" s="83">
        <v>43271.125</v>
      </c>
      <c r="Y4085">
        <v>241850.08799999999</v>
      </c>
      <c r="Z4085">
        <v>12858.66316</v>
      </c>
      <c r="AA4085">
        <v>53381.804329999999</v>
      </c>
      <c r="AB4085">
        <v>30626.290990000001</v>
      </c>
      <c r="AC4085">
        <v>33736.47133</v>
      </c>
      <c r="AD4085">
        <v>14976.1818</v>
      </c>
      <c r="AE4085">
        <v>32594.15655</v>
      </c>
      <c r="AF4085">
        <v>46333.022140000001</v>
      </c>
      <c r="AG4085">
        <v>16066.93741</v>
      </c>
      <c r="AH4085">
        <v>303282.79180000001</v>
      </c>
      <c r="AI4085">
        <v>66848.095509999999</v>
      </c>
      <c r="AJ4085">
        <v>17012.65509</v>
      </c>
      <c r="AK4085">
        <v>24093.451359999999</v>
      </c>
      <c r="AL4085">
        <v>89182.267779999995</v>
      </c>
      <c r="AM4085">
        <v>14733.0766</v>
      </c>
      <c r="AN4085">
        <v>70410.554879999996</v>
      </c>
      <c r="AO4085">
        <v>17700.213049999998</v>
      </c>
      <c r="AP4085">
        <v>11964.03125</v>
      </c>
    </row>
    <row r="4086" spans="2:42" x14ac:dyDescent="0.3">
      <c r="B4086">
        <v>60.622034464867689</v>
      </c>
      <c r="C4086" s="83">
        <v>43271.166666666664</v>
      </c>
      <c r="D4086">
        <v>244249.28229999999</v>
      </c>
      <c r="E4086">
        <v>13360.118270000001</v>
      </c>
      <c r="F4086">
        <v>56312.607349999998</v>
      </c>
      <c r="G4086">
        <v>30239.965459999999</v>
      </c>
      <c r="H4086">
        <v>34265.145400000001</v>
      </c>
      <c r="I4086">
        <v>15882.591630000001</v>
      </c>
      <c r="J4086">
        <v>34722.848510000003</v>
      </c>
      <c r="K4086">
        <v>45211.197370000002</v>
      </c>
      <c r="L4086">
        <v>16470.018759999999</v>
      </c>
      <c r="M4086">
        <v>309079.40230000002</v>
      </c>
      <c r="N4086">
        <v>67753.491089999996</v>
      </c>
      <c r="O4086">
        <v>17061.194650000001</v>
      </c>
      <c r="P4086">
        <v>23293.83596</v>
      </c>
      <c r="Q4086">
        <v>92665.597630000004</v>
      </c>
      <c r="R4086">
        <v>14796.576429999999</v>
      </c>
      <c r="S4086">
        <v>70765.447650000002</v>
      </c>
      <c r="T4086">
        <v>17829.894649999998</v>
      </c>
      <c r="U4086">
        <v>12325.378720000001</v>
      </c>
      <c r="W4086" s="83">
        <f>Bühler!N4118</f>
        <v>45462.166666656762</v>
      </c>
      <c r="X4086" s="83">
        <v>43271.166666666664</v>
      </c>
      <c r="Y4086">
        <v>244249.28229999999</v>
      </c>
      <c r="Z4086">
        <v>13360.118270000001</v>
      </c>
      <c r="AA4086">
        <v>56312.607349999998</v>
      </c>
      <c r="AB4086">
        <v>30239.965459999999</v>
      </c>
      <c r="AC4086">
        <v>34265.145400000001</v>
      </c>
      <c r="AD4086">
        <v>15882.591630000001</v>
      </c>
      <c r="AE4086">
        <v>34722.848510000003</v>
      </c>
      <c r="AF4086">
        <v>45211.197370000002</v>
      </c>
      <c r="AG4086">
        <v>16470.018759999999</v>
      </c>
      <c r="AH4086">
        <v>309079.40230000002</v>
      </c>
      <c r="AI4086">
        <v>67753.491089999996</v>
      </c>
      <c r="AJ4086">
        <v>17061.194650000001</v>
      </c>
      <c r="AK4086">
        <v>23293.83596</v>
      </c>
      <c r="AL4086">
        <v>92665.597630000004</v>
      </c>
      <c r="AM4086">
        <v>14796.576429999999</v>
      </c>
      <c r="AN4086">
        <v>70765.447650000002</v>
      </c>
      <c r="AO4086">
        <v>17829.894649999998</v>
      </c>
      <c r="AP4086">
        <v>12325.378720000001</v>
      </c>
    </row>
    <row r="4087" spans="2:42" x14ac:dyDescent="0.3">
      <c r="B4087">
        <v>62.468912558876681</v>
      </c>
      <c r="C4087" s="83">
        <v>43271.208333333336</v>
      </c>
      <c r="D4087">
        <v>256237.27669999999</v>
      </c>
      <c r="E4087">
        <v>15026.760130000001</v>
      </c>
      <c r="F4087">
        <v>65115.836600000002</v>
      </c>
      <c r="G4087">
        <v>31501.080290000002</v>
      </c>
      <c r="H4087">
        <v>35298.242919999997</v>
      </c>
      <c r="I4087">
        <v>22582.735779999999</v>
      </c>
      <c r="J4087">
        <v>37406.880949999999</v>
      </c>
      <c r="K4087">
        <v>46253.556640000003</v>
      </c>
      <c r="L4087">
        <v>17044.21038</v>
      </c>
      <c r="M4087">
        <v>318495.64809999999</v>
      </c>
      <c r="N4087">
        <v>66262.918189999997</v>
      </c>
      <c r="O4087">
        <v>18091.955679999999</v>
      </c>
      <c r="P4087">
        <v>24937.655330000001</v>
      </c>
      <c r="Q4087">
        <v>95199.773199999996</v>
      </c>
      <c r="R4087">
        <v>16617.48676</v>
      </c>
      <c r="S4087">
        <v>73112.506859999994</v>
      </c>
      <c r="T4087">
        <v>19033.946769999999</v>
      </c>
      <c r="U4087">
        <v>14124.42993</v>
      </c>
      <c r="W4087" s="83">
        <f>Bühler!N4119</f>
        <v>45462.208333323426</v>
      </c>
      <c r="X4087" s="83">
        <v>43271.208333333336</v>
      </c>
      <c r="Y4087">
        <v>256237.27669999999</v>
      </c>
      <c r="Z4087">
        <v>15026.760130000001</v>
      </c>
      <c r="AA4087">
        <v>65115.836600000002</v>
      </c>
      <c r="AB4087">
        <v>31501.080290000002</v>
      </c>
      <c r="AC4087">
        <v>35298.242919999997</v>
      </c>
      <c r="AD4087">
        <v>22582.735779999999</v>
      </c>
      <c r="AE4087">
        <v>37406.880949999999</v>
      </c>
      <c r="AF4087">
        <v>46253.556640000003</v>
      </c>
      <c r="AG4087">
        <v>17044.21038</v>
      </c>
      <c r="AH4087">
        <v>318495.64809999999</v>
      </c>
      <c r="AI4087">
        <v>66262.918189999997</v>
      </c>
      <c r="AJ4087">
        <v>18091.955679999999</v>
      </c>
      <c r="AK4087">
        <v>24937.655330000001</v>
      </c>
      <c r="AL4087">
        <v>95199.773199999996</v>
      </c>
      <c r="AM4087">
        <v>16617.48676</v>
      </c>
      <c r="AN4087">
        <v>73112.506859999994</v>
      </c>
      <c r="AO4087">
        <v>19033.946769999999</v>
      </c>
      <c r="AP4087">
        <v>14124.42993</v>
      </c>
    </row>
    <row r="4088" spans="2:42" x14ac:dyDescent="0.3">
      <c r="B4088">
        <v>65.171190906116962</v>
      </c>
      <c r="C4088" s="83">
        <v>43271.25</v>
      </c>
      <c r="D4088">
        <v>271161.3554</v>
      </c>
      <c r="E4088">
        <v>18548.351869999999</v>
      </c>
      <c r="F4088">
        <v>74867.992570000002</v>
      </c>
      <c r="G4088">
        <v>39882.116679999999</v>
      </c>
      <c r="H4088">
        <v>36981.231229999998</v>
      </c>
      <c r="I4088">
        <v>28987.728200000001</v>
      </c>
      <c r="J4088">
        <v>39649.283329999998</v>
      </c>
      <c r="K4088">
        <v>46971.640449999999</v>
      </c>
      <c r="L4088">
        <v>18011.336630000002</v>
      </c>
      <c r="M4088">
        <v>332273.12329999998</v>
      </c>
      <c r="N4088">
        <v>69096.472070000003</v>
      </c>
      <c r="O4088">
        <v>19372.777480000001</v>
      </c>
      <c r="P4088">
        <v>26260.677540000001</v>
      </c>
      <c r="Q4088">
        <v>96395.917239999995</v>
      </c>
      <c r="R4088">
        <v>16167.387360000001</v>
      </c>
      <c r="S4088">
        <v>79879.176720000003</v>
      </c>
      <c r="T4088">
        <v>20946.199929999999</v>
      </c>
      <c r="U4088">
        <v>16446.324130000001</v>
      </c>
      <c r="W4088" s="83">
        <f>Bühler!N4120</f>
        <v>45462.24999999009</v>
      </c>
      <c r="X4088" s="83">
        <v>43271.25</v>
      </c>
      <c r="Y4088">
        <v>271161.3554</v>
      </c>
      <c r="Z4088">
        <v>18548.351869999999</v>
      </c>
      <c r="AA4088">
        <v>74867.992570000002</v>
      </c>
      <c r="AB4088">
        <v>39882.116679999999</v>
      </c>
      <c r="AC4088">
        <v>36981.231229999998</v>
      </c>
      <c r="AD4088">
        <v>28987.728200000001</v>
      </c>
      <c r="AE4088">
        <v>39649.283329999998</v>
      </c>
      <c r="AF4088">
        <v>46971.640449999999</v>
      </c>
      <c r="AG4088">
        <v>18011.336630000002</v>
      </c>
      <c r="AH4088">
        <v>332273.12329999998</v>
      </c>
      <c r="AI4088">
        <v>69096.472070000003</v>
      </c>
      <c r="AJ4088">
        <v>19372.777480000001</v>
      </c>
      <c r="AK4088">
        <v>26260.677540000001</v>
      </c>
      <c r="AL4088">
        <v>96395.917239999995</v>
      </c>
      <c r="AM4088">
        <v>16167.387360000001</v>
      </c>
      <c r="AN4088">
        <v>79879.176720000003</v>
      </c>
      <c r="AO4088">
        <v>20946.199929999999</v>
      </c>
      <c r="AP4088">
        <v>16446.324130000001</v>
      </c>
    </row>
    <row r="4089" spans="2:42" x14ac:dyDescent="0.3">
      <c r="B4089">
        <v>67.454665194099505</v>
      </c>
      <c r="C4089" s="83">
        <v>43271.291666666664</v>
      </c>
      <c r="D4089">
        <v>283017.98139999999</v>
      </c>
      <c r="E4089">
        <v>23336.836759999998</v>
      </c>
      <c r="F4089">
        <v>79338.53486</v>
      </c>
      <c r="G4089">
        <v>48048.583700000003</v>
      </c>
      <c r="H4089">
        <v>42500.887000000002</v>
      </c>
      <c r="I4089">
        <v>35709.822110000001</v>
      </c>
      <c r="J4089">
        <v>41858.796990000003</v>
      </c>
      <c r="K4089">
        <v>53074.979140000003</v>
      </c>
      <c r="L4089">
        <v>20564.65148</v>
      </c>
      <c r="M4089">
        <v>343915.34009999997</v>
      </c>
      <c r="N4089">
        <v>74443.514509999994</v>
      </c>
      <c r="O4089">
        <v>21299.633020000001</v>
      </c>
      <c r="P4089">
        <v>30399.704320000001</v>
      </c>
      <c r="Q4089">
        <v>96351.48547</v>
      </c>
      <c r="R4089">
        <v>17835.131839999998</v>
      </c>
      <c r="S4089">
        <v>94500.118860000002</v>
      </c>
      <c r="T4089">
        <v>24612.025870000001</v>
      </c>
      <c r="U4089">
        <v>20300.080689999999</v>
      </c>
      <c r="W4089" s="83">
        <f>Bühler!N4121</f>
        <v>45462.291666656754</v>
      </c>
      <c r="X4089" s="83">
        <v>43271.291666666664</v>
      </c>
      <c r="Y4089">
        <v>283017.98139999999</v>
      </c>
      <c r="Z4089">
        <v>23336.836759999998</v>
      </c>
      <c r="AA4089">
        <v>79338.53486</v>
      </c>
      <c r="AB4089">
        <v>48048.583700000003</v>
      </c>
      <c r="AC4089">
        <v>42500.887000000002</v>
      </c>
      <c r="AD4089">
        <v>35709.822110000001</v>
      </c>
      <c r="AE4089">
        <v>41858.796990000003</v>
      </c>
      <c r="AF4089">
        <v>53074.979140000003</v>
      </c>
      <c r="AG4089">
        <v>20564.65148</v>
      </c>
      <c r="AH4089">
        <v>343915.34009999997</v>
      </c>
      <c r="AI4089">
        <v>74443.514509999994</v>
      </c>
      <c r="AJ4089">
        <v>21299.633020000001</v>
      </c>
      <c r="AK4089">
        <v>30399.704320000001</v>
      </c>
      <c r="AL4089">
        <v>96351.48547</v>
      </c>
      <c r="AM4089">
        <v>17835.131839999998</v>
      </c>
      <c r="AN4089">
        <v>94500.118860000002</v>
      </c>
      <c r="AO4089">
        <v>24612.025870000001</v>
      </c>
      <c r="AP4089">
        <v>20300.080689999999</v>
      </c>
    </row>
    <row r="4090" spans="2:42" x14ac:dyDescent="0.3">
      <c r="B4090">
        <v>69.271117648397322</v>
      </c>
      <c r="C4090" s="83">
        <v>43271.333333333336</v>
      </c>
      <c r="D4090">
        <v>294421.92959999997</v>
      </c>
      <c r="E4090">
        <v>28600.95203</v>
      </c>
      <c r="F4090">
        <v>86918.604189999998</v>
      </c>
      <c r="G4090">
        <v>57720.136989999999</v>
      </c>
      <c r="H4090">
        <v>47340.737760000004</v>
      </c>
      <c r="I4090">
        <v>37704.286090000001</v>
      </c>
      <c r="J4090">
        <v>44709.628479999999</v>
      </c>
      <c r="K4090">
        <v>59283.460180000002</v>
      </c>
      <c r="L4090">
        <v>24071.31956</v>
      </c>
      <c r="M4090">
        <v>353176.46179999999</v>
      </c>
      <c r="N4090">
        <v>81389.453179999997</v>
      </c>
      <c r="O4090">
        <v>23393.091059999999</v>
      </c>
      <c r="P4090">
        <v>32904.363850000002</v>
      </c>
      <c r="Q4090">
        <v>97735.883589999998</v>
      </c>
      <c r="R4090">
        <v>19244.0373</v>
      </c>
      <c r="S4090">
        <v>106727.9261</v>
      </c>
      <c r="T4090">
        <v>27834.057769999999</v>
      </c>
      <c r="U4090">
        <v>23610.336770000002</v>
      </c>
      <c r="W4090" s="83">
        <f>Bühler!N4122</f>
        <v>45462.333333323419</v>
      </c>
      <c r="X4090" s="83">
        <v>43271.333333333336</v>
      </c>
      <c r="Y4090">
        <v>294421.92959999997</v>
      </c>
      <c r="Z4090">
        <v>28600.95203</v>
      </c>
      <c r="AA4090">
        <v>86918.604189999998</v>
      </c>
      <c r="AB4090">
        <v>57720.136989999999</v>
      </c>
      <c r="AC4090">
        <v>47340.737760000004</v>
      </c>
      <c r="AD4090">
        <v>37704.286090000001</v>
      </c>
      <c r="AE4090">
        <v>44709.628479999999</v>
      </c>
      <c r="AF4090">
        <v>59283.460180000002</v>
      </c>
      <c r="AG4090">
        <v>24071.31956</v>
      </c>
      <c r="AH4090">
        <v>353176.46179999999</v>
      </c>
      <c r="AI4090">
        <v>81389.453179999997</v>
      </c>
      <c r="AJ4090">
        <v>23393.091059999999</v>
      </c>
      <c r="AK4090">
        <v>32904.363850000002</v>
      </c>
      <c r="AL4090">
        <v>97735.883589999998</v>
      </c>
      <c r="AM4090">
        <v>19244.0373</v>
      </c>
      <c r="AN4090">
        <v>106727.9261</v>
      </c>
      <c r="AO4090">
        <v>27834.057769999999</v>
      </c>
      <c r="AP4090">
        <v>23610.336770000002</v>
      </c>
    </row>
    <row r="4091" spans="2:42" x14ac:dyDescent="0.3">
      <c r="B4091">
        <v>69.801482883477561</v>
      </c>
      <c r="C4091" s="83">
        <v>43271.375</v>
      </c>
      <c r="D4091">
        <v>296881.70370000001</v>
      </c>
      <c r="E4091">
        <v>33095.673629999998</v>
      </c>
      <c r="F4091">
        <v>94651.431150000004</v>
      </c>
      <c r="G4091">
        <v>65302.975010000002</v>
      </c>
      <c r="H4091">
        <v>50160.104619999998</v>
      </c>
      <c r="I4091">
        <v>36817.811269999998</v>
      </c>
      <c r="J4091">
        <v>45842.13177</v>
      </c>
      <c r="K4091">
        <v>62870.823069999999</v>
      </c>
      <c r="L4091">
        <v>27897.160039999999</v>
      </c>
      <c r="M4091">
        <v>355880.5111</v>
      </c>
      <c r="N4091">
        <v>85304.323999999993</v>
      </c>
      <c r="O4091">
        <v>24657.672839999999</v>
      </c>
      <c r="P4091">
        <v>35355.056080000002</v>
      </c>
      <c r="Q4091">
        <v>99356.83584</v>
      </c>
      <c r="R4091">
        <v>20566.289649999999</v>
      </c>
      <c r="S4091">
        <v>113248.3887</v>
      </c>
      <c r="T4091">
        <v>30469.766380000001</v>
      </c>
      <c r="U4091">
        <v>24060.869620000001</v>
      </c>
      <c r="W4091" s="83">
        <f>Bühler!N4123</f>
        <v>45462.374999990083</v>
      </c>
      <c r="X4091" s="83">
        <v>43271.375</v>
      </c>
      <c r="Y4091">
        <v>296881.70370000001</v>
      </c>
      <c r="Z4091">
        <v>33095.673629999998</v>
      </c>
      <c r="AA4091">
        <v>94651.431150000004</v>
      </c>
      <c r="AB4091">
        <v>65302.975010000002</v>
      </c>
      <c r="AC4091">
        <v>50160.104619999998</v>
      </c>
      <c r="AD4091">
        <v>36817.811269999998</v>
      </c>
      <c r="AE4091">
        <v>45842.13177</v>
      </c>
      <c r="AF4091">
        <v>62870.823069999999</v>
      </c>
      <c r="AG4091">
        <v>27897.160039999999</v>
      </c>
      <c r="AH4091">
        <v>355880.5111</v>
      </c>
      <c r="AI4091">
        <v>85304.323999999993</v>
      </c>
      <c r="AJ4091">
        <v>24657.672839999999</v>
      </c>
      <c r="AK4091">
        <v>35355.056080000002</v>
      </c>
      <c r="AL4091">
        <v>99356.83584</v>
      </c>
      <c r="AM4091">
        <v>20566.289649999999</v>
      </c>
      <c r="AN4091">
        <v>113248.3887</v>
      </c>
      <c r="AO4091">
        <v>30469.766380000001</v>
      </c>
      <c r="AP4091">
        <v>24060.869620000001</v>
      </c>
    </row>
    <row r="4092" spans="2:42" x14ac:dyDescent="0.3">
      <c r="B4092">
        <v>70.016133099169721</v>
      </c>
      <c r="C4092" s="83">
        <v>43271.416666666664</v>
      </c>
      <c r="D4092">
        <v>300360.46100000001</v>
      </c>
      <c r="E4092">
        <v>35522.9476</v>
      </c>
      <c r="F4092">
        <v>96798.559689999995</v>
      </c>
      <c r="G4092">
        <v>67772.614490000007</v>
      </c>
      <c r="H4092">
        <v>51343.774729999997</v>
      </c>
      <c r="I4092">
        <v>36111.420160000001</v>
      </c>
      <c r="J4092">
        <v>45876.899669999999</v>
      </c>
      <c r="K4092">
        <v>64215.79797</v>
      </c>
      <c r="L4092">
        <v>31482.55286</v>
      </c>
      <c r="M4092">
        <v>356974.89799999999</v>
      </c>
      <c r="N4092">
        <v>89698.914600000004</v>
      </c>
      <c r="O4092">
        <v>25804.255130000001</v>
      </c>
      <c r="P4092">
        <v>36753.436990000002</v>
      </c>
      <c r="Q4092">
        <v>101070.73729999999</v>
      </c>
      <c r="R4092">
        <v>21892.386439999998</v>
      </c>
      <c r="S4092">
        <v>115966.6857</v>
      </c>
      <c r="T4092">
        <v>32670.459200000001</v>
      </c>
      <c r="U4092">
        <v>23690.606599999999</v>
      </c>
      <c r="W4092" s="83">
        <f>Bühler!N4124</f>
        <v>45462.416666656747</v>
      </c>
      <c r="X4092" s="83">
        <v>43271.416666666664</v>
      </c>
      <c r="Y4092">
        <v>300360.46100000001</v>
      </c>
      <c r="Z4092">
        <v>35522.9476</v>
      </c>
      <c r="AA4092">
        <v>96798.559689999995</v>
      </c>
      <c r="AB4092">
        <v>67772.614490000007</v>
      </c>
      <c r="AC4092">
        <v>51343.774729999997</v>
      </c>
      <c r="AD4092">
        <v>36111.420160000001</v>
      </c>
      <c r="AE4092">
        <v>45876.899669999999</v>
      </c>
      <c r="AF4092">
        <v>64215.79797</v>
      </c>
      <c r="AG4092">
        <v>31482.55286</v>
      </c>
      <c r="AH4092">
        <v>356974.89799999999</v>
      </c>
      <c r="AI4092">
        <v>89698.914600000004</v>
      </c>
      <c r="AJ4092">
        <v>25804.255130000001</v>
      </c>
      <c r="AK4092">
        <v>36753.436990000002</v>
      </c>
      <c r="AL4092">
        <v>101070.73729999999</v>
      </c>
      <c r="AM4092">
        <v>21892.386439999998</v>
      </c>
      <c r="AN4092">
        <v>115966.6857</v>
      </c>
      <c r="AO4092">
        <v>32670.459200000001</v>
      </c>
      <c r="AP4092">
        <v>23690.606599999999</v>
      </c>
    </row>
    <row r="4093" spans="2:42" x14ac:dyDescent="0.3">
      <c r="B4093">
        <v>70.937465610741867</v>
      </c>
      <c r="C4093" s="83">
        <v>43271.458333333336</v>
      </c>
      <c r="D4093">
        <v>299935.1384</v>
      </c>
      <c r="E4093">
        <v>35530.71845</v>
      </c>
      <c r="F4093">
        <v>97963.221049999993</v>
      </c>
      <c r="G4093">
        <v>66864.778680000003</v>
      </c>
      <c r="H4093">
        <v>51123.270380000002</v>
      </c>
      <c r="I4093">
        <v>35632.327550000002</v>
      </c>
      <c r="J4093">
        <v>46608.398439999997</v>
      </c>
      <c r="K4093">
        <v>63769.094819999998</v>
      </c>
      <c r="L4093">
        <v>33057.026420000002</v>
      </c>
      <c r="M4093">
        <v>361672.28080000001</v>
      </c>
      <c r="N4093">
        <v>90483.951499999996</v>
      </c>
      <c r="O4093">
        <v>25610.36506</v>
      </c>
      <c r="P4093">
        <v>36162.94932</v>
      </c>
      <c r="Q4093">
        <v>102864.204</v>
      </c>
      <c r="R4093">
        <v>26212.567910000002</v>
      </c>
      <c r="S4093">
        <v>118533.5402</v>
      </c>
      <c r="T4093">
        <v>32482.71099</v>
      </c>
      <c r="U4093">
        <v>23271.747940000001</v>
      </c>
      <c r="W4093" s="83">
        <f>Bühler!N4125</f>
        <v>45462.458333323411</v>
      </c>
      <c r="X4093" s="83">
        <v>43271.458333333336</v>
      </c>
      <c r="Y4093">
        <v>299935.1384</v>
      </c>
      <c r="Z4093">
        <v>35530.71845</v>
      </c>
      <c r="AA4093">
        <v>97963.221049999993</v>
      </c>
      <c r="AB4093">
        <v>66864.778680000003</v>
      </c>
      <c r="AC4093">
        <v>51123.270380000002</v>
      </c>
      <c r="AD4093">
        <v>35632.327550000002</v>
      </c>
      <c r="AE4093">
        <v>46608.398439999997</v>
      </c>
      <c r="AF4093">
        <v>63769.094819999998</v>
      </c>
      <c r="AG4093">
        <v>33057.026420000002</v>
      </c>
      <c r="AH4093">
        <v>361672.28080000001</v>
      </c>
      <c r="AI4093">
        <v>90483.951499999996</v>
      </c>
      <c r="AJ4093">
        <v>25610.36506</v>
      </c>
      <c r="AK4093">
        <v>36162.94932</v>
      </c>
      <c r="AL4093">
        <v>102864.204</v>
      </c>
      <c r="AM4093">
        <v>26212.567910000002</v>
      </c>
      <c r="AN4093">
        <v>118533.5402</v>
      </c>
      <c r="AO4093">
        <v>32482.71099</v>
      </c>
      <c r="AP4093">
        <v>23271.747940000001</v>
      </c>
    </row>
    <row r="4094" spans="2:42" x14ac:dyDescent="0.3">
      <c r="B4094">
        <v>70.124873720920561</v>
      </c>
      <c r="C4094" s="83">
        <v>43271.5</v>
      </c>
      <c r="D4094">
        <v>289095.21669999999</v>
      </c>
      <c r="E4094">
        <v>32593.716359999999</v>
      </c>
      <c r="F4094">
        <v>93682.180319999999</v>
      </c>
      <c r="G4094">
        <v>64209.893920000002</v>
      </c>
      <c r="H4094">
        <v>49112.993130000003</v>
      </c>
      <c r="I4094">
        <v>35416.814469999998</v>
      </c>
      <c r="J4094">
        <v>47338.035750000003</v>
      </c>
      <c r="K4094">
        <v>61188.727610000002</v>
      </c>
      <c r="L4094">
        <v>35309.71632</v>
      </c>
      <c r="M4094">
        <v>357529.30839999998</v>
      </c>
      <c r="N4094">
        <v>88496.777140000006</v>
      </c>
      <c r="O4094">
        <v>25097.336940000001</v>
      </c>
      <c r="P4094">
        <v>37072.196150000003</v>
      </c>
      <c r="Q4094">
        <v>102999.5037</v>
      </c>
      <c r="R4094">
        <v>25261.315900000001</v>
      </c>
      <c r="S4094">
        <v>113637.56510000001</v>
      </c>
      <c r="T4094">
        <v>32465.440760000001</v>
      </c>
      <c r="U4094">
        <v>18512.717919999999</v>
      </c>
      <c r="W4094" s="83">
        <f>Bühler!N4126</f>
        <v>45462.499999990076</v>
      </c>
      <c r="X4094" s="83">
        <v>43271.5</v>
      </c>
      <c r="Y4094">
        <v>289095.21669999999</v>
      </c>
      <c r="Z4094">
        <v>32593.716359999999</v>
      </c>
      <c r="AA4094">
        <v>93682.180319999999</v>
      </c>
      <c r="AB4094">
        <v>64209.893920000002</v>
      </c>
      <c r="AC4094">
        <v>49112.993130000003</v>
      </c>
      <c r="AD4094">
        <v>35416.814469999998</v>
      </c>
      <c r="AE4094">
        <v>47338.035750000003</v>
      </c>
      <c r="AF4094">
        <v>61188.727610000002</v>
      </c>
      <c r="AG4094">
        <v>35309.71632</v>
      </c>
      <c r="AH4094">
        <v>357529.30839999998</v>
      </c>
      <c r="AI4094">
        <v>88496.777140000006</v>
      </c>
      <c r="AJ4094">
        <v>25097.336940000001</v>
      </c>
      <c r="AK4094">
        <v>37072.196150000003</v>
      </c>
      <c r="AL4094">
        <v>102999.5037</v>
      </c>
      <c r="AM4094">
        <v>25261.315900000001</v>
      </c>
      <c r="AN4094">
        <v>113637.56510000001</v>
      </c>
      <c r="AO4094">
        <v>32465.440760000001</v>
      </c>
      <c r="AP4094">
        <v>18512.717919999999</v>
      </c>
    </row>
    <row r="4095" spans="2:42" x14ac:dyDescent="0.3">
      <c r="B4095">
        <v>69.792931527623509</v>
      </c>
      <c r="C4095" s="83">
        <v>43271.541666666664</v>
      </c>
      <c r="D4095">
        <v>290822.47159999999</v>
      </c>
      <c r="E4095">
        <v>33232.172189999997</v>
      </c>
      <c r="F4095">
        <v>91369.637100000007</v>
      </c>
      <c r="G4095">
        <v>59369.459819999996</v>
      </c>
      <c r="H4095">
        <v>49921.556479999999</v>
      </c>
      <c r="I4095">
        <v>35403.948380000002</v>
      </c>
      <c r="J4095">
        <v>46616.832329999997</v>
      </c>
      <c r="K4095">
        <v>62439.645660000002</v>
      </c>
      <c r="L4095">
        <v>33982.208140000002</v>
      </c>
      <c r="M4095">
        <v>355836.91230000003</v>
      </c>
      <c r="N4095">
        <v>89080.476079999993</v>
      </c>
      <c r="O4095">
        <v>24864.03126</v>
      </c>
      <c r="P4095">
        <v>36375.916270000002</v>
      </c>
      <c r="Q4095">
        <v>101344.769</v>
      </c>
      <c r="R4095">
        <v>24631.605960000001</v>
      </c>
      <c r="S4095">
        <v>114581.065</v>
      </c>
      <c r="T4095">
        <v>32537.223859999998</v>
      </c>
      <c r="U4095">
        <v>21506.96285</v>
      </c>
      <c r="W4095" s="83">
        <f>Bühler!N4127</f>
        <v>45462.54166665674</v>
      </c>
      <c r="X4095" s="83">
        <v>43271.541666666664</v>
      </c>
      <c r="Y4095">
        <v>290822.47159999999</v>
      </c>
      <c r="Z4095">
        <v>33232.172189999997</v>
      </c>
      <c r="AA4095">
        <v>91369.637100000007</v>
      </c>
      <c r="AB4095">
        <v>59369.459819999996</v>
      </c>
      <c r="AC4095">
        <v>49921.556479999999</v>
      </c>
      <c r="AD4095">
        <v>35403.948380000002</v>
      </c>
      <c r="AE4095">
        <v>46616.832329999997</v>
      </c>
      <c r="AF4095">
        <v>62439.645660000002</v>
      </c>
      <c r="AG4095">
        <v>33982.208140000002</v>
      </c>
      <c r="AH4095">
        <v>355836.91230000003</v>
      </c>
      <c r="AI4095">
        <v>89080.476079999993</v>
      </c>
      <c r="AJ4095">
        <v>24864.03126</v>
      </c>
      <c r="AK4095">
        <v>36375.916270000002</v>
      </c>
      <c r="AL4095">
        <v>101344.769</v>
      </c>
      <c r="AM4095">
        <v>24631.605960000001</v>
      </c>
      <c r="AN4095">
        <v>114581.065</v>
      </c>
      <c r="AO4095">
        <v>32537.223859999998</v>
      </c>
      <c r="AP4095">
        <v>21506.96285</v>
      </c>
    </row>
    <row r="4096" spans="2:42" x14ac:dyDescent="0.3">
      <c r="B4096">
        <v>70.329903886834941</v>
      </c>
      <c r="C4096" s="83">
        <v>43271.583333333336</v>
      </c>
      <c r="D4096">
        <v>296440.19770000002</v>
      </c>
      <c r="E4096">
        <v>36658.77809</v>
      </c>
      <c r="F4096">
        <v>98535.905060000005</v>
      </c>
      <c r="G4096">
        <v>56813.008650000003</v>
      </c>
      <c r="H4096">
        <v>50194.953529999999</v>
      </c>
      <c r="I4096">
        <v>36022.320059999998</v>
      </c>
      <c r="J4096">
        <v>46711.489439999998</v>
      </c>
      <c r="K4096">
        <v>64912.293109999999</v>
      </c>
      <c r="L4096">
        <v>30940.471249999999</v>
      </c>
      <c r="M4096">
        <v>358574.64779999998</v>
      </c>
      <c r="N4096">
        <v>90590.220189999993</v>
      </c>
      <c r="O4096">
        <v>25279.731169999999</v>
      </c>
      <c r="P4096">
        <v>33001.54421</v>
      </c>
      <c r="Q4096">
        <v>100675.42049999999</v>
      </c>
      <c r="R4096">
        <v>23989.69197</v>
      </c>
      <c r="S4096">
        <v>110361.44</v>
      </c>
      <c r="T4096">
        <v>31668.657070000001</v>
      </c>
      <c r="U4096">
        <v>23017.564399999999</v>
      </c>
      <c r="W4096" s="83">
        <f>Bühler!N4128</f>
        <v>45462.583333323404</v>
      </c>
      <c r="X4096" s="83">
        <v>43271.583333333336</v>
      </c>
      <c r="Y4096">
        <v>296440.19770000002</v>
      </c>
      <c r="Z4096">
        <v>36658.77809</v>
      </c>
      <c r="AA4096">
        <v>98535.905060000005</v>
      </c>
      <c r="AB4096">
        <v>56813.008650000003</v>
      </c>
      <c r="AC4096">
        <v>50194.953529999999</v>
      </c>
      <c r="AD4096">
        <v>36022.320059999998</v>
      </c>
      <c r="AE4096">
        <v>46711.489439999998</v>
      </c>
      <c r="AF4096">
        <v>64912.293109999999</v>
      </c>
      <c r="AG4096">
        <v>30940.471249999999</v>
      </c>
      <c r="AH4096">
        <v>358574.64779999998</v>
      </c>
      <c r="AI4096">
        <v>90590.220189999993</v>
      </c>
      <c r="AJ4096">
        <v>25279.731169999999</v>
      </c>
      <c r="AK4096">
        <v>33001.54421</v>
      </c>
      <c r="AL4096">
        <v>100675.42049999999</v>
      </c>
      <c r="AM4096">
        <v>23989.69197</v>
      </c>
      <c r="AN4096">
        <v>110361.44</v>
      </c>
      <c r="AO4096">
        <v>31668.657070000001</v>
      </c>
      <c r="AP4096">
        <v>23017.564399999999</v>
      </c>
    </row>
    <row r="4097" spans="2:42" x14ac:dyDescent="0.3">
      <c r="B4097">
        <v>70.309333092998969</v>
      </c>
      <c r="C4097" s="83">
        <v>43271.625</v>
      </c>
      <c r="D4097">
        <v>296605.51899999997</v>
      </c>
      <c r="E4097">
        <v>36887.987999999998</v>
      </c>
      <c r="F4097">
        <v>101070.2913</v>
      </c>
      <c r="G4097">
        <v>55151.860699999997</v>
      </c>
      <c r="H4097">
        <v>49506.085720000003</v>
      </c>
      <c r="I4097">
        <v>36173.762929999997</v>
      </c>
      <c r="J4097">
        <v>46188.835509999997</v>
      </c>
      <c r="K4097">
        <v>63445.813889999998</v>
      </c>
      <c r="L4097">
        <v>27684.055</v>
      </c>
      <c r="M4097">
        <v>358469.7683</v>
      </c>
      <c r="N4097">
        <v>88876.444799999997</v>
      </c>
      <c r="O4097">
        <v>25146.315869999999</v>
      </c>
      <c r="P4097">
        <v>30561.935850000002</v>
      </c>
      <c r="Q4097">
        <v>100730.66740000001</v>
      </c>
      <c r="R4097">
        <v>24950.155210000001</v>
      </c>
      <c r="S4097">
        <v>108018.7585</v>
      </c>
      <c r="T4097">
        <v>31661.324820000002</v>
      </c>
      <c r="U4097">
        <v>21693.856390000001</v>
      </c>
      <c r="W4097" s="83">
        <f>Bühler!N4129</f>
        <v>45462.624999990068</v>
      </c>
      <c r="X4097" s="83">
        <v>43271.625</v>
      </c>
      <c r="Y4097">
        <v>296605.51899999997</v>
      </c>
      <c r="Z4097">
        <v>36887.987999999998</v>
      </c>
      <c r="AA4097">
        <v>101070.2913</v>
      </c>
      <c r="AB4097">
        <v>55151.860699999997</v>
      </c>
      <c r="AC4097">
        <v>49506.085720000003</v>
      </c>
      <c r="AD4097">
        <v>36173.762929999997</v>
      </c>
      <c r="AE4097">
        <v>46188.835509999997</v>
      </c>
      <c r="AF4097">
        <v>63445.813889999998</v>
      </c>
      <c r="AG4097">
        <v>27684.055</v>
      </c>
      <c r="AH4097">
        <v>358469.7683</v>
      </c>
      <c r="AI4097">
        <v>88876.444799999997</v>
      </c>
      <c r="AJ4097">
        <v>25146.315869999999</v>
      </c>
      <c r="AK4097">
        <v>30561.935850000002</v>
      </c>
      <c r="AL4097">
        <v>100730.66740000001</v>
      </c>
      <c r="AM4097">
        <v>24950.155210000001</v>
      </c>
      <c r="AN4097">
        <v>108018.7585</v>
      </c>
      <c r="AO4097">
        <v>31661.324820000002</v>
      </c>
      <c r="AP4097">
        <v>21693.856390000001</v>
      </c>
    </row>
    <row r="4098" spans="2:42" x14ac:dyDescent="0.3">
      <c r="B4098">
        <v>69.493445780814724</v>
      </c>
      <c r="C4098" s="83">
        <v>43271.666666666664</v>
      </c>
      <c r="D4098">
        <v>288678.57130000001</v>
      </c>
      <c r="E4098">
        <v>35958.001089999998</v>
      </c>
      <c r="F4098">
        <v>100230.51519999999</v>
      </c>
      <c r="G4098">
        <v>51981.118300000002</v>
      </c>
      <c r="H4098">
        <v>47985.764519999997</v>
      </c>
      <c r="I4098">
        <v>37357.320209999998</v>
      </c>
      <c r="J4098">
        <v>45922.764410000003</v>
      </c>
      <c r="K4098">
        <v>60126.51107</v>
      </c>
      <c r="L4098">
        <v>26685.224689999999</v>
      </c>
      <c r="M4098">
        <v>354309.99430000002</v>
      </c>
      <c r="N4098">
        <v>87656.68075</v>
      </c>
      <c r="O4098">
        <v>25025.252619999999</v>
      </c>
      <c r="P4098">
        <v>30022.850900000001</v>
      </c>
      <c r="Q4098">
        <v>100252.07520000001</v>
      </c>
      <c r="R4098">
        <v>24539.61175</v>
      </c>
      <c r="S4098">
        <v>106190.58930000001</v>
      </c>
      <c r="T4098">
        <v>31087.351999999999</v>
      </c>
      <c r="U4098">
        <v>19954.829229999999</v>
      </c>
      <c r="W4098" s="83">
        <f>Bühler!N4130</f>
        <v>45462.666666656733</v>
      </c>
      <c r="X4098" s="83">
        <v>43271.666666666664</v>
      </c>
      <c r="Y4098">
        <v>288678.57130000001</v>
      </c>
      <c r="Z4098">
        <v>35958.001089999998</v>
      </c>
      <c r="AA4098">
        <v>100230.51519999999</v>
      </c>
      <c r="AB4098">
        <v>51981.118300000002</v>
      </c>
      <c r="AC4098">
        <v>47985.764519999997</v>
      </c>
      <c r="AD4098">
        <v>37357.320209999998</v>
      </c>
      <c r="AE4098">
        <v>45922.764410000003</v>
      </c>
      <c r="AF4098">
        <v>60126.51107</v>
      </c>
      <c r="AG4098">
        <v>26685.224689999999</v>
      </c>
      <c r="AH4098">
        <v>354309.99430000002</v>
      </c>
      <c r="AI4098">
        <v>87656.68075</v>
      </c>
      <c r="AJ4098">
        <v>25025.252619999999</v>
      </c>
      <c r="AK4098">
        <v>30022.850900000001</v>
      </c>
      <c r="AL4098">
        <v>100252.07520000001</v>
      </c>
      <c r="AM4098">
        <v>24539.61175</v>
      </c>
      <c r="AN4098">
        <v>106190.58930000001</v>
      </c>
      <c r="AO4098">
        <v>31087.351999999999</v>
      </c>
      <c r="AP4098">
        <v>19954.829229999999</v>
      </c>
    </row>
    <row r="4099" spans="2:42" x14ac:dyDescent="0.3">
      <c r="B4099">
        <v>67.852575950772632</v>
      </c>
      <c r="C4099" s="83">
        <v>43271.708333333336</v>
      </c>
      <c r="D4099">
        <v>281000.8309</v>
      </c>
      <c r="E4099">
        <v>34030.758629999997</v>
      </c>
      <c r="F4099">
        <v>99395.287660000002</v>
      </c>
      <c r="G4099">
        <v>48821.976450000002</v>
      </c>
      <c r="H4099">
        <v>45458.949009999997</v>
      </c>
      <c r="I4099">
        <v>37436.709620000001</v>
      </c>
      <c r="J4099">
        <v>46376.222430000002</v>
      </c>
      <c r="K4099">
        <v>54293.38119</v>
      </c>
      <c r="L4099">
        <v>26481.135200000001</v>
      </c>
      <c r="M4099">
        <v>345944.0747</v>
      </c>
      <c r="N4099">
        <v>84718.246490000005</v>
      </c>
      <c r="O4099">
        <v>25210.821090000001</v>
      </c>
      <c r="P4099">
        <v>31541.087350000002</v>
      </c>
      <c r="Q4099">
        <v>98644.665859999994</v>
      </c>
      <c r="R4099">
        <v>24830.355780000002</v>
      </c>
      <c r="S4099">
        <v>102751.65459999999</v>
      </c>
      <c r="T4099">
        <v>30677.842919999999</v>
      </c>
      <c r="U4099">
        <v>17340.479220000001</v>
      </c>
      <c r="W4099" s="83">
        <f>Bühler!N4131</f>
        <v>45462.708333323397</v>
      </c>
      <c r="X4099" s="83">
        <v>43271.708333333336</v>
      </c>
      <c r="Y4099">
        <v>281000.8309</v>
      </c>
      <c r="Z4099">
        <v>34030.758629999997</v>
      </c>
      <c r="AA4099">
        <v>99395.287660000002</v>
      </c>
      <c r="AB4099">
        <v>48821.976450000002</v>
      </c>
      <c r="AC4099">
        <v>45458.949009999997</v>
      </c>
      <c r="AD4099">
        <v>37436.709620000001</v>
      </c>
      <c r="AE4099">
        <v>46376.222430000002</v>
      </c>
      <c r="AF4099">
        <v>54293.38119</v>
      </c>
      <c r="AG4099">
        <v>26481.135200000001</v>
      </c>
      <c r="AH4099">
        <v>345944.0747</v>
      </c>
      <c r="AI4099">
        <v>84718.246490000005</v>
      </c>
      <c r="AJ4099">
        <v>25210.821090000001</v>
      </c>
      <c r="AK4099">
        <v>31541.087350000002</v>
      </c>
      <c r="AL4099">
        <v>98644.665859999994</v>
      </c>
      <c r="AM4099">
        <v>24830.355780000002</v>
      </c>
      <c r="AN4099">
        <v>102751.65459999999</v>
      </c>
      <c r="AO4099">
        <v>30677.842919999999</v>
      </c>
      <c r="AP4099">
        <v>17340.479220000001</v>
      </c>
    </row>
    <row r="4100" spans="2:42" x14ac:dyDescent="0.3">
      <c r="B4100">
        <v>66.537686678123521</v>
      </c>
      <c r="C4100" s="83">
        <v>43271.75</v>
      </c>
      <c r="D4100">
        <v>274601.3982</v>
      </c>
      <c r="E4100">
        <v>30657.283479999998</v>
      </c>
      <c r="F4100">
        <v>96941.730209999994</v>
      </c>
      <c r="G4100">
        <v>44177.978159999999</v>
      </c>
      <c r="H4100">
        <v>43379.359259999997</v>
      </c>
      <c r="I4100">
        <v>36083.524649999999</v>
      </c>
      <c r="J4100">
        <v>45760.9905</v>
      </c>
      <c r="K4100">
        <v>52900.491439999998</v>
      </c>
      <c r="L4100">
        <v>27607.002039999999</v>
      </c>
      <c r="M4100">
        <v>339240.15600000002</v>
      </c>
      <c r="N4100">
        <v>82029.927490000002</v>
      </c>
      <c r="O4100">
        <v>23299.917239999999</v>
      </c>
      <c r="P4100">
        <v>34382.53213</v>
      </c>
      <c r="Q4100">
        <v>97716.357040000003</v>
      </c>
      <c r="R4100">
        <v>22763.277709999998</v>
      </c>
      <c r="S4100">
        <v>96298.420429999998</v>
      </c>
      <c r="T4100">
        <v>30069.733260000001</v>
      </c>
      <c r="U4100">
        <v>15638.88653</v>
      </c>
      <c r="W4100" s="83">
        <f>Bühler!N4132</f>
        <v>45462.749999990061</v>
      </c>
      <c r="X4100" s="83">
        <v>43271.75</v>
      </c>
      <c r="Y4100">
        <v>274601.3982</v>
      </c>
      <c r="Z4100">
        <v>30657.283479999998</v>
      </c>
      <c r="AA4100">
        <v>96941.730209999994</v>
      </c>
      <c r="AB4100">
        <v>44177.978159999999</v>
      </c>
      <c r="AC4100">
        <v>43379.359259999997</v>
      </c>
      <c r="AD4100">
        <v>36083.524649999999</v>
      </c>
      <c r="AE4100">
        <v>45760.9905</v>
      </c>
      <c r="AF4100">
        <v>52900.491439999998</v>
      </c>
      <c r="AG4100">
        <v>27607.002039999999</v>
      </c>
      <c r="AH4100">
        <v>339240.15600000002</v>
      </c>
      <c r="AI4100">
        <v>82029.927490000002</v>
      </c>
      <c r="AJ4100">
        <v>23299.917239999999</v>
      </c>
      <c r="AK4100">
        <v>34382.53213</v>
      </c>
      <c r="AL4100">
        <v>97716.357040000003</v>
      </c>
      <c r="AM4100">
        <v>22763.277709999998</v>
      </c>
      <c r="AN4100">
        <v>96298.420429999998</v>
      </c>
      <c r="AO4100">
        <v>30069.733260000001</v>
      </c>
      <c r="AP4100">
        <v>15638.88653</v>
      </c>
    </row>
    <row r="4101" spans="2:42" x14ac:dyDescent="0.3">
      <c r="B4101">
        <v>65.481101434896487</v>
      </c>
      <c r="C4101" s="83">
        <v>43271.791666666664</v>
      </c>
      <c r="D4101">
        <v>267222.53869999998</v>
      </c>
      <c r="E4101">
        <v>24797.23071</v>
      </c>
      <c r="F4101">
        <v>86666.752359999999</v>
      </c>
      <c r="G4101">
        <v>40086.015030000002</v>
      </c>
      <c r="H4101">
        <v>40724.335440000003</v>
      </c>
      <c r="I4101">
        <v>33165.254820000002</v>
      </c>
      <c r="J4101">
        <v>44392.826860000001</v>
      </c>
      <c r="K4101">
        <v>51853.454590000001</v>
      </c>
      <c r="L4101">
        <v>28670.990310000001</v>
      </c>
      <c r="M4101">
        <v>333853.19170000002</v>
      </c>
      <c r="N4101">
        <v>81572.020990000005</v>
      </c>
      <c r="O4101">
        <v>23154.27994</v>
      </c>
      <c r="P4101">
        <v>37200.555410000001</v>
      </c>
      <c r="Q4101">
        <v>94846.09981</v>
      </c>
      <c r="R4101">
        <v>21407.473290000002</v>
      </c>
      <c r="S4101">
        <v>91336.54363</v>
      </c>
      <c r="T4101">
        <v>29424.515029999999</v>
      </c>
      <c r="U4101">
        <v>14160.710359999999</v>
      </c>
      <c r="W4101" s="83">
        <f>Bühler!N4133</f>
        <v>45462.791666656725</v>
      </c>
      <c r="X4101" s="83">
        <v>43271.791666666664</v>
      </c>
      <c r="Y4101">
        <v>267222.53869999998</v>
      </c>
      <c r="Z4101">
        <v>24797.23071</v>
      </c>
      <c r="AA4101">
        <v>86666.752359999999</v>
      </c>
      <c r="AB4101">
        <v>40086.015030000002</v>
      </c>
      <c r="AC4101">
        <v>40724.335440000003</v>
      </c>
      <c r="AD4101">
        <v>33165.254820000002</v>
      </c>
      <c r="AE4101">
        <v>44392.826860000001</v>
      </c>
      <c r="AF4101">
        <v>51853.454590000001</v>
      </c>
      <c r="AG4101">
        <v>28670.990310000001</v>
      </c>
      <c r="AH4101">
        <v>333853.19170000002</v>
      </c>
      <c r="AI4101">
        <v>81572.020990000005</v>
      </c>
      <c r="AJ4101">
        <v>23154.27994</v>
      </c>
      <c r="AK4101">
        <v>37200.555410000001</v>
      </c>
      <c r="AL4101">
        <v>94846.09981</v>
      </c>
      <c r="AM4101">
        <v>21407.473290000002</v>
      </c>
      <c r="AN4101">
        <v>91336.54363</v>
      </c>
      <c r="AO4101">
        <v>29424.515029999999</v>
      </c>
      <c r="AP4101">
        <v>14160.710359999999</v>
      </c>
    </row>
    <row r="4102" spans="2:42" x14ac:dyDescent="0.3">
      <c r="B4102">
        <v>63.120835956438064</v>
      </c>
      <c r="C4102" s="83">
        <v>43271.833333333336</v>
      </c>
      <c r="D4102">
        <v>256678.978</v>
      </c>
      <c r="E4102">
        <v>18487.570169999999</v>
      </c>
      <c r="F4102">
        <v>67689.421990000003</v>
      </c>
      <c r="G4102">
        <v>35769.845359999999</v>
      </c>
      <c r="H4102">
        <v>37712.262779999997</v>
      </c>
      <c r="I4102">
        <v>29591.352360000001</v>
      </c>
      <c r="J4102">
        <v>42455.700369999999</v>
      </c>
      <c r="K4102">
        <v>51720.974600000001</v>
      </c>
      <c r="L4102">
        <v>27792.174609999998</v>
      </c>
      <c r="M4102">
        <v>321819.45760000002</v>
      </c>
      <c r="N4102">
        <v>78462.989480000004</v>
      </c>
      <c r="O4102">
        <v>21212.33843</v>
      </c>
      <c r="P4102">
        <v>36621.323049999999</v>
      </c>
      <c r="Q4102">
        <v>91751.181150000004</v>
      </c>
      <c r="R4102">
        <v>19774.57172</v>
      </c>
      <c r="S4102">
        <v>83369.287890000007</v>
      </c>
      <c r="T4102">
        <v>28167.872609999999</v>
      </c>
      <c r="U4102">
        <v>13076.702520000001</v>
      </c>
      <c r="W4102" s="83">
        <f>Bühler!N4134</f>
        <v>45462.83333332339</v>
      </c>
      <c r="X4102" s="83">
        <v>43271.833333333336</v>
      </c>
      <c r="Y4102">
        <v>256678.978</v>
      </c>
      <c r="Z4102">
        <v>18487.570169999999</v>
      </c>
      <c r="AA4102">
        <v>67689.421990000003</v>
      </c>
      <c r="AB4102">
        <v>35769.845359999999</v>
      </c>
      <c r="AC4102">
        <v>37712.262779999997</v>
      </c>
      <c r="AD4102">
        <v>29591.352360000001</v>
      </c>
      <c r="AE4102">
        <v>42455.700369999999</v>
      </c>
      <c r="AF4102">
        <v>51720.974600000001</v>
      </c>
      <c r="AG4102">
        <v>27792.174609999998</v>
      </c>
      <c r="AH4102">
        <v>321819.45760000002</v>
      </c>
      <c r="AI4102">
        <v>78462.989480000004</v>
      </c>
      <c r="AJ4102">
        <v>21212.33843</v>
      </c>
      <c r="AK4102">
        <v>36621.323049999999</v>
      </c>
      <c r="AL4102">
        <v>91751.181150000004</v>
      </c>
      <c r="AM4102">
        <v>19774.57172</v>
      </c>
      <c r="AN4102">
        <v>83369.287890000007</v>
      </c>
      <c r="AO4102">
        <v>28167.872609999999</v>
      </c>
      <c r="AP4102">
        <v>13076.702520000001</v>
      </c>
    </row>
    <row r="4103" spans="2:42" x14ac:dyDescent="0.3">
      <c r="B4103">
        <v>61.225617404050062</v>
      </c>
      <c r="C4103" s="83">
        <v>43271.875</v>
      </c>
      <c r="D4103">
        <v>249536.81460000001</v>
      </c>
      <c r="E4103">
        <v>15784.002200000001</v>
      </c>
      <c r="F4103">
        <v>58911.095580000001</v>
      </c>
      <c r="G4103">
        <v>34402.563130000002</v>
      </c>
      <c r="H4103">
        <v>35458.292569999998</v>
      </c>
      <c r="I4103">
        <v>25402.24696</v>
      </c>
      <c r="J4103">
        <v>41168.757879999997</v>
      </c>
      <c r="K4103">
        <v>50053.41203</v>
      </c>
      <c r="L4103">
        <v>26411.259870000002</v>
      </c>
      <c r="M4103">
        <v>312156.74959999998</v>
      </c>
      <c r="N4103">
        <v>75296.380730000004</v>
      </c>
      <c r="O4103">
        <v>20562.800149999999</v>
      </c>
      <c r="P4103">
        <v>34642.291230000003</v>
      </c>
      <c r="Q4103">
        <v>88929.434779999996</v>
      </c>
      <c r="R4103">
        <v>19121.539659999999</v>
      </c>
      <c r="S4103">
        <v>79857.32316</v>
      </c>
      <c r="T4103">
        <v>25675.958269999999</v>
      </c>
      <c r="U4103">
        <v>11980.3843</v>
      </c>
      <c r="W4103" s="83">
        <f>Bühler!N4135</f>
        <v>45462.874999990054</v>
      </c>
      <c r="X4103" s="83">
        <v>43271.875</v>
      </c>
      <c r="Y4103">
        <v>249536.81460000001</v>
      </c>
      <c r="Z4103">
        <v>15784.002200000001</v>
      </c>
      <c r="AA4103">
        <v>58911.095580000001</v>
      </c>
      <c r="AB4103">
        <v>34402.563130000002</v>
      </c>
      <c r="AC4103">
        <v>35458.292569999998</v>
      </c>
      <c r="AD4103">
        <v>25402.24696</v>
      </c>
      <c r="AE4103">
        <v>41168.757879999997</v>
      </c>
      <c r="AF4103">
        <v>50053.41203</v>
      </c>
      <c r="AG4103">
        <v>26411.259870000002</v>
      </c>
      <c r="AH4103">
        <v>312156.74959999998</v>
      </c>
      <c r="AI4103">
        <v>75296.380730000004</v>
      </c>
      <c r="AJ4103">
        <v>20562.800149999999</v>
      </c>
      <c r="AK4103">
        <v>34642.291230000003</v>
      </c>
      <c r="AL4103">
        <v>88929.434779999996</v>
      </c>
      <c r="AM4103">
        <v>19121.539659999999</v>
      </c>
      <c r="AN4103">
        <v>79857.32316</v>
      </c>
      <c r="AO4103">
        <v>25675.958269999999</v>
      </c>
      <c r="AP4103">
        <v>11980.3843</v>
      </c>
    </row>
    <row r="4104" spans="2:42" x14ac:dyDescent="0.3">
      <c r="B4104">
        <v>60.416042068417504</v>
      </c>
      <c r="C4104" s="83">
        <v>43271.916666666664</v>
      </c>
      <c r="D4104">
        <v>249303.71179999999</v>
      </c>
      <c r="E4104">
        <v>14873.84852</v>
      </c>
      <c r="F4104">
        <v>56657.24278</v>
      </c>
      <c r="G4104">
        <v>34297.712059999998</v>
      </c>
      <c r="H4104">
        <v>36491.955320000001</v>
      </c>
      <c r="I4104">
        <v>24292.80298</v>
      </c>
      <c r="J4104">
        <v>41910.053480000002</v>
      </c>
      <c r="K4104">
        <v>53784.197740000003</v>
      </c>
      <c r="L4104">
        <v>24129.136119999999</v>
      </c>
      <c r="M4104">
        <v>308029.15700000001</v>
      </c>
      <c r="N4104">
        <v>76253.522949999999</v>
      </c>
      <c r="O4104">
        <v>20707.937180000001</v>
      </c>
      <c r="P4104">
        <v>37090.252760000003</v>
      </c>
      <c r="Q4104">
        <v>87847.519939999998</v>
      </c>
      <c r="R4104">
        <v>20163.232739999999</v>
      </c>
      <c r="S4104">
        <v>80346.171400000007</v>
      </c>
      <c r="T4104">
        <v>23668.764360000001</v>
      </c>
      <c r="U4104">
        <v>12570.358260000001</v>
      </c>
      <c r="W4104" s="83">
        <f>Bühler!N4136</f>
        <v>45462.916666656718</v>
      </c>
      <c r="X4104" s="83">
        <v>43271.916666666664</v>
      </c>
      <c r="Y4104">
        <v>249303.71179999999</v>
      </c>
      <c r="Z4104">
        <v>14873.84852</v>
      </c>
      <c r="AA4104">
        <v>56657.24278</v>
      </c>
      <c r="AB4104">
        <v>34297.712059999998</v>
      </c>
      <c r="AC4104">
        <v>36491.955320000001</v>
      </c>
      <c r="AD4104">
        <v>24292.80298</v>
      </c>
      <c r="AE4104">
        <v>41910.053480000002</v>
      </c>
      <c r="AF4104">
        <v>53784.197740000003</v>
      </c>
      <c r="AG4104">
        <v>24129.136119999999</v>
      </c>
      <c r="AH4104">
        <v>308029.15700000001</v>
      </c>
      <c r="AI4104">
        <v>76253.522949999999</v>
      </c>
      <c r="AJ4104">
        <v>20707.937180000001</v>
      </c>
      <c r="AK4104">
        <v>37090.252760000003</v>
      </c>
      <c r="AL4104">
        <v>87847.519939999998</v>
      </c>
      <c r="AM4104">
        <v>20163.232739999999</v>
      </c>
      <c r="AN4104">
        <v>80346.171400000007</v>
      </c>
      <c r="AO4104">
        <v>23668.764360000001</v>
      </c>
      <c r="AP4104">
        <v>12570.358260000001</v>
      </c>
    </row>
    <row r="4105" spans="2:42" x14ac:dyDescent="0.3">
      <c r="B4105">
        <v>60.165206324053358</v>
      </c>
      <c r="C4105" s="83">
        <v>43271.958333333336</v>
      </c>
      <c r="D4105">
        <v>248535.06709999999</v>
      </c>
      <c r="E4105">
        <v>14233.713900000001</v>
      </c>
      <c r="F4105">
        <v>54868.896999999997</v>
      </c>
      <c r="G4105">
        <v>33721.859880000004</v>
      </c>
      <c r="H4105">
        <v>35876.511409999999</v>
      </c>
      <c r="I4105">
        <v>23590.871599999999</v>
      </c>
      <c r="J4105">
        <v>38157.19584</v>
      </c>
      <c r="K4105">
        <v>52598.049249999996</v>
      </c>
      <c r="L4105">
        <v>20674.769779999999</v>
      </c>
      <c r="M4105">
        <v>306750.2794</v>
      </c>
      <c r="N4105">
        <v>74831.762100000007</v>
      </c>
      <c r="O4105">
        <v>20722.474450000002</v>
      </c>
      <c r="P4105">
        <v>31881.129659999999</v>
      </c>
      <c r="Q4105">
        <v>87044.254969999995</v>
      </c>
      <c r="R4105">
        <v>20489.266299999999</v>
      </c>
      <c r="S4105">
        <v>77553.870089999997</v>
      </c>
      <c r="T4105">
        <v>20410.665229999999</v>
      </c>
      <c r="U4105">
        <v>12368.90389</v>
      </c>
      <c r="W4105" s="83">
        <f>Bühler!N4137</f>
        <v>45462.958333323382</v>
      </c>
      <c r="X4105" s="83">
        <v>43271.958333333336</v>
      </c>
      <c r="Y4105">
        <v>248535.06709999999</v>
      </c>
      <c r="Z4105">
        <v>14233.713900000001</v>
      </c>
      <c r="AA4105">
        <v>54868.896999999997</v>
      </c>
      <c r="AB4105">
        <v>33721.859880000004</v>
      </c>
      <c r="AC4105">
        <v>35876.511409999999</v>
      </c>
      <c r="AD4105">
        <v>23590.871599999999</v>
      </c>
      <c r="AE4105">
        <v>38157.19584</v>
      </c>
      <c r="AF4105">
        <v>52598.049249999996</v>
      </c>
      <c r="AG4105">
        <v>20674.769779999999</v>
      </c>
      <c r="AH4105">
        <v>306750.2794</v>
      </c>
      <c r="AI4105">
        <v>74831.762100000007</v>
      </c>
      <c r="AJ4105">
        <v>20722.474450000002</v>
      </c>
      <c r="AK4105">
        <v>31881.129659999999</v>
      </c>
      <c r="AL4105">
        <v>87044.254969999995</v>
      </c>
      <c r="AM4105">
        <v>20489.266299999999</v>
      </c>
      <c r="AN4105">
        <v>77553.870089999997</v>
      </c>
      <c r="AO4105">
        <v>20410.665229999999</v>
      </c>
      <c r="AP4105">
        <v>12368.90389</v>
      </c>
    </row>
    <row r="4106" spans="2:42" x14ac:dyDescent="0.3">
      <c r="B4106">
        <v>59.246809185394596</v>
      </c>
      <c r="C4106" s="83">
        <v>43272</v>
      </c>
      <c r="D4106">
        <v>247746.24609999999</v>
      </c>
      <c r="E4106">
        <v>13701.034589999999</v>
      </c>
      <c r="F4106">
        <v>53003.339059999998</v>
      </c>
      <c r="G4106">
        <v>32699.89733</v>
      </c>
      <c r="H4106">
        <v>35112.963430000003</v>
      </c>
      <c r="I4106">
        <v>21798.54508</v>
      </c>
      <c r="J4106">
        <v>34851.18434</v>
      </c>
      <c r="K4106">
        <v>50175.528489999997</v>
      </c>
      <c r="L4106">
        <v>18073.50748</v>
      </c>
      <c r="M4106">
        <v>302067.86249999999</v>
      </c>
      <c r="N4106">
        <v>73892.271460000004</v>
      </c>
      <c r="O4106">
        <v>20334.718779999999</v>
      </c>
      <c r="P4106">
        <v>28827.43576</v>
      </c>
      <c r="Q4106">
        <v>85407.411529999998</v>
      </c>
      <c r="R4106">
        <v>16451.770479999999</v>
      </c>
      <c r="S4106">
        <v>75674.458889999994</v>
      </c>
      <c r="T4106">
        <v>19062.176479999998</v>
      </c>
      <c r="U4106">
        <v>12041.146430000001</v>
      </c>
      <c r="W4106" s="83">
        <f>Bühler!N4138</f>
        <v>45462.999999990046</v>
      </c>
      <c r="X4106" s="83">
        <v>43272</v>
      </c>
      <c r="Y4106">
        <v>247746.24609999999</v>
      </c>
      <c r="Z4106">
        <v>13701.034589999999</v>
      </c>
      <c r="AA4106">
        <v>53003.339059999998</v>
      </c>
      <c r="AB4106">
        <v>32699.89733</v>
      </c>
      <c r="AC4106">
        <v>35112.963430000003</v>
      </c>
      <c r="AD4106">
        <v>21798.54508</v>
      </c>
      <c r="AE4106">
        <v>34851.18434</v>
      </c>
      <c r="AF4106">
        <v>50175.528489999997</v>
      </c>
      <c r="AG4106">
        <v>18073.50748</v>
      </c>
      <c r="AH4106">
        <v>302067.86249999999</v>
      </c>
      <c r="AI4106">
        <v>73892.271460000004</v>
      </c>
      <c r="AJ4106">
        <v>20334.718779999999</v>
      </c>
      <c r="AK4106">
        <v>28827.43576</v>
      </c>
      <c r="AL4106">
        <v>85407.411529999998</v>
      </c>
      <c r="AM4106">
        <v>16451.770479999999</v>
      </c>
      <c r="AN4106">
        <v>75674.458889999994</v>
      </c>
      <c r="AO4106">
        <v>19062.176479999998</v>
      </c>
      <c r="AP4106">
        <v>12041.146430000001</v>
      </c>
    </row>
    <row r="4107" spans="2:42" x14ac:dyDescent="0.3">
      <c r="B4107">
        <v>58.641979302607297</v>
      </c>
      <c r="C4107" s="83">
        <v>43272.041666666664</v>
      </c>
      <c r="D4107">
        <v>245347.4184</v>
      </c>
      <c r="E4107">
        <v>13311.0772</v>
      </c>
      <c r="F4107">
        <v>52463.19008</v>
      </c>
      <c r="G4107">
        <v>31932.58653</v>
      </c>
      <c r="H4107">
        <v>34307.69184</v>
      </c>
      <c r="I4107">
        <v>17779.825799999999</v>
      </c>
      <c r="J4107">
        <v>33324.434789999999</v>
      </c>
      <c r="K4107">
        <v>48699.737260000002</v>
      </c>
      <c r="L4107">
        <v>16665.70289</v>
      </c>
      <c r="M4107">
        <v>298984.15769999998</v>
      </c>
      <c r="N4107">
        <v>72341.447209999998</v>
      </c>
      <c r="O4107">
        <v>19386.862669999999</v>
      </c>
      <c r="P4107">
        <v>27261.566940000001</v>
      </c>
      <c r="Q4107">
        <v>85648.68161</v>
      </c>
      <c r="R4107">
        <v>14699.87175</v>
      </c>
      <c r="S4107">
        <v>74123.07677</v>
      </c>
      <c r="T4107">
        <v>18109.29436</v>
      </c>
      <c r="U4107">
        <v>11764.742749999999</v>
      </c>
      <c r="W4107" s="83">
        <f>Bühler!N4139</f>
        <v>45463.041666656711</v>
      </c>
      <c r="X4107" s="83">
        <v>43272.041666666664</v>
      </c>
      <c r="Y4107">
        <v>245347.4184</v>
      </c>
      <c r="Z4107">
        <v>13311.0772</v>
      </c>
      <c r="AA4107">
        <v>52463.19008</v>
      </c>
      <c r="AB4107">
        <v>31932.58653</v>
      </c>
      <c r="AC4107">
        <v>34307.69184</v>
      </c>
      <c r="AD4107">
        <v>17779.825799999999</v>
      </c>
      <c r="AE4107">
        <v>33324.434789999999</v>
      </c>
      <c r="AF4107">
        <v>48699.737260000002</v>
      </c>
      <c r="AG4107">
        <v>16665.70289</v>
      </c>
      <c r="AH4107">
        <v>298984.15769999998</v>
      </c>
      <c r="AI4107">
        <v>72341.447209999998</v>
      </c>
      <c r="AJ4107">
        <v>19386.862669999999</v>
      </c>
      <c r="AK4107">
        <v>27261.566940000001</v>
      </c>
      <c r="AL4107">
        <v>85648.68161</v>
      </c>
      <c r="AM4107">
        <v>14699.87175</v>
      </c>
      <c r="AN4107">
        <v>74123.07677</v>
      </c>
      <c r="AO4107">
        <v>18109.29436</v>
      </c>
      <c r="AP4107">
        <v>11764.742749999999</v>
      </c>
    </row>
    <row r="4108" spans="2:42" x14ac:dyDescent="0.3">
      <c r="B4108">
        <v>58.925741183723311</v>
      </c>
      <c r="C4108" s="83">
        <v>43272.083333333336</v>
      </c>
      <c r="D4108">
        <v>245386.9472</v>
      </c>
      <c r="E4108">
        <v>13118.7889</v>
      </c>
      <c r="F4108">
        <v>53014.499730000003</v>
      </c>
      <c r="G4108">
        <v>31403.185369999999</v>
      </c>
      <c r="H4108">
        <v>33930.023090000002</v>
      </c>
      <c r="I4108">
        <v>15207.77785</v>
      </c>
      <c r="J4108">
        <v>32935.769379999998</v>
      </c>
      <c r="K4108">
        <v>47336.884330000001</v>
      </c>
      <c r="L4108">
        <v>15952.09042</v>
      </c>
      <c r="M4108">
        <v>300430.9081</v>
      </c>
      <c r="N4108">
        <v>71532.11679</v>
      </c>
      <c r="O4108">
        <v>18873.648300000001</v>
      </c>
      <c r="P4108">
        <v>25170.127690000001</v>
      </c>
      <c r="Q4108">
        <v>88085.340809999994</v>
      </c>
      <c r="R4108">
        <v>14988.862859999999</v>
      </c>
      <c r="S4108">
        <v>72907.545530000003</v>
      </c>
      <c r="T4108">
        <v>17850.966759999999</v>
      </c>
      <c r="U4108">
        <v>11753.11312</v>
      </c>
      <c r="W4108" s="83">
        <f>Bühler!N4140</f>
        <v>45463.083333323375</v>
      </c>
      <c r="X4108" s="83">
        <v>43272.083333333336</v>
      </c>
      <c r="Y4108">
        <v>245386.9472</v>
      </c>
      <c r="Z4108">
        <v>13118.7889</v>
      </c>
      <c r="AA4108">
        <v>53014.499730000003</v>
      </c>
      <c r="AB4108">
        <v>31403.185369999999</v>
      </c>
      <c r="AC4108">
        <v>33930.023090000002</v>
      </c>
      <c r="AD4108">
        <v>15207.77785</v>
      </c>
      <c r="AE4108">
        <v>32935.769379999998</v>
      </c>
      <c r="AF4108">
        <v>47336.884330000001</v>
      </c>
      <c r="AG4108">
        <v>15952.09042</v>
      </c>
      <c r="AH4108">
        <v>300430.9081</v>
      </c>
      <c r="AI4108">
        <v>71532.11679</v>
      </c>
      <c r="AJ4108">
        <v>18873.648300000001</v>
      </c>
      <c r="AK4108">
        <v>25170.127690000001</v>
      </c>
      <c r="AL4108">
        <v>88085.340809999994</v>
      </c>
      <c r="AM4108">
        <v>14988.862859999999</v>
      </c>
      <c r="AN4108">
        <v>72907.545530000003</v>
      </c>
      <c r="AO4108">
        <v>17850.966759999999</v>
      </c>
      <c r="AP4108">
        <v>11753.11312</v>
      </c>
    </row>
    <row r="4109" spans="2:42" x14ac:dyDescent="0.3">
      <c r="B4109">
        <v>59.418150769590461</v>
      </c>
      <c r="C4109" s="83">
        <v>43272.125</v>
      </c>
      <c r="D4109">
        <v>246066.9809</v>
      </c>
      <c r="E4109">
        <v>13034.64625</v>
      </c>
      <c r="F4109">
        <v>54575.001530000001</v>
      </c>
      <c r="G4109">
        <v>30668.331150000002</v>
      </c>
      <c r="H4109">
        <v>34080.520420000001</v>
      </c>
      <c r="I4109">
        <v>15026.80221</v>
      </c>
      <c r="J4109">
        <v>33092.126530000001</v>
      </c>
      <c r="K4109">
        <v>46326.723890000001</v>
      </c>
      <c r="L4109">
        <v>15659.028270000001</v>
      </c>
      <c r="M4109">
        <v>302941.44179999997</v>
      </c>
      <c r="N4109">
        <v>71090.774879999997</v>
      </c>
      <c r="O4109">
        <v>18319.578450000001</v>
      </c>
      <c r="P4109">
        <v>23723.34751</v>
      </c>
      <c r="Q4109">
        <v>90724.664669999998</v>
      </c>
      <c r="R4109">
        <v>14969.95678</v>
      </c>
      <c r="S4109">
        <v>72600.554170000003</v>
      </c>
      <c r="T4109">
        <v>17564.522250000002</v>
      </c>
      <c r="U4109">
        <v>11643.294309999999</v>
      </c>
      <c r="W4109" s="83">
        <f>Bühler!N4141</f>
        <v>45463.124999990039</v>
      </c>
      <c r="X4109" s="83">
        <v>43272.125</v>
      </c>
      <c r="Y4109">
        <v>246066.9809</v>
      </c>
      <c r="Z4109">
        <v>13034.64625</v>
      </c>
      <c r="AA4109">
        <v>54575.001530000001</v>
      </c>
      <c r="AB4109">
        <v>30668.331150000002</v>
      </c>
      <c r="AC4109">
        <v>34080.520420000001</v>
      </c>
      <c r="AD4109">
        <v>15026.80221</v>
      </c>
      <c r="AE4109">
        <v>33092.126530000001</v>
      </c>
      <c r="AF4109">
        <v>46326.723890000001</v>
      </c>
      <c r="AG4109">
        <v>15659.028270000001</v>
      </c>
      <c r="AH4109">
        <v>302941.44179999997</v>
      </c>
      <c r="AI4109">
        <v>71090.774879999997</v>
      </c>
      <c r="AJ4109">
        <v>18319.578450000001</v>
      </c>
      <c r="AK4109">
        <v>23723.34751</v>
      </c>
      <c r="AL4109">
        <v>90724.664669999998</v>
      </c>
      <c r="AM4109">
        <v>14969.95678</v>
      </c>
      <c r="AN4109">
        <v>72600.554170000003</v>
      </c>
      <c r="AO4109">
        <v>17564.522250000002</v>
      </c>
      <c r="AP4109">
        <v>11643.294309999999</v>
      </c>
    </row>
    <row r="4110" spans="2:42" x14ac:dyDescent="0.3">
      <c r="B4110">
        <v>60.810246141799524</v>
      </c>
      <c r="C4110" s="83">
        <v>43272.166666666664</v>
      </c>
      <c r="D4110">
        <v>247025.46040000001</v>
      </c>
      <c r="E4110">
        <v>13426.27953</v>
      </c>
      <c r="F4110">
        <v>57346.995750000002</v>
      </c>
      <c r="G4110">
        <v>30332.4244</v>
      </c>
      <c r="H4110">
        <v>34382.858740000003</v>
      </c>
      <c r="I4110">
        <v>16197.830029999999</v>
      </c>
      <c r="J4110">
        <v>35195.156869999999</v>
      </c>
      <c r="K4110">
        <v>44655.930260000001</v>
      </c>
      <c r="L4110">
        <v>16075.593370000001</v>
      </c>
      <c r="M4110">
        <v>310038.99320000003</v>
      </c>
      <c r="N4110">
        <v>70043.714900000006</v>
      </c>
      <c r="O4110">
        <v>18398.77634</v>
      </c>
      <c r="P4110">
        <v>23859.21816</v>
      </c>
      <c r="Q4110">
        <v>95010.621119999996</v>
      </c>
      <c r="R4110">
        <v>14450.53356</v>
      </c>
      <c r="S4110">
        <v>72507.442729999995</v>
      </c>
      <c r="T4110">
        <v>17679.683969999998</v>
      </c>
      <c r="U4110">
        <v>12182.55839</v>
      </c>
      <c r="W4110" s="83">
        <f>Bühler!N4142</f>
        <v>45463.166666656703</v>
      </c>
      <c r="X4110" s="83">
        <v>43272.166666666664</v>
      </c>
      <c r="Y4110">
        <v>247025.46040000001</v>
      </c>
      <c r="Z4110">
        <v>13426.27953</v>
      </c>
      <c r="AA4110">
        <v>57346.995750000002</v>
      </c>
      <c r="AB4110">
        <v>30332.4244</v>
      </c>
      <c r="AC4110">
        <v>34382.858740000003</v>
      </c>
      <c r="AD4110">
        <v>16197.830029999999</v>
      </c>
      <c r="AE4110">
        <v>35195.156869999999</v>
      </c>
      <c r="AF4110">
        <v>44655.930260000001</v>
      </c>
      <c r="AG4110">
        <v>16075.593370000001</v>
      </c>
      <c r="AH4110">
        <v>310038.99320000003</v>
      </c>
      <c r="AI4110">
        <v>70043.714900000006</v>
      </c>
      <c r="AJ4110">
        <v>18398.77634</v>
      </c>
      <c r="AK4110">
        <v>23859.21816</v>
      </c>
      <c r="AL4110">
        <v>95010.621119999996</v>
      </c>
      <c r="AM4110">
        <v>14450.53356</v>
      </c>
      <c r="AN4110">
        <v>72507.442729999995</v>
      </c>
      <c r="AO4110">
        <v>17679.683969999998</v>
      </c>
      <c r="AP4110">
        <v>12182.55839</v>
      </c>
    </row>
    <row r="4111" spans="2:42" x14ac:dyDescent="0.3">
      <c r="B4111">
        <v>63.46046385311567</v>
      </c>
      <c r="C4111" s="83">
        <v>43272.208333333336</v>
      </c>
      <c r="D4111">
        <v>260789.19029999999</v>
      </c>
      <c r="E4111">
        <v>15217.097760000001</v>
      </c>
      <c r="F4111">
        <v>66459.503880000004</v>
      </c>
      <c r="G4111">
        <v>31684.562470000001</v>
      </c>
      <c r="H4111">
        <v>35433.564919999997</v>
      </c>
      <c r="I4111">
        <v>22456.135389999999</v>
      </c>
      <c r="J4111">
        <v>38218.368949999996</v>
      </c>
      <c r="K4111">
        <v>45652.965429999997</v>
      </c>
      <c r="L4111">
        <v>16778.112560000001</v>
      </c>
      <c r="M4111">
        <v>323551.03899999999</v>
      </c>
      <c r="N4111">
        <v>70394.169699999999</v>
      </c>
      <c r="O4111">
        <v>19983.202229999999</v>
      </c>
      <c r="P4111">
        <v>25162.600839999999</v>
      </c>
      <c r="Q4111">
        <v>97690.683879999997</v>
      </c>
      <c r="R4111">
        <v>16936.046900000001</v>
      </c>
      <c r="S4111">
        <v>74060.474409999995</v>
      </c>
      <c r="T4111">
        <v>19095.861789999999</v>
      </c>
      <c r="U4111">
        <v>13876.541300000001</v>
      </c>
      <c r="W4111" s="83">
        <f>Bühler!N4143</f>
        <v>45463.208333323368</v>
      </c>
      <c r="X4111" s="83">
        <v>43272.208333333336</v>
      </c>
      <c r="Y4111">
        <v>260789.19029999999</v>
      </c>
      <c r="Z4111">
        <v>15217.097760000001</v>
      </c>
      <c r="AA4111">
        <v>66459.503880000004</v>
      </c>
      <c r="AB4111">
        <v>31684.562470000001</v>
      </c>
      <c r="AC4111">
        <v>35433.564919999997</v>
      </c>
      <c r="AD4111">
        <v>22456.135389999999</v>
      </c>
      <c r="AE4111">
        <v>38218.368949999996</v>
      </c>
      <c r="AF4111">
        <v>45652.965429999997</v>
      </c>
      <c r="AG4111">
        <v>16778.112560000001</v>
      </c>
      <c r="AH4111">
        <v>323551.03899999999</v>
      </c>
      <c r="AI4111">
        <v>70394.169699999999</v>
      </c>
      <c r="AJ4111">
        <v>19983.202229999999</v>
      </c>
      <c r="AK4111">
        <v>25162.600839999999</v>
      </c>
      <c r="AL4111">
        <v>97690.683879999997</v>
      </c>
      <c r="AM4111">
        <v>16936.046900000001</v>
      </c>
      <c r="AN4111">
        <v>74060.474409999995</v>
      </c>
      <c r="AO4111">
        <v>19095.861789999999</v>
      </c>
      <c r="AP4111">
        <v>13876.541300000001</v>
      </c>
    </row>
    <row r="4112" spans="2:42" x14ac:dyDescent="0.3">
      <c r="B4112">
        <v>66.227646855561161</v>
      </c>
      <c r="C4112" s="83">
        <v>43272.25</v>
      </c>
      <c r="D4112">
        <v>275132.69010000001</v>
      </c>
      <c r="E4112">
        <v>18827.033189999998</v>
      </c>
      <c r="F4112">
        <v>76694.800520000004</v>
      </c>
      <c r="G4112">
        <v>40920.019350000002</v>
      </c>
      <c r="H4112">
        <v>37359.188920000001</v>
      </c>
      <c r="I4112">
        <v>28630.125970000001</v>
      </c>
      <c r="J4112">
        <v>40265.674469999998</v>
      </c>
      <c r="K4112">
        <v>47974.025170000001</v>
      </c>
      <c r="L4112">
        <v>17434.561600000001</v>
      </c>
      <c r="M4112">
        <v>337659.42839999998</v>
      </c>
      <c r="N4112">
        <v>73526.989920000007</v>
      </c>
      <c r="O4112">
        <v>20981.27174</v>
      </c>
      <c r="P4112">
        <v>26573.56567</v>
      </c>
      <c r="Q4112">
        <v>99441.366190000001</v>
      </c>
      <c r="R4112">
        <v>15964.304330000001</v>
      </c>
      <c r="S4112">
        <v>81284.350529999996</v>
      </c>
      <c r="T4112">
        <v>21542.429199999999</v>
      </c>
      <c r="U4112">
        <v>15415.477800000001</v>
      </c>
      <c r="W4112" s="83">
        <f>Bühler!N4144</f>
        <v>45463.249999990032</v>
      </c>
      <c r="X4112" s="83">
        <v>43272.25</v>
      </c>
      <c r="Y4112">
        <v>275132.69010000001</v>
      </c>
      <c r="Z4112">
        <v>18827.033189999998</v>
      </c>
      <c r="AA4112">
        <v>76694.800520000004</v>
      </c>
      <c r="AB4112">
        <v>40920.019350000002</v>
      </c>
      <c r="AC4112">
        <v>37359.188920000001</v>
      </c>
      <c r="AD4112">
        <v>28630.125970000001</v>
      </c>
      <c r="AE4112">
        <v>40265.674469999998</v>
      </c>
      <c r="AF4112">
        <v>47974.025170000001</v>
      </c>
      <c r="AG4112">
        <v>17434.561600000001</v>
      </c>
      <c r="AH4112">
        <v>337659.42839999998</v>
      </c>
      <c r="AI4112">
        <v>73526.989920000007</v>
      </c>
      <c r="AJ4112">
        <v>20981.27174</v>
      </c>
      <c r="AK4112">
        <v>26573.56567</v>
      </c>
      <c r="AL4112">
        <v>99441.366190000001</v>
      </c>
      <c r="AM4112">
        <v>15964.304330000001</v>
      </c>
      <c r="AN4112">
        <v>81284.350529999996</v>
      </c>
      <c r="AO4112">
        <v>21542.429199999999</v>
      </c>
      <c r="AP4112">
        <v>15415.477800000001</v>
      </c>
    </row>
    <row r="4113" spans="2:42" x14ac:dyDescent="0.3">
      <c r="B4113">
        <v>68.851656666101277</v>
      </c>
      <c r="C4113" s="83">
        <v>43272.291666666664</v>
      </c>
      <c r="D4113">
        <v>288331.53220000002</v>
      </c>
      <c r="E4113">
        <v>23410.375889999999</v>
      </c>
      <c r="F4113">
        <v>81891.181169999996</v>
      </c>
      <c r="G4113">
        <v>50626.540699999998</v>
      </c>
      <c r="H4113">
        <v>42625.741710000002</v>
      </c>
      <c r="I4113">
        <v>35682.851260000003</v>
      </c>
      <c r="J4113">
        <v>42523.439960000003</v>
      </c>
      <c r="K4113">
        <v>53214.101459999998</v>
      </c>
      <c r="L4113">
        <v>20005.20595</v>
      </c>
      <c r="M4113">
        <v>351037.8541</v>
      </c>
      <c r="N4113">
        <v>79935.601120000007</v>
      </c>
      <c r="O4113">
        <v>23653.214070000002</v>
      </c>
      <c r="P4113">
        <v>30294.224040000001</v>
      </c>
      <c r="Q4113">
        <v>98988.301590000003</v>
      </c>
      <c r="R4113">
        <v>18057.008819999999</v>
      </c>
      <c r="S4113">
        <v>95285.305269999997</v>
      </c>
      <c r="T4113">
        <v>24513.614379999999</v>
      </c>
      <c r="U4113">
        <v>19882.747449999999</v>
      </c>
      <c r="W4113" s="83">
        <f>Bühler!N4145</f>
        <v>45463.291666656696</v>
      </c>
      <c r="X4113" s="83">
        <v>43272.291666666664</v>
      </c>
      <c r="Y4113">
        <v>288331.53220000002</v>
      </c>
      <c r="Z4113">
        <v>23410.375889999999</v>
      </c>
      <c r="AA4113">
        <v>81891.181169999996</v>
      </c>
      <c r="AB4113">
        <v>50626.540699999998</v>
      </c>
      <c r="AC4113">
        <v>42625.741710000002</v>
      </c>
      <c r="AD4113">
        <v>35682.851260000003</v>
      </c>
      <c r="AE4113">
        <v>42523.439960000003</v>
      </c>
      <c r="AF4113">
        <v>53214.101459999998</v>
      </c>
      <c r="AG4113">
        <v>20005.20595</v>
      </c>
      <c r="AH4113">
        <v>351037.8541</v>
      </c>
      <c r="AI4113">
        <v>79935.601120000007</v>
      </c>
      <c r="AJ4113">
        <v>23653.214070000002</v>
      </c>
      <c r="AK4113">
        <v>30294.224040000001</v>
      </c>
      <c r="AL4113">
        <v>98988.301590000003</v>
      </c>
      <c r="AM4113">
        <v>18057.008819999999</v>
      </c>
      <c r="AN4113">
        <v>95285.305269999997</v>
      </c>
      <c r="AO4113">
        <v>24513.614379999999</v>
      </c>
      <c r="AP4113">
        <v>19882.747449999999</v>
      </c>
    </row>
    <row r="4114" spans="2:42" x14ac:dyDescent="0.3">
      <c r="B4114">
        <v>69.892449768201985</v>
      </c>
      <c r="C4114" s="83">
        <v>43272.333333333336</v>
      </c>
      <c r="D4114">
        <v>300477.61410000001</v>
      </c>
      <c r="E4114">
        <v>28986.72827</v>
      </c>
      <c r="F4114">
        <v>89704.70534</v>
      </c>
      <c r="G4114">
        <v>61476.24379</v>
      </c>
      <c r="H4114">
        <v>47072.682379999998</v>
      </c>
      <c r="I4114">
        <v>39409.667699999998</v>
      </c>
      <c r="J4114">
        <v>44536.051339999998</v>
      </c>
      <c r="K4114">
        <v>59022.614580000001</v>
      </c>
      <c r="L4114">
        <v>23070.17914</v>
      </c>
      <c r="M4114">
        <v>356344.3027</v>
      </c>
      <c r="N4114">
        <v>88120.904309999998</v>
      </c>
      <c r="O4114">
        <v>25531.090240000001</v>
      </c>
      <c r="P4114">
        <v>33512.486140000001</v>
      </c>
      <c r="Q4114">
        <v>99996.602809999997</v>
      </c>
      <c r="R4114">
        <v>20768.102040000002</v>
      </c>
      <c r="S4114">
        <v>107356.5033</v>
      </c>
      <c r="T4114">
        <v>28119.409479999998</v>
      </c>
      <c r="U4114">
        <v>23399.665120000001</v>
      </c>
      <c r="W4114" s="83">
        <f>Bühler!N4146</f>
        <v>45463.33333332336</v>
      </c>
      <c r="X4114" s="83">
        <v>43272.333333333336</v>
      </c>
      <c r="Y4114">
        <v>300477.61410000001</v>
      </c>
      <c r="Z4114">
        <v>28986.72827</v>
      </c>
      <c r="AA4114">
        <v>89704.70534</v>
      </c>
      <c r="AB4114">
        <v>61476.24379</v>
      </c>
      <c r="AC4114">
        <v>47072.682379999998</v>
      </c>
      <c r="AD4114">
        <v>39409.667699999998</v>
      </c>
      <c r="AE4114">
        <v>44536.051339999998</v>
      </c>
      <c r="AF4114">
        <v>59022.614580000001</v>
      </c>
      <c r="AG4114">
        <v>23070.17914</v>
      </c>
      <c r="AH4114">
        <v>356344.3027</v>
      </c>
      <c r="AI4114">
        <v>88120.904309999998</v>
      </c>
      <c r="AJ4114">
        <v>25531.090240000001</v>
      </c>
      <c r="AK4114">
        <v>33512.486140000001</v>
      </c>
      <c r="AL4114">
        <v>99996.602809999997</v>
      </c>
      <c r="AM4114">
        <v>20768.102040000002</v>
      </c>
      <c r="AN4114">
        <v>107356.5033</v>
      </c>
      <c r="AO4114">
        <v>28119.409479999998</v>
      </c>
      <c r="AP4114">
        <v>23399.665120000001</v>
      </c>
    </row>
    <row r="4115" spans="2:42" x14ac:dyDescent="0.3">
      <c r="B4115">
        <v>70.636774697597204</v>
      </c>
      <c r="C4115" s="83">
        <v>43272.375</v>
      </c>
      <c r="D4115">
        <v>302030.46169999999</v>
      </c>
      <c r="E4115">
        <v>33345.160660000001</v>
      </c>
      <c r="F4115">
        <v>97056.937940000003</v>
      </c>
      <c r="G4115">
        <v>71270.869529999996</v>
      </c>
      <c r="H4115">
        <v>50928.902629999997</v>
      </c>
      <c r="I4115">
        <v>38581.313020000001</v>
      </c>
      <c r="J4115">
        <v>46274.239609999997</v>
      </c>
      <c r="K4115">
        <v>60108.301010000003</v>
      </c>
      <c r="L4115">
        <v>27232.726050000001</v>
      </c>
      <c r="M4115">
        <v>360139.21830000001</v>
      </c>
      <c r="N4115">
        <v>90175.175889999999</v>
      </c>
      <c r="O4115">
        <v>26907.58914</v>
      </c>
      <c r="P4115">
        <v>35519.106659999998</v>
      </c>
      <c r="Q4115">
        <v>100417.2034</v>
      </c>
      <c r="R4115">
        <v>22214.318050000002</v>
      </c>
      <c r="S4115">
        <v>114848.686</v>
      </c>
      <c r="T4115">
        <v>31628.327219999999</v>
      </c>
      <c r="U4115">
        <v>24606.238430000001</v>
      </c>
      <c r="W4115" s="83">
        <f>Bühler!N4147</f>
        <v>45463.374999990025</v>
      </c>
      <c r="X4115" s="83">
        <v>43272.375</v>
      </c>
      <c r="Y4115">
        <v>302030.46169999999</v>
      </c>
      <c r="Z4115">
        <v>33345.160660000001</v>
      </c>
      <c r="AA4115">
        <v>97056.937940000003</v>
      </c>
      <c r="AB4115">
        <v>71270.869529999996</v>
      </c>
      <c r="AC4115">
        <v>50928.902629999997</v>
      </c>
      <c r="AD4115">
        <v>38581.313020000001</v>
      </c>
      <c r="AE4115">
        <v>46274.239609999997</v>
      </c>
      <c r="AF4115">
        <v>60108.301010000003</v>
      </c>
      <c r="AG4115">
        <v>27232.726050000001</v>
      </c>
      <c r="AH4115">
        <v>360139.21830000001</v>
      </c>
      <c r="AI4115">
        <v>90175.175889999999</v>
      </c>
      <c r="AJ4115">
        <v>26907.58914</v>
      </c>
      <c r="AK4115">
        <v>35519.106659999998</v>
      </c>
      <c r="AL4115">
        <v>100417.2034</v>
      </c>
      <c r="AM4115">
        <v>22214.318050000002</v>
      </c>
      <c r="AN4115">
        <v>114848.686</v>
      </c>
      <c r="AO4115">
        <v>31628.327219999999</v>
      </c>
      <c r="AP4115">
        <v>24606.238430000001</v>
      </c>
    </row>
    <row r="4116" spans="2:42" x14ac:dyDescent="0.3">
      <c r="B4116">
        <v>71.052680610822591</v>
      </c>
      <c r="C4116" s="83">
        <v>43272.416666666664</v>
      </c>
      <c r="D4116">
        <v>306405.23080000002</v>
      </c>
      <c r="E4116">
        <v>35733.54752</v>
      </c>
      <c r="F4116">
        <v>99502.067349999998</v>
      </c>
      <c r="G4116">
        <v>74023.776140000002</v>
      </c>
      <c r="H4116">
        <v>52176.699439999997</v>
      </c>
      <c r="I4116">
        <v>37098.056470000003</v>
      </c>
      <c r="J4116">
        <v>47419.156589999999</v>
      </c>
      <c r="K4116">
        <v>64501.509189999997</v>
      </c>
      <c r="L4116">
        <v>30631.453669999999</v>
      </c>
      <c r="M4116">
        <v>362259.70059999998</v>
      </c>
      <c r="N4116">
        <v>94370.539940000002</v>
      </c>
      <c r="O4116">
        <v>26777.187559999998</v>
      </c>
      <c r="P4116">
        <v>36533.30042</v>
      </c>
      <c r="Q4116">
        <v>101839.213</v>
      </c>
      <c r="R4116">
        <v>23091.6086</v>
      </c>
      <c r="S4116">
        <v>117121.96679999999</v>
      </c>
      <c r="T4116">
        <v>33428.916169999997</v>
      </c>
      <c r="U4116">
        <v>24660.803390000001</v>
      </c>
      <c r="W4116" s="83">
        <f>Bühler!N4148</f>
        <v>45463.416666656689</v>
      </c>
      <c r="X4116" s="83">
        <v>43272.416666666664</v>
      </c>
      <c r="Y4116">
        <v>306405.23080000002</v>
      </c>
      <c r="Z4116">
        <v>35733.54752</v>
      </c>
      <c r="AA4116">
        <v>99502.067349999998</v>
      </c>
      <c r="AB4116">
        <v>74023.776140000002</v>
      </c>
      <c r="AC4116">
        <v>52176.699439999997</v>
      </c>
      <c r="AD4116">
        <v>37098.056470000003</v>
      </c>
      <c r="AE4116">
        <v>47419.156589999999</v>
      </c>
      <c r="AF4116">
        <v>64501.509189999997</v>
      </c>
      <c r="AG4116">
        <v>30631.453669999999</v>
      </c>
      <c r="AH4116">
        <v>362259.70059999998</v>
      </c>
      <c r="AI4116">
        <v>94370.539940000002</v>
      </c>
      <c r="AJ4116">
        <v>26777.187559999998</v>
      </c>
      <c r="AK4116">
        <v>36533.30042</v>
      </c>
      <c r="AL4116">
        <v>101839.213</v>
      </c>
      <c r="AM4116">
        <v>23091.6086</v>
      </c>
      <c r="AN4116">
        <v>117121.96679999999</v>
      </c>
      <c r="AO4116">
        <v>33428.916169999997</v>
      </c>
      <c r="AP4116">
        <v>24660.803390000001</v>
      </c>
    </row>
    <row r="4117" spans="2:42" x14ac:dyDescent="0.3">
      <c r="B4117">
        <v>71.698367740873806</v>
      </c>
      <c r="C4117" s="83">
        <v>43272.458333333336</v>
      </c>
      <c r="D4117">
        <v>305562.8297</v>
      </c>
      <c r="E4117">
        <v>36185.27766</v>
      </c>
      <c r="F4117">
        <v>100300.69070000001</v>
      </c>
      <c r="G4117">
        <v>72339.009829999995</v>
      </c>
      <c r="H4117">
        <v>51850.976490000001</v>
      </c>
      <c r="I4117">
        <v>37116.657570000003</v>
      </c>
      <c r="J4117">
        <v>47322.714090000001</v>
      </c>
      <c r="K4117">
        <v>65350.609940000002</v>
      </c>
      <c r="L4117">
        <v>32104.124179999999</v>
      </c>
      <c r="M4117">
        <v>365551.71470000001</v>
      </c>
      <c r="N4117">
        <v>94432.789900000003</v>
      </c>
      <c r="O4117">
        <v>26640.072339999999</v>
      </c>
      <c r="P4117">
        <v>36602.779210000001</v>
      </c>
      <c r="Q4117">
        <v>102651.5667</v>
      </c>
      <c r="R4117">
        <v>24534.613420000001</v>
      </c>
      <c r="S4117">
        <v>120937.5995</v>
      </c>
      <c r="T4117">
        <v>33908.997450000003</v>
      </c>
      <c r="U4117">
        <v>24515.147840000001</v>
      </c>
      <c r="W4117" s="83">
        <f>Bühler!N4149</f>
        <v>45463.458333323353</v>
      </c>
      <c r="X4117" s="83">
        <v>43272.458333333336</v>
      </c>
      <c r="Y4117">
        <v>305562.8297</v>
      </c>
      <c r="Z4117">
        <v>36185.27766</v>
      </c>
      <c r="AA4117">
        <v>100300.69070000001</v>
      </c>
      <c r="AB4117">
        <v>72339.009829999995</v>
      </c>
      <c r="AC4117">
        <v>51850.976490000001</v>
      </c>
      <c r="AD4117">
        <v>37116.657570000003</v>
      </c>
      <c r="AE4117">
        <v>47322.714090000001</v>
      </c>
      <c r="AF4117">
        <v>65350.609940000002</v>
      </c>
      <c r="AG4117">
        <v>32104.124179999999</v>
      </c>
      <c r="AH4117">
        <v>365551.71470000001</v>
      </c>
      <c r="AI4117">
        <v>94432.789900000003</v>
      </c>
      <c r="AJ4117">
        <v>26640.072339999999</v>
      </c>
      <c r="AK4117">
        <v>36602.779210000001</v>
      </c>
      <c r="AL4117">
        <v>102651.5667</v>
      </c>
      <c r="AM4117">
        <v>24534.613420000001</v>
      </c>
      <c r="AN4117">
        <v>120937.5995</v>
      </c>
      <c r="AO4117">
        <v>33908.997450000003</v>
      </c>
      <c r="AP4117">
        <v>24515.147840000001</v>
      </c>
    </row>
    <row r="4118" spans="2:42" x14ac:dyDescent="0.3">
      <c r="B4118">
        <v>71.515722110297219</v>
      </c>
      <c r="C4118" s="83">
        <v>43272.5</v>
      </c>
      <c r="D4118">
        <v>293652.69160000002</v>
      </c>
      <c r="E4118">
        <v>33100.850100000003</v>
      </c>
      <c r="F4118">
        <v>98558.750870000003</v>
      </c>
      <c r="G4118">
        <v>73708.378429999997</v>
      </c>
      <c r="H4118">
        <v>50014.843289999997</v>
      </c>
      <c r="I4118">
        <v>36193.306629999999</v>
      </c>
      <c r="J4118">
        <v>47685.811009999998</v>
      </c>
      <c r="K4118">
        <v>60544.204530000003</v>
      </c>
      <c r="L4118">
        <v>33738.584190000001</v>
      </c>
      <c r="M4118">
        <v>364620.50209999998</v>
      </c>
      <c r="N4118">
        <v>92836.346449999997</v>
      </c>
      <c r="O4118">
        <v>26688.296880000002</v>
      </c>
      <c r="P4118">
        <v>37259.559950000003</v>
      </c>
      <c r="Q4118">
        <v>102040.0432</v>
      </c>
      <c r="R4118">
        <v>24728.00042</v>
      </c>
      <c r="S4118">
        <v>114842.022</v>
      </c>
      <c r="T4118">
        <v>33751.948949999998</v>
      </c>
      <c r="U4118">
        <v>20563.225859999999</v>
      </c>
      <c r="W4118" s="83">
        <f>Bühler!N4150</f>
        <v>45463.499999990017</v>
      </c>
      <c r="X4118" s="83">
        <v>43272.5</v>
      </c>
      <c r="Y4118">
        <v>293652.69160000002</v>
      </c>
      <c r="Z4118">
        <v>33100.850100000003</v>
      </c>
      <c r="AA4118">
        <v>98558.750870000003</v>
      </c>
      <c r="AB4118">
        <v>73708.378429999997</v>
      </c>
      <c r="AC4118">
        <v>50014.843289999997</v>
      </c>
      <c r="AD4118">
        <v>36193.306629999999</v>
      </c>
      <c r="AE4118">
        <v>47685.811009999998</v>
      </c>
      <c r="AF4118">
        <v>60544.204530000003</v>
      </c>
      <c r="AG4118">
        <v>33738.584190000001</v>
      </c>
      <c r="AH4118">
        <v>364620.50209999998</v>
      </c>
      <c r="AI4118">
        <v>92836.346449999997</v>
      </c>
      <c r="AJ4118">
        <v>26688.296880000002</v>
      </c>
      <c r="AK4118">
        <v>37259.559950000003</v>
      </c>
      <c r="AL4118">
        <v>102040.0432</v>
      </c>
      <c r="AM4118">
        <v>24728.00042</v>
      </c>
      <c r="AN4118">
        <v>114842.022</v>
      </c>
      <c r="AO4118">
        <v>33751.948949999998</v>
      </c>
      <c r="AP4118">
        <v>20563.225859999999</v>
      </c>
    </row>
    <row r="4119" spans="2:42" x14ac:dyDescent="0.3">
      <c r="B4119">
        <v>71.215684668172372</v>
      </c>
      <c r="C4119" s="83">
        <v>43272.541666666664</v>
      </c>
      <c r="D4119">
        <v>295830.38799999998</v>
      </c>
      <c r="E4119">
        <v>33466.129309999997</v>
      </c>
      <c r="F4119">
        <v>97679.50533</v>
      </c>
      <c r="G4119">
        <v>69540.212669999994</v>
      </c>
      <c r="H4119">
        <v>50697.998079999998</v>
      </c>
      <c r="I4119">
        <v>36573.507310000001</v>
      </c>
      <c r="J4119">
        <v>46695.162609999999</v>
      </c>
      <c r="K4119">
        <v>61931.603069999997</v>
      </c>
      <c r="L4119">
        <v>33111.31609</v>
      </c>
      <c r="M4119">
        <v>363090.77130000002</v>
      </c>
      <c r="N4119">
        <v>94929.358410000001</v>
      </c>
      <c r="O4119">
        <v>26064.032650000001</v>
      </c>
      <c r="P4119">
        <v>36481.73777</v>
      </c>
      <c r="Q4119">
        <v>101362.66009999999</v>
      </c>
      <c r="R4119">
        <v>24044.712609999999</v>
      </c>
      <c r="S4119">
        <v>114641.4136</v>
      </c>
      <c r="T4119">
        <v>32923.812769999997</v>
      </c>
      <c r="U4119">
        <v>22717.548309999998</v>
      </c>
      <c r="W4119" s="83">
        <f>Bühler!N4151</f>
        <v>45463.541666656682</v>
      </c>
      <c r="X4119" s="83">
        <v>43272.541666666664</v>
      </c>
      <c r="Y4119">
        <v>295830.38799999998</v>
      </c>
      <c r="Z4119">
        <v>33466.129309999997</v>
      </c>
      <c r="AA4119">
        <v>97679.50533</v>
      </c>
      <c r="AB4119">
        <v>69540.212669999994</v>
      </c>
      <c r="AC4119">
        <v>50697.998079999998</v>
      </c>
      <c r="AD4119">
        <v>36573.507310000001</v>
      </c>
      <c r="AE4119">
        <v>46695.162609999999</v>
      </c>
      <c r="AF4119">
        <v>61931.603069999997</v>
      </c>
      <c r="AG4119">
        <v>33111.31609</v>
      </c>
      <c r="AH4119">
        <v>363090.77130000002</v>
      </c>
      <c r="AI4119">
        <v>94929.358410000001</v>
      </c>
      <c r="AJ4119">
        <v>26064.032650000001</v>
      </c>
      <c r="AK4119">
        <v>36481.73777</v>
      </c>
      <c r="AL4119">
        <v>101362.66009999999</v>
      </c>
      <c r="AM4119">
        <v>24044.712609999999</v>
      </c>
      <c r="AN4119">
        <v>114641.4136</v>
      </c>
      <c r="AO4119">
        <v>32923.812769999997</v>
      </c>
      <c r="AP4119">
        <v>22717.548309999998</v>
      </c>
    </row>
    <row r="4120" spans="2:42" x14ac:dyDescent="0.3">
      <c r="B4120">
        <v>71.313607978147289</v>
      </c>
      <c r="C4120" s="83">
        <v>43272.583333333336</v>
      </c>
      <c r="D4120">
        <v>300337.00949999999</v>
      </c>
      <c r="E4120">
        <v>36601.908289999999</v>
      </c>
      <c r="F4120">
        <v>99917.902780000004</v>
      </c>
      <c r="G4120">
        <v>64709.805990000001</v>
      </c>
      <c r="H4120">
        <v>51018.103929999997</v>
      </c>
      <c r="I4120">
        <v>36926.873090000001</v>
      </c>
      <c r="J4120">
        <v>45854.899989999998</v>
      </c>
      <c r="K4120">
        <v>63886.320570000003</v>
      </c>
      <c r="L4120">
        <v>30817.84935</v>
      </c>
      <c r="M4120">
        <v>363590.03</v>
      </c>
      <c r="N4120">
        <v>97665.783500000005</v>
      </c>
      <c r="O4120">
        <v>26050.114450000001</v>
      </c>
      <c r="P4120">
        <v>33412.921759999997</v>
      </c>
      <c r="Q4120">
        <v>100051.8496</v>
      </c>
      <c r="R4120">
        <v>24609.95248</v>
      </c>
      <c r="S4120">
        <v>111466.18030000001</v>
      </c>
      <c r="T4120">
        <v>31805.847160000001</v>
      </c>
      <c r="U4120">
        <v>22957.69557</v>
      </c>
      <c r="W4120" s="83">
        <f>Bühler!N4152</f>
        <v>45463.583333323346</v>
      </c>
      <c r="X4120" s="83">
        <v>43272.583333333336</v>
      </c>
      <c r="Y4120">
        <v>300337.00949999999</v>
      </c>
      <c r="Z4120">
        <v>36601.908289999999</v>
      </c>
      <c r="AA4120">
        <v>99917.902780000004</v>
      </c>
      <c r="AB4120">
        <v>64709.805990000001</v>
      </c>
      <c r="AC4120">
        <v>51018.103929999997</v>
      </c>
      <c r="AD4120">
        <v>36926.873090000001</v>
      </c>
      <c r="AE4120">
        <v>45854.899989999998</v>
      </c>
      <c r="AF4120">
        <v>63886.320570000003</v>
      </c>
      <c r="AG4120">
        <v>30817.84935</v>
      </c>
      <c r="AH4120">
        <v>363590.03</v>
      </c>
      <c r="AI4120">
        <v>97665.783500000005</v>
      </c>
      <c r="AJ4120">
        <v>26050.114450000001</v>
      </c>
      <c r="AK4120">
        <v>33412.921759999997</v>
      </c>
      <c r="AL4120">
        <v>100051.8496</v>
      </c>
      <c r="AM4120">
        <v>24609.95248</v>
      </c>
      <c r="AN4120">
        <v>111466.18030000001</v>
      </c>
      <c r="AO4120">
        <v>31805.847160000001</v>
      </c>
      <c r="AP4120">
        <v>22957.69557</v>
      </c>
    </row>
    <row r="4121" spans="2:42" x14ac:dyDescent="0.3">
      <c r="B4121">
        <v>70.062176768825495</v>
      </c>
      <c r="C4121" s="83">
        <v>43272.625</v>
      </c>
      <c r="D4121">
        <v>298607.46460000001</v>
      </c>
      <c r="E4121">
        <v>36531.433100000002</v>
      </c>
      <c r="F4121">
        <v>101302.8033</v>
      </c>
      <c r="G4121">
        <v>62127.470560000002</v>
      </c>
      <c r="H4121">
        <v>50276.2863</v>
      </c>
      <c r="I4121">
        <v>37117.881070000003</v>
      </c>
      <c r="J4121">
        <v>46137.25015</v>
      </c>
      <c r="K4121">
        <v>62717.256399999998</v>
      </c>
      <c r="L4121">
        <v>28219.30575</v>
      </c>
      <c r="M4121">
        <v>357209.65010000003</v>
      </c>
      <c r="N4121">
        <v>92835.828469999993</v>
      </c>
      <c r="O4121">
        <v>26338.7248</v>
      </c>
      <c r="P4121">
        <v>31143.608059999999</v>
      </c>
      <c r="Q4121">
        <v>100080.4751</v>
      </c>
      <c r="R4121">
        <v>24530.044249999999</v>
      </c>
      <c r="S4121">
        <v>108796.5252</v>
      </c>
      <c r="T4121">
        <v>31525.620920000001</v>
      </c>
      <c r="U4121">
        <v>22730.900320000001</v>
      </c>
      <c r="W4121" s="83">
        <f>Bühler!N4153</f>
        <v>45463.62499999001</v>
      </c>
      <c r="X4121" s="83">
        <v>43272.625</v>
      </c>
      <c r="Y4121">
        <v>298607.46460000001</v>
      </c>
      <c r="Z4121">
        <v>36531.433100000002</v>
      </c>
      <c r="AA4121">
        <v>101302.8033</v>
      </c>
      <c r="AB4121">
        <v>62127.470560000002</v>
      </c>
      <c r="AC4121">
        <v>50276.2863</v>
      </c>
      <c r="AD4121">
        <v>37117.881070000003</v>
      </c>
      <c r="AE4121">
        <v>46137.25015</v>
      </c>
      <c r="AF4121">
        <v>62717.256399999998</v>
      </c>
      <c r="AG4121">
        <v>28219.30575</v>
      </c>
      <c r="AH4121">
        <v>357209.65010000003</v>
      </c>
      <c r="AI4121">
        <v>92835.828469999993</v>
      </c>
      <c r="AJ4121">
        <v>26338.7248</v>
      </c>
      <c r="AK4121">
        <v>31143.608059999999</v>
      </c>
      <c r="AL4121">
        <v>100080.4751</v>
      </c>
      <c r="AM4121">
        <v>24530.044249999999</v>
      </c>
      <c r="AN4121">
        <v>108796.5252</v>
      </c>
      <c r="AO4121">
        <v>31525.620920000001</v>
      </c>
      <c r="AP4121">
        <v>22730.900320000001</v>
      </c>
    </row>
    <row r="4122" spans="2:42" x14ac:dyDescent="0.3">
      <c r="B4122">
        <v>68.670085378205926</v>
      </c>
      <c r="C4122" s="83">
        <v>43272.666666666664</v>
      </c>
      <c r="D4122">
        <v>290542.45990000002</v>
      </c>
      <c r="E4122">
        <v>35840.330999999998</v>
      </c>
      <c r="F4122">
        <v>100957.7598</v>
      </c>
      <c r="G4122">
        <v>58113.66517</v>
      </c>
      <c r="H4122">
        <v>48591.84605</v>
      </c>
      <c r="I4122">
        <v>38068.179709999997</v>
      </c>
      <c r="J4122">
        <v>45334.963739999999</v>
      </c>
      <c r="K4122">
        <v>59462.97694</v>
      </c>
      <c r="L4122">
        <v>27143.817869999999</v>
      </c>
      <c r="M4122">
        <v>350112.11900000001</v>
      </c>
      <c r="N4122">
        <v>90073.309810000006</v>
      </c>
      <c r="O4122">
        <v>26184.708340000001</v>
      </c>
      <c r="P4122">
        <v>30813.24051</v>
      </c>
      <c r="Q4122">
        <v>99210.006229999999</v>
      </c>
      <c r="R4122">
        <v>24414.165410000001</v>
      </c>
      <c r="S4122">
        <v>106238.0858</v>
      </c>
      <c r="T4122">
        <v>30823.665990000001</v>
      </c>
      <c r="U4122">
        <v>21218.095720000001</v>
      </c>
      <c r="W4122" s="83">
        <f>Bühler!N4154</f>
        <v>45463.666666656674</v>
      </c>
      <c r="X4122" s="83">
        <v>43272.666666666664</v>
      </c>
      <c r="Y4122">
        <v>290542.45990000002</v>
      </c>
      <c r="Z4122">
        <v>35840.330999999998</v>
      </c>
      <c r="AA4122">
        <v>100957.7598</v>
      </c>
      <c r="AB4122">
        <v>58113.66517</v>
      </c>
      <c r="AC4122">
        <v>48591.84605</v>
      </c>
      <c r="AD4122">
        <v>38068.179709999997</v>
      </c>
      <c r="AE4122">
        <v>45334.963739999999</v>
      </c>
      <c r="AF4122">
        <v>59462.97694</v>
      </c>
      <c r="AG4122">
        <v>27143.817869999999</v>
      </c>
      <c r="AH4122">
        <v>350112.11900000001</v>
      </c>
      <c r="AI4122">
        <v>90073.309810000006</v>
      </c>
      <c r="AJ4122">
        <v>26184.708340000001</v>
      </c>
      <c r="AK4122">
        <v>30813.24051</v>
      </c>
      <c r="AL4122">
        <v>99210.006229999999</v>
      </c>
      <c r="AM4122">
        <v>24414.165410000001</v>
      </c>
      <c r="AN4122">
        <v>106238.0858</v>
      </c>
      <c r="AO4122">
        <v>30823.665990000001</v>
      </c>
      <c r="AP4122">
        <v>21218.095720000001</v>
      </c>
    </row>
    <row r="4123" spans="2:42" x14ac:dyDescent="0.3">
      <c r="B4123">
        <v>67.020791053988674</v>
      </c>
      <c r="C4123" s="83">
        <v>43272.708333333336</v>
      </c>
      <c r="D4123">
        <v>279781.79180000001</v>
      </c>
      <c r="E4123">
        <v>33832.776989999998</v>
      </c>
      <c r="F4123">
        <v>99399.197350000002</v>
      </c>
      <c r="G4123">
        <v>52537.057800000002</v>
      </c>
      <c r="H4123">
        <v>45758.593760000003</v>
      </c>
      <c r="I4123">
        <v>37951.087220000001</v>
      </c>
      <c r="J4123">
        <v>45450.710650000001</v>
      </c>
      <c r="K4123">
        <v>53995.328909999997</v>
      </c>
      <c r="L4123">
        <v>27838.240249999999</v>
      </c>
      <c r="M4123">
        <v>341703.24739999999</v>
      </c>
      <c r="N4123">
        <v>87802.252649999995</v>
      </c>
      <c r="O4123">
        <v>25598.330129999998</v>
      </c>
      <c r="P4123">
        <v>32091.653989999999</v>
      </c>
      <c r="Q4123">
        <v>97502.442209999994</v>
      </c>
      <c r="R4123">
        <v>24723.896400000001</v>
      </c>
      <c r="S4123">
        <v>102431.33590000001</v>
      </c>
      <c r="T4123">
        <v>30016.129929999999</v>
      </c>
      <c r="U4123">
        <v>18428.16534</v>
      </c>
      <c r="W4123" s="83">
        <f>Bühler!N4155</f>
        <v>45463.708333323339</v>
      </c>
      <c r="X4123" s="83">
        <v>43272.708333333336</v>
      </c>
      <c r="Y4123">
        <v>279781.79180000001</v>
      </c>
      <c r="Z4123">
        <v>33832.776989999998</v>
      </c>
      <c r="AA4123">
        <v>99399.197350000002</v>
      </c>
      <c r="AB4123">
        <v>52537.057800000002</v>
      </c>
      <c r="AC4123">
        <v>45758.593760000003</v>
      </c>
      <c r="AD4123">
        <v>37951.087220000001</v>
      </c>
      <c r="AE4123">
        <v>45450.710650000001</v>
      </c>
      <c r="AF4123">
        <v>53995.328909999997</v>
      </c>
      <c r="AG4123">
        <v>27838.240249999999</v>
      </c>
      <c r="AH4123">
        <v>341703.24739999999</v>
      </c>
      <c r="AI4123">
        <v>87802.252649999995</v>
      </c>
      <c r="AJ4123">
        <v>25598.330129999998</v>
      </c>
      <c r="AK4123">
        <v>32091.653989999999</v>
      </c>
      <c r="AL4123">
        <v>97502.442209999994</v>
      </c>
      <c r="AM4123">
        <v>24723.896400000001</v>
      </c>
      <c r="AN4123">
        <v>102431.33590000001</v>
      </c>
      <c r="AO4123">
        <v>30016.129929999999</v>
      </c>
      <c r="AP4123">
        <v>18428.16534</v>
      </c>
    </row>
    <row r="4124" spans="2:42" x14ac:dyDescent="0.3">
      <c r="B4124">
        <v>66.094457685631397</v>
      </c>
      <c r="C4124" s="83">
        <v>43272.75</v>
      </c>
      <c r="D4124">
        <v>273282.68089999998</v>
      </c>
      <c r="E4124">
        <v>30433.59748</v>
      </c>
      <c r="F4124">
        <v>96648.823470000003</v>
      </c>
      <c r="G4124">
        <v>45835.432260000001</v>
      </c>
      <c r="H4124">
        <v>43404.525569999998</v>
      </c>
      <c r="I4124">
        <v>36491.592299999997</v>
      </c>
      <c r="J4124">
        <v>45755.343399999998</v>
      </c>
      <c r="K4124">
        <v>51712.655859999999</v>
      </c>
      <c r="L4124">
        <v>29035.631399999998</v>
      </c>
      <c r="M4124">
        <v>336980.36790000001</v>
      </c>
      <c r="N4124">
        <v>85087.606169999999</v>
      </c>
      <c r="O4124">
        <v>22870.293259999999</v>
      </c>
      <c r="P4124">
        <v>35157.773229999999</v>
      </c>
      <c r="Q4124">
        <v>96386.499360000002</v>
      </c>
      <c r="R4124">
        <v>22150.474679999999</v>
      </c>
      <c r="S4124">
        <v>95218.40625</v>
      </c>
      <c r="T4124">
        <v>29362.436710000002</v>
      </c>
      <c r="U4124">
        <v>16505.492419999999</v>
      </c>
      <c r="W4124" s="83">
        <f>Bühler!N4156</f>
        <v>45463.749999990003</v>
      </c>
      <c r="X4124" s="83">
        <v>43272.75</v>
      </c>
      <c r="Y4124">
        <v>273282.68089999998</v>
      </c>
      <c r="Z4124">
        <v>30433.59748</v>
      </c>
      <c r="AA4124">
        <v>96648.823470000003</v>
      </c>
      <c r="AB4124">
        <v>45835.432260000001</v>
      </c>
      <c r="AC4124">
        <v>43404.525569999998</v>
      </c>
      <c r="AD4124">
        <v>36491.592299999997</v>
      </c>
      <c r="AE4124">
        <v>45755.343399999998</v>
      </c>
      <c r="AF4124">
        <v>51712.655859999999</v>
      </c>
      <c r="AG4124">
        <v>29035.631399999998</v>
      </c>
      <c r="AH4124">
        <v>336980.36790000001</v>
      </c>
      <c r="AI4124">
        <v>85087.606169999999</v>
      </c>
      <c r="AJ4124">
        <v>22870.293259999999</v>
      </c>
      <c r="AK4124">
        <v>35157.773229999999</v>
      </c>
      <c r="AL4124">
        <v>96386.499360000002</v>
      </c>
      <c r="AM4124">
        <v>22150.474679999999</v>
      </c>
      <c r="AN4124">
        <v>95218.40625</v>
      </c>
      <c r="AO4124">
        <v>29362.436710000002</v>
      </c>
      <c r="AP4124">
        <v>16505.492419999999</v>
      </c>
    </row>
    <row r="4125" spans="2:42" x14ac:dyDescent="0.3">
      <c r="B4125">
        <v>65.218238544350086</v>
      </c>
      <c r="C4125" s="83">
        <v>43272.791666666664</v>
      </c>
      <c r="D4125">
        <v>266534.33250000002</v>
      </c>
      <c r="E4125">
        <v>24916.943200000002</v>
      </c>
      <c r="F4125">
        <v>84831.079679999995</v>
      </c>
      <c r="G4125">
        <v>40757.480309999999</v>
      </c>
      <c r="H4125">
        <v>40664.424469999998</v>
      </c>
      <c r="I4125">
        <v>34409.128680000002</v>
      </c>
      <c r="J4125">
        <v>44218.919629999997</v>
      </c>
      <c r="K4125">
        <v>50358.189850000002</v>
      </c>
      <c r="L4125">
        <v>29168.305950000002</v>
      </c>
      <c r="M4125">
        <v>332512.99410000001</v>
      </c>
      <c r="N4125">
        <v>83588.311409999995</v>
      </c>
      <c r="O4125">
        <v>21576.44198</v>
      </c>
      <c r="P4125">
        <v>37124.520570000001</v>
      </c>
      <c r="Q4125">
        <v>93576.321240000005</v>
      </c>
      <c r="R4125">
        <v>20124.222849999998</v>
      </c>
      <c r="S4125">
        <v>90524.412580000004</v>
      </c>
      <c r="T4125">
        <v>29066.414479999999</v>
      </c>
      <c r="U4125">
        <v>15033.894050000001</v>
      </c>
      <c r="W4125" s="83">
        <f>Bühler!N4157</f>
        <v>45463.791666656667</v>
      </c>
      <c r="X4125" s="83">
        <v>43272.791666666664</v>
      </c>
      <c r="Y4125">
        <v>266534.33250000002</v>
      </c>
      <c r="Z4125">
        <v>24916.943200000002</v>
      </c>
      <c r="AA4125">
        <v>84831.079679999995</v>
      </c>
      <c r="AB4125">
        <v>40757.480309999999</v>
      </c>
      <c r="AC4125">
        <v>40664.424469999998</v>
      </c>
      <c r="AD4125">
        <v>34409.128680000002</v>
      </c>
      <c r="AE4125">
        <v>44218.919629999997</v>
      </c>
      <c r="AF4125">
        <v>50358.189850000002</v>
      </c>
      <c r="AG4125">
        <v>29168.305950000002</v>
      </c>
      <c r="AH4125">
        <v>332512.99410000001</v>
      </c>
      <c r="AI4125">
        <v>83588.311409999995</v>
      </c>
      <c r="AJ4125">
        <v>21576.44198</v>
      </c>
      <c r="AK4125">
        <v>37124.520570000001</v>
      </c>
      <c r="AL4125">
        <v>93576.321240000005</v>
      </c>
      <c r="AM4125">
        <v>20124.222849999998</v>
      </c>
      <c r="AN4125">
        <v>90524.412580000004</v>
      </c>
      <c r="AO4125">
        <v>29066.414479999999</v>
      </c>
      <c r="AP4125">
        <v>15033.894050000001</v>
      </c>
    </row>
    <row r="4126" spans="2:42" x14ac:dyDescent="0.3">
      <c r="B4126">
        <v>63.226905265075004</v>
      </c>
      <c r="C4126" s="83">
        <v>43272.833333333336</v>
      </c>
      <c r="D4126">
        <v>256884.8928</v>
      </c>
      <c r="E4126">
        <v>18411.410950000001</v>
      </c>
      <c r="F4126">
        <v>67435.701969999995</v>
      </c>
      <c r="G4126">
        <v>36330.517780000002</v>
      </c>
      <c r="H4126">
        <v>37513.340279999997</v>
      </c>
      <c r="I4126">
        <v>30133.980950000001</v>
      </c>
      <c r="J4126">
        <v>42990.495020000002</v>
      </c>
      <c r="K4126">
        <v>50555.587160000003</v>
      </c>
      <c r="L4126">
        <v>28740.268090000001</v>
      </c>
      <c r="M4126">
        <v>322360.24839999998</v>
      </c>
      <c r="N4126">
        <v>81246.398690000002</v>
      </c>
      <c r="O4126">
        <v>19702.249380000001</v>
      </c>
      <c r="P4126">
        <v>36884.424919999998</v>
      </c>
      <c r="Q4126">
        <v>90541.664999999994</v>
      </c>
      <c r="R4126">
        <v>19476.336360000001</v>
      </c>
      <c r="S4126">
        <v>82873.745609999998</v>
      </c>
      <c r="T4126">
        <v>28078.771909999999</v>
      </c>
      <c r="U4126">
        <v>13945.09971</v>
      </c>
      <c r="W4126" s="83">
        <f>Bühler!N4158</f>
        <v>45463.833333323331</v>
      </c>
      <c r="X4126" s="83">
        <v>43272.833333333336</v>
      </c>
      <c r="Y4126">
        <v>256884.8928</v>
      </c>
      <c r="Z4126">
        <v>18411.410950000001</v>
      </c>
      <c r="AA4126">
        <v>67435.701969999995</v>
      </c>
      <c r="AB4126">
        <v>36330.517780000002</v>
      </c>
      <c r="AC4126">
        <v>37513.340279999997</v>
      </c>
      <c r="AD4126">
        <v>30133.980950000001</v>
      </c>
      <c r="AE4126">
        <v>42990.495020000002</v>
      </c>
      <c r="AF4126">
        <v>50555.587160000003</v>
      </c>
      <c r="AG4126">
        <v>28740.268090000001</v>
      </c>
      <c r="AH4126">
        <v>322360.24839999998</v>
      </c>
      <c r="AI4126">
        <v>81246.398690000002</v>
      </c>
      <c r="AJ4126">
        <v>19702.249380000001</v>
      </c>
      <c r="AK4126">
        <v>36884.424919999998</v>
      </c>
      <c r="AL4126">
        <v>90541.664999999994</v>
      </c>
      <c r="AM4126">
        <v>19476.336360000001</v>
      </c>
      <c r="AN4126">
        <v>82873.745609999998</v>
      </c>
      <c r="AO4126">
        <v>28078.771909999999</v>
      </c>
      <c r="AP4126">
        <v>13945.09971</v>
      </c>
    </row>
    <row r="4127" spans="2:42" x14ac:dyDescent="0.3">
      <c r="B4127">
        <v>61.170801037469367</v>
      </c>
      <c r="C4127" s="83">
        <v>43272.875</v>
      </c>
      <c r="D4127">
        <v>248611.06770000001</v>
      </c>
      <c r="E4127">
        <v>15494.13616</v>
      </c>
      <c r="F4127">
        <v>59298.493670000003</v>
      </c>
      <c r="G4127">
        <v>34729.711969999997</v>
      </c>
      <c r="H4127">
        <v>35625.198940000002</v>
      </c>
      <c r="I4127">
        <v>26133.772440000001</v>
      </c>
      <c r="J4127">
        <v>42247.522080000002</v>
      </c>
      <c r="K4127">
        <v>50577.997860000003</v>
      </c>
      <c r="L4127">
        <v>27421.052820000001</v>
      </c>
      <c r="M4127">
        <v>311877.27020000003</v>
      </c>
      <c r="N4127">
        <v>78990.251919999995</v>
      </c>
      <c r="O4127">
        <v>19134.423620000001</v>
      </c>
      <c r="P4127">
        <v>34820.790849999998</v>
      </c>
      <c r="Q4127">
        <v>87919.9611</v>
      </c>
      <c r="R4127">
        <v>18684.825219999999</v>
      </c>
      <c r="S4127">
        <v>78683.740919999997</v>
      </c>
      <c r="T4127">
        <v>26157.7837</v>
      </c>
      <c r="U4127">
        <v>12766.868109999999</v>
      </c>
      <c r="W4127" s="83">
        <f>Bühler!N4159</f>
        <v>45463.874999989996</v>
      </c>
      <c r="X4127" s="83">
        <v>43272.875</v>
      </c>
      <c r="Y4127">
        <v>248611.06770000001</v>
      </c>
      <c r="Z4127">
        <v>15494.13616</v>
      </c>
      <c r="AA4127">
        <v>59298.493670000003</v>
      </c>
      <c r="AB4127">
        <v>34729.711969999997</v>
      </c>
      <c r="AC4127">
        <v>35625.198940000002</v>
      </c>
      <c r="AD4127">
        <v>26133.772440000001</v>
      </c>
      <c r="AE4127">
        <v>42247.522080000002</v>
      </c>
      <c r="AF4127">
        <v>50577.997860000003</v>
      </c>
      <c r="AG4127">
        <v>27421.052820000001</v>
      </c>
      <c r="AH4127">
        <v>311877.27020000003</v>
      </c>
      <c r="AI4127">
        <v>78990.251919999995</v>
      </c>
      <c r="AJ4127">
        <v>19134.423620000001</v>
      </c>
      <c r="AK4127">
        <v>34820.790849999998</v>
      </c>
      <c r="AL4127">
        <v>87919.9611</v>
      </c>
      <c r="AM4127">
        <v>18684.825219999999</v>
      </c>
      <c r="AN4127">
        <v>78683.740919999997</v>
      </c>
      <c r="AO4127">
        <v>26157.7837</v>
      </c>
      <c r="AP4127">
        <v>12766.868109999999</v>
      </c>
    </row>
    <row r="4128" spans="2:42" x14ac:dyDescent="0.3">
      <c r="B4128">
        <v>59.911389644054715</v>
      </c>
      <c r="C4128" s="83">
        <v>43272.916666666664</v>
      </c>
      <c r="D4128">
        <v>247930.62899999999</v>
      </c>
      <c r="E4128">
        <v>14733.31524</v>
      </c>
      <c r="F4128">
        <v>56616.024389999999</v>
      </c>
      <c r="G4128">
        <v>34517.430809999998</v>
      </c>
      <c r="H4128">
        <v>36845.083910000001</v>
      </c>
      <c r="I4128">
        <v>24737.394329999999</v>
      </c>
      <c r="J4128">
        <v>42420.950129999997</v>
      </c>
      <c r="K4128">
        <v>53814.370779999997</v>
      </c>
      <c r="L4128">
        <v>25303.434399999998</v>
      </c>
      <c r="M4128">
        <v>305456.20360000001</v>
      </c>
      <c r="N4128">
        <v>77810.781080000001</v>
      </c>
      <c r="O4128">
        <v>19180.828430000001</v>
      </c>
      <c r="P4128">
        <v>37350.57733</v>
      </c>
      <c r="Q4128">
        <v>86505.541219999999</v>
      </c>
      <c r="R4128">
        <v>19817.81338</v>
      </c>
      <c r="S4128">
        <v>78373.468210000006</v>
      </c>
      <c r="T4128">
        <v>23388.595890000001</v>
      </c>
      <c r="U4128">
        <v>13478.40726</v>
      </c>
      <c r="W4128" s="83">
        <f>Bühler!N4160</f>
        <v>45463.91666665666</v>
      </c>
      <c r="X4128" s="83">
        <v>43272.916666666664</v>
      </c>
      <c r="Y4128">
        <v>247930.62899999999</v>
      </c>
      <c r="Z4128">
        <v>14733.31524</v>
      </c>
      <c r="AA4128">
        <v>56616.024389999999</v>
      </c>
      <c r="AB4128">
        <v>34517.430809999998</v>
      </c>
      <c r="AC4128">
        <v>36845.083910000001</v>
      </c>
      <c r="AD4128">
        <v>24737.394329999999</v>
      </c>
      <c r="AE4128">
        <v>42420.950129999997</v>
      </c>
      <c r="AF4128">
        <v>53814.370779999997</v>
      </c>
      <c r="AG4128">
        <v>25303.434399999998</v>
      </c>
      <c r="AH4128">
        <v>305456.20360000001</v>
      </c>
      <c r="AI4128">
        <v>77810.781080000001</v>
      </c>
      <c r="AJ4128">
        <v>19180.828430000001</v>
      </c>
      <c r="AK4128">
        <v>37350.57733</v>
      </c>
      <c r="AL4128">
        <v>86505.541219999999</v>
      </c>
      <c r="AM4128">
        <v>19817.81338</v>
      </c>
      <c r="AN4128">
        <v>78373.468210000006</v>
      </c>
      <c r="AO4128">
        <v>23388.595890000001</v>
      </c>
      <c r="AP4128">
        <v>13478.40726</v>
      </c>
    </row>
    <row r="4129" spans="2:42" x14ac:dyDescent="0.3">
      <c r="B4129">
        <v>58.605068732373383</v>
      </c>
      <c r="C4129" s="83">
        <v>43272.958333333336</v>
      </c>
      <c r="D4129">
        <v>248113.4276</v>
      </c>
      <c r="E4129">
        <v>13946.056909999999</v>
      </c>
      <c r="F4129">
        <v>55347.58238</v>
      </c>
      <c r="G4129">
        <v>34003.383849999998</v>
      </c>
      <c r="H4129">
        <v>36046.247949999997</v>
      </c>
      <c r="I4129">
        <v>23652.998230000001</v>
      </c>
      <c r="J4129">
        <v>38500.958910000001</v>
      </c>
      <c r="K4129">
        <v>51924.483099999998</v>
      </c>
      <c r="L4129">
        <v>21665.63654</v>
      </c>
      <c r="M4129">
        <v>298795.97039999999</v>
      </c>
      <c r="N4129">
        <v>76088.456999999995</v>
      </c>
      <c r="O4129">
        <v>18205.774219999999</v>
      </c>
      <c r="P4129">
        <v>31971.961449999999</v>
      </c>
      <c r="Q4129">
        <v>85644.846160000001</v>
      </c>
      <c r="R4129">
        <v>20343.44572</v>
      </c>
      <c r="S4129">
        <v>76640.502970000001</v>
      </c>
      <c r="T4129">
        <v>20778.131150000001</v>
      </c>
      <c r="U4129">
        <v>13187.505569999999</v>
      </c>
      <c r="W4129" s="83">
        <f>Bühler!N4161</f>
        <v>45463.958333323324</v>
      </c>
      <c r="X4129" s="83">
        <v>43272.958333333336</v>
      </c>
      <c r="Y4129">
        <v>248113.4276</v>
      </c>
      <c r="Z4129">
        <v>13946.056909999999</v>
      </c>
      <c r="AA4129">
        <v>55347.58238</v>
      </c>
      <c r="AB4129">
        <v>34003.383849999998</v>
      </c>
      <c r="AC4129">
        <v>36046.247949999997</v>
      </c>
      <c r="AD4129">
        <v>23652.998230000001</v>
      </c>
      <c r="AE4129">
        <v>38500.958910000001</v>
      </c>
      <c r="AF4129">
        <v>51924.483099999998</v>
      </c>
      <c r="AG4129">
        <v>21665.63654</v>
      </c>
      <c r="AH4129">
        <v>298795.97039999999</v>
      </c>
      <c r="AI4129">
        <v>76088.456999999995</v>
      </c>
      <c r="AJ4129">
        <v>18205.774219999999</v>
      </c>
      <c r="AK4129">
        <v>31971.961449999999</v>
      </c>
      <c r="AL4129">
        <v>85644.846160000001</v>
      </c>
      <c r="AM4129">
        <v>20343.44572</v>
      </c>
      <c r="AN4129">
        <v>76640.502970000001</v>
      </c>
      <c r="AO4129">
        <v>20778.131150000001</v>
      </c>
      <c r="AP4129">
        <v>13187.505569999999</v>
      </c>
    </row>
    <row r="4130" spans="2:42" x14ac:dyDescent="0.3">
      <c r="B4130">
        <v>57.786206368677043</v>
      </c>
      <c r="C4130" s="83">
        <v>43273</v>
      </c>
      <c r="D4130">
        <v>244120.46830000001</v>
      </c>
      <c r="E4130">
        <v>13538.60685</v>
      </c>
      <c r="F4130">
        <v>53726.287750000003</v>
      </c>
      <c r="G4130">
        <v>33290.22711</v>
      </c>
      <c r="H4130">
        <v>35050.292150000001</v>
      </c>
      <c r="I4130">
        <v>22215.54378</v>
      </c>
      <c r="J4130">
        <v>34732.552629999998</v>
      </c>
      <c r="K4130">
        <v>49282.021999999997</v>
      </c>
      <c r="L4130">
        <v>19029.094400000002</v>
      </c>
      <c r="M4130">
        <v>294621.0282</v>
      </c>
      <c r="N4130">
        <v>73628.388760000002</v>
      </c>
      <c r="O4130">
        <v>18439.490659999999</v>
      </c>
      <c r="P4130">
        <v>29124.18606</v>
      </c>
      <c r="Q4130">
        <v>84035.983630000002</v>
      </c>
      <c r="R4130">
        <v>16601.105240000001</v>
      </c>
      <c r="S4130">
        <v>75007.775569999998</v>
      </c>
      <c r="T4130">
        <v>19531.871459999998</v>
      </c>
      <c r="U4130">
        <v>12706.39647</v>
      </c>
      <c r="W4130" s="83">
        <f>Bühler!N4162</f>
        <v>45463.999999989988</v>
      </c>
      <c r="X4130" s="83">
        <v>43273</v>
      </c>
      <c r="Y4130">
        <v>244120.46830000001</v>
      </c>
      <c r="Z4130">
        <v>13538.60685</v>
      </c>
      <c r="AA4130">
        <v>53726.287750000003</v>
      </c>
      <c r="AB4130">
        <v>33290.22711</v>
      </c>
      <c r="AC4130">
        <v>35050.292150000001</v>
      </c>
      <c r="AD4130">
        <v>22215.54378</v>
      </c>
      <c r="AE4130">
        <v>34732.552629999998</v>
      </c>
      <c r="AF4130">
        <v>49282.021999999997</v>
      </c>
      <c r="AG4130">
        <v>19029.094400000002</v>
      </c>
      <c r="AH4130">
        <v>294621.0282</v>
      </c>
      <c r="AI4130">
        <v>73628.388760000002</v>
      </c>
      <c r="AJ4130">
        <v>18439.490659999999</v>
      </c>
      <c r="AK4130">
        <v>29124.18606</v>
      </c>
      <c r="AL4130">
        <v>84035.983630000002</v>
      </c>
      <c r="AM4130">
        <v>16601.105240000001</v>
      </c>
      <c r="AN4130">
        <v>75007.775569999998</v>
      </c>
      <c r="AO4130">
        <v>19531.871459999998</v>
      </c>
      <c r="AP4130">
        <v>12706.39647</v>
      </c>
    </row>
    <row r="4131" spans="2:42" x14ac:dyDescent="0.3">
      <c r="B4131">
        <v>57.548179181949649</v>
      </c>
      <c r="C4131" s="83">
        <v>43273.041666666664</v>
      </c>
      <c r="D4131">
        <v>243727.60269999999</v>
      </c>
      <c r="E4131">
        <v>13024.58005</v>
      </c>
      <c r="F4131">
        <v>52862.087789999998</v>
      </c>
      <c r="G4131">
        <v>32175.081750000001</v>
      </c>
      <c r="H4131">
        <v>34307.21776</v>
      </c>
      <c r="I4131">
        <v>18496.913120000001</v>
      </c>
      <c r="J4131">
        <v>33411.731500000002</v>
      </c>
      <c r="K4131">
        <v>47874.864379999999</v>
      </c>
      <c r="L4131">
        <v>17901.22611</v>
      </c>
      <c r="M4131">
        <v>293407.4546</v>
      </c>
      <c r="N4131">
        <v>71876.811379999999</v>
      </c>
      <c r="O4131">
        <v>17398.23475</v>
      </c>
      <c r="P4131">
        <v>26452.442950000001</v>
      </c>
      <c r="Q4131">
        <v>84289.379279999994</v>
      </c>
      <c r="R4131">
        <v>14318.581050000001</v>
      </c>
      <c r="S4131">
        <v>73636.977069999994</v>
      </c>
      <c r="T4131">
        <v>18955.461350000001</v>
      </c>
      <c r="U4131">
        <v>12402.429169999999</v>
      </c>
      <c r="W4131" s="83">
        <f>Bühler!N4163</f>
        <v>45464.041666656653</v>
      </c>
      <c r="X4131" s="83">
        <v>43273.041666666664</v>
      </c>
      <c r="Y4131">
        <v>243727.60269999999</v>
      </c>
      <c r="Z4131">
        <v>13024.58005</v>
      </c>
      <c r="AA4131">
        <v>52862.087789999998</v>
      </c>
      <c r="AB4131">
        <v>32175.081750000001</v>
      </c>
      <c r="AC4131">
        <v>34307.21776</v>
      </c>
      <c r="AD4131">
        <v>18496.913120000001</v>
      </c>
      <c r="AE4131">
        <v>33411.731500000002</v>
      </c>
      <c r="AF4131">
        <v>47874.864379999999</v>
      </c>
      <c r="AG4131">
        <v>17901.22611</v>
      </c>
      <c r="AH4131">
        <v>293407.4546</v>
      </c>
      <c r="AI4131">
        <v>71876.811379999999</v>
      </c>
      <c r="AJ4131">
        <v>17398.23475</v>
      </c>
      <c r="AK4131">
        <v>26452.442950000001</v>
      </c>
      <c r="AL4131">
        <v>84289.379279999994</v>
      </c>
      <c r="AM4131">
        <v>14318.581050000001</v>
      </c>
      <c r="AN4131">
        <v>73636.977069999994</v>
      </c>
      <c r="AO4131">
        <v>18955.461350000001</v>
      </c>
      <c r="AP4131">
        <v>12402.429169999999</v>
      </c>
    </row>
    <row r="4132" spans="2:42" x14ac:dyDescent="0.3">
      <c r="B4132">
        <v>57.167234782254937</v>
      </c>
      <c r="C4132" s="83">
        <v>43273.083333333336</v>
      </c>
      <c r="D4132">
        <v>244445.2671</v>
      </c>
      <c r="E4132">
        <v>12837.689249999999</v>
      </c>
      <c r="F4132">
        <v>53711.622929999998</v>
      </c>
      <c r="G4132">
        <v>31632.630990000001</v>
      </c>
      <c r="H4132">
        <v>34079.900739999997</v>
      </c>
      <c r="I4132">
        <v>16363.5113</v>
      </c>
      <c r="J4132">
        <v>33044.383450000001</v>
      </c>
      <c r="K4132">
        <v>46374.313860000002</v>
      </c>
      <c r="L4132">
        <v>17209.31467</v>
      </c>
      <c r="M4132">
        <v>291465.22240000003</v>
      </c>
      <c r="N4132">
        <v>70807.707939999993</v>
      </c>
      <c r="O4132">
        <v>17520.887009999999</v>
      </c>
      <c r="P4132">
        <v>25422.233820000001</v>
      </c>
      <c r="Q4132">
        <v>86854.782290000003</v>
      </c>
      <c r="R4132">
        <v>15140.41034</v>
      </c>
      <c r="S4132">
        <v>71960.088059999995</v>
      </c>
      <c r="T4132">
        <v>18300.829160000001</v>
      </c>
      <c r="U4132">
        <v>12247.87405</v>
      </c>
      <c r="W4132" s="83">
        <f>Bühler!N4164</f>
        <v>45464.083333323317</v>
      </c>
      <c r="X4132" s="83">
        <v>43273.083333333336</v>
      </c>
      <c r="Y4132">
        <v>244445.2671</v>
      </c>
      <c r="Z4132">
        <v>12837.689249999999</v>
      </c>
      <c r="AA4132">
        <v>53711.622929999998</v>
      </c>
      <c r="AB4132">
        <v>31632.630990000001</v>
      </c>
      <c r="AC4132">
        <v>34079.900739999997</v>
      </c>
      <c r="AD4132">
        <v>16363.5113</v>
      </c>
      <c r="AE4132">
        <v>33044.383450000001</v>
      </c>
      <c r="AF4132">
        <v>46374.313860000002</v>
      </c>
      <c r="AG4132">
        <v>17209.31467</v>
      </c>
      <c r="AH4132">
        <v>291465.22240000003</v>
      </c>
      <c r="AI4132">
        <v>70807.707939999993</v>
      </c>
      <c r="AJ4132">
        <v>17520.887009999999</v>
      </c>
      <c r="AK4132">
        <v>25422.233820000001</v>
      </c>
      <c r="AL4132">
        <v>86854.782290000003</v>
      </c>
      <c r="AM4132">
        <v>15140.41034</v>
      </c>
      <c r="AN4132">
        <v>71960.088059999995</v>
      </c>
      <c r="AO4132">
        <v>18300.829160000001</v>
      </c>
      <c r="AP4132">
        <v>12247.87405</v>
      </c>
    </row>
    <row r="4133" spans="2:42" x14ac:dyDescent="0.3">
      <c r="B4133">
        <v>57.874266124275586</v>
      </c>
      <c r="C4133" s="83">
        <v>43273.125</v>
      </c>
      <c r="D4133">
        <v>243778.46059999999</v>
      </c>
      <c r="E4133">
        <v>12819.209349999999</v>
      </c>
      <c r="F4133">
        <v>55022.920389999999</v>
      </c>
      <c r="G4133">
        <v>30777.76064</v>
      </c>
      <c r="H4133">
        <v>33863.774100000002</v>
      </c>
      <c r="I4133">
        <v>15920.973260000001</v>
      </c>
      <c r="J4133">
        <v>33192.709840000003</v>
      </c>
      <c r="K4133">
        <v>45675.771840000001</v>
      </c>
      <c r="L4133">
        <v>16910.170300000002</v>
      </c>
      <c r="M4133">
        <v>295069.99790000002</v>
      </c>
      <c r="N4133">
        <v>69957.275810000006</v>
      </c>
      <c r="O4133">
        <v>17467.799640000001</v>
      </c>
      <c r="P4133">
        <v>23934.53399</v>
      </c>
      <c r="Q4133">
        <v>89637.139649999997</v>
      </c>
      <c r="R4133">
        <v>14360.7317</v>
      </c>
      <c r="S4133">
        <v>71614.363809999995</v>
      </c>
      <c r="T4133">
        <v>17981.328099999999</v>
      </c>
      <c r="U4133">
        <v>12163.59453</v>
      </c>
      <c r="W4133" s="83">
        <f>Bühler!N4165</f>
        <v>45464.124999989981</v>
      </c>
      <c r="X4133" s="83">
        <v>43273.125</v>
      </c>
      <c r="Y4133">
        <v>243778.46059999999</v>
      </c>
      <c r="Z4133">
        <v>12819.209349999999</v>
      </c>
      <c r="AA4133">
        <v>55022.920389999999</v>
      </c>
      <c r="AB4133">
        <v>30777.76064</v>
      </c>
      <c r="AC4133">
        <v>33863.774100000002</v>
      </c>
      <c r="AD4133">
        <v>15920.973260000001</v>
      </c>
      <c r="AE4133">
        <v>33192.709840000003</v>
      </c>
      <c r="AF4133">
        <v>45675.771840000001</v>
      </c>
      <c r="AG4133">
        <v>16910.170300000002</v>
      </c>
      <c r="AH4133">
        <v>295069.99790000002</v>
      </c>
      <c r="AI4133">
        <v>69957.275810000006</v>
      </c>
      <c r="AJ4133">
        <v>17467.799640000001</v>
      </c>
      <c r="AK4133">
        <v>23934.53399</v>
      </c>
      <c r="AL4133">
        <v>89637.139649999997</v>
      </c>
      <c r="AM4133">
        <v>14360.7317</v>
      </c>
      <c r="AN4133">
        <v>71614.363809999995</v>
      </c>
      <c r="AO4133">
        <v>17981.328099999999</v>
      </c>
      <c r="AP4133">
        <v>12163.59453</v>
      </c>
    </row>
    <row r="4134" spans="2:42" x14ac:dyDescent="0.3">
      <c r="B4134">
        <v>59.111714442426099</v>
      </c>
      <c r="C4134" s="83">
        <v>43273.166666666664</v>
      </c>
      <c r="D4134">
        <v>244191.04010000001</v>
      </c>
      <c r="E4134">
        <v>13318.346289999999</v>
      </c>
      <c r="F4134">
        <v>58315.221530000003</v>
      </c>
      <c r="G4134">
        <v>30335.89575</v>
      </c>
      <c r="H4134">
        <v>34195.509709999998</v>
      </c>
      <c r="I4134">
        <v>17461.99554</v>
      </c>
      <c r="J4134">
        <v>35269.819309999999</v>
      </c>
      <c r="K4134">
        <v>44460.905039999998</v>
      </c>
      <c r="L4134">
        <v>16834.408070000001</v>
      </c>
      <c r="M4134">
        <v>301379.08649999998</v>
      </c>
      <c r="N4134">
        <v>69808.012390000004</v>
      </c>
      <c r="O4134">
        <v>17701.908080000001</v>
      </c>
      <c r="P4134">
        <v>24147.859400000001</v>
      </c>
      <c r="Q4134">
        <v>93218.481780000002</v>
      </c>
      <c r="R4134">
        <v>13941.930630000001</v>
      </c>
      <c r="S4134">
        <v>71876.354779999994</v>
      </c>
      <c r="T4134">
        <v>17860.974630000001</v>
      </c>
      <c r="U4134">
        <v>12790.748219999999</v>
      </c>
      <c r="W4134" s="83">
        <f>Bühler!N4166</f>
        <v>45464.166666656645</v>
      </c>
      <c r="X4134" s="83">
        <v>43273.166666666664</v>
      </c>
      <c r="Y4134">
        <v>244191.04010000001</v>
      </c>
      <c r="Z4134">
        <v>13318.346289999999</v>
      </c>
      <c r="AA4134">
        <v>58315.221530000003</v>
      </c>
      <c r="AB4134">
        <v>30335.89575</v>
      </c>
      <c r="AC4134">
        <v>34195.509709999998</v>
      </c>
      <c r="AD4134">
        <v>17461.99554</v>
      </c>
      <c r="AE4134">
        <v>35269.819309999999</v>
      </c>
      <c r="AF4134">
        <v>44460.905039999998</v>
      </c>
      <c r="AG4134">
        <v>16834.408070000001</v>
      </c>
      <c r="AH4134">
        <v>301379.08649999998</v>
      </c>
      <c r="AI4134">
        <v>69808.012390000004</v>
      </c>
      <c r="AJ4134">
        <v>17701.908080000001</v>
      </c>
      <c r="AK4134">
        <v>24147.859400000001</v>
      </c>
      <c r="AL4134">
        <v>93218.481780000002</v>
      </c>
      <c r="AM4134">
        <v>13941.930630000001</v>
      </c>
      <c r="AN4134">
        <v>71876.354779999994</v>
      </c>
      <c r="AO4134">
        <v>17860.974630000001</v>
      </c>
      <c r="AP4134">
        <v>12790.748219999999</v>
      </c>
    </row>
    <row r="4135" spans="2:42" x14ac:dyDescent="0.3">
      <c r="B4135">
        <v>61.102262936683161</v>
      </c>
      <c r="C4135" s="83">
        <v>43273.208333333336</v>
      </c>
      <c r="D4135">
        <v>257062.01060000001</v>
      </c>
      <c r="E4135">
        <v>14961.308069999999</v>
      </c>
      <c r="F4135">
        <v>67375.364289999998</v>
      </c>
      <c r="G4135">
        <v>31679.469499999999</v>
      </c>
      <c r="H4135">
        <v>35387.91214</v>
      </c>
      <c r="I4135">
        <v>24068.41202</v>
      </c>
      <c r="J4135">
        <v>38519.95218</v>
      </c>
      <c r="K4135">
        <v>45148.222529999999</v>
      </c>
      <c r="L4135">
        <v>17161.70766</v>
      </c>
      <c r="M4135">
        <v>311527.83100000001</v>
      </c>
      <c r="N4135">
        <v>70773.686100000006</v>
      </c>
      <c r="O4135">
        <v>18334.758580000002</v>
      </c>
      <c r="P4135">
        <v>25311.91347</v>
      </c>
      <c r="Q4135">
        <v>94760.665559999994</v>
      </c>
      <c r="R4135">
        <v>16334.789559999999</v>
      </c>
      <c r="S4135">
        <v>73390.316279999999</v>
      </c>
      <c r="T4135">
        <v>19050.850829999999</v>
      </c>
      <c r="U4135">
        <v>14660.06395</v>
      </c>
      <c r="W4135" s="83">
        <f>Bühler!N4167</f>
        <v>45464.208333323309</v>
      </c>
      <c r="X4135" s="83">
        <v>43273.208333333336</v>
      </c>
      <c r="Y4135">
        <v>257062.01060000001</v>
      </c>
      <c r="Z4135">
        <v>14961.308069999999</v>
      </c>
      <c r="AA4135">
        <v>67375.364289999998</v>
      </c>
      <c r="AB4135">
        <v>31679.469499999999</v>
      </c>
      <c r="AC4135">
        <v>35387.91214</v>
      </c>
      <c r="AD4135">
        <v>24068.41202</v>
      </c>
      <c r="AE4135">
        <v>38519.95218</v>
      </c>
      <c r="AF4135">
        <v>45148.222529999999</v>
      </c>
      <c r="AG4135">
        <v>17161.70766</v>
      </c>
      <c r="AH4135">
        <v>311527.83100000001</v>
      </c>
      <c r="AI4135">
        <v>70773.686100000006</v>
      </c>
      <c r="AJ4135">
        <v>18334.758580000002</v>
      </c>
      <c r="AK4135">
        <v>25311.91347</v>
      </c>
      <c r="AL4135">
        <v>94760.665559999994</v>
      </c>
      <c r="AM4135">
        <v>16334.789559999999</v>
      </c>
      <c r="AN4135">
        <v>73390.316279999999</v>
      </c>
      <c r="AO4135">
        <v>19050.850829999999</v>
      </c>
      <c r="AP4135">
        <v>14660.06395</v>
      </c>
    </row>
    <row r="4136" spans="2:42" x14ac:dyDescent="0.3">
      <c r="B4136">
        <v>64.067476137286789</v>
      </c>
      <c r="C4136" s="83">
        <v>43273.25</v>
      </c>
      <c r="D4136">
        <v>269877.26</v>
      </c>
      <c r="E4136">
        <v>18558.852060000001</v>
      </c>
      <c r="F4136">
        <v>77970.131030000004</v>
      </c>
      <c r="G4136">
        <v>40546.439129999999</v>
      </c>
      <c r="H4136">
        <v>36995.49755</v>
      </c>
      <c r="I4136">
        <v>30235.665949999999</v>
      </c>
      <c r="J4136">
        <v>40136.5452</v>
      </c>
      <c r="K4136">
        <v>47725.365149999998</v>
      </c>
      <c r="L4136">
        <v>18182.40696</v>
      </c>
      <c r="M4136">
        <v>326645.87070000003</v>
      </c>
      <c r="N4136">
        <v>73339.740049999993</v>
      </c>
      <c r="O4136">
        <v>19038.800500000001</v>
      </c>
      <c r="P4136">
        <v>26224.652290000002</v>
      </c>
      <c r="Q4136">
        <v>95504.031099999993</v>
      </c>
      <c r="R4136">
        <v>15535.42031</v>
      </c>
      <c r="S4136">
        <v>80698.714210000006</v>
      </c>
      <c r="T4136">
        <v>21232.01237</v>
      </c>
      <c r="U4136">
        <v>16843.40583</v>
      </c>
      <c r="W4136" s="83">
        <f>Bühler!N4168</f>
        <v>45464.249999989974</v>
      </c>
      <c r="X4136" s="83">
        <v>43273.25</v>
      </c>
      <c r="Y4136">
        <v>269877.26</v>
      </c>
      <c r="Z4136">
        <v>18558.852060000001</v>
      </c>
      <c r="AA4136">
        <v>77970.131030000004</v>
      </c>
      <c r="AB4136">
        <v>40546.439129999999</v>
      </c>
      <c r="AC4136">
        <v>36995.49755</v>
      </c>
      <c r="AD4136">
        <v>30235.665949999999</v>
      </c>
      <c r="AE4136">
        <v>40136.5452</v>
      </c>
      <c r="AF4136">
        <v>47725.365149999998</v>
      </c>
      <c r="AG4136">
        <v>18182.40696</v>
      </c>
      <c r="AH4136">
        <v>326645.87070000003</v>
      </c>
      <c r="AI4136">
        <v>73339.740049999993</v>
      </c>
      <c r="AJ4136">
        <v>19038.800500000001</v>
      </c>
      <c r="AK4136">
        <v>26224.652290000002</v>
      </c>
      <c r="AL4136">
        <v>95504.031099999993</v>
      </c>
      <c r="AM4136">
        <v>15535.42031</v>
      </c>
      <c r="AN4136">
        <v>80698.714210000006</v>
      </c>
      <c r="AO4136">
        <v>21232.01237</v>
      </c>
      <c r="AP4136">
        <v>16843.40583</v>
      </c>
    </row>
    <row r="4137" spans="2:42" x14ac:dyDescent="0.3">
      <c r="B4137">
        <v>65.796854504942743</v>
      </c>
      <c r="C4137" s="83">
        <v>43273.291666666664</v>
      </c>
      <c r="D4137">
        <v>282946.739</v>
      </c>
      <c r="E4137">
        <v>22997.848450000001</v>
      </c>
      <c r="F4137">
        <v>81934.085720000003</v>
      </c>
      <c r="G4137">
        <v>50208.85123</v>
      </c>
      <c r="H4137">
        <v>42613.428800000002</v>
      </c>
      <c r="I4137">
        <v>37219.652300000002</v>
      </c>
      <c r="J4137">
        <v>41813.934220000003</v>
      </c>
      <c r="K4137">
        <v>53050.486320000004</v>
      </c>
      <c r="L4137">
        <v>21132.66444</v>
      </c>
      <c r="M4137">
        <v>335463.04810000001</v>
      </c>
      <c r="N4137">
        <v>77178.320989999993</v>
      </c>
      <c r="O4137">
        <v>21871.477419999999</v>
      </c>
      <c r="P4137">
        <v>30006.879639999999</v>
      </c>
      <c r="Q4137">
        <v>94819.079150000005</v>
      </c>
      <c r="R4137">
        <v>17762.90048</v>
      </c>
      <c r="S4137">
        <v>95731.531929999997</v>
      </c>
      <c r="T4137">
        <v>24493.39129</v>
      </c>
      <c r="U4137">
        <v>20887.290110000002</v>
      </c>
      <c r="W4137" s="83">
        <f>Bühler!N4169</f>
        <v>45464.291666656638</v>
      </c>
      <c r="X4137" s="83">
        <v>43273.291666666664</v>
      </c>
      <c r="Y4137">
        <v>282946.739</v>
      </c>
      <c r="Z4137">
        <v>22997.848450000001</v>
      </c>
      <c r="AA4137">
        <v>81934.085720000003</v>
      </c>
      <c r="AB4137">
        <v>50208.85123</v>
      </c>
      <c r="AC4137">
        <v>42613.428800000002</v>
      </c>
      <c r="AD4137">
        <v>37219.652300000002</v>
      </c>
      <c r="AE4137">
        <v>41813.934220000003</v>
      </c>
      <c r="AF4137">
        <v>53050.486320000004</v>
      </c>
      <c r="AG4137">
        <v>21132.66444</v>
      </c>
      <c r="AH4137">
        <v>335463.04810000001</v>
      </c>
      <c r="AI4137">
        <v>77178.320989999993</v>
      </c>
      <c r="AJ4137">
        <v>21871.477419999999</v>
      </c>
      <c r="AK4137">
        <v>30006.879639999999</v>
      </c>
      <c r="AL4137">
        <v>94819.079150000005</v>
      </c>
      <c r="AM4137">
        <v>17762.90048</v>
      </c>
      <c r="AN4137">
        <v>95731.531929999997</v>
      </c>
      <c r="AO4137">
        <v>24493.39129</v>
      </c>
      <c r="AP4137">
        <v>20887.290110000002</v>
      </c>
    </row>
    <row r="4138" spans="2:42" x14ac:dyDescent="0.3">
      <c r="B4138">
        <v>67.186194519156317</v>
      </c>
      <c r="C4138" s="83">
        <v>43273.333333333336</v>
      </c>
      <c r="D4138">
        <v>293069.2107</v>
      </c>
      <c r="E4138">
        <v>28612.41445</v>
      </c>
      <c r="F4138">
        <v>89372.871440000003</v>
      </c>
      <c r="G4138">
        <v>59668.613409999998</v>
      </c>
      <c r="H4138">
        <v>47671.19066</v>
      </c>
      <c r="I4138">
        <v>39873.418279999998</v>
      </c>
      <c r="J4138">
        <v>44764.136960000003</v>
      </c>
      <c r="K4138">
        <v>59220.555489999999</v>
      </c>
      <c r="L4138">
        <v>24552.003100000002</v>
      </c>
      <c r="M4138">
        <v>342546.5514</v>
      </c>
      <c r="N4138">
        <v>82285.942469999995</v>
      </c>
      <c r="O4138">
        <v>23501.006310000001</v>
      </c>
      <c r="P4138">
        <v>33232.859360000002</v>
      </c>
      <c r="Q4138">
        <v>96098.418850000002</v>
      </c>
      <c r="R4138">
        <v>20807.552019999999</v>
      </c>
      <c r="S4138">
        <v>107023.7484</v>
      </c>
      <c r="T4138">
        <v>28085.396540000002</v>
      </c>
      <c r="U4138">
        <v>24161.793880000001</v>
      </c>
      <c r="W4138" s="83">
        <f>Bühler!N4170</f>
        <v>45464.333333323302</v>
      </c>
      <c r="X4138" s="83">
        <v>43273.333333333336</v>
      </c>
      <c r="Y4138">
        <v>293069.2107</v>
      </c>
      <c r="Z4138">
        <v>28612.41445</v>
      </c>
      <c r="AA4138">
        <v>89372.871440000003</v>
      </c>
      <c r="AB4138">
        <v>59668.613409999998</v>
      </c>
      <c r="AC4138">
        <v>47671.19066</v>
      </c>
      <c r="AD4138">
        <v>39873.418279999998</v>
      </c>
      <c r="AE4138">
        <v>44764.136960000003</v>
      </c>
      <c r="AF4138">
        <v>59220.555489999999</v>
      </c>
      <c r="AG4138">
        <v>24552.003100000002</v>
      </c>
      <c r="AH4138">
        <v>342546.5514</v>
      </c>
      <c r="AI4138">
        <v>82285.942469999995</v>
      </c>
      <c r="AJ4138">
        <v>23501.006310000001</v>
      </c>
      <c r="AK4138">
        <v>33232.859360000002</v>
      </c>
      <c r="AL4138">
        <v>96098.418850000002</v>
      </c>
      <c r="AM4138">
        <v>20807.552019999999</v>
      </c>
      <c r="AN4138">
        <v>107023.7484</v>
      </c>
      <c r="AO4138">
        <v>28085.396540000002</v>
      </c>
      <c r="AP4138">
        <v>24161.793880000001</v>
      </c>
    </row>
    <row r="4139" spans="2:42" x14ac:dyDescent="0.3">
      <c r="B4139">
        <v>68.032402400239462</v>
      </c>
      <c r="C4139" s="83">
        <v>43273.375</v>
      </c>
      <c r="D4139">
        <v>294578.92</v>
      </c>
      <c r="E4139">
        <v>33223.220529999999</v>
      </c>
      <c r="F4139">
        <v>97263.539640000003</v>
      </c>
      <c r="G4139">
        <v>68326.182950000002</v>
      </c>
      <c r="H4139">
        <v>50241.519110000001</v>
      </c>
      <c r="I4139">
        <v>39106.81738</v>
      </c>
      <c r="J4139">
        <v>46553.325649999999</v>
      </c>
      <c r="K4139">
        <v>63209.30932</v>
      </c>
      <c r="L4139">
        <v>27894.22063</v>
      </c>
      <c r="M4139">
        <v>346860.91379999998</v>
      </c>
      <c r="N4139">
        <v>85699.453389999995</v>
      </c>
      <c r="O4139">
        <v>25267.91646</v>
      </c>
      <c r="P4139">
        <v>36537.119639999997</v>
      </c>
      <c r="Q4139">
        <v>96569.369739999995</v>
      </c>
      <c r="R4139">
        <v>21841.313689999999</v>
      </c>
      <c r="S4139">
        <v>113961.04889999999</v>
      </c>
      <c r="T4139">
        <v>30191.033810000001</v>
      </c>
      <c r="U4139">
        <v>24793.44599</v>
      </c>
      <c r="W4139" s="83">
        <f>Bühler!N4171</f>
        <v>45464.374999989966</v>
      </c>
      <c r="X4139" s="83">
        <v>43273.375</v>
      </c>
      <c r="Y4139">
        <v>294578.92</v>
      </c>
      <c r="Z4139">
        <v>33223.220529999999</v>
      </c>
      <c r="AA4139">
        <v>97263.539640000003</v>
      </c>
      <c r="AB4139">
        <v>68326.182950000002</v>
      </c>
      <c r="AC4139">
        <v>50241.519110000001</v>
      </c>
      <c r="AD4139">
        <v>39106.81738</v>
      </c>
      <c r="AE4139">
        <v>46553.325649999999</v>
      </c>
      <c r="AF4139">
        <v>63209.30932</v>
      </c>
      <c r="AG4139">
        <v>27894.22063</v>
      </c>
      <c r="AH4139">
        <v>346860.91379999998</v>
      </c>
      <c r="AI4139">
        <v>85699.453389999995</v>
      </c>
      <c r="AJ4139">
        <v>25267.91646</v>
      </c>
      <c r="AK4139">
        <v>36537.119639999997</v>
      </c>
      <c r="AL4139">
        <v>96569.369739999995</v>
      </c>
      <c r="AM4139">
        <v>21841.313689999999</v>
      </c>
      <c r="AN4139">
        <v>113961.04889999999</v>
      </c>
      <c r="AO4139">
        <v>30191.033810000001</v>
      </c>
      <c r="AP4139">
        <v>24793.44599</v>
      </c>
    </row>
    <row r="4140" spans="2:42" x14ac:dyDescent="0.3">
      <c r="B4140">
        <v>67.961396714270549</v>
      </c>
      <c r="C4140" s="83">
        <v>43273.416666666664</v>
      </c>
      <c r="D4140">
        <v>296467.7464</v>
      </c>
      <c r="E4140">
        <v>35684.9761</v>
      </c>
      <c r="F4140">
        <v>98819.21776</v>
      </c>
      <c r="G4140">
        <v>70292.540959999998</v>
      </c>
      <c r="H4140">
        <v>51304.879370000002</v>
      </c>
      <c r="I4140">
        <v>38382.496249999997</v>
      </c>
      <c r="J4140">
        <v>46470.68391</v>
      </c>
      <c r="K4140">
        <v>63117.521820000002</v>
      </c>
      <c r="L4140">
        <v>31029.391339999998</v>
      </c>
      <c r="M4140">
        <v>346498.89370000002</v>
      </c>
      <c r="N4140">
        <v>88122.067729999995</v>
      </c>
      <c r="O4140">
        <v>24485.794320000001</v>
      </c>
      <c r="P4140">
        <v>38414.320529999997</v>
      </c>
      <c r="Q4140">
        <v>97096.680439999996</v>
      </c>
      <c r="R4140">
        <v>22016.831190000001</v>
      </c>
      <c r="S4140">
        <v>115427.4834</v>
      </c>
      <c r="T4140">
        <v>32937.695570000003</v>
      </c>
      <c r="U4140">
        <v>24359.660639999998</v>
      </c>
      <c r="W4140" s="83">
        <f>Bühler!N4172</f>
        <v>45464.416666656631</v>
      </c>
      <c r="X4140" s="83">
        <v>43273.416666666664</v>
      </c>
      <c r="Y4140">
        <v>296467.7464</v>
      </c>
      <c r="Z4140">
        <v>35684.9761</v>
      </c>
      <c r="AA4140">
        <v>98819.21776</v>
      </c>
      <c r="AB4140">
        <v>70292.540959999998</v>
      </c>
      <c r="AC4140">
        <v>51304.879370000002</v>
      </c>
      <c r="AD4140">
        <v>38382.496249999997</v>
      </c>
      <c r="AE4140">
        <v>46470.68391</v>
      </c>
      <c r="AF4140">
        <v>63117.521820000002</v>
      </c>
      <c r="AG4140">
        <v>31029.391339999998</v>
      </c>
      <c r="AH4140">
        <v>346498.89370000002</v>
      </c>
      <c r="AI4140">
        <v>88122.067729999995</v>
      </c>
      <c r="AJ4140">
        <v>24485.794320000001</v>
      </c>
      <c r="AK4140">
        <v>38414.320529999997</v>
      </c>
      <c r="AL4140">
        <v>97096.680439999996</v>
      </c>
      <c r="AM4140">
        <v>22016.831190000001</v>
      </c>
      <c r="AN4140">
        <v>115427.4834</v>
      </c>
      <c r="AO4140">
        <v>32937.695570000003</v>
      </c>
      <c r="AP4140">
        <v>24359.660639999998</v>
      </c>
    </row>
    <row r="4141" spans="2:42" x14ac:dyDescent="0.3">
      <c r="B4141">
        <v>67.956301495775875</v>
      </c>
      <c r="C4141" s="83">
        <v>43273.458333333336</v>
      </c>
      <c r="D4141">
        <v>292520.03580000001</v>
      </c>
      <c r="E4141">
        <v>35846.034590000003</v>
      </c>
      <c r="F4141">
        <v>99895.228959999993</v>
      </c>
      <c r="G4141">
        <v>68890.127779999995</v>
      </c>
      <c r="H4141">
        <v>50869.765099999997</v>
      </c>
      <c r="I4141">
        <v>37670.839809999998</v>
      </c>
      <c r="J4141">
        <v>46336.875769999999</v>
      </c>
      <c r="K4141">
        <v>63383.409189999998</v>
      </c>
      <c r="L4141">
        <v>32032.116740000001</v>
      </c>
      <c r="M4141">
        <v>346472.91590000002</v>
      </c>
      <c r="N4141">
        <v>88754.190700000006</v>
      </c>
      <c r="O4141">
        <v>24567.87657</v>
      </c>
      <c r="P4141">
        <v>36858.007100000003</v>
      </c>
      <c r="Q4141">
        <v>97754.503679999994</v>
      </c>
      <c r="R4141">
        <v>24467.622879999999</v>
      </c>
      <c r="S4141">
        <v>118212.8676</v>
      </c>
      <c r="T4141">
        <v>33290.64976</v>
      </c>
      <c r="U4141">
        <v>23839.57574</v>
      </c>
      <c r="W4141" s="83">
        <f>Bühler!N4173</f>
        <v>45464.458333323295</v>
      </c>
      <c r="X4141" s="83">
        <v>43273.458333333336</v>
      </c>
      <c r="Y4141">
        <v>292520.03580000001</v>
      </c>
      <c r="Z4141">
        <v>35846.034590000003</v>
      </c>
      <c r="AA4141">
        <v>99895.228959999993</v>
      </c>
      <c r="AB4141">
        <v>68890.127779999995</v>
      </c>
      <c r="AC4141">
        <v>50869.765099999997</v>
      </c>
      <c r="AD4141">
        <v>37670.839809999998</v>
      </c>
      <c r="AE4141">
        <v>46336.875769999999</v>
      </c>
      <c r="AF4141">
        <v>63383.409189999998</v>
      </c>
      <c r="AG4141">
        <v>32032.116740000001</v>
      </c>
      <c r="AH4141">
        <v>346472.91590000002</v>
      </c>
      <c r="AI4141">
        <v>88754.190700000006</v>
      </c>
      <c r="AJ4141">
        <v>24567.87657</v>
      </c>
      <c r="AK4141">
        <v>36858.007100000003</v>
      </c>
      <c r="AL4141">
        <v>97754.503679999994</v>
      </c>
      <c r="AM4141">
        <v>24467.622879999999</v>
      </c>
      <c r="AN4141">
        <v>118212.8676</v>
      </c>
      <c r="AO4141">
        <v>33290.64976</v>
      </c>
      <c r="AP4141">
        <v>23839.57574</v>
      </c>
    </row>
    <row r="4142" spans="2:42" x14ac:dyDescent="0.3">
      <c r="B4142">
        <v>66.263204371849582</v>
      </c>
      <c r="C4142" s="83">
        <v>43273.5</v>
      </c>
      <c r="D4142">
        <v>277962.32299999997</v>
      </c>
      <c r="E4142">
        <v>32794.447489999999</v>
      </c>
      <c r="F4142">
        <v>99187.40453</v>
      </c>
      <c r="G4142">
        <v>69988.434899999993</v>
      </c>
      <c r="H4142">
        <v>49112.158969999997</v>
      </c>
      <c r="I4142">
        <v>36665.598059999997</v>
      </c>
      <c r="J4142">
        <v>46548.445489999998</v>
      </c>
      <c r="K4142">
        <v>60342.751259999997</v>
      </c>
      <c r="L4142">
        <v>34284.026210000004</v>
      </c>
      <c r="M4142">
        <v>337840.71720000001</v>
      </c>
      <c r="N4142">
        <v>88199.204450000005</v>
      </c>
      <c r="O4142">
        <v>24120.776829999999</v>
      </c>
      <c r="P4142">
        <v>38227.64271</v>
      </c>
      <c r="Q4142">
        <v>96699.468800000002</v>
      </c>
      <c r="R4142">
        <v>24435.524389999999</v>
      </c>
      <c r="S4142">
        <v>112936.1681</v>
      </c>
      <c r="T4142">
        <v>32659.045569999998</v>
      </c>
      <c r="U4142">
        <v>19790.722460000001</v>
      </c>
      <c r="W4142" s="83">
        <f>Bühler!N4174</f>
        <v>45464.499999989959</v>
      </c>
      <c r="X4142" s="83">
        <v>43273.5</v>
      </c>
      <c r="Y4142">
        <v>277962.32299999997</v>
      </c>
      <c r="Z4142">
        <v>32794.447489999999</v>
      </c>
      <c r="AA4142">
        <v>99187.40453</v>
      </c>
      <c r="AB4142">
        <v>69988.434899999993</v>
      </c>
      <c r="AC4142">
        <v>49112.158969999997</v>
      </c>
      <c r="AD4142">
        <v>36665.598059999997</v>
      </c>
      <c r="AE4142">
        <v>46548.445489999998</v>
      </c>
      <c r="AF4142">
        <v>60342.751259999997</v>
      </c>
      <c r="AG4142">
        <v>34284.026210000004</v>
      </c>
      <c r="AH4142">
        <v>337840.71720000001</v>
      </c>
      <c r="AI4142">
        <v>88199.204450000005</v>
      </c>
      <c r="AJ4142">
        <v>24120.776829999999</v>
      </c>
      <c r="AK4142">
        <v>38227.64271</v>
      </c>
      <c r="AL4142">
        <v>96699.468800000002</v>
      </c>
      <c r="AM4142">
        <v>24435.524389999999</v>
      </c>
      <c r="AN4142">
        <v>112936.1681</v>
      </c>
      <c r="AO4142">
        <v>32659.045569999998</v>
      </c>
      <c r="AP4142">
        <v>19790.722460000001</v>
      </c>
    </row>
    <row r="4143" spans="2:42" x14ac:dyDescent="0.3">
      <c r="B4143">
        <v>66.186890011039125</v>
      </c>
      <c r="C4143" s="83">
        <v>43273.541666666664</v>
      </c>
      <c r="D4143">
        <v>275053.85749999998</v>
      </c>
      <c r="E4143">
        <v>32784.919430000002</v>
      </c>
      <c r="F4143">
        <v>98216.333979999996</v>
      </c>
      <c r="G4143">
        <v>64545.120060000001</v>
      </c>
      <c r="H4143">
        <v>48534.903960000003</v>
      </c>
      <c r="I4143">
        <v>36571.617879999998</v>
      </c>
      <c r="J4143">
        <v>45945.738879999997</v>
      </c>
      <c r="K4143">
        <v>61111.103860000003</v>
      </c>
      <c r="L4143">
        <v>33973.612379999999</v>
      </c>
      <c r="M4143">
        <v>337451.63099999999</v>
      </c>
      <c r="N4143">
        <v>88249.132159999994</v>
      </c>
      <c r="O4143">
        <v>24319.580440000002</v>
      </c>
      <c r="P4143">
        <v>37171.699670000002</v>
      </c>
      <c r="Q4143">
        <v>95967.431790000002</v>
      </c>
      <c r="R4143">
        <v>24015.434260000002</v>
      </c>
      <c r="S4143">
        <v>113001.2616</v>
      </c>
      <c r="T4143">
        <v>31825.548719999999</v>
      </c>
      <c r="U4143">
        <v>19108.262589999998</v>
      </c>
      <c r="W4143" s="83">
        <f>Bühler!N4175</f>
        <v>45464.541666656623</v>
      </c>
      <c r="X4143" s="83">
        <v>43273.541666666664</v>
      </c>
      <c r="Y4143">
        <v>275053.85749999998</v>
      </c>
      <c r="Z4143">
        <v>32784.919430000002</v>
      </c>
      <c r="AA4143">
        <v>98216.333979999996</v>
      </c>
      <c r="AB4143">
        <v>64545.120060000001</v>
      </c>
      <c r="AC4143">
        <v>48534.903960000003</v>
      </c>
      <c r="AD4143">
        <v>36571.617879999998</v>
      </c>
      <c r="AE4143">
        <v>45945.738879999997</v>
      </c>
      <c r="AF4143">
        <v>61111.103860000003</v>
      </c>
      <c r="AG4143">
        <v>33973.612379999999</v>
      </c>
      <c r="AH4143">
        <v>337451.63099999999</v>
      </c>
      <c r="AI4143">
        <v>88249.132159999994</v>
      </c>
      <c r="AJ4143">
        <v>24319.580440000002</v>
      </c>
      <c r="AK4143">
        <v>37171.699670000002</v>
      </c>
      <c r="AL4143">
        <v>95967.431790000002</v>
      </c>
      <c r="AM4143">
        <v>24015.434260000002</v>
      </c>
      <c r="AN4143">
        <v>113001.2616</v>
      </c>
      <c r="AO4143">
        <v>31825.548719999999</v>
      </c>
      <c r="AP4143">
        <v>19108.262589999998</v>
      </c>
    </row>
    <row r="4144" spans="2:42" x14ac:dyDescent="0.3">
      <c r="B4144">
        <v>66.300243294406741</v>
      </c>
      <c r="C4144" s="83">
        <v>43273.583333333336</v>
      </c>
      <c r="D4144">
        <v>275796.80920000002</v>
      </c>
      <c r="E4144">
        <v>35587.218719999997</v>
      </c>
      <c r="F4144">
        <v>99795.585980000003</v>
      </c>
      <c r="G4144">
        <v>58687.681140000001</v>
      </c>
      <c r="H4144">
        <v>48137.906150000003</v>
      </c>
      <c r="I4144">
        <v>36915.619989999999</v>
      </c>
      <c r="J4144">
        <v>45661.10411</v>
      </c>
      <c r="K4144">
        <v>61944.375039999999</v>
      </c>
      <c r="L4144">
        <v>30787.157340000002</v>
      </c>
      <c r="M4144">
        <v>338029.5589</v>
      </c>
      <c r="N4144">
        <v>88256.818480000002</v>
      </c>
      <c r="O4144">
        <v>24576.31725</v>
      </c>
      <c r="P4144">
        <v>32920.033689999997</v>
      </c>
      <c r="Q4144">
        <v>94392.710470000005</v>
      </c>
      <c r="R4144">
        <v>24020.600859999999</v>
      </c>
      <c r="S4144">
        <v>109464.7461</v>
      </c>
      <c r="T4144">
        <v>31043.795910000001</v>
      </c>
      <c r="U4144">
        <v>20344.14676</v>
      </c>
      <c r="W4144" s="83">
        <f>Bühler!N4176</f>
        <v>45464.583333323288</v>
      </c>
      <c r="X4144" s="83">
        <v>43273.583333333336</v>
      </c>
      <c r="Y4144">
        <v>275796.80920000002</v>
      </c>
      <c r="Z4144">
        <v>35587.218719999997</v>
      </c>
      <c r="AA4144">
        <v>99795.585980000003</v>
      </c>
      <c r="AB4144">
        <v>58687.681140000001</v>
      </c>
      <c r="AC4144">
        <v>48137.906150000003</v>
      </c>
      <c r="AD4144">
        <v>36915.619989999999</v>
      </c>
      <c r="AE4144">
        <v>45661.10411</v>
      </c>
      <c r="AF4144">
        <v>61944.375039999999</v>
      </c>
      <c r="AG4144">
        <v>30787.157340000002</v>
      </c>
      <c r="AH4144">
        <v>338029.5589</v>
      </c>
      <c r="AI4144">
        <v>88256.818480000002</v>
      </c>
      <c r="AJ4144">
        <v>24576.31725</v>
      </c>
      <c r="AK4144">
        <v>32920.033689999997</v>
      </c>
      <c r="AL4144">
        <v>94392.710470000005</v>
      </c>
      <c r="AM4144">
        <v>24020.600859999999</v>
      </c>
      <c r="AN4144">
        <v>109464.7461</v>
      </c>
      <c r="AO4144">
        <v>31043.795910000001</v>
      </c>
      <c r="AP4144">
        <v>20344.14676</v>
      </c>
    </row>
    <row r="4145" spans="2:42" x14ac:dyDescent="0.3">
      <c r="B4145">
        <v>66.43917695651038</v>
      </c>
      <c r="C4145" s="83">
        <v>43273.625</v>
      </c>
      <c r="D4145">
        <v>273386.88900000002</v>
      </c>
      <c r="E4145">
        <v>35385.546900000001</v>
      </c>
      <c r="F4145">
        <v>100678.2236</v>
      </c>
      <c r="G4145">
        <v>54516.272879999997</v>
      </c>
      <c r="H4145">
        <v>46783.0821</v>
      </c>
      <c r="I4145">
        <v>36953.390890000002</v>
      </c>
      <c r="J4145">
        <v>45261.227400000003</v>
      </c>
      <c r="K4145">
        <v>60804.87732</v>
      </c>
      <c r="L4145">
        <v>28282.154180000001</v>
      </c>
      <c r="M4145">
        <v>338737.90749999997</v>
      </c>
      <c r="N4145">
        <v>86694.342789999995</v>
      </c>
      <c r="O4145">
        <v>23754.30114</v>
      </c>
      <c r="P4145">
        <v>30755.284790000002</v>
      </c>
      <c r="Q4145">
        <v>93781.298370000004</v>
      </c>
      <c r="R4145">
        <v>24129.055629999999</v>
      </c>
      <c r="S4145">
        <v>106637.7306</v>
      </c>
      <c r="T4145">
        <v>30474.288240000002</v>
      </c>
      <c r="U4145">
        <v>18766.932990000001</v>
      </c>
      <c r="W4145" s="83">
        <f>Bühler!N4177</f>
        <v>45464.624999989952</v>
      </c>
      <c r="X4145" s="83">
        <v>43273.625</v>
      </c>
      <c r="Y4145">
        <v>273386.88900000002</v>
      </c>
      <c r="Z4145">
        <v>35385.546900000001</v>
      </c>
      <c r="AA4145">
        <v>100678.2236</v>
      </c>
      <c r="AB4145">
        <v>54516.272879999997</v>
      </c>
      <c r="AC4145">
        <v>46783.0821</v>
      </c>
      <c r="AD4145">
        <v>36953.390890000002</v>
      </c>
      <c r="AE4145">
        <v>45261.227400000003</v>
      </c>
      <c r="AF4145">
        <v>60804.87732</v>
      </c>
      <c r="AG4145">
        <v>28282.154180000001</v>
      </c>
      <c r="AH4145">
        <v>338737.90749999997</v>
      </c>
      <c r="AI4145">
        <v>86694.342789999995</v>
      </c>
      <c r="AJ4145">
        <v>23754.30114</v>
      </c>
      <c r="AK4145">
        <v>30755.284790000002</v>
      </c>
      <c r="AL4145">
        <v>93781.298370000004</v>
      </c>
      <c r="AM4145">
        <v>24129.055629999999</v>
      </c>
      <c r="AN4145">
        <v>106637.7306</v>
      </c>
      <c r="AO4145">
        <v>30474.288240000002</v>
      </c>
      <c r="AP4145">
        <v>18766.932990000001</v>
      </c>
    </row>
    <row r="4146" spans="2:42" x14ac:dyDescent="0.3">
      <c r="B4146">
        <v>65.257884466563326</v>
      </c>
      <c r="C4146" s="83">
        <v>43273.666666666664</v>
      </c>
      <c r="D4146">
        <v>263024.70159999997</v>
      </c>
      <c r="E4146">
        <v>34412.134140000002</v>
      </c>
      <c r="F4146">
        <v>100341.5546</v>
      </c>
      <c r="G4146">
        <v>49637.051330000002</v>
      </c>
      <c r="H4146">
        <v>45480.446000000004</v>
      </c>
      <c r="I4146">
        <v>37257.111239999998</v>
      </c>
      <c r="J4146">
        <v>44192.701489999999</v>
      </c>
      <c r="K4146">
        <v>55902.801160000003</v>
      </c>
      <c r="L4146">
        <v>27702.53513</v>
      </c>
      <c r="M4146">
        <v>332715.1275</v>
      </c>
      <c r="N4146">
        <v>82943.715219999998</v>
      </c>
      <c r="O4146">
        <v>23325.868030000001</v>
      </c>
      <c r="P4146">
        <v>30350.537369999998</v>
      </c>
      <c r="Q4146">
        <v>92527.571290000007</v>
      </c>
      <c r="R4146">
        <v>23124.314419999999</v>
      </c>
      <c r="S4146">
        <v>103093.81359999999</v>
      </c>
      <c r="T4146">
        <v>29988.635480000001</v>
      </c>
      <c r="U4146">
        <v>17528.30096</v>
      </c>
      <c r="W4146" s="83">
        <f>Bühler!N4178</f>
        <v>45464.666666656616</v>
      </c>
      <c r="X4146" s="83">
        <v>43273.666666666664</v>
      </c>
      <c r="Y4146">
        <v>263024.70159999997</v>
      </c>
      <c r="Z4146">
        <v>34412.134140000002</v>
      </c>
      <c r="AA4146">
        <v>100341.5546</v>
      </c>
      <c r="AB4146">
        <v>49637.051330000002</v>
      </c>
      <c r="AC4146">
        <v>45480.446000000004</v>
      </c>
      <c r="AD4146">
        <v>37257.111239999998</v>
      </c>
      <c r="AE4146">
        <v>44192.701489999999</v>
      </c>
      <c r="AF4146">
        <v>55902.801160000003</v>
      </c>
      <c r="AG4146">
        <v>27702.53513</v>
      </c>
      <c r="AH4146">
        <v>332715.1275</v>
      </c>
      <c r="AI4146">
        <v>82943.715219999998</v>
      </c>
      <c r="AJ4146">
        <v>23325.868030000001</v>
      </c>
      <c r="AK4146">
        <v>30350.537369999998</v>
      </c>
      <c r="AL4146">
        <v>92527.571290000007</v>
      </c>
      <c r="AM4146">
        <v>23124.314419999999</v>
      </c>
      <c r="AN4146">
        <v>103093.81359999999</v>
      </c>
      <c r="AO4146">
        <v>29988.635480000001</v>
      </c>
      <c r="AP4146">
        <v>17528.30096</v>
      </c>
    </row>
    <row r="4147" spans="2:42" x14ac:dyDescent="0.3">
      <c r="B4147">
        <v>63.534649769944721</v>
      </c>
      <c r="C4147" s="83">
        <v>43273.708333333336</v>
      </c>
      <c r="D4147">
        <v>254631.7034</v>
      </c>
      <c r="E4147">
        <v>32116.038949999998</v>
      </c>
      <c r="F4147">
        <v>99516.430919999999</v>
      </c>
      <c r="G4147">
        <v>44020.603410000003</v>
      </c>
      <c r="H4147">
        <v>43381.461150000003</v>
      </c>
      <c r="I4147">
        <v>37266.727800000001</v>
      </c>
      <c r="J4147">
        <v>45048.461470000002</v>
      </c>
      <c r="K4147">
        <v>52255.623209999998</v>
      </c>
      <c r="L4147">
        <v>28983.495780000001</v>
      </c>
      <c r="M4147">
        <v>323929.27340000001</v>
      </c>
      <c r="N4147">
        <v>81585.619210000004</v>
      </c>
      <c r="O4147">
        <v>22804.434969999998</v>
      </c>
      <c r="P4147">
        <v>31422.79262</v>
      </c>
      <c r="Q4147">
        <v>89901.881410000002</v>
      </c>
      <c r="R4147">
        <v>23960.09649</v>
      </c>
      <c r="S4147">
        <v>100340.815</v>
      </c>
      <c r="T4147">
        <v>29409.822479999999</v>
      </c>
      <c r="U4147">
        <v>15561.252630000001</v>
      </c>
      <c r="W4147" s="83">
        <f>Bühler!N4179</f>
        <v>45464.70833332328</v>
      </c>
      <c r="X4147" s="83">
        <v>43273.708333333336</v>
      </c>
      <c r="Y4147">
        <v>254631.7034</v>
      </c>
      <c r="Z4147">
        <v>32116.038949999998</v>
      </c>
      <c r="AA4147">
        <v>99516.430919999999</v>
      </c>
      <c r="AB4147">
        <v>44020.603410000003</v>
      </c>
      <c r="AC4147">
        <v>43381.461150000003</v>
      </c>
      <c r="AD4147">
        <v>37266.727800000001</v>
      </c>
      <c r="AE4147">
        <v>45048.461470000002</v>
      </c>
      <c r="AF4147">
        <v>52255.623209999998</v>
      </c>
      <c r="AG4147">
        <v>28983.495780000001</v>
      </c>
      <c r="AH4147">
        <v>323929.27340000001</v>
      </c>
      <c r="AI4147">
        <v>81585.619210000004</v>
      </c>
      <c r="AJ4147">
        <v>22804.434969999998</v>
      </c>
      <c r="AK4147">
        <v>31422.79262</v>
      </c>
      <c r="AL4147">
        <v>89901.881410000002</v>
      </c>
      <c r="AM4147">
        <v>23960.09649</v>
      </c>
      <c r="AN4147">
        <v>100340.815</v>
      </c>
      <c r="AO4147">
        <v>29409.822479999999</v>
      </c>
      <c r="AP4147">
        <v>15561.252630000001</v>
      </c>
    </row>
    <row r="4148" spans="2:42" x14ac:dyDescent="0.3">
      <c r="B4148">
        <v>62.521810976147897</v>
      </c>
      <c r="C4148" s="83">
        <v>43273.75</v>
      </c>
      <c r="D4148">
        <v>246823.04190000001</v>
      </c>
      <c r="E4148">
        <v>29252.931</v>
      </c>
      <c r="F4148">
        <v>96823.12126</v>
      </c>
      <c r="G4148">
        <v>39246.092049999999</v>
      </c>
      <c r="H4148">
        <v>41738.739139999998</v>
      </c>
      <c r="I4148">
        <v>36564.549930000001</v>
      </c>
      <c r="J4148">
        <v>44997.74</v>
      </c>
      <c r="K4148">
        <v>51197.940069999997</v>
      </c>
      <c r="L4148">
        <v>30379.387070000001</v>
      </c>
      <c r="M4148">
        <v>318765.34889999998</v>
      </c>
      <c r="N4148">
        <v>80402.141969999997</v>
      </c>
      <c r="O4148">
        <v>21472.296200000001</v>
      </c>
      <c r="P4148">
        <v>34437.592320000003</v>
      </c>
      <c r="Q4148">
        <v>87753.08726</v>
      </c>
      <c r="R4148">
        <v>22097.89443</v>
      </c>
      <c r="S4148">
        <v>93746.047699999996</v>
      </c>
      <c r="T4148">
        <v>28931.774010000001</v>
      </c>
      <c r="U4148">
        <v>14842.37681</v>
      </c>
      <c r="W4148" s="83">
        <f>Bühler!N4180</f>
        <v>45464.749999989945</v>
      </c>
      <c r="X4148" s="83">
        <v>43273.75</v>
      </c>
      <c r="Y4148">
        <v>246823.04190000001</v>
      </c>
      <c r="Z4148">
        <v>29252.931</v>
      </c>
      <c r="AA4148">
        <v>96823.12126</v>
      </c>
      <c r="AB4148">
        <v>39246.092049999999</v>
      </c>
      <c r="AC4148">
        <v>41738.739139999998</v>
      </c>
      <c r="AD4148">
        <v>36564.549930000001</v>
      </c>
      <c r="AE4148">
        <v>44997.74</v>
      </c>
      <c r="AF4148">
        <v>51197.940069999997</v>
      </c>
      <c r="AG4148">
        <v>30379.387070000001</v>
      </c>
      <c r="AH4148">
        <v>318765.34889999998</v>
      </c>
      <c r="AI4148">
        <v>80402.141969999997</v>
      </c>
      <c r="AJ4148">
        <v>21472.296200000001</v>
      </c>
      <c r="AK4148">
        <v>34437.592320000003</v>
      </c>
      <c r="AL4148">
        <v>87753.08726</v>
      </c>
      <c r="AM4148">
        <v>22097.89443</v>
      </c>
      <c r="AN4148">
        <v>93746.047699999996</v>
      </c>
      <c r="AO4148">
        <v>28931.774010000001</v>
      </c>
      <c r="AP4148">
        <v>14842.37681</v>
      </c>
    </row>
    <row r="4149" spans="2:42" x14ac:dyDescent="0.3">
      <c r="B4149">
        <v>60.97785609402532</v>
      </c>
      <c r="C4149" s="83">
        <v>43273.791666666664</v>
      </c>
      <c r="D4149">
        <v>237039.42490000001</v>
      </c>
      <c r="E4149">
        <v>23717.2667</v>
      </c>
      <c r="F4149">
        <v>86855.326130000001</v>
      </c>
      <c r="G4149">
        <v>36184.15724</v>
      </c>
      <c r="H4149">
        <v>38847.536849999997</v>
      </c>
      <c r="I4149">
        <v>33360.972130000002</v>
      </c>
      <c r="J4149">
        <v>43606.290459999997</v>
      </c>
      <c r="K4149">
        <v>49406.375740000003</v>
      </c>
      <c r="L4149">
        <v>30762.418979999999</v>
      </c>
      <c r="M4149">
        <v>310893.54690000002</v>
      </c>
      <c r="N4149">
        <v>78675.477669999993</v>
      </c>
      <c r="O4149">
        <v>20334.145779999999</v>
      </c>
      <c r="P4149">
        <v>36402.950199999999</v>
      </c>
      <c r="Q4149">
        <v>83616.136960000003</v>
      </c>
      <c r="R4149">
        <v>20476.873889999999</v>
      </c>
      <c r="S4149">
        <v>88791.573369999998</v>
      </c>
      <c r="T4149">
        <v>28411.855790000001</v>
      </c>
      <c r="U4149">
        <v>13543.489740000001</v>
      </c>
      <c r="W4149" s="83">
        <f>Bühler!N4181</f>
        <v>45464.791666656609</v>
      </c>
      <c r="X4149" s="83">
        <v>43273.791666666664</v>
      </c>
      <c r="Y4149">
        <v>237039.42490000001</v>
      </c>
      <c r="Z4149">
        <v>23717.2667</v>
      </c>
      <c r="AA4149">
        <v>86855.326130000001</v>
      </c>
      <c r="AB4149">
        <v>36184.15724</v>
      </c>
      <c r="AC4149">
        <v>38847.536849999997</v>
      </c>
      <c r="AD4149">
        <v>33360.972130000002</v>
      </c>
      <c r="AE4149">
        <v>43606.290459999997</v>
      </c>
      <c r="AF4149">
        <v>49406.375740000003</v>
      </c>
      <c r="AG4149">
        <v>30762.418979999999</v>
      </c>
      <c r="AH4149">
        <v>310893.54690000002</v>
      </c>
      <c r="AI4149">
        <v>78675.477669999993</v>
      </c>
      <c r="AJ4149">
        <v>20334.145779999999</v>
      </c>
      <c r="AK4149">
        <v>36402.950199999999</v>
      </c>
      <c r="AL4149">
        <v>83616.136960000003</v>
      </c>
      <c r="AM4149">
        <v>20476.873889999999</v>
      </c>
      <c r="AN4149">
        <v>88791.573369999998</v>
      </c>
      <c r="AO4149">
        <v>28411.855790000001</v>
      </c>
      <c r="AP4149">
        <v>13543.489740000001</v>
      </c>
    </row>
    <row r="4150" spans="2:42" x14ac:dyDescent="0.3">
      <c r="B4150">
        <v>58.436200480186443</v>
      </c>
      <c r="C4150" s="83">
        <v>43273.833333333336</v>
      </c>
      <c r="D4150">
        <v>228316.99429999999</v>
      </c>
      <c r="E4150">
        <v>17530.554619999999</v>
      </c>
      <c r="F4150">
        <v>67605.348530000003</v>
      </c>
      <c r="G4150">
        <v>33775.422639999997</v>
      </c>
      <c r="H4150">
        <v>36509.033049999998</v>
      </c>
      <c r="I4150">
        <v>30134.189689999999</v>
      </c>
      <c r="J4150">
        <v>42538.28959</v>
      </c>
      <c r="K4150">
        <v>47757.205119999999</v>
      </c>
      <c r="L4150">
        <v>29679.26208</v>
      </c>
      <c r="M4150">
        <v>297935.0013</v>
      </c>
      <c r="N4150">
        <v>76931.767649999994</v>
      </c>
      <c r="O4150">
        <v>19344.034489999998</v>
      </c>
      <c r="P4150">
        <v>35596.658089999997</v>
      </c>
      <c r="Q4150">
        <v>79243.723379999996</v>
      </c>
      <c r="R4150">
        <v>18942.787380000002</v>
      </c>
      <c r="S4150">
        <v>81209.593439999997</v>
      </c>
      <c r="T4150">
        <v>27191.753550000001</v>
      </c>
      <c r="U4150">
        <v>12586.108899999999</v>
      </c>
      <c r="W4150" s="83">
        <f>Bühler!N4182</f>
        <v>45464.833333323273</v>
      </c>
      <c r="X4150" s="83">
        <v>43273.833333333336</v>
      </c>
      <c r="Y4150">
        <v>228316.99429999999</v>
      </c>
      <c r="Z4150">
        <v>17530.554619999999</v>
      </c>
      <c r="AA4150">
        <v>67605.348530000003</v>
      </c>
      <c r="AB4150">
        <v>33775.422639999997</v>
      </c>
      <c r="AC4150">
        <v>36509.033049999998</v>
      </c>
      <c r="AD4150">
        <v>30134.189689999999</v>
      </c>
      <c r="AE4150">
        <v>42538.28959</v>
      </c>
      <c r="AF4150">
        <v>47757.205119999999</v>
      </c>
      <c r="AG4150">
        <v>29679.26208</v>
      </c>
      <c r="AH4150">
        <v>297935.0013</v>
      </c>
      <c r="AI4150">
        <v>76931.767649999994</v>
      </c>
      <c r="AJ4150">
        <v>19344.034489999998</v>
      </c>
      <c r="AK4150">
        <v>35596.658089999997</v>
      </c>
      <c r="AL4150">
        <v>79243.723379999996</v>
      </c>
      <c r="AM4150">
        <v>18942.787380000002</v>
      </c>
      <c r="AN4150">
        <v>81209.593439999997</v>
      </c>
      <c r="AO4150">
        <v>27191.753550000001</v>
      </c>
      <c r="AP4150">
        <v>12586.108899999999</v>
      </c>
    </row>
    <row r="4151" spans="2:42" x14ac:dyDescent="0.3">
      <c r="B4151">
        <v>57.168477293154304</v>
      </c>
      <c r="C4151" s="83">
        <v>43273.875</v>
      </c>
      <c r="D4151">
        <v>222786.6721</v>
      </c>
      <c r="E4151">
        <v>14858.78168</v>
      </c>
      <c r="F4151">
        <v>58267.896540000002</v>
      </c>
      <c r="G4151">
        <v>32393.60943</v>
      </c>
      <c r="H4151">
        <v>34482.945590000003</v>
      </c>
      <c r="I4151">
        <v>26426.052520000001</v>
      </c>
      <c r="J4151">
        <v>41289.307209999999</v>
      </c>
      <c r="K4151">
        <v>48941.886709999999</v>
      </c>
      <c r="L4151">
        <v>28252.765429999999</v>
      </c>
      <c r="M4151">
        <v>291471.55729999999</v>
      </c>
      <c r="N4151">
        <v>73821.139729999995</v>
      </c>
      <c r="O4151">
        <v>18282.076529999998</v>
      </c>
      <c r="P4151">
        <v>33906.650390000003</v>
      </c>
      <c r="Q4151">
        <v>75953.152570000006</v>
      </c>
      <c r="R4151">
        <v>17511.654129999999</v>
      </c>
      <c r="S4151">
        <v>77480.194470000002</v>
      </c>
      <c r="T4151">
        <v>25647.071830000001</v>
      </c>
      <c r="U4151">
        <v>12290.66113</v>
      </c>
      <c r="W4151" s="83">
        <f>Bühler!N4183</f>
        <v>45464.874999989937</v>
      </c>
      <c r="X4151" s="83">
        <v>43273.875</v>
      </c>
      <c r="Y4151">
        <v>222786.6721</v>
      </c>
      <c r="Z4151">
        <v>14858.78168</v>
      </c>
      <c r="AA4151">
        <v>58267.896540000002</v>
      </c>
      <c r="AB4151">
        <v>32393.60943</v>
      </c>
      <c r="AC4151">
        <v>34482.945590000003</v>
      </c>
      <c r="AD4151">
        <v>26426.052520000001</v>
      </c>
      <c r="AE4151">
        <v>41289.307209999999</v>
      </c>
      <c r="AF4151">
        <v>48941.886709999999</v>
      </c>
      <c r="AG4151">
        <v>28252.765429999999</v>
      </c>
      <c r="AH4151">
        <v>291471.55729999999</v>
      </c>
      <c r="AI4151">
        <v>73821.139729999995</v>
      </c>
      <c r="AJ4151">
        <v>18282.076529999998</v>
      </c>
      <c r="AK4151">
        <v>33906.650390000003</v>
      </c>
      <c r="AL4151">
        <v>75953.152570000006</v>
      </c>
      <c r="AM4151">
        <v>17511.654129999999</v>
      </c>
      <c r="AN4151">
        <v>77480.194470000002</v>
      </c>
      <c r="AO4151">
        <v>25647.071830000001</v>
      </c>
      <c r="AP4151">
        <v>12290.66113</v>
      </c>
    </row>
    <row r="4152" spans="2:42" x14ac:dyDescent="0.3">
      <c r="B4152">
        <v>56.764263699932961</v>
      </c>
      <c r="C4152" s="83">
        <v>43273.916666666664</v>
      </c>
      <c r="D4152">
        <v>221324.98130000001</v>
      </c>
      <c r="E4152">
        <v>14007.8685</v>
      </c>
      <c r="F4152">
        <v>55662.561430000002</v>
      </c>
      <c r="G4152">
        <v>32564.527569999998</v>
      </c>
      <c r="H4152">
        <v>35553.466820000001</v>
      </c>
      <c r="I4152">
        <v>24913.381839999998</v>
      </c>
      <c r="J4152">
        <v>41639.629610000004</v>
      </c>
      <c r="K4152">
        <v>52509.9064</v>
      </c>
      <c r="L4152">
        <v>25673.70001</v>
      </c>
      <c r="M4152">
        <v>289410.68790000002</v>
      </c>
      <c r="N4152">
        <v>73356.991219999996</v>
      </c>
      <c r="O4152">
        <v>17775.363010000001</v>
      </c>
      <c r="P4152">
        <v>37545.080370000003</v>
      </c>
      <c r="Q4152">
        <v>74350.513099999996</v>
      </c>
      <c r="R4152">
        <v>19386.560710000002</v>
      </c>
      <c r="S4152">
        <v>77334.057029999996</v>
      </c>
      <c r="T4152">
        <v>23121.67397</v>
      </c>
      <c r="U4152">
        <v>12682.11681</v>
      </c>
      <c r="W4152" s="83">
        <f>Bühler!N4184</f>
        <v>45464.916666656602</v>
      </c>
      <c r="X4152" s="83">
        <v>43273.916666666664</v>
      </c>
      <c r="Y4152">
        <v>221324.98130000001</v>
      </c>
      <c r="Z4152">
        <v>14007.8685</v>
      </c>
      <c r="AA4152">
        <v>55662.561430000002</v>
      </c>
      <c r="AB4152">
        <v>32564.527569999998</v>
      </c>
      <c r="AC4152">
        <v>35553.466820000001</v>
      </c>
      <c r="AD4152">
        <v>24913.381839999998</v>
      </c>
      <c r="AE4152">
        <v>41639.629610000004</v>
      </c>
      <c r="AF4152">
        <v>52509.9064</v>
      </c>
      <c r="AG4152">
        <v>25673.70001</v>
      </c>
      <c r="AH4152">
        <v>289410.68790000002</v>
      </c>
      <c r="AI4152">
        <v>73356.991219999996</v>
      </c>
      <c r="AJ4152">
        <v>17775.363010000001</v>
      </c>
      <c r="AK4152">
        <v>37545.080370000003</v>
      </c>
      <c r="AL4152">
        <v>74350.513099999996</v>
      </c>
      <c r="AM4152">
        <v>19386.560710000002</v>
      </c>
      <c r="AN4152">
        <v>77334.057029999996</v>
      </c>
      <c r="AO4152">
        <v>23121.67397</v>
      </c>
      <c r="AP4152">
        <v>12682.11681</v>
      </c>
    </row>
    <row r="4153" spans="2:42" x14ac:dyDescent="0.3">
      <c r="B4153">
        <v>56.165027636558627</v>
      </c>
      <c r="C4153" s="83">
        <v>43273.958333333336</v>
      </c>
      <c r="D4153">
        <v>219846.38389999999</v>
      </c>
      <c r="E4153">
        <v>13155.315640000001</v>
      </c>
      <c r="F4153">
        <v>53610.354180000002</v>
      </c>
      <c r="G4153">
        <v>32456.298620000001</v>
      </c>
      <c r="H4153">
        <v>34701.752800000002</v>
      </c>
      <c r="I4153">
        <v>24000.451420000001</v>
      </c>
      <c r="J4153">
        <v>38391.405700000003</v>
      </c>
      <c r="K4153">
        <v>51583.593390000002</v>
      </c>
      <c r="L4153">
        <v>22157.9028</v>
      </c>
      <c r="M4153">
        <v>286355.50300000003</v>
      </c>
      <c r="N4153">
        <v>71792.022119999994</v>
      </c>
      <c r="O4153">
        <v>18664.252519999998</v>
      </c>
      <c r="P4153">
        <v>32255.903170000001</v>
      </c>
      <c r="Q4153">
        <v>72925.204519999999</v>
      </c>
      <c r="R4153">
        <v>19931.8616</v>
      </c>
      <c r="S4153">
        <v>74729.023199999996</v>
      </c>
      <c r="T4153">
        <v>20338.601920000001</v>
      </c>
      <c r="U4153">
        <v>12058.11238</v>
      </c>
      <c r="W4153" s="83">
        <f>Bühler!N4185</f>
        <v>45464.958333323266</v>
      </c>
      <c r="X4153" s="83">
        <v>43273.958333333336</v>
      </c>
      <c r="Y4153">
        <v>219846.38389999999</v>
      </c>
      <c r="Z4153">
        <v>13155.315640000001</v>
      </c>
      <c r="AA4153">
        <v>53610.354180000002</v>
      </c>
      <c r="AB4153">
        <v>32456.298620000001</v>
      </c>
      <c r="AC4153">
        <v>34701.752800000002</v>
      </c>
      <c r="AD4153">
        <v>24000.451420000001</v>
      </c>
      <c r="AE4153">
        <v>38391.405700000003</v>
      </c>
      <c r="AF4153">
        <v>51583.593390000002</v>
      </c>
      <c r="AG4153">
        <v>22157.9028</v>
      </c>
      <c r="AH4153">
        <v>286355.50300000003</v>
      </c>
      <c r="AI4153">
        <v>71792.022119999994</v>
      </c>
      <c r="AJ4153">
        <v>18664.252519999998</v>
      </c>
      <c r="AK4153">
        <v>32255.903170000001</v>
      </c>
      <c r="AL4153">
        <v>72925.204519999999</v>
      </c>
      <c r="AM4153">
        <v>19931.8616</v>
      </c>
      <c r="AN4153">
        <v>74729.023199999996</v>
      </c>
      <c r="AO4153">
        <v>20338.601920000001</v>
      </c>
      <c r="AP4153">
        <v>12058.11238</v>
      </c>
    </row>
    <row r="4154" spans="2:42" x14ac:dyDescent="0.3">
      <c r="B4154">
        <v>55.084731164916647</v>
      </c>
      <c r="C4154" s="83">
        <v>43274</v>
      </c>
      <c r="D4154">
        <v>216037.28219999999</v>
      </c>
      <c r="E4154">
        <v>12757.54797</v>
      </c>
      <c r="F4154">
        <v>51861.129679999998</v>
      </c>
      <c r="G4154">
        <v>31836.412960000001</v>
      </c>
      <c r="H4154">
        <v>33969.110719999997</v>
      </c>
      <c r="I4154">
        <v>22372.232769999999</v>
      </c>
      <c r="J4154">
        <v>35260.814469999998</v>
      </c>
      <c r="K4154">
        <v>49043.791089999999</v>
      </c>
      <c r="L4154">
        <v>19692.807219999999</v>
      </c>
      <c r="M4154">
        <v>280847.64779999998</v>
      </c>
      <c r="N4154">
        <v>70746.429940000002</v>
      </c>
      <c r="O4154">
        <v>18020.906419999999</v>
      </c>
      <c r="P4154">
        <v>28601.980670000001</v>
      </c>
      <c r="Q4154">
        <v>70744.666880000004</v>
      </c>
      <c r="R4154">
        <v>15678.884389999999</v>
      </c>
      <c r="S4154">
        <v>73109.400750000001</v>
      </c>
      <c r="T4154">
        <v>19293.92338</v>
      </c>
      <c r="U4154">
        <v>11681.50238</v>
      </c>
      <c r="W4154" s="83">
        <f>Bühler!N4186</f>
        <v>45464.99999998993</v>
      </c>
      <c r="X4154" s="83">
        <v>43274</v>
      </c>
      <c r="Y4154">
        <v>216037.28219999999</v>
      </c>
      <c r="Z4154">
        <v>12757.54797</v>
      </c>
      <c r="AA4154">
        <v>51861.129679999998</v>
      </c>
      <c r="AB4154">
        <v>31836.412960000001</v>
      </c>
      <c r="AC4154">
        <v>33969.110719999997</v>
      </c>
      <c r="AD4154">
        <v>22372.232769999999</v>
      </c>
      <c r="AE4154">
        <v>35260.814469999998</v>
      </c>
      <c r="AF4154">
        <v>49043.791089999999</v>
      </c>
      <c r="AG4154">
        <v>19692.807219999999</v>
      </c>
      <c r="AH4154">
        <v>280847.64779999998</v>
      </c>
      <c r="AI4154">
        <v>70746.429940000002</v>
      </c>
      <c r="AJ4154">
        <v>18020.906419999999</v>
      </c>
      <c r="AK4154">
        <v>28601.980670000001</v>
      </c>
      <c r="AL4154">
        <v>70744.666880000004</v>
      </c>
      <c r="AM4154">
        <v>15678.884389999999</v>
      </c>
      <c r="AN4154">
        <v>73109.400750000001</v>
      </c>
      <c r="AO4154">
        <v>19293.92338</v>
      </c>
      <c r="AP4154">
        <v>11681.50238</v>
      </c>
    </row>
    <row r="4155" spans="2:42" x14ac:dyDescent="0.3">
      <c r="B4155">
        <v>53.956868330424669</v>
      </c>
      <c r="C4155" s="83">
        <v>43274.041666666664</v>
      </c>
      <c r="D4155">
        <v>211568.16390000001</v>
      </c>
      <c r="E4155">
        <v>12247.123219999999</v>
      </c>
      <c r="F4155">
        <v>51257.871249999997</v>
      </c>
      <c r="G4155">
        <v>31140.82734</v>
      </c>
      <c r="H4155">
        <v>33287.172100000003</v>
      </c>
      <c r="I4155">
        <v>18707.23963</v>
      </c>
      <c r="J4155">
        <v>34050.183920000003</v>
      </c>
      <c r="K4155">
        <v>47040.345509999999</v>
      </c>
      <c r="L4155">
        <v>17663.60482</v>
      </c>
      <c r="M4155">
        <v>275097.27710000001</v>
      </c>
      <c r="N4155">
        <v>68911.117809999996</v>
      </c>
      <c r="O4155">
        <v>17664.314249999999</v>
      </c>
      <c r="P4155">
        <v>26920.222720000002</v>
      </c>
      <c r="Q4155">
        <v>69791.151509999996</v>
      </c>
      <c r="R4155">
        <v>13130.722959999999</v>
      </c>
      <c r="S4155">
        <v>71697.880810000002</v>
      </c>
      <c r="T4155">
        <v>18393.441490000001</v>
      </c>
      <c r="U4155">
        <v>11681.429630000001</v>
      </c>
      <c r="W4155" s="83">
        <f>Bühler!N4187</f>
        <v>45465.041666656594</v>
      </c>
      <c r="X4155" s="83">
        <v>43274.041666666664</v>
      </c>
      <c r="Y4155">
        <v>211568.16390000001</v>
      </c>
      <c r="Z4155">
        <v>12247.123219999999</v>
      </c>
      <c r="AA4155">
        <v>51257.871249999997</v>
      </c>
      <c r="AB4155">
        <v>31140.82734</v>
      </c>
      <c r="AC4155">
        <v>33287.172100000003</v>
      </c>
      <c r="AD4155">
        <v>18707.23963</v>
      </c>
      <c r="AE4155">
        <v>34050.183920000003</v>
      </c>
      <c r="AF4155">
        <v>47040.345509999999</v>
      </c>
      <c r="AG4155">
        <v>17663.60482</v>
      </c>
      <c r="AH4155">
        <v>275097.27710000001</v>
      </c>
      <c r="AI4155">
        <v>68911.117809999996</v>
      </c>
      <c r="AJ4155">
        <v>17664.314249999999</v>
      </c>
      <c r="AK4155">
        <v>26920.222720000002</v>
      </c>
      <c r="AL4155">
        <v>69791.151509999996</v>
      </c>
      <c r="AM4155">
        <v>13130.722959999999</v>
      </c>
      <c r="AN4155">
        <v>71697.880810000002</v>
      </c>
      <c r="AO4155">
        <v>18393.441490000001</v>
      </c>
      <c r="AP4155">
        <v>11681.429630000001</v>
      </c>
    </row>
    <row r="4156" spans="2:42" x14ac:dyDescent="0.3">
      <c r="B4156">
        <v>52.732151899796051</v>
      </c>
      <c r="C4156" s="83">
        <v>43274.083333333336</v>
      </c>
      <c r="D4156">
        <v>207947.5417</v>
      </c>
      <c r="E4156">
        <v>12175.57987</v>
      </c>
      <c r="F4156">
        <v>51652.720670000002</v>
      </c>
      <c r="G4156">
        <v>30590.279030000002</v>
      </c>
      <c r="H4156">
        <v>32823.961089999997</v>
      </c>
      <c r="I4156">
        <v>16321.98281</v>
      </c>
      <c r="J4156">
        <v>33539.484420000001</v>
      </c>
      <c r="K4156">
        <v>45680.113389999999</v>
      </c>
      <c r="L4156">
        <v>17212.705310000001</v>
      </c>
      <c r="M4156">
        <v>268853.10159999999</v>
      </c>
      <c r="N4156">
        <v>67151.089500000002</v>
      </c>
      <c r="O4156">
        <v>17637.03961</v>
      </c>
      <c r="P4156">
        <v>25801.0628</v>
      </c>
      <c r="Q4156">
        <v>70300.922940000004</v>
      </c>
      <c r="R4156">
        <v>13472.579589999999</v>
      </c>
      <c r="S4156">
        <v>70472.588300000003</v>
      </c>
      <c r="T4156">
        <v>17953.134119999999</v>
      </c>
      <c r="U4156">
        <v>11219.449130000001</v>
      </c>
      <c r="W4156" s="83">
        <f>Bühler!N4188</f>
        <v>45465.083333323259</v>
      </c>
      <c r="X4156" s="83">
        <v>43274.083333333336</v>
      </c>
      <c r="Y4156">
        <v>207947.5417</v>
      </c>
      <c r="Z4156">
        <v>12175.57987</v>
      </c>
      <c r="AA4156">
        <v>51652.720670000002</v>
      </c>
      <c r="AB4156">
        <v>30590.279030000002</v>
      </c>
      <c r="AC4156">
        <v>32823.961089999997</v>
      </c>
      <c r="AD4156">
        <v>16321.98281</v>
      </c>
      <c r="AE4156">
        <v>33539.484420000001</v>
      </c>
      <c r="AF4156">
        <v>45680.113389999999</v>
      </c>
      <c r="AG4156">
        <v>17212.705310000001</v>
      </c>
      <c r="AH4156">
        <v>268853.10159999999</v>
      </c>
      <c r="AI4156">
        <v>67151.089500000002</v>
      </c>
      <c r="AJ4156">
        <v>17637.03961</v>
      </c>
      <c r="AK4156">
        <v>25801.0628</v>
      </c>
      <c r="AL4156">
        <v>70300.922940000004</v>
      </c>
      <c r="AM4156">
        <v>13472.579589999999</v>
      </c>
      <c r="AN4156">
        <v>70472.588300000003</v>
      </c>
      <c r="AO4156">
        <v>17953.134119999999</v>
      </c>
      <c r="AP4156">
        <v>11219.449130000001</v>
      </c>
    </row>
    <row r="4157" spans="2:42" x14ac:dyDescent="0.3">
      <c r="B4157">
        <v>51.910759834198203</v>
      </c>
      <c r="C4157" s="83">
        <v>43274.125</v>
      </c>
      <c r="D4157">
        <v>202417.0754</v>
      </c>
      <c r="E4157">
        <v>12018.896710000001</v>
      </c>
      <c r="F4157">
        <v>53214.17052</v>
      </c>
      <c r="G4157">
        <v>29582.988840000002</v>
      </c>
      <c r="H4157">
        <v>32396.163189999999</v>
      </c>
      <c r="I4157">
        <v>15341.16525</v>
      </c>
      <c r="J4157">
        <v>33599.568809999997</v>
      </c>
      <c r="K4157">
        <v>44899.22453</v>
      </c>
      <c r="L4157">
        <v>17012.10367</v>
      </c>
      <c r="M4157">
        <v>264665.26179999998</v>
      </c>
      <c r="N4157">
        <v>66670.152119999999</v>
      </c>
      <c r="O4157">
        <v>17509.809359999999</v>
      </c>
      <c r="P4157">
        <v>24323.520550000001</v>
      </c>
      <c r="Q4157">
        <v>70088.467659999995</v>
      </c>
      <c r="R4157">
        <v>12537.85823</v>
      </c>
      <c r="S4157">
        <v>70245.012990000003</v>
      </c>
      <c r="T4157">
        <v>17545.174719999999</v>
      </c>
      <c r="U4157">
        <v>11146.728370000001</v>
      </c>
      <c r="W4157" s="83">
        <f>Bühler!N4189</f>
        <v>45465.124999989923</v>
      </c>
      <c r="X4157" s="83">
        <v>43274.125</v>
      </c>
      <c r="Y4157">
        <v>202417.0754</v>
      </c>
      <c r="Z4157">
        <v>12018.896710000001</v>
      </c>
      <c r="AA4157">
        <v>53214.17052</v>
      </c>
      <c r="AB4157">
        <v>29582.988840000002</v>
      </c>
      <c r="AC4157">
        <v>32396.163189999999</v>
      </c>
      <c r="AD4157">
        <v>15341.16525</v>
      </c>
      <c r="AE4157">
        <v>33599.568809999997</v>
      </c>
      <c r="AF4157">
        <v>44899.22453</v>
      </c>
      <c r="AG4157">
        <v>17012.10367</v>
      </c>
      <c r="AH4157">
        <v>264665.26179999998</v>
      </c>
      <c r="AI4157">
        <v>66670.152119999999</v>
      </c>
      <c r="AJ4157">
        <v>17509.809359999999</v>
      </c>
      <c r="AK4157">
        <v>24323.520550000001</v>
      </c>
      <c r="AL4157">
        <v>70088.467659999995</v>
      </c>
      <c r="AM4157">
        <v>12537.85823</v>
      </c>
      <c r="AN4157">
        <v>70245.012990000003</v>
      </c>
      <c r="AO4157">
        <v>17545.174719999999</v>
      </c>
      <c r="AP4157">
        <v>11146.728370000001</v>
      </c>
    </row>
    <row r="4158" spans="2:42" x14ac:dyDescent="0.3">
      <c r="B4158">
        <v>50.09736902608045</v>
      </c>
      <c r="C4158" s="83">
        <v>43274.166666666664</v>
      </c>
      <c r="D4158">
        <v>193433.12210000001</v>
      </c>
      <c r="E4158">
        <v>12067.44616</v>
      </c>
      <c r="F4158">
        <v>55734.456209999997</v>
      </c>
      <c r="G4158">
        <v>28946.978660000001</v>
      </c>
      <c r="H4158">
        <v>32379.160309999999</v>
      </c>
      <c r="I4158">
        <v>16455.722809999999</v>
      </c>
      <c r="J4158">
        <v>35571.26528</v>
      </c>
      <c r="K4158">
        <v>43507.623540000001</v>
      </c>
      <c r="L4158">
        <v>16672.02017</v>
      </c>
      <c r="M4158">
        <v>255419.74979999999</v>
      </c>
      <c r="N4158">
        <v>65102.107170000003</v>
      </c>
      <c r="O4158">
        <v>17437.852569999999</v>
      </c>
      <c r="P4158">
        <v>23725.695380000001</v>
      </c>
      <c r="Q4158">
        <v>69326.84676</v>
      </c>
      <c r="R4158">
        <v>12803.856239999999</v>
      </c>
      <c r="S4158">
        <v>70347.748600000006</v>
      </c>
      <c r="T4158">
        <v>17559.17714</v>
      </c>
      <c r="U4158">
        <v>11401.17978</v>
      </c>
      <c r="W4158" s="83">
        <f>Bühler!N4190</f>
        <v>45465.166666656587</v>
      </c>
      <c r="X4158" s="83">
        <v>43274.166666666664</v>
      </c>
      <c r="Y4158">
        <v>193433.12210000001</v>
      </c>
      <c r="Z4158">
        <v>12067.44616</v>
      </c>
      <c r="AA4158">
        <v>55734.456209999997</v>
      </c>
      <c r="AB4158">
        <v>28946.978660000001</v>
      </c>
      <c r="AC4158">
        <v>32379.160309999999</v>
      </c>
      <c r="AD4158">
        <v>16455.722809999999</v>
      </c>
      <c r="AE4158">
        <v>35571.26528</v>
      </c>
      <c r="AF4158">
        <v>43507.623540000001</v>
      </c>
      <c r="AG4158">
        <v>16672.02017</v>
      </c>
      <c r="AH4158">
        <v>255419.74979999999</v>
      </c>
      <c r="AI4158">
        <v>65102.107170000003</v>
      </c>
      <c r="AJ4158">
        <v>17437.852569999999</v>
      </c>
      <c r="AK4158">
        <v>23725.695380000001</v>
      </c>
      <c r="AL4158">
        <v>69326.84676</v>
      </c>
      <c r="AM4158">
        <v>12803.856239999999</v>
      </c>
      <c r="AN4158">
        <v>70347.748600000006</v>
      </c>
      <c r="AO4158">
        <v>17559.17714</v>
      </c>
      <c r="AP4158">
        <v>11401.17978</v>
      </c>
    </row>
    <row r="4159" spans="2:42" x14ac:dyDescent="0.3">
      <c r="B4159">
        <v>48.978122802359927</v>
      </c>
      <c r="C4159" s="83">
        <v>43274.208333333336</v>
      </c>
      <c r="D4159">
        <v>189701.35370000001</v>
      </c>
      <c r="E4159">
        <v>12715.56314</v>
      </c>
      <c r="F4159">
        <v>64402.343119999998</v>
      </c>
      <c r="G4159">
        <v>28979.745360000001</v>
      </c>
      <c r="H4159">
        <v>32462.884460000001</v>
      </c>
      <c r="I4159">
        <v>22006.689040000001</v>
      </c>
      <c r="J4159">
        <v>38156.121039999998</v>
      </c>
      <c r="K4159">
        <v>42893.365599999997</v>
      </c>
      <c r="L4159">
        <v>17311.486099999998</v>
      </c>
      <c r="M4159">
        <v>249713.3106</v>
      </c>
      <c r="N4159">
        <v>62692.98835</v>
      </c>
      <c r="O4159">
        <v>17699.14919</v>
      </c>
      <c r="P4159">
        <v>24512.179670000001</v>
      </c>
      <c r="Q4159">
        <v>69367.834319999994</v>
      </c>
      <c r="R4159">
        <v>15253.660110000001</v>
      </c>
      <c r="S4159">
        <v>71036.25056</v>
      </c>
      <c r="T4159">
        <v>18073.101170000002</v>
      </c>
      <c r="U4159">
        <v>11968.62336</v>
      </c>
      <c r="W4159" s="83">
        <f>Bühler!N4191</f>
        <v>45465.208333323251</v>
      </c>
      <c r="X4159" s="83">
        <v>43274.208333333336</v>
      </c>
      <c r="Y4159">
        <v>189701.35370000001</v>
      </c>
      <c r="Z4159">
        <v>12715.56314</v>
      </c>
      <c r="AA4159">
        <v>64402.343119999998</v>
      </c>
      <c r="AB4159">
        <v>28979.745360000001</v>
      </c>
      <c r="AC4159">
        <v>32462.884460000001</v>
      </c>
      <c r="AD4159">
        <v>22006.689040000001</v>
      </c>
      <c r="AE4159">
        <v>38156.121039999998</v>
      </c>
      <c r="AF4159">
        <v>42893.365599999997</v>
      </c>
      <c r="AG4159">
        <v>17311.486099999998</v>
      </c>
      <c r="AH4159">
        <v>249713.3106</v>
      </c>
      <c r="AI4159">
        <v>62692.98835</v>
      </c>
      <c r="AJ4159">
        <v>17699.14919</v>
      </c>
      <c r="AK4159">
        <v>24512.179670000001</v>
      </c>
      <c r="AL4159">
        <v>69367.834319999994</v>
      </c>
      <c r="AM4159">
        <v>15253.660110000001</v>
      </c>
      <c r="AN4159">
        <v>71036.25056</v>
      </c>
      <c r="AO4159">
        <v>18073.101170000002</v>
      </c>
      <c r="AP4159">
        <v>11968.62336</v>
      </c>
    </row>
    <row r="4160" spans="2:42" x14ac:dyDescent="0.3">
      <c r="B4160">
        <v>48.393613069408175</v>
      </c>
      <c r="C4160" s="83">
        <v>43274.25</v>
      </c>
      <c r="D4160">
        <v>190580.22039999999</v>
      </c>
      <c r="E4160">
        <v>14014.298699999999</v>
      </c>
      <c r="F4160">
        <v>73747.386670000007</v>
      </c>
      <c r="G4160">
        <v>29402.609560000001</v>
      </c>
      <c r="H4160">
        <v>31835.928459999999</v>
      </c>
      <c r="I4160">
        <v>23828.9748</v>
      </c>
      <c r="J4160">
        <v>39252.258099999999</v>
      </c>
      <c r="K4160">
        <v>42481.289949999998</v>
      </c>
      <c r="L4160">
        <v>18628.08509</v>
      </c>
      <c r="M4160">
        <v>246733.20740000001</v>
      </c>
      <c r="N4160">
        <v>64098.831910000001</v>
      </c>
      <c r="O4160">
        <v>17891.218440000001</v>
      </c>
      <c r="P4160">
        <v>25310.145189999999</v>
      </c>
      <c r="Q4160">
        <v>66786.392869999996</v>
      </c>
      <c r="R4160">
        <v>12922.130859999999</v>
      </c>
      <c r="S4160">
        <v>73803.297550000003</v>
      </c>
      <c r="T4160">
        <v>19695.28109</v>
      </c>
      <c r="U4160">
        <v>11396.97897</v>
      </c>
      <c r="W4160" s="83">
        <f>Bühler!N4192</f>
        <v>45465.249999989916</v>
      </c>
      <c r="X4160" s="83">
        <v>43274.25</v>
      </c>
      <c r="Y4160">
        <v>190580.22039999999</v>
      </c>
      <c r="Z4160">
        <v>14014.298699999999</v>
      </c>
      <c r="AA4160">
        <v>73747.386670000007</v>
      </c>
      <c r="AB4160">
        <v>29402.609560000001</v>
      </c>
      <c r="AC4160">
        <v>31835.928459999999</v>
      </c>
      <c r="AD4160">
        <v>23828.9748</v>
      </c>
      <c r="AE4160">
        <v>39252.258099999999</v>
      </c>
      <c r="AF4160">
        <v>42481.289949999998</v>
      </c>
      <c r="AG4160">
        <v>18628.08509</v>
      </c>
      <c r="AH4160">
        <v>246733.20740000001</v>
      </c>
      <c r="AI4160">
        <v>64098.831910000001</v>
      </c>
      <c r="AJ4160">
        <v>17891.218440000001</v>
      </c>
      <c r="AK4160">
        <v>25310.145189999999</v>
      </c>
      <c r="AL4160">
        <v>66786.392869999996</v>
      </c>
      <c r="AM4160">
        <v>12922.130859999999</v>
      </c>
      <c r="AN4160">
        <v>73803.297550000003</v>
      </c>
      <c r="AO4160">
        <v>19695.28109</v>
      </c>
      <c r="AP4160">
        <v>11396.97897</v>
      </c>
    </row>
    <row r="4161" spans="2:42" x14ac:dyDescent="0.3">
      <c r="B4161">
        <v>49.042226706961692</v>
      </c>
      <c r="C4161" s="83">
        <v>43274.291666666664</v>
      </c>
      <c r="D4161">
        <v>190028.51920000001</v>
      </c>
      <c r="E4161">
        <v>16095.016809999999</v>
      </c>
      <c r="F4161">
        <v>77145.879100000006</v>
      </c>
      <c r="G4161">
        <v>30646.05846</v>
      </c>
      <c r="H4161">
        <v>32806.911930000002</v>
      </c>
      <c r="I4161">
        <v>25802.28587</v>
      </c>
      <c r="J4161">
        <v>40573.373160000003</v>
      </c>
      <c r="K4161">
        <v>43005.375290000004</v>
      </c>
      <c r="L4161">
        <v>19705.967219999999</v>
      </c>
      <c r="M4161">
        <v>250040.1422</v>
      </c>
      <c r="N4161">
        <v>63460.389009999999</v>
      </c>
      <c r="O4161">
        <v>17878.695449999999</v>
      </c>
      <c r="P4161">
        <v>27746.251660000002</v>
      </c>
      <c r="Q4161">
        <v>65024.615559999998</v>
      </c>
      <c r="R4161">
        <v>13038.168879999999</v>
      </c>
      <c r="S4161">
        <v>80071.135200000004</v>
      </c>
      <c r="T4161">
        <v>21352.674060000001</v>
      </c>
      <c r="U4161">
        <v>11526.26326</v>
      </c>
      <c r="W4161" s="83">
        <f>Bühler!N4193</f>
        <v>45465.29166665658</v>
      </c>
      <c r="X4161" s="83">
        <v>43274.291666666664</v>
      </c>
      <c r="Y4161">
        <v>190028.51920000001</v>
      </c>
      <c r="Z4161">
        <v>16095.016809999999</v>
      </c>
      <c r="AA4161">
        <v>77145.879100000006</v>
      </c>
      <c r="AB4161">
        <v>30646.05846</v>
      </c>
      <c r="AC4161">
        <v>32806.911930000002</v>
      </c>
      <c r="AD4161">
        <v>25802.28587</v>
      </c>
      <c r="AE4161">
        <v>40573.373160000003</v>
      </c>
      <c r="AF4161">
        <v>43005.375290000004</v>
      </c>
      <c r="AG4161">
        <v>19705.967219999999</v>
      </c>
      <c r="AH4161">
        <v>250040.1422</v>
      </c>
      <c r="AI4161">
        <v>63460.389009999999</v>
      </c>
      <c r="AJ4161">
        <v>17878.695449999999</v>
      </c>
      <c r="AK4161">
        <v>27746.251660000002</v>
      </c>
      <c r="AL4161">
        <v>65024.615559999998</v>
      </c>
      <c r="AM4161">
        <v>13038.168879999999</v>
      </c>
      <c r="AN4161">
        <v>80071.135200000004</v>
      </c>
      <c r="AO4161">
        <v>21352.674060000001</v>
      </c>
      <c r="AP4161">
        <v>11526.26326</v>
      </c>
    </row>
    <row r="4162" spans="2:42" x14ac:dyDescent="0.3">
      <c r="B4162">
        <v>48.875667070584001</v>
      </c>
      <c r="C4162" s="83">
        <v>43274.333333333336</v>
      </c>
      <c r="D4162">
        <v>189437.41990000001</v>
      </c>
      <c r="E4162">
        <v>19383.931929999999</v>
      </c>
      <c r="F4162">
        <v>83881.229560000007</v>
      </c>
      <c r="G4162">
        <v>31356.68276</v>
      </c>
      <c r="H4162">
        <v>33370.350100000003</v>
      </c>
      <c r="I4162">
        <v>27146.270359999999</v>
      </c>
      <c r="J4162">
        <v>42987.095379999999</v>
      </c>
      <c r="K4162">
        <v>44466.286670000001</v>
      </c>
      <c r="L4162">
        <v>22562.312030000001</v>
      </c>
      <c r="M4162">
        <v>249190.94349999999</v>
      </c>
      <c r="N4162">
        <v>63124.58223</v>
      </c>
      <c r="O4162">
        <v>18624.574530000002</v>
      </c>
      <c r="P4162">
        <v>30497.04177</v>
      </c>
      <c r="Q4162">
        <v>63743.662709999997</v>
      </c>
      <c r="R4162">
        <v>14665.655150000001</v>
      </c>
      <c r="S4162">
        <v>83985.318079999997</v>
      </c>
      <c r="T4162">
        <v>22497.174309999999</v>
      </c>
      <c r="U4162">
        <v>11873.63445</v>
      </c>
      <c r="W4162" s="83">
        <f>Bühler!N4194</f>
        <v>45465.333333323244</v>
      </c>
      <c r="X4162" s="83">
        <v>43274.333333333336</v>
      </c>
      <c r="Y4162">
        <v>189437.41990000001</v>
      </c>
      <c r="Z4162">
        <v>19383.931929999999</v>
      </c>
      <c r="AA4162">
        <v>83881.229560000007</v>
      </c>
      <c r="AB4162">
        <v>31356.68276</v>
      </c>
      <c r="AC4162">
        <v>33370.350100000003</v>
      </c>
      <c r="AD4162">
        <v>27146.270359999999</v>
      </c>
      <c r="AE4162">
        <v>42987.095379999999</v>
      </c>
      <c r="AF4162">
        <v>44466.286670000001</v>
      </c>
      <c r="AG4162">
        <v>22562.312030000001</v>
      </c>
      <c r="AH4162">
        <v>249190.94349999999</v>
      </c>
      <c r="AI4162">
        <v>63124.58223</v>
      </c>
      <c r="AJ4162">
        <v>18624.574530000002</v>
      </c>
      <c r="AK4162">
        <v>30497.04177</v>
      </c>
      <c r="AL4162">
        <v>63743.662709999997</v>
      </c>
      <c r="AM4162">
        <v>14665.655150000001</v>
      </c>
      <c r="AN4162">
        <v>83985.318079999997</v>
      </c>
      <c r="AO4162">
        <v>22497.174309999999</v>
      </c>
      <c r="AP4162">
        <v>11873.63445</v>
      </c>
    </row>
    <row r="4163" spans="2:42" x14ac:dyDescent="0.3">
      <c r="B4163">
        <v>48.653127600103787</v>
      </c>
      <c r="C4163" s="83">
        <v>43274.375</v>
      </c>
      <c r="D4163">
        <v>187966.70240000001</v>
      </c>
      <c r="E4163">
        <v>23756.352139999999</v>
      </c>
      <c r="F4163">
        <v>91828.93561</v>
      </c>
      <c r="G4163">
        <v>32424.632030000001</v>
      </c>
      <c r="H4163">
        <v>34482.714939999998</v>
      </c>
      <c r="I4163">
        <v>27847.934649999999</v>
      </c>
      <c r="J4163">
        <v>44132.65236</v>
      </c>
      <c r="K4163">
        <v>46981.62889</v>
      </c>
      <c r="L4163">
        <v>26565.18289</v>
      </c>
      <c r="M4163">
        <v>248056.33350000001</v>
      </c>
      <c r="N4163">
        <v>62249.898820000002</v>
      </c>
      <c r="O4163">
        <v>19579.98112</v>
      </c>
      <c r="P4163">
        <v>32813.294800000003</v>
      </c>
      <c r="Q4163">
        <v>64134.208350000001</v>
      </c>
      <c r="R4163">
        <v>14703.53601</v>
      </c>
      <c r="S4163">
        <v>87671.476920000001</v>
      </c>
      <c r="T4163">
        <v>25167.224900000001</v>
      </c>
      <c r="U4163">
        <v>12022.733120000001</v>
      </c>
      <c r="W4163" s="83">
        <f>Bühler!N4195</f>
        <v>45465.374999989908</v>
      </c>
      <c r="X4163" s="83">
        <v>43274.375</v>
      </c>
      <c r="Y4163">
        <v>187966.70240000001</v>
      </c>
      <c r="Z4163">
        <v>23756.352139999999</v>
      </c>
      <c r="AA4163">
        <v>91828.93561</v>
      </c>
      <c r="AB4163">
        <v>32424.632030000001</v>
      </c>
      <c r="AC4163">
        <v>34482.714939999998</v>
      </c>
      <c r="AD4163">
        <v>27847.934649999999</v>
      </c>
      <c r="AE4163">
        <v>44132.65236</v>
      </c>
      <c r="AF4163">
        <v>46981.62889</v>
      </c>
      <c r="AG4163">
        <v>26565.18289</v>
      </c>
      <c r="AH4163">
        <v>248056.33350000001</v>
      </c>
      <c r="AI4163">
        <v>62249.898820000002</v>
      </c>
      <c r="AJ4163">
        <v>19579.98112</v>
      </c>
      <c r="AK4163">
        <v>32813.294800000003</v>
      </c>
      <c r="AL4163">
        <v>64134.208350000001</v>
      </c>
      <c r="AM4163">
        <v>14703.53601</v>
      </c>
      <c r="AN4163">
        <v>87671.476920000001</v>
      </c>
      <c r="AO4163">
        <v>25167.224900000001</v>
      </c>
      <c r="AP4163">
        <v>12022.733120000001</v>
      </c>
    </row>
    <row r="4164" spans="2:42" x14ac:dyDescent="0.3">
      <c r="B4164">
        <v>48.528413684711708</v>
      </c>
      <c r="C4164" s="83">
        <v>43274.416666666664</v>
      </c>
      <c r="D4164">
        <v>187531.36979999999</v>
      </c>
      <c r="E4164">
        <v>25644.813979999999</v>
      </c>
      <c r="F4164">
        <v>92844.694690000004</v>
      </c>
      <c r="G4164">
        <v>32887.220909999996</v>
      </c>
      <c r="H4164">
        <v>35191.456429999998</v>
      </c>
      <c r="I4164">
        <v>27860.32418</v>
      </c>
      <c r="J4164">
        <v>43957.870849999999</v>
      </c>
      <c r="K4164">
        <v>48480.727010000002</v>
      </c>
      <c r="L4164">
        <v>30303.85817</v>
      </c>
      <c r="M4164">
        <v>247420.48379999999</v>
      </c>
      <c r="N4164">
        <v>62948.138279999999</v>
      </c>
      <c r="O4164">
        <v>19390.903590000002</v>
      </c>
      <c r="P4164">
        <v>35000.477279999999</v>
      </c>
      <c r="Q4164">
        <v>63629.809419999998</v>
      </c>
      <c r="R4164">
        <v>16085.028319999999</v>
      </c>
      <c r="S4164">
        <v>88589.274269999994</v>
      </c>
      <c r="T4164">
        <v>26995.798739999998</v>
      </c>
      <c r="U4164">
        <v>12202.824189999999</v>
      </c>
      <c r="W4164" s="83">
        <f>Bühler!N4196</f>
        <v>45465.416666656572</v>
      </c>
      <c r="X4164" s="83">
        <v>43274.416666666664</v>
      </c>
      <c r="Y4164">
        <v>187531.36979999999</v>
      </c>
      <c r="Z4164">
        <v>25644.813979999999</v>
      </c>
      <c r="AA4164">
        <v>92844.694690000004</v>
      </c>
      <c r="AB4164">
        <v>32887.220909999996</v>
      </c>
      <c r="AC4164">
        <v>35191.456429999998</v>
      </c>
      <c r="AD4164">
        <v>27860.32418</v>
      </c>
      <c r="AE4164">
        <v>43957.870849999999</v>
      </c>
      <c r="AF4164">
        <v>48480.727010000002</v>
      </c>
      <c r="AG4164">
        <v>30303.85817</v>
      </c>
      <c r="AH4164">
        <v>247420.48379999999</v>
      </c>
      <c r="AI4164">
        <v>62948.138279999999</v>
      </c>
      <c r="AJ4164">
        <v>19390.903590000002</v>
      </c>
      <c r="AK4164">
        <v>35000.477279999999</v>
      </c>
      <c r="AL4164">
        <v>63629.809419999998</v>
      </c>
      <c r="AM4164">
        <v>16085.028319999999</v>
      </c>
      <c r="AN4164">
        <v>88589.274269999994</v>
      </c>
      <c r="AO4164">
        <v>26995.798739999998</v>
      </c>
      <c r="AP4164">
        <v>12202.824189999999</v>
      </c>
    </row>
    <row r="4165" spans="2:42" x14ac:dyDescent="0.3">
      <c r="B4165">
        <v>48.975841096603773</v>
      </c>
      <c r="C4165" s="83">
        <v>43274.458333333336</v>
      </c>
      <c r="D4165">
        <v>183924.4045</v>
      </c>
      <c r="E4165">
        <v>25883.161049999999</v>
      </c>
      <c r="F4165">
        <v>93631.720199999996</v>
      </c>
      <c r="G4165">
        <v>33297.073920000003</v>
      </c>
      <c r="H4165">
        <v>35829.594799999999</v>
      </c>
      <c r="I4165">
        <v>28394.259340000001</v>
      </c>
      <c r="J4165">
        <v>44503.65537</v>
      </c>
      <c r="K4165">
        <v>49301.270579999997</v>
      </c>
      <c r="L4165">
        <v>31312.113829999998</v>
      </c>
      <c r="M4165">
        <v>249701.67739999999</v>
      </c>
      <c r="N4165">
        <v>65253.875870000003</v>
      </c>
      <c r="O4165">
        <v>19005.987249999998</v>
      </c>
      <c r="P4165">
        <v>35765.378499999999</v>
      </c>
      <c r="Q4165">
        <v>63037.389770000002</v>
      </c>
      <c r="R4165">
        <v>18542.67626</v>
      </c>
      <c r="S4165">
        <v>91401.827699999994</v>
      </c>
      <c r="T4165">
        <v>28191.362059999999</v>
      </c>
      <c r="U4165">
        <v>11836.939189999999</v>
      </c>
      <c r="W4165" s="83">
        <f>Bühler!N4197</f>
        <v>45465.458333323237</v>
      </c>
      <c r="X4165" s="83">
        <v>43274.458333333336</v>
      </c>
      <c r="Y4165">
        <v>183924.4045</v>
      </c>
      <c r="Z4165">
        <v>25883.161049999999</v>
      </c>
      <c r="AA4165">
        <v>93631.720199999996</v>
      </c>
      <c r="AB4165">
        <v>33297.073920000003</v>
      </c>
      <c r="AC4165">
        <v>35829.594799999999</v>
      </c>
      <c r="AD4165">
        <v>28394.259340000001</v>
      </c>
      <c r="AE4165">
        <v>44503.65537</v>
      </c>
      <c r="AF4165">
        <v>49301.270579999997</v>
      </c>
      <c r="AG4165">
        <v>31312.113829999998</v>
      </c>
      <c r="AH4165">
        <v>249701.67739999999</v>
      </c>
      <c r="AI4165">
        <v>65253.875870000003</v>
      </c>
      <c r="AJ4165">
        <v>19005.987249999998</v>
      </c>
      <c r="AK4165">
        <v>35765.378499999999</v>
      </c>
      <c r="AL4165">
        <v>63037.389770000002</v>
      </c>
      <c r="AM4165">
        <v>18542.67626</v>
      </c>
      <c r="AN4165">
        <v>91401.827699999994</v>
      </c>
      <c r="AO4165">
        <v>28191.362059999999</v>
      </c>
      <c r="AP4165">
        <v>11836.939189999999</v>
      </c>
    </row>
    <row r="4166" spans="2:42" x14ac:dyDescent="0.3">
      <c r="B4166">
        <v>47.781068592199347</v>
      </c>
      <c r="C4166" s="83">
        <v>43274.5</v>
      </c>
      <c r="D4166">
        <v>176217.1311</v>
      </c>
      <c r="E4166">
        <v>24810.376</v>
      </c>
      <c r="F4166">
        <v>92924.607359999995</v>
      </c>
      <c r="G4166">
        <v>33367.256050000004</v>
      </c>
      <c r="H4166">
        <v>35353.025049999997</v>
      </c>
      <c r="I4166">
        <v>29009.959459999998</v>
      </c>
      <c r="J4166">
        <v>45019.29866</v>
      </c>
      <c r="K4166">
        <v>48788.432099999998</v>
      </c>
      <c r="L4166">
        <v>33248.731919999998</v>
      </c>
      <c r="M4166">
        <v>243610.17</v>
      </c>
      <c r="N4166">
        <v>65266.438820000003</v>
      </c>
      <c r="O4166">
        <v>18623.333579999999</v>
      </c>
      <c r="P4166">
        <v>35983.651819999999</v>
      </c>
      <c r="Q4166">
        <v>61141.563219999996</v>
      </c>
      <c r="R4166">
        <v>17428.559260000002</v>
      </c>
      <c r="S4166">
        <v>87640.207710000002</v>
      </c>
      <c r="T4166">
        <v>27508.295389999999</v>
      </c>
      <c r="U4166">
        <v>11192.99289</v>
      </c>
      <c r="W4166" s="83">
        <f>Bühler!N4198</f>
        <v>45465.499999989901</v>
      </c>
      <c r="X4166" s="83">
        <v>43274.5</v>
      </c>
      <c r="Y4166">
        <v>176217.1311</v>
      </c>
      <c r="Z4166">
        <v>24810.376</v>
      </c>
      <c r="AA4166">
        <v>92924.607359999995</v>
      </c>
      <c r="AB4166">
        <v>33367.256050000004</v>
      </c>
      <c r="AC4166">
        <v>35353.025049999997</v>
      </c>
      <c r="AD4166">
        <v>29009.959459999998</v>
      </c>
      <c r="AE4166">
        <v>45019.29866</v>
      </c>
      <c r="AF4166">
        <v>48788.432099999998</v>
      </c>
      <c r="AG4166">
        <v>33248.731919999998</v>
      </c>
      <c r="AH4166">
        <v>243610.17</v>
      </c>
      <c r="AI4166">
        <v>65266.438820000003</v>
      </c>
      <c r="AJ4166">
        <v>18623.333579999999</v>
      </c>
      <c r="AK4166">
        <v>35983.651819999999</v>
      </c>
      <c r="AL4166">
        <v>61141.563219999996</v>
      </c>
      <c r="AM4166">
        <v>17428.559260000002</v>
      </c>
      <c r="AN4166">
        <v>87640.207710000002</v>
      </c>
      <c r="AO4166">
        <v>27508.295389999999</v>
      </c>
      <c r="AP4166">
        <v>11192.99289</v>
      </c>
    </row>
    <row r="4167" spans="2:42" x14ac:dyDescent="0.3">
      <c r="B4167">
        <v>47.230400310465996</v>
      </c>
      <c r="C4167" s="83">
        <v>43274.541666666664</v>
      </c>
      <c r="D4167">
        <v>172620.3463</v>
      </c>
      <c r="E4167">
        <v>24599.027099999999</v>
      </c>
      <c r="F4167">
        <v>92750.1155</v>
      </c>
      <c r="G4167">
        <v>32781.27867</v>
      </c>
      <c r="H4167">
        <v>35085.59418</v>
      </c>
      <c r="I4167">
        <v>28747.106049999999</v>
      </c>
      <c r="J4167">
        <v>44387.819199999998</v>
      </c>
      <c r="K4167">
        <v>48470.442020000002</v>
      </c>
      <c r="L4167">
        <v>33388.645940000002</v>
      </c>
      <c r="M4167">
        <v>240802.60630000001</v>
      </c>
      <c r="N4167">
        <v>65684.807050000003</v>
      </c>
      <c r="O4167">
        <v>18161.891469999999</v>
      </c>
      <c r="P4167">
        <v>34859.147980000002</v>
      </c>
      <c r="Q4167">
        <v>59525.859210000002</v>
      </c>
      <c r="R4167">
        <v>17600.203529999999</v>
      </c>
      <c r="S4167">
        <v>88090.917690000002</v>
      </c>
      <c r="T4167">
        <v>27393.288280000001</v>
      </c>
      <c r="U4167">
        <v>10822.341909999999</v>
      </c>
      <c r="W4167" s="83">
        <f>Bühler!N4199</f>
        <v>45465.541666656565</v>
      </c>
      <c r="X4167" s="83">
        <v>43274.541666666664</v>
      </c>
      <c r="Y4167">
        <v>172620.3463</v>
      </c>
      <c r="Z4167">
        <v>24599.027099999999</v>
      </c>
      <c r="AA4167">
        <v>92750.1155</v>
      </c>
      <c r="AB4167">
        <v>32781.27867</v>
      </c>
      <c r="AC4167">
        <v>35085.59418</v>
      </c>
      <c r="AD4167">
        <v>28747.106049999999</v>
      </c>
      <c r="AE4167">
        <v>44387.819199999998</v>
      </c>
      <c r="AF4167">
        <v>48470.442020000002</v>
      </c>
      <c r="AG4167">
        <v>33388.645940000002</v>
      </c>
      <c r="AH4167">
        <v>240802.60630000001</v>
      </c>
      <c r="AI4167">
        <v>65684.807050000003</v>
      </c>
      <c r="AJ4167">
        <v>18161.891469999999</v>
      </c>
      <c r="AK4167">
        <v>34859.147980000002</v>
      </c>
      <c r="AL4167">
        <v>59525.859210000002</v>
      </c>
      <c r="AM4167">
        <v>17600.203529999999</v>
      </c>
      <c r="AN4167">
        <v>88090.917690000002</v>
      </c>
      <c r="AO4167">
        <v>27393.288280000001</v>
      </c>
      <c r="AP4167">
        <v>10822.341909999999</v>
      </c>
    </row>
    <row r="4168" spans="2:42" x14ac:dyDescent="0.3">
      <c r="B4168">
        <v>46.52104805482027</v>
      </c>
      <c r="C4168" s="83">
        <v>43274.583333333336</v>
      </c>
      <c r="D4168">
        <v>171770.2162</v>
      </c>
      <c r="E4168">
        <v>25646.755639999999</v>
      </c>
      <c r="F4168">
        <v>93266.015530000004</v>
      </c>
      <c r="G4168">
        <v>32448.593669999998</v>
      </c>
      <c r="H4168">
        <v>34964.274720000001</v>
      </c>
      <c r="I4168">
        <v>29118.456620000001</v>
      </c>
      <c r="J4168">
        <v>43322.943339999998</v>
      </c>
      <c r="K4168">
        <v>48278.395349999999</v>
      </c>
      <c r="L4168">
        <v>32002.676149999999</v>
      </c>
      <c r="M4168">
        <v>237185.99770000001</v>
      </c>
      <c r="N4168">
        <v>64836.751980000001</v>
      </c>
      <c r="O4168">
        <v>18256.855479999998</v>
      </c>
      <c r="P4168">
        <v>31955.124879999999</v>
      </c>
      <c r="Q4168">
        <v>59355.493549999999</v>
      </c>
      <c r="R4168">
        <v>17539.97941</v>
      </c>
      <c r="S4168">
        <v>86019.051300000006</v>
      </c>
      <c r="T4168">
        <v>27821.11548</v>
      </c>
      <c r="U4168">
        <v>10923.226280000001</v>
      </c>
      <c r="W4168" s="83">
        <f>Bühler!N4200</f>
        <v>45465.583333323229</v>
      </c>
      <c r="X4168" s="83">
        <v>43274.583333333336</v>
      </c>
      <c r="Y4168">
        <v>171770.2162</v>
      </c>
      <c r="Z4168">
        <v>25646.755639999999</v>
      </c>
      <c r="AA4168">
        <v>93266.015530000004</v>
      </c>
      <c r="AB4168">
        <v>32448.593669999998</v>
      </c>
      <c r="AC4168">
        <v>34964.274720000001</v>
      </c>
      <c r="AD4168">
        <v>29118.456620000001</v>
      </c>
      <c r="AE4168">
        <v>43322.943339999998</v>
      </c>
      <c r="AF4168">
        <v>48278.395349999999</v>
      </c>
      <c r="AG4168">
        <v>32002.676149999999</v>
      </c>
      <c r="AH4168">
        <v>237185.99770000001</v>
      </c>
      <c r="AI4168">
        <v>64836.751980000001</v>
      </c>
      <c r="AJ4168">
        <v>18256.855479999998</v>
      </c>
      <c r="AK4168">
        <v>31955.124879999999</v>
      </c>
      <c r="AL4168">
        <v>59355.493549999999</v>
      </c>
      <c r="AM4168">
        <v>17539.97941</v>
      </c>
      <c r="AN4168">
        <v>86019.051300000006</v>
      </c>
      <c r="AO4168">
        <v>27821.11548</v>
      </c>
      <c r="AP4168">
        <v>10923.226280000001</v>
      </c>
    </row>
    <row r="4169" spans="2:42" x14ac:dyDescent="0.3">
      <c r="B4169">
        <v>46.263072928226514</v>
      </c>
      <c r="C4169" s="83">
        <v>43274.625</v>
      </c>
      <c r="D4169">
        <v>170997.49919999999</v>
      </c>
      <c r="E4169">
        <v>25893.692510000001</v>
      </c>
      <c r="F4169">
        <v>94073.935219999999</v>
      </c>
      <c r="G4169">
        <v>32260.83785</v>
      </c>
      <c r="H4169">
        <v>34794.273970000002</v>
      </c>
      <c r="I4169">
        <v>29884.765449999999</v>
      </c>
      <c r="J4169">
        <v>42993.955800000003</v>
      </c>
      <c r="K4169">
        <v>47422.593549999998</v>
      </c>
      <c r="L4169">
        <v>29982.241470000001</v>
      </c>
      <c r="M4169">
        <v>235870.72020000001</v>
      </c>
      <c r="N4169">
        <v>64249.036500000002</v>
      </c>
      <c r="O4169">
        <v>18009.333770000001</v>
      </c>
      <c r="P4169">
        <v>30040.6852</v>
      </c>
      <c r="Q4169">
        <v>58743.20304</v>
      </c>
      <c r="R4169">
        <v>17928.415000000001</v>
      </c>
      <c r="S4169">
        <v>86428.618659999993</v>
      </c>
      <c r="T4169">
        <v>28124.904620000001</v>
      </c>
      <c r="U4169">
        <v>10966.55364</v>
      </c>
      <c r="W4169" s="83">
        <f>Bühler!N4201</f>
        <v>45465.624999989894</v>
      </c>
      <c r="X4169" s="83">
        <v>43274.625</v>
      </c>
      <c r="Y4169">
        <v>170997.49919999999</v>
      </c>
      <c r="Z4169">
        <v>25893.692510000001</v>
      </c>
      <c r="AA4169">
        <v>94073.935219999999</v>
      </c>
      <c r="AB4169">
        <v>32260.83785</v>
      </c>
      <c r="AC4169">
        <v>34794.273970000002</v>
      </c>
      <c r="AD4169">
        <v>29884.765449999999</v>
      </c>
      <c r="AE4169">
        <v>42993.955800000003</v>
      </c>
      <c r="AF4169">
        <v>47422.593549999998</v>
      </c>
      <c r="AG4169">
        <v>29982.241470000001</v>
      </c>
      <c r="AH4169">
        <v>235870.72020000001</v>
      </c>
      <c r="AI4169">
        <v>64249.036500000002</v>
      </c>
      <c r="AJ4169">
        <v>18009.333770000001</v>
      </c>
      <c r="AK4169">
        <v>30040.6852</v>
      </c>
      <c r="AL4169">
        <v>58743.20304</v>
      </c>
      <c r="AM4169">
        <v>17928.415000000001</v>
      </c>
      <c r="AN4169">
        <v>86428.618659999993</v>
      </c>
      <c r="AO4169">
        <v>28124.904620000001</v>
      </c>
      <c r="AP4169">
        <v>10966.55364</v>
      </c>
    </row>
    <row r="4170" spans="2:42" x14ac:dyDescent="0.3">
      <c r="B4170">
        <v>45.598141677802751</v>
      </c>
      <c r="C4170" s="83">
        <v>43274.666666666664</v>
      </c>
      <c r="D4170">
        <v>169627.50659999999</v>
      </c>
      <c r="E4170">
        <v>25693.49036</v>
      </c>
      <c r="F4170">
        <v>93196.899359999996</v>
      </c>
      <c r="G4170">
        <v>32150.292369999999</v>
      </c>
      <c r="H4170">
        <v>34639.696219999998</v>
      </c>
      <c r="I4170">
        <v>29107.57315</v>
      </c>
      <c r="J4170">
        <v>42577.191910000001</v>
      </c>
      <c r="K4170">
        <v>45208.63005</v>
      </c>
      <c r="L4170">
        <v>29565.139859999999</v>
      </c>
      <c r="M4170">
        <v>232480.5906</v>
      </c>
      <c r="N4170">
        <v>65986.288270000005</v>
      </c>
      <c r="O4170">
        <v>18160.607179999999</v>
      </c>
      <c r="P4170">
        <v>30052.092430000001</v>
      </c>
      <c r="Q4170">
        <v>58464.064169999998</v>
      </c>
      <c r="R4170">
        <v>17277.953890000001</v>
      </c>
      <c r="S4170">
        <v>86504.022689999998</v>
      </c>
      <c r="T4170">
        <v>28367.260020000002</v>
      </c>
      <c r="U4170">
        <v>10833.38452</v>
      </c>
      <c r="W4170" s="83">
        <f>Bühler!N4202</f>
        <v>45465.666666656558</v>
      </c>
      <c r="X4170" s="83">
        <v>43274.666666666664</v>
      </c>
      <c r="Y4170">
        <v>169627.50659999999</v>
      </c>
      <c r="Z4170">
        <v>25693.49036</v>
      </c>
      <c r="AA4170">
        <v>93196.899359999996</v>
      </c>
      <c r="AB4170">
        <v>32150.292369999999</v>
      </c>
      <c r="AC4170">
        <v>34639.696219999998</v>
      </c>
      <c r="AD4170">
        <v>29107.57315</v>
      </c>
      <c r="AE4170">
        <v>42577.191910000001</v>
      </c>
      <c r="AF4170">
        <v>45208.63005</v>
      </c>
      <c r="AG4170">
        <v>29565.139859999999</v>
      </c>
      <c r="AH4170">
        <v>232480.5906</v>
      </c>
      <c r="AI4170">
        <v>65986.288270000005</v>
      </c>
      <c r="AJ4170">
        <v>18160.607179999999</v>
      </c>
      <c r="AK4170">
        <v>30052.092430000001</v>
      </c>
      <c r="AL4170">
        <v>58464.064169999998</v>
      </c>
      <c r="AM4170">
        <v>17277.953890000001</v>
      </c>
      <c r="AN4170">
        <v>86504.022689999998</v>
      </c>
      <c r="AO4170">
        <v>28367.260020000002</v>
      </c>
      <c r="AP4170">
        <v>10833.38452</v>
      </c>
    </row>
    <row r="4171" spans="2:42" x14ac:dyDescent="0.3">
      <c r="B4171">
        <v>44.861951586850751</v>
      </c>
      <c r="C4171" s="83">
        <v>43274.708333333336</v>
      </c>
      <c r="D4171">
        <v>166700.6189</v>
      </c>
      <c r="E4171">
        <v>25464.127479999999</v>
      </c>
      <c r="F4171">
        <v>92906.449389999994</v>
      </c>
      <c r="G4171">
        <v>31983.533429999999</v>
      </c>
      <c r="H4171">
        <v>34314.772559999998</v>
      </c>
      <c r="I4171">
        <v>29612.264360000001</v>
      </c>
      <c r="J4171">
        <v>43620.649949999999</v>
      </c>
      <c r="K4171">
        <v>43970.347309999997</v>
      </c>
      <c r="L4171">
        <v>29857.450440000001</v>
      </c>
      <c r="M4171">
        <v>228727.1502</v>
      </c>
      <c r="N4171">
        <v>65049.742100000003</v>
      </c>
      <c r="O4171">
        <v>18094.75172</v>
      </c>
      <c r="P4171">
        <v>32117.565719999999</v>
      </c>
      <c r="Q4171">
        <v>57344.679470000003</v>
      </c>
      <c r="R4171">
        <v>19486.33195</v>
      </c>
      <c r="S4171">
        <v>88445.962719999996</v>
      </c>
      <c r="T4171">
        <v>28144.89545</v>
      </c>
      <c r="U4171">
        <v>11030.721</v>
      </c>
      <c r="W4171" s="83">
        <f>Bühler!N4203</f>
        <v>45465.708333323222</v>
      </c>
      <c r="X4171" s="83">
        <v>43274.708333333336</v>
      </c>
      <c r="Y4171">
        <v>166700.6189</v>
      </c>
      <c r="Z4171">
        <v>25464.127479999999</v>
      </c>
      <c r="AA4171">
        <v>92906.449389999994</v>
      </c>
      <c r="AB4171">
        <v>31983.533429999999</v>
      </c>
      <c r="AC4171">
        <v>34314.772559999998</v>
      </c>
      <c r="AD4171">
        <v>29612.264360000001</v>
      </c>
      <c r="AE4171">
        <v>43620.649949999999</v>
      </c>
      <c r="AF4171">
        <v>43970.347309999997</v>
      </c>
      <c r="AG4171">
        <v>29857.450440000001</v>
      </c>
      <c r="AH4171">
        <v>228727.1502</v>
      </c>
      <c r="AI4171">
        <v>65049.742100000003</v>
      </c>
      <c r="AJ4171">
        <v>18094.75172</v>
      </c>
      <c r="AK4171">
        <v>32117.565719999999</v>
      </c>
      <c r="AL4171">
        <v>57344.679470000003</v>
      </c>
      <c r="AM4171">
        <v>19486.33195</v>
      </c>
      <c r="AN4171">
        <v>88445.962719999996</v>
      </c>
      <c r="AO4171">
        <v>28144.89545</v>
      </c>
      <c r="AP4171">
        <v>11030.721</v>
      </c>
    </row>
    <row r="4172" spans="2:42" x14ac:dyDescent="0.3">
      <c r="B4172">
        <v>43.901216245775387</v>
      </c>
      <c r="C4172" s="83">
        <v>43274.75</v>
      </c>
      <c r="D4172">
        <v>165205.47039999999</v>
      </c>
      <c r="E4172">
        <v>24114.548859999999</v>
      </c>
      <c r="F4172">
        <v>91167.587140000003</v>
      </c>
      <c r="G4172">
        <v>31446.637739999998</v>
      </c>
      <c r="H4172">
        <v>34239.940390000003</v>
      </c>
      <c r="I4172">
        <v>29327.174050000001</v>
      </c>
      <c r="J4172">
        <v>44208.692210000001</v>
      </c>
      <c r="K4172">
        <v>44500.009129999999</v>
      </c>
      <c r="L4172">
        <v>30518.767019999999</v>
      </c>
      <c r="M4172">
        <v>223828.87340000001</v>
      </c>
      <c r="N4172">
        <v>65722.524409999998</v>
      </c>
      <c r="O4172">
        <v>18062.972669999999</v>
      </c>
      <c r="P4172">
        <v>34745.263599999998</v>
      </c>
      <c r="Q4172">
        <v>55781.02362</v>
      </c>
      <c r="R4172">
        <v>17870.159210000002</v>
      </c>
      <c r="S4172">
        <v>84979.661099999998</v>
      </c>
      <c r="T4172">
        <v>27233.9126</v>
      </c>
      <c r="U4172">
        <v>11253.939189999999</v>
      </c>
      <c r="W4172" s="83">
        <f>Bühler!N4204</f>
        <v>45465.749999989886</v>
      </c>
      <c r="X4172" s="83">
        <v>43274.75</v>
      </c>
      <c r="Y4172">
        <v>165205.47039999999</v>
      </c>
      <c r="Z4172">
        <v>24114.548859999999</v>
      </c>
      <c r="AA4172">
        <v>91167.587140000003</v>
      </c>
      <c r="AB4172">
        <v>31446.637739999998</v>
      </c>
      <c r="AC4172">
        <v>34239.940390000003</v>
      </c>
      <c r="AD4172">
        <v>29327.174050000001</v>
      </c>
      <c r="AE4172">
        <v>44208.692210000001</v>
      </c>
      <c r="AF4172">
        <v>44500.009129999999</v>
      </c>
      <c r="AG4172">
        <v>30518.767019999999</v>
      </c>
      <c r="AH4172">
        <v>223828.87340000001</v>
      </c>
      <c r="AI4172">
        <v>65722.524409999998</v>
      </c>
      <c r="AJ4172">
        <v>18062.972669999999</v>
      </c>
      <c r="AK4172">
        <v>34745.263599999998</v>
      </c>
      <c r="AL4172">
        <v>55781.02362</v>
      </c>
      <c r="AM4172">
        <v>17870.159210000002</v>
      </c>
      <c r="AN4172">
        <v>84979.661099999998</v>
      </c>
      <c r="AO4172">
        <v>27233.9126</v>
      </c>
      <c r="AP4172">
        <v>11253.939189999999</v>
      </c>
    </row>
    <row r="4173" spans="2:42" x14ac:dyDescent="0.3">
      <c r="B4173">
        <v>43.839671110639777</v>
      </c>
      <c r="C4173" s="83">
        <v>43274.791666666664</v>
      </c>
      <c r="D4173">
        <v>164371.77739999999</v>
      </c>
      <c r="E4173">
        <v>19979.966550000001</v>
      </c>
      <c r="F4173">
        <v>79450.069059999994</v>
      </c>
      <c r="G4173">
        <v>31335.423510000001</v>
      </c>
      <c r="H4173">
        <v>33125.51384</v>
      </c>
      <c r="I4173">
        <v>28385.196400000001</v>
      </c>
      <c r="J4173">
        <v>42761.226649999997</v>
      </c>
      <c r="K4173">
        <v>44324.702210000003</v>
      </c>
      <c r="L4173">
        <v>30883.272789999999</v>
      </c>
      <c r="M4173">
        <v>223515.0876</v>
      </c>
      <c r="N4173">
        <v>68067.787700000001</v>
      </c>
      <c r="O4173">
        <v>17677.894779999999</v>
      </c>
      <c r="P4173">
        <v>37049.90251</v>
      </c>
      <c r="Q4173">
        <v>53900.276270000002</v>
      </c>
      <c r="R4173">
        <v>16674.434840000002</v>
      </c>
      <c r="S4173">
        <v>83008.49106</v>
      </c>
      <c r="T4173">
        <v>25231.320950000001</v>
      </c>
      <c r="U4173">
        <v>10907.9238</v>
      </c>
      <c r="W4173" s="83">
        <f>Bühler!N4205</f>
        <v>45465.791666656551</v>
      </c>
      <c r="X4173" s="83">
        <v>43274.791666666664</v>
      </c>
      <c r="Y4173">
        <v>164371.77739999999</v>
      </c>
      <c r="Z4173">
        <v>19979.966550000001</v>
      </c>
      <c r="AA4173">
        <v>79450.069059999994</v>
      </c>
      <c r="AB4173">
        <v>31335.423510000001</v>
      </c>
      <c r="AC4173">
        <v>33125.51384</v>
      </c>
      <c r="AD4173">
        <v>28385.196400000001</v>
      </c>
      <c r="AE4173">
        <v>42761.226649999997</v>
      </c>
      <c r="AF4173">
        <v>44324.702210000003</v>
      </c>
      <c r="AG4173">
        <v>30883.272789999999</v>
      </c>
      <c r="AH4173">
        <v>223515.0876</v>
      </c>
      <c r="AI4173">
        <v>68067.787700000001</v>
      </c>
      <c r="AJ4173">
        <v>17677.894779999999</v>
      </c>
      <c r="AK4173">
        <v>37049.90251</v>
      </c>
      <c r="AL4173">
        <v>53900.276270000002</v>
      </c>
      <c r="AM4173">
        <v>16674.434840000002</v>
      </c>
      <c r="AN4173">
        <v>83008.49106</v>
      </c>
      <c r="AO4173">
        <v>25231.320950000001</v>
      </c>
      <c r="AP4173">
        <v>10907.9238</v>
      </c>
    </row>
    <row r="4174" spans="2:42" x14ac:dyDescent="0.3">
      <c r="B4174">
        <v>42.249576510370154</v>
      </c>
      <c r="C4174" s="83">
        <v>43274.833333333336</v>
      </c>
      <c r="D4174">
        <v>162729.35819999999</v>
      </c>
      <c r="E4174">
        <v>15090.72157</v>
      </c>
      <c r="F4174">
        <v>61294.220419999998</v>
      </c>
      <c r="G4174">
        <v>30942.116689999999</v>
      </c>
      <c r="H4174">
        <v>32034.61476</v>
      </c>
      <c r="I4174">
        <v>26105.343209999999</v>
      </c>
      <c r="J4174">
        <v>41952.393499999998</v>
      </c>
      <c r="K4174">
        <v>45427.360760000003</v>
      </c>
      <c r="L4174">
        <v>30932.967219999999</v>
      </c>
      <c r="M4174">
        <v>215408.04380000001</v>
      </c>
      <c r="N4174">
        <v>66525.885179999997</v>
      </c>
      <c r="O4174">
        <v>17616.017820000001</v>
      </c>
      <c r="P4174">
        <v>36462.989589999997</v>
      </c>
      <c r="Q4174">
        <v>51888.443220000001</v>
      </c>
      <c r="R4174">
        <v>16130.912329999999</v>
      </c>
      <c r="S4174">
        <v>77962.618220000004</v>
      </c>
      <c r="T4174">
        <v>23078.622950000001</v>
      </c>
      <c r="U4174">
        <v>10804.00189</v>
      </c>
      <c r="W4174" s="83">
        <f>Bühler!N4206</f>
        <v>45465.833333323215</v>
      </c>
      <c r="X4174" s="83">
        <v>43274.833333333336</v>
      </c>
      <c r="Y4174">
        <v>162729.35819999999</v>
      </c>
      <c r="Z4174">
        <v>15090.72157</v>
      </c>
      <c r="AA4174">
        <v>61294.220419999998</v>
      </c>
      <c r="AB4174">
        <v>30942.116689999999</v>
      </c>
      <c r="AC4174">
        <v>32034.61476</v>
      </c>
      <c r="AD4174">
        <v>26105.343209999999</v>
      </c>
      <c r="AE4174">
        <v>41952.393499999998</v>
      </c>
      <c r="AF4174">
        <v>45427.360760000003</v>
      </c>
      <c r="AG4174">
        <v>30932.967219999999</v>
      </c>
      <c r="AH4174">
        <v>215408.04380000001</v>
      </c>
      <c r="AI4174">
        <v>66525.885179999997</v>
      </c>
      <c r="AJ4174">
        <v>17616.017820000001</v>
      </c>
      <c r="AK4174">
        <v>36462.989589999997</v>
      </c>
      <c r="AL4174">
        <v>51888.443220000001</v>
      </c>
      <c r="AM4174">
        <v>16130.912329999999</v>
      </c>
      <c r="AN4174">
        <v>77962.618220000004</v>
      </c>
      <c r="AO4174">
        <v>23078.622950000001</v>
      </c>
      <c r="AP4174">
        <v>10804.00189</v>
      </c>
    </row>
    <row r="4175" spans="2:42" x14ac:dyDescent="0.3">
      <c r="B4175">
        <v>41.866286405281329</v>
      </c>
      <c r="C4175" s="83">
        <v>43274.875</v>
      </c>
      <c r="D4175">
        <v>161808.2733</v>
      </c>
      <c r="E4175">
        <v>13482.36435</v>
      </c>
      <c r="F4175">
        <v>53156.159740000003</v>
      </c>
      <c r="G4175">
        <v>30518.659339999998</v>
      </c>
      <c r="H4175">
        <v>31590.219359999999</v>
      </c>
      <c r="I4175">
        <v>24001.578150000001</v>
      </c>
      <c r="J4175">
        <v>41280.25245</v>
      </c>
      <c r="K4175">
        <v>45803.644079999998</v>
      </c>
      <c r="L4175">
        <v>30002.256300000001</v>
      </c>
      <c r="M4175">
        <v>213453.85209999999</v>
      </c>
      <c r="N4175">
        <v>66980.184909999996</v>
      </c>
      <c r="O4175">
        <v>17362.98645</v>
      </c>
      <c r="P4175">
        <v>35071.561959999999</v>
      </c>
      <c r="Q4175">
        <v>50588.341800000002</v>
      </c>
      <c r="R4175">
        <v>16339.05615</v>
      </c>
      <c r="S4175">
        <v>75772.737439999997</v>
      </c>
      <c r="T4175">
        <v>22330.05042</v>
      </c>
      <c r="U4175">
        <v>10669.15408</v>
      </c>
      <c r="W4175" s="83">
        <f>Bühler!N4207</f>
        <v>45465.874999989879</v>
      </c>
      <c r="X4175" s="83">
        <v>43274.875</v>
      </c>
      <c r="Y4175">
        <v>161808.2733</v>
      </c>
      <c r="Z4175">
        <v>13482.36435</v>
      </c>
      <c r="AA4175">
        <v>53156.159740000003</v>
      </c>
      <c r="AB4175">
        <v>30518.659339999998</v>
      </c>
      <c r="AC4175">
        <v>31590.219359999999</v>
      </c>
      <c r="AD4175">
        <v>24001.578150000001</v>
      </c>
      <c r="AE4175">
        <v>41280.25245</v>
      </c>
      <c r="AF4175">
        <v>45803.644079999998</v>
      </c>
      <c r="AG4175">
        <v>30002.256300000001</v>
      </c>
      <c r="AH4175">
        <v>213453.85209999999</v>
      </c>
      <c r="AI4175">
        <v>66980.184909999996</v>
      </c>
      <c r="AJ4175">
        <v>17362.98645</v>
      </c>
      <c r="AK4175">
        <v>35071.561959999999</v>
      </c>
      <c r="AL4175">
        <v>50588.341800000002</v>
      </c>
      <c r="AM4175">
        <v>16339.05615</v>
      </c>
      <c r="AN4175">
        <v>75772.737439999997</v>
      </c>
      <c r="AO4175">
        <v>22330.05042</v>
      </c>
      <c r="AP4175">
        <v>10669.15408</v>
      </c>
    </row>
    <row r="4176" spans="2:42" x14ac:dyDescent="0.3">
      <c r="B4176">
        <v>41.86858001657847</v>
      </c>
      <c r="C4176" s="83">
        <v>43274.916666666664</v>
      </c>
      <c r="D4176">
        <v>162239.58609999999</v>
      </c>
      <c r="E4176">
        <v>13039.93122</v>
      </c>
      <c r="F4176">
        <v>51337.505640000003</v>
      </c>
      <c r="G4176">
        <v>31079.85398</v>
      </c>
      <c r="H4176">
        <v>33661.909789999998</v>
      </c>
      <c r="I4176">
        <v>23279.10038</v>
      </c>
      <c r="J4176">
        <v>41021.567519999997</v>
      </c>
      <c r="K4176">
        <v>50670.435219999999</v>
      </c>
      <c r="L4176">
        <v>27603.311600000001</v>
      </c>
      <c r="M4176">
        <v>213465.546</v>
      </c>
      <c r="N4176">
        <v>66355.40612</v>
      </c>
      <c r="O4176">
        <v>17237.580239999999</v>
      </c>
      <c r="P4176">
        <v>37763.593439999997</v>
      </c>
      <c r="Q4176">
        <v>50354.894610000003</v>
      </c>
      <c r="R4176">
        <v>17764.522069999999</v>
      </c>
      <c r="S4176">
        <v>75502.468770000007</v>
      </c>
      <c r="T4176">
        <v>22277.49669</v>
      </c>
      <c r="U4176">
        <v>11821.846030000001</v>
      </c>
      <c r="W4176" s="83">
        <f>Bühler!N4208</f>
        <v>45465.916666656543</v>
      </c>
      <c r="X4176" s="83">
        <v>43274.916666666664</v>
      </c>
      <c r="Y4176">
        <v>162239.58609999999</v>
      </c>
      <c r="Z4176">
        <v>13039.93122</v>
      </c>
      <c r="AA4176">
        <v>51337.505640000003</v>
      </c>
      <c r="AB4176">
        <v>31079.85398</v>
      </c>
      <c r="AC4176">
        <v>33661.909789999998</v>
      </c>
      <c r="AD4176">
        <v>23279.10038</v>
      </c>
      <c r="AE4176">
        <v>41021.567519999997</v>
      </c>
      <c r="AF4176">
        <v>50670.435219999999</v>
      </c>
      <c r="AG4176">
        <v>27603.311600000001</v>
      </c>
      <c r="AH4176">
        <v>213465.546</v>
      </c>
      <c r="AI4176">
        <v>66355.40612</v>
      </c>
      <c r="AJ4176">
        <v>17237.580239999999</v>
      </c>
      <c r="AK4176">
        <v>37763.593439999997</v>
      </c>
      <c r="AL4176">
        <v>50354.894610000003</v>
      </c>
      <c r="AM4176">
        <v>17764.522069999999</v>
      </c>
      <c r="AN4176">
        <v>75502.468770000007</v>
      </c>
      <c r="AO4176">
        <v>22277.49669</v>
      </c>
      <c r="AP4176">
        <v>11821.846030000001</v>
      </c>
    </row>
    <row r="4177" spans="2:42" x14ac:dyDescent="0.3">
      <c r="B4177">
        <v>42.248518094046879</v>
      </c>
      <c r="C4177" s="83">
        <v>43274.958333333336</v>
      </c>
      <c r="D4177">
        <v>161851.75630000001</v>
      </c>
      <c r="E4177">
        <v>12550.94643</v>
      </c>
      <c r="F4177">
        <v>49361.70983</v>
      </c>
      <c r="G4177">
        <v>31125.09045</v>
      </c>
      <c r="H4177">
        <v>33011.889280000003</v>
      </c>
      <c r="I4177">
        <v>22708.583299999998</v>
      </c>
      <c r="J4177">
        <v>37812.246319999998</v>
      </c>
      <c r="K4177">
        <v>49932.065040000001</v>
      </c>
      <c r="L4177">
        <v>23679.13003</v>
      </c>
      <c r="M4177">
        <v>215402.64749999999</v>
      </c>
      <c r="N4177">
        <v>65644.999840000004</v>
      </c>
      <c r="O4177">
        <v>16794.64474</v>
      </c>
      <c r="P4177">
        <v>32623.09115</v>
      </c>
      <c r="Q4177">
        <v>49855.99381</v>
      </c>
      <c r="R4177">
        <v>18513.643530000001</v>
      </c>
      <c r="S4177">
        <v>74180.350659999996</v>
      </c>
      <c r="T4177">
        <v>21033.157729999999</v>
      </c>
      <c r="U4177">
        <v>11365.18406</v>
      </c>
      <c r="W4177" s="83">
        <f>Bühler!N4209</f>
        <v>45465.958333323208</v>
      </c>
      <c r="X4177" s="83">
        <v>43274.958333333336</v>
      </c>
      <c r="Y4177">
        <v>161851.75630000001</v>
      </c>
      <c r="Z4177">
        <v>12550.94643</v>
      </c>
      <c r="AA4177">
        <v>49361.70983</v>
      </c>
      <c r="AB4177">
        <v>31125.09045</v>
      </c>
      <c r="AC4177">
        <v>33011.889280000003</v>
      </c>
      <c r="AD4177">
        <v>22708.583299999998</v>
      </c>
      <c r="AE4177">
        <v>37812.246319999998</v>
      </c>
      <c r="AF4177">
        <v>49932.065040000001</v>
      </c>
      <c r="AG4177">
        <v>23679.13003</v>
      </c>
      <c r="AH4177">
        <v>215402.64749999999</v>
      </c>
      <c r="AI4177">
        <v>65644.999840000004</v>
      </c>
      <c r="AJ4177">
        <v>16794.64474</v>
      </c>
      <c r="AK4177">
        <v>32623.09115</v>
      </c>
      <c r="AL4177">
        <v>49855.99381</v>
      </c>
      <c r="AM4177">
        <v>18513.643530000001</v>
      </c>
      <c r="AN4177">
        <v>74180.350659999996</v>
      </c>
      <c r="AO4177">
        <v>21033.157729999999</v>
      </c>
      <c r="AP4177">
        <v>11365.18406</v>
      </c>
    </row>
    <row r="4178" spans="2:42" x14ac:dyDescent="0.3">
      <c r="B4178">
        <v>41.779267197887712</v>
      </c>
      <c r="C4178" s="83">
        <v>43275</v>
      </c>
      <c r="D4178">
        <v>160272.09789999999</v>
      </c>
      <c r="E4178">
        <v>12282.24941</v>
      </c>
      <c r="F4178">
        <v>47958.220800000003</v>
      </c>
      <c r="G4178">
        <v>31077.78269</v>
      </c>
      <c r="H4178">
        <v>32548.773130000001</v>
      </c>
      <c r="I4178">
        <v>21230.410230000001</v>
      </c>
      <c r="J4178">
        <v>34774.235630000003</v>
      </c>
      <c r="K4178">
        <v>47750.706330000001</v>
      </c>
      <c r="L4178">
        <v>20336.29998</v>
      </c>
      <c r="M4178">
        <v>213010.1876</v>
      </c>
      <c r="N4178">
        <v>64233.392500000002</v>
      </c>
      <c r="O4178">
        <v>17047.737369999999</v>
      </c>
      <c r="P4178">
        <v>30891.204290000001</v>
      </c>
      <c r="Q4178">
        <v>49480.029949999996</v>
      </c>
      <c r="R4178">
        <v>15011.529699999999</v>
      </c>
      <c r="S4178">
        <v>72951.611189999996</v>
      </c>
      <c r="T4178">
        <v>19191.589400000001</v>
      </c>
      <c r="U4178">
        <v>11274.586590000001</v>
      </c>
      <c r="W4178" s="83">
        <f>Bühler!N4210</f>
        <v>45465.999999989872</v>
      </c>
      <c r="X4178" s="83">
        <v>43275</v>
      </c>
      <c r="Y4178">
        <v>160272.09789999999</v>
      </c>
      <c r="Z4178">
        <v>12282.24941</v>
      </c>
      <c r="AA4178">
        <v>47958.220800000003</v>
      </c>
      <c r="AB4178">
        <v>31077.78269</v>
      </c>
      <c r="AC4178">
        <v>32548.773130000001</v>
      </c>
      <c r="AD4178">
        <v>21230.410230000001</v>
      </c>
      <c r="AE4178">
        <v>34774.235630000003</v>
      </c>
      <c r="AF4178">
        <v>47750.706330000001</v>
      </c>
      <c r="AG4178">
        <v>20336.29998</v>
      </c>
      <c r="AH4178">
        <v>213010.1876</v>
      </c>
      <c r="AI4178">
        <v>64233.392500000002</v>
      </c>
      <c r="AJ4178">
        <v>17047.737369999999</v>
      </c>
      <c r="AK4178">
        <v>30891.204290000001</v>
      </c>
      <c r="AL4178">
        <v>49480.029949999996</v>
      </c>
      <c r="AM4178">
        <v>15011.529699999999</v>
      </c>
      <c r="AN4178">
        <v>72951.611189999996</v>
      </c>
      <c r="AO4178">
        <v>19191.589400000001</v>
      </c>
      <c r="AP4178">
        <v>11274.586590000001</v>
      </c>
    </row>
    <row r="4179" spans="2:42" x14ac:dyDescent="0.3">
      <c r="B4179">
        <v>41.020488804439275</v>
      </c>
      <c r="C4179" s="83">
        <v>43275.041666666664</v>
      </c>
      <c r="D4179">
        <v>159726.5269</v>
      </c>
      <c r="E4179">
        <v>12045.43044</v>
      </c>
      <c r="F4179">
        <v>47436.058989999998</v>
      </c>
      <c r="G4179">
        <v>30523.83279</v>
      </c>
      <c r="H4179">
        <v>31756.44471</v>
      </c>
      <c r="I4179">
        <v>18201.61578</v>
      </c>
      <c r="J4179">
        <v>33460.83971</v>
      </c>
      <c r="K4179">
        <v>45883.630089999999</v>
      </c>
      <c r="L4179">
        <v>18620.222949999999</v>
      </c>
      <c r="M4179">
        <v>209141.5815</v>
      </c>
      <c r="N4179">
        <v>63349.914770000003</v>
      </c>
      <c r="O4179">
        <v>17682.529269999999</v>
      </c>
      <c r="P4179">
        <v>28532.849600000001</v>
      </c>
      <c r="Q4179">
        <v>50252.493439999998</v>
      </c>
      <c r="R4179">
        <v>12642.83231</v>
      </c>
      <c r="S4179">
        <v>71450.225900000005</v>
      </c>
      <c r="T4179">
        <v>18297.75591</v>
      </c>
      <c r="U4179">
        <v>11085.478150000001</v>
      </c>
      <c r="W4179" s="83">
        <f>Bühler!N4211</f>
        <v>45466.041666656536</v>
      </c>
      <c r="X4179" s="83">
        <v>43275.041666666664</v>
      </c>
      <c r="Y4179">
        <v>159726.5269</v>
      </c>
      <c r="Z4179">
        <v>12045.43044</v>
      </c>
      <c r="AA4179">
        <v>47436.058989999998</v>
      </c>
      <c r="AB4179">
        <v>30523.83279</v>
      </c>
      <c r="AC4179">
        <v>31756.44471</v>
      </c>
      <c r="AD4179">
        <v>18201.61578</v>
      </c>
      <c r="AE4179">
        <v>33460.83971</v>
      </c>
      <c r="AF4179">
        <v>45883.630089999999</v>
      </c>
      <c r="AG4179">
        <v>18620.222949999999</v>
      </c>
      <c r="AH4179">
        <v>209141.5815</v>
      </c>
      <c r="AI4179">
        <v>63349.914770000003</v>
      </c>
      <c r="AJ4179">
        <v>17682.529269999999</v>
      </c>
      <c r="AK4179">
        <v>28532.849600000001</v>
      </c>
      <c r="AL4179">
        <v>50252.493439999998</v>
      </c>
      <c r="AM4179">
        <v>12642.83231</v>
      </c>
      <c r="AN4179">
        <v>71450.225900000005</v>
      </c>
      <c r="AO4179">
        <v>18297.75591</v>
      </c>
      <c r="AP4179">
        <v>11085.478150000001</v>
      </c>
    </row>
    <row r="4180" spans="2:42" x14ac:dyDescent="0.3">
      <c r="B4180">
        <v>40.988361280393057</v>
      </c>
      <c r="C4180" s="83">
        <v>43275.083333333336</v>
      </c>
      <c r="D4180">
        <v>159304.34659999999</v>
      </c>
      <c r="E4180">
        <v>11965.831399999999</v>
      </c>
      <c r="F4180">
        <v>47372.884859999998</v>
      </c>
      <c r="G4180">
        <v>30029.22525</v>
      </c>
      <c r="H4180">
        <v>31628.07704</v>
      </c>
      <c r="I4180">
        <v>16280.02346</v>
      </c>
      <c r="J4180">
        <v>32928.67555</v>
      </c>
      <c r="K4180">
        <v>44381.833229999997</v>
      </c>
      <c r="L4180">
        <v>17214.184679999998</v>
      </c>
      <c r="M4180">
        <v>208977.78039999999</v>
      </c>
      <c r="N4180">
        <v>62280.698120000001</v>
      </c>
      <c r="O4180">
        <v>17438.749250000001</v>
      </c>
      <c r="P4180">
        <v>26371.802250000001</v>
      </c>
      <c r="Q4180">
        <v>50974.207369999996</v>
      </c>
      <c r="R4180">
        <v>12559.17209</v>
      </c>
      <c r="S4180">
        <v>70755.257429999998</v>
      </c>
      <c r="T4180">
        <v>17680.019349999999</v>
      </c>
      <c r="U4180">
        <v>10920.088949999999</v>
      </c>
      <c r="W4180" s="83">
        <f>Bühler!N4212</f>
        <v>45466.0833333232</v>
      </c>
      <c r="X4180" s="83">
        <v>43275.083333333336</v>
      </c>
      <c r="Y4180">
        <v>159304.34659999999</v>
      </c>
      <c r="Z4180">
        <v>11965.831399999999</v>
      </c>
      <c r="AA4180">
        <v>47372.884859999998</v>
      </c>
      <c r="AB4180">
        <v>30029.22525</v>
      </c>
      <c r="AC4180">
        <v>31628.07704</v>
      </c>
      <c r="AD4180">
        <v>16280.02346</v>
      </c>
      <c r="AE4180">
        <v>32928.67555</v>
      </c>
      <c r="AF4180">
        <v>44381.833229999997</v>
      </c>
      <c r="AG4180">
        <v>17214.184679999998</v>
      </c>
      <c r="AH4180">
        <v>208977.78039999999</v>
      </c>
      <c r="AI4180">
        <v>62280.698120000001</v>
      </c>
      <c r="AJ4180">
        <v>17438.749250000001</v>
      </c>
      <c r="AK4180">
        <v>26371.802250000001</v>
      </c>
      <c r="AL4180">
        <v>50974.207369999996</v>
      </c>
      <c r="AM4180">
        <v>12559.17209</v>
      </c>
      <c r="AN4180">
        <v>70755.257429999998</v>
      </c>
      <c r="AO4180">
        <v>17680.019349999999</v>
      </c>
      <c r="AP4180">
        <v>10920.088949999999</v>
      </c>
    </row>
    <row r="4181" spans="2:42" x14ac:dyDescent="0.3">
      <c r="B4181">
        <v>41.154983386536877</v>
      </c>
      <c r="C4181" s="83">
        <v>43275.125</v>
      </c>
      <c r="D4181">
        <v>158127.12330000001</v>
      </c>
      <c r="E4181">
        <v>11905.21075</v>
      </c>
      <c r="F4181">
        <v>47100.607750000003</v>
      </c>
      <c r="G4181">
        <v>29240.29639</v>
      </c>
      <c r="H4181">
        <v>31300.427670000001</v>
      </c>
      <c r="I4181">
        <v>15179.17863</v>
      </c>
      <c r="J4181">
        <v>32987.044190000001</v>
      </c>
      <c r="K4181">
        <v>43400.047259999999</v>
      </c>
      <c r="L4181">
        <v>16719.977340000001</v>
      </c>
      <c r="M4181">
        <v>209827.29759999999</v>
      </c>
      <c r="N4181">
        <v>61375.376040000003</v>
      </c>
      <c r="O4181">
        <v>17139.05013</v>
      </c>
      <c r="P4181">
        <v>24710.648300000001</v>
      </c>
      <c r="Q4181">
        <v>52766.75333</v>
      </c>
      <c r="R4181">
        <v>11833.088530000001</v>
      </c>
      <c r="S4181">
        <v>70374.286170000007</v>
      </c>
      <c r="T4181">
        <v>17418.4162</v>
      </c>
      <c r="U4181">
        <v>10971.69844</v>
      </c>
      <c r="W4181" s="83">
        <f>Bühler!N4213</f>
        <v>45466.124999989865</v>
      </c>
      <c r="X4181" s="83">
        <v>43275.125</v>
      </c>
      <c r="Y4181">
        <v>158127.12330000001</v>
      </c>
      <c r="Z4181">
        <v>11905.21075</v>
      </c>
      <c r="AA4181">
        <v>47100.607750000003</v>
      </c>
      <c r="AB4181">
        <v>29240.29639</v>
      </c>
      <c r="AC4181">
        <v>31300.427670000001</v>
      </c>
      <c r="AD4181">
        <v>15179.17863</v>
      </c>
      <c r="AE4181">
        <v>32987.044190000001</v>
      </c>
      <c r="AF4181">
        <v>43400.047259999999</v>
      </c>
      <c r="AG4181">
        <v>16719.977340000001</v>
      </c>
      <c r="AH4181">
        <v>209827.29759999999</v>
      </c>
      <c r="AI4181">
        <v>61375.376040000003</v>
      </c>
      <c r="AJ4181">
        <v>17139.05013</v>
      </c>
      <c r="AK4181">
        <v>24710.648300000001</v>
      </c>
      <c r="AL4181">
        <v>52766.75333</v>
      </c>
      <c r="AM4181">
        <v>11833.088530000001</v>
      </c>
      <c r="AN4181">
        <v>70374.286170000007</v>
      </c>
      <c r="AO4181">
        <v>17418.4162</v>
      </c>
      <c r="AP4181">
        <v>10971.69844</v>
      </c>
    </row>
    <row r="4182" spans="2:42" x14ac:dyDescent="0.3">
      <c r="B4182">
        <v>40.843191468461711</v>
      </c>
      <c r="C4182" s="83">
        <v>43275.166666666664</v>
      </c>
      <c r="D4182">
        <v>157068.23560000001</v>
      </c>
      <c r="E4182">
        <v>11844.264020000001</v>
      </c>
      <c r="F4182">
        <v>46860.957199999997</v>
      </c>
      <c r="G4182">
        <v>28444.81957</v>
      </c>
      <c r="H4182">
        <v>31291.498240000001</v>
      </c>
      <c r="I4182">
        <v>14978.17657</v>
      </c>
      <c r="J4182">
        <v>35007.495239999997</v>
      </c>
      <c r="K4182">
        <v>42567.756630000003</v>
      </c>
      <c r="L4182">
        <v>16705.867109999999</v>
      </c>
      <c r="M4182">
        <v>208237.63699999999</v>
      </c>
      <c r="N4182">
        <v>59700.392</v>
      </c>
      <c r="O4182">
        <v>17623.237420000001</v>
      </c>
      <c r="P4182">
        <v>24237.457109999999</v>
      </c>
      <c r="Q4182">
        <v>53451.818070000001</v>
      </c>
      <c r="R4182">
        <v>11770.06639</v>
      </c>
      <c r="S4182">
        <v>70080.913400000005</v>
      </c>
      <c r="T4182">
        <v>17249.453440000001</v>
      </c>
      <c r="U4182">
        <v>10760.849920000001</v>
      </c>
      <c r="W4182" s="83">
        <f>Bühler!N4214</f>
        <v>45466.166666656529</v>
      </c>
      <c r="X4182" s="83">
        <v>43275.166666666664</v>
      </c>
      <c r="Y4182">
        <v>157068.23560000001</v>
      </c>
      <c r="Z4182">
        <v>11844.264020000001</v>
      </c>
      <c r="AA4182">
        <v>46860.957199999997</v>
      </c>
      <c r="AB4182">
        <v>28444.81957</v>
      </c>
      <c r="AC4182">
        <v>31291.498240000001</v>
      </c>
      <c r="AD4182">
        <v>14978.17657</v>
      </c>
      <c r="AE4182">
        <v>35007.495239999997</v>
      </c>
      <c r="AF4182">
        <v>42567.756630000003</v>
      </c>
      <c r="AG4182">
        <v>16705.867109999999</v>
      </c>
      <c r="AH4182">
        <v>208237.63699999999</v>
      </c>
      <c r="AI4182">
        <v>59700.392</v>
      </c>
      <c r="AJ4182">
        <v>17623.237420000001</v>
      </c>
      <c r="AK4182">
        <v>24237.457109999999</v>
      </c>
      <c r="AL4182">
        <v>53451.818070000001</v>
      </c>
      <c r="AM4182">
        <v>11770.06639</v>
      </c>
      <c r="AN4182">
        <v>70080.913400000005</v>
      </c>
      <c r="AO4182">
        <v>17249.453440000001</v>
      </c>
      <c r="AP4182">
        <v>10760.849920000001</v>
      </c>
    </row>
    <row r="4183" spans="2:42" x14ac:dyDescent="0.3">
      <c r="B4183">
        <v>40.666286760358055</v>
      </c>
      <c r="C4183" s="83">
        <v>43275.208333333336</v>
      </c>
      <c r="D4183">
        <v>156238.05230000001</v>
      </c>
      <c r="E4183">
        <v>11829.737160000001</v>
      </c>
      <c r="F4183">
        <v>47649.241289999998</v>
      </c>
      <c r="G4183">
        <v>28227.096420000002</v>
      </c>
      <c r="H4183">
        <v>30937.174220000001</v>
      </c>
      <c r="I4183">
        <v>18135.25143</v>
      </c>
      <c r="J4183">
        <v>37436.868690000003</v>
      </c>
      <c r="K4183">
        <v>41545.308299999997</v>
      </c>
      <c r="L4183">
        <v>17027.459030000002</v>
      </c>
      <c r="M4183">
        <v>207335.6943</v>
      </c>
      <c r="N4183">
        <v>58773.304400000001</v>
      </c>
      <c r="O4183">
        <v>17412.151089999999</v>
      </c>
      <c r="P4183">
        <v>25268.248360000001</v>
      </c>
      <c r="Q4183">
        <v>52988.738619999996</v>
      </c>
      <c r="R4183">
        <v>13426.037539999999</v>
      </c>
      <c r="S4183">
        <v>70925.904490000001</v>
      </c>
      <c r="T4183">
        <v>17188.615570000002</v>
      </c>
      <c r="U4183">
        <v>10827.46178</v>
      </c>
      <c r="W4183" s="83">
        <f>Bühler!N4215</f>
        <v>45466.208333323193</v>
      </c>
      <c r="X4183" s="83">
        <v>43275.208333333336</v>
      </c>
      <c r="Y4183">
        <v>156238.05230000001</v>
      </c>
      <c r="Z4183">
        <v>11829.737160000001</v>
      </c>
      <c r="AA4183">
        <v>47649.241289999998</v>
      </c>
      <c r="AB4183">
        <v>28227.096420000002</v>
      </c>
      <c r="AC4183">
        <v>30937.174220000001</v>
      </c>
      <c r="AD4183">
        <v>18135.25143</v>
      </c>
      <c r="AE4183">
        <v>37436.868690000003</v>
      </c>
      <c r="AF4183">
        <v>41545.308299999997</v>
      </c>
      <c r="AG4183">
        <v>17027.459030000002</v>
      </c>
      <c r="AH4183">
        <v>207335.6943</v>
      </c>
      <c r="AI4183">
        <v>58773.304400000001</v>
      </c>
      <c r="AJ4183">
        <v>17412.151089999999</v>
      </c>
      <c r="AK4183">
        <v>25268.248360000001</v>
      </c>
      <c r="AL4183">
        <v>52988.738619999996</v>
      </c>
      <c r="AM4183">
        <v>13426.037539999999</v>
      </c>
      <c r="AN4183">
        <v>70925.904490000001</v>
      </c>
      <c r="AO4183">
        <v>17188.615570000002</v>
      </c>
      <c r="AP4183">
        <v>10827.46178</v>
      </c>
    </row>
    <row r="4184" spans="2:42" x14ac:dyDescent="0.3">
      <c r="B4184">
        <v>40.297836725777756</v>
      </c>
      <c r="C4184" s="83">
        <v>43275.25</v>
      </c>
      <c r="D4184">
        <v>156059.10800000001</v>
      </c>
      <c r="E4184">
        <v>11721.4527</v>
      </c>
      <c r="F4184">
        <v>50547.2232</v>
      </c>
      <c r="G4184">
        <v>28160.692950000001</v>
      </c>
      <c r="H4184">
        <v>29673.95305</v>
      </c>
      <c r="I4184">
        <v>19680.968970000002</v>
      </c>
      <c r="J4184">
        <v>38202.878219999999</v>
      </c>
      <c r="K4184">
        <v>40413.126389999998</v>
      </c>
      <c r="L4184">
        <v>17056.691760000002</v>
      </c>
      <c r="M4184">
        <v>205457.1642</v>
      </c>
      <c r="N4184">
        <v>58798.107609999999</v>
      </c>
      <c r="O4184">
        <v>17056.766380000001</v>
      </c>
      <c r="P4184">
        <v>26187.172719999999</v>
      </c>
      <c r="Q4184">
        <v>51642.616719999998</v>
      </c>
      <c r="R4184">
        <v>11489.733749999999</v>
      </c>
      <c r="S4184">
        <v>73294.652619999993</v>
      </c>
      <c r="T4184">
        <v>17598.76887</v>
      </c>
      <c r="U4184">
        <v>9671.1571800000002</v>
      </c>
      <c r="W4184" s="83">
        <f>Bühler!N4216</f>
        <v>45466.249999989857</v>
      </c>
      <c r="X4184" s="83">
        <v>43275.25</v>
      </c>
      <c r="Y4184">
        <v>156059.10800000001</v>
      </c>
      <c r="Z4184">
        <v>11721.4527</v>
      </c>
      <c r="AA4184">
        <v>50547.2232</v>
      </c>
      <c r="AB4184">
        <v>28160.692950000001</v>
      </c>
      <c r="AC4184">
        <v>29673.95305</v>
      </c>
      <c r="AD4184">
        <v>19680.968970000002</v>
      </c>
      <c r="AE4184">
        <v>38202.878219999999</v>
      </c>
      <c r="AF4184">
        <v>40413.126389999998</v>
      </c>
      <c r="AG4184">
        <v>17056.691760000002</v>
      </c>
      <c r="AH4184">
        <v>205457.1642</v>
      </c>
      <c r="AI4184">
        <v>58798.107609999999</v>
      </c>
      <c r="AJ4184">
        <v>17056.766380000001</v>
      </c>
      <c r="AK4184">
        <v>26187.172719999999</v>
      </c>
      <c r="AL4184">
        <v>51642.616719999998</v>
      </c>
      <c r="AM4184">
        <v>11489.733749999999</v>
      </c>
      <c r="AN4184">
        <v>73294.652619999993</v>
      </c>
      <c r="AO4184">
        <v>17598.76887</v>
      </c>
      <c r="AP4184">
        <v>9671.1571800000002</v>
      </c>
    </row>
    <row r="4185" spans="2:42" x14ac:dyDescent="0.3">
      <c r="B4185">
        <v>37.420434127416584</v>
      </c>
      <c r="C4185" s="83">
        <v>43275.291666666664</v>
      </c>
      <c r="D4185">
        <v>156333.58290000001</v>
      </c>
      <c r="E4185">
        <v>12040.391739999999</v>
      </c>
      <c r="F4185">
        <v>53149.585959999997</v>
      </c>
      <c r="G4185">
        <v>28627.861079999999</v>
      </c>
      <c r="H4185">
        <v>30271.754400000002</v>
      </c>
      <c r="I4185">
        <v>21235.043559999998</v>
      </c>
      <c r="J4185">
        <v>39668.152549999999</v>
      </c>
      <c r="K4185">
        <v>40608.180160000004</v>
      </c>
      <c r="L4185">
        <v>18401.183489999999</v>
      </c>
      <c r="M4185">
        <v>190786.82389999999</v>
      </c>
      <c r="N4185">
        <v>57096.186139999998</v>
      </c>
      <c r="O4185">
        <v>17070.68305</v>
      </c>
      <c r="P4185">
        <v>29518.74019</v>
      </c>
      <c r="Q4185">
        <v>50764.097500000003</v>
      </c>
      <c r="R4185">
        <v>11311.610189999999</v>
      </c>
      <c r="S4185">
        <v>78653.578240000003</v>
      </c>
      <c r="T4185">
        <v>18980.320889999999</v>
      </c>
      <c r="U4185">
        <v>9935.8246469999995</v>
      </c>
      <c r="W4185" s="83">
        <f>Bühler!N4217</f>
        <v>45466.291666656522</v>
      </c>
      <c r="X4185" s="83">
        <v>43275.291666666664</v>
      </c>
      <c r="Y4185">
        <v>156333.58290000001</v>
      </c>
      <c r="Z4185">
        <v>12040.391739999999</v>
      </c>
      <c r="AA4185">
        <v>53149.585959999997</v>
      </c>
      <c r="AB4185">
        <v>28627.861079999999</v>
      </c>
      <c r="AC4185">
        <v>30271.754400000002</v>
      </c>
      <c r="AD4185">
        <v>21235.043559999998</v>
      </c>
      <c r="AE4185">
        <v>39668.152549999999</v>
      </c>
      <c r="AF4185">
        <v>40608.180160000004</v>
      </c>
      <c r="AG4185">
        <v>18401.183489999999</v>
      </c>
      <c r="AH4185">
        <v>190786.82389999999</v>
      </c>
      <c r="AI4185">
        <v>57096.186139999998</v>
      </c>
      <c r="AJ4185">
        <v>17070.68305</v>
      </c>
      <c r="AK4185">
        <v>29518.74019</v>
      </c>
      <c r="AL4185">
        <v>50764.097500000003</v>
      </c>
      <c r="AM4185">
        <v>11311.610189999999</v>
      </c>
      <c r="AN4185">
        <v>78653.578240000003</v>
      </c>
      <c r="AO4185">
        <v>18980.320889999999</v>
      </c>
      <c r="AP4185">
        <v>9935.8246469999995</v>
      </c>
    </row>
    <row r="4186" spans="2:42" x14ac:dyDescent="0.3">
      <c r="B4186">
        <v>34.553342080596657</v>
      </c>
      <c r="C4186" s="83">
        <v>43275.333333333336</v>
      </c>
      <c r="D4186">
        <v>155888.93220000001</v>
      </c>
      <c r="E4186">
        <v>13063.55085</v>
      </c>
      <c r="F4186">
        <v>55218.68477</v>
      </c>
      <c r="G4186">
        <v>28847.342960000002</v>
      </c>
      <c r="H4186">
        <v>30544.059079999999</v>
      </c>
      <c r="I4186">
        <v>22035.45651</v>
      </c>
      <c r="J4186">
        <v>42196.633410000002</v>
      </c>
      <c r="K4186">
        <v>41748.31684</v>
      </c>
      <c r="L4186">
        <v>21174.829750000001</v>
      </c>
      <c r="M4186">
        <v>176169.05160000001</v>
      </c>
      <c r="N4186">
        <v>57500.806190000003</v>
      </c>
      <c r="O4186">
        <v>17298.24437</v>
      </c>
      <c r="P4186">
        <v>33082.147720000001</v>
      </c>
      <c r="Q4186">
        <v>50729.995779999997</v>
      </c>
      <c r="R4186">
        <v>12821.60858</v>
      </c>
      <c r="S4186">
        <v>81295.085160000002</v>
      </c>
      <c r="T4186">
        <v>21175.419330000001</v>
      </c>
      <c r="U4186">
        <v>9876.4926780000005</v>
      </c>
      <c r="W4186" s="83">
        <f>Bühler!N4218</f>
        <v>45466.333333323186</v>
      </c>
      <c r="X4186" s="83">
        <v>43275.333333333336</v>
      </c>
      <c r="Y4186">
        <v>155888.93220000001</v>
      </c>
      <c r="Z4186">
        <v>13063.55085</v>
      </c>
      <c r="AA4186">
        <v>55218.68477</v>
      </c>
      <c r="AB4186">
        <v>28847.342960000002</v>
      </c>
      <c r="AC4186">
        <v>30544.059079999999</v>
      </c>
      <c r="AD4186">
        <v>22035.45651</v>
      </c>
      <c r="AE4186">
        <v>42196.633410000002</v>
      </c>
      <c r="AF4186">
        <v>41748.31684</v>
      </c>
      <c r="AG4186">
        <v>21174.829750000001</v>
      </c>
      <c r="AH4186">
        <v>176169.05160000001</v>
      </c>
      <c r="AI4186">
        <v>57500.806190000003</v>
      </c>
      <c r="AJ4186">
        <v>17298.24437</v>
      </c>
      <c r="AK4186">
        <v>33082.147720000001</v>
      </c>
      <c r="AL4186">
        <v>50729.995779999997</v>
      </c>
      <c r="AM4186">
        <v>12821.60858</v>
      </c>
      <c r="AN4186">
        <v>81295.085160000002</v>
      </c>
      <c r="AO4186">
        <v>21175.419330000001</v>
      </c>
      <c r="AP4186">
        <v>9876.4926780000005</v>
      </c>
    </row>
    <row r="4187" spans="2:42" x14ac:dyDescent="0.3">
      <c r="B4187">
        <v>35.548313972095748</v>
      </c>
      <c r="C4187" s="83">
        <v>43275.375</v>
      </c>
      <c r="D4187">
        <v>155989.9656</v>
      </c>
      <c r="E4187">
        <v>13763.151449999999</v>
      </c>
      <c r="F4187">
        <v>60468.753920000003</v>
      </c>
      <c r="G4187">
        <v>29319.809969999998</v>
      </c>
      <c r="H4187">
        <v>31422.570370000001</v>
      </c>
      <c r="I4187">
        <v>22387.03745</v>
      </c>
      <c r="J4187">
        <v>43539.878109999998</v>
      </c>
      <c r="K4187">
        <v>43679.158560000003</v>
      </c>
      <c r="L4187">
        <v>24583.309140000001</v>
      </c>
      <c r="M4187">
        <v>181241.8823</v>
      </c>
      <c r="N4187">
        <v>60848.373070000001</v>
      </c>
      <c r="O4187">
        <v>18036.363259999998</v>
      </c>
      <c r="P4187">
        <v>35478.968610000004</v>
      </c>
      <c r="Q4187">
        <v>51339.988270000002</v>
      </c>
      <c r="R4187">
        <v>13819.548510000001</v>
      </c>
      <c r="S4187">
        <v>84669.812749999997</v>
      </c>
      <c r="T4187">
        <v>23655.036090000001</v>
      </c>
      <c r="U4187">
        <v>10059.93311</v>
      </c>
      <c r="W4187" s="83">
        <f>Bühler!N4219</f>
        <v>45466.37499998985</v>
      </c>
      <c r="X4187" s="83">
        <v>43275.375</v>
      </c>
      <c r="Y4187">
        <v>155989.9656</v>
      </c>
      <c r="Z4187">
        <v>13763.151449999999</v>
      </c>
      <c r="AA4187">
        <v>60468.753920000003</v>
      </c>
      <c r="AB4187">
        <v>29319.809969999998</v>
      </c>
      <c r="AC4187">
        <v>31422.570370000001</v>
      </c>
      <c r="AD4187">
        <v>22387.03745</v>
      </c>
      <c r="AE4187">
        <v>43539.878109999998</v>
      </c>
      <c r="AF4187">
        <v>43679.158560000003</v>
      </c>
      <c r="AG4187">
        <v>24583.309140000001</v>
      </c>
      <c r="AH4187">
        <v>181241.8823</v>
      </c>
      <c r="AI4187">
        <v>60848.373070000001</v>
      </c>
      <c r="AJ4187">
        <v>18036.363259999998</v>
      </c>
      <c r="AK4187">
        <v>35478.968610000004</v>
      </c>
      <c r="AL4187">
        <v>51339.988270000002</v>
      </c>
      <c r="AM4187">
        <v>13819.548510000001</v>
      </c>
      <c r="AN4187">
        <v>84669.812749999997</v>
      </c>
      <c r="AO4187">
        <v>23655.036090000001</v>
      </c>
      <c r="AP4187">
        <v>10059.93311</v>
      </c>
    </row>
    <row r="4188" spans="2:42" x14ac:dyDescent="0.3">
      <c r="B4188">
        <v>37.262371673739409</v>
      </c>
      <c r="C4188" s="83">
        <v>43275.416666666664</v>
      </c>
      <c r="D4188">
        <v>156654.75030000001</v>
      </c>
      <c r="E4188">
        <v>14844.73746</v>
      </c>
      <c r="F4188">
        <v>61571.470099999999</v>
      </c>
      <c r="G4188">
        <v>29945.433010000001</v>
      </c>
      <c r="H4188">
        <v>32057.191139999999</v>
      </c>
      <c r="I4188">
        <v>22800.6077</v>
      </c>
      <c r="J4188">
        <v>43064.508650000003</v>
      </c>
      <c r="K4188">
        <v>45134.269829999997</v>
      </c>
      <c r="L4188">
        <v>28346.890930000001</v>
      </c>
      <c r="M4188">
        <v>189980.94779999999</v>
      </c>
      <c r="N4188">
        <v>62698.3724</v>
      </c>
      <c r="O4188">
        <v>18727.038560000001</v>
      </c>
      <c r="P4188">
        <v>36325.157030000002</v>
      </c>
      <c r="Q4188">
        <v>52317.55128</v>
      </c>
      <c r="R4188">
        <v>14487.312159999999</v>
      </c>
      <c r="S4188">
        <v>86407.354160000003</v>
      </c>
      <c r="T4188">
        <v>26536.754629999999</v>
      </c>
      <c r="U4188">
        <v>10385.638080000001</v>
      </c>
      <c r="W4188" s="83">
        <f>Bühler!N4220</f>
        <v>45466.416666656514</v>
      </c>
      <c r="X4188" s="83">
        <v>43275.416666666664</v>
      </c>
      <c r="Y4188">
        <v>156654.75030000001</v>
      </c>
      <c r="Z4188">
        <v>14844.73746</v>
      </c>
      <c r="AA4188">
        <v>61571.470099999999</v>
      </c>
      <c r="AB4188">
        <v>29945.433010000001</v>
      </c>
      <c r="AC4188">
        <v>32057.191139999999</v>
      </c>
      <c r="AD4188">
        <v>22800.6077</v>
      </c>
      <c r="AE4188">
        <v>43064.508650000003</v>
      </c>
      <c r="AF4188">
        <v>45134.269829999997</v>
      </c>
      <c r="AG4188">
        <v>28346.890930000001</v>
      </c>
      <c r="AH4188">
        <v>189980.94779999999</v>
      </c>
      <c r="AI4188">
        <v>62698.3724</v>
      </c>
      <c r="AJ4188">
        <v>18727.038560000001</v>
      </c>
      <c r="AK4188">
        <v>36325.157030000002</v>
      </c>
      <c r="AL4188">
        <v>52317.55128</v>
      </c>
      <c r="AM4188">
        <v>14487.312159999999</v>
      </c>
      <c r="AN4188">
        <v>86407.354160000003</v>
      </c>
      <c r="AO4188">
        <v>26536.754629999999</v>
      </c>
      <c r="AP4188">
        <v>10385.638080000001</v>
      </c>
    </row>
    <row r="4189" spans="2:42" x14ac:dyDescent="0.3">
      <c r="B4189">
        <v>38.701930868158804</v>
      </c>
      <c r="C4189" s="83">
        <v>43275.458333333336</v>
      </c>
      <c r="D4189">
        <v>156720.13560000001</v>
      </c>
      <c r="E4189">
        <v>15403.95508</v>
      </c>
      <c r="F4189">
        <v>62291.548490000001</v>
      </c>
      <c r="G4189">
        <v>30242.44011</v>
      </c>
      <c r="H4189">
        <v>32451.813160000002</v>
      </c>
      <c r="I4189">
        <v>23277.687859999998</v>
      </c>
      <c r="J4189">
        <v>43800.867630000001</v>
      </c>
      <c r="K4189">
        <v>47398.283689999997</v>
      </c>
      <c r="L4189">
        <v>29440.25057</v>
      </c>
      <c r="M4189">
        <v>197320.49189999999</v>
      </c>
      <c r="N4189">
        <v>64502.575279999997</v>
      </c>
      <c r="O4189">
        <v>18589.739529999999</v>
      </c>
      <c r="P4189">
        <v>36038.864529999999</v>
      </c>
      <c r="Q4189">
        <v>51772.906360000001</v>
      </c>
      <c r="R4189">
        <v>17081.096280000002</v>
      </c>
      <c r="S4189">
        <v>89271.145239999998</v>
      </c>
      <c r="T4189">
        <v>27423.158960000001</v>
      </c>
      <c r="U4189">
        <v>10296.77455</v>
      </c>
      <c r="W4189" s="83">
        <f>Bühler!N4221</f>
        <v>45466.458333323179</v>
      </c>
      <c r="X4189" s="83">
        <v>43275.458333333336</v>
      </c>
      <c r="Y4189">
        <v>156720.13560000001</v>
      </c>
      <c r="Z4189">
        <v>15403.95508</v>
      </c>
      <c r="AA4189">
        <v>62291.548490000001</v>
      </c>
      <c r="AB4189">
        <v>30242.44011</v>
      </c>
      <c r="AC4189">
        <v>32451.813160000002</v>
      </c>
      <c r="AD4189">
        <v>23277.687859999998</v>
      </c>
      <c r="AE4189">
        <v>43800.867630000001</v>
      </c>
      <c r="AF4189">
        <v>47398.283689999997</v>
      </c>
      <c r="AG4189">
        <v>29440.25057</v>
      </c>
      <c r="AH4189">
        <v>197320.49189999999</v>
      </c>
      <c r="AI4189">
        <v>64502.575279999997</v>
      </c>
      <c r="AJ4189">
        <v>18589.739529999999</v>
      </c>
      <c r="AK4189">
        <v>36038.864529999999</v>
      </c>
      <c r="AL4189">
        <v>51772.906360000001</v>
      </c>
      <c r="AM4189">
        <v>17081.096280000002</v>
      </c>
      <c r="AN4189">
        <v>89271.145239999998</v>
      </c>
      <c r="AO4189">
        <v>27423.158960000001</v>
      </c>
      <c r="AP4189">
        <v>10296.77455</v>
      </c>
    </row>
    <row r="4190" spans="2:42" x14ac:dyDescent="0.3">
      <c r="B4190">
        <v>39.215653333765076</v>
      </c>
      <c r="C4190" s="83">
        <v>43275.5</v>
      </c>
      <c r="D4190">
        <v>157526.1911</v>
      </c>
      <c r="E4190">
        <v>15620.76298</v>
      </c>
      <c r="F4190">
        <v>60126.069819999997</v>
      </c>
      <c r="G4190">
        <v>30631.997759999998</v>
      </c>
      <c r="H4190">
        <v>32446.108390000001</v>
      </c>
      <c r="I4190">
        <v>23248.640940000001</v>
      </c>
      <c r="J4190">
        <v>44554.643900000003</v>
      </c>
      <c r="K4190">
        <v>47190.477250000004</v>
      </c>
      <c r="L4190">
        <v>31076.210360000001</v>
      </c>
      <c r="M4190">
        <v>199939.68859999999</v>
      </c>
      <c r="N4190">
        <v>66116.234570000001</v>
      </c>
      <c r="O4190">
        <v>18443.46039</v>
      </c>
      <c r="P4190">
        <v>37580.269130000001</v>
      </c>
      <c r="Q4190">
        <v>50652.045910000001</v>
      </c>
      <c r="R4190">
        <v>15981.263070000001</v>
      </c>
      <c r="S4190">
        <v>85323.585160000002</v>
      </c>
      <c r="T4190">
        <v>27436.514060000001</v>
      </c>
      <c r="U4190">
        <v>10484.539930000001</v>
      </c>
      <c r="W4190" s="83">
        <f>Bühler!N4222</f>
        <v>45466.499999989843</v>
      </c>
      <c r="X4190" s="83">
        <v>43275.5</v>
      </c>
      <c r="Y4190">
        <v>157526.1911</v>
      </c>
      <c r="Z4190">
        <v>15620.76298</v>
      </c>
      <c r="AA4190">
        <v>60126.069819999997</v>
      </c>
      <c r="AB4190">
        <v>30631.997759999998</v>
      </c>
      <c r="AC4190">
        <v>32446.108390000001</v>
      </c>
      <c r="AD4190">
        <v>23248.640940000001</v>
      </c>
      <c r="AE4190">
        <v>44554.643900000003</v>
      </c>
      <c r="AF4190">
        <v>47190.477250000004</v>
      </c>
      <c r="AG4190">
        <v>31076.210360000001</v>
      </c>
      <c r="AH4190">
        <v>199939.68859999999</v>
      </c>
      <c r="AI4190">
        <v>66116.234570000001</v>
      </c>
      <c r="AJ4190">
        <v>18443.46039</v>
      </c>
      <c r="AK4190">
        <v>37580.269130000001</v>
      </c>
      <c r="AL4190">
        <v>50652.045910000001</v>
      </c>
      <c r="AM4190">
        <v>15981.263070000001</v>
      </c>
      <c r="AN4190">
        <v>85323.585160000002</v>
      </c>
      <c r="AO4190">
        <v>27436.514060000001</v>
      </c>
      <c r="AP4190">
        <v>10484.539930000001</v>
      </c>
    </row>
    <row r="4191" spans="2:42" x14ac:dyDescent="0.3">
      <c r="B4191">
        <v>39.038417800686432</v>
      </c>
      <c r="C4191" s="83">
        <v>43275.541666666664</v>
      </c>
      <c r="D4191">
        <v>157792.07459999999</v>
      </c>
      <c r="E4191">
        <v>15630.829250000001</v>
      </c>
      <c r="F4191">
        <v>51500.502260000001</v>
      </c>
      <c r="G4191">
        <v>30687.64588</v>
      </c>
      <c r="H4191">
        <v>32358.748520000001</v>
      </c>
      <c r="I4191">
        <v>23286.45379</v>
      </c>
      <c r="J4191">
        <v>44252.025150000001</v>
      </c>
      <c r="K4191">
        <v>46424.335659999997</v>
      </c>
      <c r="L4191">
        <v>31366.05557</v>
      </c>
      <c r="M4191">
        <v>199036.05919999999</v>
      </c>
      <c r="N4191">
        <v>65878.946419999993</v>
      </c>
      <c r="O4191">
        <v>18055.27621</v>
      </c>
      <c r="P4191">
        <v>36605.108979999997</v>
      </c>
      <c r="Q4191">
        <v>50483.309529999999</v>
      </c>
      <c r="R4191">
        <v>15464.7682</v>
      </c>
      <c r="S4191">
        <v>87062.98861</v>
      </c>
      <c r="T4191">
        <v>26621.137739999998</v>
      </c>
      <c r="U4191">
        <v>10072.810649999999</v>
      </c>
      <c r="W4191" s="83">
        <f>Bühler!N4223</f>
        <v>45466.541666656507</v>
      </c>
      <c r="X4191" s="83">
        <v>43275.541666666664</v>
      </c>
      <c r="Y4191">
        <v>157792.07459999999</v>
      </c>
      <c r="Z4191">
        <v>15630.829250000001</v>
      </c>
      <c r="AA4191">
        <v>51500.502260000001</v>
      </c>
      <c r="AB4191">
        <v>30687.64588</v>
      </c>
      <c r="AC4191">
        <v>32358.748520000001</v>
      </c>
      <c r="AD4191">
        <v>23286.45379</v>
      </c>
      <c r="AE4191">
        <v>44252.025150000001</v>
      </c>
      <c r="AF4191">
        <v>46424.335659999997</v>
      </c>
      <c r="AG4191">
        <v>31366.05557</v>
      </c>
      <c r="AH4191">
        <v>199036.05919999999</v>
      </c>
      <c r="AI4191">
        <v>65878.946419999993</v>
      </c>
      <c r="AJ4191">
        <v>18055.27621</v>
      </c>
      <c r="AK4191">
        <v>36605.108979999997</v>
      </c>
      <c r="AL4191">
        <v>50483.309529999999</v>
      </c>
      <c r="AM4191">
        <v>15464.7682</v>
      </c>
      <c r="AN4191">
        <v>87062.98861</v>
      </c>
      <c r="AO4191">
        <v>26621.137739999998</v>
      </c>
      <c r="AP4191">
        <v>10072.810649999999</v>
      </c>
    </row>
    <row r="4192" spans="2:42" x14ac:dyDescent="0.3">
      <c r="B4192">
        <v>39.448555292973566</v>
      </c>
      <c r="C4192" s="83">
        <v>43275.583333333336</v>
      </c>
      <c r="D4192">
        <v>158313.04329999999</v>
      </c>
      <c r="E4192">
        <v>15925.34369</v>
      </c>
      <c r="F4192">
        <v>51855.431969999998</v>
      </c>
      <c r="G4192">
        <v>30592.23316</v>
      </c>
      <c r="H4192">
        <v>32166.302729999999</v>
      </c>
      <c r="I4192">
        <v>23683.576939999999</v>
      </c>
      <c r="J4192">
        <v>44352.762470000001</v>
      </c>
      <c r="K4192">
        <v>45989.90739</v>
      </c>
      <c r="L4192">
        <v>30377.127410000001</v>
      </c>
      <c r="M4192">
        <v>201127.13140000001</v>
      </c>
      <c r="N4192">
        <v>65988.066619999998</v>
      </c>
      <c r="O4192">
        <v>17488.500670000001</v>
      </c>
      <c r="P4192">
        <v>33799.136980000003</v>
      </c>
      <c r="Q4192">
        <v>50892.243049999997</v>
      </c>
      <c r="R4192">
        <v>15892.834570000001</v>
      </c>
      <c r="S4192">
        <v>85296.81727</v>
      </c>
      <c r="T4192">
        <v>25660.307420000001</v>
      </c>
      <c r="U4192">
        <v>10239.03894</v>
      </c>
      <c r="W4192" s="83">
        <f>Bühler!N4224</f>
        <v>45466.583333323171</v>
      </c>
      <c r="X4192" s="83">
        <v>43275.583333333336</v>
      </c>
      <c r="Y4192">
        <v>158313.04329999999</v>
      </c>
      <c r="Z4192">
        <v>15925.34369</v>
      </c>
      <c r="AA4192">
        <v>51855.431969999998</v>
      </c>
      <c r="AB4192">
        <v>30592.23316</v>
      </c>
      <c r="AC4192">
        <v>32166.302729999999</v>
      </c>
      <c r="AD4192">
        <v>23683.576939999999</v>
      </c>
      <c r="AE4192">
        <v>44352.762470000001</v>
      </c>
      <c r="AF4192">
        <v>45989.90739</v>
      </c>
      <c r="AG4192">
        <v>30377.127410000001</v>
      </c>
      <c r="AH4192">
        <v>201127.13140000001</v>
      </c>
      <c r="AI4192">
        <v>65988.066619999998</v>
      </c>
      <c r="AJ4192">
        <v>17488.500670000001</v>
      </c>
      <c r="AK4192">
        <v>33799.136980000003</v>
      </c>
      <c r="AL4192">
        <v>50892.243049999997</v>
      </c>
      <c r="AM4192">
        <v>15892.834570000001</v>
      </c>
      <c r="AN4192">
        <v>85296.81727</v>
      </c>
      <c r="AO4192">
        <v>25660.307420000001</v>
      </c>
      <c r="AP4192">
        <v>10239.03894</v>
      </c>
    </row>
    <row r="4193" spans="2:42" x14ac:dyDescent="0.3">
      <c r="B4193">
        <v>40.174191523923156</v>
      </c>
      <c r="C4193" s="83">
        <v>43275.625</v>
      </c>
      <c r="D4193">
        <v>158819.4374</v>
      </c>
      <c r="E4193">
        <v>15974.50079</v>
      </c>
      <c r="F4193">
        <v>52576.476739999998</v>
      </c>
      <c r="G4193">
        <v>30635.58526</v>
      </c>
      <c r="H4193">
        <v>32171.670150000002</v>
      </c>
      <c r="I4193">
        <v>23870.321670000001</v>
      </c>
      <c r="J4193">
        <v>43625.331709999999</v>
      </c>
      <c r="K4193">
        <v>46002.231659999998</v>
      </c>
      <c r="L4193">
        <v>28894.87271</v>
      </c>
      <c r="M4193">
        <v>204826.76329999999</v>
      </c>
      <c r="N4193">
        <v>66614.938590000005</v>
      </c>
      <c r="O4193">
        <v>17612.88234</v>
      </c>
      <c r="P4193">
        <v>32341.010549999999</v>
      </c>
      <c r="Q4193">
        <v>51138.666140000001</v>
      </c>
      <c r="R4193">
        <v>16081.555700000001</v>
      </c>
      <c r="S4193">
        <v>84672.058560000005</v>
      </c>
      <c r="T4193">
        <v>25898.789550000001</v>
      </c>
      <c r="U4193">
        <v>10078.61946</v>
      </c>
      <c r="W4193" s="83">
        <f>Bühler!N4225</f>
        <v>45466.624999989835</v>
      </c>
      <c r="X4193" s="83">
        <v>43275.625</v>
      </c>
      <c r="Y4193">
        <v>158819.4374</v>
      </c>
      <c r="Z4193">
        <v>15974.50079</v>
      </c>
      <c r="AA4193">
        <v>52576.476739999998</v>
      </c>
      <c r="AB4193">
        <v>30635.58526</v>
      </c>
      <c r="AC4193">
        <v>32171.670150000002</v>
      </c>
      <c r="AD4193">
        <v>23870.321670000001</v>
      </c>
      <c r="AE4193">
        <v>43625.331709999999</v>
      </c>
      <c r="AF4193">
        <v>46002.231659999998</v>
      </c>
      <c r="AG4193">
        <v>28894.87271</v>
      </c>
      <c r="AH4193">
        <v>204826.76329999999</v>
      </c>
      <c r="AI4193">
        <v>66614.938590000005</v>
      </c>
      <c r="AJ4193">
        <v>17612.88234</v>
      </c>
      <c r="AK4193">
        <v>32341.010549999999</v>
      </c>
      <c r="AL4193">
        <v>51138.666140000001</v>
      </c>
      <c r="AM4193">
        <v>16081.555700000001</v>
      </c>
      <c r="AN4193">
        <v>84672.058560000005</v>
      </c>
      <c r="AO4193">
        <v>25898.789550000001</v>
      </c>
      <c r="AP4193">
        <v>10078.61946</v>
      </c>
    </row>
    <row r="4194" spans="2:42" x14ac:dyDescent="0.3">
      <c r="B4194">
        <v>39.922244974932639</v>
      </c>
      <c r="C4194" s="83">
        <v>43275.666666666664</v>
      </c>
      <c r="D4194">
        <v>159369.04319999999</v>
      </c>
      <c r="E4194">
        <v>16152.0255</v>
      </c>
      <c r="F4194">
        <v>52042.257669999999</v>
      </c>
      <c r="G4194">
        <v>30751.473269999999</v>
      </c>
      <c r="H4194">
        <v>32131.750240000001</v>
      </c>
      <c r="I4194">
        <v>24640.940879999998</v>
      </c>
      <c r="J4194">
        <v>43090.216710000001</v>
      </c>
      <c r="K4194">
        <v>46829.658739999999</v>
      </c>
      <c r="L4194">
        <v>27923.800329999998</v>
      </c>
      <c r="M4194">
        <v>203542.22229999999</v>
      </c>
      <c r="N4194">
        <v>66021.265839999993</v>
      </c>
      <c r="O4194">
        <v>17325.38968</v>
      </c>
      <c r="P4194">
        <v>30581.93489</v>
      </c>
      <c r="Q4194">
        <v>51907.528590000002</v>
      </c>
      <c r="R4194">
        <v>16140.15784</v>
      </c>
      <c r="S4194">
        <v>85766.724319999994</v>
      </c>
      <c r="T4194">
        <v>25708.248520000001</v>
      </c>
      <c r="U4194">
        <v>9948.6776119999995</v>
      </c>
      <c r="W4194" s="83">
        <f>Bühler!N4226</f>
        <v>45466.6666666565</v>
      </c>
      <c r="X4194" s="83">
        <v>43275.666666666664</v>
      </c>
      <c r="Y4194">
        <v>159369.04319999999</v>
      </c>
      <c r="Z4194">
        <v>16152.0255</v>
      </c>
      <c r="AA4194">
        <v>52042.257669999999</v>
      </c>
      <c r="AB4194">
        <v>30751.473269999999</v>
      </c>
      <c r="AC4194">
        <v>32131.750240000001</v>
      </c>
      <c r="AD4194">
        <v>24640.940879999998</v>
      </c>
      <c r="AE4194">
        <v>43090.216710000001</v>
      </c>
      <c r="AF4194">
        <v>46829.658739999999</v>
      </c>
      <c r="AG4194">
        <v>27923.800329999998</v>
      </c>
      <c r="AH4194">
        <v>203542.22229999999</v>
      </c>
      <c r="AI4194">
        <v>66021.265839999993</v>
      </c>
      <c r="AJ4194">
        <v>17325.38968</v>
      </c>
      <c r="AK4194">
        <v>30581.93489</v>
      </c>
      <c r="AL4194">
        <v>51907.528590000002</v>
      </c>
      <c r="AM4194">
        <v>16140.15784</v>
      </c>
      <c r="AN4194">
        <v>85766.724319999994</v>
      </c>
      <c r="AO4194">
        <v>25708.248520000001</v>
      </c>
      <c r="AP4194">
        <v>9948.6776119999995</v>
      </c>
    </row>
    <row r="4195" spans="2:42" x14ac:dyDescent="0.3">
      <c r="B4195">
        <v>40.640918190414645</v>
      </c>
      <c r="C4195" s="83">
        <v>43275.708333333336</v>
      </c>
      <c r="D4195">
        <v>160981.40049999999</v>
      </c>
      <c r="E4195">
        <v>16175.767040000001</v>
      </c>
      <c r="F4195">
        <v>52029.675810000001</v>
      </c>
      <c r="G4195">
        <v>31034.523730000001</v>
      </c>
      <c r="H4195">
        <v>31943.114000000001</v>
      </c>
      <c r="I4195">
        <v>25240.670590000002</v>
      </c>
      <c r="J4195">
        <v>43712.179920000002</v>
      </c>
      <c r="K4195">
        <v>45148.07533</v>
      </c>
      <c r="L4195">
        <v>27846.55486</v>
      </c>
      <c r="M4195">
        <v>207206.3535</v>
      </c>
      <c r="N4195">
        <v>64785.578139999998</v>
      </c>
      <c r="O4195">
        <v>17716.934990000002</v>
      </c>
      <c r="P4195">
        <v>31244.095160000001</v>
      </c>
      <c r="Q4195">
        <v>52712.729209999998</v>
      </c>
      <c r="R4195">
        <v>18527.863829999998</v>
      </c>
      <c r="S4195">
        <v>87671.662089999998</v>
      </c>
      <c r="T4195">
        <v>26198.548569999999</v>
      </c>
      <c r="U4195">
        <v>10273.303389999999</v>
      </c>
      <c r="W4195" s="83">
        <f>Bühler!N4227</f>
        <v>45466.708333323164</v>
      </c>
      <c r="X4195" s="83">
        <v>43275.708333333336</v>
      </c>
      <c r="Y4195">
        <v>160981.40049999999</v>
      </c>
      <c r="Z4195">
        <v>16175.767040000001</v>
      </c>
      <c r="AA4195">
        <v>52029.675810000001</v>
      </c>
      <c r="AB4195">
        <v>31034.523730000001</v>
      </c>
      <c r="AC4195">
        <v>31943.114000000001</v>
      </c>
      <c r="AD4195">
        <v>25240.670590000002</v>
      </c>
      <c r="AE4195">
        <v>43712.179920000002</v>
      </c>
      <c r="AF4195">
        <v>45148.07533</v>
      </c>
      <c r="AG4195">
        <v>27846.55486</v>
      </c>
      <c r="AH4195">
        <v>207206.3535</v>
      </c>
      <c r="AI4195">
        <v>64785.578139999998</v>
      </c>
      <c r="AJ4195">
        <v>17716.934990000002</v>
      </c>
      <c r="AK4195">
        <v>31244.095160000001</v>
      </c>
      <c r="AL4195">
        <v>52712.729209999998</v>
      </c>
      <c r="AM4195">
        <v>18527.863829999998</v>
      </c>
      <c r="AN4195">
        <v>87671.662089999998</v>
      </c>
      <c r="AO4195">
        <v>26198.548569999999</v>
      </c>
      <c r="AP4195">
        <v>10273.303389999999</v>
      </c>
    </row>
    <row r="4196" spans="2:42" x14ac:dyDescent="0.3">
      <c r="B4196">
        <v>40.92874654929269</v>
      </c>
      <c r="C4196" s="83">
        <v>43275.75</v>
      </c>
      <c r="D4196">
        <v>161837.23000000001</v>
      </c>
      <c r="E4196">
        <v>15764.647870000001</v>
      </c>
      <c r="F4196">
        <v>52025.983800000002</v>
      </c>
      <c r="G4196">
        <v>31117.445660000001</v>
      </c>
      <c r="H4196">
        <v>32049.42726</v>
      </c>
      <c r="I4196">
        <v>25817.051449999999</v>
      </c>
      <c r="J4196">
        <v>43905.355109999997</v>
      </c>
      <c r="K4196">
        <v>44531.987509999999</v>
      </c>
      <c r="L4196">
        <v>27030.542590000001</v>
      </c>
      <c r="M4196">
        <v>208673.83670000001</v>
      </c>
      <c r="N4196">
        <v>66457.132790000003</v>
      </c>
      <c r="O4196">
        <v>17741.570640000002</v>
      </c>
      <c r="P4196">
        <v>33164.737410000002</v>
      </c>
      <c r="Q4196">
        <v>53827.191740000002</v>
      </c>
      <c r="R4196">
        <v>17002.349979999999</v>
      </c>
      <c r="S4196">
        <v>85358.657500000001</v>
      </c>
      <c r="T4196">
        <v>25296.880359999999</v>
      </c>
      <c r="U4196">
        <v>10162.489079999999</v>
      </c>
      <c r="W4196" s="83">
        <f>Bühler!N4228</f>
        <v>45466.749999989828</v>
      </c>
      <c r="X4196" s="83">
        <v>43275.75</v>
      </c>
      <c r="Y4196">
        <v>161837.23000000001</v>
      </c>
      <c r="Z4196">
        <v>15764.647870000001</v>
      </c>
      <c r="AA4196">
        <v>52025.983800000002</v>
      </c>
      <c r="AB4196">
        <v>31117.445660000001</v>
      </c>
      <c r="AC4196">
        <v>32049.42726</v>
      </c>
      <c r="AD4196">
        <v>25817.051449999999</v>
      </c>
      <c r="AE4196">
        <v>43905.355109999997</v>
      </c>
      <c r="AF4196">
        <v>44531.987509999999</v>
      </c>
      <c r="AG4196">
        <v>27030.542590000001</v>
      </c>
      <c r="AH4196">
        <v>208673.83670000001</v>
      </c>
      <c r="AI4196">
        <v>66457.132790000003</v>
      </c>
      <c r="AJ4196">
        <v>17741.570640000002</v>
      </c>
      <c r="AK4196">
        <v>33164.737410000002</v>
      </c>
      <c r="AL4196">
        <v>53827.191740000002</v>
      </c>
      <c r="AM4196">
        <v>17002.349979999999</v>
      </c>
      <c r="AN4196">
        <v>85358.657500000001</v>
      </c>
      <c r="AO4196">
        <v>25296.880359999999</v>
      </c>
      <c r="AP4196">
        <v>10162.489079999999</v>
      </c>
    </row>
    <row r="4197" spans="2:42" x14ac:dyDescent="0.3">
      <c r="B4197">
        <v>41.227864891498911</v>
      </c>
      <c r="C4197" s="83">
        <v>43275.791666666664</v>
      </c>
      <c r="D4197">
        <v>162995.39290000001</v>
      </c>
      <c r="E4197">
        <v>14440.14661</v>
      </c>
      <c r="F4197">
        <v>51589.998879999999</v>
      </c>
      <c r="G4197">
        <v>31102.986270000001</v>
      </c>
      <c r="H4197">
        <v>31747.698059999999</v>
      </c>
      <c r="I4197">
        <v>25754.40566</v>
      </c>
      <c r="J4197">
        <v>42716.183239999998</v>
      </c>
      <c r="K4197">
        <v>46007.052640000002</v>
      </c>
      <c r="L4197">
        <v>27551.350350000001</v>
      </c>
      <c r="M4197">
        <v>210198.88149999999</v>
      </c>
      <c r="N4197">
        <v>66596.309649999996</v>
      </c>
      <c r="O4197">
        <v>18218.44283</v>
      </c>
      <c r="P4197">
        <v>34318.277099999999</v>
      </c>
      <c r="Q4197">
        <v>53443.51238</v>
      </c>
      <c r="R4197">
        <v>15919.684740000001</v>
      </c>
      <c r="S4197">
        <v>83877.166930000007</v>
      </c>
      <c r="T4197">
        <v>23704.42367</v>
      </c>
      <c r="U4197">
        <v>10699.994849999999</v>
      </c>
      <c r="W4197" s="83">
        <f>Bühler!N4229</f>
        <v>45466.791666656492</v>
      </c>
      <c r="X4197" s="83">
        <v>43275.791666666664</v>
      </c>
      <c r="Y4197">
        <v>162995.39290000001</v>
      </c>
      <c r="Z4197">
        <v>14440.14661</v>
      </c>
      <c r="AA4197">
        <v>51589.998879999999</v>
      </c>
      <c r="AB4197">
        <v>31102.986270000001</v>
      </c>
      <c r="AC4197">
        <v>31747.698059999999</v>
      </c>
      <c r="AD4197">
        <v>25754.40566</v>
      </c>
      <c r="AE4197">
        <v>42716.183239999998</v>
      </c>
      <c r="AF4197">
        <v>46007.052640000002</v>
      </c>
      <c r="AG4197">
        <v>27551.350350000001</v>
      </c>
      <c r="AH4197">
        <v>210198.88149999999</v>
      </c>
      <c r="AI4197">
        <v>66596.309649999996</v>
      </c>
      <c r="AJ4197">
        <v>18218.44283</v>
      </c>
      <c r="AK4197">
        <v>34318.277099999999</v>
      </c>
      <c r="AL4197">
        <v>53443.51238</v>
      </c>
      <c r="AM4197">
        <v>15919.684740000001</v>
      </c>
      <c r="AN4197">
        <v>83877.166930000007</v>
      </c>
      <c r="AO4197">
        <v>23704.42367</v>
      </c>
      <c r="AP4197">
        <v>10699.994849999999</v>
      </c>
    </row>
    <row r="4198" spans="2:42" x14ac:dyDescent="0.3">
      <c r="B4198">
        <v>40.90653292809683</v>
      </c>
      <c r="C4198" s="83">
        <v>43275.833333333336</v>
      </c>
      <c r="D4198">
        <v>163658.51620000001</v>
      </c>
      <c r="E4198">
        <v>13280.89452</v>
      </c>
      <c r="F4198">
        <v>51013.587809999997</v>
      </c>
      <c r="G4198">
        <v>31439.465489999999</v>
      </c>
      <c r="H4198">
        <v>31306.6001</v>
      </c>
      <c r="I4198">
        <v>25235.218359999999</v>
      </c>
      <c r="J4198">
        <v>41328.124309999999</v>
      </c>
      <c r="K4198">
        <v>45092.619310000002</v>
      </c>
      <c r="L4198">
        <v>27410.316989999999</v>
      </c>
      <c r="M4198">
        <v>208560.58129999999</v>
      </c>
      <c r="N4198">
        <v>66500.422879999998</v>
      </c>
      <c r="O4198">
        <v>17947.485830000001</v>
      </c>
      <c r="P4198">
        <v>33501.423970000003</v>
      </c>
      <c r="Q4198">
        <v>53772.601089999996</v>
      </c>
      <c r="R4198">
        <v>15811.14018</v>
      </c>
      <c r="S4198">
        <v>78825.020550000001</v>
      </c>
      <c r="T4198">
        <v>20284.780879999998</v>
      </c>
      <c r="U4198">
        <v>10768.409610000001</v>
      </c>
      <c r="W4198" s="83">
        <f>Bühler!N4230</f>
        <v>45466.833333323157</v>
      </c>
      <c r="X4198" s="83">
        <v>43275.833333333336</v>
      </c>
      <c r="Y4198">
        <v>163658.51620000001</v>
      </c>
      <c r="Z4198">
        <v>13280.89452</v>
      </c>
      <c r="AA4198">
        <v>51013.587809999997</v>
      </c>
      <c r="AB4198">
        <v>31439.465489999999</v>
      </c>
      <c r="AC4198">
        <v>31306.6001</v>
      </c>
      <c r="AD4198">
        <v>25235.218359999999</v>
      </c>
      <c r="AE4198">
        <v>41328.124309999999</v>
      </c>
      <c r="AF4198">
        <v>45092.619310000002</v>
      </c>
      <c r="AG4198">
        <v>27410.316989999999</v>
      </c>
      <c r="AH4198">
        <v>208560.58129999999</v>
      </c>
      <c r="AI4198">
        <v>66500.422879999998</v>
      </c>
      <c r="AJ4198">
        <v>17947.485830000001</v>
      </c>
      <c r="AK4198">
        <v>33501.423970000003</v>
      </c>
      <c r="AL4198">
        <v>53772.601089999996</v>
      </c>
      <c r="AM4198">
        <v>15811.14018</v>
      </c>
      <c r="AN4198">
        <v>78825.020550000001</v>
      </c>
      <c r="AO4198">
        <v>20284.780879999998</v>
      </c>
      <c r="AP4198">
        <v>10768.409610000001</v>
      </c>
    </row>
    <row r="4199" spans="2:42" x14ac:dyDescent="0.3">
      <c r="B4199">
        <v>41.345203844014293</v>
      </c>
      <c r="C4199" s="83">
        <v>43275.875</v>
      </c>
      <c r="D4199">
        <v>164925.1121</v>
      </c>
      <c r="E4199">
        <v>12926.266100000001</v>
      </c>
      <c r="F4199">
        <v>49674.9977</v>
      </c>
      <c r="G4199">
        <v>31026.944899999999</v>
      </c>
      <c r="H4199">
        <v>31047.611420000001</v>
      </c>
      <c r="I4199">
        <v>24798.966649999998</v>
      </c>
      <c r="J4199">
        <v>40975.737220000003</v>
      </c>
      <c r="K4199">
        <v>46383.253100000002</v>
      </c>
      <c r="L4199">
        <v>26351.63608</v>
      </c>
      <c r="M4199">
        <v>210797.13020000001</v>
      </c>
      <c r="N4199">
        <v>66984.231549999997</v>
      </c>
      <c r="O4199">
        <v>17521.481169999999</v>
      </c>
      <c r="P4199">
        <v>31989.783920000002</v>
      </c>
      <c r="Q4199">
        <v>55953.509729999998</v>
      </c>
      <c r="R4199">
        <v>16062.130579999999</v>
      </c>
      <c r="S4199">
        <v>76137.485549999998</v>
      </c>
      <c r="T4199">
        <v>19574.008249999999</v>
      </c>
      <c r="U4199">
        <v>11024.904490000001</v>
      </c>
      <c r="W4199" s="83">
        <f>Bühler!N4231</f>
        <v>45466.874999989821</v>
      </c>
      <c r="X4199" s="83">
        <v>43275.875</v>
      </c>
      <c r="Y4199">
        <v>164925.1121</v>
      </c>
      <c r="Z4199">
        <v>12926.266100000001</v>
      </c>
      <c r="AA4199">
        <v>49674.9977</v>
      </c>
      <c r="AB4199">
        <v>31026.944899999999</v>
      </c>
      <c r="AC4199">
        <v>31047.611420000001</v>
      </c>
      <c r="AD4199">
        <v>24798.966649999998</v>
      </c>
      <c r="AE4199">
        <v>40975.737220000003</v>
      </c>
      <c r="AF4199">
        <v>46383.253100000002</v>
      </c>
      <c r="AG4199">
        <v>26351.63608</v>
      </c>
      <c r="AH4199">
        <v>210797.13020000001</v>
      </c>
      <c r="AI4199">
        <v>66984.231549999997</v>
      </c>
      <c r="AJ4199">
        <v>17521.481169999999</v>
      </c>
      <c r="AK4199">
        <v>31989.783920000002</v>
      </c>
      <c r="AL4199">
        <v>55953.509729999998</v>
      </c>
      <c r="AM4199">
        <v>16062.130579999999</v>
      </c>
      <c r="AN4199">
        <v>76137.485549999998</v>
      </c>
      <c r="AO4199">
        <v>19574.008249999999</v>
      </c>
      <c r="AP4199">
        <v>11024.904490000001</v>
      </c>
    </row>
    <row r="4200" spans="2:42" x14ac:dyDescent="0.3">
      <c r="B4200">
        <v>42.336582125441026</v>
      </c>
      <c r="C4200" s="83">
        <v>43275.916666666664</v>
      </c>
      <c r="D4200">
        <v>167349.79490000001</v>
      </c>
      <c r="E4200">
        <v>12812.61865</v>
      </c>
      <c r="F4200">
        <v>49718.886469999998</v>
      </c>
      <c r="G4200">
        <v>31403.159950000001</v>
      </c>
      <c r="H4200">
        <v>32647.991740000001</v>
      </c>
      <c r="I4200">
        <v>25017.704890000001</v>
      </c>
      <c r="J4200">
        <v>41549.477570000003</v>
      </c>
      <c r="K4200">
        <v>49727.225630000001</v>
      </c>
      <c r="L4200">
        <v>23978.66274</v>
      </c>
      <c r="M4200">
        <v>215851.639</v>
      </c>
      <c r="N4200">
        <v>68097.407730000006</v>
      </c>
      <c r="O4200">
        <v>17539.239229999999</v>
      </c>
      <c r="P4200">
        <v>31018.25318</v>
      </c>
      <c r="Q4200">
        <v>57364.376960000001</v>
      </c>
      <c r="R4200">
        <v>16860.697080000002</v>
      </c>
      <c r="S4200">
        <v>75999.52592</v>
      </c>
      <c r="T4200">
        <v>19243.59491</v>
      </c>
      <c r="U4200">
        <v>11828.62104</v>
      </c>
      <c r="W4200" s="83">
        <f>Bühler!N4232</f>
        <v>45466.916666656485</v>
      </c>
      <c r="X4200" s="83">
        <v>43275.916666666664</v>
      </c>
      <c r="Y4200">
        <v>167349.79490000001</v>
      </c>
      <c r="Z4200">
        <v>12812.61865</v>
      </c>
      <c r="AA4200">
        <v>49718.886469999998</v>
      </c>
      <c r="AB4200">
        <v>31403.159950000001</v>
      </c>
      <c r="AC4200">
        <v>32647.991740000001</v>
      </c>
      <c r="AD4200">
        <v>25017.704890000001</v>
      </c>
      <c r="AE4200">
        <v>41549.477570000003</v>
      </c>
      <c r="AF4200">
        <v>49727.225630000001</v>
      </c>
      <c r="AG4200">
        <v>23978.66274</v>
      </c>
      <c r="AH4200">
        <v>215851.639</v>
      </c>
      <c r="AI4200">
        <v>68097.407730000006</v>
      </c>
      <c r="AJ4200">
        <v>17539.239229999999</v>
      </c>
      <c r="AK4200">
        <v>31018.25318</v>
      </c>
      <c r="AL4200">
        <v>57364.376960000001</v>
      </c>
      <c r="AM4200">
        <v>16860.697080000002</v>
      </c>
      <c r="AN4200">
        <v>75999.52592</v>
      </c>
      <c r="AO4200">
        <v>19243.59491</v>
      </c>
      <c r="AP4200">
        <v>11828.62104</v>
      </c>
    </row>
    <row r="4201" spans="2:42" x14ac:dyDescent="0.3">
      <c r="B4201">
        <v>43.12588167752093</v>
      </c>
      <c r="C4201" s="83">
        <v>43275.958333333336</v>
      </c>
      <c r="D4201">
        <v>170286.49979999999</v>
      </c>
      <c r="E4201">
        <v>12544.006439999999</v>
      </c>
      <c r="F4201">
        <v>49092.595889999997</v>
      </c>
      <c r="G4201">
        <v>31932.051589999999</v>
      </c>
      <c r="H4201">
        <v>32707.493750000001</v>
      </c>
      <c r="I4201">
        <v>24790.658439999999</v>
      </c>
      <c r="J4201">
        <v>37575.995459999998</v>
      </c>
      <c r="K4201">
        <v>48932.861360000003</v>
      </c>
      <c r="L4201">
        <v>20467.01657</v>
      </c>
      <c r="M4201">
        <v>219875.85620000001</v>
      </c>
      <c r="N4201">
        <v>67759.921409999995</v>
      </c>
      <c r="O4201">
        <v>17818.849770000001</v>
      </c>
      <c r="P4201">
        <v>28664.234659999998</v>
      </c>
      <c r="Q4201">
        <v>59080.918879999997</v>
      </c>
      <c r="R4201">
        <v>18004.020810000002</v>
      </c>
      <c r="S4201">
        <v>74286.076570000005</v>
      </c>
      <c r="T4201">
        <v>18469.391060000002</v>
      </c>
      <c r="U4201">
        <v>11379.819879999999</v>
      </c>
      <c r="W4201" s="83">
        <f>Bühler!N4233</f>
        <v>45466.958333323149</v>
      </c>
      <c r="X4201" s="83">
        <v>43275.958333333336</v>
      </c>
      <c r="Y4201">
        <v>170286.49979999999</v>
      </c>
      <c r="Z4201">
        <v>12544.006439999999</v>
      </c>
      <c r="AA4201">
        <v>49092.595889999997</v>
      </c>
      <c r="AB4201">
        <v>31932.051589999999</v>
      </c>
      <c r="AC4201">
        <v>32707.493750000001</v>
      </c>
      <c r="AD4201">
        <v>24790.658439999999</v>
      </c>
      <c r="AE4201">
        <v>37575.995459999998</v>
      </c>
      <c r="AF4201">
        <v>48932.861360000003</v>
      </c>
      <c r="AG4201">
        <v>20467.01657</v>
      </c>
      <c r="AH4201">
        <v>219875.85620000001</v>
      </c>
      <c r="AI4201">
        <v>67759.921409999995</v>
      </c>
      <c r="AJ4201">
        <v>17818.849770000001</v>
      </c>
      <c r="AK4201">
        <v>28664.234659999998</v>
      </c>
      <c r="AL4201">
        <v>59080.918879999997</v>
      </c>
      <c r="AM4201">
        <v>18004.020810000002</v>
      </c>
      <c r="AN4201">
        <v>74286.076570000005</v>
      </c>
      <c r="AO4201">
        <v>18469.391060000002</v>
      </c>
      <c r="AP4201">
        <v>11379.819879999999</v>
      </c>
    </row>
    <row r="4202" spans="2:42" x14ac:dyDescent="0.3">
      <c r="B4202">
        <v>42.958046500703468</v>
      </c>
      <c r="C4202" s="83">
        <v>43276</v>
      </c>
      <c r="D4202">
        <v>171493.42189999999</v>
      </c>
      <c r="E4202">
        <v>12311.121859999999</v>
      </c>
      <c r="F4202">
        <v>48549.730439999999</v>
      </c>
      <c r="G4202">
        <v>31236.653900000001</v>
      </c>
      <c r="H4202">
        <v>32334.343099999998</v>
      </c>
      <c r="I4202">
        <v>23257.535230000001</v>
      </c>
      <c r="J4202">
        <v>34340.739820000003</v>
      </c>
      <c r="K4202">
        <v>45723.961739999999</v>
      </c>
      <c r="L4202">
        <v>18466.213619999999</v>
      </c>
      <c r="M4202">
        <v>219020.15419999999</v>
      </c>
      <c r="N4202">
        <v>67394.625450000007</v>
      </c>
      <c r="O4202">
        <v>17288.741020000001</v>
      </c>
      <c r="P4202">
        <v>26788.57907</v>
      </c>
      <c r="Q4202">
        <v>60172.427649999998</v>
      </c>
      <c r="R4202">
        <v>14575.959440000001</v>
      </c>
      <c r="S4202">
        <v>73311.547630000001</v>
      </c>
      <c r="T4202">
        <v>18103.503990000001</v>
      </c>
      <c r="U4202">
        <v>11511.28701</v>
      </c>
      <c r="W4202" s="83">
        <f>Bühler!N4234</f>
        <v>45466.999999989814</v>
      </c>
      <c r="X4202" s="83">
        <v>43276</v>
      </c>
      <c r="Y4202">
        <v>171493.42189999999</v>
      </c>
      <c r="Z4202">
        <v>12311.121859999999</v>
      </c>
      <c r="AA4202">
        <v>48549.730439999999</v>
      </c>
      <c r="AB4202">
        <v>31236.653900000001</v>
      </c>
      <c r="AC4202">
        <v>32334.343099999998</v>
      </c>
      <c r="AD4202">
        <v>23257.535230000001</v>
      </c>
      <c r="AE4202">
        <v>34340.739820000003</v>
      </c>
      <c r="AF4202">
        <v>45723.961739999999</v>
      </c>
      <c r="AG4202">
        <v>18466.213619999999</v>
      </c>
      <c r="AH4202">
        <v>219020.15419999999</v>
      </c>
      <c r="AI4202">
        <v>67394.625450000007</v>
      </c>
      <c r="AJ4202">
        <v>17288.741020000001</v>
      </c>
      <c r="AK4202">
        <v>26788.57907</v>
      </c>
      <c r="AL4202">
        <v>60172.427649999998</v>
      </c>
      <c r="AM4202">
        <v>14575.959440000001</v>
      </c>
      <c r="AN4202">
        <v>73311.547630000001</v>
      </c>
      <c r="AO4202">
        <v>18103.503990000001</v>
      </c>
      <c r="AP4202">
        <v>11511.28701</v>
      </c>
    </row>
    <row r="4203" spans="2:42" x14ac:dyDescent="0.3">
      <c r="B4203">
        <v>43.397790229430335</v>
      </c>
      <c r="C4203" s="83">
        <v>43276.041666666664</v>
      </c>
      <c r="D4203">
        <v>171646.6593</v>
      </c>
      <c r="E4203">
        <v>12163.612150000001</v>
      </c>
      <c r="F4203">
        <v>48471.593059999999</v>
      </c>
      <c r="G4203">
        <v>30855.280210000001</v>
      </c>
      <c r="H4203">
        <v>32004.767500000002</v>
      </c>
      <c r="I4203">
        <v>20015.367190000001</v>
      </c>
      <c r="J4203">
        <v>32814.508950000003</v>
      </c>
      <c r="K4203">
        <v>44909.290679999998</v>
      </c>
      <c r="L4203">
        <v>17000.256130000002</v>
      </c>
      <c r="M4203">
        <v>221262.1728</v>
      </c>
      <c r="N4203">
        <v>66948.857699999993</v>
      </c>
      <c r="O4203">
        <v>17872.4499</v>
      </c>
      <c r="P4203">
        <v>26417.325769999999</v>
      </c>
      <c r="Q4203">
        <v>63873.495519999997</v>
      </c>
      <c r="R4203">
        <v>12542.554550000001</v>
      </c>
      <c r="S4203">
        <v>72144.618929999997</v>
      </c>
      <c r="T4203">
        <v>17711.397099999998</v>
      </c>
      <c r="U4203">
        <v>11101.72594</v>
      </c>
      <c r="W4203" s="83">
        <f>Bühler!N4235</f>
        <v>45467.041666656478</v>
      </c>
      <c r="X4203" s="83">
        <v>43276.041666666664</v>
      </c>
      <c r="Y4203">
        <v>171646.6593</v>
      </c>
      <c r="Z4203">
        <v>12163.612150000001</v>
      </c>
      <c r="AA4203">
        <v>48471.593059999999</v>
      </c>
      <c r="AB4203">
        <v>30855.280210000001</v>
      </c>
      <c r="AC4203">
        <v>32004.767500000002</v>
      </c>
      <c r="AD4203">
        <v>20015.367190000001</v>
      </c>
      <c r="AE4203">
        <v>32814.508950000003</v>
      </c>
      <c r="AF4203">
        <v>44909.290679999998</v>
      </c>
      <c r="AG4203">
        <v>17000.256130000002</v>
      </c>
      <c r="AH4203">
        <v>221262.1728</v>
      </c>
      <c r="AI4203">
        <v>66948.857699999993</v>
      </c>
      <c r="AJ4203">
        <v>17872.4499</v>
      </c>
      <c r="AK4203">
        <v>26417.325769999999</v>
      </c>
      <c r="AL4203">
        <v>63873.495519999997</v>
      </c>
      <c r="AM4203">
        <v>12542.554550000001</v>
      </c>
      <c r="AN4203">
        <v>72144.618929999997</v>
      </c>
      <c r="AO4203">
        <v>17711.397099999998</v>
      </c>
      <c r="AP4203">
        <v>11101.72594</v>
      </c>
    </row>
    <row r="4204" spans="2:42" x14ac:dyDescent="0.3">
      <c r="B4204">
        <v>43.997905361077244</v>
      </c>
      <c r="C4204" s="83">
        <v>43276.083333333336</v>
      </c>
      <c r="D4204">
        <v>173365.5626</v>
      </c>
      <c r="E4204">
        <v>12122.819750000001</v>
      </c>
      <c r="F4204">
        <v>49448.636359999997</v>
      </c>
      <c r="G4204">
        <v>30128.241590000001</v>
      </c>
      <c r="H4204">
        <v>31666.313320000001</v>
      </c>
      <c r="I4204">
        <v>17423.703379999999</v>
      </c>
      <c r="J4204">
        <v>32533.38983</v>
      </c>
      <c r="K4204">
        <v>42773.851549999999</v>
      </c>
      <c r="L4204">
        <v>16790.9666</v>
      </c>
      <c r="M4204">
        <v>224321.83960000001</v>
      </c>
      <c r="N4204">
        <v>65986.186530000006</v>
      </c>
      <c r="O4204">
        <v>18016.022150000001</v>
      </c>
      <c r="P4204">
        <v>25196.500380000001</v>
      </c>
      <c r="Q4204">
        <v>67186.683489999996</v>
      </c>
      <c r="R4204">
        <v>13408.66238</v>
      </c>
      <c r="S4204">
        <v>70742.924650000001</v>
      </c>
      <c r="T4204">
        <v>17205.584210000001</v>
      </c>
      <c r="U4204">
        <v>11277.77433</v>
      </c>
      <c r="W4204" s="83">
        <f>Bühler!N4236</f>
        <v>45467.083333323142</v>
      </c>
      <c r="X4204" s="83">
        <v>43276.083333333336</v>
      </c>
      <c r="Y4204">
        <v>173365.5626</v>
      </c>
      <c r="Z4204">
        <v>12122.819750000001</v>
      </c>
      <c r="AA4204">
        <v>49448.636359999997</v>
      </c>
      <c r="AB4204">
        <v>30128.241590000001</v>
      </c>
      <c r="AC4204">
        <v>31666.313320000001</v>
      </c>
      <c r="AD4204">
        <v>17423.703379999999</v>
      </c>
      <c r="AE4204">
        <v>32533.38983</v>
      </c>
      <c r="AF4204">
        <v>42773.851549999999</v>
      </c>
      <c r="AG4204">
        <v>16790.9666</v>
      </c>
      <c r="AH4204">
        <v>224321.83960000001</v>
      </c>
      <c r="AI4204">
        <v>65986.186530000006</v>
      </c>
      <c r="AJ4204">
        <v>18016.022150000001</v>
      </c>
      <c r="AK4204">
        <v>25196.500380000001</v>
      </c>
      <c r="AL4204">
        <v>67186.683489999996</v>
      </c>
      <c r="AM4204">
        <v>13408.66238</v>
      </c>
      <c r="AN4204">
        <v>70742.924650000001</v>
      </c>
      <c r="AO4204">
        <v>17205.584210000001</v>
      </c>
      <c r="AP4204">
        <v>11277.77433</v>
      </c>
    </row>
    <row r="4205" spans="2:42" x14ac:dyDescent="0.3">
      <c r="B4205">
        <v>45.446151403075788</v>
      </c>
      <c r="C4205" s="83">
        <v>43276.125</v>
      </c>
      <c r="D4205">
        <v>177138.83840000001</v>
      </c>
      <c r="E4205">
        <v>12199.08526</v>
      </c>
      <c r="F4205">
        <v>51764.75836</v>
      </c>
      <c r="G4205">
        <v>29528.023130000001</v>
      </c>
      <c r="H4205">
        <v>31531.684160000001</v>
      </c>
      <c r="I4205">
        <v>16468.76354</v>
      </c>
      <c r="J4205">
        <v>32450.086899999998</v>
      </c>
      <c r="K4205">
        <v>42613.01917</v>
      </c>
      <c r="L4205">
        <v>16473.632430000001</v>
      </c>
      <c r="M4205">
        <v>231705.67329999999</v>
      </c>
      <c r="N4205">
        <v>65411.972009999998</v>
      </c>
      <c r="O4205">
        <v>16898.199199999999</v>
      </c>
      <c r="P4205">
        <v>24072.272400000002</v>
      </c>
      <c r="Q4205">
        <v>71242.708870000002</v>
      </c>
      <c r="R4205">
        <v>13405.30104</v>
      </c>
      <c r="S4205">
        <v>70291.769279999993</v>
      </c>
      <c r="T4205">
        <v>16956.24783</v>
      </c>
      <c r="U4205">
        <v>11126.721449999999</v>
      </c>
      <c r="W4205" s="83">
        <f>Bühler!N4237</f>
        <v>45467.124999989806</v>
      </c>
      <c r="X4205" s="83">
        <v>43276.125</v>
      </c>
      <c r="Y4205">
        <v>177138.83840000001</v>
      </c>
      <c r="Z4205">
        <v>12199.08526</v>
      </c>
      <c r="AA4205">
        <v>51764.75836</v>
      </c>
      <c r="AB4205">
        <v>29528.023130000001</v>
      </c>
      <c r="AC4205">
        <v>31531.684160000001</v>
      </c>
      <c r="AD4205">
        <v>16468.76354</v>
      </c>
      <c r="AE4205">
        <v>32450.086899999998</v>
      </c>
      <c r="AF4205">
        <v>42613.01917</v>
      </c>
      <c r="AG4205">
        <v>16473.632430000001</v>
      </c>
      <c r="AH4205">
        <v>231705.67329999999</v>
      </c>
      <c r="AI4205">
        <v>65411.972009999998</v>
      </c>
      <c r="AJ4205">
        <v>16898.199199999999</v>
      </c>
      <c r="AK4205">
        <v>24072.272400000002</v>
      </c>
      <c r="AL4205">
        <v>71242.708870000002</v>
      </c>
      <c r="AM4205">
        <v>13405.30104</v>
      </c>
      <c r="AN4205">
        <v>70291.769279999993</v>
      </c>
      <c r="AO4205">
        <v>16956.24783</v>
      </c>
      <c r="AP4205">
        <v>11126.721449999999</v>
      </c>
    </row>
    <row r="4206" spans="2:42" x14ac:dyDescent="0.3">
      <c r="B4206">
        <v>48.30393365027826</v>
      </c>
      <c r="C4206" s="83">
        <v>43276.166666666664</v>
      </c>
      <c r="D4206">
        <v>188510.2849</v>
      </c>
      <c r="E4206">
        <v>13051.37148</v>
      </c>
      <c r="F4206">
        <v>54793.173340000001</v>
      </c>
      <c r="G4206">
        <v>28921.48071</v>
      </c>
      <c r="H4206">
        <v>32343.56407</v>
      </c>
      <c r="I4206">
        <v>17820.475190000001</v>
      </c>
      <c r="J4206">
        <v>34917.082840000003</v>
      </c>
      <c r="K4206">
        <v>41395.065329999998</v>
      </c>
      <c r="L4206">
        <v>16453.75232</v>
      </c>
      <c r="M4206">
        <v>246275.97990000001</v>
      </c>
      <c r="N4206">
        <v>65922.156400000007</v>
      </c>
      <c r="O4206">
        <v>16832.902839999999</v>
      </c>
      <c r="P4206">
        <v>23796.495279999999</v>
      </c>
      <c r="Q4206">
        <v>77110.458169999998</v>
      </c>
      <c r="R4206">
        <v>12987.68089</v>
      </c>
      <c r="S4206">
        <v>70335.038400000005</v>
      </c>
      <c r="T4206">
        <v>17071.181570000001</v>
      </c>
      <c r="U4206">
        <v>12283.24582</v>
      </c>
      <c r="W4206" s="83">
        <f>Bühler!N4238</f>
        <v>45467.166666656471</v>
      </c>
      <c r="X4206" s="83">
        <v>43276.166666666664</v>
      </c>
      <c r="Y4206">
        <v>188510.2849</v>
      </c>
      <c r="Z4206">
        <v>13051.37148</v>
      </c>
      <c r="AA4206">
        <v>54793.173340000001</v>
      </c>
      <c r="AB4206">
        <v>28921.48071</v>
      </c>
      <c r="AC4206">
        <v>32343.56407</v>
      </c>
      <c r="AD4206">
        <v>17820.475190000001</v>
      </c>
      <c r="AE4206">
        <v>34917.082840000003</v>
      </c>
      <c r="AF4206">
        <v>41395.065329999998</v>
      </c>
      <c r="AG4206">
        <v>16453.75232</v>
      </c>
      <c r="AH4206">
        <v>246275.97990000001</v>
      </c>
      <c r="AI4206">
        <v>65922.156400000007</v>
      </c>
      <c r="AJ4206">
        <v>16832.902839999999</v>
      </c>
      <c r="AK4206">
        <v>23796.495279999999</v>
      </c>
      <c r="AL4206">
        <v>77110.458169999998</v>
      </c>
      <c r="AM4206">
        <v>12987.68089</v>
      </c>
      <c r="AN4206">
        <v>70335.038400000005</v>
      </c>
      <c r="AO4206">
        <v>17071.181570000001</v>
      </c>
      <c r="AP4206">
        <v>12283.24582</v>
      </c>
    </row>
    <row r="4207" spans="2:42" x14ac:dyDescent="0.3">
      <c r="B4207">
        <v>54.295381872388745</v>
      </c>
      <c r="C4207" s="83">
        <v>43276.208333333336</v>
      </c>
      <c r="D4207">
        <v>219686.1109</v>
      </c>
      <c r="E4207">
        <v>14863.26225</v>
      </c>
      <c r="F4207">
        <v>64666.656159999999</v>
      </c>
      <c r="G4207">
        <v>30480.868780000001</v>
      </c>
      <c r="H4207">
        <v>33983.679329999999</v>
      </c>
      <c r="I4207">
        <v>23310.843949999999</v>
      </c>
      <c r="J4207">
        <v>37702.92697</v>
      </c>
      <c r="K4207">
        <v>43519.564019999998</v>
      </c>
      <c r="L4207">
        <v>17147.129710000001</v>
      </c>
      <c r="M4207">
        <v>276823.17700000003</v>
      </c>
      <c r="N4207">
        <v>66852.310759999993</v>
      </c>
      <c r="O4207">
        <v>17250.845120000002</v>
      </c>
      <c r="P4207">
        <v>25516.715779999999</v>
      </c>
      <c r="Q4207">
        <v>83797.067389999997</v>
      </c>
      <c r="R4207">
        <v>15656.649289999999</v>
      </c>
      <c r="S4207">
        <v>72569.994730000006</v>
      </c>
      <c r="T4207">
        <v>18454.228660000001</v>
      </c>
      <c r="U4207">
        <v>13749.08279</v>
      </c>
      <c r="W4207" s="83">
        <f>Bühler!N4239</f>
        <v>45467.208333323135</v>
      </c>
      <c r="X4207" s="83">
        <v>43276.208333333336</v>
      </c>
      <c r="Y4207">
        <v>219686.1109</v>
      </c>
      <c r="Z4207">
        <v>14863.26225</v>
      </c>
      <c r="AA4207">
        <v>64666.656159999999</v>
      </c>
      <c r="AB4207">
        <v>30480.868780000001</v>
      </c>
      <c r="AC4207">
        <v>33983.679329999999</v>
      </c>
      <c r="AD4207">
        <v>23310.843949999999</v>
      </c>
      <c r="AE4207">
        <v>37702.92697</v>
      </c>
      <c r="AF4207">
        <v>43519.564019999998</v>
      </c>
      <c r="AG4207">
        <v>17147.129710000001</v>
      </c>
      <c r="AH4207">
        <v>276823.17700000003</v>
      </c>
      <c r="AI4207">
        <v>66852.310759999993</v>
      </c>
      <c r="AJ4207">
        <v>17250.845120000002</v>
      </c>
      <c r="AK4207">
        <v>25516.715779999999</v>
      </c>
      <c r="AL4207">
        <v>83797.067389999997</v>
      </c>
      <c r="AM4207">
        <v>15656.649289999999</v>
      </c>
      <c r="AN4207">
        <v>72569.994730000006</v>
      </c>
      <c r="AO4207">
        <v>18454.228660000001</v>
      </c>
      <c r="AP4207">
        <v>13749.08279</v>
      </c>
    </row>
    <row r="4208" spans="2:42" x14ac:dyDescent="0.3">
      <c r="B4208">
        <v>58.800332529999665</v>
      </c>
      <c r="C4208" s="83">
        <v>43276.25</v>
      </c>
      <c r="D4208">
        <v>244639.53570000001</v>
      </c>
      <c r="E4208">
        <v>18449.484690000001</v>
      </c>
      <c r="F4208">
        <v>76509.452109999998</v>
      </c>
      <c r="G4208">
        <v>38047.092360000002</v>
      </c>
      <c r="H4208">
        <v>35507.764020000002</v>
      </c>
      <c r="I4208">
        <v>28412.35542</v>
      </c>
      <c r="J4208">
        <v>40278.23702</v>
      </c>
      <c r="K4208">
        <v>46785.424449999999</v>
      </c>
      <c r="L4208">
        <v>17983.44614</v>
      </c>
      <c r="M4208">
        <v>299791.51630000002</v>
      </c>
      <c r="N4208">
        <v>69676.933950000006</v>
      </c>
      <c r="O4208">
        <v>18378.280009999999</v>
      </c>
      <c r="P4208">
        <v>24905.855039999999</v>
      </c>
      <c r="Q4208">
        <v>87622.715890000007</v>
      </c>
      <c r="R4208">
        <v>14136.54429</v>
      </c>
      <c r="S4208">
        <v>80063.633310000005</v>
      </c>
      <c r="T4208">
        <v>20250.440480000001</v>
      </c>
      <c r="U4208">
        <v>15962.6744</v>
      </c>
      <c r="W4208" s="83">
        <f>Bühler!N4240</f>
        <v>45467.249999989799</v>
      </c>
      <c r="X4208" s="83">
        <v>43276.25</v>
      </c>
      <c r="Y4208">
        <v>244639.53570000001</v>
      </c>
      <c r="Z4208">
        <v>18449.484690000001</v>
      </c>
      <c r="AA4208">
        <v>76509.452109999998</v>
      </c>
      <c r="AB4208">
        <v>38047.092360000002</v>
      </c>
      <c r="AC4208">
        <v>35507.764020000002</v>
      </c>
      <c r="AD4208">
        <v>28412.35542</v>
      </c>
      <c r="AE4208">
        <v>40278.23702</v>
      </c>
      <c r="AF4208">
        <v>46785.424449999999</v>
      </c>
      <c r="AG4208">
        <v>17983.44614</v>
      </c>
      <c r="AH4208">
        <v>299791.51630000002</v>
      </c>
      <c r="AI4208">
        <v>69676.933950000006</v>
      </c>
      <c r="AJ4208">
        <v>18378.280009999999</v>
      </c>
      <c r="AK4208">
        <v>24905.855039999999</v>
      </c>
      <c r="AL4208">
        <v>87622.715890000007</v>
      </c>
      <c r="AM4208">
        <v>14136.54429</v>
      </c>
      <c r="AN4208">
        <v>80063.633310000005</v>
      </c>
      <c r="AO4208">
        <v>20250.440480000001</v>
      </c>
      <c r="AP4208">
        <v>15962.6744</v>
      </c>
    </row>
    <row r="4209" spans="2:42" x14ac:dyDescent="0.3">
      <c r="B4209">
        <v>62.715693417199937</v>
      </c>
      <c r="C4209" s="83">
        <v>43276.291666666664</v>
      </c>
      <c r="D4209">
        <v>262250.1826</v>
      </c>
      <c r="E4209">
        <v>23199.050459999999</v>
      </c>
      <c r="F4209">
        <v>81059.886670000007</v>
      </c>
      <c r="G4209">
        <v>47316.279739999998</v>
      </c>
      <c r="H4209">
        <v>40801.7379</v>
      </c>
      <c r="I4209">
        <v>35818.647239999998</v>
      </c>
      <c r="J4209">
        <v>42181.7048</v>
      </c>
      <c r="K4209">
        <v>52312.104529999997</v>
      </c>
      <c r="L4209">
        <v>20428.729189999998</v>
      </c>
      <c r="M4209">
        <v>319753.85200000001</v>
      </c>
      <c r="N4209">
        <v>75523.334440000006</v>
      </c>
      <c r="O4209">
        <v>20544.01282</v>
      </c>
      <c r="P4209">
        <v>28279.965039999999</v>
      </c>
      <c r="Q4209">
        <v>90627.140100000004</v>
      </c>
      <c r="R4209">
        <v>16224.95795</v>
      </c>
      <c r="S4209">
        <v>94684.79088</v>
      </c>
      <c r="T4209">
        <v>24032.364860000001</v>
      </c>
      <c r="U4209">
        <v>20055.247289999999</v>
      </c>
      <c r="W4209" s="83">
        <f>Bühler!N4241</f>
        <v>45467.291666656463</v>
      </c>
      <c r="X4209" s="83">
        <v>43276.291666666664</v>
      </c>
      <c r="Y4209">
        <v>262250.1826</v>
      </c>
      <c r="Z4209">
        <v>23199.050459999999</v>
      </c>
      <c r="AA4209">
        <v>81059.886670000007</v>
      </c>
      <c r="AB4209">
        <v>47316.279739999998</v>
      </c>
      <c r="AC4209">
        <v>40801.7379</v>
      </c>
      <c r="AD4209">
        <v>35818.647239999998</v>
      </c>
      <c r="AE4209">
        <v>42181.7048</v>
      </c>
      <c r="AF4209">
        <v>52312.104529999997</v>
      </c>
      <c r="AG4209">
        <v>20428.729189999998</v>
      </c>
      <c r="AH4209">
        <v>319753.85200000001</v>
      </c>
      <c r="AI4209">
        <v>75523.334440000006</v>
      </c>
      <c r="AJ4209">
        <v>20544.01282</v>
      </c>
      <c r="AK4209">
        <v>28279.965039999999</v>
      </c>
      <c r="AL4209">
        <v>90627.140100000004</v>
      </c>
      <c r="AM4209">
        <v>16224.95795</v>
      </c>
      <c r="AN4209">
        <v>94684.79088</v>
      </c>
      <c r="AO4209">
        <v>24032.364860000001</v>
      </c>
      <c r="AP4209">
        <v>20055.247289999999</v>
      </c>
    </row>
    <row r="4210" spans="2:42" x14ac:dyDescent="0.3">
      <c r="B4210">
        <v>65.396397472756703</v>
      </c>
      <c r="C4210" s="83">
        <v>43276.333333333336</v>
      </c>
      <c r="D4210">
        <v>277654.93540000002</v>
      </c>
      <c r="E4210">
        <v>28899.167679999999</v>
      </c>
      <c r="F4210">
        <v>88673.157019999999</v>
      </c>
      <c r="G4210">
        <v>57175.050649999997</v>
      </c>
      <c r="H4210">
        <v>46167.722040000001</v>
      </c>
      <c r="I4210">
        <v>39606.305110000001</v>
      </c>
      <c r="J4210">
        <v>44855.064590000002</v>
      </c>
      <c r="K4210">
        <v>59529.123950000001</v>
      </c>
      <c r="L4210">
        <v>23592.57532</v>
      </c>
      <c r="M4210">
        <v>333421.33140000002</v>
      </c>
      <c r="N4210">
        <v>83049.244949999993</v>
      </c>
      <c r="O4210">
        <v>23281.170330000001</v>
      </c>
      <c r="P4210">
        <v>31907.303629999999</v>
      </c>
      <c r="Q4210">
        <v>94347.801800000001</v>
      </c>
      <c r="R4210">
        <v>19871.602129999999</v>
      </c>
      <c r="S4210">
        <v>107106.6761</v>
      </c>
      <c r="T4210">
        <v>27119.125209999998</v>
      </c>
      <c r="U4210">
        <v>24411.56451</v>
      </c>
      <c r="W4210" s="83">
        <f>Bühler!N4242</f>
        <v>45467.333333323128</v>
      </c>
      <c r="X4210" s="83">
        <v>43276.333333333336</v>
      </c>
      <c r="Y4210">
        <v>277654.93540000002</v>
      </c>
      <c r="Z4210">
        <v>28899.167679999999</v>
      </c>
      <c r="AA4210">
        <v>88673.157019999999</v>
      </c>
      <c r="AB4210">
        <v>57175.050649999997</v>
      </c>
      <c r="AC4210">
        <v>46167.722040000001</v>
      </c>
      <c r="AD4210">
        <v>39606.305110000001</v>
      </c>
      <c r="AE4210">
        <v>44855.064590000002</v>
      </c>
      <c r="AF4210">
        <v>59529.123950000001</v>
      </c>
      <c r="AG4210">
        <v>23592.57532</v>
      </c>
      <c r="AH4210">
        <v>333421.33140000002</v>
      </c>
      <c r="AI4210">
        <v>83049.244949999993</v>
      </c>
      <c r="AJ4210">
        <v>23281.170330000001</v>
      </c>
      <c r="AK4210">
        <v>31907.303629999999</v>
      </c>
      <c r="AL4210">
        <v>94347.801800000001</v>
      </c>
      <c r="AM4210">
        <v>19871.602129999999</v>
      </c>
      <c r="AN4210">
        <v>107106.6761</v>
      </c>
      <c r="AO4210">
        <v>27119.125209999998</v>
      </c>
      <c r="AP4210">
        <v>24411.56451</v>
      </c>
    </row>
    <row r="4211" spans="2:42" x14ac:dyDescent="0.3">
      <c r="B4211">
        <v>67.201743665641331</v>
      </c>
      <c r="C4211" s="83">
        <v>43276.375</v>
      </c>
      <c r="D4211">
        <v>284787.94069999998</v>
      </c>
      <c r="E4211">
        <v>33228.202850000001</v>
      </c>
      <c r="F4211">
        <v>96149.897729999997</v>
      </c>
      <c r="G4211">
        <v>64721.278509999996</v>
      </c>
      <c r="H4211">
        <v>49897.621420000003</v>
      </c>
      <c r="I4211">
        <v>39005.39443</v>
      </c>
      <c r="J4211">
        <v>46247.973879999998</v>
      </c>
      <c r="K4211">
        <v>63029.987760000004</v>
      </c>
      <c r="L4211">
        <v>27221.265500000001</v>
      </c>
      <c r="M4211">
        <v>342625.82819999999</v>
      </c>
      <c r="N4211">
        <v>85966.26874</v>
      </c>
      <c r="O4211">
        <v>24585.240020000001</v>
      </c>
      <c r="P4211">
        <v>33972.751129999997</v>
      </c>
      <c r="Q4211">
        <v>96654.050730000003</v>
      </c>
      <c r="R4211">
        <v>20068.460009999999</v>
      </c>
      <c r="S4211">
        <v>115909.9114</v>
      </c>
      <c r="T4211">
        <v>30078.399369999999</v>
      </c>
      <c r="U4211">
        <v>25765.324400000001</v>
      </c>
      <c r="W4211" s="83">
        <f>Bühler!N4243</f>
        <v>45467.374999989792</v>
      </c>
      <c r="X4211" s="83">
        <v>43276.375</v>
      </c>
      <c r="Y4211">
        <v>284787.94069999998</v>
      </c>
      <c r="Z4211">
        <v>33228.202850000001</v>
      </c>
      <c r="AA4211">
        <v>96149.897729999997</v>
      </c>
      <c r="AB4211">
        <v>64721.278509999996</v>
      </c>
      <c r="AC4211">
        <v>49897.621420000003</v>
      </c>
      <c r="AD4211">
        <v>39005.39443</v>
      </c>
      <c r="AE4211">
        <v>46247.973879999998</v>
      </c>
      <c r="AF4211">
        <v>63029.987760000004</v>
      </c>
      <c r="AG4211">
        <v>27221.265500000001</v>
      </c>
      <c r="AH4211">
        <v>342625.82819999999</v>
      </c>
      <c r="AI4211">
        <v>85966.26874</v>
      </c>
      <c r="AJ4211">
        <v>24585.240020000001</v>
      </c>
      <c r="AK4211">
        <v>33972.751129999997</v>
      </c>
      <c r="AL4211">
        <v>96654.050730000003</v>
      </c>
      <c r="AM4211">
        <v>20068.460009999999</v>
      </c>
      <c r="AN4211">
        <v>115909.9114</v>
      </c>
      <c r="AO4211">
        <v>30078.399369999999</v>
      </c>
      <c r="AP4211">
        <v>25765.324400000001</v>
      </c>
    </row>
    <row r="4212" spans="2:42" x14ac:dyDescent="0.3">
      <c r="B4212">
        <v>68.272349007306943</v>
      </c>
      <c r="C4212" s="83">
        <v>43276.416666666664</v>
      </c>
      <c r="D4212">
        <v>294094.38309999998</v>
      </c>
      <c r="E4212">
        <v>35334.853490000001</v>
      </c>
      <c r="F4212">
        <v>98127.114419999998</v>
      </c>
      <c r="G4212">
        <v>67936.852490000005</v>
      </c>
      <c r="H4212">
        <v>51172.421499999997</v>
      </c>
      <c r="I4212">
        <v>37386.080300000001</v>
      </c>
      <c r="J4212">
        <v>46779.324229999998</v>
      </c>
      <c r="K4212">
        <v>64277.341090000002</v>
      </c>
      <c r="L4212">
        <v>30993.83063</v>
      </c>
      <c r="M4212">
        <v>348084.27350000001</v>
      </c>
      <c r="N4212">
        <v>87524.401559999998</v>
      </c>
      <c r="O4212">
        <v>25149.425169999999</v>
      </c>
      <c r="P4212">
        <v>34843.804960000001</v>
      </c>
      <c r="Q4212">
        <v>98556.874230000001</v>
      </c>
      <c r="R4212">
        <v>22512.274130000002</v>
      </c>
      <c r="S4212">
        <v>118223.30530000001</v>
      </c>
      <c r="T4212">
        <v>32257.934300000001</v>
      </c>
      <c r="U4212">
        <v>25846.468339999999</v>
      </c>
      <c r="W4212" s="83">
        <f>Bühler!N4244</f>
        <v>45467.416666656456</v>
      </c>
      <c r="X4212" s="83">
        <v>43276.416666666664</v>
      </c>
      <c r="Y4212">
        <v>294094.38309999998</v>
      </c>
      <c r="Z4212">
        <v>35334.853490000001</v>
      </c>
      <c r="AA4212">
        <v>98127.114419999998</v>
      </c>
      <c r="AB4212">
        <v>67936.852490000005</v>
      </c>
      <c r="AC4212">
        <v>51172.421499999997</v>
      </c>
      <c r="AD4212">
        <v>37386.080300000001</v>
      </c>
      <c r="AE4212">
        <v>46779.324229999998</v>
      </c>
      <c r="AF4212">
        <v>64277.341090000002</v>
      </c>
      <c r="AG4212">
        <v>30993.83063</v>
      </c>
      <c r="AH4212">
        <v>348084.27350000001</v>
      </c>
      <c r="AI4212">
        <v>87524.401559999998</v>
      </c>
      <c r="AJ4212">
        <v>25149.425169999999</v>
      </c>
      <c r="AK4212">
        <v>34843.804960000001</v>
      </c>
      <c r="AL4212">
        <v>98556.874230000001</v>
      </c>
      <c r="AM4212">
        <v>22512.274130000002</v>
      </c>
      <c r="AN4212">
        <v>118223.30530000001</v>
      </c>
      <c r="AO4212">
        <v>32257.934300000001</v>
      </c>
      <c r="AP4212">
        <v>25846.468339999999</v>
      </c>
    </row>
    <row r="4213" spans="2:42" x14ac:dyDescent="0.3">
      <c r="B4213">
        <v>70.044523028668493</v>
      </c>
      <c r="C4213" s="83">
        <v>43276.458333333336</v>
      </c>
      <c r="D4213">
        <v>294200.67540000001</v>
      </c>
      <c r="E4213">
        <v>35606.249580000003</v>
      </c>
      <c r="F4213">
        <v>98704.457810000007</v>
      </c>
      <c r="G4213">
        <v>67773.988800000006</v>
      </c>
      <c r="H4213">
        <v>51058.640290000003</v>
      </c>
      <c r="I4213">
        <v>37489.139499999997</v>
      </c>
      <c r="J4213">
        <v>47277.464910000002</v>
      </c>
      <c r="K4213">
        <v>63578.823279999997</v>
      </c>
      <c r="L4213">
        <v>31905.492399999999</v>
      </c>
      <c r="M4213">
        <v>357119.64309999999</v>
      </c>
      <c r="N4213">
        <v>89056.830849999998</v>
      </c>
      <c r="O4213">
        <v>25503.417270000002</v>
      </c>
      <c r="P4213">
        <v>34448.565089999996</v>
      </c>
      <c r="Q4213">
        <v>99835.701839999994</v>
      </c>
      <c r="R4213">
        <v>24606.928670000001</v>
      </c>
      <c r="S4213">
        <v>122959.1778</v>
      </c>
      <c r="T4213">
        <v>32779.21142</v>
      </c>
      <c r="U4213">
        <v>25945.342199999999</v>
      </c>
      <c r="W4213" s="83">
        <f>Bühler!N4245</f>
        <v>45467.45833332312</v>
      </c>
      <c r="X4213" s="83">
        <v>43276.458333333336</v>
      </c>
      <c r="Y4213">
        <v>294200.67540000001</v>
      </c>
      <c r="Z4213">
        <v>35606.249580000003</v>
      </c>
      <c r="AA4213">
        <v>98704.457810000007</v>
      </c>
      <c r="AB4213">
        <v>67773.988800000006</v>
      </c>
      <c r="AC4213">
        <v>51058.640290000003</v>
      </c>
      <c r="AD4213">
        <v>37489.139499999997</v>
      </c>
      <c r="AE4213">
        <v>47277.464910000002</v>
      </c>
      <c r="AF4213">
        <v>63578.823279999997</v>
      </c>
      <c r="AG4213">
        <v>31905.492399999999</v>
      </c>
      <c r="AH4213">
        <v>357119.64309999999</v>
      </c>
      <c r="AI4213">
        <v>89056.830849999998</v>
      </c>
      <c r="AJ4213">
        <v>25503.417270000002</v>
      </c>
      <c r="AK4213">
        <v>34448.565089999996</v>
      </c>
      <c r="AL4213">
        <v>99835.701839999994</v>
      </c>
      <c r="AM4213">
        <v>24606.928670000001</v>
      </c>
      <c r="AN4213">
        <v>122959.1778</v>
      </c>
      <c r="AO4213">
        <v>32779.21142</v>
      </c>
      <c r="AP4213">
        <v>25945.342199999999</v>
      </c>
    </row>
    <row r="4214" spans="2:42" x14ac:dyDescent="0.3">
      <c r="B4214">
        <v>69.88367381539598</v>
      </c>
      <c r="C4214" s="83">
        <v>43276.5</v>
      </c>
      <c r="D4214">
        <v>285515.07900000003</v>
      </c>
      <c r="E4214">
        <v>32778.594490000003</v>
      </c>
      <c r="F4214">
        <v>93932.181370000006</v>
      </c>
      <c r="G4214">
        <v>69296.064010000002</v>
      </c>
      <c r="H4214">
        <v>49093.349459999998</v>
      </c>
      <c r="I4214">
        <v>36374.825149999997</v>
      </c>
      <c r="J4214">
        <v>47793.466939999998</v>
      </c>
      <c r="K4214">
        <v>60971.430359999998</v>
      </c>
      <c r="L4214">
        <v>34313.768799999998</v>
      </c>
      <c r="M4214">
        <v>356299.5588</v>
      </c>
      <c r="N4214">
        <v>88051.880640000003</v>
      </c>
      <c r="O4214">
        <v>24955.861919999999</v>
      </c>
      <c r="P4214">
        <v>35627.089269999997</v>
      </c>
      <c r="Q4214">
        <v>101299.6629</v>
      </c>
      <c r="R4214">
        <v>24221.182369999999</v>
      </c>
      <c r="S4214">
        <v>118363.4801</v>
      </c>
      <c r="T4214">
        <v>32572.72048</v>
      </c>
      <c r="U4214">
        <v>21639.558669999999</v>
      </c>
      <c r="W4214" s="83">
        <f>Bühler!N4246</f>
        <v>45467.499999989785</v>
      </c>
      <c r="X4214" s="83">
        <v>43276.5</v>
      </c>
      <c r="Y4214">
        <v>285515.07900000003</v>
      </c>
      <c r="Z4214">
        <v>32778.594490000003</v>
      </c>
      <c r="AA4214">
        <v>93932.181370000006</v>
      </c>
      <c r="AB4214">
        <v>69296.064010000002</v>
      </c>
      <c r="AC4214">
        <v>49093.349459999998</v>
      </c>
      <c r="AD4214">
        <v>36374.825149999997</v>
      </c>
      <c r="AE4214">
        <v>47793.466939999998</v>
      </c>
      <c r="AF4214">
        <v>60971.430359999998</v>
      </c>
      <c r="AG4214">
        <v>34313.768799999998</v>
      </c>
      <c r="AH4214">
        <v>356299.5588</v>
      </c>
      <c r="AI4214">
        <v>88051.880640000003</v>
      </c>
      <c r="AJ4214">
        <v>24955.861919999999</v>
      </c>
      <c r="AK4214">
        <v>35627.089269999997</v>
      </c>
      <c r="AL4214">
        <v>101299.6629</v>
      </c>
      <c r="AM4214">
        <v>24221.182369999999</v>
      </c>
      <c r="AN4214">
        <v>118363.4801</v>
      </c>
      <c r="AO4214">
        <v>32572.72048</v>
      </c>
      <c r="AP4214">
        <v>21639.558669999999</v>
      </c>
    </row>
    <row r="4215" spans="2:42" x14ac:dyDescent="0.3">
      <c r="B4215">
        <v>70.069533157489133</v>
      </c>
      <c r="C4215" s="83">
        <v>43276.541666666664</v>
      </c>
      <c r="D4215">
        <v>288901.21549999999</v>
      </c>
      <c r="E4215">
        <v>33433.26554</v>
      </c>
      <c r="F4215">
        <v>91599.701610000004</v>
      </c>
      <c r="G4215">
        <v>66397.63536</v>
      </c>
      <c r="H4215">
        <v>50335.822659999998</v>
      </c>
      <c r="I4215">
        <v>36731.630230000002</v>
      </c>
      <c r="J4215">
        <v>47042.251730000004</v>
      </c>
      <c r="K4215">
        <v>63280.847450000001</v>
      </c>
      <c r="L4215">
        <v>33717.434500000003</v>
      </c>
      <c r="M4215">
        <v>357247.15639999998</v>
      </c>
      <c r="N4215">
        <v>88712.871299999999</v>
      </c>
      <c r="O4215">
        <v>25602.154790000001</v>
      </c>
      <c r="P4215">
        <v>34798.176509999998</v>
      </c>
      <c r="Q4215">
        <v>100466.33070000001</v>
      </c>
      <c r="R4215">
        <v>24246.583979999999</v>
      </c>
      <c r="S4215">
        <v>118275.05100000001</v>
      </c>
      <c r="T4215">
        <v>31995.420989999999</v>
      </c>
      <c r="U4215">
        <v>24442.086569999999</v>
      </c>
      <c r="W4215" s="83">
        <f>Bühler!N4247</f>
        <v>45467.541666656449</v>
      </c>
      <c r="X4215" s="83">
        <v>43276.541666666664</v>
      </c>
      <c r="Y4215">
        <v>288901.21549999999</v>
      </c>
      <c r="Z4215">
        <v>33433.26554</v>
      </c>
      <c r="AA4215">
        <v>91599.701610000004</v>
      </c>
      <c r="AB4215">
        <v>66397.63536</v>
      </c>
      <c r="AC4215">
        <v>50335.822659999998</v>
      </c>
      <c r="AD4215">
        <v>36731.630230000002</v>
      </c>
      <c r="AE4215">
        <v>47042.251730000004</v>
      </c>
      <c r="AF4215">
        <v>63280.847450000001</v>
      </c>
      <c r="AG4215">
        <v>33717.434500000003</v>
      </c>
      <c r="AH4215">
        <v>357247.15639999998</v>
      </c>
      <c r="AI4215">
        <v>88712.871299999999</v>
      </c>
      <c r="AJ4215">
        <v>25602.154790000001</v>
      </c>
      <c r="AK4215">
        <v>34798.176509999998</v>
      </c>
      <c r="AL4215">
        <v>100466.33070000001</v>
      </c>
      <c r="AM4215">
        <v>24246.583979999999</v>
      </c>
      <c r="AN4215">
        <v>118275.05100000001</v>
      </c>
      <c r="AO4215">
        <v>31995.420989999999</v>
      </c>
      <c r="AP4215">
        <v>24442.086569999999</v>
      </c>
    </row>
    <row r="4216" spans="2:42" x14ac:dyDescent="0.3">
      <c r="B4216">
        <v>70.886735531801946</v>
      </c>
      <c r="C4216" s="83">
        <v>43276.583333333336</v>
      </c>
      <c r="D4216">
        <v>295240.897</v>
      </c>
      <c r="E4216">
        <v>36062.864000000001</v>
      </c>
      <c r="F4216">
        <v>99201.291939999996</v>
      </c>
      <c r="G4216">
        <v>61493.618719999999</v>
      </c>
      <c r="H4216">
        <v>50077.280939999997</v>
      </c>
      <c r="I4216">
        <v>37885.866959999999</v>
      </c>
      <c r="J4216">
        <v>46568.079310000001</v>
      </c>
      <c r="K4216">
        <v>66728.832630000004</v>
      </c>
      <c r="L4216">
        <v>30579.14054</v>
      </c>
      <c r="M4216">
        <v>361413.63520000002</v>
      </c>
      <c r="N4216">
        <v>88758.968380000006</v>
      </c>
      <c r="O4216">
        <v>24922.992920000001</v>
      </c>
      <c r="P4216">
        <v>32774.212699999996</v>
      </c>
      <c r="Q4216">
        <v>100336.9424</v>
      </c>
      <c r="R4216">
        <v>23365.062430000002</v>
      </c>
      <c r="S4216">
        <v>114596.1813</v>
      </c>
      <c r="T4216">
        <v>31376.731019999999</v>
      </c>
      <c r="U4216">
        <v>25171.90108</v>
      </c>
      <c r="W4216" s="83">
        <f>Bühler!N4248</f>
        <v>45467.583333323113</v>
      </c>
      <c r="X4216" s="83">
        <v>43276.583333333336</v>
      </c>
      <c r="Y4216">
        <v>295240.897</v>
      </c>
      <c r="Z4216">
        <v>36062.864000000001</v>
      </c>
      <c r="AA4216">
        <v>99201.291939999996</v>
      </c>
      <c r="AB4216">
        <v>61493.618719999999</v>
      </c>
      <c r="AC4216">
        <v>50077.280939999997</v>
      </c>
      <c r="AD4216">
        <v>37885.866959999999</v>
      </c>
      <c r="AE4216">
        <v>46568.079310000001</v>
      </c>
      <c r="AF4216">
        <v>66728.832630000004</v>
      </c>
      <c r="AG4216">
        <v>30579.14054</v>
      </c>
      <c r="AH4216">
        <v>361413.63520000002</v>
      </c>
      <c r="AI4216">
        <v>88758.968380000006</v>
      </c>
      <c r="AJ4216">
        <v>24922.992920000001</v>
      </c>
      <c r="AK4216">
        <v>32774.212699999996</v>
      </c>
      <c r="AL4216">
        <v>100336.9424</v>
      </c>
      <c r="AM4216">
        <v>23365.062430000002</v>
      </c>
      <c r="AN4216">
        <v>114596.1813</v>
      </c>
      <c r="AO4216">
        <v>31376.731019999999</v>
      </c>
      <c r="AP4216">
        <v>25171.90108</v>
      </c>
    </row>
    <row r="4217" spans="2:42" x14ac:dyDescent="0.3">
      <c r="B4217">
        <v>70.67788137280958</v>
      </c>
      <c r="C4217" s="83">
        <v>43276.625</v>
      </c>
      <c r="D4217">
        <v>293398.09049999999</v>
      </c>
      <c r="E4217">
        <v>35858.587350000002</v>
      </c>
      <c r="F4217">
        <v>100621.9381</v>
      </c>
      <c r="G4217">
        <v>58905.098700000002</v>
      </c>
      <c r="H4217">
        <v>49341.237699999998</v>
      </c>
      <c r="I4217">
        <v>37946.211810000001</v>
      </c>
      <c r="J4217">
        <v>45936.906300000002</v>
      </c>
      <c r="K4217">
        <v>64122.910880000003</v>
      </c>
      <c r="L4217">
        <v>28148.050050000002</v>
      </c>
      <c r="M4217">
        <v>360348.79930000001</v>
      </c>
      <c r="N4217">
        <v>88452.156650000004</v>
      </c>
      <c r="O4217">
        <v>24543.400379999999</v>
      </c>
      <c r="P4217">
        <v>30636.88522</v>
      </c>
      <c r="Q4217">
        <v>100418.9589</v>
      </c>
      <c r="R4217">
        <v>23155.714110000001</v>
      </c>
      <c r="S4217">
        <v>111812.764</v>
      </c>
      <c r="T4217">
        <v>30451.467349999999</v>
      </c>
      <c r="U4217">
        <v>24309.283920000002</v>
      </c>
      <c r="W4217" s="83">
        <f>Bühler!N4249</f>
        <v>45467.624999989777</v>
      </c>
      <c r="X4217" s="83">
        <v>43276.625</v>
      </c>
      <c r="Y4217">
        <v>293398.09049999999</v>
      </c>
      <c r="Z4217">
        <v>35858.587350000002</v>
      </c>
      <c r="AA4217">
        <v>100621.9381</v>
      </c>
      <c r="AB4217">
        <v>58905.098700000002</v>
      </c>
      <c r="AC4217">
        <v>49341.237699999998</v>
      </c>
      <c r="AD4217">
        <v>37946.211810000001</v>
      </c>
      <c r="AE4217">
        <v>45936.906300000002</v>
      </c>
      <c r="AF4217">
        <v>64122.910880000003</v>
      </c>
      <c r="AG4217">
        <v>28148.050050000002</v>
      </c>
      <c r="AH4217">
        <v>360348.79930000001</v>
      </c>
      <c r="AI4217">
        <v>88452.156650000004</v>
      </c>
      <c r="AJ4217">
        <v>24543.400379999999</v>
      </c>
      <c r="AK4217">
        <v>30636.88522</v>
      </c>
      <c r="AL4217">
        <v>100418.9589</v>
      </c>
      <c r="AM4217">
        <v>23155.714110000001</v>
      </c>
      <c r="AN4217">
        <v>111812.764</v>
      </c>
      <c r="AO4217">
        <v>30451.467349999999</v>
      </c>
      <c r="AP4217">
        <v>24309.283920000002</v>
      </c>
    </row>
    <row r="4218" spans="2:42" x14ac:dyDescent="0.3">
      <c r="B4218">
        <v>69.888213239302644</v>
      </c>
      <c r="C4218" s="83">
        <v>43276.666666666664</v>
      </c>
      <c r="D4218">
        <v>285590.80800000002</v>
      </c>
      <c r="E4218">
        <v>35249.165489999999</v>
      </c>
      <c r="F4218">
        <v>99982.497799999997</v>
      </c>
      <c r="G4218">
        <v>55322.378810000002</v>
      </c>
      <c r="H4218">
        <v>47302.99972</v>
      </c>
      <c r="I4218">
        <v>38651.101119999999</v>
      </c>
      <c r="J4218">
        <v>46291.387130000003</v>
      </c>
      <c r="K4218">
        <v>61177.660349999998</v>
      </c>
      <c r="L4218">
        <v>27667.54926</v>
      </c>
      <c r="M4218">
        <v>356322.70289999997</v>
      </c>
      <c r="N4218">
        <v>86895.942479999998</v>
      </c>
      <c r="O4218">
        <v>24573.27579</v>
      </c>
      <c r="P4218">
        <v>29185.480339999998</v>
      </c>
      <c r="Q4218">
        <v>98829.839670000001</v>
      </c>
      <c r="R4218">
        <v>22929.096839999998</v>
      </c>
      <c r="S4218">
        <v>108715.51029999999</v>
      </c>
      <c r="T4218">
        <v>29732.144039999999</v>
      </c>
      <c r="U4218">
        <v>22830.577590000001</v>
      </c>
      <c r="W4218" s="83">
        <f>Bühler!N4250</f>
        <v>45467.666666656442</v>
      </c>
      <c r="X4218" s="83">
        <v>43276.666666666664</v>
      </c>
      <c r="Y4218">
        <v>285590.80800000002</v>
      </c>
      <c r="Z4218">
        <v>35249.165489999999</v>
      </c>
      <c r="AA4218">
        <v>99982.497799999997</v>
      </c>
      <c r="AB4218">
        <v>55322.378810000002</v>
      </c>
      <c r="AC4218">
        <v>47302.99972</v>
      </c>
      <c r="AD4218">
        <v>38651.101119999999</v>
      </c>
      <c r="AE4218">
        <v>46291.387130000003</v>
      </c>
      <c r="AF4218">
        <v>61177.660349999998</v>
      </c>
      <c r="AG4218">
        <v>27667.54926</v>
      </c>
      <c r="AH4218">
        <v>356322.70289999997</v>
      </c>
      <c r="AI4218">
        <v>86895.942479999998</v>
      </c>
      <c r="AJ4218">
        <v>24573.27579</v>
      </c>
      <c r="AK4218">
        <v>29185.480339999998</v>
      </c>
      <c r="AL4218">
        <v>98829.839670000001</v>
      </c>
      <c r="AM4218">
        <v>22929.096839999998</v>
      </c>
      <c r="AN4218">
        <v>108715.51029999999</v>
      </c>
      <c r="AO4218">
        <v>29732.144039999999</v>
      </c>
      <c r="AP4218">
        <v>22830.577590000001</v>
      </c>
    </row>
    <row r="4219" spans="2:42" x14ac:dyDescent="0.3">
      <c r="B4219">
        <v>67.966188978916662</v>
      </c>
      <c r="C4219" s="83">
        <v>43276.708333333336</v>
      </c>
      <c r="D4219">
        <v>274527.63280000002</v>
      </c>
      <c r="E4219">
        <v>32962.805590000004</v>
      </c>
      <c r="F4219">
        <v>99165.049350000001</v>
      </c>
      <c r="G4219">
        <v>49862.9473</v>
      </c>
      <c r="H4219">
        <v>45048.149669999999</v>
      </c>
      <c r="I4219">
        <v>37859.94442</v>
      </c>
      <c r="J4219">
        <v>46008.652779999997</v>
      </c>
      <c r="K4219">
        <v>55687.276949999999</v>
      </c>
      <c r="L4219">
        <v>27926.728500000001</v>
      </c>
      <c r="M4219">
        <v>346523.32689999999</v>
      </c>
      <c r="N4219">
        <v>84124.133170000001</v>
      </c>
      <c r="O4219">
        <v>23090.367549999999</v>
      </c>
      <c r="P4219">
        <v>30780.998810000001</v>
      </c>
      <c r="Q4219">
        <v>97312.710439999995</v>
      </c>
      <c r="R4219">
        <v>24426.237209999999</v>
      </c>
      <c r="S4219">
        <v>106075.1796</v>
      </c>
      <c r="T4219">
        <v>29309.219010000001</v>
      </c>
      <c r="U4219">
        <v>19982.46675</v>
      </c>
      <c r="W4219" s="83">
        <f>Bühler!N4251</f>
        <v>45467.708333323106</v>
      </c>
      <c r="X4219" s="83">
        <v>43276.708333333336</v>
      </c>
      <c r="Y4219">
        <v>274527.63280000002</v>
      </c>
      <c r="Z4219">
        <v>32962.805590000004</v>
      </c>
      <c r="AA4219">
        <v>99165.049350000001</v>
      </c>
      <c r="AB4219">
        <v>49862.9473</v>
      </c>
      <c r="AC4219">
        <v>45048.149669999999</v>
      </c>
      <c r="AD4219">
        <v>37859.94442</v>
      </c>
      <c r="AE4219">
        <v>46008.652779999997</v>
      </c>
      <c r="AF4219">
        <v>55687.276949999999</v>
      </c>
      <c r="AG4219">
        <v>27926.728500000001</v>
      </c>
      <c r="AH4219">
        <v>346523.32689999999</v>
      </c>
      <c r="AI4219">
        <v>84124.133170000001</v>
      </c>
      <c r="AJ4219">
        <v>23090.367549999999</v>
      </c>
      <c r="AK4219">
        <v>30780.998810000001</v>
      </c>
      <c r="AL4219">
        <v>97312.710439999995</v>
      </c>
      <c r="AM4219">
        <v>24426.237209999999</v>
      </c>
      <c r="AN4219">
        <v>106075.1796</v>
      </c>
      <c r="AO4219">
        <v>29309.219010000001</v>
      </c>
      <c r="AP4219">
        <v>19982.46675</v>
      </c>
    </row>
    <row r="4220" spans="2:42" x14ac:dyDescent="0.3">
      <c r="B4220">
        <v>66.875339098388338</v>
      </c>
      <c r="C4220" s="83">
        <v>43276.75</v>
      </c>
      <c r="D4220">
        <v>268452.6116</v>
      </c>
      <c r="E4220">
        <v>29558.048879999998</v>
      </c>
      <c r="F4220">
        <v>96978.049809999997</v>
      </c>
      <c r="G4220">
        <v>44077.068879999999</v>
      </c>
      <c r="H4220">
        <v>42798.239000000001</v>
      </c>
      <c r="I4220">
        <v>36605.866979999999</v>
      </c>
      <c r="J4220">
        <v>46243.596429999998</v>
      </c>
      <c r="K4220">
        <v>53165.304539999997</v>
      </c>
      <c r="L4220">
        <v>28028.4126</v>
      </c>
      <c r="M4220">
        <v>340961.6655</v>
      </c>
      <c r="N4220">
        <v>81134.890759999995</v>
      </c>
      <c r="O4220">
        <v>21429.976650000001</v>
      </c>
      <c r="P4220">
        <v>33101.392449999999</v>
      </c>
      <c r="Q4220">
        <v>95624.322679999997</v>
      </c>
      <c r="R4220">
        <v>21464.997599999999</v>
      </c>
      <c r="S4220">
        <v>97684.368640000001</v>
      </c>
      <c r="T4220">
        <v>28962.56479</v>
      </c>
      <c r="U4220">
        <v>18266.533390000001</v>
      </c>
      <c r="W4220" s="83">
        <f>Bühler!N4252</f>
        <v>45467.74999998977</v>
      </c>
      <c r="X4220" s="83">
        <v>43276.75</v>
      </c>
      <c r="Y4220">
        <v>268452.6116</v>
      </c>
      <c r="Z4220">
        <v>29558.048879999998</v>
      </c>
      <c r="AA4220">
        <v>96978.049809999997</v>
      </c>
      <c r="AB4220">
        <v>44077.068879999999</v>
      </c>
      <c r="AC4220">
        <v>42798.239000000001</v>
      </c>
      <c r="AD4220">
        <v>36605.866979999999</v>
      </c>
      <c r="AE4220">
        <v>46243.596429999998</v>
      </c>
      <c r="AF4220">
        <v>53165.304539999997</v>
      </c>
      <c r="AG4220">
        <v>28028.4126</v>
      </c>
      <c r="AH4220">
        <v>340961.6655</v>
      </c>
      <c r="AI4220">
        <v>81134.890759999995</v>
      </c>
      <c r="AJ4220">
        <v>21429.976650000001</v>
      </c>
      <c r="AK4220">
        <v>33101.392449999999</v>
      </c>
      <c r="AL4220">
        <v>95624.322679999997</v>
      </c>
      <c r="AM4220">
        <v>21464.997599999999</v>
      </c>
      <c r="AN4220">
        <v>97684.368640000001</v>
      </c>
      <c r="AO4220">
        <v>28962.56479</v>
      </c>
      <c r="AP4220">
        <v>18266.533390000001</v>
      </c>
    </row>
    <row r="4221" spans="2:42" x14ac:dyDescent="0.3">
      <c r="B4221">
        <v>66.051833514866217</v>
      </c>
      <c r="C4221" s="83">
        <v>43276.791666666664</v>
      </c>
      <c r="D4221">
        <v>261737.74369999999</v>
      </c>
      <c r="E4221">
        <v>23979.586630000002</v>
      </c>
      <c r="F4221">
        <v>85324.769910000003</v>
      </c>
      <c r="G4221">
        <v>39570.665509999999</v>
      </c>
      <c r="H4221">
        <v>40167.150049999997</v>
      </c>
      <c r="I4221">
        <v>34318.194329999998</v>
      </c>
      <c r="J4221">
        <v>45009.665860000001</v>
      </c>
      <c r="K4221">
        <v>52220.984859999997</v>
      </c>
      <c r="L4221">
        <v>28937.988140000001</v>
      </c>
      <c r="M4221">
        <v>336763.05</v>
      </c>
      <c r="N4221">
        <v>80281.648809999999</v>
      </c>
      <c r="O4221">
        <v>20384.567899999998</v>
      </c>
      <c r="P4221">
        <v>35090.031459999998</v>
      </c>
      <c r="Q4221">
        <v>93372.094549999994</v>
      </c>
      <c r="R4221">
        <v>20540.202069999999</v>
      </c>
      <c r="S4221">
        <v>91544.327780000007</v>
      </c>
      <c r="T4221">
        <v>29356.648499999999</v>
      </c>
      <c r="U4221">
        <v>17199.097030000001</v>
      </c>
      <c r="W4221" s="83">
        <f>Bühler!N4253</f>
        <v>45467.791666656434</v>
      </c>
      <c r="X4221" s="83">
        <v>43276.791666666664</v>
      </c>
      <c r="Y4221">
        <v>261737.74369999999</v>
      </c>
      <c r="Z4221">
        <v>23979.586630000002</v>
      </c>
      <c r="AA4221">
        <v>85324.769910000003</v>
      </c>
      <c r="AB4221">
        <v>39570.665509999999</v>
      </c>
      <c r="AC4221">
        <v>40167.150049999997</v>
      </c>
      <c r="AD4221">
        <v>34318.194329999998</v>
      </c>
      <c r="AE4221">
        <v>45009.665860000001</v>
      </c>
      <c r="AF4221">
        <v>52220.984859999997</v>
      </c>
      <c r="AG4221">
        <v>28937.988140000001</v>
      </c>
      <c r="AH4221">
        <v>336763.05</v>
      </c>
      <c r="AI4221">
        <v>80281.648809999999</v>
      </c>
      <c r="AJ4221">
        <v>20384.567899999998</v>
      </c>
      <c r="AK4221">
        <v>35090.031459999998</v>
      </c>
      <c r="AL4221">
        <v>93372.094549999994</v>
      </c>
      <c r="AM4221">
        <v>20540.202069999999</v>
      </c>
      <c r="AN4221">
        <v>91544.327780000007</v>
      </c>
      <c r="AO4221">
        <v>29356.648499999999</v>
      </c>
      <c r="AP4221">
        <v>17199.097030000001</v>
      </c>
    </row>
    <row r="4222" spans="2:42" x14ac:dyDescent="0.3">
      <c r="B4222">
        <v>64.059023262027935</v>
      </c>
      <c r="C4222" s="83">
        <v>43276.833333333336</v>
      </c>
      <c r="D4222">
        <v>250909.16380000001</v>
      </c>
      <c r="E4222">
        <v>17570.84045</v>
      </c>
      <c r="F4222">
        <v>68323.016990000004</v>
      </c>
      <c r="G4222">
        <v>35582.277349999997</v>
      </c>
      <c r="H4222">
        <v>37056.663509999998</v>
      </c>
      <c r="I4222">
        <v>30560.2032</v>
      </c>
      <c r="J4222">
        <v>42598.100209999997</v>
      </c>
      <c r="K4222">
        <v>52144.234620000003</v>
      </c>
      <c r="L4222">
        <v>28117.914970000002</v>
      </c>
      <c r="M4222">
        <v>326602.77399999998</v>
      </c>
      <c r="N4222">
        <v>76018.766399999993</v>
      </c>
      <c r="O4222">
        <v>19452.306670000002</v>
      </c>
      <c r="P4222">
        <v>35117.596729999997</v>
      </c>
      <c r="Q4222">
        <v>90261.440100000007</v>
      </c>
      <c r="R4222">
        <v>19303.948629999999</v>
      </c>
      <c r="S4222">
        <v>83821.679860000004</v>
      </c>
      <c r="T4222">
        <v>27804.366020000001</v>
      </c>
      <c r="U4222">
        <v>15866.19231</v>
      </c>
      <c r="W4222" s="83">
        <f>Bühler!N4254</f>
        <v>45467.833333323098</v>
      </c>
      <c r="X4222" s="83">
        <v>43276.833333333336</v>
      </c>
      <c r="Y4222">
        <v>250909.16380000001</v>
      </c>
      <c r="Z4222">
        <v>17570.84045</v>
      </c>
      <c r="AA4222">
        <v>68323.016990000004</v>
      </c>
      <c r="AB4222">
        <v>35582.277349999997</v>
      </c>
      <c r="AC4222">
        <v>37056.663509999998</v>
      </c>
      <c r="AD4222">
        <v>30560.2032</v>
      </c>
      <c r="AE4222">
        <v>42598.100209999997</v>
      </c>
      <c r="AF4222">
        <v>52144.234620000003</v>
      </c>
      <c r="AG4222">
        <v>28117.914970000002</v>
      </c>
      <c r="AH4222">
        <v>326602.77399999998</v>
      </c>
      <c r="AI4222">
        <v>76018.766399999993</v>
      </c>
      <c r="AJ4222">
        <v>19452.306670000002</v>
      </c>
      <c r="AK4222">
        <v>35117.596729999997</v>
      </c>
      <c r="AL4222">
        <v>90261.440100000007</v>
      </c>
      <c r="AM4222">
        <v>19303.948629999999</v>
      </c>
      <c r="AN4222">
        <v>83821.679860000004</v>
      </c>
      <c r="AO4222">
        <v>27804.366020000001</v>
      </c>
      <c r="AP4222">
        <v>15866.19231</v>
      </c>
    </row>
    <row r="4223" spans="2:42" x14ac:dyDescent="0.3">
      <c r="B4223">
        <v>62.015583019171714</v>
      </c>
      <c r="C4223" s="83">
        <v>43276.875</v>
      </c>
      <c r="D4223">
        <v>242191.5993</v>
      </c>
      <c r="E4223">
        <v>15049.96912</v>
      </c>
      <c r="F4223">
        <v>60617.946790000002</v>
      </c>
      <c r="G4223">
        <v>34531.945780000002</v>
      </c>
      <c r="H4223">
        <v>35578.892979999997</v>
      </c>
      <c r="I4223">
        <v>25862.861690000002</v>
      </c>
      <c r="J4223">
        <v>41459.885589999998</v>
      </c>
      <c r="K4223">
        <v>51542.070549999997</v>
      </c>
      <c r="L4223">
        <v>26844.34764</v>
      </c>
      <c r="M4223">
        <v>316184.3627</v>
      </c>
      <c r="N4223">
        <v>73336.855110000004</v>
      </c>
      <c r="O4223">
        <v>18603.089650000002</v>
      </c>
      <c r="P4223">
        <v>33802.813520000003</v>
      </c>
      <c r="Q4223">
        <v>87707.206590000002</v>
      </c>
      <c r="R4223">
        <v>18253.62443</v>
      </c>
      <c r="S4223">
        <v>79396.062539999999</v>
      </c>
      <c r="T4223">
        <v>24902.480070000001</v>
      </c>
      <c r="U4223">
        <v>15128.841039999999</v>
      </c>
      <c r="W4223" s="83">
        <f>Bühler!N4255</f>
        <v>45467.874999989763</v>
      </c>
      <c r="X4223" s="83">
        <v>43276.875</v>
      </c>
      <c r="Y4223">
        <v>242191.5993</v>
      </c>
      <c r="Z4223">
        <v>15049.96912</v>
      </c>
      <c r="AA4223">
        <v>60617.946790000002</v>
      </c>
      <c r="AB4223">
        <v>34531.945780000002</v>
      </c>
      <c r="AC4223">
        <v>35578.892979999997</v>
      </c>
      <c r="AD4223">
        <v>25862.861690000002</v>
      </c>
      <c r="AE4223">
        <v>41459.885589999998</v>
      </c>
      <c r="AF4223">
        <v>51542.070549999997</v>
      </c>
      <c r="AG4223">
        <v>26844.34764</v>
      </c>
      <c r="AH4223">
        <v>316184.3627</v>
      </c>
      <c r="AI4223">
        <v>73336.855110000004</v>
      </c>
      <c r="AJ4223">
        <v>18603.089650000002</v>
      </c>
      <c r="AK4223">
        <v>33802.813520000003</v>
      </c>
      <c r="AL4223">
        <v>87707.206590000002</v>
      </c>
      <c r="AM4223">
        <v>18253.62443</v>
      </c>
      <c r="AN4223">
        <v>79396.062539999999</v>
      </c>
      <c r="AO4223">
        <v>24902.480070000001</v>
      </c>
      <c r="AP4223">
        <v>15128.841039999999</v>
      </c>
    </row>
    <row r="4224" spans="2:42" x14ac:dyDescent="0.3">
      <c r="B4224">
        <v>61.218025787786658</v>
      </c>
      <c r="C4224" s="83">
        <v>43276.916666666664</v>
      </c>
      <c r="D4224">
        <v>242139.6041</v>
      </c>
      <c r="E4224">
        <v>14427.83106</v>
      </c>
      <c r="F4224">
        <v>58341.744440000002</v>
      </c>
      <c r="G4224">
        <v>34120.023070000003</v>
      </c>
      <c r="H4224">
        <v>36348.636570000002</v>
      </c>
      <c r="I4224">
        <v>24451.235100000002</v>
      </c>
      <c r="J4224">
        <v>42157.904719999999</v>
      </c>
      <c r="K4224">
        <v>54517.064599999998</v>
      </c>
      <c r="L4224">
        <v>24756.332699999999</v>
      </c>
      <c r="M4224">
        <v>312118.04399999999</v>
      </c>
      <c r="N4224">
        <v>74111.600409999999</v>
      </c>
      <c r="O4224">
        <v>18481.829539999999</v>
      </c>
      <c r="P4224">
        <v>37013.822959999998</v>
      </c>
      <c r="Q4224">
        <v>87211.236199999999</v>
      </c>
      <c r="R4224">
        <v>19665.254280000001</v>
      </c>
      <c r="S4224">
        <v>78886.253840000005</v>
      </c>
      <c r="T4224">
        <v>22169.311740000001</v>
      </c>
      <c r="U4224">
        <v>15509.739579999999</v>
      </c>
      <c r="W4224" s="83">
        <f>Bühler!N4256</f>
        <v>45467.916666656427</v>
      </c>
      <c r="X4224" s="83">
        <v>43276.916666666664</v>
      </c>
      <c r="Y4224">
        <v>242139.6041</v>
      </c>
      <c r="Z4224">
        <v>14427.83106</v>
      </c>
      <c r="AA4224">
        <v>58341.744440000002</v>
      </c>
      <c r="AB4224">
        <v>34120.023070000003</v>
      </c>
      <c r="AC4224">
        <v>36348.636570000002</v>
      </c>
      <c r="AD4224">
        <v>24451.235100000002</v>
      </c>
      <c r="AE4224">
        <v>42157.904719999999</v>
      </c>
      <c r="AF4224">
        <v>54517.064599999998</v>
      </c>
      <c r="AG4224">
        <v>24756.332699999999</v>
      </c>
      <c r="AH4224">
        <v>312118.04399999999</v>
      </c>
      <c r="AI4224">
        <v>74111.600409999999</v>
      </c>
      <c r="AJ4224">
        <v>18481.829539999999</v>
      </c>
      <c r="AK4224">
        <v>37013.822959999998</v>
      </c>
      <c r="AL4224">
        <v>87211.236199999999</v>
      </c>
      <c r="AM4224">
        <v>19665.254280000001</v>
      </c>
      <c r="AN4224">
        <v>78886.253840000005</v>
      </c>
      <c r="AO4224">
        <v>22169.311740000001</v>
      </c>
      <c r="AP4224">
        <v>15509.739579999999</v>
      </c>
    </row>
    <row r="4225" spans="2:42" x14ac:dyDescent="0.3">
      <c r="B4225">
        <v>60.785919532250418</v>
      </c>
      <c r="C4225" s="83">
        <v>43276.958333333336</v>
      </c>
      <c r="D4225">
        <v>240811.32610000001</v>
      </c>
      <c r="E4225">
        <v>13846.143959999999</v>
      </c>
      <c r="F4225">
        <v>55918.737630000003</v>
      </c>
      <c r="G4225">
        <v>33680.003539999998</v>
      </c>
      <c r="H4225">
        <v>35765.121299999999</v>
      </c>
      <c r="I4225">
        <v>23559.157599999999</v>
      </c>
      <c r="J4225">
        <v>38328.109210000002</v>
      </c>
      <c r="K4225">
        <v>53119.906540000004</v>
      </c>
      <c r="L4225">
        <v>20921.05846</v>
      </c>
      <c r="M4225">
        <v>309914.96480000002</v>
      </c>
      <c r="N4225">
        <v>73795.321100000001</v>
      </c>
      <c r="O4225">
        <v>17291.071639999998</v>
      </c>
      <c r="P4225">
        <v>31417.91114</v>
      </c>
      <c r="Q4225">
        <v>86923.661410000001</v>
      </c>
      <c r="R4225">
        <v>20437.04881</v>
      </c>
      <c r="S4225">
        <v>77436.849799999996</v>
      </c>
      <c r="T4225">
        <v>19975.58714</v>
      </c>
      <c r="U4225">
        <v>15080.092689999999</v>
      </c>
      <c r="W4225" s="83">
        <f>Bühler!N4257</f>
        <v>45467.958333323091</v>
      </c>
      <c r="X4225" s="83">
        <v>43276.958333333336</v>
      </c>
      <c r="Y4225">
        <v>240811.32610000001</v>
      </c>
      <c r="Z4225">
        <v>13846.143959999999</v>
      </c>
      <c r="AA4225">
        <v>55918.737630000003</v>
      </c>
      <c r="AB4225">
        <v>33680.003539999998</v>
      </c>
      <c r="AC4225">
        <v>35765.121299999999</v>
      </c>
      <c r="AD4225">
        <v>23559.157599999999</v>
      </c>
      <c r="AE4225">
        <v>38328.109210000002</v>
      </c>
      <c r="AF4225">
        <v>53119.906540000004</v>
      </c>
      <c r="AG4225">
        <v>20921.05846</v>
      </c>
      <c r="AH4225">
        <v>309914.96480000002</v>
      </c>
      <c r="AI4225">
        <v>73795.321100000001</v>
      </c>
      <c r="AJ4225">
        <v>17291.071639999998</v>
      </c>
      <c r="AK4225">
        <v>31417.91114</v>
      </c>
      <c r="AL4225">
        <v>86923.661410000001</v>
      </c>
      <c r="AM4225">
        <v>20437.04881</v>
      </c>
      <c r="AN4225">
        <v>77436.849799999996</v>
      </c>
      <c r="AO4225">
        <v>19975.58714</v>
      </c>
      <c r="AP4225">
        <v>15080.092689999999</v>
      </c>
    </row>
    <row r="4226" spans="2:42" x14ac:dyDescent="0.3">
      <c r="B4226">
        <v>59.77994990216893</v>
      </c>
      <c r="C4226" s="83">
        <v>43277</v>
      </c>
      <c r="D4226">
        <v>240896.5778</v>
      </c>
      <c r="E4226">
        <v>13420.9249</v>
      </c>
      <c r="F4226">
        <v>54079.151180000001</v>
      </c>
      <c r="G4226">
        <v>32790.440909999998</v>
      </c>
      <c r="H4226">
        <v>34850.883990000002</v>
      </c>
      <c r="I4226">
        <v>22010.633470000001</v>
      </c>
      <c r="J4226">
        <v>34133.458120000003</v>
      </c>
      <c r="K4226">
        <v>50980.269</v>
      </c>
      <c r="L4226">
        <v>18845.315149999999</v>
      </c>
      <c r="M4226">
        <v>304786.0625</v>
      </c>
      <c r="N4226">
        <v>72793.348360000004</v>
      </c>
      <c r="O4226">
        <v>17092.06726</v>
      </c>
      <c r="P4226">
        <v>28730.61536</v>
      </c>
      <c r="Q4226">
        <v>86130.119510000004</v>
      </c>
      <c r="R4226">
        <v>16473.287130000001</v>
      </c>
      <c r="S4226">
        <v>75427.888550000003</v>
      </c>
      <c r="T4226">
        <v>18736.591970000001</v>
      </c>
      <c r="U4226">
        <v>14746.783369999999</v>
      </c>
      <c r="W4226" s="83">
        <f>Bühler!N4258</f>
        <v>45467.999999989755</v>
      </c>
      <c r="X4226" s="83">
        <v>43277</v>
      </c>
      <c r="Y4226">
        <v>240896.5778</v>
      </c>
      <c r="Z4226">
        <v>13420.9249</v>
      </c>
      <c r="AA4226">
        <v>54079.151180000001</v>
      </c>
      <c r="AB4226">
        <v>32790.440909999998</v>
      </c>
      <c r="AC4226">
        <v>34850.883990000002</v>
      </c>
      <c r="AD4226">
        <v>22010.633470000001</v>
      </c>
      <c r="AE4226">
        <v>34133.458120000003</v>
      </c>
      <c r="AF4226">
        <v>50980.269</v>
      </c>
      <c r="AG4226">
        <v>18845.315149999999</v>
      </c>
      <c r="AH4226">
        <v>304786.0625</v>
      </c>
      <c r="AI4226">
        <v>72793.348360000004</v>
      </c>
      <c r="AJ4226">
        <v>17092.06726</v>
      </c>
      <c r="AK4226">
        <v>28730.61536</v>
      </c>
      <c r="AL4226">
        <v>86130.119510000004</v>
      </c>
      <c r="AM4226">
        <v>16473.287130000001</v>
      </c>
      <c r="AN4226">
        <v>75427.888550000003</v>
      </c>
      <c r="AO4226">
        <v>18736.591970000001</v>
      </c>
      <c r="AP4226">
        <v>14746.783369999999</v>
      </c>
    </row>
    <row r="4227" spans="2:42" x14ac:dyDescent="0.3">
      <c r="B4227">
        <v>59.322429984697962</v>
      </c>
      <c r="C4227" s="83">
        <v>43277.041666666664</v>
      </c>
      <c r="D4227">
        <v>238891.98379999999</v>
      </c>
      <c r="E4227">
        <v>13148.14862</v>
      </c>
      <c r="F4227">
        <v>53406.803059999998</v>
      </c>
      <c r="G4227">
        <v>31913.951379999999</v>
      </c>
      <c r="H4227">
        <v>34383.58913</v>
      </c>
      <c r="I4227">
        <v>18246.381829999998</v>
      </c>
      <c r="J4227">
        <v>32821.413509999998</v>
      </c>
      <c r="K4227">
        <v>49087.617769999997</v>
      </c>
      <c r="L4227">
        <v>16992.361069999999</v>
      </c>
      <c r="M4227">
        <v>302453.41259999998</v>
      </c>
      <c r="N4227">
        <v>71682.692909999998</v>
      </c>
      <c r="O4227">
        <v>16987.571100000001</v>
      </c>
      <c r="P4227">
        <v>26905.338759999999</v>
      </c>
      <c r="Q4227">
        <v>85900.651580000005</v>
      </c>
      <c r="R4227">
        <v>14544.364879999999</v>
      </c>
      <c r="S4227">
        <v>74101.501220000006</v>
      </c>
      <c r="T4227">
        <v>18333.768090000001</v>
      </c>
      <c r="U4227">
        <v>14524.04348</v>
      </c>
      <c r="W4227" s="83">
        <f>Bühler!N4259</f>
        <v>45468.04166665642</v>
      </c>
      <c r="X4227" s="83">
        <v>43277.041666666664</v>
      </c>
      <c r="Y4227">
        <v>238891.98379999999</v>
      </c>
      <c r="Z4227">
        <v>13148.14862</v>
      </c>
      <c r="AA4227">
        <v>53406.803059999998</v>
      </c>
      <c r="AB4227">
        <v>31913.951379999999</v>
      </c>
      <c r="AC4227">
        <v>34383.58913</v>
      </c>
      <c r="AD4227">
        <v>18246.381829999998</v>
      </c>
      <c r="AE4227">
        <v>32821.413509999998</v>
      </c>
      <c r="AF4227">
        <v>49087.617769999997</v>
      </c>
      <c r="AG4227">
        <v>16992.361069999999</v>
      </c>
      <c r="AH4227">
        <v>302453.41259999998</v>
      </c>
      <c r="AI4227">
        <v>71682.692909999998</v>
      </c>
      <c r="AJ4227">
        <v>16987.571100000001</v>
      </c>
      <c r="AK4227">
        <v>26905.338759999999</v>
      </c>
      <c r="AL4227">
        <v>85900.651580000005</v>
      </c>
      <c r="AM4227">
        <v>14544.364879999999</v>
      </c>
      <c r="AN4227">
        <v>74101.501220000006</v>
      </c>
      <c r="AO4227">
        <v>18333.768090000001</v>
      </c>
      <c r="AP4227">
        <v>14524.04348</v>
      </c>
    </row>
    <row r="4228" spans="2:42" x14ac:dyDescent="0.3">
      <c r="B4228">
        <v>59.091464588239482</v>
      </c>
      <c r="C4228" s="83">
        <v>43277.083333333336</v>
      </c>
      <c r="D4228">
        <v>238336.71520000001</v>
      </c>
      <c r="E4228">
        <v>12909.230939999999</v>
      </c>
      <c r="F4228">
        <v>54107.642789999998</v>
      </c>
      <c r="G4228">
        <v>31097.43951</v>
      </c>
      <c r="H4228">
        <v>34007.301659999997</v>
      </c>
      <c r="I4228">
        <v>16413.904210000001</v>
      </c>
      <c r="J4228">
        <v>32315.98748</v>
      </c>
      <c r="K4228">
        <v>48024.489419999998</v>
      </c>
      <c r="L4228">
        <v>16398.417870000001</v>
      </c>
      <c r="M4228">
        <v>301275.84330000001</v>
      </c>
      <c r="N4228">
        <v>70491.516059999994</v>
      </c>
      <c r="O4228">
        <v>17127.72999</v>
      </c>
      <c r="P4228">
        <v>25337.640289999999</v>
      </c>
      <c r="Q4228">
        <v>89050.595889999997</v>
      </c>
      <c r="R4228">
        <v>15020.31112</v>
      </c>
      <c r="S4228">
        <v>72606.765650000001</v>
      </c>
      <c r="T4228">
        <v>17795.003690000001</v>
      </c>
      <c r="U4228">
        <v>14468.45109</v>
      </c>
      <c r="W4228" s="83">
        <f>Bühler!N4260</f>
        <v>45468.083333323084</v>
      </c>
      <c r="X4228" s="83">
        <v>43277.083333333336</v>
      </c>
      <c r="Y4228">
        <v>238336.71520000001</v>
      </c>
      <c r="Z4228">
        <v>12909.230939999999</v>
      </c>
      <c r="AA4228">
        <v>54107.642789999998</v>
      </c>
      <c r="AB4228">
        <v>31097.43951</v>
      </c>
      <c r="AC4228">
        <v>34007.301659999997</v>
      </c>
      <c r="AD4228">
        <v>16413.904210000001</v>
      </c>
      <c r="AE4228">
        <v>32315.98748</v>
      </c>
      <c r="AF4228">
        <v>48024.489419999998</v>
      </c>
      <c r="AG4228">
        <v>16398.417870000001</v>
      </c>
      <c r="AH4228">
        <v>301275.84330000001</v>
      </c>
      <c r="AI4228">
        <v>70491.516059999994</v>
      </c>
      <c r="AJ4228">
        <v>17127.72999</v>
      </c>
      <c r="AK4228">
        <v>25337.640289999999</v>
      </c>
      <c r="AL4228">
        <v>89050.595889999997</v>
      </c>
      <c r="AM4228">
        <v>15020.31112</v>
      </c>
      <c r="AN4228">
        <v>72606.765650000001</v>
      </c>
      <c r="AO4228">
        <v>17795.003690000001</v>
      </c>
      <c r="AP4228">
        <v>14468.45109</v>
      </c>
    </row>
    <row r="4229" spans="2:42" x14ac:dyDescent="0.3">
      <c r="B4229">
        <v>59.772554815593629</v>
      </c>
      <c r="C4229" s="83">
        <v>43277.125</v>
      </c>
      <c r="D4229">
        <v>238762.3897</v>
      </c>
      <c r="E4229">
        <v>12865.78083</v>
      </c>
      <c r="F4229">
        <v>55593.505640000003</v>
      </c>
      <c r="G4229">
        <v>30491.704979999999</v>
      </c>
      <c r="H4229">
        <v>33837.890939999997</v>
      </c>
      <c r="I4229">
        <v>15948.6818</v>
      </c>
      <c r="J4229">
        <v>32388.580890000001</v>
      </c>
      <c r="K4229">
        <v>46923.9807</v>
      </c>
      <c r="L4229">
        <v>16310.047200000001</v>
      </c>
      <c r="M4229">
        <v>304748.35889999999</v>
      </c>
      <c r="N4229">
        <v>69193.227020000006</v>
      </c>
      <c r="O4229">
        <v>16757.023099999999</v>
      </c>
      <c r="P4229">
        <v>24102.034780000002</v>
      </c>
      <c r="Q4229">
        <v>91633.097739999997</v>
      </c>
      <c r="R4229">
        <v>14554.915349999999</v>
      </c>
      <c r="S4229">
        <v>71769.661309999996</v>
      </c>
      <c r="T4229">
        <v>17597.551449999999</v>
      </c>
      <c r="U4229">
        <v>14369.85355</v>
      </c>
      <c r="W4229" s="83">
        <f>Bühler!N4261</f>
        <v>45468.124999989748</v>
      </c>
      <c r="X4229" s="83">
        <v>43277.125</v>
      </c>
      <c r="Y4229">
        <v>238762.3897</v>
      </c>
      <c r="Z4229">
        <v>12865.78083</v>
      </c>
      <c r="AA4229">
        <v>55593.505640000003</v>
      </c>
      <c r="AB4229">
        <v>30491.704979999999</v>
      </c>
      <c r="AC4229">
        <v>33837.890939999997</v>
      </c>
      <c r="AD4229">
        <v>15948.6818</v>
      </c>
      <c r="AE4229">
        <v>32388.580890000001</v>
      </c>
      <c r="AF4229">
        <v>46923.9807</v>
      </c>
      <c r="AG4229">
        <v>16310.047200000001</v>
      </c>
      <c r="AH4229">
        <v>304748.35889999999</v>
      </c>
      <c r="AI4229">
        <v>69193.227020000006</v>
      </c>
      <c r="AJ4229">
        <v>16757.023099999999</v>
      </c>
      <c r="AK4229">
        <v>24102.034780000002</v>
      </c>
      <c r="AL4229">
        <v>91633.097739999997</v>
      </c>
      <c r="AM4229">
        <v>14554.915349999999</v>
      </c>
      <c r="AN4229">
        <v>71769.661309999996</v>
      </c>
      <c r="AO4229">
        <v>17597.551449999999</v>
      </c>
      <c r="AP4229">
        <v>14369.85355</v>
      </c>
    </row>
    <row r="4230" spans="2:42" x14ac:dyDescent="0.3">
      <c r="B4230">
        <v>61.226947706055626</v>
      </c>
      <c r="C4230" s="83">
        <v>43277.166666666664</v>
      </c>
      <c r="D4230">
        <v>239909.21590000001</v>
      </c>
      <c r="E4230">
        <v>13331.179239999999</v>
      </c>
      <c r="F4230">
        <v>58221.414299999997</v>
      </c>
      <c r="G4230">
        <v>30168.68981</v>
      </c>
      <c r="H4230">
        <v>34302.931040000003</v>
      </c>
      <c r="I4230">
        <v>17466.958849999999</v>
      </c>
      <c r="J4230">
        <v>34794.11795</v>
      </c>
      <c r="K4230">
        <v>46036.140440000003</v>
      </c>
      <c r="L4230">
        <v>16744.28528</v>
      </c>
      <c r="M4230">
        <v>312163.53210000001</v>
      </c>
      <c r="N4230">
        <v>68623.633709999995</v>
      </c>
      <c r="O4230">
        <v>16700.44425</v>
      </c>
      <c r="P4230">
        <v>24068.96413</v>
      </c>
      <c r="Q4230">
        <v>95988.079599999997</v>
      </c>
      <c r="R4230">
        <v>14118.711960000001</v>
      </c>
      <c r="S4230">
        <v>71919.962920000005</v>
      </c>
      <c r="T4230">
        <v>17406.293809999999</v>
      </c>
      <c r="U4230">
        <v>14486.43115</v>
      </c>
      <c r="W4230" s="83">
        <f>Bühler!N4262</f>
        <v>45468.166666656412</v>
      </c>
      <c r="X4230" s="83">
        <v>43277.166666666664</v>
      </c>
      <c r="Y4230">
        <v>239909.21590000001</v>
      </c>
      <c r="Z4230">
        <v>13331.179239999999</v>
      </c>
      <c r="AA4230">
        <v>58221.414299999997</v>
      </c>
      <c r="AB4230">
        <v>30168.68981</v>
      </c>
      <c r="AC4230">
        <v>34302.931040000003</v>
      </c>
      <c r="AD4230">
        <v>17466.958849999999</v>
      </c>
      <c r="AE4230">
        <v>34794.11795</v>
      </c>
      <c r="AF4230">
        <v>46036.140440000003</v>
      </c>
      <c r="AG4230">
        <v>16744.28528</v>
      </c>
      <c r="AH4230">
        <v>312163.53210000001</v>
      </c>
      <c r="AI4230">
        <v>68623.633709999995</v>
      </c>
      <c r="AJ4230">
        <v>16700.44425</v>
      </c>
      <c r="AK4230">
        <v>24068.96413</v>
      </c>
      <c r="AL4230">
        <v>95988.079599999997</v>
      </c>
      <c r="AM4230">
        <v>14118.711960000001</v>
      </c>
      <c r="AN4230">
        <v>71919.962920000005</v>
      </c>
      <c r="AO4230">
        <v>17406.293809999999</v>
      </c>
      <c r="AP4230">
        <v>14486.43115</v>
      </c>
    </row>
    <row r="4231" spans="2:42" x14ac:dyDescent="0.3">
      <c r="B4231">
        <v>64.37814532558086</v>
      </c>
      <c r="C4231" s="83">
        <v>43277.208333333336</v>
      </c>
      <c r="D4231">
        <v>255819.45199999999</v>
      </c>
      <c r="E4231">
        <v>14969.20096</v>
      </c>
      <c r="F4231">
        <v>67530.397500000006</v>
      </c>
      <c r="G4231">
        <v>31717.142830000001</v>
      </c>
      <c r="H4231">
        <v>35638.078529999999</v>
      </c>
      <c r="I4231">
        <v>24267.542880000001</v>
      </c>
      <c r="J4231">
        <v>37910.44328</v>
      </c>
      <c r="K4231">
        <v>46966.86335</v>
      </c>
      <c r="L4231">
        <v>17215.535929999998</v>
      </c>
      <c r="M4231">
        <v>328229.80709999998</v>
      </c>
      <c r="N4231">
        <v>70643.178580000007</v>
      </c>
      <c r="O4231">
        <v>17503.983700000001</v>
      </c>
      <c r="P4231">
        <v>25822.1302</v>
      </c>
      <c r="Q4231">
        <v>98792.880590000001</v>
      </c>
      <c r="R4231">
        <v>16586.41217</v>
      </c>
      <c r="S4231">
        <v>74470.328009999997</v>
      </c>
      <c r="T4231">
        <v>18815.73574</v>
      </c>
      <c r="U4231">
        <v>15891.93052</v>
      </c>
      <c r="W4231" s="83">
        <f>Bühler!N4263</f>
        <v>45468.208333323077</v>
      </c>
      <c r="X4231" s="83">
        <v>43277.208333333336</v>
      </c>
      <c r="Y4231">
        <v>255819.45199999999</v>
      </c>
      <c r="Z4231">
        <v>14969.20096</v>
      </c>
      <c r="AA4231">
        <v>67530.397500000006</v>
      </c>
      <c r="AB4231">
        <v>31717.142830000001</v>
      </c>
      <c r="AC4231">
        <v>35638.078529999999</v>
      </c>
      <c r="AD4231">
        <v>24267.542880000001</v>
      </c>
      <c r="AE4231">
        <v>37910.44328</v>
      </c>
      <c r="AF4231">
        <v>46966.86335</v>
      </c>
      <c r="AG4231">
        <v>17215.535929999998</v>
      </c>
      <c r="AH4231">
        <v>328229.80709999998</v>
      </c>
      <c r="AI4231">
        <v>70643.178580000007</v>
      </c>
      <c r="AJ4231">
        <v>17503.983700000001</v>
      </c>
      <c r="AK4231">
        <v>25822.1302</v>
      </c>
      <c r="AL4231">
        <v>98792.880590000001</v>
      </c>
      <c r="AM4231">
        <v>16586.41217</v>
      </c>
      <c r="AN4231">
        <v>74470.328009999997</v>
      </c>
      <c r="AO4231">
        <v>18815.73574</v>
      </c>
      <c r="AP4231">
        <v>15891.93052</v>
      </c>
    </row>
    <row r="4232" spans="2:42" x14ac:dyDescent="0.3">
      <c r="B4232">
        <v>66.373498068480004</v>
      </c>
      <c r="C4232" s="83">
        <v>43277.25</v>
      </c>
      <c r="D4232">
        <v>268209.34159999999</v>
      </c>
      <c r="E4232">
        <v>18578.851839999999</v>
      </c>
      <c r="F4232">
        <v>77918.009220000007</v>
      </c>
      <c r="G4232">
        <v>40472.840889999999</v>
      </c>
      <c r="H4232">
        <v>37162.780780000001</v>
      </c>
      <c r="I4232">
        <v>30228.817480000002</v>
      </c>
      <c r="J4232">
        <v>40532.33844</v>
      </c>
      <c r="K4232">
        <v>49074.326029999997</v>
      </c>
      <c r="L4232">
        <v>18086.790710000001</v>
      </c>
      <c r="M4232">
        <v>338403.04590000003</v>
      </c>
      <c r="N4232">
        <v>73172.662649999998</v>
      </c>
      <c r="O4232">
        <v>18960.894550000001</v>
      </c>
      <c r="P4232">
        <v>26665.03674</v>
      </c>
      <c r="Q4232">
        <v>99320.979130000007</v>
      </c>
      <c r="R4232">
        <v>15425.46048</v>
      </c>
      <c r="S4232">
        <v>80944.600380000003</v>
      </c>
      <c r="T4232">
        <v>21104.617170000001</v>
      </c>
      <c r="U4232">
        <v>18097.06684</v>
      </c>
      <c r="W4232" s="83">
        <f>Bühler!N4264</f>
        <v>45468.249999989741</v>
      </c>
      <c r="X4232" s="83">
        <v>43277.25</v>
      </c>
      <c r="Y4232">
        <v>268209.34159999999</v>
      </c>
      <c r="Z4232">
        <v>18578.851839999999</v>
      </c>
      <c r="AA4232">
        <v>77918.009220000007</v>
      </c>
      <c r="AB4232">
        <v>40472.840889999999</v>
      </c>
      <c r="AC4232">
        <v>37162.780780000001</v>
      </c>
      <c r="AD4232">
        <v>30228.817480000002</v>
      </c>
      <c r="AE4232">
        <v>40532.33844</v>
      </c>
      <c r="AF4232">
        <v>49074.326029999997</v>
      </c>
      <c r="AG4232">
        <v>18086.790710000001</v>
      </c>
      <c r="AH4232">
        <v>338403.04590000003</v>
      </c>
      <c r="AI4232">
        <v>73172.662649999998</v>
      </c>
      <c r="AJ4232">
        <v>18960.894550000001</v>
      </c>
      <c r="AK4232">
        <v>26665.03674</v>
      </c>
      <c r="AL4232">
        <v>99320.979130000007</v>
      </c>
      <c r="AM4232">
        <v>15425.46048</v>
      </c>
      <c r="AN4232">
        <v>80944.600380000003</v>
      </c>
      <c r="AO4232">
        <v>21104.617170000001</v>
      </c>
      <c r="AP4232">
        <v>18097.06684</v>
      </c>
    </row>
    <row r="4233" spans="2:42" x14ac:dyDescent="0.3">
      <c r="B4233">
        <v>68.281393413390504</v>
      </c>
      <c r="C4233" s="83">
        <v>43277.291666666664</v>
      </c>
      <c r="D4233">
        <v>283657.22200000001</v>
      </c>
      <c r="E4233">
        <v>23564.179649999998</v>
      </c>
      <c r="F4233">
        <v>81911.255879999997</v>
      </c>
      <c r="G4233">
        <v>49689.137329999998</v>
      </c>
      <c r="H4233">
        <v>42514.392890000003</v>
      </c>
      <c r="I4233">
        <v>37359.012690000003</v>
      </c>
      <c r="J4233">
        <v>42189.661979999997</v>
      </c>
      <c r="K4233">
        <v>54592.721940000003</v>
      </c>
      <c r="L4233">
        <v>20717.765469999998</v>
      </c>
      <c r="M4233">
        <v>348130.3861</v>
      </c>
      <c r="N4233">
        <v>78736.324170000007</v>
      </c>
      <c r="O4233">
        <v>21432.35036</v>
      </c>
      <c r="P4233">
        <v>29896.11738</v>
      </c>
      <c r="Q4233">
        <v>99216.332859999995</v>
      </c>
      <c r="R4233">
        <v>18424.67311</v>
      </c>
      <c r="S4233">
        <v>94794.409570000003</v>
      </c>
      <c r="T4233">
        <v>24569.36448</v>
      </c>
      <c r="U4233">
        <v>21719.415540000002</v>
      </c>
      <c r="W4233" s="83">
        <f>Bühler!N4265</f>
        <v>45468.291666656405</v>
      </c>
      <c r="X4233" s="83">
        <v>43277.291666666664</v>
      </c>
      <c r="Y4233">
        <v>283657.22200000001</v>
      </c>
      <c r="Z4233">
        <v>23564.179649999998</v>
      </c>
      <c r="AA4233">
        <v>81911.255879999997</v>
      </c>
      <c r="AB4233">
        <v>49689.137329999998</v>
      </c>
      <c r="AC4233">
        <v>42514.392890000003</v>
      </c>
      <c r="AD4233">
        <v>37359.012690000003</v>
      </c>
      <c r="AE4233">
        <v>42189.661979999997</v>
      </c>
      <c r="AF4233">
        <v>54592.721940000003</v>
      </c>
      <c r="AG4233">
        <v>20717.765469999998</v>
      </c>
      <c r="AH4233">
        <v>348130.3861</v>
      </c>
      <c r="AI4233">
        <v>78736.324170000007</v>
      </c>
      <c r="AJ4233">
        <v>21432.35036</v>
      </c>
      <c r="AK4233">
        <v>29896.11738</v>
      </c>
      <c r="AL4233">
        <v>99216.332859999995</v>
      </c>
      <c r="AM4233">
        <v>18424.67311</v>
      </c>
      <c r="AN4233">
        <v>94794.409570000003</v>
      </c>
      <c r="AO4233">
        <v>24569.36448</v>
      </c>
      <c r="AP4233">
        <v>21719.415540000002</v>
      </c>
    </row>
    <row r="4234" spans="2:42" x14ac:dyDescent="0.3">
      <c r="B4234">
        <v>69.293069465373918</v>
      </c>
      <c r="C4234" s="83">
        <v>43277.333333333336</v>
      </c>
      <c r="D4234">
        <v>293561.609</v>
      </c>
      <c r="E4234">
        <v>29176.287700000001</v>
      </c>
      <c r="F4234">
        <v>89783.390769999998</v>
      </c>
      <c r="G4234">
        <v>59532.33556</v>
      </c>
      <c r="H4234">
        <v>47813.535929999998</v>
      </c>
      <c r="I4234">
        <v>40345.487330000004</v>
      </c>
      <c r="J4234">
        <v>44456.774340000004</v>
      </c>
      <c r="K4234">
        <v>62802.995210000001</v>
      </c>
      <c r="L4234">
        <v>24257.101709999999</v>
      </c>
      <c r="M4234">
        <v>353288.3824</v>
      </c>
      <c r="N4234">
        <v>83825.388309999995</v>
      </c>
      <c r="O4234">
        <v>23340.06208</v>
      </c>
      <c r="P4234">
        <v>32634.815409999999</v>
      </c>
      <c r="Q4234">
        <v>100807.45329999999</v>
      </c>
      <c r="R4234">
        <v>20131.04624</v>
      </c>
      <c r="S4234">
        <v>108635.51760000001</v>
      </c>
      <c r="T4234">
        <v>28219.907319999998</v>
      </c>
      <c r="U4234">
        <v>24913.357100000001</v>
      </c>
      <c r="W4234" s="83">
        <f>Bühler!N4266</f>
        <v>45468.333333323069</v>
      </c>
      <c r="X4234" s="83">
        <v>43277.333333333336</v>
      </c>
      <c r="Y4234">
        <v>293561.609</v>
      </c>
      <c r="Z4234">
        <v>29176.287700000001</v>
      </c>
      <c r="AA4234">
        <v>89783.390769999998</v>
      </c>
      <c r="AB4234">
        <v>59532.33556</v>
      </c>
      <c r="AC4234">
        <v>47813.535929999998</v>
      </c>
      <c r="AD4234">
        <v>40345.487330000004</v>
      </c>
      <c r="AE4234">
        <v>44456.774340000004</v>
      </c>
      <c r="AF4234">
        <v>62802.995210000001</v>
      </c>
      <c r="AG4234">
        <v>24257.101709999999</v>
      </c>
      <c r="AH4234">
        <v>353288.3824</v>
      </c>
      <c r="AI4234">
        <v>83825.388309999995</v>
      </c>
      <c r="AJ4234">
        <v>23340.06208</v>
      </c>
      <c r="AK4234">
        <v>32634.815409999999</v>
      </c>
      <c r="AL4234">
        <v>100807.45329999999</v>
      </c>
      <c r="AM4234">
        <v>20131.04624</v>
      </c>
      <c r="AN4234">
        <v>108635.51760000001</v>
      </c>
      <c r="AO4234">
        <v>28219.907319999998</v>
      </c>
      <c r="AP4234">
        <v>24913.357100000001</v>
      </c>
    </row>
    <row r="4235" spans="2:42" x14ac:dyDescent="0.3">
      <c r="B4235">
        <v>69.84469938923084</v>
      </c>
      <c r="C4235" s="83">
        <v>43277.375</v>
      </c>
      <c r="D4235">
        <v>295146.22210000001</v>
      </c>
      <c r="E4235">
        <v>34007.344799999999</v>
      </c>
      <c r="F4235">
        <v>96403.016709999996</v>
      </c>
      <c r="G4235">
        <v>67087.121069999994</v>
      </c>
      <c r="H4235">
        <v>50733.805379999998</v>
      </c>
      <c r="I4235">
        <v>39601.769610000003</v>
      </c>
      <c r="J4235">
        <v>45724.190450000002</v>
      </c>
      <c r="K4235">
        <v>64852.612760000004</v>
      </c>
      <c r="L4235">
        <v>28151.77968</v>
      </c>
      <c r="M4235">
        <v>356100.84899999999</v>
      </c>
      <c r="N4235">
        <v>85472.433749999997</v>
      </c>
      <c r="O4235">
        <v>24279.136299999998</v>
      </c>
      <c r="P4235">
        <v>34739.931400000001</v>
      </c>
      <c r="Q4235">
        <v>102148.9615</v>
      </c>
      <c r="R4235">
        <v>21677.664850000001</v>
      </c>
      <c r="S4235">
        <v>115814.5241</v>
      </c>
      <c r="T4235">
        <v>30976.935949999999</v>
      </c>
      <c r="U4235">
        <v>25974.885559999999</v>
      </c>
      <c r="W4235" s="83">
        <f>Bühler!N4267</f>
        <v>45468.374999989734</v>
      </c>
      <c r="X4235" s="83">
        <v>43277.375</v>
      </c>
      <c r="Y4235">
        <v>295146.22210000001</v>
      </c>
      <c r="Z4235">
        <v>34007.344799999999</v>
      </c>
      <c r="AA4235">
        <v>96403.016709999996</v>
      </c>
      <c r="AB4235">
        <v>67087.121069999994</v>
      </c>
      <c r="AC4235">
        <v>50733.805379999998</v>
      </c>
      <c r="AD4235">
        <v>39601.769610000003</v>
      </c>
      <c r="AE4235">
        <v>45724.190450000002</v>
      </c>
      <c r="AF4235">
        <v>64852.612760000004</v>
      </c>
      <c r="AG4235">
        <v>28151.77968</v>
      </c>
      <c r="AH4235">
        <v>356100.84899999999</v>
      </c>
      <c r="AI4235">
        <v>85472.433749999997</v>
      </c>
      <c r="AJ4235">
        <v>24279.136299999998</v>
      </c>
      <c r="AK4235">
        <v>34739.931400000001</v>
      </c>
      <c r="AL4235">
        <v>102148.9615</v>
      </c>
      <c r="AM4235">
        <v>21677.664850000001</v>
      </c>
      <c r="AN4235">
        <v>115814.5241</v>
      </c>
      <c r="AO4235">
        <v>30976.935949999999</v>
      </c>
      <c r="AP4235">
        <v>25974.885559999999</v>
      </c>
    </row>
    <row r="4236" spans="2:42" x14ac:dyDescent="0.3">
      <c r="B4236">
        <v>70.68360734961162</v>
      </c>
      <c r="C4236" s="83">
        <v>43277.416666666664</v>
      </c>
      <c r="D4236">
        <v>299881.94939999998</v>
      </c>
      <c r="E4236">
        <v>36209.513299999999</v>
      </c>
      <c r="F4236">
        <v>98551.359379999994</v>
      </c>
      <c r="G4236">
        <v>69211.174220000001</v>
      </c>
      <c r="H4236">
        <v>51768.753409999998</v>
      </c>
      <c r="I4236">
        <v>37659.313020000001</v>
      </c>
      <c r="J4236">
        <v>45781.517849999997</v>
      </c>
      <c r="K4236">
        <v>65485.422500000001</v>
      </c>
      <c r="L4236">
        <v>32042.882430000001</v>
      </c>
      <c r="M4236">
        <v>360377.99300000002</v>
      </c>
      <c r="N4236">
        <v>88573.71286</v>
      </c>
      <c r="O4236">
        <v>24818.198639999999</v>
      </c>
      <c r="P4236">
        <v>35830.959759999998</v>
      </c>
      <c r="Q4236">
        <v>103349.53200000001</v>
      </c>
      <c r="R4236">
        <v>22222.286039999999</v>
      </c>
      <c r="S4236">
        <v>118174.1231</v>
      </c>
      <c r="T4236">
        <v>32367.988509999999</v>
      </c>
      <c r="U4236">
        <v>26887.279979999999</v>
      </c>
      <c r="W4236" s="83">
        <f>Bühler!N4268</f>
        <v>45468.416666656398</v>
      </c>
      <c r="X4236" s="83">
        <v>43277.416666666664</v>
      </c>
      <c r="Y4236">
        <v>299881.94939999998</v>
      </c>
      <c r="Z4236">
        <v>36209.513299999999</v>
      </c>
      <c r="AA4236">
        <v>98551.359379999994</v>
      </c>
      <c r="AB4236">
        <v>69211.174220000001</v>
      </c>
      <c r="AC4236">
        <v>51768.753409999998</v>
      </c>
      <c r="AD4236">
        <v>37659.313020000001</v>
      </c>
      <c r="AE4236">
        <v>45781.517849999997</v>
      </c>
      <c r="AF4236">
        <v>65485.422500000001</v>
      </c>
      <c r="AG4236">
        <v>32042.882430000001</v>
      </c>
      <c r="AH4236">
        <v>360377.99300000002</v>
      </c>
      <c r="AI4236">
        <v>88573.71286</v>
      </c>
      <c r="AJ4236">
        <v>24818.198639999999</v>
      </c>
      <c r="AK4236">
        <v>35830.959759999998</v>
      </c>
      <c r="AL4236">
        <v>103349.53200000001</v>
      </c>
      <c r="AM4236">
        <v>22222.286039999999</v>
      </c>
      <c r="AN4236">
        <v>118174.1231</v>
      </c>
      <c r="AO4236">
        <v>32367.988509999999</v>
      </c>
      <c r="AP4236">
        <v>26887.279979999999</v>
      </c>
    </row>
    <row r="4237" spans="2:42" x14ac:dyDescent="0.3">
      <c r="B4237">
        <v>71.567927927134662</v>
      </c>
      <c r="C4237" s="83">
        <v>43277.458333333336</v>
      </c>
      <c r="D4237">
        <v>300836.4706</v>
      </c>
      <c r="E4237">
        <v>36337.301820000001</v>
      </c>
      <c r="F4237">
        <v>99655.967680000002</v>
      </c>
      <c r="G4237">
        <v>68832.73143</v>
      </c>
      <c r="H4237">
        <v>51609.587169999999</v>
      </c>
      <c r="I4237">
        <v>37700.16646</v>
      </c>
      <c r="J4237">
        <v>45786.786509999998</v>
      </c>
      <c r="K4237">
        <v>66050.558109999998</v>
      </c>
      <c r="L4237">
        <v>33228.848339999997</v>
      </c>
      <c r="M4237">
        <v>364886.67170000001</v>
      </c>
      <c r="N4237">
        <v>89088.523650000003</v>
      </c>
      <c r="O4237">
        <v>24312.130349999999</v>
      </c>
      <c r="P4237">
        <v>36099.810210000003</v>
      </c>
      <c r="Q4237">
        <v>103463.1679</v>
      </c>
      <c r="R4237">
        <v>23992.854149999999</v>
      </c>
      <c r="S4237">
        <v>122093.6626</v>
      </c>
      <c r="T4237">
        <v>32340.614740000001</v>
      </c>
      <c r="U4237">
        <v>26119.048709999999</v>
      </c>
      <c r="W4237" s="83">
        <f>Bühler!N4269</f>
        <v>45468.458333323062</v>
      </c>
      <c r="X4237" s="83">
        <v>43277.458333333336</v>
      </c>
      <c r="Y4237">
        <v>300836.4706</v>
      </c>
      <c r="Z4237">
        <v>36337.301820000001</v>
      </c>
      <c r="AA4237">
        <v>99655.967680000002</v>
      </c>
      <c r="AB4237">
        <v>68832.73143</v>
      </c>
      <c r="AC4237">
        <v>51609.587169999999</v>
      </c>
      <c r="AD4237">
        <v>37700.16646</v>
      </c>
      <c r="AE4237">
        <v>45786.786509999998</v>
      </c>
      <c r="AF4237">
        <v>66050.558109999998</v>
      </c>
      <c r="AG4237">
        <v>33228.848339999997</v>
      </c>
      <c r="AH4237">
        <v>364886.67170000001</v>
      </c>
      <c r="AI4237">
        <v>89088.523650000003</v>
      </c>
      <c r="AJ4237">
        <v>24312.130349999999</v>
      </c>
      <c r="AK4237">
        <v>36099.810210000003</v>
      </c>
      <c r="AL4237">
        <v>103463.1679</v>
      </c>
      <c r="AM4237">
        <v>23992.854149999999</v>
      </c>
      <c r="AN4237">
        <v>122093.6626</v>
      </c>
      <c r="AO4237">
        <v>32340.614740000001</v>
      </c>
      <c r="AP4237">
        <v>26119.048709999999</v>
      </c>
    </row>
    <row r="4238" spans="2:42" x14ac:dyDescent="0.3">
      <c r="B4238">
        <v>70.608845730247111</v>
      </c>
      <c r="C4238" s="83">
        <v>43277.5</v>
      </c>
      <c r="D4238">
        <v>289677.19510000001</v>
      </c>
      <c r="E4238">
        <v>33470.513769999998</v>
      </c>
      <c r="F4238">
        <v>94977.29565</v>
      </c>
      <c r="G4238">
        <v>70155.967730000004</v>
      </c>
      <c r="H4238">
        <v>49931.682159999997</v>
      </c>
      <c r="I4238">
        <v>37018.515460000002</v>
      </c>
      <c r="J4238">
        <v>46470.940889999998</v>
      </c>
      <c r="K4238">
        <v>62009.40711</v>
      </c>
      <c r="L4238">
        <v>34944.447650000002</v>
      </c>
      <c r="M4238">
        <v>359996.82339999999</v>
      </c>
      <c r="N4238">
        <v>89055.475170000005</v>
      </c>
      <c r="O4238">
        <v>24123.621599999999</v>
      </c>
      <c r="P4238">
        <v>37503.943099999997</v>
      </c>
      <c r="Q4238">
        <v>102403.1819</v>
      </c>
      <c r="R4238">
        <v>24040.376830000001</v>
      </c>
      <c r="S4238">
        <v>115815.7939</v>
      </c>
      <c r="T4238">
        <v>32305.605490000002</v>
      </c>
      <c r="U4238">
        <v>22029.099190000001</v>
      </c>
      <c r="W4238" s="83">
        <f>Bühler!N4270</f>
        <v>45468.499999989726</v>
      </c>
      <c r="X4238" s="83">
        <v>43277.5</v>
      </c>
      <c r="Y4238">
        <v>289677.19510000001</v>
      </c>
      <c r="Z4238">
        <v>33470.513769999998</v>
      </c>
      <c r="AA4238">
        <v>94977.29565</v>
      </c>
      <c r="AB4238">
        <v>70155.967730000004</v>
      </c>
      <c r="AC4238">
        <v>49931.682159999997</v>
      </c>
      <c r="AD4238">
        <v>37018.515460000002</v>
      </c>
      <c r="AE4238">
        <v>46470.940889999998</v>
      </c>
      <c r="AF4238">
        <v>62009.40711</v>
      </c>
      <c r="AG4238">
        <v>34944.447650000002</v>
      </c>
      <c r="AH4238">
        <v>359996.82339999999</v>
      </c>
      <c r="AI4238">
        <v>89055.475170000005</v>
      </c>
      <c r="AJ4238">
        <v>24123.621599999999</v>
      </c>
      <c r="AK4238">
        <v>37503.943099999997</v>
      </c>
      <c r="AL4238">
        <v>102403.1819</v>
      </c>
      <c r="AM4238">
        <v>24040.376830000001</v>
      </c>
      <c r="AN4238">
        <v>115815.7939</v>
      </c>
      <c r="AO4238">
        <v>32305.605490000002</v>
      </c>
      <c r="AP4238">
        <v>22029.099190000001</v>
      </c>
    </row>
    <row r="4239" spans="2:42" x14ac:dyDescent="0.3">
      <c r="B4239">
        <v>69.900024418579136</v>
      </c>
      <c r="C4239" s="83">
        <v>43277.541666666664</v>
      </c>
      <c r="D4239">
        <v>290466.8455</v>
      </c>
      <c r="E4239">
        <v>33851.278030000001</v>
      </c>
      <c r="F4239">
        <v>92118.340530000001</v>
      </c>
      <c r="G4239">
        <v>65538.919469999993</v>
      </c>
      <c r="H4239">
        <v>50420.407220000001</v>
      </c>
      <c r="I4239">
        <v>36719.920030000001</v>
      </c>
      <c r="J4239">
        <v>46021.527690000003</v>
      </c>
      <c r="K4239">
        <v>64254.403469999997</v>
      </c>
      <c r="L4239">
        <v>34180.35095</v>
      </c>
      <c r="M4239">
        <v>356382.92180000001</v>
      </c>
      <c r="N4239">
        <v>91611.280719999995</v>
      </c>
      <c r="O4239">
        <v>23891.545289999998</v>
      </c>
      <c r="P4239">
        <v>35697.009129999999</v>
      </c>
      <c r="Q4239">
        <v>101517.48420000001</v>
      </c>
      <c r="R4239">
        <v>23816.584709999999</v>
      </c>
      <c r="S4239">
        <v>115810.0708</v>
      </c>
      <c r="T4239">
        <v>31945.172750000002</v>
      </c>
      <c r="U4239">
        <v>24023.261630000001</v>
      </c>
      <c r="W4239" s="83">
        <f>Bühler!N4271</f>
        <v>45468.541666656391</v>
      </c>
      <c r="X4239" s="83">
        <v>43277.541666666664</v>
      </c>
      <c r="Y4239">
        <v>290466.8455</v>
      </c>
      <c r="Z4239">
        <v>33851.278030000001</v>
      </c>
      <c r="AA4239">
        <v>92118.340530000001</v>
      </c>
      <c r="AB4239">
        <v>65538.919469999993</v>
      </c>
      <c r="AC4239">
        <v>50420.407220000001</v>
      </c>
      <c r="AD4239">
        <v>36719.920030000001</v>
      </c>
      <c r="AE4239">
        <v>46021.527690000003</v>
      </c>
      <c r="AF4239">
        <v>64254.403469999997</v>
      </c>
      <c r="AG4239">
        <v>34180.35095</v>
      </c>
      <c r="AH4239">
        <v>356382.92180000001</v>
      </c>
      <c r="AI4239">
        <v>91611.280719999995</v>
      </c>
      <c r="AJ4239">
        <v>23891.545289999998</v>
      </c>
      <c r="AK4239">
        <v>35697.009129999999</v>
      </c>
      <c r="AL4239">
        <v>101517.48420000001</v>
      </c>
      <c r="AM4239">
        <v>23816.584709999999</v>
      </c>
      <c r="AN4239">
        <v>115810.0708</v>
      </c>
      <c r="AO4239">
        <v>31945.172750000002</v>
      </c>
      <c r="AP4239">
        <v>24023.261630000001</v>
      </c>
    </row>
    <row r="4240" spans="2:42" x14ac:dyDescent="0.3">
      <c r="B4240">
        <v>70.591063265105788</v>
      </c>
      <c r="C4240" s="83">
        <v>43277.583333333336</v>
      </c>
      <c r="D4240">
        <v>295620.18359999999</v>
      </c>
      <c r="E4240">
        <v>36578.028350000001</v>
      </c>
      <c r="F4240">
        <v>99551.141900000002</v>
      </c>
      <c r="G4240">
        <v>61713.38306</v>
      </c>
      <c r="H4240">
        <v>51027.525410000002</v>
      </c>
      <c r="I4240">
        <v>38023.204420000002</v>
      </c>
      <c r="J4240">
        <v>45787.954369999999</v>
      </c>
      <c r="K4240">
        <v>65144.747089999997</v>
      </c>
      <c r="L4240">
        <v>31724.463950000001</v>
      </c>
      <c r="M4240">
        <v>359906.16009999998</v>
      </c>
      <c r="N4240">
        <v>93851.254239999995</v>
      </c>
      <c r="O4240">
        <v>24257.16864</v>
      </c>
      <c r="P4240">
        <v>32536.640609999999</v>
      </c>
      <c r="Q4240">
        <v>101795.73209999999</v>
      </c>
      <c r="R4240">
        <v>22889.67827</v>
      </c>
      <c r="S4240">
        <v>112169.62179999999</v>
      </c>
      <c r="T4240">
        <v>31025.260900000001</v>
      </c>
      <c r="U4240">
        <v>26075.28024</v>
      </c>
      <c r="W4240" s="83">
        <f>Bühler!N4272</f>
        <v>45468.583333323055</v>
      </c>
      <c r="X4240" s="83">
        <v>43277.583333333336</v>
      </c>
      <c r="Y4240">
        <v>295620.18359999999</v>
      </c>
      <c r="Z4240">
        <v>36578.028350000001</v>
      </c>
      <c r="AA4240">
        <v>99551.141900000002</v>
      </c>
      <c r="AB4240">
        <v>61713.38306</v>
      </c>
      <c r="AC4240">
        <v>51027.525410000002</v>
      </c>
      <c r="AD4240">
        <v>38023.204420000002</v>
      </c>
      <c r="AE4240">
        <v>45787.954369999999</v>
      </c>
      <c r="AF4240">
        <v>65144.747089999997</v>
      </c>
      <c r="AG4240">
        <v>31724.463950000001</v>
      </c>
      <c r="AH4240">
        <v>359906.16009999998</v>
      </c>
      <c r="AI4240">
        <v>93851.254239999995</v>
      </c>
      <c r="AJ4240">
        <v>24257.16864</v>
      </c>
      <c r="AK4240">
        <v>32536.640609999999</v>
      </c>
      <c r="AL4240">
        <v>101795.73209999999</v>
      </c>
      <c r="AM4240">
        <v>22889.67827</v>
      </c>
      <c r="AN4240">
        <v>112169.62179999999</v>
      </c>
      <c r="AO4240">
        <v>31025.260900000001</v>
      </c>
      <c r="AP4240">
        <v>26075.28024</v>
      </c>
    </row>
    <row r="4241" spans="2:42" x14ac:dyDescent="0.3">
      <c r="B4241">
        <v>69.98909661589127</v>
      </c>
      <c r="C4241" s="83">
        <v>43277.625</v>
      </c>
      <c r="D4241">
        <v>292764.56959999999</v>
      </c>
      <c r="E4241">
        <v>36455.323770000003</v>
      </c>
      <c r="F4241">
        <v>101133.65519999999</v>
      </c>
      <c r="G4241">
        <v>58476.454769999997</v>
      </c>
      <c r="H4241">
        <v>49831.350599999998</v>
      </c>
      <c r="I4241">
        <v>38226.811419999998</v>
      </c>
      <c r="J4241">
        <v>45935.230089999997</v>
      </c>
      <c r="K4241">
        <v>64386.966390000001</v>
      </c>
      <c r="L4241">
        <v>28559.159500000002</v>
      </c>
      <c r="M4241">
        <v>356837.05339999998</v>
      </c>
      <c r="N4241">
        <v>92011.508849999998</v>
      </c>
      <c r="O4241">
        <v>24097.901450000001</v>
      </c>
      <c r="P4241">
        <v>30126.09575</v>
      </c>
      <c r="Q4241">
        <v>101493.1841</v>
      </c>
      <c r="R4241">
        <v>23172.322479999999</v>
      </c>
      <c r="S4241">
        <v>109267.46980000001</v>
      </c>
      <c r="T4241">
        <v>30302.244739999998</v>
      </c>
      <c r="U4241">
        <v>24202.643260000001</v>
      </c>
      <c r="W4241" s="83">
        <f>Bühler!N4273</f>
        <v>45468.624999989719</v>
      </c>
      <c r="X4241" s="83">
        <v>43277.625</v>
      </c>
      <c r="Y4241">
        <v>292764.56959999999</v>
      </c>
      <c r="Z4241">
        <v>36455.323770000003</v>
      </c>
      <c r="AA4241">
        <v>101133.65519999999</v>
      </c>
      <c r="AB4241">
        <v>58476.454769999997</v>
      </c>
      <c r="AC4241">
        <v>49831.350599999998</v>
      </c>
      <c r="AD4241">
        <v>38226.811419999998</v>
      </c>
      <c r="AE4241">
        <v>45935.230089999997</v>
      </c>
      <c r="AF4241">
        <v>64386.966390000001</v>
      </c>
      <c r="AG4241">
        <v>28559.159500000002</v>
      </c>
      <c r="AH4241">
        <v>356837.05339999998</v>
      </c>
      <c r="AI4241">
        <v>92011.508849999998</v>
      </c>
      <c r="AJ4241">
        <v>24097.901450000001</v>
      </c>
      <c r="AK4241">
        <v>30126.09575</v>
      </c>
      <c r="AL4241">
        <v>101493.1841</v>
      </c>
      <c r="AM4241">
        <v>23172.322479999999</v>
      </c>
      <c r="AN4241">
        <v>109267.46980000001</v>
      </c>
      <c r="AO4241">
        <v>30302.244739999998</v>
      </c>
      <c r="AP4241">
        <v>24202.643260000001</v>
      </c>
    </row>
    <row r="4242" spans="2:42" x14ac:dyDescent="0.3">
      <c r="B4242">
        <v>69.54643516661821</v>
      </c>
      <c r="C4242" s="83">
        <v>43277.666666666664</v>
      </c>
      <c r="D4242">
        <v>285654.72450000001</v>
      </c>
      <c r="E4242">
        <v>35852.87988</v>
      </c>
      <c r="F4242">
        <v>100414.11470000001</v>
      </c>
      <c r="G4242">
        <v>55029.567739999999</v>
      </c>
      <c r="H4242">
        <v>48109.12715</v>
      </c>
      <c r="I4242">
        <v>39349.32516</v>
      </c>
      <c r="J4242">
        <v>45238.64748</v>
      </c>
      <c r="K4242">
        <v>62548.005409999998</v>
      </c>
      <c r="L4242">
        <v>28307.802319999999</v>
      </c>
      <c r="M4242">
        <v>354580.15889999998</v>
      </c>
      <c r="N4242">
        <v>89417.169150000002</v>
      </c>
      <c r="O4242">
        <v>23171.115140000002</v>
      </c>
      <c r="P4242">
        <v>30036.969489999999</v>
      </c>
      <c r="Q4242">
        <v>100344.75079999999</v>
      </c>
      <c r="R4242">
        <v>23599.804980000001</v>
      </c>
      <c r="S4242">
        <v>106626.2041</v>
      </c>
      <c r="T4242">
        <v>29909.577949999999</v>
      </c>
      <c r="U4242">
        <v>22330.23331</v>
      </c>
      <c r="W4242" s="83">
        <f>Bühler!N4274</f>
        <v>45468.666666656383</v>
      </c>
      <c r="X4242" s="83">
        <v>43277.666666666664</v>
      </c>
      <c r="Y4242">
        <v>285654.72450000001</v>
      </c>
      <c r="Z4242">
        <v>35852.87988</v>
      </c>
      <c r="AA4242">
        <v>100414.11470000001</v>
      </c>
      <c r="AB4242">
        <v>55029.567739999999</v>
      </c>
      <c r="AC4242">
        <v>48109.12715</v>
      </c>
      <c r="AD4242">
        <v>39349.32516</v>
      </c>
      <c r="AE4242">
        <v>45238.64748</v>
      </c>
      <c r="AF4242">
        <v>62548.005409999998</v>
      </c>
      <c r="AG4242">
        <v>28307.802319999999</v>
      </c>
      <c r="AH4242">
        <v>354580.15889999998</v>
      </c>
      <c r="AI4242">
        <v>89417.169150000002</v>
      </c>
      <c r="AJ4242">
        <v>23171.115140000002</v>
      </c>
      <c r="AK4242">
        <v>30036.969489999999</v>
      </c>
      <c r="AL4242">
        <v>100344.75079999999</v>
      </c>
      <c r="AM4242">
        <v>23599.804980000001</v>
      </c>
      <c r="AN4242">
        <v>106626.2041</v>
      </c>
      <c r="AO4242">
        <v>29909.577949999999</v>
      </c>
      <c r="AP4242">
        <v>22330.23331</v>
      </c>
    </row>
    <row r="4243" spans="2:42" x14ac:dyDescent="0.3">
      <c r="B4243">
        <v>68.273870052946918</v>
      </c>
      <c r="C4243" s="83">
        <v>43277.708333333336</v>
      </c>
      <c r="D4243">
        <v>275197.75780000002</v>
      </c>
      <c r="E4243">
        <v>33557.334889999998</v>
      </c>
      <c r="F4243">
        <v>99711.462509999998</v>
      </c>
      <c r="G4243">
        <v>49224.271930000003</v>
      </c>
      <c r="H4243">
        <v>45568.878819999998</v>
      </c>
      <c r="I4243">
        <v>39365.253550000001</v>
      </c>
      <c r="J4243">
        <v>45373.422960000004</v>
      </c>
      <c r="K4243">
        <v>55843.514479999998</v>
      </c>
      <c r="L4243">
        <v>28595.706839999999</v>
      </c>
      <c r="M4243">
        <v>348092.02850000001</v>
      </c>
      <c r="N4243">
        <v>84709.13394</v>
      </c>
      <c r="O4243">
        <v>22875.38507</v>
      </c>
      <c r="P4243">
        <v>32254.01499</v>
      </c>
      <c r="Q4243">
        <v>98919.26672</v>
      </c>
      <c r="R4243">
        <v>24036.17757</v>
      </c>
      <c r="S4243">
        <v>102903.5408</v>
      </c>
      <c r="T4243">
        <v>29375.341609999999</v>
      </c>
      <c r="U4243">
        <v>19996.977800000001</v>
      </c>
      <c r="W4243" s="83">
        <f>Bühler!N4275</f>
        <v>45468.708333323048</v>
      </c>
      <c r="X4243" s="83">
        <v>43277.708333333336</v>
      </c>
      <c r="Y4243">
        <v>275197.75780000002</v>
      </c>
      <c r="Z4243">
        <v>33557.334889999998</v>
      </c>
      <c r="AA4243">
        <v>99711.462509999998</v>
      </c>
      <c r="AB4243">
        <v>49224.271930000003</v>
      </c>
      <c r="AC4243">
        <v>45568.878819999998</v>
      </c>
      <c r="AD4243">
        <v>39365.253550000001</v>
      </c>
      <c r="AE4243">
        <v>45373.422960000004</v>
      </c>
      <c r="AF4243">
        <v>55843.514479999998</v>
      </c>
      <c r="AG4243">
        <v>28595.706839999999</v>
      </c>
      <c r="AH4243">
        <v>348092.02850000001</v>
      </c>
      <c r="AI4243">
        <v>84709.13394</v>
      </c>
      <c r="AJ4243">
        <v>22875.38507</v>
      </c>
      <c r="AK4243">
        <v>32254.01499</v>
      </c>
      <c r="AL4243">
        <v>98919.26672</v>
      </c>
      <c r="AM4243">
        <v>24036.17757</v>
      </c>
      <c r="AN4243">
        <v>102903.5408</v>
      </c>
      <c r="AO4243">
        <v>29375.341609999999</v>
      </c>
      <c r="AP4243">
        <v>19996.977800000001</v>
      </c>
    </row>
    <row r="4244" spans="2:42" x14ac:dyDescent="0.3">
      <c r="B4244">
        <v>67.054676381146436</v>
      </c>
      <c r="C4244" s="83">
        <v>43277.75</v>
      </c>
      <c r="D4244">
        <v>268823.96010000003</v>
      </c>
      <c r="E4244">
        <v>30194.430769999999</v>
      </c>
      <c r="F4244">
        <v>97330.618919999994</v>
      </c>
      <c r="G4244">
        <v>43950.068160000003</v>
      </c>
      <c r="H4244">
        <v>43319.25937</v>
      </c>
      <c r="I4244">
        <v>37714.08281</v>
      </c>
      <c r="J4244">
        <v>44935.126859999997</v>
      </c>
      <c r="K4244">
        <v>54026.224320000001</v>
      </c>
      <c r="L4244">
        <v>29467.802489999998</v>
      </c>
      <c r="M4244">
        <v>341876.01059999998</v>
      </c>
      <c r="N4244">
        <v>82661.276410000006</v>
      </c>
      <c r="O4244">
        <v>21333.987099999998</v>
      </c>
      <c r="P4244">
        <v>34665.131220000003</v>
      </c>
      <c r="Q4244">
        <v>96895.639110000004</v>
      </c>
      <c r="R4244">
        <v>21865.672279999999</v>
      </c>
      <c r="S4244">
        <v>95646.118640000001</v>
      </c>
      <c r="T4244">
        <v>28525.12127</v>
      </c>
      <c r="U4244">
        <v>18171.300319999998</v>
      </c>
      <c r="W4244" s="83">
        <f>Bühler!N4276</f>
        <v>45468.749999989712</v>
      </c>
      <c r="X4244" s="83">
        <v>43277.75</v>
      </c>
      <c r="Y4244">
        <v>268823.96010000003</v>
      </c>
      <c r="Z4244">
        <v>30194.430769999999</v>
      </c>
      <c r="AA4244">
        <v>97330.618919999994</v>
      </c>
      <c r="AB4244">
        <v>43950.068160000003</v>
      </c>
      <c r="AC4244">
        <v>43319.25937</v>
      </c>
      <c r="AD4244">
        <v>37714.08281</v>
      </c>
      <c r="AE4244">
        <v>44935.126859999997</v>
      </c>
      <c r="AF4244">
        <v>54026.224320000001</v>
      </c>
      <c r="AG4244">
        <v>29467.802489999998</v>
      </c>
      <c r="AH4244">
        <v>341876.01059999998</v>
      </c>
      <c r="AI4244">
        <v>82661.276410000006</v>
      </c>
      <c r="AJ4244">
        <v>21333.987099999998</v>
      </c>
      <c r="AK4244">
        <v>34665.131220000003</v>
      </c>
      <c r="AL4244">
        <v>96895.639110000004</v>
      </c>
      <c r="AM4244">
        <v>21865.672279999999</v>
      </c>
      <c r="AN4244">
        <v>95646.118640000001</v>
      </c>
      <c r="AO4244">
        <v>28525.12127</v>
      </c>
      <c r="AP4244">
        <v>18171.300319999998</v>
      </c>
    </row>
    <row r="4245" spans="2:42" x14ac:dyDescent="0.3">
      <c r="B4245">
        <v>66.017724453761133</v>
      </c>
      <c r="C4245" s="83">
        <v>43277.791666666664</v>
      </c>
      <c r="D4245">
        <v>261616.53779999999</v>
      </c>
      <c r="E4245">
        <v>25373.246009999999</v>
      </c>
      <c r="F4245">
        <v>85805.083750000005</v>
      </c>
      <c r="G4245">
        <v>39902.143340000002</v>
      </c>
      <c r="H4245">
        <v>40608.062019999998</v>
      </c>
      <c r="I4245">
        <v>35228.92325</v>
      </c>
      <c r="J4245">
        <v>43481.243340000001</v>
      </c>
      <c r="K4245">
        <v>52182.70203</v>
      </c>
      <c r="L4245">
        <v>30226.494180000002</v>
      </c>
      <c r="M4245">
        <v>336589.14610000001</v>
      </c>
      <c r="N4245">
        <v>80263.991800000003</v>
      </c>
      <c r="O4245">
        <v>21131.202809999999</v>
      </c>
      <c r="P4245">
        <v>37685.792630000004</v>
      </c>
      <c r="Q4245">
        <v>93255.641839999997</v>
      </c>
      <c r="R4245">
        <v>20254.008709999998</v>
      </c>
      <c r="S4245">
        <v>91146.512659999993</v>
      </c>
      <c r="T4245">
        <v>28538.78268</v>
      </c>
      <c r="U4245">
        <v>17213.507590000001</v>
      </c>
      <c r="W4245" s="83">
        <f>Bühler!N4277</f>
        <v>45468.791666656376</v>
      </c>
      <c r="X4245" s="83">
        <v>43277.791666666664</v>
      </c>
      <c r="Y4245">
        <v>261616.53779999999</v>
      </c>
      <c r="Z4245">
        <v>25373.246009999999</v>
      </c>
      <c r="AA4245">
        <v>85805.083750000005</v>
      </c>
      <c r="AB4245">
        <v>39902.143340000002</v>
      </c>
      <c r="AC4245">
        <v>40608.062019999998</v>
      </c>
      <c r="AD4245">
        <v>35228.92325</v>
      </c>
      <c r="AE4245">
        <v>43481.243340000001</v>
      </c>
      <c r="AF4245">
        <v>52182.70203</v>
      </c>
      <c r="AG4245">
        <v>30226.494180000002</v>
      </c>
      <c r="AH4245">
        <v>336589.14610000001</v>
      </c>
      <c r="AI4245">
        <v>80263.991800000003</v>
      </c>
      <c r="AJ4245">
        <v>21131.202809999999</v>
      </c>
      <c r="AK4245">
        <v>37685.792630000004</v>
      </c>
      <c r="AL4245">
        <v>93255.641839999997</v>
      </c>
      <c r="AM4245">
        <v>20254.008709999998</v>
      </c>
      <c r="AN4245">
        <v>91146.512659999993</v>
      </c>
      <c r="AO4245">
        <v>28538.78268</v>
      </c>
      <c r="AP4245">
        <v>17213.507590000001</v>
      </c>
    </row>
    <row r="4246" spans="2:42" x14ac:dyDescent="0.3">
      <c r="B4246">
        <v>64.147920740132335</v>
      </c>
      <c r="C4246" s="83">
        <v>43277.833333333336</v>
      </c>
      <c r="D4246">
        <v>250511.5785</v>
      </c>
      <c r="E4246">
        <v>18926.522710000001</v>
      </c>
      <c r="F4246">
        <v>68607.871520000001</v>
      </c>
      <c r="G4246">
        <v>35956.735200000003</v>
      </c>
      <c r="H4246">
        <v>37787.497519999997</v>
      </c>
      <c r="I4246">
        <v>31584.983960000001</v>
      </c>
      <c r="J4246">
        <v>41946.09016</v>
      </c>
      <c r="K4246">
        <v>52553.787349999999</v>
      </c>
      <c r="L4246">
        <v>29271.929220000002</v>
      </c>
      <c r="M4246">
        <v>327056.0148</v>
      </c>
      <c r="N4246">
        <v>76836.91416</v>
      </c>
      <c r="O4246">
        <v>20296.7075</v>
      </c>
      <c r="P4246">
        <v>37124.849719999998</v>
      </c>
      <c r="Q4246">
        <v>90117.785489999995</v>
      </c>
      <c r="R4246">
        <v>18723.211940000001</v>
      </c>
      <c r="S4246">
        <v>82604.897029999993</v>
      </c>
      <c r="T4246">
        <v>27163.499189999999</v>
      </c>
      <c r="U4246">
        <v>16021.98187</v>
      </c>
      <c r="W4246" s="83">
        <f>Bühler!N4278</f>
        <v>45468.83333332304</v>
      </c>
      <c r="X4246" s="83">
        <v>43277.833333333336</v>
      </c>
      <c r="Y4246">
        <v>250511.5785</v>
      </c>
      <c r="Z4246">
        <v>18926.522710000001</v>
      </c>
      <c r="AA4246">
        <v>68607.871520000001</v>
      </c>
      <c r="AB4246">
        <v>35956.735200000003</v>
      </c>
      <c r="AC4246">
        <v>37787.497519999997</v>
      </c>
      <c r="AD4246">
        <v>31584.983960000001</v>
      </c>
      <c r="AE4246">
        <v>41946.09016</v>
      </c>
      <c r="AF4246">
        <v>52553.787349999999</v>
      </c>
      <c r="AG4246">
        <v>29271.929220000002</v>
      </c>
      <c r="AH4246">
        <v>327056.0148</v>
      </c>
      <c r="AI4246">
        <v>76836.91416</v>
      </c>
      <c r="AJ4246">
        <v>20296.7075</v>
      </c>
      <c r="AK4246">
        <v>37124.849719999998</v>
      </c>
      <c r="AL4246">
        <v>90117.785489999995</v>
      </c>
      <c r="AM4246">
        <v>18723.211940000001</v>
      </c>
      <c r="AN4246">
        <v>82604.897029999993</v>
      </c>
      <c r="AO4246">
        <v>27163.499189999999</v>
      </c>
      <c r="AP4246">
        <v>16021.98187</v>
      </c>
    </row>
    <row r="4247" spans="2:42" x14ac:dyDescent="0.3">
      <c r="B4247">
        <v>61.922717073170716</v>
      </c>
      <c r="C4247" s="83">
        <v>43277.875</v>
      </c>
      <c r="D4247">
        <v>243149.10310000001</v>
      </c>
      <c r="E4247">
        <v>15908.27542</v>
      </c>
      <c r="F4247">
        <v>60547.089809999998</v>
      </c>
      <c r="G4247">
        <v>34485.153039999997</v>
      </c>
      <c r="H4247">
        <v>35852.698810000002</v>
      </c>
      <c r="I4247">
        <v>27345.835780000001</v>
      </c>
      <c r="J4247">
        <v>41197.811860000002</v>
      </c>
      <c r="K4247">
        <v>50976.050519999997</v>
      </c>
      <c r="L4247">
        <v>28379.135040000001</v>
      </c>
      <c r="M4247">
        <v>315710.88880000002</v>
      </c>
      <c r="N4247">
        <v>74545.307159999997</v>
      </c>
      <c r="O4247">
        <v>19403.93102</v>
      </c>
      <c r="P4247">
        <v>34606.776449999998</v>
      </c>
      <c r="Q4247">
        <v>87434.203829999999</v>
      </c>
      <c r="R4247">
        <v>17947.269619999999</v>
      </c>
      <c r="S4247">
        <v>78877.347989999995</v>
      </c>
      <c r="T4247">
        <v>24698.191760000002</v>
      </c>
      <c r="U4247">
        <v>15091.80457</v>
      </c>
      <c r="W4247" s="83">
        <f>Bühler!N4279</f>
        <v>45468.874999989705</v>
      </c>
      <c r="X4247" s="83">
        <v>43277.875</v>
      </c>
      <c r="Y4247">
        <v>243149.10310000001</v>
      </c>
      <c r="Z4247">
        <v>15908.27542</v>
      </c>
      <c r="AA4247">
        <v>60547.089809999998</v>
      </c>
      <c r="AB4247">
        <v>34485.153039999997</v>
      </c>
      <c r="AC4247">
        <v>35852.698810000002</v>
      </c>
      <c r="AD4247">
        <v>27345.835780000001</v>
      </c>
      <c r="AE4247">
        <v>41197.811860000002</v>
      </c>
      <c r="AF4247">
        <v>50976.050519999997</v>
      </c>
      <c r="AG4247">
        <v>28379.135040000001</v>
      </c>
      <c r="AH4247">
        <v>315710.88880000002</v>
      </c>
      <c r="AI4247">
        <v>74545.307159999997</v>
      </c>
      <c r="AJ4247">
        <v>19403.93102</v>
      </c>
      <c r="AK4247">
        <v>34606.776449999998</v>
      </c>
      <c r="AL4247">
        <v>87434.203829999999</v>
      </c>
      <c r="AM4247">
        <v>17947.269619999999</v>
      </c>
      <c r="AN4247">
        <v>78877.347989999995</v>
      </c>
      <c r="AO4247">
        <v>24698.191760000002</v>
      </c>
      <c r="AP4247">
        <v>15091.80457</v>
      </c>
    </row>
    <row r="4248" spans="2:42" x14ac:dyDescent="0.3">
      <c r="B4248">
        <v>60.937439724438974</v>
      </c>
      <c r="C4248" s="83">
        <v>43277.916666666664</v>
      </c>
      <c r="D4248">
        <v>243624.54670000001</v>
      </c>
      <c r="E4248">
        <v>15003.663430000001</v>
      </c>
      <c r="F4248">
        <v>57993.572119999997</v>
      </c>
      <c r="G4248">
        <v>34198.490140000002</v>
      </c>
      <c r="H4248">
        <v>36901.294650000003</v>
      </c>
      <c r="I4248">
        <v>25581.874790000002</v>
      </c>
      <c r="J4248">
        <v>41625.077259999998</v>
      </c>
      <c r="K4248">
        <v>53996.346579999998</v>
      </c>
      <c r="L4248">
        <v>25471.916730000001</v>
      </c>
      <c r="M4248">
        <v>310687.48540000001</v>
      </c>
      <c r="N4248">
        <v>74798.586039999995</v>
      </c>
      <c r="O4248">
        <v>19329.66331</v>
      </c>
      <c r="P4248">
        <v>37158.300990000003</v>
      </c>
      <c r="Q4248">
        <v>87392.919909999997</v>
      </c>
      <c r="R4248">
        <v>19158.32214</v>
      </c>
      <c r="S4248">
        <v>78144.256299999994</v>
      </c>
      <c r="T4248">
        <v>22174.697069999998</v>
      </c>
      <c r="U4248">
        <v>15614.997729999999</v>
      </c>
      <c r="W4248" s="83">
        <f>Bühler!N4280</f>
        <v>45468.916666656369</v>
      </c>
      <c r="X4248" s="83">
        <v>43277.916666666664</v>
      </c>
      <c r="Y4248">
        <v>243624.54670000001</v>
      </c>
      <c r="Z4248">
        <v>15003.663430000001</v>
      </c>
      <c r="AA4248">
        <v>57993.572119999997</v>
      </c>
      <c r="AB4248">
        <v>34198.490140000002</v>
      </c>
      <c r="AC4248">
        <v>36901.294650000003</v>
      </c>
      <c r="AD4248">
        <v>25581.874790000002</v>
      </c>
      <c r="AE4248">
        <v>41625.077259999998</v>
      </c>
      <c r="AF4248">
        <v>53996.346579999998</v>
      </c>
      <c r="AG4248">
        <v>25471.916730000001</v>
      </c>
      <c r="AH4248">
        <v>310687.48540000001</v>
      </c>
      <c r="AI4248">
        <v>74798.586039999995</v>
      </c>
      <c r="AJ4248">
        <v>19329.66331</v>
      </c>
      <c r="AK4248">
        <v>37158.300990000003</v>
      </c>
      <c r="AL4248">
        <v>87392.919909999997</v>
      </c>
      <c r="AM4248">
        <v>19158.32214</v>
      </c>
      <c r="AN4248">
        <v>78144.256299999994</v>
      </c>
      <c r="AO4248">
        <v>22174.697069999998</v>
      </c>
      <c r="AP4248">
        <v>15614.997729999999</v>
      </c>
    </row>
    <row r="4249" spans="2:42" x14ac:dyDescent="0.3">
      <c r="B4249">
        <v>60.1597249894469</v>
      </c>
      <c r="C4249" s="83">
        <v>43277.958333333336</v>
      </c>
      <c r="D4249">
        <v>242639.21789999999</v>
      </c>
      <c r="E4249">
        <v>14253.318960000001</v>
      </c>
      <c r="F4249">
        <v>55915.049720000003</v>
      </c>
      <c r="G4249">
        <v>33597.67439</v>
      </c>
      <c r="H4249">
        <v>35997.335449999999</v>
      </c>
      <c r="I4249">
        <v>24534.746999999999</v>
      </c>
      <c r="J4249">
        <v>37992.456230000003</v>
      </c>
      <c r="K4249">
        <v>53157.581129999999</v>
      </c>
      <c r="L4249">
        <v>21812.206900000001</v>
      </c>
      <c r="M4249">
        <v>306722.33299999998</v>
      </c>
      <c r="N4249">
        <v>74656.866569999998</v>
      </c>
      <c r="O4249">
        <v>18739.309020000001</v>
      </c>
      <c r="P4249">
        <v>31803.876550000001</v>
      </c>
      <c r="Q4249">
        <v>86183.328569999998</v>
      </c>
      <c r="R4249">
        <v>20424.568169999999</v>
      </c>
      <c r="S4249">
        <v>75865.978770000002</v>
      </c>
      <c r="T4249">
        <v>19972.405780000001</v>
      </c>
      <c r="U4249">
        <v>15434.115529999999</v>
      </c>
      <c r="W4249" s="83">
        <f>Bühler!N4281</f>
        <v>45468.958333323033</v>
      </c>
      <c r="X4249" s="83">
        <v>43277.958333333336</v>
      </c>
      <c r="Y4249">
        <v>242639.21789999999</v>
      </c>
      <c r="Z4249">
        <v>14253.318960000001</v>
      </c>
      <c r="AA4249">
        <v>55915.049720000003</v>
      </c>
      <c r="AB4249">
        <v>33597.67439</v>
      </c>
      <c r="AC4249">
        <v>35997.335449999999</v>
      </c>
      <c r="AD4249">
        <v>24534.746999999999</v>
      </c>
      <c r="AE4249">
        <v>37992.456230000003</v>
      </c>
      <c r="AF4249">
        <v>53157.581129999999</v>
      </c>
      <c r="AG4249">
        <v>21812.206900000001</v>
      </c>
      <c r="AH4249">
        <v>306722.33299999998</v>
      </c>
      <c r="AI4249">
        <v>74656.866569999998</v>
      </c>
      <c r="AJ4249">
        <v>18739.309020000001</v>
      </c>
      <c r="AK4249">
        <v>31803.876550000001</v>
      </c>
      <c r="AL4249">
        <v>86183.328569999998</v>
      </c>
      <c r="AM4249">
        <v>20424.568169999999</v>
      </c>
      <c r="AN4249">
        <v>75865.978770000002</v>
      </c>
      <c r="AO4249">
        <v>19972.405780000001</v>
      </c>
      <c r="AP4249">
        <v>15434.115529999999</v>
      </c>
    </row>
    <row r="4250" spans="2:42" x14ac:dyDescent="0.3">
      <c r="B4250">
        <v>59.155221349233486</v>
      </c>
      <c r="C4250" s="83">
        <v>43278</v>
      </c>
      <c r="D4250">
        <v>241772.3713</v>
      </c>
      <c r="E4250">
        <v>13603.1875</v>
      </c>
      <c r="F4250">
        <v>53692.334329999998</v>
      </c>
      <c r="G4250">
        <v>32865.210930000001</v>
      </c>
      <c r="H4250">
        <v>35084.485119999998</v>
      </c>
      <c r="I4250">
        <v>23553.64775</v>
      </c>
      <c r="J4250">
        <v>35100.797500000001</v>
      </c>
      <c r="K4250">
        <v>52008.461340000002</v>
      </c>
      <c r="L4250">
        <v>19480.64818</v>
      </c>
      <c r="M4250">
        <v>301600.90500000003</v>
      </c>
      <c r="N4250">
        <v>73497.695200000002</v>
      </c>
      <c r="O4250">
        <v>18766.16849</v>
      </c>
      <c r="P4250">
        <v>29084.389009999999</v>
      </c>
      <c r="Q4250">
        <v>84981.738249999995</v>
      </c>
      <c r="R4250">
        <v>16035.020860000001</v>
      </c>
      <c r="S4250">
        <v>74312.417090000003</v>
      </c>
      <c r="T4250">
        <v>18624.855769999998</v>
      </c>
      <c r="U4250">
        <v>15087.07321</v>
      </c>
      <c r="W4250" s="83">
        <f>Bühler!N4282</f>
        <v>45468.999999989697</v>
      </c>
      <c r="X4250" s="83">
        <v>43278</v>
      </c>
      <c r="Y4250">
        <v>241772.3713</v>
      </c>
      <c r="Z4250">
        <v>13603.1875</v>
      </c>
      <c r="AA4250">
        <v>53692.334329999998</v>
      </c>
      <c r="AB4250">
        <v>32865.210930000001</v>
      </c>
      <c r="AC4250">
        <v>35084.485119999998</v>
      </c>
      <c r="AD4250">
        <v>23553.64775</v>
      </c>
      <c r="AE4250">
        <v>35100.797500000001</v>
      </c>
      <c r="AF4250">
        <v>52008.461340000002</v>
      </c>
      <c r="AG4250">
        <v>19480.64818</v>
      </c>
      <c r="AH4250">
        <v>301600.90500000003</v>
      </c>
      <c r="AI4250">
        <v>73497.695200000002</v>
      </c>
      <c r="AJ4250">
        <v>18766.16849</v>
      </c>
      <c r="AK4250">
        <v>29084.389009999999</v>
      </c>
      <c r="AL4250">
        <v>84981.738249999995</v>
      </c>
      <c r="AM4250">
        <v>16035.020860000001</v>
      </c>
      <c r="AN4250">
        <v>74312.417090000003</v>
      </c>
      <c r="AO4250">
        <v>18624.855769999998</v>
      </c>
      <c r="AP4250">
        <v>15087.07321</v>
      </c>
    </row>
    <row r="4251" spans="2:42" x14ac:dyDescent="0.3">
      <c r="B4251">
        <v>58.721875603314025</v>
      </c>
      <c r="C4251" s="83">
        <v>43278.041666666664</v>
      </c>
      <c r="D4251">
        <v>239480.9105</v>
      </c>
      <c r="E4251">
        <v>13275.23288</v>
      </c>
      <c r="F4251">
        <v>52901.120750000002</v>
      </c>
      <c r="G4251">
        <v>32156.427629999998</v>
      </c>
      <c r="H4251">
        <v>34523.581559999999</v>
      </c>
      <c r="I4251">
        <v>19583.206200000001</v>
      </c>
      <c r="J4251">
        <v>33545.588430000003</v>
      </c>
      <c r="K4251">
        <v>50904.982989999997</v>
      </c>
      <c r="L4251">
        <v>17984.590990000001</v>
      </c>
      <c r="M4251">
        <v>299391.50630000001</v>
      </c>
      <c r="N4251">
        <v>72431.739180000004</v>
      </c>
      <c r="O4251">
        <v>18856.648239999999</v>
      </c>
      <c r="P4251">
        <v>27795.410970000001</v>
      </c>
      <c r="Q4251">
        <v>85232.579240000006</v>
      </c>
      <c r="R4251">
        <v>14526.064469999999</v>
      </c>
      <c r="S4251">
        <v>73183.408039999995</v>
      </c>
      <c r="T4251">
        <v>17966.56134</v>
      </c>
      <c r="U4251">
        <v>14641.106830000001</v>
      </c>
      <c r="W4251" s="83">
        <f>Bühler!N4283</f>
        <v>45469.041666656361</v>
      </c>
      <c r="X4251" s="83">
        <v>43278.041666666664</v>
      </c>
      <c r="Y4251">
        <v>239480.9105</v>
      </c>
      <c r="Z4251">
        <v>13275.23288</v>
      </c>
      <c r="AA4251">
        <v>52901.120750000002</v>
      </c>
      <c r="AB4251">
        <v>32156.427629999998</v>
      </c>
      <c r="AC4251">
        <v>34523.581559999999</v>
      </c>
      <c r="AD4251">
        <v>19583.206200000001</v>
      </c>
      <c r="AE4251">
        <v>33545.588430000003</v>
      </c>
      <c r="AF4251">
        <v>50904.982989999997</v>
      </c>
      <c r="AG4251">
        <v>17984.590990000001</v>
      </c>
      <c r="AH4251">
        <v>299391.50630000001</v>
      </c>
      <c r="AI4251">
        <v>72431.739180000004</v>
      </c>
      <c r="AJ4251">
        <v>18856.648239999999</v>
      </c>
      <c r="AK4251">
        <v>27795.410970000001</v>
      </c>
      <c r="AL4251">
        <v>85232.579240000006</v>
      </c>
      <c r="AM4251">
        <v>14526.064469999999</v>
      </c>
      <c r="AN4251">
        <v>73183.408039999995</v>
      </c>
      <c r="AO4251">
        <v>17966.56134</v>
      </c>
      <c r="AP4251">
        <v>14641.106830000001</v>
      </c>
    </row>
    <row r="4252" spans="2:42" x14ac:dyDescent="0.3">
      <c r="B4252">
        <v>58.660571815265456</v>
      </c>
      <c r="C4252" s="83">
        <v>43278.083333333336</v>
      </c>
      <c r="D4252">
        <v>239780.4743</v>
      </c>
      <c r="E4252">
        <v>13114.116819999999</v>
      </c>
      <c r="F4252">
        <v>53315.884700000002</v>
      </c>
      <c r="G4252">
        <v>31535.075359999999</v>
      </c>
      <c r="H4252">
        <v>34277.48156</v>
      </c>
      <c r="I4252">
        <v>17651.398639999999</v>
      </c>
      <c r="J4252">
        <v>33207.690289999999</v>
      </c>
      <c r="K4252">
        <v>48493.160450000003</v>
      </c>
      <c r="L4252">
        <v>17108.95609</v>
      </c>
      <c r="M4252">
        <v>299078.951</v>
      </c>
      <c r="N4252">
        <v>70758.559479999996</v>
      </c>
      <c r="O4252">
        <v>17976.858029999999</v>
      </c>
      <c r="P4252">
        <v>25594.800589999999</v>
      </c>
      <c r="Q4252">
        <v>87368.378070000006</v>
      </c>
      <c r="R4252">
        <v>14481.60895</v>
      </c>
      <c r="S4252">
        <v>72279.71991</v>
      </c>
      <c r="T4252">
        <v>17497.931809999998</v>
      </c>
      <c r="U4252">
        <v>14448.82958</v>
      </c>
      <c r="W4252" s="83">
        <f>Bühler!N4284</f>
        <v>45469.083333323026</v>
      </c>
      <c r="X4252" s="83">
        <v>43278.083333333336</v>
      </c>
      <c r="Y4252">
        <v>239780.4743</v>
      </c>
      <c r="Z4252">
        <v>13114.116819999999</v>
      </c>
      <c r="AA4252">
        <v>53315.884700000002</v>
      </c>
      <c r="AB4252">
        <v>31535.075359999999</v>
      </c>
      <c r="AC4252">
        <v>34277.48156</v>
      </c>
      <c r="AD4252">
        <v>17651.398639999999</v>
      </c>
      <c r="AE4252">
        <v>33207.690289999999</v>
      </c>
      <c r="AF4252">
        <v>48493.160450000003</v>
      </c>
      <c r="AG4252">
        <v>17108.95609</v>
      </c>
      <c r="AH4252">
        <v>299078.951</v>
      </c>
      <c r="AI4252">
        <v>70758.559479999996</v>
      </c>
      <c r="AJ4252">
        <v>17976.858029999999</v>
      </c>
      <c r="AK4252">
        <v>25594.800589999999</v>
      </c>
      <c r="AL4252">
        <v>87368.378070000006</v>
      </c>
      <c r="AM4252">
        <v>14481.60895</v>
      </c>
      <c r="AN4252">
        <v>72279.71991</v>
      </c>
      <c r="AO4252">
        <v>17497.931809999998</v>
      </c>
      <c r="AP4252">
        <v>14448.82958</v>
      </c>
    </row>
    <row r="4253" spans="2:42" x14ac:dyDescent="0.3">
      <c r="B4253">
        <v>58.677417194687344</v>
      </c>
      <c r="C4253" s="83">
        <v>43278.125</v>
      </c>
      <c r="D4253">
        <v>240593.1874</v>
      </c>
      <c r="E4253">
        <v>13036.468080000001</v>
      </c>
      <c r="F4253">
        <v>54721.201730000001</v>
      </c>
      <c r="G4253">
        <v>30733.758620000001</v>
      </c>
      <c r="H4253">
        <v>33890.469499999999</v>
      </c>
      <c r="I4253">
        <v>16898.352309999998</v>
      </c>
      <c r="J4253">
        <v>33040.524850000002</v>
      </c>
      <c r="K4253">
        <v>47466.387179999998</v>
      </c>
      <c r="L4253">
        <v>17009.0461</v>
      </c>
      <c r="M4253">
        <v>299164.83659999998</v>
      </c>
      <c r="N4253">
        <v>71275.514079999994</v>
      </c>
      <c r="O4253">
        <v>17168.92699</v>
      </c>
      <c r="P4253">
        <v>24326.877140000001</v>
      </c>
      <c r="Q4253">
        <v>90602.739780000004</v>
      </c>
      <c r="R4253">
        <v>14726.989600000001</v>
      </c>
      <c r="S4253">
        <v>71619.295540000006</v>
      </c>
      <c r="T4253">
        <v>17100.353620000002</v>
      </c>
      <c r="U4253">
        <v>14634.55803</v>
      </c>
      <c r="W4253" s="83">
        <f>Bühler!N4285</f>
        <v>45469.12499998969</v>
      </c>
      <c r="X4253" s="83">
        <v>43278.125</v>
      </c>
      <c r="Y4253">
        <v>240593.1874</v>
      </c>
      <c r="Z4253">
        <v>13036.468080000001</v>
      </c>
      <c r="AA4253">
        <v>54721.201730000001</v>
      </c>
      <c r="AB4253">
        <v>30733.758620000001</v>
      </c>
      <c r="AC4253">
        <v>33890.469499999999</v>
      </c>
      <c r="AD4253">
        <v>16898.352309999998</v>
      </c>
      <c r="AE4253">
        <v>33040.524850000002</v>
      </c>
      <c r="AF4253">
        <v>47466.387179999998</v>
      </c>
      <c r="AG4253">
        <v>17009.0461</v>
      </c>
      <c r="AH4253">
        <v>299164.83659999998</v>
      </c>
      <c r="AI4253">
        <v>71275.514079999994</v>
      </c>
      <c r="AJ4253">
        <v>17168.92699</v>
      </c>
      <c r="AK4253">
        <v>24326.877140000001</v>
      </c>
      <c r="AL4253">
        <v>90602.739780000004</v>
      </c>
      <c r="AM4253">
        <v>14726.989600000001</v>
      </c>
      <c r="AN4253">
        <v>71619.295540000006</v>
      </c>
      <c r="AO4253">
        <v>17100.353620000002</v>
      </c>
      <c r="AP4253">
        <v>14634.55803</v>
      </c>
    </row>
    <row r="4254" spans="2:42" x14ac:dyDescent="0.3">
      <c r="B4254">
        <v>59.140324163510201</v>
      </c>
      <c r="C4254" s="83">
        <v>43278.166666666664</v>
      </c>
      <c r="D4254">
        <v>242541.42499999999</v>
      </c>
      <c r="E4254">
        <v>13502.585940000001</v>
      </c>
      <c r="F4254">
        <v>57814.657789999997</v>
      </c>
      <c r="G4254">
        <v>30287.506710000001</v>
      </c>
      <c r="H4254">
        <v>34136.37831</v>
      </c>
      <c r="I4254">
        <v>18157.115450000001</v>
      </c>
      <c r="J4254">
        <v>35265.892509999998</v>
      </c>
      <c r="K4254">
        <v>47414.42452</v>
      </c>
      <c r="L4254">
        <v>16151.23199</v>
      </c>
      <c r="M4254">
        <v>301524.9522</v>
      </c>
      <c r="N4254">
        <v>70332.789109999998</v>
      </c>
      <c r="O4254">
        <v>18510.910080000001</v>
      </c>
      <c r="P4254">
        <v>24074.11435</v>
      </c>
      <c r="Q4254">
        <v>93637.661200000002</v>
      </c>
      <c r="R4254">
        <v>14043.45103</v>
      </c>
      <c r="S4254">
        <v>71282.184219999996</v>
      </c>
      <c r="T4254">
        <v>17083.291130000001</v>
      </c>
      <c r="U4254">
        <v>14671.161539999999</v>
      </c>
      <c r="W4254" s="83">
        <f>Bühler!N4286</f>
        <v>45469.166666656354</v>
      </c>
      <c r="X4254" s="83">
        <v>43278.166666666664</v>
      </c>
      <c r="Y4254">
        <v>242541.42499999999</v>
      </c>
      <c r="Z4254">
        <v>13502.585940000001</v>
      </c>
      <c r="AA4254">
        <v>57814.657789999997</v>
      </c>
      <c r="AB4254">
        <v>30287.506710000001</v>
      </c>
      <c r="AC4254">
        <v>34136.37831</v>
      </c>
      <c r="AD4254">
        <v>18157.115450000001</v>
      </c>
      <c r="AE4254">
        <v>35265.892509999998</v>
      </c>
      <c r="AF4254">
        <v>47414.42452</v>
      </c>
      <c r="AG4254">
        <v>16151.23199</v>
      </c>
      <c r="AH4254">
        <v>301524.9522</v>
      </c>
      <c r="AI4254">
        <v>70332.789109999998</v>
      </c>
      <c r="AJ4254">
        <v>18510.910080000001</v>
      </c>
      <c r="AK4254">
        <v>24074.11435</v>
      </c>
      <c r="AL4254">
        <v>93637.661200000002</v>
      </c>
      <c r="AM4254">
        <v>14043.45103</v>
      </c>
      <c r="AN4254">
        <v>71282.184219999996</v>
      </c>
      <c r="AO4254">
        <v>17083.291130000001</v>
      </c>
      <c r="AP4254">
        <v>14671.161539999999</v>
      </c>
    </row>
    <row r="4255" spans="2:42" x14ac:dyDescent="0.3">
      <c r="B4255">
        <v>61.736894369546349</v>
      </c>
      <c r="C4255" s="83">
        <v>43278.208333333336</v>
      </c>
      <c r="D4255">
        <v>254925.77040000001</v>
      </c>
      <c r="E4255">
        <v>15034.224689999999</v>
      </c>
      <c r="F4255">
        <v>66857.27089</v>
      </c>
      <c r="G4255">
        <v>31313.728709999999</v>
      </c>
      <c r="H4255">
        <v>35518.113530000002</v>
      </c>
      <c r="I4255">
        <v>24777.386930000001</v>
      </c>
      <c r="J4255">
        <v>37913.878239999998</v>
      </c>
      <c r="K4255">
        <v>48077.240429999998</v>
      </c>
      <c r="L4255">
        <v>16913.426090000001</v>
      </c>
      <c r="M4255">
        <v>314763.478</v>
      </c>
      <c r="N4255">
        <v>71022.277480000004</v>
      </c>
      <c r="O4255">
        <v>18674.81637</v>
      </c>
      <c r="P4255">
        <v>25284.56194</v>
      </c>
      <c r="Q4255">
        <v>96178.418839999998</v>
      </c>
      <c r="R4255">
        <v>16823.89748</v>
      </c>
      <c r="S4255">
        <v>73547.268219999998</v>
      </c>
      <c r="T4255">
        <v>18366.71919</v>
      </c>
      <c r="U4255">
        <v>16049.13638</v>
      </c>
      <c r="W4255" s="83">
        <f>Bühler!N4287</f>
        <v>45469.208333323018</v>
      </c>
      <c r="X4255" s="83">
        <v>43278.208333333336</v>
      </c>
      <c r="Y4255">
        <v>254925.77040000001</v>
      </c>
      <c r="Z4255">
        <v>15034.224689999999</v>
      </c>
      <c r="AA4255">
        <v>66857.27089</v>
      </c>
      <c r="AB4255">
        <v>31313.728709999999</v>
      </c>
      <c r="AC4255">
        <v>35518.113530000002</v>
      </c>
      <c r="AD4255">
        <v>24777.386930000001</v>
      </c>
      <c r="AE4255">
        <v>37913.878239999998</v>
      </c>
      <c r="AF4255">
        <v>48077.240429999998</v>
      </c>
      <c r="AG4255">
        <v>16913.426090000001</v>
      </c>
      <c r="AH4255">
        <v>314763.478</v>
      </c>
      <c r="AI4255">
        <v>71022.277480000004</v>
      </c>
      <c r="AJ4255">
        <v>18674.81637</v>
      </c>
      <c r="AK4255">
        <v>25284.56194</v>
      </c>
      <c r="AL4255">
        <v>96178.418839999998</v>
      </c>
      <c r="AM4255">
        <v>16823.89748</v>
      </c>
      <c r="AN4255">
        <v>73547.268219999998</v>
      </c>
      <c r="AO4255">
        <v>18366.71919</v>
      </c>
      <c r="AP4255">
        <v>16049.13638</v>
      </c>
    </row>
    <row r="4256" spans="2:42" x14ac:dyDescent="0.3">
      <c r="B4256">
        <v>64.153228924630341</v>
      </c>
      <c r="C4256" s="83">
        <v>43278.25</v>
      </c>
      <c r="D4256">
        <v>267927.8002</v>
      </c>
      <c r="E4256">
        <v>18784.035329999999</v>
      </c>
      <c r="F4256">
        <v>77143.738989999998</v>
      </c>
      <c r="G4256">
        <v>38612.444060000002</v>
      </c>
      <c r="H4256">
        <v>37077.266300000003</v>
      </c>
      <c r="I4256">
        <v>30307.844990000001</v>
      </c>
      <c r="J4256">
        <v>39631.213340000002</v>
      </c>
      <c r="K4256">
        <v>48516.522230000002</v>
      </c>
      <c r="L4256">
        <v>17820.41822</v>
      </c>
      <c r="M4256">
        <v>327083.0784</v>
      </c>
      <c r="N4256">
        <v>74101.897330000007</v>
      </c>
      <c r="O4256">
        <v>19747.19743</v>
      </c>
      <c r="P4256">
        <v>26507.168969999999</v>
      </c>
      <c r="Q4256">
        <v>96311.541329999993</v>
      </c>
      <c r="R4256">
        <v>15691.49951</v>
      </c>
      <c r="S4256">
        <v>79929.957869999998</v>
      </c>
      <c r="T4256">
        <v>20473.209770000001</v>
      </c>
      <c r="U4256">
        <v>18696.935119999998</v>
      </c>
      <c r="W4256" s="83">
        <f>Bühler!N4288</f>
        <v>45469.249999989683</v>
      </c>
      <c r="X4256" s="83">
        <v>43278.25</v>
      </c>
      <c r="Y4256">
        <v>267927.8002</v>
      </c>
      <c r="Z4256">
        <v>18784.035329999999</v>
      </c>
      <c r="AA4256">
        <v>77143.738989999998</v>
      </c>
      <c r="AB4256">
        <v>38612.444060000002</v>
      </c>
      <c r="AC4256">
        <v>37077.266300000003</v>
      </c>
      <c r="AD4256">
        <v>30307.844990000001</v>
      </c>
      <c r="AE4256">
        <v>39631.213340000002</v>
      </c>
      <c r="AF4256">
        <v>48516.522230000002</v>
      </c>
      <c r="AG4256">
        <v>17820.41822</v>
      </c>
      <c r="AH4256">
        <v>327083.0784</v>
      </c>
      <c r="AI4256">
        <v>74101.897330000007</v>
      </c>
      <c r="AJ4256">
        <v>19747.19743</v>
      </c>
      <c r="AK4256">
        <v>26507.168969999999</v>
      </c>
      <c r="AL4256">
        <v>96311.541329999993</v>
      </c>
      <c r="AM4256">
        <v>15691.49951</v>
      </c>
      <c r="AN4256">
        <v>79929.957869999998</v>
      </c>
      <c r="AO4256">
        <v>20473.209770000001</v>
      </c>
      <c r="AP4256">
        <v>18696.935119999998</v>
      </c>
    </row>
    <row r="4257" spans="2:42" x14ac:dyDescent="0.3">
      <c r="B4257">
        <v>66.60469831987713</v>
      </c>
      <c r="C4257" s="83">
        <v>43278.291666666664</v>
      </c>
      <c r="D4257">
        <v>281571.34580000001</v>
      </c>
      <c r="E4257">
        <v>23483.61275</v>
      </c>
      <c r="F4257">
        <v>80869.601089999996</v>
      </c>
      <c r="G4257">
        <v>46739.757420000002</v>
      </c>
      <c r="H4257">
        <v>41873.683709999998</v>
      </c>
      <c r="I4257">
        <v>37281.31482</v>
      </c>
      <c r="J4257">
        <v>41727.541469999996</v>
      </c>
      <c r="K4257">
        <v>53382.089030000003</v>
      </c>
      <c r="L4257">
        <v>20991.192510000001</v>
      </c>
      <c r="M4257">
        <v>339581.8126</v>
      </c>
      <c r="N4257">
        <v>79315.509829999995</v>
      </c>
      <c r="O4257">
        <v>21221.021860000001</v>
      </c>
      <c r="P4257">
        <v>30322.87427</v>
      </c>
      <c r="Q4257">
        <v>97038.022819999998</v>
      </c>
      <c r="R4257">
        <v>16893.99381</v>
      </c>
      <c r="S4257">
        <v>93962.53946</v>
      </c>
      <c r="T4257">
        <v>24199.37487</v>
      </c>
      <c r="U4257">
        <v>22413.061160000001</v>
      </c>
      <c r="W4257" s="83">
        <f>Bühler!N4289</f>
        <v>45469.291666656347</v>
      </c>
      <c r="X4257" s="83">
        <v>43278.291666666664</v>
      </c>
      <c r="Y4257">
        <v>281571.34580000001</v>
      </c>
      <c r="Z4257">
        <v>23483.61275</v>
      </c>
      <c r="AA4257">
        <v>80869.601089999996</v>
      </c>
      <c r="AB4257">
        <v>46739.757420000002</v>
      </c>
      <c r="AC4257">
        <v>41873.683709999998</v>
      </c>
      <c r="AD4257">
        <v>37281.31482</v>
      </c>
      <c r="AE4257">
        <v>41727.541469999996</v>
      </c>
      <c r="AF4257">
        <v>53382.089030000003</v>
      </c>
      <c r="AG4257">
        <v>20991.192510000001</v>
      </c>
      <c r="AH4257">
        <v>339581.8126</v>
      </c>
      <c r="AI4257">
        <v>79315.509829999995</v>
      </c>
      <c r="AJ4257">
        <v>21221.021860000001</v>
      </c>
      <c r="AK4257">
        <v>30322.87427</v>
      </c>
      <c r="AL4257">
        <v>97038.022819999998</v>
      </c>
      <c r="AM4257">
        <v>16893.99381</v>
      </c>
      <c r="AN4257">
        <v>93962.53946</v>
      </c>
      <c r="AO4257">
        <v>24199.37487</v>
      </c>
      <c r="AP4257">
        <v>22413.061160000001</v>
      </c>
    </row>
    <row r="4258" spans="2:42" x14ac:dyDescent="0.3">
      <c r="B4258">
        <v>67.91153734814938</v>
      </c>
      <c r="C4258" s="83">
        <v>43278.333333333336</v>
      </c>
      <c r="D4258">
        <v>291762.44679999998</v>
      </c>
      <c r="E4258">
        <v>29523.555700000001</v>
      </c>
      <c r="F4258">
        <v>89247.799239999993</v>
      </c>
      <c r="G4258">
        <v>54477.610260000001</v>
      </c>
      <c r="H4258">
        <v>46884.720880000001</v>
      </c>
      <c r="I4258">
        <v>40732.986440000001</v>
      </c>
      <c r="J4258">
        <v>44837.917090000003</v>
      </c>
      <c r="K4258">
        <v>59605.46329</v>
      </c>
      <c r="L4258">
        <v>24260.01037</v>
      </c>
      <c r="M4258">
        <v>346244.6874</v>
      </c>
      <c r="N4258">
        <v>84982.591939999998</v>
      </c>
      <c r="O4258">
        <v>24884.301380000001</v>
      </c>
      <c r="P4258">
        <v>32980.908439999999</v>
      </c>
      <c r="Q4258">
        <v>99063.902759999997</v>
      </c>
      <c r="R4258">
        <v>19547.37314</v>
      </c>
      <c r="S4258">
        <v>106604.136</v>
      </c>
      <c r="T4258">
        <v>26896.576229999999</v>
      </c>
      <c r="U4258">
        <v>26125.23962</v>
      </c>
      <c r="W4258" s="83">
        <f>Bühler!N4290</f>
        <v>45469.333333323011</v>
      </c>
      <c r="X4258" s="83">
        <v>43278.333333333336</v>
      </c>
      <c r="Y4258">
        <v>291762.44679999998</v>
      </c>
      <c r="Z4258">
        <v>29523.555700000001</v>
      </c>
      <c r="AA4258">
        <v>89247.799239999993</v>
      </c>
      <c r="AB4258">
        <v>54477.610260000001</v>
      </c>
      <c r="AC4258">
        <v>46884.720880000001</v>
      </c>
      <c r="AD4258">
        <v>40732.986440000001</v>
      </c>
      <c r="AE4258">
        <v>44837.917090000003</v>
      </c>
      <c r="AF4258">
        <v>59605.46329</v>
      </c>
      <c r="AG4258">
        <v>24260.01037</v>
      </c>
      <c r="AH4258">
        <v>346244.6874</v>
      </c>
      <c r="AI4258">
        <v>84982.591939999998</v>
      </c>
      <c r="AJ4258">
        <v>24884.301380000001</v>
      </c>
      <c r="AK4258">
        <v>32980.908439999999</v>
      </c>
      <c r="AL4258">
        <v>99063.902759999997</v>
      </c>
      <c r="AM4258">
        <v>19547.37314</v>
      </c>
      <c r="AN4258">
        <v>106604.136</v>
      </c>
      <c r="AO4258">
        <v>26896.576229999999</v>
      </c>
      <c r="AP4258">
        <v>26125.23962</v>
      </c>
    </row>
    <row r="4259" spans="2:42" x14ac:dyDescent="0.3">
      <c r="B4259">
        <v>68.482725996789739</v>
      </c>
      <c r="C4259" s="83">
        <v>43278.375</v>
      </c>
      <c r="D4259">
        <v>294992.27110000001</v>
      </c>
      <c r="E4259">
        <v>33962.182540000002</v>
      </c>
      <c r="F4259">
        <v>97043.822220000002</v>
      </c>
      <c r="G4259">
        <v>60772.819009999999</v>
      </c>
      <c r="H4259">
        <v>49710.768029999999</v>
      </c>
      <c r="I4259">
        <v>39988.299019999999</v>
      </c>
      <c r="J4259">
        <v>45589.38291</v>
      </c>
      <c r="K4259">
        <v>63624.316749999998</v>
      </c>
      <c r="L4259">
        <v>27857.522649999999</v>
      </c>
      <c r="M4259">
        <v>349156.87349999999</v>
      </c>
      <c r="N4259">
        <v>87417.925600000002</v>
      </c>
      <c r="O4259">
        <v>25262.11058</v>
      </c>
      <c r="P4259">
        <v>35431.186999999998</v>
      </c>
      <c r="Q4259">
        <v>101374.99950000001</v>
      </c>
      <c r="R4259">
        <v>21929.30183</v>
      </c>
      <c r="S4259">
        <v>114264.76549999999</v>
      </c>
      <c r="T4259">
        <v>29727.245169999998</v>
      </c>
      <c r="U4259">
        <v>26690.71154</v>
      </c>
      <c r="W4259" s="83">
        <f>Bühler!N4291</f>
        <v>45469.374999989675</v>
      </c>
      <c r="X4259" s="83">
        <v>43278.375</v>
      </c>
      <c r="Y4259">
        <v>294992.27110000001</v>
      </c>
      <c r="Z4259">
        <v>33962.182540000002</v>
      </c>
      <c r="AA4259">
        <v>97043.822220000002</v>
      </c>
      <c r="AB4259">
        <v>60772.819009999999</v>
      </c>
      <c r="AC4259">
        <v>49710.768029999999</v>
      </c>
      <c r="AD4259">
        <v>39988.299019999999</v>
      </c>
      <c r="AE4259">
        <v>45589.38291</v>
      </c>
      <c r="AF4259">
        <v>63624.316749999998</v>
      </c>
      <c r="AG4259">
        <v>27857.522649999999</v>
      </c>
      <c r="AH4259">
        <v>349156.87349999999</v>
      </c>
      <c r="AI4259">
        <v>87417.925600000002</v>
      </c>
      <c r="AJ4259">
        <v>25262.11058</v>
      </c>
      <c r="AK4259">
        <v>35431.186999999998</v>
      </c>
      <c r="AL4259">
        <v>101374.99950000001</v>
      </c>
      <c r="AM4259">
        <v>21929.30183</v>
      </c>
      <c r="AN4259">
        <v>114264.76549999999</v>
      </c>
      <c r="AO4259">
        <v>29727.245169999998</v>
      </c>
      <c r="AP4259">
        <v>26690.71154</v>
      </c>
    </row>
    <row r="4260" spans="2:42" x14ac:dyDescent="0.3">
      <c r="B4260">
        <v>69.258944399455913</v>
      </c>
      <c r="C4260" s="83">
        <v>43278.416666666664</v>
      </c>
      <c r="D4260">
        <v>299111.163</v>
      </c>
      <c r="E4260">
        <v>36109.577019999997</v>
      </c>
      <c r="F4260">
        <v>98989.286600000007</v>
      </c>
      <c r="G4260">
        <v>61959.09302</v>
      </c>
      <c r="H4260">
        <v>50846.525739999997</v>
      </c>
      <c r="I4260">
        <v>38538.622060000002</v>
      </c>
      <c r="J4260">
        <v>46249.457049999997</v>
      </c>
      <c r="K4260">
        <v>64997.70145</v>
      </c>
      <c r="L4260">
        <v>32190.748189999998</v>
      </c>
      <c r="M4260">
        <v>353114.39689999999</v>
      </c>
      <c r="N4260">
        <v>88909.312090000007</v>
      </c>
      <c r="O4260">
        <v>25825.059369999999</v>
      </c>
      <c r="P4260">
        <v>37136.335550000003</v>
      </c>
      <c r="Q4260">
        <v>104163.71859999999</v>
      </c>
      <c r="R4260">
        <v>22567.825099999998</v>
      </c>
      <c r="S4260">
        <v>116943.84299999999</v>
      </c>
      <c r="T4260">
        <v>31210.76511</v>
      </c>
      <c r="U4260">
        <v>26379.267810000001</v>
      </c>
      <c r="W4260" s="83">
        <f>Bühler!N4292</f>
        <v>45469.41666665634</v>
      </c>
      <c r="X4260" s="83">
        <v>43278.416666666664</v>
      </c>
      <c r="Y4260">
        <v>299111.163</v>
      </c>
      <c r="Z4260">
        <v>36109.577019999997</v>
      </c>
      <c r="AA4260">
        <v>98989.286600000007</v>
      </c>
      <c r="AB4260">
        <v>61959.09302</v>
      </c>
      <c r="AC4260">
        <v>50846.525739999997</v>
      </c>
      <c r="AD4260">
        <v>38538.622060000002</v>
      </c>
      <c r="AE4260">
        <v>46249.457049999997</v>
      </c>
      <c r="AF4260">
        <v>64997.70145</v>
      </c>
      <c r="AG4260">
        <v>32190.748189999998</v>
      </c>
      <c r="AH4260">
        <v>353114.39689999999</v>
      </c>
      <c r="AI4260">
        <v>88909.312090000007</v>
      </c>
      <c r="AJ4260">
        <v>25825.059369999999</v>
      </c>
      <c r="AK4260">
        <v>37136.335550000003</v>
      </c>
      <c r="AL4260">
        <v>104163.71859999999</v>
      </c>
      <c r="AM4260">
        <v>22567.825099999998</v>
      </c>
      <c r="AN4260">
        <v>116943.84299999999</v>
      </c>
      <c r="AO4260">
        <v>31210.76511</v>
      </c>
      <c r="AP4260">
        <v>26379.267810000001</v>
      </c>
    </row>
    <row r="4261" spans="2:42" x14ac:dyDescent="0.3">
      <c r="B4261">
        <v>69.588631385161349</v>
      </c>
      <c r="C4261" s="83">
        <v>43278.458333333336</v>
      </c>
      <c r="D4261">
        <v>298949.4252</v>
      </c>
      <c r="E4261">
        <v>36536.870970000004</v>
      </c>
      <c r="F4261">
        <v>101138.5429</v>
      </c>
      <c r="G4261">
        <v>60685.733610000003</v>
      </c>
      <c r="H4261">
        <v>51391.546589999998</v>
      </c>
      <c r="I4261">
        <v>38618.037479999999</v>
      </c>
      <c r="J4261">
        <v>46927.989320000001</v>
      </c>
      <c r="K4261">
        <v>65601.242920000004</v>
      </c>
      <c r="L4261">
        <v>34222.811860000002</v>
      </c>
      <c r="M4261">
        <v>354795.29489999998</v>
      </c>
      <c r="N4261">
        <v>92337.172649999993</v>
      </c>
      <c r="O4261">
        <v>26447.406609999998</v>
      </c>
      <c r="P4261">
        <v>36809.77519</v>
      </c>
      <c r="Q4261">
        <v>104974.5799</v>
      </c>
      <c r="R4261">
        <v>24551.840759999999</v>
      </c>
      <c r="S4261">
        <v>120264.67170000001</v>
      </c>
      <c r="T4261">
        <v>31338.742269999999</v>
      </c>
      <c r="U4261">
        <v>25841.51094</v>
      </c>
      <c r="W4261" s="83">
        <f>Bühler!N4293</f>
        <v>45469.458333323004</v>
      </c>
      <c r="X4261" s="83">
        <v>43278.458333333336</v>
      </c>
      <c r="Y4261">
        <v>298949.4252</v>
      </c>
      <c r="Z4261">
        <v>36536.870970000004</v>
      </c>
      <c r="AA4261">
        <v>101138.5429</v>
      </c>
      <c r="AB4261">
        <v>60685.733610000003</v>
      </c>
      <c r="AC4261">
        <v>51391.546589999998</v>
      </c>
      <c r="AD4261">
        <v>38618.037479999999</v>
      </c>
      <c r="AE4261">
        <v>46927.989320000001</v>
      </c>
      <c r="AF4261">
        <v>65601.242920000004</v>
      </c>
      <c r="AG4261">
        <v>34222.811860000002</v>
      </c>
      <c r="AH4261">
        <v>354795.29489999998</v>
      </c>
      <c r="AI4261">
        <v>92337.172649999993</v>
      </c>
      <c r="AJ4261">
        <v>26447.406609999998</v>
      </c>
      <c r="AK4261">
        <v>36809.77519</v>
      </c>
      <c r="AL4261">
        <v>104974.5799</v>
      </c>
      <c r="AM4261">
        <v>24551.840759999999</v>
      </c>
      <c r="AN4261">
        <v>120264.67170000001</v>
      </c>
      <c r="AO4261">
        <v>31338.742269999999</v>
      </c>
      <c r="AP4261">
        <v>25841.51094</v>
      </c>
    </row>
    <row r="4262" spans="2:42" x14ac:dyDescent="0.3">
      <c r="B4262">
        <v>68.913653525313407</v>
      </c>
      <c r="C4262" s="83">
        <v>43278.5</v>
      </c>
      <c r="D4262">
        <v>290760.39309999999</v>
      </c>
      <c r="E4262">
        <v>34041.434220000003</v>
      </c>
      <c r="F4262">
        <v>96571.784870000003</v>
      </c>
      <c r="G4262">
        <v>59723.593860000001</v>
      </c>
      <c r="H4262">
        <v>49427.664879999997</v>
      </c>
      <c r="I4262">
        <v>37847.013440000002</v>
      </c>
      <c r="J4262">
        <v>46996.358390000001</v>
      </c>
      <c r="K4262">
        <v>62785.789069999999</v>
      </c>
      <c r="L4262">
        <v>36492.659209999998</v>
      </c>
      <c r="M4262">
        <v>351353.94300000003</v>
      </c>
      <c r="N4262">
        <v>90197.964930000002</v>
      </c>
      <c r="O4262">
        <v>25305.422869999999</v>
      </c>
      <c r="P4262">
        <v>37567.992839999999</v>
      </c>
      <c r="Q4262">
        <v>104845.8496</v>
      </c>
      <c r="R4262">
        <v>24632.304609999999</v>
      </c>
      <c r="S4262">
        <v>115422.16559999999</v>
      </c>
      <c r="T4262">
        <v>31053.329280000002</v>
      </c>
      <c r="U4262">
        <v>22858.437460000001</v>
      </c>
      <c r="W4262" s="83">
        <f>Bühler!N4294</f>
        <v>45469.499999989668</v>
      </c>
      <c r="X4262" s="83">
        <v>43278.5</v>
      </c>
      <c r="Y4262">
        <v>290760.39309999999</v>
      </c>
      <c r="Z4262">
        <v>34041.434220000003</v>
      </c>
      <c r="AA4262">
        <v>96571.784870000003</v>
      </c>
      <c r="AB4262">
        <v>59723.593860000001</v>
      </c>
      <c r="AC4262">
        <v>49427.664879999997</v>
      </c>
      <c r="AD4262">
        <v>37847.013440000002</v>
      </c>
      <c r="AE4262">
        <v>46996.358390000001</v>
      </c>
      <c r="AF4262">
        <v>62785.789069999999</v>
      </c>
      <c r="AG4262">
        <v>36492.659209999998</v>
      </c>
      <c r="AH4262">
        <v>351353.94300000003</v>
      </c>
      <c r="AI4262">
        <v>90197.964930000002</v>
      </c>
      <c r="AJ4262">
        <v>25305.422869999999</v>
      </c>
      <c r="AK4262">
        <v>37567.992839999999</v>
      </c>
      <c r="AL4262">
        <v>104845.8496</v>
      </c>
      <c r="AM4262">
        <v>24632.304609999999</v>
      </c>
      <c r="AN4262">
        <v>115422.16559999999</v>
      </c>
      <c r="AO4262">
        <v>31053.329280000002</v>
      </c>
      <c r="AP4262">
        <v>22858.437460000001</v>
      </c>
    </row>
    <row r="4263" spans="2:42" x14ac:dyDescent="0.3">
      <c r="B4263">
        <v>69.114254594616085</v>
      </c>
      <c r="C4263" s="83">
        <v>43278.541666666664</v>
      </c>
      <c r="D4263">
        <v>293598.76699999999</v>
      </c>
      <c r="E4263">
        <v>34717.916570000001</v>
      </c>
      <c r="F4263">
        <v>94344.799180000002</v>
      </c>
      <c r="G4263">
        <v>56168.250350000002</v>
      </c>
      <c r="H4263">
        <v>50349.141250000001</v>
      </c>
      <c r="I4263">
        <v>38248.887470000001</v>
      </c>
      <c r="J4263">
        <v>46478.122230000001</v>
      </c>
      <c r="K4263">
        <v>64453.704980000002</v>
      </c>
      <c r="L4263">
        <v>35147.7837</v>
      </c>
      <c r="M4263">
        <v>352376.70079999999</v>
      </c>
      <c r="N4263">
        <v>91561.283509999994</v>
      </c>
      <c r="O4263">
        <v>25702.315180000001</v>
      </c>
      <c r="P4263">
        <v>36342.049500000001</v>
      </c>
      <c r="Q4263">
        <v>104085.05650000001</v>
      </c>
      <c r="R4263">
        <v>23786.59533</v>
      </c>
      <c r="S4263">
        <v>115416.704</v>
      </c>
      <c r="T4263">
        <v>30607.652989999999</v>
      </c>
      <c r="U4263">
        <v>25699.07935</v>
      </c>
      <c r="W4263" s="83">
        <f>Bühler!N4295</f>
        <v>45469.541666656332</v>
      </c>
      <c r="X4263" s="83">
        <v>43278.541666666664</v>
      </c>
      <c r="Y4263">
        <v>293598.76699999999</v>
      </c>
      <c r="Z4263">
        <v>34717.916570000001</v>
      </c>
      <c r="AA4263">
        <v>94344.799180000002</v>
      </c>
      <c r="AB4263">
        <v>56168.250350000002</v>
      </c>
      <c r="AC4263">
        <v>50349.141250000001</v>
      </c>
      <c r="AD4263">
        <v>38248.887470000001</v>
      </c>
      <c r="AE4263">
        <v>46478.122230000001</v>
      </c>
      <c r="AF4263">
        <v>64453.704980000002</v>
      </c>
      <c r="AG4263">
        <v>35147.7837</v>
      </c>
      <c r="AH4263">
        <v>352376.70079999999</v>
      </c>
      <c r="AI4263">
        <v>91561.283509999994</v>
      </c>
      <c r="AJ4263">
        <v>25702.315180000001</v>
      </c>
      <c r="AK4263">
        <v>36342.049500000001</v>
      </c>
      <c r="AL4263">
        <v>104085.05650000001</v>
      </c>
      <c r="AM4263">
        <v>23786.59533</v>
      </c>
      <c r="AN4263">
        <v>115416.704</v>
      </c>
      <c r="AO4263">
        <v>30607.652989999999</v>
      </c>
      <c r="AP4263">
        <v>25699.07935</v>
      </c>
    </row>
    <row r="4264" spans="2:42" x14ac:dyDescent="0.3">
      <c r="B4264">
        <v>69.69595569865092</v>
      </c>
      <c r="C4264" s="83">
        <v>43278.583333333336</v>
      </c>
      <c r="D4264">
        <v>297147.32689999999</v>
      </c>
      <c r="E4264">
        <v>37199.781660000001</v>
      </c>
      <c r="F4264">
        <v>102820.9642</v>
      </c>
      <c r="G4264">
        <v>54972.160880000003</v>
      </c>
      <c r="H4264">
        <v>51416.624730000003</v>
      </c>
      <c r="I4264">
        <v>39221.005920000003</v>
      </c>
      <c r="J4264">
        <v>46437.37558</v>
      </c>
      <c r="K4264">
        <v>66100.695070000002</v>
      </c>
      <c r="L4264">
        <v>32913.032749999998</v>
      </c>
      <c r="M4264">
        <v>355342.48430000001</v>
      </c>
      <c r="N4264">
        <v>93240.167709999994</v>
      </c>
      <c r="O4264">
        <v>26340.947820000001</v>
      </c>
      <c r="P4264">
        <v>33750.767659999998</v>
      </c>
      <c r="Q4264">
        <v>103412.4454</v>
      </c>
      <c r="R4264">
        <v>23944.50432</v>
      </c>
      <c r="S4264">
        <v>112134.8432</v>
      </c>
      <c r="T4264">
        <v>30516.50115</v>
      </c>
      <c r="U4264">
        <v>25702.102279999999</v>
      </c>
      <c r="W4264" s="83">
        <f>Bühler!N4296</f>
        <v>45469.583333322997</v>
      </c>
      <c r="X4264" s="83">
        <v>43278.583333333336</v>
      </c>
      <c r="Y4264">
        <v>297147.32689999999</v>
      </c>
      <c r="Z4264">
        <v>37199.781660000001</v>
      </c>
      <c r="AA4264">
        <v>102820.9642</v>
      </c>
      <c r="AB4264">
        <v>54972.160880000003</v>
      </c>
      <c r="AC4264">
        <v>51416.624730000003</v>
      </c>
      <c r="AD4264">
        <v>39221.005920000003</v>
      </c>
      <c r="AE4264">
        <v>46437.37558</v>
      </c>
      <c r="AF4264">
        <v>66100.695070000002</v>
      </c>
      <c r="AG4264">
        <v>32913.032749999998</v>
      </c>
      <c r="AH4264">
        <v>355342.48430000001</v>
      </c>
      <c r="AI4264">
        <v>93240.167709999994</v>
      </c>
      <c r="AJ4264">
        <v>26340.947820000001</v>
      </c>
      <c r="AK4264">
        <v>33750.767659999998</v>
      </c>
      <c r="AL4264">
        <v>103412.4454</v>
      </c>
      <c r="AM4264">
        <v>23944.50432</v>
      </c>
      <c r="AN4264">
        <v>112134.8432</v>
      </c>
      <c r="AO4264">
        <v>30516.50115</v>
      </c>
      <c r="AP4264">
        <v>25702.102279999999</v>
      </c>
    </row>
    <row r="4265" spans="2:42" x14ac:dyDescent="0.3">
      <c r="B4265">
        <v>70.026507611121431</v>
      </c>
      <c r="C4265" s="83">
        <v>43278.625</v>
      </c>
      <c r="D4265">
        <v>296666.8358</v>
      </c>
      <c r="E4265">
        <v>37335.723919999997</v>
      </c>
      <c r="F4265">
        <v>104659.4817</v>
      </c>
      <c r="G4265">
        <v>52808.918189999997</v>
      </c>
      <c r="H4265">
        <v>50611.747130000003</v>
      </c>
      <c r="I4265">
        <v>39405.609900000003</v>
      </c>
      <c r="J4265">
        <v>46337.089449999999</v>
      </c>
      <c r="K4265">
        <v>64756.262280000003</v>
      </c>
      <c r="L4265">
        <v>29817.353050000002</v>
      </c>
      <c r="M4265">
        <v>357027.79210000002</v>
      </c>
      <c r="N4265">
        <v>90370.030199999994</v>
      </c>
      <c r="O4265">
        <v>26745.188040000001</v>
      </c>
      <c r="P4265">
        <v>31182.23603</v>
      </c>
      <c r="Q4265">
        <v>102161.69990000001</v>
      </c>
      <c r="R4265">
        <v>24282.925729999999</v>
      </c>
      <c r="S4265">
        <v>110614.03660000001</v>
      </c>
      <c r="T4265">
        <v>30353.00675</v>
      </c>
      <c r="U4265">
        <v>24959.993399999999</v>
      </c>
      <c r="W4265" s="83">
        <f>Bühler!N4297</f>
        <v>45469.624999989661</v>
      </c>
      <c r="X4265" s="83">
        <v>43278.625</v>
      </c>
      <c r="Y4265">
        <v>296666.8358</v>
      </c>
      <c r="Z4265">
        <v>37335.723919999997</v>
      </c>
      <c r="AA4265">
        <v>104659.4817</v>
      </c>
      <c r="AB4265">
        <v>52808.918189999997</v>
      </c>
      <c r="AC4265">
        <v>50611.747130000003</v>
      </c>
      <c r="AD4265">
        <v>39405.609900000003</v>
      </c>
      <c r="AE4265">
        <v>46337.089449999999</v>
      </c>
      <c r="AF4265">
        <v>64756.262280000003</v>
      </c>
      <c r="AG4265">
        <v>29817.353050000002</v>
      </c>
      <c r="AH4265">
        <v>357027.79210000002</v>
      </c>
      <c r="AI4265">
        <v>90370.030199999994</v>
      </c>
      <c r="AJ4265">
        <v>26745.188040000001</v>
      </c>
      <c r="AK4265">
        <v>31182.23603</v>
      </c>
      <c r="AL4265">
        <v>102161.69990000001</v>
      </c>
      <c r="AM4265">
        <v>24282.925729999999</v>
      </c>
      <c r="AN4265">
        <v>110614.03660000001</v>
      </c>
      <c r="AO4265">
        <v>30353.00675</v>
      </c>
      <c r="AP4265">
        <v>24959.993399999999</v>
      </c>
    </row>
    <row r="4266" spans="2:42" x14ac:dyDescent="0.3">
      <c r="B4266">
        <v>69.306559620135559</v>
      </c>
      <c r="C4266" s="83">
        <v>43278.666666666664</v>
      </c>
      <c r="D4266">
        <v>288047.66879999998</v>
      </c>
      <c r="E4266">
        <v>36984.580690000003</v>
      </c>
      <c r="F4266">
        <v>104848.08869999999</v>
      </c>
      <c r="G4266">
        <v>50523.013939999997</v>
      </c>
      <c r="H4266">
        <v>48764.90898</v>
      </c>
      <c r="I4266">
        <v>40186.932500000003</v>
      </c>
      <c r="J4266">
        <v>45641.554120000001</v>
      </c>
      <c r="K4266">
        <v>61354.214160000003</v>
      </c>
      <c r="L4266">
        <v>28716.538990000001</v>
      </c>
      <c r="M4266">
        <v>353357.16149999999</v>
      </c>
      <c r="N4266">
        <v>88179.075089999998</v>
      </c>
      <c r="O4266">
        <v>25906.245019999998</v>
      </c>
      <c r="P4266">
        <v>30415.329229999999</v>
      </c>
      <c r="Q4266">
        <v>101934.69620000001</v>
      </c>
      <c r="R4266">
        <v>23887.505580000001</v>
      </c>
      <c r="S4266">
        <v>108516.55190000001</v>
      </c>
      <c r="T4266">
        <v>29404.429929999998</v>
      </c>
      <c r="U4266">
        <v>23258.061979999999</v>
      </c>
      <c r="W4266" s="83">
        <f>Bühler!N4298</f>
        <v>45469.666666656325</v>
      </c>
      <c r="X4266" s="83">
        <v>43278.666666666664</v>
      </c>
      <c r="Y4266">
        <v>288047.66879999998</v>
      </c>
      <c r="Z4266">
        <v>36984.580690000003</v>
      </c>
      <c r="AA4266">
        <v>104848.08869999999</v>
      </c>
      <c r="AB4266">
        <v>50523.013939999997</v>
      </c>
      <c r="AC4266">
        <v>48764.90898</v>
      </c>
      <c r="AD4266">
        <v>40186.932500000003</v>
      </c>
      <c r="AE4266">
        <v>45641.554120000001</v>
      </c>
      <c r="AF4266">
        <v>61354.214160000003</v>
      </c>
      <c r="AG4266">
        <v>28716.538990000001</v>
      </c>
      <c r="AH4266">
        <v>353357.16149999999</v>
      </c>
      <c r="AI4266">
        <v>88179.075089999998</v>
      </c>
      <c r="AJ4266">
        <v>25906.245019999998</v>
      </c>
      <c r="AK4266">
        <v>30415.329229999999</v>
      </c>
      <c r="AL4266">
        <v>101934.69620000001</v>
      </c>
      <c r="AM4266">
        <v>23887.505580000001</v>
      </c>
      <c r="AN4266">
        <v>108516.55190000001</v>
      </c>
      <c r="AO4266">
        <v>29404.429929999998</v>
      </c>
      <c r="AP4266">
        <v>23258.061979999999</v>
      </c>
    </row>
    <row r="4267" spans="2:42" x14ac:dyDescent="0.3">
      <c r="B4267">
        <v>68.305104661419179</v>
      </c>
      <c r="C4267" s="83">
        <v>43278.708333333336</v>
      </c>
      <c r="D4267">
        <v>277191.97739999997</v>
      </c>
      <c r="E4267">
        <v>35151.436439999998</v>
      </c>
      <c r="F4267">
        <v>103324.6719</v>
      </c>
      <c r="G4267">
        <v>47634.487249999998</v>
      </c>
      <c r="H4267">
        <v>46585.652849999999</v>
      </c>
      <c r="I4267">
        <v>39611.407420000003</v>
      </c>
      <c r="J4267">
        <v>45855.821000000004</v>
      </c>
      <c r="K4267">
        <v>57296.471960000003</v>
      </c>
      <c r="L4267">
        <v>28746.094840000002</v>
      </c>
      <c r="M4267">
        <v>348251.27710000001</v>
      </c>
      <c r="N4267">
        <v>84981.087750000006</v>
      </c>
      <c r="O4267">
        <v>24070.062470000001</v>
      </c>
      <c r="P4267">
        <v>32233.011620000001</v>
      </c>
      <c r="Q4267">
        <v>101102.7463</v>
      </c>
      <c r="R4267">
        <v>25040.02147</v>
      </c>
      <c r="S4267">
        <v>105468.48050000001</v>
      </c>
      <c r="T4267">
        <v>29346.149140000001</v>
      </c>
      <c r="U4267">
        <v>20816.746289999999</v>
      </c>
      <c r="W4267" s="83">
        <f>Bühler!N4299</f>
        <v>45469.708333322989</v>
      </c>
      <c r="X4267" s="83">
        <v>43278.708333333336</v>
      </c>
      <c r="Y4267">
        <v>277191.97739999997</v>
      </c>
      <c r="Z4267">
        <v>35151.436439999998</v>
      </c>
      <c r="AA4267">
        <v>103324.6719</v>
      </c>
      <c r="AB4267">
        <v>47634.487249999998</v>
      </c>
      <c r="AC4267">
        <v>46585.652849999999</v>
      </c>
      <c r="AD4267">
        <v>39611.407420000003</v>
      </c>
      <c r="AE4267">
        <v>45855.821000000004</v>
      </c>
      <c r="AF4267">
        <v>57296.471960000003</v>
      </c>
      <c r="AG4267">
        <v>28746.094840000002</v>
      </c>
      <c r="AH4267">
        <v>348251.27710000001</v>
      </c>
      <c r="AI4267">
        <v>84981.087750000006</v>
      </c>
      <c r="AJ4267">
        <v>24070.062470000001</v>
      </c>
      <c r="AK4267">
        <v>32233.011620000001</v>
      </c>
      <c r="AL4267">
        <v>101102.7463</v>
      </c>
      <c r="AM4267">
        <v>25040.02147</v>
      </c>
      <c r="AN4267">
        <v>105468.48050000001</v>
      </c>
      <c r="AO4267">
        <v>29346.149140000001</v>
      </c>
      <c r="AP4267">
        <v>20816.746289999999</v>
      </c>
    </row>
    <row r="4268" spans="2:42" x14ac:dyDescent="0.3">
      <c r="B4268">
        <v>67.525550451696674</v>
      </c>
      <c r="C4268" s="83">
        <v>43278.75</v>
      </c>
      <c r="D4268">
        <v>271611.52639999997</v>
      </c>
      <c r="E4268">
        <v>31582.33482</v>
      </c>
      <c r="F4268">
        <v>101541.8903</v>
      </c>
      <c r="G4268">
        <v>43109.1181</v>
      </c>
      <c r="H4268">
        <v>44574.624479999999</v>
      </c>
      <c r="I4268">
        <v>38131.577720000001</v>
      </c>
      <c r="J4268">
        <v>46687.032639999998</v>
      </c>
      <c r="K4268">
        <v>55014.21703</v>
      </c>
      <c r="L4268">
        <v>29267.039970000002</v>
      </c>
      <c r="M4268">
        <v>344276.74619999999</v>
      </c>
      <c r="N4268">
        <v>82638.927899999995</v>
      </c>
      <c r="O4268">
        <v>22628.114310000001</v>
      </c>
      <c r="P4268">
        <v>35083.44182</v>
      </c>
      <c r="Q4268">
        <v>99425.819990000004</v>
      </c>
      <c r="R4268">
        <v>23096.97696</v>
      </c>
      <c r="S4268">
        <v>99705.366479999997</v>
      </c>
      <c r="T4268">
        <v>28853.54031</v>
      </c>
      <c r="U4268">
        <v>19459.035919999998</v>
      </c>
      <c r="W4268" s="83">
        <f>Bühler!N4300</f>
        <v>45469.749999989654</v>
      </c>
      <c r="X4268" s="83">
        <v>43278.75</v>
      </c>
      <c r="Y4268">
        <v>271611.52639999997</v>
      </c>
      <c r="Z4268">
        <v>31582.33482</v>
      </c>
      <c r="AA4268">
        <v>101541.8903</v>
      </c>
      <c r="AB4268">
        <v>43109.1181</v>
      </c>
      <c r="AC4268">
        <v>44574.624479999999</v>
      </c>
      <c r="AD4268">
        <v>38131.577720000001</v>
      </c>
      <c r="AE4268">
        <v>46687.032639999998</v>
      </c>
      <c r="AF4268">
        <v>55014.21703</v>
      </c>
      <c r="AG4268">
        <v>29267.039970000002</v>
      </c>
      <c r="AH4268">
        <v>344276.74619999999</v>
      </c>
      <c r="AI4268">
        <v>82638.927899999995</v>
      </c>
      <c r="AJ4268">
        <v>22628.114310000001</v>
      </c>
      <c r="AK4268">
        <v>35083.44182</v>
      </c>
      <c r="AL4268">
        <v>99425.819990000004</v>
      </c>
      <c r="AM4268">
        <v>23096.97696</v>
      </c>
      <c r="AN4268">
        <v>99705.366479999997</v>
      </c>
      <c r="AO4268">
        <v>28853.54031</v>
      </c>
      <c r="AP4268">
        <v>19459.035919999998</v>
      </c>
    </row>
    <row r="4269" spans="2:42" x14ac:dyDescent="0.3">
      <c r="B4269">
        <v>66.462979977234738</v>
      </c>
      <c r="C4269" s="83">
        <v>43278.791666666664</v>
      </c>
      <c r="D4269">
        <v>264042.21990000003</v>
      </c>
      <c r="E4269">
        <v>26204.209750000002</v>
      </c>
      <c r="F4269">
        <v>90242.37586</v>
      </c>
      <c r="G4269">
        <v>39530.312749999997</v>
      </c>
      <c r="H4269">
        <v>41798.884919999997</v>
      </c>
      <c r="I4269">
        <v>35621.058980000002</v>
      </c>
      <c r="J4269">
        <v>45689.94197</v>
      </c>
      <c r="K4269">
        <v>55109.542159999997</v>
      </c>
      <c r="L4269">
        <v>29803.564490000001</v>
      </c>
      <c r="M4269">
        <v>338859.26640000002</v>
      </c>
      <c r="N4269">
        <v>82067.074089999995</v>
      </c>
      <c r="O4269">
        <v>21411.323980000001</v>
      </c>
      <c r="P4269">
        <v>36544.45652</v>
      </c>
      <c r="Q4269">
        <v>96891.718689999994</v>
      </c>
      <c r="R4269">
        <v>21359.8789</v>
      </c>
      <c r="S4269">
        <v>94520.528380000003</v>
      </c>
      <c r="T4269">
        <v>28557.98127</v>
      </c>
      <c r="U4269">
        <v>18143.340080000002</v>
      </c>
      <c r="W4269" s="83">
        <f>Bühler!N4301</f>
        <v>45469.791666656318</v>
      </c>
      <c r="X4269" s="83">
        <v>43278.791666666664</v>
      </c>
      <c r="Y4269">
        <v>264042.21990000003</v>
      </c>
      <c r="Z4269">
        <v>26204.209750000002</v>
      </c>
      <c r="AA4269">
        <v>90242.37586</v>
      </c>
      <c r="AB4269">
        <v>39530.312749999997</v>
      </c>
      <c r="AC4269">
        <v>41798.884919999997</v>
      </c>
      <c r="AD4269">
        <v>35621.058980000002</v>
      </c>
      <c r="AE4269">
        <v>45689.94197</v>
      </c>
      <c r="AF4269">
        <v>55109.542159999997</v>
      </c>
      <c r="AG4269">
        <v>29803.564490000001</v>
      </c>
      <c r="AH4269">
        <v>338859.26640000002</v>
      </c>
      <c r="AI4269">
        <v>82067.074089999995</v>
      </c>
      <c r="AJ4269">
        <v>21411.323980000001</v>
      </c>
      <c r="AK4269">
        <v>36544.45652</v>
      </c>
      <c r="AL4269">
        <v>96891.718689999994</v>
      </c>
      <c r="AM4269">
        <v>21359.8789</v>
      </c>
      <c r="AN4269">
        <v>94520.528380000003</v>
      </c>
      <c r="AO4269">
        <v>28557.98127</v>
      </c>
      <c r="AP4269">
        <v>18143.340080000002</v>
      </c>
    </row>
    <row r="4270" spans="2:42" x14ac:dyDescent="0.3">
      <c r="B4270">
        <v>64.384200656327266</v>
      </c>
      <c r="C4270" s="83">
        <v>43278.833333333336</v>
      </c>
      <c r="D4270">
        <v>254256.30720000001</v>
      </c>
      <c r="E4270">
        <v>19132.449329999999</v>
      </c>
      <c r="F4270">
        <v>71697.614189999993</v>
      </c>
      <c r="G4270">
        <v>36123.284160000003</v>
      </c>
      <c r="H4270">
        <v>38485.461069999998</v>
      </c>
      <c r="I4270">
        <v>31690.128400000001</v>
      </c>
      <c r="J4270">
        <v>43954.236449999997</v>
      </c>
      <c r="K4270">
        <v>54725.159899999999</v>
      </c>
      <c r="L4270">
        <v>28948.138169999998</v>
      </c>
      <c r="M4270">
        <v>328260.68</v>
      </c>
      <c r="N4270">
        <v>77813.010819999996</v>
      </c>
      <c r="O4270">
        <v>19768.17182</v>
      </c>
      <c r="P4270">
        <v>36557.790370000002</v>
      </c>
      <c r="Q4270">
        <v>93873.384099999996</v>
      </c>
      <c r="R4270">
        <v>19453.705870000002</v>
      </c>
      <c r="S4270">
        <v>85110.08322</v>
      </c>
      <c r="T4270">
        <v>27227.342049999999</v>
      </c>
      <c r="U4270">
        <v>17414.727749999998</v>
      </c>
      <c r="W4270" s="83">
        <f>Bühler!N4302</f>
        <v>45469.833333322982</v>
      </c>
      <c r="X4270" s="83">
        <v>43278.833333333336</v>
      </c>
      <c r="Y4270">
        <v>254256.30720000001</v>
      </c>
      <c r="Z4270">
        <v>19132.449329999999</v>
      </c>
      <c r="AA4270">
        <v>71697.614189999993</v>
      </c>
      <c r="AB4270">
        <v>36123.284160000003</v>
      </c>
      <c r="AC4270">
        <v>38485.461069999998</v>
      </c>
      <c r="AD4270">
        <v>31690.128400000001</v>
      </c>
      <c r="AE4270">
        <v>43954.236449999997</v>
      </c>
      <c r="AF4270">
        <v>54725.159899999999</v>
      </c>
      <c r="AG4270">
        <v>28948.138169999998</v>
      </c>
      <c r="AH4270">
        <v>328260.68</v>
      </c>
      <c r="AI4270">
        <v>77813.010819999996</v>
      </c>
      <c r="AJ4270">
        <v>19768.17182</v>
      </c>
      <c r="AK4270">
        <v>36557.790370000002</v>
      </c>
      <c r="AL4270">
        <v>93873.384099999996</v>
      </c>
      <c r="AM4270">
        <v>19453.705870000002</v>
      </c>
      <c r="AN4270">
        <v>85110.08322</v>
      </c>
      <c r="AO4270">
        <v>27227.342049999999</v>
      </c>
      <c r="AP4270">
        <v>17414.727749999998</v>
      </c>
    </row>
    <row r="4271" spans="2:42" x14ac:dyDescent="0.3">
      <c r="B4271">
        <v>62.270580269874628</v>
      </c>
      <c r="C4271" s="83">
        <v>43278.875</v>
      </c>
      <c r="D4271">
        <v>245953.18</v>
      </c>
      <c r="E4271">
        <v>16226.83344</v>
      </c>
      <c r="F4271">
        <v>62654.83829</v>
      </c>
      <c r="G4271">
        <v>34613.674789999997</v>
      </c>
      <c r="H4271">
        <v>36208.589059999998</v>
      </c>
      <c r="I4271">
        <v>27899.13047</v>
      </c>
      <c r="J4271">
        <v>42332.241150000002</v>
      </c>
      <c r="K4271">
        <v>53313.041570000001</v>
      </c>
      <c r="L4271">
        <v>27661.84821</v>
      </c>
      <c r="M4271">
        <v>317484.45760000002</v>
      </c>
      <c r="N4271">
        <v>75315.080969999995</v>
      </c>
      <c r="O4271">
        <v>18218.128649999999</v>
      </c>
      <c r="P4271">
        <v>34961.121359999997</v>
      </c>
      <c r="Q4271">
        <v>91347.127410000001</v>
      </c>
      <c r="R4271">
        <v>18609.08697</v>
      </c>
      <c r="S4271">
        <v>80298.607229999994</v>
      </c>
      <c r="T4271">
        <v>25132.33164</v>
      </c>
      <c r="U4271">
        <v>16568.373479999998</v>
      </c>
      <c r="W4271" s="83">
        <f>Bühler!N4303</f>
        <v>45469.874999989646</v>
      </c>
      <c r="X4271" s="83">
        <v>43278.875</v>
      </c>
      <c r="Y4271">
        <v>245953.18</v>
      </c>
      <c r="Z4271">
        <v>16226.83344</v>
      </c>
      <c r="AA4271">
        <v>62654.83829</v>
      </c>
      <c r="AB4271">
        <v>34613.674789999997</v>
      </c>
      <c r="AC4271">
        <v>36208.589059999998</v>
      </c>
      <c r="AD4271">
        <v>27899.13047</v>
      </c>
      <c r="AE4271">
        <v>42332.241150000002</v>
      </c>
      <c r="AF4271">
        <v>53313.041570000001</v>
      </c>
      <c r="AG4271">
        <v>27661.84821</v>
      </c>
      <c r="AH4271">
        <v>317484.45760000002</v>
      </c>
      <c r="AI4271">
        <v>75315.080969999995</v>
      </c>
      <c r="AJ4271">
        <v>18218.128649999999</v>
      </c>
      <c r="AK4271">
        <v>34961.121359999997</v>
      </c>
      <c r="AL4271">
        <v>91347.127410000001</v>
      </c>
      <c r="AM4271">
        <v>18609.08697</v>
      </c>
      <c r="AN4271">
        <v>80298.607229999994</v>
      </c>
      <c r="AO4271">
        <v>25132.33164</v>
      </c>
      <c r="AP4271">
        <v>16568.373479999998</v>
      </c>
    </row>
    <row r="4272" spans="2:42" x14ac:dyDescent="0.3">
      <c r="B4272">
        <v>61.117465861406259</v>
      </c>
      <c r="C4272" s="83">
        <v>43278.916666666664</v>
      </c>
      <c r="D4272">
        <v>245164.69260000001</v>
      </c>
      <c r="E4272">
        <v>15280.341050000001</v>
      </c>
      <c r="F4272">
        <v>59708.356769999999</v>
      </c>
      <c r="G4272">
        <v>34837.295859999998</v>
      </c>
      <c r="H4272">
        <v>37345.320229999998</v>
      </c>
      <c r="I4272">
        <v>25697.865750000001</v>
      </c>
      <c r="J4272">
        <v>42410.28946</v>
      </c>
      <c r="K4272">
        <v>56066.88265</v>
      </c>
      <c r="L4272">
        <v>25252.47926</v>
      </c>
      <c r="M4272">
        <v>311605.34259999997</v>
      </c>
      <c r="N4272">
        <v>73922.542490000007</v>
      </c>
      <c r="O4272">
        <v>17916.624970000001</v>
      </c>
      <c r="P4272">
        <v>38156.252740000004</v>
      </c>
      <c r="Q4272">
        <v>89645.439360000004</v>
      </c>
      <c r="R4272">
        <v>20595.23272</v>
      </c>
      <c r="S4272">
        <v>79981.922640000004</v>
      </c>
      <c r="T4272">
        <v>22950.754410000001</v>
      </c>
      <c r="U4272">
        <v>16975.234209999999</v>
      </c>
      <c r="W4272" s="83">
        <f>Bühler!N4304</f>
        <v>45469.916666656311</v>
      </c>
      <c r="X4272" s="83">
        <v>43278.916666666664</v>
      </c>
      <c r="Y4272">
        <v>245164.69260000001</v>
      </c>
      <c r="Z4272">
        <v>15280.341050000001</v>
      </c>
      <c r="AA4272">
        <v>59708.356769999999</v>
      </c>
      <c r="AB4272">
        <v>34837.295859999998</v>
      </c>
      <c r="AC4272">
        <v>37345.320229999998</v>
      </c>
      <c r="AD4272">
        <v>25697.865750000001</v>
      </c>
      <c r="AE4272">
        <v>42410.28946</v>
      </c>
      <c r="AF4272">
        <v>56066.88265</v>
      </c>
      <c r="AG4272">
        <v>25252.47926</v>
      </c>
      <c r="AH4272">
        <v>311605.34259999997</v>
      </c>
      <c r="AI4272">
        <v>73922.542490000007</v>
      </c>
      <c r="AJ4272">
        <v>17916.624970000001</v>
      </c>
      <c r="AK4272">
        <v>38156.252740000004</v>
      </c>
      <c r="AL4272">
        <v>89645.439360000004</v>
      </c>
      <c r="AM4272">
        <v>20595.23272</v>
      </c>
      <c r="AN4272">
        <v>79981.922640000004</v>
      </c>
      <c r="AO4272">
        <v>22950.754410000001</v>
      </c>
      <c r="AP4272">
        <v>16975.234209999999</v>
      </c>
    </row>
    <row r="4273" spans="2:42" x14ac:dyDescent="0.3">
      <c r="B4273">
        <v>60.882205957829079</v>
      </c>
      <c r="C4273" s="83">
        <v>43278.958333333336</v>
      </c>
      <c r="D4273">
        <v>245346.61240000001</v>
      </c>
      <c r="E4273">
        <v>14453.863359999999</v>
      </c>
      <c r="F4273">
        <v>57676.623610000002</v>
      </c>
      <c r="G4273">
        <v>34003.907030000002</v>
      </c>
      <c r="H4273">
        <v>36435.717539999998</v>
      </c>
      <c r="I4273">
        <v>24861.771339999999</v>
      </c>
      <c r="J4273">
        <v>38831.875769999999</v>
      </c>
      <c r="K4273">
        <v>54883.026059999997</v>
      </c>
      <c r="L4273">
        <v>21639.25477</v>
      </c>
      <c r="M4273">
        <v>310405.87790000002</v>
      </c>
      <c r="N4273">
        <v>73363.14486</v>
      </c>
      <c r="O4273">
        <v>17854.307680000002</v>
      </c>
      <c r="P4273">
        <v>33051.678650000002</v>
      </c>
      <c r="Q4273">
        <v>88975.563120000006</v>
      </c>
      <c r="R4273">
        <v>20839.951249999998</v>
      </c>
      <c r="S4273">
        <v>77984.090620000003</v>
      </c>
      <c r="T4273">
        <v>21295.353439999999</v>
      </c>
      <c r="U4273">
        <v>16325.595579999999</v>
      </c>
      <c r="W4273" s="83">
        <f>Bühler!N4305</f>
        <v>45469.958333322975</v>
      </c>
      <c r="X4273" s="83">
        <v>43278.958333333336</v>
      </c>
      <c r="Y4273">
        <v>245346.61240000001</v>
      </c>
      <c r="Z4273">
        <v>14453.863359999999</v>
      </c>
      <c r="AA4273">
        <v>57676.623610000002</v>
      </c>
      <c r="AB4273">
        <v>34003.907030000002</v>
      </c>
      <c r="AC4273">
        <v>36435.717539999998</v>
      </c>
      <c r="AD4273">
        <v>24861.771339999999</v>
      </c>
      <c r="AE4273">
        <v>38831.875769999999</v>
      </c>
      <c r="AF4273">
        <v>54883.026059999997</v>
      </c>
      <c r="AG4273">
        <v>21639.25477</v>
      </c>
      <c r="AH4273">
        <v>310405.87790000002</v>
      </c>
      <c r="AI4273">
        <v>73363.14486</v>
      </c>
      <c r="AJ4273">
        <v>17854.307680000002</v>
      </c>
      <c r="AK4273">
        <v>33051.678650000002</v>
      </c>
      <c r="AL4273">
        <v>88975.563120000006</v>
      </c>
      <c r="AM4273">
        <v>20839.951249999998</v>
      </c>
      <c r="AN4273">
        <v>77984.090620000003</v>
      </c>
      <c r="AO4273">
        <v>21295.353439999999</v>
      </c>
      <c r="AP4273">
        <v>16325.595579999999</v>
      </c>
    </row>
    <row r="4274" spans="2:42" x14ac:dyDescent="0.3">
      <c r="B4274">
        <v>60.012930394797692</v>
      </c>
      <c r="C4274" s="83">
        <v>43279</v>
      </c>
      <c r="D4274">
        <v>244171.11979999999</v>
      </c>
      <c r="E4274">
        <v>14140.436540000001</v>
      </c>
      <c r="F4274">
        <v>55505.726649999997</v>
      </c>
      <c r="G4274">
        <v>33208.233849999997</v>
      </c>
      <c r="H4274">
        <v>35621.113169999997</v>
      </c>
      <c r="I4274">
        <v>23123.049630000001</v>
      </c>
      <c r="J4274">
        <v>35502.246140000003</v>
      </c>
      <c r="K4274">
        <v>53410.170850000002</v>
      </c>
      <c r="L4274">
        <v>18862.323120000001</v>
      </c>
      <c r="M4274">
        <v>305973.9057</v>
      </c>
      <c r="N4274">
        <v>72784.679329999999</v>
      </c>
      <c r="O4274">
        <v>17740.464489999998</v>
      </c>
      <c r="P4274">
        <v>30415.31782</v>
      </c>
      <c r="Q4274">
        <v>86873.771070000003</v>
      </c>
      <c r="R4274">
        <v>16294.18629</v>
      </c>
      <c r="S4274">
        <v>76162.779779999997</v>
      </c>
      <c r="T4274">
        <v>19094.691429999999</v>
      </c>
      <c r="U4274">
        <v>16002.15604</v>
      </c>
      <c r="W4274" s="83">
        <f>Bühler!N4306</f>
        <v>45469.999999989639</v>
      </c>
      <c r="X4274" s="83">
        <v>43279</v>
      </c>
      <c r="Y4274">
        <v>244171.11979999999</v>
      </c>
      <c r="Z4274">
        <v>14140.436540000001</v>
      </c>
      <c r="AA4274">
        <v>55505.726649999997</v>
      </c>
      <c r="AB4274">
        <v>33208.233849999997</v>
      </c>
      <c r="AC4274">
        <v>35621.113169999997</v>
      </c>
      <c r="AD4274">
        <v>23123.049630000001</v>
      </c>
      <c r="AE4274">
        <v>35502.246140000003</v>
      </c>
      <c r="AF4274">
        <v>53410.170850000002</v>
      </c>
      <c r="AG4274">
        <v>18862.323120000001</v>
      </c>
      <c r="AH4274">
        <v>305973.9057</v>
      </c>
      <c r="AI4274">
        <v>72784.679329999999</v>
      </c>
      <c r="AJ4274">
        <v>17740.464489999998</v>
      </c>
      <c r="AK4274">
        <v>30415.31782</v>
      </c>
      <c r="AL4274">
        <v>86873.771070000003</v>
      </c>
      <c r="AM4274">
        <v>16294.18629</v>
      </c>
      <c r="AN4274">
        <v>76162.779779999997</v>
      </c>
      <c r="AO4274">
        <v>19094.691429999999</v>
      </c>
      <c r="AP4274">
        <v>16002.15604</v>
      </c>
    </row>
    <row r="4275" spans="2:42" x14ac:dyDescent="0.3">
      <c r="B4275">
        <v>59.533957182813452</v>
      </c>
      <c r="C4275" s="83">
        <v>43279.041666666664</v>
      </c>
      <c r="D4275">
        <v>241906.7236</v>
      </c>
      <c r="E4275">
        <v>13474.972659999999</v>
      </c>
      <c r="F4275">
        <v>54648.170250000003</v>
      </c>
      <c r="G4275">
        <v>32377.372350000001</v>
      </c>
      <c r="H4275">
        <v>34914.998959999997</v>
      </c>
      <c r="I4275">
        <v>19173.665349999999</v>
      </c>
      <c r="J4275">
        <v>33910.868419999999</v>
      </c>
      <c r="K4275">
        <v>51260.616099999999</v>
      </c>
      <c r="L4275">
        <v>17543.350030000001</v>
      </c>
      <c r="M4275">
        <v>303531.87689999997</v>
      </c>
      <c r="N4275">
        <v>72381.261639999997</v>
      </c>
      <c r="O4275">
        <v>17862.003260000001</v>
      </c>
      <c r="P4275">
        <v>27765.188109999999</v>
      </c>
      <c r="Q4275">
        <v>86966.869229999997</v>
      </c>
      <c r="R4275">
        <v>14226.427530000001</v>
      </c>
      <c r="S4275">
        <v>74362.443729999999</v>
      </c>
      <c r="T4275">
        <v>18285.715990000001</v>
      </c>
      <c r="U4275">
        <v>15493.387849999999</v>
      </c>
      <c r="W4275" s="83">
        <f>Bühler!N4307</f>
        <v>45470.041666656303</v>
      </c>
      <c r="X4275" s="83">
        <v>43279.041666666664</v>
      </c>
      <c r="Y4275">
        <v>241906.7236</v>
      </c>
      <c r="Z4275">
        <v>13474.972659999999</v>
      </c>
      <c r="AA4275">
        <v>54648.170250000003</v>
      </c>
      <c r="AB4275">
        <v>32377.372350000001</v>
      </c>
      <c r="AC4275">
        <v>34914.998959999997</v>
      </c>
      <c r="AD4275">
        <v>19173.665349999999</v>
      </c>
      <c r="AE4275">
        <v>33910.868419999999</v>
      </c>
      <c r="AF4275">
        <v>51260.616099999999</v>
      </c>
      <c r="AG4275">
        <v>17543.350030000001</v>
      </c>
      <c r="AH4275">
        <v>303531.87689999997</v>
      </c>
      <c r="AI4275">
        <v>72381.261639999997</v>
      </c>
      <c r="AJ4275">
        <v>17862.003260000001</v>
      </c>
      <c r="AK4275">
        <v>27765.188109999999</v>
      </c>
      <c r="AL4275">
        <v>86966.869229999997</v>
      </c>
      <c r="AM4275">
        <v>14226.427530000001</v>
      </c>
      <c r="AN4275">
        <v>74362.443729999999</v>
      </c>
      <c r="AO4275">
        <v>18285.715990000001</v>
      </c>
      <c r="AP4275">
        <v>15493.387849999999</v>
      </c>
    </row>
    <row r="4276" spans="2:42" x14ac:dyDescent="0.3">
      <c r="B4276">
        <v>59.407847985090804</v>
      </c>
      <c r="C4276" s="83">
        <v>43279.083333333336</v>
      </c>
      <c r="D4276">
        <v>241553.4486</v>
      </c>
      <c r="E4276">
        <v>13286.40482</v>
      </c>
      <c r="F4276">
        <v>54832.85658</v>
      </c>
      <c r="G4276">
        <v>31704.270820000002</v>
      </c>
      <c r="H4276">
        <v>34528.274960000002</v>
      </c>
      <c r="I4276">
        <v>17178.079570000002</v>
      </c>
      <c r="J4276">
        <v>33457.475160000002</v>
      </c>
      <c r="K4276">
        <v>49030.895949999998</v>
      </c>
      <c r="L4276">
        <v>17111.618610000001</v>
      </c>
      <c r="M4276">
        <v>302888.91340000002</v>
      </c>
      <c r="N4276">
        <v>71573.361139999994</v>
      </c>
      <c r="O4276">
        <v>16915.183649999999</v>
      </c>
      <c r="P4276">
        <v>27142.404030000002</v>
      </c>
      <c r="Q4276">
        <v>88576.214550000004</v>
      </c>
      <c r="R4276">
        <v>14854.77641</v>
      </c>
      <c r="S4276">
        <v>72591.048890000005</v>
      </c>
      <c r="T4276">
        <v>17527.14344</v>
      </c>
      <c r="U4276">
        <v>15576.768819999999</v>
      </c>
      <c r="W4276" s="83">
        <f>Bühler!N4308</f>
        <v>45470.083333322968</v>
      </c>
      <c r="X4276" s="83">
        <v>43279.083333333336</v>
      </c>
      <c r="Y4276">
        <v>241553.4486</v>
      </c>
      <c r="Z4276">
        <v>13286.40482</v>
      </c>
      <c r="AA4276">
        <v>54832.85658</v>
      </c>
      <c r="AB4276">
        <v>31704.270820000002</v>
      </c>
      <c r="AC4276">
        <v>34528.274960000002</v>
      </c>
      <c r="AD4276">
        <v>17178.079570000002</v>
      </c>
      <c r="AE4276">
        <v>33457.475160000002</v>
      </c>
      <c r="AF4276">
        <v>49030.895949999998</v>
      </c>
      <c r="AG4276">
        <v>17111.618610000001</v>
      </c>
      <c r="AH4276">
        <v>302888.91340000002</v>
      </c>
      <c r="AI4276">
        <v>71573.361139999994</v>
      </c>
      <c r="AJ4276">
        <v>16915.183649999999</v>
      </c>
      <c r="AK4276">
        <v>27142.404030000002</v>
      </c>
      <c r="AL4276">
        <v>88576.214550000004</v>
      </c>
      <c r="AM4276">
        <v>14854.77641</v>
      </c>
      <c r="AN4276">
        <v>72591.048890000005</v>
      </c>
      <c r="AO4276">
        <v>17527.14344</v>
      </c>
      <c r="AP4276">
        <v>15576.768819999999</v>
      </c>
    </row>
    <row r="4277" spans="2:42" x14ac:dyDescent="0.3">
      <c r="B4277">
        <v>59.720033943229232</v>
      </c>
      <c r="C4277" s="83">
        <v>43279.125</v>
      </c>
      <c r="D4277">
        <v>242382.8757</v>
      </c>
      <c r="E4277">
        <v>13256.14791</v>
      </c>
      <c r="F4277">
        <v>56400.086289999999</v>
      </c>
      <c r="G4277">
        <v>30853.25719</v>
      </c>
      <c r="H4277">
        <v>34385.938349999997</v>
      </c>
      <c r="I4277">
        <v>16490.511999999999</v>
      </c>
      <c r="J4277">
        <v>33230.749589999999</v>
      </c>
      <c r="K4277">
        <v>48444.365689999999</v>
      </c>
      <c r="L4277">
        <v>16791.27188</v>
      </c>
      <c r="M4277">
        <v>304480.58299999998</v>
      </c>
      <c r="N4277">
        <v>72166.342319999996</v>
      </c>
      <c r="O4277">
        <v>16816.950150000001</v>
      </c>
      <c r="P4277">
        <v>25695.038840000001</v>
      </c>
      <c r="Q4277">
        <v>91037.494630000001</v>
      </c>
      <c r="R4277">
        <v>14363.73596</v>
      </c>
      <c r="S4277">
        <v>71970.960640000005</v>
      </c>
      <c r="T4277">
        <v>17258.065790000001</v>
      </c>
      <c r="U4277">
        <v>14975.53997</v>
      </c>
      <c r="W4277" s="83">
        <f>Bühler!N4309</f>
        <v>45470.124999989632</v>
      </c>
      <c r="X4277" s="83">
        <v>43279.125</v>
      </c>
      <c r="Y4277">
        <v>242382.8757</v>
      </c>
      <c r="Z4277">
        <v>13256.14791</v>
      </c>
      <c r="AA4277">
        <v>56400.086289999999</v>
      </c>
      <c r="AB4277">
        <v>30853.25719</v>
      </c>
      <c r="AC4277">
        <v>34385.938349999997</v>
      </c>
      <c r="AD4277">
        <v>16490.511999999999</v>
      </c>
      <c r="AE4277">
        <v>33230.749589999999</v>
      </c>
      <c r="AF4277">
        <v>48444.365689999999</v>
      </c>
      <c r="AG4277">
        <v>16791.27188</v>
      </c>
      <c r="AH4277">
        <v>304480.58299999998</v>
      </c>
      <c r="AI4277">
        <v>72166.342319999996</v>
      </c>
      <c r="AJ4277">
        <v>16816.950150000001</v>
      </c>
      <c r="AK4277">
        <v>25695.038840000001</v>
      </c>
      <c r="AL4277">
        <v>91037.494630000001</v>
      </c>
      <c r="AM4277">
        <v>14363.73596</v>
      </c>
      <c r="AN4277">
        <v>71970.960640000005</v>
      </c>
      <c r="AO4277">
        <v>17258.065790000001</v>
      </c>
      <c r="AP4277">
        <v>14975.53997</v>
      </c>
    </row>
    <row r="4278" spans="2:42" x14ac:dyDescent="0.3">
      <c r="B4278">
        <v>60.860563233802054</v>
      </c>
      <c r="C4278" s="83">
        <v>43279.166666666664</v>
      </c>
      <c r="D4278">
        <v>242364.98329999999</v>
      </c>
      <c r="E4278">
        <v>13755.35124</v>
      </c>
      <c r="F4278">
        <v>59269.020940000002</v>
      </c>
      <c r="G4278">
        <v>30294.507099999999</v>
      </c>
      <c r="H4278">
        <v>34412.899550000002</v>
      </c>
      <c r="I4278">
        <v>17913.261729999998</v>
      </c>
      <c r="J4278">
        <v>35042.778570000002</v>
      </c>
      <c r="K4278">
        <v>48077.608509999998</v>
      </c>
      <c r="L4278">
        <v>16802.77938</v>
      </c>
      <c r="M4278">
        <v>310295.53320000001</v>
      </c>
      <c r="N4278">
        <v>71081.103239999997</v>
      </c>
      <c r="O4278">
        <v>17494.06439</v>
      </c>
      <c r="P4278">
        <v>24374.707590000002</v>
      </c>
      <c r="Q4278">
        <v>95295.618270000006</v>
      </c>
      <c r="R4278">
        <v>13910.841909999999</v>
      </c>
      <c r="S4278">
        <v>71982.602369999993</v>
      </c>
      <c r="T4278">
        <v>17371.920630000001</v>
      </c>
      <c r="U4278">
        <v>15395.710080000001</v>
      </c>
      <c r="W4278" s="83">
        <f>Bühler!N4310</f>
        <v>45470.166666656296</v>
      </c>
      <c r="X4278" s="83">
        <v>43279.166666666664</v>
      </c>
      <c r="Y4278">
        <v>242364.98329999999</v>
      </c>
      <c r="Z4278">
        <v>13755.35124</v>
      </c>
      <c r="AA4278">
        <v>59269.020940000002</v>
      </c>
      <c r="AB4278">
        <v>30294.507099999999</v>
      </c>
      <c r="AC4278">
        <v>34412.899550000002</v>
      </c>
      <c r="AD4278">
        <v>17913.261729999998</v>
      </c>
      <c r="AE4278">
        <v>35042.778570000002</v>
      </c>
      <c r="AF4278">
        <v>48077.608509999998</v>
      </c>
      <c r="AG4278">
        <v>16802.77938</v>
      </c>
      <c r="AH4278">
        <v>310295.53320000001</v>
      </c>
      <c r="AI4278">
        <v>71081.103239999997</v>
      </c>
      <c r="AJ4278">
        <v>17494.06439</v>
      </c>
      <c r="AK4278">
        <v>24374.707590000002</v>
      </c>
      <c r="AL4278">
        <v>95295.618270000006</v>
      </c>
      <c r="AM4278">
        <v>13910.841909999999</v>
      </c>
      <c r="AN4278">
        <v>71982.602369999993</v>
      </c>
      <c r="AO4278">
        <v>17371.920630000001</v>
      </c>
      <c r="AP4278">
        <v>15395.710080000001</v>
      </c>
    </row>
    <row r="4279" spans="2:42" x14ac:dyDescent="0.3">
      <c r="B4279">
        <v>64.393640043933686</v>
      </c>
      <c r="C4279" s="83">
        <v>43279.208333333336</v>
      </c>
      <c r="D4279">
        <v>257627.6684</v>
      </c>
      <c r="E4279">
        <v>15307.568600000001</v>
      </c>
      <c r="F4279">
        <v>69186.403359999997</v>
      </c>
      <c r="G4279">
        <v>31629.811710000002</v>
      </c>
      <c r="H4279">
        <v>35642.224419999999</v>
      </c>
      <c r="I4279">
        <v>23974.945940000001</v>
      </c>
      <c r="J4279">
        <v>38193.68331</v>
      </c>
      <c r="K4279">
        <v>48918.982329999999</v>
      </c>
      <c r="L4279">
        <v>17651.06712</v>
      </c>
      <c r="M4279">
        <v>328308.8064</v>
      </c>
      <c r="N4279">
        <v>72326.819050000006</v>
      </c>
      <c r="O4279">
        <v>17416.718649999999</v>
      </c>
      <c r="P4279">
        <v>25898.03255</v>
      </c>
      <c r="Q4279">
        <v>97671.074940000006</v>
      </c>
      <c r="R4279">
        <v>16449.617040000001</v>
      </c>
      <c r="S4279">
        <v>73771.273029999997</v>
      </c>
      <c r="T4279">
        <v>18461.928919999998</v>
      </c>
      <c r="U4279">
        <v>16594.13898</v>
      </c>
      <c r="W4279" s="83">
        <f>Bühler!N4311</f>
        <v>45470.20833332296</v>
      </c>
      <c r="X4279" s="83">
        <v>43279.208333333336</v>
      </c>
      <c r="Y4279">
        <v>257627.6684</v>
      </c>
      <c r="Z4279">
        <v>15307.568600000001</v>
      </c>
      <c r="AA4279">
        <v>69186.403359999997</v>
      </c>
      <c r="AB4279">
        <v>31629.811710000002</v>
      </c>
      <c r="AC4279">
        <v>35642.224419999999</v>
      </c>
      <c r="AD4279">
        <v>23974.945940000001</v>
      </c>
      <c r="AE4279">
        <v>38193.68331</v>
      </c>
      <c r="AF4279">
        <v>48918.982329999999</v>
      </c>
      <c r="AG4279">
        <v>17651.06712</v>
      </c>
      <c r="AH4279">
        <v>328308.8064</v>
      </c>
      <c r="AI4279">
        <v>72326.819050000006</v>
      </c>
      <c r="AJ4279">
        <v>17416.718649999999</v>
      </c>
      <c r="AK4279">
        <v>25898.03255</v>
      </c>
      <c r="AL4279">
        <v>97671.074940000006</v>
      </c>
      <c r="AM4279">
        <v>16449.617040000001</v>
      </c>
      <c r="AN4279">
        <v>73771.273029999997</v>
      </c>
      <c r="AO4279">
        <v>18461.928919999998</v>
      </c>
      <c r="AP4279">
        <v>16594.13898</v>
      </c>
    </row>
    <row r="4280" spans="2:42" x14ac:dyDescent="0.3">
      <c r="B4280">
        <v>66.795687871379499</v>
      </c>
      <c r="C4280" s="83">
        <v>43279.25</v>
      </c>
      <c r="D4280">
        <v>269330.04350000003</v>
      </c>
      <c r="E4280">
        <v>18774.12716</v>
      </c>
      <c r="F4280">
        <v>79913.630399999995</v>
      </c>
      <c r="G4280">
        <v>40065.260190000001</v>
      </c>
      <c r="H4280">
        <v>37143.565820000003</v>
      </c>
      <c r="I4280">
        <v>29780.396550000001</v>
      </c>
      <c r="J4280">
        <v>39871.534269999996</v>
      </c>
      <c r="K4280">
        <v>50634.599670000003</v>
      </c>
      <c r="L4280">
        <v>18144.55586</v>
      </c>
      <c r="M4280">
        <v>340555.56640000001</v>
      </c>
      <c r="N4280">
        <v>73792.907579999999</v>
      </c>
      <c r="O4280">
        <v>18586.52563</v>
      </c>
      <c r="P4280">
        <v>26769.943619999998</v>
      </c>
      <c r="Q4280">
        <v>98321.001969999998</v>
      </c>
      <c r="R4280">
        <v>15310.74821</v>
      </c>
      <c r="S4280">
        <v>81374.114719999998</v>
      </c>
      <c r="T4280">
        <v>20718.887999999999</v>
      </c>
      <c r="U4280">
        <v>18691.848109999999</v>
      </c>
      <c r="W4280" s="83">
        <f>Bühler!N4312</f>
        <v>45470.249999989624</v>
      </c>
      <c r="X4280" s="83">
        <v>43279.25</v>
      </c>
      <c r="Y4280">
        <v>269330.04350000003</v>
      </c>
      <c r="Z4280">
        <v>18774.12716</v>
      </c>
      <c r="AA4280">
        <v>79913.630399999995</v>
      </c>
      <c r="AB4280">
        <v>40065.260190000001</v>
      </c>
      <c r="AC4280">
        <v>37143.565820000003</v>
      </c>
      <c r="AD4280">
        <v>29780.396550000001</v>
      </c>
      <c r="AE4280">
        <v>39871.534269999996</v>
      </c>
      <c r="AF4280">
        <v>50634.599670000003</v>
      </c>
      <c r="AG4280">
        <v>18144.55586</v>
      </c>
      <c r="AH4280">
        <v>340555.56640000001</v>
      </c>
      <c r="AI4280">
        <v>73792.907579999999</v>
      </c>
      <c r="AJ4280">
        <v>18586.52563</v>
      </c>
      <c r="AK4280">
        <v>26769.943619999998</v>
      </c>
      <c r="AL4280">
        <v>98321.001969999998</v>
      </c>
      <c r="AM4280">
        <v>15310.74821</v>
      </c>
      <c r="AN4280">
        <v>81374.114719999998</v>
      </c>
      <c r="AO4280">
        <v>20718.887999999999</v>
      </c>
      <c r="AP4280">
        <v>18691.848109999999</v>
      </c>
    </row>
    <row r="4281" spans="2:42" x14ac:dyDescent="0.3">
      <c r="B4281">
        <v>69.048495211791277</v>
      </c>
      <c r="C4281" s="83">
        <v>43279.291666666664</v>
      </c>
      <c r="D4281">
        <v>284787.3664</v>
      </c>
      <c r="E4281">
        <v>23368.12614</v>
      </c>
      <c r="F4281">
        <v>83454.388080000004</v>
      </c>
      <c r="G4281">
        <v>47708.724900000001</v>
      </c>
      <c r="H4281">
        <v>42403.268600000003</v>
      </c>
      <c r="I4281">
        <v>36434.666749999997</v>
      </c>
      <c r="J4281">
        <v>41854.756580000001</v>
      </c>
      <c r="K4281">
        <v>55617.078049999996</v>
      </c>
      <c r="L4281">
        <v>21331.536820000001</v>
      </c>
      <c r="M4281">
        <v>352041.42879999999</v>
      </c>
      <c r="N4281">
        <v>77971.288369999995</v>
      </c>
      <c r="O4281">
        <v>22175.346819999999</v>
      </c>
      <c r="P4281">
        <v>30699.051149999999</v>
      </c>
      <c r="Q4281">
        <v>98888.59577</v>
      </c>
      <c r="R4281">
        <v>17490.12545</v>
      </c>
      <c r="S4281">
        <v>94408.175470000002</v>
      </c>
      <c r="T4281">
        <v>23946.696380000001</v>
      </c>
      <c r="U4281">
        <v>23030.005679999998</v>
      </c>
      <c r="W4281" s="83">
        <f>Bühler!N4313</f>
        <v>45470.291666656289</v>
      </c>
      <c r="X4281" s="83">
        <v>43279.291666666664</v>
      </c>
      <c r="Y4281">
        <v>284787.3664</v>
      </c>
      <c r="Z4281">
        <v>23368.12614</v>
      </c>
      <c r="AA4281">
        <v>83454.388080000004</v>
      </c>
      <c r="AB4281">
        <v>47708.724900000001</v>
      </c>
      <c r="AC4281">
        <v>42403.268600000003</v>
      </c>
      <c r="AD4281">
        <v>36434.666749999997</v>
      </c>
      <c r="AE4281">
        <v>41854.756580000001</v>
      </c>
      <c r="AF4281">
        <v>55617.078049999996</v>
      </c>
      <c r="AG4281">
        <v>21331.536820000001</v>
      </c>
      <c r="AH4281">
        <v>352041.42879999999</v>
      </c>
      <c r="AI4281">
        <v>77971.288369999995</v>
      </c>
      <c r="AJ4281">
        <v>22175.346819999999</v>
      </c>
      <c r="AK4281">
        <v>30699.051149999999</v>
      </c>
      <c r="AL4281">
        <v>98888.59577</v>
      </c>
      <c r="AM4281">
        <v>17490.12545</v>
      </c>
      <c r="AN4281">
        <v>94408.175470000002</v>
      </c>
      <c r="AO4281">
        <v>23946.696380000001</v>
      </c>
      <c r="AP4281">
        <v>23030.005679999998</v>
      </c>
    </row>
    <row r="4282" spans="2:42" x14ac:dyDescent="0.3">
      <c r="B4282">
        <v>70.736360115239734</v>
      </c>
      <c r="C4282" s="83">
        <v>43279.333333333336</v>
      </c>
      <c r="D4282">
        <v>294118.3175</v>
      </c>
      <c r="E4282">
        <v>29610.2369</v>
      </c>
      <c r="F4282">
        <v>90774.356010000003</v>
      </c>
      <c r="G4282">
        <v>55509.434269999998</v>
      </c>
      <c r="H4282">
        <v>47218.66893</v>
      </c>
      <c r="I4282">
        <v>40213.060949999999</v>
      </c>
      <c r="J4282">
        <v>44659.550029999999</v>
      </c>
      <c r="K4282">
        <v>61935.760289999998</v>
      </c>
      <c r="L4282">
        <v>25003.035899999999</v>
      </c>
      <c r="M4282">
        <v>360646.95120000001</v>
      </c>
      <c r="N4282">
        <v>85166.567760000005</v>
      </c>
      <c r="O4282">
        <v>24986.388289999999</v>
      </c>
      <c r="P4282">
        <v>33737.231639999998</v>
      </c>
      <c r="Q4282">
        <v>100787.2781</v>
      </c>
      <c r="R4282">
        <v>21169.07546</v>
      </c>
      <c r="S4282">
        <v>107879.7795</v>
      </c>
      <c r="T4282">
        <v>26961.41114</v>
      </c>
      <c r="U4282">
        <v>26861.761259999999</v>
      </c>
      <c r="W4282" s="83">
        <f>Bühler!N4314</f>
        <v>45470.333333322953</v>
      </c>
      <c r="X4282" s="83">
        <v>43279.333333333336</v>
      </c>
      <c r="Y4282">
        <v>294118.3175</v>
      </c>
      <c r="Z4282">
        <v>29610.2369</v>
      </c>
      <c r="AA4282">
        <v>90774.356010000003</v>
      </c>
      <c r="AB4282">
        <v>55509.434269999998</v>
      </c>
      <c r="AC4282">
        <v>47218.66893</v>
      </c>
      <c r="AD4282">
        <v>40213.060949999999</v>
      </c>
      <c r="AE4282">
        <v>44659.550029999999</v>
      </c>
      <c r="AF4282">
        <v>61935.760289999998</v>
      </c>
      <c r="AG4282">
        <v>25003.035899999999</v>
      </c>
      <c r="AH4282">
        <v>360646.95120000001</v>
      </c>
      <c r="AI4282">
        <v>85166.567760000005</v>
      </c>
      <c r="AJ4282">
        <v>24986.388289999999</v>
      </c>
      <c r="AK4282">
        <v>33737.231639999998</v>
      </c>
      <c r="AL4282">
        <v>100787.2781</v>
      </c>
      <c r="AM4282">
        <v>21169.07546</v>
      </c>
      <c r="AN4282">
        <v>107879.7795</v>
      </c>
      <c r="AO4282">
        <v>26961.41114</v>
      </c>
      <c r="AP4282">
        <v>26861.761259999999</v>
      </c>
    </row>
    <row r="4283" spans="2:42" x14ac:dyDescent="0.3">
      <c r="B4283">
        <v>72.613617187869309</v>
      </c>
      <c r="C4283" s="83">
        <v>43279.375</v>
      </c>
      <c r="D4283">
        <v>297329.66720000003</v>
      </c>
      <c r="E4283">
        <v>34393.924120000003</v>
      </c>
      <c r="F4283">
        <v>99339.441550000003</v>
      </c>
      <c r="G4283">
        <v>63697.212529999997</v>
      </c>
      <c r="H4283">
        <v>50843.331879999998</v>
      </c>
      <c r="I4283">
        <v>39566.239280000002</v>
      </c>
      <c r="J4283">
        <v>47624.797409999999</v>
      </c>
      <c r="K4283">
        <v>65303.926160000003</v>
      </c>
      <c r="L4283">
        <v>28809.219539999998</v>
      </c>
      <c r="M4283">
        <v>370218.08319999999</v>
      </c>
      <c r="N4283">
        <v>89421.215490000002</v>
      </c>
      <c r="O4283">
        <v>25668.58772</v>
      </c>
      <c r="P4283">
        <v>35732.62644</v>
      </c>
      <c r="Q4283">
        <v>103153.95510000001</v>
      </c>
      <c r="R4283">
        <v>21854.148990000002</v>
      </c>
      <c r="S4283">
        <v>115936.6807</v>
      </c>
      <c r="T4283">
        <v>29839.333289999999</v>
      </c>
      <c r="U4283">
        <v>26843.035619999999</v>
      </c>
      <c r="W4283" s="83">
        <f>Bühler!N4315</f>
        <v>45470.374999989617</v>
      </c>
      <c r="X4283" s="83">
        <v>43279.375</v>
      </c>
      <c r="Y4283">
        <v>297329.66720000003</v>
      </c>
      <c r="Z4283">
        <v>34393.924120000003</v>
      </c>
      <c r="AA4283">
        <v>99339.441550000003</v>
      </c>
      <c r="AB4283">
        <v>63697.212529999997</v>
      </c>
      <c r="AC4283">
        <v>50843.331879999998</v>
      </c>
      <c r="AD4283">
        <v>39566.239280000002</v>
      </c>
      <c r="AE4283">
        <v>47624.797409999999</v>
      </c>
      <c r="AF4283">
        <v>65303.926160000003</v>
      </c>
      <c r="AG4283">
        <v>28809.219539999998</v>
      </c>
      <c r="AH4283">
        <v>370218.08319999999</v>
      </c>
      <c r="AI4283">
        <v>89421.215490000002</v>
      </c>
      <c r="AJ4283">
        <v>25668.58772</v>
      </c>
      <c r="AK4283">
        <v>35732.62644</v>
      </c>
      <c r="AL4283">
        <v>103153.95510000001</v>
      </c>
      <c r="AM4283">
        <v>21854.148990000002</v>
      </c>
      <c r="AN4283">
        <v>115936.6807</v>
      </c>
      <c r="AO4283">
        <v>29839.333289999999</v>
      </c>
      <c r="AP4283">
        <v>26843.035619999999</v>
      </c>
    </row>
    <row r="4284" spans="2:42" x14ac:dyDescent="0.3">
      <c r="B4284">
        <v>73.373440150339647</v>
      </c>
      <c r="C4284" s="83">
        <v>43279.416666666664</v>
      </c>
      <c r="D4284">
        <v>299329.97899999999</v>
      </c>
      <c r="E4284">
        <v>36834.52923</v>
      </c>
      <c r="F4284">
        <v>102089.7007</v>
      </c>
      <c r="G4284">
        <v>67212.340849999993</v>
      </c>
      <c r="H4284">
        <v>52676.129390000002</v>
      </c>
      <c r="I4284">
        <v>38318.38897</v>
      </c>
      <c r="J4284">
        <v>47977.338620000002</v>
      </c>
      <c r="K4284">
        <v>65973.46544</v>
      </c>
      <c r="L4284">
        <v>32618.712749999999</v>
      </c>
      <c r="M4284">
        <v>374092.01500000001</v>
      </c>
      <c r="N4284">
        <v>92447.254969999995</v>
      </c>
      <c r="O4284">
        <v>26549.35887</v>
      </c>
      <c r="P4284">
        <v>37833.484850000001</v>
      </c>
      <c r="Q4284">
        <v>105263.8725</v>
      </c>
      <c r="R4284">
        <v>22505.991139999998</v>
      </c>
      <c r="S4284">
        <v>119626.7243</v>
      </c>
      <c r="T4284">
        <v>31423.915730000001</v>
      </c>
      <c r="U4284">
        <v>28029.083729999998</v>
      </c>
      <c r="W4284" s="83">
        <f>Bühler!N4316</f>
        <v>45470.416666656281</v>
      </c>
      <c r="X4284" s="83">
        <v>43279.416666666664</v>
      </c>
      <c r="Y4284">
        <v>299329.97899999999</v>
      </c>
      <c r="Z4284">
        <v>36834.52923</v>
      </c>
      <c r="AA4284">
        <v>102089.7007</v>
      </c>
      <c r="AB4284">
        <v>67212.340849999993</v>
      </c>
      <c r="AC4284">
        <v>52676.129390000002</v>
      </c>
      <c r="AD4284">
        <v>38318.38897</v>
      </c>
      <c r="AE4284">
        <v>47977.338620000002</v>
      </c>
      <c r="AF4284">
        <v>65973.46544</v>
      </c>
      <c r="AG4284">
        <v>32618.712749999999</v>
      </c>
      <c r="AH4284">
        <v>374092.01500000001</v>
      </c>
      <c r="AI4284">
        <v>92447.254969999995</v>
      </c>
      <c r="AJ4284">
        <v>26549.35887</v>
      </c>
      <c r="AK4284">
        <v>37833.484850000001</v>
      </c>
      <c r="AL4284">
        <v>105263.8725</v>
      </c>
      <c r="AM4284">
        <v>22505.991139999998</v>
      </c>
      <c r="AN4284">
        <v>119626.7243</v>
      </c>
      <c r="AO4284">
        <v>31423.915730000001</v>
      </c>
      <c r="AP4284">
        <v>28029.083729999998</v>
      </c>
    </row>
    <row r="4285" spans="2:42" x14ac:dyDescent="0.3">
      <c r="B4285">
        <v>74.712549726059862</v>
      </c>
      <c r="C4285" s="83">
        <v>43279.458333333336</v>
      </c>
      <c r="D4285">
        <v>299498.25030000001</v>
      </c>
      <c r="E4285">
        <v>37276.318350000001</v>
      </c>
      <c r="F4285">
        <v>104169.7169</v>
      </c>
      <c r="G4285">
        <v>65695.968299999993</v>
      </c>
      <c r="H4285">
        <v>52826.673799999997</v>
      </c>
      <c r="I4285">
        <v>38557.830589999998</v>
      </c>
      <c r="J4285">
        <v>47980.571969999997</v>
      </c>
      <c r="K4285">
        <v>66665.876950000005</v>
      </c>
      <c r="L4285">
        <v>34289.339679999997</v>
      </c>
      <c r="M4285">
        <v>380919.42009999999</v>
      </c>
      <c r="N4285">
        <v>93936.732000000004</v>
      </c>
      <c r="O4285">
        <v>27404.21355</v>
      </c>
      <c r="P4285">
        <v>37228.002119999997</v>
      </c>
      <c r="Q4285">
        <v>107167.35709999999</v>
      </c>
      <c r="R4285">
        <v>25335.190190000001</v>
      </c>
      <c r="S4285">
        <v>124079.399</v>
      </c>
      <c r="T4285">
        <v>32384.40768</v>
      </c>
      <c r="U4285">
        <v>27930.72726</v>
      </c>
      <c r="W4285" s="83">
        <f>Bühler!N4317</f>
        <v>45470.458333322946</v>
      </c>
      <c r="X4285" s="83">
        <v>43279.458333333336</v>
      </c>
      <c r="Y4285">
        <v>299498.25030000001</v>
      </c>
      <c r="Z4285">
        <v>37276.318350000001</v>
      </c>
      <c r="AA4285">
        <v>104169.7169</v>
      </c>
      <c r="AB4285">
        <v>65695.968299999993</v>
      </c>
      <c r="AC4285">
        <v>52826.673799999997</v>
      </c>
      <c r="AD4285">
        <v>38557.830589999998</v>
      </c>
      <c r="AE4285">
        <v>47980.571969999997</v>
      </c>
      <c r="AF4285">
        <v>66665.876950000005</v>
      </c>
      <c r="AG4285">
        <v>34289.339679999997</v>
      </c>
      <c r="AH4285">
        <v>380919.42009999999</v>
      </c>
      <c r="AI4285">
        <v>93936.732000000004</v>
      </c>
      <c r="AJ4285">
        <v>27404.21355</v>
      </c>
      <c r="AK4285">
        <v>37228.002119999997</v>
      </c>
      <c r="AL4285">
        <v>107167.35709999999</v>
      </c>
      <c r="AM4285">
        <v>25335.190190000001</v>
      </c>
      <c r="AN4285">
        <v>124079.399</v>
      </c>
      <c r="AO4285">
        <v>32384.40768</v>
      </c>
      <c r="AP4285">
        <v>27930.72726</v>
      </c>
    </row>
    <row r="4286" spans="2:42" x14ac:dyDescent="0.3">
      <c r="B4286">
        <v>73.260074981044767</v>
      </c>
      <c r="C4286" s="83">
        <v>43279.5</v>
      </c>
      <c r="D4286">
        <v>290950.97389999998</v>
      </c>
      <c r="E4286">
        <v>34406.514620000002</v>
      </c>
      <c r="F4286">
        <v>103787.31050000001</v>
      </c>
      <c r="G4286">
        <v>67334.376990000004</v>
      </c>
      <c r="H4286">
        <v>51506.874920000002</v>
      </c>
      <c r="I4286">
        <v>38401.095939999999</v>
      </c>
      <c r="J4286">
        <v>48804.905570000003</v>
      </c>
      <c r="K4286">
        <v>64684.613189999996</v>
      </c>
      <c r="L4286">
        <v>36900.565060000001</v>
      </c>
      <c r="M4286">
        <v>373514.02649999998</v>
      </c>
      <c r="N4286">
        <v>92547.113580000005</v>
      </c>
      <c r="O4286">
        <v>26281.824990000001</v>
      </c>
      <c r="P4286">
        <v>38743.22653</v>
      </c>
      <c r="Q4286">
        <v>107982.3703</v>
      </c>
      <c r="R4286">
        <v>24940.347320000001</v>
      </c>
      <c r="S4286">
        <v>118505.4633</v>
      </c>
      <c r="T4286">
        <v>32252.288219999999</v>
      </c>
      <c r="U4286">
        <v>23883.305759999999</v>
      </c>
      <c r="W4286" s="83">
        <f>Bühler!N4318</f>
        <v>45470.49999998961</v>
      </c>
      <c r="X4286" s="83">
        <v>43279.5</v>
      </c>
      <c r="Y4286">
        <v>290950.97389999998</v>
      </c>
      <c r="Z4286">
        <v>34406.514620000002</v>
      </c>
      <c r="AA4286">
        <v>103787.31050000001</v>
      </c>
      <c r="AB4286">
        <v>67334.376990000004</v>
      </c>
      <c r="AC4286">
        <v>51506.874920000002</v>
      </c>
      <c r="AD4286">
        <v>38401.095939999999</v>
      </c>
      <c r="AE4286">
        <v>48804.905570000003</v>
      </c>
      <c r="AF4286">
        <v>64684.613189999996</v>
      </c>
      <c r="AG4286">
        <v>36900.565060000001</v>
      </c>
      <c r="AH4286">
        <v>373514.02649999998</v>
      </c>
      <c r="AI4286">
        <v>92547.113580000005</v>
      </c>
      <c r="AJ4286">
        <v>26281.824990000001</v>
      </c>
      <c r="AK4286">
        <v>38743.22653</v>
      </c>
      <c r="AL4286">
        <v>107982.3703</v>
      </c>
      <c r="AM4286">
        <v>24940.347320000001</v>
      </c>
      <c r="AN4286">
        <v>118505.4633</v>
      </c>
      <c r="AO4286">
        <v>32252.288219999999</v>
      </c>
      <c r="AP4286">
        <v>23883.305759999999</v>
      </c>
    </row>
    <row r="4287" spans="2:42" x14ac:dyDescent="0.3">
      <c r="B4287">
        <v>73.337877044134956</v>
      </c>
      <c r="C4287" s="83">
        <v>43279.541666666664</v>
      </c>
      <c r="D4287">
        <v>293203.29029999999</v>
      </c>
      <c r="E4287">
        <v>35194.947930000002</v>
      </c>
      <c r="F4287">
        <v>104282.1744</v>
      </c>
      <c r="G4287">
        <v>64180.245510000001</v>
      </c>
      <c r="H4287">
        <v>52770.20551</v>
      </c>
      <c r="I4287">
        <v>38714.653460000001</v>
      </c>
      <c r="J4287">
        <v>47764.169419999998</v>
      </c>
      <c r="K4287">
        <v>65799.008230000007</v>
      </c>
      <c r="L4287">
        <v>36096.686079999999</v>
      </c>
      <c r="M4287">
        <v>373910.69770000002</v>
      </c>
      <c r="N4287">
        <v>93684.193469999998</v>
      </c>
      <c r="O4287">
        <v>27136.69785</v>
      </c>
      <c r="P4287">
        <v>37720.201699999998</v>
      </c>
      <c r="Q4287">
        <v>106961.9942</v>
      </c>
      <c r="R4287">
        <v>25177.864119999998</v>
      </c>
      <c r="S4287">
        <v>118741.36259999999</v>
      </c>
      <c r="T4287">
        <v>32356.338220000001</v>
      </c>
      <c r="U4287">
        <v>25931.97379</v>
      </c>
      <c r="W4287" s="83">
        <f>Bühler!N4319</f>
        <v>45470.541666656274</v>
      </c>
      <c r="X4287" s="83">
        <v>43279.541666666664</v>
      </c>
      <c r="Y4287">
        <v>293203.29029999999</v>
      </c>
      <c r="Z4287">
        <v>35194.947930000002</v>
      </c>
      <c r="AA4287">
        <v>104282.1744</v>
      </c>
      <c r="AB4287">
        <v>64180.245510000001</v>
      </c>
      <c r="AC4287">
        <v>52770.20551</v>
      </c>
      <c r="AD4287">
        <v>38714.653460000001</v>
      </c>
      <c r="AE4287">
        <v>47764.169419999998</v>
      </c>
      <c r="AF4287">
        <v>65799.008230000007</v>
      </c>
      <c r="AG4287">
        <v>36096.686079999999</v>
      </c>
      <c r="AH4287">
        <v>373910.69770000002</v>
      </c>
      <c r="AI4287">
        <v>93684.193469999998</v>
      </c>
      <c r="AJ4287">
        <v>27136.69785</v>
      </c>
      <c r="AK4287">
        <v>37720.201699999998</v>
      </c>
      <c r="AL4287">
        <v>106961.9942</v>
      </c>
      <c r="AM4287">
        <v>25177.864119999998</v>
      </c>
      <c r="AN4287">
        <v>118741.36259999999</v>
      </c>
      <c r="AO4287">
        <v>32356.338220000001</v>
      </c>
      <c r="AP4287">
        <v>25931.97379</v>
      </c>
    </row>
    <row r="4288" spans="2:42" x14ac:dyDescent="0.3">
      <c r="B4288">
        <v>73.69812425904459</v>
      </c>
      <c r="C4288" s="83">
        <v>43279.583333333336</v>
      </c>
      <c r="D4288">
        <v>299217.75910000002</v>
      </c>
      <c r="E4288">
        <v>38477.155149999999</v>
      </c>
      <c r="F4288">
        <v>107246.4679</v>
      </c>
      <c r="G4288">
        <v>59795.459909999998</v>
      </c>
      <c r="H4288">
        <v>53526.104050000002</v>
      </c>
      <c r="I4288">
        <v>39199.07834</v>
      </c>
      <c r="J4288">
        <v>46887.821600000003</v>
      </c>
      <c r="K4288">
        <v>67072.592350000006</v>
      </c>
      <c r="L4288">
        <v>33066.820619999999</v>
      </c>
      <c r="M4288">
        <v>375747.40600000002</v>
      </c>
      <c r="N4288">
        <v>95157.513000000006</v>
      </c>
      <c r="O4288">
        <v>26665.72135</v>
      </c>
      <c r="P4288">
        <v>35643.540589999997</v>
      </c>
      <c r="Q4288">
        <v>106559.1639</v>
      </c>
      <c r="R4288">
        <v>24797.90969</v>
      </c>
      <c r="S4288">
        <v>116153.16220000001</v>
      </c>
      <c r="T4288">
        <v>32309.037179999999</v>
      </c>
      <c r="U4288">
        <v>26696.510900000001</v>
      </c>
      <c r="W4288" s="83">
        <f>Bühler!N4320</f>
        <v>45470.583333322938</v>
      </c>
      <c r="X4288" s="83">
        <v>43279.583333333336</v>
      </c>
      <c r="Y4288">
        <v>299217.75910000002</v>
      </c>
      <c r="Z4288">
        <v>38477.155149999999</v>
      </c>
      <c r="AA4288">
        <v>107246.4679</v>
      </c>
      <c r="AB4288">
        <v>59795.459909999998</v>
      </c>
      <c r="AC4288">
        <v>53526.104050000002</v>
      </c>
      <c r="AD4288">
        <v>39199.07834</v>
      </c>
      <c r="AE4288">
        <v>46887.821600000003</v>
      </c>
      <c r="AF4288">
        <v>67072.592350000006</v>
      </c>
      <c r="AG4288">
        <v>33066.820619999999</v>
      </c>
      <c r="AH4288">
        <v>375747.40600000002</v>
      </c>
      <c r="AI4288">
        <v>95157.513000000006</v>
      </c>
      <c r="AJ4288">
        <v>26665.72135</v>
      </c>
      <c r="AK4288">
        <v>35643.540589999997</v>
      </c>
      <c r="AL4288">
        <v>106559.1639</v>
      </c>
      <c r="AM4288">
        <v>24797.90969</v>
      </c>
      <c r="AN4288">
        <v>116153.16220000001</v>
      </c>
      <c r="AO4288">
        <v>32309.037179999999</v>
      </c>
      <c r="AP4288">
        <v>26696.510900000001</v>
      </c>
    </row>
    <row r="4289" spans="2:42" x14ac:dyDescent="0.3">
      <c r="B4289">
        <v>73.133956152975117</v>
      </c>
      <c r="C4289" s="83">
        <v>43279.625</v>
      </c>
      <c r="D4289">
        <v>297290.62780000002</v>
      </c>
      <c r="E4289">
        <v>38259.735269999997</v>
      </c>
      <c r="F4289">
        <v>109200.6105</v>
      </c>
      <c r="G4289">
        <v>57584.860110000001</v>
      </c>
      <c r="H4289">
        <v>52527.479899999998</v>
      </c>
      <c r="I4289">
        <v>39116.553269999997</v>
      </c>
      <c r="J4289">
        <v>46814.696519999998</v>
      </c>
      <c r="K4289">
        <v>67104.031210000001</v>
      </c>
      <c r="L4289">
        <v>30617.600149999998</v>
      </c>
      <c r="M4289">
        <v>372871.01390000002</v>
      </c>
      <c r="N4289">
        <v>93396.169439999998</v>
      </c>
      <c r="O4289">
        <v>26127.639609999998</v>
      </c>
      <c r="P4289">
        <v>32768.961060000001</v>
      </c>
      <c r="Q4289">
        <v>106371.7395</v>
      </c>
      <c r="R4289">
        <v>25102.634969999999</v>
      </c>
      <c r="S4289">
        <v>114847.6265</v>
      </c>
      <c r="T4289">
        <v>32020.058430000001</v>
      </c>
      <c r="U4289">
        <v>25997.15898</v>
      </c>
      <c r="W4289" s="83">
        <f>Bühler!N4321</f>
        <v>45470.624999989603</v>
      </c>
      <c r="X4289" s="83">
        <v>43279.625</v>
      </c>
      <c r="Y4289">
        <v>297290.62780000002</v>
      </c>
      <c r="Z4289">
        <v>38259.735269999997</v>
      </c>
      <c r="AA4289">
        <v>109200.6105</v>
      </c>
      <c r="AB4289">
        <v>57584.860110000001</v>
      </c>
      <c r="AC4289">
        <v>52527.479899999998</v>
      </c>
      <c r="AD4289">
        <v>39116.553269999997</v>
      </c>
      <c r="AE4289">
        <v>46814.696519999998</v>
      </c>
      <c r="AF4289">
        <v>67104.031210000001</v>
      </c>
      <c r="AG4289">
        <v>30617.600149999998</v>
      </c>
      <c r="AH4289">
        <v>372871.01390000002</v>
      </c>
      <c r="AI4289">
        <v>93396.169439999998</v>
      </c>
      <c r="AJ4289">
        <v>26127.639609999998</v>
      </c>
      <c r="AK4289">
        <v>32768.961060000001</v>
      </c>
      <c r="AL4289">
        <v>106371.7395</v>
      </c>
      <c r="AM4289">
        <v>25102.634969999999</v>
      </c>
      <c r="AN4289">
        <v>114847.6265</v>
      </c>
      <c r="AO4289">
        <v>32020.058430000001</v>
      </c>
      <c r="AP4289">
        <v>25997.15898</v>
      </c>
    </row>
    <row r="4290" spans="2:42" x14ac:dyDescent="0.3">
      <c r="B4290">
        <v>71.468438224549814</v>
      </c>
      <c r="C4290" s="83">
        <v>43279.666666666664</v>
      </c>
      <c r="D4290">
        <v>288860.61719999998</v>
      </c>
      <c r="E4290">
        <v>37669.436289999998</v>
      </c>
      <c r="F4290">
        <v>108690.02190000001</v>
      </c>
      <c r="G4290">
        <v>54087.0144</v>
      </c>
      <c r="H4290">
        <v>50736.016259999997</v>
      </c>
      <c r="I4290">
        <v>40192.120130000003</v>
      </c>
      <c r="J4290">
        <v>47127.740949999999</v>
      </c>
      <c r="K4290">
        <v>63804.277719999998</v>
      </c>
      <c r="L4290">
        <v>29802.3076</v>
      </c>
      <c r="M4290">
        <v>364379.42680000002</v>
      </c>
      <c r="N4290">
        <v>92507.989820000003</v>
      </c>
      <c r="O4290">
        <v>25887.641169999999</v>
      </c>
      <c r="P4290">
        <v>32269.75374</v>
      </c>
      <c r="Q4290">
        <v>105470.3879</v>
      </c>
      <c r="R4290">
        <v>25046.95246</v>
      </c>
      <c r="S4290">
        <v>112777.6902</v>
      </c>
      <c r="T4290">
        <v>31643.86823</v>
      </c>
      <c r="U4290">
        <v>24333.760869999998</v>
      </c>
      <c r="W4290" s="83">
        <f>Bühler!N4322</f>
        <v>45470.666666656267</v>
      </c>
      <c r="X4290" s="83">
        <v>43279.666666666664</v>
      </c>
      <c r="Y4290">
        <v>288860.61719999998</v>
      </c>
      <c r="Z4290">
        <v>37669.436289999998</v>
      </c>
      <c r="AA4290">
        <v>108690.02190000001</v>
      </c>
      <c r="AB4290">
        <v>54087.0144</v>
      </c>
      <c r="AC4290">
        <v>50736.016259999997</v>
      </c>
      <c r="AD4290">
        <v>40192.120130000003</v>
      </c>
      <c r="AE4290">
        <v>47127.740949999999</v>
      </c>
      <c r="AF4290">
        <v>63804.277719999998</v>
      </c>
      <c r="AG4290">
        <v>29802.3076</v>
      </c>
      <c r="AH4290">
        <v>364379.42680000002</v>
      </c>
      <c r="AI4290">
        <v>92507.989820000003</v>
      </c>
      <c r="AJ4290">
        <v>25887.641169999999</v>
      </c>
      <c r="AK4290">
        <v>32269.75374</v>
      </c>
      <c r="AL4290">
        <v>105470.3879</v>
      </c>
      <c r="AM4290">
        <v>25046.95246</v>
      </c>
      <c r="AN4290">
        <v>112777.6902</v>
      </c>
      <c r="AO4290">
        <v>31643.86823</v>
      </c>
      <c r="AP4290">
        <v>24333.760869999998</v>
      </c>
    </row>
    <row r="4291" spans="2:42" x14ac:dyDescent="0.3">
      <c r="B4291">
        <v>69.9056271622444</v>
      </c>
      <c r="C4291" s="83">
        <v>43279.708333333336</v>
      </c>
      <c r="D4291">
        <v>279648.54950000002</v>
      </c>
      <c r="E4291">
        <v>35630.91865</v>
      </c>
      <c r="F4291">
        <v>107286.4176</v>
      </c>
      <c r="G4291">
        <v>49582.467700000001</v>
      </c>
      <c r="H4291">
        <v>48317.880819999998</v>
      </c>
      <c r="I4291">
        <v>40298.268960000001</v>
      </c>
      <c r="J4291">
        <v>47637.391510000001</v>
      </c>
      <c r="K4291">
        <v>59509.659489999998</v>
      </c>
      <c r="L4291">
        <v>29843.767179999999</v>
      </c>
      <c r="M4291">
        <v>356411.48719999997</v>
      </c>
      <c r="N4291">
        <v>89512.969920000003</v>
      </c>
      <c r="O4291">
        <v>25171.653900000001</v>
      </c>
      <c r="P4291">
        <v>33239.035810000001</v>
      </c>
      <c r="Q4291">
        <v>104414.9843</v>
      </c>
      <c r="R4291">
        <v>25437.15409</v>
      </c>
      <c r="S4291">
        <v>109763.1113</v>
      </c>
      <c r="T4291">
        <v>30969.539629999999</v>
      </c>
      <c r="U4291">
        <v>21554.027989999999</v>
      </c>
      <c r="W4291" s="83">
        <f>Bühler!N4323</f>
        <v>45470.708333322931</v>
      </c>
      <c r="X4291" s="83">
        <v>43279.708333333336</v>
      </c>
      <c r="Y4291">
        <v>279648.54950000002</v>
      </c>
      <c r="Z4291">
        <v>35630.91865</v>
      </c>
      <c r="AA4291">
        <v>107286.4176</v>
      </c>
      <c r="AB4291">
        <v>49582.467700000001</v>
      </c>
      <c r="AC4291">
        <v>48317.880819999998</v>
      </c>
      <c r="AD4291">
        <v>40298.268960000001</v>
      </c>
      <c r="AE4291">
        <v>47637.391510000001</v>
      </c>
      <c r="AF4291">
        <v>59509.659489999998</v>
      </c>
      <c r="AG4291">
        <v>29843.767179999999</v>
      </c>
      <c r="AH4291">
        <v>356411.48719999997</v>
      </c>
      <c r="AI4291">
        <v>89512.969920000003</v>
      </c>
      <c r="AJ4291">
        <v>25171.653900000001</v>
      </c>
      <c r="AK4291">
        <v>33239.035810000001</v>
      </c>
      <c r="AL4291">
        <v>104414.9843</v>
      </c>
      <c r="AM4291">
        <v>25437.15409</v>
      </c>
      <c r="AN4291">
        <v>109763.1113</v>
      </c>
      <c r="AO4291">
        <v>30969.539629999999</v>
      </c>
      <c r="AP4291">
        <v>21554.027989999999</v>
      </c>
    </row>
    <row r="4292" spans="2:42" x14ac:dyDescent="0.3">
      <c r="B4292">
        <v>68.262824947179212</v>
      </c>
      <c r="C4292" s="83">
        <v>43279.75</v>
      </c>
      <c r="D4292">
        <v>271583.0797</v>
      </c>
      <c r="E4292">
        <v>31801.18259</v>
      </c>
      <c r="F4292">
        <v>103860.82060000001</v>
      </c>
      <c r="G4292">
        <v>44493.278619999997</v>
      </c>
      <c r="H4292">
        <v>45820.984850000001</v>
      </c>
      <c r="I4292">
        <v>37915.869339999997</v>
      </c>
      <c r="J4292">
        <v>47328.465709999997</v>
      </c>
      <c r="K4292">
        <v>57142.257890000001</v>
      </c>
      <c r="L4292">
        <v>29660.525450000001</v>
      </c>
      <c r="M4292">
        <v>348035.71539999999</v>
      </c>
      <c r="N4292">
        <v>87204.381359999999</v>
      </c>
      <c r="O4292">
        <v>24037.89416</v>
      </c>
      <c r="P4292">
        <v>36702.591160000004</v>
      </c>
      <c r="Q4292">
        <v>102715.43150000001</v>
      </c>
      <c r="R4292">
        <v>23362.438259999999</v>
      </c>
      <c r="S4292">
        <v>102169.2306</v>
      </c>
      <c r="T4292">
        <v>29536.11778</v>
      </c>
      <c r="U4292">
        <v>20227.464349999998</v>
      </c>
      <c r="W4292" s="83">
        <f>Bühler!N4324</f>
        <v>45470.749999989595</v>
      </c>
      <c r="X4292" s="83">
        <v>43279.75</v>
      </c>
      <c r="Y4292">
        <v>271583.0797</v>
      </c>
      <c r="Z4292">
        <v>31801.18259</v>
      </c>
      <c r="AA4292">
        <v>103860.82060000001</v>
      </c>
      <c r="AB4292">
        <v>44493.278619999997</v>
      </c>
      <c r="AC4292">
        <v>45820.984850000001</v>
      </c>
      <c r="AD4292">
        <v>37915.869339999997</v>
      </c>
      <c r="AE4292">
        <v>47328.465709999997</v>
      </c>
      <c r="AF4292">
        <v>57142.257890000001</v>
      </c>
      <c r="AG4292">
        <v>29660.525450000001</v>
      </c>
      <c r="AH4292">
        <v>348035.71539999999</v>
      </c>
      <c r="AI4292">
        <v>87204.381359999999</v>
      </c>
      <c r="AJ4292">
        <v>24037.89416</v>
      </c>
      <c r="AK4292">
        <v>36702.591160000004</v>
      </c>
      <c r="AL4292">
        <v>102715.43150000001</v>
      </c>
      <c r="AM4292">
        <v>23362.438259999999</v>
      </c>
      <c r="AN4292">
        <v>102169.2306</v>
      </c>
      <c r="AO4292">
        <v>29536.11778</v>
      </c>
      <c r="AP4292">
        <v>20227.464349999998</v>
      </c>
    </row>
    <row r="4293" spans="2:42" x14ac:dyDescent="0.3">
      <c r="B4293">
        <v>66.668236309200367</v>
      </c>
      <c r="C4293" s="83">
        <v>43279.791666666664</v>
      </c>
      <c r="D4293">
        <v>265656.45520000003</v>
      </c>
      <c r="E4293">
        <v>26361.549230000001</v>
      </c>
      <c r="F4293">
        <v>91574.192880000002</v>
      </c>
      <c r="G4293">
        <v>40531.226519999997</v>
      </c>
      <c r="H4293">
        <v>43148.79782</v>
      </c>
      <c r="I4293">
        <v>33930.640229999997</v>
      </c>
      <c r="J4293">
        <v>46115.829559999998</v>
      </c>
      <c r="K4293">
        <v>57011.149969999999</v>
      </c>
      <c r="L4293">
        <v>29957.761289999999</v>
      </c>
      <c r="M4293">
        <v>339905.75890000002</v>
      </c>
      <c r="N4293">
        <v>84599.836909999998</v>
      </c>
      <c r="O4293">
        <v>22280.15424</v>
      </c>
      <c r="P4293">
        <v>38211.588349999998</v>
      </c>
      <c r="Q4293">
        <v>99191.128830000001</v>
      </c>
      <c r="R4293">
        <v>22095.651880000001</v>
      </c>
      <c r="S4293">
        <v>96631.031650000004</v>
      </c>
      <c r="T4293">
        <v>29249.452789999999</v>
      </c>
      <c r="U4293">
        <v>19181.45217</v>
      </c>
      <c r="W4293" s="83">
        <f>Bühler!N4325</f>
        <v>45470.79166665626</v>
      </c>
      <c r="X4293" s="83">
        <v>43279.791666666664</v>
      </c>
      <c r="Y4293">
        <v>265656.45520000003</v>
      </c>
      <c r="Z4293">
        <v>26361.549230000001</v>
      </c>
      <c r="AA4293">
        <v>91574.192880000002</v>
      </c>
      <c r="AB4293">
        <v>40531.226519999997</v>
      </c>
      <c r="AC4293">
        <v>43148.79782</v>
      </c>
      <c r="AD4293">
        <v>33930.640229999997</v>
      </c>
      <c r="AE4293">
        <v>46115.829559999998</v>
      </c>
      <c r="AF4293">
        <v>57011.149969999999</v>
      </c>
      <c r="AG4293">
        <v>29957.761289999999</v>
      </c>
      <c r="AH4293">
        <v>339905.75890000002</v>
      </c>
      <c r="AI4293">
        <v>84599.836909999998</v>
      </c>
      <c r="AJ4293">
        <v>22280.15424</v>
      </c>
      <c r="AK4293">
        <v>38211.588349999998</v>
      </c>
      <c r="AL4293">
        <v>99191.128830000001</v>
      </c>
      <c r="AM4293">
        <v>22095.651880000001</v>
      </c>
      <c r="AN4293">
        <v>96631.031650000004</v>
      </c>
      <c r="AO4293">
        <v>29249.452789999999</v>
      </c>
      <c r="AP4293">
        <v>19181.45217</v>
      </c>
    </row>
    <row r="4294" spans="2:42" x14ac:dyDescent="0.3">
      <c r="B4294">
        <v>64.354693802714849</v>
      </c>
      <c r="C4294" s="83">
        <v>43279.833333333336</v>
      </c>
      <c r="D4294">
        <v>253893.421</v>
      </c>
      <c r="E4294">
        <v>19608.986509999999</v>
      </c>
      <c r="F4294">
        <v>73254.69184</v>
      </c>
      <c r="G4294">
        <v>37372.908439999999</v>
      </c>
      <c r="H4294">
        <v>39900.910329999999</v>
      </c>
      <c r="I4294">
        <v>31267.690289999999</v>
      </c>
      <c r="J4294">
        <v>44910.402300000002</v>
      </c>
      <c r="K4294">
        <v>56091.83799</v>
      </c>
      <c r="L4294">
        <v>30150.93794</v>
      </c>
      <c r="M4294">
        <v>328110.2403</v>
      </c>
      <c r="N4294">
        <v>81734.160539999997</v>
      </c>
      <c r="O4294">
        <v>20178.342530000002</v>
      </c>
      <c r="P4294">
        <v>38129.14127</v>
      </c>
      <c r="Q4294">
        <v>96344.685370000007</v>
      </c>
      <c r="R4294">
        <v>20644.581709999999</v>
      </c>
      <c r="S4294">
        <v>87327.325030000007</v>
      </c>
      <c r="T4294">
        <v>28199.343280000001</v>
      </c>
      <c r="U4294">
        <v>18178.664110000002</v>
      </c>
      <c r="W4294" s="83">
        <f>Bühler!N4326</f>
        <v>45470.833333322924</v>
      </c>
      <c r="X4294" s="83">
        <v>43279.833333333336</v>
      </c>
      <c r="Y4294">
        <v>253893.421</v>
      </c>
      <c r="Z4294">
        <v>19608.986509999999</v>
      </c>
      <c r="AA4294">
        <v>73254.69184</v>
      </c>
      <c r="AB4294">
        <v>37372.908439999999</v>
      </c>
      <c r="AC4294">
        <v>39900.910329999999</v>
      </c>
      <c r="AD4294">
        <v>31267.690289999999</v>
      </c>
      <c r="AE4294">
        <v>44910.402300000002</v>
      </c>
      <c r="AF4294">
        <v>56091.83799</v>
      </c>
      <c r="AG4294">
        <v>30150.93794</v>
      </c>
      <c r="AH4294">
        <v>328110.2403</v>
      </c>
      <c r="AI4294">
        <v>81734.160539999997</v>
      </c>
      <c r="AJ4294">
        <v>20178.342530000002</v>
      </c>
      <c r="AK4294">
        <v>38129.14127</v>
      </c>
      <c r="AL4294">
        <v>96344.685370000007</v>
      </c>
      <c r="AM4294">
        <v>20644.581709999999</v>
      </c>
      <c r="AN4294">
        <v>87327.325030000007</v>
      </c>
      <c r="AO4294">
        <v>28199.343280000001</v>
      </c>
      <c r="AP4294">
        <v>18178.664110000002</v>
      </c>
    </row>
    <row r="4295" spans="2:42" x14ac:dyDescent="0.3">
      <c r="B4295">
        <v>62.283194612244763</v>
      </c>
      <c r="C4295" s="83">
        <v>43279.875</v>
      </c>
      <c r="D4295">
        <v>245040.11069999999</v>
      </c>
      <c r="E4295">
        <v>16665.722959999999</v>
      </c>
      <c r="F4295">
        <v>63728.13682</v>
      </c>
      <c r="G4295">
        <v>35915.09837</v>
      </c>
      <c r="H4295">
        <v>37597.372199999998</v>
      </c>
      <c r="I4295">
        <v>28651.249479999999</v>
      </c>
      <c r="J4295">
        <v>43596.16171</v>
      </c>
      <c r="K4295">
        <v>54800.697359999998</v>
      </c>
      <c r="L4295">
        <v>29147.383020000001</v>
      </c>
      <c r="M4295">
        <v>317548.77140000003</v>
      </c>
      <c r="N4295">
        <v>79057.023379999999</v>
      </c>
      <c r="O4295">
        <v>19298.609489999999</v>
      </c>
      <c r="P4295">
        <v>35924.503239999998</v>
      </c>
      <c r="Q4295">
        <v>93518.053350000002</v>
      </c>
      <c r="R4295">
        <v>19590.818090000001</v>
      </c>
      <c r="S4295">
        <v>82548.063620000001</v>
      </c>
      <c r="T4295">
        <v>26159.363689999998</v>
      </c>
      <c r="U4295">
        <v>17125.37556</v>
      </c>
      <c r="W4295" s="83">
        <f>Bühler!N4327</f>
        <v>45470.874999989588</v>
      </c>
      <c r="X4295" s="83">
        <v>43279.875</v>
      </c>
      <c r="Y4295">
        <v>245040.11069999999</v>
      </c>
      <c r="Z4295">
        <v>16665.722959999999</v>
      </c>
      <c r="AA4295">
        <v>63728.13682</v>
      </c>
      <c r="AB4295">
        <v>35915.09837</v>
      </c>
      <c r="AC4295">
        <v>37597.372199999998</v>
      </c>
      <c r="AD4295">
        <v>28651.249479999999</v>
      </c>
      <c r="AE4295">
        <v>43596.16171</v>
      </c>
      <c r="AF4295">
        <v>54800.697359999998</v>
      </c>
      <c r="AG4295">
        <v>29147.383020000001</v>
      </c>
      <c r="AH4295">
        <v>317548.77140000003</v>
      </c>
      <c r="AI4295">
        <v>79057.023379999999</v>
      </c>
      <c r="AJ4295">
        <v>19298.609489999999</v>
      </c>
      <c r="AK4295">
        <v>35924.503239999998</v>
      </c>
      <c r="AL4295">
        <v>93518.053350000002</v>
      </c>
      <c r="AM4295">
        <v>19590.818090000001</v>
      </c>
      <c r="AN4295">
        <v>82548.063620000001</v>
      </c>
      <c r="AO4295">
        <v>26159.363689999998</v>
      </c>
      <c r="AP4295">
        <v>17125.37556</v>
      </c>
    </row>
    <row r="4296" spans="2:42" x14ac:dyDescent="0.3">
      <c r="B4296">
        <v>62.193845213926423</v>
      </c>
      <c r="C4296" s="83">
        <v>43279.916666666664</v>
      </c>
      <c r="D4296">
        <v>244200.12469999999</v>
      </c>
      <c r="E4296">
        <v>15728.1554</v>
      </c>
      <c r="F4296">
        <v>60826.426760000002</v>
      </c>
      <c r="G4296">
        <v>35097.011359999997</v>
      </c>
      <c r="H4296">
        <v>38291.99323</v>
      </c>
      <c r="I4296">
        <v>26309.51959</v>
      </c>
      <c r="J4296">
        <v>44012.602449999998</v>
      </c>
      <c r="K4296">
        <v>57301.148979999998</v>
      </c>
      <c r="L4296">
        <v>26266.06825</v>
      </c>
      <c r="M4296">
        <v>317093.22649999999</v>
      </c>
      <c r="N4296">
        <v>77802.10514</v>
      </c>
      <c r="O4296">
        <v>18342.837220000001</v>
      </c>
      <c r="P4296">
        <v>38736.119550000003</v>
      </c>
      <c r="Q4296">
        <v>91960.31624</v>
      </c>
      <c r="R4296">
        <v>20539.275730000001</v>
      </c>
      <c r="S4296">
        <v>81850.326969999995</v>
      </c>
      <c r="T4296">
        <v>24005.895260000001</v>
      </c>
      <c r="U4296">
        <v>17555.448390000001</v>
      </c>
      <c r="W4296" s="83">
        <f>Bühler!N4328</f>
        <v>45470.916666656252</v>
      </c>
      <c r="X4296" s="83">
        <v>43279.916666666664</v>
      </c>
      <c r="Y4296">
        <v>244200.12469999999</v>
      </c>
      <c r="Z4296">
        <v>15728.1554</v>
      </c>
      <c r="AA4296">
        <v>60826.426760000002</v>
      </c>
      <c r="AB4296">
        <v>35097.011359999997</v>
      </c>
      <c r="AC4296">
        <v>38291.99323</v>
      </c>
      <c r="AD4296">
        <v>26309.51959</v>
      </c>
      <c r="AE4296">
        <v>44012.602449999998</v>
      </c>
      <c r="AF4296">
        <v>57301.148979999998</v>
      </c>
      <c r="AG4296">
        <v>26266.06825</v>
      </c>
      <c r="AH4296">
        <v>317093.22649999999</v>
      </c>
      <c r="AI4296">
        <v>77802.10514</v>
      </c>
      <c r="AJ4296">
        <v>18342.837220000001</v>
      </c>
      <c r="AK4296">
        <v>38736.119550000003</v>
      </c>
      <c r="AL4296">
        <v>91960.31624</v>
      </c>
      <c r="AM4296">
        <v>20539.275730000001</v>
      </c>
      <c r="AN4296">
        <v>81850.326969999995</v>
      </c>
      <c r="AO4296">
        <v>24005.895260000001</v>
      </c>
      <c r="AP4296">
        <v>17555.448390000001</v>
      </c>
    </row>
    <row r="4297" spans="2:42" x14ac:dyDescent="0.3">
      <c r="B4297">
        <v>61.827064191050681</v>
      </c>
      <c r="C4297" s="83">
        <v>43279.958333333336</v>
      </c>
      <c r="D4297">
        <v>243850.899</v>
      </c>
      <c r="E4297">
        <v>14884.76648</v>
      </c>
      <c r="F4297">
        <v>58449.181700000001</v>
      </c>
      <c r="G4297">
        <v>34362.535450000003</v>
      </c>
      <c r="H4297">
        <v>37169.073539999998</v>
      </c>
      <c r="I4297">
        <v>25695.576690000002</v>
      </c>
      <c r="J4297">
        <v>40653.74078</v>
      </c>
      <c r="K4297">
        <v>55962.80386</v>
      </c>
      <c r="L4297">
        <v>22577.146089999998</v>
      </c>
      <c r="M4297">
        <v>315223.2058</v>
      </c>
      <c r="N4297">
        <v>77598.091130000001</v>
      </c>
      <c r="O4297">
        <v>17904.224839999999</v>
      </c>
      <c r="P4297">
        <v>34306.185969999999</v>
      </c>
      <c r="Q4297">
        <v>89990.251459999999</v>
      </c>
      <c r="R4297">
        <v>20852.814160000002</v>
      </c>
      <c r="S4297">
        <v>79477.224419999999</v>
      </c>
      <c r="T4297">
        <v>21425.59762</v>
      </c>
      <c r="U4297">
        <v>16737.617310000001</v>
      </c>
      <c r="W4297" s="83">
        <f>Bühler!N4329</f>
        <v>45470.958333322917</v>
      </c>
      <c r="X4297" s="83">
        <v>43279.958333333336</v>
      </c>
      <c r="Y4297">
        <v>243850.899</v>
      </c>
      <c r="Z4297">
        <v>14884.76648</v>
      </c>
      <c r="AA4297">
        <v>58449.181700000001</v>
      </c>
      <c r="AB4297">
        <v>34362.535450000003</v>
      </c>
      <c r="AC4297">
        <v>37169.073539999998</v>
      </c>
      <c r="AD4297">
        <v>25695.576690000002</v>
      </c>
      <c r="AE4297">
        <v>40653.74078</v>
      </c>
      <c r="AF4297">
        <v>55962.80386</v>
      </c>
      <c r="AG4297">
        <v>22577.146089999998</v>
      </c>
      <c r="AH4297">
        <v>315223.2058</v>
      </c>
      <c r="AI4297">
        <v>77598.091130000001</v>
      </c>
      <c r="AJ4297">
        <v>17904.224839999999</v>
      </c>
      <c r="AK4297">
        <v>34306.185969999999</v>
      </c>
      <c r="AL4297">
        <v>89990.251459999999</v>
      </c>
      <c r="AM4297">
        <v>20852.814160000002</v>
      </c>
      <c r="AN4297">
        <v>79477.224419999999</v>
      </c>
      <c r="AO4297">
        <v>21425.59762</v>
      </c>
      <c r="AP4297">
        <v>16737.617310000001</v>
      </c>
    </row>
    <row r="4298" spans="2:42" x14ac:dyDescent="0.3">
      <c r="B4298">
        <v>60.553581899607408</v>
      </c>
      <c r="C4298" s="83">
        <v>43280</v>
      </c>
      <c r="D4298">
        <v>241536.45449999999</v>
      </c>
      <c r="E4298">
        <v>14255.44542</v>
      </c>
      <c r="F4298">
        <v>56435.342620000003</v>
      </c>
      <c r="G4298">
        <v>33525.508809999999</v>
      </c>
      <c r="H4298">
        <v>36244.614869999998</v>
      </c>
      <c r="I4298">
        <v>23791.1535</v>
      </c>
      <c r="J4298">
        <v>37271.91102</v>
      </c>
      <c r="K4298">
        <v>53798.788740000004</v>
      </c>
      <c r="L4298">
        <v>19947.8868</v>
      </c>
      <c r="M4298">
        <v>308730.39919999999</v>
      </c>
      <c r="N4298">
        <v>76488.504279999994</v>
      </c>
      <c r="O4298">
        <v>17509.15828</v>
      </c>
      <c r="P4298">
        <v>31240.822349999999</v>
      </c>
      <c r="Q4298">
        <v>87780.140209999998</v>
      </c>
      <c r="R4298">
        <v>16852.282510000001</v>
      </c>
      <c r="S4298">
        <v>77311.781730000002</v>
      </c>
      <c r="T4298">
        <v>19269.037629999999</v>
      </c>
      <c r="U4298">
        <v>16373.85543</v>
      </c>
      <c r="W4298" s="83">
        <f>Bühler!N4330</f>
        <v>45470.999999989581</v>
      </c>
      <c r="X4298" s="83">
        <v>43280</v>
      </c>
      <c r="Y4298">
        <v>241536.45449999999</v>
      </c>
      <c r="Z4298">
        <v>14255.44542</v>
      </c>
      <c r="AA4298">
        <v>56435.342620000003</v>
      </c>
      <c r="AB4298">
        <v>33525.508809999999</v>
      </c>
      <c r="AC4298">
        <v>36244.614869999998</v>
      </c>
      <c r="AD4298">
        <v>23791.1535</v>
      </c>
      <c r="AE4298">
        <v>37271.91102</v>
      </c>
      <c r="AF4298">
        <v>53798.788740000004</v>
      </c>
      <c r="AG4298">
        <v>19947.8868</v>
      </c>
      <c r="AH4298">
        <v>308730.39919999999</v>
      </c>
      <c r="AI4298">
        <v>76488.504279999994</v>
      </c>
      <c r="AJ4298">
        <v>17509.15828</v>
      </c>
      <c r="AK4298">
        <v>31240.822349999999</v>
      </c>
      <c r="AL4298">
        <v>87780.140209999998</v>
      </c>
      <c r="AM4298">
        <v>16852.282510000001</v>
      </c>
      <c r="AN4298">
        <v>77311.781730000002</v>
      </c>
      <c r="AO4298">
        <v>19269.037629999999</v>
      </c>
      <c r="AP4298">
        <v>16373.85543</v>
      </c>
    </row>
    <row r="4299" spans="2:42" x14ac:dyDescent="0.3">
      <c r="B4299">
        <v>60.096929105640555</v>
      </c>
      <c r="C4299" s="83">
        <v>43280.041666666664</v>
      </c>
      <c r="D4299">
        <v>241840.5055</v>
      </c>
      <c r="E4299">
        <v>13872.95904</v>
      </c>
      <c r="F4299">
        <v>55492.691930000001</v>
      </c>
      <c r="G4299">
        <v>33040.019339999999</v>
      </c>
      <c r="H4299">
        <v>35468.049720000003</v>
      </c>
      <c r="I4299">
        <v>19464.466059999999</v>
      </c>
      <c r="J4299">
        <v>35461.0533</v>
      </c>
      <c r="K4299">
        <v>51174.198089999998</v>
      </c>
      <c r="L4299">
        <v>18448.02001</v>
      </c>
      <c r="M4299">
        <v>306402.1703</v>
      </c>
      <c r="N4299">
        <v>75929.466029999996</v>
      </c>
      <c r="O4299">
        <v>17848.150150000001</v>
      </c>
      <c r="P4299">
        <v>27941.452140000001</v>
      </c>
      <c r="Q4299">
        <v>87555.371199999994</v>
      </c>
      <c r="R4299">
        <v>14638.23431</v>
      </c>
      <c r="S4299">
        <v>75594.187720000002</v>
      </c>
      <c r="T4299">
        <v>18554.673350000001</v>
      </c>
      <c r="U4299">
        <v>16403.319469999999</v>
      </c>
      <c r="W4299" s="83">
        <f>Bühler!N4331</f>
        <v>45471.041666656245</v>
      </c>
      <c r="X4299" s="83">
        <v>43280.041666666664</v>
      </c>
      <c r="Y4299">
        <v>241840.5055</v>
      </c>
      <c r="Z4299">
        <v>13872.95904</v>
      </c>
      <c r="AA4299">
        <v>55492.691930000001</v>
      </c>
      <c r="AB4299">
        <v>33040.019339999999</v>
      </c>
      <c r="AC4299">
        <v>35468.049720000003</v>
      </c>
      <c r="AD4299">
        <v>19464.466059999999</v>
      </c>
      <c r="AE4299">
        <v>35461.0533</v>
      </c>
      <c r="AF4299">
        <v>51174.198089999998</v>
      </c>
      <c r="AG4299">
        <v>18448.02001</v>
      </c>
      <c r="AH4299">
        <v>306402.1703</v>
      </c>
      <c r="AI4299">
        <v>75929.466029999996</v>
      </c>
      <c r="AJ4299">
        <v>17848.150150000001</v>
      </c>
      <c r="AK4299">
        <v>27941.452140000001</v>
      </c>
      <c r="AL4299">
        <v>87555.371199999994</v>
      </c>
      <c r="AM4299">
        <v>14638.23431</v>
      </c>
      <c r="AN4299">
        <v>75594.187720000002</v>
      </c>
      <c r="AO4299">
        <v>18554.673350000001</v>
      </c>
      <c r="AP4299">
        <v>16403.319469999999</v>
      </c>
    </row>
    <row r="4300" spans="2:42" x14ac:dyDescent="0.3">
      <c r="B4300">
        <v>59.834885265318263</v>
      </c>
      <c r="C4300" s="83">
        <v>43280.083333333336</v>
      </c>
      <c r="D4300">
        <v>239252.7936</v>
      </c>
      <c r="E4300">
        <v>13512.663409999999</v>
      </c>
      <c r="F4300">
        <v>55690.561719999998</v>
      </c>
      <c r="G4300">
        <v>32609.21646</v>
      </c>
      <c r="H4300">
        <v>35047.682999999997</v>
      </c>
      <c r="I4300">
        <v>16895.95808</v>
      </c>
      <c r="J4300">
        <v>34667.430950000002</v>
      </c>
      <c r="K4300">
        <v>49937.672070000001</v>
      </c>
      <c r="L4300">
        <v>17993.600880000002</v>
      </c>
      <c r="M4300">
        <v>305066.14860000001</v>
      </c>
      <c r="N4300">
        <v>74673.902660000007</v>
      </c>
      <c r="O4300">
        <v>17418.40554</v>
      </c>
      <c r="P4300">
        <v>26094.764940000001</v>
      </c>
      <c r="Q4300">
        <v>90787.065740000005</v>
      </c>
      <c r="R4300">
        <v>14716.97639</v>
      </c>
      <c r="S4300">
        <v>74247.529909999997</v>
      </c>
      <c r="T4300">
        <v>17985.397980000002</v>
      </c>
      <c r="U4300">
        <v>16131.04298</v>
      </c>
      <c r="W4300" s="83">
        <f>Bühler!N4332</f>
        <v>45471.083333322909</v>
      </c>
      <c r="X4300" s="83">
        <v>43280.083333333336</v>
      </c>
      <c r="Y4300">
        <v>239252.7936</v>
      </c>
      <c r="Z4300">
        <v>13512.663409999999</v>
      </c>
      <c r="AA4300">
        <v>55690.561719999998</v>
      </c>
      <c r="AB4300">
        <v>32609.21646</v>
      </c>
      <c r="AC4300">
        <v>35047.682999999997</v>
      </c>
      <c r="AD4300">
        <v>16895.95808</v>
      </c>
      <c r="AE4300">
        <v>34667.430950000002</v>
      </c>
      <c r="AF4300">
        <v>49937.672070000001</v>
      </c>
      <c r="AG4300">
        <v>17993.600880000002</v>
      </c>
      <c r="AH4300">
        <v>305066.14860000001</v>
      </c>
      <c r="AI4300">
        <v>74673.902660000007</v>
      </c>
      <c r="AJ4300">
        <v>17418.40554</v>
      </c>
      <c r="AK4300">
        <v>26094.764940000001</v>
      </c>
      <c r="AL4300">
        <v>90787.065740000005</v>
      </c>
      <c r="AM4300">
        <v>14716.97639</v>
      </c>
      <c r="AN4300">
        <v>74247.529909999997</v>
      </c>
      <c r="AO4300">
        <v>17985.397980000002</v>
      </c>
      <c r="AP4300">
        <v>16131.04298</v>
      </c>
    </row>
    <row r="4301" spans="2:42" x14ac:dyDescent="0.3">
      <c r="B4301">
        <v>59.975205285500181</v>
      </c>
      <c r="C4301" s="83">
        <v>43280.125</v>
      </c>
      <c r="D4301">
        <v>239406.97750000001</v>
      </c>
      <c r="E4301">
        <v>13297.601640000001</v>
      </c>
      <c r="F4301">
        <v>56863.283069999998</v>
      </c>
      <c r="G4301">
        <v>31735.385539999999</v>
      </c>
      <c r="H4301">
        <v>34620.178059999998</v>
      </c>
      <c r="I4301">
        <v>16472.050599999999</v>
      </c>
      <c r="J4301">
        <v>34003.950519999999</v>
      </c>
      <c r="K4301">
        <v>48699.830099999999</v>
      </c>
      <c r="L4301">
        <v>17685.750820000001</v>
      </c>
      <c r="M4301">
        <v>305781.56550000003</v>
      </c>
      <c r="N4301">
        <v>73028.721179999993</v>
      </c>
      <c r="O4301">
        <v>17485.823489999999</v>
      </c>
      <c r="P4301">
        <v>25359.891820000001</v>
      </c>
      <c r="Q4301">
        <v>93345.902520000003</v>
      </c>
      <c r="R4301">
        <v>14447.32595</v>
      </c>
      <c r="S4301">
        <v>73093.681949999998</v>
      </c>
      <c r="T4301">
        <v>17542.889719999999</v>
      </c>
      <c r="U4301">
        <v>15755.96308</v>
      </c>
      <c r="W4301" s="83">
        <f>Bühler!N4333</f>
        <v>45471.124999989574</v>
      </c>
      <c r="X4301" s="83">
        <v>43280.125</v>
      </c>
      <c r="Y4301">
        <v>239406.97750000001</v>
      </c>
      <c r="Z4301">
        <v>13297.601640000001</v>
      </c>
      <c r="AA4301">
        <v>56863.283069999998</v>
      </c>
      <c r="AB4301">
        <v>31735.385539999999</v>
      </c>
      <c r="AC4301">
        <v>34620.178059999998</v>
      </c>
      <c r="AD4301">
        <v>16472.050599999999</v>
      </c>
      <c r="AE4301">
        <v>34003.950519999999</v>
      </c>
      <c r="AF4301">
        <v>48699.830099999999</v>
      </c>
      <c r="AG4301">
        <v>17685.750820000001</v>
      </c>
      <c r="AH4301">
        <v>305781.56550000003</v>
      </c>
      <c r="AI4301">
        <v>73028.721179999993</v>
      </c>
      <c r="AJ4301">
        <v>17485.823489999999</v>
      </c>
      <c r="AK4301">
        <v>25359.891820000001</v>
      </c>
      <c r="AL4301">
        <v>93345.902520000003</v>
      </c>
      <c r="AM4301">
        <v>14447.32595</v>
      </c>
      <c r="AN4301">
        <v>73093.681949999998</v>
      </c>
      <c r="AO4301">
        <v>17542.889719999999</v>
      </c>
      <c r="AP4301">
        <v>15755.96308</v>
      </c>
    </row>
    <row r="4302" spans="2:42" x14ac:dyDescent="0.3">
      <c r="B4302">
        <v>61.175992814412595</v>
      </c>
      <c r="C4302" s="83">
        <v>43280.166666666664</v>
      </c>
      <c r="D4302">
        <v>241348.7022</v>
      </c>
      <c r="E4302">
        <v>13690.475119999999</v>
      </c>
      <c r="F4302">
        <v>59954.99181</v>
      </c>
      <c r="G4302">
        <v>30777.111389999998</v>
      </c>
      <c r="H4302">
        <v>34906.305509999998</v>
      </c>
      <c r="I4302">
        <v>18007.73589</v>
      </c>
      <c r="J4302">
        <v>36164.761019999998</v>
      </c>
      <c r="K4302">
        <v>47971.774429999998</v>
      </c>
      <c r="L4302">
        <v>17665.586210000001</v>
      </c>
      <c r="M4302">
        <v>311903.7403</v>
      </c>
      <c r="N4302">
        <v>71387.794569999998</v>
      </c>
      <c r="O4302">
        <v>17127.105759999999</v>
      </c>
      <c r="P4302">
        <v>24899.90957</v>
      </c>
      <c r="Q4302">
        <v>96149.577489999996</v>
      </c>
      <c r="R4302">
        <v>14002.65083</v>
      </c>
      <c r="S4302">
        <v>73028.631869999997</v>
      </c>
      <c r="T4302">
        <v>17552.28471</v>
      </c>
      <c r="U4302">
        <v>15980.67333</v>
      </c>
      <c r="W4302" s="83">
        <f>Bühler!N4334</f>
        <v>45471.166666656238</v>
      </c>
      <c r="X4302" s="83">
        <v>43280.166666666664</v>
      </c>
      <c r="Y4302">
        <v>241348.7022</v>
      </c>
      <c r="Z4302">
        <v>13690.475119999999</v>
      </c>
      <c r="AA4302">
        <v>59954.99181</v>
      </c>
      <c r="AB4302">
        <v>30777.111389999998</v>
      </c>
      <c r="AC4302">
        <v>34906.305509999998</v>
      </c>
      <c r="AD4302">
        <v>18007.73589</v>
      </c>
      <c r="AE4302">
        <v>36164.761019999998</v>
      </c>
      <c r="AF4302">
        <v>47971.774429999998</v>
      </c>
      <c r="AG4302">
        <v>17665.586210000001</v>
      </c>
      <c r="AH4302">
        <v>311903.7403</v>
      </c>
      <c r="AI4302">
        <v>71387.794569999998</v>
      </c>
      <c r="AJ4302">
        <v>17127.105759999999</v>
      </c>
      <c r="AK4302">
        <v>24899.90957</v>
      </c>
      <c r="AL4302">
        <v>96149.577489999996</v>
      </c>
      <c r="AM4302">
        <v>14002.65083</v>
      </c>
      <c r="AN4302">
        <v>73028.631869999997</v>
      </c>
      <c r="AO4302">
        <v>17552.28471</v>
      </c>
      <c r="AP4302">
        <v>15980.67333</v>
      </c>
    </row>
    <row r="4303" spans="2:42" x14ac:dyDescent="0.3">
      <c r="B4303">
        <v>64.206089467767057</v>
      </c>
      <c r="C4303" s="83">
        <v>43280.208333333336</v>
      </c>
      <c r="D4303">
        <v>255411.51939999999</v>
      </c>
      <c r="E4303">
        <v>15284.14229</v>
      </c>
      <c r="F4303">
        <v>69601.55876</v>
      </c>
      <c r="G4303">
        <v>32010.170190000001</v>
      </c>
      <c r="H4303">
        <v>36411.487309999997</v>
      </c>
      <c r="I4303">
        <v>23849.1839</v>
      </c>
      <c r="J4303">
        <v>39119.252930000002</v>
      </c>
      <c r="K4303">
        <v>49711.599309999998</v>
      </c>
      <c r="L4303">
        <v>18027.070339999998</v>
      </c>
      <c r="M4303">
        <v>327352.58610000001</v>
      </c>
      <c r="N4303">
        <v>71278.821460000006</v>
      </c>
      <c r="O4303">
        <v>18032.797470000001</v>
      </c>
      <c r="P4303">
        <v>25834.984260000001</v>
      </c>
      <c r="Q4303">
        <v>98611.797130000006</v>
      </c>
      <c r="R4303">
        <v>16185.56551</v>
      </c>
      <c r="S4303">
        <v>75444.162289999993</v>
      </c>
      <c r="T4303">
        <v>18690.191989999999</v>
      </c>
      <c r="U4303">
        <v>16909.59821</v>
      </c>
      <c r="W4303" s="83">
        <f>Bühler!N4335</f>
        <v>45471.208333322902</v>
      </c>
      <c r="X4303" s="83">
        <v>43280.208333333336</v>
      </c>
      <c r="Y4303">
        <v>255411.51939999999</v>
      </c>
      <c r="Z4303">
        <v>15284.14229</v>
      </c>
      <c r="AA4303">
        <v>69601.55876</v>
      </c>
      <c r="AB4303">
        <v>32010.170190000001</v>
      </c>
      <c r="AC4303">
        <v>36411.487309999997</v>
      </c>
      <c r="AD4303">
        <v>23849.1839</v>
      </c>
      <c r="AE4303">
        <v>39119.252930000002</v>
      </c>
      <c r="AF4303">
        <v>49711.599309999998</v>
      </c>
      <c r="AG4303">
        <v>18027.070339999998</v>
      </c>
      <c r="AH4303">
        <v>327352.58610000001</v>
      </c>
      <c r="AI4303">
        <v>71278.821460000006</v>
      </c>
      <c r="AJ4303">
        <v>18032.797470000001</v>
      </c>
      <c r="AK4303">
        <v>25834.984260000001</v>
      </c>
      <c r="AL4303">
        <v>98611.797130000006</v>
      </c>
      <c r="AM4303">
        <v>16185.56551</v>
      </c>
      <c r="AN4303">
        <v>75444.162289999993</v>
      </c>
      <c r="AO4303">
        <v>18690.191989999999</v>
      </c>
      <c r="AP4303">
        <v>16909.59821</v>
      </c>
    </row>
    <row r="4304" spans="2:42" x14ac:dyDescent="0.3">
      <c r="B4304">
        <v>66.492886166620593</v>
      </c>
      <c r="C4304" s="83">
        <v>43280.25</v>
      </c>
      <c r="D4304">
        <v>268423.05440000002</v>
      </c>
      <c r="E4304">
        <v>18712.216039999999</v>
      </c>
      <c r="F4304">
        <v>79162.790280000001</v>
      </c>
      <c r="G4304">
        <v>39661.648269999998</v>
      </c>
      <c r="H4304">
        <v>37836.560570000001</v>
      </c>
      <c r="I4304">
        <v>29583.223679999999</v>
      </c>
      <c r="J4304">
        <v>40790.693290000003</v>
      </c>
      <c r="K4304">
        <v>50974.557350000003</v>
      </c>
      <c r="L4304">
        <v>19048.825710000001</v>
      </c>
      <c r="M4304">
        <v>339011.74209999997</v>
      </c>
      <c r="N4304">
        <v>73043.923729999995</v>
      </c>
      <c r="O4304">
        <v>20174.992610000001</v>
      </c>
      <c r="P4304">
        <v>26876.83035</v>
      </c>
      <c r="Q4304">
        <v>98594.398509999999</v>
      </c>
      <c r="R4304">
        <v>14989.09376</v>
      </c>
      <c r="S4304">
        <v>81769.167279999994</v>
      </c>
      <c r="T4304">
        <v>21191.405869999999</v>
      </c>
      <c r="U4304">
        <v>19301.57317</v>
      </c>
      <c r="W4304" s="83">
        <f>Bühler!N4336</f>
        <v>45471.249999989566</v>
      </c>
      <c r="X4304" s="83">
        <v>43280.25</v>
      </c>
      <c r="Y4304">
        <v>268423.05440000002</v>
      </c>
      <c r="Z4304">
        <v>18712.216039999999</v>
      </c>
      <c r="AA4304">
        <v>79162.790280000001</v>
      </c>
      <c r="AB4304">
        <v>39661.648269999998</v>
      </c>
      <c r="AC4304">
        <v>37836.560570000001</v>
      </c>
      <c r="AD4304">
        <v>29583.223679999999</v>
      </c>
      <c r="AE4304">
        <v>40790.693290000003</v>
      </c>
      <c r="AF4304">
        <v>50974.557350000003</v>
      </c>
      <c r="AG4304">
        <v>19048.825710000001</v>
      </c>
      <c r="AH4304">
        <v>339011.74209999997</v>
      </c>
      <c r="AI4304">
        <v>73043.923729999995</v>
      </c>
      <c r="AJ4304">
        <v>20174.992610000001</v>
      </c>
      <c r="AK4304">
        <v>26876.83035</v>
      </c>
      <c r="AL4304">
        <v>98594.398509999999</v>
      </c>
      <c r="AM4304">
        <v>14989.09376</v>
      </c>
      <c r="AN4304">
        <v>81769.167279999994</v>
      </c>
      <c r="AO4304">
        <v>21191.405869999999</v>
      </c>
      <c r="AP4304">
        <v>19301.57317</v>
      </c>
    </row>
    <row r="4305" spans="2:42" x14ac:dyDescent="0.3">
      <c r="B4305">
        <v>68.67296930427581</v>
      </c>
      <c r="C4305" s="83">
        <v>43280.291666666664</v>
      </c>
      <c r="D4305">
        <v>278356.16340000002</v>
      </c>
      <c r="E4305">
        <v>23274.503659999998</v>
      </c>
      <c r="F4305">
        <v>83349.686440000005</v>
      </c>
      <c r="G4305">
        <v>47758.266060000002</v>
      </c>
      <c r="H4305">
        <v>42856.535819999997</v>
      </c>
      <c r="I4305">
        <v>36730.191760000002</v>
      </c>
      <c r="J4305">
        <v>42961.312969999999</v>
      </c>
      <c r="K4305">
        <v>54834.670059999997</v>
      </c>
      <c r="L4305">
        <v>22127.826959999999</v>
      </c>
      <c r="M4305">
        <v>350126.82260000001</v>
      </c>
      <c r="N4305">
        <v>75390.91042</v>
      </c>
      <c r="O4305">
        <v>22231.766380000001</v>
      </c>
      <c r="P4305">
        <v>30907.309990000002</v>
      </c>
      <c r="Q4305">
        <v>98911.010540000003</v>
      </c>
      <c r="R4305">
        <v>17818.359909999999</v>
      </c>
      <c r="S4305">
        <v>95479.937340000004</v>
      </c>
      <c r="T4305">
        <v>24381.649600000001</v>
      </c>
      <c r="U4305">
        <v>23034.217390000002</v>
      </c>
      <c r="W4305" s="83">
        <f>Bühler!N4337</f>
        <v>45471.291666656231</v>
      </c>
      <c r="X4305" s="83">
        <v>43280.291666666664</v>
      </c>
      <c r="Y4305">
        <v>278356.16340000002</v>
      </c>
      <c r="Z4305">
        <v>23274.503659999998</v>
      </c>
      <c r="AA4305">
        <v>83349.686440000005</v>
      </c>
      <c r="AB4305">
        <v>47758.266060000002</v>
      </c>
      <c r="AC4305">
        <v>42856.535819999997</v>
      </c>
      <c r="AD4305">
        <v>36730.191760000002</v>
      </c>
      <c r="AE4305">
        <v>42961.312969999999</v>
      </c>
      <c r="AF4305">
        <v>54834.670059999997</v>
      </c>
      <c r="AG4305">
        <v>22127.826959999999</v>
      </c>
      <c r="AH4305">
        <v>350126.82260000001</v>
      </c>
      <c r="AI4305">
        <v>75390.91042</v>
      </c>
      <c r="AJ4305">
        <v>22231.766380000001</v>
      </c>
      <c r="AK4305">
        <v>30907.309990000002</v>
      </c>
      <c r="AL4305">
        <v>98911.010540000003</v>
      </c>
      <c r="AM4305">
        <v>17818.359909999999</v>
      </c>
      <c r="AN4305">
        <v>95479.937340000004</v>
      </c>
      <c r="AO4305">
        <v>24381.649600000001</v>
      </c>
      <c r="AP4305">
        <v>23034.217390000002</v>
      </c>
    </row>
    <row r="4306" spans="2:42" x14ac:dyDescent="0.3">
      <c r="B4306">
        <v>70.157613272151181</v>
      </c>
      <c r="C4306" s="83">
        <v>43280.333333333336</v>
      </c>
      <c r="D4306">
        <v>289378.2366</v>
      </c>
      <c r="E4306">
        <v>29088.141390000001</v>
      </c>
      <c r="F4306">
        <v>91834.443289999996</v>
      </c>
      <c r="G4306">
        <v>55358.051610000002</v>
      </c>
      <c r="H4306">
        <v>48319.345090000003</v>
      </c>
      <c r="I4306">
        <v>40704.845970000002</v>
      </c>
      <c r="J4306">
        <v>46868.224829999999</v>
      </c>
      <c r="K4306">
        <v>62211.995869999999</v>
      </c>
      <c r="L4306">
        <v>26223.713329999999</v>
      </c>
      <c r="M4306">
        <v>357696.22989999998</v>
      </c>
      <c r="N4306">
        <v>80949.647490000003</v>
      </c>
      <c r="O4306">
        <v>25310.66272</v>
      </c>
      <c r="P4306">
        <v>33218.109279999997</v>
      </c>
      <c r="Q4306">
        <v>100379.3866</v>
      </c>
      <c r="R4306">
        <v>21278.043880000001</v>
      </c>
      <c r="S4306">
        <v>108744.77069999999</v>
      </c>
      <c r="T4306">
        <v>27572.594870000001</v>
      </c>
      <c r="U4306">
        <v>26293.220140000001</v>
      </c>
      <c r="W4306" s="83">
        <f>Bühler!N4338</f>
        <v>45471.333333322895</v>
      </c>
      <c r="X4306" s="83">
        <v>43280.333333333336</v>
      </c>
      <c r="Y4306">
        <v>289378.2366</v>
      </c>
      <c r="Z4306">
        <v>29088.141390000001</v>
      </c>
      <c r="AA4306">
        <v>91834.443289999996</v>
      </c>
      <c r="AB4306">
        <v>55358.051610000002</v>
      </c>
      <c r="AC4306">
        <v>48319.345090000003</v>
      </c>
      <c r="AD4306">
        <v>40704.845970000002</v>
      </c>
      <c r="AE4306">
        <v>46868.224829999999</v>
      </c>
      <c r="AF4306">
        <v>62211.995869999999</v>
      </c>
      <c r="AG4306">
        <v>26223.713329999999</v>
      </c>
      <c r="AH4306">
        <v>357696.22989999998</v>
      </c>
      <c r="AI4306">
        <v>80949.647490000003</v>
      </c>
      <c r="AJ4306">
        <v>25310.66272</v>
      </c>
      <c r="AK4306">
        <v>33218.109279999997</v>
      </c>
      <c r="AL4306">
        <v>100379.3866</v>
      </c>
      <c r="AM4306">
        <v>21278.043880000001</v>
      </c>
      <c r="AN4306">
        <v>108744.77069999999</v>
      </c>
      <c r="AO4306">
        <v>27572.594870000001</v>
      </c>
      <c r="AP4306">
        <v>26293.220140000001</v>
      </c>
    </row>
    <row r="4307" spans="2:42" x14ac:dyDescent="0.3">
      <c r="B4307">
        <v>71.400676259121695</v>
      </c>
      <c r="C4307" s="83">
        <v>43280.375</v>
      </c>
      <c r="D4307">
        <v>292334.24420000002</v>
      </c>
      <c r="E4307">
        <v>34338.939740000002</v>
      </c>
      <c r="F4307">
        <v>101075.3991</v>
      </c>
      <c r="G4307">
        <v>61243.207459999998</v>
      </c>
      <c r="H4307">
        <v>51687.533479999998</v>
      </c>
      <c r="I4307">
        <v>40362.167889999997</v>
      </c>
      <c r="J4307">
        <v>48741.179400000001</v>
      </c>
      <c r="K4307">
        <v>64967.396630000003</v>
      </c>
      <c r="L4307">
        <v>30081.791870000001</v>
      </c>
      <c r="M4307">
        <v>364033.94469999999</v>
      </c>
      <c r="N4307">
        <v>87329.421610000005</v>
      </c>
      <c r="O4307">
        <v>26591.325929999999</v>
      </c>
      <c r="P4307">
        <v>35811.995710000003</v>
      </c>
      <c r="Q4307">
        <v>102207.2739</v>
      </c>
      <c r="R4307">
        <v>22064.955409999999</v>
      </c>
      <c r="S4307">
        <v>117287.6486</v>
      </c>
      <c r="T4307">
        <v>30542.740740000001</v>
      </c>
      <c r="U4307">
        <v>26314.818429999999</v>
      </c>
      <c r="W4307" s="83">
        <f>Bühler!N4339</f>
        <v>45471.374999989559</v>
      </c>
      <c r="X4307" s="83">
        <v>43280.375</v>
      </c>
      <c r="Y4307">
        <v>292334.24420000002</v>
      </c>
      <c r="Z4307">
        <v>34338.939740000002</v>
      </c>
      <c r="AA4307">
        <v>101075.3991</v>
      </c>
      <c r="AB4307">
        <v>61243.207459999998</v>
      </c>
      <c r="AC4307">
        <v>51687.533479999998</v>
      </c>
      <c r="AD4307">
        <v>40362.167889999997</v>
      </c>
      <c r="AE4307">
        <v>48741.179400000001</v>
      </c>
      <c r="AF4307">
        <v>64967.396630000003</v>
      </c>
      <c r="AG4307">
        <v>30081.791870000001</v>
      </c>
      <c r="AH4307">
        <v>364033.94469999999</v>
      </c>
      <c r="AI4307">
        <v>87329.421610000005</v>
      </c>
      <c r="AJ4307">
        <v>26591.325929999999</v>
      </c>
      <c r="AK4307">
        <v>35811.995710000003</v>
      </c>
      <c r="AL4307">
        <v>102207.2739</v>
      </c>
      <c r="AM4307">
        <v>22064.955409999999</v>
      </c>
      <c r="AN4307">
        <v>117287.6486</v>
      </c>
      <c r="AO4307">
        <v>30542.740740000001</v>
      </c>
      <c r="AP4307">
        <v>26314.818429999999</v>
      </c>
    </row>
    <row r="4308" spans="2:42" x14ac:dyDescent="0.3">
      <c r="B4308">
        <v>72.147165447190005</v>
      </c>
      <c r="C4308" s="83">
        <v>43280.416666666664</v>
      </c>
      <c r="D4308">
        <v>296513.4423</v>
      </c>
      <c r="E4308">
        <v>36853.29376</v>
      </c>
      <c r="F4308">
        <v>104198.38219999999</v>
      </c>
      <c r="G4308">
        <v>64204.233090000002</v>
      </c>
      <c r="H4308">
        <v>52841.253239999998</v>
      </c>
      <c r="I4308">
        <v>39562.481789999998</v>
      </c>
      <c r="J4308">
        <v>49273.211369999997</v>
      </c>
      <c r="K4308">
        <v>65802.402730000002</v>
      </c>
      <c r="L4308">
        <v>33316.928350000002</v>
      </c>
      <c r="M4308">
        <v>367839.8947</v>
      </c>
      <c r="N4308">
        <v>90889.387539999996</v>
      </c>
      <c r="O4308">
        <v>27727.273249999998</v>
      </c>
      <c r="P4308">
        <v>37805.842089999998</v>
      </c>
      <c r="Q4308">
        <v>104010.0962</v>
      </c>
      <c r="R4308">
        <v>23449.389220000001</v>
      </c>
      <c r="S4308">
        <v>121795.8541</v>
      </c>
      <c r="T4308">
        <v>32612.558860000001</v>
      </c>
      <c r="U4308">
        <v>27088.393660000002</v>
      </c>
      <c r="W4308" s="83">
        <f>Bühler!N4340</f>
        <v>45471.416666656223</v>
      </c>
      <c r="X4308" s="83">
        <v>43280.416666666664</v>
      </c>
      <c r="Y4308">
        <v>296513.4423</v>
      </c>
      <c r="Z4308">
        <v>36853.29376</v>
      </c>
      <c r="AA4308">
        <v>104198.38219999999</v>
      </c>
      <c r="AB4308">
        <v>64204.233090000002</v>
      </c>
      <c r="AC4308">
        <v>52841.253239999998</v>
      </c>
      <c r="AD4308">
        <v>39562.481789999998</v>
      </c>
      <c r="AE4308">
        <v>49273.211369999997</v>
      </c>
      <c r="AF4308">
        <v>65802.402730000002</v>
      </c>
      <c r="AG4308">
        <v>33316.928350000002</v>
      </c>
      <c r="AH4308">
        <v>367839.8947</v>
      </c>
      <c r="AI4308">
        <v>90889.387539999996</v>
      </c>
      <c r="AJ4308">
        <v>27727.273249999998</v>
      </c>
      <c r="AK4308">
        <v>37805.842089999998</v>
      </c>
      <c r="AL4308">
        <v>104010.0962</v>
      </c>
      <c r="AM4308">
        <v>23449.389220000001</v>
      </c>
      <c r="AN4308">
        <v>121795.8541</v>
      </c>
      <c r="AO4308">
        <v>32612.558860000001</v>
      </c>
      <c r="AP4308">
        <v>27088.393660000002</v>
      </c>
    </row>
    <row r="4309" spans="2:42" x14ac:dyDescent="0.3">
      <c r="B4309">
        <v>72.179362423494254</v>
      </c>
      <c r="C4309" s="83">
        <v>43280.458333333336</v>
      </c>
      <c r="D4309">
        <v>295512.1459</v>
      </c>
      <c r="E4309">
        <v>37206.995990000003</v>
      </c>
      <c r="F4309">
        <v>106533.34570000001</v>
      </c>
      <c r="G4309">
        <v>62951.660499999998</v>
      </c>
      <c r="H4309">
        <v>52927.387640000001</v>
      </c>
      <c r="I4309">
        <v>39146.232539999997</v>
      </c>
      <c r="J4309">
        <v>49630.672870000002</v>
      </c>
      <c r="K4309">
        <v>66215.266239999997</v>
      </c>
      <c r="L4309">
        <v>36173.174550000003</v>
      </c>
      <c r="M4309">
        <v>368004.04989999998</v>
      </c>
      <c r="N4309">
        <v>90848.349180000005</v>
      </c>
      <c r="O4309">
        <v>27983.420630000001</v>
      </c>
      <c r="P4309">
        <v>37710.843719999997</v>
      </c>
      <c r="Q4309">
        <v>105269.46</v>
      </c>
      <c r="R4309">
        <v>25614.311150000001</v>
      </c>
      <c r="S4309">
        <v>124327.0126</v>
      </c>
      <c r="T4309">
        <v>32912.155650000001</v>
      </c>
      <c r="U4309">
        <v>26837.787359999998</v>
      </c>
      <c r="W4309" s="83">
        <f>Bühler!N4341</f>
        <v>45471.458333322887</v>
      </c>
      <c r="X4309" s="83">
        <v>43280.458333333336</v>
      </c>
      <c r="Y4309">
        <v>295512.1459</v>
      </c>
      <c r="Z4309">
        <v>37206.995990000003</v>
      </c>
      <c r="AA4309">
        <v>106533.34570000001</v>
      </c>
      <c r="AB4309">
        <v>62951.660499999998</v>
      </c>
      <c r="AC4309">
        <v>52927.387640000001</v>
      </c>
      <c r="AD4309">
        <v>39146.232539999997</v>
      </c>
      <c r="AE4309">
        <v>49630.672870000002</v>
      </c>
      <c r="AF4309">
        <v>66215.266239999997</v>
      </c>
      <c r="AG4309">
        <v>36173.174550000003</v>
      </c>
      <c r="AH4309">
        <v>368004.04989999998</v>
      </c>
      <c r="AI4309">
        <v>90848.349180000005</v>
      </c>
      <c r="AJ4309">
        <v>27983.420630000001</v>
      </c>
      <c r="AK4309">
        <v>37710.843719999997</v>
      </c>
      <c r="AL4309">
        <v>105269.46</v>
      </c>
      <c r="AM4309">
        <v>25614.311150000001</v>
      </c>
      <c r="AN4309">
        <v>124327.0126</v>
      </c>
      <c r="AO4309">
        <v>32912.155650000001</v>
      </c>
      <c r="AP4309">
        <v>26837.787359999998</v>
      </c>
    </row>
    <row r="4310" spans="2:42" x14ac:dyDescent="0.3">
      <c r="B4310">
        <v>71.486937905370269</v>
      </c>
      <c r="C4310" s="83">
        <v>43280.5</v>
      </c>
      <c r="D4310">
        <v>282817.58270000003</v>
      </c>
      <c r="E4310">
        <v>34191.932979999998</v>
      </c>
      <c r="F4310">
        <v>105834.5557</v>
      </c>
      <c r="G4310">
        <v>63019.883260000002</v>
      </c>
      <c r="H4310">
        <v>51299.628750000003</v>
      </c>
      <c r="I4310">
        <v>38419.058879999997</v>
      </c>
      <c r="J4310">
        <v>49991.066680000004</v>
      </c>
      <c r="K4310">
        <v>63714.194439999999</v>
      </c>
      <c r="L4310">
        <v>37693.30831</v>
      </c>
      <c r="M4310">
        <v>364473.74680000002</v>
      </c>
      <c r="N4310">
        <v>90897.160629999998</v>
      </c>
      <c r="O4310">
        <v>26861.985560000001</v>
      </c>
      <c r="P4310">
        <v>39393.429669999998</v>
      </c>
      <c r="Q4310">
        <v>103995.1265</v>
      </c>
      <c r="R4310">
        <v>25507.46888</v>
      </c>
      <c r="S4310">
        <v>119400.10890000001</v>
      </c>
      <c r="T4310">
        <v>32749.673729999999</v>
      </c>
      <c r="U4310">
        <v>22810.333600000002</v>
      </c>
      <c r="W4310" s="83">
        <f>Bühler!N4342</f>
        <v>45471.499999989552</v>
      </c>
      <c r="X4310" s="83">
        <v>43280.5</v>
      </c>
      <c r="Y4310">
        <v>282817.58270000003</v>
      </c>
      <c r="Z4310">
        <v>34191.932979999998</v>
      </c>
      <c r="AA4310">
        <v>105834.5557</v>
      </c>
      <c r="AB4310">
        <v>63019.883260000002</v>
      </c>
      <c r="AC4310">
        <v>51299.628750000003</v>
      </c>
      <c r="AD4310">
        <v>38419.058879999997</v>
      </c>
      <c r="AE4310">
        <v>49991.066680000004</v>
      </c>
      <c r="AF4310">
        <v>63714.194439999999</v>
      </c>
      <c r="AG4310">
        <v>37693.30831</v>
      </c>
      <c r="AH4310">
        <v>364473.74680000002</v>
      </c>
      <c r="AI4310">
        <v>90897.160629999998</v>
      </c>
      <c r="AJ4310">
        <v>26861.985560000001</v>
      </c>
      <c r="AK4310">
        <v>39393.429669999998</v>
      </c>
      <c r="AL4310">
        <v>103995.1265</v>
      </c>
      <c r="AM4310">
        <v>25507.46888</v>
      </c>
      <c r="AN4310">
        <v>119400.10890000001</v>
      </c>
      <c r="AO4310">
        <v>32749.673729999999</v>
      </c>
      <c r="AP4310">
        <v>22810.333600000002</v>
      </c>
    </row>
    <row r="4311" spans="2:42" x14ac:dyDescent="0.3">
      <c r="B4311">
        <v>70.935749427989421</v>
      </c>
      <c r="C4311" s="83">
        <v>43280.541666666664</v>
      </c>
      <c r="D4311">
        <v>280777.81910000002</v>
      </c>
      <c r="E4311">
        <v>34579.966840000001</v>
      </c>
      <c r="F4311">
        <v>106267.7412</v>
      </c>
      <c r="G4311">
        <v>59418.635979999999</v>
      </c>
      <c r="H4311">
        <v>51019.111239999998</v>
      </c>
      <c r="I4311">
        <v>37954.916100000002</v>
      </c>
      <c r="J4311">
        <v>49523.328699999998</v>
      </c>
      <c r="K4311">
        <v>65107.413059999999</v>
      </c>
      <c r="L4311">
        <v>37075.678809999998</v>
      </c>
      <c r="M4311">
        <v>361663.53090000001</v>
      </c>
      <c r="N4311">
        <v>90223.966220000002</v>
      </c>
      <c r="O4311">
        <v>27537.592509999999</v>
      </c>
      <c r="P4311">
        <v>38486.549639999997</v>
      </c>
      <c r="Q4311">
        <v>102807.1982</v>
      </c>
      <c r="R4311">
        <v>25188.000789999998</v>
      </c>
      <c r="S4311">
        <v>120920.8915</v>
      </c>
      <c r="T4311">
        <v>31748.116399999999</v>
      </c>
      <c r="U4311">
        <v>24846.159660000001</v>
      </c>
      <c r="W4311" s="83">
        <f>Bühler!N4343</f>
        <v>45471.541666656216</v>
      </c>
      <c r="X4311" s="83">
        <v>43280.541666666664</v>
      </c>
      <c r="Y4311">
        <v>280777.81910000002</v>
      </c>
      <c r="Z4311">
        <v>34579.966840000001</v>
      </c>
      <c r="AA4311">
        <v>106267.7412</v>
      </c>
      <c r="AB4311">
        <v>59418.635979999999</v>
      </c>
      <c r="AC4311">
        <v>51019.111239999998</v>
      </c>
      <c r="AD4311">
        <v>37954.916100000002</v>
      </c>
      <c r="AE4311">
        <v>49523.328699999998</v>
      </c>
      <c r="AF4311">
        <v>65107.413059999999</v>
      </c>
      <c r="AG4311">
        <v>37075.678809999998</v>
      </c>
      <c r="AH4311">
        <v>361663.53090000001</v>
      </c>
      <c r="AI4311">
        <v>90223.966220000002</v>
      </c>
      <c r="AJ4311">
        <v>27537.592509999999</v>
      </c>
      <c r="AK4311">
        <v>38486.549639999997</v>
      </c>
      <c r="AL4311">
        <v>102807.1982</v>
      </c>
      <c r="AM4311">
        <v>25188.000789999998</v>
      </c>
      <c r="AN4311">
        <v>120920.8915</v>
      </c>
      <c r="AO4311">
        <v>31748.116399999999</v>
      </c>
      <c r="AP4311">
        <v>24846.159660000001</v>
      </c>
    </row>
    <row r="4312" spans="2:42" x14ac:dyDescent="0.3">
      <c r="B4312">
        <v>69.959264919494984</v>
      </c>
      <c r="C4312" s="83">
        <v>43280.583333333336</v>
      </c>
      <c r="D4312">
        <v>282408.95850000001</v>
      </c>
      <c r="E4312">
        <v>37674.705009999998</v>
      </c>
      <c r="F4312">
        <v>107613.4031</v>
      </c>
      <c r="G4312">
        <v>56200.65754</v>
      </c>
      <c r="H4312">
        <v>51266.156289999999</v>
      </c>
      <c r="I4312">
        <v>38212.213409999997</v>
      </c>
      <c r="J4312">
        <v>49701.670910000001</v>
      </c>
      <c r="K4312">
        <v>65273.109389999998</v>
      </c>
      <c r="L4312">
        <v>34257.926160000003</v>
      </c>
      <c r="M4312">
        <v>356684.95750000002</v>
      </c>
      <c r="N4312">
        <v>91636.561669999996</v>
      </c>
      <c r="O4312">
        <v>27887.365900000001</v>
      </c>
      <c r="P4312">
        <v>35495.03787</v>
      </c>
      <c r="Q4312">
        <v>101782.531</v>
      </c>
      <c r="R4312">
        <v>24842.9192</v>
      </c>
      <c r="S4312">
        <v>118310.5321</v>
      </c>
      <c r="T4312">
        <v>31204.30546</v>
      </c>
      <c r="U4312">
        <v>24740.258689999999</v>
      </c>
      <c r="W4312" s="83">
        <f>Bühler!N4344</f>
        <v>45471.58333332288</v>
      </c>
      <c r="X4312" s="83">
        <v>43280.583333333336</v>
      </c>
      <c r="Y4312">
        <v>282408.95850000001</v>
      </c>
      <c r="Z4312">
        <v>37674.705009999998</v>
      </c>
      <c r="AA4312">
        <v>107613.4031</v>
      </c>
      <c r="AB4312">
        <v>56200.65754</v>
      </c>
      <c r="AC4312">
        <v>51266.156289999999</v>
      </c>
      <c r="AD4312">
        <v>38212.213409999997</v>
      </c>
      <c r="AE4312">
        <v>49701.670910000001</v>
      </c>
      <c r="AF4312">
        <v>65273.109389999998</v>
      </c>
      <c r="AG4312">
        <v>34257.926160000003</v>
      </c>
      <c r="AH4312">
        <v>356684.95750000002</v>
      </c>
      <c r="AI4312">
        <v>91636.561669999996</v>
      </c>
      <c r="AJ4312">
        <v>27887.365900000001</v>
      </c>
      <c r="AK4312">
        <v>35495.03787</v>
      </c>
      <c r="AL4312">
        <v>101782.531</v>
      </c>
      <c r="AM4312">
        <v>24842.9192</v>
      </c>
      <c r="AN4312">
        <v>118310.5321</v>
      </c>
      <c r="AO4312">
        <v>31204.30546</v>
      </c>
      <c r="AP4312">
        <v>24740.258689999999</v>
      </c>
    </row>
    <row r="4313" spans="2:42" x14ac:dyDescent="0.3">
      <c r="B4313">
        <v>68.778521967352447</v>
      </c>
      <c r="C4313" s="83">
        <v>43280.625</v>
      </c>
      <c r="D4313">
        <v>277567.38319999998</v>
      </c>
      <c r="E4313">
        <v>37654.657440000003</v>
      </c>
      <c r="F4313">
        <v>109065.8762</v>
      </c>
      <c r="G4313">
        <v>52955.059540000002</v>
      </c>
      <c r="H4313">
        <v>50209.924480000001</v>
      </c>
      <c r="I4313">
        <v>38883.084940000001</v>
      </c>
      <c r="J4313">
        <v>49802.988720000001</v>
      </c>
      <c r="K4313">
        <v>64063.372920000002</v>
      </c>
      <c r="L4313">
        <v>31560.903869999998</v>
      </c>
      <c r="M4313">
        <v>350664.97930000001</v>
      </c>
      <c r="N4313">
        <v>91263.477620000005</v>
      </c>
      <c r="O4313">
        <v>28197.211920000002</v>
      </c>
      <c r="P4313">
        <v>32430.494289999999</v>
      </c>
      <c r="Q4313">
        <v>100588.2697</v>
      </c>
      <c r="R4313">
        <v>25142.889810000001</v>
      </c>
      <c r="S4313">
        <v>116776.2313</v>
      </c>
      <c r="T4313">
        <v>31161.804749999999</v>
      </c>
      <c r="U4313">
        <v>23454.077300000001</v>
      </c>
      <c r="W4313" s="83">
        <f>Bühler!N4345</f>
        <v>45471.624999989544</v>
      </c>
      <c r="X4313" s="83">
        <v>43280.625</v>
      </c>
      <c r="Y4313">
        <v>277567.38319999998</v>
      </c>
      <c r="Z4313">
        <v>37654.657440000003</v>
      </c>
      <c r="AA4313">
        <v>109065.8762</v>
      </c>
      <c r="AB4313">
        <v>52955.059540000002</v>
      </c>
      <c r="AC4313">
        <v>50209.924480000001</v>
      </c>
      <c r="AD4313">
        <v>38883.084940000001</v>
      </c>
      <c r="AE4313">
        <v>49802.988720000001</v>
      </c>
      <c r="AF4313">
        <v>64063.372920000002</v>
      </c>
      <c r="AG4313">
        <v>31560.903869999998</v>
      </c>
      <c r="AH4313">
        <v>350664.97930000001</v>
      </c>
      <c r="AI4313">
        <v>91263.477620000005</v>
      </c>
      <c r="AJ4313">
        <v>28197.211920000002</v>
      </c>
      <c r="AK4313">
        <v>32430.494289999999</v>
      </c>
      <c r="AL4313">
        <v>100588.2697</v>
      </c>
      <c r="AM4313">
        <v>25142.889810000001</v>
      </c>
      <c r="AN4313">
        <v>116776.2313</v>
      </c>
      <c r="AO4313">
        <v>31161.804749999999</v>
      </c>
      <c r="AP4313">
        <v>23454.077300000001</v>
      </c>
    </row>
    <row r="4314" spans="2:42" x14ac:dyDescent="0.3">
      <c r="B4314">
        <v>67.476144398365093</v>
      </c>
      <c r="C4314" s="83">
        <v>43280.666666666664</v>
      </c>
      <c r="D4314">
        <v>269453.21039999998</v>
      </c>
      <c r="E4314">
        <v>36851.949630000003</v>
      </c>
      <c r="F4314">
        <v>107856.3273</v>
      </c>
      <c r="G4314">
        <v>49934.702920000003</v>
      </c>
      <c r="H4314">
        <v>49155.823320000003</v>
      </c>
      <c r="I4314">
        <v>40679.097020000001</v>
      </c>
      <c r="J4314">
        <v>48737.069450000003</v>
      </c>
      <c r="K4314">
        <v>59794.304680000001</v>
      </c>
      <c r="L4314">
        <v>30628.343550000001</v>
      </c>
      <c r="M4314">
        <v>344024.85110000003</v>
      </c>
      <c r="N4314">
        <v>88929.940700000006</v>
      </c>
      <c r="O4314">
        <v>27128.1041</v>
      </c>
      <c r="P4314">
        <v>32382.451710000001</v>
      </c>
      <c r="Q4314">
        <v>98837.468049999996</v>
      </c>
      <c r="R4314">
        <v>25710.82674</v>
      </c>
      <c r="S4314">
        <v>112815.795</v>
      </c>
      <c r="T4314">
        <v>30522.569370000001</v>
      </c>
      <c r="U4314">
        <v>21797.876939999998</v>
      </c>
      <c r="W4314" s="83">
        <f>Bühler!N4346</f>
        <v>45471.666666656209</v>
      </c>
      <c r="X4314" s="83">
        <v>43280.666666666664</v>
      </c>
      <c r="Y4314">
        <v>269453.21039999998</v>
      </c>
      <c r="Z4314">
        <v>36851.949630000003</v>
      </c>
      <c r="AA4314">
        <v>107856.3273</v>
      </c>
      <c r="AB4314">
        <v>49934.702920000003</v>
      </c>
      <c r="AC4314">
        <v>49155.823320000003</v>
      </c>
      <c r="AD4314">
        <v>40679.097020000001</v>
      </c>
      <c r="AE4314">
        <v>48737.069450000003</v>
      </c>
      <c r="AF4314">
        <v>59794.304680000001</v>
      </c>
      <c r="AG4314">
        <v>30628.343550000001</v>
      </c>
      <c r="AH4314">
        <v>344024.85110000003</v>
      </c>
      <c r="AI4314">
        <v>88929.940700000006</v>
      </c>
      <c r="AJ4314">
        <v>27128.1041</v>
      </c>
      <c r="AK4314">
        <v>32382.451710000001</v>
      </c>
      <c r="AL4314">
        <v>98837.468049999996</v>
      </c>
      <c r="AM4314">
        <v>25710.82674</v>
      </c>
      <c r="AN4314">
        <v>112815.795</v>
      </c>
      <c r="AO4314">
        <v>30522.569370000001</v>
      </c>
      <c r="AP4314">
        <v>21797.876939999998</v>
      </c>
    </row>
    <row r="4315" spans="2:42" x14ac:dyDescent="0.3">
      <c r="B4315">
        <v>65.897071308532347</v>
      </c>
      <c r="C4315" s="83">
        <v>43280.708333333336</v>
      </c>
      <c r="D4315">
        <v>260694.85399999999</v>
      </c>
      <c r="E4315">
        <v>34557.893089999998</v>
      </c>
      <c r="F4315">
        <v>107005.16650000001</v>
      </c>
      <c r="G4315">
        <v>45445.202989999998</v>
      </c>
      <c r="H4315">
        <v>47308.047259999999</v>
      </c>
      <c r="I4315">
        <v>40417.997069999998</v>
      </c>
      <c r="J4315">
        <v>49143.838349999998</v>
      </c>
      <c r="K4315">
        <v>57248.723299999998</v>
      </c>
      <c r="L4315">
        <v>30203.613720000001</v>
      </c>
      <c r="M4315">
        <v>335974.0001</v>
      </c>
      <c r="N4315">
        <v>86108.667369999996</v>
      </c>
      <c r="O4315">
        <v>25477.097740000001</v>
      </c>
      <c r="P4315">
        <v>33467.429179999999</v>
      </c>
      <c r="Q4315">
        <v>96808.803480000002</v>
      </c>
      <c r="R4315">
        <v>25210.167280000001</v>
      </c>
      <c r="S4315">
        <v>109792.26029999999</v>
      </c>
      <c r="T4315">
        <v>30223.245299999999</v>
      </c>
      <c r="U4315">
        <v>20467.444459999999</v>
      </c>
      <c r="W4315" s="83">
        <f>Bühler!N4347</f>
        <v>45471.708333322873</v>
      </c>
      <c r="X4315" s="83">
        <v>43280.708333333336</v>
      </c>
      <c r="Y4315">
        <v>260694.85399999999</v>
      </c>
      <c r="Z4315">
        <v>34557.893089999998</v>
      </c>
      <c r="AA4315">
        <v>107005.16650000001</v>
      </c>
      <c r="AB4315">
        <v>45445.202989999998</v>
      </c>
      <c r="AC4315">
        <v>47308.047259999999</v>
      </c>
      <c r="AD4315">
        <v>40417.997069999998</v>
      </c>
      <c r="AE4315">
        <v>49143.838349999998</v>
      </c>
      <c r="AF4315">
        <v>57248.723299999998</v>
      </c>
      <c r="AG4315">
        <v>30203.613720000001</v>
      </c>
      <c r="AH4315">
        <v>335974.0001</v>
      </c>
      <c r="AI4315">
        <v>86108.667369999996</v>
      </c>
      <c r="AJ4315">
        <v>25477.097740000001</v>
      </c>
      <c r="AK4315">
        <v>33467.429179999999</v>
      </c>
      <c r="AL4315">
        <v>96808.803480000002</v>
      </c>
      <c r="AM4315">
        <v>25210.167280000001</v>
      </c>
      <c r="AN4315">
        <v>109792.26029999999</v>
      </c>
      <c r="AO4315">
        <v>30223.245299999999</v>
      </c>
      <c r="AP4315">
        <v>20467.444459999999</v>
      </c>
    </row>
    <row r="4316" spans="2:42" x14ac:dyDescent="0.3">
      <c r="B4316">
        <v>63.916137372205519</v>
      </c>
      <c r="C4316" s="83">
        <v>43280.75</v>
      </c>
      <c r="D4316">
        <v>250440.01759999999</v>
      </c>
      <c r="E4316">
        <v>31098.45246</v>
      </c>
      <c r="F4316">
        <v>104013.18829999999</v>
      </c>
      <c r="G4316">
        <v>41436.438829999999</v>
      </c>
      <c r="H4316">
        <v>45204.533499999998</v>
      </c>
      <c r="I4316">
        <v>38472.363579999997</v>
      </c>
      <c r="J4316">
        <v>48738.159220000001</v>
      </c>
      <c r="K4316">
        <v>55502.017619999999</v>
      </c>
      <c r="L4316">
        <v>30621.592970000002</v>
      </c>
      <c r="M4316">
        <v>325874.27510000003</v>
      </c>
      <c r="N4316">
        <v>85509.708809999996</v>
      </c>
      <c r="O4316">
        <v>23764.017489999998</v>
      </c>
      <c r="P4316">
        <v>36118.266969999997</v>
      </c>
      <c r="Q4316">
        <v>93735.462589999996</v>
      </c>
      <c r="R4316">
        <v>23127.770530000002</v>
      </c>
      <c r="S4316">
        <v>102818.5922</v>
      </c>
      <c r="T4316">
        <v>29777.947919999999</v>
      </c>
      <c r="U4316">
        <v>19260.87945</v>
      </c>
      <c r="W4316" s="83">
        <f>Bühler!N4348</f>
        <v>45471.749999989537</v>
      </c>
      <c r="X4316" s="83">
        <v>43280.75</v>
      </c>
      <c r="Y4316">
        <v>250440.01759999999</v>
      </c>
      <c r="Z4316">
        <v>31098.45246</v>
      </c>
      <c r="AA4316">
        <v>104013.18829999999</v>
      </c>
      <c r="AB4316">
        <v>41436.438829999999</v>
      </c>
      <c r="AC4316">
        <v>45204.533499999998</v>
      </c>
      <c r="AD4316">
        <v>38472.363579999997</v>
      </c>
      <c r="AE4316">
        <v>48738.159220000001</v>
      </c>
      <c r="AF4316">
        <v>55502.017619999999</v>
      </c>
      <c r="AG4316">
        <v>30621.592970000002</v>
      </c>
      <c r="AH4316">
        <v>325874.27510000003</v>
      </c>
      <c r="AI4316">
        <v>85509.708809999996</v>
      </c>
      <c r="AJ4316">
        <v>23764.017489999998</v>
      </c>
      <c r="AK4316">
        <v>36118.266969999997</v>
      </c>
      <c r="AL4316">
        <v>93735.462589999996</v>
      </c>
      <c r="AM4316">
        <v>23127.770530000002</v>
      </c>
      <c r="AN4316">
        <v>102818.5922</v>
      </c>
      <c r="AO4316">
        <v>29777.947919999999</v>
      </c>
      <c r="AP4316">
        <v>19260.87945</v>
      </c>
    </row>
    <row r="4317" spans="2:42" x14ac:dyDescent="0.3">
      <c r="B4317">
        <v>61.876841905166692</v>
      </c>
      <c r="C4317" s="83">
        <v>43280.791666666664</v>
      </c>
      <c r="D4317">
        <v>241822.61259999999</v>
      </c>
      <c r="E4317">
        <v>25705.699560000001</v>
      </c>
      <c r="F4317">
        <v>92908.516699999993</v>
      </c>
      <c r="G4317">
        <v>38523.3995</v>
      </c>
      <c r="H4317">
        <v>42194.0412</v>
      </c>
      <c r="I4317">
        <v>35555.892110000001</v>
      </c>
      <c r="J4317">
        <v>47061.743289999999</v>
      </c>
      <c r="K4317">
        <v>55475.197220000002</v>
      </c>
      <c r="L4317">
        <v>32330.10627</v>
      </c>
      <c r="M4317">
        <v>315476.99579999998</v>
      </c>
      <c r="N4317">
        <v>81875.460349999994</v>
      </c>
      <c r="O4317">
        <v>21972.901519999999</v>
      </c>
      <c r="P4317">
        <v>37498.480329999999</v>
      </c>
      <c r="Q4317">
        <v>89881.511039999998</v>
      </c>
      <c r="R4317">
        <v>21819.777429999998</v>
      </c>
      <c r="S4317">
        <v>97323.572159999996</v>
      </c>
      <c r="T4317">
        <v>29263.076160000001</v>
      </c>
      <c r="U4317">
        <v>18747.80198</v>
      </c>
      <c r="W4317" s="83">
        <f>Bühler!N4349</f>
        <v>45471.791666656201</v>
      </c>
      <c r="X4317" s="83">
        <v>43280.791666666664</v>
      </c>
      <c r="Y4317">
        <v>241822.61259999999</v>
      </c>
      <c r="Z4317">
        <v>25705.699560000001</v>
      </c>
      <c r="AA4317">
        <v>92908.516699999993</v>
      </c>
      <c r="AB4317">
        <v>38523.3995</v>
      </c>
      <c r="AC4317">
        <v>42194.0412</v>
      </c>
      <c r="AD4317">
        <v>35555.892110000001</v>
      </c>
      <c r="AE4317">
        <v>47061.743289999999</v>
      </c>
      <c r="AF4317">
        <v>55475.197220000002</v>
      </c>
      <c r="AG4317">
        <v>32330.10627</v>
      </c>
      <c r="AH4317">
        <v>315476.99579999998</v>
      </c>
      <c r="AI4317">
        <v>81875.460349999994</v>
      </c>
      <c r="AJ4317">
        <v>21972.901519999999</v>
      </c>
      <c r="AK4317">
        <v>37498.480329999999</v>
      </c>
      <c r="AL4317">
        <v>89881.511039999998</v>
      </c>
      <c r="AM4317">
        <v>21819.777429999998</v>
      </c>
      <c r="AN4317">
        <v>97323.572159999996</v>
      </c>
      <c r="AO4317">
        <v>29263.076160000001</v>
      </c>
      <c r="AP4317">
        <v>18747.80198</v>
      </c>
    </row>
    <row r="4318" spans="2:42" x14ac:dyDescent="0.3">
      <c r="B4318">
        <v>59.736137982070161</v>
      </c>
      <c r="C4318" s="83">
        <v>43280.833333333336</v>
      </c>
      <c r="D4318">
        <v>231265.109</v>
      </c>
      <c r="E4318">
        <v>18984.017769999999</v>
      </c>
      <c r="F4318">
        <v>74391.887589999998</v>
      </c>
      <c r="G4318">
        <v>35914.058729999997</v>
      </c>
      <c r="H4318">
        <v>39109.031210000001</v>
      </c>
      <c r="I4318">
        <v>31673.889899999998</v>
      </c>
      <c r="J4318">
        <v>45765.593370000002</v>
      </c>
      <c r="K4318">
        <v>54627.587039999999</v>
      </c>
      <c r="L4318">
        <v>32247.239850000002</v>
      </c>
      <c r="M4318">
        <v>304562.68890000001</v>
      </c>
      <c r="N4318">
        <v>79222.199049999996</v>
      </c>
      <c r="O4318">
        <v>20267.126370000002</v>
      </c>
      <c r="P4318">
        <v>38038.701289999997</v>
      </c>
      <c r="Q4318">
        <v>84935.352599999998</v>
      </c>
      <c r="R4318">
        <v>20260.55327</v>
      </c>
      <c r="S4318">
        <v>88913.506649999996</v>
      </c>
      <c r="T4318">
        <v>28292.93979</v>
      </c>
      <c r="U4318">
        <v>17753.197270000001</v>
      </c>
      <c r="W4318" s="83">
        <f>Bühler!N4350</f>
        <v>45471.833333322866</v>
      </c>
      <c r="X4318" s="83">
        <v>43280.833333333336</v>
      </c>
      <c r="Y4318">
        <v>231265.109</v>
      </c>
      <c r="Z4318">
        <v>18984.017769999999</v>
      </c>
      <c r="AA4318">
        <v>74391.887589999998</v>
      </c>
      <c r="AB4318">
        <v>35914.058729999997</v>
      </c>
      <c r="AC4318">
        <v>39109.031210000001</v>
      </c>
      <c r="AD4318">
        <v>31673.889899999998</v>
      </c>
      <c r="AE4318">
        <v>45765.593370000002</v>
      </c>
      <c r="AF4318">
        <v>54627.587039999999</v>
      </c>
      <c r="AG4318">
        <v>32247.239850000002</v>
      </c>
      <c r="AH4318">
        <v>304562.68890000001</v>
      </c>
      <c r="AI4318">
        <v>79222.199049999996</v>
      </c>
      <c r="AJ4318">
        <v>20267.126370000002</v>
      </c>
      <c r="AK4318">
        <v>38038.701289999997</v>
      </c>
      <c r="AL4318">
        <v>84935.352599999998</v>
      </c>
      <c r="AM4318">
        <v>20260.55327</v>
      </c>
      <c r="AN4318">
        <v>88913.506649999996</v>
      </c>
      <c r="AO4318">
        <v>28292.93979</v>
      </c>
      <c r="AP4318">
        <v>17753.197270000001</v>
      </c>
    </row>
    <row r="4319" spans="2:42" x14ac:dyDescent="0.3">
      <c r="B4319">
        <v>58.095288981821369</v>
      </c>
      <c r="C4319" s="83">
        <v>43280.875</v>
      </c>
      <c r="D4319">
        <v>223904.68549999999</v>
      </c>
      <c r="E4319">
        <v>16117.20714</v>
      </c>
      <c r="F4319">
        <v>63829.376259999997</v>
      </c>
      <c r="G4319">
        <v>34315.34895</v>
      </c>
      <c r="H4319">
        <v>36917.007440000001</v>
      </c>
      <c r="I4319">
        <v>27105.531729999999</v>
      </c>
      <c r="J4319">
        <v>44296.198660000002</v>
      </c>
      <c r="K4319">
        <v>53466.040419999998</v>
      </c>
      <c r="L4319">
        <v>30401.035929999998</v>
      </c>
      <c r="M4319">
        <v>296196.87550000002</v>
      </c>
      <c r="N4319">
        <v>77965.270090000005</v>
      </c>
      <c r="O4319">
        <v>18906.791539999998</v>
      </c>
      <c r="P4319">
        <v>36312.833129999999</v>
      </c>
      <c r="Q4319">
        <v>80854.696249999994</v>
      </c>
      <c r="R4319">
        <v>19315.318200000002</v>
      </c>
      <c r="S4319">
        <v>83840.040580000001</v>
      </c>
      <c r="T4319">
        <v>26084.420129999999</v>
      </c>
      <c r="U4319">
        <v>16893.66804</v>
      </c>
      <c r="W4319" s="83">
        <f>Bühler!N4351</f>
        <v>45471.87499998953</v>
      </c>
      <c r="X4319" s="83">
        <v>43280.875</v>
      </c>
      <c r="Y4319">
        <v>223904.68549999999</v>
      </c>
      <c r="Z4319">
        <v>16117.20714</v>
      </c>
      <c r="AA4319">
        <v>63829.376259999997</v>
      </c>
      <c r="AB4319">
        <v>34315.34895</v>
      </c>
      <c r="AC4319">
        <v>36917.007440000001</v>
      </c>
      <c r="AD4319">
        <v>27105.531729999999</v>
      </c>
      <c r="AE4319">
        <v>44296.198660000002</v>
      </c>
      <c r="AF4319">
        <v>53466.040419999998</v>
      </c>
      <c r="AG4319">
        <v>30401.035929999998</v>
      </c>
      <c r="AH4319">
        <v>296196.87550000002</v>
      </c>
      <c r="AI4319">
        <v>77965.270090000005</v>
      </c>
      <c r="AJ4319">
        <v>18906.791539999998</v>
      </c>
      <c r="AK4319">
        <v>36312.833129999999</v>
      </c>
      <c r="AL4319">
        <v>80854.696249999994</v>
      </c>
      <c r="AM4319">
        <v>19315.318200000002</v>
      </c>
      <c r="AN4319">
        <v>83840.040580000001</v>
      </c>
      <c r="AO4319">
        <v>26084.420129999999</v>
      </c>
      <c r="AP4319">
        <v>16893.66804</v>
      </c>
    </row>
    <row r="4320" spans="2:42" x14ac:dyDescent="0.3">
      <c r="B4320">
        <v>58.162885368045188</v>
      </c>
      <c r="C4320" s="83">
        <v>43280.916666666664</v>
      </c>
      <c r="D4320">
        <v>223239.06330000001</v>
      </c>
      <c r="E4320">
        <v>15398.05683</v>
      </c>
      <c r="F4320">
        <v>60328.295680000003</v>
      </c>
      <c r="G4320">
        <v>34353.882510000003</v>
      </c>
      <c r="H4320">
        <v>37915.910620000002</v>
      </c>
      <c r="I4320">
        <v>25909.295119999999</v>
      </c>
      <c r="J4320">
        <v>44887.754580000001</v>
      </c>
      <c r="K4320">
        <v>57039.350400000003</v>
      </c>
      <c r="L4320">
        <v>28161.356039999999</v>
      </c>
      <c r="M4320">
        <v>296541.5134</v>
      </c>
      <c r="N4320">
        <v>77930.159199999995</v>
      </c>
      <c r="O4320">
        <v>18185.07445</v>
      </c>
      <c r="P4320">
        <v>40032.570590000003</v>
      </c>
      <c r="Q4320">
        <v>79269.379749999993</v>
      </c>
      <c r="R4320">
        <v>20744.818190000002</v>
      </c>
      <c r="S4320">
        <v>82530.149149999997</v>
      </c>
      <c r="T4320">
        <v>23309.826659999999</v>
      </c>
      <c r="U4320">
        <v>17359.85341</v>
      </c>
      <c r="W4320" s="83">
        <f>Bühler!N4352</f>
        <v>45471.916666656194</v>
      </c>
      <c r="X4320" s="83">
        <v>43280.916666666664</v>
      </c>
      <c r="Y4320">
        <v>223239.06330000001</v>
      </c>
      <c r="Z4320">
        <v>15398.05683</v>
      </c>
      <c r="AA4320">
        <v>60328.295680000003</v>
      </c>
      <c r="AB4320">
        <v>34353.882510000003</v>
      </c>
      <c r="AC4320">
        <v>37915.910620000002</v>
      </c>
      <c r="AD4320">
        <v>25909.295119999999</v>
      </c>
      <c r="AE4320">
        <v>44887.754580000001</v>
      </c>
      <c r="AF4320">
        <v>57039.350400000003</v>
      </c>
      <c r="AG4320">
        <v>28161.356039999999</v>
      </c>
      <c r="AH4320">
        <v>296541.5134</v>
      </c>
      <c r="AI4320">
        <v>77930.159199999995</v>
      </c>
      <c r="AJ4320">
        <v>18185.07445</v>
      </c>
      <c r="AK4320">
        <v>40032.570590000003</v>
      </c>
      <c r="AL4320">
        <v>79269.379749999993</v>
      </c>
      <c r="AM4320">
        <v>20744.818190000002</v>
      </c>
      <c r="AN4320">
        <v>82530.149149999997</v>
      </c>
      <c r="AO4320">
        <v>23309.826659999999</v>
      </c>
      <c r="AP4320">
        <v>17359.85341</v>
      </c>
    </row>
    <row r="4321" spans="2:42" x14ac:dyDescent="0.3">
      <c r="B4321">
        <v>57.564863532555236</v>
      </c>
      <c r="C4321" s="83">
        <v>43280.958333333336</v>
      </c>
      <c r="D4321">
        <v>221672.14809999999</v>
      </c>
      <c r="E4321">
        <v>14239.97896</v>
      </c>
      <c r="F4321">
        <v>58117.388809999997</v>
      </c>
      <c r="G4321">
        <v>34301.474499999997</v>
      </c>
      <c r="H4321">
        <v>36769.977809999997</v>
      </c>
      <c r="I4321">
        <v>24178.852630000001</v>
      </c>
      <c r="J4321">
        <v>41237.334459999998</v>
      </c>
      <c r="K4321">
        <v>55592.442869999999</v>
      </c>
      <c r="L4321">
        <v>24216.95102</v>
      </c>
      <c r="M4321">
        <v>293492.51919999998</v>
      </c>
      <c r="N4321">
        <v>75444.952959999995</v>
      </c>
      <c r="O4321">
        <v>17729.90136</v>
      </c>
      <c r="P4321">
        <v>34052.841039999999</v>
      </c>
      <c r="Q4321">
        <v>78161.624859999996</v>
      </c>
      <c r="R4321">
        <v>20974.810440000001</v>
      </c>
      <c r="S4321">
        <v>79913.510760000005</v>
      </c>
      <c r="T4321">
        <v>21218.446189999999</v>
      </c>
      <c r="U4321">
        <v>16730.79581</v>
      </c>
      <c r="W4321" s="83">
        <f>Bühler!N4353</f>
        <v>45471.958333322858</v>
      </c>
      <c r="X4321" s="83">
        <v>43280.958333333336</v>
      </c>
      <c r="Y4321">
        <v>221672.14809999999</v>
      </c>
      <c r="Z4321">
        <v>14239.97896</v>
      </c>
      <c r="AA4321">
        <v>58117.388809999997</v>
      </c>
      <c r="AB4321">
        <v>34301.474499999997</v>
      </c>
      <c r="AC4321">
        <v>36769.977809999997</v>
      </c>
      <c r="AD4321">
        <v>24178.852630000001</v>
      </c>
      <c r="AE4321">
        <v>41237.334459999998</v>
      </c>
      <c r="AF4321">
        <v>55592.442869999999</v>
      </c>
      <c r="AG4321">
        <v>24216.95102</v>
      </c>
      <c r="AH4321">
        <v>293492.51919999998</v>
      </c>
      <c r="AI4321">
        <v>75444.952959999995</v>
      </c>
      <c r="AJ4321">
        <v>17729.90136</v>
      </c>
      <c r="AK4321">
        <v>34052.841039999999</v>
      </c>
      <c r="AL4321">
        <v>78161.624859999996</v>
      </c>
      <c r="AM4321">
        <v>20974.810440000001</v>
      </c>
      <c r="AN4321">
        <v>79913.510760000005</v>
      </c>
      <c r="AO4321">
        <v>21218.446189999999</v>
      </c>
      <c r="AP4321">
        <v>16730.79581</v>
      </c>
    </row>
    <row r="4322" spans="2:42" x14ac:dyDescent="0.3">
      <c r="B4322">
        <v>56.677788930771122</v>
      </c>
      <c r="C4322" s="83">
        <v>43281</v>
      </c>
      <c r="D4322">
        <v>216167.5865</v>
      </c>
      <c r="E4322">
        <v>13635.29911</v>
      </c>
      <c r="F4322">
        <v>55655.439919999997</v>
      </c>
      <c r="G4322">
        <v>33392.838100000001</v>
      </c>
      <c r="H4322">
        <v>35780.100939999997</v>
      </c>
      <c r="I4322">
        <v>22650.373200000002</v>
      </c>
      <c r="J4322">
        <v>36822.424420000003</v>
      </c>
      <c r="K4322">
        <v>52649.44844</v>
      </c>
      <c r="L4322">
        <v>20820.015770000002</v>
      </c>
      <c r="M4322">
        <v>288969.79920000001</v>
      </c>
      <c r="N4322">
        <v>72700.74742</v>
      </c>
      <c r="O4322">
        <v>17960.05286</v>
      </c>
      <c r="P4322">
        <v>31424.234349999999</v>
      </c>
      <c r="Q4322">
        <v>75201.404280000002</v>
      </c>
      <c r="R4322">
        <v>17656.936369999999</v>
      </c>
      <c r="S4322">
        <v>76905.129790000006</v>
      </c>
      <c r="T4322">
        <v>19645.165830000002</v>
      </c>
      <c r="U4322">
        <v>15956.90929</v>
      </c>
      <c r="W4322" s="83">
        <f>Bühler!N4354</f>
        <v>45471.999999989523</v>
      </c>
      <c r="X4322" s="83">
        <v>43281</v>
      </c>
      <c r="Y4322">
        <v>216167.5865</v>
      </c>
      <c r="Z4322">
        <v>13635.29911</v>
      </c>
      <c r="AA4322">
        <v>55655.439919999997</v>
      </c>
      <c r="AB4322">
        <v>33392.838100000001</v>
      </c>
      <c r="AC4322">
        <v>35780.100939999997</v>
      </c>
      <c r="AD4322">
        <v>22650.373200000002</v>
      </c>
      <c r="AE4322">
        <v>36822.424420000003</v>
      </c>
      <c r="AF4322">
        <v>52649.44844</v>
      </c>
      <c r="AG4322">
        <v>20820.015770000002</v>
      </c>
      <c r="AH4322">
        <v>288969.79920000001</v>
      </c>
      <c r="AI4322">
        <v>72700.74742</v>
      </c>
      <c r="AJ4322">
        <v>17960.05286</v>
      </c>
      <c r="AK4322">
        <v>31424.234349999999</v>
      </c>
      <c r="AL4322">
        <v>75201.404280000002</v>
      </c>
      <c r="AM4322">
        <v>17656.936369999999</v>
      </c>
      <c r="AN4322">
        <v>76905.129790000006</v>
      </c>
      <c r="AO4322">
        <v>19645.165830000002</v>
      </c>
      <c r="AP4322">
        <v>15956.90929</v>
      </c>
    </row>
    <row r="4323" spans="2:42" x14ac:dyDescent="0.3">
      <c r="B4323">
        <v>55.035402683932006</v>
      </c>
      <c r="C4323" s="83">
        <v>43281.041666666664</v>
      </c>
      <c r="D4323">
        <v>211376.02119999999</v>
      </c>
      <c r="E4323">
        <v>13362.7685</v>
      </c>
      <c r="F4323">
        <v>54887.124389999997</v>
      </c>
      <c r="G4323">
        <v>32735.934730000001</v>
      </c>
      <c r="H4323">
        <v>34608.052940000001</v>
      </c>
      <c r="I4323">
        <v>18848.31466</v>
      </c>
      <c r="J4323">
        <v>35235.083630000001</v>
      </c>
      <c r="K4323">
        <v>51148.879970000002</v>
      </c>
      <c r="L4323">
        <v>19123.114269999998</v>
      </c>
      <c r="M4323">
        <v>280596.1482</v>
      </c>
      <c r="N4323">
        <v>70704.419240000003</v>
      </c>
      <c r="O4323">
        <v>18102.472280000002</v>
      </c>
      <c r="P4323">
        <v>28637.34994</v>
      </c>
      <c r="Q4323">
        <v>74248.922489999997</v>
      </c>
      <c r="R4323">
        <v>15533.683709999999</v>
      </c>
      <c r="S4323">
        <v>74941.218779999996</v>
      </c>
      <c r="T4323">
        <v>18902.073390000001</v>
      </c>
      <c r="U4323">
        <v>15581.72733</v>
      </c>
      <c r="W4323" s="83">
        <f>Bühler!N4355</f>
        <v>45472.041666656187</v>
      </c>
      <c r="X4323" s="83">
        <v>43281.041666666664</v>
      </c>
      <c r="Y4323">
        <v>211376.02119999999</v>
      </c>
      <c r="Z4323">
        <v>13362.7685</v>
      </c>
      <c r="AA4323">
        <v>54887.124389999997</v>
      </c>
      <c r="AB4323">
        <v>32735.934730000001</v>
      </c>
      <c r="AC4323">
        <v>34608.052940000001</v>
      </c>
      <c r="AD4323">
        <v>18848.31466</v>
      </c>
      <c r="AE4323">
        <v>35235.083630000001</v>
      </c>
      <c r="AF4323">
        <v>51148.879970000002</v>
      </c>
      <c r="AG4323">
        <v>19123.114269999998</v>
      </c>
      <c r="AH4323">
        <v>280596.1482</v>
      </c>
      <c r="AI4323">
        <v>70704.419240000003</v>
      </c>
      <c r="AJ4323">
        <v>18102.472280000002</v>
      </c>
      <c r="AK4323">
        <v>28637.34994</v>
      </c>
      <c r="AL4323">
        <v>74248.922489999997</v>
      </c>
      <c r="AM4323">
        <v>15533.683709999999</v>
      </c>
      <c r="AN4323">
        <v>74941.218779999996</v>
      </c>
      <c r="AO4323">
        <v>18902.073390000001</v>
      </c>
      <c r="AP4323">
        <v>15581.72733</v>
      </c>
    </row>
    <row r="4324" spans="2:42" x14ac:dyDescent="0.3">
      <c r="B4324">
        <v>53.663772446334391</v>
      </c>
      <c r="C4324" s="83">
        <v>43281.083333333336</v>
      </c>
      <c r="D4324">
        <v>206350.65950000001</v>
      </c>
      <c r="E4324">
        <v>13079.4226</v>
      </c>
      <c r="F4324">
        <v>55325.003449999997</v>
      </c>
      <c r="G4324">
        <v>32129.649460000001</v>
      </c>
      <c r="H4324">
        <v>34098.957309999998</v>
      </c>
      <c r="I4324">
        <v>16794.766800000001</v>
      </c>
      <c r="J4324">
        <v>34612.705309999998</v>
      </c>
      <c r="K4324">
        <v>49502.471980000002</v>
      </c>
      <c r="L4324">
        <v>17829.32055</v>
      </c>
      <c r="M4324">
        <v>273602.9376</v>
      </c>
      <c r="N4324">
        <v>69618.828219999996</v>
      </c>
      <c r="O4324">
        <v>17478.174429999999</v>
      </c>
      <c r="P4324">
        <v>26682.798449999998</v>
      </c>
      <c r="Q4324">
        <v>75018.50821</v>
      </c>
      <c r="R4324">
        <v>14958.489229999999</v>
      </c>
      <c r="S4324">
        <v>73801.276320000004</v>
      </c>
      <c r="T4324">
        <v>18256.340690000001</v>
      </c>
      <c r="U4324">
        <v>15452.042949999999</v>
      </c>
      <c r="W4324" s="83">
        <f>Bühler!N4356</f>
        <v>45472.083333322851</v>
      </c>
      <c r="X4324" s="83">
        <v>43281.083333333336</v>
      </c>
      <c r="Y4324">
        <v>206350.65950000001</v>
      </c>
      <c r="Z4324">
        <v>13079.4226</v>
      </c>
      <c r="AA4324">
        <v>55325.003449999997</v>
      </c>
      <c r="AB4324">
        <v>32129.649460000001</v>
      </c>
      <c r="AC4324">
        <v>34098.957309999998</v>
      </c>
      <c r="AD4324">
        <v>16794.766800000001</v>
      </c>
      <c r="AE4324">
        <v>34612.705309999998</v>
      </c>
      <c r="AF4324">
        <v>49502.471980000002</v>
      </c>
      <c r="AG4324">
        <v>17829.32055</v>
      </c>
      <c r="AH4324">
        <v>273602.9376</v>
      </c>
      <c r="AI4324">
        <v>69618.828219999996</v>
      </c>
      <c r="AJ4324">
        <v>17478.174429999999</v>
      </c>
      <c r="AK4324">
        <v>26682.798449999998</v>
      </c>
      <c r="AL4324">
        <v>75018.50821</v>
      </c>
      <c r="AM4324">
        <v>14958.489229999999</v>
      </c>
      <c r="AN4324">
        <v>73801.276320000004</v>
      </c>
      <c r="AO4324">
        <v>18256.340690000001</v>
      </c>
      <c r="AP4324">
        <v>15452.042949999999</v>
      </c>
    </row>
    <row r="4325" spans="2:42" x14ac:dyDescent="0.3">
      <c r="B4325">
        <v>52.792034221169367</v>
      </c>
      <c r="C4325" s="83">
        <v>43281.125</v>
      </c>
      <c r="D4325">
        <v>200132.52919999999</v>
      </c>
      <c r="E4325">
        <v>12768.039220000001</v>
      </c>
      <c r="F4325">
        <v>56050.499900000003</v>
      </c>
      <c r="G4325">
        <v>30968.847549999999</v>
      </c>
      <c r="H4325">
        <v>33654.210480000002</v>
      </c>
      <c r="I4325">
        <v>15946.247100000001</v>
      </c>
      <c r="J4325">
        <v>34377.153299999998</v>
      </c>
      <c r="K4325">
        <v>48739.69601</v>
      </c>
      <c r="L4325">
        <v>17203.280320000002</v>
      </c>
      <c r="M4325">
        <v>269158.40960000001</v>
      </c>
      <c r="N4325">
        <v>69175.076180000004</v>
      </c>
      <c r="O4325">
        <v>17745.644950000002</v>
      </c>
      <c r="P4325">
        <v>25301.618299999998</v>
      </c>
      <c r="Q4325">
        <v>73876.871580000006</v>
      </c>
      <c r="R4325">
        <v>14124.503280000001</v>
      </c>
      <c r="S4325">
        <v>72820.341579999993</v>
      </c>
      <c r="T4325">
        <v>17763.346829999999</v>
      </c>
      <c r="U4325">
        <v>15103.56201</v>
      </c>
      <c r="W4325" s="83">
        <f>Bühler!N4357</f>
        <v>45472.124999989515</v>
      </c>
      <c r="X4325" s="83">
        <v>43281.125</v>
      </c>
      <c r="Y4325">
        <v>200132.52919999999</v>
      </c>
      <c r="Z4325">
        <v>12768.039220000001</v>
      </c>
      <c r="AA4325">
        <v>56050.499900000003</v>
      </c>
      <c r="AB4325">
        <v>30968.847549999999</v>
      </c>
      <c r="AC4325">
        <v>33654.210480000002</v>
      </c>
      <c r="AD4325">
        <v>15946.247100000001</v>
      </c>
      <c r="AE4325">
        <v>34377.153299999998</v>
      </c>
      <c r="AF4325">
        <v>48739.69601</v>
      </c>
      <c r="AG4325">
        <v>17203.280320000002</v>
      </c>
      <c r="AH4325">
        <v>269158.40960000001</v>
      </c>
      <c r="AI4325">
        <v>69175.076180000004</v>
      </c>
      <c r="AJ4325">
        <v>17745.644950000002</v>
      </c>
      <c r="AK4325">
        <v>25301.618299999998</v>
      </c>
      <c r="AL4325">
        <v>73876.871580000006</v>
      </c>
      <c r="AM4325">
        <v>14124.503280000001</v>
      </c>
      <c r="AN4325">
        <v>72820.341579999993</v>
      </c>
      <c r="AO4325">
        <v>17763.346829999999</v>
      </c>
      <c r="AP4325">
        <v>15103.56201</v>
      </c>
    </row>
    <row r="4326" spans="2:42" x14ac:dyDescent="0.3">
      <c r="B4326">
        <v>50.849278177358599</v>
      </c>
      <c r="C4326" s="83">
        <v>43281.166666666664</v>
      </c>
      <c r="D4326">
        <v>192145.68979999999</v>
      </c>
      <c r="E4326">
        <v>12700.240330000001</v>
      </c>
      <c r="F4326">
        <v>58945.484920000003</v>
      </c>
      <c r="G4326">
        <v>29951.470310000001</v>
      </c>
      <c r="H4326">
        <v>33671.14991</v>
      </c>
      <c r="I4326">
        <v>16592.221549999998</v>
      </c>
      <c r="J4326">
        <v>36377.408380000001</v>
      </c>
      <c r="K4326">
        <v>47001.167800000003</v>
      </c>
      <c r="L4326">
        <v>17224.4025</v>
      </c>
      <c r="M4326">
        <v>259253.3333</v>
      </c>
      <c r="N4326">
        <v>67731.965970000005</v>
      </c>
      <c r="O4326">
        <v>17649.84518</v>
      </c>
      <c r="P4326">
        <v>24908.677169999999</v>
      </c>
      <c r="Q4326">
        <v>73801.28688</v>
      </c>
      <c r="R4326">
        <v>14794.2816</v>
      </c>
      <c r="S4326">
        <v>72645.07948</v>
      </c>
      <c r="T4326">
        <v>17737.344880000001</v>
      </c>
      <c r="U4326">
        <v>15181.28543</v>
      </c>
      <c r="W4326" s="83">
        <f>Bühler!N4358</f>
        <v>45472.16666665618</v>
      </c>
      <c r="X4326" s="83">
        <v>43281.166666666664</v>
      </c>
      <c r="Y4326">
        <v>192145.68979999999</v>
      </c>
      <c r="Z4326">
        <v>12700.240330000001</v>
      </c>
      <c r="AA4326">
        <v>58945.484920000003</v>
      </c>
      <c r="AB4326">
        <v>29951.470310000001</v>
      </c>
      <c r="AC4326">
        <v>33671.14991</v>
      </c>
      <c r="AD4326">
        <v>16592.221549999998</v>
      </c>
      <c r="AE4326">
        <v>36377.408380000001</v>
      </c>
      <c r="AF4326">
        <v>47001.167800000003</v>
      </c>
      <c r="AG4326">
        <v>17224.4025</v>
      </c>
      <c r="AH4326">
        <v>259253.3333</v>
      </c>
      <c r="AI4326">
        <v>67731.965970000005</v>
      </c>
      <c r="AJ4326">
        <v>17649.84518</v>
      </c>
      <c r="AK4326">
        <v>24908.677169999999</v>
      </c>
      <c r="AL4326">
        <v>73801.28688</v>
      </c>
      <c r="AM4326">
        <v>14794.2816</v>
      </c>
      <c r="AN4326">
        <v>72645.07948</v>
      </c>
      <c r="AO4326">
        <v>17737.344880000001</v>
      </c>
      <c r="AP4326">
        <v>15181.28543</v>
      </c>
    </row>
    <row r="4327" spans="2:42" x14ac:dyDescent="0.3">
      <c r="B4327">
        <v>49.614057176059525</v>
      </c>
      <c r="C4327" s="83">
        <v>43281.208333333336</v>
      </c>
      <c r="D4327">
        <v>187495.52960000001</v>
      </c>
      <c r="E4327">
        <v>13280.36679</v>
      </c>
      <c r="F4327">
        <v>68432.055550000005</v>
      </c>
      <c r="G4327">
        <v>30195.476470000001</v>
      </c>
      <c r="H4327">
        <v>33868.690779999997</v>
      </c>
      <c r="I4327">
        <v>21900.304660000002</v>
      </c>
      <c r="J4327">
        <v>38934.068899999998</v>
      </c>
      <c r="K4327">
        <v>45881.482709999997</v>
      </c>
      <c r="L4327">
        <v>17752.37586</v>
      </c>
      <c r="M4327">
        <v>252955.60060000001</v>
      </c>
      <c r="N4327">
        <v>64913.323199999999</v>
      </c>
      <c r="O4327">
        <v>18081.174650000001</v>
      </c>
      <c r="P4327">
        <v>25879.74337</v>
      </c>
      <c r="Q4327">
        <v>72697.700070000006</v>
      </c>
      <c r="R4327">
        <v>16274.42195</v>
      </c>
      <c r="S4327">
        <v>73739.333849999995</v>
      </c>
      <c r="T4327">
        <v>18035.319439999999</v>
      </c>
      <c r="U4327">
        <v>15447.020560000001</v>
      </c>
      <c r="W4327" s="83">
        <f>Bühler!N4359</f>
        <v>45472.208333322844</v>
      </c>
      <c r="X4327" s="83">
        <v>43281.208333333336</v>
      </c>
      <c r="Y4327">
        <v>187495.52960000001</v>
      </c>
      <c r="Z4327">
        <v>13280.36679</v>
      </c>
      <c r="AA4327">
        <v>68432.055550000005</v>
      </c>
      <c r="AB4327">
        <v>30195.476470000001</v>
      </c>
      <c r="AC4327">
        <v>33868.690779999997</v>
      </c>
      <c r="AD4327">
        <v>21900.304660000002</v>
      </c>
      <c r="AE4327">
        <v>38934.068899999998</v>
      </c>
      <c r="AF4327">
        <v>45881.482709999997</v>
      </c>
      <c r="AG4327">
        <v>17752.37586</v>
      </c>
      <c r="AH4327">
        <v>252955.60060000001</v>
      </c>
      <c r="AI4327">
        <v>64913.323199999999</v>
      </c>
      <c r="AJ4327">
        <v>18081.174650000001</v>
      </c>
      <c r="AK4327">
        <v>25879.74337</v>
      </c>
      <c r="AL4327">
        <v>72697.700070000006</v>
      </c>
      <c r="AM4327">
        <v>16274.42195</v>
      </c>
      <c r="AN4327">
        <v>73739.333849999995</v>
      </c>
      <c r="AO4327">
        <v>18035.319439999999</v>
      </c>
      <c r="AP4327">
        <v>15447.020560000001</v>
      </c>
    </row>
    <row r="4328" spans="2:42" x14ac:dyDescent="0.3">
      <c r="B4328">
        <v>48.857208519779114</v>
      </c>
      <c r="C4328" s="83">
        <v>43281.25</v>
      </c>
      <c r="D4328">
        <v>187438.50769999999</v>
      </c>
      <c r="E4328">
        <v>14666.05788</v>
      </c>
      <c r="F4328">
        <v>78500.956569999995</v>
      </c>
      <c r="G4328">
        <v>30440.02634</v>
      </c>
      <c r="H4328">
        <v>33225.041729999997</v>
      </c>
      <c r="I4328">
        <v>23981.12169</v>
      </c>
      <c r="J4328">
        <v>40183.431660000002</v>
      </c>
      <c r="K4328">
        <v>43868.63781</v>
      </c>
      <c r="L4328">
        <v>18377.382519999999</v>
      </c>
      <c r="M4328">
        <v>249096.83319999999</v>
      </c>
      <c r="N4328">
        <v>63261.447010000004</v>
      </c>
      <c r="O4328">
        <v>18608.975729999998</v>
      </c>
      <c r="P4328">
        <v>26562.316719999999</v>
      </c>
      <c r="Q4328">
        <v>70625.839259999993</v>
      </c>
      <c r="R4328">
        <v>15051.3148</v>
      </c>
      <c r="S4328">
        <v>77222.473180000001</v>
      </c>
      <c r="T4328">
        <v>19160.108939999998</v>
      </c>
      <c r="U4328">
        <v>14792.454610000001</v>
      </c>
      <c r="W4328" s="83">
        <f>Bühler!N4360</f>
        <v>45472.249999989508</v>
      </c>
      <c r="X4328" s="83">
        <v>43281.25</v>
      </c>
      <c r="Y4328">
        <v>187438.50769999999</v>
      </c>
      <c r="Z4328">
        <v>14666.05788</v>
      </c>
      <c r="AA4328">
        <v>78500.956569999995</v>
      </c>
      <c r="AB4328">
        <v>30440.02634</v>
      </c>
      <c r="AC4328">
        <v>33225.041729999997</v>
      </c>
      <c r="AD4328">
        <v>23981.12169</v>
      </c>
      <c r="AE4328">
        <v>40183.431660000002</v>
      </c>
      <c r="AF4328">
        <v>43868.63781</v>
      </c>
      <c r="AG4328">
        <v>18377.382519999999</v>
      </c>
      <c r="AH4328">
        <v>249096.83319999999</v>
      </c>
      <c r="AI4328">
        <v>63261.447010000004</v>
      </c>
      <c r="AJ4328">
        <v>18608.975729999998</v>
      </c>
      <c r="AK4328">
        <v>26562.316719999999</v>
      </c>
      <c r="AL4328">
        <v>70625.839259999993</v>
      </c>
      <c r="AM4328">
        <v>15051.3148</v>
      </c>
      <c r="AN4328">
        <v>77222.473180000001</v>
      </c>
      <c r="AO4328">
        <v>19160.108939999998</v>
      </c>
      <c r="AP4328">
        <v>14792.454610000001</v>
      </c>
    </row>
    <row r="4329" spans="2:42" x14ac:dyDescent="0.3">
      <c r="B4329">
        <v>49.125900378883266</v>
      </c>
      <c r="C4329" s="83">
        <v>43281.291666666664</v>
      </c>
      <c r="D4329">
        <v>186670.32190000001</v>
      </c>
      <c r="E4329">
        <v>17230.38535</v>
      </c>
      <c r="F4329">
        <v>82633.518530000001</v>
      </c>
      <c r="G4329">
        <v>31613.421999999999</v>
      </c>
      <c r="H4329">
        <v>33911.059070000003</v>
      </c>
      <c r="I4329">
        <v>25674.129850000001</v>
      </c>
      <c r="J4329">
        <v>41275.095739999997</v>
      </c>
      <c r="K4329">
        <v>44602.778200000001</v>
      </c>
      <c r="L4329">
        <v>20003.776030000001</v>
      </c>
      <c r="M4329">
        <v>250466.74960000001</v>
      </c>
      <c r="N4329">
        <v>65319.389710000003</v>
      </c>
      <c r="O4329">
        <v>18467.359</v>
      </c>
      <c r="P4329">
        <v>29224.569769999998</v>
      </c>
      <c r="Q4329">
        <v>67760.289690000005</v>
      </c>
      <c r="R4329">
        <v>15185.215330000001</v>
      </c>
      <c r="S4329">
        <v>83461.691999999995</v>
      </c>
      <c r="T4329">
        <v>20860.606670000001</v>
      </c>
      <c r="U4329">
        <v>15127.21026</v>
      </c>
      <c r="W4329" s="83">
        <f>Bühler!N4361</f>
        <v>45472.291666656172</v>
      </c>
      <c r="X4329" s="83">
        <v>43281.291666666664</v>
      </c>
      <c r="Y4329">
        <v>186670.32190000001</v>
      </c>
      <c r="Z4329">
        <v>17230.38535</v>
      </c>
      <c r="AA4329">
        <v>82633.518530000001</v>
      </c>
      <c r="AB4329">
        <v>31613.421999999999</v>
      </c>
      <c r="AC4329">
        <v>33911.059070000003</v>
      </c>
      <c r="AD4329">
        <v>25674.129850000001</v>
      </c>
      <c r="AE4329">
        <v>41275.095739999997</v>
      </c>
      <c r="AF4329">
        <v>44602.778200000001</v>
      </c>
      <c r="AG4329">
        <v>20003.776030000001</v>
      </c>
      <c r="AH4329">
        <v>250466.74960000001</v>
      </c>
      <c r="AI4329">
        <v>65319.389710000003</v>
      </c>
      <c r="AJ4329">
        <v>18467.359</v>
      </c>
      <c r="AK4329">
        <v>29224.569769999998</v>
      </c>
      <c r="AL4329">
        <v>67760.289690000005</v>
      </c>
      <c r="AM4329">
        <v>15185.215330000001</v>
      </c>
      <c r="AN4329">
        <v>83461.691999999995</v>
      </c>
      <c r="AO4329">
        <v>20860.606670000001</v>
      </c>
      <c r="AP4329">
        <v>15127.21026</v>
      </c>
    </row>
    <row r="4330" spans="2:42" x14ac:dyDescent="0.3">
      <c r="B4330">
        <v>48.882332251389521</v>
      </c>
      <c r="C4330" s="83">
        <v>43281.333333333336</v>
      </c>
      <c r="D4330">
        <v>186800.27679999999</v>
      </c>
      <c r="E4330">
        <v>20988.42079</v>
      </c>
      <c r="F4330">
        <v>88705.073300000004</v>
      </c>
      <c r="G4330">
        <v>32996.896580000001</v>
      </c>
      <c r="H4330">
        <v>35011.973019999998</v>
      </c>
      <c r="I4330">
        <v>26791.319090000001</v>
      </c>
      <c r="J4330">
        <v>44543.620009999999</v>
      </c>
      <c r="K4330">
        <v>45858.367720000002</v>
      </c>
      <c r="L4330">
        <v>22611.645570000001</v>
      </c>
      <c r="M4330">
        <v>249224.92569999999</v>
      </c>
      <c r="N4330">
        <v>67377.001940000002</v>
      </c>
      <c r="O4330">
        <v>18551.980869999999</v>
      </c>
      <c r="P4330">
        <v>31982.267899999999</v>
      </c>
      <c r="Q4330">
        <v>66682.748389999993</v>
      </c>
      <c r="R4330">
        <v>17081.220969999998</v>
      </c>
      <c r="S4330">
        <v>87169.978730000003</v>
      </c>
      <c r="T4330">
        <v>22551.30645</v>
      </c>
      <c r="U4330">
        <v>15638.000400000001</v>
      </c>
      <c r="W4330" s="83">
        <f>Bühler!N4362</f>
        <v>45472.333333322837</v>
      </c>
      <c r="X4330" s="83">
        <v>43281.333333333336</v>
      </c>
      <c r="Y4330">
        <v>186800.27679999999</v>
      </c>
      <c r="Z4330">
        <v>20988.42079</v>
      </c>
      <c r="AA4330">
        <v>88705.073300000004</v>
      </c>
      <c r="AB4330">
        <v>32996.896580000001</v>
      </c>
      <c r="AC4330">
        <v>35011.973019999998</v>
      </c>
      <c r="AD4330">
        <v>26791.319090000001</v>
      </c>
      <c r="AE4330">
        <v>44543.620009999999</v>
      </c>
      <c r="AF4330">
        <v>45858.367720000002</v>
      </c>
      <c r="AG4330">
        <v>22611.645570000001</v>
      </c>
      <c r="AH4330">
        <v>249224.92569999999</v>
      </c>
      <c r="AI4330">
        <v>67377.001940000002</v>
      </c>
      <c r="AJ4330">
        <v>18551.980869999999</v>
      </c>
      <c r="AK4330">
        <v>31982.267899999999</v>
      </c>
      <c r="AL4330">
        <v>66682.748389999993</v>
      </c>
      <c r="AM4330">
        <v>17081.220969999998</v>
      </c>
      <c r="AN4330">
        <v>87169.978730000003</v>
      </c>
      <c r="AO4330">
        <v>22551.30645</v>
      </c>
      <c r="AP4330">
        <v>15638.000400000001</v>
      </c>
    </row>
    <row r="4331" spans="2:42" x14ac:dyDescent="0.3">
      <c r="B4331">
        <v>48.875604600817873</v>
      </c>
      <c r="C4331" s="83">
        <v>43281.375</v>
      </c>
      <c r="D4331">
        <v>187113.8559</v>
      </c>
      <c r="E4331">
        <v>25202.760740000002</v>
      </c>
      <c r="F4331">
        <v>95820.886259999999</v>
      </c>
      <c r="G4331">
        <v>33594.48328</v>
      </c>
      <c r="H4331">
        <v>35994.709690000003</v>
      </c>
      <c r="I4331">
        <v>27736.338230000001</v>
      </c>
      <c r="J4331">
        <v>46102.174850000003</v>
      </c>
      <c r="K4331">
        <v>48486.232660000001</v>
      </c>
      <c r="L4331">
        <v>26627.42107</v>
      </c>
      <c r="M4331">
        <v>249190.625</v>
      </c>
      <c r="N4331">
        <v>67755.446970000005</v>
      </c>
      <c r="O4331">
        <v>19414.95318</v>
      </c>
      <c r="P4331">
        <v>34589.97077</v>
      </c>
      <c r="Q4331">
        <v>66576.486300000004</v>
      </c>
      <c r="R4331">
        <v>17801.535950000001</v>
      </c>
      <c r="S4331">
        <v>90906.704970000006</v>
      </c>
      <c r="T4331">
        <v>24891.714929999998</v>
      </c>
      <c r="U4331">
        <v>16251.07323</v>
      </c>
      <c r="W4331" s="83">
        <f>Bühler!N4363</f>
        <v>45472.374999989501</v>
      </c>
      <c r="X4331" s="83">
        <v>43281.375</v>
      </c>
      <c r="Y4331">
        <v>187113.8559</v>
      </c>
      <c r="Z4331">
        <v>25202.760740000002</v>
      </c>
      <c r="AA4331">
        <v>95820.886259999999</v>
      </c>
      <c r="AB4331">
        <v>33594.48328</v>
      </c>
      <c r="AC4331">
        <v>35994.709690000003</v>
      </c>
      <c r="AD4331">
        <v>27736.338230000001</v>
      </c>
      <c r="AE4331">
        <v>46102.174850000003</v>
      </c>
      <c r="AF4331">
        <v>48486.232660000001</v>
      </c>
      <c r="AG4331">
        <v>26627.42107</v>
      </c>
      <c r="AH4331">
        <v>249190.625</v>
      </c>
      <c r="AI4331">
        <v>67755.446970000005</v>
      </c>
      <c r="AJ4331">
        <v>19414.95318</v>
      </c>
      <c r="AK4331">
        <v>34589.97077</v>
      </c>
      <c r="AL4331">
        <v>66576.486300000004</v>
      </c>
      <c r="AM4331">
        <v>17801.535950000001</v>
      </c>
      <c r="AN4331">
        <v>90906.704970000006</v>
      </c>
      <c r="AO4331">
        <v>24891.714929999998</v>
      </c>
      <c r="AP4331">
        <v>16251.07323</v>
      </c>
    </row>
    <row r="4332" spans="2:42" x14ac:dyDescent="0.3">
      <c r="B4332">
        <v>48.960109110822103</v>
      </c>
      <c r="C4332" s="83">
        <v>43281.416666666664</v>
      </c>
      <c r="D4332">
        <v>187282.71530000001</v>
      </c>
      <c r="E4332">
        <v>27145.859189999999</v>
      </c>
      <c r="F4332">
        <v>97749.024470000004</v>
      </c>
      <c r="G4332">
        <v>34316.12859</v>
      </c>
      <c r="H4332">
        <v>36567.050239999997</v>
      </c>
      <c r="I4332">
        <v>28317.330160000001</v>
      </c>
      <c r="J4332">
        <v>46494.11449</v>
      </c>
      <c r="K4332">
        <v>49971.893049999999</v>
      </c>
      <c r="L4332">
        <v>30869.37703</v>
      </c>
      <c r="M4332">
        <v>249621.46840000001</v>
      </c>
      <c r="N4332">
        <v>68905.836209999994</v>
      </c>
      <c r="O4332">
        <v>19675.645909999999</v>
      </c>
      <c r="P4332">
        <v>36568.372499999998</v>
      </c>
      <c r="Q4332">
        <v>66920.335349999994</v>
      </c>
      <c r="R4332">
        <v>17917.462319999999</v>
      </c>
      <c r="S4332">
        <v>91859.76986</v>
      </c>
      <c r="T4332">
        <v>26756.82115</v>
      </c>
      <c r="U4332">
        <v>16629.28154</v>
      </c>
      <c r="W4332" s="83">
        <f>Bühler!N4364</f>
        <v>45472.416666656165</v>
      </c>
      <c r="X4332" s="83">
        <v>43281.416666666664</v>
      </c>
      <c r="Y4332">
        <v>187282.71530000001</v>
      </c>
      <c r="Z4332">
        <v>27145.859189999999</v>
      </c>
      <c r="AA4332">
        <v>97749.024470000004</v>
      </c>
      <c r="AB4332">
        <v>34316.12859</v>
      </c>
      <c r="AC4332">
        <v>36567.050239999997</v>
      </c>
      <c r="AD4332">
        <v>28317.330160000001</v>
      </c>
      <c r="AE4332">
        <v>46494.11449</v>
      </c>
      <c r="AF4332">
        <v>49971.893049999999</v>
      </c>
      <c r="AG4332">
        <v>30869.37703</v>
      </c>
      <c r="AH4332">
        <v>249621.46840000001</v>
      </c>
      <c r="AI4332">
        <v>68905.836209999994</v>
      </c>
      <c r="AJ4332">
        <v>19675.645909999999</v>
      </c>
      <c r="AK4332">
        <v>36568.372499999998</v>
      </c>
      <c r="AL4332">
        <v>66920.335349999994</v>
      </c>
      <c r="AM4332">
        <v>17917.462319999999</v>
      </c>
      <c r="AN4332">
        <v>91859.76986</v>
      </c>
      <c r="AO4332">
        <v>26756.82115</v>
      </c>
      <c r="AP4332">
        <v>16629.28154</v>
      </c>
    </row>
    <row r="4333" spans="2:42" x14ac:dyDescent="0.3">
      <c r="B4333">
        <v>48.758954384829217</v>
      </c>
      <c r="C4333" s="83">
        <v>43281.458333333336</v>
      </c>
      <c r="D4333">
        <v>183384.33300000001</v>
      </c>
      <c r="E4333">
        <v>27428.761289999999</v>
      </c>
      <c r="F4333">
        <v>99583.656740000006</v>
      </c>
      <c r="G4333">
        <v>34777.613890000001</v>
      </c>
      <c r="H4333">
        <v>37158.503530000002</v>
      </c>
      <c r="I4333">
        <v>28603.770690000001</v>
      </c>
      <c r="J4333">
        <v>46230.795380000003</v>
      </c>
      <c r="K4333">
        <v>49916.453600000001</v>
      </c>
      <c r="L4333">
        <v>32830.54679</v>
      </c>
      <c r="M4333">
        <v>248595.8878</v>
      </c>
      <c r="N4333">
        <v>70550.523419999998</v>
      </c>
      <c r="O4333">
        <v>19351.836240000001</v>
      </c>
      <c r="P4333">
        <v>36508.411970000001</v>
      </c>
      <c r="Q4333">
        <v>66383.646850000005</v>
      </c>
      <c r="R4333">
        <v>21178.26758</v>
      </c>
      <c r="S4333">
        <v>95535.874020000003</v>
      </c>
      <c r="T4333">
        <v>27651.479810000001</v>
      </c>
      <c r="U4333">
        <v>16680.539919999999</v>
      </c>
      <c r="W4333" s="83">
        <f>Bühler!N4365</f>
        <v>45472.458333322829</v>
      </c>
      <c r="X4333" s="83">
        <v>43281.458333333336</v>
      </c>
      <c r="Y4333">
        <v>183384.33300000001</v>
      </c>
      <c r="Z4333">
        <v>27428.761289999999</v>
      </c>
      <c r="AA4333">
        <v>99583.656740000006</v>
      </c>
      <c r="AB4333">
        <v>34777.613890000001</v>
      </c>
      <c r="AC4333">
        <v>37158.503530000002</v>
      </c>
      <c r="AD4333">
        <v>28603.770690000001</v>
      </c>
      <c r="AE4333">
        <v>46230.795380000003</v>
      </c>
      <c r="AF4333">
        <v>49916.453600000001</v>
      </c>
      <c r="AG4333">
        <v>32830.54679</v>
      </c>
      <c r="AH4333">
        <v>248595.8878</v>
      </c>
      <c r="AI4333">
        <v>70550.523419999998</v>
      </c>
      <c r="AJ4333">
        <v>19351.836240000001</v>
      </c>
      <c r="AK4333">
        <v>36508.411970000001</v>
      </c>
      <c r="AL4333">
        <v>66383.646850000005</v>
      </c>
      <c r="AM4333">
        <v>21178.26758</v>
      </c>
      <c r="AN4333">
        <v>95535.874020000003</v>
      </c>
      <c r="AO4333">
        <v>27651.479810000001</v>
      </c>
      <c r="AP4333">
        <v>16680.539919999999</v>
      </c>
    </row>
    <row r="4334" spans="2:42" x14ac:dyDescent="0.3">
      <c r="B4334">
        <v>47.923287673657846</v>
      </c>
      <c r="C4334" s="83">
        <v>43281.5</v>
      </c>
      <c r="D4334">
        <v>176857.97870000001</v>
      </c>
      <c r="E4334">
        <v>26410.954750000001</v>
      </c>
      <c r="F4334">
        <v>98734.304260000004</v>
      </c>
      <c r="G4334">
        <v>34535.779699999999</v>
      </c>
      <c r="H4334">
        <v>36677.545700000002</v>
      </c>
      <c r="I4334">
        <v>28914.939559999999</v>
      </c>
      <c r="J4334">
        <v>47257.673179999998</v>
      </c>
      <c r="K4334">
        <v>50297.948980000001</v>
      </c>
      <c r="L4334">
        <v>34578.270980000001</v>
      </c>
      <c r="M4334">
        <v>244335.26920000001</v>
      </c>
      <c r="N4334">
        <v>70495.140190000006</v>
      </c>
      <c r="O4334">
        <v>19078.218069999999</v>
      </c>
      <c r="P4334">
        <v>37335.923770000001</v>
      </c>
      <c r="Q4334">
        <v>63303.717299999997</v>
      </c>
      <c r="R4334">
        <v>20472.18404</v>
      </c>
      <c r="S4334">
        <v>91475.197719999996</v>
      </c>
      <c r="T4334">
        <v>27297.168420000002</v>
      </c>
      <c r="U4334">
        <v>15737.69326</v>
      </c>
      <c r="W4334" s="83">
        <f>Bühler!N4366</f>
        <v>45472.499999989494</v>
      </c>
      <c r="X4334" s="83">
        <v>43281.5</v>
      </c>
      <c r="Y4334">
        <v>176857.97870000001</v>
      </c>
      <c r="Z4334">
        <v>26410.954750000001</v>
      </c>
      <c r="AA4334">
        <v>98734.304260000004</v>
      </c>
      <c r="AB4334">
        <v>34535.779699999999</v>
      </c>
      <c r="AC4334">
        <v>36677.545700000002</v>
      </c>
      <c r="AD4334">
        <v>28914.939559999999</v>
      </c>
      <c r="AE4334">
        <v>47257.673179999998</v>
      </c>
      <c r="AF4334">
        <v>50297.948980000001</v>
      </c>
      <c r="AG4334">
        <v>34578.270980000001</v>
      </c>
      <c r="AH4334">
        <v>244335.26920000001</v>
      </c>
      <c r="AI4334">
        <v>70495.140190000006</v>
      </c>
      <c r="AJ4334">
        <v>19078.218069999999</v>
      </c>
      <c r="AK4334">
        <v>37335.923770000001</v>
      </c>
      <c r="AL4334">
        <v>63303.717299999997</v>
      </c>
      <c r="AM4334">
        <v>20472.18404</v>
      </c>
      <c r="AN4334">
        <v>91475.197719999996</v>
      </c>
      <c r="AO4334">
        <v>27297.168420000002</v>
      </c>
      <c r="AP4334">
        <v>15737.69326</v>
      </c>
    </row>
    <row r="4335" spans="2:42" x14ac:dyDescent="0.3">
      <c r="B4335">
        <v>47.105270564144021</v>
      </c>
      <c r="C4335" s="83">
        <v>43281.541666666664</v>
      </c>
      <c r="D4335">
        <v>172838.98</v>
      </c>
      <c r="E4335">
        <v>26045.024300000001</v>
      </c>
      <c r="F4335">
        <v>97958.957160000005</v>
      </c>
      <c r="G4335">
        <v>34596.029399999999</v>
      </c>
      <c r="H4335">
        <v>36686.280460000002</v>
      </c>
      <c r="I4335">
        <v>29425.368750000001</v>
      </c>
      <c r="J4335">
        <v>46198.758950000003</v>
      </c>
      <c r="K4335">
        <v>50571.949489999999</v>
      </c>
      <c r="L4335">
        <v>34452.408459999999</v>
      </c>
      <c r="M4335">
        <v>240164.63649999999</v>
      </c>
      <c r="N4335">
        <v>71982.413209999999</v>
      </c>
      <c r="O4335">
        <v>19122.906729999999</v>
      </c>
      <c r="P4335">
        <v>36432.835709999999</v>
      </c>
      <c r="Q4335">
        <v>61841.289599999996</v>
      </c>
      <c r="R4335">
        <v>19796.180609999999</v>
      </c>
      <c r="S4335">
        <v>92528.820739999996</v>
      </c>
      <c r="T4335">
        <v>27055.335449999999</v>
      </c>
      <c r="U4335">
        <v>15391.030290000001</v>
      </c>
      <c r="W4335" s="83">
        <f>Bühler!N4367</f>
        <v>45472.541666656158</v>
      </c>
      <c r="X4335" s="83">
        <v>43281.541666666664</v>
      </c>
      <c r="Y4335">
        <v>172838.98</v>
      </c>
      <c r="Z4335">
        <v>26045.024300000001</v>
      </c>
      <c r="AA4335">
        <v>97958.957160000005</v>
      </c>
      <c r="AB4335">
        <v>34596.029399999999</v>
      </c>
      <c r="AC4335">
        <v>36686.280460000002</v>
      </c>
      <c r="AD4335">
        <v>29425.368750000001</v>
      </c>
      <c r="AE4335">
        <v>46198.758950000003</v>
      </c>
      <c r="AF4335">
        <v>50571.949489999999</v>
      </c>
      <c r="AG4335">
        <v>34452.408459999999</v>
      </c>
      <c r="AH4335">
        <v>240164.63649999999</v>
      </c>
      <c r="AI4335">
        <v>71982.413209999999</v>
      </c>
      <c r="AJ4335">
        <v>19122.906729999999</v>
      </c>
      <c r="AK4335">
        <v>36432.835709999999</v>
      </c>
      <c r="AL4335">
        <v>61841.289599999996</v>
      </c>
      <c r="AM4335">
        <v>19796.180609999999</v>
      </c>
      <c r="AN4335">
        <v>92528.820739999996</v>
      </c>
      <c r="AO4335">
        <v>27055.335449999999</v>
      </c>
      <c r="AP4335">
        <v>15391.030290000001</v>
      </c>
    </row>
    <row r="4336" spans="2:42" x14ac:dyDescent="0.3">
      <c r="B4336">
        <v>46.452008862170629</v>
      </c>
      <c r="C4336" s="83">
        <v>43281.583333333336</v>
      </c>
      <c r="D4336">
        <v>172331.19020000001</v>
      </c>
      <c r="E4336">
        <v>26862.257730000001</v>
      </c>
      <c r="F4336">
        <v>97979.194629999998</v>
      </c>
      <c r="G4336">
        <v>34428.453889999997</v>
      </c>
      <c r="H4336">
        <v>36758.301229999997</v>
      </c>
      <c r="I4336">
        <v>29969.799630000001</v>
      </c>
      <c r="J4336">
        <v>45564.222040000001</v>
      </c>
      <c r="K4336">
        <v>49695.025900000001</v>
      </c>
      <c r="L4336">
        <v>32678.069159999999</v>
      </c>
      <c r="M4336">
        <v>236834.0037</v>
      </c>
      <c r="N4336">
        <v>72953.872099999993</v>
      </c>
      <c r="O4336">
        <v>19047.824250000001</v>
      </c>
      <c r="P4336">
        <v>34030.232279999997</v>
      </c>
      <c r="Q4336">
        <v>60782.502529999998</v>
      </c>
      <c r="R4336">
        <v>20906.999339999998</v>
      </c>
      <c r="S4336">
        <v>90575.288109999994</v>
      </c>
      <c r="T4336">
        <v>28437.927110000001</v>
      </c>
      <c r="U4336">
        <v>15191.570530000001</v>
      </c>
      <c r="W4336" s="83">
        <f>Bühler!N4368</f>
        <v>45472.583333322822</v>
      </c>
      <c r="X4336" s="83">
        <v>43281.583333333336</v>
      </c>
      <c r="Y4336">
        <v>172331.19020000001</v>
      </c>
      <c r="Z4336">
        <v>26862.257730000001</v>
      </c>
      <c r="AA4336">
        <v>97979.194629999998</v>
      </c>
      <c r="AB4336">
        <v>34428.453889999997</v>
      </c>
      <c r="AC4336">
        <v>36758.301229999997</v>
      </c>
      <c r="AD4336">
        <v>29969.799630000001</v>
      </c>
      <c r="AE4336">
        <v>45564.222040000001</v>
      </c>
      <c r="AF4336">
        <v>49695.025900000001</v>
      </c>
      <c r="AG4336">
        <v>32678.069159999999</v>
      </c>
      <c r="AH4336">
        <v>236834.0037</v>
      </c>
      <c r="AI4336">
        <v>72953.872099999993</v>
      </c>
      <c r="AJ4336">
        <v>19047.824250000001</v>
      </c>
      <c r="AK4336">
        <v>34030.232279999997</v>
      </c>
      <c r="AL4336">
        <v>60782.502529999998</v>
      </c>
      <c r="AM4336">
        <v>20906.999339999998</v>
      </c>
      <c r="AN4336">
        <v>90575.288109999994</v>
      </c>
      <c r="AO4336">
        <v>28437.927110000001</v>
      </c>
      <c r="AP4336">
        <v>15191.570530000001</v>
      </c>
    </row>
    <row r="4337" spans="2:42" x14ac:dyDescent="0.3">
      <c r="B4337">
        <v>46.280425224793028</v>
      </c>
      <c r="C4337" s="83">
        <v>43281.625</v>
      </c>
      <c r="D4337">
        <v>172491.5502</v>
      </c>
      <c r="E4337">
        <v>26919.840550000001</v>
      </c>
      <c r="F4337">
        <v>98711.826889999997</v>
      </c>
      <c r="G4337">
        <v>34278.527240000003</v>
      </c>
      <c r="H4337">
        <v>36647.486510000002</v>
      </c>
      <c r="I4337">
        <v>30129.063600000001</v>
      </c>
      <c r="J4337">
        <v>45698.436229999999</v>
      </c>
      <c r="K4337">
        <v>50087.211909999998</v>
      </c>
      <c r="L4337">
        <v>30406.495790000001</v>
      </c>
      <c r="M4337">
        <v>235959.19029999999</v>
      </c>
      <c r="N4337">
        <v>72710.212719999996</v>
      </c>
      <c r="O4337">
        <v>18897.11879</v>
      </c>
      <c r="P4337">
        <v>32082.641759999999</v>
      </c>
      <c r="Q4337">
        <v>60362.579389999999</v>
      </c>
      <c r="R4337">
        <v>21081.63277</v>
      </c>
      <c r="S4337">
        <v>90468.972630000004</v>
      </c>
      <c r="T4337">
        <v>28285.397949999999</v>
      </c>
      <c r="U4337">
        <v>15188.85</v>
      </c>
      <c r="W4337" s="83">
        <f>Bühler!N4369</f>
        <v>45472.624999989486</v>
      </c>
      <c r="X4337" s="83">
        <v>43281.625</v>
      </c>
      <c r="Y4337">
        <v>172491.5502</v>
      </c>
      <c r="Z4337">
        <v>26919.840550000001</v>
      </c>
      <c r="AA4337">
        <v>98711.826889999997</v>
      </c>
      <c r="AB4337">
        <v>34278.527240000003</v>
      </c>
      <c r="AC4337">
        <v>36647.486510000002</v>
      </c>
      <c r="AD4337">
        <v>30129.063600000001</v>
      </c>
      <c r="AE4337">
        <v>45698.436229999999</v>
      </c>
      <c r="AF4337">
        <v>50087.211909999998</v>
      </c>
      <c r="AG4337">
        <v>30406.495790000001</v>
      </c>
      <c r="AH4337">
        <v>235959.19029999999</v>
      </c>
      <c r="AI4337">
        <v>72710.212719999996</v>
      </c>
      <c r="AJ4337">
        <v>18897.11879</v>
      </c>
      <c r="AK4337">
        <v>32082.641759999999</v>
      </c>
      <c r="AL4337">
        <v>60362.579389999999</v>
      </c>
      <c r="AM4337">
        <v>21081.63277</v>
      </c>
      <c r="AN4337">
        <v>90468.972630000004</v>
      </c>
      <c r="AO4337">
        <v>28285.397949999999</v>
      </c>
      <c r="AP4337">
        <v>15188.85</v>
      </c>
    </row>
    <row r="4338" spans="2:42" x14ac:dyDescent="0.3">
      <c r="B4338">
        <v>45.526021048708053</v>
      </c>
      <c r="C4338" s="83">
        <v>43281.666666666664</v>
      </c>
      <c r="D4338">
        <v>171309.16930000001</v>
      </c>
      <c r="E4338">
        <v>26905.222020000001</v>
      </c>
      <c r="F4338">
        <v>98085.229579999999</v>
      </c>
      <c r="G4338">
        <v>34458.552190000002</v>
      </c>
      <c r="H4338">
        <v>36487.304519999998</v>
      </c>
      <c r="I4338">
        <v>30151.151730000001</v>
      </c>
      <c r="J4338">
        <v>45664.510410000003</v>
      </c>
      <c r="K4338">
        <v>49284.243399999999</v>
      </c>
      <c r="L4338">
        <v>29730.698960000002</v>
      </c>
      <c r="M4338">
        <v>232112.886</v>
      </c>
      <c r="N4338">
        <v>72612.755260000005</v>
      </c>
      <c r="O4338">
        <v>19349.701539999998</v>
      </c>
      <c r="P4338">
        <v>31140.977019999998</v>
      </c>
      <c r="Q4338">
        <v>60376.01311</v>
      </c>
      <c r="R4338">
        <v>20761.562979999999</v>
      </c>
      <c r="S4338">
        <v>90918.056280000004</v>
      </c>
      <c r="T4338">
        <v>28287.577440000001</v>
      </c>
      <c r="U4338">
        <v>15171.854660000001</v>
      </c>
      <c r="W4338" s="83">
        <f>Bühler!N4370</f>
        <v>45472.66666665615</v>
      </c>
      <c r="X4338" s="83">
        <v>43281.666666666664</v>
      </c>
      <c r="Y4338">
        <v>171309.16930000001</v>
      </c>
      <c r="Z4338">
        <v>26905.222020000001</v>
      </c>
      <c r="AA4338">
        <v>98085.229579999999</v>
      </c>
      <c r="AB4338">
        <v>34458.552190000002</v>
      </c>
      <c r="AC4338">
        <v>36487.304519999998</v>
      </c>
      <c r="AD4338">
        <v>30151.151730000001</v>
      </c>
      <c r="AE4338">
        <v>45664.510410000003</v>
      </c>
      <c r="AF4338">
        <v>49284.243399999999</v>
      </c>
      <c r="AG4338">
        <v>29730.698960000002</v>
      </c>
      <c r="AH4338">
        <v>232112.886</v>
      </c>
      <c r="AI4338">
        <v>72612.755260000005</v>
      </c>
      <c r="AJ4338">
        <v>19349.701539999998</v>
      </c>
      <c r="AK4338">
        <v>31140.977019999998</v>
      </c>
      <c r="AL4338">
        <v>60376.01311</v>
      </c>
      <c r="AM4338">
        <v>20761.562979999999</v>
      </c>
      <c r="AN4338">
        <v>90918.056280000004</v>
      </c>
      <c r="AO4338">
        <v>28287.577440000001</v>
      </c>
      <c r="AP4338">
        <v>15171.854660000001</v>
      </c>
    </row>
    <row r="4339" spans="2:42" x14ac:dyDescent="0.3">
      <c r="B4339">
        <v>44.787310827360315</v>
      </c>
      <c r="C4339" s="83">
        <v>43281.708333333336</v>
      </c>
      <c r="D4339">
        <v>168785.29610000001</v>
      </c>
      <c r="E4339">
        <v>26395.41347</v>
      </c>
      <c r="F4339">
        <v>97305.763070000001</v>
      </c>
      <c r="G4339">
        <v>34202.237609999996</v>
      </c>
      <c r="H4339">
        <v>36088.176010000003</v>
      </c>
      <c r="I4339">
        <v>29925.571070000002</v>
      </c>
      <c r="J4339">
        <v>46894.26872</v>
      </c>
      <c r="K4339">
        <v>48027.106070000002</v>
      </c>
      <c r="L4339">
        <v>30068.29638</v>
      </c>
      <c r="M4339">
        <v>228346.5968</v>
      </c>
      <c r="N4339">
        <v>71777.796610000005</v>
      </c>
      <c r="O4339">
        <v>19451.842379999998</v>
      </c>
      <c r="P4339">
        <v>33872.657050000002</v>
      </c>
      <c r="Q4339">
        <v>59224.824370000002</v>
      </c>
      <c r="R4339">
        <v>22176.624930000002</v>
      </c>
      <c r="S4339">
        <v>92182.556169999996</v>
      </c>
      <c r="T4339">
        <v>27832.945309999999</v>
      </c>
      <c r="U4339">
        <v>15459.88222</v>
      </c>
      <c r="W4339" s="83">
        <f>Bühler!N4371</f>
        <v>45472.708333322815</v>
      </c>
      <c r="X4339" s="83">
        <v>43281.708333333336</v>
      </c>
      <c r="Y4339">
        <v>168785.29610000001</v>
      </c>
      <c r="Z4339">
        <v>26395.41347</v>
      </c>
      <c r="AA4339">
        <v>97305.763070000001</v>
      </c>
      <c r="AB4339">
        <v>34202.237609999996</v>
      </c>
      <c r="AC4339">
        <v>36088.176010000003</v>
      </c>
      <c r="AD4339">
        <v>29925.571070000002</v>
      </c>
      <c r="AE4339">
        <v>46894.26872</v>
      </c>
      <c r="AF4339">
        <v>48027.106070000002</v>
      </c>
      <c r="AG4339">
        <v>30068.29638</v>
      </c>
      <c r="AH4339">
        <v>228346.5968</v>
      </c>
      <c r="AI4339">
        <v>71777.796610000005</v>
      </c>
      <c r="AJ4339">
        <v>19451.842379999998</v>
      </c>
      <c r="AK4339">
        <v>33872.657050000002</v>
      </c>
      <c r="AL4339">
        <v>59224.824370000002</v>
      </c>
      <c r="AM4339">
        <v>22176.624930000002</v>
      </c>
      <c r="AN4339">
        <v>92182.556169999996</v>
      </c>
      <c r="AO4339">
        <v>27832.945309999999</v>
      </c>
      <c r="AP4339">
        <v>15459.88222</v>
      </c>
    </row>
    <row r="4340" spans="2:42" x14ac:dyDescent="0.3">
      <c r="B4340">
        <v>43.868379018112961</v>
      </c>
      <c r="C4340" s="83">
        <v>43281.75</v>
      </c>
      <c r="D4340">
        <v>167616.74429999999</v>
      </c>
      <c r="E4340">
        <v>25268.386589999998</v>
      </c>
      <c r="F4340">
        <v>95425.108160000003</v>
      </c>
      <c r="G4340">
        <v>33901.57821</v>
      </c>
      <c r="H4340">
        <v>35983.961219999997</v>
      </c>
      <c r="I4340">
        <v>29416.968990000001</v>
      </c>
      <c r="J4340">
        <v>46943.690199999997</v>
      </c>
      <c r="K4340">
        <v>47388.629679999998</v>
      </c>
      <c r="L4340">
        <v>30449.766640000002</v>
      </c>
      <c r="M4340">
        <v>223661.45389999999</v>
      </c>
      <c r="N4340">
        <v>71816.729739999995</v>
      </c>
      <c r="O4340">
        <v>20234.309310000001</v>
      </c>
      <c r="P4340">
        <v>36151.442210000001</v>
      </c>
      <c r="Q4340">
        <v>57695.724549999999</v>
      </c>
      <c r="R4340">
        <v>20114.704880000001</v>
      </c>
      <c r="S4340">
        <v>89294.873630000002</v>
      </c>
      <c r="T4340">
        <v>27161.029490000001</v>
      </c>
      <c r="U4340">
        <v>15382.01658</v>
      </c>
      <c r="W4340" s="83">
        <f>Bühler!N4372</f>
        <v>45472.749999989479</v>
      </c>
      <c r="X4340" s="83">
        <v>43281.75</v>
      </c>
      <c r="Y4340">
        <v>167616.74429999999</v>
      </c>
      <c r="Z4340">
        <v>25268.386589999998</v>
      </c>
      <c r="AA4340">
        <v>95425.108160000003</v>
      </c>
      <c r="AB4340">
        <v>33901.57821</v>
      </c>
      <c r="AC4340">
        <v>35983.961219999997</v>
      </c>
      <c r="AD4340">
        <v>29416.968990000001</v>
      </c>
      <c r="AE4340">
        <v>46943.690199999997</v>
      </c>
      <c r="AF4340">
        <v>47388.629679999998</v>
      </c>
      <c r="AG4340">
        <v>30449.766640000002</v>
      </c>
      <c r="AH4340">
        <v>223661.45389999999</v>
      </c>
      <c r="AI4340">
        <v>71816.729739999995</v>
      </c>
      <c r="AJ4340">
        <v>20234.309310000001</v>
      </c>
      <c r="AK4340">
        <v>36151.442210000001</v>
      </c>
      <c r="AL4340">
        <v>57695.724549999999</v>
      </c>
      <c r="AM4340">
        <v>20114.704880000001</v>
      </c>
      <c r="AN4340">
        <v>89294.873630000002</v>
      </c>
      <c r="AO4340">
        <v>27161.029490000001</v>
      </c>
      <c r="AP4340">
        <v>15382.01658</v>
      </c>
    </row>
    <row r="4341" spans="2:42" x14ac:dyDescent="0.3">
      <c r="B4341">
        <v>43.702732715213948</v>
      </c>
      <c r="C4341" s="83">
        <v>43281.791666666664</v>
      </c>
      <c r="D4341">
        <v>166296.86300000001</v>
      </c>
      <c r="E4341">
        <v>21272.40582</v>
      </c>
      <c r="F4341">
        <v>84110.012969999996</v>
      </c>
      <c r="G4341">
        <v>33312.455249999999</v>
      </c>
      <c r="H4341">
        <v>35099.062299999998</v>
      </c>
      <c r="I4341">
        <v>27895.09029</v>
      </c>
      <c r="J4341">
        <v>45601.949739999996</v>
      </c>
      <c r="K4341">
        <v>48301.706299999998</v>
      </c>
      <c r="L4341">
        <v>31199.58166</v>
      </c>
      <c r="M4341">
        <v>222816.9118</v>
      </c>
      <c r="N4341">
        <v>71005.544769999993</v>
      </c>
      <c r="O4341">
        <v>19413.506150000001</v>
      </c>
      <c r="P4341">
        <v>37684.525199999996</v>
      </c>
      <c r="Q4341">
        <v>55771.723169999997</v>
      </c>
      <c r="R4341">
        <v>19927.830829999999</v>
      </c>
      <c r="S4341">
        <v>87420.104200000002</v>
      </c>
      <c r="T4341">
        <v>25928.346280000002</v>
      </c>
      <c r="U4341">
        <v>15129.236269999999</v>
      </c>
      <c r="W4341" s="83">
        <f>Bühler!N4373</f>
        <v>45472.791666656143</v>
      </c>
      <c r="X4341" s="83">
        <v>43281.791666666664</v>
      </c>
      <c r="Y4341">
        <v>166296.86300000001</v>
      </c>
      <c r="Z4341">
        <v>21272.40582</v>
      </c>
      <c r="AA4341">
        <v>84110.012969999996</v>
      </c>
      <c r="AB4341">
        <v>33312.455249999999</v>
      </c>
      <c r="AC4341">
        <v>35099.062299999998</v>
      </c>
      <c r="AD4341">
        <v>27895.09029</v>
      </c>
      <c r="AE4341">
        <v>45601.949739999996</v>
      </c>
      <c r="AF4341">
        <v>48301.706299999998</v>
      </c>
      <c r="AG4341">
        <v>31199.58166</v>
      </c>
      <c r="AH4341">
        <v>222816.9118</v>
      </c>
      <c r="AI4341">
        <v>71005.544769999993</v>
      </c>
      <c r="AJ4341">
        <v>19413.506150000001</v>
      </c>
      <c r="AK4341">
        <v>37684.525199999996</v>
      </c>
      <c r="AL4341">
        <v>55771.723169999997</v>
      </c>
      <c r="AM4341">
        <v>19927.830829999999</v>
      </c>
      <c r="AN4341">
        <v>87420.104200000002</v>
      </c>
      <c r="AO4341">
        <v>25928.346280000002</v>
      </c>
      <c r="AP4341">
        <v>15129.236269999999</v>
      </c>
    </row>
    <row r="4342" spans="2:42" x14ac:dyDescent="0.3">
      <c r="B4342">
        <v>43.00998735550931</v>
      </c>
      <c r="C4342" s="83">
        <v>43281.833333333336</v>
      </c>
      <c r="D4342">
        <v>164329.96160000001</v>
      </c>
      <c r="E4342">
        <v>15403.196040000001</v>
      </c>
      <c r="F4342">
        <v>65606.031650000004</v>
      </c>
      <c r="G4342">
        <v>32517.336749999999</v>
      </c>
      <c r="H4342">
        <v>33604.954089999999</v>
      </c>
      <c r="I4342">
        <v>24956.180909999999</v>
      </c>
      <c r="J4342">
        <v>43517.855929999998</v>
      </c>
      <c r="K4342">
        <v>49240.771390000002</v>
      </c>
      <c r="L4342">
        <v>31044.20249</v>
      </c>
      <c r="M4342">
        <v>219284.97289999999</v>
      </c>
      <c r="N4342">
        <v>68726.056070000006</v>
      </c>
      <c r="O4342">
        <v>18855.21747</v>
      </c>
      <c r="P4342">
        <v>37186.879679999998</v>
      </c>
      <c r="Q4342">
        <v>53366.284590000003</v>
      </c>
      <c r="R4342">
        <v>18605.98633</v>
      </c>
      <c r="S4342">
        <v>81891.601790000001</v>
      </c>
      <c r="T4342">
        <v>23699.546999999999</v>
      </c>
      <c r="U4342">
        <v>15008.35871</v>
      </c>
      <c r="W4342" s="83">
        <f>Bühler!N4374</f>
        <v>45472.833333322807</v>
      </c>
      <c r="X4342" s="83">
        <v>43281.833333333336</v>
      </c>
      <c r="Y4342">
        <v>164329.96160000001</v>
      </c>
      <c r="Z4342">
        <v>15403.196040000001</v>
      </c>
      <c r="AA4342">
        <v>65606.031650000004</v>
      </c>
      <c r="AB4342">
        <v>32517.336749999999</v>
      </c>
      <c r="AC4342">
        <v>33604.954089999999</v>
      </c>
      <c r="AD4342">
        <v>24956.180909999999</v>
      </c>
      <c r="AE4342">
        <v>43517.855929999998</v>
      </c>
      <c r="AF4342">
        <v>49240.771390000002</v>
      </c>
      <c r="AG4342">
        <v>31044.20249</v>
      </c>
      <c r="AH4342">
        <v>219284.97289999999</v>
      </c>
      <c r="AI4342">
        <v>68726.056070000006</v>
      </c>
      <c r="AJ4342">
        <v>18855.21747</v>
      </c>
      <c r="AK4342">
        <v>37186.879679999998</v>
      </c>
      <c r="AL4342">
        <v>53366.284590000003</v>
      </c>
      <c r="AM4342">
        <v>18605.98633</v>
      </c>
      <c r="AN4342">
        <v>81891.601790000001</v>
      </c>
      <c r="AO4342">
        <v>23699.546999999999</v>
      </c>
      <c r="AP4342">
        <v>15008.35871</v>
      </c>
    </row>
    <row r="4343" spans="2:42" x14ac:dyDescent="0.3">
      <c r="B4343">
        <v>42.191349569151171</v>
      </c>
      <c r="C4343" s="83">
        <v>43281.875</v>
      </c>
      <c r="D4343">
        <v>162523.00159999999</v>
      </c>
      <c r="E4343">
        <v>13538.007540000001</v>
      </c>
      <c r="F4343">
        <v>56487.080379999999</v>
      </c>
      <c r="G4343">
        <v>32035.629779999999</v>
      </c>
      <c r="H4343">
        <v>32889.500220000002</v>
      </c>
      <c r="I4343">
        <v>22689.536700000001</v>
      </c>
      <c r="J4343">
        <v>42536.863380000003</v>
      </c>
      <c r="K4343">
        <v>50104.872539999997</v>
      </c>
      <c r="L4343">
        <v>30068.687399999999</v>
      </c>
      <c r="M4343">
        <v>215111.17569999999</v>
      </c>
      <c r="N4343">
        <v>67443.384810000003</v>
      </c>
      <c r="O4343">
        <v>18083.031790000001</v>
      </c>
      <c r="P4343">
        <v>36071.768170000003</v>
      </c>
      <c r="Q4343">
        <v>51619.91145</v>
      </c>
      <c r="R4343">
        <v>17997.380020000001</v>
      </c>
      <c r="S4343">
        <v>78599.274430000005</v>
      </c>
      <c r="T4343">
        <v>22761.486410000001</v>
      </c>
      <c r="U4343">
        <v>15183.308779999999</v>
      </c>
      <c r="W4343" s="83">
        <f>Bühler!N4375</f>
        <v>45472.874999989472</v>
      </c>
      <c r="X4343" s="83">
        <v>43281.875</v>
      </c>
      <c r="Y4343">
        <v>162523.00159999999</v>
      </c>
      <c r="Z4343">
        <v>13538.007540000001</v>
      </c>
      <c r="AA4343">
        <v>56487.080379999999</v>
      </c>
      <c r="AB4343">
        <v>32035.629779999999</v>
      </c>
      <c r="AC4343">
        <v>32889.500220000002</v>
      </c>
      <c r="AD4343">
        <v>22689.536700000001</v>
      </c>
      <c r="AE4343">
        <v>42536.863380000003</v>
      </c>
      <c r="AF4343">
        <v>50104.872539999997</v>
      </c>
      <c r="AG4343">
        <v>30068.687399999999</v>
      </c>
      <c r="AH4343">
        <v>215111.17569999999</v>
      </c>
      <c r="AI4343">
        <v>67443.384810000003</v>
      </c>
      <c r="AJ4343">
        <v>18083.031790000001</v>
      </c>
      <c r="AK4343">
        <v>36071.768170000003</v>
      </c>
      <c r="AL4343">
        <v>51619.91145</v>
      </c>
      <c r="AM4343">
        <v>17997.380020000001</v>
      </c>
      <c r="AN4343">
        <v>78599.274430000005</v>
      </c>
      <c r="AO4343">
        <v>22761.486410000001</v>
      </c>
      <c r="AP4343">
        <v>15183.308779999999</v>
      </c>
    </row>
    <row r="4344" spans="2:42" x14ac:dyDescent="0.3">
      <c r="B4344">
        <v>42.238271954032157</v>
      </c>
      <c r="C4344" s="83">
        <v>43281.916666666664</v>
      </c>
      <c r="D4344">
        <v>162371.41699999999</v>
      </c>
      <c r="E4344">
        <v>13223.340969999999</v>
      </c>
      <c r="F4344">
        <v>53769.724999999999</v>
      </c>
      <c r="G4344">
        <v>32360.279279999999</v>
      </c>
      <c r="H4344">
        <v>34671.186350000004</v>
      </c>
      <c r="I4344">
        <v>21096.848139999998</v>
      </c>
      <c r="J4344">
        <v>43183.056759999999</v>
      </c>
      <c r="K4344">
        <v>53617.562019999998</v>
      </c>
      <c r="L4344">
        <v>27154.423999999999</v>
      </c>
      <c r="M4344">
        <v>215350.40789999999</v>
      </c>
      <c r="N4344">
        <v>66659.428809999998</v>
      </c>
      <c r="O4344">
        <v>17409.975200000001</v>
      </c>
      <c r="P4344">
        <v>38807.094579999997</v>
      </c>
      <c r="Q4344">
        <v>51523.744930000001</v>
      </c>
      <c r="R4344">
        <v>20153.754059999999</v>
      </c>
      <c r="S4344">
        <v>78498.884600000005</v>
      </c>
      <c r="T4344">
        <v>22612.58582</v>
      </c>
      <c r="U4344">
        <v>15771.21024</v>
      </c>
      <c r="W4344" s="83">
        <f>Bühler!N4376</f>
        <v>45472.916666656136</v>
      </c>
      <c r="X4344" s="83">
        <v>43281.916666666664</v>
      </c>
      <c r="Y4344">
        <v>162371.41699999999</v>
      </c>
      <c r="Z4344">
        <v>13223.340969999999</v>
      </c>
      <c r="AA4344">
        <v>53769.724999999999</v>
      </c>
      <c r="AB4344">
        <v>32360.279279999999</v>
      </c>
      <c r="AC4344">
        <v>34671.186350000004</v>
      </c>
      <c r="AD4344">
        <v>21096.848139999998</v>
      </c>
      <c r="AE4344">
        <v>43183.056759999999</v>
      </c>
      <c r="AF4344">
        <v>53617.562019999998</v>
      </c>
      <c r="AG4344">
        <v>27154.423999999999</v>
      </c>
      <c r="AH4344">
        <v>215350.40789999999</v>
      </c>
      <c r="AI4344">
        <v>66659.428809999998</v>
      </c>
      <c r="AJ4344">
        <v>17409.975200000001</v>
      </c>
      <c r="AK4344">
        <v>38807.094579999997</v>
      </c>
      <c r="AL4344">
        <v>51523.744930000001</v>
      </c>
      <c r="AM4344">
        <v>20153.754059999999</v>
      </c>
      <c r="AN4344">
        <v>78498.884600000005</v>
      </c>
      <c r="AO4344">
        <v>22612.58582</v>
      </c>
      <c r="AP4344">
        <v>15771.21024</v>
      </c>
    </row>
    <row r="4345" spans="2:42" x14ac:dyDescent="0.3">
      <c r="B4345">
        <v>42.446955708839866</v>
      </c>
      <c r="C4345" s="83">
        <v>43281.958333333336</v>
      </c>
      <c r="D4345">
        <v>161458.57269999999</v>
      </c>
      <c r="E4345">
        <v>12662.069949999999</v>
      </c>
      <c r="F4345">
        <v>51634.886030000001</v>
      </c>
      <c r="G4345">
        <v>32271.4195</v>
      </c>
      <c r="H4345">
        <v>34220.619610000002</v>
      </c>
      <c r="I4345">
        <v>20479.25891</v>
      </c>
      <c r="J4345">
        <v>39518.700239999998</v>
      </c>
      <c r="K4345">
        <v>52714.088989999997</v>
      </c>
      <c r="L4345">
        <v>23336.28412</v>
      </c>
      <c r="M4345">
        <v>216414.375</v>
      </c>
      <c r="N4345">
        <v>64400.46473</v>
      </c>
      <c r="O4345">
        <v>18010.58309</v>
      </c>
      <c r="P4345">
        <v>33641.674319999998</v>
      </c>
      <c r="Q4345">
        <v>51114.697919999999</v>
      </c>
      <c r="R4345">
        <v>20720.930629999999</v>
      </c>
      <c r="S4345">
        <v>76898.561709999994</v>
      </c>
      <c r="T4345">
        <v>20461.001339999999</v>
      </c>
      <c r="U4345">
        <v>15438.79926</v>
      </c>
      <c r="W4345" s="83">
        <f>Bühler!N4377</f>
        <v>45472.9583333228</v>
      </c>
      <c r="X4345" s="83">
        <v>43281.958333333336</v>
      </c>
      <c r="Y4345">
        <v>161458.57269999999</v>
      </c>
      <c r="Z4345">
        <v>12662.069949999999</v>
      </c>
      <c r="AA4345">
        <v>51634.886030000001</v>
      </c>
      <c r="AB4345">
        <v>32271.4195</v>
      </c>
      <c r="AC4345">
        <v>34220.619610000002</v>
      </c>
      <c r="AD4345">
        <v>20479.25891</v>
      </c>
      <c r="AE4345">
        <v>39518.700239999998</v>
      </c>
      <c r="AF4345">
        <v>52714.088989999997</v>
      </c>
      <c r="AG4345">
        <v>23336.28412</v>
      </c>
      <c r="AH4345">
        <v>216414.375</v>
      </c>
      <c r="AI4345">
        <v>64400.46473</v>
      </c>
      <c r="AJ4345">
        <v>18010.58309</v>
      </c>
      <c r="AK4345">
        <v>33641.674319999998</v>
      </c>
      <c r="AL4345">
        <v>51114.697919999999</v>
      </c>
      <c r="AM4345">
        <v>20720.930629999999</v>
      </c>
      <c r="AN4345">
        <v>76898.561709999994</v>
      </c>
      <c r="AO4345">
        <v>20461.001339999999</v>
      </c>
      <c r="AP4345">
        <v>15438.79926</v>
      </c>
    </row>
    <row r="4346" spans="2:42" x14ac:dyDescent="0.3">
      <c r="B4346">
        <v>41.991570295996397</v>
      </c>
      <c r="C4346" s="83">
        <v>43282</v>
      </c>
      <c r="D4346">
        <v>160561.93770000001</v>
      </c>
      <c r="E4346">
        <v>12074.54191</v>
      </c>
      <c r="F4346">
        <v>49852.775110000002</v>
      </c>
      <c r="G4346">
        <v>32222.47766</v>
      </c>
      <c r="H4346">
        <v>33599.898809999999</v>
      </c>
      <c r="I4346">
        <v>19165.969700000001</v>
      </c>
      <c r="J4346">
        <v>36194.231039999999</v>
      </c>
      <c r="K4346">
        <v>49540.851369999997</v>
      </c>
      <c r="L4346">
        <v>20227.695299999999</v>
      </c>
      <c r="M4346">
        <v>214092.6078</v>
      </c>
      <c r="N4346">
        <v>63406.654860000002</v>
      </c>
      <c r="O4346">
        <v>17507.009419999998</v>
      </c>
      <c r="P4346">
        <v>30772.364720000001</v>
      </c>
      <c r="Q4346">
        <v>49501.488169999997</v>
      </c>
      <c r="R4346">
        <v>16457.94385</v>
      </c>
      <c r="S4346">
        <v>74818.596640000003</v>
      </c>
      <c r="T4346">
        <v>19515.954129999998</v>
      </c>
      <c r="U4346">
        <v>15127.600539999999</v>
      </c>
      <c r="W4346" s="83">
        <f>Bühler!N4378</f>
        <v>45472.999999989464</v>
      </c>
      <c r="X4346" s="83">
        <v>43282</v>
      </c>
      <c r="Y4346">
        <v>160561.93770000001</v>
      </c>
      <c r="Z4346">
        <v>12074.54191</v>
      </c>
      <c r="AA4346">
        <v>49852.775110000002</v>
      </c>
      <c r="AB4346">
        <v>32222.47766</v>
      </c>
      <c r="AC4346">
        <v>33599.898809999999</v>
      </c>
      <c r="AD4346">
        <v>19165.969700000001</v>
      </c>
      <c r="AE4346">
        <v>36194.231039999999</v>
      </c>
      <c r="AF4346">
        <v>49540.851369999997</v>
      </c>
      <c r="AG4346">
        <v>20227.695299999999</v>
      </c>
      <c r="AH4346">
        <v>214092.6078</v>
      </c>
      <c r="AI4346">
        <v>63406.654860000002</v>
      </c>
      <c r="AJ4346">
        <v>17507.009419999998</v>
      </c>
      <c r="AK4346">
        <v>30772.364720000001</v>
      </c>
      <c r="AL4346">
        <v>49501.488169999997</v>
      </c>
      <c r="AM4346">
        <v>16457.94385</v>
      </c>
      <c r="AN4346">
        <v>74818.596640000003</v>
      </c>
      <c r="AO4346">
        <v>19515.954129999998</v>
      </c>
      <c r="AP4346">
        <v>15127.600539999999</v>
      </c>
    </row>
    <row r="4347" spans="2:42" x14ac:dyDescent="0.3">
      <c r="B4347">
        <v>41.454952788593062</v>
      </c>
      <c r="C4347" s="83">
        <v>43282.041666666664</v>
      </c>
      <c r="D4347">
        <v>160407.8671</v>
      </c>
      <c r="E4347">
        <v>11869.08613</v>
      </c>
      <c r="F4347">
        <v>48946.737780000003</v>
      </c>
      <c r="G4347">
        <v>31664.84762</v>
      </c>
      <c r="H4347">
        <v>32899.460760000002</v>
      </c>
      <c r="I4347">
        <v>15715.47899</v>
      </c>
      <c r="J4347">
        <v>34330.066700000003</v>
      </c>
      <c r="K4347">
        <v>48731.652909999997</v>
      </c>
      <c r="L4347">
        <v>18862.922170000002</v>
      </c>
      <c r="M4347">
        <v>211356.68150000001</v>
      </c>
      <c r="N4347">
        <v>62036.761310000002</v>
      </c>
      <c r="O4347">
        <v>17341.814630000001</v>
      </c>
      <c r="P4347">
        <v>28746.553690000001</v>
      </c>
      <c r="Q4347">
        <v>50059.19569</v>
      </c>
      <c r="R4347">
        <v>14525.896790000001</v>
      </c>
      <c r="S4347">
        <v>72997.669810000007</v>
      </c>
      <c r="T4347">
        <v>18747.887780000001</v>
      </c>
      <c r="U4347">
        <v>14785.37275</v>
      </c>
      <c r="W4347" s="83">
        <f>Bühler!N4379</f>
        <v>45473.041666656129</v>
      </c>
      <c r="X4347" s="83">
        <v>43282.041666666664</v>
      </c>
      <c r="Y4347">
        <v>160407.8671</v>
      </c>
      <c r="Z4347">
        <v>11869.08613</v>
      </c>
      <c r="AA4347">
        <v>48946.737780000003</v>
      </c>
      <c r="AB4347">
        <v>31664.84762</v>
      </c>
      <c r="AC4347">
        <v>32899.460760000002</v>
      </c>
      <c r="AD4347">
        <v>15715.47899</v>
      </c>
      <c r="AE4347">
        <v>34330.066700000003</v>
      </c>
      <c r="AF4347">
        <v>48731.652909999997</v>
      </c>
      <c r="AG4347">
        <v>18862.922170000002</v>
      </c>
      <c r="AH4347">
        <v>211356.68150000001</v>
      </c>
      <c r="AI4347">
        <v>62036.761310000002</v>
      </c>
      <c r="AJ4347">
        <v>17341.814630000001</v>
      </c>
      <c r="AK4347">
        <v>28746.553690000001</v>
      </c>
      <c r="AL4347">
        <v>50059.19569</v>
      </c>
      <c r="AM4347">
        <v>14525.896790000001</v>
      </c>
      <c r="AN4347">
        <v>72997.669810000007</v>
      </c>
      <c r="AO4347">
        <v>18747.887780000001</v>
      </c>
      <c r="AP4347">
        <v>14785.37275</v>
      </c>
    </row>
    <row r="4348" spans="2:42" x14ac:dyDescent="0.3">
      <c r="B4348">
        <v>41.167947245777469</v>
      </c>
      <c r="C4348" s="83">
        <v>43282.083333333336</v>
      </c>
      <c r="D4348">
        <v>159598.92970000001</v>
      </c>
      <c r="E4348">
        <v>11865.408299999999</v>
      </c>
      <c r="F4348">
        <v>49129.787190000003</v>
      </c>
      <c r="G4348">
        <v>31157.795689999999</v>
      </c>
      <c r="H4348">
        <v>32370.372439999999</v>
      </c>
      <c r="I4348">
        <v>13880.208500000001</v>
      </c>
      <c r="J4348">
        <v>33587.30601</v>
      </c>
      <c r="K4348">
        <v>47217.09</v>
      </c>
      <c r="L4348">
        <v>17576.337240000001</v>
      </c>
      <c r="M4348">
        <v>209893.3934</v>
      </c>
      <c r="N4348">
        <v>60525.989200000004</v>
      </c>
      <c r="O4348">
        <v>16748.137289999999</v>
      </c>
      <c r="P4348">
        <v>26261.443490000001</v>
      </c>
      <c r="Q4348">
        <v>51011.046369999996</v>
      </c>
      <c r="R4348">
        <v>14324.810320000001</v>
      </c>
      <c r="S4348">
        <v>72093.983770000006</v>
      </c>
      <c r="T4348">
        <v>18190.611819999998</v>
      </c>
      <c r="U4348">
        <v>14625.78442</v>
      </c>
      <c r="W4348" s="83">
        <f>Bühler!N4380</f>
        <v>45473.083333322793</v>
      </c>
      <c r="X4348" s="83">
        <v>43282.083333333336</v>
      </c>
      <c r="Y4348">
        <v>159598.92970000001</v>
      </c>
      <c r="Z4348">
        <v>11865.408299999999</v>
      </c>
      <c r="AA4348">
        <v>49129.787190000003</v>
      </c>
      <c r="AB4348">
        <v>31157.795689999999</v>
      </c>
      <c r="AC4348">
        <v>32370.372439999999</v>
      </c>
      <c r="AD4348">
        <v>13880.208500000001</v>
      </c>
      <c r="AE4348">
        <v>33587.30601</v>
      </c>
      <c r="AF4348">
        <v>47217.09</v>
      </c>
      <c r="AG4348">
        <v>17576.337240000001</v>
      </c>
      <c r="AH4348">
        <v>209893.3934</v>
      </c>
      <c r="AI4348">
        <v>60525.989200000004</v>
      </c>
      <c r="AJ4348">
        <v>16748.137289999999</v>
      </c>
      <c r="AK4348">
        <v>26261.443490000001</v>
      </c>
      <c r="AL4348">
        <v>51011.046369999996</v>
      </c>
      <c r="AM4348">
        <v>14324.810320000001</v>
      </c>
      <c r="AN4348">
        <v>72093.983770000006</v>
      </c>
      <c r="AO4348">
        <v>18190.611819999998</v>
      </c>
      <c r="AP4348">
        <v>14625.78442</v>
      </c>
    </row>
    <row r="4349" spans="2:42" x14ac:dyDescent="0.3">
      <c r="B4349">
        <v>40.968141768664275</v>
      </c>
      <c r="C4349" s="83">
        <v>43282.125</v>
      </c>
      <c r="D4349">
        <v>158675.74429999999</v>
      </c>
      <c r="E4349">
        <v>11516.95572</v>
      </c>
      <c r="F4349">
        <v>48992.157789999997</v>
      </c>
      <c r="G4349">
        <v>30152.468499999999</v>
      </c>
      <c r="H4349">
        <v>32145.061689999999</v>
      </c>
      <c r="I4349">
        <v>12953.654339999999</v>
      </c>
      <c r="J4349">
        <v>33394.25935</v>
      </c>
      <c r="K4349">
        <v>46006.09532</v>
      </c>
      <c r="L4349">
        <v>16712.400839999998</v>
      </c>
      <c r="M4349">
        <v>208874.69190000001</v>
      </c>
      <c r="N4349">
        <v>60128.719779999999</v>
      </c>
      <c r="O4349">
        <v>16948.79939</v>
      </c>
      <c r="P4349">
        <v>25651.675569999999</v>
      </c>
      <c r="Q4349">
        <v>52924.235099999998</v>
      </c>
      <c r="R4349">
        <v>13716.721240000001</v>
      </c>
      <c r="S4349">
        <v>71580.91545</v>
      </c>
      <c r="T4349">
        <v>17709.86753</v>
      </c>
      <c r="U4349">
        <v>14427.826870000001</v>
      </c>
      <c r="W4349" s="83">
        <f>Bühler!N4381</f>
        <v>45473.124999989457</v>
      </c>
      <c r="X4349" s="83">
        <v>43282.125</v>
      </c>
      <c r="Y4349">
        <v>158675.74429999999</v>
      </c>
      <c r="Z4349">
        <v>11516.95572</v>
      </c>
      <c r="AA4349">
        <v>48992.157789999997</v>
      </c>
      <c r="AB4349">
        <v>30152.468499999999</v>
      </c>
      <c r="AC4349">
        <v>32145.061689999999</v>
      </c>
      <c r="AD4349">
        <v>12953.654339999999</v>
      </c>
      <c r="AE4349">
        <v>33394.25935</v>
      </c>
      <c r="AF4349">
        <v>46006.09532</v>
      </c>
      <c r="AG4349">
        <v>16712.400839999998</v>
      </c>
      <c r="AH4349">
        <v>208874.69190000001</v>
      </c>
      <c r="AI4349">
        <v>60128.719779999999</v>
      </c>
      <c r="AJ4349">
        <v>16948.79939</v>
      </c>
      <c r="AK4349">
        <v>25651.675569999999</v>
      </c>
      <c r="AL4349">
        <v>52924.235099999998</v>
      </c>
      <c r="AM4349">
        <v>13716.721240000001</v>
      </c>
      <c r="AN4349">
        <v>71580.91545</v>
      </c>
      <c r="AO4349">
        <v>17709.86753</v>
      </c>
      <c r="AP4349">
        <v>14427.826870000001</v>
      </c>
    </row>
    <row r="4350" spans="2:42" x14ac:dyDescent="0.3">
      <c r="B4350">
        <v>40.648843044143213</v>
      </c>
      <c r="C4350" s="83">
        <v>43282.166666666664</v>
      </c>
      <c r="D4350">
        <v>157684.11189999999</v>
      </c>
      <c r="E4350">
        <v>11491.56998</v>
      </c>
      <c r="F4350">
        <v>48374.615290000002</v>
      </c>
      <c r="G4350">
        <v>29428.092479999999</v>
      </c>
      <c r="H4350">
        <v>31914.04711</v>
      </c>
      <c r="I4350">
        <v>13177.01468</v>
      </c>
      <c r="J4350">
        <v>35460.89716</v>
      </c>
      <c r="K4350">
        <v>44524.21845</v>
      </c>
      <c r="L4350">
        <v>16800.36407</v>
      </c>
      <c r="M4350">
        <v>207246.75810000001</v>
      </c>
      <c r="N4350">
        <v>59356.106229999998</v>
      </c>
      <c r="O4350">
        <v>16805.491379999999</v>
      </c>
      <c r="P4350">
        <v>25123.957330000001</v>
      </c>
      <c r="Q4350">
        <v>52752.052499999998</v>
      </c>
      <c r="R4350">
        <v>12872.79176</v>
      </c>
      <c r="S4350">
        <v>71460.693289999996</v>
      </c>
      <c r="T4350">
        <v>17480.701850000001</v>
      </c>
      <c r="U4350">
        <v>14525.516390000001</v>
      </c>
      <c r="W4350" s="83">
        <f>Bühler!N4382</f>
        <v>45473.166666656121</v>
      </c>
      <c r="X4350" s="83">
        <v>43282.166666666664</v>
      </c>
      <c r="Y4350">
        <v>157684.11189999999</v>
      </c>
      <c r="Z4350">
        <v>11491.56998</v>
      </c>
      <c r="AA4350">
        <v>48374.615290000002</v>
      </c>
      <c r="AB4350">
        <v>29428.092479999999</v>
      </c>
      <c r="AC4350">
        <v>31914.04711</v>
      </c>
      <c r="AD4350">
        <v>13177.01468</v>
      </c>
      <c r="AE4350">
        <v>35460.89716</v>
      </c>
      <c r="AF4350">
        <v>44524.21845</v>
      </c>
      <c r="AG4350">
        <v>16800.36407</v>
      </c>
      <c r="AH4350">
        <v>207246.75810000001</v>
      </c>
      <c r="AI4350">
        <v>59356.106229999998</v>
      </c>
      <c r="AJ4350">
        <v>16805.491379999999</v>
      </c>
      <c r="AK4350">
        <v>25123.957330000001</v>
      </c>
      <c r="AL4350">
        <v>52752.052499999998</v>
      </c>
      <c r="AM4350">
        <v>12872.79176</v>
      </c>
      <c r="AN4350">
        <v>71460.693289999996</v>
      </c>
      <c r="AO4350">
        <v>17480.701850000001</v>
      </c>
      <c r="AP4350">
        <v>14525.516390000001</v>
      </c>
    </row>
    <row r="4351" spans="2:42" x14ac:dyDescent="0.3">
      <c r="B4351">
        <v>40.483138704183602</v>
      </c>
      <c r="C4351" s="83">
        <v>43282.208333333336</v>
      </c>
      <c r="D4351">
        <v>157347.38690000001</v>
      </c>
      <c r="E4351">
        <v>11453.567419999999</v>
      </c>
      <c r="F4351">
        <v>49081.092299999997</v>
      </c>
      <c r="G4351">
        <v>29342.35785</v>
      </c>
      <c r="H4351">
        <v>31493.039290000001</v>
      </c>
      <c r="I4351">
        <v>16291.90187</v>
      </c>
      <c r="J4351">
        <v>37799.737580000001</v>
      </c>
      <c r="K4351">
        <v>43778.76096</v>
      </c>
      <c r="L4351">
        <v>17006.015299999999</v>
      </c>
      <c r="M4351">
        <v>206401.92009999999</v>
      </c>
      <c r="N4351">
        <v>58094.716590000004</v>
      </c>
      <c r="O4351">
        <v>16047.88666</v>
      </c>
      <c r="P4351">
        <v>25810.955040000001</v>
      </c>
      <c r="Q4351">
        <v>53005.257590000001</v>
      </c>
      <c r="R4351">
        <v>14851.655129999999</v>
      </c>
      <c r="S4351">
        <v>71978.491209999993</v>
      </c>
      <c r="T4351">
        <v>17516.651290000002</v>
      </c>
      <c r="U4351">
        <v>14209.690759999999</v>
      </c>
      <c r="W4351" s="83">
        <f>Bühler!N4383</f>
        <v>45473.208333322786</v>
      </c>
      <c r="X4351" s="83">
        <v>43282.208333333336</v>
      </c>
      <c r="Y4351">
        <v>157347.38690000001</v>
      </c>
      <c r="Z4351">
        <v>11453.567419999999</v>
      </c>
      <c r="AA4351">
        <v>49081.092299999997</v>
      </c>
      <c r="AB4351">
        <v>29342.35785</v>
      </c>
      <c r="AC4351">
        <v>31493.039290000001</v>
      </c>
      <c r="AD4351">
        <v>16291.90187</v>
      </c>
      <c r="AE4351">
        <v>37799.737580000001</v>
      </c>
      <c r="AF4351">
        <v>43778.76096</v>
      </c>
      <c r="AG4351">
        <v>17006.015299999999</v>
      </c>
      <c r="AH4351">
        <v>206401.92009999999</v>
      </c>
      <c r="AI4351">
        <v>58094.716590000004</v>
      </c>
      <c r="AJ4351">
        <v>16047.88666</v>
      </c>
      <c r="AK4351">
        <v>25810.955040000001</v>
      </c>
      <c r="AL4351">
        <v>53005.257590000001</v>
      </c>
      <c r="AM4351">
        <v>14851.655129999999</v>
      </c>
      <c r="AN4351">
        <v>71978.491209999993</v>
      </c>
      <c r="AO4351">
        <v>17516.651290000002</v>
      </c>
      <c r="AP4351">
        <v>14209.690759999999</v>
      </c>
    </row>
    <row r="4352" spans="2:42" x14ac:dyDescent="0.3">
      <c r="B4352">
        <v>40.059093127534624</v>
      </c>
      <c r="C4352" s="83">
        <v>43282.25</v>
      </c>
      <c r="D4352">
        <v>156304.76800000001</v>
      </c>
      <c r="E4352">
        <v>11338.19227</v>
      </c>
      <c r="F4352">
        <v>52185.352709999999</v>
      </c>
      <c r="G4352">
        <v>29016.586090000001</v>
      </c>
      <c r="H4352">
        <v>30159.0412</v>
      </c>
      <c r="I4352">
        <v>17591.2503</v>
      </c>
      <c r="J4352">
        <v>38377.452640000003</v>
      </c>
      <c r="K4352">
        <v>43245.018340000002</v>
      </c>
      <c r="L4352">
        <v>16684.667549999998</v>
      </c>
      <c r="M4352">
        <v>204239.93799999999</v>
      </c>
      <c r="N4352">
        <v>55423.561289999998</v>
      </c>
      <c r="O4352">
        <v>16452.719929999999</v>
      </c>
      <c r="P4352">
        <v>27230.515879999999</v>
      </c>
      <c r="Q4352">
        <v>51743.606330000002</v>
      </c>
      <c r="R4352">
        <v>13351.871940000001</v>
      </c>
      <c r="S4352">
        <v>74698.092659999995</v>
      </c>
      <c r="T4352">
        <v>17836.351699999999</v>
      </c>
      <c r="U4352">
        <v>13296.20945</v>
      </c>
      <c r="W4352" s="83">
        <f>Bühler!N4384</f>
        <v>45473.24999998945</v>
      </c>
      <c r="X4352" s="83">
        <v>43282.25</v>
      </c>
      <c r="Y4352">
        <v>156304.76800000001</v>
      </c>
      <c r="Z4352">
        <v>11338.19227</v>
      </c>
      <c r="AA4352">
        <v>52185.352709999999</v>
      </c>
      <c r="AB4352">
        <v>29016.586090000001</v>
      </c>
      <c r="AC4352">
        <v>30159.0412</v>
      </c>
      <c r="AD4352">
        <v>17591.2503</v>
      </c>
      <c r="AE4352">
        <v>38377.452640000003</v>
      </c>
      <c r="AF4352">
        <v>43245.018340000002</v>
      </c>
      <c r="AG4352">
        <v>16684.667549999998</v>
      </c>
      <c r="AH4352">
        <v>204239.93799999999</v>
      </c>
      <c r="AI4352">
        <v>55423.561289999998</v>
      </c>
      <c r="AJ4352">
        <v>16452.719929999999</v>
      </c>
      <c r="AK4352">
        <v>27230.515879999999</v>
      </c>
      <c r="AL4352">
        <v>51743.606330000002</v>
      </c>
      <c r="AM4352">
        <v>13351.871940000001</v>
      </c>
      <c r="AN4352">
        <v>74698.092659999995</v>
      </c>
      <c r="AO4352">
        <v>17836.351699999999</v>
      </c>
      <c r="AP4352">
        <v>13296.20945</v>
      </c>
    </row>
    <row r="4353" spans="2:42" x14ac:dyDescent="0.3">
      <c r="B4353">
        <v>40.338594178325792</v>
      </c>
      <c r="C4353" s="83">
        <v>43282.291666666664</v>
      </c>
      <c r="D4353">
        <v>156628.07029999999</v>
      </c>
      <c r="E4353">
        <v>11666.38269</v>
      </c>
      <c r="F4353">
        <v>54450.14011</v>
      </c>
      <c r="G4353">
        <v>29558.40395</v>
      </c>
      <c r="H4353">
        <v>30881.140660000001</v>
      </c>
      <c r="I4353">
        <v>19083.436300000001</v>
      </c>
      <c r="J4353">
        <v>39670.097829999999</v>
      </c>
      <c r="K4353">
        <v>43002.336309999999</v>
      </c>
      <c r="L4353">
        <v>18506.514039999998</v>
      </c>
      <c r="M4353">
        <v>205664.96470000001</v>
      </c>
      <c r="N4353">
        <v>55133.75763</v>
      </c>
      <c r="O4353">
        <v>16747.401399999999</v>
      </c>
      <c r="P4353">
        <v>29688.933430000001</v>
      </c>
      <c r="Q4353">
        <v>51527.875</v>
      </c>
      <c r="R4353">
        <v>13276.978230000001</v>
      </c>
      <c r="S4353">
        <v>80076.858699999997</v>
      </c>
      <c r="T4353">
        <v>18827.423340000001</v>
      </c>
      <c r="U4353">
        <v>13172.83231</v>
      </c>
      <c r="W4353" s="83">
        <f>Bühler!N4385</f>
        <v>45473.291666656114</v>
      </c>
      <c r="X4353" s="83">
        <v>43282.291666666664</v>
      </c>
      <c r="Y4353">
        <v>156628.07029999999</v>
      </c>
      <c r="Z4353">
        <v>11666.38269</v>
      </c>
      <c r="AA4353">
        <v>54450.14011</v>
      </c>
      <c r="AB4353">
        <v>29558.40395</v>
      </c>
      <c r="AC4353">
        <v>30881.140660000001</v>
      </c>
      <c r="AD4353">
        <v>19083.436300000001</v>
      </c>
      <c r="AE4353">
        <v>39670.097829999999</v>
      </c>
      <c r="AF4353">
        <v>43002.336309999999</v>
      </c>
      <c r="AG4353">
        <v>18506.514039999998</v>
      </c>
      <c r="AH4353">
        <v>205664.96470000001</v>
      </c>
      <c r="AI4353">
        <v>55133.75763</v>
      </c>
      <c r="AJ4353">
        <v>16747.401399999999</v>
      </c>
      <c r="AK4353">
        <v>29688.933430000001</v>
      </c>
      <c r="AL4353">
        <v>51527.875</v>
      </c>
      <c r="AM4353">
        <v>13276.978230000001</v>
      </c>
      <c r="AN4353">
        <v>80076.858699999997</v>
      </c>
      <c r="AO4353">
        <v>18827.423340000001</v>
      </c>
      <c r="AP4353">
        <v>13172.83231</v>
      </c>
    </row>
    <row r="4354" spans="2:42" x14ac:dyDescent="0.3">
      <c r="B4354">
        <v>40.54580519613841</v>
      </c>
      <c r="C4354" s="83">
        <v>43282.333333333336</v>
      </c>
      <c r="D4354">
        <v>157440.46239999999</v>
      </c>
      <c r="E4354">
        <v>12688.710999999999</v>
      </c>
      <c r="F4354">
        <v>57628.25374</v>
      </c>
      <c r="G4354">
        <v>30522.787369999998</v>
      </c>
      <c r="H4354">
        <v>31661.461930000001</v>
      </c>
      <c r="I4354">
        <v>20086.764749999998</v>
      </c>
      <c r="J4354">
        <v>42105.983070000002</v>
      </c>
      <c r="K4354">
        <v>43307.417029999997</v>
      </c>
      <c r="L4354">
        <v>21200.266039999999</v>
      </c>
      <c r="M4354">
        <v>206721.42310000001</v>
      </c>
      <c r="N4354">
        <v>56473.46486</v>
      </c>
      <c r="O4354">
        <v>18454.86406</v>
      </c>
      <c r="P4354">
        <v>33179.902139999998</v>
      </c>
      <c r="Q4354">
        <v>51580.817049999998</v>
      </c>
      <c r="R4354">
        <v>14907.669110000001</v>
      </c>
      <c r="S4354">
        <v>82334.247099999993</v>
      </c>
      <c r="T4354">
        <v>21590.747630000002</v>
      </c>
      <c r="U4354">
        <v>13046.85304</v>
      </c>
      <c r="W4354" s="83">
        <f>Bühler!N4386</f>
        <v>45473.333333322778</v>
      </c>
      <c r="X4354" s="83">
        <v>43282.333333333336</v>
      </c>
      <c r="Y4354">
        <v>157440.46239999999</v>
      </c>
      <c r="Z4354">
        <v>12688.710999999999</v>
      </c>
      <c r="AA4354">
        <v>57628.25374</v>
      </c>
      <c r="AB4354">
        <v>30522.787369999998</v>
      </c>
      <c r="AC4354">
        <v>31661.461930000001</v>
      </c>
      <c r="AD4354">
        <v>20086.764749999998</v>
      </c>
      <c r="AE4354">
        <v>42105.983070000002</v>
      </c>
      <c r="AF4354">
        <v>43307.417029999997</v>
      </c>
      <c r="AG4354">
        <v>21200.266039999999</v>
      </c>
      <c r="AH4354">
        <v>206721.42310000001</v>
      </c>
      <c r="AI4354">
        <v>56473.46486</v>
      </c>
      <c r="AJ4354">
        <v>18454.86406</v>
      </c>
      <c r="AK4354">
        <v>33179.902139999998</v>
      </c>
      <c r="AL4354">
        <v>51580.817049999998</v>
      </c>
      <c r="AM4354">
        <v>14907.669110000001</v>
      </c>
      <c r="AN4354">
        <v>82334.247099999993</v>
      </c>
      <c r="AO4354">
        <v>21590.747630000002</v>
      </c>
      <c r="AP4354">
        <v>13046.85304</v>
      </c>
    </row>
    <row r="4355" spans="2:42" x14ac:dyDescent="0.3">
      <c r="B4355">
        <v>40.62918481885</v>
      </c>
      <c r="C4355" s="83">
        <v>43282.375</v>
      </c>
      <c r="D4355">
        <v>158073.9388</v>
      </c>
      <c r="E4355">
        <v>14229.963949999999</v>
      </c>
      <c r="F4355">
        <v>63389.058870000001</v>
      </c>
      <c r="G4355">
        <v>30991.049609999998</v>
      </c>
      <c r="H4355">
        <v>32530.410049999999</v>
      </c>
      <c r="I4355">
        <v>21003.043669999999</v>
      </c>
      <c r="J4355">
        <v>44243.794020000001</v>
      </c>
      <c r="K4355">
        <v>46995.377419999997</v>
      </c>
      <c r="L4355">
        <v>25071.693920000002</v>
      </c>
      <c r="M4355">
        <v>207146.5313</v>
      </c>
      <c r="N4355">
        <v>60064.72969</v>
      </c>
      <c r="O4355">
        <v>18458.511149999998</v>
      </c>
      <c r="P4355">
        <v>35783.678690000001</v>
      </c>
      <c r="Q4355">
        <v>52562.585599999999</v>
      </c>
      <c r="R4355">
        <v>15652.75215</v>
      </c>
      <c r="S4355">
        <v>86196.128979999994</v>
      </c>
      <c r="T4355">
        <v>23769.031640000001</v>
      </c>
      <c r="U4355">
        <v>13229.66778</v>
      </c>
      <c r="W4355" s="83">
        <f>Bühler!N4387</f>
        <v>45473.374999989443</v>
      </c>
      <c r="X4355" s="83">
        <v>43282.375</v>
      </c>
      <c r="Y4355">
        <v>158073.9388</v>
      </c>
      <c r="Z4355">
        <v>14229.963949999999</v>
      </c>
      <c r="AA4355">
        <v>63389.058870000001</v>
      </c>
      <c r="AB4355">
        <v>30991.049609999998</v>
      </c>
      <c r="AC4355">
        <v>32530.410049999999</v>
      </c>
      <c r="AD4355">
        <v>21003.043669999999</v>
      </c>
      <c r="AE4355">
        <v>44243.794020000001</v>
      </c>
      <c r="AF4355">
        <v>46995.377419999997</v>
      </c>
      <c r="AG4355">
        <v>25071.693920000002</v>
      </c>
      <c r="AH4355">
        <v>207146.5313</v>
      </c>
      <c r="AI4355">
        <v>60064.72969</v>
      </c>
      <c r="AJ4355">
        <v>18458.511149999998</v>
      </c>
      <c r="AK4355">
        <v>35783.678690000001</v>
      </c>
      <c r="AL4355">
        <v>52562.585599999999</v>
      </c>
      <c r="AM4355">
        <v>15652.75215</v>
      </c>
      <c r="AN4355">
        <v>86196.128979999994</v>
      </c>
      <c r="AO4355">
        <v>23769.031640000001</v>
      </c>
      <c r="AP4355">
        <v>13229.66778</v>
      </c>
    </row>
    <row r="4356" spans="2:42" x14ac:dyDescent="0.3">
      <c r="B4356">
        <v>41.057240052252382</v>
      </c>
      <c r="C4356" s="83">
        <v>43282.416666666664</v>
      </c>
      <c r="D4356">
        <v>159383.99890000001</v>
      </c>
      <c r="E4356">
        <v>16267.28412</v>
      </c>
      <c r="F4356">
        <v>65132.734689999997</v>
      </c>
      <c r="G4356">
        <v>31811.959859999999</v>
      </c>
      <c r="H4356">
        <v>33422.502780000003</v>
      </c>
      <c r="I4356">
        <v>22077.237720000001</v>
      </c>
      <c r="J4356">
        <v>45060.886189999997</v>
      </c>
      <c r="K4356">
        <v>47827.20031</v>
      </c>
      <c r="L4356">
        <v>28700.94382</v>
      </c>
      <c r="M4356">
        <v>209328.9565</v>
      </c>
      <c r="N4356">
        <v>62324.991260000003</v>
      </c>
      <c r="O4356">
        <v>18046.951400000002</v>
      </c>
      <c r="P4356">
        <v>37563.84491</v>
      </c>
      <c r="Q4356">
        <v>53260.10383</v>
      </c>
      <c r="R4356">
        <v>16752.618880000002</v>
      </c>
      <c r="S4356">
        <v>87846.855530000001</v>
      </c>
      <c r="T4356">
        <v>26413.68374</v>
      </c>
      <c r="U4356">
        <v>14095.093720000001</v>
      </c>
      <c r="W4356" s="83">
        <f>Bühler!N4388</f>
        <v>45473.416666656107</v>
      </c>
      <c r="X4356" s="83">
        <v>43282.416666666664</v>
      </c>
      <c r="Y4356">
        <v>159383.99890000001</v>
      </c>
      <c r="Z4356">
        <v>16267.28412</v>
      </c>
      <c r="AA4356">
        <v>65132.734689999997</v>
      </c>
      <c r="AB4356">
        <v>31811.959859999999</v>
      </c>
      <c r="AC4356">
        <v>33422.502780000003</v>
      </c>
      <c r="AD4356">
        <v>22077.237720000001</v>
      </c>
      <c r="AE4356">
        <v>45060.886189999997</v>
      </c>
      <c r="AF4356">
        <v>47827.20031</v>
      </c>
      <c r="AG4356">
        <v>28700.94382</v>
      </c>
      <c r="AH4356">
        <v>209328.9565</v>
      </c>
      <c r="AI4356">
        <v>62324.991260000003</v>
      </c>
      <c r="AJ4356">
        <v>18046.951400000002</v>
      </c>
      <c r="AK4356">
        <v>37563.84491</v>
      </c>
      <c r="AL4356">
        <v>53260.10383</v>
      </c>
      <c r="AM4356">
        <v>16752.618880000002</v>
      </c>
      <c r="AN4356">
        <v>87846.855530000001</v>
      </c>
      <c r="AO4356">
        <v>26413.68374</v>
      </c>
      <c r="AP4356">
        <v>14095.093720000001</v>
      </c>
    </row>
    <row r="4357" spans="2:42" x14ac:dyDescent="0.3">
      <c r="B4357">
        <v>41.795269225659993</v>
      </c>
      <c r="C4357" s="83">
        <v>43282.458333333336</v>
      </c>
      <c r="D4357">
        <v>161073.1416</v>
      </c>
      <c r="E4357">
        <v>17088.672579999999</v>
      </c>
      <c r="F4357">
        <v>66539.622289999999</v>
      </c>
      <c r="G4357">
        <v>32446.835169999998</v>
      </c>
      <c r="H4357">
        <v>34011.686529999999</v>
      </c>
      <c r="I4357">
        <v>22776.761180000001</v>
      </c>
      <c r="J4357">
        <v>46583.37586</v>
      </c>
      <c r="K4357">
        <v>49973.052049999998</v>
      </c>
      <c r="L4357">
        <v>29676.702099999999</v>
      </c>
      <c r="M4357">
        <v>213091.77340000001</v>
      </c>
      <c r="N4357">
        <v>63292.52018</v>
      </c>
      <c r="O4357">
        <v>18076.471740000001</v>
      </c>
      <c r="P4357">
        <v>37494.607709999997</v>
      </c>
      <c r="Q4357">
        <v>53041.374539999997</v>
      </c>
      <c r="R4357">
        <v>19425.500230000001</v>
      </c>
      <c r="S4357">
        <v>92264.408590000006</v>
      </c>
      <c r="T4357">
        <v>27423.161670000001</v>
      </c>
      <c r="U4357">
        <v>14170.21919</v>
      </c>
      <c r="W4357" s="83">
        <f>Bühler!N4389</f>
        <v>45473.458333322771</v>
      </c>
      <c r="X4357" s="83">
        <v>43282.458333333336</v>
      </c>
      <c r="Y4357">
        <v>161073.1416</v>
      </c>
      <c r="Z4357">
        <v>17088.672579999999</v>
      </c>
      <c r="AA4357">
        <v>66539.622289999999</v>
      </c>
      <c r="AB4357">
        <v>32446.835169999998</v>
      </c>
      <c r="AC4357">
        <v>34011.686529999999</v>
      </c>
      <c r="AD4357">
        <v>22776.761180000001</v>
      </c>
      <c r="AE4357">
        <v>46583.37586</v>
      </c>
      <c r="AF4357">
        <v>49973.052049999998</v>
      </c>
      <c r="AG4357">
        <v>29676.702099999999</v>
      </c>
      <c r="AH4357">
        <v>213091.77340000001</v>
      </c>
      <c r="AI4357">
        <v>63292.52018</v>
      </c>
      <c r="AJ4357">
        <v>18076.471740000001</v>
      </c>
      <c r="AK4357">
        <v>37494.607709999997</v>
      </c>
      <c r="AL4357">
        <v>53041.374539999997</v>
      </c>
      <c r="AM4357">
        <v>19425.500230000001</v>
      </c>
      <c r="AN4357">
        <v>92264.408590000006</v>
      </c>
      <c r="AO4357">
        <v>27423.161670000001</v>
      </c>
      <c r="AP4357">
        <v>14170.21919</v>
      </c>
    </row>
    <row r="4358" spans="2:42" x14ac:dyDescent="0.3">
      <c r="B4358">
        <v>42.110652713978411</v>
      </c>
      <c r="C4358" s="83">
        <v>43282.5</v>
      </c>
      <c r="D4358">
        <v>161638.4803</v>
      </c>
      <c r="E4358">
        <v>17540.976360000001</v>
      </c>
      <c r="F4358">
        <v>64259.777049999997</v>
      </c>
      <c r="G4358">
        <v>32608.532190000002</v>
      </c>
      <c r="H4358">
        <v>34006.526559999998</v>
      </c>
      <c r="I4358">
        <v>23338.151269999998</v>
      </c>
      <c r="J4358">
        <v>47712.030930000001</v>
      </c>
      <c r="K4358">
        <v>50801.864909999997</v>
      </c>
      <c r="L4358">
        <v>31855.274379999999</v>
      </c>
      <c r="M4358">
        <v>214699.74549999999</v>
      </c>
      <c r="N4358">
        <v>64196.62775</v>
      </c>
      <c r="O4358">
        <v>17876.078020000001</v>
      </c>
      <c r="P4358">
        <v>37389.063219999996</v>
      </c>
      <c r="Q4358">
        <v>52569.092649999999</v>
      </c>
      <c r="R4358">
        <v>18118.17409</v>
      </c>
      <c r="S4358">
        <v>89378.170939999996</v>
      </c>
      <c r="T4358">
        <v>26691.986649999999</v>
      </c>
      <c r="U4358">
        <v>13893.11414</v>
      </c>
      <c r="W4358" s="83">
        <f>Bühler!N4390</f>
        <v>45473.499999989435</v>
      </c>
      <c r="X4358" s="83">
        <v>43282.5</v>
      </c>
      <c r="Y4358">
        <v>161638.4803</v>
      </c>
      <c r="Z4358">
        <v>17540.976360000001</v>
      </c>
      <c r="AA4358">
        <v>64259.777049999997</v>
      </c>
      <c r="AB4358">
        <v>32608.532190000002</v>
      </c>
      <c r="AC4358">
        <v>34006.526559999998</v>
      </c>
      <c r="AD4358">
        <v>23338.151269999998</v>
      </c>
      <c r="AE4358">
        <v>47712.030930000001</v>
      </c>
      <c r="AF4358">
        <v>50801.864909999997</v>
      </c>
      <c r="AG4358">
        <v>31855.274379999999</v>
      </c>
      <c r="AH4358">
        <v>214699.74549999999</v>
      </c>
      <c r="AI4358">
        <v>64196.62775</v>
      </c>
      <c r="AJ4358">
        <v>17876.078020000001</v>
      </c>
      <c r="AK4358">
        <v>37389.063219999996</v>
      </c>
      <c r="AL4358">
        <v>52569.092649999999</v>
      </c>
      <c r="AM4358">
        <v>18118.17409</v>
      </c>
      <c r="AN4358">
        <v>89378.170939999996</v>
      </c>
      <c r="AO4358">
        <v>26691.986649999999</v>
      </c>
      <c r="AP4358">
        <v>13893.11414</v>
      </c>
    </row>
    <row r="4359" spans="2:42" x14ac:dyDescent="0.3">
      <c r="B4359">
        <v>42.405421120632944</v>
      </c>
      <c r="C4359" s="83">
        <v>43282.541666666664</v>
      </c>
      <c r="D4359">
        <v>161989.9865</v>
      </c>
      <c r="E4359">
        <v>17317.654399999999</v>
      </c>
      <c r="F4359">
        <v>55551.806969999998</v>
      </c>
      <c r="G4359">
        <v>32859.670819999999</v>
      </c>
      <c r="H4359">
        <v>33931.065519999996</v>
      </c>
      <c r="I4359">
        <v>23442.481240000001</v>
      </c>
      <c r="J4359">
        <v>46788.709669999997</v>
      </c>
      <c r="K4359">
        <v>48888.26051</v>
      </c>
      <c r="L4359">
        <v>32101.243330000001</v>
      </c>
      <c r="M4359">
        <v>216202.61230000001</v>
      </c>
      <c r="N4359">
        <v>65364.465790000002</v>
      </c>
      <c r="O4359">
        <v>18278.144629999999</v>
      </c>
      <c r="P4359">
        <v>37250.938150000002</v>
      </c>
      <c r="Q4359">
        <v>52039.955289999998</v>
      </c>
      <c r="R4359">
        <v>18376.371469999998</v>
      </c>
      <c r="S4359">
        <v>91593.830530000007</v>
      </c>
      <c r="T4359">
        <v>26420.80344</v>
      </c>
      <c r="U4359">
        <v>13890.607980000001</v>
      </c>
      <c r="W4359" s="83">
        <f>Bühler!N4391</f>
        <v>45473.5416666561</v>
      </c>
      <c r="X4359" s="83">
        <v>43282.541666666664</v>
      </c>
      <c r="Y4359">
        <v>161989.9865</v>
      </c>
      <c r="Z4359">
        <v>17317.654399999999</v>
      </c>
      <c r="AA4359">
        <v>55551.806969999998</v>
      </c>
      <c r="AB4359">
        <v>32859.670819999999</v>
      </c>
      <c r="AC4359">
        <v>33931.065519999996</v>
      </c>
      <c r="AD4359">
        <v>23442.481240000001</v>
      </c>
      <c r="AE4359">
        <v>46788.709669999997</v>
      </c>
      <c r="AF4359">
        <v>48888.26051</v>
      </c>
      <c r="AG4359">
        <v>32101.243330000001</v>
      </c>
      <c r="AH4359">
        <v>216202.61230000001</v>
      </c>
      <c r="AI4359">
        <v>65364.465790000002</v>
      </c>
      <c r="AJ4359">
        <v>18278.144629999999</v>
      </c>
      <c r="AK4359">
        <v>37250.938150000002</v>
      </c>
      <c r="AL4359">
        <v>52039.955289999998</v>
      </c>
      <c r="AM4359">
        <v>18376.371469999998</v>
      </c>
      <c r="AN4359">
        <v>91593.830530000007</v>
      </c>
      <c r="AO4359">
        <v>26420.80344</v>
      </c>
      <c r="AP4359">
        <v>13890.607980000001</v>
      </c>
    </row>
    <row r="4360" spans="2:42" x14ac:dyDescent="0.3">
      <c r="B4360">
        <v>42.470024646067543</v>
      </c>
      <c r="C4360" s="83">
        <v>43282.583333333336</v>
      </c>
      <c r="D4360">
        <v>162814.96059999999</v>
      </c>
      <c r="E4360">
        <v>17840.45161</v>
      </c>
      <c r="F4360">
        <v>55544.684090000002</v>
      </c>
      <c r="G4360">
        <v>32892.185649999999</v>
      </c>
      <c r="H4360">
        <v>34039.575140000001</v>
      </c>
      <c r="I4360">
        <v>22993.982609999999</v>
      </c>
      <c r="J4360">
        <v>45656.04565</v>
      </c>
      <c r="K4360">
        <v>48420.645270000001</v>
      </c>
      <c r="L4360">
        <v>30667.486840000001</v>
      </c>
      <c r="M4360">
        <v>216531.99119999999</v>
      </c>
      <c r="N4360">
        <v>65696.849470000001</v>
      </c>
      <c r="O4360">
        <v>18238.058649999999</v>
      </c>
      <c r="P4360">
        <v>34681.889730000003</v>
      </c>
      <c r="Q4360">
        <v>52110.348380000003</v>
      </c>
      <c r="R4360">
        <v>18543.474129999999</v>
      </c>
      <c r="S4360">
        <v>89543.663589999996</v>
      </c>
      <c r="T4360">
        <v>26873.210350000001</v>
      </c>
      <c r="U4360">
        <v>13783.55422</v>
      </c>
      <c r="W4360" s="83">
        <f>Bühler!N4392</f>
        <v>45473.583333322764</v>
      </c>
      <c r="X4360" s="83">
        <v>43282.583333333336</v>
      </c>
      <c r="Y4360">
        <v>162814.96059999999</v>
      </c>
      <c r="Z4360">
        <v>17840.45161</v>
      </c>
      <c r="AA4360">
        <v>55544.684090000002</v>
      </c>
      <c r="AB4360">
        <v>32892.185649999999</v>
      </c>
      <c r="AC4360">
        <v>34039.575140000001</v>
      </c>
      <c r="AD4360">
        <v>22993.982609999999</v>
      </c>
      <c r="AE4360">
        <v>45656.04565</v>
      </c>
      <c r="AF4360">
        <v>48420.645270000001</v>
      </c>
      <c r="AG4360">
        <v>30667.486840000001</v>
      </c>
      <c r="AH4360">
        <v>216531.99119999999</v>
      </c>
      <c r="AI4360">
        <v>65696.849470000001</v>
      </c>
      <c r="AJ4360">
        <v>18238.058649999999</v>
      </c>
      <c r="AK4360">
        <v>34681.889730000003</v>
      </c>
      <c r="AL4360">
        <v>52110.348380000003</v>
      </c>
      <c r="AM4360">
        <v>18543.474129999999</v>
      </c>
      <c r="AN4360">
        <v>89543.663589999996</v>
      </c>
      <c r="AO4360">
        <v>26873.210350000001</v>
      </c>
      <c r="AP4360">
        <v>13783.55422</v>
      </c>
    </row>
    <row r="4361" spans="2:42" x14ac:dyDescent="0.3">
      <c r="B4361">
        <v>42.512516679057391</v>
      </c>
      <c r="C4361" s="83">
        <v>43282.625</v>
      </c>
      <c r="D4361">
        <v>163034.57999999999</v>
      </c>
      <c r="E4361">
        <v>18153.315770000001</v>
      </c>
      <c r="F4361">
        <v>56263.456680000003</v>
      </c>
      <c r="G4361">
        <v>32870.098100000003</v>
      </c>
      <c r="H4361">
        <v>34081.65264</v>
      </c>
      <c r="I4361">
        <v>23590.697639999999</v>
      </c>
      <c r="J4361">
        <v>45410.946960000001</v>
      </c>
      <c r="K4361">
        <v>47448.071430000004</v>
      </c>
      <c r="L4361">
        <v>28361.03772</v>
      </c>
      <c r="M4361">
        <v>216748.6354</v>
      </c>
      <c r="N4361">
        <v>66225.421350000004</v>
      </c>
      <c r="O4361">
        <v>18444.754440000001</v>
      </c>
      <c r="P4361">
        <v>32191.906739999999</v>
      </c>
      <c r="Q4361">
        <v>52816.244140000003</v>
      </c>
      <c r="R4361">
        <v>18464.074240000002</v>
      </c>
      <c r="S4361">
        <v>90049.506250000006</v>
      </c>
      <c r="T4361">
        <v>26653.877810000002</v>
      </c>
      <c r="U4361">
        <v>13844.52176</v>
      </c>
      <c r="W4361" s="83">
        <f>Bühler!N4393</f>
        <v>45473.624999989428</v>
      </c>
      <c r="X4361" s="83">
        <v>43282.625</v>
      </c>
      <c r="Y4361">
        <v>163034.57999999999</v>
      </c>
      <c r="Z4361">
        <v>18153.315770000001</v>
      </c>
      <c r="AA4361">
        <v>56263.456680000003</v>
      </c>
      <c r="AB4361">
        <v>32870.098100000003</v>
      </c>
      <c r="AC4361">
        <v>34081.65264</v>
      </c>
      <c r="AD4361">
        <v>23590.697639999999</v>
      </c>
      <c r="AE4361">
        <v>45410.946960000001</v>
      </c>
      <c r="AF4361">
        <v>47448.071430000004</v>
      </c>
      <c r="AG4361">
        <v>28361.03772</v>
      </c>
      <c r="AH4361">
        <v>216748.6354</v>
      </c>
      <c r="AI4361">
        <v>66225.421350000004</v>
      </c>
      <c r="AJ4361">
        <v>18444.754440000001</v>
      </c>
      <c r="AK4361">
        <v>32191.906739999999</v>
      </c>
      <c r="AL4361">
        <v>52816.244140000003</v>
      </c>
      <c r="AM4361">
        <v>18464.074240000002</v>
      </c>
      <c r="AN4361">
        <v>90049.506250000006</v>
      </c>
      <c r="AO4361">
        <v>26653.877810000002</v>
      </c>
      <c r="AP4361">
        <v>13844.52176</v>
      </c>
    </row>
    <row r="4362" spans="2:42" x14ac:dyDescent="0.3">
      <c r="B4362">
        <v>42.765630892910373</v>
      </c>
      <c r="C4362" s="83">
        <v>43282.666666666664</v>
      </c>
      <c r="D4362">
        <v>162437.60070000001</v>
      </c>
      <c r="E4362">
        <v>18166.44168</v>
      </c>
      <c r="F4362">
        <v>56255.095690000002</v>
      </c>
      <c r="G4362">
        <v>33050.458630000001</v>
      </c>
      <c r="H4362">
        <v>34046.115610000001</v>
      </c>
      <c r="I4362">
        <v>23019.835800000001</v>
      </c>
      <c r="J4362">
        <v>44980.46185</v>
      </c>
      <c r="K4362">
        <v>47910.983999999997</v>
      </c>
      <c r="L4362">
        <v>28506.788700000001</v>
      </c>
      <c r="M4362">
        <v>218039.12969999999</v>
      </c>
      <c r="N4362">
        <v>66608.590519999998</v>
      </c>
      <c r="O4362">
        <v>18182.80186</v>
      </c>
      <c r="P4362">
        <v>31736.335200000001</v>
      </c>
      <c r="Q4362">
        <v>53510.184860000001</v>
      </c>
      <c r="R4362">
        <v>19198.599699999999</v>
      </c>
      <c r="S4362">
        <v>90834.376579999996</v>
      </c>
      <c r="T4362">
        <v>26666.52809</v>
      </c>
      <c r="U4362">
        <v>13804.45824</v>
      </c>
      <c r="W4362" s="83">
        <f>Bühler!N4394</f>
        <v>45473.666666656092</v>
      </c>
      <c r="X4362" s="83">
        <v>43282.666666666664</v>
      </c>
      <c r="Y4362">
        <v>162437.60070000001</v>
      </c>
      <c r="Z4362">
        <v>18166.44168</v>
      </c>
      <c r="AA4362">
        <v>56255.095690000002</v>
      </c>
      <c r="AB4362">
        <v>33050.458630000001</v>
      </c>
      <c r="AC4362">
        <v>34046.115610000001</v>
      </c>
      <c r="AD4362">
        <v>23019.835800000001</v>
      </c>
      <c r="AE4362">
        <v>44980.46185</v>
      </c>
      <c r="AF4362">
        <v>47910.983999999997</v>
      </c>
      <c r="AG4362">
        <v>28506.788700000001</v>
      </c>
      <c r="AH4362">
        <v>218039.12969999999</v>
      </c>
      <c r="AI4362">
        <v>66608.590519999998</v>
      </c>
      <c r="AJ4362">
        <v>18182.80186</v>
      </c>
      <c r="AK4362">
        <v>31736.335200000001</v>
      </c>
      <c r="AL4362">
        <v>53510.184860000001</v>
      </c>
      <c r="AM4362">
        <v>19198.599699999999</v>
      </c>
      <c r="AN4362">
        <v>90834.376579999996</v>
      </c>
      <c r="AO4362">
        <v>26666.52809</v>
      </c>
      <c r="AP4362">
        <v>13804.45824</v>
      </c>
    </row>
    <row r="4363" spans="2:42" x14ac:dyDescent="0.3">
      <c r="B4363">
        <v>42.762625910829016</v>
      </c>
      <c r="C4363" s="83">
        <v>43282.708333333336</v>
      </c>
      <c r="D4363">
        <v>164015.7084</v>
      </c>
      <c r="E4363">
        <v>18015.001179999999</v>
      </c>
      <c r="F4363">
        <v>56090.750480000002</v>
      </c>
      <c r="G4363">
        <v>33352.236579999997</v>
      </c>
      <c r="H4363">
        <v>33968.107640000002</v>
      </c>
      <c r="I4363">
        <v>23723.183300000001</v>
      </c>
      <c r="J4363">
        <v>45959.93318</v>
      </c>
      <c r="K4363">
        <v>47579.740310000001</v>
      </c>
      <c r="L4363">
        <v>28640.156940000001</v>
      </c>
      <c r="M4363">
        <v>218023.8089</v>
      </c>
      <c r="N4363">
        <v>67888.999179999999</v>
      </c>
      <c r="O4363">
        <v>18232.847860000002</v>
      </c>
      <c r="P4363">
        <v>32632.539669999998</v>
      </c>
      <c r="Q4363">
        <v>54555.99568</v>
      </c>
      <c r="R4363">
        <v>21004.408029999999</v>
      </c>
      <c r="S4363">
        <v>93263.236969999998</v>
      </c>
      <c r="T4363">
        <v>26780.606960000001</v>
      </c>
      <c r="U4363">
        <v>13786.363939999999</v>
      </c>
      <c r="W4363" s="83">
        <f>Bühler!N4395</f>
        <v>45473.708333322757</v>
      </c>
      <c r="X4363" s="83">
        <v>43282.708333333336</v>
      </c>
      <c r="Y4363">
        <v>164015.7084</v>
      </c>
      <c r="Z4363">
        <v>18015.001179999999</v>
      </c>
      <c r="AA4363">
        <v>56090.750480000002</v>
      </c>
      <c r="AB4363">
        <v>33352.236579999997</v>
      </c>
      <c r="AC4363">
        <v>33968.107640000002</v>
      </c>
      <c r="AD4363">
        <v>23723.183300000001</v>
      </c>
      <c r="AE4363">
        <v>45959.93318</v>
      </c>
      <c r="AF4363">
        <v>47579.740310000001</v>
      </c>
      <c r="AG4363">
        <v>28640.156940000001</v>
      </c>
      <c r="AH4363">
        <v>218023.8089</v>
      </c>
      <c r="AI4363">
        <v>67888.999179999999</v>
      </c>
      <c r="AJ4363">
        <v>18232.847860000002</v>
      </c>
      <c r="AK4363">
        <v>32632.539669999998</v>
      </c>
      <c r="AL4363">
        <v>54555.99568</v>
      </c>
      <c r="AM4363">
        <v>21004.408029999999</v>
      </c>
      <c r="AN4363">
        <v>93263.236969999998</v>
      </c>
      <c r="AO4363">
        <v>26780.606960000001</v>
      </c>
      <c r="AP4363">
        <v>13786.363939999999</v>
      </c>
    </row>
    <row r="4364" spans="2:42" x14ac:dyDescent="0.3">
      <c r="B4364">
        <v>42.760405066512206</v>
      </c>
      <c r="C4364" s="83">
        <v>43282.75</v>
      </c>
      <c r="D4364">
        <v>165034.4313</v>
      </c>
      <c r="E4364">
        <v>17198.9143</v>
      </c>
      <c r="F4364">
        <v>56161.316599999998</v>
      </c>
      <c r="G4364">
        <v>33285.843240000002</v>
      </c>
      <c r="H4364">
        <v>33869.041169999997</v>
      </c>
      <c r="I4364">
        <v>23736.379629999999</v>
      </c>
      <c r="J4364">
        <v>46151.360269999997</v>
      </c>
      <c r="K4364">
        <v>47338.544900000001</v>
      </c>
      <c r="L4364">
        <v>28328.747139999999</v>
      </c>
      <c r="M4364">
        <v>218012.486</v>
      </c>
      <c r="N4364">
        <v>68322.820449999999</v>
      </c>
      <c r="O4364">
        <v>18221.66015</v>
      </c>
      <c r="P4364">
        <v>34134.762759999998</v>
      </c>
      <c r="Q4364">
        <v>55351.384460000001</v>
      </c>
      <c r="R4364">
        <v>19660.024600000001</v>
      </c>
      <c r="S4364">
        <v>90616.810790000003</v>
      </c>
      <c r="T4364">
        <v>26031.30846</v>
      </c>
      <c r="U4364">
        <v>14177.07783</v>
      </c>
      <c r="W4364" s="83">
        <f>Bühler!N4396</f>
        <v>45473.749999989421</v>
      </c>
      <c r="X4364" s="83">
        <v>43282.75</v>
      </c>
      <c r="Y4364">
        <v>165034.4313</v>
      </c>
      <c r="Z4364">
        <v>17198.9143</v>
      </c>
      <c r="AA4364">
        <v>56161.316599999998</v>
      </c>
      <c r="AB4364">
        <v>33285.843240000002</v>
      </c>
      <c r="AC4364">
        <v>33869.041169999997</v>
      </c>
      <c r="AD4364">
        <v>23736.379629999999</v>
      </c>
      <c r="AE4364">
        <v>46151.360269999997</v>
      </c>
      <c r="AF4364">
        <v>47338.544900000001</v>
      </c>
      <c r="AG4364">
        <v>28328.747139999999</v>
      </c>
      <c r="AH4364">
        <v>218012.486</v>
      </c>
      <c r="AI4364">
        <v>68322.820449999999</v>
      </c>
      <c r="AJ4364">
        <v>18221.66015</v>
      </c>
      <c r="AK4364">
        <v>34134.762759999998</v>
      </c>
      <c r="AL4364">
        <v>55351.384460000001</v>
      </c>
      <c r="AM4364">
        <v>19660.024600000001</v>
      </c>
      <c r="AN4364">
        <v>90616.810790000003</v>
      </c>
      <c r="AO4364">
        <v>26031.30846</v>
      </c>
      <c r="AP4364">
        <v>14177.07783</v>
      </c>
    </row>
    <row r="4365" spans="2:42" x14ac:dyDescent="0.3">
      <c r="B4365">
        <v>42.994799003796018</v>
      </c>
      <c r="C4365" s="83">
        <v>43282.791666666664</v>
      </c>
      <c r="D4365">
        <v>165761.06049999999</v>
      </c>
      <c r="E4365">
        <v>15553.518910000001</v>
      </c>
      <c r="F4365">
        <v>54870.683380000002</v>
      </c>
      <c r="G4365">
        <v>33044.043089999999</v>
      </c>
      <c r="H4365">
        <v>33486.34014</v>
      </c>
      <c r="I4365">
        <v>23368.701130000001</v>
      </c>
      <c r="J4365">
        <v>45456.569060000002</v>
      </c>
      <c r="K4365">
        <v>47721.684739999997</v>
      </c>
      <c r="L4365">
        <v>28696.673429999999</v>
      </c>
      <c r="M4365">
        <v>219207.5356</v>
      </c>
      <c r="N4365">
        <v>68700.191200000001</v>
      </c>
      <c r="O4365">
        <v>17664.09692</v>
      </c>
      <c r="P4365">
        <v>33773.085639999998</v>
      </c>
      <c r="Q4365">
        <v>55258.627339999999</v>
      </c>
      <c r="R4365">
        <v>18563.740010000001</v>
      </c>
      <c r="S4365">
        <v>88385.727440000002</v>
      </c>
      <c r="T4365">
        <v>24757.05228</v>
      </c>
      <c r="U4365">
        <v>14450.15706</v>
      </c>
      <c r="W4365" s="83">
        <f>Bühler!N4397</f>
        <v>45473.791666656085</v>
      </c>
      <c r="X4365" s="83">
        <v>43282.791666666664</v>
      </c>
      <c r="Y4365">
        <v>165761.06049999999</v>
      </c>
      <c r="Z4365">
        <v>15553.518910000001</v>
      </c>
      <c r="AA4365">
        <v>54870.683380000002</v>
      </c>
      <c r="AB4365">
        <v>33044.043089999999</v>
      </c>
      <c r="AC4365">
        <v>33486.34014</v>
      </c>
      <c r="AD4365">
        <v>23368.701130000001</v>
      </c>
      <c r="AE4365">
        <v>45456.569060000002</v>
      </c>
      <c r="AF4365">
        <v>47721.684739999997</v>
      </c>
      <c r="AG4365">
        <v>28696.673429999999</v>
      </c>
      <c r="AH4365">
        <v>219207.5356</v>
      </c>
      <c r="AI4365">
        <v>68700.191200000001</v>
      </c>
      <c r="AJ4365">
        <v>17664.09692</v>
      </c>
      <c r="AK4365">
        <v>33773.085639999998</v>
      </c>
      <c r="AL4365">
        <v>55258.627339999999</v>
      </c>
      <c r="AM4365">
        <v>18563.740010000001</v>
      </c>
      <c r="AN4365">
        <v>88385.727440000002</v>
      </c>
      <c r="AO4365">
        <v>24757.05228</v>
      </c>
      <c r="AP4365">
        <v>14450.15706</v>
      </c>
    </row>
    <row r="4366" spans="2:42" x14ac:dyDescent="0.3">
      <c r="B4366">
        <v>42.756937710092778</v>
      </c>
      <c r="C4366" s="83">
        <v>43282.833333333336</v>
      </c>
      <c r="D4366">
        <v>166973.3529</v>
      </c>
      <c r="E4366">
        <v>13868.973609999999</v>
      </c>
      <c r="F4366">
        <v>53332.890079999997</v>
      </c>
      <c r="G4366">
        <v>32588.10888</v>
      </c>
      <c r="H4366">
        <v>33025.550459999999</v>
      </c>
      <c r="I4366">
        <v>22476.9751</v>
      </c>
      <c r="J4366">
        <v>44530.700100000002</v>
      </c>
      <c r="K4366">
        <v>49018.364269999998</v>
      </c>
      <c r="L4366">
        <v>28988.11851</v>
      </c>
      <c r="M4366">
        <v>217994.80780000001</v>
      </c>
      <c r="N4366">
        <v>68096.825729999997</v>
      </c>
      <c r="O4366">
        <v>18178.77836</v>
      </c>
      <c r="P4366">
        <v>33536.113369999999</v>
      </c>
      <c r="Q4366">
        <v>55996.52476</v>
      </c>
      <c r="R4366">
        <v>18503.493009999998</v>
      </c>
      <c r="S4366">
        <v>83388.536219999995</v>
      </c>
      <c r="T4366">
        <v>21037.612410000002</v>
      </c>
      <c r="U4366">
        <v>14653.108329999999</v>
      </c>
      <c r="W4366" s="83">
        <f>Bühler!N4398</f>
        <v>45473.833333322749</v>
      </c>
      <c r="X4366" s="83">
        <v>43282.833333333336</v>
      </c>
      <c r="Y4366">
        <v>166973.3529</v>
      </c>
      <c r="Z4366">
        <v>13868.973609999999</v>
      </c>
      <c r="AA4366">
        <v>53332.890079999997</v>
      </c>
      <c r="AB4366">
        <v>32588.10888</v>
      </c>
      <c r="AC4366">
        <v>33025.550459999999</v>
      </c>
      <c r="AD4366">
        <v>22476.9751</v>
      </c>
      <c r="AE4366">
        <v>44530.700100000002</v>
      </c>
      <c r="AF4366">
        <v>49018.364269999998</v>
      </c>
      <c r="AG4366">
        <v>28988.11851</v>
      </c>
      <c r="AH4366">
        <v>217994.80780000001</v>
      </c>
      <c r="AI4366">
        <v>68096.825729999997</v>
      </c>
      <c r="AJ4366">
        <v>18178.77836</v>
      </c>
      <c r="AK4366">
        <v>33536.113369999999</v>
      </c>
      <c r="AL4366">
        <v>55996.52476</v>
      </c>
      <c r="AM4366">
        <v>18503.493009999998</v>
      </c>
      <c r="AN4366">
        <v>83388.536219999995</v>
      </c>
      <c r="AO4366">
        <v>21037.612410000002</v>
      </c>
      <c r="AP4366">
        <v>14653.108329999999</v>
      </c>
    </row>
    <row r="4367" spans="2:42" x14ac:dyDescent="0.3">
      <c r="B4367">
        <v>42.79757249830255</v>
      </c>
      <c r="C4367" s="83">
        <v>43282.875</v>
      </c>
      <c r="D4367">
        <v>166192.2996</v>
      </c>
      <c r="E4367">
        <v>13048.702149999999</v>
      </c>
      <c r="F4367">
        <v>51821.386140000002</v>
      </c>
      <c r="G4367">
        <v>32368.776969999999</v>
      </c>
      <c r="H4367">
        <v>32619.385399999999</v>
      </c>
      <c r="I4367">
        <v>21279.08757</v>
      </c>
      <c r="J4367">
        <v>43572.31194</v>
      </c>
      <c r="K4367">
        <v>49920.346120000002</v>
      </c>
      <c r="L4367">
        <v>27969.834330000002</v>
      </c>
      <c r="M4367">
        <v>218201.9829</v>
      </c>
      <c r="N4367">
        <v>68803.214529999997</v>
      </c>
      <c r="O4367">
        <v>18085.100630000001</v>
      </c>
      <c r="P4367">
        <v>32360.49381</v>
      </c>
      <c r="Q4367">
        <v>57836.671260000003</v>
      </c>
      <c r="R4367">
        <v>18420.466179999999</v>
      </c>
      <c r="S4367">
        <v>80524.095509999999</v>
      </c>
      <c r="T4367">
        <v>20083.287319999999</v>
      </c>
      <c r="U4367">
        <v>14912.25964</v>
      </c>
      <c r="W4367" s="83">
        <f>Bühler!N4399</f>
        <v>45473.874999989413</v>
      </c>
      <c r="X4367" s="83">
        <v>43282.875</v>
      </c>
      <c r="Y4367">
        <v>166192.2996</v>
      </c>
      <c r="Z4367">
        <v>13048.702149999999</v>
      </c>
      <c r="AA4367">
        <v>51821.386140000002</v>
      </c>
      <c r="AB4367">
        <v>32368.776969999999</v>
      </c>
      <c r="AC4367">
        <v>32619.385399999999</v>
      </c>
      <c r="AD4367">
        <v>21279.08757</v>
      </c>
      <c r="AE4367">
        <v>43572.31194</v>
      </c>
      <c r="AF4367">
        <v>49920.346120000002</v>
      </c>
      <c r="AG4367">
        <v>27969.834330000002</v>
      </c>
      <c r="AH4367">
        <v>218201.9829</v>
      </c>
      <c r="AI4367">
        <v>68803.214529999997</v>
      </c>
      <c r="AJ4367">
        <v>18085.100630000001</v>
      </c>
      <c r="AK4367">
        <v>32360.49381</v>
      </c>
      <c r="AL4367">
        <v>57836.671260000003</v>
      </c>
      <c r="AM4367">
        <v>18420.466179999999</v>
      </c>
      <c r="AN4367">
        <v>80524.095509999999</v>
      </c>
      <c r="AO4367">
        <v>20083.287319999999</v>
      </c>
      <c r="AP4367">
        <v>14912.25964</v>
      </c>
    </row>
    <row r="4368" spans="2:42" x14ac:dyDescent="0.3">
      <c r="B4368">
        <v>43.228856957690894</v>
      </c>
      <c r="C4368" s="83">
        <v>43282.916666666664</v>
      </c>
      <c r="D4368">
        <v>168443.1531</v>
      </c>
      <c r="E4368">
        <v>12936.75109</v>
      </c>
      <c r="F4368">
        <v>51641.184939999999</v>
      </c>
      <c r="G4368">
        <v>32888.412830000001</v>
      </c>
      <c r="H4368">
        <v>33975.631710000001</v>
      </c>
      <c r="I4368">
        <v>20788.267670000001</v>
      </c>
      <c r="J4368">
        <v>44018.81753</v>
      </c>
      <c r="K4368">
        <v>52425.862500000003</v>
      </c>
      <c r="L4368">
        <v>25538.926599999999</v>
      </c>
      <c r="M4368">
        <v>220400.87220000001</v>
      </c>
      <c r="N4368">
        <v>68544.480370000005</v>
      </c>
      <c r="O4368">
        <v>17458.638139999999</v>
      </c>
      <c r="P4368">
        <v>32054.242760000001</v>
      </c>
      <c r="Q4368">
        <v>58901.642030000003</v>
      </c>
      <c r="R4368">
        <v>18949.946609999999</v>
      </c>
      <c r="S4368">
        <v>79682.466709999993</v>
      </c>
      <c r="T4368">
        <v>19816.899560000002</v>
      </c>
      <c r="U4368">
        <v>15799.57761</v>
      </c>
      <c r="W4368" s="83">
        <f>Bühler!N4400</f>
        <v>45473.916666656078</v>
      </c>
      <c r="X4368" s="83">
        <v>43282.916666666664</v>
      </c>
      <c r="Y4368">
        <v>168443.1531</v>
      </c>
      <c r="Z4368">
        <v>12936.75109</v>
      </c>
      <c r="AA4368">
        <v>51641.184939999999</v>
      </c>
      <c r="AB4368">
        <v>32888.412830000001</v>
      </c>
      <c r="AC4368">
        <v>33975.631710000001</v>
      </c>
      <c r="AD4368">
        <v>20788.267670000001</v>
      </c>
      <c r="AE4368">
        <v>44018.81753</v>
      </c>
      <c r="AF4368">
        <v>52425.862500000003</v>
      </c>
      <c r="AG4368">
        <v>25538.926599999999</v>
      </c>
      <c r="AH4368">
        <v>220400.87220000001</v>
      </c>
      <c r="AI4368">
        <v>68544.480370000005</v>
      </c>
      <c r="AJ4368">
        <v>17458.638139999999</v>
      </c>
      <c r="AK4368">
        <v>32054.242760000001</v>
      </c>
      <c r="AL4368">
        <v>58901.642030000003</v>
      </c>
      <c r="AM4368">
        <v>18949.946609999999</v>
      </c>
      <c r="AN4368">
        <v>79682.466709999993</v>
      </c>
      <c r="AO4368">
        <v>19816.899560000002</v>
      </c>
      <c r="AP4368">
        <v>15799.57761</v>
      </c>
    </row>
    <row r="4369" spans="2:42" x14ac:dyDescent="0.3">
      <c r="B4369">
        <v>43.219581639030686</v>
      </c>
      <c r="C4369" s="83">
        <v>43282.958333333336</v>
      </c>
      <c r="D4369">
        <v>171081.97450000001</v>
      </c>
      <c r="E4369">
        <v>12563.04787</v>
      </c>
      <c r="F4369">
        <v>50623.88493</v>
      </c>
      <c r="G4369">
        <v>32944.710050000002</v>
      </c>
      <c r="H4369">
        <v>33708.839189999999</v>
      </c>
      <c r="I4369">
        <v>20526.430090000002</v>
      </c>
      <c r="J4369">
        <v>40272.020149999997</v>
      </c>
      <c r="K4369">
        <v>52194.393770000002</v>
      </c>
      <c r="L4369">
        <v>21450.550139999999</v>
      </c>
      <c r="M4369">
        <v>220353.58230000001</v>
      </c>
      <c r="N4369">
        <v>67362.592730000004</v>
      </c>
      <c r="O4369">
        <v>17904.851900000001</v>
      </c>
      <c r="P4369">
        <v>28903.762999999999</v>
      </c>
      <c r="Q4369">
        <v>61011.865969999999</v>
      </c>
      <c r="R4369">
        <v>19952.232309999999</v>
      </c>
      <c r="S4369">
        <v>77037.966119999997</v>
      </c>
      <c r="T4369">
        <v>18971.650829999999</v>
      </c>
      <c r="U4369">
        <v>15476.48171</v>
      </c>
      <c r="W4369" s="83">
        <f>Bühler!N4401</f>
        <v>45473.958333322742</v>
      </c>
      <c r="X4369" s="83">
        <v>43282.958333333336</v>
      </c>
      <c r="Y4369">
        <v>171081.97450000001</v>
      </c>
      <c r="Z4369">
        <v>12563.04787</v>
      </c>
      <c r="AA4369">
        <v>50623.88493</v>
      </c>
      <c r="AB4369">
        <v>32944.710050000002</v>
      </c>
      <c r="AC4369">
        <v>33708.839189999999</v>
      </c>
      <c r="AD4369">
        <v>20526.430090000002</v>
      </c>
      <c r="AE4369">
        <v>40272.020149999997</v>
      </c>
      <c r="AF4369">
        <v>52194.393770000002</v>
      </c>
      <c r="AG4369">
        <v>21450.550139999999</v>
      </c>
      <c r="AH4369">
        <v>220353.58230000001</v>
      </c>
      <c r="AI4369">
        <v>67362.592730000004</v>
      </c>
      <c r="AJ4369">
        <v>17904.851900000001</v>
      </c>
      <c r="AK4369">
        <v>28903.762999999999</v>
      </c>
      <c r="AL4369">
        <v>61011.865969999999</v>
      </c>
      <c r="AM4369">
        <v>19952.232309999999</v>
      </c>
      <c r="AN4369">
        <v>77037.966119999997</v>
      </c>
      <c r="AO4369">
        <v>18971.650829999999</v>
      </c>
      <c r="AP4369">
        <v>15476.48171</v>
      </c>
    </row>
    <row r="4370" spans="2:42" x14ac:dyDescent="0.3">
      <c r="B4370">
        <v>43.071021317318433</v>
      </c>
      <c r="C4370" s="83">
        <v>43283</v>
      </c>
      <c r="D4370">
        <v>174185.2347</v>
      </c>
      <c r="E4370">
        <v>12356.6641</v>
      </c>
      <c r="F4370">
        <v>49912.766940000001</v>
      </c>
      <c r="G4370">
        <v>32452.402610000001</v>
      </c>
      <c r="H4370">
        <v>33293.547619999998</v>
      </c>
      <c r="I4370">
        <v>18955.425380000001</v>
      </c>
      <c r="J4370">
        <v>36098.787080000002</v>
      </c>
      <c r="K4370">
        <v>49520.29941</v>
      </c>
      <c r="L4370">
        <v>19206.687709999998</v>
      </c>
      <c r="M4370">
        <v>219596.1525</v>
      </c>
      <c r="N4370">
        <v>66361.198659999995</v>
      </c>
      <c r="O4370">
        <v>17933.22306</v>
      </c>
      <c r="P4370">
        <v>27125.523389999998</v>
      </c>
      <c r="Q4370">
        <v>63730.353869999999</v>
      </c>
      <c r="R4370">
        <v>16003.292369999999</v>
      </c>
      <c r="S4370">
        <v>74935.534920000006</v>
      </c>
      <c r="T4370">
        <v>18268.988010000001</v>
      </c>
      <c r="U4370">
        <v>15117.74757</v>
      </c>
      <c r="W4370" s="83">
        <f>Bühler!N4402</f>
        <v>45473.999999989406</v>
      </c>
      <c r="X4370" s="83">
        <v>43283</v>
      </c>
      <c r="Y4370">
        <v>174185.2347</v>
      </c>
      <c r="Z4370">
        <v>12356.6641</v>
      </c>
      <c r="AA4370">
        <v>49912.766940000001</v>
      </c>
      <c r="AB4370">
        <v>32452.402610000001</v>
      </c>
      <c r="AC4370">
        <v>33293.547619999998</v>
      </c>
      <c r="AD4370">
        <v>18955.425380000001</v>
      </c>
      <c r="AE4370">
        <v>36098.787080000002</v>
      </c>
      <c r="AF4370">
        <v>49520.29941</v>
      </c>
      <c r="AG4370">
        <v>19206.687709999998</v>
      </c>
      <c r="AH4370">
        <v>219596.1525</v>
      </c>
      <c r="AI4370">
        <v>66361.198659999995</v>
      </c>
      <c r="AJ4370">
        <v>17933.22306</v>
      </c>
      <c r="AK4370">
        <v>27125.523389999998</v>
      </c>
      <c r="AL4370">
        <v>63730.353869999999</v>
      </c>
      <c r="AM4370">
        <v>16003.292369999999</v>
      </c>
      <c r="AN4370">
        <v>74935.534920000006</v>
      </c>
      <c r="AO4370">
        <v>18268.988010000001</v>
      </c>
      <c r="AP4370">
        <v>15117.74757</v>
      </c>
    </row>
    <row r="4371" spans="2:42" x14ac:dyDescent="0.3">
      <c r="B4371">
        <v>43.44444606356668</v>
      </c>
      <c r="C4371" s="83">
        <v>43283.041666666664</v>
      </c>
      <c r="D4371">
        <v>173981.80540000001</v>
      </c>
      <c r="E4371">
        <v>12158.414290000001</v>
      </c>
      <c r="F4371">
        <v>50054.070319999999</v>
      </c>
      <c r="G4371">
        <v>31631.0471</v>
      </c>
      <c r="H4371">
        <v>32959.783159999999</v>
      </c>
      <c r="I4371">
        <v>15678.63854</v>
      </c>
      <c r="J4371">
        <v>34080.756249999999</v>
      </c>
      <c r="K4371">
        <v>46751.245999999999</v>
      </c>
      <c r="L4371">
        <v>17743.099040000001</v>
      </c>
      <c r="M4371">
        <v>221500.046</v>
      </c>
      <c r="N4371">
        <v>65902.699040000007</v>
      </c>
      <c r="O4371">
        <v>17974.43492</v>
      </c>
      <c r="P4371">
        <v>26007.903869999998</v>
      </c>
      <c r="Q4371">
        <v>65853.979760000002</v>
      </c>
      <c r="R4371">
        <v>14515.83894</v>
      </c>
      <c r="S4371">
        <v>73934.656059999994</v>
      </c>
      <c r="T4371">
        <v>18011.22983</v>
      </c>
      <c r="U4371">
        <v>14918.57538</v>
      </c>
      <c r="W4371" s="83">
        <f>Bühler!N4403</f>
        <v>45474.04166665607</v>
      </c>
      <c r="X4371" s="83">
        <v>43283.041666666664</v>
      </c>
      <c r="Y4371">
        <v>173981.80540000001</v>
      </c>
      <c r="Z4371">
        <v>12158.414290000001</v>
      </c>
      <c r="AA4371">
        <v>50054.070319999999</v>
      </c>
      <c r="AB4371">
        <v>31631.0471</v>
      </c>
      <c r="AC4371">
        <v>32959.783159999999</v>
      </c>
      <c r="AD4371">
        <v>15678.63854</v>
      </c>
      <c r="AE4371">
        <v>34080.756249999999</v>
      </c>
      <c r="AF4371">
        <v>46751.245999999999</v>
      </c>
      <c r="AG4371">
        <v>17743.099040000001</v>
      </c>
      <c r="AH4371">
        <v>221500.046</v>
      </c>
      <c r="AI4371">
        <v>65902.699040000007</v>
      </c>
      <c r="AJ4371">
        <v>17974.43492</v>
      </c>
      <c r="AK4371">
        <v>26007.903869999998</v>
      </c>
      <c r="AL4371">
        <v>65853.979760000002</v>
      </c>
      <c r="AM4371">
        <v>14515.83894</v>
      </c>
      <c r="AN4371">
        <v>73934.656059999994</v>
      </c>
      <c r="AO4371">
        <v>18011.22983</v>
      </c>
      <c r="AP4371">
        <v>14918.57538</v>
      </c>
    </row>
    <row r="4372" spans="2:42" x14ac:dyDescent="0.3">
      <c r="B4372">
        <v>43.925814878302965</v>
      </c>
      <c r="C4372" s="83">
        <v>43283.083333333336</v>
      </c>
      <c r="D4372">
        <v>174586.05919999999</v>
      </c>
      <c r="E4372">
        <v>12033.341969999999</v>
      </c>
      <c r="F4372">
        <v>51275.64718</v>
      </c>
      <c r="G4372">
        <v>30946.221539999999</v>
      </c>
      <c r="H4372">
        <v>32513.310570000001</v>
      </c>
      <c r="I4372">
        <v>13476.04089</v>
      </c>
      <c r="J4372">
        <v>33612.049330000002</v>
      </c>
      <c r="K4372">
        <v>45209.194530000001</v>
      </c>
      <c r="L4372">
        <v>17446.251049999999</v>
      </c>
      <c r="M4372">
        <v>223954.2887</v>
      </c>
      <c r="N4372">
        <v>65248.273130000001</v>
      </c>
      <c r="O4372">
        <v>16974.691920000001</v>
      </c>
      <c r="P4372">
        <v>24446.986219999999</v>
      </c>
      <c r="Q4372">
        <v>68483.669760000004</v>
      </c>
      <c r="R4372">
        <v>14980.013300000001</v>
      </c>
      <c r="S4372">
        <v>72685.788329999996</v>
      </c>
      <c r="T4372">
        <v>17709.734899999999</v>
      </c>
      <c r="U4372">
        <v>14776.638790000001</v>
      </c>
      <c r="W4372" s="83">
        <f>Bühler!N4404</f>
        <v>45474.083333322735</v>
      </c>
      <c r="X4372" s="83">
        <v>43283.083333333336</v>
      </c>
      <c r="Y4372">
        <v>174586.05919999999</v>
      </c>
      <c r="Z4372">
        <v>12033.341969999999</v>
      </c>
      <c r="AA4372">
        <v>51275.64718</v>
      </c>
      <c r="AB4372">
        <v>30946.221539999999</v>
      </c>
      <c r="AC4372">
        <v>32513.310570000001</v>
      </c>
      <c r="AD4372">
        <v>13476.04089</v>
      </c>
      <c r="AE4372">
        <v>33612.049330000002</v>
      </c>
      <c r="AF4372">
        <v>45209.194530000001</v>
      </c>
      <c r="AG4372">
        <v>17446.251049999999</v>
      </c>
      <c r="AH4372">
        <v>223954.2887</v>
      </c>
      <c r="AI4372">
        <v>65248.273130000001</v>
      </c>
      <c r="AJ4372">
        <v>16974.691920000001</v>
      </c>
      <c r="AK4372">
        <v>24446.986219999999</v>
      </c>
      <c r="AL4372">
        <v>68483.669760000004</v>
      </c>
      <c r="AM4372">
        <v>14980.013300000001</v>
      </c>
      <c r="AN4372">
        <v>72685.788329999996</v>
      </c>
      <c r="AO4372">
        <v>17709.734899999999</v>
      </c>
      <c r="AP4372">
        <v>14776.638790000001</v>
      </c>
    </row>
    <row r="4373" spans="2:42" x14ac:dyDescent="0.3">
      <c r="B4373">
        <v>44.752241850140898</v>
      </c>
      <c r="C4373" s="83">
        <v>43283.125</v>
      </c>
      <c r="D4373">
        <v>178586.63930000001</v>
      </c>
      <c r="E4373">
        <v>12131.160900000001</v>
      </c>
      <c r="F4373">
        <v>53243.471429999998</v>
      </c>
      <c r="G4373">
        <v>30072.510060000001</v>
      </c>
      <c r="H4373">
        <v>32581.27577</v>
      </c>
      <c r="I4373">
        <v>12380.37895</v>
      </c>
      <c r="J4373">
        <v>33389.413189999999</v>
      </c>
      <c r="K4373">
        <v>44382.021309999996</v>
      </c>
      <c r="L4373">
        <v>16621.151440000001</v>
      </c>
      <c r="M4373">
        <v>228167.79879999999</v>
      </c>
      <c r="N4373">
        <v>65714.933720000001</v>
      </c>
      <c r="O4373">
        <v>17067.255349999999</v>
      </c>
      <c r="P4373">
        <v>24113.50028</v>
      </c>
      <c r="Q4373">
        <v>74021.677209999994</v>
      </c>
      <c r="R4373">
        <v>14281.182720000001</v>
      </c>
      <c r="S4373">
        <v>71730.391780000005</v>
      </c>
      <c r="T4373">
        <v>17389.407599999999</v>
      </c>
      <c r="U4373">
        <v>14886.879929999999</v>
      </c>
      <c r="W4373" s="83">
        <f>Bühler!N4405</f>
        <v>45474.124999989399</v>
      </c>
      <c r="X4373" s="83">
        <v>43283.125</v>
      </c>
      <c r="Y4373">
        <v>178586.63930000001</v>
      </c>
      <c r="Z4373">
        <v>12131.160900000001</v>
      </c>
      <c r="AA4373">
        <v>53243.471429999998</v>
      </c>
      <c r="AB4373">
        <v>30072.510060000001</v>
      </c>
      <c r="AC4373">
        <v>32581.27577</v>
      </c>
      <c r="AD4373">
        <v>12380.37895</v>
      </c>
      <c r="AE4373">
        <v>33389.413189999999</v>
      </c>
      <c r="AF4373">
        <v>44382.021309999996</v>
      </c>
      <c r="AG4373">
        <v>16621.151440000001</v>
      </c>
      <c r="AH4373">
        <v>228167.79879999999</v>
      </c>
      <c r="AI4373">
        <v>65714.933720000001</v>
      </c>
      <c r="AJ4373">
        <v>17067.255349999999</v>
      </c>
      <c r="AK4373">
        <v>24113.50028</v>
      </c>
      <c r="AL4373">
        <v>74021.677209999994</v>
      </c>
      <c r="AM4373">
        <v>14281.182720000001</v>
      </c>
      <c r="AN4373">
        <v>71730.391780000005</v>
      </c>
      <c r="AO4373">
        <v>17389.407599999999</v>
      </c>
      <c r="AP4373">
        <v>14886.879929999999</v>
      </c>
    </row>
    <row r="4374" spans="2:42" x14ac:dyDescent="0.3">
      <c r="B4374">
        <v>48.078995458461122</v>
      </c>
      <c r="C4374" s="83">
        <v>43283.166666666664</v>
      </c>
      <c r="D4374">
        <v>189238.3481</v>
      </c>
      <c r="E4374">
        <v>12897.859060000001</v>
      </c>
      <c r="F4374">
        <v>56305.204469999997</v>
      </c>
      <c r="G4374">
        <v>29703.634900000001</v>
      </c>
      <c r="H4374">
        <v>33061.195240000001</v>
      </c>
      <c r="I4374">
        <v>13909.08229</v>
      </c>
      <c r="J4374">
        <v>36039.529240000003</v>
      </c>
      <c r="K4374">
        <v>44263.666440000001</v>
      </c>
      <c r="L4374">
        <v>16738.8603</v>
      </c>
      <c r="M4374">
        <v>245129.14009999999</v>
      </c>
      <c r="N4374">
        <v>66093.568769999998</v>
      </c>
      <c r="O4374">
        <v>17625.124</v>
      </c>
      <c r="P4374">
        <v>24185.216990000001</v>
      </c>
      <c r="Q4374">
        <v>79783.924929999994</v>
      </c>
      <c r="R4374">
        <v>14824.67006</v>
      </c>
      <c r="S4374">
        <v>71874.742889999994</v>
      </c>
      <c r="T4374">
        <v>17424.481220000001</v>
      </c>
      <c r="U4374">
        <v>15511.536340000001</v>
      </c>
      <c r="W4374" s="83">
        <f>Bühler!N4406</f>
        <v>45474.166666656063</v>
      </c>
      <c r="X4374" s="83">
        <v>43283.166666666664</v>
      </c>
      <c r="Y4374">
        <v>189238.3481</v>
      </c>
      <c r="Z4374">
        <v>12897.859060000001</v>
      </c>
      <c r="AA4374">
        <v>56305.204469999997</v>
      </c>
      <c r="AB4374">
        <v>29703.634900000001</v>
      </c>
      <c r="AC4374">
        <v>33061.195240000001</v>
      </c>
      <c r="AD4374">
        <v>13909.08229</v>
      </c>
      <c r="AE4374">
        <v>36039.529240000003</v>
      </c>
      <c r="AF4374">
        <v>44263.666440000001</v>
      </c>
      <c r="AG4374">
        <v>16738.8603</v>
      </c>
      <c r="AH4374">
        <v>245129.14009999999</v>
      </c>
      <c r="AI4374">
        <v>66093.568769999998</v>
      </c>
      <c r="AJ4374">
        <v>17625.124</v>
      </c>
      <c r="AK4374">
        <v>24185.216990000001</v>
      </c>
      <c r="AL4374">
        <v>79783.924929999994</v>
      </c>
      <c r="AM4374">
        <v>14824.67006</v>
      </c>
      <c r="AN4374">
        <v>71874.742889999994</v>
      </c>
      <c r="AO4374">
        <v>17424.481220000001</v>
      </c>
      <c r="AP4374">
        <v>15511.536340000001</v>
      </c>
    </row>
    <row r="4375" spans="2:42" x14ac:dyDescent="0.3">
      <c r="B4375">
        <v>53.642027201281451</v>
      </c>
      <c r="C4375" s="83">
        <v>43283.208333333336</v>
      </c>
      <c r="D4375">
        <v>221184.1894</v>
      </c>
      <c r="E4375">
        <v>14682.20824</v>
      </c>
      <c r="F4375">
        <v>66427.527270000006</v>
      </c>
      <c r="G4375">
        <v>31185.018749999999</v>
      </c>
      <c r="H4375">
        <v>34854.43965</v>
      </c>
      <c r="I4375">
        <v>20007.281869999999</v>
      </c>
      <c r="J4375">
        <v>39077.503380000002</v>
      </c>
      <c r="K4375">
        <v>46644.119469999998</v>
      </c>
      <c r="L4375">
        <v>17401.996999999999</v>
      </c>
      <c r="M4375">
        <v>273492.07020000002</v>
      </c>
      <c r="N4375">
        <v>66840.879230000006</v>
      </c>
      <c r="O4375">
        <v>18508.415840000001</v>
      </c>
      <c r="P4375">
        <v>24888.958709999999</v>
      </c>
      <c r="Q4375">
        <v>86673.296489999993</v>
      </c>
      <c r="R4375">
        <v>16864.485369999999</v>
      </c>
      <c r="S4375">
        <v>74127.154729999995</v>
      </c>
      <c r="T4375">
        <v>18701.728340000001</v>
      </c>
      <c r="U4375">
        <v>17537.38637</v>
      </c>
      <c r="W4375" s="83">
        <f>Bühler!N4407</f>
        <v>45474.208333322727</v>
      </c>
      <c r="X4375" s="83">
        <v>43283.208333333336</v>
      </c>
      <c r="Y4375">
        <v>221184.1894</v>
      </c>
      <c r="Z4375">
        <v>14682.20824</v>
      </c>
      <c r="AA4375">
        <v>66427.527270000006</v>
      </c>
      <c r="AB4375">
        <v>31185.018749999999</v>
      </c>
      <c r="AC4375">
        <v>34854.43965</v>
      </c>
      <c r="AD4375">
        <v>20007.281869999999</v>
      </c>
      <c r="AE4375">
        <v>39077.503380000002</v>
      </c>
      <c r="AF4375">
        <v>46644.119469999998</v>
      </c>
      <c r="AG4375">
        <v>17401.996999999999</v>
      </c>
      <c r="AH4375">
        <v>273492.07020000002</v>
      </c>
      <c r="AI4375">
        <v>66840.879230000006</v>
      </c>
      <c r="AJ4375">
        <v>18508.415840000001</v>
      </c>
      <c r="AK4375">
        <v>24888.958709999999</v>
      </c>
      <c r="AL4375">
        <v>86673.296489999993</v>
      </c>
      <c r="AM4375">
        <v>16864.485369999999</v>
      </c>
      <c r="AN4375">
        <v>74127.154729999995</v>
      </c>
      <c r="AO4375">
        <v>18701.728340000001</v>
      </c>
      <c r="AP4375">
        <v>17537.38637</v>
      </c>
    </row>
    <row r="4376" spans="2:42" x14ac:dyDescent="0.3">
      <c r="B4376">
        <v>58.73134982492504</v>
      </c>
      <c r="C4376" s="83">
        <v>43283.25</v>
      </c>
      <c r="D4376">
        <v>246405.89799999999</v>
      </c>
      <c r="E4376">
        <v>18363.5412</v>
      </c>
      <c r="F4376">
        <v>77888.627980000005</v>
      </c>
      <c r="G4376">
        <v>38125.121400000004</v>
      </c>
      <c r="H4376">
        <v>36495.426659999997</v>
      </c>
      <c r="I4376">
        <v>25722.563569999998</v>
      </c>
      <c r="J4376">
        <v>41330.362249999998</v>
      </c>
      <c r="K4376">
        <v>47801.019740000003</v>
      </c>
      <c r="L4376">
        <v>18127.416389999999</v>
      </c>
      <c r="M4376">
        <v>299439.81030000001</v>
      </c>
      <c r="N4376">
        <v>68310.192009999999</v>
      </c>
      <c r="O4376">
        <v>18665.404190000001</v>
      </c>
      <c r="P4376">
        <v>25579.797040000001</v>
      </c>
      <c r="Q4376">
        <v>90794.68346</v>
      </c>
      <c r="R4376">
        <v>15578.66977</v>
      </c>
      <c r="S4376">
        <v>80967.733609999996</v>
      </c>
      <c r="T4376">
        <v>20434.885770000001</v>
      </c>
      <c r="U4376">
        <v>19804.418740000001</v>
      </c>
      <c r="W4376" s="83">
        <f>Bühler!N4408</f>
        <v>45474.249999989392</v>
      </c>
      <c r="X4376" s="83">
        <v>43283.25</v>
      </c>
      <c r="Y4376">
        <v>246405.89799999999</v>
      </c>
      <c r="Z4376">
        <v>18363.5412</v>
      </c>
      <c r="AA4376">
        <v>77888.627980000005</v>
      </c>
      <c r="AB4376">
        <v>38125.121400000004</v>
      </c>
      <c r="AC4376">
        <v>36495.426659999997</v>
      </c>
      <c r="AD4376">
        <v>25722.563569999998</v>
      </c>
      <c r="AE4376">
        <v>41330.362249999998</v>
      </c>
      <c r="AF4376">
        <v>47801.019740000003</v>
      </c>
      <c r="AG4376">
        <v>18127.416389999999</v>
      </c>
      <c r="AH4376">
        <v>299439.81030000001</v>
      </c>
      <c r="AI4376">
        <v>68310.192009999999</v>
      </c>
      <c r="AJ4376">
        <v>18665.404190000001</v>
      </c>
      <c r="AK4376">
        <v>25579.797040000001</v>
      </c>
      <c r="AL4376">
        <v>90794.68346</v>
      </c>
      <c r="AM4376">
        <v>15578.66977</v>
      </c>
      <c r="AN4376">
        <v>80967.733609999996</v>
      </c>
      <c r="AO4376">
        <v>20434.885770000001</v>
      </c>
      <c r="AP4376">
        <v>19804.418740000001</v>
      </c>
    </row>
    <row r="4377" spans="2:42" x14ac:dyDescent="0.3">
      <c r="B4377">
        <v>61.480242444783791</v>
      </c>
      <c r="C4377" s="83">
        <v>43283.291666666664</v>
      </c>
      <c r="D4377">
        <v>265018.1263</v>
      </c>
      <c r="E4377">
        <v>22749.781999999999</v>
      </c>
      <c r="F4377">
        <v>81231.224149999995</v>
      </c>
      <c r="G4377">
        <v>46121.024640000003</v>
      </c>
      <c r="H4377">
        <v>41494.834889999998</v>
      </c>
      <c r="I4377">
        <v>32202.6371</v>
      </c>
      <c r="J4377">
        <v>43534.24871</v>
      </c>
      <c r="K4377">
        <v>53185.66822</v>
      </c>
      <c r="L4377">
        <v>20330.040369999999</v>
      </c>
      <c r="M4377">
        <v>313454.94679999998</v>
      </c>
      <c r="N4377">
        <v>73406.301449999999</v>
      </c>
      <c r="O4377">
        <v>21679.114399999999</v>
      </c>
      <c r="P4377">
        <v>28678.006990000002</v>
      </c>
      <c r="Q4377">
        <v>93416.919580000002</v>
      </c>
      <c r="R4377">
        <v>18677.250599999999</v>
      </c>
      <c r="S4377">
        <v>95340.539359999995</v>
      </c>
      <c r="T4377">
        <v>23803.98315</v>
      </c>
      <c r="U4377">
        <v>23654.0409</v>
      </c>
      <c r="W4377" s="83">
        <f>Bühler!N4409</f>
        <v>45474.291666656056</v>
      </c>
      <c r="X4377" s="83">
        <v>43283.291666666664</v>
      </c>
      <c r="Y4377">
        <v>265018.1263</v>
      </c>
      <c r="Z4377">
        <v>22749.781999999999</v>
      </c>
      <c r="AA4377">
        <v>81231.224149999995</v>
      </c>
      <c r="AB4377">
        <v>46121.024640000003</v>
      </c>
      <c r="AC4377">
        <v>41494.834889999998</v>
      </c>
      <c r="AD4377">
        <v>32202.6371</v>
      </c>
      <c r="AE4377">
        <v>43534.24871</v>
      </c>
      <c r="AF4377">
        <v>53185.66822</v>
      </c>
      <c r="AG4377">
        <v>20330.040369999999</v>
      </c>
      <c r="AH4377">
        <v>313454.94679999998</v>
      </c>
      <c r="AI4377">
        <v>73406.301449999999</v>
      </c>
      <c r="AJ4377">
        <v>21679.114399999999</v>
      </c>
      <c r="AK4377">
        <v>28678.006990000002</v>
      </c>
      <c r="AL4377">
        <v>93416.919580000002</v>
      </c>
      <c r="AM4377">
        <v>18677.250599999999</v>
      </c>
      <c r="AN4377">
        <v>95340.539359999995</v>
      </c>
      <c r="AO4377">
        <v>23803.98315</v>
      </c>
      <c r="AP4377">
        <v>23654.0409</v>
      </c>
    </row>
    <row r="4378" spans="2:42" x14ac:dyDescent="0.3">
      <c r="B4378">
        <v>64.170077285340923</v>
      </c>
      <c r="C4378" s="83">
        <v>43283.333333333336</v>
      </c>
      <c r="D4378">
        <v>281942.35479999997</v>
      </c>
      <c r="E4378">
        <v>28308.7435</v>
      </c>
      <c r="F4378">
        <v>89766.278789999997</v>
      </c>
      <c r="G4378">
        <v>53919.075429999997</v>
      </c>
      <c r="H4378">
        <v>46870.817589999999</v>
      </c>
      <c r="I4378">
        <v>36704.962760000002</v>
      </c>
      <c r="J4378">
        <v>46812.15782</v>
      </c>
      <c r="K4378">
        <v>61314.08309</v>
      </c>
      <c r="L4378">
        <v>24320.757850000002</v>
      </c>
      <c r="M4378">
        <v>327168.9792</v>
      </c>
      <c r="N4378">
        <v>80467.797160000002</v>
      </c>
      <c r="O4378">
        <v>23587.93406</v>
      </c>
      <c r="P4378">
        <v>31841.659520000001</v>
      </c>
      <c r="Q4378">
        <v>96395.101410000003</v>
      </c>
      <c r="R4378">
        <v>21579.231070000002</v>
      </c>
      <c r="S4378">
        <v>109362.769</v>
      </c>
      <c r="T4378">
        <v>26765.736939999999</v>
      </c>
      <c r="U4378">
        <v>27344.681039999999</v>
      </c>
      <c r="W4378" s="83">
        <f>Bühler!N4410</f>
        <v>45474.33333332272</v>
      </c>
      <c r="X4378" s="83">
        <v>43283.333333333336</v>
      </c>
      <c r="Y4378">
        <v>281942.35479999997</v>
      </c>
      <c r="Z4378">
        <v>28308.7435</v>
      </c>
      <c r="AA4378">
        <v>89766.278789999997</v>
      </c>
      <c r="AB4378">
        <v>53919.075429999997</v>
      </c>
      <c r="AC4378">
        <v>46870.817589999999</v>
      </c>
      <c r="AD4378">
        <v>36704.962760000002</v>
      </c>
      <c r="AE4378">
        <v>46812.15782</v>
      </c>
      <c r="AF4378">
        <v>61314.08309</v>
      </c>
      <c r="AG4378">
        <v>24320.757850000002</v>
      </c>
      <c r="AH4378">
        <v>327168.9792</v>
      </c>
      <c r="AI4378">
        <v>80467.797160000002</v>
      </c>
      <c r="AJ4378">
        <v>23587.93406</v>
      </c>
      <c r="AK4378">
        <v>31841.659520000001</v>
      </c>
      <c r="AL4378">
        <v>96395.101410000003</v>
      </c>
      <c r="AM4378">
        <v>21579.231070000002</v>
      </c>
      <c r="AN4378">
        <v>109362.769</v>
      </c>
      <c r="AO4378">
        <v>26765.736939999999</v>
      </c>
      <c r="AP4378">
        <v>27344.681039999999</v>
      </c>
    </row>
    <row r="4379" spans="2:42" x14ac:dyDescent="0.3">
      <c r="B4379">
        <v>66.081776911519384</v>
      </c>
      <c r="C4379" s="83">
        <v>43283.375</v>
      </c>
      <c r="D4379">
        <v>288669.50290000002</v>
      </c>
      <c r="E4379">
        <v>33215.345990000002</v>
      </c>
      <c r="F4379">
        <v>97423.544080000007</v>
      </c>
      <c r="G4379">
        <v>61713.916380000002</v>
      </c>
      <c r="H4379">
        <v>50348.074959999998</v>
      </c>
      <c r="I4379">
        <v>36441.600729999998</v>
      </c>
      <c r="J4379">
        <v>48691.615870000001</v>
      </c>
      <c r="K4379">
        <v>64994.985679999998</v>
      </c>
      <c r="L4379">
        <v>27832.374449999999</v>
      </c>
      <c r="M4379">
        <v>336915.71539999999</v>
      </c>
      <c r="N4379">
        <v>85464.760120000006</v>
      </c>
      <c r="O4379">
        <v>25152.499980000001</v>
      </c>
      <c r="P4379">
        <v>34118.414729999997</v>
      </c>
      <c r="Q4379">
        <v>100017.0603</v>
      </c>
      <c r="R4379">
        <v>23231.77463</v>
      </c>
      <c r="S4379">
        <v>117648.6896</v>
      </c>
      <c r="T4379">
        <v>29977.20609</v>
      </c>
      <c r="U4379">
        <v>28729.551589999999</v>
      </c>
      <c r="W4379" s="83">
        <f>Bühler!N4411</f>
        <v>45474.374999989384</v>
      </c>
      <c r="X4379" s="83">
        <v>43283.375</v>
      </c>
      <c r="Y4379">
        <v>288669.50290000002</v>
      </c>
      <c r="Z4379">
        <v>33215.345990000002</v>
      </c>
      <c r="AA4379">
        <v>97423.544080000007</v>
      </c>
      <c r="AB4379">
        <v>61713.916380000002</v>
      </c>
      <c r="AC4379">
        <v>50348.074959999998</v>
      </c>
      <c r="AD4379">
        <v>36441.600729999998</v>
      </c>
      <c r="AE4379">
        <v>48691.615870000001</v>
      </c>
      <c r="AF4379">
        <v>64994.985679999998</v>
      </c>
      <c r="AG4379">
        <v>27832.374449999999</v>
      </c>
      <c r="AH4379">
        <v>336915.71539999999</v>
      </c>
      <c r="AI4379">
        <v>85464.760120000006</v>
      </c>
      <c r="AJ4379">
        <v>25152.499980000001</v>
      </c>
      <c r="AK4379">
        <v>34118.414729999997</v>
      </c>
      <c r="AL4379">
        <v>100017.0603</v>
      </c>
      <c r="AM4379">
        <v>23231.77463</v>
      </c>
      <c r="AN4379">
        <v>117648.6896</v>
      </c>
      <c r="AO4379">
        <v>29977.20609</v>
      </c>
      <c r="AP4379">
        <v>28729.551589999999</v>
      </c>
    </row>
    <row r="4380" spans="2:42" x14ac:dyDescent="0.3">
      <c r="B4380">
        <v>68.099394879367793</v>
      </c>
      <c r="C4380" s="83">
        <v>43283.416666666664</v>
      </c>
      <c r="D4380">
        <v>295626.34869999997</v>
      </c>
      <c r="E4380">
        <v>35676.033900000002</v>
      </c>
      <c r="F4380">
        <v>99879.004079999999</v>
      </c>
      <c r="G4380">
        <v>64815.760679999999</v>
      </c>
      <c r="H4380">
        <v>51848.368670000003</v>
      </c>
      <c r="I4380">
        <v>36501.12311</v>
      </c>
      <c r="J4380">
        <v>48873.228150000003</v>
      </c>
      <c r="K4380">
        <v>66006.667029999997</v>
      </c>
      <c r="L4380">
        <v>31309.379669999998</v>
      </c>
      <c r="M4380">
        <v>347202.47269999998</v>
      </c>
      <c r="N4380">
        <v>90435.5772</v>
      </c>
      <c r="O4380">
        <v>26056.432270000001</v>
      </c>
      <c r="P4380">
        <v>35068.945639999998</v>
      </c>
      <c r="Q4380">
        <v>102214.9218</v>
      </c>
      <c r="R4380">
        <v>23831.201420000001</v>
      </c>
      <c r="S4380">
        <v>121039.1237</v>
      </c>
      <c r="T4380">
        <v>33361.959239999996</v>
      </c>
      <c r="U4380">
        <v>28464.524280000001</v>
      </c>
      <c r="W4380" s="83">
        <f>Bühler!N4412</f>
        <v>45474.416666656049</v>
      </c>
      <c r="X4380" s="83">
        <v>43283.416666666664</v>
      </c>
      <c r="Y4380">
        <v>295626.34869999997</v>
      </c>
      <c r="Z4380">
        <v>35676.033900000002</v>
      </c>
      <c r="AA4380">
        <v>99879.004079999999</v>
      </c>
      <c r="AB4380">
        <v>64815.760679999999</v>
      </c>
      <c r="AC4380">
        <v>51848.368670000003</v>
      </c>
      <c r="AD4380">
        <v>36501.12311</v>
      </c>
      <c r="AE4380">
        <v>48873.228150000003</v>
      </c>
      <c r="AF4380">
        <v>66006.667029999997</v>
      </c>
      <c r="AG4380">
        <v>31309.379669999998</v>
      </c>
      <c r="AH4380">
        <v>347202.47269999998</v>
      </c>
      <c r="AI4380">
        <v>90435.5772</v>
      </c>
      <c r="AJ4380">
        <v>26056.432270000001</v>
      </c>
      <c r="AK4380">
        <v>35068.945639999998</v>
      </c>
      <c r="AL4380">
        <v>102214.9218</v>
      </c>
      <c r="AM4380">
        <v>23831.201420000001</v>
      </c>
      <c r="AN4380">
        <v>121039.1237</v>
      </c>
      <c r="AO4380">
        <v>33361.959239999996</v>
      </c>
      <c r="AP4380">
        <v>28464.524280000001</v>
      </c>
    </row>
    <row r="4381" spans="2:42" x14ac:dyDescent="0.3">
      <c r="B4381">
        <v>69.302175458605248</v>
      </c>
      <c r="C4381" s="83">
        <v>43283.458333333336</v>
      </c>
      <c r="D4381">
        <v>296849.7781</v>
      </c>
      <c r="E4381">
        <v>36314.220070000003</v>
      </c>
      <c r="F4381">
        <v>101592.5096</v>
      </c>
      <c r="G4381">
        <v>64183.919470000001</v>
      </c>
      <c r="H4381">
        <v>52075.17426</v>
      </c>
      <c r="I4381">
        <v>37140.26298</v>
      </c>
      <c r="J4381">
        <v>50297.561589999998</v>
      </c>
      <c r="K4381">
        <v>67381.105049999998</v>
      </c>
      <c r="L4381">
        <v>32791.041060000003</v>
      </c>
      <c r="M4381">
        <v>353334.80900000001</v>
      </c>
      <c r="N4381">
        <v>92389.959019999995</v>
      </c>
      <c r="O4381">
        <v>26323.564989999999</v>
      </c>
      <c r="P4381">
        <v>34785.460160000002</v>
      </c>
      <c r="Q4381">
        <v>103937.6388</v>
      </c>
      <c r="R4381">
        <v>26704.125489999999</v>
      </c>
      <c r="S4381">
        <v>124680.98729999999</v>
      </c>
      <c r="T4381">
        <v>33310.238129999998</v>
      </c>
      <c r="U4381">
        <v>28776.244610000002</v>
      </c>
      <c r="W4381" s="83">
        <f>Bühler!N4413</f>
        <v>45474.458333322713</v>
      </c>
      <c r="X4381" s="83">
        <v>43283.458333333336</v>
      </c>
      <c r="Y4381">
        <v>296849.7781</v>
      </c>
      <c r="Z4381">
        <v>36314.220070000003</v>
      </c>
      <c r="AA4381">
        <v>101592.5096</v>
      </c>
      <c r="AB4381">
        <v>64183.919470000001</v>
      </c>
      <c r="AC4381">
        <v>52075.17426</v>
      </c>
      <c r="AD4381">
        <v>37140.26298</v>
      </c>
      <c r="AE4381">
        <v>50297.561589999998</v>
      </c>
      <c r="AF4381">
        <v>67381.105049999998</v>
      </c>
      <c r="AG4381">
        <v>32791.041060000003</v>
      </c>
      <c r="AH4381">
        <v>353334.80900000001</v>
      </c>
      <c r="AI4381">
        <v>92389.959019999995</v>
      </c>
      <c r="AJ4381">
        <v>26323.564989999999</v>
      </c>
      <c r="AK4381">
        <v>34785.460160000002</v>
      </c>
      <c r="AL4381">
        <v>103937.6388</v>
      </c>
      <c r="AM4381">
        <v>26704.125489999999</v>
      </c>
      <c r="AN4381">
        <v>124680.98729999999</v>
      </c>
      <c r="AO4381">
        <v>33310.238129999998</v>
      </c>
      <c r="AP4381">
        <v>28776.244610000002</v>
      </c>
    </row>
    <row r="4382" spans="2:42" x14ac:dyDescent="0.3">
      <c r="B4382">
        <v>68.934049698010327</v>
      </c>
      <c r="C4382" s="83">
        <v>43283.5</v>
      </c>
      <c r="D4382">
        <v>286300.03039999999</v>
      </c>
      <c r="E4382">
        <v>34155.063600000001</v>
      </c>
      <c r="F4382">
        <v>96260.445349999995</v>
      </c>
      <c r="G4382">
        <v>64418.815190000001</v>
      </c>
      <c r="H4382">
        <v>50853.491900000001</v>
      </c>
      <c r="I4382">
        <v>36802.614939999999</v>
      </c>
      <c r="J4382">
        <v>51415.841209999999</v>
      </c>
      <c r="K4382">
        <v>65021.260770000001</v>
      </c>
      <c r="L4382">
        <v>35454.764060000001</v>
      </c>
      <c r="M4382">
        <v>351457.93219999998</v>
      </c>
      <c r="N4382">
        <v>91509.504920000007</v>
      </c>
      <c r="O4382">
        <v>25768.475979999999</v>
      </c>
      <c r="P4382">
        <v>35644.283660000001</v>
      </c>
      <c r="Q4382">
        <v>105626.0626</v>
      </c>
      <c r="R4382">
        <v>26041.454460000001</v>
      </c>
      <c r="S4382">
        <v>120199.7199</v>
      </c>
      <c r="T4382">
        <v>33305.06035</v>
      </c>
      <c r="U4382">
        <v>24638.754700000001</v>
      </c>
      <c r="W4382" s="83">
        <f>Bühler!N4414</f>
        <v>45474.499999989377</v>
      </c>
      <c r="X4382" s="83">
        <v>43283.5</v>
      </c>
      <c r="Y4382">
        <v>286300.03039999999</v>
      </c>
      <c r="Z4382">
        <v>34155.063600000001</v>
      </c>
      <c r="AA4382">
        <v>96260.445349999995</v>
      </c>
      <c r="AB4382">
        <v>64418.815190000001</v>
      </c>
      <c r="AC4382">
        <v>50853.491900000001</v>
      </c>
      <c r="AD4382">
        <v>36802.614939999999</v>
      </c>
      <c r="AE4382">
        <v>51415.841209999999</v>
      </c>
      <c r="AF4382">
        <v>65021.260770000001</v>
      </c>
      <c r="AG4382">
        <v>35454.764060000001</v>
      </c>
      <c r="AH4382">
        <v>351457.93219999998</v>
      </c>
      <c r="AI4382">
        <v>91509.504920000007</v>
      </c>
      <c r="AJ4382">
        <v>25768.475979999999</v>
      </c>
      <c r="AK4382">
        <v>35644.283660000001</v>
      </c>
      <c r="AL4382">
        <v>105626.0626</v>
      </c>
      <c r="AM4382">
        <v>26041.454460000001</v>
      </c>
      <c r="AN4382">
        <v>120199.7199</v>
      </c>
      <c r="AO4382">
        <v>33305.06035</v>
      </c>
      <c r="AP4382">
        <v>24638.754700000001</v>
      </c>
    </row>
    <row r="4383" spans="2:42" x14ac:dyDescent="0.3">
      <c r="B4383">
        <v>69.445616064259909</v>
      </c>
      <c r="C4383" s="83">
        <v>43283.541666666664</v>
      </c>
      <c r="D4383">
        <v>290351.96549999999</v>
      </c>
      <c r="E4383">
        <v>34577.454489999996</v>
      </c>
      <c r="F4383">
        <v>94223.236659999995</v>
      </c>
      <c r="G4383">
        <v>61341.105089999997</v>
      </c>
      <c r="H4383">
        <v>51644.404139999999</v>
      </c>
      <c r="I4383">
        <v>37006.195599999999</v>
      </c>
      <c r="J4383">
        <v>50669.064980000003</v>
      </c>
      <c r="K4383">
        <v>65495.954489999996</v>
      </c>
      <c r="L4383">
        <v>34319.257319999997</v>
      </c>
      <c r="M4383">
        <v>354066.1361</v>
      </c>
      <c r="N4383">
        <v>93964.944990000004</v>
      </c>
      <c r="O4383">
        <v>27160.836299999999</v>
      </c>
      <c r="P4383">
        <v>34950.247530000001</v>
      </c>
      <c r="Q4383">
        <v>106046.2735</v>
      </c>
      <c r="R4383">
        <v>25719.685310000001</v>
      </c>
      <c r="S4383">
        <v>120911.0306</v>
      </c>
      <c r="T4383">
        <v>32501.274170000001</v>
      </c>
      <c r="U4383">
        <v>26578.050800000001</v>
      </c>
      <c r="W4383" s="83">
        <f>Bühler!N4415</f>
        <v>45474.541666656041</v>
      </c>
      <c r="X4383" s="83">
        <v>43283.541666666664</v>
      </c>
      <c r="Y4383">
        <v>290351.96549999999</v>
      </c>
      <c r="Z4383">
        <v>34577.454489999996</v>
      </c>
      <c r="AA4383">
        <v>94223.236659999995</v>
      </c>
      <c r="AB4383">
        <v>61341.105089999997</v>
      </c>
      <c r="AC4383">
        <v>51644.404139999999</v>
      </c>
      <c r="AD4383">
        <v>37006.195599999999</v>
      </c>
      <c r="AE4383">
        <v>50669.064980000003</v>
      </c>
      <c r="AF4383">
        <v>65495.954489999996</v>
      </c>
      <c r="AG4383">
        <v>34319.257319999997</v>
      </c>
      <c r="AH4383">
        <v>354066.1361</v>
      </c>
      <c r="AI4383">
        <v>93964.944990000004</v>
      </c>
      <c r="AJ4383">
        <v>27160.836299999999</v>
      </c>
      <c r="AK4383">
        <v>34950.247530000001</v>
      </c>
      <c r="AL4383">
        <v>106046.2735</v>
      </c>
      <c r="AM4383">
        <v>25719.685310000001</v>
      </c>
      <c r="AN4383">
        <v>120911.0306</v>
      </c>
      <c r="AO4383">
        <v>32501.274170000001</v>
      </c>
      <c r="AP4383">
        <v>26578.050800000001</v>
      </c>
    </row>
    <row r="4384" spans="2:42" x14ac:dyDescent="0.3">
      <c r="B4384">
        <v>70.388950388235301</v>
      </c>
      <c r="C4384" s="83">
        <v>43283.583333333336</v>
      </c>
      <c r="D4384">
        <v>296587.85190000001</v>
      </c>
      <c r="E4384">
        <v>37510.146500000003</v>
      </c>
      <c r="F4384">
        <v>102628.5055</v>
      </c>
      <c r="G4384">
        <v>59104.497909999998</v>
      </c>
      <c r="H4384">
        <v>52413.573479999999</v>
      </c>
      <c r="I4384">
        <v>38406.880570000001</v>
      </c>
      <c r="J4384">
        <v>50071.600550000003</v>
      </c>
      <c r="K4384">
        <v>67256.770820000005</v>
      </c>
      <c r="L4384">
        <v>32006.856810000001</v>
      </c>
      <c r="M4384">
        <v>358875.69439999998</v>
      </c>
      <c r="N4384">
        <v>97181.832769999994</v>
      </c>
      <c r="O4384">
        <v>26490.086940000001</v>
      </c>
      <c r="P4384">
        <v>32450.979759999998</v>
      </c>
      <c r="Q4384">
        <v>105990.56449999999</v>
      </c>
      <c r="R4384">
        <v>25135.746210000001</v>
      </c>
      <c r="S4384">
        <v>118957.9121</v>
      </c>
      <c r="T4384">
        <v>32660.550650000001</v>
      </c>
      <c r="U4384">
        <v>28174.558860000001</v>
      </c>
      <c r="W4384" s="83">
        <f>Bühler!N4416</f>
        <v>45474.583333322706</v>
      </c>
      <c r="X4384" s="83">
        <v>43283.583333333336</v>
      </c>
      <c r="Y4384">
        <v>296587.85190000001</v>
      </c>
      <c r="Z4384">
        <v>37510.146500000003</v>
      </c>
      <c r="AA4384">
        <v>102628.5055</v>
      </c>
      <c r="AB4384">
        <v>59104.497909999998</v>
      </c>
      <c r="AC4384">
        <v>52413.573479999999</v>
      </c>
      <c r="AD4384">
        <v>38406.880570000001</v>
      </c>
      <c r="AE4384">
        <v>50071.600550000003</v>
      </c>
      <c r="AF4384">
        <v>67256.770820000005</v>
      </c>
      <c r="AG4384">
        <v>32006.856810000001</v>
      </c>
      <c r="AH4384">
        <v>358875.69439999998</v>
      </c>
      <c r="AI4384">
        <v>97181.832769999994</v>
      </c>
      <c r="AJ4384">
        <v>26490.086940000001</v>
      </c>
      <c r="AK4384">
        <v>32450.979759999998</v>
      </c>
      <c r="AL4384">
        <v>105990.56449999999</v>
      </c>
      <c r="AM4384">
        <v>25135.746210000001</v>
      </c>
      <c r="AN4384">
        <v>118957.9121</v>
      </c>
      <c r="AO4384">
        <v>32660.550650000001</v>
      </c>
      <c r="AP4384">
        <v>28174.558860000001</v>
      </c>
    </row>
    <row r="4385" spans="2:42" x14ac:dyDescent="0.3">
      <c r="B4385">
        <v>69.70699697973906</v>
      </c>
      <c r="C4385" s="83">
        <v>43283.625</v>
      </c>
      <c r="D4385">
        <v>295546.47730000003</v>
      </c>
      <c r="E4385">
        <v>37634.567470000002</v>
      </c>
      <c r="F4385">
        <v>105567.3026</v>
      </c>
      <c r="G4385">
        <v>56427.430639999999</v>
      </c>
      <c r="H4385">
        <v>51611.202940000003</v>
      </c>
      <c r="I4385">
        <v>38038.54234</v>
      </c>
      <c r="J4385">
        <v>50187.35615</v>
      </c>
      <c r="K4385">
        <v>66847.415940000006</v>
      </c>
      <c r="L4385">
        <v>29200.738560000002</v>
      </c>
      <c r="M4385">
        <v>355398.77789999999</v>
      </c>
      <c r="N4385">
        <v>96885.421019999994</v>
      </c>
      <c r="O4385">
        <v>26485.95549</v>
      </c>
      <c r="P4385">
        <v>30849.293549999999</v>
      </c>
      <c r="Q4385">
        <v>105917.5914</v>
      </c>
      <c r="R4385">
        <v>24916.214380000001</v>
      </c>
      <c r="S4385">
        <v>118859.70110000001</v>
      </c>
      <c r="T4385">
        <v>31822.243180000001</v>
      </c>
      <c r="U4385">
        <v>27063.937519999999</v>
      </c>
      <c r="W4385" s="83">
        <f>Bühler!N4417</f>
        <v>45474.62499998937</v>
      </c>
      <c r="X4385" s="83">
        <v>43283.625</v>
      </c>
      <c r="Y4385">
        <v>295546.47730000003</v>
      </c>
      <c r="Z4385">
        <v>37634.567470000002</v>
      </c>
      <c r="AA4385">
        <v>105567.3026</v>
      </c>
      <c r="AB4385">
        <v>56427.430639999999</v>
      </c>
      <c r="AC4385">
        <v>51611.202940000003</v>
      </c>
      <c r="AD4385">
        <v>38038.54234</v>
      </c>
      <c r="AE4385">
        <v>50187.35615</v>
      </c>
      <c r="AF4385">
        <v>66847.415940000006</v>
      </c>
      <c r="AG4385">
        <v>29200.738560000002</v>
      </c>
      <c r="AH4385">
        <v>355398.77789999999</v>
      </c>
      <c r="AI4385">
        <v>96885.421019999994</v>
      </c>
      <c r="AJ4385">
        <v>26485.95549</v>
      </c>
      <c r="AK4385">
        <v>30849.293549999999</v>
      </c>
      <c r="AL4385">
        <v>105917.5914</v>
      </c>
      <c r="AM4385">
        <v>24916.214380000001</v>
      </c>
      <c r="AN4385">
        <v>118859.70110000001</v>
      </c>
      <c r="AO4385">
        <v>31822.243180000001</v>
      </c>
      <c r="AP4385">
        <v>27063.937519999999</v>
      </c>
    </row>
    <row r="4386" spans="2:42" x14ac:dyDescent="0.3">
      <c r="B4386">
        <v>68.583645619572351</v>
      </c>
      <c r="C4386" s="83">
        <v>43283.666666666664</v>
      </c>
      <c r="D4386">
        <v>286769.64620000002</v>
      </c>
      <c r="E4386">
        <v>36742.936119999998</v>
      </c>
      <c r="F4386">
        <v>105231.9166</v>
      </c>
      <c r="G4386">
        <v>53249.835129999999</v>
      </c>
      <c r="H4386">
        <v>49920.027730000002</v>
      </c>
      <c r="I4386">
        <v>38534.623979999997</v>
      </c>
      <c r="J4386">
        <v>49736.442199999998</v>
      </c>
      <c r="K4386">
        <v>63634.182959999998</v>
      </c>
      <c r="L4386">
        <v>28090.66951</v>
      </c>
      <c r="M4386">
        <v>349671.40879999998</v>
      </c>
      <c r="N4386">
        <v>93779.055659999998</v>
      </c>
      <c r="O4386">
        <v>25488.362249999998</v>
      </c>
      <c r="P4386">
        <v>30621.37932</v>
      </c>
      <c r="Q4386">
        <v>105831.4198</v>
      </c>
      <c r="R4386">
        <v>27134.558150000001</v>
      </c>
      <c r="S4386">
        <v>115027.2552</v>
      </c>
      <c r="T4386">
        <v>30356.601480000001</v>
      </c>
      <c r="U4386">
        <v>24972.300009999999</v>
      </c>
      <c r="W4386" s="83">
        <f>Bühler!N4418</f>
        <v>45474.666666656034</v>
      </c>
      <c r="X4386" s="83">
        <v>43283.666666666664</v>
      </c>
      <c r="Y4386">
        <v>286769.64620000002</v>
      </c>
      <c r="Z4386">
        <v>36742.936119999998</v>
      </c>
      <c r="AA4386">
        <v>105231.9166</v>
      </c>
      <c r="AB4386">
        <v>53249.835129999999</v>
      </c>
      <c r="AC4386">
        <v>49920.027730000002</v>
      </c>
      <c r="AD4386">
        <v>38534.623979999997</v>
      </c>
      <c r="AE4386">
        <v>49736.442199999998</v>
      </c>
      <c r="AF4386">
        <v>63634.182959999998</v>
      </c>
      <c r="AG4386">
        <v>28090.66951</v>
      </c>
      <c r="AH4386">
        <v>349671.40879999998</v>
      </c>
      <c r="AI4386">
        <v>93779.055659999998</v>
      </c>
      <c r="AJ4386">
        <v>25488.362249999998</v>
      </c>
      <c r="AK4386">
        <v>30621.37932</v>
      </c>
      <c r="AL4386">
        <v>105831.4198</v>
      </c>
      <c r="AM4386">
        <v>27134.558150000001</v>
      </c>
      <c r="AN4386">
        <v>115027.2552</v>
      </c>
      <c r="AO4386">
        <v>30356.601480000001</v>
      </c>
      <c r="AP4386">
        <v>24972.300009999999</v>
      </c>
    </row>
    <row r="4387" spans="2:42" x14ac:dyDescent="0.3">
      <c r="B4387">
        <v>67.501981952477379</v>
      </c>
      <c r="C4387" s="83">
        <v>43283.708333333336</v>
      </c>
      <c r="D4387">
        <v>277775.54840000003</v>
      </c>
      <c r="E4387">
        <v>34643.15165</v>
      </c>
      <c r="F4387">
        <v>104706.0263</v>
      </c>
      <c r="G4387">
        <v>48814.964520000001</v>
      </c>
      <c r="H4387">
        <v>47655.024169999997</v>
      </c>
      <c r="I4387">
        <v>38030.061119999998</v>
      </c>
      <c r="J4387">
        <v>50744.348189999997</v>
      </c>
      <c r="K4387">
        <v>58703.706539999999</v>
      </c>
      <c r="L4387">
        <v>28299.117340000001</v>
      </c>
      <c r="M4387">
        <v>344156.58299999998</v>
      </c>
      <c r="N4387">
        <v>90542.929879999996</v>
      </c>
      <c r="O4387">
        <v>24697.277470000001</v>
      </c>
      <c r="P4387">
        <v>31962.76239</v>
      </c>
      <c r="Q4387">
        <v>104333.63430000001</v>
      </c>
      <c r="R4387">
        <v>26797.271530000002</v>
      </c>
      <c r="S4387">
        <v>111947.4007</v>
      </c>
      <c r="T4387">
        <v>29970.43362</v>
      </c>
      <c r="U4387">
        <v>22570.029009999998</v>
      </c>
      <c r="W4387" s="83">
        <f>Bühler!N4419</f>
        <v>45474.708333322698</v>
      </c>
      <c r="X4387" s="83">
        <v>43283.708333333336</v>
      </c>
      <c r="Y4387">
        <v>277775.54840000003</v>
      </c>
      <c r="Z4387">
        <v>34643.15165</v>
      </c>
      <c r="AA4387">
        <v>104706.0263</v>
      </c>
      <c r="AB4387">
        <v>48814.964520000001</v>
      </c>
      <c r="AC4387">
        <v>47655.024169999997</v>
      </c>
      <c r="AD4387">
        <v>38030.061119999998</v>
      </c>
      <c r="AE4387">
        <v>50744.348189999997</v>
      </c>
      <c r="AF4387">
        <v>58703.706539999999</v>
      </c>
      <c r="AG4387">
        <v>28299.117340000001</v>
      </c>
      <c r="AH4387">
        <v>344156.58299999998</v>
      </c>
      <c r="AI4387">
        <v>90542.929879999996</v>
      </c>
      <c r="AJ4387">
        <v>24697.277470000001</v>
      </c>
      <c r="AK4387">
        <v>31962.76239</v>
      </c>
      <c r="AL4387">
        <v>104333.63430000001</v>
      </c>
      <c r="AM4387">
        <v>26797.271530000002</v>
      </c>
      <c r="AN4387">
        <v>111947.4007</v>
      </c>
      <c r="AO4387">
        <v>29970.43362</v>
      </c>
      <c r="AP4387">
        <v>22570.029009999998</v>
      </c>
    </row>
    <row r="4388" spans="2:42" x14ac:dyDescent="0.3">
      <c r="B4388">
        <v>65.988645454302031</v>
      </c>
      <c r="C4388" s="83">
        <v>43283.75</v>
      </c>
      <c r="D4388">
        <v>271429.82929999998</v>
      </c>
      <c r="E4388">
        <v>31313.214499999998</v>
      </c>
      <c r="F4388">
        <v>102756.5975</v>
      </c>
      <c r="G4388">
        <v>43468.075409999998</v>
      </c>
      <c r="H4388">
        <v>45390.707029999998</v>
      </c>
      <c r="I4388">
        <v>36871.293319999997</v>
      </c>
      <c r="J4388">
        <v>50120.259870000002</v>
      </c>
      <c r="K4388">
        <v>56133.588799999998</v>
      </c>
      <c r="L4388">
        <v>28738.701440000001</v>
      </c>
      <c r="M4388">
        <v>336440.88780000003</v>
      </c>
      <c r="N4388">
        <v>87953.641440000007</v>
      </c>
      <c r="O4388">
        <v>22810.139770000002</v>
      </c>
      <c r="P4388">
        <v>34504.001900000003</v>
      </c>
      <c r="Q4388">
        <v>101995.10950000001</v>
      </c>
      <c r="R4388">
        <v>24829.185539999999</v>
      </c>
      <c r="S4388">
        <v>105517.126</v>
      </c>
      <c r="T4388">
        <v>29831.366419999998</v>
      </c>
      <c r="U4388">
        <v>20825.77677</v>
      </c>
      <c r="W4388" s="83">
        <f>Bühler!N4420</f>
        <v>45474.749999989363</v>
      </c>
      <c r="X4388" s="83">
        <v>43283.75</v>
      </c>
      <c r="Y4388">
        <v>271429.82929999998</v>
      </c>
      <c r="Z4388">
        <v>31313.214499999998</v>
      </c>
      <c r="AA4388">
        <v>102756.5975</v>
      </c>
      <c r="AB4388">
        <v>43468.075409999998</v>
      </c>
      <c r="AC4388">
        <v>45390.707029999998</v>
      </c>
      <c r="AD4388">
        <v>36871.293319999997</v>
      </c>
      <c r="AE4388">
        <v>50120.259870000002</v>
      </c>
      <c r="AF4388">
        <v>56133.588799999998</v>
      </c>
      <c r="AG4388">
        <v>28738.701440000001</v>
      </c>
      <c r="AH4388">
        <v>336440.88780000003</v>
      </c>
      <c r="AI4388">
        <v>87953.641440000007</v>
      </c>
      <c r="AJ4388">
        <v>22810.139770000002</v>
      </c>
      <c r="AK4388">
        <v>34504.001900000003</v>
      </c>
      <c r="AL4388">
        <v>101995.10950000001</v>
      </c>
      <c r="AM4388">
        <v>24829.185539999999</v>
      </c>
      <c r="AN4388">
        <v>105517.126</v>
      </c>
      <c r="AO4388">
        <v>29831.366419999998</v>
      </c>
      <c r="AP4388">
        <v>20825.77677</v>
      </c>
    </row>
    <row r="4389" spans="2:42" x14ac:dyDescent="0.3">
      <c r="B4389">
        <v>65.557732636084353</v>
      </c>
      <c r="C4389" s="83">
        <v>43283.791666666664</v>
      </c>
      <c r="D4389">
        <v>264895.33809999999</v>
      </c>
      <c r="E4389">
        <v>25874.76079</v>
      </c>
      <c r="F4389">
        <v>91534.304699999993</v>
      </c>
      <c r="G4389">
        <v>39644.80442</v>
      </c>
      <c r="H4389">
        <v>42700.512929999997</v>
      </c>
      <c r="I4389">
        <v>34364.429530000001</v>
      </c>
      <c r="J4389">
        <v>48837.706709999999</v>
      </c>
      <c r="K4389">
        <v>56800.757519999999</v>
      </c>
      <c r="L4389">
        <v>28514.231759999999</v>
      </c>
      <c r="M4389">
        <v>334243.8933</v>
      </c>
      <c r="N4389">
        <v>84968.692200000005</v>
      </c>
      <c r="O4389">
        <v>21977.252339999999</v>
      </c>
      <c r="P4389">
        <v>35599.03559</v>
      </c>
      <c r="Q4389">
        <v>99617.472819999995</v>
      </c>
      <c r="R4389">
        <v>23042.030050000001</v>
      </c>
      <c r="S4389">
        <v>99632.721479999993</v>
      </c>
      <c r="T4389">
        <v>28359.805830000001</v>
      </c>
      <c r="U4389">
        <v>19938.06711</v>
      </c>
      <c r="W4389" s="83">
        <f>Bühler!N4421</f>
        <v>45474.791666656027</v>
      </c>
      <c r="X4389" s="83">
        <v>43283.791666666664</v>
      </c>
      <c r="Y4389">
        <v>264895.33809999999</v>
      </c>
      <c r="Z4389">
        <v>25874.76079</v>
      </c>
      <c r="AA4389">
        <v>91534.304699999993</v>
      </c>
      <c r="AB4389">
        <v>39644.80442</v>
      </c>
      <c r="AC4389">
        <v>42700.512929999997</v>
      </c>
      <c r="AD4389">
        <v>34364.429530000001</v>
      </c>
      <c r="AE4389">
        <v>48837.706709999999</v>
      </c>
      <c r="AF4389">
        <v>56800.757519999999</v>
      </c>
      <c r="AG4389">
        <v>28514.231759999999</v>
      </c>
      <c r="AH4389">
        <v>334243.8933</v>
      </c>
      <c r="AI4389">
        <v>84968.692200000005</v>
      </c>
      <c r="AJ4389">
        <v>21977.252339999999</v>
      </c>
      <c r="AK4389">
        <v>35599.03559</v>
      </c>
      <c r="AL4389">
        <v>99617.472819999995</v>
      </c>
      <c r="AM4389">
        <v>23042.030050000001</v>
      </c>
      <c r="AN4389">
        <v>99632.721479999993</v>
      </c>
      <c r="AO4389">
        <v>28359.805830000001</v>
      </c>
      <c r="AP4389">
        <v>19938.06711</v>
      </c>
    </row>
    <row r="4390" spans="2:42" x14ac:dyDescent="0.3">
      <c r="B4390">
        <v>63.741528236773121</v>
      </c>
      <c r="C4390" s="83">
        <v>43283.833333333336</v>
      </c>
      <c r="D4390">
        <v>253514.1257</v>
      </c>
      <c r="E4390">
        <v>19181.574089999998</v>
      </c>
      <c r="F4390">
        <v>73875.355679999993</v>
      </c>
      <c r="G4390">
        <v>37084.054730000003</v>
      </c>
      <c r="H4390">
        <v>39497.575839999998</v>
      </c>
      <c r="I4390">
        <v>29878.527180000001</v>
      </c>
      <c r="J4390">
        <v>47528.721689999998</v>
      </c>
      <c r="K4390">
        <v>56256.23792</v>
      </c>
      <c r="L4390">
        <v>28034.47395</v>
      </c>
      <c r="M4390">
        <v>324984.03629999998</v>
      </c>
      <c r="N4390">
        <v>80586.521940000006</v>
      </c>
      <c r="O4390">
        <v>21162.46081</v>
      </c>
      <c r="P4390">
        <v>35281.979950000001</v>
      </c>
      <c r="Q4390">
        <v>96577.12831</v>
      </c>
      <c r="R4390">
        <v>21201.138490000001</v>
      </c>
      <c r="S4390">
        <v>90684.824649999995</v>
      </c>
      <c r="T4390">
        <v>27899.12818</v>
      </c>
      <c r="U4390">
        <v>19795.66923</v>
      </c>
      <c r="W4390" s="83">
        <f>Bühler!N4422</f>
        <v>45474.833333322691</v>
      </c>
      <c r="X4390" s="83">
        <v>43283.833333333336</v>
      </c>
      <c r="Y4390">
        <v>253514.1257</v>
      </c>
      <c r="Z4390">
        <v>19181.574089999998</v>
      </c>
      <c r="AA4390">
        <v>73875.355679999993</v>
      </c>
      <c r="AB4390">
        <v>37084.054730000003</v>
      </c>
      <c r="AC4390">
        <v>39497.575839999998</v>
      </c>
      <c r="AD4390">
        <v>29878.527180000001</v>
      </c>
      <c r="AE4390">
        <v>47528.721689999998</v>
      </c>
      <c r="AF4390">
        <v>56256.23792</v>
      </c>
      <c r="AG4390">
        <v>28034.47395</v>
      </c>
      <c r="AH4390">
        <v>324984.03629999998</v>
      </c>
      <c r="AI4390">
        <v>80586.521940000006</v>
      </c>
      <c r="AJ4390">
        <v>21162.46081</v>
      </c>
      <c r="AK4390">
        <v>35281.979950000001</v>
      </c>
      <c r="AL4390">
        <v>96577.12831</v>
      </c>
      <c r="AM4390">
        <v>21201.138490000001</v>
      </c>
      <c r="AN4390">
        <v>90684.824649999995</v>
      </c>
      <c r="AO4390">
        <v>27899.12818</v>
      </c>
      <c r="AP4390">
        <v>19795.66923</v>
      </c>
    </row>
    <row r="4391" spans="2:42" x14ac:dyDescent="0.3">
      <c r="B4391">
        <v>61.574392110154712</v>
      </c>
      <c r="C4391" s="83">
        <v>43283.875</v>
      </c>
      <c r="D4391">
        <v>246011.41279999999</v>
      </c>
      <c r="E4391">
        <v>16384.485189999999</v>
      </c>
      <c r="F4391">
        <v>64154.230889999999</v>
      </c>
      <c r="G4391">
        <v>35536.01528</v>
      </c>
      <c r="H4391">
        <v>37405.59693</v>
      </c>
      <c r="I4391">
        <v>26037.83771</v>
      </c>
      <c r="J4391">
        <v>45879.006930000003</v>
      </c>
      <c r="K4391">
        <v>55823.950819999998</v>
      </c>
      <c r="L4391">
        <v>26609.386279999999</v>
      </c>
      <c r="M4391">
        <v>313934.9657</v>
      </c>
      <c r="N4391">
        <v>77881.276199999993</v>
      </c>
      <c r="O4391">
        <v>18960.798910000001</v>
      </c>
      <c r="P4391">
        <v>34420.227189999998</v>
      </c>
      <c r="Q4391">
        <v>93901.771080000006</v>
      </c>
      <c r="R4391">
        <v>20507.209159999999</v>
      </c>
      <c r="S4391">
        <v>85663.841679999998</v>
      </c>
      <c r="T4391">
        <v>25729.671920000001</v>
      </c>
      <c r="U4391">
        <v>18955.466670000002</v>
      </c>
      <c r="W4391" s="83">
        <f>Bühler!N4423</f>
        <v>45474.874999989355</v>
      </c>
      <c r="X4391" s="83">
        <v>43283.875</v>
      </c>
      <c r="Y4391">
        <v>246011.41279999999</v>
      </c>
      <c r="Z4391">
        <v>16384.485189999999</v>
      </c>
      <c r="AA4391">
        <v>64154.230889999999</v>
      </c>
      <c r="AB4391">
        <v>35536.01528</v>
      </c>
      <c r="AC4391">
        <v>37405.59693</v>
      </c>
      <c r="AD4391">
        <v>26037.83771</v>
      </c>
      <c r="AE4391">
        <v>45879.006930000003</v>
      </c>
      <c r="AF4391">
        <v>55823.950819999998</v>
      </c>
      <c r="AG4391">
        <v>26609.386279999999</v>
      </c>
      <c r="AH4391">
        <v>313934.9657</v>
      </c>
      <c r="AI4391">
        <v>77881.276199999993</v>
      </c>
      <c r="AJ4391">
        <v>18960.798910000001</v>
      </c>
      <c r="AK4391">
        <v>34420.227189999998</v>
      </c>
      <c r="AL4391">
        <v>93901.771080000006</v>
      </c>
      <c r="AM4391">
        <v>20507.209159999999</v>
      </c>
      <c r="AN4391">
        <v>85663.841679999998</v>
      </c>
      <c r="AO4391">
        <v>25729.671920000001</v>
      </c>
      <c r="AP4391">
        <v>18955.466670000002</v>
      </c>
    </row>
    <row r="4392" spans="2:42" x14ac:dyDescent="0.3">
      <c r="B4392">
        <v>61.345277819375269</v>
      </c>
      <c r="C4392" s="83">
        <v>43283.916666666664</v>
      </c>
      <c r="D4392">
        <v>244007.90609999999</v>
      </c>
      <c r="E4392">
        <v>15479.33915</v>
      </c>
      <c r="F4392">
        <v>61023.161410000001</v>
      </c>
      <c r="G4392">
        <v>35134.37962</v>
      </c>
      <c r="H4392">
        <v>38309.335890000002</v>
      </c>
      <c r="I4392">
        <v>24056.027730000002</v>
      </c>
      <c r="J4392">
        <v>46934.880360000003</v>
      </c>
      <c r="K4392">
        <v>57861.920510000004</v>
      </c>
      <c r="L4392">
        <v>24708.413970000001</v>
      </c>
      <c r="M4392">
        <v>312766.83419999998</v>
      </c>
      <c r="N4392">
        <v>76929.310169999997</v>
      </c>
      <c r="O4392">
        <v>18510.395270000001</v>
      </c>
      <c r="P4392">
        <v>37551.31136</v>
      </c>
      <c r="Q4392">
        <v>92769.059899999993</v>
      </c>
      <c r="R4392">
        <v>21183.852429999999</v>
      </c>
      <c r="S4392">
        <v>84372.024380000003</v>
      </c>
      <c r="T4392">
        <v>23382.514510000001</v>
      </c>
      <c r="U4392">
        <v>18871.09287</v>
      </c>
      <c r="W4392" s="83">
        <f>Bühler!N4424</f>
        <v>45474.91666665602</v>
      </c>
      <c r="X4392" s="83">
        <v>43283.916666666664</v>
      </c>
      <c r="Y4392">
        <v>244007.90609999999</v>
      </c>
      <c r="Z4392">
        <v>15479.33915</v>
      </c>
      <c r="AA4392">
        <v>61023.161410000001</v>
      </c>
      <c r="AB4392">
        <v>35134.37962</v>
      </c>
      <c r="AC4392">
        <v>38309.335890000002</v>
      </c>
      <c r="AD4392">
        <v>24056.027730000002</v>
      </c>
      <c r="AE4392">
        <v>46934.880360000003</v>
      </c>
      <c r="AF4392">
        <v>57861.920510000004</v>
      </c>
      <c r="AG4392">
        <v>24708.413970000001</v>
      </c>
      <c r="AH4392">
        <v>312766.83419999998</v>
      </c>
      <c r="AI4392">
        <v>76929.310169999997</v>
      </c>
      <c r="AJ4392">
        <v>18510.395270000001</v>
      </c>
      <c r="AK4392">
        <v>37551.31136</v>
      </c>
      <c r="AL4392">
        <v>92769.059899999993</v>
      </c>
      <c r="AM4392">
        <v>21183.852429999999</v>
      </c>
      <c r="AN4392">
        <v>84372.024380000003</v>
      </c>
      <c r="AO4392">
        <v>23382.514510000001</v>
      </c>
      <c r="AP4392">
        <v>18871.09287</v>
      </c>
    </row>
    <row r="4393" spans="2:42" x14ac:dyDescent="0.3">
      <c r="B4393">
        <v>61.080994227089519</v>
      </c>
      <c r="C4393" s="83">
        <v>43283.958333333336</v>
      </c>
      <c r="D4393">
        <v>243256.70509999999</v>
      </c>
      <c r="E4393">
        <v>14779.009040000001</v>
      </c>
      <c r="F4393">
        <v>59133.46254</v>
      </c>
      <c r="G4393">
        <v>34613.450819999998</v>
      </c>
      <c r="H4393">
        <v>37530.808169999997</v>
      </c>
      <c r="I4393">
        <v>22798.013749999998</v>
      </c>
      <c r="J4393">
        <v>42316.2889</v>
      </c>
      <c r="K4393">
        <v>55996.663330000003</v>
      </c>
      <c r="L4393">
        <v>21465.667560000002</v>
      </c>
      <c r="M4393">
        <v>311419.39319999999</v>
      </c>
      <c r="N4393">
        <v>76100.329440000001</v>
      </c>
      <c r="O4393">
        <v>18050.20189</v>
      </c>
      <c r="P4393">
        <v>32627.455419999998</v>
      </c>
      <c r="Q4393">
        <v>91865.994609999994</v>
      </c>
      <c r="R4393">
        <v>21989.531230000001</v>
      </c>
      <c r="S4393">
        <v>81886.739490000007</v>
      </c>
      <c r="T4393">
        <v>20988.381089999999</v>
      </c>
      <c r="U4393">
        <v>18594.02144</v>
      </c>
      <c r="W4393" s="83">
        <f>Bühler!N4425</f>
        <v>45474.958333322684</v>
      </c>
      <c r="X4393" s="83">
        <v>43283.958333333336</v>
      </c>
      <c r="Y4393">
        <v>243256.70509999999</v>
      </c>
      <c r="Z4393">
        <v>14779.009040000001</v>
      </c>
      <c r="AA4393">
        <v>59133.46254</v>
      </c>
      <c r="AB4393">
        <v>34613.450819999998</v>
      </c>
      <c r="AC4393">
        <v>37530.808169999997</v>
      </c>
      <c r="AD4393">
        <v>22798.013749999998</v>
      </c>
      <c r="AE4393">
        <v>42316.2889</v>
      </c>
      <c r="AF4393">
        <v>55996.663330000003</v>
      </c>
      <c r="AG4393">
        <v>21465.667560000002</v>
      </c>
      <c r="AH4393">
        <v>311419.39319999999</v>
      </c>
      <c r="AI4393">
        <v>76100.329440000001</v>
      </c>
      <c r="AJ4393">
        <v>18050.20189</v>
      </c>
      <c r="AK4393">
        <v>32627.455419999998</v>
      </c>
      <c r="AL4393">
        <v>91865.994609999994</v>
      </c>
      <c r="AM4393">
        <v>21989.531230000001</v>
      </c>
      <c r="AN4393">
        <v>81886.739490000007</v>
      </c>
      <c r="AO4393">
        <v>20988.381089999999</v>
      </c>
      <c r="AP4393">
        <v>18594.02144</v>
      </c>
    </row>
    <row r="4394" spans="2:42" x14ac:dyDescent="0.3">
      <c r="B4394">
        <v>60.280692699859088</v>
      </c>
      <c r="C4394" s="83">
        <v>43284</v>
      </c>
      <c r="D4394">
        <v>241477.76800000001</v>
      </c>
      <c r="E4394">
        <v>14410.65314</v>
      </c>
      <c r="F4394">
        <v>56691.723969999999</v>
      </c>
      <c r="G4394">
        <v>34193.263250000004</v>
      </c>
      <c r="H4394">
        <v>36431.304779999999</v>
      </c>
      <c r="I4394">
        <v>21059.17715</v>
      </c>
      <c r="J4394">
        <v>38030.302730000003</v>
      </c>
      <c r="K4394">
        <v>54034.47077</v>
      </c>
      <c r="L4394">
        <v>19130.89705</v>
      </c>
      <c r="M4394">
        <v>307339.08279999997</v>
      </c>
      <c r="N4394">
        <v>74725.606780000002</v>
      </c>
      <c r="O4394">
        <v>18225.818200000002</v>
      </c>
      <c r="P4394">
        <v>29306.882379999999</v>
      </c>
      <c r="Q4394">
        <v>90030.196920000002</v>
      </c>
      <c r="R4394">
        <v>17788.096389999999</v>
      </c>
      <c r="S4394">
        <v>80064.403709999999</v>
      </c>
      <c r="T4394">
        <v>18993.517179999999</v>
      </c>
      <c r="U4394">
        <v>18256.359990000001</v>
      </c>
      <c r="W4394" s="83">
        <f>Bühler!N4426</f>
        <v>45474.999999989348</v>
      </c>
      <c r="X4394" s="83">
        <v>43284</v>
      </c>
      <c r="Y4394">
        <v>241477.76800000001</v>
      </c>
      <c r="Z4394">
        <v>14410.65314</v>
      </c>
      <c r="AA4394">
        <v>56691.723969999999</v>
      </c>
      <c r="AB4394">
        <v>34193.263250000004</v>
      </c>
      <c r="AC4394">
        <v>36431.304779999999</v>
      </c>
      <c r="AD4394">
        <v>21059.17715</v>
      </c>
      <c r="AE4394">
        <v>38030.302730000003</v>
      </c>
      <c r="AF4394">
        <v>54034.47077</v>
      </c>
      <c r="AG4394">
        <v>19130.89705</v>
      </c>
      <c r="AH4394">
        <v>307339.08279999997</v>
      </c>
      <c r="AI4394">
        <v>74725.606780000002</v>
      </c>
      <c r="AJ4394">
        <v>18225.818200000002</v>
      </c>
      <c r="AK4394">
        <v>29306.882379999999</v>
      </c>
      <c r="AL4394">
        <v>90030.196920000002</v>
      </c>
      <c r="AM4394">
        <v>17788.096389999999</v>
      </c>
      <c r="AN4394">
        <v>80064.403709999999</v>
      </c>
      <c r="AO4394">
        <v>18993.517179999999</v>
      </c>
      <c r="AP4394">
        <v>18256.359990000001</v>
      </c>
    </row>
    <row r="4395" spans="2:42" x14ac:dyDescent="0.3">
      <c r="B4395">
        <v>59.295027979736133</v>
      </c>
      <c r="C4395" s="83">
        <v>43284.041666666664</v>
      </c>
      <c r="D4395">
        <v>238777.1311</v>
      </c>
      <c r="E4395">
        <v>13828.548210000001</v>
      </c>
      <c r="F4395">
        <v>55643.255819999998</v>
      </c>
      <c r="G4395">
        <v>33390.256079999999</v>
      </c>
      <c r="H4395">
        <v>35580.486380000002</v>
      </c>
      <c r="I4395">
        <v>17024.802199999998</v>
      </c>
      <c r="J4395">
        <v>35839.496709999999</v>
      </c>
      <c r="K4395">
        <v>52152.534390000001</v>
      </c>
      <c r="L4395">
        <v>17397.323789999999</v>
      </c>
      <c r="M4395">
        <v>302313.70439999999</v>
      </c>
      <c r="N4395">
        <v>71406.612999999998</v>
      </c>
      <c r="O4395">
        <v>18895.81625</v>
      </c>
      <c r="P4395">
        <v>27093.356810000001</v>
      </c>
      <c r="Q4395">
        <v>90253.38725</v>
      </c>
      <c r="R4395">
        <v>15191.343650000001</v>
      </c>
      <c r="S4395">
        <v>77796.941399999996</v>
      </c>
      <c r="T4395">
        <v>18353.39745</v>
      </c>
      <c r="U4395">
        <v>17676.412110000001</v>
      </c>
      <c r="W4395" s="83">
        <f>Bühler!N4427</f>
        <v>45475.041666656012</v>
      </c>
      <c r="X4395" s="83">
        <v>43284.041666666664</v>
      </c>
      <c r="Y4395">
        <v>238777.1311</v>
      </c>
      <c r="Z4395">
        <v>13828.548210000001</v>
      </c>
      <c r="AA4395">
        <v>55643.255819999998</v>
      </c>
      <c r="AB4395">
        <v>33390.256079999999</v>
      </c>
      <c r="AC4395">
        <v>35580.486380000002</v>
      </c>
      <c r="AD4395">
        <v>17024.802199999998</v>
      </c>
      <c r="AE4395">
        <v>35839.496709999999</v>
      </c>
      <c r="AF4395">
        <v>52152.534390000001</v>
      </c>
      <c r="AG4395">
        <v>17397.323789999999</v>
      </c>
      <c r="AH4395">
        <v>302313.70439999999</v>
      </c>
      <c r="AI4395">
        <v>71406.612999999998</v>
      </c>
      <c r="AJ4395">
        <v>18895.81625</v>
      </c>
      <c r="AK4395">
        <v>27093.356810000001</v>
      </c>
      <c r="AL4395">
        <v>90253.38725</v>
      </c>
      <c r="AM4395">
        <v>15191.343650000001</v>
      </c>
      <c r="AN4395">
        <v>77796.941399999996</v>
      </c>
      <c r="AO4395">
        <v>18353.39745</v>
      </c>
      <c r="AP4395">
        <v>17676.412110000001</v>
      </c>
    </row>
    <row r="4396" spans="2:42" x14ac:dyDescent="0.3">
      <c r="B4396">
        <v>59.588129394901465</v>
      </c>
      <c r="C4396" s="83">
        <v>43284.083333333336</v>
      </c>
      <c r="D4396">
        <v>239685.86550000001</v>
      </c>
      <c r="E4396">
        <v>13668.96176</v>
      </c>
      <c r="F4396">
        <v>56036.729200000002</v>
      </c>
      <c r="G4396">
        <v>32058.292669999999</v>
      </c>
      <c r="H4396">
        <v>35293.532550000004</v>
      </c>
      <c r="I4396">
        <v>14902.68165</v>
      </c>
      <c r="J4396">
        <v>34809.525970000002</v>
      </c>
      <c r="K4396">
        <v>49855.159639999998</v>
      </c>
      <c r="L4396">
        <v>16725.79867</v>
      </c>
      <c r="M4396">
        <v>303808.07209999999</v>
      </c>
      <c r="N4396">
        <v>71991.38493</v>
      </c>
      <c r="O4396">
        <v>19908.124810000001</v>
      </c>
      <c r="P4396">
        <v>26593.983209999999</v>
      </c>
      <c r="Q4396">
        <v>91756.314920000004</v>
      </c>
      <c r="R4396">
        <v>16092.31501</v>
      </c>
      <c r="S4396">
        <v>76096.975699999995</v>
      </c>
      <c r="T4396">
        <v>17996.185290000001</v>
      </c>
      <c r="U4396">
        <v>17316.533319999999</v>
      </c>
      <c r="W4396" s="83">
        <f>Bühler!N4428</f>
        <v>45475.083333322676</v>
      </c>
      <c r="X4396" s="83">
        <v>43284.083333333336</v>
      </c>
      <c r="Y4396">
        <v>239685.86550000001</v>
      </c>
      <c r="Z4396">
        <v>13668.96176</v>
      </c>
      <c r="AA4396">
        <v>56036.729200000002</v>
      </c>
      <c r="AB4396">
        <v>32058.292669999999</v>
      </c>
      <c r="AC4396">
        <v>35293.532550000004</v>
      </c>
      <c r="AD4396">
        <v>14902.68165</v>
      </c>
      <c r="AE4396">
        <v>34809.525970000002</v>
      </c>
      <c r="AF4396">
        <v>49855.159639999998</v>
      </c>
      <c r="AG4396">
        <v>16725.79867</v>
      </c>
      <c r="AH4396">
        <v>303808.07209999999</v>
      </c>
      <c r="AI4396">
        <v>71991.38493</v>
      </c>
      <c r="AJ4396">
        <v>19908.124810000001</v>
      </c>
      <c r="AK4396">
        <v>26593.983209999999</v>
      </c>
      <c r="AL4396">
        <v>91756.314920000004</v>
      </c>
      <c r="AM4396">
        <v>16092.31501</v>
      </c>
      <c r="AN4396">
        <v>76096.975699999995</v>
      </c>
      <c r="AO4396">
        <v>17996.185290000001</v>
      </c>
      <c r="AP4396">
        <v>17316.533319999999</v>
      </c>
    </row>
    <row r="4397" spans="2:42" x14ac:dyDescent="0.3">
      <c r="B4397">
        <v>59.986841392521569</v>
      </c>
      <c r="C4397" s="83">
        <v>43284.125</v>
      </c>
      <c r="D4397">
        <v>239916.27050000001</v>
      </c>
      <c r="E4397">
        <v>13505.834989999999</v>
      </c>
      <c r="F4397">
        <v>57060.414750000004</v>
      </c>
      <c r="G4397">
        <v>31365.47263</v>
      </c>
      <c r="H4397">
        <v>35050.059179999997</v>
      </c>
      <c r="I4397">
        <v>14435.116029999999</v>
      </c>
      <c r="J4397">
        <v>34707.529909999997</v>
      </c>
      <c r="K4397">
        <v>49491.318829999997</v>
      </c>
      <c r="L4397">
        <v>16795.084200000001</v>
      </c>
      <c r="M4397">
        <v>305840.89179999998</v>
      </c>
      <c r="N4397">
        <v>72642.491030000005</v>
      </c>
      <c r="O4397">
        <v>18667.82921</v>
      </c>
      <c r="P4397">
        <v>24807.041160000001</v>
      </c>
      <c r="Q4397">
        <v>94930.810729999997</v>
      </c>
      <c r="R4397">
        <v>15544.090700000001</v>
      </c>
      <c r="S4397">
        <v>75011.271489999999</v>
      </c>
      <c r="T4397">
        <v>17715.910339999999</v>
      </c>
      <c r="U4397">
        <v>17343.414199999999</v>
      </c>
      <c r="W4397" s="83">
        <f>Bühler!N4429</f>
        <v>45475.124999989341</v>
      </c>
      <c r="X4397" s="83">
        <v>43284.125</v>
      </c>
      <c r="Y4397">
        <v>239916.27050000001</v>
      </c>
      <c r="Z4397">
        <v>13505.834989999999</v>
      </c>
      <c r="AA4397">
        <v>57060.414750000004</v>
      </c>
      <c r="AB4397">
        <v>31365.47263</v>
      </c>
      <c r="AC4397">
        <v>35050.059179999997</v>
      </c>
      <c r="AD4397">
        <v>14435.116029999999</v>
      </c>
      <c r="AE4397">
        <v>34707.529909999997</v>
      </c>
      <c r="AF4397">
        <v>49491.318829999997</v>
      </c>
      <c r="AG4397">
        <v>16795.084200000001</v>
      </c>
      <c r="AH4397">
        <v>305840.89179999998</v>
      </c>
      <c r="AI4397">
        <v>72642.491030000005</v>
      </c>
      <c r="AJ4397">
        <v>18667.82921</v>
      </c>
      <c r="AK4397">
        <v>24807.041160000001</v>
      </c>
      <c r="AL4397">
        <v>94930.810729999997</v>
      </c>
      <c r="AM4397">
        <v>15544.090700000001</v>
      </c>
      <c r="AN4397">
        <v>75011.271489999999</v>
      </c>
      <c r="AO4397">
        <v>17715.910339999999</v>
      </c>
      <c r="AP4397">
        <v>17343.414199999999</v>
      </c>
    </row>
    <row r="4398" spans="2:42" x14ac:dyDescent="0.3">
      <c r="B4398">
        <v>61.277166984330158</v>
      </c>
      <c r="C4398" s="83">
        <v>43284.166666666664</v>
      </c>
      <c r="D4398">
        <v>240930.196</v>
      </c>
      <c r="E4398">
        <v>13957.08583</v>
      </c>
      <c r="F4398">
        <v>60067.948649999998</v>
      </c>
      <c r="G4398">
        <v>30610.319390000001</v>
      </c>
      <c r="H4398">
        <v>35392.748630000002</v>
      </c>
      <c r="I4398">
        <v>15643.53961</v>
      </c>
      <c r="J4398">
        <v>37055.155189999998</v>
      </c>
      <c r="K4398">
        <v>48897.126770000003</v>
      </c>
      <c r="L4398">
        <v>17012.423729999999</v>
      </c>
      <c r="M4398">
        <v>312419.57339999999</v>
      </c>
      <c r="N4398">
        <v>72920.017089999994</v>
      </c>
      <c r="O4398">
        <v>18132.99221</v>
      </c>
      <c r="P4398">
        <v>24030.283879999999</v>
      </c>
      <c r="Q4398">
        <v>99229.335850000003</v>
      </c>
      <c r="R4398">
        <v>15225.764999999999</v>
      </c>
      <c r="S4398">
        <v>74789.773409999994</v>
      </c>
      <c r="T4398">
        <v>17665.809310000001</v>
      </c>
      <c r="U4398">
        <v>17498.197749999999</v>
      </c>
      <c r="W4398" s="83">
        <f>Bühler!N4430</f>
        <v>45475.166666656005</v>
      </c>
      <c r="X4398" s="83">
        <v>43284.166666666664</v>
      </c>
      <c r="Y4398">
        <v>240930.196</v>
      </c>
      <c r="Z4398">
        <v>13957.08583</v>
      </c>
      <c r="AA4398">
        <v>60067.948649999998</v>
      </c>
      <c r="AB4398">
        <v>30610.319390000001</v>
      </c>
      <c r="AC4398">
        <v>35392.748630000002</v>
      </c>
      <c r="AD4398">
        <v>15643.53961</v>
      </c>
      <c r="AE4398">
        <v>37055.155189999998</v>
      </c>
      <c r="AF4398">
        <v>48897.126770000003</v>
      </c>
      <c r="AG4398">
        <v>17012.423729999999</v>
      </c>
      <c r="AH4398">
        <v>312419.57339999999</v>
      </c>
      <c r="AI4398">
        <v>72920.017089999994</v>
      </c>
      <c r="AJ4398">
        <v>18132.99221</v>
      </c>
      <c r="AK4398">
        <v>24030.283879999999</v>
      </c>
      <c r="AL4398">
        <v>99229.335850000003</v>
      </c>
      <c r="AM4398">
        <v>15225.764999999999</v>
      </c>
      <c r="AN4398">
        <v>74789.773409999994</v>
      </c>
      <c r="AO4398">
        <v>17665.809310000001</v>
      </c>
      <c r="AP4398">
        <v>17498.197749999999</v>
      </c>
    </row>
    <row r="4399" spans="2:42" x14ac:dyDescent="0.3">
      <c r="B4399">
        <v>64.30407181510337</v>
      </c>
      <c r="C4399" s="83">
        <v>43284.208333333336</v>
      </c>
      <c r="D4399">
        <v>256693.88389999999</v>
      </c>
      <c r="E4399">
        <v>15492.25634</v>
      </c>
      <c r="F4399">
        <v>69044.828479999996</v>
      </c>
      <c r="G4399">
        <v>31955.83366</v>
      </c>
      <c r="H4399">
        <v>37122.237569999998</v>
      </c>
      <c r="I4399">
        <v>21575.883180000001</v>
      </c>
      <c r="J4399">
        <v>40445.051919999998</v>
      </c>
      <c r="K4399">
        <v>49266.36116</v>
      </c>
      <c r="L4399">
        <v>17798.635880000002</v>
      </c>
      <c r="M4399">
        <v>327852.1458</v>
      </c>
      <c r="N4399">
        <v>73220.918839999998</v>
      </c>
      <c r="O4399">
        <v>18524.849269999999</v>
      </c>
      <c r="P4399">
        <v>25326.786120000001</v>
      </c>
      <c r="Q4399">
        <v>101844.6971</v>
      </c>
      <c r="R4399">
        <v>17519.585599999999</v>
      </c>
      <c r="S4399">
        <v>76401.466180000003</v>
      </c>
      <c r="T4399">
        <v>18724.082559999999</v>
      </c>
      <c r="U4399">
        <v>18880.705880000001</v>
      </c>
      <c r="W4399" s="83">
        <f>Bühler!N4431</f>
        <v>45475.208333322669</v>
      </c>
      <c r="X4399" s="83">
        <v>43284.208333333336</v>
      </c>
      <c r="Y4399">
        <v>256693.88389999999</v>
      </c>
      <c r="Z4399">
        <v>15492.25634</v>
      </c>
      <c r="AA4399">
        <v>69044.828479999996</v>
      </c>
      <c r="AB4399">
        <v>31955.83366</v>
      </c>
      <c r="AC4399">
        <v>37122.237569999998</v>
      </c>
      <c r="AD4399">
        <v>21575.883180000001</v>
      </c>
      <c r="AE4399">
        <v>40445.051919999998</v>
      </c>
      <c r="AF4399">
        <v>49266.36116</v>
      </c>
      <c r="AG4399">
        <v>17798.635880000002</v>
      </c>
      <c r="AH4399">
        <v>327852.1458</v>
      </c>
      <c r="AI4399">
        <v>73220.918839999998</v>
      </c>
      <c r="AJ4399">
        <v>18524.849269999999</v>
      </c>
      <c r="AK4399">
        <v>25326.786120000001</v>
      </c>
      <c r="AL4399">
        <v>101844.6971</v>
      </c>
      <c r="AM4399">
        <v>17519.585599999999</v>
      </c>
      <c r="AN4399">
        <v>76401.466180000003</v>
      </c>
      <c r="AO4399">
        <v>18724.082559999999</v>
      </c>
      <c r="AP4399">
        <v>18880.705880000001</v>
      </c>
    </row>
    <row r="4400" spans="2:42" x14ac:dyDescent="0.3">
      <c r="B4400">
        <v>67.16981886922548</v>
      </c>
      <c r="C4400" s="83">
        <v>43284.25</v>
      </c>
      <c r="D4400">
        <v>270033.51860000001</v>
      </c>
      <c r="E4400">
        <v>19113.238549999998</v>
      </c>
      <c r="F4400">
        <v>79604.459830000007</v>
      </c>
      <c r="G4400">
        <v>39597.065269999999</v>
      </c>
      <c r="H4400">
        <v>38432.178019999999</v>
      </c>
      <c r="I4400">
        <v>26805.17931</v>
      </c>
      <c r="J4400">
        <v>42102.073120000001</v>
      </c>
      <c r="K4400">
        <v>50600.497819999997</v>
      </c>
      <c r="L4400">
        <v>18483.494699999999</v>
      </c>
      <c r="M4400">
        <v>342463.06069999997</v>
      </c>
      <c r="N4400">
        <v>74782.659270000004</v>
      </c>
      <c r="O4400">
        <v>20050.359410000001</v>
      </c>
      <c r="P4400">
        <v>26514.542160000001</v>
      </c>
      <c r="Q4400">
        <v>102305.6934</v>
      </c>
      <c r="R4400">
        <v>16598.765019999999</v>
      </c>
      <c r="S4400">
        <v>83672.044720000005</v>
      </c>
      <c r="T4400">
        <v>21024.444739999999</v>
      </c>
      <c r="U4400">
        <v>21312.37226</v>
      </c>
      <c r="W4400" s="83">
        <f>Bühler!N4432</f>
        <v>45475.249999989333</v>
      </c>
      <c r="X4400" s="83">
        <v>43284.25</v>
      </c>
      <c r="Y4400">
        <v>270033.51860000001</v>
      </c>
      <c r="Z4400">
        <v>19113.238549999998</v>
      </c>
      <c r="AA4400">
        <v>79604.459830000007</v>
      </c>
      <c r="AB4400">
        <v>39597.065269999999</v>
      </c>
      <c r="AC4400">
        <v>38432.178019999999</v>
      </c>
      <c r="AD4400">
        <v>26805.17931</v>
      </c>
      <c r="AE4400">
        <v>42102.073120000001</v>
      </c>
      <c r="AF4400">
        <v>50600.497819999997</v>
      </c>
      <c r="AG4400">
        <v>18483.494699999999</v>
      </c>
      <c r="AH4400">
        <v>342463.06069999997</v>
      </c>
      <c r="AI4400">
        <v>74782.659270000004</v>
      </c>
      <c r="AJ4400">
        <v>20050.359410000001</v>
      </c>
      <c r="AK4400">
        <v>26514.542160000001</v>
      </c>
      <c r="AL4400">
        <v>102305.6934</v>
      </c>
      <c r="AM4400">
        <v>16598.765019999999</v>
      </c>
      <c r="AN4400">
        <v>83672.044720000005</v>
      </c>
      <c r="AO4400">
        <v>21024.444739999999</v>
      </c>
      <c r="AP4400">
        <v>21312.37226</v>
      </c>
    </row>
    <row r="4401" spans="2:42" x14ac:dyDescent="0.3">
      <c r="B4401">
        <v>69.552024651394348</v>
      </c>
      <c r="C4401" s="83">
        <v>43284.291666666664</v>
      </c>
      <c r="D4401">
        <v>284742.28860000003</v>
      </c>
      <c r="E4401">
        <v>24210.533049999998</v>
      </c>
      <c r="F4401">
        <v>84012.430649999995</v>
      </c>
      <c r="G4401">
        <v>47784.18995</v>
      </c>
      <c r="H4401">
        <v>43528.076549999998</v>
      </c>
      <c r="I4401">
        <v>33663.764730000003</v>
      </c>
      <c r="J4401">
        <v>44143.941939999997</v>
      </c>
      <c r="K4401">
        <v>56165.692300000002</v>
      </c>
      <c r="L4401">
        <v>20518.004990000001</v>
      </c>
      <c r="M4401">
        <v>354608.65669999999</v>
      </c>
      <c r="N4401">
        <v>78018.034620000006</v>
      </c>
      <c r="O4401">
        <v>23342.178629999999</v>
      </c>
      <c r="P4401">
        <v>30135.451700000001</v>
      </c>
      <c r="Q4401">
        <v>101086.932</v>
      </c>
      <c r="R4401">
        <v>18664.494920000001</v>
      </c>
      <c r="S4401">
        <v>97814.750759999995</v>
      </c>
      <c r="T4401">
        <v>24237.555980000001</v>
      </c>
      <c r="U4401">
        <v>24952.09259</v>
      </c>
      <c r="W4401" s="83">
        <f>Bühler!N4433</f>
        <v>45475.291666655998</v>
      </c>
      <c r="X4401" s="83">
        <v>43284.291666666664</v>
      </c>
      <c r="Y4401">
        <v>284742.28860000003</v>
      </c>
      <c r="Z4401">
        <v>24210.533049999998</v>
      </c>
      <c r="AA4401">
        <v>84012.430649999995</v>
      </c>
      <c r="AB4401">
        <v>47784.18995</v>
      </c>
      <c r="AC4401">
        <v>43528.076549999998</v>
      </c>
      <c r="AD4401">
        <v>33663.764730000003</v>
      </c>
      <c r="AE4401">
        <v>44143.941939999997</v>
      </c>
      <c r="AF4401">
        <v>56165.692300000002</v>
      </c>
      <c r="AG4401">
        <v>20518.004990000001</v>
      </c>
      <c r="AH4401">
        <v>354608.65669999999</v>
      </c>
      <c r="AI4401">
        <v>78018.034620000006</v>
      </c>
      <c r="AJ4401">
        <v>23342.178629999999</v>
      </c>
      <c r="AK4401">
        <v>30135.451700000001</v>
      </c>
      <c r="AL4401">
        <v>101086.932</v>
      </c>
      <c r="AM4401">
        <v>18664.494920000001</v>
      </c>
      <c r="AN4401">
        <v>97814.750759999995</v>
      </c>
      <c r="AO4401">
        <v>24237.555980000001</v>
      </c>
      <c r="AP4401">
        <v>24952.09259</v>
      </c>
    </row>
    <row r="4402" spans="2:42" x14ac:dyDescent="0.3">
      <c r="B4402">
        <v>71.34081739578302</v>
      </c>
      <c r="C4402" s="83">
        <v>43284.333333333336</v>
      </c>
      <c r="D4402">
        <v>297506.47889999999</v>
      </c>
      <c r="E4402">
        <v>30248.25576</v>
      </c>
      <c r="F4402">
        <v>91510.342340000003</v>
      </c>
      <c r="G4402">
        <v>55442.063849999999</v>
      </c>
      <c r="H4402">
        <v>48972.315060000001</v>
      </c>
      <c r="I4402">
        <v>38581.209840000003</v>
      </c>
      <c r="J4402">
        <v>48073.189120000003</v>
      </c>
      <c r="K4402">
        <v>64076.298479999998</v>
      </c>
      <c r="L4402">
        <v>25326.856670000001</v>
      </c>
      <c r="M4402">
        <v>363728.75630000001</v>
      </c>
      <c r="N4402">
        <v>84553.704329999993</v>
      </c>
      <c r="O4402">
        <v>26508.953020000001</v>
      </c>
      <c r="P4402">
        <v>32283.237000000001</v>
      </c>
      <c r="Q4402">
        <v>104026.4945</v>
      </c>
      <c r="R4402">
        <v>21743.231810000001</v>
      </c>
      <c r="S4402">
        <v>110941.4703</v>
      </c>
      <c r="T4402">
        <v>27691.070309999999</v>
      </c>
      <c r="U4402">
        <v>28884.92742</v>
      </c>
      <c r="W4402" s="83">
        <f>Bühler!N4434</f>
        <v>45475.333333322662</v>
      </c>
      <c r="X4402" s="83">
        <v>43284.333333333336</v>
      </c>
      <c r="Y4402">
        <v>297506.47889999999</v>
      </c>
      <c r="Z4402">
        <v>30248.25576</v>
      </c>
      <c r="AA4402">
        <v>91510.342340000003</v>
      </c>
      <c r="AB4402">
        <v>55442.063849999999</v>
      </c>
      <c r="AC4402">
        <v>48972.315060000001</v>
      </c>
      <c r="AD4402">
        <v>38581.209840000003</v>
      </c>
      <c r="AE4402">
        <v>48073.189120000003</v>
      </c>
      <c r="AF4402">
        <v>64076.298479999998</v>
      </c>
      <c r="AG4402">
        <v>25326.856670000001</v>
      </c>
      <c r="AH4402">
        <v>363728.75630000001</v>
      </c>
      <c r="AI4402">
        <v>84553.704329999993</v>
      </c>
      <c r="AJ4402">
        <v>26508.953020000001</v>
      </c>
      <c r="AK4402">
        <v>32283.237000000001</v>
      </c>
      <c r="AL4402">
        <v>104026.4945</v>
      </c>
      <c r="AM4402">
        <v>21743.231810000001</v>
      </c>
      <c r="AN4402">
        <v>110941.4703</v>
      </c>
      <c r="AO4402">
        <v>27691.070309999999</v>
      </c>
      <c r="AP4402">
        <v>28884.92742</v>
      </c>
    </row>
    <row r="4403" spans="2:42" x14ac:dyDescent="0.3">
      <c r="B4403">
        <v>72.306256386621186</v>
      </c>
      <c r="C4403" s="83">
        <v>43284.375</v>
      </c>
      <c r="D4403">
        <v>300823.65840000001</v>
      </c>
      <c r="E4403">
        <v>35174.615839999999</v>
      </c>
      <c r="F4403">
        <v>101097.2372</v>
      </c>
      <c r="G4403">
        <v>61978.353799999997</v>
      </c>
      <c r="H4403">
        <v>52522.026120000002</v>
      </c>
      <c r="I4403">
        <v>37828.197229999998</v>
      </c>
      <c r="J4403">
        <v>51027.802629999998</v>
      </c>
      <c r="K4403">
        <v>66478.995920000001</v>
      </c>
      <c r="L4403">
        <v>29066.497459999999</v>
      </c>
      <c r="M4403">
        <v>368651.01449999999</v>
      </c>
      <c r="N4403">
        <v>89606.317410000003</v>
      </c>
      <c r="O4403">
        <v>28297.73371</v>
      </c>
      <c r="P4403">
        <v>34805.913950000002</v>
      </c>
      <c r="Q4403">
        <v>107415.6848</v>
      </c>
      <c r="R4403">
        <v>24148.9568</v>
      </c>
      <c r="S4403">
        <v>120725.12699999999</v>
      </c>
      <c r="T4403">
        <v>31257.916120000002</v>
      </c>
      <c r="U4403">
        <v>29178.634699999999</v>
      </c>
      <c r="W4403" s="83">
        <f>Bühler!N4435</f>
        <v>45475.374999989326</v>
      </c>
      <c r="X4403" s="83">
        <v>43284.375</v>
      </c>
      <c r="Y4403">
        <v>300823.65840000001</v>
      </c>
      <c r="Z4403">
        <v>35174.615839999999</v>
      </c>
      <c r="AA4403">
        <v>101097.2372</v>
      </c>
      <c r="AB4403">
        <v>61978.353799999997</v>
      </c>
      <c r="AC4403">
        <v>52522.026120000002</v>
      </c>
      <c r="AD4403">
        <v>37828.197229999998</v>
      </c>
      <c r="AE4403">
        <v>51027.802629999998</v>
      </c>
      <c r="AF4403">
        <v>66478.995920000001</v>
      </c>
      <c r="AG4403">
        <v>29066.497459999999</v>
      </c>
      <c r="AH4403">
        <v>368651.01449999999</v>
      </c>
      <c r="AI4403">
        <v>89606.317410000003</v>
      </c>
      <c r="AJ4403">
        <v>28297.73371</v>
      </c>
      <c r="AK4403">
        <v>34805.913950000002</v>
      </c>
      <c r="AL4403">
        <v>107415.6848</v>
      </c>
      <c r="AM4403">
        <v>24148.9568</v>
      </c>
      <c r="AN4403">
        <v>120725.12699999999</v>
      </c>
      <c r="AO4403">
        <v>31257.916120000002</v>
      </c>
      <c r="AP4403">
        <v>29178.634699999999</v>
      </c>
    </row>
    <row r="4404" spans="2:42" x14ac:dyDescent="0.3">
      <c r="B4404">
        <v>73.86261670515502</v>
      </c>
      <c r="C4404" s="83">
        <v>43284.416666666664</v>
      </c>
      <c r="D4404">
        <v>306697.10249999998</v>
      </c>
      <c r="E4404">
        <v>37914.885370000004</v>
      </c>
      <c r="F4404">
        <v>104296.3422</v>
      </c>
      <c r="G4404">
        <v>64992.860809999998</v>
      </c>
      <c r="H4404">
        <v>54232.77349</v>
      </c>
      <c r="I4404">
        <v>38625.248979999997</v>
      </c>
      <c r="J4404">
        <v>51293.217290000001</v>
      </c>
      <c r="K4404">
        <v>67900.214179999995</v>
      </c>
      <c r="L4404">
        <v>32587.92324</v>
      </c>
      <c r="M4404">
        <v>376586.06520000001</v>
      </c>
      <c r="N4404">
        <v>93283.660669999997</v>
      </c>
      <c r="O4404">
        <v>29315.193459999999</v>
      </c>
      <c r="P4404">
        <v>37054.022819999998</v>
      </c>
      <c r="Q4404">
        <v>109693.1027</v>
      </c>
      <c r="R4404">
        <v>25591.705160000001</v>
      </c>
      <c r="S4404">
        <v>125523.03569999999</v>
      </c>
      <c r="T4404">
        <v>32843.858480000003</v>
      </c>
      <c r="U4404">
        <v>28863.719829999998</v>
      </c>
      <c r="W4404" s="83">
        <f>Bühler!N4436</f>
        <v>45475.41666665599</v>
      </c>
      <c r="X4404" s="83">
        <v>43284.416666666664</v>
      </c>
      <c r="Y4404">
        <v>306697.10249999998</v>
      </c>
      <c r="Z4404">
        <v>37914.885370000004</v>
      </c>
      <c r="AA4404">
        <v>104296.3422</v>
      </c>
      <c r="AB4404">
        <v>64992.860809999998</v>
      </c>
      <c r="AC4404">
        <v>54232.77349</v>
      </c>
      <c r="AD4404">
        <v>38625.248979999997</v>
      </c>
      <c r="AE4404">
        <v>51293.217290000001</v>
      </c>
      <c r="AF4404">
        <v>67900.214179999995</v>
      </c>
      <c r="AG4404">
        <v>32587.92324</v>
      </c>
      <c r="AH4404">
        <v>376586.06520000001</v>
      </c>
      <c r="AI4404">
        <v>93283.660669999997</v>
      </c>
      <c r="AJ4404">
        <v>29315.193459999999</v>
      </c>
      <c r="AK4404">
        <v>37054.022819999998</v>
      </c>
      <c r="AL4404">
        <v>109693.1027</v>
      </c>
      <c r="AM4404">
        <v>25591.705160000001</v>
      </c>
      <c r="AN4404">
        <v>125523.03569999999</v>
      </c>
      <c r="AO4404">
        <v>32843.858480000003</v>
      </c>
      <c r="AP4404">
        <v>28863.719829999998</v>
      </c>
    </row>
    <row r="4405" spans="2:42" x14ac:dyDescent="0.3">
      <c r="B4405">
        <v>75.28430181864735</v>
      </c>
      <c r="C4405" s="83">
        <v>43284.458333333336</v>
      </c>
      <c r="D4405">
        <v>306573.65999999997</v>
      </c>
      <c r="E4405">
        <v>38045.081610000001</v>
      </c>
      <c r="F4405">
        <v>106221.383</v>
      </c>
      <c r="G4405">
        <v>64381.245139999999</v>
      </c>
      <c r="H4405">
        <v>54264.88551</v>
      </c>
      <c r="I4405">
        <v>38237.057569999997</v>
      </c>
      <c r="J4405">
        <v>51583.658660000001</v>
      </c>
      <c r="K4405">
        <v>68706.167260000002</v>
      </c>
      <c r="L4405">
        <v>34205.00849</v>
      </c>
      <c r="M4405">
        <v>383834.47889999999</v>
      </c>
      <c r="N4405">
        <v>97102.617140000002</v>
      </c>
      <c r="O4405">
        <v>28737.850750000001</v>
      </c>
      <c r="P4405">
        <v>37512.070540000001</v>
      </c>
      <c r="Q4405">
        <v>110311.455</v>
      </c>
      <c r="R4405">
        <v>27439.822889999999</v>
      </c>
      <c r="S4405">
        <v>130810.38430000001</v>
      </c>
      <c r="T4405">
        <v>34188.494460000002</v>
      </c>
      <c r="U4405">
        <v>29119.818640000001</v>
      </c>
      <c r="W4405" s="83">
        <f>Bühler!N4437</f>
        <v>45475.458333322655</v>
      </c>
      <c r="X4405" s="83">
        <v>43284.458333333336</v>
      </c>
      <c r="Y4405">
        <v>306573.65999999997</v>
      </c>
      <c r="Z4405">
        <v>38045.081610000001</v>
      </c>
      <c r="AA4405">
        <v>106221.383</v>
      </c>
      <c r="AB4405">
        <v>64381.245139999999</v>
      </c>
      <c r="AC4405">
        <v>54264.88551</v>
      </c>
      <c r="AD4405">
        <v>38237.057569999997</v>
      </c>
      <c r="AE4405">
        <v>51583.658660000001</v>
      </c>
      <c r="AF4405">
        <v>68706.167260000002</v>
      </c>
      <c r="AG4405">
        <v>34205.00849</v>
      </c>
      <c r="AH4405">
        <v>383834.47889999999</v>
      </c>
      <c r="AI4405">
        <v>97102.617140000002</v>
      </c>
      <c r="AJ4405">
        <v>28737.850750000001</v>
      </c>
      <c r="AK4405">
        <v>37512.070540000001</v>
      </c>
      <c r="AL4405">
        <v>110311.455</v>
      </c>
      <c r="AM4405">
        <v>27439.822889999999</v>
      </c>
      <c r="AN4405">
        <v>130810.38430000001</v>
      </c>
      <c r="AO4405">
        <v>34188.494460000002</v>
      </c>
      <c r="AP4405">
        <v>29119.818640000001</v>
      </c>
    </row>
    <row r="4406" spans="2:42" x14ac:dyDescent="0.3">
      <c r="B4406">
        <v>74.567148628890777</v>
      </c>
      <c r="C4406" s="83">
        <v>43284.5</v>
      </c>
      <c r="D4406">
        <v>297100.78399999999</v>
      </c>
      <c r="E4406">
        <v>34895.711340000002</v>
      </c>
      <c r="F4406">
        <v>101870.7482</v>
      </c>
      <c r="G4406">
        <v>64631.426590000003</v>
      </c>
      <c r="H4406">
        <v>53275.686379999999</v>
      </c>
      <c r="I4406">
        <v>37684.695970000001</v>
      </c>
      <c r="J4406">
        <v>52081.812039999997</v>
      </c>
      <c r="K4406">
        <v>65730.513940000004</v>
      </c>
      <c r="L4406">
        <v>36845.329400000002</v>
      </c>
      <c r="M4406">
        <v>380178.09749999997</v>
      </c>
      <c r="N4406">
        <v>96838.916240000006</v>
      </c>
      <c r="O4406">
        <v>27600.43435</v>
      </c>
      <c r="P4406">
        <v>38699.992189999997</v>
      </c>
      <c r="Q4406">
        <v>109712.2359</v>
      </c>
      <c r="R4406">
        <v>28145.220270000002</v>
      </c>
      <c r="S4406">
        <v>126496.6967</v>
      </c>
      <c r="T4406">
        <v>35031.800629999998</v>
      </c>
      <c r="U4406">
        <v>25638.932720000001</v>
      </c>
      <c r="W4406" s="83">
        <f>Bühler!N4438</f>
        <v>45475.499999989319</v>
      </c>
      <c r="X4406" s="83">
        <v>43284.5</v>
      </c>
      <c r="Y4406">
        <v>297100.78399999999</v>
      </c>
      <c r="Z4406">
        <v>34895.711340000002</v>
      </c>
      <c r="AA4406">
        <v>101870.7482</v>
      </c>
      <c r="AB4406">
        <v>64631.426590000003</v>
      </c>
      <c r="AC4406">
        <v>53275.686379999999</v>
      </c>
      <c r="AD4406">
        <v>37684.695970000001</v>
      </c>
      <c r="AE4406">
        <v>52081.812039999997</v>
      </c>
      <c r="AF4406">
        <v>65730.513940000004</v>
      </c>
      <c r="AG4406">
        <v>36845.329400000002</v>
      </c>
      <c r="AH4406">
        <v>380178.09749999997</v>
      </c>
      <c r="AI4406">
        <v>96838.916240000006</v>
      </c>
      <c r="AJ4406">
        <v>27600.43435</v>
      </c>
      <c r="AK4406">
        <v>38699.992189999997</v>
      </c>
      <c r="AL4406">
        <v>109712.2359</v>
      </c>
      <c r="AM4406">
        <v>28145.220270000002</v>
      </c>
      <c r="AN4406">
        <v>126496.6967</v>
      </c>
      <c r="AO4406">
        <v>35031.800629999998</v>
      </c>
      <c r="AP4406">
        <v>25638.932720000001</v>
      </c>
    </row>
    <row r="4407" spans="2:42" x14ac:dyDescent="0.3">
      <c r="B4407">
        <v>73.78068077148761</v>
      </c>
      <c r="C4407" s="83">
        <v>43284.541666666664</v>
      </c>
      <c r="D4407">
        <v>297150.2781</v>
      </c>
      <c r="E4407">
        <v>36042.896339999999</v>
      </c>
      <c r="F4407">
        <v>99291.399139999994</v>
      </c>
      <c r="G4407">
        <v>62888.965929999998</v>
      </c>
      <c r="H4407">
        <v>54268.774709999998</v>
      </c>
      <c r="I4407">
        <v>38240.239450000001</v>
      </c>
      <c r="J4407">
        <v>51780.711170000002</v>
      </c>
      <c r="K4407">
        <v>67105.286730000007</v>
      </c>
      <c r="L4407">
        <v>35932.390460000002</v>
      </c>
      <c r="M4407">
        <v>376168.31760000001</v>
      </c>
      <c r="N4407">
        <v>99453.871169999999</v>
      </c>
      <c r="O4407">
        <v>28474.344290000001</v>
      </c>
      <c r="P4407">
        <v>37865.132790000003</v>
      </c>
      <c r="Q4407">
        <v>108818.4673</v>
      </c>
      <c r="R4407">
        <v>27474.801490000002</v>
      </c>
      <c r="S4407">
        <v>126822.3541</v>
      </c>
      <c r="T4407">
        <v>33420.777020000001</v>
      </c>
      <c r="U4407">
        <v>27479.0052</v>
      </c>
      <c r="W4407" s="83">
        <f>Bühler!N4439</f>
        <v>45475.541666655983</v>
      </c>
      <c r="X4407" s="83">
        <v>43284.541666666664</v>
      </c>
      <c r="Y4407">
        <v>297150.2781</v>
      </c>
      <c r="Z4407">
        <v>36042.896339999999</v>
      </c>
      <c r="AA4407">
        <v>99291.399139999994</v>
      </c>
      <c r="AB4407">
        <v>62888.965929999998</v>
      </c>
      <c r="AC4407">
        <v>54268.774709999998</v>
      </c>
      <c r="AD4407">
        <v>38240.239450000001</v>
      </c>
      <c r="AE4407">
        <v>51780.711170000002</v>
      </c>
      <c r="AF4407">
        <v>67105.286730000007</v>
      </c>
      <c r="AG4407">
        <v>35932.390460000002</v>
      </c>
      <c r="AH4407">
        <v>376168.31760000001</v>
      </c>
      <c r="AI4407">
        <v>99453.871169999999</v>
      </c>
      <c r="AJ4407">
        <v>28474.344290000001</v>
      </c>
      <c r="AK4407">
        <v>37865.132790000003</v>
      </c>
      <c r="AL4407">
        <v>108818.4673</v>
      </c>
      <c r="AM4407">
        <v>27474.801490000002</v>
      </c>
      <c r="AN4407">
        <v>126822.3541</v>
      </c>
      <c r="AO4407">
        <v>33420.777020000001</v>
      </c>
      <c r="AP4407">
        <v>27479.0052</v>
      </c>
    </row>
    <row r="4408" spans="2:42" x14ac:dyDescent="0.3">
      <c r="B4408">
        <v>73.328253758089843</v>
      </c>
      <c r="C4408" s="83">
        <v>43284.583333333336</v>
      </c>
      <c r="D4408">
        <v>301891.86599999998</v>
      </c>
      <c r="E4408">
        <v>39081.706469999997</v>
      </c>
      <c r="F4408">
        <v>107474.16899999999</v>
      </c>
      <c r="G4408">
        <v>60579.783969999997</v>
      </c>
      <c r="H4408">
        <v>54847.067159999999</v>
      </c>
      <c r="I4408">
        <v>39733.760340000001</v>
      </c>
      <c r="J4408">
        <v>51604.056100000002</v>
      </c>
      <c r="K4408">
        <v>67186.039799999999</v>
      </c>
      <c r="L4408">
        <v>33781.689749999998</v>
      </c>
      <c r="M4408">
        <v>373861.63370000001</v>
      </c>
      <c r="N4408">
        <v>101214.7939</v>
      </c>
      <c r="O4408">
        <v>28926.13118</v>
      </c>
      <c r="P4408">
        <v>34918.632089999999</v>
      </c>
      <c r="Q4408">
        <v>108809.0448</v>
      </c>
      <c r="R4408">
        <v>27371.133849999998</v>
      </c>
      <c r="S4408">
        <v>123834.9342</v>
      </c>
      <c r="T4408">
        <v>32670.405170000002</v>
      </c>
      <c r="U4408">
        <v>27806.72985</v>
      </c>
      <c r="W4408" s="83">
        <f>Bühler!N4440</f>
        <v>45475.583333322647</v>
      </c>
      <c r="X4408" s="83">
        <v>43284.583333333336</v>
      </c>
      <c r="Y4408">
        <v>301891.86599999998</v>
      </c>
      <c r="Z4408">
        <v>39081.706469999997</v>
      </c>
      <c r="AA4408">
        <v>107474.16899999999</v>
      </c>
      <c r="AB4408">
        <v>60579.783969999997</v>
      </c>
      <c r="AC4408">
        <v>54847.067159999999</v>
      </c>
      <c r="AD4408">
        <v>39733.760340000001</v>
      </c>
      <c r="AE4408">
        <v>51604.056100000002</v>
      </c>
      <c r="AF4408">
        <v>67186.039799999999</v>
      </c>
      <c r="AG4408">
        <v>33781.689749999998</v>
      </c>
      <c r="AH4408">
        <v>373861.63370000001</v>
      </c>
      <c r="AI4408">
        <v>101214.7939</v>
      </c>
      <c r="AJ4408">
        <v>28926.13118</v>
      </c>
      <c r="AK4408">
        <v>34918.632089999999</v>
      </c>
      <c r="AL4408">
        <v>108809.0448</v>
      </c>
      <c r="AM4408">
        <v>27371.133849999998</v>
      </c>
      <c r="AN4408">
        <v>123834.9342</v>
      </c>
      <c r="AO4408">
        <v>32670.405170000002</v>
      </c>
      <c r="AP4408">
        <v>27806.72985</v>
      </c>
    </row>
    <row r="4409" spans="2:42" x14ac:dyDescent="0.3">
      <c r="B4409">
        <v>72.953538996460722</v>
      </c>
      <c r="C4409" s="83">
        <v>43284.625</v>
      </c>
      <c r="D4409">
        <v>298249.33720000001</v>
      </c>
      <c r="E4409">
        <v>39372.672070000001</v>
      </c>
      <c r="F4409">
        <v>110391.6476</v>
      </c>
      <c r="G4409">
        <v>57539.834580000002</v>
      </c>
      <c r="H4409">
        <v>54211.517070000002</v>
      </c>
      <c r="I4409">
        <v>39501.891150000003</v>
      </c>
      <c r="J4409">
        <v>51378.053820000001</v>
      </c>
      <c r="K4409">
        <v>66726.937749999997</v>
      </c>
      <c r="L4409">
        <v>31424.289140000001</v>
      </c>
      <c r="M4409">
        <v>371951.16310000001</v>
      </c>
      <c r="N4409">
        <v>100587.5036</v>
      </c>
      <c r="O4409">
        <v>28212.746090000001</v>
      </c>
      <c r="P4409">
        <v>32937.714010000003</v>
      </c>
      <c r="Q4409">
        <v>108029.164</v>
      </c>
      <c r="R4409">
        <v>26753.915659999999</v>
      </c>
      <c r="S4409">
        <v>122587.7491</v>
      </c>
      <c r="T4409">
        <v>32636.805899999999</v>
      </c>
      <c r="U4409">
        <v>27953.643789999998</v>
      </c>
      <c r="W4409" s="83">
        <f>Bühler!N4441</f>
        <v>45475.624999989312</v>
      </c>
      <c r="X4409" s="83">
        <v>43284.625</v>
      </c>
      <c r="Y4409">
        <v>298249.33720000001</v>
      </c>
      <c r="Z4409">
        <v>39372.672070000001</v>
      </c>
      <c r="AA4409">
        <v>110391.6476</v>
      </c>
      <c r="AB4409">
        <v>57539.834580000002</v>
      </c>
      <c r="AC4409">
        <v>54211.517070000002</v>
      </c>
      <c r="AD4409">
        <v>39501.891150000003</v>
      </c>
      <c r="AE4409">
        <v>51378.053820000001</v>
      </c>
      <c r="AF4409">
        <v>66726.937749999997</v>
      </c>
      <c r="AG4409">
        <v>31424.289140000001</v>
      </c>
      <c r="AH4409">
        <v>371951.16310000001</v>
      </c>
      <c r="AI4409">
        <v>100587.5036</v>
      </c>
      <c r="AJ4409">
        <v>28212.746090000001</v>
      </c>
      <c r="AK4409">
        <v>32937.714010000003</v>
      </c>
      <c r="AL4409">
        <v>108029.164</v>
      </c>
      <c r="AM4409">
        <v>26753.915659999999</v>
      </c>
      <c r="AN4409">
        <v>122587.7491</v>
      </c>
      <c r="AO4409">
        <v>32636.805899999999</v>
      </c>
      <c r="AP4409">
        <v>27953.643789999998</v>
      </c>
    </row>
    <row r="4410" spans="2:42" x14ac:dyDescent="0.3">
      <c r="B4410">
        <v>71.197554000281258</v>
      </c>
      <c r="C4410" s="83">
        <v>43284.666666666664</v>
      </c>
      <c r="D4410">
        <v>291806.67540000001</v>
      </c>
      <c r="E4410">
        <v>38642.011630000001</v>
      </c>
      <c r="F4410">
        <v>109477.4869</v>
      </c>
      <c r="G4410">
        <v>54755.851770000001</v>
      </c>
      <c r="H4410">
        <v>52312.119570000003</v>
      </c>
      <c r="I4410">
        <v>40106.204440000001</v>
      </c>
      <c r="J4410">
        <v>51196.463450000003</v>
      </c>
      <c r="K4410">
        <v>63938.654750000002</v>
      </c>
      <c r="L4410">
        <v>30391.332839999999</v>
      </c>
      <c r="M4410">
        <v>362998.33270000003</v>
      </c>
      <c r="N4410">
        <v>99297.261799999993</v>
      </c>
      <c r="O4410">
        <v>28248.12962</v>
      </c>
      <c r="P4410">
        <v>32970.982790000002</v>
      </c>
      <c r="Q4410">
        <v>107022.30560000001</v>
      </c>
      <c r="R4410">
        <v>26652.975620000001</v>
      </c>
      <c r="S4410">
        <v>121076.65949999999</v>
      </c>
      <c r="T4410">
        <v>31919.94412</v>
      </c>
      <c r="U4410">
        <v>25973.284070000002</v>
      </c>
      <c r="W4410" s="83">
        <f>Bühler!N4442</f>
        <v>45475.666666655976</v>
      </c>
      <c r="X4410" s="83">
        <v>43284.666666666664</v>
      </c>
      <c r="Y4410">
        <v>291806.67540000001</v>
      </c>
      <c r="Z4410">
        <v>38642.011630000001</v>
      </c>
      <c r="AA4410">
        <v>109477.4869</v>
      </c>
      <c r="AB4410">
        <v>54755.851770000001</v>
      </c>
      <c r="AC4410">
        <v>52312.119570000003</v>
      </c>
      <c r="AD4410">
        <v>40106.204440000001</v>
      </c>
      <c r="AE4410">
        <v>51196.463450000003</v>
      </c>
      <c r="AF4410">
        <v>63938.654750000002</v>
      </c>
      <c r="AG4410">
        <v>30391.332839999999</v>
      </c>
      <c r="AH4410">
        <v>362998.33270000003</v>
      </c>
      <c r="AI4410">
        <v>99297.261799999993</v>
      </c>
      <c r="AJ4410">
        <v>28248.12962</v>
      </c>
      <c r="AK4410">
        <v>32970.982790000002</v>
      </c>
      <c r="AL4410">
        <v>107022.30560000001</v>
      </c>
      <c r="AM4410">
        <v>26652.975620000001</v>
      </c>
      <c r="AN4410">
        <v>121076.65949999999</v>
      </c>
      <c r="AO4410">
        <v>31919.94412</v>
      </c>
      <c r="AP4410">
        <v>25973.284070000002</v>
      </c>
    </row>
    <row r="4411" spans="2:42" x14ac:dyDescent="0.3">
      <c r="B4411">
        <v>69.712656956301529</v>
      </c>
      <c r="C4411" s="83">
        <v>43284.708333333336</v>
      </c>
      <c r="D4411">
        <v>279646.95909999998</v>
      </c>
      <c r="E4411">
        <v>36568.482060000002</v>
      </c>
      <c r="F4411">
        <v>108568.3092</v>
      </c>
      <c r="G4411">
        <v>50434.653740000002</v>
      </c>
      <c r="H4411">
        <v>49993.012990000003</v>
      </c>
      <c r="I4411">
        <v>38348.586819999997</v>
      </c>
      <c r="J4411">
        <v>51821.747840000004</v>
      </c>
      <c r="K4411">
        <v>59407.659599999999</v>
      </c>
      <c r="L4411">
        <v>30503.428550000001</v>
      </c>
      <c r="M4411">
        <v>355427.63510000001</v>
      </c>
      <c r="N4411">
        <v>95278.526199999993</v>
      </c>
      <c r="O4411">
        <v>27265.9198</v>
      </c>
      <c r="P4411">
        <v>34429.677060000002</v>
      </c>
      <c r="Q4411">
        <v>106762.41800000001</v>
      </c>
      <c r="R4411">
        <v>27109.813450000001</v>
      </c>
      <c r="S4411">
        <v>118274.442</v>
      </c>
      <c r="T4411">
        <v>31484.868689999999</v>
      </c>
      <c r="U4411">
        <v>23157.73906</v>
      </c>
      <c r="W4411" s="83">
        <f>Bühler!N4443</f>
        <v>45475.70833332264</v>
      </c>
      <c r="X4411" s="83">
        <v>43284.708333333336</v>
      </c>
      <c r="Y4411">
        <v>279646.95909999998</v>
      </c>
      <c r="Z4411">
        <v>36568.482060000002</v>
      </c>
      <c r="AA4411">
        <v>108568.3092</v>
      </c>
      <c r="AB4411">
        <v>50434.653740000002</v>
      </c>
      <c r="AC4411">
        <v>49993.012990000003</v>
      </c>
      <c r="AD4411">
        <v>38348.586819999997</v>
      </c>
      <c r="AE4411">
        <v>51821.747840000004</v>
      </c>
      <c r="AF4411">
        <v>59407.659599999999</v>
      </c>
      <c r="AG4411">
        <v>30503.428550000001</v>
      </c>
      <c r="AH4411">
        <v>355427.63510000001</v>
      </c>
      <c r="AI4411">
        <v>95278.526199999993</v>
      </c>
      <c r="AJ4411">
        <v>27265.9198</v>
      </c>
      <c r="AK4411">
        <v>34429.677060000002</v>
      </c>
      <c r="AL4411">
        <v>106762.41800000001</v>
      </c>
      <c r="AM4411">
        <v>27109.813450000001</v>
      </c>
      <c r="AN4411">
        <v>118274.442</v>
      </c>
      <c r="AO4411">
        <v>31484.868689999999</v>
      </c>
      <c r="AP4411">
        <v>23157.73906</v>
      </c>
    </row>
    <row r="4412" spans="2:42" x14ac:dyDescent="0.3">
      <c r="B4412">
        <v>68.164755710968805</v>
      </c>
      <c r="C4412" s="83">
        <v>43284.75</v>
      </c>
      <c r="D4412">
        <v>274378.10340000002</v>
      </c>
      <c r="E4412">
        <v>32826.212030000002</v>
      </c>
      <c r="F4412">
        <v>106371.3273</v>
      </c>
      <c r="G4412">
        <v>45954.672440000002</v>
      </c>
      <c r="H4412">
        <v>47497.73431</v>
      </c>
      <c r="I4412">
        <v>37280.533170000002</v>
      </c>
      <c r="J4412">
        <v>51914.940029999998</v>
      </c>
      <c r="K4412">
        <v>57566.341840000001</v>
      </c>
      <c r="L4412">
        <v>31439.584760000002</v>
      </c>
      <c r="M4412">
        <v>347535.71269999997</v>
      </c>
      <c r="N4412">
        <v>93228.560639999996</v>
      </c>
      <c r="O4412">
        <v>24773.127339999999</v>
      </c>
      <c r="P4412">
        <v>37609.442369999997</v>
      </c>
      <c r="Q4412">
        <v>104388.78260000001</v>
      </c>
      <c r="R4412">
        <v>25749.02377</v>
      </c>
      <c r="S4412">
        <v>110293.4094</v>
      </c>
      <c r="T4412">
        <v>30635.016319999999</v>
      </c>
      <c r="U4412">
        <v>21574.0553</v>
      </c>
      <c r="W4412" s="83">
        <f>Bühler!N4444</f>
        <v>45475.749999989304</v>
      </c>
      <c r="X4412" s="83">
        <v>43284.75</v>
      </c>
      <c r="Y4412">
        <v>274378.10340000002</v>
      </c>
      <c r="Z4412">
        <v>32826.212030000002</v>
      </c>
      <c r="AA4412">
        <v>106371.3273</v>
      </c>
      <c r="AB4412">
        <v>45954.672440000002</v>
      </c>
      <c r="AC4412">
        <v>47497.73431</v>
      </c>
      <c r="AD4412">
        <v>37280.533170000002</v>
      </c>
      <c r="AE4412">
        <v>51914.940029999998</v>
      </c>
      <c r="AF4412">
        <v>57566.341840000001</v>
      </c>
      <c r="AG4412">
        <v>31439.584760000002</v>
      </c>
      <c r="AH4412">
        <v>347535.71269999997</v>
      </c>
      <c r="AI4412">
        <v>93228.560639999996</v>
      </c>
      <c r="AJ4412">
        <v>24773.127339999999</v>
      </c>
      <c r="AK4412">
        <v>37609.442369999997</v>
      </c>
      <c r="AL4412">
        <v>104388.78260000001</v>
      </c>
      <c r="AM4412">
        <v>25749.02377</v>
      </c>
      <c r="AN4412">
        <v>110293.4094</v>
      </c>
      <c r="AO4412">
        <v>30635.016319999999</v>
      </c>
      <c r="AP4412">
        <v>21574.0553</v>
      </c>
    </row>
    <row r="4413" spans="2:42" x14ac:dyDescent="0.3">
      <c r="B4413">
        <v>67.216562141420653</v>
      </c>
      <c r="C4413" s="83">
        <v>43284.791666666664</v>
      </c>
      <c r="D4413">
        <v>267156.93939999997</v>
      </c>
      <c r="E4413">
        <v>26899.206579999998</v>
      </c>
      <c r="F4413">
        <v>94922.865829999995</v>
      </c>
      <c r="G4413">
        <v>41926.57129</v>
      </c>
      <c r="H4413">
        <v>44697.867550000003</v>
      </c>
      <c r="I4413">
        <v>35231.528590000002</v>
      </c>
      <c r="J4413">
        <v>50383.922879999998</v>
      </c>
      <c r="K4413">
        <v>58246.217729999997</v>
      </c>
      <c r="L4413">
        <v>31842.984830000001</v>
      </c>
      <c r="M4413">
        <v>342701.37969999999</v>
      </c>
      <c r="N4413">
        <v>90588.219790000003</v>
      </c>
      <c r="O4413">
        <v>23236.324830000001</v>
      </c>
      <c r="P4413">
        <v>38700.505019999997</v>
      </c>
      <c r="Q4413">
        <v>101656.0344</v>
      </c>
      <c r="R4413">
        <v>23958.502390000001</v>
      </c>
      <c r="S4413">
        <v>104438.7206</v>
      </c>
      <c r="T4413">
        <v>30254.901999999998</v>
      </c>
      <c r="U4413">
        <v>20926.370350000001</v>
      </c>
      <c r="W4413" s="83">
        <f>Bühler!N4445</f>
        <v>45475.791666655969</v>
      </c>
      <c r="X4413" s="83">
        <v>43284.791666666664</v>
      </c>
      <c r="Y4413">
        <v>267156.93939999997</v>
      </c>
      <c r="Z4413">
        <v>26899.206579999998</v>
      </c>
      <c r="AA4413">
        <v>94922.865829999995</v>
      </c>
      <c r="AB4413">
        <v>41926.57129</v>
      </c>
      <c r="AC4413">
        <v>44697.867550000003</v>
      </c>
      <c r="AD4413">
        <v>35231.528590000002</v>
      </c>
      <c r="AE4413">
        <v>50383.922879999998</v>
      </c>
      <c r="AF4413">
        <v>58246.217729999997</v>
      </c>
      <c r="AG4413">
        <v>31842.984830000001</v>
      </c>
      <c r="AH4413">
        <v>342701.37969999999</v>
      </c>
      <c r="AI4413">
        <v>90588.219790000003</v>
      </c>
      <c r="AJ4413">
        <v>23236.324830000001</v>
      </c>
      <c r="AK4413">
        <v>38700.505019999997</v>
      </c>
      <c r="AL4413">
        <v>101656.0344</v>
      </c>
      <c r="AM4413">
        <v>23958.502390000001</v>
      </c>
      <c r="AN4413">
        <v>104438.7206</v>
      </c>
      <c r="AO4413">
        <v>30254.901999999998</v>
      </c>
      <c r="AP4413">
        <v>20926.370350000001</v>
      </c>
    </row>
    <row r="4414" spans="2:42" x14ac:dyDescent="0.3">
      <c r="B4414">
        <v>65.306267820194591</v>
      </c>
      <c r="C4414" s="83">
        <v>43284.833333333336</v>
      </c>
      <c r="D4414">
        <v>256062.03339999999</v>
      </c>
      <c r="E4414">
        <v>20449.985069999999</v>
      </c>
      <c r="F4414">
        <v>77211.785529999994</v>
      </c>
      <c r="G4414">
        <v>38470.847990000002</v>
      </c>
      <c r="H4414">
        <v>41390.360240000002</v>
      </c>
      <c r="I4414">
        <v>31709.312389999999</v>
      </c>
      <c r="J4414">
        <v>47984.1204</v>
      </c>
      <c r="K4414">
        <v>56484.877699999997</v>
      </c>
      <c r="L4414">
        <v>30507.513849999999</v>
      </c>
      <c r="M4414">
        <v>332961.80839999998</v>
      </c>
      <c r="N4414">
        <v>86018.243480000005</v>
      </c>
      <c r="O4414">
        <v>21639.909729999999</v>
      </c>
      <c r="P4414">
        <v>38291.36853</v>
      </c>
      <c r="Q4414">
        <v>98823.150970000002</v>
      </c>
      <c r="R4414">
        <v>21915.040420000001</v>
      </c>
      <c r="S4414">
        <v>95414.656270000007</v>
      </c>
      <c r="T4414">
        <v>28725.291700000002</v>
      </c>
      <c r="U4414">
        <v>20468.43044</v>
      </c>
      <c r="W4414" s="83">
        <f>Bühler!N4446</f>
        <v>45475.833333322633</v>
      </c>
      <c r="X4414" s="83">
        <v>43284.833333333336</v>
      </c>
      <c r="Y4414">
        <v>256062.03339999999</v>
      </c>
      <c r="Z4414">
        <v>20449.985069999999</v>
      </c>
      <c r="AA4414">
        <v>77211.785529999994</v>
      </c>
      <c r="AB4414">
        <v>38470.847990000002</v>
      </c>
      <c r="AC4414">
        <v>41390.360240000002</v>
      </c>
      <c r="AD4414">
        <v>31709.312389999999</v>
      </c>
      <c r="AE4414">
        <v>47984.1204</v>
      </c>
      <c r="AF4414">
        <v>56484.877699999997</v>
      </c>
      <c r="AG4414">
        <v>30507.513849999999</v>
      </c>
      <c r="AH4414">
        <v>332961.80839999998</v>
      </c>
      <c r="AI4414">
        <v>86018.243480000005</v>
      </c>
      <c r="AJ4414">
        <v>21639.909729999999</v>
      </c>
      <c r="AK4414">
        <v>38291.36853</v>
      </c>
      <c r="AL4414">
        <v>98823.150970000002</v>
      </c>
      <c r="AM4414">
        <v>21915.040420000001</v>
      </c>
      <c r="AN4414">
        <v>95414.656270000007</v>
      </c>
      <c r="AO4414">
        <v>28725.291700000002</v>
      </c>
      <c r="AP4414">
        <v>20468.43044</v>
      </c>
    </row>
    <row r="4415" spans="2:42" x14ac:dyDescent="0.3">
      <c r="B4415">
        <v>62.489370632541238</v>
      </c>
      <c r="C4415" s="83">
        <v>43284.875</v>
      </c>
      <c r="D4415">
        <v>247541.50580000001</v>
      </c>
      <c r="E4415">
        <v>17202.08495</v>
      </c>
      <c r="F4415">
        <v>67620.83511</v>
      </c>
      <c r="G4415">
        <v>36683.516219999998</v>
      </c>
      <c r="H4415">
        <v>38899.30459</v>
      </c>
      <c r="I4415">
        <v>27067.731879999999</v>
      </c>
      <c r="J4415">
        <v>46705.716419999997</v>
      </c>
      <c r="K4415">
        <v>56228.911260000001</v>
      </c>
      <c r="L4415">
        <v>28554.510439999998</v>
      </c>
      <c r="M4415">
        <v>318599.95289999997</v>
      </c>
      <c r="N4415">
        <v>83033.363440000001</v>
      </c>
      <c r="O4415">
        <v>19973.874240000001</v>
      </c>
      <c r="P4415">
        <v>36674.107400000001</v>
      </c>
      <c r="Q4415">
        <v>95960.048460000005</v>
      </c>
      <c r="R4415">
        <v>20761.86836</v>
      </c>
      <c r="S4415">
        <v>89619.364480000004</v>
      </c>
      <c r="T4415">
        <v>26318.100210000001</v>
      </c>
      <c r="U4415">
        <v>19728.692620000002</v>
      </c>
      <c r="W4415" s="83">
        <f>Bühler!N4447</f>
        <v>45475.874999989297</v>
      </c>
      <c r="X4415" s="83">
        <v>43284.875</v>
      </c>
      <c r="Y4415">
        <v>247541.50580000001</v>
      </c>
      <c r="Z4415">
        <v>17202.08495</v>
      </c>
      <c r="AA4415">
        <v>67620.83511</v>
      </c>
      <c r="AB4415">
        <v>36683.516219999998</v>
      </c>
      <c r="AC4415">
        <v>38899.30459</v>
      </c>
      <c r="AD4415">
        <v>27067.731879999999</v>
      </c>
      <c r="AE4415">
        <v>46705.716419999997</v>
      </c>
      <c r="AF4415">
        <v>56228.911260000001</v>
      </c>
      <c r="AG4415">
        <v>28554.510439999998</v>
      </c>
      <c r="AH4415">
        <v>318599.95289999997</v>
      </c>
      <c r="AI4415">
        <v>83033.363440000001</v>
      </c>
      <c r="AJ4415">
        <v>19973.874240000001</v>
      </c>
      <c r="AK4415">
        <v>36674.107400000001</v>
      </c>
      <c r="AL4415">
        <v>95960.048460000005</v>
      </c>
      <c r="AM4415">
        <v>20761.86836</v>
      </c>
      <c r="AN4415">
        <v>89619.364480000004</v>
      </c>
      <c r="AO4415">
        <v>26318.100210000001</v>
      </c>
      <c r="AP4415">
        <v>19728.692620000002</v>
      </c>
    </row>
    <row r="4416" spans="2:42" x14ac:dyDescent="0.3">
      <c r="B4416">
        <v>61.233696362944237</v>
      </c>
      <c r="C4416" s="83">
        <v>43284.916666666664</v>
      </c>
      <c r="D4416">
        <v>245884.5595</v>
      </c>
      <c r="E4416">
        <v>16302.239439999999</v>
      </c>
      <c r="F4416">
        <v>63770.459349999997</v>
      </c>
      <c r="G4416">
        <v>36284.314539999999</v>
      </c>
      <c r="H4416">
        <v>39438.013630000001</v>
      </c>
      <c r="I4416">
        <v>24869.095209999999</v>
      </c>
      <c r="J4416">
        <v>47042.48072</v>
      </c>
      <c r="K4416">
        <v>59227.669349999996</v>
      </c>
      <c r="L4416">
        <v>25716.669279999998</v>
      </c>
      <c r="M4416">
        <v>312197.9399</v>
      </c>
      <c r="N4416">
        <v>81459.191749999998</v>
      </c>
      <c r="O4416">
        <v>19357.616269999999</v>
      </c>
      <c r="P4416">
        <v>39501.49121</v>
      </c>
      <c r="Q4416">
        <v>93675.182190000007</v>
      </c>
      <c r="R4416">
        <v>22086.559130000001</v>
      </c>
      <c r="S4416">
        <v>87814.203750000001</v>
      </c>
      <c r="T4416">
        <v>23116.1927</v>
      </c>
      <c r="U4416">
        <v>20070.734339999999</v>
      </c>
      <c r="W4416" s="83">
        <f>Bühler!N4448</f>
        <v>45475.916666655961</v>
      </c>
      <c r="X4416" s="83">
        <v>43284.916666666664</v>
      </c>
      <c r="Y4416">
        <v>245884.5595</v>
      </c>
      <c r="Z4416">
        <v>16302.239439999999</v>
      </c>
      <c r="AA4416">
        <v>63770.459349999997</v>
      </c>
      <c r="AB4416">
        <v>36284.314539999999</v>
      </c>
      <c r="AC4416">
        <v>39438.013630000001</v>
      </c>
      <c r="AD4416">
        <v>24869.095209999999</v>
      </c>
      <c r="AE4416">
        <v>47042.48072</v>
      </c>
      <c r="AF4416">
        <v>59227.669349999996</v>
      </c>
      <c r="AG4416">
        <v>25716.669279999998</v>
      </c>
      <c r="AH4416">
        <v>312197.9399</v>
      </c>
      <c r="AI4416">
        <v>81459.191749999998</v>
      </c>
      <c r="AJ4416">
        <v>19357.616269999999</v>
      </c>
      <c r="AK4416">
        <v>39501.49121</v>
      </c>
      <c r="AL4416">
        <v>93675.182190000007</v>
      </c>
      <c r="AM4416">
        <v>22086.559130000001</v>
      </c>
      <c r="AN4416">
        <v>87814.203750000001</v>
      </c>
      <c r="AO4416">
        <v>23116.1927</v>
      </c>
      <c r="AP4416">
        <v>20070.734339999999</v>
      </c>
    </row>
    <row r="4417" spans="2:42" x14ac:dyDescent="0.3">
      <c r="B4417">
        <v>59.808558466042278</v>
      </c>
      <c r="C4417" s="83">
        <v>43284.958333333336</v>
      </c>
      <c r="D4417">
        <v>243775.14660000001</v>
      </c>
      <c r="E4417">
        <v>15605.984640000001</v>
      </c>
      <c r="F4417">
        <v>60947.323369999998</v>
      </c>
      <c r="G4417">
        <v>35575.17568</v>
      </c>
      <c r="H4417">
        <v>38680.717369999998</v>
      </c>
      <c r="I4417">
        <v>23784.790969999998</v>
      </c>
      <c r="J4417">
        <v>41971.961040000002</v>
      </c>
      <c r="K4417">
        <v>57162.970350000003</v>
      </c>
      <c r="L4417">
        <v>21340.177159999999</v>
      </c>
      <c r="M4417">
        <v>304931.92229999998</v>
      </c>
      <c r="N4417">
        <v>80345.202929999999</v>
      </c>
      <c r="O4417">
        <v>18484.510549999999</v>
      </c>
      <c r="P4417">
        <v>34105.916649999999</v>
      </c>
      <c r="Q4417">
        <v>86528.330480000004</v>
      </c>
      <c r="R4417">
        <v>22461.447749999999</v>
      </c>
      <c r="S4417">
        <v>84842.868740000005</v>
      </c>
      <c r="T4417">
        <v>20710.38651</v>
      </c>
      <c r="U4417">
        <v>19087.75491</v>
      </c>
      <c r="W4417" s="83">
        <f>Bühler!N4449</f>
        <v>45475.958333322626</v>
      </c>
      <c r="X4417" s="83">
        <v>43284.958333333336</v>
      </c>
      <c r="Y4417">
        <v>243775.14660000001</v>
      </c>
      <c r="Z4417">
        <v>15605.984640000001</v>
      </c>
      <c r="AA4417">
        <v>60947.323369999998</v>
      </c>
      <c r="AB4417">
        <v>35575.17568</v>
      </c>
      <c r="AC4417">
        <v>38680.717369999998</v>
      </c>
      <c r="AD4417">
        <v>23784.790969999998</v>
      </c>
      <c r="AE4417">
        <v>41971.961040000002</v>
      </c>
      <c r="AF4417">
        <v>57162.970350000003</v>
      </c>
      <c r="AG4417">
        <v>21340.177159999999</v>
      </c>
      <c r="AH4417">
        <v>304931.92229999998</v>
      </c>
      <c r="AI4417">
        <v>80345.202929999999</v>
      </c>
      <c r="AJ4417">
        <v>18484.510549999999</v>
      </c>
      <c r="AK4417">
        <v>34105.916649999999</v>
      </c>
      <c r="AL4417">
        <v>86528.330480000004</v>
      </c>
      <c r="AM4417">
        <v>22461.447749999999</v>
      </c>
      <c r="AN4417">
        <v>84842.868740000005</v>
      </c>
      <c r="AO4417">
        <v>20710.38651</v>
      </c>
      <c r="AP4417">
        <v>19087.75491</v>
      </c>
    </row>
    <row r="4418" spans="2:42" x14ac:dyDescent="0.3">
      <c r="B4418">
        <v>58.999631207650687</v>
      </c>
      <c r="C4418" s="83">
        <v>43285</v>
      </c>
      <c r="D4418">
        <v>242429.46160000001</v>
      </c>
      <c r="E4418">
        <v>14660.86154</v>
      </c>
      <c r="F4418">
        <v>58352.95147</v>
      </c>
      <c r="G4418">
        <v>34896.966590000004</v>
      </c>
      <c r="H4418">
        <v>37596.333330000001</v>
      </c>
      <c r="I4418">
        <v>21758.383290000002</v>
      </c>
      <c r="J4418">
        <v>37246.41906</v>
      </c>
      <c r="K4418">
        <v>53987.624450000003</v>
      </c>
      <c r="L4418">
        <v>18786.941009999999</v>
      </c>
      <c r="M4418">
        <v>300807.63390000002</v>
      </c>
      <c r="N4418">
        <v>78659.621759999995</v>
      </c>
      <c r="O4418">
        <v>18121.711439999999</v>
      </c>
      <c r="P4418">
        <v>30052.692179999998</v>
      </c>
      <c r="Q4418">
        <v>86291.87096</v>
      </c>
      <c r="R4418">
        <v>18008.199560000001</v>
      </c>
      <c r="S4418">
        <v>82626.876759999999</v>
      </c>
      <c r="T4418">
        <v>19296.1957</v>
      </c>
      <c r="U4418">
        <v>18874.137910000001</v>
      </c>
      <c r="W4418" s="83">
        <f>Bühler!N4450</f>
        <v>45475.99999998929</v>
      </c>
      <c r="X4418" s="83">
        <v>43285</v>
      </c>
      <c r="Y4418">
        <v>242429.46160000001</v>
      </c>
      <c r="Z4418">
        <v>14660.86154</v>
      </c>
      <c r="AA4418">
        <v>58352.95147</v>
      </c>
      <c r="AB4418">
        <v>34896.966590000004</v>
      </c>
      <c r="AC4418">
        <v>37596.333330000001</v>
      </c>
      <c r="AD4418">
        <v>21758.383290000002</v>
      </c>
      <c r="AE4418">
        <v>37246.41906</v>
      </c>
      <c r="AF4418">
        <v>53987.624450000003</v>
      </c>
      <c r="AG4418">
        <v>18786.941009999999</v>
      </c>
      <c r="AH4418">
        <v>300807.63390000002</v>
      </c>
      <c r="AI4418">
        <v>78659.621759999995</v>
      </c>
      <c r="AJ4418">
        <v>18121.711439999999</v>
      </c>
      <c r="AK4418">
        <v>30052.692179999998</v>
      </c>
      <c r="AL4418">
        <v>86291.87096</v>
      </c>
      <c r="AM4418">
        <v>18008.199560000001</v>
      </c>
      <c r="AN4418">
        <v>82626.876759999999</v>
      </c>
      <c r="AO4418">
        <v>19296.1957</v>
      </c>
      <c r="AP4418">
        <v>18874.137910000001</v>
      </c>
    </row>
    <row r="4419" spans="2:42" x14ac:dyDescent="0.3">
      <c r="B4419">
        <v>58.54075370545997</v>
      </c>
      <c r="C4419" s="83">
        <v>43285.041666666664</v>
      </c>
      <c r="D4419">
        <v>241378.80799999999</v>
      </c>
      <c r="E4419">
        <v>14303.048339999999</v>
      </c>
      <c r="F4419">
        <v>57697.36565</v>
      </c>
      <c r="G4419">
        <v>34164.010370000004</v>
      </c>
      <c r="H4419">
        <v>36941.131269999998</v>
      </c>
      <c r="I4419">
        <v>17613.49655</v>
      </c>
      <c r="J4419">
        <v>36491.623890000003</v>
      </c>
      <c r="K4419">
        <v>52385.209329999998</v>
      </c>
      <c r="L4419">
        <v>18382.765719999999</v>
      </c>
      <c r="M4419">
        <v>298468.0624</v>
      </c>
      <c r="N4419">
        <v>77481.80416</v>
      </c>
      <c r="O4419">
        <v>18262.06667</v>
      </c>
      <c r="P4419">
        <v>27989.22263</v>
      </c>
      <c r="Q4419">
        <v>87302.687210000004</v>
      </c>
      <c r="R4419">
        <v>16036.683940000001</v>
      </c>
      <c r="S4419">
        <v>80849.938869999998</v>
      </c>
      <c r="T4419">
        <v>18707.45968</v>
      </c>
      <c r="U4419">
        <v>18498.79291</v>
      </c>
      <c r="W4419" s="83">
        <f>Bühler!N4451</f>
        <v>45476.041666655954</v>
      </c>
      <c r="X4419" s="83">
        <v>43285.041666666664</v>
      </c>
      <c r="Y4419">
        <v>241378.80799999999</v>
      </c>
      <c r="Z4419">
        <v>14303.048339999999</v>
      </c>
      <c r="AA4419">
        <v>57697.36565</v>
      </c>
      <c r="AB4419">
        <v>34164.010370000004</v>
      </c>
      <c r="AC4419">
        <v>36941.131269999998</v>
      </c>
      <c r="AD4419">
        <v>17613.49655</v>
      </c>
      <c r="AE4419">
        <v>36491.623890000003</v>
      </c>
      <c r="AF4419">
        <v>52385.209329999998</v>
      </c>
      <c r="AG4419">
        <v>18382.765719999999</v>
      </c>
      <c r="AH4419">
        <v>298468.0624</v>
      </c>
      <c r="AI4419">
        <v>77481.80416</v>
      </c>
      <c r="AJ4419">
        <v>18262.06667</v>
      </c>
      <c r="AK4419">
        <v>27989.22263</v>
      </c>
      <c r="AL4419">
        <v>87302.687210000004</v>
      </c>
      <c r="AM4419">
        <v>16036.683940000001</v>
      </c>
      <c r="AN4419">
        <v>80849.938869999998</v>
      </c>
      <c r="AO4419">
        <v>18707.45968</v>
      </c>
      <c r="AP4419">
        <v>18498.79291</v>
      </c>
    </row>
    <row r="4420" spans="2:42" x14ac:dyDescent="0.3">
      <c r="B4420">
        <v>59.229848437946217</v>
      </c>
      <c r="C4420" s="83">
        <v>43285.083333333336</v>
      </c>
      <c r="D4420">
        <v>242227.8567</v>
      </c>
      <c r="E4420">
        <v>14255.372100000001</v>
      </c>
      <c r="F4420">
        <v>58421.88594</v>
      </c>
      <c r="G4420">
        <v>33299.238060000003</v>
      </c>
      <c r="H4420">
        <v>36282.591359999999</v>
      </c>
      <c r="I4420">
        <v>15700.221089999999</v>
      </c>
      <c r="J4420">
        <v>35284.88953</v>
      </c>
      <c r="K4420">
        <v>52173.605810000001</v>
      </c>
      <c r="L4420">
        <v>17741.013610000002</v>
      </c>
      <c r="M4420">
        <v>301981.38870000001</v>
      </c>
      <c r="N4420">
        <v>77374.598740000001</v>
      </c>
      <c r="O4420">
        <v>17572.151720000002</v>
      </c>
      <c r="P4420">
        <v>26744.406419999999</v>
      </c>
      <c r="Q4420">
        <v>91023.795320000005</v>
      </c>
      <c r="R4420">
        <v>16393.565070000001</v>
      </c>
      <c r="S4420">
        <v>79034.484930000006</v>
      </c>
      <c r="T4420">
        <v>18079.229449999999</v>
      </c>
      <c r="U4420">
        <v>18181.609209999999</v>
      </c>
      <c r="W4420" s="83">
        <f>Bühler!N4452</f>
        <v>45476.083333322618</v>
      </c>
      <c r="X4420" s="83">
        <v>43285.083333333336</v>
      </c>
      <c r="Y4420">
        <v>242227.8567</v>
      </c>
      <c r="Z4420">
        <v>14255.372100000001</v>
      </c>
      <c r="AA4420">
        <v>58421.88594</v>
      </c>
      <c r="AB4420">
        <v>33299.238060000003</v>
      </c>
      <c r="AC4420">
        <v>36282.591359999999</v>
      </c>
      <c r="AD4420">
        <v>15700.221089999999</v>
      </c>
      <c r="AE4420">
        <v>35284.88953</v>
      </c>
      <c r="AF4420">
        <v>52173.605810000001</v>
      </c>
      <c r="AG4420">
        <v>17741.013610000002</v>
      </c>
      <c r="AH4420">
        <v>301981.38870000001</v>
      </c>
      <c r="AI4420">
        <v>77374.598740000001</v>
      </c>
      <c r="AJ4420">
        <v>17572.151720000002</v>
      </c>
      <c r="AK4420">
        <v>26744.406419999999</v>
      </c>
      <c r="AL4420">
        <v>91023.795320000005</v>
      </c>
      <c r="AM4420">
        <v>16393.565070000001</v>
      </c>
      <c r="AN4420">
        <v>79034.484930000006</v>
      </c>
      <c r="AO4420">
        <v>18079.229449999999</v>
      </c>
      <c r="AP4420">
        <v>18181.609209999999</v>
      </c>
    </row>
    <row r="4421" spans="2:42" x14ac:dyDescent="0.3">
      <c r="B4421">
        <v>59.976559025926626</v>
      </c>
      <c r="C4421" s="83">
        <v>43285.125</v>
      </c>
      <c r="D4421">
        <v>241457.5907</v>
      </c>
      <c r="E4421">
        <v>14116.872380000001</v>
      </c>
      <c r="F4421">
        <v>59643.157140000003</v>
      </c>
      <c r="G4421">
        <v>32709.0527</v>
      </c>
      <c r="H4421">
        <v>36135.490389999999</v>
      </c>
      <c r="I4421">
        <v>15156.798769999999</v>
      </c>
      <c r="J4421">
        <v>34968.554270000001</v>
      </c>
      <c r="K4421">
        <v>50020.624799999998</v>
      </c>
      <c r="L4421">
        <v>17660.378339999999</v>
      </c>
      <c r="M4421">
        <v>305788.46750000003</v>
      </c>
      <c r="N4421">
        <v>76289.92426</v>
      </c>
      <c r="O4421">
        <v>17756.533660000001</v>
      </c>
      <c r="P4421">
        <v>25278.480350000002</v>
      </c>
      <c r="Q4421">
        <v>95005.549270000003</v>
      </c>
      <c r="R4421">
        <v>15993.222690000001</v>
      </c>
      <c r="S4421">
        <v>77873.101209999993</v>
      </c>
      <c r="T4421">
        <v>17786.748500000002</v>
      </c>
      <c r="U4421">
        <v>17793.474590000002</v>
      </c>
      <c r="W4421" s="83">
        <f>Bühler!N4453</f>
        <v>45476.124999989283</v>
      </c>
      <c r="X4421" s="83">
        <v>43285.125</v>
      </c>
      <c r="Y4421">
        <v>241457.5907</v>
      </c>
      <c r="Z4421">
        <v>14116.872380000001</v>
      </c>
      <c r="AA4421">
        <v>59643.157140000003</v>
      </c>
      <c r="AB4421">
        <v>32709.0527</v>
      </c>
      <c r="AC4421">
        <v>36135.490389999999</v>
      </c>
      <c r="AD4421">
        <v>15156.798769999999</v>
      </c>
      <c r="AE4421">
        <v>34968.554270000001</v>
      </c>
      <c r="AF4421">
        <v>50020.624799999998</v>
      </c>
      <c r="AG4421">
        <v>17660.378339999999</v>
      </c>
      <c r="AH4421">
        <v>305788.46750000003</v>
      </c>
      <c r="AI4421">
        <v>76289.92426</v>
      </c>
      <c r="AJ4421">
        <v>17756.533660000001</v>
      </c>
      <c r="AK4421">
        <v>25278.480350000002</v>
      </c>
      <c r="AL4421">
        <v>95005.549270000003</v>
      </c>
      <c r="AM4421">
        <v>15993.222690000001</v>
      </c>
      <c r="AN4421">
        <v>77873.101209999993</v>
      </c>
      <c r="AO4421">
        <v>17786.748500000002</v>
      </c>
      <c r="AP4421">
        <v>17793.474590000002</v>
      </c>
    </row>
    <row r="4422" spans="2:42" x14ac:dyDescent="0.3">
      <c r="B4422">
        <v>61.405367928724203</v>
      </c>
      <c r="C4422" s="83">
        <v>43285.166666666664</v>
      </c>
      <c r="D4422">
        <v>243834.87549999999</v>
      </c>
      <c r="E4422">
        <v>14615.88126</v>
      </c>
      <c r="F4422">
        <v>62707.472410000002</v>
      </c>
      <c r="G4422">
        <v>31555.688819999999</v>
      </c>
      <c r="H4422">
        <v>36621.981690000001</v>
      </c>
      <c r="I4422">
        <v>16506.651269999998</v>
      </c>
      <c r="J4422">
        <v>36845.490429999998</v>
      </c>
      <c r="K4422">
        <v>49132.102729999999</v>
      </c>
      <c r="L4422">
        <v>17067.292969999999</v>
      </c>
      <c r="M4422">
        <v>313073.20159999997</v>
      </c>
      <c r="N4422">
        <v>75270.754860000001</v>
      </c>
      <c r="O4422">
        <v>18204.414199999999</v>
      </c>
      <c r="P4422">
        <v>24829.973180000001</v>
      </c>
      <c r="Q4422">
        <v>98909.535529999994</v>
      </c>
      <c r="R4422">
        <v>16057.53242</v>
      </c>
      <c r="S4422">
        <v>77503.882169999997</v>
      </c>
      <c r="T4422">
        <v>17879.207689999999</v>
      </c>
      <c r="U4422">
        <v>17749.6155</v>
      </c>
      <c r="W4422" s="83">
        <f>Bühler!N4454</f>
        <v>45476.166666655947</v>
      </c>
      <c r="X4422" s="83">
        <v>43285.166666666664</v>
      </c>
      <c r="Y4422">
        <v>243834.87549999999</v>
      </c>
      <c r="Z4422">
        <v>14615.88126</v>
      </c>
      <c r="AA4422">
        <v>62707.472410000002</v>
      </c>
      <c r="AB4422">
        <v>31555.688819999999</v>
      </c>
      <c r="AC4422">
        <v>36621.981690000001</v>
      </c>
      <c r="AD4422">
        <v>16506.651269999998</v>
      </c>
      <c r="AE4422">
        <v>36845.490429999998</v>
      </c>
      <c r="AF4422">
        <v>49132.102729999999</v>
      </c>
      <c r="AG4422">
        <v>17067.292969999999</v>
      </c>
      <c r="AH4422">
        <v>313073.20159999997</v>
      </c>
      <c r="AI4422">
        <v>75270.754860000001</v>
      </c>
      <c r="AJ4422">
        <v>18204.414199999999</v>
      </c>
      <c r="AK4422">
        <v>24829.973180000001</v>
      </c>
      <c r="AL4422">
        <v>98909.535529999994</v>
      </c>
      <c r="AM4422">
        <v>16057.53242</v>
      </c>
      <c r="AN4422">
        <v>77503.882169999997</v>
      </c>
      <c r="AO4422">
        <v>17879.207689999999</v>
      </c>
      <c r="AP4422">
        <v>17749.6155</v>
      </c>
    </row>
    <row r="4423" spans="2:42" x14ac:dyDescent="0.3">
      <c r="B4423">
        <v>63.748776239902199</v>
      </c>
      <c r="C4423" s="83">
        <v>43285.208333333336</v>
      </c>
      <c r="D4423">
        <v>258282.20240000001</v>
      </c>
      <c r="E4423">
        <v>16266.230240000001</v>
      </c>
      <c r="F4423">
        <v>71953.402600000001</v>
      </c>
      <c r="G4423">
        <v>32785.941850000003</v>
      </c>
      <c r="H4423">
        <v>37831.239439999998</v>
      </c>
      <c r="I4423">
        <v>22642.373589999999</v>
      </c>
      <c r="J4423">
        <v>39449.923190000001</v>
      </c>
      <c r="K4423">
        <v>50939.575149999997</v>
      </c>
      <c r="L4423">
        <v>17524.17655</v>
      </c>
      <c r="M4423">
        <v>325020.99</v>
      </c>
      <c r="N4423">
        <v>76217.085269999996</v>
      </c>
      <c r="O4423">
        <v>19456.250240000001</v>
      </c>
      <c r="P4423">
        <v>26591.635569999999</v>
      </c>
      <c r="Q4423">
        <v>101389.4785</v>
      </c>
      <c r="R4423">
        <v>18129.156220000001</v>
      </c>
      <c r="S4423">
        <v>79203.463300000003</v>
      </c>
      <c r="T4423">
        <v>19087.810460000001</v>
      </c>
      <c r="U4423">
        <v>19701.796979999999</v>
      </c>
      <c r="W4423" s="83">
        <f>Bühler!N4455</f>
        <v>45476.208333322611</v>
      </c>
      <c r="X4423" s="83">
        <v>43285.208333333336</v>
      </c>
      <c r="Y4423">
        <v>258282.20240000001</v>
      </c>
      <c r="Z4423">
        <v>16266.230240000001</v>
      </c>
      <c r="AA4423">
        <v>71953.402600000001</v>
      </c>
      <c r="AB4423">
        <v>32785.941850000003</v>
      </c>
      <c r="AC4423">
        <v>37831.239439999998</v>
      </c>
      <c r="AD4423">
        <v>22642.373589999999</v>
      </c>
      <c r="AE4423">
        <v>39449.923190000001</v>
      </c>
      <c r="AF4423">
        <v>50939.575149999997</v>
      </c>
      <c r="AG4423">
        <v>17524.17655</v>
      </c>
      <c r="AH4423">
        <v>325020.99</v>
      </c>
      <c r="AI4423">
        <v>76217.085269999996</v>
      </c>
      <c r="AJ4423">
        <v>19456.250240000001</v>
      </c>
      <c r="AK4423">
        <v>26591.635569999999</v>
      </c>
      <c r="AL4423">
        <v>101389.4785</v>
      </c>
      <c r="AM4423">
        <v>18129.156220000001</v>
      </c>
      <c r="AN4423">
        <v>79203.463300000003</v>
      </c>
      <c r="AO4423">
        <v>19087.810460000001</v>
      </c>
      <c r="AP4423">
        <v>19701.796979999999</v>
      </c>
    </row>
    <row r="4424" spans="2:42" x14ac:dyDescent="0.3">
      <c r="B4424">
        <v>66.643740589973518</v>
      </c>
      <c r="C4424" s="83">
        <v>43285.25</v>
      </c>
      <c r="D4424">
        <v>272951.83590000001</v>
      </c>
      <c r="E4424">
        <v>20209.14546</v>
      </c>
      <c r="F4424">
        <v>82196.463319999995</v>
      </c>
      <c r="G4424">
        <v>38976.173369999997</v>
      </c>
      <c r="H4424">
        <v>39193.455650000004</v>
      </c>
      <c r="I4424">
        <v>27163.988130000002</v>
      </c>
      <c r="J4424">
        <v>42656.318339999998</v>
      </c>
      <c r="K4424">
        <v>51794.187879999998</v>
      </c>
      <c r="L4424">
        <v>18416.81681</v>
      </c>
      <c r="M4424">
        <v>339780.86829999997</v>
      </c>
      <c r="N4424">
        <v>77689.708249999996</v>
      </c>
      <c r="O4424">
        <v>20960.554110000001</v>
      </c>
      <c r="P4424">
        <v>27537.85802</v>
      </c>
      <c r="Q4424">
        <v>101667.4808</v>
      </c>
      <c r="R4424">
        <v>17870.53801</v>
      </c>
      <c r="S4424">
        <v>84942.890299999999</v>
      </c>
      <c r="T4424">
        <v>21006.228910000002</v>
      </c>
      <c r="U4424">
        <v>21802.241470000001</v>
      </c>
      <c r="W4424" s="83">
        <f>Bühler!N4456</f>
        <v>45476.249999989275</v>
      </c>
      <c r="X4424" s="83">
        <v>43285.25</v>
      </c>
      <c r="Y4424">
        <v>272951.83590000001</v>
      </c>
      <c r="Z4424">
        <v>20209.14546</v>
      </c>
      <c r="AA4424">
        <v>82196.463319999995</v>
      </c>
      <c r="AB4424">
        <v>38976.173369999997</v>
      </c>
      <c r="AC4424">
        <v>39193.455650000004</v>
      </c>
      <c r="AD4424">
        <v>27163.988130000002</v>
      </c>
      <c r="AE4424">
        <v>42656.318339999998</v>
      </c>
      <c r="AF4424">
        <v>51794.187879999998</v>
      </c>
      <c r="AG4424">
        <v>18416.81681</v>
      </c>
      <c r="AH4424">
        <v>339780.86829999997</v>
      </c>
      <c r="AI4424">
        <v>77689.708249999996</v>
      </c>
      <c r="AJ4424">
        <v>20960.554110000001</v>
      </c>
      <c r="AK4424">
        <v>27537.85802</v>
      </c>
      <c r="AL4424">
        <v>101667.4808</v>
      </c>
      <c r="AM4424">
        <v>17870.53801</v>
      </c>
      <c r="AN4424">
        <v>84942.890299999999</v>
      </c>
      <c r="AO4424">
        <v>21006.228910000002</v>
      </c>
      <c r="AP4424">
        <v>21802.241470000001</v>
      </c>
    </row>
    <row r="4425" spans="2:42" x14ac:dyDescent="0.3">
      <c r="B4425">
        <v>68.546590535292324</v>
      </c>
      <c r="C4425" s="83">
        <v>43285.291666666664</v>
      </c>
      <c r="D4425">
        <v>284725.12660000002</v>
      </c>
      <c r="E4425">
        <v>25027.435750000001</v>
      </c>
      <c r="F4425">
        <v>86432.616810000007</v>
      </c>
      <c r="G4425">
        <v>47254.369960000004</v>
      </c>
      <c r="H4425">
        <v>44203.408369999997</v>
      </c>
      <c r="I4425">
        <v>32714.386849999999</v>
      </c>
      <c r="J4425">
        <v>44482.425589999999</v>
      </c>
      <c r="K4425">
        <v>57518.88594</v>
      </c>
      <c r="L4425">
        <v>21683.695680000001</v>
      </c>
      <c r="M4425">
        <v>349482.48469999997</v>
      </c>
      <c r="N4425">
        <v>81877.086420000007</v>
      </c>
      <c r="O4425">
        <v>24325.537769999999</v>
      </c>
      <c r="P4425">
        <v>31083.116689999999</v>
      </c>
      <c r="Q4425">
        <v>101880.6299</v>
      </c>
      <c r="R4425">
        <v>19198.04592</v>
      </c>
      <c r="S4425">
        <v>99368.261499999993</v>
      </c>
      <c r="T4425">
        <v>24613.94051</v>
      </c>
      <c r="U4425">
        <v>25257.375260000001</v>
      </c>
      <c r="W4425" s="83">
        <f>Bühler!N4457</f>
        <v>45476.291666655939</v>
      </c>
      <c r="X4425" s="83">
        <v>43285.291666666664</v>
      </c>
      <c r="Y4425">
        <v>284725.12660000002</v>
      </c>
      <c r="Z4425">
        <v>25027.435750000001</v>
      </c>
      <c r="AA4425">
        <v>86432.616810000007</v>
      </c>
      <c r="AB4425">
        <v>47254.369960000004</v>
      </c>
      <c r="AC4425">
        <v>44203.408369999997</v>
      </c>
      <c r="AD4425">
        <v>32714.386849999999</v>
      </c>
      <c r="AE4425">
        <v>44482.425589999999</v>
      </c>
      <c r="AF4425">
        <v>57518.88594</v>
      </c>
      <c r="AG4425">
        <v>21683.695680000001</v>
      </c>
      <c r="AH4425">
        <v>349482.48469999997</v>
      </c>
      <c r="AI4425">
        <v>81877.086420000007</v>
      </c>
      <c r="AJ4425">
        <v>24325.537769999999</v>
      </c>
      <c r="AK4425">
        <v>31083.116689999999</v>
      </c>
      <c r="AL4425">
        <v>101880.6299</v>
      </c>
      <c r="AM4425">
        <v>19198.04592</v>
      </c>
      <c r="AN4425">
        <v>99368.261499999993</v>
      </c>
      <c r="AO4425">
        <v>24613.94051</v>
      </c>
      <c r="AP4425">
        <v>25257.375260000001</v>
      </c>
    </row>
    <row r="4426" spans="2:42" x14ac:dyDescent="0.3">
      <c r="B4426">
        <v>70.206237011796176</v>
      </c>
      <c r="C4426" s="83">
        <v>43285.333333333336</v>
      </c>
      <c r="D4426">
        <v>297500.01449999999</v>
      </c>
      <c r="E4426">
        <v>30897.111690000002</v>
      </c>
      <c r="F4426">
        <v>93954.726760000005</v>
      </c>
      <c r="G4426">
        <v>54789.454919999996</v>
      </c>
      <c r="H4426">
        <v>49698.366410000002</v>
      </c>
      <c r="I4426">
        <v>36631.729910000002</v>
      </c>
      <c r="J4426">
        <v>48536.217830000001</v>
      </c>
      <c r="K4426">
        <v>63321.656389999996</v>
      </c>
      <c r="L4426">
        <v>24977.773349999999</v>
      </c>
      <c r="M4426">
        <v>357944.13640000002</v>
      </c>
      <c r="N4426">
        <v>88818.885750000001</v>
      </c>
      <c r="O4426">
        <v>27200.033350000002</v>
      </c>
      <c r="P4426">
        <v>34084.875189999999</v>
      </c>
      <c r="Q4426">
        <v>104207.04300000001</v>
      </c>
      <c r="R4426">
        <v>22186.876530000001</v>
      </c>
      <c r="S4426">
        <v>112676.8367</v>
      </c>
      <c r="T4426">
        <v>28023.776829999999</v>
      </c>
      <c r="U4426">
        <v>29591.748790000001</v>
      </c>
      <c r="W4426" s="83">
        <f>Bühler!N4458</f>
        <v>45476.333333322604</v>
      </c>
      <c r="X4426" s="83">
        <v>43285.333333333336</v>
      </c>
      <c r="Y4426">
        <v>297500.01449999999</v>
      </c>
      <c r="Z4426">
        <v>30897.111690000002</v>
      </c>
      <c r="AA4426">
        <v>93954.726760000005</v>
      </c>
      <c r="AB4426">
        <v>54789.454919999996</v>
      </c>
      <c r="AC4426">
        <v>49698.366410000002</v>
      </c>
      <c r="AD4426">
        <v>36631.729910000002</v>
      </c>
      <c r="AE4426">
        <v>48536.217830000001</v>
      </c>
      <c r="AF4426">
        <v>63321.656389999996</v>
      </c>
      <c r="AG4426">
        <v>24977.773349999999</v>
      </c>
      <c r="AH4426">
        <v>357944.13640000002</v>
      </c>
      <c r="AI4426">
        <v>88818.885750000001</v>
      </c>
      <c r="AJ4426">
        <v>27200.033350000002</v>
      </c>
      <c r="AK4426">
        <v>34084.875189999999</v>
      </c>
      <c r="AL4426">
        <v>104207.04300000001</v>
      </c>
      <c r="AM4426">
        <v>22186.876530000001</v>
      </c>
      <c r="AN4426">
        <v>112676.8367</v>
      </c>
      <c r="AO4426">
        <v>28023.776829999999</v>
      </c>
      <c r="AP4426">
        <v>29591.748790000001</v>
      </c>
    </row>
    <row r="4427" spans="2:42" x14ac:dyDescent="0.3">
      <c r="B4427">
        <v>71.084145445390575</v>
      </c>
      <c r="C4427" s="83">
        <v>43285.375</v>
      </c>
      <c r="D4427">
        <v>300744.66840000002</v>
      </c>
      <c r="E4427">
        <v>35888.884169999998</v>
      </c>
      <c r="F4427">
        <v>103587.8196</v>
      </c>
      <c r="G4427">
        <v>60764.782590000003</v>
      </c>
      <c r="H4427">
        <v>53409.312530000003</v>
      </c>
      <c r="I4427">
        <v>38170.836569999999</v>
      </c>
      <c r="J4427">
        <v>49497.473429999998</v>
      </c>
      <c r="K4427">
        <v>66662.98977</v>
      </c>
      <c r="L4427">
        <v>29526.103279999999</v>
      </c>
      <c r="M4427">
        <v>362420.12300000002</v>
      </c>
      <c r="N4427">
        <v>94944.70693</v>
      </c>
      <c r="O4427">
        <v>27706.823079999998</v>
      </c>
      <c r="P4427">
        <v>36727.960290000003</v>
      </c>
      <c r="Q4427">
        <v>106982.04670000001</v>
      </c>
      <c r="R4427">
        <v>25213.195049999998</v>
      </c>
      <c r="S4427">
        <v>123116.21829999999</v>
      </c>
      <c r="T4427">
        <v>30756.619350000001</v>
      </c>
      <c r="U4427">
        <v>30694.07674</v>
      </c>
      <c r="W4427" s="83">
        <f>Bühler!N4459</f>
        <v>45476.374999989268</v>
      </c>
      <c r="X4427" s="83">
        <v>43285.375</v>
      </c>
      <c r="Y4427">
        <v>300744.66840000002</v>
      </c>
      <c r="Z4427">
        <v>35888.884169999998</v>
      </c>
      <c r="AA4427">
        <v>103587.8196</v>
      </c>
      <c r="AB4427">
        <v>60764.782590000003</v>
      </c>
      <c r="AC4427">
        <v>53409.312530000003</v>
      </c>
      <c r="AD4427">
        <v>38170.836569999999</v>
      </c>
      <c r="AE4427">
        <v>49497.473429999998</v>
      </c>
      <c r="AF4427">
        <v>66662.98977</v>
      </c>
      <c r="AG4427">
        <v>29526.103279999999</v>
      </c>
      <c r="AH4427">
        <v>362420.12300000002</v>
      </c>
      <c r="AI4427">
        <v>94944.70693</v>
      </c>
      <c r="AJ4427">
        <v>27706.823079999998</v>
      </c>
      <c r="AK4427">
        <v>36727.960290000003</v>
      </c>
      <c r="AL4427">
        <v>106982.04670000001</v>
      </c>
      <c r="AM4427">
        <v>25213.195049999998</v>
      </c>
      <c r="AN4427">
        <v>123116.21829999999</v>
      </c>
      <c r="AO4427">
        <v>30756.619350000001</v>
      </c>
      <c r="AP4427">
        <v>30694.07674</v>
      </c>
    </row>
    <row r="4428" spans="2:42" x14ac:dyDescent="0.3">
      <c r="B4428">
        <v>72.644178574284226</v>
      </c>
      <c r="C4428" s="83">
        <v>43285.416666666664</v>
      </c>
      <c r="D4428">
        <v>308462.98830000003</v>
      </c>
      <c r="E4428">
        <v>38616.103470000002</v>
      </c>
      <c r="F4428">
        <v>106406.5154</v>
      </c>
      <c r="G4428">
        <v>62657.282079999997</v>
      </c>
      <c r="H4428">
        <v>55312.114070000003</v>
      </c>
      <c r="I4428">
        <v>38019.05775</v>
      </c>
      <c r="J4428">
        <v>50291.107909999999</v>
      </c>
      <c r="K4428">
        <v>68460.309899999993</v>
      </c>
      <c r="L4428">
        <v>33118.959410000003</v>
      </c>
      <c r="M4428">
        <v>370373.89939999999</v>
      </c>
      <c r="N4428">
        <v>100733.35709999999</v>
      </c>
      <c r="O4428">
        <v>28737.752820000002</v>
      </c>
      <c r="P4428">
        <v>37984.755799999999</v>
      </c>
      <c r="Q4428">
        <v>109409.8838</v>
      </c>
      <c r="R4428">
        <v>26160.990150000001</v>
      </c>
      <c r="S4428">
        <v>127223.39810000001</v>
      </c>
      <c r="T4428">
        <v>32693.518459999999</v>
      </c>
      <c r="U4428">
        <v>30735.006109999998</v>
      </c>
      <c r="W4428" s="83">
        <f>Bühler!N4460</f>
        <v>45476.416666655932</v>
      </c>
      <c r="X4428" s="83">
        <v>43285.416666666664</v>
      </c>
      <c r="Y4428">
        <v>308462.98830000003</v>
      </c>
      <c r="Z4428">
        <v>38616.103470000002</v>
      </c>
      <c r="AA4428">
        <v>106406.5154</v>
      </c>
      <c r="AB4428">
        <v>62657.282079999997</v>
      </c>
      <c r="AC4428">
        <v>55312.114070000003</v>
      </c>
      <c r="AD4428">
        <v>38019.05775</v>
      </c>
      <c r="AE4428">
        <v>50291.107909999999</v>
      </c>
      <c r="AF4428">
        <v>68460.309899999993</v>
      </c>
      <c r="AG4428">
        <v>33118.959410000003</v>
      </c>
      <c r="AH4428">
        <v>370373.89939999999</v>
      </c>
      <c r="AI4428">
        <v>100733.35709999999</v>
      </c>
      <c r="AJ4428">
        <v>28737.752820000002</v>
      </c>
      <c r="AK4428">
        <v>37984.755799999999</v>
      </c>
      <c r="AL4428">
        <v>109409.8838</v>
      </c>
      <c r="AM4428">
        <v>26160.990150000001</v>
      </c>
      <c r="AN4428">
        <v>127223.39810000001</v>
      </c>
      <c r="AO4428">
        <v>32693.518459999999</v>
      </c>
      <c r="AP4428">
        <v>30735.006109999998</v>
      </c>
    </row>
    <row r="4429" spans="2:42" x14ac:dyDescent="0.3">
      <c r="B4429">
        <v>73.663677723906204</v>
      </c>
      <c r="C4429" s="83">
        <v>43285.458333333336</v>
      </c>
      <c r="D4429">
        <v>309478.41029999999</v>
      </c>
      <c r="E4429">
        <v>39147.925109999996</v>
      </c>
      <c r="F4429">
        <v>108331.73540000001</v>
      </c>
      <c r="G4429">
        <v>61645.459219999997</v>
      </c>
      <c r="H4429">
        <v>55815.8868</v>
      </c>
      <c r="I4429">
        <v>38037.137340000001</v>
      </c>
      <c r="J4429">
        <v>53864.278250000003</v>
      </c>
      <c r="K4429">
        <v>68635.830849999998</v>
      </c>
      <c r="L4429">
        <v>35769.477379999997</v>
      </c>
      <c r="M4429">
        <v>375571.78149999998</v>
      </c>
      <c r="N4429">
        <v>103442.448</v>
      </c>
      <c r="O4429">
        <v>29361.062440000002</v>
      </c>
      <c r="P4429">
        <v>38059.579189999997</v>
      </c>
      <c r="Q4429">
        <v>110933.01880000001</v>
      </c>
      <c r="R4429">
        <v>28757.587589999999</v>
      </c>
      <c r="S4429">
        <v>132421.29730000001</v>
      </c>
      <c r="T4429">
        <v>34018.711020000002</v>
      </c>
      <c r="U4429">
        <v>30141.421409999999</v>
      </c>
      <c r="W4429" s="83">
        <f>Bühler!N4461</f>
        <v>45476.458333322596</v>
      </c>
      <c r="X4429" s="83">
        <v>43285.458333333336</v>
      </c>
      <c r="Y4429">
        <v>309478.41029999999</v>
      </c>
      <c r="Z4429">
        <v>39147.925109999996</v>
      </c>
      <c r="AA4429">
        <v>108331.73540000001</v>
      </c>
      <c r="AB4429">
        <v>61645.459219999997</v>
      </c>
      <c r="AC4429">
        <v>55815.8868</v>
      </c>
      <c r="AD4429">
        <v>38037.137340000001</v>
      </c>
      <c r="AE4429">
        <v>53864.278250000003</v>
      </c>
      <c r="AF4429">
        <v>68635.830849999998</v>
      </c>
      <c r="AG4429">
        <v>35769.477379999997</v>
      </c>
      <c r="AH4429">
        <v>375571.78149999998</v>
      </c>
      <c r="AI4429">
        <v>103442.448</v>
      </c>
      <c r="AJ4429">
        <v>29361.062440000002</v>
      </c>
      <c r="AK4429">
        <v>38059.579189999997</v>
      </c>
      <c r="AL4429">
        <v>110933.01880000001</v>
      </c>
      <c r="AM4429">
        <v>28757.587589999999</v>
      </c>
      <c r="AN4429">
        <v>132421.29730000001</v>
      </c>
      <c r="AO4429">
        <v>34018.711020000002</v>
      </c>
      <c r="AP4429">
        <v>30141.421409999999</v>
      </c>
    </row>
    <row r="4430" spans="2:42" x14ac:dyDescent="0.3">
      <c r="B4430">
        <v>73.064990629537903</v>
      </c>
      <c r="C4430" s="83">
        <v>43285.5</v>
      </c>
      <c r="D4430">
        <v>299163.94709999999</v>
      </c>
      <c r="E4430">
        <v>36463.567329999998</v>
      </c>
      <c r="F4430">
        <v>103996.3836</v>
      </c>
      <c r="G4430">
        <v>59682.74295</v>
      </c>
      <c r="H4430">
        <v>54038.515829999997</v>
      </c>
      <c r="I4430">
        <v>37403.936809999999</v>
      </c>
      <c r="J4430">
        <v>54512.063520000003</v>
      </c>
      <c r="K4430">
        <v>66056.860539999994</v>
      </c>
      <c r="L4430">
        <v>38499.405429999999</v>
      </c>
      <c r="M4430">
        <v>372519.39549999998</v>
      </c>
      <c r="N4430">
        <v>105246.34390000001</v>
      </c>
      <c r="O4430">
        <v>28661.041580000001</v>
      </c>
      <c r="P4430">
        <v>39571.450089999998</v>
      </c>
      <c r="Q4430">
        <v>111356.4809</v>
      </c>
      <c r="R4430">
        <v>28806.579239999999</v>
      </c>
      <c r="S4430">
        <v>128163.07</v>
      </c>
      <c r="T4430">
        <v>33374.026769999997</v>
      </c>
      <c r="U4430">
        <v>25740.57141</v>
      </c>
      <c r="W4430" s="83">
        <f>Bühler!N4462</f>
        <v>45476.499999989261</v>
      </c>
      <c r="X4430" s="83">
        <v>43285.5</v>
      </c>
      <c r="Y4430">
        <v>299163.94709999999</v>
      </c>
      <c r="Z4430">
        <v>36463.567329999998</v>
      </c>
      <c r="AA4430">
        <v>103996.3836</v>
      </c>
      <c r="AB4430">
        <v>59682.74295</v>
      </c>
      <c r="AC4430">
        <v>54038.515829999997</v>
      </c>
      <c r="AD4430">
        <v>37403.936809999999</v>
      </c>
      <c r="AE4430">
        <v>54512.063520000003</v>
      </c>
      <c r="AF4430">
        <v>66056.860539999994</v>
      </c>
      <c r="AG4430">
        <v>38499.405429999999</v>
      </c>
      <c r="AH4430">
        <v>372519.39549999998</v>
      </c>
      <c r="AI4430">
        <v>105246.34390000001</v>
      </c>
      <c r="AJ4430">
        <v>28661.041580000001</v>
      </c>
      <c r="AK4430">
        <v>39571.450089999998</v>
      </c>
      <c r="AL4430">
        <v>111356.4809</v>
      </c>
      <c r="AM4430">
        <v>28806.579239999999</v>
      </c>
      <c r="AN4430">
        <v>128163.07</v>
      </c>
      <c r="AO4430">
        <v>33374.026769999997</v>
      </c>
      <c r="AP4430">
        <v>25740.57141</v>
      </c>
    </row>
    <row r="4431" spans="2:42" x14ac:dyDescent="0.3">
      <c r="B4431">
        <v>72.709329793831671</v>
      </c>
      <c r="C4431" s="83">
        <v>43285.541666666664</v>
      </c>
      <c r="D4431">
        <v>299711.02419999999</v>
      </c>
      <c r="E4431">
        <v>36823.24338</v>
      </c>
      <c r="F4431">
        <v>101820.18399999999</v>
      </c>
      <c r="G4431">
        <v>57796.564460000001</v>
      </c>
      <c r="H4431">
        <v>55296.870519999997</v>
      </c>
      <c r="I4431">
        <v>37159.711470000002</v>
      </c>
      <c r="J4431">
        <v>54359.066919999997</v>
      </c>
      <c r="K4431">
        <v>68714.978889999999</v>
      </c>
      <c r="L4431">
        <v>37994.629529999998</v>
      </c>
      <c r="M4431">
        <v>370706.07069999998</v>
      </c>
      <c r="N4431">
        <v>104279.5336</v>
      </c>
      <c r="O4431">
        <v>29339.24655</v>
      </c>
      <c r="P4431">
        <v>38692.402759999997</v>
      </c>
      <c r="Q4431">
        <v>110821.29029999999</v>
      </c>
      <c r="R4431">
        <v>28538.45751</v>
      </c>
      <c r="S4431">
        <v>127891.5917</v>
      </c>
      <c r="T4431">
        <v>33269.609389999998</v>
      </c>
      <c r="U4431">
        <v>28281.885399999999</v>
      </c>
      <c r="W4431" s="83">
        <f>Bühler!N4463</f>
        <v>45476.541666655925</v>
      </c>
      <c r="X4431" s="83">
        <v>43285.541666666664</v>
      </c>
      <c r="Y4431">
        <v>299711.02419999999</v>
      </c>
      <c r="Z4431">
        <v>36823.24338</v>
      </c>
      <c r="AA4431">
        <v>101820.18399999999</v>
      </c>
      <c r="AB4431">
        <v>57796.564460000001</v>
      </c>
      <c r="AC4431">
        <v>55296.870519999997</v>
      </c>
      <c r="AD4431">
        <v>37159.711470000002</v>
      </c>
      <c r="AE4431">
        <v>54359.066919999997</v>
      </c>
      <c r="AF4431">
        <v>68714.978889999999</v>
      </c>
      <c r="AG4431">
        <v>37994.629529999998</v>
      </c>
      <c r="AH4431">
        <v>370706.07069999998</v>
      </c>
      <c r="AI4431">
        <v>104279.5336</v>
      </c>
      <c r="AJ4431">
        <v>29339.24655</v>
      </c>
      <c r="AK4431">
        <v>38692.402759999997</v>
      </c>
      <c r="AL4431">
        <v>110821.29029999999</v>
      </c>
      <c r="AM4431">
        <v>28538.45751</v>
      </c>
      <c r="AN4431">
        <v>127891.5917</v>
      </c>
      <c r="AO4431">
        <v>33269.609389999998</v>
      </c>
      <c r="AP4431">
        <v>28281.885399999999</v>
      </c>
    </row>
    <row r="4432" spans="2:42" x14ac:dyDescent="0.3">
      <c r="B4432">
        <v>72.438040271212316</v>
      </c>
      <c r="C4432" s="83">
        <v>43285.583333333336</v>
      </c>
      <c r="D4432">
        <v>302236.24310000002</v>
      </c>
      <c r="E4432">
        <v>39850.382899999997</v>
      </c>
      <c r="F4432">
        <v>108546.96799999999</v>
      </c>
      <c r="G4432">
        <v>56782.269820000001</v>
      </c>
      <c r="H4432">
        <v>55954.819580000003</v>
      </c>
      <c r="I4432">
        <v>37497.28211</v>
      </c>
      <c r="J4432">
        <v>54375.249089999998</v>
      </c>
      <c r="K4432">
        <v>69529.499049999999</v>
      </c>
      <c r="L4432">
        <v>34941.409679999997</v>
      </c>
      <c r="M4432">
        <v>369322.91019999998</v>
      </c>
      <c r="N4432">
        <v>106788.68859999999</v>
      </c>
      <c r="O4432">
        <v>29490.973620000001</v>
      </c>
      <c r="P4432">
        <v>35489.14501</v>
      </c>
      <c r="Q4432">
        <v>109238.5775</v>
      </c>
      <c r="R4432">
        <v>27941.40868</v>
      </c>
      <c r="S4432">
        <v>126147.24310000001</v>
      </c>
      <c r="T4432">
        <v>33681.811479999997</v>
      </c>
      <c r="U4432">
        <v>29004.462090000001</v>
      </c>
      <c r="W4432" s="83">
        <f>Bühler!N4464</f>
        <v>45476.583333322589</v>
      </c>
      <c r="X4432" s="83">
        <v>43285.583333333336</v>
      </c>
      <c r="Y4432">
        <v>302236.24310000002</v>
      </c>
      <c r="Z4432">
        <v>39850.382899999997</v>
      </c>
      <c r="AA4432">
        <v>108546.96799999999</v>
      </c>
      <c r="AB4432">
        <v>56782.269820000001</v>
      </c>
      <c r="AC4432">
        <v>55954.819580000003</v>
      </c>
      <c r="AD4432">
        <v>37497.28211</v>
      </c>
      <c r="AE4432">
        <v>54375.249089999998</v>
      </c>
      <c r="AF4432">
        <v>69529.499049999999</v>
      </c>
      <c r="AG4432">
        <v>34941.409679999997</v>
      </c>
      <c r="AH4432">
        <v>369322.91019999998</v>
      </c>
      <c r="AI4432">
        <v>106788.68859999999</v>
      </c>
      <c r="AJ4432">
        <v>29490.973620000001</v>
      </c>
      <c r="AK4432">
        <v>35489.14501</v>
      </c>
      <c r="AL4432">
        <v>109238.5775</v>
      </c>
      <c r="AM4432">
        <v>27941.40868</v>
      </c>
      <c r="AN4432">
        <v>126147.24310000001</v>
      </c>
      <c r="AO4432">
        <v>33681.811479999997</v>
      </c>
      <c r="AP4432">
        <v>29004.462090000001</v>
      </c>
    </row>
    <row r="4433" spans="2:42" x14ac:dyDescent="0.3">
      <c r="B4433">
        <v>71.686253411611361</v>
      </c>
      <c r="C4433" s="83">
        <v>43285.625</v>
      </c>
      <c r="D4433">
        <v>299262.8628</v>
      </c>
      <c r="E4433">
        <v>40044.736440000001</v>
      </c>
      <c r="F4433">
        <v>110628.9252</v>
      </c>
      <c r="G4433">
        <v>54524.792670000003</v>
      </c>
      <c r="H4433">
        <v>55153.343269999998</v>
      </c>
      <c r="I4433">
        <v>37612.114520000003</v>
      </c>
      <c r="J4433">
        <v>54273.358769999999</v>
      </c>
      <c r="K4433">
        <v>68203.918909999993</v>
      </c>
      <c r="L4433">
        <v>32012.08151</v>
      </c>
      <c r="M4433">
        <v>365489.95020000002</v>
      </c>
      <c r="N4433">
        <v>103791.1933</v>
      </c>
      <c r="O4433">
        <v>29471.876370000002</v>
      </c>
      <c r="P4433">
        <v>33296.397069999999</v>
      </c>
      <c r="Q4433">
        <v>109255.4354</v>
      </c>
      <c r="R4433">
        <v>28274.667420000002</v>
      </c>
      <c r="S4433">
        <v>125183.504</v>
      </c>
      <c r="T4433">
        <v>32889.210550000003</v>
      </c>
      <c r="U4433">
        <v>27843.757379999999</v>
      </c>
      <c r="W4433" s="83">
        <f>Bühler!N4465</f>
        <v>45476.624999989253</v>
      </c>
      <c r="X4433" s="83">
        <v>43285.625</v>
      </c>
      <c r="Y4433">
        <v>299262.8628</v>
      </c>
      <c r="Z4433">
        <v>40044.736440000001</v>
      </c>
      <c r="AA4433">
        <v>110628.9252</v>
      </c>
      <c r="AB4433">
        <v>54524.792670000003</v>
      </c>
      <c r="AC4433">
        <v>55153.343269999998</v>
      </c>
      <c r="AD4433">
        <v>37612.114520000003</v>
      </c>
      <c r="AE4433">
        <v>54273.358769999999</v>
      </c>
      <c r="AF4433">
        <v>68203.918909999993</v>
      </c>
      <c r="AG4433">
        <v>32012.08151</v>
      </c>
      <c r="AH4433">
        <v>365489.95020000002</v>
      </c>
      <c r="AI4433">
        <v>103791.1933</v>
      </c>
      <c r="AJ4433">
        <v>29471.876370000002</v>
      </c>
      <c r="AK4433">
        <v>33296.397069999999</v>
      </c>
      <c r="AL4433">
        <v>109255.4354</v>
      </c>
      <c r="AM4433">
        <v>28274.667420000002</v>
      </c>
      <c r="AN4433">
        <v>125183.504</v>
      </c>
      <c r="AO4433">
        <v>32889.210550000003</v>
      </c>
      <c r="AP4433">
        <v>27843.757379999999</v>
      </c>
    </row>
    <row r="4434" spans="2:42" x14ac:dyDescent="0.3">
      <c r="B4434">
        <v>70.306077113869833</v>
      </c>
      <c r="C4434" s="83">
        <v>43285.666666666664</v>
      </c>
      <c r="D4434">
        <v>293454.08809999999</v>
      </c>
      <c r="E4434">
        <v>39214.952879999997</v>
      </c>
      <c r="F4434">
        <v>109485.2902</v>
      </c>
      <c r="G4434">
        <v>52481.420940000004</v>
      </c>
      <c r="H4434">
        <v>53357.613299999997</v>
      </c>
      <c r="I4434">
        <v>38256.546399999999</v>
      </c>
      <c r="J4434">
        <v>53664.72913</v>
      </c>
      <c r="K4434">
        <v>63807.922429999999</v>
      </c>
      <c r="L4434">
        <v>30747.733960000001</v>
      </c>
      <c r="M4434">
        <v>358453.1678</v>
      </c>
      <c r="N4434">
        <v>100854.7769</v>
      </c>
      <c r="O4434">
        <v>28191.79982</v>
      </c>
      <c r="P4434">
        <v>32743.282770000002</v>
      </c>
      <c r="Q4434">
        <v>108313.6504</v>
      </c>
      <c r="R4434">
        <v>28249.141739999999</v>
      </c>
      <c r="S4434">
        <v>122311.8426</v>
      </c>
      <c r="T4434">
        <v>32514.898349999999</v>
      </c>
      <c r="U4434">
        <v>26089.702870000001</v>
      </c>
      <c r="W4434" s="83">
        <f>Bühler!N4466</f>
        <v>45476.666666655918</v>
      </c>
      <c r="X4434" s="83">
        <v>43285.666666666664</v>
      </c>
      <c r="Y4434">
        <v>293454.08809999999</v>
      </c>
      <c r="Z4434">
        <v>39214.952879999997</v>
      </c>
      <c r="AA4434">
        <v>109485.2902</v>
      </c>
      <c r="AB4434">
        <v>52481.420940000004</v>
      </c>
      <c r="AC4434">
        <v>53357.613299999997</v>
      </c>
      <c r="AD4434">
        <v>38256.546399999999</v>
      </c>
      <c r="AE4434">
        <v>53664.72913</v>
      </c>
      <c r="AF4434">
        <v>63807.922429999999</v>
      </c>
      <c r="AG4434">
        <v>30747.733960000001</v>
      </c>
      <c r="AH4434">
        <v>358453.1678</v>
      </c>
      <c r="AI4434">
        <v>100854.7769</v>
      </c>
      <c r="AJ4434">
        <v>28191.79982</v>
      </c>
      <c r="AK4434">
        <v>32743.282770000002</v>
      </c>
      <c r="AL4434">
        <v>108313.6504</v>
      </c>
      <c r="AM4434">
        <v>28249.141739999999</v>
      </c>
      <c r="AN4434">
        <v>122311.8426</v>
      </c>
      <c r="AO4434">
        <v>32514.898349999999</v>
      </c>
      <c r="AP4434">
        <v>26089.702870000001</v>
      </c>
    </row>
    <row r="4435" spans="2:42" x14ac:dyDescent="0.3">
      <c r="B4435">
        <v>68.680443493069887</v>
      </c>
      <c r="C4435" s="83">
        <v>43285.708333333336</v>
      </c>
      <c r="D4435">
        <v>282531.14350000001</v>
      </c>
      <c r="E4435">
        <v>37308.161419999997</v>
      </c>
      <c r="F4435">
        <v>108289.47139999999</v>
      </c>
      <c r="G4435">
        <v>49088.156519999997</v>
      </c>
      <c r="H4435">
        <v>51040.88809</v>
      </c>
      <c r="I4435">
        <v>37825.45162</v>
      </c>
      <c r="J4435">
        <v>54229.487699999998</v>
      </c>
      <c r="K4435">
        <v>59986.362710000001</v>
      </c>
      <c r="L4435">
        <v>30891.687450000001</v>
      </c>
      <c r="M4435">
        <v>350164.92950000003</v>
      </c>
      <c r="N4435">
        <v>95791.858219999995</v>
      </c>
      <c r="O4435">
        <v>27840.705379999999</v>
      </c>
      <c r="P4435">
        <v>33180.818489999998</v>
      </c>
      <c r="Q4435">
        <v>107672.5665</v>
      </c>
      <c r="R4435">
        <v>29005.04595</v>
      </c>
      <c r="S4435">
        <v>118464.74619999999</v>
      </c>
      <c r="T4435">
        <v>31596.270629999999</v>
      </c>
      <c r="U4435">
        <v>23760.270799999998</v>
      </c>
      <c r="W4435" s="83">
        <f>Bühler!N4467</f>
        <v>45476.708333322582</v>
      </c>
      <c r="X4435" s="83">
        <v>43285.708333333336</v>
      </c>
      <c r="Y4435">
        <v>282531.14350000001</v>
      </c>
      <c r="Z4435">
        <v>37308.161419999997</v>
      </c>
      <c r="AA4435">
        <v>108289.47139999999</v>
      </c>
      <c r="AB4435">
        <v>49088.156519999997</v>
      </c>
      <c r="AC4435">
        <v>51040.88809</v>
      </c>
      <c r="AD4435">
        <v>37825.45162</v>
      </c>
      <c r="AE4435">
        <v>54229.487699999998</v>
      </c>
      <c r="AF4435">
        <v>59986.362710000001</v>
      </c>
      <c r="AG4435">
        <v>30891.687450000001</v>
      </c>
      <c r="AH4435">
        <v>350164.92950000003</v>
      </c>
      <c r="AI4435">
        <v>95791.858219999995</v>
      </c>
      <c r="AJ4435">
        <v>27840.705379999999</v>
      </c>
      <c r="AK4435">
        <v>33180.818489999998</v>
      </c>
      <c r="AL4435">
        <v>107672.5665</v>
      </c>
      <c r="AM4435">
        <v>29005.04595</v>
      </c>
      <c r="AN4435">
        <v>118464.74619999999</v>
      </c>
      <c r="AO4435">
        <v>31596.270629999999</v>
      </c>
      <c r="AP4435">
        <v>23760.270799999998</v>
      </c>
    </row>
    <row r="4436" spans="2:42" x14ac:dyDescent="0.3">
      <c r="B4436">
        <v>67.554730265786205</v>
      </c>
      <c r="C4436" s="83">
        <v>43285.75</v>
      </c>
      <c r="D4436">
        <v>275395.02669999999</v>
      </c>
      <c r="E4436">
        <v>33511.187429999998</v>
      </c>
      <c r="F4436">
        <v>106107.19259999999</v>
      </c>
      <c r="G4436">
        <v>44765.757230000003</v>
      </c>
      <c r="H4436">
        <v>48510.026870000002</v>
      </c>
      <c r="I4436">
        <v>36890.760139999999</v>
      </c>
      <c r="J4436">
        <v>54319.952039999996</v>
      </c>
      <c r="K4436">
        <v>58544.399239999999</v>
      </c>
      <c r="L4436">
        <v>31087.59189</v>
      </c>
      <c r="M4436">
        <v>344425.51850000001</v>
      </c>
      <c r="N4436">
        <v>93899.577669999999</v>
      </c>
      <c r="O4436">
        <v>26086.111700000001</v>
      </c>
      <c r="P4436">
        <v>36506.285210000002</v>
      </c>
      <c r="Q4436">
        <v>105433.82520000001</v>
      </c>
      <c r="R4436">
        <v>26947.37369</v>
      </c>
      <c r="S4436">
        <v>112050.4807</v>
      </c>
      <c r="T4436">
        <v>30692.71761</v>
      </c>
      <c r="U4436">
        <v>22416.571650000002</v>
      </c>
      <c r="W4436" s="83">
        <f>Bühler!N4468</f>
        <v>45476.749999989246</v>
      </c>
      <c r="X4436" s="83">
        <v>43285.75</v>
      </c>
      <c r="Y4436">
        <v>275395.02669999999</v>
      </c>
      <c r="Z4436">
        <v>33511.187429999998</v>
      </c>
      <c r="AA4436">
        <v>106107.19259999999</v>
      </c>
      <c r="AB4436">
        <v>44765.757230000003</v>
      </c>
      <c r="AC4436">
        <v>48510.026870000002</v>
      </c>
      <c r="AD4436">
        <v>36890.760139999999</v>
      </c>
      <c r="AE4436">
        <v>54319.952039999996</v>
      </c>
      <c r="AF4436">
        <v>58544.399239999999</v>
      </c>
      <c r="AG4436">
        <v>31087.59189</v>
      </c>
      <c r="AH4436">
        <v>344425.51850000001</v>
      </c>
      <c r="AI4436">
        <v>93899.577669999999</v>
      </c>
      <c r="AJ4436">
        <v>26086.111700000001</v>
      </c>
      <c r="AK4436">
        <v>36506.285210000002</v>
      </c>
      <c r="AL4436">
        <v>105433.82520000001</v>
      </c>
      <c r="AM4436">
        <v>26947.37369</v>
      </c>
      <c r="AN4436">
        <v>112050.4807</v>
      </c>
      <c r="AO4436">
        <v>30692.71761</v>
      </c>
      <c r="AP4436">
        <v>22416.571650000002</v>
      </c>
    </row>
    <row r="4437" spans="2:42" x14ac:dyDescent="0.3">
      <c r="B4437">
        <v>66.367363517832345</v>
      </c>
      <c r="C4437" s="83">
        <v>43285.791666666664</v>
      </c>
      <c r="D4437">
        <v>267211.2401</v>
      </c>
      <c r="E4437">
        <v>27272.915379999999</v>
      </c>
      <c r="F4437">
        <v>94446.556700000001</v>
      </c>
      <c r="G4437">
        <v>40700.555249999998</v>
      </c>
      <c r="H4437">
        <v>45575.792110000002</v>
      </c>
      <c r="I4437">
        <v>34049.555910000003</v>
      </c>
      <c r="J4437">
        <v>52587.535190000002</v>
      </c>
      <c r="K4437">
        <v>58317.943229999997</v>
      </c>
      <c r="L4437">
        <v>32114.628799999999</v>
      </c>
      <c r="M4437">
        <v>338371.76909999998</v>
      </c>
      <c r="N4437">
        <v>92410.561140000005</v>
      </c>
      <c r="O4437">
        <v>24503.992450000002</v>
      </c>
      <c r="P4437">
        <v>38776.843699999998</v>
      </c>
      <c r="Q4437">
        <v>102648.7257</v>
      </c>
      <c r="R4437">
        <v>24939.80168</v>
      </c>
      <c r="S4437">
        <v>105806.6087</v>
      </c>
      <c r="T4437">
        <v>30226.41876</v>
      </c>
      <c r="U4437">
        <v>20853.9509</v>
      </c>
      <c r="W4437" s="83">
        <f>Bühler!N4469</f>
        <v>45476.79166665591</v>
      </c>
      <c r="X4437" s="83">
        <v>43285.791666666664</v>
      </c>
      <c r="Y4437">
        <v>267211.2401</v>
      </c>
      <c r="Z4437">
        <v>27272.915379999999</v>
      </c>
      <c r="AA4437">
        <v>94446.556700000001</v>
      </c>
      <c r="AB4437">
        <v>40700.555249999998</v>
      </c>
      <c r="AC4437">
        <v>45575.792110000002</v>
      </c>
      <c r="AD4437">
        <v>34049.555910000003</v>
      </c>
      <c r="AE4437">
        <v>52587.535190000002</v>
      </c>
      <c r="AF4437">
        <v>58317.943229999997</v>
      </c>
      <c r="AG4437">
        <v>32114.628799999999</v>
      </c>
      <c r="AH4437">
        <v>338371.76909999998</v>
      </c>
      <c r="AI4437">
        <v>92410.561140000005</v>
      </c>
      <c r="AJ4437">
        <v>24503.992450000002</v>
      </c>
      <c r="AK4437">
        <v>38776.843699999998</v>
      </c>
      <c r="AL4437">
        <v>102648.7257</v>
      </c>
      <c r="AM4437">
        <v>24939.80168</v>
      </c>
      <c r="AN4437">
        <v>105806.6087</v>
      </c>
      <c r="AO4437">
        <v>30226.41876</v>
      </c>
      <c r="AP4437">
        <v>20853.9509</v>
      </c>
    </row>
    <row r="4438" spans="2:42" x14ac:dyDescent="0.3">
      <c r="B4438">
        <v>64.669245021147489</v>
      </c>
      <c r="C4438" s="83">
        <v>43285.833333333336</v>
      </c>
      <c r="D4438">
        <v>258435.90109999999</v>
      </c>
      <c r="E4438">
        <v>20393.44641</v>
      </c>
      <c r="F4438">
        <v>76711.868950000004</v>
      </c>
      <c r="G4438">
        <v>37823.156889999998</v>
      </c>
      <c r="H4438">
        <v>42370.448779999999</v>
      </c>
      <c r="I4438">
        <v>29927.223750000001</v>
      </c>
      <c r="J4438">
        <v>51091.317329999998</v>
      </c>
      <c r="K4438">
        <v>58035.317569999999</v>
      </c>
      <c r="L4438">
        <v>31512.830610000001</v>
      </c>
      <c r="M4438">
        <v>329713.96909999999</v>
      </c>
      <c r="N4438">
        <v>88258.259720000002</v>
      </c>
      <c r="O4438">
        <v>22454.31091</v>
      </c>
      <c r="P4438">
        <v>38578.886120000003</v>
      </c>
      <c r="Q4438">
        <v>99242.880269999994</v>
      </c>
      <c r="R4438">
        <v>22471.664820000002</v>
      </c>
      <c r="S4438">
        <v>96496.075549999994</v>
      </c>
      <c r="T4438">
        <v>28699.90724</v>
      </c>
      <c r="U4438">
        <v>20310.852299999999</v>
      </c>
      <c r="W4438" s="83">
        <f>Bühler!N4470</f>
        <v>45476.833333322575</v>
      </c>
      <c r="X4438" s="83">
        <v>43285.833333333336</v>
      </c>
      <c r="Y4438">
        <v>258435.90109999999</v>
      </c>
      <c r="Z4438">
        <v>20393.44641</v>
      </c>
      <c r="AA4438">
        <v>76711.868950000004</v>
      </c>
      <c r="AB4438">
        <v>37823.156889999998</v>
      </c>
      <c r="AC4438">
        <v>42370.448779999999</v>
      </c>
      <c r="AD4438">
        <v>29927.223750000001</v>
      </c>
      <c r="AE4438">
        <v>51091.317329999998</v>
      </c>
      <c r="AF4438">
        <v>58035.317569999999</v>
      </c>
      <c r="AG4438">
        <v>31512.830610000001</v>
      </c>
      <c r="AH4438">
        <v>329713.96909999999</v>
      </c>
      <c r="AI4438">
        <v>88258.259720000002</v>
      </c>
      <c r="AJ4438">
        <v>22454.31091</v>
      </c>
      <c r="AK4438">
        <v>38578.886120000003</v>
      </c>
      <c r="AL4438">
        <v>99242.880269999994</v>
      </c>
      <c r="AM4438">
        <v>22471.664820000002</v>
      </c>
      <c r="AN4438">
        <v>96496.075549999994</v>
      </c>
      <c r="AO4438">
        <v>28699.90724</v>
      </c>
      <c r="AP4438">
        <v>20310.852299999999</v>
      </c>
    </row>
    <row r="4439" spans="2:42" x14ac:dyDescent="0.3">
      <c r="B4439">
        <v>62.176439881803354</v>
      </c>
      <c r="C4439" s="83">
        <v>43285.875</v>
      </c>
      <c r="D4439">
        <v>249822.5981</v>
      </c>
      <c r="E4439">
        <v>17581.690129999999</v>
      </c>
      <c r="F4439">
        <v>67180.031650000004</v>
      </c>
      <c r="G4439">
        <v>36434.488890000001</v>
      </c>
      <c r="H4439">
        <v>39860.357790000002</v>
      </c>
      <c r="I4439">
        <v>26481.643690000001</v>
      </c>
      <c r="J4439">
        <v>49306.474970000003</v>
      </c>
      <c r="K4439">
        <v>56531.182099999998</v>
      </c>
      <c r="L4439">
        <v>29833.979080000001</v>
      </c>
      <c r="M4439">
        <v>317004.48599999998</v>
      </c>
      <c r="N4439">
        <v>86138.970879999993</v>
      </c>
      <c r="O4439">
        <v>21085.40178</v>
      </c>
      <c r="P4439">
        <v>37231.362659999999</v>
      </c>
      <c r="Q4439">
        <v>96195.173160000006</v>
      </c>
      <c r="R4439">
        <v>21751.143800000002</v>
      </c>
      <c r="S4439">
        <v>91126.100539999999</v>
      </c>
      <c r="T4439">
        <v>26618.718229999999</v>
      </c>
      <c r="U4439">
        <v>19725.6682</v>
      </c>
      <c r="W4439" s="83">
        <f>Bühler!N4471</f>
        <v>45476.874999989239</v>
      </c>
      <c r="X4439" s="83">
        <v>43285.875</v>
      </c>
      <c r="Y4439">
        <v>249822.5981</v>
      </c>
      <c r="Z4439">
        <v>17581.690129999999</v>
      </c>
      <c r="AA4439">
        <v>67180.031650000004</v>
      </c>
      <c r="AB4439">
        <v>36434.488890000001</v>
      </c>
      <c r="AC4439">
        <v>39860.357790000002</v>
      </c>
      <c r="AD4439">
        <v>26481.643690000001</v>
      </c>
      <c r="AE4439">
        <v>49306.474970000003</v>
      </c>
      <c r="AF4439">
        <v>56531.182099999998</v>
      </c>
      <c r="AG4439">
        <v>29833.979080000001</v>
      </c>
      <c r="AH4439">
        <v>317004.48599999998</v>
      </c>
      <c r="AI4439">
        <v>86138.970879999993</v>
      </c>
      <c r="AJ4439">
        <v>21085.40178</v>
      </c>
      <c r="AK4439">
        <v>37231.362659999999</v>
      </c>
      <c r="AL4439">
        <v>96195.173160000006</v>
      </c>
      <c r="AM4439">
        <v>21751.143800000002</v>
      </c>
      <c r="AN4439">
        <v>91126.100539999999</v>
      </c>
      <c r="AO4439">
        <v>26618.718229999999</v>
      </c>
      <c r="AP4439">
        <v>19725.6682</v>
      </c>
    </row>
    <row r="4440" spans="2:42" x14ac:dyDescent="0.3">
      <c r="B4440">
        <v>61.833795313254548</v>
      </c>
      <c r="C4440" s="83">
        <v>43285.916666666664</v>
      </c>
      <c r="D4440">
        <v>249671.50779999999</v>
      </c>
      <c r="E4440">
        <v>16892.473000000002</v>
      </c>
      <c r="F4440">
        <v>63959.95811</v>
      </c>
      <c r="G4440">
        <v>36400.827799999999</v>
      </c>
      <c r="H4440">
        <v>40634.569380000001</v>
      </c>
      <c r="I4440">
        <v>25385.51657</v>
      </c>
      <c r="J4440">
        <v>50076.867279999999</v>
      </c>
      <c r="K4440">
        <v>58987.932439999997</v>
      </c>
      <c r="L4440">
        <v>27080.848730000002</v>
      </c>
      <c r="M4440">
        <v>315257.52419999999</v>
      </c>
      <c r="N4440">
        <v>85014.046260000003</v>
      </c>
      <c r="O4440">
        <v>19812.219379999999</v>
      </c>
      <c r="P4440">
        <v>40147.187279999998</v>
      </c>
      <c r="Q4440">
        <v>95088.747409999996</v>
      </c>
      <c r="R4440">
        <v>22157.99265</v>
      </c>
      <c r="S4440">
        <v>90037.595390000002</v>
      </c>
      <c r="T4440">
        <v>23797.552240000001</v>
      </c>
      <c r="U4440">
        <v>20098.809379999999</v>
      </c>
      <c r="W4440" s="83">
        <f>Bühler!N4472</f>
        <v>45476.916666655903</v>
      </c>
      <c r="X4440" s="83">
        <v>43285.916666666664</v>
      </c>
      <c r="Y4440">
        <v>249671.50779999999</v>
      </c>
      <c r="Z4440">
        <v>16892.473000000002</v>
      </c>
      <c r="AA4440">
        <v>63959.95811</v>
      </c>
      <c r="AB4440">
        <v>36400.827799999999</v>
      </c>
      <c r="AC4440">
        <v>40634.569380000001</v>
      </c>
      <c r="AD4440">
        <v>25385.51657</v>
      </c>
      <c r="AE4440">
        <v>50076.867279999999</v>
      </c>
      <c r="AF4440">
        <v>58987.932439999997</v>
      </c>
      <c r="AG4440">
        <v>27080.848730000002</v>
      </c>
      <c r="AH4440">
        <v>315257.52419999999</v>
      </c>
      <c r="AI4440">
        <v>85014.046260000003</v>
      </c>
      <c r="AJ4440">
        <v>19812.219379999999</v>
      </c>
      <c r="AK4440">
        <v>40147.187279999998</v>
      </c>
      <c r="AL4440">
        <v>95088.747409999996</v>
      </c>
      <c r="AM4440">
        <v>22157.99265</v>
      </c>
      <c r="AN4440">
        <v>90037.595390000002</v>
      </c>
      <c r="AO4440">
        <v>23797.552240000001</v>
      </c>
      <c r="AP4440">
        <v>20098.809379999999</v>
      </c>
    </row>
    <row r="4441" spans="2:42" x14ac:dyDescent="0.3">
      <c r="B4441">
        <v>61.453397626985605</v>
      </c>
      <c r="C4441" s="83">
        <v>43285.958333333336</v>
      </c>
      <c r="D4441">
        <v>250033.53599999999</v>
      </c>
      <c r="E4441">
        <v>15889.632240000001</v>
      </c>
      <c r="F4441">
        <v>62164.871769999998</v>
      </c>
      <c r="G4441">
        <v>35980.750919999999</v>
      </c>
      <c r="H4441">
        <v>39751.623760000002</v>
      </c>
      <c r="I4441">
        <v>24531.443510000001</v>
      </c>
      <c r="J4441">
        <v>45653.026669999999</v>
      </c>
      <c r="K4441">
        <v>57450.68593</v>
      </c>
      <c r="L4441">
        <v>23311.95649</v>
      </c>
      <c r="M4441">
        <v>313318.07939999999</v>
      </c>
      <c r="N4441">
        <v>83771.997820000004</v>
      </c>
      <c r="O4441">
        <v>19358.904630000001</v>
      </c>
      <c r="P4441">
        <v>35009.925470000002</v>
      </c>
      <c r="Q4441">
        <v>94766.938330000004</v>
      </c>
      <c r="R4441">
        <v>23240.390940000001</v>
      </c>
      <c r="S4441">
        <v>87089.289739999993</v>
      </c>
      <c r="T4441">
        <v>21415.429410000001</v>
      </c>
      <c r="U4441">
        <v>19568.42902</v>
      </c>
      <c r="W4441" s="83">
        <f>Bühler!N4473</f>
        <v>45476.958333322567</v>
      </c>
      <c r="X4441" s="83">
        <v>43285.958333333336</v>
      </c>
      <c r="Y4441">
        <v>250033.53599999999</v>
      </c>
      <c r="Z4441">
        <v>15889.632240000001</v>
      </c>
      <c r="AA4441">
        <v>62164.871769999998</v>
      </c>
      <c r="AB4441">
        <v>35980.750919999999</v>
      </c>
      <c r="AC4441">
        <v>39751.623760000002</v>
      </c>
      <c r="AD4441">
        <v>24531.443510000001</v>
      </c>
      <c r="AE4441">
        <v>45653.026669999999</v>
      </c>
      <c r="AF4441">
        <v>57450.68593</v>
      </c>
      <c r="AG4441">
        <v>23311.95649</v>
      </c>
      <c r="AH4441">
        <v>313318.07939999999</v>
      </c>
      <c r="AI4441">
        <v>83771.997820000004</v>
      </c>
      <c r="AJ4441">
        <v>19358.904630000001</v>
      </c>
      <c r="AK4441">
        <v>35009.925470000002</v>
      </c>
      <c r="AL4441">
        <v>94766.938330000004</v>
      </c>
      <c r="AM4441">
        <v>23240.390940000001</v>
      </c>
      <c r="AN4441">
        <v>87089.289739999993</v>
      </c>
      <c r="AO4441">
        <v>21415.429410000001</v>
      </c>
      <c r="AP4441">
        <v>19568.42902</v>
      </c>
    </row>
    <row r="4442" spans="2:42" x14ac:dyDescent="0.3">
      <c r="B4442">
        <v>60.393516627962029</v>
      </c>
      <c r="C4442" s="83">
        <v>43286</v>
      </c>
      <c r="D4442">
        <v>249228.98360000001</v>
      </c>
      <c r="E4442">
        <v>15268.078949999999</v>
      </c>
      <c r="F4442">
        <v>60579.713069999998</v>
      </c>
      <c r="G4442">
        <v>35382.44831</v>
      </c>
      <c r="H4442">
        <v>38755.432589999997</v>
      </c>
      <c r="I4442">
        <v>22548.063129999999</v>
      </c>
      <c r="J4442">
        <v>41111.27938</v>
      </c>
      <c r="K4442">
        <v>55285.924899999998</v>
      </c>
      <c r="L4442">
        <v>20753.442780000001</v>
      </c>
      <c r="M4442">
        <v>307914.31180000002</v>
      </c>
      <c r="N4442">
        <v>82819.461800000005</v>
      </c>
      <c r="O4442">
        <v>18935.737300000001</v>
      </c>
      <c r="P4442">
        <v>31053.493989999999</v>
      </c>
      <c r="Q4442">
        <v>92698.624129999997</v>
      </c>
      <c r="R4442">
        <v>18782.535680000001</v>
      </c>
      <c r="S4442">
        <v>84629.533639999994</v>
      </c>
      <c r="T4442">
        <v>19776.974590000002</v>
      </c>
      <c r="U4442">
        <v>19345.81264</v>
      </c>
      <c r="W4442" s="83">
        <f>Bühler!N4474</f>
        <v>45476.999999989232</v>
      </c>
      <c r="X4442" s="83">
        <v>43286</v>
      </c>
      <c r="Y4442">
        <v>249228.98360000001</v>
      </c>
      <c r="Z4442">
        <v>15268.078949999999</v>
      </c>
      <c r="AA4442">
        <v>60579.713069999998</v>
      </c>
      <c r="AB4442">
        <v>35382.44831</v>
      </c>
      <c r="AC4442">
        <v>38755.432589999997</v>
      </c>
      <c r="AD4442">
        <v>22548.063129999999</v>
      </c>
      <c r="AE4442">
        <v>41111.27938</v>
      </c>
      <c r="AF4442">
        <v>55285.924899999998</v>
      </c>
      <c r="AG4442">
        <v>20753.442780000001</v>
      </c>
      <c r="AH4442">
        <v>307914.31180000002</v>
      </c>
      <c r="AI4442">
        <v>82819.461800000005</v>
      </c>
      <c r="AJ4442">
        <v>18935.737300000001</v>
      </c>
      <c r="AK4442">
        <v>31053.493989999999</v>
      </c>
      <c r="AL4442">
        <v>92698.624129999997</v>
      </c>
      <c r="AM4442">
        <v>18782.535680000001</v>
      </c>
      <c r="AN4442">
        <v>84629.533639999994</v>
      </c>
      <c r="AO4442">
        <v>19776.974590000002</v>
      </c>
      <c r="AP4442">
        <v>19345.81264</v>
      </c>
    </row>
    <row r="4443" spans="2:42" x14ac:dyDescent="0.3">
      <c r="B4443">
        <v>59.687926229061766</v>
      </c>
      <c r="C4443" s="83">
        <v>43286.041666666664</v>
      </c>
      <c r="D4443">
        <v>246182.5355</v>
      </c>
      <c r="E4443">
        <v>14802.10468</v>
      </c>
      <c r="F4443">
        <v>59098.563090000003</v>
      </c>
      <c r="G4443">
        <v>34266.859880000004</v>
      </c>
      <c r="H4443">
        <v>37817.54466</v>
      </c>
      <c r="I4443">
        <v>18512.52836</v>
      </c>
      <c r="J4443">
        <v>38817.248870000003</v>
      </c>
      <c r="K4443">
        <v>53089.111749999996</v>
      </c>
      <c r="L4443">
        <v>18657.062259999999</v>
      </c>
      <c r="M4443">
        <v>304316.88290000003</v>
      </c>
      <c r="N4443">
        <v>82190.258560000002</v>
      </c>
      <c r="O4443">
        <v>18736.451229999999</v>
      </c>
      <c r="P4443">
        <v>28141.80186</v>
      </c>
      <c r="Q4443">
        <v>93096.381479999996</v>
      </c>
      <c r="R4443">
        <v>16200.38697</v>
      </c>
      <c r="S4443">
        <v>82080.279710000003</v>
      </c>
      <c r="T4443">
        <v>19255.454450000001</v>
      </c>
      <c r="U4443">
        <v>18635.298910000001</v>
      </c>
      <c r="W4443" s="83">
        <f>Bühler!N4475</f>
        <v>45477.041666655896</v>
      </c>
      <c r="X4443" s="83">
        <v>43286.041666666664</v>
      </c>
      <c r="Y4443">
        <v>246182.5355</v>
      </c>
      <c r="Z4443">
        <v>14802.10468</v>
      </c>
      <c r="AA4443">
        <v>59098.563090000003</v>
      </c>
      <c r="AB4443">
        <v>34266.859880000004</v>
      </c>
      <c r="AC4443">
        <v>37817.54466</v>
      </c>
      <c r="AD4443">
        <v>18512.52836</v>
      </c>
      <c r="AE4443">
        <v>38817.248870000003</v>
      </c>
      <c r="AF4443">
        <v>53089.111749999996</v>
      </c>
      <c r="AG4443">
        <v>18657.062259999999</v>
      </c>
      <c r="AH4443">
        <v>304316.88290000003</v>
      </c>
      <c r="AI4443">
        <v>82190.258560000002</v>
      </c>
      <c r="AJ4443">
        <v>18736.451229999999</v>
      </c>
      <c r="AK4443">
        <v>28141.80186</v>
      </c>
      <c r="AL4443">
        <v>93096.381479999996</v>
      </c>
      <c r="AM4443">
        <v>16200.38697</v>
      </c>
      <c r="AN4443">
        <v>82080.279710000003</v>
      </c>
      <c r="AO4443">
        <v>19255.454450000001</v>
      </c>
      <c r="AP4443">
        <v>18635.298910000001</v>
      </c>
    </row>
    <row r="4444" spans="2:42" x14ac:dyDescent="0.3">
      <c r="B4444">
        <v>59.369023368681923</v>
      </c>
      <c r="C4444" s="83">
        <v>43286.083333333336</v>
      </c>
      <c r="D4444">
        <v>243913.6176</v>
      </c>
      <c r="E4444">
        <v>14396.20995</v>
      </c>
      <c r="F4444">
        <v>59005.568330000002</v>
      </c>
      <c r="G4444">
        <v>33552.410250000001</v>
      </c>
      <c r="H4444">
        <v>37266.114430000001</v>
      </c>
      <c r="I4444">
        <v>16260.791160000001</v>
      </c>
      <c r="J4444">
        <v>37450.821020000003</v>
      </c>
      <c r="K4444">
        <v>50592.149839999998</v>
      </c>
      <c r="L4444">
        <v>17909.958159999998</v>
      </c>
      <c r="M4444">
        <v>302690.96740000002</v>
      </c>
      <c r="N4444">
        <v>81217.776100000003</v>
      </c>
      <c r="O4444">
        <v>18017.301780000002</v>
      </c>
      <c r="P4444">
        <v>27285.027190000001</v>
      </c>
      <c r="Q4444">
        <v>94340.020640000002</v>
      </c>
      <c r="R4444">
        <v>16460.49914</v>
      </c>
      <c r="S4444">
        <v>80490.138340000005</v>
      </c>
      <c r="T4444">
        <v>18494.655770000001</v>
      </c>
      <c r="U4444">
        <v>18300.243559999999</v>
      </c>
      <c r="W4444" s="83">
        <f>Bühler!N4476</f>
        <v>45477.08333332256</v>
      </c>
      <c r="X4444" s="83">
        <v>43286.083333333336</v>
      </c>
      <c r="Y4444">
        <v>243913.6176</v>
      </c>
      <c r="Z4444">
        <v>14396.20995</v>
      </c>
      <c r="AA4444">
        <v>59005.568330000002</v>
      </c>
      <c r="AB4444">
        <v>33552.410250000001</v>
      </c>
      <c r="AC4444">
        <v>37266.114430000001</v>
      </c>
      <c r="AD4444">
        <v>16260.791160000001</v>
      </c>
      <c r="AE4444">
        <v>37450.821020000003</v>
      </c>
      <c r="AF4444">
        <v>50592.149839999998</v>
      </c>
      <c r="AG4444">
        <v>17909.958159999998</v>
      </c>
      <c r="AH4444">
        <v>302690.96740000002</v>
      </c>
      <c r="AI4444">
        <v>81217.776100000003</v>
      </c>
      <c r="AJ4444">
        <v>18017.301780000002</v>
      </c>
      <c r="AK4444">
        <v>27285.027190000001</v>
      </c>
      <c r="AL4444">
        <v>94340.020640000002</v>
      </c>
      <c r="AM4444">
        <v>16460.49914</v>
      </c>
      <c r="AN4444">
        <v>80490.138340000005</v>
      </c>
      <c r="AO4444">
        <v>18494.655770000001</v>
      </c>
      <c r="AP4444">
        <v>18300.243559999999</v>
      </c>
    </row>
    <row r="4445" spans="2:42" x14ac:dyDescent="0.3">
      <c r="B4445">
        <v>59.583371022800364</v>
      </c>
      <c r="C4445" s="83">
        <v>43286.125</v>
      </c>
      <c r="D4445">
        <v>243616.9369</v>
      </c>
      <c r="E4445">
        <v>14202.27212</v>
      </c>
      <c r="F4445">
        <v>60104.058019999997</v>
      </c>
      <c r="G4445">
        <v>32786.379820000002</v>
      </c>
      <c r="H4445">
        <v>36494.683879999997</v>
      </c>
      <c r="I4445">
        <v>15309.85303</v>
      </c>
      <c r="J4445">
        <v>36555.2425</v>
      </c>
      <c r="K4445">
        <v>49767.369250000003</v>
      </c>
      <c r="L4445">
        <v>17771.582549999999</v>
      </c>
      <c r="M4445">
        <v>303783.81170000002</v>
      </c>
      <c r="N4445">
        <v>80347.650280000002</v>
      </c>
      <c r="O4445">
        <v>18646.322840000001</v>
      </c>
      <c r="P4445">
        <v>25575.678199999998</v>
      </c>
      <c r="Q4445">
        <v>97029.482489999995</v>
      </c>
      <c r="R4445">
        <v>16241.333409999999</v>
      </c>
      <c r="S4445">
        <v>79323.476980000007</v>
      </c>
      <c r="T4445">
        <v>18127.194459999999</v>
      </c>
      <c r="U4445">
        <v>18086.482759999999</v>
      </c>
      <c r="W4445" s="83">
        <f>Bühler!N4477</f>
        <v>45477.124999989224</v>
      </c>
      <c r="X4445" s="83">
        <v>43286.125</v>
      </c>
      <c r="Y4445">
        <v>243616.9369</v>
      </c>
      <c r="Z4445">
        <v>14202.27212</v>
      </c>
      <c r="AA4445">
        <v>60104.058019999997</v>
      </c>
      <c r="AB4445">
        <v>32786.379820000002</v>
      </c>
      <c r="AC4445">
        <v>36494.683879999997</v>
      </c>
      <c r="AD4445">
        <v>15309.85303</v>
      </c>
      <c r="AE4445">
        <v>36555.2425</v>
      </c>
      <c r="AF4445">
        <v>49767.369250000003</v>
      </c>
      <c r="AG4445">
        <v>17771.582549999999</v>
      </c>
      <c r="AH4445">
        <v>303783.81170000002</v>
      </c>
      <c r="AI4445">
        <v>80347.650280000002</v>
      </c>
      <c r="AJ4445">
        <v>18646.322840000001</v>
      </c>
      <c r="AK4445">
        <v>25575.678199999998</v>
      </c>
      <c r="AL4445">
        <v>97029.482489999995</v>
      </c>
      <c r="AM4445">
        <v>16241.333409999999</v>
      </c>
      <c r="AN4445">
        <v>79323.476980000007</v>
      </c>
      <c r="AO4445">
        <v>18127.194459999999</v>
      </c>
      <c r="AP4445">
        <v>18086.482759999999</v>
      </c>
    </row>
    <row r="4446" spans="2:42" x14ac:dyDescent="0.3">
      <c r="B4446">
        <v>60.631902687314486</v>
      </c>
      <c r="C4446" s="83">
        <v>43286.166666666664</v>
      </c>
      <c r="D4446">
        <v>244985.77540000001</v>
      </c>
      <c r="E4446">
        <v>14527.25848</v>
      </c>
      <c r="F4446">
        <v>62563.437810000003</v>
      </c>
      <c r="G4446">
        <v>32059.772649999999</v>
      </c>
      <c r="H4446">
        <v>36944.02622</v>
      </c>
      <c r="I4446">
        <v>16308.3568</v>
      </c>
      <c r="J4446">
        <v>38259.888579999999</v>
      </c>
      <c r="K4446">
        <v>49785.037179999999</v>
      </c>
      <c r="L4446">
        <v>17487.74309</v>
      </c>
      <c r="M4446">
        <v>309129.71509999997</v>
      </c>
      <c r="N4446">
        <v>79292.575330000007</v>
      </c>
      <c r="O4446">
        <v>18761.545689999999</v>
      </c>
      <c r="P4446">
        <v>25627.462940000001</v>
      </c>
      <c r="Q4446">
        <v>100602.1033</v>
      </c>
      <c r="R4446">
        <v>15930.58692</v>
      </c>
      <c r="S4446">
        <v>78904.949290000004</v>
      </c>
      <c r="T4446">
        <v>18027.795549999999</v>
      </c>
      <c r="U4446">
        <v>18318.65179</v>
      </c>
      <c r="W4446" s="83">
        <f>Bühler!N4478</f>
        <v>45477.166666655889</v>
      </c>
      <c r="X4446" s="83">
        <v>43286.166666666664</v>
      </c>
      <c r="Y4446">
        <v>244985.77540000001</v>
      </c>
      <c r="Z4446">
        <v>14527.25848</v>
      </c>
      <c r="AA4446">
        <v>62563.437810000003</v>
      </c>
      <c r="AB4446">
        <v>32059.772649999999</v>
      </c>
      <c r="AC4446">
        <v>36944.02622</v>
      </c>
      <c r="AD4446">
        <v>16308.3568</v>
      </c>
      <c r="AE4446">
        <v>38259.888579999999</v>
      </c>
      <c r="AF4446">
        <v>49785.037179999999</v>
      </c>
      <c r="AG4446">
        <v>17487.74309</v>
      </c>
      <c r="AH4446">
        <v>309129.71509999997</v>
      </c>
      <c r="AI4446">
        <v>79292.575330000007</v>
      </c>
      <c r="AJ4446">
        <v>18761.545689999999</v>
      </c>
      <c r="AK4446">
        <v>25627.462940000001</v>
      </c>
      <c r="AL4446">
        <v>100602.1033</v>
      </c>
      <c r="AM4446">
        <v>15930.58692</v>
      </c>
      <c r="AN4446">
        <v>78904.949290000004</v>
      </c>
      <c r="AO4446">
        <v>18027.795549999999</v>
      </c>
      <c r="AP4446">
        <v>18318.65179</v>
      </c>
    </row>
    <row r="4447" spans="2:42" x14ac:dyDescent="0.3">
      <c r="B4447">
        <v>64.146809778596037</v>
      </c>
      <c r="C4447" s="83">
        <v>43286.208333333336</v>
      </c>
      <c r="D4447">
        <v>259047.84729999999</v>
      </c>
      <c r="E4447">
        <v>16136.15827</v>
      </c>
      <c r="F4447">
        <v>73647.610589999997</v>
      </c>
      <c r="G4447">
        <v>33190.755039999996</v>
      </c>
      <c r="H4447">
        <v>38388.036619999999</v>
      </c>
      <c r="I4447">
        <v>22863.27449</v>
      </c>
      <c r="J4447">
        <v>40908.372040000002</v>
      </c>
      <c r="K4447">
        <v>50579.448190000003</v>
      </c>
      <c r="L4447">
        <v>18486.279129999999</v>
      </c>
      <c r="M4447">
        <v>327050.35060000001</v>
      </c>
      <c r="N4447">
        <v>78689.654649999997</v>
      </c>
      <c r="O4447">
        <v>19752.511559999999</v>
      </c>
      <c r="P4447">
        <v>26564.59218</v>
      </c>
      <c r="Q4447">
        <v>103389.7555</v>
      </c>
      <c r="R4447">
        <v>18642.432199999999</v>
      </c>
      <c r="S4447">
        <v>80183.991680000006</v>
      </c>
      <c r="T4447">
        <v>19094.75402</v>
      </c>
      <c r="U4447">
        <v>20230.941439999999</v>
      </c>
      <c r="W4447" s="83">
        <f>Bühler!N4479</f>
        <v>45477.208333322553</v>
      </c>
      <c r="X4447" s="83">
        <v>43286.208333333336</v>
      </c>
      <c r="Y4447">
        <v>259047.84729999999</v>
      </c>
      <c r="Z4447">
        <v>16136.15827</v>
      </c>
      <c r="AA4447">
        <v>73647.610589999997</v>
      </c>
      <c r="AB4447">
        <v>33190.755039999996</v>
      </c>
      <c r="AC4447">
        <v>38388.036619999999</v>
      </c>
      <c r="AD4447">
        <v>22863.27449</v>
      </c>
      <c r="AE4447">
        <v>40908.372040000002</v>
      </c>
      <c r="AF4447">
        <v>50579.448190000003</v>
      </c>
      <c r="AG4447">
        <v>18486.279129999999</v>
      </c>
      <c r="AH4447">
        <v>327050.35060000001</v>
      </c>
      <c r="AI4447">
        <v>78689.654649999997</v>
      </c>
      <c r="AJ4447">
        <v>19752.511559999999</v>
      </c>
      <c r="AK4447">
        <v>26564.59218</v>
      </c>
      <c r="AL4447">
        <v>103389.7555</v>
      </c>
      <c r="AM4447">
        <v>18642.432199999999</v>
      </c>
      <c r="AN4447">
        <v>80183.991680000006</v>
      </c>
      <c r="AO4447">
        <v>19094.75402</v>
      </c>
      <c r="AP4447">
        <v>20230.941439999999</v>
      </c>
    </row>
    <row r="4448" spans="2:42" x14ac:dyDescent="0.3">
      <c r="B4448">
        <v>66.978801034708113</v>
      </c>
      <c r="C4448" s="83">
        <v>43286.25</v>
      </c>
      <c r="D4448">
        <v>275806.89169999998</v>
      </c>
      <c r="E4448">
        <v>20077.845450000001</v>
      </c>
      <c r="F4448">
        <v>83466.785250000001</v>
      </c>
      <c r="G4448">
        <v>40077.095459999997</v>
      </c>
      <c r="H4448">
        <v>39884.972710000002</v>
      </c>
      <c r="I4448">
        <v>28768.781620000002</v>
      </c>
      <c r="J4448">
        <v>44086.401169999997</v>
      </c>
      <c r="K4448">
        <v>52648.011310000002</v>
      </c>
      <c r="L4448">
        <v>19226.92153</v>
      </c>
      <c r="M4448">
        <v>341489.16269999999</v>
      </c>
      <c r="N4448">
        <v>80175.38897</v>
      </c>
      <c r="O4448">
        <v>20572.089790000002</v>
      </c>
      <c r="P4448">
        <v>27138.726569999999</v>
      </c>
      <c r="Q4448">
        <v>104099.8769</v>
      </c>
      <c r="R4448">
        <v>19318.658769999998</v>
      </c>
      <c r="S4448">
        <v>86872.256829999998</v>
      </c>
      <c r="T4448">
        <v>21399.82447</v>
      </c>
      <c r="U4448">
        <v>23113.226360000001</v>
      </c>
      <c r="W4448" s="83">
        <f>Bühler!N4480</f>
        <v>45477.249999989217</v>
      </c>
      <c r="X4448" s="83">
        <v>43286.25</v>
      </c>
      <c r="Y4448">
        <v>275806.89169999998</v>
      </c>
      <c r="Z4448">
        <v>20077.845450000001</v>
      </c>
      <c r="AA4448">
        <v>83466.785250000001</v>
      </c>
      <c r="AB4448">
        <v>40077.095459999997</v>
      </c>
      <c r="AC4448">
        <v>39884.972710000002</v>
      </c>
      <c r="AD4448">
        <v>28768.781620000002</v>
      </c>
      <c r="AE4448">
        <v>44086.401169999997</v>
      </c>
      <c r="AF4448">
        <v>52648.011310000002</v>
      </c>
      <c r="AG4448">
        <v>19226.92153</v>
      </c>
      <c r="AH4448">
        <v>341489.16269999999</v>
      </c>
      <c r="AI4448">
        <v>80175.38897</v>
      </c>
      <c r="AJ4448">
        <v>20572.089790000002</v>
      </c>
      <c r="AK4448">
        <v>27138.726569999999</v>
      </c>
      <c r="AL4448">
        <v>104099.8769</v>
      </c>
      <c r="AM4448">
        <v>19318.658769999998</v>
      </c>
      <c r="AN4448">
        <v>86872.256829999998</v>
      </c>
      <c r="AO4448">
        <v>21399.82447</v>
      </c>
      <c r="AP4448">
        <v>23113.226360000001</v>
      </c>
    </row>
    <row r="4449" spans="2:42" x14ac:dyDescent="0.3">
      <c r="B4449">
        <v>68.033309731913292</v>
      </c>
      <c r="C4449" s="83">
        <v>43286.291666666664</v>
      </c>
      <c r="D4449">
        <v>287183.99660000001</v>
      </c>
      <c r="E4449">
        <v>24996.575379999998</v>
      </c>
      <c r="F4449">
        <v>87332.754530000006</v>
      </c>
      <c r="G4449">
        <v>47636.838929999998</v>
      </c>
      <c r="H4449">
        <v>44950.818769999998</v>
      </c>
      <c r="I4449">
        <v>34779.311560000002</v>
      </c>
      <c r="J4449">
        <v>46750.160830000001</v>
      </c>
      <c r="K4449">
        <v>57686.079859999998</v>
      </c>
      <c r="L4449">
        <v>21674.88608</v>
      </c>
      <c r="M4449">
        <v>346865.53980000003</v>
      </c>
      <c r="N4449">
        <v>87382.620590000006</v>
      </c>
      <c r="O4449">
        <v>23841.446199999998</v>
      </c>
      <c r="P4449">
        <v>31439.359069999999</v>
      </c>
      <c r="Q4449">
        <v>103954.0505</v>
      </c>
      <c r="R4449">
        <v>19769.681820000002</v>
      </c>
      <c r="S4449">
        <v>101200.2417</v>
      </c>
      <c r="T4449">
        <v>25170.465370000002</v>
      </c>
      <c r="U4449">
        <v>26872.863270000002</v>
      </c>
      <c r="W4449" s="83">
        <f>Bühler!N4481</f>
        <v>45477.291666655881</v>
      </c>
      <c r="X4449" s="83">
        <v>43286.291666666664</v>
      </c>
      <c r="Y4449">
        <v>287183.99660000001</v>
      </c>
      <c r="Z4449">
        <v>24996.575379999998</v>
      </c>
      <c r="AA4449">
        <v>87332.754530000006</v>
      </c>
      <c r="AB4449">
        <v>47636.838929999998</v>
      </c>
      <c r="AC4449">
        <v>44950.818769999998</v>
      </c>
      <c r="AD4449">
        <v>34779.311560000002</v>
      </c>
      <c r="AE4449">
        <v>46750.160830000001</v>
      </c>
      <c r="AF4449">
        <v>57686.079859999998</v>
      </c>
      <c r="AG4449">
        <v>21674.88608</v>
      </c>
      <c r="AH4449">
        <v>346865.53980000003</v>
      </c>
      <c r="AI4449">
        <v>87382.620590000006</v>
      </c>
      <c r="AJ4449">
        <v>23841.446199999998</v>
      </c>
      <c r="AK4449">
        <v>31439.359069999999</v>
      </c>
      <c r="AL4449">
        <v>103954.0505</v>
      </c>
      <c r="AM4449">
        <v>19769.681820000002</v>
      </c>
      <c r="AN4449">
        <v>101200.2417</v>
      </c>
      <c r="AO4449">
        <v>25170.465370000002</v>
      </c>
      <c r="AP4449">
        <v>26872.863270000002</v>
      </c>
    </row>
    <row r="4450" spans="2:42" x14ac:dyDescent="0.3">
      <c r="B4450">
        <v>69.063954056611237</v>
      </c>
      <c r="C4450" s="83">
        <v>43286.333333333336</v>
      </c>
      <c r="D4450">
        <v>296989.46159999998</v>
      </c>
      <c r="E4450">
        <v>31168.663380000002</v>
      </c>
      <c r="F4450">
        <v>95872.757740000001</v>
      </c>
      <c r="G4450">
        <v>55450.034420000004</v>
      </c>
      <c r="H4450">
        <v>50375.389060000001</v>
      </c>
      <c r="I4450">
        <v>37127.636180000001</v>
      </c>
      <c r="J4450">
        <v>49501.76945</v>
      </c>
      <c r="K4450">
        <v>63803.25404</v>
      </c>
      <c r="L4450">
        <v>25457.603439999999</v>
      </c>
      <c r="M4450">
        <v>352120.2452</v>
      </c>
      <c r="N4450">
        <v>94833.286630000002</v>
      </c>
      <c r="O4450">
        <v>25845.96558</v>
      </c>
      <c r="P4450">
        <v>34206.311099999999</v>
      </c>
      <c r="Q4450">
        <v>105690.6655</v>
      </c>
      <c r="R4450">
        <v>21385.194329999998</v>
      </c>
      <c r="S4450">
        <v>114654.10460000001</v>
      </c>
      <c r="T4450">
        <v>27805.843000000001</v>
      </c>
      <c r="U4450">
        <v>30169.65468</v>
      </c>
      <c r="W4450" s="83">
        <f>Bühler!N4482</f>
        <v>45477.333333322546</v>
      </c>
      <c r="X4450" s="83">
        <v>43286.333333333336</v>
      </c>
      <c r="Y4450">
        <v>296989.46159999998</v>
      </c>
      <c r="Z4450">
        <v>31168.663380000002</v>
      </c>
      <c r="AA4450">
        <v>95872.757740000001</v>
      </c>
      <c r="AB4450">
        <v>55450.034420000004</v>
      </c>
      <c r="AC4450">
        <v>50375.389060000001</v>
      </c>
      <c r="AD4450">
        <v>37127.636180000001</v>
      </c>
      <c r="AE4450">
        <v>49501.76945</v>
      </c>
      <c r="AF4450">
        <v>63803.25404</v>
      </c>
      <c r="AG4450">
        <v>25457.603439999999</v>
      </c>
      <c r="AH4450">
        <v>352120.2452</v>
      </c>
      <c r="AI4450">
        <v>94833.286630000002</v>
      </c>
      <c r="AJ4450">
        <v>25845.96558</v>
      </c>
      <c r="AK4450">
        <v>34206.311099999999</v>
      </c>
      <c r="AL4450">
        <v>105690.6655</v>
      </c>
      <c r="AM4450">
        <v>21385.194329999998</v>
      </c>
      <c r="AN4450">
        <v>114654.10460000001</v>
      </c>
      <c r="AO4450">
        <v>27805.843000000001</v>
      </c>
      <c r="AP4450">
        <v>30169.65468</v>
      </c>
    </row>
    <row r="4451" spans="2:42" x14ac:dyDescent="0.3">
      <c r="B4451">
        <v>69.404289244414869</v>
      </c>
      <c r="C4451" s="83">
        <v>43286.375</v>
      </c>
      <c r="D4451">
        <v>299556.08240000001</v>
      </c>
      <c r="E4451">
        <v>36312.480949999997</v>
      </c>
      <c r="F4451">
        <v>104336.34789999999</v>
      </c>
      <c r="G4451">
        <v>62464.358939999998</v>
      </c>
      <c r="H4451">
        <v>53861.042849999998</v>
      </c>
      <c r="I4451">
        <v>37897.093500000003</v>
      </c>
      <c r="J4451">
        <v>51866.306900000003</v>
      </c>
      <c r="K4451">
        <v>67803.748460000003</v>
      </c>
      <c r="L4451">
        <v>29670.230459999999</v>
      </c>
      <c r="M4451">
        <v>353855.4327</v>
      </c>
      <c r="N4451">
        <v>97017.649220000007</v>
      </c>
      <c r="O4451">
        <v>27471.017500000002</v>
      </c>
      <c r="P4451">
        <v>35960.980770000002</v>
      </c>
      <c r="Q4451">
        <v>107194.76949999999</v>
      </c>
      <c r="R4451">
        <v>22679.45263</v>
      </c>
      <c r="S4451">
        <v>123144.61569999999</v>
      </c>
      <c r="T4451">
        <v>31241.267210000002</v>
      </c>
      <c r="U4451">
        <v>31414.776600000001</v>
      </c>
      <c r="W4451" s="83">
        <f>Bühler!N4483</f>
        <v>45477.37499998921</v>
      </c>
      <c r="X4451" s="83">
        <v>43286.375</v>
      </c>
      <c r="Y4451">
        <v>299556.08240000001</v>
      </c>
      <c r="Z4451">
        <v>36312.480949999997</v>
      </c>
      <c r="AA4451">
        <v>104336.34789999999</v>
      </c>
      <c r="AB4451">
        <v>62464.358939999998</v>
      </c>
      <c r="AC4451">
        <v>53861.042849999998</v>
      </c>
      <c r="AD4451">
        <v>37897.093500000003</v>
      </c>
      <c r="AE4451">
        <v>51866.306900000003</v>
      </c>
      <c r="AF4451">
        <v>67803.748460000003</v>
      </c>
      <c r="AG4451">
        <v>29670.230459999999</v>
      </c>
      <c r="AH4451">
        <v>353855.4327</v>
      </c>
      <c r="AI4451">
        <v>97017.649220000007</v>
      </c>
      <c r="AJ4451">
        <v>27471.017500000002</v>
      </c>
      <c r="AK4451">
        <v>35960.980770000002</v>
      </c>
      <c r="AL4451">
        <v>107194.76949999999</v>
      </c>
      <c r="AM4451">
        <v>22679.45263</v>
      </c>
      <c r="AN4451">
        <v>123144.61569999999</v>
      </c>
      <c r="AO4451">
        <v>31241.267210000002</v>
      </c>
      <c r="AP4451">
        <v>31414.776600000001</v>
      </c>
    </row>
    <row r="4452" spans="2:42" x14ac:dyDescent="0.3">
      <c r="B4452">
        <v>70.036107517586885</v>
      </c>
      <c r="C4452" s="83">
        <v>43286.416666666664</v>
      </c>
      <c r="D4452">
        <v>304849.44569999998</v>
      </c>
      <c r="E4452">
        <v>38808.060709999998</v>
      </c>
      <c r="F4452">
        <v>105816.93210000001</v>
      </c>
      <c r="G4452">
        <v>65318.018020000003</v>
      </c>
      <c r="H4452">
        <v>55132.85744</v>
      </c>
      <c r="I4452">
        <v>37141.917750000001</v>
      </c>
      <c r="J4452">
        <v>53333.915529999998</v>
      </c>
      <c r="K4452">
        <v>68662.907380000004</v>
      </c>
      <c r="L4452">
        <v>33921.291649999999</v>
      </c>
      <c r="M4452">
        <v>357076.73690000002</v>
      </c>
      <c r="N4452">
        <v>99342.739440000005</v>
      </c>
      <c r="O4452">
        <v>28723.244429999999</v>
      </c>
      <c r="P4452">
        <v>37938.546390000003</v>
      </c>
      <c r="Q4452">
        <v>109613.4464</v>
      </c>
      <c r="R4452">
        <v>25288.02507</v>
      </c>
      <c r="S4452">
        <v>127285.78569999999</v>
      </c>
      <c r="T4452">
        <v>33552.25303</v>
      </c>
      <c r="U4452">
        <v>31272.829740000001</v>
      </c>
      <c r="W4452" s="83">
        <f>Bühler!N4484</f>
        <v>45477.416666655874</v>
      </c>
      <c r="X4452" s="83">
        <v>43286.416666666664</v>
      </c>
      <c r="Y4452">
        <v>304849.44569999998</v>
      </c>
      <c r="Z4452">
        <v>38808.060709999998</v>
      </c>
      <c r="AA4452">
        <v>105816.93210000001</v>
      </c>
      <c r="AB4452">
        <v>65318.018020000003</v>
      </c>
      <c r="AC4452">
        <v>55132.85744</v>
      </c>
      <c r="AD4452">
        <v>37141.917750000001</v>
      </c>
      <c r="AE4452">
        <v>53333.915529999998</v>
      </c>
      <c r="AF4452">
        <v>68662.907380000004</v>
      </c>
      <c r="AG4452">
        <v>33921.291649999999</v>
      </c>
      <c r="AH4452">
        <v>357076.73690000002</v>
      </c>
      <c r="AI4452">
        <v>99342.739440000005</v>
      </c>
      <c r="AJ4452">
        <v>28723.244429999999</v>
      </c>
      <c r="AK4452">
        <v>37938.546390000003</v>
      </c>
      <c r="AL4452">
        <v>109613.4464</v>
      </c>
      <c r="AM4452">
        <v>25288.02507</v>
      </c>
      <c r="AN4452">
        <v>127285.78569999999</v>
      </c>
      <c r="AO4452">
        <v>33552.25303</v>
      </c>
      <c r="AP4452">
        <v>31272.829740000001</v>
      </c>
    </row>
    <row r="4453" spans="2:42" x14ac:dyDescent="0.3">
      <c r="B4453">
        <v>71.371168738642069</v>
      </c>
      <c r="C4453" s="83">
        <v>43286.458333333336</v>
      </c>
      <c r="D4453">
        <v>304721.63380000001</v>
      </c>
      <c r="E4453">
        <v>39108.004679999998</v>
      </c>
      <c r="F4453">
        <v>106782.2233</v>
      </c>
      <c r="G4453">
        <v>64959.05861</v>
      </c>
      <c r="H4453">
        <v>55498.685310000001</v>
      </c>
      <c r="I4453">
        <v>37551.2912</v>
      </c>
      <c r="J4453">
        <v>53963.659449999999</v>
      </c>
      <c r="K4453">
        <v>68970.976179999998</v>
      </c>
      <c r="L4453">
        <v>35815.644509999998</v>
      </c>
      <c r="M4453">
        <v>363883.50160000002</v>
      </c>
      <c r="N4453">
        <v>101971.1608</v>
      </c>
      <c r="O4453">
        <v>28334.10284</v>
      </c>
      <c r="P4453">
        <v>37812.57041</v>
      </c>
      <c r="Q4453">
        <v>111260.97500000001</v>
      </c>
      <c r="R4453">
        <v>28346.056530000002</v>
      </c>
      <c r="S4453">
        <v>131636.35990000001</v>
      </c>
      <c r="T4453">
        <v>34733.375549999997</v>
      </c>
      <c r="U4453">
        <v>30329.951089999999</v>
      </c>
      <c r="W4453" s="83">
        <f>Bühler!N4485</f>
        <v>45477.458333322538</v>
      </c>
      <c r="X4453" s="83">
        <v>43286.458333333336</v>
      </c>
      <c r="Y4453">
        <v>304721.63380000001</v>
      </c>
      <c r="Z4453">
        <v>39108.004679999998</v>
      </c>
      <c r="AA4453">
        <v>106782.2233</v>
      </c>
      <c r="AB4453">
        <v>64959.05861</v>
      </c>
      <c r="AC4453">
        <v>55498.685310000001</v>
      </c>
      <c r="AD4453">
        <v>37551.2912</v>
      </c>
      <c r="AE4453">
        <v>53963.659449999999</v>
      </c>
      <c r="AF4453">
        <v>68970.976179999998</v>
      </c>
      <c r="AG4453">
        <v>35815.644509999998</v>
      </c>
      <c r="AH4453">
        <v>363883.50160000002</v>
      </c>
      <c r="AI4453">
        <v>101971.1608</v>
      </c>
      <c r="AJ4453">
        <v>28334.10284</v>
      </c>
      <c r="AK4453">
        <v>37812.57041</v>
      </c>
      <c r="AL4453">
        <v>111260.97500000001</v>
      </c>
      <c r="AM4453">
        <v>28346.056530000002</v>
      </c>
      <c r="AN4453">
        <v>131636.35990000001</v>
      </c>
      <c r="AO4453">
        <v>34733.375549999997</v>
      </c>
      <c r="AP4453">
        <v>30329.951089999999</v>
      </c>
    </row>
    <row r="4454" spans="2:42" x14ac:dyDescent="0.3">
      <c r="B4454">
        <v>71.154781039674376</v>
      </c>
      <c r="C4454" s="83">
        <v>43286.5</v>
      </c>
      <c r="D4454">
        <v>292838.27490000002</v>
      </c>
      <c r="E4454">
        <v>36259.22997</v>
      </c>
      <c r="F4454">
        <v>105972.4896</v>
      </c>
      <c r="G4454">
        <v>64485.904069999997</v>
      </c>
      <c r="H4454">
        <v>53829.285889999999</v>
      </c>
      <c r="I4454">
        <v>36907.410040000002</v>
      </c>
      <c r="J4454">
        <v>54460.343540000002</v>
      </c>
      <c r="K4454">
        <v>65869.636280000006</v>
      </c>
      <c r="L4454">
        <v>38642.965230000002</v>
      </c>
      <c r="M4454">
        <v>362780.2562</v>
      </c>
      <c r="N4454">
        <v>103723.6026</v>
      </c>
      <c r="O4454">
        <v>28046.339840000001</v>
      </c>
      <c r="P4454">
        <v>39424.116419999998</v>
      </c>
      <c r="Q4454">
        <v>109417.4691</v>
      </c>
      <c r="R4454">
        <v>28443.18878</v>
      </c>
      <c r="S4454">
        <v>125763.1885</v>
      </c>
      <c r="T4454">
        <v>33343.261039999998</v>
      </c>
      <c r="U4454">
        <v>26732.110530000002</v>
      </c>
      <c r="W4454" s="83">
        <f>Bühler!N4486</f>
        <v>45477.499999989202</v>
      </c>
      <c r="X4454" s="83">
        <v>43286.5</v>
      </c>
      <c r="Y4454">
        <v>292838.27490000002</v>
      </c>
      <c r="Z4454">
        <v>36259.22997</v>
      </c>
      <c r="AA4454">
        <v>105972.4896</v>
      </c>
      <c r="AB4454">
        <v>64485.904069999997</v>
      </c>
      <c r="AC4454">
        <v>53829.285889999999</v>
      </c>
      <c r="AD4454">
        <v>36907.410040000002</v>
      </c>
      <c r="AE4454">
        <v>54460.343540000002</v>
      </c>
      <c r="AF4454">
        <v>65869.636280000006</v>
      </c>
      <c r="AG4454">
        <v>38642.965230000002</v>
      </c>
      <c r="AH4454">
        <v>362780.2562</v>
      </c>
      <c r="AI4454">
        <v>103723.6026</v>
      </c>
      <c r="AJ4454">
        <v>28046.339840000001</v>
      </c>
      <c r="AK4454">
        <v>39424.116419999998</v>
      </c>
      <c r="AL4454">
        <v>109417.4691</v>
      </c>
      <c r="AM4454">
        <v>28443.18878</v>
      </c>
      <c r="AN4454">
        <v>125763.1885</v>
      </c>
      <c r="AO4454">
        <v>33343.261039999998</v>
      </c>
      <c r="AP4454">
        <v>26732.110530000002</v>
      </c>
    </row>
    <row r="4455" spans="2:42" x14ac:dyDescent="0.3">
      <c r="B4455">
        <v>70.77214554320237</v>
      </c>
      <c r="C4455" s="83">
        <v>43286.541666666664</v>
      </c>
      <c r="D4455">
        <v>293293.76089999999</v>
      </c>
      <c r="E4455">
        <v>36684.937660000003</v>
      </c>
      <c r="F4455">
        <v>105555.30499999999</v>
      </c>
      <c r="G4455">
        <v>61530.732190000002</v>
      </c>
      <c r="H4455">
        <v>54617.455580000002</v>
      </c>
      <c r="I4455">
        <v>37399.46946</v>
      </c>
      <c r="J4455">
        <v>53263.569369999997</v>
      </c>
      <c r="K4455">
        <v>66985.524869999994</v>
      </c>
      <c r="L4455">
        <v>37525.062380000003</v>
      </c>
      <c r="M4455">
        <v>360829.402</v>
      </c>
      <c r="N4455">
        <v>103271.8011</v>
      </c>
      <c r="O4455">
        <v>28529.909</v>
      </c>
      <c r="P4455">
        <v>39147.493090000004</v>
      </c>
      <c r="Q4455">
        <v>108463.4537</v>
      </c>
      <c r="R4455">
        <v>28192.36606</v>
      </c>
      <c r="S4455">
        <v>125737.63890000001</v>
      </c>
      <c r="T4455">
        <v>33748.475789999997</v>
      </c>
      <c r="U4455">
        <v>27759.408630000002</v>
      </c>
      <c r="W4455" s="83">
        <f>Bühler!N4487</f>
        <v>45477.541666655867</v>
      </c>
      <c r="X4455" s="83">
        <v>43286.541666666664</v>
      </c>
      <c r="Y4455">
        <v>293293.76089999999</v>
      </c>
      <c r="Z4455">
        <v>36684.937660000003</v>
      </c>
      <c r="AA4455">
        <v>105555.30499999999</v>
      </c>
      <c r="AB4455">
        <v>61530.732190000002</v>
      </c>
      <c r="AC4455">
        <v>54617.455580000002</v>
      </c>
      <c r="AD4455">
        <v>37399.46946</v>
      </c>
      <c r="AE4455">
        <v>53263.569369999997</v>
      </c>
      <c r="AF4455">
        <v>66985.524869999994</v>
      </c>
      <c r="AG4455">
        <v>37525.062380000003</v>
      </c>
      <c r="AH4455">
        <v>360829.402</v>
      </c>
      <c r="AI4455">
        <v>103271.8011</v>
      </c>
      <c r="AJ4455">
        <v>28529.909</v>
      </c>
      <c r="AK4455">
        <v>39147.493090000004</v>
      </c>
      <c r="AL4455">
        <v>108463.4537</v>
      </c>
      <c r="AM4455">
        <v>28192.36606</v>
      </c>
      <c r="AN4455">
        <v>125737.63890000001</v>
      </c>
      <c r="AO4455">
        <v>33748.475789999997</v>
      </c>
      <c r="AP4455">
        <v>27759.408630000002</v>
      </c>
    </row>
    <row r="4456" spans="2:42" x14ac:dyDescent="0.3">
      <c r="B4456">
        <v>71.605810632843756</v>
      </c>
      <c r="C4456" s="83">
        <v>43286.583333333336</v>
      </c>
      <c r="D4456">
        <v>297085.196</v>
      </c>
      <c r="E4456">
        <v>39747.1829</v>
      </c>
      <c r="F4456">
        <v>108819.31269999999</v>
      </c>
      <c r="G4456">
        <v>59092.976309999998</v>
      </c>
      <c r="H4456">
        <v>55559.071620000002</v>
      </c>
      <c r="I4456">
        <v>38366.707629999997</v>
      </c>
      <c r="J4456">
        <v>52850.609270000001</v>
      </c>
      <c r="K4456">
        <v>68572.432499999995</v>
      </c>
      <c r="L4456">
        <v>34938.80616</v>
      </c>
      <c r="M4456">
        <v>365079.81540000002</v>
      </c>
      <c r="N4456">
        <v>106127.97070000001</v>
      </c>
      <c r="O4456">
        <v>28359.426090000001</v>
      </c>
      <c r="P4456">
        <v>35644.309780000003</v>
      </c>
      <c r="Q4456">
        <v>108090.27589999999</v>
      </c>
      <c r="R4456">
        <v>28044.752509999998</v>
      </c>
      <c r="S4456">
        <v>123811.1156</v>
      </c>
      <c r="T4456">
        <v>33763.24985</v>
      </c>
      <c r="U4456">
        <v>29101.530289999999</v>
      </c>
      <c r="W4456" s="83">
        <f>Bühler!N4488</f>
        <v>45477.583333322531</v>
      </c>
      <c r="X4456" s="83">
        <v>43286.583333333336</v>
      </c>
      <c r="Y4456">
        <v>297085.196</v>
      </c>
      <c r="Z4456">
        <v>39747.1829</v>
      </c>
      <c r="AA4456">
        <v>108819.31269999999</v>
      </c>
      <c r="AB4456">
        <v>59092.976309999998</v>
      </c>
      <c r="AC4456">
        <v>55559.071620000002</v>
      </c>
      <c r="AD4456">
        <v>38366.707629999997</v>
      </c>
      <c r="AE4456">
        <v>52850.609270000001</v>
      </c>
      <c r="AF4456">
        <v>68572.432499999995</v>
      </c>
      <c r="AG4456">
        <v>34938.80616</v>
      </c>
      <c r="AH4456">
        <v>365079.81540000002</v>
      </c>
      <c r="AI4456">
        <v>106127.97070000001</v>
      </c>
      <c r="AJ4456">
        <v>28359.426090000001</v>
      </c>
      <c r="AK4456">
        <v>35644.309780000003</v>
      </c>
      <c r="AL4456">
        <v>108090.27589999999</v>
      </c>
      <c r="AM4456">
        <v>28044.752509999998</v>
      </c>
      <c r="AN4456">
        <v>123811.1156</v>
      </c>
      <c r="AO4456">
        <v>33763.24985</v>
      </c>
      <c r="AP4456">
        <v>29101.530289999999</v>
      </c>
    </row>
    <row r="4457" spans="2:42" x14ac:dyDescent="0.3">
      <c r="B4457">
        <v>70.973899253241655</v>
      </c>
      <c r="C4457" s="83">
        <v>43286.625</v>
      </c>
      <c r="D4457">
        <v>298310.0711</v>
      </c>
      <c r="E4457">
        <v>40086.207269999999</v>
      </c>
      <c r="F4457">
        <v>110669.62669999999</v>
      </c>
      <c r="G4457">
        <v>57417.846610000001</v>
      </c>
      <c r="H4457">
        <v>54617.02807</v>
      </c>
      <c r="I4457">
        <v>38882.314749999998</v>
      </c>
      <c r="J4457">
        <v>53425.830199999997</v>
      </c>
      <c r="K4457">
        <v>68370.113880000004</v>
      </c>
      <c r="L4457">
        <v>32013.111789999999</v>
      </c>
      <c r="M4457">
        <v>361858.03649999999</v>
      </c>
      <c r="N4457">
        <v>103546.41220000001</v>
      </c>
      <c r="O4457">
        <v>28576.821199999998</v>
      </c>
      <c r="P4457">
        <v>33411.31712</v>
      </c>
      <c r="Q4457">
        <v>107405.6366</v>
      </c>
      <c r="R4457">
        <v>29136.32574</v>
      </c>
      <c r="S4457">
        <v>121793.3593</v>
      </c>
      <c r="T4457">
        <v>32622.4018</v>
      </c>
      <c r="U4457">
        <v>28120.031060000001</v>
      </c>
      <c r="W4457" s="83">
        <f>Bühler!N4489</f>
        <v>45477.624999989195</v>
      </c>
      <c r="X4457" s="83">
        <v>43286.625</v>
      </c>
      <c r="Y4457">
        <v>298310.0711</v>
      </c>
      <c r="Z4457">
        <v>40086.207269999999</v>
      </c>
      <c r="AA4457">
        <v>110669.62669999999</v>
      </c>
      <c r="AB4457">
        <v>57417.846610000001</v>
      </c>
      <c r="AC4457">
        <v>54617.02807</v>
      </c>
      <c r="AD4457">
        <v>38882.314749999998</v>
      </c>
      <c r="AE4457">
        <v>53425.830199999997</v>
      </c>
      <c r="AF4457">
        <v>68370.113880000004</v>
      </c>
      <c r="AG4457">
        <v>32013.111789999999</v>
      </c>
      <c r="AH4457">
        <v>361858.03649999999</v>
      </c>
      <c r="AI4457">
        <v>103546.41220000001</v>
      </c>
      <c r="AJ4457">
        <v>28576.821199999998</v>
      </c>
      <c r="AK4457">
        <v>33411.31712</v>
      </c>
      <c r="AL4457">
        <v>107405.6366</v>
      </c>
      <c r="AM4457">
        <v>29136.32574</v>
      </c>
      <c r="AN4457">
        <v>121793.3593</v>
      </c>
      <c r="AO4457">
        <v>32622.4018</v>
      </c>
      <c r="AP4457">
        <v>28120.031060000001</v>
      </c>
    </row>
    <row r="4458" spans="2:42" x14ac:dyDescent="0.3">
      <c r="B4458">
        <v>70.043910530754303</v>
      </c>
      <c r="C4458" s="83">
        <v>43286.666666666664</v>
      </c>
      <c r="D4458">
        <v>290713.27289999998</v>
      </c>
      <c r="E4458">
        <v>39207.615610000001</v>
      </c>
      <c r="F4458">
        <v>110493.5995</v>
      </c>
      <c r="G4458">
        <v>54602.501100000001</v>
      </c>
      <c r="H4458">
        <v>52967.43172</v>
      </c>
      <c r="I4458">
        <v>39183.864759999997</v>
      </c>
      <c r="J4458">
        <v>52590.111550000001</v>
      </c>
      <c r="K4458">
        <v>64227.752999999997</v>
      </c>
      <c r="L4458">
        <v>30739.536400000001</v>
      </c>
      <c r="M4458">
        <v>357116.52029999997</v>
      </c>
      <c r="N4458">
        <v>101285.7951</v>
      </c>
      <c r="O4458">
        <v>28204.719829999998</v>
      </c>
      <c r="P4458">
        <v>33187.831570000002</v>
      </c>
      <c r="Q4458">
        <v>107033.22870000001</v>
      </c>
      <c r="R4458">
        <v>28299.00375</v>
      </c>
      <c r="S4458">
        <v>119565.401</v>
      </c>
      <c r="T4458">
        <v>32504.81957</v>
      </c>
      <c r="U4458">
        <v>26144.82948</v>
      </c>
      <c r="W4458" s="83">
        <f>Bühler!N4490</f>
        <v>45477.666666655859</v>
      </c>
      <c r="X4458" s="83">
        <v>43286.666666666664</v>
      </c>
      <c r="Y4458">
        <v>290713.27289999998</v>
      </c>
      <c r="Z4458">
        <v>39207.615610000001</v>
      </c>
      <c r="AA4458">
        <v>110493.5995</v>
      </c>
      <c r="AB4458">
        <v>54602.501100000001</v>
      </c>
      <c r="AC4458">
        <v>52967.43172</v>
      </c>
      <c r="AD4458">
        <v>39183.864759999997</v>
      </c>
      <c r="AE4458">
        <v>52590.111550000001</v>
      </c>
      <c r="AF4458">
        <v>64227.752999999997</v>
      </c>
      <c r="AG4458">
        <v>30739.536400000001</v>
      </c>
      <c r="AH4458">
        <v>357116.52029999997</v>
      </c>
      <c r="AI4458">
        <v>101285.7951</v>
      </c>
      <c r="AJ4458">
        <v>28204.719829999998</v>
      </c>
      <c r="AK4458">
        <v>33187.831570000002</v>
      </c>
      <c r="AL4458">
        <v>107033.22870000001</v>
      </c>
      <c r="AM4458">
        <v>28299.00375</v>
      </c>
      <c r="AN4458">
        <v>119565.401</v>
      </c>
      <c r="AO4458">
        <v>32504.81957</v>
      </c>
      <c r="AP4458">
        <v>26144.82948</v>
      </c>
    </row>
    <row r="4459" spans="2:42" x14ac:dyDescent="0.3">
      <c r="B4459">
        <v>68.658230813333617</v>
      </c>
      <c r="C4459" s="83">
        <v>43286.708333333336</v>
      </c>
      <c r="D4459">
        <v>282723.90480000002</v>
      </c>
      <c r="E4459">
        <v>36946.132590000001</v>
      </c>
      <c r="F4459">
        <v>109425.7519</v>
      </c>
      <c r="G4459">
        <v>49977.160660000001</v>
      </c>
      <c r="H4459">
        <v>50603.407930000001</v>
      </c>
      <c r="I4459">
        <v>38849.577080000003</v>
      </c>
      <c r="J4459">
        <v>52762.582190000001</v>
      </c>
      <c r="K4459">
        <v>59995.404920000001</v>
      </c>
      <c r="L4459">
        <v>31134.944439999999</v>
      </c>
      <c r="M4459">
        <v>350051.6789</v>
      </c>
      <c r="N4459">
        <v>97659.093859999994</v>
      </c>
      <c r="O4459">
        <v>28312.079160000001</v>
      </c>
      <c r="P4459">
        <v>34151.205190000001</v>
      </c>
      <c r="Q4459">
        <v>105799.7833</v>
      </c>
      <c r="R4459">
        <v>27986.817050000001</v>
      </c>
      <c r="S4459">
        <v>116572.3272</v>
      </c>
      <c r="T4459">
        <v>31905.93317</v>
      </c>
      <c r="U4459">
        <v>24086.67901</v>
      </c>
      <c r="W4459" s="83">
        <f>Bühler!N4491</f>
        <v>45477.708333322524</v>
      </c>
      <c r="X4459" s="83">
        <v>43286.708333333336</v>
      </c>
      <c r="Y4459">
        <v>282723.90480000002</v>
      </c>
      <c r="Z4459">
        <v>36946.132590000001</v>
      </c>
      <c r="AA4459">
        <v>109425.7519</v>
      </c>
      <c r="AB4459">
        <v>49977.160660000001</v>
      </c>
      <c r="AC4459">
        <v>50603.407930000001</v>
      </c>
      <c r="AD4459">
        <v>38849.577080000003</v>
      </c>
      <c r="AE4459">
        <v>52762.582190000001</v>
      </c>
      <c r="AF4459">
        <v>59995.404920000001</v>
      </c>
      <c r="AG4459">
        <v>31134.944439999999</v>
      </c>
      <c r="AH4459">
        <v>350051.6789</v>
      </c>
      <c r="AI4459">
        <v>97659.093859999994</v>
      </c>
      <c r="AJ4459">
        <v>28312.079160000001</v>
      </c>
      <c r="AK4459">
        <v>34151.205190000001</v>
      </c>
      <c r="AL4459">
        <v>105799.7833</v>
      </c>
      <c r="AM4459">
        <v>27986.817050000001</v>
      </c>
      <c r="AN4459">
        <v>116572.3272</v>
      </c>
      <c r="AO4459">
        <v>31905.93317</v>
      </c>
      <c r="AP4459">
        <v>24086.67901</v>
      </c>
    </row>
    <row r="4460" spans="2:42" x14ac:dyDescent="0.3">
      <c r="B4460">
        <v>68.042329130476659</v>
      </c>
      <c r="C4460" s="83">
        <v>43286.75</v>
      </c>
      <c r="D4460">
        <v>277936.90990000003</v>
      </c>
      <c r="E4460">
        <v>33177.056479999999</v>
      </c>
      <c r="F4460">
        <v>107411.2605</v>
      </c>
      <c r="G4460">
        <v>44639.525130000002</v>
      </c>
      <c r="H4460">
        <v>48005.838100000001</v>
      </c>
      <c r="I4460">
        <v>37023.322160000003</v>
      </c>
      <c r="J4460">
        <v>53358.732049999999</v>
      </c>
      <c r="K4460">
        <v>59231.443899999998</v>
      </c>
      <c r="L4460">
        <v>31148.332050000001</v>
      </c>
      <c r="M4460">
        <v>346911.52490000002</v>
      </c>
      <c r="N4460">
        <v>94960.612280000001</v>
      </c>
      <c r="O4460">
        <v>25600.866620000001</v>
      </c>
      <c r="P4460">
        <v>37036.118260000003</v>
      </c>
      <c r="Q4460">
        <v>104150.94530000001</v>
      </c>
      <c r="R4460">
        <v>26322.052780000002</v>
      </c>
      <c r="S4460">
        <v>109068.26149999999</v>
      </c>
      <c r="T4460">
        <v>31360.803899999999</v>
      </c>
      <c r="U4460">
        <v>22165.050319999998</v>
      </c>
      <c r="W4460" s="83">
        <f>Bühler!N4492</f>
        <v>45477.749999989188</v>
      </c>
      <c r="X4460" s="83">
        <v>43286.75</v>
      </c>
      <c r="Y4460">
        <v>277936.90990000003</v>
      </c>
      <c r="Z4460">
        <v>33177.056479999999</v>
      </c>
      <c r="AA4460">
        <v>107411.2605</v>
      </c>
      <c r="AB4460">
        <v>44639.525130000002</v>
      </c>
      <c r="AC4460">
        <v>48005.838100000001</v>
      </c>
      <c r="AD4460">
        <v>37023.322160000003</v>
      </c>
      <c r="AE4460">
        <v>53358.732049999999</v>
      </c>
      <c r="AF4460">
        <v>59231.443899999998</v>
      </c>
      <c r="AG4460">
        <v>31148.332050000001</v>
      </c>
      <c r="AH4460">
        <v>346911.52490000002</v>
      </c>
      <c r="AI4460">
        <v>94960.612280000001</v>
      </c>
      <c r="AJ4460">
        <v>25600.866620000001</v>
      </c>
      <c r="AK4460">
        <v>37036.118260000003</v>
      </c>
      <c r="AL4460">
        <v>104150.94530000001</v>
      </c>
      <c r="AM4460">
        <v>26322.052780000002</v>
      </c>
      <c r="AN4460">
        <v>109068.26149999999</v>
      </c>
      <c r="AO4460">
        <v>31360.803899999999</v>
      </c>
      <c r="AP4460">
        <v>22165.050319999998</v>
      </c>
    </row>
    <row r="4461" spans="2:42" x14ac:dyDescent="0.3">
      <c r="B4461">
        <v>66.99350639804122</v>
      </c>
      <c r="C4461" s="83">
        <v>43286.791666666664</v>
      </c>
      <c r="D4461">
        <v>270816.75199999998</v>
      </c>
      <c r="E4461">
        <v>26903.51512</v>
      </c>
      <c r="F4461">
        <v>96592.191250000003</v>
      </c>
      <c r="G4461">
        <v>39720.250370000002</v>
      </c>
      <c r="H4461">
        <v>44981.831209999997</v>
      </c>
      <c r="I4461">
        <v>35193.826280000001</v>
      </c>
      <c r="J4461">
        <v>51650.889109999996</v>
      </c>
      <c r="K4461">
        <v>58041.916579999997</v>
      </c>
      <c r="L4461">
        <v>32854.163139999997</v>
      </c>
      <c r="M4461">
        <v>341564.13750000001</v>
      </c>
      <c r="N4461">
        <v>91526.562969999999</v>
      </c>
      <c r="O4461">
        <v>24107.785360000002</v>
      </c>
      <c r="P4461">
        <v>39037.836139999999</v>
      </c>
      <c r="Q4461">
        <v>101028.8845</v>
      </c>
      <c r="R4461">
        <v>24573.088080000001</v>
      </c>
      <c r="S4461">
        <v>103877.3312</v>
      </c>
      <c r="T4461">
        <v>30966.50215</v>
      </c>
      <c r="U4461">
        <v>20897.023929999999</v>
      </c>
      <c r="W4461" s="83">
        <f>Bühler!N4493</f>
        <v>45477.791666655852</v>
      </c>
      <c r="X4461" s="83">
        <v>43286.791666666664</v>
      </c>
      <c r="Y4461">
        <v>270816.75199999998</v>
      </c>
      <c r="Z4461">
        <v>26903.51512</v>
      </c>
      <c r="AA4461">
        <v>96592.191250000003</v>
      </c>
      <c r="AB4461">
        <v>39720.250370000002</v>
      </c>
      <c r="AC4461">
        <v>44981.831209999997</v>
      </c>
      <c r="AD4461">
        <v>35193.826280000001</v>
      </c>
      <c r="AE4461">
        <v>51650.889109999996</v>
      </c>
      <c r="AF4461">
        <v>58041.916579999997</v>
      </c>
      <c r="AG4461">
        <v>32854.163139999997</v>
      </c>
      <c r="AH4461">
        <v>341564.13750000001</v>
      </c>
      <c r="AI4461">
        <v>91526.562969999999</v>
      </c>
      <c r="AJ4461">
        <v>24107.785360000002</v>
      </c>
      <c r="AK4461">
        <v>39037.836139999999</v>
      </c>
      <c r="AL4461">
        <v>101028.8845</v>
      </c>
      <c r="AM4461">
        <v>24573.088080000001</v>
      </c>
      <c r="AN4461">
        <v>103877.3312</v>
      </c>
      <c r="AO4461">
        <v>30966.50215</v>
      </c>
      <c r="AP4461">
        <v>20897.023929999999</v>
      </c>
    </row>
    <row r="4462" spans="2:42" x14ac:dyDescent="0.3">
      <c r="B4462">
        <v>65.12702562485444</v>
      </c>
      <c r="C4462" s="83">
        <v>43286.833333333336</v>
      </c>
      <c r="D4462">
        <v>260346.83989999999</v>
      </c>
      <c r="E4462">
        <v>20093.51253</v>
      </c>
      <c r="F4462">
        <v>82779.637140000006</v>
      </c>
      <c r="G4462">
        <v>36897.270450000004</v>
      </c>
      <c r="H4462">
        <v>41679.770969999998</v>
      </c>
      <c r="I4462">
        <v>31230.13624</v>
      </c>
      <c r="J4462">
        <v>50370.166100000002</v>
      </c>
      <c r="K4462">
        <v>57391.81106</v>
      </c>
      <c r="L4462">
        <v>32735.516459999999</v>
      </c>
      <c r="M4462">
        <v>332047.94809999998</v>
      </c>
      <c r="N4462">
        <v>87372.026960000003</v>
      </c>
      <c r="O4462">
        <v>22254.32099</v>
      </c>
      <c r="P4462">
        <v>38465.689599999998</v>
      </c>
      <c r="Q4462">
        <v>97835.470390000002</v>
      </c>
      <c r="R4462">
        <v>22650.49424</v>
      </c>
      <c r="S4462">
        <v>94481.771200000003</v>
      </c>
      <c r="T4462">
        <v>29410.623609999999</v>
      </c>
      <c r="U4462">
        <v>20310.459599999998</v>
      </c>
      <c r="W4462" s="83">
        <f>Bühler!N4494</f>
        <v>45477.833333322516</v>
      </c>
      <c r="X4462" s="83">
        <v>43286.833333333336</v>
      </c>
      <c r="Y4462">
        <v>260346.83989999999</v>
      </c>
      <c r="Z4462">
        <v>20093.51253</v>
      </c>
      <c r="AA4462">
        <v>82779.637140000006</v>
      </c>
      <c r="AB4462">
        <v>36897.270450000004</v>
      </c>
      <c r="AC4462">
        <v>41679.770969999998</v>
      </c>
      <c r="AD4462">
        <v>31230.13624</v>
      </c>
      <c r="AE4462">
        <v>50370.166100000002</v>
      </c>
      <c r="AF4462">
        <v>57391.81106</v>
      </c>
      <c r="AG4462">
        <v>32735.516459999999</v>
      </c>
      <c r="AH4462">
        <v>332047.94809999998</v>
      </c>
      <c r="AI4462">
        <v>87372.026960000003</v>
      </c>
      <c r="AJ4462">
        <v>22254.32099</v>
      </c>
      <c r="AK4462">
        <v>38465.689599999998</v>
      </c>
      <c r="AL4462">
        <v>97835.470390000002</v>
      </c>
      <c r="AM4462">
        <v>22650.49424</v>
      </c>
      <c r="AN4462">
        <v>94481.771200000003</v>
      </c>
      <c r="AO4462">
        <v>29410.623609999999</v>
      </c>
      <c r="AP4462">
        <v>20310.459599999998</v>
      </c>
    </row>
    <row r="4463" spans="2:42" x14ac:dyDescent="0.3">
      <c r="B4463">
        <v>62.797802422520824</v>
      </c>
      <c r="C4463" s="83">
        <v>43286.875</v>
      </c>
      <c r="D4463">
        <v>252264.01070000001</v>
      </c>
      <c r="E4463">
        <v>17376.27533</v>
      </c>
      <c r="F4463">
        <v>72961.065839999996</v>
      </c>
      <c r="G4463">
        <v>36667.475559999999</v>
      </c>
      <c r="H4463">
        <v>39481.018060000002</v>
      </c>
      <c r="I4463">
        <v>27759.42383</v>
      </c>
      <c r="J4463">
        <v>49029.224950000003</v>
      </c>
      <c r="K4463">
        <v>56043.531300000002</v>
      </c>
      <c r="L4463">
        <v>31254.445520000001</v>
      </c>
      <c r="M4463">
        <v>320172.48200000002</v>
      </c>
      <c r="N4463">
        <v>84081.215679999994</v>
      </c>
      <c r="O4463">
        <v>19869.932290000001</v>
      </c>
      <c r="P4463">
        <v>36982.708379999996</v>
      </c>
      <c r="Q4463">
        <v>94671.738759999993</v>
      </c>
      <c r="R4463">
        <v>21331.658189999998</v>
      </c>
      <c r="S4463">
        <v>89328.026679999995</v>
      </c>
      <c r="T4463">
        <v>27256.582600000002</v>
      </c>
      <c r="U4463">
        <v>19333.47782</v>
      </c>
      <c r="W4463" s="83">
        <f>Bühler!N4495</f>
        <v>45477.874999989181</v>
      </c>
      <c r="X4463" s="83">
        <v>43286.875</v>
      </c>
      <c r="Y4463">
        <v>252264.01070000001</v>
      </c>
      <c r="Z4463">
        <v>17376.27533</v>
      </c>
      <c r="AA4463">
        <v>72961.065839999996</v>
      </c>
      <c r="AB4463">
        <v>36667.475559999999</v>
      </c>
      <c r="AC4463">
        <v>39481.018060000002</v>
      </c>
      <c r="AD4463">
        <v>27759.42383</v>
      </c>
      <c r="AE4463">
        <v>49029.224950000003</v>
      </c>
      <c r="AF4463">
        <v>56043.531300000002</v>
      </c>
      <c r="AG4463">
        <v>31254.445520000001</v>
      </c>
      <c r="AH4463">
        <v>320172.48200000002</v>
      </c>
      <c r="AI4463">
        <v>84081.215679999994</v>
      </c>
      <c r="AJ4463">
        <v>19869.932290000001</v>
      </c>
      <c r="AK4463">
        <v>36982.708379999996</v>
      </c>
      <c r="AL4463">
        <v>94671.738759999993</v>
      </c>
      <c r="AM4463">
        <v>21331.658189999998</v>
      </c>
      <c r="AN4463">
        <v>89328.026679999995</v>
      </c>
      <c r="AO4463">
        <v>27256.582600000002</v>
      </c>
      <c r="AP4463">
        <v>19333.47782</v>
      </c>
    </row>
    <row r="4464" spans="2:42" x14ac:dyDescent="0.3">
      <c r="B4464">
        <v>62.414589340594198</v>
      </c>
      <c r="C4464" s="83">
        <v>43286.916666666664</v>
      </c>
      <c r="D4464">
        <v>252169.94870000001</v>
      </c>
      <c r="E4464">
        <v>16590.7709</v>
      </c>
      <c r="F4464">
        <v>69352.600890000002</v>
      </c>
      <c r="G4464">
        <v>36497.841780000002</v>
      </c>
      <c r="H4464">
        <v>40335.256179999997</v>
      </c>
      <c r="I4464">
        <v>25715.33467</v>
      </c>
      <c r="J4464">
        <v>49234.652300000002</v>
      </c>
      <c r="K4464">
        <v>59006.461889999999</v>
      </c>
      <c r="L4464">
        <v>28265.91995</v>
      </c>
      <c r="M4464">
        <v>318218.68300000002</v>
      </c>
      <c r="N4464">
        <v>83055.260240000003</v>
      </c>
      <c r="O4464">
        <v>19536.4411</v>
      </c>
      <c r="P4464">
        <v>39499.840060000002</v>
      </c>
      <c r="Q4464">
        <v>92861.433579999997</v>
      </c>
      <c r="R4464">
        <v>22552.502369999998</v>
      </c>
      <c r="S4464">
        <v>87858.016709999996</v>
      </c>
      <c r="T4464">
        <v>24169.32518</v>
      </c>
      <c r="U4464">
        <v>19819.127140000001</v>
      </c>
      <c r="W4464" s="83">
        <f>Bühler!N4496</f>
        <v>45477.916666655845</v>
      </c>
      <c r="X4464" s="83">
        <v>43286.916666666664</v>
      </c>
      <c r="Y4464">
        <v>252169.94870000001</v>
      </c>
      <c r="Z4464">
        <v>16590.7709</v>
      </c>
      <c r="AA4464">
        <v>69352.600890000002</v>
      </c>
      <c r="AB4464">
        <v>36497.841780000002</v>
      </c>
      <c r="AC4464">
        <v>40335.256179999997</v>
      </c>
      <c r="AD4464">
        <v>25715.33467</v>
      </c>
      <c r="AE4464">
        <v>49234.652300000002</v>
      </c>
      <c r="AF4464">
        <v>59006.461889999999</v>
      </c>
      <c r="AG4464">
        <v>28265.91995</v>
      </c>
      <c r="AH4464">
        <v>318218.68300000002</v>
      </c>
      <c r="AI4464">
        <v>83055.260240000003</v>
      </c>
      <c r="AJ4464">
        <v>19536.4411</v>
      </c>
      <c r="AK4464">
        <v>39499.840060000002</v>
      </c>
      <c r="AL4464">
        <v>92861.433579999997</v>
      </c>
      <c r="AM4464">
        <v>22552.502369999998</v>
      </c>
      <c r="AN4464">
        <v>87858.016709999996</v>
      </c>
      <c r="AO4464">
        <v>24169.32518</v>
      </c>
      <c r="AP4464">
        <v>19819.127140000001</v>
      </c>
    </row>
    <row r="4465" spans="2:42" x14ac:dyDescent="0.3">
      <c r="B4465">
        <v>61.488951475504386</v>
      </c>
      <c r="C4465" s="83">
        <v>43286.958333333336</v>
      </c>
      <c r="D4465">
        <v>252494.09849999999</v>
      </c>
      <c r="E4465">
        <v>15761.48533</v>
      </c>
      <c r="F4465">
        <v>63668.291519999999</v>
      </c>
      <c r="G4465">
        <v>36122.23979</v>
      </c>
      <c r="H4465">
        <v>39211.017670000001</v>
      </c>
      <c r="I4465">
        <v>24394.436290000001</v>
      </c>
      <c r="J4465">
        <v>44286.744729999999</v>
      </c>
      <c r="K4465">
        <v>57874.664169999996</v>
      </c>
      <c r="L4465">
        <v>23949.80731</v>
      </c>
      <c r="M4465">
        <v>313499.34950000001</v>
      </c>
      <c r="N4465">
        <v>82428.735109999994</v>
      </c>
      <c r="O4465">
        <v>18894.049330000002</v>
      </c>
      <c r="P4465">
        <v>34143.888910000001</v>
      </c>
      <c r="Q4465">
        <v>91851.828899999993</v>
      </c>
      <c r="R4465">
        <v>22996.172780000001</v>
      </c>
      <c r="S4465">
        <v>85423.595369999995</v>
      </c>
      <c r="T4465">
        <v>21450.62471</v>
      </c>
      <c r="U4465">
        <v>19468.020189999999</v>
      </c>
      <c r="W4465" s="83">
        <f>Bühler!N4497</f>
        <v>45477.958333322509</v>
      </c>
      <c r="X4465" s="83">
        <v>43286.958333333336</v>
      </c>
      <c r="Y4465">
        <v>252494.09849999999</v>
      </c>
      <c r="Z4465">
        <v>15761.48533</v>
      </c>
      <c r="AA4465">
        <v>63668.291519999999</v>
      </c>
      <c r="AB4465">
        <v>36122.23979</v>
      </c>
      <c r="AC4465">
        <v>39211.017670000001</v>
      </c>
      <c r="AD4465">
        <v>24394.436290000001</v>
      </c>
      <c r="AE4465">
        <v>44286.744729999999</v>
      </c>
      <c r="AF4465">
        <v>57874.664169999996</v>
      </c>
      <c r="AG4465">
        <v>23949.80731</v>
      </c>
      <c r="AH4465">
        <v>313499.34950000001</v>
      </c>
      <c r="AI4465">
        <v>82428.735109999994</v>
      </c>
      <c r="AJ4465">
        <v>18894.049330000002</v>
      </c>
      <c r="AK4465">
        <v>34143.888910000001</v>
      </c>
      <c r="AL4465">
        <v>91851.828899999993</v>
      </c>
      <c r="AM4465">
        <v>22996.172780000001</v>
      </c>
      <c r="AN4465">
        <v>85423.595369999995</v>
      </c>
      <c r="AO4465">
        <v>21450.62471</v>
      </c>
      <c r="AP4465">
        <v>19468.020189999999</v>
      </c>
    </row>
    <row r="4466" spans="2:42" x14ac:dyDescent="0.3">
      <c r="B4466">
        <v>60.264638401466179</v>
      </c>
      <c r="C4466" s="83">
        <v>43287</v>
      </c>
      <c r="D4466">
        <v>248290.49340000001</v>
      </c>
      <c r="E4466">
        <v>15075.617560000001</v>
      </c>
      <c r="F4466">
        <v>60084.795570000002</v>
      </c>
      <c r="G4466">
        <v>35349.370609999998</v>
      </c>
      <c r="H4466">
        <v>38061.221960000003</v>
      </c>
      <c r="I4466">
        <v>22562.081590000002</v>
      </c>
      <c r="J4466">
        <v>39707.161330000003</v>
      </c>
      <c r="K4466">
        <v>55353.547050000001</v>
      </c>
      <c r="L4466">
        <v>20544.361229999999</v>
      </c>
      <c r="M4466">
        <v>307257.23050000001</v>
      </c>
      <c r="N4466">
        <v>80938.588449999996</v>
      </c>
      <c r="O4466">
        <v>18744.602220000001</v>
      </c>
      <c r="P4466">
        <v>30720.086139999999</v>
      </c>
      <c r="Q4466">
        <v>90680.131380000006</v>
      </c>
      <c r="R4466">
        <v>18343.356589999999</v>
      </c>
      <c r="S4466">
        <v>83071.019310000003</v>
      </c>
      <c r="T4466">
        <v>19923.015039999998</v>
      </c>
      <c r="U4466">
        <v>19229.600429999999</v>
      </c>
      <c r="W4466" s="83">
        <f>Bühler!N4498</f>
        <v>45477.999999989173</v>
      </c>
      <c r="X4466" s="83">
        <v>43287</v>
      </c>
      <c r="Y4466">
        <v>248290.49340000001</v>
      </c>
      <c r="Z4466">
        <v>15075.617560000001</v>
      </c>
      <c r="AA4466">
        <v>60084.795570000002</v>
      </c>
      <c r="AB4466">
        <v>35349.370609999998</v>
      </c>
      <c r="AC4466">
        <v>38061.221960000003</v>
      </c>
      <c r="AD4466">
        <v>22562.081590000002</v>
      </c>
      <c r="AE4466">
        <v>39707.161330000003</v>
      </c>
      <c r="AF4466">
        <v>55353.547050000001</v>
      </c>
      <c r="AG4466">
        <v>20544.361229999999</v>
      </c>
      <c r="AH4466">
        <v>307257.23050000001</v>
      </c>
      <c r="AI4466">
        <v>80938.588449999996</v>
      </c>
      <c r="AJ4466">
        <v>18744.602220000001</v>
      </c>
      <c r="AK4466">
        <v>30720.086139999999</v>
      </c>
      <c r="AL4466">
        <v>90680.131380000006</v>
      </c>
      <c r="AM4466">
        <v>18343.356589999999</v>
      </c>
      <c r="AN4466">
        <v>83071.019310000003</v>
      </c>
      <c r="AO4466">
        <v>19923.015039999998</v>
      </c>
      <c r="AP4466">
        <v>19229.600429999999</v>
      </c>
    </row>
    <row r="4467" spans="2:42" x14ac:dyDescent="0.3">
      <c r="B4467">
        <v>59.950343691542606</v>
      </c>
      <c r="C4467" s="83">
        <v>43287.041666666664</v>
      </c>
      <c r="D4467">
        <v>246003.0894</v>
      </c>
      <c r="E4467">
        <v>14547.80658</v>
      </c>
      <c r="F4467">
        <v>59010.746350000001</v>
      </c>
      <c r="G4467">
        <v>34252.865019999997</v>
      </c>
      <c r="H4467">
        <v>37185.055639999999</v>
      </c>
      <c r="I4467">
        <v>18733.402910000001</v>
      </c>
      <c r="J4467">
        <v>37794.581149999998</v>
      </c>
      <c r="K4467">
        <v>53527.706259999999</v>
      </c>
      <c r="L4467">
        <v>19112.557949999999</v>
      </c>
      <c r="M4467">
        <v>305654.80949999997</v>
      </c>
      <c r="N4467">
        <v>78741.910650000005</v>
      </c>
      <c r="O4467">
        <v>18357.261190000001</v>
      </c>
      <c r="P4467">
        <v>28674.016790000001</v>
      </c>
      <c r="Q4467">
        <v>90242.865090000007</v>
      </c>
      <c r="R4467">
        <v>15799.32012</v>
      </c>
      <c r="S4467">
        <v>80982.558090000006</v>
      </c>
      <c r="T4467">
        <v>19144.806619999999</v>
      </c>
      <c r="U4467">
        <v>18602.219710000001</v>
      </c>
      <c r="W4467" s="83">
        <f>Bühler!N4499</f>
        <v>45478.041666655838</v>
      </c>
      <c r="X4467" s="83">
        <v>43287.041666666664</v>
      </c>
      <c r="Y4467">
        <v>246003.0894</v>
      </c>
      <c r="Z4467">
        <v>14547.80658</v>
      </c>
      <c r="AA4467">
        <v>59010.746350000001</v>
      </c>
      <c r="AB4467">
        <v>34252.865019999997</v>
      </c>
      <c r="AC4467">
        <v>37185.055639999999</v>
      </c>
      <c r="AD4467">
        <v>18733.402910000001</v>
      </c>
      <c r="AE4467">
        <v>37794.581149999998</v>
      </c>
      <c r="AF4467">
        <v>53527.706259999999</v>
      </c>
      <c r="AG4467">
        <v>19112.557949999999</v>
      </c>
      <c r="AH4467">
        <v>305654.80949999997</v>
      </c>
      <c r="AI4467">
        <v>78741.910650000005</v>
      </c>
      <c r="AJ4467">
        <v>18357.261190000001</v>
      </c>
      <c r="AK4467">
        <v>28674.016790000001</v>
      </c>
      <c r="AL4467">
        <v>90242.865090000007</v>
      </c>
      <c r="AM4467">
        <v>15799.32012</v>
      </c>
      <c r="AN4467">
        <v>80982.558090000006</v>
      </c>
      <c r="AO4467">
        <v>19144.806619999999</v>
      </c>
      <c r="AP4467">
        <v>18602.219710000001</v>
      </c>
    </row>
    <row r="4468" spans="2:42" x14ac:dyDescent="0.3">
      <c r="B4468">
        <v>60.028044018156528</v>
      </c>
      <c r="C4468" s="83">
        <v>43287.083333333336</v>
      </c>
      <c r="D4468">
        <v>245889.78649999999</v>
      </c>
      <c r="E4468">
        <v>14185.50958</v>
      </c>
      <c r="F4468">
        <v>58904.144610000003</v>
      </c>
      <c r="G4468">
        <v>33322.418940000003</v>
      </c>
      <c r="H4468">
        <v>36916.061390000003</v>
      </c>
      <c r="I4468">
        <v>16002.52809</v>
      </c>
      <c r="J4468">
        <v>36942.404779999997</v>
      </c>
      <c r="K4468">
        <v>51935.434159999997</v>
      </c>
      <c r="L4468">
        <v>17945.210749999998</v>
      </c>
      <c r="M4468">
        <v>306050.962</v>
      </c>
      <c r="N4468">
        <v>76927.210149999999</v>
      </c>
      <c r="O4468">
        <v>18791.928919999998</v>
      </c>
      <c r="P4468">
        <v>27521.933099999998</v>
      </c>
      <c r="Q4468">
        <v>92585.838600000003</v>
      </c>
      <c r="R4468">
        <v>16366.204659999999</v>
      </c>
      <c r="S4468">
        <v>79322.079639999996</v>
      </c>
      <c r="T4468">
        <v>18796.738430000001</v>
      </c>
      <c r="U4468">
        <v>18285.977050000001</v>
      </c>
      <c r="W4468" s="83">
        <f>Bühler!N4500</f>
        <v>45478.083333322502</v>
      </c>
      <c r="X4468" s="83">
        <v>43287.083333333336</v>
      </c>
      <c r="Y4468">
        <v>245889.78649999999</v>
      </c>
      <c r="Z4468">
        <v>14185.50958</v>
      </c>
      <c r="AA4468">
        <v>58904.144610000003</v>
      </c>
      <c r="AB4468">
        <v>33322.418940000003</v>
      </c>
      <c r="AC4468">
        <v>36916.061390000003</v>
      </c>
      <c r="AD4468">
        <v>16002.52809</v>
      </c>
      <c r="AE4468">
        <v>36942.404779999997</v>
      </c>
      <c r="AF4468">
        <v>51935.434159999997</v>
      </c>
      <c r="AG4468">
        <v>17945.210749999998</v>
      </c>
      <c r="AH4468">
        <v>306050.962</v>
      </c>
      <c r="AI4468">
        <v>76927.210149999999</v>
      </c>
      <c r="AJ4468">
        <v>18791.928919999998</v>
      </c>
      <c r="AK4468">
        <v>27521.933099999998</v>
      </c>
      <c r="AL4468">
        <v>92585.838600000003</v>
      </c>
      <c r="AM4468">
        <v>16366.204659999999</v>
      </c>
      <c r="AN4468">
        <v>79322.079639999996</v>
      </c>
      <c r="AO4468">
        <v>18796.738430000001</v>
      </c>
      <c r="AP4468">
        <v>18285.977050000001</v>
      </c>
    </row>
    <row r="4469" spans="2:42" x14ac:dyDescent="0.3">
      <c r="B4469">
        <v>60.512885936138446</v>
      </c>
      <c r="C4469" s="83">
        <v>43287.125</v>
      </c>
      <c r="D4469">
        <v>245856.98579999999</v>
      </c>
      <c r="E4469">
        <v>14114.02139</v>
      </c>
      <c r="F4469">
        <v>60659.082349999997</v>
      </c>
      <c r="G4469">
        <v>32400.083589999998</v>
      </c>
      <c r="H4469">
        <v>36546.142939999998</v>
      </c>
      <c r="I4469">
        <v>15433.57106</v>
      </c>
      <c r="J4469">
        <v>36966.226060000001</v>
      </c>
      <c r="K4469">
        <v>50538.352680000004</v>
      </c>
      <c r="L4469">
        <v>17438.553810000001</v>
      </c>
      <c r="M4469">
        <v>308522.91220000002</v>
      </c>
      <c r="N4469">
        <v>76039.771970000002</v>
      </c>
      <c r="O4469">
        <v>18657.064009999998</v>
      </c>
      <c r="P4469">
        <v>25806.66647</v>
      </c>
      <c r="Q4469">
        <v>95852.125950000001</v>
      </c>
      <c r="R4469">
        <v>15450.34816</v>
      </c>
      <c r="S4469">
        <v>78110.273379999999</v>
      </c>
      <c r="T4469">
        <v>18350.912100000001</v>
      </c>
      <c r="U4469">
        <v>18242.304810000001</v>
      </c>
      <c r="W4469" s="83">
        <f>Bühler!N4501</f>
        <v>45478.124999989166</v>
      </c>
      <c r="X4469" s="83">
        <v>43287.125</v>
      </c>
      <c r="Y4469">
        <v>245856.98579999999</v>
      </c>
      <c r="Z4469">
        <v>14114.02139</v>
      </c>
      <c r="AA4469">
        <v>60659.082349999997</v>
      </c>
      <c r="AB4469">
        <v>32400.083589999998</v>
      </c>
      <c r="AC4469">
        <v>36546.142939999998</v>
      </c>
      <c r="AD4469">
        <v>15433.57106</v>
      </c>
      <c r="AE4469">
        <v>36966.226060000001</v>
      </c>
      <c r="AF4469">
        <v>50538.352680000004</v>
      </c>
      <c r="AG4469">
        <v>17438.553810000001</v>
      </c>
      <c r="AH4469">
        <v>308522.91220000002</v>
      </c>
      <c r="AI4469">
        <v>76039.771970000002</v>
      </c>
      <c r="AJ4469">
        <v>18657.064009999998</v>
      </c>
      <c r="AK4469">
        <v>25806.66647</v>
      </c>
      <c r="AL4469">
        <v>95852.125950000001</v>
      </c>
      <c r="AM4469">
        <v>15450.34816</v>
      </c>
      <c r="AN4469">
        <v>78110.273379999999</v>
      </c>
      <c r="AO4469">
        <v>18350.912100000001</v>
      </c>
      <c r="AP4469">
        <v>18242.304810000001</v>
      </c>
    </row>
    <row r="4470" spans="2:42" x14ac:dyDescent="0.3">
      <c r="B4470">
        <v>61.55005961648321</v>
      </c>
      <c r="C4470" s="83">
        <v>43287.166666666664</v>
      </c>
      <c r="D4470">
        <v>246069.95680000001</v>
      </c>
      <c r="E4470">
        <v>14480.37463</v>
      </c>
      <c r="F4470">
        <v>64091.849499999997</v>
      </c>
      <c r="G4470">
        <v>31854.218720000001</v>
      </c>
      <c r="H4470">
        <v>36668.901729999998</v>
      </c>
      <c r="I4470">
        <v>16580.346969999999</v>
      </c>
      <c r="J4470">
        <v>39225.6535</v>
      </c>
      <c r="K4470">
        <v>49512.242380000003</v>
      </c>
      <c r="L4470">
        <v>17381.68115</v>
      </c>
      <c r="M4470">
        <v>313810.90730000002</v>
      </c>
      <c r="N4470">
        <v>76305.662100000001</v>
      </c>
      <c r="O4470">
        <v>18368.06842</v>
      </c>
      <c r="P4470">
        <v>25451.14746</v>
      </c>
      <c r="Q4470">
        <v>98695.717319999996</v>
      </c>
      <c r="R4470">
        <v>15423.767089999999</v>
      </c>
      <c r="S4470">
        <v>77878.407120000003</v>
      </c>
      <c r="T4470">
        <v>18222.167539999999</v>
      </c>
      <c r="U4470">
        <v>18446.14373</v>
      </c>
      <c r="W4470" s="83">
        <f>Bühler!N4502</f>
        <v>45478.16666665583</v>
      </c>
      <c r="X4470" s="83">
        <v>43287.166666666664</v>
      </c>
      <c r="Y4470">
        <v>246069.95680000001</v>
      </c>
      <c r="Z4470">
        <v>14480.37463</v>
      </c>
      <c r="AA4470">
        <v>64091.849499999997</v>
      </c>
      <c r="AB4470">
        <v>31854.218720000001</v>
      </c>
      <c r="AC4470">
        <v>36668.901729999998</v>
      </c>
      <c r="AD4470">
        <v>16580.346969999999</v>
      </c>
      <c r="AE4470">
        <v>39225.6535</v>
      </c>
      <c r="AF4470">
        <v>49512.242380000003</v>
      </c>
      <c r="AG4470">
        <v>17381.68115</v>
      </c>
      <c r="AH4470">
        <v>313810.90730000002</v>
      </c>
      <c r="AI4470">
        <v>76305.662100000001</v>
      </c>
      <c r="AJ4470">
        <v>18368.06842</v>
      </c>
      <c r="AK4470">
        <v>25451.14746</v>
      </c>
      <c r="AL4470">
        <v>98695.717319999996</v>
      </c>
      <c r="AM4470">
        <v>15423.767089999999</v>
      </c>
      <c r="AN4470">
        <v>77878.407120000003</v>
      </c>
      <c r="AO4470">
        <v>18222.167539999999</v>
      </c>
      <c r="AP4470">
        <v>18446.14373</v>
      </c>
    </row>
    <row r="4471" spans="2:42" x14ac:dyDescent="0.3">
      <c r="B4471">
        <v>63.901478728804271</v>
      </c>
      <c r="C4471" s="83">
        <v>43287.208333333336</v>
      </c>
      <c r="D4471">
        <v>260243.9896</v>
      </c>
      <c r="E4471">
        <v>16076.02996</v>
      </c>
      <c r="F4471">
        <v>75023.631840000002</v>
      </c>
      <c r="G4471">
        <v>32991.833200000001</v>
      </c>
      <c r="H4471">
        <v>38244.852189999998</v>
      </c>
      <c r="I4471">
        <v>22710.594069999999</v>
      </c>
      <c r="J4471">
        <v>41467.654710000003</v>
      </c>
      <c r="K4471">
        <v>51443.9372</v>
      </c>
      <c r="L4471">
        <v>18538.65396</v>
      </c>
      <c r="M4471">
        <v>325799.53850000002</v>
      </c>
      <c r="N4471">
        <v>76315.510120000006</v>
      </c>
      <c r="O4471">
        <v>20080.913830000001</v>
      </c>
      <c r="P4471">
        <v>26487.398150000001</v>
      </c>
      <c r="Q4471">
        <v>102023.007</v>
      </c>
      <c r="R4471">
        <v>17611.914209999999</v>
      </c>
      <c r="S4471">
        <v>79842.285239999997</v>
      </c>
      <c r="T4471">
        <v>19414.317709999999</v>
      </c>
      <c r="U4471">
        <v>21092.061079999999</v>
      </c>
      <c r="W4471" s="83">
        <f>Bühler!N4503</f>
        <v>45478.208333322495</v>
      </c>
      <c r="X4471" s="83">
        <v>43287.208333333336</v>
      </c>
      <c r="Y4471">
        <v>260243.9896</v>
      </c>
      <c r="Z4471">
        <v>16076.02996</v>
      </c>
      <c r="AA4471">
        <v>75023.631840000002</v>
      </c>
      <c r="AB4471">
        <v>32991.833200000001</v>
      </c>
      <c r="AC4471">
        <v>38244.852189999998</v>
      </c>
      <c r="AD4471">
        <v>22710.594069999999</v>
      </c>
      <c r="AE4471">
        <v>41467.654710000003</v>
      </c>
      <c r="AF4471">
        <v>51443.9372</v>
      </c>
      <c r="AG4471">
        <v>18538.65396</v>
      </c>
      <c r="AH4471">
        <v>325799.53850000002</v>
      </c>
      <c r="AI4471">
        <v>76315.510120000006</v>
      </c>
      <c r="AJ4471">
        <v>20080.913830000001</v>
      </c>
      <c r="AK4471">
        <v>26487.398150000001</v>
      </c>
      <c r="AL4471">
        <v>102023.007</v>
      </c>
      <c r="AM4471">
        <v>17611.914209999999</v>
      </c>
      <c r="AN4471">
        <v>79842.285239999997</v>
      </c>
      <c r="AO4471">
        <v>19414.317709999999</v>
      </c>
      <c r="AP4471">
        <v>21092.061079999999</v>
      </c>
    </row>
    <row r="4472" spans="2:42" x14ac:dyDescent="0.3">
      <c r="B4472">
        <v>66.400481280836985</v>
      </c>
      <c r="C4472" s="83">
        <v>43287.25</v>
      </c>
      <c r="D4472">
        <v>275671.03389999998</v>
      </c>
      <c r="E4472">
        <v>19884.943950000001</v>
      </c>
      <c r="F4472">
        <v>83796.986120000001</v>
      </c>
      <c r="G4472">
        <v>39306.429940000002</v>
      </c>
      <c r="H4472">
        <v>39471.096669999999</v>
      </c>
      <c r="I4472">
        <v>28140.392830000001</v>
      </c>
      <c r="J4472">
        <v>43950.128960000002</v>
      </c>
      <c r="K4472">
        <v>52196.063049999997</v>
      </c>
      <c r="L4472">
        <v>19627.289069999999</v>
      </c>
      <c r="M4472">
        <v>338540.6189</v>
      </c>
      <c r="N4472">
        <v>78202.384109999999</v>
      </c>
      <c r="O4472">
        <v>21287.65956</v>
      </c>
      <c r="P4472">
        <v>27336.957620000001</v>
      </c>
      <c r="Q4472">
        <v>101427.486</v>
      </c>
      <c r="R4472">
        <v>16695.451860000001</v>
      </c>
      <c r="S4472">
        <v>86832.580700000006</v>
      </c>
      <c r="T4472">
        <v>21883.116460000001</v>
      </c>
      <c r="U4472">
        <v>22949.65669</v>
      </c>
      <c r="W4472" s="83">
        <f>Bühler!N4504</f>
        <v>45478.249999989159</v>
      </c>
      <c r="X4472" s="83">
        <v>43287.25</v>
      </c>
      <c r="Y4472">
        <v>275671.03389999998</v>
      </c>
      <c r="Z4472">
        <v>19884.943950000001</v>
      </c>
      <c r="AA4472">
        <v>83796.986120000001</v>
      </c>
      <c r="AB4472">
        <v>39306.429940000002</v>
      </c>
      <c r="AC4472">
        <v>39471.096669999999</v>
      </c>
      <c r="AD4472">
        <v>28140.392830000001</v>
      </c>
      <c r="AE4472">
        <v>43950.128960000002</v>
      </c>
      <c r="AF4472">
        <v>52196.063049999997</v>
      </c>
      <c r="AG4472">
        <v>19627.289069999999</v>
      </c>
      <c r="AH4472">
        <v>338540.6189</v>
      </c>
      <c r="AI4472">
        <v>78202.384109999999</v>
      </c>
      <c r="AJ4472">
        <v>21287.65956</v>
      </c>
      <c r="AK4472">
        <v>27336.957620000001</v>
      </c>
      <c r="AL4472">
        <v>101427.486</v>
      </c>
      <c r="AM4472">
        <v>16695.451860000001</v>
      </c>
      <c r="AN4472">
        <v>86832.580700000006</v>
      </c>
      <c r="AO4472">
        <v>21883.116460000001</v>
      </c>
      <c r="AP4472">
        <v>22949.65669</v>
      </c>
    </row>
    <row r="4473" spans="2:42" x14ac:dyDescent="0.3">
      <c r="B4473">
        <v>68.540735715823516</v>
      </c>
      <c r="C4473" s="83">
        <v>43287.291666666664</v>
      </c>
      <c r="D4473">
        <v>286128.69640000002</v>
      </c>
      <c r="E4473">
        <v>24724.158490000002</v>
      </c>
      <c r="F4473">
        <v>87954.511759999994</v>
      </c>
      <c r="G4473">
        <v>46916.748549999997</v>
      </c>
      <c r="H4473">
        <v>44454.5605</v>
      </c>
      <c r="I4473">
        <v>34568.799330000002</v>
      </c>
      <c r="J4473">
        <v>45955.590770000003</v>
      </c>
      <c r="K4473">
        <v>58107.066650000001</v>
      </c>
      <c r="L4473">
        <v>22270.803039999999</v>
      </c>
      <c r="M4473">
        <v>349452.63410000002</v>
      </c>
      <c r="N4473">
        <v>82026.300829999993</v>
      </c>
      <c r="O4473">
        <v>22815.609039999999</v>
      </c>
      <c r="P4473">
        <v>30745.02491</v>
      </c>
      <c r="Q4473">
        <v>101208.10920000001</v>
      </c>
      <c r="R4473">
        <v>18657.81135</v>
      </c>
      <c r="S4473">
        <v>101059.8847</v>
      </c>
      <c r="T4473">
        <v>25174.025140000002</v>
      </c>
      <c r="U4473">
        <v>26600.75519</v>
      </c>
      <c r="W4473" s="83">
        <f>Bühler!N4505</f>
        <v>45478.291666655823</v>
      </c>
      <c r="X4473" s="83">
        <v>43287.291666666664</v>
      </c>
      <c r="Y4473">
        <v>286128.69640000002</v>
      </c>
      <c r="Z4473">
        <v>24724.158490000002</v>
      </c>
      <c r="AA4473">
        <v>87954.511759999994</v>
      </c>
      <c r="AB4473">
        <v>46916.748549999997</v>
      </c>
      <c r="AC4473">
        <v>44454.5605</v>
      </c>
      <c r="AD4473">
        <v>34568.799330000002</v>
      </c>
      <c r="AE4473">
        <v>45955.590770000003</v>
      </c>
      <c r="AF4473">
        <v>58107.066650000001</v>
      </c>
      <c r="AG4473">
        <v>22270.803039999999</v>
      </c>
      <c r="AH4473">
        <v>349452.63410000002</v>
      </c>
      <c r="AI4473">
        <v>82026.300829999993</v>
      </c>
      <c r="AJ4473">
        <v>22815.609039999999</v>
      </c>
      <c r="AK4473">
        <v>30745.02491</v>
      </c>
      <c r="AL4473">
        <v>101208.10920000001</v>
      </c>
      <c r="AM4473">
        <v>18657.81135</v>
      </c>
      <c r="AN4473">
        <v>101059.8847</v>
      </c>
      <c r="AO4473">
        <v>25174.025140000002</v>
      </c>
      <c r="AP4473">
        <v>26600.75519</v>
      </c>
    </row>
    <row r="4474" spans="2:42" x14ac:dyDescent="0.3">
      <c r="B4474">
        <v>69.778460273906902</v>
      </c>
      <c r="C4474" s="83">
        <v>43287.333333333336</v>
      </c>
      <c r="D4474">
        <v>296750.43829999998</v>
      </c>
      <c r="E4474">
        <v>30913.765350000001</v>
      </c>
      <c r="F4474">
        <v>97623.563389999996</v>
      </c>
      <c r="G4474">
        <v>54911.472979999999</v>
      </c>
      <c r="H4474">
        <v>49830.844859999997</v>
      </c>
      <c r="I4474">
        <v>38498.536590000003</v>
      </c>
      <c r="J4474">
        <v>49241.145879999996</v>
      </c>
      <c r="K4474">
        <v>62416.037700000001</v>
      </c>
      <c r="L4474">
        <v>25659.819589999999</v>
      </c>
      <c r="M4474">
        <v>355763.1311</v>
      </c>
      <c r="N4474">
        <v>88946.978130000003</v>
      </c>
      <c r="O4474">
        <v>26107.079020000001</v>
      </c>
      <c r="P4474">
        <v>33815.467859999997</v>
      </c>
      <c r="Q4474">
        <v>102088.7539</v>
      </c>
      <c r="R4474">
        <v>21666.855299999999</v>
      </c>
      <c r="S4474">
        <v>113711.1787</v>
      </c>
      <c r="T4474">
        <v>28567.08815</v>
      </c>
      <c r="U4474">
        <v>29453.657770000002</v>
      </c>
      <c r="W4474" s="83">
        <f>Bühler!N4506</f>
        <v>45478.333333322487</v>
      </c>
      <c r="X4474" s="83">
        <v>43287.333333333336</v>
      </c>
      <c r="Y4474">
        <v>296750.43829999998</v>
      </c>
      <c r="Z4474">
        <v>30913.765350000001</v>
      </c>
      <c r="AA4474">
        <v>97623.563389999996</v>
      </c>
      <c r="AB4474">
        <v>54911.472979999999</v>
      </c>
      <c r="AC4474">
        <v>49830.844859999997</v>
      </c>
      <c r="AD4474">
        <v>38498.536590000003</v>
      </c>
      <c r="AE4474">
        <v>49241.145879999996</v>
      </c>
      <c r="AF4474">
        <v>62416.037700000001</v>
      </c>
      <c r="AG4474">
        <v>25659.819589999999</v>
      </c>
      <c r="AH4474">
        <v>355763.1311</v>
      </c>
      <c r="AI4474">
        <v>88946.978130000003</v>
      </c>
      <c r="AJ4474">
        <v>26107.079020000001</v>
      </c>
      <c r="AK4474">
        <v>33815.467859999997</v>
      </c>
      <c r="AL4474">
        <v>102088.7539</v>
      </c>
      <c r="AM4474">
        <v>21666.855299999999</v>
      </c>
      <c r="AN4474">
        <v>113711.1787</v>
      </c>
      <c r="AO4474">
        <v>28567.08815</v>
      </c>
      <c r="AP4474">
        <v>29453.657770000002</v>
      </c>
    </row>
    <row r="4475" spans="2:42" x14ac:dyDescent="0.3">
      <c r="B4475">
        <v>70.101928840606789</v>
      </c>
      <c r="C4475" s="83">
        <v>43287.375</v>
      </c>
      <c r="D4475">
        <v>298329.16440000001</v>
      </c>
      <c r="E4475">
        <v>35888.997190000002</v>
      </c>
      <c r="F4475">
        <v>105541.3912</v>
      </c>
      <c r="G4475">
        <v>60528.310420000002</v>
      </c>
      <c r="H4475">
        <v>53111.295660000003</v>
      </c>
      <c r="I4475">
        <v>39064.888200000001</v>
      </c>
      <c r="J4475">
        <v>51508.490270000002</v>
      </c>
      <c r="K4475">
        <v>66369.062109999999</v>
      </c>
      <c r="L4475">
        <v>30138.302530000001</v>
      </c>
      <c r="M4475">
        <v>357412.3247</v>
      </c>
      <c r="N4475">
        <v>93780.375960000005</v>
      </c>
      <c r="O4475">
        <v>27796.461289999999</v>
      </c>
      <c r="P4475">
        <v>36568.159359999998</v>
      </c>
      <c r="Q4475">
        <v>103939.9219</v>
      </c>
      <c r="R4475">
        <v>24439.30287</v>
      </c>
      <c r="S4475">
        <v>121820.3836</v>
      </c>
      <c r="T4475">
        <v>30793.584009999999</v>
      </c>
      <c r="U4475">
        <v>30331.139790000001</v>
      </c>
      <c r="W4475" s="83">
        <f>Bühler!N4507</f>
        <v>45478.374999989152</v>
      </c>
      <c r="X4475" s="83">
        <v>43287.375</v>
      </c>
      <c r="Y4475">
        <v>298329.16440000001</v>
      </c>
      <c r="Z4475">
        <v>35888.997190000002</v>
      </c>
      <c r="AA4475">
        <v>105541.3912</v>
      </c>
      <c r="AB4475">
        <v>60528.310420000002</v>
      </c>
      <c r="AC4475">
        <v>53111.295660000003</v>
      </c>
      <c r="AD4475">
        <v>39064.888200000001</v>
      </c>
      <c r="AE4475">
        <v>51508.490270000002</v>
      </c>
      <c r="AF4475">
        <v>66369.062109999999</v>
      </c>
      <c r="AG4475">
        <v>30138.302530000001</v>
      </c>
      <c r="AH4475">
        <v>357412.3247</v>
      </c>
      <c r="AI4475">
        <v>93780.375960000005</v>
      </c>
      <c r="AJ4475">
        <v>27796.461289999999</v>
      </c>
      <c r="AK4475">
        <v>36568.159359999998</v>
      </c>
      <c r="AL4475">
        <v>103939.9219</v>
      </c>
      <c r="AM4475">
        <v>24439.30287</v>
      </c>
      <c r="AN4475">
        <v>121820.3836</v>
      </c>
      <c r="AO4475">
        <v>30793.584009999999</v>
      </c>
      <c r="AP4475">
        <v>30331.139790000001</v>
      </c>
    </row>
    <row r="4476" spans="2:42" x14ac:dyDescent="0.3">
      <c r="B4476">
        <v>71.35157667049836</v>
      </c>
      <c r="C4476" s="83">
        <v>43287.416666666664</v>
      </c>
      <c r="D4476">
        <v>302515.98959999997</v>
      </c>
      <c r="E4476">
        <v>38193.290309999997</v>
      </c>
      <c r="F4476">
        <v>108380.79059999999</v>
      </c>
      <c r="G4476">
        <v>63228.78944</v>
      </c>
      <c r="H4476">
        <v>54620.097289999998</v>
      </c>
      <c r="I4476">
        <v>38210.692130000003</v>
      </c>
      <c r="J4476">
        <v>52563.120170000002</v>
      </c>
      <c r="K4476">
        <v>69465.799570000003</v>
      </c>
      <c r="L4476">
        <v>34355.93075</v>
      </c>
      <c r="M4476">
        <v>363783.61210000003</v>
      </c>
      <c r="N4476">
        <v>99604.226349999997</v>
      </c>
      <c r="O4476">
        <v>28708.240760000001</v>
      </c>
      <c r="P4476">
        <v>38974.135670000003</v>
      </c>
      <c r="Q4476">
        <v>105180.4841</v>
      </c>
      <c r="R4476">
        <v>25260.600299999998</v>
      </c>
      <c r="S4476">
        <v>125455.6817</v>
      </c>
      <c r="T4476">
        <v>33496.631379999999</v>
      </c>
      <c r="U4476">
        <v>30848.66214</v>
      </c>
      <c r="W4476" s="83">
        <f>Bühler!N4508</f>
        <v>45478.416666655816</v>
      </c>
      <c r="X4476" s="83">
        <v>43287.416666666664</v>
      </c>
      <c r="Y4476">
        <v>302515.98959999997</v>
      </c>
      <c r="Z4476">
        <v>38193.290309999997</v>
      </c>
      <c r="AA4476">
        <v>108380.79059999999</v>
      </c>
      <c r="AB4476">
        <v>63228.78944</v>
      </c>
      <c r="AC4476">
        <v>54620.097289999998</v>
      </c>
      <c r="AD4476">
        <v>38210.692130000003</v>
      </c>
      <c r="AE4476">
        <v>52563.120170000002</v>
      </c>
      <c r="AF4476">
        <v>69465.799570000003</v>
      </c>
      <c r="AG4476">
        <v>34355.93075</v>
      </c>
      <c r="AH4476">
        <v>363783.61210000003</v>
      </c>
      <c r="AI4476">
        <v>99604.226349999997</v>
      </c>
      <c r="AJ4476">
        <v>28708.240760000001</v>
      </c>
      <c r="AK4476">
        <v>38974.135670000003</v>
      </c>
      <c r="AL4476">
        <v>105180.4841</v>
      </c>
      <c r="AM4476">
        <v>25260.600299999998</v>
      </c>
      <c r="AN4476">
        <v>125455.6817</v>
      </c>
      <c r="AO4476">
        <v>33496.631379999999</v>
      </c>
      <c r="AP4476">
        <v>30848.66214</v>
      </c>
    </row>
    <row r="4477" spans="2:42" x14ac:dyDescent="0.3">
      <c r="B4477">
        <v>71.770554527118009</v>
      </c>
      <c r="C4477" s="83">
        <v>43287.458333333336</v>
      </c>
      <c r="D4477">
        <v>299944.70919999998</v>
      </c>
      <c r="E4477">
        <v>38608.996599999999</v>
      </c>
      <c r="F4477">
        <v>110478.3839</v>
      </c>
      <c r="G4477">
        <v>62532.029260000003</v>
      </c>
      <c r="H4477">
        <v>54355.275650000003</v>
      </c>
      <c r="I4477">
        <v>37648.935460000001</v>
      </c>
      <c r="J4477">
        <v>54786.492209999997</v>
      </c>
      <c r="K4477">
        <v>68513.840259999997</v>
      </c>
      <c r="L4477">
        <v>36313.586109999997</v>
      </c>
      <c r="M4477">
        <v>365919.75660000002</v>
      </c>
      <c r="N4477">
        <v>101953.772</v>
      </c>
      <c r="O4477">
        <v>29103.068029999999</v>
      </c>
      <c r="P4477">
        <v>38677.67613</v>
      </c>
      <c r="Q4477">
        <v>107016.0099</v>
      </c>
      <c r="R4477">
        <v>26658.282090000001</v>
      </c>
      <c r="S4477">
        <v>130615.7919</v>
      </c>
      <c r="T4477">
        <v>34450.840040000003</v>
      </c>
      <c r="U4477">
        <v>30648.075130000001</v>
      </c>
      <c r="W4477" s="83">
        <f>Bühler!N4509</f>
        <v>45478.45833332248</v>
      </c>
      <c r="X4477" s="83">
        <v>43287.458333333336</v>
      </c>
      <c r="Y4477">
        <v>299944.70919999998</v>
      </c>
      <c r="Z4477">
        <v>38608.996599999999</v>
      </c>
      <c r="AA4477">
        <v>110478.3839</v>
      </c>
      <c r="AB4477">
        <v>62532.029260000003</v>
      </c>
      <c r="AC4477">
        <v>54355.275650000003</v>
      </c>
      <c r="AD4477">
        <v>37648.935460000001</v>
      </c>
      <c r="AE4477">
        <v>54786.492209999997</v>
      </c>
      <c r="AF4477">
        <v>68513.840259999997</v>
      </c>
      <c r="AG4477">
        <v>36313.586109999997</v>
      </c>
      <c r="AH4477">
        <v>365919.75660000002</v>
      </c>
      <c r="AI4477">
        <v>101953.772</v>
      </c>
      <c r="AJ4477">
        <v>29103.068029999999</v>
      </c>
      <c r="AK4477">
        <v>38677.67613</v>
      </c>
      <c r="AL4477">
        <v>107016.0099</v>
      </c>
      <c r="AM4477">
        <v>26658.282090000001</v>
      </c>
      <c r="AN4477">
        <v>130615.7919</v>
      </c>
      <c r="AO4477">
        <v>34450.840040000003</v>
      </c>
      <c r="AP4477">
        <v>30648.075130000001</v>
      </c>
    </row>
    <row r="4478" spans="2:42" x14ac:dyDescent="0.3">
      <c r="B4478">
        <v>70.255303257059268</v>
      </c>
      <c r="C4478" s="83">
        <v>43287.5</v>
      </c>
      <c r="D4478">
        <v>288226.81719999999</v>
      </c>
      <c r="E4478">
        <v>35584.080439999998</v>
      </c>
      <c r="F4478">
        <v>109792.8694</v>
      </c>
      <c r="G4478">
        <v>61878.24091</v>
      </c>
      <c r="H4478">
        <v>53412.181109999998</v>
      </c>
      <c r="I4478">
        <v>36695.735370000002</v>
      </c>
      <c r="J4478">
        <v>56077.154029999998</v>
      </c>
      <c r="K4478">
        <v>65481.96241</v>
      </c>
      <c r="L4478">
        <v>39037.974289999998</v>
      </c>
      <c r="M4478">
        <v>358194.299</v>
      </c>
      <c r="N4478">
        <v>100842.9838</v>
      </c>
      <c r="O4478">
        <v>28508.121220000001</v>
      </c>
      <c r="P4478">
        <v>40852.415180000004</v>
      </c>
      <c r="Q4478">
        <v>105544.0435</v>
      </c>
      <c r="R4478">
        <v>27961.31135</v>
      </c>
      <c r="S4478">
        <v>126831.7574</v>
      </c>
      <c r="T4478">
        <v>34009.127050000003</v>
      </c>
      <c r="U4478">
        <v>25846.4866</v>
      </c>
      <c r="W4478" s="83">
        <f>Bühler!N4510</f>
        <v>45478.499999989144</v>
      </c>
      <c r="X4478" s="83">
        <v>43287.5</v>
      </c>
      <c r="Y4478">
        <v>288226.81719999999</v>
      </c>
      <c r="Z4478">
        <v>35584.080439999998</v>
      </c>
      <c r="AA4478">
        <v>109792.8694</v>
      </c>
      <c r="AB4478">
        <v>61878.24091</v>
      </c>
      <c r="AC4478">
        <v>53412.181109999998</v>
      </c>
      <c r="AD4478">
        <v>36695.735370000002</v>
      </c>
      <c r="AE4478">
        <v>56077.154029999998</v>
      </c>
      <c r="AF4478">
        <v>65481.96241</v>
      </c>
      <c r="AG4478">
        <v>39037.974289999998</v>
      </c>
      <c r="AH4478">
        <v>358194.299</v>
      </c>
      <c r="AI4478">
        <v>100842.9838</v>
      </c>
      <c r="AJ4478">
        <v>28508.121220000001</v>
      </c>
      <c r="AK4478">
        <v>40852.415180000004</v>
      </c>
      <c r="AL4478">
        <v>105544.0435</v>
      </c>
      <c r="AM4478">
        <v>27961.31135</v>
      </c>
      <c r="AN4478">
        <v>126831.7574</v>
      </c>
      <c r="AO4478">
        <v>34009.127050000003</v>
      </c>
      <c r="AP4478">
        <v>25846.4866</v>
      </c>
    </row>
    <row r="4479" spans="2:42" x14ac:dyDescent="0.3">
      <c r="B4479">
        <v>69.685876667712307</v>
      </c>
      <c r="C4479" s="83">
        <v>43287.541666666664</v>
      </c>
      <c r="D4479">
        <v>286579.8553</v>
      </c>
      <c r="E4479">
        <v>36154.40337</v>
      </c>
      <c r="F4479">
        <v>109852.9497</v>
      </c>
      <c r="G4479">
        <v>60757.803419999997</v>
      </c>
      <c r="H4479">
        <v>53337.016219999998</v>
      </c>
      <c r="I4479">
        <v>37089.448360000002</v>
      </c>
      <c r="J4479">
        <v>55215.775829999999</v>
      </c>
      <c r="K4479">
        <v>66494.721990000005</v>
      </c>
      <c r="L4479">
        <v>38592.445749999999</v>
      </c>
      <c r="M4479">
        <v>355291.09669999999</v>
      </c>
      <c r="N4479">
        <v>100730.9825</v>
      </c>
      <c r="O4479">
        <v>29050.6191</v>
      </c>
      <c r="P4479">
        <v>39790.295019999998</v>
      </c>
      <c r="Q4479">
        <v>104180.58379999999</v>
      </c>
      <c r="R4479">
        <v>27397.543890000001</v>
      </c>
      <c r="S4479">
        <v>127339.20020000001</v>
      </c>
      <c r="T4479">
        <v>33194.150479999997</v>
      </c>
      <c r="U4479">
        <v>27588.623240000001</v>
      </c>
      <c r="W4479" s="83">
        <f>Bühler!N4511</f>
        <v>45478.541666655809</v>
      </c>
      <c r="X4479" s="83">
        <v>43287.541666666664</v>
      </c>
      <c r="Y4479">
        <v>286579.8553</v>
      </c>
      <c r="Z4479">
        <v>36154.40337</v>
      </c>
      <c r="AA4479">
        <v>109852.9497</v>
      </c>
      <c r="AB4479">
        <v>60757.803419999997</v>
      </c>
      <c r="AC4479">
        <v>53337.016219999998</v>
      </c>
      <c r="AD4479">
        <v>37089.448360000002</v>
      </c>
      <c r="AE4479">
        <v>55215.775829999999</v>
      </c>
      <c r="AF4479">
        <v>66494.721990000005</v>
      </c>
      <c r="AG4479">
        <v>38592.445749999999</v>
      </c>
      <c r="AH4479">
        <v>355291.09669999999</v>
      </c>
      <c r="AI4479">
        <v>100730.9825</v>
      </c>
      <c r="AJ4479">
        <v>29050.6191</v>
      </c>
      <c r="AK4479">
        <v>39790.295019999998</v>
      </c>
      <c r="AL4479">
        <v>104180.58379999999</v>
      </c>
      <c r="AM4479">
        <v>27397.543890000001</v>
      </c>
      <c r="AN4479">
        <v>127339.20020000001</v>
      </c>
      <c r="AO4479">
        <v>33194.150479999997</v>
      </c>
      <c r="AP4479">
        <v>27588.623240000001</v>
      </c>
    </row>
    <row r="4480" spans="2:42" x14ac:dyDescent="0.3">
      <c r="B4480">
        <v>69.439223710596252</v>
      </c>
      <c r="C4480" s="83">
        <v>43287.583333333336</v>
      </c>
      <c r="D4480">
        <v>284763.88260000001</v>
      </c>
      <c r="E4480">
        <v>39325.6679</v>
      </c>
      <c r="F4480">
        <v>111149.0597</v>
      </c>
      <c r="G4480">
        <v>58108.58683</v>
      </c>
      <c r="H4480">
        <v>53662.776919999997</v>
      </c>
      <c r="I4480">
        <v>37979.585129999999</v>
      </c>
      <c r="J4480">
        <v>55325.085729999999</v>
      </c>
      <c r="K4480">
        <v>68289.956829999996</v>
      </c>
      <c r="L4480">
        <v>35868.123189999998</v>
      </c>
      <c r="M4480">
        <v>354033.54489999998</v>
      </c>
      <c r="N4480">
        <v>102604.0512</v>
      </c>
      <c r="O4480">
        <v>29953.982779999998</v>
      </c>
      <c r="P4480">
        <v>37325.127249999998</v>
      </c>
      <c r="Q4480">
        <v>104296.6311</v>
      </c>
      <c r="R4480">
        <v>26528.797579999999</v>
      </c>
      <c r="S4480">
        <v>125881.3809</v>
      </c>
      <c r="T4480">
        <v>32346.584500000001</v>
      </c>
      <c r="U4480">
        <v>27220.327929999999</v>
      </c>
      <c r="W4480" s="83">
        <f>Bühler!N4512</f>
        <v>45478.583333322473</v>
      </c>
      <c r="X4480" s="83">
        <v>43287.583333333336</v>
      </c>
      <c r="Y4480">
        <v>284763.88260000001</v>
      </c>
      <c r="Z4480">
        <v>39325.6679</v>
      </c>
      <c r="AA4480">
        <v>111149.0597</v>
      </c>
      <c r="AB4480">
        <v>58108.58683</v>
      </c>
      <c r="AC4480">
        <v>53662.776919999997</v>
      </c>
      <c r="AD4480">
        <v>37979.585129999999</v>
      </c>
      <c r="AE4480">
        <v>55325.085729999999</v>
      </c>
      <c r="AF4480">
        <v>68289.956829999996</v>
      </c>
      <c r="AG4480">
        <v>35868.123189999998</v>
      </c>
      <c r="AH4480">
        <v>354033.54489999998</v>
      </c>
      <c r="AI4480">
        <v>102604.0512</v>
      </c>
      <c r="AJ4480">
        <v>29953.982779999998</v>
      </c>
      <c r="AK4480">
        <v>37325.127249999998</v>
      </c>
      <c r="AL4480">
        <v>104296.6311</v>
      </c>
      <c r="AM4480">
        <v>26528.797579999999</v>
      </c>
      <c r="AN4480">
        <v>125881.3809</v>
      </c>
      <c r="AO4480">
        <v>32346.584500000001</v>
      </c>
      <c r="AP4480">
        <v>27220.327929999999</v>
      </c>
    </row>
    <row r="4481" spans="2:42" x14ac:dyDescent="0.3">
      <c r="B4481">
        <v>68.719071285584519</v>
      </c>
      <c r="C4481" s="83">
        <v>43287.625</v>
      </c>
      <c r="D4481">
        <v>281682.2219</v>
      </c>
      <c r="E4481">
        <v>39356.352630000001</v>
      </c>
      <c r="F4481">
        <v>112996.8015</v>
      </c>
      <c r="G4481">
        <v>55093.513760000002</v>
      </c>
      <c r="H4481">
        <v>52828.705759999997</v>
      </c>
      <c r="I4481">
        <v>38280.929270000001</v>
      </c>
      <c r="J4481">
        <v>55151.23259</v>
      </c>
      <c r="K4481">
        <v>66275.335279999999</v>
      </c>
      <c r="L4481">
        <v>33390.641470000002</v>
      </c>
      <c r="M4481">
        <v>350361.87199999997</v>
      </c>
      <c r="N4481">
        <v>100939.51029999999</v>
      </c>
      <c r="O4481">
        <v>29173.825239999998</v>
      </c>
      <c r="P4481">
        <v>34811.047350000001</v>
      </c>
      <c r="Q4481">
        <v>104227.645</v>
      </c>
      <c r="R4481">
        <v>27211.545880000001</v>
      </c>
      <c r="S4481">
        <v>124444.40609999999</v>
      </c>
      <c r="T4481">
        <v>32228.439050000001</v>
      </c>
      <c r="U4481">
        <v>25292.710579999999</v>
      </c>
      <c r="W4481" s="83">
        <f>Bühler!N4513</f>
        <v>45478.624999989137</v>
      </c>
      <c r="X4481" s="83">
        <v>43287.625</v>
      </c>
      <c r="Y4481">
        <v>281682.2219</v>
      </c>
      <c r="Z4481">
        <v>39356.352630000001</v>
      </c>
      <c r="AA4481">
        <v>112996.8015</v>
      </c>
      <c r="AB4481">
        <v>55093.513760000002</v>
      </c>
      <c r="AC4481">
        <v>52828.705759999997</v>
      </c>
      <c r="AD4481">
        <v>38280.929270000001</v>
      </c>
      <c r="AE4481">
        <v>55151.23259</v>
      </c>
      <c r="AF4481">
        <v>66275.335279999999</v>
      </c>
      <c r="AG4481">
        <v>33390.641470000002</v>
      </c>
      <c r="AH4481">
        <v>350361.87199999997</v>
      </c>
      <c r="AI4481">
        <v>100939.51029999999</v>
      </c>
      <c r="AJ4481">
        <v>29173.825239999998</v>
      </c>
      <c r="AK4481">
        <v>34811.047350000001</v>
      </c>
      <c r="AL4481">
        <v>104227.645</v>
      </c>
      <c r="AM4481">
        <v>27211.545880000001</v>
      </c>
      <c r="AN4481">
        <v>124444.40609999999</v>
      </c>
      <c r="AO4481">
        <v>32228.439050000001</v>
      </c>
      <c r="AP4481">
        <v>25292.710579999999</v>
      </c>
    </row>
    <row r="4482" spans="2:42" x14ac:dyDescent="0.3">
      <c r="B4482">
        <v>67.702387080504195</v>
      </c>
      <c r="C4482" s="83">
        <v>43287.666666666664</v>
      </c>
      <c r="D4482">
        <v>274151.18780000001</v>
      </c>
      <c r="E4482">
        <v>38257.591939999998</v>
      </c>
      <c r="F4482">
        <v>112522.4624</v>
      </c>
      <c r="G4482">
        <v>50978.951820000002</v>
      </c>
      <c r="H4482">
        <v>51575.145479999999</v>
      </c>
      <c r="I4482">
        <v>38395.444990000004</v>
      </c>
      <c r="J4482">
        <v>54543.888149999999</v>
      </c>
      <c r="K4482">
        <v>62079.243690000003</v>
      </c>
      <c r="L4482">
        <v>32927.530879999998</v>
      </c>
      <c r="M4482">
        <v>345178.34179999999</v>
      </c>
      <c r="N4482">
        <v>98103.656510000001</v>
      </c>
      <c r="O4482">
        <v>27764.010740000002</v>
      </c>
      <c r="P4482">
        <v>33786.522019999997</v>
      </c>
      <c r="Q4482">
        <v>102862.56110000001</v>
      </c>
      <c r="R4482">
        <v>27083.448759999999</v>
      </c>
      <c r="S4482">
        <v>122043.2136</v>
      </c>
      <c r="T4482">
        <v>31965.954300000001</v>
      </c>
      <c r="U4482">
        <v>23661.680779999999</v>
      </c>
      <c r="W4482" s="83">
        <f>Bühler!N4514</f>
        <v>45478.666666655801</v>
      </c>
      <c r="X4482" s="83">
        <v>43287.666666666664</v>
      </c>
      <c r="Y4482">
        <v>274151.18780000001</v>
      </c>
      <c r="Z4482">
        <v>38257.591939999998</v>
      </c>
      <c r="AA4482">
        <v>112522.4624</v>
      </c>
      <c r="AB4482">
        <v>50978.951820000002</v>
      </c>
      <c r="AC4482">
        <v>51575.145479999999</v>
      </c>
      <c r="AD4482">
        <v>38395.444990000004</v>
      </c>
      <c r="AE4482">
        <v>54543.888149999999</v>
      </c>
      <c r="AF4482">
        <v>62079.243690000003</v>
      </c>
      <c r="AG4482">
        <v>32927.530879999998</v>
      </c>
      <c r="AH4482">
        <v>345178.34179999999</v>
      </c>
      <c r="AI4482">
        <v>98103.656510000001</v>
      </c>
      <c r="AJ4482">
        <v>27764.010740000002</v>
      </c>
      <c r="AK4482">
        <v>33786.522019999997</v>
      </c>
      <c r="AL4482">
        <v>102862.56110000001</v>
      </c>
      <c r="AM4482">
        <v>27083.448759999999</v>
      </c>
      <c r="AN4482">
        <v>122043.2136</v>
      </c>
      <c r="AO4482">
        <v>31965.954300000001</v>
      </c>
      <c r="AP4482">
        <v>23661.680779999999</v>
      </c>
    </row>
    <row r="4483" spans="2:42" x14ac:dyDescent="0.3">
      <c r="B4483">
        <v>66.045722677231836</v>
      </c>
      <c r="C4483" s="83">
        <v>43287.708333333336</v>
      </c>
      <c r="D4483">
        <v>263095.56880000001</v>
      </c>
      <c r="E4483">
        <v>35925.663890000003</v>
      </c>
      <c r="F4483">
        <v>111841.36960000001</v>
      </c>
      <c r="G4483">
        <v>45920.148439999997</v>
      </c>
      <c r="H4483">
        <v>49431.77562</v>
      </c>
      <c r="I4483">
        <v>37848.70551</v>
      </c>
      <c r="J4483">
        <v>54877.3102</v>
      </c>
      <c r="K4483">
        <v>59532.447820000001</v>
      </c>
      <c r="L4483">
        <v>33104.068240000001</v>
      </c>
      <c r="M4483">
        <v>336731.89409999998</v>
      </c>
      <c r="N4483">
        <v>94501.119749999998</v>
      </c>
      <c r="O4483">
        <v>27341.34591</v>
      </c>
      <c r="P4483">
        <v>34883.704850000002</v>
      </c>
      <c r="Q4483">
        <v>100495.8636</v>
      </c>
      <c r="R4483">
        <v>26652.257689999999</v>
      </c>
      <c r="S4483">
        <v>118412.4688</v>
      </c>
      <c r="T4483">
        <v>30634.812580000002</v>
      </c>
      <c r="U4483">
        <v>22274.347689999999</v>
      </c>
      <c r="W4483" s="83">
        <f>Bühler!N4515</f>
        <v>45478.708333322465</v>
      </c>
      <c r="X4483" s="83">
        <v>43287.708333333336</v>
      </c>
      <c r="Y4483">
        <v>263095.56880000001</v>
      </c>
      <c r="Z4483">
        <v>35925.663890000003</v>
      </c>
      <c r="AA4483">
        <v>111841.36960000001</v>
      </c>
      <c r="AB4483">
        <v>45920.148439999997</v>
      </c>
      <c r="AC4483">
        <v>49431.77562</v>
      </c>
      <c r="AD4483">
        <v>37848.70551</v>
      </c>
      <c r="AE4483">
        <v>54877.3102</v>
      </c>
      <c r="AF4483">
        <v>59532.447820000001</v>
      </c>
      <c r="AG4483">
        <v>33104.068240000001</v>
      </c>
      <c r="AH4483">
        <v>336731.89409999998</v>
      </c>
      <c r="AI4483">
        <v>94501.119749999998</v>
      </c>
      <c r="AJ4483">
        <v>27341.34591</v>
      </c>
      <c r="AK4483">
        <v>34883.704850000002</v>
      </c>
      <c r="AL4483">
        <v>100495.8636</v>
      </c>
      <c r="AM4483">
        <v>26652.257689999999</v>
      </c>
      <c r="AN4483">
        <v>118412.4688</v>
      </c>
      <c r="AO4483">
        <v>30634.812580000002</v>
      </c>
      <c r="AP4483">
        <v>22274.347689999999</v>
      </c>
    </row>
    <row r="4484" spans="2:42" x14ac:dyDescent="0.3">
      <c r="B4484">
        <v>64.64931930365006</v>
      </c>
      <c r="C4484" s="83">
        <v>43287.75</v>
      </c>
      <c r="D4484">
        <v>255911.12640000001</v>
      </c>
      <c r="E4484">
        <v>32497.569759999998</v>
      </c>
      <c r="F4484">
        <v>108966.4014</v>
      </c>
      <c r="G4484">
        <v>41573.724609999997</v>
      </c>
      <c r="H4484">
        <v>47329.038829999998</v>
      </c>
      <c r="I4484">
        <v>37383.842989999997</v>
      </c>
      <c r="J4484">
        <v>54607.843209999999</v>
      </c>
      <c r="K4484">
        <v>56661.999219999998</v>
      </c>
      <c r="L4484">
        <v>33534.462870000003</v>
      </c>
      <c r="M4484">
        <v>329612.37849999999</v>
      </c>
      <c r="N4484">
        <v>92341.590830000001</v>
      </c>
      <c r="O4484">
        <v>25857.119409999999</v>
      </c>
      <c r="P4484">
        <v>37531.795420000002</v>
      </c>
      <c r="Q4484">
        <v>97822.499410000004</v>
      </c>
      <c r="R4484">
        <v>26063.891950000001</v>
      </c>
      <c r="S4484">
        <v>110950.6228</v>
      </c>
      <c r="T4484">
        <v>29906.47424</v>
      </c>
      <c r="U4484">
        <v>21394.331740000001</v>
      </c>
      <c r="W4484" s="83">
        <f>Bühler!N4516</f>
        <v>45478.74999998913</v>
      </c>
      <c r="X4484" s="83">
        <v>43287.75</v>
      </c>
      <c r="Y4484">
        <v>255911.12640000001</v>
      </c>
      <c r="Z4484">
        <v>32497.569759999998</v>
      </c>
      <c r="AA4484">
        <v>108966.4014</v>
      </c>
      <c r="AB4484">
        <v>41573.724609999997</v>
      </c>
      <c r="AC4484">
        <v>47329.038829999998</v>
      </c>
      <c r="AD4484">
        <v>37383.842989999997</v>
      </c>
      <c r="AE4484">
        <v>54607.843209999999</v>
      </c>
      <c r="AF4484">
        <v>56661.999219999998</v>
      </c>
      <c r="AG4484">
        <v>33534.462870000003</v>
      </c>
      <c r="AH4484">
        <v>329612.37849999999</v>
      </c>
      <c r="AI4484">
        <v>92341.590830000001</v>
      </c>
      <c r="AJ4484">
        <v>25857.119409999999</v>
      </c>
      <c r="AK4484">
        <v>37531.795420000002</v>
      </c>
      <c r="AL4484">
        <v>97822.499410000004</v>
      </c>
      <c r="AM4484">
        <v>26063.891950000001</v>
      </c>
      <c r="AN4484">
        <v>110950.6228</v>
      </c>
      <c r="AO4484">
        <v>29906.47424</v>
      </c>
      <c r="AP4484">
        <v>21394.331740000001</v>
      </c>
    </row>
    <row r="4485" spans="2:42" x14ac:dyDescent="0.3">
      <c r="B4485">
        <v>62.916315080931007</v>
      </c>
      <c r="C4485" s="83">
        <v>43287.791666666664</v>
      </c>
      <c r="D4485">
        <v>246515.2015</v>
      </c>
      <c r="E4485">
        <v>26459.329119999999</v>
      </c>
      <c r="F4485">
        <v>96878.980979999993</v>
      </c>
      <c r="G4485">
        <v>39123.291380000002</v>
      </c>
      <c r="H4485">
        <v>44534.938320000001</v>
      </c>
      <c r="I4485">
        <v>34598.593439999997</v>
      </c>
      <c r="J4485">
        <v>53136.633670000003</v>
      </c>
      <c r="K4485">
        <v>54957.974329999997</v>
      </c>
      <c r="L4485">
        <v>34048.405610000002</v>
      </c>
      <c r="M4485">
        <v>320776.71480000002</v>
      </c>
      <c r="N4485">
        <v>89598.77923</v>
      </c>
      <c r="O4485">
        <v>24707.23345</v>
      </c>
      <c r="P4485">
        <v>39149.340989999997</v>
      </c>
      <c r="Q4485">
        <v>94426.467000000004</v>
      </c>
      <c r="R4485">
        <v>23584.744170000002</v>
      </c>
      <c r="S4485">
        <v>105522.5523</v>
      </c>
      <c r="T4485">
        <v>29310.64487</v>
      </c>
      <c r="U4485">
        <v>19797.267469999999</v>
      </c>
      <c r="W4485" s="83">
        <f>Bühler!N4517</f>
        <v>45478.791666655794</v>
      </c>
      <c r="X4485" s="83">
        <v>43287.791666666664</v>
      </c>
      <c r="Y4485">
        <v>246515.2015</v>
      </c>
      <c r="Z4485">
        <v>26459.329119999999</v>
      </c>
      <c r="AA4485">
        <v>96878.980979999993</v>
      </c>
      <c r="AB4485">
        <v>39123.291380000002</v>
      </c>
      <c r="AC4485">
        <v>44534.938320000001</v>
      </c>
      <c r="AD4485">
        <v>34598.593439999997</v>
      </c>
      <c r="AE4485">
        <v>53136.633670000003</v>
      </c>
      <c r="AF4485">
        <v>54957.974329999997</v>
      </c>
      <c r="AG4485">
        <v>34048.405610000002</v>
      </c>
      <c r="AH4485">
        <v>320776.71480000002</v>
      </c>
      <c r="AI4485">
        <v>89598.77923</v>
      </c>
      <c r="AJ4485">
        <v>24707.23345</v>
      </c>
      <c r="AK4485">
        <v>39149.340989999997</v>
      </c>
      <c r="AL4485">
        <v>94426.467000000004</v>
      </c>
      <c r="AM4485">
        <v>23584.744170000002</v>
      </c>
      <c r="AN4485">
        <v>105522.5523</v>
      </c>
      <c r="AO4485">
        <v>29310.64487</v>
      </c>
      <c r="AP4485">
        <v>19797.267469999999</v>
      </c>
    </row>
    <row r="4486" spans="2:42" x14ac:dyDescent="0.3">
      <c r="B4486">
        <v>61.635274516584587</v>
      </c>
      <c r="C4486" s="83">
        <v>43287.833333333336</v>
      </c>
      <c r="D4486">
        <v>235824.49650000001</v>
      </c>
      <c r="E4486">
        <v>19965.208429999999</v>
      </c>
      <c r="F4486">
        <v>78669.704580000005</v>
      </c>
      <c r="G4486">
        <v>36650.579339999997</v>
      </c>
      <c r="H4486">
        <v>41438.764089999997</v>
      </c>
      <c r="I4486">
        <v>30741.900150000001</v>
      </c>
      <c r="J4486">
        <v>51690.836329999998</v>
      </c>
      <c r="K4486">
        <v>54900.911410000001</v>
      </c>
      <c r="L4486">
        <v>33966.089659999998</v>
      </c>
      <c r="M4486">
        <v>314245.3726</v>
      </c>
      <c r="N4486">
        <v>88371.648119999998</v>
      </c>
      <c r="O4486">
        <v>23049.404139999999</v>
      </c>
      <c r="P4486">
        <v>39036.017350000002</v>
      </c>
      <c r="Q4486">
        <v>90083.776689999999</v>
      </c>
      <c r="R4486">
        <v>22060.972559999998</v>
      </c>
      <c r="S4486">
        <v>96789.814769999997</v>
      </c>
      <c r="T4486">
        <v>28445.893550000001</v>
      </c>
      <c r="U4486">
        <v>19027.04938</v>
      </c>
      <c r="W4486" s="83">
        <f>Bühler!N4518</f>
        <v>45478.833333322458</v>
      </c>
      <c r="X4486" s="83">
        <v>43287.833333333336</v>
      </c>
      <c r="Y4486">
        <v>235824.49650000001</v>
      </c>
      <c r="Z4486">
        <v>19965.208429999999</v>
      </c>
      <c r="AA4486">
        <v>78669.704580000005</v>
      </c>
      <c r="AB4486">
        <v>36650.579339999997</v>
      </c>
      <c r="AC4486">
        <v>41438.764089999997</v>
      </c>
      <c r="AD4486">
        <v>30741.900150000001</v>
      </c>
      <c r="AE4486">
        <v>51690.836329999998</v>
      </c>
      <c r="AF4486">
        <v>54900.911410000001</v>
      </c>
      <c r="AG4486">
        <v>33966.089659999998</v>
      </c>
      <c r="AH4486">
        <v>314245.3726</v>
      </c>
      <c r="AI4486">
        <v>88371.648119999998</v>
      </c>
      <c r="AJ4486">
        <v>23049.404139999999</v>
      </c>
      <c r="AK4486">
        <v>39036.017350000002</v>
      </c>
      <c r="AL4486">
        <v>90083.776689999999</v>
      </c>
      <c r="AM4486">
        <v>22060.972559999998</v>
      </c>
      <c r="AN4486">
        <v>96789.814769999997</v>
      </c>
      <c r="AO4486">
        <v>28445.893550000001</v>
      </c>
      <c r="AP4486">
        <v>19027.04938</v>
      </c>
    </row>
    <row r="4487" spans="2:42" x14ac:dyDescent="0.3">
      <c r="B4487">
        <v>59.418485458472489</v>
      </c>
      <c r="C4487" s="83">
        <v>43287.875</v>
      </c>
      <c r="D4487">
        <v>230600.20920000001</v>
      </c>
      <c r="E4487">
        <v>17236.70377</v>
      </c>
      <c r="F4487">
        <v>68574.655129999999</v>
      </c>
      <c r="G4487">
        <v>35204.774689999998</v>
      </c>
      <c r="H4487">
        <v>39277.08743</v>
      </c>
      <c r="I4487">
        <v>27259.72666</v>
      </c>
      <c r="J4487">
        <v>50073.862220000003</v>
      </c>
      <c r="K4487">
        <v>56511.182480000003</v>
      </c>
      <c r="L4487">
        <v>33241.607360000002</v>
      </c>
      <c r="M4487">
        <v>302943.1482</v>
      </c>
      <c r="N4487">
        <v>85476.077869999994</v>
      </c>
      <c r="O4487">
        <v>21176.472259999999</v>
      </c>
      <c r="P4487">
        <v>38331.338369999998</v>
      </c>
      <c r="Q4487">
        <v>85594.394339999999</v>
      </c>
      <c r="R4487">
        <v>20861.750980000001</v>
      </c>
      <c r="S4487">
        <v>91789.346369999999</v>
      </c>
      <c r="T4487">
        <v>26372.512719999999</v>
      </c>
      <c r="U4487">
        <v>18539.540969999998</v>
      </c>
      <c r="W4487" s="83">
        <f>Bühler!N4519</f>
        <v>45478.874999989122</v>
      </c>
      <c r="X4487" s="83">
        <v>43287.875</v>
      </c>
      <c r="Y4487">
        <v>230600.20920000001</v>
      </c>
      <c r="Z4487">
        <v>17236.70377</v>
      </c>
      <c r="AA4487">
        <v>68574.655129999999</v>
      </c>
      <c r="AB4487">
        <v>35204.774689999998</v>
      </c>
      <c r="AC4487">
        <v>39277.08743</v>
      </c>
      <c r="AD4487">
        <v>27259.72666</v>
      </c>
      <c r="AE4487">
        <v>50073.862220000003</v>
      </c>
      <c r="AF4487">
        <v>56511.182480000003</v>
      </c>
      <c r="AG4487">
        <v>33241.607360000002</v>
      </c>
      <c r="AH4487">
        <v>302943.1482</v>
      </c>
      <c r="AI4487">
        <v>85476.077869999994</v>
      </c>
      <c r="AJ4487">
        <v>21176.472259999999</v>
      </c>
      <c r="AK4487">
        <v>38331.338369999998</v>
      </c>
      <c r="AL4487">
        <v>85594.394339999999</v>
      </c>
      <c r="AM4487">
        <v>20861.750980000001</v>
      </c>
      <c r="AN4487">
        <v>91789.346369999999</v>
      </c>
      <c r="AO4487">
        <v>26372.512719999999</v>
      </c>
      <c r="AP4487">
        <v>18539.540969999998</v>
      </c>
    </row>
    <row r="4488" spans="2:42" x14ac:dyDescent="0.3">
      <c r="B4488">
        <v>58.184364670379466</v>
      </c>
      <c r="C4488" s="83">
        <v>43287.916666666664</v>
      </c>
      <c r="D4488">
        <v>228283.77970000001</v>
      </c>
      <c r="E4488">
        <v>16282.48655</v>
      </c>
      <c r="F4488">
        <v>64517.909119999997</v>
      </c>
      <c r="G4488">
        <v>35686.797400000003</v>
      </c>
      <c r="H4488">
        <v>40191.524989999998</v>
      </c>
      <c r="I4488">
        <v>25031.135259999999</v>
      </c>
      <c r="J4488">
        <v>49217.439899999998</v>
      </c>
      <c r="K4488">
        <v>58069.701549999998</v>
      </c>
      <c r="L4488">
        <v>30704.03253</v>
      </c>
      <c r="M4488">
        <v>296651.02490000002</v>
      </c>
      <c r="N4488">
        <v>84045.639890000006</v>
      </c>
      <c r="O4488">
        <v>20648.93175</v>
      </c>
      <c r="P4488">
        <v>41165.690849999999</v>
      </c>
      <c r="Q4488">
        <v>83529.140480000002</v>
      </c>
      <c r="R4488">
        <v>22149.847539999999</v>
      </c>
      <c r="S4488">
        <v>91153.176460000002</v>
      </c>
      <c r="T4488">
        <v>23742.21315</v>
      </c>
      <c r="U4488">
        <v>19219.051060000002</v>
      </c>
      <c r="W4488" s="83">
        <f>Bühler!N4520</f>
        <v>45478.916666655787</v>
      </c>
      <c r="X4488" s="83">
        <v>43287.916666666664</v>
      </c>
      <c r="Y4488">
        <v>228283.77970000001</v>
      </c>
      <c r="Z4488">
        <v>16282.48655</v>
      </c>
      <c r="AA4488">
        <v>64517.909119999997</v>
      </c>
      <c r="AB4488">
        <v>35686.797400000003</v>
      </c>
      <c r="AC4488">
        <v>40191.524989999998</v>
      </c>
      <c r="AD4488">
        <v>25031.135259999999</v>
      </c>
      <c r="AE4488">
        <v>49217.439899999998</v>
      </c>
      <c r="AF4488">
        <v>58069.701549999998</v>
      </c>
      <c r="AG4488">
        <v>30704.03253</v>
      </c>
      <c r="AH4488">
        <v>296651.02490000002</v>
      </c>
      <c r="AI4488">
        <v>84045.639890000006</v>
      </c>
      <c r="AJ4488">
        <v>20648.93175</v>
      </c>
      <c r="AK4488">
        <v>41165.690849999999</v>
      </c>
      <c r="AL4488">
        <v>83529.140480000002</v>
      </c>
      <c r="AM4488">
        <v>22149.847539999999</v>
      </c>
      <c r="AN4488">
        <v>91153.176460000002</v>
      </c>
      <c r="AO4488">
        <v>23742.21315</v>
      </c>
      <c r="AP4488">
        <v>19219.051060000002</v>
      </c>
    </row>
    <row r="4489" spans="2:42" x14ac:dyDescent="0.3">
      <c r="B4489">
        <v>57.507988939187072</v>
      </c>
      <c r="C4489" s="83">
        <v>43287.958333333336</v>
      </c>
      <c r="D4489">
        <v>226150.00930000001</v>
      </c>
      <c r="E4489">
        <v>15385.69952</v>
      </c>
      <c r="F4489">
        <v>62471.427190000002</v>
      </c>
      <c r="G4489">
        <v>35789.147169999997</v>
      </c>
      <c r="H4489">
        <v>38981.373979999997</v>
      </c>
      <c r="I4489">
        <v>23821.928469999999</v>
      </c>
      <c r="J4489">
        <v>44488.986230000002</v>
      </c>
      <c r="K4489">
        <v>56903.613080000003</v>
      </c>
      <c r="L4489">
        <v>26137.652730000002</v>
      </c>
      <c r="M4489">
        <v>293202.54599999997</v>
      </c>
      <c r="N4489">
        <v>82009.367039999997</v>
      </c>
      <c r="O4489">
        <v>20055.91073</v>
      </c>
      <c r="P4489">
        <v>35857.777300000002</v>
      </c>
      <c r="Q4489">
        <v>82473.338870000007</v>
      </c>
      <c r="R4489">
        <v>22530.607599999999</v>
      </c>
      <c r="S4489">
        <v>88157.241380000007</v>
      </c>
      <c r="T4489">
        <v>22310.019509999998</v>
      </c>
      <c r="U4489">
        <v>18676.563190000001</v>
      </c>
      <c r="W4489" s="83">
        <f>Bühler!N4521</f>
        <v>45478.958333322451</v>
      </c>
      <c r="X4489" s="83">
        <v>43287.958333333336</v>
      </c>
      <c r="Y4489">
        <v>226150.00930000001</v>
      </c>
      <c r="Z4489">
        <v>15385.69952</v>
      </c>
      <c r="AA4489">
        <v>62471.427190000002</v>
      </c>
      <c r="AB4489">
        <v>35789.147169999997</v>
      </c>
      <c r="AC4489">
        <v>38981.373979999997</v>
      </c>
      <c r="AD4489">
        <v>23821.928469999999</v>
      </c>
      <c r="AE4489">
        <v>44488.986230000002</v>
      </c>
      <c r="AF4489">
        <v>56903.613080000003</v>
      </c>
      <c r="AG4489">
        <v>26137.652730000002</v>
      </c>
      <c r="AH4489">
        <v>293202.54599999997</v>
      </c>
      <c r="AI4489">
        <v>82009.367039999997</v>
      </c>
      <c r="AJ4489">
        <v>20055.91073</v>
      </c>
      <c r="AK4489">
        <v>35857.777300000002</v>
      </c>
      <c r="AL4489">
        <v>82473.338870000007</v>
      </c>
      <c r="AM4489">
        <v>22530.607599999999</v>
      </c>
      <c r="AN4489">
        <v>88157.241380000007</v>
      </c>
      <c r="AO4489">
        <v>22310.019509999998</v>
      </c>
      <c r="AP4489">
        <v>18676.563190000001</v>
      </c>
    </row>
    <row r="4490" spans="2:42" x14ac:dyDescent="0.3">
      <c r="B4490">
        <v>56.6530886206085</v>
      </c>
      <c r="C4490" s="83">
        <v>43288</v>
      </c>
      <c r="D4490">
        <v>222059.5956</v>
      </c>
      <c r="E4490">
        <v>14851.157999999999</v>
      </c>
      <c r="F4490">
        <v>59691.645839999997</v>
      </c>
      <c r="G4490">
        <v>34916.986550000001</v>
      </c>
      <c r="H4490">
        <v>38168.612249999998</v>
      </c>
      <c r="I4490">
        <v>22308.278979999999</v>
      </c>
      <c r="J4490">
        <v>41143.64099</v>
      </c>
      <c r="K4490">
        <v>54121.258500000004</v>
      </c>
      <c r="L4490">
        <v>22045.845600000001</v>
      </c>
      <c r="M4490">
        <v>288843.86550000001</v>
      </c>
      <c r="N4490">
        <v>79814.694409999996</v>
      </c>
      <c r="O4490">
        <v>20154.890350000001</v>
      </c>
      <c r="P4490">
        <v>32420.49382</v>
      </c>
      <c r="Q4490">
        <v>79776.768559999997</v>
      </c>
      <c r="R4490">
        <v>18254.777689999999</v>
      </c>
      <c r="S4490">
        <v>85553.995209999994</v>
      </c>
      <c r="T4490">
        <v>20443.172119999999</v>
      </c>
      <c r="U4490">
        <v>17937.359090000002</v>
      </c>
      <c r="W4490" s="83">
        <f>Bühler!N4522</f>
        <v>45478.999999989115</v>
      </c>
      <c r="X4490" s="83">
        <v>43288</v>
      </c>
      <c r="Y4490">
        <v>222059.5956</v>
      </c>
      <c r="Z4490">
        <v>14851.157999999999</v>
      </c>
      <c r="AA4490">
        <v>59691.645839999997</v>
      </c>
      <c r="AB4490">
        <v>34916.986550000001</v>
      </c>
      <c r="AC4490">
        <v>38168.612249999998</v>
      </c>
      <c r="AD4490">
        <v>22308.278979999999</v>
      </c>
      <c r="AE4490">
        <v>41143.64099</v>
      </c>
      <c r="AF4490">
        <v>54121.258500000004</v>
      </c>
      <c r="AG4490">
        <v>22045.845600000001</v>
      </c>
      <c r="AH4490">
        <v>288843.86550000001</v>
      </c>
      <c r="AI4490">
        <v>79814.694409999996</v>
      </c>
      <c r="AJ4490">
        <v>20154.890350000001</v>
      </c>
      <c r="AK4490">
        <v>32420.49382</v>
      </c>
      <c r="AL4490">
        <v>79776.768559999997</v>
      </c>
      <c r="AM4490">
        <v>18254.777689999999</v>
      </c>
      <c r="AN4490">
        <v>85553.995209999994</v>
      </c>
      <c r="AO4490">
        <v>20443.172119999999</v>
      </c>
      <c r="AP4490">
        <v>17937.359090000002</v>
      </c>
    </row>
    <row r="4491" spans="2:42" x14ac:dyDescent="0.3">
      <c r="B4491">
        <v>55.597375129728519</v>
      </c>
      <c r="C4491" s="83">
        <v>43288.041666666664</v>
      </c>
      <c r="D4491">
        <v>216290.6686</v>
      </c>
      <c r="E4491">
        <v>14511.95311</v>
      </c>
      <c r="F4491">
        <v>58719.588080000001</v>
      </c>
      <c r="G4491">
        <v>33860.557970000002</v>
      </c>
      <c r="H4491">
        <v>37298.34246</v>
      </c>
      <c r="I4491">
        <v>18723.73991</v>
      </c>
      <c r="J4491">
        <v>39329.036200000002</v>
      </c>
      <c r="K4491">
        <v>52311.041519999999</v>
      </c>
      <c r="L4491">
        <v>20732.524860000001</v>
      </c>
      <c r="M4491">
        <v>283461.34580000001</v>
      </c>
      <c r="N4491">
        <v>77800.123699999996</v>
      </c>
      <c r="O4491">
        <v>19630.43015</v>
      </c>
      <c r="P4491">
        <v>29608.03644</v>
      </c>
      <c r="Q4491">
        <v>78886.974400000006</v>
      </c>
      <c r="R4491">
        <v>15709.187</v>
      </c>
      <c r="S4491">
        <v>82833.958400000003</v>
      </c>
      <c r="T4491">
        <v>19589.843099999998</v>
      </c>
      <c r="U4491">
        <v>17510.890790000001</v>
      </c>
      <c r="W4491" s="83">
        <f>Bühler!N4523</f>
        <v>45479.041666655779</v>
      </c>
      <c r="X4491" s="83">
        <v>43288.041666666664</v>
      </c>
      <c r="Y4491">
        <v>216290.6686</v>
      </c>
      <c r="Z4491">
        <v>14511.95311</v>
      </c>
      <c r="AA4491">
        <v>58719.588080000001</v>
      </c>
      <c r="AB4491">
        <v>33860.557970000002</v>
      </c>
      <c r="AC4491">
        <v>37298.34246</v>
      </c>
      <c r="AD4491">
        <v>18723.73991</v>
      </c>
      <c r="AE4491">
        <v>39329.036200000002</v>
      </c>
      <c r="AF4491">
        <v>52311.041519999999</v>
      </c>
      <c r="AG4491">
        <v>20732.524860000001</v>
      </c>
      <c r="AH4491">
        <v>283461.34580000001</v>
      </c>
      <c r="AI4491">
        <v>77800.123699999996</v>
      </c>
      <c r="AJ4491">
        <v>19630.43015</v>
      </c>
      <c r="AK4491">
        <v>29608.03644</v>
      </c>
      <c r="AL4491">
        <v>78886.974400000006</v>
      </c>
      <c r="AM4491">
        <v>15709.187</v>
      </c>
      <c r="AN4491">
        <v>82833.958400000003</v>
      </c>
      <c r="AO4491">
        <v>19589.843099999998</v>
      </c>
      <c r="AP4491">
        <v>17510.890790000001</v>
      </c>
    </row>
    <row r="4492" spans="2:42" x14ac:dyDescent="0.3">
      <c r="B4492">
        <v>54.896386820638476</v>
      </c>
      <c r="C4492" s="83">
        <v>43288.083333333336</v>
      </c>
      <c r="D4492">
        <v>211050.07550000001</v>
      </c>
      <c r="E4492">
        <v>14082.110640000001</v>
      </c>
      <c r="F4492">
        <v>59289.70379</v>
      </c>
      <c r="G4492">
        <v>33042.840839999997</v>
      </c>
      <c r="H4492">
        <v>36544.244120000003</v>
      </c>
      <c r="I4492">
        <v>16376.24519</v>
      </c>
      <c r="J4492">
        <v>38635.843130000001</v>
      </c>
      <c r="K4492">
        <v>50841.830040000001</v>
      </c>
      <c r="L4492">
        <v>19935.77634</v>
      </c>
      <c r="M4492">
        <v>279887.38050000003</v>
      </c>
      <c r="N4492">
        <v>75967.481539999993</v>
      </c>
      <c r="O4492">
        <v>19250.944009999999</v>
      </c>
      <c r="P4492">
        <v>28778.243160000002</v>
      </c>
      <c r="Q4492">
        <v>78730.383530000006</v>
      </c>
      <c r="R4492">
        <v>15249.038409999999</v>
      </c>
      <c r="S4492">
        <v>81906.294219999996</v>
      </c>
      <c r="T4492">
        <v>18995.36548</v>
      </c>
      <c r="U4492">
        <v>17182.65021</v>
      </c>
      <c r="W4492" s="83">
        <f>Bühler!N4524</f>
        <v>45479.083333322444</v>
      </c>
      <c r="X4492" s="83">
        <v>43288.083333333336</v>
      </c>
      <c r="Y4492">
        <v>211050.07550000001</v>
      </c>
      <c r="Z4492">
        <v>14082.110640000001</v>
      </c>
      <c r="AA4492">
        <v>59289.70379</v>
      </c>
      <c r="AB4492">
        <v>33042.840839999997</v>
      </c>
      <c r="AC4492">
        <v>36544.244120000003</v>
      </c>
      <c r="AD4492">
        <v>16376.24519</v>
      </c>
      <c r="AE4492">
        <v>38635.843130000001</v>
      </c>
      <c r="AF4492">
        <v>50841.830040000001</v>
      </c>
      <c r="AG4492">
        <v>19935.77634</v>
      </c>
      <c r="AH4492">
        <v>279887.38050000003</v>
      </c>
      <c r="AI4492">
        <v>75967.481539999993</v>
      </c>
      <c r="AJ4492">
        <v>19250.944009999999</v>
      </c>
      <c r="AK4492">
        <v>28778.243160000002</v>
      </c>
      <c r="AL4492">
        <v>78730.383530000006</v>
      </c>
      <c r="AM4492">
        <v>15249.038409999999</v>
      </c>
      <c r="AN4492">
        <v>81906.294219999996</v>
      </c>
      <c r="AO4492">
        <v>18995.36548</v>
      </c>
      <c r="AP4492">
        <v>17182.65021</v>
      </c>
    </row>
    <row r="4493" spans="2:42" x14ac:dyDescent="0.3">
      <c r="B4493">
        <v>53.719487946045042</v>
      </c>
      <c r="C4493" s="83">
        <v>43288.125</v>
      </c>
      <c r="D4493">
        <v>204368.16620000001</v>
      </c>
      <c r="E4493">
        <v>13926.27657</v>
      </c>
      <c r="F4493">
        <v>60021.686249999999</v>
      </c>
      <c r="G4493">
        <v>32157.86721</v>
      </c>
      <c r="H4493">
        <v>36211.438710000002</v>
      </c>
      <c r="I4493">
        <v>15359.13197</v>
      </c>
      <c r="J4493">
        <v>38267.64071</v>
      </c>
      <c r="K4493">
        <v>49534.977460000002</v>
      </c>
      <c r="L4493">
        <v>19559.209480000001</v>
      </c>
      <c r="M4493">
        <v>273887.0012</v>
      </c>
      <c r="N4493">
        <v>75490.128769999996</v>
      </c>
      <c r="O4493">
        <v>19267.476139999999</v>
      </c>
      <c r="P4493">
        <v>26867.94556</v>
      </c>
      <c r="Q4493">
        <v>78749.648690000002</v>
      </c>
      <c r="R4493">
        <v>14681.950699999999</v>
      </c>
      <c r="S4493">
        <v>80715.847030000004</v>
      </c>
      <c r="T4493">
        <v>18589.152099999999</v>
      </c>
      <c r="U4493">
        <v>17119.46355</v>
      </c>
      <c r="W4493" s="83">
        <f>Bühler!N4525</f>
        <v>45479.124999989108</v>
      </c>
      <c r="X4493" s="83">
        <v>43288.125</v>
      </c>
      <c r="Y4493">
        <v>204368.16620000001</v>
      </c>
      <c r="Z4493">
        <v>13926.27657</v>
      </c>
      <c r="AA4493">
        <v>60021.686249999999</v>
      </c>
      <c r="AB4493">
        <v>32157.86721</v>
      </c>
      <c r="AC4493">
        <v>36211.438710000002</v>
      </c>
      <c r="AD4493">
        <v>15359.13197</v>
      </c>
      <c r="AE4493">
        <v>38267.64071</v>
      </c>
      <c r="AF4493">
        <v>49534.977460000002</v>
      </c>
      <c r="AG4493">
        <v>19559.209480000001</v>
      </c>
      <c r="AH4493">
        <v>273887.0012</v>
      </c>
      <c r="AI4493">
        <v>75490.128769999996</v>
      </c>
      <c r="AJ4493">
        <v>19267.476139999999</v>
      </c>
      <c r="AK4493">
        <v>26867.94556</v>
      </c>
      <c r="AL4493">
        <v>78749.648690000002</v>
      </c>
      <c r="AM4493">
        <v>14681.950699999999</v>
      </c>
      <c r="AN4493">
        <v>80715.847030000004</v>
      </c>
      <c r="AO4493">
        <v>18589.152099999999</v>
      </c>
      <c r="AP4493">
        <v>17119.46355</v>
      </c>
    </row>
    <row r="4494" spans="2:42" x14ac:dyDescent="0.3">
      <c r="B4494">
        <v>52.355978856499199</v>
      </c>
      <c r="C4494" s="83">
        <v>43288.166666666664</v>
      </c>
      <c r="D4494">
        <v>196574.00279999999</v>
      </c>
      <c r="E4494">
        <v>13911.512290000001</v>
      </c>
      <c r="F4494">
        <v>62960.386599999998</v>
      </c>
      <c r="G4494">
        <v>31109.19832</v>
      </c>
      <c r="H4494">
        <v>35990.423000000003</v>
      </c>
      <c r="I4494">
        <v>15810.420319999999</v>
      </c>
      <c r="J4494">
        <v>40535.035369999998</v>
      </c>
      <c r="K4494">
        <v>48416.245699999999</v>
      </c>
      <c r="L4494">
        <v>19031.377690000001</v>
      </c>
      <c r="M4494">
        <v>266935.196</v>
      </c>
      <c r="N4494">
        <v>74297.372459999999</v>
      </c>
      <c r="O4494">
        <v>19061.093290000001</v>
      </c>
      <c r="P4494">
        <v>26433.60296</v>
      </c>
      <c r="Q4494">
        <v>77484.135089999996</v>
      </c>
      <c r="R4494">
        <v>14940.506020000001</v>
      </c>
      <c r="S4494">
        <v>80086.974130000002</v>
      </c>
      <c r="T4494">
        <v>18484.491480000001</v>
      </c>
      <c r="U4494">
        <v>17022.211139999999</v>
      </c>
      <c r="W4494" s="83">
        <f>Bühler!N4526</f>
        <v>45479.166666655772</v>
      </c>
      <c r="X4494" s="83">
        <v>43288.166666666664</v>
      </c>
      <c r="Y4494">
        <v>196574.00279999999</v>
      </c>
      <c r="Z4494">
        <v>13911.512290000001</v>
      </c>
      <c r="AA4494">
        <v>62960.386599999998</v>
      </c>
      <c r="AB4494">
        <v>31109.19832</v>
      </c>
      <c r="AC4494">
        <v>35990.423000000003</v>
      </c>
      <c r="AD4494">
        <v>15810.420319999999</v>
      </c>
      <c r="AE4494">
        <v>40535.035369999998</v>
      </c>
      <c r="AF4494">
        <v>48416.245699999999</v>
      </c>
      <c r="AG4494">
        <v>19031.377690000001</v>
      </c>
      <c r="AH4494">
        <v>266935.196</v>
      </c>
      <c r="AI4494">
        <v>74297.372459999999</v>
      </c>
      <c r="AJ4494">
        <v>19061.093290000001</v>
      </c>
      <c r="AK4494">
        <v>26433.60296</v>
      </c>
      <c r="AL4494">
        <v>77484.135089999996</v>
      </c>
      <c r="AM4494">
        <v>14940.506020000001</v>
      </c>
      <c r="AN4494">
        <v>80086.974130000002</v>
      </c>
      <c r="AO4494">
        <v>18484.491480000001</v>
      </c>
      <c r="AP4494">
        <v>17022.211139999999</v>
      </c>
    </row>
    <row r="4495" spans="2:42" x14ac:dyDescent="0.3">
      <c r="B4495">
        <v>51.3581690135399</v>
      </c>
      <c r="C4495" s="83">
        <v>43288.208333333336</v>
      </c>
      <c r="D4495">
        <v>191452.2458</v>
      </c>
      <c r="E4495">
        <v>14516.70217</v>
      </c>
      <c r="F4495">
        <v>71678.950070000006</v>
      </c>
      <c r="G4495">
        <v>31046.743210000001</v>
      </c>
      <c r="H4495">
        <v>36147.362639999999</v>
      </c>
      <c r="I4495">
        <v>20988.992440000002</v>
      </c>
      <c r="J4495">
        <v>43312.147949999999</v>
      </c>
      <c r="K4495">
        <v>47052.711660000001</v>
      </c>
      <c r="L4495">
        <v>18922.931619999999</v>
      </c>
      <c r="M4495">
        <v>261847.89610000001</v>
      </c>
      <c r="N4495">
        <v>70928.398279999994</v>
      </c>
      <c r="O4495">
        <v>18796.851299999998</v>
      </c>
      <c r="P4495">
        <v>27618.64516</v>
      </c>
      <c r="Q4495">
        <v>76462.679199999999</v>
      </c>
      <c r="R4495">
        <v>16564.5995</v>
      </c>
      <c r="S4495">
        <v>80441.060540000006</v>
      </c>
      <c r="T4495">
        <v>19316.58164</v>
      </c>
      <c r="U4495">
        <v>17578.402819999999</v>
      </c>
      <c r="W4495" s="83">
        <f>Bühler!N4527</f>
        <v>45479.208333322436</v>
      </c>
      <c r="X4495" s="83">
        <v>43288.208333333336</v>
      </c>
      <c r="Y4495">
        <v>191452.2458</v>
      </c>
      <c r="Z4495">
        <v>14516.70217</v>
      </c>
      <c r="AA4495">
        <v>71678.950070000006</v>
      </c>
      <c r="AB4495">
        <v>31046.743210000001</v>
      </c>
      <c r="AC4495">
        <v>36147.362639999999</v>
      </c>
      <c r="AD4495">
        <v>20988.992440000002</v>
      </c>
      <c r="AE4495">
        <v>43312.147949999999</v>
      </c>
      <c r="AF4495">
        <v>47052.711660000001</v>
      </c>
      <c r="AG4495">
        <v>18922.931619999999</v>
      </c>
      <c r="AH4495">
        <v>261847.89610000001</v>
      </c>
      <c r="AI4495">
        <v>70928.398279999994</v>
      </c>
      <c r="AJ4495">
        <v>18796.851299999998</v>
      </c>
      <c r="AK4495">
        <v>27618.64516</v>
      </c>
      <c r="AL4495">
        <v>76462.679199999999</v>
      </c>
      <c r="AM4495">
        <v>16564.5995</v>
      </c>
      <c r="AN4495">
        <v>80441.060540000006</v>
      </c>
      <c r="AO4495">
        <v>19316.58164</v>
      </c>
      <c r="AP4495">
        <v>17578.402819999999</v>
      </c>
    </row>
    <row r="4496" spans="2:42" x14ac:dyDescent="0.3">
      <c r="B4496">
        <v>50.425383175401784</v>
      </c>
      <c r="C4496" s="83">
        <v>43288.25</v>
      </c>
      <c r="D4496">
        <v>191112.22990000001</v>
      </c>
      <c r="E4496">
        <v>15902.756310000001</v>
      </c>
      <c r="F4496">
        <v>81253.969389999998</v>
      </c>
      <c r="G4496">
        <v>31182.35586</v>
      </c>
      <c r="H4496">
        <v>35084.788410000001</v>
      </c>
      <c r="I4496">
        <v>23051.794430000002</v>
      </c>
      <c r="J4496">
        <v>44722.607029999999</v>
      </c>
      <c r="K4496">
        <v>46225.923139999999</v>
      </c>
      <c r="L4496">
        <v>18646.643250000001</v>
      </c>
      <c r="M4496">
        <v>257092.1189</v>
      </c>
      <c r="N4496">
        <v>69656.227060000005</v>
      </c>
      <c r="O4496">
        <v>19437.854729999999</v>
      </c>
      <c r="P4496">
        <v>28549.762999999999</v>
      </c>
      <c r="Q4496">
        <v>73377.688999999998</v>
      </c>
      <c r="R4496">
        <v>15790.21149</v>
      </c>
      <c r="S4496">
        <v>83111.237540000002</v>
      </c>
      <c r="T4496">
        <v>20671.86058</v>
      </c>
      <c r="U4496">
        <v>16823.56064</v>
      </c>
      <c r="W4496" s="83">
        <f>Bühler!N4528</f>
        <v>45479.249999989101</v>
      </c>
      <c r="X4496" s="83">
        <v>43288.25</v>
      </c>
      <c r="Y4496">
        <v>191112.22990000001</v>
      </c>
      <c r="Z4496">
        <v>15902.756310000001</v>
      </c>
      <c r="AA4496">
        <v>81253.969389999998</v>
      </c>
      <c r="AB4496">
        <v>31182.35586</v>
      </c>
      <c r="AC4496">
        <v>35084.788410000001</v>
      </c>
      <c r="AD4496">
        <v>23051.794430000002</v>
      </c>
      <c r="AE4496">
        <v>44722.607029999999</v>
      </c>
      <c r="AF4496">
        <v>46225.923139999999</v>
      </c>
      <c r="AG4496">
        <v>18646.643250000001</v>
      </c>
      <c r="AH4496">
        <v>257092.1189</v>
      </c>
      <c r="AI4496">
        <v>69656.227060000005</v>
      </c>
      <c r="AJ4496">
        <v>19437.854729999999</v>
      </c>
      <c r="AK4496">
        <v>28549.762999999999</v>
      </c>
      <c r="AL4496">
        <v>73377.688999999998</v>
      </c>
      <c r="AM4496">
        <v>15790.21149</v>
      </c>
      <c r="AN4496">
        <v>83111.237540000002</v>
      </c>
      <c r="AO4496">
        <v>20671.86058</v>
      </c>
      <c r="AP4496">
        <v>16823.56064</v>
      </c>
    </row>
    <row r="4497" spans="2:42" x14ac:dyDescent="0.3">
      <c r="B4497">
        <v>50.742028435313571</v>
      </c>
      <c r="C4497" s="83">
        <v>43288.291666666664</v>
      </c>
      <c r="D4497">
        <v>191275.8757</v>
      </c>
      <c r="E4497">
        <v>18363.476549999999</v>
      </c>
      <c r="F4497">
        <v>85712.191680000004</v>
      </c>
      <c r="G4497">
        <v>32165.295829999999</v>
      </c>
      <c r="H4497">
        <v>35875.779139999999</v>
      </c>
      <c r="I4497">
        <v>25208.183509999999</v>
      </c>
      <c r="J4497">
        <v>46295.198519999998</v>
      </c>
      <c r="K4497">
        <v>46023.418109999999</v>
      </c>
      <c r="L4497">
        <v>20335.206259999999</v>
      </c>
      <c r="M4497">
        <v>258706.52410000001</v>
      </c>
      <c r="N4497">
        <v>70057.23371</v>
      </c>
      <c r="O4497">
        <v>20351.142459999999</v>
      </c>
      <c r="P4497">
        <v>30178.177879999999</v>
      </c>
      <c r="Q4497">
        <v>71872.222529999999</v>
      </c>
      <c r="R4497">
        <v>15646.57728</v>
      </c>
      <c r="S4497">
        <v>89125.488750000004</v>
      </c>
      <c r="T4497">
        <v>22427.87113</v>
      </c>
      <c r="U4497">
        <v>17443.811099999999</v>
      </c>
      <c r="W4497" s="83">
        <f>Bühler!N4529</f>
        <v>45479.291666655765</v>
      </c>
      <c r="X4497" s="83">
        <v>43288.291666666664</v>
      </c>
      <c r="Y4497">
        <v>191275.8757</v>
      </c>
      <c r="Z4497">
        <v>18363.476549999999</v>
      </c>
      <c r="AA4497">
        <v>85712.191680000004</v>
      </c>
      <c r="AB4497">
        <v>32165.295829999999</v>
      </c>
      <c r="AC4497">
        <v>35875.779139999999</v>
      </c>
      <c r="AD4497">
        <v>25208.183509999999</v>
      </c>
      <c r="AE4497">
        <v>46295.198519999998</v>
      </c>
      <c r="AF4497">
        <v>46023.418109999999</v>
      </c>
      <c r="AG4497">
        <v>20335.206259999999</v>
      </c>
      <c r="AH4497">
        <v>258706.52410000001</v>
      </c>
      <c r="AI4497">
        <v>70057.23371</v>
      </c>
      <c r="AJ4497">
        <v>20351.142459999999</v>
      </c>
      <c r="AK4497">
        <v>30178.177879999999</v>
      </c>
      <c r="AL4497">
        <v>71872.222529999999</v>
      </c>
      <c r="AM4497">
        <v>15646.57728</v>
      </c>
      <c r="AN4497">
        <v>89125.488750000004</v>
      </c>
      <c r="AO4497">
        <v>22427.87113</v>
      </c>
      <c r="AP4497">
        <v>17443.811099999999</v>
      </c>
    </row>
    <row r="4498" spans="2:42" x14ac:dyDescent="0.3">
      <c r="B4498">
        <v>50.850330003464784</v>
      </c>
      <c r="C4498" s="83">
        <v>43288.333333333336</v>
      </c>
      <c r="D4498">
        <v>191916.64449999999</v>
      </c>
      <c r="E4498">
        <v>22281.855100000001</v>
      </c>
      <c r="F4498">
        <v>92352.642829999997</v>
      </c>
      <c r="G4498">
        <v>33380.618399999999</v>
      </c>
      <c r="H4498">
        <v>36962.80702</v>
      </c>
      <c r="I4498">
        <v>26519.123329999999</v>
      </c>
      <c r="J4498">
        <v>48893.807289999997</v>
      </c>
      <c r="K4498">
        <v>48148.664340000003</v>
      </c>
      <c r="L4498">
        <v>23515.30156</v>
      </c>
      <c r="M4498">
        <v>259258.696</v>
      </c>
      <c r="N4498">
        <v>74175.757920000004</v>
      </c>
      <c r="O4498">
        <v>20930.77752</v>
      </c>
      <c r="P4498">
        <v>33207.518770000002</v>
      </c>
      <c r="Q4498">
        <v>71105.318920000005</v>
      </c>
      <c r="R4498">
        <v>17248.957439999998</v>
      </c>
      <c r="S4498">
        <v>94892.687600000005</v>
      </c>
      <c r="T4498">
        <v>23176.10122</v>
      </c>
      <c r="U4498">
        <v>18088.78584</v>
      </c>
      <c r="W4498" s="83">
        <f>Bühler!N4530</f>
        <v>45479.333333322429</v>
      </c>
      <c r="X4498" s="83">
        <v>43288.333333333336</v>
      </c>
      <c r="Y4498">
        <v>191916.64449999999</v>
      </c>
      <c r="Z4498">
        <v>22281.855100000001</v>
      </c>
      <c r="AA4498">
        <v>92352.642829999997</v>
      </c>
      <c r="AB4498">
        <v>33380.618399999999</v>
      </c>
      <c r="AC4498">
        <v>36962.80702</v>
      </c>
      <c r="AD4498">
        <v>26519.123329999999</v>
      </c>
      <c r="AE4498">
        <v>48893.807289999997</v>
      </c>
      <c r="AF4498">
        <v>48148.664340000003</v>
      </c>
      <c r="AG4498">
        <v>23515.30156</v>
      </c>
      <c r="AH4498">
        <v>259258.696</v>
      </c>
      <c r="AI4498">
        <v>74175.757920000004</v>
      </c>
      <c r="AJ4498">
        <v>20930.77752</v>
      </c>
      <c r="AK4498">
        <v>33207.518770000002</v>
      </c>
      <c r="AL4498">
        <v>71105.318920000005</v>
      </c>
      <c r="AM4498">
        <v>17248.957439999998</v>
      </c>
      <c r="AN4498">
        <v>94892.687600000005</v>
      </c>
      <c r="AO4498">
        <v>23176.10122</v>
      </c>
      <c r="AP4498">
        <v>18088.78584</v>
      </c>
    </row>
    <row r="4499" spans="2:42" x14ac:dyDescent="0.3">
      <c r="B4499">
        <v>50.729832061771134</v>
      </c>
      <c r="C4499" s="83">
        <v>43288.375</v>
      </c>
      <c r="D4499">
        <v>192096.86790000001</v>
      </c>
      <c r="E4499">
        <v>26860.81393</v>
      </c>
      <c r="F4499">
        <v>101311.5575</v>
      </c>
      <c r="G4499">
        <v>34579.582320000001</v>
      </c>
      <c r="H4499">
        <v>38518.447330000003</v>
      </c>
      <c r="I4499">
        <v>27288.042600000001</v>
      </c>
      <c r="J4499">
        <v>52447.514280000003</v>
      </c>
      <c r="K4499">
        <v>51020.002139999997</v>
      </c>
      <c r="L4499">
        <v>27348.804390000001</v>
      </c>
      <c r="M4499">
        <v>258644.3413</v>
      </c>
      <c r="N4499">
        <v>77545.331130000006</v>
      </c>
      <c r="O4499">
        <v>21601.384859999998</v>
      </c>
      <c r="P4499">
        <v>36171.921320000001</v>
      </c>
      <c r="Q4499">
        <v>70795.445980000004</v>
      </c>
      <c r="R4499">
        <v>18307.14243</v>
      </c>
      <c r="S4499">
        <v>100149.7395</v>
      </c>
      <c r="T4499">
        <v>26162.171880000002</v>
      </c>
      <c r="U4499">
        <v>18561.768230000001</v>
      </c>
      <c r="W4499" s="83">
        <f>Bühler!N4531</f>
        <v>45479.374999989093</v>
      </c>
      <c r="X4499" s="83">
        <v>43288.375</v>
      </c>
      <c r="Y4499">
        <v>192096.86790000001</v>
      </c>
      <c r="Z4499">
        <v>26860.81393</v>
      </c>
      <c r="AA4499">
        <v>101311.5575</v>
      </c>
      <c r="AB4499">
        <v>34579.582320000001</v>
      </c>
      <c r="AC4499">
        <v>38518.447330000003</v>
      </c>
      <c r="AD4499">
        <v>27288.042600000001</v>
      </c>
      <c r="AE4499">
        <v>52447.514280000003</v>
      </c>
      <c r="AF4499">
        <v>51020.002139999997</v>
      </c>
      <c r="AG4499">
        <v>27348.804390000001</v>
      </c>
      <c r="AH4499">
        <v>258644.3413</v>
      </c>
      <c r="AI4499">
        <v>77545.331130000006</v>
      </c>
      <c r="AJ4499">
        <v>21601.384859999998</v>
      </c>
      <c r="AK4499">
        <v>36171.921320000001</v>
      </c>
      <c r="AL4499">
        <v>70795.445980000004</v>
      </c>
      <c r="AM4499">
        <v>18307.14243</v>
      </c>
      <c r="AN4499">
        <v>100149.7395</v>
      </c>
      <c r="AO4499">
        <v>26162.171880000002</v>
      </c>
      <c r="AP4499">
        <v>18561.768230000001</v>
      </c>
    </row>
    <row r="4500" spans="2:42" x14ac:dyDescent="0.3">
      <c r="B4500">
        <v>50.838076553935089</v>
      </c>
      <c r="C4500" s="83">
        <v>43288.416666666664</v>
      </c>
      <c r="D4500">
        <v>192641.1758</v>
      </c>
      <c r="E4500">
        <v>28816.082859999999</v>
      </c>
      <c r="F4500">
        <v>103174.3944</v>
      </c>
      <c r="G4500">
        <v>35378.450109999998</v>
      </c>
      <c r="H4500">
        <v>39330.719989999998</v>
      </c>
      <c r="I4500">
        <v>27757.14386</v>
      </c>
      <c r="J4500">
        <v>52364.580900000001</v>
      </c>
      <c r="K4500">
        <v>51776.564610000001</v>
      </c>
      <c r="L4500">
        <v>31859.67194</v>
      </c>
      <c r="M4500">
        <v>259196.22219999999</v>
      </c>
      <c r="N4500">
        <v>81178.787939999995</v>
      </c>
      <c r="O4500">
        <v>22065.669519999999</v>
      </c>
      <c r="P4500">
        <v>37775.519469999999</v>
      </c>
      <c r="Q4500">
        <v>70691.697050000002</v>
      </c>
      <c r="R4500">
        <v>19214.25678</v>
      </c>
      <c r="S4500">
        <v>101019.61380000001</v>
      </c>
      <c r="T4500">
        <v>28552.39731</v>
      </c>
      <c r="U4500">
        <v>18710.377960000002</v>
      </c>
      <c r="W4500" s="83">
        <f>Bühler!N4532</f>
        <v>45479.416666655758</v>
      </c>
      <c r="X4500" s="83">
        <v>43288.416666666664</v>
      </c>
      <c r="Y4500">
        <v>192641.1758</v>
      </c>
      <c r="Z4500">
        <v>28816.082859999999</v>
      </c>
      <c r="AA4500">
        <v>103174.3944</v>
      </c>
      <c r="AB4500">
        <v>35378.450109999998</v>
      </c>
      <c r="AC4500">
        <v>39330.719989999998</v>
      </c>
      <c r="AD4500">
        <v>27757.14386</v>
      </c>
      <c r="AE4500">
        <v>52364.580900000001</v>
      </c>
      <c r="AF4500">
        <v>51776.564610000001</v>
      </c>
      <c r="AG4500">
        <v>31859.67194</v>
      </c>
      <c r="AH4500">
        <v>259196.22219999999</v>
      </c>
      <c r="AI4500">
        <v>81178.787939999995</v>
      </c>
      <c r="AJ4500">
        <v>22065.669519999999</v>
      </c>
      <c r="AK4500">
        <v>37775.519469999999</v>
      </c>
      <c r="AL4500">
        <v>70691.697050000002</v>
      </c>
      <c r="AM4500">
        <v>19214.25678</v>
      </c>
      <c r="AN4500">
        <v>101019.61380000001</v>
      </c>
      <c r="AO4500">
        <v>28552.39731</v>
      </c>
      <c r="AP4500">
        <v>18710.377960000002</v>
      </c>
    </row>
    <row r="4501" spans="2:42" x14ac:dyDescent="0.3">
      <c r="B4501">
        <v>50.677985039103802</v>
      </c>
      <c r="C4501" s="83">
        <v>43288.458333333336</v>
      </c>
      <c r="D4501">
        <v>189446.1416</v>
      </c>
      <c r="E4501">
        <v>28904.915359999999</v>
      </c>
      <c r="F4501">
        <v>104797.11719999999</v>
      </c>
      <c r="G4501">
        <v>35851.471420000002</v>
      </c>
      <c r="H4501">
        <v>39862.436950000003</v>
      </c>
      <c r="I4501">
        <v>28456.116379999999</v>
      </c>
      <c r="J4501">
        <v>52550.628839999998</v>
      </c>
      <c r="K4501">
        <v>52770.9732</v>
      </c>
      <c r="L4501">
        <v>33491.404750000002</v>
      </c>
      <c r="M4501">
        <v>258380.00099999999</v>
      </c>
      <c r="N4501">
        <v>82443.599789999993</v>
      </c>
      <c r="O4501">
        <v>21657.145840000001</v>
      </c>
      <c r="P4501">
        <v>38113.930979999997</v>
      </c>
      <c r="Q4501">
        <v>70267.064799999993</v>
      </c>
      <c r="R4501">
        <v>20957.509890000001</v>
      </c>
      <c r="S4501">
        <v>104787.36199999999</v>
      </c>
      <c r="T4501">
        <v>29570.606199999998</v>
      </c>
      <c r="U4501">
        <v>18473.627830000001</v>
      </c>
      <c r="W4501" s="83">
        <f>Bühler!N4533</f>
        <v>45479.458333322422</v>
      </c>
      <c r="X4501" s="83">
        <v>43288.458333333336</v>
      </c>
      <c r="Y4501">
        <v>189446.1416</v>
      </c>
      <c r="Z4501">
        <v>28904.915359999999</v>
      </c>
      <c r="AA4501">
        <v>104797.11719999999</v>
      </c>
      <c r="AB4501">
        <v>35851.471420000002</v>
      </c>
      <c r="AC4501">
        <v>39862.436950000003</v>
      </c>
      <c r="AD4501">
        <v>28456.116379999999</v>
      </c>
      <c r="AE4501">
        <v>52550.628839999998</v>
      </c>
      <c r="AF4501">
        <v>52770.9732</v>
      </c>
      <c r="AG4501">
        <v>33491.404750000002</v>
      </c>
      <c r="AH4501">
        <v>258380.00099999999</v>
      </c>
      <c r="AI4501">
        <v>82443.599789999993</v>
      </c>
      <c r="AJ4501">
        <v>21657.145840000001</v>
      </c>
      <c r="AK4501">
        <v>38113.930979999997</v>
      </c>
      <c r="AL4501">
        <v>70267.064799999993</v>
      </c>
      <c r="AM4501">
        <v>20957.509890000001</v>
      </c>
      <c r="AN4501">
        <v>104787.36199999999</v>
      </c>
      <c r="AO4501">
        <v>29570.606199999998</v>
      </c>
      <c r="AP4501">
        <v>18473.627830000001</v>
      </c>
    </row>
    <row r="4502" spans="2:42" x14ac:dyDescent="0.3">
      <c r="B4502">
        <v>49.381109869881087</v>
      </c>
      <c r="C4502" s="83">
        <v>43288.5</v>
      </c>
      <c r="D4502">
        <v>183186.014</v>
      </c>
      <c r="E4502">
        <v>27700.09979</v>
      </c>
      <c r="F4502">
        <v>103892.43489999999</v>
      </c>
      <c r="G4502">
        <v>35110.73863</v>
      </c>
      <c r="H4502">
        <v>39194.82432</v>
      </c>
      <c r="I4502">
        <v>28561.06235</v>
      </c>
      <c r="J4502">
        <v>53113.90784</v>
      </c>
      <c r="K4502">
        <v>51953.620069999997</v>
      </c>
      <c r="L4502">
        <v>36368.004569999997</v>
      </c>
      <c r="M4502">
        <v>251767.92660000001</v>
      </c>
      <c r="N4502">
        <v>81973.088940000001</v>
      </c>
      <c r="O4502">
        <v>21199.39098</v>
      </c>
      <c r="P4502">
        <v>38864.499150000003</v>
      </c>
      <c r="Q4502">
        <v>68270.771980000005</v>
      </c>
      <c r="R4502">
        <v>20961.024730000001</v>
      </c>
      <c r="S4502">
        <v>101355.001</v>
      </c>
      <c r="T4502">
        <v>29444.258430000002</v>
      </c>
      <c r="U4502">
        <v>17659.94889</v>
      </c>
      <c r="W4502" s="83">
        <f>Bühler!N4534</f>
        <v>45479.499999989086</v>
      </c>
      <c r="X4502" s="83">
        <v>43288.5</v>
      </c>
      <c r="Y4502">
        <v>183186.014</v>
      </c>
      <c r="Z4502">
        <v>27700.09979</v>
      </c>
      <c r="AA4502">
        <v>103892.43489999999</v>
      </c>
      <c r="AB4502">
        <v>35110.73863</v>
      </c>
      <c r="AC4502">
        <v>39194.82432</v>
      </c>
      <c r="AD4502">
        <v>28561.06235</v>
      </c>
      <c r="AE4502">
        <v>53113.90784</v>
      </c>
      <c r="AF4502">
        <v>51953.620069999997</v>
      </c>
      <c r="AG4502">
        <v>36368.004569999997</v>
      </c>
      <c r="AH4502">
        <v>251767.92660000001</v>
      </c>
      <c r="AI4502">
        <v>81973.088940000001</v>
      </c>
      <c r="AJ4502">
        <v>21199.39098</v>
      </c>
      <c r="AK4502">
        <v>38864.499150000003</v>
      </c>
      <c r="AL4502">
        <v>68270.771980000005</v>
      </c>
      <c r="AM4502">
        <v>20961.024730000001</v>
      </c>
      <c r="AN4502">
        <v>101355.001</v>
      </c>
      <c r="AO4502">
        <v>29444.258430000002</v>
      </c>
      <c r="AP4502">
        <v>17659.94889</v>
      </c>
    </row>
    <row r="4503" spans="2:42" x14ac:dyDescent="0.3">
      <c r="B4503">
        <v>48.541292243791268</v>
      </c>
      <c r="C4503" s="83">
        <v>43288.541666666664</v>
      </c>
      <c r="D4503">
        <v>179709.71220000001</v>
      </c>
      <c r="E4503">
        <v>27394.289850000001</v>
      </c>
      <c r="F4503">
        <v>102977.0958</v>
      </c>
      <c r="G4503">
        <v>35001.462789999998</v>
      </c>
      <c r="H4503">
        <v>39088.10828</v>
      </c>
      <c r="I4503">
        <v>29182.210029999998</v>
      </c>
      <c r="J4503">
        <v>52475.77433</v>
      </c>
      <c r="K4503">
        <v>52878.437919999997</v>
      </c>
      <c r="L4503">
        <v>36214.832670000003</v>
      </c>
      <c r="M4503">
        <v>247486.1447</v>
      </c>
      <c r="N4503">
        <v>81861.204459999994</v>
      </c>
      <c r="O4503">
        <v>21070.600470000001</v>
      </c>
      <c r="P4503">
        <v>38377.588559999997</v>
      </c>
      <c r="Q4503">
        <v>65996.698120000001</v>
      </c>
      <c r="R4503">
        <v>20428.791160000001</v>
      </c>
      <c r="S4503">
        <v>102750.89200000001</v>
      </c>
      <c r="T4503">
        <v>28674.76283</v>
      </c>
      <c r="U4503">
        <v>17213.01383</v>
      </c>
      <c r="W4503" s="83">
        <f>Bühler!N4535</f>
        <v>45479.54166665575</v>
      </c>
      <c r="X4503" s="83">
        <v>43288.541666666664</v>
      </c>
      <c r="Y4503">
        <v>179709.71220000001</v>
      </c>
      <c r="Z4503">
        <v>27394.289850000001</v>
      </c>
      <c r="AA4503">
        <v>102977.0958</v>
      </c>
      <c r="AB4503">
        <v>35001.462789999998</v>
      </c>
      <c r="AC4503">
        <v>39088.10828</v>
      </c>
      <c r="AD4503">
        <v>29182.210029999998</v>
      </c>
      <c r="AE4503">
        <v>52475.77433</v>
      </c>
      <c r="AF4503">
        <v>52878.437919999997</v>
      </c>
      <c r="AG4503">
        <v>36214.832670000003</v>
      </c>
      <c r="AH4503">
        <v>247486.1447</v>
      </c>
      <c r="AI4503">
        <v>81861.204459999994</v>
      </c>
      <c r="AJ4503">
        <v>21070.600470000001</v>
      </c>
      <c r="AK4503">
        <v>38377.588559999997</v>
      </c>
      <c r="AL4503">
        <v>65996.698120000001</v>
      </c>
      <c r="AM4503">
        <v>20428.791160000001</v>
      </c>
      <c r="AN4503">
        <v>102750.89200000001</v>
      </c>
      <c r="AO4503">
        <v>28674.76283</v>
      </c>
      <c r="AP4503">
        <v>17213.01383</v>
      </c>
    </row>
    <row r="4504" spans="2:42" x14ac:dyDescent="0.3">
      <c r="B4504">
        <v>47.720941118673174</v>
      </c>
      <c r="C4504" s="83">
        <v>43288.583333333336</v>
      </c>
      <c r="D4504">
        <v>179250.519</v>
      </c>
      <c r="E4504">
        <v>28458.621899999998</v>
      </c>
      <c r="F4504">
        <v>103363.2945</v>
      </c>
      <c r="G4504">
        <v>34958.072740000003</v>
      </c>
      <c r="H4504">
        <v>38919.386290000002</v>
      </c>
      <c r="I4504">
        <v>29180.818770000002</v>
      </c>
      <c r="J4504">
        <v>52053.707629999997</v>
      </c>
      <c r="K4504">
        <v>52442.02594</v>
      </c>
      <c r="L4504">
        <v>34255.586199999998</v>
      </c>
      <c r="M4504">
        <v>243303.6121</v>
      </c>
      <c r="N4504">
        <v>80757.114329999997</v>
      </c>
      <c r="O4504">
        <v>21872.954170000001</v>
      </c>
      <c r="P4504">
        <v>36519.119420000003</v>
      </c>
      <c r="Q4504">
        <v>65147.016799999998</v>
      </c>
      <c r="R4504">
        <v>21272.915819999998</v>
      </c>
      <c r="S4504">
        <v>100770.8833</v>
      </c>
      <c r="T4504">
        <v>28957.833750000002</v>
      </c>
      <c r="U4504">
        <v>17095.939679999999</v>
      </c>
      <c r="W4504" s="83">
        <f>Bühler!N4536</f>
        <v>45479.583333322415</v>
      </c>
      <c r="X4504" s="83">
        <v>43288.583333333336</v>
      </c>
      <c r="Y4504">
        <v>179250.519</v>
      </c>
      <c r="Z4504">
        <v>28458.621899999998</v>
      </c>
      <c r="AA4504">
        <v>103363.2945</v>
      </c>
      <c r="AB4504">
        <v>34958.072740000003</v>
      </c>
      <c r="AC4504">
        <v>38919.386290000002</v>
      </c>
      <c r="AD4504">
        <v>29180.818770000002</v>
      </c>
      <c r="AE4504">
        <v>52053.707629999997</v>
      </c>
      <c r="AF4504">
        <v>52442.02594</v>
      </c>
      <c r="AG4504">
        <v>34255.586199999998</v>
      </c>
      <c r="AH4504">
        <v>243303.6121</v>
      </c>
      <c r="AI4504">
        <v>80757.114329999997</v>
      </c>
      <c r="AJ4504">
        <v>21872.954170000001</v>
      </c>
      <c r="AK4504">
        <v>36519.119420000003</v>
      </c>
      <c r="AL4504">
        <v>65147.016799999998</v>
      </c>
      <c r="AM4504">
        <v>21272.915819999998</v>
      </c>
      <c r="AN4504">
        <v>100770.8833</v>
      </c>
      <c r="AO4504">
        <v>28957.833750000002</v>
      </c>
      <c r="AP4504">
        <v>17095.939679999999</v>
      </c>
    </row>
    <row r="4505" spans="2:42" x14ac:dyDescent="0.3">
      <c r="B4505">
        <v>47.697473394856814</v>
      </c>
      <c r="C4505" s="83">
        <v>43288.625</v>
      </c>
      <c r="D4505">
        <v>179099.15760000001</v>
      </c>
      <c r="E4505">
        <v>28515.785749999999</v>
      </c>
      <c r="F4505">
        <v>104417.2806</v>
      </c>
      <c r="G4505">
        <v>35077.698799999998</v>
      </c>
      <c r="H4505">
        <v>38842.178769999999</v>
      </c>
      <c r="I4505">
        <v>29510.407480000002</v>
      </c>
      <c r="J4505">
        <v>51842.100039999998</v>
      </c>
      <c r="K4505">
        <v>50867.676290000003</v>
      </c>
      <c r="L4505">
        <v>32106.639950000001</v>
      </c>
      <c r="M4505">
        <v>243183.9627</v>
      </c>
      <c r="N4505">
        <v>80528.129090000002</v>
      </c>
      <c r="O4505">
        <v>21419.532210000001</v>
      </c>
      <c r="P4505">
        <v>33531.809500000003</v>
      </c>
      <c r="Q4505">
        <v>64642.879309999997</v>
      </c>
      <c r="R4505">
        <v>21037.437180000001</v>
      </c>
      <c r="S4505">
        <v>100081.0806</v>
      </c>
      <c r="T4505">
        <v>29536.535090000001</v>
      </c>
      <c r="U4505">
        <v>16900.13594</v>
      </c>
      <c r="W4505" s="83">
        <f>Bühler!N4537</f>
        <v>45479.624999989079</v>
      </c>
      <c r="X4505" s="83">
        <v>43288.625</v>
      </c>
      <c r="Y4505">
        <v>179099.15760000001</v>
      </c>
      <c r="Z4505">
        <v>28515.785749999999</v>
      </c>
      <c r="AA4505">
        <v>104417.2806</v>
      </c>
      <c r="AB4505">
        <v>35077.698799999998</v>
      </c>
      <c r="AC4505">
        <v>38842.178769999999</v>
      </c>
      <c r="AD4505">
        <v>29510.407480000002</v>
      </c>
      <c r="AE4505">
        <v>51842.100039999998</v>
      </c>
      <c r="AF4505">
        <v>50867.676290000003</v>
      </c>
      <c r="AG4505">
        <v>32106.639950000001</v>
      </c>
      <c r="AH4505">
        <v>243183.9627</v>
      </c>
      <c r="AI4505">
        <v>80528.129090000002</v>
      </c>
      <c r="AJ4505">
        <v>21419.532210000001</v>
      </c>
      <c r="AK4505">
        <v>33531.809500000003</v>
      </c>
      <c r="AL4505">
        <v>64642.879309999997</v>
      </c>
      <c r="AM4505">
        <v>21037.437180000001</v>
      </c>
      <c r="AN4505">
        <v>100081.0806</v>
      </c>
      <c r="AO4505">
        <v>29536.535090000001</v>
      </c>
      <c r="AP4505">
        <v>16900.13594</v>
      </c>
    </row>
    <row r="4506" spans="2:42" x14ac:dyDescent="0.3">
      <c r="B4506">
        <v>47.04073849156908</v>
      </c>
      <c r="C4506" s="83">
        <v>43288.666666666664</v>
      </c>
      <c r="D4506">
        <v>177980.5123</v>
      </c>
      <c r="E4506">
        <v>28482.09662</v>
      </c>
      <c r="F4506">
        <v>103116.2792</v>
      </c>
      <c r="G4506">
        <v>35280.536670000001</v>
      </c>
      <c r="H4506">
        <v>38819.613729999997</v>
      </c>
      <c r="I4506">
        <v>30035.526730000001</v>
      </c>
      <c r="J4506">
        <v>51451.690430000002</v>
      </c>
      <c r="K4506">
        <v>49359.940419999999</v>
      </c>
      <c r="L4506">
        <v>31317.09938</v>
      </c>
      <c r="M4506">
        <v>239835.6219</v>
      </c>
      <c r="N4506">
        <v>81246.822750000007</v>
      </c>
      <c r="O4506">
        <v>21007.6728</v>
      </c>
      <c r="P4506">
        <v>33127.091869999997</v>
      </c>
      <c r="Q4506">
        <v>63671.612139999997</v>
      </c>
      <c r="R4506">
        <v>20713.295279999998</v>
      </c>
      <c r="S4506">
        <v>101766.84699999999</v>
      </c>
      <c r="T4506">
        <v>29043.30125</v>
      </c>
      <c r="U4506">
        <v>16732.207040000001</v>
      </c>
      <c r="W4506" s="83">
        <f>Bühler!N4538</f>
        <v>45479.666666655743</v>
      </c>
      <c r="X4506" s="83">
        <v>43288.666666666664</v>
      </c>
      <c r="Y4506">
        <v>177980.5123</v>
      </c>
      <c r="Z4506">
        <v>28482.09662</v>
      </c>
      <c r="AA4506">
        <v>103116.2792</v>
      </c>
      <c r="AB4506">
        <v>35280.536670000001</v>
      </c>
      <c r="AC4506">
        <v>38819.613729999997</v>
      </c>
      <c r="AD4506">
        <v>30035.526730000001</v>
      </c>
      <c r="AE4506">
        <v>51451.690430000002</v>
      </c>
      <c r="AF4506">
        <v>49359.940419999999</v>
      </c>
      <c r="AG4506">
        <v>31317.09938</v>
      </c>
      <c r="AH4506">
        <v>239835.6219</v>
      </c>
      <c r="AI4506">
        <v>81246.822750000007</v>
      </c>
      <c r="AJ4506">
        <v>21007.6728</v>
      </c>
      <c r="AK4506">
        <v>33127.091869999997</v>
      </c>
      <c r="AL4506">
        <v>63671.612139999997</v>
      </c>
      <c r="AM4506">
        <v>20713.295279999998</v>
      </c>
      <c r="AN4506">
        <v>101766.84699999999</v>
      </c>
      <c r="AO4506">
        <v>29043.30125</v>
      </c>
      <c r="AP4506">
        <v>16732.207040000001</v>
      </c>
    </row>
    <row r="4507" spans="2:42" x14ac:dyDescent="0.3">
      <c r="B4507">
        <v>45.855650683833851</v>
      </c>
      <c r="C4507" s="83">
        <v>43288.708333333336</v>
      </c>
      <c r="D4507">
        <v>176491.321</v>
      </c>
      <c r="E4507">
        <v>28192.98443</v>
      </c>
      <c r="F4507">
        <v>102491.15919999999</v>
      </c>
      <c r="G4507">
        <v>35280.389669999997</v>
      </c>
      <c r="H4507">
        <v>38840.91171</v>
      </c>
      <c r="I4507">
        <v>30379.014620000002</v>
      </c>
      <c r="J4507">
        <v>52461.404260000003</v>
      </c>
      <c r="K4507">
        <v>50055.747750000002</v>
      </c>
      <c r="L4507">
        <v>32740.847669999999</v>
      </c>
      <c r="M4507">
        <v>233793.49160000001</v>
      </c>
      <c r="N4507">
        <v>80350.065470000001</v>
      </c>
      <c r="O4507">
        <v>20897.864420000002</v>
      </c>
      <c r="P4507">
        <v>35370.052660000001</v>
      </c>
      <c r="Q4507">
        <v>62416.225610000001</v>
      </c>
      <c r="R4507">
        <v>22358.773450000001</v>
      </c>
      <c r="S4507">
        <v>102031.3227</v>
      </c>
      <c r="T4507">
        <v>28821.819899999999</v>
      </c>
      <c r="U4507">
        <v>16919.74541</v>
      </c>
      <c r="W4507" s="83">
        <f>Bühler!N4539</f>
        <v>45479.708333322407</v>
      </c>
      <c r="X4507" s="83">
        <v>43288.708333333336</v>
      </c>
      <c r="Y4507">
        <v>176491.321</v>
      </c>
      <c r="Z4507">
        <v>28192.98443</v>
      </c>
      <c r="AA4507">
        <v>102491.15919999999</v>
      </c>
      <c r="AB4507">
        <v>35280.389669999997</v>
      </c>
      <c r="AC4507">
        <v>38840.91171</v>
      </c>
      <c r="AD4507">
        <v>30379.014620000002</v>
      </c>
      <c r="AE4507">
        <v>52461.404260000003</v>
      </c>
      <c r="AF4507">
        <v>50055.747750000002</v>
      </c>
      <c r="AG4507">
        <v>32740.847669999999</v>
      </c>
      <c r="AH4507">
        <v>233793.49160000001</v>
      </c>
      <c r="AI4507">
        <v>80350.065470000001</v>
      </c>
      <c r="AJ4507">
        <v>20897.864420000002</v>
      </c>
      <c r="AK4507">
        <v>35370.052660000001</v>
      </c>
      <c r="AL4507">
        <v>62416.225610000001</v>
      </c>
      <c r="AM4507">
        <v>22358.773450000001</v>
      </c>
      <c r="AN4507">
        <v>102031.3227</v>
      </c>
      <c r="AO4507">
        <v>28821.819899999999</v>
      </c>
      <c r="AP4507">
        <v>16919.74541</v>
      </c>
    </row>
    <row r="4508" spans="2:42" x14ac:dyDescent="0.3">
      <c r="B4508">
        <v>44.861352347825701</v>
      </c>
      <c r="C4508" s="83">
        <v>43288.75</v>
      </c>
      <c r="D4508">
        <v>174804.46489999999</v>
      </c>
      <c r="E4508">
        <v>26781.95536</v>
      </c>
      <c r="F4508">
        <v>99866.492100000003</v>
      </c>
      <c r="G4508">
        <v>35259.6227</v>
      </c>
      <c r="H4508">
        <v>38553.008600000001</v>
      </c>
      <c r="I4508">
        <v>29381.003209999999</v>
      </c>
      <c r="J4508">
        <v>51834.161549999997</v>
      </c>
      <c r="K4508">
        <v>49935.652399999999</v>
      </c>
      <c r="L4508">
        <v>32863.255109999998</v>
      </c>
      <c r="M4508">
        <v>228724.095</v>
      </c>
      <c r="N4508">
        <v>79879.613159999994</v>
      </c>
      <c r="O4508">
        <v>21111.767380000001</v>
      </c>
      <c r="P4508">
        <v>37710.487650000003</v>
      </c>
      <c r="Q4508">
        <v>60865.690820000003</v>
      </c>
      <c r="R4508">
        <v>21364.869259999999</v>
      </c>
      <c r="S4508">
        <v>98642.364920000007</v>
      </c>
      <c r="T4508">
        <v>28012.60555</v>
      </c>
      <c r="U4508">
        <v>17018.245309999998</v>
      </c>
      <c r="W4508" s="83">
        <f>Bühler!N4540</f>
        <v>45479.749999989072</v>
      </c>
      <c r="X4508" s="83">
        <v>43288.75</v>
      </c>
      <c r="Y4508">
        <v>174804.46489999999</v>
      </c>
      <c r="Z4508">
        <v>26781.95536</v>
      </c>
      <c r="AA4508">
        <v>99866.492100000003</v>
      </c>
      <c r="AB4508">
        <v>35259.6227</v>
      </c>
      <c r="AC4508">
        <v>38553.008600000001</v>
      </c>
      <c r="AD4508">
        <v>29381.003209999999</v>
      </c>
      <c r="AE4508">
        <v>51834.161549999997</v>
      </c>
      <c r="AF4508">
        <v>49935.652399999999</v>
      </c>
      <c r="AG4508">
        <v>32863.255109999998</v>
      </c>
      <c r="AH4508">
        <v>228724.095</v>
      </c>
      <c r="AI4508">
        <v>79879.613159999994</v>
      </c>
      <c r="AJ4508">
        <v>21111.767380000001</v>
      </c>
      <c r="AK4508">
        <v>37710.487650000003</v>
      </c>
      <c r="AL4508">
        <v>60865.690820000003</v>
      </c>
      <c r="AM4508">
        <v>21364.869259999999</v>
      </c>
      <c r="AN4508">
        <v>98642.364920000007</v>
      </c>
      <c r="AO4508">
        <v>28012.60555</v>
      </c>
      <c r="AP4508">
        <v>17018.245309999998</v>
      </c>
    </row>
    <row r="4509" spans="2:42" x14ac:dyDescent="0.3">
      <c r="B4509">
        <v>44.797223278793822</v>
      </c>
      <c r="C4509" s="83">
        <v>43288.791666666664</v>
      </c>
      <c r="D4509">
        <v>173563.04490000001</v>
      </c>
      <c r="E4509">
        <v>22551.71716</v>
      </c>
      <c r="F4509">
        <v>89180.020329999999</v>
      </c>
      <c r="G4509">
        <v>34563.700539999998</v>
      </c>
      <c r="H4509">
        <v>37363.473660000003</v>
      </c>
      <c r="I4509">
        <v>28838.937470000001</v>
      </c>
      <c r="J4509">
        <v>50596.272689999998</v>
      </c>
      <c r="K4509">
        <v>49704.517780000002</v>
      </c>
      <c r="L4509">
        <v>33308.027609999997</v>
      </c>
      <c r="M4509">
        <v>228397.13510000001</v>
      </c>
      <c r="N4509">
        <v>78419.498609999995</v>
      </c>
      <c r="O4509">
        <v>20608.502830000001</v>
      </c>
      <c r="P4509">
        <v>40200.133269999998</v>
      </c>
      <c r="Q4509">
        <v>58620.226990000003</v>
      </c>
      <c r="R4509">
        <v>20234.10153</v>
      </c>
      <c r="S4509">
        <v>96059.710349999994</v>
      </c>
      <c r="T4509">
        <v>26890.399430000001</v>
      </c>
      <c r="U4509">
        <v>17024.718540000002</v>
      </c>
      <c r="W4509" s="83">
        <f>Bühler!N4541</f>
        <v>45479.791666655736</v>
      </c>
      <c r="X4509" s="83">
        <v>43288.791666666664</v>
      </c>
      <c r="Y4509">
        <v>173563.04490000001</v>
      </c>
      <c r="Z4509">
        <v>22551.71716</v>
      </c>
      <c r="AA4509">
        <v>89180.020329999999</v>
      </c>
      <c r="AB4509">
        <v>34563.700539999998</v>
      </c>
      <c r="AC4509">
        <v>37363.473660000003</v>
      </c>
      <c r="AD4509">
        <v>28838.937470000001</v>
      </c>
      <c r="AE4509">
        <v>50596.272689999998</v>
      </c>
      <c r="AF4509">
        <v>49704.517780000002</v>
      </c>
      <c r="AG4509">
        <v>33308.027609999997</v>
      </c>
      <c r="AH4509">
        <v>228397.13510000001</v>
      </c>
      <c r="AI4509">
        <v>78419.498609999995</v>
      </c>
      <c r="AJ4509">
        <v>20608.502830000001</v>
      </c>
      <c r="AK4509">
        <v>40200.133269999998</v>
      </c>
      <c r="AL4509">
        <v>58620.226990000003</v>
      </c>
      <c r="AM4509">
        <v>20234.10153</v>
      </c>
      <c r="AN4509">
        <v>96059.710349999994</v>
      </c>
      <c r="AO4509">
        <v>26890.399430000001</v>
      </c>
      <c r="AP4509">
        <v>17024.718540000002</v>
      </c>
    </row>
    <row r="4510" spans="2:42" x14ac:dyDescent="0.3">
      <c r="B4510">
        <v>43.471201952661687</v>
      </c>
      <c r="C4510" s="83">
        <v>43288.833333333336</v>
      </c>
      <c r="D4510">
        <v>170990.9363</v>
      </c>
      <c r="E4510">
        <v>16698.31925</v>
      </c>
      <c r="F4510">
        <v>69866.555569999997</v>
      </c>
      <c r="G4510">
        <v>33529.416669999999</v>
      </c>
      <c r="H4510">
        <v>35948.465620000003</v>
      </c>
      <c r="I4510">
        <v>26371.156849999999</v>
      </c>
      <c r="J4510">
        <v>49381.160739999999</v>
      </c>
      <c r="K4510">
        <v>50722.855989999996</v>
      </c>
      <c r="L4510">
        <v>33005.981659999998</v>
      </c>
      <c r="M4510">
        <v>221636.46</v>
      </c>
      <c r="N4510">
        <v>76297.882360000003</v>
      </c>
      <c r="O4510">
        <v>19956.418890000001</v>
      </c>
      <c r="P4510">
        <v>39629.233359999998</v>
      </c>
      <c r="Q4510">
        <v>55722.589520000001</v>
      </c>
      <c r="R4510">
        <v>19579.82791</v>
      </c>
      <c r="S4510">
        <v>90065.208629999994</v>
      </c>
      <c r="T4510">
        <v>24276.69901</v>
      </c>
      <c r="U4510">
        <v>16999.501530000001</v>
      </c>
      <c r="W4510" s="83">
        <f>Bühler!N4542</f>
        <v>45479.8333333224</v>
      </c>
      <c r="X4510" s="83">
        <v>43288.833333333336</v>
      </c>
      <c r="Y4510">
        <v>170990.9363</v>
      </c>
      <c r="Z4510">
        <v>16698.31925</v>
      </c>
      <c r="AA4510">
        <v>69866.555569999997</v>
      </c>
      <c r="AB4510">
        <v>33529.416669999999</v>
      </c>
      <c r="AC4510">
        <v>35948.465620000003</v>
      </c>
      <c r="AD4510">
        <v>26371.156849999999</v>
      </c>
      <c r="AE4510">
        <v>49381.160739999999</v>
      </c>
      <c r="AF4510">
        <v>50722.855989999996</v>
      </c>
      <c r="AG4510">
        <v>33005.981659999998</v>
      </c>
      <c r="AH4510">
        <v>221636.46</v>
      </c>
      <c r="AI4510">
        <v>76297.882360000003</v>
      </c>
      <c r="AJ4510">
        <v>19956.418890000001</v>
      </c>
      <c r="AK4510">
        <v>39629.233359999998</v>
      </c>
      <c r="AL4510">
        <v>55722.589520000001</v>
      </c>
      <c r="AM4510">
        <v>19579.82791</v>
      </c>
      <c r="AN4510">
        <v>90065.208629999994</v>
      </c>
      <c r="AO4510">
        <v>24276.69901</v>
      </c>
      <c r="AP4510">
        <v>16999.501530000001</v>
      </c>
    </row>
    <row r="4511" spans="2:42" x14ac:dyDescent="0.3">
      <c r="B4511">
        <v>42.25657867486543</v>
      </c>
      <c r="C4511" s="83">
        <v>43288.875</v>
      </c>
      <c r="D4511">
        <v>169151.43429999999</v>
      </c>
      <c r="E4511">
        <v>14672.40984</v>
      </c>
      <c r="F4511">
        <v>60073.582269999999</v>
      </c>
      <c r="G4511">
        <v>33215.177499999998</v>
      </c>
      <c r="H4511">
        <v>35327.734980000001</v>
      </c>
      <c r="I4511">
        <v>23839.425490000001</v>
      </c>
      <c r="J4511">
        <v>48969.370419999999</v>
      </c>
      <c r="K4511">
        <v>52553.225420000002</v>
      </c>
      <c r="L4511">
        <v>31873.436849999998</v>
      </c>
      <c r="M4511">
        <v>215443.74410000001</v>
      </c>
      <c r="N4511">
        <v>73491.803209999998</v>
      </c>
      <c r="O4511">
        <v>19389.690330000001</v>
      </c>
      <c r="P4511">
        <v>38321.629919999999</v>
      </c>
      <c r="Q4511">
        <v>54259.077819999999</v>
      </c>
      <c r="R4511">
        <v>18738.878690000001</v>
      </c>
      <c r="S4511">
        <v>86435.619850000003</v>
      </c>
      <c r="T4511">
        <v>23646.559639999999</v>
      </c>
      <c r="U4511">
        <v>17139.62254</v>
      </c>
      <c r="W4511" s="83">
        <f>Bühler!N4543</f>
        <v>45479.874999989064</v>
      </c>
      <c r="X4511" s="83">
        <v>43288.875</v>
      </c>
      <c r="Y4511">
        <v>169151.43429999999</v>
      </c>
      <c r="Z4511">
        <v>14672.40984</v>
      </c>
      <c r="AA4511">
        <v>60073.582269999999</v>
      </c>
      <c r="AB4511">
        <v>33215.177499999998</v>
      </c>
      <c r="AC4511">
        <v>35327.734980000001</v>
      </c>
      <c r="AD4511">
        <v>23839.425490000001</v>
      </c>
      <c r="AE4511">
        <v>48969.370419999999</v>
      </c>
      <c r="AF4511">
        <v>52553.225420000002</v>
      </c>
      <c r="AG4511">
        <v>31873.436849999998</v>
      </c>
      <c r="AH4511">
        <v>215443.74410000001</v>
      </c>
      <c r="AI4511">
        <v>73491.803209999998</v>
      </c>
      <c r="AJ4511">
        <v>19389.690330000001</v>
      </c>
      <c r="AK4511">
        <v>38321.629919999999</v>
      </c>
      <c r="AL4511">
        <v>54259.077819999999</v>
      </c>
      <c r="AM4511">
        <v>18738.878690000001</v>
      </c>
      <c r="AN4511">
        <v>86435.619850000003</v>
      </c>
      <c r="AO4511">
        <v>23646.559639999999</v>
      </c>
      <c r="AP4511">
        <v>17139.62254</v>
      </c>
    </row>
    <row r="4512" spans="2:42" x14ac:dyDescent="0.3">
      <c r="B4512">
        <v>42.23620097831283</v>
      </c>
      <c r="C4512" s="83">
        <v>43288.916666666664</v>
      </c>
      <c r="D4512">
        <v>168239.17420000001</v>
      </c>
      <c r="E4512">
        <v>14309.48776</v>
      </c>
      <c r="F4512">
        <v>57516.461230000001</v>
      </c>
      <c r="G4512">
        <v>33271.468090000002</v>
      </c>
      <c r="H4512">
        <v>36789.638599999998</v>
      </c>
      <c r="I4512">
        <v>22892.47985</v>
      </c>
      <c r="J4512">
        <v>48977.115989999998</v>
      </c>
      <c r="K4512">
        <v>55349.786229999998</v>
      </c>
      <c r="L4512">
        <v>30105.026129999998</v>
      </c>
      <c r="M4512">
        <v>215339.84909999999</v>
      </c>
      <c r="N4512">
        <v>73632.912030000007</v>
      </c>
      <c r="O4512">
        <v>19362.708429999999</v>
      </c>
      <c r="P4512">
        <v>41598.676659999997</v>
      </c>
      <c r="Q4512">
        <v>53329.143340000002</v>
      </c>
      <c r="R4512">
        <v>20516.663380000002</v>
      </c>
      <c r="S4512">
        <v>85688.495110000003</v>
      </c>
      <c r="T4512">
        <v>23133.670269999999</v>
      </c>
      <c r="U4512">
        <v>17903.28757</v>
      </c>
      <c r="W4512" s="83">
        <f>Bühler!N4544</f>
        <v>45479.916666655728</v>
      </c>
      <c r="X4512" s="83">
        <v>43288.916666666664</v>
      </c>
      <c r="Y4512">
        <v>168239.17420000001</v>
      </c>
      <c r="Z4512">
        <v>14309.48776</v>
      </c>
      <c r="AA4512">
        <v>57516.461230000001</v>
      </c>
      <c r="AB4512">
        <v>33271.468090000002</v>
      </c>
      <c r="AC4512">
        <v>36789.638599999998</v>
      </c>
      <c r="AD4512">
        <v>22892.47985</v>
      </c>
      <c r="AE4512">
        <v>48977.115989999998</v>
      </c>
      <c r="AF4512">
        <v>55349.786229999998</v>
      </c>
      <c r="AG4512">
        <v>30105.026129999998</v>
      </c>
      <c r="AH4512">
        <v>215339.84909999999</v>
      </c>
      <c r="AI4512">
        <v>73632.912030000007</v>
      </c>
      <c r="AJ4512">
        <v>19362.708429999999</v>
      </c>
      <c r="AK4512">
        <v>41598.676659999997</v>
      </c>
      <c r="AL4512">
        <v>53329.143340000002</v>
      </c>
      <c r="AM4512">
        <v>20516.663380000002</v>
      </c>
      <c r="AN4512">
        <v>85688.495110000003</v>
      </c>
      <c r="AO4512">
        <v>23133.670269999999</v>
      </c>
      <c r="AP4512">
        <v>17903.28757</v>
      </c>
    </row>
    <row r="4513" spans="2:42" x14ac:dyDescent="0.3">
      <c r="B4513">
        <v>41.997195183575627</v>
      </c>
      <c r="C4513" s="83">
        <v>43288.958333333336</v>
      </c>
      <c r="D4513">
        <v>167047.91529999999</v>
      </c>
      <c r="E4513">
        <v>13596.97013</v>
      </c>
      <c r="F4513">
        <v>55379.130149999997</v>
      </c>
      <c r="G4513">
        <v>32787.510609999998</v>
      </c>
      <c r="H4513">
        <v>36176.590109999997</v>
      </c>
      <c r="I4513">
        <v>22451.024649999999</v>
      </c>
      <c r="J4513">
        <v>44307.501530000001</v>
      </c>
      <c r="K4513">
        <v>54460.02418</v>
      </c>
      <c r="L4513">
        <v>25700.64906</v>
      </c>
      <c r="M4513">
        <v>214121.2861</v>
      </c>
      <c r="N4513">
        <v>72516.089540000001</v>
      </c>
      <c r="O4513">
        <v>19586.670719999998</v>
      </c>
      <c r="P4513">
        <v>37043.225919999997</v>
      </c>
      <c r="Q4513">
        <v>52674.187599999997</v>
      </c>
      <c r="R4513">
        <v>20694.984949999998</v>
      </c>
      <c r="S4513">
        <v>83462.869319999998</v>
      </c>
      <c r="T4513">
        <v>21302.303380000001</v>
      </c>
      <c r="U4513">
        <v>17430.686710000002</v>
      </c>
      <c r="W4513" s="83">
        <f>Bühler!N4545</f>
        <v>45479.958333322393</v>
      </c>
      <c r="X4513" s="83">
        <v>43288.958333333336</v>
      </c>
      <c r="Y4513">
        <v>167047.91529999999</v>
      </c>
      <c r="Z4513">
        <v>13596.97013</v>
      </c>
      <c r="AA4513">
        <v>55379.130149999997</v>
      </c>
      <c r="AB4513">
        <v>32787.510609999998</v>
      </c>
      <c r="AC4513">
        <v>36176.590109999997</v>
      </c>
      <c r="AD4513">
        <v>22451.024649999999</v>
      </c>
      <c r="AE4513">
        <v>44307.501530000001</v>
      </c>
      <c r="AF4513">
        <v>54460.02418</v>
      </c>
      <c r="AG4513">
        <v>25700.64906</v>
      </c>
      <c r="AH4513">
        <v>214121.2861</v>
      </c>
      <c r="AI4513">
        <v>72516.089540000001</v>
      </c>
      <c r="AJ4513">
        <v>19586.670719999998</v>
      </c>
      <c r="AK4513">
        <v>37043.225919999997</v>
      </c>
      <c r="AL4513">
        <v>52674.187599999997</v>
      </c>
      <c r="AM4513">
        <v>20694.984949999998</v>
      </c>
      <c r="AN4513">
        <v>83462.869319999998</v>
      </c>
      <c r="AO4513">
        <v>21302.303380000001</v>
      </c>
      <c r="AP4513">
        <v>17430.686710000002</v>
      </c>
    </row>
    <row r="4514" spans="2:42" x14ac:dyDescent="0.3">
      <c r="B4514">
        <v>41.289718923446692</v>
      </c>
      <c r="C4514" s="83">
        <v>43289</v>
      </c>
      <c r="D4514">
        <v>165292.07509999999</v>
      </c>
      <c r="E4514">
        <v>13004.111070000001</v>
      </c>
      <c r="F4514">
        <v>52964.137300000002</v>
      </c>
      <c r="G4514">
        <v>33173.716789999999</v>
      </c>
      <c r="H4514">
        <v>35244.105329999999</v>
      </c>
      <c r="I4514">
        <v>21083.420559999999</v>
      </c>
      <c r="J4514">
        <v>39981.167630000004</v>
      </c>
      <c r="K4514">
        <v>51366.49396</v>
      </c>
      <c r="L4514">
        <v>21491.66793</v>
      </c>
      <c r="M4514">
        <v>210514.24220000001</v>
      </c>
      <c r="N4514">
        <v>69160.716839999994</v>
      </c>
      <c r="O4514">
        <v>19070.412939999998</v>
      </c>
      <c r="P4514">
        <v>33948.965609999999</v>
      </c>
      <c r="Q4514">
        <v>51417.815470000001</v>
      </c>
      <c r="R4514">
        <v>15904.64774</v>
      </c>
      <c r="S4514">
        <v>81014.635899999994</v>
      </c>
      <c r="T4514">
        <v>20231.28285</v>
      </c>
      <c r="U4514">
        <v>17043.469410000002</v>
      </c>
      <c r="W4514" s="83">
        <f>Bühler!N4546</f>
        <v>45479.999999989057</v>
      </c>
      <c r="X4514" s="83">
        <v>43289</v>
      </c>
      <c r="Y4514">
        <v>165292.07509999999</v>
      </c>
      <c r="Z4514">
        <v>13004.111070000001</v>
      </c>
      <c r="AA4514">
        <v>52964.137300000002</v>
      </c>
      <c r="AB4514">
        <v>33173.716789999999</v>
      </c>
      <c r="AC4514">
        <v>35244.105329999999</v>
      </c>
      <c r="AD4514">
        <v>21083.420559999999</v>
      </c>
      <c r="AE4514">
        <v>39981.167630000004</v>
      </c>
      <c r="AF4514">
        <v>51366.49396</v>
      </c>
      <c r="AG4514">
        <v>21491.66793</v>
      </c>
      <c r="AH4514">
        <v>210514.24220000001</v>
      </c>
      <c r="AI4514">
        <v>69160.716839999994</v>
      </c>
      <c r="AJ4514">
        <v>19070.412939999998</v>
      </c>
      <c r="AK4514">
        <v>33948.965609999999</v>
      </c>
      <c r="AL4514">
        <v>51417.815470000001</v>
      </c>
      <c r="AM4514">
        <v>15904.64774</v>
      </c>
      <c r="AN4514">
        <v>81014.635899999994</v>
      </c>
      <c r="AO4514">
        <v>20231.28285</v>
      </c>
      <c r="AP4514">
        <v>17043.469410000002</v>
      </c>
    </row>
    <row r="4515" spans="2:42" x14ac:dyDescent="0.3">
      <c r="B4515">
        <v>41.256656530033823</v>
      </c>
      <c r="C4515" s="83">
        <v>43289.041666666664</v>
      </c>
      <c r="D4515">
        <v>164068.46059999999</v>
      </c>
      <c r="E4515">
        <v>12738.88805</v>
      </c>
      <c r="F4515">
        <v>52148.292829999999</v>
      </c>
      <c r="G4515">
        <v>32314.617259999999</v>
      </c>
      <c r="H4515">
        <v>34459.910239999997</v>
      </c>
      <c r="I4515">
        <v>17407.958750000002</v>
      </c>
      <c r="J4515">
        <v>38111.056049999999</v>
      </c>
      <c r="K4515">
        <v>49925.486700000001</v>
      </c>
      <c r="L4515">
        <v>19674.517820000001</v>
      </c>
      <c r="M4515">
        <v>210345.6747</v>
      </c>
      <c r="N4515">
        <v>66890.420620000004</v>
      </c>
      <c r="O4515">
        <v>19137.357970000001</v>
      </c>
      <c r="P4515">
        <v>30736.925620000002</v>
      </c>
      <c r="Q4515">
        <v>52463.529470000001</v>
      </c>
      <c r="R4515">
        <v>14603.147629999999</v>
      </c>
      <c r="S4515">
        <v>78945.265729999999</v>
      </c>
      <c r="T4515">
        <v>19172.002779999999</v>
      </c>
      <c r="U4515">
        <v>16651.364860000001</v>
      </c>
      <c r="W4515" s="83">
        <f>Bühler!N4547</f>
        <v>45480.041666655721</v>
      </c>
      <c r="X4515" s="83">
        <v>43289.041666666664</v>
      </c>
      <c r="Y4515">
        <v>164068.46059999999</v>
      </c>
      <c r="Z4515">
        <v>12738.88805</v>
      </c>
      <c r="AA4515">
        <v>52148.292829999999</v>
      </c>
      <c r="AB4515">
        <v>32314.617259999999</v>
      </c>
      <c r="AC4515">
        <v>34459.910239999997</v>
      </c>
      <c r="AD4515">
        <v>17407.958750000002</v>
      </c>
      <c r="AE4515">
        <v>38111.056049999999</v>
      </c>
      <c r="AF4515">
        <v>49925.486700000001</v>
      </c>
      <c r="AG4515">
        <v>19674.517820000001</v>
      </c>
      <c r="AH4515">
        <v>210345.6747</v>
      </c>
      <c r="AI4515">
        <v>66890.420620000004</v>
      </c>
      <c r="AJ4515">
        <v>19137.357970000001</v>
      </c>
      <c r="AK4515">
        <v>30736.925620000002</v>
      </c>
      <c r="AL4515">
        <v>52463.529470000001</v>
      </c>
      <c r="AM4515">
        <v>14603.147629999999</v>
      </c>
      <c r="AN4515">
        <v>78945.265729999999</v>
      </c>
      <c r="AO4515">
        <v>19172.002779999999</v>
      </c>
      <c r="AP4515">
        <v>16651.364860000001</v>
      </c>
    </row>
    <row r="4516" spans="2:42" x14ac:dyDescent="0.3">
      <c r="B4516">
        <v>40.573008925789161</v>
      </c>
      <c r="C4516" s="83">
        <v>43289.083333333336</v>
      </c>
      <c r="D4516">
        <v>162931.23579999999</v>
      </c>
      <c r="E4516">
        <v>12670.894249999999</v>
      </c>
      <c r="F4516">
        <v>52148.100380000003</v>
      </c>
      <c r="G4516">
        <v>31638.266149999999</v>
      </c>
      <c r="H4516">
        <v>33730.049570000003</v>
      </c>
      <c r="I4516">
        <v>15193.33381</v>
      </c>
      <c r="J4516">
        <v>37268.253900000003</v>
      </c>
      <c r="K4516">
        <v>48051.238490000003</v>
      </c>
      <c r="L4516">
        <v>18455.772079999999</v>
      </c>
      <c r="M4516">
        <v>206860.12040000001</v>
      </c>
      <c r="N4516">
        <v>67462.145000000004</v>
      </c>
      <c r="O4516">
        <v>18137.207030000001</v>
      </c>
      <c r="P4516">
        <v>28482.146209999999</v>
      </c>
      <c r="Q4516">
        <v>52874.07531</v>
      </c>
      <c r="R4516">
        <v>13650.99387</v>
      </c>
      <c r="S4516">
        <v>77312.168090000006</v>
      </c>
      <c r="T4516">
        <v>18533.24438</v>
      </c>
      <c r="U4516">
        <v>16292.86038</v>
      </c>
      <c r="W4516" s="83">
        <f>Bühler!N4548</f>
        <v>45480.083333322385</v>
      </c>
      <c r="X4516" s="83">
        <v>43289.083333333336</v>
      </c>
      <c r="Y4516">
        <v>162931.23579999999</v>
      </c>
      <c r="Z4516">
        <v>12670.894249999999</v>
      </c>
      <c r="AA4516">
        <v>52148.100380000003</v>
      </c>
      <c r="AB4516">
        <v>31638.266149999999</v>
      </c>
      <c r="AC4516">
        <v>33730.049570000003</v>
      </c>
      <c r="AD4516">
        <v>15193.33381</v>
      </c>
      <c r="AE4516">
        <v>37268.253900000003</v>
      </c>
      <c r="AF4516">
        <v>48051.238490000003</v>
      </c>
      <c r="AG4516">
        <v>18455.772079999999</v>
      </c>
      <c r="AH4516">
        <v>206860.12040000001</v>
      </c>
      <c r="AI4516">
        <v>67462.145000000004</v>
      </c>
      <c r="AJ4516">
        <v>18137.207030000001</v>
      </c>
      <c r="AK4516">
        <v>28482.146209999999</v>
      </c>
      <c r="AL4516">
        <v>52874.07531</v>
      </c>
      <c r="AM4516">
        <v>13650.99387</v>
      </c>
      <c r="AN4516">
        <v>77312.168090000006</v>
      </c>
      <c r="AO4516">
        <v>18533.24438</v>
      </c>
      <c r="AP4516">
        <v>16292.86038</v>
      </c>
    </row>
    <row r="4517" spans="2:42" x14ac:dyDescent="0.3">
      <c r="B4517">
        <v>40.634899870798122</v>
      </c>
      <c r="C4517" s="83">
        <v>43289.125</v>
      </c>
      <c r="D4517">
        <v>161584.3265</v>
      </c>
      <c r="E4517">
        <v>12447.233260000001</v>
      </c>
      <c r="F4517">
        <v>52087.758470000001</v>
      </c>
      <c r="G4517">
        <v>30600.478589999999</v>
      </c>
      <c r="H4517">
        <v>33702.49899</v>
      </c>
      <c r="I4517">
        <v>13759.454009999999</v>
      </c>
      <c r="J4517">
        <v>36768.610800000002</v>
      </c>
      <c r="K4517">
        <v>47320.685429999998</v>
      </c>
      <c r="L4517">
        <v>17648.871869999999</v>
      </c>
      <c r="M4517">
        <v>207175.66930000001</v>
      </c>
      <c r="N4517">
        <v>66349.055120000005</v>
      </c>
      <c r="O4517">
        <v>18047.440419999999</v>
      </c>
      <c r="P4517">
        <v>26837.717290000001</v>
      </c>
      <c r="Q4517">
        <v>55587.405890000002</v>
      </c>
      <c r="R4517">
        <v>13106.076129999999</v>
      </c>
      <c r="S4517">
        <v>76068.129010000004</v>
      </c>
      <c r="T4517">
        <v>18244.005590000001</v>
      </c>
      <c r="U4517">
        <v>16118.77147</v>
      </c>
      <c r="W4517" s="83">
        <f>Bühler!N4549</f>
        <v>45480.12499998905</v>
      </c>
      <c r="X4517" s="83">
        <v>43289.125</v>
      </c>
      <c r="Y4517">
        <v>161584.3265</v>
      </c>
      <c r="Z4517">
        <v>12447.233260000001</v>
      </c>
      <c r="AA4517">
        <v>52087.758470000001</v>
      </c>
      <c r="AB4517">
        <v>30600.478589999999</v>
      </c>
      <c r="AC4517">
        <v>33702.49899</v>
      </c>
      <c r="AD4517">
        <v>13759.454009999999</v>
      </c>
      <c r="AE4517">
        <v>36768.610800000002</v>
      </c>
      <c r="AF4517">
        <v>47320.685429999998</v>
      </c>
      <c r="AG4517">
        <v>17648.871869999999</v>
      </c>
      <c r="AH4517">
        <v>207175.66930000001</v>
      </c>
      <c r="AI4517">
        <v>66349.055120000005</v>
      </c>
      <c r="AJ4517">
        <v>18047.440419999999</v>
      </c>
      <c r="AK4517">
        <v>26837.717290000001</v>
      </c>
      <c r="AL4517">
        <v>55587.405890000002</v>
      </c>
      <c r="AM4517">
        <v>13106.076129999999</v>
      </c>
      <c r="AN4517">
        <v>76068.129010000004</v>
      </c>
      <c r="AO4517">
        <v>18244.005590000001</v>
      </c>
      <c r="AP4517">
        <v>16118.77147</v>
      </c>
    </row>
    <row r="4518" spans="2:42" x14ac:dyDescent="0.3">
      <c r="B4518">
        <v>40.468295730841355</v>
      </c>
      <c r="C4518" s="83">
        <v>43289.166666666664</v>
      </c>
      <c r="D4518">
        <v>160095.80619999999</v>
      </c>
      <c r="E4518">
        <v>12171.85569</v>
      </c>
      <c r="F4518">
        <v>51448.90653</v>
      </c>
      <c r="G4518">
        <v>30012.4067</v>
      </c>
      <c r="H4518">
        <v>33293.594400000002</v>
      </c>
      <c r="I4518">
        <v>13895.18982</v>
      </c>
      <c r="J4518">
        <v>38891.935519999999</v>
      </c>
      <c r="K4518">
        <v>45965.569539999997</v>
      </c>
      <c r="L4518">
        <v>17360.031230000001</v>
      </c>
      <c r="M4518">
        <v>206326.24369999999</v>
      </c>
      <c r="N4518">
        <v>64564.276830000003</v>
      </c>
      <c r="O4518">
        <v>17777.94903</v>
      </c>
      <c r="P4518">
        <v>26069.993269999999</v>
      </c>
      <c r="Q4518">
        <v>54765.894659999998</v>
      </c>
      <c r="R4518">
        <v>12650.760700000001</v>
      </c>
      <c r="S4518">
        <v>75341.269409999994</v>
      </c>
      <c r="T4518">
        <v>18047.42727</v>
      </c>
      <c r="U4518">
        <v>16090.50819</v>
      </c>
      <c r="W4518" s="83">
        <f>Bühler!N4550</f>
        <v>45480.166666655714</v>
      </c>
      <c r="X4518" s="83">
        <v>43289.166666666664</v>
      </c>
      <c r="Y4518">
        <v>160095.80619999999</v>
      </c>
      <c r="Z4518">
        <v>12171.85569</v>
      </c>
      <c r="AA4518">
        <v>51448.90653</v>
      </c>
      <c r="AB4518">
        <v>30012.4067</v>
      </c>
      <c r="AC4518">
        <v>33293.594400000002</v>
      </c>
      <c r="AD4518">
        <v>13895.18982</v>
      </c>
      <c r="AE4518">
        <v>38891.935519999999</v>
      </c>
      <c r="AF4518">
        <v>45965.569539999997</v>
      </c>
      <c r="AG4518">
        <v>17360.031230000001</v>
      </c>
      <c r="AH4518">
        <v>206326.24369999999</v>
      </c>
      <c r="AI4518">
        <v>64564.276830000003</v>
      </c>
      <c r="AJ4518">
        <v>17777.94903</v>
      </c>
      <c r="AK4518">
        <v>26069.993269999999</v>
      </c>
      <c r="AL4518">
        <v>54765.894659999998</v>
      </c>
      <c r="AM4518">
        <v>12650.760700000001</v>
      </c>
      <c r="AN4518">
        <v>75341.269409999994</v>
      </c>
      <c r="AO4518">
        <v>18047.42727</v>
      </c>
      <c r="AP4518">
        <v>16090.50819</v>
      </c>
    </row>
    <row r="4519" spans="2:42" x14ac:dyDescent="0.3">
      <c r="B4519">
        <v>40.539743883200892</v>
      </c>
      <c r="C4519" s="83">
        <v>43289.208333333336</v>
      </c>
      <c r="D4519">
        <v>158677.74350000001</v>
      </c>
      <c r="E4519">
        <v>12114.03902</v>
      </c>
      <c r="F4519">
        <v>52425.05575</v>
      </c>
      <c r="G4519">
        <v>29904.894380000002</v>
      </c>
      <c r="H4519">
        <v>32948.158880000003</v>
      </c>
      <c r="I4519">
        <v>17178.61404</v>
      </c>
      <c r="J4519">
        <v>41185.58526</v>
      </c>
      <c r="K4519">
        <v>45778.812299999998</v>
      </c>
      <c r="L4519">
        <v>17397.587439999999</v>
      </c>
      <c r="M4519">
        <v>206690.5197</v>
      </c>
      <c r="N4519">
        <v>63036.509879999998</v>
      </c>
      <c r="O4519">
        <v>18015.691719999999</v>
      </c>
      <c r="P4519">
        <v>26785.599989999999</v>
      </c>
      <c r="Q4519">
        <v>55179.686849999998</v>
      </c>
      <c r="R4519">
        <v>14636.170179999999</v>
      </c>
      <c r="S4519">
        <v>76282.442949999997</v>
      </c>
      <c r="T4519">
        <v>17888.904340000001</v>
      </c>
      <c r="U4519">
        <v>15771.080389999999</v>
      </c>
      <c r="W4519" s="83">
        <f>Bühler!N4551</f>
        <v>45480.208333322378</v>
      </c>
      <c r="X4519" s="83">
        <v>43289.208333333336</v>
      </c>
      <c r="Y4519">
        <v>158677.74350000001</v>
      </c>
      <c r="Z4519">
        <v>12114.03902</v>
      </c>
      <c r="AA4519">
        <v>52425.05575</v>
      </c>
      <c r="AB4519">
        <v>29904.894380000002</v>
      </c>
      <c r="AC4519">
        <v>32948.158880000003</v>
      </c>
      <c r="AD4519">
        <v>17178.61404</v>
      </c>
      <c r="AE4519">
        <v>41185.58526</v>
      </c>
      <c r="AF4519">
        <v>45778.812299999998</v>
      </c>
      <c r="AG4519">
        <v>17397.587439999999</v>
      </c>
      <c r="AH4519">
        <v>206690.5197</v>
      </c>
      <c r="AI4519">
        <v>63036.509879999998</v>
      </c>
      <c r="AJ4519">
        <v>18015.691719999999</v>
      </c>
      <c r="AK4519">
        <v>26785.599989999999</v>
      </c>
      <c r="AL4519">
        <v>55179.686849999998</v>
      </c>
      <c r="AM4519">
        <v>14636.170179999999</v>
      </c>
      <c r="AN4519">
        <v>76282.442949999997</v>
      </c>
      <c r="AO4519">
        <v>17888.904340000001</v>
      </c>
      <c r="AP4519">
        <v>15771.080389999999</v>
      </c>
    </row>
    <row r="4520" spans="2:42" x14ac:dyDescent="0.3">
      <c r="B4520">
        <v>40.212636182935029</v>
      </c>
      <c r="C4520" s="83">
        <v>43289.25</v>
      </c>
      <c r="D4520">
        <v>156419.91310000001</v>
      </c>
      <c r="E4520">
        <v>12024.917219999999</v>
      </c>
      <c r="F4520">
        <v>55353.786769999999</v>
      </c>
      <c r="G4520">
        <v>29518.745080000001</v>
      </c>
      <c r="H4520">
        <v>31677.239389999999</v>
      </c>
      <c r="I4520">
        <v>18546.77259</v>
      </c>
      <c r="J4520">
        <v>42082.895779999999</v>
      </c>
      <c r="K4520">
        <v>44511.582190000001</v>
      </c>
      <c r="L4520">
        <v>17496.971280000002</v>
      </c>
      <c r="M4520">
        <v>205022.7721</v>
      </c>
      <c r="N4520">
        <v>62247.499830000001</v>
      </c>
      <c r="O4520">
        <v>17684.062430000002</v>
      </c>
      <c r="P4520">
        <v>27652.837329999998</v>
      </c>
      <c r="Q4520">
        <v>54043.346870000001</v>
      </c>
      <c r="R4520">
        <v>12589.532230000001</v>
      </c>
      <c r="S4520">
        <v>79266.81568</v>
      </c>
      <c r="T4520">
        <v>18238.309020000001</v>
      </c>
      <c r="U4520">
        <v>14735.194750000001</v>
      </c>
      <c r="W4520" s="83">
        <f>Bühler!N4552</f>
        <v>45480.249999989042</v>
      </c>
      <c r="X4520" s="83">
        <v>43289.25</v>
      </c>
      <c r="Y4520">
        <v>156419.91310000001</v>
      </c>
      <c r="Z4520">
        <v>12024.917219999999</v>
      </c>
      <c r="AA4520">
        <v>55353.786769999999</v>
      </c>
      <c r="AB4520">
        <v>29518.745080000001</v>
      </c>
      <c r="AC4520">
        <v>31677.239389999999</v>
      </c>
      <c r="AD4520">
        <v>18546.77259</v>
      </c>
      <c r="AE4520">
        <v>42082.895779999999</v>
      </c>
      <c r="AF4520">
        <v>44511.582190000001</v>
      </c>
      <c r="AG4520">
        <v>17496.971280000002</v>
      </c>
      <c r="AH4520">
        <v>205022.7721</v>
      </c>
      <c r="AI4520">
        <v>62247.499830000001</v>
      </c>
      <c r="AJ4520">
        <v>17684.062430000002</v>
      </c>
      <c r="AK4520">
        <v>27652.837329999998</v>
      </c>
      <c r="AL4520">
        <v>54043.346870000001</v>
      </c>
      <c r="AM4520">
        <v>12589.532230000001</v>
      </c>
      <c r="AN4520">
        <v>79266.81568</v>
      </c>
      <c r="AO4520">
        <v>18238.309020000001</v>
      </c>
      <c r="AP4520">
        <v>14735.194750000001</v>
      </c>
    </row>
    <row r="4521" spans="2:42" x14ac:dyDescent="0.3">
      <c r="B4521">
        <v>40.014475416100886</v>
      </c>
      <c r="C4521" s="83">
        <v>43289.291666666664</v>
      </c>
      <c r="D4521">
        <v>156228.7279</v>
      </c>
      <c r="E4521">
        <v>12393.32417</v>
      </c>
      <c r="F4521">
        <v>58472.672709999999</v>
      </c>
      <c r="G4521">
        <v>30018.745029999998</v>
      </c>
      <c r="H4521">
        <v>32071.778190000001</v>
      </c>
      <c r="I4521">
        <v>19966.262839999999</v>
      </c>
      <c r="J4521">
        <v>43591.783889999999</v>
      </c>
      <c r="K4521">
        <v>42729.703029999997</v>
      </c>
      <c r="L4521">
        <v>18579.648440000001</v>
      </c>
      <c r="M4521">
        <v>204012.45610000001</v>
      </c>
      <c r="N4521">
        <v>63315.505599999997</v>
      </c>
      <c r="O4521">
        <v>17117.202649999999</v>
      </c>
      <c r="P4521">
        <v>31159.24915</v>
      </c>
      <c r="Q4521">
        <v>54314.485999999997</v>
      </c>
      <c r="R4521">
        <v>13357.958339999999</v>
      </c>
      <c r="S4521">
        <v>84233.223849999995</v>
      </c>
      <c r="T4521">
        <v>19411.304960000001</v>
      </c>
      <c r="U4521">
        <v>14883.14084</v>
      </c>
      <c r="W4521" s="83">
        <f>Bühler!N4553</f>
        <v>45480.291666655707</v>
      </c>
      <c r="X4521" s="83">
        <v>43289.291666666664</v>
      </c>
      <c r="Y4521">
        <v>156228.7279</v>
      </c>
      <c r="Z4521">
        <v>12393.32417</v>
      </c>
      <c r="AA4521">
        <v>58472.672709999999</v>
      </c>
      <c r="AB4521">
        <v>30018.745029999998</v>
      </c>
      <c r="AC4521">
        <v>32071.778190000001</v>
      </c>
      <c r="AD4521">
        <v>19966.262839999999</v>
      </c>
      <c r="AE4521">
        <v>43591.783889999999</v>
      </c>
      <c r="AF4521">
        <v>42729.703029999997</v>
      </c>
      <c r="AG4521">
        <v>18579.648440000001</v>
      </c>
      <c r="AH4521">
        <v>204012.45610000001</v>
      </c>
      <c r="AI4521">
        <v>63315.505599999997</v>
      </c>
      <c r="AJ4521">
        <v>17117.202649999999</v>
      </c>
      <c r="AK4521">
        <v>31159.24915</v>
      </c>
      <c r="AL4521">
        <v>54314.485999999997</v>
      </c>
      <c r="AM4521">
        <v>13357.958339999999</v>
      </c>
      <c r="AN4521">
        <v>84233.223849999995</v>
      </c>
      <c r="AO4521">
        <v>19411.304960000001</v>
      </c>
      <c r="AP4521">
        <v>14883.14084</v>
      </c>
    </row>
    <row r="4522" spans="2:42" x14ac:dyDescent="0.3">
      <c r="B4522">
        <v>39.45192381575044</v>
      </c>
      <c r="C4522" s="83">
        <v>43289.333333333336</v>
      </c>
      <c r="D4522">
        <v>157315.38320000001</v>
      </c>
      <c r="E4522">
        <v>13417.505800000001</v>
      </c>
      <c r="F4522">
        <v>60717.481699999997</v>
      </c>
      <c r="G4522">
        <v>30840.705689999999</v>
      </c>
      <c r="H4522">
        <v>32677.68015</v>
      </c>
      <c r="I4522">
        <v>20813.894550000001</v>
      </c>
      <c r="J4522">
        <v>46089.70607</v>
      </c>
      <c r="K4522">
        <v>44910.727429999999</v>
      </c>
      <c r="L4522">
        <v>22217.981360000002</v>
      </c>
      <c r="M4522">
        <v>201144.3057</v>
      </c>
      <c r="N4522">
        <v>65762.796849999999</v>
      </c>
      <c r="O4522">
        <v>18222.818729999999</v>
      </c>
      <c r="P4522">
        <v>34120.541649999999</v>
      </c>
      <c r="Q4522">
        <v>53385.75849</v>
      </c>
      <c r="R4522">
        <v>14186.13509</v>
      </c>
      <c r="S4522">
        <v>87328.072190000006</v>
      </c>
      <c r="T4522">
        <v>22060.843799999999</v>
      </c>
      <c r="U4522">
        <v>15064.33769</v>
      </c>
      <c r="W4522" s="83">
        <f>Bühler!N4554</f>
        <v>45480.333333322371</v>
      </c>
      <c r="X4522" s="83">
        <v>43289.333333333336</v>
      </c>
      <c r="Y4522">
        <v>157315.38320000001</v>
      </c>
      <c r="Z4522">
        <v>13417.505800000001</v>
      </c>
      <c r="AA4522">
        <v>60717.481699999997</v>
      </c>
      <c r="AB4522">
        <v>30840.705689999999</v>
      </c>
      <c r="AC4522">
        <v>32677.68015</v>
      </c>
      <c r="AD4522">
        <v>20813.894550000001</v>
      </c>
      <c r="AE4522">
        <v>46089.70607</v>
      </c>
      <c r="AF4522">
        <v>44910.727429999999</v>
      </c>
      <c r="AG4522">
        <v>22217.981360000002</v>
      </c>
      <c r="AH4522">
        <v>201144.3057</v>
      </c>
      <c r="AI4522">
        <v>65762.796849999999</v>
      </c>
      <c r="AJ4522">
        <v>18222.818729999999</v>
      </c>
      <c r="AK4522">
        <v>34120.541649999999</v>
      </c>
      <c r="AL4522">
        <v>53385.75849</v>
      </c>
      <c r="AM4522">
        <v>14186.13509</v>
      </c>
      <c r="AN4522">
        <v>87328.072190000006</v>
      </c>
      <c r="AO4522">
        <v>22060.843799999999</v>
      </c>
      <c r="AP4522">
        <v>15064.33769</v>
      </c>
    </row>
    <row r="4523" spans="2:42" x14ac:dyDescent="0.3">
      <c r="B4523">
        <v>39.174741932961361</v>
      </c>
      <c r="C4523" s="83">
        <v>43289.375</v>
      </c>
      <c r="D4523">
        <v>157912.899</v>
      </c>
      <c r="E4523">
        <v>14637.77183</v>
      </c>
      <c r="F4523">
        <v>65718.464470000006</v>
      </c>
      <c r="G4523">
        <v>31282.469010000001</v>
      </c>
      <c r="H4523">
        <v>33246.190040000001</v>
      </c>
      <c r="I4523">
        <v>21612.951130000001</v>
      </c>
      <c r="J4523">
        <v>47998.291660000003</v>
      </c>
      <c r="K4523">
        <v>47754.781150000003</v>
      </c>
      <c r="L4523">
        <v>25889.375319999999</v>
      </c>
      <c r="M4523">
        <v>199731.10320000001</v>
      </c>
      <c r="N4523">
        <v>67734.760060000001</v>
      </c>
      <c r="O4523">
        <v>18677.121910000002</v>
      </c>
      <c r="P4523">
        <v>38383.694920000002</v>
      </c>
      <c r="Q4523">
        <v>53928.857020000003</v>
      </c>
      <c r="R4523">
        <v>15515.465260000001</v>
      </c>
      <c r="S4523">
        <v>91119.771779999995</v>
      </c>
      <c r="T4523">
        <v>23675.154729999998</v>
      </c>
      <c r="U4523">
        <v>15111.03484</v>
      </c>
      <c r="W4523" s="83">
        <f>Bühler!N4555</f>
        <v>45480.374999989035</v>
      </c>
      <c r="X4523" s="83">
        <v>43289.375</v>
      </c>
      <c r="Y4523">
        <v>157912.899</v>
      </c>
      <c r="Z4523">
        <v>14637.77183</v>
      </c>
      <c r="AA4523">
        <v>65718.464470000006</v>
      </c>
      <c r="AB4523">
        <v>31282.469010000001</v>
      </c>
      <c r="AC4523">
        <v>33246.190040000001</v>
      </c>
      <c r="AD4523">
        <v>21612.951130000001</v>
      </c>
      <c r="AE4523">
        <v>47998.291660000003</v>
      </c>
      <c r="AF4523">
        <v>47754.781150000003</v>
      </c>
      <c r="AG4523">
        <v>25889.375319999999</v>
      </c>
      <c r="AH4523">
        <v>199731.10320000001</v>
      </c>
      <c r="AI4523">
        <v>67734.760060000001</v>
      </c>
      <c r="AJ4523">
        <v>18677.121910000002</v>
      </c>
      <c r="AK4523">
        <v>38383.694920000002</v>
      </c>
      <c r="AL4523">
        <v>53928.857020000003</v>
      </c>
      <c r="AM4523">
        <v>15515.465260000001</v>
      </c>
      <c r="AN4523">
        <v>91119.771779999995</v>
      </c>
      <c r="AO4523">
        <v>23675.154729999998</v>
      </c>
      <c r="AP4523">
        <v>15111.03484</v>
      </c>
    </row>
    <row r="4524" spans="2:42" x14ac:dyDescent="0.3">
      <c r="B4524">
        <v>39.925077669910181</v>
      </c>
      <c r="C4524" s="83">
        <v>43289.416666666664</v>
      </c>
      <c r="D4524">
        <v>158765.60399999999</v>
      </c>
      <c r="E4524">
        <v>15451.907349999999</v>
      </c>
      <c r="F4524">
        <v>67082.927280000004</v>
      </c>
      <c r="G4524">
        <v>32204.274560000002</v>
      </c>
      <c r="H4524">
        <v>34406.923419999999</v>
      </c>
      <c r="I4524">
        <v>22369.13941</v>
      </c>
      <c r="J4524">
        <v>47628.53067</v>
      </c>
      <c r="K4524">
        <v>48945.047429999999</v>
      </c>
      <c r="L4524">
        <v>29431.43563</v>
      </c>
      <c r="M4524">
        <v>203556.66469999999</v>
      </c>
      <c r="N4524">
        <v>70584.587190000006</v>
      </c>
      <c r="O4524">
        <v>19483.48561</v>
      </c>
      <c r="P4524">
        <v>40129.127970000001</v>
      </c>
      <c r="Q4524">
        <v>54166.120840000003</v>
      </c>
      <c r="R4524">
        <v>16405.78573</v>
      </c>
      <c r="S4524">
        <v>92938.390400000004</v>
      </c>
      <c r="T4524">
        <v>26164.42498</v>
      </c>
      <c r="U4524">
        <v>15280.720439999999</v>
      </c>
      <c r="W4524" s="83">
        <f>Bühler!N4556</f>
        <v>45480.416666655699</v>
      </c>
      <c r="X4524" s="83">
        <v>43289.416666666664</v>
      </c>
      <c r="Y4524">
        <v>158765.60399999999</v>
      </c>
      <c r="Z4524">
        <v>15451.907349999999</v>
      </c>
      <c r="AA4524">
        <v>67082.927280000004</v>
      </c>
      <c r="AB4524">
        <v>32204.274560000002</v>
      </c>
      <c r="AC4524">
        <v>34406.923419999999</v>
      </c>
      <c r="AD4524">
        <v>22369.13941</v>
      </c>
      <c r="AE4524">
        <v>47628.53067</v>
      </c>
      <c r="AF4524">
        <v>48945.047429999999</v>
      </c>
      <c r="AG4524">
        <v>29431.43563</v>
      </c>
      <c r="AH4524">
        <v>203556.66469999999</v>
      </c>
      <c r="AI4524">
        <v>70584.587190000006</v>
      </c>
      <c r="AJ4524">
        <v>19483.48561</v>
      </c>
      <c r="AK4524">
        <v>40129.127970000001</v>
      </c>
      <c r="AL4524">
        <v>54166.120840000003</v>
      </c>
      <c r="AM4524">
        <v>16405.78573</v>
      </c>
      <c r="AN4524">
        <v>92938.390400000004</v>
      </c>
      <c r="AO4524">
        <v>26164.42498</v>
      </c>
      <c r="AP4524">
        <v>15280.720439999999</v>
      </c>
    </row>
    <row r="4525" spans="2:42" x14ac:dyDescent="0.3">
      <c r="B4525">
        <v>40.424663923729206</v>
      </c>
      <c r="C4525" s="83">
        <v>43289.458333333336</v>
      </c>
      <c r="D4525">
        <v>160053.68909999999</v>
      </c>
      <c r="E4525">
        <v>16044.993420000001</v>
      </c>
      <c r="F4525">
        <v>68594.208429999999</v>
      </c>
      <c r="G4525">
        <v>32975.266589999999</v>
      </c>
      <c r="H4525">
        <v>34850.29939</v>
      </c>
      <c r="I4525">
        <v>22909.480769999998</v>
      </c>
      <c r="J4525">
        <v>48716.337789999998</v>
      </c>
      <c r="K4525">
        <v>50834.06493</v>
      </c>
      <c r="L4525">
        <v>31065.173589999999</v>
      </c>
      <c r="M4525">
        <v>206103.78839999999</v>
      </c>
      <c r="N4525">
        <v>72572.986999999994</v>
      </c>
      <c r="O4525">
        <v>19633.365839999999</v>
      </c>
      <c r="P4525">
        <v>39367.71514</v>
      </c>
      <c r="Q4525">
        <v>53744.57877</v>
      </c>
      <c r="R4525">
        <v>19377.785360000002</v>
      </c>
      <c r="S4525">
        <v>97192.351290000006</v>
      </c>
      <c r="T4525">
        <v>27641.717430000001</v>
      </c>
      <c r="U4525">
        <v>15427.21682</v>
      </c>
      <c r="W4525" s="83">
        <f>Bühler!N4557</f>
        <v>45480.458333322364</v>
      </c>
      <c r="X4525" s="83">
        <v>43289.458333333336</v>
      </c>
      <c r="Y4525">
        <v>160053.68909999999</v>
      </c>
      <c r="Z4525">
        <v>16044.993420000001</v>
      </c>
      <c r="AA4525">
        <v>68594.208429999999</v>
      </c>
      <c r="AB4525">
        <v>32975.266589999999</v>
      </c>
      <c r="AC4525">
        <v>34850.29939</v>
      </c>
      <c r="AD4525">
        <v>22909.480769999998</v>
      </c>
      <c r="AE4525">
        <v>48716.337789999998</v>
      </c>
      <c r="AF4525">
        <v>50834.06493</v>
      </c>
      <c r="AG4525">
        <v>31065.173589999999</v>
      </c>
      <c r="AH4525">
        <v>206103.78839999999</v>
      </c>
      <c r="AI4525">
        <v>72572.986999999994</v>
      </c>
      <c r="AJ4525">
        <v>19633.365839999999</v>
      </c>
      <c r="AK4525">
        <v>39367.71514</v>
      </c>
      <c r="AL4525">
        <v>53744.57877</v>
      </c>
      <c r="AM4525">
        <v>19377.785360000002</v>
      </c>
      <c r="AN4525">
        <v>97192.351290000006</v>
      </c>
      <c r="AO4525">
        <v>27641.717430000001</v>
      </c>
      <c r="AP4525">
        <v>15427.21682</v>
      </c>
    </row>
    <row r="4526" spans="2:42" x14ac:dyDescent="0.3">
      <c r="B4526">
        <v>40.973405979154229</v>
      </c>
      <c r="C4526" s="83">
        <v>43289.5</v>
      </c>
      <c r="D4526">
        <v>161341.22080000001</v>
      </c>
      <c r="E4526">
        <v>16521.072489999999</v>
      </c>
      <c r="F4526">
        <v>65603.628360000002</v>
      </c>
      <c r="G4526">
        <v>33091.437089999999</v>
      </c>
      <c r="H4526">
        <v>34798.412490000002</v>
      </c>
      <c r="I4526">
        <v>22979.452959999999</v>
      </c>
      <c r="J4526">
        <v>50607.783819999997</v>
      </c>
      <c r="K4526">
        <v>51134.009250000003</v>
      </c>
      <c r="L4526">
        <v>33215.893770000002</v>
      </c>
      <c r="M4526">
        <v>208901.5313</v>
      </c>
      <c r="N4526">
        <v>73223.693589999995</v>
      </c>
      <c r="O4526">
        <v>19552.871510000001</v>
      </c>
      <c r="P4526">
        <v>40257.962379999997</v>
      </c>
      <c r="Q4526">
        <v>53687.78456</v>
      </c>
      <c r="R4526">
        <v>18423.899379999999</v>
      </c>
      <c r="S4526">
        <v>94524.734899999996</v>
      </c>
      <c r="T4526">
        <v>27229.4476</v>
      </c>
      <c r="U4526">
        <v>15176.56993</v>
      </c>
      <c r="W4526" s="83">
        <f>Bühler!N4558</f>
        <v>45480.499999989028</v>
      </c>
      <c r="X4526" s="83">
        <v>43289.5</v>
      </c>
      <c r="Y4526">
        <v>161341.22080000001</v>
      </c>
      <c r="Z4526">
        <v>16521.072489999999</v>
      </c>
      <c r="AA4526">
        <v>65603.628360000002</v>
      </c>
      <c r="AB4526">
        <v>33091.437089999999</v>
      </c>
      <c r="AC4526">
        <v>34798.412490000002</v>
      </c>
      <c r="AD4526">
        <v>22979.452959999999</v>
      </c>
      <c r="AE4526">
        <v>50607.783819999997</v>
      </c>
      <c r="AF4526">
        <v>51134.009250000003</v>
      </c>
      <c r="AG4526">
        <v>33215.893770000002</v>
      </c>
      <c r="AH4526">
        <v>208901.5313</v>
      </c>
      <c r="AI4526">
        <v>73223.693589999995</v>
      </c>
      <c r="AJ4526">
        <v>19552.871510000001</v>
      </c>
      <c r="AK4526">
        <v>40257.962379999997</v>
      </c>
      <c r="AL4526">
        <v>53687.78456</v>
      </c>
      <c r="AM4526">
        <v>18423.899379999999</v>
      </c>
      <c r="AN4526">
        <v>94524.734899999996</v>
      </c>
      <c r="AO4526">
        <v>27229.4476</v>
      </c>
      <c r="AP4526">
        <v>15176.56993</v>
      </c>
    </row>
    <row r="4527" spans="2:42" x14ac:dyDescent="0.3">
      <c r="B4527">
        <v>41.132637902158073</v>
      </c>
      <c r="C4527" s="83">
        <v>43289.541666666664</v>
      </c>
      <c r="D4527">
        <v>163143.51120000001</v>
      </c>
      <c r="E4527">
        <v>16664.37573</v>
      </c>
      <c r="F4527">
        <v>56949.382579999998</v>
      </c>
      <c r="G4527">
        <v>33142.458270000003</v>
      </c>
      <c r="H4527">
        <v>34571.024120000002</v>
      </c>
      <c r="I4527">
        <v>23377.340830000001</v>
      </c>
      <c r="J4527">
        <v>50204.327729999997</v>
      </c>
      <c r="K4527">
        <v>50326.483769999999</v>
      </c>
      <c r="L4527">
        <v>33258.456850000002</v>
      </c>
      <c r="M4527">
        <v>209713.36989999999</v>
      </c>
      <c r="N4527">
        <v>72425.88089</v>
      </c>
      <c r="O4527">
        <v>19923.087869999999</v>
      </c>
      <c r="P4527">
        <v>38688.467149999997</v>
      </c>
      <c r="Q4527">
        <v>53683.58713</v>
      </c>
      <c r="R4527">
        <v>18102.744589999998</v>
      </c>
      <c r="S4527">
        <v>96886.915670000002</v>
      </c>
      <c r="T4527">
        <v>27115.63608</v>
      </c>
      <c r="U4527">
        <v>15331.77007</v>
      </c>
      <c r="W4527" s="83">
        <f>Bühler!N4559</f>
        <v>45480.541666655692</v>
      </c>
      <c r="X4527" s="83">
        <v>43289.541666666664</v>
      </c>
      <c r="Y4527">
        <v>163143.51120000001</v>
      </c>
      <c r="Z4527">
        <v>16664.37573</v>
      </c>
      <c r="AA4527">
        <v>56949.382579999998</v>
      </c>
      <c r="AB4527">
        <v>33142.458270000003</v>
      </c>
      <c r="AC4527">
        <v>34571.024120000002</v>
      </c>
      <c r="AD4527">
        <v>23377.340830000001</v>
      </c>
      <c r="AE4527">
        <v>50204.327729999997</v>
      </c>
      <c r="AF4527">
        <v>50326.483769999999</v>
      </c>
      <c r="AG4527">
        <v>33258.456850000002</v>
      </c>
      <c r="AH4527">
        <v>209713.36989999999</v>
      </c>
      <c r="AI4527">
        <v>72425.88089</v>
      </c>
      <c r="AJ4527">
        <v>19923.087869999999</v>
      </c>
      <c r="AK4527">
        <v>38688.467149999997</v>
      </c>
      <c r="AL4527">
        <v>53683.58713</v>
      </c>
      <c r="AM4527">
        <v>18102.744589999998</v>
      </c>
      <c r="AN4527">
        <v>96886.915670000002</v>
      </c>
      <c r="AO4527">
        <v>27115.63608</v>
      </c>
      <c r="AP4527">
        <v>15331.77007</v>
      </c>
    </row>
    <row r="4528" spans="2:42" x14ac:dyDescent="0.3">
      <c r="B4528">
        <v>41.230701195404848</v>
      </c>
      <c r="C4528" s="83">
        <v>43289.583333333336</v>
      </c>
      <c r="D4528">
        <v>164067.38870000001</v>
      </c>
      <c r="E4528">
        <v>16628.256829999998</v>
      </c>
      <c r="F4528">
        <v>56891.73603</v>
      </c>
      <c r="G4528">
        <v>33055.704089999999</v>
      </c>
      <c r="H4528">
        <v>34344.979480000002</v>
      </c>
      <c r="I4528">
        <v>23308.928019999999</v>
      </c>
      <c r="J4528">
        <v>49709.660539999997</v>
      </c>
      <c r="K4528">
        <v>48739.915209999999</v>
      </c>
      <c r="L4528">
        <v>31693.142189999999</v>
      </c>
      <c r="M4528">
        <v>210213.34229999999</v>
      </c>
      <c r="N4528">
        <v>73206.606849999996</v>
      </c>
      <c r="O4528">
        <v>19657.019230000002</v>
      </c>
      <c r="P4528">
        <v>36746.234819999998</v>
      </c>
      <c r="Q4528">
        <v>53887.438600000001</v>
      </c>
      <c r="R4528">
        <v>17973.366750000001</v>
      </c>
      <c r="S4528">
        <v>93530.791630000007</v>
      </c>
      <c r="T4528">
        <v>27231.203219999999</v>
      </c>
      <c r="U4528">
        <v>15599.06482</v>
      </c>
      <c r="W4528" s="83">
        <f>Bühler!N4560</f>
        <v>45480.583333322356</v>
      </c>
      <c r="X4528" s="83">
        <v>43289.583333333336</v>
      </c>
      <c r="Y4528">
        <v>164067.38870000001</v>
      </c>
      <c r="Z4528">
        <v>16628.256829999998</v>
      </c>
      <c r="AA4528">
        <v>56891.73603</v>
      </c>
      <c r="AB4528">
        <v>33055.704089999999</v>
      </c>
      <c r="AC4528">
        <v>34344.979480000002</v>
      </c>
      <c r="AD4528">
        <v>23308.928019999999</v>
      </c>
      <c r="AE4528">
        <v>49709.660539999997</v>
      </c>
      <c r="AF4528">
        <v>48739.915209999999</v>
      </c>
      <c r="AG4528">
        <v>31693.142189999999</v>
      </c>
      <c r="AH4528">
        <v>210213.34229999999</v>
      </c>
      <c r="AI4528">
        <v>73206.606849999996</v>
      </c>
      <c r="AJ4528">
        <v>19657.019230000002</v>
      </c>
      <c r="AK4528">
        <v>36746.234819999998</v>
      </c>
      <c r="AL4528">
        <v>53887.438600000001</v>
      </c>
      <c r="AM4528">
        <v>17973.366750000001</v>
      </c>
      <c r="AN4528">
        <v>93530.791630000007</v>
      </c>
      <c r="AO4528">
        <v>27231.203219999999</v>
      </c>
      <c r="AP4528">
        <v>15599.06482</v>
      </c>
    </row>
    <row r="4529" spans="2:42" x14ac:dyDescent="0.3">
      <c r="B4529">
        <v>41.014043787880162</v>
      </c>
      <c r="C4529" s="83">
        <v>43289.625</v>
      </c>
      <c r="D4529">
        <v>164501.29680000001</v>
      </c>
      <c r="E4529">
        <v>16579.82631</v>
      </c>
      <c r="F4529">
        <v>57302.39198</v>
      </c>
      <c r="G4529">
        <v>33024.489759999997</v>
      </c>
      <c r="H4529">
        <v>34475.71574</v>
      </c>
      <c r="I4529">
        <v>23297.185109999999</v>
      </c>
      <c r="J4529">
        <v>49289.318590000003</v>
      </c>
      <c r="K4529">
        <v>47585.828959999999</v>
      </c>
      <c r="L4529">
        <v>30084.26065</v>
      </c>
      <c r="M4529">
        <v>209108.7218</v>
      </c>
      <c r="N4529">
        <v>72172.334789999994</v>
      </c>
      <c r="O4529">
        <v>19832.673849999999</v>
      </c>
      <c r="P4529">
        <v>33781.824939999999</v>
      </c>
      <c r="Q4529">
        <v>54128.628779999999</v>
      </c>
      <c r="R4529">
        <v>18724.7863</v>
      </c>
      <c r="S4529">
        <v>93889.784369999994</v>
      </c>
      <c r="T4529">
        <v>27134.592909999999</v>
      </c>
      <c r="U4529">
        <v>15216.74345</v>
      </c>
      <c r="W4529" s="83">
        <f>Bühler!N4561</f>
        <v>45480.624999989021</v>
      </c>
      <c r="X4529" s="83">
        <v>43289.625</v>
      </c>
      <c r="Y4529">
        <v>164501.29680000001</v>
      </c>
      <c r="Z4529">
        <v>16579.82631</v>
      </c>
      <c r="AA4529">
        <v>57302.39198</v>
      </c>
      <c r="AB4529">
        <v>33024.489759999997</v>
      </c>
      <c r="AC4529">
        <v>34475.71574</v>
      </c>
      <c r="AD4529">
        <v>23297.185109999999</v>
      </c>
      <c r="AE4529">
        <v>49289.318590000003</v>
      </c>
      <c r="AF4529">
        <v>47585.828959999999</v>
      </c>
      <c r="AG4529">
        <v>30084.26065</v>
      </c>
      <c r="AH4529">
        <v>209108.7218</v>
      </c>
      <c r="AI4529">
        <v>72172.334789999994</v>
      </c>
      <c r="AJ4529">
        <v>19832.673849999999</v>
      </c>
      <c r="AK4529">
        <v>33781.824939999999</v>
      </c>
      <c r="AL4529">
        <v>54128.628779999999</v>
      </c>
      <c r="AM4529">
        <v>18724.7863</v>
      </c>
      <c r="AN4529">
        <v>93889.784369999994</v>
      </c>
      <c r="AO4529">
        <v>27134.592909999999</v>
      </c>
      <c r="AP4529">
        <v>15216.74345</v>
      </c>
    </row>
    <row r="4530" spans="2:42" x14ac:dyDescent="0.3">
      <c r="B4530">
        <v>41.089253208572913</v>
      </c>
      <c r="C4530" s="83">
        <v>43289.666666666664</v>
      </c>
      <c r="D4530">
        <v>164971.8737</v>
      </c>
      <c r="E4530">
        <v>16692.75301</v>
      </c>
      <c r="F4530">
        <v>56933.78368</v>
      </c>
      <c r="G4530">
        <v>33057.824079999999</v>
      </c>
      <c r="H4530">
        <v>34560.30775</v>
      </c>
      <c r="I4530">
        <v>23612.728800000001</v>
      </c>
      <c r="J4530">
        <v>48233.328930000003</v>
      </c>
      <c r="K4530">
        <v>47488.127950000002</v>
      </c>
      <c r="L4530">
        <v>27941.410360000002</v>
      </c>
      <c r="M4530">
        <v>209492.17449999999</v>
      </c>
      <c r="N4530">
        <v>72319.228419999999</v>
      </c>
      <c r="O4530">
        <v>18793.869360000001</v>
      </c>
      <c r="P4530">
        <v>32712.682140000001</v>
      </c>
      <c r="Q4530">
        <v>54620.333379999996</v>
      </c>
      <c r="R4530">
        <v>18596.680499999999</v>
      </c>
      <c r="S4530">
        <v>94215.340070000006</v>
      </c>
      <c r="T4530">
        <v>26794.63608</v>
      </c>
      <c r="U4530">
        <v>14934.180329999999</v>
      </c>
      <c r="W4530" s="83">
        <f>Bühler!N4562</f>
        <v>45480.666666655685</v>
      </c>
      <c r="X4530" s="83">
        <v>43289.666666666664</v>
      </c>
      <c r="Y4530">
        <v>164971.8737</v>
      </c>
      <c r="Z4530">
        <v>16692.75301</v>
      </c>
      <c r="AA4530">
        <v>56933.78368</v>
      </c>
      <c r="AB4530">
        <v>33057.824079999999</v>
      </c>
      <c r="AC4530">
        <v>34560.30775</v>
      </c>
      <c r="AD4530">
        <v>23612.728800000001</v>
      </c>
      <c r="AE4530">
        <v>48233.328930000003</v>
      </c>
      <c r="AF4530">
        <v>47488.127950000002</v>
      </c>
      <c r="AG4530">
        <v>27941.410360000002</v>
      </c>
      <c r="AH4530">
        <v>209492.17449999999</v>
      </c>
      <c r="AI4530">
        <v>72319.228419999999</v>
      </c>
      <c r="AJ4530">
        <v>18793.869360000001</v>
      </c>
      <c r="AK4530">
        <v>32712.682140000001</v>
      </c>
      <c r="AL4530">
        <v>54620.333379999996</v>
      </c>
      <c r="AM4530">
        <v>18596.680499999999</v>
      </c>
      <c r="AN4530">
        <v>94215.340070000006</v>
      </c>
      <c r="AO4530">
        <v>26794.63608</v>
      </c>
      <c r="AP4530">
        <v>14934.180329999999</v>
      </c>
    </row>
    <row r="4531" spans="2:42" x14ac:dyDescent="0.3">
      <c r="B4531">
        <v>41.230137594547799</v>
      </c>
      <c r="C4531" s="83">
        <v>43289.708333333336</v>
      </c>
      <c r="D4531">
        <v>166856.7775</v>
      </c>
      <c r="E4531">
        <v>16611.827560000002</v>
      </c>
      <c r="F4531">
        <v>57139.376790000002</v>
      </c>
      <c r="G4531">
        <v>33346.78499</v>
      </c>
      <c r="H4531">
        <v>34354.629370000002</v>
      </c>
      <c r="I4531">
        <v>23910.520700000001</v>
      </c>
      <c r="J4531">
        <v>48470.943240000001</v>
      </c>
      <c r="K4531">
        <v>49769.331250000003</v>
      </c>
      <c r="L4531">
        <v>28534.370289999999</v>
      </c>
      <c r="M4531">
        <v>210210.4688</v>
      </c>
      <c r="N4531">
        <v>70728.183690000005</v>
      </c>
      <c r="O4531">
        <v>18518.665730000001</v>
      </c>
      <c r="P4531">
        <v>34203.358919999999</v>
      </c>
      <c r="Q4531">
        <v>54969.906779999998</v>
      </c>
      <c r="R4531">
        <v>21000.446489999998</v>
      </c>
      <c r="S4531">
        <v>95885.639190000002</v>
      </c>
      <c r="T4531">
        <v>26520.65207</v>
      </c>
      <c r="U4531">
        <v>14963.78659</v>
      </c>
      <c r="W4531" s="83">
        <f>Bühler!N4563</f>
        <v>45480.708333322349</v>
      </c>
      <c r="X4531" s="83">
        <v>43289.708333333336</v>
      </c>
      <c r="Y4531">
        <v>166856.7775</v>
      </c>
      <c r="Z4531">
        <v>16611.827560000002</v>
      </c>
      <c r="AA4531">
        <v>57139.376790000002</v>
      </c>
      <c r="AB4531">
        <v>33346.78499</v>
      </c>
      <c r="AC4531">
        <v>34354.629370000002</v>
      </c>
      <c r="AD4531">
        <v>23910.520700000001</v>
      </c>
      <c r="AE4531">
        <v>48470.943240000001</v>
      </c>
      <c r="AF4531">
        <v>49769.331250000003</v>
      </c>
      <c r="AG4531">
        <v>28534.370289999999</v>
      </c>
      <c r="AH4531">
        <v>210210.4688</v>
      </c>
      <c r="AI4531">
        <v>70728.183690000005</v>
      </c>
      <c r="AJ4531">
        <v>18518.665730000001</v>
      </c>
      <c r="AK4531">
        <v>34203.358919999999</v>
      </c>
      <c r="AL4531">
        <v>54969.906779999998</v>
      </c>
      <c r="AM4531">
        <v>21000.446489999998</v>
      </c>
      <c r="AN4531">
        <v>95885.639190000002</v>
      </c>
      <c r="AO4531">
        <v>26520.65207</v>
      </c>
      <c r="AP4531">
        <v>14963.78659</v>
      </c>
    </row>
    <row r="4532" spans="2:42" x14ac:dyDescent="0.3">
      <c r="B4532">
        <v>41.734331920368142</v>
      </c>
      <c r="C4532" s="83">
        <v>43289.75</v>
      </c>
      <c r="D4532">
        <v>167546.58739999999</v>
      </c>
      <c r="E4532">
        <v>16249.92072</v>
      </c>
      <c r="F4532">
        <v>56906.68705</v>
      </c>
      <c r="G4532">
        <v>33506.539559999997</v>
      </c>
      <c r="H4532">
        <v>34346.454420000002</v>
      </c>
      <c r="I4532">
        <v>23949.157090000001</v>
      </c>
      <c r="J4532">
        <v>49009.62313</v>
      </c>
      <c r="K4532">
        <v>49177.804799999998</v>
      </c>
      <c r="L4532">
        <v>28282.93865</v>
      </c>
      <c r="M4532">
        <v>212781.08660000001</v>
      </c>
      <c r="N4532">
        <v>69460.273490000007</v>
      </c>
      <c r="O4532">
        <v>18965.094850000001</v>
      </c>
      <c r="P4532">
        <v>34499.165430000001</v>
      </c>
      <c r="Q4532">
        <v>55749.354149999999</v>
      </c>
      <c r="R4532">
        <v>18942.66632</v>
      </c>
      <c r="S4532">
        <v>93204.830719999998</v>
      </c>
      <c r="T4532">
        <v>25571.44454</v>
      </c>
      <c r="U4532">
        <v>15264.789699999999</v>
      </c>
      <c r="W4532" s="83">
        <f>Bühler!N4564</f>
        <v>45480.749999989013</v>
      </c>
      <c r="X4532" s="83">
        <v>43289.75</v>
      </c>
      <c r="Y4532">
        <v>167546.58739999999</v>
      </c>
      <c r="Z4532">
        <v>16249.92072</v>
      </c>
      <c r="AA4532">
        <v>56906.68705</v>
      </c>
      <c r="AB4532">
        <v>33506.539559999997</v>
      </c>
      <c r="AC4532">
        <v>34346.454420000002</v>
      </c>
      <c r="AD4532">
        <v>23949.157090000001</v>
      </c>
      <c r="AE4532">
        <v>49009.62313</v>
      </c>
      <c r="AF4532">
        <v>49177.804799999998</v>
      </c>
      <c r="AG4532">
        <v>28282.93865</v>
      </c>
      <c r="AH4532">
        <v>212781.08660000001</v>
      </c>
      <c r="AI4532">
        <v>69460.273490000007</v>
      </c>
      <c r="AJ4532">
        <v>18965.094850000001</v>
      </c>
      <c r="AK4532">
        <v>34499.165430000001</v>
      </c>
      <c r="AL4532">
        <v>55749.354149999999</v>
      </c>
      <c r="AM4532">
        <v>18942.66632</v>
      </c>
      <c r="AN4532">
        <v>93204.830719999998</v>
      </c>
      <c r="AO4532">
        <v>25571.44454</v>
      </c>
      <c r="AP4532">
        <v>15264.789699999999</v>
      </c>
    </row>
    <row r="4533" spans="2:42" x14ac:dyDescent="0.3">
      <c r="B4533">
        <v>41.986647599970439</v>
      </c>
      <c r="C4533" s="83">
        <v>43289.791666666664</v>
      </c>
      <c r="D4533">
        <v>167867.902</v>
      </c>
      <c r="E4533">
        <v>15215.81012</v>
      </c>
      <c r="F4533">
        <v>56124.182050000003</v>
      </c>
      <c r="G4533">
        <v>33057.585440000003</v>
      </c>
      <c r="H4533">
        <v>33988.334949999997</v>
      </c>
      <c r="I4533">
        <v>23651.5664</v>
      </c>
      <c r="J4533">
        <v>48740.675949999997</v>
      </c>
      <c r="K4533">
        <v>48188.094469999996</v>
      </c>
      <c r="L4533">
        <v>29322.13535</v>
      </c>
      <c r="M4533">
        <v>214067.50959999999</v>
      </c>
      <c r="N4533">
        <v>69438.684890000004</v>
      </c>
      <c r="O4533">
        <v>18534.39587</v>
      </c>
      <c r="P4533">
        <v>36810.495779999997</v>
      </c>
      <c r="Q4533">
        <v>56084.107279999997</v>
      </c>
      <c r="R4533">
        <v>18959.370989999999</v>
      </c>
      <c r="S4533">
        <v>91434.649210000003</v>
      </c>
      <c r="T4533">
        <v>24341.526129999998</v>
      </c>
      <c r="U4533">
        <v>15491.68528</v>
      </c>
      <c r="W4533" s="83">
        <f>Bühler!N4565</f>
        <v>45480.791666655678</v>
      </c>
      <c r="X4533" s="83">
        <v>43289.791666666664</v>
      </c>
      <c r="Y4533">
        <v>167867.902</v>
      </c>
      <c r="Z4533">
        <v>15215.81012</v>
      </c>
      <c r="AA4533">
        <v>56124.182050000003</v>
      </c>
      <c r="AB4533">
        <v>33057.585440000003</v>
      </c>
      <c r="AC4533">
        <v>33988.334949999997</v>
      </c>
      <c r="AD4533">
        <v>23651.5664</v>
      </c>
      <c r="AE4533">
        <v>48740.675949999997</v>
      </c>
      <c r="AF4533">
        <v>48188.094469999996</v>
      </c>
      <c r="AG4533">
        <v>29322.13535</v>
      </c>
      <c r="AH4533">
        <v>214067.50959999999</v>
      </c>
      <c r="AI4533">
        <v>69438.684890000004</v>
      </c>
      <c r="AJ4533">
        <v>18534.39587</v>
      </c>
      <c r="AK4533">
        <v>36810.495779999997</v>
      </c>
      <c r="AL4533">
        <v>56084.107279999997</v>
      </c>
      <c r="AM4533">
        <v>18959.370989999999</v>
      </c>
      <c r="AN4533">
        <v>91434.649210000003</v>
      </c>
      <c r="AO4533">
        <v>24341.526129999998</v>
      </c>
      <c r="AP4533">
        <v>15491.68528</v>
      </c>
    </row>
    <row r="4534" spans="2:42" x14ac:dyDescent="0.3">
      <c r="B4534">
        <v>41.970308510053442</v>
      </c>
      <c r="C4534" s="83">
        <v>43289.833333333336</v>
      </c>
      <c r="D4534">
        <v>168514.5098</v>
      </c>
      <c r="E4534">
        <v>13800.17893</v>
      </c>
      <c r="F4534">
        <v>55048.989759999997</v>
      </c>
      <c r="G4534">
        <v>32801.921000000002</v>
      </c>
      <c r="H4534">
        <v>33444.402029999997</v>
      </c>
      <c r="I4534">
        <v>23119.280200000001</v>
      </c>
      <c r="J4534">
        <v>47545.404970000003</v>
      </c>
      <c r="K4534">
        <v>48804.576200000003</v>
      </c>
      <c r="L4534">
        <v>29475.88435</v>
      </c>
      <c r="M4534">
        <v>213984.2053</v>
      </c>
      <c r="N4534">
        <v>68841.428570000004</v>
      </c>
      <c r="O4534">
        <v>19241.165150000001</v>
      </c>
      <c r="P4534">
        <v>36001.508430000002</v>
      </c>
      <c r="Q4534">
        <v>56177.065110000003</v>
      </c>
      <c r="R4534">
        <v>17925.860489999999</v>
      </c>
      <c r="S4534">
        <v>85798.971969999999</v>
      </c>
      <c r="T4534">
        <v>21747.128799999999</v>
      </c>
      <c r="U4534">
        <v>15759.171350000001</v>
      </c>
      <c r="W4534" s="83">
        <f>Bühler!N4566</f>
        <v>45480.833333322342</v>
      </c>
      <c r="X4534" s="83">
        <v>43289.833333333336</v>
      </c>
      <c r="Y4534">
        <v>168514.5098</v>
      </c>
      <c r="Z4534">
        <v>13800.17893</v>
      </c>
      <c r="AA4534">
        <v>55048.989759999997</v>
      </c>
      <c r="AB4534">
        <v>32801.921000000002</v>
      </c>
      <c r="AC4534">
        <v>33444.402029999997</v>
      </c>
      <c r="AD4534">
        <v>23119.280200000001</v>
      </c>
      <c r="AE4534">
        <v>47545.404970000003</v>
      </c>
      <c r="AF4534">
        <v>48804.576200000003</v>
      </c>
      <c r="AG4534">
        <v>29475.88435</v>
      </c>
      <c r="AH4534">
        <v>213984.2053</v>
      </c>
      <c r="AI4534">
        <v>68841.428570000004</v>
      </c>
      <c r="AJ4534">
        <v>19241.165150000001</v>
      </c>
      <c r="AK4534">
        <v>36001.508430000002</v>
      </c>
      <c r="AL4534">
        <v>56177.065110000003</v>
      </c>
      <c r="AM4534">
        <v>17925.860489999999</v>
      </c>
      <c r="AN4534">
        <v>85798.971969999999</v>
      </c>
      <c r="AO4534">
        <v>21747.128799999999</v>
      </c>
      <c r="AP4534">
        <v>15759.171350000001</v>
      </c>
    </row>
    <row r="4535" spans="2:42" x14ac:dyDescent="0.3">
      <c r="B4535">
        <v>41.99829757390696</v>
      </c>
      <c r="C4535" s="83">
        <v>43289.875</v>
      </c>
      <c r="D4535">
        <v>169576.90919999999</v>
      </c>
      <c r="E4535">
        <v>13113.730729999999</v>
      </c>
      <c r="F4535">
        <v>53583.334450000002</v>
      </c>
      <c r="G4535">
        <v>32478.696469999999</v>
      </c>
      <c r="H4535">
        <v>33587.38465</v>
      </c>
      <c r="I4535">
        <v>21559.416280000001</v>
      </c>
      <c r="J4535">
        <v>47080.441019999998</v>
      </c>
      <c r="K4535">
        <v>50127.869149999999</v>
      </c>
      <c r="L4535">
        <v>27859.376690000001</v>
      </c>
      <c r="M4535">
        <v>214126.90659999999</v>
      </c>
      <c r="N4535">
        <v>68562.696360000002</v>
      </c>
      <c r="O4535">
        <v>18876.47064</v>
      </c>
      <c r="P4535">
        <v>34520.053119999997</v>
      </c>
      <c r="Q4535">
        <v>58490.119500000001</v>
      </c>
      <c r="R4535">
        <v>18614.1963</v>
      </c>
      <c r="S4535">
        <v>82007.041759999993</v>
      </c>
      <c r="T4535">
        <v>20972.175060000001</v>
      </c>
      <c r="U4535">
        <v>15927.28126</v>
      </c>
      <c r="W4535" s="83">
        <f>Bühler!N4567</f>
        <v>45480.874999989006</v>
      </c>
      <c r="X4535" s="83">
        <v>43289.875</v>
      </c>
      <c r="Y4535">
        <v>169576.90919999999</v>
      </c>
      <c r="Z4535">
        <v>13113.730729999999</v>
      </c>
      <c r="AA4535">
        <v>53583.334450000002</v>
      </c>
      <c r="AB4535">
        <v>32478.696469999999</v>
      </c>
      <c r="AC4535">
        <v>33587.38465</v>
      </c>
      <c r="AD4535">
        <v>21559.416280000001</v>
      </c>
      <c r="AE4535">
        <v>47080.441019999998</v>
      </c>
      <c r="AF4535">
        <v>50127.869149999999</v>
      </c>
      <c r="AG4535">
        <v>27859.376690000001</v>
      </c>
      <c r="AH4535">
        <v>214126.90659999999</v>
      </c>
      <c r="AI4535">
        <v>68562.696360000002</v>
      </c>
      <c r="AJ4535">
        <v>18876.47064</v>
      </c>
      <c r="AK4535">
        <v>34520.053119999997</v>
      </c>
      <c r="AL4535">
        <v>58490.119500000001</v>
      </c>
      <c r="AM4535">
        <v>18614.1963</v>
      </c>
      <c r="AN4535">
        <v>82007.041759999993</v>
      </c>
      <c r="AO4535">
        <v>20972.175060000001</v>
      </c>
      <c r="AP4535">
        <v>15927.28126</v>
      </c>
    </row>
    <row r="4536" spans="2:42" x14ac:dyDescent="0.3">
      <c r="B4536">
        <v>42.879527261161634</v>
      </c>
      <c r="C4536" s="83">
        <v>43289.916666666664</v>
      </c>
      <c r="D4536">
        <v>171322.9045</v>
      </c>
      <c r="E4536">
        <v>13225.51569</v>
      </c>
      <c r="F4536">
        <v>53236.17613</v>
      </c>
      <c r="G4536">
        <v>33245.351840000003</v>
      </c>
      <c r="H4536">
        <v>34832.405769999998</v>
      </c>
      <c r="I4536">
        <v>21558.859400000001</v>
      </c>
      <c r="J4536">
        <v>46191.809520000003</v>
      </c>
      <c r="K4536">
        <v>52530.318449999999</v>
      </c>
      <c r="L4536">
        <v>26035.554359999998</v>
      </c>
      <c r="M4536">
        <v>218619.8265</v>
      </c>
      <c r="N4536">
        <v>69552.260720000006</v>
      </c>
      <c r="O4536">
        <v>18979.04509</v>
      </c>
      <c r="P4536">
        <v>33861.041700000002</v>
      </c>
      <c r="Q4536">
        <v>59778.166519999999</v>
      </c>
      <c r="R4536">
        <v>18992.272730000001</v>
      </c>
      <c r="S4536">
        <v>81518.683050000007</v>
      </c>
      <c r="T4536">
        <v>20673.601839999999</v>
      </c>
      <c r="U4536">
        <v>16716.73732</v>
      </c>
      <c r="W4536" s="83">
        <f>Bühler!N4568</f>
        <v>45480.91666665567</v>
      </c>
      <c r="X4536" s="83">
        <v>43289.916666666664</v>
      </c>
      <c r="Y4536">
        <v>171322.9045</v>
      </c>
      <c r="Z4536">
        <v>13225.51569</v>
      </c>
      <c r="AA4536">
        <v>53236.17613</v>
      </c>
      <c r="AB4536">
        <v>33245.351840000003</v>
      </c>
      <c r="AC4536">
        <v>34832.405769999998</v>
      </c>
      <c r="AD4536">
        <v>21558.859400000001</v>
      </c>
      <c r="AE4536">
        <v>46191.809520000003</v>
      </c>
      <c r="AF4536">
        <v>52530.318449999999</v>
      </c>
      <c r="AG4536">
        <v>26035.554359999998</v>
      </c>
      <c r="AH4536">
        <v>218619.8265</v>
      </c>
      <c r="AI4536">
        <v>69552.260720000006</v>
      </c>
      <c r="AJ4536">
        <v>18979.04509</v>
      </c>
      <c r="AK4536">
        <v>33861.041700000002</v>
      </c>
      <c r="AL4536">
        <v>59778.166519999999</v>
      </c>
      <c r="AM4536">
        <v>18992.272730000001</v>
      </c>
      <c r="AN4536">
        <v>81518.683050000007</v>
      </c>
      <c r="AO4536">
        <v>20673.601839999999</v>
      </c>
      <c r="AP4536">
        <v>16716.73732</v>
      </c>
    </row>
    <row r="4537" spans="2:42" x14ac:dyDescent="0.3">
      <c r="B4537">
        <v>43.470370741917954</v>
      </c>
      <c r="C4537" s="83">
        <v>43289.958333333336</v>
      </c>
      <c r="D4537">
        <v>172851.32500000001</v>
      </c>
      <c r="E4537">
        <v>13116.40497</v>
      </c>
      <c r="F4537">
        <v>53524.580889999997</v>
      </c>
      <c r="G4537">
        <v>33305.793859999998</v>
      </c>
      <c r="H4537">
        <v>34666.208789999997</v>
      </c>
      <c r="I4537">
        <v>21610.08772</v>
      </c>
      <c r="J4537">
        <v>42053.876069999998</v>
      </c>
      <c r="K4537">
        <v>53067.514020000002</v>
      </c>
      <c r="L4537">
        <v>22281.18765</v>
      </c>
      <c r="M4537">
        <v>221632.22210000001</v>
      </c>
      <c r="N4537">
        <v>69468.299499999994</v>
      </c>
      <c r="O4537">
        <v>18757.430840000001</v>
      </c>
      <c r="P4537">
        <v>31233.469389999998</v>
      </c>
      <c r="Q4537">
        <v>61887.402970000003</v>
      </c>
      <c r="R4537">
        <v>19837.072459999999</v>
      </c>
      <c r="S4537">
        <v>80013.104309999995</v>
      </c>
      <c r="T4537">
        <v>19630.75388</v>
      </c>
      <c r="U4537">
        <v>16550.426220000001</v>
      </c>
      <c r="W4537" s="83">
        <f>Bühler!N4569</f>
        <v>45480.958333322335</v>
      </c>
      <c r="X4537" s="83">
        <v>43289.958333333336</v>
      </c>
      <c r="Y4537">
        <v>172851.32500000001</v>
      </c>
      <c r="Z4537">
        <v>13116.40497</v>
      </c>
      <c r="AA4537">
        <v>53524.580889999997</v>
      </c>
      <c r="AB4537">
        <v>33305.793859999998</v>
      </c>
      <c r="AC4537">
        <v>34666.208789999997</v>
      </c>
      <c r="AD4537">
        <v>21610.08772</v>
      </c>
      <c r="AE4537">
        <v>42053.876069999998</v>
      </c>
      <c r="AF4537">
        <v>53067.514020000002</v>
      </c>
      <c r="AG4537">
        <v>22281.18765</v>
      </c>
      <c r="AH4537">
        <v>221632.22210000001</v>
      </c>
      <c r="AI4537">
        <v>69468.299499999994</v>
      </c>
      <c r="AJ4537">
        <v>18757.430840000001</v>
      </c>
      <c r="AK4537">
        <v>31233.469389999998</v>
      </c>
      <c r="AL4537">
        <v>61887.402970000003</v>
      </c>
      <c r="AM4537">
        <v>19837.072459999999</v>
      </c>
      <c r="AN4537">
        <v>80013.104309999995</v>
      </c>
      <c r="AO4537">
        <v>19630.75388</v>
      </c>
      <c r="AP4537">
        <v>16550.426220000001</v>
      </c>
    </row>
    <row r="4538" spans="2:42" x14ac:dyDescent="0.3">
      <c r="B4538">
        <v>43.714703177683759</v>
      </c>
      <c r="C4538" s="83">
        <v>43290</v>
      </c>
      <c r="D4538">
        <v>174933.85060000001</v>
      </c>
      <c r="E4538">
        <v>12710.630139999999</v>
      </c>
      <c r="F4538">
        <v>51756.863039999997</v>
      </c>
      <c r="G4538">
        <v>32960.164570000001</v>
      </c>
      <c r="H4538">
        <v>34314.718739999997</v>
      </c>
      <c r="I4538">
        <v>19982.02247</v>
      </c>
      <c r="J4538">
        <v>38471.017879999999</v>
      </c>
      <c r="K4538">
        <v>50680.105479999998</v>
      </c>
      <c r="L4538">
        <v>19512.448049999999</v>
      </c>
      <c r="M4538">
        <v>222877.94279999999</v>
      </c>
      <c r="N4538">
        <v>69387.14284</v>
      </c>
      <c r="O4538">
        <v>18502.051080000001</v>
      </c>
      <c r="P4538">
        <v>28192.426820000001</v>
      </c>
      <c r="Q4538">
        <v>64168.774069999999</v>
      </c>
      <c r="R4538">
        <v>16503.970109999998</v>
      </c>
      <c r="S4538">
        <v>78046.982300000003</v>
      </c>
      <c r="T4538">
        <v>18455.25692</v>
      </c>
      <c r="U4538">
        <v>16398.878120000001</v>
      </c>
      <c r="W4538" s="83">
        <f>Bühler!N4570</f>
        <v>45480.999999988999</v>
      </c>
      <c r="X4538" s="83">
        <v>43290</v>
      </c>
      <c r="Y4538">
        <v>174933.85060000001</v>
      </c>
      <c r="Z4538">
        <v>12710.630139999999</v>
      </c>
      <c r="AA4538">
        <v>51756.863039999997</v>
      </c>
      <c r="AB4538">
        <v>32960.164570000001</v>
      </c>
      <c r="AC4538">
        <v>34314.718739999997</v>
      </c>
      <c r="AD4538">
        <v>19982.02247</v>
      </c>
      <c r="AE4538">
        <v>38471.017879999999</v>
      </c>
      <c r="AF4538">
        <v>50680.105479999998</v>
      </c>
      <c r="AG4538">
        <v>19512.448049999999</v>
      </c>
      <c r="AH4538">
        <v>222877.94279999999</v>
      </c>
      <c r="AI4538">
        <v>69387.14284</v>
      </c>
      <c r="AJ4538">
        <v>18502.051080000001</v>
      </c>
      <c r="AK4538">
        <v>28192.426820000001</v>
      </c>
      <c r="AL4538">
        <v>64168.774069999999</v>
      </c>
      <c r="AM4538">
        <v>16503.970109999998</v>
      </c>
      <c r="AN4538">
        <v>78046.982300000003</v>
      </c>
      <c r="AO4538">
        <v>18455.25692</v>
      </c>
      <c r="AP4538">
        <v>16398.878120000001</v>
      </c>
    </row>
    <row r="4539" spans="2:42" x14ac:dyDescent="0.3">
      <c r="B4539">
        <v>43.72342748750885</v>
      </c>
      <c r="C4539" s="83">
        <v>43290.041666666664</v>
      </c>
      <c r="D4539">
        <v>175249.95920000001</v>
      </c>
      <c r="E4539">
        <v>12436.2358</v>
      </c>
      <c r="F4539">
        <v>51810.987959999999</v>
      </c>
      <c r="G4539">
        <v>32149.015200000002</v>
      </c>
      <c r="H4539">
        <v>33795.662499999999</v>
      </c>
      <c r="I4539">
        <v>16136.33259</v>
      </c>
      <c r="J4539">
        <v>36417.16992</v>
      </c>
      <c r="K4539">
        <v>48658.054689999997</v>
      </c>
      <c r="L4539">
        <v>18879.196520000001</v>
      </c>
      <c r="M4539">
        <v>222922.4234</v>
      </c>
      <c r="N4539">
        <v>68468.845740000004</v>
      </c>
      <c r="O4539">
        <v>19251.598989999999</v>
      </c>
      <c r="P4539">
        <v>26824.322530000001</v>
      </c>
      <c r="Q4539">
        <v>66763.717569999993</v>
      </c>
      <c r="R4539">
        <v>13487.08779</v>
      </c>
      <c r="S4539">
        <v>76260.429269999993</v>
      </c>
      <c r="T4539">
        <v>17850.66735</v>
      </c>
      <c r="U4539">
        <v>16222.74761</v>
      </c>
      <c r="W4539" s="83">
        <f>Bühler!N4571</f>
        <v>45481.041666655663</v>
      </c>
      <c r="X4539" s="83">
        <v>43290.041666666664</v>
      </c>
      <c r="Y4539">
        <v>175249.95920000001</v>
      </c>
      <c r="Z4539">
        <v>12436.2358</v>
      </c>
      <c r="AA4539">
        <v>51810.987959999999</v>
      </c>
      <c r="AB4539">
        <v>32149.015200000002</v>
      </c>
      <c r="AC4539">
        <v>33795.662499999999</v>
      </c>
      <c r="AD4539">
        <v>16136.33259</v>
      </c>
      <c r="AE4539">
        <v>36417.16992</v>
      </c>
      <c r="AF4539">
        <v>48658.054689999997</v>
      </c>
      <c r="AG4539">
        <v>18879.196520000001</v>
      </c>
      <c r="AH4539">
        <v>222922.4234</v>
      </c>
      <c r="AI4539">
        <v>68468.845740000004</v>
      </c>
      <c r="AJ4539">
        <v>19251.598989999999</v>
      </c>
      <c r="AK4539">
        <v>26824.322530000001</v>
      </c>
      <c r="AL4539">
        <v>66763.717569999993</v>
      </c>
      <c r="AM4539">
        <v>13487.08779</v>
      </c>
      <c r="AN4539">
        <v>76260.429269999993</v>
      </c>
      <c r="AO4539">
        <v>17850.66735</v>
      </c>
      <c r="AP4539">
        <v>16222.74761</v>
      </c>
    </row>
    <row r="4540" spans="2:42" x14ac:dyDescent="0.3">
      <c r="B4540">
        <v>44.40064190228042</v>
      </c>
      <c r="C4540" s="83">
        <v>43290.083333333336</v>
      </c>
      <c r="D4540">
        <v>177647.6611</v>
      </c>
      <c r="E4540">
        <v>12436.57625</v>
      </c>
      <c r="F4540">
        <v>53113.755839999998</v>
      </c>
      <c r="G4540">
        <v>31208.811860000002</v>
      </c>
      <c r="H4540">
        <v>33545.629220000003</v>
      </c>
      <c r="I4540">
        <v>14380.231830000001</v>
      </c>
      <c r="J4540">
        <v>35853.691650000001</v>
      </c>
      <c r="K4540">
        <v>46224.735180000003</v>
      </c>
      <c r="L4540">
        <v>17908.444309999999</v>
      </c>
      <c r="M4540">
        <v>226375.1783</v>
      </c>
      <c r="N4540">
        <v>66942.234920000003</v>
      </c>
      <c r="O4540">
        <v>18491.266029999999</v>
      </c>
      <c r="P4540">
        <v>26108.98244</v>
      </c>
      <c r="Q4540">
        <v>70139.744659999997</v>
      </c>
      <c r="R4540">
        <v>15279.48472</v>
      </c>
      <c r="S4540">
        <v>75015.931370000006</v>
      </c>
      <c r="T4540">
        <v>17664.79953</v>
      </c>
      <c r="U4540">
        <v>15999.39496</v>
      </c>
      <c r="W4540" s="83">
        <f>Bühler!N4572</f>
        <v>45481.083333322327</v>
      </c>
      <c r="X4540" s="83">
        <v>43290.083333333336</v>
      </c>
      <c r="Y4540">
        <v>177647.6611</v>
      </c>
      <c r="Z4540">
        <v>12436.57625</v>
      </c>
      <c r="AA4540">
        <v>53113.755839999998</v>
      </c>
      <c r="AB4540">
        <v>31208.811860000002</v>
      </c>
      <c r="AC4540">
        <v>33545.629220000003</v>
      </c>
      <c r="AD4540">
        <v>14380.231830000001</v>
      </c>
      <c r="AE4540">
        <v>35853.691650000001</v>
      </c>
      <c r="AF4540">
        <v>46224.735180000003</v>
      </c>
      <c r="AG4540">
        <v>17908.444309999999</v>
      </c>
      <c r="AH4540">
        <v>226375.1783</v>
      </c>
      <c r="AI4540">
        <v>66942.234920000003</v>
      </c>
      <c r="AJ4540">
        <v>18491.266029999999</v>
      </c>
      <c r="AK4540">
        <v>26108.98244</v>
      </c>
      <c r="AL4540">
        <v>70139.744659999997</v>
      </c>
      <c r="AM4540">
        <v>15279.48472</v>
      </c>
      <c r="AN4540">
        <v>75015.931370000006</v>
      </c>
      <c r="AO4540">
        <v>17664.79953</v>
      </c>
      <c r="AP4540">
        <v>15999.39496</v>
      </c>
    </row>
    <row r="4541" spans="2:42" x14ac:dyDescent="0.3">
      <c r="B4541">
        <v>45.349163393969832</v>
      </c>
      <c r="C4541" s="83">
        <v>43290.125</v>
      </c>
      <c r="D4541">
        <v>179916.2047</v>
      </c>
      <c r="E4541">
        <v>12590.13704</v>
      </c>
      <c r="F4541">
        <v>54767.610189999999</v>
      </c>
      <c r="G4541">
        <v>30705.36951</v>
      </c>
      <c r="H4541">
        <v>33599.034310000003</v>
      </c>
      <c r="I4541">
        <v>13652.5748</v>
      </c>
      <c r="J4541">
        <v>35753.663310000004</v>
      </c>
      <c r="K4541">
        <v>45840.584000000003</v>
      </c>
      <c r="L4541">
        <v>17568.088189999999</v>
      </c>
      <c r="M4541">
        <v>231211.1832</v>
      </c>
      <c r="N4541">
        <v>67136.137600000002</v>
      </c>
      <c r="O4541">
        <v>17972.850539999999</v>
      </c>
      <c r="P4541">
        <v>25184.967000000001</v>
      </c>
      <c r="Q4541">
        <v>74393.69038</v>
      </c>
      <c r="R4541">
        <v>14359.21673</v>
      </c>
      <c r="S4541">
        <v>74146.785749999995</v>
      </c>
      <c r="T4541">
        <v>17464.436089999999</v>
      </c>
      <c r="U4541">
        <v>15980.59578</v>
      </c>
      <c r="W4541" s="83">
        <f>Bühler!N4573</f>
        <v>45481.124999988991</v>
      </c>
      <c r="X4541" s="83">
        <v>43290.125</v>
      </c>
      <c r="Y4541">
        <v>179916.2047</v>
      </c>
      <c r="Z4541">
        <v>12590.13704</v>
      </c>
      <c r="AA4541">
        <v>54767.610189999999</v>
      </c>
      <c r="AB4541">
        <v>30705.36951</v>
      </c>
      <c r="AC4541">
        <v>33599.034310000003</v>
      </c>
      <c r="AD4541">
        <v>13652.5748</v>
      </c>
      <c r="AE4541">
        <v>35753.663310000004</v>
      </c>
      <c r="AF4541">
        <v>45840.584000000003</v>
      </c>
      <c r="AG4541">
        <v>17568.088189999999</v>
      </c>
      <c r="AH4541">
        <v>231211.1832</v>
      </c>
      <c r="AI4541">
        <v>67136.137600000002</v>
      </c>
      <c r="AJ4541">
        <v>17972.850539999999</v>
      </c>
      <c r="AK4541">
        <v>25184.967000000001</v>
      </c>
      <c r="AL4541">
        <v>74393.69038</v>
      </c>
      <c r="AM4541">
        <v>14359.21673</v>
      </c>
      <c r="AN4541">
        <v>74146.785749999995</v>
      </c>
      <c r="AO4541">
        <v>17464.436089999999</v>
      </c>
      <c r="AP4541">
        <v>15980.59578</v>
      </c>
    </row>
    <row r="4542" spans="2:42" x14ac:dyDescent="0.3">
      <c r="B4542">
        <v>48.463619454870177</v>
      </c>
      <c r="C4542" s="83">
        <v>43290.166666666664</v>
      </c>
      <c r="D4542">
        <v>192329.693</v>
      </c>
      <c r="E4542">
        <v>13257.04214</v>
      </c>
      <c r="F4542">
        <v>58439.2641</v>
      </c>
      <c r="G4542">
        <v>30036.270229999998</v>
      </c>
      <c r="H4542">
        <v>34303.468249999998</v>
      </c>
      <c r="I4542">
        <v>15088.763639999999</v>
      </c>
      <c r="J4542">
        <v>37755.041870000001</v>
      </c>
      <c r="K4542">
        <v>45215.249309999999</v>
      </c>
      <c r="L4542">
        <v>17446.829239999999</v>
      </c>
      <c r="M4542">
        <v>247090.13260000001</v>
      </c>
      <c r="N4542">
        <v>67328.542159999997</v>
      </c>
      <c r="O4542">
        <v>17551.49454</v>
      </c>
      <c r="P4542">
        <v>25163.345669999999</v>
      </c>
      <c r="Q4542">
        <v>80671.81551</v>
      </c>
      <c r="R4542">
        <v>14750.029469999999</v>
      </c>
      <c r="S4542">
        <v>74166.231480000002</v>
      </c>
      <c r="T4542">
        <v>17486.51324</v>
      </c>
      <c r="U4542">
        <v>16948.463390000001</v>
      </c>
      <c r="W4542" s="83">
        <f>Bühler!N4574</f>
        <v>45481.166666655656</v>
      </c>
      <c r="X4542" s="83">
        <v>43290.166666666664</v>
      </c>
      <c r="Y4542">
        <v>192329.693</v>
      </c>
      <c r="Z4542">
        <v>13257.04214</v>
      </c>
      <c r="AA4542">
        <v>58439.2641</v>
      </c>
      <c r="AB4542">
        <v>30036.270229999998</v>
      </c>
      <c r="AC4542">
        <v>34303.468249999998</v>
      </c>
      <c r="AD4542">
        <v>15088.763639999999</v>
      </c>
      <c r="AE4542">
        <v>37755.041870000001</v>
      </c>
      <c r="AF4542">
        <v>45215.249309999999</v>
      </c>
      <c r="AG4542">
        <v>17446.829239999999</v>
      </c>
      <c r="AH4542">
        <v>247090.13260000001</v>
      </c>
      <c r="AI4542">
        <v>67328.542159999997</v>
      </c>
      <c r="AJ4542">
        <v>17551.49454</v>
      </c>
      <c r="AK4542">
        <v>25163.345669999999</v>
      </c>
      <c r="AL4542">
        <v>80671.81551</v>
      </c>
      <c r="AM4542">
        <v>14750.029469999999</v>
      </c>
      <c r="AN4542">
        <v>74166.231480000002</v>
      </c>
      <c r="AO4542">
        <v>17486.51324</v>
      </c>
      <c r="AP4542">
        <v>16948.463390000001</v>
      </c>
    </row>
    <row r="4543" spans="2:42" x14ac:dyDescent="0.3">
      <c r="B4543">
        <v>53.344075602091849</v>
      </c>
      <c r="C4543" s="83">
        <v>43290.208333333336</v>
      </c>
      <c r="D4543">
        <v>222876.2366</v>
      </c>
      <c r="E4543">
        <v>15229.70397</v>
      </c>
      <c r="F4543">
        <v>68059.156459999998</v>
      </c>
      <c r="G4543">
        <v>31208.601890000002</v>
      </c>
      <c r="H4543">
        <v>36180.053659999998</v>
      </c>
      <c r="I4543">
        <v>21257.44224</v>
      </c>
      <c r="J4543">
        <v>40996.870410000003</v>
      </c>
      <c r="K4543">
        <v>46840.921340000001</v>
      </c>
      <c r="L4543">
        <v>18007.07689</v>
      </c>
      <c r="M4543">
        <v>271972.97399999999</v>
      </c>
      <c r="N4543">
        <v>68449.527050000004</v>
      </c>
      <c r="O4543">
        <v>18490.56148</v>
      </c>
      <c r="P4543">
        <v>25649.51107</v>
      </c>
      <c r="Q4543">
        <v>86657.512690000003</v>
      </c>
      <c r="R4543">
        <v>16823.30053</v>
      </c>
      <c r="S4543">
        <v>76320.928509999998</v>
      </c>
      <c r="T4543">
        <v>19101.472900000001</v>
      </c>
      <c r="U4543">
        <v>18751.638279999999</v>
      </c>
      <c r="W4543" s="83">
        <f>Bühler!N4575</f>
        <v>45481.20833332232</v>
      </c>
      <c r="X4543" s="83">
        <v>43290.208333333336</v>
      </c>
      <c r="Y4543">
        <v>222876.2366</v>
      </c>
      <c r="Z4543">
        <v>15229.70397</v>
      </c>
      <c r="AA4543">
        <v>68059.156459999998</v>
      </c>
      <c r="AB4543">
        <v>31208.601890000002</v>
      </c>
      <c r="AC4543">
        <v>36180.053659999998</v>
      </c>
      <c r="AD4543">
        <v>21257.44224</v>
      </c>
      <c r="AE4543">
        <v>40996.870410000003</v>
      </c>
      <c r="AF4543">
        <v>46840.921340000001</v>
      </c>
      <c r="AG4543">
        <v>18007.07689</v>
      </c>
      <c r="AH4543">
        <v>271972.97399999999</v>
      </c>
      <c r="AI4543">
        <v>68449.527050000004</v>
      </c>
      <c r="AJ4543">
        <v>18490.56148</v>
      </c>
      <c r="AK4543">
        <v>25649.51107</v>
      </c>
      <c r="AL4543">
        <v>86657.512690000003</v>
      </c>
      <c r="AM4543">
        <v>16823.30053</v>
      </c>
      <c r="AN4543">
        <v>76320.928509999998</v>
      </c>
      <c r="AO4543">
        <v>19101.472900000001</v>
      </c>
      <c r="AP4543">
        <v>18751.638279999999</v>
      </c>
    </row>
    <row r="4544" spans="2:42" x14ac:dyDescent="0.3">
      <c r="B4544">
        <v>58.651207175627235</v>
      </c>
      <c r="C4544" s="83">
        <v>43290.25</v>
      </c>
      <c r="D4544">
        <v>250199.82550000001</v>
      </c>
      <c r="E4544">
        <v>18535.14572</v>
      </c>
      <c r="F4544">
        <v>78968.357709999997</v>
      </c>
      <c r="G4544">
        <v>37241.839370000002</v>
      </c>
      <c r="H4544">
        <v>37519.783790000001</v>
      </c>
      <c r="I4544">
        <v>25897.870350000001</v>
      </c>
      <c r="J4544">
        <v>43545.971539999999</v>
      </c>
      <c r="K4544">
        <v>49237.575440000001</v>
      </c>
      <c r="L4544">
        <v>19075.599139999998</v>
      </c>
      <c r="M4544">
        <v>299031.20569999999</v>
      </c>
      <c r="N4544">
        <v>70231.508679999999</v>
      </c>
      <c r="O4544">
        <v>19803.39315</v>
      </c>
      <c r="P4544">
        <v>26608.25517</v>
      </c>
      <c r="Q4544">
        <v>90952.287249999994</v>
      </c>
      <c r="R4544">
        <v>15896.96811</v>
      </c>
      <c r="S4544">
        <v>82754.209719999999</v>
      </c>
      <c r="T4544">
        <v>20031.621889999999</v>
      </c>
      <c r="U4544">
        <v>21801.346229999999</v>
      </c>
      <c r="W4544" s="83">
        <f>Bühler!N4576</f>
        <v>45481.249999988984</v>
      </c>
      <c r="X4544" s="83">
        <v>43290.25</v>
      </c>
      <c r="Y4544">
        <v>250199.82550000001</v>
      </c>
      <c r="Z4544">
        <v>18535.14572</v>
      </c>
      <c r="AA4544">
        <v>78968.357709999997</v>
      </c>
      <c r="AB4544">
        <v>37241.839370000002</v>
      </c>
      <c r="AC4544">
        <v>37519.783790000001</v>
      </c>
      <c r="AD4544">
        <v>25897.870350000001</v>
      </c>
      <c r="AE4544">
        <v>43545.971539999999</v>
      </c>
      <c r="AF4544">
        <v>49237.575440000001</v>
      </c>
      <c r="AG4544">
        <v>19075.599139999998</v>
      </c>
      <c r="AH4544">
        <v>299031.20569999999</v>
      </c>
      <c r="AI4544">
        <v>70231.508679999999</v>
      </c>
      <c r="AJ4544">
        <v>19803.39315</v>
      </c>
      <c r="AK4544">
        <v>26608.25517</v>
      </c>
      <c r="AL4544">
        <v>90952.287249999994</v>
      </c>
      <c r="AM4544">
        <v>15896.96811</v>
      </c>
      <c r="AN4544">
        <v>82754.209719999999</v>
      </c>
      <c r="AO4544">
        <v>20031.621889999999</v>
      </c>
      <c r="AP4544">
        <v>21801.346229999999</v>
      </c>
    </row>
    <row r="4545" spans="2:42" x14ac:dyDescent="0.3">
      <c r="B4545">
        <v>62.018228383305825</v>
      </c>
      <c r="C4545" s="83">
        <v>43290.291666666664</v>
      </c>
      <c r="D4545">
        <v>268745.03490000003</v>
      </c>
      <c r="E4545">
        <v>23119.033769999998</v>
      </c>
      <c r="F4545">
        <v>83573.916519999999</v>
      </c>
      <c r="G4545">
        <v>44169.91401</v>
      </c>
      <c r="H4545">
        <v>42257.105490000002</v>
      </c>
      <c r="I4545">
        <v>32374.248</v>
      </c>
      <c r="J4545">
        <v>45176.643940000002</v>
      </c>
      <c r="K4545">
        <v>54636.034800000001</v>
      </c>
      <c r="L4545">
        <v>21818.013989999999</v>
      </c>
      <c r="M4545">
        <v>316197.84999999998</v>
      </c>
      <c r="N4545">
        <v>74771.898480000003</v>
      </c>
      <c r="O4545">
        <v>22744.114089999999</v>
      </c>
      <c r="P4545">
        <v>29777.245849999999</v>
      </c>
      <c r="Q4545">
        <v>92761.823910000006</v>
      </c>
      <c r="R4545">
        <v>18125.355520000001</v>
      </c>
      <c r="S4545">
        <v>97113.478220000005</v>
      </c>
      <c r="T4545">
        <v>23888.462490000002</v>
      </c>
      <c r="U4545">
        <v>25058.239440000001</v>
      </c>
      <c r="W4545" s="83">
        <f>Bühler!N4577</f>
        <v>45481.291666655648</v>
      </c>
      <c r="X4545" s="83">
        <v>43290.291666666664</v>
      </c>
      <c r="Y4545">
        <v>268745.03490000003</v>
      </c>
      <c r="Z4545">
        <v>23119.033769999998</v>
      </c>
      <c r="AA4545">
        <v>83573.916519999999</v>
      </c>
      <c r="AB4545">
        <v>44169.91401</v>
      </c>
      <c r="AC4545">
        <v>42257.105490000002</v>
      </c>
      <c r="AD4545">
        <v>32374.248</v>
      </c>
      <c r="AE4545">
        <v>45176.643940000002</v>
      </c>
      <c r="AF4545">
        <v>54636.034800000001</v>
      </c>
      <c r="AG4545">
        <v>21818.013989999999</v>
      </c>
      <c r="AH4545">
        <v>316197.84999999998</v>
      </c>
      <c r="AI4545">
        <v>74771.898480000003</v>
      </c>
      <c r="AJ4545">
        <v>22744.114089999999</v>
      </c>
      <c r="AK4545">
        <v>29777.245849999999</v>
      </c>
      <c r="AL4545">
        <v>92761.823910000006</v>
      </c>
      <c r="AM4545">
        <v>18125.355520000001</v>
      </c>
      <c r="AN4545">
        <v>97113.478220000005</v>
      </c>
      <c r="AO4545">
        <v>23888.462490000002</v>
      </c>
      <c r="AP4545">
        <v>25058.239440000001</v>
      </c>
    </row>
    <row r="4546" spans="2:42" x14ac:dyDescent="0.3">
      <c r="B4546">
        <v>65.465162524143793</v>
      </c>
      <c r="C4546" s="83">
        <v>43290.333333333336</v>
      </c>
      <c r="D4546">
        <v>283369.85700000002</v>
      </c>
      <c r="E4546">
        <v>28986.865529999999</v>
      </c>
      <c r="F4546">
        <v>91722.739490000007</v>
      </c>
      <c r="G4546">
        <v>51590.824910000003</v>
      </c>
      <c r="H4546">
        <v>47363.381950000003</v>
      </c>
      <c r="I4546">
        <v>36081.15094</v>
      </c>
      <c r="J4546">
        <v>49074.523379999999</v>
      </c>
      <c r="K4546">
        <v>61589.21142</v>
      </c>
      <c r="L4546">
        <v>25216.235199999999</v>
      </c>
      <c r="M4546">
        <v>333771.9277</v>
      </c>
      <c r="N4546">
        <v>82212.997870000007</v>
      </c>
      <c r="O4546">
        <v>26440.838749999999</v>
      </c>
      <c r="P4546">
        <v>32293.957869999998</v>
      </c>
      <c r="Q4546">
        <v>95920.450140000001</v>
      </c>
      <c r="R4546">
        <v>22069.938880000002</v>
      </c>
      <c r="S4546">
        <v>111045.06170000001</v>
      </c>
      <c r="T4546">
        <v>26986.145329999999</v>
      </c>
      <c r="U4546">
        <v>28286.529070000001</v>
      </c>
      <c r="W4546" s="83">
        <f>Bühler!N4578</f>
        <v>45481.333333322313</v>
      </c>
      <c r="X4546" s="83">
        <v>43290.333333333336</v>
      </c>
      <c r="Y4546">
        <v>283369.85700000002</v>
      </c>
      <c r="Z4546">
        <v>28986.865529999999</v>
      </c>
      <c r="AA4546">
        <v>91722.739490000007</v>
      </c>
      <c r="AB4546">
        <v>51590.824910000003</v>
      </c>
      <c r="AC4546">
        <v>47363.381950000003</v>
      </c>
      <c r="AD4546">
        <v>36081.15094</v>
      </c>
      <c r="AE4546">
        <v>49074.523379999999</v>
      </c>
      <c r="AF4546">
        <v>61589.21142</v>
      </c>
      <c r="AG4546">
        <v>25216.235199999999</v>
      </c>
      <c r="AH4546">
        <v>333771.9277</v>
      </c>
      <c r="AI4546">
        <v>82212.997870000007</v>
      </c>
      <c r="AJ4546">
        <v>26440.838749999999</v>
      </c>
      <c r="AK4546">
        <v>32293.957869999998</v>
      </c>
      <c r="AL4546">
        <v>95920.450140000001</v>
      </c>
      <c r="AM4546">
        <v>22069.938880000002</v>
      </c>
      <c r="AN4546">
        <v>111045.06170000001</v>
      </c>
      <c r="AO4546">
        <v>26986.145329999999</v>
      </c>
      <c r="AP4546">
        <v>28286.529070000001</v>
      </c>
    </row>
    <row r="4547" spans="2:42" x14ac:dyDescent="0.3">
      <c r="B4547">
        <v>67.720678934121537</v>
      </c>
      <c r="C4547" s="83">
        <v>43290.375</v>
      </c>
      <c r="D4547">
        <v>290000.15210000001</v>
      </c>
      <c r="E4547">
        <v>33940.9689</v>
      </c>
      <c r="F4547">
        <v>99275.82402</v>
      </c>
      <c r="G4547">
        <v>56718.49308</v>
      </c>
      <c r="H4547">
        <v>50622.009030000001</v>
      </c>
      <c r="I4547">
        <v>36773.060660000003</v>
      </c>
      <c r="J4547">
        <v>51620.862179999996</v>
      </c>
      <c r="K4547">
        <v>64433.092530000002</v>
      </c>
      <c r="L4547">
        <v>29848.81712</v>
      </c>
      <c r="M4547">
        <v>345271.60220000002</v>
      </c>
      <c r="N4547">
        <v>88183.927689999997</v>
      </c>
      <c r="O4547">
        <v>27637.241559999999</v>
      </c>
      <c r="P4547">
        <v>34383.504829999998</v>
      </c>
      <c r="Q4547">
        <v>99299.014840000003</v>
      </c>
      <c r="R4547">
        <v>25009.639869999999</v>
      </c>
      <c r="S4547">
        <v>118511.8698</v>
      </c>
      <c r="T4547">
        <v>30028.83885</v>
      </c>
      <c r="U4547">
        <v>28440.186079999999</v>
      </c>
      <c r="W4547" s="83">
        <f>Bühler!N4579</f>
        <v>45481.374999988977</v>
      </c>
      <c r="X4547" s="83">
        <v>43290.375</v>
      </c>
      <c r="Y4547">
        <v>290000.15210000001</v>
      </c>
      <c r="Z4547">
        <v>33940.9689</v>
      </c>
      <c r="AA4547">
        <v>99275.82402</v>
      </c>
      <c r="AB4547">
        <v>56718.49308</v>
      </c>
      <c r="AC4547">
        <v>50622.009030000001</v>
      </c>
      <c r="AD4547">
        <v>36773.060660000003</v>
      </c>
      <c r="AE4547">
        <v>51620.862179999996</v>
      </c>
      <c r="AF4547">
        <v>64433.092530000002</v>
      </c>
      <c r="AG4547">
        <v>29848.81712</v>
      </c>
      <c r="AH4547">
        <v>345271.60220000002</v>
      </c>
      <c r="AI4547">
        <v>88183.927689999997</v>
      </c>
      <c r="AJ4547">
        <v>27637.241559999999</v>
      </c>
      <c r="AK4547">
        <v>34383.504829999998</v>
      </c>
      <c r="AL4547">
        <v>99299.014840000003</v>
      </c>
      <c r="AM4547">
        <v>25009.639869999999</v>
      </c>
      <c r="AN4547">
        <v>118511.8698</v>
      </c>
      <c r="AO4547">
        <v>30028.83885</v>
      </c>
      <c r="AP4547">
        <v>28440.186079999999</v>
      </c>
    </row>
    <row r="4548" spans="2:42" x14ac:dyDescent="0.3">
      <c r="B4548">
        <v>70.071206052714487</v>
      </c>
      <c r="C4548" s="83">
        <v>43290.416666666664</v>
      </c>
      <c r="D4548">
        <v>297233.44699999999</v>
      </c>
      <c r="E4548">
        <v>36057.666429999997</v>
      </c>
      <c r="F4548">
        <v>102050.3431</v>
      </c>
      <c r="G4548">
        <v>59109.88377</v>
      </c>
      <c r="H4548">
        <v>52426.643709999997</v>
      </c>
      <c r="I4548">
        <v>36482.811179999997</v>
      </c>
      <c r="J4548">
        <v>52780.505669999999</v>
      </c>
      <c r="K4548">
        <v>67194.916230000003</v>
      </c>
      <c r="L4548">
        <v>32837.308709999998</v>
      </c>
      <c r="M4548">
        <v>357255.68560000003</v>
      </c>
      <c r="N4548">
        <v>98228.879079999999</v>
      </c>
      <c r="O4548">
        <v>29094.485189999999</v>
      </c>
      <c r="P4548">
        <v>36349.284440000003</v>
      </c>
      <c r="Q4548">
        <v>102390.77770000001</v>
      </c>
      <c r="R4548">
        <v>23861.445680000001</v>
      </c>
      <c r="S4548">
        <v>122592.6367</v>
      </c>
      <c r="T4548">
        <v>33352.302309999999</v>
      </c>
      <c r="U4548">
        <v>29221.45897</v>
      </c>
      <c r="W4548" s="83">
        <f>Bühler!N4580</f>
        <v>45481.416666655641</v>
      </c>
      <c r="X4548" s="83">
        <v>43290.416666666664</v>
      </c>
      <c r="Y4548">
        <v>297233.44699999999</v>
      </c>
      <c r="Z4548">
        <v>36057.666429999997</v>
      </c>
      <c r="AA4548">
        <v>102050.3431</v>
      </c>
      <c r="AB4548">
        <v>59109.88377</v>
      </c>
      <c r="AC4548">
        <v>52426.643709999997</v>
      </c>
      <c r="AD4548">
        <v>36482.811179999997</v>
      </c>
      <c r="AE4548">
        <v>52780.505669999999</v>
      </c>
      <c r="AF4548">
        <v>67194.916230000003</v>
      </c>
      <c r="AG4548">
        <v>32837.308709999998</v>
      </c>
      <c r="AH4548">
        <v>357255.68560000003</v>
      </c>
      <c r="AI4548">
        <v>98228.879079999999</v>
      </c>
      <c r="AJ4548">
        <v>29094.485189999999</v>
      </c>
      <c r="AK4548">
        <v>36349.284440000003</v>
      </c>
      <c r="AL4548">
        <v>102390.77770000001</v>
      </c>
      <c r="AM4548">
        <v>23861.445680000001</v>
      </c>
      <c r="AN4548">
        <v>122592.6367</v>
      </c>
      <c r="AO4548">
        <v>33352.302309999999</v>
      </c>
      <c r="AP4548">
        <v>29221.45897</v>
      </c>
    </row>
    <row r="4549" spans="2:42" x14ac:dyDescent="0.3">
      <c r="B4549">
        <v>71.437824645969215</v>
      </c>
      <c r="C4549" s="83">
        <v>43290.458333333336</v>
      </c>
      <c r="D4549">
        <v>297119.17950000003</v>
      </c>
      <c r="E4549">
        <v>36525.547440000002</v>
      </c>
      <c r="F4549">
        <v>103968.38400000001</v>
      </c>
      <c r="G4549">
        <v>59450.78327</v>
      </c>
      <c r="H4549">
        <v>52878.037129999997</v>
      </c>
      <c r="I4549">
        <v>36047.363259999998</v>
      </c>
      <c r="J4549">
        <v>53942.022870000001</v>
      </c>
      <c r="K4549">
        <v>67750.509850000002</v>
      </c>
      <c r="L4549">
        <v>33797.72784</v>
      </c>
      <c r="M4549">
        <v>364223.34450000001</v>
      </c>
      <c r="N4549">
        <v>98951.295610000001</v>
      </c>
      <c r="O4549">
        <v>29158.930690000001</v>
      </c>
      <c r="P4549">
        <v>36297.999810000001</v>
      </c>
      <c r="Q4549">
        <v>103464.9048</v>
      </c>
      <c r="R4549">
        <v>25382.88535</v>
      </c>
      <c r="S4549">
        <v>126537.8014</v>
      </c>
      <c r="T4549">
        <v>33167.606480000002</v>
      </c>
      <c r="U4549">
        <v>30120.820489999998</v>
      </c>
      <c r="W4549" s="83">
        <f>Bühler!N4581</f>
        <v>45481.458333322305</v>
      </c>
      <c r="X4549" s="83">
        <v>43290.458333333336</v>
      </c>
      <c r="Y4549">
        <v>297119.17950000003</v>
      </c>
      <c r="Z4549">
        <v>36525.547440000002</v>
      </c>
      <c r="AA4549">
        <v>103968.38400000001</v>
      </c>
      <c r="AB4549">
        <v>59450.78327</v>
      </c>
      <c r="AC4549">
        <v>52878.037129999997</v>
      </c>
      <c r="AD4549">
        <v>36047.363259999998</v>
      </c>
      <c r="AE4549">
        <v>53942.022870000001</v>
      </c>
      <c r="AF4549">
        <v>67750.509850000002</v>
      </c>
      <c r="AG4549">
        <v>33797.72784</v>
      </c>
      <c r="AH4549">
        <v>364223.34450000001</v>
      </c>
      <c r="AI4549">
        <v>98951.295610000001</v>
      </c>
      <c r="AJ4549">
        <v>29158.930690000001</v>
      </c>
      <c r="AK4549">
        <v>36297.999810000001</v>
      </c>
      <c r="AL4549">
        <v>103464.9048</v>
      </c>
      <c r="AM4549">
        <v>25382.88535</v>
      </c>
      <c r="AN4549">
        <v>126537.8014</v>
      </c>
      <c r="AO4549">
        <v>33167.606480000002</v>
      </c>
      <c r="AP4549">
        <v>30120.820489999998</v>
      </c>
    </row>
    <row r="4550" spans="2:42" x14ac:dyDescent="0.3">
      <c r="B4550">
        <v>71.372835102491536</v>
      </c>
      <c r="C4550" s="83">
        <v>43290.5</v>
      </c>
      <c r="D4550">
        <v>287677.78639999998</v>
      </c>
      <c r="E4550">
        <v>33804.989699999998</v>
      </c>
      <c r="F4550">
        <v>98672.48216</v>
      </c>
      <c r="G4550">
        <v>57913.863129999998</v>
      </c>
      <c r="H4550">
        <v>51960.995750000002</v>
      </c>
      <c r="I4550">
        <v>35448.619989999999</v>
      </c>
      <c r="J4550">
        <v>53519.805160000004</v>
      </c>
      <c r="K4550">
        <v>65344.494760000001</v>
      </c>
      <c r="L4550">
        <v>36711.270210000002</v>
      </c>
      <c r="M4550">
        <v>363891.9975</v>
      </c>
      <c r="N4550">
        <v>98681.120949999997</v>
      </c>
      <c r="O4550">
        <v>28431.394639999999</v>
      </c>
      <c r="P4550">
        <v>38065.181980000001</v>
      </c>
      <c r="Q4550">
        <v>104200.6483</v>
      </c>
      <c r="R4550">
        <v>24901.87758</v>
      </c>
      <c r="S4550">
        <v>121310.0782</v>
      </c>
      <c r="T4550">
        <v>32745.712500000001</v>
      </c>
      <c r="U4550">
        <v>25942.5268</v>
      </c>
      <c r="W4550" s="83">
        <f>Bühler!N4582</f>
        <v>45481.49999998897</v>
      </c>
      <c r="X4550" s="83">
        <v>43290.5</v>
      </c>
      <c r="Y4550">
        <v>287677.78639999998</v>
      </c>
      <c r="Z4550">
        <v>33804.989699999998</v>
      </c>
      <c r="AA4550">
        <v>98672.48216</v>
      </c>
      <c r="AB4550">
        <v>57913.863129999998</v>
      </c>
      <c r="AC4550">
        <v>51960.995750000002</v>
      </c>
      <c r="AD4550">
        <v>35448.619989999999</v>
      </c>
      <c r="AE4550">
        <v>53519.805160000004</v>
      </c>
      <c r="AF4550">
        <v>65344.494760000001</v>
      </c>
      <c r="AG4550">
        <v>36711.270210000002</v>
      </c>
      <c r="AH4550">
        <v>363891.9975</v>
      </c>
      <c r="AI4550">
        <v>98681.120949999997</v>
      </c>
      <c r="AJ4550">
        <v>28431.394639999999</v>
      </c>
      <c r="AK4550">
        <v>38065.181980000001</v>
      </c>
      <c r="AL4550">
        <v>104200.6483</v>
      </c>
      <c r="AM4550">
        <v>24901.87758</v>
      </c>
      <c r="AN4550">
        <v>121310.0782</v>
      </c>
      <c r="AO4550">
        <v>32745.712500000001</v>
      </c>
      <c r="AP4550">
        <v>25942.5268</v>
      </c>
    </row>
    <row r="4551" spans="2:42" x14ac:dyDescent="0.3">
      <c r="B4551">
        <v>72.148719561597858</v>
      </c>
      <c r="C4551" s="83">
        <v>43290.541666666664</v>
      </c>
      <c r="D4551">
        <v>290117.8395</v>
      </c>
      <c r="E4551">
        <v>34250.068399999996</v>
      </c>
      <c r="F4551">
        <v>96765.440749999994</v>
      </c>
      <c r="G4551">
        <v>57293.497459999999</v>
      </c>
      <c r="H4551">
        <v>52776.573600000003</v>
      </c>
      <c r="I4551">
        <v>35410.569860000003</v>
      </c>
      <c r="J4551">
        <v>53060.26569</v>
      </c>
      <c r="K4551">
        <v>66968.091570000004</v>
      </c>
      <c r="L4551">
        <v>36118.68548</v>
      </c>
      <c r="M4551">
        <v>367847.81829999998</v>
      </c>
      <c r="N4551">
        <v>98052.72219</v>
      </c>
      <c r="O4551">
        <v>29360.955269999999</v>
      </c>
      <c r="P4551">
        <v>37767.205450000001</v>
      </c>
      <c r="Q4551">
        <v>104210.8358</v>
      </c>
      <c r="R4551">
        <v>27917.589499999998</v>
      </c>
      <c r="S4551">
        <v>121527.2977</v>
      </c>
      <c r="T4551">
        <v>32469.117620000001</v>
      </c>
      <c r="U4551">
        <v>27790.052159999999</v>
      </c>
      <c r="W4551" s="83">
        <f>Bühler!N4583</f>
        <v>45481.541666655634</v>
      </c>
      <c r="X4551" s="83">
        <v>43290.541666666664</v>
      </c>
      <c r="Y4551">
        <v>290117.8395</v>
      </c>
      <c r="Z4551">
        <v>34250.068399999996</v>
      </c>
      <c r="AA4551">
        <v>96765.440749999994</v>
      </c>
      <c r="AB4551">
        <v>57293.497459999999</v>
      </c>
      <c r="AC4551">
        <v>52776.573600000003</v>
      </c>
      <c r="AD4551">
        <v>35410.569860000003</v>
      </c>
      <c r="AE4551">
        <v>53060.26569</v>
      </c>
      <c r="AF4551">
        <v>66968.091570000004</v>
      </c>
      <c r="AG4551">
        <v>36118.68548</v>
      </c>
      <c r="AH4551">
        <v>367847.81829999998</v>
      </c>
      <c r="AI4551">
        <v>98052.72219</v>
      </c>
      <c r="AJ4551">
        <v>29360.955269999999</v>
      </c>
      <c r="AK4551">
        <v>37767.205450000001</v>
      </c>
      <c r="AL4551">
        <v>104210.8358</v>
      </c>
      <c r="AM4551">
        <v>27917.589499999998</v>
      </c>
      <c r="AN4551">
        <v>121527.2977</v>
      </c>
      <c r="AO4551">
        <v>32469.117620000001</v>
      </c>
      <c r="AP4551">
        <v>27790.052159999999</v>
      </c>
    </row>
    <row r="4552" spans="2:42" x14ac:dyDescent="0.3">
      <c r="B4552">
        <v>72.624712171381205</v>
      </c>
      <c r="C4552" s="83">
        <v>43290.583333333336</v>
      </c>
      <c r="D4552">
        <v>295383.19689999998</v>
      </c>
      <c r="E4552">
        <v>37360.857779999998</v>
      </c>
      <c r="F4552">
        <v>104149.232</v>
      </c>
      <c r="G4552">
        <v>55589.175620000002</v>
      </c>
      <c r="H4552">
        <v>53615.161010000003</v>
      </c>
      <c r="I4552">
        <v>36561.486080000002</v>
      </c>
      <c r="J4552">
        <v>53423.62487</v>
      </c>
      <c r="K4552">
        <v>67769.102840000007</v>
      </c>
      <c r="L4552">
        <v>33234.86032</v>
      </c>
      <c r="M4552">
        <v>370274.65059999999</v>
      </c>
      <c r="N4552">
        <v>100528.34570000001</v>
      </c>
      <c r="O4552">
        <v>29766.392800000001</v>
      </c>
      <c r="P4552">
        <v>34368.569369999997</v>
      </c>
      <c r="Q4552">
        <v>103855.78599999999</v>
      </c>
      <c r="R4552">
        <v>27445.36031</v>
      </c>
      <c r="S4552">
        <v>119484.7565</v>
      </c>
      <c r="T4552">
        <v>31716.345290000001</v>
      </c>
      <c r="U4552">
        <v>28144.579870000001</v>
      </c>
      <c r="W4552" s="83">
        <f>Bühler!N4584</f>
        <v>45481.583333322298</v>
      </c>
      <c r="X4552" s="83">
        <v>43290.583333333336</v>
      </c>
      <c r="Y4552">
        <v>295383.19689999998</v>
      </c>
      <c r="Z4552">
        <v>37360.857779999998</v>
      </c>
      <c r="AA4552">
        <v>104149.232</v>
      </c>
      <c r="AB4552">
        <v>55589.175620000002</v>
      </c>
      <c r="AC4552">
        <v>53615.161010000003</v>
      </c>
      <c r="AD4552">
        <v>36561.486080000002</v>
      </c>
      <c r="AE4552">
        <v>53423.62487</v>
      </c>
      <c r="AF4552">
        <v>67769.102840000007</v>
      </c>
      <c r="AG4552">
        <v>33234.86032</v>
      </c>
      <c r="AH4552">
        <v>370274.65059999999</v>
      </c>
      <c r="AI4552">
        <v>100528.34570000001</v>
      </c>
      <c r="AJ4552">
        <v>29766.392800000001</v>
      </c>
      <c r="AK4552">
        <v>34368.569369999997</v>
      </c>
      <c r="AL4552">
        <v>103855.78599999999</v>
      </c>
      <c r="AM4552">
        <v>27445.36031</v>
      </c>
      <c r="AN4552">
        <v>119484.7565</v>
      </c>
      <c r="AO4552">
        <v>31716.345290000001</v>
      </c>
      <c r="AP4552">
        <v>28144.579870000001</v>
      </c>
    </row>
    <row r="4553" spans="2:42" x14ac:dyDescent="0.3">
      <c r="B4553">
        <v>71.642202439233287</v>
      </c>
      <c r="C4553" s="83">
        <v>43290.625</v>
      </c>
      <c r="D4553">
        <v>295206.6116</v>
      </c>
      <c r="E4553">
        <v>37597.629860000001</v>
      </c>
      <c r="F4553">
        <v>107139.6802</v>
      </c>
      <c r="G4553">
        <v>54362.242989999999</v>
      </c>
      <c r="H4553">
        <v>52915.811909999997</v>
      </c>
      <c r="I4553">
        <v>37501.42426</v>
      </c>
      <c r="J4553">
        <v>53872.641130000004</v>
      </c>
      <c r="K4553">
        <v>67077.306530000002</v>
      </c>
      <c r="L4553">
        <v>30862.532350000001</v>
      </c>
      <c r="M4553">
        <v>365265.3578</v>
      </c>
      <c r="N4553">
        <v>101875.49249999999</v>
      </c>
      <c r="O4553">
        <v>29446.39258</v>
      </c>
      <c r="P4553">
        <v>33116.71185</v>
      </c>
      <c r="Q4553">
        <v>104219.30469999999</v>
      </c>
      <c r="R4553">
        <v>26629.1103</v>
      </c>
      <c r="S4553">
        <v>120118.91710000001</v>
      </c>
      <c r="T4553">
        <v>32413.675729999999</v>
      </c>
      <c r="U4553">
        <v>28221.364020000001</v>
      </c>
      <c r="W4553" s="83">
        <f>Bühler!N4585</f>
        <v>45481.624999988962</v>
      </c>
      <c r="X4553" s="83">
        <v>43290.625</v>
      </c>
      <c r="Y4553">
        <v>295206.6116</v>
      </c>
      <c r="Z4553">
        <v>37597.629860000001</v>
      </c>
      <c r="AA4553">
        <v>107139.6802</v>
      </c>
      <c r="AB4553">
        <v>54362.242989999999</v>
      </c>
      <c r="AC4553">
        <v>52915.811909999997</v>
      </c>
      <c r="AD4553">
        <v>37501.42426</v>
      </c>
      <c r="AE4553">
        <v>53872.641130000004</v>
      </c>
      <c r="AF4553">
        <v>67077.306530000002</v>
      </c>
      <c r="AG4553">
        <v>30862.532350000001</v>
      </c>
      <c r="AH4553">
        <v>365265.3578</v>
      </c>
      <c r="AI4553">
        <v>101875.49249999999</v>
      </c>
      <c r="AJ4553">
        <v>29446.39258</v>
      </c>
      <c r="AK4553">
        <v>33116.71185</v>
      </c>
      <c r="AL4553">
        <v>104219.30469999999</v>
      </c>
      <c r="AM4553">
        <v>26629.1103</v>
      </c>
      <c r="AN4553">
        <v>120118.91710000001</v>
      </c>
      <c r="AO4553">
        <v>32413.675729999999</v>
      </c>
      <c r="AP4553">
        <v>28221.364020000001</v>
      </c>
    </row>
    <row r="4554" spans="2:42" x14ac:dyDescent="0.3">
      <c r="B4554">
        <v>70.279925896806219</v>
      </c>
      <c r="C4554" s="83">
        <v>43290.666666666664</v>
      </c>
      <c r="D4554">
        <v>288798.25020000001</v>
      </c>
      <c r="E4554">
        <v>36964.503420000001</v>
      </c>
      <c r="F4554">
        <v>106816.906</v>
      </c>
      <c r="G4554">
        <v>52071.884619999997</v>
      </c>
      <c r="H4554">
        <v>51672.08597</v>
      </c>
      <c r="I4554">
        <v>37962.144659999998</v>
      </c>
      <c r="J4554">
        <v>54120.19601</v>
      </c>
      <c r="K4554">
        <v>64808.617579999998</v>
      </c>
      <c r="L4554">
        <v>30263.843649999999</v>
      </c>
      <c r="M4554">
        <v>358319.83669999999</v>
      </c>
      <c r="N4554">
        <v>99826.371029999995</v>
      </c>
      <c r="O4554">
        <v>28937.21515</v>
      </c>
      <c r="P4554">
        <v>32744.773120000002</v>
      </c>
      <c r="Q4554">
        <v>103005.4473</v>
      </c>
      <c r="R4554">
        <v>26617.237809999999</v>
      </c>
      <c r="S4554">
        <v>118114.4126</v>
      </c>
      <c r="T4554">
        <v>31910.543969999999</v>
      </c>
      <c r="U4554">
        <v>25966.331170000001</v>
      </c>
      <c r="W4554" s="83">
        <f>Bühler!N4586</f>
        <v>45481.666666655627</v>
      </c>
      <c r="X4554" s="83">
        <v>43290.666666666664</v>
      </c>
      <c r="Y4554">
        <v>288798.25020000001</v>
      </c>
      <c r="Z4554">
        <v>36964.503420000001</v>
      </c>
      <c r="AA4554">
        <v>106816.906</v>
      </c>
      <c r="AB4554">
        <v>52071.884619999997</v>
      </c>
      <c r="AC4554">
        <v>51672.08597</v>
      </c>
      <c r="AD4554">
        <v>37962.144659999998</v>
      </c>
      <c r="AE4554">
        <v>54120.19601</v>
      </c>
      <c r="AF4554">
        <v>64808.617579999998</v>
      </c>
      <c r="AG4554">
        <v>30263.843649999999</v>
      </c>
      <c r="AH4554">
        <v>358319.83669999999</v>
      </c>
      <c r="AI4554">
        <v>99826.371029999995</v>
      </c>
      <c r="AJ4554">
        <v>28937.21515</v>
      </c>
      <c r="AK4554">
        <v>32744.773120000002</v>
      </c>
      <c r="AL4554">
        <v>103005.4473</v>
      </c>
      <c r="AM4554">
        <v>26617.237809999999</v>
      </c>
      <c r="AN4554">
        <v>118114.4126</v>
      </c>
      <c r="AO4554">
        <v>31910.543969999999</v>
      </c>
      <c r="AP4554">
        <v>25966.331170000001</v>
      </c>
    </row>
    <row r="4555" spans="2:42" x14ac:dyDescent="0.3">
      <c r="B4555">
        <v>68.222381491016094</v>
      </c>
      <c r="C4555" s="83">
        <v>43290.708333333336</v>
      </c>
      <c r="D4555">
        <v>280409.565</v>
      </c>
      <c r="E4555">
        <v>35076.537559999997</v>
      </c>
      <c r="F4555">
        <v>106585.5218</v>
      </c>
      <c r="G4555">
        <v>47475.859389999998</v>
      </c>
      <c r="H4555">
        <v>49313.057269999998</v>
      </c>
      <c r="I4555">
        <v>37589.210229999997</v>
      </c>
      <c r="J4555">
        <v>53211.635699999999</v>
      </c>
      <c r="K4555">
        <v>60053.62934</v>
      </c>
      <c r="L4555">
        <v>30445.757119999998</v>
      </c>
      <c r="M4555">
        <v>347829.51579999999</v>
      </c>
      <c r="N4555">
        <v>95460.602039999998</v>
      </c>
      <c r="O4555">
        <v>28147.049660000001</v>
      </c>
      <c r="P4555">
        <v>33993.37571</v>
      </c>
      <c r="Q4555">
        <v>102252.9023</v>
      </c>
      <c r="R4555">
        <v>27474.116450000001</v>
      </c>
      <c r="S4555">
        <v>115328.20510000001</v>
      </c>
      <c r="T4555">
        <v>30296.765189999998</v>
      </c>
      <c r="U4555">
        <v>23703.70765</v>
      </c>
      <c r="W4555" s="83">
        <f>Bühler!N4587</f>
        <v>45481.708333322291</v>
      </c>
      <c r="X4555" s="83">
        <v>43290.708333333336</v>
      </c>
      <c r="Y4555">
        <v>280409.565</v>
      </c>
      <c r="Z4555">
        <v>35076.537559999997</v>
      </c>
      <c r="AA4555">
        <v>106585.5218</v>
      </c>
      <c r="AB4555">
        <v>47475.859389999998</v>
      </c>
      <c r="AC4555">
        <v>49313.057269999998</v>
      </c>
      <c r="AD4555">
        <v>37589.210229999997</v>
      </c>
      <c r="AE4555">
        <v>53211.635699999999</v>
      </c>
      <c r="AF4555">
        <v>60053.62934</v>
      </c>
      <c r="AG4555">
        <v>30445.757119999998</v>
      </c>
      <c r="AH4555">
        <v>347829.51579999999</v>
      </c>
      <c r="AI4555">
        <v>95460.602039999998</v>
      </c>
      <c r="AJ4555">
        <v>28147.049660000001</v>
      </c>
      <c r="AK4555">
        <v>33993.37571</v>
      </c>
      <c r="AL4555">
        <v>102252.9023</v>
      </c>
      <c r="AM4555">
        <v>27474.116450000001</v>
      </c>
      <c r="AN4555">
        <v>115328.20510000001</v>
      </c>
      <c r="AO4555">
        <v>30296.765189999998</v>
      </c>
      <c r="AP4555">
        <v>23703.70765</v>
      </c>
    </row>
    <row r="4556" spans="2:42" x14ac:dyDescent="0.3">
      <c r="B4556">
        <v>67.085552038538665</v>
      </c>
      <c r="C4556" s="83">
        <v>43290.75</v>
      </c>
      <c r="D4556">
        <v>274841.6949</v>
      </c>
      <c r="E4556">
        <v>31999.143639999998</v>
      </c>
      <c r="F4556">
        <v>104900.46120000001</v>
      </c>
      <c r="G4556">
        <v>43682.609190000003</v>
      </c>
      <c r="H4556">
        <v>46944.607029999999</v>
      </c>
      <c r="I4556">
        <v>36457.783799999997</v>
      </c>
      <c r="J4556">
        <v>53066.751210000002</v>
      </c>
      <c r="K4556">
        <v>57135.97236</v>
      </c>
      <c r="L4556">
        <v>30331.342799999999</v>
      </c>
      <c r="M4556">
        <v>342033.42910000001</v>
      </c>
      <c r="N4556">
        <v>90460.962830000004</v>
      </c>
      <c r="O4556">
        <v>26466.92209</v>
      </c>
      <c r="P4556">
        <v>36311.887790000001</v>
      </c>
      <c r="Q4556">
        <v>99482.657680000004</v>
      </c>
      <c r="R4556">
        <v>25742.8354</v>
      </c>
      <c r="S4556">
        <v>108430.4166</v>
      </c>
      <c r="T4556">
        <v>30181.017169999999</v>
      </c>
      <c r="U4556">
        <v>22416.53671</v>
      </c>
      <c r="W4556" s="83">
        <f>Bühler!N4588</f>
        <v>45481.749999988955</v>
      </c>
      <c r="X4556" s="83">
        <v>43290.75</v>
      </c>
      <c r="Y4556">
        <v>274841.6949</v>
      </c>
      <c r="Z4556">
        <v>31999.143639999998</v>
      </c>
      <c r="AA4556">
        <v>104900.46120000001</v>
      </c>
      <c r="AB4556">
        <v>43682.609190000003</v>
      </c>
      <c r="AC4556">
        <v>46944.607029999999</v>
      </c>
      <c r="AD4556">
        <v>36457.783799999997</v>
      </c>
      <c r="AE4556">
        <v>53066.751210000002</v>
      </c>
      <c r="AF4556">
        <v>57135.97236</v>
      </c>
      <c r="AG4556">
        <v>30331.342799999999</v>
      </c>
      <c r="AH4556">
        <v>342033.42910000001</v>
      </c>
      <c r="AI4556">
        <v>90460.962830000004</v>
      </c>
      <c r="AJ4556">
        <v>26466.92209</v>
      </c>
      <c r="AK4556">
        <v>36311.887790000001</v>
      </c>
      <c r="AL4556">
        <v>99482.657680000004</v>
      </c>
      <c r="AM4556">
        <v>25742.8354</v>
      </c>
      <c r="AN4556">
        <v>108430.4166</v>
      </c>
      <c r="AO4556">
        <v>30181.017169999999</v>
      </c>
      <c r="AP4556">
        <v>22416.53671</v>
      </c>
    </row>
    <row r="4557" spans="2:42" x14ac:dyDescent="0.3">
      <c r="B4557">
        <v>66.141638403099407</v>
      </c>
      <c r="C4557" s="83">
        <v>43290.791666666664</v>
      </c>
      <c r="D4557">
        <v>269404.32150000002</v>
      </c>
      <c r="E4557">
        <v>26262.46369</v>
      </c>
      <c r="F4557">
        <v>94151.665789999999</v>
      </c>
      <c r="G4557">
        <v>40524.536800000002</v>
      </c>
      <c r="H4557">
        <v>44216.6656</v>
      </c>
      <c r="I4557">
        <v>33870.607770000002</v>
      </c>
      <c r="J4557">
        <v>52456.344779999999</v>
      </c>
      <c r="K4557">
        <v>57493.529589999998</v>
      </c>
      <c r="L4557">
        <v>30751.478040000002</v>
      </c>
      <c r="M4557">
        <v>337220.91720000003</v>
      </c>
      <c r="N4557">
        <v>87338.590649999998</v>
      </c>
      <c r="O4557">
        <v>24197.509689999999</v>
      </c>
      <c r="P4557">
        <v>38472.414949999998</v>
      </c>
      <c r="Q4557">
        <v>98588.83124</v>
      </c>
      <c r="R4557">
        <v>24353.895970000001</v>
      </c>
      <c r="S4557">
        <v>103190.6879</v>
      </c>
      <c r="T4557">
        <v>29895.411980000001</v>
      </c>
      <c r="U4557">
        <v>20923.049360000001</v>
      </c>
      <c r="W4557" s="83">
        <f>Bühler!N4589</f>
        <v>45481.791666655619</v>
      </c>
      <c r="X4557" s="83">
        <v>43290.791666666664</v>
      </c>
      <c r="Y4557">
        <v>269404.32150000002</v>
      </c>
      <c r="Z4557">
        <v>26262.46369</v>
      </c>
      <c r="AA4557">
        <v>94151.665789999999</v>
      </c>
      <c r="AB4557">
        <v>40524.536800000002</v>
      </c>
      <c r="AC4557">
        <v>44216.6656</v>
      </c>
      <c r="AD4557">
        <v>33870.607770000002</v>
      </c>
      <c r="AE4557">
        <v>52456.344779999999</v>
      </c>
      <c r="AF4557">
        <v>57493.529589999998</v>
      </c>
      <c r="AG4557">
        <v>30751.478040000002</v>
      </c>
      <c r="AH4557">
        <v>337220.91720000003</v>
      </c>
      <c r="AI4557">
        <v>87338.590649999998</v>
      </c>
      <c r="AJ4557">
        <v>24197.509689999999</v>
      </c>
      <c r="AK4557">
        <v>38472.414949999998</v>
      </c>
      <c r="AL4557">
        <v>98588.83124</v>
      </c>
      <c r="AM4557">
        <v>24353.895970000001</v>
      </c>
      <c r="AN4557">
        <v>103190.6879</v>
      </c>
      <c r="AO4557">
        <v>29895.411980000001</v>
      </c>
      <c r="AP4557">
        <v>20923.049360000001</v>
      </c>
    </row>
    <row r="4558" spans="2:42" x14ac:dyDescent="0.3">
      <c r="B4558">
        <v>64.239360551387648</v>
      </c>
      <c r="C4558" s="83">
        <v>43290.833333333336</v>
      </c>
      <c r="D4558">
        <v>261003.42559999999</v>
      </c>
      <c r="E4558">
        <v>19527.657429999999</v>
      </c>
      <c r="F4558">
        <v>76437.189769999997</v>
      </c>
      <c r="G4558">
        <v>38280.67643</v>
      </c>
      <c r="H4558">
        <v>41059.87818</v>
      </c>
      <c r="I4558">
        <v>31093.272430000001</v>
      </c>
      <c r="J4558">
        <v>50631.506220000003</v>
      </c>
      <c r="K4558">
        <v>56567.355759999999</v>
      </c>
      <c r="L4558">
        <v>30456.030770000001</v>
      </c>
      <c r="M4558">
        <v>327522.21759999997</v>
      </c>
      <c r="N4558">
        <v>84522.751449999996</v>
      </c>
      <c r="O4558">
        <v>22999.210060000001</v>
      </c>
      <c r="P4558">
        <v>38178.891880000003</v>
      </c>
      <c r="Q4558">
        <v>95585.435759999993</v>
      </c>
      <c r="R4558">
        <v>22476.042710000002</v>
      </c>
      <c r="S4558">
        <v>94792.774619999997</v>
      </c>
      <c r="T4558">
        <v>28505.910220000002</v>
      </c>
      <c r="U4558">
        <v>20299.201819999998</v>
      </c>
      <c r="W4558" s="83">
        <f>Bühler!N4590</f>
        <v>45481.833333322284</v>
      </c>
      <c r="X4558" s="83">
        <v>43290.833333333336</v>
      </c>
      <c r="Y4558">
        <v>261003.42559999999</v>
      </c>
      <c r="Z4558">
        <v>19527.657429999999</v>
      </c>
      <c r="AA4558">
        <v>76437.189769999997</v>
      </c>
      <c r="AB4558">
        <v>38280.67643</v>
      </c>
      <c r="AC4558">
        <v>41059.87818</v>
      </c>
      <c r="AD4558">
        <v>31093.272430000001</v>
      </c>
      <c r="AE4558">
        <v>50631.506220000003</v>
      </c>
      <c r="AF4558">
        <v>56567.355759999999</v>
      </c>
      <c r="AG4558">
        <v>30456.030770000001</v>
      </c>
      <c r="AH4558">
        <v>327522.21759999997</v>
      </c>
      <c r="AI4558">
        <v>84522.751449999996</v>
      </c>
      <c r="AJ4558">
        <v>22999.210060000001</v>
      </c>
      <c r="AK4558">
        <v>38178.891880000003</v>
      </c>
      <c r="AL4558">
        <v>95585.435759999993</v>
      </c>
      <c r="AM4558">
        <v>22476.042710000002</v>
      </c>
      <c r="AN4558">
        <v>94792.774619999997</v>
      </c>
      <c r="AO4558">
        <v>28505.910220000002</v>
      </c>
      <c r="AP4558">
        <v>20299.201819999998</v>
      </c>
    </row>
    <row r="4559" spans="2:42" x14ac:dyDescent="0.3">
      <c r="B4559">
        <v>62.228399546187134</v>
      </c>
      <c r="C4559" s="83">
        <v>43290.875</v>
      </c>
      <c r="D4559">
        <v>251607.76250000001</v>
      </c>
      <c r="E4559">
        <v>16663.07026</v>
      </c>
      <c r="F4559">
        <v>66496.186180000004</v>
      </c>
      <c r="G4559">
        <v>35998.307090000002</v>
      </c>
      <c r="H4559">
        <v>38671.836560000003</v>
      </c>
      <c r="I4559">
        <v>27127.511900000001</v>
      </c>
      <c r="J4559">
        <v>49208.271330000003</v>
      </c>
      <c r="K4559">
        <v>55923.64877</v>
      </c>
      <c r="L4559">
        <v>29239.779180000001</v>
      </c>
      <c r="M4559">
        <v>317269.40059999999</v>
      </c>
      <c r="N4559">
        <v>82042.66876</v>
      </c>
      <c r="O4559">
        <v>20879.894980000001</v>
      </c>
      <c r="P4559">
        <v>36644.311880000001</v>
      </c>
      <c r="Q4559">
        <v>93104.240779999993</v>
      </c>
      <c r="R4559">
        <v>21523.747800000001</v>
      </c>
      <c r="S4559">
        <v>89246.891019999995</v>
      </c>
      <c r="T4559">
        <v>25916.866760000001</v>
      </c>
      <c r="U4559">
        <v>19810.890869999999</v>
      </c>
      <c r="W4559" s="83">
        <f>Bühler!N4591</f>
        <v>45481.874999988948</v>
      </c>
      <c r="X4559" s="83">
        <v>43290.875</v>
      </c>
      <c r="Y4559">
        <v>251607.76250000001</v>
      </c>
      <c r="Z4559">
        <v>16663.07026</v>
      </c>
      <c r="AA4559">
        <v>66496.186180000004</v>
      </c>
      <c r="AB4559">
        <v>35998.307090000002</v>
      </c>
      <c r="AC4559">
        <v>38671.836560000003</v>
      </c>
      <c r="AD4559">
        <v>27127.511900000001</v>
      </c>
      <c r="AE4559">
        <v>49208.271330000003</v>
      </c>
      <c r="AF4559">
        <v>55923.64877</v>
      </c>
      <c r="AG4559">
        <v>29239.779180000001</v>
      </c>
      <c r="AH4559">
        <v>317269.40059999999</v>
      </c>
      <c r="AI4559">
        <v>82042.66876</v>
      </c>
      <c r="AJ4559">
        <v>20879.894980000001</v>
      </c>
      <c r="AK4559">
        <v>36644.311880000001</v>
      </c>
      <c r="AL4559">
        <v>93104.240779999993</v>
      </c>
      <c r="AM4559">
        <v>21523.747800000001</v>
      </c>
      <c r="AN4559">
        <v>89246.891019999995</v>
      </c>
      <c r="AO4559">
        <v>25916.866760000001</v>
      </c>
      <c r="AP4559">
        <v>19810.890869999999</v>
      </c>
    </row>
    <row r="4560" spans="2:42" x14ac:dyDescent="0.3">
      <c r="B4560">
        <v>62.003528433365339</v>
      </c>
      <c r="C4560" s="83">
        <v>43290.916666666664</v>
      </c>
      <c r="D4560">
        <v>251091.75289999999</v>
      </c>
      <c r="E4560">
        <v>15919.285519999999</v>
      </c>
      <c r="F4560">
        <v>63194.36767</v>
      </c>
      <c r="G4560">
        <v>35977.750549999997</v>
      </c>
      <c r="H4560">
        <v>39559.728009999999</v>
      </c>
      <c r="I4560">
        <v>25117.886009999998</v>
      </c>
      <c r="J4560">
        <v>49655.701959999999</v>
      </c>
      <c r="K4560">
        <v>59074.603190000002</v>
      </c>
      <c r="L4560">
        <v>26876.542229999999</v>
      </c>
      <c r="M4560">
        <v>316122.90279999998</v>
      </c>
      <c r="N4560">
        <v>81189.033710000003</v>
      </c>
      <c r="O4560">
        <v>19929.97984</v>
      </c>
      <c r="P4560">
        <v>38308.434240000002</v>
      </c>
      <c r="Q4560">
        <v>91858.231060000006</v>
      </c>
      <c r="R4560">
        <v>22711.078850000002</v>
      </c>
      <c r="S4560">
        <v>87757.832380000007</v>
      </c>
      <c r="T4560">
        <v>23233.361010000001</v>
      </c>
      <c r="U4560">
        <v>20240.893550000001</v>
      </c>
      <c r="W4560" s="83">
        <f>Bühler!N4592</f>
        <v>45481.916666655612</v>
      </c>
      <c r="X4560" s="83">
        <v>43290.916666666664</v>
      </c>
      <c r="Y4560">
        <v>251091.75289999999</v>
      </c>
      <c r="Z4560">
        <v>15919.285519999999</v>
      </c>
      <c r="AA4560">
        <v>63194.36767</v>
      </c>
      <c r="AB4560">
        <v>35977.750549999997</v>
      </c>
      <c r="AC4560">
        <v>39559.728009999999</v>
      </c>
      <c r="AD4560">
        <v>25117.886009999998</v>
      </c>
      <c r="AE4560">
        <v>49655.701959999999</v>
      </c>
      <c r="AF4560">
        <v>59074.603190000002</v>
      </c>
      <c r="AG4560">
        <v>26876.542229999999</v>
      </c>
      <c r="AH4560">
        <v>316122.90279999998</v>
      </c>
      <c r="AI4560">
        <v>81189.033710000003</v>
      </c>
      <c r="AJ4560">
        <v>19929.97984</v>
      </c>
      <c r="AK4560">
        <v>38308.434240000002</v>
      </c>
      <c r="AL4560">
        <v>91858.231060000006</v>
      </c>
      <c r="AM4560">
        <v>22711.078850000002</v>
      </c>
      <c r="AN4560">
        <v>87757.832380000007</v>
      </c>
      <c r="AO4560">
        <v>23233.361010000001</v>
      </c>
      <c r="AP4560">
        <v>20240.893550000001</v>
      </c>
    </row>
    <row r="4561" spans="2:42" x14ac:dyDescent="0.3">
      <c r="B4561">
        <v>61.379717587772888</v>
      </c>
      <c r="C4561" s="83">
        <v>43290.958333333336</v>
      </c>
      <c r="D4561">
        <v>250622.92689999999</v>
      </c>
      <c r="E4561">
        <v>15228.141739999999</v>
      </c>
      <c r="F4561">
        <v>61266.344250000002</v>
      </c>
      <c r="G4561">
        <v>35413.306879999996</v>
      </c>
      <c r="H4561">
        <v>38572.971640000003</v>
      </c>
      <c r="I4561">
        <v>23842.876039999999</v>
      </c>
      <c r="J4561">
        <v>45027.655140000003</v>
      </c>
      <c r="K4561">
        <v>57432.0265</v>
      </c>
      <c r="L4561">
        <v>22623.189040000001</v>
      </c>
      <c r="M4561">
        <v>312942.42420000001</v>
      </c>
      <c r="N4561">
        <v>80396.582980000007</v>
      </c>
      <c r="O4561">
        <v>19848.455580000002</v>
      </c>
      <c r="P4561">
        <v>33825.64039</v>
      </c>
      <c r="Q4561">
        <v>91276.904999999999</v>
      </c>
      <c r="R4561">
        <v>22919.727849999999</v>
      </c>
      <c r="S4561">
        <v>85245.565300000002</v>
      </c>
      <c r="T4561">
        <v>20314.176660000001</v>
      </c>
      <c r="U4561">
        <v>19836.88305</v>
      </c>
      <c r="W4561" s="83">
        <f>Bühler!N4593</f>
        <v>45481.958333322276</v>
      </c>
      <c r="X4561" s="83">
        <v>43290.958333333336</v>
      </c>
      <c r="Y4561">
        <v>250622.92689999999</v>
      </c>
      <c r="Z4561">
        <v>15228.141739999999</v>
      </c>
      <c r="AA4561">
        <v>61266.344250000002</v>
      </c>
      <c r="AB4561">
        <v>35413.306879999996</v>
      </c>
      <c r="AC4561">
        <v>38572.971640000003</v>
      </c>
      <c r="AD4561">
        <v>23842.876039999999</v>
      </c>
      <c r="AE4561">
        <v>45027.655140000003</v>
      </c>
      <c r="AF4561">
        <v>57432.0265</v>
      </c>
      <c r="AG4561">
        <v>22623.189040000001</v>
      </c>
      <c r="AH4561">
        <v>312942.42420000001</v>
      </c>
      <c r="AI4561">
        <v>80396.582980000007</v>
      </c>
      <c r="AJ4561">
        <v>19848.455580000002</v>
      </c>
      <c r="AK4561">
        <v>33825.64039</v>
      </c>
      <c r="AL4561">
        <v>91276.904999999999</v>
      </c>
      <c r="AM4561">
        <v>22919.727849999999</v>
      </c>
      <c r="AN4561">
        <v>85245.565300000002</v>
      </c>
      <c r="AO4561">
        <v>20314.176660000001</v>
      </c>
      <c r="AP4561">
        <v>19836.88305</v>
      </c>
    </row>
    <row r="4562" spans="2:42" x14ac:dyDescent="0.3">
      <c r="B4562">
        <v>60.401590859944541</v>
      </c>
      <c r="C4562" s="83">
        <v>43291</v>
      </c>
      <c r="D4562">
        <v>249080.7133</v>
      </c>
      <c r="E4562">
        <v>14785.826150000001</v>
      </c>
      <c r="F4562">
        <v>59790.461179999998</v>
      </c>
      <c r="G4562">
        <v>34539.358090000002</v>
      </c>
      <c r="H4562">
        <v>37704.370920000001</v>
      </c>
      <c r="I4562">
        <v>22262.094010000001</v>
      </c>
      <c r="J4562">
        <v>40436.955959999999</v>
      </c>
      <c r="K4562">
        <v>54947.419220000003</v>
      </c>
      <c r="L4562">
        <v>20041.63149</v>
      </c>
      <c r="M4562">
        <v>307955.478</v>
      </c>
      <c r="N4562">
        <v>78910.610799999995</v>
      </c>
      <c r="O4562">
        <v>19751.647209999999</v>
      </c>
      <c r="P4562">
        <v>30359.536649999998</v>
      </c>
      <c r="Q4562">
        <v>90202.434299999994</v>
      </c>
      <c r="R4562">
        <v>18652.83037</v>
      </c>
      <c r="S4562">
        <v>82914.562210000004</v>
      </c>
      <c r="T4562">
        <v>19162.48142</v>
      </c>
      <c r="U4562">
        <v>19447.37383</v>
      </c>
      <c r="W4562" s="83">
        <f>Bühler!N4594</f>
        <v>45481.999999988941</v>
      </c>
      <c r="X4562" s="83">
        <v>43291</v>
      </c>
      <c r="Y4562">
        <v>249080.7133</v>
      </c>
      <c r="Z4562">
        <v>14785.826150000001</v>
      </c>
      <c r="AA4562">
        <v>59790.461179999998</v>
      </c>
      <c r="AB4562">
        <v>34539.358090000002</v>
      </c>
      <c r="AC4562">
        <v>37704.370920000001</v>
      </c>
      <c r="AD4562">
        <v>22262.094010000001</v>
      </c>
      <c r="AE4562">
        <v>40436.955959999999</v>
      </c>
      <c r="AF4562">
        <v>54947.419220000003</v>
      </c>
      <c r="AG4562">
        <v>20041.63149</v>
      </c>
      <c r="AH4562">
        <v>307955.478</v>
      </c>
      <c r="AI4562">
        <v>78910.610799999995</v>
      </c>
      <c r="AJ4562">
        <v>19751.647209999999</v>
      </c>
      <c r="AK4562">
        <v>30359.536649999998</v>
      </c>
      <c r="AL4562">
        <v>90202.434299999994</v>
      </c>
      <c r="AM4562">
        <v>18652.83037</v>
      </c>
      <c r="AN4562">
        <v>82914.562210000004</v>
      </c>
      <c r="AO4562">
        <v>19162.48142</v>
      </c>
      <c r="AP4562">
        <v>19447.37383</v>
      </c>
    </row>
    <row r="4563" spans="2:42" x14ac:dyDescent="0.3">
      <c r="B4563">
        <v>59.532610993677416</v>
      </c>
      <c r="C4563" s="83">
        <v>43291.041666666664</v>
      </c>
      <c r="D4563">
        <v>246826.78719999999</v>
      </c>
      <c r="E4563">
        <v>14388.8429</v>
      </c>
      <c r="F4563">
        <v>58555.08885</v>
      </c>
      <c r="G4563">
        <v>33743.900549999998</v>
      </c>
      <c r="H4563">
        <v>36834.559450000001</v>
      </c>
      <c r="I4563">
        <v>18026.288860000001</v>
      </c>
      <c r="J4563">
        <v>38648.25303</v>
      </c>
      <c r="K4563">
        <v>53079.532700000003</v>
      </c>
      <c r="L4563">
        <v>18775.678179999999</v>
      </c>
      <c r="M4563">
        <v>303525.0134</v>
      </c>
      <c r="N4563">
        <v>76059.042740000004</v>
      </c>
      <c r="O4563">
        <v>19279.987229999999</v>
      </c>
      <c r="P4563">
        <v>28227.989600000001</v>
      </c>
      <c r="Q4563">
        <v>90333.430710000001</v>
      </c>
      <c r="R4563">
        <v>16495.958849999999</v>
      </c>
      <c r="S4563">
        <v>81150.577609999993</v>
      </c>
      <c r="T4563">
        <v>18501.21933</v>
      </c>
      <c r="U4563">
        <v>18892.823830000001</v>
      </c>
      <c r="W4563" s="83">
        <f>Bühler!N4595</f>
        <v>45482.041666655605</v>
      </c>
      <c r="X4563" s="83">
        <v>43291.041666666664</v>
      </c>
      <c r="Y4563">
        <v>246826.78719999999</v>
      </c>
      <c r="Z4563">
        <v>14388.8429</v>
      </c>
      <c r="AA4563">
        <v>58555.08885</v>
      </c>
      <c r="AB4563">
        <v>33743.900549999998</v>
      </c>
      <c r="AC4563">
        <v>36834.559450000001</v>
      </c>
      <c r="AD4563">
        <v>18026.288860000001</v>
      </c>
      <c r="AE4563">
        <v>38648.25303</v>
      </c>
      <c r="AF4563">
        <v>53079.532700000003</v>
      </c>
      <c r="AG4563">
        <v>18775.678179999999</v>
      </c>
      <c r="AH4563">
        <v>303525.0134</v>
      </c>
      <c r="AI4563">
        <v>76059.042740000004</v>
      </c>
      <c r="AJ4563">
        <v>19279.987229999999</v>
      </c>
      <c r="AK4563">
        <v>28227.989600000001</v>
      </c>
      <c r="AL4563">
        <v>90333.430710000001</v>
      </c>
      <c r="AM4563">
        <v>16495.958849999999</v>
      </c>
      <c r="AN4563">
        <v>81150.577609999993</v>
      </c>
      <c r="AO4563">
        <v>18501.21933</v>
      </c>
      <c r="AP4563">
        <v>18892.823830000001</v>
      </c>
    </row>
    <row r="4564" spans="2:42" x14ac:dyDescent="0.3">
      <c r="B4564">
        <v>59.211201752134514</v>
      </c>
      <c r="C4564" s="83">
        <v>43291.083333333336</v>
      </c>
      <c r="D4564">
        <v>247614.8547</v>
      </c>
      <c r="E4564">
        <v>14050.22387</v>
      </c>
      <c r="F4564">
        <v>58677.454819999999</v>
      </c>
      <c r="G4564">
        <v>32956.694810000001</v>
      </c>
      <c r="H4564">
        <v>36476.951739999997</v>
      </c>
      <c r="I4564">
        <v>16438.49048</v>
      </c>
      <c r="J4564">
        <v>37478.94169</v>
      </c>
      <c r="K4564">
        <v>51281.239179999997</v>
      </c>
      <c r="L4564">
        <v>17802.55702</v>
      </c>
      <c r="M4564">
        <v>301886.31920000003</v>
      </c>
      <c r="N4564">
        <v>75106.103430000003</v>
      </c>
      <c r="O4564">
        <v>19570.563529999999</v>
      </c>
      <c r="P4564">
        <v>26411.486110000002</v>
      </c>
      <c r="Q4564">
        <v>92098.708499999993</v>
      </c>
      <c r="R4564">
        <v>16877.738170000001</v>
      </c>
      <c r="S4564">
        <v>79525.346149999998</v>
      </c>
      <c r="T4564">
        <v>18027.361099999998</v>
      </c>
      <c r="U4564">
        <v>18610.262750000002</v>
      </c>
      <c r="W4564" s="83">
        <f>Bühler!N4596</f>
        <v>45482.083333322269</v>
      </c>
      <c r="X4564" s="83">
        <v>43291.083333333336</v>
      </c>
      <c r="Y4564">
        <v>247614.8547</v>
      </c>
      <c r="Z4564">
        <v>14050.22387</v>
      </c>
      <c r="AA4564">
        <v>58677.454819999999</v>
      </c>
      <c r="AB4564">
        <v>32956.694810000001</v>
      </c>
      <c r="AC4564">
        <v>36476.951739999997</v>
      </c>
      <c r="AD4564">
        <v>16438.49048</v>
      </c>
      <c r="AE4564">
        <v>37478.94169</v>
      </c>
      <c r="AF4564">
        <v>51281.239179999997</v>
      </c>
      <c r="AG4564">
        <v>17802.55702</v>
      </c>
      <c r="AH4564">
        <v>301886.31920000003</v>
      </c>
      <c r="AI4564">
        <v>75106.103430000003</v>
      </c>
      <c r="AJ4564">
        <v>19570.563529999999</v>
      </c>
      <c r="AK4564">
        <v>26411.486110000002</v>
      </c>
      <c r="AL4564">
        <v>92098.708499999993</v>
      </c>
      <c r="AM4564">
        <v>16877.738170000001</v>
      </c>
      <c r="AN4564">
        <v>79525.346149999998</v>
      </c>
      <c r="AO4564">
        <v>18027.361099999998</v>
      </c>
      <c r="AP4564">
        <v>18610.262750000002</v>
      </c>
    </row>
    <row r="4565" spans="2:42" x14ac:dyDescent="0.3">
      <c r="B4565">
        <v>60.002971007681182</v>
      </c>
      <c r="C4565" s="83">
        <v>43291.125</v>
      </c>
      <c r="D4565">
        <v>246691.81830000001</v>
      </c>
      <c r="E4565">
        <v>14029.34095</v>
      </c>
      <c r="F4565">
        <v>59902.745450000002</v>
      </c>
      <c r="G4565">
        <v>32039.772850000001</v>
      </c>
      <c r="H4565">
        <v>36054.686159999997</v>
      </c>
      <c r="I4565">
        <v>15713.41107</v>
      </c>
      <c r="J4565">
        <v>37209.686410000002</v>
      </c>
      <c r="K4565">
        <v>49725.093059999999</v>
      </c>
      <c r="L4565">
        <v>17413.44112</v>
      </c>
      <c r="M4565">
        <v>305923.12809999997</v>
      </c>
      <c r="N4565">
        <v>74087.774239999999</v>
      </c>
      <c r="O4565">
        <v>18717.001840000001</v>
      </c>
      <c r="P4565">
        <v>25747.994159999998</v>
      </c>
      <c r="Q4565">
        <v>95720.583259999999</v>
      </c>
      <c r="R4565">
        <v>16348.692080000001</v>
      </c>
      <c r="S4565">
        <v>77842.903659999996</v>
      </c>
      <c r="T4565">
        <v>17853.935440000001</v>
      </c>
      <c r="U4565">
        <v>18485.838899999999</v>
      </c>
      <c r="W4565" s="83">
        <f>Bühler!N4597</f>
        <v>45482.124999988933</v>
      </c>
      <c r="X4565" s="83">
        <v>43291.125</v>
      </c>
      <c r="Y4565">
        <v>246691.81830000001</v>
      </c>
      <c r="Z4565">
        <v>14029.34095</v>
      </c>
      <c r="AA4565">
        <v>59902.745450000002</v>
      </c>
      <c r="AB4565">
        <v>32039.772850000001</v>
      </c>
      <c r="AC4565">
        <v>36054.686159999997</v>
      </c>
      <c r="AD4565">
        <v>15713.41107</v>
      </c>
      <c r="AE4565">
        <v>37209.686410000002</v>
      </c>
      <c r="AF4565">
        <v>49725.093059999999</v>
      </c>
      <c r="AG4565">
        <v>17413.44112</v>
      </c>
      <c r="AH4565">
        <v>305923.12809999997</v>
      </c>
      <c r="AI4565">
        <v>74087.774239999999</v>
      </c>
      <c r="AJ4565">
        <v>18717.001840000001</v>
      </c>
      <c r="AK4565">
        <v>25747.994159999998</v>
      </c>
      <c r="AL4565">
        <v>95720.583259999999</v>
      </c>
      <c r="AM4565">
        <v>16348.692080000001</v>
      </c>
      <c r="AN4565">
        <v>77842.903659999996</v>
      </c>
      <c r="AO4565">
        <v>17853.935440000001</v>
      </c>
      <c r="AP4565">
        <v>18485.838899999999</v>
      </c>
    </row>
    <row r="4566" spans="2:42" x14ac:dyDescent="0.3">
      <c r="B4566">
        <v>61.921202990408908</v>
      </c>
      <c r="C4566" s="83">
        <v>43291.166666666664</v>
      </c>
      <c r="D4566">
        <v>249393.7255</v>
      </c>
      <c r="E4566">
        <v>14440.962380000001</v>
      </c>
      <c r="F4566">
        <v>63217.916539999998</v>
      </c>
      <c r="G4566">
        <v>31241.229729999999</v>
      </c>
      <c r="H4566">
        <v>36553.68101</v>
      </c>
      <c r="I4566">
        <v>16963.602709999999</v>
      </c>
      <c r="J4566">
        <v>39544.08094</v>
      </c>
      <c r="K4566">
        <v>49700.316559999999</v>
      </c>
      <c r="L4566">
        <v>17523.929039999999</v>
      </c>
      <c r="M4566">
        <v>315703.16930000001</v>
      </c>
      <c r="N4566">
        <v>74430.092940000002</v>
      </c>
      <c r="O4566">
        <v>18279.294839999999</v>
      </c>
      <c r="P4566">
        <v>25572.18432</v>
      </c>
      <c r="Q4566">
        <v>99266.359639999995</v>
      </c>
      <c r="R4566">
        <v>16337.06285</v>
      </c>
      <c r="S4566">
        <v>77852.83021</v>
      </c>
      <c r="T4566">
        <v>17738.950990000001</v>
      </c>
      <c r="U4566">
        <v>18833.186140000002</v>
      </c>
      <c r="W4566" s="83">
        <f>Bühler!N4598</f>
        <v>45482.166666655598</v>
      </c>
      <c r="X4566" s="83">
        <v>43291.166666666664</v>
      </c>
      <c r="Y4566">
        <v>249393.7255</v>
      </c>
      <c r="Z4566">
        <v>14440.962380000001</v>
      </c>
      <c r="AA4566">
        <v>63217.916539999998</v>
      </c>
      <c r="AB4566">
        <v>31241.229729999999</v>
      </c>
      <c r="AC4566">
        <v>36553.68101</v>
      </c>
      <c r="AD4566">
        <v>16963.602709999999</v>
      </c>
      <c r="AE4566">
        <v>39544.08094</v>
      </c>
      <c r="AF4566">
        <v>49700.316559999999</v>
      </c>
      <c r="AG4566">
        <v>17523.929039999999</v>
      </c>
      <c r="AH4566">
        <v>315703.16930000001</v>
      </c>
      <c r="AI4566">
        <v>74430.092940000002</v>
      </c>
      <c r="AJ4566">
        <v>18279.294839999999</v>
      </c>
      <c r="AK4566">
        <v>25572.18432</v>
      </c>
      <c r="AL4566">
        <v>99266.359639999995</v>
      </c>
      <c r="AM4566">
        <v>16337.06285</v>
      </c>
      <c r="AN4566">
        <v>77852.83021</v>
      </c>
      <c r="AO4566">
        <v>17738.950990000001</v>
      </c>
      <c r="AP4566">
        <v>18833.186140000002</v>
      </c>
    </row>
    <row r="4567" spans="2:42" x14ac:dyDescent="0.3">
      <c r="B4567">
        <v>65.071139544435468</v>
      </c>
      <c r="C4567" s="83">
        <v>43291.208333333336</v>
      </c>
      <c r="D4567">
        <v>263989.18829999998</v>
      </c>
      <c r="E4567">
        <v>16171.227360000001</v>
      </c>
      <c r="F4567">
        <v>72957.165689999994</v>
      </c>
      <c r="G4567">
        <v>32445.20105</v>
      </c>
      <c r="H4567">
        <v>38010.699399999998</v>
      </c>
      <c r="I4567">
        <v>22750.62889</v>
      </c>
      <c r="J4567">
        <v>42180.22464</v>
      </c>
      <c r="K4567">
        <v>51398.69702</v>
      </c>
      <c r="L4567">
        <v>18264.309659999999</v>
      </c>
      <c r="M4567">
        <v>331763.0148</v>
      </c>
      <c r="N4567">
        <v>74209.552670000005</v>
      </c>
      <c r="O4567">
        <v>18633.613280000001</v>
      </c>
      <c r="P4567">
        <v>26620.2637</v>
      </c>
      <c r="Q4567">
        <v>102508.2648</v>
      </c>
      <c r="R4567">
        <v>18873.768039999999</v>
      </c>
      <c r="S4567">
        <v>79823.406759999998</v>
      </c>
      <c r="T4567">
        <v>18747.695510000001</v>
      </c>
      <c r="U4567">
        <v>20677.539809999998</v>
      </c>
      <c r="W4567" s="83">
        <f>Bühler!N4599</f>
        <v>45482.208333322262</v>
      </c>
      <c r="X4567" s="83">
        <v>43291.208333333336</v>
      </c>
      <c r="Y4567">
        <v>263989.18829999998</v>
      </c>
      <c r="Z4567">
        <v>16171.227360000001</v>
      </c>
      <c r="AA4567">
        <v>72957.165689999994</v>
      </c>
      <c r="AB4567">
        <v>32445.20105</v>
      </c>
      <c r="AC4567">
        <v>38010.699399999998</v>
      </c>
      <c r="AD4567">
        <v>22750.62889</v>
      </c>
      <c r="AE4567">
        <v>42180.22464</v>
      </c>
      <c r="AF4567">
        <v>51398.69702</v>
      </c>
      <c r="AG4567">
        <v>18264.309659999999</v>
      </c>
      <c r="AH4567">
        <v>331763.0148</v>
      </c>
      <c r="AI4567">
        <v>74209.552670000005</v>
      </c>
      <c r="AJ4567">
        <v>18633.613280000001</v>
      </c>
      <c r="AK4567">
        <v>26620.2637</v>
      </c>
      <c r="AL4567">
        <v>102508.2648</v>
      </c>
      <c r="AM4567">
        <v>18873.768039999999</v>
      </c>
      <c r="AN4567">
        <v>79823.406759999998</v>
      </c>
      <c r="AO4567">
        <v>18747.695510000001</v>
      </c>
      <c r="AP4567">
        <v>20677.539809999998</v>
      </c>
    </row>
    <row r="4568" spans="2:42" x14ac:dyDescent="0.3">
      <c r="B4568">
        <v>67.898486737330899</v>
      </c>
      <c r="C4568" s="83">
        <v>43291.25</v>
      </c>
      <c r="D4568">
        <v>277138.16570000001</v>
      </c>
      <c r="E4568">
        <v>19785.871719999999</v>
      </c>
      <c r="F4568">
        <v>83321.825060000003</v>
      </c>
      <c r="G4568">
        <v>38318.578750000001</v>
      </c>
      <c r="H4568">
        <v>39360.523450000001</v>
      </c>
      <c r="I4568">
        <v>27994.561369999999</v>
      </c>
      <c r="J4568">
        <v>43998.113089999999</v>
      </c>
      <c r="K4568">
        <v>51584.492680000003</v>
      </c>
      <c r="L4568">
        <v>18889.508999999998</v>
      </c>
      <c r="M4568">
        <v>346178.14929999999</v>
      </c>
      <c r="N4568">
        <v>77383.072690000001</v>
      </c>
      <c r="O4568">
        <v>21617.902880000001</v>
      </c>
      <c r="P4568">
        <v>28131.48199</v>
      </c>
      <c r="Q4568">
        <v>103383.7865</v>
      </c>
      <c r="R4568">
        <v>18034.099849999999</v>
      </c>
      <c r="S4568">
        <v>86183.691460000002</v>
      </c>
      <c r="T4568">
        <v>20652.751919999999</v>
      </c>
      <c r="U4568">
        <v>23568.783429999999</v>
      </c>
      <c r="W4568" s="83">
        <f>Bühler!N4600</f>
        <v>45482.249999988926</v>
      </c>
      <c r="X4568" s="83">
        <v>43291.25</v>
      </c>
      <c r="Y4568">
        <v>277138.16570000001</v>
      </c>
      <c r="Z4568">
        <v>19785.871719999999</v>
      </c>
      <c r="AA4568">
        <v>83321.825060000003</v>
      </c>
      <c r="AB4568">
        <v>38318.578750000001</v>
      </c>
      <c r="AC4568">
        <v>39360.523450000001</v>
      </c>
      <c r="AD4568">
        <v>27994.561369999999</v>
      </c>
      <c r="AE4568">
        <v>43998.113089999999</v>
      </c>
      <c r="AF4568">
        <v>51584.492680000003</v>
      </c>
      <c r="AG4568">
        <v>18889.508999999998</v>
      </c>
      <c r="AH4568">
        <v>346178.14929999999</v>
      </c>
      <c r="AI4568">
        <v>77383.072690000001</v>
      </c>
      <c r="AJ4568">
        <v>21617.902880000001</v>
      </c>
      <c r="AK4568">
        <v>28131.48199</v>
      </c>
      <c r="AL4568">
        <v>103383.7865</v>
      </c>
      <c r="AM4568">
        <v>18034.099849999999</v>
      </c>
      <c r="AN4568">
        <v>86183.691460000002</v>
      </c>
      <c r="AO4568">
        <v>20652.751919999999</v>
      </c>
      <c r="AP4568">
        <v>23568.783429999999</v>
      </c>
    </row>
    <row r="4569" spans="2:42" x14ac:dyDescent="0.3">
      <c r="B4569">
        <v>70.120612714072053</v>
      </c>
      <c r="C4569" s="83">
        <v>43291.291666666664</v>
      </c>
      <c r="D4569">
        <v>290891.1851</v>
      </c>
      <c r="E4569">
        <v>24668.949949999998</v>
      </c>
      <c r="F4569">
        <v>87021.115340000004</v>
      </c>
      <c r="G4569">
        <v>45804.191200000001</v>
      </c>
      <c r="H4569">
        <v>44229.461949999997</v>
      </c>
      <c r="I4569">
        <v>34279.693350000001</v>
      </c>
      <c r="J4569">
        <v>46903.000890000003</v>
      </c>
      <c r="K4569">
        <v>56696.823519999998</v>
      </c>
      <c r="L4569">
        <v>21514.403149999998</v>
      </c>
      <c r="M4569">
        <v>357507.58380000002</v>
      </c>
      <c r="N4569">
        <v>82549.634099999996</v>
      </c>
      <c r="O4569">
        <v>23909.873930000002</v>
      </c>
      <c r="P4569">
        <v>31059.195459999999</v>
      </c>
      <c r="Q4569">
        <v>103288.35400000001</v>
      </c>
      <c r="R4569">
        <v>19785.587749999999</v>
      </c>
      <c r="S4569">
        <v>99116.203399999999</v>
      </c>
      <c r="T4569">
        <v>24415.98429</v>
      </c>
      <c r="U4569">
        <v>26929.282739999999</v>
      </c>
      <c r="W4569" s="83">
        <f>Bühler!N4601</f>
        <v>45482.29166665559</v>
      </c>
      <c r="X4569" s="83">
        <v>43291.291666666664</v>
      </c>
      <c r="Y4569">
        <v>290891.1851</v>
      </c>
      <c r="Z4569">
        <v>24668.949949999998</v>
      </c>
      <c r="AA4569">
        <v>87021.115340000004</v>
      </c>
      <c r="AB4569">
        <v>45804.191200000001</v>
      </c>
      <c r="AC4569">
        <v>44229.461949999997</v>
      </c>
      <c r="AD4569">
        <v>34279.693350000001</v>
      </c>
      <c r="AE4569">
        <v>46903.000890000003</v>
      </c>
      <c r="AF4569">
        <v>56696.823519999998</v>
      </c>
      <c r="AG4569">
        <v>21514.403149999998</v>
      </c>
      <c r="AH4569">
        <v>357507.58380000002</v>
      </c>
      <c r="AI4569">
        <v>82549.634099999996</v>
      </c>
      <c r="AJ4569">
        <v>23909.873930000002</v>
      </c>
      <c r="AK4569">
        <v>31059.195459999999</v>
      </c>
      <c r="AL4569">
        <v>103288.35400000001</v>
      </c>
      <c r="AM4569">
        <v>19785.587749999999</v>
      </c>
      <c r="AN4569">
        <v>99116.203399999999</v>
      </c>
      <c r="AO4569">
        <v>24415.98429</v>
      </c>
      <c r="AP4569">
        <v>26929.282739999999</v>
      </c>
    </row>
    <row r="4570" spans="2:42" x14ac:dyDescent="0.3">
      <c r="B4570">
        <v>71.581235262213383</v>
      </c>
      <c r="C4570" s="83">
        <v>43291.333333333336</v>
      </c>
      <c r="D4570">
        <v>303204.4474</v>
      </c>
      <c r="E4570">
        <v>30837.9339</v>
      </c>
      <c r="F4570">
        <v>94349.753979999994</v>
      </c>
      <c r="G4570">
        <v>51747.969729999997</v>
      </c>
      <c r="H4570">
        <v>49219.094929999999</v>
      </c>
      <c r="I4570">
        <v>38400.412559999997</v>
      </c>
      <c r="J4570">
        <v>50946.558250000002</v>
      </c>
      <c r="K4570">
        <v>63843.660989999997</v>
      </c>
      <c r="L4570">
        <v>25061.894919999999</v>
      </c>
      <c r="M4570">
        <v>364954.51870000002</v>
      </c>
      <c r="N4570">
        <v>89550.826539999995</v>
      </c>
      <c r="O4570">
        <v>25723.435799999999</v>
      </c>
      <c r="P4570">
        <v>34121.893989999997</v>
      </c>
      <c r="Q4570">
        <v>105133.6608</v>
      </c>
      <c r="R4570">
        <v>23246.388080000001</v>
      </c>
      <c r="S4570">
        <v>113758.948</v>
      </c>
      <c r="T4570">
        <v>28208.395949999998</v>
      </c>
      <c r="U4570">
        <v>30066.37815</v>
      </c>
      <c r="W4570" s="83">
        <f>Bühler!N4602</f>
        <v>45482.333333322254</v>
      </c>
      <c r="X4570" s="83">
        <v>43291.333333333336</v>
      </c>
      <c r="Y4570">
        <v>303204.4474</v>
      </c>
      <c r="Z4570">
        <v>30837.9339</v>
      </c>
      <c r="AA4570">
        <v>94349.753979999994</v>
      </c>
      <c r="AB4570">
        <v>51747.969729999997</v>
      </c>
      <c r="AC4570">
        <v>49219.094929999999</v>
      </c>
      <c r="AD4570">
        <v>38400.412559999997</v>
      </c>
      <c r="AE4570">
        <v>50946.558250000002</v>
      </c>
      <c r="AF4570">
        <v>63843.660989999997</v>
      </c>
      <c r="AG4570">
        <v>25061.894919999999</v>
      </c>
      <c r="AH4570">
        <v>364954.51870000002</v>
      </c>
      <c r="AI4570">
        <v>89550.826539999995</v>
      </c>
      <c r="AJ4570">
        <v>25723.435799999999</v>
      </c>
      <c r="AK4570">
        <v>34121.893989999997</v>
      </c>
      <c r="AL4570">
        <v>105133.6608</v>
      </c>
      <c r="AM4570">
        <v>23246.388080000001</v>
      </c>
      <c r="AN4570">
        <v>113758.948</v>
      </c>
      <c r="AO4570">
        <v>28208.395949999998</v>
      </c>
      <c r="AP4570">
        <v>30066.37815</v>
      </c>
    </row>
    <row r="4571" spans="2:42" x14ac:dyDescent="0.3">
      <c r="B4571">
        <v>71.947457901487269</v>
      </c>
      <c r="C4571" s="83">
        <v>43291.375</v>
      </c>
      <c r="D4571">
        <v>306583.53940000001</v>
      </c>
      <c r="E4571">
        <v>36021.296799999996</v>
      </c>
      <c r="F4571">
        <v>102741.1832</v>
      </c>
      <c r="G4571">
        <v>57481.53256</v>
      </c>
      <c r="H4571">
        <v>53190.16661</v>
      </c>
      <c r="I4571">
        <v>38563.010110000003</v>
      </c>
      <c r="J4571">
        <v>53597.211539999997</v>
      </c>
      <c r="K4571">
        <v>67669.759019999998</v>
      </c>
      <c r="L4571">
        <v>29848.129110000002</v>
      </c>
      <c r="M4571">
        <v>366821.6925</v>
      </c>
      <c r="N4571">
        <v>95482.963690000004</v>
      </c>
      <c r="O4571">
        <v>27164.12342</v>
      </c>
      <c r="P4571">
        <v>36722.529990000003</v>
      </c>
      <c r="Q4571">
        <v>107811.0788</v>
      </c>
      <c r="R4571">
        <v>25022.520369999998</v>
      </c>
      <c r="S4571">
        <v>123855.13989999999</v>
      </c>
      <c r="T4571">
        <v>30793.115740000001</v>
      </c>
      <c r="U4571">
        <v>30571.979429999999</v>
      </c>
      <c r="W4571" s="83">
        <f>Bühler!N4603</f>
        <v>45482.374999988919</v>
      </c>
      <c r="X4571" s="83">
        <v>43291.375</v>
      </c>
      <c r="Y4571">
        <v>306583.53940000001</v>
      </c>
      <c r="Z4571">
        <v>36021.296799999996</v>
      </c>
      <c r="AA4571">
        <v>102741.1832</v>
      </c>
      <c r="AB4571">
        <v>57481.53256</v>
      </c>
      <c r="AC4571">
        <v>53190.16661</v>
      </c>
      <c r="AD4571">
        <v>38563.010110000003</v>
      </c>
      <c r="AE4571">
        <v>53597.211539999997</v>
      </c>
      <c r="AF4571">
        <v>67669.759019999998</v>
      </c>
      <c r="AG4571">
        <v>29848.129110000002</v>
      </c>
      <c r="AH4571">
        <v>366821.6925</v>
      </c>
      <c r="AI4571">
        <v>95482.963690000004</v>
      </c>
      <c r="AJ4571">
        <v>27164.12342</v>
      </c>
      <c r="AK4571">
        <v>36722.529990000003</v>
      </c>
      <c r="AL4571">
        <v>107811.0788</v>
      </c>
      <c r="AM4571">
        <v>25022.520369999998</v>
      </c>
      <c r="AN4571">
        <v>123855.13989999999</v>
      </c>
      <c r="AO4571">
        <v>30793.115740000001</v>
      </c>
      <c r="AP4571">
        <v>30571.979429999999</v>
      </c>
    </row>
    <row r="4572" spans="2:42" x14ac:dyDescent="0.3">
      <c r="B4572">
        <v>72.55140438136516</v>
      </c>
      <c r="C4572" s="83">
        <v>43291.416666666664</v>
      </c>
      <c r="D4572">
        <v>311568.68969999999</v>
      </c>
      <c r="E4572">
        <v>38056.563479999997</v>
      </c>
      <c r="F4572">
        <v>106632.4948</v>
      </c>
      <c r="G4572">
        <v>59735.461139999999</v>
      </c>
      <c r="H4572">
        <v>54030.975810000004</v>
      </c>
      <c r="I4572">
        <v>37397.298390000004</v>
      </c>
      <c r="J4572">
        <v>55553.51341</v>
      </c>
      <c r="K4572">
        <v>69000.160789999994</v>
      </c>
      <c r="L4572">
        <v>33685.195110000001</v>
      </c>
      <c r="M4572">
        <v>369900.8933</v>
      </c>
      <c r="N4572">
        <v>99758.785409999997</v>
      </c>
      <c r="O4572">
        <v>28824.377049999999</v>
      </c>
      <c r="P4572">
        <v>39438.192040000002</v>
      </c>
      <c r="Q4572">
        <v>109462.46060000001</v>
      </c>
      <c r="R4572">
        <v>26215.916130000001</v>
      </c>
      <c r="S4572">
        <v>127109.6012</v>
      </c>
      <c r="T4572">
        <v>32875.057919999999</v>
      </c>
      <c r="U4572">
        <v>30396.795910000001</v>
      </c>
      <c r="W4572" s="83">
        <f>Bühler!N4604</f>
        <v>45482.416666655583</v>
      </c>
      <c r="X4572" s="83">
        <v>43291.416666666664</v>
      </c>
      <c r="Y4572">
        <v>311568.68969999999</v>
      </c>
      <c r="Z4572">
        <v>38056.563479999997</v>
      </c>
      <c r="AA4572">
        <v>106632.4948</v>
      </c>
      <c r="AB4572">
        <v>59735.461139999999</v>
      </c>
      <c r="AC4572">
        <v>54030.975810000004</v>
      </c>
      <c r="AD4572">
        <v>37397.298390000004</v>
      </c>
      <c r="AE4572">
        <v>55553.51341</v>
      </c>
      <c r="AF4572">
        <v>69000.160789999994</v>
      </c>
      <c r="AG4572">
        <v>33685.195110000001</v>
      </c>
      <c r="AH4572">
        <v>369900.8933</v>
      </c>
      <c r="AI4572">
        <v>99758.785409999997</v>
      </c>
      <c r="AJ4572">
        <v>28824.377049999999</v>
      </c>
      <c r="AK4572">
        <v>39438.192040000002</v>
      </c>
      <c r="AL4572">
        <v>109462.46060000001</v>
      </c>
      <c r="AM4572">
        <v>26215.916130000001</v>
      </c>
      <c r="AN4572">
        <v>127109.6012</v>
      </c>
      <c r="AO4572">
        <v>32875.057919999999</v>
      </c>
      <c r="AP4572">
        <v>30396.795910000001</v>
      </c>
    </row>
    <row r="4573" spans="2:42" x14ac:dyDescent="0.3">
      <c r="B4573">
        <v>73.528578783597069</v>
      </c>
      <c r="C4573" s="83">
        <v>43291.458333333336</v>
      </c>
      <c r="D4573">
        <v>312264.77909999999</v>
      </c>
      <c r="E4573">
        <v>38359.99856</v>
      </c>
      <c r="F4573">
        <v>106974.69749999999</v>
      </c>
      <c r="G4573">
        <v>60494.015030000002</v>
      </c>
      <c r="H4573">
        <v>54513.091099999998</v>
      </c>
      <c r="I4573">
        <v>36849.933349999999</v>
      </c>
      <c r="J4573">
        <v>56599.573270000001</v>
      </c>
      <c r="K4573">
        <v>69678.897750000004</v>
      </c>
      <c r="L4573">
        <v>35263.46312</v>
      </c>
      <c r="M4573">
        <v>374882.9841</v>
      </c>
      <c r="N4573">
        <v>102070.94809999999</v>
      </c>
      <c r="O4573">
        <v>28120.352749999998</v>
      </c>
      <c r="P4573">
        <v>39301.563779999997</v>
      </c>
      <c r="Q4573">
        <v>111345.0589</v>
      </c>
      <c r="R4573">
        <v>27427.416290000001</v>
      </c>
      <c r="S4573">
        <v>130184.7029</v>
      </c>
      <c r="T4573">
        <v>33696.068059999998</v>
      </c>
      <c r="U4573">
        <v>30933.66102</v>
      </c>
      <c r="W4573" s="83">
        <f>Bühler!N4605</f>
        <v>45482.458333322247</v>
      </c>
      <c r="X4573" s="83">
        <v>43291.458333333336</v>
      </c>
      <c r="Y4573">
        <v>312264.77909999999</v>
      </c>
      <c r="Z4573">
        <v>38359.99856</v>
      </c>
      <c r="AA4573">
        <v>106974.69749999999</v>
      </c>
      <c r="AB4573">
        <v>60494.015030000002</v>
      </c>
      <c r="AC4573">
        <v>54513.091099999998</v>
      </c>
      <c r="AD4573">
        <v>36849.933349999999</v>
      </c>
      <c r="AE4573">
        <v>56599.573270000001</v>
      </c>
      <c r="AF4573">
        <v>69678.897750000004</v>
      </c>
      <c r="AG4573">
        <v>35263.46312</v>
      </c>
      <c r="AH4573">
        <v>374882.9841</v>
      </c>
      <c r="AI4573">
        <v>102070.94809999999</v>
      </c>
      <c r="AJ4573">
        <v>28120.352749999998</v>
      </c>
      <c r="AK4573">
        <v>39301.563779999997</v>
      </c>
      <c r="AL4573">
        <v>111345.0589</v>
      </c>
      <c r="AM4573">
        <v>27427.416290000001</v>
      </c>
      <c r="AN4573">
        <v>130184.7029</v>
      </c>
      <c r="AO4573">
        <v>33696.068059999998</v>
      </c>
      <c r="AP4573">
        <v>30933.66102</v>
      </c>
    </row>
    <row r="4574" spans="2:42" x14ac:dyDescent="0.3">
      <c r="B4574">
        <v>73.182553296386871</v>
      </c>
      <c r="C4574" s="83">
        <v>43291.5</v>
      </c>
      <c r="D4574">
        <v>300323.1127</v>
      </c>
      <c r="E4574">
        <v>35456.911339999999</v>
      </c>
      <c r="F4574">
        <v>102202.0784</v>
      </c>
      <c r="G4574">
        <v>58646.113380000003</v>
      </c>
      <c r="H4574">
        <v>52814.966229999998</v>
      </c>
      <c r="I4574">
        <v>35889.856970000001</v>
      </c>
      <c r="J4574">
        <v>56759.216379999998</v>
      </c>
      <c r="K4574">
        <v>67012.816030000002</v>
      </c>
      <c r="L4574">
        <v>38153.42669</v>
      </c>
      <c r="M4574">
        <v>373118.78480000002</v>
      </c>
      <c r="N4574">
        <v>100566.4966</v>
      </c>
      <c r="O4574">
        <v>27502.289949999998</v>
      </c>
      <c r="P4574">
        <v>39828.553240000001</v>
      </c>
      <c r="Q4574">
        <v>110498.9477</v>
      </c>
      <c r="R4574">
        <v>28936.669000000002</v>
      </c>
      <c r="S4574">
        <v>125558.0281</v>
      </c>
      <c r="T4574">
        <v>32692.84492</v>
      </c>
      <c r="U4574">
        <v>27216.884330000001</v>
      </c>
      <c r="W4574" s="83">
        <f>Bühler!N4606</f>
        <v>45482.499999988911</v>
      </c>
      <c r="X4574" s="83">
        <v>43291.5</v>
      </c>
      <c r="Y4574">
        <v>300323.1127</v>
      </c>
      <c r="Z4574">
        <v>35456.911339999999</v>
      </c>
      <c r="AA4574">
        <v>102202.0784</v>
      </c>
      <c r="AB4574">
        <v>58646.113380000003</v>
      </c>
      <c r="AC4574">
        <v>52814.966229999998</v>
      </c>
      <c r="AD4574">
        <v>35889.856970000001</v>
      </c>
      <c r="AE4574">
        <v>56759.216379999998</v>
      </c>
      <c r="AF4574">
        <v>67012.816030000002</v>
      </c>
      <c r="AG4574">
        <v>38153.42669</v>
      </c>
      <c r="AH4574">
        <v>373118.78480000002</v>
      </c>
      <c r="AI4574">
        <v>100566.4966</v>
      </c>
      <c r="AJ4574">
        <v>27502.289949999998</v>
      </c>
      <c r="AK4574">
        <v>39828.553240000001</v>
      </c>
      <c r="AL4574">
        <v>110498.9477</v>
      </c>
      <c r="AM4574">
        <v>28936.669000000002</v>
      </c>
      <c r="AN4574">
        <v>125558.0281</v>
      </c>
      <c r="AO4574">
        <v>32692.84492</v>
      </c>
      <c r="AP4574">
        <v>27216.884330000001</v>
      </c>
    </row>
    <row r="4575" spans="2:42" x14ac:dyDescent="0.3">
      <c r="B4575">
        <v>72.545502841964492</v>
      </c>
      <c r="C4575" s="83">
        <v>43291.541666666664</v>
      </c>
      <c r="D4575">
        <v>298623.42</v>
      </c>
      <c r="E4575">
        <v>35542.940710000003</v>
      </c>
      <c r="F4575">
        <v>98309.012990000003</v>
      </c>
      <c r="G4575">
        <v>57938.51627</v>
      </c>
      <c r="H4575">
        <v>53868.194759999998</v>
      </c>
      <c r="I4575">
        <v>36279.30169</v>
      </c>
      <c r="J4575">
        <v>55477.589039999999</v>
      </c>
      <c r="K4575">
        <v>67198.338579999996</v>
      </c>
      <c r="L4575">
        <v>36931.561780000004</v>
      </c>
      <c r="M4575">
        <v>369870.80450000003</v>
      </c>
      <c r="N4575">
        <v>98022.716190000006</v>
      </c>
      <c r="O4575">
        <v>28679.53399</v>
      </c>
      <c r="P4575">
        <v>39219.723810000003</v>
      </c>
      <c r="Q4575">
        <v>108829.2448</v>
      </c>
      <c r="R4575">
        <v>28228.414000000001</v>
      </c>
      <c r="S4575">
        <v>124950.3835</v>
      </c>
      <c r="T4575">
        <v>32878.393100000001</v>
      </c>
      <c r="U4575">
        <v>28577.458920000001</v>
      </c>
      <c r="W4575" s="83">
        <f>Bühler!N4607</f>
        <v>45482.541666655576</v>
      </c>
      <c r="X4575" s="83">
        <v>43291.541666666664</v>
      </c>
      <c r="Y4575">
        <v>298623.42</v>
      </c>
      <c r="Z4575">
        <v>35542.940710000003</v>
      </c>
      <c r="AA4575">
        <v>98309.012990000003</v>
      </c>
      <c r="AB4575">
        <v>57938.51627</v>
      </c>
      <c r="AC4575">
        <v>53868.194759999998</v>
      </c>
      <c r="AD4575">
        <v>36279.30169</v>
      </c>
      <c r="AE4575">
        <v>55477.589039999999</v>
      </c>
      <c r="AF4575">
        <v>67198.338579999996</v>
      </c>
      <c r="AG4575">
        <v>36931.561780000004</v>
      </c>
      <c r="AH4575">
        <v>369870.80450000003</v>
      </c>
      <c r="AI4575">
        <v>98022.716190000006</v>
      </c>
      <c r="AJ4575">
        <v>28679.53399</v>
      </c>
      <c r="AK4575">
        <v>39219.723810000003</v>
      </c>
      <c r="AL4575">
        <v>108829.2448</v>
      </c>
      <c r="AM4575">
        <v>28228.414000000001</v>
      </c>
      <c r="AN4575">
        <v>124950.3835</v>
      </c>
      <c r="AO4575">
        <v>32878.393100000001</v>
      </c>
      <c r="AP4575">
        <v>28577.458920000001</v>
      </c>
    </row>
    <row r="4576" spans="2:42" x14ac:dyDescent="0.3">
      <c r="B4576">
        <v>72.504582869955811</v>
      </c>
      <c r="C4576" s="83">
        <v>43291.583333333336</v>
      </c>
      <c r="D4576">
        <v>303534.47879999998</v>
      </c>
      <c r="E4576">
        <v>38149.652150000002</v>
      </c>
      <c r="F4576">
        <v>105565.0067</v>
      </c>
      <c r="G4576">
        <v>56157.626219999998</v>
      </c>
      <c r="H4576">
        <v>53814.358010000004</v>
      </c>
      <c r="I4576">
        <v>36811.521780000003</v>
      </c>
      <c r="J4576">
        <v>55308.278140000002</v>
      </c>
      <c r="K4576">
        <v>67775.424119999996</v>
      </c>
      <c r="L4576">
        <v>33923.811300000001</v>
      </c>
      <c r="M4576">
        <v>369662.17540000001</v>
      </c>
      <c r="N4576">
        <v>100183.633</v>
      </c>
      <c r="O4576">
        <v>28272.567760000002</v>
      </c>
      <c r="P4576">
        <v>35778.422709999999</v>
      </c>
      <c r="Q4576">
        <v>108590.9774</v>
      </c>
      <c r="R4576">
        <v>27793.60889</v>
      </c>
      <c r="S4576">
        <v>118196.1678</v>
      </c>
      <c r="T4576">
        <v>32473.113089999999</v>
      </c>
      <c r="U4576">
        <v>29550.561129999998</v>
      </c>
      <c r="W4576" s="83">
        <f>Bühler!N4608</f>
        <v>45482.58333332224</v>
      </c>
      <c r="X4576" s="83">
        <v>43291.583333333336</v>
      </c>
      <c r="Y4576">
        <v>303534.47879999998</v>
      </c>
      <c r="Z4576">
        <v>38149.652150000002</v>
      </c>
      <c r="AA4576">
        <v>105565.0067</v>
      </c>
      <c r="AB4576">
        <v>56157.626219999998</v>
      </c>
      <c r="AC4576">
        <v>53814.358010000004</v>
      </c>
      <c r="AD4576">
        <v>36811.521780000003</v>
      </c>
      <c r="AE4576">
        <v>55308.278140000002</v>
      </c>
      <c r="AF4576">
        <v>67775.424119999996</v>
      </c>
      <c r="AG4576">
        <v>33923.811300000001</v>
      </c>
      <c r="AH4576">
        <v>369662.17540000001</v>
      </c>
      <c r="AI4576">
        <v>100183.633</v>
      </c>
      <c r="AJ4576">
        <v>28272.567760000002</v>
      </c>
      <c r="AK4576">
        <v>35778.422709999999</v>
      </c>
      <c r="AL4576">
        <v>108590.9774</v>
      </c>
      <c r="AM4576">
        <v>27793.60889</v>
      </c>
      <c r="AN4576">
        <v>118196.1678</v>
      </c>
      <c r="AO4576">
        <v>32473.113089999999</v>
      </c>
      <c r="AP4576">
        <v>29550.561129999998</v>
      </c>
    </row>
    <row r="4577" spans="2:42" x14ac:dyDescent="0.3">
      <c r="B4577">
        <v>70.315066778001352</v>
      </c>
      <c r="C4577" s="83">
        <v>43291.625</v>
      </c>
      <c r="D4577">
        <v>296727.88679999998</v>
      </c>
      <c r="E4577">
        <v>38041.828679999999</v>
      </c>
      <c r="F4577">
        <v>108072.99679999999</v>
      </c>
      <c r="G4577">
        <v>53317.455750000001</v>
      </c>
      <c r="H4577">
        <v>52603.871299999999</v>
      </c>
      <c r="I4577">
        <v>37222.224410000003</v>
      </c>
      <c r="J4577">
        <v>54853.063950000003</v>
      </c>
      <c r="K4577">
        <v>67255.770109999998</v>
      </c>
      <c r="L4577">
        <v>30936.069039999998</v>
      </c>
      <c r="M4577">
        <v>358499.0013</v>
      </c>
      <c r="N4577">
        <v>99693.906390000004</v>
      </c>
      <c r="O4577">
        <v>28398.582579999998</v>
      </c>
      <c r="P4577">
        <v>32969.341249999998</v>
      </c>
      <c r="Q4577">
        <v>106816.9768</v>
      </c>
      <c r="R4577">
        <v>27609.583930000001</v>
      </c>
      <c r="S4577">
        <v>118709.1321</v>
      </c>
      <c r="T4577">
        <v>32259.232479999999</v>
      </c>
      <c r="U4577">
        <v>27940.63494</v>
      </c>
      <c r="W4577" s="83">
        <f>Bühler!N4609</f>
        <v>45482.624999988904</v>
      </c>
      <c r="X4577" s="83">
        <v>43291.625</v>
      </c>
      <c r="Y4577">
        <v>296727.88679999998</v>
      </c>
      <c r="Z4577">
        <v>38041.828679999999</v>
      </c>
      <c r="AA4577">
        <v>108072.99679999999</v>
      </c>
      <c r="AB4577">
        <v>53317.455750000001</v>
      </c>
      <c r="AC4577">
        <v>52603.871299999999</v>
      </c>
      <c r="AD4577">
        <v>37222.224410000003</v>
      </c>
      <c r="AE4577">
        <v>54853.063950000003</v>
      </c>
      <c r="AF4577">
        <v>67255.770109999998</v>
      </c>
      <c r="AG4577">
        <v>30936.069039999998</v>
      </c>
      <c r="AH4577">
        <v>358499.0013</v>
      </c>
      <c r="AI4577">
        <v>99693.906390000004</v>
      </c>
      <c r="AJ4577">
        <v>28398.582579999998</v>
      </c>
      <c r="AK4577">
        <v>32969.341249999998</v>
      </c>
      <c r="AL4577">
        <v>106816.9768</v>
      </c>
      <c r="AM4577">
        <v>27609.583930000001</v>
      </c>
      <c r="AN4577">
        <v>118709.1321</v>
      </c>
      <c r="AO4577">
        <v>32259.232479999999</v>
      </c>
      <c r="AP4577">
        <v>27940.63494</v>
      </c>
    </row>
    <row r="4578" spans="2:42" x14ac:dyDescent="0.3">
      <c r="B4578">
        <v>68.761985268991566</v>
      </c>
      <c r="C4578" s="83">
        <v>43291.666666666664</v>
      </c>
      <c r="D4578">
        <v>289676.2475</v>
      </c>
      <c r="E4578">
        <v>37384.292450000001</v>
      </c>
      <c r="F4578">
        <v>107661.3762</v>
      </c>
      <c r="G4578">
        <v>50916.569300000003</v>
      </c>
      <c r="H4578">
        <v>50701.711360000001</v>
      </c>
      <c r="I4578">
        <v>37275.111409999998</v>
      </c>
      <c r="J4578">
        <v>53719.481820000001</v>
      </c>
      <c r="K4578">
        <v>65321.354160000003</v>
      </c>
      <c r="L4578">
        <v>29743.732830000001</v>
      </c>
      <c r="M4578">
        <v>350580.66749999998</v>
      </c>
      <c r="N4578">
        <v>93634.756510000007</v>
      </c>
      <c r="O4578">
        <v>27042.615590000001</v>
      </c>
      <c r="P4578">
        <v>33002.530700000003</v>
      </c>
      <c r="Q4578">
        <v>105559.41800000001</v>
      </c>
      <c r="R4578">
        <v>27849.650320000001</v>
      </c>
      <c r="S4578">
        <v>116853.0842</v>
      </c>
      <c r="T4578">
        <v>31277.95505</v>
      </c>
      <c r="U4578">
        <v>27099.04334</v>
      </c>
      <c r="W4578" s="83">
        <f>Bühler!N4610</f>
        <v>45482.666666655568</v>
      </c>
      <c r="X4578" s="83">
        <v>43291.666666666664</v>
      </c>
      <c r="Y4578">
        <v>289676.2475</v>
      </c>
      <c r="Z4578">
        <v>37384.292450000001</v>
      </c>
      <c r="AA4578">
        <v>107661.3762</v>
      </c>
      <c r="AB4578">
        <v>50916.569300000003</v>
      </c>
      <c r="AC4578">
        <v>50701.711360000001</v>
      </c>
      <c r="AD4578">
        <v>37275.111409999998</v>
      </c>
      <c r="AE4578">
        <v>53719.481820000001</v>
      </c>
      <c r="AF4578">
        <v>65321.354160000003</v>
      </c>
      <c r="AG4578">
        <v>29743.732830000001</v>
      </c>
      <c r="AH4578">
        <v>350580.66749999998</v>
      </c>
      <c r="AI4578">
        <v>93634.756510000007</v>
      </c>
      <c r="AJ4578">
        <v>27042.615590000001</v>
      </c>
      <c r="AK4578">
        <v>33002.530700000003</v>
      </c>
      <c r="AL4578">
        <v>105559.41800000001</v>
      </c>
      <c r="AM4578">
        <v>27849.650320000001</v>
      </c>
      <c r="AN4578">
        <v>116853.0842</v>
      </c>
      <c r="AO4578">
        <v>31277.95505</v>
      </c>
      <c r="AP4578">
        <v>27099.04334</v>
      </c>
    </row>
    <row r="4579" spans="2:42" x14ac:dyDescent="0.3">
      <c r="B4579">
        <v>68.112805382725909</v>
      </c>
      <c r="C4579" s="83">
        <v>43291.708333333336</v>
      </c>
      <c r="D4579">
        <v>281093.91570000001</v>
      </c>
      <c r="E4579">
        <v>34975.099739999998</v>
      </c>
      <c r="F4579">
        <v>106528.77250000001</v>
      </c>
      <c r="G4579">
        <v>46398.047420000003</v>
      </c>
      <c r="H4579">
        <v>48206.125050000002</v>
      </c>
      <c r="I4579">
        <v>37175.437409999999</v>
      </c>
      <c r="J4579">
        <v>53737.447350000002</v>
      </c>
      <c r="K4579">
        <v>59931.985809999998</v>
      </c>
      <c r="L4579">
        <v>30298.81565</v>
      </c>
      <c r="M4579">
        <v>347270.84570000001</v>
      </c>
      <c r="N4579">
        <v>90316.532990000007</v>
      </c>
      <c r="O4579">
        <v>26171.77666</v>
      </c>
      <c r="P4579">
        <v>34839.971669999999</v>
      </c>
      <c r="Q4579">
        <v>103936.12149999999</v>
      </c>
      <c r="R4579">
        <v>29823.363020000001</v>
      </c>
      <c r="S4579">
        <v>112831.48639999999</v>
      </c>
      <c r="T4579">
        <v>30611.09202</v>
      </c>
      <c r="U4579">
        <v>24336.250410000001</v>
      </c>
      <c r="W4579" s="83">
        <f>Bühler!N4611</f>
        <v>45482.708333322233</v>
      </c>
      <c r="X4579" s="83">
        <v>43291.708333333336</v>
      </c>
      <c r="Y4579">
        <v>281093.91570000001</v>
      </c>
      <c r="Z4579">
        <v>34975.099739999998</v>
      </c>
      <c r="AA4579">
        <v>106528.77250000001</v>
      </c>
      <c r="AB4579">
        <v>46398.047420000003</v>
      </c>
      <c r="AC4579">
        <v>48206.125050000002</v>
      </c>
      <c r="AD4579">
        <v>37175.437409999999</v>
      </c>
      <c r="AE4579">
        <v>53737.447350000002</v>
      </c>
      <c r="AF4579">
        <v>59931.985809999998</v>
      </c>
      <c r="AG4579">
        <v>30298.81565</v>
      </c>
      <c r="AH4579">
        <v>347270.84570000001</v>
      </c>
      <c r="AI4579">
        <v>90316.532990000007</v>
      </c>
      <c r="AJ4579">
        <v>26171.77666</v>
      </c>
      <c r="AK4579">
        <v>34839.971669999999</v>
      </c>
      <c r="AL4579">
        <v>103936.12149999999</v>
      </c>
      <c r="AM4579">
        <v>29823.363020000001</v>
      </c>
      <c r="AN4579">
        <v>112831.48639999999</v>
      </c>
      <c r="AO4579">
        <v>30611.09202</v>
      </c>
      <c r="AP4579">
        <v>24336.250410000001</v>
      </c>
    </row>
    <row r="4580" spans="2:42" x14ac:dyDescent="0.3">
      <c r="B4580">
        <v>67.856641879349894</v>
      </c>
      <c r="C4580" s="83">
        <v>43291.75</v>
      </c>
      <c r="D4580">
        <v>274975.5846</v>
      </c>
      <c r="E4580">
        <v>31545.182669999998</v>
      </c>
      <c r="F4580">
        <v>104322.746</v>
      </c>
      <c r="G4580">
        <v>42434.981110000001</v>
      </c>
      <c r="H4580">
        <v>45723.108950000002</v>
      </c>
      <c r="I4580">
        <v>35720.898679999998</v>
      </c>
      <c r="J4580">
        <v>53272.330410000002</v>
      </c>
      <c r="K4580">
        <v>58107.70192</v>
      </c>
      <c r="L4580">
        <v>30555.229149999999</v>
      </c>
      <c r="M4580">
        <v>345964.80469999998</v>
      </c>
      <c r="N4580">
        <v>88470.9804</v>
      </c>
      <c r="O4580">
        <v>24468.38077</v>
      </c>
      <c r="P4580">
        <v>37035.783409999996</v>
      </c>
      <c r="Q4580">
        <v>101395.67389999999</v>
      </c>
      <c r="R4580">
        <v>26647.370910000001</v>
      </c>
      <c r="S4580">
        <v>106206.06080000001</v>
      </c>
      <c r="T4580">
        <v>29570.505079999999</v>
      </c>
      <c r="U4580">
        <v>22503.02318</v>
      </c>
      <c r="W4580" s="83">
        <f>Bühler!N4612</f>
        <v>45482.749999988897</v>
      </c>
      <c r="X4580" s="83">
        <v>43291.75</v>
      </c>
      <c r="Y4580">
        <v>274975.5846</v>
      </c>
      <c r="Z4580">
        <v>31545.182669999998</v>
      </c>
      <c r="AA4580">
        <v>104322.746</v>
      </c>
      <c r="AB4580">
        <v>42434.981110000001</v>
      </c>
      <c r="AC4580">
        <v>45723.108950000002</v>
      </c>
      <c r="AD4580">
        <v>35720.898679999998</v>
      </c>
      <c r="AE4580">
        <v>53272.330410000002</v>
      </c>
      <c r="AF4580">
        <v>58107.70192</v>
      </c>
      <c r="AG4580">
        <v>30555.229149999999</v>
      </c>
      <c r="AH4580">
        <v>345964.80469999998</v>
      </c>
      <c r="AI4580">
        <v>88470.9804</v>
      </c>
      <c r="AJ4580">
        <v>24468.38077</v>
      </c>
      <c r="AK4580">
        <v>37035.783409999996</v>
      </c>
      <c r="AL4580">
        <v>101395.67389999999</v>
      </c>
      <c r="AM4580">
        <v>26647.370910000001</v>
      </c>
      <c r="AN4580">
        <v>106206.06080000001</v>
      </c>
      <c r="AO4580">
        <v>29570.505079999999</v>
      </c>
      <c r="AP4580">
        <v>22503.02318</v>
      </c>
    </row>
    <row r="4581" spans="2:42" x14ac:dyDescent="0.3">
      <c r="B4581">
        <v>66.68483790943128</v>
      </c>
      <c r="C4581" s="83">
        <v>43291.791666666664</v>
      </c>
      <c r="D4581">
        <v>269580.70179999998</v>
      </c>
      <c r="E4581">
        <v>25742.24828</v>
      </c>
      <c r="F4581">
        <v>92216.055189999999</v>
      </c>
      <c r="G4581">
        <v>39077.497340000002</v>
      </c>
      <c r="H4581">
        <v>43219.605049999998</v>
      </c>
      <c r="I4581">
        <v>33647.537680000001</v>
      </c>
      <c r="J4581">
        <v>52697.26352</v>
      </c>
      <c r="K4581">
        <v>56604.760349999997</v>
      </c>
      <c r="L4581">
        <v>31444.043399999999</v>
      </c>
      <c r="M4581">
        <v>339990.40159999998</v>
      </c>
      <c r="N4581">
        <v>88311.694740000006</v>
      </c>
      <c r="O4581">
        <v>22581.986580000001</v>
      </c>
      <c r="P4581">
        <v>40225.200669999998</v>
      </c>
      <c r="Q4581">
        <v>98506.658030000006</v>
      </c>
      <c r="R4581">
        <v>24710.015759999998</v>
      </c>
      <c r="S4581">
        <v>100147.3072</v>
      </c>
      <c r="T4581">
        <v>28974.758849999998</v>
      </c>
      <c r="U4581">
        <v>20755.701789999999</v>
      </c>
      <c r="W4581" s="83">
        <f>Bühler!N4613</f>
        <v>45482.791666655561</v>
      </c>
      <c r="X4581" s="83">
        <v>43291.791666666664</v>
      </c>
      <c r="Y4581">
        <v>269580.70179999998</v>
      </c>
      <c r="Z4581">
        <v>25742.24828</v>
      </c>
      <c r="AA4581">
        <v>92216.055189999999</v>
      </c>
      <c r="AB4581">
        <v>39077.497340000002</v>
      </c>
      <c r="AC4581">
        <v>43219.605049999998</v>
      </c>
      <c r="AD4581">
        <v>33647.537680000001</v>
      </c>
      <c r="AE4581">
        <v>52697.26352</v>
      </c>
      <c r="AF4581">
        <v>56604.760349999997</v>
      </c>
      <c r="AG4581">
        <v>31444.043399999999</v>
      </c>
      <c r="AH4581">
        <v>339990.40159999998</v>
      </c>
      <c r="AI4581">
        <v>88311.694740000006</v>
      </c>
      <c r="AJ4581">
        <v>22581.986580000001</v>
      </c>
      <c r="AK4581">
        <v>40225.200669999998</v>
      </c>
      <c r="AL4581">
        <v>98506.658030000006</v>
      </c>
      <c r="AM4581">
        <v>24710.015759999998</v>
      </c>
      <c r="AN4581">
        <v>100147.3072</v>
      </c>
      <c r="AO4581">
        <v>28974.758849999998</v>
      </c>
      <c r="AP4581">
        <v>20755.701789999999</v>
      </c>
    </row>
    <row r="4582" spans="2:42" x14ac:dyDescent="0.3">
      <c r="B4582">
        <v>64.408066617547547</v>
      </c>
      <c r="C4582" s="83">
        <v>43291.833333333336</v>
      </c>
      <c r="D4582">
        <v>259488.15220000001</v>
      </c>
      <c r="E4582">
        <v>18914.736369999999</v>
      </c>
      <c r="F4582">
        <v>74274.908720000007</v>
      </c>
      <c r="G4582">
        <v>36522.647510000003</v>
      </c>
      <c r="H4582">
        <v>39503.446430000004</v>
      </c>
      <c r="I4582">
        <v>29655.978040000002</v>
      </c>
      <c r="J4582">
        <v>50600.019220000002</v>
      </c>
      <c r="K4582">
        <v>55190.658360000001</v>
      </c>
      <c r="L4582">
        <v>30906.19543</v>
      </c>
      <c r="M4582">
        <v>328382.35979999998</v>
      </c>
      <c r="N4582">
        <v>83315.744529999996</v>
      </c>
      <c r="O4582">
        <v>20828.658200000002</v>
      </c>
      <c r="P4582">
        <v>40161.167000000001</v>
      </c>
      <c r="Q4582">
        <v>94818.208050000001</v>
      </c>
      <c r="R4582">
        <v>22726.658210000001</v>
      </c>
      <c r="S4582">
        <v>91198.683529999995</v>
      </c>
      <c r="T4582">
        <v>27278.859560000001</v>
      </c>
      <c r="U4582">
        <v>19779.10426</v>
      </c>
      <c r="W4582" s="83">
        <f>Bühler!N4614</f>
        <v>45482.833333322225</v>
      </c>
      <c r="X4582" s="83">
        <v>43291.833333333336</v>
      </c>
      <c r="Y4582">
        <v>259488.15220000001</v>
      </c>
      <c r="Z4582">
        <v>18914.736369999999</v>
      </c>
      <c r="AA4582">
        <v>74274.908720000007</v>
      </c>
      <c r="AB4582">
        <v>36522.647510000003</v>
      </c>
      <c r="AC4582">
        <v>39503.446430000004</v>
      </c>
      <c r="AD4582">
        <v>29655.978040000002</v>
      </c>
      <c r="AE4582">
        <v>50600.019220000002</v>
      </c>
      <c r="AF4582">
        <v>55190.658360000001</v>
      </c>
      <c r="AG4582">
        <v>30906.19543</v>
      </c>
      <c r="AH4582">
        <v>328382.35979999998</v>
      </c>
      <c r="AI4582">
        <v>83315.744529999996</v>
      </c>
      <c r="AJ4582">
        <v>20828.658200000002</v>
      </c>
      <c r="AK4582">
        <v>40161.167000000001</v>
      </c>
      <c r="AL4582">
        <v>94818.208050000001</v>
      </c>
      <c r="AM4582">
        <v>22726.658210000001</v>
      </c>
      <c r="AN4582">
        <v>91198.683529999995</v>
      </c>
      <c r="AO4582">
        <v>27278.859560000001</v>
      </c>
      <c r="AP4582">
        <v>19779.10426</v>
      </c>
    </row>
    <row r="4583" spans="2:42" x14ac:dyDescent="0.3">
      <c r="B4583">
        <v>62.359595293130802</v>
      </c>
      <c r="C4583" s="83">
        <v>43291.875</v>
      </c>
      <c r="D4583">
        <v>253283.60579999999</v>
      </c>
      <c r="E4583">
        <v>16099.704180000001</v>
      </c>
      <c r="F4583">
        <v>64921.575429999997</v>
      </c>
      <c r="G4583">
        <v>35125.821539999997</v>
      </c>
      <c r="H4583">
        <v>37265.114009999998</v>
      </c>
      <c r="I4583">
        <v>25380.623070000001</v>
      </c>
      <c r="J4583">
        <v>49130.464110000001</v>
      </c>
      <c r="K4583">
        <v>54799.523330000004</v>
      </c>
      <c r="L4583">
        <v>29188.71948</v>
      </c>
      <c r="M4583">
        <v>317938.2977</v>
      </c>
      <c r="N4583">
        <v>79803.554189999995</v>
      </c>
      <c r="O4583">
        <v>19495.706330000001</v>
      </c>
      <c r="P4583">
        <v>37049.898130000001</v>
      </c>
      <c r="Q4583">
        <v>92475.803050000002</v>
      </c>
      <c r="R4583">
        <v>21981.369890000002</v>
      </c>
      <c r="S4583">
        <v>85956.923779999997</v>
      </c>
      <c r="T4583">
        <v>25498.504840000001</v>
      </c>
      <c r="U4583">
        <v>19586.389139999999</v>
      </c>
      <c r="W4583" s="83">
        <f>Bühler!N4615</f>
        <v>45482.87499998889</v>
      </c>
      <c r="X4583" s="83">
        <v>43291.875</v>
      </c>
      <c r="Y4583">
        <v>253283.60579999999</v>
      </c>
      <c r="Z4583">
        <v>16099.704180000001</v>
      </c>
      <c r="AA4583">
        <v>64921.575429999997</v>
      </c>
      <c r="AB4583">
        <v>35125.821539999997</v>
      </c>
      <c r="AC4583">
        <v>37265.114009999998</v>
      </c>
      <c r="AD4583">
        <v>25380.623070000001</v>
      </c>
      <c r="AE4583">
        <v>49130.464110000001</v>
      </c>
      <c r="AF4583">
        <v>54799.523330000004</v>
      </c>
      <c r="AG4583">
        <v>29188.71948</v>
      </c>
      <c r="AH4583">
        <v>317938.2977</v>
      </c>
      <c r="AI4583">
        <v>79803.554189999995</v>
      </c>
      <c r="AJ4583">
        <v>19495.706330000001</v>
      </c>
      <c r="AK4583">
        <v>37049.898130000001</v>
      </c>
      <c r="AL4583">
        <v>92475.803050000002</v>
      </c>
      <c r="AM4583">
        <v>21981.369890000002</v>
      </c>
      <c r="AN4583">
        <v>85956.923779999997</v>
      </c>
      <c r="AO4583">
        <v>25498.504840000001</v>
      </c>
      <c r="AP4583">
        <v>19586.389139999999</v>
      </c>
    </row>
    <row r="4584" spans="2:42" x14ac:dyDescent="0.3">
      <c r="B4584">
        <v>61.455714186360105</v>
      </c>
      <c r="C4584" s="83">
        <v>43291.916666666664</v>
      </c>
      <c r="D4584">
        <v>251909.93059999999</v>
      </c>
      <c r="E4584">
        <v>15485.38228</v>
      </c>
      <c r="F4584">
        <v>62138.814279999999</v>
      </c>
      <c r="G4584">
        <v>34751.204380000003</v>
      </c>
      <c r="H4584">
        <v>38235.30227</v>
      </c>
      <c r="I4584">
        <v>23908.735270000001</v>
      </c>
      <c r="J4584">
        <v>48910.445570000003</v>
      </c>
      <c r="K4584">
        <v>57633.863380000003</v>
      </c>
      <c r="L4584">
        <v>26338.51209</v>
      </c>
      <c r="M4584">
        <v>313329.89030000003</v>
      </c>
      <c r="N4584">
        <v>79481.797680000003</v>
      </c>
      <c r="O4584">
        <v>18682.491699999999</v>
      </c>
      <c r="P4584">
        <v>39530.163840000001</v>
      </c>
      <c r="Q4584">
        <v>91534.208060000004</v>
      </c>
      <c r="R4584">
        <v>23374.216</v>
      </c>
      <c r="S4584">
        <v>85341.000589999996</v>
      </c>
      <c r="T4584">
        <v>22901.7304</v>
      </c>
      <c r="U4584">
        <v>20003.702249999998</v>
      </c>
      <c r="W4584" s="83">
        <f>Bühler!N4616</f>
        <v>45482.916666655554</v>
      </c>
      <c r="X4584" s="83">
        <v>43291.916666666664</v>
      </c>
      <c r="Y4584">
        <v>251909.93059999999</v>
      </c>
      <c r="Z4584">
        <v>15485.38228</v>
      </c>
      <c r="AA4584">
        <v>62138.814279999999</v>
      </c>
      <c r="AB4584">
        <v>34751.204380000003</v>
      </c>
      <c r="AC4584">
        <v>38235.30227</v>
      </c>
      <c r="AD4584">
        <v>23908.735270000001</v>
      </c>
      <c r="AE4584">
        <v>48910.445570000003</v>
      </c>
      <c r="AF4584">
        <v>57633.863380000003</v>
      </c>
      <c r="AG4584">
        <v>26338.51209</v>
      </c>
      <c r="AH4584">
        <v>313329.89030000003</v>
      </c>
      <c r="AI4584">
        <v>79481.797680000003</v>
      </c>
      <c r="AJ4584">
        <v>18682.491699999999</v>
      </c>
      <c r="AK4584">
        <v>39530.163840000001</v>
      </c>
      <c r="AL4584">
        <v>91534.208060000004</v>
      </c>
      <c r="AM4584">
        <v>23374.216</v>
      </c>
      <c r="AN4584">
        <v>85341.000589999996</v>
      </c>
      <c r="AO4584">
        <v>22901.7304</v>
      </c>
      <c r="AP4584">
        <v>20003.702249999998</v>
      </c>
    </row>
    <row r="4585" spans="2:42" x14ac:dyDescent="0.3">
      <c r="B4585">
        <v>60.860486524459724</v>
      </c>
      <c r="C4585" s="83">
        <v>43291.958333333336</v>
      </c>
      <c r="D4585">
        <v>250270.36780000001</v>
      </c>
      <c r="E4585">
        <v>14893.456029999999</v>
      </c>
      <c r="F4585">
        <v>60200.407789999997</v>
      </c>
      <c r="G4585">
        <v>34878.264600000002</v>
      </c>
      <c r="H4585">
        <v>37592.413439999997</v>
      </c>
      <c r="I4585">
        <v>22950.86262</v>
      </c>
      <c r="J4585">
        <v>44853.53357</v>
      </c>
      <c r="K4585">
        <v>57681.243269999999</v>
      </c>
      <c r="L4585">
        <v>22010.43547</v>
      </c>
      <c r="M4585">
        <v>310295.1421</v>
      </c>
      <c r="N4585">
        <v>79622.596990000005</v>
      </c>
      <c r="O4585">
        <v>18671.89702</v>
      </c>
      <c r="P4585">
        <v>33697.543460000001</v>
      </c>
      <c r="Q4585">
        <v>90751.160550000001</v>
      </c>
      <c r="R4585">
        <v>23378.84722</v>
      </c>
      <c r="S4585">
        <v>83188.930699999997</v>
      </c>
      <c r="T4585">
        <v>20621.535980000001</v>
      </c>
      <c r="U4585">
        <v>19585.142930000002</v>
      </c>
      <c r="W4585" s="83">
        <f>Bühler!N4617</f>
        <v>45482.958333322218</v>
      </c>
      <c r="X4585" s="83">
        <v>43291.958333333336</v>
      </c>
      <c r="Y4585">
        <v>250270.36780000001</v>
      </c>
      <c r="Z4585">
        <v>14893.456029999999</v>
      </c>
      <c r="AA4585">
        <v>60200.407789999997</v>
      </c>
      <c r="AB4585">
        <v>34878.264600000002</v>
      </c>
      <c r="AC4585">
        <v>37592.413439999997</v>
      </c>
      <c r="AD4585">
        <v>22950.86262</v>
      </c>
      <c r="AE4585">
        <v>44853.53357</v>
      </c>
      <c r="AF4585">
        <v>57681.243269999999</v>
      </c>
      <c r="AG4585">
        <v>22010.43547</v>
      </c>
      <c r="AH4585">
        <v>310295.1421</v>
      </c>
      <c r="AI4585">
        <v>79622.596990000005</v>
      </c>
      <c r="AJ4585">
        <v>18671.89702</v>
      </c>
      <c r="AK4585">
        <v>33697.543460000001</v>
      </c>
      <c r="AL4585">
        <v>90751.160550000001</v>
      </c>
      <c r="AM4585">
        <v>23378.84722</v>
      </c>
      <c r="AN4585">
        <v>83188.930699999997</v>
      </c>
      <c r="AO4585">
        <v>20621.535980000001</v>
      </c>
      <c r="AP4585">
        <v>19585.142930000002</v>
      </c>
    </row>
    <row r="4586" spans="2:42" x14ac:dyDescent="0.3">
      <c r="B4586">
        <v>59.919194559755056</v>
      </c>
      <c r="C4586" s="83">
        <v>43292</v>
      </c>
      <c r="D4586">
        <v>250230.87520000001</v>
      </c>
      <c r="E4586">
        <v>14245.203810000001</v>
      </c>
      <c r="F4586">
        <v>58496.603580000003</v>
      </c>
      <c r="G4586">
        <v>34074.354740000002</v>
      </c>
      <c r="H4586">
        <v>36585.539049999999</v>
      </c>
      <c r="I4586">
        <v>21511.617429999998</v>
      </c>
      <c r="J4586">
        <v>40130.063029999998</v>
      </c>
      <c r="K4586">
        <v>54350.054069999998</v>
      </c>
      <c r="L4586">
        <v>19547.998609999999</v>
      </c>
      <c r="M4586">
        <v>305495.99670000002</v>
      </c>
      <c r="N4586">
        <v>78295.52089</v>
      </c>
      <c r="O4586">
        <v>18600.641060000002</v>
      </c>
      <c r="P4586">
        <v>30251.451010000001</v>
      </c>
      <c r="Q4586">
        <v>89753.678100000005</v>
      </c>
      <c r="R4586">
        <v>19184.5609</v>
      </c>
      <c r="S4586">
        <v>81361.650460000004</v>
      </c>
      <c r="T4586">
        <v>19602.549950000001</v>
      </c>
      <c r="U4586">
        <v>19137.13753</v>
      </c>
      <c r="W4586" s="83">
        <f>Bühler!N4618</f>
        <v>45482.999999988882</v>
      </c>
      <c r="X4586" s="83">
        <v>43292</v>
      </c>
      <c r="Y4586">
        <v>250230.87520000001</v>
      </c>
      <c r="Z4586">
        <v>14245.203810000001</v>
      </c>
      <c r="AA4586">
        <v>58496.603580000003</v>
      </c>
      <c r="AB4586">
        <v>34074.354740000002</v>
      </c>
      <c r="AC4586">
        <v>36585.539049999999</v>
      </c>
      <c r="AD4586">
        <v>21511.617429999998</v>
      </c>
      <c r="AE4586">
        <v>40130.063029999998</v>
      </c>
      <c r="AF4586">
        <v>54350.054069999998</v>
      </c>
      <c r="AG4586">
        <v>19547.998609999999</v>
      </c>
      <c r="AH4586">
        <v>305495.99670000002</v>
      </c>
      <c r="AI4586">
        <v>78295.52089</v>
      </c>
      <c r="AJ4586">
        <v>18600.641060000002</v>
      </c>
      <c r="AK4586">
        <v>30251.451010000001</v>
      </c>
      <c r="AL4586">
        <v>89753.678100000005</v>
      </c>
      <c r="AM4586">
        <v>19184.5609</v>
      </c>
      <c r="AN4586">
        <v>81361.650460000004</v>
      </c>
      <c r="AO4586">
        <v>19602.549950000001</v>
      </c>
      <c r="AP4586">
        <v>19137.13753</v>
      </c>
    </row>
    <row r="4587" spans="2:42" x14ac:dyDescent="0.3">
      <c r="B4587">
        <v>59.302479377362786</v>
      </c>
      <c r="C4587" s="83">
        <v>43292.041666666664</v>
      </c>
      <c r="D4587">
        <v>247404.20389999999</v>
      </c>
      <c r="E4587">
        <v>13864.494269999999</v>
      </c>
      <c r="F4587">
        <v>56898.551339999998</v>
      </c>
      <c r="G4587">
        <v>33117.035129999997</v>
      </c>
      <c r="H4587">
        <v>35657.054270000001</v>
      </c>
      <c r="I4587">
        <v>17286.339120000001</v>
      </c>
      <c r="J4587">
        <v>38230.094960000002</v>
      </c>
      <c r="K4587">
        <v>53035.11606</v>
      </c>
      <c r="L4587">
        <v>18365.041079999999</v>
      </c>
      <c r="M4587">
        <v>302351.69510000001</v>
      </c>
      <c r="N4587">
        <v>76287.493369999997</v>
      </c>
      <c r="O4587">
        <v>19305.866450000001</v>
      </c>
      <c r="P4587">
        <v>27952.50951</v>
      </c>
      <c r="Q4587">
        <v>89070.472819999995</v>
      </c>
      <c r="R4587">
        <v>16926.003239999998</v>
      </c>
      <c r="S4587">
        <v>79178.529030000005</v>
      </c>
      <c r="T4587">
        <v>18544.839260000001</v>
      </c>
      <c r="U4587">
        <v>18679.954269999998</v>
      </c>
      <c r="W4587" s="83">
        <f>Bühler!N4619</f>
        <v>45483.041666655547</v>
      </c>
      <c r="X4587" s="83">
        <v>43292.041666666664</v>
      </c>
      <c r="Y4587">
        <v>247404.20389999999</v>
      </c>
      <c r="Z4587">
        <v>13864.494269999999</v>
      </c>
      <c r="AA4587">
        <v>56898.551339999998</v>
      </c>
      <c r="AB4587">
        <v>33117.035129999997</v>
      </c>
      <c r="AC4587">
        <v>35657.054270000001</v>
      </c>
      <c r="AD4587">
        <v>17286.339120000001</v>
      </c>
      <c r="AE4587">
        <v>38230.094960000002</v>
      </c>
      <c r="AF4587">
        <v>53035.11606</v>
      </c>
      <c r="AG4587">
        <v>18365.041079999999</v>
      </c>
      <c r="AH4587">
        <v>302351.69510000001</v>
      </c>
      <c r="AI4587">
        <v>76287.493369999997</v>
      </c>
      <c r="AJ4587">
        <v>19305.866450000001</v>
      </c>
      <c r="AK4587">
        <v>27952.50951</v>
      </c>
      <c r="AL4587">
        <v>89070.472819999995</v>
      </c>
      <c r="AM4587">
        <v>16926.003239999998</v>
      </c>
      <c r="AN4587">
        <v>79178.529030000005</v>
      </c>
      <c r="AO4587">
        <v>18544.839260000001</v>
      </c>
      <c r="AP4587">
        <v>18679.954269999998</v>
      </c>
    </row>
    <row r="4588" spans="2:42" x14ac:dyDescent="0.3">
      <c r="B4588">
        <v>59.045124888385864</v>
      </c>
      <c r="C4588" s="83">
        <v>43292.083333333336</v>
      </c>
      <c r="D4588">
        <v>248117.30859999999</v>
      </c>
      <c r="E4588">
        <v>13588.346240000001</v>
      </c>
      <c r="F4588">
        <v>58053.991269999999</v>
      </c>
      <c r="G4588">
        <v>32239.235690000001</v>
      </c>
      <c r="H4588">
        <v>35297.59362</v>
      </c>
      <c r="I4588">
        <v>15845.309789999999</v>
      </c>
      <c r="J4588">
        <v>37266.651259999999</v>
      </c>
      <c r="K4588">
        <v>50659.533020000003</v>
      </c>
      <c r="L4588">
        <v>17061.74757</v>
      </c>
      <c r="M4588">
        <v>301039.58189999999</v>
      </c>
      <c r="N4588">
        <v>75365.766489999995</v>
      </c>
      <c r="O4588">
        <v>19022.226470000001</v>
      </c>
      <c r="P4588">
        <v>26390.734779999999</v>
      </c>
      <c r="Q4588">
        <v>91136.076260000002</v>
      </c>
      <c r="R4588">
        <v>17355.27608</v>
      </c>
      <c r="S4588">
        <v>77712.422839999999</v>
      </c>
      <c r="T4588">
        <v>17732.18274</v>
      </c>
      <c r="U4588">
        <v>18528.39486</v>
      </c>
      <c r="W4588" s="83">
        <f>Bühler!N4620</f>
        <v>45483.083333322211</v>
      </c>
      <c r="X4588" s="83">
        <v>43292.083333333336</v>
      </c>
      <c r="Y4588">
        <v>248117.30859999999</v>
      </c>
      <c r="Z4588">
        <v>13588.346240000001</v>
      </c>
      <c r="AA4588">
        <v>58053.991269999999</v>
      </c>
      <c r="AB4588">
        <v>32239.235690000001</v>
      </c>
      <c r="AC4588">
        <v>35297.59362</v>
      </c>
      <c r="AD4588">
        <v>15845.309789999999</v>
      </c>
      <c r="AE4588">
        <v>37266.651259999999</v>
      </c>
      <c r="AF4588">
        <v>50659.533020000003</v>
      </c>
      <c r="AG4588">
        <v>17061.74757</v>
      </c>
      <c r="AH4588">
        <v>301039.58189999999</v>
      </c>
      <c r="AI4588">
        <v>75365.766489999995</v>
      </c>
      <c r="AJ4588">
        <v>19022.226470000001</v>
      </c>
      <c r="AK4588">
        <v>26390.734779999999</v>
      </c>
      <c r="AL4588">
        <v>91136.076260000002</v>
      </c>
      <c r="AM4588">
        <v>17355.27608</v>
      </c>
      <c r="AN4588">
        <v>77712.422839999999</v>
      </c>
      <c r="AO4588">
        <v>17732.18274</v>
      </c>
      <c r="AP4588">
        <v>18528.39486</v>
      </c>
    </row>
    <row r="4589" spans="2:42" x14ac:dyDescent="0.3">
      <c r="B4589">
        <v>59.658827341268946</v>
      </c>
      <c r="C4589" s="83">
        <v>43292.125</v>
      </c>
      <c r="D4589">
        <v>247446.84080000001</v>
      </c>
      <c r="E4589">
        <v>13408.00167</v>
      </c>
      <c r="F4589">
        <v>59319.885670000003</v>
      </c>
      <c r="G4589">
        <v>31500.951410000001</v>
      </c>
      <c r="H4589">
        <v>35086.259669999999</v>
      </c>
      <c r="I4589">
        <v>15365.357040000001</v>
      </c>
      <c r="J4589">
        <v>37140.827100000002</v>
      </c>
      <c r="K4589">
        <v>49574.645199999999</v>
      </c>
      <c r="L4589">
        <v>16720.94947</v>
      </c>
      <c r="M4589">
        <v>304168.5232</v>
      </c>
      <c r="N4589">
        <v>73835.851949999997</v>
      </c>
      <c r="O4589">
        <v>18265.400509999999</v>
      </c>
      <c r="P4589">
        <v>25014.246599999999</v>
      </c>
      <c r="Q4589">
        <v>93645.717279999997</v>
      </c>
      <c r="R4589">
        <v>16871.410970000001</v>
      </c>
      <c r="S4589">
        <v>75635.612959999999</v>
      </c>
      <c r="T4589">
        <v>17483.419860000002</v>
      </c>
      <c r="U4589">
        <v>18250.078839999998</v>
      </c>
      <c r="W4589" s="83">
        <f>Bühler!N4621</f>
        <v>45483.124999988875</v>
      </c>
      <c r="X4589" s="83">
        <v>43292.125</v>
      </c>
      <c r="Y4589">
        <v>247446.84080000001</v>
      </c>
      <c r="Z4589">
        <v>13408.00167</v>
      </c>
      <c r="AA4589">
        <v>59319.885670000003</v>
      </c>
      <c r="AB4589">
        <v>31500.951410000001</v>
      </c>
      <c r="AC4589">
        <v>35086.259669999999</v>
      </c>
      <c r="AD4589">
        <v>15365.357040000001</v>
      </c>
      <c r="AE4589">
        <v>37140.827100000002</v>
      </c>
      <c r="AF4589">
        <v>49574.645199999999</v>
      </c>
      <c r="AG4589">
        <v>16720.94947</v>
      </c>
      <c r="AH4589">
        <v>304168.5232</v>
      </c>
      <c r="AI4589">
        <v>73835.851949999997</v>
      </c>
      <c r="AJ4589">
        <v>18265.400509999999</v>
      </c>
      <c r="AK4589">
        <v>25014.246599999999</v>
      </c>
      <c r="AL4589">
        <v>93645.717279999997</v>
      </c>
      <c r="AM4589">
        <v>16871.410970000001</v>
      </c>
      <c r="AN4589">
        <v>75635.612959999999</v>
      </c>
      <c r="AO4589">
        <v>17483.419860000002</v>
      </c>
      <c r="AP4589">
        <v>18250.078839999998</v>
      </c>
    </row>
    <row r="4590" spans="2:42" x14ac:dyDescent="0.3">
      <c r="B4590">
        <v>60.908498746877584</v>
      </c>
      <c r="C4590" s="83">
        <v>43292.166666666664</v>
      </c>
      <c r="D4590">
        <v>246978.10389999999</v>
      </c>
      <c r="E4590">
        <v>13879.48307</v>
      </c>
      <c r="F4590">
        <v>62207.506390000002</v>
      </c>
      <c r="G4590">
        <v>30949.224399999999</v>
      </c>
      <c r="H4590">
        <v>35357.84186</v>
      </c>
      <c r="I4590">
        <v>16686.88636</v>
      </c>
      <c r="J4590">
        <v>39314.866829999999</v>
      </c>
      <c r="K4590">
        <v>48795.576260000002</v>
      </c>
      <c r="L4590">
        <v>16737.043870000001</v>
      </c>
      <c r="M4590">
        <v>310539.93079999997</v>
      </c>
      <c r="N4590">
        <v>73021.499110000004</v>
      </c>
      <c r="O4590">
        <v>18071.889630000001</v>
      </c>
      <c r="P4590">
        <v>24571.593339999999</v>
      </c>
      <c r="Q4590">
        <v>97689.764769999994</v>
      </c>
      <c r="R4590">
        <v>16729.566030000002</v>
      </c>
      <c r="S4590">
        <v>75866.361959999995</v>
      </c>
      <c r="T4590">
        <v>17591.027020000001</v>
      </c>
      <c r="U4590">
        <v>18645.073240000002</v>
      </c>
      <c r="W4590" s="83">
        <f>Bühler!N4622</f>
        <v>45483.166666655539</v>
      </c>
      <c r="X4590" s="83">
        <v>43292.166666666664</v>
      </c>
      <c r="Y4590">
        <v>246978.10389999999</v>
      </c>
      <c r="Z4590">
        <v>13879.48307</v>
      </c>
      <c r="AA4590">
        <v>62207.506390000002</v>
      </c>
      <c r="AB4590">
        <v>30949.224399999999</v>
      </c>
      <c r="AC4590">
        <v>35357.84186</v>
      </c>
      <c r="AD4590">
        <v>16686.88636</v>
      </c>
      <c r="AE4590">
        <v>39314.866829999999</v>
      </c>
      <c r="AF4590">
        <v>48795.576260000002</v>
      </c>
      <c r="AG4590">
        <v>16737.043870000001</v>
      </c>
      <c r="AH4590">
        <v>310539.93079999997</v>
      </c>
      <c r="AI4590">
        <v>73021.499110000004</v>
      </c>
      <c r="AJ4590">
        <v>18071.889630000001</v>
      </c>
      <c r="AK4590">
        <v>24571.593339999999</v>
      </c>
      <c r="AL4590">
        <v>97689.764769999994</v>
      </c>
      <c r="AM4590">
        <v>16729.566030000002</v>
      </c>
      <c r="AN4590">
        <v>75866.361959999995</v>
      </c>
      <c r="AO4590">
        <v>17591.027020000001</v>
      </c>
      <c r="AP4590">
        <v>18645.073240000002</v>
      </c>
    </row>
    <row r="4591" spans="2:42" x14ac:dyDescent="0.3">
      <c r="B4591">
        <v>63.434525111711864</v>
      </c>
      <c r="C4591" s="83">
        <v>43292.208333333336</v>
      </c>
      <c r="D4591">
        <v>262394.4191</v>
      </c>
      <c r="E4591">
        <v>15647.38026</v>
      </c>
      <c r="F4591">
        <v>70530.441080000004</v>
      </c>
      <c r="G4591">
        <v>31926.09319</v>
      </c>
      <c r="H4591">
        <v>36922.668089999999</v>
      </c>
      <c r="I4591">
        <v>22824.234799999998</v>
      </c>
      <c r="J4591">
        <v>41742.348469999997</v>
      </c>
      <c r="K4591">
        <v>50076.144379999998</v>
      </c>
      <c r="L4591">
        <v>17510.987069999999</v>
      </c>
      <c r="M4591">
        <v>323418.79119999998</v>
      </c>
      <c r="N4591">
        <v>74168.019889999996</v>
      </c>
      <c r="O4591">
        <v>19246.897860000001</v>
      </c>
      <c r="P4591">
        <v>25701.428510000002</v>
      </c>
      <c r="Q4591">
        <v>100368.3026</v>
      </c>
      <c r="R4591">
        <v>18809.90639</v>
      </c>
      <c r="S4591">
        <v>77641.998810000005</v>
      </c>
      <c r="T4591">
        <v>18650.918979999999</v>
      </c>
      <c r="U4591">
        <v>21352.31538</v>
      </c>
      <c r="W4591" s="83">
        <f>Bühler!N4623</f>
        <v>45483.208333322204</v>
      </c>
      <c r="X4591" s="83">
        <v>43292.208333333336</v>
      </c>
      <c r="Y4591">
        <v>262394.4191</v>
      </c>
      <c r="Z4591">
        <v>15647.38026</v>
      </c>
      <c r="AA4591">
        <v>70530.441080000004</v>
      </c>
      <c r="AB4591">
        <v>31926.09319</v>
      </c>
      <c r="AC4591">
        <v>36922.668089999999</v>
      </c>
      <c r="AD4591">
        <v>22824.234799999998</v>
      </c>
      <c r="AE4591">
        <v>41742.348469999997</v>
      </c>
      <c r="AF4591">
        <v>50076.144379999998</v>
      </c>
      <c r="AG4591">
        <v>17510.987069999999</v>
      </c>
      <c r="AH4591">
        <v>323418.79119999998</v>
      </c>
      <c r="AI4591">
        <v>74168.019889999996</v>
      </c>
      <c r="AJ4591">
        <v>19246.897860000001</v>
      </c>
      <c r="AK4591">
        <v>25701.428510000002</v>
      </c>
      <c r="AL4591">
        <v>100368.3026</v>
      </c>
      <c r="AM4591">
        <v>18809.90639</v>
      </c>
      <c r="AN4591">
        <v>77641.998810000005</v>
      </c>
      <c r="AO4591">
        <v>18650.918979999999</v>
      </c>
      <c r="AP4591">
        <v>21352.31538</v>
      </c>
    </row>
    <row r="4592" spans="2:42" x14ac:dyDescent="0.3">
      <c r="B4592">
        <v>66.175760762321119</v>
      </c>
      <c r="C4592" s="83">
        <v>43292.25</v>
      </c>
      <c r="D4592">
        <v>277590.91989999998</v>
      </c>
      <c r="E4592">
        <v>19258.25518</v>
      </c>
      <c r="F4592">
        <v>81011.651240000007</v>
      </c>
      <c r="G4592">
        <v>37149.54075</v>
      </c>
      <c r="H4592">
        <v>38538.76874</v>
      </c>
      <c r="I4592">
        <v>28114.089169999999</v>
      </c>
      <c r="J4592">
        <v>43369.722549999999</v>
      </c>
      <c r="K4592">
        <v>52028.916100000002</v>
      </c>
      <c r="L4592">
        <v>18660.46184</v>
      </c>
      <c r="M4592">
        <v>337394.88890000002</v>
      </c>
      <c r="N4592">
        <v>75561.992840000006</v>
      </c>
      <c r="O4592">
        <v>21200.034449999999</v>
      </c>
      <c r="P4592">
        <v>27031.455870000002</v>
      </c>
      <c r="Q4592">
        <v>101364.40029999999</v>
      </c>
      <c r="R4592">
        <v>18396.65597</v>
      </c>
      <c r="S4592">
        <v>84286.667360000007</v>
      </c>
      <c r="T4592">
        <v>20388.450870000001</v>
      </c>
      <c r="U4592">
        <v>23755.36276</v>
      </c>
      <c r="W4592" s="83">
        <f>Bühler!N4624</f>
        <v>45483.249999988868</v>
      </c>
      <c r="X4592" s="83">
        <v>43292.25</v>
      </c>
      <c r="Y4592">
        <v>277590.91989999998</v>
      </c>
      <c r="Z4592">
        <v>19258.25518</v>
      </c>
      <c r="AA4592">
        <v>81011.651240000007</v>
      </c>
      <c r="AB4592">
        <v>37149.54075</v>
      </c>
      <c r="AC4592">
        <v>38538.76874</v>
      </c>
      <c r="AD4592">
        <v>28114.089169999999</v>
      </c>
      <c r="AE4592">
        <v>43369.722549999999</v>
      </c>
      <c r="AF4592">
        <v>52028.916100000002</v>
      </c>
      <c r="AG4592">
        <v>18660.46184</v>
      </c>
      <c r="AH4592">
        <v>337394.88890000002</v>
      </c>
      <c r="AI4592">
        <v>75561.992840000006</v>
      </c>
      <c r="AJ4592">
        <v>21200.034449999999</v>
      </c>
      <c r="AK4592">
        <v>27031.455870000002</v>
      </c>
      <c r="AL4592">
        <v>101364.40029999999</v>
      </c>
      <c r="AM4592">
        <v>18396.65597</v>
      </c>
      <c r="AN4592">
        <v>84286.667360000007</v>
      </c>
      <c r="AO4592">
        <v>20388.450870000001</v>
      </c>
      <c r="AP4592">
        <v>23755.36276</v>
      </c>
    </row>
    <row r="4593" spans="2:42" x14ac:dyDescent="0.3">
      <c r="B4593">
        <v>68.042943982039802</v>
      </c>
      <c r="C4593" s="83">
        <v>43292.291666666664</v>
      </c>
      <c r="D4593">
        <v>287305.71830000001</v>
      </c>
      <c r="E4593">
        <v>23803.1669</v>
      </c>
      <c r="F4593">
        <v>83290.539720000001</v>
      </c>
      <c r="G4593">
        <v>43549.186730000001</v>
      </c>
      <c r="H4593">
        <v>43205.774960000002</v>
      </c>
      <c r="I4593">
        <v>33650.359400000001</v>
      </c>
      <c r="J4593">
        <v>45237.814050000001</v>
      </c>
      <c r="K4593">
        <v>56336.733719999997</v>
      </c>
      <c r="L4593">
        <v>20769.331849999999</v>
      </c>
      <c r="M4593">
        <v>346914.65970000002</v>
      </c>
      <c r="N4593">
        <v>80224.215079999994</v>
      </c>
      <c r="O4593">
        <v>24299.901180000001</v>
      </c>
      <c r="P4593">
        <v>30600.415580000001</v>
      </c>
      <c r="Q4593">
        <v>100877.35980000001</v>
      </c>
      <c r="R4593">
        <v>20457.382020000001</v>
      </c>
      <c r="S4593">
        <v>97956.637400000007</v>
      </c>
      <c r="T4593">
        <v>23599.693790000001</v>
      </c>
      <c r="U4593">
        <v>26878.34734</v>
      </c>
      <c r="W4593" s="83">
        <f>Bühler!N4625</f>
        <v>45483.291666655532</v>
      </c>
      <c r="X4593" s="83">
        <v>43292.291666666664</v>
      </c>
      <c r="Y4593">
        <v>287305.71830000001</v>
      </c>
      <c r="Z4593">
        <v>23803.1669</v>
      </c>
      <c r="AA4593">
        <v>83290.539720000001</v>
      </c>
      <c r="AB4593">
        <v>43549.186730000001</v>
      </c>
      <c r="AC4593">
        <v>43205.774960000002</v>
      </c>
      <c r="AD4593">
        <v>33650.359400000001</v>
      </c>
      <c r="AE4593">
        <v>45237.814050000001</v>
      </c>
      <c r="AF4593">
        <v>56336.733719999997</v>
      </c>
      <c r="AG4593">
        <v>20769.331849999999</v>
      </c>
      <c r="AH4593">
        <v>346914.65970000002</v>
      </c>
      <c r="AI4593">
        <v>80224.215079999994</v>
      </c>
      <c r="AJ4593">
        <v>24299.901180000001</v>
      </c>
      <c r="AK4593">
        <v>30600.415580000001</v>
      </c>
      <c r="AL4593">
        <v>100877.35980000001</v>
      </c>
      <c r="AM4593">
        <v>20457.382020000001</v>
      </c>
      <c r="AN4593">
        <v>97956.637400000007</v>
      </c>
      <c r="AO4593">
        <v>23599.693790000001</v>
      </c>
      <c r="AP4593">
        <v>26878.34734</v>
      </c>
    </row>
    <row r="4594" spans="2:42" x14ac:dyDescent="0.3">
      <c r="B4594">
        <v>69.054460888126087</v>
      </c>
      <c r="C4594" s="83">
        <v>43292.333333333336</v>
      </c>
      <c r="D4594">
        <v>300641.75020000001</v>
      </c>
      <c r="E4594">
        <v>29758.372510000001</v>
      </c>
      <c r="F4594">
        <v>92000.209449999995</v>
      </c>
      <c r="G4594">
        <v>50130.65307</v>
      </c>
      <c r="H4594">
        <v>47698.90683</v>
      </c>
      <c r="I4594">
        <v>37447.571900000003</v>
      </c>
      <c r="J4594">
        <v>49109.055699999997</v>
      </c>
      <c r="K4594">
        <v>63068.9061</v>
      </c>
      <c r="L4594">
        <v>24105.33725</v>
      </c>
      <c r="M4594">
        <v>352071.84460000001</v>
      </c>
      <c r="N4594">
        <v>85853.914770000003</v>
      </c>
      <c r="O4594">
        <v>26568.31567</v>
      </c>
      <c r="P4594">
        <v>33259.282500000001</v>
      </c>
      <c r="Q4594">
        <v>102270.7806</v>
      </c>
      <c r="R4594">
        <v>22838.462790000001</v>
      </c>
      <c r="S4594">
        <v>109729.8873</v>
      </c>
      <c r="T4594">
        <v>27150.9591</v>
      </c>
      <c r="U4594">
        <v>30378.955379999999</v>
      </c>
      <c r="W4594" s="83">
        <f>Bühler!N4626</f>
        <v>45483.333333322196</v>
      </c>
      <c r="X4594" s="83">
        <v>43292.333333333336</v>
      </c>
      <c r="Y4594">
        <v>300641.75020000001</v>
      </c>
      <c r="Z4594">
        <v>29758.372510000001</v>
      </c>
      <c r="AA4594">
        <v>92000.209449999995</v>
      </c>
      <c r="AB4594">
        <v>50130.65307</v>
      </c>
      <c r="AC4594">
        <v>47698.90683</v>
      </c>
      <c r="AD4594">
        <v>37447.571900000003</v>
      </c>
      <c r="AE4594">
        <v>49109.055699999997</v>
      </c>
      <c r="AF4594">
        <v>63068.9061</v>
      </c>
      <c r="AG4594">
        <v>24105.33725</v>
      </c>
      <c r="AH4594">
        <v>352071.84460000001</v>
      </c>
      <c r="AI4594">
        <v>85853.914770000003</v>
      </c>
      <c r="AJ4594">
        <v>26568.31567</v>
      </c>
      <c r="AK4594">
        <v>33259.282500000001</v>
      </c>
      <c r="AL4594">
        <v>102270.7806</v>
      </c>
      <c r="AM4594">
        <v>22838.462790000001</v>
      </c>
      <c r="AN4594">
        <v>109729.8873</v>
      </c>
      <c r="AO4594">
        <v>27150.9591</v>
      </c>
      <c r="AP4594">
        <v>30378.955379999999</v>
      </c>
    </row>
    <row r="4595" spans="2:42" x14ac:dyDescent="0.3">
      <c r="B4595">
        <v>69.275244399186434</v>
      </c>
      <c r="C4595" s="83">
        <v>43292.375</v>
      </c>
      <c r="D4595">
        <v>299979.56219999999</v>
      </c>
      <c r="E4595">
        <v>34593.649389999999</v>
      </c>
      <c r="F4595">
        <v>99643.077590000001</v>
      </c>
      <c r="G4595">
        <v>54662.359129999997</v>
      </c>
      <c r="H4595">
        <v>50352.848669999999</v>
      </c>
      <c r="I4595">
        <v>36692.408309999999</v>
      </c>
      <c r="J4595">
        <v>51488.090850000001</v>
      </c>
      <c r="K4595">
        <v>65992.768240000005</v>
      </c>
      <c r="L4595">
        <v>27942.382880000001</v>
      </c>
      <c r="M4595">
        <v>353197.50189999997</v>
      </c>
      <c r="N4595">
        <v>90735.126690000005</v>
      </c>
      <c r="O4595">
        <v>27855.181049999999</v>
      </c>
      <c r="P4595">
        <v>36279.655980000003</v>
      </c>
      <c r="Q4595">
        <v>102417.9037</v>
      </c>
      <c r="R4595">
        <v>23678.863850000002</v>
      </c>
      <c r="S4595">
        <v>116420.7714</v>
      </c>
      <c r="T4595">
        <v>29825.14185</v>
      </c>
      <c r="U4595">
        <v>30657.888510000001</v>
      </c>
      <c r="W4595" s="83">
        <f>Bühler!N4627</f>
        <v>45483.374999988861</v>
      </c>
      <c r="X4595" s="83">
        <v>43292.375</v>
      </c>
      <c r="Y4595">
        <v>299979.56219999999</v>
      </c>
      <c r="Z4595">
        <v>34593.649389999999</v>
      </c>
      <c r="AA4595">
        <v>99643.077590000001</v>
      </c>
      <c r="AB4595">
        <v>54662.359129999997</v>
      </c>
      <c r="AC4595">
        <v>50352.848669999999</v>
      </c>
      <c r="AD4595">
        <v>36692.408309999999</v>
      </c>
      <c r="AE4595">
        <v>51488.090850000001</v>
      </c>
      <c r="AF4595">
        <v>65992.768240000005</v>
      </c>
      <c r="AG4595">
        <v>27942.382880000001</v>
      </c>
      <c r="AH4595">
        <v>353197.50189999997</v>
      </c>
      <c r="AI4595">
        <v>90735.126690000005</v>
      </c>
      <c r="AJ4595">
        <v>27855.181049999999</v>
      </c>
      <c r="AK4595">
        <v>36279.655980000003</v>
      </c>
      <c r="AL4595">
        <v>102417.9037</v>
      </c>
      <c r="AM4595">
        <v>23678.863850000002</v>
      </c>
      <c r="AN4595">
        <v>116420.7714</v>
      </c>
      <c r="AO4595">
        <v>29825.14185</v>
      </c>
      <c r="AP4595">
        <v>30657.888510000001</v>
      </c>
    </row>
    <row r="4596" spans="2:42" x14ac:dyDescent="0.3">
      <c r="B4596">
        <v>70.254960016586026</v>
      </c>
      <c r="C4596" s="83">
        <v>43292.416666666664</v>
      </c>
      <c r="D4596">
        <v>304010.81679999997</v>
      </c>
      <c r="E4596">
        <v>36727.114739999997</v>
      </c>
      <c r="F4596">
        <v>101771.4737</v>
      </c>
      <c r="G4596">
        <v>56205.446759999999</v>
      </c>
      <c r="H4596">
        <v>51697.23777</v>
      </c>
      <c r="I4596">
        <v>35843.141839999997</v>
      </c>
      <c r="J4596">
        <v>51869.822350000002</v>
      </c>
      <c r="K4596">
        <v>68031.254629999996</v>
      </c>
      <c r="L4596">
        <v>31331.1914</v>
      </c>
      <c r="M4596">
        <v>358192.549</v>
      </c>
      <c r="N4596">
        <v>93826.813510000007</v>
      </c>
      <c r="O4596">
        <v>27719.98532</v>
      </c>
      <c r="P4596">
        <v>38014.195299999999</v>
      </c>
      <c r="Q4596">
        <v>103326.7101</v>
      </c>
      <c r="R4596">
        <v>25054.396069999999</v>
      </c>
      <c r="S4596">
        <v>116831.5505</v>
      </c>
      <c r="T4596">
        <v>31523.990030000001</v>
      </c>
      <c r="U4596">
        <v>30519.475450000002</v>
      </c>
      <c r="W4596" s="83">
        <f>Bühler!N4628</f>
        <v>45483.416666655525</v>
      </c>
      <c r="X4596" s="83">
        <v>43292.416666666664</v>
      </c>
      <c r="Y4596">
        <v>304010.81679999997</v>
      </c>
      <c r="Z4596">
        <v>36727.114739999997</v>
      </c>
      <c r="AA4596">
        <v>101771.4737</v>
      </c>
      <c r="AB4596">
        <v>56205.446759999999</v>
      </c>
      <c r="AC4596">
        <v>51697.23777</v>
      </c>
      <c r="AD4596">
        <v>35843.141839999997</v>
      </c>
      <c r="AE4596">
        <v>51869.822350000002</v>
      </c>
      <c r="AF4596">
        <v>68031.254629999996</v>
      </c>
      <c r="AG4596">
        <v>31331.1914</v>
      </c>
      <c r="AH4596">
        <v>358192.549</v>
      </c>
      <c r="AI4596">
        <v>93826.813510000007</v>
      </c>
      <c r="AJ4596">
        <v>27719.98532</v>
      </c>
      <c r="AK4596">
        <v>38014.195299999999</v>
      </c>
      <c r="AL4596">
        <v>103326.7101</v>
      </c>
      <c r="AM4596">
        <v>25054.396069999999</v>
      </c>
      <c r="AN4596">
        <v>116831.5505</v>
      </c>
      <c r="AO4596">
        <v>31523.990030000001</v>
      </c>
      <c r="AP4596">
        <v>30519.475450000002</v>
      </c>
    </row>
    <row r="4597" spans="2:42" x14ac:dyDescent="0.3">
      <c r="B4597">
        <v>70.605614758638168</v>
      </c>
      <c r="C4597" s="83">
        <v>43292.458333333336</v>
      </c>
      <c r="D4597">
        <v>302614.34330000001</v>
      </c>
      <c r="E4597">
        <v>36708.665869999997</v>
      </c>
      <c r="F4597">
        <v>103343.9932</v>
      </c>
      <c r="G4597">
        <v>56131.769569999997</v>
      </c>
      <c r="H4597">
        <v>51721.155530000004</v>
      </c>
      <c r="I4597">
        <v>36257.727169999998</v>
      </c>
      <c r="J4597">
        <v>51245.975839999999</v>
      </c>
      <c r="K4597">
        <v>69301.94515</v>
      </c>
      <c r="L4597">
        <v>32690.66849</v>
      </c>
      <c r="M4597">
        <v>359980.3504</v>
      </c>
      <c r="N4597">
        <v>96684.313729999994</v>
      </c>
      <c r="O4597">
        <v>27844.859349999999</v>
      </c>
      <c r="P4597">
        <v>37610.751810000002</v>
      </c>
      <c r="Q4597">
        <v>103689.24920000001</v>
      </c>
      <c r="R4597">
        <v>27304.734250000001</v>
      </c>
      <c r="S4597">
        <v>120188.2251</v>
      </c>
      <c r="T4597">
        <v>31957.26755</v>
      </c>
      <c r="U4597">
        <v>30732.603459999998</v>
      </c>
      <c r="W4597" s="83">
        <f>Bühler!N4629</f>
        <v>45483.458333322189</v>
      </c>
      <c r="X4597" s="83">
        <v>43292.458333333336</v>
      </c>
      <c r="Y4597">
        <v>302614.34330000001</v>
      </c>
      <c r="Z4597">
        <v>36708.665869999997</v>
      </c>
      <c r="AA4597">
        <v>103343.9932</v>
      </c>
      <c r="AB4597">
        <v>56131.769569999997</v>
      </c>
      <c r="AC4597">
        <v>51721.155530000004</v>
      </c>
      <c r="AD4597">
        <v>36257.727169999998</v>
      </c>
      <c r="AE4597">
        <v>51245.975839999999</v>
      </c>
      <c r="AF4597">
        <v>69301.94515</v>
      </c>
      <c r="AG4597">
        <v>32690.66849</v>
      </c>
      <c r="AH4597">
        <v>359980.3504</v>
      </c>
      <c r="AI4597">
        <v>96684.313729999994</v>
      </c>
      <c r="AJ4597">
        <v>27844.859349999999</v>
      </c>
      <c r="AK4597">
        <v>37610.751810000002</v>
      </c>
      <c r="AL4597">
        <v>103689.24920000001</v>
      </c>
      <c r="AM4597">
        <v>27304.734250000001</v>
      </c>
      <c r="AN4597">
        <v>120188.2251</v>
      </c>
      <c r="AO4597">
        <v>31957.26755</v>
      </c>
      <c r="AP4597">
        <v>30732.603459999998</v>
      </c>
    </row>
    <row r="4598" spans="2:42" x14ac:dyDescent="0.3">
      <c r="B4598">
        <v>70.059056006829067</v>
      </c>
      <c r="C4598" s="83">
        <v>43292.5</v>
      </c>
      <c r="D4598">
        <v>290670.17729999998</v>
      </c>
      <c r="E4598">
        <v>33393.026519999999</v>
      </c>
      <c r="F4598">
        <v>98067.197960000005</v>
      </c>
      <c r="G4598">
        <v>52252.025739999997</v>
      </c>
      <c r="H4598">
        <v>50066.709560000003</v>
      </c>
      <c r="I4598">
        <v>34670.196709999997</v>
      </c>
      <c r="J4598">
        <v>52613.64675</v>
      </c>
      <c r="K4598">
        <v>64635.95205</v>
      </c>
      <c r="L4598">
        <v>36277.488069999999</v>
      </c>
      <c r="M4598">
        <v>357193.739</v>
      </c>
      <c r="N4598">
        <v>95930.071379999994</v>
      </c>
      <c r="O4598">
        <v>26961.793430000002</v>
      </c>
      <c r="P4598">
        <v>39338.522199999999</v>
      </c>
      <c r="Q4598">
        <v>103636.36470000001</v>
      </c>
      <c r="R4598">
        <v>27107.75043</v>
      </c>
      <c r="S4598">
        <v>114869.558</v>
      </c>
      <c r="T4598">
        <v>30635.07143</v>
      </c>
      <c r="U4598">
        <v>26523.119070000001</v>
      </c>
      <c r="W4598" s="83">
        <f>Bühler!N4630</f>
        <v>45483.499999988853</v>
      </c>
      <c r="X4598" s="83">
        <v>43292.5</v>
      </c>
      <c r="Y4598">
        <v>290670.17729999998</v>
      </c>
      <c r="Z4598">
        <v>33393.026519999999</v>
      </c>
      <c r="AA4598">
        <v>98067.197960000005</v>
      </c>
      <c r="AB4598">
        <v>52252.025739999997</v>
      </c>
      <c r="AC4598">
        <v>50066.709560000003</v>
      </c>
      <c r="AD4598">
        <v>34670.196709999997</v>
      </c>
      <c r="AE4598">
        <v>52613.64675</v>
      </c>
      <c r="AF4598">
        <v>64635.95205</v>
      </c>
      <c r="AG4598">
        <v>36277.488069999999</v>
      </c>
      <c r="AH4598">
        <v>357193.739</v>
      </c>
      <c r="AI4598">
        <v>95930.071379999994</v>
      </c>
      <c r="AJ4598">
        <v>26961.793430000002</v>
      </c>
      <c r="AK4598">
        <v>39338.522199999999</v>
      </c>
      <c r="AL4598">
        <v>103636.36470000001</v>
      </c>
      <c r="AM4598">
        <v>27107.75043</v>
      </c>
      <c r="AN4598">
        <v>114869.558</v>
      </c>
      <c r="AO4598">
        <v>30635.07143</v>
      </c>
      <c r="AP4598">
        <v>26523.119070000001</v>
      </c>
    </row>
    <row r="4599" spans="2:42" x14ac:dyDescent="0.3">
      <c r="B4599">
        <v>69.91313530242472</v>
      </c>
      <c r="C4599" s="83">
        <v>43292.541666666664</v>
      </c>
      <c r="D4599">
        <v>291628.10220000002</v>
      </c>
      <c r="E4599">
        <v>33911.613640000003</v>
      </c>
      <c r="F4599">
        <v>95346.412469999996</v>
      </c>
      <c r="G4599">
        <v>51166.787989999997</v>
      </c>
      <c r="H4599">
        <v>50715.071830000001</v>
      </c>
      <c r="I4599">
        <v>34921.105680000001</v>
      </c>
      <c r="J4599">
        <v>51064.487480000003</v>
      </c>
      <c r="K4599">
        <v>66475.313649999996</v>
      </c>
      <c r="L4599">
        <v>35380.631269999998</v>
      </c>
      <c r="M4599">
        <v>356449.7672</v>
      </c>
      <c r="N4599">
        <v>95208.406300000002</v>
      </c>
      <c r="O4599">
        <v>27872.45102</v>
      </c>
      <c r="P4599">
        <v>38029.710160000002</v>
      </c>
      <c r="Q4599">
        <v>102090.0386</v>
      </c>
      <c r="R4599">
        <v>26336.445510000001</v>
      </c>
      <c r="S4599">
        <v>114186.8897</v>
      </c>
      <c r="T4599">
        <v>30926.04234</v>
      </c>
      <c r="U4599">
        <v>28291.046050000001</v>
      </c>
      <c r="W4599" s="83">
        <f>Bühler!N4631</f>
        <v>45483.541666655517</v>
      </c>
      <c r="X4599" s="83">
        <v>43292.541666666664</v>
      </c>
      <c r="Y4599">
        <v>291628.10220000002</v>
      </c>
      <c r="Z4599">
        <v>33911.613640000003</v>
      </c>
      <c r="AA4599">
        <v>95346.412469999996</v>
      </c>
      <c r="AB4599">
        <v>51166.787989999997</v>
      </c>
      <c r="AC4599">
        <v>50715.071830000001</v>
      </c>
      <c r="AD4599">
        <v>34921.105680000001</v>
      </c>
      <c r="AE4599">
        <v>51064.487480000003</v>
      </c>
      <c r="AF4599">
        <v>66475.313649999996</v>
      </c>
      <c r="AG4599">
        <v>35380.631269999998</v>
      </c>
      <c r="AH4599">
        <v>356449.7672</v>
      </c>
      <c r="AI4599">
        <v>95208.406300000002</v>
      </c>
      <c r="AJ4599">
        <v>27872.45102</v>
      </c>
      <c r="AK4599">
        <v>38029.710160000002</v>
      </c>
      <c r="AL4599">
        <v>102090.0386</v>
      </c>
      <c r="AM4599">
        <v>26336.445510000001</v>
      </c>
      <c r="AN4599">
        <v>114186.8897</v>
      </c>
      <c r="AO4599">
        <v>30926.04234</v>
      </c>
      <c r="AP4599">
        <v>28291.046050000001</v>
      </c>
    </row>
    <row r="4600" spans="2:42" x14ac:dyDescent="0.3">
      <c r="B4600">
        <v>70.295235892943225</v>
      </c>
      <c r="C4600" s="83">
        <v>43292.583333333336</v>
      </c>
      <c r="D4600">
        <v>295979.23950000003</v>
      </c>
      <c r="E4600">
        <v>36556.636610000001</v>
      </c>
      <c r="F4600">
        <v>101780.5999</v>
      </c>
      <c r="G4600">
        <v>51125.137730000002</v>
      </c>
      <c r="H4600">
        <v>50829.869209999997</v>
      </c>
      <c r="I4600">
        <v>35619.388290000003</v>
      </c>
      <c r="J4600">
        <v>49427.001340000003</v>
      </c>
      <c r="K4600">
        <v>68247.511889999994</v>
      </c>
      <c r="L4600">
        <v>32265.77132</v>
      </c>
      <c r="M4600">
        <v>358397.89419999998</v>
      </c>
      <c r="N4600">
        <v>98743.028789999997</v>
      </c>
      <c r="O4600">
        <v>26762.484079999998</v>
      </c>
      <c r="P4600">
        <v>34387.834029999998</v>
      </c>
      <c r="Q4600">
        <v>101898.314</v>
      </c>
      <c r="R4600">
        <v>26290.623920000002</v>
      </c>
      <c r="S4600">
        <v>110709.31110000001</v>
      </c>
      <c r="T4600">
        <v>30416.531709999999</v>
      </c>
      <c r="U4600">
        <v>29007.819769999998</v>
      </c>
      <c r="W4600" s="83">
        <f>Bühler!N4632</f>
        <v>45483.583333322182</v>
      </c>
      <c r="X4600" s="83">
        <v>43292.583333333336</v>
      </c>
      <c r="Y4600">
        <v>295979.23950000003</v>
      </c>
      <c r="Z4600">
        <v>36556.636610000001</v>
      </c>
      <c r="AA4600">
        <v>101780.5999</v>
      </c>
      <c r="AB4600">
        <v>51125.137730000002</v>
      </c>
      <c r="AC4600">
        <v>50829.869209999997</v>
      </c>
      <c r="AD4600">
        <v>35619.388290000003</v>
      </c>
      <c r="AE4600">
        <v>49427.001340000003</v>
      </c>
      <c r="AF4600">
        <v>68247.511889999994</v>
      </c>
      <c r="AG4600">
        <v>32265.77132</v>
      </c>
      <c r="AH4600">
        <v>358397.89419999998</v>
      </c>
      <c r="AI4600">
        <v>98743.028789999997</v>
      </c>
      <c r="AJ4600">
        <v>26762.484079999998</v>
      </c>
      <c r="AK4600">
        <v>34387.834029999998</v>
      </c>
      <c r="AL4600">
        <v>101898.314</v>
      </c>
      <c r="AM4600">
        <v>26290.623920000002</v>
      </c>
      <c r="AN4600">
        <v>110709.31110000001</v>
      </c>
      <c r="AO4600">
        <v>30416.531709999999</v>
      </c>
      <c r="AP4600">
        <v>29007.819769999998</v>
      </c>
    </row>
    <row r="4601" spans="2:42" x14ac:dyDescent="0.3">
      <c r="B4601">
        <v>70.244140566912293</v>
      </c>
      <c r="C4601" s="83">
        <v>43292.625</v>
      </c>
      <c r="D4601">
        <v>291599.68060000002</v>
      </c>
      <c r="E4601">
        <v>36595.697359999998</v>
      </c>
      <c r="F4601">
        <v>104013.7104</v>
      </c>
      <c r="G4601">
        <v>49353.285550000001</v>
      </c>
      <c r="H4601">
        <v>50071.096579999998</v>
      </c>
      <c r="I4601">
        <v>35998.643669999998</v>
      </c>
      <c r="J4601">
        <v>49246.535179999999</v>
      </c>
      <c r="K4601">
        <v>67364.110620000007</v>
      </c>
      <c r="L4601">
        <v>29273.06265</v>
      </c>
      <c r="M4601">
        <v>358137.38640000002</v>
      </c>
      <c r="N4601">
        <v>97613.100059999997</v>
      </c>
      <c r="O4601">
        <v>25889.214650000002</v>
      </c>
      <c r="P4601">
        <v>32913.985919999999</v>
      </c>
      <c r="Q4601">
        <v>100801.2426</v>
      </c>
      <c r="R4601">
        <v>26585.533660000001</v>
      </c>
      <c r="S4601">
        <v>108738.2175</v>
      </c>
      <c r="T4601">
        <v>29994.30503</v>
      </c>
      <c r="U4601">
        <v>27361.074519999998</v>
      </c>
      <c r="W4601" s="83">
        <f>Bühler!N4633</f>
        <v>45483.624999988846</v>
      </c>
      <c r="X4601" s="83">
        <v>43292.625</v>
      </c>
      <c r="Y4601">
        <v>291599.68060000002</v>
      </c>
      <c r="Z4601">
        <v>36595.697359999998</v>
      </c>
      <c r="AA4601">
        <v>104013.7104</v>
      </c>
      <c r="AB4601">
        <v>49353.285550000001</v>
      </c>
      <c r="AC4601">
        <v>50071.096579999998</v>
      </c>
      <c r="AD4601">
        <v>35998.643669999998</v>
      </c>
      <c r="AE4601">
        <v>49246.535179999999</v>
      </c>
      <c r="AF4601">
        <v>67364.110620000007</v>
      </c>
      <c r="AG4601">
        <v>29273.06265</v>
      </c>
      <c r="AH4601">
        <v>358137.38640000002</v>
      </c>
      <c r="AI4601">
        <v>97613.100059999997</v>
      </c>
      <c r="AJ4601">
        <v>25889.214650000002</v>
      </c>
      <c r="AK4601">
        <v>32913.985919999999</v>
      </c>
      <c r="AL4601">
        <v>100801.2426</v>
      </c>
      <c r="AM4601">
        <v>26585.533660000001</v>
      </c>
      <c r="AN4601">
        <v>108738.2175</v>
      </c>
      <c r="AO4601">
        <v>29994.30503</v>
      </c>
      <c r="AP4601">
        <v>27361.074519999998</v>
      </c>
    </row>
    <row r="4602" spans="2:42" x14ac:dyDescent="0.3">
      <c r="B4602">
        <v>68.876511944434128</v>
      </c>
      <c r="C4602" s="83">
        <v>43292.666666666664</v>
      </c>
      <c r="D4602">
        <v>286151.9154</v>
      </c>
      <c r="E4602">
        <v>35642.343690000002</v>
      </c>
      <c r="F4602">
        <v>103858.1804</v>
      </c>
      <c r="G4602">
        <v>46777.311280000002</v>
      </c>
      <c r="H4602">
        <v>48622.971429999998</v>
      </c>
      <c r="I4602">
        <v>36780.529640000001</v>
      </c>
      <c r="J4602">
        <v>49398.169679999999</v>
      </c>
      <c r="K4602">
        <v>62638.62268</v>
      </c>
      <c r="L4602">
        <v>28315.518960000001</v>
      </c>
      <c r="M4602">
        <v>351164.57789999997</v>
      </c>
      <c r="N4602">
        <v>92493.160130000004</v>
      </c>
      <c r="O4602">
        <v>25383.919170000001</v>
      </c>
      <c r="P4602">
        <v>32124.563470000001</v>
      </c>
      <c r="Q4602">
        <v>100323.11900000001</v>
      </c>
      <c r="R4602">
        <v>26569.005789999999</v>
      </c>
      <c r="S4602">
        <v>106751.7273</v>
      </c>
      <c r="T4602">
        <v>29558.042580000001</v>
      </c>
      <c r="U4602">
        <v>26022.74871</v>
      </c>
      <c r="W4602" s="83">
        <f>Bühler!N4634</f>
        <v>45483.66666665551</v>
      </c>
      <c r="X4602" s="83">
        <v>43292.666666666664</v>
      </c>
      <c r="Y4602">
        <v>286151.9154</v>
      </c>
      <c r="Z4602">
        <v>35642.343690000002</v>
      </c>
      <c r="AA4602">
        <v>103858.1804</v>
      </c>
      <c r="AB4602">
        <v>46777.311280000002</v>
      </c>
      <c r="AC4602">
        <v>48622.971429999998</v>
      </c>
      <c r="AD4602">
        <v>36780.529640000001</v>
      </c>
      <c r="AE4602">
        <v>49398.169679999999</v>
      </c>
      <c r="AF4602">
        <v>62638.62268</v>
      </c>
      <c r="AG4602">
        <v>28315.518960000001</v>
      </c>
      <c r="AH4602">
        <v>351164.57789999997</v>
      </c>
      <c r="AI4602">
        <v>92493.160130000004</v>
      </c>
      <c r="AJ4602">
        <v>25383.919170000001</v>
      </c>
      <c r="AK4602">
        <v>32124.563470000001</v>
      </c>
      <c r="AL4602">
        <v>100323.11900000001</v>
      </c>
      <c r="AM4602">
        <v>26569.005789999999</v>
      </c>
      <c r="AN4602">
        <v>106751.7273</v>
      </c>
      <c r="AO4602">
        <v>29558.042580000001</v>
      </c>
      <c r="AP4602">
        <v>26022.74871</v>
      </c>
    </row>
    <row r="4603" spans="2:42" x14ac:dyDescent="0.3">
      <c r="B4603">
        <v>67.501687059876517</v>
      </c>
      <c r="C4603" s="83">
        <v>43292.708333333336</v>
      </c>
      <c r="D4603">
        <v>278392.641</v>
      </c>
      <c r="E4603">
        <v>33483.867810000003</v>
      </c>
      <c r="F4603">
        <v>102898.8106</v>
      </c>
      <c r="G4603">
        <v>43792.489139999998</v>
      </c>
      <c r="H4603">
        <v>46335.733039999999</v>
      </c>
      <c r="I4603">
        <v>36289.650289999998</v>
      </c>
      <c r="J4603">
        <v>49102.607830000001</v>
      </c>
      <c r="K4603">
        <v>58810.342689999998</v>
      </c>
      <c r="L4603">
        <v>29230.427100000001</v>
      </c>
      <c r="M4603">
        <v>344155.07949999999</v>
      </c>
      <c r="N4603">
        <v>88072.022580000004</v>
      </c>
      <c r="O4603">
        <v>24276.978940000001</v>
      </c>
      <c r="P4603">
        <v>32849.743069999997</v>
      </c>
      <c r="Q4603">
        <v>98434.552549999993</v>
      </c>
      <c r="R4603">
        <v>26906.086940000001</v>
      </c>
      <c r="S4603">
        <v>102921.4179</v>
      </c>
      <c r="T4603">
        <v>29013.340459999999</v>
      </c>
      <c r="U4603">
        <v>23261.790219999999</v>
      </c>
      <c r="W4603" s="83">
        <f>Bühler!N4635</f>
        <v>45483.708333322174</v>
      </c>
      <c r="X4603" s="83">
        <v>43292.708333333336</v>
      </c>
      <c r="Y4603">
        <v>278392.641</v>
      </c>
      <c r="Z4603">
        <v>33483.867810000003</v>
      </c>
      <c r="AA4603">
        <v>102898.8106</v>
      </c>
      <c r="AB4603">
        <v>43792.489139999998</v>
      </c>
      <c r="AC4603">
        <v>46335.733039999999</v>
      </c>
      <c r="AD4603">
        <v>36289.650289999998</v>
      </c>
      <c r="AE4603">
        <v>49102.607830000001</v>
      </c>
      <c r="AF4603">
        <v>58810.342689999998</v>
      </c>
      <c r="AG4603">
        <v>29230.427100000001</v>
      </c>
      <c r="AH4603">
        <v>344155.07949999999</v>
      </c>
      <c r="AI4603">
        <v>88072.022580000004</v>
      </c>
      <c r="AJ4603">
        <v>24276.978940000001</v>
      </c>
      <c r="AK4603">
        <v>32849.743069999997</v>
      </c>
      <c r="AL4603">
        <v>98434.552549999993</v>
      </c>
      <c r="AM4603">
        <v>26906.086940000001</v>
      </c>
      <c r="AN4603">
        <v>102921.4179</v>
      </c>
      <c r="AO4603">
        <v>29013.340459999999</v>
      </c>
      <c r="AP4603">
        <v>23261.790219999999</v>
      </c>
    </row>
    <row r="4604" spans="2:42" x14ac:dyDescent="0.3">
      <c r="B4604">
        <v>66.366555078642307</v>
      </c>
      <c r="C4604" s="83">
        <v>43292.75</v>
      </c>
      <c r="D4604">
        <v>271089.76659999997</v>
      </c>
      <c r="E4604">
        <v>30206.463479999999</v>
      </c>
      <c r="F4604">
        <v>100580.645</v>
      </c>
      <c r="G4604">
        <v>40145.966130000001</v>
      </c>
      <c r="H4604">
        <v>44174.517820000001</v>
      </c>
      <c r="I4604">
        <v>35275.377419999997</v>
      </c>
      <c r="J4604">
        <v>49040.153960000003</v>
      </c>
      <c r="K4604">
        <v>55925.257290000001</v>
      </c>
      <c r="L4604">
        <v>29434.599429999998</v>
      </c>
      <c r="M4604">
        <v>338367.64730000001</v>
      </c>
      <c r="N4604">
        <v>85399.011549999996</v>
      </c>
      <c r="O4604">
        <v>23179.159110000001</v>
      </c>
      <c r="P4604">
        <v>36224.575779999999</v>
      </c>
      <c r="Q4604">
        <v>97015.260380000007</v>
      </c>
      <c r="R4604">
        <v>24085.409</v>
      </c>
      <c r="S4604">
        <v>96583.253150000004</v>
      </c>
      <c r="T4604">
        <v>28359.1603</v>
      </c>
      <c r="U4604">
        <v>22047.989140000001</v>
      </c>
      <c r="W4604" s="83">
        <f>Bühler!N4636</f>
        <v>45483.749999988839</v>
      </c>
      <c r="X4604" s="83">
        <v>43292.75</v>
      </c>
      <c r="Y4604">
        <v>271089.76659999997</v>
      </c>
      <c r="Z4604">
        <v>30206.463479999999</v>
      </c>
      <c r="AA4604">
        <v>100580.645</v>
      </c>
      <c r="AB4604">
        <v>40145.966130000001</v>
      </c>
      <c r="AC4604">
        <v>44174.517820000001</v>
      </c>
      <c r="AD4604">
        <v>35275.377419999997</v>
      </c>
      <c r="AE4604">
        <v>49040.153960000003</v>
      </c>
      <c r="AF4604">
        <v>55925.257290000001</v>
      </c>
      <c r="AG4604">
        <v>29434.599429999998</v>
      </c>
      <c r="AH4604">
        <v>338367.64730000001</v>
      </c>
      <c r="AI4604">
        <v>85399.011549999996</v>
      </c>
      <c r="AJ4604">
        <v>23179.159110000001</v>
      </c>
      <c r="AK4604">
        <v>36224.575779999999</v>
      </c>
      <c r="AL4604">
        <v>97015.260380000007</v>
      </c>
      <c r="AM4604">
        <v>24085.409</v>
      </c>
      <c r="AN4604">
        <v>96583.253150000004</v>
      </c>
      <c r="AO4604">
        <v>28359.1603</v>
      </c>
      <c r="AP4604">
        <v>22047.989140000001</v>
      </c>
    </row>
    <row r="4605" spans="2:42" x14ac:dyDescent="0.3">
      <c r="B4605">
        <v>65.753997146406917</v>
      </c>
      <c r="C4605" s="83">
        <v>43292.791666666664</v>
      </c>
      <c r="D4605">
        <v>265148.39449999999</v>
      </c>
      <c r="E4605">
        <v>24772.62887</v>
      </c>
      <c r="F4605">
        <v>88611.246039999998</v>
      </c>
      <c r="G4605">
        <v>37657.05704</v>
      </c>
      <c r="H4605">
        <v>41597.469279999998</v>
      </c>
      <c r="I4605">
        <v>33685.831180000001</v>
      </c>
      <c r="J4605">
        <v>48189.04999</v>
      </c>
      <c r="K4605">
        <v>54758.172570000002</v>
      </c>
      <c r="L4605">
        <v>30304.284350000002</v>
      </c>
      <c r="M4605">
        <v>335244.54129999998</v>
      </c>
      <c r="N4605">
        <v>82019.531770000001</v>
      </c>
      <c r="O4605">
        <v>22010.425459999999</v>
      </c>
      <c r="P4605">
        <v>39117.940340000001</v>
      </c>
      <c r="Q4605">
        <v>95231.060870000001</v>
      </c>
      <c r="R4605">
        <v>22824.82098</v>
      </c>
      <c r="S4605">
        <v>91640.294139999998</v>
      </c>
      <c r="T4605">
        <v>27981.613679999999</v>
      </c>
      <c r="U4605">
        <v>20752.239420000002</v>
      </c>
      <c r="W4605" s="83">
        <f>Bühler!N4637</f>
        <v>45483.791666655503</v>
      </c>
      <c r="X4605" s="83">
        <v>43292.791666666664</v>
      </c>
      <c r="Y4605">
        <v>265148.39449999999</v>
      </c>
      <c r="Z4605">
        <v>24772.62887</v>
      </c>
      <c r="AA4605">
        <v>88611.246039999998</v>
      </c>
      <c r="AB4605">
        <v>37657.05704</v>
      </c>
      <c r="AC4605">
        <v>41597.469279999998</v>
      </c>
      <c r="AD4605">
        <v>33685.831180000001</v>
      </c>
      <c r="AE4605">
        <v>48189.04999</v>
      </c>
      <c r="AF4605">
        <v>54758.172570000002</v>
      </c>
      <c r="AG4605">
        <v>30304.284350000002</v>
      </c>
      <c r="AH4605">
        <v>335244.54129999998</v>
      </c>
      <c r="AI4605">
        <v>82019.531770000001</v>
      </c>
      <c r="AJ4605">
        <v>22010.425459999999</v>
      </c>
      <c r="AK4605">
        <v>39117.940340000001</v>
      </c>
      <c r="AL4605">
        <v>95231.060870000001</v>
      </c>
      <c r="AM4605">
        <v>22824.82098</v>
      </c>
      <c r="AN4605">
        <v>91640.294139999998</v>
      </c>
      <c r="AO4605">
        <v>27981.613679999999</v>
      </c>
      <c r="AP4605">
        <v>20752.239420000002</v>
      </c>
    </row>
    <row r="4606" spans="2:42" x14ac:dyDescent="0.3">
      <c r="B4606">
        <v>64.022972303235193</v>
      </c>
      <c r="C4606" s="83">
        <v>43292.833333333336</v>
      </c>
      <c r="D4606">
        <v>256613.2009</v>
      </c>
      <c r="E4606">
        <v>18311.7186</v>
      </c>
      <c r="F4606">
        <v>70828.591539999994</v>
      </c>
      <c r="G4606">
        <v>34738.303769999999</v>
      </c>
      <c r="H4606">
        <v>38681.544410000002</v>
      </c>
      <c r="I4606">
        <v>30556.996360000001</v>
      </c>
      <c r="J4606">
        <v>46713.265379999997</v>
      </c>
      <c r="K4606">
        <v>55906.346169999997</v>
      </c>
      <c r="L4606">
        <v>30178.95249</v>
      </c>
      <c r="M4606">
        <v>326418.9694</v>
      </c>
      <c r="N4606">
        <v>78620.096179999993</v>
      </c>
      <c r="O4606">
        <v>19771.223549999999</v>
      </c>
      <c r="P4606">
        <v>38409.010770000001</v>
      </c>
      <c r="Q4606">
        <v>91262.197279999993</v>
      </c>
      <c r="R4606">
        <v>21584.620999999999</v>
      </c>
      <c r="S4606">
        <v>83681.113079999996</v>
      </c>
      <c r="T4606">
        <v>26345.397280000001</v>
      </c>
      <c r="U4606">
        <v>20172.616590000001</v>
      </c>
      <c r="W4606" s="83">
        <f>Bühler!N4638</f>
        <v>45483.833333322167</v>
      </c>
      <c r="X4606" s="83">
        <v>43292.833333333336</v>
      </c>
      <c r="Y4606">
        <v>256613.2009</v>
      </c>
      <c r="Z4606">
        <v>18311.7186</v>
      </c>
      <c r="AA4606">
        <v>70828.591539999994</v>
      </c>
      <c r="AB4606">
        <v>34738.303769999999</v>
      </c>
      <c r="AC4606">
        <v>38681.544410000002</v>
      </c>
      <c r="AD4606">
        <v>30556.996360000001</v>
      </c>
      <c r="AE4606">
        <v>46713.265379999997</v>
      </c>
      <c r="AF4606">
        <v>55906.346169999997</v>
      </c>
      <c r="AG4606">
        <v>30178.95249</v>
      </c>
      <c r="AH4606">
        <v>326418.9694</v>
      </c>
      <c r="AI4606">
        <v>78620.096179999993</v>
      </c>
      <c r="AJ4606">
        <v>19771.223549999999</v>
      </c>
      <c r="AK4606">
        <v>38409.010770000001</v>
      </c>
      <c r="AL4606">
        <v>91262.197279999993</v>
      </c>
      <c r="AM4606">
        <v>21584.620999999999</v>
      </c>
      <c r="AN4606">
        <v>83681.113079999996</v>
      </c>
      <c r="AO4606">
        <v>26345.397280000001</v>
      </c>
      <c r="AP4606">
        <v>20172.616590000001</v>
      </c>
    </row>
    <row r="4607" spans="2:42" x14ac:dyDescent="0.3">
      <c r="B4607">
        <v>62.27787475757065</v>
      </c>
      <c r="C4607" s="83">
        <v>43292.875</v>
      </c>
      <c r="D4607">
        <v>248398.61110000001</v>
      </c>
      <c r="E4607">
        <v>15378.471229999999</v>
      </c>
      <c r="F4607">
        <v>61923.827920000003</v>
      </c>
      <c r="G4607">
        <v>33416.926780000002</v>
      </c>
      <c r="H4607">
        <v>36500.467409999997</v>
      </c>
      <c r="I4607">
        <v>26696.512159999998</v>
      </c>
      <c r="J4607">
        <v>46181.268049999999</v>
      </c>
      <c r="K4607">
        <v>55310.59345</v>
      </c>
      <c r="L4607">
        <v>28920.857650000002</v>
      </c>
      <c r="M4607">
        <v>317521.6483</v>
      </c>
      <c r="N4607">
        <v>77940.540949999995</v>
      </c>
      <c r="O4607">
        <v>19037.285540000001</v>
      </c>
      <c r="P4607">
        <v>37007.179179999999</v>
      </c>
      <c r="Q4607">
        <v>89301.407219999994</v>
      </c>
      <c r="R4607">
        <v>21116.60297</v>
      </c>
      <c r="S4607">
        <v>79673.582290000006</v>
      </c>
      <c r="T4607">
        <v>24714.222330000001</v>
      </c>
      <c r="U4607">
        <v>19705.739290000001</v>
      </c>
      <c r="W4607" s="83">
        <f>Bühler!N4639</f>
        <v>45483.874999988831</v>
      </c>
      <c r="X4607" s="83">
        <v>43292.875</v>
      </c>
      <c r="Y4607">
        <v>248398.61110000001</v>
      </c>
      <c r="Z4607">
        <v>15378.471229999999</v>
      </c>
      <c r="AA4607">
        <v>61923.827920000003</v>
      </c>
      <c r="AB4607">
        <v>33416.926780000002</v>
      </c>
      <c r="AC4607">
        <v>36500.467409999997</v>
      </c>
      <c r="AD4607">
        <v>26696.512159999998</v>
      </c>
      <c r="AE4607">
        <v>46181.268049999999</v>
      </c>
      <c r="AF4607">
        <v>55310.59345</v>
      </c>
      <c r="AG4607">
        <v>28920.857650000002</v>
      </c>
      <c r="AH4607">
        <v>317521.6483</v>
      </c>
      <c r="AI4607">
        <v>77940.540949999995</v>
      </c>
      <c r="AJ4607">
        <v>19037.285540000001</v>
      </c>
      <c r="AK4607">
        <v>37007.179179999999</v>
      </c>
      <c r="AL4607">
        <v>89301.407219999994</v>
      </c>
      <c r="AM4607">
        <v>21116.60297</v>
      </c>
      <c r="AN4607">
        <v>79673.582290000006</v>
      </c>
      <c r="AO4607">
        <v>24714.222330000001</v>
      </c>
      <c r="AP4607">
        <v>19705.739290000001</v>
      </c>
    </row>
    <row r="4608" spans="2:42" x14ac:dyDescent="0.3">
      <c r="B4608">
        <v>61.474567012593155</v>
      </c>
      <c r="C4608" s="83">
        <v>43292.916666666664</v>
      </c>
      <c r="D4608">
        <v>249028.31330000001</v>
      </c>
      <c r="E4608">
        <v>14770.774799999999</v>
      </c>
      <c r="F4608">
        <v>58858.228219999997</v>
      </c>
      <c r="G4608">
        <v>33568.179089999998</v>
      </c>
      <c r="H4608">
        <v>37578.085910000002</v>
      </c>
      <c r="I4608">
        <v>25238.568879999999</v>
      </c>
      <c r="J4608">
        <v>46033.821519999998</v>
      </c>
      <c r="K4608">
        <v>57508.455240000003</v>
      </c>
      <c r="L4608">
        <v>25898.614679999999</v>
      </c>
      <c r="M4608">
        <v>313426.01079999999</v>
      </c>
      <c r="N4608">
        <v>76421.426300000006</v>
      </c>
      <c r="O4608">
        <v>18523.88406</v>
      </c>
      <c r="P4608">
        <v>39267.74901</v>
      </c>
      <c r="Q4608">
        <v>88858.70998</v>
      </c>
      <c r="R4608">
        <v>22350.79708</v>
      </c>
      <c r="S4608">
        <v>79238.499129999997</v>
      </c>
      <c r="T4608">
        <v>22651.076509999999</v>
      </c>
      <c r="U4608">
        <v>20364.295040000001</v>
      </c>
      <c r="W4608" s="83">
        <f>Bühler!N4640</f>
        <v>45483.916666655496</v>
      </c>
      <c r="X4608" s="83">
        <v>43292.916666666664</v>
      </c>
      <c r="Y4608">
        <v>249028.31330000001</v>
      </c>
      <c r="Z4608">
        <v>14770.774799999999</v>
      </c>
      <c r="AA4608">
        <v>58858.228219999997</v>
      </c>
      <c r="AB4608">
        <v>33568.179089999998</v>
      </c>
      <c r="AC4608">
        <v>37578.085910000002</v>
      </c>
      <c r="AD4608">
        <v>25238.568879999999</v>
      </c>
      <c r="AE4608">
        <v>46033.821519999998</v>
      </c>
      <c r="AF4608">
        <v>57508.455240000003</v>
      </c>
      <c r="AG4608">
        <v>25898.614679999999</v>
      </c>
      <c r="AH4608">
        <v>313426.01079999999</v>
      </c>
      <c r="AI4608">
        <v>76421.426300000006</v>
      </c>
      <c r="AJ4608">
        <v>18523.88406</v>
      </c>
      <c r="AK4608">
        <v>39267.74901</v>
      </c>
      <c r="AL4608">
        <v>88858.70998</v>
      </c>
      <c r="AM4608">
        <v>22350.79708</v>
      </c>
      <c r="AN4608">
        <v>79238.499129999997</v>
      </c>
      <c r="AO4608">
        <v>22651.076509999999</v>
      </c>
      <c r="AP4608">
        <v>20364.295040000001</v>
      </c>
    </row>
    <row r="4609" spans="2:42" x14ac:dyDescent="0.3">
      <c r="B4609">
        <v>60.871512232237251</v>
      </c>
      <c r="C4609" s="83">
        <v>43292.958333333336</v>
      </c>
      <c r="D4609">
        <v>248623.41829999999</v>
      </c>
      <c r="E4609">
        <v>14244.238069999999</v>
      </c>
      <c r="F4609">
        <v>57334.438329999997</v>
      </c>
      <c r="G4609">
        <v>33541.748939999998</v>
      </c>
      <c r="H4609">
        <v>36704.931879999996</v>
      </c>
      <c r="I4609">
        <v>24125.29983</v>
      </c>
      <c r="J4609">
        <v>41499.586069999998</v>
      </c>
      <c r="K4609">
        <v>56532.595410000002</v>
      </c>
      <c r="L4609">
        <v>22063.817869999999</v>
      </c>
      <c r="M4609">
        <v>310351.35629999998</v>
      </c>
      <c r="N4609">
        <v>76394.512489999994</v>
      </c>
      <c r="O4609">
        <v>18003.488420000001</v>
      </c>
      <c r="P4609">
        <v>33358.974459999998</v>
      </c>
      <c r="Q4609">
        <v>88341.873089999994</v>
      </c>
      <c r="R4609">
        <v>22669.818630000002</v>
      </c>
      <c r="S4609">
        <v>77455.922019999998</v>
      </c>
      <c r="T4609">
        <v>20538.760050000001</v>
      </c>
      <c r="U4609">
        <v>20175.501240000001</v>
      </c>
      <c r="W4609" s="83">
        <f>Bühler!N4641</f>
        <v>45483.95833332216</v>
      </c>
      <c r="X4609" s="83">
        <v>43292.958333333336</v>
      </c>
      <c r="Y4609">
        <v>248623.41829999999</v>
      </c>
      <c r="Z4609">
        <v>14244.238069999999</v>
      </c>
      <c r="AA4609">
        <v>57334.438329999997</v>
      </c>
      <c r="AB4609">
        <v>33541.748939999998</v>
      </c>
      <c r="AC4609">
        <v>36704.931879999996</v>
      </c>
      <c r="AD4609">
        <v>24125.29983</v>
      </c>
      <c r="AE4609">
        <v>41499.586069999998</v>
      </c>
      <c r="AF4609">
        <v>56532.595410000002</v>
      </c>
      <c r="AG4609">
        <v>22063.817869999999</v>
      </c>
      <c r="AH4609">
        <v>310351.35629999998</v>
      </c>
      <c r="AI4609">
        <v>76394.512489999994</v>
      </c>
      <c r="AJ4609">
        <v>18003.488420000001</v>
      </c>
      <c r="AK4609">
        <v>33358.974459999998</v>
      </c>
      <c r="AL4609">
        <v>88341.873089999994</v>
      </c>
      <c r="AM4609">
        <v>22669.818630000002</v>
      </c>
      <c r="AN4609">
        <v>77455.922019999998</v>
      </c>
      <c r="AO4609">
        <v>20538.760050000001</v>
      </c>
      <c r="AP4609">
        <v>20175.501240000001</v>
      </c>
    </row>
    <row r="4610" spans="2:42" x14ac:dyDescent="0.3">
      <c r="B4610">
        <v>60.028721398327029</v>
      </c>
      <c r="C4610" s="83">
        <v>43293</v>
      </c>
      <c r="D4610">
        <v>247774.7751</v>
      </c>
      <c r="E4610">
        <v>13815.56544</v>
      </c>
      <c r="F4610">
        <v>55799.312460000001</v>
      </c>
      <c r="G4610">
        <v>32881.997519999997</v>
      </c>
      <c r="H4610">
        <v>35798.733670000001</v>
      </c>
      <c r="I4610">
        <v>22508.494869999999</v>
      </c>
      <c r="J4610">
        <v>38194.529170000002</v>
      </c>
      <c r="K4610">
        <v>53916.856930000002</v>
      </c>
      <c r="L4610">
        <v>19917.951690000002</v>
      </c>
      <c r="M4610">
        <v>306054.41560000001</v>
      </c>
      <c r="N4610">
        <v>76386.84878</v>
      </c>
      <c r="O4610">
        <v>17519.256410000002</v>
      </c>
      <c r="P4610">
        <v>30019.29148</v>
      </c>
      <c r="Q4610">
        <v>87335.863230000003</v>
      </c>
      <c r="R4610">
        <v>18490.383699999998</v>
      </c>
      <c r="S4610">
        <v>75816.425860000003</v>
      </c>
      <c r="T4610">
        <v>19052.259139999998</v>
      </c>
      <c r="U4610">
        <v>19509.039860000001</v>
      </c>
      <c r="W4610" s="83">
        <f>Bühler!N4642</f>
        <v>45483.999999988824</v>
      </c>
      <c r="X4610" s="83">
        <v>43293</v>
      </c>
      <c r="Y4610">
        <v>247774.7751</v>
      </c>
      <c r="Z4610">
        <v>13815.56544</v>
      </c>
      <c r="AA4610">
        <v>55799.312460000001</v>
      </c>
      <c r="AB4610">
        <v>32881.997519999997</v>
      </c>
      <c r="AC4610">
        <v>35798.733670000001</v>
      </c>
      <c r="AD4610">
        <v>22508.494869999999</v>
      </c>
      <c r="AE4610">
        <v>38194.529170000002</v>
      </c>
      <c r="AF4610">
        <v>53916.856930000002</v>
      </c>
      <c r="AG4610">
        <v>19917.951690000002</v>
      </c>
      <c r="AH4610">
        <v>306054.41560000001</v>
      </c>
      <c r="AI4610">
        <v>76386.84878</v>
      </c>
      <c r="AJ4610">
        <v>17519.256410000002</v>
      </c>
      <c r="AK4610">
        <v>30019.29148</v>
      </c>
      <c r="AL4610">
        <v>87335.863230000003</v>
      </c>
      <c r="AM4610">
        <v>18490.383699999998</v>
      </c>
      <c r="AN4610">
        <v>75816.425860000003</v>
      </c>
      <c r="AO4610">
        <v>19052.259139999998</v>
      </c>
      <c r="AP4610">
        <v>19509.039860000001</v>
      </c>
    </row>
    <row r="4611" spans="2:42" x14ac:dyDescent="0.3">
      <c r="B4611">
        <v>59.270736223805365</v>
      </c>
      <c r="C4611" s="83">
        <v>43293.041666666664</v>
      </c>
      <c r="D4611">
        <v>246587.3702</v>
      </c>
      <c r="E4611">
        <v>13363.35658</v>
      </c>
      <c r="F4611">
        <v>54963.786010000003</v>
      </c>
      <c r="G4611">
        <v>32110.105800000001</v>
      </c>
      <c r="H4611">
        <v>35387.396480000003</v>
      </c>
      <c r="I4611">
        <v>18686.992180000001</v>
      </c>
      <c r="J4611">
        <v>36608.117850000002</v>
      </c>
      <c r="K4611">
        <v>52986.085270000003</v>
      </c>
      <c r="L4611">
        <v>18440.50157</v>
      </c>
      <c r="M4611">
        <v>302189.85369999998</v>
      </c>
      <c r="N4611">
        <v>75441.249689999997</v>
      </c>
      <c r="O4611">
        <v>17434.061379999999</v>
      </c>
      <c r="P4611">
        <v>27873.36118</v>
      </c>
      <c r="Q4611">
        <v>87319.473759999993</v>
      </c>
      <c r="R4611">
        <v>16345.956340000001</v>
      </c>
      <c r="S4611">
        <v>74474.527650000004</v>
      </c>
      <c r="T4611">
        <v>18163.622810000001</v>
      </c>
      <c r="U4611">
        <v>19084.23847</v>
      </c>
      <c r="W4611" s="83">
        <f>Bühler!N4643</f>
        <v>45484.041666655488</v>
      </c>
      <c r="X4611" s="83">
        <v>43293.041666666664</v>
      </c>
      <c r="Y4611">
        <v>246587.3702</v>
      </c>
      <c r="Z4611">
        <v>13363.35658</v>
      </c>
      <c r="AA4611">
        <v>54963.786010000003</v>
      </c>
      <c r="AB4611">
        <v>32110.105800000001</v>
      </c>
      <c r="AC4611">
        <v>35387.396480000003</v>
      </c>
      <c r="AD4611">
        <v>18686.992180000001</v>
      </c>
      <c r="AE4611">
        <v>36608.117850000002</v>
      </c>
      <c r="AF4611">
        <v>52986.085270000003</v>
      </c>
      <c r="AG4611">
        <v>18440.50157</v>
      </c>
      <c r="AH4611">
        <v>302189.85369999998</v>
      </c>
      <c r="AI4611">
        <v>75441.249689999997</v>
      </c>
      <c r="AJ4611">
        <v>17434.061379999999</v>
      </c>
      <c r="AK4611">
        <v>27873.36118</v>
      </c>
      <c r="AL4611">
        <v>87319.473759999993</v>
      </c>
      <c r="AM4611">
        <v>16345.956340000001</v>
      </c>
      <c r="AN4611">
        <v>74474.527650000004</v>
      </c>
      <c r="AO4611">
        <v>18163.622810000001</v>
      </c>
      <c r="AP4611">
        <v>19084.23847</v>
      </c>
    </row>
    <row r="4612" spans="2:42" x14ac:dyDescent="0.3">
      <c r="B4612">
        <v>59.774537117588416</v>
      </c>
      <c r="C4612" s="83">
        <v>43293.083333333336</v>
      </c>
      <c r="D4612">
        <v>245712.44779999999</v>
      </c>
      <c r="E4612">
        <v>13234.39092</v>
      </c>
      <c r="F4612">
        <v>55826.78671</v>
      </c>
      <c r="G4612">
        <v>31407.57099</v>
      </c>
      <c r="H4612">
        <v>35009.67078</v>
      </c>
      <c r="I4612">
        <v>17125.110639999999</v>
      </c>
      <c r="J4612">
        <v>35919.667999999998</v>
      </c>
      <c r="K4612">
        <v>50381.500390000001</v>
      </c>
      <c r="L4612">
        <v>17109.885180000001</v>
      </c>
      <c r="M4612">
        <v>304758.4656</v>
      </c>
      <c r="N4612">
        <v>73798.435880000005</v>
      </c>
      <c r="O4612">
        <v>17792.21717</v>
      </c>
      <c r="P4612">
        <v>26302.11895</v>
      </c>
      <c r="Q4612">
        <v>89798.239939999999</v>
      </c>
      <c r="R4612">
        <v>16903.306270000001</v>
      </c>
      <c r="S4612">
        <v>73660.045989999999</v>
      </c>
      <c r="T4612">
        <v>17602.11247</v>
      </c>
      <c r="U4612">
        <v>18799.575629999999</v>
      </c>
      <c r="W4612" s="83">
        <f>Bühler!N4644</f>
        <v>45484.083333322153</v>
      </c>
      <c r="X4612" s="83">
        <v>43293.083333333336</v>
      </c>
      <c r="Y4612">
        <v>245712.44779999999</v>
      </c>
      <c r="Z4612">
        <v>13234.39092</v>
      </c>
      <c r="AA4612">
        <v>55826.78671</v>
      </c>
      <c r="AB4612">
        <v>31407.57099</v>
      </c>
      <c r="AC4612">
        <v>35009.67078</v>
      </c>
      <c r="AD4612">
        <v>17125.110639999999</v>
      </c>
      <c r="AE4612">
        <v>35919.667999999998</v>
      </c>
      <c r="AF4612">
        <v>50381.500390000001</v>
      </c>
      <c r="AG4612">
        <v>17109.885180000001</v>
      </c>
      <c r="AH4612">
        <v>304758.4656</v>
      </c>
      <c r="AI4612">
        <v>73798.435880000005</v>
      </c>
      <c r="AJ4612">
        <v>17792.21717</v>
      </c>
      <c r="AK4612">
        <v>26302.11895</v>
      </c>
      <c r="AL4612">
        <v>89798.239939999999</v>
      </c>
      <c r="AM4612">
        <v>16903.306270000001</v>
      </c>
      <c r="AN4612">
        <v>73660.045989999999</v>
      </c>
      <c r="AO4612">
        <v>17602.11247</v>
      </c>
      <c r="AP4612">
        <v>18799.575629999999</v>
      </c>
    </row>
    <row r="4613" spans="2:42" x14ac:dyDescent="0.3">
      <c r="B4613">
        <v>60.282450777563014</v>
      </c>
      <c r="C4613" s="83">
        <v>43293.125</v>
      </c>
      <c r="D4613">
        <v>246866.3518</v>
      </c>
      <c r="E4613">
        <v>13111.259029999999</v>
      </c>
      <c r="F4613">
        <v>56773.301879999999</v>
      </c>
      <c r="G4613">
        <v>30571.208589999998</v>
      </c>
      <c r="H4613">
        <v>34712.277869999998</v>
      </c>
      <c r="I4613">
        <v>16629.656650000001</v>
      </c>
      <c r="J4613">
        <v>35639.85211</v>
      </c>
      <c r="K4613">
        <v>48782.033600000002</v>
      </c>
      <c r="L4613">
        <v>16289.94968</v>
      </c>
      <c r="M4613">
        <v>307348.04629999999</v>
      </c>
      <c r="N4613">
        <v>73553.642879999999</v>
      </c>
      <c r="O4613">
        <v>18103.609499999999</v>
      </c>
      <c r="P4613">
        <v>24904.378700000001</v>
      </c>
      <c r="Q4613">
        <v>92016.045129999999</v>
      </c>
      <c r="R4613">
        <v>16313.25692</v>
      </c>
      <c r="S4613">
        <v>72243.714909999995</v>
      </c>
      <c r="T4613">
        <v>17295.60903</v>
      </c>
      <c r="U4613">
        <v>18570.947219999998</v>
      </c>
      <c r="W4613" s="83">
        <f>Bühler!N4645</f>
        <v>45484.124999988817</v>
      </c>
      <c r="X4613" s="83">
        <v>43293.125</v>
      </c>
      <c r="Y4613">
        <v>246866.3518</v>
      </c>
      <c r="Z4613">
        <v>13111.259029999999</v>
      </c>
      <c r="AA4613">
        <v>56773.301879999999</v>
      </c>
      <c r="AB4613">
        <v>30571.208589999998</v>
      </c>
      <c r="AC4613">
        <v>34712.277869999998</v>
      </c>
      <c r="AD4613">
        <v>16629.656650000001</v>
      </c>
      <c r="AE4613">
        <v>35639.85211</v>
      </c>
      <c r="AF4613">
        <v>48782.033600000002</v>
      </c>
      <c r="AG4613">
        <v>16289.94968</v>
      </c>
      <c r="AH4613">
        <v>307348.04629999999</v>
      </c>
      <c r="AI4613">
        <v>73553.642879999999</v>
      </c>
      <c r="AJ4613">
        <v>18103.609499999999</v>
      </c>
      <c r="AK4613">
        <v>24904.378700000001</v>
      </c>
      <c r="AL4613">
        <v>92016.045129999999</v>
      </c>
      <c r="AM4613">
        <v>16313.25692</v>
      </c>
      <c r="AN4613">
        <v>72243.714909999995</v>
      </c>
      <c r="AO4613">
        <v>17295.60903</v>
      </c>
      <c r="AP4613">
        <v>18570.947219999998</v>
      </c>
    </row>
    <row r="4614" spans="2:42" x14ac:dyDescent="0.3">
      <c r="B4614">
        <v>61.604258052143372</v>
      </c>
      <c r="C4614" s="83">
        <v>43293.166666666664</v>
      </c>
      <c r="D4614">
        <v>246729.4014</v>
      </c>
      <c r="E4614">
        <v>13523.34013</v>
      </c>
      <c r="F4614">
        <v>59449.626660000002</v>
      </c>
      <c r="G4614">
        <v>29977.395260000001</v>
      </c>
      <c r="H4614">
        <v>35068.268300000003</v>
      </c>
      <c r="I4614">
        <v>17601.035830000001</v>
      </c>
      <c r="J4614">
        <v>37083.364309999997</v>
      </c>
      <c r="K4614">
        <v>47974.756659999999</v>
      </c>
      <c r="L4614">
        <v>16947.19889</v>
      </c>
      <c r="M4614">
        <v>314087.23619999998</v>
      </c>
      <c r="N4614">
        <v>72701.816300000006</v>
      </c>
      <c r="O4614">
        <v>18076.08425</v>
      </c>
      <c r="P4614">
        <v>24455.968550000001</v>
      </c>
      <c r="Q4614">
        <v>96592.354030000002</v>
      </c>
      <c r="R4614">
        <v>16316.0196</v>
      </c>
      <c r="S4614">
        <v>72709.399950000006</v>
      </c>
      <c r="T4614">
        <v>17178.600020000002</v>
      </c>
      <c r="U4614">
        <v>18877.258150000001</v>
      </c>
      <c r="W4614" s="83">
        <f>Bühler!N4646</f>
        <v>45484.166666655481</v>
      </c>
      <c r="X4614" s="83">
        <v>43293.166666666664</v>
      </c>
      <c r="Y4614">
        <v>246729.4014</v>
      </c>
      <c r="Z4614">
        <v>13523.34013</v>
      </c>
      <c r="AA4614">
        <v>59449.626660000002</v>
      </c>
      <c r="AB4614">
        <v>29977.395260000001</v>
      </c>
      <c r="AC4614">
        <v>35068.268300000003</v>
      </c>
      <c r="AD4614">
        <v>17601.035830000001</v>
      </c>
      <c r="AE4614">
        <v>37083.364309999997</v>
      </c>
      <c r="AF4614">
        <v>47974.756659999999</v>
      </c>
      <c r="AG4614">
        <v>16947.19889</v>
      </c>
      <c r="AH4614">
        <v>314087.23619999998</v>
      </c>
      <c r="AI4614">
        <v>72701.816300000006</v>
      </c>
      <c r="AJ4614">
        <v>18076.08425</v>
      </c>
      <c r="AK4614">
        <v>24455.968550000001</v>
      </c>
      <c r="AL4614">
        <v>96592.354030000002</v>
      </c>
      <c r="AM4614">
        <v>16316.0196</v>
      </c>
      <c r="AN4614">
        <v>72709.399950000006</v>
      </c>
      <c r="AO4614">
        <v>17178.600020000002</v>
      </c>
      <c r="AP4614">
        <v>18877.258150000001</v>
      </c>
    </row>
    <row r="4615" spans="2:42" x14ac:dyDescent="0.3">
      <c r="B4615">
        <v>64.458484386884322</v>
      </c>
      <c r="C4615" s="83">
        <v>43293.208333333336</v>
      </c>
      <c r="D4615">
        <v>261590.64540000001</v>
      </c>
      <c r="E4615">
        <v>15270.471149999999</v>
      </c>
      <c r="F4615">
        <v>69248.715370000005</v>
      </c>
      <c r="G4615">
        <v>30982.341219999998</v>
      </c>
      <c r="H4615">
        <v>36580.042690000002</v>
      </c>
      <c r="I4615">
        <v>23536.351259999999</v>
      </c>
      <c r="J4615">
        <v>40330.44051</v>
      </c>
      <c r="K4615">
        <v>50036.207349999997</v>
      </c>
      <c r="L4615">
        <v>18135.418710000002</v>
      </c>
      <c r="M4615">
        <v>328639.41310000001</v>
      </c>
      <c r="N4615">
        <v>73946.225560000006</v>
      </c>
      <c r="O4615">
        <v>18369.998049999998</v>
      </c>
      <c r="P4615">
        <v>25708.185389999999</v>
      </c>
      <c r="Q4615">
        <v>99170.829840000006</v>
      </c>
      <c r="R4615">
        <v>18526.25865</v>
      </c>
      <c r="S4615">
        <v>75018.941319999998</v>
      </c>
      <c r="T4615">
        <v>18587.56899</v>
      </c>
      <c r="U4615">
        <v>20845.500319999999</v>
      </c>
      <c r="W4615" s="83">
        <f>Bühler!N4647</f>
        <v>45484.208333322145</v>
      </c>
      <c r="X4615" s="83">
        <v>43293.208333333336</v>
      </c>
      <c r="Y4615">
        <v>261590.64540000001</v>
      </c>
      <c r="Z4615">
        <v>15270.471149999999</v>
      </c>
      <c r="AA4615">
        <v>69248.715370000005</v>
      </c>
      <c r="AB4615">
        <v>30982.341219999998</v>
      </c>
      <c r="AC4615">
        <v>36580.042690000002</v>
      </c>
      <c r="AD4615">
        <v>23536.351259999999</v>
      </c>
      <c r="AE4615">
        <v>40330.44051</v>
      </c>
      <c r="AF4615">
        <v>50036.207349999997</v>
      </c>
      <c r="AG4615">
        <v>18135.418710000002</v>
      </c>
      <c r="AH4615">
        <v>328639.41310000001</v>
      </c>
      <c r="AI4615">
        <v>73946.225560000006</v>
      </c>
      <c r="AJ4615">
        <v>18369.998049999998</v>
      </c>
      <c r="AK4615">
        <v>25708.185389999999</v>
      </c>
      <c r="AL4615">
        <v>99170.829840000006</v>
      </c>
      <c r="AM4615">
        <v>18526.25865</v>
      </c>
      <c r="AN4615">
        <v>75018.941319999998</v>
      </c>
      <c r="AO4615">
        <v>18587.56899</v>
      </c>
      <c r="AP4615">
        <v>20845.500319999999</v>
      </c>
    </row>
    <row r="4616" spans="2:42" x14ac:dyDescent="0.3">
      <c r="B4616">
        <v>67.286496073722205</v>
      </c>
      <c r="C4616" s="83">
        <v>43293.25</v>
      </c>
      <c r="D4616">
        <v>273360.77250000002</v>
      </c>
      <c r="E4616">
        <v>18746.082249999999</v>
      </c>
      <c r="F4616">
        <v>78931.122879999995</v>
      </c>
      <c r="G4616">
        <v>35592.074180000003</v>
      </c>
      <c r="H4616">
        <v>37836.640599999999</v>
      </c>
      <c r="I4616">
        <v>28208.43001</v>
      </c>
      <c r="J4616">
        <v>42060.50445</v>
      </c>
      <c r="K4616">
        <v>51270.750119999997</v>
      </c>
      <c r="L4616">
        <v>19224.874189999999</v>
      </c>
      <c r="M4616">
        <v>343057.93550000002</v>
      </c>
      <c r="N4616">
        <v>76113.716320000007</v>
      </c>
      <c r="O4616">
        <v>20734.151709999998</v>
      </c>
      <c r="P4616">
        <v>27282.365849999998</v>
      </c>
      <c r="Q4616">
        <v>98930.318410000007</v>
      </c>
      <c r="R4616">
        <v>17934.08281</v>
      </c>
      <c r="S4616">
        <v>81396.67439</v>
      </c>
      <c r="T4616">
        <v>19811.727040000002</v>
      </c>
      <c r="U4616">
        <v>23192.96387</v>
      </c>
      <c r="W4616" s="83">
        <f>Bühler!N4648</f>
        <v>45484.24999998881</v>
      </c>
      <c r="X4616" s="83">
        <v>43293.25</v>
      </c>
      <c r="Y4616">
        <v>273360.77250000002</v>
      </c>
      <c r="Z4616">
        <v>18746.082249999999</v>
      </c>
      <c r="AA4616">
        <v>78931.122879999995</v>
      </c>
      <c r="AB4616">
        <v>35592.074180000003</v>
      </c>
      <c r="AC4616">
        <v>37836.640599999999</v>
      </c>
      <c r="AD4616">
        <v>28208.43001</v>
      </c>
      <c r="AE4616">
        <v>42060.50445</v>
      </c>
      <c r="AF4616">
        <v>51270.750119999997</v>
      </c>
      <c r="AG4616">
        <v>19224.874189999999</v>
      </c>
      <c r="AH4616">
        <v>343057.93550000002</v>
      </c>
      <c r="AI4616">
        <v>76113.716320000007</v>
      </c>
      <c r="AJ4616">
        <v>20734.151709999998</v>
      </c>
      <c r="AK4616">
        <v>27282.365849999998</v>
      </c>
      <c r="AL4616">
        <v>98930.318410000007</v>
      </c>
      <c r="AM4616">
        <v>17934.08281</v>
      </c>
      <c r="AN4616">
        <v>81396.67439</v>
      </c>
      <c r="AO4616">
        <v>19811.727040000002</v>
      </c>
      <c r="AP4616">
        <v>23192.96387</v>
      </c>
    </row>
    <row r="4617" spans="2:42" x14ac:dyDescent="0.3">
      <c r="B4617">
        <v>69.415546943524831</v>
      </c>
      <c r="C4617" s="83">
        <v>43293.291666666664</v>
      </c>
      <c r="D4617">
        <v>286586.4057</v>
      </c>
      <c r="E4617">
        <v>23412.55286</v>
      </c>
      <c r="F4617">
        <v>82626.396789999999</v>
      </c>
      <c r="G4617">
        <v>42138.272279999997</v>
      </c>
      <c r="H4617">
        <v>42070.688840000003</v>
      </c>
      <c r="I4617">
        <v>34042.97006</v>
      </c>
      <c r="J4617">
        <v>44349.733930000002</v>
      </c>
      <c r="K4617">
        <v>55527.360390000002</v>
      </c>
      <c r="L4617">
        <v>22366.541880000001</v>
      </c>
      <c r="M4617">
        <v>353912.8297</v>
      </c>
      <c r="N4617">
        <v>79533.792669999995</v>
      </c>
      <c r="O4617">
        <v>23061.554039999999</v>
      </c>
      <c r="P4617">
        <v>31351.778829999999</v>
      </c>
      <c r="Q4617">
        <v>99163.699569999997</v>
      </c>
      <c r="R4617">
        <v>20078.101780000001</v>
      </c>
      <c r="S4617">
        <v>94744.726299999995</v>
      </c>
      <c r="T4617">
        <v>23458.849180000001</v>
      </c>
      <c r="U4617">
        <v>26953.6996</v>
      </c>
      <c r="W4617" s="83">
        <f>Bühler!N4649</f>
        <v>45484.291666655474</v>
      </c>
      <c r="X4617" s="83">
        <v>43293.291666666664</v>
      </c>
      <c r="Y4617">
        <v>286586.4057</v>
      </c>
      <c r="Z4617">
        <v>23412.55286</v>
      </c>
      <c r="AA4617">
        <v>82626.396789999999</v>
      </c>
      <c r="AB4617">
        <v>42138.272279999997</v>
      </c>
      <c r="AC4617">
        <v>42070.688840000003</v>
      </c>
      <c r="AD4617">
        <v>34042.97006</v>
      </c>
      <c r="AE4617">
        <v>44349.733930000002</v>
      </c>
      <c r="AF4617">
        <v>55527.360390000002</v>
      </c>
      <c r="AG4617">
        <v>22366.541880000001</v>
      </c>
      <c r="AH4617">
        <v>353912.8297</v>
      </c>
      <c r="AI4617">
        <v>79533.792669999995</v>
      </c>
      <c r="AJ4617">
        <v>23061.554039999999</v>
      </c>
      <c r="AK4617">
        <v>31351.778829999999</v>
      </c>
      <c r="AL4617">
        <v>99163.699569999997</v>
      </c>
      <c r="AM4617">
        <v>20078.101780000001</v>
      </c>
      <c r="AN4617">
        <v>94744.726299999995</v>
      </c>
      <c r="AO4617">
        <v>23458.849180000001</v>
      </c>
      <c r="AP4617">
        <v>26953.6996</v>
      </c>
    </row>
    <row r="4618" spans="2:42" x14ac:dyDescent="0.3">
      <c r="B4618">
        <v>70.457764003245941</v>
      </c>
      <c r="C4618" s="83">
        <v>43293.333333333336</v>
      </c>
      <c r="D4618">
        <v>296265.6299</v>
      </c>
      <c r="E4618">
        <v>29065.51627</v>
      </c>
      <c r="F4618">
        <v>89158.289969999998</v>
      </c>
      <c r="G4618">
        <v>48235.536849999997</v>
      </c>
      <c r="H4618">
        <v>46842.69857</v>
      </c>
      <c r="I4618">
        <v>37075.928140000004</v>
      </c>
      <c r="J4618">
        <v>47445.048190000001</v>
      </c>
      <c r="K4618">
        <v>63172.391660000001</v>
      </c>
      <c r="L4618">
        <v>25605.814439999998</v>
      </c>
      <c r="M4618">
        <v>359226.53830000001</v>
      </c>
      <c r="N4618">
        <v>86958.473020000005</v>
      </c>
      <c r="O4618">
        <v>25763.677530000001</v>
      </c>
      <c r="P4618">
        <v>33280.838400000001</v>
      </c>
      <c r="Q4618">
        <v>100303.7252</v>
      </c>
      <c r="R4618">
        <v>22760.445889999999</v>
      </c>
      <c r="S4618">
        <v>106859.75569999999</v>
      </c>
      <c r="T4618">
        <v>26432.879720000001</v>
      </c>
      <c r="U4618">
        <v>30084.314839999999</v>
      </c>
      <c r="W4618" s="83">
        <f>Bühler!N4650</f>
        <v>45484.333333322138</v>
      </c>
      <c r="X4618" s="83">
        <v>43293.333333333336</v>
      </c>
      <c r="Y4618">
        <v>296265.6299</v>
      </c>
      <c r="Z4618">
        <v>29065.51627</v>
      </c>
      <c r="AA4618">
        <v>89158.289969999998</v>
      </c>
      <c r="AB4618">
        <v>48235.536849999997</v>
      </c>
      <c r="AC4618">
        <v>46842.69857</v>
      </c>
      <c r="AD4618">
        <v>37075.928140000004</v>
      </c>
      <c r="AE4618">
        <v>47445.048190000001</v>
      </c>
      <c r="AF4618">
        <v>63172.391660000001</v>
      </c>
      <c r="AG4618">
        <v>25605.814439999998</v>
      </c>
      <c r="AH4618">
        <v>359226.53830000001</v>
      </c>
      <c r="AI4618">
        <v>86958.473020000005</v>
      </c>
      <c r="AJ4618">
        <v>25763.677530000001</v>
      </c>
      <c r="AK4618">
        <v>33280.838400000001</v>
      </c>
      <c r="AL4618">
        <v>100303.7252</v>
      </c>
      <c r="AM4618">
        <v>22760.445889999999</v>
      </c>
      <c r="AN4618">
        <v>106859.75569999999</v>
      </c>
      <c r="AO4618">
        <v>26432.879720000001</v>
      </c>
      <c r="AP4618">
        <v>30084.314839999999</v>
      </c>
    </row>
    <row r="4619" spans="2:42" x14ac:dyDescent="0.3">
      <c r="B4619">
        <v>70.712940072428538</v>
      </c>
      <c r="C4619" s="83">
        <v>43293.375</v>
      </c>
      <c r="D4619">
        <v>300268.70870000002</v>
      </c>
      <c r="E4619">
        <v>34184.057679999998</v>
      </c>
      <c r="F4619">
        <v>97833.837310000003</v>
      </c>
      <c r="G4619">
        <v>51948.80027</v>
      </c>
      <c r="H4619">
        <v>50232.27738</v>
      </c>
      <c r="I4619">
        <v>36729.329850000002</v>
      </c>
      <c r="J4619">
        <v>49223.908750000002</v>
      </c>
      <c r="K4619">
        <v>65546.517699999997</v>
      </c>
      <c r="L4619">
        <v>30108.454669999999</v>
      </c>
      <c r="M4619">
        <v>360527.54489999998</v>
      </c>
      <c r="N4619">
        <v>92375.81998</v>
      </c>
      <c r="O4619">
        <v>27729.875919999999</v>
      </c>
      <c r="P4619">
        <v>36335.969700000001</v>
      </c>
      <c r="Q4619">
        <v>101712.5509</v>
      </c>
      <c r="R4619">
        <v>23819.18246</v>
      </c>
      <c r="S4619">
        <v>113788.3686</v>
      </c>
      <c r="T4619">
        <v>28805.64644</v>
      </c>
      <c r="U4619">
        <v>30832.342420000001</v>
      </c>
      <c r="W4619" s="83">
        <f>Bühler!N4651</f>
        <v>45484.374999988802</v>
      </c>
      <c r="X4619" s="83">
        <v>43293.375</v>
      </c>
      <c r="Y4619">
        <v>300268.70870000002</v>
      </c>
      <c r="Z4619">
        <v>34184.057679999998</v>
      </c>
      <c r="AA4619">
        <v>97833.837310000003</v>
      </c>
      <c r="AB4619">
        <v>51948.80027</v>
      </c>
      <c r="AC4619">
        <v>50232.27738</v>
      </c>
      <c r="AD4619">
        <v>36729.329850000002</v>
      </c>
      <c r="AE4619">
        <v>49223.908750000002</v>
      </c>
      <c r="AF4619">
        <v>65546.517699999997</v>
      </c>
      <c r="AG4619">
        <v>30108.454669999999</v>
      </c>
      <c r="AH4619">
        <v>360527.54489999998</v>
      </c>
      <c r="AI4619">
        <v>92375.81998</v>
      </c>
      <c r="AJ4619">
        <v>27729.875919999999</v>
      </c>
      <c r="AK4619">
        <v>36335.969700000001</v>
      </c>
      <c r="AL4619">
        <v>101712.5509</v>
      </c>
      <c r="AM4619">
        <v>23819.18246</v>
      </c>
      <c r="AN4619">
        <v>113788.3686</v>
      </c>
      <c r="AO4619">
        <v>28805.64644</v>
      </c>
      <c r="AP4619">
        <v>30832.342420000001</v>
      </c>
    </row>
    <row r="4620" spans="2:42" x14ac:dyDescent="0.3">
      <c r="B4620">
        <v>72.251139969025658</v>
      </c>
      <c r="C4620" s="83">
        <v>43293.416666666664</v>
      </c>
      <c r="D4620">
        <v>304067.79070000001</v>
      </c>
      <c r="E4620">
        <v>36371.914299999997</v>
      </c>
      <c r="F4620">
        <v>101126.6816</v>
      </c>
      <c r="G4620">
        <v>53886.796329999997</v>
      </c>
      <c r="H4620">
        <v>51764.90281</v>
      </c>
      <c r="I4620">
        <v>36922.798840000003</v>
      </c>
      <c r="J4620">
        <v>50476.647400000002</v>
      </c>
      <c r="K4620">
        <v>66373.899489999996</v>
      </c>
      <c r="L4620">
        <v>32602.455979999999</v>
      </c>
      <c r="M4620">
        <v>368370.00530000002</v>
      </c>
      <c r="N4620">
        <v>94422.425289999999</v>
      </c>
      <c r="O4620">
        <v>28182.384139999998</v>
      </c>
      <c r="P4620">
        <v>38184.237589999997</v>
      </c>
      <c r="Q4620">
        <v>102793.22259999999</v>
      </c>
      <c r="R4620">
        <v>24219.395759999999</v>
      </c>
      <c r="S4620">
        <v>115910.28350000001</v>
      </c>
      <c r="T4620">
        <v>31131.00489</v>
      </c>
      <c r="U4620">
        <v>30350.8878</v>
      </c>
      <c r="W4620" s="83">
        <f>Bühler!N4652</f>
        <v>45484.416666655467</v>
      </c>
      <c r="X4620" s="83">
        <v>43293.416666666664</v>
      </c>
      <c r="Y4620">
        <v>304067.79070000001</v>
      </c>
      <c r="Z4620">
        <v>36371.914299999997</v>
      </c>
      <c r="AA4620">
        <v>101126.6816</v>
      </c>
      <c r="AB4620">
        <v>53886.796329999997</v>
      </c>
      <c r="AC4620">
        <v>51764.90281</v>
      </c>
      <c r="AD4620">
        <v>36922.798840000003</v>
      </c>
      <c r="AE4620">
        <v>50476.647400000002</v>
      </c>
      <c r="AF4620">
        <v>66373.899489999996</v>
      </c>
      <c r="AG4620">
        <v>32602.455979999999</v>
      </c>
      <c r="AH4620">
        <v>368370.00530000002</v>
      </c>
      <c r="AI4620">
        <v>94422.425289999999</v>
      </c>
      <c r="AJ4620">
        <v>28182.384139999998</v>
      </c>
      <c r="AK4620">
        <v>38184.237589999997</v>
      </c>
      <c r="AL4620">
        <v>102793.22259999999</v>
      </c>
      <c r="AM4620">
        <v>24219.395759999999</v>
      </c>
      <c r="AN4620">
        <v>115910.28350000001</v>
      </c>
      <c r="AO4620">
        <v>31131.00489</v>
      </c>
      <c r="AP4620">
        <v>30350.8878</v>
      </c>
    </row>
    <row r="4621" spans="2:42" x14ac:dyDescent="0.3">
      <c r="B4621">
        <v>72.479541927947551</v>
      </c>
      <c r="C4621" s="83">
        <v>43293.458333333336</v>
      </c>
      <c r="D4621">
        <v>301762.83279999997</v>
      </c>
      <c r="E4621">
        <v>36769.053720000004</v>
      </c>
      <c r="F4621">
        <v>102314.3689</v>
      </c>
      <c r="G4621">
        <v>54834.05459</v>
      </c>
      <c r="H4621">
        <v>51934.890370000001</v>
      </c>
      <c r="I4621">
        <v>36450.491430000002</v>
      </c>
      <c r="J4621">
        <v>51280.805119999997</v>
      </c>
      <c r="K4621">
        <v>67421.236770000003</v>
      </c>
      <c r="L4621">
        <v>34716.926209999998</v>
      </c>
      <c r="M4621">
        <v>369534.505</v>
      </c>
      <c r="N4621">
        <v>95932.1829</v>
      </c>
      <c r="O4621">
        <v>28249.33999</v>
      </c>
      <c r="P4621">
        <v>37751.763270000003</v>
      </c>
      <c r="Q4621">
        <v>104151.99280000001</v>
      </c>
      <c r="R4621">
        <v>25033.166079999999</v>
      </c>
      <c r="S4621">
        <v>119237.2432</v>
      </c>
      <c r="T4621">
        <v>31847.878059999999</v>
      </c>
      <c r="U4621">
        <v>30398.158749999999</v>
      </c>
      <c r="W4621" s="83">
        <f>Bühler!N4653</f>
        <v>45484.458333322131</v>
      </c>
      <c r="X4621" s="83">
        <v>43293.458333333336</v>
      </c>
      <c r="Y4621">
        <v>301762.83279999997</v>
      </c>
      <c r="Z4621">
        <v>36769.053720000004</v>
      </c>
      <c r="AA4621">
        <v>102314.3689</v>
      </c>
      <c r="AB4621">
        <v>54834.05459</v>
      </c>
      <c r="AC4621">
        <v>51934.890370000001</v>
      </c>
      <c r="AD4621">
        <v>36450.491430000002</v>
      </c>
      <c r="AE4621">
        <v>51280.805119999997</v>
      </c>
      <c r="AF4621">
        <v>67421.236770000003</v>
      </c>
      <c r="AG4621">
        <v>34716.926209999998</v>
      </c>
      <c r="AH4621">
        <v>369534.505</v>
      </c>
      <c r="AI4621">
        <v>95932.1829</v>
      </c>
      <c r="AJ4621">
        <v>28249.33999</v>
      </c>
      <c r="AK4621">
        <v>37751.763270000003</v>
      </c>
      <c r="AL4621">
        <v>104151.99280000001</v>
      </c>
      <c r="AM4621">
        <v>25033.166079999999</v>
      </c>
      <c r="AN4621">
        <v>119237.2432</v>
      </c>
      <c r="AO4621">
        <v>31847.878059999999</v>
      </c>
      <c r="AP4621">
        <v>30398.158749999999</v>
      </c>
    </row>
    <row r="4622" spans="2:42" x14ac:dyDescent="0.3">
      <c r="B4622">
        <v>71.856238646753184</v>
      </c>
      <c r="C4622" s="83">
        <v>43293.5</v>
      </c>
      <c r="D4622">
        <v>289686.1287</v>
      </c>
      <c r="E4622">
        <v>33468.493029999998</v>
      </c>
      <c r="F4622">
        <v>101443.14109999999</v>
      </c>
      <c r="G4622">
        <v>51406.033470000002</v>
      </c>
      <c r="H4622">
        <v>50146.925410000003</v>
      </c>
      <c r="I4622">
        <v>36378.989609999997</v>
      </c>
      <c r="J4622">
        <v>52536.572890000003</v>
      </c>
      <c r="K4622">
        <v>65365.775329999997</v>
      </c>
      <c r="L4622">
        <v>37392.518770000002</v>
      </c>
      <c r="M4622">
        <v>366356.61420000001</v>
      </c>
      <c r="N4622">
        <v>94037.477159999995</v>
      </c>
      <c r="O4622">
        <v>27782.548060000001</v>
      </c>
      <c r="P4622">
        <v>38951.826719999997</v>
      </c>
      <c r="Q4622">
        <v>103429.7596</v>
      </c>
      <c r="R4622">
        <v>25039.8148</v>
      </c>
      <c r="S4622">
        <v>113707.5445</v>
      </c>
      <c r="T4622">
        <v>31763.07588</v>
      </c>
      <c r="U4622">
        <v>26196.28297</v>
      </c>
      <c r="W4622" s="83">
        <f>Bühler!N4654</f>
        <v>45484.499999988795</v>
      </c>
      <c r="X4622" s="83">
        <v>43293.5</v>
      </c>
      <c r="Y4622">
        <v>289686.1287</v>
      </c>
      <c r="Z4622">
        <v>33468.493029999998</v>
      </c>
      <c r="AA4622">
        <v>101443.14109999999</v>
      </c>
      <c r="AB4622">
        <v>51406.033470000002</v>
      </c>
      <c r="AC4622">
        <v>50146.925410000003</v>
      </c>
      <c r="AD4622">
        <v>36378.989609999997</v>
      </c>
      <c r="AE4622">
        <v>52536.572890000003</v>
      </c>
      <c r="AF4622">
        <v>65365.775329999997</v>
      </c>
      <c r="AG4622">
        <v>37392.518770000002</v>
      </c>
      <c r="AH4622">
        <v>366356.61420000001</v>
      </c>
      <c r="AI4622">
        <v>94037.477159999995</v>
      </c>
      <c r="AJ4622">
        <v>27782.548060000001</v>
      </c>
      <c r="AK4622">
        <v>38951.826719999997</v>
      </c>
      <c r="AL4622">
        <v>103429.7596</v>
      </c>
      <c r="AM4622">
        <v>25039.8148</v>
      </c>
      <c r="AN4622">
        <v>113707.5445</v>
      </c>
      <c r="AO4622">
        <v>31763.07588</v>
      </c>
      <c r="AP4622">
        <v>26196.28297</v>
      </c>
    </row>
    <row r="4623" spans="2:42" x14ac:dyDescent="0.3">
      <c r="B4623">
        <v>71.570902743281863</v>
      </c>
      <c r="C4623" s="83">
        <v>43293.541666666664</v>
      </c>
      <c r="D4623">
        <v>290001.22149999999</v>
      </c>
      <c r="E4623">
        <v>33831.111190000003</v>
      </c>
      <c r="F4623">
        <v>100809.21610000001</v>
      </c>
      <c r="G4623">
        <v>51128.167869999997</v>
      </c>
      <c r="H4623">
        <v>51088.580349999997</v>
      </c>
      <c r="I4623">
        <v>36619.331140000002</v>
      </c>
      <c r="J4623">
        <v>51221.537960000001</v>
      </c>
      <c r="K4623">
        <v>66319.69958</v>
      </c>
      <c r="L4623">
        <v>36183.667500000003</v>
      </c>
      <c r="M4623">
        <v>364901.83870000002</v>
      </c>
      <c r="N4623">
        <v>92317.71054</v>
      </c>
      <c r="O4623">
        <v>27309.83973</v>
      </c>
      <c r="P4623">
        <v>38568.188119999999</v>
      </c>
      <c r="Q4623">
        <v>102317.2755</v>
      </c>
      <c r="R4623">
        <v>25128.746790000001</v>
      </c>
      <c r="S4623">
        <v>113901.8202</v>
      </c>
      <c r="T4623">
        <v>31174.046429999999</v>
      </c>
      <c r="U4623">
        <v>28077.69512</v>
      </c>
      <c r="W4623" s="83">
        <f>Bühler!N4655</f>
        <v>45484.541666655459</v>
      </c>
      <c r="X4623" s="83">
        <v>43293.541666666664</v>
      </c>
      <c r="Y4623">
        <v>290001.22149999999</v>
      </c>
      <c r="Z4623">
        <v>33831.111190000003</v>
      </c>
      <c r="AA4623">
        <v>100809.21610000001</v>
      </c>
      <c r="AB4623">
        <v>51128.167869999997</v>
      </c>
      <c r="AC4623">
        <v>51088.580349999997</v>
      </c>
      <c r="AD4623">
        <v>36619.331140000002</v>
      </c>
      <c r="AE4623">
        <v>51221.537960000001</v>
      </c>
      <c r="AF4623">
        <v>66319.69958</v>
      </c>
      <c r="AG4623">
        <v>36183.667500000003</v>
      </c>
      <c r="AH4623">
        <v>364901.83870000002</v>
      </c>
      <c r="AI4623">
        <v>92317.71054</v>
      </c>
      <c r="AJ4623">
        <v>27309.83973</v>
      </c>
      <c r="AK4623">
        <v>38568.188119999999</v>
      </c>
      <c r="AL4623">
        <v>102317.2755</v>
      </c>
      <c r="AM4623">
        <v>25128.746790000001</v>
      </c>
      <c r="AN4623">
        <v>113901.8202</v>
      </c>
      <c r="AO4623">
        <v>31174.046429999999</v>
      </c>
      <c r="AP4623">
        <v>28077.69512</v>
      </c>
    </row>
    <row r="4624" spans="2:42" x14ac:dyDescent="0.3">
      <c r="B4624">
        <v>71.495077862999977</v>
      </c>
      <c r="C4624" s="83">
        <v>43293.583333333336</v>
      </c>
      <c r="D4624">
        <v>295580.86900000001</v>
      </c>
      <c r="E4624">
        <v>36438.16274</v>
      </c>
      <c r="F4624">
        <v>102453.3878</v>
      </c>
      <c r="G4624">
        <v>51170.661760000003</v>
      </c>
      <c r="H4624">
        <v>51778.952429999998</v>
      </c>
      <c r="I4624">
        <v>37985.222459999997</v>
      </c>
      <c r="J4624">
        <v>50795.205349999997</v>
      </c>
      <c r="K4624">
        <v>66470.791710000005</v>
      </c>
      <c r="L4624">
        <v>32716.33023</v>
      </c>
      <c r="M4624">
        <v>364515.24810000003</v>
      </c>
      <c r="N4624">
        <v>95698.291889999993</v>
      </c>
      <c r="O4624">
        <v>27526.110359999999</v>
      </c>
      <c r="P4624">
        <v>35319.647920000003</v>
      </c>
      <c r="Q4624">
        <v>102587.21219999999</v>
      </c>
      <c r="R4624">
        <v>24601.636569999999</v>
      </c>
      <c r="S4624">
        <v>111771.2991</v>
      </c>
      <c r="T4624">
        <v>31358.03728</v>
      </c>
      <c r="U4624">
        <v>28782.706819999999</v>
      </c>
      <c r="W4624" s="83">
        <f>Bühler!N4656</f>
        <v>45484.583333322124</v>
      </c>
      <c r="X4624" s="83">
        <v>43293.583333333336</v>
      </c>
      <c r="Y4624">
        <v>295580.86900000001</v>
      </c>
      <c r="Z4624">
        <v>36438.16274</v>
      </c>
      <c r="AA4624">
        <v>102453.3878</v>
      </c>
      <c r="AB4624">
        <v>51170.661760000003</v>
      </c>
      <c r="AC4624">
        <v>51778.952429999998</v>
      </c>
      <c r="AD4624">
        <v>37985.222459999997</v>
      </c>
      <c r="AE4624">
        <v>50795.205349999997</v>
      </c>
      <c r="AF4624">
        <v>66470.791710000005</v>
      </c>
      <c r="AG4624">
        <v>32716.33023</v>
      </c>
      <c r="AH4624">
        <v>364515.24810000003</v>
      </c>
      <c r="AI4624">
        <v>95698.291889999993</v>
      </c>
      <c r="AJ4624">
        <v>27526.110359999999</v>
      </c>
      <c r="AK4624">
        <v>35319.647920000003</v>
      </c>
      <c r="AL4624">
        <v>102587.21219999999</v>
      </c>
      <c r="AM4624">
        <v>24601.636569999999</v>
      </c>
      <c r="AN4624">
        <v>111771.2991</v>
      </c>
      <c r="AO4624">
        <v>31358.03728</v>
      </c>
      <c r="AP4624">
        <v>28782.706819999999</v>
      </c>
    </row>
    <row r="4625" spans="2:42" x14ac:dyDescent="0.3">
      <c r="B4625">
        <v>70.755605333981791</v>
      </c>
      <c r="C4625" s="83">
        <v>43293.625</v>
      </c>
      <c r="D4625">
        <v>295229.67979999998</v>
      </c>
      <c r="E4625">
        <v>36828.020689999998</v>
      </c>
      <c r="F4625">
        <v>104642.54150000001</v>
      </c>
      <c r="G4625">
        <v>50101.188990000002</v>
      </c>
      <c r="H4625">
        <v>51253.017079999998</v>
      </c>
      <c r="I4625">
        <v>37966.371930000001</v>
      </c>
      <c r="J4625">
        <v>50766.001559999997</v>
      </c>
      <c r="K4625">
        <v>65981.734280000004</v>
      </c>
      <c r="L4625">
        <v>29308.738150000001</v>
      </c>
      <c r="M4625">
        <v>360745.0723</v>
      </c>
      <c r="N4625">
        <v>95600.895569999993</v>
      </c>
      <c r="O4625">
        <v>28061.33121</v>
      </c>
      <c r="P4625">
        <v>32076.289260000001</v>
      </c>
      <c r="Q4625">
        <v>102099.0239</v>
      </c>
      <c r="R4625">
        <v>25157.11908</v>
      </c>
      <c r="S4625">
        <v>110273.2534</v>
      </c>
      <c r="T4625">
        <v>30404.701550000002</v>
      </c>
      <c r="U4625">
        <v>28215.91793</v>
      </c>
      <c r="W4625" s="83">
        <f>Bühler!N4657</f>
        <v>45484.624999988788</v>
      </c>
      <c r="X4625" s="83">
        <v>43293.625</v>
      </c>
      <c r="Y4625">
        <v>295229.67979999998</v>
      </c>
      <c r="Z4625">
        <v>36828.020689999998</v>
      </c>
      <c r="AA4625">
        <v>104642.54150000001</v>
      </c>
      <c r="AB4625">
        <v>50101.188990000002</v>
      </c>
      <c r="AC4625">
        <v>51253.017079999998</v>
      </c>
      <c r="AD4625">
        <v>37966.371930000001</v>
      </c>
      <c r="AE4625">
        <v>50766.001559999997</v>
      </c>
      <c r="AF4625">
        <v>65981.734280000004</v>
      </c>
      <c r="AG4625">
        <v>29308.738150000001</v>
      </c>
      <c r="AH4625">
        <v>360745.0723</v>
      </c>
      <c r="AI4625">
        <v>95600.895569999993</v>
      </c>
      <c r="AJ4625">
        <v>28061.33121</v>
      </c>
      <c r="AK4625">
        <v>32076.289260000001</v>
      </c>
      <c r="AL4625">
        <v>102099.0239</v>
      </c>
      <c r="AM4625">
        <v>25157.11908</v>
      </c>
      <c r="AN4625">
        <v>110273.2534</v>
      </c>
      <c r="AO4625">
        <v>30404.701550000002</v>
      </c>
      <c r="AP4625">
        <v>28215.91793</v>
      </c>
    </row>
    <row r="4626" spans="2:42" x14ac:dyDescent="0.3">
      <c r="B4626">
        <v>69.566685099259814</v>
      </c>
      <c r="C4626" s="83">
        <v>43293.666666666664</v>
      </c>
      <c r="D4626">
        <v>288713.86369999999</v>
      </c>
      <c r="E4626">
        <v>36188.656349999997</v>
      </c>
      <c r="F4626">
        <v>105362.5386</v>
      </c>
      <c r="G4626">
        <v>47634.311439999998</v>
      </c>
      <c r="H4626">
        <v>49438.817199999998</v>
      </c>
      <c r="I4626">
        <v>38442.791749999997</v>
      </c>
      <c r="J4626">
        <v>50315.917809999999</v>
      </c>
      <c r="K4626">
        <v>63369.497239999997</v>
      </c>
      <c r="L4626">
        <v>29406.41185</v>
      </c>
      <c r="M4626">
        <v>354683.40250000003</v>
      </c>
      <c r="N4626">
        <v>93040.693320000006</v>
      </c>
      <c r="O4626">
        <v>27370.79493</v>
      </c>
      <c r="P4626">
        <v>32471.539769999999</v>
      </c>
      <c r="Q4626">
        <v>101627.552</v>
      </c>
      <c r="R4626">
        <v>24379.321690000001</v>
      </c>
      <c r="S4626">
        <v>108475.27899999999</v>
      </c>
      <c r="T4626">
        <v>30089.071319999999</v>
      </c>
      <c r="U4626">
        <v>25751.86505</v>
      </c>
      <c r="W4626" s="83">
        <f>Bühler!N4658</f>
        <v>45484.666666655452</v>
      </c>
      <c r="X4626" s="83">
        <v>43293.666666666664</v>
      </c>
      <c r="Y4626">
        <v>288713.86369999999</v>
      </c>
      <c r="Z4626">
        <v>36188.656349999997</v>
      </c>
      <c r="AA4626">
        <v>105362.5386</v>
      </c>
      <c r="AB4626">
        <v>47634.311439999998</v>
      </c>
      <c r="AC4626">
        <v>49438.817199999998</v>
      </c>
      <c r="AD4626">
        <v>38442.791749999997</v>
      </c>
      <c r="AE4626">
        <v>50315.917809999999</v>
      </c>
      <c r="AF4626">
        <v>63369.497239999997</v>
      </c>
      <c r="AG4626">
        <v>29406.41185</v>
      </c>
      <c r="AH4626">
        <v>354683.40250000003</v>
      </c>
      <c r="AI4626">
        <v>93040.693320000006</v>
      </c>
      <c r="AJ4626">
        <v>27370.79493</v>
      </c>
      <c r="AK4626">
        <v>32471.539769999999</v>
      </c>
      <c r="AL4626">
        <v>101627.552</v>
      </c>
      <c r="AM4626">
        <v>24379.321690000001</v>
      </c>
      <c r="AN4626">
        <v>108475.27899999999</v>
      </c>
      <c r="AO4626">
        <v>30089.071319999999</v>
      </c>
      <c r="AP4626">
        <v>25751.86505</v>
      </c>
    </row>
    <row r="4627" spans="2:42" x14ac:dyDescent="0.3">
      <c r="B4627">
        <v>68.325739984464121</v>
      </c>
      <c r="C4627" s="83">
        <v>43293.708333333336</v>
      </c>
      <c r="D4627">
        <v>280119.95730000001</v>
      </c>
      <c r="E4627">
        <v>33927.731699999997</v>
      </c>
      <c r="F4627">
        <v>105087.2934</v>
      </c>
      <c r="G4627">
        <v>44154.961020000002</v>
      </c>
      <c r="H4627">
        <v>47219.093820000002</v>
      </c>
      <c r="I4627">
        <v>38445.298459999998</v>
      </c>
      <c r="J4627">
        <v>50613.716240000002</v>
      </c>
      <c r="K4627">
        <v>58545.076569999997</v>
      </c>
      <c r="L4627">
        <v>30137.34144</v>
      </c>
      <c r="M4627">
        <v>348356.48560000001</v>
      </c>
      <c r="N4627">
        <v>87304.786049999995</v>
      </c>
      <c r="O4627">
        <v>26607.44384</v>
      </c>
      <c r="P4627">
        <v>32994.73861</v>
      </c>
      <c r="Q4627">
        <v>100247.8383</v>
      </c>
      <c r="R4627">
        <v>25423.485980000001</v>
      </c>
      <c r="S4627">
        <v>105451.59940000001</v>
      </c>
      <c r="T4627">
        <v>29411.8537</v>
      </c>
      <c r="U4627">
        <v>23158.77234</v>
      </c>
      <c r="W4627" s="83">
        <f>Bühler!N4659</f>
        <v>45484.708333322116</v>
      </c>
      <c r="X4627" s="83">
        <v>43293.708333333336</v>
      </c>
      <c r="Y4627">
        <v>280119.95730000001</v>
      </c>
      <c r="Z4627">
        <v>33927.731699999997</v>
      </c>
      <c r="AA4627">
        <v>105087.2934</v>
      </c>
      <c r="AB4627">
        <v>44154.961020000002</v>
      </c>
      <c r="AC4627">
        <v>47219.093820000002</v>
      </c>
      <c r="AD4627">
        <v>38445.298459999998</v>
      </c>
      <c r="AE4627">
        <v>50613.716240000002</v>
      </c>
      <c r="AF4627">
        <v>58545.076569999997</v>
      </c>
      <c r="AG4627">
        <v>30137.34144</v>
      </c>
      <c r="AH4627">
        <v>348356.48560000001</v>
      </c>
      <c r="AI4627">
        <v>87304.786049999995</v>
      </c>
      <c r="AJ4627">
        <v>26607.44384</v>
      </c>
      <c r="AK4627">
        <v>32994.73861</v>
      </c>
      <c r="AL4627">
        <v>100247.8383</v>
      </c>
      <c r="AM4627">
        <v>25423.485980000001</v>
      </c>
      <c r="AN4627">
        <v>105451.59940000001</v>
      </c>
      <c r="AO4627">
        <v>29411.8537</v>
      </c>
      <c r="AP4627">
        <v>23158.77234</v>
      </c>
    </row>
    <row r="4628" spans="2:42" x14ac:dyDescent="0.3">
      <c r="B4628">
        <v>67.130128776866769</v>
      </c>
      <c r="C4628" s="83">
        <v>43293.75</v>
      </c>
      <c r="D4628">
        <v>272195.06339999998</v>
      </c>
      <c r="E4628">
        <v>30718.231779999998</v>
      </c>
      <c r="F4628">
        <v>102746.23669999999</v>
      </c>
      <c r="G4628">
        <v>40893.796130000002</v>
      </c>
      <c r="H4628">
        <v>45344.970070000003</v>
      </c>
      <c r="I4628">
        <v>37162.095329999996</v>
      </c>
      <c r="J4628">
        <v>50964.335400000004</v>
      </c>
      <c r="K4628">
        <v>56852.115640000004</v>
      </c>
      <c r="L4628">
        <v>30566.973190000001</v>
      </c>
      <c r="M4628">
        <v>342260.70209999999</v>
      </c>
      <c r="N4628">
        <v>85004.458259999999</v>
      </c>
      <c r="O4628">
        <v>24590.817770000001</v>
      </c>
      <c r="P4628">
        <v>36853.00101</v>
      </c>
      <c r="Q4628">
        <v>98344.093630000003</v>
      </c>
      <c r="R4628">
        <v>24001.18723</v>
      </c>
      <c r="S4628">
        <v>98838.765889999995</v>
      </c>
      <c r="T4628">
        <v>28412.586289999999</v>
      </c>
      <c r="U4628">
        <v>21795.170470000001</v>
      </c>
      <c r="W4628" s="83">
        <f>Bühler!N4660</f>
        <v>45484.74999998878</v>
      </c>
      <c r="X4628" s="83">
        <v>43293.75</v>
      </c>
      <c r="Y4628">
        <v>272195.06339999998</v>
      </c>
      <c r="Z4628">
        <v>30718.231779999998</v>
      </c>
      <c r="AA4628">
        <v>102746.23669999999</v>
      </c>
      <c r="AB4628">
        <v>40893.796130000002</v>
      </c>
      <c r="AC4628">
        <v>45344.970070000003</v>
      </c>
      <c r="AD4628">
        <v>37162.095329999996</v>
      </c>
      <c r="AE4628">
        <v>50964.335400000004</v>
      </c>
      <c r="AF4628">
        <v>56852.115640000004</v>
      </c>
      <c r="AG4628">
        <v>30566.973190000001</v>
      </c>
      <c r="AH4628">
        <v>342260.70209999999</v>
      </c>
      <c r="AI4628">
        <v>85004.458259999999</v>
      </c>
      <c r="AJ4628">
        <v>24590.817770000001</v>
      </c>
      <c r="AK4628">
        <v>36853.00101</v>
      </c>
      <c r="AL4628">
        <v>98344.093630000003</v>
      </c>
      <c r="AM4628">
        <v>24001.18723</v>
      </c>
      <c r="AN4628">
        <v>98838.765889999995</v>
      </c>
      <c r="AO4628">
        <v>28412.586289999999</v>
      </c>
      <c r="AP4628">
        <v>21795.170470000001</v>
      </c>
    </row>
    <row r="4629" spans="2:42" x14ac:dyDescent="0.3">
      <c r="B4629">
        <v>65.825118004264922</v>
      </c>
      <c r="C4629" s="83">
        <v>43293.791666666664</v>
      </c>
      <c r="D4629">
        <v>265668.09370000003</v>
      </c>
      <c r="E4629">
        <v>25409.29694</v>
      </c>
      <c r="F4629">
        <v>91219.863159999994</v>
      </c>
      <c r="G4629">
        <v>37928.98575</v>
      </c>
      <c r="H4629">
        <v>42280.979780000001</v>
      </c>
      <c r="I4629">
        <v>35397.7212</v>
      </c>
      <c r="J4629">
        <v>50025.59347</v>
      </c>
      <c r="K4629">
        <v>57814.210039999998</v>
      </c>
      <c r="L4629">
        <v>30781.12545</v>
      </c>
      <c r="M4629">
        <v>335607.14860000001</v>
      </c>
      <c r="N4629">
        <v>80762.800359999994</v>
      </c>
      <c r="O4629">
        <v>23538.318930000001</v>
      </c>
      <c r="P4629">
        <v>39271.552280000004</v>
      </c>
      <c r="Q4629">
        <v>95375.723180000001</v>
      </c>
      <c r="R4629">
        <v>22302.998210000002</v>
      </c>
      <c r="S4629">
        <v>93888.727889999995</v>
      </c>
      <c r="T4629">
        <v>27705.060430000001</v>
      </c>
      <c r="U4629">
        <v>20857.71488</v>
      </c>
      <c r="W4629" s="83">
        <f>Bühler!N4661</f>
        <v>45484.791666655445</v>
      </c>
      <c r="X4629" s="83">
        <v>43293.791666666664</v>
      </c>
      <c r="Y4629">
        <v>265668.09370000003</v>
      </c>
      <c r="Z4629">
        <v>25409.29694</v>
      </c>
      <c r="AA4629">
        <v>91219.863159999994</v>
      </c>
      <c r="AB4629">
        <v>37928.98575</v>
      </c>
      <c r="AC4629">
        <v>42280.979780000001</v>
      </c>
      <c r="AD4629">
        <v>35397.7212</v>
      </c>
      <c r="AE4629">
        <v>50025.59347</v>
      </c>
      <c r="AF4629">
        <v>57814.210039999998</v>
      </c>
      <c r="AG4629">
        <v>30781.12545</v>
      </c>
      <c r="AH4629">
        <v>335607.14860000001</v>
      </c>
      <c r="AI4629">
        <v>80762.800359999994</v>
      </c>
      <c r="AJ4629">
        <v>23538.318930000001</v>
      </c>
      <c r="AK4629">
        <v>39271.552280000004</v>
      </c>
      <c r="AL4629">
        <v>95375.723180000001</v>
      </c>
      <c r="AM4629">
        <v>22302.998210000002</v>
      </c>
      <c r="AN4629">
        <v>93888.727889999995</v>
      </c>
      <c r="AO4629">
        <v>27705.060430000001</v>
      </c>
      <c r="AP4629">
        <v>20857.71488</v>
      </c>
    </row>
    <row r="4630" spans="2:42" x14ac:dyDescent="0.3">
      <c r="B4630">
        <v>63.829722679933369</v>
      </c>
      <c r="C4630" s="83">
        <v>43293.833333333336</v>
      </c>
      <c r="D4630">
        <v>257000.82199999999</v>
      </c>
      <c r="E4630">
        <v>18773.674220000001</v>
      </c>
      <c r="F4630">
        <v>72277.163140000004</v>
      </c>
      <c r="G4630">
        <v>35700.708350000001</v>
      </c>
      <c r="H4630">
        <v>39323.524689999998</v>
      </c>
      <c r="I4630">
        <v>31726.544870000002</v>
      </c>
      <c r="J4630">
        <v>48798.238400000002</v>
      </c>
      <c r="K4630">
        <v>57342.61363</v>
      </c>
      <c r="L4630">
        <v>29996.33208</v>
      </c>
      <c r="M4630">
        <v>325433.69270000001</v>
      </c>
      <c r="N4630">
        <v>76108.878809999995</v>
      </c>
      <c r="O4630">
        <v>21986.8397</v>
      </c>
      <c r="P4630">
        <v>38935.448400000001</v>
      </c>
      <c r="Q4630">
        <v>92522.9179</v>
      </c>
      <c r="R4630">
        <v>20408.353009999999</v>
      </c>
      <c r="S4630">
        <v>86302.088310000006</v>
      </c>
      <c r="T4630">
        <v>25498.745350000001</v>
      </c>
      <c r="U4630">
        <v>20072.40409</v>
      </c>
      <c r="W4630" s="83">
        <f>Bühler!N4662</f>
        <v>45484.833333322109</v>
      </c>
      <c r="X4630" s="83">
        <v>43293.833333333336</v>
      </c>
      <c r="Y4630">
        <v>257000.82199999999</v>
      </c>
      <c r="Z4630">
        <v>18773.674220000001</v>
      </c>
      <c r="AA4630">
        <v>72277.163140000004</v>
      </c>
      <c r="AB4630">
        <v>35700.708350000001</v>
      </c>
      <c r="AC4630">
        <v>39323.524689999998</v>
      </c>
      <c r="AD4630">
        <v>31726.544870000002</v>
      </c>
      <c r="AE4630">
        <v>48798.238400000002</v>
      </c>
      <c r="AF4630">
        <v>57342.61363</v>
      </c>
      <c r="AG4630">
        <v>29996.33208</v>
      </c>
      <c r="AH4630">
        <v>325433.69270000001</v>
      </c>
      <c r="AI4630">
        <v>76108.878809999995</v>
      </c>
      <c r="AJ4630">
        <v>21986.8397</v>
      </c>
      <c r="AK4630">
        <v>38935.448400000001</v>
      </c>
      <c r="AL4630">
        <v>92522.9179</v>
      </c>
      <c r="AM4630">
        <v>20408.353009999999</v>
      </c>
      <c r="AN4630">
        <v>86302.088310000006</v>
      </c>
      <c r="AO4630">
        <v>25498.745350000001</v>
      </c>
      <c r="AP4630">
        <v>20072.40409</v>
      </c>
    </row>
    <row r="4631" spans="2:42" x14ac:dyDescent="0.3">
      <c r="B4631">
        <v>61.527715112791483</v>
      </c>
      <c r="C4631" s="83">
        <v>43293.875</v>
      </c>
      <c r="D4631">
        <v>249563.41140000001</v>
      </c>
      <c r="E4631">
        <v>15813.47594</v>
      </c>
      <c r="F4631">
        <v>62571.364629999996</v>
      </c>
      <c r="G4631">
        <v>33972.514369999997</v>
      </c>
      <c r="H4631">
        <v>37028.755230000002</v>
      </c>
      <c r="I4631">
        <v>28245.503959999998</v>
      </c>
      <c r="J4631">
        <v>47179.763709999999</v>
      </c>
      <c r="K4631">
        <v>56272.733679999998</v>
      </c>
      <c r="L4631">
        <v>28610.38308</v>
      </c>
      <c r="M4631">
        <v>313696.98460000003</v>
      </c>
      <c r="N4631">
        <v>74724.142430000007</v>
      </c>
      <c r="O4631">
        <v>20798.916209999999</v>
      </c>
      <c r="P4631">
        <v>36727.211430000003</v>
      </c>
      <c r="Q4631">
        <v>89252.595409999994</v>
      </c>
      <c r="R4631">
        <v>19466.261330000001</v>
      </c>
      <c r="S4631">
        <v>81386.394180000003</v>
      </c>
      <c r="T4631">
        <v>23555.16331</v>
      </c>
      <c r="U4631">
        <v>19425.396970000002</v>
      </c>
      <c r="W4631" s="83">
        <f>Bühler!N4663</f>
        <v>45484.874999988773</v>
      </c>
      <c r="X4631" s="83">
        <v>43293.875</v>
      </c>
      <c r="Y4631">
        <v>249563.41140000001</v>
      </c>
      <c r="Z4631">
        <v>15813.47594</v>
      </c>
      <c r="AA4631">
        <v>62571.364629999996</v>
      </c>
      <c r="AB4631">
        <v>33972.514369999997</v>
      </c>
      <c r="AC4631">
        <v>37028.755230000002</v>
      </c>
      <c r="AD4631">
        <v>28245.503959999998</v>
      </c>
      <c r="AE4631">
        <v>47179.763709999999</v>
      </c>
      <c r="AF4631">
        <v>56272.733679999998</v>
      </c>
      <c r="AG4631">
        <v>28610.38308</v>
      </c>
      <c r="AH4631">
        <v>313696.98460000003</v>
      </c>
      <c r="AI4631">
        <v>74724.142430000007</v>
      </c>
      <c r="AJ4631">
        <v>20798.916209999999</v>
      </c>
      <c r="AK4631">
        <v>36727.211430000003</v>
      </c>
      <c r="AL4631">
        <v>89252.595409999994</v>
      </c>
      <c r="AM4631">
        <v>19466.261330000001</v>
      </c>
      <c r="AN4631">
        <v>81386.394180000003</v>
      </c>
      <c r="AO4631">
        <v>23555.16331</v>
      </c>
      <c r="AP4631">
        <v>19425.396970000002</v>
      </c>
    </row>
    <row r="4632" spans="2:42" x14ac:dyDescent="0.3">
      <c r="B4632">
        <v>61.03045065521588</v>
      </c>
      <c r="C4632" s="83">
        <v>43293.916666666664</v>
      </c>
      <c r="D4632">
        <v>248052.34659999999</v>
      </c>
      <c r="E4632">
        <v>15153.19749</v>
      </c>
      <c r="F4632">
        <v>59587.5432</v>
      </c>
      <c r="G4632">
        <v>33634.722119999999</v>
      </c>
      <c r="H4632">
        <v>37906.850290000002</v>
      </c>
      <c r="I4632">
        <v>26404.877349999999</v>
      </c>
      <c r="J4632">
        <v>46402.005120000002</v>
      </c>
      <c r="K4632">
        <v>57496.642970000001</v>
      </c>
      <c r="L4632">
        <v>26305.011020000002</v>
      </c>
      <c r="M4632">
        <v>311161.6985</v>
      </c>
      <c r="N4632">
        <v>74914.204639999996</v>
      </c>
      <c r="O4632">
        <v>19995.67513</v>
      </c>
      <c r="P4632">
        <v>38887.256549999998</v>
      </c>
      <c r="Q4632">
        <v>87988.044290000005</v>
      </c>
      <c r="R4632">
        <v>20162.58481</v>
      </c>
      <c r="S4632">
        <v>80488.544410000002</v>
      </c>
      <c r="T4632">
        <v>21626.870320000002</v>
      </c>
      <c r="U4632">
        <v>19943.680700000001</v>
      </c>
      <c r="W4632" s="83">
        <f>Bühler!N4664</f>
        <v>45484.916666655437</v>
      </c>
      <c r="X4632" s="83">
        <v>43293.916666666664</v>
      </c>
      <c r="Y4632">
        <v>248052.34659999999</v>
      </c>
      <c r="Z4632">
        <v>15153.19749</v>
      </c>
      <c r="AA4632">
        <v>59587.5432</v>
      </c>
      <c r="AB4632">
        <v>33634.722119999999</v>
      </c>
      <c r="AC4632">
        <v>37906.850290000002</v>
      </c>
      <c r="AD4632">
        <v>26404.877349999999</v>
      </c>
      <c r="AE4632">
        <v>46402.005120000002</v>
      </c>
      <c r="AF4632">
        <v>57496.642970000001</v>
      </c>
      <c r="AG4632">
        <v>26305.011020000002</v>
      </c>
      <c r="AH4632">
        <v>311161.6985</v>
      </c>
      <c r="AI4632">
        <v>74914.204639999996</v>
      </c>
      <c r="AJ4632">
        <v>19995.67513</v>
      </c>
      <c r="AK4632">
        <v>38887.256549999998</v>
      </c>
      <c r="AL4632">
        <v>87988.044290000005</v>
      </c>
      <c r="AM4632">
        <v>20162.58481</v>
      </c>
      <c r="AN4632">
        <v>80488.544410000002</v>
      </c>
      <c r="AO4632">
        <v>21626.870320000002</v>
      </c>
      <c r="AP4632">
        <v>19943.680700000001</v>
      </c>
    </row>
    <row r="4633" spans="2:42" x14ac:dyDescent="0.3">
      <c r="B4633">
        <v>60.954621204932266</v>
      </c>
      <c r="C4633" s="83">
        <v>43293.958333333336</v>
      </c>
      <c r="D4633">
        <v>249451.90410000001</v>
      </c>
      <c r="E4633">
        <v>14611.808209999999</v>
      </c>
      <c r="F4633">
        <v>58053.038419999997</v>
      </c>
      <c r="G4633">
        <v>33707.768629999999</v>
      </c>
      <c r="H4633">
        <v>36909.119850000003</v>
      </c>
      <c r="I4633">
        <v>25441.396929999999</v>
      </c>
      <c r="J4633">
        <v>42061.230770000002</v>
      </c>
      <c r="K4633">
        <v>56389.129050000003</v>
      </c>
      <c r="L4633">
        <v>22533.767609999999</v>
      </c>
      <c r="M4633">
        <v>310775.0846</v>
      </c>
      <c r="N4633">
        <v>74875.084040000002</v>
      </c>
      <c r="O4633">
        <v>19393.454610000001</v>
      </c>
      <c r="P4633">
        <v>33639.189700000003</v>
      </c>
      <c r="Q4633">
        <v>87741.662230000002</v>
      </c>
      <c r="R4633">
        <v>21073.79304</v>
      </c>
      <c r="S4633">
        <v>77927.531000000003</v>
      </c>
      <c r="T4633">
        <v>19461.09791</v>
      </c>
      <c r="U4633">
        <v>19533.525150000001</v>
      </c>
      <c r="W4633" s="83">
        <f>Bühler!N4665</f>
        <v>45484.958333322102</v>
      </c>
      <c r="X4633" s="83">
        <v>43293.958333333336</v>
      </c>
      <c r="Y4633">
        <v>249451.90410000001</v>
      </c>
      <c r="Z4633">
        <v>14611.808209999999</v>
      </c>
      <c r="AA4633">
        <v>58053.038419999997</v>
      </c>
      <c r="AB4633">
        <v>33707.768629999999</v>
      </c>
      <c r="AC4633">
        <v>36909.119850000003</v>
      </c>
      <c r="AD4633">
        <v>25441.396929999999</v>
      </c>
      <c r="AE4633">
        <v>42061.230770000002</v>
      </c>
      <c r="AF4633">
        <v>56389.129050000003</v>
      </c>
      <c r="AG4633">
        <v>22533.767609999999</v>
      </c>
      <c r="AH4633">
        <v>310775.0846</v>
      </c>
      <c r="AI4633">
        <v>74875.084040000002</v>
      </c>
      <c r="AJ4633">
        <v>19393.454610000001</v>
      </c>
      <c r="AK4633">
        <v>33639.189700000003</v>
      </c>
      <c r="AL4633">
        <v>87741.662230000002</v>
      </c>
      <c r="AM4633">
        <v>21073.79304</v>
      </c>
      <c r="AN4633">
        <v>77927.531000000003</v>
      </c>
      <c r="AO4633">
        <v>19461.09791</v>
      </c>
      <c r="AP4633">
        <v>19533.525150000001</v>
      </c>
    </row>
    <row r="4634" spans="2:42" x14ac:dyDescent="0.3">
      <c r="B4634">
        <v>59.784750463427635</v>
      </c>
      <c r="C4634" s="83">
        <v>43294</v>
      </c>
      <c r="D4634">
        <v>246191.11259999999</v>
      </c>
      <c r="E4634">
        <v>14055.72846</v>
      </c>
      <c r="F4634">
        <v>55910.497210000001</v>
      </c>
      <c r="G4634">
        <v>33092.118929999997</v>
      </c>
      <c r="H4634">
        <v>36349.000979999997</v>
      </c>
      <c r="I4634">
        <v>24185.091420000001</v>
      </c>
      <c r="J4634">
        <v>37614.54264</v>
      </c>
      <c r="K4634">
        <v>53993.076359999999</v>
      </c>
      <c r="L4634">
        <v>19781.957320000001</v>
      </c>
      <c r="M4634">
        <v>304810.538</v>
      </c>
      <c r="N4634">
        <v>74481.782980000004</v>
      </c>
      <c r="O4634">
        <v>19031.087220000001</v>
      </c>
      <c r="P4634">
        <v>29990.928899999999</v>
      </c>
      <c r="Q4634">
        <v>86634.307579999993</v>
      </c>
      <c r="R4634">
        <v>17139.910919999998</v>
      </c>
      <c r="S4634">
        <v>76136.371780000001</v>
      </c>
      <c r="T4634">
        <v>18698.889660000001</v>
      </c>
      <c r="U4634">
        <v>19130.164870000001</v>
      </c>
      <c r="W4634" s="83">
        <f>Bühler!N4666</f>
        <v>45484.999999988766</v>
      </c>
      <c r="X4634" s="83">
        <v>43294</v>
      </c>
      <c r="Y4634">
        <v>246191.11259999999</v>
      </c>
      <c r="Z4634">
        <v>14055.72846</v>
      </c>
      <c r="AA4634">
        <v>55910.497210000001</v>
      </c>
      <c r="AB4634">
        <v>33092.118929999997</v>
      </c>
      <c r="AC4634">
        <v>36349.000979999997</v>
      </c>
      <c r="AD4634">
        <v>24185.091420000001</v>
      </c>
      <c r="AE4634">
        <v>37614.54264</v>
      </c>
      <c r="AF4634">
        <v>53993.076359999999</v>
      </c>
      <c r="AG4634">
        <v>19781.957320000001</v>
      </c>
      <c r="AH4634">
        <v>304810.538</v>
      </c>
      <c r="AI4634">
        <v>74481.782980000004</v>
      </c>
      <c r="AJ4634">
        <v>19031.087220000001</v>
      </c>
      <c r="AK4634">
        <v>29990.928899999999</v>
      </c>
      <c r="AL4634">
        <v>86634.307579999993</v>
      </c>
      <c r="AM4634">
        <v>17139.910919999998</v>
      </c>
      <c r="AN4634">
        <v>76136.371780000001</v>
      </c>
      <c r="AO4634">
        <v>18698.889660000001</v>
      </c>
      <c r="AP4634">
        <v>19130.164870000001</v>
      </c>
    </row>
    <row r="4635" spans="2:42" x14ac:dyDescent="0.3">
      <c r="B4635">
        <v>59.119934031845602</v>
      </c>
      <c r="C4635" s="83">
        <v>43294.041666666664</v>
      </c>
      <c r="D4635">
        <v>243637.42989999999</v>
      </c>
      <c r="E4635">
        <v>13582.775390000001</v>
      </c>
      <c r="F4635">
        <v>55225.13463</v>
      </c>
      <c r="G4635">
        <v>32370.585350000001</v>
      </c>
      <c r="H4635">
        <v>35827.730539999997</v>
      </c>
      <c r="I4635">
        <v>20078.661909999999</v>
      </c>
      <c r="J4635">
        <v>36169.67987</v>
      </c>
      <c r="K4635">
        <v>51430.788520000002</v>
      </c>
      <c r="L4635">
        <v>18418.244299999998</v>
      </c>
      <c r="M4635">
        <v>301420.9938</v>
      </c>
      <c r="N4635">
        <v>74199.178719999996</v>
      </c>
      <c r="O4635">
        <v>19192.975630000001</v>
      </c>
      <c r="P4635">
        <v>28029.47349</v>
      </c>
      <c r="Q4635">
        <v>86755.962530000004</v>
      </c>
      <c r="R4635">
        <v>14671.259330000001</v>
      </c>
      <c r="S4635">
        <v>74622.536170000007</v>
      </c>
      <c r="T4635">
        <v>17734.772580000001</v>
      </c>
      <c r="U4635">
        <v>19043.883849999998</v>
      </c>
      <c r="W4635" s="83">
        <f>Bühler!N4667</f>
        <v>45485.04166665543</v>
      </c>
      <c r="X4635" s="83">
        <v>43294.041666666664</v>
      </c>
      <c r="Y4635">
        <v>243637.42989999999</v>
      </c>
      <c r="Z4635">
        <v>13582.775390000001</v>
      </c>
      <c r="AA4635">
        <v>55225.13463</v>
      </c>
      <c r="AB4635">
        <v>32370.585350000001</v>
      </c>
      <c r="AC4635">
        <v>35827.730539999997</v>
      </c>
      <c r="AD4635">
        <v>20078.661909999999</v>
      </c>
      <c r="AE4635">
        <v>36169.67987</v>
      </c>
      <c r="AF4635">
        <v>51430.788520000002</v>
      </c>
      <c r="AG4635">
        <v>18418.244299999998</v>
      </c>
      <c r="AH4635">
        <v>301420.9938</v>
      </c>
      <c r="AI4635">
        <v>74199.178719999996</v>
      </c>
      <c r="AJ4635">
        <v>19192.975630000001</v>
      </c>
      <c r="AK4635">
        <v>28029.47349</v>
      </c>
      <c r="AL4635">
        <v>86755.962530000004</v>
      </c>
      <c r="AM4635">
        <v>14671.259330000001</v>
      </c>
      <c r="AN4635">
        <v>74622.536170000007</v>
      </c>
      <c r="AO4635">
        <v>17734.772580000001</v>
      </c>
      <c r="AP4635">
        <v>19043.883849999998</v>
      </c>
    </row>
    <row r="4636" spans="2:42" x14ac:dyDescent="0.3">
      <c r="B4636">
        <v>59.188352233831061</v>
      </c>
      <c r="C4636" s="83">
        <v>43294.083333333336</v>
      </c>
      <c r="D4636">
        <v>242699.6047</v>
      </c>
      <c r="E4636">
        <v>13323.879139999999</v>
      </c>
      <c r="F4636">
        <v>56144.813430000002</v>
      </c>
      <c r="G4636">
        <v>31551.75562</v>
      </c>
      <c r="H4636">
        <v>35363.501479999999</v>
      </c>
      <c r="I4636">
        <v>18070.639739999999</v>
      </c>
      <c r="J4636">
        <v>35303.944199999998</v>
      </c>
      <c r="K4636">
        <v>51009.477180000002</v>
      </c>
      <c r="L4636">
        <v>17733.935320000001</v>
      </c>
      <c r="M4636">
        <v>301769.82169999997</v>
      </c>
      <c r="N4636">
        <v>73079.20852</v>
      </c>
      <c r="O4636">
        <v>18907.64603</v>
      </c>
      <c r="P4636">
        <v>26317.828850000002</v>
      </c>
      <c r="Q4636">
        <v>89532.876279999997</v>
      </c>
      <c r="R4636">
        <v>15187.70444</v>
      </c>
      <c r="S4636">
        <v>73092.085130000007</v>
      </c>
      <c r="T4636">
        <v>17089.52752</v>
      </c>
      <c r="U4636">
        <v>18288.63537</v>
      </c>
      <c r="W4636" s="83">
        <f>Bühler!N4668</f>
        <v>45485.083333322094</v>
      </c>
      <c r="X4636" s="83">
        <v>43294.083333333336</v>
      </c>
      <c r="Y4636">
        <v>242699.6047</v>
      </c>
      <c r="Z4636">
        <v>13323.879139999999</v>
      </c>
      <c r="AA4636">
        <v>56144.813430000002</v>
      </c>
      <c r="AB4636">
        <v>31551.75562</v>
      </c>
      <c r="AC4636">
        <v>35363.501479999999</v>
      </c>
      <c r="AD4636">
        <v>18070.639739999999</v>
      </c>
      <c r="AE4636">
        <v>35303.944199999998</v>
      </c>
      <c r="AF4636">
        <v>51009.477180000002</v>
      </c>
      <c r="AG4636">
        <v>17733.935320000001</v>
      </c>
      <c r="AH4636">
        <v>301769.82169999997</v>
      </c>
      <c r="AI4636">
        <v>73079.20852</v>
      </c>
      <c r="AJ4636">
        <v>18907.64603</v>
      </c>
      <c r="AK4636">
        <v>26317.828850000002</v>
      </c>
      <c r="AL4636">
        <v>89532.876279999997</v>
      </c>
      <c r="AM4636">
        <v>15187.70444</v>
      </c>
      <c r="AN4636">
        <v>73092.085130000007</v>
      </c>
      <c r="AO4636">
        <v>17089.52752</v>
      </c>
      <c r="AP4636">
        <v>18288.63537</v>
      </c>
    </row>
    <row r="4637" spans="2:42" x14ac:dyDescent="0.3">
      <c r="B4637">
        <v>59.825015375703437</v>
      </c>
      <c r="C4637" s="83">
        <v>43294.125</v>
      </c>
      <c r="D4637">
        <v>243080.12549999999</v>
      </c>
      <c r="E4637">
        <v>13261.88883</v>
      </c>
      <c r="F4637">
        <v>57215.936159999997</v>
      </c>
      <c r="G4637">
        <v>30923.142110000001</v>
      </c>
      <c r="H4637">
        <v>35116.361729999997</v>
      </c>
      <c r="I4637">
        <v>17636.104859999999</v>
      </c>
      <c r="J4637">
        <v>35596.965040000003</v>
      </c>
      <c r="K4637">
        <v>50145.735200000003</v>
      </c>
      <c r="L4637">
        <v>17268.785469999999</v>
      </c>
      <c r="M4637">
        <v>305015.8273</v>
      </c>
      <c r="N4637">
        <v>72288.112869999997</v>
      </c>
      <c r="O4637">
        <v>18903.473569999998</v>
      </c>
      <c r="P4637">
        <v>24981.304909999999</v>
      </c>
      <c r="Q4637">
        <v>91980.169880000001</v>
      </c>
      <c r="R4637">
        <v>14804.402</v>
      </c>
      <c r="S4637">
        <v>72100.022169999997</v>
      </c>
      <c r="T4637">
        <v>16912.817439999999</v>
      </c>
      <c r="U4637">
        <v>18218.66361</v>
      </c>
      <c r="W4637" s="83">
        <f>Bühler!N4669</f>
        <v>45485.124999988759</v>
      </c>
      <c r="X4637" s="83">
        <v>43294.125</v>
      </c>
      <c r="Y4637">
        <v>243080.12549999999</v>
      </c>
      <c r="Z4637">
        <v>13261.88883</v>
      </c>
      <c r="AA4637">
        <v>57215.936159999997</v>
      </c>
      <c r="AB4637">
        <v>30923.142110000001</v>
      </c>
      <c r="AC4637">
        <v>35116.361729999997</v>
      </c>
      <c r="AD4637">
        <v>17636.104859999999</v>
      </c>
      <c r="AE4637">
        <v>35596.965040000003</v>
      </c>
      <c r="AF4637">
        <v>50145.735200000003</v>
      </c>
      <c r="AG4637">
        <v>17268.785469999999</v>
      </c>
      <c r="AH4637">
        <v>305015.8273</v>
      </c>
      <c r="AI4637">
        <v>72288.112869999997</v>
      </c>
      <c r="AJ4637">
        <v>18903.473569999998</v>
      </c>
      <c r="AK4637">
        <v>24981.304909999999</v>
      </c>
      <c r="AL4637">
        <v>91980.169880000001</v>
      </c>
      <c r="AM4637">
        <v>14804.402</v>
      </c>
      <c r="AN4637">
        <v>72100.022169999997</v>
      </c>
      <c r="AO4637">
        <v>16912.817439999999</v>
      </c>
      <c r="AP4637">
        <v>18218.66361</v>
      </c>
    </row>
    <row r="4638" spans="2:42" x14ac:dyDescent="0.3">
      <c r="B4638">
        <v>61.230601196880251</v>
      </c>
      <c r="C4638" s="83">
        <v>43294.166666666664</v>
      </c>
      <c r="D4638">
        <v>245414.7708</v>
      </c>
      <c r="E4638">
        <v>13630.41713</v>
      </c>
      <c r="F4638">
        <v>60085.647660000002</v>
      </c>
      <c r="G4638">
        <v>30149.93635</v>
      </c>
      <c r="H4638">
        <v>35145.70362</v>
      </c>
      <c r="I4638">
        <v>18615.713790000002</v>
      </c>
      <c r="J4638">
        <v>37482.525289999998</v>
      </c>
      <c r="K4638">
        <v>49544.510340000001</v>
      </c>
      <c r="L4638">
        <v>16666.557870000001</v>
      </c>
      <c r="M4638">
        <v>312182.1593</v>
      </c>
      <c r="N4638">
        <v>71052.745030000005</v>
      </c>
      <c r="O4638">
        <v>18819.596130000002</v>
      </c>
      <c r="P4638">
        <v>24347.382300000001</v>
      </c>
      <c r="Q4638">
        <v>94787.283880000003</v>
      </c>
      <c r="R4638">
        <v>14801.18275</v>
      </c>
      <c r="S4638">
        <v>72423.290680000006</v>
      </c>
      <c r="T4638">
        <v>16813.650710000002</v>
      </c>
      <c r="U4638">
        <v>18762.980619999998</v>
      </c>
      <c r="W4638" s="83">
        <f>Bühler!N4670</f>
        <v>45485.166666655423</v>
      </c>
      <c r="X4638" s="83">
        <v>43294.166666666664</v>
      </c>
      <c r="Y4638">
        <v>245414.7708</v>
      </c>
      <c r="Z4638">
        <v>13630.41713</v>
      </c>
      <c r="AA4638">
        <v>60085.647660000002</v>
      </c>
      <c r="AB4638">
        <v>30149.93635</v>
      </c>
      <c r="AC4638">
        <v>35145.70362</v>
      </c>
      <c r="AD4638">
        <v>18615.713790000002</v>
      </c>
      <c r="AE4638">
        <v>37482.525289999998</v>
      </c>
      <c r="AF4638">
        <v>49544.510340000001</v>
      </c>
      <c r="AG4638">
        <v>16666.557870000001</v>
      </c>
      <c r="AH4638">
        <v>312182.1593</v>
      </c>
      <c r="AI4638">
        <v>71052.745030000005</v>
      </c>
      <c r="AJ4638">
        <v>18819.596130000002</v>
      </c>
      <c r="AK4638">
        <v>24347.382300000001</v>
      </c>
      <c r="AL4638">
        <v>94787.283880000003</v>
      </c>
      <c r="AM4638">
        <v>14801.18275</v>
      </c>
      <c r="AN4638">
        <v>72423.290680000006</v>
      </c>
      <c r="AO4638">
        <v>16813.650710000002</v>
      </c>
      <c r="AP4638">
        <v>18762.980619999998</v>
      </c>
    </row>
    <row r="4639" spans="2:42" x14ac:dyDescent="0.3">
      <c r="B4639">
        <v>64.185092271194605</v>
      </c>
      <c r="C4639" s="83">
        <v>43294.208333333336</v>
      </c>
      <c r="D4639">
        <v>259043.47099999999</v>
      </c>
      <c r="E4639">
        <v>15426.3691</v>
      </c>
      <c r="F4639">
        <v>70690.083169999998</v>
      </c>
      <c r="G4639">
        <v>31111.857230000001</v>
      </c>
      <c r="H4639">
        <v>36846.306510000002</v>
      </c>
      <c r="I4639">
        <v>24982.688610000001</v>
      </c>
      <c r="J4639">
        <v>40311.953670000003</v>
      </c>
      <c r="K4639">
        <v>50269.894849999997</v>
      </c>
      <c r="L4639">
        <v>18170.648870000001</v>
      </c>
      <c r="M4639">
        <v>327245.53259999998</v>
      </c>
      <c r="N4639">
        <v>72133.463430000003</v>
      </c>
      <c r="O4639">
        <v>20402.43722</v>
      </c>
      <c r="P4639">
        <v>25649.359</v>
      </c>
      <c r="Q4639">
        <v>97567.295889999994</v>
      </c>
      <c r="R4639">
        <v>16975.076120000002</v>
      </c>
      <c r="S4639">
        <v>74444.685190000004</v>
      </c>
      <c r="T4639">
        <v>17928.653040000001</v>
      </c>
      <c r="U4639">
        <v>21188.002219999998</v>
      </c>
      <c r="W4639" s="83">
        <f>Bühler!N4671</f>
        <v>45485.208333322087</v>
      </c>
      <c r="X4639" s="83">
        <v>43294.208333333336</v>
      </c>
      <c r="Y4639">
        <v>259043.47099999999</v>
      </c>
      <c r="Z4639">
        <v>15426.3691</v>
      </c>
      <c r="AA4639">
        <v>70690.083169999998</v>
      </c>
      <c r="AB4639">
        <v>31111.857230000001</v>
      </c>
      <c r="AC4639">
        <v>36846.306510000002</v>
      </c>
      <c r="AD4639">
        <v>24982.688610000001</v>
      </c>
      <c r="AE4639">
        <v>40311.953670000003</v>
      </c>
      <c r="AF4639">
        <v>50269.894849999997</v>
      </c>
      <c r="AG4639">
        <v>18170.648870000001</v>
      </c>
      <c r="AH4639">
        <v>327245.53259999998</v>
      </c>
      <c r="AI4639">
        <v>72133.463430000003</v>
      </c>
      <c r="AJ4639">
        <v>20402.43722</v>
      </c>
      <c r="AK4639">
        <v>25649.359</v>
      </c>
      <c r="AL4639">
        <v>97567.295889999994</v>
      </c>
      <c r="AM4639">
        <v>16975.076120000002</v>
      </c>
      <c r="AN4639">
        <v>74444.685190000004</v>
      </c>
      <c r="AO4639">
        <v>17928.653040000001</v>
      </c>
      <c r="AP4639">
        <v>21188.002219999998</v>
      </c>
    </row>
    <row r="4640" spans="2:42" x14ac:dyDescent="0.3">
      <c r="B4640">
        <v>66.479825788158934</v>
      </c>
      <c r="C4640" s="83">
        <v>43294.25</v>
      </c>
      <c r="D4640">
        <v>273523.26760000002</v>
      </c>
      <c r="E4640">
        <v>18992.017449999999</v>
      </c>
      <c r="F4640">
        <v>79735.124150000003</v>
      </c>
      <c r="G4640">
        <v>35210.390460000002</v>
      </c>
      <c r="H4640">
        <v>37904.649980000002</v>
      </c>
      <c r="I4640">
        <v>29586.47795</v>
      </c>
      <c r="J4640">
        <v>41971.556640000003</v>
      </c>
      <c r="K4640">
        <v>51098.464639999998</v>
      </c>
      <c r="L4640">
        <v>18717.407520000001</v>
      </c>
      <c r="M4640">
        <v>338945.15419999999</v>
      </c>
      <c r="N4640">
        <v>73026.570949999994</v>
      </c>
      <c r="O4640">
        <v>21221.643080000002</v>
      </c>
      <c r="P4640">
        <v>26341.28687</v>
      </c>
      <c r="Q4640">
        <v>97796.337679999997</v>
      </c>
      <c r="R4640">
        <v>17030.901180000001</v>
      </c>
      <c r="S4640">
        <v>81180.467650000006</v>
      </c>
      <c r="T4640">
        <v>19376.265060000002</v>
      </c>
      <c r="U4640">
        <v>23111.998200000002</v>
      </c>
      <c r="W4640" s="83">
        <f>Bühler!N4672</f>
        <v>45485.249999988751</v>
      </c>
      <c r="X4640" s="83">
        <v>43294.25</v>
      </c>
      <c r="Y4640">
        <v>273523.26760000002</v>
      </c>
      <c r="Z4640">
        <v>18992.017449999999</v>
      </c>
      <c r="AA4640">
        <v>79735.124150000003</v>
      </c>
      <c r="AB4640">
        <v>35210.390460000002</v>
      </c>
      <c r="AC4640">
        <v>37904.649980000002</v>
      </c>
      <c r="AD4640">
        <v>29586.47795</v>
      </c>
      <c r="AE4640">
        <v>41971.556640000003</v>
      </c>
      <c r="AF4640">
        <v>51098.464639999998</v>
      </c>
      <c r="AG4640">
        <v>18717.407520000001</v>
      </c>
      <c r="AH4640">
        <v>338945.15419999999</v>
      </c>
      <c r="AI4640">
        <v>73026.570949999994</v>
      </c>
      <c r="AJ4640">
        <v>21221.643080000002</v>
      </c>
      <c r="AK4640">
        <v>26341.28687</v>
      </c>
      <c r="AL4640">
        <v>97796.337679999997</v>
      </c>
      <c r="AM4640">
        <v>17030.901180000001</v>
      </c>
      <c r="AN4640">
        <v>81180.467650000006</v>
      </c>
      <c r="AO4640">
        <v>19376.265060000002</v>
      </c>
      <c r="AP4640">
        <v>23111.998200000002</v>
      </c>
    </row>
    <row r="4641" spans="2:42" x14ac:dyDescent="0.3">
      <c r="B4641">
        <v>68.284906901329535</v>
      </c>
      <c r="C4641" s="83">
        <v>43294.291666666664</v>
      </c>
      <c r="D4641">
        <v>284841.54139999999</v>
      </c>
      <c r="E4641">
        <v>23390.516230000001</v>
      </c>
      <c r="F4641">
        <v>84308.150609999997</v>
      </c>
      <c r="G4641">
        <v>40645.518340000002</v>
      </c>
      <c r="H4641">
        <v>42486.902540000003</v>
      </c>
      <c r="I4641">
        <v>35351.658259999997</v>
      </c>
      <c r="J4641">
        <v>43520.707060000001</v>
      </c>
      <c r="K4641">
        <v>56541.524140000001</v>
      </c>
      <c r="L4641">
        <v>21507.59143</v>
      </c>
      <c r="M4641">
        <v>348148.29950000002</v>
      </c>
      <c r="N4641">
        <v>76741.091700000004</v>
      </c>
      <c r="O4641">
        <v>23280.032210000001</v>
      </c>
      <c r="P4641">
        <v>29978.603309999999</v>
      </c>
      <c r="Q4641">
        <v>97514.689129999999</v>
      </c>
      <c r="R4641">
        <v>17832.554390000001</v>
      </c>
      <c r="S4641">
        <v>94297.694229999994</v>
      </c>
      <c r="T4641">
        <v>22472.82602</v>
      </c>
      <c r="U4641">
        <v>26975.831559999999</v>
      </c>
      <c r="W4641" s="83">
        <f>Bühler!N4673</f>
        <v>45485.291666655416</v>
      </c>
      <c r="X4641" s="83">
        <v>43294.291666666664</v>
      </c>
      <c r="Y4641">
        <v>284841.54139999999</v>
      </c>
      <c r="Z4641">
        <v>23390.516230000001</v>
      </c>
      <c r="AA4641">
        <v>84308.150609999997</v>
      </c>
      <c r="AB4641">
        <v>40645.518340000002</v>
      </c>
      <c r="AC4641">
        <v>42486.902540000003</v>
      </c>
      <c r="AD4641">
        <v>35351.658259999997</v>
      </c>
      <c r="AE4641">
        <v>43520.707060000001</v>
      </c>
      <c r="AF4641">
        <v>56541.524140000001</v>
      </c>
      <c r="AG4641">
        <v>21507.59143</v>
      </c>
      <c r="AH4641">
        <v>348148.29950000002</v>
      </c>
      <c r="AI4641">
        <v>76741.091700000004</v>
      </c>
      <c r="AJ4641">
        <v>23280.032210000001</v>
      </c>
      <c r="AK4641">
        <v>29978.603309999999</v>
      </c>
      <c r="AL4641">
        <v>97514.689129999999</v>
      </c>
      <c r="AM4641">
        <v>17832.554390000001</v>
      </c>
      <c r="AN4641">
        <v>94297.694229999994</v>
      </c>
      <c r="AO4641">
        <v>22472.82602</v>
      </c>
      <c r="AP4641">
        <v>26975.831559999999</v>
      </c>
    </row>
    <row r="4642" spans="2:42" x14ac:dyDescent="0.3">
      <c r="B4642">
        <v>69.668726824183778</v>
      </c>
      <c r="C4642" s="83">
        <v>43294.333333333336</v>
      </c>
      <c r="D4642">
        <v>295195.14110000001</v>
      </c>
      <c r="E4642">
        <v>29267.250400000001</v>
      </c>
      <c r="F4642">
        <v>91543.127729999993</v>
      </c>
      <c r="G4642">
        <v>45136.783040000002</v>
      </c>
      <c r="H4642">
        <v>46842.367720000002</v>
      </c>
      <c r="I4642">
        <v>39187.157209999998</v>
      </c>
      <c r="J4642">
        <v>46908.538760000003</v>
      </c>
      <c r="K4642">
        <v>61954.325550000001</v>
      </c>
      <c r="L4642">
        <v>25178.565310000002</v>
      </c>
      <c r="M4642">
        <v>355203.65879999998</v>
      </c>
      <c r="N4642">
        <v>83263.599830000006</v>
      </c>
      <c r="O4642">
        <v>24868.69356</v>
      </c>
      <c r="P4642">
        <v>32719.664560000001</v>
      </c>
      <c r="Q4642">
        <v>97908.010500000004</v>
      </c>
      <c r="R4642">
        <v>21550.609189999999</v>
      </c>
      <c r="S4642">
        <v>106907.3158</v>
      </c>
      <c r="T4642">
        <v>25268.058260000002</v>
      </c>
      <c r="U4642">
        <v>30144.378949999998</v>
      </c>
      <c r="W4642" s="83">
        <f>Bühler!N4674</f>
        <v>45485.33333332208</v>
      </c>
      <c r="X4642" s="83">
        <v>43294.333333333336</v>
      </c>
      <c r="Y4642">
        <v>295195.14110000001</v>
      </c>
      <c r="Z4642">
        <v>29267.250400000001</v>
      </c>
      <c r="AA4642">
        <v>91543.127729999993</v>
      </c>
      <c r="AB4642">
        <v>45136.783040000002</v>
      </c>
      <c r="AC4642">
        <v>46842.367720000002</v>
      </c>
      <c r="AD4642">
        <v>39187.157209999998</v>
      </c>
      <c r="AE4642">
        <v>46908.538760000003</v>
      </c>
      <c r="AF4642">
        <v>61954.325550000001</v>
      </c>
      <c r="AG4642">
        <v>25178.565310000002</v>
      </c>
      <c r="AH4642">
        <v>355203.65879999998</v>
      </c>
      <c r="AI4642">
        <v>83263.599830000006</v>
      </c>
      <c r="AJ4642">
        <v>24868.69356</v>
      </c>
      <c r="AK4642">
        <v>32719.664560000001</v>
      </c>
      <c r="AL4642">
        <v>97908.010500000004</v>
      </c>
      <c r="AM4642">
        <v>21550.609189999999</v>
      </c>
      <c r="AN4642">
        <v>106907.3158</v>
      </c>
      <c r="AO4642">
        <v>25268.058260000002</v>
      </c>
      <c r="AP4642">
        <v>30144.378949999998</v>
      </c>
    </row>
    <row r="4643" spans="2:42" x14ac:dyDescent="0.3">
      <c r="B4643">
        <v>70.383396031669889</v>
      </c>
      <c r="C4643" s="83">
        <v>43294.375</v>
      </c>
      <c r="D4643">
        <v>294835.37640000001</v>
      </c>
      <c r="E4643">
        <v>34291.492610000001</v>
      </c>
      <c r="F4643">
        <v>99873.772249999995</v>
      </c>
      <c r="G4643">
        <v>49182.308449999997</v>
      </c>
      <c r="H4643">
        <v>49792.201719999997</v>
      </c>
      <c r="I4643">
        <v>38455.60022</v>
      </c>
      <c r="J4643">
        <v>50342.068099999997</v>
      </c>
      <c r="K4643">
        <v>65539.074189999999</v>
      </c>
      <c r="L4643">
        <v>27707.08682</v>
      </c>
      <c r="M4643">
        <v>358847.37569999998</v>
      </c>
      <c r="N4643">
        <v>86134.995429999995</v>
      </c>
      <c r="O4643">
        <v>26479.314399999999</v>
      </c>
      <c r="P4643">
        <v>36906.215029999999</v>
      </c>
      <c r="Q4643">
        <v>99526.302259999997</v>
      </c>
      <c r="R4643">
        <v>22766.277480000001</v>
      </c>
      <c r="S4643">
        <v>114365.83010000001</v>
      </c>
      <c r="T4643">
        <v>28183.519100000001</v>
      </c>
      <c r="U4643">
        <v>30896.064569999999</v>
      </c>
      <c r="W4643" s="83">
        <f>Bühler!N4675</f>
        <v>45485.374999988744</v>
      </c>
      <c r="X4643" s="83">
        <v>43294.375</v>
      </c>
      <c r="Y4643">
        <v>294835.37640000001</v>
      </c>
      <c r="Z4643">
        <v>34291.492610000001</v>
      </c>
      <c r="AA4643">
        <v>99873.772249999995</v>
      </c>
      <c r="AB4643">
        <v>49182.308449999997</v>
      </c>
      <c r="AC4643">
        <v>49792.201719999997</v>
      </c>
      <c r="AD4643">
        <v>38455.60022</v>
      </c>
      <c r="AE4643">
        <v>50342.068099999997</v>
      </c>
      <c r="AF4643">
        <v>65539.074189999999</v>
      </c>
      <c r="AG4643">
        <v>27707.08682</v>
      </c>
      <c r="AH4643">
        <v>358847.37569999998</v>
      </c>
      <c r="AI4643">
        <v>86134.995429999995</v>
      </c>
      <c r="AJ4643">
        <v>26479.314399999999</v>
      </c>
      <c r="AK4643">
        <v>36906.215029999999</v>
      </c>
      <c r="AL4643">
        <v>99526.302259999997</v>
      </c>
      <c r="AM4643">
        <v>22766.277480000001</v>
      </c>
      <c r="AN4643">
        <v>114365.83010000001</v>
      </c>
      <c r="AO4643">
        <v>28183.519100000001</v>
      </c>
      <c r="AP4643">
        <v>30896.064569999999</v>
      </c>
    </row>
    <row r="4644" spans="2:42" x14ac:dyDescent="0.3">
      <c r="B4644">
        <v>71.339438490926455</v>
      </c>
      <c r="C4644" s="83">
        <v>43294.416666666664</v>
      </c>
      <c r="D4644">
        <v>299372.37880000001</v>
      </c>
      <c r="E4644">
        <v>36243.201760000004</v>
      </c>
      <c r="F4644">
        <v>104183.7257</v>
      </c>
      <c r="G4644">
        <v>50767.913829999998</v>
      </c>
      <c r="H4644">
        <v>51119.651769999997</v>
      </c>
      <c r="I4644">
        <v>37892.71645</v>
      </c>
      <c r="J4644">
        <v>51611.059020000001</v>
      </c>
      <c r="K4644">
        <v>68093.501329999999</v>
      </c>
      <c r="L4644">
        <v>32452.455829999999</v>
      </c>
      <c r="M4644">
        <v>363721.72600000002</v>
      </c>
      <c r="N4644">
        <v>91358.018989999997</v>
      </c>
      <c r="O4644">
        <v>26470.468430000001</v>
      </c>
      <c r="P4644">
        <v>38036.567139999999</v>
      </c>
      <c r="Q4644">
        <v>102536.4488</v>
      </c>
      <c r="R4644">
        <v>24374.918420000002</v>
      </c>
      <c r="S4644">
        <v>116385.72870000001</v>
      </c>
      <c r="T4644">
        <v>30210.226429999999</v>
      </c>
      <c r="U4644">
        <v>30049.623930000002</v>
      </c>
      <c r="W4644" s="83">
        <f>Bühler!N4676</f>
        <v>45485.416666655408</v>
      </c>
      <c r="X4644" s="83">
        <v>43294.416666666664</v>
      </c>
      <c r="Y4644">
        <v>299372.37880000001</v>
      </c>
      <c r="Z4644">
        <v>36243.201760000004</v>
      </c>
      <c r="AA4644">
        <v>104183.7257</v>
      </c>
      <c r="AB4644">
        <v>50767.913829999998</v>
      </c>
      <c r="AC4644">
        <v>51119.651769999997</v>
      </c>
      <c r="AD4644">
        <v>37892.71645</v>
      </c>
      <c r="AE4644">
        <v>51611.059020000001</v>
      </c>
      <c r="AF4644">
        <v>68093.501329999999</v>
      </c>
      <c r="AG4644">
        <v>32452.455829999999</v>
      </c>
      <c r="AH4644">
        <v>363721.72600000002</v>
      </c>
      <c r="AI4644">
        <v>91358.018989999997</v>
      </c>
      <c r="AJ4644">
        <v>26470.468430000001</v>
      </c>
      <c r="AK4644">
        <v>38036.567139999999</v>
      </c>
      <c r="AL4644">
        <v>102536.4488</v>
      </c>
      <c r="AM4644">
        <v>24374.918420000002</v>
      </c>
      <c r="AN4644">
        <v>116385.72870000001</v>
      </c>
      <c r="AO4644">
        <v>30210.226429999999</v>
      </c>
      <c r="AP4644">
        <v>30049.623930000002</v>
      </c>
    </row>
    <row r="4645" spans="2:42" x14ac:dyDescent="0.3">
      <c r="B4645">
        <v>71.668830289824911</v>
      </c>
      <c r="C4645" s="83">
        <v>43294.458333333336</v>
      </c>
      <c r="D4645">
        <v>296107.6936</v>
      </c>
      <c r="E4645">
        <v>36493.711130000003</v>
      </c>
      <c r="F4645">
        <v>106864.8835</v>
      </c>
      <c r="G4645">
        <v>50959.94167</v>
      </c>
      <c r="H4645">
        <v>51158.070099999997</v>
      </c>
      <c r="I4645">
        <v>37453.091410000001</v>
      </c>
      <c r="J4645">
        <v>52196.1083</v>
      </c>
      <c r="K4645">
        <v>68680.920790000004</v>
      </c>
      <c r="L4645">
        <v>34590.987670000002</v>
      </c>
      <c r="M4645">
        <v>365401.11900000001</v>
      </c>
      <c r="N4645">
        <v>96121.122820000004</v>
      </c>
      <c r="O4645">
        <v>26670.994600000002</v>
      </c>
      <c r="P4645">
        <v>37817.135320000001</v>
      </c>
      <c r="Q4645">
        <v>103197.1874</v>
      </c>
      <c r="R4645">
        <v>25965.934689999998</v>
      </c>
      <c r="S4645">
        <v>120646.12699999999</v>
      </c>
      <c r="T4645">
        <v>30525.33743</v>
      </c>
      <c r="U4645">
        <v>30173.494009999999</v>
      </c>
      <c r="W4645" s="83">
        <f>Bühler!N4677</f>
        <v>45485.458333322073</v>
      </c>
      <c r="X4645" s="83">
        <v>43294.458333333336</v>
      </c>
      <c r="Y4645">
        <v>296107.6936</v>
      </c>
      <c r="Z4645">
        <v>36493.711130000003</v>
      </c>
      <c r="AA4645">
        <v>106864.8835</v>
      </c>
      <c r="AB4645">
        <v>50959.94167</v>
      </c>
      <c r="AC4645">
        <v>51158.070099999997</v>
      </c>
      <c r="AD4645">
        <v>37453.091410000001</v>
      </c>
      <c r="AE4645">
        <v>52196.1083</v>
      </c>
      <c r="AF4645">
        <v>68680.920790000004</v>
      </c>
      <c r="AG4645">
        <v>34590.987670000002</v>
      </c>
      <c r="AH4645">
        <v>365401.11900000001</v>
      </c>
      <c r="AI4645">
        <v>96121.122820000004</v>
      </c>
      <c r="AJ4645">
        <v>26670.994600000002</v>
      </c>
      <c r="AK4645">
        <v>37817.135320000001</v>
      </c>
      <c r="AL4645">
        <v>103197.1874</v>
      </c>
      <c r="AM4645">
        <v>25965.934689999998</v>
      </c>
      <c r="AN4645">
        <v>120646.12699999999</v>
      </c>
      <c r="AO4645">
        <v>30525.33743</v>
      </c>
      <c r="AP4645">
        <v>30173.494009999999</v>
      </c>
    </row>
    <row r="4646" spans="2:42" x14ac:dyDescent="0.3">
      <c r="B4646">
        <v>71.07702377436938</v>
      </c>
      <c r="C4646" s="83">
        <v>43294.5</v>
      </c>
      <c r="D4646">
        <v>281863.68689999997</v>
      </c>
      <c r="E4646">
        <v>33607.44328</v>
      </c>
      <c r="F4646">
        <v>105129.71649999999</v>
      </c>
      <c r="G4646">
        <v>48649.309379999999</v>
      </c>
      <c r="H4646">
        <v>49652.178440000003</v>
      </c>
      <c r="I4646">
        <v>36460.65337</v>
      </c>
      <c r="J4646">
        <v>52637.187720000002</v>
      </c>
      <c r="K4646">
        <v>63997.267399999997</v>
      </c>
      <c r="L4646">
        <v>37634.876759999999</v>
      </c>
      <c r="M4646">
        <v>362383.81339999998</v>
      </c>
      <c r="N4646">
        <v>94310.833410000007</v>
      </c>
      <c r="O4646">
        <v>26270.986830000002</v>
      </c>
      <c r="P4646">
        <v>39263.604959999997</v>
      </c>
      <c r="Q4646">
        <v>102327.03170000001</v>
      </c>
      <c r="R4646">
        <v>26447.47407</v>
      </c>
      <c r="S4646">
        <v>116295.5601</v>
      </c>
      <c r="T4646">
        <v>30172.365320000001</v>
      </c>
      <c r="U4646">
        <v>25242.607759999999</v>
      </c>
      <c r="W4646" s="83">
        <f>Bühler!N4678</f>
        <v>45485.499999988737</v>
      </c>
      <c r="X4646" s="83">
        <v>43294.5</v>
      </c>
      <c r="Y4646">
        <v>281863.68689999997</v>
      </c>
      <c r="Z4646">
        <v>33607.44328</v>
      </c>
      <c r="AA4646">
        <v>105129.71649999999</v>
      </c>
      <c r="AB4646">
        <v>48649.309379999999</v>
      </c>
      <c r="AC4646">
        <v>49652.178440000003</v>
      </c>
      <c r="AD4646">
        <v>36460.65337</v>
      </c>
      <c r="AE4646">
        <v>52637.187720000002</v>
      </c>
      <c r="AF4646">
        <v>63997.267399999997</v>
      </c>
      <c r="AG4646">
        <v>37634.876759999999</v>
      </c>
      <c r="AH4646">
        <v>362383.81339999998</v>
      </c>
      <c r="AI4646">
        <v>94310.833410000007</v>
      </c>
      <c r="AJ4646">
        <v>26270.986830000002</v>
      </c>
      <c r="AK4646">
        <v>39263.604959999997</v>
      </c>
      <c r="AL4646">
        <v>102327.03170000001</v>
      </c>
      <c r="AM4646">
        <v>26447.47407</v>
      </c>
      <c r="AN4646">
        <v>116295.5601</v>
      </c>
      <c r="AO4646">
        <v>30172.365320000001</v>
      </c>
      <c r="AP4646">
        <v>25242.607759999999</v>
      </c>
    </row>
    <row r="4647" spans="2:42" x14ac:dyDescent="0.3">
      <c r="B4647">
        <v>70.841635675378882</v>
      </c>
      <c r="C4647" s="83">
        <v>43294.541666666664</v>
      </c>
      <c r="D4647">
        <v>280952.86629999999</v>
      </c>
      <c r="E4647">
        <v>33847.636209999997</v>
      </c>
      <c r="F4647">
        <v>106127.9234</v>
      </c>
      <c r="G4647">
        <v>47860.609210000002</v>
      </c>
      <c r="H4647">
        <v>49905.756119999998</v>
      </c>
      <c r="I4647">
        <v>36025.984109999998</v>
      </c>
      <c r="J4647">
        <v>52002.811430000002</v>
      </c>
      <c r="K4647">
        <v>66243.946960000001</v>
      </c>
      <c r="L4647">
        <v>36466.002</v>
      </c>
      <c r="M4647">
        <v>361183.69510000001</v>
      </c>
      <c r="N4647">
        <v>92844.859960000002</v>
      </c>
      <c r="O4647">
        <v>26725.449710000001</v>
      </c>
      <c r="P4647">
        <v>38643.326090000002</v>
      </c>
      <c r="Q4647">
        <v>100835.47900000001</v>
      </c>
      <c r="R4647">
        <v>25450.908230000001</v>
      </c>
      <c r="S4647">
        <v>116650.6364</v>
      </c>
      <c r="T4647">
        <v>29704.52421</v>
      </c>
      <c r="U4647">
        <v>26505.616440000002</v>
      </c>
      <c r="W4647" s="83">
        <f>Bühler!N4679</f>
        <v>45485.541666655401</v>
      </c>
      <c r="X4647" s="83">
        <v>43294.541666666664</v>
      </c>
      <c r="Y4647">
        <v>280952.86629999999</v>
      </c>
      <c r="Z4647">
        <v>33847.636209999997</v>
      </c>
      <c r="AA4647">
        <v>106127.9234</v>
      </c>
      <c r="AB4647">
        <v>47860.609210000002</v>
      </c>
      <c r="AC4647">
        <v>49905.756119999998</v>
      </c>
      <c r="AD4647">
        <v>36025.984109999998</v>
      </c>
      <c r="AE4647">
        <v>52002.811430000002</v>
      </c>
      <c r="AF4647">
        <v>66243.946960000001</v>
      </c>
      <c r="AG4647">
        <v>36466.002</v>
      </c>
      <c r="AH4647">
        <v>361183.69510000001</v>
      </c>
      <c r="AI4647">
        <v>92844.859960000002</v>
      </c>
      <c r="AJ4647">
        <v>26725.449710000001</v>
      </c>
      <c r="AK4647">
        <v>38643.326090000002</v>
      </c>
      <c r="AL4647">
        <v>100835.47900000001</v>
      </c>
      <c r="AM4647">
        <v>25450.908230000001</v>
      </c>
      <c r="AN4647">
        <v>116650.6364</v>
      </c>
      <c r="AO4647">
        <v>29704.52421</v>
      </c>
      <c r="AP4647">
        <v>26505.616440000002</v>
      </c>
    </row>
    <row r="4648" spans="2:42" x14ac:dyDescent="0.3">
      <c r="B4648">
        <v>70.895011608796452</v>
      </c>
      <c r="C4648" s="83">
        <v>43294.583333333336</v>
      </c>
      <c r="D4648">
        <v>280583.35680000001</v>
      </c>
      <c r="E4648">
        <v>36855.370669999997</v>
      </c>
      <c r="F4648">
        <v>107709.80439999999</v>
      </c>
      <c r="G4648">
        <v>48135.925710000003</v>
      </c>
      <c r="H4648">
        <v>50300.080650000004</v>
      </c>
      <c r="I4648">
        <v>36956.48257</v>
      </c>
      <c r="J4648">
        <v>51916.514309999999</v>
      </c>
      <c r="K4648">
        <v>67210.575370000006</v>
      </c>
      <c r="L4648">
        <v>33153.622819999997</v>
      </c>
      <c r="M4648">
        <v>361455.83049999998</v>
      </c>
      <c r="N4648">
        <v>92651.814670000007</v>
      </c>
      <c r="O4648">
        <v>26790.406630000001</v>
      </c>
      <c r="P4648">
        <v>34932.064689999999</v>
      </c>
      <c r="Q4648">
        <v>100362.9103</v>
      </c>
      <c r="R4648">
        <v>25424.49425</v>
      </c>
      <c r="S4648">
        <v>114084.9662</v>
      </c>
      <c r="T4648">
        <v>29430.891309999999</v>
      </c>
      <c r="U4648">
        <v>26937.095509999999</v>
      </c>
      <c r="W4648" s="83">
        <f>Bühler!N4680</f>
        <v>45485.583333322065</v>
      </c>
      <c r="X4648" s="83">
        <v>43294.583333333336</v>
      </c>
      <c r="Y4648">
        <v>280583.35680000001</v>
      </c>
      <c r="Z4648">
        <v>36855.370669999997</v>
      </c>
      <c r="AA4648">
        <v>107709.80439999999</v>
      </c>
      <c r="AB4648">
        <v>48135.925710000003</v>
      </c>
      <c r="AC4648">
        <v>50300.080650000004</v>
      </c>
      <c r="AD4648">
        <v>36956.48257</v>
      </c>
      <c r="AE4648">
        <v>51916.514309999999</v>
      </c>
      <c r="AF4648">
        <v>67210.575370000006</v>
      </c>
      <c r="AG4648">
        <v>33153.622819999997</v>
      </c>
      <c r="AH4648">
        <v>361455.83049999998</v>
      </c>
      <c r="AI4648">
        <v>92651.814670000007</v>
      </c>
      <c r="AJ4648">
        <v>26790.406630000001</v>
      </c>
      <c r="AK4648">
        <v>34932.064689999999</v>
      </c>
      <c r="AL4648">
        <v>100362.9103</v>
      </c>
      <c r="AM4648">
        <v>25424.49425</v>
      </c>
      <c r="AN4648">
        <v>114084.9662</v>
      </c>
      <c r="AO4648">
        <v>29430.891309999999</v>
      </c>
      <c r="AP4648">
        <v>26937.095509999999</v>
      </c>
    </row>
    <row r="4649" spans="2:42" x14ac:dyDescent="0.3">
      <c r="B4649">
        <v>69.759291587983498</v>
      </c>
      <c r="C4649" s="83">
        <v>43294.625</v>
      </c>
      <c r="D4649">
        <v>278152.97340000002</v>
      </c>
      <c r="E4649">
        <v>37110.306060000003</v>
      </c>
      <c r="F4649">
        <v>110350.4896</v>
      </c>
      <c r="G4649">
        <v>46636.83812</v>
      </c>
      <c r="H4649">
        <v>49622.002469999999</v>
      </c>
      <c r="I4649">
        <v>37783.558720000001</v>
      </c>
      <c r="J4649">
        <v>51634.506650000003</v>
      </c>
      <c r="K4649">
        <v>65481.603219999997</v>
      </c>
      <c r="L4649">
        <v>31523.333890000002</v>
      </c>
      <c r="M4649">
        <v>355665.40019999997</v>
      </c>
      <c r="N4649">
        <v>92462.488649999999</v>
      </c>
      <c r="O4649">
        <v>26910.131079999999</v>
      </c>
      <c r="P4649">
        <v>32854.092859999997</v>
      </c>
      <c r="Q4649">
        <v>99245.629799999995</v>
      </c>
      <c r="R4649">
        <v>24551.769639999999</v>
      </c>
      <c r="S4649">
        <v>113669.3538</v>
      </c>
      <c r="T4649">
        <v>29221.05661</v>
      </c>
      <c r="U4649">
        <v>25088.134669999999</v>
      </c>
      <c r="W4649" s="83">
        <f>Bühler!N4681</f>
        <v>45485.62499998873</v>
      </c>
      <c r="X4649" s="83">
        <v>43294.625</v>
      </c>
      <c r="Y4649">
        <v>278152.97340000002</v>
      </c>
      <c r="Z4649">
        <v>37110.306060000003</v>
      </c>
      <c r="AA4649">
        <v>110350.4896</v>
      </c>
      <c r="AB4649">
        <v>46636.83812</v>
      </c>
      <c r="AC4649">
        <v>49622.002469999999</v>
      </c>
      <c r="AD4649">
        <v>37783.558720000001</v>
      </c>
      <c r="AE4649">
        <v>51634.506650000003</v>
      </c>
      <c r="AF4649">
        <v>65481.603219999997</v>
      </c>
      <c r="AG4649">
        <v>31523.333890000002</v>
      </c>
      <c r="AH4649">
        <v>355665.40019999997</v>
      </c>
      <c r="AI4649">
        <v>92462.488649999999</v>
      </c>
      <c r="AJ4649">
        <v>26910.131079999999</v>
      </c>
      <c r="AK4649">
        <v>32854.092859999997</v>
      </c>
      <c r="AL4649">
        <v>99245.629799999995</v>
      </c>
      <c r="AM4649">
        <v>24551.769639999999</v>
      </c>
      <c r="AN4649">
        <v>113669.3538</v>
      </c>
      <c r="AO4649">
        <v>29221.05661</v>
      </c>
      <c r="AP4649">
        <v>25088.134669999999</v>
      </c>
    </row>
    <row r="4650" spans="2:42" x14ac:dyDescent="0.3">
      <c r="B4650">
        <v>68.490014384612223</v>
      </c>
      <c r="C4650" s="83">
        <v>43294.666666666664</v>
      </c>
      <c r="D4650">
        <v>269126.28820000001</v>
      </c>
      <c r="E4650">
        <v>36083.391080000001</v>
      </c>
      <c r="F4650">
        <v>109503.8743</v>
      </c>
      <c r="G4650">
        <v>44137.8246</v>
      </c>
      <c r="H4650">
        <v>48691.633520000003</v>
      </c>
      <c r="I4650">
        <v>38549.550499999998</v>
      </c>
      <c r="J4650">
        <v>51017.11563</v>
      </c>
      <c r="K4650">
        <v>60227.625469999999</v>
      </c>
      <c r="L4650">
        <v>30930.501970000001</v>
      </c>
      <c r="M4650">
        <v>349194.0331</v>
      </c>
      <c r="N4650">
        <v>90304.735499999995</v>
      </c>
      <c r="O4650">
        <v>25474.384300000002</v>
      </c>
      <c r="P4650">
        <v>32402.686849999998</v>
      </c>
      <c r="Q4650">
        <v>99933.978510000001</v>
      </c>
      <c r="R4650">
        <v>25563.955279999998</v>
      </c>
      <c r="S4650">
        <v>111087.3944</v>
      </c>
      <c r="T4650">
        <v>28694.11075</v>
      </c>
      <c r="U4650">
        <v>23235.784049999998</v>
      </c>
      <c r="W4650" s="83">
        <f>Bühler!N4682</f>
        <v>45485.666666655394</v>
      </c>
      <c r="X4650" s="83">
        <v>43294.666666666664</v>
      </c>
      <c r="Y4650">
        <v>269126.28820000001</v>
      </c>
      <c r="Z4650">
        <v>36083.391080000001</v>
      </c>
      <c r="AA4650">
        <v>109503.8743</v>
      </c>
      <c r="AB4650">
        <v>44137.8246</v>
      </c>
      <c r="AC4650">
        <v>48691.633520000003</v>
      </c>
      <c r="AD4650">
        <v>38549.550499999998</v>
      </c>
      <c r="AE4650">
        <v>51017.11563</v>
      </c>
      <c r="AF4650">
        <v>60227.625469999999</v>
      </c>
      <c r="AG4650">
        <v>30930.501970000001</v>
      </c>
      <c r="AH4650">
        <v>349194.0331</v>
      </c>
      <c r="AI4650">
        <v>90304.735499999995</v>
      </c>
      <c r="AJ4650">
        <v>25474.384300000002</v>
      </c>
      <c r="AK4650">
        <v>32402.686849999998</v>
      </c>
      <c r="AL4650">
        <v>99933.978510000001</v>
      </c>
      <c r="AM4650">
        <v>25563.955279999998</v>
      </c>
      <c r="AN4650">
        <v>111087.3944</v>
      </c>
      <c r="AO4650">
        <v>28694.11075</v>
      </c>
      <c r="AP4650">
        <v>23235.784049999998</v>
      </c>
    </row>
    <row r="4651" spans="2:42" x14ac:dyDescent="0.3">
      <c r="B4651">
        <v>66.663140580748419</v>
      </c>
      <c r="C4651" s="83">
        <v>43294.708333333336</v>
      </c>
      <c r="D4651">
        <v>260982.14439999999</v>
      </c>
      <c r="E4651">
        <v>34085.035900000003</v>
      </c>
      <c r="F4651">
        <v>108846.36470000001</v>
      </c>
      <c r="G4651">
        <v>40950.444909999998</v>
      </c>
      <c r="H4651">
        <v>46989.366950000003</v>
      </c>
      <c r="I4651">
        <v>38095.014759999998</v>
      </c>
      <c r="J4651">
        <v>52030.36002</v>
      </c>
      <c r="K4651">
        <v>58185.977120000003</v>
      </c>
      <c r="L4651">
        <v>31087.43334</v>
      </c>
      <c r="M4651">
        <v>339879.77850000001</v>
      </c>
      <c r="N4651">
        <v>87410.958230000004</v>
      </c>
      <c r="O4651">
        <v>24674.917389999999</v>
      </c>
      <c r="P4651">
        <v>34875.65814</v>
      </c>
      <c r="Q4651">
        <v>98160.760939999993</v>
      </c>
      <c r="R4651">
        <v>26087.416150000001</v>
      </c>
      <c r="S4651">
        <v>108637.40089999999</v>
      </c>
      <c r="T4651">
        <v>28080.15943</v>
      </c>
      <c r="U4651">
        <v>22132.364549999998</v>
      </c>
      <c r="W4651" s="83">
        <f>Bühler!N4683</f>
        <v>45485.708333322058</v>
      </c>
      <c r="X4651" s="83">
        <v>43294.708333333336</v>
      </c>
      <c r="Y4651">
        <v>260982.14439999999</v>
      </c>
      <c r="Z4651">
        <v>34085.035900000003</v>
      </c>
      <c r="AA4651">
        <v>108846.36470000001</v>
      </c>
      <c r="AB4651">
        <v>40950.444909999998</v>
      </c>
      <c r="AC4651">
        <v>46989.366950000003</v>
      </c>
      <c r="AD4651">
        <v>38095.014759999998</v>
      </c>
      <c r="AE4651">
        <v>52030.36002</v>
      </c>
      <c r="AF4651">
        <v>58185.977120000003</v>
      </c>
      <c r="AG4651">
        <v>31087.43334</v>
      </c>
      <c r="AH4651">
        <v>339879.77850000001</v>
      </c>
      <c r="AI4651">
        <v>87410.958230000004</v>
      </c>
      <c r="AJ4651">
        <v>24674.917389999999</v>
      </c>
      <c r="AK4651">
        <v>34875.65814</v>
      </c>
      <c r="AL4651">
        <v>98160.760939999993</v>
      </c>
      <c r="AM4651">
        <v>26087.416150000001</v>
      </c>
      <c r="AN4651">
        <v>108637.40089999999</v>
      </c>
      <c r="AO4651">
        <v>28080.15943</v>
      </c>
      <c r="AP4651">
        <v>22132.364549999998</v>
      </c>
    </row>
    <row r="4652" spans="2:42" x14ac:dyDescent="0.3">
      <c r="B4652">
        <v>64.938480475092547</v>
      </c>
      <c r="C4652" s="83">
        <v>43294.75</v>
      </c>
      <c r="D4652">
        <v>252523.3541</v>
      </c>
      <c r="E4652">
        <v>31123.722430000002</v>
      </c>
      <c r="F4652">
        <v>106235.1942</v>
      </c>
      <c r="G4652">
        <v>38723.968509999999</v>
      </c>
      <c r="H4652">
        <v>45290.801850000003</v>
      </c>
      <c r="I4652">
        <v>36662.449979999998</v>
      </c>
      <c r="J4652">
        <v>52856.222659999999</v>
      </c>
      <c r="K4652">
        <v>57002.003510000002</v>
      </c>
      <c r="L4652">
        <v>32158.0193</v>
      </c>
      <c r="M4652">
        <v>331086.65700000001</v>
      </c>
      <c r="N4652">
        <v>85080.090920000002</v>
      </c>
      <c r="O4652">
        <v>23105.683199999999</v>
      </c>
      <c r="P4652">
        <v>37871.355770000002</v>
      </c>
      <c r="Q4652">
        <v>95933.89198</v>
      </c>
      <c r="R4652">
        <v>24603.747050000002</v>
      </c>
      <c r="S4652">
        <v>101833.82030000001</v>
      </c>
      <c r="T4652">
        <v>27485.816299999999</v>
      </c>
      <c r="U4652">
        <v>20882.838390000001</v>
      </c>
      <c r="W4652" s="83">
        <f>Bühler!N4684</f>
        <v>45485.749999988722</v>
      </c>
      <c r="X4652" s="83">
        <v>43294.75</v>
      </c>
      <c r="Y4652">
        <v>252523.3541</v>
      </c>
      <c r="Z4652">
        <v>31123.722430000002</v>
      </c>
      <c r="AA4652">
        <v>106235.1942</v>
      </c>
      <c r="AB4652">
        <v>38723.968509999999</v>
      </c>
      <c r="AC4652">
        <v>45290.801850000003</v>
      </c>
      <c r="AD4652">
        <v>36662.449979999998</v>
      </c>
      <c r="AE4652">
        <v>52856.222659999999</v>
      </c>
      <c r="AF4652">
        <v>57002.003510000002</v>
      </c>
      <c r="AG4652">
        <v>32158.0193</v>
      </c>
      <c r="AH4652">
        <v>331086.65700000001</v>
      </c>
      <c r="AI4652">
        <v>85080.090920000002</v>
      </c>
      <c r="AJ4652">
        <v>23105.683199999999</v>
      </c>
      <c r="AK4652">
        <v>37871.355770000002</v>
      </c>
      <c r="AL4652">
        <v>95933.89198</v>
      </c>
      <c r="AM4652">
        <v>24603.747050000002</v>
      </c>
      <c r="AN4652">
        <v>101833.82030000001</v>
      </c>
      <c r="AO4652">
        <v>27485.816299999999</v>
      </c>
      <c r="AP4652">
        <v>20882.838390000001</v>
      </c>
    </row>
    <row r="4653" spans="2:42" x14ac:dyDescent="0.3">
      <c r="B4653">
        <v>63.366707443258385</v>
      </c>
      <c r="C4653" s="83">
        <v>43294.791666666664</v>
      </c>
      <c r="D4653">
        <v>244096.83180000001</v>
      </c>
      <c r="E4653">
        <v>25362.751329999999</v>
      </c>
      <c r="F4653">
        <v>95673.432759999996</v>
      </c>
      <c r="G4653">
        <v>36477.295740000001</v>
      </c>
      <c r="H4653">
        <v>42615.713750000003</v>
      </c>
      <c r="I4653">
        <v>35422.377679999998</v>
      </c>
      <c r="J4653">
        <v>52091.079570000002</v>
      </c>
      <c r="K4653">
        <v>56572.11161</v>
      </c>
      <c r="L4653">
        <v>32249.96416</v>
      </c>
      <c r="M4653">
        <v>323073.02510000003</v>
      </c>
      <c r="N4653">
        <v>82487.060670000006</v>
      </c>
      <c r="O4653">
        <v>21390.466789999999</v>
      </c>
      <c r="P4653">
        <v>40050.538919999999</v>
      </c>
      <c r="Q4653">
        <v>92043.362779999996</v>
      </c>
      <c r="R4653">
        <v>23080.938239999999</v>
      </c>
      <c r="S4653">
        <v>97157.721030000001</v>
      </c>
      <c r="T4653">
        <v>27308.01036</v>
      </c>
      <c r="U4653">
        <v>20150.147949999999</v>
      </c>
      <c r="W4653" s="83">
        <f>Bühler!N4685</f>
        <v>45485.791666655387</v>
      </c>
      <c r="X4653" s="83">
        <v>43294.791666666664</v>
      </c>
      <c r="Y4653">
        <v>244096.83180000001</v>
      </c>
      <c r="Z4653">
        <v>25362.751329999999</v>
      </c>
      <c r="AA4653">
        <v>95673.432759999996</v>
      </c>
      <c r="AB4653">
        <v>36477.295740000001</v>
      </c>
      <c r="AC4653">
        <v>42615.713750000003</v>
      </c>
      <c r="AD4653">
        <v>35422.377679999998</v>
      </c>
      <c r="AE4653">
        <v>52091.079570000002</v>
      </c>
      <c r="AF4653">
        <v>56572.11161</v>
      </c>
      <c r="AG4653">
        <v>32249.96416</v>
      </c>
      <c r="AH4653">
        <v>323073.02510000003</v>
      </c>
      <c r="AI4653">
        <v>82487.060670000006</v>
      </c>
      <c r="AJ4653">
        <v>21390.466789999999</v>
      </c>
      <c r="AK4653">
        <v>40050.538919999999</v>
      </c>
      <c r="AL4653">
        <v>92043.362779999996</v>
      </c>
      <c r="AM4653">
        <v>23080.938239999999</v>
      </c>
      <c r="AN4653">
        <v>97157.721030000001</v>
      </c>
      <c r="AO4653">
        <v>27308.01036</v>
      </c>
      <c r="AP4653">
        <v>20150.147949999999</v>
      </c>
    </row>
    <row r="4654" spans="2:42" x14ac:dyDescent="0.3">
      <c r="B4654">
        <v>61.232239924968191</v>
      </c>
      <c r="C4654" s="83">
        <v>43294.833333333336</v>
      </c>
      <c r="D4654">
        <v>234842.75870000001</v>
      </c>
      <c r="E4654">
        <v>19102.86679</v>
      </c>
      <c r="F4654">
        <v>76270.065870000006</v>
      </c>
      <c r="G4654">
        <v>34250.557289999997</v>
      </c>
      <c r="H4654">
        <v>39474.765749999999</v>
      </c>
      <c r="I4654">
        <v>32257.970099999999</v>
      </c>
      <c r="J4654">
        <v>50622.002480000003</v>
      </c>
      <c r="K4654">
        <v>56624.338300000003</v>
      </c>
      <c r="L4654">
        <v>32825.033239999997</v>
      </c>
      <c r="M4654">
        <v>312190.51429999998</v>
      </c>
      <c r="N4654">
        <v>80568.079549999995</v>
      </c>
      <c r="O4654">
        <v>20005.465820000001</v>
      </c>
      <c r="P4654">
        <v>40165.543239999999</v>
      </c>
      <c r="Q4654">
        <v>87506.000769999999</v>
      </c>
      <c r="R4654">
        <v>21373.33469</v>
      </c>
      <c r="S4654">
        <v>89318.137520000004</v>
      </c>
      <c r="T4654">
        <v>25703.871159999999</v>
      </c>
      <c r="U4654">
        <v>19538.977760000002</v>
      </c>
      <c r="W4654" s="83">
        <f>Bühler!N4686</f>
        <v>45485.833333322051</v>
      </c>
      <c r="X4654" s="83">
        <v>43294.833333333336</v>
      </c>
      <c r="Y4654">
        <v>234842.75870000001</v>
      </c>
      <c r="Z4654">
        <v>19102.86679</v>
      </c>
      <c r="AA4654">
        <v>76270.065870000006</v>
      </c>
      <c r="AB4654">
        <v>34250.557289999997</v>
      </c>
      <c r="AC4654">
        <v>39474.765749999999</v>
      </c>
      <c r="AD4654">
        <v>32257.970099999999</v>
      </c>
      <c r="AE4654">
        <v>50622.002480000003</v>
      </c>
      <c r="AF4654">
        <v>56624.338300000003</v>
      </c>
      <c r="AG4654">
        <v>32825.033239999997</v>
      </c>
      <c r="AH4654">
        <v>312190.51429999998</v>
      </c>
      <c r="AI4654">
        <v>80568.079549999995</v>
      </c>
      <c r="AJ4654">
        <v>20005.465820000001</v>
      </c>
      <c r="AK4654">
        <v>40165.543239999999</v>
      </c>
      <c r="AL4654">
        <v>87506.000769999999</v>
      </c>
      <c r="AM4654">
        <v>21373.33469</v>
      </c>
      <c r="AN4654">
        <v>89318.137520000004</v>
      </c>
      <c r="AO4654">
        <v>25703.871159999999</v>
      </c>
      <c r="AP4654">
        <v>19538.977760000002</v>
      </c>
    </row>
    <row r="4655" spans="2:42" x14ac:dyDescent="0.3">
      <c r="B4655">
        <v>59.57395797644854</v>
      </c>
      <c r="C4655" s="83">
        <v>43294.875</v>
      </c>
      <c r="D4655">
        <v>228616.32569999999</v>
      </c>
      <c r="E4655">
        <v>15845.119189999999</v>
      </c>
      <c r="F4655">
        <v>65279.837149999999</v>
      </c>
      <c r="G4655">
        <v>32114.768410000001</v>
      </c>
      <c r="H4655">
        <v>37302.514770000002</v>
      </c>
      <c r="I4655">
        <v>28768.39199</v>
      </c>
      <c r="J4655">
        <v>48997.785349999998</v>
      </c>
      <c r="K4655">
        <v>56237.529799999997</v>
      </c>
      <c r="L4655">
        <v>31566.102149999999</v>
      </c>
      <c r="M4655">
        <v>303735.81959999999</v>
      </c>
      <c r="N4655">
        <v>77780.053069999994</v>
      </c>
      <c r="O4655">
        <v>18850.920910000001</v>
      </c>
      <c r="P4655">
        <v>37931.330580000002</v>
      </c>
      <c r="Q4655">
        <v>84495.1446</v>
      </c>
      <c r="R4655">
        <v>20245.646860000001</v>
      </c>
      <c r="S4655">
        <v>84466.115999999995</v>
      </c>
      <c r="T4655">
        <v>24066.734250000001</v>
      </c>
      <c r="U4655">
        <v>19120.199329999999</v>
      </c>
      <c r="W4655" s="83">
        <f>Bühler!N4687</f>
        <v>45485.874999988715</v>
      </c>
      <c r="X4655" s="83">
        <v>43294.875</v>
      </c>
      <c r="Y4655">
        <v>228616.32569999999</v>
      </c>
      <c r="Z4655">
        <v>15845.119189999999</v>
      </c>
      <c r="AA4655">
        <v>65279.837149999999</v>
      </c>
      <c r="AB4655">
        <v>32114.768410000001</v>
      </c>
      <c r="AC4655">
        <v>37302.514770000002</v>
      </c>
      <c r="AD4655">
        <v>28768.39199</v>
      </c>
      <c r="AE4655">
        <v>48997.785349999998</v>
      </c>
      <c r="AF4655">
        <v>56237.529799999997</v>
      </c>
      <c r="AG4655">
        <v>31566.102149999999</v>
      </c>
      <c r="AH4655">
        <v>303735.81959999999</v>
      </c>
      <c r="AI4655">
        <v>77780.053069999994</v>
      </c>
      <c r="AJ4655">
        <v>18850.920910000001</v>
      </c>
      <c r="AK4655">
        <v>37931.330580000002</v>
      </c>
      <c r="AL4655">
        <v>84495.1446</v>
      </c>
      <c r="AM4655">
        <v>20245.646860000001</v>
      </c>
      <c r="AN4655">
        <v>84466.115999999995</v>
      </c>
      <c r="AO4655">
        <v>24066.734250000001</v>
      </c>
      <c r="AP4655">
        <v>19120.199329999999</v>
      </c>
    </row>
    <row r="4656" spans="2:42" x14ac:dyDescent="0.3">
      <c r="B4656">
        <v>59.086826311076528</v>
      </c>
      <c r="C4656" s="83">
        <v>43294.916666666664</v>
      </c>
      <c r="D4656">
        <v>226720.7268</v>
      </c>
      <c r="E4656">
        <v>15049.566290000001</v>
      </c>
      <c r="F4656">
        <v>62486.636740000002</v>
      </c>
      <c r="G4656">
        <v>32266.487410000002</v>
      </c>
      <c r="H4656">
        <v>37991.670960000003</v>
      </c>
      <c r="I4656">
        <v>26686.416229999999</v>
      </c>
      <c r="J4656">
        <v>48306.464809999998</v>
      </c>
      <c r="K4656">
        <v>58231.169379999999</v>
      </c>
      <c r="L4656">
        <v>27960.269929999999</v>
      </c>
      <c r="M4656">
        <v>301252.19520000002</v>
      </c>
      <c r="N4656">
        <v>76823.130919999996</v>
      </c>
      <c r="O4656">
        <v>18564.668539999999</v>
      </c>
      <c r="P4656">
        <v>41098.419260000002</v>
      </c>
      <c r="Q4656">
        <v>82073.500069999995</v>
      </c>
      <c r="R4656">
        <v>21149.526430000002</v>
      </c>
      <c r="S4656">
        <v>83351.470860000001</v>
      </c>
      <c r="T4656">
        <v>21150.323130000001</v>
      </c>
      <c r="U4656">
        <v>19845.658909999998</v>
      </c>
      <c r="W4656" s="83">
        <f>Bühler!N4688</f>
        <v>45485.916666655379</v>
      </c>
      <c r="X4656" s="83">
        <v>43294.916666666664</v>
      </c>
      <c r="Y4656">
        <v>226720.7268</v>
      </c>
      <c r="Z4656">
        <v>15049.566290000001</v>
      </c>
      <c r="AA4656">
        <v>62486.636740000002</v>
      </c>
      <c r="AB4656">
        <v>32266.487410000002</v>
      </c>
      <c r="AC4656">
        <v>37991.670960000003</v>
      </c>
      <c r="AD4656">
        <v>26686.416229999999</v>
      </c>
      <c r="AE4656">
        <v>48306.464809999998</v>
      </c>
      <c r="AF4656">
        <v>58231.169379999999</v>
      </c>
      <c r="AG4656">
        <v>27960.269929999999</v>
      </c>
      <c r="AH4656">
        <v>301252.19520000002</v>
      </c>
      <c r="AI4656">
        <v>76823.130919999996</v>
      </c>
      <c r="AJ4656">
        <v>18564.668539999999</v>
      </c>
      <c r="AK4656">
        <v>41098.419260000002</v>
      </c>
      <c r="AL4656">
        <v>82073.500069999995</v>
      </c>
      <c r="AM4656">
        <v>21149.526430000002</v>
      </c>
      <c r="AN4656">
        <v>83351.470860000001</v>
      </c>
      <c r="AO4656">
        <v>21150.323130000001</v>
      </c>
      <c r="AP4656">
        <v>19845.658909999998</v>
      </c>
    </row>
    <row r="4657" spans="2:42" x14ac:dyDescent="0.3">
      <c r="B4657">
        <v>58.156840354126707</v>
      </c>
      <c r="C4657" s="83">
        <v>43294.958333333336</v>
      </c>
      <c r="D4657">
        <v>223625.6795</v>
      </c>
      <c r="E4657">
        <v>14303.02499</v>
      </c>
      <c r="F4657">
        <v>59670.671820000003</v>
      </c>
      <c r="G4657">
        <v>32461.327290000001</v>
      </c>
      <c r="H4657">
        <v>36749.060769999996</v>
      </c>
      <c r="I4657">
        <v>25616.726190000001</v>
      </c>
      <c r="J4657">
        <v>44107.253850000001</v>
      </c>
      <c r="K4657">
        <v>57447.299209999997</v>
      </c>
      <c r="L4657">
        <v>23193.725610000001</v>
      </c>
      <c r="M4657">
        <v>296510.69309999997</v>
      </c>
      <c r="N4657">
        <v>75770.335130000007</v>
      </c>
      <c r="O4657">
        <v>17755.535110000001</v>
      </c>
      <c r="P4657">
        <v>35188.608010000004</v>
      </c>
      <c r="Q4657">
        <v>80533.197260000001</v>
      </c>
      <c r="R4657">
        <v>21587.219529999998</v>
      </c>
      <c r="S4657">
        <v>80460.771739999996</v>
      </c>
      <c r="T4657">
        <v>19789.998490000002</v>
      </c>
      <c r="U4657">
        <v>19313.459770000001</v>
      </c>
      <c r="W4657" s="83">
        <f>Bühler!N4689</f>
        <v>45485.958333322043</v>
      </c>
      <c r="X4657" s="83">
        <v>43294.958333333336</v>
      </c>
      <c r="Y4657">
        <v>223625.6795</v>
      </c>
      <c r="Z4657">
        <v>14303.02499</v>
      </c>
      <c r="AA4657">
        <v>59670.671820000003</v>
      </c>
      <c r="AB4657">
        <v>32461.327290000001</v>
      </c>
      <c r="AC4657">
        <v>36749.060769999996</v>
      </c>
      <c r="AD4657">
        <v>25616.726190000001</v>
      </c>
      <c r="AE4657">
        <v>44107.253850000001</v>
      </c>
      <c r="AF4657">
        <v>57447.299209999997</v>
      </c>
      <c r="AG4657">
        <v>23193.725610000001</v>
      </c>
      <c r="AH4657">
        <v>296510.69309999997</v>
      </c>
      <c r="AI4657">
        <v>75770.335130000007</v>
      </c>
      <c r="AJ4657">
        <v>17755.535110000001</v>
      </c>
      <c r="AK4657">
        <v>35188.608010000004</v>
      </c>
      <c r="AL4657">
        <v>80533.197260000001</v>
      </c>
      <c r="AM4657">
        <v>21587.219529999998</v>
      </c>
      <c r="AN4657">
        <v>80460.771739999996</v>
      </c>
      <c r="AO4657">
        <v>19789.998490000002</v>
      </c>
      <c r="AP4657">
        <v>19313.459770000001</v>
      </c>
    </row>
    <row r="4658" spans="2:42" x14ac:dyDescent="0.3">
      <c r="B4658">
        <v>56.784170117508928</v>
      </c>
      <c r="C4658" s="83">
        <v>43295</v>
      </c>
      <c r="D4658">
        <v>219201.49609999999</v>
      </c>
      <c r="E4658">
        <v>13712.928809999999</v>
      </c>
      <c r="F4658">
        <v>57473.598259999999</v>
      </c>
      <c r="G4658">
        <v>31946.7791</v>
      </c>
      <c r="H4658">
        <v>36199.859620000003</v>
      </c>
      <c r="I4658">
        <v>24074.26628</v>
      </c>
      <c r="J4658">
        <v>39661.876100000001</v>
      </c>
      <c r="K4658">
        <v>54603.971850000002</v>
      </c>
      <c r="L4658">
        <v>19749.211579999999</v>
      </c>
      <c r="M4658">
        <v>289512.1801</v>
      </c>
      <c r="N4658">
        <v>74724.376810000002</v>
      </c>
      <c r="O4658">
        <v>17670.305820000001</v>
      </c>
      <c r="P4658">
        <v>31010.489259999998</v>
      </c>
      <c r="Q4658">
        <v>77468.221839999998</v>
      </c>
      <c r="R4658">
        <v>17398.632829999999</v>
      </c>
      <c r="S4658">
        <v>78338.925929999998</v>
      </c>
      <c r="T4658">
        <v>18891.084989999999</v>
      </c>
      <c r="U4658">
        <v>18565.392210000002</v>
      </c>
      <c r="W4658" s="83">
        <f>Bühler!N4690</f>
        <v>45485.999999988708</v>
      </c>
      <c r="X4658" s="83">
        <v>43295</v>
      </c>
      <c r="Y4658">
        <v>219201.49609999999</v>
      </c>
      <c r="Z4658">
        <v>13712.928809999999</v>
      </c>
      <c r="AA4658">
        <v>57473.598259999999</v>
      </c>
      <c r="AB4658">
        <v>31946.7791</v>
      </c>
      <c r="AC4658">
        <v>36199.859620000003</v>
      </c>
      <c r="AD4658">
        <v>24074.26628</v>
      </c>
      <c r="AE4658">
        <v>39661.876100000001</v>
      </c>
      <c r="AF4658">
        <v>54603.971850000002</v>
      </c>
      <c r="AG4658">
        <v>19749.211579999999</v>
      </c>
      <c r="AH4658">
        <v>289512.1801</v>
      </c>
      <c r="AI4658">
        <v>74724.376810000002</v>
      </c>
      <c r="AJ4658">
        <v>17670.305820000001</v>
      </c>
      <c r="AK4658">
        <v>31010.489259999998</v>
      </c>
      <c r="AL4658">
        <v>77468.221839999998</v>
      </c>
      <c r="AM4658">
        <v>17398.632829999999</v>
      </c>
      <c r="AN4658">
        <v>78338.925929999998</v>
      </c>
      <c r="AO4658">
        <v>18891.084989999999</v>
      </c>
      <c r="AP4658">
        <v>18565.392210000002</v>
      </c>
    </row>
    <row r="4659" spans="2:42" x14ac:dyDescent="0.3">
      <c r="B4659">
        <v>55.631691900354269</v>
      </c>
      <c r="C4659" s="83">
        <v>43295.041666666664</v>
      </c>
      <c r="D4659">
        <v>215003.18280000001</v>
      </c>
      <c r="E4659">
        <v>13239.11715</v>
      </c>
      <c r="F4659">
        <v>56319.627699999997</v>
      </c>
      <c r="G4659">
        <v>31430.485830000001</v>
      </c>
      <c r="H4659">
        <v>35282.370130000003</v>
      </c>
      <c r="I4659">
        <v>20409.875309999999</v>
      </c>
      <c r="J4659">
        <v>37350.855020000003</v>
      </c>
      <c r="K4659">
        <v>51961.048779999997</v>
      </c>
      <c r="L4659">
        <v>17781.87761</v>
      </c>
      <c r="M4659">
        <v>283636.30869999999</v>
      </c>
      <c r="N4659">
        <v>72138.958050000001</v>
      </c>
      <c r="O4659">
        <v>17486.98257</v>
      </c>
      <c r="P4659">
        <v>29512.052309999999</v>
      </c>
      <c r="Q4659">
        <v>76896.942150000003</v>
      </c>
      <c r="R4659">
        <v>15126.2181</v>
      </c>
      <c r="S4659">
        <v>76403.203899999993</v>
      </c>
      <c r="T4659">
        <v>18069.92956</v>
      </c>
      <c r="U4659">
        <v>18154.17182</v>
      </c>
      <c r="W4659" s="83">
        <f>Bühler!N4691</f>
        <v>45486.041666655372</v>
      </c>
      <c r="X4659" s="83">
        <v>43295.041666666664</v>
      </c>
      <c r="Y4659">
        <v>215003.18280000001</v>
      </c>
      <c r="Z4659">
        <v>13239.11715</v>
      </c>
      <c r="AA4659">
        <v>56319.627699999997</v>
      </c>
      <c r="AB4659">
        <v>31430.485830000001</v>
      </c>
      <c r="AC4659">
        <v>35282.370130000003</v>
      </c>
      <c r="AD4659">
        <v>20409.875309999999</v>
      </c>
      <c r="AE4659">
        <v>37350.855020000003</v>
      </c>
      <c r="AF4659">
        <v>51961.048779999997</v>
      </c>
      <c r="AG4659">
        <v>17781.87761</v>
      </c>
      <c r="AH4659">
        <v>283636.30869999999</v>
      </c>
      <c r="AI4659">
        <v>72138.958050000001</v>
      </c>
      <c r="AJ4659">
        <v>17486.98257</v>
      </c>
      <c r="AK4659">
        <v>29512.052309999999</v>
      </c>
      <c r="AL4659">
        <v>76896.942150000003</v>
      </c>
      <c r="AM4659">
        <v>15126.2181</v>
      </c>
      <c r="AN4659">
        <v>76403.203899999993</v>
      </c>
      <c r="AO4659">
        <v>18069.92956</v>
      </c>
      <c r="AP4659">
        <v>18154.17182</v>
      </c>
    </row>
    <row r="4660" spans="2:42" x14ac:dyDescent="0.3">
      <c r="B4660">
        <v>54.720747473442827</v>
      </c>
      <c r="C4660" s="83">
        <v>43295.083333333336</v>
      </c>
      <c r="D4660">
        <v>210640.38260000001</v>
      </c>
      <c r="E4660">
        <v>12955.160250000001</v>
      </c>
      <c r="F4660">
        <v>56755.356930000002</v>
      </c>
      <c r="G4660">
        <v>30865.873070000001</v>
      </c>
      <c r="H4660">
        <v>34903.775699999998</v>
      </c>
      <c r="I4660">
        <v>18559.156299999999</v>
      </c>
      <c r="J4660">
        <v>36447.281269999999</v>
      </c>
      <c r="K4660">
        <v>50620.753340000003</v>
      </c>
      <c r="L4660">
        <v>16857.779569999999</v>
      </c>
      <c r="M4660">
        <v>278991.88919999998</v>
      </c>
      <c r="N4660">
        <v>70394.880290000001</v>
      </c>
      <c r="O4660">
        <v>17008.685880000001</v>
      </c>
      <c r="P4660">
        <v>27176.828880000001</v>
      </c>
      <c r="Q4660">
        <v>76855.331919999997</v>
      </c>
      <c r="R4660">
        <v>14401.56208</v>
      </c>
      <c r="S4660">
        <v>75241.924499999994</v>
      </c>
      <c r="T4660">
        <v>17640.077969999998</v>
      </c>
      <c r="U4660">
        <v>17779.4283</v>
      </c>
      <c r="W4660" s="83">
        <f>Bühler!N4692</f>
        <v>45486.083333322036</v>
      </c>
      <c r="X4660" s="83">
        <v>43295.083333333336</v>
      </c>
      <c r="Y4660">
        <v>210640.38260000001</v>
      </c>
      <c r="Z4660">
        <v>12955.160250000001</v>
      </c>
      <c r="AA4660">
        <v>56755.356930000002</v>
      </c>
      <c r="AB4660">
        <v>30865.873070000001</v>
      </c>
      <c r="AC4660">
        <v>34903.775699999998</v>
      </c>
      <c r="AD4660">
        <v>18559.156299999999</v>
      </c>
      <c r="AE4660">
        <v>36447.281269999999</v>
      </c>
      <c r="AF4660">
        <v>50620.753340000003</v>
      </c>
      <c r="AG4660">
        <v>16857.779569999999</v>
      </c>
      <c r="AH4660">
        <v>278991.88919999998</v>
      </c>
      <c r="AI4660">
        <v>70394.880290000001</v>
      </c>
      <c r="AJ4660">
        <v>17008.685880000001</v>
      </c>
      <c r="AK4660">
        <v>27176.828880000001</v>
      </c>
      <c r="AL4660">
        <v>76855.331919999997</v>
      </c>
      <c r="AM4660">
        <v>14401.56208</v>
      </c>
      <c r="AN4660">
        <v>75241.924499999994</v>
      </c>
      <c r="AO4660">
        <v>17640.077969999998</v>
      </c>
      <c r="AP4660">
        <v>17779.4283</v>
      </c>
    </row>
    <row r="4661" spans="2:42" x14ac:dyDescent="0.3">
      <c r="B4661">
        <v>53.771805698504245</v>
      </c>
      <c r="C4661" s="83">
        <v>43295.125</v>
      </c>
      <c r="D4661">
        <v>203350.61360000001</v>
      </c>
      <c r="E4661">
        <v>12700.958049999999</v>
      </c>
      <c r="F4661">
        <v>58336.327839999998</v>
      </c>
      <c r="G4661">
        <v>29504.34533</v>
      </c>
      <c r="H4661">
        <v>34532.587209999998</v>
      </c>
      <c r="I4661">
        <v>17562.453959999999</v>
      </c>
      <c r="J4661">
        <v>36485.491119999999</v>
      </c>
      <c r="K4661">
        <v>49061.91388</v>
      </c>
      <c r="L4661">
        <v>16578.443739999999</v>
      </c>
      <c r="M4661">
        <v>274153.7415</v>
      </c>
      <c r="N4661">
        <v>70524.344849999994</v>
      </c>
      <c r="O4661">
        <v>17035.41779</v>
      </c>
      <c r="P4661">
        <v>25656.40912</v>
      </c>
      <c r="Q4661">
        <v>76785.225560000006</v>
      </c>
      <c r="R4661">
        <v>13872.301149999999</v>
      </c>
      <c r="S4661">
        <v>74073.36778</v>
      </c>
      <c r="T4661">
        <v>17426.668890000001</v>
      </c>
      <c r="U4661">
        <v>17652.48763</v>
      </c>
      <c r="W4661" s="83">
        <f>Bühler!N4693</f>
        <v>45486.1249999887</v>
      </c>
      <c r="X4661" s="83">
        <v>43295.125</v>
      </c>
      <c r="Y4661">
        <v>203350.61360000001</v>
      </c>
      <c r="Z4661">
        <v>12700.958049999999</v>
      </c>
      <c r="AA4661">
        <v>58336.327839999998</v>
      </c>
      <c r="AB4661">
        <v>29504.34533</v>
      </c>
      <c r="AC4661">
        <v>34532.587209999998</v>
      </c>
      <c r="AD4661">
        <v>17562.453959999999</v>
      </c>
      <c r="AE4661">
        <v>36485.491119999999</v>
      </c>
      <c r="AF4661">
        <v>49061.91388</v>
      </c>
      <c r="AG4661">
        <v>16578.443739999999</v>
      </c>
      <c r="AH4661">
        <v>274153.7415</v>
      </c>
      <c r="AI4661">
        <v>70524.344849999994</v>
      </c>
      <c r="AJ4661">
        <v>17035.41779</v>
      </c>
      <c r="AK4661">
        <v>25656.40912</v>
      </c>
      <c r="AL4661">
        <v>76785.225560000006</v>
      </c>
      <c r="AM4661">
        <v>13872.301149999999</v>
      </c>
      <c r="AN4661">
        <v>74073.36778</v>
      </c>
      <c r="AO4661">
        <v>17426.668890000001</v>
      </c>
      <c r="AP4661">
        <v>17652.48763</v>
      </c>
    </row>
    <row r="4662" spans="2:42" x14ac:dyDescent="0.3">
      <c r="B4662">
        <v>52.14157648004246</v>
      </c>
      <c r="C4662" s="83">
        <v>43295.166666666664</v>
      </c>
      <c r="D4662">
        <v>195664.29920000001</v>
      </c>
      <c r="E4662">
        <v>12805.480799999999</v>
      </c>
      <c r="F4662">
        <v>60478.760159999998</v>
      </c>
      <c r="G4662">
        <v>28801.96946</v>
      </c>
      <c r="H4662">
        <v>34256.82316</v>
      </c>
      <c r="I4662">
        <v>18439.023509999999</v>
      </c>
      <c r="J4662">
        <v>38346.391620000002</v>
      </c>
      <c r="K4662">
        <v>47854.908080000001</v>
      </c>
      <c r="L4662">
        <v>16770.7003</v>
      </c>
      <c r="M4662">
        <v>265842.07270000002</v>
      </c>
      <c r="N4662">
        <v>68143.3361</v>
      </c>
      <c r="O4662">
        <v>17763.880349999999</v>
      </c>
      <c r="P4662">
        <v>25136.3881</v>
      </c>
      <c r="Q4662">
        <v>76104.565740000005</v>
      </c>
      <c r="R4662">
        <v>14027.110720000001</v>
      </c>
      <c r="S4662">
        <v>74322.500520000001</v>
      </c>
      <c r="T4662">
        <v>17364.45162</v>
      </c>
      <c r="U4662">
        <v>17606.78962</v>
      </c>
      <c r="W4662" s="83">
        <f>Bühler!N4694</f>
        <v>45486.166666655365</v>
      </c>
      <c r="X4662" s="83">
        <v>43295.166666666664</v>
      </c>
      <c r="Y4662">
        <v>195664.29920000001</v>
      </c>
      <c r="Z4662">
        <v>12805.480799999999</v>
      </c>
      <c r="AA4662">
        <v>60478.760159999998</v>
      </c>
      <c r="AB4662">
        <v>28801.96946</v>
      </c>
      <c r="AC4662">
        <v>34256.82316</v>
      </c>
      <c r="AD4662">
        <v>18439.023509999999</v>
      </c>
      <c r="AE4662">
        <v>38346.391620000002</v>
      </c>
      <c r="AF4662">
        <v>47854.908080000001</v>
      </c>
      <c r="AG4662">
        <v>16770.7003</v>
      </c>
      <c r="AH4662">
        <v>265842.07270000002</v>
      </c>
      <c r="AI4662">
        <v>68143.3361</v>
      </c>
      <c r="AJ4662">
        <v>17763.880349999999</v>
      </c>
      <c r="AK4662">
        <v>25136.3881</v>
      </c>
      <c r="AL4662">
        <v>76104.565740000005</v>
      </c>
      <c r="AM4662">
        <v>14027.110720000001</v>
      </c>
      <c r="AN4662">
        <v>74322.500520000001</v>
      </c>
      <c r="AO4662">
        <v>17364.45162</v>
      </c>
      <c r="AP4662">
        <v>17606.78962</v>
      </c>
    </row>
    <row r="4663" spans="2:42" x14ac:dyDescent="0.3">
      <c r="B4663">
        <v>51.746822908083395</v>
      </c>
      <c r="C4663" s="83">
        <v>43295.208333333336</v>
      </c>
      <c r="D4663">
        <v>191465.23209999999</v>
      </c>
      <c r="E4663">
        <v>13461.38068</v>
      </c>
      <c r="F4663">
        <v>70691.610289999997</v>
      </c>
      <c r="G4663">
        <v>28962.0033</v>
      </c>
      <c r="H4663">
        <v>34538.113790000003</v>
      </c>
      <c r="I4663">
        <v>23144.672460000002</v>
      </c>
      <c r="J4663">
        <v>41029.510520000003</v>
      </c>
      <c r="K4663">
        <v>48483.933749999997</v>
      </c>
      <c r="L4663">
        <v>17244.00592</v>
      </c>
      <c r="M4663">
        <v>263829.43489999999</v>
      </c>
      <c r="N4663">
        <v>65311.838239999997</v>
      </c>
      <c r="O4663">
        <v>18555.004669999998</v>
      </c>
      <c r="P4663">
        <v>26431.255349999999</v>
      </c>
      <c r="Q4663">
        <v>75636.584690000003</v>
      </c>
      <c r="R4663">
        <v>16250.038339999999</v>
      </c>
      <c r="S4663">
        <v>75124.504790000006</v>
      </c>
      <c r="T4663">
        <v>17991.36722</v>
      </c>
      <c r="U4663">
        <v>17946.437679999999</v>
      </c>
      <c r="W4663" s="83">
        <f>Bühler!N4695</f>
        <v>45486.208333322029</v>
      </c>
      <c r="X4663" s="83">
        <v>43295.208333333336</v>
      </c>
      <c r="Y4663">
        <v>191465.23209999999</v>
      </c>
      <c r="Z4663">
        <v>13461.38068</v>
      </c>
      <c r="AA4663">
        <v>70691.610289999997</v>
      </c>
      <c r="AB4663">
        <v>28962.0033</v>
      </c>
      <c r="AC4663">
        <v>34538.113790000003</v>
      </c>
      <c r="AD4663">
        <v>23144.672460000002</v>
      </c>
      <c r="AE4663">
        <v>41029.510520000003</v>
      </c>
      <c r="AF4663">
        <v>48483.933749999997</v>
      </c>
      <c r="AG4663">
        <v>17244.00592</v>
      </c>
      <c r="AH4663">
        <v>263829.43489999999</v>
      </c>
      <c r="AI4663">
        <v>65311.838239999997</v>
      </c>
      <c r="AJ4663">
        <v>18555.004669999998</v>
      </c>
      <c r="AK4663">
        <v>26431.255349999999</v>
      </c>
      <c r="AL4663">
        <v>75636.584690000003</v>
      </c>
      <c r="AM4663">
        <v>16250.038339999999</v>
      </c>
      <c r="AN4663">
        <v>75124.504790000006</v>
      </c>
      <c r="AO4663">
        <v>17991.36722</v>
      </c>
      <c r="AP4663">
        <v>17946.437679999999</v>
      </c>
    </row>
    <row r="4664" spans="2:42" x14ac:dyDescent="0.3">
      <c r="B4664">
        <v>51.257876618591212</v>
      </c>
      <c r="C4664" s="83">
        <v>43295.25</v>
      </c>
      <c r="D4664">
        <v>192402.37049999999</v>
      </c>
      <c r="E4664">
        <v>15106.96408</v>
      </c>
      <c r="F4664">
        <v>80133.317309999999</v>
      </c>
      <c r="G4664">
        <v>28973.912680000001</v>
      </c>
      <c r="H4664">
        <v>33766.28789</v>
      </c>
      <c r="I4664">
        <v>25171.487850000001</v>
      </c>
      <c r="J4664">
        <v>41808.869460000002</v>
      </c>
      <c r="K4664">
        <v>45618.56998</v>
      </c>
      <c r="L4664">
        <v>18240.102729999999</v>
      </c>
      <c r="M4664">
        <v>261336.55869999999</v>
      </c>
      <c r="N4664">
        <v>63731.454960000003</v>
      </c>
      <c r="O4664">
        <v>19253.977709999999</v>
      </c>
      <c r="P4664">
        <v>27023.403910000001</v>
      </c>
      <c r="Q4664">
        <v>72640.58034</v>
      </c>
      <c r="R4664">
        <v>15136.04897</v>
      </c>
      <c r="S4664">
        <v>78170.53168</v>
      </c>
      <c r="T4664">
        <v>18215.357220000002</v>
      </c>
      <c r="U4664">
        <v>17454.775150000001</v>
      </c>
      <c r="W4664" s="83">
        <f>Bühler!N4696</f>
        <v>45486.249999988693</v>
      </c>
      <c r="X4664" s="83">
        <v>43295.25</v>
      </c>
      <c r="Y4664">
        <v>192402.37049999999</v>
      </c>
      <c r="Z4664">
        <v>15106.96408</v>
      </c>
      <c r="AA4664">
        <v>80133.317309999999</v>
      </c>
      <c r="AB4664">
        <v>28973.912680000001</v>
      </c>
      <c r="AC4664">
        <v>33766.28789</v>
      </c>
      <c r="AD4664">
        <v>25171.487850000001</v>
      </c>
      <c r="AE4664">
        <v>41808.869460000002</v>
      </c>
      <c r="AF4664">
        <v>45618.56998</v>
      </c>
      <c r="AG4664">
        <v>18240.102729999999</v>
      </c>
      <c r="AH4664">
        <v>261336.55869999999</v>
      </c>
      <c r="AI4664">
        <v>63731.454960000003</v>
      </c>
      <c r="AJ4664">
        <v>19253.977709999999</v>
      </c>
      <c r="AK4664">
        <v>27023.403910000001</v>
      </c>
      <c r="AL4664">
        <v>72640.58034</v>
      </c>
      <c r="AM4664">
        <v>15136.04897</v>
      </c>
      <c r="AN4664">
        <v>78170.53168</v>
      </c>
      <c r="AO4664">
        <v>18215.357220000002</v>
      </c>
      <c r="AP4664">
        <v>17454.775150000001</v>
      </c>
    </row>
    <row r="4665" spans="2:42" x14ac:dyDescent="0.3">
      <c r="B4665">
        <v>51.669976897200499</v>
      </c>
      <c r="C4665" s="83">
        <v>43295.291666666664</v>
      </c>
      <c r="D4665">
        <v>190865.11970000001</v>
      </c>
      <c r="E4665">
        <v>17431.471119999998</v>
      </c>
      <c r="F4665">
        <v>83218.833159999995</v>
      </c>
      <c r="G4665">
        <v>29796.854490000002</v>
      </c>
      <c r="H4665">
        <v>34191.426319999999</v>
      </c>
      <c r="I4665">
        <v>26933.619859999999</v>
      </c>
      <c r="J4665">
        <v>43228.534390000001</v>
      </c>
      <c r="K4665">
        <v>45704.134330000001</v>
      </c>
      <c r="L4665">
        <v>19824.78341</v>
      </c>
      <c r="M4665">
        <v>263437.63809999998</v>
      </c>
      <c r="N4665">
        <v>63858.707029999998</v>
      </c>
      <c r="O4665">
        <v>20480.340759999999</v>
      </c>
      <c r="P4665">
        <v>30208.606629999998</v>
      </c>
      <c r="Q4665">
        <v>70622.255590000001</v>
      </c>
      <c r="R4665">
        <v>14959.717570000001</v>
      </c>
      <c r="S4665">
        <v>84052.910680000001</v>
      </c>
      <c r="T4665">
        <v>19352.07213</v>
      </c>
      <c r="U4665">
        <v>17813.028569999999</v>
      </c>
      <c r="W4665" s="83">
        <f>Bühler!N4697</f>
        <v>45486.291666655357</v>
      </c>
      <c r="X4665" s="83">
        <v>43295.291666666664</v>
      </c>
      <c r="Y4665">
        <v>190865.11970000001</v>
      </c>
      <c r="Z4665">
        <v>17431.471119999998</v>
      </c>
      <c r="AA4665">
        <v>83218.833159999995</v>
      </c>
      <c r="AB4665">
        <v>29796.854490000002</v>
      </c>
      <c r="AC4665">
        <v>34191.426319999999</v>
      </c>
      <c r="AD4665">
        <v>26933.619859999999</v>
      </c>
      <c r="AE4665">
        <v>43228.534390000001</v>
      </c>
      <c r="AF4665">
        <v>45704.134330000001</v>
      </c>
      <c r="AG4665">
        <v>19824.78341</v>
      </c>
      <c r="AH4665">
        <v>263437.63809999998</v>
      </c>
      <c r="AI4665">
        <v>63858.707029999998</v>
      </c>
      <c r="AJ4665">
        <v>20480.340759999999</v>
      </c>
      <c r="AK4665">
        <v>30208.606629999998</v>
      </c>
      <c r="AL4665">
        <v>70622.255590000001</v>
      </c>
      <c r="AM4665">
        <v>14959.717570000001</v>
      </c>
      <c r="AN4665">
        <v>84052.910680000001</v>
      </c>
      <c r="AO4665">
        <v>19352.07213</v>
      </c>
      <c r="AP4665">
        <v>17813.028569999999</v>
      </c>
    </row>
    <row r="4666" spans="2:42" x14ac:dyDescent="0.3">
      <c r="B4666">
        <v>51.515857727376073</v>
      </c>
      <c r="C4666" s="83">
        <v>43295.333333333336</v>
      </c>
      <c r="D4666">
        <v>191842.883</v>
      </c>
      <c r="E4666">
        <v>20936.511170000002</v>
      </c>
      <c r="F4666">
        <v>89908.236550000001</v>
      </c>
      <c r="G4666">
        <v>31212.890920000002</v>
      </c>
      <c r="H4666">
        <v>35132.106970000001</v>
      </c>
      <c r="I4666">
        <v>28010.28426</v>
      </c>
      <c r="J4666">
        <v>47153.760549999999</v>
      </c>
      <c r="K4666">
        <v>47280.262629999997</v>
      </c>
      <c r="L4666">
        <v>22840.294760000001</v>
      </c>
      <c r="M4666">
        <v>262651.86670000001</v>
      </c>
      <c r="N4666">
        <v>65287.675569999999</v>
      </c>
      <c r="O4666">
        <v>21221.829320000001</v>
      </c>
      <c r="P4666">
        <v>32997.298620000001</v>
      </c>
      <c r="Q4666">
        <v>69830.645409999997</v>
      </c>
      <c r="R4666">
        <v>16614.240089999999</v>
      </c>
      <c r="S4666">
        <v>88326.894950000002</v>
      </c>
      <c r="T4666">
        <v>21338.111489999999</v>
      </c>
      <c r="U4666">
        <v>18446.02306</v>
      </c>
      <c r="W4666" s="83">
        <f>Bühler!N4698</f>
        <v>45486.333333322022</v>
      </c>
      <c r="X4666" s="83">
        <v>43295.333333333336</v>
      </c>
      <c r="Y4666">
        <v>191842.883</v>
      </c>
      <c r="Z4666">
        <v>20936.511170000002</v>
      </c>
      <c r="AA4666">
        <v>89908.236550000001</v>
      </c>
      <c r="AB4666">
        <v>31212.890920000002</v>
      </c>
      <c r="AC4666">
        <v>35132.106970000001</v>
      </c>
      <c r="AD4666">
        <v>28010.28426</v>
      </c>
      <c r="AE4666">
        <v>47153.760549999999</v>
      </c>
      <c r="AF4666">
        <v>47280.262629999997</v>
      </c>
      <c r="AG4666">
        <v>22840.294760000001</v>
      </c>
      <c r="AH4666">
        <v>262651.86670000001</v>
      </c>
      <c r="AI4666">
        <v>65287.675569999999</v>
      </c>
      <c r="AJ4666">
        <v>21221.829320000001</v>
      </c>
      <c r="AK4666">
        <v>32997.298620000001</v>
      </c>
      <c r="AL4666">
        <v>69830.645409999997</v>
      </c>
      <c r="AM4666">
        <v>16614.240089999999</v>
      </c>
      <c r="AN4666">
        <v>88326.894950000002</v>
      </c>
      <c r="AO4666">
        <v>21338.111489999999</v>
      </c>
      <c r="AP4666">
        <v>18446.02306</v>
      </c>
    </row>
    <row r="4667" spans="2:42" x14ac:dyDescent="0.3">
      <c r="B4667">
        <v>51.44019579805714</v>
      </c>
      <c r="C4667" s="83">
        <v>43295.375</v>
      </c>
      <c r="D4667">
        <v>192678.09890000001</v>
      </c>
      <c r="E4667">
        <v>25665.676090000001</v>
      </c>
      <c r="F4667">
        <v>98773.279880000002</v>
      </c>
      <c r="G4667">
        <v>32499.883239999999</v>
      </c>
      <c r="H4667">
        <v>36540.841719999997</v>
      </c>
      <c r="I4667">
        <v>29273.322080000002</v>
      </c>
      <c r="J4667">
        <v>49487.988599999997</v>
      </c>
      <c r="K4667">
        <v>50335.871180000002</v>
      </c>
      <c r="L4667">
        <v>26923.7307</v>
      </c>
      <c r="M4667">
        <v>262266.10690000001</v>
      </c>
      <c r="N4667">
        <v>68671.983789999998</v>
      </c>
      <c r="O4667">
        <v>21927.701290000001</v>
      </c>
      <c r="P4667">
        <v>36353.846510000003</v>
      </c>
      <c r="Q4667">
        <v>69192.333840000007</v>
      </c>
      <c r="R4667">
        <v>17319.620169999998</v>
      </c>
      <c r="S4667">
        <v>92813.429910000006</v>
      </c>
      <c r="T4667">
        <v>22645.102559999999</v>
      </c>
      <c r="U4667">
        <v>18507.97841</v>
      </c>
      <c r="W4667" s="83">
        <f>Bühler!N4699</f>
        <v>45486.374999988686</v>
      </c>
      <c r="X4667" s="83">
        <v>43295.375</v>
      </c>
      <c r="Y4667">
        <v>192678.09890000001</v>
      </c>
      <c r="Z4667">
        <v>25665.676090000001</v>
      </c>
      <c r="AA4667">
        <v>98773.279880000002</v>
      </c>
      <c r="AB4667">
        <v>32499.883239999999</v>
      </c>
      <c r="AC4667">
        <v>36540.841719999997</v>
      </c>
      <c r="AD4667">
        <v>29273.322080000002</v>
      </c>
      <c r="AE4667">
        <v>49487.988599999997</v>
      </c>
      <c r="AF4667">
        <v>50335.871180000002</v>
      </c>
      <c r="AG4667">
        <v>26923.7307</v>
      </c>
      <c r="AH4667">
        <v>262266.10690000001</v>
      </c>
      <c r="AI4667">
        <v>68671.983789999998</v>
      </c>
      <c r="AJ4667">
        <v>21927.701290000001</v>
      </c>
      <c r="AK4667">
        <v>36353.846510000003</v>
      </c>
      <c r="AL4667">
        <v>69192.333840000007</v>
      </c>
      <c r="AM4667">
        <v>17319.620169999998</v>
      </c>
      <c r="AN4667">
        <v>92813.429910000006</v>
      </c>
      <c r="AO4667">
        <v>22645.102559999999</v>
      </c>
      <c r="AP4667">
        <v>18507.97841</v>
      </c>
    </row>
    <row r="4668" spans="2:42" x14ac:dyDescent="0.3">
      <c r="B4668">
        <v>51.392168100397356</v>
      </c>
      <c r="C4668" s="83">
        <v>43295.416666666664</v>
      </c>
      <c r="D4668">
        <v>191795.0815</v>
      </c>
      <c r="E4668">
        <v>27569.993630000001</v>
      </c>
      <c r="F4668">
        <v>101604.3673</v>
      </c>
      <c r="G4668">
        <v>33166.854059999998</v>
      </c>
      <c r="H4668">
        <v>37651.293899999997</v>
      </c>
      <c r="I4668">
        <v>30383.876840000001</v>
      </c>
      <c r="J4668">
        <v>50199.438620000001</v>
      </c>
      <c r="K4668">
        <v>51308.005940000003</v>
      </c>
      <c r="L4668">
        <v>30708.249510000001</v>
      </c>
      <c r="M4668">
        <v>262021.23929999999</v>
      </c>
      <c r="N4668">
        <v>72094.03529</v>
      </c>
      <c r="O4668">
        <v>21726.51686</v>
      </c>
      <c r="P4668">
        <v>38381.328520000003</v>
      </c>
      <c r="Q4668">
        <v>69864.211689999996</v>
      </c>
      <c r="R4668">
        <v>18044.800800000001</v>
      </c>
      <c r="S4668">
        <v>94599.090169999996</v>
      </c>
      <c r="T4668">
        <v>24912.37673</v>
      </c>
      <c r="U4668">
        <v>18882.73243</v>
      </c>
      <c r="W4668" s="83">
        <f>Bühler!N4700</f>
        <v>45486.41666665535</v>
      </c>
      <c r="X4668" s="83">
        <v>43295.416666666664</v>
      </c>
      <c r="Y4668">
        <v>191795.0815</v>
      </c>
      <c r="Z4668">
        <v>27569.993630000001</v>
      </c>
      <c r="AA4668">
        <v>101604.3673</v>
      </c>
      <c r="AB4668">
        <v>33166.854059999998</v>
      </c>
      <c r="AC4668">
        <v>37651.293899999997</v>
      </c>
      <c r="AD4668">
        <v>30383.876840000001</v>
      </c>
      <c r="AE4668">
        <v>50199.438620000001</v>
      </c>
      <c r="AF4668">
        <v>51308.005940000003</v>
      </c>
      <c r="AG4668">
        <v>30708.249510000001</v>
      </c>
      <c r="AH4668">
        <v>262021.23929999999</v>
      </c>
      <c r="AI4668">
        <v>72094.03529</v>
      </c>
      <c r="AJ4668">
        <v>21726.51686</v>
      </c>
      <c r="AK4668">
        <v>38381.328520000003</v>
      </c>
      <c r="AL4668">
        <v>69864.211689999996</v>
      </c>
      <c r="AM4668">
        <v>18044.800800000001</v>
      </c>
      <c r="AN4668">
        <v>94599.090169999996</v>
      </c>
      <c r="AO4668">
        <v>24912.37673</v>
      </c>
      <c r="AP4668">
        <v>18882.73243</v>
      </c>
    </row>
    <row r="4669" spans="2:42" x14ac:dyDescent="0.3">
      <c r="B4669">
        <v>51.110315930819475</v>
      </c>
      <c r="C4669" s="83">
        <v>43295.458333333336</v>
      </c>
      <c r="D4669">
        <v>188209.30360000001</v>
      </c>
      <c r="E4669">
        <v>27715.297549999999</v>
      </c>
      <c r="F4669">
        <v>102619.789</v>
      </c>
      <c r="G4669">
        <v>33407.483059999999</v>
      </c>
      <c r="H4669">
        <v>37932.547120000003</v>
      </c>
      <c r="I4669">
        <v>30416.548589999999</v>
      </c>
      <c r="J4669">
        <v>50913.213210000002</v>
      </c>
      <c r="K4669">
        <v>53368.770920000003</v>
      </c>
      <c r="L4669">
        <v>33115.12816</v>
      </c>
      <c r="M4669">
        <v>260584.2255</v>
      </c>
      <c r="N4669">
        <v>75352.093229999999</v>
      </c>
      <c r="O4669">
        <v>21389.38538</v>
      </c>
      <c r="P4669">
        <v>38074.15236</v>
      </c>
      <c r="Q4669">
        <v>69312.70435</v>
      </c>
      <c r="R4669">
        <v>20327.349829999999</v>
      </c>
      <c r="S4669">
        <v>97544.384420000002</v>
      </c>
      <c r="T4669">
        <v>25743.783719999999</v>
      </c>
      <c r="U4669">
        <v>18913.827079999999</v>
      </c>
      <c r="W4669" s="83">
        <f>Bühler!N4701</f>
        <v>45486.458333322014</v>
      </c>
      <c r="X4669" s="83">
        <v>43295.458333333336</v>
      </c>
      <c r="Y4669">
        <v>188209.30360000001</v>
      </c>
      <c r="Z4669">
        <v>27715.297549999999</v>
      </c>
      <c r="AA4669">
        <v>102619.789</v>
      </c>
      <c r="AB4669">
        <v>33407.483059999999</v>
      </c>
      <c r="AC4669">
        <v>37932.547120000003</v>
      </c>
      <c r="AD4669">
        <v>30416.548589999999</v>
      </c>
      <c r="AE4669">
        <v>50913.213210000002</v>
      </c>
      <c r="AF4669">
        <v>53368.770920000003</v>
      </c>
      <c r="AG4669">
        <v>33115.12816</v>
      </c>
      <c r="AH4669">
        <v>260584.2255</v>
      </c>
      <c r="AI4669">
        <v>75352.093229999999</v>
      </c>
      <c r="AJ4669">
        <v>21389.38538</v>
      </c>
      <c r="AK4669">
        <v>38074.15236</v>
      </c>
      <c r="AL4669">
        <v>69312.70435</v>
      </c>
      <c r="AM4669">
        <v>20327.349829999999</v>
      </c>
      <c r="AN4669">
        <v>97544.384420000002</v>
      </c>
      <c r="AO4669">
        <v>25743.783719999999</v>
      </c>
      <c r="AP4669">
        <v>18913.827079999999</v>
      </c>
    </row>
    <row r="4670" spans="2:42" x14ac:dyDescent="0.3">
      <c r="B4670">
        <v>49.651939411038825</v>
      </c>
      <c r="C4670" s="83">
        <v>43295.5</v>
      </c>
      <c r="D4670">
        <v>180912.93030000001</v>
      </c>
      <c r="E4670">
        <v>26527.587930000002</v>
      </c>
      <c r="F4670">
        <v>101971.96649999999</v>
      </c>
      <c r="G4670">
        <v>33586.949970000001</v>
      </c>
      <c r="H4670">
        <v>37747.332990000003</v>
      </c>
      <c r="I4670">
        <v>31051.562399999999</v>
      </c>
      <c r="J4670">
        <v>51403.070520000001</v>
      </c>
      <c r="K4670">
        <v>52407.902800000003</v>
      </c>
      <c r="L4670">
        <v>34600.626109999997</v>
      </c>
      <c r="M4670">
        <v>253148.74189999999</v>
      </c>
      <c r="N4670">
        <v>76401.608959999998</v>
      </c>
      <c r="O4670">
        <v>20968.648349999999</v>
      </c>
      <c r="P4670">
        <v>38221.785830000001</v>
      </c>
      <c r="Q4670">
        <v>66729.461190000002</v>
      </c>
      <c r="R4670">
        <v>20426.685870000001</v>
      </c>
      <c r="S4670">
        <v>93628.458559999999</v>
      </c>
      <c r="T4670">
        <v>25998.006089999999</v>
      </c>
      <c r="U4670">
        <v>18052.51454</v>
      </c>
      <c r="W4670" s="83">
        <f>Bühler!N4702</f>
        <v>45486.499999988679</v>
      </c>
      <c r="X4670" s="83">
        <v>43295.5</v>
      </c>
      <c r="Y4670">
        <v>180912.93030000001</v>
      </c>
      <c r="Z4670">
        <v>26527.587930000002</v>
      </c>
      <c r="AA4670">
        <v>101971.96649999999</v>
      </c>
      <c r="AB4670">
        <v>33586.949970000001</v>
      </c>
      <c r="AC4670">
        <v>37747.332990000003</v>
      </c>
      <c r="AD4670">
        <v>31051.562399999999</v>
      </c>
      <c r="AE4670">
        <v>51403.070520000001</v>
      </c>
      <c r="AF4670">
        <v>52407.902800000003</v>
      </c>
      <c r="AG4670">
        <v>34600.626109999997</v>
      </c>
      <c r="AH4670">
        <v>253148.74189999999</v>
      </c>
      <c r="AI4670">
        <v>76401.608959999998</v>
      </c>
      <c r="AJ4670">
        <v>20968.648349999999</v>
      </c>
      <c r="AK4670">
        <v>38221.785830000001</v>
      </c>
      <c r="AL4670">
        <v>66729.461190000002</v>
      </c>
      <c r="AM4670">
        <v>20426.685870000001</v>
      </c>
      <c r="AN4670">
        <v>93628.458559999999</v>
      </c>
      <c r="AO4670">
        <v>25998.006089999999</v>
      </c>
      <c r="AP4670">
        <v>18052.51454</v>
      </c>
    </row>
    <row r="4671" spans="2:42" x14ac:dyDescent="0.3">
      <c r="B4671">
        <v>48.353668273004573</v>
      </c>
      <c r="C4671" s="83">
        <v>43295.541666666664</v>
      </c>
      <c r="D4671">
        <v>176185.07459999999</v>
      </c>
      <c r="E4671">
        <v>26032.840769999999</v>
      </c>
      <c r="F4671">
        <v>101572.51609999999</v>
      </c>
      <c r="G4671">
        <v>33777.393920000002</v>
      </c>
      <c r="H4671">
        <v>37701.473120000002</v>
      </c>
      <c r="I4671">
        <v>30924.825499999999</v>
      </c>
      <c r="J4671">
        <v>51236.070610000002</v>
      </c>
      <c r="K4671">
        <v>52528.145369999998</v>
      </c>
      <c r="L4671">
        <v>34857.094570000001</v>
      </c>
      <c r="M4671">
        <v>246529.5502</v>
      </c>
      <c r="N4671">
        <v>73908.376470000003</v>
      </c>
      <c r="O4671">
        <v>20605.037960000001</v>
      </c>
      <c r="P4671">
        <v>37903.302660000001</v>
      </c>
      <c r="Q4671">
        <v>64054.263440000002</v>
      </c>
      <c r="R4671">
        <v>20695.228609999998</v>
      </c>
      <c r="S4671">
        <v>95530.807109999994</v>
      </c>
      <c r="T4671">
        <v>25682.940920000001</v>
      </c>
      <c r="U4671">
        <v>17637.983830000001</v>
      </c>
      <c r="W4671" s="83">
        <f>Bühler!N4703</f>
        <v>45486.541666655343</v>
      </c>
      <c r="X4671" s="83">
        <v>43295.541666666664</v>
      </c>
      <c r="Y4671">
        <v>176185.07459999999</v>
      </c>
      <c r="Z4671">
        <v>26032.840769999999</v>
      </c>
      <c r="AA4671">
        <v>101572.51609999999</v>
      </c>
      <c r="AB4671">
        <v>33777.393920000002</v>
      </c>
      <c r="AC4671">
        <v>37701.473120000002</v>
      </c>
      <c r="AD4671">
        <v>30924.825499999999</v>
      </c>
      <c r="AE4671">
        <v>51236.070610000002</v>
      </c>
      <c r="AF4671">
        <v>52528.145369999998</v>
      </c>
      <c r="AG4671">
        <v>34857.094570000001</v>
      </c>
      <c r="AH4671">
        <v>246529.5502</v>
      </c>
      <c r="AI4671">
        <v>73908.376470000003</v>
      </c>
      <c r="AJ4671">
        <v>20605.037960000001</v>
      </c>
      <c r="AK4671">
        <v>37903.302660000001</v>
      </c>
      <c r="AL4671">
        <v>64054.263440000002</v>
      </c>
      <c r="AM4671">
        <v>20695.228609999998</v>
      </c>
      <c r="AN4671">
        <v>95530.807109999994</v>
      </c>
      <c r="AO4671">
        <v>25682.940920000001</v>
      </c>
      <c r="AP4671">
        <v>17637.983830000001</v>
      </c>
    </row>
    <row r="4672" spans="2:42" x14ac:dyDescent="0.3">
      <c r="B4672">
        <v>47.736693443904606</v>
      </c>
      <c r="C4672" s="83">
        <v>43295.583333333336</v>
      </c>
      <c r="D4672">
        <v>175518.43299999999</v>
      </c>
      <c r="E4672">
        <v>27039.0193</v>
      </c>
      <c r="F4672">
        <v>102727.58229999999</v>
      </c>
      <c r="G4672">
        <v>33616.00346</v>
      </c>
      <c r="H4672">
        <v>37699.786540000001</v>
      </c>
      <c r="I4672">
        <v>30809.80877</v>
      </c>
      <c r="J4672">
        <v>50607.010620000001</v>
      </c>
      <c r="K4672">
        <v>52925.280959999996</v>
      </c>
      <c r="L4672">
        <v>33097.223380000003</v>
      </c>
      <c r="M4672">
        <v>243383.92480000001</v>
      </c>
      <c r="N4672">
        <v>75546.475869999995</v>
      </c>
      <c r="O4672">
        <v>20439.812600000001</v>
      </c>
      <c r="P4672">
        <v>35133.246310000002</v>
      </c>
      <c r="Q4672">
        <v>63493.845029999997</v>
      </c>
      <c r="R4672">
        <v>21306.541120000002</v>
      </c>
      <c r="S4672">
        <v>93789.287070000006</v>
      </c>
      <c r="T4672">
        <v>25848.652160000001</v>
      </c>
      <c r="U4672">
        <v>17674.579310000001</v>
      </c>
      <c r="W4672" s="83">
        <f>Bühler!N4704</f>
        <v>45486.583333322007</v>
      </c>
      <c r="X4672" s="83">
        <v>43295.583333333336</v>
      </c>
      <c r="Y4672">
        <v>175518.43299999999</v>
      </c>
      <c r="Z4672">
        <v>27039.0193</v>
      </c>
      <c r="AA4672">
        <v>102727.58229999999</v>
      </c>
      <c r="AB4672">
        <v>33616.00346</v>
      </c>
      <c r="AC4672">
        <v>37699.786540000001</v>
      </c>
      <c r="AD4672">
        <v>30809.80877</v>
      </c>
      <c r="AE4672">
        <v>50607.010620000001</v>
      </c>
      <c r="AF4672">
        <v>52925.280959999996</v>
      </c>
      <c r="AG4672">
        <v>33097.223380000003</v>
      </c>
      <c r="AH4672">
        <v>243383.92480000001</v>
      </c>
      <c r="AI4672">
        <v>75546.475869999995</v>
      </c>
      <c r="AJ4672">
        <v>20439.812600000001</v>
      </c>
      <c r="AK4672">
        <v>35133.246310000002</v>
      </c>
      <c r="AL4672">
        <v>63493.845029999997</v>
      </c>
      <c r="AM4672">
        <v>21306.541120000002</v>
      </c>
      <c r="AN4672">
        <v>93789.287070000006</v>
      </c>
      <c r="AO4672">
        <v>25848.652160000001</v>
      </c>
      <c r="AP4672">
        <v>17674.579310000001</v>
      </c>
    </row>
    <row r="4673" spans="2:42" x14ac:dyDescent="0.3">
      <c r="B4673">
        <v>47.671051351252949</v>
      </c>
      <c r="C4673" s="83">
        <v>43295.625</v>
      </c>
      <c r="D4673">
        <v>175648.12779999999</v>
      </c>
      <c r="E4673">
        <v>27160.915120000001</v>
      </c>
      <c r="F4673">
        <v>103392.33229999999</v>
      </c>
      <c r="G4673">
        <v>33113.970159999997</v>
      </c>
      <c r="H4673">
        <v>37506.33064</v>
      </c>
      <c r="I4673">
        <v>31194.442429999999</v>
      </c>
      <c r="J4673">
        <v>50351.816939999997</v>
      </c>
      <c r="K4673">
        <v>52574.823579999997</v>
      </c>
      <c r="L4673">
        <v>31083.475340000001</v>
      </c>
      <c r="M4673">
        <v>243049.25080000001</v>
      </c>
      <c r="N4673">
        <v>75422.028850000002</v>
      </c>
      <c r="O4673">
        <v>20019.792829999999</v>
      </c>
      <c r="P4673">
        <v>33332.542430000001</v>
      </c>
      <c r="Q4673">
        <v>63003.12124</v>
      </c>
      <c r="R4673">
        <v>20944.779109999999</v>
      </c>
      <c r="S4673">
        <v>93213.62457</v>
      </c>
      <c r="T4673">
        <v>26248.751560000001</v>
      </c>
      <c r="U4673">
        <v>17933.148249999998</v>
      </c>
      <c r="W4673" s="83">
        <f>Bühler!N4705</f>
        <v>45486.624999988671</v>
      </c>
      <c r="X4673" s="83">
        <v>43295.625</v>
      </c>
      <c r="Y4673">
        <v>175648.12779999999</v>
      </c>
      <c r="Z4673">
        <v>27160.915120000001</v>
      </c>
      <c r="AA4673">
        <v>103392.33229999999</v>
      </c>
      <c r="AB4673">
        <v>33113.970159999997</v>
      </c>
      <c r="AC4673">
        <v>37506.33064</v>
      </c>
      <c r="AD4673">
        <v>31194.442429999999</v>
      </c>
      <c r="AE4673">
        <v>50351.816939999997</v>
      </c>
      <c r="AF4673">
        <v>52574.823579999997</v>
      </c>
      <c r="AG4673">
        <v>31083.475340000001</v>
      </c>
      <c r="AH4673">
        <v>243049.25080000001</v>
      </c>
      <c r="AI4673">
        <v>75422.028850000002</v>
      </c>
      <c r="AJ4673">
        <v>20019.792829999999</v>
      </c>
      <c r="AK4673">
        <v>33332.542430000001</v>
      </c>
      <c r="AL4673">
        <v>63003.12124</v>
      </c>
      <c r="AM4673">
        <v>20944.779109999999</v>
      </c>
      <c r="AN4673">
        <v>93213.62457</v>
      </c>
      <c r="AO4673">
        <v>26248.751560000001</v>
      </c>
      <c r="AP4673">
        <v>17933.148249999998</v>
      </c>
    </row>
    <row r="4674" spans="2:42" x14ac:dyDescent="0.3">
      <c r="B4674">
        <v>46.740974876886902</v>
      </c>
      <c r="C4674" s="83">
        <v>43295.666666666664</v>
      </c>
      <c r="D4674">
        <v>173882.90179999999</v>
      </c>
      <c r="E4674">
        <v>27238.910520000001</v>
      </c>
      <c r="F4674">
        <v>102749.28049999999</v>
      </c>
      <c r="G4674">
        <v>32996.247960000001</v>
      </c>
      <c r="H4674">
        <v>37619.52736</v>
      </c>
      <c r="I4674">
        <v>31487.12011</v>
      </c>
      <c r="J4674">
        <v>50110.3842</v>
      </c>
      <c r="K4674">
        <v>51212.41562</v>
      </c>
      <c r="L4674">
        <v>29924.751209999999</v>
      </c>
      <c r="M4674">
        <v>238307.28719999999</v>
      </c>
      <c r="N4674">
        <v>75418.237989999994</v>
      </c>
      <c r="O4674">
        <v>20633.913830000001</v>
      </c>
      <c r="P4674">
        <v>33153.628380000002</v>
      </c>
      <c r="Q4674">
        <v>62978.270960000002</v>
      </c>
      <c r="R4674">
        <v>20802.943729999999</v>
      </c>
      <c r="S4674">
        <v>93859.472500000003</v>
      </c>
      <c r="T4674">
        <v>26114.394110000001</v>
      </c>
      <c r="U4674">
        <v>17918.793369999999</v>
      </c>
      <c r="W4674" s="83">
        <f>Bühler!N4706</f>
        <v>45486.666666655336</v>
      </c>
      <c r="X4674" s="83">
        <v>43295.666666666664</v>
      </c>
      <c r="Y4674">
        <v>173882.90179999999</v>
      </c>
      <c r="Z4674">
        <v>27238.910520000001</v>
      </c>
      <c r="AA4674">
        <v>102749.28049999999</v>
      </c>
      <c r="AB4674">
        <v>32996.247960000001</v>
      </c>
      <c r="AC4674">
        <v>37619.52736</v>
      </c>
      <c r="AD4674">
        <v>31487.12011</v>
      </c>
      <c r="AE4674">
        <v>50110.3842</v>
      </c>
      <c r="AF4674">
        <v>51212.41562</v>
      </c>
      <c r="AG4674">
        <v>29924.751209999999</v>
      </c>
      <c r="AH4674">
        <v>238307.28719999999</v>
      </c>
      <c r="AI4674">
        <v>75418.237989999994</v>
      </c>
      <c r="AJ4674">
        <v>20633.913830000001</v>
      </c>
      <c r="AK4674">
        <v>33153.628380000002</v>
      </c>
      <c r="AL4674">
        <v>62978.270960000002</v>
      </c>
      <c r="AM4674">
        <v>20802.943729999999</v>
      </c>
      <c r="AN4674">
        <v>93859.472500000003</v>
      </c>
      <c r="AO4674">
        <v>26114.394110000001</v>
      </c>
      <c r="AP4674">
        <v>17918.793369999999</v>
      </c>
    </row>
    <row r="4675" spans="2:42" x14ac:dyDescent="0.3">
      <c r="B4675">
        <v>45.740228484189736</v>
      </c>
      <c r="C4675" s="83">
        <v>43295.708333333336</v>
      </c>
      <c r="D4675">
        <v>171909.476</v>
      </c>
      <c r="E4675">
        <v>27034.531370000001</v>
      </c>
      <c r="F4675">
        <v>101646.9614</v>
      </c>
      <c r="G4675">
        <v>32882.529159999998</v>
      </c>
      <c r="H4675">
        <v>37354.949780000003</v>
      </c>
      <c r="I4675">
        <v>31690.409749999999</v>
      </c>
      <c r="J4675">
        <v>50766.244350000001</v>
      </c>
      <c r="K4675">
        <v>51046.100960000003</v>
      </c>
      <c r="L4675">
        <v>30666.005519999999</v>
      </c>
      <c r="M4675">
        <v>233205.0154</v>
      </c>
      <c r="N4675">
        <v>75145.623699999996</v>
      </c>
      <c r="O4675">
        <v>21405.286940000002</v>
      </c>
      <c r="P4675">
        <v>35315.430180000003</v>
      </c>
      <c r="Q4675">
        <v>61801.872600000002</v>
      </c>
      <c r="R4675">
        <v>22469.470389999999</v>
      </c>
      <c r="S4675">
        <v>94975.139509999994</v>
      </c>
      <c r="T4675">
        <v>25882.69153</v>
      </c>
      <c r="U4675">
        <v>17745.147110000002</v>
      </c>
      <c r="W4675" s="83">
        <f>Bühler!N4707</f>
        <v>45486.708333322</v>
      </c>
      <c r="X4675" s="83">
        <v>43295.708333333336</v>
      </c>
      <c r="Y4675">
        <v>171909.476</v>
      </c>
      <c r="Z4675">
        <v>27034.531370000001</v>
      </c>
      <c r="AA4675">
        <v>101646.9614</v>
      </c>
      <c r="AB4675">
        <v>32882.529159999998</v>
      </c>
      <c r="AC4675">
        <v>37354.949780000003</v>
      </c>
      <c r="AD4675">
        <v>31690.409749999999</v>
      </c>
      <c r="AE4675">
        <v>50766.244350000001</v>
      </c>
      <c r="AF4675">
        <v>51046.100960000003</v>
      </c>
      <c r="AG4675">
        <v>30666.005519999999</v>
      </c>
      <c r="AH4675">
        <v>233205.0154</v>
      </c>
      <c r="AI4675">
        <v>75145.623699999996</v>
      </c>
      <c r="AJ4675">
        <v>21405.286940000002</v>
      </c>
      <c r="AK4675">
        <v>35315.430180000003</v>
      </c>
      <c r="AL4675">
        <v>61801.872600000002</v>
      </c>
      <c r="AM4675">
        <v>22469.470389999999</v>
      </c>
      <c r="AN4675">
        <v>94975.139509999994</v>
      </c>
      <c r="AO4675">
        <v>25882.69153</v>
      </c>
      <c r="AP4675">
        <v>17745.147110000002</v>
      </c>
    </row>
    <row r="4676" spans="2:42" x14ac:dyDescent="0.3">
      <c r="B4676">
        <v>44.925443817315461</v>
      </c>
      <c r="C4676" s="83">
        <v>43295.75</v>
      </c>
      <c r="D4676">
        <v>170068.56589999999</v>
      </c>
      <c r="E4676">
        <v>25785.941640000001</v>
      </c>
      <c r="F4676">
        <v>100198.72779999999</v>
      </c>
      <c r="G4676">
        <v>32530.526010000001</v>
      </c>
      <c r="H4676">
        <v>37175.784480000002</v>
      </c>
      <c r="I4676">
        <v>31098.636320000001</v>
      </c>
      <c r="J4676">
        <v>50638.492509999996</v>
      </c>
      <c r="K4676">
        <v>49639.923219999997</v>
      </c>
      <c r="L4676">
        <v>31386.90857</v>
      </c>
      <c r="M4676">
        <v>229050.86319999999</v>
      </c>
      <c r="N4676">
        <v>75101.624549999993</v>
      </c>
      <c r="O4676">
        <v>20754.172979999999</v>
      </c>
      <c r="P4676">
        <v>39453.707820000003</v>
      </c>
      <c r="Q4676">
        <v>60159.622479999998</v>
      </c>
      <c r="R4676">
        <v>20900.47465</v>
      </c>
      <c r="S4676">
        <v>92173.494659999997</v>
      </c>
      <c r="T4676">
        <v>25278.28916</v>
      </c>
      <c r="U4676">
        <v>17721.103579999999</v>
      </c>
      <c r="W4676" s="83">
        <f>Bühler!N4708</f>
        <v>45486.749999988664</v>
      </c>
      <c r="X4676" s="83">
        <v>43295.75</v>
      </c>
      <c r="Y4676">
        <v>170068.56589999999</v>
      </c>
      <c r="Z4676">
        <v>25785.941640000001</v>
      </c>
      <c r="AA4676">
        <v>100198.72779999999</v>
      </c>
      <c r="AB4676">
        <v>32530.526010000001</v>
      </c>
      <c r="AC4676">
        <v>37175.784480000002</v>
      </c>
      <c r="AD4676">
        <v>31098.636320000001</v>
      </c>
      <c r="AE4676">
        <v>50638.492509999996</v>
      </c>
      <c r="AF4676">
        <v>49639.923219999997</v>
      </c>
      <c r="AG4676">
        <v>31386.90857</v>
      </c>
      <c r="AH4676">
        <v>229050.86319999999</v>
      </c>
      <c r="AI4676">
        <v>75101.624549999993</v>
      </c>
      <c r="AJ4676">
        <v>20754.172979999999</v>
      </c>
      <c r="AK4676">
        <v>39453.707820000003</v>
      </c>
      <c r="AL4676">
        <v>60159.622479999998</v>
      </c>
      <c r="AM4676">
        <v>20900.47465</v>
      </c>
      <c r="AN4676">
        <v>92173.494659999997</v>
      </c>
      <c r="AO4676">
        <v>25278.28916</v>
      </c>
      <c r="AP4676">
        <v>17721.103579999999</v>
      </c>
    </row>
    <row r="4677" spans="2:42" x14ac:dyDescent="0.3">
      <c r="B4677">
        <v>44.004780977713473</v>
      </c>
      <c r="C4677" s="83">
        <v>43295.791666666664</v>
      </c>
      <c r="D4677">
        <v>168246.2273</v>
      </c>
      <c r="E4677">
        <v>21660.120009999999</v>
      </c>
      <c r="F4677">
        <v>88819.124790000002</v>
      </c>
      <c r="G4677">
        <v>31969.720880000001</v>
      </c>
      <c r="H4677">
        <v>36298.813419999999</v>
      </c>
      <c r="I4677">
        <v>30821.833320000002</v>
      </c>
      <c r="J4677">
        <v>50131.01483</v>
      </c>
      <c r="K4677">
        <v>49478.910600000003</v>
      </c>
      <c r="L4677">
        <v>31866.775150000001</v>
      </c>
      <c r="M4677">
        <v>224356.8947</v>
      </c>
      <c r="N4677">
        <v>73998.987389999995</v>
      </c>
      <c r="O4677">
        <v>20996.533390000001</v>
      </c>
      <c r="P4677">
        <v>40701.763650000001</v>
      </c>
      <c r="Q4677">
        <v>57691.643700000001</v>
      </c>
      <c r="R4677">
        <v>20654.736359999999</v>
      </c>
      <c r="S4677">
        <v>90178.1106</v>
      </c>
      <c r="T4677">
        <v>24141.445090000001</v>
      </c>
      <c r="U4677">
        <v>17926.621360000001</v>
      </c>
      <c r="W4677" s="83">
        <f>Bühler!N4709</f>
        <v>45486.791666655328</v>
      </c>
      <c r="X4677" s="83">
        <v>43295.791666666664</v>
      </c>
      <c r="Y4677">
        <v>168246.2273</v>
      </c>
      <c r="Z4677">
        <v>21660.120009999999</v>
      </c>
      <c r="AA4677">
        <v>88819.124790000002</v>
      </c>
      <c r="AB4677">
        <v>31969.720880000001</v>
      </c>
      <c r="AC4677">
        <v>36298.813419999999</v>
      </c>
      <c r="AD4677">
        <v>30821.833320000002</v>
      </c>
      <c r="AE4677">
        <v>50131.01483</v>
      </c>
      <c r="AF4677">
        <v>49478.910600000003</v>
      </c>
      <c r="AG4677">
        <v>31866.775150000001</v>
      </c>
      <c r="AH4677">
        <v>224356.8947</v>
      </c>
      <c r="AI4677">
        <v>73998.987389999995</v>
      </c>
      <c r="AJ4677">
        <v>20996.533390000001</v>
      </c>
      <c r="AK4677">
        <v>40701.763650000001</v>
      </c>
      <c r="AL4677">
        <v>57691.643700000001</v>
      </c>
      <c r="AM4677">
        <v>20654.736359999999</v>
      </c>
      <c r="AN4677">
        <v>90178.1106</v>
      </c>
      <c r="AO4677">
        <v>24141.445090000001</v>
      </c>
      <c r="AP4677">
        <v>17926.621360000001</v>
      </c>
    </row>
    <row r="4678" spans="2:42" x14ac:dyDescent="0.3">
      <c r="B4678">
        <v>42.989218541340897</v>
      </c>
      <c r="C4678" s="83">
        <v>43295.833333333336</v>
      </c>
      <c r="D4678">
        <v>165861.73800000001</v>
      </c>
      <c r="E4678">
        <v>15997.67935</v>
      </c>
      <c r="F4678">
        <v>69794.736409999998</v>
      </c>
      <c r="G4678">
        <v>31554.223679999999</v>
      </c>
      <c r="H4678">
        <v>34773.072529999998</v>
      </c>
      <c r="I4678">
        <v>28419.03124</v>
      </c>
      <c r="J4678">
        <v>49022.98472</v>
      </c>
      <c r="K4678">
        <v>52431.132279999998</v>
      </c>
      <c r="L4678">
        <v>31751.54177</v>
      </c>
      <c r="M4678">
        <v>219179.08379999999</v>
      </c>
      <c r="N4678">
        <v>73012.043900000004</v>
      </c>
      <c r="O4678">
        <v>21425.533179999999</v>
      </c>
      <c r="P4678">
        <v>40131.494100000004</v>
      </c>
      <c r="Q4678">
        <v>55347.382120000002</v>
      </c>
      <c r="R4678">
        <v>19449.872650000001</v>
      </c>
      <c r="S4678">
        <v>83998.119600000005</v>
      </c>
      <c r="T4678">
        <v>21227.512220000001</v>
      </c>
      <c r="U4678">
        <v>17802.934229999999</v>
      </c>
      <c r="W4678" s="83">
        <f>Bühler!N4710</f>
        <v>45486.833333321993</v>
      </c>
      <c r="X4678" s="83">
        <v>43295.833333333336</v>
      </c>
      <c r="Y4678">
        <v>165861.73800000001</v>
      </c>
      <c r="Z4678">
        <v>15997.67935</v>
      </c>
      <c r="AA4678">
        <v>69794.736409999998</v>
      </c>
      <c r="AB4678">
        <v>31554.223679999999</v>
      </c>
      <c r="AC4678">
        <v>34773.072529999998</v>
      </c>
      <c r="AD4678">
        <v>28419.03124</v>
      </c>
      <c r="AE4678">
        <v>49022.98472</v>
      </c>
      <c r="AF4678">
        <v>52431.132279999998</v>
      </c>
      <c r="AG4678">
        <v>31751.54177</v>
      </c>
      <c r="AH4678">
        <v>219179.08379999999</v>
      </c>
      <c r="AI4678">
        <v>73012.043900000004</v>
      </c>
      <c r="AJ4678">
        <v>21425.533179999999</v>
      </c>
      <c r="AK4678">
        <v>40131.494100000004</v>
      </c>
      <c r="AL4678">
        <v>55347.382120000002</v>
      </c>
      <c r="AM4678">
        <v>19449.872650000001</v>
      </c>
      <c r="AN4678">
        <v>83998.119600000005</v>
      </c>
      <c r="AO4678">
        <v>21227.512220000001</v>
      </c>
      <c r="AP4678">
        <v>17802.934229999999</v>
      </c>
    </row>
    <row r="4679" spans="2:42" x14ac:dyDescent="0.3">
      <c r="B4679">
        <v>41.774741542827456</v>
      </c>
      <c r="C4679" s="83">
        <v>43295.875</v>
      </c>
      <c r="D4679">
        <v>163836.0888</v>
      </c>
      <c r="E4679">
        <v>13859.176149999999</v>
      </c>
      <c r="F4679">
        <v>59532.667820000002</v>
      </c>
      <c r="G4679">
        <v>30714.168290000001</v>
      </c>
      <c r="H4679">
        <v>33970.523450000001</v>
      </c>
      <c r="I4679">
        <v>26340.755450000001</v>
      </c>
      <c r="J4679">
        <v>47837.385009999998</v>
      </c>
      <c r="K4679">
        <v>53732.139210000001</v>
      </c>
      <c r="L4679">
        <v>31232.920839999999</v>
      </c>
      <c r="M4679">
        <v>212987.11369999999</v>
      </c>
      <c r="N4679">
        <v>71683.164690000005</v>
      </c>
      <c r="O4679">
        <v>20204.851790000001</v>
      </c>
      <c r="P4679">
        <v>38636.343180000003</v>
      </c>
      <c r="Q4679">
        <v>52846.80904</v>
      </c>
      <c r="R4679">
        <v>19286.793849999998</v>
      </c>
      <c r="S4679">
        <v>80759.783840000004</v>
      </c>
      <c r="T4679">
        <v>20522.87528</v>
      </c>
      <c r="U4679">
        <v>17988.118180000001</v>
      </c>
      <c r="W4679" s="83">
        <f>Bühler!N4711</f>
        <v>45486.874999988657</v>
      </c>
      <c r="X4679" s="83">
        <v>43295.875</v>
      </c>
      <c r="Y4679">
        <v>163836.0888</v>
      </c>
      <c r="Z4679">
        <v>13859.176149999999</v>
      </c>
      <c r="AA4679">
        <v>59532.667820000002</v>
      </c>
      <c r="AB4679">
        <v>30714.168290000001</v>
      </c>
      <c r="AC4679">
        <v>33970.523450000001</v>
      </c>
      <c r="AD4679">
        <v>26340.755450000001</v>
      </c>
      <c r="AE4679">
        <v>47837.385009999998</v>
      </c>
      <c r="AF4679">
        <v>53732.139210000001</v>
      </c>
      <c r="AG4679">
        <v>31232.920839999999</v>
      </c>
      <c r="AH4679">
        <v>212987.11369999999</v>
      </c>
      <c r="AI4679">
        <v>71683.164690000005</v>
      </c>
      <c r="AJ4679">
        <v>20204.851790000001</v>
      </c>
      <c r="AK4679">
        <v>38636.343180000003</v>
      </c>
      <c r="AL4679">
        <v>52846.80904</v>
      </c>
      <c r="AM4679">
        <v>19286.793849999998</v>
      </c>
      <c r="AN4679">
        <v>80759.783840000004</v>
      </c>
      <c r="AO4679">
        <v>20522.87528</v>
      </c>
      <c r="AP4679">
        <v>17988.118180000001</v>
      </c>
    </row>
    <row r="4680" spans="2:42" x14ac:dyDescent="0.3">
      <c r="B4680">
        <v>41.881940995239724</v>
      </c>
      <c r="C4680" s="83">
        <v>43295.916666666664</v>
      </c>
      <c r="D4680">
        <v>163736.85</v>
      </c>
      <c r="E4680">
        <v>13375.912109999999</v>
      </c>
      <c r="F4680">
        <v>57028.909789999998</v>
      </c>
      <c r="G4680">
        <v>31169.927039999999</v>
      </c>
      <c r="H4680">
        <v>35438.860520000002</v>
      </c>
      <c r="I4680">
        <v>25866.709470000002</v>
      </c>
      <c r="J4680">
        <v>48203.779600000002</v>
      </c>
      <c r="K4680">
        <v>55105.889340000002</v>
      </c>
      <c r="L4680">
        <v>28629.94109</v>
      </c>
      <c r="M4680">
        <v>213533.66649999999</v>
      </c>
      <c r="N4680">
        <v>71596.149569999994</v>
      </c>
      <c r="O4680">
        <v>18882.236199999999</v>
      </c>
      <c r="P4680">
        <v>41072.374940000002</v>
      </c>
      <c r="Q4680">
        <v>52126.64602</v>
      </c>
      <c r="R4680">
        <v>20808.734489999999</v>
      </c>
      <c r="S4680">
        <v>80685.407829999996</v>
      </c>
      <c r="T4680">
        <v>20235.864450000001</v>
      </c>
      <c r="U4680">
        <v>18906.54206</v>
      </c>
      <c r="W4680" s="83">
        <f>Bühler!N4712</f>
        <v>45486.916666655321</v>
      </c>
      <c r="X4680" s="83">
        <v>43295.916666666664</v>
      </c>
      <c r="Y4680">
        <v>163736.85</v>
      </c>
      <c r="Z4680">
        <v>13375.912109999999</v>
      </c>
      <c r="AA4680">
        <v>57028.909789999998</v>
      </c>
      <c r="AB4680">
        <v>31169.927039999999</v>
      </c>
      <c r="AC4680">
        <v>35438.860520000002</v>
      </c>
      <c r="AD4680">
        <v>25866.709470000002</v>
      </c>
      <c r="AE4680">
        <v>48203.779600000002</v>
      </c>
      <c r="AF4680">
        <v>55105.889340000002</v>
      </c>
      <c r="AG4680">
        <v>28629.94109</v>
      </c>
      <c r="AH4680">
        <v>213533.66649999999</v>
      </c>
      <c r="AI4680">
        <v>71596.149569999994</v>
      </c>
      <c r="AJ4680">
        <v>18882.236199999999</v>
      </c>
      <c r="AK4680">
        <v>41072.374940000002</v>
      </c>
      <c r="AL4680">
        <v>52126.64602</v>
      </c>
      <c r="AM4680">
        <v>20808.734489999999</v>
      </c>
      <c r="AN4680">
        <v>80685.407829999996</v>
      </c>
      <c r="AO4680">
        <v>20235.864450000001</v>
      </c>
      <c r="AP4680">
        <v>18906.54206</v>
      </c>
    </row>
    <row r="4681" spans="2:42" x14ac:dyDescent="0.3">
      <c r="B4681">
        <v>41.752587723928919</v>
      </c>
      <c r="C4681" s="83">
        <v>43295.958333333336</v>
      </c>
      <c r="D4681">
        <v>163034.3144</v>
      </c>
      <c r="E4681">
        <v>12830.38091</v>
      </c>
      <c r="F4681">
        <v>54977.011270000003</v>
      </c>
      <c r="G4681">
        <v>30884.642510000001</v>
      </c>
      <c r="H4681">
        <v>34763.989719999998</v>
      </c>
      <c r="I4681">
        <v>25257.984570000001</v>
      </c>
      <c r="J4681">
        <v>42702.362179999996</v>
      </c>
      <c r="K4681">
        <v>54440.309379999999</v>
      </c>
      <c r="L4681">
        <v>23691.603040000002</v>
      </c>
      <c r="M4681">
        <v>212874.16320000001</v>
      </c>
      <c r="N4681">
        <v>70601.756290000005</v>
      </c>
      <c r="O4681">
        <v>17960.958770000001</v>
      </c>
      <c r="P4681">
        <v>35924.878900000003</v>
      </c>
      <c r="Q4681">
        <v>50884.884429999998</v>
      </c>
      <c r="R4681">
        <v>20735.457139999999</v>
      </c>
      <c r="S4681">
        <v>78565.827160000001</v>
      </c>
      <c r="T4681">
        <v>19449.406729999999</v>
      </c>
      <c r="U4681">
        <v>18503.05991</v>
      </c>
      <c r="W4681" s="83">
        <f>Bühler!N4713</f>
        <v>45486.958333321985</v>
      </c>
      <c r="X4681" s="83">
        <v>43295.958333333336</v>
      </c>
      <c r="Y4681">
        <v>163034.3144</v>
      </c>
      <c r="Z4681">
        <v>12830.38091</v>
      </c>
      <c r="AA4681">
        <v>54977.011270000003</v>
      </c>
      <c r="AB4681">
        <v>30884.642510000001</v>
      </c>
      <c r="AC4681">
        <v>34763.989719999998</v>
      </c>
      <c r="AD4681">
        <v>25257.984570000001</v>
      </c>
      <c r="AE4681">
        <v>42702.362179999996</v>
      </c>
      <c r="AF4681">
        <v>54440.309379999999</v>
      </c>
      <c r="AG4681">
        <v>23691.603040000002</v>
      </c>
      <c r="AH4681">
        <v>212874.16320000001</v>
      </c>
      <c r="AI4681">
        <v>70601.756290000005</v>
      </c>
      <c r="AJ4681">
        <v>17960.958770000001</v>
      </c>
      <c r="AK4681">
        <v>35924.878900000003</v>
      </c>
      <c r="AL4681">
        <v>50884.884429999998</v>
      </c>
      <c r="AM4681">
        <v>20735.457139999999</v>
      </c>
      <c r="AN4681">
        <v>78565.827160000001</v>
      </c>
      <c r="AO4681">
        <v>19449.406729999999</v>
      </c>
      <c r="AP4681">
        <v>18503.05991</v>
      </c>
    </row>
    <row r="4682" spans="2:42" x14ac:dyDescent="0.3">
      <c r="B4682">
        <v>40.874378631293702</v>
      </c>
      <c r="C4682" s="83">
        <v>43296</v>
      </c>
      <c r="D4682">
        <v>161941.48689999999</v>
      </c>
      <c r="E4682">
        <v>12608.26298</v>
      </c>
      <c r="F4682">
        <v>52798.24884</v>
      </c>
      <c r="G4682">
        <v>31411.172129999999</v>
      </c>
      <c r="H4682">
        <v>34370.49293</v>
      </c>
      <c r="I4682">
        <v>23765.18461</v>
      </c>
      <c r="J4682">
        <v>38696.644760000003</v>
      </c>
      <c r="K4682">
        <v>51723.641060000002</v>
      </c>
      <c r="L4682">
        <v>20413.444800000001</v>
      </c>
      <c r="M4682">
        <v>208396.64369999999</v>
      </c>
      <c r="N4682">
        <v>68468.315700000006</v>
      </c>
      <c r="O4682">
        <v>17880.930789999999</v>
      </c>
      <c r="P4682">
        <v>31723.034459999999</v>
      </c>
      <c r="Q4682">
        <v>49837.229489999998</v>
      </c>
      <c r="R4682">
        <v>16760.626690000001</v>
      </c>
      <c r="S4682">
        <v>76662.750539999994</v>
      </c>
      <c r="T4682">
        <v>18763.891500000002</v>
      </c>
      <c r="U4682">
        <v>18000.437709999998</v>
      </c>
      <c r="W4682" s="83">
        <f>Bühler!N4714</f>
        <v>45486.99999998865</v>
      </c>
      <c r="X4682" s="83">
        <v>43296</v>
      </c>
      <c r="Y4682">
        <v>161941.48689999999</v>
      </c>
      <c r="Z4682">
        <v>12608.26298</v>
      </c>
      <c r="AA4682">
        <v>52798.24884</v>
      </c>
      <c r="AB4682">
        <v>31411.172129999999</v>
      </c>
      <c r="AC4682">
        <v>34370.49293</v>
      </c>
      <c r="AD4682">
        <v>23765.18461</v>
      </c>
      <c r="AE4682">
        <v>38696.644760000003</v>
      </c>
      <c r="AF4682">
        <v>51723.641060000002</v>
      </c>
      <c r="AG4682">
        <v>20413.444800000001</v>
      </c>
      <c r="AH4682">
        <v>208396.64369999999</v>
      </c>
      <c r="AI4682">
        <v>68468.315700000006</v>
      </c>
      <c r="AJ4682">
        <v>17880.930789999999</v>
      </c>
      <c r="AK4682">
        <v>31723.034459999999</v>
      </c>
      <c r="AL4682">
        <v>49837.229489999998</v>
      </c>
      <c r="AM4682">
        <v>16760.626690000001</v>
      </c>
      <c r="AN4682">
        <v>76662.750539999994</v>
      </c>
      <c r="AO4682">
        <v>18763.891500000002</v>
      </c>
      <c r="AP4682">
        <v>18000.437709999998</v>
      </c>
    </row>
    <row r="4683" spans="2:42" x14ac:dyDescent="0.3">
      <c r="B4683">
        <v>40.027831903215372</v>
      </c>
      <c r="C4683" s="83">
        <v>43296.041666666664</v>
      </c>
      <c r="D4683">
        <v>160726.4112</v>
      </c>
      <c r="E4683">
        <v>12097.62371</v>
      </c>
      <c r="F4683">
        <v>51360.402759999997</v>
      </c>
      <c r="G4683">
        <v>30702.300060000001</v>
      </c>
      <c r="H4683">
        <v>33880.007729999998</v>
      </c>
      <c r="I4683">
        <v>20131.086370000001</v>
      </c>
      <c r="J4683">
        <v>36928.764560000003</v>
      </c>
      <c r="K4683">
        <v>50549.822740000003</v>
      </c>
      <c r="L4683">
        <v>18953.638060000001</v>
      </c>
      <c r="M4683">
        <v>204080.55369999999</v>
      </c>
      <c r="N4683">
        <v>66672.342210000003</v>
      </c>
      <c r="O4683">
        <v>18398.421419999999</v>
      </c>
      <c r="P4683">
        <v>29280.40451</v>
      </c>
      <c r="Q4683">
        <v>51292.208079999997</v>
      </c>
      <c r="R4683">
        <v>14067.93548</v>
      </c>
      <c r="S4683">
        <v>74536.439480000001</v>
      </c>
      <c r="T4683">
        <v>17969.196950000001</v>
      </c>
      <c r="U4683">
        <v>17128.73846</v>
      </c>
      <c r="W4683" s="83">
        <f>Bühler!N4715</f>
        <v>45487.041666655314</v>
      </c>
      <c r="X4683" s="83">
        <v>43296.041666666664</v>
      </c>
      <c r="Y4683">
        <v>160726.4112</v>
      </c>
      <c r="Z4683">
        <v>12097.62371</v>
      </c>
      <c r="AA4683">
        <v>51360.402759999997</v>
      </c>
      <c r="AB4683">
        <v>30702.300060000001</v>
      </c>
      <c r="AC4683">
        <v>33880.007729999998</v>
      </c>
      <c r="AD4683">
        <v>20131.086370000001</v>
      </c>
      <c r="AE4683">
        <v>36928.764560000003</v>
      </c>
      <c r="AF4683">
        <v>50549.822740000003</v>
      </c>
      <c r="AG4683">
        <v>18953.638060000001</v>
      </c>
      <c r="AH4683">
        <v>204080.55369999999</v>
      </c>
      <c r="AI4683">
        <v>66672.342210000003</v>
      </c>
      <c r="AJ4683">
        <v>18398.421419999999</v>
      </c>
      <c r="AK4683">
        <v>29280.40451</v>
      </c>
      <c r="AL4683">
        <v>51292.208079999997</v>
      </c>
      <c r="AM4683">
        <v>14067.93548</v>
      </c>
      <c r="AN4683">
        <v>74536.439480000001</v>
      </c>
      <c r="AO4683">
        <v>17969.196950000001</v>
      </c>
      <c r="AP4683">
        <v>17128.73846</v>
      </c>
    </row>
    <row r="4684" spans="2:42" x14ac:dyDescent="0.3">
      <c r="B4684">
        <v>40.020586391031443</v>
      </c>
      <c r="C4684" s="83">
        <v>43296.083333333336</v>
      </c>
      <c r="D4684">
        <v>159933.6636</v>
      </c>
      <c r="E4684">
        <v>11935.8892</v>
      </c>
      <c r="F4684">
        <v>51350.811379999999</v>
      </c>
      <c r="G4684">
        <v>30095.2618</v>
      </c>
      <c r="H4684">
        <v>33400.509810000003</v>
      </c>
      <c r="I4684">
        <v>18265.631949999999</v>
      </c>
      <c r="J4684">
        <v>36026.024720000001</v>
      </c>
      <c r="K4684">
        <v>48400.934260000002</v>
      </c>
      <c r="L4684">
        <v>18123.292649999999</v>
      </c>
      <c r="M4684">
        <v>204043.6127</v>
      </c>
      <c r="N4684">
        <v>65892.990900000004</v>
      </c>
      <c r="O4684">
        <v>17984.43462</v>
      </c>
      <c r="P4684">
        <v>27083.018250000001</v>
      </c>
      <c r="Q4684">
        <v>52158.023500000003</v>
      </c>
      <c r="R4684">
        <v>13795.547259999999</v>
      </c>
      <c r="S4684">
        <v>73437.939259999999</v>
      </c>
      <c r="T4684">
        <v>17625.92092</v>
      </c>
      <c r="U4684">
        <v>17200.950850000001</v>
      </c>
      <c r="W4684" s="83">
        <f>Bühler!N4716</f>
        <v>45487.083333321978</v>
      </c>
      <c r="X4684" s="83">
        <v>43296.083333333336</v>
      </c>
      <c r="Y4684">
        <v>159933.6636</v>
      </c>
      <c r="Z4684">
        <v>11935.8892</v>
      </c>
      <c r="AA4684">
        <v>51350.811379999999</v>
      </c>
      <c r="AB4684">
        <v>30095.2618</v>
      </c>
      <c r="AC4684">
        <v>33400.509810000003</v>
      </c>
      <c r="AD4684">
        <v>18265.631949999999</v>
      </c>
      <c r="AE4684">
        <v>36026.024720000001</v>
      </c>
      <c r="AF4684">
        <v>48400.934260000002</v>
      </c>
      <c r="AG4684">
        <v>18123.292649999999</v>
      </c>
      <c r="AH4684">
        <v>204043.6127</v>
      </c>
      <c r="AI4684">
        <v>65892.990900000004</v>
      </c>
      <c r="AJ4684">
        <v>17984.43462</v>
      </c>
      <c r="AK4684">
        <v>27083.018250000001</v>
      </c>
      <c r="AL4684">
        <v>52158.023500000003</v>
      </c>
      <c r="AM4684">
        <v>13795.547259999999</v>
      </c>
      <c r="AN4684">
        <v>73437.939259999999</v>
      </c>
      <c r="AO4684">
        <v>17625.92092</v>
      </c>
      <c r="AP4684">
        <v>17200.950850000001</v>
      </c>
    </row>
    <row r="4685" spans="2:42" x14ac:dyDescent="0.3">
      <c r="B4685">
        <v>40.12136812921252</v>
      </c>
      <c r="C4685" s="83">
        <v>43296.125</v>
      </c>
      <c r="D4685">
        <v>159321.5361</v>
      </c>
      <c r="E4685">
        <v>11819.371730000001</v>
      </c>
      <c r="F4685">
        <v>51278.47913</v>
      </c>
      <c r="G4685">
        <v>29263.002479999999</v>
      </c>
      <c r="H4685">
        <v>33229.601849999999</v>
      </c>
      <c r="I4685">
        <v>17285.081719999998</v>
      </c>
      <c r="J4685">
        <v>35775.979290000003</v>
      </c>
      <c r="K4685">
        <v>46616.20708</v>
      </c>
      <c r="L4685">
        <v>17606.019789999998</v>
      </c>
      <c r="M4685">
        <v>204557.44500000001</v>
      </c>
      <c r="N4685">
        <v>64680.82748</v>
      </c>
      <c r="O4685">
        <v>18040.299800000001</v>
      </c>
      <c r="P4685">
        <v>25965.262910000001</v>
      </c>
      <c r="Q4685">
        <v>53448.455979999999</v>
      </c>
      <c r="R4685">
        <v>13195.23386</v>
      </c>
      <c r="S4685">
        <v>72627.306700000001</v>
      </c>
      <c r="T4685">
        <v>17396.345819999999</v>
      </c>
      <c r="U4685">
        <v>17133.188569999998</v>
      </c>
      <c r="W4685" s="83">
        <f>Bühler!N4717</f>
        <v>45487.124999988642</v>
      </c>
      <c r="X4685" s="83">
        <v>43296.125</v>
      </c>
      <c r="Y4685">
        <v>159321.5361</v>
      </c>
      <c r="Z4685">
        <v>11819.371730000001</v>
      </c>
      <c r="AA4685">
        <v>51278.47913</v>
      </c>
      <c r="AB4685">
        <v>29263.002479999999</v>
      </c>
      <c r="AC4685">
        <v>33229.601849999999</v>
      </c>
      <c r="AD4685">
        <v>17285.081719999998</v>
      </c>
      <c r="AE4685">
        <v>35775.979290000003</v>
      </c>
      <c r="AF4685">
        <v>46616.20708</v>
      </c>
      <c r="AG4685">
        <v>17606.019789999998</v>
      </c>
      <c r="AH4685">
        <v>204557.44500000001</v>
      </c>
      <c r="AI4685">
        <v>64680.82748</v>
      </c>
      <c r="AJ4685">
        <v>18040.299800000001</v>
      </c>
      <c r="AK4685">
        <v>25965.262910000001</v>
      </c>
      <c r="AL4685">
        <v>53448.455979999999</v>
      </c>
      <c r="AM4685">
        <v>13195.23386</v>
      </c>
      <c r="AN4685">
        <v>72627.306700000001</v>
      </c>
      <c r="AO4685">
        <v>17396.345819999999</v>
      </c>
      <c r="AP4685">
        <v>17133.188569999998</v>
      </c>
    </row>
    <row r="4686" spans="2:42" x14ac:dyDescent="0.3">
      <c r="B4686">
        <v>40.025212213468656</v>
      </c>
      <c r="C4686" s="83">
        <v>43296.166666666664</v>
      </c>
      <c r="D4686">
        <v>158147.42920000001</v>
      </c>
      <c r="E4686">
        <v>11695.75467</v>
      </c>
      <c r="F4686">
        <v>50949.984880000004</v>
      </c>
      <c r="G4686">
        <v>28565.71485</v>
      </c>
      <c r="H4686">
        <v>32786.782709999999</v>
      </c>
      <c r="I4686">
        <v>17571.783230000001</v>
      </c>
      <c r="J4686">
        <v>37750.123619999998</v>
      </c>
      <c r="K4686">
        <v>46115.626499999998</v>
      </c>
      <c r="L4686">
        <v>17188.223409999999</v>
      </c>
      <c r="M4686">
        <v>204067.1973</v>
      </c>
      <c r="N4686">
        <v>63449.058660000002</v>
      </c>
      <c r="O4686">
        <v>18063.913519999998</v>
      </c>
      <c r="P4686">
        <v>25513.223450000001</v>
      </c>
      <c r="Q4686">
        <v>53559.149539999999</v>
      </c>
      <c r="R4686">
        <v>13074.57847</v>
      </c>
      <c r="S4686">
        <v>72431.823900000003</v>
      </c>
      <c r="T4686">
        <v>17061.117030000001</v>
      </c>
      <c r="U4686">
        <v>16944.434550000002</v>
      </c>
      <c r="W4686" s="83">
        <f>Bühler!N4718</f>
        <v>45487.166666655306</v>
      </c>
      <c r="X4686" s="83">
        <v>43296.166666666664</v>
      </c>
      <c r="Y4686">
        <v>158147.42920000001</v>
      </c>
      <c r="Z4686">
        <v>11695.75467</v>
      </c>
      <c r="AA4686">
        <v>50949.984880000004</v>
      </c>
      <c r="AB4686">
        <v>28565.71485</v>
      </c>
      <c r="AC4686">
        <v>32786.782709999999</v>
      </c>
      <c r="AD4686">
        <v>17571.783230000001</v>
      </c>
      <c r="AE4686">
        <v>37750.123619999998</v>
      </c>
      <c r="AF4686">
        <v>46115.626499999998</v>
      </c>
      <c r="AG4686">
        <v>17188.223409999999</v>
      </c>
      <c r="AH4686">
        <v>204067.1973</v>
      </c>
      <c r="AI4686">
        <v>63449.058660000002</v>
      </c>
      <c r="AJ4686">
        <v>18063.913519999998</v>
      </c>
      <c r="AK4686">
        <v>25513.223450000001</v>
      </c>
      <c r="AL4686">
        <v>53559.149539999999</v>
      </c>
      <c r="AM4686">
        <v>13074.57847</v>
      </c>
      <c r="AN4686">
        <v>72431.823900000003</v>
      </c>
      <c r="AO4686">
        <v>17061.117030000001</v>
      </c>
      <c r="AP4686">
        <v>16944.434550000002</v>
      </c>
    </row>
    <row r="4687" spans="2:42" x14ac:dyDescent="0.3">
      <c r="B4687">
        <v>40.018437666441493</v>
      </c>
      <c r="C4687" s="83">
        <v>43296.208333333336</v>
      </c>
      <c r="D4687">
        <v>158271.46960000001</v>
      </c>
      <c r="E4687">
        <v>11707.589980000001</v>
      </c>
      <c r="F4687">
        <v>51551.138639999997</v>
      </c>
      <c r="G4687">
        <v>28532.15684</v>
      </c>
      <c r="H4687">
        <v>32800.703070000003</v>
      </c>
      <c r="I4687">
        <v>20438.436440000001</v>
      </c>
      <c r="J4687">
        <v>40155.055999999997</v>
      </c>
      <c r="K4687">
        <v>45976.040650000003</v>
      </c>
      <c r="L4687">
        <v>17540.01899</v>
      </c>
      <c r="M4687">
        <v>204032.6575</v>
      </c>
      <c r="N4687">
        <v>61400.42181</v>
      </c>
      <c r="O4687">
        <v>17738.53487</v>
      </c>
      <c r="P4687">
        <v>26478.233</v>
      </c>
      <c r="Q4687">
        <v>53286.273159999997</v>
      </c>
      <c r="R4687">
        <v>14606.5628</v>
      </c>
      <c r="S4687">
        <v>73373.449699999997</v>
      </c>
      <c r="T4687">
        <v>17032.063839999999</v>
      </c>
      <c r="U4687">
        <v>16735.68779</v>
      </c>
      <c r="W4687" s="83">
        <f>Bühler!N4719</f>
        <v>45487.208333321971</v>
      </c>
      <c r="X4687" s="83">
        <v>43296.208333333336</v>
      </c>
      <c r="Y4687">
        <v>158271.46960000001</v>
      </c>
      <c r="Z4687">
        <v>11707.589980000001</v>
      </c>
      <c r="AA4687">
        <v>51551.138639999997</v>
      </c>
      <c r="AB4687">
        <v>28532.15684</v>
      </c>
      <c r="AC4687">
        <v>32800.703070000003</v>
      </c>
      <c r="AD4687">
        <v>20438.436440000001</v>
      </c>
      <c r="AE4687">
        <v>40155.055999999997</v>
      </c>
      <c r="AF4687">
        <v>45976.040650000003</v>
      </c>
      <c r="AG4687">
        <v>17540.01899</v>
      </c>
      <c r="AH4687">
        <v>204032.6575</v>
      </c>
      <c r="AI4687">
        <v>61400.42181</v>
      </c>
      <c r="AJ4687">
        <v>17738.53487</v>
      </c>
      <c r="AK4687">
        <v>26478.233</v>
      </c>
      <c r="AL4687">
        <v>53286.273159999997</v>
      </c>
      <c r="AM4687">
        <v>14606.5628</v>
      </c>
      <c r="AN4687">
        <v>73373.449699999997</v>
      </c>
      <c r="AO4687">
        <v>17032.063839999999</v>
      </c>
      <c r="AP4687">
        <v>16735.68779</v>
      </c>
    </row>
    <row r="4688" spans="2:42" x14ac:dyDescent="0.3">
      <c r="B4688">
        <v>39.448796659674343</v>
      </c>
      <c r="C4688" s="83">
        <v>43296.25</v>
      </c>
      <c r="D4688">
        <v>156504.9509</v>
      </c>
      <c r="E4688">
        <v>11634.92245</v>
      </c>
      <c r="F4688">
        <v>55188.476710000003</v>
      </c>
      <c r="G4688">
        <v>28165.701440000001</v>
      </c>
      <c r="H4688">
        <v>30997.506509999999</v>
      </c>
      <c r="I4688">
        <v>21704.64199</v>
      </c>
      <c r="J4688">
        <v>40865.034789999998</v>
      </c>
      <c r="K4688">
        <v>44321.310010000001</v>
      </c>
      <c r="L4688">
        <v>17234.275699999998</v>
      </c>
      <c r="M4688">
        <v>201128.36199999999</v>
      </c>
      <c r="N4688">
        <v>59913.034379999997</v>
      </c>
      <c r="O4688">
        <v>18179.81424</v>
      </c>
      <c r="P4688">
        <v>26710.432339999999</v>
      </c>
      <c r="Q4688">
        <v>52997.948250000001</v>
      </c>
      <c r="R4688">
        <v>13249.382509999999</v>
      </c>
      <c r="S4688">
        <v>75690.911139999997</v>
      </c>
      <c r="T4688">
        <v>17006.453580000001</v>
      </c>
      <c r="U4688">
        <v>15672.689469999999</v>
      </c>
      <c r="W4688" s="83">
        <f>Bühler!N4720</f>
        <v>45487.249999988635</v>
      </c>
      <c r="X4688" s="83">
        <v>43296.25</v>
      </c>
      <c r="Y4688">
        <v>156504.9509</v>
      </c>
      <c r="Z4688">
        <v>11634.92245</v>
      </c>
      <c r="AA4688">
        <v>55188.476710000003</v>
      </c>
      <c r="AB4688">
        <v>28165.701440000001</v>
      </c>
      <c r="AC4688">
        <v>30997.506509999999</v>
      </c>
      <c r="AD4688">
        <v>21704.64199</v>
      </c>
      <c r="AE4688">
        <v>40865.034789999998</v>
      </c>
      <c r="AF4688">
        <v>44321.310010000001</v>
      </c>
      <c r="AG4688">
        <v>17234.275699999998</v>
      </c>
      <c r="AH4688">
        <v>201128.36199999999</v>
      </c>
      <c r="AI4688">
        <v>59913.034379999997</v>
      </c>
      <c r="AJ4688">
        <v>18179.81424</v>
      </c>
      <c r="AK4688">
        <v>26710.432339999999</v>
      </c>
      <c r="AL4688">
        <v>52997.948250000001</v>
      </c>
      <c r="AM4688">
        <v>13249.382509999999</v>
      </c>
      <c r="AN4688">
        <v>75690.911139999997</v>
      </c>
      <c r="AO4688">
        <v>17006.453580000001</v>
      </c>
      <c r="AP4688">
        <v>15672.689469999999</v>
      </c>
    </row>
    <row r="4689" spans="2:42" x14ac:dyDescent="0.3">
      <c r="B4689">
        <v>39.572025285276887</v>
      </c>
      <c r="C4689" s="83">
        <v>43296.291666666664</v>
      </c>
      <c r="D4689">
        <v>156314.56200000001</v>
      </c>
      <c r="E4689">
        <v>11796.86051</v>
      </c>
      <c r="F4689">
        <v>58151.60252</v>
      </c>
      <c r="G4689">
        <v>28652.718229999999</v>
      </c>
      <c r="H4689">
        <v>31429.339769999999</v>
      </c>
      <c r="I4689">
        <v>22374.676869999999</v>
      </c>
      <c r="J4689">
        <v>42315.767319999999</v>
      </c>
      <c r="K4689">
        <v>45128.842579999997</v>
      </c>
      <c r="L4689">
        <v>18607.796750000001</v>
      </c>
      <c r="M4689">
        <v>201756.639</v>
      </c>
      <c r="N4689">
        <v>59366.951200000003</v>
      </c>
      <c r="O4689">
        <v>17814.224539999999</v>
      </c>
      <c r="P4689">
        <v>30529.115160000001</v>
      </c>
      <c r="Q4689">
        <v>51616.258979999999</v>
      </c>
      <c r="R4689">
        <v>13061.55853</v>
      </c>
      <c r="S4689">
        <v>80831.277419999999</v>
      </c>
      <c r="T4689">
        <v>18064.104350000001</v>
      </c>
      <c r="U4689">
        <v>15475.99548</v>
      </c>
      <c r="W4689" s="83">
        <f>Bühler!N4721</f>
        <v>45487.291666655299</v>
      </c>
      <c r="X4689" s="83">
        <v>43296.291666666664</v>
      </c>
      <c r="Y4689">
        <v>156314.56200000001</v>
      </c>
      <c r="Z4689">
        <v>11796.86051</v>
      </c>
      <c r="AA4689">
        <v>58151.60252</v>
      </c>
      <c r="AB4689">
        <v>28652.718229999999</v>
      </c>
      <c r="AC4689">
        <v>31429.339769999999</v>
      </c>
      <c r="AD4689">
        <v>22374.676869999999</v>
      </c>
      <c r="AE4689">
        <v>42315.767319999999</v>
      </c>
      <c r="AF4689">
        <v>45128.842579999997</v>
      </c>
      <c r="AG4689">
        <v>18607.796750000001</v>
      </c>
      <c r="AH4689">
        <v>201756.639</v>
      </c>
      <c r="AI4689">
        <v>59366.951200000003</v>
      </c>
      <c r="AJ4689">
        <v>17814.224539999999</v>
      </c>
      <c r="AK4689">
        <v>30529.115160000001</v>
      </c>
      <c r="AL4689">
        <v>51616.258979999999</v>
      </c>
      <c r="AM4689">
        <v>13061.55853</v>
      </c>
      <c r="AN4689">
        <v>80831.277419999999</v>
      </c>
      <c r="AO4689">
        <v>18064.104350000001</v>
      </c>
      <c r="AP4689">
        <v>15475.99548</v>
      </c>
    </row>
    <row r="4690" spans="2:42" x14ac:dyDescent="0.3">
      <c r="B4690">
        <v>39.545651824910287</v>
      </c>
      <c r="C4690" s="83">
        <v>43296.333333333336</v>
      </c>
      <c r="D4690">
        <v>157173.413</v>
      </c>
      <c r="E4690">
        <v>12765.52779</v>
      </c>
      <c r="F4690">
        <v>61430.962039999999</v>
      </c>
      <c r="G4690">
        <v>29142.766339999998</v>
      </c>
      <c r="H4690">
        <v>31969.13708</v>
      </c>
      <c r="I4690">
        <v>22473.73417</v>
      </c>
      <c r="J4690">
        <v>45304.635609999998</v>
      </c>
      <c r="K4690">
        <v>46736.487990000001</v>
      </c>
      <c r="L4690">
        <v>20859.228360000001</v>
      </c>
      <c r="M4690">
        <v>201622.17480000001</v>
      </c>
      <c r="N4690">
        <v>60888.394139999997</v>
      </c>
      <c r="O4690">
        <v>18301.78975</v>
      </c>
      <c r="P4690">
        <v>33598.283560000003</v>
      </c>
      <c r="Q4690">
        <v>52017.080220000003</v>
      </c>
      <c r="R4690">
        <v>14548.81035</v>
      </c>
      <c r="S4690">
        <v>84139.526840000006</v>
      </c>
      <c r="T4690">
        <v>20429.349600000001</v>
      </c>
      <c r="U4690">
        <v>15586.15264</v>
      </c>
      <c r="W4690" s="83">
        <f>Bühler!N4722</f>
        <v>45487.333333321963</v>
      </c>
      <c r="X4690" s="83">
        <v>43296.333333333336</v>
      </c>
      <c r="Y4690">
        <v>157173.413</v>
      </c>
      <c r="Z4690">
        <v>12765.52779</v>
      </c>
      <c r="AA4690">
        <v>61430.962039999999</v>
      </c>
      <c r="AB4690">
        <v>29142.766339999998</v>
      </c>
      <c r="AC4690">
        <v>31969.13708</v>
      </c>
      <c r="AD4690">
        <v>22473.73417</v>
      </c>
      <c r="AE4690">
        <v>45304.635609999998</v>
      </c>
      <c r="AF4690">
        <v>46736.487990000001</v>
      </c>
      <c r="AG4690">
        <v>20859.228360000001</v>
      </c>
      <c r="AH4690">
        <v>201622.17480000001</v>
      </c>
      <c r="AI4690">
        <v>60888.394139999997</v>
      </c>
      <c r="AJ4690">
        <v>18301.78975</v>
      </c>
      <c r="AK4690">
        <v>33598.283560000003</v>
      </c>
      <c r="AL4690">
        <v>52017.080220000003</v>
      </c>
      <c r="AM4690">
        <v>14548.81035</v>
      </c>
      <c r="AN4690">
        <v>84139.526840000006</v>
      </c>
      <c r="AO4690">
        <v>20429.349600000001</v>
      </c>
      <c r="AP4690">
        <v>15586.15264</v>
      </c>
    </row>
    <row r="4691" spans="2:42" x14ac:dyDescent="0.3">
      <c r="B4691">
        <v>39.386998742640507</v>
      </c>
      <c r="C4691" s="83">
        <v>43296.375</v>
      </c>
      <c r="D4691">
        <v>157850.61720000001</v>
      </c>
      <c r="E4691">
        <v>13936.44853</v>
      </c>
      <c r="F4691">
        <v>66118.842040000003</v>
      </c>
      <c r="G4691">
        <v>29823.89529</v>
      </c>
      <c r="H4691">
        <v>32843.066749999998</v>
      </c>
      <c r="I4691">
        <v>22137.36132</v>
      </c>
      <c r="J4691">
        <v>47768.242480000001</v>
      </c>
      <c r="K4691">
        <v>48119.286540000001</v>
      </c>
      <c r="L4691">
        <v>24591.270970000001</v>
      </c>
      <c r="M4691">
        <v>200813.2874</v>
      </c>
      <c r="N4691">
        <v>62492.13175</v>
      </c>
      <c r="O4691">
        <v>18701.283179999999</v>
      </c>
      <c r="P4691">
        <v>38766.367180000001</v>
      </c>
      <c r="Q4691">
        <v>52773.440719999999</v>
      </c>
      <c r="R4691">
        <v>15384.160110000001</v>
      </c>
      <c r="S4691">
        <v>88550.891149999996</v>
      </c>
      <c r="T4691">
        <v>21810.15784</v>
      </c>
      <c r="U4691">
        <v>15948.26527</v>
      </c>
      <c r="W4691" s="83">
        <f>Bühler!N4723</f>
        <v>45487.374999988628</v>
      </c>
      <c r="X4691" s="83">
        <v>43296.375</v>
      </c>
      <c r="Y4691">
        <v>157850.61720000001</v>
      </c>
      <c r="Z4691">
        <v>13936.44853</v>
      </c>
      <c r="AA4691">
        <v>66118.842040000003</v>
      </c>
      <c r="AB4691">
        <v>29823.89529</v>
      </c>
      <c r="AC4691">
        <v>32843.066749999998</v>
      </c>
      <c r="AD4691">
        <v>22137.36132</v>
      </c>
      <c r="AE4691">
        <v>47768.242480000001</v>
      </c>
      <c r="AF4691">
        <v>48119.286540000001</v>
      </c>
      <c r="AG4691">
        <v>24591.270970000001</v>
      </c>
      <c r="AH4691">
        <v>200813.2874</v>
      </c>
      <c r="AI4691">
        <v>62492.13175</v>
      </c>
      <c r="AJ4691">
        <v>18701.283179999999</v>
      </c>
      <c r="AK4691">
        <v>38766.367180000001</v>
      </c>
      <c r="AL4691">
        <v>52773.440719999999</v>
      </c>
      <c r="AM4691">
        <v>15384.160110000001</v>
      </c>
      <c r="AN4691">
        <v>88550.891149999996</v>
      </c>
      <c r="AO4691">
        <v>21810.15784</v>
      </c>
      <c r="AP4691">
        <v>15948.26527</v>
      </c>
    </row>
    <row r="4692" spans="2:42" x14ac:dyDescent="0.3">
      <c r="B4692">
        <v>39.801485189792267</v>
      </c>
      <c r="C4692" s="83">
        <v>43296.416666666664</v>
      </c>
      <c r="D4692">
        <v>158471.54550000001</v>
      </c>
      <c r="E4692">
        <v>14955.350700000001</v>
      </c>
      <c r="F4692">
        <v>68207.825169999996</v>
      </c>
      <c r="G4692">
        <v>30562.193449999999</v>
      </c>
      <c r="H4692">
        <v>33730.041499999999</v>
      </c>
      <c r="I4692">
        <v>22879.528200000001</v>
      </c>
      <c r="J4692">
        <v>48209.557070000003</v>
      </c>
      <c r="K4692">
        <v>49959.213329999999</v>
      </c>
      <c r="L4692">
        <v>29029.339690000001</v>
      </c>
      <c r="M4692">
        <v>202926.53260000001</v>
      </c>
      <c r="N4692">
        <v>64945.255129999998</v>
      </c>
      <c r="O4692">
        <v>18182.391759999999</v>
      </c>
      <c r="P4692">
        <v>40013.311580000001</v>
      </c>
      <c r="Q4692">
        <v>53246.769189999999</v>
      </c>
      <c r="R4692">
        <v>16726.398209999999</v>
      </c>
      <c r="S4692">
        <v>89245.30399</v>
      </c>
      <c r="T4692">
        <v>23790.664540000002</v>
      </c>
      <c r="U4692">
        <v>16079.84778</v>
      </c>
      <c r="W4692" s="83">
        <f>Bühler!N4724</f>
        <v>45487.416666655292</v>
      </c>
      <c r="X4692" s="83">
        <v>43296.416666666664</v>
      </c>
      <c r="Y4692">
        <v>158471.54550000001</v>
      </c>
      <c r="Z4692">
        <v>14955.350700000001</v>
      </c>
      <c r="AA4692">
        <v>68207.825169999996</v>
      </c>
      <c r="AB4692">
        <v>30562.193449999999</v>
      </c>
      <c r="AC4692">
        <v>33730.041499999999</v>
      </c>
      <c r="AD4692">
        <v>22879.528200000001</v>
      </c>
      <c r="AE4692">
        <v>48209.557070000003</v>
      </c>
      <c r="AF4692">
        <v>49959.213329999999</v>
      </c>
      <c r="AG4692">
        <v>29029.339690000001</v>
      </c>
      <c r="AH4692">
        <v>202926.53260000001</v>
      </c>
      <c r="AI4692">
        <v>64945.255129999998</v>
      </c>
      <c r="AJ4692">
        <v>18182.391759999999</v>
      </c>
      <c r="AK4692">
        <v>40013.311580000001</v>
      </c>
      <c r="AL4692">
        <v>53246.769189999999</v>
      </c>
      <c r="AM4692">
        <v>16726.398209999999</v>
      </c>
      <c r="AN4692">
        <v>89245.30399</v>
      </c>
      <c r="AO4692">
        <v>23790.664540000002</v>
      </c>
      <c r="AP4692">
        <v>16079.84778</v>
      </c>
    </row>
    <row r="4693" spans="2:42" x14ac:dyDescent="0.3">
      <c r="B4693">
        <v>40.364943945292865</v>
      </c>
      <c r="C4693" s="83">
        <v>43296.458333333336</v>
      </c>
      <c r="D4693">
        <v>158922.04269999999</v>
      </c>
      <c r="E4693">
        <v>15281.791359999999</v>
      </c>
      <c r="F4693">
        <v>69106.992270000002</v>
      </c>
      <c r="G4693">
        <v>31523.178790000002</v>
      </c>
      <c r="H4693">
        <v>34329.913110000001</v>
      </c>
      <c r="I4693">
        <v>23295.95492</v>
      </c>
      <c r="J4693">
        <v>49724.95117</v>
      </c>
      <c r="K4693">
        <v>51590.947930000002</v>
      </c>
      <c r="L4693">
        <v>29994.290089999999</v>
      </c>
      <c r="M4693">
        <v>205799.30809999999</v>
      </c>
      <c r="N4693">
        <v>67299.507899999997</v>
      </c>
      <c r="O4693">
        <v>17827.374230000001</v>
      </c>
      <c r="P4693">
        <v>40158.44053</v>
      </c>
      <c r="Q4693">
        <v>53036.896540000002</v>
      </c>
      <c r="R4693">
        <v>19348.597160000001</v>
      </c>
      <c r="S4693">
        <v>93305.772360000003</v>
      </c>
      <c r="T4693">
        <v>24918.82949</v>
      </c>
      <c r="U4693">
        <v>16246.059960000001</v>
      </c>
      <c r="W4693" s="83">
        <f>Bühler!N4725</f>
        <v>45487.458333321956</v>
      </c>
      <c r="X4693" s="83">
        <v>43296.458333333336</v>
      </c>
      <c r="Y4693">
        <v>158922.04269999999</v>
      </c>
      <c r="Z4693">
        <v>15281.791359999999</v>
      </c>
      <c r="AA4693">
        <v>69106.992270000002</v>
      </c>
      <c r="AB4693">
        <v>31523.178790000002</v>
      </c>
      <c r="AC4693">
        <v>34329.913110000001</v>
      </c>
      <c r="AD4693">
        <v>23295.95492</v>
      </c>
      <c r="AE4693">
        <v>49724.95117</v>
      </c>
      <c r="AF4693">
        <v>51590.947930000002</v>
      </c>
      <c r="AG4693">
        <v>29994.290089999999</v>
      </c>
      <c r="AH4693">
        <v>205799.30809999999</v>
      </c>
      <c r="AI4693">
        <v>67299.507899999997</v>
      </c>
      <c r="AJ4693">
        <v>17827.374230000001</v>
      </c>
      <c r="AK4693">
        <v>40158.44053</v>
      </c>
      <c r="AL4693">
        <v>53036.896540000002</v>
      </c>
      <c r="AM4693">
        <v>19348.597160000001</v>
      </c>
      <c r="AN4693">
        <v>93305.772360000003</v>
      </c>
      <c r="AO4693">
        <v>24918.82949</v>
      </c>
      <c r="AP4693">
        <v>16246.059960000001</v>
      </c>
    </row>
    <row r="4694" spans="2:42" x14ac:dyDescent="0.3">
      <c r="B4694">
        <v>40.251651523364579</v>
      </c>
      <c r="C4694" s="83">
        <v>43296.5</v>
      </c>
      <c r="D4694">
        <v>159139.05540000001</v>
      </c>
      <c r="E4694">
        <v>15808.715550000001</v>
      </c>
      <c r="F4694">
        <v>67384.32445</v>
      </c>
      <c r="G4694">
        <v>32227.63492</v>
      </c>
      <c r="H4694">
        <v>34210.860589999997</v>
      </c>
      <c r="I4694">
        <v>23583.518</v>
      </c>
      <c r="J4694">
        <v>51448.391629999998</v>
      </c>
      <c r="K4694">
        <v>52128.900280000002</v>
      </c>
      <c r="L4694">
        <v>31922.260750000001</v>
      </c>
      <c r="M4694">
        <v>205221.6905</v>
      </c>
      <c r="N4694">
        <v>68606.621050000002</v>
      </c>
      <c r="O4694">
        <v>17952.50173</v>
      </c>
      <c r="P4694">
        <v>40348.391080000001</v>
      </c>
      <c r="Q4694">
        <v>52644.51498</v>
      </c>
      <c r="R4694">
        <v>18283.507239999999</v>
      </c>
      <c r="S4694">
        <v>90509.679430000004</v>
      </c>
      <c r="T4694">
        <v>24936.121340000002</v>
      </c>
      <c r="U4694">
        <v>16354.616410000001</v>
      </c>
      <c r="W4694" s="83">
        <f>Bühler!N4726</f>
        <v>45487.49999998862</v>
      </c>
      <c r="X4694" s="83">
        <v>43296.5</v>
      </c>
      <c r="Y4694">
        <v>159139.05540000001</v>
      </c>
      <c r="Z4694">
        <v>15808.715550000001</v>
      </c>
      <c r="AA4694">
        <v>67384.32445</v>
      </c>
      <c r="AB4694">
        <v>32227.63492</v>
      </c>
      <c r="AC4694">
        <v>34210.860589999997</v>
      </c>
      <c r="AD4694">
        <v>23583.518</v>
      </c>
      <c r="AE4694">
        <v>51448.391629999998</v>
      </c>
      <c r="AF4694">
        <v>52128.900280000002</v>
      </c>
      <c r="AG4694">
        <v>31922.260750000001</v>
      </c>
      <c r="AH4694">
        <v>205221.6905</v>
      </c>
      <c r="AI4694">
        <v>68606.621050000002</v>
      </c>
      <c r="AJ4694">
        <v>17952.50173</v>
      </c>
      <c r="AK4694">
        <v>40348.391080000001</v>
      </c>
      <c r="AL4694">
        <v>52644.51498</v>
      </c>
      <c r="AM4694">
        <v>18283.507239999999</v>
      </c>
      <c r="AN4694">
        <v>90509.679430000004</v>
      </c>
      <c r="AO4694">
        <v>24936.121340000002</v>
      </c>
      <c r="AP4694">
        <v>16354.616410000001</v>
      </c>
    </row>
    <row r="4695" spans="2:42" x14ac:dyDescent="0.3">
      <c r="B4695">
        <v>40.324756742660199</v>
      </c>
      <c r="C4695" s="83">
        <v>43296.541666666664</v>
      </c>
      <c r="D4695">
        <v>159508.8792</v>
      </c>
      <c r="E4695">
        <v>16031.56337</v>
      </c>
      <c r="F4695">
        <v>58623.533280000003</v>
      </c>
      <c r="G4695">
        <v>32149.362949999999</v>
      </c>
      <c r="H4695">
        <v>34255.306649999999</v>
      </c>
      <c r="I4695">
        <v>23996.299490000001</v>
      </c>
      <c r="J4695">
        <v>50716.571680000001</v>
      </c>
      <c r="K4695">
        <v>50879.198810000002</v>
      </c>
      <c r="L4695">
        <v>32604.29394</v>
      </c>
      <c r="M4695">
        <v>205594.41500000001</v>
      </c>
      <c r="N4695">
        <v>69791.311950000003</v>
      </c>
      <c r="O4695">
        <v>18104.290659999999</v>
      </c>
      <c r="P4695">
        <v>39710.938300000002</v>
      </c>
      <c r="Q4695">
        <v>51912.716009999996</v>
      </c>
      <c r="R4695">
        <v>17810.017629999998</v>
      </c>
      <c r="S4695">
        <v>93049.194149999996</v>
      </c>
      <c r="T4695">
        <v>24867.185399999998</v>
      </c>
      <c r="U4695">
        <v>16346.818730000001</v>
      </c>
      <c r="W4695" s="83">
        <f>Bühler!N4727</f>
        <v>45487.541666655285</v>
      </c>
      <c r="X4695" s="83">
        <v>43296.541666666664</v>
      </c>
      <c r="Y4695">
        <v>159508.8792</v>
      </c>
      <c r="Z4695">
        <v>16031.56337</v>
      </c>
      <c r="AA4695">
        <v>58623.533280000003</v>
      </c>
      <c r="AB4695">
        <v>32149.362949999999</v>
      </c>
      <c r="AC4695">
        <v>34255.306649999999</v>
      </c>
      <c r="AD4695">
        <v>23996.299490000001</v>
      </c>
      <c r="AE4695">
        <v>50716.571680000001</v>
      </c>
      <c r="AF4695">
        <v>50879.198810000002</v>
      </c>
      <c r="AG4695">
        <v>32604.29394</v>
      </c>
      <c r="AH4695">
        <v>205594.41500000001</v>
      </c>
      <c r="AI4695">
        <v>69791.311950000003</v>
      </c>
      <c r="AJ4695">
        <v>18104.290659999999</v>
      </c>
      <c r="AK4695">
        <v>39710.938300000002</v>
      </c>
      <c r="AL4695">
        <v>51912.716009999996</v>
      </c>
      <c r="AM4695">
        <v>17810.017629999998</v>
      </c>
      <c r="AN4695">
        <v>93049.194149999996</v>
      </c>
      <c r="AO4695">
        <v>24867.185399999998</v>
      </c>
      <c r="AP4695">
        <v>16346.818730000001</v>
      </c>
    </row>
    <row r="4696" spans="2:42" x14ac:dyDescent="0.3">
      <c r="B4696">
        <v>40.811105035203582</v>
      </c>
      <c r="C4696" s="83">
        <v>43296.583333333336</v>
      </c>
      <c r="D4696">
        <v>160410.03409999999</v>
      </c>
      <c r="E4696">
        <v>16120.86226</v>
      </c>
      <c r="F4696">
        <v>57253.022790000003</v>
      </c>
      <c r="G4696">
        <v>31914.979800000001</v>
      </c>
      <c r="H4696">
        <v>34159.842369999998</v>
      </c>
      <c r="I4696">
        <v>23471.845519999999</v>
      </c>
      <c r="J4696">
        <v>49632.26455</v>
      </c>
      <c r="K4696">
        <v>49717.550790000001</v>
      </c>
      <c r="L4696">
        <v>31137.174569999999</v>
      </c>
      <c r="M4696">
        <v>208074.0454</v>
      </c>
      <c r="N4696">
        <v>69892.065289999999</v>
      </c>
      <c r="O4696">
        <v>18161.55862</v>
      </c>
      <c r="P4696">
        <v>36739.367859999998</v>
      </c>
      <c r="Q4696">
        <v>52126.84734</v>
      </c>
      <c r="R4696">
        <v>18784.43908</v>
      </c>
      <c r="S4696">
        <v>90899.962270000004</v>
      </c>
      <c r="T4696">
        <v>24795.92412</v>
      </c>
      <c r="U4696">
        <v>16499.925729999999</v>
      </c>
      <c r="W4696" s="83">
        <f>Bühler!N4728</f>
        <v>45487.583333321949</v>
      </c>
      <c r="X4696" s="83">
        <v>43296.583333333336</v>
      </c>
      <c r="Y4696">
        <v>160410.03409999999</v>
      </c>
      <c r="Z4696">
        <v>16120.86226</v>
      </c>
      <c r="AA4696">
        <v>57253.022790000003</v>
      </c>
      <c r="AB4696">
        <v>31914.979800000001</v>
      </c>
      <c r="AC4696">
        <v>34159.842369999998</v>
      </c>
      <c r="AD4696">
        <v>23471.845519999999</v>
      </c>
      <c r="AE4696">
        <v>49632.26455</v>
      </c>
      <c r="AF4696">
        <v>49717.550790000001</v>
      </c>
      <c r="AG4696">
        <v>31137.174569999999</v>
      </c>
      <c r="AH4696">
        <v>208074.0454</v>
      </c>
      <c r="AI4696">
        <v>69892.065289999999</v>
      </c>
      <c r="AJ4696">
        <v>18161.55862</v>
      </c>
      <c r="AK4696">
        <v>36739.367859999998</v>
      </c>
      <c r="AL4696">
        <v>52126.84734</v>
      </c>
      <c r="AM4696">
        <v>18784.43908</v>
      </c>
      <c r="AN4696">
        <v>90899.962270000004</v>
      </c>
      <c r="AO4696">
        <v>24795.92412</v>
      </c>
      <c r="AP4696">
        <v>16499.925729999999</v>
      </c>
    </row>
    <row r="4697" spans="2:42" x14ac:dyDescent="0.3">
      <c r="B4697">
        <v>40.677380272839358</v>
      </c>
      <c r="C4697" s="83">
        <v>43296.625</v>
      </c>
      <c r="D4697">
        <v>160141.79089999999</v>
      </c>
      <c r="E4697">
        <v>16393.176169999999</v>
      </c>
      <c r="F4697">
        <v>57867.182710000001</v>
      </c>
      <c r="G4697">
        <v>31772.643929999998</v>
      </c>
      <c r="H4697">
        <v>33978.798730000002</v>
      </c>
      <c r="I4697">
        <v>23425.912179999999</v>
      </c>
      <c r="J4697">
        <v>49524.73749</v>
      </c>
      <c r="K4697">
        <v>48905.867480000001</v>
      </c>
      <c r="L4697">
        <v>29419.776900000001</v>
      </c>
      <c r="M4697">
        <v>207392.2542</v>
      </c>
      <c r="N4697">
        <v>70231.436130000002</v>
      </c>
      <c r="O4697">
        <v>18020.667170000001</v>
      </c>
      <c r="P4697">
        <v>34271.498290000003</v>
      </c>
      <c r="Q4697">
        <v>52393.629979999998</v>
      </c>
      <c r="R4697">
        <v>18592.523550000002</v>
      </c>
      <c r="S4697">
        <v>90785.740709999998</v>
      </c>
      <c r="T4697">
        <v>25374.874640000002</v>
      </c>
      <c r="U4697">
        <v>16456.87113</v>
      </c>
      <c r="W4697" s="83">
        <f>Bühler!N4729</f>
        <v>45487.624999988613</v>
      </c>
      <c r="X4697" s="83">
        <v>43296.625</v>
      </c>
      <c r="Y4697">
        <v>160141.79089999999</v>
      </c>
      <c r="Z4697">
        <v>16393.176169999999</v>
      </c>
      <c r="AA4697">
        <v>57867.182710000001</v>
      </c>
      <c r="AB4697">
        <v>31772.643929999998</v>
      </c>
      <c r="AC4697">
        <v>33978.798730000002</v>
      </c>
      <c r="AD4697">
        <v>23425.912179999999</v>
      </c>
      <c r="AE4697">
        <v>49524.73749</v>
      </c>
      <c r="AF4697">
        <v>48905.867480000001</v>
      </c>
      <c r="AG4697">
        <v>29419.776900000001</v>
      </c>
      <c r="AH4697">
        <v>207392.2542</v>
      </c>
      <c r="AI4697">
        <v>70231.436130000002</v>
      </c>
      <c r="AJ4697">
        <v>18020.667170000001</v>
      </c>
      <c r="AK4697">
        <v>34271.498290000003</v>
      </c>
      <c r="AL4697">
        <v>52393.629979999998</v>
      </c>
      <c r="AM4697">
        <v>18592.523550000002</v>
      </c>
      <c r="AN4697">
        <v>90785.740709999998</v>
      </c>
      <c r="AO4697">
        <v>25374.874640000002</v>
      </c>
      <c r="AP4697">
        <v>16456.87113</v>
      </c>
    </row>
    <row r="4698" spans="2:42" x14ac:dyDescent="0.3">
      <c r="B4698">
        <v>40.410798028524944</v>
      </c>
      <c r="C4698" s="83">
        <v>43296.666666666664</v>
      </c>
      <c r="D4698">
        <v>160857.09280000001</v>
      </c>
      <c r="E4698">
        <v>16248.28946</v>
      </c>
      <c r="F4698">
        <v>57324.922980000003</v>
      </c>
      <c r="G4698">
        <v>31779.161090000001</v>
      </c>
      <c r="H4698">
        <v>33653.263359999997</v>
      </c>
      <c r="I4698">
        <v>23538.17122</v>
      </c>
      <c r="J4698">
        <v>48667.713239999997</v>
      </c>
      <c r="K4698">
        <v>49283.803979999997</v>
      </c>
      <c r="L4698">
        <v>28037.381679999999</v>
      </c>
      <c r="M4698">
        <v>206033.09359999999</v>
      </c>
      <c r="N4698">
        <v>69448.973639999997</v>
      </c>
      <c r="O4698">
        <v>17739.654979999999</v>
      </c>
      <c r="P4698">
        <v>32995.948420000001</v>
      </c>
      <c r="Q4698">
        <v>52670.207629999997</v>
      </c>
      <c r="R4698">
        <v>18207.911800000002</v>
      </c>
      <c r="S4698">
        <v>91658.207729999995</v>
      </c>
      <c r="T4698">
        <v>24909.618849999999</v>
      </c>
      <c r="U4698">
        <v>16632.755130000001</v>
      </c>
      <c r="W4698" s="83">
        <f>Bühler!N4730</f>
        <v>45487.666666655277</v>
      </c>
      <c r="X4698" s="83">
        <v>43296.666666666664</v>
      </c>
      <c r="Y4698">
        <v>160857.09280000001</v>
      </c>
      <c r="Z4698">
        <v>16248.28946</v>
      </c>
      <c r="AA4698">
        <v>57324.922980000003</v>
      </c>
      <c r="AB4698">
        <v>31779.161090000001</v>
      </c>
      <c r="AC4698">
        <v>33653.263359999997</v>
      </c>
      <c r="AD4698">
        <v>23538.17122</v>
      </c>
      <c r="AE4698">
        <v>48667.713239999997</v>
      </c>
      <c r="AF4698">
        <v>49283.803979999997</v>
      </c>
      <c r="AG4698">
        <v>28037.381679999999</v>
      </c>
      <c r="AH4698">
        <v>206033.09359999999</v>
      </c>
      <c r="AI4698">
        <v>69448.973639999997</v>
      </c>
      <c r="AJ4698">
        <v>17739.654979999999</v>
      </c>
      <c r="AK4698">
        <v>32995.948420000001</v>
      </c>
      <c r="AL4698">
        <v>52670.207629999997</v>
      </c>
      <c r="AM4698">
        <v>18207.911800000002</v>
      </c>
      <c r="AN4698">
        <v>91658.207729999995</v>
      </c>
      <c r="AO4698">
        <v>24909.618849999999</v>
      </c>
      <c r="AP4698">
        <v>16632.755130000001</v>
      </c>
    </row>
    <row r="4699" spans="2:42" x14ac:dyDescent="0.3">
      <c r="B4699">
        <v>40.154544949192292</v>
      </c>
      <c r="C4699" s="83">
        <v>43296.708333333336</v>
      </c>
      <c r="D4699">
        <v>161239.1545</v>
      </c>
      <c r="E4699">
        <v>15991.23495</v>
      </c>
      <c r="F4699">
        <v>56708.327469999997</v>
      </c>
      <c r="G4699">
        <v>31631.368930000001</v>
      </c>
      <c r="H4699">
        <v>33787.345670000002</v>
      </c>
      <c r="I4699">
        <v>23377.771909999999</v>
      </c>
      <c r="J4699">
        <v>49118.922729999998</v>
      </c>
      <c r="K4699">
        <v>50446.679640000002</v>
      </c>
      <c r="L4699">
        <v>28358.523150000001</v>
      </c>
      <c r="M4699">
        <v>204726.59589999999</v>
      </c>
      <c r="N4699">
        <v>66696.494930000001</v>
      </c>
      <c r="O4699">
        <v>17921.79277</v>
      </c>
      <c r="P4699">
        <v>34078.742019999998</v>
      </c>
      <c r="Q4699">
        <v>52922.660519999998</v>
      </c>
      <c r="R4699">
        <v>20193.251680000001</v>
      </c>
      <c r="S4699">
        <v>92825.874500000005</v>
      </c>
      <c r="T4699">
        <v>23895.294119999999</v>
      </c>
      <c r="U4699">
        <v>16694.140039999998</v>
      </c>
      <c r="W4699" s="83">
        <f>Bühler!N4731</f>
        <v>45487.708333321942</v>
      </c>
      <c r="X4699" s="83">
        <v>43296.708333333336</v>
      </c>
      <c r="Y4699">
        <v>161239.1545</v>
      </c>
      <c r="Z4699">
        <v>15991.23495</v>
      </c>
      <c r="AA4699">
        <v>56708.327469999997</v>
      </c>
      <c r="AB4699">
        <v>31631.368930000001</v>
      </c>
      <c r="AC4699">
        <v>33787.345670000002</v>
      </c>
      <c r="AD4699">
        <v>23377.771909999999</v>
      </c>
      <c r="AE4699">
        <v>49118.922729999998</v>
      </c>
      <c r="AF4699">
        <v>50446.679640000002</v>
      </c>
      <c r="AG4699">
        <v>28358.523150000001</v>
      </c>
      <c r="AH4699">
        <v>204726.59589999999</v>
      </c>
      <c r="AI4699">
        <v>66696.494930000001</v>
      </c>
      <c r="AJ4699">
        <v>17921.79277</v>
      </c>
      <c r="AK4699">
        <v>34078.742019999998</v>
      </c>
      <c r="AL4699">
        <v>52922.660519999998</v>
      </c>
      <c r="AM4699">
        <v>20193.251680000001</v>
      </c>
      <c r="AN4699">
        <v>92825.874500000005</v>
      </c>
      <c r="AO4699">
        <v>23895.294119999999</v>
      </c>
      <c r="AP4699">
        <v>16694.140039999998</v>
      </c>
    </row>
    <row r="4700" spans="2:42" x14ac:dyDescent="0.3">
      <c r="B4700">
        <v>40.318392299350457</v>
      </c>
      <c r="C4700" s="83">
        <v>43296.75</v>
      </c>
      <c r="D4700">
        <v>161972.5857</v>
      </c>
      <c r="E4700">
        <v>15677.83274</v>
      </c>
      <c r="F4700">
        <v>56642.324699999997</v>
      </c>
      <c r="G4700">
        <v>31479.327679999999</v>
      </c>
      <c r="H4700">
        <v>33848.073060000002</v>
      </c>
      <c r="I4700">
        <v>22774.931349999999</v>
      </c>
      <c r="J4700">
        <v>49684.569479999998</v>
      </c>
      <c r="K4700">
        <v>49602.822070000002</v>
      </c>
      <c r="L4700">
        <v>29314.159360000001</v>
      </c>
      <c r="M4700">
        <v>205561.96609999999</v>
      </c>
      <c r="N4700">
        <v>65411.426149999999</v>
      </c>
      <c r="O4700">
        <v>17620.949379999998</v>
      </c>
      <c r="P4700">
        <v>37086.386680000003</v>
      </c>
      <c r="Q4700">
        <v>53912.258959999999</v>
      </c>
      <c r="R4700">
        <v>19089.66661</v>
      </c>
      <c r="S4700">
        <v>89629.135209999993</v>
      </c>
      <c r="T4700">
        <v>23456.423839999999</v>
      </c>
      <c r="U4700">
        <v>16395.233479999999</v>
      </c>
      <c r="W4700" s="83">
        <f>Bühler!N4732</f>
        <v>45487.749999988606</v>
      </c>
      <c r="X4700" s="83">
        <v>43296.75</v>
      </c>
      <c r="Y4700">
        <v>161972.5857</v>
      </c>
      <c r="Z4700">
        <v>15677.83274</v>
      </c>
      <c r="AA4700">
        <v>56642.324699999997</v>
      </c>
      <c r="AB4700">
        <v>31479.327679999999</v>
      </c>
      <c r="AC4700">
        <v>33848.073060000002</v>
      </c>
      <c r="AD4700">
        <v>22774.931349999999</v>
      </c>
      <c r="AE4700">
        <v>49684.569479999998</v>
      </c>
      <c r="AF4700">
        <v>49602.822070000002</v>
      </c>
      <c r="AG4700">
        <v>29314.159360000001</v>
      </c>
      <c r="AH4700">
        <v>205561.96609999999</v>
      </c>
      <c r="AI4700">
        <v>65411.426149999999</v>
      </c>
      <c r="AJ4700">
        <v>17620.949379999998</v>
      </c>
      <c r="AK4700">
        <v>37086.386680000003</v>
      </c>
      <c r="AL4700">
        <v>53912.258959999999</v>
      </c>
      <c r="AM4700">
        <v>19089.66661</v>
      </c>
      <c r="AN4700">
        <v>89629.135209999993</v>
      </c>
      <c r="AO4700">
        <v>23456.423839999999</v>
      </c>
      <c r="AP4700">
        <v>16395.233479999999</v>
      </c>
    </row>
    <row r="4701" spans="2:42" x14ac:dyDescent="0.3">
      <c r="B4701">
        <v>40.190469065919871</v>
      </c>
      <c r="C4701" s="83">
        <v>43296.791666666664</v>
      </c>
      <c r="D4701">
        <v>161248.48360000001</v>
      </c>
      <c r="E4701">
        <v>14474.82411</v>
      </c>
      <c r="F4701">
        <v>55389.86681</v>
      </c>
      <c r="G4701">
        <v>31126.512650000001</v>
      </c>
      <c r="H4701">
        <v>33350.892809999998</v>
      </c>
      <c r="I4701">
        <v>23269.582350000001</v>
      </c>
      <c r="J4701">
        <v>49705.770859999997</v>
      </c>
      <c r="K4701">
        <v>48756.036039999999</v>
      </c>
      <c r="L4701">
        <v>29639.74237</v>
      </c>
      <c r="M4701">
        <v>204909.75380000001</v>
      </c>
      <c r="N4701">
        <v>65580.989440000005</v>
      </c>
      <c r="O4701">
        <v>17319.608189999999</v>
      </c>
      <c r="P4701">
        <v>38775.840270000001</v>
      </c>
      <c r="Q4701">
        <v>54263.13263</v>
      </c>
      <c r="R4701">
        <v>18254.246340000002</v>
      </c>
      <c r="S4701">
        <v>87136.382039999997</v>
      </c>
      <c r="T4701">
        <v>22124.730009999999</v>
      </c>
      <c r="U4701">
        <v>16661.40425</v>
      </c>
      <c r="W4701" s="83">
        <f>Bühler!N4733</f>
        <v>45487.79166665527</v>
      </c>
      <c r="X4701" s="83">
        <v>43296.791666666664</v>
      </c>
      <c r="Y4701">
        <v>161248.48360000001</v>
      </c>
      <c r="Z4701">
        <v>14474.82411</v>
      </c>
      <c r="AA4701">
        <v>55389.86681</v>
      </c>
      <c r="AB4701">
        <v>31126.512650000001</v>
      </c>
      <c r="AC4701">
        <v>33350.892809999998</v>
      </c>
      <c r="AD4701">
        <v>23269.582350000001</v>
      </c>
      <c r="AE4701">
        <v>49705.770859999997</v>
      </c>
      <c r="AF4701">
        <v>48756.036039999999</v>
      </c>
      <c r="AG4701">
        <v>29639.74237</v>
      </c>
      <c r="AH4701">
        <v>204909.75380000001</v>
      </c>
      <c r="AI4701">
        <v>65580.989440000005</v>
      </c>
      <c r="AJ4701">
        <v>17319.608189999999</v>
      </c>
      <c r="AK4701">
        <v>38775.840270000001</v>
      </c>
      <c r="AL4701">
        <v>54263.13263</v>
      </c>
      <c r="AM4701">
        <v>18254.246340000002</v>
      </c>
      <c r="AN4701">
        <v>87136.382039999997</v>
      </c>
      <c r="AO4701">
        <v>22124.730009999999</v>
      </c>
      <c r="AP4701">
        <v>16661.40425</v>
      </c>
    </row>
    <row r="4702" spans="2:42" x14ac:dyDescent="0.3">
      <c r="B4702">
        <v>40.711099451994329</v>
      </c>
      <c r="C4702" s="83">
        <v>43296.833333333336</v>
      </c>
      <c r="D4702">
        <v>161587.7464</v>
      </c>
      <c r="E4702">
        <v>13294.131890000001</v>
      </c>
      <c r="F4702">
        <v>54421.002220000002</v>
      </c>
      <c r="G4702">
        <v>30569.387149999999</v>
      </c>
      <c r="H4702">
        <v>32959.567049999998</v>
      </c>
      <c r="I4702">
        <v>23205.723399999999</v>
      </c>
      <c r="J4702">
        <v>48524.726820000003</v>
      </c>
      <c r="K4702">
        <v>49342.749530000001</v>
      </c>
      <c r="L4702">
        <v>29454.37113</v>
      </c>
      <c r="M4702">
        <v>207564.1703</v>
      </c>
      <c r="N4702">
        <v>66343.326690000002</v>
      </c>
      <c r="O4702">
        <v>17355.702829999998</v>
      </c>
      <c r="P4702">
        <v>38147.217400000001</v>
      </c>
      <c r="Q4702">
        <v>54165.09678</v>
      </c>
      <c r="R4702">
        <v>18068.080529999999</v>
      </c>
      <c r="S4702">
        <v>81946.067980000007</v>
      </c>
      <c r="T4702">
        <v>19649.306929999999</v>
      </c>
      <c r="U4702">
        <v>17054.393080000002</v>
      </c>
      <c r="W4702" s="83">
        <f>Bühler!N4734</f>
        <v>45487.833333321934</v>
      </c>
      <c r="X4702" s="83">
        <v>43296.833333333336</v>
      </c>
      <c r="Y4702">
        <v>161587.7464</v>
      </c>
      <c r="Z4702">
        <v>13294.131890000001</v>
      </c>
      <c r="AA4702">
        <v>54421.002220000002</v>
      </c>
      <c r="AB4702">
        <v>30569.387149999999</v>
      </c>
      <c r="AC4702">
        <v>32959.567049999998</v>
      </c>
      <c r="AD4702">
        <v>23205.723399999999</v>
      </c>
      <c r="AE4702">
        <v>48524.726820000003</v>
      </c>
      <c r="AF4702">
        <v>49342.749530000001</v>
      </c>
      <c r="AG4702">
        <v>29454.37113</v>
      </c>
      <c r="AH4702">
        <v>207564.1703</v>
      </c>
      <c r="AI4702">
        <v>66343.326690000002</v>
      </c>
      <c r="AJ4702">
        <v>17355.702829999998</v>
      </c>
      <c r="AK4702">
        <v>38147.217400000001</v>
      </c>
      <c r="AL4702">
        <v>54165.09678</v>
      </c>
      <c r="AM4702">
        <v>18068.080529999999</v>
      </c>
      <c r="AN4702">
        <v>81946.067980000007</v>
      </c>
      <c r="AO4702">
        <v>19649.306929999999</v>
      </c>
      <c r="AP4702">
        <v>17054.393080000002</v>
      </c>
    </row>
    <row r="4703" spans="2:42" x14ac:dyDescent="0.3">
      <c r="B4703">
        <v>41.528058282481062</v>
      </c>
      <c r="C4703" s="83">
        <v>43296.875</v>
      </c>
      <c r="D4703">
        <v>162621.17980000001</v>
      </c>
      <c r="E4703">
        <v>12789.22991</v>
      </c>
      <c r="F4703">
        <v>53379.211519999997</v>
      </c>
      <c r="G4703">
        <v>30411.521799999999</v>
      </c>
      <c r="H4703">
        <v>33066.569750000002</v>
      </c>
      <c r="I4703">
        <v>23806.157950000001</v>
      </c>
      <c r="J4703">
        <v>46980.323669999998</v>
      </c>
      <c r="K4703">
        <v>50663.686860000002</v>
      </c>
      <c r="L4703">
        <v>28181.829600000001</v>
      </c>
      <c r="M4703">
        <v>211729.4074</v>
      </c>
      <c r="N4703">
        <v>67734.767489999998</v>
      </c>
      <c r="O4703">
        <v>17216.247480000002</v>
      </c>
      <c r="P4703">
        <v>36150.831279999999</v>
      </c>
      <c r="Q4703">
        <v>55251.449659999998</v>
      </c>
      <c r="R4703">
        <v>18289.480790000001</v>
      </c>
      <c r="S4703">
        <v>79775.23315</v>
      </c>
      <c r="T4703">
        <v>18995.529839999999</v>
      </c>
      <c r="U4703">
        <v>17307.170239999999</v>
      </c>
      <c r="W4703" s="83">
        <f>Bühler!N4735</f>
        <v>45487.874999988599</v>
      </c>
      <c r="X4703" s="83">
        <v>43296.875</v>
      </c>
      <c r="Y4703">
        <v>162621.17980000001</v>
      </c>
      <c r="Z4703">
        <v>12789.22991</v>
      </c>
      <c r="AA4703">
        <v>53379.211519999997</v>
      </c>
      <c r="AB4703">
        <v>30411.521799999999</v>
      </c>
      <c r="AC4703">
        <v>33066.569750000002</v>
      </c>
      <c r="AD4703">
        <v>23806.157950000001</v>
      </c>
      <c r="AE4703">
        <v>46980.323669999998</v>
      </c>
      <c r="AF4703">
        <v>50663.686860000002</v>
      </c>
      <c r="AG4703">
        <v>28181.829600000001</v>
      </c>
      <c r="AH4703">
        <v>211729.4074</v>
      </c>
      <c r="AI4703">
        <v>67734.767489999998</v>
      </c>
      <c r="AJ4703">
        <v>17216.247480000002</v>
      </c>
      <c r="AK4703">
        <v>36150.831279999999</v>
      </c>
      <c r="AL4703">
        <v>55251.449659999998</v>
      </c>
      <c r="AM4703">
        <v>18289.480790000001</v>
      </c>
      <c r="AN4703">
        <v>79775.23315</v>
      </c>
      <c r="AO4703">
        <v>18995.529839999999</v>
      </c>
      <c r="AP4703">
        <v>17307.170239999999</v>
      </c>
    </row>
    <row r="4704" spans="2:42" x14ac:dyDescent="0.3">
      <c r="B4704">
        <v>41.784981229921279</v>
      </c>
      <c r="C4704" s="83">
        <v>43296.916666666664</v>
      </c>
      <c r="D4704">
        <v>164364.53330000001</v>
      </c>
      <c r="E4704">
        <v>13120.69368</v>
      </c>
      <c r="F4704">
        <v>53467.296499999997</v>
      </c>
      <c r="G4704">
        <v>31066.618610000001</v>
      </c>
      <c r="H4704">
        <v>34326.225290000002</v>
      </c>
      <c r="I4704">
        <v>23547.799080000001</v>
      </c>
      <c r="J4704">
        <v>46949.966030000003</v>
      </c>
      <c r="K4704">
        <v>52349.071450000003</v>
      </c>
      <c r="L4704">
        <v>25732.87413</v>
      </c>
      <c r="M4704">
        <v>213039.3204</v>
      </c>
      <c r="N4704">
        <v>68400.250750000007</v>
      </c>
      <c r="O4704">
        <v>17144.768599999999</v>
      </c>
      <c r="P4704">
        <v>35763.840340000002</v>
      </c>
      <c r="Q4704">
        <v>56725.146950000002</v>
      </c>
      <c r="R4704">
        <v>19020.898010000001</v>
      </c>
      <c r="S4704">
        <v>79697.060270000002</v>
      </c>
      <c r="T4704">
        <v>19116.039359999999</v>
      </c>
      <c r="U4704">
        <v>18112.744989999999</v>
      </c>
      <c r="W4704" s="83">
        <f>Bühler!N4736</f>
        <v>45487.916666655263</v>
      </c>
      <c r="X4704" s="83">
        <v>43296.916666666664</v>
      </c>
      <c r="Y4704">
        <v>164364.53330000001</v>
      </c>
      <c r="Z4704">
        <v>13120.69368</v>
      </c>
      <c r="AA4704">
        <v>53467.296499999997</v>
      </c>
      <c r="AB4704">
        <v>31066.618610000001</v>
      </c>
      <c r="AC4704">
        <v>34326.225290000002</v>
      </c>
      <c r="AD4704">
        <v>23547.799080000001</v>
      </c>
      <c r="AE4704">
        <v>46949.966030000003</v>
      </c>
      <c r="AF4704">
        <v>52349.071450000003</v>
      </c>
      <c r="AG4704">
        <v>25732.87413</v>
      </c>
      <c r="AH4704">
        <v>213039.3204</v>
      </c>
      <c r="AI4704">
        <v>68400.250750000007</v>
      </c>
      <c r="AJ4704">
        <v>17144.768599999999</v>
      </c>
      <c r="AK4704">
        <v>35763.840340000002</v>
      </c>
      <c r="AL4704">
        <v>56725.146950000002</v>
      </c>
      <c r="AM4704">
        <v>19020.898010000001</v>
      </c>
      <c r="AN4704">
        <v>79697.060270000002</v>
      </c>
      <c r="AO4704">
        <v>19116.039359999999</v>
      </c>
      <c r="AP4704">
        <v>18112.744989999999</v>
      </c>
    </row>
    <row r="4705" spans="2:42" x14ac:dyDescent="0.3">
      <c r="B4705">
        <v>41.564615373868762</v>
      </c>
      <c r="C4705" s="83">
        <v>43296.958333333336</v>
      </c>
      <c r="D4705">
        <v>164661.3492</v>
      </c>
      <c r="E4705">
        <v>12694.9576</v>
      </c>
      <c r="F4705">
        <v>53024.196640000002</v>
      </c>
      <c r="G4705">
        <v>31819.637930000001</v>
      </c>
      <c r="H4705">
        <v>34149.881999999998</v>
      </c>
      <c r="I4705">
        <v>23139.8842</v>
      </c>
      <c r="J4705">
        <v>42630.566769999998</v>
      </c>
      <c r="K4705">
        <v>52439.777300000002</v>
      </c>
      <c r="L4705">
        <v>22219.556339999999</v>
      </c>
      <c r="M4705">
        <v>211915.79250000001</v>
      </c>
      <c r="N4705">
        <v>68160.037070000006</v>
      </c>
      <c r="O4705">
        <v>17198.931990000001</v>
      </c>
      <c r="P4705">
        <v>31778.476900000001</v>
      </c>
      <c r="Q4705">
        <v>57849.337099999997</v>
      </c>
      <c r="R4705">
        <v>19875.748159999999</v>
      </c>
      <c r="S4705">
        <v>77519.768410000004</v>
      </c>
      <c r="T4705">
        <v>18308.283060000002</v>
      </c>
      <c r="U4705">
        <v>17950.742730000002</v>
      </c>
      <c r="W4705" s="83">
        <f>Bühler!N4737</f>
        <v>45487.958333321927</v>
      </c>
      <c r="X4705" s="83">
        <v>43296.958333333336</v>
      </c>
      <c r="Y4705">
        <v>164661.3492</v>
      </c>
      <c r="Z4705">
        <v>12694.9576</v>
      </c>
      <c r="AA4705">
        <v>53024.196640000002</v>
      </c>
      <c r="AB4705">
        <v>31819.637930000001</v>
      </c>
      <c r="AC4705">
        <v>34149.881999999998</v>
      </c>
      <c r="AD4705">
        <v>23139.8842</v>
      </c>
      <c r="AE4705">
        <v>42630.566769999998</v>
      </c>
      <c r="AF4705">
        <v>52439.777300000002</v>
      </c>
      <c r="AG4705">
        <v>22219.556339999999</v>
      </c>
      <c r="AH4705">
        <v>211915.79250000001</v>
      </c>
      <c r="AI4705">
        <v>68160.037070000006</v>
      </c>
      <c r="AJ4705">
        <v>17198.931990000001</v>
      </c>
      <c r="AK4705">
        <v>31778.476900000001</v>
      </c>
      <c r="AL4705">
        <v>57849.337099999997</v>
      </c>
      <c r="AM4705">
        <v>19875.748159999999</v>
      </c>
      <c r="AN4705">
        <v>77519.768410000004</v>
      </c>
      <c r="AO4705">
        <v>18308.283060000002</v>
      </c>
      <c r="AP4705">
        <v>17950.742730000002</v>
      </c>
    </row>
    <row r="4706" spans="2:42" x14ac:dyDescent="0.3">
      <c r="B4706">
        <v>41.625318961818955</v>
      </c>
      <c r="C4706" s="83">
        <v>43297</v>
      </c>
      <c r="D4706">
        <v>165252.5472</v>
      </c>
      <c r="E4706">
        <v>12550.555679999999</v>
      </c>
      <c r="F4706">
        <v>52298.048779999997</v>
      </c>
      <c r="G4706">
        <v>31378.61825</v>
      </c>
      <c r="H4706">
        <v>33816.308810000002</v>
      </c>
      <c r="I4706">
        <v>22639.955989999999</v>
      </c>
      <c r="J4706">
        <v>38776.571629999999</v>
      </c>
      <c r="K4706">
        <v>51009.783190000002</v>
      </c>
      <c r="L4706">
        <v>19745.596509999999</v>
      </c>
      <c r="M4706">
        <v>212225.28769999999</v>
      </c>
      <c r="N4706">
        <v>67662.443660000004</v>
      </c>
      <c r="O4706">
        <v>17019.23891</v>
      </c>
      <c r="P4706">
        <v>29087.33599</v>
      </c>
      <c r="Q4706">
        <v>60778.338219999998</v>
      </c>
      <c r="R4706">
        <v>16256.90206</v>
      </c>
      <c r="S4706">
        <v>75952.795830000003</v>
      </c>
      <c r="T4706">
        <v>17860.40626</v>
      </c>
      <c r="U4706">
        <v>17824.568510000001</v>
      </c>
      <c r="W4706" s="83">
        <f>Bühler!N4738</f>
        <v>45487.999999988591</v>
      </c>
      <c r="X4706" s="83">
        <v>43297</v>
      </c>
      <c r="Y4706">
        <v>165252.5472</v>
      </c>
      <c r="Z4706">
        <v>12550.555679999999</v>
      </c>
      <c r="AA4706">
        <v>52298.048779999997</v>
      </c>
      <c r="AB4706">
        <v>31378.61825</v>
      </c>
      <c r="AC4706">
        <v>33816.308810000002</v>
      </c>
      <c r="AD4706">
        <v>22639.955989999999</v>
      </c>
      <c r="AE4706">
        <v>38776.571629999999</v>
      </c>
      <c r="AF4706">
        <v>51009.783190000002</v>
      </c>
      <c r="AG4706">
        <v>19745.596509999999</v>
      </c>
      <c r="AH4706">
        <v>212225.28769999999</v>
      </c>
      <c r="AI4706">
        <v>67662.443660000004</v>
      </c>
      <c r="AJ4706">
        <v>17019.23891</v>
      </c>
      <c r="AK4706">
        <v>29087.33599</v>
      </c>
      <c r="AL4706">
        <v>60778.338219999998</v>
      </c>
      <c r="AM4706">
        <v>16256.90206</v>
      </c>
      <c r="AN4706">
        <v>75952.795830000003</v>
      </c>
      <c r="AO4706">
        <v>17860.40626</v>
      </c>
      <c r="AP4706">
        <v>17824.568510000001</v>
      </c>
    </row>
    <row r="4707" spans="2:42" x14ac:dyDescent="0.3">
      <c r="B4707">
        <v>42.165591117257655</v>
      </c>
      <c r="C4707" s="83">
        <v>43297.041666666664</v>
      </c>
      <c r="D4707">
        <v>165026.58009999999</v>
      </c>
      <c r="E4707">
        <v>12270.43922</v>
      </c>
      <c r="F4707">
        <v>52017.751259999997</v>
      </c>
      <c r="G4707">
        <v>30820.008239999999</v>
      </c>
      <c r="H4707">
        <v>33408.574939999999</v>
      </c>
      <c r="I4707">
        <v>18587.7199</v>
      </c>
      <c r="J4707">
        <v>36367.553979999997</v>
      </c>
      <c r="K4707">
        <v>47923.511429999999</v>
      </c>
      <c r="L4707">
        <v>18493.82519</v>
      </c>
      <c r="M4707">
        <v>214979.84710000001</v>
      </c>
      <c r="N4707">
        <v>66659.954110000006</v>
      </c>
      <c r="O4707">
        <v>17411.766360000001</v>
      </c>
      <c r="P4707">
        <v>27442.142179999999</v>
      </c>
      <c r="Q4707">
        <v>63116.797140000002</v>
      </c>
      <c r="R4707">
        <v>14005.78</v>
      </c>
      <c r="S4707">
        <v>74845.413950000002</v>
      </c>
      <c r="T4707">
        <v>17585.790010000001</v>
      </c>
      <c r="U4707">
        <v>17715.377990000001</v>
      </c>
      <c r="W4707" s="83">
        <f>Bühler!N4739</f>
        <v>45488.041666655256</v>
      </c>
      <c r="X4707" s="83">
        <v>43297.041666666664</v>
      </c>
      <c r="Y4707">
        <v>165026.58009999999</v>
      </c>
      <c r="Z4707">
        <v>12270.43922</v>
      </c>
      <c r="AA4707">
        <v>52017.751259999997</v>
      </c>
      <c r="AB4707">
        <v>30820.008239999999</v>
      </c>
      <c r="AC4707">
        <v>33408.574939999999</v>
      </c>
      <c r="AD4707">
        <v>18587.7199</v>
      </c>
      <c r="AE4707">
        <v>36367.553979999997</v>
      </c>
      <c r="AF4707">
        <v>47923.511429999999</v>
      </c>
      <c r="AG4707">
        <v>18493.82519</v>
      </c>
      <c r="AH4707">
        <v>214979.84710000001</v>
      </c>
      <c r="AI4707">
        <v>66659.954110000006</v>
      </c>
      <c r="AJ4707">
        <v>17411.766360000001</v>
      </c>
      <c r="AK4707">
        <v>27442.142179999999</v>
      </c>
      <c r="AL4707">
        <v>63116.797140000002</v>
      </c>
      <c r="AM4707">
        <v>14005.78</v>
      </c>
      <c r="AN4707">
        <v>74845.413950000002</v>
      </c>
      <c r="AO4707">
        <v>17585.790010000001</v>
      </c>
      <c r="AP4707">
        <v>17715.377990000001</v>
      </c>
    </row>
    <row r="4708" spans="2:42" x14ac:dyDescent="0.3">
      <c r="B4708">
        <v>42.9192087430879</v>
      </c>
      <c r="C4708" s="83">
        <v>43297.083333333336</v>
      </c>
      <c r="D4708">
        <v>166670.13870000001</v>
      </c>
      <c r="E4708">
        <v>12102.60995</v>
      </c>
      <c r="F4708">
        <v>53509.984049999999</v>
      </c>
      <c r="G4708">
        <v>30005.40538</v>
      </c>
      <c r="H4708">
        <v>33317.735079999999</v>
      </c>
      <c r="I4708">
        <v>16794.950959999998</v>
      </c>
      <c r="J4708">
        <v>35976.620260000003</v>
      </c>
      <c r="K4708">
        <v>46385.016889999999</v>
      </c>
      <c r="L4708">
        <v>17117.461660000001</v>
      </c>
      <c r="M4708">
        <v>218822.14120000001</v>
      </c>
      <c r="N4708">
        <v>67183.722309999997</v>
      </c>
      <c r="O4708">
        <v>17252.577140000001</v>
      </c>
      <c r="P4708">
        <v>26073.252710000001</v>
      </c>
      <c r="Q4708">
        <v>65676.736109999998</v>
      </c>
      <c r="R4708">
        <v>14445.28082</v>
      </c>
      <c r="S4708">
        <v>73650.189429999999</v>
      </c>
      <c r="T4708">
        <v>17123.008030000001</v>
      </c>
      <c r="U4708">
        <v>17337.823280000001</v>
      </c>
      <c r="W4708" s="83">
        <f>Bühler!N4740</f>
        <v>45488.08333332192</v>
      </c>
      <c r="X4708" s="83">
        <v>43297.083333333336</v>
      </c>
      <c r="Y4708">
        <v>166670.13870000001</v>
      </c>
      <c r="Z4708">
        <v>12102.60995</v>
      </c>
      <c r="AA4708">
        <v>53509.984049999999</v>
      </c>
      <c r="AB4708">
        <v>30005.40538</v>
      </c>
      <c r="AC4708">
        <v>33317.735079999999</v>
      </c>
      <c r="AD4708">
        <v>16794.950959999998</v>
      </c>
      <c r="AE4708">
        <v>35976.620260000003</v>
      </c>
      <c r="AF4708">
        <v>46385.016889999999</v>
      </c>
      <c r="AG4708">
        <v>17117.461660000001</v>
      </c>
      <c r="AH4708">
        <v>218822.14120000001</v>
      </c>
      <c r="AI4708">
        <v>67183.722309999997</v>
      </c>
      <c r="AJ4708">
        <v>17252.577140000001</v>
      </c>
      <c r="AK4708">
        <v>26073.252710000001</v>
      </c>
      <c r="AL4708">
        <v>65676.736109999998</v>
      </c>
      <c r="AM4708">
        <v>14445.28082</v>
      </c>
      <c r="AN4708">
        <v>73650.189429999999</v>
      </c>
      <c r="AO4708">
        <v>17123.008030000001</v>
      </c>
      <c r="AP4708">
        <v>17337.823280000001</v>
      </c>
    </row>
    <row r="4709" spans="2:42" x14ac:dyDescent="0.3">
      <c r="B4709">
        <v>44.041079442308025</v>
      </c>
      <c r="C4709" s="83">
        <v>43297.125</v>
      </c>
      <c r="D4709">
        <v>167009.09469999999</v>
      </c>
      <c r="E4709">
        <v>12159.961670000001</v>
      </c>
      <c r="F4709">
        <v>55305.588920000002</v>
      </c>
      <c r="G4709">
        <v>29123.875609999999</v>
      </c>
      <c r="H4709">
        <v>33452.13437</v>
      </c>
      <c r="I4709">
        <v>16563.165079999999</v>
      </c>
      <c r="J4709">
        <v>35944.058940000003</v>
      </c>
      <c r="K4709">
        <v>45639.835639999998</v>
      </c>
      <c r="L4709">
        <v>16708.866259999999</v>
      </c>
      <c r="M4709">
        <v>224541.96119999999</v>
      </c>
      <c r="N4709">
        <v>66857.747359999994</v>
      </c>
      <c r="O4709">
        <v>16563.101739999998</v>
      </c>
      <c r="P4709">
        <v>25034.01325</v>
      </c>
      <c r="Q4709">
        <v>69721.722410000002</v>
      </c>
      <c r="R4709">
        <v>14526.589309999999</v>
      </c>
      <c r="S4709">
        <v>72966.585210000005</v>
      </c>
      <c r="T4709">
        <v>17078.19211</v>
      </c>
      <c r="U4709">
        <v>17221.917249999999</v>
      </c>
      <c r="W4709" s="83">
        <f>Bühler!N4741</f>
        <v>45488.124999988584</v>
      </c>
      <c r="X4709" s="83">
        <v>43297.125</v>
      </c>
      <c r="Y4709">
        <v>167009.09469999999</v>
      </c>
      <c r="Z4709">
        <v>12159.961670000001</v>
      </c>
      <c r="AA4709">
        <v>55305.588920000002</v>
      </c>
      <c r="AB4709">
        <v>29123.875609999999</v>
      </c>
      <c r="AC4709">
        <v>33452.13437</v>
      </c>
      <c r="AD4709">
        <v>16563.165079999999</v>
      </c>
      <c r="AE4709">
        <v>35944.058940000003</v>
      </c>
      <c r="AF4709">
        <v>45639.835639999998</v>
      </c>
      <c r="AG4709">
        <v>16708.866259999999</v>
      </c>
      <c r="AH4709">
        <v>224541.96119999999</v>
      </c>
      <c r="AI4709">
        <v>66857.747359999994</v>
      </c>
      <c r="AJ4709">
        <v>16563.101739999998</v>
      </c>
      <c r="AK4709">
        <v>25034.01325</v>
      </c>
      <c r="AL4709">
        <v>69721.722410000002</v>
      </c>
      <c r="AM4709">
        <v>14526.589309999999</v>
      </c>
      <c r="AN4709">
        <v>72966.585210000005</v>
      </c>
      <c r="AO4709">
        <v>17078.19211</v>
      </c>
      <c r="AP4709">
        <v>17221.917249999999</v>
      </c>
    </row>
    <row r="4710" spans="2:42" x14ac:dyDescent="0.3">
      <c r="B4710">
        <v>47.45047015593439</v>
      </c>
      <c r="C4710" s="83">
        <v>43297.166666666664</v>
      </c>
      <c r="D4710">
        <v>171399.9417</v>
      </c>
      <c r="E4710">
        <v>12804.975899999999</v>
      </c>
      <c r="F4710">
        <v>59225.504159999997</v>
      </c>
      <c r="G4710">
        <v>28772.999370000001</v>
      </c>
      <c r="H4710">
        <v>33963.613270000002</v>
      </c>
      <c r="I4710">
        <v>17724.436249999999</v>
      </c>
      <c r="J4710">
        <v>38058.266159999999</v>
      </c>
      <c r="K4710">
        <v>44716.236620000003</v>
      </c>
      <c r="L4710">
        <v>16481.105769999998</v>
      </c>
      <c r="M4710">
        <v>241924.625</v>
      </c>
      <c r="N4710">
        <v>67820.997239999997</v>
      </c>
      <c r="O4710">
        <v>17249.904350000001</v>
      </c>
      <c r="P4710">
        <v>25105.55299</v>
      </c>
      <c r="Q4710">
        <v>75413.221560000005</v>
      </c>
      <c r="R4710">
        <v>14390.25491</v>
      </c>
      <c r="S4710">
        <v>72848.812539999999</v>
      </c>
      <c r="T4710">
        <v>17178.32503</v>
      </c>
      <c r="U4710">
        <v>18035.6453</v>
      </c>
      <c r="W4710" s="83">
        <f>Bühler!N4742</f>
        <v>45488.166666655248</v>
      </c>
      <c r="X4710" s="83">
        <v>43297.166666666664</v>
      </c>
      <c r="Y4710">
        <v>171399.9417</v>
      </c>
      <c r="Z4710">
        <v>12804.975899999999</v>
      </c>
      <c r="AA4710">
        <v>59225.504159999997</v>
      </c>
      <c r="AB4710">
        <v>28772.999370000001</v>
      </c>
      <c r="AC4710">
        <v>33963.613270000002</v>
      </c>
      <c r="AD4710">
        <v>17724.436249999999</v>
      </c>
      <c r="AE4710">
        <v>38058.266159999999</v>
      </c>
      <c r="AF4710">
        <v>44716.236620000003</v>
      </c>
      <c r="AG4710">
        <v>16481.105769999998</v>
      </c>
      <c r="AH4710">
        <v>241924.625</v>
      </c>
      <c r="AI4710">
        <v>67820.997239999997</v>
      </c>
      <c r="AJ4710">
        <v>17249.904350000001</v>
      </c>
      <c r="AK4710">
        <v>25105.55299</v>
      </c>
      <c r="AL4710">
        <v>75413.221560000005</v>
      </c>
      <c r="AM4710">
        <v>14390.25491</v>
      </c>
      <c r="AN4710">
        <v>72848.812539999999</v>
      </c>
      <c r="AO4710">
        <v>17178.32503</v>
      </c>
      <c r="AP4710">
        <v>18035.6453</v>
      </c>
    </row>
    <row r="4711" spans="2:42" x14ac:dyDescent="0.3">
      <c r="B4711">
        <v>52.45218745475227</v>
      </c>
      <c r="C4711" s="83">
        <v>43297.208333333336</v>
      </c>
      <c r="D4711">
        <v>188159.8848</v>
      </c>
      <c r="E4711">
        <v>14338.639230000001</v>
      </c>
      <c r="F4711">
        <v>69037.713000000003</v>
      </c>
      <c r="G4711">
        <v>29660.505120000002</v>
      </c>
      <c r="H4711">
        <v>35169.727319999998</v>
      </c>
      <c r="I4711">
        <v>23296.363939999999</v>
      </c>
      <c r="J4711">
        <v>41417.961280000003</v>
      </c>
      <c r="K4711">
        <v>46775.44268</v>
      </c>
      <c r="L4711">
        <v>17489.29448</v>
      </c>
      <c r="M4711">
        <v>267425.71230000001</v>
      </c>
      <c r="N4711">
        <v>68345.148740000004</v>
      </c>
      <c r="O4711">
        <v>18347.865389999999</v>
      </c>
      <c r="P4711">
        <v>26308.17914</v>
      </c>
      <c r="Q4711">
        <v>78595.018559999997</v>
      </c>
      <c r="R4711">
        <v>16794.482810000001</v>
      </c>
      <c r="S4711">
        <v>75312.566789999997</v>
      </c>
      <c r="T4711">
        <v>18482.669730000001</v>
      </c>
      <c r="U4711">
        <v>19274.54189</v>
      </c>
      <c r="W4711" s="83">
        <f>Bühler!N4743</f>
        <v>45488.208333321913</v>
      </c>
      <c r="X4711" s="83">
        <v>43297.208333333336</v>
      </c>
      <c r="Y4711">
        <v>188159.8848</v>
      </c>
      <c r="Z4711">
        <v>14338.639230000001</v>
      </c>
      <c r="AA4711">
        <v>69037.713000000003</v>
      </c>
      <c r="AB4711">
        <v>29660.505120000002</v>
      </c>
      <c r="AC4711">
        <v>35169.727319999998</v>
      </c>
      <c r="AD4711">
        <v>23296.363939999999</v>
      </c>
      <c r="AE4711">
        <v>41417.961280000003</v>
      </c>
      <c r="AF4711">
        <v>46775.44268</v>
      </c>
      <c r="AG4711">
        <v>17489.29448</v>
      </c>
      <c r="AH4711">
        <v>267425.71230000001</v>
      </c>
      <c r="AI4711">
        <v>68345.148740000004</v>
      </c>
      <c r="AJ4711">
        <v>18347.865389999999</v>
      </c>
      <c r="AK4711">
        <v>26308.17914</v>
      </c>
      <c r="AL4711">
        <v>78595.018559999997</v>
      </c>
      <c r="AM4711">
        <v>16794.482810000001</v>
      </c>
      <c r="AN4711">
        <v>75312.566789999997</v>
      </c>
      <c r="AO4711">
        <v>18482.669730000001</v>
      </c>
      <c r="AP4711">
        <v>19274.54189</v>
      </c>
    </row>
    <row r="4712" spans="2:42" x14ac:dyDescent="0.3">
      <c r="B4712">
        <v>56.863293421056184</v>
      </c>
      <c r="C4712" s="83">
        <v>43297.25</v>
      </c>
      <c r="D4712">
        <v>201837.0569</v>
      </c>
      <c r="E4712">
        <v>17504.287199999999</v>
      </c>
      <c r="F4712">
        <v>80472.14529</v>
      </c>
      <c r="G4712">
        <v>31810.638129999999</v>
      </c>
      <c r="H4712">
        <v>36086.302759999999</v>
      </c>
      <c r="I4712">
        <v>26813.024450000001</v>
      </c>
      <c r="J4712">
        <v>43829.601210000001</v>
      </c>
      <c r="K4712">
        <v>47759.177349999998</v>
      </c>
      <c r="L4712">
        <v>18561.16329</v>
      </c>
      <c r="M4712">
        <v>289915.58760000003</v>
      </c>
      <c r="N4712">
        <v>71575.721879999997</v>
      </c>
      <c r="O4712">
        <v>19874.88668</v>
      </c>
      <c r="P4712">
        <v>26826.675220000001</v>
      </c>
      <c r="Q4712">
        <v>81443.637919999994</v>
      </c>
      <c r="R4712">
        <v>15783.024450000001</v>
      </c>
      <c r="S4712">
        <v>82078.772750000004</v>
      </c>
      <c r="T4712">
        <v>20071.995159999999</v>
      </c>
      <c r="U4712">
        <v>20128.60727</v>
      </c>
      <c r="W4712" s="83">
        <f>Bühler!N4744</f>
        <v>45488.249999988577</v>
      </c>
      <c r="X4712" s="83">
        <v>43297.25</v>
      </c>
      <c r="Y4712">
        <v>201837.0569</v>
      </c>
      <c r="Z4712">
        <v>17504.287199999999</v>
      </c>
      <c r="AA4712">
        <v>80472.14529</v>
      </c>
      <c r="AB4712">
        <v>31810.638129999999</v>
      </c>
      <c r="AC4712">
        <v>36086.302759999999</v>
      </c>
      <c r="AD4712">
        <v>26813.024450000001</v>
      </c>
      <c r="AE4712">
        <v>43829.601210000001</v>
      </c>
      <c r="AF4712">
        <v>47759.177349999998</v>
      </c>
      <c r="AG4712">
        <v>18561.16329</v>
      </c>
      <c r="AH4712">
        <v>289915.58760000003</v>
      </c>
      <c r="AI4712">
        <v>71575.721879999997</v>
      </c>
      <c r="AJ4712">
        <v>19874.88668</v>
      </c>
      <c r="AK4712">
        <v>26826.675220000001</v>
      </c>
      <c r="AL4712">
        <v>81443.637919999994</v>
      </c>
      <c r="AM4712">
        <v>15783.024450000001</v>
      </c>
      <c r="AN4712">
        <v>82078.772750000004</v>
      </c>
      <c r="AO4712">
        <v>20071.995159999999</v>
      </c>
      <c r="AP4712">
        <v>20128.60727</v>
      </c>
    </row>
    <row r="4713" spans="2:42" x14ac:dyDescent="0.3">
      <c r="B4713">
        <v>60.180838220913039</v>
      </c>
      <c r="C4713" s="83">
        <v>43297.291666666664</v>
      </c>
      <c r="D4713">
        <v>212453.45600000001</v>
      </c>
      <c r="E4713">
        <v>21413.67628</v>
      </c>
      <c r="F4713">
        <v>84726.169779999997</v>
      </c>
      <c r="G4713">
        <v>35591.30601</v>
      </c>
      <c r="H4713">
        <v>39522.702160000001</v>
      </c>
      <c r="I4713">
        <v>30291.0553</v>
      </c>
      <c r="J4713">
        <v>45588.867660000004</v>
      </c>
      <c r="K4713">
        <v>52085.081129999999</v>
      </c>
      <c r="L4713">
        <v>21092.99267</v>
      </c>
      <c r="M4713">
        <v>306829.97810000001</v>
      </c>
      <c r="N4713">
        <v>74762.564549999996</v>
      </c>
      <c r="O4713">
        <v>21575.69022</v>
      </c>
      <c r="P4713">
        <v>30519.587660000001</v>
      </c>
      <c r="Q4713">
        <v>82191.902589999998</v>
      </c>
      <c r="R4713">
        <v>17504.703219999999</v>
      </c>
      <c r="S4713">
        <v>94898.604930000001</v>
      </c>
      <c r="T4713">
        <v>22306.88061</v>
      </c>
      <c r="U4713">
        <v>22339.976360000001</v>
      </c>
      <c r="W4713" s="83">
        <f>Bühler!N4745</f>
        <v>45488.291666655241</v>
      </c>
      <c r="X4713" s="83">
        <v>43297.291666666664</v>
      </c>
      <c r="Y4713">
        <v>212453.45600000001</v>
      </c>
      <c r="Z4713">
        <v>21413.67628</v>
      </c>
      <c r="AA4713">
        <v>84726.169779999997</v>
      </c>
      <c r="AB4713">
        <v>35591.30601</v>
      </c>
      <c r="AC4713">
        <v>39522.702160000001</v>
      </c>
      <c r="AD4713">
        <v>30291.0553</v>
      </c>
      <c r="AE4713">
        <v>45588.867660000004</v>
      </c>
      <c r="AF4713">
        <v>52085.081129999999</v>
      </c>
      <c r="AG4713">
        <v>21092.99267</v>
      </c>
      <c r="AH4713">
        <v>306829.97810000001</v>
      </c>
      <c r="AI4713">
        <v>74762.564549999996</v>
      </c>
      <c r="AJ4713">
        <v>21575.69022</v>
      </c>
      <c r="AK4713">
        <v>30519.587660000001</v>
      </c>
      <c r="AL4713">
        <v>82191.902589999998</v>
      </c>
      <c r="AM4713">
        <v>17504.703219999999</v>
      </c>
      <c r="AN4713">
        <v>94898.604930000001</v>
      </c>
      <c r="AO4713">
        <v>22306.88061</v>
      </c>
      <c r="AP4713">
        <v>22339.976360000001</v>
      </c>
    </row>
    <row r="4714" spans="2:42" x14ac:dyDescent="0.3">
      <c r="B4714">
        <v>61.920231188367332</v>
      </c>
      <c r="C4714" s="83">
        <v>43297.333333333336</v>
      </c>
      <c r="D4714">
        <v>221677.7757</v>
      </c>
      <c r="E4714">
        <v>26603.313259999999</v>
      </c>
      <c r="F4714">
        <v>90893.269490000006</v>
      </c>
      <c r="G4714">
        <v>40085.268250000001</v>
      </c>
      <c r="H4714">
        <v>43659.58872</v>
      </c>
      <c r="I4714">
        <v>33489.56955</v>
      </c>
      <c r="J4714">
        <v>48643.781560000003</v>
      </c>
      <c r="K4714">
        <v>56868.12098</v>
      </c>
      <c r="L4714">
        <v>25388.80401</v>
      </c>
      <c r="M4714">
        <v>315698.21460000001</v>
      </c>
      <c r="N4714">
        <v>79625.956730000005</v>
      </c>
      <c r="O4714">
        <v>23369.03772</v>
      </c>
      <c r="P4714">
        <v>33429.229879999999</v>
      </c>
      <c r="Q4714">
        <v>84035.245209999994</v>
      </c>
      <c r="R4714">
        <v>21301.07085</v>
      </c>
      <c r="S4714">
        <v>105783.9267</v>
      </c>
      <c r="T4714">
        <v>24589.130399999998</v>
      </c>
      <c r="U4714">
        <v>25012.58842</v>
      </c>
      <c r="W4714" s="83">
        <f>Bühler!N4746</f>
        <v>45488.333333321905</v>
      </c>
      <c r="X4714" s="83">
        <v>43297.333333333336</v>
      </c>
      <c r="Y4714">
        <v>221677.7757</v>
      </c>
      <c r="Z4714">
        <v>26603.313259999999</v>
      </c>
      <c r="AA4714">
        <v>90893.269490000006</v>
      </c>
      <c r="AB4714">
        <v>40085.268250000001</v>
      </c>
      <c r="AC4714">
        <v>43659.58872</v>
      </c>
      <c r="AD4714">
        <v>33489.56955</v>
      </c>
      <c r="AE4714">
        <v>48643.781560000003</v>
      </c>
      <c r="AF4714">
        <v>56868.12098</v>
      </c>
      <c r="AG4714">
        <v>25388.80401</v>
      </c>
      <c r="AH4714">
        <v>315698.21460000001</v>
      </c>
      <c r="AI4714">
        <v>79625.956730000005</v>
      </c>
      <c r="AJ4714">
        <v>23369.03772</v>
      </c>
      <c r="AK4714">
        <v>33429.229879999999</v>
      </c>
      <c r="AL4714">
        <v>84035.245209999994</v>
      </c>
      <c r="AM4714">
        <v>21301.07085</v>
      </c>
      <c r="AN4714">
        <v>105783.9267</v>
      </c>
      <c r="AO4714">
        <v>24589.130399999998</v>
      </c>
      <c r="AP4714">
        <v>25012.58842</v>
      </c>
    </row>
    <row r="4715" spans="2:42" x14ac:dyDescent="0.3">
      <c r="B4715">
        <v>62.390111626781895</v>
      </c>
      <c r="C4715" s="83">
        <v>43297.375</v>
      </c>
      <c r="D4715">
        <v>225329.72409999999</v>
      </c>
      <c r="E4715">
        <v>31182.845649999999</v>
      </c>
      <c r="F4715">
        <v>99442.051560000007</v>
      </c>
      <c r="G4715">
        <v>43977.349419999999</v>
      </c>
      <c r="H4715">
        <v>46405.173510000001</v>
      </c>
      <c r="I4715">
        <v>33871.314960000003</v>
      </c>
      <c r="J4715">
        <v>51506.412490000002</v>
      </c>
      <c r="K4715">
        <v>59696.928160000003</v>
      </c>
      <c r="L4715">
        <v>28927.241409999999</v>
      </c>
      <c r="M4715">
        <v>318093.88419999997</v>
      </c>
      <c r="N4715">
        <v>86150.910109999997</v>
      </c>
      <c r="O4715">
        <v>24856.344980000002</v>
      </c>
      <c r="P4715">
        <v>37480.128219999999</v>
      </c>
      <c r="Q4715">
        <v>85383.859299999996</v>
      </c>
      <c r="R4715">
        <v>22326.10483</v>
      </c>
      <c r="S4715">
        <v>112569.04700000001</v>
      </c>
      <c r="T4715">
        <v>27013.219840000002</v>
      </c>
      <c r="U4715">
        <v>25781.43634</v>
      </c>
      <c r="W4715" s="83">
        <f>Bühler!N4747</f>
        <v>45488.374999988569</v>
      </c>
      <c r="X4715" s="83">
        <v>43297.375</v>
      </c>
      <c r="Y4715">
        <v>225329.72409999999</v>
      </c>
      <c r="Z4715">
        <v>31182.845649999999</v>
      </c>
      <c r="AA4715">
        <v>99442.051560000007</v>
      </c>
      <c r="AB4715">
        <v>43977.349419999999</v>
      </c>
      <c r="AC4715">
        <v>46405.173510000001</v>
      </c>
      <c r="AD4715">
        <v>33871.314960000003</v>
      </c>
      <c r="AE4715">
        <v>51506.412490000002</v>
      </c>
      <c r="AF4715">
        <v>59696.928160000003</v>
      </c>
      <c r="AG4715">
        <v>28927.241409999999</v>
      </c>
      <c r="AH4715">
        <v>318093.88419999997</v>
      </c>
      <c r="AI4715">
        <v>86150.910109999997</v>
      </c>
      <c r="AJ4715">
        <v>24856.344980000002</v>
      </c>
      <c r="AK4715">
        <v>37480.128219999999</v>
      </c>
      <c r="AL4715">
        <v>85383.859299999996</v>
      </c>
      <c r="AM4715">
        <v>22326.10483</v>
      </c>
      <c r="AN4715">
        <v>112569.04700000001</v>
      </c>
      <c r="AO4715">
        <v>27013.219840000002</v>
      </c>
      <c r="AP4715">
        <v>25781.43634</v>
      </c>
    </row>
    <row r="4716" spans="2:42" x14ac:dyDescent="0.3">
      <c r="B4716">
        <v>64.207884752738281</v>
      </c>
      <c r="C4716" s="83">
        <v>43297.416666666664</v>
      </c>
      <c r="D4716">
        <v>227735.89970000001</v>
      </c>
      <c r="E4716">
        <v>33268.186320000001</v>
      </c>
      <c r="F4716">
        <v>102049.5817</v>
      </c>
      <c r="G4716">
        <v>45670.792119999998</v>
      </c>
      <c r="H4716">
        <v>47491.106740000003</v>
      </c>
      <c r="I4716">
        <v>34088.973160000001</v>
      </c>
      <c r="J4716">
        <v>52501.131699999998</v>
      </c>
      <c r="K4716">
        <v>62555.316129999999</v>
      </c>
      <c r="L4716">
        <v>33290.499000000003</v>
      </c>
      <c r="M4716">
        <v>327361.73930000002</v>
      </c>
      <c r="N4716">
        <v>88877.261780000001</v>
      </c>
      <c r="O4716">
        <v>24735.946629999999</v>
      </c>
      <c r="P4716">
        <v>38198.251499999998</v>
      </c>
      <c r="Q4716">
        <v>88242.644289999997</v>
      </c>
      <c r="R4716">
        <v>23511.484619999999</v>
      </c>
      <c r="S4716">
        <v>115538.1771</v>
      </c>
      <c r="T4716">
        <v>29466.225009999998</v>
      </c>
      <c r="U4716">
        <v>25704.061460000001</v>
      </c>
      <c r="W4716" s="83">
        <f>Bühler!N4748</f>
        <v>45488.416666655234</v>
      </c>
      <c r="X4716" s="83">
        <v>43297.416666666664</v>
      </c>
      <c r="Y4716">
        <v>227735.89970000001</v>
      </c>
      <c r="Z4716">
        <v>33268.186320000001</v>
      </c>
      <c r="AA4716">
        <v>102049.5817</v>
      </c>
      <c r="AB4716">
        <v>45670.792119999998</v>
      </c>
      <c r="AC4716">
        <v>47491.106740000003</v>
      </c>
      <c r="AD4716">
        <v>34088.973160000001</v>
      </c>
      <c r="AE4716">
        <v>52501.131699999998</v>
      </c>
      <c r="AF4716">
        <v>62555.316129999999</v>
      </c>
      <c r="AG4716">
        <v>33290.499000000003</v>
      </c>
      <c r="AH4716">
        <v>327361.73930000002</v>
      </c>
      <c r="AI4716">
        <v>88877.261780000001</v>
      </c>
      <c r="AJ4716">
        <v>24735.946629999999</v>
      </c>
      <c r="AK4716">
        <v>38198.251499999998</v>
      </c>
      <c r="AL4716">
        <v>88242.644289999997</v>
      </c>
      <c r="AM4716">
        <v>23511.484619999999</v>
      </c>
      <c r="AN4716">
        <v>115538.1771</v>
      </c>
      <c r="AO4716">
        <v>29466.225009999998</v>
      </c>
      <c r="AP4716">
        <v>25704.061460000001</v>
      </c>
    </row>
    <row r="4717" spans="2:42" x14ac:dyDescent="0.3">
      <c r="B4717">
        <v>64.842952709028452</v>
      </c>
      <c r="C4717" s="83">
        <v>43297.458333333336</v>
      </c>
      <c r="D4717">
        <v>227619.70910000001</v>
      </c>
      <c r="E4717">
        <v>33659.834260000003</v>
      </c>
      <c r="F4717">
        <v>103908.5096</v>
      </c>
      <c r="G4717">
        <v>45437.315459999998</v>
      </c>
      <c r="H4717">
        <v>47557.762620000001</v>
      </c>
      <c r="I4717">
        <v>34259.876900000003</v>
      </c>
      <c r="J4717">
        <v>53314.156239999997</v>
      </c>
      <c r="K4717">
        <v>62291.77579</v>
      </c>
      <c r="L4717">
        <v>35158.351060000001</v>
      </c>
      <c r="M4717">
        <v>330599.61190000002</v>
      </c>
      <c r="N4717">
        <v>91273.950620000003</v>
      </c>
      <c r="O4717">
        <v>25066.930680000001</v>
      </c>
      <c r="P4717">
        <v>37649.972229999999</v>
      </c>
      <c r="Q4717">
        <v>88004.128060000003</v>
      </c>
      <c r="R4717">
        <v>26284.878919999999</v>
      </c>
      <c r="S4717">
        <v>117892.2408</v>
      </c>
      <c r="T4717">
        <v>30217.37787</v>
      </c>
      <c r="U4717">
        <v>26365.253530000002</v>
      </c>
      <c r="W4717" s="83">
        <f>Bühler!N4749</f>
        <v>45488.458333321898</v>
      </c>
      <c r="X4717" s="83">
        <v>43297.458333333336</v>
      </c>
      <c r="Y4717">
        <v>227619.70910000001</v>
      </c>
      <c r="Z4717">
        <v>33659.834260000003</v>
      </c>
      <c r="AA4717">
        <v>103908.5096</v>
      </c>
      <c r="AB4717">
        <v>45437.315459999998</v>
      </c>
      <c r="AC4717">
        <v>47557.762620000001</v>
      </c>
      <c r="AD4717">
        <v>34259.876900000003</v>
      </c>
      <c r="AE4717">
        <v>53314.156239999997</v>
      </c>
      <c r="AF4717">
        <v>62291.77579</v>
      </c>
      <c r="AG4717">
        <v>35158.351060000001</v>
      </c>
      <c r="AH4717">
        <v>330599.61190000002</v>
      </c>
      <c r="AI4717">
        <v>91273.950620000003</v>
      </c>
      <c r="AJ4717">
        <v>25066.930680000001</v>
      </c>
      <c r="AK4717">
        <v>37649.972229999999</v>
      </c>
      <c r="AL4717">
        <v>88004.128060000003</v>
      </c>
      <c r="AM4717">
        <v>26284.878919999999</v>
      </c>
      <c r="AN4717">
        <v>117892.2408</v>
      </c>
      <c r="AO4717">
        <v>30217.37787</v>
      </c>
      <c r="AP4717">
        <v>26365.253530000002</v>
      </c>
    </row>
    <row r="4718" spans="2:42" x14ac:dyDescent="0.3">
      <c r="B4718">
        <v>63.88238510466892</v>
      </c>
      <c r="C4718" s="83">
        <v>43297.5</v>
      </c>
      <c r="D4718">
        <v>221248.64550000001</v>
      </c>
      <c r="E4718">
        <v>31405.31005</v>
      </c>
      <c r="F4718">
        <v>97846.880340000003</v>
      </c>
      <c r="G4718">
        <v>44180.310169999997</v>
      </c>
      <c r="H4718">
        <v>46269.141620000002</v>
      </c>
      <c r="I4718">
        <v>33259.353569999999</v>
      </c>
      <c r="J4718">
        <v>54125.350440000002</v>
      </c>
      <c r="K4718">
        <v>60748.745199999998</v>
      </c>
      <c r="L4718">
        <v>37550.660380000001</v>
      </c>
      <c r="M4718">
        <v>325702.19030000002</v>
      </c>
      <c r="N4718">
        <v>89917.573959999994</v>
      </c>
      <c r="O4718">
        <v>24531.054629999999</v>
      </c>
      <c r="P4718">
        <v>38447.961600000002</v>
      </c>
      <c r="Q4718">
        <v>88486.857489999995</v>
      </c>
      <c r="R4718">
        <v>25854.873970000001</v>
      </c>
      <c r="S4718">
        <v>113541.6879</v>
      </c>
      <c r="T4718">
        <v>28882.530129999999</v>
      </c>
      <c r="U4718">
        <v>23364.050889999999</v>
      </c>
      <c r="W4718" s="83">
        <f>Bühler!N4750</f>
        <v>45488.499999988562</v>
      </c>
      <c r="X4718" s="83">
        <v>43297.5</v>
      </c>
      <c r="Y4718">
        <v>221248.64550000001</v>
      </c>
      <c r="Z4718">
        <v>31405.31005</v>
      </c>
      <c r="AA4718">
        <v>97846.880340000003</v>
      </c>
      <c r="AB4718">
        <v>44180.310169999997</v>
      </c>
      <c r="AC4718">
        <v>46269.141620000002</v>
      </c>
      <c r="AD4718">
        <v>33259.353569999999</v>
      </c>
      <c r="AE4718">
        <v>54125.350440000002</v>
      </c>
      <c r="AF4718">
        <v>60748.745199999998</v>
      </c>
      <c r="AG4718">
        <v>37550.660380000001</v>
      </c>
      <c r="AH4718">
        <v>325702.19030000002</v>
      </c>
      <c r="AI4718">
        <v>89917.573959999994</v>
      </c>
      <c r="AJ4718">
        <v>24531.054629999999</v>
      </c>
      <c r="AK4718">
        <v>38447.961600000002</v>
      </c>
      <c r="AL4718">
        <v>88486.857489999995</v>
      </c>
      <c r="AM4718">
        <v>25854.873970000001</v>
      </c>
      <c r="AN4718">
        <v>113541.6879</v>
      </c>
      <c r="AO4718">
        <v>28882.530129999999</v>
      </c>
      <c r="AP4718">
        <v>23364.050889999999</v>
      </c>
    </row>
    <row r="4719" spans="2:42" x14ac:dyDescent="0.3">
      <c r="B4719">
        <v>63.947835688750246</v>
      </c>
      <c r="C4719" s="83">
        <v>43297.541666666664</v>
      </c>
      <c r="D4719">
        <v>222943.78700000001</v>
      </c>
      <c r="E4719">
        <v>31672.47453</v>
      </c>
      <c r="F4719">
        <v>95123.192370000004</v>
      </c>
      <c r="G4719">
        <v>44824.174899999998</v>
      </c>
      <c r="H4719">
        <v>47202.36247</v>
      </c>
      <c r="I4719">
        <v>33850.104919999998</v>
      </c>
      <c r="J4719">
        <v>53386.250930000002</v>
      </c>
      <c r="K4719">
        <v>63083.114520000003</v>
      </c>
      <c r="L4719">
        <v>36703.82589</v>
      </c>
      <c r="M4719">
        <v>326035.88789999997</v>
      </c>
      <c r="N4719">
        <v>90523.912339999995</v>
      </c>
      <c r="O4719">
        <v>25030.757269999998</v>
      </c>
      <c r="P4719">
        <v>38467.432370000002</v>
      </c>
      <c r="Q4719">
        <v>87334.808860000005</v>
      </c>
      <c r="R4719">
        <v>25591.157889999999</v>
      </c>
      <c r="S4719">
        <v>113750.6305</v>
      </c>
      <c r="T4719">
        <v>29719.38652</v>
      </c>
      <c r="U4719">
        <v>24939.6626</v>
      </c>
      <c r="W4719" s="83">
        <f>Bühler!N4751</f>
        <v>45488.541666655226</v>
      </c>
      <c r="X4719" s="83">
        <v>43297.541666666664</v>
      </c>
      <c r="Y4719">
        <v>222943.78700000001</v>
      </c>
      <c r="Z4719">
        <v>31672.47453</v>
      </c>
      <c r="AA4719">
        <v>95123.192370000004</v>
      </c>
      <c r="AB4719">
        <v>44824.174899999998</v>
      </c>
      <c r="AC4719">
        <v>47202.36247</v>
      </c>
      <c r="AD4719">
        <v>33850.104919999998</v>
      </c>
      <c r="AE4719">
        <v>53386.250930000002</v>
      </c>
      <c r="AF4719">
        <v>63083.114520000003</v>
      </c>
      <c r="AG4719">
        <v>36703.82589</v>
      </c>
      <c r="AH4719">
        <v>326035.88789999997</v>
      </c>
      <c r="AI4719">
        <v>90523.912339999995</v>
      </c>
      <c r="AJ4719">
        <v>25030.757269999998</v>
      </c>
      <c r="AK4719">
        <v>38467.432370000002</v>
      </c>
      <c r="AL4719">
        <v>87334.808860000005</v>
      </c>
      <c r="AM4719">
        <v>25591.157889999999</v>
      </c>
      <c r="AN4719">
        <v>113750.6305</v>
      </c>
      <c r="AO4719">
        <v>29719.38652</v>
      </c>
      <c r="AP4719">
        <v>24939.6626</v>
      </c>
    </row>
    <row r="4720" spans="2:42" x14ac:dyDescent="0.3">
      <c r="B4720">
        <v>65.094412856847782</v>
      </c>
      <c r="C4720" s="83">
        <v>43297.583333333336</v>
      </c>
      <c r="D4720">
        <v>226792.57130000001</v>
      </c>
      <c r="E4720">
        <v>34655.127780000003</v>
      </c>
      <c r="F4720">
        <v>103859.5548</v>
      </c>
      <c r="G4720">
        <v>44403.634590000001</v>
      </c>
      <c r="H4720">
        <v>47521.563869999998</v>
      </c>
      <c r="I4720">
        <v>34983.913419999997</v>
      </c>
      <c r="J4720">
        <v>52752.309630000003</v>
      </c>
      <c r="K4720">
        <v>63193.49106</v>
      </c>
      <c r="L4720">
        <v>33913.223380000003</v>
      </c>
      <c r="M4720">
        <v>331881.67300000001</v>
      </c>
      <c r="N4720">
        <v>91618.272630000007</v>
      </c>
      <c r="O4720">
        <v>25467.196209999998</v>
      </c>
      <c r="P4720">
        <v>35050.433989999998</v>
      </c>
      <c r="Q4720">
        <v>87454.323069999999</v>
      </c>
      <c r="R4720">
        <v>25579.050329999998</v>
      </c>
      <c r="S4720">
        <v>110288.6838</v>
      </c>
      <c r="T4720">
        <v>29293.177380000001</v>
      </c>
      <c r="U4720">
        <v>25620.763989999999</v>
      </c>
      <c r="W4720" s="83">
        <f>Bühler!N4752</f>
        <v>45488.583333321891</v>
      </c>
      <c r="X4720" s="83">
        <v>43297.583333333336</v>
      </c>
      <c r="Y4720">
        <v>226792.57130000001</v>
      </c>
      <c r="Z4720">
        <v>34655.127780000003</v>
      </c>
      <c r="AA4720">
        <v>103859.5548</v>
      </c>
      <c r="AB4720">
        <v>44403.634590000001</v>
      </c>
      <c r="AC4720">
        <v>47521.563869999998</v>
      </c>
      <c r="AD4720">
        <v>34983.913419999997</v>
      </c>
      <c r="AE4720">
        <v>52752.309630000003</v>
      </c>
      <c r="AF4720">
        <v>63193.49106</v>
      </c>
      <c r="AG4720">
        <v>33913.223380000003</v>
      </c>
      <c r="AH4720">
        <v>331881.67300000001</v>
      </c>
      <c r="AI4720">
        <v>91618.272630000007</v>
      </c>
      <c r="AJ4720">
        <v>25467.196209999998</v>
      </c>
      <c r="AK4720">
        <v>35050.433989999998</v>
      </c>
      <c r="AL4720">
        <v>87454.323069999999</v>
      </c>
      <c r="AM4720">
        <v>25579.050329999998</v>
      </c>
      <c r="AN4720">
        <v>110288.6838</v>
      </c>
      <c r="AO4720">
        <v>29293.177380000001</v>
      </c>
      <c r="AP4720">
        <v>25620.763989999999</v>
      </c>
    </row>
    <row r="4721" spans="2:42" x14ac:dyDescent="0.3">
      <c r="B4721">
        <v>65.234906968597713</v>
      </c>
      <c r="C4721" s="83">
        <v>43297.625</v>
      </c>
      <c r="D4721">
        <v>225531.3872</v>
      </c>
      <c r="E4721">
        <v>34856.145120000001</v>
      </c>
      <c r="F4721">
        <v>106324.9246</v>
      </c>
      <c r="G4721">
        <v>44098.667249999999</v>
      </c>
      <c r="H4721">
        <v>47102.593739999997</v>
      </c>
      <c r="I4721">
        <v>34686.304649999998</v>
      </c>
      <c r="J4721">
        <v>52704.843560000001</v>
      </c>
      <c r="K4721">
        <v>62699.119460000002</v>
      </c>
      <c r="L4721">
        <v>31876.232629999999</v>
      </c>
      <c r="M4721">
        <v>332597.97749999998</v>
      </c>
      <c r="N4721">
        <v>90298.802920000002</v>
      </c>
      <c r="O4721">
        <v>25724.006109999998</v>
      </c>
      <c r="P4721">
        <v>32770.457690000003</v>
      </c>
      <c r="Q4721">
        <v>86916.580950000003</v>
      </c>
      <c r="R4721">
        <v>24854.7153</v>
      </c>
      <c r="S4721">
        <v>108476.853</v>
      </c>
      <c r="T4721">
        <v>28694.131949999999</v>
      </c>
      <c r="U4721">
        <v>25382.622070000001</v>
      </c>
      <c r="W4721" s="83">
        <f>Bühler!N4753</f>
        <v>45488.624999988555</v>
      </c>
      <c r="X4721" s="83">
        <v>43297.625</v>
      </c>
      <c r="Y4721">
        <v>225531.3872</v>
      </c>
      <c r="Z4721">
        <v>34856.145120000001</v>
      </c>
      <c r="AA4721">
        <v>106324.9246</v>
      </c>
      <c r="AB4721">
        <v>44098.667249999999</v>
      </c>
      <c r="AC4721">
        <v>47102.593739999997</v>
      </c>
      <c r="AD4721">
        <v>34686.304649999998</v>
      </c>
      <c r="AE4721">
        <v>52704.843560000001</v>
      </c>
      <c r="AF4721">
        <v>62699.119460000002</v>
      </c>
      <c r="AG4721">
        <v>31876.232629999999</v>
      </c>
      <c r="AH4721">
        <v>332597.97749999998</v>
      </c>
      <c r="AI4721">
        <v>90298.802920000002</v>
      </c>
      <c r="AJ4721">
        <v>25724.006109999998</v>
      </c>
      <c r="AK4721">
        <v>32770.457690000003</v>
      </c>
      <c r="AL4721">
        <v>86916.580950000003</v>
      </c>
      <c r="AM4721">
        <v>24854.7153</v>
      </c>
      <c r="AN4721">
        <v>108476.853</v>
      </c>
      <c r="AO4721">
        <v>28694.131949999999</v>
      </c>
      <c r="AP4721">
        <v>25382.622070000001</v>
      </c>
    </row>
    <row r="4722" spans="2:42" x14ac:dyDescent="0.3">
      <c r="B4722">
        <v>64.310391539082886</v>
      </c>
      <c r="C4722" s="83">
        <v>43297.666666666664</v>
      </c>
      <c r="D4722">
        <v>220780.2763</v>
      </c>
      <c r="E4722">
        <v>34276.879350000003</v>
      </c>
      <c r="F4722">
        <v>105689.7874</v>
      </c>
      <c r="G4722">
        <v>43196.794170000001</v>
      </c>
      <c r="H4722">
        <v>45588.58365</v>
      </c>
      <c r="I4722">
        <v>34466.116829999999</v>
      </c>
      <c r="J4722">
        <v>51072.059820000002</v>
      </c>
      <c r="K4722">
        <v>59131.956919999997</v>
      </c>
      <c r="L4722">
        <v>30739.105879999999</v>
      </c>
      <c r="M4722">
        <v>327884.36670000001</v>
      </c>
      <c r="N4722">
        <v>87955.280769999998</v>
      </c>
      <c r="O4722">
        <v>25123.474129999999</v>
      </c>
      <c r="P4722">
        <v>32709.56063</v>
      </c>
      <c r="Q4722">
        <v>86524.104089999993</v>
      </c>
      <c r="R4722">
        <v>25204.900119999998</v>
      </c>
      <c r="S4722">
        <v>106392.6344</v>
      </c>
      <c r="T4722">
        <v>28335.54651</v>
      </c>
      <c r="U4722">
        <v>23972.17193</v>
      </c>
      <c r="W4722" s="83">
        <f>Bühler!N4754</f>
        <v>45488.666666655219</v>
      </c>
      <c r="X4722" s="83">
        <v>43297.666666666664</v>
      </c>
      <c r="Y4722">
        <v>220780.2763</v>
      </c>
      <c r="Z4722">
        <v>34276.879350000003</v>
      </c>
      <c r="AA4722">
        <v>105689.7874</v>
      </c>
      <c r="AB4722">
        <v>43196.794170000001</v>
      </c>
      <c r="AC4722">
        <v>45588.58365</v>
      </c>
      <c r="AD4722">
        <v>34466.116829999999</v>
      </c>
      <c r="AE4722">
        <v>51072.059820000002</v>
      </c>
      <c r="AF4722">
        <v>59131.956919999997</v>
      </c>
      <c r="AG4722">
        <v>30739.105879999999</v>
      </c>
      <c r="AH4722">
        <v>327884.36670000001</v>
      </c>
      <c r="AI4722">
        <v>87955.280769999998</v>
      </c>
      <c r="AJ4722">
        <v>25123.474129999999</v>
      </c>
      <c r="AK4722">
        <v>32709.56063</v>
      </c>
      <c r="AL4722">
        <v>86524.104089999993</v>
      </c>
      <c r="AM4722">
        <v>25204.900119999998</v>
      </c>
      <c r="AN4722">
        <v>106392.6344</v>
      </c>
      <c r="AO4722">
        <v>28335.54651</v>
      </c>
      <c r="AP4722">
        <v>23972.17193</v>
      </c>
    </row>
    <row r="4723" spans="2:42" x14ac:dyDescent="0.3">
      <c r="B4723">
        <v>62.913552073576405</v>
      </c>
      <c r="C4723" s="83">
        <v>43297.708333333336</v>
      </c>
      <c r="D4723">
        <v>213737.92910000001</v>
      </c>
      <c r="E4723">
        <v>32370.116839999999</v>
      </c>
      <c r="F4723">
        <v>104886.67539999999</v>
      </c>
      <c r="G4723">
        <v>40324.85959</v>
      </c>
      <c r="H4723">
        <v>44137.622259999996</v>
      </c>
      <c r="I4723">
        <v>33467.279629999997</v>
      </c>
      <c r="J4723">
        <v>51484.988669999999</v>
      </c>
      <c r="K4723">
        <v>55335.207069999997</v>
      </c>
      <c r="L4723">
        <v>31675.287079999998</v>
      </c>
      <c r="M4723">
        <v>320762.62770000001</v>
      </c>
      <c r="N4723">
        <v>85816.431710000004</v>
      </c>
      <c r="O4723">
        <v>24276.428830000001</v>
      </c>
      <c r="P4723">
        <v>35026.181550000001</v>
      </c>
      <c r="Q4723">
        <v>84651.470499999996</v>
      </c>
      <c r="R4723">
        <v>25652.61879</v>
      </c>
      <c r="S4723">
        <v>104054.37089999999</v>
      </c>
      <c r="T4723">
        <v>27458.085070000001</v>
      </c>
      <c r="U4723">
        <v>22376.207409999999</v>
      </c>
      <c r="W4723" s="83">
        <f>Bühler!N4755</f>
        <v>45488.708333321883</v>
      </c>
      <c r="X4723" s="83">
        <v>43297.708333333336</v>
      </c>
      <c r="Y4723">
        <v>213737.92910000001</v>
      </c>
      <c r="Z4723">
        <v>32370.116839999999</v>
      </c>
      <c r="AA4723">
        <v>104886.67539999999</v>
      </c>
      <c r="AB4723">
        <v>40324.85959</v>
      </c>
      <c r="AC4723">
        <v>44137.622259999996</v>
      </c>
      <c r="AD4723">
        <v>33467.279629999997</v>
      </c>
      <c r="AE4723">
        <v>51484.988669999999</v>
      </c>
      <c r="AF4723">
        <v>55335.207069999997</v>
      </c>
      <c r="AG4723">
        <v>31675.287079999998</v>
      </c>
      <c r="AH4723">
        <v>320762.62770000001</v>
      </c>
      <c r="AI4723">
        <v>85816.431710000004</v>
      </c>
      <c r="AJ4723">
        <v>24276.428830000001</v>
      </c>
      <c r="AK4723">
        <v>35026.181550000001</v>
      </c>
      <c r="AL4723">
        <v>84651.470499999996</v>
      </c>
      <c r="AM4723">
        <v>25652.61879</v>
      </c>
      <c r="AN4723">
        <v>104054.37089999999</v>
      </c>
      <c r="AO4723">
        <v>27458.085070000001</v>
      </c>
      <c r="AP4723">
        <v>22376.207409999999</v>
      </c>
    </row>
    <row r="4724" spans="2:42" x14ac:dyDescent="0.3">
      <c r="B4724">
        <v>61.491807589289067</v>
      </c>
      <c r="C4724" s="83">
        <v>43297.75</v>
      </c>
      <c r="D4724">
        <v>209580.8444</v>
      </c>
      <c r="E4724">
        <v>29531.773949999999</v>
      </c>
      <c r="F4724">
        <v>103638.50169999999</v>
      </c>
      <c r="G4724">
        <v>37540.028120000003</v>
      </c>
      <c r="H4724">
        <v>42620.762790000001</v>
      </c>
      <c r="I4724">
        <v>33102.201000000001</v>
      </c>
      <c r="J4724">
        <v>51766.025540000002</v>
      </c>
      <c r="K4724">
        <v>54458.145089999998</v>
      </c>
      <c r="L4724">
        <v>32029.01571</v>
      </c>
      <c r="M4724">
        <v>313513.91129999998</v>
      </c>
      <c r="N4724">
        <v>85225.682910000003</v>
      </c>
      <c r="O4724">
        <v>22015.97379</v>
      </c>
      <c r="P4724">
        <v>37902.407299999999</v>
      </c>
      <c r="Q4724">
        <v>83149.742679999996</v>
      </c>
      <c r="R4724">
        <v>24007.17138</v>
      </c>
      <c r="S4724">
        <v>97834.961320000002</v>
      </c>
      <c r="T4724">
        <v>27351.774669999999</v>
      </c>
      <c r="U4724">
        <v>20942.98213</v>
      </c>
      <c r="W4724" s="83">
        <f>Bühler!N4756</f>
        <v>45488.749999988548</v>
      </c>
      <c r="X4724" s="83">
        <v>43297.75</v>
      </c>
      <c r="Y4724">
        <v>209580.8444</v>
      </c>
      <c r="Z4724">
        <v>29531.773949999999</v>
      </c>
      <c r="AA4724">
        <v>103638.50169999999</v>
      </c>
      <c r="AB4724">
        <v>37540.028120000003</v>
      </c>
      <c r="AC4724">
        <v>42620.762790000001</v>
      </c>
      <c r="AD4724">
        <v>33102.201000000001</v>
      </c>
      <c r="AE4724">
        <v>51766.025540000002</v>
      </c>
      <c r="AF4724">
        <v>54458.145089999998</v>
      </c>
      <c r="AG4724">
        <v>32029.01571</v>
      </c>
      <c r="AH4724">
        <v>313513.91129999998</v>
      </c>
      <c r="AI4724">
        <v>85225.682910000003</v>
      </c>
      <c r="AJ4724">
        <v>22015.97379</v>
      </c>
      <c r="AK4724">
        <v>37902.407299999999</v>
      </c>
      <c r="AL4724">
        <v>83149.742679999996</v>
      </c>
      <c r="AM4724">
        <v>24007.17138</v>
      </c>
      <c r="AN4724">
        <v>97834.961320000002</v>
      </c>
      <c r="AO4724">
        <v>27351.774669999999</v>
      </c>
      <c r="AP4724">
        <v>20942.98213</v>
      </c>
    </row>
    <row r="4725" spans="2:42" x14ac:dyDescent="0.3">
      <c r="B4725">
        <v>60.115826710045063</v>
      </c>
      <c r="C4725" s="83">
        <v>43297.791666666664</v>
      </c>
      <c r="D4725">
        <v>204277.17989999999</v>
      </c>
      <c r="E4725">
        <v>24372.552790000002</v>
      </c>
      <c r="F4725">
        <v>92222.237609999996</v>
      </c>
      <c r="G4725">
        <v>35677.761120000003</v>
      </c>
      <c r="H4725">
        <v>40458.820729999999</v>
      </c>
      <c r="I4725">
        <v>31594.52017</v>
      </c>
      <c r="J4725">
        <v>51391.286269999997</v>
      </c>
      <c r="K4725">
        <v>55009.82703</v>
      </c>
      <c r="L4725">
        <v>31925.578420000002</v>
      </c>
      <c r="M4725">
        <v>306498.51909999998</v>
      </c>
      <c r="N4725">
        <v>82843.853740000006</v>
      </c>
      <c r="O4725">
        <v>21314.763989999999</v>
      </c>
      <c r="P4725">
        <v>40400.655639999997</v>
      </c>
      <c r="Q4725">
        <v>81044.759600000005</v>
      </c>
      <c r="R4725">
        <v>23011.63118</v>
      </c>
      <c r="S4725">
        <v>93386.759049999993</v>
      </c>
      <c r="T4725">
        <v>27210.931280000001</v>
      </c>
      <c r="U4725">
        <v>20237.398509999999</v>
      </c>
      <c r="W4725" s="83">
        <f>Bühler!N4757</f>
        <v>45488.791666655212</v>
      </c>
      <c r="X4725" s="83">
        <v>43297.791666666664</v>
      </c>
      <c r="Y4725">
        <v>204277.17989999999</v>
      </c>
      <c r="Z4725">
        <v>24372.552790000002</v>
      </c>
      <c r="AA4725">
        <v>92222.237609999996</v>
      </c>
      <c r="AB4725">
        <v>35677.761120000003</v>
      </c>
      <c r="AC4725">
        <v>40458.820729999999</v>
      </c>
      <c r="AD4725">
        <v>31594.52017</v>
      </c>
      <c r="AE4725">
        <v>51391.286269999997</v>
      </c>
      <c r="AF4725">
        <v>55009.82703</v>
      </c>
      <c r="AG4725">
        <v>31925.578420000002</v>
      </c>
      <c r="AH4725">
        <v>306498.51909999998</v>
      </c>
      <c r="AI4725">
        <v>82843.853740000006</v>
      </c>
      <c r="AJ4725">
        <v>21314.763989999999</v>
      </c>
      <c r="AK4725">
        <v>40400.655639999997</v>
      </c>
      <c r="AL4725">
        <v>81044.759600000005</v>
      </c>
      <c r="AM4725">
        <v>23011.63118</v>
      </c>
      <c r="AN4725">
        <v>93386.759049999993</v>
      </c>
      <c r="AO4725">
        <v>27210.931280000001</v>
      </c>
      <c r="AP4725">
        <v>20237.398509999999</v>
      </c>
    </row>
    <row r="4726" spans="2:42" x14ac:dyDescent="0.3">
      <c r="B4726">
        <v>57.871604480736167</v>
      </c>
      <c r="C4726" s="83">
        <v>43297.833333333336</v>
      </c>
      <c r="D4726">
        <v>198653.0962</v>
      </c>
      <c r="E4726">
        <v>17531.258720000002</v>
      </c>
      <c r="F4726">
        <v>75764.299710000007</v>
      </c>
      <c r="G4726">
        <v>34152.815909999998</v>
      </c>
      <c r="H4726">
        <v>37736.015299999999</v>
      </c>
      <c r="I4726">
        <v>28823.157159999999</v>
      </c>
      <c r="J4726">
        <v>50147.58541</v>
      </c>
      <c r="K4726">
        <v>54227.911970000001</v>
      </c>
      <c r="L4726">
        <v>31471.318650000001</v>
      </c>
      <c r="M4726">
        <v>295056.4276</v>
      </c>
      <c r="N4726">
        <v>80638.905650000001</v>
      </c>
      <c r="O4726">
        <v>19541.60541</v>
      </c>
      <c r="P4726">
        <v>39798.157489999998</v>
      </c>
      <c r="Q4726">
        <v>77373.028829999996</v>
      </c>
      <c r="R4726">
        <v>21492.709350000001</v>
      </c>
      <c r="S4726">
        <v>85752.945290000003</v>
      </c>
      <c r="T4726">
        <v>25187.343359999999</v>
      </c>
      <c r="U4726">
        <v>19492.886439999998</v>
      </c>
      <c r="W4726" s="83">
        <f>Bühler!N4758</f>
        <v>45488.833333321876</v>
      </c>
      <c r="X4726" s="83">
        <v>43297.833333333336</v>
      </c>
      <c r="Y4726">
        <v>198653.0962</v>
      </c>
      <c r="Z4726">
        <v>17531.258720000002</v>
      </c>
      <c r="AA4726">
        <v>75764.299710000007</v>
      </c>
      <c r="AB4726">
        <v>34152.815909999998</v>
      </c>
      <c r="AC4726">
        <v>37736.015299999999</v>
      </c>
      <c r="AD4726">
        <v>28823.157159999999</v>
      </c>
      <c r="AE4726">
        <v>50147.58541</v>
      </c>
      <c r="AF4726">
        <v>54227.911970000001</v>
      </c>
      <c r="AG4726">
        <v>31471.318650000001</v>
      </c>
      <c r="AH4726">
        <v>295056.4276</v>
      </c>
      <c r="AI4726">
        <v>80638.905650000001</v>
      </c>
      <c r="AJ4726">
        <v>19541.60541</v>
      </c>
      <c r="AK4726">
        <v>39798.157489999998</v>
      </c>
      <c r="AL4726">
        <v>77373.028829999996</v>
      </c>
      <c r="AM4726">
        <v>21492.709350000001</v>
      </c>
      <c r="AN4726">
        <v>85752.945290000003</v>
      </c>
      <c r="AO4726">
        <v>25187.343359999999</v>
      </c>
      <c r="AP4726">
        <v>19492.886439999998</v>
      </c>
    </row>
    <row r="4727" spans="2:42" x14ac:dyDescent="0.3">
      <c r="B4727">
        <v>55.950579834676965</v>
      </c>
      <c r="C4727" s="83">
        <v>43297.875</v>
      </c>
      <c r="D4727">
        <v>191948.43400000001</v>
      </c>
      <c r="E4727">
        <v>15075.116819999999</v>
      </c>
      <c r="F4727">
        <v>65654.264850000007</v>
      </c>
      <c r="G4727">
        <v>32707.152610000001</v>
      </c>
      <c r="H4727">
        <v>35802.1751</v>
      </c>
      <c r="I4727">
        <v>27572.701840000002</v>
      </c>
      <c r="J4727">
        <v>49189.9499</v>
      </c>
      <c r="K4727">
        <v>54318.846290000001</v>
      </c>
      <c r="L4727">
        <v>30037.803070000002</v>
      </c>
      <c r="M4727">
        <v>285262.14809999999</v>
      </c>
      <c r="N4727">
        <v>78001.845730000001</v>
      </c>
      <c r="O4727">
        <v>18489.543989999998</v>
      </c>
      <c r="P4727">
        <v>38364.827510000003</v>
      </c>
      <c r="Q4727">
        <v>75331.418699999995</v>
      </c>
      <c r="R4727">
        <v>20287.654999999999</v>
      </c>
      <c r="S4727">
        <v>81832.391390000004</v>
      </c>
      <c r="T4727">
        <v>23585.280429999999</v>
      </c>
      <c r="U4727">
        <v>18728.904989999999</v>
      </c>
      <c r="W4727" s="83">
        <f>Bühler!N4759</f>
        <v>45488.87499998854</v>
      </c>
      <c r="X4727" s="83">
        <v>43297.875</v>
      </c>
      <c r="Y4727">
        <v>191948.43400000001</v>
      </c>
      <c r="Z4727">
        <v>15075.116819999999</v>
      </c>
      <c r="AA4727">
        <v>65654.264850000007</v>
      </c>
      <c r="AB4727">
        <v>32707.152610000001</v>
      </c>
      <c r="AC4727">
        <v>35802.1751</v>
      </c>
      <c r="AD4727">
        <v>27572.701840000002</v>
      </c>
      <c r="AE4727">
        <v>49189.9499</v>
      </c>
      <c r="AF4727">
        <v>54318.846290000001</v>
      </c>
      <c r="AG4727">
        <v>30037.803070000002</v>
      </c>
      <c r="AH4727">
        <v>285262.14809999999</v>
      </c>
      <c r="AI4727">
        <v>78001.845730000001</v>
      </c>
      <c r="AJ4727">
        <v>18489.543989999998</v>
      </c>
      <c r="AK4727">
        <v>38364.827510000003</v>
      </c>
      <c r="AL4727">
        <v>75331.418699999995</v>
      </c>
      <c r="AM4727">
        <v>20287.654999999999</v>
      </c>
      <c r="AN4727">
        <v>81832.391390000004</v>
      </c>
      <c r="AO4727">
        <v>23585.280429999999</v>
      </c>
      <c r="AP4727">
        <v>18728.904989999999</v>
      </c>
    </row>
    <row r="4728" spans="2:42" x14ac:dyDescent="0.3">
      <c r="B4728">
        <v>55.618543613103981</v>
      </c>
      <c r="C4728" s="83">
        <v>43297.916666666664</v>
      </c>
      <c r="D4728">
        <v>191412.20970000001</v>
      </c>
      <c r="E4728">
        <v>14431.34917</v>
      </c>
      <c r="F4728">
        <v>62258.181879999996</v>
      </c>
      <c r="G4728">
        <v>33121.754240000002</v>
      </c>
      <c r="H4728">
        <v>36901.136019999998</v>
      </c>
      <c r="I4728">
        <v>26524.378939999999</v>
      </c>
      <c r="J4728">
        <v>48552.923269999999</v>
      </c>
      <c r="K4728">
        <v>56854.022270000001</v>
      </c>
      <c r="L4728">
        <v>27315.871159999999</v>
      </c>
      <c r="M4728">
        <v>283569.27260000003</v>
      </c>
      <c r="N4728">
        <v>77457.784660000005</v>
      </c>
      <c r="O4728">
        <v>18103.635139999999</v>
      </c>
      <c r="P4728">
        <v>39380.050170000002</v>
      </c>
      <c r="Q4728">
        <v>73868.345839999994</v>
      </c>
      <c r="R4728">
        <v>21128.81437</v>
      </c>
      <c r="S4728">
        <v>81528.375549999997</v>
      </c>
      <c r="T4728">
        <v>20846.23949</v>
      </c>
      <c r="U4728">
        <v>19407.53585</v>
      </c>
      <c r="W4728" s="83">
        <f>Bühler!N4760</f>
        <v>45488.916666655205</v>
      </c>
      <c r="X4728" s="83">
        <v>43297.916666666664</v>
      </c>
      <c r="Y4728">
        <v>191412.20970000001</v>
      </c>
      <c r="Z4728">
        <v>14431.34917</v>
      </c>
      <c r="AA4728">
        <v>62258.181879999996</v>
      </c>
      <c r="AB4728">
        <v>33121.754240000002</v>
      </c>
      <c r="AC4728">
        <v>36901.136019999998</v>
      </c>
      <c r="AD4728">
        <v>26524.378939999999</v>
      </c>
      <c r="AE4728">
        <v>48552.923269999999</v>
      </c>
      <c r="AF4728">
        <v>56854.022270000001</v>
      </c>
      <c r="AG4728">
        <v>27315.871159999999</v>
      </c>
      <c r="AH4728">
        <v>283569.27260000003</v>
      </c>
      <c r="AI4728">
        <v>77457.784660000005</v>
      </c>
      <c r="AJ4728">
        <v>18103.635139999999</v>
      </c>
      <c r="AK4728">
        <v>39380.050170000002</v>
      </c>
      <c r="AL4728">
        <v>73868.345839999994</v>
      </c>
      <c r="AM4728">
        <v>21128.81437</v>
      </c>
      <c r="AN4728">
        <v>81528.375549999997</v>
      </c>
      <c r="AO4728">
        <v>20846.23949</v>
      </c>
      <c r="AP4728">
        <v>19407.53585</v>
      </c>
    </row>
    <row r="4729" spans="2:42" x14ac:dyDescent="0.3">
      <c r="B4729">
        <v>54.804460902418079</v>
      </c>
      <c r="C4729" s="83">
        <v>43297.958333333336</v>
      </c>
      <c r="D4729">
        <v>190070.4785</v>
      </c>
      <c r="E4729">
        <v>13445.168830000001</v>
      </c>
      <c r="F4729">
        <v>60684.770250000001</v>
      </c>
      <c r="G4729">
        <v>32968.380579999997</v>
      </c>
      <c r="H4729">
        <v>36361.328260000002</v>
      </c>
      <c r="I4729">
        <v>25908.79031</v>
      </c>
      <c r="J4729">
        <v>43862.866750000001</v>
      </c>
      <c r="K4729">
        <v>54534.801590000003</v>
      </c>
      <c r="L4729">
        <v>23493.55387</v>
      </c>
      <c r="M4729">
        <v>279418.69929999998</v>
      </c>
      <c r="N4729">
        <v>74819.736220000006</v>
      </c>
      <c r="O4729">
        <v>17871.354329999998</v>
      </c>
      <c r="P4729">
        <v>35128.668290000001</v>
      </c>
      <c r="Q4729">
        <v>72584.075849999994</v>
      </c>
      <c r="R4729">
        <v>21663.947179999999</v>
      </c>
      <c r="S4729">
        <v>79041.520539999998</v>
      </c>
      <c r="T4729">
        <v>19072.35857</v>
      </c>
      <c r="U4729">
        <v>19071.536990000001</v>
      </c>
      <c r="W4729" s="83">
        <f>Bühler!N4761</f>
        <v>45488.958333321869</v>
      </c>
      <c r="X4729" s="83">
        <v>43297.958333333336</v>
      </c>
      <c r="Y4729">
        <v>190070.4785</v>
      </c>
      <c r="Z4729">
        <v>13445.168830000001</v>
      </c>
      <c r="AA4729">
        <v>60684.770250000001</v>
      </c>
      <c r="AB4729">
        <v>32968.380579999997</v>
      </c>
      <c r="AC4729">
        <v>36361.328260000002</v>
      </c>
      <c r="AD4729">
        <v>25908.79031</v>
      </c>
      <c r="AE4729">
        <v>43862.866750000001</v>
      </c>
      <c r="AF4729">
        <v>54534.801590000003</v>
      </c>
      <c r="AG4729">
        <v>23493.55387</v>
      </c>
      <c r="AH4729">
        <v>279418.69929999998</v>
      </c>
      <c r="AI4729">
        <v>74819.736220000006</v>
      </c>
      <c r="AJ4729">
        <v>17871.354329999998</v>
      </c>
      <c r="AK4729">
        <v>35128.668290000001</v>
      </c>
      <c r="AL4729">
        <v>72584.075849999994</v>
      </c>
      <c r="AM4729">
        <v>21663.947179999999</v>
      </c>
      <c r="AN4729">
        <v>79041.520539999998</v>
      </c>
      <c r="AO4729">
        <v>19072.35857</v>
      </c>
      <c r="AP4729">
        <v>19071.536990000001</v>
      </c>
    </row>
    <row r="4730" spans="2:42" x14ac:dyDescent="0.3">
      <c r="B4730">
        <v>50.437156127496429</v>
      </c>
      <c r="C4730" s="83">
        <v>43298</v>
      </c>
      <c r="D4730">
        <v>179907.49470000001</v>
      </c>
      <c r="E4730">
        <v>12645.27785</v>
      </c>
      <c r="F4730">
        <v>57732.36436</v>
      </c>
      <c r="G4730">
        <v>32379.47827</v>
      </c>
      <c r="H4730">
        <v>35045.852639999997</v>
      </c>
      <c r="I4730">
        <v>24968.089110000001</v>
      </c>
      <c r="J4730">
        <v>38404.561520000003</v>
      </c>
      <c r="K4730">
        <v>52106.499259999997</v>
      </c>
      <c r="L4730">
        <v>19483.34477</v>
      </c>
      <c r="M4730">
        <v>257152.14290000001</v>
      </c>
      <c r="N4730">
        <v>74025.80644</v>
      </c>
      <c r="O4730">
        <v>17709.115709999998</v>
      </c>
      <c r="P4730">
        <v>30721.105479999998</v>
      </c>
      <c r="Q4730">
        <v>72293.808069999999</v>
      </c>
      <c r="R4730">
        <v>17217.9493</v>
      </c>
      <c r="S4730">
        <v>77330.381949999995</v>
      </c>
      <c r="T4730">
        <v>17849.393919999999</v>
      </c>
      <c r="U4730">
        <v>18602.14948</v>
      </c>
      <c r="W4730" s="83">
        <f>Bühler!N4762</f>
        <v>45488.999999988533</v>
      </c>
      <c r="X4730" s="83">
        <v>43298</v>
      </c>
      <c r="Y4730">
        <v>179907.49470000001</v>
      </c>
      <c r="Z4730">
        <v>12645.27785</v>
      </c>
      <c r="AA4730">
        <v>57732.36436</v>
      </c>
      <c r="AB4730">
        <v>32379.47827</v>
      </c>
      <c r="AC4730">
        <v>35045.852639999997</v>
      </c>
      <c r="AD4730">
        <v>24968.089110000001</v>
      </c>
      <c r="AE4730">
        <v>38404.561520000003</v>
      </c>
      <c r="AF4730">
        <v>52106.499259999997</v>
      </c>
      <c r="AG4730">
        <v>19483.34477</v>
      </c>
      <c r="AH4730">
        <v>257152.14290000001</v>
      </c>
      <c r="AI4730">
        <v>74025.80644</v>
      </c>
      <c r="AJ4730">
        <v>17709.115709999998</v>
      </c>
      <c r="AK4730">
        <v>30721.105479999998</v>
      </c>
      <c r="AL4730">
        <v>72293.808069999999</v>
      </c>
      <c r="AM4730">
        <v>17217.9493</v>
      </c>
      <c r="AN4730">
        <v>77330.381949999995</v>
      </c>
      <c r="AO4730">
        <v>17849.393919999999</v>
      </c>
      <c r="AP4730">
        <v>18602.14948</v>
      </c>
    </row>
    <row r="4731" spans="2:42" x14ac:dyDescent="0.3">
      <c r="B4731">
        <v>50.366706138046816</v>
      </c>
      <c r="C4731" s="83">
        <v>43298.041666666664</v>
      </c>
      <c r="D4731">
        <v>180449.25599999999</v>
      </c>
      <c r="E4731">
        <v>12303.416740000001</v>
      </c>
      <c r="F4731">
        <v>57036.448980000001</v>
      </c>
      <c r="G4731">
        <v>31721.006359999999</v>
      </c>
      <c r="H4731">
        <v>34326.413610000003</v>
      </c>
      <c r="I4731">
        <v>20570.043849999998</v>
      </c>
      <c r="J4731">
        <v>36950.888769999998</v>
      </c>
      <c r="K4731">
        <v>50507.973570000002</v>
      </c>
      <c r="L4731">
        <v>18216.7932</v>
      </c>
      <c r="M4731">
        <v>256792.95600000001</v>
      </c>
      <c r="N4731">
        <v>73328.723870000002</v>
      </c>
      <c r="O4731">
        <v>17237.104670000001</v>
      </c>
      <c r="P4731">
        <v>29150.185829999999</v>
      </c>
      <c r="Q4731">
        <v>73980.705199999997</v>
      </c>
      <c r="R4731">
        <v>15428.51865</v>
      </c>
      <c r="S4731">
        <v>75425.051649999994</v>
      </c>
      <c r="T4731">
        <v>17291.60644</v>
      </c>
      <c r="U4731">
        <v>18373.98864</v>
      </c>
      <c r="W4731" s="83">
        <f>Bühler!N4763</f>
        <v>45489.041666655197</v>
      </c>
      <c r="X4731" s="83">
        <v>43298.041666666664</v>
      </c>
      <c r="Y4731">
        <v>180449.25599999999</v>
      </c>
      <c r="Z4731">
        <v>12303.416740000001</v>
      </c>
      <c r="AA4731">
        <v>57036.448980000001</v>
      </c>
      <c r="AB4731">
        <v>31721.006359999999</v>
      </c>
      <c r="AC4731">
        <v>34326.413610000003</v>
      </c>
      <c r="AD4731">
        <v>20570.043849999998</v>
      </c>
      <c r="AE4731">
        <v>36950.888769999998</v>
      </c>
      <c r="AF4731">
        <v>50507.973570000002</v>
      </c>
      <c r="AG4731">
        <v>18216.7932</v>
      </c>
      <c r="AH4731">
        <v>256792.95600000001</v>
      </c>
      <c r="AI4731">
        <v>73328.723870000002</v>
      </c>
      <c r="AJ4731">
        <v>17237.104670000001</v>
      </c>
      <c r="AK4731">
        <v>29150.185829999999</v>
      </c>
      <c r="AL4731">
        <v>73980.705199999997</v>
      </c>
      <c r="AM4731">
        <v>15428.51865</v>
      </c>
      <c r="AN4731">
        <v>75425.051649999994</v>
      </c>
      <c r="AO4731">
        <v>17291.60644</v>
      </c>
      <c r="AP4731">
        <v>18373.98864</v>
      </c>
    </row>
    <row r="4732" spans="2:42" x14ac:dyDescent="0.3">
      <c r="B4732">
        <v>50.874931852645943</v>
      </c>
      <c r="C4732" s="83">
        <v>43298.083333333336</v>
      </c>
      <c r="D4732">
        <v>182010.4044</v>
      </c>
      <c r="E4732">
        <v>12145.703229999999</v>
      </c>
      <c r="F4732">
        <v>58173.524460000001</v>
      </c>
      <c r="G4732">
        <v>30628.512129999999</v>
      </c>
      <c r="H4732">
        <v>34122.568610000002</v>
      </c>
      <c r="I4732">
        <v>17516.0602</v>
      </c>
      <c r="J4732">
        <v>36085.216310000003</v>
      </c>
      <c r="K4732">
        <v>49104.875489999999</v>
      </c>
      <c r="L4732">
        <v>17669.765060000002</v>
      </c>
      <c r="M4732">
        <v>259384.12770000001</v>
      </c>
      <c r="N4732">
        <v>72281.361340000003</v>
      </c>
      <c r="O4732">
        <v>17160.72668</v>
      </c>
      <c r="P4732">
        <v>26663.224579999998</v>
      </c>
      <c r="Q4732">
        <v>77105.97928</v>
      </c>
      <c r="R4732">
        <v>15207.94751</v>
      </c>
      <c r="S4732">
        <v>74617.812789999996</v>
      </c>
      <c r="T4732">
        <v>16622.614829999999</v>
      </c>
      <c r="U4732">
        <v>17813.313440000002</v>
      </c>
      <c r="W4732" s="83">
        <f>Bühler!N4764</f>
        <v>45489.083333321862</v>
      </c>
      <c r="X4732" s="83">
        <v>43298.083333333336</v>
      </c>
      <c r="Y4732">
        <v>182010.4044</v>
      </c>
      <c r="Z4732">
        <v>12145.703229999999</v>
      </c>
      <c r="AA4732">
        <v>58173.524460000001</v>
      </c>
      <c r="AB4732">
        <v>30628.512129999999</v>
      </c>
      <c r="AC4732">
        <v>34122.568610000002</v>
      </c>
      <c r="AD4732">
        <v>17516.0602</v>
      </c>
      <c r="AE4732">
        <v>36085.216310000003</v>
      </c>
      <c r="AF4732">
        <v>49104.875489999999</v>
      </c>
      <c r="AG4732">
        <v>17669.765060000002</v>
      </c>
      <c r="AH4732">
        <v>259384.12770000001</v>
      </c>
      <c r="AI4732">
        <v>72281.361340000003</v>
      </c>
      <c r="AJ4732">
        <v>17160.72668</v>
      </c>
      <c r="AK4732">
        <v>26663.224579999998</v>
      </c>
      <c r="AL4732">
        <v>77105.97928</v>
      </c>
      <c r="AM4732">
        <v>15207.94751</v>
      </c>
      <c r="AN4732">
        <v>74617.812789999996</v>
      </c>
      <c r="AO4732">
        <v>16622.614829999999</v>
      </c>
      <c r="AP4732">
        <v>17813.313440000002</v>
      </c>
    </row>
    <row r="4733" spans="2:42" x14ac:dyDescent="0.3">
      <c r="B4733">
        <v>52.449226642816377</v>
      </c>
      <c r="C4733" s="83">
        <v>43298.125</v>
      </c>
      <c r="D4733">
        <v>184773.68520000001</v>
      </c>
      <c r="E4733">
        <v>12154.99698</v>
      </c>
      <c r="F4733">
        <v>59869.966280000001</v>
      </c>
      <c r="G4733">
        <v>29666.57388</v>
      </c>
      <c r="H4733">
        <v>34039.708279999999</v>
      </c>
      <c r="I4733">
        <v>16471.69672</v>
      </c>
      <c r="J4733">
        <v>36035.379050000003</v>
      </c>
      <c r="K4733">
        <v>47500.941129999999</v>
      </c>
      <c r="L4733">
        <v>17418.30099</v>
      </c>
      <c r="M4733">
        <v>267410.61670000001</v>
      </c>
      <c r="N4733">
        <v>72341.229919999998</v>
      </c>
      <c r="O4733">
        <v>16836.501469999999</v>
      </c>
      <c r="P4733">
        <v>25549.75835</v>
      </c>
      <c r="Q4733">
        <v>81864.530729999999</v>
      </c>
      <c r="R4733">
        <v>14947.838820000001</v>
      </c>
      <c r="S4733">
        <v>73428.968580000001</v>
      </c>
      <c r="T4733">
        <v>16515.169969999999</v>
      </c>
      <c r="U4733">
        <v>17791.22694</v>
      </c>
      <c r="W4733" s="83">
        <f>Bühler!N4765</f>
        <v>45489.124999988526</v>
      </c>
      <c r="X4733" s="83">
        <v>43298.125</v>
      </c>
      <c r="Y4733">
        <v>184773.68520000001</v>
      </c>
      <c r="Z4733">
        <v>12154.99698</v>
      </c>
      <c r="AA4733">
        <v>59869.966280000001</v>
      </c>
      <c r="AB4733">
        <v>29666.57388</v>
      </c>
      <c r="AC4733">
        <v>34039.708279999999</v>
      </c>
      <c r="AD4733">
        <v>16471.69672</v>
      </c>
      <c r="AE4733">
        <v>36035.379050000003</v>
      </c>
      <c r="AF4733">
        <v>47500.941129999999</v>
      </c>
      <c r="AG4733">
        <v>17418.30099</v>
      </c>
      <c r="AH4733">
        <v>267410.61670000001</v>
      </c>
      <c r="AI4733">
        <v>72341.229919999998</v>
      </c>
      <c r="AJ4733">
        <v>16836.501469999999</v>
      </c>
      <c r="AK4733">
        <v>25549.75835</v>
      </c>
      <c r="AL4733">
        <v>81864.530729999999</v>
      </c>
      <c r="AM4733">
        <v>14947.838820000001</v>
      </c>
      <c r="AN4733">
        <v>73428.968580000001</v>
      </c>
      <c r="AO4733">
        <v>16515.169969999999</v>
      </c>
      <c r="AP4733">
        <v>17791.22694</v>
      </c>
    </row>
    <row r="4734" spans="2:42" x14ac:dyDescent="0.3">
      <c r="B4734">
        <v>55.684139672304731</v>
      </c>
      <c r="C4734" s="83">
        <v>43298.166666666664</v>
      </c>
      <c r="D4734">
        <v>195503.63320000001</v>
      </c>
      <c r="E4734">
        <v>12837.58952</v>
      </c>
      <c r="F4734">
        <v>63355.244070000001</v>
      </c>
      <c r="G4734">
        <v>29578.802230000001</v>
      </c>
      <c r="H4734">
        <v>34421.525950000003</v>
      </c>
      <c r="I4734">
        <v>17776.141230000001</v>
      </c>
      <c r="J4734">
        <v>38122.816149999999</v>
      </c>
      <c r="K4734">
        <v>47224.100010000002</v>
      </c>
      <c r="L4734">
        <v>17353.668310000001</v>
      </c>
      <c r="M4734">
        <v>283903.71189999999</v>
      </c>
      <c r="N4734">
        <v>72111.739979999998</v>
      </c>
      <c r="O4734">
        <v>17473.089749999999</v>
      </c>
      <c r="P4734">
        <v>25058.052609999999</v>
      </c>
      <c r="Q4734">
        <v>89441.871469999998</v>
      </c>
      <c r="R4734">
        <v>14777.771409999999</v>
      </c>
      <c r="S4734">
        <v>73727.91012</v>
      </c>
      <c r="T4734">
        <v>16592.189299999998</v>
      </c>
      <c r="U4734">
        <v>18819.421740000002</v>
      </c>
      <c r="W4734" s="83">
        <f>Bühler!N4766</f>
        <v>45489.16666665519</v>
      </c>
      <c r="X4734" s="83">
        <v>43298.166666666664</v>
      </c>
      <c r="Y4734">
        <v>195503.63320000001</v>
      </c>
      <c r="Z4734">
        <v>12837.58952</v>
      </c>
      <c r="AA4734">
        <v>63355.244070000001</v>
      </c>
      <c r="AB4734">
        <v>29578.802230000001</v>
      </c>
      <c r="AC4734">
        <v>34421.525950000003</v>
      </c>
      <c r="AD4734">
        <v>17776.141230000001</v>
      </c>
      <c r="AE4734">
        <v>38122.816149999999</v>
      </c>
      <c r="AF4734">
        <v>47224.100010000002</v>
      </c>
      <c r="AG4734">
        <v>17353.668310000001</v>
      </c>
      <c r="AH4734">
        <v>283903.71189999999</v>
      </c>
      <c r="AI4734">
        <v>72111.739979999998</v>
      </c>
      <c r="AJ4734">
        <v>17473.089749999999</v>
      </c>
      <c r="AK4734">
        <v>25058.052609999999</v>
      </c>
      <c r="AL4734">
        <v>89441.871469999998</v>
      </c>
      <c r="AM4734">
        <v>14777.771409999999</v>
      </c>
      <c r="AN4734">
        <v>73727.91012</v>
      </c>
      <c r="AO4734">
        <v>16592.189299999998</v>
      </c>
      <c r="AP4734">
        <v>18819.421740000002</v>
      </c>
    </row>
    <row r="4735" spans="2:42" x14ac:dyDescent="0.3">
      <c r="B4735">
        <v>61.007772776762799</v>
      </c>
      <c r="C4735" s="83">
        <v>43298.208333333336</v>
      </c>
      <c r="D4735">
        <v>227387.9632</v>
      </c>
      <c r="E4735">
        <v>14909.32611</v>
      </c>
      <c r="F4735">
        <v>73456.877779999995</v>
      </c>
      <c r="G4735">
        <v>30497.55863</v>
      </c>
      <c r="H4735">
        <v>36232.908340000002</v>
      </c>
      <c r="I4735">
        <v>23315.217550000001</v>
      </c>
      <c r="J4735">
        <v>41400.541969999998</v>
      </c>
      <c r="K4735">
        <v>49384.209219999997</v>
      </c>
      <c r="L4735">
        <v>18291.123820000001</v>
      </c>
      <c r="M4735">
        <v>311046.07610000001</v>
      </c>
      <c r="N4735">
        <v>73511.813769999993</v>
      </c>
      <c r="O4735">
        <v>18675.873380000001</v>
      </c>
      <c r="P4735">
        <v>26586.126479999999</v>
      </c>
      <c r="Q4735">
        <v>93798.301210000005</v>
      </c>
      <c r="R4735">
        <v>17343.777330000001</v>
      </c>
      <c r="S4735">
        <v>76108.407810000004</v>
      </c>
      <c r="T4735">
        <v>18285.402429999998</v>
      </c>
      <c r="U4735">
        <v>20360.028559999999</v>
      </c>
      <c r="W4735" s="83">
        <f>Bühler!N4767</f>
        <v>45489.208333321854</v>
      </c>
      <c r="X4735" s="83">
        <v>43298.208333333336</v>
      </c>
      <c r="Y4735">
        <v>227387.9632</v>
      </c>
      <c r="Z4735">
        <v>14909.32611</v>
      </c>
      <c r="AA4735">
        <v>73456.877779999995</v>
      </c>
      <c r="AB4735">
        <v>30497.55863</v>
      </c>
      <c r="AC4735">
        <v>36232.908340000002</v>
      </c>
      <c r="AD4735">
        <v>23315.217550000001</v>
      </c>
      <c r="AE4735">
        <v>41400.541969999998</v>
      </c>
      <c r="AF4735">
        <v>49384.209219999997</v>
      </c>
      <c r="AG4735">
        <v>18291.123820000001</v>
      </c>
      <c r="AH4735">
        <v>311046.07610000001</v>
      </c>
      <c r="AI4735">
        <v>73511.813769999993</v>
      </c>
      <c r="AJ4735">
        <v>18675.873380000001</v>
      </c>
      <c r="AK4735">
        <v>26586.126479999999</v>
      </c>
      <c r="AL4735">
        <v>93798.301210000005</v>
      </c>
      <c r="AM4735">
        <v>17343.777330000001</v>
      </c>
      <c r="AN4735">
        <v>76108.407810000004</v>
      </c>
      <c r="AO4735">
        <v>18285.402429999998</v>
      </c>
      <c r="AP4735">
        <v>20360.028559999999</v>
      </c>
    </row>
    <row r="4736" spans="2:42" x14ac:dyDescent="0.3">
      <c r="B4736">
        <v>64.751609122788096</v>
      </c>
      <c r="C4736" s="83">
        <v>43298.25</v>
      </c>
      <c r="D4736">
        <v>252486.06659999999</v>
      </c>
      <c r="E4736">
        <v>18589.709139999999</v>
      </c>
      <c r="F4736">
        <v>81746.071920000002</v>
      </c>
      <c r="G4736">
        <v>32882.112589999997</v>
      </c>
      <c r="H4736">
        <v>37615.89243</v>
      </c>
      <c r="I4736">
        <v>27653.738130000002</v>
      </c>
      <c r="J4736">
        <v>43763.782639999998</v>
      </c>
      <c r="K4736">
        <v>50344.860910000003</v>
      </c>
      <c r="L4736">
        <v>19316.92122</v>
      </c>
      <c r="M4736">
        <v>330133.89970000001</v>
      </c>
      <c r="N4736">
        <v>75734.617190000004</v>
      </c>
      <c r="O4736">
        <v>20202.352910000001</v>
      </c>
      <c r="P4736">
        <v>27126.993200000001</v>
      </c>
      <c r="Q4736">
        <v>96109.174419999996</v>
      </c>
      <c r="R4736">
        <v>16831.105729999999</v>
      </c>
      <c r="S4736">
        <v>81958.834990000003</v>
      </c>
      <c r="T4736">
        <v>20240.191699999999</v>
      </c>
      <c r="U4736">
        <v>22458.169539999999</v>
      </c>
      <c r="W4736" s="83">
        <f>Bühler!N4768</f>
        <v>45489.249999988519</v>
      </c>
      <c r="X4736" s="83">
        <v>43298.25</v>
      </c>
      <c r="Y4736">
        <v>252486.06659999999</v>
      </c>
      <c r="Z4736">
        <v>18589.709139999999</v>
      </c>
      <c r="AA4736">
        <v>81746.071920000002</v>
      </c>
      <c r="AB4736">
        <v>32882.112589999997</v>
      </c>
      <c r="AC4736">
        <v>37615.89243</v>
      </c>
      <c r="AD4736">
        <v>27653.738130000002</v>
      </c>
      <c r="AE4736">
        <v>43763.782639999998</v>
      </c>
      <c r="AF4736">
        <v>50344.860910000003</v>
      </c>
      <c r="AG4736">
        <v>19316.92122</v>
      </c>
      <c r="AH4736">
        <v>330133.89970000001</v>
      </c>
      <c r="AI4736">
        <v>75734.617190000004</v>
      </c>
      <c r="AJ4736">
        <v>20202.352910000001</v>
      </c>
      <c r="AK4736">
        <v>27126.993200000001</v>
      </c>
      <c r="AL4736">
        <v>96109.174419999996</v>
      </c>
      <c r="AM4736">
        <v>16831.105729999999</v>
      </c>
      <c r="AN4736">
        <v>81958.834990000003</v>
      </c>
      <c r="AO4736">
        <v>20240.191699999999</v>
      </c>
      <c r="AP4736">
        <v>22458.169539999999</v>
      </c>
    </row>
    <row r="4737" spans="2:42" x14ac:dyDescent="0.3">
      <c r="B4737">
        <v>67.457360769411423</v>
      </c>
      <c r="C4737" s="83">
        <v>43298.291666666664</v>
      </c>
      <c r="D4737">
        <v>270452.24650000001</v>
      </c>
      <c r="E4737">
        <v>23339.628830000001</v>
      </c>
      <c r="F4737">
        <v>86058.950200000007</v>
      </c>
      <c r="G4737">
        <v>37301.289539999998</v>
      </c>
      <c r="H4737">
        <v>42394.56194</v>
      </c>
      <c r="I4737">
        <v>32900.263220000001</v>
      </c>
      <c r="J4737">
        <v>45407.424050000001</v>
      </c>
      <c r="K4737">
        <v>55217.953220000003</v>
      </c>
      <c r="L4737">
        <v>22115.182540000002</v>
      </c>
      <c r="M4737">
        <v>343929.0834</v>
      </c>
      <c r="N4737">
        <v>79392.471000000005</v>
      </c>
      <c r="O4737">
        <v>22550.192019999999</v>
      </c>
      <c r="P4737">
        <v>30589.699379999998</v>
      </c>
      <c r="Q4737">
        <v>97317.564799999993</v>
      </c>
      <c r="R4737">
        <v>18135.05142</v>
      </c>
      <c r="S4737">
        <v>97321.94786</v>
      </c>
      <c r="T4737">
        <v>22861.461589999999</v>
      </c>
      <c r="U4737">
        <v>26313.712240000001</v>
      </c>
      <c r="W4737" s="83">
        <f>Bühler!N4769</f>
        <v>45489.291666655183</v>
      </c>
      <c r="X4737" s="83">
        <v>43298.291666666664</v>
      </c>
      <c r="Y4737">
        <v>270452.24650000001</v>
      </c>
      <c r="Z4737">
        <v>23339.628830000001</v>
      </c>
      <c r="AA4737">
        <v>86058.950200000007</v>
      </c>
      <c r="AB4737">
        <v>37301.289539999998</v>
      </c>
      <c r="AC4737">
        <v>42394.56194</v>
      </c>
      <c r="AD4737">
        <v>32900.263220000001</v>
      </c>
      <c r="AE4737">
        <v>45407.424050000001</v>
      </c>
      <c r="AF4737">
        <v>55217.953220000003</v>
      </c>
      <c r="AG4737">
        <v>22115.182540000002</v>
      </c>
      <c r="AH4737">
        <v>343929.0834</v>
      </c>
      <c r="AI4737">
        <v>79392.471000000005</v>
      </c>
      <c r="AJ4737">
        <v>22550.192019999999</v>
      </c>
      <c r="AK4737">
        <v>30589.699379999998</v>
      </c>
      <c r="AL4737">
        <v>97317.564799999993</v>
      </c>
      <c r="AM4737">
        <v>18135.05142</v>
      </c>
      <c r="AN4737">
        <v>97321.94786</v>
      </c>
      <c r="AO4737">
        <v>22861.461589999999</v>
      </c>
      <c r="AP4737">
        <v>26313.712240000001</v>
      </c>
    </row>
    <row r="4738" spans="2:42" x14ac:dyDescent="0.3">
      <c r="B4738">
        <v>68.707125379518857</v>
      </c>
      <c r="C4738" s="83">
        <v>43298.333333333336</v>
      </c>
      <c r="D4738">
        <v>285890.24170000001</v>
      </c>
      <c r="E4738">
        <v>29256.97249</v>
      </c>
      <c r="F4738">
        <v>93405.385399999999</v>
      </c>
      <c r="G4738">
        <v>42718.807489999999</v>
      </c>
      <c r="H4738">
        <v>47346.261449999998</v>
      </c>
      <c r="I4738">
        <v>36490.328280000002</v>
      </c>
      <c r="J4738">
        <v>49009.048280000003</v>
      </c>
      <c r="K4738">
        <v>62697.123599999999</v>
      </c>
      <c r="L4738">
        <v>25882.899450000001</v>
      </c>
      <c r="M4738">
        <v>350300.96620000002</v>
      </c>
      <c r="N4738">
        <v>86017.120680000007</v>
      </c>
      <c r="O4738">
        <v>24721.041740000001</v>
      </c>
      <c r="P4738">
        <v>33586.71488</v>
      </c>
      <c r="Q4738">
        <v>99404.128469999996</v>
      </c>
      <c r="R4738">
        <v>20894.826239999999</v>
      </c>
      <c r="S4738">
        <v>108849.9889</v>
      </c>
      <c r="T4738">
        <v>25364.477190000001</v>
      </c>
      <c r="U4738">
        <v>29359.882079999999</v>
      </c>
      <c r="W4738" s="83">
        <f>Bühler!N4770</f>
        <v>45489.333333321847</v>
      </c>
      <c r="X4738" s="83">
        <v>43298.333333333336</v>
      </c>
      <c r="Y4738">
        <v>285890.24170000001</v>
      </c>
      <c r="Z4738">
        <v>29256.97249</v>
      </c>
      <c r="AA4738">
        <v>93405.385399999999</v>
      </c>
      <c r="AB4738">
        <v>42718.807489999999</v>
      </c>
      <c r="AC4738">
        <v>47346.261449999998</v>
      </c>
      <c r="AD4738">
        <v>36490.328280000002</v>
      </c>
      <c r="AE4738">
        <v>49009.048280000003</v>
      </c>
      <c r="AF4738">
        <v>62697.123599999999</v>
      </c>
      <c r="AG4738">
        <v>25882.899450000001</v>
      </c>
      <c r="AH4738">
        <v>350300.96620000002</v>
      </c>
      <c r="AI4738">
        <v>86017.120680000007</v>
      </c>
      <c r="AJ4738">
        <v>24721.041740000001</v>
      </c>
      <c r="AK4738">
        <v>33586.71488</v>
      </c>
      <c r="AL4738">
        <v>99404.128469999996</v>
      </c>
      <c r="AM4738">
        <v>20894.826239999999</v>
      </c>
      <c r="AN4738">
        <v>108849.9889</v>
      </c>
      <c r="AO4738">
        <v>25364.477190000001</v>
      </c>
      <c r="AP4738">
        <v>29359.882079999999</v>
      </c>
    </row>
    <row r="4739" spans="2:42" x14ac:dyDescent="0.3">
      <c r="B4739">
        <v>69.079852661125486</v>
      </c>
      <c r="C4739" s="83">
        <v>43298.375</v>
      </c>
      <c r="D4739">
        <v>291037.88150000002</v>
      </c>
      <c r="E4739">
        <v>34430.466359999999</v>
      </c>
      <c r="F4739">
        <v>101925.2582</v>
      </c>
      <c r="G4739">
        <v>46946.379419999997</v>
      </c>
      <c r="H4739">
        <v>50545.302320000003</v>
      </c>
      <c r="I4739">
        <v>36670.935689999998</v>
      </c>
      <c r="J4739">
        <v>52380.276429999998</v>
      </c>
      <c r="K4739">
        <v>66960.252359999999</v>
      </c>
      <c r="L4739">
        <v>29463.590209999998</v>
      </c>
      <c r="M4739">
        <v>352201.30369999999</v>
      </c>
      <c r="N4739">
        <v>89458.548970000003</v>
      </c>
      <c r="O4739">
        <v>26590.872480000002</v>
      </c>
      <c r="P4739">
        <v>37812.22827</v>
      </c>
      <c r="Q4739">
        <v>101794.0392</v>
      </c>
      <c r="R4739">
        <v>23376.10915</v>
      </c>
      <c r="S4739">
        <v>117326.26119999999</v>
      </c>
      <c r="T4739">
        <v>28210.66661</v>
      </c>
      <c r="U4739">
        <v>30540.996640000001</v>
      </c>
      <c r="W4739" s="83">
        <f>Bühler!N4771</f>
        <v>45489.374999988511</v>
      </c>
      <c r="X4739" s="83">
        <v>43298.375</v>
      </c>
      <c r="Y4739">
        <v>291037.88150000002</v>
      </c>
      <c r="Z4739">
        <v>34430.466359999999</v>
      </c>
      <c r="AA4739">
        <v>101925.2582</v>
      </c>
      <c r="AB4739">
        <v>46946.379419999997</v>
      </c>
      <c r="AC4739">
        <v>50545.302320000003</v>
      </c>
      <c r="AD4739">
        <v>36670.935689999998</v>
      </c>
      <c r="AE4739">
        <v>52380.276429999998</v>
      </c>
      <c r="AF4739">
        <v>66960.252359999999</v>
      </c>
      <c r="AG4739">
        <v>29463.590209999998</v>
      </c>
      <c r="AH4739">
        <v>352201.30369999999</v>
      </c>
      <c r="AI4739">
        <v>89458.548970000003</v>
      </c>
      <c r="AJ4739">
        <v>26590.872480000002</v>
      </c>
      <c r="AK4739">
        <v>37812.22827</v>
      </c>
      <c r="AL4739">
        <v>101794.0392</v>
      </c>
      <c r="AM4739">
        <v>23376.10915</v>
      </c>
      <c r="AN4739">
        <v>117326.26119999999</v>
      </c>
      <c r="AO4739">
        <v>28210.66661</v>
      </c>
      <c r="AP4739">
        <v>30540.996640000001</v>
      </c>
    </row>
    <row r="4740" spans="2:42" x14ac:dyDescent="0.3">
      <c r="B4740">
        <v>70.824387920053638</v>
      </c>
      <c r="C4740" s="83">
        <v>43298.416666666664</v>
      </c>
      <c r="D4740">
        <v>296064.49819999997</v>
      </c>
      <c r="E4740">
        <v>36871.53602</v>
      </c>
      <c r="F4740">
        <v>104162.10340000001</v>
      </c>
      <c r="G4740">
        <v>48530.2408</v>
      </c>
      <c r="H4740">
        <v>51813.14183</v>
      </c>
      <c r="I4740">
        <v>36066.199099999998</v>
      </c>
      <c r="J4740">
        <v>54014.53198</v>
      </c>
      <c r="K4740">
        <v>68893.468299999993</v>
      </c>
      <c r="L4740">
        <v>33800.934399999998</v>
      </c>
      <c r="M4740">
        <v>361095.75799999997</v>
      </c>
      <c r="N4740">
        <v>95745.062139999995</v>
      </c>
      <c r="O4740">
        <v>27374.702959999999</v>
      </c>
      <c r="P4740">
        <v>40834.85817</v>
      </c>
      <c r="Q4740">
        <v>104838.5589</v>
      </c>
      <c r="R4740">
        <v>24614.661179999999</v>
      </c>
      <c r="S4740">
        <v>120381.6611</v>
      </c>
      <c r="T4740">
        <v>30720.70894</v>
      </c>
      <c r="U4740">
        <v>30585.304260000001</v>
      </c>
      <c r="W4740" s="83">
        <f>Bühler!N4772</f>
        <v>45489.416666655176</v>
      </c>
      <c r="X4740" s="83">
        <v>43298.416666666664</v>
      </c>
      <c r="Y4740">
        <v>296064.49819999997</v>
      </c>
      <c r="Z4740">
        <v>36871.53602</v>
      </c>
      <c r="AA4740">
        <v>104162.10340000001</v>
      </c>
      <c r="AB4740">
        <v>48530.2408</v>
      </c>
      <c r="AC4740">
        <v>51813.14183</v>
      </c>
      <c r="AD4740">
        <v>36066.199099999998</v>
      </c>
      <c r="AE4740">
        <v>54014.53198</v>
      </c>
      <c r="AF4740">
        <v>68893.468299999993</v>
      </c>
      <c r="AG4740">
        <v>33800.934399999998</v>
      </c>
      <c r="AH4740">
        <v>361095.75799999997</v>
      </c>
      <c r="AI4740">
        <v>95745.062139999995</v>
      </c>
      <c r="AJ4740">
        <v>27374.702959999999</v>
      </c>
      <c r="AK4740">
        <v>40834.85817</v>
      </c>
      <c r="AL4740">
        <v>104838.5589</v>
      </c>
      <c r="AM4740">
        <v>24614.661179999999</v>
      </c>
      <c r="AN4740">
        <v>120381.6611</v>
      </c>
      <c r="AO4740">
        <v>30720.70894</v>
      </c>
      <c r="AP4740">
        <v>30585.304260000001</v>
      </c>
    </row>
    <row r="4741" spans="2:42" x14ac:dyDescent="0.3">
      <c r="B4741">
        <v>71.756470154449104</v>
      </c>
      <c r="C4741" s="83">
        <v>43298.458333333336</v>
      </c>
      <c r="D4741">
        <v>297411.52919999999</v>
      </c>
      <c r="E4741">
        <v>37506.601929999997</v>
      </c>
      <c r="F4741">
        <v>105557.99</v>
      </c>
      <c r="G4741">
        <v>48263.695330000002</v>
      </c>
      <c r="H4741">
        <v>52273.626029999999</v>
      </c>
      <c r="I4741">
        <v>35855.844960000002</v>
      </c>
      <c r="J4741">
        <v>54629.618309999998</v>
      </c>
      <c r="K4741">
        <v>68549.136459999994</v>
      </c>
      <c r="L4741">
        <v>35706.753980000001</v>
      </c>
      <c r="M4741">
        <v>365847.94790000003</v>
      </c>
      <c r="N4741">
        <v>97690.194570000007</v>
      </c>
      <c r="O4741">
        <v>27275.498940000001</v>
      </c>
      <c r="P4741">
        <v>39757.812109999999</v>
      </c>
      <c r="Q4741">
        <v>105291.0275</v>
      </c>
      <c r="R4741">
        <v>26980.51223</v>
      </c>
      <c r="S4741">
        <v>124430.6278</v>
      </c>
      <c r="T4741">
        <v>31674.371360000001</v>
      </c>
      <c r="U4741">
        <v>30623.51035</v>
      </c>
      <c r="W4741" s="83">
        <f>Bühler!N4773</f>
        <v>45489.45833332184</v>
      </c>
      <c r="X4741" s="83">
        <v>43298.458333333336</v>
      </c>
      <c r="Y4741">
        <v>297411.52919999999</v>
      </c>
      <c r="Z4741">
        <v>37506.601929999997</v>
      </c>
      <c r="AA4741">
        <v>105557.99</v>
      </c>
      <c r="AB4741">
        <v>48263.695330000002</v>
      </c>
      <c r="AC4741">
        <v>52273.626029999999</v>
      </c>
      <c r="AD4741">
        <v>35855.844960000002</v>
      </c>
      <c r="AE4741">
        <v>54629.618309999998</v>
      </c>
      <c r="AF4741">
        <v>68549.136459999994</v>
      </c>
      <c r="AG4741">
        <v>35706.753980000001</v>
      </c>
      <c r="AH4741">
        <v>365847.94790000003</v>
      </c>
      <c r="AI4741">
        <v>97690.194570000007</v>
      </c>
      <c r="AJ4741">
        <v>27275.498940000001</v>
      </c>
      <c r="AK4741">
        <v>39757.812109999999</v>
      </c>
      <c r="AL4741">
        <v>105291.0275</v>
      </c>
      <c r="AM4741">
        <v>26980.51223</v>
      </c>
      <c r="AN4741">
        <v>124430.6278</v>
      </c>
      <c r="AO4741">
        <v>31674.371360000001</v>
      </c>
      <c r="AP4741">
        <v>30623.51035</v>
      </c>
    </row>
    <row r="4742" spans="2:42" x14ac:dyDescent="0.3">
      <c r="B4742">
        <v>71.883112375206082</v>
      </c>
      <c r="C4742" s="83">
        <v>43298.5</v>
      </c>
      <c r="D4742">
        <v>288207.97859999997</v>
      </c>
      <c r="E4742">
        <v>35131.978560000003</v>
      </c>
      <c r="F4742">
        <v>99990.019799999995</v>
      </c>
      <c r="G4742">
        <v>46602.914539999998</v>
      </c>
      <c r="H4742">
        <v>51126.96471</v>
      </c>
      <c r="I4742">
        <v>34878.450660000002</v>
      </c>
      <c r="J4742">
        <v>55527.429600000003</v>
      </c>
      <c r="K4742">
        <v>65483.00445</v>
      </c>
      <c r="L4742">
        <v>37972.509019999998</v>
      </c>
      <c r="M4742">
        <v>366493.62900000002</v>
      </c>
      <c r="N4742">
        <v>96429.754379999998</v>
      </c>
      <c r="O4742">
        <v>27834.709940000001</v>
      </c>
      <c r="P4742">
        <v>40424.586810000001</v>
      </c>
      <c r="Q4742">
        <v>105301.14840000001</v>
      </c>
      <c r="R4742">
        <v>27080.169180000001</v>
      </c>
      <c r="S4742">
        <v>121372.6064</v>
      </c>
      <c r="T4742">
        <v>30765.34578</v>
      </c>
      <c r="U4742">
        <v>26554.336599999999</v>
      </c>
      <c r="W4742" s="83">
        <f>Bühler!N4774</f>
        <v>45489.499999988504</v>
      </c>
      <c r="X4742" s="83">
        <v>43298.5</v>
      </c>
      <c r="Y4742">
        <v>288207.97859999997</v>
      </c>
      <c r="Z4742">
        <v>35131.978560000003</v>
      </c>
      <c r="AA4742">
        <v>99990.019799999995</v>
      </c>
      <c r="AB4742">
        <v>46602.914539999998</v>
      </c>
      <c r="AC4742">
        <v>51126.96471</v>
      </c>
      <c r="AD4742">
        <v>34878.450660000002</v>
      </c>
      <c r="AE4742">
        <v>55527.429600000003</v>
      </c>
      <c r="AF4742">
        <v>65483.00445</v>
      </c>
      <c r="AG4742">
        <v>37972.509019999998</v>
      </c>
      <c r="AH4742">
        <v>366493.62900000002</v>
      </c>
      <c r="AI4742">
        <v>96429.754379999998</v>
      </c>
      <c r="AJ4742">
        <v>27834.709940000001</v>
      </c>
      <c r="AK4742">
        <v>40424.586810000001</v>
      </c>
      <c r="AL4742">
        <v>105301.14840000001</v>
      </c>
      <c r="AM4742">
        <v>27080.169180000001</v>
      </c>
      <c r="AN4742">
        <v>121372.6064</v>
      </c>
      <c r="AO4742">
        <v>30765.34578</v>
      </c>
      <c r="AP4742">
        <v>26554.336599999999</v>
      </c>
    </row>
    <row r="4743" spans="2:42" x14ac:dyDescent="0.3">
      <c r="B4743">
        <v>71.805031738147818</v>
      </c>
      <c r="C4743" s="83">
        <v>43298.541666666664</v>
      </c>
      <c r="D4743">
        <v>290373.20929999999</v>
      </c>
      <c r="E4743">
        <v>35943.113579999997</v>
      </c>
      <c r="F4743">
        <v>98149.275739999997</v>
      </c>
      <c r="G4743">
        <v>46824.194710000003</v>
      </c>
      <c r="H4743">
        <v>51806.29795</v>
      </c>
      <c r="I4743">
        <v>35082.463009999999</v>
      </c>
      <c r="J4743">
        <v>54874.33541</v>
      </c>
      <c r="K4743">
        <v>65108.171029999998</v>
      </c>
      <c r="L4743">
        <v>36626.423009999999</v>
      </c>
      <c r="M4743">
        <v>366095.53749999998</v>
      </c>
      <c r="N4743">
        <v>99227.260850000006</v>
      </c>
      <c r="O4743">
        <v>27367.595710000001</v>
      </c>
      <c r="P4743">
        <v>39986.313499999997</v>
      </c>
      <c r="Q4743">
        <v>105624.18399999999</v>
      </c>
      <c r="R4743">
        <v>27011.624059999998</v>
      </c>
      <c r="S4743">
        <v>122753.1525</v>
      </c>
      <c r="T4743">
        <v>31470.03687</v>
      </c>
      <c r="U4743">
        <v>27628.945680000001</v>
      </c>
      <c r="W4743" s="83">
        <f>Bühler!N4775</f>
        <v>45489.541666655168</v>
      </c>
      <c r="X4743" s="83">
        <v>43298.541666666664</v>
      </c>
      <c r="Y4743">
        <v>290373.20929999999</v>
      </c>
      <c r="Z4743">
        <v>35943.113579999997</v>
      </c>
      <c r="AA4743">
        <v>98149.275739999997</v>
      </c>
      <c r="AB4743">
        <v>46824.194710000003</v>
      </c>
      <c r="AC4743">
        <v>51806.29795</v>
      </c>
      <c r="AD4743">
        <v>35082.463009999999</v>
      </c>
      <c r="AE4743">
        <v>54874.33541</v>
      </c>
      <c r="AF4743">
        <v>65108.171029999998</v>
      </c>
      <c r="AG4743">
        <v>36626.423009999999</v>
      </c>
      <c r="AH4743">
        <v>366095.53749999998</v>
      </c>
      <c r="AI4743">
        <v>99227.260850000006</v>
      </c>
      <c r="AJ4743">
        <v>27367.595710000001</v>
      </c>
      <c r="AK4743">
        <v>39986.313499999997</v>
      </c>
      <c r="AL4743">
        <v>105624.18399999999</v>
      </c>
      <c r="AM4743">
        <v>27011.624059999998</v>
      </c>
      <c r="AN4743">
        <v>122753.1525</v>
      </c>
      <c r="AO4743">
        <v>31470.03687</v>
      </c>
      <c r="AP4743">
        <v>27628.945680000001</v>
      </c>
    </row>
    <row r="4744" spans="2:42" x14ac:dyDescent="0.3">
      <c r="B4744">
        <v>72.669485164805039</v>
      </c>
      <c r="C4744" s="83">
        <v>43298.583333333336</v>
      </c>
      <c r="D4744">
        <v>294578.39409999998</v>
      </c>
      <c r="E4744">
        <v>38530.035250000001</v>
      </c>
      <c r="F4744">
        <v>106816.43670000001</v>
      </c>
      <c r="G4744">
        <v>47104.288769999999</v>
      </c>
      <c r="H4744">
        <v>52159.747439999999</v>
      </c>
      <c r="I4744">
        <v>35444.344100000002</v>
      </c>
      <c r="J4744">
        <v>54858.958559999999</v>
      </c>
      <c r="K4744">
        <v>66686.285929999998</v>
      </c>
      <c r="L4744">
        <v>33905.822160000003</v>
      </c>
      <c r="M4744">
        <v>370502.92420000001</v>
      </c>
      <c r="N4744">
        <v>101746.345</v>
      </c>
      <c r="O4744">
        <v>27065.574830000001</v>
      </c>
      <c r="P4744">
        <v>36268.752390000001</v>
      </c>
      <c r="Q4744">
        <v>105671.41650000001</v>
      </c>
      <c r="R4744">
        <v>26027.432519999998</v>
      </c>
      <c r="S4744">
        <v>118312.322</v>
      </c>
      <c r="T4744">
        <v>30917.863069999999</v>
      </c>
      <c r="U4744">
        <v>28078.1335</v>
      </c>
      <c r="W4744" s="83">
        <f>Bühler!N4776</f>
        <v>45489.583333321832</v>
      </c>
      <c r="X4744" s="83">
        <v>43298.583333333336</v>
      </c>
      <c r="Y4744">
        <v>294578.39409999998</v>
      </c>
      <c r="Z4744">
        <v>38530.035250000001</v>
      </c>
      <c r="AA4744">
        <v>106816.43670000001</v>
      </c>
      <c r="AB4744">
        <v>47104.288769999999</v>
      </c>
      <c r="AC4744">
        <v>52159.747439999999</v>
      </c>
      <c r="AD4744">
        <v>35444.344100000002</v>
      </c>
      <c r="AE4744">
        <v>54858.958559999999</v>
      </c>
      <c r="AF4744">
        <v>66686.285929999998</v>
      </c>
      <c r="AG4744">
        <v>33905.822160000003</v>
      </c>
      <c r="AH4744">
        <v>370502.92420000001</v>
      </c>
      <c r="AI4744">
        <v>101746.345</v>
      </c>
      <c r="AJ4744">
        <v>27065.574830000001</v>
      </c>
      <c r="AK4744">
        <v>36268.752390000001</v>
      </c>
      <c r="AL4744">
        <v>105671.41650000001</v>
      </c>
      <c r="AM4744">
        <v>26027.432519999998</v>
      </c>
      <c r="AN4744">
        <v>118312.322</v>
      </c>
      <c r="AO4744">
        <v>30917.863069999999</v>
      </c>
      <c r="AP4744">
        <v>28078.1335</v>
      </c>
    </row>
    <row r="4745" spans="2:42" x14ac:dyDescent="0.3">
      <c r="B4745">
        <v>73.104977850463982</v>
      </c>
      <c r="C4745" s="83">
        <v>43298.625</v>
      </c>
      <c r="D4745">
        <v>293846.65299999999</v>
      </c>
      <c r="E4745">
        <v>38699.517449999999</v>
      </c>
      <c r="F4745">
        <v>109592.3398</v>
      </c>
      <c r="G4745">
        <v>46306.220300000001</v>
      </c>
      <c r="H4745">
        <v>51719.19614</v>
      </c>
      <c r="I4745">
        <v>36222.75189</v>
      </c>
      <c r="J4745">
        <v>54409.39791</v>
      </c>
      <c r="K4745">
        <v>66817.421470000001</v>
      </c>
      <c r="L4745">
        <v>32434.430810000002</v>
      </c>
      <c r="M4745">
        <v>372723.26899999997</v>
      </c>
      <c r="N4745">
        <v>99589.812229999996</v>
      </c>
      <c r="O4745">
        <v>27068.162390000001</v>
      </c>
      <c r="P4745">
        <v>33545.641069999998</v>
      </c>
      <c r="Q4745">
        <v>106009.95020000001</v>
      </c>
      <c r="R4745">
        <v>25807.608670000001</v>
      </c>
      <c r="S4745">
        <v>117131.1963</v>
      </c>
      <c r="T4745">
        <v>30524.04218</v>
      </c>
      <c r="U4745">
        <v>28588.556479999999</v>
      </c>
      <c r="W4745" s="83">
        <f>Bühler!N4777</f>
        <v>45489.624999988497</v>
      </c>
      <c r="X4745" s="83">
        <v>43298.625</v>
      </c>
      <c r="Y4745">
        <v>293846.65299999999</v>
      </c>
      <c r="Z4745">
        <v>38699.517449999999</v>
      </c>
      <c r="AA4745">
        <v>109592.3398</v>
      </c>
      <c r="AB4745">
        <v>46306.220300000001</v>
      </c>
      <c r="AC4745">
        <v>51719.19614</v>
      </c>
      <c r="AD4745">
        <v>36222.75189</v>
      </c>
      <c r="AE4745">
        <v>54409.39791</v>
      </c>
      <c r="AF4745">
        <v>66817.421470000001</v>
      </c>
      <c r="AG4745">
        <v>32434.430810000002</v>
      </c>
      <c r="AH4745">
        <v>372723.26899999997</v>
      </c>
      <c r="AI4745">
        <v>99589.812229999996</v>
      </c>
      <c r="AJ4745">
        <v>27068.162390000001</v>
      </c>
      <c r="AK4745">
        <v>33545.641069999998</v>
      </c>
      <c r="AL4745">
        <v>106009.95020000001</v>
      </c>
      <c r="AM4745">
        <v>25807.608670000001</v>
      </c>
      <c r="AN4745">
        <v>117131.1963</v>
      </c>
      <c r="AO4745">
        <v>30524.04218</v>
      </c>
      <c r="AP4745">
        <v>28588.556479999999</v>
      </c>
    </row>
    <row r="4746" spans="2:42" x14ac:dyDescent="0.3">
      <c r="B4746">
        <v>71.723174102535793</v>
      </c>
      <c r="C4746" s="83">
        <v>43298.666666666664</v>
      </c>
      <c r="D4746">
        <v>286143.27980000002</v>
      </c>
      <c r="E4746">
        <v>37949.865400000002</v>
      </c>
      <c r="F4746">
        <v>108730.2663</v>
      </c>
      <c r="G4746">
        <v>44641.928899999999</v>
      </c>
      <c r="H4746">
        <v>50243.525970000002</v>
      </c>
      <c r="I4746">
        <v>36991.85252</v>
      </c>
      <c r="J4746">
        <v>53874.176760000002</v>
      </c>
      <c r="K4746">
        <v>64102.262390000004</v>
      </c>
      <c r="L4746">
        <v>30913.584800000001</v>
      </c>
      <c r="M4746">
        <v>365678.18910000002</v>
      </c>
      <c r="N4746">
        <v>98698.396309999996</v>
      </c>
      <c r="O4746">
        <v>26713.657179999998</v>
      </c>
      <c r="P4746">
        <v>33194.697679999997</v>
      </c>
      <c r="Q4746">
        <v>105441.33409999999</v>
      </c>
      <c r="R4746">
        <v>25835.137719999999</v>
      </c>
      <c r="S4746">
        <v>114666.17230000001</v>
      </c>
      <c r="T4746">
        <v>29881.846740000001</v>
      </c>
      <c r="U4746">
        <v>26921.96212</v>
      </c>
      <c r="W4746" s="83">
        <f>Bühler!N4778</f>
        <v>45489.666666655161</v>
      </c>
      <c r="X4746" s="83">
        <v>43298.666666666664</v>
      </c>
      <c r="Y4746">
        <v>286143.27980000002</v>
      </c>
      <c r="Z4746">
        <v>37949.865400000002</v>
      </c>
      <c r="AA4746">
        <v>108730.2663</v>
      </c>
      <c r="AB4746">
        <v>44641.928899999999</v>
      </c>
      <c r="AC4746">
        <v>50243.525970000002</v>
      </c>
      <c r="AD4746">
        <v>36991.85252</v>
      </c>
      <c r="AE4746">
        <v>53874.176760000002</v>
      </c>
      <c r="AF4746">
        <v>64102.262390000004</v>
      </c>
      <c r="AG4746">
        <v>30913.584800000001</v>
      </c>
      <c r="AH4746">
        <v>365678.18910000002</v>
      </c>
      <c r="AI4746">
        <v>98698.396309999996</v>
      </c>
      <c r="AJ4746">
        <v>26713.657179999998</v>
      </c>
      <c r="AK4746">
        <v>33194.697679999997</v>
      </c>
      <c r="AL4746">
        <v>105441.33409999999</v>
      </c>
      <c r="AM4746">
        <v>25835.137719999999</v>
      </c>
      <c r="AN4746">
        <v>114666.17230000001</v>
      </c>
      <c r="AO4746">
        <v>29881.846740000001</v>
      </c>
      <c r="AP4746">
        <v>26921.96212</v>
      </c>
    </row>
    <row r="4747" spans="2:42" x14ac:dyDescent="0.3">
      <c r="B4747">
        <v>70.183875718741859</v>
      </c>
      <c r="C4747" s="83">
        <v>43298.708333333336</v>
      </c>
      <c r="D4747">
        <v>276648.9375</v>
      </c>
      <c r="E4747">
        <v>36104.05143</v>
      </c>
      <c r="F4747">
        <v>108471.48639999999</v>
      </c>
      <c r="G4747">
        <v>42356.644990000001</v>
      </c>
      <c r="H4747">
        <v>48504.390749999999</v>
      </c>
      <c r="I4747">
        <v>36159.635159999998</v>
      </c>
      <c r="J4747">
        <v>53653.399770000004</v>
      </c>
      <c r="K4747">
        <v>60344.906569999999</v>
      </c>
      <c r="L4747">
        <v>31800.696970000001</v>
      </c>
      <c r="M4747">
        <v>357830.12809999997</v>
      </c>
      <c r="N4747">
        <v>94816.010370000004</v>
      </c>
      <c r="O4747">
        <v>25981.024829999998</v>
      </c>
      <c r="P4747">
        <v>35863.851880000002</v>
      </c>
      <c r="Q4747">
        <v>104392.51089999999</v>
      </c>
      <c r="R4747">
        <v>26954.648369999999</v>
      </c>
      <c r="S4747">
        <v>111885.4896</v>
      </c>
      <c r="T4747">
        <v>29663.180919999999</v>
      </c>
      <c r="U4747">
        <v>24986.706259999999</v>
      </c>
      <c r="W4747" s="83">
        <f>Bühler!N4779</f>
        <v>45489.708333321825</v>
      </c>
      <c r="X4747" s="83">
        <v>43298.708333333336</v>
      </c>
      <c r="Y4747">
        <v>276648.9375</v>
      </c>
      <c r="Z4747">
        <v>36104.05143</v>
      </c>
      <c r="AA4747">
        <v>108471.48639999999</v>
      </c>
      <c r="AB4747">
        <v>42356.644990000001</v>
      </c>
      <c r="AC4747">
        <v>48504.390749999999</v>
      </c>
      <c r="AD4747">
        <v>36159.635159999998</v>
      </c>
      <c r="AE4747">
        <v>53653.399770000004</v>
      </c>
      <c r="AF4747">
        <v>60344.906569999999</v>
      </c>
      <c r="AG4747">
        <v>31800.696970000001</v>
      </c>
      <c r="AH4747">
        <v>357830.12809999997</v>
      </c>
      <c r="AI4747">
        <v>94816.010370000004</v>
      </c>
      <c r="AJ4747">
        <v>25981.024829999998</v>
      </c>
      <c r="AK4747">
        <v>35863.851880000002</v>
      </c>
      <c r="AL4747">
        <v>104392.51089999999</v>
      </c>
      <c r="AM4747">
        <v>26954.648369999999</v>
      </c>
      <c r="AN4747">
        <v>111885.4896</v>
      </c>
      <c r="AO4747">
        <v>29663.180919999999</v>
      </c>
      <c r="AP4747">
        <v>24986.706259999999</v>
      </c>
    </row>
    <row r="4748" spans="2:42" x14ac:dyDescent="0.3">
      <c r="B4748">
        <v>68.973988629905264</v>
      </c>
      <c r="C4748" s="83">
        <v>43298.75</v>
      </c>
      <c r="D4748">
        <v>271953.97989999998</v>
      </c>
      <c r="E4748">
        <v>32632.250609999999</v>
      </c>
      <c r="F4748">
        <v>106639.9669</v>
      </c>
      <c r="G4748">
        <v>39511.10514</v>
      </c>
      <c r="H4748">
        <v>46407.191809999997</v>
      </c>
      <c r="I4748">
        <v>35111.216719999997</v>
      </c>
      <c r="J4748">
        <v>54081.387730000002</v>
      </c>
      <c r="K4748">
        <v>57368.424010000002</v>
      </c>
      <c r="L4748">
        <v>32729.610359999999</v>
      </c>
      <c r="M4748">
        <v>351661.55949999997</v>
      </c>
      <c r="N4748">
        <v>93081.174029999995</v>
      </c>
      <c r="O4748">
        <v>24097.622490000002</v>
      </c>
      <c r="P4748">
        <v>39874.85873</v>
      </c>
      <c r="Q4748">
        <v>103261.86380000001</v>
      </c>
      <c r="R4748">
        <v>25430.044040000001</v>
      </c>
      <c r="S4748">
        <v>105564.44439999999</v>
      </c>
      <c r="T4748">
        <v>29251.317579999999</v>
      </c>
      <c r="U4748">
        <v>23065.567370000001</v>
      </c>
      <c r="W4748" s="83">
        <f>Bühler!N4780</f>
        <v>45489.749999988489</v>
      </c>
      <c r="X4748" s="83">
        <v>43298.75</v>
      </c>
      <c r="Y4748">
        <v>271953.97989999998</v>
      </c>
      <c r="Z4748">
        <v>32632.250609999999</v>
      </c>
      <c r="AA4748">
        <v>106639.9669</v>
      </c>
      <c r="AB4748">
        <v>39511.10514</v>
      </c>
      <c r="AC4748">
        <v>46407.191809999997</v>
      </c>
      <c r="AD4748">
        <v>35111.216719999997</v>
      </c>
      <c r="AE4748">
        <v>54081.387730000002</v>
      </c>
      <c r="AF4748">
        <v>57368.424010000002</v>
      </c>
      <c r="AG4748">
        <v>32729.610359999999</v>
      </c>
      <c r="AH4748">
        <v>351661.55949999997</v>
      </c>
      <c r="AI4748">
        <v>93081.174029999995</v>
      </c>
      <c r="AJ4748">
        <v>24097.622490000002</v>
      </c>
      <c r="AK4748">
        <v>39874.85873</v>
      </c>
      <c r="AL4748">
        <v>103261.86380000001</v>
      </c>
      <c r="AM4748">
        <v>25430.044040000001</v>
      </c>
      <c r="AN4748">
        <v>105564.44439999999</v>
      </c>
      <c r="AO4748">
        <v>29251.317579999999</v>
      </c>
      <c r="AP4748">
        <v>23065.567370000001</v>
      </c>
    </row>
    <row r="4749" spans="2:42" x14ac:dyDescent="0.3">
      <c r="B4749">
        <v>67.872686586623317</v>
      </c>
      <c r="C4749" s="83">
        <v>43298.791666666664</v>
      </c>
      <c r="D4749">
        <v>264679.66519999999</v>
      </c>
      <c r="E4749">
        <v>27198.185969999999</v>
      </c>
      <c r="F4749">
        <v>95233.916930000007</v>
      </c>
      <c r="G4749">
        <v>36455.625350000002</v>
      </c>
      <c r="H4749">
        <v>43833.009830000003</v>
      </c>
      <c r="I4749">
        <v>33935.291319999997</v>
      </c>
      <c r="J4749">
        <v>53682.928899999999</v>
      </c>
      <c r="K4749">
        <v>56262.04479</v>
      </c>
      <c r="L4749">
        <v>32489.790730000001</v>
      </c>
      <c r="M4749">
        <v>346046.60810000001</v>
      </c>
      <c r="N4749">
        <v>89923.240109999999</v>
      </c>
      <c r="O4749">
        <v>23134.83826</v>
      </c>
      <c r="P4749">
        <v>41996.763070000001</v>
      </c>
      <c r="Q4749">
        <v>100793.4623</v>
      </c>
      <c r="R4749">
        <v>23894.335070000001</v>
      </c>
      <c r="S4749">
        <v>100344.57919999999</v>
      </c>
      <c r="T4749">
        <v>28006.16517</v>
      </c>
      <c r="U4749">
        <v>22381.308069999999</v>
      </c>
      <c r="W4749" s="83">
        <f>Bühler!N4781</f>
        <v>45489.791666655154</v>
      </c>
      <c r="X4749" s="83">
        <v>43298.791666666664</v>
      </c>
      <c r="Y4749">
        <v>264679.66519999999</v>
      </c>
      <c r="Z4749">
        <v>27198.185969999999</v>
      </c>
      <c r="AA4749">
        <v>95233.916930000007</v>
      </c>
      <c r="AB4749">
        <v>36455.625350000002</v>
      </c>
      <c r="AC4749">
        <v>43833.009830000003</v>
      </c>
      <c r="AD4749">
        <v>33935.291319999997</v>
      </c>
      <c r="AE4749">
        <v>53682.928899999999</v>
      </c>
      <c r="AF4749">
        <v>56262.04479</v>
      </c>
      <c r="AG4749">
        <v>32489.790730000001</v>
      </c>
      <c r="AH4749">
        <v>346046.60810000001</v>
      </c>
      <c r="AI4749">
        <v>89923.240109999999</v>
      </c>
      <c r="AJ4749">
        <v>23134.83826</v>
      </c>
      <c r="AK4749">
        <v>41996.763070000001</v>
      </c>
      <c r="AL4749">
        <v>100793.4623</v>
      </c>
      <c r="AM4749">
        <v>23894.335070000001</v>
      </c>
      <c r="AN4749">
        <v>100344.57919999999</v>
      </c>
      <c r="AO4749">
        <v>28006.16517</v>
      </c>
      <c r="AP4749">
        <v>22381.308069999999</v>
      </c>
    </row>
    <row r="4750" spans="2:42" x14ac:dyDescent="0.3">
      <c r="B4750">
        <v>65.883611103953712</v>
      </c>
      <c r="C4750" s="83">
        <v>43298.833333333336</v>
      </c>
      <c r="D4750">
        <v>255014.01949999999</v>
      </c>
      <c r="E4750">
        <v>19583.99238</v>
      </c>
      <c r="F4750">
        <v>78359.709440000006</v>
      </c>
      <c r="G4750">
        <v>34902.842170000004</v>
      </c>
      <c r="H4750">
        <v>40450.52089</v>
      </c>
      <c r="I4750">
        <v>29859.2713</v>
      </c>
      <c r="J4750">
        <v>52338.710890000002</v>
      </c>
      <c r="K4750">
        <v>56723.677250000001</v>
      </c>
      <c r="L4750">
        <v>31883.395199999999</v>
      </c>
      <c r="M4750">
        <v>335905.3737</v>
      </c>
      <c r="N4750">
        <v>86640.847240000003</v>
      </c>
      <c r="O4750">
        <v>21312.499670000001</v>
      </c>
      <c r="P4750">
        <v>40918.772770000003</v>
      </c>
      <c r="Q4750">
        <v>97512.359530000002</v>
      </c>
      <c r="R4750">
        <v>22273.093659999999</v>
      </c>
      <c r="S4750">
        <v>91934.798370000004</v>
      </c>
      <c r="T4750">
        <v>25839.282200000001</v>
      </c>
      <c r="U4750">
        <v>21300.14285</v>
      </c>
      <c r="W4750" s="83">
        <f>Bühler!N4782</f>
        <v>45489.833333321818</v>
      </c>
      <c r="X4750" s="83">
        <v>43298.833333333336</v>
      </c>
      <c r="Y4750">
        <v>255014.01949999999</v>
      </c>
      <c r="Z4750">
        <v>19583.99238</v>
      </c>
      <c r="AA4750">
        <v>78359.709440000006</v>
      </c>
      <c r="AB4750">
        <v>34902.842170000004</v>
      </c>
      <c r="AC4750">
        <v>40450.52089</v>
      </c>
      <c r="AD4750">
        <v>29859.2713</v>
      </c>
      <c r="AE4750">
        <v>52338.710890000002</v>
      </c>
      <c r="AF4750">
        <v>56723.677250000001</v>
      </c>
      <c r="AG4750">
        <v>31883.395199999999</v>
      </c>
      <c r="AH4750">
        <v>335905.3737</v>
      </c>
      <c r="AI4750">
        <v>86640.847240000003</v>
      </c>
      <c r="AJ4750">
        <v>21312.499670000001</v>
      </c>
      <c r="AK4750">
        <v>40918.772770000003</v>
      </c>
      <c r="AL4750">
        <v>97512.359530000002</v>
      </c>
      <c r="AM4750">
        <v>22273.093659999999</v>
      </c>
      <c r="AN4750">
        <v>91934.798370000004</v>
      </c>
      <c r="AO4750">
        <v>25839.282200000001</v>
      </c>
      <c r="AP4750">
        <v>21300.14285</v>
      </c>
    </row>
    <row r="4751" spans="2:42" x14ac:dyDescent="0.3">
      <c r="B4751">
        <v>63.81208037458758</v>
      </c>
      <c r="C4751" s="83">
        <v>43298.875</v>
      </c>
      <c r="D4751">
        <v>246422.09270000001</v>
      </c>
      <c r="E4751">
        <v>16832.922439999998</v>
      </c>
      <c r="F4751">
        <v>68348.712390000001</v>
      </c>
      <c r="G4751">
        <v>32966.726199999997</v>
      </c>
      <c r="H4751">
        <v>38666.811650000003</v>
      </c>
      <c r="I4751">
        <v>27834.822960000001</v>
      </c>
      <c r="J4751">
        <v>51063.166429999997</v>
      </c>
      <c r="K4751">
        <v>56421.452729999997</v>
      </c>
      <c r="L4751">
        <v>30384.380229999999</v>
      </c>
      <c r="M4751">
        <v>325343.74400000001</v>
      </c>
      <c r="N4751">
        <v>84060.096300000005</v>
      </c>
      <c r="O4751">
        <v>19964.098290000002</v>
      </c>
      <c r="P4751">
        <v>39068.388290000003</v>
      </c>
      <c r="Q4751">
        <v>93242.575559999997</v>
      </c>
      <c r="R4751">
        <v>20680.45795</v>
      </c>
      <c r="S4751">
        <v>86824.084700000007</v>
      </c>
      <c r="T4751">
        <v>24064.371070000001</v>
      </c>
      <c r="U4751">
        <v>20574.673289999999</v>
      </c>
      <c r="W4751" s="83">
        <f>Bühler!N4783</f>
        <v>45489.874999988482</v>
      </c>
      <c r="X4751" s="83">
        <v>43298.875</v>
      </c>
      <c r="Y4751">
        <v>246422.09270000001</v>
      </c>
      <c r="Z4751">
        <v>16832.922439999998</v>
      </c>
      <c r="AA4751">
        <v>68348.712390000001</v>
      </c>
      <c r="AB4751">
        <v>32966.726199999997</v>
      </c>
      <c r="AC4751">
        <v>38666.811650000003</v>
      </c>
      <c r="AD4751">
        <v>27834.822960000001</v>
      </c>
      <c r="AE4751">
        <v>51063.166429999997</v>
      </c>
      <c r="AF4751">
        <v>56421.452729999997</v>
      </c>
      <c r="AG4751">
        <v>30384.380229999999</v>
      </c>
      <c r="AH4751">
        <v>325343.74400000001</v>
      </c>
      <c r="AI4751">
        <v>84060.096300000005</v>
      </c>
      <c r="AJ4751">
        <v>19964.098290000002</v>
      </c>
      <c r="AK4751">
        <v>39068.388290000003</v>
      </c>
      <c r="AL4751">
        <v>93242.575559999997</v>
      </c>
      <c r="AM4751">
        <v>20680.45795</v>
      </c>
      <c r="AN4751">
        <v>86824.084700000007</v>
      </c>
      <c r="AO4751">
        <v>24064.371070000001</v>
      </c>
      <c r="AP4751">
        <v>20574.673289999999</v>
      </c>
    </row>
    <row r="4752" spans="2:42" x14ac:dyDescent="0.3">
      <c r="B4752">
        <v>62.929680511911542</v>
      </c>
      <c r="C4752" s="83">
        <v>43298.916666666664</v>
      </c>
      <c r="D4752">
        <v>245733.73689999999</v>
      </c>
      <c r="E4752">
        <v>16310.06115</v>
      </c>
      <c r="F4752">
        <v>65809.059569999998</v>
      </c>
      <c r="G4752">
        <v>32884.187469999997</v>
      </c>
      <c r="H4752">
        <v>39368.471230000003</v>
      </c>
      <c r="I4752">
        <v>26922.467359999999</v>
      </c>
      <c r="J4752">
        <v>50917.793769999997</v>
      </c>
      <c r="K4752">
        <v>58880.692999999999</v>
      </c>
      <c r="L4752">
        <v>27209.83914</v>
      </c>
      <c r="M4752">
        <v>320844.85800000001</v>
      </c>
      <c r="N4752">
        <v>84271.168160000001</v>
      </c>
      <c r="O4752">
        <v>19529.77073</v>
      </c>
      <c r="P4752">
        <v>41700.351320000002</v>
      </c>
      <c r="Q4752">
        <v>92085.933139999994</v>
      </c>
      <c r="R4752">
        <v>22303</v>
      </c>
      <c r="S4752">
        <v>85883.733470000006</v>
      </c>
      <c r="T4752">
        <v>21453.63219</v>
      </c>
      <c r="U4752">
        <v>21288.133180000001</v>
      </c>
      <c r="W4752" s="83">
        <f>Bühler!N4784</f>
        <v>45489.916666655146</v>
      </c>
      <c r="X4752" s="83">
        <v>43298.916666666664</v>
      </c>
      <c r="Y4752">
        <v>245733.73689999999</v>
      </c>
      <c r="Z4752">
        <v>16310.06115</v>
      </c>
      <c r="AA4752">
        <v>65809.059569999998</v>
      </c>
      <c r="AB4752">
        <v>32884.187469999997</v>
      </c>
      <c r="AC4752">
        <v>39368.471230000003</v>
      </c>
      <c r="AD4752">
        <v>26922.467359999999</v>
      </c>
      <c r="AE4752">
        <v>50917.793769999997</v>
      </c>
      <c r="AF4752">
        <v>58880.692999999999</v>
      </c>
      <c r="AG4752">
        <v>27209.83914</v>
      </c>
      <c r="AH4752">
        <v>320844.85800000001</v>
      </c>
      <c r="AI4752">
        <v>84271.168160000001</v>
      </c>
      <c r="AJ4752">
        <v>19529.77073</v>
      </c>
      <c r="AK4752">
        <v>41700.351320000002</v>
      </c>
      <c r="AL4752">
        <v>92085.933139999994</v>
      </c>
      <c r="AM4752">
        <v>22303</v>
      </c>
      <c r="AN4752">
        <v>85883.733470000006</v>
      </c>
      <c r="AO4752">
        <v>21453.63219</v>
      </c>
      <c r="AP4752">
        <v>21288.133180000001</v>
      </c>
    </row>
    <row r="4753" spans="2:42" x14ac:dyDescent="0.3">
      <c r="B4753">
        <v>62.272550489804757</v>
      </c>
      <c r="C4753" s="83">
        <v>43298.958333333336</v>
      </c>
      <c r="D4753">
        <v>245741.76149999999</v>
      </c>
      <c r="E4753">
        <v>15140.50137</v>
      </c>
      <c r="F4753">
        <v>63722.267509999998</v>
      </c>
      <c r="G4753">
        <v>32642.18028</v>
      </c>
      <c r="H4753">
        <v>38343.132100000003</v>
      </c>
      <c r="I4753">
        <v>25989.46716</v>
      </c>
      <c r="J4753">
        <v>45922.43477</v>
      </c>
      <c r="K4753">
        <v>56771.296670000003</v>
      </c>
      <c r="L4753">
        <v>22766.485769999999</v>
      </c>
      <c r="M4753">
        <v>317494.50270000001</v>
      </c>
      <c r="N4753">
        <v>82337.445049999995</v>
      </c>
      <c r="O4753">
        <v>18324.197749999999</v>
      </c>
      <c r="P4753">
        <v>35381.118710000002</v>
      </c>
      <c r="Q4753">
        <v>92733.982319999996</v>
      </c>
      <c r="R4753">
        <v>22184.509119999999</v>
      </c>
      <c r="S4753">
        <v>83003.880579999997</v>
      </c>
      <c r="T4753">
        <v>19974.355940000001</v>
      </c>
      <c r="U4753">
        <v>21090.981390000001</v>
      </c>
      <c r="W4753" s="83">
        <f>Bühler!N4785</f>
        <v>45489.958333321811</v>
      </c>
      <c r="X4753" s="83">
        <v>43298.958333333336</v>
      </c>
      <c r="Y4753">
        <v>245741.76149999999</v>
      </c>
      <c r="Z4753">
        <v>15140.50137</v>
      </c>
      <c r="AA4753">
        <v>63722.267509999998</v>
      </c>
      <c r="AB4753">
        <v>32642.18028</v>
      </c>
      <c r="AC4753">
        <v>38343.132100000003</v>
      </c>
      <c r="AD4753">
        <v>25989.46716</v>
      </c>
      <c r="AE4753">
        <v>45922.43477</v>
      </c>
      <c r="AF4753">
        <v>56771.296670000003</v>
      </c>
      <c r="AG4753">
        <v>22766.485769999999</v>
      </c>
      <c r="AH4753">
        <v>317494.50270000001</v>
      </c>
      <c r="AI4753">
        <v>82337.445049999995</v>
      </c>
      <c r="AJ4753">
        <v>18324.197749999999</v>
      </c>
      <c r="AK4753">
        <v>35381.118710000002</v>
      </c>
      <c r="AL4753">
        <v>92733.982319999996</v>
      </c>
      <c r="AM4753">
        <v>22184.509119999999</v>
      </c>
      <c r="AN4753">
        <v>83003.880579999997</v>
      </c>
      <c r="AO4753">
        <v>19974.355940000001</v>
      </c>
      <c r="AP4753">
        <v>21090.981390000001</v>
      </c>
    </row>
    <row r="4754" spans="2:42" x14ac:dyDescent="0.3">
      <c r="B4754">
        <v>50.163474944487035</v>
      </c>
      <c r="C4754" s="83">
        <v>43299</v>
      </c>
      <c r="D4754">
        <v>179867.274</v>
      </c>
      <c r="E4754">
        <v>12835.38874</v>
      </c>
      <c r="F4754">
        <v>58153.414040000003</v>
      </c>
      <c r="G4754">
        <v>30866.440569999999</v>
      </c>
      <c r="H4754">
        <v>34925.844409999998</v>
      </c>
      <c r="I4754">
        <v>25581.838370000001</v>
      </c>
      <c r="J4754">
        <v>38750.266889999999</v>
      </c>
      <c r="K4754">
        <v>51960.574139999997</v>
      </c>
      <c r="L4754">
        <v>19838.21643</v>
      </c>
      <c r="M4754">
        <v>255756.7886</v>
      </c>
      <c r="N4754">
        <v>74473.079039999997</v>
      </c>
      <c r="O4754">
        <v>17488.82202</v>
      </c>
      <c r="P4754">
        <v>31159.91635</v>
      </c>
      <c r="Q4754">
        <v>72213.709489999994</v>
      </c>
      <c r="R4754">
        <v>17349.94183</v>
      </c>
      <c r="S4754">
        <v>76903.952510000003</v>
      </c>
      <c r="T4754">
        <v>17976.537270000001</v>
      </c>
      <c r="U4754">
        <v>18697.7588</v>
      </c>
      <c r="W4754" s="83">
        <f>Bühler!N4786</f>
        <v>45489.999999988475</v>
      </c>
      <c r="X4754" s="83">
        <v>43299</v>
      </c>
      <c r="Y4754">
        <v>179867.274</v>
      </c>
      <c r="Z4754">
        <v>12835.38874</v>
      </c>
      <c r="AA4754">
        <v>58153.414040000003</v>
      </c>
      <c r="AB4754">
        <v>30866.440569999999</v>
      </c>
      <c r="AC4754">
        <v>34925.844409999998</v>
      </c>
      <c r="AD4754">
        <v>25581.838370000001</v>
      </c>
      <c r="AE4754">
        <v>38750.266889999999</v>
      </c>
      <c r="AF4754">
        <v>51960.574139999997</v>
      </c>
      <c r="AG4754">
        <v>19838.21643</v>
      </c>
      <c r="AH4754">
        <v>255756.7886</v>
      </c>
      <c r="AI4754">
        <v>74473.079039999997</v>
      </c>
      <c r="AJ4754">
        <v>17488.82202</v>
      </c>
      <c r="AK4754">
        <v>31159.91635</v>
      </c>
      <c r="AL4754">
        <v>72213.709489999994</v>
      </c>
      <c r="AM4754">
        <v>17349.94183</v>
      </c>
      <c r="AN4754">
        <v>76903.952510000003</v>
      </c>
      <c r="AO4754">
        <v>17976.537270000001</v>
      </c>
      <c r="AP4754">
        <v>18697.7588</v>
      </c>
    </row>
    <row r="4755" spans="2:42" x14ac:dyDescent="0.3">
      <c r="B4755">
        <v>50.192913699189575</v>
      </c>
      <c r="C4755" s="83">
        <v>43299.041666666664</v>
      </c>
      <c r="D4755">
        <v>180436.28140000001</v>
      </c>
      <c r="E4755">
        <v>12604.19262</v>
      </c>
      <c r="F4755">
        <v>57454.170359999996</v>
      </c>
      <c r="G4755">
        <v>30270.434809999999</v>
      </c>
      <c r="H4755">
        <v>34480.308169999997</v>
      </c>
      <c r="I4755">
        <v>21285.97709</v>
      </c>
      <c r="J4755">
        <v>37252.07776</v>
      </c>
      <c r="K4755">
        <v>49915.288009999997</v>
      </c>
      <c r="L4755">
        <v>18458.239699999998</v>
      </c>
      <c r="M4755">
        <v>255906.8811</v>
      </c>
      <c r="N4755">
        <v>73443.458629999994</v>
      </c>
      <c r="O4755">
        <v>16877.80168</v>
      </c>
      <c r="P4755">
        <v>28976.996800000001</v>
      </c>
      <c r="Q4755">
        <v>73459.725349999993</v>
      </c>
      <c r="R4755">
        <v>14673.96449</v>
      </c>
      <c r="S4755">
        <v>75405.595969999995</v>
      </c>
      <c r="T4755">
        <v>17392.55558</v>
      </c>
      <c r="U4755">
        <v>18338.46341</v>
      </c>
      <c r="W4755" s="83">
        <f>Bühler!N4787</f>
        <v>45490.041666655139</v>
      </c>
      <c r="X4755" s="83">
        <v>43299.041666666664</v>
      </c>
      <c r="Y4755">
        <v>180436.28140000001</v>
      </c>
      <c r="Z4755">
        <v>12604.19262</v>
      </c>
      <c r="AA4755">
        <v>57454.170359999996</v>
      </c>
      <c r="AB4755">
        <v>30270.434809999999</v>
      </c>
      <c r="AC4755">
        <v>34480.308169999997</v>
      </c>
      <c r="AD4755">
        <v>21285.97709</v>
      </c>
      <c r="AE4755">
        <v>37252.07776</v>
      </c>
      <c r="AF4755">
        <v>49915.288009999997</v>
      </c>
      <c r="AG4755">
        <v>18458.239699999998</v>
      </c>
      <c r="AH4755">
        <v>255906.8811</v>
      </c>
      <c r="AI4755">
        <v>73443.458629999994</v>
      </c>
      <c r="AJ4755">
        <v>16877.80168</v>
      </c>
      <c r="AK4755">
        <v>28976.996800000001</v>
      </c>
      <c r="AL4755">
        <v>73459.725349999993</v>
      </c>
      <c r="AM4755">
        <v>14673.96449</v>
      </c>
      <c r="AN4755">
        <v>75405.595969999995</v>
      </c>
      <c r="AO4755">
        <v>17392.55558</v>
      </c>
      <c r="AP4755">
        <v>18338.46341</v>
      </c>
    </row>
    <row r="4756" spans="2:42" x14ac:dyDescent="0.3">
      <c r="B4756">
        <v>51.076820544453057</v>
      </c>
      <c r="C4756" s="83">
        <v>43299.083333333336</v>
      </c>
      <c r="D4756">
        <v>182042.04010000001</v>
      </c>
      <c r="E4756">
        <v>12634.180189999999</v>
      </c>
      <c r="F4756">
        <v>58562.346080000003</v>
      </c>
      <c r="G4756">
        <v>29210.822649999998</v>
      </c>
      <c r="H4756">
        <v>34105.69659</v>
      </c>
      <c r="I4756">
        <v>18239.299589999999</v>
      </c>
      <c r="J4756">
        <v>36630.774120000002</v>
      </c>
      <c r="K4756">
        <v>49262.299899999998</v>
      </c>
      <c r="L4756">
        <v>17933.854319999999</v>
      </c>
      <c r="M4756">
        <v>260413.4504</v>
      </c>
      <c r="N4756">
        <v>72463.749360000002</v>
      </c>
      <c r="O4756">
        <v>16332.53306</v>
      </c>
      <c r="P4756">
        <v>27449.95433</v>
      </c>
      <c r="Q4756">
        <v>77036.745519999997</v>
      </c>
      <c r="R4756">
        <v>14880.201419999999</v>
      </c>
      <c r="S4756">
        <v>74111.014129999996</v>
      </c>
      <c r="T4756">
        <v>16721.269840000001</v>
      </c>
      <c r="U4756">
        <v>18155.117129999999</v>
      </c>
      <c r="W4756" s="83">
        <f>Bühler!N4788</f>
        <v>45490.083333321803</v>
      </c>
      <c r="X4756" s="83">
        <v>43299.083333333336</v>
      </c>
      <c r="Y4756">
        <v>182042.04010000001</v>
      </c>
      <c r="Z4756">
        <v>12634.180189999999</v>
      </c>
      <c r="AA4756">
        <v>58562.346080000003</v>
      </c>
      <c r="AB4756">
        <v>29210.822649999998</v>
      </c>
      <c r="AC4756">
        <v>34105.69659</v>
      </c>
      <c r="AD4756">
        <v>18239.299589999999</v>
      </c>
      <c r="AE4756">
        <v>36630.774120000002</v>
      </c>
      <c r="AF4756">
        <v>49262.299899999998</v>
      </c>
      <c r="AG4756">
        <v>17933.854319999999</v>
      </c>
      <c r="AH4756">
        <v>260413.4504</v>
      </c>
      <c r="AI4756">
        <v>72463.749360000002</v>
      </c>
      <c r="AJ4756">
        <v>16332.53306</v>
      </c>
      <c r="AK4756">
        <v>27449.95433</v>
      </c>
      <c r="AL4756">
        <v>77036.745519999997</v>
      </c>
      <c r="AM4756">
        <v>14880.201419999999</v>
      </c>
      <c r="AN4756">
        <v>74111.014129999996</v>
      </c>
      <c r="AO4756">
        <v>16721.269840000001</v>
      </c>
      <c r="AP4756">
        <v>18155.117129999999</v>
      </c>
    </row>
    <row r="4757" spans="2:42" x14ac:dyDescent="0.3">
      <c r="B4757">
        <v>52.610959690500621</v>
      </c>
      <c r="C4757" s="83">
        <v>43299.125</v>
      </c>
      <c r="D4757">
        <v>184637.61629999999</v>
      </c>
      <c r="E4757">
        <v>12420.79443</v>
      </c>
      <c r="F4757">
        <v>59726.32617</v>
      </c>
      <c r="G4757">
        <v>28349.113270000002</v>
      </c>
      <c r="H4757">
        <v>33745.80704</v>
      </c>
      <c r="I4757">
        <v>17232.52043</v>
      </c>
      <c r="J4757">
        <v>36565.246780000001</v>
      </c>
      <c r="K4757">
        <v>47733.34618</v>
      </c>
      <c r="L4757">
        <v>17527.95204</v>
      </c>
      <c r="M4757">
        <v>268235.2072</v>
      </c>
      <c r="N4757">
        <v>72633.836020000002</v>
      </c>
      <c r="O4757">
        <v>16366.760200000001</v>
      </c>
      <c r="P4757">
        <v>25789.637719999999</v>
      </c>
      <c r="Q4757">
        <v>82147.437839999999</v>
      </c>
      <c r="R4757">
        <v>14772.643</v>
      </c>
      <c r="S4757">
        <v>73498.325800000006</v>
      </c>
      <c r="T4757">
        <v>16599.315200000001</v>
      </c>
      <c r="U4757">
        <v>18043.362690000002</v>
      </c>
      <c r="W4757" s="83">
        <f>Bühler!N4789</f>
        <v>45490.124999988468</v>
      </c>
      <c r="X4757" s="83">
        <v>43299.125</v>
      </c>
      <c r="Y4757">
        <v>184637.61629999999</v>
      </c>
      <c r="Z4757">
        <v>12420.79443</v>
      </c>
      <c r="AA4757">
        <v>59726.32617</v>
      </c>
      <c r="AB4757">
        <v>28349.113270000002</v>
      </c>
      <c r="AC4757">
        <v>33745.80704</v>
      </c>
      <c r="AD4757">
        <v>17232.52043</v>
      </c>
      <c r="AE4757">
        <v>36565.246780000001</v>
      </c>
      <c r="AF4757">
        <v>47733.34618</v>
      </c>
      <c r="AG4757">
        <v>17527.95204</v>
      </c>
      <c r="AH4757">
        <v>268235.2072</v>
      </c>
      <c r="AI4757">
        <v>72633.836020000002</v>
      </c>
      <c r="AJ4757">
        <v>16366.760200000001</v>
      </c>
      <c r="AK4757">
        <v>25789.637719999999</v>
      </c>
      <c r="AL4757">
        <v>82147.437839999999</v>
      </c>
      <c r="AM4757">
        <v>14772.643</v>
      </c>
      <c r="AN4757">
        <v>73498.325800000006</v>
      </c>
      <c r="AO4757">
        <v>16599.315200000001</v>
      </c>
      <c r="AP4757">
        <v>18043.362690000002</v>
      </c>
    </row>
    <row r="4758" spans="2:42" x14ac:dyDescent="0.3">
      <c r="B4758">
        <v>55.396112410475894</v>
      </c>
      <c r="C4758" s="83">
        <v>43299.166666666664</v>
      </c>
      <c r="D4758">
        <v>195503.04120000001</v>
      </c>
      <c r="E4758">
        <v>13076.87096</v>
      </c>
      <c r="F4758">
        <v>63618.433799999999</v>
      </c>
      <c r="G4758">
        <v>28168.119340000001</v>
      </c>
      <c r="H4758">
        <v>34573.530440000002</v>
      </c>
      <c r="I4758">
        <v>18413.123769999998</v>
      </c>
      <c r="J4758">
        <v>38492.798600000002</v>
      </c>
      <c r="K4758">
        <v>47436.839160000003</v>
      </c>
      <c r="L4758">
        <v>17497.713080000001</v>
      </c>
      <c r="M4758">
        <v>282435.21460000001</v>
      </c>
      <c r="N4758">
        <v>72312.628479999999</v>
      </c>
      <c r="O4758">
        <v>16691.435799999999</v>
      </c>
      <c r="P4758">
        <v>25226.177100000001</v>
      </c>
      <c r="Q4758">
        <v>87919.422919999997</v>
      </c>
      <c r="R4758">
        <v>14795.209709999999</v>
      </c>
      <c r="S4758">
        <v>73207.699890000004</v>
      </c>
      <c r="T4758">
        <v>16876.010190000001</v>
      </c>
      <c r="U4758">
        <v>19055.156299999999</v>
      </c>
      <c r="W4758" s="83">
        <f>Bühler!N4790</f>
        <v>45490.166666655132</v>
      </c>
      <c r="X4758" s="83">
        <v>43299.166666666664</v>
      </c>
      <c r="Y4758">
        <v>195503.04120000001</v>
      </c>
      <c r="Z4758">
        <v>13076.87096</v>
      </c>
      <c r="AA4758">
        <v>63618.433799999999</v>
      </c>
      <c r="AB4758">
        <v>28168.119340000001</v>
      </c>
      <c r="AC4758">
        <v>34573.530440000002</v>
      </c>
      <c r="AD4758">
        <v>18413.123769999998</v>
      </c>
      <c r="AE4758">
        <v>38492.798600000002</v>
      </c>
      <c r="AF4758">
        <v>47436.839160000003</v>
      </c>
      <c r="AG4758">
        <v>17497.713080000001</v>
      </c>
      <c r="AH4758">
        <v>282435.21460000001</v>
      </c>
      <c r="AI4758">
        <v>72312.628479999999</v>
      </c>
      <c r="AJ4758">
        <v>16691.435799999999</v>
      </c>
      <c r="AK4758">
        <v>25226.177100000001</v>
      </c>
      <c r="AL4758">
        <v>87919.422919999997</v>
      </c>
      <c r="AM4758">
        <v>14795.209709999999</v>
      </c>
      <c r="AN4758">
        <v>73207.699890000004</v>
      </c>
      <c r="AO4758">
        <v>16876.010190000001</v>
      </c>
      <c r="AP4758">
        <v>19055.156299999999</v>
      </c>
    </row>
    <row r="4759" spans="2:42" x14ac:dyDescent="0.3">
      <c r="B4759">
        <v>60.610989476782429</v>
      </c>
      <c r="C4759" s="83">
        <v>43299.208333333336</v>
      </c>
      <c r="D4759">
        <v>227316.29209999999</v>
      </c>
      <c r="E4759">
        <v>15201.29623</v>
      </c>
      <c r="F4759">
        <v>73375.223610000001</v>
      </c>
      <c r="G4759">
        <v>29034.541310000001</v>
      </c>
      <c r="H4759">
        <v>36120.447549999997</v>
      </c>
      <c r="I4759">
        <v>23954.606889999999</v>
      </c>
      <c r="J4759">
        <v>41858.389909999998</v>
      </c>
      <c r="K4759">
        <v>49042.004159999997</v>
      </c>
      <c r="L4759">
        <v>18267.13308</v>
      </c>
      <c r="M4759">
        <v>309023.08980000002</v>
      </c>
      <c r="N4759">
        <v>73608.785390000005</v>
      </c>
      <c r="O4759">
        <v>17502.577679999999</v>
      </c>
      <c r="P4759">
        <v>26490.899549999998</v>
      </c>
      <c r="Q4759">
        <v>92962.964349999995</v>
      </c>
      <c r="R4759">
        <v>16750.396949999998</v>
      </c>
      <c r="S4759">
        <v>75825.099199999997</v>
      </c>
      <c r="T4759">
        <v>18747.4205</v>
      </c>
      <c r="U4759">
        <v>21212.523120000002</v>
      </c>
      <c r="W4759" s="83">
        <f>Bühler!N4791</f>
        <v>45490.208333321796</v>
      </c>
      <c r="X4759" s="83">
        <v>43299.208333333336</v>
      </c>
      <c r="Y4759">
        <v>227316.29209999999</v>
      </c>
      <c r="Z4759">
        <v>15201.29623</v>
      </c>
      <c r="AA4759">
        <v>73375.223610000001</v>
      </c>
      <c r="AB4759">
        <v>29034.541310000001</v>
      </c>
      <c r="AC4759">
        <v>36120.447549999997</v>
      </c>
      <c r="AD4759">
        <v>23954.606889999999</v>
      </c>
      <c r="AE4759">
        <v>41858.389909999998</v>
      </c>
      <c r="AF4759">
        <v>49042.004159999997</v>
      </c>
      <c r="AG4759">
        <v>18267.13308</v>
      </c>
      <c r="AH4759">
        <v>309023.08980000002</v>
      </c>
      <c r="AI4759">
        <v>73608.785390000005</v>
      </c>
      <c r="AJ4759">
        <v>17502.577679999999</v>
      </c>
      <c r="AK4759">
        <v>26490.899549999998</v>
      </c>
      <c r="AL4759">
        <v>92962.964349999995</v>
      </c>
      <c r="AM4759">
        <v>16750.396949999998</v>
      </c>
      <c r="AN4759">
        <v>75825.099199999997</v>
      </c>
      <c r="AO4759">
        <v>18747.4205</v>
      </c>
      <c r="AP4759">
        <v>21212.523120000002</v>
      </c>
    </row>
    <row r="4760" spans="2:42" x14ac:dyDescent="0.3">
      <c r="B4760">
        <v>64.573468160568524</v>
      </c>
      <c r="C4760" s="83">
        <v>43299.25</v>
      </c>
      <c r="D4760">
        <v>252851.16099999999</v>
      </c>
      <c r="E4760">
        <v>18795.360199999999</v>
      </c>
      <c r="F4760">
        <v>82439.70534</v>
      </c>
      <c r="G4760">
        <v>31052.846399999999</v>
      </c>
      <c r="H4760">
        <v>37590.451240000002</v>
      </c>
      <c r="I4760">
        <v>28391.40294</v>
      </c>
      <c r="J4760">
        <v>44401.78241</v>
      </c>
      <c r="K4760">
        <v>50511.841110000001</v>
      </c>
      <c r="L4760">
        <v>19891.265309999999</v>
      </c>
      <c r="M4760">
        <v>329225.65399999998</v>
      </c>
      <c r="N4760">
        <v>75645.892300000007</v>
      </c>
      <c r="O4760">
        <v>19140.51295</v>
      </c>
      <c r="P4760">
        <v>27748.15263</v>
      </c>
      <c r="Q4760">
        <v>95539.84143</v>
      </c>
      <c r="R4760">
        <v>16697.149280000001</v>
      </c>
      <c r="S4760">
        <v>82240.194019999995</v>
      </c>
      <c r="T4760">
        <v>20367.421859999999</v>
      </c>
      <c r="U4760">
        <v>23076.692019999999</v>
      </c>
      <c r="W4760" s="83">
        <f>Bühler!N4792</f>
        <v>45490.24999998846</v>
      </c>
      <c r="X4760" s="83">
        <v>43299.25</v>
      </c>
      <c r="Y4760">
        <v>252851.16099999999</v>
      </c>
      <c r="Z4760">
        <v>18795.360199999999</v>
      </c>
      <c r="AA4760">
        <v>82439.70534</v>
      </c>
      <c r="AB4760">
        <v>31052.846399999999</v>
      </c>
      <c r="AC4760">
        <v>37590.451240000002</v>
      </c>
      <c r="AD4760">
        <v>28391.40294</v>
      </c>
      <c r="AE4760">
        <v>44401.78241</v>
      </c>
      <c r="AF4760">
        <v>50511.841110000001</v>
      </c>
      <c r="AG4760">
        <v>19891.265309999999</v>
      </c>
      <c r="AH4760">
        <v>329225.65399999998</v>
      </c>
      <c r="AI4760">
        <v>75645.892300000007</v>
      </c>
      <c r="AJ4760">
        <v>19140.51295</v>
      </c>
      <c r="AK4760">
        <v>27748.15263</v>
      </c>
      <c r="AL4760">
        <v>95539.84143</v>
      </c>
      <c r="AM4760">
        <v>16697.149280000001</v>
      </c>
      <c r="AN4760">
        <v>82240.194019999995</v>
      </c>
      <c r="AO4760">
        <v>20367.421859999999</v>
      </c>
      <c r="AP4760">
        <v>23076.692019999999</v>
      </c>
    </row>
    <row r="4761" spans="2:42" x14ac:dyDescent="0.3">
      <c r="B4761">
        <v>67.253303484294392</v>
      </c>
      <c r="C4761" s="83">
        <v>43299.291666666664</v>
      </c>
      <c r="D4761">
        <v>269692.57130000001</v>
      </c>
      <c r="E4761">
        <v>23186.868880000002</v>
      </c>
      <c r="F4761">
        <v>85887.252399999998</v>
      </c>
      <c r="G4761">
        <v>34875.294329999997</v>
      </c>
      <c r="H4761">
        <v>42056.828600000001</v>
      </c>
      <c r="I4761">
        <v>33519.864280000002</v>
      </c>
      <c r="J4761">
        <v>45906.257689999999</v>
      </c>
      <c r="K4761">
        <v>54811.60108</v>
      </c>
      <c r="L4761">
        <v>22526.073369999998</v>
      </c>
      <c r="M4761">
        <v>342888.70419999998</v>
      </c>
      <c r="N4761">
        <v>79596.210210000005</v>
      </c>
      <c r="O4761">
        <v>22265.423989999999</v>
      </c>
      <c r="P4761">
        <v>31342.528569999999</v>
      </c>
      <c r="Q4761">
        <v>96540.311889999997</v>
      </c>
      <c r="R4761">
        <v>17607.99656</v>
      </c>
      <c r="S4761">
        <v>95783.02145</v>
      </c>
      <c r="T4761">
        <v>22514.889510000001</v>
      </c>
      <c r="U4761">
        <v>26310.742119999999</v>
      </c>
      <c r="W4761" s="83">
        <f>Bühler!N4793</f>
        <v>45490.291666655125</v>
      </c>
      <c r="X4761" s="83">
        <v>43299.291666666664</v>
      </c>
      <c r="Y4761">
        <v>269692.57130000001</v>
      </c>
      <c r="Z4761">
        <v>23186.868880000002</v>
      </c>
      <c r="AA4761">
        <v>85887.252399999998</v>
      </c>
      <c r="AB4761">
        <v>34875.294329999997</v>
      </c>
      <c r="AC4761">
        <v>42056.828600000001</v>
      </c>
      <c r="AD4761">
        <v>33519.864280000002</v>
      </c>
      <c r="AE4761">
        <v>45906.257689999999</v>
      </c>
      <c r="AF4761">
        <v>54811.60108</v>
      </c>
      <c r="AG4761">
        <v>22526.073369999998</v>
      </c>
      <c r="AH4761">
        <v>342888.70419999998</v>
      </c>
      <c r="AI4761">
        <v>79596.210210000005</v>
      </c>
      <c r="AJ4761">
        <v>22265.423989999999</v>
      </c>
      <c r="AK4761">
        <v>31342.528569999999</v>
      </c>
      <c r="AL4761">
        <v>96540.311889999997</v>
      </c>
      <c r="AM4761">
        <v>17607.99656</v>
      </c>
      <c r="AN4761">
        <v>95783.02145</v>
      </c>
      <c r="AO4761">
        <v>22514.889510000001</v>
      </c>
      <c r="AP4761">
        <v>26310.742119999999</v>
      </c>
    </row>
    <row r="4762" spans="2:42" x14ac:dyDescent="0.3">
      <c r="B4762">
        <v>69.033452864768449</v>
      </c>
      <c r="C4762" s="83">
        <v>43299.333333333336</v>
      </c>
      <c r="D4762">
        <v>285510.22859999997</v>
      </c>
      <c r="E4762">
        <v>29163.388589999999</v>
      </c>
      <c r="F4762">
        <v>92893.524579999998</v>
      </c>
      <c r="G4762">
        <v>40128.965369999998</v>
      </c>
      <c r="H4762">
        <v>46720.233749999999</v>
      </c>
      <c r="I4762">
        <v>37187.189830000003</v>
      </c>
      <c r="J4762">
        <v>49261.82617</v>
      </c>
      <c r="K4762">
        <v>62141.197030000003</v>
      </c>
      <c r="L4762">
        <v>26078.163570000001</v>
      </c>
      <c r="M4762">
        <v>351964.73590000003</v>
      </c>
      <c r="N4762">
        <v>86808.85656</v>
      </c>
      <c r="O4762">
        <v>24975.109120000001</v>
      </c>
      <c r="P4762">
        <v>34018.320220000001</v>
      </c>
      <c r="Q4762">
        <v>98920.894270000004</v>
      </c>
      <c r="R4762">
        <v>19902.06595</v>
      </c>
      <c r="S4762">
        <v>107343.50410000001</v>
      </c>
      <c r="T4762">
        <v>25368.95607</v>
      </c>
      <c r="U4762">
        <v>29582.021280000001</v>
      </c>
      <c r="W4762" s="83">
        <f>Bühler!N4794</f>
        <v>45490.333333321789</v>
      </c>
      <c r="X4762" s="83">
        <v>43299.333333333336</v>
      </c>
      <c r="Y4762">
        <v>285510.22859999997</v>
      </c>
      <c r="Z4762">
        <v>29163.388589999999</v>
      </c>
      <c r="AA4762">
        <v>92893.524579999998</v>
      </c>
      <c r="AB4762">
        <v>40128.965369999998</v>
      </c>
      <c r="AC4762">
        <v>46720.233749999999</v>
      </c>
      <c r="AD4762">
        <v>37187.189830000003</v>
      </c>
      <c r="AE4762">
        <v>49261.82617</v>
      </c>
      <c r="AF4762">
        <v>62141.197030000003</v>
      </c>
      <c r="AG4762">
        <v>26078.163570000001</v>
      </c>
      <c r="AH4762">
        <v>351964.73590000003</v>
      </c>
      <c r="AI4762">
        <v>86808.85656</v>
      </c>
      <c r="AJ4762">
        <v>24975.109120000001</v>
      </c>
      <c r="AK4762">
        <v>34018.320220000001</v>
      </c>
      <c r="AL4762">
        <v>98920.894270000004</v>
      </c>
      <c r="AM4762">
        <v>19902.06595</v>
      </c>
      <c r="AN4762">
        <v>107343.50410000001</v>
      </c>
      <c r="AO4762">
        <v>25368.95607</v>
      </c>
      <c r="AP4762">
        <v>29582.021280000001</v>
      </c>
    </row>
    <row r="4763" spans="2:42" x14ac:dyDescent="0.3">
      <c r="B4763">
        <v>69.362263567352571</v>
      </c>
      <c r="C4763" s="83">
        <v>43299.375</v>
      </c>
      <c r="D4763">
        <v>290469.10590000002</v>
      </c>
      <c r="E4763">
        <v>34678.392870000003</v>
      </c>
      <c r="F4763">
        <v>100981.3763</v>
      </c>
      <c r="G4763">
        <v>43799.854010000003</v>
      </c>
      <c r="H4763">
        <v>49801.21314</v>
      </c>
      <c r="I4763">
        <v>37497.224909999997</v>
      </c>
      <c r="J4763">
        <v>52128.375249999997</v>
      </c>
      <c r="K4763">
        <v>65944.014509999994</v>
      </c>
      <c r="L4763">
        <v>29471.758600000001</v>
      </c>
      <c r="M4763">
        <v>353641.16619999998</v>
      </c>
      <c r="N4763">
        <v>89952.276989999998</v>
      </c>
      <c r="O4763">
        <v>25437.12168</v>
      </c>
      <c r="P4763">
        <v>36854.374360000002</v>
      </c>
      <c r="Q4763">
        <v>101833.018</v>
      </c>
      <c r="R4763">
        <v>20641.24944</v>
      </c>
      <c r="S4763">
        <v>115830.2718</v>
      </c>
      <c r="T4763">
        <v>27809.56524</v>
      </c>
      <c r="U4763">
        <v>30854.92238</v>
      </c>
      <c r="W4763" s="83">
        <f>Bühler!N4795</f>
        <v>45490.374999988453</v>
      </c>
      <c r="X4763" s="83">
        <v>43299.375</v>
      </c>
      <c r="Y4763">
        <v>290469.10590000002</v>
      </c>
      <c r="Z4763">
        <v>34678.392870000003</v>
      </c>
      <c r="AA4763">
        <v>100981.3763</v>
      </c>
      <c r="AB4763">
        <v>43799.854010000003</v>
      </c>
      <c r="AC4763">
        <v>49801.21314</v>
      </c>
      <c r="AD4763">
        <v>37497.224909999997</v>
      </c>
      <c r="AE4763">
        <v>52128.375249999997</v>
      </c>
      <c r="AF4763">
        <v>65944.014509999994</v>
      </c>
      <c r="AG4763">
        <v>29471.758600000001</v>
      </c>
      <c r="AH4763">
        <v>353641.16619999998</v>
      </c>
      <c r="AI4763">
        <v>89952.276989999998</v>
      </c>
      <c r="AJ4763">
        <v>25437.12168</v>
      </c>
      <c r="AK4763">
        <v>36854.374360000002</v>
      </c>
      <c r="AL4763">
        <v>101833.018</v>
      </c>
      <c r="AM4763">
        <v>20641.24944</v>
      </c>
      <c r="AN4763">
        <v>115830.2718</v>
      </c>
      <c r="AO4763">
        <v>27809.56524</v>
      </c>
      <c r="AP4763">
        <v>30854.92238</v>
      </c>
    </row>
    <row r="4764" spans="2:42" x14ac:dyDescent="0.3">
      <c r="B4764">
        <v>70.456298974451201</v>
      </c>
      <c r="C4764" s="83">
        <v>43299.416666666664</v>
      </c>
      <c r="D4764">
        <v>295795.01370000001</v>
      </c>
      <c r="E4764">
        <v>37305.308270000001</v>
      </c>
      <c r="F4764">
        <v>104503.5318</v>
      </c>
      <c r="G4764">
        <v>45146.241629999997</v>
      </c>
      <c r="H4764">
        <v>51528.205600000001</v>
      </c>
      <c r="I4764">
        <v>36857.654130000003</v>
      </c>
      <c r="J4764">
        <v>53703.114329999997</v>
      </c>
      <c r="K4764">
        <v>68465.634590000001</v>
      </c>
      <c r="L4764">
        <v>33423.100469999998</v>
      </c>
      <c r="M4764">
        <v>359219.06890000001</v>
      </c>
      <c r="N4764">
        <v>94981.066600000006</v>
      </c>
      <c r="O4764">
        <v>27263.254939999999</v>
      </c>
      <c r="P4764">
        <v>39223.101390000003</v>
      </c>
      <c r="Q4764">
        <v>103563.6943</v>
      </c>
      <c r="R4764">
        <v>21514.477029999998</v>
      </c>
      <c r="S4764">
        <v>120288.40029999999</v>
      </c>
      <c r="T4764">
        <v>30846.258959999999</v>
      </c>
      <c r="U4764">
        <v>31026.715950000002</v>
      </c>
      <c r="W4764" s="83">
        <f>Bühler!N4796</f>
        <v>45490.416666655117</v>
      </c>
      <c r="X4764" s="83">
        <v>43299.416666666664</v>
      </c>
      <c r="Y4764">
        <v>295795.01370000001</v>
      </c>
      <c r="Z4764">
        <v>37305.308270000001</v>
      </c>
      <c r="AA4764">
        <v>104503.5318</v>
      </c>
      <c r="AB4764">
        <v>45146.241629999997</v>
      </c>
      <c r="AC4764">
        <v>51528.205600000001</v>
      </c>
      <c r="AD4764">
        <v>36857.654130000003</v>
      </c>
      <c r="AE4764">
        <v>53703.114329999997</v>
      </c>
      <c r="AF4764">
        <v>68465.634590000001</v>
      </c>
      <c r="AG4764">
        <v>33423.100469999998</v>
      </c>
      <c r="AH4764">
        <v>359219.06890000001</v>
      </c>
      <c r="AI4764">
        <v>94981.066600000006</v>
      </c>
      <c r="AJ4764">
        <v>27263.254939999999</v>
      </c>
      <c r="AK4764">
        <v>39223.101390000003</v>
      </c>
      <c r="AL4764">
        <v>103563.6943</v>
      </c>
      <c r="AM4764">
        <v>21514.477029999998</v>
      </c>
      <c r="AN4764">
        <v>120288.40029999999</v>
      </c>
      <c r="AO4764">
        <v>30846.258959999999</v>
      </c>
      <c r="AP4764">
        <v>31026.715950000002</v>
      </c>
    </row>
    <row r="4765" spans="2:42" x14ac:dyDescent="0.3">
      <c r="B4765">
        <v>71.504592351621937</v>
      </c>
      <c r="C4765" s="83">
        <v>43299.458333333336</v>
      </c>
      <c r="D4765">
        <v>296524.1692</v>
      </c>
      <c r="E4765">
        <v>37872.92613</v>
      </c>
      <c r="F4765">
        <v>105916.25260000001</v>
      </c>
      <c r="G4765">
        <v>45731.231720000003</v>
      </c>
      <c r="H4765">
        <v>52051.755649999999</v>
      </c>
      <c r="I4765">
        <v>36179.241190000001</v>
      </c>
      <c r="J4765">
        <v>54142.390650000001</v>
      </c>
      <c r="K4765">
        <v>68953.82157</v>
      </c>
      <c r="L4765">
        <v>35561.147660000002</v>
      </c>
      <c r="M4765">
        <v>364563.7574</v>
      </c>
      <c r="N4765">
        <v>97475.95723</v>
      </c>
      <c r="O4765">
        <v>28627.30631</v>
      </c>
      <c r="P4765">
        <v>39571.009160000001</v>
      </c>
      <c r="Q4765">
        <v>105434.1102</v>
      </c>
      <c r="R4765">
        <v>26030.70694</v>
      </c>
      <c r="S4765">
        <v>123452.17019999999</v>
      </c>
      <c r="T4765">
        <v>31889.329170000001</v>
      </c>
      <c r="U4765">
        <v>30339.80125</v>
      </c>
      <c r="W4765" s="83">
        <f>Bühler!N4797</f>
        <v>45490.458333321782</v>
      </c>
      <c r="X4765" s="83">
        <v>43299.458333333336</v>
      </c>
      <c r="Y4765">
        <v>296524.1692</v>
      </c>
      <c r="Z4765">
        <v>37872.92613</v>
      </c>
      <c r="AA4765">
        <v>105916.25260000001</v>
      </c>
      <c r="AB4765">
        <v>45731.231720000003</v>
      </c>
      <c r="AC4765">
        <v>52051.755649999999</v>
      </c>
      <c r="AD4765">
        <v>36179.241190000001</v>
      </c>
      <c r="AE4765">
        <v>54142.390650000001</v>
      </c>
      <c r="AF4765">
        <v>68953.82157</v>
      </c>
      <c r="AG4765">
        <v>35561.147660000002</v>
      </c>
      <c r="AH4765">
        <v>364563.7574</v>
      </c>
      <c r="AI4765">
        <v>97475.95723</v>
      </c>
      <c r="AJ4765">
        <v>28627.30631</v>
      </c>
      <c r="AK4765">
        <v>39571.009160000001</v>
      </c>
      <c r="AL4765">
        <v>105434.1102</v>
      </c>
      <c r="AM4765">
        <v>26030.70694</v>
      </c>
      <c r="AN4765">
        <v>123452.17019999999</v>
      </c>
      <c r="AO4765">
        <v>31889.329170000001</v>
      </c>
      <c r="AP4765">
        <v>30339.80125</v>
      </c>
    </row>
    <row r="4766" spans="2:42" x14ac:dyDescent="0.3">
      <c r="B4766">
        <v>71.534479809884843</v>
      </c>
      <c r="C4766" s="83">
        <v>43299.5</v>
      </c>
      <c r="D4766">
        <v>287456.33390000003</v>
      </c>
      <c r="E4766">
        <v>34982.321790000002</v>
      </c>
      <c r="F4766">
        <v>99934.258660000007</v>
      </c>
      <c r="G4766">
        <v>45028.93391</v>
      </c>
      <c r="H4766">
        <v>50309.865949999999</v>
      </c>
      <c r="I4766">
        <v>35144.085789999997</v>
      </c>
      <c r="J4766">
        <v>55342.535490000002</v>
      </c>
      <c r="K4766">
        <v>65937.333970000007</v>
      </c>
      <c r="L4766">
        <v>37855.221120000002</v>
      </c>
      <c r="M4766">
        <v>364716.13760000002</v>
      </c>
      <c r="N4766">
        <v>96855.984649999999</v>
      </c>
      <c r="O4766">
        <v>27570.02778</v>
      </c>
      <c r="P4766">
        <v>41258.778579999998</v>
      </c>
      <c r="Q4766">
        <v>105323.7077</v>
      </c>
      <c r="R4766">
        <v>25951.376980000001</v>
      </c>
      <c r="S4766">
        <v>119280.467</v>
      </c>
      <c r="T4766">
        <v>30997.018609999999</v>
      </c>
      <c r="U4766">
        <v>26402.904030000002</v>
      </c>
      <c r="W4766" s="83">
        <f>Bühler!N4798</f>
        <v>45490.499999988446</v>
      </c>
      <c r="X4766" s="83">
        <v>43299.5</v>
      </c>
      <c r="Y4766">
        <v>287456.33390000003</v>
      </c>
      <c r="Z4766">
        <v>34982.321790000002</v>
      </c>
      <c r="AA4766">
        <v>99934.258660000007</v>
      </c>
      <c r="AB4766">
        <v>45028.93391</v>
      </c>
      <c r="AC4766">
        <v>50309.865949999999</v>
      </c>
      <c r="AD4766">
        <v>35144.085789999997</v>
      </c>
      <c r="AE4766">
        <v>55342.535490000002</v>
      </c>
      <c r="AF4766">
        <v>65937.333970000007</v>
      </c>
      <c r="AG4766">
        <v>37855.221120000002</v>
      </c>
      <c r="AH4766">
        <v>364716.13760000002</v>
      </c>
      <c r="AI4766">
        <v>96855.984649999999</v>
      </c>
      <c r="AJ4766">
        <v>27570.02778</v>
      </c>
      <c r="AK4766">
        <v>41258.778579999998</v>
      </c>
      <c r="AL4766">
        <v>105323.7077</v>
      </c>
      <c r="AM4766">
        <v>25951.376980000001</v>
      </c>
      <c r="AN4766">
        <v>119280.467</v>
      </c>
      <c r="AO4766">
        <v>30997.018609999999</v>
      </c>
      <c r="AP4766">
        <v>26402.904030000002</v>
      </c>
    </row>
    <row r="4767" spans="2:42" x14ac:dyDescent="0.3">
      <c r="B4767">
        <v>71.500983050556528</v>
      </c>
      <c r="C4767" s="83">
        <v>43299.541666666664</v>
      </c>
      <c r="D4767">
        <v>289329.5465</v>
      </c>
      <c r="E4767">
        <v>35684.17441</v>
      </c>
      <c r="F4767">
        <v>97985.521210000006</v>
      </c>
      <c r="G4767">
        <v>44611.924859999999</v>
      </c>
      <c r="H4767">
        <v>51228.11752</v>
      </c>
      <c r="I4767">
        <v>35203.208830000003</v>
      </c>
      <c r="J4767">
        <v>54860.769780000002</v>
      </c>
      <c r="K4767">
        <v>67500.672380000004</v>
      </c>
      <c r="L4767">
        <v>37192.23285</v>
      </c>
      <c r="M4767">
        <v>364545.35550000001</v>
      </c>
      <c r="N4767">
        <v>99208.594809999995</v>
      </c>
      <c r="O4767">
        <v>28185.219799999999</v>
      </c>
      <c r="P4767">
        <v>40734.920839999999</v>
      </c>
      <c r="Q4767">
        <v>105202.3409</v>
      </c>
      <c r="R4767">
        <v>26676.91689</v>
      </c>
      <c r="S4767">
        <v>120358.3216</v>
      </c>
      <c r="T4767">
        <v>31134.711139999999</v>
      </c>
      <c r="U4767">
        <v>28854.575659999999</v>
      </c>
      <c r="W4767" s="83">
        <f>Bühler!N4799</f>
        <v>45490.54166665511</v>
      </c>
      <c r="X4767" s="83">
        <v>43299.541666666664</v>
      </c>
      <c r="Y4767">
        <v>289329.5465</v>
      </c>
      <c r="Z4767">
        <v>35684.17441</v>
      </c>
      <c r="AA4767">
        <v>97985.521210000006</v>
      </c>
      <c r="AB4767">
        <v>44611.924859999999</v>
      </c>
      <c r="AC4767">
        <v>51228.11752</v>
      </c>
      <c r="AD4767">
        <v>35203.208830000003</v>
      </c>
      <c r="AE4767">
        <v>54860.769780000002</v>
      </c>
      <c r="AF4767">
        <v>67500.672380000004</v>
      </c>
      <c r="AG4767">
        <v>37192.23285</v>
      </c>
      <c r="AH4767">
        <v>364545.35550000001</v>
      </c>
      <c r="AI4767">
        <v>99208.594809999995</v>
      </c>
      <c r="AJ4767">
        <v>28185.219799999999</v>
      </c>
      <c r="AK4767">
        <v>40734.920839999999</v>
      </c>
      <c r="AL4767">
        <v>105202.3409</v>
      </c>
      <c r="AM4767">
        <v>26676.91689</v>
      </c>
      <c r="AN4767">
        <v>120358.3216</v>
      </c>
      <c r="AO4767">
        <v>31134.711139999999</v>
      </c>
      <c r="AP4767">
        <v>28854.575659999999</v>
      </c>
    </row>
    <row r="4768" spans="2:42" x14ac:dyDescent="0.3">
      <c r="B4768">
        <v>72.316003180395441</v>
      </c>
      <c r="C4768" s="83">
        <v>43299.583333333336</v>
      </c>
      <c r="D4768">
        <v>293642.62430000002</v>
      </c>
      <c r="E4768">
        <v>38527.566740000002</v>
      </c>
      <c r="F4768">
        <v>106107.7338</v>
      </c>
      <c r="G4768">
        <v>45139.123160000003</v>
      </c>
      <c r="H4768">
        <v>51899.480819999997</v>
      </c>
      <c r="I4768">
        <v>35370.509530000003</v>
      </c>
      <c r="J4768">
        <v>54897.33423</v>
      </c>
      <c r="K4768">
        <v>68513.385930000004</v>
      </c>
      <c r="L4768">
        <v>34225.974490000001</v>
      </c>
      <c r="M4768">
        <v>368700.70819999999</v>
      </c>
      <c r="N4768">
        <v>102400.6955</v>
      </c>
      <c r="O4768">
        <v>28601.530640000001</v>
      </c>
      <c r="P4768">
        <v>37356.733970000001</v>
      </c>
      <c r="Q4768">
        <v>105319.6608</v>
      </c>
      <c r="R4768">
        <v>25663.21905</v>
      </c>
      <c r="S4768">
        <v>117150.0953</v>
      </c>
      <c r="T4768">
        <v>30895.067459999998</v>
      </c>
      <c r="U4768">
        <v>28958.077720000001</v>
      </c>
      <c r="W4768" s="83">
        <f>Bühler!N4800</f>
        <v>45490.583333321774</v>
      </c>
      <c r="X4768" s="83">
        <v>43299.583333333336</v>
      </c>
      <c r="Y4768">
        <v>293642.62430000002</v>
      </c>
      <c r="Z4768">
        <v>38527.566740000002</v>
      </c>
      <c r="AA4768">
        <v>106107.7338</v>
      </c>
      <c r="AB4768">
        <v>45139.123160000003</v>
      </c>
      <c r="AC4768">
        <v>51899.480819999997</v>
      </c>
      <c r="AD4768">
        <v>35370.509530000003</v>
      </c>
      <c r="AE4768">
        <v>54897.33423</v>
      </c>
      <c r="AF4768">
        <v>68513.385930000004</v>
      </c>
      <c r="AG4768">
        <v>34225.974490000001</v>
      </c>
      <c r="AH4768">
        <v>368700.70819999999</v>
      </c>
      <c r="AI4768">
        <v>102400.6955</v>
      </c>
      <c r="AJ4768">
        <v>28601.530640000001</v>
      </c>
      <c r="AK4768">
        <v>37356.733970000001</v>
      </c>
      <c r="AL4768">
        <v>105319.6608</v>
      </c>
      <c r="AM4768">
        <v>25663.21905</v>
      </c>
      <c r="AN4768">
        <v>117150.0953</v>
      </c>
      <c r="AO4768">
        <v>30895.067459999998</v>
      </c>
      <c r="AP4768">
        <v>28958.077720000001</v>
      </c>
    </row>
    <row r="4769" spans="2:42" x14ac:dyDescent="0.3">
      <c r="B4769">
        <v>72.364093328207602</v>
      </c>
      <c r="C4769" s="83">
        <v>43299.625</v>
      </c>
      <c r="D4769">
        <v>293309.96470000001</v>
      </c>
      <c r="E4769">
        <v>38613.893830000001</v>
      </c>
      <c r="F4769">
        <v>109569.2304</v>
      </c>
      <c r="G4769">
        <v>44947.153310000002</v>
      </c>
      <c r="H4769">
        <v>51599.885370000004</v>
      </c>
      <c r="I4769">
        <v>36025.084159999999</v>
      </c>
      <c r="J4769">
        <v>54504.666270000002</v>
      </c>
      <c r="K4769">
        <v>67332.287930000006</v>
      </c>
      <c r="L4769">
        <v>32648.541969999998</v>
      </c>
      <c r="M4769">
        <v>368945.89419999998</v>
      </c>
      <c r="N4769">
        <v>100554.80070000001</v>
      </c>
      <c r="O4769">
        <v>27431.24987</v>
      </c>
      <c r="P4769">
        <v>34435.649010000001</v>
      </c>
      <c r="Q4769">
        <v>104751.6283</v>
      </c>
      <c r="R4769">
        <v>25849.160680000001</v>
      </c>
      <c r="S4769">
        <v>116448.5941</v>
      </c>
      <c r="T4769">
        <v>30464.577600000001</v>
      </c>
      <c r="U4769">
        <v>28197.201570000001</v>
      </c>
      <c r="W4769" s="83">
        <f>Bühler!N4801</f>
        <v>45490.624999988439</v>
      </c>
      <c r="X4769" s="83">
        <v>43299.625</v>
      </c>
      <c r="Y4769">
        <v>293309.96470000001</v>
      </c>
      <c r="Z4769">
        <v>38613.893830000001</v>
      </c>
      <c r="AA4769">
        <v>109569.2304</v>
      </c>
      <c r="AB4769">
        <v>44947.153310000002</v>
      </c>
      <c r="AC4769">
        <v>51599.885370000004</v>
      </c>
      <c r="AD4769">
        <v>36025.084159999999</v>
      </c>
      <c r="AE4769">
        <v>54504.666270000002</v>
      </c>
      <c r="AF4769">
        <v>67332.287930000006</v>
      </c>
      <c r="AG4769">
        <v>32648.541969999998</v>
      </c>
      <c r="AH4769">
        <v>368945.89419999998</v>
      </c>
      <c r="AI4769">
        <v>100554.80070000001</v>
      </c>
      <c r="AJ4769">
        <v>27431.24987</v>
      </c>
      <c r="AK4769">
        <v>34435.649010000001</v>
      </c>
      <c r="AL4769">
        <v>104751.6283</v>
      </c>
      <c r="AM4769">
        <v>25849.160680000001</v>
      </c>
      <c r="AN4769">
        <v>116448.5941</v>
      </c>
      <c r="AO4769">
        <v>30464.577600000001</v>
      </c>
      <c r="AP4769">
        <v>28197.201570000001</v>
      </c>
    </row>
    <row r="4770" spans="2:42" x14ac:dyDescent="0.3">
      <c r="B4770">
        <v>71.144217823917359</v>
      </c>
      <c r="C4770" s="83">
        <v>43299.666666666664</v>
      </c>
      <c r="D4770">
        <v>286058.22259999998</v>
      </c>
      <c r="E4770">
        <v>37849.632270000002</v>
      </c>
      <c r="F4770">
        <v>108380.0361</v>
      </c>
      <c r="G4770">
        <v>44021.144139999997</v>
      </c>
      <c r="H4770">
        <v>49818.59201</v>
      </c>
      <c r="I4770">
        <v>36812.272259999998</v>
      </c>
      <c r="J4770">
        <v>54266.545290000002</v>
      </c>
      <c r="K4770">
        <v>64297.807419999997</v>
      </c>
      <c r="L4770">
        <v>31408.97392</v>
      </c>
      <c r="M4770">
        <v>362726.40000000002</v>
      </c>
      <c r="N4770">
        <v>99742.625369999994</v>
      </c>
      <c r="O4770">
        <v>27281.301660000001</v>
      </c>
      <c r="P4770">
        <v>33416.13265</v>
      </c>
      <c r="Q4770">
        <v>104186.1398</v>
      </c>
      <c r="R4770">
        <v>26832.831610000001</v>
      </c>
      <c r="S4770">
        <v>115021.44100000001</v>
      </c>
      <c r="T4770">
        <v>30147.25503</v>
      </c>
      <c r="U4770">
        <v>27105.828379999999</v>
      </c>
      <c r="W4770" s="83">
        <f>Bühler!N4802</f>
        <v>45490.666666655103</v>
      </c>
      <c r="X4770" s="83">
        <v>43299.666666666664</v>
      </c>
      <c r="Y4770">
        <v>286058.22259999998</v>
      </c>
      <c r="Z4770">
        <v>37849.632270000002</v>
      </c>
      <c r="AA4770">
        <v>108380.0361</v>
      </c>
      <c r="AB4770">
        <v>44021.144139999997</v>
      </c>
      <c r="AC4770">
        <v>49818.59201</v>
      </c>
      <c r="AD4770">
        <v>36812.272259999998</v>
      </c>
      <c r="AE4770">
        <v>54266.545290000002</v>
      </c>
      <c r="AF4770">
        <v>64297.807419999997</v>
      </c>
      <c r="AG4770">
        <v>31408.97392</v>
      </c>
      <c r="AH4770">
        <v>362726.40000000002</v>
      </c>
      <c r="AI4770">
        <v>99742.625369999994</v>
      </c>
      <c r="AJ4770">
        <v>27281.301660000001</v>
      </c>
      <c r="AK4770">
        <v>33416.13265</v>
      </c>
      <c r="AL4770">
        <v>104186.1398</v>
      </c>
      <c r="AM4770">
        <v>26832.831610000001</v>
      </c>
      <c r="AN4770">
        <v>115021.44100000001</v>
      </c>
      <c r="AO4770">
        <v>30147.25503</v>
      </c>
      <c r="AP4770">
        <v>27105.828379999999</v>
      </c>
    </row>
    <row r="4771" spans="2:42" x14ac:dyDescent="0.3">
      <c r="B4771">
        <v>69.870340060607688</v>
      </c>
      <c r="C4771" s="83">
        <v>43299.708333333336</v>
      </c>
      <c r="D4771">
        <v>276418.13280000002</v>
      </c>
      <c r="E4771">
        <v>35887.716569999997</v>
      </c>
      <c r="F4771">
        <v>107434.63770000001</v>
      </c>
      <c r="G4771">
        <v>41318.608010000004</v>
      </c>
      <c r="H4771">
        <v>47838.681120000001</v>
      </c>
      <c r="I4771">
        <v>36728.868540000003</v>
      </c>
      <c r="J4771">
        <v>53841.116580000002</v>
      </c>
      <c r="K4771">
        <v>58953.752359999999</v>
      </c>
      <c r="L4771">
        <v>32043.339759999999</v>
      </c>
      <c r="M4771">
        <v>356231.57709999999</v>
      </c>
      <c r="N4771">
        <v>95085.166970000006</v>
      </c>
      <c r="O4771">
        <v>25927.382839999998</v>
      </c>
      <c r="P4771">
        <v>35428.897219999999</v>
      </c>
      <c r="Q4771">
        <v>102846.55650000001</v>
      </c>
      <c r="R4771">
        <v>27039.037530000001</v>
      </c>
      <c r="S4771">
        <v>111482.23149999999</v>
      </c>
      <c r="T4771">
        <v>29518.591390000001</v>
      </c>
      <c r="U4771">
        <v>24482.368719999999</v>
      </c>
      <c r="W4771" s="83">
        <f>Bühler!N4803</f>
        <v>45490.708333321767</v>
      </c>
      <c r="X4771" s="83">
        <v>43299.708333333336</v>
      </c>
      <c r="Y4771">
        <v>276418.13280000002</v>
      </c>
      <c r="Z4771">
        <v>35887.716569999997</v>
      </c>
      <c r="AA4771">
        <v>107434.63770000001</v>
      </c>
      <c r="AB4771">
        <v>41318.608010000004</v>
      </c>
      <c r="AC4771">
        <v>47838.681120000001</v>
      </c>
      <c r="AD4771">
        <v>36728.868540000003</v>
      </c>
      <c r="AE4771">
        <v>53841.116580000002</v>
      </c>
      <c r="AF4771">
        <v>58953.752359999999</v>
      </c>
      <c r="AG4771">
        <v>32043.339759999999</v>
      </c>
      <c r="AH4771">
        <v>356231.57709999999</v>
      </c>
      <c r="AI4771">
        <v>95085.166970000006</v>
      </c>
      <c r="AJ4771">
        <v>25927.382839999998</v>
      </c>
      <c r="AK4771">
        <v>35428.897219999999</v>
      </c>
      <c r="AL4771">
        <v>102846.55650000001</v>
      </c>
      <c r="AM4771">
        <v>27039.037530000001</v>
      </c>
      <c r="AN4771">
        <v>111482.23149999999</v>
      </c>
      <c r="AO4771">
        <v>29518.591390000001</v>
      </c>
      <c r="AP4771">
        <v>24482.368719999999</v>
      </c>
    </row>
    <row r="4772" spans="2:42" x14ac:dyDescent="0.3">
      <c r="B4772">
        <v>68.217792718936252</v>
      </c>
      <c r="C4772" s="83">
        <v>43299.75</v>
      </c>
      <c r="D4772">
        <v>271144.0061</v>
      </c>
      <c r="E4772">
        <v>32588.269690000001</v>
      </c>
      <c r="F4772">
        <v>105607.81110000001</v>
      </c>
      <c r="G4772">
        <v>38537.244509999997</v>
      </c>
      <c r="H4772">
        <v>45632.776109999999</v>
      </c>
      <c r="I4772">
        <v>36331.85039</v>
      </c>
      <c r="J4772">
        <v>54592.727769999998</v>
      </c>
      <c r="K4772">
        <v>57680.991609999997</v>
      </c>
      <c r="L4772">
        <v>33105.439610000001</v>
      </c>
      <c r="M4772">
        <v>347806.1201</v>
      </c>
      <c r="N4772">
        <v>92424.533540000004</v>
      </c>
      <c r="O4772">
        <v>24487.548320000002</v>
      </c>
      <c r="P4772">
        <v>38972.488940000003</v>
      </c>
      <c r="Q4772">
        <v>101537.16130000001</v>
      </c>
      <c r="R4772">
        <v>24953.54048</v>
      </c>
      <c r="S4772">
        <v>104979.0883</v>
      </c>
      <c r="T4772">
        <v>28831.115519999999</v>
      </c>
      <c r="U4772">
        <v>22724.450509999999</v>
      </c>
      <c r="W4772" s="83">
        <f>Bühler!N4804</f>
        <v>45490.749999988431</v>
      </c>
      <c r="X4772" s="83">
        <v>43299.75</v>
      </c>
      <c r="Y4772">
        <v>271144.0061</v>
      </c>
      <c r="Z4772">
        <v>32588.269690000001</v>
      </c>
      <c r="AA4772">
        <v>105607.81110000001</v>
      </c>
      <c r="AB4772">
        <v>38537.244509999997</v>
      </c>
      <c r="AC4772">
        <v>45632.776109999999</v>
      </c>
      <c r="AD4772">
        <v>36331.85039</v>
      </c>
      <c r="AE4772">
        <v>54592.727769999998</v>
      </c>
      <c r="AF4772">
        <v>57680.991609999997</v>
      </c>
      <c r="AG4772">
        <v>33105.439610000001</v>
      </c>
      <c r="AH4772">
        <v>347806.1201</v>
      </c>
      <c r="AI4772">
        <v>92424.533540000004</v>
      </c>
      <c r="AJ4772">
        <v>24487.548320000002</v>
      </c>
      <c r="AK4772">
        <v>38972.488940000003</v>
      </c>
      <c r="AL4772">
        <v>101537.16130000001</v>
      </c>
      <c r="AM4772">
        <v>24953.54048</v>
      </c>
      <c r="AN4772">
        <v>104979.0883</v>
      </c>
      <c r="AO4772">
        <v>28831.115519999999</v>
      </c>
      <c r="AP4772">
        <v>22724.450509999999</v>
      </c>
    </row>
    <row r="4773" spans="2:42" x14ac:dyDescent="0.3">
      <c r="B4773">
        <v>67.355123789692527</v>
      </c>
      <c r="C4773" s="83">
        <v>43299.791666666664</v>
      </c>
      <c r="D4773">
        <v>264358.84749999997</v>
      </c>
      <c r="E4773">
        <v>26934.686549999999</v>
      </c>
      <c r="F4773">
        <v>94835.913620000007</v>
      </c>
      <c r="G4773">
        <v>36267.301590000003</v>
      </c>
      <c r="H4773">
        <v>43228.757140000002</v>
      </c>
      <c r="I4773">
        <v>34755.19801</v>
      </c>
      <c r="J4773">
        <v>53978.057710000001</v>
      </c>
      <c r="K4773">
        <v>56712.823700000001</v>
      </c>
      <c r="L4773">
        <v>32786.309840000002</v>
      </c>
      <c r="M4773">
        <v>343407.83159999998</v>
      </c>
      <c r="N4773">
        <v>89692.711150000003</v>
      </c>
      <c r="O4773">
        <v>23447.2179</v>
      </c>
      <c r="P4773">
        <v>41312.191910000001</v>
      </c>
      <c r="Q4773">
        <v>99658.300369999997</v>
      </c>
      <c r="R4773">
        <v>23496.605820000001</v>
      </c>
      <c r="S4773">
        <v>100088.3162</v>
      </c>
      <c r="T4773">
        <v>27621.698619999999</v>
      </c>
      <c r="U4773">
        <v>21833.159589999999</v>
      </c>
      <c r="W4773" s="83">
        <f>Bühler!N4805</f>
        <v>45490.791666655095</v>
      </c>
      <c r="X4773" s="83">
        <v>43299.791666666664</v>
      </c>
      <c r="Y4773">
        <v>264358.84749999997</v>
      </c>
      <c r="Z4773">
        <v>26934.686549999999</v>
      </c>
      <c r="AA4773">
        <v>94835.913620000007</v>
      </c>
      <c r="AB4773">
        <v>36267.301590000003</v>
      </c>
      <c r="AC4773">
        <v>43228.757140000002</v>
      </c>
      <c r="AD4773">
        <v>34755.19801</v>
      </c>
      <c r="AE4773">
        <v>53978.057710000001</v>
      </c>
      <c r="AF4773">
        <v>56712.823700000001</v>
      </c>
      <c r="AG4773">
        <v>32786.309840000002</v>
      </c>
      <c r="AH4773">
        <v>343407.83159999998</v>
      </c>
      <c r="AI4773">
        <v>89692.711150000003</v>
      </c>
      <c r="AJ4773">
        <v>23447.2179</v>
      </c>
      <c r="AK4773">
        <v>41312.191910000001</v>
      </c>
      <c r="AL4773">
        <v>99658.300369999997</v>
      </c>
      <c r="AM4773">
        <v>23496.605820000001</v>
      </c>
      <c r="AN4773">
        <v>100088.3162</v>
      </c>
      <c r="AO4773">
        <v>27621.698619999999</v>
      </c>
      <c r="AP4773">
        <v>21833.159589999999</v>
      </c>
    </row>
    <row r="4774" spans="2:42" x14ac:dyDescent="0.3">
      <c r="B4774">
        <v>65.742688922299294</v>
      </c>
      <c r="C4774" s="83">
        <v>43299.833333333336</v>
      </c>
      <c r="D4774">
        <v>254987.60159999999</v>
      </c>
      <c r="E4774">
        <v>19767.801350000002</v>
      </c>
      <c r="F4774">
        <v>77183.921889999998</v>
      </c>
      <c r="G4774">
        <v>33701.556799999998</v>
      </c>
      <c r="H4774">
        <v>39711.194969999997</v>
      </c>
      <c r="I4774">
        <v>30586.647410000001</v>
      </c>
      <c r="J4774">
        <v>52530.191760000002</v>
      </c>
      <c r="K4774">
        <v>55794.700519999999</v>
      </c>
      <c r="L4774">
        <v>32372.097750000001</v>
      </c>
      <c r="M4774">
        <v>335186.88669999997</v>
      </c>
      <c r="N4774">
        <v>87183.354240000001</v>
      </c>
      <c r="O4774">
        <v>20744.081200000001</v>
      </c>
      <c r="P4774">
        <v>41823.294540000003</v>
      </c>
      <c r="Q4774">
        <v>97170.63652</v>
      </c>
      <c r="R4774">
        <v>21323.72525</v>
      </c>
      <c r="S4774">
        <v>91210.693549999996</v>
      </c>
      <c r="T4774">
        <v>25817.74091</v>
      </c>
      <c r="U4774">
        <v>21067.850350000001</v>
      </c>
      <c r="W4774" s="83">
        <f>Bühler!N4806</f>
        <v>45490.83333332176</v>
      </c>
      <c r="X4774" s="83">
        <v>43299.833333333336</v>
      </c>
      <c r="Y4774">
        <v>254987.60159999999</v>
      </c>
      <c r="Z4774">
        <v>19767.801350000002</v>
      </c>
      <c r="AA4774">
        <v>77183.921889999998</v>
      </c>
      <c r="AB4774">
        <v>33701.556799999998</v>
      </c>
      <c r="AC4774">
        <v>39711.194969999997</v>
      </c>
      <c r="AD4774">
        <v>30586.647410000001</v>
      </c>
      <c r="AE4774">
        <v>52530.191760000002</v>
      </c>
      <c r="AF4774">
        <v>55794.700519999999</v>
      </c>
      <c r="AG4774">
        <v>32372.097750000001</v>
      </c>
      <c r="AH4774">
        <v>335186.88669999997</v>
      </c>
      <c r="AI4774">
        <v>87183.354240000001</v>
      </c>
      <c r="AJ4774">
        <v>20744.081200000001</v>
      </c>
      <c r="AK4774">
        <v>41823.294540000003</v>
      </c>
      <c r="AL4774">
        <v>97170.63652</v>
      </c>
      <c r="AM4774">
        <v>21323.72525</v>
      </c>
      <c r="AN4774">
        <v>91210.693549999996</v>
      </c>
      <c r="AO4774">
        <v>25817.74091</v>
      </c>
      <c r="AP4774">
        <v>21067.850350000001</v>
      </c>
    </row>
    <row r="4775" spans="2:42" x14ac:dyDescent="0.3">
      <c r="B4775">
        <v>63.33740117937851</v>
      </c>
      <c r="C4775" s="83">
        <v>43299.875</v>
      </c>
      <c r="D4775">
        <v>246255.86060000001</v>
      </c>
      <c r="E4775">
        <v>16853.58482</v>
      </c>
      <c r="F4775">
        <v>66956.663029999996</v>
      </c>
      <c r="G4775">
        <v>32405.936600000001</v>
      </c>
      <c r="H4775">
        <v>37869.115839999999</v>
      </c>
      <c r="I4775">
        <v>28399.947680000001</v>
      </c>
      <c r="J4775">
        <v>51446.082430000002</v>
      </c>
      <c r="K4775">
        <v>55388.953520000003</v>
      </c>
      <c r="L4775">
        <v>30918.984799999998</v>
      </c>
      <c r="M4775">
        <v>322923.60810000001</v>
      </c>
      <c r="N4775">
        <v>84769.623590000003</v>
      </c>
      <c r="O4775">
        <v>19883.80543</v>
      </c>
      <c r="P4775">
        <v>38924.834759999998</v>
      </c>
      <c r="Q4775">
        <v>93318.491750000001</v>
      </c>
      <c r="R4775">
        <v>19767.883119999999</v>
      </c>
      <c r="S4775">
        <v>86766.304090000005</v>
      </c>
      <c r="T4775">
        <v>23605.367819999999</v>
      </c>
      <c r="U4775">
        <v>20528.014930000001</v>
      </c>
      <c r="W4775" s="83">
        <f>Bühler!N4807</f>
        <v>45490.874999988424</v>
      </c>
      <c r="X4775" s="83">
        <v>43299.875</v>
      </c>
      <c r="Y4775">
        <v>246255.86060000001</v>
      </c>
      <c r="Z4775">
        <v>16853.58482</v>
      </c>
      <c r="AA4775">
        <v>66956.663029999996</v>
      </c>
      <c r="AB4775">
        <v>32405.936600000001</v>
      </c>
      <c r="AC4775">
        <v>37869.115839999999</v>
      </c>
      <c r="AD4775">
        <v>28399.947680000001</v>
      </c>
      <c r="AE4775">
        <v>51446.082430000002</v>
      </c>
      <c r="AF4775">
        <v>55388.953520000003</v>
      </c>
      <c r="AG4775">
        <v>30918.984799999998</v>
      </c>
      <c r="AH4775">
        <v>322923.60810000001</v>
      </c>
      <c r="AI4775">
        <v>84769.623590000003</v>
      </c>
      <c r="AJ4775">
        <v>19883.80543</v>
      </c>
      <c r="AK4775">
        <v>38924.834759999998</v>
      </c>
      <c r="AL4775">
        <v>93318.491750000001</v>
      </c>
      <c r="AM4775">
        <v>19767.883119999999</v>
      </c>
      <c r="AN4775">
        <v>86766.304090000005</v>
      </c>
      <c r="AO4775">
        <v>23605.367819999999</v>
      </c>
      <c r="AP4775">
        <v>20528.014930000001</v>
      </c>
    </row>
    <row r="4776" spans="2:42" x14ac:dyDescent="0.3">
      <c r="B4776">
        <v>62.718915778376434</v>
      </c>
      <c r="C4776" s="83">
        <v>43299.916666666664</v>
      </c>
      <c r="D4776">
        <v>245469.27489999999</v>
      </c>
      <c r="E4776">
        <v>16218.68649</v>
      </c>
      <c r="F4776">
        <v>63872.54206</v>
      </c>
      <c r="G4776">
        <v>32022.117419999999</v>
      </c>
      <c r="H4776">
        <v>38848.400750000001</v>
      </c>
      <c r="I4776">
        <v>27884.468629999999</v>
      </c>
      <c r="J4776">
        <v>51109.577469999997</v>
      </c>
      <c r="K4776">
        <v>58870.758349999996</v>
      </c>
      <c r="L4776">
        <v>27772.751609999999</v>
      </c>
      <c r="M4776">
        <v>319770.28110000002</v>
      </c>
      <c r="N4776">
        <v>84680.845419999998</v>
      </c>
      <c r="O4776">
        <v>19131.720379999999</v>
      </c>
      <c r="P4776">
        <v>41970.11563</v>
      </c>
      <c r="Q4776">
        <v>91862.493990000003</v>
      </c>
      <c r="R4776">
        <v>21756.227579999999</v>
      </c>
      <c r="S4776">
        <v>85515.352849999996</v>
      </c>
      <c r="T4776">
        <v>21334.993040000001</v>
      </c>
      <c r="U4776">
        <v>21248.943520000001</v>
      </c>
      <c r="W4776" s="83">
        <f>Bühler!N4808</f>
        <v>45490.916666655088</v>
      </c>
      <c r="X4776" s="83">
        <v>43299.916666666664</v>
      </c>
      <c r="Y4776">
        <v>245469.27489999999</v>
      </c>
      <c r="Z4776">
        <v>16218.68649</v>
      </c>
      <c r="AA4776">
        <v>63872.54206</v>
      </c>
      <c r="AB4776">
        <v>32022.117419999999</v>
      </c>
      <c r="AC4776">
        <v>38848.400750000001</v>
      </c>
      <c r="AD4776">
        <v>27884.468629999999</v>
      </c>
      <c r="AE4776">
        <v>51109.577469999997</v>
      </c>
      <c r="AF4776">
        <v>58870.758349999996</v>
      </c>
      <c r="AG4776">
        <v>27772.751609999999</v>
      </c>
      <c r="AH4776">
        <v>319770.28110000002</v>
      </c>
      <c r="AI4776">
        <v>84680.845419999998</v>
      </c>
      <c r="AJ4776">
        <v>19131.720379999999</v>
      </c>
      <c r="AK4776">
        <v>41970.11563</v>
      </c>
      <c r="AL4776">
        <v>91862.493990000003</v>
      </c>
      <c r="AM4776">
        <v>21756.227579999999</v>
      </c>
      <c r="AN4776">
        <v>85515.352849999996</v>
      </c>
      <c r="AO4776">
        <v>21334.993040000001</v>
      </c>
      <c r="AP4776">
        <v>21248.943520000001</v>
      </c>
    </row>
    <row r="4777" spans="2:42" x14ac:dyDescent="0.3">
      <c r="B4777">
        <v>62.250243840633779</v>
      </c>
      <c r="C4777" s="83">
        <v>43299.958333333336</v>
      </c>
      <c r="D4777">
        <v>245588.99710000001</v>
      </c>
      <c r="E4777">
        <v>15267.974459999999</v>
      </c>
      <c r="F4777">
        <v>62094.388749999998</v>
      </c>
      <c r="G4777">
        <v>31961.171910000001</v>
      </c>
      <c r="H4777">
        <v>37875.805469999999</v>
      </c>
      <c r="I4777">
        <v>26818.99582</v>
      </c>
      <c r="J4777">
        <v>45958.528129999999</v>
      </c>
      <c r="K4777">
        <v>57462.722450000001</v>
      </c>
      <c r="L4777">
        <v>23089.132839999998</v>
      </c>
      <c r="M4777">
        <v>317380.77299999999</v>
      </c>
      <c r="N4777">
        <v>82576.699110000001</v>
      </c>
      <c r="O4777">
        <v>18688.23488</v>
      </c>
      <c r="P4777">
        <v>36497.199070000002</v>
      </c>
      <c r="Q4777">
        <v>91380.027889999998</v>
      </c>
      <c r="R4777">
        <v>22030.403480000001</v>
      </c>
      <c r="S4777">
        <v>83149.741569999998</v>
      </c>
      <c r="T4777">
        <v>19657.83569</v>
      </c>
      <c r="U4777">
        <v>21102.93923</v>
      </c>
      <c r="W4777" s="83">
        <f>Bühler!N4809</f>
        <v>45490.958333321752</v>
      </c>
      <c r="X4777" s="83">
        <v>43299.958333333336</v>
      </c>
      <c r="Y4777">
        <v>245588.99710000001</v>
      </c>
      <c r="Z4777">
        <v>15267.974459999999</v>
      </c>
      <c r="AA4777">
        <v>62094.388749999998</v>
      </c>
      <c r="AB4777">
        <v>31961.171910000001</v>
      </c>
      <c r="AC4777">
        <v>37875.805469999999</v>
      </c>
      <c r="AD4777">
        <v>26818.99582</v>
      </c>
      <c r="AE4777">
        <v>45958.528129999999</v>
      </c>
      <c r="AF4777">
        <v>57462.722450000001</v>
      </c>
      <c r="AG4777">
        <v>23089.132839999998</v>
      </c>
      <c r="AH4777">
        <v>317380.77299999999</v>
      </c>
      <c r="AI4777">
        <v>82576.699110000001</v>
      </c>
      <c r="AJ4777">
        <v>18688.23488</v>
      </c>
      <c r="AK4777">
        <v>36497.199070000002</v>
      </c>
      <c r="AL4777">
        <v>91380.027889999998</v>
      </c>
      <c r="AM4777">
        <v>22030.403480000001</v>
      </c>
      <c r="AN4777">
        <v>83149.741569999998</v>
      </c>
      <c r="AO4777">
        <v>19657.83569</v>
      </c>
      <c r="AP4777">
        <v>21102.93923</v>
      </c>
    </row>
    <row r="4778" spans="2:42" x14ac:dyDescent="0.3">
      <c r="B4778">
        <v>61.014824877843495</v>
      </c>
      <c r="C4778" s="83">
        <v>43300</v>
      </c>
      <c r="D4778">
        <v>239649.67730000001</v>
      </c>
      <c r="E4778">
        <v>15090.84143</v>
      </c>
      <c r="F4778">
        <v>59946.959130000003</v>
      </c>
      <c r="G4778">
        <v>31407.538909999999</v>
      </c>
      <c r="H4778">
        <v>36802.800210000001</v>
      </c>
      <c r="I4778">
        <v>25463.569100000001</v>
      </c>
      <c r="J4778">
        <v>41476.29365</v>
      </c>
      <c r="K4778">
        <v>55295.332549999999</v>
      </c>
      <c r="L4778">
        <v>20044.287349999999</v>
      </c>
      <c r="M4778">
        <v>311082.03100000002</v>
      </c>
      <c r="N4778">
        <v>81366.341400000005</v>
      </c>
      <c r="O4778">
        <v>18301.626970000001</v>
      </c>
      <c r="P4778">
        <v>31641.765479999998</v>
      </c>
      <c r="Q4778">
        <v>91179.698600000003</v>
      </c>
      <c r="R4778">
        <v>17678.44946</v>
      </c>
      <c r="S4778">
        <v>80660.948000000004</v>
      </c>
      <c r="T4778">
        <v>18379.000260000001</v>
      </c>
      <c r="U4778">
        <v>20720.43721</v>
      </c>
      <c r="W4778" s="83">
        <f>Bühler!N4810</f>
        <v>45490.999999988417</v>
      </c>
      <c r="X4778" s="83">
        <v>43300</v>
      </c>
      <c r="Y4778">
        <v>239649.67730000001</v>
      </c>
      <c r="Z4778">
        <v>15090.84143</v>
      </c>
      <c r="AA4778">
        <v>59946.959130000003</v>
      </c>
      <c r="AB4778">
        <v>31407.538909999999</v>
      </c>
      <c r="AC4778">
        <v>36802.800210000001</v>
      </c>
      <c r="AD4778">
        <v>25463.569100000001</v>
      </c>
      <c r="AE4778">
        <v>41476.29365</v>
      </c>
      <c r="AF4778">
        <v>55295.332549999999</v>
      </c>
      <c r="AG4778">
        <v>20044.287349999999</v>
      </c>
      <c r="AH4778">
        <v>311082.03100000002</v>
      </c>
      <c r="AI4778">
        <v>81366.341400000005</v>
      </c>
      <c r="AJ4778">
        <v>18301.626970000001</v>
      </c>
      <c r="AK4778">
        <v>31641.765479999998</v>
      </c>
      <c r="AL4778">
        <v>91179.698600000003</v>
      </c>
      <c r="AM4778">
        <v>17678.44946</v>
      </c>
      <c r="AN4778">
        <v>80660.948000000004</v>
      </c>
      <c r="AO4778">
        <v>18379.000260000001</v>
      </c>
      <c r="AP4778">
        <v>20720.43721</v>
      </c>
    </row>
    <row r="4779" spans="2:42" x14ac:dyDescent="0.3">
      <c r="B4779">
        <v>60.273896048145453</v>
      </c>
      <c r="C4779" s="83">
        <v>43300.041666666664</v>
      </c>
      <c r="D4779">
        <v>237926.11720000001</v>
      </c>
      <c r="E4779">
        <v>14493.08171</v>
      </c>
      <c r="F4779">
        <v>59101.821060000002</v>
      </c>
      <c r="G4779">
        <v>30736.942230000001</v>
      </c>
      <c r="H4779">
        <v>36068.154719999999</v>
      </c>
      <c r="I4779">
        <v>21380.426800000001</v>
      </c>
      <c r="J4779">
        <v>39168.641799999998</v>
      </c>
      <c r="K4779">
        <v>52696.228810000001</v>
      </c>
      <c r="L4779">
        <v>18379.59564</v>
      </c>
      <c r="M4779">
        <v>307304.43030000001</v>
      </c>
      <c r="N4779">
        <v>79231.455419999998</v>
      </c>
      <c r="O4779">
        <v>18535.446049999999</v>
      </c>
      <c r="P4779">
        <v>28780.12458</v>
      </c>
      <c r="Q4779">
        <v>90903.270520000005</v>
      </c>
      <c r="R4779">
        <v>14333.382879999999</v>
      </c>
      <c r="S4779">
        <v>78730.13665</v>
      </c>
      <c r="T4779">
        <v>17917.97221</v>
      </c>
      <c r="U4779">
        <v>20152.711500000001</v>
      </c>
      <c r="W4779" s="83">
        <f>Bühler!N4811</f>
        <v>45491.041666655081</v>
      </c>
      <c r="X4779" s="83">
        <v>43300.041666666664</v>
      </c>
      <c r="Y4779">
        <v>237926.11720000001</v>
      </c>
      <c r="Z4779">
        <v>14493.08171</v>
      </c>
      <c r="AA4779">
        <v>59101.821060000002</v>
      </c>
      <c r="AB4779">
        <v>30736.942230000001</v>
      </c>
      <c r="AC4779">
        <v>36068.154719999999</v>
      </c>
      <c r="AD4779">
        <v>21380.426800000001</v>
      </c>
      <c r="AE4779">
        <v>39168.641799999998</v>
      </c>
      <c r="AF4779">
        <v>52696.228810000001</v>
      </c>
      <c r="AG4779">
        <v>18379.59564</v>
      </c>
      <c r="AH4779">
        <v>307304.43030000001</v>
      </c>
      <c r="AI4779">
        <v>79231.455419999998</v>
      </c>
      <c r="AJ4779">
        <v>18535.446049999999</v>
      </c>
      <c r="AK4779">
        <v>28780.12458</v>
      </c>
      <c r="AL4779">
        <v>90903.270520000005</v>
      </c>
      <c r="AM4779">
        <v>14333.382879999999</v>
      </c>
      <c r="AN4779">
        <v>78730.13665</v>
      </c>
      <c r="AO4779">
        <v>17917.97221</v>
      </c>
      <c r="AP4779">
        <v>20152.711500000001</v>
      </c>
    </row>
    <row r="4780" spans="2:42" x14ac:dyDescent="0.3">
      <c r="B4780">
        <v>60.333764836037247</v>
      </c>
      <c r="C4780" s="83">
        <v>43300.083333333336</v>
      </c>
      <c r="D4780">
        <v>237116.58309999999</v>
      </c>
      <c r="E4780">
        <v>14082.52103</v>
      </c>
      <c r="F4780">
        <v>60247.606650000002</v>
      </c>
      <c r="G4780">
        <v>29688.32476</v>
      </c>
      <c r="H4780">
        <v>35431.201930000003</v>
      </c>
      <c r="I4780">
        <v>19665.57372</v>
      </c>
      <c r="J4780">
        <v>38518.477019999998</v>
      </c>
      <c r="K4780">
        <v>50707.542930000003</v>
      </c>
      <c r="L4780">
        <v>17435.08181</v>
      </c>
      <c r="M4780">
        <v>307609.66930000001</v>
      </c>
      <c r="N4780">
        <v>78250.138460000002</v>
      </c>
      <c r="O4780">
        <v>18259.585080000001</v>
      </c>
      <c r="P4780">
        <v>26984.816139999999</v>
      </c>
      <c r="Q4780">
        <v>92458.06091</v>
      </c>
      <c r="R4780">
        <v>15353.309310000001</v>
      </c>
      <c r="S4780">
        <v>77334.537840000005</v>
      </c>
      <c r="T4780">
        <v>17570.072629999999</v>
      </c>
      <c r="U4780">
        <v>19801.381560000002</v>
      </c>
      <c r="W4780" s="83">
        <f>Bühler!N4812</f>
        <v>45491.083333321745</v>
      </c>
      <c r="X4780" s="83">
        <v>43300.083333333336</v>
      </c>
      <c r="Y4780">
        <v>237116.58309999999</v>
      </c>
      <c r="Z4780">
        <v>14082.52103</v>
      </c>
      <c r="AA4780">
        <v>60247.606650000002</v>
      </c>
      <c r="AB4780">
        <v>29688.32476</v>
      </c>
      <c r="AC4780">
        <v>35431.201930000003</v>
      </c>
      <c r="AD4780">
        <v>19665.57372</v>
      </c>
      <c r="AE4780">
        <v>38518.477019999998</v>
      </c>
      <c r="AF4780">
        <v>50707.542930000003</v>
      </c>
      <c r="AG4780">
        <v>17435.08181</v>
      </c>
      <c r="AH4780">
        <v>307609.66930000001</v>
      </c>
      <c r="AI4780">
        <v>78250.138460000002</v>
      </c>
      <c r="AJ4780">
        <v>18259.585080000001</v>
      </c>
      <c r="AK4780">
        <v>26984.816139999999</v>
      </c>
      <c r="AL4780">
        <v>92458.06091</v>
      </c>
      <c r="AM4780">
        <v>15353.309310000001</v>
      </c>
      <c r="AN4780">
        <v>77334.537840000005</v>
      </c>
      <c r="AO4780">
        <v>17570.072629999999</v>
      </c>
      <c r="AP4780">
        <v>19801.381560000002</v>
      </c>
    </row>
    <row r="4781" spans="2:42" x14ac:dyDescent="0.3">
      <c r="B4781">
        <v>61.273205538152943</v>
      </c>
      <c r="C4781" s="83">
        <v>43300.125</v>
      </c>
      <c r="D4781">
        <v>236901.24340000001</v>
      </c>
      <c r="E4781">
        <v>14041.34814</v>
      </c>
      <c r="F4781">
        <v>61072.510069999997</v>
      </c>
      <c r="G4781">
        <v>28666.433959999998</v>
      </c>
      <c r="H4781">
        <v>35284.623659999997</v>
      </c>
      <c r="I4781">
        <v>19303.011190000001</v>
      </c>
      <c r="J4781">
        <v>38004.169959999999</v>
      </c>
      <c r="K4781">
        <v>49406.478320000002</v>
      </c>
      <c r="L4781">
        <v>16880.912990000001</v>
      </c>
      <c r="M4781">
        <v>312399.37609999999</v>
      </c>
      <c r="N4781">
        <v>77226.649489999996</v>
      </c>
      <c r="O4781">
        <v>18166.686959999999</v>
      </c>
      <c r="P4781">
        <v>25955.87127</v>
      </c>
      <c r="Q4781">
        <v>95542.403279999999</v>
      </c>
      <c r="R4781">
        <v>15141.66267</v>
      </c>
      <c r="S4781">
        <v>76223.253330000007</v>
      </c>
      <c r="T4781">
        <v>17205.674220000001</v>
      </c>
      <c r="U4781">
        <v>19568.900020000001</v>
      </c>
      <c r="W4781" s="83">
        <f>Bühler!N4813</f>
        <v>45491.124999988409</v>
      </c>
      <c r="X4781" s="83">
        <v>43300.125</v>
      </c>
      <c r="Y4781">
        <v>236901.24340000001</v>
      </c>
      <c r="Z4781">
        <v>14041.34814</v>
      </c>
      <c r="AA4781">
        <v>61072.510069999997</v>
      </c>
      <c r="AB4781">
        <v>28666.433959999998</v>
      </c>
      <c r="AC4781">
        <v>35284.623659999997</v>
      </c>
      <c r="AD4781">
        <v>19303.011190000001</v>
      </c>
      <c r="AE4781">
        <v>38004.169959999999</v>
      </c>
      <c r="AF4781">
        <v>49406.478320000002</v>
      </c>
      <c r="AG4781">
        <v>16880.912990000001</v>
      </c>
      <c r="AH4781">
        <v>312399.37609999999</v>
      </c>
      <c r="AI4781">
        <v>77226.649489999996</v>
      </c>
      <c r="AJ4781">
        <v>18166.686959999999</v>
      </c>
      <c r="AK4781">
        <v>25955.87127</v>
      </c>
      <c r="AL4781">
        <v>95542.403279999999</v>
      </c>
      <c r="AM4781">
        <v>15141.66267</v>
      </c>
      <c r="AN4781">
        <v>76223.253330000007</v>
      </c>
      <c r="AO4781">
        <v>17205.674220000001</v>
      </c>
      <c r="AP4781">
        <v>19568.900020000001</v>
      </c>
    </row>
    <row r="4782" spans="2:42" x14ac:dyDescent="0.3">
      <c r="B4782">
        <v>62.861325132739552</v>
      </c>
      <c r="C4782" s="83">
        <v>43300.166666666664</v>
      </c>
      <c r="D4782">
        <v>238408.74840000001</v>
      </c>
      <c r="E4782">
        <v>14507.25491</v>
      </c>
      <c r="F4782">
        <v>64253.970979999998</v>
      </c>
      <c r="G4782">
        <v>28133.969519999999</v>
      </c>
      <c r="H4782">
        <v>35680.197939999998</v>
      </c>
      <c r="I4782">
        <v>20102.163799999998</v>
      </c>
      <c r="J4782">
        <v>40151.540229999999</v>
      </c>
      <c r="K4782">
        <v>48484.799559999999</v>
      </c>
      <c r="L4782">
        <v>16916.11982</v>
      </c>
      <c r="M4782">
        <v>320496.3504</v>
      </c>
      <c r="N4782">
        <v>77417.120649999997</v>
      </c>
      <c r="O4782">
        <v>18545.406559999999</v>
      </c>
      <c r="P4782">
        <v>25438.23187</v>
      </c>
      <c r="Q4782">
        <v>98769.188720000006</v>
      </c>
      <c r="R4782">
        <v>15140.644539999999</v>
      </c>
      <c r="S4782">
        <v>76273.012789999993</v>
      </c>
      <c r="T4782">
        <v>17457.667529999999</v>
      </c>
      <c r="U4782">
        <v>19951.328130000002</v>
      </c>
      <c r="W4782" s="83">
        <f>Bühler!N4814</f>
        <v>45491.166666655074</v>
      </c>
      <c r="X4782" s="83">
        <v>43300.166666666664</v>
      </c>
      <c r="Y4782">
        <v>238408.74840000001</v>
      </c>
      <c r="Z4782">
        <v>14507.25491</v>
      </c>
      <c r="AA4782">
        <v>64253.970979999998</v>
      </c>
      <c r="AB4782">
        <v>28133.969519999999</v>
      </c>
      <c r="AC4782">
        <v>35680.197939999998</v>
      </c>
      <c r="AD4782">
        <v>20102.163799999998</v>
      </c>
      <c r="AE4782">
        <v>40151.540229999999</v>
      </c>
      <c r="AF4782">
        <v>48484.799559999999</v>
      </c>
      <c r="AG4782">
        <v>16916.11982</v>
      </c>
      <c r="AH4782">
        <v>320496.3504</v>
      </c>
      <c r="AI4782">
        <v>77417.120649999997</v>
      </c>
      <c r="AJ4782">
        <v>18545.406559999999</v>
      </c>
      <c r="AK4782">
        <v>25438.23187</v>
      </c>
      <c r="AL4782">
        <v>98769.188720000006</v>
      </c>
      <c r="AM4782">
        <v>15140.644539999999</v>
      </c>
      <c r="AN4782">
        <v>76273.012789999993</v>
      </c>
      <c r="AO4782">
        <v>17457.667529999999</v>
      </c>
      <c r="AP4782">
        <v>19951.328130000002</v>
      </c>
    </row>
    <row r="4783" spans="2:42" x14ac:dyDescent="0.3">
      <c r="B4783">
        <v>65.717756463894318</v>
      </c>
      <c r="C4783" s="83">
        <v>43300.208333333336</v>
      </c>
      <c r="D4783">
        <v>252154.94</v>
      </c>
      <c r="E4783">
        <v>16338.269829999999</v>
      </c>
      <c r="F4783">
        <v>73979.776450000005</v>
      </c>
      <c r="G4783">
        <v>29131.454580000001</v>
      </c>
      <c r="H4783">
        <v>37008.310819999999</v>
      </c>
      <c r="I4783">
        <v>25327.518230000001</v>
      </c>
      <c r="J4783">
        <v>43368.758349999996</v>
      </c>
      <c r="K4783">
        <v>49045.39385</v>
      </c>
      <c r="L4783">
        <v>17509.71947</v>
      </c>
      <c r="M4783">
        <v>335059.76939999999</v>
      </c>
      <c r="N4783">
        <v>77125.644350000002</v>
      </c>
      <c r="O4783">
        <v>17990.216779999999</v>
      </c>
      <c r="P4783">
        <v>26584.978480000002</v>
      </c>
      <c r="Q4783">
        <v>102093.1284</v>
      </c>
      <c r="R4783">
        <v>17277.022779999999</v>
      </c>
      <c r="S4783">
        <v>78182.063959999999</v>
      </c>
      <c r="T4783">
        <v>19540.409469999999</v>
      </c>
      <c r="U4783">
        <v>21659.79378</v>
      </c>
      <c r="W4783" s="83">
        <f>Bühler!N4815</f>
        <v>45491.208333321738</v>
      </c>
      <c r="X4783" s="83">
        <v>43300.208333333336</v>
      </c>
      <c r="Y4783">
        <v>252154.94</v>
      </c>
      <c r="Z4783">
        <v>16338.269829999999</v>
      </c>
      <c r="AA4783">
        <v>73979.776450000005</v>
      </c>
      <c r="AB4783">
        <v>29131.454580000001</v>
      </c>
      <c r="AC4783">
        <v>37008.310819999999</v>
      </c>
      <c r="AD4783">
        <v>25327.518230000001</v>
      </c>
      <c r="AE4783">
        <v>43368.758349999996</v>
      </c>
      <c r="AF4783">
        <v>49045.39385</v>
      </c>
      <c r="AG4783">
        <v>17509.71947</v>
      </c>
      <c r="AH4783">
        <v>335059.76939999999</v>
      </c>
      <c r="AI4783">
        <v>77125.644350000002</v>
      </c>
      <c r="AJ4783">
        <v>17990.216779999999</v>
      </c>
      <c r="AK4783">
        <v>26584.978480000002</v>
      </c>
      <c r="AL4783">
        <v>102093.1284</v>
      </c>
      <c r="AM4783">
        <v>17277.022779999999</v>
      </c>
      <c r="AN4783">
        <v>78182.063959999999</v>
      </c>
      <c r="AO4783">
        <v>19540.409469999999</v>
      </c>
      <c r="AP4783">
        <v>21659.79378</v>
      </c>
    </row>
    <row r="4784" spans="2:42" x14ac:dyDescent="0.3">
      <c r="B4784">
        <v>68.622839405820514</v>
      </c>
      <c r="C4784" s="83">
        <v>43300.25</v>
      </c>
      <c r="D4784">
        <v>265870.28989999997</v>
      </c>
      <c r="E4784">
        <v>19622.614099999999</v>
      </c>
      <c r="F4784">
        <v>81406.450700000001</v>
      </c>
      <c r="G4784">
        <v>30606.32416</v>
      </c>
      <c r="H4784">
        <v>37945.162300000004</v>
      </c>
      <c r="I4784">
        <v>29555.791430000001</v>
      </c>
      <c r="J4784">
        <v>46211.584289999999</v>
      </c>
      <c r="K4784">
        <v>51024.149660000003</v>
      </c>
      <c r="L4784">
        <v>18918.815879999998</v>
      </c>
      <c r="M4784">
        <v>349871.23700000002</v>
      </c>
      <c r="N4784">
        <v>80145.202210000003</v>
      </c>
      <c r="O4784">
        <v>19621.635880000002</v>
      </c>
      <c r="P4784">
        <v>27573.50301</v>
      </c>
      <c r="Q4784">
        <v>102943.5966</v>
      </c>
      <c r="R4784">
        <v>16339.50792</v>
      </c>
      <c r="S4784">
        <v>84523.392430000007</v>
      </c>
      <c r="T4784">
        <v>20172.683440000001</v>
      </c>
      <c r="U4784">
        <v>22811.362730000001</v>
      </c>
      <c r="W4784" s="83">
        <f>Bühler!N4816</f>
        <v>45491.249999988402</v>
      </c>
      <c r="X4784" s="83">
        <v>43300.25</v>
      </c>
      <c r="Y4784">
        <v>265870.28989999997</v>
      </c>
      <c r="Z4784">
        <v>19622.614099999999</v>
      </c>
      <c r="AA4784">
        <v>81406.450700000001</v>
      </c>
      <c r="AB4784">
        <v>30606.32416</v>
      </c>
      <c r="AC4784">
        <v>37945.162300000004</v>
      </c>
      <c r="AD4784">
        <v>29555.791430000001</v>
      </c>
      <c r="AE4784">
        <v>46211.584289999999</v>
      </c>
      <c r="AF4784">
        <v>51024.149660000003</v>
      </c>
      <c r="AG4784">
        <v>18918.815879999998</v>
      </c>
      <c r="AH4784">
        <v>349871.23700000002</v>
      </c>
      <c r="AI4784">
        <v>80145.202210000003</v>
      </c>
      <c r="AJ4784">
        <v>19621.635880000002</v>
      </c>
      <c r="AK4784">
        <v>27573.50301</v>
      </c>
      <c r="AL4784">
        <v>102943.5966</v>
      </c>
      <c r="AM4784">
        <v>16339.50792</v>
      </c>
      <c r="AN4784">
        <v>84523.392430000007</v>
      </c>
      <c r="AO4784">
        <v>20172.683440000001</v>
      </c>
      <c r="AP4784">
        <v>22811.362730000001</v>
      </c>
    </row>
    <row r="4785" spans="2:42" x14ac:dyDescent="0.3">
      <c r="B4785">
        <v>70.198844788827103</v>
      </c>
      <c r="C4785" s="83">
        <v>43300.291666666664</v>
      </c>
      <c r="D4785">
        <v>275083.54629999999</v>
      </c>
      <c r="E4785">
        <v>24202.969649999999</v>
      </c>
      <c r="F4785">
        <v>86989.563410000002</v>
      </c>
      <c r="G4785">
        <v>34344.571620000002</v>
      </c>
      <c r="H4785">
        <v>41564.605649999998</v>
      </c>
      <c r="I4785">
        <v>33871.9568</v>
      </c>
      <c r="J4785">
        <v>47964.099589999998</v>
      </c>
      <c r="K4785">
        <v>54995.152430000002</v>
      </c>
      <c r="L4785">
        <v>21374.424950000001</v>
      </c>
      <c r="M4785">
        <v>357906.4474</v>
      </c>
      <c r="N4785">
        <v>84322.113639999996</v>
      </c>
      <c r="O4785">
        <v>22219.685870000001</v>
      </c>
      <c r="P4785">
        <v>31071.302609999999</v>
      </c>
      <c r="Q4785">
        <v>103561.68520000001</v>
      </c>
      <c r="R4785">
        <v>17990.114160000001</v>
      </c>
      <c r="S4785">
        <v>97976.012830000007</v>
      </c>
      <c r="T4785">
        <v>22721.831559999999</v>
      </c>
      <c r="U4785">
        <v>25055.598829999999</v>
      </c>
      <c r="W4785" s="83">
        <f>Bühler!N4817</f>
        <v>45491.291666655066</v>
      </c>
      <c r="X4785" s="83">
        <v>43300.291666666664</v>
      </c>
      <c r="Y4785">
        <v>275083.54629999999</v>
      </c>
      <c r="Z4785">
        <v>24202.969649999999</v>
      </c>
      <c r="AA4785">
        <v>86989.563410000002</v>
      </c>
      <c r="AB4785">
        <v>34344.571620000002</v>
      </c>
      <c r="AC4785">
        <v>41564.605649999998</v>
      </c>
      <c r="AD4785">
        <v>33871.9568</v>
      </c>
      <c r="AE4785">
        <v>47964.099589999998</v>
      </c>
      <c r="AF4785">
        <v>54995.152430000002</v>
      </c>
      <c r="AG4785">
        <v>21374.424950000001</v>
      </c>
      <c r="AH4785">
        <v>357906.4474</v>
      </c>
      <c r="AI4785">
        <v>84322.113639999996</v>
      </c>
      <c r="AJ4785">
        <v>22219.685870000001</v>
      </c>
      <c r="AK4785">
        <v>31071.302609999999</v>
      </c>
      <c r="AL4785">
        <v>103561.68520000001</v>
      </c>
      <c r="AM4785">
        <v>17990.114160000001</v>
      </c>
      <c r="AN4785">
        <v>97976.012830000007</v>
      </c>
      <c r="AO4785">
        <v>22721.831559999999</v>
      </c>
      <c r="AP4785">
        <v>25055.598829999999</v>
      </c>
    </row>
    <row r="4786" spans="2:42" x14ac:dyDescent="0.3">
      <c r="B4786">
        <v>71.671141318124342</v>
      </c>
      <c r="C4786" s="83">
        <v>43300.333333333336</v>
      </c>
      <c r="D4786">
        <v>284191.53629999998</v>
      </c>
      <c r="E4786">
        <v>29845.209279999999</v>
      </c>
      <c r="F4786">
        <v>94341.970119999998</v>
      </c>
      <c r="G4786">
        <v>38582.450960000002</v>
      </c>
      <c r="H4786">
        <v>45387.037329999999</v>
      </c>
      <c r="I4786">
        <v>37320.127659999998</v>
      </c>
      <c r="J4786">
        <v>50525.082970000003</v>
      </c>
      <c r="K4786">
        <v>60874.858220000002</v>
      </c>
      <c r="L4786">
        <v>25208.8076</v>
      </c>
      <c r="M4786">
        <v>365412.90169999999</v>
      </c>
      <c r="N4786">
        <v>90660.681930000006</v>
      </c>
      <c r="O4786">
        <v>26131.04002</v>
      </c>
      <c r="P4786">
        <v>34245.907079999997</v>
      </c>
      <c r="Q4786">
        <v>105687.1103</v>
      </c>
      <c r="R4786">
        <v>21996.637630000001</v>
      </c>
      <c r="S4786">
        <v>108376.02710000001</v>
      </c>
      <c r="T4786">
        <v>25084.348429999998</v>
      </c>
      <c r="U4786">
        <v>27163.38509</v>
      </c>
      <c r="W4786" s="83">
        <f>Bühler!N4818</f>
        <v>45491.333333321731</v>
      </c>
      <c r="X4786" s="83">
        <v>43300.333333333336</v>
      </c>
      <c r="Y4786">
        <v>284191.53629999998</v>
      </c>
      <c r="Z4786">
        <v>29845.209279999999</v>
      </c>
      <c r="AA4786">
        <v>94341.970119999998</v>
      </c>
      <c r="AB4786">
        <v>38582.450960000002</v>
      </c>
      <c r="AC4786">
        <v>45387.037329999999</v>
      </c>
      <c r="AD4786">
        <v>37320.127659999998</v>
      </c>
      <c r="AE4786">
        <v>50525.082970000003</v>
      </c>
      <c r="AF4786">
        <v>60874.858220000002</v>
      </c>
      <c r="AG4786">
        <v>25208.8076</v>
      </c>
      <c r="AH4786">
        <v>365412.90169999999</v>
      </c>
      <c r="AI4786">
        <v>90660.681930000006</v>
      </c>
      <c r="AJ4786">
        <v>26131.04002</v>
      </c>
      <c r="AK4786">
        <v>34245.907079999997</v>
      </c>
      <c r="AL4786">
        <v>105687.1103</v>
      </c>
      <c r="AM4786">
        <v>21996.637630000001</v>
      </c>
      <c r="AN4786">
        <v>108376.02710000001</v>
      </c>
      <c r="AO4786">
        <v>25084.348429999998</v>
      </c>
      <c r="AP4786">
        <v>27163.38509</v>
      </c>
    </row>
    <row r="4787" spans="2:42" x14ac:dyDescent="0.3">
      <c r="B4787">
        <v>72.805941434855285</v>
      </c>
      <c r="C4787" s="83">
        <v>43300.375</v>
      </c>
      <c r="D4787">
        <v>286722.49080000003</v>
      </c>
      <c r="E4787">
        <v>35286.851280000003</v>
      </c>
      <c r="F4787">
        <v>101950.70329999999</v>
      </c>
      <c r="G4787">
        <v>41563.527670000003</v>
      </c>
      <c r="H4787">
        <v>48101.343670000002</v>
      </c>
      <c r="I4787">
        <v>37301.085859999999</v>
      </c>
      <c r="J4787">
        <v>54345.266530000001</v>
      </c>
      <c r="K4787">
        <v>65178.177000000003</v>
      </c>
      <c r="L4787">
        <v>28973.306909999999</v>
      </c>
      <c r="M4787">
        <v>371198.64189999999</v>
      </c>
      <c r="N4787">
        <v>94333.951109999995</v>
      </c>
      <c r="O4787">
        <v>29039.106390000001</v>
      </c>
      <c r="P4787">
        <v>38530.738069999999</v>
      </c>
      <c r="Q4787">
        <v>107078.1833</v>
      </c>
      <c r="R4787">
        <v>23002.889469999998</v>
      </c>
      <c r="S4787">
        <v>117556.3287</v>
      </c>
      <c r="T4787">
        <v>28047.19456</v>
      </c>
      <c r="U4787">
        <v>28144.725620000001</v>
      </c>
      <c r="W4787" s="83">
        <f>Bühler!N4819</f>
        <v>45491.374999988395</v>
      </c>
      <c r="X4787" s="83">
        <v>43300.375</v>
      </c>
      <c r="Y4787">
        <v>286722.49080000003</v>
      </c>
      <c r="Z4787">
        <v>35286.851280000003</v>
      </c>
      <c r="AA4787">
        <v>101950.70329999999</v>
      </c>
      <c r="AB4787">
        <v>41563.527670000003</v>
      </c>
      <c r="AC4787">
        <v>48101.343670000002</v>
      </c>
      <c r="AD4787">
        <v>37301.085859999999</v>
      </c>
      <c r="AE4787">
        <v>54345.266530000001</v>
      </c>
      <c r="AF4787">
        <v>65178.177000000003</v>
      </c>
      <c r="AG4787">
        <v>28973.306909999999</v>
      </c>
      <c r="AH4787">
        <v>371198.64189999999</v>
      </c>
      <c r="AI4787">
        <v>94333.951109999995</v>
      </c>
      <c r="AJ4787">
        <v>29039.106390000001</v>
      </c>
      <c r="AK4787">
        <v>38530.738069999999</v>
      </c>
      <c r="AL4787">
        <v>107078.1833</v>
      </c>
      <c r="AM4787">
        <v>23002.889469999998</v>
      </c>
      <c r="AN4787">
        <v>117556.3287</v>
      </c>
      <c r="AO4787">
        <v>28047.19456</v>
      </c>
      <c r="AP4787">
        <v>28144.725620000001</v>
      </c>
    </row>
    <row r="4788" spans="2:42" x14ac:dyDescent="0.3">
      <c r="B4788">
        <v>73.754888074001727</v>
      </c>
      <c r="C4788" s="83">
        <v>43300.416666666664</v>
      </c>
      <c r="D4788">
        <v>291309.32290000003</v>
      </c>
      <c r="E4788">
        <v>37752.603909999998</v>
      </c>
      <c r="F4788">
        <v>105584.6335</v>
      </c>
      <c r="G4788">
        <v>42741.082490000001</v>
      </c>
      <c r="H4788">
        <v>49921.360800000002</v>
      </c>
      <c r="I4788">
        <v>36610.7327</v>
      </c>
      <c r="J4788">
        <v>56519.408239999997</v>
      </c>
      <c r="K4788">
        <v>66487.96759</v>
      </c>
      <c r="L4788">
        <v>32819.748879999999</v>
      </c>
      <c r="M4788">
        <v>376036.81439999997</v>
      </c>
      <c r="N4788">
        <v>99411.645439999993</v>
      </c>
      <c r="O4788">
        <v>30326.790130000001</v>
      </c>
      <c r="P4788">
        <v>41446.617389999999</v>
      </c>
      <c r="Q4788">
        <v>109576.4666</v>
      </c>
      <c r="R4788">
        <v>24092.501499999998</v>
      </c>
      <c r="S4788">
        <v>121165.8233</v>
      </c>
      <c r="T4788">
        <v>30460.7016</v>
      </c>
      <c r="U4788">
        <v>28242.34276</v>
      </c>
      <c r="W4788" s="83">
        <f>Bühler!N4820</f>
        <v>45491.416666655059</v>
      </c>
      <c r="X4788" s="83">
        <v>43300.416666666664</v>
      </c>
      <c r="Y4788">
        <v>291309.32290000003</v>
      </c>
      <c r="Z4788">
        <v>37752.603909999998</v>
      </c>
      <c r="AA4788">
        <v>105584.6335</v>
      </c>
      <c r="AB4788">
        <v>42741.082490000001</v>
      </c>
      <c r="AC4788">
        <v>49921.360800000002</v>
      </c>
      <c r="AD4788">
        <v>36610.7327</v>
      </c>
      <c r="AE4788">
        <v>56519.408239999997</v>
      </c>
      <c r="AF4788">
        <v>66487.96759</v>
      </c>
      <c r="AG4788">
        <v>32819.748879999999</v>
      </c>
      <c r="AH4788">
        <v>376036.81439999997</v>
      </c>
      <c r="AI4788">
        <v>99411.645439999993</v>
      </c>
      <c r="AJ4788">
        <v>30326.790130000001</v>
      </c>
      <c r="AK4788">
        <v>41446.617389999999</v>
      </c>
      <c r="AL4788">
        <v>109576.4666</v>
      </c>
      <c r="AM4788">
        <v>24092.501499999998</v>
      </c>
      <c r="AN4788">
        <v>121165.8233</v>
      </c>
      <c r="AO4788">
        <v>30460.7016</v>
      </c>
      <c r="AP4788">
        <v>28242.34276</v>
      </c>
    </row>
    <row r="4789" spans="2:42" x14ac:dyDescent="0.3">
      <c r="B4789">
        <v>74.764800752571077</v>
      </c>
      <c r="C4789" s="83">
        <v>43300.458333333336</v>
      </c>
      <c r="D4789">
        <v>292481.74160000001</v>
      </c>
      <c r="E4789">
        <v>38608.483970000001</v>
      </c>
      <c r="F4789">
        <v>108964.71189999999</v>
      </c>
      <c r="G4789">
        <v>43794.863149999997</v>
      </c>
      <c r="H4789">
        <v>50639.519489999999</v>
      </c>
      <c r="I4789">
        <v>36334.756529999999</v>
      </c>
      <c r="J4789">
        <v>57193.261749999998</v>
      </c>
      <c r="K4789">
        <v>66626.963430000003</v>
      </c>
      <c r="L4789">
        <v>34827.131269999998</v>
      </c>
      <c r="M4789">
        <v>381185.82020000002</v>
      </c>
      <c r="N4789">
        <v>103541.5821</v>
      </c>
      <c r="O4789">
        <v>30016.427629999998</v>
      </c>
      <c r="P4789">
        <v>40369.915650000003</v>
      </c>
      <c r="Q4789">
        <v>111050.7733</v>
      </c>
      <c r="R4789">
        <v>26439.65208</v>
      </c>
      <c r="S4789">
        <v>125494.0511</v>
      </c>
      <c r="T4789">
        <v>30721.550630000002</v>
      </c>
      <c r="U4789">
        <v>28102.183990000001</v>
      </c>
      <c r="W4789" s="83">
        <f>Bühler!N4821</f>
        <v>45491.458333321723</v>
      </c>
      <c r="X4789" s="83">
        <v>43300.458333333336</v>
      </c>
      <c r="Y4789">
        <v>292481.74160000001</v>
      </c>
      <c r="Z4789">
        <v>38608.483970000001</v>
      </c>
      <c r="AA4789">
        <v>108964.71189999999</v>
      </c>
      <c r="AB4789">
        <v>43794.863149999997</v>
      </c>
      <c r="AC4789">
        <v>50639.519489999999</v>
      </c>
      <c r="AD4789">
        <v>36334.756529999999</v>
      </c>
      <c r="AE4789">
        <v>57193.261749999998</v>
      </c>
      <c r="AF4789">
        <v>66626.963430000003</v>
      </c>
      <c r="AG4789">
        <v>34827.131269999998</v>
      </c>
      <c r="AH4789">
        <v>381185.82020000002</v>
      </c>
      <c r="AI4789">
        <v>103541.5821</v>
      </c>
      <c r="AJ4789">
        <v>30016.427629999998</v>
      </c>
      <c r="AK4789">
        <v>40369.915650000003</v>
      </c>
      <c r="AL4789">
        <v>111050.7733</v>
      </c>
      <c r="AM4789">
        <v>26439.65208</v>
      </c>
      <c r="AN4789">
        <v>125494.0511</v>
      </c>
      <c r="AO4789">
        <v>30721.550630000002</v>
      </c>
      <c r="AP4789">
        <v>28102.183990000001</v>
      </c>
    </row>
    <row r="4790" spans="2:42" x14ac:dyDescent="0.3">
      <c r="B4790">
        <v>73.928435909890865</v>
      </c>
      <c r="C4790" s="83">
        <v>43300.5</v>
      </c>
      <c r="D4790">
        <v>285133.65230000002</v>
      </c>
      <c r="E4790">
        <v>36474.43118</v>
      </c>
      <c r="F4790">
        <v>108918.39230000001</v>
      </c>
      <c r="G4790">
        <v>43417.783060000002</v>
      </c>
      <c r="H4790">
        <v>50213.948349999999</v>
      </c>
      <c r="I4790">
        <v>35414.551220000001</v>
      </c>
      <c r="J4790">
        <v>57949.42787</v>
      </c>
      <c r="K4790">
        <v>64316.412020000003</v>
      </c>
      <c r="L4790">
        <v>38141.60297</v>
      </c>
      <c r="M4790">
        <v>376921.6422</v>
      </c>
      <c r="N4790">
        <v>103099.5649</v>
      </c>
      <c r="O4790">
        <v>29416.68579</v>
      </c>
      <c r="P4790">
        <v>42209.158750000002</v>
      </c>
      <c r="Q4790">
        <v>110762.7586</v>
      </c>
      <c r="R4790">
        <v>26885.949530000002</v>
      </c>
      <c r="S4790">
        <v>123501.09600000001</v>
      </c>
      <c r="T4790">
        <v>30538.022229999999</v>
      </c>
      <c r="U4790">
        <v>25476.469649999999</v>
      </c>
      <c r="W4790" s="83">
        <f>Bühler!N4822</f>
        <v>45491.499999988388</v>
      </c>
      <c r="X4790" s="83">
        <v>43300.5</v>
      </c>
      <c r="Y4790">
        <v>285133.65230000002</v>
      </c>
      <c r="Z4790">
        <v>36474.43118</v>
      </c>
      <c r="AA4790">
        <v>108918.39230000001</v>
      </c>
      <c r="AB4790">
        <v>43417.783060000002</v>
      </c>
      <c r="AC4790">
        <v>50213.948349999999</v>
      </c>
      <c r="AD4790">
        <v>35414.551220000001</v>
      </c>
      <c r="AE4790">
        <v>57949.42787</v>
      </c>
      <c r="AF4790">
        <v>64316.412020000003</v>
      </c>
      <c r="AG4790">
        <v>38141.60297</v>
      </c>
      <c r="AH4790">
        <v>376921.6422</v>
      </c>
      <c r="AI4790">
        <v>103099.5649</v>
      </c>
      <c r="AJ4790">
        <v>29416.68579</v>
      </c>
      <c r="AK4790">
        <v>42209.158750000002</v>
      </c>
      <c r="AL4790">
        <v>110762.7586</v>
      </c>
      <c r="AM4790">
        <v>26885.949530000002</v>
      </c>
      <c r="AN4790">
        <v>123501.09600000001</v>
      </c>
      <c r="AO4790">
        <v>30538.022229999999</v>
      </c>
      <c r="AP4790">
        <v>25476.469649999999</v>
      </c>
    </row>
    <row r="4791" spans="2:42" x14ac:dyDescent="0.3">
      <c r="B4791">
        <v>73.867105368699129</v>
      </c>
      <c r="C4791" s="83">
        <v>43300.541666666664</v>
      </c>
      <c r="D4791">
        <v>286044.88630000001</v>
      </c>
      <c r="E4791">
        <v>36891.905559999999</v>
      </c>
      <c r="F4791">
        <v>108278.2277</v>
      </c>
      <c r="G4791">
        <v>43105.213660000001</v>
      </c>
      <c r="H4791">
        <v>50924.740360000003</v>
      </c>
      <c r="I4791">
        <v>35946.271540000002</v>
      </c>
      <c r="J4791">
        <v>57483.840210000002</v>
      </c>
      <c r="K4791">
        <v>66483.732310000007</v>
      </c>
      <c r="L4791">
        <v>38876.932800000002</v>
      </c>
      <c r="M4791">
        <v>376608.95049999998</v>
      </c>
      <c r="N4791">
        <v>104900.3012</v>
      </c>
      <c r="O4791">
        <v>29385.98792</v>
      </c>
      <c r="P4791">
        <v>41457.795039999997</v>
      </c>
      <c r="Q4791">
        <v>110101.2681</v>
      </c>
      <c r="R4791">
        <v>27041.709510000001</v>
      </c>
      <c r="S4791">
        <v>124045.8413</v>
      </c>
      <c r="T4791">
        <v>30593.67049</v>
      </c>
      <c r="U4791">
        <v>25950.428380000001</v>
      </c>
      <c r="W4791" s="83">
        <f>Bühler!N4823</f>
        <v>45491.541666655052</v>
      </c>
      <c r="X4791" s="83">
        <v>43300.541666666664</v>
      </c>
      <c r="Y4791">
        <v>286044.88630000001</v>
      </c>
      <c r="Z4791">
        <v>36891.905559999999</v>
      </c>
      <c r="AA4791">
        <v>108278.2277</v>
      </c>
      <c r="AB4791">
        <v>43105.213660000001</v>
      </c>
      <c r="AC4791">
        <v>50924.740360000003</v>
      </c>
      <c r="AD4791">
        <v>35946.271540000002</v>
      </c>
      <c r="AE4791">
        <v>57483.840210000002</v>
      </c>
      <c r="AF4791">
        <v>66483.732310000007</v>
      </c>
      <c r="AG4791">
        <v>38876.932800000002</v>
      </c>
      <c r="AH4791">
        <v>376608.95049999998</v>
      </c>
      <c r="AI4791">
        <v>104900.3012</v>
      </c>
      <c r="AJ4791">
        <v>29385.98792</v>
      </c>
      <c r="AK4791">
        <v>41457.795039999997</v>
      </c>
      <c r="AL4791">
        <v>110101.2681</v>
      </c>
      <c r="AM4791">
        <v>27041.709510000001</v>
      </c>
      <c r="AN4791">
        <v>124045.8413</v>
      </c>
      <c r="AO4791">
        <v>30593.67049</v>
      </c>
      <c r="AP4791">
        <v>25950.428380000001</v>
      </c>
    </row>
    <row r="4792" spans="2:42" x14ac:dyDescent="0.3">
      <c r="B4792">
        <v>73.86452810347491</v>
      </c>
      <c r="C4792" s="83">
        <v>43300.583333333336</v>
      </c>
      <c r="D4792">
        <v>289257.77500000002</v>
      </c>
      <c r="E4792">
        <v>39331.73863</v>
      </c>
      <c r="F4792">
        <v>110219.8729</v>
      </c>
      <c r="G4792">
        <v>43274.640480000002</v>
      </c>
      <c r="H4792">
        <v>51445.22206</v>
      </c>
      <c r="I4792">
        <v>37067.015169999999</v>
      </c>
      <c r="J4792">
        <v>57339.907160000002</v>
      </c>
      <c r="K4792">
        <v>67903.119829999996</v>
      </c>
      <c r="L4792">
        <v>36406.597670000003</v>
      </c>
      <c r="M4792">
        <v>376595.81040000002</v>
      </c>
      <c r="N4792">
        <v>106306.7828</v>
      </c>
      <c r="O4792">
        <v>28877.722160000001</v>
      </c>
      <c r="P4792">
        <v>38316.559379999999</v>
      </c>
      <c r="Q4792">
        <v>110107.967</v>
      </c>
      <c r="R4792">
        <v>26784.344209999999</v>
      </c>
      <c r="S4792">
        <v>122089.6508</v>
      </c>
      <c r="T4792">
        <v>30484.327010000001</v>
      </c>
      <c r="U4792">
        <v>27012.997859999999</v>
      </c>
      <c r="W4792" s="83">
        <f>Bühler!N4824</f>
        <v>45491.583333321716</v>
      </c>
      <c r="X4792" s="83">
        <v>43300.583333333336</v>
      </c>
      <c r="Y4792">
        <v>289257.77500000002</v>
      </c>
      <c r="Z4792">
        <v>39331.73863</v>
      </c>
      <c r="AA4792">
        <v>110219.8729</v>
      </c>
      <c r="AB4792">
        <v>43274.640480000002</v>
      </c>
      <c r="AC4792">
        <v>51445.22206</v>
      </c>
      <c r="AD4792">
        <v>37067.015169999999</v>
      </c>
      <c r="AE4792">
        <v>57339.907160000002</v>
      </c>
      <c r="AF4792">
        <v>67903.119829999996</v>
      </c>
      <c r="AG4792">
        <v>36406.597670000003</v>
      </c>
      <c r="AH4792">
        <v>376595.81040000002</v>
      </c>
      <c r="AI4792">
        <v>106306.7828</v>
      </c>
      <c r="AJ4792">
        <v>28877.722160000001</v>
      </c>
      <c r="AK4792">
        <v>38316.559379999999</v>
      </c>
      <c r="AL4792">
        <v>110107.967</v>
      </c>
      <c r="AM4792">
        <v>26784.344209999999</v>
      </c>
      <c r="AN4792">
        <v>122089.6508</v>
      </c>
      <c r="AO4792">
        <v>30484.327010000001</v>
      </c>
      <c r="AP4792">
        <v>27012.997859999999</v>
      </c>
    </row>
    <row r="4793" spans="2:42" x14ac:dyDescent="0.3">
      <c r="B4793">
        <v>73.257679339065234</v>
      </c>
      <c r="C4793" s="83">
        <v>43300.625</v>
      </c>
      <c r="D4793">
        <v>285590.04080000002</v>
      </c>
      <c r="E4793">
        <v>39208.446309999999</v>
      </c>
      <c r="F4793">
        <v>113052.2616</v>
      </c>
      <c r="G4793">
        <v>43346.25563</v>
      </c>
      <c r="H4793">
        <v>50912.027280000002</v>
      </c>
      <c r="I4793">
        <v>37081.277450000001</v>
      </c>
      <c r="J4793">
        <v>56897.143770000002</v>
      </c>
      <c r="K4793">
        <v>65286.14256</v>
      </c>
      <c r="L4793">
        <v>33756.655879999998</v>
      </c>
      <c r="M4793">
        <v>373501.8124</v>
      </c>
      <c r="N4793">
        <v>104534.54459999999</v>
      </c>
      <c r="O4793">
        <v>29423.327809999999</v>
      </c>
      <c r="P4793">
        <v>35999.515370000001</v>
      </c>
      <c r="Q4793">
        <v>108256.4374</v>
      </c>
      <c r="R4793">
        <v>26892.996340000002</v>
      </c>
      <c r="S4793">
        <v>120838.09420000001</v>
      </c>
      <c r="T4793">
        <v>30223.267070000002</v>
      </c>
      <c r="U4793">
        <v>27386.681219999999</v>
      </c>
      <c r="W4793" s="83">
        <f>Bühler!N4825</f>
        <v>45491.62499998838</v>
      </c>
      <c r="X4793" s="83">
        <v>43300.625</v>
      </c>
      <c r="Y4793">
        <v>285590.04080000002</v>
      </c>
      <c r="Z4793">
        <v>39208.446309999999</v>
      </c>
      <c r="AA4793">
        <v>113052.2616</v>
      </c>
      <c r="AB4793">
        <v>43346.25563</v>
      </c>
      <c r="AC4793">
        <v>50912.027280000002</v>
      </c>
      <c r="AD4793">
        <v>37081.277450000001</v>
      </c>
      <c r="AE4793">
        <v>56897.143770000002</v>
      </c>
      <c r="AF4793">
        <v>65286.14256</v>
      </c>
      <c r="AG4793">
        <v>33756.655879999998</v>
      </c>
      <c r="AH4793">
        <v>373501.8124</v>
      </c>
      <c r="AI4793">
        <v>104534.54459999999</v>
      </c>
      <c r="AJ4793">
        <v>29423.327809999999</v>
      </c>
      <c r="AK4793">
        <v>35999.515370000001</v>
      </c>
      <c r="AL4793">
        <v>108256.4374</v>
      </c>
      <c r="AM4793">
        <v>26892.996340000002</v>
      </c>
      <c r="AN4793">
        <v>120838.09420000001</v>
      </c>
      <c r="AO4793">
        <v>30223.267070000002</v>
      </c>
      <c r="AP4793">
        <v>27386.681219999999</v>
      </c>
    </row>
    <row r="4794" spans="2:42" x14ac:dyDescent="0.3">
      <c r="B4794">
        <v>72.455585057036217</v>
      </c>
      <c r="C4794" s="83">
        <v>43300.666666666664</v>
      </c>
      <c r="D4794">
        <v>279667.20329999999</v>
      </c>
      <c r="E4794">
        <v>38471.069490000002</v>
      </c>
      <c r="F4794">
        <v>111719.8814</v>
      </c>
      <c r="G4794">
        <v>42003.942360000001</v>
      </c>
      <c r="H4794">
        <v>49735.146419999997</v>
      </c>
      <c r="I4794">
        <v>38285.88351</v>
      </c>
      <c r="J4794">
        <v>56211.91706</v>
      </c>
      <c r="K4794">
        <v>63253.694990000004</v>
      </c>
      <c r="L4794">
        <v>32286.872459999999</v>
      </c>
      <c r="M4794">
        <v>369412.36170000001</v>
      </c>
      <c r="N4794">
        <v>102792.16310000001</v>
      </c>
      <c r="O4794">
        <v>28235.112949999999</v>
      </c>
      <c r="P4794">
        <v>36092.938159999998</v>
      </c>
      <c r="Q4794">
        <v>108363.3985</v>
      </c>
      <c r="R4794">
        <v>26703.431039999999</v>
      </c>
      <c r="S4794">
        <v>118152.155</v>
      </c>
      <c r="T4794">
        <v>30566.336889999999</v>
      </c>
      <c r="U4794">
        <v>26072.787919999999</v>
      </c>
      <c r="W4794" s="83">
        <f>Bühler!N4826</f>
        <v>45491.666666655045</v>
      </c>
      <c r="X4794" s="83">
        <v>43300.666666666664</v>
      </c>
      <c r="Y4794">
        <v>279667.20329999999</v>
      </c>
      <c r="Z4794">
        <v>38471.069490000002</v>
      </c>
      <c r="AA4794">
        <v>111719.8814</v>
      </c>
      <c r="AB4794">
        <v>42003.942360000001</v>
      </c>
      <c r="AC4794">
        <v>49735.146419999997</v>
      </c>
      <c r="AD4794">
        <v>38285.88351</v>
      </c>
      <c r="AE4794">
        <v>56211.91706</v>
      </c>
      <c r="AF4794">
        <v>63253.694990000004</v>
      </c>
      <c r="AG4794">
        <v>32286.872459999999</v>
      </c>
      <c r="AH4794">
        <v>369412.36170000001</v>
      </c>
      <c r="AI4794">
        <v>102792.16310000001</v>
      </c>
      <c r="AJ4794">
        <v>28235.112949999999</v>
      </c>
      <c r="AK4794">
        <v>36092.938159999998</v>
      </c>
      <c r="AL4794">
        <v>108363.3985</v>
      </c>
      <c r="AM4794">
        <v>26703.431039999999</v>
      </c>
      <c r="AN4794">
        <v>118152.155</v>
      </c>
      <c r="AO4794">
        <v>30566.336889999999</v>
      </c>
      <c r="AP4794">
        <v>26072.787919999999</v>
      </c>
    </row>
    <row r="4795" spans="2:42" x14ac:dyDescent="0.3">
      <c r="B4795">
        <v>70.618375615656007</v>
      </c>
      <c r="C4795" s="83">
        <v>43300.708333333336</v>
      </c>
      <c r="D4795">
        <v>274734.58309999999</v>
      </c>
      <c r="E4795">
        <v>36560.860460000004</v>
      </c>
      <c r="F4795">
        <v>111030.5223</v>
      </c>
      <c r="G4795">
        <v>39940.483010000004</v>
      </c>
      <c r="H4795">
        <v>48398.317199999998</v>
      </c>
      <c r="I4795">
        <v>37557.386440000002</v>
      </c>
      <c r="J4795">
        <v>55755.250489999999</v>
      </c>
      <c r="K4795">
        <v>59977.263160000002</v>
      </c>
      <c r="L4795">
        <v>32680.88926</v>
      </c>
      <c r="M4795">
        <v>360045.41119999997</v>
      </c>
      <c r="N4795">
        <v>97800.615619999997</v>
      </c>
      <c r="O4795">
        <v>27482.62255</v>
      </c>
      <c r="P4795">
        <v>37172.076300000001</v>
      </c>
      <c r="Q4795">
        <v>107039.51730000001</v>
      </c>
      <c r="R4795">
        <v>27141.237059999999</v>
      </c>
      <c r="S4795">
        <v>114747.37729999999</v>
      </c>
      <c r="T4795">
        <v>29599.282299999999</v>
      </c>
      <c r="U4795">
        <v>24738.724330000001</v>
      </c>
      <c r="W4795" s="83">
        <f>Bühler!N4827</f>
        <v>45491.708333321709</v>
      </c>
      <c r="X4795" s="83">
        <v>43300.708333333336</v>
      </c>
      <c r="Y4795">
        <v>274734.58309999999</v>
      </c>
      <c r="Z4795">
        <v>36560.860460000004</v>
      </c>
      <c r="AA4795">
        <v>111030.5223</v>
      </c>
      <c r="AB4795">
        <v>39940.483010000004</v>
      </c>
      <c r="AC4795">
        <v>48398.317199999998</v>
      </c>
      <c r="AD4795">
        <v>37557.386440000002</v>
      </c>
      <c r="AE4795">
        <v>55755.250489999999</v>
      </c>
      <c r="AF4795">
        <v>59977.263160000002</v>
      </c>
      <c r="AG4795">
        <v>32680.88926</v>
      </c>
      <c r="AH4795">
        <v>360045.41119999997</v>
      </c>
      <c r="AI4795">
        <v>97800.615619999997</v>
      </c>
      <c r="AJ4795">
        <v>27482.62255</v>
      </c>
      <c r="AK4795">
        <v>37172.076300000001</v>
      </c>
      <c r="AL4795">
        <v>107039.51730000001</v>
      </c>
      <c r="AM4795">
        <v>27141.237059999999</v>
      </c>
      <c r="AN4795">
        <v>114747.37729999999</v>
      </c>
      <c r="AO4795">
        <v>29599.282299999999</v>
      </c>
      <c r="AP4795">
        <v>24738.724330000001</v>
      </c>
    </row>
    <row r="4796" spans="2:42" x14ac:dyDescent="0.3">
      <c r="B4796">
        <v>69.084197359808257</v>
      </c>
      <c r="C4796" s="83">
        <v>43300.75</v>
      </c>
      <c r="D4796">
        <v>266837.10700000002</v>
      </c>
      <c r="E4796">
        <v>33477.215539999997</v>
      </c>
      <c r="F4796">
        <v>108183.06230000001</v>
      </c>
      <c r="G4796">
        <v>37508.041270000002</v>
      </c>
      <c r="H4796">
        <v>46355.843970000002</v>
      </c>
      <c r="I4796">
        <v>36921.008930000004</v>
      </c>
      <c r="J4796">
        <v>55559.060270000002</v>
      </c>
      <c r="K4796">
        <v>57429.665710000001</v>
      </c>
      <c r="L4796">
        <v>33816.491300000002</v>
      </c>
      <c r="M4796">
        <v>352223.45500000002</v>
      </c>
      <c r="N4796">
        <v>93673.964670000001</v>
      </c>
      <c r="O4796">
        <v>27016.2889</v>
      </c>
      <c r="P4796">
        <v>40273.826050000003</v>
      </c>
      <c r="Q4796">
        <v>105506.47349999999</v>
      </c>
      <c r="R4796">
        <v>25721.189249999999</v>
      </c>
      <c r="S4796">
        <v>108740.6703</v>
      </c>
      <c r="T4796">
        <v>29027.27765</v>
      </c>
      <c r="U4796">
        <v>23361.398860000001</v>
      </c>
      <c r="W4796" s="83">
        <f>Bühler!N4828</f>
        <v>45491.749999988373</v>
      </c>
      <c r="X4796" s="83">
        <v>43300.75</v>
      </c>
      <c r="Y4796">
        <v>266837.10700000002</v>
      </c>
      <c r="Z4796">
        <v>33477.215539999997</v>
      </c>
      <c r="AA4796">
        <v>108183.06230000001</v>
      </c>
      <c r="AB4796">
        <v>37508.041270000002</v>
      </c>
      <c r="AC4796">
        <v>46355.843970000002</v>
      </c>
      <c r="AD4796">
        <v>36921.008930000004</v>
      </c>
      <c r="AE4796">
        <v>55559.060270000002</v>
      </c>
      <c r="AF4796">
        <v>57429.665710000001</v>
      </c>
      <c r="AG4796">
        <v>33816.491300000002</v>
      </c>
      <c r="AH4796">
        <v>352223.45500000002</v>
      </c>
      <c r="AI4796">
        <v>93673.964670000001</v>
      </c>
      <c r="AJ4796">
        <v>27016.2889</v>
      </c>
      <c r="AK4796">
        <v>40273.826050000003</v>
      </c>
      <c r="AL4796">
        <v>105506.47349999999</v>
      </c>
      <c r="AM4796">
        <v>25721.189249999999</v>
      </c>
      <c r="AN4796">
        <v>108740.6703</v>
      </c>
      <c r="AO4796">
        <v>29027.27765</v>
      </c>
      <c r="AP4796">
        <v>23361.398860000001</v>
      </c>
    </row>
    <row r="4797" spans="2:42" x14ac:dyDescent="0.3">
      <c r="B4797">
        <v>67.439629731499863</v>
      </c>
      <c r="C4797" s="83">
        <v>43300.791666666664</v>
      </c>
      <c r="D4797">
        <v>260291.1153</v>
      </c>
      <c r="E4797">
        <v>27530.46528</v>
      </c>
      <c r="F4797">
        <v>97603.276700000002</v>
      </c>
      <c r="G4797">
        <v>35574.246220000001</v>
      </c>
      <c r="H4797">
        <v>44084.646650000002</v>
      </c>
      <c r="I4797">
        <v>34584.448389999998</v>
      </c>
      <c r="J4797">
        <v>54480.911039999999</v>
      </c>
      <c r="K4797">
        <v>57286.084139999999</v>
      </c>
      <c r="L4797">
        <v>33675.120389999996</v>
      </c>
      <c r="M4797">
        <v>343838.68229999999</v>
      </c>
      <c r="N4797">
        <v>91425.837899999999</v>
      </c>
      <c r="O4797">
        <v>24681.759689999999</v>
      </c>
      <c r="P4797">
        <v>43169.51223</v>
      </c>
      <c r="Q4797">
        <v>102349.2656</v>
      </c>
      <c r="R4797">
        <v>24466.81035</v>
      </c>
      <c r="S4797">
        <v>103061.0194</v>
      </c>
      <c r="T4797">
        <v>28335.383320000001</v>
      </c>
      <c r="U4797">
        <v>21975.725200000001</v>
      </c>
      <c r="W4797" s="83">
        <f>Bühler!N4829</f>
        <v>45491.791666655037</v>
      </c>
      <c r="X4797" s="83">
        <v>43300.791666666664</v>
      </c>
      <c r="Y4797">
        <v>260291.1153</v>
      </c>
      <c r="Z4797">
        <v>27530.46528</v>
      </c>
      <c r="AA4797">
        <v>97603.276700000002</v>
      </c>
      <c r="AB4797">
        <v>35574.246220000001</v>
      </c>
      <c r="AC4797">
        <v>44084.646650000002</v>
      </c>
      <c r="AD4797">
        <v>34584.448389999998</v>
      </c>
      <c r="AE4797">
        <v>54480.911039999999</v>
      </c>
      <c r="AF4797">
        <v>57286.084139999999</v>
      </c>
      <c r="AG4797">
        <v>33675.120389999996</v>
      </c>
      <c r="AH4797">
        <v>343838.68229999999</v>
      </c>
      <c r="AI4797">
        <v>91425.837899999999</v>
      </c>
      <c r="AJ4797">
        <v>24681.759689999999</v>
      </c>
      <c r="AK4797">
        <v>43169.51223</v>
      </c>
      <c r="AL4797">
        <v>102349.2656</v>
      </c>
      <c r="AM4797">
        <v>24466.81035</v>
      </c>
      <c r="AN4797">
        <v>103061.0194</v>
      </c>
      <c r="AO4797">
        <v>28335.383320000001</v>
      </c>
      <c r="AP4797">
        <v>21975.725200000001</v>
      </c>
    </row>
    <row r="4798" spans="2:42" x14ac:dyDescent="0.3">
      <c r="B4798">
        <v>65.463087821813616</v>
      </c>
      <c r="C4798" s="83">
        <v>43300.833333333336</v>
      </c>
      <c r="D4798">
        <v>252225.52739999999</v>
      </c>
      <c r="E4798">
        <v>20234.779910000001</v>
      </c>
      <c r="F4798">
        <v>77634.72623</v>
      </c>
      <c r="G4798">
        <v>33722.401010000001</v>
      </c>
      <c r="H4798">
        <v>40557.536800000002</v>
      </c>
      <c r="I4798">
        <v>31856.918140000002</v>
      </c>
      <c r="J4798">
        <v>52849.792410000002</v>
      </c>
      <c r="K4798">
        <v>57273.11219</v>
      </c>
      <c r="L4798">
        <v>34031.584620000001</v>
      </c>
      <c r="M4798">
        <v>333761.34989999997</v>
      </c>
      <c r="N4798">
        <v>88232.036170000007</v>
      </c>
      <c r="O4798">
        <v>22591.361430000001</v>
      </c>
      <c r="P4798">
        <v>42496.379800000002</v>
      </c>
      <c r="Q4798">
        <v>98225.801749999999</v>
      </c>
      <c r="R4798">
        <v>22543.754939999999</v>
      </c>
      <c r="S4798">
        <v>94245.270980000001</v>
      </c>
      <c r="T4798">
        <v>26211.301149999999</v>
      </c>
      <c r="U4798">
        <v>20622.080450000001</v>
      </c>
      <c r="W4798" s="83">
        <f>Bühler!N4830</f>
        <v>45491.833333321702</v>
      </c>
      <c r="X4798" s="83">
        <v>43300.833333333336</v>
      </c>
      <c r="Y4798">
        <v>252225.52739999999</v>
      </c>
      <c r="Z4798">
        <v>20234.779910000001</v>
      </c>
      <c r="AA4798">
        <v>77634.72623</v>
      </c>
      <c r="AB4798">
        <v>33722.401010000001</v>
      </c>
      <c r="AC4798">
        <v>40557.536800000002</v>
      </c>
      <c r="AD4798">
        <v>31856.918140000002</v>
      </c>
      <c r="AE4798">
        <v>52849.792410000002</v>
      </c>
      <c r="AF4798">
        <v>57273.11219</v>
      </c>
      <c r="AG4798">
        <v>34031.584620000001</v>
      </c>
      <c r="AH4798">
        <v>333761.34989999997</v>
      </c>
      <c r="AI4798">
        <v>88232.036170000007</v>
      </c>
      <c r="AJ4798">
        <v>22591.361430000001</v>
      </c>
      <c r="AK4798">
        <v>42496.379800000002</v>
      </c>
      <c r="AL4798">
        <v>98225.801749999999</v>
      </c>
      <c r="AM4798">
        <v>22543.754939999999</v>
      </c>
      <c r="AN4798">
        <v>94245.270980000001</v>
      </c>
      <c r="AO4798">
        <v>26211.301149999999</v>
      </c>
      <c r="AP4798">
        <v>20622.080450000001</v>
      </c>
    </row>
    <row r="4799" spans="2:42" x14ac:dyDescent="0.3">
      <c r="B4799">
        <v>63.058510410148763</v>
      </c>
      <c r="C4799" s="83">
        <v>43300.875</v>
      </c>
      <c r="D4799">
        <v>243623.57879999999</v>
      </c>
      <c r="E4799">
        <v>17251.225829999999</v>
      </c>
      <c r="F4799">
        <v>68122.353149999995</v>
      </c>
      <c r="G4799">
        <v>32042.139510000001</v>
      </c>
      <c r="H4799">
        <v>38440.599670000003</v>
      </c>
      <c r="I4799">
        <v>29755.739750000001</v>
      </c>
      <c r="J4799">
        <v>52411.494160000002</v>
      </c>
      <c r="K4799">
        <v>56323.559540000002</v>
      </c>
      <c r="L4799">
        <v>32763.370719999999</v>
      </c>
      <c r="M4799">
        <v>321501.69290000002</v>
      </c>
      <c r="N4799">
        <v>85716.889720000006</v>
      </c>
      <c r="O4799">
        <v>21072.63061</v>
      </c>
      <c r="P4799">
        <v>40293.082840000003</v>
      </c>
      <c r="Q4799">
        <v>94872.359100000001</v>
      </c>
      <c r="R4799">
        <v>21173.692330000002</v>
      </c>
      <c r="S4799">
        <v>89659.545419999995</v>
      </c>
      <c r="T4799">
        <v>24321.518339999999</v>
      </c>
      <c r="U4799">
        <v>20323.112789999999</v>
      </c>
      <c r="W4799" s="83">
        <f>Bühler!N4831</f>
        <v>45491.874999988366</v>
      </c>
      <c r="X4799" s="83">
        <v>43300.875</v>
      </c>
      <c r="Y4799">
        <v>243623.57879999999</v>
      </c>
      <c r="Z4799">
        <v>17251.225829999999</v>
      </c>
      <c r="AA4799">
        <v>68122.353149999995</v>
      </c>
      <c r="AB4799">
        <v>32042.139510000001</v>
      </c>
      <c r="AC4799">
        <v>38440.599670000003</v>
      </c>
      <c r="AD4799">
        <v>29755.739750000001</v>
      </c>
      <c r="AE4799">
        <v>52411.494160000002</v>
      </c>
      <c r="AF4799">
        <v>56323.559540000002</v>
      </c>
      <c r="AG4799">
        <v>32763.370719999999</v>
      </c>
      <c r="AH4799">
        <v>321501.69290000002</v>
      </c>
      <c r="AI4799">
        <v>85716.889720000006</v>
      </c>
      <c r="AJ4799">
        <v>21072.63061</v>
      </c>
      <c r="AK4799">
        <v>40293.082840000003</v>
      </c>
      <c r="AL4799">
        <v>94872.359100000001</v>
      </c>
      <c r="AM4799">
        <v>21173.692330000002</v>
      </c>
      <c r="AN4799">
        <v>89659.545419999995</v>
      </c>
      <c r="AO4799">
        <v>24321.518339999999</v>
      </c>
      <c r="AP4799">
        <v>20323.112789999999</v>
      </c>
    </row>
    <row r="4800" spans="2:42" x14ac:dyDescent="0.3">
      <c r="B4800">
        <v>62.066701234438781</v>
      </c>
      <c r="C4800" s="83">
        <v>43300.916666666664</v>
      </c>
      <c r="D4800">
        <v>243881.5099</v>
      </c>
      <c r="E4800">
        <v>16633.366330000001</v>
      </c>
      <c r="F4800">
        <v>64651.167650000003</v>
      </c>
      <c r="G4800">
        <v>32074.22063</v>
      </c>
      <c r="H4800">
        <v>39518.021650000002</v>
      </c>
      <c r="I4800">
        <v>29187.706689999999</v>
      </c>
      <c r="J4800">
        <v>52417.927810000001</v>
      </c>
      <c r="K4800">
        <v>58687.395689999998</v>
      </c>
      <c r="L4800">
        <v>28791.60743</v>
      </c>
      <c r="M4800">
        <v>316444.98719999997</v>
      </c>
      <c r="N4800">
        <v>85990.384049999993</v>
      </c>
      <c r="O4800">
        <v>20491.437979999999</v>
      </c>
      <c r="P4800">
        <v>42831.587780000002</v>
      </c>
      <c r="Q4800">
        <v>93791.971380000003</v>
      </c>
      <c r="R4800">
        <v>22045.777310000001</v>
      </c>
      <c r="S4800">
        <v>88501.178360000005</v>
      </c>
      <c r="T4800">
        <v>22032.5962</v>
      </c>
      <c r="U4800">
        <v>20761.285169999999</v>
      </c>
      <c r="W4800" s="83">
        <f>Bühler!N4832</f>
        <v>45491.91666665503</v>
      </c>
      <c r="X4800" s="83">
        <v>43300.916666666664</v>
      </c>
      <c r="Y4800">
        <v>243881.5099</v>
      </c>
      <c r="Z4800">
        <v>16633.366330000001</v>
      </c>
      <c r="AA4800">
        <v>64651.167650000003</v>
      </c>
      <c r="AB4800">
        <v>32074.22063</v>
      </c>
      <c r="AC4800">
        <v>39518.021650000002</v>
      </c>
      <c r="AD4800">
        <v>29187.706689999999</v>
      </c>
      <c r="AE4800">
        <v>52417.927810000001</v>
      </c>
      <c r="AF4800">
        <v>58687.395689999998</v>
      </c>
      <c r="AG4800">
        <v>28791.60743</v>
      </c>
      <c r="AH4800">
        <v>316444.98719999997</v>
      </c>
      <c r="AI4800">
        <v>85990.384049999993</v>
      </c>
      <c r="AJ4800">
        <v>20491.437979999999</v>
      </c>
      <c r="AK4800">
        <v>42831.587780000002</v>
      </c>
      <c r="AL4800">
        <v>93791.971380000003</v>
      </c>
      <c r="AM4800">
        <v>22045.777310000001</v>
      </c>
      <c r="AN4800">
        <v>88501.178360000005</v>
      </c>
      <c r="AO4800">
        <v>22032.5962</v>
      </c>
      <c r="AP4800">
        <v>20761.285169999999</v>
      </c>
    </row>
    <row r="4801" spans="2:42" x14ac:dyDescent="0.3">
      <c r="B4801">
        <v>61.936910988584934</v>
      </c>
      <c r="C4801" s="83">
        <v>43300.958333333336</v>
      </c>
      <c r="D4801">
        <v>244043.1152</v>
      </c>
      <c r="E4801">
        <v>15993.99936</v>
      </c>
      <c r="F4801">
        <v>62962.08178</v>
      </c>
      <c r="G4801">
        <v>32013.460490000001</v>
      </c>
      <c r="H4801">
        <v>38692.382949999999</v>
      </c>
      <c r="I4801">
        <v>28333.862099999998</v>
      </c>
      <c r="J4801">
        <v>47568.064059999997</v>
      </c>
      <c r="K4801">
        <v>57674.201529999998</v>
      </c>
      <c r="L4801">
        <v>24705.855680000001</v>
      </c>
      <c r="M4801">
        <v>315783.25599999999</v>
      </c>
      <c r="N4801">
        <v>86044.359190000003</v>
      </c>
      <c r="O4801">
        <v>19920.042939999999</v>
      </c>
      <c r="P4801">
        <v>37201.682009999997</v>
      </c>
      <c r="Q4801">
        <v>93816.964070000002</v>
      </c>
      <c r="R4801">
        <v>22134.002110000001</v>
      </c>
      <c r="S4801">
        <v>86162.609020000004</v>
      </c>
      <c r="T4801">
        <v>20491.676080000001</v>
      </c>
      <c r="U4801">
        <v>20377.506069999999</v>
      </c>
      <c r="W4801" s="83">
        <f>Bühler!N4833</f>
        <v>45491.958333321694</v>
      </c>
      <c r="X4801" s="83">
        <v>43300.958333333336</v>
      </c>
      <c r="Y4801">
        <v>244043.1152</v>
      </c>
      <c r="Z4801">
        <v>15993.99936</v>
      </c>
      <c r="AA4801">
        <v>62962.08178</v>
      </c>
      <c r="AB4801">
        <v>32013.460490000001</v>
      </c>
      <c r="AC4801">
        <v>38692.382949999999</v>
      </c>
      <c r="AD4801">
        <v>28333.862099999998</v>
      </c>
      <c r="AE4801">
        <v>47568.064059999997</v>
      </c>
      <c r="AF4801">
        <v>57674.201529999998</v>
      </c>
      <c r="AG4801">
        <v>24705.855680000001</v>
      </c>
      <c r="AH4801">
        <v>315783.25599999999</v>
      </c>
      <c r="AI4801">
        <v>86044.359190000003</v>
      </c>
      <c r="AJ4801">
        <v>19920.042939999999</v>
      </c>
      <c r="AK4801">
        <v>37201.682009999997</v>
      </c>
      <c r="AL4801">
        <v>93816.964070000002</v>
      </c>
      <c r="AM4801">
        <v>22134.002110000001</v>
      </c>
      <c r="AN4801">
        <v>86162.609020000004</v>
      </c>
      <c r="AO4801">
        <v>20491.676080000001</v>
      </c>
      <c r="AP4801">
        <v>20377.506069999999</v>
      </c>
    </row>
    <row r="4802" spans="2:42" x14ac:dyDescent="0.3">
      <c r="B4802">
        <v>60.48727017421308</v>
      </c>
      <c r="C4802" s="83">
        <v>43301</v>
      </c>
      <c r="D4802">
        <v>243024.14809999999</v>
      </c>
      <c r="E4802">
        <v>15377.439130000001</v>
      </c>
      <c r="F4802">
        <v>61874.634409999999</v>
      </c>
      <c r="G4802">
        <v>31737.235619999999</v>
      </c>
      <c r="H4802">
        <v>37967.786390000001</v>
      </c>
      <c r="I4802">
        <v>26046.25028</v>
      </c>
      <c r="J4802">
        <v>43334.064079999996</v>
      </c>
      <c r="K4802">
        <v>55346.468639999999</v>
      </c>
      <c r="L4802">
        <v>21742.96802</v>
      </c>
      <c r="M4802">
        <v>308392.31109999999</v>
      </c>
      <c r="N4802">
        <v>83675.985279999994</v>
      </c>
      <c r="O4802">
        <v>18837.704610000001</v>
      </c>
      <c r="P4802">
        <v>32589.023720000001</v>
      </c>
      <c r="Q4802">
        <v>91984.708129999999</v>
      </c>
      <c r="R4802">
        <v>18214.711910000002</v>
      </c>
      <c r="S4802">
        <v>84155.799960000004</v>
      </c>
      <c r="T4802">
        <v>18779.466469999999</v>
      </c>
      <c r="U4802">
        <v>20278.28774</v>
      </c>
      <c r="W4802" s="83">
        <f>Bühler!N4834</f>
        <v>45491.999999988358</v>
      </c>
      <c r="X4802" s="83">
        <v>43301</v>
      </c>
      <c r="Y4802">
        <v>243024.14809999999</v>
      </c>
      <c r="Z4802">
        <v>15377.439130000001</v>
      </c>
      <c r="AA4802">
        <v>61874.634409999999</v>
      </c>
      <c r="AB4802">
        <v>31737.235619999999</v>
      </c>
      <c r="AC4802">
        <v>37967.786390000001</v>
      </c>
      <c r="AD4802">
        <v>26046.25028</v>
      </c>
      <c r="AE4802">
        <v>43334.064079999996</v>
      </c>
      <c r="AF4802">
        <v>55346.468639999999</v>
      </c>
      <c r="AG4802">
        <v>21742.96802</v>
      </c>
      <c r="AH4802">
        <v>308392.31109999999</v>
      </c>
      <c r="AI4802">
        <v>83675.985279999994</v>
      </c>
      <c r="AJ4802">
        <v>18837.704610000001</v>
      </c>
      <c r="AK4802">
        <v>32589.023720000001</v>
      </c>
      <c r="AL4802">
        <v>91984.708129999999</v>
      </c>
      <c r="AM4802">
        <v>18214.711910000002</v>
      </c>
      <c r="AN4802">
        <v>84155.799960000004</v>
      </c>
      <c r="AO4802">
        <v>18779.466469999999</v>
      </c>
      <c r="AP4802">
        <v>20278.28774</v>
      </c>
    </row>
    <row r="4803" spans="2:42" x14ac:dyDescent="0.3">
      <c r="B4803">
        <v>59.96859918128353</v>
      </c>
      <c r="C4803" s="83">
        <v>43301.041666666664</v>
      </c>
      <c r="D4803">
        <v>240644.66190000001</v>
      </c>
      <c r="E4803">
        <v>15119.160180000001</v>
      </c>
      <c r="F4803">
        <v>61043.240409999999</v>
      </c>
      <c r="G4803">
        <v>31176.938190000001</v>
      </c>
      <c r="H4803">
        <v>36951.442040000002</v>
      </c>
      <c r="I4803">
        <v>21607.237280000001</v>
      </c>
      <c r="J4803">
        <v>40659.045550000003</v>
      </c>
      <c r="K4803">
        <v>53318.652439999998</v>
      </c>
      <c r="L4803">
        <v>20616.482530000001</v>
      </c>
      <c r="M4803">
        <v>305747.88449999999</v>
      </c>
      <c r="N4803">
        <v>81427.107269999993</v>
      </c>
      <c r="O4803">
        <v>18907.494849999999</v>
      </c>
      <c r="P4803">
        <v>29579.699209999999</v>
      </c>
      <c r="Q4803">
        <v>92138.85312</v>
      </c>
      <c r="R4803">
        <v>14781.08805</v>
      </c>
      <c r="S4803">
        <v>82084.514469999995</v>
      </c>
      <c r="T4803">
        <v>18347.535929999998</v>
      </c>
      <c r="U4803">
        <v>19830.940449999998</v>
      </c>
      <c r="W4803" s="83">
        <f>Bühler!N4835</f>
        <v>45492.041666655023</v>
      </c>
      <c r="X4803" s="83">
        <v>43301.041666666664</v>
      </c>
      <c r="Y4803">
        <v>240644.66190000001</v>
      </c>
      <c r="Z4803">
        <v>15119.160180000001</v>
      </c>
      <c r="AA4803">
        <v>61043.240409999999</v>
      </c>
      <c r="AB4803">
        <v>31176.938190000001</v>
      </c>
      <c r="AC4803">
        <v>36951.442040000002</v>
      </c>
      <c r="AD4803">
        <v>21607.237280000001</v>
      </c>
      <c r="AE4803">
        <v>40659.045550000003</v>
      </c>
      <c r="AF4803">
        <v>53318.652439999998</v>
      </c>
      <c r="AG4803">
        <v>20616.482530000001</v>
      </c>
      <c r="AH4803">
        <v>305747.88449999999</v>
      </c>
      <c r="AI4803">
        <v>81427.107269999993</v>
      </c>
      <c r="AJ4803">
        <v>18907.494849999999</v>
      </c>
      <c r="AK4803">
        <v>29579.699209999999</v>
      </c>
      <c r="AL4803">
        <v>92138.85312</v>
      </c>
      <c r="AM4803">
        <v>14781.08805</v>
      </c>
      <c r="AN4803">
        <v>82084.514469999995</v>
      </c>
      <c r="AO4803">
        <v>18347.535929999998</v>
      </c>
      <c r="AP4803">
        <v>19830.940449999998</v>
      </c>
    </row>
    <row r="4804" spans="2:42" x14ac:dyDescent="0.3">
      <c r="B4804">
        <v>59.6915462196162</v>
      </c>
      <c r="C4804" s="83">
        <v>43301.083333333336</v>
      </c>
      <c r="D4804">
        <v>240133.81390000001</v>
      </c>
      <c r="E4804">
        <v>14862.757240000001</v>
      </c>
      <c r="F4804">
        <v>62192.33885</v>
      </c>
      <c r="G4804">
        <v>30163.58844</v>
      </c>
      <c r="H4804">
        <v>36237.113680000002</v>
      </c>
      <c r="I4804">
        <v>19759.680530000001</v>
      </c>
      <c r="J4804">
        <v>39353.570059999998</v>
      </c>
      <c r="K4804">
        <v>51425.255649999999</v>
      </c>
      <c r="L4804">
        <v>19152.094260000002</v>
      </c>
      <c r="M4804">
        <v>304335.33929999999</v>
      </c>
      <c r="N4804">
        <v>79415.036699999997</v>
      </c>
      <c r="O4804">
        <v>18689.802299999999</v>
      </c>
      <c r="P4804">
        <v>27757.75362</v>
      </c>
      <c r="Q4804">
        <v>94795.541400000002</v>
      </c>
      <c r="R4804">
        <v>15906.686519999999</v>
      </c>
      <c r="S4804">
        <v>80592.505600000004</v>
      </c>
      <c r="T4804">
        <v>17940.115259999999</v>
      </c>
      <c r="U4804">
        <v>19607.612209999999</v>
      </c>
      <c r="W4804" s="83">
        <f>Bühler!N4836</f>
        <v>45492.083333321687</v>
      </c>
      <c r="X4804" s="83">
        <v>43301.083333333336</v>
      </c>
      <c r="Y4804">
        <v>240133.81390000001</v>
      </c>
      <c r="Z4804">
        <v>14862.757240000001</v>
      </c>
      <c r="AA4804">
        <v>62192.33885</v>
      </c>
      <c r="AB4804">
        <v>30163.58844</v>
      </c>
      <c r="AC4804">
        <v>36237.113680000002</v>
      </c>
      <c r="AD4804">
        <v>19759.680530000001</v>
      </c>
      <c r="AE4804">
        <v>39353.570059999998</v>
      </c>
      <c r="AF4804">
        <v>51425.255649999999</v>
      </c>
      <c r="AG4804">
        <v>19152.094260000002</v>
      </c>
      <c r="AH4804">
        <v>304335.33929999999</v>
      </c>
      <c r="AI4804">
        <v>79415.036699999997</v>
      </c>
      <c r="AJ4804">
        <v>18689.802299999999</v>
      </c>
      <c r="AK4804">
        <v>27757.75362</v>
      </c>
      <c r="AL4804">
        <v>94795.541400000002</v>
      </c>
      <c r="AM4804">
        <v>15906.686519999999</v>
      </c>
      <c r="AN4804">
        <v>80592.505600000004</v>
      </c>
      <c r="AO4804">
        <v>17940.115259999999</v>
      </c>
      <c r="AP4804">
        <v>19607.612209999999</v>
      </c>
    </row>
    <row r="4805" spans="2:42" x14ac:dyDescent="0.3">
      <c r="B4805">
        <v>60.59678779432663</v>
      </c>
      <c r="C4805" s="83">
        <v>43301.125</v>
      </c>
      <c r="D4805">
        <v>238392.42569999999</v>
      </c>
      <c r="E4805">
        <v>14462.397650000001</v>
      </c>
      <c r="F4805">
        <v>62994.719210000003</v>
      </c>
      <c r="G4805">
        <v>29378.158469999998</v>
      </c>
      <c r="H4805">
        <v>35920.909699999997</v>
      </c>
      <c r="I4805">
        <v>19198.857110000001</v>
      </c>
      <c r="J4805">
        <v>38773.39385</v>
      </c>
      <c r="K4805">
        <v>49855.398990000002</v>
      </c>
      <c r="L4805">
        <v>17986.285199999998</v>
      </c>
      <c r="M4805">
        <v>308950.68300000002</v>
      </c>
      <c r="N4805">
        <v>77677.617870000002</v>
      </c>
      <c r="O4805">
        <v>18464.61319</v>
      </c>
      <c r="P4805">
        <v>26490.726149999999</v>
      </c>
      <c r="Q4805">
        <v>96688.333329999994</v>
      </c>
      <c r="R4805">
        <v>15453.053250000001</v>
      </c>
      <c r="S4805">
        <v>79022.8609</v>
      </c>
      <c r="T4805">
        <v>17483.963380000001</v>
      </c>
      <c r="U4805">
        <v>19246.948619999999</v>
      </c>
      <c r="W4805" s="83">
        <f>Bühler!N4837</f>
        <v>45492.124999988351</v>
      </c>
      <c r="X4805" s="83">
        <v>43301.125</v>
      </c>
      <c r="Y4805">
        <v>238392.42569999999</v>
      </c>
      <c r="Z4805">
        <v>14462.397650000001</v>
      </c>
      <c r="AA4805">
        <v>62994.719210000003</v>
      </c>
      <c r="AB4805">
        <v>29378.158469999998</v>
      </c>
      <c r="AC4805">
        <v>35920.909699999997</v>
      </c>
      <c r="AD4805">
        <v>19198.857110000001</v>
      </c>
      <c r="AE4805">
        <v>38773.39385</v>
      </c>
      <c r="AF4805">
        <v>49855.398990000002</v>
      </c>
      <c r="AG4805">
        <v>17986.285199999998</v>
      </c>
      <c r="AH4805">
        <v>308950.68300000002</v>
      </c>
      <c r="AI4805">
        <v>77677.617870000002</v>
      </c>
      <c r="AJ4805">
        <v>18464.61319</v>
      </c>
      <c r="AK4805">
        <v>26490.726149999999</v>
      </c>
      <c r="AL4805">
        <v>96688.333329999994</v>
      </c>
      <c r="AM4805">
        <v>15453.053250000001</v>
      </c>
      <c r="AN4805">
        <v>79022.8609</v>
      </c>
      <c r="AO4805">
        <v>17483.963380000001</v>
      </c>
      <c r="AP4805">
        <v>19246.948619999999</v>
      </c>
    </row>
    <row r="4806" spans="2:42" x14ac:dyDescent="0.3">
      <c r="B4806">
        <v>62.182348011421112</v>
      </c>
      <c r="C4806" s="83">
        <v>43301.166666666664</v>
      </c>
      <c r="D4806">
        <v>240299.595</v>
      </c>
      <c r="E4806">
        <v>14866.40172</v>
      </c>
      <c r="F4806">
        <v>66057.164510000002</v>
      </c>
      <c r="G4806">
        <v>28740.892830000001</v>
      </c>
      <c r="H4806">
        <v>36107.084280000003</v>
      </c>
      <c r="I4806">
        <v>20420.741030000001</v>
      </c>
      <c r="J4806">
        <v>40754.157200000001</v>
      </c>
      <c r="K4806">
        <v>49089.470329999996</v>
      </c>
      <c r="L4806">
        <v>18475.142309999999</v>
      </c>
      <c r="M4806">
        <v>317034.60840000003</v>
      </c>
      <c r="N4806">
        <v>77191.069430000003</v>
      </c>
      <c r="O4806">
        <v>18994.926729999999</v>
      </c>
      <c r="P4806">
        <v>26430.744750000002</v>
      </c>
      <c r="Q4806">
        <v>100740.7114</v>
      </c>
      <c r="R4806">
        <v>15529.12833</v>
      </c>
      <c r="S4806">
        <v>78867.298139999999</v>
      </c>
      <c r="T4806">
        <v>17536.26325</v>
      </c>
      <c r="U4806">
        <v>19665.01787</v>
      </c>
      <c r="W4806" s="83">
        <f>Bühler!N4838</f>
        <v>45492.166666655015</v>
      </c>
      <c r="X4806" s="83">
        <v>43301.166666666664</v>
      </c>
      <c r="Y4806">
        <v>240299.595</v>
      </c>
      <c r="Z4806">
        <v>14866.40172</v>
      </c>
      <c r="AA4806">
        <v>66057.164510000002</v>
      </c>
      <c r="AB4806">
        <v>28740.892830000001</v>
      </c>
      <c r="AC4806">
        <v>36107.084280000003</v>
      </c>
      <c r="AD4806">
        <v>20420.741030000001</v>
      </c>
      <c r="AE4806">
        <v>40754.157200000001</v>
      </c>
      <c r="AF4806">
        <v>49089.470329999996</v>
      </c>
      <c r="AG4806">
        <v>18475.142309999999</v>
      </c>
      <c r="AH4806">
        <v>317034.60840000003</v>
      </c>
      <c r="AI4806">
        <v>77191.069430000003</v>
      </c>
      <c r="AJ4806">
        <v>18994.926729999999</v>
      </c>
      <c r="AK4806">
        <v>26430.744750000002</v>
      </c>
      <c r="AL4806">
        <v>100740.7114</v>
      </c>
      <c r="AM4806">
        <v>15529.12833</v>
      </c>
      <c r="AN4806">
        <v>78867.298139999999</v>
      </c>
      <c r="AO4806">
        <v>17536.26325</v>
      </c>
      <c r="AP4806">
        <v>19665.01787</v>
      </c>
    </row>
    <row r="4807" spans="2:42" x14ac:dyDescent="0.3">
      <c r="B4807">
        <v>65.088709023959709</v>
      </c>
      <c r="C4807" s="83">
        <v>43301.208333333336</v>
      </c>
      <c r="D4807">
        <v>254666.95759999999</v>
      </c>
      <c r="E4807">
        <v>16674.611140000001</v>
      </c>
      <c r="F4807">
        <v>75887.656929999997</v>
      </c>
      <c r="G4807">
        <v>29616.099989999999</v>
      </c>
      <c r="H4807">
        <v>37623.041940000003</v>
      </c>
      <c r="I4807">
        <v>25494.765240000001</v>
      </c>
      <c r="J4807">
        <v>43699.79651</v>
      </c>
      <c r="K4807">
        <v>49640.088909999999</v>
      </c>
      <c r="L4807">
        <v>19372.065709999999</v>
      </c>
      <c r="M4807">
        <v>331852.59220000001</v>
      </c>
      <c r="N4807">
        <v>77931.546189999994</v>
      </c>
      <c r="O4807">
        <v>18328.905030000002</v>
      </c>
      <c r="P4807">
        <v>27297.569810000001</v>
      </c>
      <c r="Q4807">
        <v>103489.5662</v>
      </c>
      <c r="R4807">
        <v>17670.517</v>
      </c>
      <c r="S4807">
        <v>80628.299759999994</v>
      </c>
      <c r="T4807">
        <v>19576.11952</v>
      </c>
      <c r="U4807">
        <v>21267.31969</v>
      </c>
      <c r="W4807" s="83">
        <f>Bühler!N4839</f>
        <v>45492.20833332168</v>
      </c>
      <c r="X4807" s="83">
        <v>43301.208333333336</v>
      </c>
      <c r="Y4807">
        <v>254666.95759999999</v>
      </c>
      <c r="Z4807">
        <v>16674.611140000001</v>
      </c>
      <c r="AA4807">
        <v>75887.656929999997</v>
      </c>
      <c r="AB4807">
        <v>29616.099989999999</v>
      </c>
      <c r="AC4807">
        <v>37623.041940000003</v>
      </c>
      <c r="AD4807">
        <v>25494.765240000001</v>
      </c>
      <c r="AE4807">
        <v>43699.79651</v>
      </c>
      <c r="AF4807">
        <v>49640.088909999999</v>
      </c>
      <c r="AG4807">
        <v>19372.065709999999</v>
      </c>
      <c r="AH4807">
        <v>331852.59220000001</v>
      </c>
      <c r="AI4807">
        <v>77931.546189999994</v>
      </c>
      <c r="AJ4807">
        <v>18328.905030000002</v>
      </c>
      <c r="AK4807">
        <v>27297.569810000001</v>
      </c>
      <c r="AL4807">
        <v>103489.5662</v>
      </c>
      <c r="AM4807">
        <v>17670.517</v>
      </c>
      <c r="AN4807">
        <v>80628.299759999994</v>
      </c>
      <c r="AO4807">
        <v>19576.11952</v>
      </c>
      <c r="AP4807">
        <v>21267.31969</v>
      </c>
    </row>
    <row r="4808" spans="2:42" x14ac:dyDescent="0.3">
      <c r="B4808">
        <v>68.007384739742164</v>
      </c>
      <c r="C4808" s="83">
        <v>43301.25</v>
      </c>
      <c r="D4808">
        <v>268651.63530000002</v>
      </c>
      <c r="E4808">
        <v>20059.08855</v>
      </c>
      <c r="F4808">
        <v>83776.21673</v>
      </c>
      <c r="G4808">
        <v>31170.69022</v>
      </c>
      <c r="H4808">
        <v>38555.983119999997</v>
      </c>
      <c r="I4808">
        <v>29293.123309999999</v>
      </c>
      <c r="J4808">
        <v>46011.592389999998</v>
      </c>
      <c r="K4808">
        <v>51298.389450000002</v>
      </c>
      <c r="L4808">
        <v>20672.146919999999</v>
      </c>
      <c r="M4808">
        <v>346733.36210000003</v>
      </c>
      <c r="N4808">
        <v>81056.071609999999</v>
      </c>
      <c r="O4808">
        <v>20260.121040000002</v>
      </c>
      <c r="P4808">
        <v>28472.106609999999</v>
      </c>
      <c r="Q4808">
        <v>104262.4031</v>
      </c>
      <c r="R4808">
        <v>16709.493750000001</v>
      </c>
      <c r="S4808">
        <v>87109.518110000005</v>
      </c>
      <c r="T4808">
        <v>20825.507140000002</v>
      </c>
      <c r="U4808">
        <v>22239.64674</v>
      </c>
      <c r="W4808" s="83">
        <f>Bühler!N4840</f>
        <v>45492.249999988344</v>
      </c>
      <c r="X4808" s="83">
        <v>43301.25</v>
      </c>
      <c r="Y4808">
        <v>268651.63530000002</v>
      </c>
      <c r="Z4808">
        <v>20059.08855</v>
      </c>
      <c r="AA4808">
        <v>83776.21673</v>
      </c>
      <c r="AB4808">
        <v>31170.69022</v>
      </c>
      <c r="AC4808">
        <v>38555.983119999997</v>
      </c>
      <c r="AD4808">
        <v>29293.123309999999</v>
      </c>
      <c r="AE4808">
        <v>46011.592389999998</v>
      </c>
      <c r="AF4808">
        <v>51298.389450000002</v>
      </c>
      <c r="AG4808">
        <v>20672.146919999999</v>
      </c>
      <c r="AH4808">
        <v>346733.36210000003</v>
      </c>
      <c r="AI4808">
        <v>81056.071609999999</v>
      </c>
      <c r="AJ4808">
        <v>20260.121040000002</v>
      </c>
      <c r="AK4808">
        <v>28472.106609999999</v>
      </c>
      <c r="AL4808">
        <v>104262.4031</v>
      </c>
      <c r="AM4808">
        <v>16709.493750000001</v>
      </c>
      <c r="AN4808">
        <v>87109.518110000005</v>
      </c>
      <c r="AO4808">
        <v>20825.507140000002</v>
      </c>
      <c r="AP4808">
        <v>22239.64674</v>
      </c>
    </row>
    <row r="4809" spans="2:42" x14ac:dyDescent="0.3">
      <c r="B4809">
        <v>69.79413983215801</v>
      </c>
      <c r="C4809" s="83">
        <v>43301.291666666664</v>
      </c>
      <c r="D4809">
        <v>277293.4472</v>
      </c>
      <c r="E4809">
        <v>24640.27477</v>
      </c>
      <c r="F4809">
        <v>89208.572090000001</v>
      </c>
      <c r="G4809">
        <v>34327.723230000003</v>
      </c>
      <c r="H4809">
        <v>41936.101609999998</v>
      </c>
      <c r="I4809">
        <v>33153.758249999999</v>
      </c>
      <c r="J4809">
        <v>48577.123240000001</v>
      </c>
      <c r="K4809">
        <v>55042.497880000003</v>
      </c>
      <c r="L4809">
        <v>21745.287339999999</v>
      </c>
      <c r="M4809">
        <v>355843.07280000002</v>
      </c>
      <c r="N4809">
        <v>82869.476850000006</v>
      </c>
      <c r="O4809">
        <v>22891.211070000001</v>
      </c>
      <c r="P4809">
        <v>31541.233110000001</v>
      </c>
      <c r="Q4809">
        <v>104635.22259999999</v>
      </c>
      <c r="R4809">
        <v>18427.855469999999</v>
      </c>
      <c r="S4809">
        <v>100138.4945</v>
      </c>
      <c r="T4809">
        <v>23282.382710000002</v>
      </c>
      <c r="U4809">
        <v>24573.151849999998</v>
      </c>
      <c r="W4809" s="83">
        <f>Bühler!N4841</f>
        <v>45492.291666655008</v>
      </c>
      <c r="X4809" s="83">
        <v>43301.291666666664</v>
      </c>
      <c r="Y4809">
        <v>277293.4472</v>
      </c>
      <c r="Z4809">
        <v>24640.27477</v>
      </c>
      <c r="AA4809">
        <v>89208.572090000001</v>
      </c>
      <c r="AB4809">
        <v>34327.723230000003</v>
      </c>
      <c r="AC4809">
        <v>41936.101609999998</v>
      </c>
      <c r="AD4809">
        <v>33153.758249999999</v>
      </c>
      <c r="AE4809">
        <v>48577.123240000001</v>
      </c>
      <c r="AF4809">
        <v>55042.497880000003</v>
      </c>
      <c r="AG4809">
        <v>21745.287339999999</v>
      </c>
      <c r="AH4809">
        <v>355843.07280000002</v>
      </c>
      <c r="AI4809">
        <v>82869.476850000006</v>
      </c>
      <c r="AJ4809">
        <v>22891.211070000001</v>
      </c>
      <c r="AK4809">
        <v>31541.233110000001</v>
      </c>
      <c r="AL4809">
        <v>104635.22259999999</v>
      </c>
      <c r="AM4809">
        <v>18427.855469999999</v>
      </c>
      <c r="AN4809">
        <v>100138.4945</v>
      </c>
      <c r="AO4809">
        <v>23282.382710000002</v>
      </c>
      <c r="AP4809">
        <v>24573.151849999998</v>
      </c>
    </row>
    <row r="4810" spans="2:42" x14ac:dyDescent="0.3">
      <c r="B4810">
        <v>70.480368114417885</v>
      </c>
      <c r="C4810" s="83">
        <v>43301.333333333336</v>
      </c>
      <c r="D4810">
        <v>285313.22629999998</v>
      </c>
      <c r="E4810">
        <v>29997.737089999999</v>
      </c>
      <c r="F4810">
        <v>96387.864239999995</v>
      </c>
      <c r="G4810">
        <v>38522.994449999998</v>
      </c>
      <c r="H4810">
        <v>45451.661249999997</v>
      </c>
      <c r="I4810">
        <v>36168.903810000003</v>
      </c>
      <c r="J4810">
        <v>51571.527119999999</v>
      </c>
      <c r="K4810">
        <v>61207.035949999998</v>
      </c>
      <c r="L4810">
        <v>26913.30586</v>
      </c>
      <c r="M4810">
        <v>359341.78460000001</v>
      </c>
      <c r="N4810">
        <v>88462.675359999994</v>
      </c>
      <c r="O4810">
        <v>26284.853760000002</v>
      </c>
      <c r="P4810">
        <v>35074.984600000003</v>
      </c>
      <c r="Q4810">
        <v>106001.10769999999</v>
      </c>
      <c r="R4810">
        <v>22191.036469999999</v>
      </c>
      <c r="S4810">
        <v>109929.1024</v>
      </c>
      <c r="T4810">
        <v>25749.873899999999</v>
      </c>
      <c r="U4810">
        <v>26719.61335</v>
      </c>
      <c r="W4810" s="83">
        <f>Bühler!N4842</f>
        <v>45492.333333321672</v>
      </c>
      <c r="X4810" s="83">
        <v>43301.333333333336</v>
      </c>
      <c r="Y4810">
        <v>285313.22629999998</v>
      </c>
      <c r="Z4810">
        <v>29997.737089999999</v>
      </c>
      <c r="AA4810">
        <v>96387.864239999995</v>
      </c>
      <c r="AB4810">
        <v>38522.994449999998</v>
      </c>
      <c r="AC4810">
        <v>45451.661249999997</v>
      </c>
      <c r="AD4810">
        <v>36168.903810000003</v>
      </c>
      <c r="AE4810">
        <v>51571.527119999999</v>
      </c>
      <c r="AF4810">
        <v>61207.035949999998</v>
      </c>
      <c r="AG4810">
        <v>26913.30586</v>
      </c>
      <c r="AH4810">
        <v>359341.78460000001</v>
      </c>
      <c r="AI4810">
        <v>88462.675359999994</v>
      </c>
      <c r="AJ4810">
        <v>26284.853760000002</v>
      </c>
      <c r="AK4810">
        <v>35074.984600000003</v>
      </c>
      <c r="AL4810">
        <v>106001.10769999999</v>
      </c>
      <c r="AM4810">
        <v>22191.036469999999</v>
      </c>
      <c r="AN4810">
        <v>109929.1024</v>
      </c>
      <c r="AO4810">
        <v>25749.873899999999</v>
      </c>
      <c r="AP4810">
        <v>26719.61335</v>
      </c>
    </row>
    <row r="4811" spans="2:42" x14ac:dyDescent="0.3">
      <c r="B4811">
        <v>70.613663786963073</v>
      </c>
      <c r="C4811" s="83">
        <v>43301.375</v>
      </c>
      <c r="D4811">
        <v>288812.5257</v>
      </c>
      <c r="E4811">
        <v>34945.634910000001</v>
      </c>
      <c r="F4811">
        <v>103358.936</v>
      </c>
      <c r="G4811">
        <v>41425.076300000001</v>
      </c>
      <c r="H4811">
        <v>47999.398560000001</v>
      </c>
      <c r="I4811">
        <v>36299.60338</v>
      </c>
      <c r="J4811">
        <v>54265.337720000003</v>
      </c>
      <c r="K4811">
        <v>65300.4139</v>
      </c>
      <c r="L4811">
        <v>31193.103230000001</v>
      </c>
      <c r="M4811">
        <v>360021.38809999998</v>
      </c>
      <c r="N4811">
        <v>93849.597269999998</v>
      </c>
      <c r="O4811">
        <v>28949.611000000001</v>
      </c>
      <c r="P4811">
        <v>39069.975149999998</v>
      </c>
      <c r="Q4811">
        <v>107736.66160000001</v>
      </c>
      <c r="R4811">
        <v>23203.45681</v>
      </c>
      <c r="S4811">
        <v>118522.3417</v>
      </c>
      <c r="T4811">
        <v>28662.51398</v>
      </c>
      <c r="U4811">
        <v>27587.935949999999</v>
      </c>
      <c r="W4811" s="83">
        <f>Bühler!N4843</f>
        <v>45492.374999988337</v>
      </c>
      <c r="X4811" s="83">
        <v>43301.375</v>
      </c>
      <c r="Y4811">
        <v>288812.5257</v>
      </c>
      <c r="Z4811">
        <v>34945.634910000001</v>
      </c>
      <c r="AA4811">
        <v>103358.936</v>
      </c>
      <c r="AB4811">
        <v>41425.076300000001</v>
      </c>
      <c r="AC4811">
        <v>47999.398560000001</v>
      </c>
      <c r="AD4811">
        <v>36299.60338</v>
      </c>
      <c r="AE4811">
        <v>54265.337720000003</v>
      </c>
      <c r="AF4811">
        <v>65300.4139</v>
      </c>
      <c r="AG4811">
        <v>31193.103230000001</v>
      </c>
      <c r="AH4811">
        <v>360021.38809999998</v>
      </c>
      <c r="AI4811">
        <v>93849.597269999998</v>
      </c>
      <c r="AJ4811">
        <v>28949.611000000001</v>
      </c>
      <c r="AK4811">
        <v>39069.975149999998</v>
      </c>
      <c r="AL4811">
        <v>107736.66160000001</v>
      </c>
      <c r="AM4811">
        <v>23203.45681</v>
      </c>
      <c r="AN4811">
        <v>118522.3417</v>
      </c>
      <c r="AO4811">
        <v>28662.51398</v>
      </c>
      <c r="AP4811">
        <v>27587.935949999999</v>
      </c>
    </row>
    <row r="4812" spans="2:42" x14ac:dyDescent="0.3">
      <c r="B4812">
        <v>71.175953151591983</v>
      </c>
      <c r="C4812" s="83">
        <v>43301.416666666664</v>
      </c>
      <c r="D4812">
        <v>290972.36690000002</v>
      </c>
      <c r="E4812">
        <v>37144.298199999997</v>
      </c>
      <c r="F4812">
        <v>106246.27250000001</v>
      </c>
      <c r="G4812">
        <v>42528.765090000001</v>
      </c>
      <c r="H4812">
        <v>49166.22163</v>
      </c>
      <c r="I4812">
        <v>35497.479899999998</v>
      </c>
      <c r="J4812">
        <v>54959.813130000002</v>
      </c>
      <c r="K4812">
        <v>66020.360060000006</v>
      </c>
      <c r="L4812">
        <v>34817.822260000001</v>
      </c>
      <c r="M4812">
        <v>362888.20150000002</v>
      </c>
      <c r="N4812">
        <v>98904.060249999995</v>
      </c>
      <c r="O4812">
        <v>29600.635579999998</v>
      </c>
      <c r="P4812">
        <v>41270.755060000003</v>
      </c>
      <c r="Q4812">
        <v>108338.0499</v>
      </c>
      <c r="R4812">
        <v>23878.222750000001</v>
      </c>
      <c r="S4812">
        <v>120283.9454</v>
      </c>
      <c r="T4812">
        <v>30881.851729999998</v>
      </c>
      <c r="U4812">
        <v>27927.5209</v>
      </c>
      <c r="W4812" s="83">
        <f>Bühler!N4844</f>
        <v>45492.416666655001</v>
      </c>
      <c r="X4812" s="83">
        <v>43301.416666666664</v>
      </c>
      <c r="Y4812">
        <v>290972.36690000002</v>
      </c>
      <c r="Z4812">
        <v>37144.298199999997</v>
      </c>
      <c r="AA4812">
        <v>106246.27250000001</v>
      </c>
      <c r="AB4812">
        <v>42528.765090000001</v>
      </c>
      <c r="AC4812">
        <v>49166.22163</v>
      </c>
      <c r="AD4812">
        <v>35497.479899999998</v>
      </c>
      <c r="AE4812">
        <v>54959.813130000002</v>
      </c>
      <c r="AF4812">
        <v>66020.360060000006</v>
      </c>
      <c r="AG4812">
        <v>34817.822260000001</v>
      </c>
      <c r="AH4812">
        <v>362888.20150000002</v>
      </c>
      <c r="AI4812">
        <v>98904.060249999995</v>
      </c>
      <c r="AJ4812">
        <v>29600.635579999998</v>
      </c>
      <c r="AK4812">
        <v>41270.755060000003</v>
      </c>
      <c r="AL4812">
        <v>108338.0499</v>
      </c>
      <c r="AM4812">
        <v>23878.222750000001</v>
      </c>
      <c r="AN4812">
        <v>120283.9454</v>
      </c>
      <c r="AO4812">
        <v>30881.851729999998</v>
      </c>
      <c r="AP4812">
        <v>27927.5209</v>
      </c>
    </row>
    <row r="4813" spans="2:42" x14ac:dyDescent="0.3">
      <c r="B4813">
        <v>71.854809569946283</v>
      </c>
      <c r="C4813" s="83">
        <v>43301.458333333336</v>
      </c>
      <c r="D4813">
        <v>287838.18030000001</v>
      </c>
      <c r="E4813">
        <v>37517.577109999998</v>
      </c>
      <c r="F4813">
        <v>108840.50440000001</v>
      </c>
      <c r="G4813">
        <v>43073.08193</v>
      </c>
      <c r="H4813">
        <v>49385.028189999997</v>
      </c>
      <c r="I4813">
        <v>35405.458740000002</v>
      </c>
      <c r="J4813">
        <v>55102.21903</v>
      </c>
      <c r="K4813">
        <v>66034.174320000006</v>
      </c>
      <c r="L4813">
        <v>36631.319109999997</v>
      </c>
      <c r="M4813">
        <v>366349.32809999998</v>
      </c>
      <c r="N4813">
        <v>98901.813689999995</v>
      </c>
      <c r="O4813">
        <v>28966.101589999998</v>
      </c>
      <c r="P4813">
        <v>40955.41433</v>
      </c>
      <c r="Q4813">
        <v>108974.22560000001</v>
      </c>
      <c r="R4813">
        <v>26012.606189999999</v>
      </c>
      <c r="S4813">
        <v>122585.3216</v>
      </c>
      <c r="T4813">
        <v>31456.869360000001</v>
      </c>
      <c r="U4813">
        <v>27605.851149999999</v>
      </c>
      <c r="W4813" s="83">
        <f>Bühler!N4845</f>
        <v>45492.458333321665</v>
      </c>
      <c r="X4813" s="83">
        <v>43301.458333333336</v>
      </c>
      <c r="Y4813">
        <v>287838.18030000001</v>
      </c>
      <c r="Z4813">
        <v>37517.577109999998</v>
      </c>
      <c r="AA4813">
        <v>108840.50440000001</v>
      </c>
      <c r="AB4813">
        <v>43073.08193</v>
      </c>
      <c r="AC4813">
        <v>49385.028189999997</v>
      </c>
      <c r="AD4813">
        <v>35405.458740000002</v>
      </c>
      <c r="AE4813">
        <v>55102.21903</v>
      </c>
      <c r="AF4813">
        <v>66034.174320000006</v>
      </c>
      <c r="AG4813">
        <v>36631.319109999997</v>
      </c>
      <c r="AH4813">
        <v>366349.32809999998</v>
      </c>
      <c r="AI4813">
        <v>98901.813689999995</v>
      </c>
      <c r="AJ4813">
        <v>28966.101589999998</v>
      </c>
      <c r="AK4813">
        <v>40955.41433</v>
      </c>
      <c r="AL4813">
        <v>108974.22560000001</v>
      </c>
      <c r="AM4813">
        <v>26012.606189999999</v>
      </c>
      <c r="AN4813">
        <v>122585.3216</v>
      </c>
      <c r="AO4813">
        <v>31456.869360000001</v>
      </c>
      <c r="AP4813">
        <v>27605.851149999999</v>
      </c>
    </row>
    <row r="4814" spans="2:42" x14ac:dyDescent="0.3">
      <c r="B4814">
        <v>70.997687622501232</v>
      </c>
      <c r="C4814" s="83">
        <v>43301.5</v>
      </c>
      <c r="D4814">
        <v>277349.10359999997</v>
      </c>
      <c r="E4814">
        <v>34858.9254</v>
      </c>
      <c r="F4814">
        <v>108351.6789</v>
      </c>
      <c r="G4814">
        <v>42208.612800000003</v>
      </c>
      <c r="H4814">
        <v>48511.730479999998</v>
      </c>
      <c r="I4814">
        <v>33967.91835</v>
      </c>
      <c r="J4814">
        <v>54009.753729999997</v>
      </c>
      <c r="K4814">
        <v>63438.540289999997</v>
      </c>
      <c r="L4814">
        <v>39470.096490000004</v>
      </c>
      <c r="M4814">
        <v>361979.32069999998</v>
      </c>
      <c r="N4814">
        <v>98045.378419999994</v>
      </c>
      <c r="O4814">
        <v>28183.23043</v>
      </c>
      <c r="P4814">
        <v>41917.887360000001</v>
      </c>
      <c r="Q4814">
        <v>107370.149</v>
      </c>
      <c r="R4814">
        <v>26696.83005</v>
      </c>
      <c r="S4814">
        <v>119417.8235</v>
      </c>
      <c r="T4814">
        <v>30986.523260000002</v>
      </c>
      <c r="U4814">
        <v>25234.898710000001</v>
      </c>
      <c r="W4814" s="83">
        <f>Bühler!N4846</f>
        <v>45492.499999988329</v>
      </c>
      <c r="X4814" s="83">
        <v>43301.5</v>
      </c>
      <c r="Y4814">
        <v>277349.10359999997</v>
      </c>
      <c r="Z4814">
        <v>34858.9254</v>
      </c>
      <c r="AA4814">
        <v>108351.6789</v>
      </c>
      <c r="AB4814">
        <v>42208.612800000003</v>
      </c>
      <c r="AC4814">
        <v>48511.730479999998</v>
      </c>
      <c r="AD4814">
        <v>33967.91835</v>
      </c>
      <c r="AE4814">
        <v>54009.753729999997</v>
      </c>
      <c r="AF4814">
        <v>63438.540289999997</v>
      </c>
      <c r="AG4814">
        <v>39470.096490000004</v>
      </c>
      <c r="AH4814">
        <v>361979.32069999998</v>
      </c>
      <c r="AI4814">
        <v>98045.378419999994</v>
      </c>
      <c r="AJ4814">
        <v>28183.23043</v>
      </c>
      <c r="AK4814">
        <v>41917.887360000001</v>
      </c>
      <c r="AL4814">
        <v>107370.149</v>
      </c>
      <c r="AM4814">
        <v>26696.83005</v>
      </c>
      <c r="AN4814">
        <v>119417.8235</v>
      </c>
      <c r="AO4814">
        <v>30986.523260000002</v>
      </c>
      <c r="AP4814">
        <v>25234.898710000001</v>
      </c>
    </row>
    <row r="4815" spans="2:42" x14ac:dyDescent="0.3">
      <c r="B4815">
        <v>70.4892535119005</v>
      </c>
      <c r="C4815" s="83">
        <v>43301.541666666664</v>
      </c>
      <c r="D4815">
        <v>275265.3003</v>
      </c>
      <c r="E4815">
        <v>35577.099170000001</v>
      </c>
      <c r="F4815">
        <v>108197.09390000001</v>
      </c>
      <c r="G4815">
        <v>41655.483899999999</v>
      </c>
      <c r="H4815">
        <v>48891.358050000003</v>
      </c>
      <c r="I4815">
        <v>34052.603360000001</v>
      </c>
      <c r="J4815">
        <v>55224.957139999999</v>
      </c>
      <c r="K4815">
        <v>65137.760990000002</v>
      </c>
      <c r="L4815">
        <v>39115.549030000002</v>
      </c>
      <c r="M4815">
        <v>359387.08649999998</v>
      </c>
      <c r="N4815">
        <v>99122.37616</v>
      </c>
      <c r="O4815">
        <v>28331.419900000001</v>
      </c>
      <c r="P4815">
        <v>41394.397969999998</v>
      </c>
      <c r="Q4815">
        <v>107110.3287</v>
      </c>
      <c r="R4815">
        <v>26662.6672</v>
      </c>
      <c r="S4815">
        <v>120043.1698</v>
      </c>
      <c r="T4815">
        <v>30548.713169999999</v>
      </c>
      <c r="U4815">
        <v>24840.685170000001</v>
      </c>
      <c r="W4815" s="83">
        <f>Bühler!N4847</f>
        <v>45492.541666654994</v>
      </c>
      <c r="X4815" s="83">
        <v>43301.541666666664</v>
      </c>
      <c r="Y4815">
        <v>275265.3003</v>
      </c>
      <c r="Z4815">
        <v>35577.099170000001</v>
      </c>
      <c r="AA4815">
        <v>108197.09390000001</v>
      </c>
      <c r="AB4815">
        <v>41655.483899999999</v>
      </c>
      <c r="AC4815">
        <v>48891.358050000003</v>
      </c>
      <c r="AD4815">
        <v>34052.603360000001</v>
      </c>
      <c r="AE4815">
        <v>55224.957139999999</v>
      </c>
      <c r="AF4815">
        <v>65137.760990000002</v>
      </c>
      <c r="AG4815">
        <v>39115.549030000002</v>
      </c>
      <c r="AH4815">
        <v>359387.08649999998</v>
      </c>
      <c r="AI4815">
        <v>99122.37616</v>
      </c>
      <c r="AJ4815">
        <v>28331.419900000001</v>
      </c>
      <c r="AK4815">
        <v>41394.397969999998</v>
      </c>
      <c r="AL4815">
        <v>107110.3287</v>
      </c>
      <c r="AM4815">
        <v>26662.6672</v>
      </c>
      <c r="AN4815">
        <v>120043.1698</v>
      </c>
      <c r="AO4815">
        <v>30548.713169999999</v>
      </c>
      <c r="AP4815">
        <v>24840.685170000001</v>
      </c>
    </row>
    <row r="4816" spans="2:42" x14ac:dyDescent="0.3">
      <c r="B4816">
        <v>70.575937755819723</v>
      </c>
      <c r="C4816" s="83">
        <v>43301.583333333336</v>
      </c>
      <c r="D4816">
        <v>275041.84950000001</v>
      </c>
      <c r="E4816">
        <v>38032.614939999999</v>
      </c>
      <c r="F4816">
        <v>109351.9034</v>
      </c>
      <c r="G4816">
        <v>41582.140429999999</v>
      </c>
      <c r="H4816">
        <v>49302.997510000001</v>
      </c>
      <c r="I4816">
        <v>34735.81308</v>
      </c>
      <c r="J4816">
        <v>54997.083400000003</v>
      </c>
      <c r="K4816">
        <v>65428.940560000003</v>
      </c>
      <c r="L4816">
        <v>36734.319519999997</v>
      </c>
      <c r="M4816">
        <v>359829.04320000001</v>
      </c>
      <c r="N4816">
        <v>99332.044729999994</v>
      </c>
      <c r="O4816">
        <v>27993.79421</v>
      </c>
      <c r="P4816">
        <v>37768.471559999998</v>
      </c>
      <c r="Q4816">
        <v>105830.8097</v>
      </c>
      <c r="R4816">
        <v>26380.24813</v>
      </c>
      <c r="S4816">
        <v>117833.74490000001</v>
      </c>
      <c r="T4816">
        <v>30459.743770000001</v>
      </c>
      <c r="U4816">
        <v>25571.375489999999</v>
      </c>
      <c r="W4816" s="83">
        <f>Bühler!N4848</f>
        <v>45492.583333321658</v>
      </c>
      <c r="X4816" s="83">
        <v>43301.583333333336</v>
      </c>
      <c r="Y4816">
        <v>275041.84950000001</v>
      </c>
      <c r="Z4816">
        <v>38032.614939999999</v>
      </c>
      <c r="AA4816">
        <v>109351.9034</v>
      </c>
      <c r="AB4816">
        <v>41582.140429999999</v>
      </c>
      <c r="AC4816">
        <v>49302.997510000001</v>
      </c>
      <c r="AD4816">
        <v>34735.81308</v>
      </c>
      <c r="AE4816">
        <v>54997.083400000003</v>
      </c>
      <c r="AF4816">
        <v>65428.940560000003</v>
      </c>
      <c r="AG4816">
        <v>36734.319519999997</v>
      </c>
      <c r="AH4816">
        <v>359829.04320000001</v>
      </c>
      <c r="AI4816">
        <v>99332.044729999994</v>
      </c>
      <c r="AJ4816">
        <v>27993.79421</v>
      </c>
      <c r="AK4816">
        <v>37768.471559999998</v>
      </c>
      <c r="AL4816">
        <v>105830.8097</v>
      </c>
      <c r="AM4816">
        <v>26380.24813</v>
      </c>
      <c r="AN4816">
        <v>117833.74490000001</v>
      </c>
      <c r="AO4816">
        <v>30459.743770000001</v>
      </c>
      <c r="AP4816">
        <v>25571.375489999999</v>
      </c>
    </row>
    <row r="4817" spans="2:42" x14ac:dyDescent="0.3">
      <c r="B4817">
        <v>70.097935306348774</v>
      </c>
      <c r="C4817" s="83">
        <v>43301.625</v>
      </c>
      <c r="D4817">
        <v>272755.05530000001</v>
      </c>
      <c r="E4817">
        <v>38017.86032</v>
      </c>
      <c r="F4817">
        <v>112430.21490000001</v>
      </c>
      <c r="G4817">
        <v>41154.961750000002</v>
      </c>
      <c r="H4817">
        <v>48925.486349999999</v>
      </c>
      <c r="I4817">
        <v>35317.527600000001</v>
      </c>
      <c r="J4817">
        <v>55328.596420000002</v>
      </c>
      <c r="K4817">
        <v>62995.578090000003</v>
      </c>
      <c r="L4817">
        <v>34025.735560000001</v>
      </c>
      <c r="M4817">
        <v>357391.96380000003</v>
      </c>
      <c r="N4817">
        <v>97102.132089999999</v>
      </c>
      <c r="O4817">
        <v>28275.047449999998</v>
      </c>
      <c r="P4817">
        <v>35061.327940000003</v>
      </c>
      <c r="Q4817">
        <v>103879.84510000001</v>
      </c>
      <c r="R4817">
        <v>26249.093489999999</v>
      </c>
      <c r="S4817">
        <v>117291.7455</v>
      </c>
      <c r="T4817">
        <v>30174.327590000001</v>
      </c>
      <c r="U4817">
        <v>24897.26167</v>
      </c>
      <c r="W4817" s="83">
        <f>Bühler!N4849</f>
        <v>45492.624999988322</v>
      </c>
      <c r="X4817" s="83">
        <v>43301.625</v>
      </c>
      <c r="Y4817">
        <v>272755.05530000001</v>
      </c>
      <c r="Z4817">
        <v>38017.86032</v>
      </c>
      <c r="AA4817">
        <v>112430.21490000001</v>
      </c>
      <c r="AB4817">
        <v>41154.961750000002</v>
      </c>
      <c r="AC4817">
        <v>48925.486349999999</v>
      </c>
      <c r="AD4817">
        <v>35317.527600000001</v>
      </c>
      <c r="AE4817">
        <v>55328.596420000002</v>
      </c>
      <c r="AF4817">
        <v>62995.578090000003</v>
      </c>
      <c r="AG4817">
        <v>34025.735560000001</v>
      </c>
      <c r="AH4817">
        <v>357391.96380000003</v>
      </c>
      <c r="AI4817">
        <v>97102.132089999999</v>
      </c>
      <c r="AJ4817">
        <v>28275.047449999998</v>
      </c>
      <c r="AK4817">
        <v>35061.327940000003</v>
      </c>
      <c r="AL4817">
        <v>103879.84510000001</v>
      </c>
      <c r="AM4817">
        <v>26249.093489999999</v>
      </c>
      <c r="AN4817">
        <v>117291.7455</v>
      </c>
      <c r="AO4817">
        <v>30174.327590000001</v>
      </c>
      <c r="AP4817">
        <v>24897.26167</v>
      </c>
    </row>
    <row r="4818" spans="2:42" x14ac:dyDescent="0.3">
      <c r="B4818">
        <v>68.604533763743007</v>
      </c>
      <c r="C4818" s="83">
        <v>43301.666666666664</v>
      </c>
      <c r="D4818">
        <v>265045.46120000002</v>
      </c>
      <c r="E4818">
        <v>36991.375769999999</v>
      </c>
      <c r="F4818">
        <v>111135.8088</v>
      </c>
      <c r="G4818">
        <v>39815.030610000002</v>
      </c>
      <c r="H4818">
        <v>47672.629650000003</v>
      </c>
      <c r="I4818">
        <v>36791.47262</v>
      </c>
      <c r="J4818">
        <v>55092.599110000003</v>
      </c>
      <c r="K4818">
        <v>60736.021809999998</v>
      </c>
      <c r="L4818">
        <v>33908.008979999999</v>
      </c>
      <c r="M4818">
        <v>349777.90629999997</v>
      </c>
      <c r="N4818">
        <v>96403.384609999994</v>
      </c>
      <c r="O4818">
        <v>27454.282930000001</v>
      </c>
      <c r="P4818">
        <v>35421.906840000003</v>
      </c>
      <c r="Q4818">
        <v>101421.7374</v>
      </c>
      <c r="R4818">
        <v>26059.001270000001</v>
      </c>
      <c r="S4818">
        <v>114363.0156</v>
      </c>
      <c r="T4818">
        <v>29764.00621</v>
      </c>
      <c r="U4818">
        <v>23965.805710000001</v>
      </c>
      <c r="W4818" s="83">
        <f>Bühler!N4850</f>
        <v>45492.666666654986</v>
      </c>
      <c r="X4818" s="83">
        <v>43301.666666666664</v>
      </c>
      <c r="Y4818">
        <v>265045.46120000002</v>
      </c>
      <c r="Z4818">
        <v>36991.375769999999</v>
      </c>
      <c r="AA4818">
        <v>111135.8088</v>
      </c>
      <c r="AB4818">
        <v>39815.030610000002</v>
      </c>
      <c r="AC4818">
        <v>47672.629650000003</v>
      </c>
      <c r="AD4818">
        <v>36791.47262</v>
      </c>
      <c r="AE4818">
        <v>55092.599110000003</v>
      </c>
      <c r="AF4818">
        <v>60736.021809999998</v>
      </c>
      <c r="AG4818">
        <v>33908.008979999999</v>
      </c>
      <c r="AH4818">
        <v>349777.90629999997</v>
      </c>
      <c r="AI4818">
        <v>96403.384609999994</v>
      </c>
      <c r="AJ4818">
        <v>27454.282930000001</v>
      </c>
      <c r="AK4818">
        <v>35421.906840000003</v>
      </c>
      <c r="AL4818">
        <v>101421.7374</v>
      </c>
      <c r="AM4818">
        <v>26059.001270000001</v>
      </c>
      <c r="AN4818">
        <v>114363.0156</v>
      </c>
      <c r="AO4818">
        <v>29764.00621</v>
      </c>
      <c r="AP4818">
        <v>23965.805710000001</v>
      </c>
    </row>
    <row r="4819" spans="2:42" x14ac:dyDescent="0.3">
      <c r="B4819">
        <v>67.32363233927758</v>
      </c>
      <c r="C4819" s="83">
        <v>43301.708333333336</v>
      </c>
      <c r="D4819">
        <v>255451.8517</v>
      </c>
      <c r="E4819">
        <v>34660.170850000002</v>
      </c>
      <c r="F4819">
        <v>109951.39079999999</v>
      </c>
      <c r="G4819">
        <v>38012.370629999998</v>
      </c>
      <c r="H4819">
        <v>46231.169439999998</v>
      </c>
      <c r="I4819">
        <v>36264.420819999999</v>
      </c>
      <c r="J4819">
        <v>55340.36793</v>
      </c>
      <c r="K4819">
        <v>58071.213040000002</v>
      </c>
      <c r="L4819">
        <v>33991.631829999998</v>
      </c>
      <c r="M4819">
        <v>343247.27350000001</v>
      </c>
      <c r="N4819">
        <v>92655.864929999996</v>
      </c>
      <c r="O4819">
        <v>26719.799019999999</v>
      </c>
      <c r="P4819">
        <v>36674.286699999997</v>
      </c>
      <c r="Q4819">
        <v>99835.242230000003</v>
      </c>
      <c r="R4819">
        <v>26447.773870000001</v>
      </c>
      <c r="S4819">
        <v>110612.3351</v>
      </c>
      <c r="T4819">
        <v>29289.1077</v>
      </c>
      <c r="U4819">
        <v>23196.44816</v>
      </c>
      <c r="W4819" s="83">
        <f>Bühler!N4851</f>
        <v>45492.708333321651</v>
      </c>
      <c r="X4819" s="83">
        <v>43301.708333333336</v>
      </c>
      <c r="Y4819">
        <v>255451.8517</v>
      </c>
      <c r="Z4819">
        <v>34660.170850000002</v>
      </c>
      <c r="AA4819">
        <v>109951.39079999999</v>
      </c>
      <c r="AB4819">
        <v>38012.370629999998</v>
      </c>
      <c r="AC4819">
        <v>46231.169439999998</v>
      </c>
      <c r="AD4819">
        <v>36264.420819999999</v>
      </c>
      <c r="AE4819">
        <v>55340.36793</v>
      </c>
      <c r="AF4819">
        <v>58071.213040000002</v>
      </c>
      <c r="AG4819">
        <v>33991.631829999998</v>
      </c>
      <c r="AH4819">
        <v>343247.27350000001</v>
      </c>
      <c r="AI4819">
        <v>92655.864929999996</v>
      </c>
      <c r="AJ4819">
        <v>26719.799019999999</v>
      </c>
      <c r="AK4819">
        <v>36674.286699999997</v>
      </c>
      <c r="AL4819">
        <v>99835.242230000003</v>
      </c>
      <c r="AM4819">
        <v>26447.773870000001</v>
      </c>
      <c r="AN4819">
        <v>110612.3351</v>
      </c>
      <c r="AO4819">
        <v>29289.1077</v>
      </c>
      <c r="AP4819">
        <v>23196.44816</v>
      </c>
    </row>
    <row r="4820" spans="2:42" x14ac:dyDescent="0.3">
      <c r="B4820">
        <v>65.654231851142683</v>
      </c>
      <c r="C4820" s="83">
        <v>43301.75</v>
      </c>
      <c r="D4820">
        <v>247194.27</v>
      </c>
      <c r="E4820">
        <v>31925.753499999999</v>
      </c>
      <c r="F4820">
        <v>106928.22470000001</v>
      </c>
      <c r="G4820">
        <v>35619.385549999999</v>
      </c>
      <c r="H4820">
        <v>44452.848250000003</v>
      </c>
      <c r="I4820">
        <v>35986.396289999997</v>
      </c>
      <c r="J4820">
        <v>55842.584519999997</v>
      </c>
      <c r="K4820">
        <v>55901.946179999999</v>
      </c>
      <c r="L4820">
        <v>34773.107889999999</v>
      </c>
      <c r="M4820">
        <v>334735.89130000002</v>
      </c>
      <c r="N4820">
        <v>89720.723410000006</v>
      </c>
      <c r="O4820">
        <v>26248.066409999999</v>
      </c>
      <c r="P4820">
        <v>40226.037779999999</v>
      </c>
      <c r="Q4820">
        <v>96969.695089999994</v>
      </c>
      <c r="R4820">
        <v>25185.093349999999</v>
      </c>
      <c r="S4820">
        <v>104823.5609</v>
      </c>
      <c r="T4820">
        <v>28934.261839999999</v>
      </c>
      <c r="U4820">
        <v>22033.297640000001</v>
      </c>
      <c r="W4820" s="83">
        <f>Bühler!N4852</f>
        <v>45492.749999988315</v>
      </c>
      <c r="X4820" s="83">
        <v>43301.75</v>
      </c>
      <c r="Y4820">
        <v>247194.27</v>
      </c>
      <c r="Z4820">
        <v>31925.753499999999</v>
      </c>
      <c r="AA4820">
        <v>106928.22470000001</v>
      </c>
      <c r="AB4820">
        <v>35619.385549999999</v>
      </c>
      <c r="AC4820">
        <v>44452.848250000003</v>
      </c>
      <c r="AD4820">
        <v>35986.396289999997</v>
      </c>
      <c r="AE4820">
        <v>55842.584519999997</v>
      </c>
      <c r="AF4820">
        <v>55901.946179999999</v>
      </c>
      <c r="AG4820">
        <v>34773.107889999999</v>
      </c>
      <c r="AH4820">
        <v>334735.89130000002</v>
      </c>
      <c r="AI4820">
        <v>89720.723410000006</v>
      </c>
      <c r="AJ4820">
        <v>26248.066409999999</v>
      </c>
      <c r="AK4820">
        <v>40226.037779999999</v>
      </c>
      <c r="AL4820">
        <v>96969.695089999994</v>
      </c>
      <c r="AM4820">
        <v>25185.093349999999</v>
      </c>
      <c r="AN4820">
        <v>104823.5609</v>
      </c>
      <c r="AO4820">
        <v>28934.261839999999</v>
      </c>
      <c r="AP4820">
        <v>22033.297640000001</v>
      </c>
    </row>
    <row r="4821" spans="2:42" x14ac:dyDescent="0.3">
      <c r="B4821">
        <v>64.595280759209189</v>
      </c>
      <c r="C4821" s="83">
        <v>43301.791666666664</v>
      </c>
      <c r="D4821">
        <v>238288.7836</v>
      </c>
      <c r="E4821">
        <v>25795.566459999998</v>
      </c>
      <c r="F4821">
        <v>96541.925040000002</v>
      </c>
      <c r="G4821">
        <v>33956.387840000003</v>
      </c>
      <c r="H4821">
        <v>42252.886579999999</v>
      </c>
      <c r="I4821">
        <v>33619.670010000002</v>
      </c>
      <c r="J4821">
        <v>54986.670480000001</v>
      </c>
      <c r="K4821">
        <v>56024.168129999998</v>
      </c>
      <c r="L4821">
        <v>34734.395400000001</v>
      </c>
      <c r="M4821">
        <v>329336.86479999998</v>
      </c>
      <c r="N4821">
        <v>87508.375969999994</v>
      </c>
      <c r="O4821">
        <v>24006.302179999999</v>
      </c>
      <c r="P4821">
        <v>42703.658770000002</v>
      </c>
      <c r="Q4821">
        <v>93720.114279999994</v>
      </c>
      <c r="R4821">
        <v>23819.7444</v>
      </c>
      <c r="S4821">
        <v>99519.945850000004</v>
      </c>
      <c r="T4821">
        <v>27858.42945</v>
      </c>
      <c r="U4821">
        <v>20951.987270000001</v>
      </c>
      <c r="W4821" s="83">
        <f>Bühler!N4853</f>
        <v>45492.791666654979</v>
      </c>
      <c r="X4821" s="83">
        <v>43301.791666666664</v>
      </c>
      <c r="Y4821">
        <v>238288.7836</v>
      </c>
      <c r="Z4821">
        <v>25795.566459999998</v>
      </c>
      <c r="AA4821">
        <v>96541.925040000002</v>
      </c>
      <c r="AB4821">
        <v>33956.387840000003</v>
      </c>
      <c r="AC4821">
        <v>42252.886579999999</v>
      </c>
      <c r="AD4821">
        <v>33619.670010000002</v>
      </c>
      <c r="AE4821">
        <v>54986.670480000001</v>
      </c>
      <c r="AF4821">
        <v>56024.168129999998</v>
      </c>
      <c r="AG4821">
        <v>34734.395400000001</v>
      </c>
      <c r="AH4821">
        <v>329336.86479999998</v>
      </c>
      <c r="AI4821">
        <v>87508.375969999994</v>
      </c>
      <c r="AJ4821">
        <v>24006.302179999999</v>
      </c>
      <c r="AK4821">
        <v>42703.658770000002</v>
      </c>
      <c r="AL4821">
        <v>93720.114279999994</v>
      </c>
      <c r="AM4821">
        <v>23819.7444</v>
      </c>
      <c r="AN4821">
        <v>99519.945850000004</v>
      </c>
      <c r="AO4821">
        <v>27858.42945</v>
      </c>
      <c r="AP4821">
        <v>20951.987270000001</v>
      </c>
    </row>
    <row r="4822" spans="2:42" x14ac:dyDescent="0.3">
      <c r="B4822">
        <v>62.264613926672624</v>
      </c>
      <c r="C4822" s="83">
        <v>43301.833333333336</v>
      </c>
      <c r="D4822">
        <v>228606.94029999999</v>
      </c>
      <c r="E4822">
        <v>18881.076000000001</v>
      </c>
      <c r="F4822">
        <v>76492.790599999993</v>
      </c>
      <c r="G4822">
        <v>32321.773160000001</v>
      </c>
      <c r="H4822">
        <v>39084.3243</v>
      </c>
      <c r="I4822">
        <v>30669.715680000001</v>
      </c>
      <c r="J4822">
        <v>52952.873590000003</v>
      </c>
      <c r="K4822">
        <v>56375.218580000001</v>
      </c>
      <c r="L4822">
        <v>34350.873249999997</v>
      </c>
      <c r="M4822">
        <v>317454.03840000002</v>
      </c>
      <c r="N4822">
        <v>84945.352669999993</v>
      </c>
      <c r="O4822">
        <v>22032.734700000001</v>
      </c>
      <c r="P4822">
        <v>42329.826439999997</v>
      </c>
      <c r="Q4822">
        <v>88988.975940000004</v>
      </c>
      <c r="R4822">
        <v>21954.31191</v>
      </c>
      <c r="S4822">
        <v>91169.121809999997</v>
      </c>
      <c r="T4822">
        <v>26288.05456</v>
      </c>
      <c r="U4822">
        <v>20142.295269999999</v>
      </c>
      <c r="W4822" s="83">
        <f>Bühler!N4854</f>
        <v>45492.833333321643</v>
      </c>
      <c r="X4822" s="83">
        <v>43301.833333333336</v>
      </c>
      <c r="Y4822">
        <v>228606.94029999999</v>
      </c>
      <c r="Z4822">
        <v>18881.076000000001</v>
      </c>
      <c r="AA4822">
        <v>76492.790599999993</v>
      </c>
      <c r="AB4822">
        <v>32321.773160000001</v>
      </c>
      <c r="AC4822">
        <v>39084.3243</v>
      </c>
      <c r="AD4822">
        <v>30669.715680000001</v>
      </c>
      <c r="AE4822">
        <v>52952.873590000003</v>
      </c>
      <c r="AF4822">
        <v>56375.218580000001</v>
      </c>
      <c r="AG4822">
        <v>34350.873249999997</v>
      </c>
      <c r="AH4822">
        <v>317454.03840000002</v>
      </c>
      <c r="AI4822">
        <v>84945.352669999993</v>
      </c>
      <c r="AJ4822">
        <v>22032.734700000001</v>
      </c>
      <c r="AK4822">
        <v>42329.826439999997</v>
      </c>
      <c r="AL4822">
        <v>88988.975940000004</v>
      </c>
      <c r="AM4822">
        <v>21954.31191</v>
      </c>
      <c r="AN4822">
        <v>91169.121809999997</v>
      </c>
      <c r="AO4822">
        <v>26288.05456</v>
      </c>
      <c r="AP4822">
        <v>20142.295269999999</v>
      </c>
    </row>
    <row r="4823" spans="2:42" x14ac:dyDescent="0.3">
      <c r="B4823">
        <v>60.274644547742007</v>
      </c>
      <c r="C4823" s="83">
        <v>43301.875</v>
      </c>
      <c r="D4823">
        <v>222841.68479999999</v>
      </c>
      <c r="E4823">
        <v>16290.813630000001</v>
      </c>
      <c r="F4823">
        <v>66493.550180000006</v>
      </c>
      <c r="G4823">
        <v>30678.8285</v>
      </c>
      <c r="H4823">
        <v>37140.537839999997</v>
      </c>
      <c r="I4823">
        <v>28415.745029999998</v>
      </c>
      <c r="J4823">
        <v>52009.911310000003</v>
      </c>
      <c r="K4823">
        <v>55160.621030000002</v>
      </c>
      <c r="L4823">
        <v>33391.640919999998</v>
      </c>
      <c r="M4823">
        <v>307308.24650000001</v>
      </c>
      <c r="N4823">
        <v>83374.879960000006</v>
      </c>
      <c r="O4823">
        <v>20841.102019999998</v>
      </c>
      <c r="P4823">
        <v>40682.511129999999</v>
      </c>
      <c r="Q4823">
        <v>84947.814729999998</v>
      </c>
      <c r="R4823">
        <v>20688.324250000001</v>
      </c>
      <c r="S4823">
        <v>86965.791490000003</v>
      </c>
      <c r="T4823">
        <v>24962.588390000001</v>
      </c>
      <c r="U4823">
        <v>20000.659469999999</v>
      </c>
      <c r="W4823" s="83">
        <f>Bühler!N4855</f>
        <v>45492.874999988308</v>
      </c>
      <c r="X4823" s="83">
        <v>43301.875</v>
      </c>
      <c r="Y4823">
        <v>222841.68479999999</v>
      </c>
      <c r="Z4823">
        <v>16290.813630000001</v>
      </c>
      <c r="AA4823">
        <v>66493.550180000006</v>
      </c>
      <c r="AB4823">
        <v>30678.8285</v>
      </c>
      <c r="AC4823">
        <v>37140.537839999997</v>
      </c>
      <c r="AD4823">
        <v>28415.745029999998</v>
      </c>
      <c r="AE4823">
        <v>52009.911310000003</v>
      </c>
      <c r="AF4823">
        <v>55160.621030000002</v>
      </c>
      <c r="AG4823">
        <v>33391.640919999998</v>
      </c>
      <c r="AH4823">
        <v>307308.24650000001</v>
      </c>
      <c r="AI4823">
        <v>83374.879960000006</v>
      </c>
      <c r="AJ4823">
        <v>20841.102019999998</v>
      </c>
      <c r="AK4823">
        <v>40682.511129999999</v>
      </c>
      <c r="AL4823">
        <v>84947.814729999998</v>
      </c>
      <c r="AM4823">
        <v>20688.324250000001</v>
      </c>
      <c r="AN4823">
        <v>86965.791490000003</v>
      </c>
      <c r="AO4823">
        <v>24962.588390000001</v>
      </c>
      <c r="AP4823">
        <v>20000.659469999999</v>
      </c>
    </row>
    <row r="4824" spans="2:42" x14ac:dyDescent="0.3">
      <c r="B4824">
        <v>59.463910275361869</v>
      </c>
      <c r="C4824" s="83">
        <v>43301.916666666664</v>
      </c>
      <c r="D4824">
        <v>221369.11319999999</v>
      </c>
      <c r="E4824">
        <v>15689.30646</v>
      </c>
      <c r="F4824">
        <v>62846.502500000002</v>
      </c>
      <c r="G4824">
        <v>30984.393479999999</v>
      </c>
      <c r="H4824">
        <v>38041.276810000003</v>
      </c>
      <c r="I4824">
        <v>27882.432420000001</v>
      </c>
      <c r="J4824">
        <v>51472.679029999999</v>
      </c>
      <c r="K4824">
        <v>58060.6976</v>
      </c>
      <c r="L4824">
        <v>30289.473020000001</v>
      </c>
      <c r="M4824">
        <v>303174.7451</v>
      </c>
      <c r="N4824">
        <v>82557.667449999994</v>
      </c>
      <c r="O4824">
        <v>20427.596839999998</v>
      </c>
      <c r="P4824">
        <v>43142.05457</v>
      </c>
      <c r="Q4824">
        <v>83372.229380000004</v>
      </c>
      <c r="R4824">
        <v>21541.32533</v>
      </c>
      <c r="S4824">
        <v>85909.767129999993</v>
      </c>
      <c r="T4824">
        <v>22242.02504</v>
      </c>
      <c r="U4824">
        <v>20472.595130000002</v>
      </c>
      <c r="W4824" s="83">
        <f>Bühler!N4856</f>
        <v>45492.916666654972</v>
      </c>
      <c r="X4824" s="83">
        <v>43301.916666666664</v>
      </c>
      <c r="Y4824">
        <v>221369.11319999999</v>
      </c>
      <c r="Z4824">
        <v>15689.30646</v>
      </c>
      <c r="AA4824">
        <v>62846.502500000002</v>
      </c>
      <c r="AB4824">
        <v>30984.393479999999</v>
      </c>
      <c r="AC4824">
        <v>38041.276810000003</v>
      </c>
      <c r="AD4824">
        <v>27882.432420000001</v>
      </c>
      <c r="AE4824">
        <v>51472.679029999999</v>
      </c>
      <c r="AF4824">
        <v>58060.6976</v>
      </c>
      <c r="AG4824">
        <v>30289.473020000001</v>
      </c>
      <c r="AH4824">
        <v>303174.7451</v>
      </c>
      <c r="AI4824">
        <v>82557.667449999994</v>
      </c>
      <c r="AJ4824">
        <v>20427.596839999998</v>
      </c>
      <c r="AK4824">
        <v>43142.05457</v>
      </c>
      <c r="AL4824">
        <v>83372.229380000004</v>
      </c>
      <c r="AM4824">
        <v>21541.32533</v>
      </c>
      <c r="AN4824">
        <v>85909.767129999993</v>
      </c>
      <c r="AO4824">
        <v>22242.02504</v>
      </c>
      <c r="AP4824">
        <v>20472.595130000002</v>
      </c>
    </row>
    <row r="4825" spans="2:42" x14ac:dyDescent="0.3">
      <c r="B4825">
        <v>58.945777150060749</v>
      </c>
      <c r="C4825" s="83">
        <v>43301.958333333336</v>
      </c>
      <c r="D4825">
        <v>217733.533</v>
      </c>
      <c r="E4825">
        <v>14887.685439999999</v>
      </c>
      <c r="F4825">
        <v>60949.411410000001</v>
      </c>
      <c r="G4825">
        <v>31266.835899999998</v>
      </c>
      <c r="H4825">
        <v>36969.779560000003</v>
      </c>
      <c r="I4825">
        <v>26872.0236</v>
      </c>
      <c r="J4825">
        <v>45857.210160000002</v>
      </c>
      <c r="K4825">
        <v>56480.134689999999</v>
      </c>
      <c r="L4825">
        <v>25897.768189999999</v>
      </c>
      <c r="M4825">
        <v>300533.06079999998</v>
      </c>
      <c r="N4825">
        <v>80717.423150000002</v>
      </c>
      <c r="O4825">
        <v>19798.26124</v>
      </c>
      <c r="P4825">
        <v>36914.588259999997</v>
      </c>
      <c r="Q4825">
        <v>81536.100420000002</v>
      </c>
      <c r="R4825">
        <v>21657.362209999999</v>
      </c>
      <c r="S4825">
        <v>83554.821150000003</v>
      </c>
      <c r="T4825">
        <v>20789.46156</v>
      </c>
      <c r="U4825">
        <v>19897.83885</v>
      </c>
      <c r="W4825" s="83">
        <f>Bühler!N4857</f>
        <v>45492.958333321636</v>
      </c>
      <c r="X4825" s="83">
        <v>43301.958333333336</v>
      </c>
      <c r="Y4825">
        <v>217733.533</v>
      </c>
      <c r="Z4825">
        <v>14887.685439999999</v>
      </c>
      <c r="AA4825">
        <v>60949.411410000001</v>
      </c>
      <c r="AB4825">
        <v>31266.835899999998</v>
      </c>
      <c r="AC4825">
        <v>36969.779560000003</v>
      </c>
      <c r="AD4825">
        <v>26872.0236</v>
      </c>
      <c r="AE4825">
        <v>45857.210160000002</v>
      </c>
      <c r="AF4825">
        <v>56480.134689999999</v>
      </c>
      <c r="AG4825">
        <v>25897.768189999999</v>
      </c>
      <c r="AH4825">
        <v>300533.06079999998</v>
      </c>
      <c r="AI4825">
        <v>80717.423150000002</v>
      </c>
      <c r="AJ4825">
        <v>19798.26124</v>
      </c>
      <c r="AK4825">
        <v>36914.588259999997</v>
      </c>
      <c r="AL4825">
        <v>81536.100420000002</v>
      </c>
      <c r="AM4825">
        <v>21657.362209999999</v>
      </c>
      <c r="AN4825">
        <v>83554.821150000003</v>
      </c>
      <c r="AO4825">
        <v>20789.46156</v>
      </c>
      <c r="AP4825">
        <v>19897.83885</v>
      </c>
    </row>
    <row r="4826" spans="2:42" x14ac:dyDescent="0.3">
      <c r="B4826">
        <v>57.7631996658506</v>
      </c>
      <c r="C4826" s="83">
        <v>43302</v>
      </c>
      <c r="D4826">
        <v>213534.7807</v>
      </c>
      <c r="E4826">
        <v>14048.14445</v>
      </c>
      <c r="F4826">
        <v>58622.158369999997</v>
      </c>
      <c r="G4826">
        <v>30750.405070000001</v>
      </c>
      <c r="H4826">
        <v>35959.782420000003</v>
      </c>
      <c r="I4826">
        <v>25020.993839999999</v>
      </c>
      <c r="J4826">
        <v>41092.663619999999</v>
      </c>
      <c r="K4826">
        <v>55108.137759999998</v>
      </c>
      <c r="L4826">
        <v>22433.94587</v>
      </c>
      <c r="M4826">
        <v>294503.72930000001</v>
      </c>
      <c r="N4826">
        <v>79238.614230000007</v>
      </c>
      <c r="O4826">
        <v>19294.654500000001</v>
      </c>
      <c r="P4826">
        <v>32737.484270000001</v>
      </c>
      <c r="Q4826">
        <v>78879.135389999996</v>
      </c>
      <c r="R4826">
        <v>18124.737850000001</v>
      </c>
      <c r="S4826">
        <v>80445.692949999997</v>
      </c>
      <c r="T4826">
        <v>19853.395140000001</v>
      </c>
      <c r="U4826">
        <v>19124.17973</v>
      </c>
      <c r="W4826" s="83">
        <f>Bühler!N4858</f>
        <v>45492.9999999883</v>
      </c>
      <c r="X4826" s="83">
        <v>43302</v>
      </c>
      <c r="Y4826">
        <v>213534.7807</v>
      </c>
      <c r="Z4826">
        <v>14048.14445</v>
      </c>
      <c r="AA4826">
        <v>58622.158369999997</v>
      </c>
      <c r="AB4826">
        <v>30750.405070000001</v>
      </c>
      <c r="AC4826">
        <v>35959.782420000003</v>
      </c>
      <c r="AD4826">
        <v>25020.993839999999</v>
      </c>
      <c r="AE4826">
        <v>41092.663619999999</v>
      </c>
      <c r="AF4826">
        <v>55108.137759999998</v>
      </c>
      <c r="AG4826">
        <v>22433.94587</v>
      </c>
      <c r="AH4826">
        <v>294503.72930000001</v>
      </c>
      <c r="AI4826">
        <v>79238.614230000007</v>
      </c>
      <c r="AJ4826">
        <v>19294.654500000001</v>
      </c>
      <c r="AK4826">
        <v>32737.484270000001</v>
      </c>
      <c r="AL4826">
        <v>78879.135389999996</v>
      </c>
      <c r="AM4826">
        <v>18124.737850000001</v>
      </c>
      <c r="AN4826">
        <v>80445.692949999997</v>
      </c>
      <c r="AO4826">
        <v>19853.395140000001</v>
      </c>
      <c r="AP4826">
        <v>19124.17973</v>
      </c>
    </row>
    <row r="4827" spans="2:42" x14ac:dyDescent="0.3">
      <c r="B4827">
        <v>56.169620390227955</v>
      </c>
      <c r="C4827" s="83">
        <v>43302.041666666664</v>
      </c>
      <c r="D4827">
        <v>209096.1421</v>
      </c>
      <c r="E4827">
        <v>13702.85024</v>
      </c>
      <c r="F4827">
        <v>57495.726069999997</v>
      </c>
      <c r="G4827">
        <v>30392.71272</v>
      </c>
      <c r="H4827">
        <v>35348.96486</v>
      </c>
      <c r="I4827">
        <v>21538.197049999999</v>
      </c>
      <c r="J4827">
        <v>38481.154580000002</v>
      </c>
      <c r="K4827">
        <v>52210.820189999999</v>
      </c>
      <c r="L4827">
        <v>20551.682840000001</v>
      </c>
      <c r="M4827">
        <v>286378.91899999999</v>
      </c>
      <c r="N4827">
        <v>77185.53181</v>
      </c>
      <c r="O4827">
        <v>19078.469499999999</v>
      </c>
      <c r="P4827">
        <v>30274.351780000001</v>
      </c>
      <c r="Q4827">
        <v>77788.347599999994</v>
      </c>
      <c r="R4827">
        <v>15108.973819999999</v>
      </c>
      <c r="S4827">
        <v>78304.770319999996</v>
      </c>
      <c r="T4827">
        <v>18849.302749999999</v>
      </c>
      <c r="U4827">
        <v>18602.149720000001</v>
      </c>
      <c r="W4827" s="83">
        <f>Bühler!N4859</f>
        <v>45493.041666654965</v>
      </c>
      <c r="X4827" s="83">
        <v>43302.041666666664</v>
      </c>
      <c r="Y4827">
        <v>209096.1421</v>
      </c>
      <c r="Z4827">
        <v>13702.85024</v>
      </c>
      <c r="AA4827">
        <v>57495.726069999997</v>
      </c>
      <c r="AB4827">
        <v>30392.71272</v>
      </c>
      <c r="AC4827">
        <v>35348.96486</v>
      </c>
      <c r="AD4827">
        <v>21538.197049999999</v>
      </c>
      <c r="AE4827">
        <v>38481.154580000002</v>
      </c>
      <c r="AF4827">
        <v>52210.820189999999</v>
      </c>
      <c r="AG4827">
        <v>20551.682840000001</v>
      </c>
      <c r="AH4827">
        <v>286378.91899999999</v>
      </c>
      <c r="AI4827">
        <v>77185.53181</v>
      </c>
      <c r="AJ4827">
        <v>19078.469499999999</v>
      </c>
      <c r="AK4827">
        <v>30274.351780000001</v>
      </c>
      <c r="AL4827">
        <v>77788.347599999994</v>
      </c>
      <c r="AM4827">
        <v>15108.973819999999</v>
      </c>
      <c r="AN4827">
        <v>78304.770319999996</v>
      </c>
      <c r="AO4827">
        <v>18849.302749999999</v>
      </c>
      <c r="AP4827">
        <v>18602.149720000001</v>
      </c>
    </row>
    <row r="4828" spans="2:42" x14ac:dyDescent="0.3">
      <c r="B4828">
        <v>54.979083041760966</v>
      </c>
      <c r="C4828" s="83">
        <v>43302.083333333336</v>
      </c>
      <c r="D4828">
        <v>204874.75870000001</v>
      </c>
      <c r="E4828">
        <v>13494.913979999999</v>
      </c>
      <c r="F4828">
        <v>57970.914019999997</v>
      </c>
      <c r="G4828">
        <v>29461.905559999999</v>
      </c>
      <c r="H4828">
        <v>34697.014649999997</v>
      </c>
      <c r="I4828">
        <v>19462.797180000001</v>
      </c>
      <c r="J4828">
        <v>37709.903700000003</v>
      </c>
      <c r="K4828">
        <v>50591.093150000001</v>
      </c>
      <c r="L4828">
        <v>19205.320059999998</v>
      </c>
      <c r="M4828">
        <v>280309.00439999998</v>
      </c>
      <c r="N4828">
        <v>75094.283620000002</v>
      </c>
      <c r="O4828">
        <v>18908.084009999999</v>
      </c>
      <c r="P4828">
        <v>27238.446970000001</v>
      </c>
      <c r="Q4828">
        <v>77488.109079999995</v>
      </c>
      <c r="R4828">
        <v>14818.07303</v>
      </c>
      <c r="S4828">
        <v>77109.604120000004</v>
      </c>
      <c r="T4828">
        <v>18125.977169999998</v>
      </c>
      <c r="U4828">
        <v>18128.081330000001</v>
      </c>
      <c r="W4828" s="83">
        <f>Bühler!N4860</f>
        <v>45493.083333321629</v>
      </c>
      <c r="X4828" s="83">
        <v>43302.083333333336</v>
      </c>
      <c r="Y4828">
        <v>204874.75870000001</v>
      </c>
      <c r="Z4828">
        <v>13494.913979999999</v>
      </c>
      <c r="AA4828">
        <v>57970.914019999997</v>
      </c>
      <c r="AB4828">
        <v>29461.905559999999</v>
      </c>
      <c r="AC4828">
        <v>34697.014649999997</v>
      </c>
      <c r="AD4828">
        <v>19462.797180000001</v>
      </c>
      <c r="AE4828">
        <v>37709.903700000003</v>
      </c>
      <c r="AF4828">
        <v>50591.093150000001</v>
      </c>
      <c r="AG4828">
        <v>19205.320059999998</v>
      </c>
      <c r="AH4828">
        <v>280309.00439999998</v>
      </c>
      <c r="AI4828">
        <v>75094.283620000002</v>
      </c>
      <c r="AJ4828">
        <v>18908.084009999999</v>
      </c>
      <c r="AK4828">
        <v>27238.446970000001</v>
      </c>
      <c r="AL4828">
        <v>77488.109079999995</v>
      </c>
      <c r="AM4828">
        <v>14818.07303</v>
      </c>
      <c r="AN4828">
        <v>77109.604120000004</v>
      </c>
      <c r="AO4828">
        <v>18125.977169999998</v>
      </c>
      <c r="AP4828">
        <v>18128.081330000001</v>
      </c>
    </row>
    <row r="4829" spans="2:42" x14ac:dyDescent="0.3">
      <c r="B4829">
        <v>54.647850434397675</v>
      </c>
      <c r="C4829" s="83">
        <v>43302.125</v>
      </c>
      <c r="D4829">
        <v>198559.49710000001</v>
      </c>
      <c r="E4829">
        <v>13160.30062</v>
      </c>
      <c r="F4829">
        <v>59570.938329999997</v>
      </c>
      <c r="G4829">
        <v>28139.819909999998</v>
      </c>
      <c r="H4829">
        <v>34431.293279999998</v>
      </c>
      <c r="I4829">
        <v>18478.049459999998</v>
      </c>
      <c r="J4829">
        <v>37371.628449999997</v>
      </c>
      <c r="K4829">
        <v>48953.402690000003</v>
      </c>
      <c r="L4829">
        <v>18446.25491</v>
      </c>
      <c r="M4829">
        <v>278620.22610000003</v>
      </c>
      <c r="N4829">
        <v>73979.557780000003</v>
      </c>
      <c r="O4829">
        <v>18279.310420000002</v>
      </c>
      <c r="P4829">
        <v>26721.020420000001</v>
      </c>
      <c r="Q4829">
        <v>77679.065119999999</v>
      </c>
      <c r="R4829">
        <v>14380.88717</v>
      </c>
      <c r="S4829">
        <v>75682.145210000002</v>
      </c>
      <c r="T4829">
        <v>17819.926869999999</v>
      </c>
      <c r="U4829">
        <v>17812.87429</v>
      </c>
      <c r="W4829" s="83">
        <f>Bühler!N4861</f>
        <v>45493.124999988293</v>
      </c>
      <c r="X4829" s="83">
        <v>43302.125</v>
      </c>
      <c r="Y4829">
        <v>198559.49710000001</v>
      </c>
      <c r="Z4829">
        <v>13160.30062</v>
      </c>
      <c r="AA4829">
        <v>59570.938329999997</v>
      </c>
      <c r="AB4829">
        <v>28139.819909999998</v>
      </c>
      <c r="AC4829">
        <v>34431.293279999998</v>
      </c>
      <c r="AD4829">
        <v>18478.049459999998</v>
      </c>
      <c r="AE4829">
        <v>37371.628449999997</v>
      </c>
      <c r="AF4829">
        <v>48953.402690000003</v>
      </c>
      <c r="AG4829">
        <v>18446.25491</v>
      </c>
      <c r="AH4829">
        <v>278620.22610000003</v>
      </c>
      <c r="AI4829">
        <v>73979.557780000003</v>
      </c>
      <c r="AJ4829">
        <v>18279.310420000002</v>
      </c>
      <c r="AK4829">
        <v>26721.020420000001</v>
      </c>
      <c r="AL4829">
        <v>77679.065119999999</v>
      </c>
      <c r="AM4829">
        <v>14380.88717</v>
      </c>
      <c r="AN4829">
        <v>75682.145210000002</v>
      </c>
      <c r="AO4829">
        <v>17819.926869999999</v>
      </c>
      <c r="AP4829">
        <v>17812.87429</v>
      </c>
    </row>
    <row r="4830" spans="2:42" x14ac:dyDescent="0.3">
      <c r="B4830">
        <v>53.45436198279674</v>
      </c>
      <c r="C4830" s="83">
        <v>43302.166666666664</v>
      </c>
      <c r="D4830">
        <v>190944.7169</v>
      </c>
      <c r="E4830">
        <v>13317.215029999999</v>
      </c>
      <c r="F4830">
        <v>61591.796690000003</v>
      </c>
      <c r="G4830">
        <v>27752.42254</v>
      </c>
      <c r="H4830">
        <v>34063.565269999999</v>
      </c>
      <c r="I4830">
        <v>18963.71067</v>
      </c>
      <c r="J4830">
        <v>39437.326809999999</v>
      </c>
      <c r="K4830">
        <v>48960.637949999997</v>
      </c>
      <c r="L4830">
        <v>18562.995190000001</v>
      </c>
      <c r="M4830">
        <v>272535.26539999997</v>
      </c>
      <c r="N4830">
        <v>72234.949949999995</v>
      </c>
      <c r="O4830">
        <v>18803.036169999999</v>
      </c>
      <c r="P4830">
        <v>26290.020540000001</v>
      </c>
      <c r="Q4830">
        <v>76090.91575</v>
      </c>
      <c r="R4830">
        <v>14654.45529</v>
      </c>
      <c r="S4830">
        <v>75601.950559999997</v>
      </c>
      <c r="T4830">
        <v>17725.659100000001</v>
      </c>
      <c r="U4830">
        <v>17919.937760000001</v>
      </c>
      <c r="W4830" s="83">
        <f>Bühler!N4862</f>
        <v>45493.166666654957</v>
      </c>
      <c r="X4830" s="83">
        <v>43302.166666666664</v>
      </c>
      <c r="Y4830">
        <v>190944.7169</v>
      </c>
      <c r="Z4830">
        <v>13317.215029999999</v>
      </c>
      <c r="AA4830">
        <v>61591.796690000003</v>
      </c>
      <c r="AB4830">
        <v>27752.42254</v>
      </c>
      <c r="AC4830">
        <v>34063.565269999999</v>
      </c>
      <c r="AD4830">
        <v>18963.71067</v>
      </c>
      <c r="AE4830">
        <v>39437.326809999999</v>
      </c>
      <c r="AF4830">
        <v>48960.637949999997</v>
      </c>
      <c r="AG4830">
        <v>18562.995190000001</v>
      </c>
      <c r="AH4830">
        <v>272535.26539999997</v>
      </c>
      <c r="AI4830">
        <v>72234.949949999995</v>
      </c>
      <c r="AJ4830">
        <v>18803.036169999999</v>
      </c>
      <c r="AK4830">
        <v>26290.020540000001</v>
      </c>
      <c r="AL4830">
        <v>76090.91575</v>
      </c>
      <c r="AM4830">
        <v>14654.45529</v>
      </c>
      <c r="AN4830">
        <v>75601.950559999997</v>
      </c>
      <c r="AO4830">
        <v>17725.659100000001</v>
      </c>
      <c r="AP4830">
        <v>17919.937760000001</v>
      </c>
    </row>
    <row r="4831" spans="2:42" x14ac:dyDescent="0.3">
      <c r="B4831">
        <v>52.345860558850461</v>
      </c>
      <c r="C4831" s="83">
        <v>43302.208333333336</v>
      </c>
      <c r="D4831">
        <v>186435.03829999999</v>
      </c>
      <c r="E4831">
        <v>14098.017019999999</v>
      </c>
      <c r="F4831">
        <v>70689.794080000007</v>
      </c>
      <c r="G4831">
        <v>27880.350979999999</v>
      </c>
      <c r="H4831">
        <v>34323.061309999997</v>
      </c>
      <c r="I4831">
        <v>23651.643789999998</v>
      </c>
      <c r="J4831">
        <v>42589.471409999998</v>
      </c>
      <c r="K4831">
        <v>47987.090559999997</v>
      </c>
      <c r="L4831">
        <v>18599.74855</v>
      </c>
      <c r="M4831">
        <v>266883.60820000002</v>
      </c>
      <c r="N4831">
        <v>71992.171900000001</v>
      </c>
      <c r="O4831">
        <v>18995.699219999999</v>
      </c>
      <c r="P4831">
        <v>27020.723979999999</v>
      </c>
      <c r="Q4831">
        <v>73817.771479999996</v>
      </c>
      <c r="R4831">
        <v>15618.75683</v>
      </c>
      <c r="S4831">
        <v>76484.116299999994</v>
      </c>
      <c r="T4831">
        <v>18275.732929999998</v>
      </c>
      <c r="U4831">
        <v>18519.767250000001</v>
      </c>
      <c r="W4831" s="83">
        <f>Bühler!N4863</f>
        <v>45493.208333321621</v>
      </c>
      <c r="X4831" s="83">
        <v>43302.208333333336</v>
      </c>
      <c r="Y4831">
        <v>186435.03829999999</v>
      </c>
      <c r="Z4831">
        <v>14098.017019999999</v>
      </c>
      <c r="AA4831">
        <v>70689.794080000007</v>
      </c>
      <c r="AB4831">
        <v>27880.350979999999</v>
      </c>
      <c r="AC4831">
        <v>34323.061309999997</v>
      </c>
      <c r="AD4831">
        <v>23651.643789999998</v>
      </c>
      <c r="AE4831">
        <v>42589.471409999998</v>
      </c>
      <c r="AF4831">
        <v>47987.090559999997</v>
      </c>
      <c r="AG4831">
        <v>18599.74855</v>
      </c>
      <c r="AH4831">
        <v>266883.60820000002</v>
      </c>
      <c r="AI4831">
        <v>71992.171900000001</v>
      </c>
      <c r="AJ4831">
        <v>18995.699219999999</v>
      </c>
      <c r="AK4831">
        <v>27020.723979999999</v>
      </c>
      <c r="AL4831">
        <v>73817.771479999996</v>
      </c>
      <c r="AM4831">
        <v>15618.75683</v>
      </c>
      <c r="AN4831">
        <v>76484.116299999994</v>
      </c>
      <c r="AO4831">
        <v>18275.732929999998</v>
      </c>
      <c r="AP4831">
        <v>18519.767250000001</v>
      </c>
    </row>
    <row r="4832" spans="2:42" x14ac:dyDescent="0.3">
      <c r="B4832">
        <v>51.925788706580761</v>
      </c>
      <c r="C4832" s="83">
        <v>43302.25</v>
      </c>
      <c r="D4832">
        <v>184602.58350000001</v>
      </c>
      <c r="E4832">
        <v>15684.500620000001</v>
      </c>
      <c r="F4832">
        <v>80541.873250000004</v>
      </c>
      <c r="G4832">
        <v>27933.998960000001</v>
      </c>
      <c r="H4832">
        <v>33358.588989999997</v>
      </c>
      <c r="I4832">
        <v>25602.231029999999</v>
      </c>
      <c r="J4832">
        <v>44293.256609999997</v>
      </c>
      <c r="K4832">
        <v>45724.931519999998</v>
      </c>
      <c r="L4832">
        <v>18351.797719999999</v>
      </c>
      <c r="M4832">
        <v>264741.886</v>
      </c>
      <c r="N4832">
        <v>69514.785199999998</v>
      </c>
      <c r="O4832">
        <v>18571.975460000001</v>
      </c>
      <c r="P4832">
        <v>28452.764759999998</v>
      </c>
      <c r="Q4832">
        <v>70987.968470000007</v>
      </c>
      <c r="R4832">
        <v>15333.142110000001</v>
      </c>
      <c r="S4832">
        <v>79244.548509999993</v>
      </c>
      <c r="T4832">
        <v>19767.4283</v>
      </c>
      <c r="U4832">
        <v>17942.867679999999</v>
      </c>
      <c r="W4832" s="83">
        <f>Bühler!N4864</f>
        <v>45493.249999988286</v>
      </c>
      <c r="X4832" s="83">
        <v>43302.25</v>
      </c>
      <c r="Y4832">
        <v>184602.58350000001</v>
      </c>
      <c r="Z4832">
        <v>15684.500620000001</v>
      </c>
      <c r="AA4832">
        <v>80541.873250000004</v>
      </c>
      <c r="AB4832">
        <v>27933.998960000001</v>
      </c>
      <c r="AC4832">
        <v>33358.588989999997</v>
      </c>
      <c r="AD4832">
        <v>25602.231029999999</v>
      </c>
      <c r="AE4832">
        <v>44293.256609999997</v>
      </c>
      <c r="AF4832">
        <v>45724.931519999998</v>
      </c>
      <c r="AG4832">
        <v>18351.797719999999</v>
      </c>
      <c r="AH4832">
        <v>264741.886</v>
      </c>
      <c r="AI4832">
        <v>69514.785199999998</v>
      </c>
      <c r="AJ4832">
        <v>18571.975460000001</v>
      </c>
      <c r="AK4832">
        <v>28452.764759999998</v>
      </c>
      <c r="AL4832">
        <v>70987.968470000007</v>
      </c>
      <c r="AM4832">
        <v>15333.142110000001</v>
      </c>
      <c r="AN4832">
        <v>79244.548509999993</v>
      </c>
      <c r="AO4832">
        <v>19767.4283</v>
      </c>
      <c r="AP4832">
        <v>17942.867679999999</v>
      </c>
    </row>
    <row r="4833" spans="2:42" x14ac:dyDescent="0.3">
      <c r="B4833">
        <v>52.245518031178939</v>
      </c>
      <c r="C4833" s="83">
        <v>43302.291666666664</v>
      </c>
      <c r="D4833">
        <v>184407.13990000001</v>
      </c>
      <c r="E4833">
        <v>17623.945309999999</v>
      </c>
      <c r="F4833">
        <v>83860.839489999998</v>
      </c>
      <c r="G4833">
        <v>28528.761149999998</v>
      </c>
      <c r="H4833">
        <v>34102.602619999998</v>
      </c>
      <c r="I4833">
        <v>26774.839749999999</v>
      </c>
      <c r="J4833">
        <v>45012.172550000003</v>
      </c>
      <c r="K4833">
        <v>46076.989719999998</v>
      </c>
      <c r="L4833">
        <v>19892.587179999999</v>
      </c>
      <c r="M4833">
        <v>266372.01520000002</v>
      </c>
      <c r="N4833">
        <v>70064.399109999998</v>
      </c>
      <c r="O4833">
        <v>19281.775310000001</v>
      </c>
      <c r="P4833">
        <v>31828.563109999999</v>
      </c>
      <c r="Q4833">
        <v>68836.486789999995</v>
      </c>
      <c r="R4833">
        <v>14696.261259999999</v>
      </c>
      <c r="S4833">
        <v>84511.646720000004</v>
      </c>
      <c r="T4833">
        <v>20276.577860000001</v>
      </c>
      <c r="U4833">
        <v>17679.92066</v>
      </c>
      <c r="W4833" s="83">
        <f>Bühler!N4865</f>
        <v>45493.29166665495</v>
      </c>
      <c r="X4833" s="83">
        <v>43302.291666666664</v>
      </c>
      <c r="Y4833">
        <v>184407.13990000001</v>
      </c>
      <c r="Z4833">
        <v>17623.945309999999</v>
      </c>
      <c r="AA4833">
        <v>83860.839489999998</v>
      </c>
      <c r="AB4833">
        <v>28528.761149999998</v>
      </c>
      <c r="AC4833">
        <v>34102.602619999998</v>
      </c>
      <c r="AD4833">
        <v>26774.839749999999</v>
      </c>
      <c r="AE4833">
        <v>45012.172550000003</v>
      </c>
      <c r="AF4833">
        <v>46076.989719999998</v>
      </c>
      <c r="AG4833">
        <v>19892.587179999999</v>
      </c>
      <c r="AH4833">
        <v>266372.01520000002</v>
      </c>
      <c r="AI4833">
        <v>70064.399109999998</v>
      </c>
      <c r="AJ4833">
        <v>19281.775310000001</v>
      </c>
      <c r="AK4833">
        <v>31828.563109999999</v>
      </c>
      <c r="AL4833">
        <v>68836.486789999995</v>
      </c>
      <c r="AM4833">
        <v>14696.261259999999</v>
      </c>
      <c r="AN4833">
        <v>84511.646720000004</v>
      </c>
      <c r="AO4833">
        <v>20276.577860000001</v>
      </c>
      <c r="AP4833">
        <v>17679.92066</v>
      </c>
    </row>
    <row r="4834" spans="2:42" x14ac:dyDescent="0.3">
      <c r="B4834">
        <v>51.823973049639328</v>
      </c>
      <c r="C4834" s="83">
        <v>43302.333333333336</v>
      </c>
      <c r="D4834">
        <v>184882.45060000001</v>
      </c>
      <c r="E4834">
        <v>20889.051210000001</v>
      </c>
      <c r="F4834">
        <v>90546.724610000005</v>
      </c>
      <c r="G4834">
        <v>29367.135480000001</v>
      </c>
      <c r="H4834">
        <v>34882.152909999997</v>
      </c>
      <c r="I4834">
        <v>27231.083149999999</v>
      </c>
      <c r="J4834">
        <v>48011.192260000003</v>
      </c>
      <c r="K4834">
        <v>46976.911379999998</v>
      </c>
      <c r="L4834">
        <v>22738.899089999999</v>
      </c>
      <c r="M4834">
        <v>264222.78230000002</v>
      </c>
      <c r="N4834">
        <v>71002.701889999997</v>
      </c>
      <c r="O4834">
        <v>21825.646349999999</v>
      </c>
      <c r="P4834">
        <v>35228.763890000002</v>
      </c>
      <c r="Q4834">
        <v>67996.630390000006</v>
      </c>
      <c r="R4834">
        <v>16771.092489999999</v>
      </c>
      <c r="S4834">
        <v>89074.428020000007</v>
      </c>
      <c r="T4834">
        <v>21425.770069999999</v>
      </c>
      <c r="U4834">
        <v>17841.098999999998</v>
      </c>
      <c r="W4834" s="83">
        <f>Bühler!N4866</f>
        <v>45493.333333321614</v>
      </c>
      <c r="X4834" s="83">
        <v>43302.333333333336</v>
      </c>
      <c r="Y4834">
        <v>184882.45060000001</v>
      </c>
      <c r="Z4834">
        <v>20889.051210000001</v>
      </c>
      <c r="AA4834">
        <v>90546.724610000005</v>
      </c>
      <c r="AB4834">
        <v>29367.135480000001</v>
      </c>
      <c r="AC4834">
        <v>34882.152909999997</v>
      </c>
      <c r="AD4834">
        <v>27231.083149999999</v>
      </c>
      <c r="AE4834">
        <v>48011.192260000003</v>
      </c>
      <c r="AF4834">
        <v>46976.911379999998</v>
      </c>
      <c r="AG4834">
        <v>22738.899089999999</v>
      </c>
      <c r="AH4834">
        <v>264222.78230000002</v>
      </c>
      <c r="AI4834">
        <v>71002.701889999997</v>
      </c>
      <c r="AJ4834">
        <v>21825.646349999999</v>
      </c>
      <c r="AK4834">
        <v>35228.763890000002</v>
      </c>
      <c r="AL4834">
        <v>67996.630390000006</v>
      </c>
      <c r="AM4834">
        <v>16771.092489999999</v>
      </c>
      <c r="AN4834">
        <v>89074.428020000007</v>
      </c>
      <c r="AO4834">
        <v>21425.770069999999</v>
      </c>
      <c r="AP4834">
        <v>17841.098999999998</v>
      </c>
    </row>
    <row r="4835" spans="2:42" x14ac:dyDescent="0.3">
      <c r="B4835">
        <v>51.314367586792741</v>
      </c>
      <c r="C4835" s="83">
        <v>43302.375</v>
      </c>
      <c r="D4835">
        <v>184466.59030000001</v>
      </c>
      <c r="E4835">
        <v>25543.133430000002</v>
      </c>
      <c r="F4835">
        <v>98578.705249999999</v>
      </c>
      <c r="G4835">
        <v>30031.88363</v>
      </c>
      <c r="H4835">
        <v>36093.702969999998</v>
      </c>
      <c r="I4835">
        <v>27560.177629999998</v>
      </c>
      <c r="J4835">
        <v>49930.42585</v>
      </c>
      <c r="K4835">
        <v>48459.653160000002</v>
      </c>
      <c r="L4835">
        <v>28257.564119999999</v>
      </c>
      <c r="M4835">
        <v>261624.576</v>
      </c>
      <c r="N4835">
        <v>73380.347080000007</v>
      </c>
      <c r="O4835">
        <v>23732.000069999998</v>
      </c>
      <c r="P4835">
        <v>37853.212119999997</v>
      </c>
      <c r="Q4835">
        <v>67600.549039999998</v>
      </c>
      <c r="R4835">
        <v>17528.24813</v>
      </c>
      <c r="S4835">
        <v>92954.317880000002</v>
      </c>
      <c r="T4835">
        <v>23205.083559999999</v>
      </c>
      <c r="U4835">
        <v>18439.983489999999</v>
      </c>
      <c r="W4835" s="83">
        <f>Bühler!N4867</f>
        <v>45493.374999988278</v>
      </c>
      <c r="X4835" s="83">
        <v>43302.375</v>
      </c>
      <c r="Y4835">
        <v>184466.59030000001</v>
      </c>
      <c r="Z4835">
        <v>25543.133430000002</v>
      </c>
      <c r="AA4835">
        <v>98578.705249999999</v>
      </c>
      <c r="AB4835">
        <v>30031.88363</v>
      </c>
      <c r="AC4835">
        <v>36093.702969999998</v>
      </c>
      <c r="AD4835">
        <v>27560.177629999998</v>
      </c>
      <c r="AE4835">
        <v>49930.42585</v>
      </c>
      <c r="AF4835">
        <v>48459.653160000002</v>
      </c>
      <c r="AG4835">
        <v>28257.564119999999</v>
      </c>
      <c r="AH4835">
        <v>261624.576</v>
      </c>
      <c r="AI4835">
        <v>73380.347080000007</v>
      </c>
      <c r="AJ4835">
        <v>23732.000069999998</v>
      </c>
      <c r="AK4835">
        <v>37853.212119999997</v>
      </c>
      <c r="AL4835">
        <v>67600.549039999998</v>
      </c>
      <c r="AM4835">
        <v>17528.24813</v>
      </c>
      <c r="AN4835">
        <v>92954.317880000002</v>
      </c>
      <c r="AO4835">
        <v>23205.083559999999</v>
      </c>
      <c r="AP4835">
        <v>18439.983489999999</v>
      </c>
    </row>
    <row r="4836" spans="2:42" x14ac:dyDescent="0.3">
      <c r="B4836">
        <v>50.886484267833097</v>
      </c>
      <c r="C4836" s="83">
        <v>43302.416666666664</v>
      </c>
      <c r="D4836">
        <v>184069.44500000001</v>
      </c>
      <c r="E4836">
        <v>27754.852060000001</v>
      </c>
      <c r="F4836">
        <v>100794.8318</v>
      </c>
      <c r="G4836">
        <v>30840.833589999998</v>
      </c>
      <c r="H4836">
        <v>36798.543360000003</v>
      </c>
      <c r="I4836">
        <v>28124.54477</v>
      </c>
      <c r="J4836">
        <v>50226.445520000001</v>
      </c>
      <c r="K4836">
        <v>51244.742290000002</v>
      </c>
      <c r="L4836">
        <v>32305.460220000001</v>
      </c>
      <c r="M4836">
        <v>259443.02729999999</v>
      </c>
      <c r="N4836">
        <v>76776.27936</v>
      </c>
      <c r="O4836">
        <v>23888.55687</v>
      </c>
      <c r="P4836">
        <v>39872.436000000002</v>
      </c>
      <c r="Q4836">
        <v>67619.034580000007</v>
      </c>
      <c r="R4836">
        <v>18514.589660000001</v>
      </c>
      <c r="S4836">
        <v>94501.571930000006</v>
      </c>
      <c r="T4836">
        <v>25150.302090000001</v>
      </c>
      <c r="U4836">
        <v>18292.64559</v>
      </c>
      <c r="W4836" s="83">
        <f>Bühler!N4868</f>
        <v>45493.416666654943</v>
      </c>
      <c r="X4836" s="83">
        <v>43302.416666666664</v>
      </c>
      <c r="Y4836">
        <v>184069.44500000001</v>
      </c>
      <c r="Z4836">
        <v>27754.852060000001</v>
      </c>
      <c r="AA4836">
        <v>100794.8318</v>
      </c>
      <c r="AB4836">
        <v>30840.833589999998</v>
      </c>
      <c r="AC4836">
        <v>36798.543360000003</v>
      </c>
      <c r="AD4836">
        <v>28124.54477</v>
      </c>
      <c r="AE4836">
        <v>50226.445520000001</v>
      </c>
      <c r="AF4836">
        <v>51244.742290000002</v>
      </c>
      <c r="AG4836">
        <v>32305.460220000001</v>
      </c>
      <c r="AH4836">
        <v>259443.02729999999</v>
      </c>
      <c r="AI4836">
        <v>76776.27936</v>
      </c>
      <c r="AJ4836">
        <v>23888.55687</v>
      </c>
      <c r="AK4836">
        <v>39872.436000000002</v>
      </c>
      <c r="AL4836">
        <v>67619.034580000007</v>
      </c>
      <c r="AM4836">
        <v>18514.589660000001</v>
      </c>
      <c r="AN4836">
        <v>94501.571930000006</v>
      </c>
      <c r="AO4836">
        <v>25150.302090000001</v>
      </c>
      <c r="AP4836">
        <v>18292.64559</v>
      </c>
    </row>
    <row r="4837" spans="2:42" x14ac:dyDescent="0.3">
      <c r="B4837">
        <v>50.803244432255951</v>
      </c>
      <c r="C4837" s="83">
        <v>43302.458333333336</v>
      </c>
      <c r="D4837">
        <v>180942.799</v>
      </c>
      <c r="E4837">
        <v>28066.942139999999</v>
      </c>
      <c r="F4837">
        <v>103275.3122</v>
      </c>
      <c r="G4837">
        <v>30975.0795</v>
      </c>
      <c r="H4837">
        <v>37504.732470000003</v>
      </c>
      <c r="I4837">
        <v>28716.666679999998</v>
      </c>
      <c r="J4837">
        <v>50658.619619999998</v>
      </c>
      <c r="K4837">
        <v>53428.871220000001</v>
      </c>
      <c r="L4837">
        <v>33508.092640000003</v>
      </c>
      <c r="M4837">
        <v>259018.6318</v>
      </c>
      <c r="N4837">
        <v>76756.357229999994</v>
      </c>
      <c r="O4837">
        <v>23592.914089999998</v>
      </c>
      <c r="P4837">
        <v>39899.100409999999</v>
      </c>
      <c r="Q4837">
        <v>66660.98388</v>
      </c>
      <c r="R4837">
        <v>20322.35973</v>
      </c>
      <c r="S4837">
        <v>98401.9424</v>
      </c>
      <c r="T4837">
        <v>26068.69774</v>
      </c>
      <c r="U4837">
        <v>17968.978569999999</v>
      </c>
      <c r="W4837" s="83">
        <f>Bühler!N4869</f>
        <v>45493.458333321607</v>
      </c>
      <c r="X4837" s="83">
        <v>43302.458333333336</v>
      </c>
      <c r="Y4837">
        <v>180942.799</v>
      </c>
      <c r="Z4837">
        <v>28066.942139999999</v>
      </c>
      <c r="AA4837">
        <v>103275.3122</v>
      </c>
      <c r="AB4837">
        <v>30975.0795</v>
      </c>
      <c r="AC4837">
        <v>37504.732470000003</v>
      </c>
      <c r="AD4837">
        <v>28716.666679999998</v>
      </c>
      <c r="AE4837">
        <v>50658.619619999998</v>
      </c>
      <c r="AF4837">
        <v>53428.871220000001</v>
      </c>
      <c r="AG4837">
        <v>33508.092640000003</v>
      </c>
      <c r="AH4837">
        <v>259018.6318</v>
      </c>
      <c r="AI4837">
        <v>76756.357229999994</v>
      </c>
      <c r="AJ4837">
        <v>23592.914089999998</v>
      </c>
      <c r="AK4837">
        <v>39899.100409999999</v>
      </c>
      <c r="AL4837">
        <v>66660.98388</v>
      </c>
      <c r="AM4837">
        <v>20322.35973</v>
      </c>
      <c r="AN4837">
        <v>98401.9424</v>
      </c>
      <c r="AO4837">
        <v>26068.69774</v>
      </c>
      <c r="AP4837">
        <v>17968.978569999999</v>
      </c>
    </row>
    <row r="4838" spans="2:42" x14ac:dyDescent="0.3">
      <c r="B4838">
        <v>49.556961928101423</v>
      </c>
      <c r="C4838" s="83">
        <v>43302.5</v>
      </c>
      <c r="D4838">
        <v>175443.4161</v>
      </c>
      <c r="E4838">
        <v>26941.63739</v>
      </c>
      <c r="F4838">
        <v>103169.0033</v>
      </c>
      <c r="G4838">
        <v>31038.952829999998</v>
      </c>
      <c r="H4838">
        <v>37163.192170000002</v>
      </c>
      <c r="I4838">
        <v>28872.122200000002</v>
      </c>
      <c r="J4838">
        <v>51779.62111</v>
      </c>
      <c r="K4838">
        <v>53066.082629999997</v>
      </c>
      <c r="L4838">
        <v>35928.06495</v>
      </c>
      <c r="M4838">
        <v>252664.5024</v>
      </c>
      <c r="N4838">
        <v>78140.625740000003</v>
      </c>
      <c r="O4838">
        <v>22358.50129</v>
      </c>
      <c r="P4838">
        <v>39600.063450000001</v>
      </c>
      <c r="Q4838">
        <v>64556.029000000002</v>
      </c>
      <c r="R4838">
        <v>19872.586309999999</v>
      </c>
      <c r="S4838">
        <v>94251.855429999996</v>
      </c>
      <c r="T4838">
        <v>26073.346269999998</v>
      </c>
      <c r="U4838">
        <v>16983.862870000001</v>
      </c>
      <c r="W4838" s="83">
        <f>Bühler!N4870</f>
        <v>45493.499999988271</v>
      </c>
      <c r="X4838" s="83">
        <v>43302.5</v>
      </c>
      <c r="Y4838">
        <v>175443.4161</v>
      </c>
      <c r="Z4838">
        <v>26941.63739</v>
      </c>
      <c r="AA4838">
        <v>103169.0033</v>
      </c>
      <c r="AB4838">
        <v>31038.952829999998</v>
      </c>
      <c r="AC4838">
        <v>37163.192170000002</v>
      </c>
      <c r="AD4838">
        <v>28872.122200000002</v>
      </c>
      <c r="AE4838">
        <v>51779.62111</v>
      </c>
      <c r="AF4838">
        <v>53066.082629999997</v>
      </c>
      <c r="AG4838">
        <v>35928.06495</v>
      </c>
      <c r="AH4838">
        <v>252664.5024</v>
      </c>
      <c r="AI4838">
        <v>78140.625740000003</v>
      </c>
      <c r="AJ4838">
        <v>22358.50129</v>
      </c>
      <c r="AK4838">
        <v>39600.063450000001</v>
      </c>
      <c r="AL4838">
        <v>64556.029000000002</v>
      </c>
      <c r="AM4838">
        <v>19872.586309999999</v>
      </c>
      <c r="AN4838">
        <v>94251.855429999996</v>
      </c>
      <c r="AO4838">
        <v>26073.346269999998</v>
      </c>
      <c r="AP4838">
        <v>16983.862870000001</v>
      </c>
    </row>
    <row r="4839" spans="2:42" x14ac:dyDescent="0.3">
      <c r="B4839">
        <v>48.959192972578414</v>
      </c>
      <c r="C4839" s="83">
        <v>43302.541666666664</v>
      </c>
      <c r="D4839">
        <v>172958.63500000001</v>
      </c>
      <c r="E4839">
        <v>26607.0723</v>
      </c>
      <c r="F4839">
        <v>102880.5214</v>
      </c>
      <c r="G4839">
        <v>31025.132509999999</v>
      </c>
      <c r="H4839">
        <v>37136.56525</v>
      </c>
      <c r="I4839">
        <v>28688.406660000001</v>
      </c>
      <c r="J4839">
        <v>51320.909619999999</v>
      </c>
      <c r="K4839">
        <v>53054.771099999998</v>
      </c>
      <c r="L4839">
        <v>36132.662170000003</v>
      </c>
      <c r="M4839">
        <v>249616.79749999999</v>
      </c>
      <c r="N4839">
        <v>78616.532810000004</v>
      </c>
      <c r="O4839">
        <v>22013.099389999999</v>
      </c>
      <c r="P4839">
        <v>39472.07344</v>
      </c>
      <c r="Q4839">
        <v>62221.062899999997</v>
      </c>
      <c r="R4839">
        <v>19129.8158</v>
      </c>
      <c r="S4839">
        <v>96780.561360000007</v>
      </c>
      <c r="T4839">
        <v>26055.90625</v>
      </c>
      <c r="U4839">
        <v>16778.475139999999</v>
      </c>
      <c r="W4839" s="83">
        <f>Bühler!N4871</f>
        <v>45493.541666654935</v>
      </c>
      <c r="X4839" s="83">
        <v>43302.541666666664</v>
      </c>
      <c r="Y4839">
        <v>172958.63500000001</v>
      </c>
      <c r="Z4839">
        <v>26607.0723</v>
      </c>
      <c r="AA4839">
        <v>102880.5214</v>
      </c>
      <c r="AB4839">
        <v>31025.132509999999</v>
      </c>
      <c r="AC4839">
        <v>37136.56525</v>
      </c>
      <c r="AD4839">
        <v>28688.406660000001</v>
      </c>
      <c r="AE4839">
        <v>51320.909619999999</v>
      </c>
      <c r="AF4839">
        <v>53054.771099999998</v>
      </c>
      <c r="AG4839">
        <v>36132.662170000003</v>
      </c>
      <c r="AH4839">
        <v>249616.79749999999</v>
      </c>
      <c r="AI4839">
        <v>78616.532810000004</v>
      </c>
      <c r="AJ4839">
        <v>22013.099389999999</v>
      </c>
      <c r="AK4839">
        <v>39472.07344</v>
      </c>
      <c r="AL4839">
        <v>62221.062899999997</v>
      </c>
      <c r="AM4839">
        <v>19129.8158</v>
      </c>
      <c r="AN4839">
        <v>96780.561360000007</v>
      </c>
      <c r="AO4839">
        <v>26055.90625</v>
      </c>
      <c r="AP4839">
        <v>16778.475139999999</v>
      </c>
    </row>
    <row r="4840" spans="2:42" x14ac:dyDescent="0.3">
      <c r="B4840">
        <v>48.124959751305724</v>
      </c>
      <c r="C4840" s="83">
        <v>43302.583333333336</v>
      </c>
      <c r="D4840">
        <v>172061.98680000001</v>
      </c>
      <c r="E4840">
        <v>27725.660110000001</v>
      </c>
      <c r="F4840">
        <v>103517.74159999999</v>
      </c>
      <c r="G4840">
        <v>31361.196199999998</v>
      </c>
      <c r="H4840">
        <v>37427.069759999998</v>
      </c>
      <c r="I4840">
        <v>29086.864320000001</v>
      </c>
      <c r="J4840">
        <v>52268.52968</v>
      </c>
      <c r="K4840">
        <v>52735.873269999996</v>
      </c>
      <c r="L4840">
        <v>34540.838900000002</v>
      </c>
      <c r="M4840">
        <v>245363.48749999999</v>
      </c>
      <c r="N4840">
        <v>79791.623829999997</v>
      </c>
      <c r="O4840">
        <v>22754.434280000001</v>
      </c>
      <c r="P4840">
        <v>36751.670839999999</v>
      </c>
      <c r="Q4840">
        <v>61087.87141</v>
      </c>
      <c r="R4840">
        <v>19413.19814</v>
      </c>
      <c r="S4840">
        <v>95552.675350000005</v>
      </c>
      <c r="T4840">
        <v>26029.179390000001</v>
      </c>
      <c r="U4840">
        <v>17076.867030000001</v>
      </c>
      <c r="W4840" s="83">
        <f>Bühler!N4872</f>
        <v>45493.5833333216</v>
      </c>
      <c r="X4840" s="83">
        <v>43302.583333333336</v>
      </c>
      <c r="Y4840">
        <v>172061.98680000001</v>
      </c>
      <c r="Z4840">
        <v>27725.660110000001</v>
      </c>
      <c r="AA4840">
        <v>103517.74159999999</v>
      </c>
      <c r="AB4840">
        <v>31361.196199999998</v>
      </c>
      <c r="AC4840">
        <v>37427.069759999998</v>
      </c>
      <c r="AD4840">
        <v>29086.864320000001</v>
      </c>
      <c r="AE4840">
        <v>52268.52968</v>
      </c>
      <c r="AF4840">
        <v>52735.873269999996</v>
      </c>
      <c r="AG4840">
        <v>34540.838900000002</v>
      </c>
      <c r="AH4840">
        <v>245363.48749999999</v>
      </c>
      <c r="AI4840">
        <v>79791.623829999997</v>
      </c>
      <c r="AJ4840">
        <v>22754.434280000001</v>
      </c>
      <c r="AK4840">
        <v>36751.670839999999</v>
      </c>
      <c r="AL4840">
        <v>61087.87141</v>
      </c>
      <c r="AM4840">
        <v>19413.19814</v>
      </c>
      <c r="AN4840">
        <v>95552.675350000005</v>
      </c>
      <c r="AO4840">
        <v>26029.179390000001</v>
      </c>
      <c r="AP4840">
        <v>17076.867030000001</v>
      </c>
    </row>
    <row r="4841" spans="2:42" x14ac:dyDescent="0.3">
      <c r="B4841">
        <v>47.595719540814308</v>
      </c>
      <c r="C4841" s="83">
        <v>43302.625</v>
      </c>
      <c r="D4841">
        <v>171879.93470000001</v>
      </c>
      <c r="E4841">
        <v>27954.318370000001</v>
      </c>
      <c r="F4841">
        <v>105055.24490000001</v>
      </c>
      <c r="G4841">
        <v>31496.596539999999</v>
      </c>
      <c r="H4841">
        <v>37415.849920000001</v>
      </c>
      <c r="I4841">
        <v>29668.099620000001</v>
      </c>
      <c r="J4841">
        <v>52205.587570000003</v>
      </c>
      <c r="K4841">
        <v>51151.852079999997</v>
      </c>
      <c r="L4841">
        <v>32709.438330000001</v>
      </c>
      <c r="M4841">
        <v>242665.1741</v>
      </c>
      <c r="N4841">
        <v>80233.078609999997</v>
      </c>
      <c r="O4841">
        <v>21772.096300000001</v>
      </c>
      <c r="P4841">
        <v>34611.352480000001</v>
      </c>
      <c r="Q4841">
        <v>60740.713349999998</v>
      </c>
      <c r="R4841">
        <v>20115.293030000001</v>
      </c>
      <c r="S4841">
        <v>94963.379480000003</v>
      </c>
      <c r="T4841">
        <v>26606.934949999999</v>
      </c>
      <c r="U4841">
        <v>17074.586449999999</v>
      </c>
      <c r="W4841" s="83">
        <f>Bühler!N4873</f>
        <v>45493.624999988264</v>
      </c>
      <c r="X4841" s="83">
        <v>43302.625</v>
      </c>
      <c r="Y4841">
        <v>171879.93470000001</v>
      </c>
      <c r="Z4841">
        <v>27954.318370000001</v>
      </c>
      <c r="AA4841">
        <v>105055.24490000001</v>
      </c>
      <c r="AB4841">
        <v>31496.596539999999</v>
      </c>
      <c r="AC4841">
        <v>37415.849920000001</v>
      </c>
      <c r="AD4841">
        <v>29668.099620000001</v>
      </c>
      <c r="AE4841">
        <v>52205.587570000003</v>
      </c>
      <c r="AF4841">
        <v>51151.852079999997</v>
      </c>
      <c r="AG4841">
        <v>32709.438330000001</v>
      </c>
      <c r="AH4841">
        <v>242665.1741</v>
      </c>
      <c r="AI4841">
        <v>80233.078609999997</v>
      </c>
      <c r="AJ4841">
        <v>21772.096300000001</v>
      </c>
      <c r="AK4841">
        <v>34611.352480000001</v>
      </c>
      <c r="AL4841">
        <v>60740.713349999998</v>
      </c>
      <c r="AM4841">
        <v>20115.293030000001</v>
      </c>
      <c r="AN4841">
        <v>94963.379480000003</v>
      </c>
      <c r="AO4841">
        <v>26606.934949999999</v>
      </c>
      <c r="AP4841">
        <v>17074.586449999999</v>
      </c>
    </row>
    <row r="4842" spans="2:42" x14ac:dyDescent="0.3">
      <c r="B4842">
        <v>46.546262911872894</v>
      </c>
      <c r="C4842" s="83">
        <v>43302.666666666664</v>
      </c>
      <c r="D4842">
        <v>171129.2623</v>
      </c>
      <c r="E4842">
        <v>27912.430489999999</v>
      </c>
      <c r="F4842">
        <v>104053.7993</v>
      </c>
      <c r="G4842">
        <v>31406.110509999999</v>
      </c>
      <c r="H4842">
        <v>37308.742149999998</v>
      </c>
      <c r="I4842">
        <v>29415.19786</v>
      </c>
      <c r="J4842">
        <v>51754.654000000002</v>
      </c>
      <c r="K4842">
        <v>50449.769269999997</v>
      </c>
      <c r="L4842">
        <v>32382.003130000001</v>
      </c>
      <c r="M4842">
        <v>237314.55480000001</v>
      </c>
      <c r="N4842">
        <v>80671.389230000001</v>
      </c>
      <c r="O4842">
        <v>20612.211899999998</v>
      </c>
      <c r="P4842">
        <v>34710.651230000003</v>
      </c>
      <c r="Q4842">
        <v>60823.370040000002</v>
      </c>
      <c r="R4842">
        <v>20178.532889999999</v>
      </c>
      <c r="S4842">
        <v>95928.86189</v>
      </c>
      <c r="T4842">
        <v>26949.181280000001</v>
      </c>
      <c r="U4842">
        <v>17755.020100000002</v>
      </c>
      <c r="W4842" s="83">
        <f>Bühler!N4874</f>
        <v>45493.666666654928</v>
      </c>
      <c r="X4842" s="83">
        <v>43302.666666666664</v>
      </c>
      <c r="Y4842">
        <v>171129.2623</v>
      </c>
      <c r="Z4842">
        <v>27912.430489999999</v>
      </c>
      <c r="AA4842">
        <v>104053.7993</v>
      </c>
      <c r="AB4842">
        <v>31406.110509999999</v>
      </c>
      <c r="AC4842">
        <v>37308.742149999998</v>
      </c>
      <c r="AD4842">
        <v>29415.19786</v>
      </c>
      <c r="AE4842">
        <v>51754.654000000002</v>
      </c>
      <c r="AF4842">
        <v>50449.769269999997</v>
      </c>
      <c r="AG4842">
        <v>32382.003130000001</v>
      </c>
      <c r="AH4842">
        <v>237314.55480000001</v>
      </c>
      <c r="AI4842">
        <v>80671.389230000001</v>
      </c>
      <c r="AJ4842">
        <v>20612.211899999998</v>
      </c>
      <c r="AK4842">
        <v>34710.651230000003</v>
      </c>
      <c r="AL4842">
        <v>60823.370040000002</v>
      </c>
      <c r="AM4842">
        <v>20178.532889999999</v>
      </c>
      <c r="AN4842">
        <v>95928.86189</v>
      </c>
      <c r="AO4842">
        <v>26949.181280000001</v>
      </c>
      <c r="AP4842">
        <v>17755.020100000002</v>
      </c>
    </row>
    <row r="4843" spans="2:42" x14ac:dyDescent="0.3">
      <c r="B4843">
        <v>45.541402399636006</v>
      </c>
      <c r="C4843" s="83">
        <v>43302.708333333336</v>
      </c>
      <c r="D4843">
        <v>168056.23079999999</v>
      </c>
      <c r="E4843">
        <v>27403.304749999999</v>
      </c>
      <c r="F4843">
        <v>103191.4522</v>
      </c>
      <c r="G4843">
        <v>31265.228090000001</v>
      </c>
      <c r="H4843">
        <v>37318.472289999998</v>
      </c>
      <c r="I4843">
        <v>29250.146659999999</v>
      </c>
      <c r="J4843">
        <v>52843.320549999997</v>
      </c>
      <c r="K4843">
        <v>49559.370739999998</v>
      </c>
      <c r="L4843">
        <v>32229.99206</v>
      </c>
      <c r="M4843">
        <v>232191.30729999999</v>
      </c>
      <c r="N4843">
        <v>79308.348689999999</v>
      </c>
      <c r="O4843">
        <v>21202.228429999999</v>
      </c>
      <c r="P4843">
        <v>36748.154329999998</v>
      </c>
      <c r="Q4843">
        <v>59772.336060000001</v>
      </c>
      <c r="R4843">
        <v>21965.99811</v>
      </c>
      <c r="S4843">
        <v>96529.86838</v>
      </c>
      <c r="T4843">
        <v>26291.388859999999</v>
      </c>
      <c r="U4843">
        <v>17550.008709999998</v>
      </c>
      <c r="W4843" s="83">
        <f>Bühler!N4875</f>
        <v>45493.708333321592</v>
      </c>
      <c r="X4843" s="83">
        <v>43302.708333333336</v>
      </c>
      <c r="Y4843">
        <v>168056.23079999999</v>
      </c>
      <c r="Z4843">
        <v>27403.304749999999</v>
      </c>
      <c r="AA4843">
        <v>103191.4522</v>
      </c>
      <c r="AB4843">
        <v>31265.228090000001</v>
      </c>
      <c r="AC4843">
        <v>37318.472289999998</v>
      </c>
      <c r="AD4843">
        <v>29250.146659999999</v>
      </c>
      <c r="AE4843">
        <v>52843.320549999997</v>
      </c>
      <c r="AF4843">
        <v>49559.370739999998</v>
      </c>
      <c r="AG4843">
        <v>32229.99206</v>
      </c>
      <c r="AH4843">
        <v>232191.30729999999</v>
      </c>
      <c r="AI4843">
        <v>79308.348689999999</v>
      </c>
      <c r="AJ4843">
        <v>21202.228429999999</v>
      </c>
      <c r="AK4843">
        <v>36748.154329999998</v>
      </c>
      <c r="AL4843">
        <v>59772.336060000001</v>
      </c>
      <c r="AM4843">
        <v>21965.99811</v>
      </c>
      <c r="AN4843">
        <v>96529.86838</v>
      </c>
      <c r="AO4843">
        <v>26291.388859999999</v>
      </c>
      <c r="AP4843">
        <v>17550.008709999998</v>
      </c>
    </row>
    <row r="4844" spans="2:42" x14ac:dyDescent="0.3">
      <c r="B4844">
        <v>44.655823875199154</v>
      </c>
      <c r="C4844" s="83">
        <v>43302.75</v>
      </c>
      <c r="D4844">
        <v>165967.3003</v>
      </c>
      <c r="E4844">
        <v>26294.889449999999</v>
      </c>
      <c r="F4844">
        <v>100732.6406</v>
      </c>
      <c r="G4844">
        <v>31148.315780000001</v>
      </c>
      <c r="H4844">
        <v>36968.38953</v>
      </c>
      <c r="I4844">
        <v>29020.135460000001</v>
      </c>
      <c r="J4844">
        <v>53893.030850000003</v>
      </c>
      <c r="K4844">
        <v>49880.800020000002</v>
      </c>
      <c r="L4844">
        <v>33712.451240000002</v>
      </c>
      <c r="M4844">
        <v>227676.215</v>
      </c>
      <c r="N4844">
        <v>77644.860539999994</v>
      </c>
      <c r="O4844">
        <v>21272.205910000001</v>
      </c>
      <c r="P4844">
        <v>40367.438439999998</v>
      </c>
      <c r="Q4844">
        <v>57810.734980000001</v>
      </c>
      <c r="R4844">
        <v>20371.352749999998</v>
      </c>
      <c r="S4844">
        <v>94176.962419999996</v>
      </c>
      <c r="T4844">
        <v>25749.724409999999</v>
      </c>
      <c r="U4844">
        <v>17152.578600000001</v>
      </c>
      <c r="W4844" s="83">
        <f>Bühler!N4876</f>
        <v>45493.749999988257</v>
      </c>
      <c r="X4844" s="83">
        <v>43302.75</v>
      </c>
      <c r="Y4844">
        <v>165967.3003</v>
      </c>
      <c r="Z4844">
        <v>26294.889449999999</v>
      </c>
      <c r="AA4844">
        <v>100732.6406</v>
      </c>
      <c r="AB4844">
        <v>31148.315780000001</v>
      </c>
      <c r="AC4844">
        <v>36968.38953</v>
      </c>
      <c r="AD4844">
        <v>29020.135460000001</v>
      </c>
      <c r="AE4844">
        <v>53893.030850000003</v>
      </c>
      <c r="AF4844">
        <v>49880.800020000002</v>
      </c>
      <c r="AG4844">
        <v>33712.451240000002</v>
      </c>
      <c r="AH4844">
        <v>227676.215</v>
      </c>
      <c r="AI4844">
        <v>77644.860539999994</v>
      </c>
      <c r="AJ4844">
        <v>21272.205910000001</v>
      </c>
      <c r="AK4844">
        <v>40367.438439999998</v>
      </c>
      <c r="AL4844">
        <v>57810.734980000001</v>
      </c>
      <c r="AM4844">
        <v>20371.352749999998</v>
      </c>
      <c r="AN4844">
        <v>94176.962419999996</v>
      </c>
      <c r="AO4844">
        <v>25749.724409999999</v>
      </c>
      <c r="AP4844">
        <v>17152.578600000001</v>
      </c>
    </row>
    <row r="4845" spans="2:42" x14ac:dyDescent="0.3">
      <c r="B4845">
        <v>43.969937519291847</v>
      </c>
      <c r="C4845" s="83">
        <v>43302.791666666664</v>
      </c>
      <c r="D4845">
        <v>165105.31539999999</v>
      </c>
      <c r="E4845">
        <v>21762.67354</v>
      </c>
      <c r="F4845">
        <v>89951.042350000003</v>
      </c>
      <c r="G4845">
        <v>30722.87516</v>
      </c>
      <c r="H4845">
        <v>35952.927080000001</v>
      </c>
      <c r="I4845">
        <v>29126.689969999999</v>
      </c>
      <c r="J4845">
        <v>53435.11636</v>
      </c>
      <c r="K4845">
        <v>50351.835030000002</v>
      </c>
      <c r="L4845">
        <v>33582.327299999997</v>
      </c>
      <c r="M4845">
        <v>224179.24650000001</v>
      </c>
      <c r="N4845">
        <v>76535.894079999998</v>
      </c>
      <c r="O4845">
        <v>19947.65698</v>
      </c>
      <c r="P4845">
        <v>43327.834869999999</v>
      </c>
      <c r="Q4845">
        <v>55629.006589999997</v>
      </c>
      <c r="R4845">
        <v>20095.61274</v>
      </c>
      <c r="S4845">
        <v>92336.682750000007</v>
      </c>
      <c r="T4845">
        <v>24024.459200000001</v>
      </c>
      <c r="U4845">
        <v>17310.454760000001</v>
      </c>
      <c r="W4845" s="83">
        <f>Bühler!N4877</f>
        <v>45493.791666654921</v>
      </c>
      <c r="X4845" s="83">
        <v>43302.791666666664</v>
      </c>
      <c r="Y4845">
        <v>165105.31539999999</v>
      </c>
      <c r="Z4845">
        <v>21762.67354</v>
      </c>
      <c r="AA4845">
        <v>89951.042350000003</v>
      </c>
      <c r="AB4845">
        <v>30722.87516</v>
      </c>
      <c r="AC4845">
        <v>35952.927080000001</v>
      </c>
      <c r="AD4845">
        <v>29126.689969999999</v>
      </c>
      <c r="AE4845">
        <v>53435.11636</v>
      </c>
      <c r="AF4845">
        <v>50351.835030000002</v>
      </c>
      <c r="AG4845">
        <v>33582.327299999997</v>
      </c>
      <c r="AH4845">
        <v>224179.24650000001</v>
      </c>
      <c r="AI4845">
        <v>76535.894079999998</v>
      </c>
      <c r="AJ4845">
        <v>19947.65698</v>
      </c>
      <c r="AK4845">
        <v>43327.834869999999</v>
      </c>
      <c r="AL4845">
        <v>55629.006589999997</v>
      </c>
      <c r="AM4845">
        <v>20095.61274</v>
      </c>
      <c r="AN4845">
        <v>92336.682750000007</v>
      </c>
      <c r="AO4845">
        <v>24024.459200000001</v>
      </c>
      <c r="AP4845">
        <v>17310.454760000001</v>
      </c>
    </row>
    <row r="4846" spans="2:42" x14ac:dyDescent="0.3">
      <c r="B4846">
        <v>42.498344946784606</v>
      </c>
      <c r="C4846" s="83">
        <v>43302.833333333336</v>
      </c>
      <c r="D4846">
        <v>162945.6214</v>
      </c>
      <c r="E4846">
        <v>15709.54384</v>
      </c>
      <c r="F4846">
        <v>70645.338619999995</v>
      </c>
      <c r="G4846">
        <v>29777.190129999999</v>
      </c>
      <c r="H4846">
        <v>34521.913800000002</v>
      </c>
      <c r="I4846">
        <v>27628.325550000001</v>
      </c>
      <c r="J4846">
        <v>52301.647349999999</v>
      </c>
      <c r="K4846">
        <v>51132.536809999998</v>
      </c>
      <c r="L4846">
        <v>32756.84535</v>
      </c>
      <c r="M4846">
        <v>216676.38130000001</v>
      </c>
      <c r="N4846">
        <v>74401.51096</v>
      </c>
      <c r="O4846">
        <v>19665.29362</v>
      </c>
      <c r="P4846">
        <v>42999.443870000003</v>
      </c>
      <c r="Q4846">
        <v>53200.42684</v>
      </c>
      <c r="R4846">
        <v>19313.774890000001</v>
      </c>
      <c r="S4846">
        <v>85809.085550000003</v>
      </c>
      <c r="T4846">
        <v>20998.892189999999</v>
      </c>
      <c r="U4846">
        <v>17419.234100000001</v>
      </c>
      <c r="W4846" s="83">
        <f>Bühler!N4878</f>
        <v>45493.833333321585</v>
      </c>
      <c r="X4846" s="83">
        <v>43302.833333333336</v>
      </c>
      <c r="Y4846">
        <v>162945.6214</v>
      </c>
      <c r="Z4846">
        <v>15709.54384</v>
      </c>
      <c r="AA4846">
        <v>70645.338619999995</v>
      </c>
      <c r="AB4846">
        <v>29777.190129999999</v>
      </c>
      <c r="AC4846">
        <v>34521.913800000002</v>
      </c>
      <c r="AD4846">
        <v>27628.325550000001</v>
      </c>
      <c r="AE4846">
        <v>52301.647349999999</v>
      </c>
      <c r="AF4846">
        <v>51132.536809999998</v>
      </c>
      <c r="AG4846">
        <v>32756.84535</v>
      </c>
      <c r="AH4846">
        <v>216676.38130000001</v>
      </c>
      <c r="AI4846">
        <v>74401.51096</v>
      </c>
      <c r="AJ4846">
        <v>19665.29362</v>
      </c>
      <c r="AK4846">
        <v>42999.443870000003</v>
      </c>
      <c r="AL4846">
        <v>53200.42684</v>
      </c>
      <c r="AM4846">
        <v>19313.774890000001</v>
      </c>
      <c r="AN4846">
        <v>85809.085550000003</v>
      </c>
      <c r="AO4846">
        <v>20998.892189999999</v>
      </c>
      <c r="AP4846">
        <v>17419.234100000001</v>
      </c>
    </row>
    <row r="4847" spans="2:42" x14ac:dyDescent="0.3">
      <c r="B4847">
        <v>41.412421940009125</v>
      </c>
      <c r="C4847" s="83">
        <v>43302.875</v>
      </c>
      <c r="D4847">
        <v>160482.05619999999</v>
      </c>
      <c r="E4847">
        <v>13829.72796</v>
      </c>
      <c r="F4847">
        <v>60796.033360000001</v>
      </c>
      <c r="G4847">
        <v>29203.15108</v>
      </c>
      <c r="H4847">
        <v>33834.709909999998</v>
      </c>
      <c r="I4847">
        <v>26263.61779</v>
      </c>
      <c r="J4847">
        <v>51121.718699999998</v>
      </c>
      <c r="K4847">
        <v>50717.206010000002</v>
      </c>
      <c r="L4847">
        <v>31675.26513</v>
      </c>
      <c r="M4847">
        <v>211139.8394</v>
      </c>
      <c r="N4847">
        <v>74290.948080000002</v>
      </c>
      <c r="O4847">
        <v>18981.78656</v>
      </c>
      <c r="P4847">
        <v>40476.480589999999</v>
      </c>
      <c r="Q4847">
        <v>51433.993580000002</v>
      </c>
      <c r="R4847">
        <v>19057.720109999998</v>
      </c>
      <c r="S4847">
        <v>82863.914999999994</v>
      </c>
      <c r="T4847">
        <v>20786.07084</v>
      </c>
      <c r="U4847">
        <v>17497.282350000001</v>
      </c>
      <c r="W4847" s="83">
        <f>Bühler!N4879</f>
        <v>45493.874999988249</v>
      </c>
      <c r="X4847" s="83">
        <v>43302.875</v>
      </c>
      <c r="Y4847">
        <v>160482.05619999999</v>
      </c>
      <c r="Z4847">
        <v>13829.72796</v>
      </c>
      <c r="AA4847">
        <v>60796.033360000001</v>
      </c>
      <c r="AB4847">
        <v>29203.15108</v>
      </c>
      <c r="AC4847">
        <v>33834.709909999998</v>
      </c>
      <c r="AD4847">
        <v>26263.61779</v>
      </c>
      <c r="AE4847">
        <v>51121.718699999998</v>
      </c>
      <c r="AF4847">
        <v>50717.206010000002</v>
      </c>
      <c r="AG4847">
        <v>31675.26513</v>
      </c>
      <c r="AH4847">
        <v>211139.8394</v>
      </c>
      <c r="AI4847">
        <v>74290.948080000002</v>
      </c>
      <c r="AJ4847">
        <v>18981.78656</v>
      </c>
      <c r="AK4847">
        <v>40476.480589999999</v>
      </c>
      <c r="AL4847">
        <v>51433.993580000002</v>
      </c>
      <c r="AM4847">
        <v>19057.720109999998</v>
      </c>
      <c r="AN4847">
        <v>82863.914999999994</v>
      </c>
      <c r="AO4847">
        <v>20786.07084</v>
      </c>
      <c r="AP4847">
        <v>17497.282350000001</v>
      </c>
    </row>
    <row r="4848" spans="2:42" x14ac:dyDescent="0.3">
      <c r="B4848">
        <v>41.664224700661968</v>
      </c>
      <c r="C4848" s="83">
        <v>43302.916666666664</v>
      </c>
      <c r="D4848">
        <v>160921.70329999999</v>
      </c>
      <c r="E4848">
        <v>13534.378580000001</v>
      </c>
      <c r="F4848">
        <v>58326.559910000004</v>
      </c>
      <c r="G4848">
        <v>29796.576990000001</v>
      </c>
      <c r="H4848">
        <v>35456.793669999999</v>
      </c>
      <c r="I4848">
        <v>25689.563099999999</v>
      </c>
      <c r="J4848">
        <v>50937.078939999999</v>
      </c>
      <c r="K4848">
        <v>55042.271030000004</v>
      </c>
      <c r="L4848">
        <v>29205.04378</v>
      </c>
      <c r="M4848">
        <v>212423.64730000001</v>
      </c>
      <c r="N4848">
        <v>73181.698120000001</v>
      </c>
      <c r="O4848">
        <v>18264.96154</v>
      </c>
      <c r="P4848">
        <v>43217.767879999999</v>
      </c>
      <c r="Q4848">
        <v>51702.223610000001</v>
      </c>
      <c r="R4848">
        <v>20670.42843</v>
      </c>
      <c r="S4848">
        <v>82178.034629999995</v>
      </c>
      <c r="T4848">
        <v>20455.001690000001</v>
      </c>
      <c r="U4848">
        <v>17841.64919</v>
      </c>
      <c r="W4848" s="83">
        <f>Bühler!N4880</f>
        <v>45493.916666654914</v>
      </c>
      <c r="X4848" s="83">
        <v>43302.916666666664</v>
      </c>
      <c r="Y4848">
        <v>160921.70329999999</v>
      </c>
      <c r="Z4848">
        <v>13534.378580000001</v>
      </c>
      <c r="AA4848">
        <v>58326.559910000004</v>
      </c>
      <c r="AB4848">
        <v>29796.576990000001</v>
      </c>
      <c r="AC4848">
        <v>35456.793669999999</v>
      </c>
      <c r="AD4848">
        <v>25689.563099999999</v>
      </c>
      <c r="AE4848">
        <v>50937.078939999999</v>
      </c>
      <c r="AF4848">
        <v>55042.271030000004</v>
      </c>
      <c r="AG4848">
        <v>29205.04378</v>
      </c>
      <c r="AH4848">
        <v>212423.64730000001</v>
      </c>
      <c r="AI4848">
        <v>73181.698120000001</v>
      </c>
      <c r="AJ4848">
        <v>18264.96154</v>
      </c>
      <c r="AK4848">
        <v>43217.767879999999</v>
      </c>
      <c r="AL4848">
        <v>51702.223610000001</v>
      </c>
      <c r="AM4848">
        <v>20670.42843</v>
      </c>
      <c r="AN4848">
        <v>82178.034629999995</v>
      </c>
      <c r="AO4848">
        <v>20455.001690000001</v>
      </c>
      <c r="AP4848">
        <v>17841.64919</v>
      </c>
    </row>
    <row r="4849" spans="2:42" x14ac:dyDescent="0.3">
      <c r="B4849">
        <v>41.609054521801454</v>
      </c>
      <c r="C4849" s="83">
        <v>43302.958333333336</v>
      </c>
      <c r="D4849">
        <v>160708.44810000001</v>
      </c>
      <c r="E4849">
        <v>12725.234990000001</v>
      </c>
      <c r="F4849">
        <v>56088.121570000003</v>
      </c>
      <c r="G4849">
        <v>29617.487939999999</v>
      </c>
      <c r="H4849">
        <v>34615.097609999997</v>
      </c>
      <c r="I4849">
        <v>24881.686600000001</v>
      </c>
      <c r="J4849">
        <v>44985.50402</v>
      </c>
      <c r="K4849">
        <v>53382.589670000001</v>
      </c>
      <c r="L4849">
        <v>24531.859659999998</v>
      </c>
      <c r="M4849">
        <v>212142.364</v>
      </c>
      <c r="N4849">
        <v>72321.501789999995</v>
      </c>
      <c r="O4849">
        <v>18037.149979999998</v>
      </c>
      <c r="P4849">
        <v>37388.959819999996</v>
      </c>
      <c r="Q4849">
        <v>50864.425640000001</v>
      </c>
      <c r="R4849">
        <v>20782.614860000001</v>
      </c>
      <c r="S4849">
        <v>79938.50864</v>
      </c>
      <c r="T4849">
        <v>19670.609489999999</v>
      </c>
      <c r="U4849">
        <v>17254.693770000002</v>
      </c>
      <c r="W4849" s="83">
        <f>Bühler!N4881</f>
        <v>45493.958333321578</v>
      </c>
      <c r="X4849" s="83">
        <v>43302.958333333336</v>
      </c>
      <c r="Y4849">
        <v>160708.44810000001</v>
      </c>
      <c r="Z4849">
        <v>12725.234990000001</v>
      </c>
      <c r="AA4849">
        <v>56088.121570000003</v>
      </c>
      <c r="AB4849">
        <v>29617.487939999999</v>
      </c>
      <c r="AC4849">
        <v>34615.097609999997</v>
      </c>
      <c r="AD4849">
        <v>24881.686600000001</v>
      </c>
      <c r="AE4849">
        <v>44985.50402</v>
      </c>
      <c r="AF4849">
        <v>53382.589670000001</v>
      </c>
      <c r="AG4849">
        <v>24531.859659999998</v>
      </c>
      <c r="AH4849">
        <v>212142.364</v>
      </c>
      <c r="AI4849">
        <v>72321.501789999995</v>
      </c>
      <c r="AJ4849">
        <v>18037.149979999998</v>
      </c>
      <c r="AK4849">
        <v>37388.959819999996</v>
      </c>
      <c r="AL4849">
        <v>50864.425640000001</v>
      </c>
      <c r="AM4849">
        <v>20782.614860000001</v>
      </c>
      <c r="AN4849">
        <v>79938.50864</v>
      </c>
      <c r="AO4849">
        <v>19670.609489999999</v>
      </c>
      <c r="AP4849">
        <v>17254.693770000002</v>
      </c>
    </row>
    <row r="4850" spans="2:42" x14ac:dyDescent="0.3">
      <c r="B4850">
        <v>47.283532994263631</v>
      </c>
      <c r="C4850" s="83">
        <v>43303</v>
      </c>
      <c r="D4850">
        <v>173747.63080000001</v>
      </c>
      <c r="E4850">
        <v>12525.30205</v>
      </c>
      <c r="F4850">
        <v>54706.633779999996</v>
      </c>
      <c r="G4850">
        <v>30211.483069999998</v>
      </c>
      <c r="H4850">
        <v>34475.923069999997</v>
      </c>
      <c r="I4850">
        <v>23012.970959999999</v>
      </c>
      <c r="J4850">
        <v>39770.756939999999</v>
      </c>
      <c r="K4850">
        <v>51910.591180000003</v>
      </c>
      <c r="L4850">
        <v>20546.0036</v>
      </c>
      <c r="M4850">
        <v>241073.50150000001</v>
      </c>
      <c r="N4850">
        <v>73704.138359999997</v>
      </c>
      <c r="O4850">
        <v>17611.583460000002</v>
      </c>
      <c r="P4850">
        <v>31705.797470000001</v>
      </c>
      <c r="Q4850">
        <v>59847.605609999999</v>
      </c>
      <c r="R4850">
        <v>16795.486779999999</v>
      </c>
      <c r="S4850">
        <v>77195.729059999998</v>
      </c>
      <c r="T4850">
        <v>18250.841489999999</v>
      </c>
      <c r="U4850">
        <v>17387.518459999999</v>
      </c>
      <c r="W4850" s="83">
        <f>Bühler!N4882</f>
        <v>45493.999999988242</v>
      </c>
      <c r="X4850" s="83">
        <v>43303</v>
      </c>
      <c r="Y4850">
        <v>173747.63080000001</v>
      </c>
      <c r="Z4850">
        <v>12525.30205</v>
      </c>
      <c r="AA4850">
        <v>54706.633779999996</v>
      </c>
      <c r="AB4850">
        <v>30211.483069999998</v>
      </c>
      <c r="AC4850">
        <v>34475.923069999997</v>
      </c>
      <c r="AD4850">
        <v>23012.970959999999</v>
      </c>
      <c r="AE4850">
        <v>39770.756939999999</v>
      </c>
      <c r="AF4850">
        <v>51910.591180000003</v>
      </c>
      <c r="AG4850">
        <v>20546.0036</v>
      </c>
      <c r="AH4850">
        <v>241073.50150000001</v>
      </c>
      <c r="AI4850">
        <v>73704.138359999997</v>
      </c>
      <c r="AJ4850">
        <v>17611.583460000002</v>
      </c>
      <c r="AK4850">
        <v>31705.797470000001</v>
      </c>
      <c r="AL4850">
        <v>59847.605609999999</v>
      </c>
      <c r="AM4850">
        <v>16795.486779999999</v>
      </c>
      <c r="AN4850">
        <v>77195.729059999998</v>
      </c>
      <c r="AO4850">
        <v>18250.841489999999</v>
      </c>
      <c r="AP4850">
        <v>17387.518459999999</v>
      </c>
    </row>
    <row r="4851" spans="2:42" x14ac:dyDescent="0.3">
      <c r="B4851">
        <v>46.544249424029395</v>
      </c>
      <c r="C4851" s="83">
        <v>43303.041666666664</v>
      </c>
      <c r="D4851">
        <v>172296.89689999999</v>
      </c>
      <c r="E4851">
        <v>12437.545899999999</v>
      </c>
      <c r="F4851">
        <v>53912.932489999999</v>
      </c>
      <c r="G4851">
        <v>29667.586080000001</v>
      </c>
      <c r="H4851">
        <v>33960.424870000003</v>
      </c>
      <c r="I4851">
        <v>19401.886279999999</v>
      </c>
      <c r="J4851">
        <v>37930.891360000001</v>
      </c>
      <c r="K4851">
        <v>50367.036289999996</v>
      </c>
      <c r="L4851">
        <v>18867.25431</v>
      </c>
      <c r="M4851">
        <v>237304.28909999999</v>
      </c>
      <c r="N4851">
        <v>72133.595990000002</v>
      </c>
      <c r="O4851">
        <v>17177.862580000001</v>
      </c>
      <c r="P4851">
        <v>29132.90638</v>
      </c>
      <c r="Q4851">
        <v>59807.956530000003</v>
      </c>
      <c r="R4851">
        <v>14324.233050000001</v>
      </c>
      <c r="S4851">
        <v>75354.982180000006</v>
      </c>
      <c r="T4851">
        <v>17592.276620000001</v>
      </c>
      <c r="U4851">
        <v>16957.95809</v>
      </c>
      <c r="W4851" s="83">
        <f>Bühler!N4883</f>
        <v>45494.041666654906</v>
      </c>
      <c r="X4851" s="83">
        <v>43303.041666666664</v>
      </c>
      <c r="Y4851">
        <v>172296.89689999999</v>
      </c>
      <c r="Z4851">
        <v>12437.545899999999</v>
      </c>
      <c r="AA4851">
        <v>53912.932489999999</v>
      </c>
      <c r="AB4851">
        <v>29667.586080000001</v>
      </c>
      <c r="AC4851">
        <v>33960.424870000003</v>
      </c>
      <c r="AD4851">
        <v>19401.886279999999</v>
      </c>
      <c r="AE4851">
        <v>37930.891360000001</v>
      </c>
      <c r="AF4851">
        <v>50367.036289999996</v>
      </c>
      <c r="AG4851">
        <v>18867.25431</v>
      </c>
      <c r="AH4851">
        <v>237304.28909999999</v>
      </c>
      <c r="AI4851">
        <v>72133.595990000002</v>
      </c>
      <c r="AJ4851">
        <v>17177.862580000001</v>
      </c>
      <c r="AK4851">
        <v>29132.90638</v>
      </c>
      <c r="AL4851">
        <v>59807.956530000003</v>
      </c>
      <c r="AM4851">
        <v>14324.233050000001</v>
      </c>
      <c r="AN4851">
        <v>75354.982180000006</v>
      </c>
      <c r="AO4851">
        <v>17592.276620000001</v>
      </c>
      <c r="AP4851">
        <v>16957.95809</v>
      </c>
    </row>
    <row r="4852" spans="2:42" x14ac:dyDescent="0.3">
      <c r="B4852">
        <v>46.08690589293419</v>
      </c>
      <c r="C4852" s="83">
        <v>43303.083333333336</v>
      </c>
      <c r="D4852">
        <v>171738.56510000001</v>
      </c>
      <c r="E4852">
        <v>12129.79846</v>
      </c>
      <c r="F4852">
        <v>54326.75099</v>
      </c>
      <c r="G4852">
        <v>28740.3943</v>
      </c>
      <c r="H4852">
        <v>33463.904849999999</v>
      </c>
      <c r="I4852">
        <v>17453.97709</v>
      </c>
      <c r="J4852">
        <v>37244.759669999999</v>
      </c>
      <c r="K4852">
        <v>49046.228560000003</v>
      </c>
      <c r="L4852">
        <v>17577.827829999998</v>
      </c>
      <c r="M4852">
        <v>234972.5385</v>
      </c>
      <c r="N4852">
        <v>70492.063370000003</v>
      </c>
      <c r="O4852">
        <v>17272.111349999999</v>
      </c>
      <c r="P4852">
        <v>27079.442780000001</v>
      </c>
      <c r="Q4852">
        <v>60567.776870000002</v>
      </c>
      <c r="R4852">
        <v>14057.255789999999</v>
      </c>
      <c r="S4852">
        <v>74499.648249999998</v>
      </c>
      <c r="T4852">
        <v>17186.714189999999</v>
      </c>
      <c r="U4852">
        <v>16748.589250000001</v>
      </c>
      <c r="W4852" s="83">
        <f>Bühler!N4884</f>
        <v>45494.083333321571</v>
      </c>
      <c r="X4852" s="83">
        <v>43303.083333333336</v>
      </c>
      <c r="Y4852">
        <v>171738.56510000001</v>
      </c>
      <c r="Z4852">
        <v>12129.79846</v>
      </c>
      <c r="AA4852">
        <v>54326.75099</v>
      </c>
      <c r="AB4852">
        <v>28740.3943</v>
      </c>
      <c r="AC4852">
        <v>33463.904849999999</v>
      </c>
      <c r="AD4852">
        <v>17453.97709</v>
      </c>
      <c r="AE4852">
        <v>37244.759669999999</v>
      </c>
      <c r="AF4852">
        <v>49046.228560000003</v>
      </c>
      <c r="AG4852">
        <v>17577.827829999998</v>
      </c>
      <c r="AH4852">
        <v>234972.5385</v>
      </c>
      <c r="AI4852">
        <v>70492.063370000003</v>
      </c>
      <c r="AJ4852">
        <v>17272.111349999999</v>
      </c>
      <c r="AK4852">
        <v>27079.442780000001</v>
      </c>
      <c r="AL4852">
        <v>60567.776870000002</v>
      </c>
      <c r="AM4852">
        <v>14057.255789999999</v>
      </c>
      <c r="AN4852">
        <v>74499.648249999998</v>
      </c>
      <c r="AO4852">
        <v>17186.714189999999</v>
      </c>
      <c r="AP4852">
        <v>16748.589250000001</v>
      </c>
    </row>
    <row r="4853" spans="2:42" x14ac:dyDescent="0.3">
      <c r="B4853">
        <v>45.682070504885267</v>
      </c>
      <c r="C4853" s="83">
        <v>43303.125</v>
      </c>
      <c r="D4853">
        <v>170238.5233</v>
      </c>
      <c r="E4853">
        <v>12037.022569999999</v>
      </c>
      <c r="F4853">
        <v>54335.953070000003</v>
      </c>
      <c r="G4853">
        <v>27828.764640000001</v>
      </c>
      <c r="H4853">
        <v>32974.955029999997</v>
      </c>
      <c r="I4853">
        <v>16767.68492</v>
      </c>
      <c r="J4853">
        <v>36581.105280000003</v>
      </c>
      <c r="K4853">
        <v>47220.54565</v>
      </c>
      <c r="L4853">
        <v>16982.947100000001</v>
      </c>
      <c r="M4853">
        <v>232908.49890000001</v>
      </c>
      <c r="N4853">
        <v>68615.208419999995</v>
      </c>
      <c r="O4853">
        <v>17149.38509</v>
      </c>
      <c r="P4853">
        <v>25642.917730000001</v>
      </c>
      <c r="Q4853">
        <v>61451.819539999997</v>
      </c>
      <c r="R4853">
        <v>13632.12725</v>
      </c>
      <c r="S4853">
        <v>73278.708750000005</v>
      </c>
      <c r="T4853">
        <v>16959.420129999999</v>
      </c>
      <c r="U4853">
        <v>16663.29983</v>
      </c>
      <c r="W4853" s="83">
        <f>Bühler!N4885</f>
        <v>45494.124999988235</v>
      </c>
      <c r="X4853" s="83">
        <v>43303.125</v>
      </c>
      <c r="Y4853">
        <v>170238.5233</v>
      </c>
      <c r="Z4853">
        <v>12037.022569999999</v>
      </c>
      <c r="AA4853">
        <v>54335.953070000003</v>
      </c>
      <c r="AB4853">
        <v>27828.764640000001</v>
      </c>
      <c r="AC4853">
        <v>32974.955029999997</v>
      </c>
      <c r="AD4853">
        <v>16767.68492</v>
      </c>
      <c r="AE4853">
        <v>36581.105280000003</v>
      </c>
      <c r="AF4853">
        <v>47220.54565</v>
      </c>
      <c r="AG4853">
        <v>16982.947100000001</v>
      </c>
      <c r="AH4853">
        <v>232908.49890000001</v>
      </c>
      <c r="AI4853">
        <v>68615.208419999995</v>
      </c>
      <c r="AJ4853">
        <v>17149.38509</v>
      </c>
      <c r="AK4853">
        <v>25642.917730000001</v>
      </c>
      <c r="AL4853">
        <v>61451.819539999997</v>
      </c>
      <c r="AM4853">
        <v>13632.12725</v>
      </c>
      <c r="AN4853">
        <v>73278.708750000005</v>
      </c>
      <c r="AO4853">
        <v>16959.420129999999</v>
      </c>
      <c r="AP4853">
        <v>16663.29983</v>
      </c>
    </row>
    <row r="4854" spans="2:42" x14ac:dyDescent="0.3">
      <c r="B4854">
        <v>44.644720085117392</v>
      </c>
      <c r="C4854" s="83">
        <v>43303.166666666664</v>
      </c>
      <c r="D4854">
        <v>167163.21369999999</v>
      </c>
      <c r="E4854">
        <v>12089.074769999999</v>
      </c>
      <c r="F4854">
        <v>55152.976219999997</v>
      </c>
      <c r="G4854">
        <v>27570.437450000001</v>
      </c>
      <c r="H4854">
        <v>32936.759409999999</v>
      </c>
      <c r="I4854">
        <v>17208.907309999999</v>
      </c>
      <c r="J4854">
        <v>38683.855799999998</v>
      </c>
      <c r="K4854">
        <v>46304.79681</v>
      </c>
      <c r="L4854">
        <v>16545.196650000002</v>
      </c>
      <c r="M4854">
        <v>227619.60269999999</v>
      </c>
      <c r="N4854">
        <v>67510.709489999994</v>
      </c>
      <c r="O4854">
        <v>17003.609260000001</v>
      </c>
      <c r="P4854">
        <v>25603.72623</v>
      </c>
      <c r="Q4854">
        <v>61138.381990000002</v>
      </c>
      <c r="R4854">
        <v>13303.16518</v>
      </c>
      <c r="S4854">
        <v>73502.461330000006</v>
      </c>
      <c r="T4854">
        <v>16916.872899999998</v>
      </c>
      <c r="U4854">
        <v>16591.13379</v>
      </c>
      <c r="W4854" s="83">
        <f>Bühler!N4886</f>
        <v>45494.166666654899</v>
      </c>
      <c r="X4854" s="83">
        <v>43303.166666666664</v>
      </c>
      <c r="Y4854">
        <v>167163.21369999999</v>
      </c>
      <c r="Z4854">
        <v>12089.074769999999</v>
      </c>
      <c r="AA4854">
        <v>55152.976219999997</v>
      </c>
      <c r="AB4854">
        <v>27570.437450000001</v>
      </c>
      <c r="AC4854">
        <v>32936.759409999999</v>
      </c>
      <c r="AD4854">
        <v>17208.907309999999</v>
      </c>
      <c r="AE4854">
        <v>38683.855799999998</v>
      </c>
      <c r="AF4854">
        <v>46304.79681</v>
      </c>
      <c r="AG4854">
        <v>16545.196650000002</v>
      </c>
      <c r="AH4854">
        <v>227619.60269999999</v>
      </c>
      <c r="AI4854">
        <v>67510.709489999994</v>
      </c>
      <c r="AJ4854">
        <v>17003.609260000001</v>
      </c>
      <c r="AK4854">
        <v>25603.72623</v>
      </c>
      <c r="AL4854">
        <v>61138.381990000002</v>
      </c>
      <c r="AM4854">
        <v>13303.16518</v>
      </c>
      <c r="AN4854">
        <v>73502.461330000006</v>
      </c>
      <c r="AO4854">
        <v>16916.872899999998</v>
      </c>
      <c r="AP4854">
        <v>16591.13379</v>
      </c>
    </row>
    <row r="4855" spans="2:42" x14ac:dyDescent="0.3">
      <c r="B4855">
        <v>43.98232730393751</v>
      </c>
      <c r="C4855" s="83">
        <v>43303.208333333336</v>
      </c>
      <c r="D4855">
        <v>163979.20910000001</v>
      </c>
      <c r="E4855">
        <v>12473.132149999999</v>
      </c>
      <c r="F4855">
        <v>58649.415939999999</v>
      </c>
      <c r="G4855">
        <v>27691.75909</v>
      </c>
      <c r="H4855">
        <v>33051.753640000003</v>
      </c>
      <c r="I4855">
        <v>20161.53861</v>
      </c>
      <c r="J4855">
        <v>41380.59837</v>
      </c>
      <c r="K4855">
        <v>45931.103710000003</v>
      </c>
      <c r="L4855">
        <v>17188.09418</v>
      </c>
      <c r="M4855">
        <v>224242.4154</v>
      </c>
      <c r="N4855">
        <v>66580.354160000003</v>
      </c>
      <c r="O4855">
        <v>17258.943179999998</v>
      </c>
      <c r="P4855">
        <v>26479.895840000001</v>
      </c>
      <c r="Q4855">
        <v>61108.73605</v>
      </c>
      <c r="R4855">
        <v>15139.88546</v>
      </c>
      <c r="S4855">
        <v>74732.026750000005</v>
      </c>
      <c r="T4855">
        <v>17411.552589999999</v>
      </c>
      <c r="U4855">
        <v>16468.4987</v>
      </c>
      <c r="W4855" s="83">
        <f>Bühler!N4887</f>
        <v>45494.208333321563</v>
      </c>
      <c r="X4855" s="83">
        <v>43303.208333333336</v>
      </c>
      <c r="Y4855">
        <v>163979.20910000001</v>
      </c>
      <c r="Z4855">
        <v>12473.132149999999</v>
      </c>
      <c r="AA4855">
        <v>58649.415939999999</v>
      </c>
      <c r="AB4855">
        <v>27691.75909</v>
      </c>
      <c r="AC4855">
        <v>33051.753640000003</v>
      </c>
      <c r="AD4855">
        <v>20161.53861</v>
      </c>
      <c r="AE4855">
        <v>41380.59837</v>
      </c>
      <c r="AF4855">
        <v>45931.103710000003</v>
      </c>
      <c r="AG4855">
        <v>17188.09418</v>
      </c>
      <c r="AH4855">
        <v>224242.4154</v>
      </c>
      <c r="AI4855">
        <v>66580.354160000003</v>
      </c>
      <c r="AJ4855">
        <v>17258.943179999998</v>
      </c>
      <c r="AK4855">
        <v>26479.895840000001</v>
      </c>
      <c r="AL4855">
        <v>61108.73605</v>
      </c>
      <c r="AM4855">
        <v>15139.88546</v>
      </c>
      <c r="AN4855">
        <v>74732.026750000005</v>
      </c>
      <c r="AO4855">
        <v>17411.552589999999</v>
      </c>
      <c r="AP4855">
        <v>16468.4987</v>
      </c>
    </row>
    <row r="4856" spans="2:42" x14ac:dyDescent="0.3">
      <c r="B4856">
        <v>43.763569088192931</v>
      </c>
      <c r="C4856" s="83">
        <v>43303.25</v>
      </c>
      <c r="D4856">
        <v>162130.91039999999</v>
      </c>
      <c r="E4856">
        <v>12765.5</v>
      </c>
      <c r="F4856">
        <v>62621.621200000001</v>
      </c>
      <c r="G4856">
        <v>27772.8403</v>
      </c>
      <c r="H4856">
        <v>31926.289529999998</v>
      </c>
      <c r="I4856">
        <v>21695.80185</v>
      </c>
      <c r="J4856">
        <v>43142.398390000002</v>
      </c>
      <c r="K4856">
        <v>44342.57993</v>
      </c>
      <c r="L4856">
        <v>17536.904829999999</v>
      </c>
      <c r="M4856">
        <v>223127.084</v>
      </c>
      <c r="N4856">
        <v>65648.976509999993</v>
      </c>
      <c r="O4856">
        <v>17992.016629999998</v>
      </c>
      <c r="P4856">
        <v>26999.458630000001</v>
      </c>
      <c r="Q4856">
        <v>60106.88003</v>
      </c>
      <c r="R4856">
        <v>13796.66647</v>
      </c>
      <c r="S4856">
        <v>78127.531279999996</v>
      </c>
      <c r="T4856">
        <v>17902.730029999999</v>
      </c>
      <c r="U4856">
        <v>15830.52175</v>
      </c>
      <c r="W4856" s="83">
        <f>Bühler!N4888</f>
        <v>45494.249999988228</v>
      </c>
      <c r="X4856" s="83">
        <v>43303.25</v>
      </c>
      <c r="Y4856">
        <v>162130.91039999999</v>
      </c>
      <c r="Z4856">
        <v>12765.5</v>
      </c>
      <c r="AA4856">
        <v>62621.621200000001</v>
      </c>
      <c r="AB4856">
        <v>27772.8403</v>
      </c>
      <c r="AC4856">
        <v>31926.289529999998</v>
      </c>
      <c r="AD4856">
        <v>21695.80185</v>
      </c>
      <c r="AE4856">
        <v>43142.398390000002</v>
      </c>
      <c r="AF4856">
        <v>44342.57993</v>
      </c>
      <c r="AG4856">
        <v>17536.904829999999</v>
      </c>
      <c r="AH4856">
        <v>223127.084</v>
      </c>
      <c r="AI4856">
        <v>65648.976509999993</v>
      </c>
      <c r="AJ4856">
        <v>17992.016629999998</v>
      </c>
      <c r="AK4856">
        <v>26999.458630000001</v>
      </c>
      <c r="AL4856">
        <v>60106.88003</v>
      </c>
      <c r="AM4856">
        <v>13796.66647</v>
      </c>
      <c r="AN4856">
        <v>78127.531279999996</v>
      </c>
      <c r="AO4856">
        <v>17902.730029999999</v>
      </c>
      <c r="AP4856">
        <v>15830.52175</v>
      </c>
    </row>
    <row r="4857" spans="2:42" x14ac:dyDescent="0.3">
      <c r="B4857">
        <v>44.20949906938958</v>
      </c>
      <c r="C4857" s="83">
        <v>43303.291666666664</v>
      </c>
      <c r="D4857">
        <v>161543.1005</v>
      </c>
      <c r="E4857">
        <v>13446.261829999999</v>
      </c>
      <c r="F4857">
        <v>65626.151180000001</v>
      </c>
      <c r="G4857">
        <v>28379.695220000001</v>
      </c>
      <c r="H4857">
        <v>32435.141940000001</v>
      </c>
      <c r="I4857">
        <v>22496.101859999999</v>
      </c>
      <c r="J4857">
        <v>44081.125180000003</v>
      </c>
      <c r="K4857">
        <v>43810.873209999998</v>
      </c>
      <c r="L4857">
        <v>18982.540270000001</v>
      </c>
      <c r="M4857">
        <v>225400.64300000001</v>
      </c>
      <c r="N4857">
        <v>65179.387730000002</v>
      </c>
      <c r="O4857">
        <v>18494.584640000001</v>
      </c>
      <c r="P4857">
        <v>30241.326880000001</v>
      </c>
      <c r="Q4857">
        <v>58913.110930000003</v>
      </c>
      <c r="R4857">
        <v>13455.766589999999</v>
      </c>
      <c r="S4857">
        <v>83690.492759999994</v>
      </c>
      <c r="T4857">
        <v>19372.672890000002</v>
      </c>
      <c r="U4857">
        <v>15834.045539999999</v>
      </c>
      <c r="W4857" s="83">
        <f>Bühler!N4889</f>
        <v>45494.291666654892</v>
      </c>
      <c r="X4857" s="83">
        <v>43303.291666666664</v>
      </c>
      <c r="Y4857">
        <v>161543.1005</v>
      </c>
      <c r="Z4857">
        <v>13446.261829999999</v>
      </c>
      <c r="AA4857">
        <v>65626.151180000001</v>
      </c>
      <c r="AB4857">
        <v>28379.695220000001</v>
      </c>
      <c r="AC4857">
        <v>32435.141940000001</v>
      </c>
      <c r="AD4857">
        <v>22496.101859999999</v>
      </c>
      <c r="AE4857">
        <v>44081.125180000003</v>
      </c>
      <c r="AF4857">
        <v>43810.873209999998</v>
      </c>
      <c r="AG4857">
        <v>18982.540270000001</v>
      </c>
      <c r="AH4857">
        <v>225400.64300000001</v>
      </c>
      <c r="AI4857">
        <v>65179.387730000002</v>
      </c>
      <c r="AJ4857">
        <v>18494.584640000001</v>
      </c>
      <c r="AK4857">
        <v>30241.326880000001</v>
      </c>
      <c r="AL4857">
        <v>58913.110930000003</v>
      </c>
      <c r="AM4857">
        <v>13455.766589999999</v>
      </c>
      <c r="AN4857">
        <v>83690.492759999994</v>
      </c>
      <c r="AO4857">
        <v>19372.672890000002</v>
      </c>
      <c r="AP4857">
        <v>15834.045539999999</v>
      </c>
    </row>
    <row r="4858" spans="2:42" x14ac:dyDescent="0.3">
      <c r="B4858">
        <v>44.082252392352352</v>
      </c>
      <c r="C4858" s="83">
        <v>43303.333333333336</v>
      </c>
      <c r="D4858">
        <v>162443.60449999999</v>
      </c>
      <c r="E4858">
        <v>15042.88531</v>
      </c>
      <c r="F4858">
        <v>69184.691990000007</v>
      </c>
      <c r="G4858">
        <v>29385.21182</v>
      </c>
      <c r="H4858">
        <v>33228.004719999997</v>
      </c>
      <c r="I4858">
        <v>22711.834070000001</v>
      </c>
      <c r="J4858">
        <v>47271.553110000001</v>
      </c>
      <c r="K4858">
        <v>44991.511579999999</v>
      </c>
      <c r="L4858">
        <v>21852.62818</v>
      </c>
      <c r="M4858">
        <v>224751.88010000001</v>
      </c>
      <c r="N4858">
        <v>66254.730939999994</v>
      </c>
      <c r="O4858">
        <v>19422.423500000001</v>
      </c>
      <c r="P4858">
        <v>33556.370369999997</v>
      </c>
      <c r="Q4858">
        <v>58969.085070000001</v>
      </c>
      <c r="R4858">
        <v>15064.00099</v>
      </c>
      <c r="S4858">
        <v>87442.379109999994</v>
      </c>
      <c r="T4858">
        <v>21064.391599999999</v>
      </c>
      <c r="U4858">
        <v>16192.732099999999</v>
      </c>
      <c r="W4858" s="83">
        <f>Bühler!N4890</f>
        <v>45494.333333321556</v>
      </c>
      <c r="X4858" s="83">
        <v>43303.333333333336</v>
      </c>
      <c r="Y4858">
        <v>162443.60449999999</v>
      </c>
      <c r="Z4858">
        <v>15042.88531</v>
      </c>
      <c r="AA4858">
        <v>69184.691990000007</v>
      </c>
      <c r="AB4858">
        <v>29385.21182</v>
      </c>
      <c r="AC4858">
        <v>33228.004719999997</v>
      </c>
      <c r="AD4858">
        <v>22711.834070000001</v>
      </c>
      <c r="AE4858">
        <v>47271.553110000001</v>
      </c>
      <c r="AF4858">
        <v>44991.511579999999</v>
      </c>
      <c r="AG4858">
        <v>21852.62818</v>
      </c>
      <c r="AH4858">
        <v>224751.88010000001</v>
      </c>
      <c r="AI4858">
        <v>66254.730939999994</v>
      </c>
      <c r="AJ4858">
        <v>19422.423500000001</v>
      </c>
      <c r="AK4858">
        <v>33556.370369999997</v>
      </c>
      <c r="AL4858">
        <v>58969.085070000001</v>
      </c>
      <c r="AM4858">
        <v>15064.00099</v>
      </c>
      <c r="AN4858">
        <v>87442.379109999994</v>
      </c>
      <c r="AO4858">
        <v>21064.391599999999</v>
      </c>
      <c r="AP4858">
        <v>16192.732099999999</v>
      </c>
    </row>
    <row r="4859" spans="2:42" x14ac:dyDescent="0.3">
      <c r="B4859">
        <v>44.072756281806008</v>
      </c>
      <c r="C4859" s="83">
        <v>43303.375</v>
      </c>
      <c r="D4859">
        <v>163174.6067</v>
      </c>
      <c r="E4859">
        <v>16787.426149999999</v>
      </c>
      <c r="F4859">
        <v>74590.689809999996</v>
      </c>
      <c r="G4859">
        <v>29952.273249999998</v>
      </c>
      <c r="H4859">
        <v>34057.82591</v>
      </c>
      <c r="I4859">
        <v>23216.573850000001</v>
      </c>
      <c r="J4859">
        <v>49588.914290000001</v>
      </c>
      <c r="K4859">
        <v>48194.746729999999</v>
      </c>
      <c r="L4859">
        <v>25517.352200000001</v>
      </c>
      <c r="M4859">
        <v>224703.4645</v>
      </c>
      <c r="N4859">
        <v>69808.946739999999</v>
      </c>
      <c r="O4859">
        <v>20667.662199999999</v>
      </c>
      <c r="P4859">
        <v>37944.348810000003</v>
      </c>
      <c r="Q4859">
        <v>59577.538249999998</v>
      </c>
      <c r="R4859">
        <v>15905.126469999999</v>
      </c>
      <c r="S4859">
        <v>92060.078020000001</v>
      </c>
      <c r="T4859">
        <v>22691.607370000002</v>
      </c>
      <c r="U4859">
        <v>16647.169460000001</v>
      </c>
      <c r="W4859" s="83">
        <f>Bühler!N4891</f>
        <v>45494.37499998822</v>
      </c>
      <c r="X4859" s="83">
        <v>43303.375</v>
      </c>
      <c r="Y4859">
        <v>163174.6067</v>
      </c>
      <c r="Z4859">
        <v>16787.426149999999</v>
      </c>
      <c r="AA4859">
        <v>74590.689809999996</v>
      </c>
      <c r="AB4859">
        <v>29952.273249999998</v>
      </c>
      <c r="AC4859">
        <v>34057.82591</v>
      </c>
      <c r="AD4859">
        <v>23216.573850000001</v>
      </c>
      <c r="AE4859">
        <v>49588.914290000001</v>
      </c>
      <c r="AF4859">
        <v>48194.746729999999</v>
      </c>
      <c r="AG4859">
        <v>25517.352200000001</v>
      </c>
      <c r="AH4859">
        <v>224703.4645</v>
      </c>
      <c r="AI4859">
        <v>69808.946739999999</v>
      </c>
      <c r="AJ4859">
        <v>20667.662199999999</v>
      </c>
      <c r="AK4859">
        <v>37944.348810000003</v>
      </c>
      <c r="AL4859">
        <v>59577.538249999998</v>
      </c>
      <c r="AM4859">
        <v>15905.126469999999</v>
      </c>
      <c r="AN4859">
        <v>92060.078020000001</v>
      </c>
      <c r="AO4859">
        <v>22691.607370000002</v>
      </c>
      <c r="AP4859">
        <v>16647.169460000001</v>
      </c>
    </row>
    <row r="4860" spans="2:42" x14ac:dyDescent="0.3">
      <c r="B4860">
        <v>44.51402711681893</v>
      </c>
      <c r="C4860" s="83">
        <v>43303.416666666664</v>
      </c>
      <c r="D4860">
        <v>164086.9086</v>
      </c>
      <c r="E4860">
        <v>18301.871620000002</v>
      </c>
      <c r="F4860">
        <v>76855.694220000005</v>
      </c>
      <c r="G4860">
        <v>30588.453509999999</v>
      </c>
      <c r="H4860">
        <v>35054.606619999999</v>
      </c>
      <c r="I4860">
        <v>23690.3711</v>
      </c>
      <c r="J4860">
        <v>50065.675029999999</v>
      </c>
      <c r="K4860">
        <v>49828.678099999997</v>
      </c>
      <c r="L4860">
        <v>29306.082020000002</v>
      </c>
      <c r="M4860">
        <v>226953.269</v>
      </c>
      <c r="N4860">
        <v>71857.863549999995</v>
      </c>
      <c r="O4860">
        <v>20600.86032</v>
      </c>
      <c r="P4860">
        <v>40125.299509999997</v>
      </c>
      <c r="Q4860">
        <v>60469.97148</v>
      </c>
      <c r="R4860">
        <v>16781.6312</v>
      </c>
      <c r="S4860">
        <v>93572.953020000001</v>
      </c>
      <c r="T4860">
        <v>24512.432990000001</v>
      </c>
      <c r="U4860">
        <v>16815.294740000001</v>
      </c>
      <c r="W4860" s="83">
        <f>Bühler!N4892</f>
        <v>45494.416666654884</v>
      </c>
      <c r="X4860" s="83">
        <v>43303.416666666664</v>
      </c>
      <c r="Y4860">
        <v>164086.9086</v>
      </c>
      <c r="Z4860">
        <v>18301.871620000002</v>
      </c>
      <c r="AA4860">
        <v>76855.694220000005</v>
      </c>
      <c r="AB4860">
        <v>30588.453509999999</v>
      </c>
      <c r="AC4860">
        <v>35054.606619999999</v>
      </c>
      <c r="AD4860">
        <v>23690.3711</v>
      </c>
      <c r="AE4860">
        <v>50065.675029999999</v>
      </c>
      <c r="AF4860">
        <v>49828.678099999997</v>
      </c>
      <c r="AG4860">
        <v>29306.082020000002</v>
      </c>
      <c r="AH4860">
        <v>226953.269</v>
      </c>
      <c r="AI4860">
        <v>71857.863549999995</v>
      </c>
      <c r="AJ4860">
        <v>20600.86032</v>
      </c>
      <c r="AK4860">
        <v>40125.299509999997</v>
      </c>
      <c r="AL4860">
        <v>60469.97148</v>
      </c>
      <c r="AM4860">
        <v>16781.6312</v>
      </c>
      <c r="AN4860">
        <v>93572.953020000001</v>
      </c>
      <c r="AO4860">
        <v>24512.432990000001</v>
      </c>
      <c r="AP4860">
        <v>16815.294740000001</v>
      </c>
    </row>
    <row r="4861" spans="2:42" x14ac:dyDescent="0.3">
      <c r="B4861">
        <v>45.281849014118826</v>
      </c>
      <c r="C4861" s="83">
        <v>43303.458333333336</v>
      </c>
      <c r="D4861">
        <v>164095.7457</v>
      </c>
      <c r="E4861">
        <v>18869.034060000002</v>
      </c>
      <c r="F4861">
        <v>77979.311379999999</v>
      </c>
      <c r="G4861">
        <v>31032.06163</v>
      </c>
      <c r="H4861">
        <v>35562.202579999997</v>
      </c>
      <c r="I4861">
        <v>24299.74726</v>
      </c>
      <c r="J4861">
        <v>50888.886980000003</v>
      </c>
      <c r="K4861">
        <v>50335.956259999999</v>
      </c>
      <c r="L4861">
        <v>30845.654699999999</v>
      </c>
      <c r="M4861">
        <v>230867.98310000001</v>
      </c>
      <c r="N4861">
        <v>74645.041169999997</v>
      </c>
      <c r="O4861">
        <v>20589.199830000001</v>
      </c>
      <c r="P4861">
        <v>38640.793160000001</v>
      </c>
      <c r="Q4861">
        <v>60204.058349999999</v>
      </c>
      <c r="R4861">
        <v>19207.646629999999</v>
      </c>
      <c r="S4861">
        <v>96849.343689999994</v>
      </c>
      <c r="T4861">
        <v>25432.996469999998</v>
      </c>
      <c r="U4861">
        <v>17139.483970000001</v>
      </c>
      <c r="W4861" s="83">
        <f>Bühler!N4893</f>
        <v>45494.458333321549</v>
      </c>
      <c r="X4861" s="83">
        <v>43303.458333333336</v>
      </c>
      <c r="Y4861">
        <v>164095.7457</v>
      </c>
      <c r="Z4861">
        <v>18869.034060000002</v>
      </c>
      <c r="AA4861">
        <v>77979.311379999999</v>
      </c>
      <c r="AB4861">
        <v>31032.06163</v>
      </c>
      <c r="AC4861">
        <v>35562.202579999997</v>
      </c>
      <c r="AD4861">
        <v>24299.74726</v>
      </c>
      <c r="AE4861">
        <v>50888.886980000003</v>
      </c>
      <c r="AF4861">
        <v>50335.956259999999</v>
      </c>
      <c r="AG4861">
        <v>30845.654699999999</v>
      </c>
      <c r="AH4861">
        <v>230867.98310000001</v>
      </c>
      <c r="AI4861">
        <v>74645.041169999997</v>
      </c>
      <c r="AJ4861">
        <v>20589.199830000001</v>
      </c>
      <c r="AK4861">
        <v>38640.793160000001</v>
      </c>
      <c r="AL4861">
        <v>60204.058349999999</v>
      </c>
      <c r="AM4861">
        <v>19207.646629999999</v>
      </c>
      <c r="AN4861">
        <v>96849.343689999994</v>
      </c>
      <c r="AO4861">
        <v>25432.996469999998</v>
      </c>
      <c r="AP4861">
        <v>17139.483970000001</v>
      </c>
    </row>
    <row r="4862" spans="2:42" x14ac:dyDescent="0.3">
      <c r="B4862">
        <v>45.278009349661509</v>
      </c>
      <c r="C4862" s="83">
        <v>43303.5</v>
      </c>
      <c r="D4862">
        <v>163352.07860000001</v>
      </c>
      <c r="E4862">
        <v>18892.23702</v>
      </c>
      <c r="F4862">
        <v>72560.169519999996</v>
      </c>
      <c r="G4862">
        <v>31267.564429999999</v>
      </c>
      <c r="H4862">
        <v>35417.678180000003</v>
      </c>
      <c r="I4862">
        <v>24597.847129999998</v>
      </c>
      <c r="J4862">
        <v>52351.275710000002</v>
      </c>
      <c r="K4862">
        <v>51461.680590000004</v>
      </c>
      <c r="L4862">
        <v>33136.890829999997</v>
      </c>
      <c r="M4862">
        <v>230848.40669999999</v>
      </c>
      <c r="N4862">
        <v>75335.345050000004</v>
      </c>
      <c r="O4862">
        <v>19930.340649999998</v>
      </c>
      <c r="P4862">
        <v>39285.19313</v>
      </c>
      <c r="Q4862">
        <v>59531.242720000002</v>
      </c>
      <c r="R4862">
        <v>19016.885740000002</v>
      </c>
      <c r="S4862">
        <v>93503.706260000006</v>
      </c>
      <c r="T4862">
        <v>25812.285970000001</v>
      </c>
      <c r="U4862">
        <v>17321.60514</v>
      </c>
      <c r="W4862" s="83">
        <f>Bühler!N4894</f>
        <v>45494.499999988213</v>
      </c>
      <c r="X4862" s="83">
        <v>43303.5</v>
      </c>
      <c r="Y4862">
        <v>163352.07860000001</v>
      </c>
      <c r="Z4862">
        <v>18892.23702</v>
      </c>
      <c r="AA4862">
        <v>72560.169519999996</v>
      </c>
      <c r="AB4862">
        <v>31267.564429999999</v>
      </c>
      <c r="AC4862">
        <v>35417.678180000003</v>
      </c>
      <c r="AD4862">
        <v>24597.847129999998</v>
      </c>
      <c r="AE4862">
        <v>52351.275710000002</v>
      </c>
      <c r="AF4862">
        <v>51461.680590000004</v>
      </c>
      <c r="AG4862">
        <v>33136.890829999997</v>
      </c>
      <c r="AH4862">
        <v>230848.40669999999</v>
      </c>
      <c r="AI4862">
        <v>75335.345050000004</v>
      </c>
      <c r="AJ4862">
        <v>19930.340649999998</v>
      </c>
      <c r="AK4862">
        <v>39285.19313</v>
      </c>
      <c r="AL4862">
        <v>59531.242720000002</v>
      </c>
      <c r="AM4862">
        <v>19016.885740000002</v>
      </c>
      <c r="AN4862">
        <v>93503.706260000006</v>
      </c>
      <c r="AO4862">
        <v>25812.285970000001</v>
      </c>
      <c r="AP4862">
        <v>17321.60514</v>
      </c>
    </row>
    <row r="4863" spans="2:42" x14ac:dyDescent="0.3">
      <c r="B4863">
        <v>45.200485134830984</v>
      </c>
      <c r="C4863" s="83">
        <v>43303.541666666664</v>
      </c>
      <c r="D4863">
        <v>163451.3751</v>
      </c>
      <c r="E4863">
        <v>18809.794300000001</v>
      </c>
      <c r="F4863">
        <v>62426.531450000002</v>
      </c>
      <c r="G4863">
        <v>31327.070739999999</v>
      </c>
      <c r="H4863">
        <v>35278.129630000003</v>
      </c>
      <c r="I4863">
        <v>24815.863420000001</v>
      </c>
      <c r="J4863">
        <v>51769.25432</v>
      </c>
      <c r="K4863">
        <v>50669.335599999999</v>
      </c>
      <c r="L4863">
        <v>33151.813710000002</v>
      </c>
      <c r="M4863">
        <v>230453.15210000001</v>
      </c>
      <c r="N4863">
        <v>75626.91489</v>
      </c>
      <c r="O4863">
        <v>20051.68173</v>
      </c>
      <c r="P4863">
        <v>39407.850359999997</v>
      </c>
      <c r="Q4863">
        <v>59268.010979999999</v>
      </c>
      <c r="R4863">
        <v>18357.990709999998</v>
      </c>
      <c r="S4863">
        <v>94706.176300000006</v>
      </c>
      <c r="T4863">
        <v>25344.761200000001</v>
      </c>
      <c r="U4863">
        <v>17019.760180000001</v>
      </c>
      <c r="W4863" s="83">
        <f>Bühler!N4895</f>
        <v>45494.541666654877</v>
      </c>
      <c r="X4863" s="83">
        <v>43303.541666666664</v>
      </c>
      <c r="Y4863">
        <v>163451.3751</v>
      </c>
      <c r="Z4863">
        <v>18809.794300000001</v>
      </c>
      <c r="AA4863">
        <v>62426.531450000002</v>
      </c>
      <c r="AB4863">
        <v>31327.070739999999</v>
      </c>
      <c r="AC4863">
        <v>35278.129630000003</v>
      </c>
      <c r="AD4863">
        <v>24815.863420000001</v>
      </c>
      <c r="AE4863">
        <v>51769.25432</v>
      </c>
      <c r="AF4863">
        <v>50669.335599999999</v>
      </c>
      <c r="AG4863">
        <v>33151.813710000002</v>
      </c>
      <c r="AH4863">
        <v>230453.15210000001</v>
      </c>
      <c r="AI4863">
        <v>75626.91489</v>
      </c>
      <c r="AJ4863">
        <v>20051.68173</v>
      </c>
      <c r="AK4863">
        <v>39407.850359999997</v>
      </c>
      <c r="AL4863">
        <v>59268.010979999999</v>
      </c>
      <c r="AM4863">
        <v>18357.990709999998</v>
      </c>
      <c r="AN4863">
        <v>94706.176300000006</v>
      </c>
      <c r="AO4863">
        <v>25344.761200000001</v>
      </c>
      <c r="AP4863">
        <v>17019.760180000001</v>
      </c>
    </row>
    <row r="4864" spans="2:42" x14ac:dyDescent="0.3">
      <c r="B4864">
        <v>45.283796972452542</v>
      </c>
      <c r="C4864" s="83">
        <v>43303.583333333336</v>
      </c>
      <c r="D4864">
        <v>164312.45699999999</v>
      </c>
      <c r="E4864">
        <v>19295.30199</v>
      </c>
      <c r="F4864">
        <v>62758.003389999998</v>
      </c>
      <c r="G4864">
        <v>31202.19814</v>
      </c>
      <c r="H4864">
        <v>35416.640429999999</v>
      </c>
      <c r="I4864">
        <v>24865.927739999999</v>
      </c>
      <c r="J4864">
        <v>51050.685250000002</v>
      </c>
      <c r="K4864">
        <v>50326.281260000003</v>
      </c>
      <c r="L4864">
        <v>31654.98027</v>
      </c>
      <c r="M4864">
        <v>230877.91469999999</v>
      </c>
      <c r="N4864">
        <v>75766.55</v>
      </c>
      <c r="O4864">
        <v>19762.082180000001</v>
      </c>
      <c r="P4864">
        <v>36933.781770000001</v>
      </c>
      <c r="Q4864">
        <v>59692.380100000002</v>
      </c>
      <c r="R4864">
        <v>18980.595560000002</v>
      </c>
      <c r="S4864">
        <v>92984.063880000002</v>
      </c>
      <c r="T4864">
        <v>25253.070179999999</v>
      </c>
      <c r="U4864">
        <v>16935.28412</v>
      </c>
      <c r="W4864" s="83">
        <f>Bühler!N4896</f>
        <v>45494.583333321541</v>
      </c>
      <c r="X4864" s="83">
        <v>43303.583333333336</v>
      </c>
      <c r="Y4864">
        <v>164312.45699999999</v>
      </c>
      <c r="Z4864">
        <v>19295.30199</v>
      </c>
      <c r="AA4864">
        <v>62758.003389999998</v>
      </c>
      <c r="AB4864">
        <v>31202.19814</v>
      </c>
      <c r="AC4864">
        <v>35416.640429999999</v>
      </c>
      <c r="AD4864">
        <v>24865.927739999999</v>
      </c>
      <c r="AE4864">
        <v>51050.685250000002</v>
      </c>
      <c r="AF4864">
        <v>50326.281260000003</v>
      </c>
      <c r="AG4864">
        <v>31654.98027</v>
      </c>
      <c r="AH4864">
        <v>230877.91469999999</v>
      </c>
      <c r="AI4864">
        <v>75766.55</v>
      </c>
      <c r="AJ4864">
        <v>19762.082180000001</v>
      </c>
      <c r="AK4864">
        <v>36933.781770000001</v>
      </c>
      <c r="AL4864">
        <v>59692.380100000002</v>
      </c>
      <c r="AM4864">
        <v>18980.595560000002</v>
      </c>
      <c r="AN4864">
        <v>92984.063880000002</v>
      </c>
      <c r="AO4864">
        <v>25253.070179999999</v>
      </c>
      <c r="AP4864">
        <v>16935.28412</v>
      </c>
    </row>
    <row r="4865" spans="2:42" x14ac:dyDescent="0.3">
      <c r="B4865">
        <v>45.585105522311629</v>
      </c>
      <c r="C4865" s="83">
        <v>43303.625</v>
      </c>
      <c r="D4865">
        <v>164768.93</v>
      </c>
      <c r="E4865">
        <v>19484.192770000001</v>
      </c>
      <c r="F4865">
        <v>63273.884890000001</v>
      </c>
      <c r="G4865">
        <v>31378.89358</v>
      </c>
      <c r="H4865">
        <v>35329.913769999999</v>
      </c>
      <c r="I4865">
        <v>25201.7068</v>
      </c>
      <c r="J4865">
        <v>50551.745260000003</v>
      </c>
      <c r="K4865">
        <v>49961.2336</v>
      </c>
      <c r="L4865">
        <v>29952.384300000002</v>
      </c>
      <c r="M4865">
        <v>232414.1262</v>
      </c>
      <c r="N4865">
        <v>75905.173890000005</v>
      </c>
      <c r="O4865">
        <v>19742.940299999998</v>
      </c>
      <c r="P4865">
        <v>34068.936560000002</v>
      </c>
      <c r="Q4865">
        <v>59882.098239999999</v>
      </c>
      <c r="R4865">
        <v>19166.53945</v>
      </c>
      <c r="S4865">
        <v>93021.798880000002</v>
      </c>
      <c r="T4865">
        <v>25368.514589999999</v>
      </c>
      <c r="U4865">
        <v>16775.38622</v>
      </c>
      <c r="W4865" s="83">
        <f>Bühler!N4897</f>
        <v>45494.624999988206</v>
      </c>
      <c r="X4865" s="83">
        <v>43303.625</v>
      </c>
      <c r="Y4865">
        <v>164768.93</v>
      </c>
      <c r="Z4865">
        <v>19484.192770000001</v>
      </c>
      <c r="AA4865">
        <v>63273.884890000001</v>
      </c>
      <c r="AB4865">
        <v>31378.89358</v>
      </c>
      <c r="AC4865">
        <v>35329.913769999999</v>
      </c>
      <c r="AD4865">
        <v>25201.7068</v>
      </c>
      <c r="AE4865">
        <v>50551.745260000003</v>
      </c>
      <c r="AF4865">
        <v>49961.2336</v>
      </c>
      <c r="AG4865">
        <v>29952.384300000002</v>
      </c>
      <c r="AH4865">
        <v>232414.1262</v>
      </c>
      <c r="AI4865">
        <v>75905.173890000005</v>
      </c>
      <c r="AJ4865">
        <v>19742.940299999998</v>
      </c>
      <c r="AK4865">
        <v>34068.936560000002</v>
      </c>
      <c r="AL4865">
        <v>59882.098239999999</v>
      </c>
      <c r="AM4865">
        <v>19166.53945</v>
      </c>
      <c r="AN4865">
        <v>93021.798880000002</v>
      </c>
      <c r="AO4865">
        <v>25368.514589999999</v>
      </c>
      <c r="AP4865">
        <v>16775.38622</v>
      </c>
    </row>
    <row r="4866" spans="2:42" x14ac:dyDescent="0.3">
      <c r="B4866">
        <v>45.253731735238247</v>
      </c>
      <c r="C4866" s="83">
        <v>43303.666666666664</v>
      </c>
      <c r="D4866">
        <v>164846.84229999999</v>
      </c>
      <c r="E4866">
        <v>19458.136299999998</v>
      </c>
      <c r="F4866">
        <v>63340.40324</v>
      </c>
      <c r="G4866">
        <v>31492.972030000001</v>
      </c>
      <c r="H4866">
        <v>35361.059800000003</v>
      </c>
      <c r="I4866">
        <v>25269.404419999999</v>
      </c>
      <c r="J4866">
        <v>49931.814630000001</v>
      </c>
      <c r="K4866">
        <v>49728.336060000001</v>
      </c>
      <c r="L4866">
        <v>29361.413670000002</v>
      </c>
      <c r="M4866">
        <v>230724.6281</v>
      </c>
      <c r="N4866">
        <v>76277.540800000002</v>
      </c>
      <c r="O4866">
        <v>19924.532899999998</v>
      </c>
      <c r="P4866">
        <v>34182.26554</v>
      </c>
      <c r="Q4866">
        <v>60950.339569999996</v>
      </c>
      <c r="R4866">
        <v>19216.982199999999</v>
      </c>
      <c r="S4866">
        <v>93290.860159999997</v>
      </c>
      <c r="T4866">
        <v>24887.087500000001</v>
      </c>
      <c r="U4866">
        <v>17187.572560000001</v>
      </c>
      <c r="W4866" s="83">
        <f>Bühler!N4898</f>
        <v>45494.66666665487</v>
      </c>
      <c r="X4866" s="83">
        <v>43303.666666666664</v>
      </c>
      <c r="Y4866">
        <v>164846.84229999999</v>
      </c>
      <c r="Z4866">
        <v>19458.136299999998</v>
      </c>
      <c r="AA4866">
        <v>63340.40324</v>
      </c>
      <c r="AB4866">
        <v>31492.972030000001</v>
      </c>
      <c r="AC4866">
        <v>35361.059800000003</v>
      </c>
      <c r="AD4866">
        <v>25269.404419999999</v>
      </c>
      <c r="AE4866">
        <v>49931.814630000001</v>
      </c>
      <c r="AF4866">
        <v>49728.336060000001</v>
      </c>
      <c r="AG4866">
        <v>29361.413670000002</v>
      </c>
      <c r="AH4866">
        <v>230724.6281</v>
      </c>
      <c r="AI4866">
        <v>76277.540800000002</v>
      </c>
      <c r="AJ4866">
        <v>19924.532899999998</v>
      </c>
      <c r="AK4866">
        <v>34182.26554</v>
      </c>
      <c r="AL4866">
        <v>60950.339569999996</v>
      </c>
      <c r="AM4866">
        <v>19216.982199999999</v>
      </c>
      <c r="AN4866">
        <v>93290.860159999997</v>
      </c>
      <c r="AO4866">
        <v>24887.087500000001</v>
      </c>
      <c r="AP4866">
        <v>17187.572560000001</v>
      </c>
    </row>
    <row r="4867" spans="2:42" x14ac:dyDescent="0.3">
      <c r="B4867">
        <v>44.970597258479827</v>
      </c>
      <c r="C4867" s="83">
        <v>43303.708333333336</v>
      </c>
      <c r="D4867">
        <v>165340.48050000001</v>
      </c>
      <c r="E4867">
        <v>19258.15825</v>
      </c>
      <c r="F4867">
        <v>62908.794119999999</v>
      </c>
      <c r="G4867">
        <v>31306.258269999998</v>
      </c>
      <c r="H4867">
        <v>35203.517590000003</v>
      </c>
      <c r="I4867">
        <v>25403.404299999998</v>
      </c>
      <c r="J4867">
        <v>50790.72956</v>
      </c>
      <c r="K4867">
        <v>48809.150370000003</v>
      </c>
      <c r="L4867">
        <v>29876.1446</v>
      </c>
      <c r="M4867">
        <v>229281.0765</v>
      </c>
      <c r="N4867">
        <v>74190.988790000003</v>
      </c>
      <c r="O4867">
        <v>19869.339489999998</v>
      </c>
      <c r="P4867">
        <v>35222.713369999998</v>
      </c>
      <c r="Q4867">
        <v>60892.810960000003</v>
      </c>
      <c r="R4867">
        <v>20669.90726</v>
      </c>
      <c r="S4867">
        <v>94684.487250000006</v>
      </c>
      <c r="T4867">
        <v>24559.768380000001</v>
      </c>
      <c r="U4867">
        <v>17127.037840000001</v>
      </c>
      <c r="W4867" s="83">
        <f>Bühler!N4899</f>
        <v>45494.708333321534</v>
      </c>
      <c r="X4867" s="83">
        <v>43303.708333333336</v>
      </c>
      <c r="Y4867">
        <v>165340.48050000001</v>
      </c>
      <c r="Z4867">
        <v>19258.15825</v>
      </c>
      <c r="AA4867">
        <v>62908.794119999999</v>
      </c>
      <c r="AB4867">
        <v>31306.258269999998</v>
      </c>
      <c r="AC4867">
        <v>35203.517590000003</v>
      </c>
      <c r="AD4867">
        <v>25403.404299999998</v>
      </c>
      <c r="AE4867">
        <v>50790.72956</v>
      </c>
      <c r="AF4867">
        <v>48809.150370000003</v>
      </c>
      <c r="AG4867">
        <v>29876.1446</v>
      </c>
      <c r="AH4867">
        <v>229281.0765</v>
      </c>
      <c r="AI4867">
        <v>74190.988790000003</v>
      </c>
      <c r="AJ4867">
        <v>19869.339489999998</v>
      </c>
      <c r="AK4867">
        <v>35222.713369999998</v>
      </c>
      <c r="AL4867">
        <v>60892.810960000003</v>
      </c>
      <c r="AM4867">
        <v>20669.90726</v>
      </c>
      <c r="AN4867">
        <v>94684.487250000006</v>
      </c>
      <c r="AO4867">
        <v>24559.768380000001</v>
      </c>
      <c r="AP4867">
        <v>17127.037840000001</v>
      </c>
    </row>
    <row r="4868" spans="2:42" x14ac:dyDescent="0.3">
      <c r="B4868">
        <v>45.012811109776415</v>
      </c>
      <c r="C4868" s="83">
        <v>43303.75</v>
      </c>
      <c r="D4868">
        <v>165668.0417</v>
      </c>
      <c r="E4868">
        <v>18437.979670000001</v>
      </c>
      <c r="F4868">
        <v>62706.832750000001</v>
      </c>
      <c r="G4868">
        <v>31029.252079999998</v>
      </c>
      <c r="H4868">
        <v>35236.010710000002</v>
      </c>
      <c r="I4868">
        <v>25417.095799999999</v>
      </c>
      <c r="J4868">
        <v>51651.658280000003</v>
      </c>
      <c r="K4868">
        <v>49195.447090000001</v>
      </c>
      <c r="L4868">
        <v>30455.062239999999</v>
      </c>
      <c r="M4868">
        <v>229496.30239999999</v>
      </c>
      <c r="N4868">
        <v>73709.408200000005</v>
      </c>
      <c r="O4868">
        <v>19342.59935</v>
      </c>
      <c r="P4868">
        <v>37704.72494</v>
      </c>
      <c r="Q4868">
        <v>61582.786419999997</v>
      </c>
      <c r="R4868">
        <v>20013.784930000002</v>
      </c>
      <c r="S4868">
        <v>91775.157829999996</v>
      </c>
      <c r="T4868">
        <v>24188.98288</v>
      </c>
      <c r="U4868">
        <v>17242.778450000002</v>
      </c>
      <c r="W4868" s="83">
        <f>Bühler!N4900</f>
        <v>45494.749999988198</v>
      </c>
      <c r="X4868" s="83">
        <v>43303.75</v>
      </c>
      <c r="Y4868">
        <v>165668.0417</v>
      </c>
      <c r="Z4868">
        <v>18437.979670000001</v>
      </c>
      <c r="AA4868">
        <v>62706.832750000001</v>
      </c>
      <c r="AB4868">
        <v>31029.252079999998</v>
      </c>
      <c r="AC4868">
        <v>35236.010710000002</v>
      </c>
      <c r="AD4868">
        <v>25417.095799999999</v>
      </c>
      <c r="AE4868">
        <v>51651.658280000003</v>
      </c>
      <c r="AF4868">
        <v>49195.447090000001</v>
      </c>
      <c r="AG4868">
        <v>30455.062239999999</v>
      </c>
      <c r="AH4868">
        <v>229496.30239999999</v>
      </c>
      <c r="AI4868">
        <v>73709.408200000005</v>
      </c>
      <c r="AJ4868">
        <v>19342.59935</v>
      </c>
      <c r="AK4868">
        <v>37704.72494</v>
      </c>
      <c r="AL4868">
        <v>61582.786419999997</v>
      </c>
      <c r="AM4868">
        <v>20013.784930000002</v>
      </c>
      <c r="AN4868">
        <v>91775.157829999996</v>
      </c>
      <c r="AO4868">
        <v>24188.98288</v>
      </c>
      <c r="AP4868">
        <v>17242.778450000002</v>
      </c>
    </row>
    <row r="4869" spans="2:42" x14ac:dyDescent="0.3">
      <c r="B4869">
        <v>45.103889930122598</v>
      </c>
      <c r="C4869" s="83">
        <v>43303.791666666664</v>
      </c>
      <c r="D4869">
        <v>165560.58420000001</v>
      </c>
      <c r="E4869">
        <v>16464.62802</v>
      </c>
      <c r="F4869">
        <v>60975.98547</v>
      </c>
      <c r="G4869">
        <v>30601.827720000001</v>
      </c>
      <c r="H4869">
        <v>34521.070290000003</v>
      </c>
      <c r="I4869">
        <v>25487.594079999999</v>
      </c>
      <c r="J4869">
        <v>51317.933599999997</v>
      </c>
      <c r="K4869">
        <v>49572.572010000004</v>
      </c>
      <c r="L4869">
        <v>30235.425889999999</v>
      </c>
      <c r="M4869">
        <v>229960.66469999999</v>
      </c>
      <c r="N4869">
        <v>73364.234039999996</v>
      </c>
      <c r="O4869">
        <v>18846.714680000001</v>
      </c>
      <c r="P4869">
        <v>39495.090799999998</v>
      </c>
      <c r="Q4869">
        <v>61674.675199999998</v>
      </c>
      <c r="R4869">
        <v>19169.108130000001</v>
      </c>
      <c r="S4869">
        <v>90297.322830000005</v>
      </c>
      <c r="T4869">
        <v>22579.31437</v>
      </c>
      <c r="U4869">
        <v>17435.34029</v>
      </c>
      <c r="W4869" s="83">
        <f>Bühler!N4901</f>
        <v>45494.791666654863</v>
      </c>
      <c r="X4869" s="83">
        <v>43303.791666666664</v>
      </c>
      <c r="Y4869">
        <v>165560.58420000001</v>
      </c>
      <c r="Z4869">
        <v>16464.62802</v>
      </c>
      <c r="AA4869">
        <v>60975.98547</v>
      </c>
      <c r="AB4869">
        <v>30601.827720000001</v>
      </c>
      <c r="AC4869">
        <v>34521.070290000003</v>
      </c>
      <c r="AD4869">
        <v>25487.594079999999</v>
      </c>
      <c r="AE4869">
        <v>51317.933599999997</v>
      </c>
      <c r="AF4869">
        <v>49572.572010000004</v>
      </c>
      <c r="AG4869">
        <v>30235.425889999999</v>
      </c>
      <c r="AH4869">
        <v>229960.66469999999</v>
      </c>
      <c r="AI4869">
        <v>73364.234039999996</v>
      </c>
      <c r="AJ4869">
        <v>18846.714680000001</v>
      </c>
      <c r="AK4869">
        <v>39495.090799999998</v>
      </c>
      <c r="AL4869">
        <v>61674.675199999998</v>
      </c>
      <c r="AM4869">
        <v>19169.108130000001</v>
      </c>
      <c r="AN4869">
        <v>90297.322830000005</v>
      </c>
      <c r="AO4869">
        <v>22579.31437</v>
      </c>
      <c r="AP4869">
        <v>17435.34029</v>
      </c>
    </row>
    <row r="4870" spans="2:42" x14ac:dyDescent="0.3">
      <c r="B4870">
        <v>44.924087644785089</v>
      </c>
      <c r="C4870" s="83">
        <v>43303.833333333336</v>
      </c>
      <c r="D4870">
        <v>165805.61790000001</v>
      </c>
      <c r="E4870">
        <v>14227.692349999999</v>
      </c>
      <c r="F4870">
        <v>59726.902000000002</v>
      </c>
      <c r="G4870">
        <v>30105.821</v>
      </c>
      <c r="H4870">
        <v>33645.719380000002</v>
      </c>
      <c r="I4870">
        <v>25425.3122</v>
      </c>
      <c r="J4870">
        <v>50449.504910000003</v>
      </c>
      <c r="K4870">
        <v>50212.945099999997</v>
      </c>
      <c r="L4870">
        <v>30180.55042</v>
      </c>
      <c r="M4870">
        <v>229043.94880000001</v>
      </c>
      <c r="N4870">
        <v>72438.956380000003</v>
      </c>
      <c r="O4870">
        <v>18556.186180000001</v>
      </c>
      <c r="P4870">
        <v>39290.909169999999</v>
      </c>
      <c r="Q4870">
        <v>61528.414470000003</v>
      </c>
      <c r="R4870">
        <v>18603.605759999999</v>
      </c>
      <c r="S4870">
        <v>84430.527300000002</v>
      </c>
      <c r="T4870">
        <v>20099.658950000001</v>
      </c>
      <c r="U4870">
        <v>17592.57806</v>
      </c>
      <c r="W4870" s="83">
        <f>Bühler!N4902</f>
        <v>45494.833333321527</v>
      </c>
      <c r="X4870" s="83">
        <v>43303.833333333336</v>
      </c>
      <c r="Y4870">
        <v>165805.61790000001</v>
      </c>
      <c r="Z4870">
        <v>14227.692349999999</v>
      </c>
      <c r="AA4870">
        <v>59726.902000000002</v>
      </c>
      <c r="AB4870">
        <v>30105.821</v>
      </c>
      <c r="AC4870">
        <v>33645.719380000002</v>
      </c>
      <c r="AD4870">
        <v>25425.3122</v>
      </c>
      <c r="AE4870">
        <v>50449.504910000003</v>
      </c>
      <c r="AF4870">
        <v>50212.945099999997</v>
      </c>
      <c r="AG4870">
        <v>30180.55042</v>
      </c>
      <c r="AH4870">
        <v>229043.94880000001</v>
      </c>
      <c r="AI4870">
        <v>72438.956380000003</v>
      </c>
      <c r="AJ4870">
        <v>18556.186180000001</v>
      </c>
      <c r="AK4870">
        <v>39290.909169999999</v>
      </c>
      <c r="AL4870">
        <v>61528.414470000003</v>
      </c>
      <c r="AM4870">
        <v>18603.605759999999</v>
      </c>
      <c r="AN4870">
        <v>84430.527300000002</v>
      </c>
      <c r="AO4870">
        <v>20099.658950000001</v>
      </c>
      <c r="AP4870">
        <v>17592.57806</v>
      </c>
    </row>
    <row r="4871" spans="2:42" x14ac:dyDescent="0.3">
      <c r="B4871">
        <v>45.211796046021163</v>
      </c>
      <c r="C4871" s="83">
        <v>43303.875</v>
      </c>
      <c r="D4871">
        <v>167964.5877</v>
      </c>
      <c r="E4871">
        <v>13291.240750000001</v>
      </c>
      <c r="F4871">
        <v>57315.065130000003</v>
      </c>
      <c r="G4871">
        <v>29644.369449999998</v>
      </c>
      <c r="H4871">
        <v>33418.039149999997</v>
      </c>
      <c r="I4871">
        <v>25335.001349999999</v>
      </c>
      <c r="J4871">
        <v>49493.82086</v>
      </c>
      <c r="K4871">
        <v>51440.102350000001</v>
      </c>
      <c r="L4871">
        <v>28959.123200000002</v>
      </c>
      <c r="M4871">
        <v>230510.8204</v>
      </c>
      <c r="N4871">
        <v>71813.096999999994</v>
      </c>
      <c r="O4871">
        <v>18050.550670000001</v>
      </c>
      <c r="P4871">
        <v>37853.981489999998</v>
      </c>
      <c r="Q4871">
        <v>62536.466</v>
      </c>
      <c r="R4871">
        <v>18265.705249999999</v>
      </c>
      <c r="S4871">
        <v>81605.717139999993</v>
      </c>
      <c r="T4871">
        <v>19310.638180000002</v>
      </c>
      <c r="U4871">
        <v>17791.90984</v>
      </c>
      <c r="W4871" s="83">
        <f>Bühler!N4903</f>
        <v>45494.874999988191</v>
      </c>
      <c r="X4871" s="83">
        <v>43303.875</v>
      </c>
      <c r="Y4871">
        <v>167964.5877</v>
      </c>
      <c r="Z4871">
        <v>13291.240750000001</v>
      </c>
      <c r="AA4871">
        <v>57315.065130000003</v>
      </c>
      <c r="AB4871">
        <v>29644.369449999998</v>
      </c>
      <c r="AC4871">
        <v>33418.039149999997</v>
      </c>
      <c r="AD4871">
        <v>25335.001349999999</v>
      </c>
      <c r="AE4871">
        <v>49493.82086</v>
      </c>
      <c r="AF4871">
        <v>51440.102350000001</v>
      </c>
      <c r="AG4871">
        <v>28959.123200000002</v>
      </c>
      <c r="AH4871">
        <v>230510.8204</v>
      </c>
      <c r="AI4871">
        <v>71813.096999999994</v>
      </c>
      <c r="AJ4871">
        <v>18050.550670000001</v>
      </c>
      <c r="AK4871">
        <v>37853.981489999998</v>
      </c>
      <c r="AL4871">
        <v>62536.466</v>
      </c>
      <c r="AM4871">
        <v>18265.705249999999</v>
      </c>
      <c r="AN4871">
        <v>81605.717139999993</v>
      </c>
      <c r="AO4871">
        <v>19310.638180000002</v>
      </c>
      <c r="AP4871">
        <v>17791.90984</v>
      </c>
    </row>
    <row r="4872" spans="2:42" x14ac:dyDescent="0.3">
      <c r="B4872">
        <v>46.337271495918714</v>
      </c>
      <c r="C4872" s="83">
        <v>43303.916666666664</v>
      </c>
      <c r="D4872">
        <v>170837.3224</v>
      </c>
      <c r="E4872">
        <v>13202.15208</v>
      </c>
      <c r="F4872">
        <v>56963.426670000001</v>
      </c>
      <c r="G4872">
        <v>30380.876370000002</v>
      </c>
      <c r="H4872">
        <v>35099.430379999998</v>
      </c>
      <c r="I4872">
        <v>25319.18432</v>
      </c>
      <c r="J4872">
        <v>48826.518580000004</v>
      </c>
      <c r="K4872">
        <v>53797.927459999999</v>
      </c>
      <c r="L4872">
        <v>26123.002209999999</v>
      </c>
      <c r="M4872">
        <v>236249.0191</v>
      </c>
      <c r="N4872">
        <v>72520.305770000006</v>
      </c>
      <c r="O4872">
        <v>17523.053179999999</v>
      </c>
      <c r="P4872">
        <v>37797.175199999998</v>
      </c>
      <c r="Q4872">
        <v>64290.701260000002</v>
      </c>
      <c r="R4872">
        <v>19581.644469999999</v>
      </c>
      <c r="S4872">
        <v>81634.694680000001</v>
      </c>
      <c r="T4872">
        <v>19113.587800000001</v>
      </c>
      <c r="U4872">
        <v>18572.646509999999</v>
      </c>
      <c r="W4872" s="83">
        <f>Bühler!N4904</f>
        <v>45494.916666654855</v>
      </c>
      <c r="X4872" s="83">
        <v>43303.916666666664</v>
      </c>
      <c r="Y4872">
        <v>170837.3224</v>
      </c>
      <c r="Z4872">
        <v>13202.15208</v>
      </c>
      <c r="AA4872">
        <v>56963.426670000001</v>
      </c>
      <c r="AB4872">
        <v>30380.876370000002</v>
      </c>
      <c r="AC4872">
        <v>35099.430379999998</v>
      </c>
      <c r="AD4872">
        <v>25319.18432</v>
      </c>
      <c r="AE4872">
        <v>48826.518580000004</v>
      </c>
      <c r="AF4872">
        <v>53797.927459999999</v>
      </c>
      <c r="AG4872">
        <v>26123.002209999999</v>
      </c>
      <c r="AH4872">
        <v>236249.0191</v>
      </c>
      <c r="AI4872">
        <v>72520.305770000006</v>
      </c>
      <c r="AJ4872">
        <v>17523.053179999999</v>
      </c>
      <c r="AK4872">
        <v>37797.175199999998</v>
      </c>
      <c r="AL4872">
        <v>64290.701260000002</v>
      </c>
      <c r="AM4872">
        <v>19581.644469999999</v>
      </c>
      <c r="AN4872">
        <v>81634.694680000001</v>
      </c>
      <c r="AO4872">
        <v>19113.587800000001</v>
      </c>
      <c r="AP4872">
        <v>18572.646509999999</v>
      </c>
    </row>
    <row r="4873" spans="2:42" x14ac:dyDescent="0.3">
      <c r="B4873">
        <v>47.125495724630319</v>
      </c>
      <c r="C4873" s="83">
        <v>43303.958333333336</v>
      </c>
      <c r="D4873">
        <v>172241.35370000001</v>
      </c>
      <c r="E4873">
        <v>13031.66913</v>
      </c>
      <c r="F4873">
        <v>55682.175329999998</v>
      </c>
      <c r="G4873">
        <v>30532.65438</v>
      </c>
      <c r="H4873">
        <v>34503.475780000001</v>
      </c>
      <c r="I4873">
        <v>25139.744750000002</v>
      </c>
      <c r="J4873">
        <v>43479.566959999996</v>
      </c>
      <c r="K4873">
        <v>53413.552860000003</v>
      </c>
      <c r="L4873">
        <v>22344.23732</v>
      </c>
      <c r="M4873">
        <v>240267.75380000001</v>
      </c>
      <c r="N4873">
        <v>72063.866460000005</v>
      </c>
      <c r="O4873">
        <v>16993.366770000001</v>
      </c>
      <c r="P4873">
        <v>34126.280270000003</v>
      </c>
      <c r="Q4873">
        <v>66027.047630000001</v>
      </c>
      <c r="R4873">
        <v>20245.85771</v>
      </c>
      <c r="S4873">
        <v>79633.223230000003</v>
      </c>
      <c r="T4873">
        <v>18488.32285</v>
      </c>
      <c r="U4873">
        <v>18288.84417</v>
      </c>
      <c r="W4873" s="83">
        <f>Bühler!N4905</f>
        <v>45494.95833332152</v>
      </c>
      <c r="X4873" s="83">
        <v>43303.958333333336</v>
      </c>
      <c r="Y4873">
        <v>172241.35370000001</v>
      </c>
      <c r="Z4873">
        <v>13031.66913</v>
      </c>
      <c r="AA4873">
        <v>55682.175329999998</v>
      </c>
      <c r="AB4873">
        <v>30532.65438</v>
      </c>
      <c r="AC4873">
        <v>34503.475780000001</v>
      </c>
      <c r="AD4873">
        <v>25139.744750000002</v>
      </c>
      <c r="AE4873">
        <v>43479.566959999996</v>
      </c>
      <c r="AF4873">
        <v>53413.552860000003</v>
      </c>
      <c r="AG4873">
        <v>22344.23732</v>
      </c>
      <c r="AH4873">
        <v>240267.75380000001</v>
      </c>
      <c r="AI4873">
        <v>72063.866460000005</v>
      </c>
      <c r="AJ4873">
        <v>16993.366770000001</v>
      </c>
      <c r="AK4873">
        <v>34126.280270000003</v>
      </c>
      <c r="AL4873">
        <v>66027.047630000001</v>
      </c>
      <c r="AM4873">
        <v>20245.85771</v>
      </c>
      <c r="AN4873">
        <v>79633.223230000003</v>
      </c>
      <c r="AO4873">
        <v>18488.32285</v>
      </c>
      <c r="AP4873">
        <v>18288.84417</v>
      </c>
    </row>
    <row r="4874" spans="2:42" x14ac:dyDescent="0.3">
      <c r="B4874">
        <v>44.340127508479071</v>
      </c>
      <c r="C4874" s="83">
        <v>43304</v>
      </c>
      <c r="D4874">
        <v>170046.76490000001</v>
      </c>
      <c r="E4874">
        <v>12659.083839999999</v>
      </c>
      <c r="F4874">
        <v>53907.958359999997</v>
      </c>
      <c r="G4874">
        <v>30307.031220000001</v>
      </c>
      <c r="H4874">
        <v>34277.405129999999</v>
      </c>
      <c r="I4874">
        <v>22388.500909999999</v>
      </c>
      <c r="J4874">
        <v>40331.72524</v>
      </c>
      <c r="K4874">
        <v>50667.587729999999</v>
      </c>
      <c r="L4874">
        <v>20729.016810000001</v>
      </c>
      <c r="M4874">
        <v>226066.6477</v>
      </c>
      <c r="N4874">
        <v>69874.58382</v>
      </c>
      <c r="O4874">
        <v>17339.204259999999</v>
      </c>
      <c r="P4874">
        <v>30465.860079999999</v>
      </c>
      <c r="Q4874">
        <v>63449.226999999999</v>
      </c>
      <c r="R4874">
        <v>16377.56797</v>
      </c>
      <c r="S4874">
        <v>79325.107139999993</v>
      </c>
      <c r="T4874">
        <v>18216.520540000001</v>
      </c>
      <c r="U4874">
        <v>17165.919989999999</v>
      </c>
      <c r="W4874" s="83">
        <f>Bühler!N4906</f>
        <v>45494.999999988184</v>
      </c>
      <c r="X4874" s="83">
        <v>43304</v>
      </c>
      <c r="Y4874">
        <v>170046.76490000001</v>
      </c>
      <c r="Z4874">
        <v>12659.083839999999</v>
      </c>
      <c r="AA4874">
        <v>53907.958359999997</v>
      </c>
      <c r="AB4874">
        <v>30307.031220000001</v>
      </c>
      <c r="AC4874">
        <v>34277.405129999999</v>
      </c>
      <c r="AD4874">
        <v>22388.500909999999</v>
      </c>
      <c r="AE4874">
        <v>40331.72524</v>
      </c>
      <c r="AF4874">
        <v>50667.587729999999</v>
      </c>
      <c r="AG4874">
        <v>20729.016810000001</v>
      </c>
      <c r="AH4874">
        <v>226066.6477</v>
      </c>
      <c r="AI4874">
        <v>69874.58382</v>
      </c>
      <c r="AJ4874">
        <v>17339.204259999999</v>
      </c>
      <c r="AK4874">
        <v>30465.860079999999</v>
      </c>
      <c r="AL4874">
        <v>63449.226999999999</v>
      </c>
      <c r="AM4874">
        <v>16377.56797</v>
      </c>
      <c r="AN4874">
        <v>79325.107139999993</v>
      </c>
      <c r="AO4874">
        <v>18216.520540000001</v>
      </c>
      <c r="AP4874">
        <v>17165.919989999999</v>
      </c>
    </row>
    <row r="4875" spans="2:42" x14ac:dyDescent="0.3">
      <c r="B4875">
        <v>44.355820306005576</v>
      </c>
      <c r="C4875" s="83">
        <v>43304.041666666664</v>
      </c>
      <c r="D4875">
        <v>170665.1232</v>
      </c>
      <c r="E4875">
        <v>12535.714470000001</v>
      </c>
      <c r="F4875">
        <v>53336.43316</v>
      </c>
      <c r="G4875">
        <v>29535.94499</v>
      </c>
      <c r="H4875">
        <v>33743.860229999998</v>
      </c>
      <c r="I4875">
        <v>18825.724829999999</v>
      </c>
      <c r="J4875">
        <v>38379.405200000001</v>
      </c>
      <c r="K4875">
        <v>49394.531940000001</v>
      </c>
      <c r="L4875">
        <v>19201.146710000001</v>
      </c>
      <c r="M4875">
        <v>226146.6569</v>
      </c>
      <c r="N4875">
        <v>69373.601840000003</v>
      </c>
      <c r="O4875">
        <v>17390.637839999999</v>
      </c>
      <c r="P4875">
        <v>28065.585439999999</v>
      </c>
      <c r="Q4875">
        <v>65549.715060000002</v>
      </c>
      <c r="R4875">
        <v>14024.582560000001</v>
      </c>
      <c r="S4875">
        <v>77483.692280000003</v>
      </c>
      <c r="T4875">
        <v>17515.825639999999</v>
      </c>
      <c r="U4875">
        <v>16949.517889999999</v>
      </c>
      <c r="W4875" s="83">
        <f>Bühler!N4907</f>
        <v>45495.041666654848</v>
      </c>
      <c r="X4875" s="83">
        <v>43304.041666666664</v>
      </c>
      <c r="Y4875">
        <v>170665.1232</v>
      </c>
      <c r="Z4875">
        <v>12535.714470000001</v>
      </c>
      <c r="AA4875">
        <v>53336.43316</v>
      </c>
      <c r="AB4875">
        <v>29535.94499</v>
      </c>
      <c r="AC4875">
        <v>33743.860229999998</v>
      </c>
      <c r="AD4875">
        <v>18825.724829999999</v>
      </c>
      <c r="AE4875">
        <v>38379.405200000001</v>
      </c>
      <c r="AF4875">
        <v>49394.531940000001</v>
      </c>
      <c r="AG4875">
        <v>19201.146710000001</v>
      </c>
      <c r="AH4875">
        <v>226146.6569</v>
      </c>
      <c r="AI4875">
        <v>69373.601840000003</v>
      </c>
      <c r="AJ4875">
        <v>17390.637839999999</v>
      </c>
      <c r="AK4875">
        <v>28065.585439999999</v>
      </c>
      <c r="AL4875">
        <v>65549.715060000002</v>
      </c>
      <c r="AM4875">
        <v>14024.582560000001</v>
      </c>
      <c r="AN4875">
        <v>77483.692280000003</v>
      </c>
      <c r="AO4875">
        <v>17515.825639999999</v>
      </c>
      <c r="AP4875">
        <v>16949.517889999999</v>
      </c>
    </row>
    <row r="4876" spans="2:42" x14ac:dyDescent="0.3">
      <c r="B4876">
        <v>44.772261595914259</v>
      </c>
      <c r="C4876" s="83">
        <v>43304.083333333336</v>
      </c>
      <c r="D4876">
        <v>172167.65789999999</v>
      </c>
      <c r="E4876">
        <v>12322.76727</v>
      </c>
      <c r="F4876">
        <v>54785.895700000001</v>
      </c>
      <c r="G4876">
        <v>28789.67007</v>
      </c>
      <c r="H4876">
        <v>33396.728089999997</v>
      </c>
      <c r="I4876">
        <v>17413.754720000001</v>
      </c>
      <c r="J4876">
        <v>37959.621959999997</v>
      </c>
      <c r="K4876">
        <v>46934.359089999998</v>
      </c>
      <c r="L4876">
        <v>18644.80946</v>
      </c>
      <c r="M4876">
        <v>228269.8688</v>
      </c>
      <c r="N4876">
        <v>68247.601790000001</v>
      </c>
      <c r="O4876">
        <v>16792.628519999998</v>
      </c>
      <c r="P4876">
        <v>26632.96386</v>
      </c>
      <c r="Q4876">
        <v>69031.079119999995</v>
      </c>
      <c r="R4876">
        <v>14869.658359999999</v>
      </c>
      <c r="S4876">
        <v>76364.239440000005</v>
      </c>
      <c r="T4876">
        <v>16877.151229999999</v>
      </c>
      <c r="U4876">
        <v>16734.925660000001</v>
      </c>
      <c r="W4876" s="83">
        <f>Bühler!N4908</f>
        <v>45495.083333321512</v>
      </c>
      <c r="X4876" s="83">
        <v>43304.083333333336</v>
      </c>
      <c r="Y4876">
        <v>172167.65789999999</v>
      </c>
      <c r="Z4876">
        <v>12322.76727</v>
      </c>
      <c r="AA4876">
        <v>54785.895700000001</v>
      </c>
      <c r="AB4876">
        <v>28789.67007</v>
      </c>
      <c r="AC4876">
        <v>33396.728089999997</v>
      </c>
      <c r="AD4876">
        <v>17413.754720000001</v>
      </c>
      <c r="AE4876">
        <v>37959.621959999997</v>
      </c>
      <c r="AF4876">
        <v>46934.359089999998</v>
      </c>
      <c r="AG4876">
        <v>18644.80946</v>
      </c>
      <c r="AH4876">
        <v>228269.8688</v>
      </c>
      <c r="AI4876">
        <v>68247.601790000001</v>
      </c>
      <c r="AJ4876">
        <v>16792.628519999998</v>
      </c>
      <c r="AK4876">
        <v>26632.96386</v>
      </c>
      <c r="AL4876">
        <v>69031.079119999995</v>
      </c>
      <c r="AM4876">
        <v>14869.658359999999</v>
      </c>
      <c r="AN4876">
        <v>76364.239440000005</v>
      </c>
      <c r="AO4876">
        <v>16877.151229999999</v>
      </c>
      <c r="AP4876">
        <v>16734.925660000001</v>
      </c>
    </row>
    <row r="4877" spans="2:42" x14ac:dyDescent="0.3">
      <c r="B4877">
        <v>46.43098465747638</v>
      </c>
      <c r="C4877" s="83">
        <v>43304.125</v>
      </c>
      <c r="D4877">
        <v>176388.95860000001</v>
      </c>
      <c r="E4877">
        <v>12568.756950000001</v>
      </c>
      <c r="F4877">
        <v>56657.052490000002</v>
      </c>
      <c r="G4877">
        <v>27930.177589999999</v>
      </c>
      <c r="H4877">
        <v>33350.416279999998</v>
      </c>
      <c r="I4877">
        <v>17130.983789999998</v>
      </c>
      <c r="J4877">
        <v>37457.472739999997</v>
      </c>
      <c r="K4877">
        <v>45040.969570000001</v>
      </c>
      <c r="L4877">
        <v>18145.242869999998</v>
      </c>
      <c r="M4877">
        <v>236726.8125</v>
      </c>
      <c r="N4877">
        <v>70164.012499999997</v>
      </c>
      <c r="O4877">
        <v>17258.516339999998</v>
      </c>
      <c r="P4877">
        <v>26261.113099999999</v>
      </c>
      <c r="Q4877">
        <v>74347.916740000001</v>
      </c>
      <c r="R4877">
        <v>13850.36922</v>
      </c>
      <c r="S4877">
        <v>75462.807329999996</v>
      </c>
      <c r="T4877">
        <v>16793.84909</v>
      </c>
      <c r="U4877">
        <v>16529.131290000001</v>
      </c>
      <c r="W4877" s="83">
        <f>Bühler!N4909</f>
        <v>45495.124999988177</v>
      </c>
      <c r="X4877" s="83">
        <v>43304.125</v>
      </c>
      <c r="Y4877">
        <v>176388.95860000001</v>
      </c>
      <c r="Z4877">
        <v>12568.756950000001</v>
      </c>
      <c r="AA4877">
        <v>56657.052490000002</v>
      </c>
      <c r="AB4877">
        <v>27930.177589999999</v>
      </c>
      <c r="AC4877">
        <v>33350.416279999998</v>
      </c>
      <c r="AD4877">
        <v>17130.983789999998</v>
      </c>
      <c r="AE4877">
        <v>37457.472739999997</v>
      </c>
      <c r="AF4877">
        <v>45040.969570000001</v>
      </c>
      <c r="AG4877">
        <v>18145.242869999998</v>
      </c>
      <c r="AH4877">
        <v>236726.8125</v>
      </c>
      <c r="AI4877">
        <v>70164.012499999997</v>
      </c>
      <c r="AJ4877">
        <v>17258.516339999998</v>
      </c>
      <c r="AK4877">
        <v>26261.113099999999</v>
      </c>
      <c r="AL4877">
        <v>74347.916740000001</v>
      </c>
      <c r="AM4877">
        <v>13850.36922</v>
      </c>
      <c r="AN4877">
        <v>75462.807329999996</v>
      </c>
      <c r="AO4877">
        <v>16793.84909</v>
      </c>
      <c r="AP4877">
        <v>16529.131290000001</v>
      </c>
    </row>
    <row r="4878" spans="2:42" x14ac:dyDescent="0.3">
      <c r="B4878">
        <v>49.963323971320349</v>
      </c>
      <c r="C4878" s="83">
        <v>43304.166666666664</v>
      </c>
      <c r="D4878">
        <v>188077.49249999999</v>
      </c>
      <c r="E4878">
        <v>13306.19893</v>
      </c>
      <c r="F4878">
        <v>59985.81884</v>
      </c>
      <c r="G4878">
        <v>27741.50114</v>
      </c>
      <c r="H4878">
        <v>34091.346980000002</v>
      </c>
      <c r="I4878">
        <v>18117.020540000001</v>
      </c>
      <c r="J4878">
        <v>39410.676800000001</v>
      </c>
      <c r="K4878">
        <v>45668.408649999998</v>
      </c>
      <c r="L4878">
        <v>17827.171249999999</v>
      </c>
      <c r="M4878">
        <v>254736.32560000001</v>
      </c>
      <c r="N4878">
        <v>70498.052209999994</v>
      </c>
      <c r="O4878">
        <v>17745.646789999999</v>
      </c>
      <c r="P4878">
        <v>25886.22982</v>
      </c>
      <c r="Q4878">
        <v>80237.579110000006</v>
      </c>
      <c r="R4878">
        <v>15076.08322</v>
      </c>
      <c r="S4878">
        <v>75844.684030000004</v>
      </c>
      <c r="T4878">
        <v>16997.121090000001</v>
      </c>
      <c r="U4878">
        <v>17362.475869999998</v>
      </c>
      <c r="W4878" s="83">
        <f>Bühler!N4910</f>
        <v>45495.166666654841</v>
      </c>
      <c r="X4878" s="83">
        <v>43304.166666666664</v>
      </c>
      <c r="Y4878">
        <v>188077.49249999999</v>
      </c>
      <c r="Z4878">
        <v>13306.19893</v>
      </c>
      <c r="AA4878">
        <v>59985.81884</v>
      </c>
      <c r="AB4878">
        <v>27741.50114</v>
      </c>
      <c r="AC4878">
        <v>34091.346980000002</v>
      </c>
      <c r="AD4878">
        <v>18117.020540000001</v>
      </c>
      <c r="AE4878">
        <v>39410.676800000001</v>
      </c>
      <c r="AF4878">
        <v>45668.408649999998</v>
      </c>
      <c r="AG4878">
        <v>17827.171249999999</v>
      </c>
      <c r="AH4878">
        <v>254736.32560000001</v>
      </c>
      <c r="AI4878">
        <v>70498.052209999994</v>
      </c>
      <c r="AJ4878">
        <v>17745.646789999999</v>
      </c>
      <c r="AK4878">
        <v>25886.22982</v>
      </c>
      <c r="AL4878">
        <v>80237.579110000006</v>
      </c>
      <c r="AM4878">
        <v>15076.08322</v>
      </c>
      <c r="AN4878">
        <v>75844.684030000004</v>
      </c>
      <c r="AO4878">
        <v>16997.121090000001</v>
      </c>
      <c r="AP4878">
        <v>17362.475869999998</v>
      </c>
    </row>
    <row r="4879" spans="2:42" x14ac:dyDescent="0.3">
      <c r="B4879">
        <v>56.140594563621598</v>
      </c>
      <c r="C4879" s="83">
        <v>43304.208333333336</v>
      </c>
      <c r="D4879">
        <v>220525.6636</v>
      </c>
      <c r="E4879">
        <v>15488.112870000001</v>
      </c>
      <c r="F4879">
        <v>69856.638609999995</v>
      </c>
      <c r="G4879">
        <v>28490.638299999999</v>
      </c>
      <c r="H4879">
        <v>35872.767070000002</v>
      </c>
      <c r="I4879">
        <v>23445.32631</v>
      </c>
      <c r="J4879">
        <v>43107.58021</v>
      </c>
      <c r="K4879">
        <v>47171.306490000003</v>
      </c>
      <c r="L4879">
        <v>18555.921910000001</v>
      </c>
      <c r="M4879">
        <v>286230.93180000002</v>
      </c>
      <c r="N4879">
        <v>72330.549610000002</v>
      </c>
      <c r="O4879">
        <v>18832.917560000002</v>
      </c>
      <c r="P4879">
        <v>26905.72812</v>
      </c>
      <c r="Q4879">
        <v>88267.803260000001</v>
      </c>
      <c r="R4879">
        <v>16927.640329999998</v>
      </c>
      <c r="S4879">
        <v>78191.944489999994</v>
      </c>
      <c r="T4879">
        <v>18816.43276</v>
      </c>
      <c r="U4879">
        <v>19649.749909999999</v>
      </c>
      <c r="W4879" s="83">
        <f>Bühler!N4911</f>
        <v>45495.208333321505</v>
      </c>
      <c r="X4879" s="83">
        <v>43304.208333333336</v>
      </c>
      <c r="Y4879">
        <v>220525.6636</v>
      </c>
      <c r="Z4879">
        <v>15488.112870000001</v>
      </c>
      <c r="AA4879">
        <v>69856.638609999995</v>
      </c>
      <c r="AB4879">
        <v>28490.638299999999</v>
      </c>
      <c r="AC4879">
        <v>35872.767070000002</v>
      </c>
      <c r="AD4879">
        <v>23445.32631</v>
      </c>
      <c r="AE4879">
        <v>43107.58021</v>
      </c>
      <c r="AF4879">
        <v>47171.306490000003</v>
      </c>
      <c r="AG4879">
        <v>18555.921910000001</v>
      </c>
      <c r="AH4879">
        <v>286230.93180000002</v>
      </c>
      <c r="AI4879">
        <v>72330.549610000002</v>
      </c>
      <c r="AJ4879">
        <v>18832.917560000002</v>
      </c>
      <c r="AK4879">
        <v>26905.72812</v>
      </c>
      <c r="AL4879">
        <v>88267.803260000001</v>
      </c>
      <c r="AM4879">
        <v>16927.640329999998</v>
      </c>
      <c r="AN4879">
        <v>78191.944489999994</v>
      </c>
      <c r="AO4879">
        <v>18816.43276</v>
      </c>
      <c r="AP4879">
        <v>19649.749909999999</v>
      </c>
    </row>
    <row r="4880" spans="2:42" x14ac:dyDescent="0.3">
      <c r="B4880">
        <v>61.003010736892065</v>
      </c>
      <c r="C4880" s="83">
        <v>43304.25</v>
      </c>
      <c r="D4880">
        <v>245492.33429999999</v>
      </c>
      <c r="E4880">
        <v>19070.779450000002</v>
      </c>
      <c r="F4880">
        <v>81411.026750000005</v>
      </c>
      <c r="G4880">
        <v>29721.44124</v>
      </c>
      <c r="H4880">
        <v>37667.034039999999</v>
      </c>
      <c r="I4880">
        <v>27086.149969999999</v>
      </c>
      <c r="J4880">
        <v>45599.694949999997</v>
      </c>
      <c r="K4880">
        <v>49374.78</v>
      </c>
      <c r="L4880">
        <v>19394.122960000001</v>
      </c>
      <c r="M4880">
        <v>311021.79700000002</v>
      </c>
      <c r="N4880">
        <v>75443.706269999995</v>
      </c>
      <c r="O4880">
        <v>20947.973890000001</v>
      </c>
      <c r="P4880">
        <v>28310.465690000001</v>
      </c>
      <c r="Q4880">
        <v>92664.3842</v>
      </c>
      <c r="R4880">
        <v>16489.641210000002</v>
      </c>
      <c r="S4880">
        <v>84817.078649999996</v>
      </c>
      <c r="T4880">
        <v>20048.71413</v>
      </c>
      <c r="U4880">
        <v>21843.99134</v>
      </c>
      <c r="W4880" s="83">
        <f>Bühler!N4912</f>
        <v>45495.249999988169</v>
      </c>
      <c r="X4880" s="83">
        <v>43304.25</v>
      </c>
      <c r="Y4880">
        <v>245492.33429999999</v>
      </c>
      <c r="Z4880">
        <v>19070.779450000002</v>
      </c>
      <c r="AA4880">
        <v>81411.026750000005</v>
      </c>
      <c r="AB4880">
        <v>29721.44124</v>
      </c>
      <c r="AC4880">
        <v>37667.034039999999</v>
      </c>
      <c r="AD4880">
        <v>27086.149969999999</v>
      </c>
      <c r="AE4880">
        <v>45599.694949999997</v>
      </c>
      <c r="AF4880">
        <v>49374.78</v>
      </c>
      <c r="AG4880">
        <v>19394.122960000001</v>
      </c>
      <c r="AH4880">
        <v>311021.79700000002</v>
      </c>
      <c r="AI4880">
        <v>75443.706269999995</v>
      </c>
      <c r="AJ4880">
        <v>20947.973890000001</v>
      </c>
      <c r="AK4880">
        <v>28310.465690000001</v>
      </c>
      <c r="AL4880">
        <v>92664.3842</v>
      </c>
      <c r="AM4880">
        <v>16489.641210000002</v>
      </c>
      <c r="AN4880">
        <v>84817.078649999996</v>
      </c>
      <c r="AO4880">
        <v>20048.71413</v>
      </c>
      <c r="AP4880">
        <v>21843.99134</v>
      </c>
    </row>
    <row r="4881" spans="2:42" x14ac:dyDescent="0.3">
      <c r="B4881">
        <v>64.530953650231126</v>
      </c>
      <c r="C4881" s="83">
        <v>43304.291666666664</v>
      </c>
      <c r="D4881">
        <v>262389.37969999999</v>
      </c>
      <c r="E4881">
        <v>23475.35281</v>
      </c>
      <c r="F4881">
        <v>86120.964210000006</v>
      </c>
      <c r="G4881">
        <v>33062.885249999999</v>
      </c>
      <c r="H4881">
        <v>42227.365640000004</v>
      </c>
      <c r="I4881">
        <v>32315.68388</v>
      </c>
      <c r="J4881">
        <v>47352.049059999998</v>
      </c>
      <c r="K4881">
        <v>54966.290079999999</v>
      </c>
      <c r="L4881">
        <v>22338.351699999999</v>
      </c>
      <c r="M4881">
        <v>329008.89520000003</v>
      </c>
      <c r="N4881">
        <v>81012.52708</v>
      </c>
      <c r="O4881">
        <v>23369.009269999999</v>
      </c>
      <c r="P4881">
        <v>31292.73143</v>
      </c>
      <c r="Q4881">
        <v>95921.575429999997</v>
      </c>
      <c r="R4881">
        <v>19359.589469999999</v>
      </c>
      <c r="S4881">
        <v>98583.403520000007</v>
      </c>
      <c r="T4881">
        <v>22344.556430000001</v>
      </c>
      <c r="U4881">
        <v>25506.784220000001</v>
      </c>
      <c r="W4881" s="83">
        <f>Bühler!N4913</f>
        <v>45495.291666654834</v>
      </c>
      <c r="X4881" s="83">
        <v>43304.291666666664</v>
      </c>
      <c r="Y4881">
        <v>262389.37969999999</v>
      </c>
      <c r="Z4881">
        <v>23475.35281</v>
      </c>
      <c r="AA4881">
        <v>86120.964210000006</v>
      </c>
      <c r="AB4881">
        <v>33062.885249999999</v>
      </c>
      <c r="AC4881">
        <v>42227.365640000004</v>
      </c>
      <c r="AD4881">
        <v>32315.68388</v>
      </c>
      <c r="AE4881">
        <v>47352.049059999998</v>
      </c>
      <c r="AF4881">
        <v>54966.290079999999</v>
      </c>
      <c r="AG4881">
        <v>22338.351699999999</v>
      </c>
      <c r="AH4881">
        <v>329008.89520000003</v>
      </c>
      <c r="AI4881">
        <v>81012.52708</v>
      </c>
      <c r="AJ4881">
        <v>23369.009269999999</v>
      </c>
      <c r="AK4881">
        <v>31292.73143</v>
      </c>
      <c r="AL4881">
        <v>95921.575429999997</v>
      </c>
      <c r="AM4881">
        <v>19359.589469999999</v>
      </c>
      <c r="AN4881">
        <v>98583.403520000007</v>
      </c>
      <c r="AO4881">
        <v>22344.556430000001</v>
      </c>
      <c r="AP4881">
        <v>25506.784220000001</v>
      </c>
    </row>
    <row r="4882" spans="2:42" x14ac:dyDescent="0.3">
      <c r="B4882">
        <v>66.370291633661452</v>
      </c>
      <c r="C4882" s="83">
        <v>43304.333333333336</v>
      </c>
      <c r="D4882">
        <v>278233.88760000002</v>
      </c>
      <c r="E4882">
        <v>29123.67266</v>
      </c>
      <c r="F4882">
        <v>94473.318830000004</v>
      </c>
      <c r="G4882">
        <v>37340.448020000003</v>
      </c>
      <c r="H4882">
        <v>46857.152699999999</v>
      </c>
      <c r="I4882">
        <v>35952.394690000001</v>
      </c>
      <c r="J4882">
        <v>51515.947059999999</v>
      </c>
      <c r="K4882">
        <v>62120.217230000002</v>
      </c>
      <c r="L4882">
        <v>25580.382610000001</v>
      </c>
      <c r="M4882">
        <v>338386.69799999997</v>
      </c>
      <c r="N4882">
        <v>87194.207469999994</v>
      </c>
      <c r="O4882">
        <v>26049.07055</v>
      </c>
      <c r="P4882">
        <v>34590.51036</v>
      </c>
      <c r="Q4882">
        <v>97607.347970000003</v>
      </c>
      <c r="R4882">
        <v>21436.09607</v>
      </c>
      <c r="S4882">
        <v>111660.1072</v>
      </c>
      <c r="T4882">
        <v>24894.237239999999</v>
      </c>
      <c r="U4882">
        <v>28869.872449999999</v>
      </c>
      <c r="W4882" s="83">
        <f>Bühler!N4914</f>
        <v>45495.333333321498</v>
      </c>
      <c r="X4882" s="83">
        <v>43304.333333333336</v>
      </c>
      <c r="Y4882">
        <v>278233.88760000002</v>
      </c>
      <c r="Z4882">
        <v>29123.67266</v>
      </c>
      <c r="AA4882">
        <v>94473.318830000004</v>
      </c>
      <c r="AB4882">
        <v>37340.448020000003</v>
      </c>
      <c r="AC4882">
        <v>46857.152699999999</v>
      </c>
      <c r="AD4882">
        <v>35952.394690000001</v>
      </c>
      <c r="AE4882">
        <v>51515.947059999999</v>
      </c>
      <c r="AF4882">
        <v>62120.217230000002</v>
      </c>
      <c r="AG4882">
        <v>25580.382610000001</v>
      </c>
      <c r="AH4882">
        <v>338386.69799999997</v>
      </c>
      <c r="AI4882">
        <v>87194.207469999994</v>
      </c>
      <c r="AJ4882">
        <v>26049.07055</v>
      </c>
      <c r="AK4882">
        <v>34590.51036</v>
      </c>
      <c r="AL4882">
        <v>97607.347970000003</v>
      </c>
      <c r="AM4882">
        <v>21436.09607</v>
      </c>
      <c r="AN4882">
        <v>111660.1072</v>
      </c>
      <c r="AO4882">
        <v>24894.237239999999</v>
      </c>
      <c r="AP4882">
        <v>28869.872449999999</v>
      </c>
    </row>
    <row r="4883" spans="2:42" x14ac:dyDescent="0.3">
      <c r="B4883">
        <v>67.943444609880487</v>
      </c>
      <c r="C4883" s="83">
        <v>43304.375</v>
      </c>
      <c r="D4883">
        <v>284907.02309999999</v>
      </c>
      <c r="E4883">
        <v>34177.614840000002</v>
      </c>
      <c r="F4883">
        <v>103195.15150000001</v>
      </c>
      <c r="G4883">
        <v>40921.815750000002</v>
      </c>
      <c r="H4883">
        <v>50104.571600000003</v>
      </c>
      <c r="I4883">
        <v>36560.271950000002</v>
      </c>
      <c r="J4883">
        <v>54919.209640000001</v>
      </c>
      <c r="K4883">
        <v>64899.825790000003</v>
      </c>
      <c r="L4883">
        <v>29449.96327</v>
      </c>
      <c r="M4883">
        <v>346407.36550000001</v>
      </c>
      <c r="N4883">
        <v>93024.599520000003</v>
      </c>
      <c r="O4883">
        <v>28083.654569999999</v>
      </c>
      <c r="P4883">
        <v>37696.716939999998</v>
      </c>
      <c r="Q4883">
        <v>100828.678</v>
      </c>
      <c r="R4883">
        <v>23173.344420000001</v>
      </c>
      <c r="S4883">
        <v>120246.8661</v>
      </c>
      <c r="T4883">
        <v>27508.19541</v>
      </c>
      <c r="U4883">
        <v>30543.421559999999</v>
      </c>
      <c r="W4883" s="83">
        <f>Bühler!N4915</f>
        <v>45495.374999988162</v>
      </c>
      <c r="X4883" s="83">
        <v>43304.375</v>
      </c>
      <c r="Y4883">
        <v>284907.02309999999</v>
      </c>
      <c r="Z4883">
        <v>34177.614840000002</v>
      </c>
      <c r="AA4883">
        <v>103195.15150000001</v>
      </c>
      <c r="AB4883">
        <v>40921.815750000002</v>
      </c>
      <c r="AC4883">
        <v>50104.571600000003</v>
      </c>
      <c r="AD4883">
        <v>36560.271950000002</v>
      </c>
      <c r="AE4883">
        <v>54919.209640000001</v>
      </c>
      <c r="AF4883">
        <v>64899.825790000003</v>
      </c>
      <c r="AG4883">
        <v>29449.96327</v>
      </c>
      <c r="AH4883">
        <v>346407.36550000001</v>
      </c>
      <c r="AI4883">
        <v>93024.599520000003</v>
      </c>
      <c r="AJ4883">
        <v>28083.654569999999</v>
      </c>
      <c r="AK4883">
        <v>37696.716939999998</v>
      </c>
      <c r="AL4883">
        <v>100828.678</v>
      </c>
      <c r="AM4883">
        <v>23173.344420000001</v>
      </c>
      <c r="AN4883">
        <v>120246.8661</v>
      </c>
      <c r="AO4883">
        <v>27508.19541</v>
      </c>
      <c r="AP4883">
        <v>30543.421559999999</v>
      </c>
    </row>
    <row r="4884" spans="2:42" x14ac:dyDescent="0.3">
      <c r="B4884">
        <v>69.146946151021666</v>
      </c>
      <c r="C4884" s="83">
        <v>43304.416666666664</v>
      </c>
      <c r="D4884">
        <v>289721.80209999997</v>
      </c>
      <c r="E4884">
        <v>36503.119079999997</v>
      </c>
      <c r="F4884">
        <v>106340.6811</v>
      </c>
      <c r="G4884">
        <v>43163.6803</v>
      </c>
      <c r="H4884">
        <v>52197.006249999999</v>
      </c>
      <c r="I4884">
        <v>35414.165240000002</v>
      </c>
      <c r="J4884">
        <v>56140.203809999999</v>
      </c>
      <c r="K4884">
        <v>67221.729309999995</v>
      </c>
      <c r="L4884">
        <v>32929.284670000001</v>
      </c>
      <c r="M4884">
        <v>352543.37760000001</v>
      </c>
      <c r="N4884">
        <v>96032.673490000001</v>
      </c>
      <c r="O4884">
        <v>28761.959599999998</v>
      </c>
      <c r="P4884">
        <v>39361.27203</v>
      </c>
      <c r="Q4884">
        <v>102207.0096</v>
      </c>
      <c r="R4884">
        <v>23682.24469</v>
      </c>
      <c r="S4884">
        <v>122366.0447</v>
      </c>
      <c r="T4884">
        <v>29987.96141</v>
      </c>
      <c r="U4884">
        <v>30296.73948</v>
      </c>
      <c r="W4884" s="83">
        <f>Bühler!N4916</f>
        <v>45495.416666654826</v>
      </c>
      <c r="X4884" s="83">
        <v>43304.416666666664</v>
      </c>
      <c r="Y4884">
        <v>289721.80209999997</v>
      </c>
      <c r="Z4884">
        <v>36503.119079999997</v>
      </c>
      <c r="AA4884">
        <v>106340.6811</v>
      </c>
      <c r="AB4884">
        <v>43163.6803</v>
      </c>
      <c r="AC4884">
        <v>52197.006249999999</v>
      </c>
      <c r="AD4884">
        <v>35414.165240000002</v>
      </c>
      <c r="AE4884">
        <v>56140.203809999999</v>
      </c>
      <c r="AF4884">
        <v>67221.729309999995</v>
      </c>
      <c r="AG4884">
        <v>32929.284670000001</v>
      </c>
      <c r="AH4884">
        <v>352543.37760000001</v>
      </c>
      <c r="AI4884">
        <v>96032.673490000001</v>
      </c>
      <c r="AJ4884">
        <v>28761.959599999998</v>
      </c>
      <c r="AK4884">
        <v>39361.27203</v>
      </c>
      <c r="AL4884">
        <v>102207.0096</v>
      </c>
      <c r="AM4884">
        <v>23682.24469</v>
      </c>
      <c r="AN4884">
        <v>122366.0447</v>
      </c>
      <c r="AO4884">
        <v>29987.96141</v>
      </c>
      <c r="AP4884">
        <v>30296.73948</v>
      </c>
    </row>
    <row r="4885" spans="2:42" x14ac:dyDescent="0.3">
      <c r="B4885">
        <v>70.469866113147546</v>
      </c>
      <c r="C4885" s="83">
        <v>43304.458333333336</v>
      </c>
      <c r="D4885">
        <v>290938.64679999999</v>
      </c>
      <c r="E4885">
        <v>37069.861850000001</v>
      </c>
      <c r="F4885">
        <v>107841.1489</v>
      </c>
      <c r="G4885">
        <v>43942.711589999999</v>
      </c>
      <c r="H4885">
        <v>52722.75387</v>
      </c>
      <c r="I4885">
        <v>35169.907339999998</v>
      </c>
      <c r="J4885">
        <v>56310.356220000001</v>
      </c>
      <c r="K4885">
        <v>67119.073359999995</v>
      </c>
      <c r="L4885">
        <v>34528.853810000001</v>
      </c>
      <c r="M4885">
        <v>359288.24050000001</v>
      </c>
      <c r="N4885">
        <v>97044.328320000001</v>
      </c>
      <c r="O4885">
        <v>29220.672170000002</v>
      </c>
      <c r="P4885">
        <v>38453.811419999998</v>
      </c>
      <c r="Q4885">
        <v>104000.61990000001</v>
      </c>
      <c r="R4885">
        <v>25596.058590000001</v>
      </c>
      <c r="S4885">
        <v>126879.83530000001</v>
      </c>
      <c r="T4885">
        <v>31148.6754</v>
      </c>
      <c r="U4885">
        <v>30500.708640000001</v>
      </c>
      <c r="W4885" s="83">
        <f>Bühler!N4917</f>
        <v>45495.45833332149</v>
      </c>
      <c r="X4885" s="83">
        <v>43304.458333333336</v>
      </c>
      <c r="Y4885">
        <v>290938.64679999999</v>
      </c>
      <c r="Z4885">
        <v>37069.861850000001</v>
      </c>
      <c r="AA4885">
        <v>107841.1489</v>
      </c>
      <c r="AB4885">
        <v>43942.711589999999</v>
      </c>
      <c r="AC4885">
        <v>52722.75387</v>
      </c>
      <c r="AD4885">
        <v>35169.907339999998</v>
      </c>
      <c r="AE4885">
        <v>56310.356220000001</v>
      </c>
      <c r="AF4885">
        <v>67119.073359999995</v>
      </c>
      <c r="AG4885">
        <v>34528.853810000001</v>
      </c>
      <c r="AH4885">
        <v>359288.24050000001</v>
      </c>
      <c r="AI4885">
        <v>97044.328320000001</v>
      </c>
      <c r="AJ4885">
        <v>29220.672170000002</v>
      </c>
      <c r="AK4885">
        <v>38453.811419999998</v>
      </c>
      <c r="AL4885">
        <v>104000.61990000001</v>
      </c>
      <c r="AM4885">
        <v>25596.058590000001</v>
      </c>
      <c r="AN4885">
        <v>126879.83530000001</v>
      </c>
      <c r="AO4885">
        <v>31148.6754</v>
      </c>
      <c r="AP4885">
        <v>30500.708640000001</v>
      </c>
    </row>
    <row r="4886" spans="2:42" x14ac:dyDescent="0.3">
      <c r="B4886">
        <v>70.461105223694886</v>
      </c>
      <c r="C4886" s="83">
        <v>43304.5</v>
      </c>
      <c r="D4886">
        <v>281408.12459999998</v>
      </c>
      <c r="E4886">
        <v>34447.037389999998</v>
      </c>
      <c r="F4886">
        <v>102708.8814</v>
      </c>
      <c r="G4886">
        <v>43347.804830000001</v>
      </c>
      <c r="H4886">
        <v>51073.824009999997</v>
      </c>
      <c r="I4886">
        <v>34049.682690000001</v>
      </c>
      <c r="J4886">
        <v>56174.814059999997</v>
      </c>
      <c r="K4886">
        <v>64733.79292</v>
      </c>
      <c r="L4886">
        <v>36962.736819999998</v>
      </c>
      <c r="M4886">
        <v>359243.57339999999</v>
      </c>
      <c r="N4886">
        <v>98814.043510000003</v>
      </c>
      <c r="O4886">
        <v>28784.230299999999</v>
      </c>
      <c r="P4886">
        <v>40753.186000000002</v>
      </c>
      <c r="Q4886">
        <v>105809.0897</v>
      </c>
      <c r="R4886">
        <v>26920.195879999999</v>
      </c>
      <c r="S4886">
        <v>122433.1214</v>
      </c>
      <c r="T4886">
        <v>30746.64776</v>
      </c>
      <c r="U4886">
        <v>27171.494549999999</v>
      </c>
      <c r="W4886" s="83">
        <f>Bühler!N4918</f>
        <v>45495.499999988155</v>
      </c>
      <c r="X4886" s="83">
        <v>43304.5</v>
      </c>
      <c r="Y4886">
        <v>281408.12459999998</v>
      </c>
      <c r="Z4886">
        <v>34447.037389999998</v>
      </c>
      <c r="AA4886">
        <v>102708.8814</v>
      </c>
      <c r="AB4886">
        <v>43347.804830000001</v>
      </c>
      <c r="AC4886">
        <v>51073.824009999997</v>
      </c>
      <c r="AD4886">
        <v>34049.682690000001</v>
      </c>
      <c r="AE4886">
        <v>56174.814059999997</v>
      </c>
      <c r="AF4886">
        <v>64733.79292</v>
      </c>
      <c r="AG4886">
        <v>36962.736819999998</v>
      </c>
      <c r="AH4886">
        <v>359243.57339999999</v>
      </c>
      <c r="AI4886">
        <v>98814.043510000003</v>
      </c>
      <c r="AJ4886">
        <v>28784.230299999999</v>
      </c>
      <c r="AK4886">
        <v>40753.186000000002</v>
      </c>
      <c r="AL4886">
        <v>105809.0897</v>
      </c>
      <c r="AM4886">
        <v>26920.195879999999</v>
      </c>
      <c r="AN4886">
        <v>122433.1214</v>
      </c>
      <c r="AO4886">
        <v>30746.64776</v>
      </c>
      <c r="AP4886">
        <v>27171.494549999999</v>
      </c>
    </row>
    <row r="4887" spans="2:42" x14ac:dyDescent="0.3">
      <c r="B4887">
        <v>71.267299130708764</v>
      </c>
      <c r="C4887" s="83">
        <v>43304.541666666664</v>
      </c>
      <c r="D4887">
        <v>281813.82319999998</v>
      </c>
      <c r="E4887">
        <v>35398.768819999998</v>
      </c>
      <c r="F4887">
        <v>99234.991720000005</v>
      </c>
      <c r="G4887">
        <v>43989.545019999998</v>
      </c>
      <c r="H4887">
        <v>52216.985209999999</v>
      </c>
      <c r="I4887">
        <v>34447.78325</v>
      </c>
      <c r="J4887">
        <v>56659.003729999997</v>
      </c>
      <c r="K4887">
        <v>66548.917019999993</v>
      </c>
      <c r="L4887">
        <v>36387.204180000001</v>
      </c>
      <c r="M4887">
        <v>363353.92589999997</v>
      </c>
      <c r="N4887">
        <v>99517.910269999993</v>
      </c>
      <c r="O4887">
        <v>29953.53903</v>
      </c>
      <c r="P4887">
        <v>38904.650049999997</v>
      </c>
      <c r="Q4887">
        <v>106052.56020000001</v>
      </c>
      <c r="R4887">
        <v>26234.77751</v>
      </c>
      <c r="S4887">
        <v>122384.6704</v>
      </c>
      <c r="T4887">
        <v>30861.86348</v>
      </c>
      <c r="U4887">
        <v>29115.83382</v>
      </c>
      <c r="W4887" s="83">
        <f>Bühler!N4919</f>
        <v>45495.541666654819</v>
      </c>
      <c r="X4887" s="83">
        <v>43304.541666666664</v>
      </c>
      <c r="Y4887">
        <v>281813.82319999998</v>
      </c>
      <c r="Z4887">
        <v>35398.768819999998</v>
      </c>
      <c r="AA4887">
        <v>99234.991720000005</v>
      </c>
      <c r="AB4887">
        <v>43989.545019999998</v>
      </c>
      <c r="AC4887">
        <v>52216.985209999999</v>
      </c>
      <c r="AD4887">
        <v>34447.78325</v>
      </c>
      <c r="AE4887">
        <v>56659.003729999997</v>
      </c>
      <c r="AF4887">
        <v>66548.917019999993</v>
      </c>
      <c r="AG4887">
        <v>36387.204180000001</v>
      </c>
      <c r="AH4887">
        <v>363353.92589999997</v>
      </c>
      <c r="AI4887">
        <v>99517.910269999993</v>
      </c>
      <c r="AJ4887">
        <v>29953.53903</v>
      </c>
      <c r="AK4887">
        <v>38904.650049999997</v>
      </c>
      <c r="AL4887">
        <v>106052.56020000001</v>
      </c>
      <c r="AM4887">
        <v>26234.77751</v>
      </c>
      <c r="AN4887">
        <v>122384.6704</v>
      </c>
      <c r="AO4887">
        <v>30861.86348</v>
      </c>
      <c r="AP4887">
        <v>29115.83382</v>
      </c>
    </row>
    <row r="4888" spans="2:42" x14ac:dyDescent="0.3">
      <c r="B4888">
        <v>71.555900741724926</v>
      </c>
      <c r="C4888" s="83">
        <v>43304.583333333336</v>
      </c>
      <c r="D4888">
        <v>286771.32</v>
      </c>
      <c r="E4888">
        <v>37812.684260000002</v>
      </c>
      <c r="F4888">
        <v>107698.6232</v>
      </c>
      <c r="G4888">
        <v>44293.675770000002</v>
      </c>
      <c r="H4888">
        <v>53229.476699999999</v>
      </c>
      <c r="I4888">
        <v>35248.965340000002</v>
      </c>
      <c r="J4888">
        <v>56071.457349999997</v>
      </c>
      <c r="K4888">
        <v>68213.873219999994</v>
      </c>
      <c r="L4888">
        <v>33455.273999999998</v>
      </c>
      <c r="M4888">
        <v>364825.35149999999</v>
      </c>
      <c r="N4888">
        <v>101551.5033</v>
      </c>
      <c r="O4888">
        <v>30017.265889999999</v>
      </c>
      <c r="P4888">
        <v>35504.07922</v>
      </c>
      <c r="Q4888">
        <v>105664.4232</v>
      </c>
      <c r="R4888">
        <v>26254.543180000001</v>
      </c>
      <c r="S4888">
        <v>119974.17359999999</v>
      </c>
      <c r="T4888">
        <v>30509.47265</v>
      </c>
      <c r="U4888">
        <v>29546.150140000002</v>
      </c>
      <c r="W4888" s="83">
        <f>Bühler!N4920</f>
        <v>45495.583333321483</v>
      </c>
      <c r="X4888" s="83">
        <v>43304.583333333336</v>
      </c>
      <c r="Y4888">
        <v>286771.32</v>
      </c>
      <c r="Z4888">
        <v>37812.684260000002</v>
      </c>
      <c r="AA4888">
        <v>107698.6232</v>
      </c>
      <c r="AB4888">
        <v>44293.675770000002</v>
      </c>
      <c r="AC4888">
        <v>53229.476699999999</v>
      </c>
      <c r="AD4888">
        <v>35248.965340000002</v>
      </c>
      <c r="AE4888">
        <v>56071.457349999997</v>
      </c>
      <c r="AF4888">
        <v>68213.873219999994</v>
      </c>
      <c r="AG4888">
        <v>33455.273999999998</v>
      </c>
      <c r="AH4888">
        <v>364825.35149999999</v>
      </c>
      <c r="AI4888">
        <v>101551.5033</v>
      </c>
      <c r="AJ4888">
        <v>30017.265889999999</v>
      </c>
      <c r="AK4888">
        <v>35504.07922</v>
      </c>
      <c r="AL4888">
        <v>105664.4232</v>
      </c>
      <c r="AM4888">
        <v>26254.543180000001</v>
      </c>
      <c r="AN4888">
        <v>119974.17359999999</v>
      </c>
      <c r="AO4888">
        <v>30509.47265</v>
      </c>
      <c r="AP4888">
        <v>29546.150140000002</v>
      </c>
    </row>
    <row r="4889" spans="2:42" x14ac:dyDescent="0.3">
      <c r="B4889">
        <v>71.723822552437838</v>
      </c>
      <c r="C4889" s="83">
        <v>43304.625</v>
      </c>
      <c r="D4889">
        <v>285356.77429999999</v>
      </c>
      <c r="E4889">
        <v>38307.064810000003</v>
      </c>
      <c r="F4889">
        <v>110870.4705</v>
      </c>
      <c r="G4889">
        <v>44343.306640000003</v>
      </c>
      <c r="H4889">
        <v>52423.415509999999</v>
      </c>
      <c r="I4889">
        <v>35528.897210000003</v>
      </c>
      <c r="J4889">
        <v>55865.056519999998</v>
      </c>
      <c r="K4889">
        <v>66462.064140000002</v>
      </c>
      <c r="L4889">
        <v>31128.042870000001</v>
      </c>
      <c r="M4889">
        <v>365681.4952</v>
      </c>
      <c r="N4889">
        <v>100682.8011</v>
      </c>
      <c r="O4889">
        <v>30102.44454</v>
      </c>
      <c r="P4889">
        <v>33919.751409999997</v>
      </c>
      <c r="Q4889">
        <v>104626.4007</v>
      </c>
      <c r="R4889">
        <v>26197.055690000001</v>
      </c>
      <c r="S4889">
        <v>119199.5987</v>
      </c>
      <c r="T4889">
        <v>29927.144049999999</v>
      </c>
      <c r="U4889">
        <v>28665.221750000001</v>
      </c>
      <c r="W4889" s="83">
        <f>Bühler!N4921</f>
        <v>45495.624999988147</v>
      </c>
      <c r="X4889" s="83">
        <v>43304.625</v>
      </c>
      <c r="Y4889">
        <v>285356.77429999999</v>
      </c>
      <c r="Z4889">
        <v>38307.064810000003</v>
      </c>
      <c r="AA4889">
        <v>110870.4705</v>
      </c>
      <c r="AB4889">
        <v>44343.306640000003</v>
      </c>
      <c r="AC4889">
        <v>52423.415509999999</v>
      </c>
      <c r="AD4889">
        <v>35528.897210000003</v>
      </c>
      <c r="AE4889">
        <v>55865.056519999998</v>
      </c>
      <c r="AF4889">
        <v>66462.064140000002</v>
      </c>
      <c r="AG4889">
        <v>31128.042870000001</v>
      </c>
      <c r="AH4889">
        <v>365681.4952</v>
      </c>
      <c r="AI4889">
        <v>100682.8011</v>
      </c>
      <c r="AJ4889">
        <v>30102.44454</v>
      </c>
      <c r="AK4889">
        <v>33919.751409999997</v>
      </c>
      <c r="AL4889">
        <v>104626.4007</v>
      </c>
      <c r="AM4889">
        <v>26197.055690000001</v>
      </c>
      <c r="AN4889">
        <v>119199.5987</v>
      </c>
      <c r="AO4889">
        <v>29927.144049999999</v>
      </c>
      <c r="AP4889">
        <v>28665.221750000001</v>
      </c>
    </row>
    <row r="4890" spans="2:42" x14ac:dyDescent="0.3">
      <c r="B4890">
        <v>70.796615588041803</v>
      </c>
      <c r="C4890" s="83">
        <v>43304.666666666664</v>
      </c>
      <c r="D4890">
        <v>278931.60710000002</v>
      </c>
      <c r="E4890">
        <v>37552.306530000002</v>
      </c>
      <c r="F4890">
        <v>110783.74679999999</v>
      </c>
      <c r="G4890">
        <v>43027.539649999999</v>
      </c>
      <c r="H4890">
        <v>50890.679629999999</v>
      </c>
      <c r="I4890">
        <v>36466.625059999998</v>
      </c>
      <c r="J4890">
        <v>55284.953609999997</v>
      </c>
      <c r="K4890">
        <v>64307.400959999999</v>
      </c>
      <c r="L4890">
        <v>30783.824100000002</v>
      </c>
      <c r="M4890">
        <v>360954.1617</v>
      </c>
      <c r="N4890">
        <v>98744.478180000006</v>
      </c>
      <c r="O4890">
        <v>28994.927479999998</v>
      </c>
      <c r="P4890">
        <v>33282.7474</v>
      </c>
      <c r="Q4890">
        <v>103875.4246</v>
      </c>
      <c r="R4890">
        <v>26085.59016</v>
      </c>
      <c r="S4890">
        <v>117789.0837</v>
      </c>
      <c r="T4890">
        <v>29497.351920000001</v>
      </c>
      <c r="U4890">
        <v>27321.7961</v>
      </c>
      <c r="W4890" s="83">
        <f>Bühler!N4922</f>
        <v>45495.666666654812</v>
      </c>
      <c r="X4890" s="83">
        <v>43304.666666666664</v>
      </c>
      <c r="Y4890">
        <v>278931.60710000002</v>
      </c>
      <c r="Z4890">
        <v>37552.306530000002</v>
      </c>
      <c r="AA4890">
        <v>110783.74679999999</v>
      </c>
      <c r="AB4890">
        <v>43027.539649999999</v>
      </c>
      <c r="AC4890">
        <v>50890.679629999999</v>
      </c>
      <c r="AD4890">
        <v>36466.625059999998</v>
      </c>
      <c r="AE4890">
        <v>55284.953609999997</v>
      </c>
      <c r="AF4890">
        <v>64307.400959999999</v>
      </c>
      <c r="AG4890">
        <v>30783.824100000002</v>
      </c>
      <c r="AH4890">
        <v>360954.1617</v>
      </c>
      <c r="AI4890">
        <v>98744.478180000006</v>
      </c>
      <c r="AJ4890">
        <v>28994.927479999998</v>
      </c>
      <c r="AK4890">
        <v>33282.7474</v>
      </c>
      <c r="AL4890">
        <v>103875.4246</v>
      </c>
      <c r="AM4890">
        <v>26085.59016</v>
      </c>
      <c r="AN4890">
        <v>117789.0837</v>
      </c>
      <c r="AO4890">
        <v>29497.351920000001</v>
      </c>
      <c r="AP4890">
        <v>27321.7961</v>
      </c>
    </row>
    <row r="4891" spans="2:42" x14ac:dyDescent="0.3">
      <c r="B4891">
        <v>69.580487053667341</v>
      </c>
      <c r="C4891" s="83">
        <v>43304.708333333336</v>
      </c>
      <c r="D4891">
        <v>270124.41930000001</v>
      </c>
      <c r="E4891">
        <v>35311.113579999997</v>
      </c>
      <c r="F4891">
        <v>109846.8386</v>
      </c>
      <c r="G4891">
        <v>40470.707540000003</v>
      </c>
      <c r="H4891">
        <v>48775.88263</v>
      </c>
      <c r="I4891">
        <v>36113.02231</v>
      </c>
      <c r="J4891">
        <v>55620.684229999999</v>
      </c>
      <c r="K4891">
        <v>59747.87081</v>
      </c>
      <c r="L4891">
        <v>30948.232639999998</v>
      </c>
      <c r="M4891">
        <v>354753.77130000002</v>
      </c>
      <c r="N4891">
        <v>93396.502890000003</v>
      </c>
      <c r="O4891">
        <v>27465.093250000002</v>
      </c>
      <c r="P4891">
        <v>34922.002959999998</v>
      </c>
      <c r="Q4891">
        <v>103267.32</v>
      </c>
      <c r="R4891">
        <v>26564.941019999998</v>
      </c>
      <c r="S4891">
        <v>114239.1587</v>
      </c>
      <c r="T4891">
        <v>28759.42914</v>
      </c>
      <c r="U4891">
        <v>24969.117920000001</v>
      </c>
      <c r="W4891" s="83">
        <f>Bühler!N4923</f>
        <v>45495.708333321476</v>
      </c>
      <c r="X4891" s="83">
        <v>43304.708333333336</v>
      </c>
      <c r="Y4891">
        <v>270124.41930000001</v>
      </c>
      <c r="Z4891">
        <v>35311.113579999997</v>
      </c>
      <c r="AA4891">
        <v>109846.8386</v>
      </c>
      <c r="AB4891">
        <v>40470.707540000003</v>
      </c>
      <c r="AC4891">
        <v>48775.88263</v>
      </c>
      <c r="AD4891">
        <v>36113.02231</v>
      </c>
      <c r="AE4891">
        <v>55620.684229999999</v>
      </c>
      <c r="AF4891">
        <v>59747.87081</v>
      </c>
      <c r="AG4891">
        <v>30948.232639999998</v>
      </c>
      <c r="AH4891">
        <v>354753.77130000002</v>
      </c>
      <c r="AI4891">
        <v>93396.502890000003</v>
      </c>
      <c r="AJ4891">
        <v>27465.093250000002</v>
      </c>
      <c r="AK4891">
        <v>34922.002959999998</v>
      </c>
      <c r="AL4891">
        <v>103267.32</v>
      </c>
      <c r="AM4891">
        <v>26564.941019999998</v>
      </c>
      <c r="AN4891">
        <v>114239.1587</v>
      </c>
      <c r="AO4891">
        <v>28759.42914</v>
      </c>
      <c r="AP4891">
        <v>24969.117920000001</v>
      </c>
    </row>
    <row r="4892" spans="2:42" x14ac:dyDescent="0.3">
      <c r="B4892">
        <v>68.700489462415391</v>
      </c>
      <c r="C4892" s="83">
        <v>43304.75</v>
      </c>
      <c r="D4892">
        <v>263082.03220000002</v>
      </c>
      <c r="E4892">
        <v>32142.008679999999</v>
      </c>
      <c r="F4892">
        <v>107312.7821</v>
      </c>
      <c r="G4892">
        <v>37419.457719999999</v>
      </c>
      <c r="H4892">
        <v>46775.698479999999</v>
      </c>
      <c r="I4892">
        <v>34748.597280000002</v>
      </c>
      <c r="J4892">
        <v>55984.189359999997</v>
      </c>
      <c r="K4892">
        <v>58301.4156</v>
      </c>
      <c r="L4892">
        <v>31121.785199999998</v>
      </c>
      <c r="M4892">
        <v>350267.13319999998</v>
      </c>
      <c r="N4892">
        <v>89851.20637</v>
      </c>
      <c r="O4892">
        <v>26348.776519999999</v>
      </c>
      <c r="P4892">
        <v>37942.925750000002</v>
      </c>
      <c r="Q4892">
        <v>101510.0629</v>
      </c>
      <c r="R4892">
        <v>24627.85399</v>
      </c>
      <c r="S4892">
        <v>106665.5024</v>
      </c>
      <c r="T4892">
        <v>28046.905180000002</v>
      </c>
      <c r="U4892">
        <v>23707.643260000001</v>
      </c>
      <c r="W4892" s="83">
        <f>Bühler!N4924</f>
        <v>45495.74999998814</v>
      </c>
      <c r="X4892" s="83">
        <v>43304.75</v>
      </c>
      <c r="Y4892">
        <v>263082.03220000002</v>
      </c>
      <c r="Z4892">
        <v>32142.008679999999</v>
      </c>
      <c r="AA4892">
        <v>107312.7821</v>
      </c>
      <c r="AB4892">
        <v>37419.457719999999</v>
      </c>
      <c r="AC4892">
        <v>46775.698479999999</v>
      </c>
      <c r="AD4892">
        <v>34748.597280000002</v>
      </c>
      <c r="AE4892">
        <v>55984.189359999997</v>
      </c>
      <c r="AF4892">
        <v>58301.4156</v>
      </c>
      <c r="AG4892">
        <v>31121.785199999998</v>
      </c>
      <c r="AH4892">
        <v>350267.13319999998</v>
      </c>
      <c r="AI4892">
        <v>89851.20637</v>
      </c>
      <c r="AJ4892">
        <v>26348.776519999999</v>
      </c>
      <c r="AK4892">
        <v>37942.925750000002</v>
      </c>
      <c r="AL4892">
        <v>101510.0629</v>
      </c>
      <c r="AM4892">
        <v>24627.85399</v>
      </c>
      <c r="AN4892">
        <v>106665.5024</v>
      </c>
      <c r="AO4892">
        <v>28046.905180000002</v>
      </c>
      <c r="AP4892">
        <v>23707.643260000001</v>
      </c>
    </row>
    <row r="4893" spans="2:42" x14ac:dyDescent="0.3">
      <c r="B4893">
        <v>67.691504454969646</v>
      </c>
      <c r="C4893" s="83">
        <v>43304.791666666664</v>
      </c>
      <c r="D4893">
        <v>257930.59760000001</v>
      </c>
      <c r="E4893">
        <v>26241.97495</v>
      </c>
      <c r="F4893">
        <v>96413.292130000002</v>
      </c>
      <c r="G4893">
        <v>35032.056620000003</v>
      </c>
      <c r="H4893">
        <v>44017.126929999999</v>
      </c>
      <c r="I4893">
        <v>33299.009080000003</v>
      </c>
      <c r="J4893">
        <v>55274.086640000001</v>
      </c>
      <c r="K4893">
        <v>58147.828930000003</v>
      </c>
      <c r="L4893">
        <v>30821.089309999999</v>
      </c>
      <c r="M4893">
        <v>345122.85710000002</v>
      </c>
      <c r="N4893">
        <v>87521.377219999995</v>
      </c>
      <c r="O4893">
        <v>24978.558270000001</v>
      </c>
      <c r="P4893">
        <v>40297.166929999999</v>
      </c>
      <c r="Q4893">
        <v>98838.855630000005</v>
      </c>
      <c r="R4893">
        <v>23338.5432</v>
      </c>
      <c r="S4893">
        <v>101941.33409999999</v>
      </c>
      <c r="T4893">
        <v>27480.636719999999</v>
      </c>
      <c r="U4893">
        <v>22501.16778</v>
      </c>
      <c r="W4893" s="83">
        <f>Bühler!N4925</f>
        <v>45495.791666654804</v>
      </c>
      <c r="X4893" s="83">
        <v>43304.791666666664</v>
      </c>
      <c r="Y4893">
        <v>257930.59760000001</v>
      </c>
      <c r="Z4893">
        <v>26241.97495</v>
      </c>
      <c r="AA4893">
        <v>96413.292130000002</v>
      </c>
      <c r="AB4893">
        <v>35032.056620000003</v>
      </c>
      <c r="AC4893">
        <v>44017.126929999999</v>
      </c>
      <c r="AD4893">
        <v>33299.009080000003</v>
      </c>
      <c r="AE4893">
        <v>55274.086640000001</v>
      </c>
      <c r="AF4893">
        <v>58147.828930000003</v>
      </c>
      <c r="AG4893">
        <v>30821.089309999999</v>
      </c>
      <c r="AH4893">
        <v>345122.85710000002</v>
      </c>
      <c r="AI4893">
        <v>87521.377219999995</v>
      </c>
      <c r="AJ4893">
        <v>24978.558270000001</v>
      </c>
      <c r="AK4893">
        <v>40297.166929999999</v>
      </c>
      <c r="AL4893">
        <v>98838.855630000005</v>
      </c>
      <c r="AM4893">
        <v>23338.5432</v>
      </c>
      <c r="AN4893">
        <v>101941.33409999999</v>
      </c>
      <c r="AO4893">
        <v>27480.636719999999</v>
      </c>
      <c r="AP4893">
        <v>22501.16778</v>
      </c>
    </row>
    <row r="4894" spans="2:42" x14ac:dyDescent="0.3">
      <c r="B4894">
        <v>65.328038935772355</v>
      </c>
      <c r="C4894" s="83">
        <v>43304.833333333336</v>
      </c>
      <c r="D4894">
        <v>248149.47339999999</v>
      </c>
      <c r="E4894">
        <v>19746.509880000001</v>
      </c>
      <c r="F4894">
        <v>78393.558699999994</v>
      </c>
      <c r="G4894">
        <v>32714.74165</v>
      </c>
      <c r="H4894">
        <v>40908.404690000003</v>
      </c>
      <c r="I4894">
        <v>30408.449860000001</v>
      </c>
      <c r="J4894">
        <v>53507.998079999998</v>
      </c>
      <c r="K4894">
        <v>57805.436549999999</v>
      </c>
      <c r="L4894">
        <v>30328.663329999999</v>
      </c>
      <c r="M4894">
        <v>333072.8077</v>
      </c>
      <c r="N4894">
        <v>84906.719660000002</v>
      </c>
      <c r="O4894">
        <v>22582.567899999998</v>
      </c>
      <c r="P4894">
        <v>40214.81912</v>
      </c>
      <c r="Q4894">
        <v>95694.468529999998</v>
      </c>
      <c r="R4894">
        <v>21565.483080000002</v>
      </c>
      <c r="S4894">
        <v>93667.858720000004</v>
      </c>
      <c r="T4894">
        <v>25992.87816</v>
      </c>
      <c r="U4894">
        <v>21632.21759</v>
      </c>
      <c r="W4894" s="83">
        <f>Bühler!N4926</f>
        <v>45495.833333321469</v>
      </c>
      <c r="X4894" s="83">
        <v>43304.833333333336</v>
      </c>
      <c r="Y4894">
        <v>248149.47339999999</v>
      </c>
      <c r="Z4894">
        <v>19746.509880000001</v>
      </c>
      <c r="AA4894">
        <v>78393.558699999994</v>
      </c>
      <c r="AB4894">
        <v>32714.74165</v>
      </c>
      <c r="AC4894">
        <v>40908.404690000003</v>
      </c>
      <c r="AD4894">
        <v>30408.449860000001</v>
      </c>
      <c r="AE4894">
        <v>53507.998079999998</v>
      </c>
      <c r="AF4894">
        <v>57805.436549999999</v>
      </c>
      <c r="AG4894">
        <v>30328.663329999999</v>
      </c>
      <c r="AH4894">
        <v>333072.8077</v>
      </c>
      <c r="AI4894">
        <v>84906.719660000002</v>
      </c>
      <c r="AJ4894">
        <v>22582.567899999998</v>
      </c>
      <c r="AK4894">
        <v>40214.81912</v>
      </c>
      <c r="AL4894">
        <v>95694.468529999998</v>
      </c>
      <c r="AM4894">
        <v>21565.483080000002</v>
      </c>
      <c r="AN4894">
        <v>93667.858720000004</v>
      </c>
      <c r="AO4894">
        <v>25992.87816</v>
      </c>
      <c r="AP4894">
        <v>21632.21759</v>
      </c>
    </row>
    <row r="4895" spans="2:42" x14ac:dyDescent="0.3">
      <c r="B4895">
        <v>63.292442443824307</v>
      </c>
      <c r="C4895" s="83">
        <v>43304.875</v>
      </c>
      <c r="D4895">
        <v>240513.59020000001</v>
      </c>
      <c r="E4895">
        <v>16847.803609999999</v>
      </c>
      <c r="F4895">
        <v>68961.410929999998</v>
      </c>
      <c r="G4895">
        <v>31696.988170000001</v>
      </c>
      <c r="H4895">
        <v>38718.59218</v>
      </c>
      <c r="I4895">
        <v>28002.095420000001</v>
      </c>
      <c r="J4895">
        <v>52042.133070000003</v>
      </c>
      <c r="K4895">
        <v>57875.134149999998</v>
      </c>
      <c r="L4895">
        <v>28938.881679999999</v>
      </c>
      <c r="M4895">
        <v>322694.38750000001</v>
      </c>
      <c r="N4895">
        <v>82016.598129999998</v>
      </c>
      <c r="O4895">
        <v>20596.235240000002</v>
      </c>
      <c r="P4895">
        <v>38081.096089999999</v>
      </c>
      <c r="Q4895">
        <v>93702.575400000002</v>
      </c>
      <c r="R4895">
        <v>19850.640520000001</v>
      </c>
      <c r="S4895">
        <v>89054.740770000004</v>
      </c>
      <c r="T4895">
        <v>24953.625049999999</v>
      </c>
      <c r="U4895">
        <v>21377.07662</v>
      </c>
      <c r="W4895" s="83">
        <f>Bühler!N4927</f>
        <v>45495.874999988133</v>
      </c>
      <c r="X4895" s="83">
        <v>43304.875</v>
      </c>
      <c r="Y4895">
        <v>240513.59020000001</v>
      </c>
      <c r="Z4895">
        <v>16847.803609999999</v>
      </c>
      <c r="AA4895">
        <v>68961.410929999998</v>
      </c>
      <c r="AB4895">
        <v>31696.988170000001</v>
      </c>
      <c r="AC4895">
        <v>38718.59218</v>
      </c>
      <c r="AD4895">
        <v>28002.095420000001</v>
      </c>
      <c r="AE4895">
        <v>52042.133070000003</v>
      </c>
      <c r="AF4895">
        <v>57875.134149999998</v>
      </c>
      <c r="AG4895">
        <v>28938.881679999999</v>
      </c>
      <c r="AH4895">
        <v>322694.38750000001</v>
      </c>
      <c r="AI4895">
        <v>82016.598129999998</v>
      </c>
      <c r="AJ4895">
        <v>20596.235240000002</v>
      </c>
      <c r="AK4895">
        <v>38081.096089999999</v>
      </c>
      <c r="AL4895">
        <v>93702.575400000002</v>
      </c>
      <c r="AM4895">
        <v>19850.640520000001</v>
      </c>
      <c r="AN4895">
        <v>89054.740770000004</v>
      </c>
      <c r="AO4895">
        <v>24953.625049999999</v>
      </c>
      <c r="AP4895">
        <v>21377.07662</v>
      </c>
    </row>
    <row r="4896" spans="2:42" x14ac:dyDescent="0.3">
      <c r="B4896">
        <v>62.911636124868537</v>
      </c>
      <c r="C4896" s="83">
        <v>43304.916666666664</v>
      </c>
      <c r="D4896">
        <v>240236.4253</v>
      </c>
      <c r="E4896">
        <v>15968.305039999999</v>
      </c>
      <c r="F4896">
        <v>67435.335460000002</v>
      </c>
      <c r="G4896">
        <v>31838.676909999998</v>
      </c>
      <c r="H4896">
        <v>39799.079230000003</v>
      </c>
      <c r="I4896">
        <v>26862.243200000001</v>
      </c>
      <c r="J4896">
        <v>51180.369910000001</v>
      </c>
      <c r="K4896">
        <v>58991.31424</v>
      </c>
      <c r="L4896">
        <v>26470.33526</v>
      </c>
      <c r="M4896">
        <v>320752.85930000001</v>
      </c>
      <c r="N4896">
        <v>80890.394230000005</v>
      </c>
      <c r="O4896">
        <v>19847.008089999999</v>
      </c>
      <c r="P4896">
        <v>41212.491529999999</v>
      </c>
      <c r="Q4896">
        <v>92651.627160000004</v>
      </c>
      <c r="R4896">
        <v>20838.513599999998</v>
      </c>
      <c r="S4896">
        <v>88391.480249999993</v>
      </c>
      <c r="T4896">
        <v>22186.486219999999</v>
      </c>
      <c r="U4896">
        <v>21811.122859999999</v>
      </c>
      <c r="W4896" s="83">
        <f>Bühler!N4928</f>
        <v>45495.916666654797</v>
      </c>
      <c r="X4896" s="83">
        <v>43304.916666666664</v>
      </c>
      <c r="Y4896">
        <v>240236.4253</v>
      </c>
      <c r="Z4896">
        <v>15968.305039999999</v>
      </c>
      <c r="AA4896">
        <v>67435.335460000002</v>
      </c>
      <c r="AB4896">
        <v>31838.676909999998</v>
      </c>
      <c r="AC4896">
        <v>39799.079230000003</v>
      </c>
      <c r="AD4896">
        <v>26862.243200000001</v>
      </c>
      <c r="AE4896">
        <v>51180.369910000001</v>
      </c>
      <c r="AF4896">
        <v>58991.31424</v>
      </c>
      <c r="AG4896">
        <v>26470.33526</v>
      </c>
      <c r="AH4896">
        <v>320752.85930000001</v>
      </c>
      <c r="AI4896">
        <v>80890.394230000005</v>
      </c>
      <c r="AJ4896">
        <v>19847.008089999999</v>
      </c>
      <c r="AK4896">
        <v>41212.491529999999</v>
      </c>
      <c r="AL4896">
        <v>92651.627160000004</v>
      </c>
      <c r="AM4896">
        <v>20838.513599999998</v>
      </c>
      <c r="AN4896">
        <v>88391.480249999993</v>
      </c>
      <c r="AO4896">
        <v>22186.486219999999</v>
      </c>
      <c r="AP4896">
        <v>21811.122859999999</v>
      </c>
    </row>
    <row r="4897" spans="2:42" x14ac:dyDescent="0.3">
      <c r="B4897">
        <v>62.02725592157185</v>
      </c>
      <c r="C4897" s="83">
        <v>43304.958333333336</v>
      </c>
      <c r="D4897">
        <v>239421.86060000001</v>
      </c>
      <c r="E4897">
        <v>15363.25454</v>
      </c>
      <c r="F4897">
        <v>64613.384639999997</v>
      </c>
      <c r="G4897">
        <v>31950.601859999999</v>
      </c>
      <c r="H4897">
        <v>38804.867050000001</v>
      </c>
      <c r="I4897">
        <v>26035.563180000001</v>
      </c>
      <c r="J4897">
        <v>45240.199419999997</v>
      </c>
      <c r="K4897">
        <v>58067.293559999998</v>
      </c>
      <c r="L4897">
        <v>23003.41043</v>
      </c>
      <c r="M4897">
        <v>316243.87660000002</v>
      </c>
      <c r="N4897">
        <v>80397.609819999998</v>
      </c>
      <c r="O4897">
        <v>19142.759440000002</v>
      </c>
      <c r="P4897">
        <v>36082.262309999998</v>
      </c>
      <c r="Q4897">
        <v>92978.207200000004</v>
      </c>
      <c r="R4897">
        <v>21519.218720000001</v>
      </c>
      <c r="S4897">
        <v>85776.647079999995</v>
      </c>
      <c r="T4897">
        <v>20907.326649999999</v>
      </c>
      <c r="U4897">
        <v>21351.318609999998</v>
      </c>
      <c r="W4897" s="83">
        <f>Bühler!N4929</f>
        <v>45495.958333321461</v>
      </c>
      <c r="X4897" s="83">
        <v>43304.958333333336</v>
      </c>
      <c r="Y4897">
        <v>239421.86060000001</v>
      </c>
      <c r="Z4897">
        <v>15363.25454</v>
      </c>
      <c r="AA4897">
        <v>64613.384639999997</v>
      </c>
      <c r="AB4897">
        <v>31950.601859999999</v>
      </c>
      <c r="AC4897">
        <v>38804.867050000001</v>
      </c>
      <c r="AD4897">
        <v>26035.563180000001</v>
      </c>
      <c r="AE4897">
        <v>45240.199419999997</v>
      </c>
      <c r="AF4897">
        <v>58067.293559999998</v>
      </c>
      <c r="AG4897">
        <v>23003.41043</v>
      </c>
      <c r="AH4897">
        <v>316243.87660000002</v>
      </c>
      <c r="AI4897">
        <v>80397.609819999998</v>
      </c>
      <c r="AJ4897">
        <v>19142.759440000002</v>
      </c>
      <c r="AK4897">
        <v>36082.262309999998</v>
      </c>
      <c r="AL4897">
        <v>92978.207200000004</v>
      </c>
      <c r="AM4897">
        <v>21519.218720000001</v>
      </c>
      <c r="AN4897">
        <v>85776.647079999995</v>
      </c>
      <c r="AO4897">
        <v>20907.326649999999</v>
      </c>
      <c r="AP4897">
        <v>21351.318609999998</v>
      </c>
    </row>
    <row r="4898" spans="2:42" x14ac:dyDescent="0.3">
      <c r="B4898">
        <v>60.959138053422656</v>
      </c>
      <c r="C4898" s="83">
        <v>43305</v>
      </c>
      <c r="D4898">
        <v>237323.06570000001</v>
      </c>
      <c r="E4898">
        <v>14850.74093</v>
      </c>
      <c r="F4898">
        <v>62558.865129999998</v>
      </c>
      <c r="G4898">
        <v>31474.383720000002</v>
      </c>
      <c r="H4898">
        <v>37915.040650000003</v>
      </c>
      <c r="I4898">
        <v>24206.82775</v>
      </c>
      <c r="J4898">
        <v>41357.606619999999</v>
      </c>
      <c r="K4898">
        <v>56147.471120000002</v>
      </c>
      <c r="L4898">
        <v>20535.45306</v>
      </c>
      <c r="M4898">
        <v>310798.11359999998</v>
      </c>
      <c r="N4898">
        <v>79719.604980000004</v>
      </c>
      <c r="O4898">
        <v>18553.392830000001</v>
      </c>
      <c r="P4898">
        <v>32221.936669999999</v>
      </c>
      <c r="Q4898">
        <v>91301.958639999997</v>
      </c>
      <c r="R4898">
        <v>17758.669150000002</v>
      </c>
      <c r="S4898">
        <v>83550.723169999997</v>
      </c>
      <c r="T4898">
        <v>18834.077959999999</v>
      </c>
      <c r="U4898">
        <v>20490.136269999999</v>
      </c>
      <c r="W4898" s="83">
        <f>Bühler!N4930</f>
        <v>45495.999999988126</v>
      </c>
      <c r="X4898" s="83">
        <v>43305</v>
      </c>
      <c r="Y4898">
        <v>237323.06570000001</v>
      </c>
      <c r="Z4898">
        <v>14850.74093</v>
      </c>
      <c r="AA4898">
        <v>62558.865129999998</v>
      </c>
      <c r="AB4898">
        <v>31474.383720000002</v>
      </c>
      <c r="AC4898">
        <v>37915.040650000003</v>
      </c>
      <c r="AD4898">
        <v>24206.82775</v>
      </c>
      <c r="AE4898">
        <v>41357.606619999999</v>
      </c>
      <c r="AF4898">
        <v>56147.471120000002</v>
      </c>
      <c r="AG4898">
        <v>20535.45306</v>
      </c>
      <c r="AH4898">
        <v>310798.11359999998</v>
      </c>
      <c r="AI4898">
        <v>79719.604980000004</v>
      </c>
      <c r="AJ4898">
        <v>18553.392830000001</v>
      </c>
      <c r="AK4898">
        <v>32221.936669999999</v>
      </c>
      <c r="AL4898">
        <v>91301.958639999997</v>
      </c>
      <c r="AM4898">
        <v>17758.669150000002</v>
      </c>
      <c r="AN4898">
        <v>83550.723169999997</v>
      </c>
      <c r="AO4898">
        <v>18834.077959999999</v>
      </c>
      <c r="AP4898">
        <v>20490.136269999999</v>
      </c>
    </row>
    <row r="4899" spans="2:42" x14ac:dyDescent="0.3">
      <c r="B4899">
        <v>60.361223877758867</v>
      </c>
      <c r="C4899" s="83">
        <v>43305.041666666664</v>
      </c>
      <c r="D4899">
        <v>235282.77650000001</v>
      </c>
      <c r="E4899">
        <v>14328.075409999999</v>
      </c>
      <c r="F4899">
        <v>61110.765899999999</v>
      </c>
      <c r="G4899">
        <v>30799.038759999999</v>
      </c>
      <c r="H4899">
        <v>37116.315199999997</v>
      </c>
      <c r="I4899">
        <v>19848.118040000001</v>
      </c>
      <c r="J4899">
        <v>38970.77246</v>
      </c>
      <c r="K4899">
        <v>53305.751909999999</v>
      </c>
      <c r="L4899">
        <v>18702.58884</v>
      </c>
      <c r="M4899">
        <v>307749.66830000002</v>
      </c>
      <c r="N4899">
        <v>78516.267290000003</v>
      </c>
      <c r="O4899">
        <v>17928.995920000001</v>
      </c>
      <c r="P4899">
        <v>29431.969690000002</v>
      </c>
      <c r="Q4899">
        <v>91014.616529999999</v>
      </c>
      <c r="R4899">
        <v>14936.33482</v>
      </c>
      <c r="S4899">
        <v>81602.724700000006</v>
      </c>
      <c r="T4899">
        <v>18322.541700000002</v>
      </c>
      <c r="U4899">
        <v>20057.88956</v>
      </c>
      <c r="W4899" s="83">
        <f>Bühler!N4931</f>
        <v>45496.04166665479</v>
      </c>
      <c r="X4899" s="83">
        <v>43305.041666666664</v>
      </c>
      <c r="Y4899">
        <v>235282.77650000001</v>
      </c>
      <c r="Z4899">
        <v>14328.075409999999</v>
      </c>
      <c r="AA4899">
        <v>61110.765899999999</v>
      </c>
      <c r="AB4899">
        <v>30799.038759999999</v>
      </c>
      <c r="AC4899">
        <v>37116.315199999997</v>
      </c>
      <c r="AD4899">
        <v>19848.118040000001</v>
      </c>
      <c r="AE4899">
        <v>38970.77246</v>
      </c>
      <c r="AF4899">
        <v>53305.751909999999</v>
      </c>
      <c r="AG4899">
        <v>18702.58884</v>
      </c>
      <c r="AH4899">
        <v>307749.66830000002</v>
      </c>
      <c r="AI4899">
        <v>78516.267290000003</v>
      </c>
      <c r="AJ4899">
        <v>17928.995920000001</v>
      </c>
      <c r="AK4899">
        <v>29431.969690000002</v>
      </c>
      <c r="AL4899">
        <v>91014.616529999999</v>
      </c>
      <c r="AM4899">
        <v>14936.33482</v>
      </c>
      <c r="AN4899">
        <v>81602.724700000006</v>
      </c>
      <c r="AO4899">
        <v>18322.541700000002</v>
      </c>
      <c r="AP4899">
        <v>20057.88956</v>
      </c>
    </row>
    <row r="4900" spans="2:42" x14ac:dyDescent="0.3">
      <c r="B4900">
        <v>60.405110663508275</v>
      </c>
      <c r="C4900" s="83">
        <v>43305.083333333336</v>
      </c>
      <c r="D4900">
        <v>234528.57560000001</v>
      </c>
      <c r="E4900">
        <v>14122.48582</v>
      </c>
      <c r="F4900">
        <v>61898.469230000002</v>
      </c>
      <c r="G4900">
        <v>29805.259119999999</v>
      </c>
      <c r="H4900">
        <v>36806.491410000002</v>
      </c>
      <c r="I4900">
        <v>17947.940470000001</v>
      </c>
      <c r="J4900">
        <v>36317.52923</v>
      </c>
      <c r="K4900">
        <v>52126.434829999998</v>
      </c>
      <c r="L4900">
        <v>17677.634849999999</v>
      </c>
      <c r="M4900">
        <v>307973.42359999998</v>
      </c>
      <c r="N4900">
        <v>77380.305999999997</v>
      </c>
      <c r="O4900">
        <v>17549.587240000001</v>
      </c>
      <c r="P4900">
        <v>28158.774860000001</v>
      </c>
      <c r="Q4900">
        <v>93814.945219999994</v>
      </c>
      <c r="R4900">
        <v>15580.91618</v>
      </c>
      <c r="S4900">
        <v>79962.397259999998</v>
      </c>
      <c r="T4900">
        <v>17817.26614</v>
      </c>
      <c r="U4900">
        <v>19932.995070000001</v>
      </c>
      <c r="W4900" s="83">
        <f>Bühler!N4932</f>
        <v>45496.083333321454</v>
      </c>
      <c r="X4900" s="83">
        <v>43305.083333333336</v>
      </c>
      <c r="Y4900">
        <v>234528.57560000001</v>
      </c>
      <c r="Z4900">
        <v>14122.48582</v>
      </c>
      <c r="AA4900">
        <v>61898.469230000002</v>
      </c>
      <c r="AB4900">
        <v>29805.259119999999</v>
      </c>
      <c r="AC4900">
        <v>36806.491410000002</v>
      </c>
      <c r="AD4900">
        <v>17947.940470000001</v>
      </c>
      <c r="AE4900">
        <v>36317.52923</v>
      </c>
      <c r="AF4900">
        <v>52126.434829999998</v>
      </c>
      <c r="AG4900">
        <v>17677.634849999999</v>
      </c>
      <c r="AH4900">
        <v>307973.42359999998</v>
      </c>
      <c r="AI4900">
        <v>77380.305999999997</v>
      </c>
      <c r="AJ4900">
        <v>17549.587240000001</v>
      </c>
      <c r="AK4900">
        <v>28158.774860000001</v>
      </c>
      <c r="AL4900">
        <v>93814.945219999994</v>
      </c>
      <c r="AM4900">
        <v>15580.91618</v>
      </c>
      <c r="AN4900">
        <v>79962.397259999998</v>
      </c>
      <c r="AO4900">
        <v>17817.26614</v>
      </c>
      <c r="AP4900">
        <v>19932.995070000001</v>
      </c>
    </row>
    <row r="4901" spans="2:42" x14ac:dyDescent="0.3">
      <c r="B4901">
        <v>60.737118876658641</v>
      </c>
      <c r="C4901" s="83">
        <v>43305.125</v>
      </c>
      <c r="D4901">
        <v>234904.37849999999</v>
      </c>
      <c r="E4901">
        <v>13964.205260000001</v>
      </c>
      <c r="F4901">
        <v>63102.611490000003</v>
      </c>
      <c r="G4901">
        <v>29022.864259999998</v>
      </c>
      <c r="H4901">
        <v>36339.292739999997</v>
      </c>
      <c r="I4901">
        <v>17890.558280000001</v>
      </c>
      <c r="J4901">
        <v>37946.492209999997</v>
      </c>
      <c r="K4901">
        <v>50992.331100000003</v>
      </c>
      <c r="L4901">
        <v>17507.465649999998</v>
      </c>
      <c r="M4901">
        <v>309666.15629999997</v>
      </c>
      <c r="N4901">
        <v>77628.863169999997</v>
      </c>
      <c r="O4901">
        <v>17246.609469999999</v>
      </c>
      <c r="P4901">
        <v>26544.247660000001</v>
      </c>
      <c r="Q4901">
        <v>97108.127129999993</v>
      </c>
      <c r="R4901">
        <v>14409.217930000001</v>
      </c>
      <c r="S4901">
        <v>78605.077520000006</v>
      </c>
      <c r="T4901">
        <v>17605.703580000001</v>
      </c>
      <c r="U4901">
        <v>19597.21646</v>
      </c>
      <c r="W4901" s="83">
        <f>Bühler!N4933</f>
        <v>45496.124999988118</v>
      </c>
      <c r="X4901" s="83">
        <v>43305.125</v>
      </c>
      <c r="Y4901">
        <v>234904.37849999999</v>
      </c>
      <c r="Z4901">
        <v>13964.205260000001</v>
      </c>
      <c r="AA4901">
        <v>63102.611490000003</v>
      </c>
      <c r="AB4901">
        <v>29022.864259999998</v>
      </c>
      <c r="AC4901">
        <v>36339.292739999997</v>
      </c>
      <c r="AD4901">
        <v>17890.558280000001</v>
      </c>
      <c r="AE4901">
        <v>37946.492209999997</v>
      </c>
      <c r="AF4901">
        <v>50992.331100000003</v>
      </c>
      <c r="AG4901">
        <v>17507.465649999998</v>
      </c>
      <c r="AH4901">
        <v>309666.15629999997</v>
      </c>
      <c r="AI4901">
        <v>77628.863169999997</v>
      </c>
      <c r="AJ4901">
        <v>17246.609469999999</v>
      </c>
      <c r="AK4901">
        <v>26544.247660000001</v>
      </c>
      <c r="AL4901">
        <v>97108.127129999993</v>
      </c>
      <c r="AM4901">
        <v>14409.217930000001</v>
      </c>
      <c r="AN4901">
        <v>78605.077520000006</v>
      </c>
      <c r="AO4901">
        <v>17605.703580000001</v>
      </c>
      <c r="AP4901">
        <v>19597.21646</v>
      </c>
    </row>
    <row r="4902" spans="2:42" x14ac:dyDescent="0.3">
      <c r="B4902">
        <v>62.959002976741751</v>
      </c>
      <c r="C4902" s="83">
        <v>43305.166666666664</v>
      </c>
      <c r="D4902">
        <v>236770.35079999999</v>
      </c>
      <c r="E4902">
        <v>14454.453030000001</v>
      </c>
      <c r="F4902">
        <v>66072.114239999995</v>
      </c>
      <c r="G4902">
        <v>28636.494920000001</v>
      </c>
      <c r="H4902">
        <v>36535.821949999998</v>
      </c>
      <c r="I4902">
        <v>18603.52046</v>
      </c>
      <c r="J4902">
        <v>40114.946100000001</v>
      </c>
      <c r="K4902">
        <v>51297.406170000002</v>
      </c>
      <c r="L4902">
        <v>17424.42671</v>
      </c>
      <c r="M4902">
        <v>320994.35759999999</v>
      </c>
      <c r="N4902">
        <v>76565.548410000003</v>
      </c>
      <c r="O4902">
        <v>17333.417460000001</v>
      </c>
      <c r="P4902">
        <v>26625.195970000001</v>
      </c>
      <c r="Q4902">
        <v>100294.38280000001</v>
      </c>
      <c r="R4902">
        <v>15013.53707</v>
      </c>
      <c r="S4902">
        <v>78365.067689999996</v>
      </c>
      <c r="T4902">
        <v>17484.723050000001</v>
      </c>
      <c r="U4902">
        <v>19783.794300000001</v>
      </c>
      <c r="W4902" s="83">
        <f>Bühler!N4934</f>
        <v>45496.166666654783</v>
      </c>
      <c r="X4902" s="83">
        <v>43305.166666666664</v>
      </c>
      <c r="Y4902">
        <v>236770.35079999999</v>
      </c>
      <c r="Z4902">
        <v>14454.453030000001</v>
      </c>
      <c r="AA4902">
        <v>66072.114239999995</v>
      </c>
      <c r="AB4902">
        <v>28636.494920000001</v>
      </c>
      <c r="AC4902">
        <v>36535.821949999998</v>
      </c>
      <c r="AD4902">
        <v>18603.52046</v>
      </c>
      <c r="AE4902">
        <v>40114.946100000001</v>
      </c>
      <c r="AF4902">
        <v>51297.406170000002</v>
      </c>
      <c r="AG4902">
        <v>17424.42671</v>
      </c>
      <c r="AH4902">
        <v>320994.35759999999</v>
      </c>
      <c r="AI4902">
        <v>76565.548410000003</v>
      </c>
      <c r="AJ4902">
        <v>17333.417460000001</v>
      </c>
      <c r="AK4902">
        <v>26625.195970000001</v>
      </c>
      <c r="AL4902">
        <v>100294.38280000001</v>
      </c>
      <c r="AM4902">
        <v>15013.53707</v>
      </c>
      <c r="AN4902">
        <v>78365.067689999996</v>
      </c>
      <c r="AO4902">
        <v>17484.723050000001</v>
      </c>
      <c r="AP4902">
        <v>19783.794300000001</v>
      </c>
    </row>
    <row r="4903" spans="2:42" x14ac:dyDescent="0.3">
      <c r="B4903">
        <v>65.78506901966739</v>
      </c>
      <c r="C4903" s="83">
        <v>43305.208333333336</v>
      </c>
      <c r="D4903">
        <v>252672.28090000001</v>
      </c>
      <c r="E4903">
        <v>16299.4745</v>
      </c>
      <c r="F4903">
        <v>75211.846940000003</v>
      </c>
      <c r="G4903">
        <v>29202.252990000001</v>
      </c>
      <c r="H4903">
        <v>37997.301370000001</v>
      </c>
      <c r="I4903">
        <v>24142.485799999999</v>
      </c>
      <c r="J4903">
        <v>42695.273220000003</v>
      </c>
      <c r="K4903">
        <v>51821.318670000001</v>
      </c>
      <c r="L4903">
        <v>18510.31954</v>
      </c>
      <c r="M4903">
        <v>335402.96019999997</v>
      </c>
      <c r="N4903">
        <v>78169.020990000005</v>
      </c>
      <c r="O4903">
        <v>18015.544409999999</v>
      </c>
      <c r="P4903">
        <v>27669.01598</v>
      </c>
      <c r="Q4903">
        <v>102579.34329999999</v>
      </c>
      <c r="R4903">
        <v>17480.2523</v>
      </c>
      <c r="S4903">
        <v>80365.85024</v>
      </c>
      <c r="T4903">
        <v>19402.00346</v>
      </c>
      <c r="U4903">
        <v>21937.206470000001</v>
      </c>
      <c r="W4903" s="83">
        <f>Bühler!N4935</f>
        <v>45496.208333321447</v>
      </c>
      <c r="X4903" s="83">
        <v>43305.208333333336</v>
      </c>
      <c r="Y4903">
        <v>252672.28090000001</v>
      </c>
      <c r="Z4903">
        <v>16299.4745</v>
      </c>
      <c r="AA4903">
        <v>75211.846940000003</v>
      </c>
      <c r="AB4903">
        <v>29202.252990000001</v>
      </c>
      <c r="AC4903">
        <v>37997.301370000001</v>
      </c>
      <c r="AD4903">
        <v>24142.485799999999</v>
      </c>
      <c r="AE4903">
        <v>42695.273220000003</v>
      </c>
      <c r="AF4903">
        <v>51821.318670000001</v>
      </c>
      <c r="AG4903">
        <v>18510.31954</v>
      </c>
      <c r="AH4903">
        <v>335402.96019999997</v>
      </c>
      <c r="AI4903">
        <v>78169.020990000005</v>
      </c>
      <c r="AJ4903">
        <v>18015.544409999999</v>
      </c>
      <c r="AK4903">
        <v>27669.01598</v>
      </c>
      <c r="AL4903">
        <v>102579.34329999999</v>
      </c>
      <c r="AM4903">
        <v>17480.2523</v>
      </c>
      <c r="AN4903">
        <v>80365.85024</v>
      </c>
      <c r="AO4903">
        <v>19402.00346</v>
      </c>
      <c r="AP4903">
        <v>21937.206470000001</v>
      </c>
    </row>
    <row r="4904" spans="2:42" x14ac:dyDescent="0.3">
      <c r="B4904">
        <v>68.191715975248457</v>
      </c>
      <c r="C4904" s="83">
        <v>43305.25</v>
      </c>
      <c r="D4904">
        <v>267751.96909999999</v>
      </c>
      <c r="E4904">
        <v>19920.255069999999</v>
      </c>
      <c r="F4904">
        <v>84107.607380000001</v>
      </c>
      <c r="G4904">
        <v>30724.162069999998</v>
      </c>
      <c r="H4904">
        <v>39896.449489999999</v>
      </c>
      <c r="I4904">
        <v>28044.444060000002</v>
      </c>
      <c r="J4904">
        <v>45523.056230000002</v>
      </c>
      <c r="K4904">
        <v>52499.198479999999</v>
      </c>
      <c r="L4904">
        <v>19482.028060000001</v>
      </c>
      <c r="M4904">
        <v>347673.16869999998</v>
      </c>
      <c r="N4904">
        <v>80200.373949999994</v>
      </c>
      <c r="O4904">
        <v>19012.243890000002</v>
      </c>
      <c r="P4904">
        <v>28593.767680000001</v>
      </c>
      <c r="Q4904">
        <v>104038.3817</v>
      </c>
      <c r="R4904">
        <v>17052.307659999999</v>
      </c>
      <c r="S4904">
        <v>86364.206730000005</v>
      </c>
      <c r="T4904">
        <v>20462.041079999999</v>
      </c>
      <c r="U4904">
        <v>24041.13379</v>
      </c>
      <c r="W4904" s="83">
        <f>Bühler!N4936</f>
        <v>45496.249999988111</v>
      </c>
      <c r="X4904" s="83">
        <v>43305.25</v>
      </c>
      <c r="Y4904">
        <v>267751.96909999999</v>
      </c>
      <c r="Z4904">
        <v>19920.255069999999</v>
      </c>
      <c r="AA4904">
        <v>84107.607380000001</v>
      </c>
      <c r="AB4904">
        <v>30724.162069999998</v>
      </c>
      <c r="AC4904">
        <v>39896.449489999999</v>
      </c>
      <c r="AD4904">
        <v>28044.444060000002</v>
      </c>
      <c r="AE4904">
        <v>45523.056230000002</v>
      </c>
      <c r="AF4904">
        <v>52499.198479999999</v>
      </c>
      <c r="AG4904">
        <v>19482.028060000001</v>
      </c>
      <c r="AH4904">
        <v>347673.16869999998</v>
      </c>
      <c r="AI4904">
        <v>80200.373949999994</v>
      </c>
      <c r="AJ4904">
        <v>19012.243890000002</v>
      </c>
      <c r="AK4904">
        <v>28593.767680000001</v>
      </c>
      <c r="AL4904">
        <v>104038.3817</v>
      </c>
      <c r="AM4904">
        <v>17052.307659999999</v>
      </c>
      <c r="AN4904">
        <v>86364.206730000005</v>
      </c>
      <c r="AO4904">
        <v>20462.041079999999</v>
      </c>
      <c r="AP4904">
        <v>24041.13379</v>
      </c>
    </row>
    <row r="4905" spans="2:42" x14ac:dyDescent="0.3">
      <c r="B4905">
        <v>70.478136070654784</v>
      </c>
      <c r="C4905" s="83">
        <v>43305.291666666664</v>
      </c>
      <c r="D4905">
        <v>277775.16759999999</v>
      </c>
      <c r="E4905">
        <v>24849.476009999998</v>
      </c>
      <c r="F4905">
        <v>89021.183579999997</v>
      </c>
      <c r="G4905">
        <v>34435.778939999997</v>
      </c>
      <c r="H4905">
        <v>44299.076910000003</v>
      </c>
      <c r="I4905">
        <v>33142.323170000003</v>
      </c>
      <c r="J4905">
        <v>47981.936350000004</v>
      </c>
      <c r="K4905">
        <v>57907.006529999999</v>
      </c>
      <c r="L4905">
        <v>22322.516339999998</v>
      </c>
      <c r="M4905">
        <v>359330.40460000001</v>
      </c>
      <c r="N4905">
        <v>84740.823130000004</v>
      </c>
      <c r="O4905">
        <v>21209.951639999999</v>
      </c>
      <c r="P4905">
        <v>31873.232069999998</v>
      </c>
      <c r="Q4905">
        <v>104006.8545</v>
      </c>
      <c r="R4905">
        <v>18322.665209999999</v>
      </c>
      <c r="S4905">
        <v>99849.452319999997</v>
      </c>
      <c r="T4905">
        <v>22636.20652</v>
      </c>
      <c r="U4905">
        <v>26916.7435</v>
      </c>
      <c r="W4905" s="83">
        <f>Bühler!N4937</f>
        <v>45496.291666654775</v>
      </c>
      <c r="X4905" s="83">
        <v>43305.291666666664</v>
      </c>
      <c r="Y4905">
        <v>277775.16759999999</v>
      </c>
      <c r="Z4905">
        <v>24849.476009999998</v>
      </c>
      <c r="AA4905">
        <v>89021.183579999997</v>
      </c>
      <c r="AB4905">
        <v>34435.778939999997</v>
      </c>
      <c r="AC4905">
        <v>44299.076910000003</v>
      </c>
      <c r="AD4905">
        <v>33142.323170000003</v>
      </c>
      <c r="AE4905">
        <v>47981.936350000004</v>
      </c>
      <c r="AF4905">
        <v>57907.006529999999</v>
      </c>
      <c r="AG4905">
        <v>22322.516339999998</v>
      </c>
      <c r="AH4905">
        <v>359330.40460000001</v>
      </c>
      <c r="AI4905">
        <v>84740.823130000004</v>
      </c>
      <c r="AJ4905">
        <v>21209.951639999999</v>
      </c>
      <c r="AK4905">
        <v>31873.232069999998</v>
      </c>
      <c r="AL4905">
        <v>104006.8545</v>
      </c>
      <c r="AM4905">
        <v>18322.665209999999</v>
      </c>
      <c r="AN4905">
        <v>99849.452319999997</v>
      </c>
      <c r="AO4905">
        <v>22636.20652</v>
      </c>
      <c r="AP4905">
        <v>26916.7435</v>
      </c>
    </row>
    <row r="4906" spans="2:42" x14ac:dyDescent="0.3">
      <c r="B4906">
        <v>71.440381297151305</v>
      </c>
      <c r="C4906" s="83">
        <v>43305.333333333336</v>
      </c>
      <c r="D4906">
        <v>290011.51919999998</v>
      </c>
      <c r="E4906">
        <v>30506.35168</v>
      </c>
      <c r="F4906">
        <v>97145.514070000005</v>
      </c>
      <c r="G4906">
        <v>38882.47898</v>
      </c>
      <c r="H4906">
        <v>48553.449189999999</v>
      </c>
      <c r="I4906">
        <v>36810.463530000001</v>
      </c>
      <c r="J4906">
        <v>51799.188459999998</v>
      </c>
      <c r="K4906">
        <v>62951.732109999997</v>
      </c>
      <c r="L4906">
        <v>25734.021260000001</v>
      </c>
      <c r="M4906">
        <v>364236.37949999998</v>
      </c>
      <c r="N4906">
        <v>93851.012340000001</v>
      </c>
      <c r="O4906">
        <v>24294.609369999998</v>
      </c>
      <c r="P4906">
        <v>34353.197970000001</v>
      </c>
      <c r="Q4906">
        <v>105300.4274</v>
      </c>
      <c r="R4906">
        <v>21886.136170000002</v>
      </c>
      <c r="S4906">
        <v>112556.85279999999</v>
      </c>
      <c r="T4906">
        <v>25230.498930000002</v>
      </c>
      <c r="U4906">
        <v>30599.055970000001</v>
      </c>
      <c r="W4906" s="83">
        <f>Bühler!N4938</f>
        <v>45496.33333332144</v>
      </c>
      <c r="X4906" s="83">
        <v>43305.333333333336</v>
      </c>
      <c r="Y4906">
        <v>290011.51919999998</v>
      </c>
      <c r="Z4906">
        <v>30506.35168</v>
      </c>
      <c r="AA4906">
        <v>97145.514070000005</v>
      </c>
      <c r="AB4906">
        <v>38882.47898</v>
      </c>
      <c r="AC4906">
        <v>48553.449189999999</v>
      </c>
      <c r="AD4906">
        <v>36810.463530000001</v>
      </c>
      <c r="AE4906">
        <v>51799.188459999998</v>
      </c>
      <c r="AF4906">
        <v>62951.732109999997</v>
      </c>
      <c r="AG4906">
        <v>25734.021260000001</v>
      </c>
      <c r="AH4906">
        <v>364236.37949999998</v>
      </c>
      <c r="AI4906">
        <v>93851.012340000001</v>
      </c>
      <c r="AJ4906">
        <v>24294.609369999998</v>
      </c>
      <c r="AK4906">
        <v>34353.197970000001</v>
      </c>
      <c r="AL4906">
        <v>105300.4274</v>
      </c>
      <c r="AM4906">
        <v>21886.136170000002</v>
      </c>
      <c r="AN4906">
        <v>112556.85279999999</v>
      </c>
      <c r="AO4906">
        <v>25230.498930000002</v>
      </c>
      <c r="AP4906">
        <v>30599.055970000001</v>
      </c>
    </row>
    <row r="4907" spans="2:42" x14ac:dyDescent="0.3">
      <c r="B4907">
        <v>72.149432383798938</v>
      </c>
      <c r="C4907" s="83">
        <v>43305.375</v>
      </c>
      <c r="D4907">
        <v>291901.48950000003</v>
      </c>
      <c r="E4907">
        <v>35774.161769999999</v>
      </c>
      <c r="F4907">
        <v>105129.69160000001</v>
      </c>
      <c r="G4907">
        <v>42239.439160000002</v>
      </c>
      <c r="H4907">
        <v>51683.75589</v>
      </c>
      <c r="I4907">
        <v>36716.77824</v>
      </c>
      <c r="J4907">
        <v>54644.699200000003</v>
      </c>
      <c r="K4907">
        <v>67071.117769999997</v>
      </c>
      <c r="L4907">
        <v>30116.085849999999</v>
      </c>
      <c r="M4907">
        <v>367851.45260000002</v>
      </c>
      <c r="N4907">
        <v>98461.470939999999</v>
      </c>
      <c r="O4907">
        <v>26028.409189999998</v>
      </c>
      <c r="P4907">
        <v>39088.39759</v>
      </c>
      <c r="Q4907">
        <v>107086.8484</v>
      </c>
      <c r="R4907">
        <v>23625.85223</v>
      </c>
      <c r="S4907">
        <v>122068.5048</v>
      </c>
      <c r="T4907">
        <v>27398.29737</v>
      </c>
      <c r="U4907">
        <v>32272.657210000001</v>
      </c>
      <c r="W4907" s="83">
        <f>Bühler!N4939</f>
        <v>45496.374999988104</v>
      </c>
      <c r="X4907" s="83">
        <v>43305.375</v>
      </c>
      <c r="Y4907">
        <v>291901.48950000003</v>
      </c>
      <c r="Z4907">
        <v>35774.161769999999</v>
      </c>
      <c r="AA4907">
        <v>105129.69160000001</v>
      </c>
      <c r="AB4907">
        <v>42239.439160000002</v>
      </c>
      <c r="AC4907">
        <v>51683.75589</v>
      </c>
      <c r="AD4907">
        <v>36716.77824</v>
      </c>
      <c r="AE4907">
        <v>54644.699200000003</v>
      </c>
      <c r="AF4907">
        <v>67071.117769999997</v>
      </c>
      <c r="AG4907">
        <v>30116.085849999999</v>
      </c>
      <c r="AH4907">
        <v>367851.45260000002</v>
      </c>
      <c r="AI4907">
        <v>98461.470939999999</v>
      </c>
      <c r="AJ4907">
        <v>26028.409189999998</v>
      </c>
      <c r="AK4907">
        <v>39088.39759</v>
      </c>
      <c r="AL4907">
        <v>107086.8484</v>
      </c>
      <c r="AM4907">
        <v>23625.85223</v>
      </c>
      <c r="AN4907">
        <v>122068.5048</v>
      </c>
      <c r="AO4907">
        <v>27398.29737</v>
      </c>
      <c r="AP4907">
        <v>32272.657210000001</v>
      </c>
    </row>
    <row r="4908" spans="2:42" x14ac:dyDescent="0.3">
      <c r="B4908">
        <v>74.077520330385141</v>
      </c>
      <c r="C4908" s="83">
        <v>43305.416666666664</v>
      </c>
      <c r="D4908">
        <v>295172.55209999997</v>
      </c>
      <c r="E4908">
        <v>37973.113740000001</v>
      </c>
      <c r="F4908">
        <v>108295.04090000001</v>
      </c>
      <c r="G4908">
        <v>43799.550499999998</v>
      </c>
      <c r="H4908">
        <v>53449.784209999998</v>
      </c>
      <c r="I4908">
        <v>35835.916389999999</v>
      </c>
      <c r="J4908">
        <v>56119.68043</v>
      </c>
      <c r="K4908">
        <v>68484.181630000006</v>
      </c>
      <c r="L4908">
        <v>34623.445059999998</v>
      </c>
      <c r="M4908">
        <v>377681.74410000001</v>
      </c>
      <c r="N4908">
        <v>102662.0827</v>
      </c>
      <c r="O4908">
        <v>27505.677459999999</v>
      </c>
      <c r="P4908">
        <v>41149.16992</v>
      </c>
      <c r="Q4908">
        <v>109427.2574</v>
      </c>
      <c r="R4908">
        <v>24475.924029999998</v>
      </c>
      <c r="S4908">
        <v>125434.022</v>
      </c>
      <c r="T4908">
        <v>29910.296460000001</v>
      </c>
      <c r="U4908">
        <v>32569.99108</v>
      </c>
      <c r="W4908" s="83">
        <f>Bühler!N4940</f>
        <v>45496.416666654768</v>
      </c>
      <c r="X4908" s="83">
        <v>43305.416666666664</v>
      </c>
      <c r="Y4908">
        <v>295172.55209999997</v>
      </c>
      <c r="Z4908">
        <v>37973.113740000001</v>
      </c>
      <c r="AA4908">
        <v>108295.04090000001</v>
      </c>
      <c r="AB4908">
        <v>43799.550499999998</v>
      </c>
      <c r="AC4908">
        <v>53449.784209999998</v>
      </c>
      <c r="AD4908">
        <v>35835.916389999999</v>
      </c>
      <c r="AE4908">
        <v>56119.68043</v>
      </c>
      <c r="AF4908">
        <v>68484.181630000006</v>
      </c>
      <c r="AG4908">
        <v>34623.445059999998</v>
      </c>
      <c r="AH4908">
        <v>377681.74410000001</v>
      </c>
      <c r="AI4908">
        <v>102662.0827</v>
      </c>
      <c r="AJ4908">
        <v>27505.677459999999</v>
      </c>
      <c r="AK4908">
        <v>41149.16992</v>
      </c>
      <c r="AL4908">
        <v>109427.2574</v>
      </c>
      <c r="AM4908">
        <v>24475.924029999998</v>
      </c>
      <c r="AN4908">
        <v>125434.022</v>
      </c>
      <c r="AO4908">
        <v>29910.296460000001</v>
      </c>
      <c r="AP4908">
        <v>32569.99108</v>
      </c>
    </row>
    <row r="4909" spans="2:42" x14ac:dyDescent="0.3">
      <c r="B4909">
        <v>74.409655189463265</v>
      </c>
      <c r="C4909" s="83">
        <v>43305.458333333336</v>
      </c>
      <c r="D4909">
        <v>297894.8897</v>
      </c>
      <c r="E4909">
        <v>38375.353000000003</v>
      </c>
      <c r="F4909">
        <v>110954.4904</v>
      </c>
      <c r="G4909">
        <v>44323.832419999999</v>
      </c>
      <c r="H4909">
        <v>53929.074820000002</v>
      </c>
      <c r="I4909">
        <v>36115.627899999999</v>
      </c>
      <c r="J4909">
        <v>56391.368970000003</v>
      </c>
      <c r="K4909">
        <v>69829.896160000004</v>
      </c>
      <c r="L4909">
        <v>35952.918740000001</v>
      </c>
      <c r="M4909">
        <v>379375.1225</v>
      </c>
      <c r="N4909">
        <v>102297.1223</v>
      </c>
      <c r="O4909">
        <v>29413.01627</v>
      </c>
      <c r="P4909">
        <v>39766.519950000002</v>
      </c>
      <c r="Q4909">
        <v>109494.43060000001</v>
      </c>
      <c r="R4909">
        <v>27089.34101</v>
      </c>
      <c r="S4909">
        <v>129701.3403</v>
      </c>
      <c r="T4909">
        <v>30363.775369999999</v>
      </c>
      <c r="U4909">
        <v>32053.502990000001</v>
      </c>
      <c r="W4909" s="83">
        <f>Bühler!N4941</f>
        <v>45496.458333321432</v>
      </c>
      <c r="X4909" s="83">
        <v>43305.458333333336</v>
      </c>
      <c r="Y4909">
        <v>297894.8897</v>
      </c>
      <c r="Z4909">
        <v>38375.353000000003</v>
      </c>
      <c r="AA4909">
        <v>110954.4904</v>
      </c>
      <c r="AB4909">
        <v>44323.832419999999</v>
      </c>
      <c r="AC4909">
        <v>53929.074820000002</v>
      </c>
      <c r="AD4909">
        <v>36115.627899999999</v>
      </c>
      <c r="AE4909">
        <v>56391.368970000003</v>
      </c>
      <c r="AF4909">
        <v>69829.896160000004</v>
      </c>
      <c r="AG4909">
        <v>35952.918740000001</v>
      </c>
      <c r="AH4909">
        <v>379375.1225</v>
      </c>
      <c r="AI4909">
        <v>102297.1223</v>
      </c>
      <c r="AJ4909">
        <v>29413.01627</v>
      </c>
      <c r="AK4909">
        <v>39766.519950000002</v>
      </c>
      <c r="AL4909">
        <v>109494.43060000001</v>
      </c>
      <c r="AM4909">
        <v>27089.34101</v>
      </c>
      <c r="AN4909">
        <v>129701.3403</v>
      </c>
      <c r="AO4909">
        <v>30363.775369999999</v>
      </c>
      <c r="AP4909">
        <v>32053.502990000001</v>
      </c>
    </row>
    <row r="4910" spans="2:42" x14ac:dyDescent="0.3">
      <c r="B4910">
        <v>73.565012602620527</v>
      </c>
      <c r="C4910" s="83">
        <v>43305.5</v>
      </c>
      <c r="D4910">
        <v>287905.55660000001</v>
      </c>
      <c r="E4910">
        <v>35571.155500000001</v>
      </c>
      <c r="F4910">
        <v>105882.71580000001</v>
      </c>
      <c r="G4910">
        <v>44171.793230000003</v>
      </c>
      <c r="H4910">
        <v>53460.424489999998</v>
      </c>
      <c r="I4910">
        <v>34469.885820000003</v>
      </c>
      <c r="J4910">
        <v>57360.113189999996</v>
      </c>
      <c r="K4910">
        <v>66282.775380000006</v>
      </c>
      <c r="L4910">
        <v>38042.401360000003</v>
      </c>
      <c r="M4910">
        <v>375068.74070000002</v>
      </c>
      <c r="N4910">
        <v>102118.18889999999</v>
      </c>
      <c r="O4910">
        <v>29053.110919999999</v>
      </c>
      <c r="P4910">
        <v>41413.518530000001</v>
      </c>
      <c r="Q4910">
        <v>109333.8873</v>
      </c>
      <c r="R4910">
        <v>26437.71112</v>
      </c>
      <c r="S4910">
        <v>127433.3784</v>
      </c>
      <c r="T4910">
        <v>30898.744190000001</v>
      </c>
      <c r="U4910">
        <v>27769.784250000001</v>
      </c>
      <c r="W4910" s="83">
        <f>Bühler!N4942</f>
        <v>45496.499999988097</v>
      </c>
      <c r="X4910" s="83">
        <v>43305.5</v>
      </c>
      <c r="Y4910">
        <v>287905.55660000001</v>
      </c>
      <c r="Z4910">
        <v>35571.155500000001</v>
      </c>
      <c r="AA4910">
        <v>105882.71580000001</v>
      </c>
      <c r="AB4910">
        <v>44171.793230000003</v>
      </c>
      <c r="AC4910">
        <v>53460.424489999998</v>
      </c>
      <c r="AD4910">
        <v>34469.885820000003</v>
      </c>
      <c r="AE4910">
        <v>57360.113189999996</v>
      </c>
      <c r="AF4910">
        <v>66282.775380000006</v>
      </c>
      <c r="AG4910">
        <v>38042.401360000003</v>
      </c>
      <c r="AH4910">
        <v>375068.74070000002</v>
      </c>
      <c r="AI4910">
        <v>102118.18889999999</v>
      </c>
      <c r="AJ4910">
        <v>29053.110919999999</v>
      </c>
      <c r="AK4910">
        <v>41413.518530000001</v>
      </c>
      <c r="AL4910">
        <v>109333.8873</v>
      </c>
      <c r="AM4910">
        <v>26437.71112</v>
      </c>
      <c r="AN4910">
        <v>127433.3784</v>
      </c>
      <c r="AO4910">
        <v>30898.744190000001</v>
      </c>
      <c r="AP4910">
        <v>27769.784250000001</v>
      </c>
    </row>
    <row r="4911" spans="2:42" x14ac:dyDescent="0.3">
      <c r="B4911">
        <v>73.329483108168787</v>
      </c>
      <c r="C4911" s="83">
        <v>43305.541666666664</v>
      </c>
      <c r="D4911">
        <v>290286.67979999998</v>
      </c>
      <c r="E4911">
        <v>35801.024259999998</v>
      </c>
      <c r="F4911">
        <v>103108.1672</v>
      </c>
      <c r="G4911">
        <v>44853.302969999997</v>
      </c>
      <c r="H4911">
        <v>53030.182690000001</v>
      </c>
      <c r="I4911">
        <v>34843.552629999998</v>
      </c>
      <c r="J4911">
        <v>56207.294410000002</v>
      </c>
      <c r="K4911">
        <v>68055.39804</v>
      </c>
      <c r="L4911">
        <v>38152.308779999999</v>
      </c>
      <c r="M4911">
        <v>373867.90149999998</v>
      </c>
      <c r="N4911">
        <v>102984.6412</v>
      </c>
      <c r="O4911">
        <v>29688.52376</v>
      </c>
      <c r="P4911">
        <v>40890.065730000002</v>
      </c>
      <c r="Q4911">
        <v>109413.1998</v>
      </c>
      <c r="R4911">
        <v>26907.404630000001</v>
      </c>
      <c r="S4911">
        <v>127068.8247</v>
      </c>
      <c r="T4911">
        <v>30580.163530000002</v>
      </c>
      <c r="U4911">
        <v>29361.85699</v>
      </c>
      <c r="W4911" s="83">
        <f>Bühler!N4943</f>
        <v>45496.541666654761</v>
      </c>
      <c r="X4911" s="83">
        <v>43305.541666666664</v>
      </c>
      <c r="Y4911">
        <v>290286.67979999998</v>
      </c>
      <c r="Z4911">
        <v>35801.024259999998</v>
      </c>
      <c r="AA4911">
        <v>103108.1672</v>
      </c>
      <c r="AB4911">
        <v>44853.302969999997</v>
      </c>
      <c r="AC4911">
        <v>53030.182690000001</v>
      </c>
      <c r="AD4911">
        <v>34843.552629999998</v>
      </c>
      <c r="AE4911">
        <v>56207.294410000002</v>
      </c>
      <c r="AF4911">
        <v>68055.39804</v>
      </c>
      <c r="AG4911">
        <v>38152.308779999999</v>
      </c>
      <c r="AH4911">
        <v>373867.90149999998</v>
      </c>
      <c r="AI4911">
        <v>102984.6412</v>
      </c>
      <c r="AJ4911">
        <v>29688.52376</v>
      </c>
      <c r="AK4911">
        <v>40890.065730000002</v>
      </c>
      <c r="AL4911">
        <v>109413.1998</v>
      </c>
      <c r="AM4911">
        <v>26907.404630000001</v>
      </c>
      <c r="AN4911">
        <v>127068.8247</v>
      </c>
      <c r="AO4911">
        <v>30580.163530000002</v>
      </c>
      <c r="AP4911">
        <v>29361.85699</v>
      </c>
    </row>
    <row r="4912" spans="2:42" x14ac:dyDescent="0.3">
      <c r="B4912">
        <v>73.185650639576153</v>
      </c>
      <c r="C4912" s="83">
        <v>43305.583333333336</v>
      </c>
      <c r="D4912">
        <v>293058.04840000003</v>
      </c>
      <c r="E4912">
        <v>39052.927199999998</v>
      </c>
      <c r="F4912">
        <v>111489.99490000001</v>
      </c>
      <c r="G4912">
        <v>45962.88177</v>
      </c>
      <c r="H4912">
        <v>53821.00374</v>
      </c>
      <c r="I4912">
        <v>35607.797059999997</v>
      </c>
      <c r="J4912">
        <v>56206.734790000002</v>
      </c>
      <c r="K4912">
        <v>68534.155710000006</v>
      </c>
      <c r="L4912">
        <v>35951.450270000001</v>
      </c>
      <c r="M4912">
        <v>373134.57650000002</v>
      </c>
      <c r="N4912">
        <v>107427.6948</v>
      </c>
      <c r="O4912">
        <v>29959.865709999998</v>
      </c>
      <c r="P4912">
        <v>37184.079120000002</v>
      </c>
      <c r="Q4912">
        <v>109324.3196</v>
      </c>
      <c r="R4912">
        <v>27009.43305</v>
      </c>
      <c r="S4912">
        <v>123351.7953</v>
      </c>
      <c r="T4912">
        <v>30351.354599999999</v>
      </c>
      <c r="U4912">
        <v>30708.39702</v>
      </c>
      <c r="W4912" s="83">
        <f>Bühler!N4944</f>
        <v>45496.583333321425</v>
      </c>
      <c r="X4912" s="83">
        <v>43305.583333333336</v>
      </c>
      <c r="Y4912">
        <v>293058.04840000003</v>
      </c>
      <c r="Z4912">
        <v>39052.927199999998</v>
      </c>
      <c r="AA4912">
        <v>111489.99490000001</v>
      </c>
      <c r="AB4912">
        <v>45962.88177</v>
      </c>
      <c r="AC4912">
        <v>53821.00374</v>
      </c>
      <c r="AD4912">
        <v>35607.797059999997</v>
      </c>
      <c r="AE4912">
        <v>56206.734790000002</v>
      </c>
      <c r="AF4912">
        <v>68534.155710000006</v>
      </c>
      <c r="AG4912">
        <v>35951.450270000001</v>
      </c>
      <c r="AH4912">
        <v>373134.57650000002</v>
      </c>
      <c r="AI4912">
        <v>107427.6948</v>
      </c>
      <c r="AJ4912">
        <v>29959.865709999998</v>
      </c>
      <c r="AK4912">
        <v>37184.079120000002</v>
      </c>
      <c r="AL4912">
        <v>109324.3196</v>
      </c>
      <c r="AM4912">
        <v>27009.43305</v>
      </c>
      <c r="AN4912">
        <v>123351.7953</v>
      </c>
      <c r="AO4912">
        <v>30351.354599999999</v>
      </c>
      <c r="AP4912">
        <v>30708.39702</v>
      </c>
    </row>
    <row r="4913" spans="2:42" x14ac:dyDescent="0.3">
      <c r="B4913">
        <v>72.330638267693359</v>
      </c>
      <c r="C4913" s="83">
        <v>43305.625</v>
      </c>
      <c r="D4913">
        <v>289597.88449999999</v>
      </c>
      <c r="E4913">
        <v>39286.17265</v>
      </c>
      <c r="F4913">
        <v>114524.12519999999</v>
      </c>
      <c r="G4913">
        <v>45626.411480000002</v>
      </c>
      <c r="H4913">
        <v>53313.314420000002</v>
      </c>
      <c r="I4913">
        <v>35027.024290000001</v>
      </c>
      <c r="J4913">
        <v>56258.341610000003</v>
      </c>
      <c r="K4913">
        <v>67050.05528</v>
      </c>
      <c r="L4913">
        <v>32783.804490000002</v>
      </c>
      <c r="M4913">
        <v>368775.3247</v>
      </c>
      <c r="N4913">
        <v>105506.0634</v>
      </c>
      <c r="O4913">
        <v>29360.583180000001</v>
      </c>
      <c r="P4913">
        <v>35403.534970000001</v>
      </c>
      <c r="Q4913">
        <v>109419.5232</v>
      </c>
      <c r="R4913">
        <v>26468.709459999998</v>
      </c>
      <c r="S4913">
        <v>122038.417</v>
      </c>
      <c r="T4913">
        <v>30550.67801</v>
      </c>
      <c r="U4913">
        <v>30085.66618</v>
      </c>
      <c r="W4913" s="83">
        <f>Bühler!N4945</f>
        <v>45496.624999988089</v>
      </c>
      <c r="X4913" s="83">
        <v>43305.625</v>
      </c>
      <c r="Y4913">
        <v>289597.88449999999</v>
      </c>
      <c r="Z4913">
        <v>39286.17265</v>
      </c>
      <c r="AA4913">
        <v>114524.12519999999</v>
      </c>
      <c r="AB4913">
        <v>45626.411480000002</v>
      </c>
      <c r="AC4913">
        <v>53313.314420000002</v>
      </c>
      <c r="AD4913">
        <v>35027.024290000001</v>
      </c>
      <c r="AE4913">
        <v>56258.341610000003</v>
      </c>
      <c r="AF4913">
        <v>67050.05528</v>
      </c>
      <c r="AG4913">
        <v>32783.804490000002</v>
      </c>
      <c r="AH4913">
        <v>368775.3247</v>
      </c>
      <c r="AI4913">
        <v>105506.0634</v>
      </c>
      <c r="AJ4913">
        <v>29360.583180000001</v>
      </c>
      <c r="AK4913">
        <v>35403.534970000001</v>
      </c>
      <c r="AL4913">
        <v>109419.5232</v>
      </c>
      <c r="AM4913">
        <v>26468.709459999998</v>
      </c>
      <c r="AN4913">
        <v>122038.417</v>
      </c>
      <c r="AO4913">
        <v>30550.67801</v>
      </c>
      <c r="AP4913">
        <v>30085.66618</v>
      </c>
    </row>
    <row r="4914" spans="2:42" x14ac:dyDescent="0.3">
      <c r="B4914">
        <v>71.410118882995448</v>
      </c>
      <c r="C4914" s="83">
        <v>43305.666666666664</v>
      </c>
      <c r="D4914">
        <v>284372.86139999999</v>
      </c>
      <c r="E4914">
        <v>38830.410620000002</v>
      </c>
      <c r="F4914">
        <v>114339.18210000001</v>
      </c>
      <c r="G4914">
        <v>44390.105450000003</v>
      </c>
      <c r="H4914">
        <v>52511.068749999999</v>
      </c>
      <c r="I4914">
        <v>36330.159319999999</v>
      </c>
      <c r="J4914">
        <v>55338.03211</v>
      </c>
      <c r="K4914">
        <v>64791.837979999997</v>
      </c>
      <c r="L4914">
        <v>31843.379980000002</v>
      </c>
      <c r="M4914">
        <v>364082.08760000003</v>
      </c>
      <c r="N4914">
        <v>103358.8575</v>
      </c>
      <c r="O4914">
        <v>28251.740709999998</v>
      </c>
      <c r="P4914">
        <v>35656.62341</v>
      </c>
      <c r="Q4914">
        <v>108273.34149999999</v>
      </c>
      <c r="R4914">
        <v>26310.94125</v>
      </c>
      <c r="S4914">
        <v>120868.29300000001</v>
      </c>
      <c r="T4914">
        <v>29901.85687</v>
      </c>
      <c r="U4914">
        <v>28403.7893</v>
      </c>
      <c r="W4914" s="83">
        <f>Bühler!N4946</f>
        <v>45496.666666654753</v>
      </c>
      <c r="X4914" s="83">
        <v>43305.666666666664</v>
      </c>
      <c r="Y4914">
        <v>284372.86139999999</v>
      </c>
      <c r="Z4914">
        <v>38830.410620000002</v>
      </c>
      <c r="AA4914">
        <v>114339.18210000001</v>
      </c>
      <c r="AB4914">
        <v>44390.105450000003</v>
      </c>
      <c r="AC4914">
        <v>52511.068749999999</v>
      </c>
      <c r="AD4914">
        <v>36330.159319999999</v>
      </c>
      <c r="AE4914">
        <v>55338.03211</v>
      </c>
      <c r="AF4914">
        <v>64791.837979999997</v>
      </c>
      <c r="AG4914">
        <v>31843.379980000002</v>
      </c>
      <c r="AH4914">
        <v>364082.08760000003</v>
      </c>
      <c r="AI4914">
        <v>103358.8575</v>
      </c>
      <c r="AJ4914">
        <v>28251.740709999998</v>
      </c>
      <c r="AK4914">
        <v>35656.62341</v>
      </c>
      <c r="AL4914">
        <v>108273.34149999999</v>
      </c>
      <c r="AM4914">
        <v>26310.94125</v>
      </c>
      <c r="AN4914">
        <v>120868.29300000001</v>
      </c>
      <c r="AO4914">
        <v>29901.85687</v>
      </c>
      <c r="AP4914">
        <v>28403.7893</v>
      </c>
    </row>
    <row r="4915" spans="2:42" x14ac:dyDescent="0.3">
      <c r="B4915">
        <v>70.581869441540803</v>
      </c>
      <c r="C4915" s="83">
        <v>43305.708333333336</v>
      </c>
      <c r="D4915">
        <v>274562.42550000001</v>
      </c>
      <c r="E4915">
        <v>36609.380839999998</v>
      </c>
      <c r="F4915">
        <v>114181.44439999999</v>
      </c>
      <c r="G4915">
        <v>41500.329969999999</v>
      </c>
      <c r="H4915">
        <v>50732.813600000001</v>
      </c>
      <c r="I4915">
        <v>35838.526389999999</v>
      </c>
      <c r="J4915">
        <v>55558.163890000003</v>
      </c>
      <c r="K4915">
        <v>60813.294670000003</v>
      </c>
      <c r="L4915">
        <v>32021.776880000001</v>
      </c>
      <c r="M4915">
        <v>359859.28570000001</v>
      </c>
      <c r="N4915">
        <v>98185.927729999996</v>
      </c>
      <c r="O4915">
        <v>27349.863880000001</v>
      </c>
      <c r="P4915">
        <v>37092.396670000002</v>
      </c>
      <c r="Q4915">
        <v>107030.3174</v>
      </c>
      <c r="R4915">
        <v>27044.46587</v>
      </c>
      <c r="S4915">
        <v>118357.9154</v>
      </c>
      <c r="T4915">
        <v>29063.416359999999</v>
      </c>
      <c r="U4915">
        <v>25733.526829999999</v>
      </c>
      <c r="W4915" s="83">
        <f>Bühler!N4947</f>
        <v>45496.708333321418</v>
      </c>
      <c r="X4915" s="83">
        <v>43305.708333333336</v>
      </c>
      <c r="Y4915">
        <v>274562.42550000001</v>
      </c>
      <c r="Z4915">
        <v>36609.380839999998</v>
      </c>
      <c r="AA4915">
        <v>114181.44439999999</v>
      </c>
      <c r="AB4915">
        <v>41500.329969999999</v>
      </c>
      <c r="AC4915">
        <v>50732.813600000001</v>
      </c>
      <c r="AD4915">
        <v>35838.526389999999</v>
      </c>
      <c r="AE4915">
        <v>55558.163890000003</v>
      </c>
      <c r="AF4915">
        <v>60813.294670000003</v>
      </c>
      <c r="AG4915">
        <v>32021.776880000001</v>
      </c>
      <c r="AH4915">
        <v>359859.28570000001</v>
      </c>
      <c r="AI4915">
        <v>98185.927729999996</v>
      </c>
      <c r="AJ4915">
        <v>27349.863880000001</v>
      </c>
      <c r="AK4915">
        <v>37092.396670000002</v>
      </c>
      <c r="AL4915">
        <v>107030.3174</v>
      </c>
      <c r="AM4915">
        <v>27044.46587</v>
      </c>
      <c r="AN4915">
        <v>118357.9154</v>
      </c>
      <c r="AO4915">
        <v>29063.416359999999</v>
      </c>
      <c r="AP4915">
        <v>25733.526829999999</v>
      </c>
    </row>
    <row r="4916" spans="2:42" x14ac:dyDescent="0.3">
      <c r="B4916">
        <v>69.367386637359942</v>
      </c>
      <c r="C4916" s="83">
        <v>43305.75</v>
      </c>
      <c r="D4916">
        <v>268314.05989999999</v>
      </c>
      <c r="E4916">
        <v>33045.908179999999</v>
      </c>
      <c r="F4916">
        <v>112286.16770000001</v>
      </c>
      <c r="G4916">
        <v>38495.050940000001</v>
      </c>
      <c r="H4916">
        <v>48161.483990000001</v>
      </c>
      <c r="I4916">
        <v>35170.30255</v>
      </c>
      <c r="J4916">
        <v>55892.762549999999</v>
      </c>
      <c r="K4916">
        <v>59379.623509999998</v>
      </c>
      <c r="L4916">
        <v>33185.651579999998</v>
      </c>
      <c r="M4916">
        <v>353667.28600000002</v>
      </c>
      <c r="N4916">
        <v>94204.791230000003</v>
      </c>
      <c r="O4916">
        <v>25996.298009999999</v>
      </c>
      <c r="P4916">
        <v>40586.326289999997</v>
      </c>
      <c r="Q4916">
        <v>104898.50719999999</v>
      </c>
      <c r="R4916">
        <v>25993.56408</v>
      </c>
      <c r="S4916">
        <v>110965.6145</v>
      </c>
      <c r="T4916">
        <v>28117.567169999998</v>
      </c>
      <c r="U4916">
        <v>24140.610799999999</v>
      </c>
      <c r="W4916" s="83">
        <f>Bühler!N4948</f>
        <v>45496.749999988082</v>
      </c>
      <c r="X4916" s="83">
        <v>43305.75</v>
      </c>
      <c r="Y4916">
        <v>268314.05989999999</v>
      </c>
      <c r="Z4916">
        <v>33045.908179999999</v>
      </c>
      <c r="AA4916">
        <v>112286.16770000001</v>
      </c>
      <c r="AB4916">
        <v>38495.050940000001</v>
      </c>
      <c r="AC4916">
        <v>48161.483990000001</v>
      </c>
      <c r="AD4916">
        <v>35170.30255</v>
      </c>
      <c r="AE4916">
        <v>55892.762549999999</v>
      </c>
      <c r="AF4916">
        <v>59379.623509999998</v>
      </c>
      <c r="AG4916">
        <v>33185.651579999998</v>
      </c>
      <c r="AH4916">
        <v>353667.28600000002</v>
      </c>
      <c r="AI4916">
        <v>94204.791230000003</v>
      </c>
      <c r="AJ4916">
        <v>25996.298009999999</v>
      </c>
      <c r="AK4916">
        <v>40586.326289999997</v>
      </c>
      <c r="AL4916">
        <v>104898.50719999999</v>
      </c>
      <c r="AM4916">
        <v>25993.56408</v>
      </c>
      <c r="AN4916">
        <v>110965.6145</v>
      </c>
      <c r="AO4916">
        <v>28117.567169999998</v>
      </c>
      <c r="AP4916">
        <v>24140.610799999999</v>
      </c>
    </row>
    <row r="4917" spans="2:42" x14ac:dyDescent="0.3">
      <c r="B4917">
        <v>68.638248117917612</v>
      </c>
      <c r="C4917" s="83">
        <v>43305.791666666664</v>
      </c>
      <c r="D4917">
        <v>259769.75469999999</v>
      </c>
      <c r="E4917">
        <v>26692.879799999999</v>
      </c>
      <c r="F4917">
        <v>102159.5956</v>
      </c>
      <c r="G4917">
        <v>36015.592850000001</v>
      </c>
      <c r="H4917">
        <v>45270.174169999998</v>
      </c>
      <c r="I4917">
        <v>33189.179819999998</v>
      </c>
      <c r="J4917">
        <v>55661.55156</v>
      </c>
      <c r="K4917">
        <v>58595.02837</v>
      </c>
      <c r="L4917">
        <v>32775.100149999998</v>
      </c>
      <c r="M4917">
        <v>349949.7978</v>
      </c>
      <c r="N4917">
        <v>92168.978340000001</v>
      </c>
      <c r="O4917">
        <v>24335.316060000001</v>
      </c>
      <c r="P4917">
        <v>42567.171589999998</v>
      </c>
      <c r="Q4917">
        <v>102374.754</v>
      </c>
      <c r="R4917">
        <v>24888.952580000001</v>
      </c>
      <c r="S4917">
        <v>105305.67329999999</v>
      </c>
      <c r="T4917">
        <v>27628.75445</v>
      </c>
      <c r="U4917">
        <v>22729.00892</v>
      </c>
      <c r="W4917" s="83">
        <f>Bühler!N4949</f>
        <v>45496.791666654746</v>
      </c>
      <c r="X4917" s="83">
        <v>43305.791666666664</v>
      </c>
      <c r="Y4917">
        <v>259769.75469999999</v>
      </c>
      <c r="Z4917">
        <v>26692.879799999999</v>
      </c>
      <c r="AA4917">
        <v>102159.5956</v>
      </c>
      <c r="AB4917">
        <v>36015.592850000001</v>
      </c>
      <c r="AC4917">
        <v>45270.174169999998</v>
      </c>
      <c r="AD4917">
        <v>33189.179819999998</v>
      </c>
      <c r="AE4917">
        <v>55661.55156</v>
      </c>
      <c r="AF4917">
        <v>58595.02837</v>
      </c>
      <c r="AG4917">
        <v>32775.100149999998</v>
      </c>
      <c r="AH4917">
        <v>349949.7978</v>
      </c>
      <c r="AI4917">
        <v>92168.978340000001</v>
      </c>
      <c r="AJ4917">
        <v>24335.316060000001</v>
      </c>
      <c r="AK4917">
        <v>42567.171589999998</v>
      </c>
      <c r="AL4917">
        <v>102374.754</v>
      </c>
      <c r="AM4917">
        <v>24888.952580000001</v>
      </c>
      <c r="AN4917">
        <v>105305.67329999999</v>
      </c>
      <c r="AO4917">
        <v>27628.75445</v>
      </c>
      <c r="AP4917">
        <v>22729.00892</v>
      </c>
    </row>
    <row r="4918" spans="2:42" x14ac:dyDescent="0.3">
      <c r="B4918">
        <v>66.292472506616306</v>
      </c>
      <c r="C4918" s="83">
        <v>43305.833333333336</v>
      </c>
      <c r="D4918">
        <v>250069.36040000001</v>
      </c>
      <c r="E4918">
        <v>20075.835569999999</v>
      </c>
      <c r="F4918">
        <v>85302.327550000002</v>
      </c>
      <c r="G4918">
        <v>33911.544430000002</v>
      </c>
      <c r="H4918">
        <v>42067.388709999999</v>
      </c>
      <c r="I4918">
        <v>29577.3086</v>
      </c>
      <c r="J4918">
        <v>54338.39817</v>
      </c>
      <c r="K4918">
        <v>58198.438829999999</v>
      </c>
      <c r="L4918">
        <v>31815.48344</v>
      </c>
      <c r="M4918">
        <v>337989.93979999999</v>
      </c>
      <c r="N4918">
        <v>88185.693719999996</v>
      </c>
      <c r="O4918">
        <v>21953.92612</v>
      </c>
      <c r="P4918">
        <v>43458.835789999997</v>
      </c>
      <c r="Q4918">
        <v>98284.554080000002</v>
      </c>
      <c r="R4918">
        <v>23020.3802</v>
      </c>
      <c r="S4918">
        <v>96058.219779999999</v>
      </c>
      <c r="T4918">
        <v>26058.657800000001</v>
      </c>
      <c r="U4918">
        <v>22075.156149999999</v>
      </c>
      <c r="W4918" s="83">
        <f>Bühler!N4950</f>
        <v>45496.83333332141</v>
      </c>
      <c r="X4918" s="83">
        <v>43305.833333333336</v>
      </c>
      <c r="Y4918">
        <v>250069.36040000001</v>
      </c>
      <c r="Z4918">
        <v>20075.835569999999</v>
      </c>
      <c r="AA4918">
        <v>85302.327550000002</v>
      </c>
      <c r="AB4918">
        <v>33911.544430000002</v>
      </c>
      <c r="AC4918">
        <v>42067.388709999999</v>
      </c>
      <c r="AD4918">
        <v>29577.3086</v>
      </c>
      <c r="AE4918">
        <v>54338.39817</v>
      </c>
      <c r="AF4918">
        <v>58198.438829999999</v>
      </c>
      <c r="AG4918">
        <v>31815.48344</v>
      </c>
      <c r="AH4918">
        <v>337989.93979999999</v>
      </c>
      <c r="AI4918">
        <v>88185.693719999996</v>
      </c>
      <c r="AJ4918">
        <v>21953.92612</v>
      </c>
      <c r="AK4918">
        <v>43458.835789999997</v>
      </c>
      <c r="AL4918">
        <v>98284.554080000002</v>
      </c>
      <c r="AM4918">
        <v>23020.3802</v>
      </c>
      <c r="AN4918">
        <v>96058.219779999999</v>
      </c>
      <c r="AO4918">
        <v>26058.657800000001</v>
      </c>
      <c r="AP4918">
        <v>22075.156149999999</v>
      </c>
    </row>
    <row r="4919" spans="2:42" x14ac:dyDescent="0.3">
      <c r="B4919">
        <v>63.977786165964034</v>
      </c>
      <c r="C4919" s="83">
        <v>43305.875</v>
      </c>
      <c r="D4919">
        <v>242807.2714</v>
      </c>
      <c r="E4919">
        <v>17246.625929999998</v>
      </c>
      <c r="F4919">
        <v>74924.533030000006</v>
      </c>
      <c r="G4919">
        <v>32726.022799999999</v>
      </c>
      <c r="H4919">
        <v>39550.280429999999</v>
      </c>
      <c r="I4919">
        <v>27504.59993</v>
      </c>
      <c r="J4919">
        <v>52961.340360000002</v>
      </c>
      <c r="K4919">
        <v>58099.640319999999</v>
      </c>
      <c r="L4919">
        <v>30907.999449999999</v>
      </c>
      <c r="M4919">
        <v>326188.5894</v>
      </c>
      <c r="N4919">
        <v>85618.128259999998</v>
      </c>
      <c r="O4919">
        <v>20125.975399999999</v>
      </c>
      <c r="P4919">
        <v>41296.303119999997</v>
      </c>
      <c r="Q4919">
        <v>95080.253920000003</v>
      </c>
      <c r="R4919">
        <v>21741.814289999998</v>
      </c>
      <c r="S4919">
        <v>91324.378639999995</v>
      </c>
      <c r="T4919">
        <v>24814.941579999999</v>
      </c>
      <c r="U4919">
        <v>21950.624459999999</v>
      </c>
      <c r="W4919" s="83">
        <f>Bühler!N4951</f>
        <v>45496.874999988075</v>
      </c>
      <c r="X4919" s="83">
        <v>43305.875</v>
      </c>
      <c r="Y4919">
        <v>242807.2714</v>
      </c>
      <c r="Z4919">
        <v>17246.625929999998</v>
      </c>
      <c r="AA4919">
        <v>74924.533030000006</v>
      </c>
      <c r="AB4919">
        <v>32726.022799999999</v>
      </c>
      <c r="AC4919">
        <v>39550.280429999999</v>
      </c>
      <c r="AD4919">
        <v>27504.59993</v>
      </c>
      <c r="AE4919">
        <v>52961.340360000002</v>
      </c>
      <c r="AF4919">
        <v>58099.640319999999</v>
      </c>
      <c r="AG4919">
        <v>30907.999449999999</v>
      </c>
      <c r="AH4919">
        <v>326188.5894</v>
      </c>
      <c r="AI4919">
        <v>85618.128259999998</v>
      </c>
      <c r="AJ4919">
        <v>20125.975399999999</v>
      </c>
      <c r="AK4919">
        <v>41296.303119999997</v>
      </c>
      <c r="AL4919">
        <v>95080.253920000003</v>
      </c>
      <c r="AM4919">
        <v>21741.814289999998</v>
      </c>
      <c r="AN4919">
        <v>91324.378639999995</v>
      </c>
      <c r="AO4919">
        <v>24814.941579999999</v>
      </c>
      <c r="AP4919">
        <v>21950.624459999999</v>
      </c>
    </row>
    <row r="4920" spans="2:42" x14ac:dyDescent="0.3">
      <c r="B4920">
        <v>63.04388926822093</v>
      </c>
      <c r="C4920" s="83">
        <v>43305.916666666664</v>
      </c>
      <c r="D4920">
        <v>243641.704</v>
      </c>
      <c r="E4920">
        <v>16260.614310000001</v>
      </c>
      <c r="F4920">
        <v>71348.965079999994</v>
      </c>
      <c r="G4920">
        <v>32508.575850000001</v>
      </c>
      <c r="H4920">
        <v>40174.763279999999</v>
      </c>
      <c r="I4920">
        <v>27028.264749999998</v>
      </c>
      <c r="J4920">
        <v>51801.428639999998</v>
      </c>
      <c r="K4920">
        <v>59580.819510000001</v>
      </c>
      <c r="L4920">
        <v>27398.95163</v>
      </c>
      <c r="M4920">
        <v>321427.14750000002</v>
      </c>
      <c r="N4920">
        <v>83299.059760000004</v>
      </c>
      <c r="O4920">
        <v>19819.520639999999</v>
      </c>
      <c r="P4920">
        <v>42870.41433</v>
      </c>
      <c r="Q4920">
        <v>94126.874939999994</v>
      </c>
      <c r="R4920">
        <v>22162.623660000001</v>
      </c>
      <c r="S4920">
        <v>90314.131120000005</v>
      </c>
      <c r="T4920">
        <v>21913.582559999999</v>
      </c>
      <c r="U4920">
        <v>22086.973910000001</v>
      </c>
      <c r="W4920" s="83">
        <f>Bühler!N4952</f>
        <v>45496.916666654739</v>
      </c>
      <c r="X4920" s="83">
        <v>43305.916666666664</v>
      </c>
      <c r="Y4920">
        <v>243641.704</v>
      </c>
      <c r="Z4920">
        <v>16260.614310000001</v>
      </c>
      <c r="AA4920">
        <v>71348.965079999994</v>
      </c>
      <c r="AB4920">
        <v>32508.575850000001</v>
      </c>
      <c r="AC4920">
        <v>40174.763279999999</v>
      </c>
      <c r="AD4920">
        <v>27028.264749999998</v>
      </c>
      <c r="AE4920">
        <v>51801.428639999998</v>
      </c>
      <c r="AF4920">
        <v>59580.819510000001</v>
      </c>
      <c r="AG4920">
        <v>27398.95163</v>
      </c>
      <c r="AH4920">
        <v>321427.14750000002</v>
      </c>
      <c r="AI4920">
        <v>83299.059760000004</v>
      </c>
      <c r="AJ4920">
        <v>19819.520639999999</v>
      </c>
      <c r="AK4920">
        <v>42870.41433</v>
      </c>
      <c r="AL4920">
        <v>94126.874939999994</v>
      </c>
      <c r="AM4920">
        <v>22162.623660000001</v>
      </c>
      <c r="AN4920">
        <v>90314.131120000005</v>
      </c>
      <c r="AO4920">
        <v>21913.582559999999</v>
      </c>
      <c r="AP4920">
        <v>22086.973910000001</v>
      </c>
    </row>
    <row r="4921" spans="2:42" x14ac:dyDescent="0.3">
      <c r="B4921">
        <v>62.204077447798547</v>
      </c>
      <c r="C4921" s="83">
        <v>43305.958333333336</v>
      </c>
      <c r="D4921">
        <v>240741.69279999999</v>
      </c>
      <c r="E4921">
        <v>15579.20544</v>
      </c>
      <c r="F4921">
        <v>69896.768479999999</v>
      </c>
      <c r="G4921">
        <v>32072.288939999999</v>
      </c>
      <c r="H4921">
        <v>39239.014479999998</v>
      </c>
      <c r="I4921">
        <v>26043.96917</v>
      </c>
      <c r="J4921">
        <v>45963.28746</v>
      </c>
      <c r="K4921">
        <v>58465.002419999997</v>
      </c>
      <c r="L4921">
        <v>23460.749540000001</v>
      </c>
      <c r="M4921">
        <v>317145.39520000003</v>
      </c>
      <c r="N4921">
        <v>81891.903539999999</v>
      </c>
      <c r="O4921">
        <v>19033.241969999999</v>
      </c>
      <c r="P4921">
        <v>36696.022089999999</v>
      </c>
      <c r="Q4921">
        <v>93500.569010000007</v>
      </c>
      <c r="R4921">
        <v>23180.498629999998</v>
      </c>
      <c r="S4921">
        <v>87859.304369999998</v>
      </c>
      <c r="T4921">
        <v>20153.220679999999</v>
      </c>
      <c r="U4921">
        <v>21463.324710000001</v>
      </c>
      <c r="W4921" s="83">
        <f>Bühler!N4953</f>
        <v>45496.958333321403</v>
      </c>
      <c r="X4921" s="83">
        <v>43305.958333333336</v>
      </c>
      <c r="Y4921">
        <v>240741.69279999999</v>
      </c>
      <c r="Z4921">
        <v>15579.20544</v>
      </c>
      <c r="AA4921">
        <v>69896.768479999999</v>
      </c>
      <c r="AB4921">
        <v>32072.288939999999</v>
      </c>
      <c r="AC4921">
        <v>39239.014479999998</v>
      </c>
      <c r="AD4921">
        <v>26043.96917</v>
      </c>
      <c r="AE4921">
        <v>45963.28746</v>
      </c>
      <c r="AF4921">
        <v>58465.002419999997</v>
      </c>
      <c r="AG4921">
        <v>23460.749540000001</v>
      </c>
      <c r="AH4921">
        <v>317145.39520000003</v>
      </c>
      <c r="AI4921">
        <v>81891.903539999999</v>
      </c>
      <c r="AJ4921">
        <v>19033.241969999999</v>
      </c>
      <c r="AK4921">
        <v>36696.022089999999</v>
      </c>
      <c r="AL4921">
        <v>93500.569010000007</v>
      </c>
      <c r="AM4921">
        <v>23180.498629999998</v>
      </c>
      <c r="AN4921">
        <v>87859.304369999998</v>
      </c>
      <c r="AO4921">
        <v>20153.220679999999</v>
      </c>
      <c r="AP4921">
        <v>21463.324710000001</v>
      </c>
    </row>
    <row r="4922" spans="2:42" x14ac:dyDescent="0.3">
      <c r="B4922">
        <v>60.807570827482401</v>
      </c>
      <c r="C4922" s="83">
        <v>43306</v>
      </c>
      <c r="D4922">
        <v>237873.7605</v>
      </c>
      <c r="E4922">
        <v>15190.01533</v>
      </c>
      <c r="F4922">
        <v>66775.578800000003</v>
      </c>
      <c r="G4922">
        <v>31530.644479999999</v>
      </c>
      <c r="H4922">
        <v>38058.146220000002</v>
      </c>
      <c r="I4922">
        <v>24087.042130000002</v>
      </c>
      <c r="J4922">
        <v>40996.594850000001</v>
      </c>
      <c r="K4922">
        <v>56827.409829999997</v>
      </c>
      <c r="L4922">
        <v>21003.422490000001</v>
      </c>
      <c r="M4922">
        <v>310025.35320000001</v>
      </c>
      <c r="N4922">
        <v>80816.419410000002</v>
      </c>
      <c r="O4922">
        <v>18607.239379999999</v>
      </c>
      <c r="P4922">
        <v>33201.295769999997</v>
      </c>
      <c r="Q4922">
        <v>92145.463749999995</v>
      </c>
      <c r="R4922">
        <v>18528.3711</v>
      </c>
      <c r="S4922">
        <v>85067.646980000005</v>
      </c>
      <c r="T4922">
        <v>18908.325110000002</v>
      </c>
      <c r="U4922">
        <v>20876.36462</v>
      </c>
      <c r="W4922" s="83">
        <f>Bühler!N4954</f>
        <v>45496.999999988067</v>
      </c>
      <c r="X4922" s="83">
        <v>43306</v>
      </c>
      <c r="Y4922">
        <v>237873.7605</v>
      </c>
      <c r="Z4922">
        <v>15190.01533</v>
      </c>
      <c r="AA4922">
        <v>66775.578800000003</v>
      </c>
      <c r="AB4922">
        <v>31530.644479999999</v>
      </c>
      <c r="AC4922">
        <v>38058.146220000002</v>
      </c>
      <c r="AD4922">
        <v>24087.042130000002</v>
      </c>
      <c r="AE4922">
        <v>40996.594850000001</v>
      </c>
      <c r="AF4922">
        <v>56827.409829999997</v>
      </c>
      <c r="AG4922">
        <v>21003.422490000001</v>
      </c>
      <c r="AH4922">
        <v>310025.35320000001</v>
      </c>
      <c r="AI4922">
        <v>80816.419410000002</v>
      </c>
      <c r="AJ4922">
        <v>18607.239379999999</v>
      </c>
      <c r="AK4922">
        <v>33201.295769999997</v>
      </c>
      <c r="AL4922">
        <v>92145.463749999995</v>
      </c>
      <c r="AM4922">
        <v>18528.3711</v>
      </c>
      <c r="AN4922">
        <v>85067.646980000005</v>
      </c>
      <c r="AO4922">
        <v>18908.325110000002</v>
      </c>
      <c r="AP4922">
        <v>20876.36462</v>
      </c>
    </row>
    <row r="4923" spans="2:42" x14ac:dyDescent="0.3">
      <c r="B4923">
        <v>59.756942159814187</v>
      </c>
      <c r="C4923" s="83">
        <v>43306.041666666664</v>
      </c>
      <c r="D4923">
        <v>235671.2072</v>
      </c>
      <c r="E4923">
        <v>14510.17441</v>
      </c>
      <c r="F4923">
        <v>65856.304390000005</v>
      </c>
      <c r="G4923">
        <v>30815.141080000001</v>
      </c>
      <c r="H4923">
        <v>37339.493600000002</v>
      </c>
      <c r="I4923">
        <v>19765.616010000002</v>
      </c>
      <c r="J4923">
        <v>38439.678749999999</v>
      </c>
      <c r="K4923">
        <v>54410.948550000001</v>
      </c>
      <c r="L4923">
        <v>19320.999899999999</v>
      </c>
      <c r="M4923">
        <v>304668.75829999999</v>
      </c>
      <c r="N4923">
        <v>78567.737959999999</v>
      </c>
      <c r="O4923">
        <v>18322.745760000002</v>
      </c>
      <c r="P4923">
        <v>31096.348109999999</v>
      </c>
      <c r="Q4923">
        <v>91595.738110000006</v>
      </c>
      <c r="R4923">
        <v>15767.771779999999</v>
      </c>
      <c r="S4923">
        <v>83062.517930000002</v>
      </c>
      <c r="T4923">
        <v>18276.317589999999</v>
      </c>
      <c r="U4923">
        <v>20406.392070000002</v>
      </c>
      <c r="W4923" s="83">
        <f>Bühler!N4955</f>
        <v>45497.041666654732</v>
      </c>
      <c r="X4923" s="83">
        <v>43306.041666666664</v>
      </c>
      <c r="Y4923">
        <v>235671.2072</v>
      </c>
      <c r="Z4923">
        <v>14510.17441</v>
      </c>
      <c r="AA4923">
        <v>65856.304390000005</v>
      </c>
      <c r="AB4923">
        <v>30815.141080000001</v>
      </c>
      <c r="AC4923">
        <v>37339.493600000002</v>
      </c>
      <c r="AD4923">
        <v>19765.616010000002</v>
      </c>
      <c r="AE4923">
        <v>38439.678749999999</v>
      </c>
      <c r="AF4923">
        <v>54410.948550000001</v>
      </c>
      <c r="AG4923">
        <v>19320.999899999999</v>
      </c>
      <c r="AH4923">
        <v>304668.75829999999</v>
      </c>
      <c r="AI4923">
        <v>78567.737959999999</v>
      </c>
      <c r="AJ4923">
        <v>18322.745760000002</v>
      </c>
      <c r="AK4923">
        <v>31096.348109999999</v>
      </c>
      <c r="AL4923">
        <v>91595.738110000006</v>
      </c>
      <c r="AM4923">
        <v>15767.771779999999</v>
      </c>
      <c r="AN4923">
        <v>83062.517930000002</v>
      </c>
      <c r="AO4923">
        <v>18276.317589999999</v>
      </c>
      <c r="AP4923">
        <v>20406.392070000002</v>
      </c>
    </row>
    <row r="4924" spans="2:42" x14ac:dyDescent="0.3">
      <c r="B4924">
        <v>59.591162248109249</v>
      </c>
      <c r="C4924" s="83">
        <v>43306.083333333336</v>
      </c>
      <c r="D4924">
        <v>235337.5656</v>
      </c>
      <c r="E4924">
        <v>14173.950800000001</v>
      </c>
      <c r="F4924">
        <v>66431.47928</v>
      </c>
      <c r="G4924">
        <v>29785.273679999998</v>
      </c>
      <c r="H4924">
        <v>36917.665679999998</v>
      </c>
      <c r="I4924">
        <v>17705.79118</v>
      </c>
      <c r="J4924">
        <v>37596.381569999998</v>
      </c>
      <c r="K4924">
        <v>52821.761279999999</v>
      </c>
      <c r="L4924">
        <v>18463.413570000001</v>
      </c>
      <c r="M4924">
        <v>303823.53499999997</v>
      </c>
      <c r="N4924">
        <v>76499.638640000005</v>
      </c>
      <c r="O4924">
        <v>18146.420740000001</v>
      </c>
      <c r="P4924">
        <v>28728.50721</v>
      </c>
      <c r="Q4924">
        <v>93971.980859999996</v>
      </c>
      <c r="R4924">
        <v>15605.94709</v>
      </c>
      <c r="S4924">
        <v>81054.785799999998</v>
      </c>
      <c r="T4924">
        <v>17894.79292</v>
      </c>
      <c r="U4924">
        <v>19968.950059999999</v>
      </c>
      <c r="W4924" s="83">
        <f>Bühler!N4956</f>
        <v>45497.083333321396</v>
      </c>
      <c r="X4924" s="83">
        <v>43306.083333333336</v>
      </c>
      <c r="Y4924">
        <v>235337.5656</v>
      </c>
      <c r="Z4924">
        <v>14173.950800000001</v>
      </c>
      <c r="AA4924">
        <v>66431.47928</v>
      </c>
      <c r="AB4924">
        <v>29785.273679999998</v>
      </c>
      <c r="AC4924">
        <v>36917.665679999998</v>
      </c>
      <c r="AD4924">
        <v>17705.79118</v>
      </c>
      <c r="AE4924">
        <v>37596.381569999998</v>
      </c>
      <c r="AF4924">
        <v>52821.761279999999</v>
      </c>
      <c r="AG4924">
        <v>18463.413570000001</v>
      </c>
      <c r="AH4924">
        <v>303823.53499999997</v>
      </c>
      <c r="AI4924">
        <v>76499.638640000005</v>
      </c>
      <c r="AJ4924">
        <v>18146.420740000001</v>
      </c>
      <c r="AK4924">
        <v>28728.50721</v>
      </c>
      <c r="AL4924">
        <v>93971.980859999996</v>
      </c>
      <c r="AM4924">
        <v>15605.94709</v>
      </c>
      <c r="AN4924">
        <v>81054.785799999998</v>
      </c>
      <c r="AO4924">
        <v>17894.79292</v>
      </c>
      <c r="AP4924">
        <v>19968.950059999999</v>
      </c>
    </row>
    <row r="4925" spans="2:42" x14ac:dyDescent="0.3">
      <c r="B4925">
        <v>60.067209089887378</v>
      </c>
      <c r="C4925" s="83">
        <v>43306.125</v>
      </c>
      <c r="D4925">
        <v>235068.97760000001</v>
      </c>
      <c r="E4925">
        <v>14198.86089</v>
      </c>
      <c r="F4925">
        <v>67336.583379999996</v>
      </c>
      <c r="G4925">
        <v>29163.38449</v>
      </c>
      <c r="H4925">
        <v>36281.402159999998</v>
      </c>
      <c r="I4925">
        <v>17385.083859999999</v>
      </c>
      <c r="J4925">
        <v>37522.98605</v>
      </c>
      <c r="K4925">
        <v>51103.595950000003</v>
      </c>
      <c r="L4925">
        <v>17784.041150000001</v>
      </c>
      <c r="M4925">
        <v>306250.64380000002</v>
      </c>
      <c r="N4925">
        <v>76031.923060000001</v>
      </c>
      <c r="O4925">
        <v>17606.679209999998</v>
      </c>
      <c r="P4925">
        <v>26949.85353</v>
      </c>
      <c r="Q4925">
        <v>96546.119980000003</v>
      </c>
      <c r="R4925">
        <v>15648.8945</v>
      </c>
      <c r="S4925">
        <v>79997.971420000002</v>
      </c>
      <c r="T4925">
        <v>17765.966499999999</v>
      </c>
      <c r="U4925">
        <v>19742.615720000002</v>
      </c>
      <c r="W4925" s="83">
        <f>Bühler!N4957</f>
        <v>45497.12499998806</v>
      </c>
      <c r="X4925" s="83">
        <v>43306.125</v>
      </c>
      <c r="Y4925">
        <v>235068.97760000001</v>
      </c>
      <c r="Z4925">
        <v>14198.86089</v>
      </c>
      <c r="AA4925">
        <v>67336.583379999996</v>
      </c>
      <c r="AB4925">
        <v>29163.38449</v>
      </c>
      <c r="AC4925">
        <v>36281.402159999998</v>
      </c>
      <c r="AD4925">
        <v>17385.083859999999</v>
      </c>
      <c r="AE4925">
        <v>37522.98605</v>
      </c>
      <c r="AF4925">
        <v>51103.595950000003</v>
      </c>
      <c r="AG4925">
        <v>17784.041150000001</v>
      </c>
      <c r="AH4925">
        <v>306250.64380000002</v>
      </c>
      <c r="AI4925">
        <v>76031.923060000001</v>
      </c>
      <c r="AJ4925">
        <v>17606.679209999998</v>
      </c>
      <c r="AK4925">
        <v>26949.85353</v>
      </c>
      <c r="AL4925">
        <v>96546.119980000003</v>
      </c>
      <c r="AM4925">
        <v>15648.8945</v>
      </c>
      <c r="AN4925">
        <v>79997.971420000002</v>
      </c>
      <c r="AO4925">
        <v>17765.966499999999</v>
      </c>
      <c r="AP4925">
        <v>19742.615720000002</v>
      </c>
    </row>
    <row r="4926" spans="2:42" x14ac:dyDescent="0.3">
      <c r="B4926">
        <v>61.155857131814237</v>
      </c>
      <c r="C4926" s="83">
        <v>43306.166666666664</v>
      </c>
      <c r="D4926">
        <v>237300.5196</v>
      </c>
      <c r="E4926">
        <v>14726.84734</v>
      </c>
      <c r="F4926">
        <v>70597.604380000004</v>
      </c>
      <c r="G4926">
        <v>28823.919529999999</v>
      </c>
      <c r="H4926">
        <v>36763.751629999999</v>
      </c>
      <c r="I4926">
        <v>18490.431189999999</v>
      </c>
      <c r="J4926">
        <v>39363.056429999997</v>
      </c>
      <c r="K4926">
        <v>50867.908629999998</v>
      </c>
      <c r="L4926">
        <v>17596.244279999999</v>
      </c>
      <c r="M4926">
        <v>311801.07919999998</v>
      </c>
      <c r="N4926">
        <v>76771.506359999999</v>
      </c>
      <c r="O4926">
        <v>17570.485519999998</v>
      </c>
      <c r="P4926">
        <v>26619.566429999999</v>
      </c>
      <c r="Q4926">
        <v>99602.783689999997</v>
      </c>
      <c r="R4926">
        <v>15336.87664</v>
      </c>
      <c r="S4926">
        <v>79655.31409</v>
      </c>
      <c r="T4926">
        <v>17596.697329999999</v>
      </c>
      <c r="U4926">
        <v>19997.455750000001</v>
      </c>
      <c r="W4926" s="83">
        <f>Bühler!N4958</f>
        <v>45497.166666654724</v>
      </c>
      <c r="X4926" s="83">
        <v>43306.166666666664</v>
      </c>
      <c r="Y4926">
        <v>237300.5196</v>
      </c>
      <c r="Z4926">
        <v>14726.84734</v>
      </c>
      <c r="AA4926">
        <v>70597.604380000004</v>
      </c>
      <c r="AB4926">
        <v>28823.919529999999</v>
      </c>
      <c r="AC4926">
        <v>36763.751629999999</v>
      </c>
      <c r="AD4926">
        <v>18490.431189999999</v>
      </c>
      <c r="AE4926">
        <v>39363.056429999997</v>
      </c>
      <c r="AF4926">
        <v>50867.908629999998</v>
      </c>
      <c r="AG4926">
        <v>17596.244279999999</v>
      </c>
      <c r="AH4926">
        <v>311801.07919999998</v>
      </c>
      <c r="AI4926">
        <v>76771.506359999999</v>
      </c>
      <c r="AJ4926">
        <v>17570.485519999998</v>
      </c>
      <c r="AK4926">
        <v>26619.566429999999</v>
      </c>
      <c r="AL4926">
        <v>99602.783689999997</v>
      </c>
      <c r="AM4926">
        <v>15336.87664</v>
      </c>
      <c r="AN4926">
        <v>79655.31409</v>
      </c>
      <c r="AO4926">
        <v>17596.697329999999</v>
      </c>
      <c r="AP4926">
        <v>19997.455750000001</v>
      </c>
    </row>
    <row r="4927" spans="2:42" x14ac:dyDescent="0.3">
      <c r="B4927">
        <v>63.572629328308487</v>
      </c>
      <c r="C4927" s="83">
        <v>43306.208333333336</v>
      </c>
      <c r="D4927">
        <v>251243.6741</v>
      </c>
      <c r="E4927">
        <v>16436.13236</v>
      </c>
      <c r="F4927">
        <v>78595.333580000006</v>
      </c>
      <c r="G4927">
        <v>29641.816220000001</v>
      </c>
      <c r="H4927">
        <v>38247.772250000002</v>
      </c>
      <c r="I4927">
        <v>24111.44111</v>
      </c>
      <c r="J4927">
        <v>42588.500690000001</v>
      </c>
      <c r="K4927">
        <v>51811.171889999998</v>
      </c>
      <c r="L4927">
        <v>18947.38247</v>
      </c>
      <c r="M4927">
        <v>324122.91090000002</v>
      </c>
      <c r="N4927">
        <v>78048.327160000001</v>
      </c>
      <c r="O4927">
        <v>18601.93993</v>
      </c>
      <c r="P4927">
        <v>28209.99914</v>
      </c>
      <c r="Q4927">
        <v>101074.1774</v>
      </c>
      <c r="R4927">
        <v>17621.28528</v>
      </c>
      <c r="S4927">
        <v>81713.685469999997</v>
      </c>
      <c r="T4927">
        <v>18845.17568</v>
      </c>
      <c r="U4927">
        <v>22337.353500000001</v>
      </c>
      <c r="W4927" s="83">
        <f>Bühler!N4959</f>
        <v>45497.208333321389</v>
      </c>
      <c r="X4927" s="83">
        <v>43306.208333333336</v>
      </c>
      <c r="Y4927">
        <v>251243.6741</v>
      </c>
      <c r="Z4927">
        <v>16436.13236</v>
      </c>
      <c r="AA4927">
        <v>78595.333580000006</v>
      </c>
      <c r="AB4927">
        <v>29641.816220000001</v>
      </c>
      <c r="AC4927">
        <v>38247.772250000002</v>
      </c>
      <c r="AD4927">
        <v>24111.44111</v>
      </c>
      <c r="AE4927">
        <v>42588.500690000001</v>
      </c>
      <c r="AF4927">
        <v>51811.171889999998</v>
      </c>
      <c r="AG4927">
        <v>18947.38247</v>
      </c>
      <c r="AH4927">
        <v>324122.91090000002</v>
      </c>
      <c r="AI4927">
        <v>78048.327160000001</v>
      </c>
      <c r="AJ4927">
        <v>18601.93993</v>
      </c>
      <c r="AK4927">
        <v>28209.99914</v>
      </c>
      <c r="AL4927">
        <v>101074.1774</v>
      </c>
      <c r="AM4927">
        <v>17621.28528</v>
      </c>
      <c r="AN4927">
        <v>81713.685469999997</v>
      </c>
      <c r="AO4927">
        <v>18845.17568</v>
      </c>
      <c r="AP4927">
        <v>22337.353500000001</v>
      </c>
    </row>
    <row r="4928" spans="2:42" x14ac:dyDescent="0.3">
      <c r="B4928">
        <v>65.754156763033848</v>
      </c>
      <c r="C4928" s="83">
        <v>43306.25</v>
      </c>
      <c r="D4928">
        <v>268693.91379999998</v>
      </c>
      <c r="E4928">
        <v>20275.166140000001</v>
      </c>
      <c r="F4928">
        <v>88785.048710000003</v>
      </c>
      <c r="G4928">
        <v>30935.083839999999</v>
      </c>
      <c r="H4928">
        <v>40071.679190000003</v>
      </c>
      <c r="I4928">
        <v>27973.52419</v>
      </c>
      <c r="J4928">
        <v>45741.032229999997</v>
      </c>
      <c r="K4928">
        <v>53636.716639999999</v>
      </c>
      <c r="L4928">
        <v>19559.829320000001</v>
      </c>
      <c r="M4928">
        <v>335245.35509999999</v>
      </c>
      <c r="N4928">
        <v>79807.882230000003</v>
      </c>
      <c r="O4928">
        <v>20319.01655</v>
      </c>
      <c r="P4928">
        <v>28886.930509999998</v>
      </c>
      <c r="Q4928">
        <v>101508.4748</v>
      </c>
      <c r="R4928">
        <v>17221.75275</v>
      </c>
      <c r="S4928">
        <v>88272.980219999998</v>
      </c>
      <c r="T4928">
        <v>20407.641940000001</v>
      </c>
      <c r="U4928">
        <v>24034.616709999998</v>
      </c>
      <c r="W4928" s="83">
        <f>Bühler!N4960</f>
        <v>45497.249999988053</v>
      </c>
      <c r="X4928" s="83">
        <v>43306.25</v>
      </c>
      <c r="Y4928">
        <v>268693.91379999998</v>
      </c>
      <c r="Z4928">
        <v>20275.166140000001</v>
      </c>
      <c r="AA4928">
        <v>88785.048710000003</v>
      </c>
      <c r="AB4928">
        <v>30935.083839999999</v>
      </c>
      <c r="AC4928">
        <v>40071.679190000003</v>
      </c>
      <c r="AD4928">
        <v>27973.52419</v>
      </c>
      <c r="AE4928">
        <v>45741.032229999997</v>
      </c>
      <c r="AF4928">
        <v>53636.716639999999</v>
      </c>
      <c r="AG4928">
        <v>19559.829320000001</v>
      </c>
      <c r="AH4928">
        <v>335245.35509999999</v>
      </c>
      <c r="AI4928">
        <v>79807.882230000003</v>
      </c>
      <c r="AJ4928">
        <v>20319.01655</v>
      </c>
      <c r="AK4928">
        <v>28886.930509999998</v>
      </c>
      <c r="AL4928">
        <v>101508.4748</v>
      </c>
      <c r="AM4928">
        <v>17221.75275</v>
      </c>
      <c r="AN4928">
        <v>88272.980219999998</v>
      </c>
      <c r="AO4928">
        <v>20407.641940000001</v>
      </c>
      <c r="AP4928">
        <v>24034.616709999998</v>
      </c>
    </row>
    <row r="4929" spans="2:42" x14ac:dyDescent="0.3">
      <c r="B4929">
        <v>67.918224319821519</v>
      </c>
      <c r="C4929" s="83">
        <v>43306.291666666664</v>
      </c>
      <c r="D4929">
        <v>279483.12400000001</v>
      </c>
      <c r="E4929">
        <v>24743.396509999999</v>
      </c>
      <c r="F4929">
        <v>91782.460619999998</v>
      </c>
      <c r="G4929">
        <v>34497.258000000002</v>
      </c>
      <c r="H4929">
        <v>44333.1823</v>
      </c>
      <c r="I4929">
        <v>32475.53673</v>
      </c>
      <c r="J4929">
        <v>47090.811419999998</v>
      </c>
      <c r="K4929">
        <v>58212.631139999998</v>
      </c>
      <c r="L4929">
        <v>21977.00952</v>
      </c>
      <c r="M4929">
        <v>346278.7807</v>
      </c>
      <c r="N4929">
        <v>84391.586939999994</v>
      </c>
      <c r="O4929">
        <v>22791.133290000002</v>
      </c>
      <c r="P4929">
        <v>32299.69844</v>
      </c>
      <c r="Q4929">
        <v>102070.97530000001</v>
      </c>
      <c r="R4929">
        <v>17521.806680000002</v>
      </c>
      <c r="S4929">
        <v>101435.8003</v>
      </c>
      <c r="T4929">
        <v>22610.846590000001</v>
      </c>
      <c r="U4929">
        <v>27067.85108</v>
      </c>
      <c r="W4929" s="83">
        <f>Bühler!N4961</f>
        <v>45497.291666654717</v>
      </c>
      <c r="X4929" s="83">
        <v>43306.291666666664</v>
      </c>
      <c r="Y4929">
        <v>279483.12400000001</v>
      </c>
      <c r="Z4929">
        <v>24743.396509999999</v>
      </c>
      <c r="AA4929">
        <v>91782.460619999998</v>
      </c>
      <c r="AB4929">
        <v>34497.258000000002</v>
      </c>
      <c r="AC4929">
        <v>44333.1823</v>
      </c>
      <c r="AD4929">
        <v>32475.53673</v>
      </c>
      <c r="AE4929">
        <v>47090.811419999998</v>
      </c>
      <c r="AF4929">
        <v>58212.631139999998</v>
      </c>
      <c r="AG4929">
        <v>21977.00952</v>
      </c>
      <c r="AH4929">
        <v>346278.7807</v>
      </c>
      <c r="AI4929">
        <v>84391.586939999994</v>
      </c>
      <c r="AJ4929">
        <v>22791.133290000002</v>
      </c>
      <c r="AK4929">
        <v>32299.69844</v>
      </c>
      <c r="AL4929">
        <v>102070.97530000001</v>
      </c>
      <c r="AM4929">
        <v>17521.806680000002</v>
      </c>
      <c r="AN4929">
        <v>101435.8003</v>
      </c>
      <c r="AO4929">
        <v>22610.846590000001</v>
      </c>
      <c r="AP4929">
        <v>27067.85108</v>
      </c>
    </row>
    <row r="4930" spans="2:42" x14ac:dyDescent="0.3">
      <c r="B4930">
        <v>68.488791154020561</v>
      </c>
      <c r="C4930" s="83">
        <v>43306.333333333336</v>
      </c>
      <c r="D4930">
        <v>288810.20030000003</v>
      </c>
      <c r="E4930">
        <v>30329.785599999999</v>
      </c>
      <c r="F4930">
        <v>99104.813500000004</v>
      </c>
      <c r="G4930">
        <v>38735.073579999997</v>
      </c>
      <c r="H4930">
        <v>48346.060960000003</v>
      </c>
      <c r="I4930">
        <v>35673.105159999999</v>
      </c>
      <c r="J4930">
        <v>50301.032740000002</v>
      </c>
      <c r="K4930">
        <v>63612.733959999998</v>
      </c>
      <c r="L4930">
        <v>25244.118839999999</v>
      </c>
      <c r="M4930">
        <v>349187.7965</v>
      </c>
      <c r="N4930">
        <v>91248.332259999996</v>
      </c>
      <c r="O4930">
        <v>24775.389309999999</v>
      </c>
      <c r="P4930">
        <v>35161.449260000001</v>
      </c>
      <c r="Q4930">
        <v>103504.61040000001</v>
      </c>
      <c r="R4930">
        <v>21416.22752</v>
      </c>
      <c r="S4930">
        <v>112181.23579999999</v>
      </c>
      <c r="T4930">
        <v>25058.56122</v>
      </c>
      <c r="U4930">
        <v>30547.25058</v>
      </c>
      <c r="W4930" s="83">
        <f>Bühler!N4962</f>
        <v>45497.333333321381</v>
      </c>
      <c r="X4930" s="83">
        <v>43306.333333333336</v>
      </c>
      <c r="Y4930">
        <v>288810.20030000003</v>
      </c>
      <c r="Z4930">
        <v>30329.785599999999</v>
      </c>
      <c r="AA4930">
        <v>99104.813500000004</v>
      </c>
      <c r="AB4930">
        <v>38735.073579999997</v>
      </c>
      <c r="AC4930">
        <v>48346.060960000003</v>
      </c>
      <c r="AD4930">
        <v>35673.105159999999</v>
      </c>
      <c r="AE4930">
        <v>50301.032740000002</v>
      </c>
      <c r="AF4930">
        <v>63612.733959999998</v>
      </c>
      <c r="AG4930">
        <v>25244.118839999999</v>
      </c>
      <c r="AH4930">
        <v>349187.7965</v>
      </c>
      <c r="AI4930">
        <v>91248.332259999996</v>
      </c>
      <c r="AJ4930">
        <v>24775.389309999999</v>
      </c>
      <c r="AK4930">
        <v>35161.449260000001</v>
      </c>
      <c r="AL4930">
        <v>103504.61040000001</v>
      </c>
      <c r="AM4930">
        <v>21416.22752</v>
      </c>
      <c r="AN4930">
        <v>112181.23579999999</v>
      </c>
      <c r="AO4930">
        <v>25058.56122</v>
      </c>
      <c r="AP4930">
        <v>30547.25058</v>
      </c>
    </row>
    <row r="4931" spans="2:42" x14ac:dyDescent="0.3">
      <c r="B4931">
        <v>68.756537316972853</v>
      </c>
      <c r="C4931" s="83">
        <v>43306.375</v>
      </c>
      <c r="D4931">
        <v>293056.34740000003</v>
      </c>
      <c r="E4931">
        <v>35588.524530000002</v>
      </c>
      <c r="F4931">
        <v>106299.1088</v>
      </c>
      <c r="G4931">
        <v>41681.73934</v>
      </c>
      <c r="H4931">
        <v>51318.990140000002</v>
      </c>
      <c r="I4931">
        <v>36291.02332</v>
      </c>
      <c r="J4931">
        <v>52443.206899999997</v>
      </c>
      <c r="K4931">
        <v>67142.322409999993</v>
      </c>
      <c r="L4931">
        <v>29205.661820000001</v>
      </c>
      <c r="M4931">
        <v>350552.89130000002</v>
      </c>
      <c r="N4931">
        <v>95153.484429999997</v>
      </c>
      <c r="O4931">
        <v>26084.47422</v>
      </c>
      <c r="P4931">
        <v>38967.891210000002</v>
      </c>
      <c r="Q4931">
        <v>106021.96249999999</v>
      </c>
      <c r="R4931">
        <v>23037.983080000002</v>
      </c>
      <c r="S4931">
        <v>120570.3172</v>
      </c>
      <c r="T4931">
        <v>27371.373749999999</v>
      </c>
      <c r="U4931">
        <v>30550.527340000001</v>
      </c>
      <c r="W4931" s="83">
        <f>Bühler!N4963</f>
        <v>45497.374999988046</v>
      </c>
      <c r="X4931" s="83">
        <v>43306.375</v>
      </c>
      <c r="Y4931">
        <v>293056.34740000003</v>
      </c>
      <c r="Z4931">
        <v>35588.524530000002</v>
      </c>
      <c r="AA4931">
        <v>106299.1088</v>
      </c>
      <c r="AB4931">
        <v>41681.73934</v>
      </c>
      <c r="AC4931">
        <v>51318.990140000002</v>
      </c>
      <c r="AD4931">
        <v>36291.02332</v>
      </c>
      <c r="AE4931">
        <v>52443.206899999997</v>
      </c>
      <c r="AF4931">
        <v>67142.322409999993</v>
      </c>
      <c r="AG4931">
        <v>29205.661820000001</v>
      </c>
      <c r="AH4931">
        <v>350552.89130000002</v>
      </c>
      <c r="AI4931">
        <v>95153.484429999997</v>
      </c>
      <c r="AJ4931">
        <v>26084.47422</v>
      </c>
      <c r="AK4931">
        <v>38967.891210000002</v>
      </c>
      <c r="AL4931">
        <v>106021.96249999999</v>
      </c>
      <c r="AM4931">
        <v>23037.983080000002</v>
      </c>
      <c r="AN4931">
        <v>120570.3172</v>
      </c>
      <c r="AO4931">
        <v>27371.373749999999</v>
      </c>
      <c r="AP4931">
        <v>30550.527340000001</v>
      </c>
    </row>
    <row r="4932" spans="2:42" x14ac:dyDescent="0.3">
      <c r="B4932">
        <v>69.517103895218156</v>
      </c>
      <c r="C4932" s="83">
        <v>43306.416666666664</v>
      </c>
      <c r="D4932">
        <v>296651.71110000001</v>
      </c>
      <c r="E4932">
        <v>37731.288039999999</v>
      </c>
      <c r="F4932">
        <v>108695.65609999999</v>
      </c>
      <c r="G4932">
        <v>42944.711069999998</v>
      </c>
      <c r="H4932">
        <v>52952.448120000001</v>
      </c>
      <c r="I4932">
        <v>35438.641510000001</v>
      </c>
      <c r="J4932">
        <v>53990.656719999999</v>
      </c>
      <c r="K4932">
        <v>69584.262799999997</v>
      </c>
      <c r="L4932">
        <v>33070.25935</v>
      </c>
      <c r="M4932">
        <v>354430.61440000002</v>
      </c>
      <c r="N4932">
        <v>97868.608500000002</v>
      </c>
      <c r="O4932">
        <v>27611.901949999999</v>
      </c>
      <c r="P4932">
        <v>41290.650569999998</v>
      </c>
      <c r="Q4932">
        <v>107648.493</v>
      </c>
      <c r="R4932">
        <v>23736.816640000001</v>
      </c>
      <c r="S4932">
        <v>123764.52770000001</v>
      </c>
      <c r="T4932">
        <v>29754.790730000001</v>
      </c>
      <c r="U4932">
        <v>31026.748390000001</v>
      </c>
      <c r="W4932" s="83">
        <f>Bühler!N4964</f>
        <v>45497.41666665471</v>
      </c>
      <c r="X4932" s="83">
        <v>43306.416666666664</v>
      </c>
      <c r="Y4932">
        <v>296651.71110000001</v>
      </c>
      <c r="Z4932">
        <v>37731.288039999999</v>
      </c>
      <c r="AA4932">
        <v>108695.65609999999</v>
      </c>
      <c r="AB4932">
        <v>42944.711069999998</v>
      </c>
      <c r="AC4932">
        <v>52952.448120000001</v>
      </c>
      <c r="AD4932">
        <v>35438.641510000001</v>
      </c>
      <c r="AE4932">
        <v>53990.656719999999</v>
      </c>
      <c r="AF4932">
        <v>69584.262799999997</v>
      </c>
      <c r="AG4932">
        <v>33070.25935</v>
      </c>
      <c r="AH4932">
        <v>354430.61440000002</v>
      </c>
      <c r="AI4932">
        <v>97868.608500000002</v>
      </c>
      <c r="AJ4932">
        <v>27611.901949999999</v>
      </c>
      <c r="AK4932">
        <v>41290.650569999998</v>
      </c>
      <c r="AL4932">
        <v>107648.493</v>
      </c>
      <c r="AM4932">
        <v>23736.816640000001</v>
      </c>
      <c r="AN4932">
        <v>123764.52770000001</v>
      </c>
      <c r="AO4932">
        <v>29754.790730000001</v>
      </c>
      <c r="AP4932">
        <v>31026.748390000001</v>
      </c>
    </row>
    <row r="4933" spans="2:42" x14ac:dyDescent="0.3">
      <c r="B4933">
        <v>69.913155524192035</v>
      </c>
      <c r="C4933" s="83">
        <v>43306.458333333336</v>
      </c>
      <c r="D4933">
        <v>297497.97649999999</v>
      </c>
      <c r="E4933">
        <v>38116.052080000001</v>
      </c>
      <c r="F4933">
        <v>110761.46219999999</v>
      </c>
      <c r="G4933">
        <v>44001.571960000001</v>
      </c>
      <c r="H4933">
        <v>53107.462229999997</v>
      </c>
      <c r="I4933">
        <v>35106.57847</v>
      </c>
      <c r="J4933">
        <v>54416.047910000001</v>
      </c>
      <c r="K4933">
        <v>69589.604229999997</v>
      </c>
      <c r="L4933">
        <v>35214.595679999999</v>
      </c>
      <c r="M4933">
        <v>356449.87030000001</v>
      </c>
      <c r="N4933">
        <v>100455.9016</v>
      </c>
      <c r="O4933">
        <v>27759.46588</v>
      </c>
      <c r="P4933">
        <v>40988.631229999999</v>
      </c>
      <c r="Q4933">
        <v>107786.3588</v>
      </c>
      <c r="R4933">
        <v>26763.960220000001</v>
      </c>
      <c r="S4933">
        <v>127822.6746</v>
      </c>
      <c r="T4933">
        <v>30109.849129999999</v>
      </c>
      <c r="U4933">
        <v>30946.210650000001</v>
      </c>
      <c r="W4933" s="83">
        <f>Bühler!N4965</f>
        <v>45497.458333321374</v>
      </c>
      <c r="X4933" s="83">
        <v>43306.458333333336</v>
      </c>
      <c r="Y4933">
        <v>297497.97649999999</v>
      </c>
      <c r="Z4933">
        <v>38116.052080000001</v>
      </c>
      <c r="AA4933">
        <v>110761.46219999999</v>
      </c>
      <c r="AB4933">
        <v>44001.571960000001</v>
      </c>
      <c r="AC4933">
        <v>53107.462229999997</v>
      </c>
      <c r="AD4933">
        <v>35106.57847</v>
      </c>
      <c r="AE4933">
        <v>54416.047910000001</v>
      </c>
      <c r="AF4933">
        <v>69589.604229999997</v>
      </c>
      <c r="AG4933">
        <v>35214.595679999999</v>
      </c>
      <c r="AH4933">
        <v>356449.87030000001</v>
      </c>
      <c r="AI4933">
        <v>100455.9016</v>
      </c>
      <c r="AJ4933">
        <v>27759.46588</v>
      </c>
      <c r="AK4933">
        <v>40988.631229999999</v>
      </c>
      <c r="AL4933">
        <v>107786.3588</v>
      </c>
      <c r="AM4933">
        <v>26763.960220000001</v>
      </c>
      <c r="AN4933">
        <v>127822.6746</v>
      </c>
      <c r="AO4933">
        <v>30109.849129999999</v>
      </c>
      <c r="AP4933">
        <v>30946.210650000001</v>
      </c>
    </row>
    <row r="4934" spans="2:42" x14ac:dyDescent="0.3">
      <c r="B4934">
        <v>69.184692090112478</v>
      </c>
      <c r="C4934" s="83">
        <v>43306.5</v>
      </c>
      <c r="D4934">
        <v>287730.01520000002</v>
      </c>
      <c r="E4934">
        <v>35436.607680000001</v>
      </c>
      <c r="F4934">
        <v>104119.7724</v>
      </c>
      <c r="G4934">
        <v>43753.041109999998</v>
      </c>
      <c r="H4934">
        <v>52117.219859999997</v>
      </c>
      <c r="I4934">
        <v>33994.661070000002</v>
      </c>
      <c r="J4934">
        <v>55439.48919</v>
      </c>
      <c r="K4934">
        <v>65969.465580000004</v>
      </c>
      <c r="L4934">
        <v>37879.461219999997</v>
      </c>
      <c r="M4934">
        <v>352735.82400000002</v>
      </c>
      <c r="N4934">
        <v>98898.313169999994</v>
      </c>
      <c r="O4934">
        <v>28251.305919999999</v>
      </c>
      <c r="P4934">
        <v>43127.027099999999</v>
      </c>
      <c r="Q4934">
        <v>107709.067</v>
      </c>
      <c r="R4934">
        <v>27726.671689999999</v>
      </c>
      <c r="S4934">
        <v>122600.9489</v>
      </c>
      <c r="T4934">
        <v>30046.84431</v>
      </c>
      <c r="U4934">
        <v>26390.74325</v>
      </c>
      <c r="W4934" s="83">
        <f>Bühler!N4966</f>
        <v>45497.499999988038</v>
      </c>
      <c r="X4934" s="83">
        <v>43306.5</v>
      </c>
      <c r="Y4934">
        <v>287730.01520000002</v>
      </c>
      <c r="Z4934">
        <v>35436.607680000001</v>
      </c>
      <c r="AA4934">
        <v>104119.7724</v>
      </c>
      <c r="AB4934">
        <v>43753.041109999998</v>
      </c>
      <c r="AC4934">
        <v>52117.219859999997</v>
      </c>
      <c r="AD4934">
        <v>33994.661070000002</v>
      </c>
      <c r="AE4934">
        <v>55439.48919</v>
      </c>
      <c r="AF4934">
        <v>65969.465580000004</v>
      </c>
      <c r="AG4934">
        <v>37879.461219999997</v>
      </c>
      <c r="AH4934">
        <v>352735.82400000002</v>
      </c>
      <c r="AI4934">
        <v>98898.313169999994</v>
      </c>
      <c r="AJ4934">
        <v>28251.305919999999</v>
      </c>
      <c r="AK4934">
        <v>43127.027099999999</v>
      </c>
      <c r="AL4934">
        <v>107709.067</v>
      </c>
      <c r="AM4934">
        <v>27726.671689999999</v>
      </c>
      <c r="AN4934">
        <v>122600.9489</v>
      </c>
      <c r="AO4934">
        <v>30046.84431</v>
      </c>
      <c r="AP4934">
        <v>26390.74325</v>
      </c>
    </row>
    <row r="4935" spans="2:42" x14ac:dyDescent="0.3">
      <c r="B4935">
        <v>69.191280738099337</v>
      </c>
      <c r="C4935" s="83">
        <v>43306.541666666664</v>
      </c>
      <c r="D4935">
        <v>287356.36869999999</v>
      </c>
      <c r="E4935">
        <v>36084.171410000003</v>
      </c>
      <c r="F4935">
        <v>100643.838</v>
      </c>
      <c r="G4935">
        <v>43950.205139999998</v>
      </c>
      <c r="H4935">
        <v>51594.835469999998</v>
      </c>
      <c r="I4935">
        <v>33868.679239999998</v>
      </c>
      <c r="J4935">
        <v>53629.982490000002</v>
      </c>
      <c r="K4935">
        <v>68200.568750000006</v>
      </c>
      <c r="L4935">
        <v>37363.240819999999</v>
      </c>
      <c r="M4935">
        <v>352769.41600000003</v>
      </c>
      <c r="N4935">
        <v>99367.165070000003</v>
      </c>
      <c r="O4935">
        <v>29065.99</v>
      </c>
      <c r="P4935">
        <v>42687.926729999999</v>
      </c>
      <c r="Q4935">
        <v>107092.0683</v>
      </c>
      <c r="R4935">
        <v>26988.689839999999</v>
      </c>
      <c r="S4935">
        <v>122705.74249999999</v>
      </c>
      <c r="T4935">
        <v>30329.55804</v>
      </c>
      <c r="U4935">
        <v>28784.37185</v>
      </c>
      <c r="W4935" s="83">
        <f>Bühler!N4967</f>
        <v>45497.541666654703</v>
      </c>
      <c r="X4935" s="83">
        <v>43306.541666666664</v>
      </c>
      <c r="Y4935">
        <v>287356.36869999999</v>
      </c>
      <c r="Z4935">
        <v>36084.171410000003</v>
      </c>
      <c r="AA4935">
        <v>100643.838</v>
      </c>
      <c r="AB4935">
        <v>43950.205139999998</v>
      </c>
      <c r="AC4935">
        <v>51594.835469999998</v>
      </c>
      <c r="AD4935">
        <v>33868.679239999998</v>
      </c>
      <c r="AE4935">
        <v>53629.982490000002</v>
      </c>
      <c r="AF4935">
        <v>68200.568750000006</v>
      </c>
      <c r="AG4935">
        <v>37363.240819999999</v>
      </c>
      <c r="AH4935">
        <v>352769.41600000003</v>
      </c>
      <c r="AI4935">
        <v>99367.165070000003</v>
      </c>
      <c r="AJ4935">
        <v>29065.99</v>
      </c>
      <c r="AK4935">
        <v>42687.926729999999</v>
      </c>
      <c r="AL4935">
        <v>107092.0683</v>
      </c>
      <c r="AM4935">
        <v>26988.689839999999</v>
      </c>
      <c r="AN4935">
        <v>122705.74249999999</v>
      </c>
      <c r="AO4935">
        <v>30329.55804</v>
      </c>
      <c r="AP4935">
        <v>28784.37185</v>
      </c>
    </row>
    <row r="4936" spans="2:42" x14ac:dyDescent="0.3">
      <c r="B4936">
        <v>69.2015709894183</v>
      </c>
      <c r="C4936" s="83">
        <v>43306.583333333336</v>
      </c>
      <c r="D4936">
        <v>289705.75219999999</v>
      </c>
      <c r="E4936">
        <v>39131.463479999999</v>
      </c>
      <c r="F4936">
        <v>110079.0101</v>
      </c>
      <c r="G4936">
        <v>44448.929759999999</v>
      </c>
      <c r="H4936">
        <v>52147.441229999997</v>
      </c>
      <c r="I4936">
        <v>34711.415690000002</v>
      </c>
      <c r="J4936">
        <v>52923.10338</v>
      </c>
      <c r="K4936">
        <v>69583.088730000003</v>
      </c>
      <c r="L4936">
        <v>34143.266380000001</v>
      </c>
      <c r="M4936">
        <v>352821.88050000003</v>
      </c>
      <c r="N4936">
        <v>102520.5018</v>
      </c>
      <c r="O4936">
        <v>29207.664509999999</v>
      </c>
      <c r="P4936">
        <v>38947.465750000003</v>
      </c>
      <c r="Q4936">
        <v>106846.1951</v>
      </c>
      <c r="R4936">
        <v>27255.86058</v>
      </c>
      <c r="S4936">
        <v>120490.39449999999</v>
      </c>
      <c r="T4936">
        <v>30143.958719999999</v>
      </c>
      <c r="U4936">
        <v>30051.435020000001</v>
      </c>
      <c r="W4936" s="83">
        <f>Bühler!N4968</f>
        <v>45497.583333321367</v>
      </c>
      <c r="X4936" s="83">
        <v>43306.583333333336</v>
      </c>
      <c r="Y4936">
        <v>289705.75219999999</v>
      </c>
      <c r="Z4936">
        <v>39131.463479999999</v>
      </c>
      <c r="AA4936">
        <v>110079.0101</v>
      </c>
      <c r="AB4936">
        <v>44448.929759999999</v>
      </c>
      <c r="AC4936">
        <v>52147.441229999997</v>
      </c>
      <c r="AD4936">
        <v>34711.415690000002</v>
      </c>
      <c r="AE4936">
        <v>52923.10338</v>
      </c>
      <c r="AF4936">
        <v>69583.088730000003</v>
      </c>
      <c r="AG4936">
        <v>34143.266380000001</v>
      </c>
      <c r="AH4936">
        <v>352821.88050000003</v>
      </c>
      <c r="AI4936">
        <v>102520.5018</v>
      </c>
      <c r="AJ4936">
        <v>29207.664509999999</v>
      </c>
      <c r="AK4936">
        <v>38947.465750000003</v>
      </c>
      <c r="AL4936">
        <v>106846.1951</v>
      </c>
      <c r="AM4936">
        <v>27255.86058</v>
      </c>
      <c r="AN4936">
        <v>120490.39449999999</v>
      </c>
      <c r="AO4936">
        <v>30143.958719999999</v>
      </c>
      <c r="AP4936">
        <v>30051.435020000001</v>
      </c>
    </row>
    <row r="4937" spans="2:42" x14ac:dyDescent="0.3">
      <c r="B4937">
        <v>69.521486271897999</v>
      </c>
      <c r="C4937" s="83">
        <v>43306.625</v>
      </c>
      <c r="D4937">
        <v>288441.7488</v>
      </c>
      <c r="E4937">
        <v>39109.00619</v>
      </c>
      <c r="F4937">
        <v>112731.01760000001</v>
      </c>
      <c r="G4937">
        <v>43860.145559999997</v>
      </c>
      <c r="H4937">
        <v>51559.754249999998</v>
      </c>
      <c r="I4937">
        <v>34803.959889999998</v>
      </c>
      <c r="J4937">
        <v>54678.46112</v>
      </c>
      <c r="K4937">
        <v>66987.430600000007</v>
      </c>
      <c r="L4937">
        <v>31669.66</v>
      </c>
      <c r="M4937">
        <v>354452.95779999997</v>
      </c>
      <c r="N4937">
        <v>101394.5408</v>
      </c>
      <c r="O4937">
        <v>29265.278890000001</v>
      </c>
      <c r="P4937">
        <v>35545.245920000001</v>
      </c>
      <c r="Q4937">
        <v>106407.2227</v>
      </c>
      <c r="R4937">
        <v>27476.906500000001</v>
      </c>
      <c r="S4937">
        <v>119062.7313</v>
      </c>
      <c r="T4937">
        <v>29906.41921</v>
      </c>
      <c r="U4937">
        <v>28504.717830000001</v>
      </c>
      <c r="W4937" s="83">
        <f>Bühler!N4969</f>
        <v>45497.624999988031</v>
      </c>
      <c r="X4937" s="83">
        <v>43306.625</v>
      </c>
      <c r="Y4937">
        <v>288441.7488</v>
      </c>
      <c r="Z4937">
        <v>39109.00619</v>
      </c>
      <c r="AA4937">
        <v>112731.01760000001</v>
      </c>
      <c r="AB4937">
        <v>43860.145559999997</v>
      </c>
      <c r="AC4937">
        <v>51559.754249999998</v>
      </c>
      <c r="AD4937">
        <v>34803.959889999998</v>
      </c>
      <c r="AE4937">
        <v>54678.46112</v>
      </c>
      <c r="AF4937">
        <v>66987.430600000007</v>
      </c>
      <c r="AG4937">
        <v>31669.66</v>
      </c>
      <c r="AH4937">
        <v>354452.95779999997</v>
      </c>
      <c r="AI4937">
        <v>101394.5408</v>
      </c>
      <c r="AJ4937">
        <v>29265.278890000001</v>
      </c>
      <c r="AK4937">
        <v>35545.245920000001</v>
      </c>
      <c r="AL4937">
        <v>106407.2227</v>
      </c>
      <c r="AM4937">
        <v>27476.906500000001</v>
      </c>
      <c r="AN4937">
        <v>119062.7313</v>
      </c>
      <c r="AO4937">
        <v>29906.41921</v>
      </c>
      <c r="AP4937">
        <v>28504.717830000001</v>
      </c>
    </row>
    <row r="4938" spans="2:42" x14ac:dyDescent="0.3">
      <c r="B4938">
        <v>69.212298686010101</v>
      </c>
      <c r="C4938" s="83">
        <v>43306.666666666664</v>
      </c>
      <c r="D4938">
        <v>281572.45899999997</v>
      </c>
      <c r="E4938">
        <v>38676.624790000002</v>
      </c>
      <c r="F4938">
        <v>111968.179</v>
      </c>
      <c r="G4938">
        <v>42089.924579999999</v>
      </c>
      <c r="H4938">
        <v>50521.606540000001</v>
      </c>
      <c r="I4938">
        <v>35768.576609999996</v>
      </c>
      <c r="J4938">
        <v>54447.525029999997</v>
      </c>
      <c r="K4938">
        <v>63080.842140000001</v>
      </c>
      <c r="L4938">
        <v>30748.664700000001</v>
      </c>
      <c r="M4938">
        <v>352876.57530000003</v>
      </c>
      <c r="N4938">
        <v>99779.969419999994</v>
      </c>
      <c r="O4938">
        <v>28877.046709999999</v>
      </c>
      <c r="P4938">
        <v>35450.302839999997</v>
      </c>
      <c r="Q4938">
        <v>104935.777</v>
      </c>
      <c r="R4938">
        <v>27155.487270000001</v>
      </c>
      <c r="S4938">
        <v>116772.9871</v>
      </c>
      <c r="T4938">
        <v>29198.81006</v>
      </c>
      <c r="U4938">
        <v>26534.749919999998</v>
      </c>
      <c r="W4938" s="83">
        <f>Bühler!N4970</f>
        <v>45497.666666654695</v>
      </c>
      <c r="X4938" s="83">
        <v>43306.666666666664</v>
      </c>
      <c r="Y4938">
        <v>281572.45899999997</v>
      </c>
      <c r="Z4938">
        <v>38676.624790000002</v>
      </c>
      <c r="AA4938">
        <v>111968.179</v>
      </c>
      <c r="AB4938">
        <v>42089.924579999999</v>
      </c>
      <c r="AC4938">
        <v>50521.606540000001</v>
      </c>
      <c r="AD4938">
        <v>35768.576609999996</v>
      </c>
      <c r="AE4938">
        <v>54447.525029999997</v>
      </c>
      <c r="AF4938">
        <v>63080.842140000001</v>
      </c>
      <c r="AG4938">
        <v>30748.664700000001</v>
      </c>
      <c r="AH4938">
        <v>352876.57530000003</v>
      </c>
      <c r="AI4938">
        <v>99779.969419999994</v>
      </c>
      <c r="AJ4938">
        <v>28877.046709999999</v>
      </c>
      <c r="AK4938">
        <v>35450.302839999997</v>
      </c>
      <c r="AL4938">
        <v>104935.777</v>
      </c>
      <c r="AM4938">
        <v>27155.487270000001</v>
      </c>
      <c r="AN4938">
        <v>116772.9871</v>
      </c>
      <c r="AO4938">
        <v>29198.81006</v>
      </c>
      <c r="AP4938">
        <v>26534.749919999998</v>
      </c>
    </row>
    <row r="4939" spans="2:42" x14ac:dyDescent="0.3">
      <c r="B4939">
        <v>67.722314837830723</v>
      </c>
      <c r="C4939" s="83">
        <v>43306.708333333336</v>
      </c>
      <c r="D4939">
        <v>270547.29479999997</v>
      </c>
      <c r="E4939">
        <v>36464.049939999997</v>
      </c>
      <c r="F4939">
        <v>110833.06789999999</v>
      </c>
      <c r="G4939">
        <v>39255.329380000003</v>
      </c>
      <c r="H4939">
        <v>48726.149989999998</v>
      </c>
      <c r="I4939">
        <v>35256.405129999999</v>
      </c>
      <c r="J4939">
        <v>54567.625590000003</v>
      </c>
      <c r="K4939">
        <v>58419.336790000001</v>
      </c>
      <c r="L4939">
        <v>31638.6541</v>
      </c>
      <c r="M4939">
        <v>345279.94280000002</v>
      </c>
      <c r="N4939">
        <v>94223.541070000007</v>
      </c>
      <c r="O4939">
        <v>27637.14515</v>
      </c>
      <c r="P4939">
        <v>37201.416100000002</v>
      </c>
      <c r="Q4939">
        <v>103081.34970000001</v>
      </c>
      <c r="R4939">
        <v>27441.9506</v>
      </c>
      <c r="S4939">
        <v>112373.96120000001</v>
      </c>
      <c r="T4939">
        <v>29201.540400000002</v>
      </c>
      <c r="U4939">
        <v>24561.753059999999</v>
      </c>
      <c r="W4939" s="83">
        <f>Bühler!N4971</f>
        <v>45497.70833332136</v>
      </c>
      <c r="X4939" s="83">
        <v>43306.708333333336</v>
      </c>
      <c r="Y4939">
        <v>270547.29479999997</v>
      </c>
      <c r="Z4939">
        <v>36464.049939999997</v>
      </c>
      <c r="AA4939">
        <v>110833.06789999999</v>
      </c>
      <c r="AB4939">
        <v>39255.329380000003</v>
      </c>
      <c r="AC4939">
        <v>48726.149989999998</v>
      </c>
      <c r="AD4939">
        <v>35256.405129999999</v>
      </c>
      <c r="AE4939">
        <v>54567.625590000003</v>
      </c>
      <c r="AF4939">
        <v>58419.336790000001</v>
      </c>
      <c r="AG4939">
        <v>31638.6541</v>
      </c>
      <c r="AH4939">
        <v>345279.94280000002</v>
      </c>
      <c r="AI4939">
        <v>94223.541070000007</v>
      </c>
      <c r="AJ4939">
        <v>27637.14515</v>
      </c>
      <c r="AK4939">
        <v>37201.416100000002</v>
      </c>
      <c r="AL4939">
        <v>103081.34970000001</v>
      </c>
      <c r="AM4939">
        <v>27441.9506</v>
      </c>
      <c r="AN4939">
        <v>112373.96120000001</v>
      </c>
      <c r="AO4939">
        <v>29201.540400000002</v>
      </c>
      <c r="AP4939">
        <v>24561.753059999999</v>
      </c>
    </row>
    <row r="4940" spans="2:42" x14ac:dyDescent="0.3">
      <c r="B4940">
        <v>66.316266367723472</v>
      </c>
      <c r="C4940" s="83">
        <v>43306.75</v>
      </c>
      <c r="D4940">
        <v>263385.52409999998</v>
      </c>
      <c r="E4940">
        <v>33087.239329999997</v>
      </c>
      <c r="F4940">
        <v>108384.95600000001</v>
      </c>
      <c r="G4940">
        <v>36532.164360000002</v>
      </c>
      <c r="H4940">
        <v>46336.51</v>
      </c>
      <c r="I4940">
        <v>34496.528230000004</v>
      </c>
      <c r="J4940">
        <v>54537.094040000004</v>
      </c>
      <c r="K4940">
        <v>57400.703150000001</v>
      </c>
      <c r="L4940">
        <v>32007.777320000001</v>
      </c>
      <c r="M4940">
        <v>338111.25199999998</v>
      </c>
      <c r="N4940">
        <v>92079.395699999994</v>
      </c>
      <c r="O4940">
        <v>25495.658080000001</v>
      </c>
      <c r="P4940">
        <v>40900.273739999997</v>
      </c>
      <c r="Q4940">
        <v>101731.0619</v>
      </c>
      <c r="R4940">
        <v>25754.354230000001</v>
      </c>
      <c r="S4940">
        <v>104239.7527</v>
      </c>
      <c r="T4940">
        <v>28418.209060000001</v>
      </c>
      <c r="U4940">
        <v>22858.377469999999</v>
      </c>
      <c r="W4940" s="83">
        <f>Bühler!N4972</f>
        <v>45497.749999988024</v>
      </c>
      <c r="X4940" s="83">
        <v>43306.75</v>
      </c>
      <c r="Y4940">
        <v>263385.52409999998</v>
      </c>
      <c r="Z4940">
        <v>33087.239329999997</v>
      </c>
      <c r="AA4940">
        <v>108384.95600000001</v>
      </c>
      <c r="AB4940">
        <v>36532.164360000002</v>
      </c>
      <c r="AC4940">
        <v>46336.51</v>
      </c>
      <c r="AD4940">
        <v>34496.528230000004</v>
      </c>
      <c r="AE4940">
        <v>54537.094040000004</v>
      </c>
      <c r="AF4940">
        <v>57400.703150000001</v>
      </c>
      <c r="AG4940">
        <v>32007.777320000001</v>
      </c>
      <c r="AH4940">
        <v>338111.25199999998</v>
      </c>
      <c r="AI4940">
        <v>92079.395699999994</v>
      </c>
      <c r="AJ4940">
        <v>25495.658080000001</v>
      </c>
      <c r="AK4940">
        <v>40900.273739999997</v>
      </c>
      <c r="AL4940">
        <v>101731.0619</v>
      </c>
      <c r="AM4940">
        <v>25754.354230000001</v>
      </c>
      <c r="AN4940">
        <v>104239.7527</v>
      </c>
      <c r="AO4940">
        <v>28418.209060000001</v>
      </c>
      <c r="AP4940">
        <v>22858.377469999999</v>
      </c>
    </row>
    <row r="4941" spans="2:42" x14ac:dyDescent="0.3">
      <c r="B4941">
        <v>65.651678573524094</v>
      </c>
      <c r="C4941" s="83">
        <v>43306.791666666664</v>
      </c>
      <c r="D4941">
        <v>256640.58799999999</v>
      </c>
      <c r="E4941">
        <v>27163.95217</v>
      </c>
      <c r="F4941">
        <v>96499.115839999999</v>
      </c>
      <c r="G4941">
        <v>34735.522830000002</v>
      </c>
      <c r="H4941">
        <v>43443.637499999997</v>
      </c>
      <c r="I4941">
        <v>32784.031300000002</v>
      </c>
      <c r="J4941">
        <v>53593.776989999998</v>
      </c>
      <c r="K4941">
        <v>57063.607819999997</v>
      </c>
      <c r="L4941">
        <v>31249.08942</v>
      </c>
      <c r="M4941">
        <v>334722.87349999999</v>
      </c>
      <c r="N4941">
        <v>88520.452900000004</v>
      </c>
      <c r="O4941">
        <v>23632.336859999999</v>
      </c>
      <c r="P4941">
        <v>43326.99555</v>
      </c>
      <c r="Q4941">
        <v>98124.374249999993</v>
      </c>
      <c r="R4941">
        <v>24226.21027</v>
      </c>
      <c r="S4941">
        <v>98666.686199999996</v>
      </c>
      <c r="T4941">
        <v>27981.943579999999</v>
      </c>
      <c r="U4941">
        <v>22060.26801</v>
      </c>
      <c r="W4941" s="83">
        <f>Bühler!N4973</f>
        <v>45497.791666654688</v>
      </c>
      <c r="X4941" s="83">
        <v>43306.791666666664</v>
      </c>
      <c r="Y4941">
        <v>256640.58799999999</v>
      </c>
      <c r="Z4941">
        <v>27163.95217</v>
      </c>
      <c r="AA4941">
        <v>96499.115839999999</v>
      </c>
      <c r="AB4941">
        <v>34735.522830000002</v>
      </c>
      <c r="AC4941">
        <v>43443.637499999997</v>
      </c>
      <c r="AD4941">
        <v>32784.031300000002</v>
      </c>
      <c r="AE4941">
        <v>53593.776989999998</v>
      </c>
      <c r="AF4941">
        <v>57063.607819999997</v>
      </c>
      <c r="AG4941">
        <v>31249.08942</v>
      </c>
      <c r="AH4941">
        <v>334722.87349999999</v>
      </c>
      <c r="AI4941">
        <v>88520.452900000004</v>
      </c>
      <c r="AJ4941">
        <v>23632.336859999999</v>
      </c>
      <c r="AK4941">
        <v>43326.99555</v>
      </c>
      <c r="AL4941">
        <v>98124.374249999993</v>
      </c>
      <c r="AM4941">
        <v>24226.21027</v>
      </c>
      <c r="AN4941">
        <v>98666.686199999996</v>
      </c>
      <c r="AO4941">
        <v>27981.943579999999</v>
      </c>
      <c r="AP4941">
        <v>22060.26801</v>
      </c>
    </row>
    <row r="4942" spans="2:42" x14ac:dyDescent="0.3">
      <c r="B4942">
        <v>63.85277904475285</v>
      </c>
      <c r="C4942" s="83">
        <v>43306.833333333336</v>
      </c>
      <c r="D4942">
        <v>246331.20629999999</v>
      </c>
      <c r="E4942">
        <v>19701.817050000001</v>
      </c>
      <c r="F4942">
        <v>79070.955419999998</v>
      </c>
      <c r="G4942">
        <v>32696.58409</v>
      </c>
      <c r="H4942">
        <v>39984.48661</v>
      </c>
      <c r="I4942">
        <v>29539.71444</v>
      </c>
      <c r="J4942">
        <v>51902.732320000003</v>
      </c>
      <c r="K4942">
        <v>56287.106299999999</v>
      </c>
      <c r="L4942">
        <v>31142.056540000001</v>
      </c>
      <c r="M4942">
        <v>325551.24479999999</v>
      </c>
      <c r="N4942">
        <v>85601.201620000007</v>
      </c>
      <c r="O4942">
        <v>22252.66085</v>
      </c>
      <c r="P4942">
        <v>42564.389600000002</v>
      </c>
      <c r="Q4942">
        <v>93743.515329999995</v>
      </c>
      <c r="R4942">
        <v>22682.881819999999</v>
      </c>
      <c r="S4942">
        <v>90056.563829999999</v>
      </c>
      <c r="T4942">
        <v>25749.690620000001</v>
      </c>
      <c r="U4942">
        <v>21128.264360000001</v>
      </c>
      <c r="W4942" s="83">
        <f>Bühler!N4974</f>
        <v>45497.833333321352</v>
      </c>
      <c r="X4942" s="83">
        <v>43306.833333333336</v>
      </c>
      <c r="Y4942">
        <v>246331.20629999999</v>
      </c>
      <c r="Z4942">
        <v>19701.817050000001</v>
      </c>
      <c r="AA4942">
        <v>79070.955419999998</v>
      </c>
      <c r="AB4942">
        <v>32696.58409</v>
      </c>
      <c r="AC4942">
        <v>39984.48661</v>
      </c>
      <c r="AD4942">
        <v>29539.71444</v>
      </c>
      <c r="AE4942">
        <v>51902.732320000003</v>
      </c>
      <c r="AF4942">
        <v>56287.106299999999</v>
      </c>
      <c r="AG4942">
        <v>31142.056540000001</v>
      </c>
      <c r="AH4942">
        <v>325551.24479999999</v>
      </c>
      <c r="AI4942">
        <v>85601.201620000007</v>
      </c>
      <c r="AJ4942">
        <v>22252.66085</v>
      </c>
      <c r="AK4942">
        <v>42564.389600000002</v>
      </c>
      <c r="AL4942">
        <v>93743.515329999995</v>
      </c>
      <c r="AM4942">
        <v>22682.881819999999</v>
      </c>
      <c r="AN4942">
        <v>90056.563829999999</v>
      </c>
      <c r="AO4942">
        <v>25749.690620000001</v>
      </c>
      <c r="AP4942">
        <v>21128.264360000001</v>
      </c>
    </row>
    <row r="4943" spans="2:42" x14ac:dyDescent="0.3">
      <c r="B4943">
        <v>61.754789692155263</v>
      </c>
      <c r="C4943" s="83">
        <v>43306.875</v>
      </c>
      <c r="D4943">
        <v>240012.0099</v>
      </c>
      <c r="E4943">
        <v>16887.323929999999</v>
      </c>
      <c r="F4943">
        <v>69686.570670000001</v>
      </c>
      <c r="G4943">
        <v>31923.856919999998</v>
      </c>
      <c r="H4943">
        <v>38266.547709999999</v>
      </c>
      <c r="I4943">
        <v>27469.545269999999</v>
      </c>
      <c r="J4943">
        <v>50178.585200000001</v>
      </c>
      <c r="K4943">
        <v>55601.848680000003</v>
      </c>
      <c r="L4943">
        <v>29999.450369999999</v>
      </c>
      <c r="M4943">
        <v>314854.71669999999</v>
      </c>
      <c r="N4943">
        <v>82971.234150000004</v>
      </c>
      <c r="O4943">
        <v>20721.844720000001</v>
      </c>
      <c r="P4943">
        <v>40281.656779999998</v>
      </c>
      <c r="Q4943">
        <v>91225.629589999997</v>
      </c>
      <c r="R4943">
        <v>21200.334780000001</v>
      </c>
      <c r="S4943">
        <v>85826.914430000004</v>
      </c>
      <c r="T4943">
        <v>24520.51813</v>
      </c>
      <c r="U4943">
        <v>20338.6587</v>
      </c>
      <c r="W4943" s="83">
        <f>Bühler!N4975</f>
        <v>45497.874999988016</v>
      </c>
      <c r="X4943" s="83">
        <v>43306.875</v>
      </c>
      <c r="Y4943">
        <v>240012.0099</v>
      </c>
      <c r="Z4943">
        <v>16887.323929999999</v>
      </c>
      <c r="AA4943">
        <v>69686.570670000001</v>
      </c>
      <c r="AB4943">
        <v>31923.856919999998</v>
      </c>
      <c r="AC4943">
        <v>38266.547709999999</v>
      </c>
      <c r="AD4943">
        <v>27469.545269999999</v>
      </c>
      <c r="AE4943">
        <v>50178.585200000001</v>
      </c>
      <c r="AF4943">
        <v>55601.848680000003</v>
      </c>
      <c r="AG4943">
        <v>29999.450369999999</v>
      </c>
      <c r="AH4943">
        <v>314854.71669999999</v>
      </c>
      <c r="AI4943">
        <v>82971.234150000004</v>
      </c>
      <c r="AJ4943">
        <v>20721.844720000001</v>
      </c>
      <c r="AK4943">
        <v>40281.656779999998</v>
      </c>
      <c r="AL4943">
        <v>91225.629589999997</v>
      </c>
      <c r="AM4943">
        <v>21200.334780000001</v>
      </c>
      <c r="AN4943">
        <v>85826.914430000004</v>
      </c>
      <c r="AO4943">
        <v>24520.51813</v>
      </c>
      <c r="AP4943">
        <v>20338.6587</v>
      </c>
    </row>
    <row r="4944" spans="2:42" x14ac:dyDescent="0.3">
      <c r="B4944">
        <v>61.502584182938001</v>
      </c>
      <c r="C4944" s="83">
        <v>43306.916666666664</v>
      </c>
      <c r="D4944">
        <v>240355.44349999999</v>
      </c>
      <c r="E4944">
        <v>16267.45255</v>
      </c>
      <c r="F4944">
        <v>66365.734469999996</v>
      </c>
      <c r="G4944">
        <v>31783.602439999999</v>
      </c>
      <c r="H4944">
        <v>39259.094279999998</v>
      </c>
      <c r="I4944">
        <v>26710.42728</v>
      </c>
      <c r="J4944">
        <v>49205.09532</v>
      </c>
      <c r="K4944">
        <v>58215.859709999997</v>
      </c>
      <c r="L4944">
        <v>26871.418249999999</v>
      </c>
      <c r="M4944">
        <v>313568.8554</v>
      </c>
      <c r="N4944">
        <v>81780.918569999994</v>
      </c>
      <c r="O4944">
        <v>19683.11335</v>
      </c>
      <c r="P4944">
        <v>41521.05977</v>
      </c>
      <c r="Q4944">
        <v>90911.333719999995</v>
      </c>
      <c r="R4944">
        <v>22089.63999</v>
      </c>
      <c r="S4944">
        <v>86072.473920000004</v>
      </c>
      <c r="T4944">
        <v>21827.831320000001</v>
      </c>
      <c r="U4944">
        <v>20262.560359999999</v>
      </c>
      <c r="W4944" s="83">
        <f>Bühler!N4976</f>
        <v>45497.916666654681</v>
      </c>
      <c r="X4944" s="83">
        <v>43306.916666666664</v>
      </c>
      <c r="Y4944">
        <v>240355.44349999999</v>
      </c>
      <c r="Z4944">
        <v>16267.45255</v>
      </c>
      <c r="AA4944">
        <v>66365.734469999996</v>
      </c>
      <c r="AB4944">
        <v>31783.602439999999</v>
      </c>
      <c r="AC4944">
        <v>39259.094279999998</v>
      </c>
      <c r="AD4944">
        <v>26710.42728</v>
      </c>
      <c r="AE4944">
        <v>49205.09532</v>
      </c>
      <c r="AF4944">
        <v>58215.859709999997</v>
      </c>
      <c r="AG4944">
        <v>26871.418249999999</v>
      </c>
      <c r="AH4944">
        <v>313568.8554</v>
      </c>
      <c r="AI4944">
        <v>81780.918569999994</v>
      </c>
      <c r="AJ4944">
        <v>19683.11335</v>
      </c>
      <c r="AK4944">
        <v>41521.05977</v>
      </c>
      <c r="AL4944">
        <v>90911.333719999995</v>
      </c>
      <c r="AM4944">
        <v>22089.63999</v>
      </c>
      <c r="AN4944">
        <v>86072.473920000004</v>
      </c>
      <c r="AO4944">
        <v>21827.831320000001</v>
      </c>
      <c r="AP4944">
        <v>20262.560359999999</v>
      </c>
    </row>
    <row r="4945" spans="2:42" x14ac:dyDescent="0.3">
      <c r="B4945">
        <v>61.418993810575842</v>
      </c>
      <c r="C4945" s="83">
        <v>43306.958333333336</v>
      </c>
      <c r="D4945">
        <v>239997.3841</v>
      </c>
      <c r="E4945">
        <v>15267.13762</v>
      </c>
      <c r="F4945">
        <v>65199.906080000001</v>
      </c>
      <c r="G4945">
        <v>31786.35368</v>
      </c>
      <c r="H4945">
        <v>38168.022360000003</v>
      </c>
      <c r="I4945">
        <v>25811.90395</v>
      </c>
      <c r="J4945">
        <v>44240.049079999997</v>
      </c>
      <c r="K4945">
        <v>56649.014730000003</v>
      </c>
      <c r="L4945">
        <v>22755.335589999999</v>
      </c>
      <c r="M4945">
        <v>313142.6727</v>
      </c>
      <c r="N4945">
        <v>80272.965859999997</v>
      </c>
      <c r="O4945">
        <v>18613.535929999998</v>
      </c>
      <c r="P4945">
        <v>36168.330759999997</v>
      </c>
      <c r="Q4945">
        <v>90893.174570000003</v>
      </c>
      <c r="R4945">
        <v>22380.301739999999</v>
      </c>
      <c r="S4945">
        <v>83355.129459999996</v>
      </c>
      <c r="T4945">
        <v>20049.050179999998</v>
      </c>
      <c r="U4945">
        <v>19895.293129999998</v>
      </c>
      <c r="W4945" s="83">
        <f>Bühler!N4977</f>
        <v>45497.958333321345</v>
      </c>
      <c r="X4945" s="83">
        <v>43306.958333333336</v>
      </c>
      <c r="Y4945">
        <v>239997.3841</v>
      </c>
      <c r="Z4945">
        <v>15267.13762</v>
      </c>
      <c r="AA4945">
        <v>65199.906080000001</v>
      </c>
      <c r="AB4945">
        <v>31786.35368</v>
      </c>
      <c r="AC4945">
        <v>38168.022360000003</v>
      </c>
      <c r="AD4945">
        <v>25811.90395</v>
      </c>
      <c r="AE4945">
        <v>44240.049079999997</v>
      </c>
      <c r="AF4945">
        <v>56649.014730000003</v>
      </c>
      <c r="AG4945">
        <v>22755.335589999999</v>
      </c>
      <c r="AH4945">
        <v>313142.6727</v>
      </c>
      <c r="AI4945">
        <v>80272.965859999997</v>
      </c>
      <c r="AJ4945">
        <v>18613.535929999998</v>
      </c>
      <c r="AK4945">
        <v>36168.330759999997</v>
      </c>
      <c r="AL4945">
        <v>90893.174570000003</v>
      </c>
      <c r="AM4945">
        <v>22380.301739999999</v>
      </c>
      <c r="AN4945">
        <v>83355.129459999996</v>
      </c>
      <c r="AO4945">
        <v>20049.050179999998</v>
      </c>
      <c r="AP4945">
        <v>19895.293129999998</v>
      </c>
    </row>
    <row r="4946" spans="2:42" x14ac:dyDescent="0.3">
      <c r="B4946">
        <v>60.390244742088676</v>
      </c>
      <c r="C4946" s="83">
        <v>43307</v>
      </c>
      <c r="D4946">
        <v>239009.9713</v>
      </c>
      <c r="E4946">
        <v>14817.5008</v>
      </c>
      <c r="F4946">
        <v>63315.507879999997</v>
      </c>
      <c r="G4946">
        <v>31736.453140000001</v>
      </c>
      <c r="H4946">
        <v>37420.073920000003</v>
      </c>
      <c r="I4946">
        <v>24045.696680000001</v>
      </c>
      <c r="J4946">
        <v>40066.696029999999</v>
      </c>
      <c r="K4946">
        <v>55306.71673</v>
      </c>
      <c r="L4946">
        <v>19793.445</v>
      </c>
      <c r="M4946">
        <v>307897.63020000001</v>
      </c>
      <c r="N4946">
        <v>78299.769109999994</v>
      </c>
      <c r="O4946">
        <v>18349.112850000001</v>
      </c>
      <c r="P4946">
        <v>32618.265930000001</v>
      </c>
      <c r="Q4946">
        <v>89249.246480000002</v>
      </c>
      <c r="R4946">
        <v>18306.582310000002</v>
      </c>
      <c r="S4946">
        <v>81725.683470000004</v>
      </c>
      <c r="T4946">
        <v>18683.531230000001</v>
      </c>
      <c r="U4946">
        <v>19642.2091</v>
      </c>
      <c r="W4946" s="83">
        <f>Bühler!N4978</f>
        <v>45497.999999988009</v>
      </c>
      <c r="X4946" s="83">
        <v>43307</v>
      </c>
      <c r="Y4946">
        <v>239009.9713</v>
      </c>
      <c r="Z4946">
        <v>14817.5008</v>
      </c>
      <c r="AA4946">
        <v>63315.507879999997</v>
      </c>
      <c r="AB4946">
        <v>31736.453140000001</v>
      </c>
      <c r="AC4946">
        <v>37420.073920000003</v>
      </c>
      <c r="AD4946">
        <v>24045.696680000001</v>
      </c>
      <c r="AE4946">
        <v>40066.696029999999</v>
      </c>
      <c r="AF4946">
        <v>55306.71673</v>
      </c>
      <c r="AG4946">
        <v>19793.445</v>
      </c>
      <c r="AH4946">
        <v>307897.63020000001</v>
      </c>
      <c r="AI4946">
        <v>78299.769109999994</v>
      </c>
      <c r="AJ4946">
        <v>18349.112850000001</v>
      </c>
      <c r="AK4946">
        <v>32618.265930000001</v>
      </c>
      <c r="AL4946">
        <v>89249.246480000002</v>
      </c>
      <c r="AM4946">
        <v>18306.582310000002</v>
      </c>
      <c r="AN4946">
        <v>81725.683470000004</v>
      </c>
      <c r="AO4946">
        <v>18683.531230000001</v>
      </c>
      <c r="AP4946">
        <v>19642.2091</v>
      </c>
    </row>
    <row r="4947" spans="2:42" x14ac:dyDescent="0.3">
      <c r="B4947">
        <v>59.585392513050323</v>
      </c>
      <c r="C4947" s="83">
        <v>43307.041666666664</v>
      </c>
      <c r="D4947">
        <v>236779.67139999999</v>
      </c>
      <c r="E4947">
        <v>14541.28996</v>
      </c>
      <c r="F4947">
        <v>61739.572110000001</v>
      </c>
      <c r="G4947">
        <v>31209.214479999999</v>
      </c>
      <c r="H4947">
        <v>36634.708870000002</v>
      </c>
      <c r="I4947">
        <v>20181.54552</v>
      </c>
      <c r="J4947">
        <v>38096.673629999998</v>
      </c>
      <c r="K4947">
        <v>53039.410799999998</v>
      </c>
      <c r="L4947">
        <v>18215.64647</v>
      </c>
      <c r="M4947">
        <v>303794.11820000003</v>
      </c>
      <c r="N4947">
        <v>76648.803899999999</v>
      </c>
      <c r="O4947">
        <v>18285.93232</v>
      </c>
      <c r="P4947">
        <v>31155.264090000001</v>
      </c>
      <c r="Q4947">
        <v>89431.162970000005</v>
      </c>
      <c r="R4947">
        <v>15318.350850000001</v>
      </c>
      <c r="S4947">
        <v>79385.829029999994</v>
      </c>
      <c r="T4947">
        <v>18177.020250000001</v>
      </c>
      <c r="U4947">
        <v>19042.782429999999</v>
      </c>
      <c r="W4947" s="83">
        <f>Bühler!N4979</f>
        <v>45498.041666654673</v>
      </c>
      <c r="X4947" s="83">
        <v>43307.041666666664</v>
      </c>
      <c r="Y4947">
        <v>236779.67139999999</v>
      </c>
      <c r="Z4947">
        <v>14541.28996</v>
      </c>
      <c r="AA4947">
        <v>61739.572110000001</v>
      </c>
      <c r="AB4947">
        <v>31209.214479999999</v>
      </c>
      <c r="AC4947">
        <v>36634.708870000002</v>
      </c>
      <c r="AD4947">
        <v>20181.54552</v>
      </c>
      <c r="AE4947">
        <v>38096.673629999998</v>
      </c>
      <c r="AF4947">
        <v>53039.410799999998</v>
      </c>
      <c r="AG4947">
        <v>18215.64647</v>
      </c>
      <c r="AH4947">
        <v>303794.11820000003</v>
      </c>
      <c r="AI4947">
        <v>76648.803899999999</v>
      </c>
      <c r="AJ4947">
        <v>18285.93232</v>
      </c>
      <c r="AK4947">
        <v>31155.264090000001</v>
      </c>
      <c r="AL4947">
        <v>89431.162970000005</v>
      </c>
      <c r="AM4947">
        <v>15318.350850000001</v>
      </c>
      <c r="AN4947">
        <v>79385.829029999994</v>
      </c>
      <c r="AO4947">
        <v>18177.020250000001</v>
      </c>
      <c r="AP4947">
        <v>19042.782429999999</v>
      </c>
    </row>
    <row r="4948" spans="2:42" x14ac:dyDescent="0.3">
      <c r="B4948">
        <v>59.519629619365823</v>
      </c>
      <c r="C4948" s="83">
        <v>43307.083333333336</v>
      </c>
      <c r="D4948">
        <v>236529.58189999999</v>
      </c>
      <c r="E4948">
        <v>14076.865379999999</v>
      </c>
      <c r="F4948">
        <v>62606.505940000003</v>
      </c>
      <c r="G4948">
        <v>30399.597160000001</v>
      </c>
      <c r="H4948">
        <v>36009.613729999997</v>
      </c>
      <c r="I4948">
        <v>18308.552199999998</v>
      </c>
      <c r="J4948">
        <v>37055.709580000002</v>
      </c>
      <c r="K4948">
        <v>51482.289360000002</v>
      </c>
      <c r="L4948">
        <v>17687.691569999999</v>
      </c>
      <c r="M4948">
        <v>303458.82829999999</v>
      </c>
      <c r="N4948">
        <v>75402.537979999994</v>
      </c>
      <c r="O4948">
        <v>17732.937470000001</v>
      </c>
      <c r="P4948">
        <v>29192.301070000001</v>
      </c>
      <c r="Q4948">
        <v>90965.483110000001</v>
      </c>
      <c r="R4948">
        <v>15795.16115</v>
      </c>
      <c r="S4948">
        <v>78206.501350000006</v>
      </c>
      <c r="T4948">
        <v>17698.837220000001</v>
      </c>
      <c r="U4948">
        <v>18693.958589999998</v>
      </c>
      <c r="W4948" s="83">
        <f>Bühler!N4980</f>
        <v>45498.083333321338</v>
      </c>
      <c r="X4948" s="83">
        <v>43307.083333333336</v>
      </c>
      <c r="Y4948">
        <v>236529.58189999999</v>
      </c>
      <c r="Z4948">
        <v>14076.865379999999</v>
      </c>
      <c r="AA4948">
        <v>62606.505940000003</v>
      </c>
      <c r="AB4948">
        <v>30399.597160000001</v>
      </c>
      <c r="AC4948">
        <v>36009.613729999997</v>
      </c>
      <c r="AD4948">
        <v>18308.552199999998</v>
      </c>
      <c r="AE4948">
        <v>37055.709580000002</v>
      </c>
      <c r="AF4948">
        <v>51482.289360000002</v>
      </c>
      <c r="AG4948">
        <v>17687.691569999999</v>
      </c>
      <c r="AH4948">
        <v>303458.82829999999</v>
      </c>
      <c r="AI4948">
        <v>75402.537979999994</v>
      </c>
      <c r="AJ4948">
        <v>17732.937470000001</v>
      </c>
      <c r="AK4948">
        <v>29192.301070000001</v>
      </c>
      <c r="AL4948">
        <v>90965.483110000001</v>
      </c>
      <c r="AM4948">
        <v>15795.16115</v>
      </c>
      <c r="AN4948">
        <v>78206.501350000006</v>
      </c>
      <c r="AO4948">
        <v>17698.837220000001</v>
      </c>
      <c r="AP4948">
        <v>18693.958589999998</v>
      </c>
    </row>
    <row r="4949" spans="2:42" x14ac:dyDescent="0.3">
      <c r="B4949">
        <v>59.876510233645227</v>
      </c>
      <c r="C4949" s="83">
        <v>43307.125</v>
      </c>
      <c r="D4949">
        <v>237937.65340000001</v>
      </c>
      <c r="E4949">
        <v>13944.891610000001</v>
      </c>
      <c r="F4949">
        <v>63298.98216</v>
      </c>
      <c r="G4949">
        <v>29641.940419999999</v>
      </c>
      <c r="H4949">
        <v>35810.529719999999</v>
      </c>
      <c r="I4949">
        <v>17666.645820000002</v>
      </c>
      <c r="J4949">
        <v>36716.586710000003</v>
      </c>
      <c r="K4949">
        <v>49982.321150000003</v>
      </c>
      <c r="L4949">
        <v>16799.546600000001</v>
      </c>
      <c r="M4949">
        <v>305278.37209999998</v>
      </c>
      <c r="N4949">
        <v>75617.336689999996</v>
      </c>
      <c r="O4949">
        <v>18140.729670000001</v>
      </c>
      <c r="P4949">
        <v>26919.545740000001</v>
      </c>
      <c r="Q4949">
        <v>94460.000889999996</v>
      </c>
      <c r="R4949">
        <v>15264.20055</v>
      </c>
      <c r="S4949">
        <v>76904.12156</v>
      </c>
      <c r="T4949">
        <v>17672.7232</v>
      </c>
      <c r="U4949">
        <v>18511.596689999998</v>
      </c>
      <c r="W4949" s="83">
        <f>Bühler!N4981</f>
        <v>45498.124999988002</v>
      </c>
      <c r="X4949" s="83">
        <v>43307.125</v>
      </c>
      <c r="Y4949">
        <v>237937.65340000001</v>
      </c>
      <c r="Z4949">
        <v>13944.891610000001</v>
      </c>
      <c r="AA4949">
        <v>63298.98216</v>
      </c>
      <c r="AB4949">
        <v>29641.940419999999</v>
      </c>
      <c r="AC4949">
        <v>35810.529719999999</v>
      </c>
      <c r="AD4949">
        <v>17666.645820000002</v>
      </c>
      <c r="AE4949">
        <v>36716.586710000003</v>
      </c>
      <c r="AF4949">
        <v>49982.321150000003</v>
      </c>
      <c r="AG4949">
        <v>16799.546600000001</v>
      </c>
      <c r="AH4949">
        <v>305278.37209999998</v>
      </c>
      <c r="AI4949">
        <v>75617.336689999996</v>
      </c>
      <c r="AJ4949">
        <v>18140.729670000001</v>
      </c>
      <c r="AK4949">
        <v>26919.545740000001</v>
      </c>
      <c r="AL4949">
        <v>94460.000889999996</v>
      </c>
      <c r="AM4949">
        <v>15264.20055</v>
      </c>
      <c r="AN4949">
        <v>76904.12156</v>
      </c>
      <c r="AO4949">
        <v>17672.7232</v>
      </c>
      <c r="AP4949">
        <v>18511.596689999998</v>
      </c>
    </row>
    <row r="4950" spans="2:42" x14ac:dyDescent="0.3">
      <c r="B4950">
        <v>61.164040847700846</v>
      </c>
      <c r="C4950" s="83">
        <v>43307.166666666664</v>
      </c>
      <c r="D4950">
        <v>239805.5171</v>
      </c>
      <c r="E4950">
        <v>14528.9524</v>
      </c>
      <c r="F4950">
        <v>66952.467659999995</v>
      </c>
      <c r="G4950">
        <v>29089.56927</v>
      </c>
      <c r="H4950">
        <v>36172.458050000001</v>
      </c>
      <c r="I4950">
        <v>18780.92985</v>
      </c>
      <c r="J4950">
        <v>39140.89705</v>
      </c>
      <c r="K4950">
        <v>48545.077100000002</v>
      </c>
      <c r="L4950">
        <v>16819.456460000001</v>
      </c>
      <c r="M4950">
        <v>311842.80359999998</v>
      </c>
      <c r="N4950">
        <v>75310.562420000002</v>
      </c>
      <c r="O4950">
        <v>18047.20865</v>
      </c>
      <c r="P4950">
        <v>26425.422180000001</v>
      </c>
      <c r="Q4950">
        <v>98194.997749999995</v>
      </c>
      <c r="R4950">
        <v>15212.720020000001</v>
      </c>
      <c r="S4950">
        <v>77024.427710000004</v>
      </c>
      <c r="T4950">
        <v>17673.41374</v>
      </c>
      <c r="U4950">
        <v>18966.21977</v>
      </c>
      <c r="W4950" s="83">
        <f>Bühler!N4982</f>
        <v>45498.166666654666</v>
      </c>
      <c r="X4950" s="83">
        <v>43307.166666666664</v>
      </c>
      <c r="Y4950">
        <v>239805.5171</v>
      </c>
      <c r="Z4950">
        <v>14528.9524</v>
      </c>
      <c r="AA4950">
        <v>66952.467659999995</v>
      </c>
      <c r="AB4950">
        <v>29089.56927</v>
      </c>
      <c r="AC4950">
        <v>36172.458050000001</v>
      </c>
      <c r="AD4950">
        <v>18780.92985</v>
      </c>
      <c r="AE4950">
        <v>39140.89705</v>
      </c>
      <c r="AF4950">
        <v>48545.077100000002</v>
      </c>
      <c r="AG4950">
        <v>16819.456460000001</v>
      </c>
      <c r="AH4950">
        <v>311842.80359999998</v>
      </c>
      <c r="AI4950">
        <v>75310.562420000002</v>
      </c>
      <c r="AJ4950">
        <v>18047.20865</v>
      </c>
      <c r="AK4950">
        <v>26425.422180000001</v>
      </c>
      <c r="AL4950">
        <v>98194.997749999995</v>
      </c>
      <c r="AM4950">
        <v>15212.720020000001</v>
      </c>
      <c r="AN4950">
        <v>77024.427710000004</v>
      </c>
      <c r="AO4950">
        <v>17673.41374</v>
      </c>
      <c r="AP4950">
        <v>18966.21977</v>
      </c>
    </row>
    <row r="4951" spans="2:42" x14ac:dyDescent="0.3">
      <c r="B4951">
        <v>63.583186267668282</v>
      </c>
      <c r="C4951" s="83">
        <v>43307.208333333336</v>
      </c>
      <c r="D4951">
        <v>253669.8659</v>
      </c>
      <c r="E4951">
        <v>16495.080819999999</v>
      </c>
      <c r="F4951">
        <v>76043.598379999996</v>
      </c>
      <c r="G4951">
        <v>29691.50488</v>
      </c>
      <c r="H4951">
        <v>37522.687169999997</v>
      </c>
      <c r="I4951">
        <v>24356.960459999998</v>
      </c>
      <c r="J4951">
        <v>42251.708530000004</v>
      </c>
      <c r="K4951">
        <v>50111.170120000002</v>
      </c>
      <c r="L4951">
        <v>18219.976549999999</v>
      </c>
      <c r="M4951">
        <v>324176.73509999999</v>
      </c>
      <c r="N4951">
        <v>75898.175929999998</v>
      </c>
      <c r="O4951">
        <v>18700.920340000001</v>
      </c>
      <c r="P4951">
        <v>27252.747889999999</v>
      </c>
      <c r="Q4951">
        <v>100705.764</v>
      </c>
      <c r="R4951">
        <v>17780.539529999998</v>
      </c>
      <c r="S4951">
        <v>78436.762619999994</v>
      </c>
      <c r="T4951">
        <v>18326.077710000001</v>
      </c>
      <c r="U4951">
        <v>21110.25188</v>
      </c>
      <c r="W4951" s="83">
        <f>Bühler!N4983</f>
        <v>45498.20833332133</v>
      </c>
      <c r="X4951" s="83">
        <v>43307.208333333336</v>
      </c>
      <c r="Y4951">
        <v>253669.8659</v>
      </c>
      <c r="Z4951">
        <v>16495.080819999999</v>
      </c>
      <c r="AA4951">
        <v>76043.598379999996</v>
      </c>
      <c r="AB4951">
        <v>29691.50488</v>
      </c>
      <c r="AC4951">
        <v>37522.687169999997</v>
      </c>
      <c r="AD4951">
        <v>24356.960459999998</v>
      </c>
      <c r="AE4951">
        <v>42251.708530000004</v>
      </c>
      <c r="AF4951">
        <v>50111.170120000002</v>
      </c>
      <c r="AG4951">
        <v>18219.976549999999</v>
      </c>
      <c r="AH4951">
        <v>324176.73509999999</v>
      </c>
      <c r="AI4951">
        <v>75898.175929999998</v>
      </c>
      <c r="AJ4951">
        <v>18700.920340000001</v>
      </c>
      <c r="AK4951">
        <v>27252.747889999999</v>
      </c>
      <c r="AL4951">
        <v>100705.764</v>
      </c>
      <c r="AM4951">
        <v>17780.539529999998</v>
      </c>
      <c r="AN4951">
        <v>78436.762619999994</v>
      </c>
      <c r="AO4951">
        <v>18326.077710000001</v>
      </c>
      <c r="AP4951">
        <v>21110.25188</v>
      </c>
    </row>
    <row r="4952" spans="2:42" x14ac:dyDescent="0.3">
      <c r="B4952">
        <v>65.831908379581336</v>
      </c>
      <c r="C4952" s="83">
        <v>43307.25</v>
      </c>
      <c r="D4952">
        <v>268659.08</v>
      </c>
      <c r="E4952">
        <v>20227.503069999999</v>
      </c>
      <c r="F4952">
        <v>84160.73487</v>
      </c>
      <c r="G4952">
        <v>31071.903630000001</v>
      </c>
      <c r="H4952">
        <v>39779.167119999998</v>
      </c>
      <c r="I4952">
        <v>28369.945909999999</v>
      </c>
      <c r="J4952">
        <v>44741.149340000004</v>
      </c>
      <c r="K4952">
        <v>51073.420769999997</v>
      </c>
      <c r="L4952">
        <v>19178.853179999998</v>
      </c>
      <c r="M4952">
        <v>335641.76909999998</v>
      </c>
      <c r="N4952">
        <v>79677.642829999997</v>
      </c>
      <c r="O4952">
        <v>21584.324209999999</v>
      </c>
      <c r="P4952">
        <v>28605.105179999999</v>
      </c>
      <c r="Q4952">
        <v>101012.7136</v>
      </c>
      <c r="R4952">
        <v>17679.281800000001</v>
      </c>
      <c r="S4952">
        <v>85241.830629999997</v>
      </c>
      <c r="T4952">
        <v>19893.180110000001</v>
      </c>
      <c r="U4952">
        <v>22835.510190000001</v>
      </c>
      <c r="W4952" s="83">
        <f>Bühler!N4984</f>
        <v>45498.249999987995</v>
      </c>
      <c r="X4952" s="83">
        <v>43307.25</v>
      </c>
      <c r="Y4952">
        <v>268659.08</v>
      </c>
      <c r="Z4952">
        <v>20227.503069999999</v>
      </c>
      <c r="AA4952">
        <v>84160.73487</v>
      </c>
      <c r="AB4952">
        <v>31071.903630000001</v>
      </c>
      <c r="AC4952">
        <v>39779.167119999998</v>
      </c>
      <c r="AD4952">
        <v>28369.945909999999</v>
      </c>
      <c r="AE4952">
        <v>44741.149340000004</v>
      </c>
      <c r="AF4952">
        <v>51073.420769999997</v>
      </c>
      <c r="AG4952">
        <v>19178.853179999998</v>
      </c>
      <c r="AH4952">
        <v>335641.76909999998</v>
      </c>
      <c r="AI4952">
        <v>79677.642829999997</v>
      </c>
      <c r="AJ4952">
        <v>21584.324209999999</v>
      </c>
      <c r="AK4952">
        <v>28605.105179999999</v>
      </c>
      <c r="AL4952">
        <v>101012.7136</v>
      </c>
      <c r="AM4952">
        <v>17679.281800000001</v>
      </c>
      <c r="AN4952">
        <v>85241.830629999997</v>
      </c>
      <c r="AO4952">
        <v>19893.180110000001</v>
      </c>
      <c r="AP4952">
        <v>22835.510190000001</v>
      </c>
    </row>
    <row r="4953" spans="2:42" x14ac:dyDescent="0.3">
      <c r="B4953">
        <v>67.555045537064316</v>
      </c>
      <c r="C4953" s="83">
        <v>43307.291666666664</v>
      </c>
      <c r="D4953">
        <v>279360.75520000001</v>
      </c>
      <c r="E4953">
        <v>24537.428739999999</v>
      </c>
      <c r="F4953">
        <v>88457.243610000005</v>
      </c>
      <c r="G4953">
        <v>33561.241580000002</v>
      </c>
      <c r="H4953">
        <v>43564.258699999998</v>
      </c>
      <c r="I4953">
        <v>33238.782599999999</v>
      </c>
      <c r="J4953">
        <v>45508.566729999999</v>
      </c>
      <c r="K4953">
        <v>55365.166230000003</v>
      </c>
      <c r="L4953">
        <v>21868.15309</v>
      </c>
      <c r="M4953">
        <v>344427.12589999998</v>
      </c>
      <c r="N4953">
        <v>83437.120339999994</v>
      </c>
      <c r="O4953">
        <v>23670.467949999998</v>
      </c>
      <c r="P4953">
        <v>31810.401969999999</v>
      </c>
      <c r="Q4953">
        <v>100875.522</v>
      </c>
      <c r="R4953">
        <v>18527.701969999998</v>
      </c>
      <c r="S4953">
        <v>98407.230800000005</v>
      </c>
      <c r="T4953">
        <v>22717.040499999999</v>
      </c>
      <c r="U4953">
        <v>25968.398669999999</v>
      </c>
      <c r="W4953" s="83">
        <f>Bühler!N4985</f>
        <v>45498.291666654659</v>
      </c>
      <c r="X4953" s="83">
        <v>43307.291666666664</v>
      </c>
      <c r="Y4953">
        <v>279360.75520000001</v>
      </c>
      <c r="Z4953">
        <v>24537.428739999999</v>
      </c>
      <c r="AA4953">
        <v>88457.243610000005</v>
      </c>
      <c r="AB4953">
        <v>33561.241580000002</v>
      </c>
      <c r="AC4953">
        <v>43564.258699999998</v>
      </c>
      <c r="AD4953">
        <v>33238.782599999999</v>
      </c>
      <c r="AE4953">
        <v>45508.566729999999</v>
      </c>
      <c r="AF4953">
        <v>55365.166230000003</v>
      </c>
      <c r="AG4953">
        <v>21868.15309</v>
      </c>
      <c r="AH4953">
        <v>344427.12589999998</v>
      </c>
      <c r="AI4953">
        <v>83437.120339999994</v>
      </c>
      <c r="AJ4953">
        <v>23670.467949999998</v>
      </c>
      <c r="AK4953">
        <v>31810.401969999999</v>
      </c>
      <c r="AL4953">
        <v>100875.522</v>
      </c>
      <c r="AM4953">
        <v>18527.701969999998</v>
      </c>
      <c r="AN4953">
        <v>98407.230800000005</v>
      </c>
      <c r="AO4953">
        <v>22717.040499999999</v>
      </c>
      <c r="AP4953">
        <v>25968.398669999999</v>
      </c>
    </row>
    <row r="4954" spans="2:42" x14ac:dyDescent="0.3">
      <c r="B4954">
        <v>68.780215692371058</v>
      </c>
      <c r="C4954" s="83">
        <v>43307.333333333336</v>
      </c>
      <c r="D4954">
        <v>288914.70689999999</v>
      </c>
      <c r="E4954">
        <v>30290.052060000002</v>
      </c>
      <c r="F4954">
        <v>95973.301439999996</v>
      </c>
      <c r="G4954">
        <v>37667.987309999997</v>
      </c>
      <c r="H4954">
        <v>47670.938349999997</v>
      </c>
      <c r="I4954">
        <v>36238.350319999998</v>
      </c>
      <c r="J4954">
        <v>49091.32202</v>
      </c>
      <c r="K4954">
        <v>63131.170319999997</v>
      </c>
      <c r="L4954">
        <v>25816.99755</v>
      </c>
      <c r="M4954">
        <v>350673.61469999998</v>
      </c>
      <c r="N4954">
        <v>89568.399730000005</v>
      </c>
      <c r="O4954">
        <v>25740.987639999999</v>
      </c>
      <c r="P4954">
        <v>34503.818729999999</v>
      </c>
      <c r="Q4954">
        <v>103042.54700000001</v>
      </c>
      <c r="R4954">
        <v>22421.217069999999</v>
      </c>
      <c r="S4954">
        <v>109469.9807</v>
      </c>
      <c r="T4954">
        <v>25095.386890000002</v>
      </c>
      <c r="U4954">
        <v>29089.515879999999</v>
      </c>
      <c r="W4954" s="83">
        <f>Bühler!N4986</f>
        <v>45498.333333321323</v>
      </c>
      <c r="X4954" s="83">
        <v>43307.333333333336</v>
      </c>
      <c r="Y4954">
        <v>288914.70689999999</v>
      </c>
      <c r="Z4954">
        <v>30290.052060000002</v>
      </c>
      <c r="AA4954">
        <v>95973.301439999996</v>
      </c>
      <c r="AB4954">
        <v>37667.987309999997</v>
      </c>
      <c r="AC4954">
        <v>47670.938349999997</v>
      </c>
      <c r="AD4954">
        <v>36238.350319999998</v>
      </c>
      <c r="AE4954">
        <v>49091.32202</v>
      </c>
      <c r="AF4954">
        <v>63131.170319999997</v>
      </c>
      <c r="AG4954">
        <v>25816.99755</v>
      </c>
      <c r="AH4954">
        <v>350673.61469999998</v>
      </c>
      <c r="AI4954">
        <v>89568.399730000005</v>
      </c>
      <c r="AJ4954">
        <v>25740.987639999999</v>
      </c>
      <c r="AK4954">
        <v>34503.818729999999</v>
      </c>
      <c r="AL4954">
        <v>103042.54700000001</v>
      </c>
      <c r="AM4954">
        <v>22421.217069999999</v>
      </c>
      <c r="AN4954">
        <v>109469.9807</v>
      </c>
      <c r="AO4954">
        <v>25095.386890000002</v>
      </c>
      <c r="AP4954">
        <v>29089.515879999999</v>
      </c>
    </row>
    <row r="4955" spans="2:42" x14ac:dyDescent="0.3">
      <c r="B4955">
        <v>69.582618910439734</v>
      </c>
      <c r="C4955" s="83">
        <v>43307.375</v>
      </c>
      <c r="D4955">
        <v>291828.30200000003</v>
      </c>
      <c r="E4955">
        <v>35294.56738</v>
      </c>
      <c r="F4955">
        <v>103110.1439</v>
      </c>
      <c r="G4955">
        <v>40126.908689999997</v>
      </c>
      <c r="H4955">
        <v>50467.02403</v>
      </c>
      <c r="I4955">
        <v>36594.90668</v>
      </c>
      <c r="J4955">
        <v>51873.760219999996</v>
      </c>
      <c r="K4955">
        <v>66048.822719999996</v>
      </c>
      <c r="L4955">
        <v>29832.725630000001</v>
      </c>
      <c r="M4955">
        <v>354764.64049999998</v>
      </c>
      <c r="N4955">
        <v>93765.258230000007</v>
      </c>
      <c r="O4955">
        <v>26767.448850000001</v>
      </c>
      <c r="P4955">
        <v>38269.752970000001</v>
      </c>
      <c r="Q4955">
        <v>104096.02159999999</v>
      </c>
      <c r="R4955">
        <v>23580.19312</v>
      </c>
      <c r="S4955">
        <v>118152.8398</v>
      </c>
      <c r="T4955">
        <v>27133.03918</v>
      </c>
      <c r="U4955">
        <v>29420.702580000001</v>
      </c>
      <c r="W4955" s="83">
        <f>Bühler!N4987</f>
        <v>45498.374999987987</v>
      </c>
      <c r="X4955" s="83">
        <v>43307.375</v>
      </c>
      <c r="Y4955">
        <v>291828.30200000003</v>
      </c>
      <c r="Z4955">
        <v>35294.56738</v>
      </c>
      <c r="AA4955">
        <v>103110.1439</v>
      </c>
      <c r="AB4955">
        <v>40126.908689999997</v>
      </c>
      <c r="AC4955">
        <v>50467.02403</v>
      </c>
      <c r="AD4955">
        <v>36594.90668</v>
      </c>
      <c r="AE4955">
        <v>51873.760219999996</v>
      </c>
      <c r="AF4955">
        <v>66048.822719999996</v>
      </c>
      <c r="AG4955">
        <v>29832.725630000001</v>
      </c>
      <c r="AH4955">
        <v>354764.64049999998</v>
      </c>
      <c r="AI4955">
        <v>93765.258230000007</v>
      </c>
      <c r="AJ4955">
        <v>26767.448850000001</v>
      </c>
      <c r="AK4955">
        <v>38269.752970000001</v>
      </c>
      <c r="AL4955">
        <v>104096.02159999999</v>
      </c>
      <c r="AM4955">
        <v>23580.19312</v>
      </c>
      <c r="AN4955">
        <v>118152.8398</v>
      </c>
      <c r="AO4955">
        <v>27133.03918</v>
      </c>
      <c r="AP4955">
        <v>29420.702580000001</v>
      </c>
    </row>
    <row r="4956" spans="2:42" x14ac:dyDescent="0.3">
      <c r="B4956">
        <v>71.023072216871313</v>
      </c>
      <c r="C4956" s="83">
        <v>43307.416666666664</v>
      </c>
      <c r="D4956">
        <v>294871.08299999998</v>
      </c>
      <c r="E4956">
        <v>37557.770819999998</v>
      </c>
      <c r="F4956">
        <v>105352.401</v>
      </c>
      <c r="G4956">
        <v>41573.435740000001</v>
      </c>
      <c r="H4956">
        <v>51508.785409999997</v>
      </c>
      <c r="I4956">
        <v>35601.32258</v>
      </c>
      <c r="J4956">
        <v>54140.232640000002</v>
      </c>
      <c r="K4956">
        <v>67344.807589999997</v>
      </c>
      <c r="L4956">
        <v>33399.736349999999</v>
      </c>
      <c r="M4956">
        <v>362108.74320000003</v>
      </c>
      <c r="N4956">
        <v>97093.871069999994</v>
      </c>
      <c r="O4956">
        <v>27781.636009999998</v>
      </c>
      <c r="P4956">
        <v>40959.473140000002</v>
      </c>
      <c r="Q4956">
        <v>104376.4751</v>
      </c>
      <c r="R4956">
        <v>25399.315500000001</v>
      </c>
      <c r="S4956">
        <v>120240.39840000001</v>
      </c>
      <c r="T4956">
        <v>29805.65007</v>
      </c>
      <c r="U4956">
        <v>29735.582600000002</v>
      </c>
      <c r="W4956" s="83">
        <f>Bühler!N4988</f>
        <v>45498.416666654652</v>
      </c>
      <c r="X4956" s="83">
        <v>43307.416666666664</v>
      </c>
      <c r="Y4956">
        <v>294871.08299999998</v>
      </c>
      <c r="Z4956">
        <v>37557.770819999998</v>
      </c>
      <c r="AA4956">
        <v>105352.401</v>
      </c>
      <c r="AB4956">
        <v>41573.435740000001</v>
      </c>
      <c r="AC4956">
        <v>51508.785409999997</v>
      </c>
      <c r="AD4956">
        <v>35601.32258</v>
      </c>
      <c r="AE4956">
        <v>54140.232640000002</v>
      </c>
      <c r="AF4956">
        <v>67344.807589999997</v>
      </c>
      <c r="AG4956">
        <v>33399.736349999999</v>
      </c>
      <c r="AH4956">
        <v>362108.74320000003</v>
      </c>
      <c r="AI4956">
        <v>97093.871069999994</v>
      </c>
      <c r="AJ4956">
        <v>27781.636009999998</v>
      </c>
      <c r="AK4956">
        <v>40959.473140000002</v>
      </c>
      <c r="AL4956">
        <v>104376.4751</v>
      </c>
      <c r="AM4956">
        <v>25399.315500000001</v>
      </c>
      <c r="AN4956">
        <v>120240.39840000001</v>
      </c>
      <c r="AO4956">
        <v>29805.65007</v>
      </c>
      <c r="AP4956">
        <v>29735.582600000002</v>
      </c>
    </row>
    <row r="4957" spans="2:42" x14ac:dyDescent="0.3">
      <c r="B4957">
        <v>72.174790225025831</v>
      </c>
      <c r="C4957" s="83">
        <v>43307.458333333336</v>
      </c>
      <c r="D4957">
        <v>293799.0759</v>
      </c>
      <c r="E4957">
        <v>37774.335939999997</v>
      </c>
      <c r="F4957">
        <v>107021.39230000001</v>
      </c>
      <c r="G4957">
        <v>42851.252549999997</v>
      </c>
      <c r="H4957">
        <v>51753.633399999999</v>
      </c>
      <c r="I4957">
        <v>35688.907249999997</v>
      </c>
      <c r="J4957">
        <v>54113.370430000003</v>
      </c>
      <c r="K4957">
        <v>68301.486829999994</v>
      </c>
      <c r="L4957">
        <v>35461.308810000002</v>
      </c>
      <c r="M4957">
        <v>367980.73869999999</v>
      </c>
      <c r="N4957">
        <v>100207.8409</v>
      </c>
      <c r="O4957">
        <v>28792.009440000002</v>
      </c>
      <c r="P4957">
        <v>41089.872790000001</v>
      </c>
      <c r="Q4957">
        <v>105020.0558</v>
      </c>
      <c r="R4957">
        <v>27243.622749999999</v>
      </c>
      <c r="S4957">
        <v>122351.6538</v>
      </c>
      <c r="T4957">
        <v>30706.665809999999</v>
      </c>
      <c r="U4957">
        <v>29528.446400000001</v>
      </c>
      <c r="W4957" s="83">
        <f>Bühler!N4989</f>
        <v>45498.458333321316</v>
      </c>
      <c r="X4957" s="83">
        <v>43307.458333333336</v>
      </c>
      <c r="Y4957">
        <v>293799.0759</v>
      </c>
      <c r="Z4957">
        <v>37774.335939999997</v>
      </c>
      <c r="AA4957">
        <v>107021.39230000001</v>
      </c>
      <c r="AB4957">
        <v>42851.252549999997</v>
      </c>
      <c r="AC4957">
        <v>51753.633399999999</v>
      </c>
      <c r="AD4957">
        <v>35688.907249999997</v>
      </c>
      <c r="AE4957">
        <v>54113.370430000003</v>
      </c>
      <c r="AF4957">
        <v>68301.486829999994</v>
      </c>
      <c r="AG4957">
        <v>35461.308810000002</v>
      </c>
      <c r="AH4957">
        <v>367980.73869999999</v>
      </c>
      <c r="AI4957">
        <v>100207.8409</v>
      </c>
      <c r="AJ4957">
        <v>28792.009440000002</v>
      </c>
      <c r="AK4957">
        <v>41089.872790000001</v>
      </c>
      <c r="AL4957">
        <v>105020.0558</v>
      </c>
      <c r="AM4957">
        <v>27243.622749999999</v>
      </c>
      <c r="AN4957">
        <v>122351.6538</v>
      </c>
      <c r="AO4957">
        <v>30706.665809999999</v>
      </c>
      <c r="AP4957">
        <v>29528.446400000001</v>
      </c>
    </row>
    <row r="4958" spans="2:42" x14ac:dyDescent="0.3">
      <c r="B4958">
        <v>70.960159748986513</v>
      </c>
      <c r="C4958" s="83">
        <v>43307.5</v>
      </c>
      <c r="D4958">
        <v>282341.69799999997</v>
      </c>
      <c r="E4958">
        <v>35379.682130000001</v>
      </c>
      <c r="F4958">
        <v>105062.7494</v>
      </c>
      <c r="G4958">
        <v>42402.278639999997</v>
      </c>
      <c r="H4958">
        <v>51254.181380000002</v>
      </c>
      <c r="I4958">
        <v>34086.953430000001</v>
      </c>
      <c r="J4958">
        <v>54617.430209999999</v>
      </c>
      <c r="K4958">
        <v>65379.530270000003</v>
      </c>
      <c r="L4958">
        <v>37560.936849999998</v>
      </c>
      <c r="M4958">
        <v>361787.98609999998</v>
      </c>
      <c r="N4958">
        <v>97537.442120000007</v>
      </c>
      <c r="O4958">
        <v>27948.424139999999</v>
      </c>
      <c r="P4958">
        <v>42379.759980000003</v>
      </c>
      <c r="Q4958">
        <v>104836.9783</v>
      </c>
      <c r="R4958">
        <v>27371.521079999999</v>
      </c>
      <c r="S4958">
        <v>118411.1761</v>
      </c>
      <c r="T4958">
        <v>30656.15754</v>
      </c>
      <c r="U4958">
        <v>25490.580190000001</v>
      </c>
      <c r="W4958" s="83">
        <f>Bühler!N4990</f>
        <v>45498.49999998798</v>
      </c>
      <c r="X4958" s="83">
        <v>43307.5</v>
      </c>
      <c r="Y4958">
        <v>282341.69799999997</v>
      </c>
      <c r="Z4958">
        <v>35379.682130000001</v>
      </c>
      <c r="AA4958">
        <v>105062.7494</v>
      </c>
      <c r="AB4958">
        <v>42402.278639999997</v>
      </c>
      <c r="AC4958">
        <v>51254.181380000002</v>
      </c>
      <c r="AD4958">
        <v>34086.953430000001</v>
      </c>
      <c r="AE4958">
        <v>54617.430209999999</v>
      </c>
      <c r="AF4958">
        <v>65379.530270000003</v>
      </c>
      <c r="AG4958">
        <v>37560.936849999998</v>
      </c>
      <c r="AH4958">
        <v>361787.98609999998</v>
      </c>
      <c r="AI4958">
        <v>97537.442120000007</v>
      </c>
      <c r="AJ4958">
        <v>27948.424139999999</v>
      </c>
      <c r="AK4958">
        <v>42379.759980000003</v>
      </c>
      <c r="AL4958">
        <v>104836.9783</v>
      </c>
      <c r="AM4958">
        <v>27371.521079999999</v>
      </c>
      <c r="AN4958">
        <v>118411.1761</v>
      </c>
      <c r="AO4958">
        <v>30656.15754</v>
      </c>
      <c r="AP4958">
        <v>25490.580190000001</v>
      </c>
    </row>
    <row r="4959" spans="2:42" x14ac:dyDescent="0.3">
      <c r="B4959">
        <v>70.085464869998759</v>
      </c>
      <c r="C4959" s="83">
        <v>43307.541666666664</v>
      </c>
      <c r="D4959">
        <v>282869.59610000002</v>
      </c>
      <c r="E4959">
        <v>35746.485139999997</v>
      </c>
      <c r="F4959">
        <v>104843.4725</v>
      </c>
      <c r="G4959">
        <v>42404.749559999997</v>
      </c>
      <c r="H4959">
        <v>50835.03213</v>
      </c>
      <c r="I4959">
        <v>35004.85411</v>
      </c>
      <c r="J4959">
        <v>53523.677199999998</v>
      </c>
      <c r="K4959">
        <v>66962.798280000003</v>
      </c>
      <c r="L4959">
        <v>37041.558839999998</v>
      </c>
      <c r="M4959">
        <v>357328.38370000001</v>
      </c>
      <c r="N4959">
        <v>99625.168009999994</v>
      </c>
      <c r="O4959">
        <v>28841.588759999999</v>
      </c>
      <c r="P4959">
        <v>42408.627139999997</v>
      </c>
      <c r="Q4959">
        <v>104498.0658</v>
      </c>
      <c r="R4959">
        <v>26661.083019999998</v>
      </c>
      <c r="S4959">
        <v>118326.7365</v>
      </c>
      <c r="T4959">
        <v>30394.048839999999</v>
      </c>
      <c r="U4959">
        <v>27276.885689999999</v>
      </c>
      <c r="W4959" s="83">
        <f>Bühler!N4991</f>
        <v>45498.541666654644</v>
      </c>
      <c r="X4959" s="83">
        <v>43307.541666666664</v>
      </c>
      <c r="Y4959">
        <v>282869.59610000002</v>
      </c>
      <c r="Z4959">
        <v>35746.485139999997</v>
      </c>
      <c r="AA4959">
        <v>104843.4725</v>
      </c>
      <c r="AB4959">
        <v>42404.749559999997</v>
      </c>
      <c r="AC4959">
        <v>50835.03213</v>
      </c>
      <c r="AD4959">
        <v>35004.85411</v>
      </c>
      <c r="AE4959">
        <v>53523.677199999998</v>
      </c>
      <c r="AF4959">
        <v>66962.798280000003</v>
      </c>
      <c r="AG4959">
        <v>37041.558839999998</v>
      </c>
      <c r="AH4959">
        <v>357328.38370000001</v>
      </c>
      <c r="AI4959">
        <v>99625.168009999994</v>
      </c>
      <c r="AJ4959">
        <v>28841.588759999999</v>
      </c>
      <c r="AK4959">
        <v>42408.627139999997</v>
      </c>
      <c r="AL4959">
        <v>104498.0658</v>
      </c>
      <c r="AM4959">
        <v>26661.083019999998</v>
      </c>
      <c r="AN4959">
        <v>118326.7365</v>
      </c>
      <c r="AO4959">
        <v>30394.048839999999</v>
      </c>
      <c r="AP4959">
        <v>27276.885689999999</v>
      </c>
    </row>
    <row r="4960" spans="2:42" x14ac:dyDescent="0.3">
      <c r="B4960">
        <v>70.803194566454181</v>
      </c>
      <c r="C4960" s="83">
        <v>43307.583333333336</v>
      </c>
      <c r="D4960">
        <v>284773.03950000001</v>
      </c>
      <c r="E4960">
        <v>38456.27289</v>
      </c>
      <c r="F4960">
        <v>107670.15270000001</v>
      </c>
      <c r="G4960">
        <v>42603.579819999999</v>
      </c>
      <c r="H4960">
        <v>51157.360979999998</v>
      </c>
      <c r="I4960">
        <v>35683.380590000001</v>
      </c>
      <c r="J4960">
        <v>53521.263480000001</v>
      </c>
      <c r="K4960">
        <v>67839.686189999993</v>
      </c>
      <c r="L4960">
        <v>34442.681329999999</v>
      </c>
      <c r="M4960">
        <v>360987.70439999999</v>
      </c>
      <c r="N4960">
        <v>101577.02989999999</v>
      </c>
      <c r="O4960">
        <v>29283.362720000001</v>
      </c>
      <c r="P4960">
        <v>37591.064019999998</v>
      </c>
      <c r="Q4960">
        <v>104301.0886</v>
      </c>
      <c r="R4960">
        <v>26565.431</v>
      </c>
      <c r="S4960">
        <v>116201.57829999999</v>
      </c>
      <c r="T4960">
        <v>29928.097760000001</v>
      </c>
      <c r="U4960">
        <v>27743.16073</v>
      </c>
      <c r="W4960" s="83">
        <f>Bühler!N4992</f>
        <v>45498.583333321309</v>
      </c>
      <c r="X4960" s="83">
        <v>43307.583333333336</v>
      </c>
      <c r="Y4960">
        <v>284773.03950000001</v>
      </c>
      <c r="Z4960">
        <v>38456.27289</v>
      </c>
      <c r="AA4960">
        <v>107670.15270000001</v>
      </c>
      <c r="AB4960">
        <v>42603.579819999999</v>
      </c>
      <c r="AC4960">
        <v>51157.360979999998</v>
      </c>
      <c r="AD4960">
        <v>35683.380590000001</v>
      </c>
      <c r="AE4960">
        <v>53521.263480000001</v>
      </c>
      <c r="AF4960">
        <v>67839.686189999993</v>
      </c>
      <c r="AG4960">
        <v>34442.681329999999</v>
      </c>
      <c r="AH4960">
        <v>360987.70439999999</v>
      </c>
      <c r="AI4960">
        <v>101577.02989999999</v>
      </c>
      <c r="AJ4960">
        <v>29283.362720000001</v>
      </c>
      <c r="AK4960">
        <v>37591.064019999998</v>
      </c>
      <c r="AL4960">
        <v>104301.0886</v>
      </c>
      <c r="AM4960">
        <v>26565.431</v>
      </c>
      <c r="AN4960">
        <v>116201.57829999999</v>
      </c>
      <c r="AO4960">
        <v>29928.097760000001</v>
      </c>
      <c r="AP4960">
        <v>27743.16073</v>
      </c>
    </row>
    <row r="4961" spans="2:42" x14ac:dyDescent="0.3">
      <c r="B4961">
        <v>70.247541315066158</v>
      </c>
      <c r="C4961" s="83">
        <v>43307.625</v>
      </c>
      <c r="D4961">
        <v>282438.90299999999</v>
      </c>
      <c r="E4961">
        <v>38554.369129999999</v>
      </c>
      <c r="F4961">
        <v>109629.9483</v>
      </c>
      <c r="G4961">
        <v>42125.960659999997</v>
      </c>
      <c r="H4961">
        <v>50545.306680000002</v>
      </c>
      <c r="I4961">
        <v>35169.504529999998</v>
      </c>
      <c r="J4961">
        <v>53616.346799999999</v>
      </c>
      <c r="K4961">
        <v>66107.165269999998</v>
      </c>
      <c r="L4961">
        <v>31514.401949999999</v>
      </c>
      <c r="M4961">
        <v>358154.72499999998</v>
      </c>
      <c r="N4961">
        <v>100049.74099999999</v>
      </c>
      <c r="O4961">
        <v>29367.89155</v>
      </c>
      <c r="P4961">
        <v>34535.6368</v>
      </c>
      <c r="Q4961">
        <v>103762.8756</v>
      </c>
      <c r="R4961">
        <v>26208.425449999999</v>
      </c>
      <c r="S4961">
        <v>114509.75750000001</v>
      </c>
      <c r="T4961">
        <v>29780.782190000002</v>
      </c>
      <c r="U4961">
        <v>27802.93432</v>
      </c>
      <c r="W4961" s="83">
        <f>Bühler!N4993</f>
        <v>45498.624999987973</v>
      </c>
      <c r="X4961" s="83">
        <v>43307.625</v>
      </c>
      <c r="Y4961">
        <v>282438.90299999999</v>
      </c>
      <c r="Z4961">
        <v>38554.369129999999</v>
      </c>
      <c r="AA4961">
        <v>109629.9483</v>
      </c>
      <c r="AB4961">
        <v>42125.960659999997</v>
      </c>
      <c r="AC4961">
        <v>50545.306680000002</v>
      </c>
      <c r="AD4961">
        <v>35169.504529999998</v>
      </c>
      <c r="AE4961">
        <v>53616.346799999999</v>
      </c>
      <c r="AF4961">
        <v>66107.165269999998</v>
      </c>
      <c r="AG4961">
        <v>31514.401949999999</v>
      </c>
      <c r="AH4961">
        <v>358154.72499999998</v>
      </c>
      <c r="AI4961">
        <v>100049.74099999999</v>
      </c>
      <c r="AJ4961">
        <v>29367.89155</v>
      </c>
      <c r="AK4961">
        <v>34535.6368</v>
      </c>
      <c r="AL4961">
        <v>103762.8756</v>
      </c>
      <c r="AM4961">
        <v>26208.425449999999</v>
      </c>
      <c r="AN4961">
        <v>114509.75750000001</v>
      </c>
      <c r="AO4961">
        <v>29780.782190000002</v>
      </c>
      <c r="AP4961">
        <v>27802.93432</v>
      </c>
    </row>
    <row r="4962" spans="2:42" x14ac:dyDescent="0.3">
      <c r="B4962">
        <v>69.202414733342735</v>
      </c>
      <c r="C4962" s="83">
        <v>43307.666666666664</v>
      </c>
      <c r="D4962">
        <v>276053.46980000002</v>
      </c>
      <c r="E4962">
        <v>38037.559119999998</v>
      </c>
      <c r="F4962">
        <v>108145.76639999999</v>
      </c>
      <c r="G4962">
        <v>41348.749239999997</v>
      </c>
      <c r="H4962">
        <v>49577.046309999998</v>
      </c>
      <c r="I4962">
        <v>36590.25088</v>
      </c>
      <c r="J4962">
        <v>52944.169479999997</v>
      </c>
      <c r="K4962">
        <v>63563.801939999998</v>
      </c>
      <c r="L4962">
        <v>30830.762549999999</v>
      </c>
      <c r="M4962">
        <v>352826.18229999999</v>
      </c>
      <c r="N4962">
        <v>97096.767059999998</v>
      </c>
      <c r="O4962">
        <v>27978.79478</v>
      </c>
      <c r="P4962">
        <v>34412.216959999998</v>
      </c>
      <c r="Q4962">
        <v>102926.9186</v>
      </c>
      <c r="R4962">
        <v>26294.172399999999</v>
      </c>
      <c r="S4962">
        <v>112273.8213</v>
      </c>
      <c r="T4962">
        <v>29065.052619999999</v>
      </c>
      <c r="U4962">
        <v>26113.239259999998</v>
      </c>
      <c r="W4962" s="83">
        <f>Bühler!N4994</f>
        <v>45498.666666654637</v>
      </c>
      <c r="X4962" s="83">
        <v>43307.666666666664</v>
      </c>
      <c r="Y4962">
        <v>276053.46980000002</v>
      </c>
      <c r="Z4962">
        <v>38037.559119999998</v>
      </c>
      <c r="AA4962">
        <v>108145.76639999999</v>
      </c>
      <c r="AB4962">
        <v>41348.749239999997</v>
      </c>
      <c r="AC4962">
        <v>49577.046309999998</v>
      </c>
      <c r="AD4962">
        <v>36590.25088</v>
      </c>
      <c r="AE4962">
        <v>52944.169479999997</v>
      </c>
      <c r="AF4962">
        <v>63563.801939999998</v>
      </c>
      <c r="AG4962">
        <v>30830.762549999999</v>
      </c>
      <c r="AH4962">
        <v>352826.18229999999</v>
      </c>
      <c r="AI4962">
        <v>97096.767059999998</v>
      </c>
      <c r="AJ4962">
        <v>27978.79478</v>
      </c>
      <c r="AK4962">
        <v>34412.216959999998</v>
      </c>
      <c r="AL4962">
        <v>102926.9186</v>
      </c>
      <c r="AM4962">
        <v>26294.172399999999</v>
      </c>
      <c r="AN4962">
        <v>112273.8213</v>
      </c>
      <c r="AO4962">
        <v>29065.052619999999</v>
      </c>
      <c r="AP4962">
        <v>26113.239259999998</v>
      </c>
    </row>
    <row r="4963" spans="2:42" x14ac:dyDescent="0.3">
      <c r="B4963">
        <v>67.826381328499465</v>
      </c>
      <c r="C4963" s="83">
        <v>43307.708333333336</v>
      </c>
      <c r="D4963">
        <v>266753.08529999998</v>
      </c>
      <c r="E4963">
        <v>35823.210749999998</v>
      </c>
      <c r="F4963">
        <v>106684.6367</v>
      </c>
      <c r="G4963">
        <v>39431.465779999999</v>
      </c>
      <c r="H4963">
        <v>47574.493799999997</v>
      </c>
      <c r="I4963">
        <v>36671.747199999998</v>
      </c>
      <c r="J4963">
        <v>52942.839540000001</v>
      </c>
      <c r="K4963">
        <v>58505.332240000003</v>
      </c>
      <c r="L4963">
        <v>31158.421579999998</v>
      </c>
      <c r="M4963">
        <v>345810.52230000001</v>
      </c>
      <c r="N4963">
        <v>92427.880189999996</v>
      </c>
      <c r="O4963">
        <v>26783.272519999999</v>
      </c>
      <c r="P4963">
        <v>35867.186249999999</v>
      </c>
      <c r="Q4963">
        <v>101709.572</v>
      </c>
      <c r="R4963">
        <v>27497.743869999998</v>
      </c>
      <c r="S4963">
        <v>108602.2864</v>
      </c>
      <c r="T4963">
        <v>28503.320520000001</v>
      </c>
      <c r="U4963">
        <v>23777.468290000001</v>
      </c>
      <c r="W4963" s="83">
        <f>Bühler!N4995</f>
        <v>45498.708333321301</v>
      </c>
      <c r="X4963" s="83">
        <v>43307.708333333336</v>
      </c>
      <c r="Y4963">
        <v>266753.08529999998</v>
      </c>
      <c r="Z4963">
        <v>35823.210749999998</v>
      </c>
      <c r="AA4963">
        <v>106684.6367</v>
      </c>
      <c r="AB4963">
        <v>39431.465779999999</v>
      </c>
      <c r="AC4963">
        <v>47574.493799999997</v>
      </c>
      <c r="AD4963">
        <v>36671.747199999998</v>
      </c>
      <c r="AE4963">
        <v>52942.839540000001</v>
      </c>
      <c r="AF4963">
        <v>58505.332240000003</v>
      </c>
      <c r="AG4963">
        <v>31158.421579999998</v>
      </c>
      <c r="AH4963">
        <v>345810.52230000001</v>
      </c>
      <c r="AI4963">
        <v>92427.880189999996</v>
      </c>
      <c r="AJ4963">
        <v>26783.272519999999</v>
      </c>
      <c r="AK4963">
        <v>35867.186249999999</v>
      </c>
      <c r="AL4963">
        <v>101709.572</v>
      </c>
      <c r="AM4963">
        <v>27497.743869999998</v>
      </c>
      <c r="AN4963">
        <v>108602.2864</v>
      </c>
      <c r="AO4963">
        <v>28503.320520000001</v>
      </c>
      <c r="AP4963">
        <v>23777.468290000001</v>
      </c>
    </row>
    <row r="4964" spans="2:42" x14ac:dyDescent="0.3">
      <c r="B4964">
        <v>67.18825841431503</v>
      </c>
      <c r="C4964" s="83">
        <v>43307.75</v>
      </c>
      <c r="D4964">
        <v>260893.4032</v>
      </c>
      <c r="E4964">
        <v>32570.905360000001</v>
      </c>
      <c r="F4964">
        <v>105048.18919999999</v>
      </c>
      <c r="G4964">
        <v>36931.233719999997</v>
      </c>
      <c r="H4964">
        <v>45728.359089999998</v>
      </c>
      <c r="I4964">
        <v>35640.400670000003</v>
      </c>
      <c r="J4964">
        <v>53620.982559999997</v>
      </c>
      <c r="K4964">
        <v>57625.727140000003</v>
      </c>
      <c r="L4964">
        <v>32289.024440000001</v>
      </c>
      <c r="M4964">
        <v>342557.07410000003</v>
      </c>
      <c r="N4964">
        <v>89752.672510000004</v>
      </c>
      <c r="O4964">
        <v>25217.537209999999</v>
      </c>
      <c r="P4964">
        <v>39270.54737</v>
      </c>
      <c r="Q4964">
        <v>99955.735750000007</v>
      </c>
      <c r="R4964">
        <v>25483.35785</v>
      </c>
      <c r="S4964">
        <v>101907.6007</v>
      </c>
      <c r="T4964">
        <v>28484.6594</v>
      </c>
      <c r="U4964">
        <v>22348.5458</v>
      </c>
      <c r="W4964" s="83">
        <f>Bühler!N4996</f>
        <v>45498.749999987966</v>
      </c>
      <c r="X4964" s="83">
        <v>43307.75</v>
      </c>
      <c r="Y4964">
        <v>260893.4032</v>
      </c>
      <c r="Z4964">
        <v>32570.905360000001</v>
      </c>
      <c r="AA4964">
        <v>105048.18919999999</v>
      </c>
      <c r="AB4964">
        <v>36931.233719999997</v>
      </c>
      <c r="AC4964">
        <v>45728.359089999998</v>
      </c>
      <c r="AD4964">
        <v>35640.400670000003</v>
      </c>
      <c r="AE4964">
        <v>53620.982559999997</v>
      </c>
      <c r="AF4964">
        <v>57625.727140000003</v>
      </c>
      <c r="AG4964">
        <v>32289.024440000001</v>
      </c>
      <c r="AH4964">
        <v>342557.07410000003</v>
      </c>
      <c r="AI4964">
        <v>89752.672510000004</v>
      </c>
      <c r="AJ4964">
        <v>25217.537209999999</v>
      </c>
      <c r="AK4964">
        <v>39270.54737</v>
      </c>
      <c r="AL4964">
        <v>99955.735750000007</v>
      </c>
      <c r="AM4964">
        <v>25483.35785</v>
      </c>
      <c r="AN4964">
        <v>101907.6007</v>
      </c>
      <c r="AO4964">
        <v>28484.6594</v>
      </c>
      <c r="AP4964">
        <v>22348.5458</v>
      </c>
    </row>
    <row r="4965" spans="2:42" x14ac:dyDescent="0.3">
      <c r="B4965">
        <v>66.21829892683057</v>
      </c>
      <c r="C4965" s="83">
        <v>43307.791666666664</v>
      </c>
      <c r="D4965">
        <v>253920.92420000001</v>
      </c>
      <c r="E4965">
        <v>26261.224030000001</v>
      </c>
      <c r="F4965">
        <v>94089.296820000003</v>
      </c>
      <c r="G4965">
        <v>34405.02781</v>
      </c>
      <c r="H4965">
        <v>42712.4954</v>
      </c>
      <c r="I4965">
        <v>33400.026330000001</v>
      </c>
      <c r="J4965">
        <v>52874.609450000004</v>
      </c>
      <c r="K4965">
        <v>56191.96617</v>
      </c>
      <c r="L4965">
        <v>32125.02952</v>
      </c>
      <c r="M4965">
        <v>337611.7683</v>
      </c>
      <c r="N4965">
        <v>86708.187359999996</v>
      </c>
      <c r="O4965">
        <v>22534.304479999999</v>
      </c>
      <c r="P4965">
        <v>42590.376669999998</v>
      </c>
      <c r="Q4965">
        <v>97630.259170000005</v>
      </c>
      <c r="R4965">
        <v>23973.521250000002</v>
      </c>
      <c r="S4965">
        <v>97356.25894</v>
      </c>
      <c r="T4965">
        <v>27553.74281</v>
      </c>
      <c r="U4965">
        <v>21560.290730000001</v>
      </c>
      <c r="W4965" s="83">
        <f>Bühler!N4997</f>
        <v>45498.79166665463</v>
      </c>
      <c r="X4965" s="83">
        <v>43307.791666666664</v>
      </c>
      <c r="Y4965">
        <v>253920.92420000001</v>
      </c>
      <c r="Z4965">
        <v>26261.224030000001</v>
      </c>
      <c r="AA4965">
        <v>94089.296820000003</v>
      </c>
      <c r="AB4965">
        <v>34405.02781</v>
      </c>
      <c r="AC4965">
        <v>42712.4954</v>
      </c>
      <c r="AD4965">
        <v>33400.026330000001</v>
      </c>
      <c r="AE4965">
        <v>52874.609450000004</v>
      </c>
      <c r="AF4965">
        <v>56191.96617</v>
      </c>
      <c r="AG4965">
        <v>32125.02952</v>
      </c>
      <c r="AH4965">
        <v>337611.7683</v>
      </c>
      <c r="AI4965">
        <v>86708.187359999996</v>
      </c>
      <c r="AJ4965">
        <v>22534.304479999999</v>
      </c>
      <c r="AK4965">
        <v>42590.376669999998</v>
      </c>
      <c r="AL4965">
        <v>97630.259170000005</v>
      </c>
      <c r="AM4965">
        <v>23973.521250000002</v>
      </c>
      <c r="AN4965">
        <v>97356.25894</v>
      </c>
      <c r="AO4965">
        <v>27553.74281</v>
      </c>
      <c r="AP4965">
        <v>21560.290730000001</v>
      </c>
    </row>
    <row r="4966" spans="2:42" x14ac:dyDescent="0.3">
      <c r="B4966">
        <v>63.991286304120017</v>
      </c>
      <c r="C4966" s="83">
        <v>43307.833333333336</v>
      </c>
      <c r="D4966">
        <v>244111.0301</v>
      </c>
      <c r="E4966">
        <v>19433.2955</v>
      </c>
      <c r="F4966">
        <v>78771.005650000006</v>
      </c>
      <c r="G4966">
        <v>32332.812699999999</v>
      </c>
      <c r="H4966">
        <v>39584.935169999997</v>
      </c>
      <c r="I4966">
        <v>30767.143410000001</v>
      </c>
      <c r="J4966">
        <v>50725.478470000002</v>
      </c>
      <c r="K4966">
        <v>56236.439939999997</v>
      </c>
      <c r="L4966">
        <v>31597.268909999999</v>
      </c>
      <c r="M4966">
        <v>326257.41940000001</v>
      </c>
      <c r="N4966">
        <v>83553.52</v>
      </c>
      <c r="O4966">
        <v>20588.412230000002</v>
      </c>
      <c r="P4966">
        <v>42147.536419999997</v>
      </c>
      <c r="Q4966">
        <v>93687.357380000001</v>
      </c>
      <c r="R4966">
        <v>22273.677500000002</v>
      </c>
      <c r="S4966">
        <v>89181.979699999996</v>
      </c>
      <c r="T4966">
        <v>25926.13349</v>
      </c>
      <c r="U4966">
        <v>21140.307229999999</v>
      </c>
      <c r="W4966" s="83">
        <f>Bühler!N4998</f>
        <v>45498.833333321294</v>
      </c>
      <c r="X4966" s="83">
        <v>43307.833333333336</v>
      </c>
      <c r="Y4966">
        <v>244111.0301</v>
      </c>
      <c r="Z4966">
        <v>19433.2955</v>
      </c>
      <c r="AA4966">
        <v>78771.005650000006</v>
      </c>
      <c r="AB4966">
        <v>32332.812699999999</v>
      </c>
      <c r="AC4966">
        <v>39584.935169999997</v>
      </c>
      <c r="AD4966">
        <v>30767.143410000001</v>
      </c>
      <c r="AE4966">
        <v>50725.478470000002</v>
      </c>
      <c r="AF4966">
        <v>56236.439939999997</v>
      </c>
      <c r="AG4966">
        <v>31597.268909999999</v>
      </c>
      <c r="AH4966">
        <v>326257.41940000001</v>
      </c>
      <c r="AI4966">
        <v>83553.52</v>
      </c>
      <c r="AJ4966">
        <v>20588.412230000002</v>
      </c>
      <c r="AK4966">
        <v>42147.536419999997</v>
      </c>
      <c r="AL4966">
        <v>93687.357380000001</v>
      </c>
      <c r="AM4966">
        <v>22273.677500000002</v>
      </c>
      <c r="AN4966">
        <v>89181.979699999996</v>
      </c>
      <c r="AO4966">
        <v>25926.13349</v>
      </c>
      <c r="AP4966">
        <v>21140.307229999999</v>
      </c>
    </row>
    <row r="4967" spans="2:42" x14ac:dyDescent="0.3">
      <c r="B4967">
        <v>61.95047298848106</v>
      </c>
      <c r="C4967" s="83">
        <v>43307.875</v>
      </c>
      <c r="D4967">
        <v>238562.071</v>
      </c>
      <c r="E4967">
        <v>16890.122169999999</v>
      </c>
      <c r="F4967">
        <v>68784.184720000005</v>
      </c>
      <c r="G4967">
        <v>31440.81221</v>
      </c>
      <c r="H4967">
        <v>37722.877099999998</v>
      </c>
      <c r="I4967">
        <v>28578.032950000001</v>
      </c>
      <c r="J4967">
        <v>49664.159979999997</v>
      </c>
      <c r="K4967">
        <v>55814.106910000002</v>
      </c>
      <c r="L4967">
        <v>30360.29306</v>
      </c>
      <c r="M4967">
        <v>315852.40139999997</v>
      </c>
      <c r="N4967">
        <v>81262.564809999996</v>
      </c>
      <c r="O4967">
        <v>19712.844260000002</v>
      </c>
      <c r="P4967">
        <v>40329.427230000001</v>
      </c>
      <c r="Q4967">
        <v>91063.706090000007</v>
      </c>
      <c r="R4967">
        <v>20839.546849999999</v>
      </c>
      <c r="S4967">
        <v>84939.411850000004</v>
      </c>
      <c r="T4967">
        <v>24243.352930000001</v>
      </c>
      <c r="U4967">
        <v>19807.401839999999</v>
      </c>
      <c r="W4967" s="83">
        <f>Bühler!N4999</f>
        <v>45498.874999987958</v>
      </c>
      <c r="X4967" s="83">
        <v>43307.875</v>
      </c>
      <c r="Y4967">
        <v>238562.071</v>
      </c>
      <c r="Z4967">
        <v>16890.122169999999</v>
      </c>
      <c r="AA4967">
        <v>68784.184720000005</v>
      </c>
      <c r="AB4967">
        <v>31440.81221</v>
      </c>
      <c r="AC4967">
        <v>37722.877099999998</v>
      </c>
      <c r="AD4967">
        <v>28578.032950000001</v>
      </c>
      <c r="AE4967">
        <v>49664.159979999997</v>
      </c>
      <c r="AF4967">
        <v>55814.106910000002</v>
      </c>
      <c r="AG4967">
        <v>30360.29306</v>
      </c>
      <c r="AH4967">
        <v>315852.40139999997</v>
      </c>
      <c r="AI4967">
        <v>81262.564809999996</v>
      </c>
      <c r="AJ4967">
        <v>19712.844260000002</v>
      </c>
      <c r="AK4967">
        <v>40329.427230000001</v>
      </c>
      <c r="AL4967">
        <v>91063.706090000007</v>
      </c>
      <c r="AM4967">
        <v>20839.546849999999</v>
      </c>
      <c r="AN4967">
        <v>84939.411850000004</v>
      </c>
      <c r="AO4967">
        <v>24243.352930000001</v>
      </c>
      <c r="AP4967">
        <v>19807.401839999999</v>
      </c>
    </row>
    <row r="4968" spans="2:42" x14ac:dyDescent="0.3">
      <c r="B4968">
        <v>61.44698326670418</v>
      </c>
      <c r="C4968" s="83">
        <v>43307.916666666664</v>
      </c>
      <c r="D4968">
        <v>237476.07860000001</v>
      </c>
      <c r="E4968">
        <v>16090.147779999999</v>
      </c>
      <c r="F4968">
        <v>65904.908850000007</v>
      </c>
      <c r="G4968">
        <v>31654.48762</v>
      </c>
      <c r="H4968">
        <v>38735.46632</v>
      </c>
      <c r="I4968">
        <v>27435.881539999998</v>
      </c>
      <c r="J4968">
        <v>48229.293879999997</v>
      </c>
      <c r="K4968">
        <v>58279.204489999996</v>
      </c>
      <c r="L4968">
        <v>27258.300070000001</v>
      </c>
      <c r="M4968">
        <v>313285.37599999999</v>
      </c>
      <c r="N4968">
        <v>80140.363240000006</v>
      </c>
      <c r="O4968">
        <v>19023.838</v>
      </c>
      <c r="P4968">
        <v>42316.05644</v>
      </c>
      <c r="Q4968">
        <v>90650.95723</v>
      </c>
      <c r="R4968">
        <v>21822.162039999999</v>
      </c>
      <c r="S4968">
        <v>84106.12444</v>
      </c>
      <c r="T4968">
        <v>22098.998619999998</v>
      </c>
      <c r="U4968">
        <v>20055.808519999999</v>
      </c>
      <c r="W4968" s="83">
        <f>Bühler!N5000</f>
        <v>45498.916666654623</v>
      </c>
      <c r="X4968" s="83">
        <v>43307.916666666664</v>
      </c>
      <c r="Y4968">
        <v>237476.07860000001</v>
      </c>
      <c r="Z4968">
        <v>16090.147779999999</v>
      </c>
      <c r="AA4968">
        <v>65904.908850000007</v>
      </c>
      <c r="AB4968">
        <v>31654.48762</v>
      </c>
      <c r="AC4968">
        <v>38735.46632</v>
      </c>
      <c r="AD4968">
        <v>27435.881539999998</v>
      </c>
      <c r="AE4968">
        <v>48229.293879999997</v>
      </c>
      <c r="AF4968">
        <v>58279.204489999996</v>
      </c>
      <c r="AG4968">
        <v>27258.300070000001</v>
      </c>
      <c r="AH4968">
        <v>313285.37599999999</v>
      </c>
      <c r="AI4968">
        <v>80140.363240000006</v>
      </c>
      <c r="AJ4968">
        <v>19023.838</v>
      </c>
      <c r="AK4968">
        <v>42316.05644</v>
      </c>
      <c r="AL4968">
        <v>90650.95723</v>
      </c>
      <c r="AM4968">
        <v>21822.162039999999</v>
      </c>
      <c r="AN4968">
        <v>84106.12444</v>
      </c>
      <c r="AO4968">
        <v>22098.998619999998</v>
      </c>
      <c r="AP4968">
        <v>20055.808519999999</v>
      </c>
    </row>
    <row r="4969" spans="2:42" x14ac:dyDescent="0.3">
      <c r="B4969">
        <v>61.296746421224455</v>
      </c>
      <c r="C4969" s="83">
        <v>43307.958333333336</v>
      </c>
      <c r="D4969">
        <v>235462.16829999999</v>
      </c>
      <c r="E4969">
        <v>15133.61543</v>
      </c>
      <c r="F4969">
        <v>64352.472040000001</v>
      </c>
      <c r="G4969">
        <v>31662.371510000001</v>
      </c>
      <c r="H4969">
        <v>37723.288919999999</v>
      </c>
      <c r="I4969">
        <v>26221.481810000001</v>
      </c>
      <c r="J4969">
        <v>43508.185649999999</v>
      </c>
      <c r="K4969">
        <v>56938.50578</v>
      </c>
      <c r="L4969">
        <v>23022.110570000001</v>
      </c>
      <c r="M4969">
        <v>312519.39850000001</v>
      </c>
      <c r="N4969">
        <v>79949.354670000001</v>
      </c>
      <c r="O4969">
        <v>18727.034919999998</v>
      </c>
      <c r="P4969">
        <v>35898.379260000002</v>
      </c>
      <c r="Q4969">
        <v>90527.310110000006</v>
      </c>
      <c r="R4969">
        <v>22119.46716</v>
      </c>
      <c r="S4969">
        <v>82027.650949999996</v>
      </c>
      <c r="T4969">
        <v>20005.955819999999</v>
      </c>
      <c r="U4969">
        <v>19846.466130000001</v>
      </c>
      <c r="W4969" s="83">
        <f>Bühler!N5001</f>
        <v>45498.958333321287</v>
      </c>
      <c r="X4969" s="83">
        <v>43307.958333333336</v>
      </c>
      <c r="Y4969">
        <v>235462.16829999999</v>
      </c>
      <c r="Z4969">
        <v>15133.61543</v>
      </c>
      <c r="AA4969">
        <v>64352.472040000001</v>
      </c>
      <c r="AB4969">
        <v>31662.371510000001</v>
      </c>
      <c r="AC4969">
        <v>37723.288919999999</v>
      </c>
      <c r="AD4969">
        <v>26221.481810000001</v>
      </c>
      <c r="AE4969">
        <v>43508.185649999999</v>
      </c>
      <c r="AF4969">
        <v>56938.50578</v>
      </c>
      <c r="AG4969">
        <v>23022.110570000001</v>
      </c>
      <c r="AH4969">
        <v>312519.39850000001</v>
      </c>
      <c r="AI4969">
        <v>79949.354670000001</v>
      </c>
      <c r="AJ4969">
        <v>18727.034919999998</v>
      </c>
      <c r="AK4969">
        <v>35898.379260000002</v>
      </c>
      <c r="AL4969">
        <v>90527.310110000006</v>
      </c>
      <c r="AM4969">
        <v>22119.46716</v>
      </c>
      <c r="AN4969">
        <v>82027.650949999996</v>
      </c>
      <c r="AO4969">
        <v>20005.955819999999</v>
      </c>
      <c r="AP4969">
        <v>19846.466130000001</v>
      </c>
    </row>
    <row r="4970" spans="2:42" x14ac:dyDescent="0.3">
      <c r="B4970">
        <v>60.29297776673981</v>
      </c>
      <c r="C4970" s="83">
        <v>43308</v>
      </c>
      <c r="D4970">
        <v>232486.17360000001</v>
      </c>
      <c r="E4970">
        <v>14793.070180000001</v>
      </c>
      <c r="F4970">
        <v>62703.79408</v>
      </c>
      <c r="G4970">
        <v>31476.088329999999</v>
      </c>
      <c r="H4970">
        <v>36891.91201</v>
      </c>
      <c r="I4970">
        <v>24418.22741</v>
      </c>
      <c r="J4970">
        <v>39582.735180000003</v>
      </c>
      <c r="K4970">
        <v>54997.527090000003</v>
      </c>
      <c r="L4970">
        <v>20095.139630000001</v>
      </c>
      <c r="M4970">
        <v>307401.71779999998</v>
      </c>
      <c r="N4970">
        <v>77032.231719999996</v>
      </c>
      <c r="O4970">
        <v>18866.105930000002</v>
      </c>
      <c r="P4970">
        <v>32648.709630000001</v>
      </c>
      <c r="Q4970">
        <v>88324.101039999994</v>
      </c>
      <c r="R4970">
        <v>18353.393380000001</v>
      </c>
      <c r="S4970">
        <v>79730.398069999996</v>
      </c>
      <c r="T4970">
        <v>18799.48533</v>
      </c>
      <c r="U4970">
        <v>19228.161199999999</v>
      </c>
      <c r="W4970" s="83">
        <f>Bühler!N5002</f>
        <v>45498.999999987951</v>
      </c>
      <c r="X4970" s="83">
        <v>43308</v>
      </c>
      <c r="Y4970">
        <v>232486.17360000001</v>
      </c>
      <c r="Z4970">
        <v>14793.070180000001</v>
      </c>
      <c r="AA4970">
        <v>62703.79408</v>
      </c>
      <c r="AB4970">
        <v>31476.088329999999</v>
      </c>
      <c r="AC4970">
        <v>36891.91201</v>
      </c>
      <c r="AD4970">
        <v>24418.22741</v>
      </c>
      <c r="AE4970">
        <v>39582.735180000003</v>
      </c>
      <c r="AF4970">
        <v>54997.527090000003</v>
      </c>
      <c r="AG4970">
        <v>20095.139630000001</v>
      </c>
      <c r="AH4970">
        <v>307401.71779999998</v>
      </c>
      <c r="AI4970">
        <v>77032.231719999996</v>
      </c>
      <c r="AJ4970">
        <v>18866.105930000002</v>
      </c>
      <c r="AK4970">
        <v>32648.709630000001</v>
      </c>
      <c r="AL4970">
        <v>88324.101039999994</v>
      </c>
      <c r="AM4970">
        <v>18353.393380000001</v>
      </c>
      <c r="AN4970">
        <v>79730.398069999996</v>
      </c>
      <c r="AO4970">
        <v>18799.48533</v>
      </c>
      <c r="AP4970">
        <v>19228.161199999999</v>
      </c>
    </row>
    <row r="4971" spans="2:42" x14ac:dyDescent="0.3">
      <c r="B4971">
        <v>59.85499133116722</v>
      </c>
      <c r="C4971" s="83">
        <v>43308.041666666664</v>
      </c>
      <c r="D4971">
        <v>231066.5319</v>
      </c>
      <c r="E4971">
        <v>14566.36102</v>
      </c>
      <c r="F4971">
        <v>61848.90569</v>
      </c>
      <c r="G4971">
        <v>30759.395209999999</v>
      </c>
      <c r="H4971">
        <v>36443.067419999999</v>
      </c>
      <c r="I4971">
        <v>20705.47551</v>
      </c>
      <c r="J4971">
        <v>37421.685109999999</v>
      </c>
      <c r="K4971">
        <v>53406.504520000002</v>
      </c>
      <c r="L4971">
        <v>18693.75029</v>
      </c>
      <c r="M4971">
        <v>305168.65870000003</v>
      </c>
      <c r="N4971">
        <v>75980.494510000004</v>
      </c>
      <c r="O4971">
        <v>18278.05904</v>
      </c>
      <c r="P4971">
        <v>30493.74684</v>
      </c>
      <c r="Q4971">
        <v>88652.146949999995</v>
      </c>
      <c r="R4971">
        <v>15436.864</v>
      </c>
      <c r="S4971">
        <v>78157.575979999994</v>
      </c>
      <c r="T4971">
        <v>18650.24223</v>
      </c>
      <c r="U4971">
        <v>18688.868350000001</v>
      </c>
      <c r="W4971" s="83">
        <f>Bühler!N5003</f>
        <v>45499.041666654615</v>
      </c>
      <c r="X4971" s="83">
        <v>43308.041666666664</v>
      </c>
      <c r="Y4971">
        <v>231066.5319</v>
      </c>
      <c r="Z4971">
        <v>14566.36102</v>
      </c>
      <c r="AA4971">
        <v>61848.90569</v>
      </c>
      <c r="AB4971">
        <v>30759.395209999999</v>
      </c>
      <c r="AC4971">
        <v>36443.067419999999</v>
      </c>
      <c r="AD4971">
        <v>20705.47551</v>
      </c>
      <c r="AE4971">
        <v>37421.685109999999</v>
      </c>
      <c r="AF4971">
        <v>53406.504520000002</v>
      </c>
      <c r="AG4971">
        <v>18693.75029</v>
      </c>
      <c r="AH4971">
        <v>305168.65870000003</v>
      </c>
      <c r="AI4971">
        <v>75980.494510000004</v>
      </c>
      <c r="AJ4971">
        <v>18278.05904</v>
      </c>
      <c r="AK4971">
        <v>30493.74684</v>
      </c>
      <c r="AL4971">
        <v>88652.146949999995</v>
      </c>
      <c r="AM4971">
        <v>15436.864</v>
      </c>
      <c r="AN4971">
        <v>78157.575979999994</v>
      </c>
      <c r="AO4971">
        <v>18650.24223</v>
      </c>
      <c r="AP4971">
        <v>18688.868350000001</v>
      </c>
    </row>
    <row r="4972" spans="2:42" x14ac:dyDescent="0.3">
      <c r="B4972">
        <v>59.565615467712142</v>
      </c>
      <c r="C4972" s="83">
        <v>43308.083333333336</v>
      </c>
      <c r="D4972">
        <v>229035.872</v>
      </c>
      <c r="E4972">
        <v>14081.68865</v>
      </c>
      <c r="F4972">
        <v>62294.414669999998</v>
      </c>
      <c r="G4972">
        <v>29967.599750000001</v>
      </c>
      <c r="H4972">
        <v>35692.476719999999</v>
      </c>
      <c r="I4972">
        <v>18729.36306</v>
      </c>
      <c r="J4972">
        <v>35300.86722</v>
      </c>
      <c r="K4972">
        <v>52142.033580000003</v>
      </c>
      <c r="L4972">
        <v>17430.196019999999</v>
      </c>
      <c r="M4972">
        <v>303693.2856</v>
      </c>
      <c r="N4972">
        <v>74409.598299999998</v>
      </c>
      <c r="O4972">
        <v>18895.740010000001</v>
      </c>
      <c r="P4972">
        <v>28098.44787</v>
      </c>
      <c r="Q4972">
        <v>91439.399239999999</v>
      </c>
      <c r="R4972">
        <v>16244.71732</v>
      </c>
      <c r="S4972">
        <v>76737.242530000003</v>
      </c>
      <c r="T4972">
        <v>18040.866910000001</v>
      </c>
      <c r="U4972">
        <v>18564.155579999999</v>
      </c>
      <c r="W4972" s="83">
        <f>Bühler!N5004</f>
        <v>45499.083333321279</v>
      </c>
      <c r="X4972" s="83">
        <v>43308.083333333336</v>
      </c>
      <c r="Y4972">
        <v>229035.872</v>
      </c>
      <c r="Z4972">
        <v>14081.68865</v>
      </c>
      <c r="AA4972">
        <v>62294.414669999998</v>
      </c>
      <c r="AB4972">
        <v>29967.599750000001</v>
      </c>
      <c r="AC4972">
        <v>35692.476719999999</v>
      </c>
      <c r="AD4972">
        <v>18729.36306</v>
      </c>
      <c r="AE4972">
        <v>35300.86722</v>
      </c>
      <c r="AF4972">
        <v>52142.033580000003</v>
      </c>
      <c r="AG4972">
        <v>17430.196019999999</v>
      </c>
      <c r="AH4972">
        <v>303693.2856</v>
      </c>
      <c r="AI4972">
        <v>74409.598299999998</v>
      </c>
      <c r="AJ4972">
        <v>18895.740010000001</v>
      </c>
      <c r="AK4972">
        <v>28098.44787</v>
      </c>
      <c r="AL4972">
        <v>91439.399239999999</v>
      </c>
      <c r="AM4972">
        <v>16244.71732</v>
      </c>
      <c r="AN4972">
        <v>76737.242530000003</v>
      </c>
      <c r="AO4972">
        <v>18040.866910000001</v>
      </c>
      <c r="AP4972">
        <v>18564.155579999999</v>
      </c>
    </row>
    <row r="4973" spans="2:42" x14ac:dyDescent="0.3">
      <c r="B4973">
        <v>59.98748062396519</v>
      </c>
      <c r="C4973" s="83">
        <v>43308.125</v>
      </c>
      <c r="D4973">
        <v>229112.3124</v>
      </c>
      <c r="E4973">
        <v>13932.94679</v>
      </c>
      <c r="F4973">
        <v>63605.592929999999</v>
      </c>
      <c r="G4973">
        <v>29279.067169999998</v>
      </c>
      <c r="H4973">
        <v>35385.786549999997</v>
      </c>
      <c r="I4973">
        <v>18240.987160000001</v>
      </c>
      <c r="J4973">
        <v>36244.635739999998</v>
      </c>
      <c r="K4973">
        <v>49664.435510000003</v>
      </c>
      <c r="L4973">
        <v>16851.78671</v>
      </c>
      <c r="M4973">
        <v>305844.15090000001</v>
      </c>
      <c r="N4973">
        <v>74102.289560000005</v>
      </c>
      <c r="O4973">
        <v>18463.697489999999</v>
      </c>
      <c r="P4973">
        <v>26567.587609999999</v>
      </c>
      <c r="Q4973">
        <v>93380.190059999994</v>
      </c>
      <c r="R4973">
        <v>15876.79644</v>
      </c>
      <c r="S4973">
        <v>75661.634810000003</v>
      </c>
      <c r="T4973">
        <v>17838.167379999999</v>
      </c>
      <c r="U4973">
        <v>17908.338</v>
      </c>
      <c r="W4973" s="83">
        <f>Bühler!N5005</f>
        <v>45499.124999987944</v>
      </c>
      <c r="X4973" s="83">
        <v>43308.125</v>
      </c>
      <c r="Y4973">
        <v>229112.3124</v>
      </c>
      <c r="Z4973">
        <v>13932.94679</v>
      </c>
      <c r="AA4973">
        <v>63605.592929999999</v>
      </c>
      <c r="AB4973">
        <v>29279.067169999998</v>
      </c>
      <c r="AC4973">
        <v>35385.786549999997</v>
      </c>
      <c r="AD4973">
        <v>18240.987160000001</v>
      </c>
      <c r="AE4973">
        <v>36244.635739999998</v>
      </c>
      <c r="AF4973">
        <v>49664.435510000003</v>
      </c>
      <c r="AG4973">
        <v>16851.78671</v>
      </c>
      <c r="AH4973">
        <v>305844.15090000001</v>
      </c>
      <c r="AI4973">
        <v>74102.289560000005</v>
      </c>
      <c r="AJ4973">
        <v>18463.697489999999</v>
      </c>
      <c r="AK4973">
        <v>26567.587609999999</v>
      </c>
      <c r="AL4973">
        <v>93380.190059999994</v>
      </c>
      <c r="AM4973">
        <v>15876.79644</v>
      </c>
      <c r="AN4973">
        <v>75661.634810000003</v>
      </c>
      <c r="AO4973">
        <v>17838.167379999999</v>
      </c>
      <c r="AP4973">
        <v>17908.338</v>
      </c>
    </row>
    <row r="4974" spans="2:42" x14ac:dyDescent="0.3">
      <c r="B4974">
        <v>60.475209723898054</v>
      </c>
      <c r="C4974" s="83">
        <v>43308.166666666664</v>
      </c>
      <c r="D4974">
        <v>231314.00349999999</v>
      </c>
      <c r="E4974">
        <v>14433.81806</v>
      </c>
      <c r="F4974">
        <v>66767.197620000006</v>
      </c>
      <c r="G4974">
        <v>28508.305629999999</v>
      </c>
      <c r="H4974">
        <v>35669.985610000003</v>
      </c>
      <c r="I4974">
        <v>19231.987669999999</v>
      </c>
      <c r="J4974">
        <v>38375.775220000003</v>
      </c>
      <c r="K4974">
        <v>49667.611960000002</v>
      </c>
      <c r="L4974">
        <v>16952.50632</v>
      </c>
      <c r="M4974">
        <v>308330.82130000001</v>
      </c>
      <c r="N4974">
        <v>74450.496939999997</v>
      </c>
      <c r="O4974">
        <v>18014.583480000001</v>
      </c>
      <c r="P4974">
        <v>26546.87844</v>
      </c>
      <c r="Q4974">
        <v>96547.684699999998</v>
      </c>
      <c r="R4974">
        <v>15330.335489999999</v>
      </c>
      <c r="S4974">
        <v>75742.073409999997</v>
      </c>
      <c r="T4974">
        <v>17723.958170000002</v>
      </c>
      <c r="U4974">
        <v>18260.126240000001</v>
      </c>
      <c r="W4974" s="83">
        <f>Bühler!N5006</f>
        <v>45499.166666654608</v>
      </c>
      <c r="X4974" s="83">
        <v>43308.166666666664</v>
      </c>
      <c r="Y4974">
        <v>231314.00349999999</v>
      </c>
      <c r="Z4974">
        <v>14433.81806</v>
      </c>
      <c r="AA4974">
        <v>66767.197620000006</v>
      </c>
      <c r="AB4974">
        <v>28508.305629999999</v>
      </c>
      <c r="AC4974">
        <v>35669.985610000003</v>
      </c>
      <c r="AD4974">
        <v>19231.987669999999</v>
      </c>
      <c r="AE4974">
        <v>38375.775220000003</v>
      </c>
      <c r="AF4974">
        <v>49667.611960000002</v>
      </c>
      <c r="AG4974">
        <v>16952.50632</v>
      </c>
      <c r="AH4974">
        <v>308330.82130000001</v>
      </c>
      <c r="AI4974">
        <v>74450.496939999997</v>
      </c>
      <c r="AJ4974">
        <v>18014.583480000001</v>
      </c>
      <c r="AK4974">
        <v>26546.87844</v>
      </c>
      <c r="AL4974">
        <v>96547.684699999998</v>
      </c>
      <c r="AM4974">
        <v>15330.335489999999</v>
      </c>
      <c r="AN4974">
        <v>75742.073409999997</v>
      </c>
      <c r="AO4974">
        <v>17723.958170000002</v>
      </c>
      <c r="AP4974">
        <v>18260.126240000001</v>
      </c>
    </row>
    <row r="4975" spans="2:42" x14ac:dyDescent="0.3">
      <c r="B4975">
        <v>63.306900183673136</v>
      </c>
      <c r="C4975" s="83">
        <v>43308.208333333336</v>
      </c>
      <c r="D4975">
        <v>244791.11300000001</v>
      </c>
      <c r="E4975">
        <v>16433.533210000001</v>
      </c>
      <c r="F4975">
        <v>75760.97335</v>
      </c>
      <c r="G4975">
        <v>29328.378700000001</v>
      </c>
      <c r="H4975">
        <v>37424.794959999999</v>
      </c>
      <c r="I4975">
        <v>24678.79322</v>
      </c>
      <c r="J4975">
        <v>41172.739309999997</v>
      </c>
      <c r="K4975">
        <v>50290.75621</v>
      </c>
      <c r="L4975">
        <v>18191.22496</v>
      </c>
      <c r="M4975">
        <v>322768.09980000003</v>
      </c>
      <c r="N4975">
        <v>74935.90612</v>
      </c>
      <c r="O4975">
        <v>19236.757379999999</v>
      </c>
      <c r="P4975">
        <v>27411.4427</v>
      </c>
      <c r="Q4975">
        <v>99359.006460000004</v>
      </c>
      <c r="R4975">
        <v>17670.750390000001</v>
      </c>
      <c r="S4975">
        <v>77437.796830000007</v>
      </c>
      <c r="T4975">
        <v>19137.427220000001</v>
      </c>
      <c r="U4975">
        <v>19929.081979999999</v>
      </c>
      <c r="W4975" s="83">
        <f>Bühler!N5007</f>
        <v>45499.208333321272</v>
      </c>
      <c r="X4975" s="83">
        <v>43308.208333333336</v>
      </c>
      <c r="Y4975">
        <v>244791.11300000001</v>
      </c>
      <c r="Z4975">
        <v>16433.533210000001</v>
      </c>
      <c r="AA4975">
        <v>75760.97335</v>
      </c>
      <c r="AB4975">
        <v>29328.378700000001</v>
      </c>
      <c r="AC4975">
        <v>37424.794959999999</v>
      </c>
      <c r="AD4975">
        <v>24678.79322</v>
      </c>
      <c r="AE4975">
        <v>41172.739309999997</v>
      </c>
      <c r="AF4975">
        <v>50290.75621</v>
      </c>
      <c r="AG4975">
        <v>18191.22496</v>
      </c>
      <c r="AH4975">
        <v>322768.09980000003</v>
      </c>
      <c r="AI4975">
        <v>74935.90612</v>
      </c>
      <c r="AJ4975">
        <v>19236.757379999999</v>
      </c>
      <c r="AK4975">
        <v>27411.4427</v>
      </c>
      <c r="AL4975">
        <v>99359.006460000004</v>
      </c>
      <c r="AM4975">
        <v>17670.750390000001</v>
      </c>
      <c r="AN4975">
        <v>77437.796830000007</v>
      </c>
      <c r="AO4975">
        <v>19137.427220000001</v>
      </c>
      <c r="AP4975">
        <v>19929.081979999999</v>
      </c>
    </row>
    <row r="4976" spans="2:42" x14ac:dyDescent="0.3">
      <c r="B4976">
        <v>66.094852765222953</v>
      </c>
      <c r="C4976" s="83">
        <v>43308.25</v>
      </c>
      <c r="D4976">
        <v>257690.02340000001</v>
      </c>
      <c r="E4976">
        <v>19845.482789999998</v>
      </c>
      <c r="F4976">
        <v>85673.432119999998</v>
      </c>
      <c r="G4976">
        <v>30815.225310000002</v>
      </c>
      <c r="H4976">
        <v>39144.528870000002</v>
      </c>
      <c r="I4976">
        <v>28759.1325</v>
      </c>
      <c r="J4976">
        <v>43218.437109999999</v>
      </c>
      <c r="K4976">
        <v>51916.132709999998</v>
      </c>
      <c r="L4976">
        <v>19496.623019999999</v>
      </c>
      <c r="M4976">
        <v>336982.38219999999</v>
      </c>
      <c r="N4976">
        <v>76787.846730000005</v>
      </c>
      <c r="O4976">
        <v>20621.782569999999</v>
      </c>
      <c r="P4976">
        <v>28030.563859999998</v>
      </c>
      <c r="Q4976">
        <v>99209.149300000005</v>
      </c>
      <c r="R4976">
        <v>17654.02968</v>
      </c>
      <c r="S4976">
        <v>84590.516669999997</v>
      </c>
      <c r="T4976">
        <v>20408.004870000001</v>
      </c>
      <c r="U4976">
        <v>22321.11075</v>
      </c>
      <c r="W4976" s="83">
        <f>Bühler!N5008</f>
        <v>45499.249999987936</v>
      </c>
      <c r="X4976" s="83">
        <v>43308.25</v>
      </c>
      <c r="Y4976">
        <v>257690.02340000001</v>
      </c>
      <c r="Z4976">
        <v>19845.482789999998</v>
      </c>
      <c r="AA4976">
        <v>85673.432119999998</v>
      </c>
      <c r="AB4976">
        <v>30815.225310000002</v>
      </c>
      <c r="AC4976">
        <v>39144.528870000002</v>
      </c>
      <c r="AD4976">
        <v>28759.1325</v>
      </c>
      <c r="AE4976">
        <v>43218.437109999999</v>
      </c>
      <c r="AF4976">
        <v>51916.132709999998</v>
      </c>
      <c r="AG4976">
        <v>19496.623019999999</v>
      </c>
      <c r="AH4976">
        <v>336982.38219999999</v>
      </c>
      <c r="AI4976">
        <v>76787.846730000005</v>
      </c>
      <c r="AJ4976">
        <v>20621.782569999999</v>
      </c>
      <c r="AK4976">
        <v>28030.563859999998</v>
      </c>
      <c r="AL4976">
        <v>99209.149300000005</v>
      </c>
      <c r="AM4976">
        <v>17654.02968</v>
      </c>
      <c r="AN4976">
        <v>84590.516669999997</v>
      </c>
      <c r="AO4976">
        <v>20408.004870000001</v>
      </c>
      <c r="AP4976">
        <v>22321.11075</v>
      </c>
    </row>
    <row r="4977" spans="2:42" x14ac:dyDescent="0.3">
      <c r="B4977">
        <v>67.527674541427515</v>
      </c>
      <c r="C4977" s="83">
        <v>43308.291666666664</v>
      </c>
      <c r="D4977">
        <v>268094.02059999999</v>
      </c>
      <c r="E4977">
        <v>24115.19601</v>
      </c>
      <c r="F4977">
        <v>89385.423790000001</v>
      </c>
      <c r="G4977">
        <v>33002.834069999997</v>
      </c>
      <c r="H4977">
        <v>42955.901839999999</v>
      </c>
      <c r="I4977">
        <v>32895.697760000003</v>
      </c>
      <c r="J4977">
        <v>45256.881240000002</v>
      </c>
      <c r="K4977">
        <v>56611.632940000003</v>
      </c>
      <c r="L4977">
        <v>21984.47755</v>
      </c>
      <c r="M4977">
        <v>344287.57579999999</v>
      </c>
      <c r="N4977">
        <v>80509.711710000003</v>
      </c>
      <c r="O4977">
        <v>23953.56479</v>
      </c>
      <c r="P4977">
        <v>31267.580699999999</v>
      </c>
      <c r="Q4977">
        <v>98523.249750000003</v>
      </c>
      <c r="R4977">
        <v>18201.927629999998</v>
      </c>
      <c r="S4977">
        <v>97437.779720000006</v>
      </c>
      <c r="T4977">
        <v>22428.430059999999</v>
      </c>
      <c r="U4977">
        <v>25616.544300000001</v>
      </c>
      <c r="W4977" s="83">
        <f>Bühler!N5009</f>
        <v>45499.291666654601</v>
      </c>
      <c r="X4977" s="83">
        <v>43308.291666666664</v>
      </c>
      <c r="Y4977">
        <v>268094.02059999999</v>
      </c>
      <c r="Z4977">
        <v>24115.19601</v>
      </c>
      <c r="AA4977">
        <v>89385.423790000001</v>
      </c>
      <c r="AB4977">
        <v>33002.834069999997</v>
      </c>
      <c r="AC4977">
        <v>42955.901839999999</v>
      </c>
      <c r="AD4977">
        <v>32895.697760000003</v>
      </c>
      <c r="AE4977">
        <v>45256.881240000002</v>
      </c>
      <c r="AF4977">
        <v>56611.632940000003</v>
      </c>
      <c r="AG4977">
        <v>21984.47755</v>
      </c>
      <c r="AH4977">
        <v>344287.57579999999</v>
      </c>
      <c r="AI4977">
        <v>80509.711710000003</v>
      </c>
      <c r="AJ4977">
        <v>23953.56479</v>
      </c>
      <c r="AK4977">
        <v>31267.580699999999</v>
      </c>
      <c r="AL4977">
        <v>98523.249750000003</v>
      </c>
      <c r="AM4977">
        <v>18201.927629999998</v>
      </c>
      <c r="AN4977">
        <v>97437.779720000006</v>
      </c>
      <c r="AO4977">
        <v>22428.430059999999</v>
      </c>
      <c r="AP4977">
        <v>25616.544300000001</v>
      </c>
    </row>
    <row r="4978" spans="2:42" x14ac:dyDescent="0.3">
      <c r="B4978">
        <v>68.352068980479132</v>
      </c>
      <c r="C4978" s="83">
        <v>43308.333333333336</v>
      </c>
      <c r="D4978">
        <v>275693.04180000001</v>
      </c>
      <c r="E4978">
        <v>29644.639459999999</v>
      </c>
      <c r="F4978">
        <v>95699.207710000002</v>
      </c>
      <c r="G4978">
        <v>36389.150900000001</v>
      </c>
      <c r="H4978">
        <v>47028.178829999997</v>
      </c>
      <c r="I4978">
        <v>36655.020259999998</v>
      </c>
      <c r="J4978">
        <v>48578.230369999997</v>
      </c>
      <c r="K4978">
        <v>62143.532809999997</v>
      </c>
      <c r="L4978">
        <v>25452.26586</v>
      </c>
      <c r="M4978">
        <v>348490.7231</v>
      </c>
      <c r="N4978">
        <v>86222.679000000004</v>
      </c>
      <c r="O4978">
        <v>26097.534090000001</v>
      </c>
      <c r="P4978">
        <v>34654.16433</v>
      </c>
      <c r="Q4978">
        <v>100511.2464</v>
      </c>
      <c r="R4978">
        <v>21829.105680000001</v>
      </c>
      <c r="S4978">
        <v>108703.27589999999</v>
      </c>
      <c r="T4978">
        <v>24809.37069</v>
      </c>
      <c r="U4978">
        <v>28582.649939999999</v>
      </c>
      <c r="W4978" s="83">
        <f>Bühler!N5010</f>
        <v>45499.333333321265</v>
      </c>
      <c r="X4978" s="83">
        <v>43308.333333333336</v>
      </c>
      <c r="Y4978">
        <v>275693.04180000001</v>
      </c>
      <c r="Z4978">
        <v>29644.639459999999</v>
      </c>
      <c r="AA4978">
        <v>95699.207710000002</v>
      </c>
      <c r="AB4978">
        <v>36389.150900000001</v>
      </c>
      <c r="AC4978">
        <v>47028.178829999997</v>
      </c>
      <c r="AD4978">
        <v>36655.020259999998</v>
      </c>
      <c r="AE4978">
        <v>48578.230369999997</v>
      </c>
      <c r="AF4978">
        <v>62143.532809999997</v>
      </c>
      <c r="AG4978">
        <v>25452.26586</v>
      </c>
      <c r="AH4978">
        <v>348490.7231</v>
      </c>
      <c r="AI4978">
        <v>86222.679000000004</v>
      </c>
      <c r="AJ4978">
        <v>26097.534090000001</v>
      </c>
      <c r="AK4978">
        <v>34654.16433</v>
      </c>
      <c r="AL4978">
        <v>100511.2464</v>
      </c>
      <c r="AM4978">
        <v>21829.105680000001</v>
      </c>
      <c r="AN4978">
        <v>108703.27589999999</v>
      </c>
      <c r="AO4978">
        <v>24809.37069</v>
      </c>
      <c r="AP4978">
        <v>28582.649939999999</v>
      </c>
    </row>
    <row r="4979" spans="2:42" x14ac:dyDescent="0.3">
      <c r="B4979">
        <v>68.693941375645608</v>
      </c>
      <c r="C4979" s="83">
        <v>43308.375</v>
      </c>
      <c r="D4979">
        <v>277423.57429999998</v>
      </c>
      <c r="E4979">
        <v>34542.655650000001</v>
      </c>
      <c r="F4979">
        <v>102748.6461</v>
      </c>
      <c r="G4979">
        <v>38872.366929999997</v>
      </c>
      <c r="H4979">
        <v>49818.60183</v>
      </c>
      <c r="I4979">
        <v>36351.892229999998</v>
      </c>
      <c r="J4979">
        <v>52020.640700000004</v>
      </c>
      <c r="K4979">
        <v>65686.306370000006</v>
      </c>
      <c r="L4979">
        <v>29254.292860000001</v>
      </c>
      <c r="M4979">
        <v>350233.74800000002</v>
      </c>
      <c r="N4979">
        <v>90507.233210000006</v>
      </c>
      <c r="O4979">
        <v>27752.475709999999</v>
      </c>
      <c r="P4979">
        <v>38958.73977</v>
      </c>
      <c r="Q4979">
        <v>102874.095</v>
      </c>
      <c r="R4979">
        <v>23234.929840000001</v>
      </c>
      <c r="S4979">
        <v>116317.65730000001</v>
      </c>
      <c r="T4979">
        <v>27135.886979999999</v>
      </c>
      <c r="U4979">
        <v>29724.815129999999</v>
      </c>
      <c r="W4979" s="83">
        <f>Bühler!N5011</f>
        <v>45499.374999987929</v>
      </c>
      <c r="X4979" s="83">
        <v>43308.375</v>
      </c>
      <c r="Y4979">
        <v>277423.57429999998</v>
      </c>
      <c r="Z4979">
        <v>34542.655650000001</v>
      </c>
      <c r="AA4979">
        <v>102748.6461</v>
      </c>
      <c r="AB4979">
        <v>38872.366929999997</v>
      </c>
      <c r="AC4979">
        <v>49818.60183</v>
      </c>
      <c r="AD4979">
        <v>36351.892229999998</v>
      </c>
      <c r="AE4979">
        <v>52020.640700000004</v>
      </c>
      <c r="AF4979">
        <v>65686.306370000006</v>
      </c>
      <c r="AG4979">
        <v>29254.292860000001</v>
      </c>
      <c r="AH4979">
        <v>350233.74800000002</v>
      </c>
      <c r="AI4979">
        <v>90507.233210000006</v>
      </c>
      <c r="AJ4979">
        <v>27752.475709999999</v>
      </c>
      <c r="AK4979">
        <v>38958.73977</v>
      </c>
      <c r="AL4979">
        <v>102874.095</v>
      </c>
      <c r="AM4979">
        <v>23234.929840000001</v>
      </c>
      <c r="AN4979">
        <v>116317.65730000001</v>
      </c>
      <c r="AO4979">
        <v>27135.886979999999</v>
      </c>
      <c r="AP4979">
        <v>29724.815129999999</v>
      </c>
    </row>
    <row r="4980" spans="2:42" x14ac:dyDescent="0.3">
      <c r="B4980">
        <v>69.113032658531353</v>
      </c>
      <c r="C4980" s="83">
        <v>43308.416666666664</v>
      </c>
      <c r="D4980">
        <v>278433.5097</v>
      </c>
      <c r="E4980">
        <v>36647.396699999998</v>
      </c>
      <c r="F4980">
        <v>106049.41680000001</v>
      </c>
      <c r="G4980">
        <v>40263.54135</v>
      </c>
      <c r="H4980">
        <v>51403.225420000002</v>
      </c>
      <c r="I4980">
        <v>35808.490100000003</v>
      </c>
      <c r="J4980">
        <v>53271.245490000001</v>
      </c>
      <c r="K4980">
        <v>68021.227270000003</v>
      </c>
      <c r="L4980">
        <v>33114.396970000002</v>
      </c>
      <c r="M4980">
        <v>352370.47080000001</v>
      </c>
      <c r="N4980">
        <v>93379.96243</v>
      </c>
      <c r="O4980">
        <v>28704.815360000001</v>
      </c>
      <c r="P4980">
        <v>40962.124250000001</v>
      </c>
      <c r="Q4980">
        <v>103949.5684</v>
      </c>
      <c r="R4980">
        <v>24290.983329999999</v>
      </c>
      <c r="S4980">
        <v>120158.8141</v>
      </c>
      <c r="T4980">
        <v>29569.12095</v>
      </c>
      <c r="U4980">
        <v>28317.647099999998</v>
      </c>
      <c r="W4980" s="83">
        <f>Bühler!N5012</f>
        <v>45499.416666654593</v>
      </c>
      <c r="X4980" s="83">
        <v>43308.416666666664</v>
      </c>
      <c r="Y4980">
        <v>278433.5097</v>
      </c>
      <c r="Z4980">
        <v>36647.396699999998</v>
      </c>
      <c r="AA4980">
        <v>106049.41680000001</v>
      </c>
      <c r="AB4980">
        <v>40263.54135</v>
      </c>
      <c r="AC4980">
        <v>51403.225420000002</v>
      </c>
      <c r="AD4980">
        <v>35808.490100000003</v>
      </c>
      <c r="AE4980">
        <v>53271.245490000001</v>
      </c>
      <c r="AF4980">
        <v>68021.227270000003</v>
      </c>
      <c r="AG4980">
        <v>33114.396970000002</v>
      </c>
      <c r="AH4980">
        <v>352370.47080000001</v>
      </c>
      <c r="AI4980">
        <v>93379.96243</v>
      </c>
      <c r="AJ4980">
        <v>28704.815360000001</v>
      </c>
      <c r="AK4980">
        <v>40962.124250000001</v>
      </c>
      <c r="AL4980">
        <v>103949.5684</v>
      </c>
      <c r="AM4980">
        <v>24290.983329999999</v>
      </c>
      <c r="AN4980">
        <v>120158.8141</v>
      </c>
      <c r="AO4980">
        <v>29569.12095</v>
      </c>
      <c r="AP4980">
        <v>28317.647099999998</v>
      </c>
    </row>
    <row r="4981" spans="2:42" x14ac:dyDescent="0.3">
      <c r="B4981">
        <v>70.079525083802508</v>
      </c>
      <c r="C4981" s="83">
        <v>43308.458333333336</v>
      </c>
      <c r="D4981">
        <v>273447.51130000001</v>
      </c>
      <c r="E4981">
        <v>37028.375930000002</v>
      </c>
      <c r="F4981">
        <v>108147.05070000001</v>
      </c>
      <c r="G4981">
        <v>40454.247840000004</v>
      </c>
      <c r="H4981">
        <v>51702.037400000001</v>
      </c>
      <c r="I4981">
        <v>35169.330099999999</v>
      </c>
      <c r="J4981">
        <v>53762.902009999998</v>
      </c>
      <c r="K4981">
        <v>68501.253490000003</v>
      </c>
      <c r="L4981">
        <v>35665.474970000003</v>
      </c>
      <c r="M4981">
        <v>357298.09989999997</v>
      </c>
      <c r="N4981">
        <v>95905.587199999994</v>
      </c>
      <c r="O4981">
        <v>29023.620480000001</v>
      </c>
      <c r="P4981">
        <v>40843.512000000002</v>
      </c>
      <c r="Q4981">
        <v>103558.71219999999</v>
      </c>
      <c r="R4981">
        <v>26910.42381</v>
      </c>
      <c r="S4981">
        <v>122696.4393</v>
      </c>
      <c r="T4981">
        <v>30176.870139999999</v>
      </c>
      <c r="U4981">
        <v>28834.528900000001</v>
      </c>
      <c r="W4981" s="83">
        <f>Bühler!N5013</f>
        <v>45499.458333321258</v>
      </c>
      <c r="X4981" s="83">
        <v>43308.458333333336</v>
      </c>
      <c r="Y4981">
        <v>273447.51130000001</v>
      </c>
      <c r="Z4981">
        <v>37028.375930000002</v>
      </c>
      <c r="AA4981">
        <v>108147.05070000001</v>
      </c>
      <c r="AB4981">
        <v>40454.247840000004</v>
      </c>
      <c r="AC4981">
        <v>51702.037400000001</v>
      </c>
      <c r="AD4981">
        <v>35169.330099999999</v>
      </c>
      <c r="AE4981">
        <v>53762.902009999998</v>
      </c>
      <c r="AF4981">
        <v>68501.253490000003</v>
      </c>
      <c r="AG4981">
        <v>35665.474970000003</v>
      </c>
      <c r="AH4981">
        <v>357298.09989999997</v>
      </c>
      <c r="AI4981">
        <v>95905.587199999994</v>
      </c>
      <c r="AJ4981">
        <v>29023.620480000001</v>
      </c>
      <c r="AK4981">
        <v>40843.512000000002</v>
      </c>
      <c r="AL4981">
        <v>103558.71219999999</v>
      </c>
      <c r="AM4981">
        <v>26910.42381</v>
      </c>
      <c r="AN4981">
        <v>122696.4393</v>
      </c>
      <c r="AO4981">
        <v>30176.870139999999</v>
      </c>
      <c r="AP4981">
        <v>28834.528900000001</v>
      </c>
    </row>
    <row r="4982" spans="2:42" x14ac:dyDescent="0.3">
      <c r="B4982">
        <v>69.237647681439654</v>
      </c>
      <c r="C4982" s="83">
        <v>43308.5</v>
      </c>
      <c r="D4982">
        <v>261641.83600000001</v>
      </c>
      <c r="E4982">
        <v>34480.378360000002</v>
      </c>
      <c r="F4982">
        <v>106865.0751</v>
      </c>
      <c r="G4982">
        <v>39715.217989999997</v>
      </c>
      <c r="H4982">
        <v>49944.435530000002</v>
      </c>
      <c r="I4982">
        <v>33250.356010000003</v>
      </c>
      <c r="J4982">
        <v>54091.045169999998</v>
      </c>
      <c r="K4982">
        <v>63810.334459999998</v>
      </c>
      <c r="L4982">
        <v>38323.018120000001</v>
      </c>
      <c r="M4982">
        <v>353005.81630000001</v>
      </c>
      <c r="N4982">
        <v>93899.09852</v>
      </c>
      <c r="O4982">
        <v>27410.60224</v>
      </c>
      <c r="P4982">
        <v>42485.817739999999</v>
      </c>
      <c r="Q4982">
        <v>103533.7562</v>
      </c>
      <c r="R4982">
        <v>27100.021410000001</v>
      </c>
      <c r="S4982">
        <v>118391.192</v>
      </c>
      <c r="T4982">
        <v>29376.424220000001</v>
      </c>
      <c r="U4982">
        <v>25692.85383</v>
      </c>
      <c r="W4982" s="83">
        <f>Bühler!N5014</f>
        <v>45499.499999987922</v>
      </c>
      <c r="X4982" s="83">
        <v>43308.5</v>
      </c>
      <c r="Y4982">
        <v>261641.83600000001</v>
      </c>
      <c r="Z4982">
        <v>34480.378360000002</v>
      </c>
      <c r="AA4982">
        <v>106865.0751</v>
      </c>
      <c r="AB4982">
        <v>39715.217989999997</v>
      </c>
      <c r="AC4982">
        <v>49944.435530000002</v>
      </c>
      <c r="AD4982">
        <v>33250.356010000003</v>
      </c>
      <c r="AE4982">
        <v>54091.045169999998</v>
      </c>
      <c r="AF4982">
        <v>63810.334459999998</v>
      </c>
      <c r="AG4982">
        <v>38323.018120000001</v>
      </c>
      <c r="AH4982">
        <v>353005.81630000001</v>
      </c>
      <c r="AI4982">
        <v>93899.09852</v>
      </c>
      <c r="AJ4982">
        <v>27410.60224</v>
      </c>
      <c r="AK4982">
        <v>42485.817739999999</v>
      </c>
      <c r="AL4982">
        <v>103533.7562</v>
      </c>
      <c r="AM4982">
        <v>27100.021410000001</v>
      </c>
      <c r="AN4982">
        <v>118391.192</v>
      </c>
      <c r="AO4982">
        <v>29376.424220000001</v>
      </c>
      <c r="AP4982">
        <v>25692.85383</v>
      </c>
    </row>
    <row r="4983" spans="2:42" x14ac:dyDescent="0.3">
      <c r="B4983">
        <v>68.316273176847332</v>
      </c>
      <c r="C4983" s="83">
        <v>43308.541666666664</v>
      </c>
      <c r="D4983">
        <v>259290.3842</v>
      </c>
      <c r="E4983">
        <v>34643.117120000003</v>
      </c>
      <c r="F4983">
        <v>106808.2957</v>
      </c>
      <c r="G4983">
        <v>39482.706570000002</v>
      </c>
      <c r="H4983">
        <v>49593.057430000001</v>
      </c>
      <c r="I4983">
        <v>33118.414389999998</v>
      </c>
      <c r="J4983">
        <v>53952.07993</v>
      </c>
      <c r="K4983">
        <v>64522.292889999997</v>
      </c>
      <c r="L4983">
        <v>37630.650049999997</v>
      </c>
      <c r="M4983">
        <v>348308.2194</v>
      </c>
      <c r="N4983">
        <v>95677.592720000001</v>
      </c>
      <c r="O4983">
        <v>27107.84548</v>
      </c>
      <c r="P4983">
        <v>41753.671770000001</v>
      </c>
      <c r="Q4983">
        <v>101767.0321</v>
      </c>
      <c r="R4983">
        <v>26614.063440000002</v>
      </c>
      <c r="S4983">
        <v>119402.36659999999</v>
      </c>
      <c r="T4983">
        <v>29570.094489999999</v>
      </c>
      <c r="U4983">
        <v>26263.363860000001</v>
      </c>
      <c r="W4983" s="83">
        <f>Bühler!N5015</f>
        <v>45499.541666654586</v>
      </c>
      <c r="X4983" s="83">
        <v>43308.541666666664</v>
      </c>
      <c r="Y4983">
        <v>259290.3842</v>
      </c>
      <c r="Z4983">
        <v>34643.117120000003</v>
      </c>
      <c r="AA4983">
        <v>106808.2957</v>
      </c>
      <c r="AB4983">
        <v>39482.706570000002</v>
      </c>
      <c r="AC4983">
        <v>49593.057430000001</v>
      </c>
      <c r="AD4983">
        <v>33118.414389999998</v>
      </c>
      <c r="AE4983">
        <v>53952.07993</v>
      </c>
      <c r="AF4983">
        <v>64522.292889999997</v>
      </c>
      <c r="AG4983">
        <v>37630.650049999997</v>
      </c>
      <c r="AH4983">
        <v>348308.2194</v>
      </c>
      <c r="AI4983">
        <v>95677.592720000001</v>
      </c>
      <c r="AJ4983">
        <v>27107.84548</v>
      </c>
      <c r="AK4983">
        <v>41753.671770000001</v>
      </c>
      <c r="AL4983">
        <v>101767.0321</v>
      </c>
      <c r="AM4983">
        <v>26614.063440000002</v>
      </c>
      <c r="AN4983">
        <v>119402.36659999999</v>
      </c>
      <c r="AO4983">
        <v>29570.094489999999</v>
      </c>
      <c r="AP4983">
        <v>26263.363860000001</v>
      </c>
    </row>
    <row r="4984" spans="2:42" x14ac:dyDescent="0.3">
      <c r="B4984">
        <v>67.72156790733348</v>
      </c>
      <c r="C4984" s="83">
        <v>43308.583333333336</v>
      </c>
      <c r="D4984">
        <v>260596.74950000001</v>
      </c>
      <c r="E4984">
        <v>37156.748099999997</v>
      </c>
      <c r="F4984">
        <v>108392.1997</v>
      </c>
      <c r="G4984">
        <v>39600.105499999998</v>
      </c>
      <c r="H4984">
        <v>50136.249109999997</v>
      </c>
      <c r="I4984">
        <v>34272.493139999999</v>
      </c>
      <c r="J4984">
        <v>53719.026519999999</v>
      </c>
      <c r="K4984">
        <v>66672.902369999996</v>
      </c>
      <c r="L4984">
        <v>34915.079769999997</v>
      </c>
      <c r="M4984">
        <v>345276.13459999999</v>
      </c>
      <c r="N4984">
        <v>95137.258759999997</v>
      </c>
      <c r="O4984">
        <v>26934.78512</v>
      </c>
      <c r="P4984">
        <v>37910.988940000003</v>
      </c>
      <c r="Q4984">
        <v>100747.50049999999</v>
      </c>
      <c r="R4984">
        <v>26727.569579999999</v>
      </c>
      <c r="S4984">
        <v>117103.1924</v>
      </c>
      <c r="T4984">
        <v>29653.294969999999</v>
      </c>
      <c r="U4984">
        <v>27393.662420000001</v>
      </c>
      <c r="W4984" s="83">
        <f>Bühler!N5016</f>
        <v>45499.58333332125</v>
      </c>
      <c r="X4984" s="83">
        <v>43308.583333333336</v>
      </c>
      <c r="Y4984">
        <v>260596.74950000001</v>
      </c>
      <c r="Z4984">
        <v>37156.748099999997</v>
      </c>
      <c r="AA4984">
        <v>108392.1997</v>
      </c>
      <c r="AB4984">
        <v>39600.105499999998</v>
      </c>
      <c r="AC4984">
        <v>50136.249109999997</v>
      </c>
      <c r="AD4984">
        <v>34272.493139999999</v>
      </c>
      <c r="AE4984">
        <v>53719.026519999999</v>
      </c>
      <c r="AF4984">
        <v>66672.902369999996</v>
      </c>
      <c r="AG4984">
        <v>34915.079769999997</v>
      </c>
      <c r="AH4984">
        <v>345276.13459999999</v>
      </c>
      <c r="AI4984">
        <v>95137.258759999997</v>
      </c>
      <c r="AJ4984">
        <v>26934.78512</v>
      </c>
      <c r="AK4984">
        <v>37910.988940000003</v>
      </c>
      <c r="AL4984">
        <v>100747.50049999999</v>
      </c>
      <c r="AM4984">
        <v>26727.569579999999</v>
      </c>
      <c r="AN4984">
        <v>117103.1924</v>
      </c>
      <c r="AO4984">
        <v>29653.294969999999</v>
      </c>
      <c r="AP4984">
        <v>27393.662420000001</v>
      </c>
    </row>
    <row r="4985" spans="2:42" x14ac:dyDescent="0.3">
      <c r="B4985">
        <v>67.644485178206494</v>
      </c>
      <c r="C4985" s="83">
        <v>43308.625</v>
      </c>
      <c r="D4985">
        <v>257024.845</v>
      </c>
      <c r="E4985">
        <v>37464.77306</v>
      </c>
      <c r="F4985">
        <v>110728.2133</v>
      </c>
      <c r="G4985">
        <v>38696.610220000002</v>
      </c>
      <c r="H4985">
        <v>49037.52233</v>
      </c>
      <c r="I4985">
        <v>34530.067369999997</v>
      </c>
      <c r="J4985">
        <v>53452.876020000003</v>
      </c>
      <c r="K4985">
        <v>64456.848850000002</v>
      </c>
      <c r="L4985">
        <v>32606.753710000001</v>
      </c>
      <c r="M4985">
        <v>344883.13089999999</v>
      </c>
      <c r="N4985">
        <v>93607.524669999999</v>
      </c>
      <c r="O4985">
        <v>26933.116910000001</v>
      </c>
      <c r="P4985">
        <v>35028.420910000001</v>
      </c>
      <c r="Q4985">
        <v>98565.611999999994</v>
      </c>
      <c r="R4985">
        <v>26749.389019999999</v>
      </c>
      <c r="S4985">
        <v>115005.47199999999</v>
      </c>
      <c r="T4985">
        <v>29522.441429999999</v>
      </c>
      <c r="U4985">
        <v>25715.297790000001</v>
      </c>
      <c r="W4985" s="83">
        <f>Bühler!N5017</f>
        <v>45499.624999987915</v>
      </c>
      <c r="X4985" s="83">
        <v>43308.625</v>
      </c>
      <c r="Y4985">
        <v>257024.845</v>
      </c>
      <c r="Z4985">
        <v>37464.77306</v>
      </c>
      <c r="AA4985">
        <v>110728.2133</v>
      </c>
      <c r="AB4985">
        <v>38696.610220000002</v>
      </c>
      <c r="AC4985">
        <v>49037.52233</v>
      </c>
      <c r="AD4985">
        <v>34530.067369999997</v>
      </c>
      <c r="AE4985">
        <v>53452.876020000003</v>
      </c>
      <c r="AF4985">
        <v>64456.848850000002</v>
      </c>
      <c r="AG4985">
        <v>32606.753710000001</v>
      </c>
      <c r="AH4985">
        <v>344883.13089999999</v>
      </c>
      <c r="AI4985">
        <v>93607.524669999999</v>
      </c>
      <c r="AJ4985">
        <v>26933.116910000001</v>
      </c>
      <c r="AK4985">
        <v>35028.420910000001</v>
      </c>
      <c r="AL4985">
        <v>98565.611999999994</v>
      </c>
      <c r="AM4985">
        <v>26749.389019999999</v>
      </c>
      <c r="AN4985">
        <v>115005.47199999999</v>
      </c>
      <c r="AO4985">
        <v>29522.441429999999</v>
      </c>
      <c r="AP4985">
        <v>25715.297790000001</v>
      </c>
    </row>
    <row r="4986" spans="2:42" x14ac:dyDescent="0.3">
      <c r="B4986">
        <v>66.773183476468461</v>
      </c>
      <c r="C4986" s="83">
        <v>43308.666666666664</v>
      </c>
      <c r="D4986">
        <v>247276.76389999999</v>
      </c>
      <c r="E4986">
        <v>36161.641589999999</v>
      </c>
      <c r="F4986">
        <v>108897.9506</v>
      </c>
      <c r="G4986">
        <v>37033.985390000002</v>
      </c>
      <c r="H4986">
        <v>47532.975469999998</v>
      </c>
      <c r="I4986">
        <v>35085.123460000003</v>
      </c>
      <c r="J4986">
        <v>52162.182639999999</v>
      </c>
      <c r="K4986">
        <v>60612.555670000002</v>
      </c>
      <c r="L4986">
        <v>31630.029930000001</v>
      </c>
      <c r="M4986">
        <v>340440.8285</v>
      </c>
      <c r="N4986">
        <v>91752.148300000001</v>
      </c>
      <c r="O4986">
        <v>26006.344290000001</v>
      </c>
      <c r="P4986">
        <v>34368.367100000003</v>
      </c>
      <c r="Q4986">
        <v>96296.267829999997</v>
      </c>
      <c r="R4986">
        <v>26030.07963</v>
      </c>
      <c r="S4986">
        <v>111429.6342</v>
      </c>
      <c r="T4986">
        <v>28677.113600000001</v>
      </c>
      <c r="U4986">
        <v>24192.23719</v>
      </c>
      <c r="W4986" s="83">
        <f>Bühler!N5018</f>
        <v>45499.666666654579</v>
      </c>
      <c r="X4986" s="83">
        <v>43308.666666666664</v>
      </c>
      <c r="Y4986">
        <v>247276.76389999999</v>
      </c>
      <c r="Z4986">
        <v>36161.641589999999</v>
      </c>
      <c r="AA4986">
        <v>108897.9506</v>
      </c>
      <c r="AB4986">
        <v>37033.985390000002</v>
      </c>
      <c r="AC4986">
        <v>47532.975469999998</v>
      </c>
      <c r="AD4986">
        <v>35085.123460000003</v>
      </c>
      <c r="AE4986">
        <v>52162.182639999999</v>
      </c>
      <c r="AF4986">
        <v>60612.555670000002</v>
      </c>
      <c r="AG4986">
        <v>31630.029930000001</v>
      </c>
      <c r="AH4986">
        <v>340440.8285</v>
      </c>
      <c r="AI4986">
        <v>91752.148300000001</v>
      </c>
      <c r="AJ4986">
        <v>26006.344290000001</v>
      </c>
      <c r="AK4986">
        <v>34368.367100000003</v>
      </c>
      <c r="AL4986">
        <v>96296.267829999997</v>
      </c>
      <c r="AM4986">
        <v>26030.07963</v>
      </c>
      <c r="AN4986">
        <v>111429.6342</v>
      </c>
      <c r="AO4986">
        <v>28677.113600000001</v>
      </c>
      <c r="AP4986">
        <v>24192.23719</v>
      </c>
    </row>
    <row r="4987" spans="2:42" x14ac:dyDescent="0.3">
      <c r="B4987">
        <v>65.070221111384043</v>
      </c>
      <c r="C4987" s="83">
        <v>43308.708333333336</v>
      </c>
      <c r="D4987">
        <v>237439.32130000001</v>
      </c>
      <c r="E4987">
        <v>33853.913419999997</v>
      </c>
      <c r="F4987">
        <v>106768.58809999999</v>
      </c>
      <c r="G4987">
        <v>35084.964540000001</v>
      </c>
      <c r="H4987">
        <v>45634.753640000003</v>
      </c>
      <c r="I4987">
        <v>35372.0412</v>
      </c>
      <c r="J4987">
        <v>52302.153870000002</v>
      </c>
      <c r="K4987">
        <v>56390.69296</v>
      </c>
      <c r="L4987">
        <v>31970.00533</v>
      </c>
      <c r="M4987">
        <v>331758.3322</v>
      </c>
      <c r="N4987">
        <v>87369.320730000007</v>
      </c>
      <c r="O4987">
        <v>24460.007160000001</v>
      </c>
      <c r="P4987">
        <v>36219.408320000002</v>
      </c>
      <c r="Q4987">
        <v>94089.937340000004</v>
      </c>
      <c r="R4987">
        <v>26592.792890000001</v>
      </c>
      <c r="S4987">
        <v>107712.85279999999</v>
      </c>
      <c r="T4987">
        <v>28342.805110000001</v>
      </c>
      <c r="U4987">
        <v>22307.347870000001</v>
      </c>
      <c r="W4987" s="83">
        <f>Bühler!N5019</f>
        <v>45499.708333321243</v>
      </c>
      <c r="X4987" s="83">
        <v>43308.708333333336</v>
      </c>
      <c r="Y4987">
        <v>237439.32130000001</v>
      </c>
      <c r="Z4987">
        <v>33853.913419999997</v>
      </c>
      <c r="AA4987">
        <v>106768.58809999999</v>
      </c>
      <c r="AB4987">
        <v>35084.964540000001</v>
      </c>
      <c r="AC4987">
        <v>45634.753640000003</v>
      </c>
      <c r="AD4987">
        <v>35372.0412</v>
      </c>
      <c r="AE4987">
        <v>52302.153870000002</v>
      </c>
      <c r="AF4987">
        <v>56390.69296</v>
      </c>
      <c r="AG4987">
        <v>31970.00533</v>
      </c>
      <c r="AH4987">
        <v>331758.3322</v>
      </c>
      <c r="AI4987">
        <v>87369.320730000007</v>
      </c>
      <c r="AJ4987">
        <v>24460.007160000001</v>
      </c>
      <c r="AK4987">
        <v>36219.408320000002</v>
      </c>
      <c r="AL4987">
        <v>94089.937340000004</v>
      </c>
      <c r="AM4987">
        <v>26592.792890000001</v>
      </c>
      <c r="AN4987">
        <v>107712.85279999999</v>
      </c>
      <c r="AO4987">
        <v>28342.805110000001</v>
      </c>
      <c r="AP4987">
        <v>22307.347870000001</v>
      </c>
    </row>
    <row r="4988" spans="2:42" x14ac:dyDescent="0.3">
      <c r="B4988">
        <v>62.640911164179556</v>
      </c>
      <c r="C4988" s="83">
        <v>43308.75</v>
      </c>
      <c r="D4988">
        <v>228764.22380000001</v>
      </c>
      <c r="E4988">
        <v>30856.54277</v>
      </c>
      <c r="F4988">
        <v>104786.6027</v>
      </c>
      <c r="G4988">
        <v>33019.11204</v>
      </c>
      <c r="H4988">
        <v>43410.395689999998</v>
      </c>
      <c r="I4988">
        <v>34697.990239999999</v>
      </c>
      <c r="J4988">
        <v>53122.179830000001</v>
      </c>
      <c r="K4988">
        <v>55335.529320000001</v>
      </c>
      <c r="L4988">
        <v>31975.859369999998</v>
      </c>
      <c r="M4988">
        <v>319372.5772</v>
      </c>
      <c r="N4988">
        <v>85386.344870000001</v>
      </c>
      <c r="O4988">
        <v>22004.773359999999</v>
      </c>
      <c r="P4988">
        <v>39764.732830000001</v>
      </c>
      <c r="Q4988">
        <v>91544.269320000007</v>
      </c>
      <c r="R4988">
        <v>25584.73302</v>
      </c>
      <c r="S4988">
        <v>100509.80100000001</v>
      </c>
      <c r="T4988">
        <v>28354.124179999999</v>
      </c>
      <c r="U4988">
        <v>20786.546180000001</v>
      </c>
      <c r="W4988" s="83">
        <f>Bühler!N5020</f>
        <v>45499.749999987907</v>
      </c>
      <c r="X4988" s="83">
        <v>43308.75</v>
      </c>
      <c r="Y4988">
        <v>228764.22380000001</v>
      </c>
      <c r="Z4988">
        <v>30856.54277</v>
      </c>
      <c r="AA4988">
        <v>104786.6027</v>
      </c>
      <c r="AB4988">
        <v>33019.11204</v>
      </c>
      <c r="AC4988">
        <v>43410.395689999998</v>
      </c>
      <c r="AD4988">
        <v>34697.990239999999</v>
      </c>
      <c r="AE4988">
        <v>53122.179830000001</v>
      </c>
      <c r="AF4988">
        <v>55335.529320000001</v>
      </c>
      <c r="AG4988">
        <v>31975.859369999998</v>
      </c>
      <c r="AH4988">
        <v>319372.5772</v>
      </c>
      <c r="AI4988">
        <v>85386.344870000001</v>
      </c>
      <c r="AJ4988">
        <v>22004.773359999999</v>
      </c>
      <c r="AK4988">
        <v>39764.732830000001</v>
      </c>
      <c r="AL4988">
        <v>91544.269320000007</v>
      </c>
      <c r="AM4988">
        <v>25584.73302</v>
      </c>
      <c r="AN4988">
        <v>100509.80100000001</v>
      </c>
      <c r="AO4988">
        <v>28354.124179999999</v>
      </c>
      <c r="AP4988">
        <v>20786.546180000001</v>
      </c>
    </row>
    <row r="4989" spans="2:42" x14ac:dyDescent="0.3">
      <c r="B4989">
        <v>60.762133810845917</v>
      </c>
      <c r="C4989" s="83">
        <v>43308.791666666664</v>
      </c>
      <c r="D4989">
        <v>218658.4094</v>
      </c>
      <c r="E4989">
        <v>24936.759539999999</v>
      </c>
      <c r="F4989">
        <v>92626.362599999993</v>
      </c>
      <c r="G4989">
        <v>31467.841520000002</v>
      </c>
      <c r="H4989">
        <v>40846.524160000001</v>
      </c>
      <c r="I4989">
        <v>32644.75145</v>
      </c>
      <c r="J4989">
        <v>52605.890299999999</v>
      </c>
      <c r="K4989">
        <v>54282.894359999998</v>
      </c>
      <c r="L4989">
        <v>31891.458360000001</v>
      </c>
      <c r="M4989">
        <v>309793.69410000002</v>
      </c>
      <c r="N4989">
        <v>82031.72696</v>
      </c>
      <c r="O4989">
        <v>20279.583999999999</v>
      </c>
      <c r="P4989">
        <v>42055.822650000002</v>
      </c>
      <c r="Q4989">
        <v>87865.318840000007</v>
      </c>
      <c r="R4989">
        <v>23526.020039999999</v>
      </c>
      <c r="S4989">
        <v>95672.148090000002</v>
      </c>
      <c r="T4989">
        <v>27228.98688</v>
      </c>
      <c r="U4989">
        <v>19637.854589999999</v>
      </c>
      <c r="W4989" s="83">
        <f>Bühler!N5021</f>
        <v>45499.791666654572</v>
      </c>
      <c r="X4989" s="83">
        <v>43308.791666666664</v>
      </c>
      <c r="Y4989">
        <v>218658.4094</v>
      </c>
      <c r="Z4989">
        <v>24936.759539999999</v>
      </c>
      <c r="AA4989">
        <v>92626.362599999993</v>
      </c>
      <c r="AB4989">
        <v>31467.841520000002</v>
      </c>
      <c r="AC4989">
        <v>40846.524160000001</v>
      </c>
      <c r="AD4989">
        <v>32644.75145</v>
      </c>
      <c r="AE4989">
        <v>52605.890299999999</v>
      </c>
      <c r="AF4989">
        <v>54282.894359999998</v>
      </c>
      <c r="AG4989">
        <v>31891.458360000001</v>
      </c>
      <c r="AH4989">
        <v>309793.69410000002</v>
      </c>
      <c r="AI4989">
        <v>82031.72696</v>
      </c>
      <c r="AJ4989">
        <v>20279.583999999999</v>
      </c>
      <c r="AK4989">
        <v>42055.822650000002</v>
      </c>
      <c r="AL4989">
        <v>87865.318840000007</v>
      </c>
      <c r="AM4989">
        <v>23526.020039999999</v>
      </c>
      <c r="AN4989">
        <v>95672.148090000002</v>
      </c>
      <c r="AO4989">
        <v>27228.98688</v>
      </c>
      <c r="AP4989">
        <v>19637.854589999999</v>
      </c>
    </row>
    <row r="4990" spans="2:42" x14ac:dyDescent="0.3">
      <c r="B4990">
        <v>58.745033135811269</v>
      </c>
      <c r="C4990" s="83">
        <v>43308.833333333336</v>
      </c>
      <c r="D4990">
        <v>209811.94320000001</v>
      </c>
      <c r="E4990">
        <v>18457.834780000001</v>
      </c>
      <c r="F4990">
        <v>74673.555389999994</v>
      </c>
      <c r="G4990">
        <v>30095.9123</v>
      </c>
      <c r="H4990">
        <v>38320.513619999998</v>
      </c>
      <c r="I4990">
        <v>29730.18231</v>
      </c>
      <c r="J4990">
        <v>51569.660510000002</v>
      </c>
      <c r="K4990">
        <v>54339.338470000002</v>
      </c>
      <c r="L4990">
        <v>33175.634460000001</v>
      </c>
      <c r="M4990">
        <v>299509.57419999997</v>
      </c>
      <c r="N4990">
        <v>79129.766229999994</v>
      </c>
      <c r="O4990">
        <v>19275.912929999999</v>
      </c>
      <c r="P4990">
        <v>42118.974289999998</v>
      </c>
      <c r="Q4990">
        <v>83228.357680000001</v>
      </c>
      <c r="R4990">
        <v>21620.671330000001</v>
      </c>
      <c r="S4990">
        <v>88318.812269999995</v>
      </c>
      <c r="T4990">
        <v>25022.94483</v>
      </c>
      <c r="U4990">
        <v>18794.375319999999</v>
      </c>
      <c r="W4990" s="83">
        <f>Bühler!N5022</f>
        <v>45499.833333321236</v>
      </c>
      <c r="X4990" s="83">
        <v>43308.833333333336</v>
      </c>
      <c r="Y4990">
        <v>209811.94320000001</v>
      </c>
      <c r="Z4990">
        <v>18457.834780000001</v>
      </c>
      <c r="AA4990">
        <v>74673.555389999994</v>
      </c>
      <c r="AB4990">
        <v>30095.9123</v>
      </c>
      <c r="AC4990">
        <v>38320.513619999998</v>
      </c>
      <c r="AD4990">
        <v>29730.18231</v>
      </c>
      <c r="AE4990">
        <v>51569.660510000002</v>
      </c>
      <c r="AF4990">
        <v>54339.338470000002</v>
      </c>
      <c r="AG4990">
        <v>33175.634460000001</v>
      </c>
      <c r="AH4990">
        <v>299509.57419999997</v>
      </c>
      <c r="AI4990">
        <v>79129.766229999994</v>
      </c>
      <c r="AJ4990">
        <v>19275.912929999999</v>
      </c>
      <c r="AK4990">
        <v>42118.974289999998</v>
      </c>
      <c r="AL4990">
        <v>83228.357680000001</v>
      </c>
      <c r="AM4990">
        <v>21620.671330000001</v>
      </c>
      <c r="AN4990">
        <v>88318.812269999995</v>
      </c>
      <c r="AO4990">
        <v>25022.94483</v>
      </c>
      <c r="AP4990">
        <v>18794.375319999999</v>
      </c>
    </row>
    <row r="4991" spans="2:42" x14ac:dyDescent="0.3">
      <c r="B4991">
        <v>57.034271013440488</v>
      </c>
      <c r="C4991" s="83">
        <v>43308.875</v>
      </c>
      <c r="D4991">
        <v>204686.101</v>
      </c>
      <c r="E4991">
        <v>15832.877699999999</v>
      </c>
      <c r="F4991">
        <v>64740.502439999997</v>
      </c>
      <c r="G4991">
        <v>29459.0599</v>
      </c>
      <c r="H4991">
        <v>36593.971400000002</v>
      </c>
      <c r="I4991">
        <v>27865.02477</v>
      </c>
      <c r="J4991">
        <v>50693.464160000003</v>
      </c>
      <c r="K4991">
        <v>54309.92974</v>
      </c>
      <c r="L4991">
        <v>32283.489560000002</v>
      </c>
      <c r="M4991">
        <v>290787.31109999999</v>
      </c>
      <c r="N4991">
        <v>77630.32703</v>
      </c>
      <c r="O4991">
        <v>18575.559539999998</v>
      </c>
      <c r="P4991">
        <v>40519.134550000002</v>
      </c>
      <c r="Q4991">
        <v>79993.087969999993</v>
      </c>
      <c r="R4991">
        <v>20618.833050000001</v>
      </c>
      <c r="S4991">
        <v>84034.318339999998</v>
      </c>
      <c r="T4991">
        <v>23866.271479999999</v>
      </c>
      <c r="U4991">
        <v>18183.731489999998</v>
      </c>
      <c r="W4991" s="83">
        <f>Bühler!N5023</f>
        <v>45499.8749999879</v>
      </c>
      <c r="X4991" s="83">
        <v>43308.875</v>
      </c>
      <c r="Y4991">
        <v>204686.101</v>
      </c>
      <c r="Z4991">
        <v>15832.877699999999</v>
      </c>
      <c r="AA4991">
        <v>64740.502439999997</v>
      </c>
      <c r="AB4991">
        <v>29459.0599</v>
      </c>
      <c r="AC4991">
        <v>36593.971400000002</v>
      </c>
      <c r="AD4991">
        <v>27865.02477</v>
      </c>
      <c r="AE4991">
        <v>50693.464160000003</v>
      </c>
      <c r="AF4991">
        <v>54309.92974</v>
      </c>
      <c r="AG4991">
        <v>32283.489560000002</v>
      </c>
      <c r="AH4991">
        <v>290787.31109999999</v>
      </c>
      <c r="AI4991">
        <v>77630.32703</v>
      </c>
      <c r="AJ4991">
        <v>18575.559539999998</v>
      </c>
      <c r="AK4991">
        <v>40519.134550000002</v>
      </c>
      <c r="AL4991">
        <v>79993.087969999993</v>
      </c>
      <c r="AM4991">
        <v>20618.833050000001</v>
      </c>
      <c r="AN4991">
        <v>84034.318339999998</v>
      </c>
      <c r="AO4991">
        <v>23866.271479999999</v>
      </c>
      <c r="AP4991">
        <v>18183.731489999998</v>
      </c>
    </row>
    <row r="4992" spans="2:42" x14ac:dyDescent="0.3">
      <c r="B4992">
        <v>56.634143060606441</v>
      </c>
      <c r="C4992" s="83">
        <v>43308.916666666664</v>
      </c>
      <c r="D4992">
        <v>202956.3322</v>
      </c>
      <c r="E4992">
        <v>14996.4347</v>
      </c>
      <c r="F4992">
        <v>61945.719689999998</v>
      </c>
      <c r="G4992">
        <v>29877.147629999999</v>
      </c>
      <c r="H4992">
        <v>37470.358319999999</v>
      </c>
      <c r="I4992">
        <v>26881.963319999999</v>
      </c>
      <c r="J4992">
        <v>49457.025410000002</v>
      </c>
      <c r="K4992">
        <v>56739.886619999997</v>
      </c>
      <c r="L4992">
        <v>29243.577099999999</v>
      </c>
      <c r="M4992">
        <v>288747.27220000001</v>
      </c>
      <c r="N4992">
        <v>76949.603929999997</v>
      </c>
      <c r="O4992">
        <v>19183.770619999999</v>
      </c>
      <c r="P4992">
        <v>42760.051599999999</v>
      </c>
      <c r="Q4992">
        <v>78501.111229999995</v>
      </c>
      <c r="R4992">
        <v>21583.237430000001</v>
      </c>
      <c r="S4992">
        <v>83136.938519999996</v>
      </c>
      <c r="T4992">
        <v>21499.295470000001</v>
      </c>
      <c r="U4992">
        <v>18793.7294</v>
      </c>
      <c r="W4992" s="83">
        <f>Bühler!N5024</f>
        <v>45499.916666654564</v>
      </c>
      <c r="X4992" s="83">
        <v>43308.916666666664</v>
      </c>
      <c r="Y4992">
        <v>202956.3322</v>
      </c>
      <c r="Z4992">
        <v>14996.4347</v>
      </c>
      <c r="AA4992">
        <v>61945.719689999998</v>
      </c>
      <c r="AB4992">
        <v>29877.147629999999</v>
      </c>
      <c r="AC4992">
        <v>37470.358319999999</v>
      </c>
      <c r="AD4992">
        <v>26881.963319999999</v>
      </c>
      <c r="AE4992">
        <v>49457.025410000002</v>
      </c>
      <c r="AF4992">
        <v>56739.886619999997</v>
      </c>
      <c r="AG4992">
        <v>29243.577099999999</v>
      </c>
      <c r="AH4992">
        <v>288747.27220000001</v>
      </c>
      <c r="AI4992">
        <v>76949.603929999997</v>
      </c>
      <c r="AJ4992">
        <v>19183.770619999999</v>
      </c>
      <c r="AK4992">
        <v>42760.051599999999</v>
      </c>
      <c r="AL4992">
        <v>78501.111229999995</v>
      </c>
      <c r="AM4992">
        <v>21583.237430000001</v>
      </c>
      <c r="AN4992">
        <v>83136.938519999996</v>
      </c>
      <c r="AO4992">
        <v>21499.295470000001</v>
      </c>
      <c r="AP4992">
        <v>18793.7294</v>
      </c>
    </row>
    <row r="4993" spans="2:42" x14ac:dyDescent="0.3">
      <c r="B4993">
        <v>55.665432321191098</v>
      </c>
      <c r="C4993" s="83">
        <v>43308.958333333336</v>
      </c>
      <c r="D4993">
        <v>200782.96359999999</v>
      </c>
      <c r="E4993">
        <v>14209.004569999999</v>
      </c>
      <c r="F4993">
        <v>60102.918680000002</v>
      </c>
      <c r="G4993">
        <v>29872.651689999999</v>
      </c>
      <c r="H4993">
        <v>36408.897949999999</v>
      </c>
      <c r="I4993">
        <v>25952.142329999999</v>
      </c>
      <c r="J4993">
        <v>43815.285049999999</v>
      </c>
      <c r="K4993">
        <v>55621.862739999997</v>
      </c>
      <c r="L4993">
        <v>23939.441770000001</v>
      </c>
      <c r="M4993">
        <v>283808.33309999999</v>
      </c>
      <c r="N4993">
        <v>76191.750260000001</v>
      </c>
      <c r="O4993">
        <v>18659.724399999999</v>
      </c>
      <c r="P4993">
        <v>36591.551390000001</v>
      </c>
      <c r="Q4993">
        <v>76565.06783</v>
      </c>
      <c r="R4993">
        <v>21735.11274</v>
      </c>
      <c r="S4993">
        <v>80938.11735</v>
      </c>
      <c r="T4993">
        <v>20067.822619999999</v>
      </c>
      <c r="U4993">
        <v>18183.613600000001</v>
      </c>
      <c r="W4993" s="83">
        <f>Bühler!N5025</f>
        <v>45499.958333321229</v>
      </c>
      <c r="X4993" s="83">
        <v>43308.958333333336</v>
      </c>
      <c r="Y4993">
        <v>200782.96359999999</v>
      </c>
      <c r="Z4993">
        <v>14209.004569999999</v>
      </c>
      <c r="AA4993">
        <v>60102.918680000002</v>
      </c>
      <c r="AB4993">
        <v>29872.651689999999</v>
      </c>
      <c r="AC4993">
        <v>36408.897949999999</v>
      </c>
      <c r="AD4993">
        <v>25952.142329999999</v>
      </c>
      <c r="AE4993">
        <v>43815.285049999999</v>
      </c>
      <c r="AF4993">
        <v>55621.862739999997</v>
      </c>
      <c r="AG4993">
        <v>23939.441770000001</v>
      </c>
      <c r="AH4993">
        <v>283808.33309999999</v>
      </c>
      <c r="AI4993">
        <v>76191.750260000001</v>
      </c>
      <c r="AJ4993">
        <v>18659.724399999999</v>
      </c>
      <c r="AK4993">
        <v>36591.551390000001</v>
      </c>
      <c r="AL4993">
        <v>76565.06783</v>
      </c>
      <c r="AM4993">
        <v>21735.11274</v>
      </c>
      <c r="AN4993">
        <v>80938.11735</v>
      </c>
      <c r="AO4993">
        <v>20067.822619999999</v>
      </c>
      <c r="AP4993">
        <v>18183.613600000001</v>
      </c>
    </row>
    <row r="4994" spans="2:42" x14ac:dyDescent="0.3">
      <c r="B4994">
        <v>54.70995238403583</v>
      </c>
      <c r="C4994" s="83">
        <v>43309</v>
      </c>
      <c r="D4994">
        <v>197757.27480000001</v>
      </c>
      <c r="E4994">
        <v>13748.436519999999</v>
      </c>
      <c r="F4994">
        <v>57994.822</v>
      </c>
      <c r="G4994">
        <v>29732.859390000001</v>
      </c>
      <c r="H4994">
        <v>35723.398679999998</v>
      </c>
      <c r="I4994">
        <v>24280.293180000001</v>
      </c>
      <c r="J4994">
        <v>40065.520279999997</v>
      </c>
      <c r="K4994">
        <v>53417.746059999998</v>
      </c>
      <c r="L4994">
        <v>20157.2107</v>
      </c>
      <c r="M4994">
        <v>278936.85080000001</v>
      </c>
      <c r="N4994">
        <v>73167.21557</v>
      </c>
      <c r="O4994">
        <v>17998.60615</v>
      </c>
      <c r="P4994">
        <v>32687.30761</v>
      </c>
      <c r="Q4994">
        <v>74347.163719999997</v>
      </c>
      <c r="R4994">
        <v>17903.354960000001</v>
      </c>
      <c r="S4994">
        <v>78661.457469999994</v>
      </c>
      <c r="T4994">
        <v>18699.025699999998</v>
      </c>
      <c r="U4994">
        <v>17804.282869999999</v>
      </c>
      <c r="W4994" s="83">
        <f>Bühler!N5026</f>
        <v>45499.999999987893</v>
      </c>
      <c r="X4994" s="83">
        <v>43309</v>
      </c>
      <c r="Y4994">
        <v>197757.27480000001</v>
      </c>
      <c r="Z4994">
        <v>13748.436519999999</v>
      </c>
      <c r="AA4994">
        <v>57994.822</v>
      </c>
      <c r="AB4994">
        <v>29732.859390000001</v>
      </c>
      <c r="AC4994">
        <v>35723.398679999998</v>
      </c>
      <c r="AD4994">
        <v>24280.293180000001</v>
      </c>
      <c r="AE4994">
        <v>40065.520279999997</v>
      </c>
      <c r="AF4994">
        <v>53417.746059999998</v>
      </c>
      <c r="AG4994">
        <v>20157.2107</v>
      </c>
      <c r="AH4994">
        <v>278936.85080000001</v>
      </c>
      <c r="AI4994">
        <v>73167.21557</v>
      </c>
      <c r="AJ4994">
        <v>17998.60615</v>
      </c>
      <c r="AK4994">
        <v>32687.30761</v>
      </c>
      <c r="AL4994">
        <v>74347.163719999997</v>
      </c>
      <c r="AM4994">
        <v>17903.354960000001</v>
      </c>
      <c r="AN4994">
        <v>78661.457469999994</v>
      </c>
      <c r="AO4994">
        <v>18699.025699999998</v>
      </c>
      <c r="AP4994">
        <v>17804.282869999999</v>
      </c>
    </row>
    <row r="4995" spans="2:42" x14ac:dyDescent="0.3">
      <c r="B4995">
        <v>53.447673873527606</v>
      </c>
      <c r="C4995" s="83">
        <v>43309.041666666664</v>
      </c>
      <c r="D4995">
        <v>193278.12289999999</v>
      </c>
      <c r="E4995">
        <v>13561.21421</v>
      </c>
      <c r="F4995">
        <v>57284.295859999998</v>
      </c>
      <c r="G4995">
        <v>29208.75028</v>
      </c>
      <c r="H4995">
        <v>35040.729500000001</v>
      </c>
      <c r="I4995">
        <v>20882.384119999999</v>
      </c>
      <c r="J4995">
        <v>37782.087050000002</v>
      </c>
      <c r="K4995">
        <v>51024.135569999999</v>
      </c>
      <c r="L4995">
        <v>18469.90454</v>
      </c>
      <c r="M4995">
        <v>272501.16629999998</v>
      </c>
      <c r="N4995">
        <v>72194.912620000003</v>
      </c>
      <c r="O4995">
        <v>17875.215</v>
      </c>
      <c r="P4995">
        <v>29888.8262</v>
      </c>
      <c r="Q4995">
        <v>73952.441049999994</v>
      </c>
      <c r="R4995">
        <v>15449.86312</v>
      </c>
      <c r="S4995">
        <v>77152.841100000005</v>
      </c>
      <c r="T4995">
        <v>18034.997350000001</v>
      </c>
      <c r="U4995">
        <v>17360.936829999999</v>
      </c>
      <c r="W4995" s="83">
        <f>Bühler!N5027</f>
        <v>45500.041666654557</v>
      </c>
      <c r="X4995" s="83">
        <v>43309.041666666664</v>
      </c>
      <c r="Y4995">
        <v>193278.12289999999</v>
      </c>
      <c r="Z4995">
        <v>13561.21421</v>
      </c>
      <c r="AA4995">
        <v>57284.295859999998</v>
      </c>
      <c r="AB4995">
        <v>29208.75028</v>
      </c>
      <c r="AC4995">
        <v>35040.729500000001</v>
      </c>
      <c r="AD4995">
        <v>20882.384119999999</v>
      </c>
      <c r="AE4995">
        <v>37782.087050000002</v>
      </c>
      <c r="AF4995">
        <v>51024.135569999999</v>
      </c>
      <c r="AG4995">
        <v>18469.90454</v>
      </c>
      <c r="AH4995">
        <v>272501.16629999998</v>
      </c>
      <c r="AI4995">
        <v>72194.912620000003</v>
      </c>
      <c r="AJ4995">
        <v>17875.215</v>
      </c>
      <c r="AK4995">
        <v>29888.8262</v>
      </c>
      <c r="AL4995">
        <v>73952.441049999994</v>
      </c>
      <c r="AM4995">
        <v>15449.86312</v>
      </c>
      <c r="AN4995">
        <v>77152.841100000005</v>
      </c>
      <c r="AO4995">
        <v>18034.997350000001</v>
      </c>
      <c r="AP4995">
        <v>17360.936829999999</v>
      </c>
    </row>
    <row r="4996" spans="2:42" x14ac:dyDescent="0.3">
      <c r="B4996">
        <v>52.579725945032969</v>
      </c>
      <c r="C4996" s="83">
        <v>43309.083333333336</v>
      </c>
      <c r="D4996">
        <v>188236.8308</v>
      </c>
      <c r="E4996">
        <v>13090.989680000001</v>
      </c>
      <c r="F4996">
        <v>57959.137790000001</v>
      </c>
      <c r="G4996">
        <v>28670.882030000001</v>
      </c>
      <c r="H4996">
        <v>34500.841690000001</v>
      </c>
      <c r="I4996">
        <v>19042.081839999999</v>
      </c>
      <c r="J4996">
        <v>36815.355100000001</v>
      </c>
      <c r="K4996">
        <v>49532.545279999998</v>
      </c>
      <c r="L4996">
        <v>17980.140070000001</v>
      </c>
      <c r="M4996">
        <v>268075.96299999999</v>
      </c>
      <c r="N4996">
        <v>70852.403890000001</v>
      </c>
      <c r="O4996">
        <v>17447.964919999999</v>
      </c>
      <c r="P4996">
        <v>27766.756270000002</v>
      </c>
      <c r="Q4996">
        <v>73673.069319999995</v>
      </c>
      <c r="R4996">
        <v>14322.17936</v>
      </c>
      <c r="S4996">
        <v>75668.523849999998</v>
      </c>
      <c r="T4996">
        <v>17555.445159999999</v>
      </c>
      <c r="U4996">
        <v>17325.722099999999</v>
      </c>
      <c r="W4996" s="83">
        <f>Bühler!N5028</f>
        <v>45500.083333321221</v>
      </c>
      <c r="X4996" s="83">
        <v>43309.083333333336</v>
      </c>
      <c r="Y4996">
        <v>188236.8308</v>
      </c>
      <c r="Z4996">
        <v>13090.989680000001</v>
      </c>
      <c r="AA4996">
        <v>57959.137790000001</v>
      </c>
      <c r="AB4996">
        <v>28670.882030000001</v>
      </c>
      <c r="AC4996">
        <v>34500.841690000001</v>
      </c>
      <c r="AD4996">
        <v>19042.081839999999</v>
      </c>
      <c r="AE4996">
        <v>36815.355100000001</v>
      </c>
      <c r="AF4996">
        <v>49532.545279999998</v>
      </c>
      <c r="AG4996">
        <v>17980.140070000001</v>
      </c>
      <c r="AH4996">
        <v>268075.96299999999</v>
      </c>
      <c r="AI4996">
        <v>70852.403890000001</v>
      </c>
      <c r="AJ4996">
        <v>17447.964919999999</v>
      </c>
      <c r="AK4996">
        <v>27766.756270000002</v>
      </c>
      <c r="AL4996">
        <v>73673.069319999995</v>
      </c>
      <c r="AM4996">
        <v>14322.17936</v>
      </c>
      <c r="AN4996">
        <v>75668.523849999998</v>
      </c>
      <c r="AO4996">
        <v>17555.445159999999</v>
      </c>
      <c r="AP4996">
        <v>17325.722099999999</v>
      </c>
    </row>
    <row r="4997" spans="2:42" x14ac:dyDescent="0.3">
      <c r="B4997">
        <v>52.263327582897027</v>
      </c>
      <c r="C4997" s="83">
        <v>43309.125</v>
      </c>
      <c r="D4997">
        <v>181726.4718</v>
      </c>
      <c r="E4997">
        <v>12968.73459</v>
      </c>
      <c r="F4997">
        <v>58885.426910000002</v>
      </c>
      <c r="G4997">
        <v>27987.938129999999</v>
      </c>
      <c r="H4997">
        <v>34161.893920000002</v>
      </c>
      <c r="I4997">
        <v>18116.242300000002</v>
      </c>
      <c r="J4997">
        <v>36180.602850000003</v>
      </c>
      <c r="K4997">
        <v>47950.208809999996</v>
      </c>
      <c r="L4997">
        <v>17931.467110000001</v>
      </c>
      <c r="M4997">
        <v>266462.81660000002</v>
      </c>
      <c r="N4997">
        <v>70016.886100000003</v>
      </c>
      <c r="O4997">
        <v>17344.05386</v>
      </c>
      <c r="P4997">
        <v>26818.96314</v>
      </c>
      <c r="Q4997">
        <v>72761.373810000005</v>
      </c>
      <c r="R4997">
        <v>13685.840690000001</v>
      </c>
      <c r="S4997">
        <v>74615.370280000003</v>
      </c>
      <c r="T4997">
        <v>17259.497630000002</v>
      </c>
      <c r="U4997">
        <v>16772.617030000001</v>
      </c>
      <c r="W4997" s="83">
        <f>Bühler!N5029</f>
        <v>45500.124999987886</v>
      </c>
      <c r="X4997" s="83">
        <v>43309.125</v>
      </c>
      <c r="Y4997">
        <v>181726.4718</v>
      </c>
      <c r="Z4997">
        <v>12968.73459</v>
      </c>
      <c r="AA4997">
        <v>58885.426910000002</v>
      </c>
      <c r="AB4997">
        <v>27987.938129999999</v>
      </c>
      <c r="AC4997">
        <v>34161.893920000002</v>
      </c>
      <c r="AD4997">
        <v>18116.242300000002</v>
      </c>
      <c r="AE4997">
        <v>36180.602850000003</v>
      </c>
      <c r="AF4997">
        <v>47950.208809999996</v>
      </c>
      <c r="AG4997">
        <v>17931.467110000001</v>
      </c>
      <c r="AH4997">
        <v>266462.81660000002</v>
      </c>
      <c r="AI4997">
        <v>70016.886100000003</v>
      </c>
      <c r="AJ4997">
        <v>17344.05386</v>
      </c>
      <c r="AK4997">
        <v>26818.96314</v>
      </c>
      <c r="AL4997">
        <v>72761.373810000005</v>
      </c>
      <c r="AM4997">
        <v>13685.840690000001</v>
      </c>
      <c r="AN4997">
        <v>74615.370280000003</v>
      </c>
      <c r="AO4997">
        <v>17259.497630000002</v>
      </c>
      <c r="AP4997">
        <v>16772.617030000001</v>
      </c>
    </row>
    <row r="4998" spans="2:42" x14ac:dyDescent="0.3">
      <c r="B4998">
        <v>51.257226285769995</v>
      </c>
      <c r="C4998" s="83">
        <v>43309.166666666664</v>
      </c>
      <c r="D4998">
        <v>173779.19959999999</v>
      </c>
      <c r="E4998">
        <v>12957.507879999999</v>
      </c>
      <c r="F4998">
        <v>61806.058319999996</v>
      </c>
      <c r="G4998">
        <v>27233.38205</v>
      </c>
      <c r="H4998">
        <v>33632.286520000001</v>
      </c>
      <c r="I4998">
        <v>18580.068889999999</v>
      </c>
      <c r="J4998">
        <v>37954.965409999997</v>
      </c>
      <c r="K4998">
        <v>46825.900869999998</v>
      </c>
      <c r="L4998">
        <v>17296.786749999999</v>
      </c>
      <c r="M4998">
        <v>261333.24299999999</v>
      </c>
      <c r="N4998">
        <v>68674.015929999994</v>
      </c>
      <c r="O4998">
        <v>18598.652559999999</v>
      </c>
      <c r="P4998">
        <v>26728.871029999998</v>
      </c>
      <c r="Q4998">
        <v>72154.108689999994</v>
      </c>
      <c r="R4998">
        <v>14760.82596</v>
      </c>
      <c r="S4998">
        <v>74058.905410000007</v>
      </c>
      <c r="T4998">
        <v>17231.802360000001</v>
      </c>
      <c r="U4998">
        <v>16992.16705</v>
      </c>
      <c r="W4998" s="83">
        <f>Bühler!N5030</f>
        <v>45500.16666665455</v>
      </c>
      <c r="X4998" s="83">
        <v>43309.166666666664</v>
      </c>
      <c r="Y4998">
        <v>173779.19959999999</v>
      </c>
      <c r="Z4998">
        <v>12957.507879999999</v>
      </c>
      <c r="AA4998">
        <v>61806.058319999996</v>
      </c>
      <c r="AB4998">
        <v>27233.38205</v>
      </c>
      <c r="AC4998">
        <v>33632.286520000001</v>
      </c>
      <c r="AD4998">
        <v>18580.068889999999</v>
      </c>
      <c r="AE4998">
        <v>37954.965409999997</v>
      </c>
      <c r="AF4998">
        <v>46825.900869999998</v>
      </c>
      <c r="AG4998">
        <v>17296.786749999999</v>
      </c>
      <c r="AH4998">
        <v>261333.24299999999</v>
      </c>
      <c r="AI4998">
        <v>68674.015929999994</v>
      </c>
      <c r="AJ4998">
        <v>18598.652559999999</v>
      </c>
      <c r="AK4998">
        <v>26728.871029999998</v>
      </c>
      <c r="AL4998">
        <v>72154.108689999994</v>
      </c>
      <c r="AM4998">
        <v>14760.82596</v>
      </c>
      <c r="AN4998">
        <v>74058.905410000007</v>
      </c>
      <c r="AO4998">
        <v>17231.802360000001</v>
      </c>
      <c r="AP4998">
        <v>16992.16705</v>
      </c>
    </row>
    <row r="4999" spans="2:42" x14ac:dyDescent="0.3">
      <c r="B4999">
        <v>50.299911718478405</v>
      </c>
      <c r="C4999" s="83">
        <v>43309.208333333336</v>
      </c>
      <c r="D4999">
        <v>170382.35209999999</v>
      </c>
      <c r="E4999">
        <v>13782.80704</v>
      </c>
      <c r="F4999">
        <v>70788.237550000005</v>
      </c>
      <c r="G4999">
        <v>27162.13322</v>
      </c>
      <c r="H4999">
        <v>34260.201699999998</v>
      </c>
      <c r="I4999">
        <v>23181.908479999998</v>
      </c>
      <c r="J4999">
        <v>40820.441570000003</v>
      </c>
      <c r="K4999">
        <v>46146.859649999999</v>
      </c>
      <c r="L4999">
        <v>17942.739710000002</v>
      </c>
      <c r="M4999">
        <v>256452.4069</v>
      </c>
      <c r="N4999">
        <v>66360.881540000002</v>
      </c>
      <c r="O4999">
        <v>18558.657670000001</v>
      </c>
      <c r="P4999">
        <v>27370.61764</v>
      </c>
      <c r="Q4999">
        <v>70220.411949999994</v>
      </c>
      <c r="R4999">
        <v>16385.885730000002</v>
      </c>
      <c r="S4999">
        <v>75483.690549999999</v>
      </c>
      <c r="T4999">
        <v>17614.477770000001</v>
      </c>
      <c r="U4999">
        <v>17376.021929999999</v>
      </c>
      <c r="W4999" s="83">
        <f>Bühler!N5031</f>
        <v>45500.208333321214</v>
      </c>
      <c r="X4999" s="83">
        <v>43309.208333333336</v>
      </c>
      <c r="Y4999">
        <v>170382.35209999999</v>
      </c>
      <c r="Z4999">
        <v>13782.80704</v>
      </c>
      <c r="AA4999">
        <v>70788.237550000005</v>
      </c>
      <c r="AB4999">
        <v>27162.13322</v>
      </c>
      <c r="AC4999">
        <v>34260.201699999998</v>
      </c>
      <c r="AD4999">
        <v>23181.908479999998</v>
      </c>
      <c r="AE4999">
        <v>40820.441570000003</v>
      </c>
      <c r="AF4999">
        <v>46146.859649999999</v>
      </c>
      <c r="AG4999">
        <v>17942.739710000002</v>
      </c>
      <c r="AH4999">
        <v>256452.4069</v>
      </c>
      <c r="AI4999">
        <v>66360.881540000002</v>
      </c>
      <c r="AJ4999">
        <v>18558.657670000001</v>
      </c>
      <c r="AK4999">
        <v>27370.61764</v>
      </c>
      <c r="AL4999">
        <v>70220.411949999994</v>
      </c>
      <c r="AM4999">
        <v>16385.885730000002</v>
      </c>
      <c r="AN4999">
        <v>75483.690549999999</v>
      </c>
      <c r="AO4999">
        <v>17614.477770000001</v>
      </c>
      <c r="AP4999">
        <v>17376.021929999999</v>
      </c>
    </row>
    <row r="5000" spans="2:42" x14ac:dyDescent="0.3">
      <c r="B5000">
        <v>49.715929948215702</v>
      </c>
      <c r="C5000" s="83">
        <v>43309.25</v>
      </c>
      <c r="D5000">
        <v>170597.04459999999</v>
      </c>
      <c r="E5000">
        <v>14951.78217</v>
      </c>
      <c r="F5000">
        <v>79897.859129999997</v>
      </c>
      <c r="G5000">
        <v>27137.674859999999</v>
      </c>
      <c r="H5000">
        <v>33528.274550000002</v>
      </c>
      <c r="I5000">
        <v>24956.658729999999</v>
      </c>
      <c r="J5000">
        <v>43207.82215</v>
      </c>
      <c r="K5000">
        <v>45297.764239999997</v>
      </c>
      <c r="L5000">
        <v>18044.624940000002</v>
      </c>
      <c r="M5000">
        <v>253474.99549999999</v>
      </c>
      <c r="N5000">
        <v>65889.924220000001</v>
      </c>
      <c r="O5000">
        <v>18921.229940000001</v>
      </c>
      <c r="P5000">
        <v>27786.159449999999</v>
      </c>
      <c r="Q5000">
        <v>67174.524300000005</v>
      </c>
      <c r="R5000">
        <v>15442.864149999999</v>
      </c>
      <c r="S5000">
        <v>78466.566930000001</v>
      </c>
      <c r="T5000">
        <v>18764.17196</v>
      </c>
      <c r="U5000">
        <v>16895.275979999999</v>
      </c>
      <c r="W5000" s="83">
        <f>Bühler!N5032</f>
        <v>45500.249999987878</v>
      </c>
      <c r="X5000" s="83">
        <v>43309.25</v>
      </c>
      <c r="Y5000">
        <v>170597.04459999999</v>
      </c>
      <c r="Z5000">
        <v>14951.78217</v>
      </c>
      <c r="AA5000">
        <v>79897.859129999997</v>
      </c>
      <c r="AB5000">
        <v>27137.674859999999</v>
      </c>
      <c r="AC5000">
        <v>33528.274550000002</v>
      </c>
      <c r="AD5000">
        <v>24956.658729999999</v>
      </c>
      <c r="AE5000">
        <v>43207.82215</v>
      </c>
      <c r="AF5000">
        <v>45297.764239999997</v>
      </c>
      <c r="AG5000">
        <v>18044.624940000002</v>
      </c>
      <c r="AH5000">
        <v>253474.99549999999</v>
      </c>
      <c r="AI5000">
        <v>65889.924220000001</v>
      </c>
      <c r="AJ5000">
        <v>18921.229940000001</v>
      </c>
      <c r="AK5000">
        <v>27786.159449999999</v>
      </c>
      <c r="AL5000">
        <v>67174.524300000005</v>
      </c>
      <c r="AM5000">
        <v>15442.864149999999</v>
      </c>
      <c r="AN5000">
        <v>78466.566930000001</v>
      </c>
      <c r="AO5000">
        <v>18764.17196</v>
      </c>
      <c r="AP5000">
        <v>16895.275979999999</v>
      </c>
    </row>
    <row r="5001" spans="2:42" x14ac:dyDescent="0.3">
      <c r="B5001">
        <v>49.509431379943081</v>
      </c>
      <c r="C5001" s="83">
        <v>43309.291666666664</v>
      </c>
      <c r="D5001">
        <v>170843.81969999999</v>
      </c>
      <c r="E5001">
        <v>17046.638330000002</v>
      </c>
      <c r="F5001">
        <v>82244.536540000001</v>
      </c>
      <c r="G5001">
        <v>27493.27838</v>
      </c>
      <c r="H5001">
        <v>33789.946730000003</v>
      </c>
      <c r="I5001">
        <v>25825.406180000002</v>
      </c>
      <c r="J5001">
        <v>44150.245479999998</v>
      </c>
      <c r="K5001">
        <v>44724.53026</v>
      </c>
      <c r="L5001">
        <v>19908.03573</v>
      </c>
      <c r="M5001">
        <v>252422.16949999999</v>
      </c>
      <c r="N5001">
        <v>65782.092329999999</v>
      </c>
      <c r="O5001">
        <v>19520.513849999999</v>
      </c>
      <c r="P5001">
        <v>31124.686969999999</v>
      </c>
      <c r="Q5001">
        <v>64743.758959999999</v>
      </c>
      <c r="R5001">
        <v>15128.71579</v>
      </c>
      <c r="S5001">
        <v>82952.051309999995</v>
      </c>
      <c r="T5001">
        <v>20061.293030000001</v>
      </c>
      <c r="U5001">
        <v>16757.993320000001</v>
      </c>
      <c r="W5001" s="83">
        <f>Bühler!N5033</f>
        <v>45500.291666654542</v>
      </c>
      <c r="X5001" s="83">
        <v>43309.291666666664</v>
      </c>
      <c r="Y5001">
        <v>170843.81969999999</v>
      </c>
      <c r="Z5001">
        <v>17046.638330000002</v>
      </c>
      <c r="AA5001">
        <v>82244.536540000001</v>
      </c>
      <c r="AB5001">
        <v>27493.27838</v>
      </c>
      <c r="AC5001">
        <v>33789.946730000003</v>
      </c>
      <c r="AD5001">
        <v>25825.406180000002</v>
      </c>
      <c r="AE5001">
        <v>44150.245479999998</v>
      </c>
      <c r="AF5001">
        <v>44724.53026</v>
      </c>
      <c r="AG5001">
        <v>19908.03573</v>
      </c>
      <c r="AH5001">
        <v>252422.16949999999</v>
      </c>
      <c r="AI5001">
        <v>65782.092329999999</v>
      </c>
      <c r="AJ5001">
        <v>19520.513849999999</v>
      </c>
      <c r="AK5001">
        <v>31124.686969999999</v>
      </c>
      <c r="AL5001">
        <v>64743.758959999999</v>
      </c>
      <c r="AM5001">
        <v>15128.71579</v>
      </c>
      <c r="AN5001">
        <v>82952.051309999995</v>
      </c>
      <c r="AO5001">
        <v>20061.293030000001</v>
      </c>
      <c r="AP5001">
        <v>16757.993320000001</v>
      </c>
    </row>
    <row r="5002" spans="2:42" x14ac:dyDescent="0.3">
      <c r="B5002">
        <v>48.71662379254424</v>
      </c>
      <c r="C5002" s="83">
        <v>43309.333333333336</v>
      </c>
      <c r="D5002">
        <v>169842.9431</v>
      </c>
      <c r="E5002">
        <v>20532.650290000001</v>
      </c>
      <c r="F5002">
        <v>88576.859830000001</v>
      </c>
      <c r="G5002">
        <v>28228.047330000001</v>
      </c>
      <c r="H5002">
        <v>34439.171730000002</v>
      </c>
      <c r="I5002">
        <v>26315.509330000001</v>
      </c>
      <c r="J5002">
        <v>46318.453029999997</v>
      </c>
      <c r="K5002">
        <v>45966.897040000003</v>
      </c>
      <c r="L5002">
        <v>22510.500530000001</v>
      </c>
      <c r="M5002">
        <v>248380.0667</v>
      </c>
      <c r="N5002">
        <v>66660.37659</v>
      </c>
      <c r="O5002">
        <v>20044.952440000001</v>
      </c>
      <c r="P5002">
        <v>34538.58556</v>
      </c>
      <c r="Q5002">
        <v>64056.90569</v>
      </c>
      <c r="R5002">
        <v>16737.116409999999</v>
      </c>
      <c r="S5002">
        <v>86680.470870000005</v>
      </c>
      <c r="T5002">
        <v>21077.436160000001</v>
      </c>
      <c r="U5002">
        <v>17304.53846</v>
      </c>
      <c r="W5002" s="83">
        <f>Bühler!N5034</f>
        <v>45500.333333321207</v>
      </c>
      <c r="X5002" s="83">
        <v>43309.333333333336</v>
      </c>
      <c r="Y5002">
        <v>169842.9431</v>
      </c>
      <c r="Z5002">
        <v>20532.650290000001</v>
      </c>
      <c r="AA5002">
        <v>88576.859830000001</v>
      </c>
      <c r="AB5002">
        <v>28228.047330000001</v>
      </c>
      <c r="AC5002">
        <v>34439.171730000002</v>
      </c>
      <c r="AD5002">
        <v>26315.509330000001</v>
      </c>
      <c r="AE5002">
        <v>46318.453029999997</v>
      </c>
      <c r="AF5002">
        <v>45966.897040000003</v>
      </c>
      <c r="AG5002">
        <v>22510.500530000001</v>
      </c>
      <c r="AH5002">
        <v>248380.0667</v>
      </c>
      <c r="AI5002">
        <v>66660.37659</v>
      </c>
      <c r="AJ5002">
        <v>20044.952440000001</v>
      </c>
      <c r="AK5002">
        <v>34538.58556</v>
      </c>
      <c r="AL5002">
        <v>64056.90569</v>
      </c>
      <c r="AM5002">
        <v>16737.116409999999</v>
      </c>
      <c r="AN5002">
        <v>86680.470870000005</v>
      </c>
      <c r="AO5002">
        <v>21077.436160000001</v>
      </c>
      <c r="AP5002">
        <v>17304.53846</v>
      </c>
    </row>
    <row r="5003" spans="2:42" x14ac:dyDescent="0.3">
      <c r="B5003">
        <v>48.079326342277326</v>
      </c>
      <c r="C5003" s="83">
        <v>43309.375</v>
      </c>
      <c r="D5003">
        <v>168528.10550000001</v>
      </c>
      <c r="E5003">
        <v>24732.374800000001</v>
      </c>
      <c r="F5003">
        <v>95500.804980000001</v>
      </c>
      <c r="G5003">
        <v>28460.485509999999</v>
      </c>
      <c r="H5003">
        <v>35348.557630000003</v>
      </c>
      <c r="I5003">
        <v>26470.616610000001</v>
      </c>
      <c r="J5003">
        <v>48023.059780000003</v>
      </c>
      <c r="K5003">
        <v>48357.9162</v>
      </c>
      <c r="L5003">
        <v>26426.458259999999</v>
      </c>
      <c r="M5003">
        <v>245130.82709999999</v>
      </c>
      <c r="N5003">
        <v>68791.603610000006</v>
      </c>
      <c r="O5003">
        <v>21115.484489999999</v>
      </c>
      <c r="P5003">
        <v>37882.707049999997</v>
      </c>
      <c r="Q5003">
        <v>64601.04292</v>
      </c>
      <c r="R5003">
        <v>17178.449280000001</v>
      </c>
      <c r="S5003">
        <v>89183.5527</v>
      </c>
      <c r="T5003">
        <v>22744.857179999999</v>
      </c>
      <c r="U5003">
        <v>17461.817609999998</v>
      </c>
      <c r="W5003" s="83">
        <f>Bühler!N5035</f>
        <v>45500.374999987871</v>
      </c>
      <c r="X5003" s="83">
        <v>43309.375</v>
      </c>
      <c r="Y5003">
        <v>168528.10550000001</v>
      </c>
      <c r="Z5003">
        <v>24732.374800000001</v>
      </c>
      <c r="AA5003">
        <v>95500.804980000001</v>
      </c>
      <c r="AB5003">
        <v>28460.485509999999</v>
      </c>
      <c r="AC5003">
        <v>35348.557630000003</v>
      </c>
      <c r="AD5003">
        <v>26470.616610000001</v>
      </c>
      <c r="AE5003">
        <v>48023.059780000003</v>
      </c>
      <c r="AF5003">
        <v>48357.9162</v>
      </c>
      <c r="AG5003">
        <v>26426.458259999999</v>
      </c>
      <c r="AH5003">
        <v>245130.82709999999</v>
      </c>
      <c r="AI5003">
        <v>68791.603610000006</v>
      </c>
      <c r="AJ5003">
        <v>21115.484489999999</v>
      </c>
      <c r="AK5003">
        <v>37882.707049999997</v>
      </c>
      <c r="AL5003">
        <v>64601.04292</v>
      </c>
      <c r="AM5003">
        <v>17178.449280000001</v>
      </c>
      <c r="AN5003">
        <v>89183.5527</v>
      </c>
      <c r="AO5003">
        <v>22744.857179999999</v>
      </c>
      <c r="AP5003">
        <v>17461.817609999998</v>
      </c>
    </row>
    <row r="5004" spans="2:42" x14ac:dyDescent="0.3">
      <c r="B5004">
        <v>47.813640347872891</v>
      </c>
      <c r="C5004" s="83">
        <v>43309.416666666664</v>
      </c>
      <c r="D5004">
        <v>167700.32440000001</v>
      </c>
      <c r="E5004">
        <v>26467.974569999998</v>
      </c>
      <c r="F5004">
        <v>97380.332320000001</v>
      </c>
      <c r="G5004">
        <v>28981.15077</v>
      </c>
      <c r="H5004">
        <v>36068.343849999997</v>
      </c>
      <c r="I5004">
        <v>26766.540529999998</v>
      </c>
      <c r="J5004">
        <v>48331.318650000001</v>
      </c>
      <c r="K5004">
        <v>50420.185319999997</v>
      </c>
      <c r="L5004">
        <v>30455.74265</v>
      </c>
      <c r="M5004">
        <v>243776.236</v>
      </c>
      <c r="N5004">
        <v>70325.486080000002</v>
      </c>
      <c r="O5004">
        <v>21948.685689999998</v>
      </c>
      <c r="P5004">
        <v>38554.497990000003</v>
      </c>
      <c r="Q5004">
        <v>63832.343159999997</v>
      </c>
      <c r="R5004">
        <v>18472.135340000001</v>
      </c>
      <c r="S5004">
        <v>89582.392730000007</v>
      </c>
      <c r="T5004">
        <v>24510.978950000001</v>
      </c>
      <c r="U5004">
        <v>17627.063310000001</v>
      </c>
      <c r="W5004" s="83">
        <f>Bühler!N5036</f>
        <v>45500.416666654535</v>
      </c>
      <c r="X5004" s="83">
        <v>43309.416666666664</v>
      </c>
      <c r="Y5004">
        <v>167700.32440000001</v>
      </c>
      <c r="Z5004">
        <v>26467.974569999998</v>
      </c>
      <c r="AA5004">
        <v>97380.332320000001</v>
      </c>
      <c r="AB5004">
        <v>28981.15077</v>
      </c>
      <c r="AC5004">
        <v>36068.343849999997</v>
      </c>
      <c r="AD5004">
        <v>26766.540529999998</v>
      </c>
      <c r="AE5004">
        <v>48331.318650000001</v>
      </c>
      <c r="AF5004">
        <v>50420.185319999997</v>
      </c>
      <c r="AG5004">
        <v>30455.74265</v>
      </c>
      <c r="AH5004">
        <v>243776.236</v>
      </c>
      <c r="AI5004">
        <v>70325.486080000002</v>
      </c>
      <c r="AJ5004">
        <v>21948.685689999998</v>
      </c>
      <c r="AK5004">
        <v>38554.497990000003</v>
      </c>
      <c r="AL5004">
        <v>63832.343159999997</v>
      </c>
      <c r="AM5004">
        <v>18472.135340000001</v>
      </c>
      <c r="AN5004">
        <v>89582.392730000007</v>
      </c>
      <c r="AO5004">
        <v>24510.978950000001</v>
      </c>
      <c r="AP5004">
        <v>17627.063310000001</v>
      </c>
    </row>
    <row r="5005" spans="2:42" x14ac:dyDescent="0.3">
      <c r="B5005">
        <v>47.483225535454253</v>
      </c>
      <c r="C5005" s="83">
        <v>43309.458333333336</v>
      </c>
      <c r="D5005">
        <v>164882.6599</v>
      </c>
      <c r="E5005">
        <v>26609.36189</v>
      </c>
      <c r="F5005">
        <v>98015.486510000002</v>
      </c>
      <c r="G5005">
        <v>29214.085129999999</v>
      </c>
      <c r="H5005">
        <v>36339.001389999998</v>
      </c>
      <c r="I5005">
        <v>27131.763849999999</v>
      </c>
      <c r="J5005">
        <v>48541.32561</v>
      </c>
      <c r="K5005">
        <v>50930.580860000002</v>
      </c>
      <c r="L5005">
        <v>32182.812549999999</v>
      </c>
      <c r="M5005">
        <v>242091.62719999999</v>
      </c>
      <c r="N5005">
        <v>70777.013709999999</v>
      </c>
      <c r="O5005">
        <v>20861.427439999999</v>
      </c>
      <c r="P5005">
        <v>37738.109680000001</v>
      </c>
      <c r="Q5005">
        <v>62690.37975</v>
      </c>
      <c r="R5005">
        <v>20066.669740000001</v>
      </c>
      <c r="S5005">
        <v>92412.409530000004</v>
      </c>
      <c r="T5005">
        <v>25487.725600000002</v>
      </c>
      <c r="U5005">
        <v>17780.311310000001</v>
      </c>
      <c r="W5005" s="83">
        <f>Bühler!N5037</f>
        <v>45500.458333321199</v>
      </c>
      <c r="X5005" s="83">
        <v>43309.458333333336</v>
      </c>
      <c r="Y5005">
        <v>164882.6599</v>
      </c>
      <c r="Z5005">
        <v>26609.36189</v>
      </c>
      <c r="AA5005">
        <v>98015.486510000002</v>
      </c>
      <c r="AB5005">
        <v>29214.085129999999</v>
      </c>
      <c r="AC5005">
        <v>36339.001389999998</v>
      </c>
      <c r="AD5005">
        <v>27131.763849999999</v>
      </c>
      <c r="AE5005">
        <v>48541.32561</v>
      </c>
      <c r="AF5005">
        <v>50930.580860000002</v>
      </c>
      <c r="AG5005">
        <v>32182.812549999999</v>
      </c>
      <c r="AH5005">
        <v>242091.62719999999</v>
      </c>
      <c r="AI5005">
        <v>70777.013709999999</v>
      </c>
      <c r="AJ5005">
        <v>20861.427439999999</v>
      </c>
      <c r="AK5005">
        <v>37738.109680000001</v>
      </c>
      <c r="AL5005">
        <v>62690.37975</v>
      </c>
      <c r="AM5005">
        <v>20066.669740000001</v>
      </c>
      <c r="AN5005">
        <v>92412.409530000004</v>
      </c>
      <c r="AO5005">
        <v>25487.725600000002</v>
      </c>
      <c r="AP5005">
        <v>17780.311310000001</v>
      </c>
    </row>
    <row r="5006" spans="2:42" x14ac:dyDescent="0.3">
      <c r="B5006">
        <v>45.916918500280822</v>
      </c>
      <c r="C5006" s="83">
        <v>43309.5</v>
      </c>
      <c r="D5006">
        <v>158448.96599999999</v>
      </c>
      <c r="E5006">
        <v>25584.380359999999</v>
      </c>
      <c r="F5006">
        <v>97621.298139999999</v>
      </c>
      <c r="G5006">
        <v>29449.300739999999</v>
      </c>
      <c r="H5006">
        <v>36113.74048</v>
      </c>
      <c r="I5006">
        <v>27129.37458</v>
      </c>
      <c r="J5006">
        <v>49101.181799999998</v>
      </c>
      <c r="K5006">
        <v>50435.230259999997</v>
      </c>
      <c r="L5006">
        <v>34207.137629999997</v>
      </c>
      <c r="M5006">
        <v>234105.86350000001</v>
      </c>
      <c r="N5006">
        <v>71021.545110000006</v>
      </c>
      <c r="O5006">
        <v>19974.644909999999</v>
      </c>
      <c r="P5006">
        <v>38560.926800000001</v>
      </c>
      <c r="Q5006">
        <v>59750.113890000001</v>
      </c>
      <c r="R5006">
        <v>19333.848559999999</v>
      </c>
      <c r="S5006">
        <v>88859.282800000001</v>
      </c>
      <c r="T5006">
        <v>25002.512009999999</v>
      </c>
      <c r="U5006">
        <v>16867.33612</v>
      </c>
      <c r="W5006" s="83">
        <f>Bühler!N5038</f>
        <v>45500.499999987864</v>
      </c>
      <c r="X5006" s="83">
        <v>43309.5</v>
      </c>
      <c r="Y5006">
        <v>158448.96599999999</v>
      </c>
      <c r="Z5006">
        <v>25584.380359999999</v>
      </c>
      <c r="AA5006">
        <v>97621.298139999999</v>
      </c>
      <c r="AB5006">
        <v>29449.300739999999</v>
      </c>
      <c r="AC5006">
        <v>36113.74048</v>
      </c>
      <c r="AD5006">
        <v>27129.37458</v>
      </c>
      <c r="AE5006">
        <v>49101.181799999998</v>
      </c>
      <c r="AF5006">
        <v>50435.230259999997</v>
      </c>
      <c r="AG5006">
        <v>34207.137629999997</v>
      </c>
      <c r="AH5006">
        <v>234105.86350000001</v>
      </c>
      <c r="AI5006">
        <v>71021.545110000006</v>
      </c>
      <c r="AJ5006">
        <v>19974.644909999999</v>
      </c>
      <c r="AK5006">
        <v>38560.926800000001</v>
      </c>
      <c r="AL5006">
        <v>59750.113890000001</v>
      </c>
      <c r="AM5006">
        <v>19333.848559999999</v>
      </c>
      <c r="AN5006">
        <v>88859.282800000001</v>
      </c>
      <c r="AO5006">
        <v>25002.512009999999</v>
      </c>
      <c r="AP5006">
        <v>16867.33612</v>
      </c>
    </row>
    <row r="5007" spans="2:42" x14ac:dyDescent="0.3">
      <c r="B5007">
        <v>45.660241921045419</v>
      </c>
      <c r="C5007" s="83">
        <v>43309.541666666664</v>
      </c>
      <c r="D5007">
        <v>155030.7352</v>
      </c>
      <c r="E5007">
        <v>25358.815360000001</v>
      </c>
      <c r="F5007">
        <v>96023.816219999993</v>
      </c>
      <c r="G5007">
        <v>28978.52303</v>
      </c>
      <c r="H5007">
        <v>35792.843979999998</v>
      </c>
      <c r="I5007">
        <v>26965.86577</v>
      </c>
      <c r="J5007">
        <v>49081.508430000002</v>
      </c>
      <c r="K5007">
        <v>50800.080479999997</v>
      </c>
      <c r="L5007">
        <v>34228.211569999999</v>
      </c>
      <c r="M5007">
        <v>232797.2066</v>
      </c>
      <c r="N5007">
        <v>69674.289569999994</v>
      </c>
      <c r="O5007">
        <v>19292.14789</v>
      </c>
      <c r="P5007">
        <v>37637.558019999997</v>
      </c>
      <c r="Q5007">
        <v>58346.518250000001</v>
      </c>
      <c r="R5007">
        <v>19642.34359</v>
      </c>
      <c r="S5007">
        <v>89001.660260000004</v>
      </c>
      <c r="T5007">
        <v>24635.795320000001</v>
      </c>
      <c r="U5007">
        <v>16882.70436</v>
      </c>
      <c r="W5007" s="83">
        <f>Bühler!N5039</f>
        <v>45500.541666654528</v>
      </c>
      <c r="X5007" s="83">
        <v>43309.541666666664</v>
      </c>
      <c r="Y5007">
        <v>155030.7352</v>
      </c>
      <c r="Z5007">
        <v>25358.815360000001</v>
      </c>
      <c r="AA5007">
        <v>96023.816219999993</v>
      </c>
      <c r="AB5007">
        <v>28978.52303</v>
      </c>
      <c r="AC5007">
        <v>35792.843979999998</v>
      </c>
      <c r="AD5007">
        <v>26965.86577</v>
      </c>
      <c r="AE5007">
        <v>49081.508430000002</v>
      </c>
      <c r="AF5007">
        <v>50800.080479999997</v>
      </c>
      <c r="AG5007">
        <v>34228.211569999999</v>
      </c>
      <c r="AH5007">
        <v>232797.2066</v>
      </c>
      <c r="AI5007">
        <v>69674.289569999994</v>
      </c>
      <c r="AJ5007">
        <v>19292.14789</v>
      </c>
      <c r="AK5007">
        <v>37637.558019999997</v>
      </c>
      <c r="AL5007">
        <v>58346.518250000001</v>
      </c>
      <c r="AM5007">
        <v>19642.34359</v>
      </c>
      <c r="AN5007">
        <v>89001.660260000004</v>
      </c>
      <c r="AO5007">
        <v>24635.795320000001</v>
      </c>
      <c r="AP5007">
        <v>16882.70436</v>
      </c>
    </row>
    <row r="5008" spans="2:42" x14ac:dyDescent="0.3">
      <c r="B5008">
        <v>44.947165800471183</v>
      </c>
      <c r="C5008" s="83">
        <v>43309.583333333336</v>
      </c>
      <c r="D5008">
        <v>155261.5177</v>
      </c>
      <c r="E5008">
        <v>26263.104459999999</v>
      </c>
      <c r="F5008">
        <v>97122.425340000002</v>
      </c>
      <c r="G5008">
        <v>28736.605080000001</v>
      </c>
      <c r="H5008">
        <v>35393.738570000001</v>
      </c>
      <c r="I5008">
        <v>27131.83036</v>
      </c>
      <c r="J5008">
        <v>48551.764459999999</v>
      </c>
      <c r="K5008">
        <v>50813.507680000002</v>
      </c>
      <c r="L5008">
        <v>32403.713339999998</v>
      </c>
      <c r="M5008">
        <v>229161.61199999999</v>
      </c>
      <c r="N5008">
        <v>67950.18505</v>
      </c>
      <c r="O5008">
        <v>19090.29392</v>
      </c>
      <c r="P5008">
        <v>35028.641430000003</v>
      </c>
      <c r="Q5008">
        <v>56668.76614</v>
      </c>
      <c r="R5008">
        <v>20165.975119999999</v>
      </c>
      <c r="S5008">
        <v>86910.332320000001</v>
      </c>
      <c r="T5008">
        <v>24636.019410000001</v>
      </c>
      <c r="U5008">
        <v>16712.642220000002</v>
      </c>
      <c r="W5008" s="83">
        <f>Bühler!N5040</f>
        <v>45500.583333321192</v>
      </c>
      <c r="X5008" s="83">
        <v>43309.583333333336</v>
      </c>
      <c r="Y5008">
        <v>155261.5177</v>
      </c>
      <c r="Z5008">
        <v>26263.104459999999</v>
      </c>
      <c r="AA5008">
        <v>97122.425340000002</v>
      </c>
      <c r="AB5008">
        <v>28736.605080000001</v>
      </c>
      <c r="AC5008">
        <v>35393.738570000001</v>
      </c>
      <c r="AD5008">
        <v>27131.83036</v>
      </c>
      <c r="AE5008">
        <v>48551.764459999999</v>
      </c>
      <c r="AF5008">
        <v>50813.507680000002</v>
      </c>
      <c r="AG5008">
        <v>32403.713339999998</v>
      </c>
      <c r="AH5008">
        <v>229161.61199999999</v>
      </c>
      <c r="AI5008">
        <v>67950.18505</v>
      </c>
      <c r="AJ5008">
        <v>19090.29392</v>
      </c>
      <c r="AK5008">
        <v>35028.641430000003</v>
      </c>
      <c r="AL5008">
        <v>56668.76614</v>
      </c>
      <c r="AM5008">
        <v>20165.975119999999</v>
      </c>
      <c r="AN5008">
        <v>86910.332320000001</v>
      </c>
      <c r="AO5008">
        <v>24636.019410000001</v>
      </c>
      <c r="AP5008">
        <v>16712.642220000002</v>
      </c>
    </row>
    <row r="5009" spans="2:42" x14ac:dyDescent="0.3">
      <c r="B5009">
        <v>44.840188061790897</v>
      </c>
      <c r="C5009" s="83">
        <v>43309.625</v>
      </c>
      <c r="D5009">
        <v>155825.5295</v>
      </c>
      <c r="E5009">
        <v>26398.864089999999</v>
      </c>
      <c r="F5009">
        <v>97985.458450000006</v>
      </c>
      <c r="G5009">
        <v>28255.578089999999</v>
      </c>
      <c r="H5009">
        <v>35410.643179999999</v>
      </c>
      <c r="I5009">
        <v>27084.240020000001</v>
      </c>
      <c r="J5009">
        <v>48612.932820000002</v>
      </c>
      <c r="K5009">
        <v>49136.239540000002</v>
      </c>
      <c r="L5009">
        <v>30421.07559</v>
      </c>
      <c r="M5009">
        <v>228616.18960000001</v>
      </c>
      <c r="N5009">
        <v>68428.299629999994</v>
      </c>
      <c r="O5009">
        <v>18410.53225</v>
      </c>
      <c r="P5009">
        <v>33470.240539999999</v>
      </c>
      <c r="Q5009">
        <v>56018.822749999999</v>
      </c>
      <c r="R5009">
        <v>20073.790440000001</v>
      </c>
      <c r="S5009">
        <v>86943.013089999993</v>
      </c>
      <c r="T5009">
        <v>25042.298920000001</v>
      </c>
      <c r="U5009">
        <v>16418.20233</v>
      </c>
      <c r="W5009" s="83">
        <f>Bühler!N5041</f>
        <v>45500.624999987856</v>
      </c>
      <c r="X5009" s="83">
        <v>43309.625</v>
      </c>
      <c r="Y5009">
        <v>155825.5295</v>
      </c>
      <c r="Z5009">
        <v>26398.864089999999</v>
      </c>
      <c r="AA5009">
        <v>97985.458450000006</v>
      </c>
      <c r="AB5009">
        <v>28255.578089999999</v>
      </c>
      <c r="AC5009">
        <v>35410.643179999999</v>
      </c>
      <c r="AD5009">
        <v>27084.240020000001</v>
      </c>
      <c r="AE5009">
        <v>48612.932820000002</v>
      </c>
      <c r="AF5009">
        <v>49136.239540000002</v>
      </c>
      <c r="AG5009">
        <v>30421.07559</v>
      </c>
      <c r="AH5009">
        <v>228616.18960000001</v>
      </c>
      <c r="AI5009">
        <v>68428.299629999994</v>
      </c>
      <c r="AJ5009">
        <v>18410.53225</v>
      </c>
      <c r="AK5009">
        <v>33470.240539999999</v>
      </c>
      <c r="AL5009">
        <v>56018.822749999999</v>
      </c>
      <c r="AM5009">
        <v>20073.790440000001</v>
      </c>
      <c r="AN5009">
        <v>86943.013089999993</v>
      </c>
      <c r="AO5009">
        <v>25042.298920000001</v>
      </c>
      <c r="AP5009">
        <v>16418.20233</v>
      </c>
    </row>
    <row r="5010" spans="2:42" x14ac:dyDescent="0.3">
      <c r="B5010">
        <v>44.116762809446229</v>
      </c>
      <c r="C5010" s="83">
        <v>43309.666666666664</v>
      </c>
      <c r="D5010">
        <v>154420.88010000001</v>
      </c>
      <c r="E5010">
        <v>26258.259290000002</v>
      </c>
      <c r="F5010">
        <v>96766.937359999996</v>
      </c>
      <c r="G5010">
        <v>28732.549800000001</v>
      </c>
      <c r="H5010">
        <v>35361.727250000004</v>
      </c>
      <c r="I5010">
        <v>27214.49365</v>
      </c>
      <c r="J5010">
        <v>48061.625</v>
      </c>
      <c r="K5010">
        <v>48919.081749999998</v>
      </c>
      <c r="L5010">
        <v>29096.554499999998</v>
      </c>
      <c r="M5010">
        <v>224927.8303</v>
      </c>
      <c r="N5010">
        <v>67530.508700000006</v>
      </c>
      <c r="O5010">
        <v>18501.79565</v>
      </c>
      <c r="P5010">
        <v>33192.457540000003</v>
      </c>
      <c r="Q5010">
        <v>55859.780350000001</v>
      </c>
      <c r="R5010">
        <v>19509.726429999999</v>
      </c>
      <c r="S5010">
        <v>87013.347500000003</v>
      </c>
      <c r="T5010">
        <v>25181.11897</v>
      </c>
      <c r="U5010">
        <v>16307.10491</v>
      </c>
      <c r="W5010" s="83">
        <f>Bühler!N5042</f>
        <v>45500.666666654521</v>
      </c>
      <c r="X5010" s="83">
        <v>43309.666666666664</v>
      </c>
      <c r="Y5010">
        <v>154420.88010000001</v>
      </c>
      <c r="Z5010">
        <v>26258.259290000002</v>
      </c>
      <c r="AA5010">
        <v>96766.937359999996</v>
      </c>
      <c r="AB5010">
        <v>28732.549800000001</v>
      </c>
      <c r="AC5010">
        <v>35361.727250000004</v>
      </c>
      <c r="AD5010">
        <v>27214.49365</v>
      </c>
      <c r="AE5010">
        <v>48061.625</v>
      </c>
      <c r="AF5010">
        <v>48919.081749999998</v>
      </c>
      <c r="AG5010">
        <v>29096.554499999998</v>
      </c>
      <c r="AH5010">
        <v>224927.8303</v>
      </c>
      <c r="AI5010">
        <v>67530.508700000006</v>
      </c>
      <c r="AJ5010">
        <v>18501.79565</v>
      </c>
      <c r="AK5010">
        <v>33192.457540000003</v>
      </c>
      <c r="AL5010">
        <v>55859.780350000001</v>
      </c>
      <c r="AM5010">
        <v>19509.726429999999</v>
      </c>
      <c r="AN5010">
        <v>87013.347500000003</v>
      </c>
      <c r="AO5010">
        <v>25181.11897</v>
      </c>
      <c r="AP5010">
        <v>16307.10491</v>
      </c>
    </row>
    <row r="5011" spans="2:42" x14ac:dyDescent="0.3">
      <c r="B5011">
        <v>43.186026175774572</v>
      </c>
      <c r="C5011" s="83">
        <v>43309.708333333336</v>
      </c>
      <c r="D5011">
        <v>153594.52280000001</v>
      </c>
      <c r="E5011">
        <v>25889.023219999999</v>
      </c>
      <c r="F5011">
        <v>96679.321930000006</v>
      </c>
      <c r="G5011">
        <v>29086.558570000001</v>
      </c>
      <c r="H5011">
        <v>35127.354729999999</v>
      </c>
      <c r="I5011">
        <v>27156.367890000001</v>
      </c>
      <c r="J5011">
        <v>48801.992330000001</v>
      </c>
      <c r="K5011">
        <v>48583.103239999997</v>
      </c>
      <c r="L5011">
        <v>30026.034449999999</v>
      </c>
      <c r="M5011">
        <v>220182.50090000001</v>
      </c>
      <c r="N5011">
        <v>68157.809599999993</v>
      </c>
      <c r="O5011">
        <v>18648.561109999999</v>
      </c>
      <c r="P5011">
        <v>34823.361539999998</v>
      </c>
      <c r="Q5011">
        <v>55376.772389999998</v>
      </c>
      <c r="R5011">
        <v>21705.45247</v>
      </c>
      <c r="S5011">
        <v>88511.129730000001</v>
      </c>
      <c r="T5011">
        <v>24754.101320000002</v>
      </c>
      <c r="U5011">
        <v>16890.989150000001</v>
      </c>
      <c r="W5011" s="83">
        <f>Bühler!N5043</f>
        <v>45500.708333321185</v>
      </c>
      <c r="X5011" s="83">
        <v>43309.708333333336</v>
      </c>
      <c r="Y5011">
        <v>153594.52280000001</v>
      </c>
      <c r="Z5011">
        <v>25889.023219999999</v>
      </c>
      <c r="AA5011">
        <v>96679.321930000006</v>
      </c>
      <c r="AB5011">
        <v>29086.558570000001</v>
      </c>
      <c r="AC5011">
        <v>35127.354729999999</v>
      </c>
      <c r="AD5011">
        <v>27156.367890000001</v>
      </c>
      <c r="AE5011">
        <v>48801.992330000001</v>
      </c>
      <c r="AF5011">
        <v>48583.103239999997</v>
      </c>
      <c r="AG5011">
        <v>30026.034449999999</v>
      </c>
      <c r="AH5011">
        <v>220182.50090000001</v>
      </c>
      <c r="AI5011">
        <v>68157.809599999993</v>
      </c>
      <c r="AJ5011">
        <v>18648.561109999999</v>
      </c>
      <c r="AK5011">
        <v>34823.361539999998</v>
      </c>
      <c r="AL5011">
        <v>55376.772389999998</v>
      </c>
      <c r="AM5011">
        <v>21705.45247</v>
      </c>
      <c r="AN5011">
        <v>88511.129730000001</v>
      </c>
      <c r="AO5011">
        <v>24754.101320000002</v>
      </c>
      <c r="AP5011">
        <v>16890.989150000001</v>
      </c>
    </row>
    <row r="5012" spans="2:42" x14ac:dyDescent="0.3">
      <c r="B5012">
        <v>42.427660180851291</v>
      </c>
      <c r="C5012" s="83">
        <v>43309.75</v>
      </c>
      <c r="D5012">
        <v>152011.37450000001</v>
      </c>
      <c r="E5012">
        <v>24894.230459999999</v>
      </c>
      <c r="F5012">
        <v>94603.020950000006</v>
      </c>
      <c r="G5012">
        <v>28726.736629999999</v>
      </c>
      <c r="H5012">
        <v>35251.703079999999</v>
      </c>
      <c r="I5012">
        <v>26972.335490000001</v>
      </c>
      <c r="J5012">
        <v>49428.797070000001</v>
      </c>
      <c r="K5012">
        <v>47489.316599999998</v>
      </c>
      <c r="L5012">
        <v>30825.328430000001</v>
      </c>
      <c r="M5012">
        <v>216315.99739999999</v>
      </c>
      <c r="N5012">
        <v>68901.212650000001</v>
      </c>
      <c r="O5012">
        <v>17713.190360000001</v>
      </c>
      <c r="P5012">
        <v>38628.503559999997</v>
      </c>
      <c r="Q5012">
        <v>53971.54247</v>
      </c>
      <c r="R5012">
        <v>20355.58869</v>
      </c>
      <c r="S5012">
        <v>86242.833689999999</v>
      </c>
      <c r="T5012">
        <v>24486.632310000001</v>
      </c>
      <c r="U5012">
        <v>17033.61778</v>
      </c>
      <c r="W5012" s="83">
        <f>Bühler!N5044</f>
        <v>45500.749999987849</v>
      </c>
      <c r="X5012" s="83">
        <v>43309.75</v>
      </c>
      <c r="Y5012">
        <v>152011.37450000001</v>
      </c>
      <c r="Z5012">
        <v>24894.230459999999</v>
      </c>
      <c r="AA5012">
        <v>94603.020950000006</v>
      </c>
      <c r="AB5012">
        <v>28726.736629999999</v>
      </c>
      <c r="AC5012">
        <v>35251.703079999999</v>
      </c>
      <c r="AD5012">
        <v>26972.335490000001</v>
      </c>
      <c r="AE5012">
        <v>49428.797070000001</v>
      </c>
      <c r="AF5012">
        <v>47489.316599999998</v>
      </c>
      <c r="AG5012">
        <v>30825.328430000001</v>
      </c>
      <c r="AH5012">
        <v>216315.99739999999</v>
      </c>
      <c r="AI5012">
        <v>68901.212650000001</v>
      </c>
      <c r="AJ5012">
        <v>17713.190360000001</v>
      </c>
      <c r="AK5012">
        <v>38628.503559999997</v>
      </c>
      <c r="AL5012">
        <v>53971.54247</v>
      </c>
      <c r="AM5012">
        <v>20355.58869</v>
      </c>
      <c r="AN5012">
        <v>86242.833689999999</v>
      </c>
      <c r="AO5012">
        <v>24486.632310000001</v>
      </c>
      <c r="AP5012">
        <v>17033.61778</v>
      </c>
    </row>
    <row r="5013" spans="2:42" x14ac:dyDescent="0.3">
      <c r="B5013">
        <v>41.887367803645283</v>
      </c>
      <c r="C5013" s="83">
        <v>43309.791666666664</v>
      </c>
      <c r="D5013">
        <v>151014.33559999999</v>
      </c>
      <c r="E5013">
        <v>20601.016749999999</v>
      </c>
      <c r="F5013">
        <v>84944.349040000001</v>
      </c>
      <c r="G5013">
        <v>28510.270349999999</v>
      </c>
      <c r="H5013">
        <v>34466.705269999999</v>
      </c>
      <c r="I5013">
        <v>26919.624940000002</v>
      </c>
      <c r="J5013">
        <v>49003.93058</v>
      </c>
      <c r="K5013">
        <v>48075.738369999999</v>
      </c>
      <c r="L5013">
        <v>31448.316849999999</v>
      </c>
      <c r="M5013">
        <v>213561.33489999999</v>
      </c>
      <c r="N5013">
        <v>68469.699909999996</v>
      </c>
      <c r="O5013">
        <v>17256.493320000001</v>
      </c>
      <c r="P5013">
        <v>41236.067300000002</v>
      </c>
      <c r="Q5013">
        <v>52285.751230000002</v>
      </c>
      <c r="R5013">
        <v>19012.53874</v>
      </c>
      <c r="S5013">
        <v>84431.802429999996</v>
      </c>
      <c r="T5013">
        <v>22825.55716</v>
      </c>
      <c r="U5013">
        <v>17300.055240000002</v>
      </c>
      <c r="W5013" s="83">
        <f>Bühler!N5045</f>
        <v>45500.791666654513</v>
      </c>
      <c r="X5013" s="83">
        <v>43309.791666666664</v>
      </c>
      <c r="Y5013">
        <v>151014.33559999999</v>
      </c>
      <c r="Z5013">
        <v>20601.016749999999</v>
      </c>
      <c r="AA5013">
        <v>84944.349040000001</v>
      </c>
      <c r="AB5013">
        <v>28510.270349999999</v>
      </c>
      <c r="AC5013">
        <v>34466.705269999999</v>
      </c>
      <c r="AD5013">
        <v>26919.624940000002</v>
      </c>
      <c r="AE5013">
        <v>49003.93058</v>
      </c>
      <c r="AF5013">
        <v>48075.738369999999</v>
      </c>
      <c r="AG5013">
        <v>31448.316849999999</v>
      </c>
      <c r="AH5013">
        <v>213561.33489999999</v>
      </c>
      <c r="AI5013">
        <v>68469.699909999996</v>
      </c>
      <c r="AJ5013">
        <v>17256.493320000001</v>
      </c>
      <c r="AK5013">
        <v>41236.067300000002</v>
      </c>
      <c r="AL5013">
        <v>52285.751230000002</v>
      </c>
      <c r="AM5013">
        <v>19012.53874</v>
      </c>
      <c r="AN5013">
        <v>84431.802429999996</v>
      </c>
      <c r="AO5013">
        <v>22825.55716</v>
      </c>
      <c r="AP5013">
        <v>17300.055240000002</v>
      </c>
    </row>
    <row r="5014" spans="2:42" x14ac:dyDescent="0.3">
      <c r="B5014">
        <v>40.794408857511968</v>
      </c>
      <c r="C5014" s="83">
        <v>43309.833333333336</v>
      </c>
      <c r="D5014">
        <v>149086.611</v>
      </c>
      <c r="E5014">
        <v>14946.059939999999</v>
      </c>
      <c r="F5014">
        <v>66096.073250000001</v>
      </c>
      <c r="G5014">
        <v>27743.61709</v>
      </c>
      <c r="H5014">
        <v>33330.541360000003</v>
      </c>
      <c r="I5014">
        <v>25999.78139</v>
      </c>
      <c r="J5014">
        <v>47880.579360000003</v>
      </c>
      <c r="K5014">
        <v>49496.563159999998</v>
      </c>
      <c r="L5014">
        <v>30969.912899999999</v>
      </c>
      <c r="M5014">
        <v>207988.92050000001</v>
      </c>
      <c r="N5014">
        <v>67297.346319999997</v>
      </c>
      <c r="O5014">
        <v>17276.888289999999</v>
      </c>
      <c r="P5014">
        <v>40524.461920000002</v>
      </c>
      <c r="Q5014">
        <v>49503.055070000002</v>
      </c>
      <c r="R5014">
        <v>18586.96184</v>
      </c>
      <c r="S5014">
        <v>78855.508820000003</v>
      </c>
      <c r="T5014">
        <v>19729.53314</v>
      </c>
      <c r="U5014">
        <v>16883.45621</v>
      </c>
      <c r="W5014" s="83">
        <f>Bühler!N5046</f>
        <v>45500.833333321178</v>
      </c>
      <c r="X5014" s="83">
        <v>43309.833333333336</v>
      </c>
      <c r="Y5014">
        <v>149086.611</v>
      </c>
      <c r="Z5014">
        <v>14946.059939999999</v>
      </c>
      <c r="AA5014">
        <v>66096.073250000001</v>
      </c>
      <c r="AB5014">
        <v>27743.61709</v>
      </c>
      <c r="AC5014">
        <v>33330.541360000003</v>
      </c>
      <c r="AD5014">
        <v>25999.78139</v>
      </c>
      <c r="AE5014">
        <v>47880.579360000003</v>
      </c>
      <c r="AF5014">
        <v>49496.563159999998</v>
      </c>
      <c r="AG5014">
        <v>30969.912899999999</v>
      </c>
      <c r="AH5014">
        <v>207988.92050000001</v>
      </c>
      <c r="AI5014">
        <v>67297.346319999997</v>
      </c>
      <c r="AJ5014">
        <v>17276.888289999999</v>
      </c>
      <c r="AK5014">
        <v>40524.461920000002</v>
      </c>
      <c r="AL5014">
        <v>49503.055070000002</v>
      </c>
      <c r="AM5014">
        <v>18586.96184</v>
      </c>
      <c r="AN5014">
        <v>78855.508820000003</v>
      </c>
      <c r="AO5014">
        <v>19729.53314</v>
      </c>
      <c r="AP5014">
        <v>16883.45621</v>
      </c>
    </row>
    <row r="5015" spans="2:42" x14ac:dyDescent="0.3">
      <c r="B5015">
        <v>40.382966816061639</v>
      </c>
      <c r="C5015" s="83">
        <v>43309.875</v>
      </c>
      <c r="D5015">
        <v>148749.29889999999</v>
      </c>
      <c r="E5015">
        <v>13192.3387</v>
      </c>
      <c r="F5015">
        <v>56925.349099999999</v>
      </c>
      <c r="G5015">
        <v>27551.521949999998</v>
      </c>
      <c r="H5015">
        <v>32892.139210000001</v>
      </c>
      <c r="I5015">
        <v>25330.11969</v>
      </c>
      <c r="J5015">
        <v>47437.764260000004</v>
      </c>
      <c r="K5015">
        <v>51120.731330000002</v>
      </c>
      <c r="L5015">
        <v>30288.72782</v>
      </c>
      <c r="M5015">
        <v>205891.19709999999</v>
      </c>
      <c r="N5015">
        <v>67778.832670000003</v>
      </c>
      <c r="O5015">
        <v>16947.357830000001</v>
      </c>
      <c r="P5015">
        <v>39252.334929999997</v>
      </c>
      <c r="Q5015">
        <v>48559.394630000003</v>
      </c>
      <c r="R5015">
        <v>18020.885030000001</v>
      </c>
      <c r="S5015">
        <v>76251.622210000001</v>
      </c>
      <c r="T5015">
        <v>19241.64517</v>
      </c>
      <c r="U5015">
        <v>17272.339250000001</v>
      </c>
      <c r="W5015" s="83">
        <f>Bühler!N5047</f>
        <v>45500.874999987842</v>
      </c>
      <c r="X5015" s="83">
        <v>43309.875</v>
      </c>
      <c r="Y5015">
        <v>148749.29889999999</v>
      </c>
      <c r="Z5015">
        <v>13192.3387</v>
      </c>
      <c r="AA5015">
        <v>56925.349099999999</v>
      </c>
      <c r="AB5015">
        <v>27551.521949999998</v>
      </c>
      <c r="AC5015">
        <v>32892.139210000001</v>
      </c>
      <c r="AD5015">
        <v>25330.11969</v>
      </c>
      <c r="AE5015">
        <v>47437.764260000004</v>
      </c>
      <c r="AF5015">
        <v>51120.731330000002</v>
      </c>
      <c r="AG5015">
        <v>30288.72782</v>
      </c>
      <c r="AH5015">
        <v>205891.19709999999</v>
      </c>
      <c r="AI5015">
        <v>67778.832670000003</v>
      </c>
      <c r="AJ5015">
        <v>16947.357830000001</v>
      </c>
      <c r="AK5015">
        <v>39252.334929999997</v>
      </c>
      <c r="AL5015">
        <v>48559.394630000003</v>
      </c>
      <c r="AM5015">
        <v>18020.885030000001</v>
      </c>
      <c r="AN5015">
        <v>76251.622210000001</v>
      </c>
      <c r="AO5015">
        <v>19241.64517</v>
      </c>
      <c r="AP5015">
        <v>17272.339250000001</v>
      </c>
    </row>
    <row r="5016" spans="2:42" x14ac:dyDescent="0.3">
      <c r="B5016">
        <v>40.678399834341064</v>
      </c>
      <c r="C5016" s="83">
        <v>43309.916666666664</v>
      </c>
      <c r="D5016">
        <v>148759.55790000001</v>
      </c>
      <c r="E5016">
        <v>13108.5479</v>
      </c>
      <c r="F5016">
        <v>55059.61232</v>
      </c>
      <c r="G5016">
        <v>28247.62974</v>
      </c>
      <c r="H5016">
        <v>34459.091950000002</v>
      </c>
      <c r="I5016">
        <v>24567.215059999999</v>
      </c>
      <c r="J5016">
        <v>46821.847309999997</v>
      </c>
      <c r="K5016">
        <v>53537.807399999998</v>
      </c>
      <c r="L5016">
        <v>28198.708449999998</v>
      </c>
      <c r="M5016">
        <v>207397.45240000001</v>
      </c>
      <c r="N5016">
        <v>68041.915399999998</v>
      </c>
      <c r="O5016">
        <v>16902.607810000001</v>
      </c>
      <c r="P5016">
        <v>41847.285060000002</v>
      </c>
      <c r="Q5016">
        <v>48333.141340000002</v>
      </c>
      <c r="R5016">
        <v>20105.377980000001</v>
      </c>
      <c r="S5016">
        <v>76156.753330000007</v>
      </c>
      <c r="T5016">
        <v>19339.941800000001</v>
      </c>
      <c r="U5016">
        <v>17969.70606</v>
      </c>
      <c r="W5016" s="83">
        <f>Bühler!N5048</f>
        <v>45500.916666654506</v>
      </c>
      <c r="X5016" s="83">
        <v>43309.916666666664</v>
      </c>
      <c r="Y5016">
        <v>148759.55790000001</v>
      </c>
      <c r="Z5016">
        <v>13108.5479</v>
      </c>
      <c r="AA5016">
        <v>55059.61232</v>
      </c>
      <c r="AB5016">
        <v>28247.62974</v>
      </c>
      <c r="AC5016">
        <v>34459.091950000002</v>
      </c>
      <c r="AD5016">
        <v>24567.215059999999</v>
      </c>
      <c r="AE5016">
        <v>46821.847309999997</v>
      </c>
      <c r="AF5016">
        <v>53537.807399999998</v>
      </c>
      <c r="AG5016">
        <v>28198.708449999998</v>
      </c>
      <c r="AH5016">
        <v>207397.45240000001</v>
      </c>
      <c r="AI5016">
        <v>68041.915399999998</v>
      </c>
      <c r="AJ5016">
        <v>16902.607810000001</v>
      </c>
      <c r="AK5016">
        <v>41847.285060000002</v>
      </c>
      <c r="AL5016">
        <v>48333.141340000002</v>
      </c>
      <c r="AM5016">
        <v>20105.377980000001</v>
      </c>
      <c r="AN5016">
        <v>76156.753330000007</v>
      </c>
      <c r="AO5016">
        <v>19339.941800000001</v>
      </c>
      <c r="AP5016">
        <v>17969.70606</v>
      </c>
    </row>
    <row r="5017" spans="2:42" x14ac:dyDescent="0.3">
      <c r="B5017">
        <v>40.394358869299701</v>
      </c>
      <c r="C5017" s="83">
        <v>43309.958333333336</v>
      </c>
      <c r="D5017">
        <v>147216.69149999999</v>
      </c>
      <c r="E5017">
        <v>12456.253280000001</v>
      </c>
      <c r="F5017">
        <v>53121.035830000001</v>
      </c>
      <c r="G5017">
        <v>28339.63437</v>
      </c>
      <c r="H5017">
        <v>33776.593540000002</v>
      </c>
      <c r="I5017">
        <v>23922.19772</v>
      </c>
      <c r="J5017">
        <v>41854.340499999998</v>
      </c>
      <c r="K5017">
        <v>52575.79911</v>
      </c>
      <c r="L5017">
        <v>24093.381389999999</v>
      </c>
      <c r="M5017">
        <v>205949.27910000001</v>
      </c>
      <c r="N5017">
        <v>66532.355469999995</v>
      </c>
      <c r="O5017">
        <v>17018.44657</v>
      </c>
      <c r="P5017">
        <v>35954.612589999997</v>
      </c>
      <c r="Q5017">
        <v>48051.662689999997</v>
      </c>
      <c r="R5017">
        <v>20864.366000000002</v>
      </c>
      <c r="S5017">
        <v>74502.669150000002</v>
      </c>
      <c r="T5017">
        <v>18682.315480000001</v>
      </c>
      <c r="U5017">
        <v>17508.379489999999</v>
      </c>
      <c r="W5017" s="83">
        <f>Bühler!N5049</f>
        <v>45500.95833332117</v>
      </c>
      <c r="X5017" s="83">
        <v>43309.958333333336</v>
      </c>
      <c r="Y5017">
        <v>147216.69149999999</v>
      </c>
      <c r="Z5017">
        <v>12456.253280000001</v>
      </c>
      <c r="AA5017">
        <v>53121.035830000001</v>
      </c>
      <c r="AB5017">
        <v>28339.63437</v>
      </c>
      <c r="AC5017">
        <v>33776.593540000002</v>
      </c>
      <c r="AD5017">
        <v>23922.19772</v>
      </c>
      <c r="AE5017">
        <v>41854.340499999998</v>
      </c>
      <c r="AF5017">
        <v>52575.79911</v>
      </c>
      <c r="AG5017">
        <v>24093.381389999999</v>
      </c>
      <c r="AH5017">
        <v>205949.27910000001</v>
      </c>
      <c r="AI5017">
        <v>66532.355469999995</v>
      </c>
      <c r="AJ5017">
        <v>17018.44657</v>
      </c>
      <c r="AK5017">
        <v>35954.612589999997</v>
      </c>
      <c r="AL5017">
        <v>48051.662689999997</v>
      </c>
      <c r="AM5017">
        <v>20864.366000000002</v>
      </c>
      <c r="AN5017">
        <v>74502.669150000002</v>
      </c>
      <c r="AO5017">
        <v>18682.315480000001</v>
      </c>
      <c r="AP5017">
        <v>17508.379489999999</v>
      </c>
    </row>
    <row r="5018" spans="2:42" x14ac:dyDescent="0.3">
      <c r="B5018">
        <v>39.552528853735893</v>
      </c>
      <c r="C5018" s="83">
        <v>43310</v>
      </c>
      <c r="D5018">
        <v>146186.12090000001</v>
      </c>
      <c r="E5018">
        <v>12133.21279</v>
      </c>
      <c r="F5018">
        <v>51317.45291</v>
      </c>
      <c r="G5018">
        <v>28539.738509999999</v>
      </c>
      <c r="H5018">
        <v>33068.165410000001</v>
      </c>
      <c r="I5018">
        <v>22478.405490000001</v>
      </c>
      <c r="J5018">
        <v>37582.634610000001</v>
      </c>
      <c r="K5018">
        <v>49438.860520000002</v>
      </c>
      <c r="L5018">
        <v>20726.093570000001</v>
      </c>
      <c r="M5018">
        <v>201657.2371</v>
      </c>
      <c r="N5018">
        <v>65696.664600000004</v>
      </c>
      <c r="O5018">
        <v>16618.575710000001</v>
      </c>
      <c r="P5018">
        <v>31794.125530000001</v>
      </c>
      <c r="Q5018">
        <v>47787.436099999999</v>
      </c>
      <c r="R5018">
        <v>16577.593369999999</v>
      </c>
      <c r="S5018">
        <v>73003.374339999995</v>
      </c>
      <c r="T5018">
        <v>18003.526740000001</v>
      </c>
      <c r="U5018">
        <v>16909.61465</v>
      </c>
      <c r="W5018" s="83">
        <f>Bühler!N5050</f>
        <v>45500.999999987835</v>
      </c>
      <c r="X5018" s="83">
        <v>43310</v>
      </c>
      <c r="Y5018">
        <v>146186.12090000001</v>
      </c>
      <c r="Z5018">
        <v>12133.21279</v>
      </c>
      <c r="AA5018">
        <v>51317.45291</v>
      </c>
      <c r="AB5018">
        <v>28539.738509999999</v>
      </c>
      <c r="AC5018">
        <v>33068.165410000001</v>
      </c>
      <c r="AD5018">
        <v>22478.405490000001</v>
      </c>
      <c r="AE5018">
        <v>37582.634610000001</v>
      </c>
      <c r="AF5018">
        <v>49438.860520000002</v>
      </c>
      <c r="AG5018">
        <v>20726.093570000001</v>
      </c>
      <c r="AH5018">
        <v>201657.2371</v>
      </c>
      <c r="AI5018">
        <v>65696.664600000004</v>
      </c>
      <c r="AJ5018">
        <v>16618.575710000001</v>
      </c>
      <c r="AK5018">
        <v>31794.125530000001</v>
      </c>
      <c r="AL5018">
        <v>47787.436099999999</v>
      </c>
      <c r="AM5018">
        <v>16577.593369999999</v>
      </c>
      <c r="AN5018">
        <v>73003.374339999995</v>
      </c>
      <c r="AO5018">
        <v>18003.526740000001</v>
      </c>
      <c r="AP5018">
        <v>16909.61465</v>
      </c>
    </row>
    <row r="5019" spans="2:42" x14ac:dyDescent="0.3">
      <c r="B5019">
        <v>39.261633690263828</v>
      </c>
      <c r="C5019" s="83">
        <v>43310.041666666664</v>
      </c>
      <c r="D5019">
        <v>145247.68299999999</v>
      </c>
      <c r="E5019">
        <v>11973.910519999999</v>
      </c>
      <c r="F5019">
        <v>50471.439760000001</v>
      </c>
      <c r="G5019">
        <v>28094.079679999999</v>
      </c>
      <c r="H5019">
        <v>32453.176769999998</v>
      </c>
      <c r="I5019">
        <v>19853.22277</v>
      </c>
      <c r="J5019">
        <v>35829.704819999999</v>
      </c>
      <c r="K5019">
        <v>48308.927539999997</v>
      </c>
      <c r="L5019">
        <v>19240.242849999999</v>
      </c>
      <c r="M5019">
        <v>200174.11790000001</v>
      </c>
      <c r="N5019">
        <v>64175.050289999999</v>
      </c>
      <c r="O5019">
        <v>16130.37045</v>
      </c>
      <c r="P5019">
        <v>29063.14891</v>
      </c>
      <c r="Q5019">
        <v>48463.991979999999</v>
      </c>
      <c r="R5019">
        <v>14469.1962</v>
      </c>
      <c r="S5019">
        <v>71386.444699999993</v>
      </c>
      <c r="T5019">
        <v>17620.94168</v>
      </c>
      <c r="U5019">
        <v>16795.474149999998</v>
      </c>
      <c r="W5019" s="83">
        <f>Bühler!N5051</f>
        <v>45501.041666654499</v>
      </c>
      <c r="X5019" s="83">
        <v>43310.041666666664</v>
      </c>
      <c r="Y5019">
        <v>145247.68299999999</v>
      </c>
      <c r="Z5019">
        <v>11973.910519999999</v>
      </c>
      <c r="AA5019">
        <v>50471.439760000001</v>
      </c>
      <c r="AB5019">
        <v>28094.079679999999</v>
      </c>
      <c r="AC5019">
        <v>32453.176769999998</v>
      </c>
      <c r="AD5019">
        <v>19853.22277</v>
      </c>
      <c r="AE5019">
        <v>35829.704819999999</v>
      </c>
      <c r="AF5019">
        <v>48308.927539999997</v>
      </c>
      <c r="AG5019">
        <v>19240.242849999999</v>
      </c>
      <c r="AH5019">
        <v>200174.11790000001</v>
      </c>
      <c r="AI5019">
        <v>64175.050289999999</v>
      </c>
      <c r="AJ5019">
        <v>16130.37045</v>
      </c>
      <c r="AK5019">
        <v>29063.14891</v>
      </c>
      <c r="AL5019">
        <v>48463.991979999999</v>
      </c>
      <c r="AM5019">
        <v>14469.1962</v>
      </c>
      <c r="AN5019">
        <v>71386.444699999993</v>
      </c>
      <c r="AO5019">
        <v>17620.94168</v>
      </c>
      <c r="AP5019">
        <v>16795.474149999998</v>
      </c>
    </row>
    <row r="5020" spans="2:42" x14ac:dyDescent="0.3">
      <c r="B5020">
        <v>39.003789975736964</v>
      </c>
      <c r="C5020" s="83">
        <v>43310.083333333336</v>
      </c>
      <c r="D5020">
        <v>144872.32199999999</v>
      </c>
      <c r="E5020">
        <v>11575.64954</v>
      </c>
      <c r="F5020">
        <v>50206.98936</v>
      </c>
      <c r="G5020">
        <v>27715.123240000001</v>
      </c>
      <c r="H5020">
        <v>32272.14647</v>
      </c>
      <c r="I5020">
        <v>17775.901109999999</v>
      </c>
      <c r="J5020">
        <v>35278.327590000001</v>
      </c>
      <c r="K5020">
        <v>46927.325900000003</v>
      </c>
      <c r="L5020">
        <v>18114.908660000001</v>
      </c>
      <c r="M5020">
        <v>198859.5104</v>
      </c>
      <c r="N5020">
        <v>63152.829510000003</v>
      </c>
      <c r="O5020">
        <v>16294.301100000001</v>
      </c>
      <c r="P5020">
        <v>27035.61319</v>
      </c>
      <c r="Q5020">
        <v>49791.937059999997</v>
      </c>
      <c r="R5020">
        <v>13558.388709999999</v>
      </c>
      <c r="S5020">
        <v>70418.287689999997</v>
      </c>
      <c r="T5020">
        <v>17270.584439999999</v>
      </c>
      <c r="U5020">
        <v>16343.333629999999</v>
      </c>
      <c r="W5020" s="83">
        <f>Bühler!N5052</f>
        <v>45501.083333321163</v>
      </c>
      <c r="X5020" s="83">
        <v>43310.083333333336</v>
      </c>
      <c r="Y5020">
        <v>144872.32199999999</v>
      </c>
      <c r="Z5020">
        <v>11575.64954</v>
      </c>
      <c r="AA5020">
        <v>50206.98936</v>
      </c>
      <c r="AB5020">
        <v>27715.123240000001</v>
      </c>
      <c r="AC5020">
        <v>32272.14647</v>
      </c>
      <c r="AD5020">
        <v>17775.901109999999</v>
      </c>
      <c r="AE5020">
        <v>35278.327590000001</v>
      </c>
      <c r="AF5020">
        <v>46927.325900000003</v>
      </c>
      <c r="AG5020">
        <v>18114.908660000001</v>
      </c>
      <c r="AH5020">
        <v>198859.5104</v>
      </c>
      <c r="AI5020">
        <v>63152.829510000003</v>
      </c>
      <c r="AJ5020">
        <v>16294.301100000001</v>
      </c>
      <c r="AK5020">
        <v>27035.61319</v>
      </c>
      <c r="AL5020">
        <v>49791.937059999997</v>
      </c>
      <c r="AM5020">
        <v>13558.388709999999</v>
      </c>
      <c r="AN5020">
        <v>70418.287689999997</v>
      </c>
      <c r="AO5020">
        <v>17270.584439999999</v>
      </c>
      <c r="AP5020">
        <v>16343.333629999999</v>
      </c>
    </row>
    <row r="5021" spans="2:42" x14ac:dyDescent="0.3">
      <c r="B5021">
        <v>39.022662023436524</v>
      </c>
      <c r="C5021" s="83">
        <v>43310.125</v>
      </c>
      <c r="D5021">
        <v>144158.6568</v>
      </c>
      <c r="E5021">
        <v>11557.162329999999</v>
      </c>
      <c r="F5021">
        <v>50065.902240000003</v>
      </c>
      <c r="G5021">
        <v>26661.25534</v>
      </c>
      <c r="H5021">
        <v>31946.10312</v>
      </c>
      <c r="I5021">
        <v>17117.252069999999</v>
      </c>
      <c r="J5021">
        <v>35021.479769999998</v>
      </c>
      <c r="K5021">
        <v>46031.999790000002</v>
      </c>
      <c r="L5021">
        <v>17166.60094</v>
      </c>
      <c r="M5021">
        <v>198955.72889999999</v>
      </c>
      <c r="N5021">
        <v>62603.040919999999</v>
      </c>
      <c r="O5021">
        <v>16177.7011</v>
      </c>
      <c r="P5021">
        <v>25645.04364</v>
      </c>
      <c r="Q5021">
        <v>51349.22363</v>
      </c>
      <c r="R5021">
        <v>13313.86061</v>
      </c>
      <c r="S5021">
        <v>69853.249710000004</v>
      </c>
      <c r="T5021">
        <v>16991.061300000001</v>
      </c>
      <c r="U5021">
        <v>16288.934499999999</v>
      </c>
      <c r="W5021" s="83">
        <f>Bühler!N5053</f>
        <v>45501.124999987827</v>
      </c>
      <c r="X5021" s="83">
        <v>43310.125</v>
      </c>
      <c r="Y5021">
        <v>144158.6568</v>
      </c>
      <c r="Z5021">
        <v>11557.162329999999</v>
      </c>
      <c r="AA5021">
        <v>50065.902240000003</v>
      </c>
      <c r="AB5021">
        <v>26661.25534</v>
      </c>
      <c r="AC5021">
        <v>31946.10312</v>
      </c>
      <c r="AD5021">
        <v>17117.252069999999</v>
      </c>
      <c r="AE5021">
        <v>35021.479769999998</v>
      </c>
      <c r="AF5021">
        <v>46031.999790000002</v>
      </c>
      <c r="AG5021">
        <v>17166.60094</v>
      </c>
      <c r="AH5021">
        <v>198955.72889999999</v>
      </c>
      <c r="AI5021">
        <v>62603.040919999999</v>
      </c>
      <c r="AJ5021">
        <v>16177.7011</v>
      </c>
      <c r="AK5021">
        <v>25645.04364</v>
      </c>
      <c r="AL5021">
        <v>51349.22363</v>
      </c>
      <c r="AM5021">
        <v>13313.86061</v>
      </c>
      <c r="AN5021">
        <v>69853.249710000004</v>
      </c>
      <c r="AO5021">
        <v>16991.061300000001</v>
      </c>
      <c r="AP5021">
        <v>16288.934499999999</v>
      </c>
    </row>
    <row r="5022" spans="2:42" x14ac:dyDescent="0.3">
      <c r="B5022">
        <v>38.704978313990139</v>
      </c>
      <c r="C5022" s="83">
        <v>43310.166666666664</v>
      </c>
      <c r="D5022">
        <v>143360.01250000001</v>
      </c>
      <c r="E5022">
        <v>11640.57425</v>
      </c>
      <c r="F5022">
        <v>49735.917079999999</v>
      </c>
      <c r="G5022">
        <v>26547.72997</v>
      </c>
      <c r="H5022">
        <v>31731.329290000001</v>
      </c>
      <c r="I5022">
        <v>17345.835129999999</v>
      </c>
      <c r="J5022">
        <v>36724.935649999999</v>
      </c>
      <c r="K5022">
        <v>44855.924149999999</v>
      </c>
      <c r="L5022">
        <v>16516.609560000001</v>
      </c>
      <c r="M5022">
        <v>197336.02919999999</v>
      </c>
      <c r="N5022">
        <v>60687.498720000003</v>
      </c>
      <c r="O5022">
        <v>16787.195019999999</v>
      </c>
      <c r="P5022">
        <v>25619.56709</v>
      </c>
      <c r="Q5022">
        <v>52049.062120000002</v>
      </c>
      <c r="R5022">
        <v>13053.304749999999</v>
      </c>
      <c r="S5022">
        <v>69819.505869999994</v>
      </c>
      <c r="T5022">
        <v>16833.299289999999</v>
      </c>
      <c r="U5022">
        <v>16091.529689999999</v>
      </c>
      <c r="W5022" s="83">
        <f>Bühler!N5054</f>
        <v>45501.166666654492</v>
      </c>
      <c r="X5022" s="83">
        <v>43310.166666666664</v>
      </c>
      <c r="Y5022">
        <v>143360.01250000001</v>
      </c>
      <c r="Z5022">
        <v>11640.57425</v>
      </c>
      <c r="AA5022">
        <v>49735.917079999999</v>
      </c>
      <c r="AB5022">
        <v>26547.72997</v>
      </c>
      <c r="AC5022">
        <v>31731.329290000001</v>
      </c>
      <c r="AD5022">
        <v>17345.835129999999</v>
      </c>
      <c r="AE5022">
        <v>36724.935649999999</v>
      </c>
      <c r="AF5022">
        <v>44855.924149999999</v>
      </c>
      <c r="AG5022">
        <v>16516.609560000001</v>
      </c>
      <c r="AH5022">
        <v>197336.02919999999</v>
      </c>
      <c r="AI5022">
        <v>60687.498720000003</v>
      </c>
      <c r="AJ5022">
        <v>16787.195019999999</v>
      </c>
      <c r="AK5022">
        <v>25619.56709</v>
      </c>
      <c r="AL5022">
        <v>52049.062120000002</v>
      </c>
      <c r="AM5022">
        <v>13053.304749999999</v>
      </c>
      <c r="AN5022">
        <v>69819.505869999994</v>
      </c>
      <c r="AO5022">
        <v>16833.299289999999</v>
      </c>
      <c r="AP5022">
        <v>16091.529689999999</v>
      </c>
    </row>
    <row r="5023" spans="2:42" x14ac:dyDescent="0.3">
      <c r="B5023">
        <v>38.348403046435728</v>
      </c>
      <c r="C5023" s="83">
        <v>43310.208333333336</v>
      </c>
      <c r="D5023">
        <v>142842.7971</v>
      </c>
      <c r="E5023">
        <v>11757.643770000001</v>
      </c>
      <c r="F5023">
        <v>51051.532709999999</v>
      </c>
      <c r="G5023">
        <v>26249.35037</v>
      </c>
      <c r="H5023">
        <v>31913.603589999999</v>
      </c>
      <c r="I5023">
        <v>20173.41619</v>
      </c>
      <c r="J5023">
        <v>39331.436629999997</v>
      </c>
      <c r="K5023">
        <v>43953.607539999997</v>
      </c>
      <c r="L5023">
        <v>17176.48186</v>
      </c>
      <c r="M5023">
        <v>195518.0422</v>
      </c>
      <c r="N5023">
        <v>59101.36735</v>
      </c>
      <c r="O5023">
        <v>16666.17859</v>
      </c>
      <c r="P5023">
        <v>26648.168259999999</v>
      </c>
      <c r="Q5023">
        <v>51633.803050000002</v>
      </c>
      <c r="R5023">
        <v>14331.2341</v>
      </c>
      <c r="S5023">
        <v>71022.607340000002</v>
      </c>
      <c r="T5023">
        <v>16384.140889999999</v>
      </c>
      <c r="U5023">
        <v>16037.08833</v>
      </c>
      <c r="W5023" s="83">
        <f>Bühler!N5055</f>
        <v>45501.208333321156</v>
      </c>
      <c r="X5023" s="83">
        <v>43310.208333333336</v>
      </c>
      <c r="Y5023">
        <v>142842.7971</v>
      </c>
      <c r="Z5023">
        <v>11757.643770000001</v>
      </c>
      <c r="AA5023">
        <v>51051.532709999999</v>
      </c>
      <c r="AB5023">
        <v>26249.35037</v>
      </c>
      <c r="AC5023">
        <v>31913.603589999999</v>
      </c>
      <c r="AD5023">
        <v>20173.41619</v>
      </c>
      <c r="AE5023">
        <v>39331.436629999997</v>
      </c>
      <c r="AF5023">
        <v>43953.607539999997</v>
      </c>
      <c r="AG5023">
        <v>17176.48186</v>
      </c>
      <c r="AH5023">
        <v>195518.0422</v>
      </c>
      <c r="AI5023">
        <v>59101.36735</v>
      </c>
      <c r="AJ5023">
        <v>16666.17859</v>
      </c>
      <c r="AK5023">
        <v>26648.168259999999</v>
      </c>
      <c r="AL5023">
        <v>51633.803050000002</v>
      </c>
      <c r="AM5023">
        <v>14331.2341</v>
      </c>
      <c r="AN5023">
        <v>71022.607340000002</v>
      </c>
      <c r="AO5023">
        <v>16384.140889999999</v>
      </c>
      <c r="AP5023">
        <v>16037.08833</v>
      </c>
    </row>
    <row r="5024" spans="2:42" x14ac:dyDescent="0.3">
      <c r="B5024">
        <v>38.20104479208824</v>
      </c>
      <c r="C5024" s="83">
        <v>43310.25</v>
      </c>
      <c r="D5024">
        <v>140956.9994</v>
      </c>
      <c r="E5024">
        <v>11695.61069</v>
      </c>
      <c r="F5024">
        <v>53699.683839999998</v>
      </c>
      <c r="G5024">
        <v>25911.846610000001</v>
      </c>
      <c r="H5024">
        <v>30384.0952</v>
      </c>
      <c r="I5024">
        <v>21736.323349999999</v>
      </c>
      <c r="J5024">
        <v>40386.172429999999</v>
      </c>
      <c r="K5024">
        <v>42701.916669999999</v>
      </c>
      <c r="L5024">
        <v>17370.51944</v>
      </c>
      <c r="M5024">
        <v>194766.74110000001</v>
      </c>
      <c r="N5024">
        <v>57126.877959999998</v>
      </c>
      <c r="O5024">
        <v>17181.945019999999</v>
      </c>
      <c r="P5024">
        <v>27066.08065</v>
      </c>
      <c r="Q5024">
        <v>50676.655630000001</v>
      </c>
      <c r="R5024">
        <v>13064.807769999999</v>
      </c>
      <c r="S5024">
        <v>73651.507419999994</v>
      </c>
      <c r="T5024">
        <v>16685.44166</v>
      </c>
      <c r="U5024">
        <v>15202.41347</v>
      </c>
      <c r="W5024" s="83">
        <f>Bühler!N5056</f>
        <v>45501.24999998782</v>
      </c>
      <c r="X5024" s="83">
        <v>43310.25</v>
      </c>
      <c r="Y5024">
        <v>140956.9994</v>
      </c>
      <c r="Z5024">
        <v>11695.61069</v>
      </c>
      <c r="AA5024">
        <v>53699.683839999998</v>
      </c>
      <c r="AB5024">
        <v>25911.846610000001</v>
      </c>
      <c r="AC5024">
        <v>30384.0952</v>
      </c>
      <c r="AD5024">
        <v>21736.323349999999</v>
      </c>
      <c r="AE5024">
        <v>40386.172429999999</v>
      </c>
      <c r="AF5024">
        <v>42701.916669999999</v>
      </c>
      <c r="AG5024">
        <v>17370.51944</v>
      </c>
      <c r="AH5024">
        <v>194766.74110000001</v>
      </c>
      <c r="AI5024">
        <v>57126.877959999998</v>
      </c>
      <c r="AJ5024">
        <v>17181.945019999999</v>
      </c>
      <c r="AK5024">
        <v>27066.08065</v>
      </c>
      <c r="AL5024">
        <v>50676.655630000001</v>
      </c>
      <c r="AM5024">
        <v>13064.807769999999</v>
      </c>
      <c r="AN5024">
        <v>73651.507419999994</v>
      </c>
      <c r="AO5024">
        <v>16685.44166</v>
      </c>
      <c r="AP5024">
        <v>15202.41347</v>
      </c>
    </row>
    <row r="5025" spans="2:42" x14ac:dyDescent="0.3">
      <c r="B5025">
        <v>38.107180290902491</v>
      </c>
      <c r="C5025" s="83">
        <v>43310.291666666664</v>
      </c>
      <c r="D5025">
        <v>140537.29879999999</v>
      </c>
      <c r="E5025">
        <v>11865.74756</v>
      </c>
      <c r="F5025">
        <v>56113.58036</v>
      </c>
      <c r="G5025">
        <v>25870.59159</v>
      </c>
      <c r="H5025">
        <v>30339.314180000001</v>
      </c>
      <c r="I5025">
        <v>22294.742610000001</v>
      </c>
      <c r="J5025">
        <v>41231.463109999997</v>
      </c>
      <c r="K5025">
        <v>42248.772069999999</v>
      </c>
      <c r="L5025">
        <v>18667.479630000002</v>
      </c>
      <c r="M5025">
        <v>194288.17610000001</v>
      </c>
      <c r="N5025">
        <v>56209.144939999998</v>
      </c>
      <c r="O5025">
        <v>17682.048460000002</v>
      </c>
      <c r="P5025">
        <v>30528.906299999999</v>
      </c>
      <c r="Q5025">
        <v>49291.436809999999</v>
      </c>
      <c r="R5025">
        <v>12867.013349999999</v>
      </c>
      <c r="S5025">
        <v>77415.958509999997</v>
      </c>
      <c r="T5025">
        <v>17405.839899999999</v>
      </c>
      <c r="U5025">
        <v>15027.15789</v>
      </c>
      <c r="W5025" s="83">
        <f>Bühler!N5057</f>
        <v>45501.291666654484</v>
      </c>
      <c r="X5025" s="83">
        <v>43310.291666666664</v>
      </c>
      <c r="Y5025">
        <v>140537.29879999999</v>
      </c>
      <c r="Z5025">
        <v>11865.74756</v>
      </c>
      <c r="AA5025">
        <v>56113.58036</v>
      </c>
      <c r="AB5025">
        <v>25870.59159</v>
      </c>
      <c r="AC5025">
        <v>30339.314180000001</v>
      </c>
      <c r="AD5025">
        <v>22294.742610000001</v>
      </c>
      <c r="AE5025">
        <v>41231.463109999997</v>
      </c>
      <c r="AF5025">
        <v>42248.772069999999</v>
      </c>
      <c r="AG5025">
        <v>18667.479630000002</v>
      </c>
      <c r="AH5025">
        <v>194288.17610000001</v>
      </c>
      <c r="AI5025">
        <v>56209.144939999998</v>
      </c>
      <c r="AJ5025">
        <v>17682.048460000002</v>
      </c>
      <c r="AK5025">
        <v>30528.906299999999</v>
      </c>
      <c r="AL5025">
        <v>49291.436809999999</v>
      </c>
      <c r="AM5025">
        <v>12867.013349999999</v>
      </c>
      <c r="AN5025">
        <v>77415.958509999997</v>
      </c>
      <c r="AO5025">
        <v>17405.839899999999</v>
      </c>
      <c r="AP5025">
        <v>15027.15789</v>
      </c>
    </row>
    <row r="5026" spans="2:42" x14ac:dyDescent="0.3">
      <c r="B5026">
        <v>38.128373546433238</v>
      </c>
      <c r="C5026" s="83">
        <v>43310.333333333336</v>
      </c>
      <c r="D5026">
        <v>140709.08410000001</v>
      </c>
      <c r="E5026">
        <v>12823.35852</v>
      </c>
      <c r="F5026">
        <v>58759.449820000002</v>
      </c>
      <c r="G5026">
        <v>26387.766070000001</v>
      </c>
      <c r="H5026">
        <v>30780.224310000001</v>
      </c>
      <c r="I5026">
        <v>22429.987929999999</v>
      </c>
      <c r="J5026">
        <v>43875.61679</v>
      </c>
      <c r="K5026">
        <v>43354.761550000003</v>
      </c>
      <c r="L5026">
        <v>21158.34303</v>
      </c>
      <c r="M5026">
        <v>194396.2292</v>
      </c>
      <c r="N5026">
        <v>58306.045279999998</v>
      </c>
      <c r="O5026">
        <v>17943.88711</v>
      </c>
      <c r="P5026">
        <v>34258.822529999998</v>
      </c>
      <c r="Q5026">
        <v>48921.616679999999</v>
      </c>
      <c r="R5026">
        <v>14764.565629999999</v>
      </c>
      <c r="S5026">
        <v>80194.14013</v>
      </c>
      <c r="T5026">
        <v>20135.393260000001</v>
      </c>
      <c r="U5026">
        <v>15351.98842</v>
      </c>
      <c r="W5026" s="83">
        <f>Bühler!N5058</f>
        <v>45501.333333321149</v>
      </c>
      <c r="X5026" s="83">
        <v>43310.333333333336</v>
      </c>
      <c r="Y5026">
        <v>140709.08410000001</v>
      </c>
      <c r="Z5026">
        <v>12823.35852</v>
      </c>
      <c r="AA5026">
        <v>58759.449820000002</v>
      </c>
      <c r="AB5026">
        <v>26387.766070000001</v>
      </c>
      <c r="AC5026">
        <v>30780.224310000001</v>
      </c>
      <c r="AD5026">
        <v>22429.987929999999</v>
      </c>
      <c r="AE5026">
        <v>43875.61679</v>
      </c>
      <c r="AF5026">
        <v>43354.761550000003</v>
      </c>
      <c r="AG5026">
        <v>21158.34303</v>
      </c>
      <c r="AH5026">
        <v>194396.2292</v>
      </c>
      <c r="AI5026">
        <v>58306.045279999998</v>
      </c>
      <c r="AJ5026">
        <v>17943.88711</v>
      </c>
      <c r="AK5026">
        <v>34258.822529999998</v>
      </c>
      <c r="AL5026">
        <v>48921.616679999999</v>
      </c>
      <c r="AM5026">
        <v>14764.565629999999</v>
      </c>
      <c r="AN5026">
        <v>80194.14013</v>
      </c>
      <c r="AO5026">
        <v>20135.393260000001</v>
      </c>
      <c r="AP5026">
        <v>15351.98842</v>
      </c>
    </row>
    <row r="5027" spans="2:42" x14ac:dyDescent="0.3">
      <c r="B5027">
        <v>38.13313460561691</v>
      </c>
      <c r="C5027" s="83">
        <v>43310.375</v>
      </c>
      <c r="D5027">
        <v>141066.2133</v>
      </c>
      <c r="E5027">
        <v>13503.94419</v>
      </c>
      <c r="F5027">
        <v>62742.822899999999</v>
      </c>
      <c r="G5027">
        <v>26668.549630000001</v>
      </c>
      <c r="H5027">
        <v>31631.242689999999</v>
      </c>
      <c r="I5027">
        <v>23015.10482</v>
      </c>
      <c r="J5027">
        <v>46032.545469999997</v>
      </c>
      <c r="K5027">
        <v>45633.461960000001</v>
      </c>
      <c r="L5027">
        <v>24998.932430000001</v>
      </c>
      <c r="M5027">
        <v>194420.50330000001</v>
      </c>
      <c r="N5027">
        <v>61737.584699999999</v>
      </c>
      <c r="O5027">
        <v>18677.375820000001</v>
      </c>
      <c r="P5027">
        <v>39410.766989999996</v>
      </c>
      <c r="Q5027">
        <v>50216.673360000001</v>
      </c>
      <c r="R5027">
        <v>15570.05393</v>
      </c>
      <c r="S5027">
        <v>83525.731289999996</v>
      </c>
      <c r="T5027">
        <v>21698.993610000001</v>
      </c>
      <c r="U5027">
        <v>15670.726140000001</v>
      </c>
      <c r="W5027" s="83">
        <f>Bühler!N5059</f>
        <v>45501.374999987813</v>
      </c>
      <c r="X5027" s="83">
        <v>43310.375</v>
      </c>
      <c r="Y5027">
        <v>141066.2133</v>
      </c>
      <c r="Z5027">
        <v>13503.94419</v>
      </c>
      <c r="AA5027">
        <v>62742.822899999999</v>
      </c>
      <c r="AB5027">
        <v>26668.549630000001</v>
      </c>
      <c r="AC5027">
        <v>31631.242689999999</v>
      </c>
      <c r="AD5027">
        <v>23015.10482</v>
      </c>
      <c r="AE5027">
        <v>46032.545469999997</v>
      </c>
      <c r="AF5027">
        <v>45633.461960000001</v>
      </c>
      <c r="AG5027">
        <v>24998.932430000001</v>
      </c>
      <c r="AH5027">
        <v>194420.50330000001</v>
      </c>
      <c r="AI5027">
        <v>61737.584699999999</v>
      </c>
      <c r="AJ5027">
        <v>18677.375820000001</v>
      </c>
      <c r="AK5027">
        <v>39410.766989999996</v>
      </c>
      <c r="AL5027">
        <v>50216.673360000001</v>
      </c>
      <c r="AM5027">
        <v>15570.05393</v>
      </c>
      <c r="AN5027">
        <v>83525.731289999996</v>
      </c>
      <c r="AO5027">
        <v>21698.993610000001</v>
      </c>
      <c r="AP5027">
        <v>15670.726140000001</v>
      </c>
    </row>
    <row r="5028" spans="2:42" x14ac:dyDescent="0.3">
      <c r="B5028">
        <v>38.571402851424907</v>
      </c>
      <c r="C5028" s="83">
        <v>43310.416666666664</v>
      </c>
      <c r="D5028">
        <v>141917.87340000001</v>
      </c>
      <c r="E5028">
        <v>14438.86592</v>
      </c>
      <c r="F5028">
        <v>64160.56179</v>
      </c>
      <c r="G5028">
        <v>27297.403340000001</v>
      </c>
      <c r="H5028">
        <v>32678.17698</v>
      </c>
      <c r="I5028">
        <v>23425.61349</v>
      </c>
      <c r="J5028">
        <v>46747.236790000003</v>
      </c>
      <c r="K5028">
        <v>48898.756179999997</v>
      </c>
      <c r="L5028">
        <v>28958.054459999999</v>
      </c>
      <c r="M5028">
        <v>196654.99919999999</v>
      </c>
      <c r="N5028">
        <v>63008.812519999999</v>
      </c>
      <c r="O5028">
        <v>19616.699479999999</v>
      </c>
      <c r="P5028">
        <v>40538.918400000002</v>
      </c>
      <c r="Q5028">
        <v>51070.234100000001</v>
      </c>
      <c r="R5028">
        <v>16506.217140000001</v>
      </c>
      <c r="S5028">
        <v>85587.493969999996</v>
      </c>
      <c r="T5028">
        <v>23471.224279999999</v>
      </c>
      <c r="U5028">
        <v>15651.022650000001</v>
      </c>
      <c r="W5028" s="83">
        <f>Bühler!N5060</f>
        <v>45501.416666654477</v>
      </c>
      <c r="X5028" s="83">
        <v>43310.416666666664</v>
      </c>
      <c r="Y5028">
        <v>141917.87340000001</v>
      </c>
      <c r="Z5028">
        <v>14438.86592</v>
      </c>
      <c r="AA5028">
        <v>64160.56179</v>
      </c>
      <c r="AB5028">
        <v>27297.403340000001</v>
      </c>
      <c r="AC5028">
        <v>32678.17698</v>
      </c>
      <c r="AD5028">
        <v>23425.61349</v>
      </c>
      <c r="AE5028">
        <v>46747.236790000003</v>
      </c>
      <c r="AF5028">
        <v>48898.756179999997</v>
      </c>
      <c r="AG5028">
        <v>28958.054459999999</v>
      </c>
      <c r="AH5028">
        <v>196654.99919999999</v>
      </c>
      <c r="AI5028">
        <v>63008.812519999999</v>
      </c>
      <c r="AJ5028">
        <v>19616.699479999999</v>
      </c>
      <c r="AK5028">
        <v>40538.918400000002</v>
      </c>
      <c r="AL5028">
        <v>51070.234100000001</v>
      </c>
      <c r="AM5028">
        <v>16506.217140000001</v>
      </c>
      <c r="AN5028">
        <v>85587.493969999996</v>
      </c>
      <c r="AO5028">
        <v>23471.224279999999</v>
      </c>
      <c r="AP5028">
        <v>15651.022650000001</v>
      </c>
    </row>
    <row r="5029" spans="2:42" x14ac:dyDescent="0.3">
      <c r="B5029">
        <v>39.232630086026383</v>
      </c>
      <c r="C5029" s="83">
        <v>43310.458333333336</v>
      </c>
      <c r="D5029">
        <v>142502.85130000001</v>
      </c>
      <c r="E5029">
        <v>14963.91324</v>
      </c>
      <c r="F5029">
        <v>65808.196039999995</v>
      </c>
      <c r="G5029">
        <v>27893.217349999999</v>
      </c>
      <c r="H5029">
        <v>33094.057670000002</v>
      </c>
      <c r="I5029">
        <v>23634.480960000001</v>
      </c>
      <c r="J5029">
        <v>47353.876629999999</v>
      </c>
      <c r="K5029">
        <v>49390.584430000003</v>
      </c>
      <c r="L5029">
        <v>30148.30386</v>
      </c>
      <c r="M5029">
        <v>200026.24400000001</v>
      </c>
      <c r="N5029">
        <v>64515.307390000002</v>
      </c>
      <c r="O5029">
        <v>18726.585230000001</v>
      </c>
      <c r="P5029">
        <v>40037.010439999998</v>
      </c>
      <c r="Q5029">
        <v>50798.239690000002</v>
      </c>
      <c r="R5029">
        <v>18755.23965</v>
      </c>
      <c r="S5029">
        <v>89171.498179999995</v>
      </c>
      <c r="T5029">
        <v>24493.358820000001</v>
      </c>
      <c r="U5029">
        <v>15898.3215</v>
      </c>
      <c r="W5029" s="83">
        <f>Bühler!N5061</f>
        <v>45501.458333321141</v>
      </c>
      <c r="X5029" s="83">
        <v>43310.458333333336</v>
      </c>
      <c r="Y5029">
        <v>142502.85130000001</v>
      </c>
      <c r="Z5029">
        <v>14963.91324</v>
      </c>
      <c r="AA5029">
        <v>65808.196039999995</v>
      </c>
      <c r="AB5029">
        <v>27893.217349999999</v>
      </c>
      <c r="AC5029">
        <v>33094.057670000002</v>
      </c>
      <c r="AD5029">
        <v>23634.480960000001</v>
      </c>
      <c r="AE5029">
        <v>47353.876629999999</v>
      </c>
      <c r="AF5029">
        <v>49390.584430000003</v>
      </c>
      <c r="AG5029">
        <v>30148.30386</v>
      </c>
      <c r="AH5029">
        <v>200026.24400000001</v>
      </c>
      <c r="AI5029">
        <v>64515.307390000002</v>
      </c>
      <c r="AJ5029">
        <v>18726.585230000001</v>
      </c>
      <c r="AK5029">
        <v>40037.010439999998</v>
      </c>
      <c r="AL5029">
        <v>50798.239690000002</v>
      </c>
      <c r="AM5029">
        <v>18755.23965</v>
      </c>
      <c r="AN5029">
        <v>89171.498179999995</v>
      </c>
      <c r="AO5029">
        <v>24493.358820000001</v>
      </c>
      <c r="AP5029">
        <v>15898.3215</v>
      </c>
    </row>
    <row r="5030" spans="2:42" x14ac:dyDescent="0.3">
      <c r="B5030">
        <v>38.988497926173281</v>
      </c>
      <c r="C5030" s="83">
        <v>43310.5</v>
      </c>
      <c r="D5030">
        <v>143191.8279</v>
      </c>
      <c r="E5030">
        <v>15135.26556</v>
      </c>
      <c r="F5030">
        <v>63434.794430000002</v>
      </c>
      <c r="G5030">
        <v>28000.498540000001</v>
      </c>
      <c r="H5030">
        <v>32927.920590000002</v>
      </c>
      <c r="I5030">
        <v>23728.675220000001</v>
      </c>
      <c r="J5030">
        <v>48970.260329999997</v>
      </c>
      <c r="K5030">
        <v>49921.033259999997</v>
      </c>
      <c r="L5030">
        <v>31776.15509</v>
      </c>
      <c r="M5030">
        <v>198781.54440000001</v>
      </c>
      <c r="N5030">
        <v>65453.210299999999</v>
      </c>
      <c r="O5030">
        <v>17365.323230000002</v>
      </c>
      <c r="P5030">
        <v>41036.580090000003</v>
      </c>
      <c r="Q5030">
        <v>48854.165860000001</v>
      </c>
      <c r="R5030">
        <v>18243.137790000001</v>
      </c>
      <c r="S5030">
        <v>86430.2837</v>
      </c>
      <c r="T5030">
        <v>24723.112150000001</v>
      </c>
      <c r="U5030">
        <v>16223.98746</v>
      </c>
      <c r="W5030" s="83">
        <f>Bühler!N5062</f>
        <v>45501.499999987805</v>
      </c>
      <c r="X5030" s="83">
        <v>43310.5</v>
      </c>
      <c r="Y5030">
        <v>143191.8279</v>
      </c>
      <c r="Z5030">
        <v>15135.26556</v>
      </c>
      <c r="AA5030">
        <v>63434.794430000002</v>
      </c>
      <c r="AB5030">
        <v>28000.498540000001</v>
      </c>
      <c r="AC5030">
        <v>32927.920590000002</v>
      </c>
      <c r="AD5030">
        <v>23728.675220000001</v>
      </c>
      <c r="AE5030">
        <v>48970.260329999997</v>
      </c>
      <c r="AF5030">
        <v>49921.033259999997</v>
      </c>
      <c r="AG5030">
        <v>31776.15509</v>
      </c>
      <c r="AH5030">
        <v>198781.54440000001</v>
      </c>
      <c r="AI5030">
        <v>65453.210299999999</v>
      </c>
      <c r="AJ5030">
        <v>17365.323230000002</v>
      </c>
      <c r="AK5030">
        <v>41036.580090000003</v>
      </c>
      <c r="AL5030">
        <v>48854.165860000001</v>
      </c>
      <c r="AM5030">
        <v>18243.137790000001</v>
      </c>
      <c r="AN5030">
        <v>86430.2837</v>
      </c>
      <c r="AO5030">
        <v>24723.112150000001</v>
      </c>
      <c r="AP5030">
        <v>16223.98746</v>
      </c>
    </row>
    <row r="5031" spans="2:42" x14ac:dyDescent="0.3">
      <c r="B5031">
        <v>38.864811829668</v>
      </c>
      <c r="C5031" s="83">
        <v>43310.541666666664</v>
      </c>
      <c r="D5031">
        <v>143173.715</v>
      </c>
      <c r="E5031">
        <v>15274.276599999999</v>
      </c>
      <c r="F5031">
        <v>54509.369919999997</v>
      </c>
      <c r="G5031">
        <v>27978.551749999999</v>
      </c>
      <c r="H5031">
        <v>32494.999090000001</v>
      </c>
      <c r="I5031">
        <v>23603.145280000001</v>
      </c>
      <c r="J5031">
        <v>49037.661469999999</v>
      </c>
      <c r="K5031">
        <v>49367.969400000002</v>
      </c>
      <c r="L5031">
        <v>32008.647069999999</v>
      </c>
      <c r="M5031">
        <v>198150.935</v>
      </c>
      <c r="N5031">
        <v>66089.65526</v>
      </c>
      <c r="O5031">
        <v>17048.385780000001</v>
      </c>
      <c r="P5031">
        <v>39906.761590000002</v>
      </c>
      <c r="Q5031">
        <v>48207.613850000002</v>
      </c>
      <c r="R5031">
        <v>17669.82502</v>
      </c>
      <c r="S5031">
        <v>87584.846770000004</v>
      </c>
      <c r="T5031">
        <v>24453.485199999999</v>
      </c>
      <c r="U5031">
        <v>16133.124169999999</v>
      </c>
      <c r="W5031" s="83">
        <f>Bühler!N5063</f>
        <v>45501.54166665447</v>
      </c>
      <c r="X5031" s="83">
        <v>43310.541666666664</v>
      </c>
      <c r="Y5031">
        <v>143173.715</v>
      </c>
      <c r="Z5031">
        <v>15274.276599999999</v>
      </c>
      <c r="AA5031">
        <v>54509.369919999997</v>
      </c>
      <c r="AB5031">
        <v>27978.551749999999</v>
      </c>
      <c r="AC5031">
        <v>32494.999090000001</v>
      </c>
      <c r="AD5031">
        <v>23603.145280000001</v>
      </c>
      <c r="AE5031">
        <v>49037.661469999999</v>
      </c>
      <c r="AF5031">
        <v>49367.969400000002</v>
      </c>
      <c r="AG5031">
        <v>32008.647069999999</v>
      </c>
      <c r="AH5031">
        <v>198150.935</v>
      </c>
      <c r="AI5031">
        <v>66089.65526</v>
      </c>
      <c r="AJ5031">
        <v>17048.385780000001</v>
      </c>
      <c r="AK5031">
        <v>39906.761590000002</v>
      </c>
      <c r="AL5031">
        <v>48207.613850000002</v>
      </c>
      <c r="AM5031">
        <v>17669.82502</v>
      </c>
      <c r="AN5031">
        <v>87584.846770000004</v>
      </c>
      <c r="AO5031">
        <v>24453.485199999999</v>
      </c>
      <c r="AP5031">
        <v>16133.124169999999</v>
      </c>
    </row>
    <row r="5032" spans="2:42" x14ac:dyDescent="0.3">
      <c r="B5032">
        <v>38.923719505007249</v>
      </c>
      <c r="C5032" s="83">
        <v>43310.583333333336</v>
      </c>
      <c r="D5032">
        <v>143701.90890000001</v>
      </c>
      <c r="E5032">
        <v>15316.605869999999</v>
      </c>
      <c r="F5032">
        <v>54422.071550000001</v>
      </c>
      <c r="G5032">
        <v>28139.348330000001</v>
      </c>
      <c r="H5032">
        <v>32678.261450000002</v>
      </c>
      <c r="I5032">
        <v>23412.465680000001</v>
      </c>
      <c r="J5032">
        <v>48586.168940000003</v>
      </c>
      <c r="K5032">
        <v>47574.550900000002</v>
      </c>
      <c r="L5032">
        <v>30410.35226</v>
      </c>
      <c r="M5032">
        <v>198451.2738</v>
      </c>
      <c r="N5032">
        <v>67066.761970000007</v>
      </c>
      <c r="O5032">
        <v>17288.91228</v>
      </c>
      <c r="P5032">
        <v>37658.295870000002</v>
      </c>
      <c r="Q5032">
        <v>48127.832719999999</v>
      </c>
      <c r="R5032">
        <v>18067.71587</v>
      </c>
      <c r="S5032">
        <v>85688.95177</v>
      </c>
      <c r="T5032">
        <v>23760.3076</v>
      </c>
      <c r="U5032">
        <v>16040.667380000001</v>
      </c>
      <c r="W5032" s="83">
        <f>Bühler!N5064</f>
        <v>45501.583333321134</v>
      </c>
      <c r="X5032" s="83">
        <v>43310.583333333336</v>
      </c>
      <c r="Y5032">
        <v>143701.90890000001</v>
      </c>
      <c r="Z5032">
        <v>15316.605869999999</v>
      </c>
      <c r="AA5032">
        <v>54422.071550000001</v>
      </c>
      <c r="AB5032">
        <v>28139.348330000001</v>
      </c>
      <c r="AC5032">
        <v>32678.261450000002</v>
      </c>
      <c r="AD5032">
        <v>23412.465680000001</v>
      </c>
      <c r="AE5032">
        <v>48586.168940000003</v>
      </c>
      <c r="AF5032">
        <v>47574.550900000002</v>
      </c>
      <c r="AG5032">
        <v>30410.35226</v>
      </c>
      <c r="AH5032">
        <v>198451.2738</v>
      </c>
      <c r="AI5032">
        <v>67066.761970000007</v>
      </c>
      <c r="AJ5032">
        <v>17288.91228</v>
      </c>
      <c r="AK5032">
        <v>37658.295870000002</v>
      </c>
      <c r="AL5032">
        <v>48127.832719999999</v>
      </c>
      <c r="AM5032">
        <v>18067.71587</v>
      </c>
      <c r="AN5032">
        <v>85688.95177</v>
      </c>
      <c r="AO5032">
        <v>23760.3076</v>
      </c>
      <c r="AP5032">
        <v>16040.667380000001</v>
      </c>
    </row>
    <row r="5033" spans="2:42" x14ac:dyDescent="0.3">
      <c r="B5033">
        <v>39.628119192898978</v>
      </c>
      <c r="C5033" s="83">
        <v>43310.625</v>
      </c>
      <c r="D5033">
        <v>144023.65520000001</v>
      </c>
      <c r="E5033">
        <v>15536.56827</v>
      </c>
      <c r="F5033">
        <v>55012.02648</v>
      </c>
      <c r="G5033">
        <v>28255.075499999999</v>
      </c>
      <c r="H5033">
        <v>32642.206989999999</v>
      </c>
      <c r="I5033">
        <v>23015.785449999999</v>
      </c>
      <c r="J5033">
        <v>47702.131560000002</v>
      </c>
      <c r="K5033">
        <v>46781.702749999997</v>
      </c>
      <c r="L5033">
        <v>28817.81237</v>
      </c>
      <c r="M5033">
        <v>202042.63190000001</v>
      </c>
      <c r="N5033">
        <v>66755.681890000007</v>
      </c>
      <c r="O5033">
        <v>17123.17283</v>
      </c>
      <c r="P5033">
        <v>34369.770420000001</v>
      </c>
      <c r="Q5033">
        <v>48353.63564</v>
      </c>
      <c r="R5033">
        <v>18419.671050000001</v>
      </c>
      <c r="S5033">
        <v>85275.388519999993</v>
      </c>
      <c r="T5033">
        <v>24297.263579999999</v>
      </c>
      <c r="U5033">
        <v>15860.56005</v>
      </c>
      <c r="W5033" s="83">
        <f>Bühler!N5065</f>
        <v>45501.624999987798</v>
      </c>
      <c r="X5033" s="83">
        <v>43310.625</v>
      </c>
      <c r="Y5033">
        <v>144023.65520000001</v>
      </c>
      <c r="Z5033">
        <v>15536.56827</v>
      </c>
      <c r="AA5033">
        <v>55012.02648</v>
      </c>
      <c r="AB5033">
        <v>28255.075499999999</v>
      </c>
      <c r="AC5033">
        <v>32642.206989999999</v>
      </c>
      <c r="AD5033">
        <v>23015.785449999999</v>
      </c>
      <c r="AE5033">
        <v>47702.131560000002</v>
      </c>
      <c r="AF5033">
        <v>46781.702749999997</v>
      </c>
      <c r="AG5033">
        <v>28817.81237</v>
      </c>
      <c r="AH5033">
        <v>202042.63190000001</v>
      </c>
      <c r="AI5033">
        <v>66755.681890000007</v>
      </c>
      <c r="AJ5033">
        <v>17123.17283</v>
      </c>
      <c r="AK5033">
        <v>34369.770420000001</v>
      </c>
      <c r="AL5033">
        <v>48353.63564</v>
      </c>
      <c r="AM5033">
        <v>18419.671050000001</v>
      </c>
      <c r="AN5033">
        <v>85275.388519999993</v>
      </c>
      <c r="AO5033">
        <v>24297.263579999999</v>
      </c>
      <c r="AP5033">
        <v>15860.56005</v>
      </c>
    </row>
    <row r="5034" spans="2:42" x14ac:dyDescent="0.3">
      <c r="B5034">
        <v>39.729692345542631</v>
      </c>
      <c r="C5034" s="83">
        <v>43310.666666666664</v>
      </c>
      <c r="D5034">
        <v>144779.2953</v>
      </c>
      <c r="E5034">
        <v>15338.66374</v>
      </c>
      <c r="F5034">
        <v>54601.831980000003</v>
      </c>
      <c r="G5034">
        <v>28382.32099</v>
      </c>
      <c r="H5034">
        <v>32590.299139999999</v>
      </c>
      <c r="I5034">
        <v>23378.444169999999</v>
      </c>
      <c r="J5034">
        <v>46556.805139999997</v>
      </c>
      <c r="K5034">
        <v>47986.249230000001</v>
      </c>
      <c r="L5034">
        <v>28215.00417</v>
      </c>
      <c r="M5034">
        <v>202560.49919999999</v>
      </c>
      <c r="N5034">
        <v>66016.077869999994</v>
      </c>
      <c r="O5034">
        <v>16921.58194</v>
      </c>
      <c r="P5034">
        <v>32725.039390000002</v>
      </c>
      <c r="Q5034">
        <v>49280.99566</v>
      </c>
      <c r="R5034">
        <v>17945.893540000001</v>
      </c>
      <c r="S5034">
        <v>85395.206210000004</v>
      </c>
      <c r="T5034">
        <v>23929.357410000001</v>
      </c>
      <c r="U5034">
        <v>16010.09504</v>
      </c>
      <c r="W5034" s="83">
        <f>Bühler!N5066</f>
        <v>45501.666666654462</v>
      </c>
      <c r="X5034" s="83">
        <v>43310.666666666664</v>
      </c>
      <c r="Y5034">
        <v>144779.2953</v>
      </c>
      <c r="Z5034">
        <v>15338.66374</v>
      </c>
      <c r="AA5034">
        <v>54601.831980000003</v>
      </c>
      <c r="AB5034">
        <v>28382.32099</v>
      </c>
      <c r="AC5034">
        <v>32590.299139999999</v>
      </c>
      <c r="AD5034">
        <v>23378.444169999999</v>
      </c>
      <c r="AE5034">
        <v>46556.805139999997</v>
      </c>
      <c r="AF5034">
        <v>47986.249230000001</v>
      </c>
      <c r="AG5034">
        <v>28215.00417</v>
      </c>
      <c r="AH5034">
        <v>202560.49919999999</v>
      </c>
      <c r="AI5034">
        <v>66016.077869999994</v>
      </c>
      <c r="AJ5034">
        <v>16921.58194</v>
      </c>
      <c r="AK5034">
        <v>32725.039390000002</v>
      </c>
      <c r="AL5034">
        <v>49280.99566</v>
      </c>
      <c r="AM5034">
        <v>17945.893540000001</v>
      </c>
      <c r="AN5034">
        <v>85395.206210000004</v>
      </c>
      <c r="AO5034">
        <v>23929.357410000001</v>
      </c>
      <c r="AP5034">
        <v>16010.09504</v>
      </c>
    </row>
    <row r="5035" spans="2:42" x14ac:dyDescent="0.3">
      <c r="B5035">
        <v>39.804883662752147</v>
      </c>
      <c r="C5035" s="83">
        <v>43310.708333333336</v>
      </c>
      <c r="D5035">
        <v>145659.0411</v>
      </c>
      <c r="E5035">
        <v>15221.48768</v>
      </c>
      <c r="F5035">
        <v>54815.740290000002</v>
      </c>
      <c r="G5035">
        <v>28288.600419999999</v>
      </c>
      <c r="H5035">
        <v>32445.571469999999</v>
      </c>
      <c r="I5035">
        <v>23562.607520000001</v>
      </c>
      <c r="J5035">
        <v>47613.149400000002</v>
      </c>
      <c r="K5035">
        <v>48130.343540000002</v>
      </c>
      <c r="L5035">
        <v>28875.299309999999</v>
      </c>
      <c r="M5035">
        <v>202943.8596</v>
      </c>
      <c r="N5035">
        <v>64907.186390000003</v>
      </c>
      <c r="O5035">
        <v>16821.130519999999</v>
      </c>
      <c r="P5035">
        <v>33486.189169999998</v>
      </c>
      <c r="Q5035">
        <v>50205.569660000001</v>
      </c>
      <c r="R5035">
        <v>19876.576690000002</v>
      </c>
      <c r="S5035">
        <v>86949.579360000003</v>
      </c>
      <c r="T5035">
        <v>23616.564780000001</v>
      </c>
      <c r="U5035">
        <v>15870.08908</v>
      </c>
      <c r="W5035" s="83">
        <f>Bühler!N5067</f>
        <v>45501.708333321127</v>
      </c>
      <c r="X5035" s="83">
        <v>43310.708333333336</v>
      </c>
      <c r="Y5035">
        <v>145659.0411</v>
      </c>
      <c r="Z5035">
        <v>15221.48768</v>
      </c>
      <c r="AA5035">
        <v>54815.740290000002</v>
      </c>
      <c r="AB5035">
        <v>28288.600419999999</v>
      </c>
      <c r="AC5035">
        <v>32445.571469999999</v>
      </c>
      <c r="AD5035">
        <v>23562.607520000001</v>
      </c>
      <c r="AE5035">
        <v>47613.149400000002</v>
      </c>
      <c r="AF5035">
        <v>48130.343540000002</v>
      </c>
      <c r="AG5035">
        <v>28875.299309999999</v>
      </c>
      <c r="AH5035">
        <v>202943.8596</v>
      </c>
      <c r="AI5035">
        <v>64907.186390000003</v>
      </c>
      <c r="AJ5035">
        <v>16821.130519999999</v>
      </c>
      <c r="AK5035">
        <v>33486.189169999998</v>
      </c>
      <c r="AL5035">
        <v>50205.569660000001</v>
      </c>
      <c r="AM5035">
        <v>19876.576690000002</v>
      </c>
      <c r="AN5035">
        <v>86949.579360000003</v>
      </c>
      <c r="AO5035">
        <v>23616.564780000001</v>
      </c>
      <c r="AP5035">
        <v>15870.08908</v>
      </c>
    </row>
    <row r="5036" spans="2:42" x14ac:dyDescent="0.3">
      <c r="B5036">
        <v>39.750910353614941</v>
      </c>
      <c r="C5036" s="83">
        <v>43310.75</v>
      </c>
      <c r="D5036">
        <v>146259.49489999999</v>
      </c>
      <c r="E5036">
        <v>14948.641509999999</v>
      </c>
      <c r="F5036">
        <v>55213.29305</v>
      </c>
      <c r="G5036">
        <v>28352.25143</v>
      </c>
      <c r="H5036">
        <v>32748.739580000001</v>
      </c>
      <c r="I5036">
        <v>23677.952450000001</v>
      </c>
      <c r="J5036">
        <v>48385.87444</v>
      </c>
      <c r="K5036">
        <v>47057.55358</v>
      </c>
      <c r="L5036">
        <v>29303.54494</v>
      </c>
      <c r="M5036">
        <v>202668.67850000001</v>
      </c>
      <c r="N5036">
        <v>64110.220269999998</v>
      </c>
      <c r="O5036">
        <v>16752.952590000001</v>
      </c>
      <c r="P5036">
        <v>35514.724150000002</v>
      </c>
      <c r="Q5036">
        <v>50298.2477</v>
      </c>
      <c r="R5036">
        <v>18348.047729999998</v>
      </c>
      <c r="S5036">
        <v>84764.319050000006</v>
      </c>
      <c r="T5036">
        <v>23381.98186</v>
      </c>
      <c r="U5036">
        <v>16133.83006</v>
      </c>
      <c r="W5036" s="83">
        <f>Bühler!N5068</f>
        <v>45501.749999987791</v>
      </c>
      <c r="X5036" s="83">
        <v>43310.75</v>
      </c>
      <c r="Y5036">
        <v>146259.49489999999</v>
      </c>
      <c r="Z5036">
        <v>14948.641509999999</v>
      </c>
      <c r="AA5036">
        <v>55213.29305</v>
      </c>
      <c r="AB5036">
        <v>28352.25143</v>
      </c>
      <c r="AC5036">
        <v>32748.739580000001</v>
      </c>
      <c r="AD5036">
        <v>23677.952450000001</v>
      </c>
      <c r="AE5036">
        <v>48385.87444</v>
      </c>
      <c r="AF5036">
        <v>47057.55358</v>
      </c>
      <c r="AG5036">
        <v>29303.54494</v>
      </c>
      <c r="AH5036">
        <v>202668.67850000001</v>
      </c>
      <c r="AI5036">
        <v>64110.220269999998</v>
      </c>
      <c r="AJ5036">
        <v>16752.952590000001</v>
      </c>
      <c r="AK5036">
        <v>35514.724150000002</v>
      </c>
      <c r="AL5036">
        <v>50298.2477</v>
      </c>
      <c r="AM5036">
        <v>18348.047729999998</v>
      </c>
      <c r="AN5036">
        <v>84764.319050000006</v>
      </c>
      <c r="AO5036">
        <v>23381.98186</v>
      </c>
      <c r="AP5036">
        <v>16133.83006</v>
      </c>
    </row>
    <row r="5037" spans="2:42" x14ac:dyDescent="0.3">
      <c r="B5037">
        <v>40.081547017061737</v>
      </c>
      <c r="C5037" s="83">
        <v>43310.791666666664</v>
      </c>
      <c r="D5037">
        <v>146713.69010000001</v>
      </c>
      <c r="E5037">
        <v>13990.66864</v>
      </c>
      <c r="F5037">
        <v>54555.959369999997</v>
      </c>
      <c r="G5037">
        <v>28213.65972</v>
      </c>
      <c r="H5037">
        <v>32260.467339999999</v>
      </c>
      <c r="I5037">
        <v>23801.291260000002</v>
      </c>
      <c r="J5037">
        <v>48668.503369999999</v>
      </c>
      <c r="K5037">
        <v>47069.514629999998</v>
      </c>
      <c r="L5037">
        <v>29440.027910000001</v>
      </c>
      <c r="M5037">
        <v>204354.4184</v>
      </c>
      <c r="N5037">
        <v>64405.044759999997</v>
      </c>
      <c r="O5037">
        <v>16289.57252</v>
      </c>
      <c r="P5037">
        <v>38562.823190000003</v>
      </c>
      <c r="Q5037">
        <v>50930.984360000002</v>
      </c>
      <c r="R5037">
        <v>18570.58152</v>
      </c>
      <c r="S5037">
        <v>83379.873380000005</v>
      </c>
      <c r="T5037">
        <v>22246.811129999998</v>
      </c>
      <c r="U5037">
        <v>16198.947980000001</v>
      </c>
      <c r="W5037" s="83">
        <f>Bühler!N5069</f>
        <v>45501.791666654455</v>
      </c>
      <c r="X5037" s="83">
        <v>43310.791666666664</v>
      </c>
      <c r="Y5037">
        <v>146713.69010000001</v>
      </c>
      <c r="Z5037">
        <v>13990.66864</v>
      </c>
      <c r="AA5037">
        <v>54555.959369999997</v>
      </c>
      <c r="AB5037">
        <v>28213.65972</v>
      </c>
      <c r="AC5037">
        <v>32260.467339999999</v>
      </c>
      <c r="AD5037">
        <v>23801.291260000002</v>
      </c>
      <c r="AE5037">
        <v>48668.503369999999</v>
      </c>
      <c r="AF5037">
        <v>47069.514629999998</v>
      </c>
      <c r="AG5037">
        <v>29440.027910000001</v>
      </c>
      <c r="AH5037">
        <v>204354.4184</v>
      </c>
      <c r="AI5037">
        <v>64405.044759999997</v>
      </c>
      <c r="AJ5037">
        <v>16289.57252</v>
      </c>
      <c r="AK5037">
        <v>38562.823190000003</v>
      </c>
      <c r="AL5037">
        <v>50930.984360000002</v>
      </c>
      <c r="AM5037">
        <v>18570.58152</v>
      </c>
      <c r="AN5037">
        <v>83379.873380000005</v>
      </c>
      <c r="AO5037">
        <v>22246.811129999998</v>
      </c>
      <c r="AP5037">
        <v>16198.947980000001</v>
      </c>
    </row>
    <row r="5038" spans="2:42" x14ac:dyDescent="0.3">
      <c r="B5038">
        <v>39.624404840635016</v>
      </c>
      <c r="C5038" s="83">
        <v>43310.833333333336</v>
      </c>
      <c r="D5038">
        <v>147167.68410000001</v>
      </c>
      <c r="E5038">
        <v>12880.55249</v>
      </c>
      <c r="F5038">
        <v>54123.429929999998</v>
      </c>
      <c r="G5038">
        <v>27961.926159999999</v>
      </c>
      <c r="H5038">
        <v>31979.771059999999</v>
      </c>
      <c r="I5038">
        <v>23503.622930000001</v>
      </c>
      <c r="J5038">
        <v>47840.486879999997</v>
      </c>
      <c r="K5038">
        <v>49593.331429999998</v>
      </c>
      <c r="L5038">
        <v>29274.071940000002</v>
      </c>
      <c r="M5038">
        <v>202023.69440000001</v>
      </c>
      <c r="N5038">
        <v>64002.25591</v>
      </c>
      <c r="O5038">
        <v>16482.504529999998</v>
      </c>
      <c r="P5038">
        <v>39116.495260000003</v>
      </c>
      <c r="Q5038">
        <v>51393.609909999999</v>
      </c>
      <c r="R5038">
        <v>18055.696019999999</v>
      </c>
      <c r="S5038">
        <v>78532.540429999994</v>
      </c>
      <c r="T5038">
        <v>18971.142970000001</v>
      </c>
      <c r="U5038">
        <v>16421.27088</v>
      </c>
      <c r="W5038" s="83">
        <f>Bühler!N5070</f>
        <v>45501.833333321119</v>
      </c>
      <c r="X5038" s="83">
        <v>43310.833333333336</v>
      </c>
      <c r="Y5038">
        <v>147167.68410000001</v>
      </c>
      <c r="Z5038">
        <v>12880.55249</v>
      </c>
      <c r="AA5038">
        <v>54123.429929999998</v>
      </c>
      <c r="AB5038">
        <v>27961.926159999999</v>
      </c>
      <c r="AC5038">
        <v>31979.771059999999</v>
      </c>
      <c r="AD5038">
        <v>23503.622930000001</v>
      </c>
      <c r="AE5038">
        <v>47840.486879999997</v>
      </c>
      <c r="AF5038">
        <v>49593.331429999998</v>
      </c>
      <c r="AG5038">
        <v>29274.071940000002</v>
      </c>
      <c r="AH5038">
        <v>202023.69440000001</v>
      </c>
      <c r="AI5038">
        <v>64002.25591</v>
      </c>
      <c r="AJ5038">
        <v>16482.504529999998</v>
      </c>
      <c r="AK5038">
        <v>39116.495260000003</v>
      </c>
      <c r="AL5038">
        <v>51393.609909999999</v>
      </c>
      <c r="AM5038">
        <v>18055.696019999999</v>
      </c>
      <c r="AN5038">
        <v>78532.540429999994</v>
      </c>
      <c r="AO5038">
        <v>18971.142970000001</v>
      </c>
      <c r="AP5038">
        <v>16421.27088</v>
      </c>
    </row>
    <row r="5039" spans="2:42" x14ac:dyDescent="0.3">
      <c r="B5039">
        <v>39.72602073162102</v>
      </c>
      <c r="C5039" s="83">
        <v>43310.875</v>
      </c>
      <c r="D5039">
        <v>149477.80369999999</v>
      </c>
      <c r="E5039">
        <v>12618.82158</v>
      </c>
      <c r="F5039">
        <v>52942.0766</v>
      </c>
      <c r="G5039">
        <v>27809.13436</v>
      </c>
      <c r="H5039">
        <v>32339.121510000001</v>
      </c>
      <c r="I5039">
        <v>23479.02187</v>
      </c>
      <c r="J5039">
        <v>47680.466189999999</v>
      </c>
      <c r="K5039">
        <v>50719.363510000003</v>
      </c>
      <c r="L5039">
        <v>28242.493559999999</v>
      </c>
      <c r="M5039">
        <v>202541.77960000001</v>
      </c>
      <c r="N5039">
        <v>64907.209040000002</v>
      </c>
      <c r="O5039">
        <v>17021.267919999998</v>
      </c>
      <c r="P5039">
        <v>36212.139080000001</v>
      </c>
      <c r="Q5039">
        <v>53338.884879999998</v>
      </c>
      <c r="R5039">
        <v>18481.17424</v>
      </c>
      <c r="S5039">
        <v>76751.836150000003</v>
      </c>
      <c r="T5039">
        <v>18715.299739999999</v>
      </c>
      <c r="U5039">
        <v>16713.841420000001</v>
      </c>
      <c r="W5039" s="83">
        <f>Bühler!N5071</f>
        <v>45501.874999987784</v>
      </c>
      <c r="X5039" s="83">
        <v>43310.875</v>
      </c>
      <c r="Y5039">
        <v>149477.80369999999</v>
      </c>
      <c r="Z5039">
        <v>12618.82158</v>
      </c>
      <c r="AA5039">
        <v>52942.0766</v>
      </c>
      <c r="AB5039">
        <v>27809.13436</v>
      </c>
      <c r="AC5039">
        <v>32339.121510000001</v>
      </c>
      <c r="AD5039">
        <v>23479.02187</v>
      </c>
      <c r="AE5039">
        <v>47680.466189999999</v>
      </c>
      <c r="AF5039">
        <v>50719.363510000003</v>
      </c>
      <c r="AG5039">
        <v>28242.493559999999</v>
      </c>
      <c r="AH5039">
        <v>202541.77960000001</v>
      </c>
      <c r="AI5039">
        <v>64907.209040000002</v>
      </c>
      <c r="AJ5039">
        <v>17021.267919999998</v>
      </c>
      <c r="AK5039">
        <v>36212.139080000001</v>
      </c>
      <c r="AL5039">
        <v>53338.884879999998</v>
      </c>
      <c r="AM5039">
        <v>18481.17424</v>
      </c>
      <c r="AN5039">
        <v>76751.836150000003</v>
      </c>
      <c r="AO5039">
        <v>18715.299739999999</v>
      </c>
      <c r="AP5039">
        <v>16713.841420000001</v>
      </c>
    </row>
    <row r="5040" spans="2:42" x14ac:dyDescent="0.3">
      <c r="B5040">
        <v>40.445609045818415</v>
      </c>
      <c r="C5040" s="83">
        <v>43310.916666666664</v>
      </c>
      <c r="D5040">
        <v>151756.13080000001</v>
      </c>
      <c r="E5040">
        <v>12595.728929999999</v>
      </c>
      <c r="F5040">
        <v>53512.082329999997</v>
      </c>
      <c r="G5040">
        <v>28653.71991</v>
      </c>
      <c r="H5040">
        <v>33812.49179</v>
      </c>
      <c r="I5040">
        <v>23382.151010000001</v>
      </c>
      <c r="J5040">
        <v>46743.94685</v>
      </c>
      <c r="K5040">
        <v>51411.056299999997</v>
      </c>
      <c r="L5040">
        <v>25517.76959</v>
      </c>
      <c r="M5040">
        <v>206210.57639999999</v>
      </c>
      <c r="N5040">
        <v>65644.612609999996</v>
      </c>
      <c r="O5040">
        <v>17010.615570000002</v>
      </c>
      <c r="P5040">
        <v>34398.247909999998</v>
      </c>
      <c r="Q5040">
        <v>56322.600019999998</v>
      </c>
      <c r="R5040">
        <v>18590.154780000001</v>
      </c>
      <c r="S5040">
        <v>76910.700459999993</v>
      </c>
      <c r="T5040">
        <v>18816.06408</v>
      </c>
      <c r="U5040">
        <v>17662.537199999999</v>
      </c>
      <c r="W5040" s="83">
        <f>Bühler!N5072</f>
        <v>45501.916666654448</v>
      </c>
      <c r="X5040" s="83">
        <v>43310.916666666664</v>
      </c>
      <c r="Y5040">
        <v>151756.13080000001</v>
      </c>
      <c r="Z5040">
        <v>12595.728929999999</v>
      </c>
      <c r="AA5040">
        <v>53512.082329999997</v>
      </c>
      <c r="AB5040">
        <v>28653.71991</v>
      </c>
      <c r="AC5040">
        <v>33812.49179</v>
      </c>
      <c r="AD5040">
        <v>23382.151010000001</v>
      </c>
      <c r="AE5040">
        <v>46743.94685</v>
      </c>
      <c r="AF5040">
        <v>51411.056299999997</v>
      </c>
      <c r="AG5040">
        <v>25517.76959</v>
      </c>
      <c r="AH5040">
        <v>206210.57639999999</v>
      </c>
      <c r="AI5040">
        <v>65644.612609999996</v>
      </c>
      <c r="AJ5040">
        <v>17010.615570000002</v>
      </c>
      <c r="AK5040">
        <v>34398.247909999998</v>
      </c>
      <c r="AL5040">
        <v>56322.600019999998</v>
      </c>
      <c r="AM5040">
        <v>18590.154780000001</v>
      </c>
      <c r="AN5040">
        <v>76910.700459999993</v>
      </c>
      <c r="AO5040">
        <v>18816.06408</v>
      </c>
      <c r="AP5040">
        <v>17662.537199999999</v>
      </c>
    </row>
    <row r="5041" spans="2:42" x14ac:dyDescent="0.3">
      <c r="B5041">
        <v>41.075056919895992</v>
      </c>
      <c r="C5041" s="83">
        <v>43310.958333333336</v>
      </c>
      <c r="D5041">
        <v>152030.26569999999</v>
      </c>
      <c r="E5041">
        <v>12230.803550000001</v>
      </c>
      <c r="F5041">
        <v>53051.681539999998</v>
      </c>
      <c r="G5041">
        <v>29329.60943</v>
      </c>
      <c r="H5041">
        <v>33293.411970000001</v>
      </c>
      <c r="I5041">
        <v>23048.405879999998</v>
      </c>
      <c r="J5041">
        <v>42199.089740000003</v>
      </c>
      <c r="K5041">
        <v>51205.197119999997</v>
      </c>
      <c r="L5041">
        <v>21486.366839999999</v>
      </c>
      <c r="M5041">
        <v>209419.79519999999</v>
      </c>
      <c r="N5041">
        <v>65811.837520000001</v>
      </c>
      <c r="O5041">
        <v>16905.094809999999</v>
      </c>
      <c r="P5041">
        <v>31978.216349999999</v>
      </c>
      <c r="Q5041">
        <v>58892.250740000003</v>
      </c>
      <c r="R5041">
        <v>20485.460340000001</v>
      </c>
      <c r="S5041">
        <v>75057.645269999994</v>
      </c>
      <c r="T5041">
        <v>18039.703570000001</v>
      </c>
      <c r="U5041">
        <v>17131.953689999998</v>
      </c>
      <c r="W5041" s="83">
        <f>Bühler!N5073</f>
        <v>45501.958333321112</v>
      </c>
      <c r="X5041" s="83">
        <v>43310.958333333336</v>
      </c>
      <c r="Y5041">
        <v>152030.26569999999</v>
      </c>
      <c r="Z5041">
        <v>12230.803550000001</v>
      </c>
      <c r="AA5041">
        <v>53051.681539999998</v>
      </c>
      <c r="AB5041">
        <v>29329.60943</v>
      </c>
      <c r="AC5041">
        <v>33293.411970000001</v>
      </c>
      <c r="AD5041">
        <v>23048.405879999998</v>
      </c>
      <c r="AE5041">
        <v>42199.089740000003</v>
      </c>
      <c r="AF5041">
        <v>51205.197119999997</v>
      </c>
      <c r="AG5041">
        <v>21486.366839999999</v>
      </c>
      <c r="AH5041">
        <v>209419.79519999999</v>
      </c>
      <c r="AI5041">
        <v>65811.837520000001</v>
      </c>
      <c r="AJ5041">
        <v>16905.094809999999</v>
      </c>
      <c r="AK5041">
        <v>31978.216349999999</v>
      </c>
      <c r="AL5041">
        <v>58892.250740000003</v>
      </c>
      <c r="AM5041">
        <v>20485.460340000001</v>
      </c>
      <c r="AN5041">
        <v>75057.645269999994</v>
      </c>
      <c r="AO5041">
        <v>18039.703570000001</v>
      </c>
      <c r="AP5041">
        <v>17131.953689999998</v>
      </c>
    </row>
    <row r="5042" spans="2:42" x14ac:dyDescent="0.3">
      <c r="B5042">
        <v>41.073361233503235</v>
      </c>
      <c r="C5042" s="83">
        <v>43311</v>
      </c>
      <c r="D5042">
        <v>153886.636</v>
      </c>
      <c r="E5042">
        <v>12245.94513</v>
      </c>
      <c r="F5042">
        <v>52702.875979999997</v>
      </c>
      <c r="G5042">
        <v>28962.278470000001</v>
      </c>
      <c r="H5042">
        <v>33022.842019999996</v>
      </c>
      <c r="I5042">
        <v>21326.258099999999</v>
      </c>
      <c r="J5042">
        <v>38191.553520000001</v>
      </c>
      <c r="K5042">
        <v>48632.991679999999</v>
      </c>
      <c r="L5042">
        <v>19269.80255</v>
      </c>
      <c r="M5042">
        <v>209411.14980000001</v>
      </c>
      <c r="N5042">
        <v>65045.776429999998</v>
      </c>
      <c r="O5042">
        <v>18252.451369999999</v>
      </c>
      <c r="P5042">
        <v>28429.450430000001</v>
      </c>
      <c r="Q5042">
        <v>61523.468269999998</v>
      </c>
      <c r="R5042">
        <v>15983.22752</v>
      </c>
      <c r="S5042">
        <v>73755.914829999994</v>
      </c>
      <c r="T5042">
        <v>17365.462179999999</v>
      </c>
      <c r="U5042">
        <v>16672.067279999999</v>
      </c>
      <c r="W5042" s="83">
        <f>Bühler!N5074</f>
        <v>45501.999999987776</v>
      </c>
      <c r="X5042" s="83">
        <v>43311</v>
      </c>
      <c r="Y5042">
        <v>153886.636</v>
      </c>
      <c r="Z5042">
        <v>12245.94513</v>
      </c>
      <c r="AA5042">
        <v>52702.875979999997</v>
      </c>
      <c r="AB5042">
        <v>28962.278470000001</v>
      </c>
      <c r="AC5042">
        <v>33022.842019999996</v>
      </c>
      <c r="AD5042">
        <v>21326.258099999999</v>
      </c>
      <c r="AE5042">
        <v>38191.553520000001</v>
      </c>
      <c r="AF5042">
        <v>48632.991679999999</v>
      </c>
      <c r="AG5042">
        <v>19269.80255</v>
      </c>
      <c r="AH5042">
        <v>209411.14980000001</v>
      </c>
      <c r="AI5042">
        <v>65045.776429999998</v>
      </c>
      <c r="AJ5042">
        <v>18252.451369999999</v>
      </c>
      <c r="AK5042">
        <v>28429.450430000001</v>
      </c>
      <c r="AL5042">
        <v>61523.468269999998</v>
      </c>
      <c r="AM5042">
        <v>15983.22752</v>
      </c>
      <c r="AN5042">
        <v>73755.914829999994</v>
      </c>
      <c r="AO5042">
        <v>17365.462179999999</v>
      </c>
      <c r="AP5042">
        <v>16672.067279999999</v>
      </c>
    </row>
    <row r="5043" spans="2:42" x14ac:dyDescent="0.3">
      <c r="B5043">
        <v>41.407624811155159</v>
      </c>
      <c r="C5043" s="83">
        <v>43311.041666666664</v>
      </c>
      <c r="D5043">
        <v>153124.11660000001</v>
      </c>
      <c r="E5043">
        <v>12049.71132</v>
      </c>
      <c r="F5043">
        <v>52797.11075</v>
      </c>
      <c r="G5043">
        <v>28480.456610000001</v>
      </c>
      <c r="H5043">
        <v>32894.005080000003</v>
      </c>
      <c r="I5043">
        <v>18255.080859999998</v>
      </c>
      <c r="J5043">
        <v>36374.215199999999</v>
      </c>
      <c r="K5043">
        <v>46647.620929999997</v>
      </c>
      <c r="L5043">
        <v>18304.674210000001</v>
      </c>
      <c r="M5043">
        <v>211115.38140000001</v>
      </c>
      <c r="N5043">
        <v>64781.19328</v>
      </c>
      <c r="O5043">
        <v>17174.665000000001</v>
      </c>
      <c r="P5043">
        <v>27342.3845</v>
      </c>
      <c r="Q5043">
        <v>64432.779540000003</v>
      </c>
      <c r="R5043">
        <v>14285.01231</v>
      </c>
      <c r="S5043">
        <v>72940.634560000006</v>
      </c>
      <c r="T5043">
        <v>17185.567599999998</v>
      </c>
      <c r="U5043">
        <v>16488.916689999998</v>
      </c>
      <c r="W5043" s="83">
        <f>Bühler!N5075</f>
        <v>45502.041666654441</v>
      </c>
      <c r="X5043" s="83">
        <v>43311.041666666664</v>
      </c>
      <c r="Y5043">
        <v>153124.11660000001</v>
      </c>
      <c r="Z5043">
        <v>12049.71132</v>
      </c>
      <c r="AA5043">
        <v>52797.11075</v>
      </c>
      <c r="AB5043">
        <v>28480.456610000001</v>
      </c>
      <c r="AC5043">
        <v>32894.005080000003</v>
      </c>
      <c r="AD5043">
        <v>18255.080859999998</v>
      </c>
      <c r="AE5043">
        <v>36374.215199999999</v>
      </c>
      <c r="AF5043">
        <v>46647.620929999997</v>
      </c>
      <c r="AG5043">
        <v>18304.674210000001</v>
      </c>
      <c r="AH5043">
        <v>211115.38140000001</v>
      </c>
      <c r="AI5043">
        <v>64781.19328</v>
      </c>
      <c r="AJ5043">
        <v>17174.665000000001</v>
      </c>
      <c r="AK5043">
        <v>27342.3845</v>
      </c>
      <c r="AL5043">
        <v>64432.779540000003</v>
      </c>
      <c r="AM5043">
        <v>14285.01231</v>
      </c>
      <c r="AN5043">
        <v>72940.634560000006</v>
      </c>
      <c r="AO5043">
        <v>17185.567599999998</v>
      </c>
      <c r="AP5043">
        <v>16488.916689999998</v>
      </c>
    </row>
    <row r="5044" spans="2:42" x14ac:dyDescent="0.3">
      <c r="B5044">
        <v>41.860527124346518</v>
      </c>
      <c r="C5044" s="83">
        <v>43311.083333333336</v>
      </c>
      <c r="D5044">
        <v>152761.31779999999</v>
      </c>
      <c r="E5044">
        <v>11793.80474</v>
      </c>
      <c r="F5044">
        <v>53764.935579999998</v>
      </c>
      <c r="G5044">
        <v>27765.455030000001</v>
      </c>
      <c r="H5044">
        <v>32730.953890000001</v>
      </c>
      <c r="I5044">
        <v>16623.80704</v>
      </c>
      <c r="J5044">
        <v>35929.154569999999</v>
      </c>
      <c r="K5044">
        <v>46128.371099999997</v>
      </c>
      <c r="L5044">
        <v>16622.62832</v>
      </c>
      <c r="M5044">
        <v>213424.48860000001</v>
      </c>
      <c r="N5044">
        <v>64757.694199999998</v>
      </c>
      <c r="O5044">
        <v>16423.356779999998</v>
      </c>
      <c r="P5044">
        <v>26260.985550000001</v>
      </c>
      <c r="Q5044">
        <v>66355.272410000005</v>
      </c>
      <c r="R5044">
        <v>14734.17663</v>
      </c>
      <c r="S5044">
        <v>72075.424379999997</v>
      </c>
      <c r="T5044">
        <v>16856.88351</v>
      </c>
      <c r="U5044">
        <v>16433.493310000002</v>
      </c>
      <c r="W5044" s="83">
        <f>Bühler!N5076</f>
        <v>45502.083333321105</v>
      </c>
      <c r="X5044" s="83">
        <v>43311.083333333336</v>
      </c>
      <c r="Y5044">
        <v>152761.31779999999</v>
      </c>
      <c r="Z5044">
        <v>11793.80474</v>
      </c>
      <c r="AA5044">
        <v>53764.935579999998</v>
      </c>
      <c r="AB5044">
        <v>27765.455030000001</v>
      </c>
      <c r="AC5044">
        <v>32730.953890000001</v>
      </c>
      <c r="AD5044">
        <v>16623.80704</v>
      </c>
      <c r="AE5044">
        <v>35929.154569999999</v>
      </c>
      <c r="AF5044">
        <v>46128.371099999997</v>
      </c>
      <c r="AG5044">
        <v>16622.62832</v>
      </c>
      <c r="AH5044">
        <v>213424.48860000001</v>
      </c>
      <c r="AI5044">
        <v>64757.694199999998</v>
      </c>
      <c r="AJ5044">
        <v>16423.356779999998</v>
      </c>
      <c r="AK5044">
        <v>26260.985550000001</v>
      </c>
      <c r="AL5044">
        <v>66355.272410000005</v>
      </c>
      <c r="AM5044">
        <v>14734.17663</v>
      </c>
      <c r="AN5044">
        <v>72075.424379999997</v>
      </c>
      <c r="AO5044">
        <v>16856.88351</v>
      </c>
      <c r="AP5044">
        <v>16433.493310000002</v>
      </c>
    </row>
    <row r="5045" spans="2:42" x14ac:dyDescent="0.3">
      <c r="B5045">
        <v>43.731468572268525</v>
      </c>
      <c r="C5045" s="83">
        <v>43311.125</v>
      </c>
      <c r="D5045">
        <v>154836.72469999999</v>
      </c>
      <c r="E5045">
        <v>11994.066360000001</v>
      </c>
      <c r="F5045">
        <v>57039.712670000001</v>
      </c>
      <c r="G5045">
        <v>27220.188460000001</v>
      </c>
      <c r="H5045">
        <v>32542.883949999999</v>
      </c>
      <c r="I5045">
        <v>16350.69166</v>
      </c>
      <c r="J5045">
        <v>36061.484550000001</v>
      </c>
      <c r="K5045">
        <v>45892.804539999997</v>
      </c>
      <c r="L5045">
        <v>16656.459940000001</v>
      </c>
      <c r="M5045">
        <v>222963.42060000001</v>
      </c>
      <c r="N5045">
        <v>64667.649680000002</v>
      </c>
      <c r="O5045">
        <v>16417.159210000002</v>
      </c>
      <c r="P5045">
        <v>25085.672849999999</v>
      </c>
      <c r="Q5045">
        <v>71035.873449999999</v>
      </c>
      <c r="R5045">
        <v>14372.0327</v>
      </c>
      <c r="S5045">
        <v>71122.479120000004</v>
      </c>
      <c r="T5045">
        <v>16781.653439999998</v>
      </c>
      <c r="U5045">
        <v>16086.540419999999</v>
      </c>
      <c r="W5045" s="83">
        <f>Bühler!N5077</f>
        <v>45502.124999987769</v>
      </c>
      <c r="X5045" s="83">
        <v>43311.125</v>
      </c>
      <c r="Y5045">
        <v>154836.72469999999</v>
      </c>
      <c r="Z5045">
        <v>11994.066360000001</v>
      </c>
      <c r="AA5045">
        <v>57039.712670000001</v>
      </c>
      <c r="AB5045">
        <v>27220.188460000001</v>
      </c>
      <c r="AC5045">
        <v>32542.883949999999</v>
      </c>
      <c r="AD5045">
        <v>16350.69166</v>
      </c>
      <c r="AE5045">
        <v>36061.484550000001</v>
      </c>
      <c r="AF5045">
        <v>45892.804539999997</v>
      </c>
      <c r="AG5045">
        <v>16656.459940000001</v>
      </c>
      <c r="AH5045">
        <v>222963.42060000001</v>
      </c>
      <c r="AI5045">
        <v>64667.649680000002</v>
      </c>
      <c r="AJ5045">
        <v>16417.159210000002</v>
      </c>
      <c r="AK5045">
        <v>25085.672849999999</v>
      </c>
      <c r="AL5045">
        <v>71035.873449999999</v>
      </c>
      <c r="AM5045">
        <v>14372.0327</v>
      </c>
      <c r="AN5045">
        <v>71122.479120000004</v>
      </c>
      <c r="AO5045">
        <v>16781.653439999998</v>
      </c>
      <c r="AP5045">
        <v>16086.540419999999</v>
      </c>
    </row>
    <row r="5046" spans="2:42" x14ac:dyDescent="0.3">
      <c r="B5046">
        <v>47.033783184301832</v>
      </c>
      <c r="C5046" s="83">
        <v>43311.166666666664</v>
      </c>
      <c r="D5046">
        <v>163821.99679999999</v>
      </c>
      <c r="E5046">
        <v>12781.191500000001</v>
      </c>
      <c r="F5046">
        <v>59840.369570000003</v>
      </c>
      <c r="G5046">
        <v>26739.764630000001</v>
      </c>
      <c r="H5046">
        <v>33036.418149999998</v>
      </c>
      <c r="I5046">
        <v>17630.334309999998</v>
      </c>
      <c r="J5046">
        <v>37772.510340000001</v>
      </c>
      <c r="K5046">
        <v>44950.656589999999</v>
      </c>
      <c r="L5046">
        <v>16355.713890000001</v>
      </c>
      <c r="M5046">
        <v>239800.1605</v>
      </c>
      <c r="N5046">
        <v>64439.229249999997</v>
      </c>
      <c r="O5046">
        <v>17519.0569</v>
      </c>
      <c r="P5046">
        <v>25837.255679999998</v>
      </c>
      <c r="Q5046">
        <v>77684.008799999996</v>
      </c>
      <c r="R5046">
        <v>14515.92742</v>
      </c>
      <c r="S5046">
        <v>71770.118789999993</v>
      </c>
      <c r="T5046">
        <v>16848.981309999999</v>
      </c>
      <c r="U5046">
        <v>16816.771850000001</v>
      </c>
      <c r="W5046" s="83">
        <f>Bühler!N5078</f>
        <v>45502.166666654433</v>
      </c>
      <c r="X5046" s="83">
        <v>43311.166666666664</v>
      </c>
      <c r="Y5046">
        <v>163821.99679999999</v>
      </c>
      <c r="Z5046">
        <v>12781.191500000001</v>
      </c>
      <c r="AA5046">
        <v>59840.369570000003</v>
      </c>
      <c r="AB5046">
        <v>26739.764630000001</v>
      </c>
      <c r="AC5046">
        <v>33036.418149999998</v>
      </c>
      <c r="AD5046">
        <v>17630.334309999998</v>
      </c>
      <c r="AE5046">
        <v>37772.510340000001</v>
      </c>
      <c r="AF5046">
        <v>44950.656589999999</v>
      </c>
      <c r="AG5046">
        <v>16355.713890000001</v>
      </c>
      <c r="AH5046">
        <v>239800.1605</v>
      </c>
      <c r="AI5046">
        <v>64439.229249999997</v>
      </c>
      <c r="AJ5046">
        <v>17519.0569</v>
      </c>
      <c r="AK5046">
        <v>25837.255679999998</v>
      </c>
      <c r="AL5046">
        <v>77684.008799999996</v>
      </c>
      <c r="AM5046">
        <v>14515.92742</v>
      </c>
      <c r="AN5046">
        <v>71770.118789999993</v>
      </c>
      <c r="AO5046">
        <v>16848.981309999999</v>
      </c>
      <c r="AP5046">
        <v>16816.771850000001</v>
      </c>
    </row>
    <row r="5047" spans="2:42" x14ac:dyDescent="0.3">
      <c r="B5047">
        <v>52.959789903493224</v>
      </c>
      <c r="C5047" s="83">
        <v>43311.208333333336</v>
      </c>
      <c r="D5047">
        <v>189844.40580000001</v>
      </c>
      <c r="E5047">
        <v>14448.97011</v>
      </c>
      <c r="F5047">
        <v>70053.586569999999</v>
      </c>
      <c r="G5047">
        <v>27479.178019999999</v>
      </c>
      <c r="H5047">
        <v>35033.321320000003</v>
      </c>
      <c r="I5047">
        <v>23320.733090000002</v>
      </c>
      <c r="J5047">
        <v>41067.440280000003</v>
      </c>
      <c r="K5047">
        <v>45814.623509999998</v>
      </c>
      <c r="L5047">
        <v>17532.101640000001</v>
      </c>
      <c r="M5047">
        <v>270013.70630000002</v>
      </c>
      <c r="N5047">
        <v>66526.311799999996</v>
      </c>
      <c r="O5047">
        <v>18193.143929999998</v>
      </c>
      <c r="P5047">
        <v>27127.89531</v>
      </c>
      <c r="Q5047">
        <v>84671.744949999993</v>
      </c>
      <c r="R5047">
        <v>16605.214929999998</v>
      </c>
      <c r="S5047">
        <v>74070.478170000002</v>
      </c>
      <c r="T5047">
        <v>18158.96947</v>
      </c>
      <c r="U5047">
        <v>19360.620370000001</v>
      </c>
      <c r="W5047" s="83">
        <f>Bühler!N5079</f>
        <v>45502.208333321098</v>
      </c>
      <c r="X5047" s="83">
        <v>43311.208333333336</v>
      </c>
      <c r="Y5047">
        <v>189844.40580000001</v>
      </c>
      <c r="Z5047">
        <v>14448.97011</v>
      </c>
      <c r="AA5047">
        <v>70053.586569999999</v>
      </c>
      <c r="AB5047">
        <v>27479.178019999999</v>
      </c>
      <c r="AC5047">
        <v>35033.321320000003</v>
      </c>
      <c r="AD5047">
        <v>23320.733090000002</v>
      </c>
      <c r="AE5047">
        <v>41067.440280000003</v>
      </c>
      <c r="AF5047">
        <v>45814.623509999998</v>
      </c>
      <c r="AG5047">
        <v>17532.101640000001</v>
      </c>
      <c r="AH5047">
        <v>270013.70630000002</v>
      </c>
      <c r="AI5047">
        <v>66526.311799999996</v>
      </c>
      <c r="AJ5047">
        <v>18193.143929999998</v>
      </c>
      <c r="AK5047">
        <v>27127.89531</v>
      </c>
      <c r="AL5047">
        <v>84671.744949999993</v>
      </c>
      <c r="AM5047">
        <v>16605.214929999998</v>
      </c>
      <c r="AN5047">
        <v>74070.478170000002</v>
      </c>
      <c r="AO5047">
        <v>18158.96947</v>
      </c>
      <c r="AP5047">
        <v>19360.620370000001</v>
      </c>
    </row>
    <row r="5048" spans="2:42" x14ac:dyDescent="0.3">
      <c r="B5048">
        <v>58.53050024951974</v>
      </c>
      <c r="C5048" s="83">
        <v>43311.25</v>
      </c>
      <c r="D5048">
        <v>213305.9032</v>
      </c>
      <c r="E5048">
        <v>18173.497739999999</v>
      </c>
      <c r="F5048">
        <v>81250.786080000005</v>
      </c>
      <c r="G5048">
        <v>28314.16907</v>
      </c>
      <c r="H5048">
        <v>36675.721870000001</v>
      </c>
      <c r="I5048">
        <v>27174.45491</v>
      </c>
      <c r="J5048">
        <v>42871.746679999997</v>
      </c>
      <c r="K5048">
        <v>48799.139710000003</v>
      </c>
      <c r="L5048">
        <v>18543.723529999999</v>
      </c>
      <c r="M5048">
        <v>298415.7855</v>
      </c>
      <c r="N5048">
        <v>70827.40191</v>
      </c>
      <c r="O5048">
        <v>20008.36866</v>
      </c>
      <c r="P5048">
        <v>26523.31623</v>
      </c>
      <c r="Q5048">
        <v>88610.890629999994</v>
      </c>
      <c r="R5048">
        <v>16453.170630000001</v>
      </c>
      <c r="S5048">
        <v>81637.952120000002</v>
      </c>
      <c r="T5048">
        <v>19581.99986</v>
      </c>
      <c r="U5048">
        <v>21486.74279</v>
      </c>
      <c r="W5048" s="83">
        <f>Bühler!N5080</f>
        <v>45502.249999987762</v>
      </c>
      <c r="X5048" s="83">
        <v>43311.25</v>
      </c>
      <c r="Y5048">
        <v>213305.9032</v>
      </c>
      <c r="Z5048">
        <v>18173.497739999999</v>
      </c>
      <c r="AA5048">
        <v>81250.786080000005</v>
      </c>
      <c r="AB5048">
        <v>28314.16907</v>
      </c>
      <c r="AC5048">
        <v>36675.721870000001</v>
      </c>
      <c r="AD5048">
        <v>27174.45491</v>
      </c>
      <c r="AE5048">
        <v>42871.746679999997</v>
      </c>
      <c r="AF5048">
        <v>48799.139710000003</v>
      </c>
      <c r="AG5048">
        <v>18543.723529999999</v>
      </c>
      <c r="AH5048">
        <v>298415.7855</v>
      </c>
      <c r="AI5048">
        <v>70827.40191</v>
      </c>
      <c r="AJ5048">
        <v>20008.36866</v>
      </c>
      <c r="AK5048">
        <v>26523.31623</v>
      </c>
      <c r="AL5048">
        <v>88610.890629999994</v>
      </c>
      <c r="AM5048">
        <v>16453.170630000001</v>
      </c>
      <c r="AN5048">
        <v>81637.952120000002</v>
      </c>
      <c r="AO5048">
        <v>19581.99986</v>
      </c>
      <c r="AP5048">
        <v>21486.74279</v>
      </c>
    </row>
    <row r="5049" spans="2:42" x14ac:dyDescent="0.3">
      <c r="B5049">
        <v>61.555210734140665</v>
      </c>
      <c r="C5049" s="83">
        <v>43311.291666666664</v>
      </c>
      <c r="D5049">
        <v>228002.38389999999</v>
      </c>
      <c r="E5049">
        <v>22590.038380000002</v>
      </c>
      <c r="F5049">
        <v>84049.975909999994</v>
      </c>
      <c r="G5049">
        <v>30058.906599999998</v>
      </c>
      <c r="H5049">
        <v>40273.36116</v>
      </c>
      <c r="I5049">
        <v>31381.66446</v>
      </c>
      <c r="J5049">
        <v>44245.701939999999</v>
      </c>
      <c r="K5049">
        <v>52348.758300000001</v>
      </c>
      <c r="L5049">
        <v>20584.137170000002</v>
      </c>
      <c r="M5049">
        <v>313837.17009999999</v>
      </c>
      <c r="N5049">
        <v>75954.147790000003</v>
      </c>
      <c r="O5049">
        <v>22599.820729999999</v>
      </c>
      <c r="P5049">
        <v>29626.67211</v>
      </c>
      <c r="Q5049">
        <v>91614.935329999993</v>
      </c>
      <c r="R5049">
        <v>17304.908589999999</v>
      </c>
      <c r="S5049">
        <v>94840.835349999994</v>
      </c>
      <c r="T5049">
        <v>21561.62602</v>
      </c>
      <c r="U5049">
        <v>25077.441490000001</v>
      </c>
      <c r="W5049" s="83">
        <f>Bühler!N5081</f>
        <v>45502.291666654426</v>
      </c>
      <c r="X5049" s="83">
        <v>43311.291666666664</v>
      </c>
      <c r="Y5049">
        <v>228002.38389999999</v>
      </c>
      <c r="Z5049">
        <v>22590.038380000002</v>
      </c>
      <c r="AA5049">
        <v>84049.975909999994</v>
      </c>
      <c r="AB5049">
        <v>30058.906599999998</v>
      </c>
      <c r="AC5049">
        <v>40273.36116</v>
      </c>
      <c r="AD5049">
        <v>31381.66446</v>
      </c>
      <c r="AE5049">
        <v>44245.701939999999</v>
      </c>
      <c r="AF5049">
        <v>52348.758300000001</v>
      </c>
      <c r="AG5049">
        <v>20584.137170000002</v>
      </c>
      <c r="AH5049">
        <v>313837.17009999999</v>
      </c>
      <c r="AI5049">
        <v>75954.147790000003</v>
      </c>
      <c r="AJ5049">
        <v>22599.820729999999</v>
      </c>
      <c r="AK5049">
        <v>29626.67211</v>
      </c>
      <c r="AL5049">
        <v>91614.935329999993</v>
      </c>
      <c r="AM5049">
        <v>17304.908589999999</v>
      </c>
      <c r="AN5049">
        <v>94840.835349999994</v>
      </c>
      <c r="AO5049">
        <v>21561.62602</v>
      </c>
      <c r="AP5049">
        <v>25077.441490000001</v>
      </c>
    </row>
    <row r="5050" spans="2:42" x14ac:dyDescent="0.3">
      <c r="B5050">
        <v>63.244513579807084</v>
      </c>
      <c r="C5050" s="83">
        <v>43311.333333333336</v>
      </c>
      <c r="D5050">
        <v>243337.01879999999</v>
      </c>
      <c r="E5050">
        <v>27812.359830000001</v>
      </c>
      <c r="F5050">
        <v>90969.015239999993</v>
      </c>
      <c r="G5050">
        <v>33174.816930000001</v>
      </c>
      <c r="H5050">
        <v>44416.414660000002</v>
      </c>
      <c r="I5050">
        <v>34607.224970000003</v>
      </c>
      <c r="J5050">
        <v>48042.352529999996</v>
      </c>
      <c r="K5050">
        <v>58804.161590000003</v>
      </c>
      <c r="L5050">
        <v>23985.582040000001</v>
      </c>
      <c r="M5050">
        <v>322450.02380000002</v>
      </c>
      <c r="N5050">
        <v>83825.514020000002</v>
      </c>
      <c r="O5050">
        <v>25043.76094</v>
      </c>
      <c r="P5050">
        <v>33627.99523</v>
      </c>
      <c r="Q5050">
        <v>93726.376499999998</v>
      </c>
      <c r="R5050">
        <v>20451.59707</v>
      </c>
      <c r="S5050">
        <v>106531.14659999999</v>
      </c>
      <c r="T5050">
        <v>24068.032780000001</v>
      </c>
      <c r="U5050">
        <v>28993.048159999998</v>
      </c>
      <c r="W5050" s="83">
        <f>Bühler!N5082</f>
        <v>45502.33333332109</v>
      </c>
      <c r="X5050" s="83">
        <v>43311.333333333336</v>
      </c>
      <c r="Y5050">
        <v>243337.01879999999</v>
      </c>
      <c r="Z5050">
        <v>27812.359830000001</v>
      </c>
      <c r="AA5050">
        <v>90969.015239999993</v>
      </c>
      <c r="AB5050">
        <v>33174.816930000001</v>
      </c>
      <c r="AC5050">
        <v>44416.414660000002</v>
      </c>
      <c r="AD5050">
        <v>34607.224970000003</v>
      </c>
      <c r="AE5050">
        <v>48042.352529999996</v>
      </c>
      <c r="AF5050">
        <v>58804.161590000003</v>
      </c>
      <c r="AG5050">
        <v>23985.582040000001</v>
      </c>
      <c r="AH5050">
        <v>322450.02380000002</v>
      </c>
      <c r="AI5050">
        <v>83825.514020000002</v>
      </c>
      <c r="AJ5050">
        <v>25043.76094</v>
      </c>
      <c r="AK5050">
        <v>33627.99523</v>
      </c>
      <c r="AL5050">
        <v>93726.376499999998</v>
      </c>
      <c r="AM5050">
        <v>20451.59707</v>
      </c>
      <c r="AN5050">
        <v>106531.14659999999</v>
      </c>
      <c r="AO5050">
        <v>24068.032780000001</v>
      </c>
      <c r="AP5050">
        <v>28993.048159999998</v>
      </c>
    </row>
    <row r="5051" spans="2:42" x14ac:dyDescent="0.3">
      <c r="B5051">
        <v>64.701173151899368</v>
      </c>
      <c r="C5051" s="83">
        <v>43311.375</v>
      </c>
      <c r="D5051">
        <v>248696.30840000001</v>
      </c>
      <c r="E5051">
        <v>32288.93001</v>
      </c>
      <c r="F5051">
        <v>97974.338940000001</v>
      </c>
      <c r="G5051">
        <v>35156.799129999999</v>
      </c>
      <c r="H5051">
        <v>47767.121809999997</v>
      </c>
      <c r="I5051">
        <v>34617.419990000002</v>
      </c>
      <c r="J5051">
        <v>50859.197740000003</v>
      </c>
      <c r="K5051">
        <v>62802.864860000001</v>
      </c>
      <c r="L5051">
        <v>27415.04592</v>
      </c>
      <c r="M5051">
        <v>329876.7536</v>
      </c>
      <c r="N5051">
        <v>88991.483720000004</v>
      </c>
      <c r="O5051">
        <v>26372.695520000001</v>
      </c>
      <c r="P5051">
        <v>37530.869059999997</v>
      </c>
      <c r="Q5051">
        <v>97192.685249999995</v>
      </c>
      <c r="R5051">
        <v>22574.714540000001</v>
      </c>
      <c r="S5051">
        <v>114211.4716</v>
      </c>
      <c r="T5051">
        <v>26627.501560000001</v>
      </c>
      <c r="U5051">
        <v>29502.81151</v>
      </c>
      <c r="W5051" s="83">
        <f>Bühler!N5083</f>
        <v>45502.374999987755</v>
      </c>
      <c r="X5051" s="83">
        <v>43311.375</v>
      </c>
      <c r="Y5051">
        <v>248696.30840000001</v>
      </c>
      <c r="Z5051">
        <v>32288.93001</v>
      </c>
      <c r="AA5051">
        <v>97974.338940000001</v>
      </c>
      <c r="AB5051">
        <v>35156.799129999999</v>
      </c>
      <c r="AC5051">
        <v>47767.121809999997</v>
      </c>
      <c r="AD5051">
        <v>34617.419990000002</v>
      </c>
      <c r="AE5051">
        <v>50859.197740000003</v>
      </c>
      <c r="AF5051">
        <v>62802.864860000001</v>
      </c>
      <c r="AG5051">
        <v>27415.04592</v>
      </c>
      <c r="AH5051">
        <v>329876.7536</v>
      </c>
      <c r="AI5051">
        <v>88991.483720000004</v>
      </c>
      <c r="AJ5051">
        <v>26372.695520000001</v>
      </c>
      <c r="AK5051">
        <v>37530.869059999997</v>
      </c>
      <c r="AL5051">
        <v>97192.685249999995</v>
      </c>
      <c r="AM5051">
        <v>22574.714540000001</v>
      </c>
      <c r="AN5051">
        <v>114211.4716</v>
      </c>
      <c r="AO5051">
        <v>26627.501560000001</v>
      </c>
      <c r="AP5051">
        <v>29502.81151</v>
      </c>
    </row>
    <row r="5052" spans="2:42" x14ac:dyDescent="0.3">
      <c r="B5052">
        <v>66.278190407821086</v>
      </c>
      <c r="C5052" s="83">
        <v>43311.416666666664</v>
      </c>
      <c r="D5052">
        <v>251988.1943</v>
      </c>
      <c r="E5052">
        <v>34302.396739999996</v>
      </c>
      <c r="F5052">
        <v>100036.9807</v>
      </c>
      <c r="G5052">
        <v>36717.289149999997</v>
      </c>
      <c r="H5052">
        <v>48845.61636</v>
      </c>
      <c r="I5052">
        <v>34133.039389999998</v>
      </c>
      <c r="J5052">
        <v>51679.031289999999</v>
      </c>
      <c r="K5052">
        <v>65201.520210000002</v>
      </c>
      <c r="L5052">
        <v>30680.191739999998</v>
      </c>
      <c r="M5052">
        <v>337917.12300000002</v>
      </c>
      <c r="N5052">
        <v>91750.609349999999</v>
      </c>
      <c r="O5052">
        <v>27275.21715</v>
      </c>
      <c r="P5052">
        <v>37819.957049999997</v>
      </c>
      <c r="Q5052">
        <v>98479.344169999997</v>
      </c>
      <c r="R5052">
        <v>24153.954239999999</v>
      </c>
      <c r="S5052">
        <v>115945.601</v>
      </c>
      <c r="T5052">
        <v>29054.182100000002</v>
      </c>
      <c r="U5052">
        <v>29939.093260000001</v>
      </c>
      <c r="W5052" s="83">
        <f>Bühler!N5084</f>
        <v>45502.416666654419</v>
      </c>
      <c r="X5052" s="83">
        <v>43311.416666666664</v>
      </c>
      <c r="Y5052">
        <v>251988.1943</v>
      </c>
      <c r="Z5052">
        <v>34302.396739999996</v>
      </c>
      <c r="AA5052">
        <v>100036.9807</v>
      </c>
      <c r="AB5052">
        <v>36717.289149999997</v>
      </c>
      <c r="AC5052">
        <v>48845.61636</v>
      </c>
      <c r="AD5052">
        <v>34133.039389999998</v>
      </c>
      <c r="AE5052">
        <v>51679.031289999999</v>
      </c>
      <c r="AF5052">
        <v>65201.520210000002</v>
      </c>
      <c r="AG5052">
        <v>30680.191739999998</v>
      </c>
      <c r="AH5052">
        <v>337917.12300000002</v>
      </c>
      <c r="AI5052">
        <v>91750.609349999999</v>
      </c>
      <c r="AJ5052">
        <v>27275.21715</v>
      </c>
      <c r="AK5052">
        <v>37819.957049999997</v>
      </c>
      <c r="AL5052">
        <v>98479.344169999997</v>
      </c>
      <c r="AM5052">
        <v>24153.954239999999</v>
      </c>
      <c r="AN5052">
        <v>115945.601</v>
      </c>
      <c r="AO5052">
        <v>29054.182100000002</v>
      </c>
      <c r="AP5052">
        <v>29939.093260000001</v>
      </c>
    </row>
    <row r="5053" spans="2:42" x14ac:dyDescent="0.3">
      <c r="B5053">
        <v>67.834337054256878</v>
      </c>
      <c r="C5053" s="83">
        <v>43311.458333333336</v>
      </c>
      <c r="D5053">
        <v>253084.7243</v>
      </c>
      <c r="E5053">
        <v>34665.76298</v>
      </c>
      <c r="F5053">
        <v>101941.6896</v>
      </c>
      <c r="G5053">
        <v>37249.450660000002</v>
      </c>
      <c r="H5053">
        <v>48970.911390000001</v>
      </c>
      <c r="I5053">
        <v>34410.84708</v>
      </c>
      <c r="J5053">
        <v>52391.710740000002</v>
      </c>
      <c r="K5053">
        <v>65589.526370000007</v>
      </c>
      <c r="L5053">
        <v>32002.226900000001</v>
      </c>
      <c r="M5053">
        <v>345851.08429999999</v>
      </c>
      <c r="N5053">
        <v>91965.286219999995</v>
      </c>
      <c r="O5053">
        <v>26198.65796</v>
      </c>
      <c r="P5053">
        <v>37488.085149999999</v>
      </c>
      <c r="Q5053">
        <v>98758.735379999998</v>
      </c>
      <c r="R5053">
        <v>25703.63868</v>
      </c>
      <c r="S5053">
        <v>119715.6456</v>
      </c>
      <c r="T5053">
        <v>29891.641629999998</v>
      </c>
      <c r="U5053">
        <v>29778.76052</v>
      </c>
      <c r="W5053" s="83">
        <f>Bühler!N5085</f>
        <v>45502.458333321083</v>
      </c>
      <c r="X5053" s="83">
        <v>43311.458333333336</v>
      </c>
      <c r="Y5053">
        <v>253084.7243</v>
      </c>
      <c r="Z5053">
        <v>34665.76298</v>
      </c>
      <c r="AA5053">
        <v>101941.6896</v>
      </c>
      <c r="AB5053">
        <v>37249.450660000002</v>
      </c>
      <c r="AC5053">
        <v>48970.911390000001</v>
      </c>
      <c r="AD5053">
        <v>34410.84708</v>
      </c>
      <c r="AE5053">
        <v>52391.710740000002</v>
      </c>
      <c r="AF5053">
        <v>65589.526370000007</v>
      </c>
      <c r="AG5053">
        <v>32002.226900000001</v>
      </c>
      <c r="AH5053">
        <v>345851.08429999999</v>
      </c>
      <c r="AI5053">
        <v>91965.286219999995</v>
      </c>
      <c r="AJ5053">
        <v>26198.65796</v>
      </c>
      <c r="AK5053">
        <v>37488.085149999999</v>
      </c>
      <c r="AL5053">
        <v>98758.735379999998</v>
      </c>
      <c r="AM5053">
        <v>25703.63868</v>
      </c>
      <c r="AN5053">
        <v>119715.6456</v>
      </c>
      <c r="AO5053">
        <v>29891.641629999998</v>
      </c>
      <c r="AP5053">
        <v>29778.76052</v>
      </c>
    </row>
    <row r="5054" spans="2:42" x14ac:dyDescent="0.3">
      <c r="B5054">
        <v>67.231349078303936</v>
      </c>
      <c r="C5054" s="83">
        <v>43311.5</v>
      </c>
      <c r="D5054">
        <v>245245.21489999999</v>
      </c>
      <c r="E5054">
        <v>31741.70494</v>
      </c>
      <c r="F5054">
        <v>95340.985010000004</v>
      </c>
      <c r="G5054">
        <v>37600.381909999996</v>
      </c>
      <c r="H5054">
        <v>47701.192869999999</v>
      </c>
      <c r="I5054">
        <v>33309.043559999998</v>
      </c>
      <c r="J5054">
        <v>52945.469539999998</v>
      </c>
      <c r="K5054">
        <v>62140.894229999998</v>
      </c>
      <c r="L5054">
        <v>34384.179150000004</v>
      </c>
      <c r="M5054">
        <v>342776.77039999998</v>
      </c>
      <c r="N5054">
        <v>90302.184710000001</v>
      </c>
      <c r="O5054">
        <v>25868.48992</v>
      </c>
      <c r="P5054">
        <v>38353.640780000002</v>
      </c>
      <c r="Q5054">
        <v>100001.5258</v>
      </c>
      <c r="R5054">
        <v>25220.066009999999</v>
      </c>
      <c r="S5054">
        <v>114267.6128</v>
      </c>
      <c r="T5054">
        <v>28943.610079999999</v>
      </c>
      <c r="U5054">
        <v>25557.352060000001</v>
      </c>
      <c r="W5054" s="83">
        <f>Bühler!N5086</f>
        <v>45502.499999987747</v>
      </c>
      <c r="X5054" s="83">
        <v>43311.5</v>
      </c>
      <c r="Y5054">
        <v>245245.21489999999</v>
      </c>
      <c r="Z5054">
        <v>31741.70494</v>
      </c>
      <c r="AA5054">
        <v>95340.985010000004</v>
      </c>
      <c r="AB5054">
        <v>37600.381909999996</v>
      </c>
      <c r="AC5054">
        <v>47701.192869999999</v>
      </c>
      <c r="AD5054">
        <v>33309.043559999998</v>
      </c>
      <c r="AE5054">
        <v>52945.469539999998</v>
      </c>
      <c r="AF5054">
        <v>62140.894229999998</v>
      </c>
      <c r="AG5054">
        <v>34384.179150000004</v>
      </c>
      <c r="AH5054">
        <v>342776.77039999998</v>
      </c>
      <c r="AI5054">
        <v>90302.184710000001</v>
      </c>
      <c r="AJ5054">
        <v>25868.48992</v>
      </c>
      <c r="AK5054">
        <v>38353.640780000002</v>
      </c>
      <c r="AL5054">
        <v>100001.5258</v>
      </c>
      <c r="AM5054">
        <v>25220.066009999999</v>
      </c>
      <c r="AN5054">
        <v>114267.6128</v>
      </c>
      <c r="AO5054">
        <v>28943.610079999999</v>
      </c>
      <c r="AP5054">
        <v>25557.352060000001</v>
      </c>
    </row>
    <row r="5055" spans="2:42" x14ac:dyDescent="0.3">
      <c r="B5055">
        <v>67.082996230747455</v>
      </c>
      <c r="C5055" s="83">
        <v>43311.541666666664</v>
      </c>
      <c r="D5055">
        <v>245737.06899999999</v>
      </c>
      <c r="E5055">
        <v>32204.09276</v>
      </c>
      <c r="F5055">
        <v>92015.081699999995</v>
      </c>
      <c r="G5055">
        <v>37536.855609999999</v>
      </c>
      <c r="H5055">
        <v>47869.184419999998</v>
      </c>
      <c r="I5055">
        <v>33636.463589999999</v>
      </c>
      <c r="J5055">
        <v>52018.197899999999</v>
      </c>
      <c r="K5055">
        <v>64305.154329999998</v>
      </c>
      <c r="L5055">
        <v>33913.534899999999</v>
      </c>
      <c r="M5055">
        <v>342020.39840000001</v>
      </c>
      <c r="N5055">
        <v>91981.217990000005</v>
      </c>
      <c r="O5055">
        <v>26021.818480000002</v>
      </c>
      <c r="P5055">
        <v>37464.280650000001</v>
      </c>
      <c r="Q5055">
        <v>99117.309840000002</v>
      </c>
      <c r="R5055">
        <v>25102.583699999999</v>
      </c>
      <c r="S5055">
        <v>113940.9086</v>
      </c>
      <c r="T5055">
        <v>29471.990419999998</v>
      </c>
      <c r="U5055">
        <v>27996.59678</v>
      </c>
      <c r="W5055" s="83">
        <f>Bühler!N5087</f>
        <v>45502.541666654412</v>
      </c>
      <c r="X5055" s="83">
        <v>43311.541666666664</v>
      </c>
      <c r="Y5055">
        <v>245737.06899999999</v>
      </c>
      <c r="Z5055">
        <v>32204.09276</v>
      </c>
      <c r="AA5055">
        <v>92015.081699999995</v>
      </c>
      <c r="AB5055">
        <v>37536.855609999999</v>
      </c>
      <c r="AC5055">
        <v>47869.184419999998</v>
      </c>
      <c r="AD5055">
        <v>33636.463589999999</v>
      </c>
      <c r="AE5055">
        <v>52018.197899999999</v>
      </c>
      <c r="AF5055">
        <v>64305.154329999998</v>
      </c>
      <c r="AG5055">
        <v>33913.534899999999</v>
      </c>
      <c r="AH5055">
        <v>342020.39840000001</v>
      </c>
      <c r="AI5055">
        <v>91981.217990000005</v>
      </c>
      <c r="AJ5055">
        <v>26021.818480000002</v>
      </c>
      <c r="AK5055">
        <v>37464.280650000001</v>
      </c>
      <c r="AL5055">
        <v>99117.309840000002</v>
      </c>
      <c r="AM5055">
        <v>25102.583699999999</v>
      </c>
      <c r="AN5055">
        <v>113940.9086</v>
      </c>
      <c r="AO5055">
        <v>29471.990419999998</v>
      </c>
      <c r="AP5055">
        <v>27996.59678</v>
      </c>
    </row>
    <row r="5056" spans="2:42" x14ac:dyDescent="0.3">
      <c r="B5056">
        <v>67.297712897795236</v>
      </c>
      <c r="C5056" s="83">
        <v>43311.583333333336</v>
      </c>
      <c r="D5056">
        <v>247846.21109999999</v>
      </c>
      <c r="E5056">
        <v>34844.052600000003</v>
      </c>
      <c r="F5056">
        <v>100967.4552</v>
      </c>
      <c r="G5056">
        <v>37990.110619999999</v>
      </c>
      <c r="H5056">
        <v>48004.628680000002</v>
      </c>
      <c r="I5056">
        <v>33873.022929999999</v>
      </c>
      <c r="J5056">
        <v>51862.076990000001</v>
      </c>
      <c r="K5056">
        <v>67086.872170000002</v>
      </c>
      <c r="L5056">
        <v>31823.337790000001</v>
      </c>
      <c r="M5056">
        <v>343115.12410000002</v>
      </c>
      <c r="N5056">
        <v>93490.216450000007</v>
      </c>
      <c r="O5056">
        <v>25791.647420000001</v>
      </c>
      <c r="P5056">
        <v>35078.278859999999</v>
      </c>
      <c r="Q5056">
        <v>99205.972609999997</v>
      </c>
      <c r="R5056">
        <v>25159.922320000001</v>
      </c>
      <c r="S5056">
        <v>111508.8129</v>
      </c>
      <c r="T5056">
        <v>28574.847129999998</v>
      </c>
      <c r="U5056">
        <v>28835.714980000001</v>
      </c>
      <c r="W5056" s="83">
        <f>Bühler!N5088</f>
        <v>45502.583333321076</v>
      </c>
      <c r="X5056" s="83">
        <v>43311.583333333336</v>
      </c>
      <c r="Y5056">
        <v>247846.21109999999</v>
      </c>
      <c r="Z5056">
        <v>34844.052600000003</v>
      </c>
      <c r="AA5056">
        <v>100967.4552</v>
      </c>
      <c r="AB5056">
        <v>37990.110619999999</v>
      </c>
      <c r="AC5056">
        <v>48004.628680000002</v>
      </c>
      <c r="AD5056">
        <v>33873.022929999999</v>
      </c>
      <c r="AE5056">
        <v>51862.076990000001</v>
      </c>
      <c r="AF5056">
        <v>67086.872170000002</v>
      </c>
      <c r="AG5056">
        <v>31823.337790000001</v>
      </c>
      <c r="AH5056">
        <v>343115.12410000002</v>
      </c>
      <c r="AI5056">
        <v>93490.216450000007</v>
      </c>
      <c r="AJ5056">
        <v>25791.647420000001</v>
      </c>
      <c r="AK5056">
        <v>35078.278859999999</v>
      </c>
      <c r="AL5056">
        <v>99205.972609999997</v>
      </c>
      <c r="AM5056">
        <v>25159.922320000001</v>
      </c>
      <c r="AN5056">
        <v>111508.8129</v>
      </c>
      <c r="AO5056">
        <v>28574.847129999998</v>
      </c>
      <c r="AP5056">
        <v>28835.714980000001</v>
      </c>
    </row>
    <row r="5057" spans="2:42" x14ac:dyDescent="0.3">
      <c r="B5057">
        <v>67.349394066665894</v>
      </c>
      <c r="C5057" s="83">
        <v>43311.625</v>
      </c>
      <c r="D5057">
        <v>245957.86799999999</v>
      </c>
      <c r="E5057">
        <v>35154.603880000002</v>
      </c>
      <c r="F5057">
        <v>103192.2604</v>
      </c>
      <c r="G5057">
        <v>37988.699820000002</v>
      </c>
      <c r="H5057">
        <v>47369.523099999999</v>
      </c>
      <c r="I5057">
        <v>34883.523970000002</v>
      </c>
      <c r="J5057">
        <v>51193.55485</v>
      </c>
      <c r="K5057">
        <v>65849.789999999994</v>
      </c>
      <c r="L5057">
        <v>29024.324820000002</v>
      </c>
      <c r="M5057">
        <v>343378.6188</v>
      </c>
      <c r="N5057">
        <v>91699.950259999998</v>
      </c>
      <c r="O5057">
        <v>25081.337060000002</v>
      </c>
      <c r="P5057">
        <v>32680.728429999999</v>
      </c>
      <c r="Q5057">
        <v>98562.950790000003</v>
      </c>
      <c r="R5057">
        <v>25457.72969</v>
      </c>
      <c r="S5057">
        <v>109177.1922</v>
      </c>
      <c r="T5057">
        <v>28173.630249999998</v>
      </c>
      <c r="U5057">
        <v>27666.433529999998</v>
      </c>
      <c r="W5057" s="83">
        <f>Bühler!N5089</f>
        <v>45502.62499998774</v>
      </c>
      <c r="X5057" s="83">
        <v>43311.625</v>
      </c>
      <c r="Y5057">
        <v>245957.86799999999</v>
      </c>
      <c r="Z5057">
        <v>35154.603880000002</v>
      </c>
      <c r="AA5057">
        <v>103192.2604</v>
      </c>
      <c r="AB5057">
        <v>37988.699820000002</v>
      </c>
      <c r="AC5057">
        <v>47369.523099999999</v>
      </c>
      <c r="AD5057">
        <v>34883.523970000002</v>
      </c>
      <c r="AE5057">
        <v>51193.55485</v>
      </c>
      <c r="AF5057">
        <v>65849.789999999994</v>
      </c>
      <c r="AG5057">
        <v>29024.324820000002</v>
      </c>
      <c r="AH5057">
        <v>343378.6188</v>
      </c>
      <c r="AI5057">
        <v>91699.950259999998</v>
      </c>
      <c r="AJ5057">
        <v>25081.337060000002</v>
      </c>
      <c r="AK5057">
        <v>32680.728429999999</v>
      </c>
      <c r="AL5057">
        <v>98562.950790000003</v>
      </c>
      <c r="AM5057">
        <v>25457.72969</v>
      </c>
      <c r="AN5057">
        <v>109177.1922</v>
      </c>
      <c r="AO5057">
        <v>28173.630249999998</v>
      </c>
      <c r="AP5057">
        <v>27666.433529999998</v>
      </c>
    </row>
    <row r="5058" spans="2:42" x14ac:dyDescent="0.3">
      <c r="B5058">
        <v>67.198404288884063</v>
      </c>
      <c r="C5058" s="83">
        <v>43311.666666666664</v>
      </c>
      <c r="D5058">
        <v>239679.55590000001</v>
      </c>
      <c r="E5058">
        <v>34833.48547</v>
      </c>
      <c r="F5058">
        <v>102301.2666</v>
      </c>
      <c r="G5058">
        <v>37278.517820000001</v>
      </c>
      <c r="H5058">
        <v>46447.613319999997</v>
      </c>
      <c r="I5058">
        <v>35156.775370000003</v>
      </c>
      <c r="J5058">
        <v>50584.728219999997</v>
      </c>
      <c r="K5058">
        <v>61829.185989999998</v>
      </c>
      <c r="L5058">
        <v>27949.957350000001</v>
      </c>
      <c r="M5058">
        <v>342608.80249999999</v>
      </c>
      <c r="N5058">
        <v>90714.825330000007</v>
      </c>
      <c r="O5058">
        <v>24188.98645</v>
      </c>
      <c r="P5058">
        <v>32777.355040000002</v>
      </c>
      <c r="Q5058">
        <v>97633.461790000001</v>
      </c>
      <c r="R5058">
        <v>24276.590410000001</v>
      </c>
      <c r="S5058">
        <v>106976.5273</v>
      </c>
      <c r="T5058">
        <v>28095.4277</v>
      </c>
      <c r="U5058">
        <v>25268.735669999998</v>
      </c>
      <c r="W5058" s="83">
        <f>Bühler!N5090</f>
        <v>45502.666666654404</v>
      </c>
      <c r="X5058" s="83">
        <v>43311.666666666664</v>
      </c>
      <c r="Y5058">
        <v>239679.55590000001</v>
      </c>
      <c r="Z5058">
        <v>34833.48547</v>
      </c>
      <c r="AA5058">
        <v>102301.2666</v>
      </c>
      <c r="AB5058">
        <v>37278.517820000001</v>
      </c>
      <c r="AC5058">
        <v>46447.613319999997</v>
      </c>
      <c r="AD5058">
        <v>35156.775370000003</v>
      </c>
      <c r="AE5058">
        <v>50584.728219999997</v>
      </c>
      <c r="AF5058">
        <v>61829.185989999998</v>
      </c>
      <c r="AG5058">
        <v>27949.957350000001</v>
      </c>
      <c r="AH5058">
        <v>342608.80249999999</v>
      </c>
      <c r="AI5058">
        <v>90714.825330000007</v>
      </c>
      <c r="AJ5058">
        <v>24188.98645</v>
      </c>
      <c r="AK5058">
        <v>32777.355040000002</v>
      </c>
      <c r="AL5058">
        <v>97633.461790000001</v>
      </c>
      <c r="AM5058">
        <v>24276.590410000001</v>
      </c>
      <c r="AN5058">
        <v>106976.5273</v>
      </c>
      <c r="AO5058">
        <v>28095.4277</v>
      </c>
      <c r="AP5058">
        <v>25268.735669999998</v>
      </c>
    </row>
    <row r="5059" spans="2:42" x14ac:dyDescent="0.3">
      <c r="B5059">
        <v>65.739331540127495</v>
      </c>
      <c r="C5059" s="83">
        <v>43311.708333333336</v>
      </c>
      <c r="D5059">
        <v>232551.06940000001</v>
      </c>
      <c r="E5059">
        <v>32806.23992</v>
      </c>
      <c r="F5059">
        <v>101488.02439999999</v>
      </c>
      <c r="G5059">
        <v>35615.627860000001</v>
      </c>
      <c r="H5059">
        <v>44529.431929999999</v>
      </c>
      <c r="I5059">
        <v>34525.139539999996</v>
      </c>
      <c r="J5059">
        <v>50554.421909999997</v>
      </c>
      <c r="K5059">
        <v>57707.679380000001</v>
      </c>
      <c r="L5059">
        <v>28203.700430000001</v>
      </c>
      <c r="M5059">
        <v>335169.76919999998</v>
      </c>
      <c r="N5059">
        <v>85044.449179999996</v>
      </c>
      <c r="O5059">
        <v>23096.44023</v>
      </c>
      <c r="P5059">
        <v>34677.701289999997</v>
      </c>
      <c r="Q5059">
        <v>95746.918980000002</v>
      </c>
      <c r="R5059">
        <v>25123.32775</v>
      </c>
      <c r="S5059">
        <v>102707.9878</v>
      </c>
      <c r="T5059">
        <v>26996.328829999999</v>
      </c>
      <c r="U5059">
        <v>22726.38996</v>
      </c>
      <c r="W5059" s="83">
        <f>Bühler!N5091</f>
        <v>45502.708333321068</v>
      </c>
      <c r="X5059" s="83">
        <v>43311.708333333336</v>
      </c>
      <c r="Y5059">
        <v>232551.06940000001</v>
      </c>
      <c r="Z5059">
        <v>32806.23992</v>
      </c>
      <c r="AA5059">
        <v>101488.02439999999</v>
      </c>
      <c r="AB5059">
        <v>35615.627860000001</v>
      </c>
      <c r="AC5059">
        <v>44529.431929999999</v>
      </c>
      <c r="AD5059">
        <v>34525.139539999996</v>
      </c>
      <c r="AE5059">
        <v>50554.421909999997</v>
      </c>
      <c r="AF5059">
        <v>57707.679380000001</v>
      </c>
      <c r="AG5059">
        <v>28203.700430000001</v>
      </c>
      <c r="AH5059">
        <v>335169.76919999998</v>
      </c>
      <c r="AI5059">
        <v>85044.449179999996</v>
      </c>
      <c r="AJ5059">
        <v>23096.44023</v>
      </c>
      <c r="AK5059">
        <v>34677.701289999997</v>
      </c>
      <c r="AL5059">
        <v>95746.918980000002</v>
      </c>
      <c r="AM5059">
        <v>25123.32775</v>
      </c>
      <c r="AN5059">
        <v>102707.9878</v>
      </c>
      <c r="AO5059">
        <v>26996.328829999999</v>
      </c>
      <c r="AP5059">
        <v>22726.38996</v>
      </c>
    </row>
    <row r="5060" spans="2:42" x14ac:dyDescent="0.3">
      <c r="B5060">
        <v>65.381368992648959</v>
      </c>
      <c r="C5060" s="83">
        <v>43311.75</v>
      </c>
      <c r="D5060">
        <v>227479.84940000001</v>
      </c>
      <c r="E5060">
        <v>29894.12788</v>
      </c>
      <c r="F5060">
        <v>99695.519759999996</v>
      </c>
      <c r="G5060">
        <v>33589.199289999997</v>
      </c>
      <c r="H5060">
        <v>42395.034090000001</v>
      </c>
      <c r="I5060">
        <v>33116.645089999998</v>
      </c>
      <c r="J5060">
        <v>51553.52205</v>
      </c>
      <c r="K5060">
        <v>55981.239809999999</v>
      </c>
      <c r="L5060">
        <v>29049.363280000001</v>
      </c>
      <c r="M5060">
        <v>333344.70919999998</v>
      </c>
      <c r="N5060">
        <v>82782.379149999993</v>
      </c>
      <c r="O5060">
        <v>20931.922170000002</v>
      </c>
      <c r="P5060">
        <v>38095.934699999998</v>
      </c>
      <c r="Q5060">
        <v>93578.064929999993</v>
      </c>
      <c r="R5060">
        <v>23647.530770000001</v>
      </c>
      <c r="S5060">
        <v>96201.715169999996</v>
      </c>
      <c r="T5060">
        <v>26159.843550000001</v>
      </c>
      <c r="U5060">
        <v>21456.067370000001</v>
      </c>
      <c r="W5060" s="83">
        <f>Bühler!N5092</f>
        <v>45502.749999987733</v>
      </c>
      <c r="X5060" s="83">
        <v>43311.75</v>
      </c>
      <c r="Y5060">
        <v>227479.84940000001</v>
      </c>
      <c r="Z5060">
        <v>29894.12788</v>
      </c>
      <c r="AA5060">
        <v>99695.519759999996</v>
      </c>
      <c r="AB5060">
        <v>33589.199289999997</v>
      </c>
      <c r="AC5060">
        <v>42395.034090000001</v>
      </c>
      <c r="AD5060">
        <v>33116.645089999998</v>
      </c>
      <c r="AE5060">
        <v>51553.52205</v>
      </c>
      <c r="AF5060">
        <v>55981.239809999999</v>
      </c>
      <c r="AG5060">
        <v>29049.363280000001</v>
      </c>
      <c r="AH5060">
        <v>333344.70919999998</v>
      </c>
      <c r="AI5060">
        <v>82782.379149999993</v>
      </c>
      <c r="AJ5060">
        <v>20931.922170000002</v>
      </c>
      <c r="AK5060">
        <v>38095.934699999998</v>
      </c>
      <c r="AL5060">
        <v>93578.064929999993</v>
      </c>
      <c r="AM5060">
        <v>23647.530770000001</v>
      </c>
      <c r="AN5060">
        <v>96201.715169999996</v>
      </c>
      <c r="AO5060">
        <v>26159.843550000001</v>
      </c>
      <c r="AP5060">
        <v>21456.067370000001</v>
      </c>
    </row>
    <row r="5061" spans="2:42" x14ac:dyDescent="0.3">
      <c r="B5061">
        <v>64.476796128835375</v>
      </c>
      <c r="C5061" s="83">
        <v>43311.791666666664</v>
      </c>
      <c r="D5061">
        <v>223484.1655</v>
      </c>
      <c r="E5061">
        <v>23906.851750000002</v>
      </c>
      <c r="F5061">
        <v>90362.149130000005</v>
      </c>
      <c r="G5061">
        <v>31936.59</v>
      </c>
      <c r="H5061">
        <v>40310.490989999998</v>
      </c>
      <c r="I5061">
        <v>31949.290499999999</v>
      </c>
      <c r="J5061">
        <v>50912.704310000001</v>
      </c>
      <c r="K5061">
        <v>55766.311580000001</v>
      </c>
      <c r="L5061">
        <v>29011.332050000001</v>
      </c>
      <c r="M5061">
        <v>328732.77490000002</v>
      </c>
      <c r="N5061">
        <v>80685.494019999998</v>
      </c>
      <c r="O5061">
        <v>20169.330610000001</v>
      </c>
      <c r="P5061">
        <v>40504.81684</v>
      </c>
      <c r="Q5061">
        <v>91582.445999999996</v>
      </c>
      <c r="R5061">
        <v>22593.13812</v>
      </c>
      <c r="S5061">
        <v>90958.429990000004</v>
      </c>
      <c r="T5061">
        <v>25979.70693</v>
      </c>
      <c r="U5061">
        <v>20516.043969999999</v>
      </c>
      <c r="W5061" s="83">
        <f>Bühler!N5093</f>
        <v>45502.791666654397</v>
      </c>
      <c r="X5061" s="83">
        <v>43311.791666666664</v>
      </c>
      <c r="Y5061">
        <v>223484.1655</v>
      </c>
      <c r="Z5061">
        <v>23906.851750000002</v>
      </c>
      <c r="AA5061">
        <v>90362.149130000005</v>
      </c>
      <c r="AB5061">
        <v>31936.59</v>
      </c>
      <c r="AC5061">
        <v>40310.490989999998</v>
      </c>
      <c r="AD5061">
        <v>31949.290499999999</v>
      </c>
      <c r="AE5061">
        <v>50912.704310000001</v>
      </c>
      <c r="AF5061">
        <v>55766.311580000001</v>
      </c>
      <c r="AG5061">
        <v>29011.332050000001</v>
      </c>
      <c r="AH5061">
        <v>328732.77490000002</v>
      </c>
      <c r="AI5061">
        <v>80685.494019999998</v>
      </c>
      <c r="AJ5061">
        <v>20169.330610000001</v>
      </c>
      <c r="AK5061">
        <v>40504.81684</v>
      </c>
      <c r="AL5061">
        <v>91582.445999999996</v>
      </c>
      <c r="AM5061">
        <v>22593.13812</v>
      </c>
      <c r="AN5061">
        <v>90958.429990000004</v>
      </c>
      <c r="AO5061">
        <v>25979.70693</v>
      </c>
      <c r="AP5061">
        <v>20516.043969999999</v>
      </c>
    </row>
    <row r="5062" spans="2:42" x14ac:dyDescent="0.3">
      <c r="B5062">
        <v>62.701609750625714</v>
      </c>
      <c r="C5062" s="83">
        <v>43311.833333333336</v>
      </c>
      <c r="D5062">
        <v>214975.1347</v>
      </c>
      <c r="E5062">
        <v>17626.10529</v>
      </c>
      <c r="F5062">
        <v>74452.477710000006</v>
      </c>
      <c r="G5062">
        <v>30322.258610000001</v>
      </c>
      <c r="H5062">
        <v>37434.514600000002</v>
      </c>
      <c r="I5062">
        <v>28986.578280000002</v>
      </c>
      <c r="J5062">
        <v>49836.759239999999</v>
      </c>
      <c r="K5062">
        <v>55732.824280000001</v>
      </c>
      <c r="L5062">
        <v>29403.713650000002</v>
      </c>
      <c r="M5062">
        <v>319682.04690000002</v>
      </c>
      <c r="N5062">
        <v>79142.502919999999</v>
      </c>
      <c r="O5062">
        <v>19322.028149999998</v>
      </c>
      <c r="P5062">
        <v>40213.293089999999</v>
      </c>
      <c r="Q5062">
        <v>87536.782770000005</v>
      </c>
      <c r="R5062">
        <v>21346.935440000001</v>
      </c>
      <c r="S5062">
        <v>83410.005739999993</v>
      </c>
      <c r="T5062">
        <v>24030.904439999998</v>
      </c>
      <c r="U5062">
        <v>20201.849819999999</v>
      </c>
      <c r="W5062" s="83">
        <f>Bühler!N5094</f>
        <v>45502.833333321061</v>
      </c>
      <c r="X5062" s="83">
        <v>43311.833333333336</v>
      </c>
      <c r="Y5062">
        <v>214975.1347</v>
      </c>
      <c r="Z5062">
        <v>17626.10529</v>
      </c>
      <c r="AA5062">
        <v>74452.477710000006</v>
      </c>
      <c r="AB5062">
        <v>30322.258610000001</v>
      </c>
      <c r="AC5062">
        <v>37434.514600000002</v>
      </c>
      <c r="AD5062">
        <v>28986.578280000002</v>
      </c>
      <c r="AE5062">
        <v>49836.759239999999</v>
      </c>
      <c r="AF5062">
        <v>55732.824280000001</v>
      </c>
      <c r="AG5062">
        <v>29403.713650000002</v>
      </c>
      <c r="AH5062">
        <v>319682.04690000002</v>
      </c>
      <c r="AI5062">
        <v>79142.502919999999</v>
      </c>
      <c r="AJ5062">
        <v>19322.028149999998</v>
      </c>
      <c r="AK5062">
        <v>40213.293089999999</v>
      </c>
      <c r="AL5062">
        <v>87536.782770000005</v>
      </c>
      <c r="AM5062">
        <v>21346.935440000001</v>
      </c>
      <c r="AN5062">
        <v>83410.005739999993</v>
      </c>
      <c r="AO5062">
        <v>24030.904439999998</v>
      </c>
      <c r="AP5062">
        <v>20201.849819999999</v>
      </c>
    </row>
    <row r="5063" spans="2:42" x14ac:dyDescent="0.3">
      <c r="B5063">
        <v>60.439167826653815</v>
      </c>
      <c r="C5063" s="83">
        <v>43311.875</v>
      </c>
      <c r="D5063">
        <v>208045.2849</v>
      </c>
      <c r="E5063">
        <v>15232.52269</v>
      </c>
      <c r="F5063">
        <v>65732.478650000005</v>
      </c>
      <c r="G5063">
        <v>30010.867330000001</v>
      </c>
      <c r="H5063">
        <v>35784.339670000001</v>
      </c>
      <c r="I5063">
        <v>26524.602910000001</v>
      </c>
      <c r="J5063">
        <v>49287.312740000001</v>
      </c>
      <c r="K5063">
        <v>55239.835169999998</v>
      </c>
      <c r="L5063">
        <v>27826.68979</v>
      </c>
      <c r="M5063">
        <v>308147.06290000002</v>
      </c>
      <c r="N5063">
        <v>77456.110679999998</v>
      </c>
      <c r="O5063">
        <v>18447.38924</v>
      </c>
      <c r="P5063">
        <v>37667.685960000003</v>
      </c>
      <c r="Q5063">
        <v>85810.823699999994</v>
      </c>
      <c r="R5063">
        <v>20295.05082</v>
      </c>
      <c r="S5063">
        <v>79409.327659999995</v>
      </c>
      <c r="T5063">
        <v>23200.05013</v>
      </c>
      <c r="U5063">
        <v>19747.963199999998</v>
      </c>
      <c r="W5063" s="83">
        <f>Bühler!N5095</f>
        <v>45502.874999987725</v>
      </c>
      <c r="X5063" s="83">
        <v>43311.875</v>
      </c>
      <c r="Y5063">
        <v>208045.2849</v>
      </c>
      <c r="Z5063">
        <v>15232.52269</v>
      </c>
      <c r="AA5063">
        <v>65732.478650000005</v>
      </c>
      <c r="AB5063">
        <v>30010.867330000001</v>
      </c>
      <c r="AC5063">
        <v>35784.339670000001</v>
      </c>
      <c r="AD5063">
        <v>26524.602910000001</v>
      </c>
      <c r="AE5063">
        <v>49287.312740000001</v>
      </c>
      <c r="AF5063">
        <v>55239.835169999998</v>
      </c>
      <c r="AG5063">
        <v>27826.68979</v>
      </c>
      <c r="AH5063">
        <v>308147.06290000002</v>
      </c>
      <c r="AI5063">
        <v>77456.110679999998</v>
      </c>
      <c r="AJ5063">
        <v>18447.38924</v>
      </c>
      <c r="AK5063">
        <v>37667.685960000003</v>
      </c>
      <c r="AL5063">
        <v>85810.823699999994</v>
      </c>
      <c r="AM5063">
        <v>20295.05082</v>
      </c>
      <c r="AN5063">
        <v>79409.327659999995</v>
      </c>
      <c r="AO5063">
        <v>23200.05013</v>
      </c>
      <c r="AP5063">
        <v>19747.963199999998</v>
      </c>
    </row>
    <row r="5064" spans="2:42" x14ac:dyDescent="0.3">
      <c r="B5064">
        <v>60.336106854047983</v>
      </c>
      <c r="C5064" s="83">
        <v>43311.916666666664</v>
      </c>
      <c r="D5064">
        <v>207804.30470000001</v>
      </c>
      <c r="E5064">
        <v>14380.752479999999</v>
      </c>
      <c r="F5064">
        <v>63126.375139999996</v>
      </c>
      <c r="G5064">
        <v>29858.210449999999</v>
      </c>
      <c r="H5064">
        <v>36902.883600000001</v>
      </c>
      <c r="I5064">
        <v>25745.42122</v>
      </c>
      <c r="J5064">
        <v>47400.034729999999</v>
      </c>
      <c r="K5064">
        <v>56683.910980000001</v>
      </c>
      <c r="L5064">
        <v>24635.7935</v>
      </c>
      <c r="M5064">
        <v>307621.61</v>
      </c>
      <c r="N5064">
        <v>76470.465089999998</v>
      </c>
      <c r="O5064">
        <v>18319.86881</v>
      </c>
      <c r="P5064">
        <v>39178.680630000003</v>
      </c>
      <c r="Q5064">
        <v>85336.506569999998</v>
      </c>
      <c r="R5064">
        <v>21837.347580000001</v>
      </c>
      <c r="S5064">
        <v>79152.693859999999</v>
      </c>
      <c r="T5064">
        <v>21135.680329999999</v>
      </c>
      <c r="U5064">
        <v>19879.310590000001</v>
      </c>
      <c r="W5064" s="83">
        <f>Bühler!N5096</f>
        <v>45502.91666665439</v>
      </c>
      <c r="X5064" s="83">
        <v>43311.916666666664</v>
      </c>
      <c r="Y5064">
        <v>207804.30470000001</v>
      </c>
      <c r="Z5064">
        <v>14380.752479999999</v>
      </c>
      <c r="AA5064">
        <v>63126.375139999996</v>
      </c>
      <c r="AB5064">
        <v>29858.210449999999</v>
      </c>
      <c r="AC5064">
        <v>36902.883600000001</v>
      </c>
      <c r="AD5064">
        <v>25745.42122</v>
      </c>
      <c r="AE5064">
        <v>47400.034729999999</v>
      </c>
      <c r="AF5064">
        <v>56683.910980000001</v>
      </c>
      <c r="AG5064">
        <v>24635.7935</v>
      </c>
      <c r="AH5064">
        <v>307621.61</v>
      </c>
      <c r="AI5064">
        <v>76470.465089999998</v>
      </c>
      <c r="AJ5064">
        <v>18319.86881</v>
      </c>
      <c r="AK5064">
        <v>39178.680630000003</v>
      </c>
      <c r="AL5064">
        <v>85336.506569999998</v>
      </c>
      <c r="AM5064">
        <v>21837.347580000001</v>
      </c>
      <c r="AN5064">
        <v>79152.693859999999</v>
      </c>
      <c r="AO5064">
        <v>21135.680329999999</v>
      </c>
      <c r="AP5064">
        <v>19879.310590000001</v>
      </c>
    </row>
    <row r="5065" spans="2:42" x14ac:dyDescent="0.3">
      <c r="B5065">
        <v>59.821009190582252</v>
      </c>
      <c r="C5065" s="83">
        <v>43311.958333333336</v>
      </c>
      <c r="D5065">
        <v>206857.47089999999</v>
      </c>
      <c r="E5065">
        <v>13655.799559999999</v>
      </c>
      <c r="F5065">
        <v>62286.97062</v>
      </c>
      <c r="G5065">
        <v>29936.75678</v>
      </c>
      <c r="H5065">
        <v>36181.430789999999</v>
      </c>
      <c r="I5065">
        <v>24894.429169999999</v>
      </c>
      <c r="J5065">
        <v>42894.448920000003</v>
      </c>
      <c r="K5065">
        <v>55122.576670000002</v>
      </c>
      <c r="L5065">
        <v>21599.43864</v>
      </c>
      <c r="M5065">
        <v>304995.4019</v>
      </c>
      <c r="N5065">
        <v>75170.145489999995</v>
      </c>
      <c r="O5065">
        <v>17815.63091</v>
      </c>
      <c r="P5065">
        <v>34220.172830000003</v>
      </c>
      <c r="Q5065">
        <v>85418.523079999999</v>
      </c>
      <c r="R5065">
        <v>21894.459859999999</v>
      </c>
      <c r="S5065">
        <v>76823.615609999993</v>
      </c>
      <c r="T5065">
        <v>19711.978019999999</v>
      </c>
      <c r="U5065">
        <v>19352.222539999999</v>
      </c>
      <c r="W5065" s="83">
        <f>Bühler!N5097</f>
        <v>45502.958333321054</v>
      </c>
      <c r="X5065" s="83">
        <v>43311.958333333336</v>
      </c>
      <c r="Y5065">
        <v>206857.47089999999</v>
      </c>
      <c r="Z5065">
        <v>13655.799559999999</v>
      </c>
      <c r="AA5065">
        <v>62286.97062</v>
      </c>
      <c r="AB5065">
        <v>29936.75678</v>
      </c>
      <c r="AC5065">
        <v>36181.430789999999</v>
      </c>
      <c r="AD5065">
        <v>24894.429169999999</v>
      </c>
      <c r="AE5065">
        <v>42894.448920000003</v>
      </c>
      <c r="AF5065">
        <v>55122.576670000002</v>
      </c>
      <c r="AG5065">
        <v>21599.43864</v>
      </c>
      <c r="AH5065">
        <v>304995.4019</v>
      </c>
      <c r="AI5065">
        <v>75170.145489999995</v>
      </c>
      <c r="AJ5065">
        <v>17815.63091</v>
      </c>
      <c r="AK5065">
        <v>34220.172830000003</v>
      </c>
      <c r="AL5065">
        <v>85418.523079999999</v>
      </c>
      <c r="AM5065">
        <v>21894.459859999999</v>
      </c>
      <c r="AN5065">
        <v>76823.615609999993</v>
      </c>
      <c r="AO5065">
        <v>19711.978019999999</v>
      </c>
      <c r="AP5065">
        <v>19352.222539999999</v>
      </c>
    </row>
    <row r="5066" spans="2:42" x14ac:dyDescent="0.3">
      <c r="B5066">
        <v>59.204259154571645</v>
      </c>
      <c r="C5066" s="83">
        <v>43312</v>
      </c>
      <c r="D5066">
        <v>205626.48869999999</v>
      </c>
      <c r="E5066">
        <v>13164.93888</v>
      </c>
      <c r="F5066">
        <v>60214.32086</v>
      </c>
      <c r="G5066">
        <v>29516.393359999998</v>
      </c>
      <c r="H5066">
        <v>35250.58728</v>
      </c>
      <c r="I5066">
        <v>23158.709879999999</v>
      </c>
      <c r="J5066">
        <v>38994.426740000003</v>
      </c>
      <c r="K5066">
        <v>53248.663489999999</v>
      </c>
      <c r="L5066">
        <v>19246.458610000001</v>
      </c>
      <c r="M5066">
        <v>301850.92259999999</v>
      </c>
      <c r="N5066">
        <v>74819.385049999997</v>
      </c>
      <c r="O5066">
        <v>17870.977770000001</v>
      </c>
      <c r="P5066">
        <v>30518.781230000001</v>
      </c>
      <c r="Q5066">
        <v>84418.882580000005</v>
      </c>
      <c r="R5066">
        <v>18306.659629999998</v>
      </c>
      <c r="S5066">
        <v>75052.014899999995</v>
      </c>
      <c r="T5066">
        <v>18457.451799999999</v>
      </c>
      <c r="U5066">
        <v>19007.67758</v>
      </c>
      <c r="W5066" s="83">
        <f>Bühler!N5098</f>
        <v>45502.999999987718</v>
      </c>
      <c r="X5066" s="83">
        <v>43312</v>
      </c>
      <c r="Y5066">
        <v>205626.48869999999</v>
      </c>
      <c r="Z5066">
        <v>13164.93888</v>
      </c>
      <c r="AA5066">
        <v>60214.32086</v>
      </c>
      <c r="AB5066">
        <v>29516.393359999998</v>
      </c>
      <c r="AC5066">
        <v>35250.58728</v>
      </c>
      <c r="AD5066">
        <v>23158.709879999999</v>
      </c>
      <c r="AE5066">
        <v>38994.426740000003</v>
      </c>
      <c r="AF5066">
        <v>53248.663489999999</v>
      </c>
      <c r="AG5066">
        <v>19246.458610000001</v>
      </c>
      <c r="AH5066">
        <v>301850.92259999999</v>
      </c>
      <c r="AI5066">
        <v>74819.385049999997</v>
      </c>
      <c r="AJ5066">
        <v>17870.977770000001</v>
      </c>
      <c r="AK5066">
        <v>30518.781230000001</v>
      </c>
      <c r="AL5066">
        <v>84418.882580000005</v>
      </c>
      <c r="AM5066">
        <v>18306.659629999998</v>
      </c>
      <c r="AN5066">
        <v>75052.014899999995</v>
      </c>
      <c r="AO5066">
        <v>18457.451799999999</v>
      </c>
      <c r="AP5066">
        <v>19007.67758</v>
      </c>
    </row>
    <row r="5067" spans="2:42" x14ac:dyDescent="0.3">
      <c r="B5067">
        <v>58.648379187947626</v>
      </c>
      <c r="C5067" s="83">
        <v>43312.041666666664</v>
      </c>
      <c r="D5067">
        <v>203081.62150000001</v>
      </c>
      <c r="E5067">
        <v>12928.340889999999</v>
      </c>
      <c r="F5067">
        <v>59848.666429999997</v>
      </c>
      <c r="G5067">
        <v>28789.155760000001</v>
      </c>
      <c r="H5067">
        <v>34617.841650000002</v>
      </c>
      <c r="I5067">
        <v>19748.097519999999</v>
      </c>
      <c r="J5067">
        <v>37065.438849999999</v>
      </c>
      <c r="K5067">
        <v>51888.331039999997</v>
      </c>
      <c r="L5067">
        <v>17984.212230000001</v>
      </c>
      <c r="M5067">
        <v>299016.78730000003</v>
      </c>
      <c r="N5067">
        <v>73842.159490000005</v>
      </c>
      <c r="O5067">
        <v>17412.082139999999</v>
      </c>
      <c r="P5067">
        <v>27612.63551</v>
      </c>
      <c r="Q5067">
        <v>84074.362380000006</v>
      </c>
      <c r="R5067">
        <v>15979.81402</v>
      </c>
      <c r="S5067">
        <v>73637.793680000002</v>
      </c>
      <c r="T5067">
        <v>17847.795249999999</v>
      </c>
      <c r="U5067">
        <v>18480.160309999999</v>
      </c>
      <c r="W5067" s="83">
        <f>Bühler!N5099</f>
        <v>45503.041666654382</v>
      </c>
      <c r="X5067" s="83">
        <v>43312.041666666664</v>
      </c>
      <c r="Y5067">
        <v>203081.62150000001</v>
      </c>
      <c r="Z5067">
        <v>12928.340889999999</v>
      </c>
      <c r="AA5067">
        <v>59848.666429999997</v>
      </c>
      <c r="AB5067">
        <v>28789.155760000001</v>
      </c>
      <c r="AC5067">
        <v>34617.841650000002</v>
      </c>
      <c r="AD5067">
        <v>19748.097519999999</v>
      </c>
      <c r="AE5067">
        <v>37065.438849999999</v>
      </c>
      <c r="AF5067">
        <v>51888.331039999997</v>
      </c>
      <c r="AG5067">
        <v>17984.212230000001</v>
      </c>
      <c r="AH5067">
        <v>299016.78730000003</v>
      </c>
      <c r="AI5067">
        <v>73842.159490000005</v>
      </c>
      <c r="AJ5067">
        <v>17412.082139999999</v>
      </c>
      <c r="AK5067">
        <v>27612.63551</v>
      </c>
      <c r="AL5067">
        <v>84074.362380000006</v>
      </c>
      <c r="AM5067">
        <v>15979.81402</v>
      </c>
      <c r="AN5067">
        <v>73637.793680000002</v>
      </c>
      <c r="AO5067">
        <v>17847.795249999999</v>
      </c>
      <c r="AP5067">
        <v>18480.160309999999</v>
      </c>
    </row>
    <row r="5068" spans="2:42" x14ac:dyDescent="0.3">
      <c r="B5068">
        <v>58.739454909322667</v>
      </c>
      <c r="C5068" s="83">
        <v>43312.083333333336</v>
      </c>
      <c r="D5068">
        <v>203679.6403</v>
      </c>
      <c r="E5068">
        <v>12744.62449</v>
      </c>
      <c r="F5068">
        <v>59965.256869999997</v>
      </c>
      <c r="G5068">
        <v>28286.639800000001</v>
      </c>
      <c r="H5068">
        <v>34468.195419999996</v>
      </c>
      <c r="I5068">
        <v>18021.394820000001</v>
      </c>
      <c r="J5068">
        <v>36510.48618</v>
      </c>
      <c r="K5068">
        <v>49958.233260000001</v>
      </c>
      <c r="L5068">
        <v>17115.062310000001</v>
      </c>
      <c r="M5068">
        <v>299481.13380000001</v>
      </c>
      <c r="N5068">
        <v>73686.588329999999</v>
      </c>
      <c r="O5068">
        <v>16636.331419999999</v>
      </c>
      <c r="P5068">
        <v>26096.656360000001</v>
      </c>
      <c r="Q5068">
        <v>87400.180410000001</v>
      </c>
      <c r="R5068">
        <v>16247.733770000001</v>
      </c>
      <c r="S5068">
        <v>72416.001869999993</v>
      </c>
      <c r="T5068">
        <v>17355.69397</v>
      </c>
      <c r="U5068">
        <v>18352.026330000001</v>
      </c>
      <c r="W5068" s="83">
        <f>Bühler!N5100</f>
        <v>45503.083333321047</v>
      </c>
      <c r="X5068" s="83">
        <v>43312.083333333336</v>
      </c>
      <c r="Y5068">
        <v>203679.6403</v>
      </c>
      <c r="Z5068">
        <v>12744.62449</v>
      </c>
      <c r="AA5068">
        <v>59965.256869999997</v>
      </c>
      <c r="AB5068">
        <v>28286.639800000001</v>
      </c>
      <c r="AC5068">
        <v>34468.195419999996</v>
      </c>
      <c r="AD5068">
        <v>18021.394820000001</v>
      </c>
      <c r="AE5068">
        <v>36510.48618</v>
      </c>
      <c r="AF5068">
        <v>49958.233260000001</v>
      </c>
      <c r="AG5068">
        <v>17115.062310000001</v>
      </c>
      <c r="AH5068">
        <v>299481.13380000001</v>
      </c>
      <c r="AI5068">
        <v>73686.588329999999</v>
      </c>
      <c r="AJ5068">
        <v>16636.331419999999</v>
      </c>
      <c r="AK5068">
        <v>26096.656360000001</v>
      </c>
      <c r="AL5068">
        <v>87400.180410000001</v>
      </c>
      <c r="AM5068">
        <v>16247.733770000001</v>
      </c>
      <c r="AN5068">
        <v>72416.001869999993</v>
      </c>
      <c r="AO5068">
        <v>17355.69397</v>
      </c>
      <c r="AP5068">
        <v>18352.026330000001</v>
      </c>
    </row>
    <row r="5069" spans="2:42" x14ac:dyDescent="0.3">
      <c r="B5069">
        <v>59.409358145104335</v>
      </c>
      <c r="C5069" s="83">
        <v>43312.125</v>
      </c>
      <c r="D5069">
        <v>203273.45379999999</v>
      </c>
      <c r="E5069">
        <v>12718.827079999999</v>
      </c>
      <c r="F5069">
        <v>61609.439689999999</v>
      </c>
      <c r="G5069">
        <v>27263.39356</v>
      </c>
      <c r="H5069">
        <v>34257.009180000001</v>
      </c>
      <c r="I5069">
        <v>17413.469160000001</v>
      </c>
      <c r="J5069">
        <v>36443.169840000002</v>
      </c>
      <c r="K5069">
        <v>48574.265630000002</v>
      </c>
      <c r="L5069">
        <v>16559.443240000001</v>
      </c>
      <c r="M5069">
        <v>302896.61290000001</v>
      </c>
      <c r="N5069">
        <v>71737.16807</v>
      </c>
      <c r="O5069">
        <v>17365.967629999999</v>
      </c>
      <c r="P5069">
        <v>25560.988410000002</v>
      </c>
      <c r="Q5069">
        <v>90319.919729999994</v>
      </c>
      <c r="R5069">
        <v>15853.96293</v>
      </c>
      <c r="S5069">
        <v>71521.901150000005</v>
      </c>
      <c r="T5069">
        <v>17101.009150000002</v>
      </c>
      <c r="U5069">
        <v>17953.985349999999</v>
      </c>
      <c r="W5069" s="83">
        <f>Bühler!N5101</f>
        <v>45503.124999987711</v>
      </c>
      <c r="X5069" s="83">
        <v>43312.125</v>
      </c>
      <c r="Y5069">
        <v>203273.45379999999</v>
      </c>
      <c r="Z5069">
        <v>12718.827079999999</v>
      </c>
      <c r="AA5069">
        <v>61609.439689999999</v>
      </c>
      <c r="AB5069">
        <v>27263.39356</v>
      </c>
      <c r="AC5069">
        <v>34257.009180000001</v>
      </c>
      <c r="AD5069">
        <v>17413.469160000001</v>
      </c>
      <c r="AE5069">
        <v>36443.169840000002</v>
      </c>
      <c r="AF5069">
        <v>48574.265630000002</v>
      </c>
      <c r="AG5069">
        <v>16559.443240000001</v>
      </c>
      <c r="AH5069">
        <v>302896.61290000001</v>
      </c>
      <c r="AI5069">
        <v>71737.16807</v>
      </c>
      <c r="AJ5069">
        <v>17365.967629999999</v>
      </c>
      <c r="AK5069">
        <v>25560.988410000002</v>
      </c>
      <c r="AL5069">
        <v>90319.919729999994</v>
      </c>
      <c r="AM5069">
        <v>15853.96293</v>
      </c>
      <c r="AN5069">
        <v>71521.901150000005</v>
      </c>
      <c r="AO5069">
        <v>17101.009150000002</v>
      </c>
      <c r="AP5069">
        <v>17953.985349999999</v>
      </c>
    </row>
    <row r="5070" spans="2:42" x14ac:dyDescent="0.3">
      <c r="B5070">
        <v>60.593790461604392</v>
      </c>
      <c r="C5070" s="83">
        <v>43312.166666666664</v>
      </c>
      <c r="D5070">
        <v>203762.21309999999</v>
      </c>
      <c r="E5070">
        <v>13217.99415</v>
      </c>
      <c r="F5070">
        <v>65433.556649999999</v>
      </c>
      <c r="G5070">
        <v>26896.12369</v>
      </c>
      <c r="H5070">
        <v>34402.207499999997</v>
      </c>
      <c r="I5070">
        <v>18554.09893</v>
      </c>
      <c r="J5070">
        <v>38698.542009999997</v>
      </c>
      <c r="K5070">
        <v>48203.76023</v>
      </c>
      <c r="L5070">
        <v>16584.888040000002</v>
      </c>
      <c r="M5070">
        <v>308935.40120000002</v>
      </c>
      <c r="N5070">
        <v>70738.241930000004</v>
      </c>
      <c r="O5070">
        <v>17480.836770000002</v>
      </c>
      <c r="P5070">
        <v>25329.730800000001</v>
      </c>
      <c r="Q5070">
        <v>94261.290460000004</v>
      </c>
      <c r="R5070">
        <v>14936.811540000001</v>
      </c>
      <c r="S5070">
        <v>72216.811969999995</v>
      </c>
      <c r="T5070">
        <v>16935.78256</v>
      </c>
      <c r="U5070">
        <v>18113.39588</v>
      </c>
      <c r="W5070" s="83">
        <f>Bühler!N5102</f>
        <v>45503.166666654375</v>
      </c>
      <c r="X5070" s="83">
        <v>43312.166666666664</v>
      </c>
      <c r="Y5070">
        <v>203762.21309999999</v>
      </c>
      <c r="Z5070">
        <v>13217.99415</v>
      </c>
      <c r="AA5070">
        <v>65433.556649999999</v>
      </c>
      <c r="AB5070">
        <v>26896.12369</v>
      </c>
      <c r="AC5070">
        <v>34402.207499999997</v>
      </c>
      <c r="AD5070">
        <v>18554.09893</v>
      </c>
      <c r="AE5070">
        <v>38698.542009999997</v>
      </c>
      <c r="AF5070">
        <v>48203.76023</v>
      </c>
      <c r="AG5070">
        <v>16584.888040000002</v>
      </c>
      <c r="AH5070">
        <v>308935.40120000002</v>
      </c>
      <c r="AI5070">
        <v>70738.241930000004</v>
      </c>
      <c r="AJ5070">
        <v>17480.836770000002</v>
      </c>
      <c r="AK5070">
        <v>25329.730800000001</v>
      </c>
      <c r="AL5070">
        <v>94261.290460000004</v>
      </c>
      <c r="AM5070">
        <v>14936.811540000001</v>
      </c>
      <c r="AN5070">
        <v>72216.811969999995</v>
      </c>
      <c r="AO5070">
        <v>16935.78256</v>
      </c>
      <c r="AP5070">
        <v>18113.39588</v>
      </c>
    </row>
    <row r="5071" spans="2:42" x14ac:dyDescent="0.3">
      <c r="B5071">
        <v>63.717156496005224</v>
      </c>
      <c r="C5071" s="83">
        <v>43312.208333333336</v>
      </c>
      <c r="D5071">
        <v>217712.26360000001</v>
      </c>
      <c r="E5071">
        <v>14918.077569999999</v>
      </c>
      <c r="F5071">
        <v>73812.035300000003</v>
      </c>
      <c r="G5071">
        <v>27645.23963</v>
      </c>
      <c r="H5071">
        <v>36120.61232</v>
      </c>
      <c r="I5071">
        <v>24204.67282</v>
      </c>
      <c r="J5071">
        <v>41446.30646</v>
      </c>
      <c r="K5071">
        <v>48674.487780000003</v>
      </c>
      <c r="L5071">
        <v>17571.243429999999</v>
      </c>
      <c r="M5071">
        <v>324859.77779999998</v>
      </c>
      <c r="N5071">
        <v>71809.186060000007</v>
      </c>
      <c r="O5071">
        <v>17556.67958</v>
      </c>
      <c r="P5071">
        <v>26133.211920000002</v>
      </c>
      <c r="Q5071">
        <v>97092.804149999996</v>
      </c>
      <c r="R5071">
        <v>17913.072039999999</v>
      </c>
      <c r="S5071">
        <v>73780.727509999997</v>
      </c>
      <c r="T5071">
        <v>18200.99726</v>
      </c>
      <c r="U5071">
        <v>20594.407899999998</v>
      </c>
      <c r="W5071" s="83">
        <f>Bühler!N5103</f>
        <v>45503.208333321039</v>
      </c>
      <c r="X5071" s="83">
        <v>43312.208333333336</v>
      </c>
      <c r="Y5071">
        <v>217712.26360000001</v>
      </c>
      <c r="Z5071">
        <v>14918.077569999999</v>
      </c>
      <c r="AA5071">
        <v>73812.035300000003</v>
      </c>
      <c r="AB5071">
        <v>27645.23963</v>
      </c>
      <c r="AC5071">
        <v>36120.61232</v>
      </c>
      <c r="AD5071">
        <v>24204.67282</v>
      </c>
      <c r="AE5071">
        <v>41446.30646</v>
      </c>
      <c r="AF5071">
        <v>48674.487780000003</v>
      </c>
      <c r="AG5071">
        <v>17571.243429999999</v>
      </c>
      <c r="AH5071">
        <v>324859.77779999998</v>
      </c>
      <c r="AI5071">
        <v>71809.186060000007</v>
      </c>
      <c r="AJ5071">
        <v>17556.67958</v>
      </c>
      <c r="AK5071">
        <v>26133.211920000002</v>
      </c>
      <c r="AL5071">
        <v>97092.804149999996</v>
      </c>
      <c r="AM5071">
        <v>17913.072039999999</v>
      </c>
      <c r="AN5071">
        <v>73780.727509999997</v>
      </c>
      <c r="AO5071">
        <v>18200.99726</v>
      </c>
      <c r="AP5071">
        <v>20594.407899999998</v>
      </c>
    </row>
    <row r="5072" spans="2:42" x14ac:dyDescent="0.3">
      <c r="B5072">
        <v>66.296564952971863</v>
      </c>
      <c r="C5072" s="83">
        <v>43312.25</v>
      </c>
      <c r="D5072">
        <v>232367.3363</v>
      </c>
      <c r="E5072">
        <v>18403.591540000001</v>
      </c>
      <c r="F5072">
        <v>82119.107329999999</v>
      </c>
      <c r="G5072">
        <v>28715.107080000002</v>
      </c>
      <c r="H5072">
        <v>37432.179029999999</v>
      </c>
      <c r="I5072">
        <v>28029.949550000001</v>
      </c>
      <c r="J5072">
        <v>43334.239309999997</v>
      </c>
      <c r="K5072">
        <v>50548.14374</v>
      </c>
      <c r="L5072">
        <v>18621.51312</v>
      </c>
      <c r="M5072">
        <v>338010.80499999999</v>
      </c>
      <c r="N5072">
        <v>72638.510469999994</v>
      </c>
      <c r="O5072">
        <v>19107.70766</v>
      </c>
      <c r="P5072">
        <v>27007.05269</v>
      </c>
      <c r="Q5072">
        <v>97641.869789999997</v>
      </c>
      <c r="R5072">
        <v>17931.340380000001</v>
      </c>
      <c r="S5072">
        <v>81039.157510000005</v>
      </c>
      <c r="T5072">
        <v>20257.851620000001</v>
      </c>
      <c r="U5072">
        <v>22832.258040000001</v>
      </c>
      <c r="W5072" s="83">
        <f>Bühler!N5104</f>
        <v>45503.249999987704</v>
      </c>
      <c r="X5072" s="83">
        <v>43312.25</v>
      </c>
      <c r="Y5072">
        <v>232367.3363</v>
      </c>
      <c r="Z5072">
        <v>18403.591540000001</v>
      </c>
      <c r="AA5072">
        <v>82119.107329999999</v>
      </c>
      <c r="AB5072">
        <v>28715.107080000002</v>
      </c>
      <c r="AC5072">
        <v>37432.179029999999</v>
      </c>
      <c r="AD5072">
        <v>28029.949550000001</v>
      </c>
      <c r="AE5072">
        <v>43334.239309999997</v>
      </c>
      <c r="AF5072">
        <v>50548.14374</v>
      </c>
      <c r="AG5072">
        <v>18621.51312</v>
      </c>
      <c r="AH5072">
        <v>338010.80499999999</v>
      </c>
      <c r="AI5072">
        <v>72638.510469999994</v>
      </c>
      <c r="AJ5072">
        <v>19107.70766</v>
      </c>
      <c r="AK5072">
        <v>27007.05269</v>
      </c>
      <c r="AL5072">
        <v>97641.869789999997</v>
      </c>
      <c r="AM5072">
        <v>17931.340380000001</v>
      </c>
      <c r="AN5072">
        <v>81039.157510000005</v>
      </c>
      <c r="AO5072">
        <v>20257.851620000001</v>
      </c>
      <c r="AP5072">
        <v>22832.258040000001</v>
      </c>
    </row>
    <row r="5073" spans="2:42" x14ac:dyDescent="0.3">
      <c r="B5073">
        <v>68.138310366240248</v>
      </c>
      <c r="C5073" s="83">
        <v>43312.291666666664</v>
      </c>
      <c r="D5073">
        <v>242629.6654</v>
      </c>
      <c r="E5073">
        <v>22885.9486</v>
      </c>
      <c r="F5073">
        <v>85221.1679</v>
      </c>
      <c r="G5073">
        <v>30619.479800000001</v>
      </c>
      <c r="H5073">
        <v>41708.917780000003</v>
      </c>
      <c r="I5073">
        <v>31487.895629999999</v>
      </c>
      <c r="J5073">
        <v>44593.43161</v>
      </c>
      <c r="K5073">
        <v>54855.114690000002</v>
      </c>
      <c r="L5073">
        <v>20990.47206</v>
      </c>
      <c r="M5073">
        <v>347400.88199999998</v>
      </c>
      <c r="N5073">
        <v>78641.661689999994</v>
      </c>
      <c r="O5073">
        <v>21699.93204</v>
      </c>
      <c r="P5073">
        <v>30293.056990000001</v>
      </c>
      <c r="Q5073">
        <v>97688.773560000001</v>
      </c>
      <c r="R5073">
        <v>18792.431140000001</v>
      </c>
      <c r="S5073">
        <v>93363.083929999993</v>
      </c>
      <c r="T5073">
        <v>21884.850429999999</v>
      </c>
      <c r="U5073">
        <v>25614.029340000001</v>
      </c>
      <c r="W5073" s="83">
        <f>Bühler!N5105</f>
        <v>45503.291666654368</v>
      </c>
      <c r="X5073" s="83">
        <v>43312.291666666664</v>
      </c>
      <c r="Y5073">
        <v>242629.6654</v>
      </c>
      <c r="Z5073">
        <v>22885.9486</v>
      </c>
      <c r="AA5073">
        <v>85221.1679</v>
      </c>
      <c r="AB5073">
        <v>30619.479800000001</v>
      </c>
      <c r="AC5073">
        <v>41708.917780000003</v>
      </c>
      <c r="AD5073">
        <v>31487.895629999999</v>
      </c>
      <c r="AE5073">
        <v>44593.43161</v>
      </c>
      <c r="AF5073">
        <v>54855.114690000002</v>
      </c>
      <c r="AG5073">
        <v>20990.47206</v>
      </c>
      <c r="AH5073">
        <v>347400.88199999998</v>
      </c>
      <c r="AI5073">
        <v>78641.661689999994</v>
      </c>
      <c r="AJ5073">
        <v>21699.93204</v>
      </c>
      <c r="AK5073">
        <v>30293.056990000001</v>
      </c>
      <c r="AL5073">
        <v>97688.773560000001</v>
      </c>
      <c r="AM5073">
        <v>18792.431140000001</v>
      </c>
      <c r="AN5073">
        <v>93363.083929999993</v>
      </c>
      <c r="AO5073">
        <v>21884.850429999999</v>
      </c>
      <c r="AP5073">
        <v>25614.029340000001</v>
      </c>
    </row>
    <row r="5074" spans="2:42" x14ac:dyDescent="0.3">
      <c r="B5074">
        <v>69.136779623182989</v>
      </c>
      <c r="C5074" s="83">
        <v>43312.333333333336</v>
      </c>
      <c r="D5074">
        <v>253469.53690000001</v>
      </c>
      <c r="E5074">
        <v>28375.033920000002</v>
      </c>
      <c r="F5074">
        <v>91327.209210000001</v>
      </c>
      <c r="G5074">
        <v>33612.983869999996</v>
      </c>
      <c r="H5074">
        <v>45607.60598</v>
      </c>
      <c r="I5074">
        <v>34362.552519999997</v>
      </c>
      <c r="J5074">
        <v>47710.598019999998</v>
      </c>
      <c r="K5074">
        <v>60959.039429999997</v>
      </c>
      <c r="L5074">
        <v>24354.41747</v>
      </c>
      <c r="M5074">
        <v>352491.54389999999</v>
      </c>
      <c r="N5074">
        <v>89197.584109999996</v>
      </c>
      <c r="O5074">
        <v>24153.39734</v>
      </c>
      <c r="P5074">
        <v>33165.193520000001</v>
      </c>
      <c r="Q5074">
        <v>98016.674679999996</v>
      </c>
      <c r="R5074">
        <v>21347.81452</v>
      </c>
      <c r="S5074">
        <v>102291.2194</v>
      </c>
      <c r="T5074">
        <v>24579.026900000001</v>
      </c>
      <c r="U5074">
        <v>28848.818019999999</v>
      </c>
      <c r="W5074" s="83">
        <f>Bühler!N5106</f>
        <v>45503.333333321032</v>
      </c>
      <c r="X5074" s="83">
        <v>43312.333333333336</v>
      </c>
      <c r="Y5074">
        <v>253469.53690000001</v>
      </c>
      <c r="Z5074">
        <v>28375.033920000002</v>
      </c>
      <c r="AA5074">
        <v>91327.209210000001</v>
      </c>
      <c r="AB5074">
        <v>33612.983869999996</v>
      </c>
      <c r="AC5074">
        <v>45607.60598</v>
      </c>
      <c r="AD5074">
        <v>34362.552519999997</v>
      </c>
      <c r="AE5074">
        <v>47710.598019999998</v>
      </c>
      <c r="AF5074">
        <v>60959.039429999997</v>
      </c>
      <c r="AG5074">
        <v>24354.41747</v>
      </c>
      <c r="AH5074">
        <v>352491.54389999999</v>
      </c>
      <c r="AI5074">
        <v>89197.584109999996</v>
      </c>
      <c r="AJ5074">
        <v>24153.39734</v>
      </c>
      <c r="AK5074">
        <v>33165.193520000001</v>
      </c>
      <c r="AL5074">
        <v>98016.674679999996</v>
      </c>
      <c r="AM5074">
        <v>21347.81452</v>
      </c>
      <c r="AN5074">
        <v>102291.2194</v>
      </c>
      <c r="AO5074">
        <v>24579.026900000001</v>
      </c>
      <c r="AP5074">
        <v>28848.818019999999</v>
      </c>
    </row>
    <row r="5075" spans="2:42" x14ac:dyDescent="0.3">
      <c r="B5075">
        <v>69.65395296966598</v>
      </c>
      <c r="C5075" s="83">
        <v>43312.375</v>
      </c>
      <c r="D5075">
        <v>255766.3707</v>
      </c>
      <c r="E5075">
        <v>33078.067880000002</v>
      </c>
      <c r="F5075">
        <v>96788.327959999995</v>
      </c>
      <c r="G5075">
        <v>35427.988319999997</v>
      </c>
      <c r="H5075">
        <v>48204.315889999998</v>
      </c>
      <c r="I5075">
        <v>34151.108419999997</v>
      </c>
      <c r="J5075">
        <v>50679.730300000003</v>
      </c>
      <c r="K5075">
        <v>64799.742639999997</v>
      </c>
      <c r="L5075">
        <v>28048.474010000002</v>
      </c>
      <c r="M5075">
        <v>355128.33480000001</v>
      </c>
      <c r="N5075">
        <v>91474.523419999998</v>
      </c>
      <c r="O5075">
        <v>25207.152470000001</v>
      </c>
      <c r="P5075">
        <v>36504.118139999999</v>
      </c>
      <c r="Q5075">
        <v>100219.6741</v>
      </c>
      <c r="R5075">
        <v>22128.078310000001</v>
      </c>
      <c r="S5075">
        <v>108582.68949999999</v>
      </c>
      <c r="T5075">
        <v>26766.04276</v>
      </c>
      <c r="U5075">
        <v>29624.768039999999</v>
      </c>
      <c r="W5075" s="83">
        <f>Bühler!N5107</f>
        <v>45503.374999987696</v>
      </c>
      <c r="X5075" s="83">
        <v>43312.375</v>
      </c>
      <c r="Y5075">
        <v>255766.3707</v>
      </c>
      <c r="Z5075">
        <v>33078.067880000002</v>
      </c>
      <c r="AA5075">
        <v>96788.327959999995</v>
      </c>
      <c r="AB5075">
        <v>35427.988319999997</v>
      </c>
      <c r="AC5075">
        <v>48204.315889999998</v>
      </c>
      <c r="AD5075">
        <v>34151.108419999997</v>
      </c>
      <c r="AE5075">
        <v>50679.730300000003</v>
      </c>
      <c r="AF5075">
        <v>64799.742639999997</v>
      </c>
      <c r="AG5075">
        <v>28048.474010000002</v>
      </c>
      <c r="AH5075">
        <v>355128.33480000001</v>
      </c>
      <c r="AI5075">
        <v>91474.523419999998</v>
      </c>
      <c r="AJ5075">
        <v>25207.152470000001</v>
      </c>
      <c r="AK5075">
        <v>36504.118139999999</v>
      </c>
      <c r="AL5075">
        <v>100219.6741</v>
      </c>
      <c r="AM5075">
        <v>22128.078310000001</v>
      </c>
      <c r="AN5075">
        <v>108582.68949999999</v>
      </c>
      <c r="AO5075">
        <v>26766.04276</v>
      </c>
      <c r="AP5075">
        <v>29624.768039999999</v>
      </c>
    </row>
    <row r="5076" spans="2:42" x14ac:dyDescent="0.3">
      <c r="B5076">
        <v>70.634612851414303</v>
      </c>
      <c r="C5076" s="83">
        <v>43312.416666666664</v>
      </c>
      <c r="D5076">
        <v>258419.64249999999</v>
      </c>
      <c r="E5076">
        <v>34811.214979999997</v>
      </c>
      <c r="F5076">
        <v>98638.518630000006</v>
      </c>
      <c r="G5076">
        <v>36574.0098</v>
      </c>
      <c r="H5076">
        <v>49363.143129999997</v>
      </c>
      <c r="I5076">
        <v>33995.565049999997</v>
      </c>
      <c r="J5076">
        <v>52505.318919999998</v>
      </c>
      <c r="K5076">
        <v>67717.965880000003</v>
      </c>
      <c r="L5076">
        <v>32118.99135</v>
      </c>
      <c r="M5076">
        <v>360128.19620000001</v>
      </c>
      <c r="N5076">
        <v>93067.315860000002</v>
      </c>
      <c r="O5076">
        <v>24892.331679999999</v>
      </c>
      <c r="P5076">
        <v>38379.036679999997</v>
      </c>
      <c r="Q5076">
        <v>102675.3811</v>
      </c>
      <c r="R5076">
        <v>23569.73328</v>
      </c>
      <c r="S5076">
        <v>112400.73390000001</v>
      </c>
      <c r="T5076">
        <v>29271.36825</v>
      </c>
      <c r="U5076">
        <v>30351.28357</v>
      </c>
      <c r="W5076" s="83">
        <f>Bühler!N5108</f>
        <v>45503.416666654361</v>
      </c>
      <c r="X5076" s="83">
        <v>43312.416666666664</v>
      </c>
      <c r="Y5076">
        <v>258419.64249999999</v>
      </c>
      <c r="Z5076">
        <v>34811.214979999997</v>
      </c>
      <c r="AA5076">
        <v>98638.518630000006</v>
      </c>
      <c r="AB5076">
        <v>36574.0098</v>
      </c>
      <c r="AC5076">
        <v>49363.143129999997</v>
      </c>
      <c r="AD5076">
        <v>33995.565049999997</v>
      </c>
      <c r="AE5076">
        <v>52505.318919999998</v>
      </c>
      <c r="AF5076">
        <v>67717.965880000003</v>
      </c>
      <c r="AG5076">
        <v>32118.99135</v>
      </c>
      <c r="AH5076">
        <v>360128.19620000001</v>
      </c>
      <c r="AI5076">
        <v>93067.315860000002</v>
      </c>
      <c r="AJ5076">
        <v>24892.331679999999</v>
      </c>
      <c r="AK5076">
        <v>38379.036679999997</v>
      </c>
      <c r="AL5076">
        <v>102675.3811</v>
      </c>
      <c r="AM5076">
        <v>23569.73328</v>
      </c>
      <c r="AN5076">
        <v>112400.73390000001</v>
      </c>
      <c r="AO5076">
        <v>29271.36825</v>
      </c>
      <c r="AP5076">
        <v>30351.28357</v>
      </c>
    </row>
    <row r="5077" spans="2:42" x14ac:dyDescent="0.3">
      <c r="B5077">
        <v>70.94123241015015</v>
      </c>
      <c r="C5077" s="83">
        <v>43312.458333333336</v>
      </c>
      <c r="D5077">
        <v>257643.09650000001</v>
      </c>
      <c r="E5077">
        <v>34939.121780000001</v>
      </c>
      <c r="F5077">
        <v>99686.103510000001</v>
      </c>
      <c r="G5077">
        <v>37914.542390000002</v>
      </c>
      <c r="H5077">
        <v>48968.08453</v>
      </c>
      <c r="I5077">
        <v>33931.917119999998</v>
      </c>
      <c r="J5077">
        <v>52852.212659999997</v>
      </c>
      <c r="K5077">
        <v>68482.020900000003</v>
      </c>
      <c r="L5077">
        <v>33609.119890000002</v>
      </c>
      <c r="M5077">
        <v>361691.48570000002</v>
      </c>
      <c r="N5077">
        <v>92732.712889999995</v>
      </c>
      <c r="O5077">
        <v>25535.59448</v>
      </c>
      <c r="P5077">
        <v>38344.615210000004</v>
      </c>
      <c r="Q5077">
        <v>102079.4577</v>
      </c>
      <c r="R5077">
        <v>24771.826819999998</v>
      </c>
      <c r="S5077">
        <v>115884.8305</v>
      </c>
      <c r="T5077">
        <v>29564.581870000002</v>
      </c>
      <c r="U5077">
        <v>29904.440460000002</v>
      </c>
      <c r="W5077" s="83">
        <f>Bühler!N5109</f>
        <v>45503.458333321025</v>
      </c>
      <c r="X5077" s="83">
        <v>43312.458333333336</v>
      </c>
      <c r="Y5077">
        <v>257643.09650000001</v>
      </c>
      <c r="Z5077">
        <v>34939.121780000001</v>
      </c>
      <c r="AA5077">
        <v>99686.103510000001</v>
      </c>
      <c r="AB5077">
        <v>37914.542390000002</v>
      </c>
      <c r="AC5077">
        <v>48968.08453</v>
      </c>
      <c r="AD5077">
        <v>33931.917119999998</v>
      </c>
      <c r="AE5077">
        <v>52852.212659999997</v>
      </c>
      <c r="AF5077">
        <v>68482.020900000003</v>
      </c>
      <c r="AG5077">
        <v>33609.119890000002</v>
      </c>
      <c r="AH5077">
        <v>361691.48570000002</v>
      </c>
      <c r="AI5077">
        <v>92732.712889999995</v>
      </c>
      <c r="AJ5077">
        <v>25535.59448</v>
      </c>
      <c r="AK5077">
        <v>38344.615210000004</v>
      </c>
      <c r="AL5077">
        <v>102079.4577</v>
      </c>
      <c r="AM5077">
        <v>24771.826819999998</v>
      </c>
      <c r="AN5077">
        <v>115884.8305</v>
      </c>
      <c r="AO5077">
        <v>29564.581870000002</v>
      </c>
      <c r="AP5077">
        <v>29904.440460000002</v>
      </c>
    </row>
    <row r="5078" spans="2:42" x14ac:dyDescent="0.3">
      <c r="B5078">
        <v>70.264874880509709</v>
      </c>
      <c r="C5078" s="83">
        <v>43312.5</v>
      </c>
      <c r="D5078">
        <v>248104.37520000001</v>
      </c>
      <c r="E5078">
        <v>32043.000499999998</v>
      </c>
      <c r="F5078">
        <v>93526.150720000005</v>
      </c>
      <c r="G5078">
        <v>37285.370269999999</v>
      </c>
      <c r="H5078">
        <v>47597.267180000003</v>
      </c>
      <c r="I5078">
        <v>32955.61722</v>
      </c>
      <c r="J5078">
        <v>52868.679949999998</v>
      </c>
      <c r="K5078">
        <v>64213.033580000003</v>
      </c>
      <c r="L5078">
        <v>36231.047429999999</v>
      </c>
      <c r="M5078">
        <v>358243.09960000002</v>
      </c>
      <c r="N5078">
        <v>90382.274149999997</v>
      </c>
      <c r="O5078">
        <v>24019.39041</v>
      </c>
      <c r="P5078">
        <v>40123.798390000004</v>
      </c>
      <c r="Q5078">
        <v>100665.1142</v>
      </c>
      <c r="R5078">
        <v>25331.596369999999</v>
      </c>
      <c r="S5078">
        <v>110787.9711</v>
      </c>
      <c r="T5078">
        <v>29393.3194</v>
      </c>
      <c r="U5078">
        <v>25993.0121</v>
      </c>
      <c r="W5078" s="83">
        <f>Bühler!N5110</f>
        <v>45503.499999987689</v>
      </c>
      <c r="X5078" s="83">
        <v>43312.5</v>
      </c>
      <c r="Y5078">
        <v>248104.37520000001</v>
      </c>
      <c r="Z5078">
        <v>32043.000499999998</v>
      </c>
      <c r="AA5078">
        <v>93526.150720000005</v>
      </c>
      <c r="AB5078">
        <v>37285.370269999999</v>
      </c>
      <c r="AC5078">
        <v>47597.267180000003</v>
      </c>
      <c r="AD5078">
        <v>32955.61722</v>
      </c>
      <c r="AE5078">
        <v>52868.679949999998</v>
      </c>
      <c r="AF5078">
        <v>64213.033580000003</v>
      </c>
      <c r="AG5078">
        <v>36231.047429999999</v>
      </c>
      <c r="AH5078">
        <v>358243.09960000002</v>
      </c>
      <c r="AI5078">
        <v>90382.274149999997</v>
      </c>
      <c r="AJ5078">
        <v>24019.39041</v>
      </c>
      <c r="AK5078">
        <v>40123.798390000004</v>
      </c>
      <c r="AL5078">
        <v>100665.1142</v>
      </c>
      <c r="AM5078">
        <v>25331.596369999999</v>
      </c>
      <c r="AN5078">
        <v>110787.9711</v>
      </c>
      <c r="AO5078">
        <v>29393.3194</v>
      </c>
      <c r="AP5078">
        <v>25993.0121</v>
      </c>
    </row>
    <row r="5079" spans="2:42" x14ac:dyDescent="0.3">
      <c r="B5079">
        <v>70.0453951340629</v>
      </c>
      <c r="C5079" s="83">
        <v>43312.541666666664</v>
      </c>
      <c r="D5079">
        <v>248793.16529999999</v>
      </c>
      <c r="E5079">
        <v>32539.69614</v>
      </c>
      <c r="F5079">
        <v>90009.866710000002</v>
      </c>
      <c r="G5079">
        <v>36894.979950000001</v>
      </c>
      <c r="H5079">
        <v>47581.473660000003</v>
      </c>
      <c r="I5079">
        <v>32667.484469999999</v>
      </c>
      <c r="J5079">
        <v>52033.118979999999</v>
      </c>
      <c r="K5079">
        <v>66102.966839999994</v>
      </c>
      <c r="L5079">
        <v>35734.935250000002</v>
      </c>
      <c r="M5079">
        <v>357124.0895</v>
      </c>
      <c r="N5079">
        <v>91592.232870000007</v>
      </c>
      <c r="O5079">
        <v>24604.17757</v>
      </c>
      <c r="P5079">
        <v>39008.060129999998</v>
      </c>
      <c r="Q5079">
        <v>99832.826249999998</v>
      </c>
      <c r="R5079">
        <v>24707.407770000002</v>
      </c>
      <c r="S5079">
        <v>110074.427</v>
      </c>
      <c r="T5079">
        <v>29165.45321</v>
      </c>
      <c r="U5079">
        <v>28168.869760000001</v>
      </c>
      <c r="W5079" s="83">
        <f>Bühler!N5111</f>
        <v>45503.541666654353</v>
      </c>
      <c r="X5079" s="83">
        <v>43312.541666666664</v>
      </c>
      <c r="Y5079">
        <v>248793.16529999999</v>
      </c>
      <c r="Z5079">
        <v>32539.69614</v>
      </c>
      <c r="AA5079">
        <v>90009.866710000002</v>
      </c>
      <c r="AB5079">
        <v>36894.979950000001</v>
      </c>
      <c r="AC5079">
        <v>47581.473660000003</v>
      </c>
      <c r="AD5079">
        <v>32667.484469999999</v>
      </c>
      <c r="AE5079">
        <v>52033.118979999999</v>
      </c>
      <c r="AF5079">
        <v>66102.966839999994</v>
      </c>
      <c r="AG5079">
        <v>35734.935250000002</v>
      </c>
      <c r="AH5079">
        <v>357124.0895</v>
      </c>
      <c r="AI5079">
        <v>91592.232870000007</v>
      </c>
      <c r="AJ5079">
        <v>24604.17757</v>
      </c>
      <c r="AK5079">
        <v>39008.060129999998</v>
      </c>
      <c r="AL5079">
        <v>99832.826249999998</v>
      </c>
      <c r="AM5079">
        <v>24707.407770000002</v>
      </c>
      <c r="AN5079">
        <v>110074.427</v>
      </c>
      <c r="AO5079">
        <v>29165.45321</v>
      </c>
      <c r="AP5079">
        <v>28168.869760000001</v>
      </c>
    </row>
    <row r="5080" spans="2:42" x14ac:dyDescent="0.3">
      <c r="B5080">
        <v>69.617970462830471</v>
      </c>
      <c r="C5080" s="83">
        <v>43312.583333333336</v>
      </c>
      <c r="D5080">
        <v>250815.92230000001</v>
      </c>
      <c r="E5080">
        <v>35364.826880000001</v>
      </c>
      <c r="F5080">
        <v>97800.353189999994</v>
      </c>
      <c r="G5080">
        <v>37516.951119999998</v>
      </c>
      <c r="H5080">
        <v>47929.828800000003</v>
      </c>
      <c r="I5080">
        <v>33680.320140000003</v>
      </c>
      <c r="J5080">
        <v>51993.064839999999</v>
      </c>
      <c r="K5080">
        <v>67748.940140000006</v>
      </c>
      <c r="L5080">
        <v>32339.709060000001</v>
      </c>
      <c r="M5080">
        <v>354944.87920000002</v>
      </c>
      <c r="N5080">
        <v>92252.876059999995</v>
      </c>
      <c r="O5080">
        <v>24595.770489999999</v>
      </c>
      <c r="P5080">
        <v>34963.160730000003</v>
      </c>
      <c r="Q5080">
        <v>99556.852629999994</v>
      </c>
      <c r="R5080">
        <v>24692.308400000002</v>
      </c>
      <c r="S5080">
        <v>106066.36229999999</v>
      </c>
      <c r="T5080">
        <v>28689.638940000001</v>
      </c>
      <c r="U5080">
        <v>28831.726979999999</v>
      </c>
      <c r="W5080" s="83">
        <f>Bühler!N5112</f>
        <v>45503.583333321018</v>
      </c>
      <c r="X5080" s="83">
        <v>43312.583333333336</v>
      </c>
      <c r="Y5080">
        <v>250815.92230000001</v>
      </c>
      <c r="Z5080">
        <v>35364.826880000001</v>
      </c>
      <c r="AA5080">
        <v>97800.353189999994</v>
      </c>
      <c r="AB5080">
        <v>37516.951119999998</v>
      </c>
      <c r="AC5080">
        <v>47929.828800000003</v>
      </c>
      <c r="AD5080">
        <v>33680.320140000003</v>
      </c>
      <c r="AE5080">
        <v>51993.064839999999</v>
      </c>
      <c r="AF5080">
        <v>67748.940140000006</v>
      </c>
      <c r="AG5080">
        <v>32339.709060000001</v>
      </c>
      <c r="AH5080">
        <v>354944.87920000002</v>
      </c>
      <c r="AI5080">
        <v>92252.876059999995</v>
      </c>
      <c r="AJ5080">
        <v>24595.770489999999</v>
      </c>
      <c r="AK5080">
        <v>34963.160730000003</v>
      </c>
      <c r="AL5080">
        <v>99556.852629999994</v>
      </c>
      <c r="AM5080">
        <v>24692.308400000002</v>
      </c>
      <c r="AN5080">
        <v>106066.36229999999</v>
      </c>
      <c r="AO5080">
        <v>28689.638940000001</v>
      </c>
      <c r="AP5080">
        <v>28831.726979999999</v>
      </c>
    </row>
    <row r="5081" spans="2:42" x14ac:dyDescent="0.3">
      <c r="B5081">
        <v>68.953958528076484</v>
      </c>
      <c r="C5081" s="83">
        <v>43312.625</v>
      </c>
      <c r="D5081">
        <v>249284.42929999999</v>
      </c>
      <c r="E5081">
        <v>35325.056929999999</v>
      </c>
      <c r="F5081">
        <v>99494.666089999999</v>
      </c>
      <c r="G5081">
        <v>37550.643750000003</v>
      </c>
      <c r="H5081">
        <v>47219.935790000003</v>
      </c>
      <c r="I5081">
        <v>34255.705670000003</v>
      </c>
      <c r="J5081">
        <v>51989.703309999997</v>
      </c>
      <c r="K5081">
        <v>65674.656099999993</v>
      </c>
      <c r="L5081">
        <v>29707.067370000001</v>
      </c>
      <c r="M5081">
        <v>351559.43670000002</v>
      </c>
      <c r="N5081">
        <v>91075.773939999999</v>
      </c>
      <c r="O5081">
        <v>23634.574499999999</v>
      </c>
      <c r="P5081">
        <v>32872.453049999996</v>
      </c>
      <c r="Q5081">
        <v>97463.793890000001</v>
      </c>
      <c r="R5081">
        <v>25126.18161</v>
      </c>
      <c r="S5081">
        <v>104602.8005</v>
      </c>
      <c r="T5081">
        <v>28351.927390000001</v>
      </c>
      <c r="U5081">
        <v>27628.960500000001</v>
      </c>
      <c r="W5081" s="83">
        <f>Bühler!N5113</f>
        <v>45503.624999987682</v>
      </c>
      <c r="X5081" s="83">
        <v>43312.625</v>
      </c>
      <c r="Y5081">
        <v>249284.42929999999</v>
      </c>
      <c r="Z5081">
        <v>35325.056929999999</v>
      </c>
      <c r="AA5081">
        <v>99494.666089999999</v>
      </c>
      <c r="AB5081">
        <v>37550.643750000003</v>
      </c>
      <c r="AC5081">
        <v>47219.935790000003</v>
      </c>
      <c r="AD5081">
        <v>34255.705670000003</v>
      </c>
      <c r="AE5081">
        <v>51989.703309999997</v>
      </c>
      <c r="AF5081">
        <v>65674.656099999993</v>
      </c>
      <c r="AG5081">
        <v>29707.067370000001</v>
      </c>
      <c r="AH5081">
        <v>351559.43670000002</v>
      </c>
      <c r="AI5081">
        <v>91075.773939999999</v>
      </c>
      <c r="AJ5081">
        <v>23634.574499999999</v>
      </c>
      <c r="AK5081">
        <v>32872.453049999996</v>
      </c>
      <c r="AL5081">
        <v>97463.793890000001</v>
      </c>
      <c r="AM5081">
        <v>25126.18161</v>
      </c>
      <c r="AN5081">
        <v>104602.8005</v>
      </c>
      <c r="AO5081">
        <v>28351.927390000001</v>
      </c>
      <c r="AP5081">
        <v>27628.960500000001</v>
      </c>
    </row>
    <row r="5082" spans="2:42" x14ac:dyDescent="0.3">
      <c r="B5082">
        <v>67.69509928109396</v>
      </c>
      <c r="C5082" s="83">
        <v>43312.666666666664</v>
      </c>
      <c r="D5082">
        <v>242547.47949999999</v>
      </c>
      <c r="E5082">
        <v>34890.5363</v>
      </c>
      <c r="F5082">
        <v>99080.770929999999</v>
      </c>
      <c r="G5082">
        <v>37027.149680000002</v>
      </c>
      <c r="H5082">
        <v>46181.856659999998</v>
      </c>
      <c r="I5082">
        <v>34961.691749999998</v>
      </c>
      <c r="J5082">
        <v>50861.749609999999</v>
      </c>
      <c r="K5082">
        <v>61659.022879999997</v>
      </c>
      <c r="L5082">
        <v>28640.203939999999</v>
      </c>
      <c r="M5082">
        <v>345141.18520000001</v>
      </c>
      <c r="N5082">
        <v>89008.155660000004</v>
      </c>
      <c r="O5082">
        <v>23270.96789</v>
      </c>
      <c r="P5082">
        <v>32794.880210000003</v>
      </c>
      <c r="Q5082">
        <v>96704.493149999995</v>
      </c>
      <c r="R5082">
        <v>25058.321100000001</v>
      </c>
      <c r="S5082">
        <v>101866.4267</v>
      </c>
      <c r="T5082">
        <v>27645.400259999999</v>
      </c>
      <c r="U5082">
        <v>25948.74912</v>
      </c>
      <c r="W5082" s="83">
        <f>Bühler!N5114</f>
        <v>45503.666666654346</v>
      </c>
      <c r="X5082" s="83">
        <v>43312.666666666664</v>
      </c>
      <c r="Y5082">
        <v>242547.47949999999</v>
      </c>
      <c r="Z5082">
        <v>34890.5363</v>
      </c>
      <c r="AA5082">
        <v>99080.770929999999</v>
      </c>
      <c r="AB5082">
        <v>37027.149680000002</v>
      </c>
      <c r="AC5082">
        <v>46181.856659999998</v>
      </c>
      <c r="AD5082">
        <v>34961.691749999998</v>
      </c>
      <c r="AE5082">
        <v>50861.749609999999</v>
      </c>
      <c r="AF5082">
        <v>61659.022879999997</v>
      </c>
      <c r="AG5082">
        <v>28640.203939999999</v>
      </c>
      <c r="AH5082">
        <v>345141.18520000001</v>
      </c>
      <c r="AI5082">
        <v>89008.155660000004</v>
      </c>
      <c r="AJ5082">
        <v>23270.96789</v>
      </c>
      <c r="AK5082">
        <v>32794.880210000003</v>
      </c>
      <c r="AL5082">
        <v>96704.493149999995</v>
      </c>
      <c r="AM5082">
        <v>25058.321100000001</v>
      </c>
      <c r="AN5082">
        <v>101866.4267</v>
      </c>
      <c r="AO5082">
        <v>27645.400259999999</v>
      </c>
      <c r="AP5082">
        <v>25948.74912</v>
      </c>
    </row>
    <row r="5083" spans="2:42" x14ac:dyDescent="0.3">
      <c r="B5083">
        <v>66.407495547010669</v>
      </c>
      <c r="C5083" s="83">
        <v>43312.708333333336</v>
      </c>
      <c r="D5083">
        <v>234361.54389999999</v>
      </c>
      <c r="E5083">
        <v>32471.486120000001</v>
      </c>
      <c r="F5083">
        <v>98355.062669999999</v>
      </c>
      <c r="G5083">
        <v>35203.415090000002</v>
      </c>
      <c r="H5083">
        <v>44471.246140000003</v>
      </c>
      <c r="I5083">
        <v>34050.226869999999</v>
      </c>
      <c r="J5083">
        <v>50215.142720000003</v>
      </c>
      <c r="K5083">
        <v>56814.459909999998</v>
      </c>
      <c r="L5083">
        <v>28863.09737</v>
      </c>
      <c r="M5083">
        <v>338576.38089999999</v>
      </c>
      <c r="N5083">
        <v>84966.398799999995</v>
      </c>
      <c r="O5083">
        <v>22234.161479999999</v>
      </c>
      <c r="P5083">
        <v>35084.033080000001</v>
      </c>
      <c r="Q5083">
        <v>95215.055619999999</v>
      </c>
      <c r="R5083">
        <v>24768.952990000002</v>
      </c>
      <c r="S5083">
        <v>99133.369810000004</v>
      </c>
      <c r="T5083">
        <v>26581.965929999998</v>
      </c>
      <c r="U5083">
        <v>23701.782190000002</v>
      </c>
      <c r="W5083" s="83">
        <f>Bühler!N5115</f>
        <v>45503.70833332101</v>
      </c>
      <c r="X5083" s="83">
        <v>43312.708333333336</v>
      </c>
      <c r="Y5083">
        <v>234361.54389999999</v>
      </c>
      <c r="Z5083">
        <v>32471.486120000001</v>
      </c>
      <c r="AA5083">
        <v>98355.062669999999</v>
      </c>
      <c r="AB5083">
        <v>35203.415090000002</v>
      </c>
      <c r="AC5083">
        <v>44471.246140000003</v>
      </c>
      <c r="AD5083">
        <v>34050.226869999999</v>
      </c>
      <c r="AE5083">
        <v>50215.142720000003</v>
      </c>
      <c r="AF5083">
        <v>56814.459909999998</v>
      </c>
      <c r="AG5083">
        <v>28863.09737</v>
      </c>
      <c r="AH5083">
        <v>338576.38089999999</v>
      </c>
      <c r="AI5083">
        <v>84966.398799999995</v>
      </c>
      <c r="AJ5083">
        <v>22234.161479999999</v>
      </c>
      <c r="AK5083">
        <v>35084.033080000001</v>
      </c>
      <c r="AL5083">
        <v>95215.055619999999</v>
      </c>
      <c r="AM5083">
        <v>24768.952990000002</v>
      </c>
      <c r="AN5083">
        <v>99133.369810000004</v>
      </c>
      <c r="AO5083">
        <v>26581.965929999998</v>
      </c>
      <c r="AP5083">
        <v>23701.782190000002</v>
      </c>
    </row>
    <row r="5084" spans="2:42" x14ac:dyDescent="0.3">
      <c r="B5084">
        <v>65.246888218625259</v>
      </c>
      <c r="C5084" s="83">
        <v>43312.75</v>
      </c>
      <c r="D5084">
        <v>228794.82029999999</v>
      </c>
      <c r="E5084">
        <v>29404.801609999999</v>
      </c>
      <c r="F5084">
        <v>95929.153529999996</v>
      </c>
      <c r="G5084">
        <v>32843.710299999999</v>
      </c>
      <c r="H5084">
        <v>42310.389660000001</v>
      </c>
      <c r="I5084">
        <v>32669.787179999999</v>
      </c>
      <c r="J5084">
        <v>50285.27792</v>
      </c>
      <c r="K5084">
        <v>54480.786489999999</v>
      </c>
      <c r="L5084">
        <v>29527.640200000002</v>
      </c>
      <c r="M5084">
        <v>332659.06349999999</v>
      </c>
      <c r="N5084">
        <v>81771.605439999999</v>
      </c>
      <c r="O5084">
        <v>20772.068439999999</v>
      </c>
      <c r="P5084">
        <v>38291.307919999999</v>
      </c>
      <c r="Q5084">
        <v>92951.310370000007</v>
      </c>
      <c r="R5084">
        <v>23768.925439999999</v>
      </c>
      <c r="S5084">
        <v>92813.218349999996</v>
      </c>
      <c r="T5084">
        <v>26797.940849999999</v>
      </c>
      <c r="U5084">
        <v>22510.487829999998</v>
      </c>
      <c r="W5084" s="83">
        <f>Bühler!N5116</f>
        <v>45503.749999987675</v>
      </c>
      <c r="X5084" s="83">
        <v>43312.75</v>
      </c>
      <c r="Y5084">
        <v>228794.82029999999</v>
      </c>
      <c r="Z5084">
        <v>29404.801609999999</v>
      </c>
      <c r="AA5084">
        <v>95929.153529999996</v>
      </c>
      <c r="AB5084">
        <v>32843.710299999999</v>
      </c>
      <c r="AC5084">
        <v>42310.389660000001</v>
      </c>
      <c r="AD5084">
        <v>32669.787179999999</v>
      </c>
      <c r="AE5084">
        <v>50285.27792</v>
      </c>
      <c r="AF5084">
        <v>54480.786489999999</v>
      </c>
      <c r="AG5084">
        <v>29527.640200000002</v>
      </c>
      <c r="AH5084">
        <v>332659.06349999999</v>
      </c>
      <c r="AI5084">
        <v>81771.605439999999</v>
      </c>
      <c r="AJ5084">
        <v>20772.068439999999</v>
      </c>
      <c r="AK5084">
        <v>38291.307919999999</v>
      </c>
      <c r="AL5084">
        <v>92951.310370000007</v>
      </c>
      <c r="AM5084">
        <v>23768.925439999999</v>
      </c>
      <c r="AN5084">
        <v>92813.218349999996</v>
      </c>
      <c r="AO5084">
        <v>26797.940849999999</v>
      </c>
      <c r="AP5084">
        <v>22510.487829999998</v>
      </c>
    </row>
    <row r="5085" spans="2:42" x14ac:dyDescent="0.3">
      <c r="B5085">
        <v>63.901478924941678</v>
      </c>
      <c r="C5085" s="83">
        <v>43312.791666666664</v>
      </c>
      <c r="D5085">
        <v>223839.96609999999</v>
      </c>
      <c r="E5085">
        <v>23654.952000000001</v>
      </c>
      <c r="F5085">
        <v>86357.243520000004</v>
      </c>
      <c r="G5085">
        <v>31427.010679999999</v>
      </c>
      <c r="H5085">
        <v>39480.98921</v>
      </c>
      <c r="I5085">
        <v>31204.892039999999</v>
      </c>
      <c r="J5085">
        <v>49895.208350000001</v>
      </c>
      <c r="K5085">
        <v>55748.16663</v>
      </c>
      <c r="L5085">
        <v>29725.9202</v>
      </c>
      <c r="M5085">
        <v>325799.53950000001</v>
      </c>
      <c r="N5085">
        <v>80122.684150000001</v>
      </c>
      <c r="O5085">
        <v>19085.33799</v>
      </c>
      <c r="P5085">
        <v>42015.369319999998</v>
      </c>
      <c r="Q5085">
        <v>91288.822039999999</v>
      </c>
      <c r="R5085">
        <v>22437.16546</v>
      </c>
      <c r="S5085">
        <v>88719.081430000006</v>
      </c>
      <c r="T5085">
        <v>26465.018349999998</v>
      </c>
      <c r="U5085">
        <v>21580.1381</v>
      </c>
      <c r="W5085" s="83">
        <f>Bühler!N5117</f>
        <v>45503.791666654339</v>
      </c>
      <c r="X5085" s="83">
        <v>43312.791666666664</v>
      </c>
      <c r="Y5085">
        <v>223839.96609999999</v>
      </c>
      <c r="Z5085">
        <v>23654.952000000001</v>
      </c>
      <c r="AA5085">
        <v>86357.243520000004</v>
      </c>
      <c r="AB5085">
        <v>31427.010679999999</v>
      </c>
      <c r="AC5085">
        <v>39480.98921</v>
      </c>
      <c r="AD5085">
        <v>31204.892039999999</v>
      </c>
      <c r="AE5085">
        <v>49895.208350000001</v>
      </c>
      <c r="AF5085">
        <v>55748.16663</v>
      </c>
      <c r="AG5085">
        <v>29725.9202</v>
      </c>
      <c r="AH5085">
        <v>325799.53950000001</v>
      </c>
      <c r="AI5085">
        <v>80122.684150000001</v>
      </c>
      <c r="AJ5085">
        <v>19085.33799</v>
      </c>
      <c r="AK5085">
        <v>42015.369319999998</v>
      </c>
      <c r="AL5085">
        <v>91288.822039999999</v>
      </c>
      <c r="AM5085">
        <v>22437.16546</v>
      </c>
      <c r="AN5085">
        <v>88719.081430000006</v>
      </c>
      <c r="AO5085">
        <v>26465.018349999998</v>
      </c>
      <c r="AP5085">
        <v>21580.1381</v>
      </c>
    </row>
    <row r="5086" spans="2:42" x14ac:dyDescent="0.3">
      <c r="B5086">
        <v>61.804185762092523</v>
      </c>
      <c r="C5086" s="83">
        <v>43312.833333333336</v>
      </c>
      <c r="D5086">
        <v>214587.13370000001</v>
      </c>
      <c r="E5086">
        <v>17580.80486</v>
      </c>
      <c r="F5086">
        <v>69948.549209999997</v>
      </c>
      <c r="G5086">
        <v>30181.30471</v>
      </c>
      <c r="H5086">
        <v>37273.910150000003</v>
      </c>
      <c r="I5086">
        <v>29248.949089999998</v>
      </c>
      <c r="J5086">
        <v>49464.893279999997</v>
      </c>
      <c r="K5086">
        <v>54863.984570000001</v>
      </c>
      <c r="L5086">
        <v>29425.909919999998</v>
      </c>
      <c r="M5086">
        <v>315106.56089999998</v>
      </c>
      <c r="N5086">
        <v>76266.085210000005</v>
      </c>
      <c r="O5086">
        <v>18675.562430000002</v>
      </c>
      <c r="P5086">
        <v>41741.825210000003</v>
      </c>
      <c r="Q5086">
        <v>87898.955910000004</v>
      </c>
      <c r="R5086">
        <v>21059.794399999999</v>
      </c>
      <c r="S5086">
        <v>81387.583199999994</v>
      </c>
      <c r="T5086">
        <v>24793.9614</v>
      </c>
      <c r="U5086">
        <v>20931.706429999998</v>
      </c>
      <c r="W5086" s="83">
        <f>Bühler!N5118</f>
        <v>45503.833333321003</v>
      </c>
      <c r="X5086" s="83">
        <v>43312.833333333336</v>
      </c>
      <c r="Y5086">
        <v>214587.13370000001</v>
      </c>
      <c r="Z5086">
        <v>17580.80486</v>
      </c>
      <c r="AA5086">
        <v>69948.549209999997</v>
      </c>
      <c r="AB5086">
        <v>30181.30471</v>
      </c>
      <c r="AC5086">
        <v>37273.910150000003</v>
      </c>
      <c r="AD5086">
        <v>29248.949089999998</v>
      </c>
      <c r="AE5086">
        <v>49464.893279999997</v>
      </c>
      <c r="AF5086">
        <v>54863.984570000001</v>
      </c>
      <c r="AG5086">
        <v>29425.909919999998</v>
      </c>
      <c r="AH5086">
        <v>315106.56089999998</v>
      </c>
      <c r="AI5086">
        <v>76266.085210000005</v>
      </c>
      <c r="AJ5086">
        <v>18675.562430000002</v>
      </c>
      <c r="AK5086">
        <v>41741.825210000003</v>
      </c>
      <c r="AL5086">
        <v>87898.955910000004</v>
      </c>
      <c r="AM5086">
        <v>21059.794399999999</v>
      </c>
      <c r="AN5086">
        <v>81387.583199999994</v>
      </c>
      <c r="AO5086">
        <v>24793.9614</v>
      </c>
      <c r="AP5086">
        <v>20931.706429999998</v>
      </c>
    </row>
    <row r="5087" spans="2:42" x14ac:dyDescent="0.3">
      <c r="B5087">
        <v>60.320857189779304</v>
      </c>
      <c r="C5087" s="83">
        <v>43312.875</v>
      </c>
      <c r="D5087">
        <v>207953.9344</v>
      </c>
      <c r="E5087">
        <v>15154.666719999999</v>
      </c>
      <c r="F5087">
        <v>62264.868020000002</v>
      </c>
      <c r="G5087">
        <v>30147.915840000001</v>
      </c>
      <c r="H5087">
        <v>36180.781779999998</v>
      </c>
      <c r="I5087">
        <v>27128.143929999998</v>
      </c>
      <c r="J5087">
        <v>49051.759700000002</v>
      </c>
      <c r="K5087">
        <v>54348.541570000001</v>
      </c>
      <c r="L5087">
        <v>28530.304039999999</v>
      </c>
      <c r="M5087">
        <v>307543.86009999999</v>
      </c>
      <c r="N5087">
        <v>74011.095669999995</v>
      </c>
      <c r="O5087">
        <v>17741.115730000001</v>
      </c>
      <c r="P5087">
        <v>39749.645479999999</v>
      </c>
      <c r="Q5087">
        <v>86086.717470000003</v>
      </c>
      <c r="R5087">
        <v>20403.322230000002</v>
      </c>
      <c r="S5087">
        <v>78233.578930000003</v>
      </c>
      <c r="T5087">
        <v>23651.640189999998</v>
      </c>
      <c r="U5087">
        <v>20447.489809999999</v>
      </c>
      <c r="W5087" s="83">
        <f>Bühler!N5119</f>
        <v>45503.874999987667</v>
      </c>
      <c r="X5087" s="83">
        <v>43312.875</v>
      </c>
      <c r="Y5087">
        <v>207953.9344</v>
      </c>
      <c r="Z5087">
        <v>15154.666719999999</v>
      </c>
      <c r="AA5087">
        <v>62264.868020000002</v>
      </c>
      <c r="AB5087">
        <v>30147.915840000001</v>
      </c>
      <c r="AC5087">
        <v>36180.781779999998</v>
      </c>
      <c r="AD5087">
        <v>27128.143929999998</v>
      </c>
      <c r="AE5087">
        <v>49051.759700000002</v>
      </c>
      <c r="AF5087">
        <v>54348.541570000001</v>
      </c>
      <c r="AG5087">
        <v>28530.304039999999</v>
      </c>
      <c r="AH5087">
        <v>307543.86009999999</v>
      </c>
      <c r="AI5087">
        <v>74011.095669999995</v>
      </c>
      <c r="AJ5087">
        <v>17741.115730000001</v>
      </c>
      <c r="AK5087">
        <v>39749.645479999999</v>
      </c>
      <c r="AL5087">
        <v>86086.717470000003</v>
      </c>
      <c r="AM5087">
        <v>20403.322230000002</v>
      </c>
      <c r="AN5087">
        <v>78233.578930000003</v>
      </c>
      <c r="AO5087">
        <v>23651.640189999998</v>
      </c>
      <c r="AP5087">
        <v>20447.489809999999</v>
      </c>
    </row>
    <row r="5088" spans="2:42" x14ac:dyDescent="0.3">
      <c r="B5088">
        <v>60.113952989722279</v>
      </c>
      <c r="C5088" s="83">
        <v>43312.916666666664</v>
      </c>
      <c r="D5088">
        <v>207285.31289999999</v>
      </c>
      <c r="E5088">
        <v>14341.359329999999</v>
      </c>
      <c r="F5088">
        <v>59082.577660000003</v>
      </c>
      <c r="G5088">
        <v>30067.82213</v>
      </c>
      <c r="H5088">
        <v>36751.42295</v>
      </c>
      <c r="I5088">
        <v>26569.171310000002</v>
      </c>
      <c r="J5088">
        <v>48458.731339999998</v>
      </c>
      <c r="K5088">
        <v>57382.575409999998</v>
      </c>
      <c r="L5088">
        <v>25750.37167</v>
      </c>
      <c r="M5088">
        <v>306488.96600000001</v>
      </c>
      <c r="N5088">
        <v>73727.652329999997</v>
      </c>
      <c r="O5088">
        <v>17488.75705</v>
      </c>
      <c r="P5088">
        <v>40956.887139999999</v>
      </c>
      <c r="Q5088">
        <v>85256.978910000005</v>
      </c>
      <c r="R5088">
        <v>21748.87185</v>
      </c>
      <c r="S5088">
        <v>77661.877819999994</v>
      </c>
      <c r="T5088">
        <v>21191.258460000001</v>
      </c>
      <c r="U5088">
        <v>20977.495419999999</v>
      </c>
      <c r="W5088" s="83">
        <f>Bühler!N5120</f>
        <v>45503.916666654331</v>
      </c>
      <c r="X5088" s="83">
        <v>43312.916666666664</v>
      </c>
      <c r="Y5088">
        <v>207285.31289999999</v>
      </c>
      <c r="Z5088">
        <v>14341.359329999999</v>
      </c>
      <c r="AA5088">
        <v>59082.577660000003</v>
      </c>
      <c r="AB5088">
        <v>30067.82213</v>
      </c>
      <c r="AC5088">
        <v>36751.42295</v>
      </c>
      <c r="AD5088">
        <v>26569.171310000002</v>
      </c>
      <c r="AE5088">
        <v>48458.731339999998</v>
      </c>
      <c r="AF5088">
        <v>57382.575409999998</v>
      </c>
      <c r="AG5088">
        <v>25750.37167</v>
      </c>
      <c r="AH5088">
        <v>306488.96600000001</v>
      </c>
      <c r="AI5088">
        <v>73727.652329999997</v>
      </c>
      <c r="AJ5088">
        <v>17488.75705</v>
      </c>
      <c r="AK5088">
        <v>40956.887139999999</v>
      </c>
      <c r="AL5088">
        <v>85256.978910000005</v>
      </c>
      <c r="AM5088">
        <v>21748.87185</v>
      </c>
      <c r="AN5088">
        <v>77661.877819999994</v>
      </c>
      <c r="AO5088">
        <v>21191.258460000001</v>
      </c>
      <c r="AP5088">
        <v>20977.495419999999</v>
      </c>
    </row>
    <row r="5089" spans="2:42" x14ac:dyDescent="0.3">
      <c r="B5089">
        <v>59.843023536166221</v>
      </c>
      <c r="C5089" s="83">
        <v>43312.958333333336</v>
      </c>
      <c r="D5089">
        <v>207203.9154</v>
      </c>
      <c r="E5089">
        <v>13855.00469</v>
      </c>
      <c r="F5089">
        <v>57564.070500000002</v>
      </c>
      <c r="G5089">
        <v>30133.185030000001</v>
      </c>
      <c r="H5089">
        <v>35819.320220000001</v>
      </c>
      <c r="I5089">
        <v>25509.06782</v>
      </c>
      <c r="J5089">
        <v>43756.167479999996</v>
      </c>
      <c r="K5089">
        <v>56574.913690000001</v>
      </c>
      <c r="L5089">
        <v>22084.019899999999</v>
      </c>
      <c r="M5089">
        <v>305107.64130000002</v>
      </c>
      <c r="N5089">
        <v>73887.29737</v>
      </c>
      <c r="O5089">
        <v>16940.638019999999</v>
      </c>
      <c r="P5089">
        <v>35416.495239999997</v>
      </c>
      <c r="Q5089">
        <v>84647.546560000003</v>
      </c>
      <c r="R5089">
        <v>22057.920750000001</v>
      </c>
      <c r="S5089">
        <v>75811.240340000004</v>
      </c>
      <c r="T5089">
        <v>19647.00232</v>
      </c>
      <c r="U5089">
        <v>20144.908920000002</v>
      </c>
      <c r="W5089" s="83">
        <f>Bühler!N5121</f>
        <v>45503.958333320996</v>
      </c>
      <c r="X5089" s="83">
        <v>43312.958333333336</v>
      </c>
      <c r="Y5089">
        <v>207203.9154</v>
      </c>
      <c r="Z5089">
        <v>13855.00469</v>
      </c>
      <c r="AA5089">
        <v>57564.070500000002</v>
      </c>
      <c r="AB5089">
        <v>30133.185030000001</v>
      </c>
      <c r="AC5089">
        <v>35819.320220000001</v>
      </c>
      <c r="AD5089">
        <v>25509.06782</v>
      </c>
      <c r="AE5089">
        <v>43756.167479999996</v>
      </c>
      <c r="AF5089">
        <v>56574.913690000001</v>
      </c>
      <c r="AG5089">
        <v>22084.019899999999</v>
      </c>
      <c r="AH5089">
        <v>305107.64130000002</v>
      </c>
      <c r="AI5089">
        <v>73887.29737</v>
      </c>
      <c r="AJ5089">
        <v>16940.638019999999</v>
      </c>
      <c r="AK5089">
        <v>35416.495239999997</v>
      </c>
      <c r="AL5089">
        <v>84647.546560000003</v>
      </c>
      <c r="AM5089">
        <v>22057.920750000001</v>
      </c>
      <c r="AN5089">
        <v>75811.240340000004</v>
      </c>
      <c r="AO5089">
        <v>19647.00232</v>
      </c>
      <c r="AP5089">
        <v>20144.908920000002</v>
      </c>
    </row>
    <row r="5090" spans="2:42" x14ac:dyDescent="0.3">
      <c r="B5090">
        <v>58.968828631058642</v>
      </c>
      <c r="C5090" s="83">
        <v>43313</v>
      </c>
      <c r="D5090">
        <v>206188.84650000001</v>
      </c>
      <c r="E5090">
        <v>13435.14417</v>
      </c>
      <c r="F5090">
        <v>56428.902399999999</v>
      </c>
      <c r="G5090">
        <v>29742.366669999999</v>
      </c>
      <c r="H5090">
        <v>35356.23747</v>
      </c>
      <c r="I5090">
        <v>23657.6103</v>
      </c>
      <c r="J5090">
        <v>39562.913659999998</v>
      </c>
      <c r="K5090">
        <v>54846.696900000003</v>
      </c>
      <c r="L5090">
        <v>19635.345949999999</v>
      </c>
      <c r="M5090">
        <v>300650.58799999999</v>
      </c>
      <c r="N5090">
        <v>72144.533360000001</v>
      </c>
      <c r="O5090">
        <v>16575.487929999999</v>
      </c>
      <c r="P5090">
        <v>31631.493579999998</v>
      </c>
      <c r="Q5090">
        <v>83768.328599999993</v>
      </c>
      <c r="R5090">
        <v>17850.429410000001</v>
      </c>
      <c r="S5090">
        <v>73971.967099999994</v>
      </c>
      <c r="T5090">
        <v>18407.148359999999</v>
      </c>
      <c r="U5090">
        <v>19616.502380000002</v>
      </c>
      <c r="W5090" s="83">
        <f>Bühler!N5122</f>
        <v>45503.99999998766</v>
      </c>
      <c r="X5090" s="83">
        <v>43313</v>
      </c>
      <c r="Y5090">
        <v>206188.84650000001</v>
      </c>
      <c r="Z5090">
        <v>13435.14417</v>
      </c>
      <c r="AA5090">
        <v>56428.902399999999</v>
      </c>
      <c r="AB5090">
        <v>29742.366669999999</v>
      </c>
      <c r="AC5090">
        <v>35356.23747</v>
      </c>
      <c r="AD5090">
        <v>23657.6103</v>
      </c>
      <c r="AE5090">
        <v>39562.913659999998</v>
      </c>
      <c r="AF5090">
        <v>54846.696900000003</v>
      </c>
      <c r="AG5090">
        <v>19635.345949999999</v>
      </c>
      <c r="AH5090">
        <v>300650.58799999999</v>
      </c>
      <c r="AI5090">
        <v>72144.533360000001</v>
      </c>
      <c r="AJ5090">
        <v>16575.487929999999</v>
      </c>
      <c r="AK5090">
        <v>31631.493579999998</v>
      </c>
      <c r="AL5090">
        <v>83768.328599999993</v>
      </c>
      <c r="AM5090">
        <v>17850.429410000001</v>
      </c>
      <c r="AN5090">
        <v>73971.967099999994</v>
      </c>
      <c r="AO5090">
        <v>18407.148359999999</v>
      </c>
      <c r="AP5090">
        <v>19616.502380000002</v>
      </c>
    </row>
    <row r="5091" spans="2:42" x14ac:dyDescent="0.3">
      <c r="B5091">
        <v>58.360083845502309</v>
      </c>
      <c r="C5091" s="83">
        <v>43313.041666666664</v>
      </c>
      <c r="D5091">
        <v>203963.5864</v>
      </c>
      <c r="E5091">
        <v>13083.522940000001</v>
      </c>
      <c r="F5091">
        <v>55265.08524</v>
      </c>
      <c r="G5091">
        <v>29136.791550000002</v>
      </c>
      <c r="H5091">
        <v>34800.105349999998</v>
      </c>
      <c r="I5091">
        <v>20221.30732</v>
      </c>
      <c r="J5091">
        <v>37024.598030000001</v>
      </c>
      <c r="K5091">
        <v>53230.987379999999</v>
      </c>
      <c r="L5091">
        <v>18026.313180000001</v>
      </c>
      <c r="M5091">
        <v>297546.92320000002</v>
      </c>
      <c r="N5091">
        <v>70862.268620000003</v>
      </c>
      <c r="O5091">
        <v>17228.690630000001</v>
      </c>
      <c r="P5091">
        <v>28691.26367</v>
      </c>
      <c r="Q5091">
        <v>83778.557879999993</v>
      </c>
      <c r="R5091">
        <v>15541.0602</v>
      </c>
      <c r="S5091">
        <v>73037.819799999997</v>
      </c>
      <c r="T5091">
        <v>17842.519219999998</v>
      </c>
      <c r="U5091">
        <v>19324.79348</v>
      </c>
      <c r="W5091" s="83">
        <f>Bühler!N5123</f>
        <v>45504.041666654324</v>
      </c>
      <c r="X5091" s="83">
        <v>43313.041666666664</v>
      </c>
      <c r="Y5091">
        <v>203963.5864</v>
      </c>
      <c r="Z5091">
        <v>13083.522940000001</v>
      </c>
      <c r="AA5091">
        <v>55265.08524</v>
      </c>
      <c r="AB5091">
        <v>29136.791550000002</v>
      </c>
      <c r="AC5091">
        <v>34800.105349999998</v>
      </c>
      <c r="AD5091">
        <v>20221.30732</v>
      </c>
      <c r="AE5091">
        <v>37024.598030000001</v>
      </c>
      <c r="AF5091">
        <v>53230.987379999999</v>
      </c>
      <c r="AG5091">
        <v>18026.313180000001</v>
      </c>
      <c r="AH5091">
        <v>297546.92320000002</v>
      </c>
      <c r="AI5091">
        <v>70862.268620000003</v>
      </c>
      <c r="AJ5091">
        <v>17228.690630000001</v>
      </c>
      <c r="AK5091">
        <v>28691.26367</v>
      </c>
      <c r="AL5091">
        <v>83778.557879999993</v>
      </c>
      <c r="AM5091">
        <v>15541.0602</v>
      </c>
      <c r="AN5091">
        <v>73037.819799999997</v>
      </c>
      <c r="AO5091">
        <v>17842.519219999998</v>
      </c>
      <c r="AP5091">
        <v>19324.79348</v>
      </c>
    </row>
    <row r="5092" spans="2:42" x14ac:dyDescent="0.3">
      <c r="B5092">
        <v>58.125692418777376</v>
      </c>
      <c r="C5092" s="83">
        <v>43313.083333333336</v>
      </c>
      <c r="D5092">
        <v>204005.54209999999</v>
      </c>
      <c r="E5092">
        <v>13009.21415</v>
      </c>
      <c r="F5092">
        <v>55748.049160000002</v>
      </c>
      <c r="G5092">
        <v>28261.40338</v>
      </c>
      <c r="H5092">
        <v>34444.569949999997</v>
      </c>
      <c r="I5092">
        <v>18676.279600000002</v>
      </c>
      <c r="J5092">
        <v>36547.592790000002</v>
      </c>
      <c r="K5092">
        <v>51199.689630000001</v>
      </c>
      <c r="L5092">
        <v>16917.850620000001</v>
      </c>
      <c r="M5092">
        <v>296351.88640000002</v>
      </c>
      <c r="N5092">
        <v>70343.173580000002</v>
      </c>
      <c r="O5092">
        <v>17174.091120000001</v>
      </c>
      <c r="P5092">
        <v>26639.386149999998</v>
      </c>
      <c r="Q5092">
        <v>86429.367280000006</v>
      </c>
      <c r="R5092">
        <v>15642.497100000001</v>
      </c>
      <c r="S5092">
        <v>71641.96673</v>
      </c>
      <c r="T5092">
        <v>17390.016599999999</v>
      </c>
      <c r="U5092">
        <v>18883.465779999999</v>
      </c>
      <c r="W5092" s="83">
        <f>Bühler!N5124</f>
        <v>45504.083333320988</v>
      </c>
      <c r="X5092" s="83">
        <v>43313.083333333336</v>
      </c>
      <c r="Y5092">
        <v>204005.54209999999</v>
      </c>
      <c r="Z5092">
        <v>13009.21415</v>
      </c>
      <c r="AA5092">
        <v>55748.049160000002</v>
      </c>
      <c r="AB5092">
        <v>28261.40338</v>
      </c>
      <c r="AC5092">
        <v>34444.569949999997</v>
      </c>
      <c r="AD5092">
        <v>18676.279600000002</v>
      </c>
      <c r="AE5092">
        <v>36547.592790000002</v>
      </c>
      <c r="AF5092">
        <v>51199.689630000001</v>
      </c>
      <c r="AG5092">
        <v>16917.850620000001</v>
      </c>
      <c r="AH5092">
        <v>296351.88640000002</v>
      </c>
      <c r="AI5092">
        <v>70343.173580000002</v>
      </c>
      <c r="AJ5092">
        <v>17174.091120000001</v>
      </c>
      <c r="AK5092">
        <v>26639.386149999998</v>
      </c>
      <c r="AL5092">
        <v>86429.367280000006</v>
      </c>
      <c r="AM5092">
        <v>15642.497100000001</v>
      </c>
      <c r="AN5092">
        <v>71641.96673</v>
      </c>
      <c r="AO5092">
        <v>17390.016599999999</v>
      </c>
      <c r="AP5092">
        <v>18883.465779999999</v>
      </c>
    </row>
    <row r="5093" spans="2:42" x14ac:dyDescent="0.3">
      <c r="B5093">
        <v>59.02850626342746</v>
      </c>
      <c r="C5093" s="83">
        <v>43313.125</v>
      </c>
      <c r="D5093">
        <v>204133.81830000001</v>
      </c>
      <c r="E5093">
        <v>12933.98517</v>
      </c>
      <c r="F5093">
        <v>57513.003929999999</v>
      </c>
      <c r="G5093">
        <v>27632.184600000001</v>
      </c>
      <c r="H5093">
        <v>34051.268239999998</v>
      </c>
      <c r="I5093">
        <v>18470.238799999999</v>
      </c>
      <c r="J5093">
        <v>36422.32645</v>
      </c>
      <c r="K5093">
        <v>49406.816429999999</v>
      </c>
      <c r="L5093">
        <v>16483.24654</v>
      </c>
      <c r="M5093">
        <v>300954.85239999997</v>
      </c>
      <c r="N5093">
        <v>70339.205650000004</v>
      </c>
      <c r="O5093">
        <v>16989.841469999999</v>
      </c>
      <c r="P5093">
        <v>26276.091049999999</v>
      </c>
      <c r="Q5093">
        <v>88717.023570000005</v>
      </c>
      <c r="R5093">
        <v>15321.357760000001</v>
      </c>
      <c r="S5093">
        <v>71416.457739999998</v>
      </c>
      <c r="T5093">
        <v>17158.997350000001</v>
      </c>
      <c r="U5093">
        <v>18816.16603</v>
      </c>
      <c r="W5093" s="83">
        <f>Bühler!N5125</f>
        <v>45504.124999987653</v>
      </c>
      <c r="X5093" s="83">
        <v>43313.125</v>
      </c>
      <c r="Y5093">
        <v>204133.81830000001</v>
      </c>
      <c r="Z5093">
        <v>12933.98517</v>
      </c>
      <c r="AA5093">
        <v>57513.003929999999</v>
      </c>
      <c r="AB5093">
        <v>27632.184600000001</v>
      </c>
      <c r="AC5093">
        <v>34051.268239999998</v>
      </c>
      <c r="AD5093">
        <v>18470.238799999999</v>
      </c>
      <c r="AE5093">
        <v>36422.32645</v>
      </c>
      <c r="AF5093">
        <v>49406.816429999999</v>
      </c>
      <c r="AG5093">
        <v>16483.24654</v>
      </c>
      <c r="AH5093">
        <v>300954.85239999997</v>
      </c>
      <c r="AI5093">
        <v>70339.205650000004</v>
      </c>
      <c r="AJ5093">
        <v>16989.841469999999</v>
      </c>
      <c r="AK5093">
        <v>26276.091049999999</v>
      </c>
      <c r="AL5093">
        <v>88717.023570000005</v>
      </c>
      <c r="AM5093">
        <v>15321.357760000001</v>
      </c>
      <c r="AN5093">
        <v>71416.457739999998</v>
      </c>
      <c r="AO5093">
        <v>17158.997350000001</v>
      </c>
      <c r="AP5093">
        <v>18816.16603</v>
      </c>
    </row>
    <row r="5094" spans="2:42" x14ac:dyDescent="0.3">
      <c r="B5094">
        <v>59.860023530710997</v>
      </c>
      <c r="C5094" s="83">
        <v>43313.166666666664</v>
      </c>
      <c r="D5094">
        <v>204414.02910000001</v>
      </c>
      <c r="E5094">
        <v>13381.11922</v>
      </c>
      <c r="F5094">
        <v>60701.459900000002</v>
      </c>
      <c r="G5094">
        <v>27268.203839999998</v>
      </c>
      <c r="H5094">
        <v>34665.349920000001</v>
      </c>
      <c r="I5094">
        <v>19639.43939</v>
      </c>
      <c r="J5094">
        <v>38269.036260000001</v>
      </c>
      <c r="K5094">
        <v>49157.315190000001</v>
      </c>
      <c r="L5094">
        <v>16444.017820000001</v>
      </c>
      <c r="M5094">
        <v>305194.31520000001</v>
      </c>
      <c r="N5094">
        <v>69207.887570000006</v>
      </c>
      <c r="O5094">
        <v>17083.547610000001</v>
      </c>
      <c r="P5094">
        <v>25775.514749999998</v>
      </c>
      <c r="Q5094">
        <v>92486.399959999995</v>
      </c>
      <c r="R5094">
        <v>15481.96718</v>
      </c>
      <c r="S5094">
        <v>71216.239560000002</v>
      </c>
      <c r="T5094">
        <v>17182.529020000002</v>
      </c>
      <c r="U5094">
        <v>18647.80372</v>
      </c>
      <c r="W5094" s="83">
        <f>Bühler!N5126</f>
        <v>45504.166666654317</v>
      </c>
      <c r="X5094" s="83">
        <v>43313.166666666664</v>
      </c>
      <c r="Y5094">
        <v>204414.02910000001</v>
      </c>
      <c r="Z5094">
        <v>13381.11922</v>
      </c>
      <c r="AA5094">
        <v>60701.459900000002</v>
      </c>
      <c r="AB5094">
        <v>27268.203839999998</v>
      </c>
      <c r="AC5094">
        <v>34665.349920000001</v>
      </c>
      <c r="AD5094">
        <v>19639.43939</v>
      </c>
      <c r="AE5094">
        <v>38269.036260000001</v>
      </c>
      <c r="AF5094">
        <v>49157.315190000001</v>
      </c>
      <c r="AG5094">
        <v>16444.017820000001</v>
      </c>
      <c r="AH5094">
        <v>305194.31520000001</v>
      </c>
      <c r="AI5094">
        <v>69207.887570000006</v>
      </c>
      <c r="AJ5094">
        <v>17083.547610000001</v>
      </c>
      <c r="AK5094">
        <v>25775.514749999998</v>
      </c>
      <c r="AL5094">
        <v>92486.399959999995</v>
      </c>
      <c r="AM5094">
        <v>15481.96718</v>
      </c>
      <c r="AN5094">
        <v>71216.239560000002</v>
      </c>
      <c r="AO5094">
        <v>17182.529020000002</v>
      </c>
      <c r="AP5094">
        <v>18647.80372</v>
      </c>
    </row>
    <row r="5095" spans="2:42" x14ac:dyDescent="0.3">
      <c r="B5095">
        <v>62.365966895456125</v>
      </c>
      <c r="C5095" s="83">
        <v>43313.208333333336</v>
      </c>
      <c r="D5095">
        <v>218348.54870000001</v>
      </c>
      <c r="E5095">
        <v>15107.418309999999</v>
      </c>
      <c r="F5095">
        <v>69995.899009999994</v>
      </c>
      <c r="G5095">
        <v>27857.13767</v>
      </c>
      <c r="H5095">
        <v>36108.993589999998</v>
      </c>
      <c r="I5095">
        <v>25199.97452</v>
      </c>
      <c r="J5095">
        <v>41315.470300000001</v>
      </c>
      <c r="K5095">
        <v>50392.859479999999</v>
      </c>
      <c r="L5095">
        <v>17341.460200000001</v>
      </c>
      <c r="M5095">
        <v>317970.7831</v>
      </c>
      <c r="N5095">
        <v>69975.012640000001</v>
      </c>
      <c r="O5095">
        <v>18261.529760000001</v>
      </c>
      <c r="P5095">
        <v>27444.353630000001</v>
      </c>
      <c r="Q5095">
        <v>96094.149529999995</v>
      </c>
      <c r="R5095">
        <v>17435.880860000001</v>
      </c>
      <c r="S5095">
        <v>73476.998210000005</v>
      </c>
      <c r="T5095">
        <v>18077.284309999999</v>
      </c>
      <c r="U5095">
        <v>20286.244449999998</v>
      </c>
      <c r="W5095" s="83">
        <f>Bühler!N5127</f>
        <v>45504.208333320981</v>
      </c>
      <c r="X5095" s="83">
        <v>43313.208333333336</v>
      </c>
      <c r="Y5095">
        <v>218348.54870000001</v>
      </c>
      <c r="Z5095">
        <v>15107.418309999999</v>
      </c>
      <c r="AA5095">
        <v>69995.899009999994</v>
      </c>
      <c r="AB5095">
        <v>27857.13767</v>
      </c>
      <c r="AC5095">
        <v>36108.993589999998</v>
      </c>
      <c r="AD5095">
        <v>25199.97452</v>
      </c>
      <c r="AE5095">
        <v>41315.470300000001</v>
      </c>
      <c r="AF5095">
        <v>50392.859479999999</v>
      </c>
      <c r="AG5095">
        <v>17341.460200000001</v>
      </c>
      <c r="AH5095">
        <v>317970.7831</v>
      </c>
      <c r="AI5095">
        <v>69975.012640000001</v>
      </c>
      <c r="AJ5095">
        <v>18261.529760000001</v>
      </c>
      <c r="AK5095">
        <v>27444.353630000001</v>
      </c>
      <c r="AL5095">
        <v>96094.149529999995</v>
      </c>
      <c r="AM5095">
        <v>17435.880860000001</v>
      </c>
      <c r="AN5095">
        <v>73476.998210000005</v>
      </c>
      <c r="AO5095">
        <v>18077.284309999999</v>
      </c>
      <c r="AP5095">
        <v>20286.244449999998</v>
      </c>
    </row>
    <row r="5096" spans="2:42" x14ac:dyDescent="0.3">
      <c r="B5096">
        <v>65.377848345694346</v>
      </c>
      <c r="C5096" s="83">
        <v>43313.25</v>
      </c>
      <c r="D5096">
        <v>231050.08900000001</v>
      </c>
      <c r="E5096">
        <v>18685.353070000001</v>
      </c>
      <c r="F5096">
        <v>79960.087490000005</v>
      </c>
      <c r="G5096">
        <v>29009.115040000001</v>
      </c>
      <c r="H5096">
        <v>37469.191650000001</v>
      </c>
      <c r="I5096">
        <v>29069.777409999999</v>
      </c>
      <c r="J5096">
        <v>44240.478889999999</v>
      </c>
      <c r="K5096">
        <v>51033.941220000001</v>
      </c>
      <c r="L5096">
        <v>18336.216199999999</v>
      </c>
      <c r="M5096">
        <v>333326.75929999998</v>
      </c>
      <c r="N5096">
        <v>74759.79019</v>
      </c>
      <c r="O5096">
        <v>19324.270639999999</v>
      </c>
      <c r="P5096">
        <v>27254.305410000001</v>
      </c>
      <c r="Q5096">
        <v>95932.757240000006</v>
      </c>
      <c r="R5096">
        <v>17399.352279999999</v>
      </c>
      <c r="S5096">
        <v>80279.69184</v>
      </c>
      <c r="T5096">
        <v>19915.961439999999</v>
      </c>
      <c r="U5096">
        <v>22515.29983</v>
      </c>
      <c r="W5096" s="83">
        <f>Bühler!N5128</f>
        <v>45504.249999987645</v>
      </c>
      <c r="X5096" s="83">
        <v>43313.25</v>
      </c>
      <c r="Y5096">
        <v>231050.08900000001</v>
      </c>
      <c r="Z5096">
        <v>18685.353070000001</v>
      </c>
      <c r="AA5096">
        <v>79960.087490000005</v>
      </c>
      <c r="AB5096">
        <v>29009.115040000001</v>
      </c>
      <c r="AC5096">
        <v>37469.191650000001</v>
      </c>
      <c r="AD5096">
        <v>29069.777409999999</v>
      </c>
      <c r="AE5096">
        <v>44240.478889999999</v>
      </c>
      <c r="AF5096">
        <v>51033.941220000001</v>
      </c>
      <c r="AG5096">
        <v>18336.216199999999</v>
      </c>
      <c r="AH5096">
        <v>333326.75929999998</v>
      </c>
      <c r="AI5096">
        <v>74759.79019</v>
      </c>
      <c r="AJ5096">
        <v>19324.270639999999</v>
      </c>
      <c r="AK5096">
        <v>27254.305410000001</v>
      </c>
      <c r="AL5096">
        <v>95932.757240000006</v>
      </c>
      <c r="AM5096">
        <v>17399.352279999999</v>
      </c>
      <c r="AN5096">
        <v>80279.69184</v>
      </c>
      <c r="AO5096">
        <v>19915.961439999999</v>
      </c>
      <c r="AP5096">
        <v>22515.29983</v>
      </c>
    </row>
    <row r="5097" spans="2:42" x14ac:dyDescent="0.3">
      <c r="B5097">
        <v>66.996372024490441</v>
      </c>
      <c r="C5097" s="83">
        <v>43313.291666666664</v>
      </c>
      <c r="D5097">
        <v>241839.8236</v>
      </c>
      <c r="E5097">
        <v>23171.19829</v>
      </c>
      <c r="F5097">
        <v>85043.576419999998</v>
      </c>
      <c r="G5097">
        <v>30957.486069999999</v>
      </c>
      <c r="H5097">
        <v>41064.776579999998</v>
      </c>
      <c r="I5097">
        <v>32254.294249999999</v>
      </c>
      <c r="J5097">
        <v>45473.499369999998</v>
      </c>
      <c r="K5097">
        <v>54633.994780000001</v>
      </c>
      <c r="L5097">
        <v>21357.049640000001</v>
      </c>
      <c r="M5097">
        <v>341578.74780000001</v>
      </c>
      <c r="N5097">
        <v>79779.352350000001</v>
      </c>
      <c r="O5097">
        <v>22863.35124</v>
      </c>
      <c r="P5097">
        <v>30504.591469999999</v>
      </c>
      <c r="Q5097">
        <v>95147.731140000004</v>
      </c>
      <c r="R5097">
        <v>17645.556140000001</v>
      </c>
      <c r="S5097">
        <v>93469.510649999997</v>
      </c>
      <c r="T5097">
        <v>22199.414789999999</v>
      </c>
      <c r="U5097">
        <v>25395.7801</v>
      </c>
      <c r="W5097" s="83">
        <f>Bühler!N5129</f>
        <v>45504.29166665431</v>
      </c>
      <c r="X5097" s="83">
        <v>43313.291666666664</v>
      </c>
      <c r="Y5097">
        <v>241839.8236</v>
      </c>
      <c r="Z5097">
        <v>23171.19829</v>
      </c>
      <c r="AA5097">
        <v>85043.576419999998</v>
      </c>
      <c r="AB5097">
        <v>30957.486069999999</v>
      </c>
      <c r="AC5097">
        <v>41064.776579999998</v>
      </c>
      <c r="AD5097">
        <v>32254.294249999999</v>
      </c>
      <c r="AE5097">
        <v>45473.499369999998</v>
      </c>
      <c r="AF5097">
        <v>54633.994780000001</v>
      </c>
      <c r="AG5097">
        <v>21357.049640000001</v>
      </c>
      <c r="AH5097">
        <v>341578.74780000001</v>
      </c>
      <c r="AI5097">
        <v>79779.352350000001</v>
      </c>
      <c r="AJ5097">
        <v>22863.35124</v>
      </c>
      <c r="AK5097">
        <v>30504.591469999999</v>
      </c>
      <c r="AL5097">
        <v>95147.731140000004</v>
      </c>
      <c r="AM5097">
        <v>17645.556140000001</v>
      </c>
      <c r="AN5097">
        <v>93469.510649999997</v>
      </c>
      <c r="AO5097">
        <v>22199.414789999999</v>
      </c>
      <c r="AP5097">
        <v>25395.7801</v>
      </c>
    </row>
    <row r="5098" spans="2:42" x14ac:dyDescent="0.3">
      <c r="B5098">
        <v>68.141902858329345</v>
      </c>
      <c r="C5098" s="83">
        <v>43313.333333333336</v>
      </c>
      <c r="D5098">
        <v>252676.79300000001</v>
      </c>
      <c r="E5098">
        <v>28789.721229999999</v>
      </c>
      <c r="F5098">
        <v>91012.436109999995</v>
      </c>
      <c r="G5098">
        <v>33448.009160000001</v>
      </c>
      <c r="H5098">
        <v>44501.694900000002</v>
      </c>
      <c r="I5098">
        <v>35054.9591</v>
      </c>
      <c r="J5098">
        <v>48513.359149999997</v>
      </c>
      <c r="K5098">
        <v>58769.429949999998</v>
      </c>
      <c r="L5098">
        <v>24565.5628</v>
      </c>
      <c r="M5098">
        <v>347419.19819999998</v>
      </c>
      <c r="N5098">
        <v>89158.106440000003</v>
      </c>
      <c r="O5098">
        <v>24961.683219999999</v>
      </c>
      <c r="P5098">
        <v>33933.518600000003</v>
      </c>
      <c r="Q5098">
        <v>96668.901740000001</v>
      </c>
      <c r="R5098">
        <v>20534.662850000001</v>
      </c>
      <c r="S5098">
        <v>103781.2963</v>
      </c>
      <c r="T5098">
        <v>24588.122039999998</v>
      </c>
      <c r="U5098">
        <v>28795.447100000001</v>
      </c>
      <c r="W5098" s="83">
        <f>Bühler!N5130</f>
        <v>45504.333333320974</v>
      </c>
      <c r="X5098" s="83">
        <v>43313.333333333336</v>
      </c>
      <c r="Y5098">
        <v>252676.79300000001</v>
      </c>
      <c r="Z5098">
        <v>28789.721229999999</v>
      </c>
      <c r="AA5098">
        <v>91012.436109999995</v>
      </c>
      <c r="AB5098">
        <v>33448.009160000001</v>
      </c>
      <c r="AC5098">
        <v>44501.694900000002</v>
      </c>
      <c r="AD5098">
        <v>35054.9591</v>
      </c>
      <c r="AE5098">
        <v>48513.359149999997</v>
      </c>
      <c r="AF5098">
        <v>58769.429949999998</v>
      </c>
      <c r="AG5098">
        <v>24565.5628</v>
      </c>
      <c r="AH5098">
        <v>347419.19819999998</v>
      </c>
      <c r="AI5098">
        <v>89158.106440000003</v>
      </c>
      <c r="AJ5098">
        <v>24961.683219999999</v>
      </c>
      <c r="AK5098">
        <v>33933.518600000003</v>
      </c>
      <c r="AL5098">
        <v>96668.901740000001</v>
      </c>
      <c r="AM5098">
        <v>20534.662850000001</v>
      </c>
      <c r="AN5098">
        <v>103781.2963</v>
      </c>
      <c r="AO5098">
        <v>24588.122039999998</v>
      </c>
      <c r="AP5098">
        <v>28795.447100000001</v>
      </c>
    </row>
    <row r="5099" spans="2:42" x14ac:dyDescent="0.3">
      <c r="B5099">
        <v>68.779527230436727</v>
      </c>
      <c r="C5099" s="83">
        <v>43313.375</v>
      </c>
      <c r="D5099">
        <v>254526.92819999999</v>
      </c>
      <c r="E5099">
        <v>33184.547780000001</v>
      </c>
      <c r="F5099">
        <v>96806.825129999997</v>
      </c>
      <c r="G5099">
        <v>35775.448040000003</v>
      </c>
      <c r="H5099">
        <v>46522.76051</v>
      </c>
      <c r="I5099">
        <v>35095.492180000001</v>
      </c>
      <c r="J5099">
        <v>51385.418879999997</v>
      </c>
      <c r="K5099">
        <v>62683.386149999998</v>
      </c>
      <c r="L5099">
        <v>28391.983479999999</v>
      </c>
      <c r="M5099">
        <v>350670.10460000002</v>
      </c>
      <c r="N5099">
        <v>93819.232629999999</v>
      </c>
      <c r="O5099">
        <v>25821.31698</v>
      </c>
      <c r="P5099">
        <v>36846.286990000001</v>
      </c>
      <c r="Q5099">
        <v>98584.640440000003</v>
      </c>
      <c r="R5099">
        <v>22512.59865</v>
      </c>
      <c r="S5099">
        <v>110507.6876</v>
      </c>
      <c r="T5099">
        <v>26530.502400000001</v>
      </c>
      <c r="U5099">
        <v>29207.481360000002</v>
      </c>
      <c r="W5099" s="83">
        <f>Bühler!N5131</f>
        <v>45504.374999987638</v>
      </c>
      <c r="X5099" s="83">
        <v>43313.375</v>
      </c>
      <c r="Y5099">
        <v>254526.92819999999</v>
      </c>
      <c r="Z5099">
        <v>33184.547780000001</v>
      </c>
      <c r="AA5099">
        <v>96806.825129999997</v>
      </c>
      <c r="AB5099">
        <v>35775.448040000003</v>
      </c>
      <c r="AC5099">
        <v>46522.76051</v>
      </c>
      <c r="AD5099">
        <v>35095.492180000001</v>
      </c>
      <c r="AE5099">
        <v>51385.418879999997</v>
      </c>
      <c r="AF5099">
        <v>62683.386149999998</v>
      </c>
      <c r="AG5099">
        <v>28391.983479999999</v>
      </c>
      <c r="AH5099">
        <v>350670.10460000002</v>
      </c>
      <c r="AI5099">
        <v>93819.232629999999</v>
      </c>
      <c r="AJ5099">
        <v>25821.31698</v>
      </c>
      <c r="AK5099">
        <v>36846.286990000001</v>
      </c>
      <c r="AL5099">
        <v>98584.640440000003</v>
      </c>
      <c r="AM5099">
        <v>22512.59865</v>
      </c>
      <c r="AN5099">
        <v>110507.6876</v>
      </c>
      <c r="AO5099">
        <v>26530.502400000001</v>
      </c>
      <c r="AP5099">
        <v>29207.481360000002</v>
      </c>
    </row>
    <row r="5100" spans="2:42" x14ac:dyDescent="0.3">
      <c r="B5100">
        <v>69.394703930572973</v>
      </c>
      <c r="C5100" s="83">
        <v>43313.416666666664</v>
      </c>
      <c r="D5100">
        <v>257899.10449999999</v>
      </c>
      <c r="E5100">
        <v>35039.567649999997</v>
      </c>
      <c r="F5100">
        <v>99248.430909999995</v>
      </c>
      <c r="G5100">
        <v>36651.736420000001</v>
      </c>
      <c r="H5100">
        <v>47674.480470000002</v>
      </c>
      <c r="I5100">
        <v>35006.828269999998</v>
      </c>
      <c r="J5100">
        <v>51816.384579999998</v>
      </c>
      <c r="K5100">
        <v>64437.869960000004</v>
      </c>
      <c r="L5100">
        <v>31737.00822</v>
      </c>
      <c r="M5100">
        <v>353806.56229999999</v>
      </c>
      <c r="N5100">
        <v>93952.076610000004</v>
      </c>
      <c r="O5100">
        <v>25129.482459999999</v>
      </c>
      <c r="P5100">
        <v>38642.328999999998</v>
      </c>
      <c r="Q5100">
        <v>99896.781799999997</v>
      </c>
      <c r="R5100">
        <v>23194.97481</v>
      </c>
      <c r="S5100">
        <v>112309.66469999999</v>
      </c>
      <c r="T5100">
        <v>28518.588159999999</v>
      </c>
      <c r="U5100">
        <v>28187.853149999999</v>
      </c>
      <c r="W5100" s="83">
        <f>Bühler!N5132</f>
        <v>45504.416666654302</v>
      </c>
      <c r="X5100" s="83">
        <v>43313.416666666664</v>
      </c>
      <c r="Y5100">
        <v>257899.10449999999</v>
      </c>
      <c r="Z5100">
        <v>35039.567649999997</v>
      </c>
      <c r="AA5100">
        <v>99248.430909999995</v>
      </c>
      <c r="AB5100">
        <v>36651.736420000001</v>
      </c>
      <c r="AC5100">
        <v>47674.480470000002</v>
      </c>
      <c r="AD5100">
        <v>35006.828269999998</v>
      </c>
      <c r="AE5100">
        <v>51816.384579999998</v>
      </c>
      <c r="AF5100">
        <v>64437.869960000004</v>
      </c>
      <c r="AG5100">
        <v>31737.00822</v>
      </c>
      <c r="AH5100">
        <v>353806.56229999999</v>
      </c>
      <c r="AI5100">
        <v>93952.076610000004</v>
      </c>
      <c r="AJ5100">
        <v>25129.482459999999</v>
      </c>
      <c r="AK5100">
        <v>38642.328999999998</v>
      </c>
      <c r="AL5100">
        <v>99896.781799999997</v>
      </c>
      <c r="AM5100">
        <v>23194.97481</v>
      </c>
      <c r="AN5100">
        <v>112309.66469999999</v>
      </c>
      <c r="AO5100">
        <v>28518.588159999999</v>
      </c>
      <c r="AP5100">
        <v>28187.853149999999</v>
      </c>
    </row>
    <row r="5101" spans="2:42" x14ac:dyDescent="0.3">
      <c r="B5101">
        <v>69.55506701726668</v>
      </c>
      <c r="C5101" s="83">
        <v>43313.458333333336</v>
      </c>
      <c r="D5101">
        <v>256766.57089999999</v>
      </c>
      <c r="E5101">
        <v>35604.500030000003</v>
      </c>
      <c r="F5101">
        <v>99888.454800000007</v>
      </c>
      <c r="G5101">
        <v>36685.774279999998</v>
      </c>
      <c r="H5101">
        <v>48375.294020000001</v>
      </c>
      <c r="I5101">
        <v>34515.784220000001</v>
      </c>
      <c r="J5101">
        <v>51571.064310000002</v>
      </c>
      <c r="K5101">
        <v>65912.959510000001</v>
      </c>
      <c r="L5101">
        <v>33767.157659999997</v>
      </c>
      <c r="M5101">
        <v>354624.16810000001</v>
      </c>
      <c r="N5101">
        <v>94016.161040000006</v>
      </c>
      <c r="O5101">
        <v>24621.563890000001</v>
      </c>
      <c r="P5101">
        <v>38413.307769999999</v>
      </c>
      <c r="Q5101">
        <v>99827.011050000001</v>
      </c>
      <c r="R5101">
        <v>25594.758150000001</v>
      </c>
      <c r="S5101">
        <v>114180.7068</v>
      </c>
      <c r="T5101">
        <v>28982.976600000002</v>
      </c>
      <c r="U5101">
        <v>28605.681629999999</v>
      </c>
      <c r="W5101" s="83">
        <f>Bühler!N5133</f>
        <v>45504.458333320967</v>
      </c>
      <c r="X5101" s="83">
        <v>43313.458333333336</v>
      </c>
      <c r="Y5101">
        <v>256766.57089999999</v>
      </c>
      <c r="Z5101">
        <v>35604.500030000003</v>
      </c>
      <c r="AA5101">
        <v>99888.454800000007</v>
      </c>
      <c r="AB5101">
        <v>36685.774279999998</v>
      </c>
      <c r="AC5101">
        <v>48375.294020000001</v>
      </c>
      <c r="AD5101">
        <v>34515.784220000001</v>
      </c>
      <c r="AE5101">
        <v>51571.064310000002</v>
      </c>
      <c r="AF5101">
        <v>65912.959510000001</v>
      </c>
      <c r="AG5101">
        <v>33767.157659999997</v>
      </c>
      <c r="AH5101">
        <v>354624.16810000001</v>
      </c>
      <c r="AI5101">
        <v>94016.161040000006</v>
      </c>
      <c r="AJ5101">
        <v>24621.563890000001</v>
      </c>
      <c r="AK5101">
        <v>38413.307769999999</v>
      </c>
      <c r="AL5101">
        <v>99827.011050000001</v>
      </c>
      <c r="AM5101">
        <v>25594.758150000001</v>
      </c>
      <c r="AN5101">
        <v>114180.7068</v>
      </c>
      <c r="AO5101">
        <v>28982.976600000002</v>
      </c>
      <c r="AP5101">
        <v>28605.681629999999</v>
      </c>
    </row>
    <row r="5102" spans="2:42" x14ac:dyDescent="0.3">
      <c r="B5102">
        <v>68.644252139116716</v>
      </c>
      <c r="C5102" s="83">
        <v>43313.5</v>
      </c>
      <c r="D5102">
        <v>247710.56109999999</v>
      </c>
      <c r="E5102">
        <v>32517.137439999999</v>
      </c>
      <c r="F5102">
        <v>93839.831229999996</v>
      </c>
      <c r="G5102">
        <v>36509.832600000002</v>
      </c>
      <c r="H5102">
        <v>47317.996319999998</v>
      </c>
      <c r="I5102">
        <v>33216.167300000001</v>
      </c>
      <c r="J5102">
        <v>52224.091710000001</v>
      </c>
      <c r="K5102">
        <v>63862.761469999998</v>
      </c>
      <c r="L5102">
        <v>36279.641080000001</v>
      </c>
      <c r="M5102">
        <v>349980.40909999999</v>
      </c>
      <c r="N5102">
        <v>91092.042830000006</v>
      </c>
      <c r="O5102">
        <v>23666.710470000002</v>
      </c>
      <c r="P5102">
        <v>39806.119189999998</v>
      </c>
      <c r="Q5102">
        <v>98751.410950000005</v>
      </c>
      <c r="R5102">
        <v>25497.722239999999</v>
      </c>
      <c r="S5102">
        <v>109824.9189</v>
      </c>
      <c r="T5102">
        <v>28513.891329999999</v>
      </c>
      <c r="U5102">
        <v>24964.329099999999</v>
      </c>
      <c r="W5102" s="83">
        <f>Bühler!N5134</f>
        <v>45504.499999987631</v>
      </c>
      <c r="X5102" s="83">
        <v>43313.5</v>
      </c>
      <c r="Y5102">
        <v>247710.56109999999</v>
      </c>
      <c r="Z5102">
        <v>32517.137439999999</v>
      </c>
      <c r="AA5102">
        <v>93839.831229999996</v>
      </c>
      <c r="AB5102">
        <v>36509.832600000002</v>
      </c>
      <c r="AC5102">
        <v>47317.996319999998</v>
      </c>
      <c r="AD5102">
        <v>33216.167300000001</v>
      </c>
      <c r="AE5102">
        <v>52224.091710000001</v>
      </c>
      <c r="AF5102">
        <v>63862.761469999998</v>
      </c>
      <c r="AG5102">
        <v>36279.641080000001</v>
      </c>
      <c r="AH5102">
        <v>349980.40909999999</v>
      </c>
      <c r="AI5102">
        <v>91092.042830000006</v>
      </c>
      <c r="AJ5102">
        <v>23666.710470000002</v>
      </c>
      <c r="AK5102">
        <v>39806.119189999998</v>
      </c>
      <c r="AL5102">
        <v>98751.410950000005</v>
      </c>
      <c r="AM5102">
        <v>25497.722239999999</v>
      </c>
      <c r="AN5102">
        <v>109824.9189</v>
      </c>
      <c r="AO5102">
        <v>28513.891329999999</v>
      </c>
      <c r="AP5102">
        <v>24964.329099999999</v>
      </c>
    </row>
    <row r="5103" spans="2:42" x14ac:dyDescent="0.3">
      <c r="B5103">
        <v>68.523422744808371</v>
      </c>
      <c r="C5103" s="83">
        <v>43313.541666666664</v>
      </c>
      <c r="D5103">
        <v>247748.60380000001</v>
      </c>
      <c r="E5103">
        <v>33036.358990000001</v>
      </c>
      <c r="F5103">
        <v>90549.860960000005</v>
      </c>
      <c r="G5103">
        <v>36244.658799999997</v>
      </c>
      <c r="H5103">
        <v>47435.215239999998</v>
      </c>
      <c r="I5103">
        <v>33065.258889999997</v>
      </c>
      <c r="J5103">
        <v>51939.071510000002</v>
      </c>
      <c r="K5103">
        <v>65455.680410000001</v>
      </c>
      <c r="L5103">
        <v>35895.760320000001</v>
      </c>
      <c r="M5103">
        <v>349364.36450000003</v>
      </c>
      <c r="N5103">
        <v>92496.462740000003</v>
      </c>
      <c r="O5103">
        <v>24018.850729999998</v>
      </c>
      <c r="P5103">
        <v>38946.488380000003</v>
      </c>
      <c r="Q5103">
        <v>98530.399659999995</v>
      </c>
      <c r="R5103">
        <v>24860.704030000001</v>
      </c>
      <c r="S5103">
        <v>109888.1246</v>
      </c>
      <c r="T5103">
        <v>28492.33122</v>
      </c>
      <c r="U5103">
        <v>26897.33598</v>
      </c>
      <c r="W5103" s="83">
        <f>Bühler!N5135</f>
        <v>45504.541666654295</v>
      </c>
      <c r="X5103" s="83">
        <v>43313.541666666664</v>
      </c>
      <c r="Y5103">
        <v>247748.60380000001</v>
      </c>
      <c r="Z5103">
        <v>33036.358990000001</v>
      </c>
      <c r="AA5103">
        <v>90549.860960000005</v>
      </c>
      <c r="AB5103">
        <v>36244.658799999997</v>
      </c>
      <c r="AC5103">
        <v>47435.215239999998</v>
      </c>
      <c r="AD5103">
        <v>33065.258889999997</v>
      </c>
      <c r="AE5103">
        <v>51939.071510000002</v>
      </c>
      <c r="AF5103">
        <v>65455.680410000001</v>
      </c>
      <c r="AG5103">
        <v>35895.760320000001</v>
      </c>
      <c r="AH5103">
        <v>349364.36450000003</v>
      </c>
      <c r="AI5103">
        <v>92496.462740000003</v>
      </c>
      <c r="AJ5103">
        <v>24018.850729999998</v>
      </c>
      <c r="AK5103">
        <v>38946.488380000003</v>
      </c>
      <c r="AL5103">
        <v>98530.399659999995</v>
      </c>
      <c r="AM5103">
        <v>24860.704030000001</v>
      </c>
      <c r="AN5103">
        <v>109888.1246</v>
      </c>
      <c r="AO5103">
        <v>28492.33122</v>
      </c>
      <c r="AP5103">
        <v>26897.33598</v>
      </c>
    </row>
    <row r="5104" spans="2:42" x14ac:dyDescent="0.3">
      <c r="B5104">
        <v>68.837464359013836</v>
      </c>
      <c r="C5104" s="83">
        <v>43313.583333333336</v>
      </c>
      <c r="D5104">
        <v>248887.21530000001</v>
      </c>
      <c r="E5104">
        <v>35681.486360000003</v>
      </c>
      <c r="F5104">
        <v>98489.653399999996</v>
      </c>
      <c r="G5104">
        <v>36429.656060000001</v>
      </c>
      <c r="H5104">
        <v>47650.89703</v>
      </c>
      <c r="I5104">
        <v>33919.644310000003</v>
      </c>
      <c r="J5104">
        <v>51491.460959999997</v>
      </c>
      <c r="K5104">
        <v>66855.547359999997</v>
      </c>
      <c r="L5104">
        <v>32747.8884</v>
      </c>
      <c r="M5104">
        <v>350965.4951</v>
      </c>
      <c r="N5104">
        <v>95239.567769999994</v>
      </c>
      <c r="O5104">
        <v>23699.828819999999</v>
      </c>
      <c r="P5104">
        <v>35466.251369999998</v>
      </c>
      <c r="Q5104">
        <v>97682.218250000005</v>
      </c>
      <c r="R5104">
        <v>24540.422429999999</v>
      </c>
      <c r="S5104">
        <v>106181.3636</v>
      </c>
      <c r="T5104">
        <v>28427.3325</v>
      </c>
      <c r="U5104">
        <v>27361.73329</v>
      </c>
      <c r="W5104" s="83">
        <f>Bühler!N5136</f>
        <v>45504.583333320959</v>
      </c>
      <c r="X5104" s="83">
        <v>43313.583333333336</v>
      </c>
      <c r="Y5104">
        <v>248887.21530000001</v>
      </c>
      <c r="Z5104">
        <v>35681.486360000003</v>
      </c>
      <c r="AA5104">
        <v>98489.653399999996</v>
      </c>
      <c r="AB5104">
        <v>36429.656060000001</v>
      </c>
      <c r="AC5104">
        <v>47650.89703</v>
      </c>
      <c r="AD5104">
        <v>33919.644310000003</v>
      </c>
      <c r="AE5104">
        <v>51491.460959999997</v>
      </c>
      <c r="AF5104">
        <v>66855.547359999997</v>
      </c>
      <c r="AG5104">
        <v>32747.8884</v>
      </c>
      <c r="AH5104">
        <v>350965.4951</v>
      </c>
      <c r="AI5104">
        <v>95239.567769999994</v>
      </c>
      <c r="AJ5104">
        <v>23699.828819999999</v>
      </c>
      <c r="AK5104">
        <v>35466.251369999998</v>
      </c>
      <c r="AL5104">
        <v>97682.218250000005</v>
      </c>
      <c r="AM5104">
        <v>24540.422429999999</v>
      </c>
      <c r="AN5104">
        <v>106181.3636</v>
      </c>
      <c r="AO5104">
        <v>28427.3325</v>
      </c>
      <c r="AP5104">
        <v>27361.73329</v>
      </c>
    </row>
    <row r="5105" spans="2:42" x14ac:dyDescent="0.3">
      <c r="B5105">
        <v>68.288942095174136</v>
      </c>
      <c r="C5105" s="83">
        <v>43313.625</v>
      </c>
      <c r="D5105">
        <v>246748.3137</v>
      </c>
      <c r="E5105">
        <v>35864.144780000002</v>
      </c>
      <c r="F5105">
        <v>100631.9203</v>
      </c>
      <c r="G5105">
        <v>36192.365489999996</v>
      </c>
      <c r="H5105">
        <v>47007.293369999999</v>
      </c>
      <c r="I5105">
        <v>34522.653579999998</v>
      </c>
      <c r="J5105">
        <v>50847.64776</v>
      </c>
      <c r="K5105">
        <v>65069.430099999998</v>
      </c>
      <c r="L5105">
        <v>29699.776829999999</v>
      </c>
      <c r="M5105">
        <v>348168.87280000001</v>
      </c>
      <c r="N5105">
        <v>91510.226670000004</v>
      </c>
      <c r="O5105">
        <v>23456.436750000001</v>
      </c>
      <c r="P5105">
        <v>33049.413330000003</v>
      </c>
      <c r="Q5105">
        <v>96722.58107</v>
      </c>
      <c r="R5105">
        <v>24651.759969999999</v>
      </c>
      <c r="S5105">
        <v>105320.1275</v>
      </c>
      <c r="T5105">
        <v>28664.78744</v>
      </c>
      <c r="U5105">
        <v>27040.109550000001</v>
      </c>
      <c r="W5105" s="83">
        <f>Bühler!N5137</f>
        <v>45504.624999987624</v>
      </c>
      <c r="X5105" s="83">
        <v>43313.625</v>
      </c>
      <c r="Y5105">
        <v>246748.3137</v>
      </c>
      <c r="Z5105">
        <v>35864.144780000002</v>
      </c>
      <c r="AA5105">
        <v>100631.9203</v>
      </c>
      <c r="AB5105">
        <v>36192.365489999996</v>
      </c>
      <c r="AC5105">
        <v>47007.293369999999</v>
      </c>
      <c r="AD5105">
        <v>34522.653579999998</v>
      </c>
      <c r="AE5105">
        <v>50847.64776</v>
      </c>
      <c r="AF5105">
        <v>65069.430099999998</v>
      </c>
      <c r="AG5105">
        <v>29699.776829999999</v>
      </c>
      <c r="AH5105">
        <v>348168.87280000001</v>
      </c>
      <c r="AI5105">
        <v>91510.226670000004</v>
      </c>
      <c r="AJ5105">
        <v>23456.436750000001</v>
      </c>
      <c r="AK5105">
        <v>33049.413330000003</v>
      </c>
      <c r="AL5105">
        <v>96722.58107</v>
      </c>
      <c r="AM5105">
        <v>24651.759969999999</v>
      </c>
      <c r="AN5105">
        <v>105320.1275</v>
      </c>
      <c r="AO5105">
        <v>28664.78744</v>
      </c>
      <c r="AP5105">
        <v>27040.109550000001</v>
      </c>
    </row>
    <row r="5106" spans="2:42" x14ac:dyDescent="0.3">
      <c r="B5106">
        <v>66.880253988145228</v>
      </c>
      <c r="C5106" s="83">
        <v>43313.666666666664</v>
      </c>
      <c r="D5106">
        <v>242098.8621</v>
      </c>
      <c r="E5106">
        <v>35520.304920000002</v>
      </c>
      <c r="F5106">
        <v>100417.5079</v>
      </c>
      <c r="G5106">
        <v>35784.733090000002</v>
      </c>
      <c r="H5106">
        <v>45993.39961</v>
      </c>
      <c r="I5106">
        <v>34969.368829999999</v>
      </c>
      <c r="J5106">
        <v>50300.869930000001</v>
      </c>
      <c r="K5106">
        <v>61029.70246</v>
      </c>
      <c r="L5106">
        <v>29265.691419999999</v>
      </c>
      <c r="M5106">
        <v>340986.72389999998</v>
      </c>
      <c r="N5106">
        <v>88450.106190000006</v>
      </c>
      <c r="O5106">
        <v>22718.143960000001</v>
      </c>
      <c r="P5106">
        <v>32186.025750000001</v>
      </c>
      <c r="Q5106">
        <v>96481.982820000005</v>
      </c>
      <c r="R5106">
        <v>24631.991849999999</v>
      </c>
      <c r="S5106">
        <v>102096.14659999999</v>
      </c>
      <c r="T5106">
        <v>28468.961179999998</v>
      </c>
      <c r="U5106">
        <v>25619.639739999999</v>
      </c>
      <c r="W5106" s="83">
        <f>Bühler!N5138</f>
        <v>45504.666666654288</v>
      </c>
      <c r="X5106" s="83">
        <v>43313.666666666664</v>
      </c>
      <c r="Y5106">
        <v>242098.8621</v>
      </c>
      <c r="Z5106">
        <v>35520.304920000002</v>
      </c>
      <c r="AA5106">
        <v>100417.5079</v>
      </c>
      <c r="AB5106">
        <v>35784.733090000002</v>
      </c>
      <c r="AC5106">
        <v>45993.39961</v>
      </c>
      <c r="AD5106">
        <v>34969.368829999999</v>
      </c>
      <c r="AE5106">
        <v>50300.869930000001</v>
      </c>
      <c r="AF5106">
        <v>61029.70246</v>
      </c>
      <c r="AG5106">
        <v>29265.691419999999</v>
      </c>
      <c r="AH5106">
        <v>340986.72389999998</v>
      </c>
      <c r="AI5106">
        <v>88450.106190000006</v>
      </c>
      <c r="AJ5106">
        <v>22718.143960000001</v>
      </c>
      <c r="AK5106">
        <v>32186.025750000001</v>
      </c>
      <c r="AL5106">
        <v>96481.982820000005</v>
      </c>
      <c r="AM5106">
        <v>24631.991849999999</v>
      </c>
      <c r="AN5106">
        <v>102096.14659999999</v>
      </c>
      <c r="AO5106">
        <v>28468.961179999998</v>
      </c>
      <c r="AP5106">
        <v>25619.639739999999</v>
      </c>
    </row>
    <row r="5107" spans="2:42" x14ac:dyDescent="0.3">
      <c r="B5107">
        <v>65.426360287013779</v>
      </c>
      <c r="C5107" s="83">
        <v>43313.708333333336</v>
      </c>
      <c r="D5107">
        <v>232598.23699999999</v>
      </c>
      <c r="E5107">
        <v>33279.809159999997</v>
      </c>
      <c r="F5107">
        <v>99338.672349999993</v>
      </c>
      <c r="G5107">
        <v>34116.307849999997</v>
      </c>
      <c r="H5107">
        <v>44272.770380000002</v>
      </c>
      <c r="I5107">
        <v>34519.8442</v>
      </c>
      <c r="J5107">
        <v>50455.659390000001</v>
      </c>
      <c r="K5107">
        <v>57185.488310000001</v>
      </c>
      <c r="L5107">
        <v>29651.79349</v>
      </c>
      <c r="M5107">
        <v>333574.09580000001</v>
      </c>
      <c r="N5107">
        <v>85203.974870000005</v>
      </c>
      <c r="O5107">
        <v>22022.072749999999</v>
      </c>
      <c r="P5107">
        <v>33969.641810000001</v>
      </c>
      <c r="Q5107">
        <v>95094.505250000002</v>
      </c>
      <c r="R5107">
        <v>25005.20004</v>
      </c>
      <c r="S5107">
        <v>99005.453250000006</v>
      </c>
      <c r="T5107">
        <v>27379.076529999998</v>
      </c>
      <c r="U5107">
        <v>22892.226480000001</v>
      </c>
      <c r="W5107" s="83">
        <f>Bühler!N5139</f>
        <v>45504.708333320952</v>
      </c>
      <c r="X5107" s="83">
        <v>43313.708333333336</v>
      </c>
      <c r="Y5107">
        <v>232598.23699999999</v>
      </c>
      <c r="Z5107">
        <v>33279.809159999997</v>
      </c>
      <c r="AA5107">
        <v>99338.672349999993</v>
      </c>
      <c r="AB5107">
        <v>34116.307849999997</v>
      </c>
      <c r="AC5107">
        <v>44272.770380000002</v>
      </c>
      <c r="AD5107">
        <v>34519.8442</v>
      </c>
      <c r="AE5107">
        <v>50455.659390000001</v>
      </c>
      <c r="AF5107">
        <v>57185.488310000001</v>
      </c>
      <c r="AG5107">
        <v>29651.79349</v>
      </c>
      <c r="AH5107">
        <v>333574.09580000001</v>
      </c>
      <c r="AI5107">
        <v>85203.974870000005</v>
      </c>
      <c r="AJ5107">
        <v>22022.072749999999</v>
      </c>
      <c r="AK5107">
        <v>33969.641810000001</v>
      </c>
      <c r="AL5107">
        <v>95094.505250000002</v>
      </c>
      <c r="AM5107">
        <v>25005.20004</v>
      </c>
      <c r="AN5107">
        <v>99005.453250000006</v>
      </c>
      <c r="AO5107">
        <v>27379.076529999998</v>
      </c>
      <c r="AP5107">
        <v>22892.226480000001</v>
      </c>
    </row>
    <row r="5108" spans="2:42" x14ac:dyDescent="0.3">
      <c r="B5108">
        <v>64.303606518317849</v>
      </c>
      <c r="C5108" s="83">
        <v>43313.75</v>
      </c>
      <c r="D5108">
        <v>226585.163</v>
      </c>
      <c r="E5108">
        <v>29994.097750000001</v>
      </c>
      <c r="F5108">
        <v>97333.305099999998</v>
      </c>
      <c r="G5108">
        <v>32211.416669999999</v>
      </c>
      <c r="H5108">
        <v>42198.761299999998</v>
      </c>
      <c r="I5108">
        <v>33555.19197</v>
      </c>
      <c r="J5108">
        <v>50574.666449999997</v>
      </c>
      <c r="K5108">
        <v>55813.404320000001</v>
      </c>
      <c r="L5108">
        <v>30915.857069999998</v>
      </c>
      <c r="M5108">
        <v>327849.77350000001</v>
      </c>
      <c r="N5108">
        <v>82498.730679999993</v>
      </c>
      <c r="O5108">
        <v>20491.56724</v>
      </c>
      <c r="P5108">
        <v>37450.858200000002</v>
      </c>
      <c r="Q5108">
        <v>94165.628630000007</v>
      </c>
      <c r="R5108">
        <v>23694.40235</v>
      </c>
      <c r="S5108">
        <v>91937.981849999996</v>
      </c>
      <c r="T5108">
        <v>26764.656849999999</v>
      </c>
      <c r="U5108">
        <v>21483.885760000001</v>
      </c>
      <c r="W5108" s="83">
        <f>Bühler!N5140</f>
        <v>45504.749999987616</v>
      </c>
      <c r="X5108" s="83">
        <v>43313.75</v>
      </c>
      <c r="Y5108">
        <v>226585.163</v>
      </c>
      <c r="Z5108">
        <v>29994.097750000001</v>
      </c>
      <c r="AA5108">
        <v>97333.305099999998</v>
      </c>
      <c r="AB5108">
        <v>32211.416669999999</v>
      </c>
      <c r="AC5108">
        <v>42198.761299999998</v>
      </c>
      <c r="AD5108">
        <v>33555.19197</v>
      </c>
      <c r="AE5108">
        <v>50574.666449999997</v>
      </c>
      <c r="AF5108">
        <v>55813.404320000001</v>
      </c>
      <c r="AG5108">
        <v>30915.857069999998</v>
      </c>
      <c r="AH5108">
        <v>327849.77350000001</v>
      </c>
      <c r="AI5108">
        <v>82498.730679999993</v>
      </c>
      <c r="AJ5108">
        <v>20491.56724</v>
      </c>
      <c r="AK5108">
        <v>37450.858200000002</v>
      </c>
      <c r="AL5108">
        <v>94165.628630000007</v>
      </c>
      <c r="AM5108">
        <v>23694.40235</v>
      </c>
      <c r="AN5108">
        <v>91937.981849999996</v>
      </c>
      <c r="AO5108">
        <v>26764.656849999999</v>
      </c>
      <c r="AP5108">
        <v>21483.885760000001</v>
      </c>
    </row>
    <row r="5109" spans="2:42" x14ac:dyDescent="0.3">
      <c r="B5109">
        <v>63.366848348376081</v>
      </c>
      <c r="C5109" s="83">
        <v>43313.791666666664</v>
      </c>
      <c r="D5109">
        <v>220820.84349999999</v>
      </c>
      <c r="E5109">
        <v>24345.250639999998</v>
      </c>
      <c r="F5109">
        <v>87849.235360000006</v>
      </c>
      <c r="G5109">
        <v>31220.783780000002</v>
      </c>
      <c r="H5109">
        <v>39906.402009999998</v>
      </c>
      <c r="I5109">
        <v>32426.231159999999</v>
      </c>
      <c r="J5109">
        <v>50407.080280000002</v>
      </c>
      <c r="K5109">
        <v>54197.633829999999</v>
      </c>
      <c r="L5109">
        <v>31140.066490000001</v>
      </c>
      <c r="M5109">
        <v>323073.74349999998</v>
      </c>
      <c r="N5109">
        <v>80371.240779999993</v>
      </c>
      <c r="O5109">
        <v>19569.215489999999</v>
      </c>
      <c r="P5109">
        <v>40604.972329999997</v>
      </c>
      <c r="Q5109">
        <v>91142.712069999994</v>
      </c>
      <c r="R5109">
        <v>22175.235089999998</v>
      </c>
      <c r="S5109">
        <v>88142.200729999997</v>
      </c>
      <c r="T5109">
        <v>25936.081190000001</v>
      </c>
      <c r="U5109">
        <v>20558.722320000001</v>
      </c>
      <c r="W5109" s="83">
        <f>Bühler!N5141</f>
        <v>45504.791666654281</v>
      </c>
      <c r="X5109" s="83">
        <v>43313.791666666664</v>
      </c>
      <c r="Y5109">
        <v>220820.84349999999</v>
      </c>
      <c r="Z5109">
        <v>24345.250639999998</v>
      </c>
      <c r="AA5109">
        <v>87849.235360000006</v>
      </c>
      <c r="AB5109">
        <v>31220.783780000002</v>
      </c>
      <c r="AC5109">
        <v>39906.402009999998</v>
      </c>
      <c r="AD5109">
        <v>32426.231159999999</v>
      </c>
      <c r="AE5109">
        <v>50407.080280000002</v>
      </c>
      <c r="AF5109">
        <v>54197.633829999999</v>
      </c>
      <c r="AG5109">
        <v>31140.066490000001</v>
      </c>
      <c r="AH5109">
        <v>323073.74349999998</v>
      </c>
      <c r="AI5109">
        <v>80371.240779999993</v>
      </c>
      <c r="AJ5109">
        <v>19569.215489999999</v>
      </c>
      <c r="AK5109">
        <v>40604.972329999997</v>
      </c>
      <c r="AL5109">
        <v>91142.712069999994</v>
      </c>
      <c r="AM5109">
        <v>22175.235089999998</v>
      </c>
      <c r="AN5109">
        <v>88142.200729999997</v>
      </c>
      <c r="AO5109">
        <v>25936.081190000001</v>
      </c>
      <c r="AP5109">
        <v>20558.722320000001</v>
      </c>
    </row>
    <row r="5110" spans="2:42" x14ac:dyDescent="0.3">
      <c r="B5110">
        <v>61.622803707573503</v>
      </c>
      <c r="C5110" s="83">
        <v>43313.833333333336</v>
      </c>
      <c r="D5110">
        <v>212988.11799999999</v>
      </c>
      <c r="E5110">
        <v>17549.23286</v>
      </c>
      <c r="F5110">
        <v>73607.155580000006</v>
      </c>
      <c r="G5110">
        <v>29588.914830000002</v>
      </c>
      <c r="H5110">
        <v>37199.643799999998</v>
      </c>
      <c r="I5110">
        <v>29967.885979999999</v>
      </c>
      <c r="J5110">
        <v>49063.553910000002</v>
      </c>
      <c r="K5110">
        <v>55513.71542</v>
      </c>
      <c r="L5110">
        <v>31420.51367</v>
      </c>
      <c r="M5110">
        <v>314181.79060000001</v>
      </c>
      <c r="N5110">
        <v>76912.251669999998</v>
      </c>
      <c r="O5110">
        <v>17941.084169999998</v>
      </c>
      <c r="P5110">
        <v>40543.519740000003</v>
      </c>
      <c r="Q5110">
        <v>87883.704429999998</v>
      </c>
      <c r="R5110">
        <v>20978.201679999998</v>
      </c>
      <c r="S5110">
        <v>80126.752250000005</v>
      </c>
      <c r="T5110">
        <v>24353.992750000001</v>
      </c>
      <c r="U5110">
        <v>19961.719140000001</v>
      </c>
      <c r="W5110" s="83">
        <f>Bühler!N5142</f>
        <v>45504.833333320945</v>
      </c>
      <c r="X5110" s="83">
        <v>43313.833333333336</v>
      </c>
      <c r="Y5110">
        <v>212988.11799999999</v>
      </c>
      <c r="Z5110">
        <v>17549.23286</v>
      </c>
      <c r="AA5110">
        <v>73607.155580000006</v>
      </c>
      <c r="AB5110">
        <v>29588.914830000002</v>
      </c>
      <c r="AC5110">
        <v>37199.643799999998</v>
      </c>
      <c r="AD5110">
        <v>29967.885979999999</v>
      </c>
      <c r="AE5110">
        <v>49063.553910000002</v>
      </c>
      <c r="AF5110">
        <v>55513.71542</v>
      </c>
      <c r="AG5110">
        <v>31420.51367</v>
      </c>
      <c r="AH5110">
        <v>314181.79060000001</v>
      </c>
      <c r="AI5110">
        <v>76912.251669999998</v>
      </c>
      <c r="AJ5110">
        <v>17941.084169999998</v>
      </c>
      <c r="AK5110">
        <v>40543.519740000003</v>
      </c>
      <c r="AL5110">
        <v>87883.704429999998</v>
      </c>
      <c r="AM5110">
        <v>20978.201679999998</v>
      </c>
      <c r="AN5110">
        <v>80126.752250000005</v>
      </c>
      <c r="AO5110">
        <v>24353.992750000001</v>
      </c>
      <c r="AP5110">
        <v>19961.719140000001</v>
      </c>
    </row>
    <row r="5111" spans="2:42" x14ac:dyDescent="0.3">
      <c r="B5111">
        <v>59.998783473907686</v>
      </c>
      <c r="C5111" s="83">
        <v>43313.875</v>
      </c>
      <c r="D5111">
        <v>207222.30470000001</v>
      </c>
      <c r="E5111">
        <v>15197.85759</v>
      </c>
      <c r="F5111">
        <v>64921.903120000003</v>
      </c>
      <c r="G5111">
        <v>29080.53744</v>
      </c>
      <c r="H5111">
        <v>36148.803870000003</v>
      </c>
      <c r="I5111">
        <v>27876.97651</v>
      </c>
      <c r="J5111">
        <v>48934.303140000004</v>
      </c>
      <c r="K5111">
        <v>53830.388319999998</v>
      </c>
      <c r="L5111">
        <v>29968.703369999999</v>
      </c>
      <c r="M5111">
        <v>305901.7781</v>
      </c>
      <c r="N5111">
        <v>74919.080100000006</v>
      </c>
      <c r="O5111">
        <v>17630.882590000001</v>
      </c>
      <c r="P5111">
        <v>38273.279020000002</v>
      </c>
      <c r="Q5111">
        <v>85894.58253</v>
      </c>
      <c r="R5111">
        <v>20096.75261</v>
      </c>
      <c r="S5111">
        <v>77266.75404</v>
      </c>
      <c r="T5111">
        <v>23461.25491</v>
      </c>
      <c r="U5111">
        <v>19620.5622</v>
      </c>
      <c r="W5111" s="83">
        <f>Bühler!N5143</f>
        <v>45504.874999987609</v>
      </c>
      <c r="X5111" s="83">
        <v>43313.875</v>
      </c>
      <c r="Y5111">
        <v>207222.30470000001</v>
      </c>
      <c r="Z5111">
        <v>15197.85759</v>
      </c>
      <c r="AA5111">
        <v>64921.903120000003</v>
      </c>
      <c r="AB5111">
        <v>29080.53744</v>
      </c>
      <c r="AC5111">
        <v>36148.803870000003</v>
      </c>
      <c r="AD5111">
        <v>27876.97651</v>
      </c>
      <c r="AE5111">
        <v>48934.303140000004</v>
      </c>
      <c r="AF5111">
        <v>53830.388319999998</v>
      </c>
      <c r="AG5111">
        <v>29968.703369999999</v>
      </c>
      <c r="AH5111">
        <v>305901.7781</v>
      </c>
      <c r="AI5111">
        <v>74919.080100000006</v>
      </c>
      <c r="AJ5111">
        <v>17630.882590000001</v>
      </c>
      <c r="AK5111">
        <v>38273.279020000002</v>
      </c>
      <c r="AL5111">
        <v>85894.58253</v>
      </c>
      <c r="AM5111">
        <v>20096.75261</v>
      </c>
      <c r="AN5111">
        <v>77266.75404</v>
      </c>
      <c r="AO5111">
        <v>23461.25491</v>
      </c>
      <c r="AP5111">
        <v>19620.5622</v>
      </c>
    </row>
    <row r="5112" spans="2:42" x14ac:dyDescent="0.3">
      <c r="B5112">
        <v>59.642040822684784</v>
      </c>
      <c r="C5112" s="83">
        <v>43313.916666666664</v>
      </c>
      <c r="D5112">
        <v>205766.13949999999</v>
      </c>
      <c r="E5112">
        <v>14327.09822</v>
      </c>
      <c r="F5112">
        <v>62039.547310000002</v>
      </c>
      <c r="G5112">
        <v>29361.815750000002</v>
      </c>
      <c r="H5112">
        <v>36853.684370000003</v>
      </c>
      <c r="I5112">
        <v>26931.747139999999</v>
      </c>
      <c r="J5112">
        <v>48194.618060000001</v>
      </c>
      <c r="K5112">
        <v>56634.860540000001</v>
      </c>
      <c r="L5112">
        <v>26827.240450000001</v>
      </c>
      <c r="M5112">
        <v>304082.93770000001</v>
      </c>
      <c r="N5112">
        <v>74949.533869999999</v>
      </c>
      <c r="O5112">
        <v>17795.799869999999</v>
      </c>
      <c r="P5112">
        <v>40027.972750000001</v>
      </c>
      <c r="Q5112">
        <v>85240.584730000002</v>
      </c>
      <c r="R5112">
        <v>21385.462009999999</v>
      </c>
      <c r="S5112">
        <v>76828.852459999995</v>
      </c>
      <c r="T5112">
        <v>21185.740870000001</v>
      </c>
      <c r="U5112">
        <v>20014.633229999999</v>
      </c>
      <c r="W5112" s="83">
        <f>Bühler!N5144</f>
        <v>45504.916666654273</v>
      </c>
      <c r="X5112" s="83">
        <v>43313.916666666664</v>
      </c>
      <c r="Y5112">
        <v>205766.13949999999</v>
      </c>
      <c r="Z5112">
        <v>14327.09822</v>
      </c>
      <c r="AA5112">
        <v>62039.547310000002</v>
      </c>
      <c r="AB5112">
        <v>29361.815750000002</v>
      </c>
      <c r="AC5112">
        <v>36853.684370000003</v>
      </c>
      <c r="AD5112">
        <v>26931.747139999999</v>
      </c>
      <c r="AE5112">
        <v>48194.618060000001</v>
      </c>
      <c r="AF5112">
        <v>56634.860540000001</v>
      </c>
      <c r="AG5112">
        <v>26827.240450000001</v>
      </c>
      <c r="AH5112">
        <v>304082.93770000001</v>
      </c>
      <c r="AI5112">
        <v>74949.533869999999</v>
      </c>
      <c r="AJ5112">
        <v>17795.799869999999</v>
      </c>
      <c r="AK5112">
        <v>40027.972750000001</v>
      </c>
      <c r="AL5112">
        <v>85240.584730000002</v>
      </c>
      <c r="AM5112">
        <v>21385.462009999999</v>
      </c>
      <c r="AN5112">
        <v>76828.852459999995</v>
      </c>
      <c r="AO5112">
        <v>21185.740870000001</v>
      </c>
      <c r="AP5112">
        <v>20014.633229999999</v>
      </c>
    </row>
    <row r="5113" spans="2:42" x14ac:dyDescent="0.3">
      <c r="B5113">
        <v>59.278029377766984</v>
      </c>
      <c r="C5113" s="83">
        <v>43313.958333333336</v>
      </c>
      <c r="D5113">
        <v>204408.9871</v>
      </c>
      <c r="E5113">
        <v>13616.51072</v>
      </c>
      <c r="F5113">
        <v>60840.935669999999</v>
      </c>
      <c r="G5113">
        <v>29567.329730000001</v>
      </c>
      <c r="H5113">
        <v>36040.669710000002</v>
      </c>
      <c r="I5113">
        <v>25876.882150000001</v>
      </c>
      <c r="J5113">
        <v>43273.612609999996</v>
      </c>
      <c r="K5113">
        <v>55620.00866</v>
      </c>
      <c r="L5113">
        <v>22285.062040000001</v>
      </c>
      <c r="M5113">
        <v>302227.03759999998</v>
      </c>
      <c r="N5113">
        <v>74080.794580000002</v>
      </c>
      <c r="O5113">
        <v>17200.653859999999</v>
      </c>
      <c r="P5113">
        <v>35088.096519999999</v>
      </c>
      <c r="Q5113">
        <v>84910.351540000003</v>
      </c>
      <c r="R5113">
        <v>21534.089489999998</v>
      </c>
      <c r="S5113">
        <v>74923.340809999994</v>
      </c>
      <c r="T5113">
        <v>19433.364580000001</v>
      </c>
      <c r="U5113">
        <v>19373.929929999998</v>
      </c>
      <c r="W5113" s="83">
        <f>Bühler!N5145</f>
        <v>45504.958333320938</v>
      </c>
      <c r="X5113" s="83">
        <v>43313.958333333336</v>
      </c>
      <c r="Y5113">
        <v>204408.9871</v>
      </c>
      <c r="Z5113">
        <v>13616.51072</v>
      </c>
      <c r="AA5113">
        <v>60840.935669999999</v>
      </c>
      <c r="AB5113">
        <v>29567.329730000001</v>
      </c>
      <c r="AC5113">
        <v>36040.669710000002</v>
      </c>
      <c r="AD5113">
        <v>25876.882150000001</v>
      </c>
      <c r="AE5113">
        <v>43273.612609999996</v>
      </c>
      <c r="AF5113">
        <v>55620.00866</v>
      </c>
      <c r="AG5113">
        <v>22285.062040000001</v>
      </c>
      <c r="AH5113">
        <v>302227.03759999998</v>
      </c>
      <c r="AI5113">
        <v>74080.794580000002</v>
      </c>
      <c r="AJ5113">
        <v>17200.653859999999</v>
      </c>
      <c r="AK5113">
        <v>35088.096519999999</v>
      </c>
      <c r="AL5113">
        <v>84910.351540000003</v>
      </c>
      <c r="AM5113">
        <v>21534.089489999998</v>
      </c>
      <c r="AN5113">
        <v>74923.340809999994</v>
      </c>
      <c r="AO5113">
        <v>19433.364580000001</v>
      </c>
      <c r="AP5113">
        <v>19373.929929999998</v>
      </c>
    </row>
    <row r="5114" spans="2:42" x14ac:dyDescent="0.3">
      <c r="B5114">
        <v>58.273498219474483</v>
      </c>
      <c r="C5114" s="83">
        <v>43314</v>
      </c>
      <c r="D5114">
        <v>202738.41409999999</v>
      </c>
      <c r="E5114">
        <v>13346.946309999999</v>
      </c>
      <c r="F5114">
        <v>59054.208700000003</v>
      </c>
      <c r="G5114">
        <v>29082.065470000001</v>
      </c>
      <c r="H5114">
        <v>35445.352830000003</v>
      </c>
      <c r="I5114">
        <v>24313.210179999998</v>
      </c>
      <c r="J5114">
        <v>39127.142610000003</v>
      </c>
      <c r="K5114">
        <v>53043.193270000003</v>
      </c>
      <c r="L5114">
        <v>19753.01021</v>
      </c>
      <c r="M5114">
        <v>297105.4693</v>
      </c>
      <c r="N5114">
        <v>72999.888149999999</v>
      </c>
      <c r="O5114">
        <v>17347.196100000001</v>
      </c>
      <c r="P5114">
        <v>31116.72077</v>
      </c>
      <c r="Q5114">
        <v>83965.94872</v>
      </c>
      <c r="R5114">
        <v>17734.781210000001</v>
      </c>
      <c r="S5114">
        <v>73287.063219999996</v>
      </c>
      <c r="T5114">
        <v>18246.387770000001</v>
      </c>
      <c r="U5114">
        <v>19074.751530000001</v>
      </c>
      <c r="W5114" s="83">
        <f>Bühler!N5146</f>
        <v>45504.999999987602</v>
      </c>
      <c r="X5114" s="83">
        <v>43314</v>
      </c>
      <c r="Y5114">
        <v>202738.41409999999</v>
      </c>
      <c r="Z5114">
        <v>13346.946309999999</v>
      </c>
      <c r="AA5114">
        <v>59054.208700000003</v>
      </c>
      <c r="AB5114">
        <v>29082.065470000001</v>
      </c>
      <c r="AC5114">
        <v>35445.352830000003</v>
      </c>
      <c r="AD5114">
        <v>24313.210179999998</v>
      </c>
      <c r="AE5114">
        <v>39127.142610000003</v>
      </c>
      <c r="AF5114">
        <v>53043.193270000003</v>
      </c>
      <c r="AG5114">
        <v>19753.01021</v>
      </c>
      <c r="AH5114">
        <v>297105.4693</v>
      </c>
      <c r="AI5114">
        <v>72999.888149999999</v>
      </c>
      <c r="AJ5114">
        <v>17347.196100000001</v>
      </c>
      <c r="AK5114">
        <v>31116.72077</v>
      </c>
      <c r="AL5114">
        <v>83965.94872</v>
      </c>
      <c r="AM5114">
        <v>17734.781210000001</v>
      </c>
      <c r="AN5114">
        <v>73287.063219999996</v>
      </c>
      <c r="AO5114">
        <v>18246.387770000001</v>
      </c>
      <c r="AP5114">
        <v>19074.751530000001</v>
      </c>
    </row>
    <row r="5115" spans="2:42" x14ac:dyDescent="0.3">
      <c r="B5115">
        <v>57.410622777148319</v>
      </c>
      <c r="C5115" s="83">
        <v>43314.041666666664</v>
      </c>
      <c r="D5115">
        <v>202018.23639999999</v>
      </c>
      <c r="E5115">
        <v>12748.72221</v>
      </c>
      <c r="F5115">
        <v>57683.340409999997</v>
      </c>
      <c r="G5115">
        <v>28641.971369999999</v>
      </c>
      <c r="H5115">
        <v>34685.542159999997</v>
      </c>
      <c r="I5115">
        <v>21166.630450000001</v>
      </c>
      <c r="J5115">
        <v>37499.756820000002</v>
      </c>
      <c r="K5115">
        <v>51628.528989999999</v>
      </c>
      <c r="L5115">
        <v>18869.542160000001</v>
      </c>
      <c r="M5115">
        <v>292706.12790000002</v>
      </c>
      <c r="N5115">
        <v>71795.903990000006</v>
      </c>
      <c r="O5115">
        <v>17196.476180000001</v>
      </c>
      <c r="P5115">
        <v>28316.046409999999</v>
      </c>
      <c r="Q5115">
        <v>83557.550990000003</v>
      </c>
      <c r="R5115">
        <v>15338.99985</v>
      </c>
      <c r="S5115">
        <v>72128.176349999994</v>
      </c>
      <c r="T5115">
        <v>17733.031620000002</v>
      </c>
      <c r="U5115">
        <v>18742.790980000002</v>
      </c>
      <c r="W5115" s="83">
        <f>Bühler!N5147</f>
        <v>45505.041666654266</v>
      </c>
      <c r="X5115" s="83">
        <v>43314.041666666664</v>
      </c>
      <c r="Y5115">
        <v>202018.23639999999</v>
      </c>
      <c r="Z5115">
        <v>12748.72221</v>
      </c>
      <c r="AA5115">
        <v>57683.340409999997</v>
      </c>
      <c r="AB5115">
        <v>28641.971369999999</v>
      </c>
      <c r="AC5115">
        <v>34685.542159999997</v>
      </c>
      <c r="AD5115">
        <v>21166.630450000001</v>
      </c>
      <c r="AE5115">
        <v>37499.756820000002</v>
      </c>
      <c r="AF5115">
        <v>51628.528989999999</v>
      </c>
      <c r="AG5115">
        <v>18869.542160000001</v>
      </c>
      <c r="AH5115">
        <v>292706.12790000002</v>
      </c>
      <c r="AI5115">
        <v>71795.903990000006</v>
      </c>
      <c r="AJ5115">
        <v>17196.476180000001</v>
      </c>
      <c r="AK5115">
        <v>28316.046409999999</v>
      </c>
      <c r="AL5115">
        <v>83557.550990000003</v>
      </c>
      <c r="AM5115">
        <v>15338.99985</v>
      </c>
      <c r="AN5115">
        <v>72128.176349999994</v>
      </c>
      <c r="AO5115">
        <v>17733.031620000002</v>
      </c>
      <c r="AP5115">
        <v>18742.790980000002</v>
      </c>
    </row>
    <row r="5116" spans="2:42" x14ac:dyDescent="0.3">
      <c r="B5116">
        <v>57.279104560683479</v>
      </c>
      <c r="C5116" s="83">
        <v>43314.083333333336</v>
      </c>
      <c r="D5116">
        <v>202215.95110000001</v>
      </c>
      <c r="E5116">
        <v>12628.47257</v>
      </c>
      <c r="F5116">
        <v>58404.77749</v>
      </c>
      <c r="G5116">
        <v>27969.272400000002</v>
      </c>
      <c r="H5116">
        <v>34319.210919999998</v>
      </c>
      <c r="I5116">
        <v>19538.07893</v>
      </c>
      <c r="J5116">
        <v>36885.421719999998</v>
      </c>
      <c r="K5116">
        <v>49724.354859999999</v>
      </c>
      <c r="L5116">
        <v>17519.65178</v>
      </c>
      <c r="M5116">
        <v>292035.58669999999</v>
      </c>
      <c r="N5116">
        <v>70512.230850000007</v>
      </c>
      <c r="O5116">
        <v>17365.821380000001</v>
      </c>
      <c r="P5116">
        <v>26127.653579999998</v>
      </c>
      <c r="Q5116">
        <v>85594.170939999996</v>
      </c>
      <c r="R5116">
        <v>15672.671399999999</v>
      </c>
      <c r="S5116">
        <v>71157.845480000004</v>
      </c>
      <c r="T5116">
        <v>17412.492920000001</v>
      </c>
      <c r="U5116">
        <v>18285.443749999999</v>
      </c>
      <c r="W5116" s="83">
        <f>Bühler!N5148</f>
        <v>45505.08333332093</v>
      </c>
      <c r="X5116" s="83">
        <v>43314.083333333336</v>
      </c>
      <c r="Y5116">
        <v>202215.95110000001</v>
      </c>
      <c r="Z5116">
        <v>12628.47257</v>
      </c>
      <c r="AA5116">
        <v>58404.77749</v>
      </c>
      <c r="AB5116">
        <v>27969.272400000002</v>
      </c>
      <c r="AC5116">
        <v>34319.210919999998</v>
      </c>
      <c r="AD5116">
        <v>19538.07893</v>
      </c>
      <c r="AE5116">
        <v>36885.421719999998</v>
      </c>
      <c r="AF5116">
        <v>49724.354859999999</v>
      </c>
      <c r="AG5116">
        <v>17519.65178</v>
      </c>
      <c r="AH5116">
        <v>292035.58669999999</v>
      </c>
      <c r="AI5116">
        <v>70512.230850000007</v>
      </c>
      <c r="AJ5116">
        <v>17365.821380000001</v>
      </c>
      <c r="AK5116">
        <v>26127.653579999998</v>
      </c>
      <c r="AL5116">
        <v>85594.170939999996</v>
      </c>
      <c r="AM5116">
        <v>15672.671399999999</v>
      </c>
      <c r="AN5116">
        <v>71157.845480000004</v>
      </c>
      <c r="AO5116">
        <v>17412.492920000001</v>
      </c>
      <c r="AP5116">
        <v>18285.443749999999</v>
      </c>
    </row>
    <row r="5117" spans="2:42" x14ac:dyDescent="0.3">
      <c r="B5117">
        <v>58.161361674550129</v>
      </c>
      <c r="C5117" s="83">
        <v>43314.125</v>
      </c>
      <c r="D5117">
        <v>202142.12239999999</v>
      </c>
      <c r="E5117">
        <v>12571.89085</v>
      </c>
      <c r="F5117">
        <v>59587.952100000002</v>
      </c>
      <c r="G5117">
        <v>27038.373889999999</v>
      </c>
      <c r="H5117">
        <v>34431.840920000002</v>
      </c>
      <c r="I5117">
        <v>18966.230680000001</v>
      </c>
      <c r="J5117">
        <v>36795.842420000001</v>
      </c>
      <c r="K5117">
        <v>48423.688560000002</v>
      </c>
      <c r="L5117">
        <v>16993.31928</v>
      </c>
      <c r="M5117">
        <v>296533.74489999999</v>
      </c>
      <c r="N5117">
        <v>70097.077160000001</v>
      </c>
      <c r="O5117">
        <v>17418.116389999999</v>
      </c>
      <c r="P5117">
        <v>25668.459269999999</v>
      </c>
      <c r="Q5117">
        <v>88224.351609999998</v>
      </c>
      <c r="R5117">
        <v>14954.50958</v>
      </c>
      <c r="S5117">
        <v>70606.984460000007</v>
      </c>
      <c r="T5117">
        <v>17155.758229999999</v>
      </c>
      <c r="U5117">
        <v>17958.540779999999</v>
      </c>
      <c r="W5117" s="83">
        <f>Bühler!N5149</f>
        <v>45505.124999987594</v>
      </c>
      <c r="X5117" s="83">
        <v>43314.125</v>
      </c>
      <c r="Y5117">
        <v>202142.12239999999</v>
      </c>
      <c r="Z5117">
        <v>12571.89085</v>
      </c>
      <c r="AA5117">
        <v>59587.952100000002</v>
      </c>
      <c r="AB5117">
        <v>27038.373889999999</v>
      </c>
      <c r="AC5117">
        <v>34431.840920000002</v>
      </c>
      <c r="AD5117">
        <v>18966.230680000001</v>
      </c>
      <c r="AE5117">
        <v>36795.842420000001</v>
      </c>
      <c r="AF5117">
        <v>48423.688560000002</v>
      </c>
      <c r="AG5117">
        <v>16993.31928</v>
      </c>
      <c r="AH5117">
        <v>296533.74489999999</v>
      </c>
      <c r="AI5117">
        <v>70097.077160000001</v>
      </c>
      <c r="AJ5117">
        <v>17418.116389999999</v>
      </c>
      <c r="AK5117">
        <v>25668.459269999999</v>
      </c>
      <c r="AL5117">
        <v>88224.351609999998</v>
      </c>
      <c r="AM5117">
        <v>14954.50958</v>
      </c>
      <c r="AN5117">
        <v>70606.984460000007</v>
      </c>
      <c r="AO5117">
        <v>17155.758229999999</v>
      </c>
      <c r="AP5117">
        <v>17958.540779999999</v>
      </c>
    </row>
    <row r="5118" spans="2:42" x14ac:dyDescent="0.3">
      <c r="B5118">
        <v>59.512957671819542</v>
      </c>
      <c r="C5118" s="83">
        <v>43314.166666666664</v>
      </c>
      <c r="D5118">
        <v>203956.99710000001</v>
      </c>
      <c r="E5118">
        <v>13219.84396</v>
      </c>
      <c r="F5118">
        <v>62899.762390000004</v>
      </c>
      <c r="G5118">
        <v>26749.714449999999</v>
      </c>
      <c r="H5118">
        <v>34552.831200000001</v>
      </c>
      <c r="I5118">
        <v>20137.665369999999</v>
      </c>
      <c r="J5118">
        <v>38926.548069999997</v>
      </c>
      <c r="K5118">
        <v>48274.377869999997</v>
      </c>
      <c r="L5118">
        <v>16763.359840000001</v>
      </c>
      <c r="M5118">
        <v>303424.81160000002</v>
      </c>
      <c r="N5118">
        <v>69433.66433</v>
      </c>
      <c r="O5118">
        <v>17033.792280000001</v>
      </c>
      <c r="P5118">
        <v>25298.52793</v>
      </c>
      <c r="Q5118">
        <v>92189.582729999995</v>
      </c>
      <c r="R5118">
        <v>14930.316290000001</v>
      </c>
      <c r="S5118">
        <v>70618.685429999998</v>
      </c>
      <c r="T5118">
        <v>17135.90639</v>
      </c>
      <c r="U5118">
        <v>17999.503570000001</v>
      </c>
      <c r="W5118" s="83">
        <f>Bühler!N5150</f>
        <v>45505.166666654259</v>
      </c>
      <c r="X5118" s="83">
        <v>43314.166666666664</v>
      </c>
      <c r="Y5118">
        <v>203956.99710000001</v>
      </c>
      <c r="Z5118">
        <v>13219.84396</v>
      </c>
      <c r="AA5118">
        <v>62899.762390000004</v>
      </c>
      <c r="AB5118">
        <v>26749.714449999999</v>
      </c>
      <c r="AC5118">
        <v>34552.831200000001</v>
      </c>
      <c r="AD5118">
        <v>20137.665369999999</v>
      </c>
      <c r="AE5118">
        <v>38926.548069999997</v>
      </c>
      <c r="AF5118">
        <v>48274.377869999997</v>
      </c>
      <c r="AG5118">
        <v>16763.359840000001</v>
      </c>
      <c r="AH5118">
        <v>303424.81160000002</v>
      </c>
      <c r="AI5118">
        <v>69433.66433</v>
      </c>
      <c r="AJ5118">
        <v>17033.792280000001</v>
      </c>
      <c r="AK5118">
        <v>25298.52793</v>
      </c>
      <c r="AL5118">
        <v>92189.582729999995</v>
      </c>
      <c r="AM5118">
        <v>14930.316290000001</v>
      </c>
      <c r="AN5118">
        <v>70618.685429999998</v>
      </c>
      <c r="AO5118">
        <v>17135.90639</v>
      </c>
      <c r="AP5118">
        <v>17999.503570000001</v>
      </c>
    </row>
    <row r="5119" spans="2:42" x14ac:dyDescent="0.3">
      <c r="B5119">
        <v>62.045254588983823</v>
      </c>
      <c r="C5119" s="83">
        <v>43314.208333333336</v>
      </c>
      <c r="D5119">
        <v>216430.6684</v>
      </c>
      <c r="E5119">
        <v>14900.30774</v>
      </c>
      <c r="F5119">
        <v>71456.018249999994</v>
      </c>
      <c r="G5119">
        <v>27196.568370000001</v>
      </c>
      <c r="H5119">
        <v>35860.432209999999</v>
      </c>
      <c r="I5119">
        <v>25737.904429999999</v>
      </c>
      <c r="J5119">
        <v>42067.004690000002</v>
      </c>
      <c r="K5119">
        <v>48572.97064</v>
      </c>
      <c r="L5119">
        <v>17589.760600000001</v>
      </c>
      <c r="M5119">
        <v>316335.6422</v>
      </c>
      <c r="N5119">
        <v>70726.845260000002</v>
      </c>
      <c r="O5119">
        <v>17436.840840000001</v>
      </c>
      <c r="P5119">
        <v>26511.24092</v>
      </c>
      <c r="Q5119">
        <v>93810.309410000002</v>
      </c>
      <c r="R5119">
        <v>17050.326529999998</v>
      </c>
      <c r="S5119">
        <v>72921.213610000006</v>
      </c>
      <c r="T5119">
        <v>17849.776880000001</v>
      </c>
      <c r="U5119">
        <v>20028.44413</v>
      </c>
      <c r="W5119" s="83">
        <f>Bühler!N5151</f>
        <v>45505.208333320923</v>
      </c>
      <c r="X5119" s="83">
        <v>43314.208333333336</v>
      </c>
      <c r="Y5119">
        <v>216430.6684</v>
      </c>
      <c r="Z5119">
        <v>14900.30774</v>
      </c>
      <c r="AA5119">
        <v>71456.018249999994</v>
      </c>
      <c r="AB5119">
        <v>27196.568370000001</v>
      </c>
      <c r="AC5119">
        <v>35860.432209999999</v>
      </c>
      <c r="AD5119">
        <v>25737.904429999999</v>
      </c>
      <c r="AE5119">
        <v>42067.004690000002</v>
      </c>
      <c r="AF5119">
        <v>48572.97064</v>
      </c>
      <c r="AG5119">
        <v>17589.760600000001</v>
      </c>
      <c r="AH5119">
        <v>316335.6422</v>
      </c>
      <c r="AI5119">
        <v>70726.845260000002</v>
      </c>
      <c r="AJ5119">
        <v>17436.840840000001</v>
      </c>
      <c r="AK5119">
        <v>26511.24092</v>
      </c>
      <c r="AL5119">
        <v>93810.309410000002</v>
      </c>
      <c r="AM5119">
        <v>17050.326529999998</v>
      </c>
      <c r="AN5119">
        <v>72921.213610000006</v>
      </c>
      <c r="AO5119">
        <v>17849.776880000001</v>
      </c>
      <c r="AP5119">
        <v>20028.44413</v>
      </c>
    </row>
    <row r="5120" spans="2:42" x14ac:dyDescent="0.3">
      <c r="B5120">
        <v>65.180841867151088</v>
      </c>
      <c r="C5120" s="83">
        <v>43314.25</v>
      </c>
      <c r="D5120">
        <v>228960.75409999999</v>
      </c>
      <c r="E5120">
        <v>18641.13334</v>
      </c>
      <c r="F5120">
        <v>81961.277830000006</v>
      </c>
      <c r="G5120">
        <v>28128.69328</v>
      </c>
      <c r="H5120">
        <v>37426.705620000001</v>
      </c>
      <c r="I5120">
        <v>29096.979719999999</v>
      </c>
      <c r="J5120">
        <v>43891.005499999999</v>
      </c>
      <c r="K5120">
        <v>49974.983590000003</v>
      </c>
      <c r="L5120">
        <v>18827.660329999999</v>
      </c>
      <c r="M5120">
        <v>332322.3284</v>
      </c>
      <c r="N5120">
        <v>71794.018580000004</v>
      </c>
      <c r="O5120">
        <v>17812.47235</v>
      </c>
      <c r="P5120">
        <v>27507.994009999999</v>
      </c>
      <c r="Q5120">
        <v>94991.602870000002</v>
      </c>
      <c r="R5120">
        <v>17268.864239999999</v>
      </c>
      <c r="S5120">
        <v>79983.228470000002</v>
      </c>
      <c r="T5120">
        <v>19787.323649999998</v>
      </c>
      <c r="U5120">
        <v>22347.8439</v>
      </c>
      <c r="W5120" s="83">
        <f>Bühler!N5152</f>
        <v>45505.249999987587</v>
      </c>
      <c r="X5120" s="83">
        <v>43314.25</v>
      </c>
      <c r="Y5120">
        <v>228960.75409999999</v>
      </c>
      <c r="Z5120">
        <v>18641.13334</v>
      </c>
      <c r="AA5120">
        <v>81961.277830000006</v>
      </c>
      <c r="AB5120">
        <v>28128.69328</v>
      </c>
      <c r="AC5120">
        <v>37426.705620000001</v>
      </c>
      <c r="AD5120">
        <v>29096.979719999999</v>
      </c>
      <c r="AE5120">
        <v>43891.005499999999</v>
      </c>
      <c r="AF5120">
        <v>49974.983590000003</v>
      </c>
      <c r="AG5120">
        <v>18827.660329999999</v>
      </c>
      <c r="AH5120">
        <v>332322.3284</v>
      </c>
      <c r="AI5120">
        <v>71794.018580000004</v>
      </c>
      <c r="AJ5120">
        <v>17812.47235</v>
      </c>
      <c r="AK5120">
        <v>27507.994009999999</v>
      </c>
      <c r="AL5120">
        <v>94991.602870000002</v>
      </c>
      <c r="AM5120">
        <v>17268.864239999999</v>
      </c>
      <c r="AN5120">
        <v>79983.228470000002</v>
      </c>
      <c r="AO5120">
        <v>19787.323649999998</v>
      </c>
      <c r="AP5120">
        <v>22347.8439</v>
      </c>
    </row>
    <row r="5121" spans="2:42" x14ac:dyDescent="0.3">
      <c r="B5121">
        <v>66.427130078904355</v>
      </c>
      <c r="C5121" s="83">
        <v>43314.291666666664</v>
      </c>
      <c r="D5121">
        <v>239158.12270000001</v>
      </c>
      <c r="E5121">
        <v>23042.252919999999</v>
      </c>
      <c r="F5121">
        <v>84975.256380000006</v>
      </c>
      <c r="G5121">
        <v>29999.11421</v>
      </c>
      <c r="H5121">
        <v>40880.965109999997</v>
      </c>
      <c r="I5121">
        <v>32455.44065</v>
      </c>
      <c r="J5121">
        <v>44783.129229999999</v>
      </c>
      <c r="K5121">
        <v>53518.800029999999</v>
      </c>
      <c r="L5121">
        <v>21349.317760000002</v>
      </c>
      <c r="M5121">
        <v>338676.48690000002</v>
      </c>
      <c r="N5121">
        <v>76634.064490000004</v>
      </c>
      <c r="O5121">
        <v>20016.400460000001</v>
      </c>
      <c r="P5121">
        <v>30618.836660000001</v>
      </c>
      <c r="Q5121">
        <v>94057.98272</v>
      </c>
      <c r="R5121">
        <v>17307.662850000001</v>
      </c>
      <c r="S5121">
        <v>91199.549979999996</v>
      </c>
      <c r="T5121">
        <v>21557.553599999999</v>
      </c>
      <c r="U5121">
        <v>25531.646809999998</v>
      </c>
      <c r="W5121" s="83">
        <f>Bühler!N5153</f>
        <v>45505.291666654251</v>
      </c>
      <c r="X5121" s="83">
        <v>43314.291666666664</v>
      </c>
      <c r="Y5121">
        <v>239158.12270000001</v>
      </c>
      <c r="Z5121">
        <v>23042.252919999999</v>
      </c>
      <c r="AA5121">
        <v>84975.256380000006</v>
      </c>
      <c r="AB5121">
        <v>29999.11421</v>
      </c>
      <c r="AC5121">
        <v>40880.965109999997</v>
      </c>
      <c r="AD5121">
        <v>32455.44065</v>
      </c>
      <c r="AE5121">
        <v>44783.129229999999</v>
      </c>
      <c r="AF5121">
        <v>53518.800029999999</v>
      </c>
      <c r="AG5121">
        <v>21349.317760000002</v>
      </c>
      <c r="AH5121">
        <v>338676.48690000002</v>
      </c>
      <c r="AI5121">
        <v>76634.064490000004</v>
      </c>
      <c r="AJ5121">
        <v>20016.400460000001</v>
      </c>
      <c r="AK5121">
        <v>30618.836660000001</v>
      </c>
      <c r="AL5121">
        <v>94057.98272</v>
      </c>
      <c r="AM5121">
        <v>17307.662850000001</v>
      </c>
      <c r="AN5121">
        <v>91199.549979999996</v>
      </c>
      <c r="AO5121">
        <v>21557.553599999999</v>
      </c>
      <c r="AP5121">
        <v>25531.646809999998</v>
      </c>
    </row>
    <row r="5122" spans="2:42" x14ac:dyDescent="0.3">
      <c r="B5122">
        <v>67.713163870290529</v>
      </c>
      <c r="C5122" s="83">
        <v>43314.333333333336</v>
      </c>
      <c r="D5122">
        <v>248688.83350000001</v>
      </c>
      <c r="E5122">
        <v>28349.214360000002</v>
      </c>
      <c r="F5122">
        <v>91456.882830000002</v>
      </c>
      <c r="G5122">
        <v>32557.024669999999</v>
      </c>
      <c r="H5122">
        <v>44680.182289999997</v>
      </c>
      <c r="I5122">
        <v>35336.35886</v>
      </c>
      <c r="J5122">
        <v>47815.062189999997</v>
      </c>
      <c r="K5122">
        <v>60078.229800000001</v>
      </c>
      <c r="L5122">
        <v>24761.31911</v>
      </c>
      <c r="M5122">
        <v>345233.28690000001</v>
      </c>
      <c r="N5122">
        <v>85511.394130000001</v>
      </c>
      <c r="O5122">
        <v>22800.26009</v>
      </c>
      <c r="P5122">
        <v>33717.246859999999</v>
      </c>
      <c r="Q5122">
        <v>95382.834289999999</v>
      </c>
      <c r="R5122">
        <v>19197.14186</v>
      </c>
      <c r="S5122">
        <v>102252.98510000001</v>
      </c>
      <c r="T5122">
        <v>23819.33784</v>
      </c>
      <c r="U5122">
        <v>28667.139429999999</v>
      </c>
      <c r="W5122" s="83">
        <f>Bühler!N5154</f>
        <v>45505.333333320916</v>
      </c>
      <c r="X5122" s="83">
        <v>43314.333333333336</v>
      </c>
      <c r="Y5122">
        <v>248688.83350000001</v>
      </c>
      <c r="Z5122">
        <v>28349.214360000002</v>
      </c>
      <c r="AA5122">
        <v>91456.882830000002</v>
      </c>
      <c r="AB5122">
        <v>32557.024669999999</v>
      </c>
      <c r="AC5122">
        <v>44680.182289999997</v>
      </c>
      <c r="AD5122">
        <v>35336.35886</v>
      </c>
      <c r="AE5122">
        <v>47815.062189999997</v>
      </c>
      <c r="AF5122">
        <v>60078.229800000001</v>
      </c>
      <c r="AG5122">
        <v>24761.31911</v>
      </c>
      <c r="AH5122">
        <v>345233.28690000001</v>
      </c>
      <c r="AI5122">
        <v>85511.394130000001</v>
      </c>
      <c r="AJ5122">
        <v>22800.26009</v>
      </c>
      <c r="AK5122">
        <v>33717.246859999999</v>
      </c>
      <c r="AL5122">
        <v>95382.834289999999</v>
      </c>
      <c r="AM5122">
        <v>19197.14186</v>
      </c>
      <c r="AN5122">
        <v>102252.98510000001</v>
      </c>
      <c r="AO5122">
        <v>23819.33784</v>
      </c>
      <c r="AP5122">
        <v>28667.139429999999</v>
      </c>
    </row>
    <row r="5123" spans="2:42" x14ac:dyDescent="0.3">
      <c r="B5123">
        <v>68.747293027251416</v>
      </c>
      <c r="C5123" s="83">
        <v>43314.375</v>
      </c>
      <c r="D5123">
        <v>250411.81400000001</v>
      </c>
      <c r="E5123">
        <v>32979.611190000003</v>
      </c>
      <c r="F5123">
        <v>97107.959709999996</v>
      </c>
      <c r="G5123">
        <v>34390.033109999997</v>
      </c>
      <c r="H5123">
        <v>46729.20218</v>
      </c>
      <c r="I5123">
        <v>35156.077539999998</v>
      </c>
      <c r="J5123">
        <v>50409.928910000002</v>
      </c>
      <c r="K5123">
        <v>62905.778270000003</v>
      </c>
      <c r="L5123">
        <v>27798.893499999998</v>
      </c>
      <c r="M5123">
        <v>350505.75959999999</v>
      </c>
      <c r="N5123">
        <v>87175.978759999998</v>
      </c>
      <c r="O5123">
        <v>23405.126810000002</v>
      </c>
      <c r="P5123">
        <v>36892.602800000001</v>
      </c>
      <c r="Q5123">
        <v>96864.402430000002</v>
      </c>
      <c r="R5123">
        <v>19604.13451</v>
      </c>
      <c r="S5123">
        <v>108548.9185</v>
      </c>
      <c r="T5123">
        <v>25722.295109999999</v>
      </c>
      <c r="U5123">
        <v>29524.026140000002</v>
      </c>
      <c r="W5123" s="83">
        <f>Bühler!N5155</f>
        <v>45505.37499998758</v>
      </c>
      <c r="X5123" s="83">
        <v>43314.375</v>
      </c>
      <c r="Y5123">
        <v>250411.81400000001</v>
      </c>
      <c r="Z5123">
        <v>32979.611190000003</v>
      </c>
      <c r="AA5123">
        <v>97107.959709999996</v>
      </c>
      <c r="AB5123">
        <v>34390.033109999997</v>
      </c>
      <c r="AC5123">
        <v>46729.20218</v>
      </c>
      <c r="AD5123">
        <v>35156.077539999998</v>
      </c>
      <c r="AE5123">
        <v>50409.928910000002</v>
      </c>
      <c r="AF5123">
        <v>62905.778270000003</v>
      </c>
      <c r="AG5123">
        <v>27798.893499999998</v>
      </c>
      <c r="AH5123">
        <v>350505.75959999999</v>
      </c>
      <c r="AI5123">
        <v>87175.978759999998</v>
      </c>
      <c r="AJ5123">
        <v>23405.126810000002</v>
      </c>
      <c r="AK5123">
        <v>36892.602800000001</v>
      </c>
      <c r="AL5123">
        <v>96864.402430000002</v>
      </c>
      <c r="AM5123">
        <v>19604.13451</v>
      </c>
      <c r="AN5123">
        <v>108548.9185</v>
      </c>
      <c r="AO5123">
        <v>25722.295109999999</v>
      </c>
      <c r="AP5123">
        <v>29524.026140000002</v>
      </c>
    </row>
    <row r="5124" spans="2:42" x14ac:dyDescent="0.3">
      <c r="B5124">
        <v>69.591844665175614</v>
      </c>
      <c r="C5124" s="83">
        <v>43314.416666666664</v>
      </c>
      <c r="D5124">
        <v>252557.01730000001</v>
      </c>
      <c r="E5124">
        <v>34955.009169999998</v>
      </c>
      <c r="F5124">
        <v>98379.537179999999</v>
      </c>
      <c r="G5124">
        <v>35117.466209999999</v>
      </c>
      <c r="H5124">
        <v>47728.744899999998</v>
      </c>
      <c r="I5124">
        <v>34201.443019999999</v>
      </c>
      <c r="J5124">
        <v>51381.537400000001</v>
      </c>
      <c r="K5124">
        <v>64387.872029999999</v>
      </c>
      <c r="L5124">
        <v>31303.00764</v>
      </c>
      <c r="M5124">
        <v>354811.6777</v>
      </c>
      <c r="N5124">
        <v>90980.261899999998</v>
      </c>
      <c r="O5124">
        <v>24130.25764</v>
      </c>
      <c r="P5124">
        <v>38984.694600000003</v>
      </c>
      <c r="Q5124">
        <v>98122.360149999993</v>
      </c>
      <c r="R5124">
        <v>20689.736779999999</v>
      </c>
      <c r="S5124">
        <v>110323.4213</v>
      </c>
      <c r="T5124">
        <v>28496.980960000001</v>
      </c>
      <c r="U5124">
        <v>28916.741730000002</v>
      </c>
      <c r="W5124" s="83">
        <f>Bühler!N5156</f>
        <v>45505.416666654244</v>
      </c>
      <c r="X5124" s="83">
        <v>43314.416666666664</v>
      </c>
      <c r="Y5124">
        <v>252557.01730000001</v>
      </c>
      <c r="Z5124">
        <v>34955.009169999998</v>
      </c>
      <c r="AA5124">
        <v>98379.537179999999</v>
      </c>
      <c r="AB5124">
        <v>35117.466209999999</v>
      </c>
      <c r="AC5124">
        <v>47728.744899999998</v>
      </c>
      <c r="AD5124">
        <v>34201.443019999999</v>
      </c>
      <c r="AE5124">
        <v>51381.537400000001</v>
      </c>
      <c r="AF5124">
        <v>64387.872029999999</v>
      </c>
      <c r="AG5124">
        <v>31303.00764</v>
      </c>
      <c r="AH5124">
        <v>354811.6777</v>
      </c>
      <c r="AI5124">
        <v>90980.261899999998</v>
      </c>
      <c r="AJ5124">
        <v>24130.25764</v>
      </c>
      <c r="AK5124">
        <v>38984.694600000003</v>
      </c>
      <c r="AL5124">
        <v>98122.360149999993</v>
      </c>
      <c r="AM5124">
        <v>20689.736779999999</v>
      </c>
      <c r="AN5124">
        <v>110323.4213</v>
      </c>
      <c r="AO5124">
        <v>28496.980960000001</v>
      </c>
      <c r="AP5124">
        <v>28916.741730000002</v>
      </c>
    </row>
    <row r="5125" spans="2:42" x14ac:dyDescent="0.3">
      <c r="B5125">
        <v>69.268629292262531</v>
      </c>
      <c r="C5125" s="83">
        <v>43314.458333333336</v>
      </c>
      <c r="D5125">
        <v>251339.14360000001</v>
      </c>
      <c r="E5125">
        <v>34973.770830000001</v>
      </c>
      <c r="F5125">
        <v>99216.513730000006</v>
      </c>
      <c r="G5125">
        <v>35662.81826</v>
      </c>
      <c r="H5125">
        <v>47847.445299999999</v>
      </c>
      <c r="I5125">
        <v>33978.493260000003</v>
      </c>
      <c r="J5125">
        <v>52112.364289999998</v>
      </c>
      <c r="K5125">
        <v>64770.713129999996</v>
      </c>
      <c r="L5125">
        <v>33576.657120000003</v>
      </c>
      <c r="M5125">
        <v>353163.77500000002</v>
      </c>
      <c r="N5125">
        <v>92838.535499999998</v>
      </c>
      <c r="O5125">
        <v>24456.073130000001</v>
      </c>
      <c r="P5125">
        <v>38396.254990000001</v>
      </c>
      <c r="Q5125">
        <v>97310.646519999995</v>
      </c>
      <c r="R5125">
        <v>23098.676049999998</v>
      </c>
      <c r="S5125">
        <v>112641.15459999999</v>
      </c>
      <c r="T5125">
        <v>28542.51196</v>
      </c>
      <c r="U5125">
        <v>28478.44299</v>
      </c>
      <c r="W5125" s="83">
        <f>Bühler!N5157</f>
        <v>45505.458333320908</v>
      </c>
      <c r="X5125" s="83">
        <v>43314.458333333336</v>
      </c>
      <c r="Y5125">
        <v>251339.14360000001</v>
      </c>
      <c r="Z5125">
        <v>34973.770830000001</v>
      </c>
      <c r="AA5125">
        <v>99216.513730000006</v>
      </c>
      <c r="AB5125">
        <v>35662.81826</v>
      </c>
      <c r="AC5125">
        <v>47847.445299999999</v>
      </c>
      <c r="AD5125">
        <v>33978.493260000003</v>
      </c>
      <c r="AE5125">
        <v>52112.364289999998</v>
      </c>
      <c r="AF5125">
        <v>64770.713129999996</v>
      </c>
      <c r="AG5125">
        <v>33576.657120000003</v>
      </c>
      <c r="AH5125">
        <v>353163.77500000002</v>
      </c>
      <c r="AI5125">
        <v>92838.535499999998</v>
      </c>
      <c r="AJ5125">
        <v>24456.073130000001</v>
      </c>
      <c r="AK5125">
        <v>38396.254990000001</v>
      </c>
      <c r="AL5125">
        <v>97310.646519999995</v>
      </c>
      <c r="AM5125">
        <v>23098.676049999998</v>
      </c>
      <c r="AN5125">
        <v>112641.15459999999</v>
      </c>
      <c r="AO5125">
        <v>28542.51196</v>
      </c>
      <c r="AP5125">
        <v>28478.44299</v>
      </c>
    </row>
    <row r="5126" spans="2:42" x14ac:dyDescent="0.3">
      <c r="B5126">
        <v>67.530316080882073</v>
      </c>
      <c r="C5126" s="83">
        <v>43314.5</v>
      </c>
      <c r="D5126">
        <v>241910.39009999999</v>
      </c>
      <c r="E5126">
        <v>31927.124390000001</v>
      </c>
      <c r="F5126">
        <v>97660.301120000004</v>
      </c>
      <c r="G5126">
        <v>35924.645499999999</v>
      </c>
      <c r="H5126">
        <v>46892.75013</v>
      </c>
      <c r="I5126">
        <v>32678.758900000001</v>
      </c>
      <c r="J5126">
        <v>52726.3436</v>
      </c>
      <c r="K5126">
        <v>60702.321559999997</v>
      </c>
      <c r="L5126">
        <v>35731.002679999998</v>
      </c>
      <c r="M5126">
        <v>344301.04359999998</v>
      </c>
      <c r="N5126">
        <v>91505.372040000002</v>
      </c>
      <c r="O5126">
        <v>23954.52003</v>
      </c>
      <c r="P5126">
        <v>39471.837899999999</v>
      </c>
      <c r="Q5126">
        <v>97147.697289999996</v>
      </c>
      <c r="R5126">
        <v>25898.489979999998</v>
      </c>
      <c r="S5126">
        <v>107217.875</v>
      </c>
      <c r="T5126">
        <v>28658.110280000001</v>
      </c>
      <c r="U5126">
        <v>24139.941200000001</v>
      </c>
      <c r="W5126" s="83">
        <f>Bühler!N5158</f>
        <v>45505.499999987573</v>
      </c>
      <c r="X5126" s="83">
        <v>43314.5</v>
      </c>
      <c r="Y5126">
        <v>241910.39009999999</v>
      </c>
      <c r="Z5126">
        <v>31927.124390000001</v>
      </c>
      <c r="AA5126">
        <v>97660.301120000004</v>
      </c>
      <c r="AB5126">
        <v>35924.645499999999</v>
      </c>
      <c r="AC5126">
        <v>46892.75013</v>
      </c>
      <c r="AD5126">
        <v>32678.758900000001</v>
      </c>
      <c r="AE5126">
        <v>52726.3436</v>
      </c>
      <c r="AF5126">
        <v>60702.321559999997</v>
      </c>
      <c r="AG5126">
        <v>35731.002679999998</v>
      </c>
      <c r="AH5126">
        <v>344301.04359999998</v>
      </c>
      <c r="AI5126">
        <v>91505.372040000002</v>
      </c>
      <c r="AJ5126">
        <v>23954.52003</v>
      </c>
      <c r="AK5126">
        <v>39471.837899999999</v>
      </c>
      <c r="AL5126">
        <v>97147.697289999996</v>
      </c>
      <c r="AM5126">
        <v>25898.489979999998</v>
      </c>
      <c r="AN5126">
        <v>107217.875</v>
      </c>
      <c r="AO5126">
        <v>28658.110280000001</v>
      </c>
      <c r="AP5126">
        <v>24139.941200000001</v>
      </c>
    </row>
    <row r="5127" spans="2:42" x14ac:dyDescent="0.3">
      <c r="B5127">
        <v>67.773385646685</v>
      </c>
      <c r="C5127" s="83">
        <v>43314.541666666664</v>
      </c>
      <c r="D5127">
        <v>241369.69649999999</v>
      </c>
      <c r="E5127">
        <v>32604.735960000002</v>
      </c>
      <c r="F5127">
        <v>96501.314199999993</v>
      </c>
      <c r="G5127">
        <v>35768.990949999999</v>
      </c>
      <c r="H5127">
        <v>46971.460830000004</v>
      </c>
      <c r="I5127">
        <v>32603.92555</v>
      </c>
      <c r="J5127">
        <v>51183.40079</v>
      </c>
      <c r="K5127">
        <v>62544.202539999998</v>
      </c>
      <c r="L5127">
        <v>35433.370999999999</v>
      </c>
      <c r="M5127">
        <v>345540.32559999998</v>
      </c>
      <c r="N5127">
        <v>92234.709570000006</v>
      </c>
      <c r="O5127">
        <v>24772.160469999999</v>
      </c>
      <c r="P5127">
        <v>39250.321839999997</v>
      </c>
      <c r="Q5127">
        <v>96185.954010000001</v>
      </c>
      <c r="R5127">
        <v>25508.199649999999</v>
      </c>
      <c r="S5127">
        <v>107091.462</v>
      </c>
      <c r="T5127">
        <v>28345.572700000001</v>
      </c>
      <c r="U5127">
        <v>26048.465830000001</v>
      </c>
      <c r="W5127" s="83">
        <f>Bühler!N5159</f>
        <v>45505.541666654237</v>
      </c>
      <c r="X5127" s="83">
        <v>43314.541666666664</v>
      </c>
      <c r="Y5127">
        <v>241369.69649999999</v>
      </c>
      <c r="Z5127">
        <v>32604.735960000002</v>
      </c>
      <c r="AA5127">
        <v>96501.314199999993</v>
      </c>
      <c r="AB5127">
        <v>35768.990949999999</v>
      </c>
      <c r="AC5127">
        <v>46971.460830000004</v>
      </c>
      <c r="AD5127">
        <v>32603.92555</v>
      </c>
      <c r="AE5127">
        <v>51183.40079</v>
      </c>
      <c r="AF5127">
        <v>62544.202539999998</v>
      </c>
      <c r="AG5127">
        <v>35433.370999999999</v>
      </c>
      <c r="AH5127">
        <v>345540.32559999998</v>
      </c>
      <c r="AI5127">
        <v>92234.709570000006</v>
      </c>
      <c r="AJ5127">
        <v>24772.160469999999</v>
      </c>
      <c r="AK5127">
        <v>39250.321839999997</v>
      </c>
      <c r="AL5127">
        <v>96185.954010000001</v>
      </c>
      <c r="AM5127">
        <v>25508.199649999999</v>
      </c>
      <c r="AN5127">
        <v>107091.462</v>
      </c>
      <c r="AO5127">
        <v>28345.572700000001</v>
      </c>
      <c r="AP5127">
        <v>26048.465830000001</v>
      </c>
    </row>
    <row r="5128" spans="2:42" x14ac:dyDescent="0.3">
      <c r="B5128">
        <v>68.132686871236658</v>
      </c>
      <c r="C5128" s="83">
        <v>43314.583333333336</v>
      </c>
      <c r="D5128">
        <v>242163.64840000001</v>
      </c>
      <c r="E5128">
        <v>35388.847479999997</v>
      </c>
      <c r="F5128">
        <v>98909.542539999995</v>
      </c>
      <c r="G5128">
        <v>35940.352780000001</v>
      </c>
      <c r="H5128">
        <v>47101.604780000001</v>
      </c>
      <c r="I5128">
        <v>33610.444040000002</v>
      </c>
      <c r="J5128">
        <v>50051.124040000002</v>
      </c>
      <c r="K5128">
        <v>64370.475420000002</v>
      </c>
      <c r="L5128">
        <v>32967.31205</v>
      </c>
      <c r="M5128">
        <v>347372.2108</v>
      </c>
      <c r="N5128">
        <v>93052.769159999996</v>
      </c>
      <c r="O5128">
        <v>25118.919709999998</v>
      </c>
      <c r="P5128">
        <v>34871.298519999997</v>
      </c>
      <c r="Q5128">
        <v>96281.173269999999</v>
      </c>
      <c r="R5128">
        <v>26035.20479</v>
      </c>
      <c r="S5128">
        <v>104452.7754</v>
      </c>
      <c r="T5128">
        <v>27952.891729999999</v>
      </c>
      <c r="U5128">
        <v>26614.086640000001</v>
      </c>
      <c r="W5128" s="83">
        <f>Bühler!N5160</f>
        <v>45505.583333320901</v>
      </c>
      <c r="X5128" s="83">
        <v>43314.583333333336</v>
      </c>
      <c r="Y5128">
        <v>242163.64840000001</v>
      </c>
      <c r="Z5128">
        <v>35388.847479999997</v>
      </c>
      <c r="AA5128">
        <v>98909.542539999995</v>
      </c>
      <c r="AB5128">
        <v>35940.352780000001</v>
      </c>
      <c r="AC5128">
        <v>47101.604780000001</v>
      </c>
      <c r="AD5128">
        <v>33610.444040000002</v>
      </c>
      <c r="AE5128">
        <v>50051.124040000002</v>
      </c>
      <c r="AF5128">
        <v>64370.475420000002</v>
      </c>
      <c r="AG5128">
        <v>32967.31205</v>
      </c>
      <c r="AH5128">
        <v>347372.2108</v>
      </c>
      <c r="AI5128">
        <v>93052.769159999996</v>
      </c>
      <c r="AJ5128">
        <v>25118.919709999998</v>
      </c>
      <c r="AK5128">
        <v>34871.298519999997</v>
      </c>
      <c r="AL5128">
        <v>96281.173269999999</v>
      </c>
      <c r="AM5128">
        <v>26035.20479</v>
      </c>
      <c r="AN5128">
        <v>104452.7754</v>
      </c>
      <c r="AO5128">
        <v>27952.891729999999</v>
      </c>
      <c r="AP5128">
        <v>26614.086640000001</v>
      </c>
    </row>
    <row r="5129" spans="2:42" x14ac:dyDescent="0.3">
      <c r="B5129">
        <v>67.039076258547709</v>
      </c>
      <c r="C5129" s="83">
        <v>43314.625</v>
      </c>
      <c r="D5129">
        <v>240433.2935</v>
      </c>
      <c r="E5129">
        <v>35471.429479999999</v>
      </c>
      <c r="F5129">
        <v>100894.2365</v>
      </c>
      <c r="G5129">
        <v>35795.108690000001</v>
      </c>
      <c r="H5129">
        <v>46580.538200000003</v>
      </c>
      <c r="I5129">
        <v>34358.607519999998</v>
      </c>
      <c r="J5129">
        <v>50292.537920000002</v>
      </c>
      <c r="K5129">
        <v>62044.677799999998</v>
      </c>
      <c r="L5129">
        <v>30205.06076</v>
      </c>
      <c r="M5129">
        <v>341796.47389999998</v>
      </c>
      <c r="N5129">
        <v>90143.771179999996</v>
      </c>
      <c r="O5129">
        <v>23878.692340000001</v>
      </c>
      <c r="P5129">
        <v>32193.932150000001</v>
      </c>
      <c r="Q5129">
        <v>95192.543430000005</v>
      </c>
      <c r="R5129">
        <v>25476.566620000001</v>
      </c>
      <c r="S5129">
        <v>102810.05959999999</v>
      </c>
      <c r="T5129">
        <v>27830.55674</v>
      </c>
      <c r="U5129">
        <v>26133.898290000001</v>
      </c>
      <c r="W5129" s="83">
        <f>Bühler!N5161</f>
        <v>45505.624999987565</v>
      </c>
      <c r="X5129" s="83">
        <v>43314.625</v>
      </c>
      <c r="Y5129">
        <v>240433.2935</v>
      </c>
      <c r="Z5129">
        <v>35471.429479999999</v>
      </c>
      <c r="AA5129">
        <v>100894.2365</v>
      </c>
      <c r="AB5129">
        <v>35795.108690000001</v>
      </c>
      <c r="AC5129">
        <v>46580.538200000003</v>
      </c>
      <c r="AD5129">
        <v>34358.607519999998</v>
      </c>
      <c r="AE5129">
        <v>50292.537920000002</v>
      </c>
      <c r="AF5129">
        <v>62044.677799999998</v>
      </c>
      <c r="AG5129">
        <v>30205.06076</v>
      </c>
      <c r="AH5129">
        <v>341796.47389999998</v>
      </c>
      <c r="AI5129">
        <v>90143.771179999996</v>
      </c>
      <c r="AJ5129">
        <v>23878.692340000001</v>
      </c>
      <c r="AK5129">
        <v>32193.932150000001</v>
      </c>
      <c r="AL5129">
        <v>95192.543430000005</v>
      </c>
      <c r="AM5129">
        <v>25476.566620000001</v>
      </c>
      <c r="AN5129">
        <v>102810.05959999999</v>
      </c>
      <c r="AO5129">
        <v>27830.55674</v>
      </c>
      <c r="AP5129">
        <v>26133.898290000001</v>
      </c>
    </row>
    <row r="5130" spans="2:42" x14ac:dyDescent="0.3">
      <c r="B5130">
        <v>66.36944533995063</v>
      </c>
      <c r="C5130" s="83">
        <v>43314.666666666664</v>
      </c>
      <c r="D5130">
        <v>233909.56099999999</v>
      </c>
      <c r="E5130">
        <v>34908.291019999997</v>
      </c>
      <c r="F5130">
        <v>100166.1927</v>
      </c>
      <c r="G5130">
        <v>35138.334999999999</v>
      </c>
      <c r="H5130">
        <v>45469.473120000002</v>
      </c>
      <c r="I5130">
        <v>35027.111680000002</v>
      </c>
      <c r="J5130">
        <v>49793.88048</v>
      </c>
      <c r="K5130">
        <v>59630.368540000003</v>
      </c>
      <c r="L5130">
        <v>29477.238130000002</v>
      </c>
      <c r="M5130">
        <v>338382.38319999998</v>
      </c>
      <c r="N5130">
        <v>87648.443230000004</v>
      </c>
      <c r="O5130">
        <v>22532.519230000002</v>
      </c>
      <c r="P5130">
        <v>32021.87155</v>
      </c>
      <c r="Q5130">
        <v>95257.806270000001</v>
      </c>
      <c r="R5130">
        <v>24757.764319999998</v>
      </c>
      <c r="S5130">
        <v>100363.0555</v>
      </c>
      <c r="T5130">
        <v>27537.21804</v>
      </c>
      <c r="U5130">
        <v>24223.382839999998</v>
      </c>
      <c r="W5130" s="83">
        <f>Bühler!N5162</f>
        <v>45505.66666665423</v>
      </c>
      <c r="X5130" s="83">
        <v>43314.666666666664</v>
      </c>
      <c r="Y5130">
        <v>233909.56099999999</v>
      </c>
      <c r="Z5130">
        <v>34908.291019999997</v>
      </c>
      <c r="AA5130">
        <v>100166.1927</v>
      </c>
      <c r="AB5130">
        <v>35138.334999999999</v>
      </c>
      <c r="AC5130">
        <v>45469.473120000002</v>
      </c>
      <c r="AD5130">
        <v>35027.111680000002</v>
      </c>
      <c r="AE5130">
        <v>49793.88048</v>
      </c>
      <c r="AF5130">
        <v>59630.368540000003</v>
      </c>
      <c r="AG5130">
        <v>29477.238130000002</v>
      </c>
      <c r="AH5130">
        <v>338382.38319999998</v>
      </c>
      <c r="AI5130">
        <v>87648.443230000004</v>
      </c>
      <c r="AJ5130">
        <v>22532.519230000002</v>
      </c>
      <c r="AK5130">
        <v>32021.87155</v>
      </c>
      <c r="AL5130">
        <v>95257.806270000001</v>
      </c>
      <c r="AM5130">
        <v>24757.764319999998</v>
      </c>
      <c r="AN5130">
        <v>100363.0555</v>
      </c>
      <c r="AO5130">
        <v>27537.21804</v>
      </c>
      <c r="AP5130">
        <v>24223.382839999998</v>
      </c>
    </row>
    <row r="5131" spans="2:42" x14ac:dyDescent="0.3">
      <c r="B5131">
        <v>64.328482744126433</v>
      </c>
      <c r="C5131" s="83">
        <v>43314.708333333336</v>
      </c>
      <c r="D5131">
        <v>225682.8107</v>
      </c>
      <c r="E5131">
        <v>33020.012649999997</v>
      </c>
      <c r="F5131">
        <v>99053.365340000004</v>
      </c>
      <c r="G5131">
        <v>33156.675600000002</v>
      </c>
      <c r="H5131">
        <v>43645.302439999999</v>
      </c>
      <c r="I5131">
        <v>34280.754070000003</v>
      </c>
      <c r="J5131">
        <v>50100.831559999999</v>
      </c>
      <c r="K5131">
        <v>56047.369209999997</v>
      </c>
      <c r="L5131">
        <v>30618.252479999999</v>
      </c>
      <c r="M5131">
        <v>327976.6041</v>
      </c>
      <c r="N5131">
        <v>84719.116869999998</v>
      </c>
      <c r="O5131">
        <v>22223.449110000001</v>
      </c>
      <c r="P5131">
        <v>33202.408580000003</v>
      </c>
      <c r="Q5131">
        <v>93610.221189999997</v>
      </c>
      <c r="R5131">
        <v>24753.799650000001</v>
      </c>
      <c r="S5131">
        <v>96345.017500000002</v>
      </c>
      <c r="T5131">
        <v>26917.471109999999</v>
      </c>
      <c r="U5131">
        <v>21477.01238</v>
      </c>
      <c r="W5131" s="83">
        <f>Bühler!N5163</f>
        <v>45505.708333320894</v>
      </c>
      <c r="X5131" s="83">
        <v>43314.708333333336</v>
      </c>
      <c r="Y5131">
        <v>225682.8107</v>
      </c>
      <c r="Z5131">
        <v>33020.012649999997</v>
      </c>
      <c r="AA5131">
        <v>99053.365340000004</v>
      </c>
      <c r="AB5131">
        <v>33156.675600000002</v>
      </c>
      <c r="AC5131">
        <v>43645.302439999999</v>
      </c>
      <c r="AD5131">
        <v>34280.754070000003</v>
      </c>
      <c r="AE5131">
        <v>50100.831559999999</v>
      </c>
      <c r="AF5131">
        <v>56047.369209999997</v>
      </c>
      <c r="AG5131">
        <v>30618.252479999999</v>
      </c>
      <c r="AH5131">
        <v>327976.6041</v>
      </c>
      <c r="AI5131">
        <v>84719.116869999998</v>
      </c>
      <c r="AJ5131">
        <v>22223.449110000001</v>
      </c>
      <c r="AK5131">
        <v>33202.408580000003</v>
      </c>
      <c r="AL5131">
        <v>93610.221189999997</v>
      </c>
      <c r="AM5131">
        <v>24753.799650000001</v>
      </c>
      <c r="AN5131">
        <v>96345.017500000002</v>
      </c>
      <c r="AO5131">
        <v>26917.471109999999</v>
      </c>
      <c r="AP5131">
        <v>21477.01238</v>
      </c>
    </row>
    <row r="5132" spans="2:42" x14ac:dyDescent="0.3">
      <c r="B5132">
        <v>63.746527112570391</v>
      </c>
      <c r="C5132" s="83">
        <v>43314.75</v>
      </c>
      <c r="D5132">
        <v>220600.59220000001</v>
      </c>
      <c r="E5132">
        <v>29762.479530000001</v>
      </c>
      <c r="F5132">
        <v>97408.712830000004</v>
      </c>
      <c r="G5132">
        <v>31657.128629999999</v>
      </c>
      <c r="H5132">
        <v>41704.336519999997</v>
      </c>
      <c r="I5132">
        <v>33401.096660000003</v>
      </c>
      <c r="J5132">
        <v>50404.454310000001</v>
      </c>
      <c r="K5132">
        <v>53787.48861</v>
      </c>
      <c r="L5132">
        <v>31714.216649999998</v>
      </c>
      <c r="M5132">
        <v>325009.52289999998</v>
      </c>
      <c r="N5132">
        <v>81858.438639999993</v>
      </c>
      <c r="O5132">
        <v>20454.372469999998</v>
      </c>
      <c r="P5132">
        <v>36695.476470000001</v>
      </c>
      <c r="Q5132">
        <v>92243.601030000005</v>
      </c>
      <c r="R5132">
        <v>23665.870739999998</v>
      </c>
      <c r="S5132">
        <v>90529.528510000004</v>
      </c>
      <c r="T5132">
        <v>26617.905460000002</v>
      </c>
      <c r="U5132">
        <v>20188.12672</v>
      </c>
      <c r="W5132" s="83">
        <f>Bühler!N5164</f>
        <v>45505.749999987558</v>
      </c>
      <c r="X5132" s="83">
        <v>43314.75</v>
      </c>
      <c r="Y5132">
        <v>220600.59220000001</v>
      </c>
      <c r="Z5132">
        <v>29762.479530000001</v>
      </c>
      <c r="AA5132">
        <v>97408.712830000004</v>
      </c>
      <c r="AB5132">
        <v>31657.128629999999</v>
      </c>
      <c r="AC5132">
        <v>41704.336519999997</v>
      </c>
      <c r="AD5132">
        <v>33401.096660000003</v>
      </c>
      <c r="AE5132">
        <v>50404.454310000001</v>
      </c>
      <c r="AF5132">
        <v>53787.48861</v>
      </c>
      <c r="AG5132">
        <v>31714.216649999998</v>
      </c>
      <c r="AH5132">
        <v>325009.52289999998</v>
      </c>
      <c r="AI5132">
        <v>81858.438639999993</v>
      </c>
      <c r="AJ5132">
        <v>20454.372469999998</v>
      </c>
      <c r="AK5132">
        <v>36695.476470000001</v>
      </c>
      <c r="AL5132">
        <v>92243.601030000005</v>
      </c>
      <c r="AM5132">
        <v>23665.870739999998</v>
      </c>
      <c r="AN5132">
        <v>90529.528510000004</v>
      </c>
      <c r="AO5132">
        <v>26617.905460000002</v>
      </c>
      <c r="AP5132">
        <v>20188.12672</v>
      </c>
    </row>
    <row r="5133" spans="2:42" x14ac:dyDescent="0.3">
      <c r="B5133">
        <v>62.913407677212753</v>
      </c>
      <c r="C5133" s="83">
        <v>43314.791666666664</v>
      </c>
      <c r="D5133">
        <v>215205.9356</v>
      </c>
      <c r="E5133">
        <v>23941.767039999999</v>
      </c>
      <c r="F5133">
        <v>87159.141229999994</v>
      </c>
      <c r="G5133">
        <v>30268.475040000001</v>
      </c>
      <c r="H5133">
        <v>39484.928229999998</v>
      </c>
      <c r="I5133">
        <v>32048.30602</v>
      </c>
      <c r="J5133">
        <v>50135.37715</v>
      </c>
      <c r="K5133">
        <v>53463.063820000003</v>
      </c>
      <c r="L5133">
        <v>31653.18462</v>
      </c>
      <c r="M5133">
        <v>320761.89150000003</v>
      </c>
      <c r="N5133">
        <v>79861.612949999995</v>
      </c>
      <c r="O5133">
        <v>18746.85282</v>
      </c>
      <c r="P5133">
        <v>40594.870759999998</v>
      </c>
      <c r="Q5133">
        <v>89491.740260000006</v>
      </c>
      <c r="R5133">
        <v>22426.145329999999</v>
      </c>
      <c r="S5133">
        <v>86582.862959999999</v>
      </c>
      <c r="T5133">
        <v>25928.06151</v>
      </c>
      <c r="U5133">
        <v>19295.88898</v>
      </c>
      <c r="W5133" s="83">
        <f>Bühler!N5165</f>
        <v>45505.791666654222</v>
      </c>
      <c r="X5133" s="83">
        <v>43314.791666666664</v>
      </c>
      <c r="Y5133">
        <v>215205.9356</v>
      </c>
      <c r="Z5133">
        <v>23941.767039999999</v>
      </c>
      <c r="AA5133">
        <v>87159.141229999994</v>
      </c>
      <c r="AB5133">
        <v>30268.475040000001</v>
      </c>
      <c r="AC5133">
        <v>39484.928229999998</v>
      </c>
      <c r="AD5133">
        <v>32048.30602</v>
      </c>
      <c r="AE5133">
        <v>50135.37715</v>
      </c>
      <c r="AF5133">
        <v>53463.063820000003</v>
      </c>
      <c r="AG5133">
        <v>31653.18462</v>
      </c>
      <c r="AH5133">
        <v>320761.89150000003</v>
      </c>
      <c r="AI5133">
        <v>79861.612949999995</v>
      </c>
      <c r="AJ5133">
        <v>18746.85282</v>
      </c>
      <c r="AK5133">
        <v>40594.870759999998</v>
      </c>
      <c r="AL5133">
        <v>89491.740260000006</v>
      </c>
      <c r="AM5133">
        <v>22426.145329999999</v>
      </c>
      <c r="AN5133">
        <v>86582.862959999999</v>
      </c>
      <c r="AO5133">
        <v>25928.06151</v>
      </c>
      <c r="AP5133">
        <v>19295.88898</v>
      </c>
    </row>
    <row r="5134" spans="2:42" x14ac:dyDescent="0.3">
      <c r="B5134">
        <v>61.116484291721505</v>
      </c>
      <c r="C5134" s="83">
        <v>43314.833333333336</v>
      </c>
      <c r="D5134">
        <v>206742.40719999999</v>
      </c>
      <c r="E5134">
        <v>17434.608680000001</v>
      </c>
      <c r="F5134">
        <v>70835.678079999998</v>
      </c>
      <c r="G5134">
        <v>29299.628990000001</v>
      </c>
      <c r="H5134">
        <v>36706.968289999997</v>
      </c>
      <c r="I5134">
        <v>29687.238949999999</v>
      </c>
      <c r="J5134">
        <v>48619.349620000001</v>
      </c>
      <c r="K5134">
        <v>53370.995430000003</v>
      </c>
      <c r="L5134">
        <v>31605.458750000002</v>
      </c>
      <c r="M5134">
        <v>311600.33809999999</v>
      </c>
      <c r="N5134">
        <v>77813.299280000007</v>
      </c>
      <c r="O5134">
        <v>18332.390759999998</v>
      </c>
      <c r="P5134">
        <v>40504.080549999999</v>
      </c>
      <c r="Q5134">
        <v>86895.167839999995</v>
      </c>
      <c r="R5134">
        <v>20847.170969999999</v>
      </c>
      <c r="S5134">
        <v>79055.270659999995</v>
      </c>
      <c r="T5134">
        <v>24165.04322</v>
      </c>
      <c r="U5134">
        <v>19334.735400000001</v>
      </c>
      <c r="W5134" s="83">
        <f>Bühler!N5166</f>
        <v>45505.833333320887</v>
      </c>
      <c r="X5134" s="83">
        <v>43314.833333333336</v>
      </c>
      <c r="Y5134">
        <v>206742.40719999999</v>
      </c>
      <c r="Z5134">
        <v>17434.608680000001</v>
      </c>
      <c r="AA5134">
        <v>70835.678079999998</v>
      </c>
      <c r="AB5134">
        <v>29299.628990000001</v>
      </c>
      <c r="AC5134">
        <v>36706.968289999997</v>
      </c>
      <c r="AD5134">
        <v>29687.238949999999</v>
      </c>
      <c r="AE5134">
        <v>48619.349620000001</v>
      </c>
      <c r="AF5134">
        <v>53370.995430000003</v>
      </c>
      <c r="AG5134">
        <v>31605.458750000002</v>
      </c>
      <c r="AH5134">
        <v>311600.33809999999</v>
      </c>
      <c r="AI5134">
        <v>77813.299280000007</v>
      </c>
      <c r="AJ5134">
        <v>18332.390759999998</v>
      </c>
      <c r="AK5134">
        <v>40504.080549999999</v>
      </c>
      <c r="AL5134">
        <v>86895.167839999995</v>
      </c>
      <c r="AM5134">
        <v>20847.170969999999</v>
      </c>
      <c r="AN5134">
        <v>79055.270659999995</v>
      </c>
      <c r="AO5134">
        <v>24165.04322</v>
      </c>
      <c r="AP5134">
        <v>19334.735400000001</v>
      </c>
    </row>
    <row r="5135" spans="2:42" x14ac:dyDescent="0.3">
      <c r="B5135">
        <v>59.023560050525653</v>
      </c>
      <c r="C5135" s="83">
        <v>43314.875</v>
      </c>
      <c r="D5135">
        <v>200850.57870000001</v>
      </c>
      <c r="E5135">
        <v>15163.0337</v>
      </c>
      <c r="F5135">
        <v>62336.112569999998</v>
      </c>
      <c r="G5135">
        <v>28692.07087</v>
      </c>
      <c r="H5135">
        <v>35517.93879</v>
      </c>
      <c r="I5135">
        <v>27519.754799999999</v>
      </c>
      <c r="J5135">
        <v>48334.99987</v>
      </c>
      <c r="K5135">
        <v>53964.210149999999</v>
      </c>
      <c r="L5135">
        <v>30417.626209999999</v>
      </c>
      <c r="M5135">
        <v>300929.63429999998</v>
      </c>
      <c r="N5135">
        <v>75108.040800000002</v>
      </c>
      <c r="O5135">
        <v>17277.50563</v>
      </c>
      <c r="P5135">
        <v>38431.500339999999</v>
      </c>
      <c r="Q5135">
        <v>84723.489830000006</v>
      </c>
      <c r="R5135">
        <v>20112.054769999999</v>
      </c>
      <c r="S5135">
        <v>75988.613070000007</v>
      </c>
      <c r="T5135">
        <v>23576.82185</v>
      </c>
      <c r="U5135">
        <v>18595.786899999999</v>
      </c>
      <c r="W5135" s="83">
        <f>Bühler!N5167</f>
        <v>45505.874999987551</v>
      </c>
      <c r="X5135" s="83">
        <v>43314.875</v>
      </c>
      <c r="Y5135">
        <v>200850.57870000001</v>
      </c>
      <c r="Z5135">
        <v>15163.0337</v>
      </c>
      <c r="AA5135">
        <v>62336.112569999998</v>
      </c>
      <c r="AB5135">
        <v>28692.07087</v>
      </c>
      <c r="AC5135">
        <v>35517.93879</v>
      </c>
      <c r="AD5135">
        <v>27519.754799999999</v>
      </c>
      <c r="AE5135">
        <v>48334.99987</v>
      </c>
      <c r="AF5135">
        <v>53964.210149999999</v>
      </c>
      <c r="AG5135">
        <v>30417.626209999999</v>
      </c>
      <c r="AH5135">
        <v>300929.63429999998</v>
      </c>
      <c r="AI5135">
        <v>75108.040800000002</v>
      </c>
      <c r="AJ5135">
        <v>17277.50563</v>
      </c>
      <c r="AK5135">
        <v>38431.500339999999</v>
      </c>
      <c r="AL5135">
        <v>84723.489830000006</v>
      </c>
      <c r="AM5135">
        <v>20112.054769999999</v>
      </c>
      <c r="AN5135">
        <v>75988.613070000007</v>
      </c>
      <c r="AO5135">
        <v>23576.82185</v>
      </c>
      <c r="AP5135">
        <v>18595.786899999999</v>
      </c>
    </row>
    <row r="5136" spans="2:42" x14ac:dyDescent="0.3">
      <c r="B5136">
        <v>58.293174469795972</v>
      </c>
      <c r="C5136" s="83">
        <v>43314.916666666664</v>
      </c>
      <c r="D5136">
        <v>200223.67079999999</v>
      </c>
      <c r="E5136">
        <v>14520.36938</v>
      </c>
      <c r="F5136">
        <v>59997.301520000001</v>
      </c>
      <c r="G5136">
        <v>28861.425210000001</v>
      </c>
      <c r="H5136">
        <v>36451.016219999998</v>
      </c>
      <c r="I5136">
        <v>26924.542560000002</v>
      </c>
      <c r="J5136">
        <v>47262.82778</v>
      </c>
      <c r="K5136">
        <v>56102.461340000002</v>
      </c>
      <c r="L5136">
        <v>27801.975439999998</v>
      </c>
      <c r="M5136">
        <v>297205.788</v>
      </c>
      <c r="N5136">
        <v>75264.448730000004</v>
      </c>
      <c r="O5136">
        <v>17608.215100000001</v>
      </c>
      <c r="P5136">
        <v>39885.998140000003</v>
      </c>
      <c r="Q5136">
        <v>84253.256940000007</v>
      </c>
      <c r="R5136">
        <v>21374.156459999998</v>
      </c>
      <c r="S5136">
        <v>75923.583410000007</v>
      </c>
      <c r="T5136">
        <v>21290.708849999999</v>
      </c>
      <c r="U5136">
        <v>19484.298559999999</v>
      </c>
      <c r="W5136" s="83">
        <f>Bühler!N5168</f>
        <v>45505.916666654215</v>
      </c>
      <c r="X5136" s="83">
        <v>43314.916666666664</v>
      </c>
      <c r="Y5136">
        <v>200223.67079999999</v>
      </c>
      <c r="Z5136">
        <v>14520.36938</v>
      </c>
      <c r="AA5136">
        <v>59997.301520000001</v>
      </c>
      <c r="AB5136">
        <v>28861.425210000001</v>
      </c>
      <c r="AC5136">
        <v>36451.016219999998</v>
      </c>
      <c r="AD5136">
        <v>26924.542560000002</v>
      </c>
      <c r="AE5136">
        <v>47262.82778</v>
      </c>
      <c r="AF5136">
        <v>56102.461340000002</v>
      </c>
      <c r="AG5136">
        <v>27801.975439999998</v>
      </c>
      <c r="AH5136">
        <v>297205.788</v>
      </c>
      <c r="AI5136">
        <v>75264.448730000004</v>
      </c>
      <c r="AJ5136">
        <v>17608.215100000001</v>
      </c>
      <c r="AK5136">
        <v>39885.998140000003</v>
      </c>
      <c r="AL5136">
        <v>84253.256940000007</v>
      </c>
      <c r="AM5136">
        <v>21374.156459999998</v>
      </c>
      <c r="AN5136">
        <v>75923.583410000007</v>
      </c>
      <c r="AO5136">
        <v>21290.708849999999</v>
      </c>
      <c r="AP5136">
        <v>19484.298559999999</v>
      </c>
    </row>
    <row r="5137" spans="2:42" x14ac:dyDescent="0.3">
      <c r="B5137">
        <v>57.936459120900992</v>
      </c>
      <c r="C5137" s="83">
        <v>43314.958333333336</v>
      </c>
      <c r="D5137">
        <v>198644.6347</v>
      </c>
      <c r="E5137">
        <v>13630.26381</v>
      </c>
      <c r="F5137">
        <v>58289.397709999997</v>
      </c>
      <c r="G5137">
        <v>28930.380789999999</v>
      </c>
      <c r="H5137">
        <v>35699.770329999999</v>
      </c>
      <c r="I5137">
        <v>26215.818749999999</v>
      </c>
      <c r="J5137">
        <v>42800.939050000001</v>
      </c>
      <c r="K5137">
        <v>54721.564969999999</v>
      </c>
      <c r="L5137">
        <v>23629.215329999999</v>
      </c>
      <c r="M5137">
        <v>295387.08679999999</v>
      </c>
      <c r="N5137">
        <v>73403.746509999997</v>
      </c>
      <c r="O5137">
        <v>17013.243289999999</v>
      </c>
      <c r="P5137">
        <v>34784.609279999997</v>
      </c>
      <c r="Q5137">
        <v>82954.895929999999</v>
      </c>
      <c r="R5137">
        <v>21541.05257</v>
      </c>
      <c r="S5137">
        <v>73780.232879999996</v>
      </c>
      <c r="T5137">
        <v>19137.38838</v>
      </c>
      <c r="U5137">
        <v>18470.85167</v>
      </c>
      <c r="W5137" s="83">
        <f>Bühler!N5169</f>
        <v>45505.958333320879</v>
      </c>
      <c r="X5137" s="83">
        <v>43314.958333333336</v>
      </c>
      <c r="Y5137">
        <v>198644.6347</v>
      </c>
      <c r="Z5137">
        <v>13630.26381</v>
      </c>
      <c r="AA5137">
        <v>58289.397709999997</v>
      </c>
      <c r="AB5137">
        <v>28930.380789999999</v>
      </c>
      <c r="AC5137">
        <v>35699.770329999999</v>
      </c>
      <c r="AD5137">
        <v>26215.818749999999</v>
      </c>
      <c r="AE5137">
        <v>42800.939050000001</v>
      </c>
      <c r="AF5137">
        <v>54721.564969999999</v>
      </c>
      <c r="AG5137">
        <v>23629.215329999999</v>
      </c>
      <c r="AH5137">
        <v>295387.08679999999</v>
      </c>
      <c r="AI5137">
        <v>73403.746509999997</v>
      </c>
      <c r="AJ5137">
        <v>17013.243289999999</v>
      </c>
      <c r="AK5137">
        <v>34784.609279999997</v>
      </c>
      <c r="AL5137">
        <v>82954.895929999999</v>
      </c>
      <c r="AM5137">
        <v>21541.05257</v>
      </c>
      <c r="AN5137">
        <v>73780.232879999996</v>
      </c>
      <c r="AO5137">
        <v>19137.38838</v>
      </c>
      <c r="AP5137">
        <v>18470.85167</v>
      </c>
    </row>
    <row r="5138" spans="2:42" x14ac:dyDescent="0.3">
      <c r="B5138">
        <v>56.785410941626552</v>
      </c>
      <c r="C5138" s="83">
        <v>43315</v>
      </c>
      <c r="D5138">
        <v>197360.1085</v>
      </c>
      <c r="E5138">
        <v>13108.029759999999</v>
      </c>
      <c r="F5138">
        <v>56404.978389999997</v>
      </c>
      <c r="G5138">
        <v>28638.539690000001</v>
      </c>
      <c r="H5138">
        <v>34972.890440000003</v>
      </c>
      <c r="I5138">
        <v>24651.399000000001</v>
      </c>
      <c r="J5138">
        <v>38872.671600000001</v>
      </c>
      <c r="K5138">
        <v>52849.813900000001</v>
      </c>
      <c r="L5138">
        <v>20209.093130000001</v>
      </c>
      <c r="M5138">
        <v>289518.50640000001</v>
      </c>
      <c r="N5138">
        <v>71949.288889999996</v>
      </c>
      <c r="O5138">
        <v>16428.31756</v>
      </c>
      <c r="P5138">
        <v>30685.822980000001</v>
      </c>
      <c r="Q5138">
        <v>82361.770810000002</v>
      </c>
      <c r="R5138">
        <v>17651.747640000001</v>
      </c>
      <c r="S5138">
        <v>72198.014909999998</v>
      </c>
      <c r="T5138">
        <v>18297.029009999998</v>
      </c>
      <c r="U5138">
        <v>18158.641530000001</v>
      </c>
      <c r="W5138" s="83">
        <f>Bühler!N5170</f>
        <v>45505.999999987544</v>
      </c>
      <c r="X5138" s="83">
        <v>43315</v>
      </c>
      <c r="Y5138">
        <v>197360.1085</v>
      </c>
      <c r="Z5138">
        <v>13108.029759999999</v>
      </c>
      <c r="AA5138">
        <v>56404.978389999997</v>
      </c>
      <c r="AB5138">
        <v>28638.539690000001</v>
      </c>
      <c r="AC5138">
        <v>34972.890440000003</v>
      </c>
      <c r="AD5138">
        <v>24651.399000000001</v>
      </c>
      <c r="AE5138">
        <v>38872.671600000001</v>
      </c>
      <c r="AF5138">
        <v>52849.813900000001</v>
      </c>
      <c r="AG5138">
        <v>20209.093130000001</v>
      </c>
      <c r="AH5138">
        <v>289518.50640000001</v>
      </c>
      <c r="AI5138">
        <v>71949.288889999996</v>
      </c>
      <c r="AJ5138">
        <v>16428.31756</v>
      </c>
      <c r="AK5138">
        <v>30685.822980000001</v>
      </c>
      <c r="AL5138">
        <v>82361.770810000002</v>
      </c>
      <c r="AM5138">
        <v>17651.747640000001</v>
      </c>
      <c r="AN5138">
        <v>72198.014909999998</v>
      </c>
      <c r="AO5138">
        <v>18297.029009999998</v>
      </c>
      <c r="AP5138">
        <v>18158.641530000001</v>
      </c>
    </row>
    <row r="5139" spans="2:42" x14ac:dyDescent="0.3">
      <c r="B5139">
        <v>56.252982772460925</v>
      </c>
      <c r="C5139" s="83">
        <v>43315.041666666664</v>
      </c>
      <c r="D5139">
        <v>194894.83929999999</v>
      </c>
      <c r="E5139">
        <v>12941.300139999999</v>
      </c>
      <c r="F5139">
        <v>55988.514920000001</v>
      </c>
      <c r="G5139">
        <v>28249.844270000001</v>
      </c>
      <c r="H5139">
        <v>34559.500870000003</v>
      </c>
      <c r="I5139">
        <v>21498.61433</v>
      </c>
      <c r="J5139">
        <v>37086.578959999999</v>
      </c>
      <c r="K5139">
        <v>50526.766589999999</v>
      </c>
      <c r="L5139">
        <v>18883.24481</v>
      </c>
      <c r="M5139">
        <v>286803.93930000003</v>
      </c>
      <c r="N5139">
        <v>70531.379159999997</v>
      </c>
      <c r="O5139">
        <v>16406.448789999999</v>
      </c>
      <c r="P5139">
        <v>28202.683239999998</v>
      </c>
      <c r="Q5139">
        <v>82340.204119999995</v>
      </c>
      <c r="R5139">
        <v>15302.311830000001</v>
      </c>
      <c r="S5139">
        <v>71219.483559999993</v>
      </c>
      <c r="T5139">
        <v>17616.620210000001</v>
      </c>
      <c r="U5139">
        <v>17962.242969999999</v>
      </c>
      <c r="W5139" s="83">
        <f>Bühler!N5171</f>
        <v>45506.041666654208</v>
      </c>
      <c r="X5139" s="83">
        <v>43315.041666666664</v>
      </c>
      <c r="Y5139">
        <v>194894.83929999999</v>
      </c>
      <c r="Z5139">
        <v>12941.300139999999</v>
      </c>
      <c r="AA5139">
        <v>55988.514920000001</v>
      </c>
      <c r="AB5139">
        <v>28249.844270000001</v>
      </c>
      <c r="AC5139">
        <v>34559.500870000003</v>
      </c>
      <c r="AD5139">
        <v>21498.61433</v>
      </c>
      <c r="AE5139">
        <v>37086.578959999999</v>
      </c>
      <c r="AF5139">
        <v>50526.766589999999</v>
      </c>
      <c r="AG5139">
        <v>18883.24481</v>
      </c>
      <c r="AH5139">
        <v>286803.93930000003</v>
      </c>
      <c r="AI5139">
        <v>70531.379159999997</v>
      </c>
      <c r="AJ5139">
        <v>16406.448789999999</v>
      </c>
      <c r="AK5139">
        <v>28202.683239999998</v>
      </c>
      <c r="AL5139">
        <v>82340.204119999995</v>
      </c>
      <c r="AM5139">
        <v>15302.311830000001</v>
      </c>
      <c r="AN5139">
        <v>71219.483559999993</v>
      </c>
      <c r="AO5139">
        <v>17616.620210000001</v>
      </c>
      <c r="AP5139">
        <v>17962.242969999999</v>
      </c>
    </row>
    <row r="5140" spans="2:42" x14ac:dyDescent="0.3">
      <c r="B5140">
        <v>56.10983574528646</v>
      </c>
      <c r="C5140" s="83">
        <v>43315.083333333336</v>
      </c>
      <c r="D5140">
        <v>195134.10949999999</v>
      </c>
      <c r="E5140">
        <v>12396.2875</v>
      </c>
      <c r="F5140">
        <v>56817.52291</v>
      </c>
      <c r="G5140">
        <v>27326.601429999999</v>
      </c>
      <c r="H5140">
        <v>34130.39013</v>
      </c>
      <c r="I5140">
        <v>19534.512879999998</v>
      </c>
      <c r="J5140">
        <v>36244.5942</v>
      </c>
      <c r="K5140">
        <v>49464.284659999998</v>
      </c>
      <c r="L5140">
        <v>17997.491330000001</v>
      </c>
      <c r="M5140">
        <v>286074.109</v>
      </c>
      <c r="N5140">
        <v>70813.032279999999</v>
      </c>
      <c r="O5140">
        <v>16050.565420000001</v>
      </c>
      <c r="P5140">
        <v>26045.109629999999</v>
      </c>
      <c r="Q5140">
        <v>85153.188420000006</v>
      </c>
      <c r="R5140">
        <v>15737.622240000001</v>
      </c>
      <c r="S5140">
        <v>69945.864610000004</v>
      </c>
      <c r="T5140">
        <v>17238.05776</v>
      </c>
      <c r="U5140">
        <v>17323.862819999998</v>
      </c>
      <c r="W5140" s="83">
        <f>Bühler!N5172</f>
        <v>45506.083333320872</v>
      </c>
      <c r="X5140" s="83">
        <v>43315.083333333336</v>
      </c>
      <c r="Y5140">
        <v>195134.10949999999</v>
      </c>
      <c r="Z5140">
        <v>12396.2875</v>
      </c>
      <c r="AA5140">
        <v>56817.52291</v>
      </c>
      <c r="AB5140">
        <v>27326.601429999999</v>
      </c>
      <c r="AC5140">
        <v>34130.39013</v>
      </c>
      <c r="AD5140">
        <v>19534.512879999998</v>
      </c>
      <c r="AE5140">
        <v>36244.5942</v>
      </c>
      <c r="AF5140">
        <v>49464.284659999998</v>
      </c>
      <c r="AG5140">
        <v>17997.491330000001</v>
      </c>
      <c r="AH5140">
        <v>286074.109</v>
      </c>
      <c r="AI5140">
        <v>70813.032279999999</v>
      </c>
      <c r="AJ5140">
        <v>16050.565420000001</v>
      </c>
      <c r="AK5140">
        <v>26045.109629999999</v>
      </c>
      <c r="AL5140">
        <v>85153.188420000006</v>
      </c>
      <c r="AM5140">
        <v>15737.622240000001</v>
      </c>
      <c r="AN5140">
        <v>69945.864610000004</v>
      </c>
      <c r="AO5140">
        <v>17238.05776</v>
      </c>
      <c r="AP5140">
        <v>17323.862819999998</v>
      </c>
    </row>
    <row r="5141" spans="2:42" x14ac:dyDescent="0.3">
      <c r="B5141">
        <v>56.627317831671675</v>
      </c>
      <c r="C5141" s="83">
        <v>43315.125</v>
      </c>
      <c r="D5141">
        <v>194773.52110000001</v>
      </c>
      <c r="E5141">
        <v>12454.042719999999</v>
      </c>
      <c r="F5141">
        <v>58944.773269999998</v>
      </c>
      <c r="G5141">
        <v>26665.829399999999</v>
      </c>
      <c r="H5141">
        <v>33884.342669999998</v>
      </c>
      <c r="I5141">
        <v>19100.235970000002</v>
      </c>
      <c r="J5141">
        <v>36202.936900000001</v>
      </c>
      <c r="K5141">
        <v>47715.405270000003</v>
      </c>
      <c r="L5141">
        <v>17626.72999</v>
      </c>
      <c r="M5141">
        <v>288712.47399999999</v>
      </c>
      <c r="N5141">
        <v>70292.792369999996</v>
      </c>
      <c r="O5141">
        <v>16357.90444</v>
      </c>
      <c r="P5141">
        <v>25407.033220000001</v>
      </c>
      <c r="Q5141">
        <v>87895.430489999999</v>
      </c>
      <c r="R5141">
        <v>15167.05962</v>
      </c>
      <c r="S5141">
        <v>69447.671109999996</v>
      </c>
      <c r="T5141">
        <v>16852.809990000002</v>
      </c>
      <c r="U5141">
        <v>17252.018810000001</v>
      </c>
      <c r="W5141" s="83">
        <f>Bühler!N5173</f>
        <v>45506.124999987536</v>
      </c>
      <c r="X5141" s="83">
        <v>43315.125</v>
      </c>
      <c r="Y5141">
        <v>194773.52110000001</v>
      </c>
      <c r="Z5141">
        <v>12454.042719999999</v>
      </c>
      <c r="AA5141">
        <v>58944.773269999998</v>
      </c>
      <c r="AB5141">
        <v>26665.829399999999</v>
      </c>
      <c r="AC5141">
        <v>33884.342669999998</v>
      </c>
      <c r="AD5141">
        <v>19100.235970000002</v>
      </c>
      <c r="AE5141">
        <v>36202.936900000001</v>
      </c>
      <c r="AF5141">
        <v>47715.405270000003</v>
      </c>
      <c r="AG5141">
        <v>17626.72999</v>
      </c>
      <c r="AH5141">
        <v>288712.47399999999</v>
      </c>
      <c r="AI5141">
        <v>70292.792369999996</v>
      </c>
      <c r="AJ5141">
        <v>16357.90444</v>
      </c>
      <c r="AK5141">
        <v>25407.033220000001</v>
      </c>
      <c r="AL5141">
        <v>87895.430489999999</v>
      </c>
      <c r="AM5141">
        <v>15167.05962</v>
      </c>
      <c r="AN5141">
        <v>69447.671109999996</v>
      </c>
      <c r="AO5141">
        <v>16852.809990000002</v>
      </c>
      <c r="AP5141">
        <v>17252.018810000001</v>
      </c>
    </row>
    <row r="5142" spans="2:42" x14ac:dyDescent="0.3">
      <c r="B5142">
        <v>57.568402420289281</v>
      </c>
      <c r="C5142" s="83">
        <v>43315.166666666664</v>
      </c>
      <c r="D5142">
        <v>195438.12109999999</v>
      </c>
      <c r="E5142">
        <v>12942.063679999999</v>
      </c>
      <c r="F5142">
        <v>63472.15395</v>
      </c>
      <c r="G5142">
        <v>26338.8541</v>
      </c>
      <c r="H5142">
        <v>34340.054580000004</v>
      </c>
      <c r="I5142">
        <v>20507.077580000001</v>
      </c>
      <c r="J5142">
        <v>38452.805390000001</v>
      </c>
      <c r="K5142">
        <v>47734.154499999997</v>
      </c>
      <c r="L5142">
        <v>17382.2071</v>
      </c>
      <c r="M5142">
        <v>293510.56209999998</v>
      </c>
      <c r="N5142">
        <v>70534.439199999993</v>
      </c>
      <c r="O5142">
        <v>16407.027559999999</v>
      </c>
      <c r="P5142">
        <v>25211.039229999998</v>
      </c>
      <c r="Q5142">
        <v>90954.039799999999</v>
      </c>
      <c r="R5142">
        <v>15047.287270000001</v>
      </c>
      <c r="S5142">
        <v>69750.648060000007</v>
      </c>
      <c r="T5142">
        <v>16968.73474</v>
      </c>
      <c r="U5142">
        <v>17270.601920000001</v>
      </c>
      <c r="W5142" s="83">
        <f>Bühler!N5174</f>
        <v>45506.166666654201</v>
      </c>
      <c r="X5142" s="83">
        <v>43315.166666666664</v>
      </c>
      <c r="Y5142">
        <v>195438.12109999999</v>
      </c>
      <c r="Z5142">
        <v>12942.063679999999</v>
      </c>
      <c r="AA5142">
        <v>63472.15395</v>
      </c>
      <c r="AB5142">
        <v>26338.8541</v>
      </c>
      <c r="AC5142">
        <v>34340.054580000004</v>
      </c>
      <c r="AD5142">
        <v>20507.077580000001</v>
      </c>
      <c r="AE5142">
        <v>38452.805390000001</v>
      </c>
      <c r="AF5142">
        <v>47734.154499999997</v>
      </c>
      <c r="AG5142">
        <v>17382.2071</v>
      </c>
      <c r="AH5142">
        <v>293510.56209999998</v>
      </c>
      <c r="AI5142">
        <v>70534.439199999993</v>
      </c>
      <c r="AJ5142">
        <v>16407.027559999999</v>
      </c>
      <c r="AK5142">
        <v>25211.039229999998</v>
      </c>
      <c r="AL5142">
        <v>90954.039799999999</v>
      </c>
      <c r="AM5142">
        <v>15047.287270000001</v>
      </c>
      <c r="AN5142">
        <v>69750.648060000007</v>
      </c>
      <c r="AO5142">
        <v>16968.73474</v>
      </c>
      <c r="AP5142">
        <v>17270.601920000001</v>
      </c>
    </row>
    <row r="5143" spans="2:42" x14ac:dyDescent="0.3">
      <c r="B5143">
        <v>59.781590454334818</v>
      </c>
      <c r="C5143" s="83">
        <v>43315.208333333336</v>
      </c>
      <c r="D5143">
        <v>205909.2972</v>
      </c>
      <c r="E5143">
        <v>14442.2336</v>
      </c>
      <c r="F5143">
        <v>72119.35153</v>
      </c>
      <c r="G5143">
        <v>26902.02463</v>
      </c>
      <c r="H5143">
        <v>35901.320540000001</v>
      </c>
      <c r="I5143">
        <v>26603.503939999999</v>
      </c>
      <c r="J5143">
        <v>41321.958019999998</v>
      </c>
      <c r="K5143">
        <v>48902.458919999997</v>
      </c>
      <c r="L5143">
        <v>18176.30645</v>
      </c>
      <c r="M5143">
        <v>304794.42680000002</v>
      </c>
      <c r="N5143">
        <v>71403.313399999999</v>
      </c>
      <c r="O5143">
        <v>16493.155910000001</v>
      </c>
      <c r="P5143">
        <v>26506.070309999999</v>
      </c>
      <c r="Q5143">
        <v>92600.242719999995</v>
      </c>
      <c r="R5143">
        <v>17274.673409999999</v>
      </c>
      <c r="S5143">
        <v>71888.338459999999</v>
      </c>
      <c r="T5143">
        <v>17800.290420000001</v>
      </c>
      <c r="U5143">
        <v>18800.481390000001</v>
      </c>
      <c r="W5143" s="83">
        <f>Bühler!N5175</f>
        <v>45506.208333320865</v>
      </c>
      <c r="X5143" s="83">
        <v>43315.208333333336</v>
      </c>
      <c r="Y5143">
        <v>205909.2972</v>
      </c>
      <c r="Z5143">
        <v>14442.2336</v>
      </c>
      <c r="AA5143">
        <v>72119.35153</v>
      </c>
      <c r="AB5143">
        <v>26902.02463</v>
      </c>
      <c r="AC5143">
        <v>35901.320540000001</v>
      </c>
      <c r="AD5143">
        <v>26603.503939999999</v>
      </c>
      <c r="AE5143">
        <v>41321.958019999998</v>
      </c>
      <c r="AF5143">
        <v>48902.458919999997</v>
      </c>
      <c r="AG5143">
        <v>18176.30645</v>
      </c>
      <c r="AH5143">
        <v>304794.42680000002</v>
      </c>
      <c r="AI5143">
        <v>71403.313399999999</v>
      </c>
      <c r="AJ5143">
        <v>16493.155910000001</v>
      </c>
      <c r="AK5143">
        <v>26506.070309999999</v>
      </c>
      <c r="AL5143">
        <v>92600.242719999995</v>
      </c>
      <c r="AM5143">
        <v>17274.673409999999</v>
      </c>
      <c r="AN5143">
        <v>71888.338459999999</v>
      </c>
      <c r="AO5143">
        <v>17800.290420000001</v>
      </c>
      <c r="AP5143">
        <v>18800.481390000001</v>
      </c>
    </row>
    <row r="5144" spans="2:42" x14ac:dyDescent="0.3">
      <c r="B5144">
        <v>61.866657764188318</v>
      </c>
      <c r="C5144" s="83">
        <v>43315.25</v>
      </c>
      <c r="D5144">
        <v>217352.04490000001</v>
      </c>
      <c r="E5144">
        <v>18308.72568</v>
      </c>
      <c r="F5144">
        <v>82062.136629999994</v>
      </c>
      <c r="G5144">
        <v>27725.31998</v>
      </c>
      <c r="H5144">
        <v>36890.708570000003</v>
      </c>
      <c r="I5144">
        <v>30131.523799999999</v>
      </c>
      <c r="J5144">
        <v>43527.41532</v>
      </c>
      <c r="K5144">
        <v>49290.717149999997</v>
      </c>
      <c r="L5144">
        <v>19359.146720000001</v>
      </c>
      <c r="M5144">
        <v>315425.0723</v>
      </c>
      <c r="N5144">
        <v>72714.247000000003</v>
      </c>
      <c r="O5144">
        <v>18079.13538</v>
      </c>
      <c r="P5144">
        <v>27073.50144</v>
      </c>
      <c r="Q5144">
        <v>92739.959300000002</v>
      </c>
      <c r="R5144">
        <v>17249.02103</v>
      </c>
      <c r="S5144">
        <v>79293.703519999995</v>
      </c>
      <c r="T5144">
        <v>19729.014070000001</v>
      </c>
      <c r="U5144">
        <v>21107.977800000001</v>
      </c>
      <c r="W5144" s="83">
        <f>Bühler!N5176</f>
        <v>45506.249999987529</v>
      </c>
      <c r="X5144" s="83">
        <v>43315.25</v>
      </c>
      <c r="Y5144">
        <v>217352.04490000001</v>
      </c>
      <c r="Z5144">
        <v>18308.72568</v>
      </c>
      <c r="AA5144">
        <v>82062.136629999994</v>
      </c>
      <c r="AB5144">
        <v>27725.31998</v>
      </c>
      <c r="AC5144">
        <v>36890.708570000003</v>
      </c>
      <c r="AD5144">
        <v>30131.523799999999</v>
      </c>
      <c r="AE5144">
        <v>43527.41532</v>
      </c>
      <c r="AF5144">
        <v>49290.717149999997</v>
      </c>
      <c r="AG5144">
        <v>19359.146720000001</v>
      </c>
      <c r="AH5144">
        <v>315425.0723</v>
      </c>
      <c r="AI5144">
        <v>72714.247000000003</v>
      </c>
      <c r="AJ5144">
        <v>18079.13538</v>
      </c>
      <c r="AK5144">
        <v>27073.50144</v>
      </c>
      <c r="AL5144">
        <v>92739.959300000002</v>
      </c>
      <c r="AM5144">
        <v>17249.02103</v>
      </c>
      <c r="AN5144">
        <v>79293.703519999995</v>
      </c>
      <c r="AO5144">
        <v>19729.014070000001</v>
      </c>
      <c r="AP5144">
        <v>21107.977800000001</v>
      </c>
    </row>
    <row r="5145" spans="2:42" x14ac:dyDescent="0.3">
      <c r="B5145">
        <v>63.54230911245692</v>
      </c>
      <c r="C5145" s="83">
        <v>43315.291666666664</v>
      </c>
      <c r="D5145">
        <v>226302.3548</v>
      </c>
      <c r="E5145">
        <v>22215.159940000001</v>
      </c>
      <c r="F5145">
        <v>84968.078200000004</v>
      </c>
      <c r="G5145">
        <v>29363.67798</v>
      </c>
      <c r="H5145">
        <v>40030.556550000001</v>
      </c>
      <c r="I5145">
        <v>33217.417630000004</v>
      </c>
      <c r="J5145">
        <v>44666.857680000001</v>
      </c>
      <c r="K5145">
        <v>52862.62859</v>
      </c>
      <c r="L5145">
        <v>22105.358039999999</v>
      </c>
      <c r="M5145">
        <v>323968.32429999998</v>
      </c>
      <c r="N5145">
        <v>75813.015360000005</v>
      </c>
      <c r="O5145">
        <v>20551.023399999998</v>
      </c>
      <c r="P5145">
        <v>30148.122240000001</v>
      </c>
      <c r="Q5145">
        <v>92268.965599999996</v>
      </c>
      <c r="R5145">
        <v>17636.787120000001</v>
      </c>
      <c r="S5145">
        <v>90581.498089999994</v>
      </c>
      <c r="T5145">
        <v>21385.870340000001</v>
      </c>
      <c r="U5145">
        <v>23982.944060000002</v>
      </c>
      <c r="W5145" s="83">
        <f>Bühler!N5177</f>
        <v>45506.291666654193</v>
      </c>
      <c r="X5145" s="83">
        <v>43315.291666666664</v>
      </c>
      <c r="Y5145">
        <v>226302.3548</v>
      </c>
      <c r="Z5145">
        <v>22215.159940000001</v>
      </c>
      <c r="AA5145">
        <v>84968.078200000004</v>
      </c>
      <c r="AB5145">
        <v>29363.67798</v>
      </c>
      <c r="AC5145">
        <v>40030.556550000001</v>
      </c>
      <c r="AD5145">
        <v>33217.417630000004</v>
      </c>
      <c r="AE5145">
        <v>44666.857680000001</v>
      </c>
      <c r="AF5145">
        <v>52862.62859</v>
      </c>
      <c r="AG5145">
        <v>22105.358039999999</v>
      </c>
      <c r="AH5145">
        <v>323968.32429999998</v>
      </c>
      <c r="AI5145">
        <v>75813.015360000005</v>
      </c>
      <c r="AJ5145">
        <v>20551.023399999998</v>
      </c>
      <c r="AK5145">
        <v>30148.122240000001</v>
      </c>
      <c r="AL5145">
        <v>92268.965599999996</v>
      </c>
      <c r="AM5145">
        <v>17636.787120000001</v>
      </c>
      <c r="AN5145">
        <v>90581.498089999994</v>
      </c>
      <c r="AO5145">
        <v>21385.870340000001</v>
      </c>
      <c r="AP5145">
        <v>23982.944060000002</v>
      </c>
    </row>
    <row r="5146" spans="2:42" x14ac:dyDescent="0.3">
      <c r="B5146">
        <v>64.463541319355912</v>
      </c>
      <c r="C5146" s="83">
        <v>43315.333333333336</v>
      </c>
      <c r="D5146">
        <v>233334.12160000001</v>
      </c>
      <c r="E5146">
        <v>27740.980660000001</v>
      </c>
      <c r="F5146">
        <v>91717.798209999994</v>
      </c>
      <c r="G5146">
        <v>31677.638169999998</v>
      </c>
      <c r="H5146">
        <v>43719.465199999999</v>
      </c>
      <c r="I5146">
        <v>35589.480680000001</v>
      </c>
      <c r="J5146">
        <v>47329.360500000003</v>
      </c>
      <c r="K5146">
        <v>58003.243750000001</v>
      </c>
      <c r="L5146">
        <v>25348.46674</v>
      </c>
      <c r="M5146">
        <v>328665.19569999998</v>
      </c>
      <c r="N5146">
        <v>81581.522620000003</v>
      </c>
      <c r="O5146">
        <v>22488.38306</v>
      </c>
      <c r="P5146">
        <v>32892.632799999999</v>
      </c>
      <c r="Q5146">
        <v>93384.967229999995</v>
      </c>
      <c r="R5146">
        <v>20897.822199999999</v>
      </c>
      <c r="S5146">
        <v>101487.0566</v>
      </c>
      <c r="T5146">
        <v>23937.853490000001</v>
      </c>
      <c r="U5146">
        <v>26866.95923</v>
      </c>
      <c r="W5146" s="83">
        <f>Bühler!N5178</f>
        <v>45506.333333320857</v>
      </c>
      <c r="X5146" s="83">
        <v>43315.333333333336</v>
      </c>
      <c r="Y5146">
        <v>233334.12160000001</v>
      </c>
      <c r="Z5146">
        <v>27740.980660000001</v>
      </c>
      <c r="AA5146">
        <v>91717.798209999994</v>
      </c>
      <c r="AB5146">
        <v>31677.638169999998</v>
      </c>
      <c r="AC5146">
        <v>43719.465199999999</v>
      </c>
      <c r="AD5146">
        <v>35589.480680000001</v>
      </c>
      <c r="AE5146">
        <v>47329.360500000003</v>
      </c>
      <c r="AF5146">
        <v>58003.243750000001</v>
      </c>
      <c r="AG5146">
        <v>25348.46674</v>
      </c>
      <c r="AH5146">
        <v>328665.19569999998</v>
      </c>
      <c r="AI5146">
        <v>81581.522620000003</v>
      </c>
      <c r="AJ5146">
        <v>22488.38306</v>
      </c>
      <c r="AK5146">
        <v>32892.632799999999</v>
      </c>
      <c r="AL5146">
        <v>93384.967229999995</v>
      </c>
      <c r="AM5146">
        <v>20897.822199999999</v>
      </c>
      <c r="AN5146">
        <v>101487.0566</v>
      </c>
      <c r="AO5146">
        <v>23937.853490000001</v>
      </c>
      <c r="AP5146">
        <v>26866.95923</v>
      </c>
    </row>
    <row r="5147" spans="2:42" x14ac:dyDescent="0.3">
      <c r="B5147">
        <v>64.938139509813297</v>
      </c>
      <c r="C5147" s="83">
        <v>43315.375</v>
      </c>
      <c r="D5147">
        <v>234555.51190000001</v>
      </c>
      <c r="E5147">
        <v>32065.42812</v>
      </c>
      <c r="F5147">
        <v>96536.879749999993</v>
      </c>
      <c r="G5147">
        <v>33344.464489999998</v>
      </c>
      <c r="H5147">
        <v>45880.137329999998</v>
      </c>
      <c r="I5147">
        <v>35537.460489999998</v>
      </c>
      <c r="J5147">
        <v>50657.673589999999</v>
      </c>
      <c r="K5147">
        <v>61620.350030000001</v>
      </c>
      <c r="L5147">
        <v>28578.681550000001</v>
      </c>
      <c r="M5147">
        <v>331084.91859999998</v>
      </c>
      <c r="N5147">
        <v>83702.440889999998</v>
      </c>
      <c r="O5147">
        <v>23016.42253</v>
      </c>
      <c r="P5147">
        <v>36784.835729999999</v>
      </c>
      <c r="Q5147">
        <v>95511.265039999998</v>
      </c>
      <c r="R5147">
        <v>23008.45422</v>
      </c>
      <c r="S5147">
        <v>108248.6165</v>
      </c>
      <c r="T5147">
        <v>25768.215700000001</v>
      </c>
      <c r="U5147">
        <v>26672.465489999999</v>
      </c>
      <c r="W5147" s="83">
        <f>Bühler!N5179</f>
        <v>45506.374999987522</v>
      </c>
      <c r="X5147" s="83">
        <v>43315.375</v>
      </c>
      <c r="Y5147">
        <v>234555.51190000001</v>
      </c>
      <c r="Z5147">
        <v>32065.42812</v>
      </c>
      <c r="AA5147">
        <v>96536.879749999993</v>
      </c>
      <c r="AB5147">
        <v>33344.464489999998</v>
      </c>
      <c r="AC5147">
        <v>45880.137329999998</v>
      </c>
      <c r="AD5147">
        <v>35537.460489999998</v>
      </c>
      <c r="AE5147">
        <v>50657.673589999999</v>
      </c>
      <c r="AF5147">
        <v>61620.350030000001</v>
      </c>
      <c r="AG5147">
        <v>28578.681550000001</v>
      </c>
      <c r="AH5147">
        <v>331084.91859999998</v>
      </c>
      <c r="AI5147">
        <v>83702.440889999998</v>
      </c>
      <c r="AJ5147">
        <v>23016.42253</v>
      </c>
      <c r="AK5147">
        <v>36784.835729999999</v>
      </c>
      <c r="AL5147">
        <v>95511.265039999998</v>
      </c>
      <c r="AM5147">
        <v>23008.45422</v>
      </c>
      <c r="AN5147">
        <v>108248.6165</v>
      </c>
      <c r="AO5147">
        <v>25768.215700000001</v>
      </c>
      <c r="AP5147">
        <v>26672.465489999999</v>
      </c>
    </row>
    <row r="5148" spans="2:42" x14ac:dyDescent="0.3">
      <c r="B5148">
        <v>65.32619036026594</v>
      </c>
      <c r="C5148" s="83">
        <v>43315.416666666664</v>
      </c>
      <c r="D5148">
        <v>234816.0226</v>
      </c>
      <c r="E5148">
        <v>34284.206899999997</v>
      </c>
      <c r="F5148">
        <v>98692.854909999995</v>
      </c>
      <c r="G5148">
        <v>33996.503080000002</v>
      </c>
      <c r="H5148">
        <v>46786.332249999999</v>
      </c>
      <c r="I5148">
        <v>34460.627180000003</v>
      </c>
      <c r="J5148">
        <v>51769.262390000004</v>
      </c>
      <c r="K5148">
        <v>62872.06295</v>
      </c>
      <c r="L5148">
        <v>31846.33395</v>
      </c>
      <c r="M5148">
        <v>333063.38280000002</v>
      </c>
      <c r="N5148">
        <v>87933.949940000006</v>
      </c>
      <c r="O5148">
        <v>23218.045020000001</v>
      </c>
      <c r="P5148">
        <v>39018.965049999999</v>
      </c>
      <c r="Q5148">
        <v>96302.953210000007</v>
      </c>
      <c r="R5148">
        <v>23256.660599999999</v>
      </c>
      <c r="S5148">
        <v>108421.3028</v>
      </c>
      <c r="T5148">
        <v>27402.930469999999</v>
      </c>
      <c r="U5148">
        <v>26333.211309999999</v>
      </c>
      <c r="W5148" s="83">
        <f>Bühler!N5180</f>
        <v>45506.416666654186</v>
      </c>
      <c r="X5148" s="83">
        <v>43315.416666666664</v>
      </c>
      <c r="Y5148">
        <v>234816.0226</v>
      </c>
      <c r="Z5148">
        <v>34284.206899999997</v>
      </c>
      <c r="AA5148">
        <v>98692.854909999995</v>
      </c>
      <c r="AB5148">
        <v>33996.503080000002</v>
      </c>
      <c r="AC5148">
        <v>46786.332249999999</v>
      </c>
      <c r="AD5148">
        <v>34460.627180000003</v>
      </c>
      <c r="AE5148">
        <v>51769.262390000004</v>
      </c>
      <c r="AF5148">
        <v>62872.06295</v>
      </c>
      <c r="AG5148">
        <v>31846.33395</v>
      </c>
      <c r="AH5148">
        <v>333063.38280000002</v>
      </c>
      <c r="AI5148">
        <v>87933.949940000006</v>
      </c>
      <c r="AJ5148">
        <v>23218.045020000001</v>
      </c>
      <c r="AK5148">
        <v>39018.965049999999</v>
      </c>
      <c r="AL5148">
        <v>96302.953210000007</v>
      </c>
      <c r="AM5148">
        <v>23256.660599999999</v>
      </c>
      <c r="AN5148">
        <v>108421.3028</v>
      </c>
      <c r="AO5148">
        <v>27402.930469999999</v>
      </c>
      <c r="AP5148">
        <v>26333.211309999999</v>
      </c>
    </row>
    <row r="5149" spans="2:42" x14ac:dyDescent="0.3">
      <c r="B5149">
        <v>65.912204643701216</v>
      </c>
      <c r="C5149" s="83">
        <v>43315.458333333336</v>
      </c>
      <c r="D5149">
        <v>229321.2182</v>
      </c>
      <c r="E5149">
        <v>34310.210070000001</v>
      </c>
      <c r="F5149">
        <v>100230.61109999999</v>
      </c>
      <c r="G5149">
        <v>35187.412779999999</v>
      </c>
      <c r="H5149">
        <v>46635.940320000002</v>
      </c>
      <c r="I5149">
        <v>34042.264750000002</v>
      </c>
      <c r="J5149">
        <v>51119.103640000001</v>
      </c>
      <c r="K5149">
        <v>64205.888299999999</v>
      </c>
      <c r="L5149">
        <v>33576.658190000002</v>
      </c>
      <c r="M5149">
        <v>336051.1569</v>
      </c>
      <c r="N5149">
        <v>89030.129119999998</v>
      </c>
      <c r="O5149">
        <v>23010.744579999999</v>
      </c>
      <c r="P5149">
        <v>38300.793109999999</v>
      </c>
      <c r="Q5149">
        <v>95608.496140000003</v>
      </c>
      <c r="R5149">
        <v>26013.084579999999</v>
      </c>
      <c r="S5149">
        <v>111558.58130000001</v>
      </c>
      <c r="T5149">
        <v>28067.040270000001</v>
      </c>
      <c r="U5149">
        <v>25419.531910000002</v>
      </c>
      <c r="W5149" s="83">
        <f>Bühler!N5181</f>
        <v>45506.45833332085</v>
      </c>
      <c r="X5149" s="83">
        <v>43315.458333333336</v>
      </c>
      <c r="Y5149">
        <v>229321.2182</v>
      </c>
      <c r="Z5149">
        <v>34310.210070000001</v>
      </c>
      <c r="AA5149">
        <v>100230.61109999999</v>
      </c>
      <c r="AB5149">
        <v>35187.412779999999</v>
      </c>
      <c r="AC5149">
        <v>46635.940320000002</v>
      </c>
      <c r="AD5149">
        <v>34042.264750000002</v>
      </c>
      <c r="AE5149">
        <v>51119.103640000001</v>
      </c>
      <c r="AF5149">
        <v>64205.888299999999</v>
      </c>
      <c r="AG5149">
        <v>33576.658190000002</v>
      </c>
      <c r="AH5149">
        <v>336051.1569</v>
      </c>
      <c r="AI5149">
        <v>89030.129119999998</v>
      </c>
      <c r="AJ5149">
        <v>23010.744579999999</v>
      </c>
      <c r="AK5149">
        <v>38300.793109999999</v>
      </c>
      <c r="AL5149">
        <v>95608.496140000003</v>
      </c>
      <c r="AM5149">
        <v>26013.084579999999</v>
      </c>
      <c r="AN5149">
        <v>111558.58130000001</v>
      </c>
      <c r="AO5149">
        <v>28067.040270000001</v>
      </c>
      <c r="AP5149">
        <v>25419.531910000002</v>
      </c>
    </row>
    <row r="5150" spans="2:42" x14ac:dyDescent="0.3">
      <c r="B5150">
        <v>65.41707820161281</v>
      </c>
      <c r="C5150" s="83">
        <v>43315.5</v>
      </c>
      <c r="D5150">
        <v>218118.66469999999</v>
      </c>
      <c r="E5150">
        <v>31812.326990000001</v>
      </c>
      <c r="F5150">
        <v>99053.555940000006</v>
      </c>
      <c r="G5150">
        <v>35245.084159999999</v>
      </c>
      <c r="H5150">
        <v>45816.18417</v>
      </c>
      <c r="I5150">
        <v>32848.81695</v>
      </c>
      <c r="J5150">
        <v>51771.000370000002</v>
      </c>
      <c r="K5150">
        <v>60182.478860000003</v>
      </c>
      <c r="L5150">
        <v>36871.013370000001</v>
      </c>
      <c r="M5150">
        <v>333526.77140000003</v>
      </c>
      <c r="N5150">
        <v>86522.049639999997</v>
      </c>
      <c r="O5150">
        <v>22951.94311</v>
      </c>
      <c r="P5150">
        <v>39499.78443</v>
      </c>
      <c r="Q5150">
        <v>94755.426300000006</v>
      </c>
      <c r="R5150">
        <v>25515.131270000002</v>
      </c>
      <c r="S5150">
        <v>107171.3806</v>
      </c>
      <c r="T5150">
        <v>28108.367289999998</v>
      </c>
      <c r="U5150">
        <v>21528.702020000001</v>
      </c>
      <c r="W5150" s="83">
        <f>Bühler!N5182</f>
        <v>45506.499999987514</v>
      </c>
      <c r="X5150" s="83">
        <v>43315.5</v>
      </c>
      <c r="Y5150">
        <v>218118.66469999999</v>
      </c>
      <c r="Z5150">
        <v>31812.326990000001</v>
      </c>
      <c r="AA5150">
        <v>99053.555940000006</v>
      </c>
      <c r="AB5150">
        <v>35245.084159999999</v>
      </c>
      <c r="AC5150">
        <v>45816.18417</v>
      </c>
      <c r="AD5150">
        <v>32848.81695</v>
      </c>
      <c r="AE5150">
        <v>51771.000370000002</v>
      </c>
      <c r="AF5150">
        <v>60182.478860000003</v>
      </c>
      <c r="AG5150">
        <v>36871.013370000001</v>
      </c>
      <c r="AH5150">
        <v>333526.77140000003</v>
      </c>
      <c r="AI5150">
        <v>86522.049639999997</v>
      </c>
      <c r="AJ5150">
        <v>22951.94311</v>
      </c>
      <c r="AK5150">
        <v>39499.78443</v>
      </c>
      <c r="AL5150">
        <v>94755.426300000006</v>
      </c>
      <c r="AM5150">
        <v>25515.131270000002</v>
      </c>
      <c r="AN5150">
        <v>107171.3806</v>
      </c>
      <c r="AO5150">
        <v>28108.367289999998</v>
      </c>
      <c r="AP5150">
        <v>21528.702020000001</v>
      </c>
    </row>
    <row r="5151" spans="2:42" x14ac:dyDescent="0.3">
      <c r="B5151">
        <v>65.011866504322754</v>
      </c>
      <c r="C5151" s="83">
        <v>43315.541666666664</v>
      </c>
      <c r="D5151">
        <v>215015.09659999999</v>
      </c>
      <c r="E5151">
        <v>31849.846140000001</v>
      </c>
      <c r="F5151">
        <v>98429.171669999996</v>
      </c>
      <c r="G5151">
        <v>34876.601089999996</v>
      </c>
      <c r="H5151">
        <v>45699.744720000002</v>
      </c>
      <c r="I5151">
        <v>32825.545559999999</v>
      </c>
      <c r="J5151">
        <v>51280.006699999998</v>
      </c>
      <c r="K5151">
        <v>62329.383309999997</v>
      </c>
      <c r="L5151">
        <v>35525.56538</v>
      </c>
      <c r="M5151">
        <v>331460.81319999998</v>
      </c>
      <c r="N5151">
        <v>88318.539050000007</v>
      </c>
      <c r="O5151">
        <v>23027.927179999999</v>
      </c>
      <c r="P5151">
        <v>38605.473160000001</v>
      </c>
      <c r="Q5151">
        <v>93426.372749999995</v>
      </c>
      <c r="R5151">
        <v>25419.190040000001</v>
      </c>
      <c r="S5151">
        <v>106647.8514</v>
      </c>
      <c r="T5151">
        <v>28042.573929999999</v>
      </c>
      <c r="U5151">
        <v>22832.543300000001</v>
      </c>
      <c r="W5151" s="83">
        <f>Bühler!N5183</f>
        <v>45506.541666654179</v>
      </c>
      <c r="X5151" s="83">
        <v>43315.541666666664</v>
      </c>
      <c r="Y5151">
        <v>215015.09659999999</v>
      </c>
      <c r="Z5151">
        <v>31849.846140000001</v>
      </c>
      <c r="AA5151">
        <v>98429.171669999996</v>
      </c>
      <c r="AB5151">
        <v>34876.601089999996</v>
      </c>
      <c r="AC5151">
        <v>45699.744720000002</v>
      </c>
      <c r="AD5151">
        <v>32825.545559999999</v>
      </c>
      <c r="AE5151">
        <v>51280.006699999998</v>
      </c>
      <c r="AF5151">
        <v>62329.383309999997</v>
      </c>
      <c r="AG5151">
        <v>35525.56538</v>
      </c>
      <c r="AH5151">
        <v>331460.81319999998</v>
      </c>
      <c r="AI5151">
        <v>88318.539050000007</v>
      </c>
      <c r="AJ5151">
        <v>23027.927179999999</v>
      </c>
      <c r="AK5151">
        <v>38605.473160000001</v>
      </c>
      <c r="AL5151">
        <v>93426.372749999995</v>
      </c>
      <c r="AM5151">
        <v>25419.190040000001</v>
      </c>
      <c r="AN5151">
        <v>106647.8514</v>
      </c>
      <c r="AO5151">
        <v>28042.573929999999</v>
      </c>
      <c r="AP5151">
        <v>22832.543300000001</v>
      </c>
    </row>
    <row r="5152" spans="2:42" x14ac:dyDescent="0.3">
      <c r="B5152">
        <v>65.141161012864544</v>
      </c>
      <c r="C5152" s="83">
        <v>43315.583333333336</v>
      </c>
      <c r="D5152">
        <v>213787.85260000001</v>
      </c>
      <c r="E5152">
        <v>34597.394070000002</v>
      </c>
      <c r="F5152">
        <v>100161.72530000001</v>
      </c>
      <c r="G5152">
        <v>34161.519480000003</v>
      </c>
      <c r="H5152">
        <v>45629.915110000002</v>
      </c>
      <c r="I5152">
        <v>33140.949500000002</v>
      </c>
      <c r="J5152">
        <v>50882.047030000002</v>
      </c>
      <c r="K5152">
        <v>62599.516020000003</v>
      </c>
      <c r="L5152">
        <v>32805.775540000002</v>
      </c>
      <c r="M5152">
        <v>332120.01689999999</v>
      </c>
      <c r="N5152">
        <v>86801.580029999997</v>
      </c>
      <c r="O5152">
        <v>22688.760730000002</v>
      </c>
      <c r="P5152">
        <v>36020.96185</v>
      </c>
      <c r="Q5152">
        <v>91788.653130000006</v>
      </c>
      <c r="R5152">
        <v>25301.598000000002</v>
      </c>
      <c r="S5152">
        <v>103562.1541</v>
      </c>
      <c r="T5152">
        <v>27585.18736</v>
      </c>
      <c r="U5152">
        <v>22570.627349999999</v>
      </c>
      <c r="W5152" s="83">
        <f>Bühler!N5184</f>
        <v>45506.583333320843</v>
      </c>
      <c r="X5152" s="83">
        <v>43315.583333333336</v>
      </c>
      <c r="Y5152">
        <v>213787.85260000001</v>
      </c>
      <c r="Z5152">
        <v>34597.394070000002</v>
      </c>
      <c r="AA5152">
        <v>100161.72530000001</v>
      </c>
      <c r="AB5152">
        <v>34161.519480000003</v>
      </c>
      <c r="AC5152">
        <v>45629.915110000002</v>
      </c>
      <c r="AD5152">
        <v>33140.949500000002</v>
      </c>
      <c r="AE5152">
        <v>50882.047030000002</v>
      </c>
      <c r="AF5152">
        <v>62599.516020000003</v>
      </c>
      <c r="AG5152">
        <v>32805.775540000002</v>
      </c>
      <c r="AH5152">
        <v>332120.01689999999</v>
      </c>
      <c r="AI5152">
        <v>86801.580029999997</v>
      </c>
      <c r="AJ5152">
        <v>22688.760730000002</v>
      </c>
      <c r="AK5152">
        <v>36020.96185</v>
      </c>
      <c r="AL5152">
        <v>91788.653130000006</v>
      </c>
      <c r="AM5152">
        <v>25301.598000000002</v>
      </c>
      <c r="AN5152">
        <v>103562.1541</v>
      </c>
      <c r="AO5152">
        <v>27585.18736</v>
      </c>
      <c r="AP5152">
        <v>22570.627349999999</v>
      </c>
    </row>
    <row r="5153" spans="2:42" x14ac:dyDescent="0.3">
      <c r="B5153">
        <v>64.058844286638319</v>
      </c>
      <c r="C5153" s="83">
        <v>43315.625</v>
      </c>
      <c r="D5153">
        <v>208663.31359999999</v>
      </c>
      <c r="E5153">
        <v>34613.02519</v>
      </c>
      <c r="F5153">
        <v>101692.7159</v>
      </c>
      <c r="G5153">
        <v>32790.243369999997</v>
      </c>
      <c r="H5153">
        <v>44963.857179999999</v>
      </c>
      <c r="I5153">
        <v>33468.282639999998</v>
      </c>
      <c r="J5153">
        <v>50384.149230000003</v>
      </c>
      <c r="K5153">
        <v>60150.800410000003</v>
      </c>
      <c r="L5153">
        <v>30013.392800000001</v>
      </c>
      <c r="M5153">
        <v>326601.8615</v>
      </c>
      <c r="N5153">
        <v>85014.880080000003</v>
      </c>
      <c r="O5153">
        <v>22787.05313</v>
      </c>
      <c r="P5153">
        <v>32671.965250000001</v>
      </c>
      <c r="Q5153">
        <v>90344.646299999993</v>
      </c>
      <c r="R5153">
        <v>24781.298340000001</v>
      </c>
      <c r="S5153">
        <v>101264.00290000001</v>
      </c>
      <c r="T5153">
        <v>27545.919720000002</v>
      </c>
      <c r="U5153">
        <v>21485.581119999999</v>
      </c>
      <c r="W5153" s="83">
        <f>Bühler!N5185</f>
        <v>45506.624999987507</v>
      </c>
      <c r="X5153" s="83">
        <v>43315.625</v>
      </c>
      <c r="Y5153">
        <v>208663.31359999999</v>
      </c>
      <c r="Z5153">
        <v>34613.02519</v>
      </c>
      <c r="AA5153">
        <v>101692.7159</v>
      </c>
      <c r="AB5153">
        <v>32790.243369999997</v>
      </c>
      <c r="AC5153">
        <v>44963.857179999999</v>
      </c>
      <c r="AD5153">
        <v>33468.282639999998</v>
      </c>
      <c r="AE5153">
        <v>50384.149230000003</v>
      </c>
      <c r="AF5153">
        <v>60150.800410000003</v>
      </c>
      <c r="AG5153">
        <v>30013.392800000001</v>
      </c>
      <c r="AH5153">
        <v>326601.8615</v>
      </c>
      <c r="AI5153">
        <v>85014.880080000003</v>
      </c>
      <c r="AJ5153">
        <v>22787.05313</v>
      </c>
      <c r="AK5153">
        <v>32671.965250000001</v>
      </c>
      <c r="AL5153">
        <v>90344.646299999993</v>
      </c>
      <c r="AM5153">
        <v>24781.298340000001</v>
      </c>
      <c r="AN5153">
        <v>101264.00290000001</v>
      </c>
      <c r="AO5153">
        <v>27545.919720000002</v>
      </c>
      <c r="AP5153">
        <v>21485.581119999999</v>
      </c>
    </row>
    <row r="5154" spans="2:42" x14ac:dyDescent="0.3">
      <c r="B5154">
        <v>63.079106819530899</v>
      </c>
      <c r="C5154" s="83">
        <v>43315.666666666664</v>
      </c>
      <c r="D5154">
        <v>202502.95730000001</v>
      </c>
      <c r="E5154">
        <v>33789.242409999999</v>
      </c>
      <c r="F5154">
        <v>101113.4154</v>
      </c>
      <c r="G5154">
        <v>31882.431700000001</v>
      </c>
      <c r="H5154">
        <v>43781.3272</v>
      </c>
      <c r="I5154">
        <v>33326.632149999998</v>
      </c>
      <c r="J5154">
        <v>49550.893450000003</v>
      </c>
      <c r="K5154">
        <v>56305.830609999997</v>
      </c>
      <c r="L5154">
        <v>29165.920719999998</v>
      </c>
      <c r="M5154">
        <v>321606.70299999998</v>
      </c>
      <c r="N5154">
        <v>83018.067469999995</v>
      </c>
      <c r="O5154">
        <v>22450.793119999998</v>
      </c>
      <c r="P5154">
        <v>32366.394850000001</v>
      </c>
      <c r="Q5154">
        <v>88928.784790000005</v>
      </c>
      <c r="R5154">
        <v>24226.852780000001</v>
      </c>
      <c r="S5154">
        <v>98025.464290000004</v>
      </c>
      <c r="T5154">
        <v>27107.042219999999</v>
      </c>
      <c r="U5154">
        <v>19633.133590000001</v>
      </c>
      <c r="W5154" s="83">
        <f>Bühler!N5186</f>
        <v>45506.666666654171</v>
      </c>
      <c r="X5154" s="83">
        <v>43315.666666666664</v>
      </c>
      <c r="Y5154">
        <v>202502.95730000001</v>
      </c>
      <c r="Z5154">
        <v>33789.242409999999</v>
      </c>
      <c r="AA5154">
        <v>101113.4154</v>
      </c>
      <c r="AB5154">
        <v>31882.431700000001</v>
      </c>
      <c r="AC5154">
        <v>43781.3272</v>
      </c>
      <c r="AD5154">
        <v>33326.632149999998</v>
      </c>
      <c r="AE5154">
        <v>49550.893450000003</v>
      </c>
      <c r="AF5154">
        <v>56305.830609999997</v>
      </c>
      <c r="AG5154">
        <v>29165.920719999998</v>
      </c>
      <c r="AH5154">
        <v>321606.70299999998</v>
      </c>
      <c r="AI5154">
        <v>83018.067469999995</v>
      </c>
      <c r="AJ5154">
        <v>22450.793119999998</v>
      </c>
      <c r="AK5154">
        <v>32366.394850000001</v>
      </c>
      <c r="AL5154">
        <v>88928.784790000005</v>
      </c>
      <c r="AM5154">
        <v>24226.852780000001</v>
      </c>
      <c r="AN5154">
        <v>98025.464290000004</v>
      </c>
      <c r="AO5154">
        <v>27107.042219999999</v>
      </c>
      <c r="AP5154">
        <v>19633.133590000001</v>
      </c>
    </row>
    <row r="5155" spans="2:42" x14ac:dyDescent="0.3">
      <c r="B5155">
        <v>61.896543810261846</v>
      </c>
      <c r="C5155" s="83">
        <v>43315.708333333336</v>
      </c>
      <c r="D5155">
        <v>194721.902</v>
      </c>
      <c r="E5155">
        <v>31690.47046</v>
      </c>
      <c r="F5155">
        <v>100021.9832</v>
      </c>
      <c r="G5155">
        <v>30677.136930000001</v>
      </c>
      <c r="H5155">
        <v>42239.467570000001</v>
      </c>
      <c r="I5155">
        <v>32505.912329999999</v>
      </c>
      <c r="J5155">
        <v>50015.568659999997</v>
      </c>
      <c r="K5155">
        <v>54050.306170000003</v>
      </c>
      <c r="L5155">
        <v>29427.350999999999</v>
      </c>
      <c r="M5155">
        <v>315577.44530000002</v>
      </c>
      <c r="N5155">
        <v>81494.871159999995</v>
      </c>
      <c r="O5155">
        <v>21819.942620000002</v>
      </c>
      <c r="P5155">
        <v>34061.221270000002</v>
      </c>
      <c r="Q5155">
        <v>87296.502510000006</v>
      </c>
      <c r="R5155">
        <v>24143.117760000001</v>
      </c>
      <c r="S5155">
        <v>95326.297810000004</v>
      </c>
      <c r="T5155">
        <v>26612.613979999998</v>
      </c>
      <c r="U5155">
        <v>19027.978149999999</v>
      </c>
      <c r="W5155" s="83">
        <f>Bühler!N5187</f>
        <v>45506.708333320836</v>
      </c>
      <c r="X5155" s="83">
        <v>43315.708333333336</v>
      </c>
      <c r="Y5155">
        <v>194721.902</v>
      </c>
      <c r="Z5155">
        <v>31690.47046</v>
      </c>
      <c r="AA5155">
        <v>100021.9832</v>
      </c>
      <c r="AB5155">
        <v>30677.136930000001</v>
      </c>
      <c r="AC5155">
        <v>42239.467570000001</v>
      </c>
      <c r="AD5155">
        <v>32505.912329999999</v>
      </c>
      <c r="AE5155">
        <v>50015.568659999997</v>
      </c>
      <c r="AF5155">
        <v>54050.306170000003</v>
      </c>
      <c r="AG5155">
        <v>29427.350999999999</v>
      </c>
      <c r="AH5155">
        <v>315577.44530000002</v>
      </c>
      <c r="AI5155">
        <v>81494.871159999995</v>
      </c>
      <c r="AJ5155">
        <v>21819.942620000002</v>
      </c>
      <c r="AK5155">
        <v>34061.221270000002</v>
      </c>
      <c r="AL5155">
        <v>87296.502510000006</v>
      </c>
      <c r="AM5155">
        <v>24143.117760000001</v>
      </c>
      <c r="AN5155">
        <v>95326.297810000004</v>
      </c>
      <c r="AO5155">
        <v>26612.613979999998</v>
      </c>
      <c r="AP5155">
        <v>19027.978149999999</v>
      </c>
    </row>
    <row r="5156" spans="2:42" x14ac:dyDescent="0.3">
      <c r="B5156">
        <v>60.51359008906585</v>
      </c>
      <c r="C5156" s="83">
        <v>43315.75</v>
      </c>
      <c r="D5156">
        <v>188964.19260000001</v>
      </c>
      <c r="E5156">
        <v>28809.027590000002</v>
      </c>
      <c r="F5156">
        <v>98434.68</v>
      </c>
      <c r="G5156">
        <v>29323.848379999999</v>
      </c>
      <c r="H5156">
        <v>40490.307200000003</v>
      </c>
      <c r="I5156">
        <v>31997.769</v>
      </c>
      <c r="J5156">
        <v>50835.683259999998</v>
      </c>
      <c r="K5156">
        <v>51920.038480000003</v>
      </c>
      <c r="L5156">
        <v>30860.902590000002</v>
      </c>
      <c r="M5156">
        <v>308526.50229999999</v>
      </c>
      <c r="N5156">
        <v>79659.585019999999</v>
      </c>
      <c r="O5156">
        <v>20239.713779999998</v>
      </c>
      <c r="P5156">
        <v>37600.111839999998</v>
      </c>
      <c r="Q5156">
        <v>84424.346210000003</v>
      </c>
      <c r="R5156">
        <v>23642.889330000002</v>
      </c>
      <c r="S5156">
        <v>89576.846739999994</v>
      </c>
      <c r="T5156">
        <v>26688.102630000001</v>
      </c>
      <c r="U5156">
        <v>18384.863440000001</v>
      </c>
      <c r="W5156" s="83">
        <f>Bühler!N5188</f>
        <v>45506.7499999875</v>
      </c>
      <c r="X5156" s="83">
        <v>43315.75</v>
      </c>
      <c r="Y5156">
        <v>188964.19260000001</v>
      </c>
      <c r="Z5156">
        <v>28809.027590000002</v>
      </c>
      <c r="AA5156">
        <v>98434.68</v>
      </c>
      <c r="AB5156">
        <v>29323.848379999999</v>
      </c>
      <c r="AC5156">
        <v>40490.307200000003</v>
      </c>
      <c r="AD5156">
        <v>31997.769</v>
      </c>
      <c r="AE5156">
        <v>50835.683259999998</v>
      </c>
      <c r="AF5156">
        <v>51920.038480000003</v>
      </c>
      <c r="AG5156">
        <v>30860.902590000002</v>
      </c>
      <c r="AH5156">
        <v>308526.50229999999</v>
      </c>
      <c r="AI5156">
        <v>79659.585019999999</v>
      </c>
      <c r="AJ5156">
        <v>20239.713779999998</v>
      </c>
      <c r="AK5156">
        <v>37600.111839999998</v>
      </c>
      <c r="AL5156">
        <v>84424.346210000003</v>
      </c>
      <c r="AM5156">
        <v>23642.889330000002</v>
      </c>
      <c r="AN5156">
        <v>89576.846739999994</v>
      </c>
      <c r="AO5156">
        <v>26688.102630000001</v>
      </c>
      <c r="AP5156">
        <v>18384.863440000001</v>
      </c>
    </row>
    <row r="5157" spans="2:42" x14ac:dyDescent="0.3">
      <c r="B5157">
        <v>59.427451076157134</v>
      </c>
      <c r="C5157" s="83">
        <v>43315.791666666664</v>
      </c>
      <c r="D5157">
        <v>181267.00880000001</v>
      </c>
      <c r="E5157">
        <v>22968.131730000001</v>
      </c>
      <c r="F5157">
        <v>87305.57647</v>
      </c>
      <c r="G5157">
        <v>28422.291880000001</v>
      </c>
      <c r="H5157">
        <v>38300.636279999999</v>
      </c>
      <c r="I5157">
        <v>30246.42355</v>
      </c>
      <c r="J5157">
        <v>49679.091050000003</v>
      </c>
      <c r="K5157">
        <v>52607.40797</v>
      </c>
      <c r="L5157">
        <v>30590.288649999999</v>
      </c>
      <c r="M5157">
        <v>302988.8591</v>
      </c>
      <c r="N5157">
        <v>75954.549119999996</v>
      </c>
      <c r="O5157">
        <v>18743.762630000001</v>
      </c>
      <c r="P5157">
        <v>40091.162080000002</v>
      </c>
      <c r="Q5157">
        <v>81511.854829999997</v>
      </c>
      <c r="R5157">
        <v>21905.215789999998</v>
      </c>
      <c r="S5157">
        <v>85926.329230000003</v>
      </c>
      <c r="T5157">
        <v>25680.727989999999</v>
      </c>
      <c r="U5157">
        <v>17737.243750000001</v>
      </c>
      <c r="W5157" s="83">
        <f>Bühler!N5189</f>
        <v>45506.791666654164</v>
      </c>
      <c r="X5157" s="83">
        <v>43315.791666666664</v>
      </c>
      <c r="Y5157">
        <v>181267.00880000001</v>
      </c>
      <c r="Z5157">
        <v>22968.131730000001</v>
      </c>
      <c r="AA5157">
        <v>87305.57647</v>
      </c>
      <c r="AB5157">
        <v>28422.291880000001</v>
      </c>
      <c r="AC5157">
        <v>38300.636279999999</v>
      </c>
      <c r="AD5157">
        <v>30246.42355</v>
      </c>
      <c r="AE5157">
        <v>49679.091050000003</v>
      </c>
      <c r="AF5157">
        <v>52607.40797</v>
      </c>
      <c r="AG5157">
        <v>30590.288649999999</v>
      </c>
      <c r="AH5157">
        <v>302988.8591</v>
      </c>
      <c r="AI5157">
        <v>75954.549119999996</v>
      </c>
      <c r="AJ5157">
        <v>18743.762630000001</v>
      </c>
      <c r="AK5157">
        <v>40091.162080000002</v>
      </c>
      <c r="AL5157">
        <v>81511.854829999997</v>
      </c>
      <c r="AM5157">
        <v>21905.215789999998</v>
      </c>
      <c r="AN5157">
        <v>85926.329230000003</v>
      </c>
      <c r="AO5157">
        <v>25680.727989999999</v>
      </c>
      <c r="AP5157">
        <v>17737.243750000001</v>
      </c>
    </row>
    <row r="5158" spans="2:42" x14ac:dyDescent="0.3">
      <c r="B5158">
        <v>57.652379791381584</v>
      </c>
      <c r="C5158" s="83">
        <v>43315.833333333336</v>
      </c>
      <c r="D5158">
        <v>175067.00649999999</v>
      </c>
      <c r="E5158">
        <v>17014.419689999999</v>
      </c>
      <c r="F5158">
        <v>71265.176170000006</v>
      </c>
      <c r="G5158">
        <v>27443.386579999999</v>
      </c>
      <c r="H5158">
        <v>35833.062729999998</v>
      </c>
      <c r="I5158">
        <v>27911.000329999999</v>
      </c>
      <c r="J5158">
        <v>48988.338499999998</v>
      </c>
      <c r="K5158">
        <v>51838.095269999998</v>
      </c>
      <c r="L5158">
        <v>30726.191709999999</v>
      </c>
      <c r="M5158">
        <v>293938.71789999999</v>
      </c>
      <c r="N5158">
        <v>74251.486019999997</v>
      </c>
      <c r="O5158">
        <v>18114.78715</v>
      </c>
      <c r="P5158">
        <v>40331.302629999998</v>
      </c>
      <c r="Q5158">
        <v>77330.062770000004</v>
      </c>
      <c r="R5158">
        <v>20730.06638</v>
      </c>
      <c r="S5158">
        <v>78959.121060000005</v>
      </c>
      <c r="T5158">
        <v>23758.215789999998</v>
      </c>
      <c r="U5158">
        <v>17515.632699999998</v>
      </c>
      <c r="W5158" s="83">
        <f>Bühler!N5190</f>
        <v>45506.833333320828</v>
      </c>
      <c r="X5158" s="83">
        <v>43315.833333333336</v>
      </c>
      <c r="Y5158">
        <v>175067.00649999999</v>
      </c>
      <c r="Z5158">
        <v>17014.419689999999</v>
      </c>
      <c r="AA5158">
        <v>71265.176170000006</v>
      </c>
      <c r="AB5158">
        <v>27443.386579999999</v>
      </c>
      <c r="AC5158">
        <v>35833.062729999998</v>
      </c>
      <c r="AD5158">
        <v>27911.000329999999</v>
      </c>
      <c r="AE5158">
        <v>48988.338499999998</v>
      </c>
      <c r="AF5158">
        <v>51838.095269999998</v>
      </c>
      <c r="AG5158">
        <v>30726.191709999999</v>
      </c>
      <c r="AH5158">
        <v>293938.71789999999</v>
      </c>
      <c r="AI5158">
        <v>74251.486019999997</v>
      </c>
      <c r="AJ5158">
        <v>18114.78715</v>
      </c>
      <c r="AK5158">
        <v>40331.302629999998</v>
      </c>
      <c r="AL5158">
        <v>77330.062770000004</v>
      </c>
      <c r="AM5158">
        <v>20730.06638</v>
      </c>
      <c r="AN5158">
        <v>78959.121060000005</v>
      </c>
      <c r="AO5158">
        <v>23758.215789999998</v>
      </c>
      <c r="AP5158">
        <v>17515.632699999998</v>
      </c>
    </row>
    <row r="5159" spans="2:42" x14ac:dyDescent="0.3">
      <c r="B5159">
        <v>56.131153822667017</v>
      </c>
      <c r="C5159" s="83">
        <v>43315.875</v>
      </c>
      <c r="D5159">
        <v>171121.62169999999</v>
      </c>
      <c r="E5159">
        <v>14626.14307</v>
      </c>
      <c r="F5159">
        <v>61592.323270000001</v>
      </c>
      <c r="G5159">
        <v>27158.07562</v>
      </c>
      <c r="H5159">
        <v>34559.162779999999</v>
      </c>
      <c r="I5159">
        <v>26315.012569999999</v>
      </c>
      <c r="J5159">
        <v>49323.10441</v>
      </c>
      <c r="K5159">
        <v>52059.454409999998</v>
      </c>
      <c r="L5159">
        <v>29564.869630000001</v>
      </c>
      <c r="M5159">
        <v>286182.79849999998</v>
      </c>
      <c r="N5159">
        <v>73274.170639999997</v>
      </c>
      <c r="O5159">
        <v>17313.039970000002</v>
      </c>
      <c r="P5159">
        <v>39391.020389999998</v>
      </c>
      <c r="Q5159">
        <v>74315.131720000005</v>
      </c>
      <c r="R5159">
        <v>19887.286980000001</v>
      </c>
      <c r="S5159">
        <v>76130.572560000001</v>
      </c>
      <c r="T5159">
        <v>23245.88767</v>
      </c>
      <c r="U5159">
        <v>17095.24382</v>
      </c>
      <c r="W5159" s="83">
        <f>Bühler!N5191</f>
        <v>45506.874999987493</v>
      </c>
      <c r="X5159" s="83">
        <v>43315.875</v>
      </c>
      <c r="Y5159">
        <v>171121.62169999999</v>
      </c>
      <c r="Z5159">
        <v>14626.14307</v>
      </c>
      <c r="AA5159">
        <v>61592.323270000001</v>
      </c>
      <c r="AB5159">
        <v>27158.07562</v>
      </c>
      <c r="AC5159">
        <v>34559.162779999999</v>
      </c>
      <c r="AD5159">
        <v>26315.012569999999</v>
      </c>
      <c r="AE5159">
        <v>49323.10441</v>
      </c>
      <c r="AF5159">
        <v>52059.454409999998</v>
      </c>
      <c r="AG5159">
        <v>29564.869630000001</v>
      </c>
      <c r="AH5159">
        <v>286182.79849999998</v>
      </c>
      <c r="AI5159">
        <v>73274.170639999997</v>
      </c>
      <c r="AJ5159">
        <v>17313.039970000002</v>
      </c>
      <c r="AK5159">
        <v>39391.020389999998</v>
      </c>
      <c r="AL5159">
        <v>74315.131720000005</v>
      </c>
      <c r="AM5159">
        <v>19887.286980000001</v>
      </c>
      <c r="AN5159">
        <v>76130.572560000001</v>
      </c>
      <c r="AO5159">
        <v>23245.88767</v>
      </c>
      <c r="AP5159">
        <v>17095.24382</v>
      </c>
    </row>
    <row r="5160" spans="2:42" x14ac:dyDescent="0.3">
      <c r="B5160">
        <v>55.468570337080209</v>
      </c>
      <c r="C5160" s="83">
        <v>43315.916666666664</v>
      </c>
      <c r="D5160">
        <v>168692.42430000001</v>
      </c>
      <c r="E5160">
        <v>13998.53811</v>
      </c>
      <c r="F5160">
        <v>59141.139739999999</v>
      </c>
      <c r="G5160">
        <v>27556.787499999999</v>
      </c>
      <c r="H5160">
        <v>35635.42914</v>
      </c>
      <c r="I5160">
        <v>25608.68535</v>
      </c>
      <c r="J5160">
        <v>48194.194329999998</v>
      </c>
      <c r="K5160">
        <v>53707.952190000004</v>
      </c>
      <c r="L5160">
        <v>26203.886750000001</v>
      </c>
      <c r="M5160">
        <v>282804.63890000002</v>
      </c>
      <c r="N5160">
        <v>72586.029670000004</v>
      </c>
      <c r="O5160">
        <v>17614.996899999998</v>
      </c>
      <c r="P5160">
        <v>41639.138830000004</v>
      </c>
      <c r="Q5160">
        <v>73579.529580000002</v>
      </c>
      <c r="R5160">
        <v>21269.43939</v>
      </c>
      <c r="S5160">
        <v>75329.137900000002</v>
      </c>
      <c r="T5160">
        <v>20700.978810000001</v>
      </c>
      <c r="U5160">
        <v>17371.233489999999</v>
      </c>
      <c r="W5160" s="83">
        <f>Bühler!N5192</f>
        <v>45506.916666654157</v>
      </c>
      <c r="X5160" s="83">
        <v>43315.916666666664</v>
      </c>
      <c r="Y5160">
        <v>168692.42430000001</v>
      </c>
      <c r="Z5160">
        <v>13998.53811</v>
      </c>
      <c r="AA5160">
        <v>59141.139739999999</v>
      </c>
      <c r="AB5160">
        <v>27556.787499999999</v>
      </c>
      <c r="AC5160">
        <v>35635.42914</v>
      </c>
      <c r="AD5160">
        <v>25608.68535</v>
      </c>
      <c r="AE5160">
        <v>48194.194329999998</v>
      </c>
      <c r="AF5160">
        <v>53707.952190000004</v>
      </c>
      <c r="AG5160">
        <v>26203.886750000001</v>
      </c>
      <c r="AH5160">
        <v>282804.63890000002</v>
      </c>
      <c r="AI5160">
        <v>72586.029670000004</v>
      </c>
      <c r="AJ5160">
        <v>17614.996899999998</v>
      </c>
      <c r="AK5160">
        <v>41639.138830000004</v>
      </c>
      <c r="AL5160">
        <v>73579.529580000002</v>
      </c>
      <c r="AM5160">
        <v>21269.43939</v>
      </c>
      <c r="AN5160">
        <v>75329.137900000002</v>
      </c>
      <c r="AO5160">
        <v>20700.978810000001</v>
      </c>
      <c r="AP5160">
        <v>17371.233489999999</v>
      </c>
    </row>
    <row r="5161" spans="2:42" x14ac:dyDescent="0.3">
      <c r="B5161">
        <v>54.682117994146431</v>
      </c>
      <c r="C5161" s="83">
        <v>43315.958333333336</v>
      </c>
      <c r="D5161">
        <v>166683.53709999999</v>
      </c>
      <c r="E5161">
        <v>13310.243979999999</v>
      </c>
      <c r="F5161">
        <v>56840.271339999999</v>
      </c>
      <c r="G5161">
        <v>27543.517469999999</v>
      </c>
      <c r="H5161">
        <v>34716.977619999998</v>
      </c>
      <c r="I5161">
        <v>24653.260470000001</v>
      </c>
      <c r="J5161">
        <v>42369.594669999999</v>
      </c>
      <c r="K5161">
        <v>52298.927060000002</v>
      </c>
      <c r="L5161">
        <v>21433.282029999998</v>
      </c>
      <c r="M5161">
        <v>278794.93810000003</v>
      </c>
      <c r="N5161">
        <v>71823.911410000001</v>
      </c>
      <c r="O5161">
        <v>16959.30025</v>
      </c>
      <c r="P5161">
        <v>35965.392690000001</v>
      </c>
      <c r="Q5161">
        <v>72230.694959999993</v>
      </c>
      <c r="R5161">
        <v>21463.690419999999</v>
      </c>
      <c r="S5161">
        <v>73655.158360000001</v>
      </c>
      <c r="T5161">
        <v>19108.145949999998</v>
      </c>
      <c r="U5161">
        <v>16723.023590000001</v>
      </c>
      <c r="W5161" s="83">
        <f>Bühler!N5193</f>
        <v>45506.958333320821</v>
      </c>
      <c r="X5161" s="83">
        <v>43315.958333333336</v>
      </c>
      <c r="Y5161">
        <v>166683.53709999999</v>
      </c>
      <c r="Z5161">
        <v>13310.243979999999</v>
      </c>
      <c r="AA5161">
        <v>56840.271339999999</v>
      </c>
      <c r="AB5161">
        <v>27543.517469999999</v>
      </c>
      <c r="AC5161">
        <v>34716.977619999998</v>
      </c>
      <c r="AD5161">
        <v>24653.260470000001</v>
      </c>
      <c r="AE5161">
        <v>42369.594669999999</v>
      </c>
      <c r="AF5161">
        <v>52298.927060000002</v>
      </c>
      <c r="AG5161">
        <v>21433.282029999998</v>
      </c>
      <c r="AH5161">
        <v>278794.93810000003</v>
      </c>
      <c r="AI5161">
        <v>71823.911410000001</v>
      </c>
      <c r="AJ5161">
        <v>16959.30025</v>
      </c>
      <c r="AK5161">
        <v>35965.392690000001</v>
      </c>
      <c r="AL5161">
        <v>72230.694959999993</v>
      </c>
      <c r="AM5161">
        <v>21463.690419999999</v>
      </c>
      <c r="AN5161">
        <v>73655.158360000001</v>
      </c>
      <c r="AO5161">
        <v>19108.145949999998</v>
      </c>
      <c r="AP5161">
        <v>16723.023590000001</v>
      </c>
    </row>
    <row r="5162" spans="2:42" x14ac:dyDescent="0.3">
      <c r="B5162">
        <v>53.035707419475393</v>
      </c>
      <c r="C5162" s="83">
        <v>43316</v>
      </c>
      <c r="D5162">
        <v>163323.8216</v>
      </c>
      <c r="E5162">
        <v>12780.44922</v>
      </c>
      <c r="F5162">
        <v>55301.073210000002</v>
      </c>
      <c r="G5162">
        <v>27143.440559999999</v>
      </c>
      <c r="H5162">
        <v>34041.61348</v>
      </c>
      <c r="I5162">
        <v>22991.907200000001</v>
      </c>
      <c r="J5162">
        <v>38676.4234</v>
      </c>
      <c r="K5162">
        <v>50044.517809999998</v>
      </c>
      <c r="L5162">
        <v>18228.155569999999</v>
      </c>
      <c r="M5162">
        <v>270400.76919999998</v>
      </c>
      <c r="N5162">
        <v>69665.767519999994</v>
      </c>
      <c r="O5162">
        <v>17408.069500000001</v>
      </c>
      <c r="P5162">
        <v>31364.365720000002</v>
      </c>
      <c r="Q5162">
        <v>69832.552209999994</v>
      </c>
      <c r="R5162">
        <v>17580.015950000001</v>
      </c>
      <c r="S5162">
        <v>72016.631399999998</v>
      </c>
      <c r="T5162">
        <v>18371.03973</v>
      </c>
      <c r="U5162">
        <v>16435.026310000001</v>
      </c>
      <c r="W5162" s="83">
        <f>Bühler!N5194</f>
        <v>45506.999999987485</v>
      </c>
      <c r="X5162" s="83">
        <v>43316</v>
      </c>
      <c r="Y5162">
        <v>163323.8216</v>
      </c>
      <c r="Z5162">
        <v>12780.44922</v>
      </c>
      <c r="AA5162">
        <v>55301.073210000002</v>
      </c>
      <c r="AB5162">
        <v>27143.440559999999</v>
      </c>
      <c r="AC5162">
        <v>34041.61348</v>
      </c>
      <c r="AD5162">
        <v>22991.907200000001</v>
      </c>
      <c r="AE5162">
        <v>38676.4234</v>
      </c>
      <c r="AF5162">
        <v>50044.517809999998</v>
      </c>
      <c r="AG5162">
        <v>18228.155569999999</v>
      </c>
      <c r="AH5162">
        <v>270400.76919999998</v>
      </c>
      <c r="AI5162">
        <v>69665.767519999994</v>
      </c>
      <c r="AJ5162">
        <v>17408.069500000001</v>
      </c>
      <c r="AK5162">
        <v>31364.365720000002</v>
      </c>
      <c r="AL5162">
        <v>69832.552209999994</v>
      </c>
      <c r="AM5162">
        <v>17580.015950000001</v>
      </c>
      <c r="AN5162">
        <v>72016.631399999998</v>
      </c>
      <c r="AO5162">
        <v>18371.03973</v>
      </c>
      <c r="AP5162">
        <v>16435.026310000001</v>
      </c>
    </row>
    <row r="5163" spans="2:42" x14ac:dyDescent="0.3">
      <c r="B5163">
        <v>52.078973732746967</v>
      </c>
      <c r="C5163" s="83">
        <v>43316.041666666664</v>
      </c>
      <c r="D5163">
        <v>160409.19080000001</v>
      </c>
      <c r="E5163">
        <v>12346.34059</v>
      </c>
      <c r="F5163">
        <v>54792.358189999999</v>
      </c>
      <c r="G5163">
        <v>26869.156599999998</v>
      </c>
      <c r="H5163">
        <v>33631.507859999998</v>
      </c>
      <c r="I5163">
        <v>20077.598709999998</v>
      </c>
      <c r="J5163">
        <v>36856.923490000001</v>
      </c>
      <c r="K5163">
        <v>49105.593410000001</v>
      </c>
      <c r="L5163">
        <v>18069.342110000001</v>
      </c>
      <c r="M5163">
        <v>265522.8947</v>
      </c>
      <c r="N5163">
        <v>68261.134130000006</v>
      </c>
      <c r="O5163">
        <v>17929.602439999999</v>
      </c>
      <c r="P5163">
        <v>28035.328979999998</v>
      </c>
      <c r="Q5163">
        <v>68969.549650000001</v>
      </c>
      <c r="R5163">
        <v>14995.037249999999</v>
      </c>
      <c r="S5163">
        <v>70761.546740000005</v>
      </c>
      <c r="T5163">
        <v>17664.614720000001</v>
      </c>
      <c r="U5163">
        <v>15778.01856</v>
      </c>
      <c r="W5163" s="83">
        <f>Bühler!N5195</f>
        <v>45507.04166665415</v>
      </c>
      <c r="X5163" s="83">
        <v>43316.041666666664</v>
      </c>
      <c r="Y5163">
        <v>160409.19080000001</v>
      </c>
      <c r="Z5163">
        <v>12346.34059</v>
      </c>
      <c r="AA5163">
        <v>54792.358189999999</v>
      </c>
      <c r="AB5163">
        <v>26869.156599999998</v>
      </c>
      <c r="AC5163">
        <v>33631.507859999998</v>
      </c>
      <c r="AD5163">
        <v>20077.598709999998</v>
      </c>
      <c r="AE5163">
        <v>36856.923490000001</v>
      </c>
      <c r="AF5163">
        <v>49105.593410000001</v>
      </c>
      <c r="AG5163">
        <v>18069.342110000001</v>
      </c>
      <c r="AH5163">
        <v>265522.8947</v>
      </c>
      <c r="AI5163">
        <v>68261.134130000006</v>
      </c>
      <c r="AJ5163">
        <v>17929.602439999999</v>
      </c>
      <c r="AK5163">
        <v>28035.328979999998</v>
      </c>
      <c r="AL5163">
        <v>68969.549650000001</v>
      </c>
      <c r="AM5163">
        <v>14995.037249999999</v>
      </c>
      <c r="AN5163">
        <v>70761.546740000005</v>
      </c>
      <c r="AO5163">
        <v>17664.614720000001</v>
      </c>
      <c r="AP5163">
        <v>15778.01856</v>
      </c>
    </row>
    <row r="5164" spans="2:42" x14ac:dyDescent="0.3">
      <c r="B5164">
        <v>51.069994452513683</v>
      </c>
      <c r="C5164" s="83">
        <v>43316.083333333336</v>
      </c>
      <c r="D5164">
        <v>157177.38510000001</v>
      </c>
      <c r="E5164">
        <v>12113.026110000001</v>
      </c>
      <c r="F5164">
        <v>55579.244250000003</v>
      </c>
      <c r="G5164">
        <v>26357.990839999999</v>
      </c>
      <c r="H5164">
        <v>33063.644650000002</v>
      </c>
      <c r="I5164">
        <v>18139.32058</v>
      </c>
      <c r="J5164">
        <v>36385.702010000001</v>
      </c>
      <c r="K5164">
        <v>47397.49682</v>
      </c>
      <c r="L5164">
        <v>16820.999629999998</v>
      </c>
      <c r="M5164">
        <v>260378.64780000001</v>
      </c>
      <c r="N5164">
        <v>67848.224359999993</v>
      </c>
      <c r="O5164">
        <v>17285.567019999999</v>
      </c>
      <c r="P5164">
        <v>26097.554459999999</v>
      </c>
      <c r="Q5164">
        <v>68937.513260000007</v>
      </c>
      <c r="R5164">
        <v>14742.752270000001</v>
      </c>
      <c r="S5164">
        <v>70054.629209999999</v>
      </c>
      <c r="T5164">
        <v>17203.165059999999</v>
      </c>
      <c r="U5164">
        <v>15490.920749999999</v>
      </c>
      <c r="W5164" s="83">
        <f>Bühler!N5196</f>
        <v>45507.083333320814</v>
      </c>
      <c r="X5164" s="83">
        <v>43316.083333333336</v>
      </c>
      <c r="Y5164">
        <v>157177.38510000001</v>
      </c>
      <c r="Z5164">
        <v>12113.026110000001</v>
      </c>
      <c r="AA5164">
        <v>55579.244250000003</v>
      </c>
      <c r="AB5164">
        <v>26357.990839999999</v>
      </c>
      <c r="AC5164">
        <v>33063.644650000002</v>
      </c>
      <c r="AD5164">
        <v>18139.32058</v>
      </c>
      <c r="AE5164">
        <v>36385.702010000001</v>
      </c>
      <c r="AF5164">
        <v>47397.49682</v>
      </c>
      <c r="AG5164">
        <v>16820.999629999998</v>
      </c>
      <c r="AH5164">
        <v>260378.64780000001</v>
      </c>
      <c r="AI5164">
        <v>67848.224359999993</v>
      </c>
      <c r="AJ5164">
        <v>17285.567019999999</v>
      </c>
      <c r="AK5164">
        <v>26097.554459999999</v>
      </c>
      <c r="AL5164">
        <v>68937.513260000007</v>
      </c>
      <c r="AM5164">
        <v>14742.752270000001</v>
      </c>
      <c r="AN5164">
        <v>70054.629209999999</v>
      </c>
      <c r="AO5164">
        <v>17203.165059999999</v>
      </c>
      <c r="AP5164">
        <v>15490.920749999999</v>
      </c>
    </row>
    <row r="5165" spans="2:42" x14ac:dyDescent="0.3">
      <c r="B5165">
        <v>50.217814854063398</v>
      </c>
      <c r="C5165" s="83">
        <v>43316.125</v>
      </c>
      <c r="D5165">
        <v>153192.44990000001</v>
      </c>
      <c r="E5165">
        <v>12099.70602</v>
      </c>
      <c r="F5165">
        <v>56998.639640000001</v>
      </c>
      <c r="G5165">
        <v>25670.220239999999</v>
      </c>
      <c r="H5165">
        <v>32835.128989999997</v>
      </c>
      <c r="I5165">
        <v>17460.326379999999</v>
      </c>
      <c r="J5165">
        <v>36225.400479999997</v>
      </c>
      <c r="K5165">
        <v>45612.632400000002</v>
      </c>
      <c r="L5165">
        <v>16312.78549</v>
      </c>
      <c r="M5165">
        <v>256033.8388</v>
      </c>
      <c r="N5165">
        <v>67226.980519999997</v>
      </c>
      <c r="O5165">
        <v>17908.248589999999</v>
      </c>
      <c r="P5165">
        <v>26006.546320000001</v>
      </c>
      <c r="Q5165">
        <v>68751.743839999996</v>
      </c>
      <c r="R5165">
        <v>13290.74791</v>
      </c>
      <c r="S5165">
        <v>69181.05</v>
      </c>
      <c r="T5165">
        <v>17086.220229999999</v>
      </c>
      <c r="U5165">
        <v>15335.234549999999</v>
      </c>
      <c r="W5165" s="83">
        <f>Bühler!N5197</f>
        <v>45507.124999987478</v>
      </c>
      <c r="X5165" s="83">
        <v>43316.125</v>
      </c>
      <c r="Y5165">
        <v>153192.44990000001</v>
      </c>
      <c r="Z5165">
        <v>12099.70602</v>
      </c>
      <c r="AA5165">
        <v>56998.639640000001</v>
      </c>
      <c r="AB5165">
        <v>25670.220239999999</v>
      </c>
      <c r="AC5165">
        <v>32835.128989999997</v>
      </c>
      <c r="AD5165">
        <v>17460.326379999999</v>
      </c>
      <c r="AE5165">
        <v>36225.400479999997</v>
      </c>
      <c r="AF5165">
        <v>45612.632400000002</v>
      </c>
      <c r="AG5165">
        <v>16312.78549</v>
      </c>
      <c r="AH5165">
        <v>256033.8388</v>
      </c>
      <c r="AI5165">
        <v>67226.980519999997</v>
      </c>
      <c r="AJ5165">
        <v>17908.248589999999</v>
      </c>
      <c r="AK5165">
        <v>26006.546320000001</v>
      </c>
      <c r="AL5165">
        <v>68751.743839999996</v>
      </c>
      <c r="AM5165">
        <v>13290.74791</v>
      </c>
      <c r="AN5165">
        <v>69181.05</v>
      </c>
      <c r="AO5165">
        <v>17086.220229999999</v>
      </c>
      <c r="AP5165">
        <v>15335.234549999999</v>
      </c>
    </row>
    <row r="5166" spans="2:42" x14ac:dyDescent="0.3">
      <c r="B5166">
        <v>48.63866303467298</v>
      </c>
      <c r="C5166" s="83">
        <v>43316.166666666664</v>
      </c>
      <c r="D5166">
        <v>148688.9387</v>
      </c>
      <c r="E5166">
        <v>12154.750470000001</v>
      </c>
      <c r="F5166">
        <v>60159.934840000002</v>
      </c>
      <c r="G5166">
        <v>25033.750749999999</v>
      </c>
      <c r="H5166">
        <v>32686.28211</v>
      </c>
      <c r="I5166">
        <v>18319.128430000001</v>
      </c>
      <c r="J5166">
        <v>38154.776949999999</v>
      </c>
      <c r="K5166">
        <v>45222.852480000001</v>
      </c>
      <c r="L5166">
        <v>15849.774590000001</v>
      </c>
      <c r="M5166">
        <v>247982.5864</v>
      </c>
      <c r="N5166">
        <v>65514.710099999997</v>
      </c>
      <c r="O5166">
        <v>17491.976350000001</v>
      </c>
      <c r="P5166">
        <v>25443.780879999998</v>
      </c>
      <c r="Q5166">
        <v>67553.376489999995</v>
      </c>
      <c r="R5166">
        <v>14378.47704</v>
      </c>
      <c r="S5166">
        <v>69393.118159999998</v>
      </c>
      <c r="T5166">
        <v>17148.908510000001</v>
      </c>
      <c r="U5166">
        <v>15137.602349999999</v>
      </c>
      <c r="W5166" s="83">
        <f>Bühler!N5198</f>
        <v>45507.166666654142</v>
      </c>
      <c r="X5166" s="83">
        <v>43316.166666666664</v>
      </c>
      <c r="Y5166">
        <v>148688.9387</v>
      </c>
      <c r="Z5166">
        <v>12154.750470000001</v>
      </c>
      <c r="AA5166">
        <v>60159.934840000002</v>
      </c>
      <c r="AB5166">
        <v>25033.750749999999</v>
      </c>
      <c r="AC5166">
        <v>32686.28211</v>
      </c>
      <c r="AD5166">
        <v>18319.128430000001</v>
      </c>
      <c r="AE5166">
        <v>38154.776949999999</v>
      </c>
      <c r="AF5166">
        <v>45222.852480000001</v>
      </c>
      <c r="AG5166">
        <v>15849.774590000001</v>
      </c>
      <c r="AH5166">
        <v>247982.5864</v>
      </c>
      <c r="AI5166">
        <v>65514.710099999997</v>
      </c>
      <c r="AJ5166">
        <v>17491.976350000001</v>
      </c>
      <c r="AK5166">
        <v>25443.780879999998</v>
      </c>
      <c r="AL5166">
        <v>67553.376489999995</v>
      </c>
      <c r="AM5166">
        <v>14378.47704</v>
      </c>
      <c r="AN5166">
        <v>69393.118159999998</v>
      </c>
      <c r="AO5166">
        <v>17148.908510000001</v>
      </c>
      <c r="AP5166">
        <v>15137.602349999999</v>
      </c>
    </row>
    <row r="5167" spans="2:42" x14ac:dyDescent="0.3">
      <c r="B5167">
        <v>47.929992238855952</v>
      </c>
      <c r="C5167" s="83">
        <v>43316.208333333336</v>
      </c>
      <c r="D5167">
        <v>143670.86110000001</v>
      </c>
      <c r="E5167">
        <v>12813.35627</v>
      </c>
      <c r="F5167">
        <v>67842.014049999998</v>
      </c>
      <c r="G5167">
        <v>25377.483779999999</v>
      </c>
      <c r="H5167">
        <v>33078.633990000002</v>
      </c>
      <c r="I5167">
        <v>23071.91344</v>
      </c>
      <c r="J5167">
        <v>41156.710420000003</v>
      </c>
      <c r="K5167">
        <v>45840.309370000003</v>
      </c>
      <c r="L5167">
        <v>16633.140510000001</v>
      </c>
      <c r="M5167">
        <v>244369.4522</v>
      </c>
      <c r="N5167">
        <v>64184.646890000004</v>
      </c>
      <c r="O5167">
        <v>17080.901089999999</v>
      </c>
      <c r="P5167">
        <v>26654.731029999999</v>
      </c>
      <c r="Q5167">
        <v>65576.371790000005</v>
      </c>
      <c r="R5167">
        <v>16239.889010000001</v>
      </c>
      <c r="S5167">
        <v>70380.160919999995</v>
      </c>
      <c r="T5167">
        <v>17494.045750000001</v>
      </c>
      <c r="U5167">
        <v>15237.468150000001</v>
      </c>
      <c r="W5167" s="83">
        <f>Bühler!N5199</f>
        <v>45507.208333320807</v>
      </c>
      <c r="X5167" s="83">
        <v>43316.208333333336</v>
      </c>
      <c r="Y5167">
        <v>143670.86110000001</v>
      </c>
      <c r="Z5167">
        <v>12813.35627</v>
      </c>
      <c r="AA5167">
        <v>67842.014049999998</v>
      </c>
      <c r="AB5167">
        <v>25377.483779999999</v>
      </c>
      <c r="AC5167">
        <v>33078.633990000002</v>
      </c>
      <c r="AD5167">
        <v>23071.91344</v>
      </c>
      <c r="AE5167">
        <v>41156.710420000003</v>
      </c>
      <c r="AF5167">
        <v>45840.309370000003</v>
      </c>
      <c r="AG5167">
        <v>16633.140510000001</v>
      </c>
      <c r="AH5167">
        <v>244369.4522</v>
      </c>
      <c r="AI5167">
        <v>64184.646890000004</v>
      </c>
      <c r="AJ5167">
        <v>17080.901089999999</v>
      </c>
      <c r="AK5167">
        <v>26654.731029999999</v>
      </c>
      <c r="AL5167">
        <v>65576.371790000005</v>
      </c>
      <c r="AM5167">
        <v>16239.889010000001</v>
      </c>
      <c r="AN5167">
        <v>70380.160919999995</v>
      </c>
      <c r="AO5167">
        <v>17494.045750000001</v>
      </c>
      <c r="AP5167">
        <v>15237.468150000001</v>
      </c>
    </row>
    <row r="5168" spans="2:42" x14ac:dyDescent="0.3">
      <c r="B5168">
        <v>47.434887548406671</v>
      </c>
      <c r="C5168" s="83">
        <v>43316.25</v>
      </c>
      <c r="D5168">
        <v>142669.13370000001</v>
      </c>
      <c r="E5168">
        <v>14064.89926</v>
      </c>
      <c r="F5168">
        <v>78244.23878</v>
      </c>
      <c r="G5168">
        <v>25538.29837</v>
      </c>
      <c r="H5168">
        <v>32459.634419999998</v>
      </c>
      <c r="I5168">
        <v>24934.465230000002</v>
      </c>
      <c r="J5168">
        <v>43087.777029999997</v>
      </c>
      <c r="K5168">
        <v>44056.907079999997</v>
      </c>
      <c r="L5168">
        <v>17502.37225</v>
      </c>
      <c r="M5168">
        <v>241845.1776</v>
      </c>
      <c r="N5168">
        <v>62247.016819999997</v>
      </c>
      <c r="O5168">
        <v>18247.841090000002</v>
      </c>
      <c r="P5168">
        <v>27469.632539999999</v>
      </c>
      <c r="Q5168">
        <v>63081.189879999998</v>
      </c>
      <c r="R5168">
        <v>15686.042810000001</v>
      </c>
      <c r="S5168">
        <v>73719.12904</v>
      </c>
      <c r="T5168">
        <v>19006.133669999999</v>
      </c>
      <c r="U5168">
        <v>14863.84384</v>
      </c>
      <c r="W5168" s="83">
        <f>Bühler!N5200</f>
        <v>45507.249999987471</v>
      </c>
      <c r="X5168" s="83">
        <v>43316.25</v>
      </c>
      <c r="Y5168">
        <v>142669.13370000001</v>
      </c>
      <c r="Z5168">
        <v>14064.89926</v>
      </c>
      <c r="AA5168">
        <v>78244.23878</v>
      </c>
      <c r="AB5168">
        <v>25538.29837</v>
      </c>
      <c r="AC5168">
        <v>32459.634419999998</v>
      </c>
      <c r="AD5168">
        <v>24934.465230000002</v>
      </c>
      <c r="AE5168">
        <v>43087.777029999997</v>
      </c>
      <c r="AF5168">
        <v>44056.907079999997</v>
      </c>
      <c r="AG5168">
        <v>17502.37225</v>
      </c>
      <c r="AH5168">
        <v>241845.1776</v>
      </c>
      <c r="AI5168">
        <v>62247.016819999997</v>
      </c>
      <c r="AJ5168">
        <v>18247.841090000002</v>
      </c>
      <c r="AK5168">
        <v>27469.632539999999</v>
      </c>
      <c r="AL5168">
        <v>63081.189879999998</v>
      </c>
      <c r="AM5168">
        <v>15686.042810000001</v>
      </c>
      <c r="AN5168">
        <v>73719.12904</v>
      </c>
      <c r="AO5168">
        <v>19006.133669999999</v>
      </c>
      <c r="AP5168">
        <v>14863.84384</v>
      </c>
    </row>
    <row r="5169" spans="2:42" x14ac:dyDescent="0.3">
      <c r="B5169">
        <v>47.24542257301772</v>
      </c>
      <c r="C5169" s="83">
        <v>43316.291666666664</v>
      </c>
      <c r="D5169">
        <v>141252.8559</v>
      </c>
      <c r="E5169">
        <v>15697.232470000001</v>
      </c>
      <c r="F5169">
        <v>79872.49682</v>
      </c>
      <c r="G5169">
        <v>25545.002359999999</v>
      </c>
      <c r="H5169">
        <v>32372.999049999999</v>
      </c>
      <c r="I5169">
        <v>24716.099040000001</v>
      </c>
      <c r="J5169">
        <v>43035.358780000002</v>
      </c>
      <c r="K5169">
        <v>43860.843339999999</v>
      </c>
      <c r="L5169">
        <v>19046.423610000002</v>
      </c>
      <c r="M5169">
        <v>240879.19680000001</v>
      </c>
      <c r="N5169">
        <v>61703.137990000003</v>
      </c>
      <c r="O5169">
        <v>18713.38767</v>
      </c>
      <c r="P5169">
        <v>29990.991669999999</v>
      </c>
      <c r="Q5169">
        <v>60971.908580000003</v>
      </c>
      <c r="R5169">
        <v>14838.464389999999</v>
      </c>
      <c r="S5169">
        <v>78993.102350000001</v>
      </c>
      <c r="T5169">
        <v>19597.760699999999</v>
      </c>
      <c r="U5169">
        <v>14525.637720000001</v>
      </c>
      <c r="W5169" s="83">
        <f>Bühler!N5201</f>
        <v>45507.291666654135</v>
      </c>
      <c r="X5169" s="83">
        <v>43316.291666666664</v>
      </c>
      <c r="Y5169">
        <v>141252.8559</v>
      </c>
      <c r="Z5169">
        <v>15697.232470000001</v>
      </c>
      <c r="AA5169">
        <v>79872.49682</v>
      </c>
      <c r="AB5169">
        <v>25545.002359999999</v>
      </c>
      <c r="AC5169">
        <v>32372.999049999999</v>
      </c>
      <c r="AD5169">
        <v>24716.099040000001</v>
      </c>
      <c r="AE5169">
        <v>43035.358780000002</v>
      </c>
      <c r="AF5169">
        <v>43860.843339999999</v>
      </c>
      <c r="AG5169">
        <v>19046.423610000002</v>
      </c>
      <c r="AH5169">
        <v>240879.19680000001</v>
      </c>
      <c r="AI5169">
        <v>61703.137990000003</v>
      </c>
      <c r="AJ5169">
        <v>18713.38767</v>
      </c>
      <c r="AK5169">
        <v>29990.991669999999</v>
      </c>
      <c r="AL5169">
        <v>60971.908580000003</v>
      </c>
      <c r="AM5169">
        <v>14838.464389999999</v>
      </c>
      <c r="AN5169">
        <v>78993.102350000001</v>
      </c>
      <c r="AO5169">
        <v>19597.760699999999</v>
      </c>
      <c r="AP5169">
        <v>14525.637720000001</v>
      </c>
    </row>
    <row r="5170" spans="2:42" x14ac:dyDescent="0.3">
      <c r="B5170">
        <v>46.740953870569946</v>
      </c>
      <c r="C5170" s="83">
        <v>43316.333333333336</v>
      </c>
      <c r="D5170">
        <v>140319.67110000001</v>
      </c>
      <c r="E5170">
        <v>19144.946240000001</v>
      </c>
      <c r="F5170">
        <v>84745.470459999997</v>
      </c>
      <c r="G5170">
        <v>26004.529989999999</v>
      </c>
      <c r="H5170">
        <v>33102.510979999999</v>
      </c>
      <c r="I5170">
        <v>25248.79653</v>
      </c>
      <c r="J5170">
        <v>45193.072090000001</v>
      </c>
      <c r="K5170">
        <v>44807.345829999998</v>
      </c>
      <c r="L5170">
        <v>20818.168730000001</v>
      </c>
      <c r="M5170">
        <v>238307.1801</v>
      </c>
      <c r="N5170">
        <v>62501.550410000003</v>
      </c>
      <c r="O5170">
        <v>18499.778439999998</v>
      </c>
      <c r="P5170">
        <v>33484.092140000001</v>
      </c>
      <c r="Q5170">
        <v>60091.12859</v>
      </c>
      <c r="R5170">
        <v>16645.994040000001</v>
      </c>
      <c r="S5170">
        <v>82117.994009999995</v>
      </c>
      <c r="T5170">
        <v>20532.491429999998</v>
      </c>
      <c r="U5170">
        <v>14835.389569999999</v>
      </c>
      <c r="W5170" s="83">
        <f>Bühler!N5202</f>
        <v>45507.333333320799</v>
      </c>
      <c r="X5170" s="83">
        <v>43316.333333333336</v>
      </c>
      <c r="Y5170">
        <v>140319.67110000001</v>
      </c>
      <c r="Z5170">
        <v>19144.946240000001</v>
      </c>
      <c r="AA5170">
        <v>84745.470459999997</v>
      </c>
      <c r="AB5170">
        <v>26004.529989999999</v>
      </c>
      <c r="AC5170">
        <v>33102.510979999999</v>
      </c>
      <c r="AD5170">
        <v>25248.79653</v>
      </c>
      <c r="AE5170">
        <v>45193.072090000001</v>
      </c>
      <c r="AF5170">
        <v>44807.345829999998</v>
      </c>
      <c r="AG5170">
        <v>20818.168730000001</v>
      </c>
      <c r="AH5170">
        <v>238307.1801</v>
      </c>
      <c r="AI5170">
        <v>62501.550410000003</v>
      </c>
      <c r="AJ5170">
        <v>18499.778439999998</v>
      </c>
      <c r="AK5170">
        <v>33484.092140000001</v>
      </c>
      <c r="AL5170">
        <v>60091.12859</v>
      </c>
      <c r="AM5170">
        <v>16645.994040000001</v>
      </c>
      <c r="AN5170">
        <v>82117.994009999995</v>
      </c>
      <c r="AO5170">
        <v>20532.491429999998</v>
      </c>
      <c r="AP5170">
        <v>14835.389569999999</v>
      </c>
    </row>
    <row r="5171" spans="2:42" x14ac:dyDescent="0.3">
      <c r="B5171">
        <v>46.4525612243539</v>
      </c>
      <c r="C5171" s="83">
        <v>43316.375</v>
      </c>
      <c r="D5171">
        <v>140428.7702</v>
      </c>
      <c r="E5171">
        <v>23360.346949999999</v>
      </c>
      <c r="F5171">
        <v>91291.646129999994</v>
      </c>
      <c r="G5171">
        <v>26211.53126</v>
      </c>
      <c r="H5171">
        <v>34095.345220000003</v>
      </c>
      <c r="I5171">
        <v>25613.056130000001</v>
      </c>
      <c r="J5171">
        <v>47101.860659999998</v>
      </c>
      <c r="K5171">
        <v>45952.987509999999</v>
      </c>
      <c r="L5171">
        <v>24826.308410000001</v>
      </c>
      <c r="M5171">
        <v>236836.8199</v>
      </c>
      <c r="N5171">
        <v>65836.218559999994</v>
      </c>
      <c r="O5171">
        <v>19009.577659999999</v>
      </c>
      <c r="P5171">
        <v>36900.065170000002</v>
      </c>
      <c r="Q5171">
        <v>60711.318659999997</v>
      </c>
      <c r="R5171">
        <v>16652.763279999999</v>
      </c>
      <c r="S5171">
        <v>85469.109989999997</v>
      </c>
      <c r="T5171">
        <v>22218.267370000001</v>
      </c>
      <c r="U5171">
        <v>15073.54587</v>
      </c>
      <c r="W5171" s="83">
        <f>Bühler!N5203</f>
        <v>45507.374999987464</v>
      </c>
      <c r="X5171" s="83">
        <v>43316.375</v>
      </c>
      <c r="Y5171">
        <v>140428.7702</v>
      </c>
      <c r="Z5171">
        <v>23360.346949999999</v>
      </c>
      <c r="AA5171">
        <v>91291.646129999994</v>
      </c>
      <c r="AB5171">
        <v>26211.53126</v>
      </c>
      <c r="AC5171">
        <v>34095.345220000003</v>
      </c>
      <c r="AD5171">
        <v>25613.056130000001</v>
      </c>
      <c r="AE5171">
        <v>47101.860659999998</v>
      </c>
      <c r="AF5171">
        <v>45952.987509999999</v>
      </c>
      <c r="AG5171">
        <v>24826.308410000001</v>
      </c>
      <c r="AH5171">
        <v>236836.8199</v>
      </c>
      <c r="AI5171">
        <v>65836.218559999994</v>
      </c>
      <c r="AJ5171">
        <v>19009.577659999999</v>
      </c>
      <c r="AK5171">
        <v>36900.065170000002</v>
      </c>
      <c r="AL5171">
        <v>60711.318659999997</v>
      </c>
      <c r="AM5171">
        <v>16652.763279999999</v>
      </c>
      <c r="AN5171">
        <v>85469.109989999997</v>
      </c>
      <c r="AO5171">
        <v>22218.267370000001</v>
      </c>
      <c r="AP5171">
        <v>15073.54587</v>
      </c>
    </row>
    <row r="5172" spans="2:42" x14ac:dyDescent="0.3">
      <c r="B5172">
        <v>46.451714891415605</v>
      </c>
      <c r="C5172" s="83">
        <v>43316.416666666664</v>
      </c>
      <c r="D5172">
        <v>139722.52160000001</v>
      </c>
      <c r="E5172">
        <v>25198.168740000001</v>
      </c>
      <c r="F5172">
        <v>93578.364539999995</v>
      </c>
      <c r="G5172">
        <v>26626.951929999999</v>
      </c>
      <c r="H5172">
        <v>34855.723169999997</v>
      </c>
      <c r="I5172">
        <v>25833.450130000001</v>
      </c>
      <c r="J5172">
        <v>47746.026749999997</v>
      </c>
      <c r="K5172">
        <v>48802.028910000001</v>
      </c>
      <c r="L5172">
        <v>28702.103940000001</v>
      </c>
      <c r="M5172">
        <v>236832.5049</v>
      </c>
      <c r="N5172">
        <v>68085.210160000002</v>
      </c>
      <c r="O5172">
        <v>19904.344809999999</v>
      </c>
      <c r="P5172">
        <v>37632.104599999999</v>
      </c>
      <c r="Q5172">
        <v>60787.947540000001</v>
      </c>
      <c r="R5172">
        <v>18056.236379999998</v>
      </c>
      <c r="S5172">
        <v>86486.685549999995</v>
      </c>
      <c r="T5172">
        <v>23729.741399999999</v>
      </c>
      <c r="U5172">
        <v>15352.597529999999</v>
      </c>
      <c r="W5172" s="83">
        <f>Bühler!N5204</f>
        <v>45507.416666654128</v>
      </c>
      <c r="X5172" s="83">
        <v>43316.416666666664</v>
      </c>
      <c r="Y5172">
        <v>139722.52160000001</v>
      </c>
      <c r="Z5172">
        <v>25198.168740000001</v>
      </c>
      <c r="AA5172">
        <v>93578.364539999995</v>
      </c>
      <c r="AB5172">
        <v>26626.951929999999</v>
      </c>
      <c r="AC5172">
        <v>34855.723169999997</v>
      </c>
      <c r="AD5172">
        <v>25833.450130000001</v>
      </c>
      <c r="AE5172">
        <v>47746.026749999997</v>
      </c>
      <c r="AF5172">
        <v>48802.028910000001</v>
      </c>
      <c r="AG5172">
        <v>28702.103940000001</v>
      </c>
      <c r="AH5172">
        <v>236832.5049</v>
      </c>
      <c r="AI5172">
        <v>68085.210160000002</v>
      </c>
      <c r="AJ5172">
        <v>19904.344809999999</v>
      </c>
      <c r="AK5172">
        <v>37632.104599999999</v>
      </c>
      <c r="AL5172">
        <v>60787.947540000001</v>
      </c>
      <c r="AM5172">
        <v>18056.236379999998</v>
      </c>
      <c r="AN5172">
        <v>86486.685549999995</v>
      </c>
      <c r="AO5172">
        <v>23729.741399999999</v>
      </c>
      <c r="AP5172">
        <v>15352.597529999999</v>
      </c>
    </row>
    <row r="5173" spans="2:42" x14ac:dyDescent="0.3">
      <c r="B5173">
        <v>46.557236604008423</v>
      </c>
      <c r="C5173" s="83">
        <v>43316.458333333336</v>
      </c>
      <c r="D5173">
        <v>138673.0227</v>
      </c>
      <c r="E5173">
        <v>25450.753530000002</v>
      </c>
      <c r="F5173">
        <v>95302.325119999994</v>
      </c>
      <c r="G5173">
        <v>26898.72075</v>
      </c>
      <c r="H5173">
        <v>35179.938770000001</v>
      </c>
      <c r="I5173">
        <v>25814.6947</v>
      </c>
      <c r="J5173">
        <v>48026.752610000003</v>
      </c>
      <c r="K5173">
        <v>49543.340600000003</v>
      </c>
      <c r="L5173">
        <v>30633.265950000001</v>
      </c>
      <c r="M5173">
        <v>237370.50380000001</v>
      </c>
      <c r="N5173">
        <v>68851.664120000001</v>
      </c>
      <c r="O5173">
        <v>19969.97882</v>
      </c>
      <c r="P5173">
        <v>37644.169759999997</v>
      </c>
      <c r="Q5173">
        <v>60392.777929999997</v>
      </c>
      <c r="R5173">
        <v>19823.48101</v>
      </c>
      <c r="S5173">
        <v>88837.138049999994</v>
      </c>
      <c r="T5173">
        <v>24694.69284</v>
      </c>
      <c r="U5173">
        <v>15323.185659999999</v>
      </c>
      <c r="W5173" s="83">
        <f>Bühler!N5205</f>
        <v>45507.458333320792</v>
      </c>
      <c r="X5173" s="83">
        <v>43316.458333333336</v>
      </c>
      <c r="Y5173">
        <v>138673.0227</v>
      </c>
      <c r="Z5173">
        <v>25450.753530000002</v>
      </c>
      <c r="AA5173">
        <v>95302.325119999994</v>
      </c>
      <c r="AB5173">
        <v>26898.72075</v>
      </c>
      <c r="AC5173">
        <v>35179.938770000001</v>
      </c>
      <c r="AD5173">
        <v>25814.6947</v>
      </c>
      <c r="AE5173">
        <v>48026.752610000003</v>
      </c>
      <c r="AF5173">
        <v>49543.340600000003</v>
      </c>
      <c r="AG5173">
        <v>30633.265950000001</v>
      </c>
      <c r="AH5173">
        <v>237370.50380000001</v>
      </c>
      <c r="AI5173">
        <v>68851.664120000001</v>
      </c>
      <c r="AJ5173">
        <v>19969.97882</v>
      </c>
      <c r="AK5173">
        <v>37644.169759999997</v>
      </c>
      <c r="AL5173">
        <v>60392.777929999997</v>
      </c>
      <c r="AM5173">
        <v>19823.48101</v>
      </c>
      <c r="AN5173">
        <v>88837.138049999994</v>
      </c>
      <c r="AO5173">
        <v>24694.69284</v>
      </c>
      <c r="AP5173">
        <v>15323.185659999999</v>
      </c>
    </row>
    <row r="5174" spans="2:42" x14ac:dyDescent="0.3">
      <c r="B5174">
        <v>45.861554969158298</v>
      </c>
      <c r="C5174" s="83">
        <v>43316.5</v>
      </c>
      <c r="D5174">
        <v>136201.4999</v>
      </c>
      <c r="E5174">
        <v>24592.15163</v>
      </c>
      <c r="F5174">
        <v>93942.456890000001</v>
      </c>
      <c r="G5174">
        <v>26912.80186</v>
      </c>
      <c r="H5174">
        <v>34997.366179999997</v>
      </c>
      <c r="I5174">
        <v>26395.059099999999</v>
      </c>
      <c r="J5174">
        <v>49179.526010000001</v>
      </c>
      <c r="K5174">
        <v>48871.847529999999</v>
      </c>
      <c r="L5174">
        <v>32609.57746</v>
      </c>
      <c r="M5174">
        <v>233823.5944</v>
      </c>
      <c r="N5174">
        <v>70135.474090000003</v>
      </c>
      <c r="O5174">
        <v>19130.724259999999</v>
      </c>
      <c r="P5174">
        <v>37616.252939999998</v>
      </c>
      <c r="Q5174">
        <v>59009.763379999997</v>
      </c>
      <c r="R5174">
        <v>20126.68461</v>
      </c>
      <c r="S5174">
        <v>86071.947469999999</v>
      </c>
      <c r="T5174">
        <v>24431.034960000001</v>
      </c>
      <c r="U5174">
        <v>15080.252280000001</v>
      </c>
      <c r="W5174" s="83">
        <f>Bühler!N5206</f>
        <v>45507.499999987456</v>
      </c>
      <c r="X5174" s="83">
        <v>43316.5</v>
      </c>
      <c r="Y5174">
        <v>136201.4999</v>
      </c>
      <c r="Z5174">
        <v>24592.15163</v>
      </c>
      <c r="AA5174">
        <v>93942.456890000001</v>
      </c>
      <c r="AB5174">
        <v>26912.80186</v>
      </c>
      <c r="AC5174">
        <v>34997.366179999997</v>
      </c>
      <c r="AD5174">
        <v>26395.059099999999</v>
      </c>
      <c r="AE5174">
        <v>49179.526010000001</v>
      </c>
      <c r="AF5174">
        <v>48871.847529999999</v>
      </c>
      <c r="AG5174">
        <v>32609.57746</v>
      </c>
      <c r="AH5174">
        <v>233823.5944</v>
      </c>
      <c r="AI5174">
        <v>70135.474090000003</v>
      </c>
      <c r="AJ5174">
        <v>19130.724259999999</v>
      </c>
      <c r="AK5174">
        <v>37616.252939999998</v>
      </c>
      <c r="AL5174">
        <v>59009.763379999997</v>
      </c>
      <c r="AM5174">
        <v>20126.68461</v>
      </c>
      <c r="AN5174">
        <v>86071.947469999999</v>
      </c>
      <c r="AO5174">
        <v>24431.034960000001</v>
      </c>
      <c r="AP5174">
        <v>15080.252280000001</v>
      </c>
    </row>
    <row r="5175" spans="2:42" x14ac:dyDescent="0.3">
      <c r="B5175">
        <v>45.195785898159976</v>
      </c>
      <c r="C5175" s="83">
        <v>43316.541666666664</v>
      </c>
      <c r="D5175">
        <v>135695.53030000001</v>
      </c>
      <c r="E5175">
        <v>24562.227370000001</v>
      </c>
      <c r="F5175">
        <v>93296.829360000003</v>
      </c>
      <c r="G5175">
        <v>27267.60065</v>
      </c>
      <c r="H5175">
        <v>34812.350859999999</v>
      </c>
      <c r="I5175">
        <v>26693.338029999999</v>
      </c>
      <c r="J5175">
        <v>48630.22193</v>
      </c>
      <c r="K5175">
        <v>49385.198969999998</v>
      </c>
      <c r="L5175">
        <v>33089.767780000002</v>
      </c>
      <c r="M5175">
        <v>230429.19320000001</v>
      </c>
      <c r="N5175">
        <v>69448.571110000004</v>
      </c>
      <c r="O5175">
        <v>18164.66404</v>
      </c>
      <c r="P5175">
        <v>37359.4398</v>
      </c>
      <c r="Q5175">
        <v>56770.699209999999</v>
      </c>
      <c r="R5175">
        <v>19448.404340000001</v>
      </c>
      <c r="S5175">
        <v>87033.791719999994</v>
      </c>
      <c r="T5175">
        <v>24386.375540000001</v>
      </c>
      <c r="U5175">
        <v>15252.291520000001</v>
      </c>
      <c r="W5175" s="83">
        <f>Bühler!N5207</f>
        <v>45507.54166665412</v>
      </c>
      <c r="X5175" s="83">
        <v>43316.541666666664</v>
      </c>
      <c r="Y5175">
        <v>135695.53030000001</v>
      </c>
      <c r="Z5175">
        <v>24562.227370000001</v>
      </c>
      <c r="AA5175">
        <v>93296.829360000003</v>
      </c>
      <c r="AB5175">
        <v>27267.60065</v>
      </c>
      <c r="AC5175">
        <v>34812.350859999999</v>
      </c>
      <c r="AD5175">
        <v>26693.338029999999</v>
      </c>
      <c r="AE5175">
        <v>48630.22193</v>
      </c>
      <c r="AF5175">
        <v>49385.198969999998</v>
      </c>
      <c r="AG5175">
        <v>33089.767780000002</v>
      </c>
      <c r="AH5175">
        <v>230429.19320000001</v>
      </c>
      <c r="AI5175">
        <v>69448.571110000004</v>
      </c>
      <c r="AJ5175">
        <v>18164.66404</v>
      </c>
      <c r="AK5175">
        <v>37359.4398</v>
      </c>
      <c r="AL5175">
        <v>56770.699209999999</v>
      </c>
      <c r="AM5175">
        <v>19448.404340000001</v>
      </c>
      <c r="AN5175">
        <v>87033.791719999994</v>
      </c>
      <c r="AO5175">
        <v>24386.375540000001</v>
      </c>
      <c r="AP5175">
        <v>15252.291520000001</v>
      </c>
    </row>
    <row r="5176" spans="2:42" x14ac:dyDescent="0.3">
      <c r="B5176">
        <v>44.561844025600656</v>
      </c>
      <c r="C5176" s="83">
        <v>43316.583333333336</v>
      </c>
      <c r="D5176">
        <v>136227.4276</v>
      </c>
      <c r="E5176">
        <v>25781.688020000001</v>
      </c>
      <c r="F5176">
        <v>94717.737789999999</v>
      </c>
      <c r="G5176">
        <v>27311.665519999999</v>
      </c>
      <c r="H5176">
        <v>34847.703730000001</v>
      </c>
      <c r="I5176">
        <v>27031.364379999999</v>
      </c>
      <c r="J5176">
        <v>48371.699379999998</v>
      </c>
      <c r="K5176">
        <v>49851.300329999998</v>
      </c>
      <c r="L5176">
        <v>31446.88884</v>
      </c>
      <c r="M5176">
        <v>227197.0619</v>
      </c>
      <c r="N5176">
        <v>70398.385890000005</v>
      </c>
      <c r="O5176">
        <v>17776.170989999999</v>
      </c>
      <c r="P5176">
        <v>35209.872649999998</v>
      </c>
      <c r="Q5176">
        <v>56306.455999999998</v>
      </c>
      <c r="R5176">
        <v>19999.372090000001</v>
      </c>
      <c r="S5176">
        <v>85045.658859999996</v>
      </c>
      <c r="T5176">
        <v>24606.268940000002</v>
      </c>
      <c r="U5176">
        <v>15069.046340000001</v>
      </c>
      <c r="W5176" s="83">
        <f>Bühler!N5208</f>
        <v>45507.583333320785</v>
      </c>
      <c r="X5176" s="83">
        <v>43316.583333333336</v>
      </c>
      <c r="Y5176">
        <v>136227.4276</v>
      </c>
      <c r="Z5176">
        <v>25781.688020000001</v>
      </c>
      <c r="AA5176">
        <v>94717.737789999999</v>
      </c>
      <c r="AB5176">
        <v>27311.665519999999</v>
      </c>
      <c r="AC5176">
        <v>34847.703730000001</v>
      </c>
      <c r="AD5176">
        <v>27031.364379999999</v>
      </c>
      <c r="AE5176">
        <v>48371.699379999998</v>
      </c>
      <c r="AF5176">
        <v>49851.300329999998</v>
      </c>
      <c r="AG5176">
        <v>31446.88884</v>
      </c>
      <c r="AH5176">
        <v>227197.0619</v>
      </c>
      <c r="AI5176">
        <v>70398.385890000005</v>
      </c>
      <c r="AJ5176">
        <v>17776.170989999999</v>
      </c>
      <c r="AK5176">
        <v>35209.872649999998</v>
      </c>
      <c r="AL5176">
        <v>56306.455999999998</v>
      </c>
      <c r="AM5176">
        <v>19999.372090000001</v>
      </c>
      <c r="AN5176">
        <v>85045.658859999996</v>
      </c>
      <c r="AO5176">
        <v>24606.268940000002</v>
      </c>
      <c r="AP5176">
        <v>15069.046340000001</v>
      </c>
    </row>
    <row r="5177" spans="2:42" x14ac:dyDescent="0.3">
      <c r="B5177">
        <v>44.373613813683264</v>
      </c>
      <c r="C5177" s="83">
        <v>43316.625</v>
      </c>
      <c r="D5177">
        <v>136733.8769</v>
      </c>
      <c r="E5177">
        <v>26131.70464</v>
      </c>
      <c r="F5177">
        <v>95492.825899999996</v>
      </c>
      <c r="G5177">
        <v>27522.799900000002</v>
      </c>
      <c r="H5177">
        <v>34748.202839999998</v>
      </c>
      <c r="I5177">
        <v>27425.627229999998</v>
      </c>
      <c r="J5177">
        <v>47753.025569999998</v>
      </c>
      <c r="K5177">
        <v>49567.19831</v>
      </c>
      <c r="L5177">
        <v>29794.21024</v>
      </c>
      <c r="M5177">
        <v>226237.37650000001</v>
      </c>
      <c r="N5177">
        <v>69327.222720000005</v>
      </c>
      <c r="O5177">
        <v>17655.840629999999</v>
      </c>
      <c r="P5177">
        <v>32438.455419999998</v>
      </c>
      <c r="Q5177">
        <v>55882.164120000001</v>
      </c>
      <c r="R5177">
        <v>19897.13968</v>
      </c>
      <c r="S5177">
        <v>84596.057119999998</v>
      </c>
      <c r="T5177">
        <v>25011.318459999999</v>
      </c>
      <c r="U5177">
        <v>15195.099</v>
      </c>
      <c r="W5177" s="83">
        <f>Bühler!N5209</f>
        <v>45507.624999987449</v>
      </c>
      <c r="X5177" s="83">
        <v>43316.625</v>
      </c>
      <c r="Y5177">
        <v>136733.8769</v>
      </c>
      <c r="Z5177">
        <v>26131.70464</v>
      </c>
      <c r="AA5177">
        <v>95492.825899999996</v>
      </c>
      <c r="AB5177">
        <v>27522.799900000002</v>
      </c>
      <c r="AC5177">
        <v>34748.202839999998</v>
      </c>
      <c r="AD5177">
        <v>27425.627229999998</v>
      </c>
      <c r="AE5177">
        <v>47753.025569999998</v>
      </c>
      <c r="AF5177">
        <v>49567.19831</v>
      </c>
      <c r="AG5177">
        <v>29794.21024</v>
      </c>
      <c r="AH5177">
        <v>226237.37650000001</v>
      </c>
      <c r="AI5177">
        <v>69327.222720000005</v>
      </c>
      <c r="AJ5177">
        <v>17655.840629999999</v>
      </c>
      <c r="AK5177">
        <v>32438.455419999998</v>
      </c>
      <c r="AL5177">
        <v>55882.164120000001</v>
      </c>
      <c r="AM5177">
        <v>19897.13968</v>
      </c>
      <c r="AN5177">
        <v>84596.057119999998</v>
      </c>
      <c r="AO5177">
        <v>25011.318459999999</v>
      </c>
      <c r="AP5177">
        <v>15195.099</v>
      </c>
    </row>
    <row r="5178" spans="2:42" x14ac:dyDescent="0.3">
      <c r="B5178">
        <v>44.061277084715236</v>
      </c>
      <c r="C5178" s="83">
        <v>43316.666666666664</v>
      </c>
      <c r="D5178">
        <v>136121.38370000001</v>
      </c>
      <c r="E5178">
        <v>25864.411469999999</v>
      </c>
      <c r="F5178">
        <v>94345.064929999993</v>
      </c>
      <c r="G5178">
        <v>27678.068179999998</v>
      </c>
      <c r="H5178">
        <v>34495.365100000003</v>
      </c>
      <c r="I5178">
        <v>27298.024290000001</v>
      </c>
      <c r="J5178">
        <v>47097.638140000003</v>
      </c>
      <c r="K5178">
        <v>48037.662089999998</v>
      </c>
      <c r="L5178">
        <v>29122.418689999999</v>
      </c>
      <c r="M5178">
        <v>224644.9382</v>
      </c>
      <c r="N5178">
        <v>69006.729519999993</v>
      </c>
      <c r="O5178">
        <v>18146.31783</v>
      </c>
      <c r="P5178">
        <v>31788.816790000001</v>
      </c>
      <c r="Q5178">
        <v>55922.971530000003</v>
      </c>
      <c r="R5178">
        <v>19633.08368</v>
      </c>
      <c r="S5178">
        <v>85519.889989999996</v>
      </c>
      <c r="T5178">
        <v>25370.680250000001</v>
      </c>
      <c r="U5178">
        <v>15156.135190000001</v>
      </c>
      <c r="W5178" s="83">
        <f>Bühler!N5210</f>
        <v>45507.666666654113</v>
      </c>
      <c r="X5178" s="83">
        <v>43316.666666666664</v>
      </c>
      <c r="Y5178">
        <v>136121.38370000001</v>
      </c>
      <c r="Z5178">
        <v>25864.411469999999</v>
      </c>
      <c r="AA5178">
        <v>94345.064929999993</v>
      </c>
      <c r="AB5178">
        <v>27678.068179999998</v>
      </c>
      <c r="AC5178">
        <v>34495.365100000003</v>
      </c>
      <c r="AD5178">
        <v>27298.024290000001</v>
      </c>
      <c r="AE5178">
        <v>47097.638140000003</v>
      </c>
      <c r="AF5178">
        <v>48037.662089999998</v>
      </c>
      <c r="AG5178">
        <v>29122.418689999999</v>
      </c>
      <c r="AH5178">
        <v>224644.9382</v>
      </c>
      <c r="AI5178">
        <v>69006.729519999993</v>
      </c>
      <c r="AJ5178">
        <v>18146.31783</v>
      </c>
      <c r="AK5178">
        <v>31788.816790000001</v>
      </c>
      <c r="AL5178">
        <v>55922.971530000003</v>
      </c>
      <c r="AM5178">
        <v>19633.08368</v>
      </c>
      <c r="AN5178">
        <v>85519.889989999996</v>
      </c>
      <c r="AO5178">
        <v>25370.680250000001</v>
      </c>
      <c r="AP5178">
        <v>15156.135190000001</v>
      </c>
    </row>
    <row r="5179" spans="2:42" x14ac:dyDescent="0.3">
      <c r="B5179">
        <v>43.316100330534148</v>
      </c>
      <c r="C5179" s="83">
        <v>43316.708333333336</v>
      </c>
      <c r="D5179">
        <v>134253.9803</v>
      </c>
      <c r="E5179">
        <v>25467.24193</v>
      </c>
      <c r="F5179">
        <v>93294.352610000002</v>
      </c>
      <c r="G5179">
        <v>27529.998769999998</v>
      </c>
      <c r="H5179">
        <v>34755.254209999999</v>
      </c>
      <c r="I5179">
        <v>27316.81165</v>
      </c>
      <c r="J5179">
        <v>48304.8917</v>
      </c>
      <c r="K5179">
        <v>46146.932330000003</v>
      </c>
      <c r="L5179">
        <v>29549.94166</v>
      </c>
      <c r="M5179">
        <v>220845.6796</v>
      </c>
      <c r="N5179">
        <v>68649.133040000001</v>
      </c>
      <c r="O5179">
        <v>18019.518039999999</v>
      </c>
      <c r="P5179">
        <v>33645.216269999997</v>
      </c>
      <c r="Q5179">
        <v>54890.999280000004</v>
      </c>
      <c r="R5179">
        <v>21413.670529999999</v>
      </c>
      <c r="S5179">
        <v>86429.475789999997</v>
      </c>
      <c r="T5179">
        <v>24802.293310000001</v>
      </c>
      <c r="U5179">
        <v>15205.517599999999</v>
      </c>
      <c r="W5179" s="83">
        <f>Bühler!N5211</f>
        <v>45507.708333320777</v>
      </c>
      <c r="X5179" s="83">
        <v>43316.708333333336</v>
      </c>
      <c r="Y5179">
        <v>134253.9803</v>
      </c>
      <c r="Z5179">
        <v>25467.24193</v>
      </c>
      <c r="AA5179">
        <v>93294.352610000002</v>
      </c>
      <c r="AB5179">
        <v>27529.998769999998</v>
      </c>
      <c r="AC5179">
        <v>34755.254209999999</v>
      </c>
      <c r="AD5179">
        <v>27316.81165</v>
      </c>
      <c r="AE5179">
        <v>48304.8917</v>
      </c>
      <c r="AF5179">
        <v>46146.932330000003</v>
      </c>
      <c r="AG5179">
        <v>29549.94166</v>
      </c>
      <c r="AH5179">
        <v>220845.6796</v>
      </c>
      <c r="AI5179">
        <v>68649.133040000001</v>
      </c>
      <c r="AJ5179">
        <v>18019.518039999999</v>
      </c>
      <c r="AK5179">
        <v>33645.216269999997</v>
      </c>
      <c r="AL5179">
        <v>54890.999280000004</v>
      </c>
      <c r="AM5179">
        <v>21413.670529999999</v>
      </c>
      <c r="AN5179">
        <v>86429.475789999997</v>
      </c>
      <c r="AO5179">
        <v>24802.293310000001</v>
      </c>
      <c r="AP5179">
        <v>15205.517599999999</v>
      </c>
    </row>
    <row r="5180" spans="2:42" x14ac:dyDescent="0.3">
      <c r="B5180">
        <v>42.68129243284023</v>
      </c>
      <c r="C5180" s="83">
        <v>43316.75</v>
      </c>
      <c r="D5180">
        <v>133548.27679999999</v>
      </c>
      <c r="E5180">
        <v>24232.97263</v>
      </c>
      <c r="F5180">
        <v>92629.438240000003</v>
      </c>
      <c r="G5180">
        <v>27363.124349999998</v>
      </c>
      <c r="H5180">
        <v>34414.011769999997</v>
      </c>
      <c r="I5180">
        <v>27273.69068</v>
      </c>
      <c r="J5180">
        <v>48995.268020000003</v>
      </c>
      <c r="K5180">
        <v>47203.165820000002</v>
      </c>
      <c r="L5180">
        <v>30449.85583</v>
      </c>
      <c r="M5180">
        <v>217609.1329</v>
      </c>
      <c r="N5180">
        <v>67086.915110000002</v>
      </c>
      <c r="O5180">
        <v>17306.982260000001</v>
      </c>
      <c r="P5180">
        <v>37092.822240000001</v>
      </c>
      <c r="Q5180">
        <v>53302.204510000003</v>
      </c>
      <c r="R5180">
        <v>20155.806970000001</v>
      </c>
      <c r="S5180">
        <v>84252.608819999994</v>
      </c>
      <c r="T5180">
        <v>24302.15396</v>
      </c>
      <c r="U5180">
        <v>14875.165730000001</v>
      </c>
      <c r="W5180" s="83">
        <f>Bühler!N5212</f>
        <v>45507.749999987442</v>
      </c>
      <c r="X5180" s="83">
        <v>43316.75</v>
      </c>
      <c r="Y5180">
        <v>133548.27679999999</v>
      </c>
      <c r="Z5180">
        <v>24232.97263</v>
      </c>
      <c r="AA5180">
        <v>92629.438240000003</v>
      </c>
      <c r="AB5180">
        <v>27363.124349999998</v>
      </c>
      <c r="AC5180">
        <v>34414.011769999997</v>
      </c>
      <c r="AD5180">
        <v>27273.69068</v>
      </c>
      <c r="AE5180">
        <v>48995.268020000003</v>
      </c>
      <c r="AF5180">
        <v>47203.165820000002</v>
      </c>
      <c r="AG5180">
        <v>30449.85583</v>
      </c>
      <c r="AH5180">
        <v>217609.1329</v>
      </c>
      <c r="AI5180">
        <v>67086.915110000002</v>
      </c>
      <c r="AJ5180">
        <v>17306.982260000001</v>
      </c>
      <c r="AK5180">
        <v>37092.822240000001</v>
      </c>
      <c r="AL5180">
        <v>53302.204510000003</v>
      </c>
      <c r="AM5180">
        <v>20155.806970000001</v>
      </c>
      <c r="AN5180">
        <v>84252.608819999994</v>
      </c>
      <c r="AO5180">
        <v>24302.15396</v>
      </c>
      <c r="AP5180">
        <v>14875.165730000001</v>
      </c>
    </row>
    <row r="5181" spans="2:42" x14ac:dyDescent="0.3">
      <c r="B5181">
        <v>42.073443720670191</v>
      </c>
      <c r="C5181" s="83">
        <v>43316.791666666664</v>
      </c>
      <c r="D5181">
        <v>132460.31510000001</v>
      </c>
      <c r="E5181">
        <v>20073.345590000001</v>
      </c>
      <c r="F5181">
        <v>81654.330900000001</v>
      </c>
      <c r="G5181">
        <v>26994.472409999998</v>
      </c>
      <c r="H5181">
        <v>33601.824000000001</v>
      </c>
      <c r="I5181">
        <v>26781.153620000001</v>
      </c>
      <c r="J5181">
        <v>48009.281340000001</v>
      </c>
      <c r="K5181">
        <v>47387.602789999997</v>
      </c>
      <c r="L5181">
        <v>30209.836869999999</v>
      </c>
      <c r="M5181">
        <v>214510.0367</v>
      </c>
      <c r="N5181">
        <v>67155.868449999994</v>
      </c>
      <c r="O5181">
        <v>16802.644749999999</v>
      </c>
      <c r="P5181">
        <v>40470.343659999999</v>
      </c>
      <c r="Q5181">
        <v>52213.635249999999</v>
      </c>
      <c r="R5181">
        <v>19466.991419999998</v>
      </c>
      <c r="S5181">
        <v>82427.250060000006</v>
      </c>
      <c r="T5181">
        <v>23147.248619999998</v>
      </c>
      <c r="U5181">
        <v>14978.01166</v>
      </c>
      <c r="W5181" s="83">
        <f>Bühler!N5213</f>
        <v>45507.791666654106</v>
      </c>
      <c r="X5181" s="83">
        <v>43316.791666666664</v>
      </c>
      <c r="Y5181">
        <v>132460.31510000001</v>
      </c>
      <c r="Z5181">
        <v>20073.345590000001</v>
      </c>
      <c r="AA5181">
        <v>81654.330900000001</v>
      </c>
      <c r="AB5181">
        <v>26994.472409999998</v>
      </c>
      <c r="AC5181">
        <v>33601.824000000001</v>
      </c>
      <c r="AD5181">
        <v>26781.153620000001</v>
      </c>
      <c r="AE5181">
        <v>48009.281340000001</v>
      </c>
      <c r="AF5181">
        <v>47387.602789999997</v>
      </c>
      <c r="AG5181">
        <v>30209.836869999999</v>
      </c>
      <c r="AH5181">
        <v>214510.0367</v>
      </c>
      <c r="AI5181">
        <v>67155.868449999994</v>
      </c>
      <c r="AJ5181">
        <v>16802.644749999999</v>
      </c>
      <c r="AK5181">
        <v>40470.343659999999</v>
      </c>
      <c r="AL5181">
        <v>52213.635249999999</v>
      </c>
      <c r="AM5181">
        <v>19466.991419999998</v>
      </c>
      <c r="AN5181">
        <v>82427.250060000006</v>
      </c>
      <c r="AO5181">
        <v>23147.248619999998</v>
      </c>
      <c r="AP5181">
        <v>14978.01166</v>
      </c>
    </row>
    <row r="5182" spans="2:42" x14ac:dyDescent="0.3">
      <c r="B5182">
        <v>41.074449266575911</v>
      </c>
      <c r="C5182" s="83">
        <v>43316.833333333336</v>
      </c>
      <c r="D5182">
        <v>131735.511</v>
      </c>
      <c r="E5182">
        <v>14496.509679999999</v>
      </c>
      <c r="F5182">
        <v>64545.634239999999</v>
      </c>
      <c r="G5182">
        <v>26348.358400000001</v>
      </c>
      <c r="H5182">
        <v>32719.39862</v>
      </c>
      <c r="I5182">
        <v>25335.993180000001</v>
      </c>
      <c r="J5182">
        <v>46916.514109999996</v>
      </c>
      <c r="K5182">
        <v>48713.263079999997</v>
      </c>
      <c r="L5182">
        <v>30359.186150000001</v>
      </c>
      <c r="M5182">
        <v>209416.69709999999</v>
      </c>
      <c r="N5182">
        <v>66700.829450000005</v>
      </c>
      <c r="O5182">
        <v>16930.802810000001</v>
      </c>
      <c r="P5182">
        <v>40349.032919999998</v>
      </c>
      <c r="Q5182">
        <v>49547.752280000001</v>
      </c>
      <c r="R5182">
        <v>18554.46443</v>
      </c>
      <c r="S5182">
        <v>77531.332139999999</v>
      </c>
      <c r="T5182">
        <v>21312.668269999998</v>
      </c>
      <c r="U5182">
        <v>15132.138929999999</v>
      </c>
      <c r="W5182" s="83">
        <f>Bühler!N5214</f>
        <v>45507.83333332077</v>
      </c>
      <c r="X5182" s="83">
        <v>43316.833333333336</v>
      </c>
      <c r="Y5182">
        <v>131735.511</v>
      </c>
      <c r="Z5182">
        <v>14496.509679999999</v>
      </c>
      <c r="AA5182">
        <v>64545.634239999999</v>
      </c>
      <c r="AB5182">
        <v>26348.358400000001</v>
      </c>
      <c r="AC5182">
        <v>32719.39862</v>
      </c>
      <c r="AD5182">
        <v>25335.993180000001</v>
      </c>
      <c r="AE5182">
        <v>46916.514109999996</v>
      </c>
      <c r="AF5182">
        <v>48713.263079999997</v>
      </c>
      <c r="AG5182">
        <v>30359.186150000001</v>
      </c>
      <c r="AH5182">
        <v>209416.69709999999</v>
      </c>
      <c r="AI5182">
        <v>66700.829450000005</v>
      </c>
      <c r="AJ5182">
        <v>16930.802810000001</v>
      </c>
      <c r="AK5182">
        <v>40349.032919999998</v>
      </c>
      <c r="AL5182">
        <v>49547.752280000001</v>
      </c>
      <c r="AM5182">
        <v>18554.46443</v>
      </c>
      <c r="AN5182">
        <v>77531.332139999999</v>
      </c>
      <c r="AO5182">
        <v>21312.668269999998</v>
      </c>
      <c r="AP5182">
        <v>15132.138929999999</v>
      </c>
    </row>
    <row r="5183" spans="2:42" x14ac:dyDescent="0.3">
      <c r="B5183">
        <v>40.445429089741737</v>
      </c>
      <c r="C5183" s="83">
        <v>43316.875</v>
      </c>
      <c r="D5183">
        <v>131221.49679999999</v>
      </c>
      <c r="E5183">
        <v>12879.538409999999</v>
      </c>
      <c r="F5183">
        <v>56093.876409999997</v>
      </c>
      <c r="G5183">
        <v>26417.949700000001</v>
      </c>
      <c r="H5183">
        <v>32278.750120000001</v>
      </c>
      <c r="I5183">
        <v>24410.14932</v>
      </c>
      <c r="J5183">
        <v>47360.914649999999</v>
      </c>
      <c r="K5183">
        <v>49097.78224</v>
      </c>
      <c r="L5183">
        <v>29837.386320000001</v>
      </c>
      <c r="M5183">
        <v>206209.65890000001</v>
      </c>
      <c r="N5183">
        <v>67354.401549999995</v>
      </c>
      <c r="O5183">
        <v>16748.00692</v>
      </c>
      <c r="P5183">
        <v>39431.290079999999</v>
      </c>
      <c r="Q5183">
        <v>48015.87199</v>
      </c>
      <c r="R5183">
        <v>18767.29795</v>
      </c>
      <c r="S5183">
        <v>75246.841929999995</v>
      </c>
      <c r="T5183">
        <v>20514.76453</v>
      </c>
      <c r="U5183">
        <v>15183.771059999999</v>
      </c>
      <c r="W5183" s="83">
        <f>Bühler!N5215</f>
        <v>45507.874999987434</v>
      </c>
      <c r="X5183" s="83">
        <v>43316.875</v>
      </c>
      <c r="Y5183">
        <v>131221.49679999999</v>
      </c>
      <c r="Z5183">
        <v>12879.538409999999</v>
      </c>
      <c r="AA5183">
        <v>56093.876409999997</v>
      </c>
      <c r="AB5183">
        <v>26417.949700000001</v>
      </c>
      <c r="AC5183">
        <v>32278.750120000001</v>
      </c>
      <c r="AD5183">
        <v>24410.14932</v>
      </c>
      <c r="AE5183">
        <v>47360.914649999999</v>
      </c>
      <c r="AF5183">
        <v>49097.78224</v>
      </c>
      <c r="AG5183">
        <v>29837.386320000001</v>
      </c>
      <c r="AH5183">
        <v>206209.65890000001</v>
      </c>
      <c r="AI5183">
        <v>67354.401549999995</v>
      </c>
      <c r="AJ5183">
        <v>16748.00692</v>
      </c>
      <c r="AK5183">
        <v>39431.290079999999</v>
      </c>
      <c r="AL5183">
        <v>48015.87199</v>
      </c>
      <c r="AM5183">
        <v>18767.29795</v>
      </c>
      <c r="AN5183">
        <v>75246.841929999995</v>
      </c>
      <c r="AO5183">
        <v>20514.76453</v>
      </c>
      <c r="AP5183">
        <v>15183.771059999999</v>
      </c>
    </row>
    <row r="5184" spans="2:42" x14ac:dyDescent="0.3">
      <c r="B5184">
        <v>40.39752901869678</v>
      </c>
      <c r="C5184" s="83">
        <v>43316.916666666664</v>
      </c>
      <c r="D5184">
        <v>131329.15530000001</v>
      </c>
      <c r="E5184">
        <v>12846.857400000001</v>
      </c>
      <c r="F5184">
        <v>54203.35009</v>
      </c>
      <c r="G5184">
        <v>26986.589199999999</v>
      </c>
      <c r="H5184">
        <v>33801.911740000003</v>
      </c>
      <c r="I5184">
        <v>23755.986069999999</v>
      </c>
      <c r="J5184">
        <v>46333.673029999998</v>
      </c>
      <c r="K5184">
        <v>52034.640870000003</v>
      </c>
      <c r="L5184">
        <v>26712.88769</v>
      </c>
      <c r="M5184">
        <v>205965.44200000001</v>
      </c>
      <c r="N5184">
        <v>67812.130120000002</v>
      </c>
      <c r="O5184">
        <v>17701.293959999999</v>
      </c>
      <c r="P5184">
        <v>42000.40408</v>
      </c>
      <c r="Q5184">
        <v>47998.458919999997</v>
      </c>
      <c r="R5184">
        <v>20073.88465</v>
      </c>
      <c r="S5184">
        <v>74889.309789999999</v>
      </c>
      <c r="T5184">
        <v>19311.10339</v>
      </c>
      <c r="U5184">
        <v>15927.669470000001</v>
      </c>
      <c r="W5184" s="83">
        <f>Bühler!N5216</f>
        <v>45507.916666654099</v>
      </c>
      <c r="X5184" s="83">
        <v>43316.916666666664</v>
      </c>
      <c r="Y5184">
        <v>131329.15530000001</v>
      </c>
      <c r="Z5184">
        <v>12846.857400000001</v>
      </c>
      <c r="AA5184">
        <v>54203.35009</v>
      </c>
      <c r="AB5184">
        <v>26986.589199999999</v>
      </c>
      <c r="AC5184">
        <v>33801.911740000003</v>
      </c>
      <c r="AD5184">
        <v>23755.986069999999</v>
      </c>
      <c r="AE5184">
        <v>46333.673029999998</v>
      </c>
      <c r="AF5184">
        <v>52034.640870000003</v>
      </c>
      <c r="AG5184">
        <v>26712.88769</v>
      </c>
      <c r="AH5184">
        <v>205965.44200000001</v>
      </c>
      <c r="AI5184">
        <v>67812.130120000002</v>
      </c>
      <c r="AJ5184">
        <v>17701.293959999999</v>
      </c>
      <c r="AK5184">
        <v>42000.40408</v>
      </c>
      <c r="AL5184">
        <v>47998.458919999997</v>
      </c>
      <c r="AM5184">
        <v>20073.88465</v>
      </c>
      <c r="AN5184">
        <v>74889.309789999999</v>
      </c>
      <c r="AO5184">
        <v>19311.10339</v>
      </c>
      <c r="AP5184">
        <v>15927.669470000001</v>
      </c>
    </row>
    <row r="5185" spans="2:42" x14ac:dyDescent="0.3">
      <c r="B5185">
        <v>40.345027171661478</v>
      </c>
      <c r="C5185" s="83">
        <v>43316.958333333336</v>
      </c>
      <c r="D5185">
        <v>130619.5318</v>
      </c>
      <c r="E5185">
        <v>12156.24381</v>
      </c>
      <c r="F5185">
        <v>52431.103389999997</v>
      </c>
      <c r="G5185">
        <v>26906.60972</v>
      </c>
      <c r="H5185">
        <v>33103.668619999997</v>
      </c>
      <c r="I5185">
        <v>23107.957320000001</v>
      </c>
      <c r="J5185">
        <v>41350.231290000003</v>
      </c>
      <c r="K5185">
        <v>50673.899469999997</v>
      </c>
      <c r="L5185">
        <v>23245.522120000001</v>
      </c>
      <c r="M5185">
        <v>205697.76310000001</v>
      </c>
      <c r="N5185">
        <v>66814.414919999996</v>
      </c>
      <c r="O5185">
        <v>17038.37328</v>
      </c>
      <c r="P5185">
        <v>36067.146829999998</v>
      </c>
      <c r="Q5185">
        <v>48042.171719999998</v>
      </c>
      <c r="R5185">
        <v>21275.424019999999</v>
      </c>
      <c r="S5185">
        <v>72743.091939999998</v>
      </c>
      <c r="T5185">
        <v>18588.73489</v>
      </c>
      <c r="U5185">
        <v>15311.749980000001</v>
      </c>
      <c r="W5185" s="83">
        <f>Bühler!N5217</f>
        <v>45507.958333320763</v>
      </c>
      <c r="X5185" s="83">
        <v>43316.958333333336</v>
      </c>
      <c r="Y5185">
        <v>130619.5318</v>
      </c>
      <c r="Z5185">
        <v>12156.24381</v>
      </c>
      <c r="AA5185">
        <v>52431.103389999997</v>
      </c>
      <c r="AB5185">
        <v>26906.60972</v>
      </c>
      <c r="AC5185">
        <v>33103.668619999997</v>
      </c>
      <c r="AD5185">
        <v>23107.957320000001</v>
      </c>
      <c r="AE5185">
        <v>41350.231290000003</v>
      </c>
      <c r="AF5185">
        <v>50673.899469999997</v>
      </c>
      <c r="AG5185">
        <v>23245.522120000001</v>
      </c>
      <c r="AH5185">
        <v>205697.76310000001</v>
      </c>
      <c r="AI5185">
        <v>66814.414919999996</v>
      </c>
      <c r="AJ5185">
        <v>17038.37328</v>
      </c>
      <c r="AK5185">
        <v>36067.146829999998</v>
      </c>
      <c r="AL5185">
        <v>48042.171719999998</v>
      </c>
      <c r="AM5185">
        <v>21275.424019999999</v>
      </c>
      <c r="AN5185">
        <v>72743.091939999998</v>
      </c>
      <c r="AO5185">
        <v>18588.73489</v>
      </c>
      <c r="AP5185">
        <v>15311.749980000001</v>
      </c>
    </row>
    <row r="5186" spans="2:42" x14ac:dyDescent="0.3">
      <c r="B5186">
        <v>40.115030635183366</v>
      </c>
      <c r="C5186" s="83">
        <v>43317</v>
      </c>
      <c r="D5186">
        <v>129864.9461</v>
      </c>
      <c r="E5186">
        <v>11733.74073</v>
      </c>
      <c r="F5186">
        <v>50793.697489999999</v>
      </c>
      <c r="G5186">
        <v>27317.93131</v>
      </c>
      <c r="H5186">
        <v>32729.71341</v>
      </c>
      <c r="I5186">
        <v>21549.609469999999</v>
      </c>
      <c r="J5186">
        <v>37543.377899999999</v>
      </c>
      <c r="K5186">
        <v>48755.862630000003</v>
      </c>
      <c r="L5186">
        <v>19719.125039999999</v>
      </c>
      <c r="M5186">
        <v>204525.1335</v>
      </c>
      <c r="N5186">
        <v>66197.399189999996</v>
      </c>
      <c r="O5186">
        <v>17249.345109999998</v>
      </c>
      <c r="P5186">
        <v>31886.02548</v>
      </c>
      <c r="Q5186">
        <v>47549.546770000001</v>
      </c>
      <c r="R5186">
        <v>16702.628290000001</v>
      </c>
      <c r="S5186">
        <v>71114.525670000003</v>
      </c>
      <c r="T5186">
        <v>17808.65033</v>
      </c>
      <c r="U5186">
        <v>15041.216990000001</v>
      </c>
      <c r="W5186" s="83">
        <f>Bühler!N5218</f>
        <v>45507.999999987427</v>
      </c>
      <c r="X5186" s="83">
        <v>43317</v>
      </c>
      <c r="Y5186">
        <v>129864.9461</v>
      </c>
      <c r="Z5186">
        <v>11733.74073</v>
      </c>
      <c r="AA5186">
        <v>50793.697489999999</v>
      </c>
      <c r="AB5186">
        <v>27317.93131</v>
      </c>
      <c r="AC5186">
        <v>32729.71341</v>
      </c>
      <c r="AD5186">
        <v>21549.609469999999</v>
      </c>
      <c r="AE5186">
        <v>37543.377899999999</v>
      </c>
      <c r="AF5186">
        <v>48755.862630000003</v>
      </c>
      <c r="AG5186">
        <v>19719.125039999999</v>
      </c>
      <c r="AH5186">
        <v>204525.1335</v>
      </c>
      <c r="AI5186">
        <v>66197.399189999996</v>
      </c>
      <c r="AJ5186">
        <v>17249.345109999998</v>
      </c>
      <c r="AK5186">
        <v>31886.02548</v>
      </c>
      <c r="AL5186">
        <v>47549.546770000001</v>
      </c>
      <c r="AM5186">
        <v>16702.628290000001</v>
      </c>
      <c r="AN5186">
        <v>71114.525670000003</v>
      </c>
      <c r="AO5186">
        <v>17808.65033</v>
      </c>
      <c r="AP5186">
        <v>15041.216990000001</v>
      </c>
    </row>
    <row r="5187" spans="2:42" x14ac:dyDescent="0.3">
      <c r="B5187">
        <v>39.759976864384974</v>
      </c>
      <c r="C5187" s="83">
        <v>43317.041666666664</v>
      </c>
      <c r="D5187">
        <v>128770.8308</v>
      </c>
      <c r="E5187">
        <v>11579.15676</v>
      </c>
      <c r="F5187">
        <v>49891.734770000003</v>
      </c>
      <c r="G5187">
        <v>26989.596440000001</v>
      </c>
      <c r="H5187">
        <v>32173.721740000001</v>
      </c>
      <c r="I5187">
        <v>18556.685529999999</v>
      </c>
      <c r="J5187">
        <v>35731.772019999997</v>
      </c>
      <c r="K5187">
        <v>47346.483679999998</v>
      </c>
      <c r="L5187">
        <v>18646.33913</v>
      </c>
      <c r="M5187">
        <v>202714.9038</v>
      </c>
      <c r="N5187">
        <v>64994.212659999997</v>
      </c>
      <c r="O5187">
        <v>16771.948680000001</v>
      </c>
      <c r="P5187">
        <v>28831.662690000001</v>
      </c>
      <c r="Q5187">
        <v>48884.494650000001</v>
      </c>
      <c r="R5187">
        <v>14190.092930000001</v>
      </c>
      <c r="S5187">
        <v>70280.101309999998</v>
      </c>
      <c r="T5187">
        <v>17164.613789999999</v>
      </c>
      <c r="U5187">
        <v>14770.34921</v>
      </c>
      <c r="W5187" s="83">
        <f>Bühler!N5219</f>
        <v>45508.041666654091</v>
      </c>
      <c r="X5187" s="83">
        <v>43317.041666666664</v>
      </c>
      <c r="Y5187">
        <v>128770.8308</v>
      </c>
      <c r="Z5187">
        <v>11579.15676</v>
      </c>
      <c r="AA5187">
        <v>49891.734770000003</v>
      </c>
      <c r="AB5187">
        <v>26989.596440000001</v>
      </c>
      <c r="AC5187">
        <v>32173.721740000001</v>
      </c>
      <c r="AD5187">
        <v>18556.685529999999</v>
      </c>
      <c r="AE5187">
        <v>35731.772019999997</v>
      </c>
      <c r="AF5187">
        <v>47346.483679999998</v>
      </c>
      <c r="AG5187">
        <v>18646.33913</v>
      </c>
      <c r="AH5187">
        <v>202714.9038</v>
      </c>
      <c r="AI5187">
        <v>64994.212659999997</v>
      </c>
      <c r="AJ5187">
        <v>16771.948680000001</v>
      </c>
      <c r="AK5187">
        <v>28831.662690000001</v>
      </c>
      <c r="AL5187">
        <v>48884.494650000001</v>
      </c>
      <c r="AM5187">
        <v>14190.092930000001</v>
      </c>
      <c r="AN5187">
        <v>70280.101309999998</v>
      </c>
      <c r="AO5187">
        <v>17164.613789999999</v>
      </c>
      <c r="AP5187">
        <v>14770.34921</v>
      </c>
    </row>
    <row r="5188" spans="2:42" x14ac:dyDescent="0.3">
      <c r="B5188">
        <v>39.495002613425847</v>
      </c>
      <c r="C5188" s="83">
        <v>43317.083333333336</v>
      </c>
      <c r="D5188">
        <v>128457.8572</v>
      </c>
      <c r="E5188">
        <v>11387.37694</v>
      </c>
      <c r="F5188">
        <v>50077.111900000004</v>
      </c>
      <c r="G5188">
        <v>26502.989529999999</v>
      </c>
      <c r="H5188">
        <v>31723.754079999999</v>
      </c>
      <c r="I5188">
        <v>16669.40854</v>
      </c>
      <c r="J5188">
        <v>35185.513330000002</v>
      </c>
      <c r="K5188">
        <v>45542.618199999997</v>
      </c>
      <c r="L5188">
        <v>17451.992689999999</v>
      </c>
      <c r="M5188">
        <v>201363.94149999999</v>
      </c>
      <c r="N5188">
        <v>64204.547890000002</v>
      </c>
      <c r="O5188">
        <v>16779.512849999999</v>
      </c>
      <c r="P5188">
        <v>26756.316309999998</v>
      </c>
      <c r="Q5188">
        <v>48983.042370000003</v>
      </c>
      <c r="R5188">
        <v>13705.14057</v>
      </c>
      <c r="S5188">
        <v>69063.946309999999</v>
      </c>
      <c r="T5188">
        <v>16842.37745</v>
      </c>
      <c r="U5188">
        <v>14549.517830000001</v>
      </c>
      <c r="W5188" s="83">
        <f>Bühler!N5220</f>
        <v>45508.083333320756</v>
      </c>
      <c r="X5188" s="83">
        <v>43317.083333333336</v>
      </c>
      <c r="Y5188">
        <v>128457.8572</v>
      </c>
      <c r="Z5188">
        <v>11387.37694</v>
      </c>
      <c r="AA5188">
        <v>50077.111900000004</v>
      </c>
      <c r="AB5188">
        <v>26502.989529999999</v>
      </c>
      <c r="AC5188">
        <v>31723.754079999999</v>
      </c>
      <c r="AD5188">
        <v>16669.40854</v>
      </c>
      <c r="AE5188">
        <v>35185.513330000002</v>
      </c>
      <c r="AF5188">
        <v>45542.618199999997</v>
      </c>
      <c r="AG5188">
        <v>17451.992689999999</v>
      </c>
      <c r="AH5188">
        <v>201363.94149999999</v>
      </c>
      <c r="AI5188">
        <v>64204.547890000002</v>
      </c>
      <c r="AJ5188">
        <v>16779.512849999999</v>
      </c>
      <c r="AK5188">
        <v>26756.316309999998</v>
      </c>
      <c r="AL5188">
        <v>48983.042370000003</v>
      </c>
      <c r="AM5188">
        <v>13705.14057</v>
      </c>
      <c r="AN5188">
        <v>69063.946309999999</v>
      </c>
      <c r="AO5188">
        <v>16842.37745</v>
      </c>
      <c r="AP5188">
        <v>14549.517830000001</v>
      </c>
    </row>
    <row r="5189" spans="2:42" x14ac:dyDescent="0.3">
      <c r="B5189">
        <v>39.151508907173735</v>
      </c>
      <c r="C5189" s="83">
        <v>43317.125</v>
      </c>
      <c r="D5189">
        <v>128071.14810000001</v>
      </c>
      <c r="E5189">
        <v>11347.24503</v>
      </c>
      <c r="F5189">
        <v>50160.904009999998</v>
      </c>
      <c r="G5189">
        <v>25540.733090000002</v>
      </c>
      <c r="H5189">
        <v>31484.286619999999</v>
      </c>
      <c r="I5189">
        <v>16179.51944</v>
      </c>
      <c r="J5189">
        <v>35208.662960000001</v>
      </c>
      <c r="K5189">
        <v>44573.845439999997</v>
      </c>
      <c r="L5189">
        <v>16787.64977</v>
      </c>
      <c r="M5189">
        <v>199612.65040000001</v>
      </c>
      <c r="N5189">
        <v>62307.402320000001</v>
      </c>
      <c r="O5189">
        <v>17509.113079999999</v>
      </c>
      <c r="P5189">
        <v>26020.674200000001</v>
      </c>
      <c r="Q5189">
        <v>50159.410499999998</v>
      </c>
      <c r="R5189">
        <v>13521.024729999999</v>
      </c>
      <c r="S5189">
        <v>68870.020569999993</v>
      </c>
      <c r="T5189">
        <v>16487.851050000001</v>
      </c>
      <c r="U5189">
        <v>14333.56215</v>
      </c>
      <c r="W5189" s="83">
        <f>Bühler!N5221</f>
        <v>45508.12499998742</v>
      </c>
      <c r="X5189" s="83">
        <v>43317.125</v>
      </c>
      <c r="Y5189">
        <v>128071.14810000001</v>
      </c>
      <c r="Z5189">
        <v>11347.24503</v>
      </c>
      <c r="AA5189">
        <v>50160.904009999998</v>
      </c>
      <c r="AB5189">
        <v>25540.733090000002</v>
      </c>
      <c r="AC5189">
        <v>31484.286619999999</v>
      </c>
      <c r="AD5189">
        <v>16179.51944</v>
      </c>
      <c r="AE5189">
        <v>35208.662960000001</v>
      </c>
      <c r="AF5189">
        <v>44573.845439999997</v>
      </c>
      <c r="AG5189">
        <v>16787.64977</v>
      </c>
      <c r="AH5189">
        <v>199612.65040000001</v>
      </c>
      <c r="AI5189">
        <v>62307.402320000001</v>
      </c>
      <c r="AJ5189">
        <v>17509.113079999999</v>
      </c>
      <c r="AK5189">
        <v>26020.674200000001</v>
      </c>
      <c r="AL5189">
        <v>50159.410499999998</v>
      </c>
      <c r="AM5189">
        <v>13521.024729999999</v>
      </c>
      <c r="AN5189">
        <v>68870.020569999993</v>
      </c>
      <c r="AO5189">
        <v>16487.851050000001</v>
      </c>
      <c r="AP5189">
        <v>14333.56215</v>
      </c>
    </row>
    <row r="5190" spans="2:42" x14ac:dyDescent="0.3">
      <c r="B5190">
        <v>39.137978583469852</v>
      </c>
      <c r="C5190" s="83">
        <v>43317.166666666664</v>
      </c>
      <c r="D5190">
        <v>127253.5952</v>
      </c>
      <c r="E5190">
        <v>11398.495440000001</v>
      </c>
      <c r="F5190">
        <v>50215.3799</v>
      </c>
      <c r="G5190">
        <v>25130.55802</v>
      </c>
      <c r="H5190">
        <v>31128.40524</v>
      </c>
      <c r="I5190">
        <v>16359.89078</v>
      </c>
      <c r="J5190">
        <v>37230.866529999999</v>
      </c>
      <c r="K5190">
        <v>43226.669670000003</v>
      </c>
      <c r="L5190">
        <v>15888.7629</v>
      </c>
      <c r="M5190">
        <v>199543.66649999999</v>
      </c>
      <c r="N5190">
        <v>61205.795709999999</v>
      </c>
      <c r="O5190">
        <v>17702.22406</v>
      </c>
      <c r="P5190">
        <v>25572.29925</v>
      </c>
      <c r="Q5190">
        <v>51186.162149999996</v>
      </c>
      <c r="R5190">
        <v>12958.392529999999</v>
      </c>
      <c r="S5190">
        <v>68373.993050000005</v>
      </c>
      <c r="T5190">
        <v>16337.844489999999</v>
      </c>
      <c r="U5190">
        <v>14320.492920000001</v>
      </c>
      <c r="W5190" s="83">
        <f>Bühler!N5222</f>
        <v>45508.166666654084</v>
      </c>
      <c r="X5190" s="83">
        <v>43317.166666666664</v>
      </c>
      <c r="Y5190">
        <v>127253.5952</v>
      </c>
      <c r="Z5190">
        <v>11398.495440000001</v>
      </c>
      <c r="AA5190">
        <v>50215.3799</v>
      </c>
      <c r="AB5190">
        <v>25130.55802</v>
      </c>
      <c r="AC5190">
        <v>31128.40524</v>
      </c>
      <c r="AD5190">
        <v>16359.89078</v>
      </c>
      <c r="AE5190">
        <v>37230.866529999999</v>
      </c>
      <c r="AF5190">
        <v>43226.669670000003</v>
      </c>
      <c r="AG5190">
        <v>15888.7629</v>
      </c>
      <c r="AH5190">
        <v>199543.66649999999</v>
      </c>
      <c r="AI5190">
        <v>61205.795709999999</v>
      </c>
      <c r="AJ5190">
        <v>17702.22406</v>
      </c>
      <c r="AK5190">
        <v>25572.29925</v>
      </c>
      <c r="AL5190">
        <v>51186.162149999996</v>
      </c>
      <c r="AM5190">
        <v>12958.392529999999</v>
      </c>
      <c r="AN5190">
        <v>68373.993050000005</v>
      </c>
      <c r="AO5190">
        <v>16337.844489999999</v>
      </c>
      <c r="AP5190">
        <v>14320.492920000001</v>
      </c>
    </row>
    <row r="5191" spans="2:42" x14ac:dyDescent="0.3">
      <c r="B5191">
        <v>38.67634421302558</v>
      </c>
      <c r="C5191" s="83">
        <v>43317.208333333336</v>
      </c>
      <c r="D5191">
        <v>127682.93889999999</v>
      </c>
      <c r="E5191">
        <v>11478.399939999999</v>
      </c>
      <c r="F5191">
        <v>50859.20594</v>
      </c>
      <c r="G5191">
        <v>25106.595389999999</v>
      </c>
      <c r="H5191">
        <v>31299.665079999999</v>
      </c>
      <c r="I5191">
        <v>19306.249680000001</v>
      </c>
      <c r="J5191">
        <v>39891.216890000003</v>
      </c>
      <c r="K5191">
        <v>43686.512320000002</v>
      </c>
      <c r="L5191">
        <v>16170.12981</v>
      </c>
      <c r="M5191">
        <v>197190.0392</v>
      </c>
      <c r="N5191">
        <v>58278.867389999999</v>
      </c>
      <c r="O5191">
        <v>17311.109960000002</v>
      </c>
      <c r="P5191">
        <v>26416.149150000001</v>
      </c>
      <c r="Q5191">
        <v>49564.720029999997</v>
      </c>
      <c r="R5191">
        <v>14579.052110000001</v>
      </c>
      <c r="S5191">
        <v>69932.213310000006</v>
      </c>
      <c r="T5191">
        <v>16074.66994</v>
      </c>
      <c r="U5191">
        <v>14130.26117</v>
      </c>
      <c r="W5191" s="83">
        <f>Bühler!N5223</f>
        <v>45508.208333320748</v>
      </c>
      <c r="X5191" s="83">
        <v>43317.208333333336</v>
      </c>
      <c r="Y5191">
        <v>127682.93889999999</v>
      </c>
      <c r="Z5191">
        <v>11478.399939999999</v>
      </c>
      <c r="AA5191">
        <v>50859.20594</v>
      </c>
      <c r="AB5191">
        <v>25106.595389999999</v>
      </c>
      <c r="AC5191">
        <v>31299.665079999999</v>
      </c>
      <c r="AD5191">
        <v>19306.249680000001</v>
      </c>
      <c r="AE5191">
        <v>39891.216890000003</v>
      </c>
      <c r="AF5191">
        <v>43686.512320000002</v>
      </c>
      <c r="AG5191">
        <v>16170.12981</v>
      </c>
      <c r="AH5191">
        <v>197190.0392</v>
      </c>
      <c r="AI5191">
        <v>58278.867389999999</v>
      </c>
      <c r="AJ5191">
        <v>17311.109960000002</v>
      </c>
      <c r="AK5191">
        <v>26416.149150000001</v>
      </c>
      <c r="AL5191">
        <v>49564.720029999997</v>
      </c>
      <c r="AM5191">
        <v>14579.052110000001</v>
      </c>
      <c r="AN5191">
        <v>69932.213310000006</v>
      </c>
      <c r="AO5191">
        <v>16074.66994</v>
      </c>
      <c r="AP5191">
        <v>14130.26117</v>
      </c>
    </row>
    <row r="5192" spans="2:42" x14ac:dyDescent="0.3">
      <c r="B5192">
        <v>38.322150740149311</v>
      </c>
      <c r="C5192" s="83">
        <v>43317.25</v>
      </c>
      <c r="D5192">
        <v>126924.07859999999</v>
      </c>
      <c r="E5192">
        <v>11452.923430000001</v>
      </c>
      <c r="F5192">
        <v>52509.242039999997</v>
      </c>
      <c r="G5192">
        <v>24827.29708</v>
      </c>
      <c r="H5192">
        <v>30055.384300000002</v>
      </c>
      <c r="I5192">
        <v>20905.15249</v>
      </c>
      <c r="J5192">
        <v>40995.470600000001</v>
      </c>
      <c r="K5192">
        <v>40384.383470000001</v>
      </c>
      <c r="L5192">
        <v>16751.445500000002</v>
      </c>
      <c r="M5192">
        <v>195384.19570000001</v>
      </c>
      <c r="N5192">
        <v>57001.335789999997</v>
      </c>
      <c r="O5192">
        <v>15975.59995</v>
      </c>
      <c r="P5192">
        <v>27367.89156</v>
      </c>
      <c r="Q5192">
        <v>49248.260520000003</v>
      </c>
      <c r="R5192">
        <v>13457.39091</v>
      </c>
      <c r="S5192">
        <v>72886.504839999994</v>
      </c>
      <c r="T5192">
        <v>16413.985690000001</v>
      </c>
      <c r="U5192">
        <v>13397.181640000001</v>
      </c>
      <c r="W5192" s="83">
        <f>Bühler!N5224</f>
        <v>45508.249999987413</v>
      </c>
      <c r="X5192" s="83">
        <v>43317.25</v>
      </c>
      <c r="Y5192">
        <v>126924.07859999999</v>
      </c>
      <c r="Z5192">
        <v>11452.923430000001</v>
      </c>
      <c r="AA5192">
        <v>52509.242039999997</v>
      </c>
      <c r="AB5192">
        <v>24827.29708</v>
      </c>
      <c r="AC5192">
        <v>30055.384300000002</v>
      </c>
      <c r="AD5192">
        <v>20905.15249</v>
      </c>
      <c r="AE5192">
        <v>40995.470600000001</v>
      </c>
      <c r="AF5192">
        <v>40384.383470000001</v>
      </c>
      <c r="AG5192">
        <v>16751.445500000002</v>
      </c>
      <c r="AH5192">
        <v>195384.19570000001</v>
      </c>
      <c r="AI5192">
        <v>57001.335789999997</v>
      </c>
      <c r="AJ5192">
        <v>15975.59995</v>
      </c>
      <c r="AK5192">
        <v>27367.89156</v>
      </c>
      <c r="AL5192">
        <v>49248.260520000003</v>
      </c>
      <c r="AM5192">
        <v>13457.39091</v>
      </c>
      <c r="AN5192">
        <v>72886.504839999994</v>
      </c>
      <c r="AO5192">
        <v>16413.985690000001</v>
      </c>
      <c r="AP5192">
        <v>13397.181640000001</v>
      </c>
    </row>
    <row r="5193" spans="2:42" x14ac:dyDescent="0.3">
      <c r="B5193">
        <v>38.374726236783303</v>
      </c>
      <c r="C5193" s="83">
        <v>43317.291666666664</v>
      </c>
      <c r="D5193">
        <v>126070.1361</v>
      </c>
      <c r="E5193">
        <v>11608.91555</v>
      </c>
      <c r="F5193">
        <v>54428.322200000002</v>
      </c>
      <c r="G5193">
        <v>24690.79377</v>
      </c>
      <c r="H5193">
        <v>29906.346290000001</v>
      </c>
      <c r="I5193">
        <v>21058.49798</v>
      </c>
      <c r="J5193">
        <v>41400.145570000001</v>
      </c>
      <c r="K5193">
        <v>40329.098460000001</v>
      </c>
      <c r="L5193">
        <v>17908.476790000001</v>
      </c>
      <c r="M5193">
        <v>195652.2501</v>
      </c>
      <c r="N5193">
        <v>56262.264629999998</v>
      </c>
      <c r="O5193">
        <v>15130.94112</v>
      </c>
      <c r="P5193">
        <v>30618.454740000001</v>
      </c>
      <c r="Q5193">
        <v>47672.478629999998</v>
      </c>
      <c r="R5193">
        <v>12589.03032</v>
      </c>
      <c r="S5193">
        <v>76432.889469999995</v>
      </c>
      <c r="T5193">
        <v>17467.775010000001</v>
      </c>
      <c r="U5193">
        <v>12951.347100000001</v>
      </c>
      <c r="W5193" s="83">
        <f>Bühler!N5225</f>
        <v>45508.291666654077</v>
      </c>
      <c r="X5193" s="83">
        <v>43317.291666666664</v>
      </c>
      <c r="Y5193">
        <v>126070.1361</v>
      </c>
      <c r="Z5193">
        <v>11608.91555</v>
      </c>
      <c r="AA5193">
        <v>54428.322200000002</v>
      </c>
      <c r="AB5193">
        <v>24690.79377</v>
      </c>
      <c r="AC5193">
        <v>29906.346290000001</v>
      </c>
      <c r="AD5193">
        <v>21058.49798</v>
      </c>
      <c r="AE5193">
        <v>41400.145570000001</v>
      </c>
      <c r="AF5193">
        <v>40329.098460000001</v>
      </c>
      <c r="AG5193">
        <v>17908.476790000001</v>
      </c>
      <c r="AH5193">
        <v>195652.2501</v>
      </c>
      <c r="AI5193">
        <v>56262.264629999998</v>
      </c>
      <c r="AJ5193">
        <v>15130.94112</v>
      </c>
      <c r="AK5193">
        <v>30618.454740000001</v>
      </c>
      <c r="AL5193">
        <v>47672.478629999998</v>
      </c>
      <c r="AM5193">
        <v>12589.03032</v>
      </c>
      <c r="AN5193">
        <v>76432.889469999995</v>
      </c>
      <c r="AO5193">
        <v>17467.775010000001</v>
      </c>
      <c r="AP5193">
        <v>12951.347100000001</v>
      </c>
    </row>
    <row r="5194" spans="2:42" x14ac:dyDescent="0.3">
      <c r="B5194">
        <v>38.321980002531049</v>
      </c>
      <c r="C5194" s="83">
        <v>43317.333333333336</v>
      </c>
      <c r="D5194">
        <v>125953.52</v>
      </c>
      <c r="E5194">
        <v>12618.623799999999</v>
      </c>
      <c r="F5194">
        <v>56917.645960000002</v>
      </c>
      <c r="G5194">
        <v>25148.331310000001</v>
      </c>
      <c r="H5194">
        <v>30167.13075</v>
      </c>
      <c r="I5194">
        <v>21840.176640000001</v>
      </c>
      <c r="J5194">
        <v>44215.544929999996</v>
      </c>
      <c r="K5194">
        <v>41617.41087</v>
      </c>
      <c r="L5194">
        <v>20039.92686</v>
      </c>
      <c r="M5194">
        <v>195383.32519999999</v>
      </c>
      <c r="N5194">
        <v>57226.861389999998</v>
      </c>
      <c r="O5194">
        <v>16342.61464</v>
      </c>
      <c r="P5194">
        <v>34720.459080000001</v>
      </c>
      <c r="Q5194">
        <v>48197.063540000003</v>
      </c>
      <c r="R5194">
        <v>15098.1697</v>
      </c>
      <c r="S5194">
        <v>78765.627989999994</v>
      </c>
      <c r="T5194">
        <v>19486.511569999999</v>
      </c>
      <c r="U5194">
        <v>13158.421039999999</v>
      </c>
      <c r="W5194" s="83">
        <f>Bühler!N5226</f>
        <v>45508.333333320741</v>
      </c>
      <c r="X5194" s="83">
        <v>43317.333333333336</v>
      </c>
      <c r="Y5194">
        <v>125953.52</v>
      </c>
      <c r="Z5194">
        <v>12618.623799999999</v>
      </c>
      <c r="AA5194">
        <v>56917.645960000002</v>
      </c>
      <c r="AB5194">
        <v>25148.331310000001</v>
      </c>
      <c r="AC5194">
        <v>30167.13075</v>
      </c>
      <c r="AD5194">
        <v>21840.176640000001</v>
      </c>
      <c r="AE5194">
        <v>44215.544929999996</v>
      </c>
      <c r="AF5194">
        <v>41617.41087</v>
      </c>
      <c r="AG5194">
        <v>20039.92686</v>
      </c>
      <c r="AH5194">
        <v>195383.32519999999</v>
      </c>
      <c r="AI5194">
        <v>57226.861389999998</v>
      </c>
      <c r="AJ5194">
        <v>16342.61464</v>
      </c>
      <c r="AK5194">
        <v>34720.459080000001</v>
      </c>
      <c r="AL5194">
        <v>48197.063540000003</v>
      </c>
      <c r="AM5194">
        <v>15098.1697</v>
      </c>
      <c r="AN5194">
        <v>78765.627989999994</v>
      </c>
      <c r="AO5194">
        <v>19486.511569999999</v>
      </c>
      <c r="AP5194">
        <v>13158.421039999999</v>
      </c>
    </row>
    <row r="5195" spans="2:42" x14ac:dyDescent="0.3">
      <c r="B5195">
        <v>38.616512298967479</v>
      </c>
      <c r="C5195" s="83">
        <v>43317.375</v>
      </c>
      <c r="D5195">
        <v>126283.7424</v>
      </c>
      <c r="E5195">
        <v>13527.40418</v>
      </c>
      <c r="F5195">
        <v>61529.175300000003</v>
      </c>
      <c r="G5195">
        <v>25769.934880000001</v>
      </c>
      <c r="H5195">
        <v>30929.110669999998</v>
      </c>
      <c r="I5195">
        <v>22402.392589999999</v>
      </c>
      <c r="J5195">
        <v>46872.791989999998</v>
      </c>
      <c r="K5195">
        <v>45053.85555</v>
      </c>
      <c r="L5195">
        <v>23401.882829999999</v>
      </c>
      <c r="M5195">
        <v>196884.98819999999</v>
      </c>
      <c r="N5195">
        <v>60579.613550000002</v>
      </c>
      <c r="O5195">
        <v>18369.16705</v>
      </c>
      <c r="P5195">
        <v>38983.147720000001</v>
      </c>
      <c r="Q5195">
        <v>49509.646200000003</v>
      </c>
      <c r="R5195">
        <v>15682.132100000001</v>
      </c>
      <c r="S5195">
        <v>82008.675640000001</v>
      </c>
      <c r="T5195">
        <v>21173.424920000001</v>
      </c>
      <c r="U5195">
        <v>13301.63859</v>
      </c>
      <c r="W5195" s="83">
        <f>Bühler!N5227</f>
        <v>45508.374999987405</v>
      </c>
      <c r="X5195" s="83">
        <v>43317.375</v>
      </c>
      <c r="Y5195">
        <v>126283.7424</v>
      </c>
      <c r="Z5195">
        <v>13527.40418</v>
      </c>
      <c r="AA5195">
        <v>61529.175300000003</v>
      </c>
      <c r="AB5195">
        <v>25769.934880000001</v>
      </c>
      <c r="AC5195">
        <v>30929.110669999998</v>
      </c>
      <c r="AD5195">
        <v>22402.392589999999</v>
      </c>
      <c r="AE5195">
        <v>46872.791989999998</v>
      </c>
      <c r="AF5195">
        <v>45053.85555</v>
      </c>
      <c r="AG5195">
        <v>23401.882829999999</v>
      </c>
      <c r="AH5195">
        <v>196884.98819999999</v>
      </c>
      <c r="AI5195">
        <v>60579.613550000002</v>
      </c>
      <c r="AJ5195">
        <v>18369.16705</v>
      </c>
      <c r="AK5195">
        <v>38983.147720000001</v>
      </c>
      <c r="AL5195">
        <v>49509.646200000003</v>
      </c>
      <c r="AM5195">
        <v>15682.132100000001</v>
      </c>
      <c r="AN5195">
        <v>82008.675640000001</v>
      </c>
      <c r="AO5195">
        <v>21173.424920000001</v>
      </c>
      <c r="AP5195">
        <v>13301.63859</v>
      </c>
    </row>
    <row r="5196" spans="2:42" x14ac:dyDescent="0.3">
      <c r="B5196">
        <v>39.40409759044158</v>
      </c>
      <c r="C5196" s="83">
        <v>43317.416666666664</v>
      </c>
      <c r="D5196">
        <v>127502.30319999999</v>
      </c>
      <c r="E5196">
        <v>14681.560359999999</v>
      </c>
      <c r="F5196">
        <v>63798.524060000003</v>
      </c>
      <c r="G5196">
        <v>26212.718819999998</v>
      </c>
      <c r="H5196">
        <v>31904.13967</v>
      </c>
      <c r="I5196">
        <v>22864.460889999998</v>
      </c>
      <c r="J5196">
        <v>47474.262799999997</v>
      </c>
      <c r="K5196">
        <v>46998.978009999999</v>
      </c>
      <c r="L5196">
        <v>27456.622380000001</v>
      </c>
      <c r="M5196">
        <v>200900.46530000001</v>
      </c>
      <c r="N5196">
        <v>63707.576780000003</v>
      </c>
      <c r="O5196">
        <v>19365.977889999998</v>
      </c>
      <c r="P5196">
        <v>39786.945549999997</v>
      </c>
      <c r="Q5196">
        <v>50269.47982</v>
      </c>
      <c r="R5196">
        <v>17014.775590000001</v>
      </c>
      <c r="S5196">
        <v>84078.281040000002</v>
      </c>
      <c r="T5196">
        <v>23338.891090000001</v>
      </c>
      <c r="U5196">
        <v>13739.562</v>
      </c>
      <c r="W5196" s="83">
        <f>Bühler!N5228</f>
        <v>45508.41666665407</v>
      </c>
      <c r="X5196" s="83">
        <v>43317.416666666664</v>
      </c>
      <c r="Y5196">
        <v>127502.30319999999</v>
      </c>
      <c r="Z5196">
        <v>14681.560359999999</v>
      </c>
      <c r="AA5196">
        <v>63798.524060000003</v>
      </c>
      <c r="AB5196">
        <v>26212.718819999998</v>
      </c>
      <c r="AC5196">
        <v>31904.13967</v>
      </c>
      <c r="AD5196">
        <v>22864.460889999998</v>
      </c>
      <c r="AE5196">
        <v>47474.262799999997</v>
      </c>
      <c r="AF5196">
        <v>46998.978009999999</v>
      </c>
      <c r="AG5196">
        <v>27456.622380000001</v>
      </c>
      <c r="AH5196">
        <v>200900.46530000001</v>
      </c>
      <c r="AI5196">
        <v>63707.576780000003</v>
      </c>
      <c r="AJ5196">
        <v>19365.977889999998</v>
      </c>
      <c r="AK5196">
        <v>39786.945549999997</v>
      </c>
      <c r="AL5196">
        <v>50269.47982</v>
      </c>
      <c r="AM5196">
        <v>17014.775590000001</v>
      </c>
      <c r="AN5196">
        <v>84078.281040000002</v>
      </c>
      <c r="AO5196">
        <v>23338.891090000001</v>
      </c>
      <c r="AP5196">
        <v>13739.562</v>
      </c>
    </row>
    <row r="5197" spans="2:42" x14ac:dyDescent="0.3">
      <c r="B5197">
        <v>40.376979780362532</v>
      </c>
      <c r="C5197" s="83">
        <v>43317.458333333336</v>
      </c>
      <c r="D5197">
        <v>128191.7948</v>
      </c>
      <c r="E5197">
        <v>15274.259389999999</v>
      </c>
      <c r="F5197">
        <v>65353.646309999996</v>
      </c>
      <c r="G5197">
        <v>26791.13147</v>
      </c>
      <c r="H5197">
        <v>32526.557280000001</v>
      </c>
      <c r="I5197">
        <v>23525.028490000001</v>
      </c>
      <c r="J5197">
        <v>48148.120690000003</v>
      </c>
      <c r="K5197">
        <v>48615.661310000003</v>
      </c>
      <c r="L5197">
        <v>29346.26439</v>
      </c>
      <c r="M5197">
        <v>205860.67240000001</v>
      </c>
      <c r="N5197">
        <v>65094.039620000003</v>
      </c>
      <c r="O5197">
        <v>18201.30473</v>
      </c>
      <c r="P5197">
        <v>39155.918420000002</v>
      </c>
      <c r="Q5197">
        <v>50210.532700000003</v>
      </c>
      <c r="R5197">
        <v>18969.541239999999</v>
      </c>
      <c r="S5197">
        <v>88604.728480000005</v>
      </c>
      <c r="T5197">
        <v>24303.66331</v>
      </c>
      <c r="U5197">
        <v>14047.38803</v>
      </c>
      <c r="W5197" s="83">
        <f>Bühler!N5229</f>
        <v>45508.458333320734</v>
      </c>
      <c r="X5197" s="83">
        <v>43317.458333333336</v>
      </c>
      <c r="Y5197">
        <v>128191.7948</v>
      </c>
      <c r="Z5197">
        <v>15274.259389999999</v>
      </c>
      <c r="AA5197">
        <v>65353.646309999996</v>
      </c>
      <c r="AB5197">
        <v>26791.13147</v>
      </c>
      <c r="AC5197">
        <v>32526.557280000001</v>
      </c>
      <c r="AD5197">
        <v>23525.028490000001</v>
      </c>
      <c r="AE5197">
        <v>48148.120690000003</v>
      </c>
      <c r="AF5197">
        <v>48615.661310000003</v>
      </c>
      <c r="AG5197">
        <v>29346.26439</v>
      </c>
      <c r="AH5197">
        <v>205860.67240000001</v>
      </c>
      <c r="AI5197">
        <v>65094.039620000003</v>
      </c>
      <c r="AJ5197">
        <v>18201.30473</v>
      </c>
      <c r="AK5197">
        <v>39155.918420000002</v>
      </c>
      <c r="AL5197">
        <v>50210.532700000003</v>
      </c>
      <c r="AM5197">
        <v>18969.541239999999</v>
      </c>
      <c r="AN5197">
        <v>88604.728480000005</v>
      </c>
      <c r="AO5197">
        <v>24303.66331</v>
      </c>
      <c r="AP5197">
        <v>14047.38803</v>
      </c>
    </row>
    <row r="5198" spans="2:42" x14ac:dyDescent="0.3">
      <c r="B5198">
        <v>40.420524678986858</v>
      </c>
      <c r="C5198" s="83">
        <v>43317.5</v>
      </c>
      <c r="D5198">
        <v>128687.6395</v>
      </c>
      <c r="E5198">
        <v>15627.599630000001</v>
      </c>
      <c r="F5198">
        <v>63254.170980000003</v>
      </c>
      <c r="G5198">
        <v>27402.242279999999</v>
      </c>
      <c r="H5198">
        <v>32799.430740000003</v>
      </c>
      <c r="I5198">
        <v>23791.018810000001</v>
      </c>
      <c r="J5198">
        <v>50854.793429999998</v>
      </c>
      <c r="K5198">
        <v>48430.37588</v>
      </c>
      <c r="L5198">
        <v>31572.191470000002</v>
      </c>
      <c r="M5198">
        <v>206082.68460000001</v>
      </c>
      <c r="N5198">
        <v>66277.778890000001</v>
      </c>
      <c r="O5198">
        <v>18617.439729999998</v>
      </c>
      <c r="P5198">
        <v>40502.89705</v>
      </c>
      <c r="Q5198">
        <v>50053.202360000003</v>
      </c>
      <c r="R5198">
        <v>18388.116160000001</v>
      </c>
      <c r="S5198">
        <v>86903.417079999999</v>
      </c>
      <c r="T5198">
        <v>24099.565859999999</v>
      </c>
      <c r="U5198">
        <v>14171.571250000001</v>
      </c>
      <c r="W5198" s="83">
        <f>Bühler!N5230</f>
        <v>45508.499999987398</v>
      </c>
      <c r="X5198" s="83">
        <v>43317.5</v>
      </c>
      <c r="Y5198">
        <v>128687.6395</v>
      </c>
      <c r="Z5198">
        <v>15627.599630000001</v>
      </c>
      <c r="AA5198">
        <v>63254.170980000003</v>
      </c>
      <c r="AB5198">
        <v>27402.242279999999</v>
      </c>
      <c r="AC5198">
        <v>32799.430740000003</v>
      </c>
      <c r="AD5198">
        <v>23791.018810000001</v>
      </c>
      <c r="AE5198">
        <v>50854.793429999998</v>
      </c>
      <c r="AF5198">
        <v>48430.37588</v>
      </c>
      <c r="AG5198">
        <v>31572.191470000002</v>
      </c>
      <c r="AH5198">
        <v>206082.68460000001</v>
      </c>
      <c r="AI5198">
        <v>66277.778890000001</v>
      </c>
      <c r="AJ5198">
        <v>18617.439729999998</v>
      </c>
      <c r="AK5198">
        <v>40502.89705</v>
      </c>
      <c r="AL5198">
        <v>50053.202360000003</v>
      </c>
      <c r="AM5198">
        <v>18388.116160000001</v>
      </c>
      <c r="AN5198">
        <v>86903.417079999999</v>
      </c>
      <c r="AO5198">
        <v>24099.565859999999</v>
      </c>
      <c r="AP5198">
        <v>14171.571250000001</v>
      </c>
    </row>
    <row r="5199" spans="2:42" x14ac:dyDescent="0.3">
      <c r="B5199">
        <v>40.490769587157146</v>
      </c>
      <c r="C5199" s="83">
        <v>43317.541666666664</v>
      </c>
      <c r="D5199">
        <v>129821.38009999999</v>
      </c>
      <c r="E5199">
        <v>15674.17232</v>
      </c>
      <c r="F5199">
        <v>55558.359929999999</v>
      </c>
      <c r="G5199">
        <v>27710.900740000001</v>
      </c>
      <c r="H5199">
        <v>32805.045810000003</v>
      </c>
      <c r="I5199">
        <v>24055.26035</v>
      </c>
      <c r="J5199">
        <v>51216.873650000001</v>
      </c>
      <c r="K5199">
        <v>47754.349249999999</v>
      </c>
      <c r="L5199">
        <v>31518.910240000001</v>
      </c>
      <c r="M5199">
        <v>206440.8259</v>
      </c>
      <c r="N5199">
        <v>67561.454710000005</v>
      </c>
      <c r="O5199">
        <v>18532.101910000001</v>
      </c>
      <c r="P5199">
        <v>40244.251880000003</v>
      </c>
      <c r="Q5199">
        <v>49567.690560000003</v>
      </c>
      <c r="R5199">
        <v>17949.269820000001</v>
      </c>
      <c r="S5199">
        <v>89046.767779999995</v>
      </c>
      <c r="T5199">
        <v>23888.145</v>
      </c>
      <c r="U5199">
        <v>14338.0915</v>
      </c>
      <c r="W5199" s="83">
        <f>Bühler!N5231</f>
        <v>45508.541666654062</v>
      </c>
      <c r="X5199" s="83">
        <v>43317.541666666664</v>
      </c>
      <c r="Y5199">
        <v>129821.38009999999</v>
      </c>
      <c r="Z5199">
        <v>15674.17232</v>
      </c>
      <c r="AA5199">
        <v>55558.359929999999</v>
      </c>
      <c r="AB5199">
        <v>27710.900740000001</v>
      </c>
      <c r="AC5199">
        <v>32805.045810000003</v>
      </c>
      <c r="AD5199">
        <v>24055.26035</v>
      </c>
      <c r="AE5199">
        <v>51216.873650000001</v>
      </c>
      <c r="AF5199">
        <v>47754.349249999999</v>
      </c>
      <c r="AG5199">
        <v>31518.910240000001</v>
      </c>
      <c r="AH5199">
        <v>206440.8259</v>
      </c>
      <c r="AI5199">
        <v>67561.454710000005</v>
      </c>
      <c r="AJ5199">
        <v>18532.101910000001</v>
      </c>
      <c r="AK5199">
        <v>40244.251880000003</v>
      </c>
      <c r="AL5199">
        <v>49567.690560000003</v>
      </c>
      <c r="AM5199">
        <v>17949.269820000001</v>
      </c>
      <c r="AN5199">
        <v>89046.767779999995</v>
      </c>
      <c r="AO5199">
        <v>23888.145</v>
      </c>
      <c r="AP5199">
        <v>14338.0915</v>
      </c>
    </row>
    <row r="5200" spans="2:42" x14ac:dyDescent="0.3">
      <c r="B5200">
        <v>40.564797378003604</v>
      </c>
      <c r="C5200" s="83">
        <v>43317.583333333336</v>
      </c>
      <c r="D5200">
        <v>129829.93520000001</v>
      </c>
      <c r="E5200">
        <v>15954.751270000001</v>
      </c>
      <c r="F5200">
        <v>56248.52334</v>
      </c>
      <c r="G5200">
        <v>27937.67136</v>
      </c>
      <c r="H5200">
        <v>32904.080399999999</v>
      </c>
      <c r="I5200">
        <v>23690.285459999999</v>
      </c>
      <c r="J5200">
        <v>50044.474450000002</v>
      </c>
      <c r="K5200">
        <v>47122.23661</v>
      </c>
      <c r="L5200">
        <v>30619.637220000001</v>
      </c>
      <c r="M5200">
        <v>206818.25409999999</v>
      </c>
      <c r="N5200">
        <v>68042.519090000002</v>
      </c>
      <c r="O5200">
        <v>17545.482909999999</v>
      </c>
      <c r="P5200">
        <v>37251.075940000002</v>
      </c>
      <c r="Q5200">
        <v>50117.927069999998</v>
      </c>
      <c r="R5200">
        <v>17993.139080000001</v>
      </c>
      <c r="S5200">
        <v>87823.116280000002</v>
      </c>
      <c r="T5200">
        <v>23730.726719999999</v>
      </c>
      <c r="U5200">
        <v>14074.980030000001</v>
      </c>
      <c r="W5200" s="83">
        <f>Bühler!N5232</f>
        <v>45508.583333320727</v>
      </c>
      <c r="X5200" s="83">
        <v>43317.583333333336</v>
      </c>
      <c r="Y5200">
        <v>129829.93520000001</v>
      </c>
      <c r="Z5200">
        <v>15954.751270000001</v>
      </c>
      <c r="AA5200">
        <v>56248.52334</v>
      </c>
      <c r="AB5200">
        <v>27937.67136</v>
      </c>
      <c r="AC5200">
        <v>32904.080399999999</v>
      </c>
      <c r="AD5200">
        <v>23690.285459999999</v>
      </c>
      <c r="AE5200">
        <v>50044.474450000002</v>
      </c>
      <c r="AF5200">
        <v>47122.23661</v>
      </c>
      <c r="AG5200">
        <v>30619.637220000001</v>
      </c>
      <c r="AH5200">
        <v>206818.25409999999</v>
      </c>
      <c r="AI5200">
        <v>68042.519090000002</v>
      </c>
      <c r="AJ5200">
        <v>17545.482909999999</v>
      </c>
      <c r="AK5200">
        <v>37251.075940000002</v>
      </c>
      <c r="AL5200">
        <v>50117.927069999998</v>
      </c>
      <c r="AM5200">
        <v>17993.139080000001</v>
      </c>
      <c r="AN5200">
        <v>87823.116280000002</v>
      </c>
      <c r="AO5200">
        <v>23730.726719999999</v>
      </c>
      <c r="AP5200">
        <v>14074.980030000001</v>
      </c>
    </row>
    <row r="5201" spans="2:42" x14ac:dyDescent="0.3">
      <c r="B5201">
        <v>40.636748818965614</v>
      </c>
      <c r="C5201" s="83">
        <v>43317.625</v>
      </c>
      <c r="D5201">
        <v>130910.9809</v>
      </c>
      <c r="E5201">
        <v>16135.987810000001</v>
      </c>
      <c r="F5201">
        <v>57042.553919999998</v>
      </c>
      <c r="G5201">
        <v>27954.563529999999</v>
      </c>
      <c r="H5201">
        <v>32752.10037</v>
      </c>
      <c r="I5201">
        <v>23644.687529999999</v>
      </c>
      <c r="J5201">
        <v>49561.623299999999</v>
      </c>
      <c r="K5201">
        <v>47017.07619</v>
      </c>
      <c r="L5201">
        <v>29043.99267</v>
      </c>
      <c r="M5201">
        <v>207185.0961</v>
      </c>
      <c r="N5201">
        <v>67877.991160000005</v>
      </c>
      <c r="O5201">
        <v>17201.513149999999</v>
      </c>
      <c r="P5201">
        <v>34391.900240000003</v>
      </c>
      <c r="Q5201">
        <v>50594.426679999997</v>
      </c>
      <c r="R5201">
        <v>18003.30602</v>
      </c>
      <c r="S5201">
        <v>88093.651559999998</v>
      </c>
      <c r="T5201">
        <v>24617.860059999999</v>
      </c>
      <c r="U5201">
        <v>13929.3277</v>
      </c>
      <c r="W5201" s="83">
        <f>Bühler!N5233</f>
        <v>45508.624999987391</v>
      </c>
      <c r="X5201" s="83">
        <v>43317.625</v>
      </c>
      <c r="Y5201">
        <v>130910.9809</v>
      </c>
      <c r="Z5201">
        <v>16135.987810000001</v>
      </c>
      <c r="AA5201">
        <v>57042.553919999998</v>
      </c>
      <c r="AB5201">
        <v>27954.563529999999</v>
      </c>
      <c r="AC5201">
        <v>32752.10037</v>
      </c>
      <c r="AD5201">
        <v>23644.687529999999</v>
      </c>
      <c r="AE5201">
        <v>49561.623299999999</v>
      </c>
      <c r="AF5201">
        <v>47017.07619</v>
      </c>
      <c r="AG5201">
        <v>29043.99267</v>
      </c>
      <c r="AH5201">
        <v>207185.0961</v>
      </c>
      <c r="AI5201">
        <v>67877.991160000005</v>
      </c>
      <c r="AJ5201">
        <v>17201.513149999999</v>
      </c>
      <c r="AK5201">
        <v>34391.900240000003</v>
      </c>
      <c r="AL5201">
        <v>50594.426679999997</v>
      </c>
      <c r="AM5201">
        <v>18003.30602</v>
      </c>
      <c r="AN5201">
        <v>88093.651559999998</v>
      </c>
      <c r="AO5201">
        <v>24617.860059999999</v>
      </c>
      <c r="AP5201">
        <v>13929.3277</v>
      </c>
    </row>
    <row r="5202" spans="2:42" x14ac:dyDescent="0.3">
      <c r="B5202">
        <v>40.885698564804905</v>
      </c>
      <c r="C5202" s="83">
        <v>43317.666666666664</v>
      </c>
      <c r="D5202">
        <v>131522.29819999999</v>
      </c>
      <c r="E5202">
        <v>16180.239030000001</v>
      </c>
      <c r="F5202">
        <v>56958.996290000003</v>
      </c>
      <c r="G5202">
        <v>27773.993129999999</v>
      </c>
      <c r="H5202">
        <v>32912.478210000001</v>
      </c>
      <c r="I5202">
        <v>24039.60095</v>
      </c>
      <c r="J5202">
        <v>49061.334340000001</v>
      </c>
      <c r="K5202">
        <v>46738.87242</v>
      </c>
      <c r="L5202">
        <v>28491.904470000001</v>
      </c>
      <c r="M5202">
        <v>208454.35800000001</v>
      </c>
      <c r="N5202">
        <v>67855.132840000006</v>
      </c>
      <c r="O5202">
        <v>17189.449240000002</v>
      </c>
      <c r="P5202">
        <v>32632.817739999999</v>
      </c>
      <c r="Q5202">
        <v>51291.474190000001</v>
      </c>
      <c r="R5202">
        <v>18031.292420000002</v>
      </c>
      <c r="S5202">
        <v>89987.080199999997</v>
      </c>
      <c r="T5202">
        <v>24545.89302</v>
      </c>
      <c r="U5202">
        <v>14171.8806</v>
      </c>
      <c r="W5202" s="83">
        <f>Bühler!N5234</f>
        <v>45508.666666654055</v>
      </c>
      <c r="X5202" s="83">
        <v>43317.666666666664</v>
      </c>
      <c r="Y5202">
        <v>131522.29819999999</v>
      </c>
      <c r="Z5202">
        <v>16180.239030000001</v>
      </c>
      <c r="AA5202">
        <v>56958.996290000003</v>
      </c>
      <c r="AB5202">
        <v>27773.993129999999</v>
      </c>
      <c r="AC5202">
        <v>32912.478210000001</v>
      </c>
      <c r="AD5202">
        <v>24039.60095</v>
      </c>
      <c r="AE5202">
        <v>49061.334340000001</v>
      </c>
      <c r="AF5202">
        <v>46738.87242</v>
      </c>
      <c r="AG5202">
        <v>28491.904470000001</v>
      </c>
      <c r="AH5202">
        <v>208454.35800000001</v>
      </c>
      <c r="AI5202">
        <v>67855.132840000006</v>
      </c>
      <c r="AJ5202">
        <v>17189.449240000002</v>
      </c>
      <c r="AK5202">
        <v>32632.817739999999</v>
      </c>
      <c r="AL5202">
        <v>51291.474190000001</v>
      </c>
      <c r="AM5202">
        <v>18031.292420000002</v>
      </c>
      <c r="AN5202">
        <v>89987.080199999997</v>
      </c>
      <c r="AO5202">
        <v>24545.89302</v>
      </c>
      <c r="AP5202">
        <v>14171.8806</v>
      </c>
    </row>
    <row r="5203" spans="2:42" x14ac:dyDescent="0.3">
      <c r="B5203">
        <v>40.682416610882562</v>
      </c>
      <c r="C5203" s="83">
        <v>43317.708333333336</v>
      </c>
      <c r="D5203">
        <v>131309.6684</v>
      </c>
      <c r="E5203">
        <v>16062.817999999999</v>
      </c>
      <c r="F5203">
        <v>56532.973830000003</v>
      </c>
      <c r="G5203">
        <v>27534.430909999999</v>
      </c>
      <c r="H5203">
        <v>32984.901440000001</v>
      </c>
      <c r="I5203">
        <v>24340.98676</v>
      </c>
      <c r="J5203">
        <v>50054.856099999997</v>
      </c>
      <c r="K5203">
        <v>47673.138800000001</v>
      </c>
      <c r="L5203">
        <v>28652.14201</v>
      </c>
      <c r="M5203">
        <v>207417.93179999999</v>
      </c>
      <c r="N5203">
        <v>67857.948260000005</v>
      </c>
      <c r="O5203">
        <v>17088.987870000001</v>
      </c>
      <c r="P5203">
        <v>33674.545700000002</v>
      </c>
      <c r="Q5203">
        <v>52589.114329999997</v>
      </c>
      <c r="R5203">
        <v>20246.080480000001</v>
      </c>
      <c r="S5203">
        <v>90448.384999999995</v>
      </c>
      <c r="T5203">
        <v>24451.13132</v>
      </c>
      <c r="U5203">
        <v>14234.16317</v>
      </c>
      <c r="W5203" s="83">
        <f>Bühler!N5235</f>
        <v>45508.708333320719</v>
      </c>
      <c r="X5203" s="83">
        <v>43317.708333333336</v>
      </c>
      <c r="Y5203">
        <v>131309.6684</v>
      </c>
      <c r="Z5203">
        <v>16062.817999999999</v>
      </c>
      <c r="AA5203">
        <v>56532.973830000003</v>
      </c>
      <c r="AB5203">
        <v>27534.430909999999</v>
      </c>
      <c r="AC5203">
        <v>32984.901440000001</v>
      </c>
      <c r="AD5203">
        <v>24340.98676</v>
      </c>
      <c r="AE5203">
        <v>50054.856099999997</v>
      </c>
      <c r="AF5203">
        <v>47673.138800000001</v>
      </c>
      <c r="AG5203">
        <v>28652.14201</v>
      </c>
      <c r="AH5203">
        <v>207417.93179999999</v>
      </c>
      <c r="AI5203">
        <v>67857.948260000005</v>
      </c>
      <c r="AJ5203">
        <v>17088.987870000001</v>
      </c>
      <c r="AK5203">
        <v>33674.545700000002</v>
      </c>
      <c r="AL5203">
        <v>52589.114329999997</v>
      </c>
      <c r="AM5203">
        <v>20246.080480000001</v>
      </c>
      <c r="AN5203">
        <v>90448.384999999995</v>
      </c>
      <c r="AO5203">
        <v>24451.13132</v>
      </c>
      <c r="AP5203">
        <v>14234.16317</v>
      </c>
    </row>
    <row r="5204" spans="2:42" x14ac:dyDescent="0.3">
      <c r="B5204">
        <v>40.666064517055062</v>
      </c>
      <c r="C5204" s="83">
        <v>43317.75</v>
      </c>
      <c r="D5204">
        <v>131349.79509999999</v>
      </c>
      <c r="E5204">
        <v>15674.439780000001</v>
      </c>
      <c r="F5204">
        <v>56779.456059999997</v>
      </c>
      <c r="G5204">
        <v>27353.17467</v>
      </c>
      <c r="H5204">
        <v>33413.910649999998</v>
      </c>
      <c r="I5204">
        <v>24324.01901</v>
      </c>
      <c r="J5204">
        <v>51009.902309999998</v>
      </c>
      <c r="K5204">
        <v>46469.681259999998</v>
      </c>
      <c r="L5204">
        <v>29686.964609999999</v>
      </c>
      <c r="M5204">
        <v>207334.5612</v>
      </c>
      <c r="N5204">
        <v>67645.156029999998</v>
      </c>
      <c r="O5204">
        <v>16601.770919999999</v>
      </c>
      <c r="P5204">
        <v>36206.650809999999</v>
      </c>
      <c r="Q5204">
        <v>53458.11318</v>
      </c>
      <c r="R5204">
        <v>19333.934440000001</v>
      </c>
      <c r="S5204">
        <v>88377.921310000005</v>
      </c>
      <c r="T5204">
        <v>24391.648809999999</v>
      </c>
      <c r="U5204">
        <v>14733.442650000001</v>
      </c>
      <c r="W5204" s="83">
        <f>Bühler!N5236</f>
        <v>45508.749999987383</v>
      </c>
      <c r="X5204" s="83">
        <v>43317.75</v>
      </c>
      <c r="Y5204">
        <v>131349.79509999999</v>
      </c>
      <c r="Z5204">
        <v>15674.439780000001</v>
      </c>
      <c r="AA5204">
        <v>56779.456059999997</v>
      </c>
      <c r="AB5204">
        <v>27353.17467</v>
      </c>
      <c r="AC5204">
        <v>33413.910649999998</v>
      </c>
      <c r="AD5204">
        <v>24324.01901</v>
      </c>
      <c r="AE5204">
        <v>51009.902309999998</v>
      </c>
      <c r="AF5204">
        <v>46469.681259999998</v>
      </c>
      <c r="AG5204">
        <v>29686.964609999999</v>
      </c>
      <c r="AH5204">
        <v>207334.5612</v>
      </c>
      <c r="AI5204">
        <v>67645.156029999998</v>
      </c>
      <c r="AJ5204">
        <v>16601.770919999999</v>
      </c>
      <c r="AK5204">
        <v>36206.650809999999</v>
      </c>
      <c r="AL5204">
        <v>53458.11318</v>
      </c>
      <c r="AM5204">
        <v>19333.934440000001</v>
      </c>
      <c r="AN5204">
        <v>88377.921310000005</v>
      </c>
      <c r="AO5204">
        <v>24391.648809999999</v>
      </c>
      <c r="AP5204">
        <v>14733.442650000001</v>
      </c>
    </row>
    <row r="5205" spans="2:42" x14ac:dyDescent="0.3">
      <c r="B5205">
        <v>40.768235516148138</v>
      </c>
      <c r="C5205" s="83">
        <v>43317.791666666664</v>
      </c>
      <c r="D5205">
        <v>131055.844</v>
      </c>
      <c r="E5205">
        <v>14586.32884</v>
      </c>
      <c r="F5205">
        <v>56379.623010000003</v>
      </c>
      <c r="G5205">
        <v>27247.38365</v>
      </c>
      <c r="H5205">
        <v>32655.949519999998</v>
      </c>
      <c r="I5205">
        <v>23767.58137</v>
      </c>
      <c r="J5205">
        <v>50627.392449999999</v>
      </c>
      <c r="K5205">
        <v>45922.816590000002</v>
      </c>
      <c r="L5205">
        <v>29593.867890000001</v>
      </c>
      <c r="M5205">
        <v>207855.47659999999</v>
      </c>
      <c r="N5205">
        <v>68205.953670000003</v>
      </c>
      <c r="O5205">
        <v>16745.68504</v>
      </c>
      <c r="P5205">
        <v>39507.010320000001</v>
      </c>
      <c r="Q5205">
        <v>54008.636019999998</v>
      </c>
      <c r="R5205">
        <v>18531.966390000001</v>
      </c>
      <c r="S5205">
        <v>86502.931620000003</v>
      </c>
      <c r="T5205">
        <v>22190.569459999999</v>
      </c>
      <c r="U5205">
        <v>15131.818429999999</v>
      </c>
      <c r="W5205" s="83">
        <f>Bühler!N5237</f>
        <v>45508.791666654048</v>
      </c>
      <c r="X5205" s="83">
        <v>43317.791666666664</v>
      </c>
      <c r="Y5205">
        <v>131055.844</v>
      </c>
      <c r="Z5205">
        <v>14586.32884</v>
      </c>
      <c r="AA5205">
        <v>56379.623010000003</v>
      </c>
      <c r="AB5205">
        <v>27247.38365</v>
      </c>
      <c r="AC5205">
        <v>32655.949519999998</v>
      </c>
      <c r="AD5205">
        <v>23767.58137</v>
      </c>
      <c r="AE5205">
        <v>50627.392449999999</v>
      </c>
      <c r="AF5205">
        <v>45922.816590000002</v>
      </c>
      <c r="AG5205">
        <v>29593.867890000001</v>
      </c>
      <c r="AH5205">
        <v>207855.47659999999</v>
      </c>
      <c r="AI5205">
        <v>68205.953670000003</v>
      </c>
      <c r="AJ5205">
        <v>16745.68504</v>
      </c>
      <c r="AK5205">
        <v>39507.010320000001</v>
      </c>
      <c r="AL5205">
        <v>54008.636019999998</v>
      </c>
      <c r="AM5205">
        <v>18531.966390000001</v>
      </c>
      <c r="AN5205">
        <v>86502.931620000003</v>
      </c>
      <c r="AO5205">
        <v>22190.569459999999</v>
      </c>
      <c r="AP5205">
        <v>15131.818429999999</v>
      </c>
    </row>
    <row r="5206" spans="2:42" x14ac:dyDescent="0.3">
      <c r="B5206">
        <v>40.405512262533279</v>
      </c>
      <c r="C5206" s="83">
        <v>43317.833333333336</v>
      </c>
      <c r="D5206">
        <v>130045.91379999999</v>
      </c>
      <c r="E5206">
        <v>13275.027389999999</v>
      </c>
      <c r="F5206">
        <v>54902.654309999998</v>
      </c>
      <c r="G5206">
        <v>26832.078320000001</v>
      </c>
      <c r="H5206">
        <v>32150.177250000001</v>
      </c>
      <c r="I5206">
        <v>23706.36983</v>
      </c>
      <c r="J5206">
        <v>49915.873579999999</v>
      </c>
      <c r="K5206">
        <v>47502.96286</v>
      </c>
      <c r="L5206">
        <v>29442.014800000001</v>
      </c>
      <c r="M5206">
        <v>206006.14430000001</v>
      </c>
      <c r="N5206">
        <v>69042.098110000006</v>
      </c>
      <c r="O5206">
        <v>17197.264709999999</v>
      </c>
      <c r="P5206">
        <v>38929.126519999998</v>
      </c>
      <c r="Q5206">
        <v>54001.836499999998</v>
      </c>
      <c r="R5206">
        <v>18431.473829999999</v>
      </c>
      <c r="S5206">
        <v>81375.73143</v>
      </c>
      <c r="T5206">
        <v>19390.870910000001</v>
      </c>
      <c r="U5206">
        <v>15101.935960000001</v>
      </c>
      <c r="W5206" s="83">
        <f>Bühler!N5238</f>
        <v>45508.833333320712</v>
      </c>
      <c r="X5206" s="83">
        <v>43317.833333333336</v>
      </c>
      <c r="Y5206">
        <v>130045.91379999999</v>
      </c>
      <c r="Z5206">
        <v>13275.027389999999</v>
      </c>
      <c r="AA5206">
        <v>54902.654309999998</v>
      </c>
      <c r="AB5206">
        <v>26832.078320000001</v>
      </c>
      <c r="AC5206">
        <v>32150.177250000001</v>
      </c>
      <c r="AD5206">
        <v>23706.36983</v>
      </c>
      <c r="AE5206">
        <v>49915.873579999999</v>
      </c>
      <c r="AF5206">
        <v>47502.96286</v>
      </c>
      <c r="AG5206">
        <v>29442.014800000001</v>
      </c>
      <c r="AH5206">
        <v>206006.14430000001</v>
      </c>
      <c r="AI5206">
        <v>69042.098110000006</v>
      </c>
      <c r="AJ5206">
        <v>17197.264709999999</v>
      </c>
      <c r="AK5206">
        <v>38929.126519999998</v>
      </c>
      <c r="AL5206">
        <v>54001.836499999998</v>
      </c>
      <c r="AM5206">
        <v>18431.473829999999</v>
      </c>
      <c r="AN5206">
        <v>81375.73143</v>
      </c>
      <c r="AO5206">
        <v>19390.870910000001</v>
      </c>
      <c r="AP5206">
        <v>15101.935960000001</v>
      </c>
    </row>
    <row r="5207" spans="2:42" x14ac:dyDescent="0.3">
      <c r="B5207">
        <v>40.203332698942269</v>
      </c>
      <c r="C5207" s="83">
        <v>43317.875</v>
      </c>
      <c r="D5207">
        <v>130237.7559</v>
      </c>
      <c r="E5207">
        <v>12937.89495</v>
      </c>
      <c r="F5207">
        <v>53564.310060000003</v>
      </c>
      <c r="G5207">
        <v>26843.14112</v>
      </c>
      <c r="H5207">
        <v>32559.58482</v>
      </c>
      <c r="I5207">
        <v>23787.997060000002</v>
      </c>
      <c r="J5207">
        <v>49991.150650000003</v>
      </c>
      <c r="K5207">
        <v>49244.862399999998</v>
      </c>
      <c r="L5207">
        <v>28393.451809999999</v>
      </c>
      <c r="M5207">
        <v>204975.33859999999</v>
      </c>
      <c r="N5207">
        <v>68502.295729999998</v>
      </c>
      <c r="O5207">
        <v>16573.361379999998</v>
      </c>
      <c r="P5207">
        <v>38138.393429999996</v>
      </c>
      <c r="Q5207">
        <v>54541.591390000001</v>
      </c>
      <c r="R5207">
        <v>18482.085210000001</v>
      </c>
      <c r="S5207">
        <v>78486.877040000007</v>
      </c>
      <c r="T5207">
        <v>19177.439249999999</v>
      </c>
      <c r="U5207">
        <v>15797.31306</v>
      </c>
      <c r="W5207" s="83">
        <f>Bühler!N5239</f>
        <v>45508.874999987376</v>
      </c>
      <c r="X5207" s="83">
        <v>43317.875</v>
      </c>
      <c r="Y5207">
        <v>130237.7559</v>
      </c>
      <c r="Z5207">
        <v>12937.89495</v>
      </c>
      <c r="AA5207">
        <v>53564.310060000003</v>
      </c>
      <c r="AB5207">
        <v>26843.14112</v>
      </c>
      <c r="AC5207">
        <v>32559.58482</v>
      </c>
      <c r="AD5207">
        <v>23787.997060000002</v>
      </c>
      <c r="AE5207">
        <v>49991.150650000003</v>
      </c>
      <c r="AF5207">
        <v>49244.862399999998</v>
      </c>
      <c r="AG5207">
        <v>28393.451809999999</v>
      </c>
      <c r="AH5207">
        <v>204975.33859999999</v>
      </c>
      <c r="AI5207">
        <v>68502.295729999998</v>
      </c>
      <c r="AJ5207">
        <v>16573.361379999998</v>
      </c>
      <c r="AK5207">
        <v>38138.393429999996</v>
      </c>
      <c r="AL5207">
        <v>54541.591390000001</v>
      </c>
      <c r="AM5207">
        <v>18482.085210000001</v>
      </c>
      <c r="AN5207">
        <v>78486.877040000007</v>
      </c>
      <c r="AO5207">
        <v>19177.439249999999</v>
      </c>
      <c r="AP5207">
        <v>15797.31306</v>
      </c>
    </row>
    <row r="5208" spans="2:42" x14ac:dyDescent="0.3">
      <c r="B5208">
        <v>40.537751499743067</v>
      </c>
      <c r="C5208" s="83">
        <v>43317.916666666664</v>
      </c>
      <c r="D5208">
        <v>130609.8832</v>
      </c>
      <c r="E5208">
        <v>12745.093199999999</v>
      </c>
      <c r="F5208">
        <v>52992.122430000003</v>
      </c>
      <c r="G5208">
        <v>27679.086930000001</v>
      </c>
      <c r="H5208">
        <v>33766.254809999999</v>
      </c>
      <c r="I5208">
        <v>23761.342100000002</v>
      </c>
      <c r="J5208">
        <v>47867.720959999999</v>
      </c>
      <c r="K5208">
        <v>50915.752959999998</v>
      </c>
      <c r="L5208">
        <v>25731.724750000001</v>
      </c>
      <c r="M5208">
        <v>206680.3616</v>
      </c>
      <c r="N5208">
        <v>68811.290099999998</v>
      </c>
      <c r="O5208">
        <v>16603.88709</v>
      </c>
      <c r="P5208">
        <v>35579.716959999998</v>
      </c>
      <c r="Q5208">
        <v>56501.10138</v>
      </c>
      <c r="R5208">
        <v>19032.069289999999</v>
      </c>
      <c r="S5208">
        <v>77790.082490000001</v>
      </c>
      <c r="T5208">
        <v>19174.556769999999</v>
      </c>
      <c r="U5208">
        <v>16420.71747</v>
      </c>
      <c r="W5208" s="83">
        <f>Bühler!N5240</f>
        <v>45508.91666665404</v>
      </c>
      <c r="X5208" s="83">
        <v>43317.916666666664</v>
      </c>
      <c r="Y5208">
        <v>130609.8832</v>
      </c>
      <c r="Z5208">
        <v>12745.093199999999</v>
      </c>
      <c r="AA5208">
        <v>52992.122430000003</v>
      </c>
      <c r="AB5208">
        <v>27679.086930000001</v>
      </c>
      <c r="AC5208">
        <v>33766.254809999999</v>
      </c>
      <c r="AD5208">
        <v>23761.342100000002</v>
      </c>
      <c r="AE5208">
        <v>47867.720959999999</v>
      </c>
      <c r="AF5208">
        <v>50915.752959999998</v>
      </c>
      <c r="AG5208">
        <v>25731.724750000001</v>
      </c>
      <c r="AH5208">
        <v>206680.3616</v>
      </c>
      <c r="AI5208">
        <v>68811.290099999998</v>
      </c>
      <c r="AJ5208">
        <v>16603.88709</v>
      </c>
      <c r="AK5208">
        <v>35579.716959999998</v>
      </c>
      <c r="AL5208">
        <v>56501.10138</v>
      </c>
      <c r="AM5208">
        <v>19032.069289999999</v>
      </c>
      <c r="AN5208">
        <v>77790.082490000001</v>
      </c>
      <c r="AO5208">
        <v>19174.556769999999</v>
      </c>
      <c r="AP5208">
        <v>16420.71747</v>
      </c>
    </row>
    <row r="5209" spans="2:42" x14ac:dyDescent="0.3">
      <c r="B5209">
        <v>41.420167681051886</v>
      </c>
      <c r="C5209" s="83">
        <v>43317.958333333336</v>
      </c>
      <c r="D5209">
        <v>130717.84819999999</v>
      </c>
      <c r="E5209">
        <v>12360.681710000001</v>
      </c>
      <c r="F5209">
        <v>52406.430160000004</v>
      </c>
      <c r="G5209">
        <v>27969.337459999999</v>
      </c>
      <c r="H5209">
        <v>33025.220009999997</v>
      </c>
      <c r="I5209">
        <v>23402.789540000002</v>
      </c>
      <c r="J5209">
        <v>43152.289259999998</v>
      </c>
      <c r="K5209">
        <v>50197.254280000001</v>
      </c>
      <c r="L5209">
        <v>21891.135969999999</v>
      </c>
      <c r="M5209">
        <v>211179.3308</v>
      </c>
      <c r="N5209">
        <v>68377.444770000002</v>
      </c>
      <c r="O5209">
        <v>16766.185659999999</v>
      </c>
      <c r="P5209">
        <v>32670.542529999999</v>
      </c>
      <c r="Q5209">
        <v>58138.632469999997</v>
      </c>
      <c r="R5209">
        <v>19926.11176</v>
      </c>
      <c r="S5209">
        <v>75841.323560000004</v>
      </c>
      <c r="T5209">
        <v>18346.024270000002</v>
      </c>
      <c r="U5209">
        <v>15935.919169999999</v>
      </c>
      <c r="W5209" s="83">
        <f>Bühler!N5241</f>
        <v>45508.958333320705</v>
      </c>
      <c r="X5209" s="83">
        <v>43317.958333333336</v>
      </c>
      <c r="Y5209">
        <v>130717.84819999999</v>
      </c>
      <c r="Z5209">
        <v>12360.681710000001</v>
      </c>
      <c r="AA5209">
        <v>52406.430160000004</v>
      </c>
      <c r="AB5209">
        <v>27969.337459999999</v>
      </c>
      <c r="AC5209">
        <v>33025.220009999997</v>
      </c>
      <c r="AD5209">
        <v>23402.789540000002</v>
      </c>
      <c r="AE5209">
        <v>43152.289259999998</v>
      </c>
      <c r="AF5209">
        <v>50197.254280000001</v>
      </c>
      <c r="AG5209">
        <v>21891.135969999999</v>
      </c>
      <c r="AH5209">
        <v>211179.3308</v>
      </c>
      <c r="AI5209">
        <v>68377.444770000002</v>
      </c>
      <c r="AJ5209">
        <v>16766.185659999999</v>
      </c>
      <c r="AK5209">
        <v>32670.542529999999</v>
      </c>
      <c r="AL5209">
        <v>58138.632469999997</v>
      </c>
      <c r="AM5209">
        <v>19926.11176</v>
      </c>
      <c r="AN5209">
        <v>75841.323560000004</v>
      </c>
      <c r="AO5209">
        <v>18346.024270000002</v>
      </c>
      <c r="AP5209">
        <v>15935.919169999999</v>
      </c>
    </row>
    <row r="5210" spans="2:42" x14ac:dyDescent="0.3">
      <c r="B5210">
        <v>41.65465831408045</v>
      </c>
      <c r="C5210" s="83">
        <v>43318</v>
      </c>
      <c r="D5210">
        <v>131466.69519999999</v>
      </c>
      <c r="E5210">
        <v>12164.506600000001</v>
      </c>
      <c r="F5210">
        <v>51537.221420000002</v>
      </c>
      <c r="G5210">
        <v>28265.89502</v>
      </c>
      <c r="H5210">
        <v>32512.250599999999</v>
      </c>
      <c r="I5210">
        <v>22250.543529999999</v>
      </c>
      <c r="J5210">
        <v>38704.598250000003</v>
      </c>
      <c r="K5210">
        <v>47904.193679999997</v>
      </c>
      <c r="L5210">
        <v>19173.05143</v>
      </c>
      <c r="M5210">
        <v>212374.87340000001</v>
      </c>
      <c r="N5210">
        <v>67038.859589999993</v>
      </c>
      <c r="O5210">
        <v>17161.372480000002</v>
      </c>
      <c r="P5210">
        <v>28915.964909999999</v>
      </c>
      <c r="Q5210">
        <v>60866.529210000001</v>
      </c>
      <c r="R5210">
        <v>15845.80666</v>
      </c>
      <c r="S5210">
        <v>73931.97812</v>
      </c>
      <c r="T5210">
        <v>18006.149290000001</v>
      </c>
      <c r="U5210">
        <v>15905.98705</v>
      </c>
      <c r="W5210" s="83">
        <f>Bühler!N5242</f>
        <v>45508.999999987369</v>
      </c>
      <c r="X5210" s="83">
        <v>43318</v>
      </c>
      <c r="Y5210">
        <v>131466.69519999999</v>
      </c>
      <c r="Z5210">
        <v>12164.506600000001</v>
      </c>
      <c r="AA5210">
        <v>51537.221420000002</v>
      </c>
      <c r="AB5210">
        <v>28265.89502</v>
      </c>
      <c r="AC5210">
        <v>32512.250599999999</v>
      </c>
      <c r="AD5210">
        <v>22250.543529999999</v>
      </c>
      <c r="AE5210">
        <v>38704.598250000003</v>
      </c>
      <c r="AF5210">
        <v>47904.193679999997</v>
      </c>
      <c r="AG5210">
        <v>19173.05143</v>
      </c>
      <c r="AH5210">
        <v>212374.87340000001</v>
      </c>
      <c r="AI5210">
        <v>67038.859589999993</v>
      </c>
      <c r="AJ5210">
        <v>17161.372480000002</v>
      </c>
      <c r="AK5210">
        <v>28915.964909999999</v>
      </c>
      <c r="AL5210">
        <v>60866.529210000001</v>
      </c>
      <c r="AM5210">
        <v>15845.80666</v>
      </c>
      <c r="AN5210">
        <v>73931.97812</v>
      </c>
      <c r="AO5210">
        <v>18006.149290000001</v>
      </c>
      <c r="AP5210">
        <v>15905.98705</v>
      </c>
    </row>
    <row r="5211" spans="2:42" x14ac:dyDescent="0.3">
      <c r="B5211">
        <v>41.184442225710541</v>
      </c>
      <c r="C5211" s="83">
        <v>43318.041666666664</v>
      </c>
      <c r="D5211">
        <v>131216.7052</v>
      </c>
      <c r="E5211">
        <v>11976.55168</v>
      </c>
      <c r="F5211">
        <v>51152.543230000003</v>
      </c>
      <c r="G5211">
        <v>27591.403569999999</v>
      </c>
      <c r="H5211">
        <v>32201.92369</v>
      </c>
      <c r="I5211">
        <v>18752.653969999999</v>
      </c>
      <c r="J5211">
        <v>36781.89529</v>
      </c>
      <c r="K5211">
        <v>45896.474849999999</v>
      </c>
      <c r="L5211">
        <v>17835.217680000002</v>
      </c>
      <c r="M5211">
        <v>209977.49249999999</v>
      </c>
      <c r="N5211">
        <v>66560.824949999995</v>
      </c>
      <c r="O5211">
        <v>16930.252939999998</v>
      </c>
      <c r="P5211">
        <v>27087.17613</v>
      </c>
      <c r="Q5211">
        <v>63043.872869999999</v>
      </c>
      <c r="R5211">
        <v>14272.24339</v>
      </c>
      <c r="S5211">
        <v>72585.661420000004</v>
      </c>
      <c r="T5211">
        <v>17535.426930000001</v>
      </c>
      <c r="U5211">
        <v>15567.874970000001</v>
      </c>
      <c r="W5211" s="83">
        <f>Bühler!N5243</f>
        <v>45509.041666654033</v>
      </c>
      <c r="X5211" s="83">
        <v>43318.041666666664</v>
      </c>
      <c r="Y5211">
        <v>131216.7052</v>
      </c>
      <c r="Z5211">
        <v>11976.55168</v>
      </c>
      <c r="AA5211">
        <v>51152.543230000003</v>
      </c>
      <c r="AB5211">
        <v>27591.403569999999</v>
      </c>
      <c r="AC5211">
        <v>32201.92369</v>
      </c>
      <c r="AD5211">
        <v>18752.653969999999</v>
      </c>
      <c r="AE5211">
        <v>36781.89529</v>
      </c>
      <c r="AF5211">
        <v>45896.474849999999</v>
      </c>
      <c r="AG5211">
        <v>17835.217680000002</v>
      </c>
      <c r="AH5211">
        <v>209977.49249999999</v>
      </c>
      <c r="AI5211">
        <v>66560.824949999995</v>
      </c>
      <c r="AJ5211">
        <v>16930.252939999998</v>
      </c>
      <c r="AK5211">
        <v>27087.17613</v>
      </c>
      <c r="AL5211">
        <v>63043.872869999999</v>
      </c>
      <c r="AM5211">
        <v>14272.24339</v>
      </c>
      <c r="AN5211">
        <v>72585.661420000004</v>
      </c>
      <c r="AO5211">
        <v>17535.426930000001</v>
      </c>
      <c r="AP5211">
        <v>15567.874970000001</v>
      </c>
    </row>
    <row r="5212" spans="2:42" x14ac:dyDescent="0.3">
      <c r="B5212">
        <v>41.813932896971686</v>
      </c>
      <c r="C5212" s="83">
        <v>43318.083333333336</v>
      </c>
      <c r="D5212">
        <v>131879.88399999999</v>
      </c>
      <c r="E5212">
        <v>11665.37515</v>
      </c>
      <c r="F5212">
        <v>52182.953970000002</v>
      </c>
      <c r="G5212">
        <v>27127.604530000001</v>
      </c>
      <c r="H5212">
        <v>32033.730449999999</v>
      </c>
      <c r="I5212">
        <v>17268.415840000001</v>
      </c>
      <c r="J5212">
        <v>35979.875070000002</v>
      </c>
      <c r="K5212">
        <v>44325.881309999997</v>
      </c>
      <c r="L5212">
        <v>16655.155149999999</v>
      </c>
      <c r="M5212">
        <v>213186.9295</v>
      </c>
      <c r="N5212">
        <v>66335.529060000001</v>
      </c>
      <c r="O5212">
        <v>16605.63766</v>
      </c>
      <c r="P5212">
        <v>26131.371169999999</v>
      </c>
      <c r="Q5212">
        <v>66338.599130000002</v>
      </c>
      <c r="R5212">
        <v>14667.905350000001</v>
      </c>
      <c r="S5212">
        <v>71486.024730000005</v>
      </c>
      <c r="T5212">
        <v>17074.22682</v>
      </c>
      <c r="U5212">
        <v>15636.13056</v>
      </c>
      <c r="W5212" s="83">
        <f>Bühler!N5244</f>
        <v>45509.083333320697</v>
      </c>
      <c r="X5212" s="83">
        <v>43318.083333333336</v>
      </c>
      <c r="Y5212">
        <v>131879.88399999999</v>
      </c>
      <c r="Z5212">
        <v>11665.37515</v>
      </c>
      <c r="AA5212">
        <v>52182.953970000002</v>
      </c>
      <c r="AB5212">
        <v>27127.604530000001</v>
      </c>
      <c r="AC5212">
        <v>32033.730449999999</v>
      </c>
      <c r="AD5212">
        <v>17268.415840000001</v>
      </c>
      <c r="AE5212">
        <v>35979.875070000002</v>
      </c>
      <c r="AF5212">
        <v>44325.881309999997</v>
      </c>
      <c r="AG5212">
        <v>16655.155149999999</v>
      </c>
      <c r="AH5212">
        <v>213186.9295</v>
      </c>
      <c r="AI5212">
        <v>66335.529060000001</v>
      </c>
      <c r="AJ5212">
        <v>16605.63766</v>
      </c>
      <c r="AK5212">
        <v>26131.371169999999</v>
      </c>
      <c r="AL5212">
        <v>66338.599130000002</v>
      </c>
      <c r="AM5212">
        <v>14667.905350000001</v>
      </c>
      <c r="AN5212">
        <v>71486.024730000005</v>
      </c>
      <c r="AO5212">
        <v>17074.22682</v>
      </c>
      <c r="AP5212">
        <v>15636.13056</v>
      </c>
    </row>
    <row r="5213" spans="2:42" x14ac:dyDescent="0.3">
      <c r="B5213">
        <v>43.61568810802531</v>
      </c>
      <c r="C5213" s="83">
        <v>43318.125</v>
      </c>
      <c r="D5213">
        <v>132621.94579999999</v>
      </c>
      <c r="E5213">
        <v>11738.92115</v>
      </c>
      <c r="F5213">
        <v>54476.86535</v>
      </c>
      <c r="G5213">
        <v>26481.661400000001</v>
      </c>
      <c r="H5213">
        <v>31970.36753</v>
      </c>
      <c r="I5213">
        <v>16828.453219999999</v>
      </c>
      <c r="J5213">
        <v>36054.854189999998</v>
      </c>
      <c r="K5213">
        <v>43474.941229999997</v>
      </c>
      <c r="L5213">
        <v>16342.08064</v>
      </c>
      <c r="M5213">
        <v>222373.11780000001</v>
      </c>
      <c r="N5213">
        <v>64346.276850000002</v>
      </c>
      <c r="O5213">
        <v>17451.025600000001</v>
      </c>
      <c r="P5213">
        <v>24984.851210000001</v>
      </c>
      <c r="Q5213">
        <v>71043.965930000006</v>
      </c>
      <c r="R5213">
        <v>14329.823399999999</v>
      </c>
      <c r="S5213">
        <v>70523.028789999997</v>
      </c>
      <c r="T5213">
        <v>16935.253229999998</v>
      </c>
      <c r="U5213">
        <v>15078.04041</v>
      </c>
      <c r="W5213" s="83">
        <f>Bühler!N5245</f>
        <v>45509.124999987362</v>
      </c>
      <c r="X5213" s="83">
        <v>43318.125</v>
      </c>
      <c r="Y5213">
        <v>132621.94579999999</v>
      </c>
      <c r="Z5213">
        <v>11738.92115</v>
      </c>
      <c r="AA5213">
        <v>54476.86535</v>
      </c>
      <c r="AB5213">
        <v>26481.661400000001</v>
      </c>
      <c r="AC5213">
        <v>31970.36753</v>
      </c>
      <c r="AD5213">
        <v>16828.453219999999</v>
      </c>
      <c r="AE5213">
        <v>36054.854189999998</v>
      </c>
      <c r="AF5213">
        <v>43474.941229999997</v>
      </c>
      <c r="AG5213">
        <v>16342.08064</v>
      </c>
      <c r="AH5213">
        <v>222373.11780000001</v>
      </c>
      <c r="AI5213">
        <v>64346.276850000002</v>
      </c>
      <c r="AJ5213">
        <v>17451.025600000001</v>
      </c>
      <c r="AK5213">
        <v>24984.851210000001</v>
      </c>
      <c r="AL5213">
        <v>71043.965930000006</v>
      </c>
      <c r="AM5213">
        <v>14329.823399999999</v>
      </c>
      <c r="AN5213">
        <v>70523.028789999997</v>
      </c>
      <c r="AO5213">
        <v>16935.253229999998</v>
      </c>
      <c r="AP5213">
        <v>15078.04041</v>
      </c>
    </row>
    <row r="5214" spans="2:42" x14ac:dyDescent="0.3">
      <c r="B5214">
        <v>46.974012367047969</v>
      </c>
      <c r="C5214" s="83">
        <v>43318.166666666664</v>
      </c>
      <c r="D5214">
        <v>136749.80859999999</v>
      </c>
      <c r="E5214">
        <v>12279.67527</v>
      </c>
      <c r="F5214">
        <v>58647.644990000001</v>
      </c>
      <c r="G5214">
        <v>25896.474149999998</v>
      </c>
      <c r="H5214">
        <v>32532.764439999999</v>
      </c>
      <c r="I5214">
        <v>17728.447550000001</v>
      </c>
      <c r="J5214">
        <v>37776.71802</v>
      </c>
      <c r="K5214">
        <v>43351.837610000002</v>
      </c>
      <c r="L5214">
        <v>15845.36427</v>
      </c>
      <c r="M5214">
        <v>239495.421</v>
      </c>
      <c r="N5214">
        <v>63864.537649999998</v>
      </c>
      <c r="O5214">
        <v>18746.3452</v>
      </c>
      <c r="P5214">
        <v>25466.795580000002</v>
      </c>
      <c r="Q5214">
        <v>76360.543120000002</v>
      </c>
      <c r="R5214">
        <v>14683.693740000001</v>
      </c>
      <c r="S5214">
        <v>70599.122340000002</v>
      </c>
      <c r="T5214">
        <v>16788.446039999999</v>
      </c>
      <c r="U5214">
        <v>15270.845069999999</v>
      </c>
      <c r="W5214" s="83">
        <f>Bühler!N5246</f>
        <v>45509.166666654026</v>
      </c>
      <c r="X5214" s="83">
        <v>43318.166666666664</v>
      </c>
      <c r="Y5214">
        <v>136749.80859999999</v>
      </c>
      <c r="Z5214">
        <v>12279.67527</v>
      </c>
      <c r="AA5214">
        <v>58647.644990000001</v>
      </c>
      <c r="AB5214">
        <v>25896.474149999998</v>
      </c>
      <c r="AC5214">
        <v>32532.764439999999</v>
      </c>
      <c r="AD5214">
        <v>17728.447550000001</v>
      </c>
      <c r="AE5214">
        <v>37776.71802</v>
      </c>
      <c r="AF5214">
        <v>43351.837610000002</v>
      </c>
      <c r="AG5214">
        <v>15845.36427</v>
      </c>
      <c r="AH5214">
        <v>239495.421</v>
      </c>
      <c r="AI5214">
        <v>63864.537649999998</v>
      </c>
      <c r="AJ5214">
        <v>18746.3452</v>
      </c>
      <c r="AK5214">
        <v>25466.795580000002</v>
      </c>
      <c r="AL5214">
        <v>76360.543120000002</v>
      </c>
      <c r="AM5214">
        <v>14683.693740000001</v>
      </c>
      <c r="AN5214">
        <v>70599.122340000002</v>
      </c>
      <c r="AO5214">
        <v>16788.446039999999</v>
      </c>
      <c r="AP5214">
        <v>15270.845069999999</v>
      </c>
    </row>
    <row r="5215" spans="2:42" x14ac:dyDescent="0.3">
      <c r="B5215">
        <v>53.036357713069123</v>
      </c>
      <c r="C5215" s="83">
        <v>43318.208333333336</v>
      </c>
      <c r="D5215">
        <v>151734.91620000001</v>
      </c>
      <c r="E5215">
        <v>13887.08884</v>
      </c>
      <c r="F5215">
        <v>68688.54509</v>
      </c>
      <c r="G5215">
        <v>26370.712289999999</v>
      </c>
      <c r="H5215">
        <v>34166.789279999997</v>
      </c>
      <c r="I5215">
        <v>22795.156800000001</v>
      </c>
      <c r="J5215">
        <v>41137.341419999997</v>
      </c>
      <c r="K5215">
        <v>44489.206850000002</v>
      </c>
      <c r="L5215">
        <v>16664.527180000001</v>
      </c>
      <c r="M5215">
        <v>270404.08470000001</v>
      </c>
      <c r="N5215">
        <v>64492.527999999998</v>
      </c>
      <c r="O5215">
        <v>19403.56998</v>
      </c>
      <c r="P5215">
        <v>26998.98618</v>
      </c>
      <c r="Q5215">
        <v>81352.838010000007</v>
      </c>
      <c r="R5215">
        <v>16503.708429999999</v>
      </c>
      <c r="S5215">
        <v>72897.430850000004</v>
      </c>
      <c r="T5215">
        <v>17485.432519999998</v>
      </c>
      <c r="U5215">
        <v>16994.80069</v>
      </c>
      <c r="W5215" s="83">
        <f>Bühler!N5247</f>
        <v>45509.20833332069</v>
      </c>
      <c r="X5215" s="83">
        <v>43318.208333333336</v>
      </c>
      <c r="Y5215">
        <v>151734.91620000001</v>
      </c>
      <c r="Z5215">
        <v>13887.08884</v>
      </c>
      <c r="AA5215">
        <v>68688.54509</v>
      </c>
      <c r="AB5215">
        <v>26370.712289999999</v>
      </c>
      <c r="AC5215">
        <v>34166.789279999997</v>
      </c>
      <c r="AD5215">
        <v>22795.156800000001</v>
      </c>
      <c r="AE5215">
        <v>41137.341419999997</v>
      </c>
      <c r="AF5215">
        <v>44489.206850000002</v>
      </c>
      <c r="AG5215">
        <v>16664.527180000001</v>
      </c>
      <c r="AH5215">
        <v>270404.08470000001</v>
      </c>
      <c r="AI5215">
        <v>64492.527999999998</v>
      </c>
      <c r="AJ5215">
        <v>19403.56998</v>
      </c>
      <c r="AK5215">
        <v>26998.98618</v>
      </c>
      <c r="AL5215">
        <v>81352.838010000007</v>
      </c>
      <c r="AM5215">
        <v>16503.708429999999</v>
      </c>
      <c r="AN5215">
        <v>72897.430850000004</v>
      </c>
      <c r="AO5215">
        <v>17485.432519999998</v>
      </c>
      <c r="AP5215">
        <v>16994.80069</v>
      </c>
    </row>
    <row r="5216" spans="2:42" x14ac:dyDescent="0.3">
      <c r="B5216">
        <v>58.426252743632283</v>
      </c>
      <c r="C5216" s="83">
        <v>43318.25</v>
      </c>
      <c r="D5216">
        <v>165794.875</v>
      </c>
      <c r="E5216">
        <v>16995.92625</v>
      </c>
      <c r="F5216">
        <v>77998.501069999998</v>
      </c>
      <c r="G5216">
        <v>26949.650580000001</v>
      </c>
      <c r="H5216">
        <v>35421.429100000001</v>
      </c>
      <c r="I5216">
        <v>26601.853879999999</v>
      </c>
      <c r="J5216">
        <v>44635.113149999997</v>
      </c>
      <c r="K5216">
        <v>46716.528769999997</v>
      </c>
      <c r="L5216">
        <v>18691.263480000001</v>
      </c>
      <c r="M5216">
        <v>297884.2831</v>
      </c>
      <c r="N5216">
        <v>67753.745269999999</v>
      </c>
      <c r="O5216">
        <v>21003.600139999999</v>
      </c>
      <c r="P5216">
        <v>26596.055479999999</v>
      </c>
      <c r="Q5216">
        <v>85206.389550000007</v>
      </c>
      <c r="R5216">
        <v>16120.770560000001</v>
      </c>
      <c r="S5216">
        <v>79647.892789999998</v>
      </c>
      <c r="T5216">
        <v>18414.96543</v>
      </c>
      <c r="U5216">
        <v>18732.65033</v>
      </c>
      <c r="W5216" s="83">
        <f>Bühler!N5248</f>
        <v>45509.249999987354</v>
      </c>
      <c r="X5216" s="83">
        <v>43318.25</v>
      </c>
      <c r="Y5216">
        <v>165794.875</v>
      </c>
      <c r="Z5216">
        <v>16995.92625</v>
      </c>
      <c r="AA5216">
        <v>77998.501069999998</v>
      </c>
      <c r="AB5216">
        <v>26949.650580000001</v>
      </c>
      <c r="AC5216">
        <v>35421.429100000001</v>
      </c>
      <c r="AD5216">
        <v>26601.853879999999</v>
      </c>
      <c r="AE5216">
        <v>44635.113149999997</v>
      </c>
      <c r="AF5216">
        <v>46716.528769999997</v>
      </c>
      <c r="AG5216">
        <v>18691.263480000001</v>
      </c>
      <c r="AH5216">
        <v>297884.2831</v>
      </c>
      <c r="AI5216">
        <v>67753.745269999999</v>
      </c>
      <c r="AJ5216">
        <v>21003.600139999999</v>
      </c>
      <c r="AK5216">
        <v>26596.055479999999</v>
      </c>
      <c r="AL5216">
        <v>85206.389550000007</v>
      </c>
      <c r="AM5216">
        <v>16120.770560000001</v>
      </c>
      <c r="AN5216">
        <v>79647.892789999998</v>
      </c>
      <c r="AO5216">
        <v>18414.96543</v>
      </c>
      <c r="AP5216">
        <v>18732.65033</v>
      </c>
    </row>
    <row r="5217" spans="2:42" x14ac:dyDescent="0.3">
      <c r="B5217">
        <v>62.184440013071139</v>
      </c>
      <c r="C5217" s="83">
        <v>43318.291666666664</v>
      </c>
      <c r="D5217">
        <v>176021.99890000001</v>
      </c>
      <c r="E5217">
        <v>20719.609619999999</v>
      </c>
      <c r="F5217">
        <v>81167.164139999993</v>
      </c>
      <c r="G5217">
        <v>28362.36032</v>
      </c>
      <c r="H5217">
        <v>38376.652040000001</v>
      </c>
      <c r="I5217">
        <v>30364.810249999999</v>
      </c>
      <c r="J5217">
        <v>45498.722719999998</v>
      </c>
      <c r="K5217">
        <v>49284.131280000001</v>
      </c>
      <c r="L5217">
        <v>21142.651720000002</v>
      </c>
      <c r="M5217">
        <v>317045.27439999999</v>
      </c>
      <c r="N5217">
        <v>72620.997210000001</v>
      </c>
      <c r="O5217">
        <v>23061.090820000001</v>
      </c>
      <c r="P5217">
        <v>29442.73558</v>
      </c>
      <c r="Q5217">
        <v>87128.383520000003</v>
      </c>
      <c r="R5217">
        <v>17940.629079999999</v>
      </c>
      <c r="S5217">
        <v>92255.080059999993</v>
      </c>
      <c r="T5217">
        <v>21220.69328</v>
      </c>
      <c r="U5217">
        <v>21490.837100000001</v>
      </c>
      <c r="W5217" s="83">
        <f>Bühler!N5249</f>
        <v>45509.291666654019</v>
      </c>
      <c r="X5217" s="83">
        <v>43318.291666666664</v>
      </c>
      <c r="Y5217">
        <v>176021.99890000001</v>
      </c>
      <c r="Z5217">
        <v>20719.609619999999</v>
      </c>
      <c r="AA5217">
        <v>81167.164139999993</v>
      </c>
      <c r="AB5217">
        <v>28362.36032</v>
      </c>
      <c r="AC5217">
        <v>38376.652040000001</v>
      </c>
      <c r="AD5217">
        <v>30364.810249999999</v>
      </c>
      <c r="AE5217">
        <v>45498.722719999998</v>
      </c>
      <c r="AF5217">
        <v>49284.131280000001</v>
      </c>
      <c r="AG5217">
        <v>21142.651720000002</v>
      </c>
      <c r="AH5217">
        <v>317045.27439999999</v>
      </c>
      <c r="AI5217">
        <v>72620.997210000001</v>
      </c>
      <c r="AJ5217">
        <v>23061.090820000001</v>
      </c>
      <c r="AK5217">
        <v>29442.73558</v>
      </c>
      <c r="AL5217">
        <v>87128.383520000003</v>
      </c>
      <c r="AM5217">
        <v>17940.629079999999</v>
      </c>
      <c r="AN5217">
        <v>92255.080059999993</v>
      </c>
      <c r="AO5217">
        <v>21220.69328</v>
      </c>
      <c r="AP5217">
        <v>21490.837100000001</v>
      </c>
    </row>
    <row r="5218" spans="2:42" x14ac:dyDescent="0.3">
      <c r="B5218">
        <v>65.032822708175814</v>
      </c>
      <c r="C5218" s="83">
        <v>43318.333333333336</v>
      </c>
      <c r="D5218">
        <v>187544.88140000001</v>
      </c>
      <c r="E5218">
        <v>26065.002219999998</v>
      </c>
      <c r="F5218">
        <v>87975.071819999997</v>
      </c>
      <c r="G5218">
        <v>31094.154849999999</v>
      </c>
      <c r="H5218">
        <v>42055.899940000003</v>
      </c>
      <c r="I5218">
        <v>32933.030890000002</v>
      </c>
      <c r="J5218">
        <v>48916.004990000001</v>
      </c>
      <c r="K5218">
        <v>55991.149080000003</v>
      </c>
      <c r="L5218">
        <v>24063.107609999999</v>
      </c>
      <c r="M5218">
        <v>331567.65769999998</v>
      </c>
      <c r="N5218">
        <v>79898.321209999995</v>
      </c>
      <c r="O5218">
        <v>24731.797740000002</v>
      </c>
      <c r="P5218">
        <v>33430.382619999997</v>
      </c>
      <c r="Q5218">
        <v>90473.821580000003</v>
      </c>
      <c r="R5218">
        <v>20952.345850000002</v>
      </c>
      <c r="S5218">
        <v>103853.34</v>
      </c>
      <c r="T5218">
        <v>23070.000929999998</v>
      </c>
      <c r="U5218">
        <v>24690.498500000002</v>
      </c>
      <c r="W5218" s="83">
        <f>Bühler!N5250</f>
        <v>45509.333333320683</v>
      </c>
      <c r="X5218" s="83">
        <v>43318.333333333336</v>
      </c>
      <c r="Y5218">
        <v>187544.88140000001</v>
      </c>
      <c r="Z5218">
        <v>26065.002219999998</v>
      </c>
      <c r="AA5218">
        <v>87975.071819999997</v>
      </c>
      <c r="AB5218">
        <v>31094.154849999999</v>
      </c>
      <c r="AC5218">
        <v>42055.899940000003</v>
      </c>
      <c r="AD5218">
        <v>32933.030890000002</v>
      </c>
      <c r="AE5218">
        <v>48916.004990000001</v>
      </c>
      <c r="AF5218">
        <v>55991.149080000003</v>
      </c>
      <c r="AG5218">
        <v>24063.107609999999</v>
      </c>
      <c r="AH5218">
        <v>331567.65769999998</v>
      </c>
      <c r="AI5218">
        <v>79898.321209999995</v>
      </c>
      <c r="AJ5218">
        <v>24731.797740000002</v>
      </c>
      <c r="AK5218">
        <v>33430.382619999997</v>
      </c>
      <c r="AL5218">
        <v>90473.821580000003</v>
      </c>
      <c r="AM5218">
        <v>20952.345850000002</v>
      </c>
      <c r="AN5218">
        <v>103853.34</v>
      </c>
      <c r="AO5218">
        <v>23070.000929999998</v>
      </c>
      <c r="AP5218">
        <v>24690.498500000002</v>
      </c>
    </row>
    <row r="5219" spans="2:42" x14ac:dyDescent="0.3">
      <c r="B5219">
        <v>66.409647684391615</v>
      </c>
      <c r="C5219" s="83">
        <v>43318.375</v>
      </c>
      <c r="D5219">
        <v>193511.81229999999</v>
      </c>
      <c r="E5219">
        <v>31237.74682</v>
      </c>
      <c r="F5219">
        <v>96202.131869999997</v>
      </c>
      <c r="G5219">
        <v>32834.56551</v>
      </c>
      <c r="H5219">
        <v>45146.665849999998</v>
      </c>
      <c r="I5219">
        <v>33188.167439999997</v>
      </c>
      <c r="J5219">
        <v>52936.291940000003</v>
      </c>
      <c r="K5219">
        <v>60162.161059999999</v>
      </c>
      <c r="L5219">
        <v>28414.770400000001</v>
      </c>
      <c r="M5219">
        <v>338587.35350000003</v>
      </c>
      <c r="N5219">
        <v>88368.441879999998</v>
      </c>
      <c r="O5219">
        <v>26777.997200000002</v>
      </c>
      <c r="P5219">
        <v>37024.946799999998</v>
      </c>
      <c r="Q5219">
        <v>93703.695019999999</v>
      </c>
      <c r="R5219">
        <v>22381.591759999999</v>
      </c>
      <c r="S5219">
        <v>111790.24589999999</v>
      </c>
      <c r="T5219">
        <v>25130.280289999999</v>
      </c>
      <c r="U5219">
        <v>25382.987499999999</v>
      </c>
      <c r="W5219" s="83">
        <f>Bühler!N5251</f>
        <v>45509.374999987347</v>
      </c>
      <c r="X5219" s="83">
        <v>43318.375</v>
      </c>
      <c r="Y5219">
        <v>193511.81229999999</v>
      </c>
      <c r="Z5219">
        <v>31237.74682</v>
      </c>
      <c r="AA5219">
        <v>96202.131869999997</v>
      </c>
      <c r="AB5219">
        <v>32834.56551</v>
      </c>
      <c r="AC5219">
        <v>45146.665849999998</v>
      </c>
      <c r="AD5219">
        <v>33188.167439999997</v>
      </c>
      <c r="AE5219">
        <v>52936.291940000003</v>
      </c>
      <c r="AF5219">
        <v>60162.161059999999</v>
      </c>
      <c r="AG5219">
        <v>28414.770400000001</v>
      </c>
      <c r="AH5219">
        <v>338587.35350000003</v>
      </c>
      <c r="AI5219">
        <v>88368.441879999998</v>
      </c>
      <c r="AJ5219">
        <v>26777.997200000002</v>
      </c>
      <c r="AK5219">
        <v>37024.946799999998</v>
      </c>
      <c r="AL5219">
        <v>93703.695019999999</v>
      </c>
      <c r="AM5219">
        <v>22381.591759999999</v>
      </c>
      <c r="AN5219">
        <v>111790.24589999999</v>
      </c>
      <c r="AO5219">
        <v>25130.280289999999</v>
      </c>
      <c r="AP5219">
        <v>25382.987499999999</v>
      </c>
    </row>
    <row r="5220" spans="2:42" x14ac:dyDescent="0.3">
      <c r="B5220">
        <v>67.921411160512477</v>
      </c>
      <c r="C5220" s="83">
        <v>43318.416666666664</v>
      </c>
      <c r="D5220">
        <v>198120.48149999999</v>
      </c>
      <c r="E5220">
        <v>33538.583659999997</v>
      </c>
      <c r="F5220">
        <v>100379.6874</v>
      </c>
      <c r="G5220">
        <v>34458.049460000002</v>
      </c>
      <c r="H5220">
        <v>46972.920559999999</v>
      </c>
      <c r="I5220">
        <v>32744.89978</v>
      </c>
      <c r="J5220">
        <v>53623.196409999997</v>
      </c>
      <c r="K5220">
        <v>62111.34719</v>
      </c>
      <c r="L5220">
        <v>31689.110079999999</v>
      </c>
      <c r="M5220">
        <v>346295.02870000002</v>
      </c>
      <c r="N5220">
        <v>94593.005690000005</v>
      </c>
      <c r="O5220">
        <v>28057.713640000002</v>
      </c>
      <c r="P5220">
        <v>38309.085480000002</v>
      </c>
      <c r="Q5220">
        <v>97070.478310000006</v>
      </c>
      <c r="R5220">
        <v>24370.870330000002</v>
      </c>
      <c r="S5220">
        <v>114881.5768</v>
      </c>
      <c r="T5220">
        <v>27730.550869999999</v>
      </c>
      <c r="U5220">
        <v>25858.266820000001</v>
      </c>
      <c r="W5220" s="83">
        <f>Bühler!N5252</f>
        <v>45509.416666654011</v>
      </c>
      <c r="X5220" s="83">
        <v>43318.416666666664</v>
      </c>
      <c r="Y5220">
        <v>198120.48149999999</v>
      </c>
      <c r="Z5220">
        <v>33538.583659999997</v>
      </c>
      <c r="AA5220">
        <v>100379.6874</v>
      </c>
      <c r="AB5220">
        <v>34458.049460000002</v>
      </c>
      <c r="AC5220">
        <v>46972.920559999999</v>
      </c>
      <c r="AD5220">
        <v>32744.89978</v>
      </c>
      <c r="AE5220">
        <v>53623.196409999997</v>
      </c>
      <c r="AF5220">
        <v>62111.34719</v>
      </c>
      <c r="AG5220">
        <v>31689.110079999999</v>
      </c>
      <c r="AH5220">
        <v>346295.02870000002</v>
      </c>
      <c r="AI5220">
        <v>94593.005690000005</v>
      </c>
      <c r="AJ5220">
        <v>28057.713640000002</v>
      </c>
      <c r="AK5220">
        <v>38309.085480000002</v>
      </c>
      <c r="AL5220">
        <v>97070.478310000006</v>
      </c>
      <c r="AM5220">
        <v>24370.870330000002</v>
      </c>
      <c r="AN5220">
        <v>114881.5768</v>
      </c>
      <c r="AO5220">
        <v>27730.550869999999</v>
      </c>
      <c r="AP5220">
        <v>25858.266820000001</v>
      </c>
    </row>
    <row r="5221" spans="2:42" x14ac:dyDescent="0.3">
      <c r="B5221">
        <v>69.383684871853745</v>
      </c>
      <c r="C5221" s="83">
        <v>43318.458333333336</v>
      </c>
      <c r="D5221">
        <v>199980.39170000001</v>
      </c>
      <c r="E5221">
        <v>34285.039389999998</v>
      </c>
      <c r="F5221">
        <v>102661.1581</v>
      </c>
      <c r="G5221">
        <v>35446.86249</v>
      </c>
      <c r="H5221">
        <v>47585.922630000001</v>
      </c>
      <c r="I5221">
        <v>33244.49237</v>
      </c>
      <c r="J5221">
        <v>54036.673369999997</v>
      </c>
      <c r="K5221">
        <v>62734.615989999998</v>
      </c>
      <c r="L5221">
        <v>33098.010260000003</v>
      </c>
      <c r="M5221">
        <v>353750.38199999998</v>
      </c>
      <c r="N5221">
        <v>95972.320890000003</v>
      </c>
      <c r="O5221">
        <v>26675.321380000001</v>
      </c>
      <c r="P5221">
        <v>37692.889000000003</v>
      </c>
      <c r="Q5221">
        <v>98614.275899999993</v>
      </c>
      <c r="R5221">
        <v>26163.379509999999</v>
      </c>
      <c r="S5221">
        <v>119819.41069999999</v>
      </c>
      <c r="T5221">
        <v>28305.545910000001</v>
      </c>
      <c r="U5221">
        <v>25763.911059999999</v>
      </c>
      <c r="W5221" s="83">
        <f>Bühler!N5253</f>
        <v>45509.458333320676</v>
      </c>
      <c r="X5221" s="83">
        <v>43318.458333333336</v>
      </c>
      <c r="Y5221">
        <v>199980.39170000001</v>
      </c>
      <c r="Z5221">
        <v>34285.039389999998</v>
      </c>
      <c r="AA5221">
        <v>102661.1581</v>
      </c>
      <c r="AB5221">
        <v>35446.86249</v>
      </c>
      <c r="AC5221">
        <v>47585.922630000001</v>
      </c>
      <c r="AD5221">
        <v>33244.49237</v>
      </c>
      <c r="AE5221">
        <v>54036.673369999997</v>
      </c>
      <c r="AF5221">
        <v>62734.615989999998</v>
      </c>
      <c r="AG5221">
        <v>33098.010260000003</v>
      </c>
      <c r="AH5221">
        <v>353750.38199999998</v>
      </c>
      <c r="AI5221">
        <v>95972.320890000003</v>
      </c>
      <c r="AJ5221">
        <v>26675.321380000001</v>
      </c>
      <c r="AK5221">
        <v>37692.889000000003</v>
      </c>
      <c r="AL5221">
        <v>98614.275899999993</v>
      </c>
      <c r="AM5221">
        <v>26163.379509999999</v>
      </c>
      <c r="AN5221">
        <v>119819.41069999999</v>
      </c>
      <c r="AO5221">
        <v>28305.545910000001</v>
      </c>
      <c r="AP5221">
        <v>25763.911059999999</v>
      </c>
    </row>
    <row r="5222" spans="2:42" x14ac:dyDescent="0.3">
      <c r="B5222">
        <v>70.003404565597577</v>
      </c>
      <c r="C5222" s="83">
        <v>43318.5</v>
      </c>
      <c r="D5222">
        <v>194562.15169999999</v>
      </c>
      <c r="E5222">
        <v>31808.83224</v>
      </c>
      <c r="F5222">
        <v>97257.651060000004</v>
      </c>
      <c r="G5222">
        <v>36036.409149999999</v>
      </c>
      <c r="H5222">
        <v>47294.174030000002</v>
      </c>
      <c r="I5222">
        <v>32707.4519</v>
      </c>
      <c r="J5222">
        <v>54774.808360000003</v>
      </c>
      <c r="K5222">
        <v>60335.81753</v>
      </c>
      <c r="L5222">
        <v>36450.564330000001</v>
      </c>
      <c r="M5222">
        <v>356910.00199999998</v>
      </c>
      <c r="N5222">
        <v>94312.213390000004</v>
      </c>
      <c r="O5222">
        <v>26462.029640000001</v>
      </c>
      <c r="P5222">
        <v>38769.651890000001</v>
      </c>
      <c r="Q5222">
        <v>99533.065480000005</v>
      </c>
      <c r="R5222">
        <v>25980.160919999998</v>
      </c>
      <c r="S5222">
        <v>116368.1493</v>
      </c>
      <c r="T5222">
        <v>27687.797350000001</v>
      </c>
      <c r="U5222">
        <v>22508.76296</v>
      </c>
      <c r="W5222" s="83">
        <f>Bühler!N5254</f>
        <v>45509.49999998734</v>
      </c>
      <c r="X5222" s="83">
        <v>43318.5</v>
      </c>
      <c r="Y5222">
        <v>194562.15169999999</v>
      </c>
      <c r="Z5222">
        <v>31808.83224</v>
      </c>
      <c r="AA5222">
        <v>97257.651060000004</v>
      </c>
      <c r="AB5222">
        <v>36036.409149999999</v>
      </c>
      <c r="AC5222">
        <v>47294.174030000002</v>
      </c>
      <c r="AD5222">
        <v>32707.4519</v>
      </c>
      <c r="AE5222">
        <v>54774.808360000003</v>
      </c>
      <c r="AF5222">
        <v>60335.81753</v>
      </c>
      <c r="AG5222">
        <v>36450.564330000001</v>
      </c>
      <c r="AH5222">
        <v>356910.00199999998</v>
      </c>
      <c r="AI5222">
        <v>94312.213390000004</v>
      </c>
      <c r="AJ5222">
        <v>26462.029640000001</v>
      </c>
      <c r="AK5222">
        <v>38769.651890000001</v>
      </c>
      <c r="AL5222">
        <v>99533.065480000005</v>
      </c>
      <c r="AM5222">
        <v>25980.160919999998</v>
      </c>
      <c r="AN5222">
        <v>116368.1493</v>
      </c>
      <c r="AO5222">
        <v>27687.797350000001</v>
      </c>
      <c r="AP5222">
        <v>22508.76296</v>
      </c>
    </row>
    <row r="5223" spans="2:42" x14ac:dyDescent="0.3">
      <c r="B5223">
        <v>70.565129799798413</v>
      </c>
      <c r="C5223" s="83">
        <v>43318.541666666664</v>
      </c>
      <c r="D5223">
        <v>194727.38389999999</v>
      </c>
      <c r="E5223">
        <v>32744.411629999999</v>
      </c>
      <c r="F5223">
        <v>93985.8851</v>
      </c>
      <c r="G5223">
        <v>36344.32591</v>
      </c>
      <c r="H5223">
        <v>47546.201930000003</v>
      </c>
      <c r="I5223">
        <v>32938.43419</v>
      </c>
      <c r="J5223">
        <v>54502.059639999999</v>
      </c>
      <c r="K5223">
        <v>62221.655740000002</v>
      </c>
      <c r="L5223">
        <v>36009.800089999997</v>
      </c>
      <c r="M5223">
        <v>359773.93920000002</v>
      </c>
      <c r="N5223">
        <v>94760.937049999993</v>
      </c>
      <c r="O5223">
        <v>28128.517199999998</v>
      </c>
      <c r="P5223">
        <v>39012.505440000001</v>
      </c>
      <c r="Q5223">
        <v>99499.630999999994</v>
      </c>
      <c r="R5223">
        <v>26087.03558</v>
      </c>
      <c r="S5223">
        <v>116505.0643</v>
      </c>
      <c r="T5223">
        <v>28274.239819999999</v>
      </c>
      <c r="U5223">
        <v>24970.29881</v>
      </c>
      <c r="W5223" s="83">
        <f>Bühler!N5255</f>
        <v>45509.541666654004</v>
      </c>
      <c r="X5223" s="83">
        <v>43318.541666666664</v>
      </c>
      <c r="Y5223">
        <v>194727.38389999999</v>
      </c>
      <c r="Z5223">
        <v>32744.411629999999</v>
      </c>
      <c r="AA5223">
        <v>93985.8851</v>
      </c>
      <c r="AB5223">
        <v>36344.32591</v>
      </c>
      <c r="AC5223">
        <v>47546.201930000003</v>
      </c>
      <c r="AD5223">
        <v>32938.43419</v>
      </c>
      <c r="AE5223">
        <v>54502.059639999999</v>
      </c>
      <c r="AF5223">
        <v>62221.655740000002</v>
      </c>
      <c r="AG5223">
        <v>36009.800089999997</v>
      </c>
      <c r="AH5223">
        <v>359773.93920000002</v>
      </c>
      <c r="AI5223">
        <v>94760.937049999993</v>
      </c>
      <c r="AJ5223">
        <v>28128.517199999998</v>
      </c>
      <c r="AK5223">
        <v>39012.505440000001</v>
      </c>
      <c r="AL5223">
        <v>99499.630999999994</v>
      </c>
      <c r="AM5223">
        <v>26087.03558</v>
      </c>
      <c r="AN5223">
        <v>116505.0643</v>
      </c>
      <c r="AO5223">
        <v>28274.239819999999</v>
      </c>
      <c r="AP5223">
        <v>24970.29881</v>
      </c>
    </row>
    <row r="5224" spans="2:42" x14ac:dyDescent="0.3">
      <c r="B5224">
        <v>71.048686723517221</v>
      </c>
      <c r="C5224" s="83">
        <v>43318.583333333336</v>
      </c>
      <c r="D5224">
        <v>196815.40969999999</v>
      </c>
      <c r="E5224">
        <v>35761.776389999999</v>
      </c>
      <c r="F5224">
        <v>102738.9304</v>
      </c>
      <c r="G5224">
        <v>36788.787109999997</v>
      </c>
      <c r="H5224">
        <v>48083.371350000001</v>
      </c>
      <c r="I5224">
        <v>33530.153359999997</v>
      </c>
      <c r="J5224">
        <v>54694.372750000002</v>
      </c>
      <c r="K5224">
        <v>64268.198230000002</v>
      </c>
      <c r="L5224">
        <v>33710.649770000004</v>
      </c>
      <c r="M5224">
        <v>362239.33789999998</v>
      </c>
      <c r="N5224">
        <v>97771.457689999996</v>
      </c>
      <c r="O5224">
        <v>27956.2814</v>
      </c>
      <c r="P5224">
        <v>36103.61522</v>
      </c>
      <c r="Q5224">
        <v>99444.192150000003</v>
      </c>
      <c r="R5224">
        <v>26354.964230000001</v>
      </c>
      <c r="S5224">
        <v>116130.0695</v>
      </c>
      <c r="T5224">
        <v>27851.228159999999</v>
      </c>
      <c r="U5224">
        <v>25588.61911</v>
      </c>
      <c r="W5224" s="83">
        <f>Bühler!N5256</f>
        <v>45509.583333320668</v>
      </c>
      <c r="X5224" s="83">
        <v>43318.583333333336</v>
      </c>
      <c r="Y5224">
        <v>196815.40969999999</v>
      </c>
      <c r="Z5224">
        <v>35761.776389999999</v>
      </c>
      <c r="AA5224">
        <v>102738.9304</v>
      </c>
      <c r="AB5224">
        <v>36788.787109999997</v>
      </c>
      <c r="AC5224">
        <v>48083.371350000001</v>
      </c>
      <c r="AD5224">
        <v>33530.153359999997</v>
      </c>
      <c r="AE5224">
        <v>54694.372750000002</v>
      </c>
      <c r="AF5224">
        <v>64268.198230000002</v>
      </c>
      <c r="AG5224">
        <v>33710.649770000004</v>
      </c>
      <c r="AH5224">
        <v>362239.33789999998</v>
      </c>
      <c r="AI5224">
        <v>97771.457689999996</v>
      </c>
      <c r="AJ5224">
        <v>27956.2814</v>
      </c>
      <c r="AK5224">
        <v>36103.61522</v>
      </c>
      <c r="AL5224">
        <v>99444.192150000003</v>
      </c>
      <c r="AM5224">
        <v>26354.964230000001</v>
      </c>
      <c r="AN5224">
        <v>116130.0695</v>
      </c>
      <c r="AO5224">
        <v>27851.228159999999</v>
      </c>
      <c r="AP5224">
        <v>25588.61911</v>
      </c>
    </row>
    <row r="5225" spans="2:42" x14ac:dyDescent="0.3">
      <c r="B5225">
        <v>71.201160673105335</v>
      </c>
      <c r="C5225" s="83">
        <v>43318.625</v>
      </c>
      <c r="D5225">
        <v>194928.67189999999</v>
      </c>
      <c r="E5225">
        <v>35881.146809999998</v>
      </c>
      <c r="F5225">
        <v>105771.25900000001</v>
      </c>
      <c r="G5225">
        <v>36924.503709999997</v>
      </c>
      <c r="H5225">
        <v>47692.992330000001</v>
      </c>
      <c r="I5225">
        <v>34646.158530000001</v>
      </c>
      <c r="J5225">
        <v>54684.645620000003</v>
      </c>
      <c r="K5225">
        <v>63524.690949999997</v>
      </c>
      <c r="L5225">
        <v>31769.798490000001</v>
      </c>
      <c r="M5225">
        <v>363016.72120000003</v>
      </c>
      <c r="N5225">
        <v>97049.456200000001</v>
      </c>
      <c r="O5225">
        <v>26847.045750000001</v>
      </c>
      <c r="P5225">
        <v>34031.136109999999</v>
      </c>
      <c r="Q5225">
        <v>99892.732699999993</v>
      </c>
      <c r="R5225">
        <v>26772.56349</v>
      </c>
      <c r="S5225">
        <v>115534.36320000001</v>
      </c>
      <c r="T5225">
        <v>27938.582340000001</v>
      </c>
      <c r="U5225">
        <v>24813.87444</v>
      </c>
      <c r="W5225" s="83">
        <f>Bühler!N5257</f>
        <v>45509.624999987333</v>
      </c>
      <c r="X5225" s="83">
        <v>43318.625</v>
      </c>
      <c r="Y5225">
        <v>194928.67189999999</v>
      </c>
      <c r="Z5225">
        <v>35881.146809999998</v>
      </c>
      <c r="AA5225">
        <v>105771.25900000001</v>
      </c>
      <c r="AB5225">
        <v>36924.503709999997</v>
      </c>
      <c r="AC5225">
        <v>47692.992330000001</v>
      </c>
      <c r="AD5225">
        <v>34646.158530000001</v>
      </c>
      <c r="AE5225">
        <v>54684.645620000003</v>
      </c>
      <c r="AF5225">
        <v>63524.690949999997</v>
      </c>
      <c r="AG5225">
        <v>31769.798490000001</v>
      </c>
      <c r="AH5225">
        <v>363016.72120000003</v>
      </c>
      <c r="AI5225">
        <v>97049.456200000001</v>
      </c>
      <c r="AJ5225">
        <v>26847.045750000001</v>
      </c>
      <c r="AK5225">
        <v>34031.136109999999</v>
      </c>
      <c r="AL5225">
        <v>99892.732699999993</v>
      </c>
      <c r="AM5225">
        <v>26772.56349</v>
      </c>
      <c r="AN5225">
        <v>115534.36320000001</v>
      </c>
      <c r="AO5225">
        <v>27938.582340000001</v>
      </c>
      <c r="AP5225">
        <v>24813.87444</v>
      </c>
    </row>
    <row r="5226" spans="2:42" x14ac:dyDescent="0.3">
      <c r="B5226">
        <v>69.527177905038968</v>
      </c>
      <c r="C5226" s="83">
        <v>43318.666666666664</v>
      </c>
      <c r="D5226">
        <v>188139.8756</v>
      </c>
      <c r="E5226">
        <v>35388.36118</v>
      </c>
      <c r="F5226">
        <v>104748.7184</v>
      </c>
      <c r="G5226">
        <v>36550.280579999999</v>
      </c>
      <c r="H5226">
        <v>47098.214</v>
      </c>
      <c r="I5226">
        <v>35077.718520000002</v>
      </c>
      <c r="J5226">
        <v>54094.145040000003</v>
      </c>
      <c r="K5226">
        <v>59535.532469999998</v>
      </c>
      <c r="L5226">
        <v>30452.096580000001</v>
      </c>
      <c r="M5226">
        <v>354481.97639999999</v>
      </c>
      <c r="N5226">
        <v>94316.07015</v>
      </c>
      <c r="O5226">
        <v>26479.663349999999</v>
      </c>
      <c r="P5226">
        <v>34266.595379999999</v>
      </c>
      <c r="Q5226">
        <v>99641.041389999999</v>
      </c>
      <c r="R5226">
        <v>25180.615170000001</v>
      </c>
      <c r="S5226">
        <v>114142.6293</v>
      </c>
      <c r="T5226">
        <v>27545.898929999999</v>
      </c>
      <c r="U5226">
        <v>22818.84217</v>
      </c>
      <c r="W5226" s="83">
        <f>Bühler!N5258</f>
        <v>45509.666666653997</v>
      </c>
      <c r="X5226" s="83">
        <v>43318.666666666664</v>
      </c>
      <c r="Y5226">
        <v>188139.8756</v>
      </c>
      <c r="Z5226">
        <v>35388.36118</v>
      </c>
      <c r="AA5226">
        <v>104748.7184</v>
      </c>
      <c r="AB5226">
        <v>36550.280579999999</v>
      </c>
      <c r="AC5226">
        <v>47098.214</v>
      </c>
      <c r="AD5226">
        <v>35077.718520000002</v>
      </c>
      <c r="AE5226">
        <v>54094.145040000003</v>
      </c>
      <c r="AF5226">
        <v>59535.532469999998</v>
      </c>
      <c r="AG5226">
        <v>30452.096580000001</v>
      </c>
      <c r="AH5226">
        <v>354481.97639999999</v>
      </c>
      <c r="AI5226">
        <v>94316.07015</v>
      </c>
      <c r="AJ5226">
        <v>26479.663349999999</v>
      </c>
      <c r="AK5226">
        <v>34266.595379999999</v>
      </c>
      <c r="AL5226">
        <v>99641.041389999999</v>
      </c>
      <c r="AM5226">
        <v>25180.615170000001</v>
      </c>
      <c r="AN5226">
        <v>114142.6293</v>
      </c>
      <c r="AO5226">
        <v>27545.898929999999</v>
      </c>
      <c r="AP5226">
        <v>22818.84217</v>
      </c>
    </row>
    <row r="5227" spans="2:42" x14ac:dyDescent="0.3">
      <c r="B5227">
        <v>68.051068758633718</v>
      </c>
      <c r="C5227" s="83">
        <v>43318.708333333336</v>
      </c>
      <c r="D5227">
        <v>181149.389</v>
      </c>
      <c r="E5227">
        <v>33524.624530000001</v>
      </c>
      <c r="F5227">
        <v>103923.8719</v>
      </c>
      <c r="G5227">
        <v>35248.578699999998</v>
      </c>
      <c r="H5227">
        <v>45473.844720000001</v>
      </c>
      <c r="I5227">
        <v>34790.310519999999</v>
      </c>
      <c r="J5227">
        <v>54498.224840000003</v>
      </c>
      <c r="K5227">
        <v>55337.91446</v>
      </c>
      <c r="L5227">
        <v>30178.04693</v>
      </c>
      <c r="M5227">
        <v>346956.08360000001</v>
      </c>
      <c r="N5227">
        <v>90788.856690000001</v>
      </c>
      <c r="O5227">
        <v>25663.91778</v>
      </c>
      <c r="P5227">
        <v>35488.63278</v>
      </c>
      <c r="Q5227">
        <v>97306.747990000003</v>
      </c>
      <c r="R5227">
        <v>26145.057939999999</v>
      </c>
      <c r="S5227">
        <v>110252.1969</v>
      </c>
      <c r="T5227">
        <v>26937.539100000002</v>
      </c>
      <c r="U5227">
        <v>21328.708490000001</v>
      </c>
      <c r="W5227" s="83">
        <f>Bühler!N5259</f>
        <v>45509.708333320661</v>
      </c>
      <c r="X5227" s="83">
        <v>43318.708333333336</v>
      </c>
      <c r="Y5227">
        <v>181149.389</v>
      </c>
      <c r="Z5227">
        <v>33524.624530000001</v>
      </c>
      <c r="AA5227">
        <v>103923.8719</v>
      </c>
      <c r="AB5227">
        <v>35248.578699999998</v>
      </c>
      <c r="AC5227">
        <v>45473.844720000001</v>
      </c>
      <c r="AD5227">
        <v>34790.310519999999</v>
      </c>
      <c r="AE5227">
        <v>54498.224840000003</v>
      </c>
      <c r="AF5227">
        <v>55337.91446</v>
      </c>
      <c r="AG5227">
        <v>30178.04693</v>
      </c>
      <c r="AH5227">
        <v>346956.08360000001</v>
      </c>
      <c r="AI5227">
        <v>90788.856690000001</v>
      </c>
      <c r="AJ5227">
        <v>25663.91778</v>
      </c>
      <c r="AK5227">
        <v>35488.63278</v>
      </c>
      <c r="AL5227">
        <v>97306.747990000003</v>
      </c>
      <c r="AM5227">
        <v>26145.057939999999</v>
      </c>
      <c r="AN5227">
        <v>110252.1969</v>
      </c>
      <c r="AO5227">
        <v>26937.539100000002</v>
      </c>
      <c r="AP5227">
        <v>21328.708490000001</v>
      </c>
    </row>
    <row r="5228" spans="2:42" x14ac:dyDescent="0.3">
      <c r="B5228">
        <v>66.826119630577992</v>
      </c>
      <c r="C5228" s="83">
        <v>43318.75</v>
      </c>
      <c r="D5228">
        <v>177120.85649999999</v>
      </c>
      <c r="E5228">
        <v>30528.649649999999</v>
      </c>
      <c r="F5228">
        <v>101953.73020000001</v>
      </c>
      <c r="G5228">
        <v>33459.328529999999</v>
      </c>
      <c r="H5228">
        <v>43514.176140000003</v>
      </c>
      <c r="I5228">
        <v>33920.867709999999</v>
      </c>
      <c r="J5228">
        <v>55365.074860000001</v>
      </c>
      <c r="K5228">
        <v>53583.224829999999</v>
      </c>
      <c r="L5228">
        <v>31177.923340000001</v>
      </c>
      <c r="M5228">
        <v>340710.72169999999</v>
      </c>
      <c r="N5228">
        <v>87334.525500000003</v>
      </c>
      <c r="O5228">
        <v>23937.74422</v>
      </c>
      <c r="P5228">
        <v>38729.3508</v>
      </c>
      <c r="Q5228">
        <v>96056.755430000005</v>
      </c>
      <c r="R5228">
        <v>24650.616900000001</v>
      </c>
      <c r="S5228">
        <v>103486.8881</v>
      </c>
      <c r="T5228">
        <v>26479.154289999999</v>
      </c>
      <c r="U5228">
        <v>20375.362509999999</v>
      </c>
      <c r="W5228" s="83">
        <f>Bühler!N5260</f>
        <v>45509.749999987325</v>
      </c>
      <c r="X5228" s="83">
        <v>43318.75</v>
      </c>
      <c r="Y5228">
        <v>177120.85649999999</v>
      </c>
      <c r="Z5228">
        <v>30528.649649999999</v>
      </c>
      <c r="AA5228">
        <v>101953.73020000001</v>
      </c>
      <c r="AB5228">
        <v>33459.328529999999</v>
      </c>
      <c r="AC5228">
        <v>43514.176140000003</v>
      </c>
      <c r="AD5228">
        <v>33920.867709999999</v>
      </c>
      <c r="AE5228">
        <v>55365.074860000001</v>
      </c>
      <c r="AF5228">
        <v>53583.224829999999</v>
      </c>
      <c r="AG5228">
        <v>31177.923340000001</v>
      </c>
      <c r="AH5228">
        <v>340710.72169999999</v>
      </c>
      <c r="AI5228">
        <v>87334.525500000003</v>
      </c>
      <c r="AJ5228">
        <v>23937.74422</v>
      </c>
      <c r="AK5228">
        <v>38729.3508</v>
      </c>
      <c r="AL5228">
        <v>96056.755430000005</v>
      </c>
      <c r="AM5228">
        <v>24650.616900000001</v>
      </c>
      <c r="AN5228">
        <v>103486.8881</v>
      </c>
      <c r="AO5228">
        <v>26479.154289999999</v>
      </c>
      <c r="AP5228">
        <v>20375.362509999999</v>
      </c>
    </row>
    <row r="5229" spans="2:42" x14ac:dyDescent="0.3">
      <c r="B5229">
        <v>65.940520256734104</v>
      </c>
      <c r="C5229" s="83">
        <v>43318.791666666664</v>
      </c>
      <c r="D5229">
        <v>173762.02650000001</v>
      </c>
      <c r="E5229">
        <v>24521.63996</v>
      </c>
      <c r="F5229">
        <v>91739.639469999995</v>
      </c>
      <c r="G5229">
        <v>32159.45033</v>
      </c>
      <c r="H5229">
        <v>41127.989289999998</v>
      </c>
      <c r="I5229">
        <v>32301.102510000001</v>
      </c>
      <c r="J5229">
        <v>54614.200599999996</v>
      </c>
      <c r="K5229">
        <v>54498.304900000003</v>
      </c>
      <c r="L5229">
        <v>31071.515090000001</v>
      </c>
      <c r="M5229">
        <v>336195.52309999999</v>
      </c>
      <c r="N5229">
        <v>85103.296789999993</v>
      </c>
      <c r="O5229">
        <v>22571.781029999998</v>
      </c>
      <c r="P5229">
        <v>41655.115839999999</v>
      </c>
      <c r="Q5229">
        <v>94231.325549999994</v>
      </c>
      <c r="R5229">
        <v>23244.974259999999</v>
      </c>
      <c r="S5229">
        <v>98164.395390000005</v>
      </c>
      <c r="T5229">
        <v>25749.917570000001</v>
      </c>
      <c r="U5229">
        <v>19633.758989999998</v>
      </c>
      <c r="W5229" s="83">
        <f>Bühler!N5261</f>
        <v>45509.79166665399</v>
      </c>
      <c r="X5229" s="83">
        <v>43318.791666666664</v>
      </c>
      <c r="Y5229">
        <v>173762.02650000001</v>
      </c>
      <c r="Z5229">
        <v>24521.63996</v>
      </c>
      <c r="AA5229">
        <v>91739.639469999995</v>
      </c>
      <c r="AB5229">
        <v>32159.45033</v>
      </c>
      <c r="AC5229">
        <v>41127.989289999998</v>
      </c>
      <c r="AD5229">
        <v>32301.102510000001</v>
      </c>
      <c r="AE5229">
        <v>54614.200599999996</v>
      </c>
      <c r="AF5229">
        <v>54498.304900000003</v>
      </c>
      <c r="AG5229">
        <v>31071.515090000001</v>
      </c>
      <c r="AH5229">
        <v>336195.52309999999</v>
      </c>
      <c r="AI5229">
        <v>85103.296789999993</v>
      </c>
      <c r="AJ5229">
        <v>22571.781029999998</v>
      </c>
      <c r="AK5229">
        <v>41655.115839999999</v>
      </c>
      <c r="AL5229">
        <v>94231.325549999994</v>
      </c>
      <c r="AM5229">
        <v>23244.974259999999</v>
      </c>
      <c r="AN5229">
        <v>98164.395390000005</v>
      </c>
      <c r="AO5229">
        <v>25749.917570000001</v>
      </c>
      <c r="AP5229">
        <v>19633.758989999998</v>
      </c>
    </row>
    <row r="5230" spans="2:42" x14ac:dyDescent="0.3">
      <c r="B5230">
        <v>63.527748773127207</v>
      </c>
      <c r="C5230" s="83">
        <v>43318.833333333336</v>
      </c>
      <c r="D5230">
        <v>167400.9564</v>
      </c>
      <c r="E5230">
        <v>18273.651290000002</v>
      </c>
      <c r="F5230">
        <v>73813.008090000003</v>
      </c>
      <c r="G5230">
        <v>30386.19039</v>
      </c>
      <c r="H5230">
        <v>38207.027549999999</v>
      </c>
      <c r="I5230">
        <v>29428.904979999999</v>
      </c>
      <c r="J5230">
        <v>53474.282870000003</v>
      </c>
      <c r="K5230">
        <v>53455.763350000001</v>
      </c>
      <c r="L5230">
        <v>29656.880420000001</v>
      </c>
      <c r="M5230">
        <v>323894.08889999997</v>
      </c>
      <c r="N5230">
        <v>83843.350919999997</v>
      </c>
      <c r="O5230">
        <v>21325.52965</v>
      </c>
      <c r="P5230">
        <v>41193.174870000003</v>
      </c>
      <c r="Q5230">
        <v>90107.127510000006</v>
      </c>
      <c r="R5230">
        <v>21968.381359999999</v>
      </c>
      <c r="S5230">
        <v>90264.524879999997</v>
      </c>
      <c r="T5230">
        <v>24116.565780000001</v>
      </c>
      <c r="U5230">
        <v>18886.967789999999</v>
      </c>
      <c r="W5230" s="83">
        <f>Bühler!N5262</f>
        <v>45509.833333320654</v>
      </c>
      <c r="X5230" s="83">
        <v>43318.833333333336</v>
      </c>
      <c r="Y5230">
        <v>167400.9564</v>
      </c>
      <c r="Z5230">
        <v>18273.651290000002</v>
      </c>
      <c r="AA5230">
        <v>73813.008090000003</v>
      </c>
      <c r="AB5230">
        <v>30386.19039</v>
      </c>
      <c r="AC5230">
        <v>38207.027549999999</v>
      </c>
      <c r="AD5230">
        <v>29428.904979999999</v>
      </c>
      <c r="AE5230">
        <v>53474.282870000003</v>
      </c>
      <c r="AF5230">
        <v>53455.763350000001</v>
      </c>
      <c r="AG5230">
        <v>29656.880420000001</v>
      </c>
      <c r="AH5230">
        <v>323894.08889999997</v>
      </c>
      <c r="AI5230">
        <v>83843.350919999997</v>
      </c>
      <c r="AJ5230">
        <v>21325.52965</v>
      </c>
      <c r="AK5230">
        <v>41193.174870000003</v>
      </c>
      <c r="AL5230">
        <v>90107.127510000006</v>
      </c>
      <c r="AM5230">
        <v>21968.381359999999</v>
      </c>
      <c r="AN5230">
        <v>90264.524879999997</v>
      </c>
      <c r="AO5230">
        <v>24116.565780000001</v>
      </c>
      <c r="AP5230">
        <v>18886.967789999999</v>
      </c>
    </row>
    <row r="5231" spans="2:42" x14ac:dyDescent="0.3">
      <c r="B5231">
        <v>61.282658635764548</v>
      </c>
      <c r="C5231" s="83">
        <v>43318.875</v>
      </c>
      <c r="D5231">
        <v>161476.87520000001</v>
      </c>
      <c r="E5231">
        <v>15720.16208</v>
      </c>
      <c r="F5231">
        <v>64266.556600000004</v>
      </c>
      <c r="G5231">
        <v>29958.472880000001</v>
      </c>
      <c r="H5231">
        <v>36567.183850000001</v>
      </c>
      <c r="I5231">
        <v>28208.550019999999</v>
      </c>
      <c r="J5231">
        <v>53395.051310000003</v>
      </c>
      <c r="K5231">
        <v>53544.464820000001</v>
      </c>
      <c r="L5231">
        <v>29111.06105</v>
      </c>
      <c r="M5231">
        <v>312447.5724</v>
      </c>
      <c r="N5231">
        <v>81255.378670000006</v>
      </c>
      <c r="O5231">
        <v>20094.03672</v>
      </c>
      <c r="P5231">
        <v>39069.96587</v>
      </c>
      <c r="Q5231">
        <v>87800.732810000001</v>
      </c>
      <c r="R5231">
        <v>20829.08311</v>
      </c>
      <c r="S5231">
        <v>85514.006800000003</v>
      </c>
      <c r="T5231">
        <v>22809.089759999999</v>
      </c>
      <c r="U5231">
        <v>18517.75805</v>
      </c>
      <c r="W5231" s="83">
        <f>Bühler!N5263</f>
        <v>45509.874999987318</v>
      </c>
      <c r="X5231" s="83">
        <v>43318.875</v>
      </c>
      <c r="Y5231">
        <v>161476.87520000001</v>
      </c>
      <c r="Z5231">
        <v>15720.16208</v>
      </c>
      <c r="AA5231">
        <v>64266.556600000004</v>
      </c>
      <c r="AB5231">
        <v>29958.472880000001</v>
      </c>
      <c r="AC5231">
        <v>36567.183850000001</v>
      </c>
      <c r="AD5231">
        <v>28208.550019999999</v>
      </c>
      <c r="AE5231">
        <v>53395.051310000003</v>
      </c>
      <c r="AF5231">
        <v>53544.464820000001</v>
      </c>
      <c r="AG5231">
        <v>29111.06105</v>
      </c>
      <c r="AH5231">
        <v>312447.5724</v>
      </c>
      <c r="AI5231">
        <v>81255.378670000006</v>
      </c>
      <c r="AJ5231">
        <v>20094.03672</v>
      </c>
      <c r="AK5231">
        <v>39069.96587</v>
      </c>
      <c r="AL5231">
        <v>87800.732810000001</v>
      </c>
      <c r="AM5231">
        <v>20829.08311</v>
      </c>
      <c r="AN5231">
        <v>85514.006800000003</v>
      </c>
      <c r="AO5231">
        <v>22809.089759999999</v>
      </c>
      <c r="AP5231">
        <v>18517.75805</v>
      </c>
    </row>
    <row r="5232" spans="2:42" x14ac:dyDescent="0.3">
      <c r="B5232">
        <v>60.576570243971979</v>
      </c>
      <c r="C5232" s="83">
        <v>43318.916666666664</v>
      </c>
      <c r="D5232">
        <v>159145.35800000001</v>
      </c>
      <c r="E5232">
        <v>14618.72178</v>
      </c>
      <c r="F5232">
        <v>61115.892979999997</v>
      </c>
      <c r="G5232">
        <v>29926.92902</v>
      </c>
      <c r="H5232">
        <v>37493.539720000001</v>
      </c>
      <c r="I5232">
        <v>27602.625950000001</v>
      </c>
      <c r="J5232">
        <v>51646.928650000002</v>
      </c>
      <c r="K5232">
        <v>55575.254809999999</v>
      </c>
      <c r="L5232">
        <v>26967.607199999999</v>
      </c>
      <c r="M5232">
        <v>308847.60450000002</v>
      </c>
      <c r="N5232">
        <v>79300.349319999994</v>
      </c>
      <c r="O5232">
        <v>20249.239409999998</v>
      </c>
      <c r="P5232">
        <v>41194.178789999998</v>
      </c>
      <c r="Q5232">
        <v>87125.480530000001</v>
      </c>
      <c r="R5232">
        <v>22250.9509</v>
      </c>
      <c r="S5232">
        <v>84463.765039999998</v>
      </c>
      <c r="T5232">
        <v>20685.277969999999</v>
      </c>
      <c r="U5232">
        <v>18435.29693</v>
      </c>
      <c r="W5232" s="83">
        <f>Bühler!N5264</f>
        <v>45509.916666653982</v>
      </c>
      <c r="X5232" s="83">
        <v>43318.916666666664</v>
      </c>
      <c r="Y5232">
        <v>159145.35800000001</v>
      </c>
      <c r="Z5232">
        <v>14618.72178</v>
      </c>
      <c r="AA5232">
        <v>61115.892979999997</v>
      </c>
      <c r="AB5232">
        <v>29926.92902</v>
      </c>
      <c r="AC5232">
        <v>37493.539720000001</v>
      </c>
      <c r="AD5232">
        <v>27602.625950000001</v>
      </c>
      <c r="AE5232">
        <v>51646.928650000002</v>
      </c>
      <c r="AF5232">
        <v>55575.254809999999</v>
      </c>
      <c r="AG5232">
        <v>26967.607199999999</v>
      </c>
      <c r="AH5232">
        <v>308847.60450000002</v>
      </c>
      <c r="AI5232">
        <v>79300.349319999994</v>
      </c>
      <c r="AJ5232">
        <v>20249.239409999998</v>
      </c>
      <c r="AK5232">
        <v>41194.178789999998</v>
      </c>
      <c r="AL5232">
        <v>87125.480530000001</v>
      </c>
      <c r="AM5232">
        <v>22250.9509</v>
      </c>
      <c r="AN5232">
        <v>84463.765039999998</v>
      </c>
      <c r="AO5232">
        <v>20685.277969999999</v>
      </c>
      <c r="AP5232">
        <v>18435.29693</v>
      </c>
    </row>
    <row r="5233" spans="2:42" x14ac:dyDescent="0.3">
      <c r="B5233">
        <v>59.68983393999828</v>
      </c>
      <c r="C5233" s="83">
        <v>43318.958333333336</v>
      </c>
      <c r="D5233">
        <v>157823.89019999999</v>
      </c>
      <c r="E5233">
        <v>14009.03407</v>
      </c>
      <c r="F5233">
        <v>59674.629840000001</v>
      </c>
      <c r="G5233">
        <v>29731.765319999999</v>
      </c>
      <c r="H5233">
        <v>36267.723039999997</v>
      </c>
      <c r="I5233">
        <v>26790.837889999999</v>
      </c>
      <c r="J5233">
        <v>46629.651660000003</v>
      </c>
      <c r="K5233">
        <v>54684.441079999997</v>
      </c>
      <c r="L5233">
        <v>23310.990330000001</v>
      </c>
      <c r="M5233">
        <v>304326.60930000001</v>
      </c>
      <c r="N5233">
        <v>77989.441359999997</v>
      </c>
      <c r="O5233">
        <v>19626.696830000001</v>
      </c>
      <c r="P5233">
        <v>35978.579559999998</v>
      </c>
      <c r="Q5233">
        <v>86485.337950000001</v>
      </c>
      <c r="R5233">
        <v>22110.83381</v>
      </c>
      <c r="S5233">
        <v>81515.346160000001</v>
      </c>
      <c r="T5233">
        <v>19228.41231</v>
      </c>
      <c r="U5233">
        <v>17822.542969999999</v>
      </c>
      <c r="W5233" s="83">
        <f>Bühler!N5265</f>
        <v>45509.958333320646</v>
      </c>
      <c r="X5233" s="83">
        <v>43318.958333333336</v>
      </c>
      <c r="Y5233">
        <v>157823.89019999999</v>
      </c>
      <c r="Z5233">
        <v>14009.03407</v>
      </c>
      <c r="AA5233">
        <v>59674.629840000001</v>
      </c>
      <c r="AB5233">
        <v>29731.765319999999</v>
      </c>
      <c r="AC5233">
        <v>36267.723039999997</v>
      </c>
      <c r="AD5233">
        <v>26790.837889999999</v>
      </c>
      <c r="AE5233">
        <v>46629.651660000003</v>
      </c>
      <c r="AF5233">
        <v>54684.441079999997</v>
      </c>
      <c r="AG5233">
        <v>23310.990330000001</v>
      </c>
      <c r="AH5233">
        <v>304326.60930000001</v>
      </c>
      <c r="AI5233">
        <v>77989.441359999997</v>
      </c>
      <c r="AJ5233">
        <v>19626.696830000001</v>
      </c>
      <c r="AK5233">
        <v>35978.579559999998</v>
      </c>
      <c r="AL5233">
        <v>86485.337950000001</v>
      </c>
      <c r="AM5233">
        <v>22110.83381</v>
      </c>
      <c r="AN5233">
        <v>81515.346160000001</v>
      </c>
      <c r="AO5233">
        <v>19228.41231</v>
      </c>
      <c r="AP5233">
        <v>17822.542969999999</v>
      </c>
    </row>
    <row r="5234" spans="2:42" x14ac:dyDescent="0.3">
      <c r="B5234">
        <v>58.501077460402634</v>
      </c>
      <c r="C5234" s="83">
        <v>43319</v>
      </c>
      <c r="D5234">
        <v>156639.2794</v>
      </c>
      <c r="E5234">
        <v>13580.495870000001</v>
      </c>
      <c r="F5234">
        <v>58195.940979999999</v>
      </c>
      <c r="G5234">
        <v>29182.053500000002</v>
      </c>
      <c r="H5234">
        <v>35668.185429999998</v>
      </c>
      <c r="I5234">
        <v>25005.594730000001</v>
      </c>
      <c r="J5234">
        <v>41795.270940000002</v>
      </c>
      <c r="K5234">
        <v>52094.618649999997</v>
      </c>
      <c r="L5234">
        <v>20241.246190000002</v>
      </c>
      <c r="M5234">
        <v>298265.77439999999</v>
      </c>
      <c r="N5234">
        <v>76669.179550000001</v>
      </c>
      <c r="O5234">
        <v>18188.59836</v>
      </c>
      <c r="P5234">
        <v>31252.725190000001</v>
      </c>
      <c r="Q5234">
        <v>85292.734769999995</v>
      </c>
      <c r="R5234">
        <v>18302.663349999999</v>
      </c>
      <c r="S5234">
        <v>79194.065229999993</v>
      </c>
      <c r="T5234">
        <v>18571.12412</v>
      </c>
      <c r="U5234">
        <v>17499.305270000001</v>
      </c>
      <c r="W5234" s="83">
        <f>Bühler!N5266</f>
        <v>45509.999999987311</v>
      </c>
      <c r="X5234" s="83">
        <v>43319</v>
      </c>
      <c r="Y5234">
        <v>156639.2794</v>
      </c>
      <c r="Z5234">
        <v>13580.495870000001</v>
      </c>
      <c r="AA5234">
        <v>58195.940979999999</v>
      </c>
      <c r="AB5234">
        <v>29182.053500000002</v>
      </c>
      <c r="AC5234">
        <v>35668.185429999998</v>
      </c>
      <c r="AD5234">
        <v>25005.594730000001</v>
      </c>
      <c r="AE5234">
        <v>41795.270940000002</v>
      </c>
      <c r="AF5234">
        <v>52094.618649999997</v>
      </c>
      <c r="AG5234">
        <v>20241.246190000002</v>
      </c>
      <c r="AH5234">
        <v>298265.77439999999</v>
      </c>
      <c r="AI5234">
        <v>76669.179550000001</v>
      </c>
      <c r="AJ5234">
        <v>18188.59836</v>
      </c>
      <c r="AK5234">
        <v>31252.725190000001</v>
      </c>
      <c r="AL5234">
        <v>85292.734769999995</v>
      </c>
      <c r="AM5234">
        <v>18302.663349999999</v>
      </c>
      <c r="AN5234">
        <v>79194.065229999993</v>
      </c>
      <c r="AO5234">
        <v>18571.12412</v>
      </c>
      <c r="AP5234">
        <v>17499.305270000001</v>
      </c>
    </row>
    <row r="5235" spans="2:42" x14ac:dyDescent="0.3">
      <c r="B5235">
        <v>57.997770558308673</v>
      </c>
      <c r="C5235" s="83">
        <v>43319.041666666664</v>
      </c>
      <c r="D5235">
        <v>155066.76449999999</v>
      </c>
      <c r="E5235">
        <v>13228.66489</v>
      </c>
      <c r="F5235">
        <v>57299.444649999998</v>
      </c>
      <c r="G5235">
        <v>28369.21401</v>
      </c>
      <c r="H5235">
        <v>34592.849450000002</v>
      </c>
      <c r="I5235">
        <v>20874.574430000001</v>
      </c>
      <c r="J5235">
        <v>39480.534509999998</v>
      </c>
      <c r="K5235">
        <v>50690.692430000003</v>
      </c>
      <c r="L5235">
        <v>19249.930759999999</v>
      </c>
      <c r="M5235">
        <v>295699.68109999999</v>
      </c>
      <c r="N5235">
        <v>74584.415359999999</v>
      </c>
      <c r="O5235">
        <v>17429.77116</v>
      </c>
      <c r="P5235">
        <v>28254.36649</v>
      </c>
      <c r="Q5235">
        <v>84653.79754</v>
      </c>
      <c r="R5235">
        <v>15907.18593</v>
      </c>
      <c r="S5235">
        <v>77321.245240000004</v>
      </c>
      <c r="T5235">
        <v>18142.471280000002</v>
      </c>
      <c r="U5235">
        <v>16930.966390000001</v>
      </c>
      <c r="W5235" s="83">
        <f>Bühler!N5267</f>
        <v>45510.041666653975</v>
      </c>
      <c r="X5235" s="83">
        <v>43319.041666666664</v>
      </c>
      <c r="Y5235">
        <v>155066.76449999999</v>
      </c>
      <c r="Z5235">
        <v>13228.66489</v>
      </c>
      <c r="AA5235">
        <v>57299.444649999998</v>
      </c>
      <c r="AB5235">
        <v>28369.21401</v>
      </c>
      <c r="AC5235">
        <v>34592.849450000002</v>
      </c>
      <c r="AD5235">
        <v>20874.574430000001</v>
      </c>
      <c r="AE5235">
        <v>39480.534509999998</v>
      </c>
      <c r="AF5235">
        <v>50690.692430000003</v>
      </c>
      <c r="AG5235">
        <v>19249.930759999999</v>
      </c>
      <c r="AH5235">
        <v>295699.68109999999</v>
      </c>
      <c r="AI5235">
        <v>74584.415359999999</v>
      </c>
      <c r="AJ5235">
        <v>17429.77116</v>
      </c>
      <c r="AK5235">
        <v>28254.36649</v>
      </c>
      <c r="AL5235">
        <v>84653.79754</v>
      </c>
      <c r="AM5235">
        <v>15907.18593</v>
      </c>
      <c r="AN5235">
        <v>77321.245240000004</v>
      </c>
      <c r="AO5235">
        <v>18142.471280000002</v>
      </c>
      <c r="AP5235">
        <v>16930.966390000001</v>
      </c>
    </row>
    <row r="5236" spans="2:42" x14ac:dyDescent="0.3">
      <c r="B5236">
        <v>57.467678052301594</v>
      </c>
      <c r="C5236" s="83">
        <v>43319.083333333336</v>
      </c>
      <c r="D5236">
        <v>155003.21230000001</v>
      </c>
      <c r="E5236">
        <v>12761.522010000001</v>
      </c>
      <c r="F5236">
        <v>57401.125359999998</v>
      </c>
      <c r="G5236">
        <v>28238.84088</v>
      </c>
      <c r="H5236">
        <v>34379.137649999997</v>
      </c>
      <c r="I5236">
        <v>18858.986570000001</v>
      </c>
      <c r="J5236">
        <v>38259.76857</v>
      </c>
      <c r="K5236">
        <v>48921.717839999998</v>
      </c>
      <c r="L5236">
        <v>18340.162789999998</v>
      </c>
      <c r="M5236">
        <v>292997.02230000001</v>
      </c>
      <c r="N5236">
        <v>72110.369879999998</v>
      </c>
      <c r="O5236">
        <v>17261.531800000001</v>
      </c>
      <c r="P5236">
        <v>26690.605080000001</v>
      </c>
      <c r="Q5236">
        <v>86725.070059999998</v>
      </c>
      <c r="R5236">
        <v>16181.351060000001</v>
      </c>
      <c r="S5236">
        <v>75856.763170000006</v>
      </c>
      <c r="T5236">
        <v>17598.623100000001</v>
      </c>
      <c r="U5236">
        <v>16797.946629999999</v>
      </c>
      <c r="W5236" s="83">
        <f>Bühler!N5268</f>
        <v>45510.083333320639</v>
      </c>
      <c r="X5236" s="83">
        <v>43319.083333333336</v>
      </c>
      <c r="Y5236">
        <v>155003.21230000001</v>
      </c>
      <c r="Z5236">
        <v>12761.522010000001</v>
      </c>
      <c r="AA5236">
        <v>57401.125359999998</v>
      </c>
      <c r="AB5236">
        <v>28238.84088</v>
      </c>
      <c r="AC5236">
        <v>34379.137649999997</v>
      </c>
      <c r="AD5236">
        <v>18858.986570000001</v>
      </c>
      <c r="AE5236">
        <v>38259.76857</v>
      </c>
      <c r="AF5236">
        <v>48921.717839999998</v>
      </c>
      <c r="AG5236">
        <v>18340.162789999998</v>
      </c>
      <c r="AH5236">
        <v>292997.02230000001</v>
      </c>
      <c r="AI5236">
        <v>72110.369879999998</v>
      </c>
      <c r="AJ5236">
        <v>17261.531800000001</v>
      </c>
      <c r="AK5236">
        <v>26690.605080000001</v>
      </c>
      <c r="AL5236">
        <v>86725.070059999998</v>
      </c>
      <c r="AM5236">
        <v>16181.351060000001</v>
      </c>
      <c r="AN5236">
        <v>75856.763170000006</v>
      </c>
      <c r="AO5236">
        <v>17598.623100000001</v>
      </c>
      <c r="AP5236">
        <v>16797.946629999999</v>
      </c>
    </row>
    <row r="5237" spans="2:42" x14ac:dyDescent="0.3">
      <c r="B5237">
        <v>58.288575361274447</v>
      </c>
      <c r="C5237" s="83">
        <v>43319.125</v>
      </c>
      <c r="D5237">
        <v>154421.28779999999</v>
      </c>
      <c r="E5237">
        <v>12759.96934</v>
      </c>
      <c r="F5237">
        <v>58284.462919999998</v>
      </c>
      <c r="G5237">
        <v>27231.97651</v>
      </c>
      <c r="H5237">
        <v>33974.233180000003</v>
      </c>
      <c r="I5237">
        <v>18293.377349999999</v>
      </c>
      <c r="J5237">
        <v>37264.844169999997</v>
      </c>
      <c r="K5237">
        <v>47303.806420000001</v>
      </c>
      <c r="L5237">
        <v>17693.263169999998</v>
      </c>
      <c r="M5237">
        <v>297182.33960000001</v>
      </c>
      <c r="N5237">
        <v>69664.479900000006</v>
      </c>
      <c r="O5237">
        <v>17077.864089999999</v>
      </c>
      <c r="P5237">
        <v>25965.18965</v>
      </c>
      <c r="Q5237">
        <v>89242.639209999994</v>
      </c>
      <c r="R5237">
        <v>15883.45894</v>
      </c>
      <c r="S5237">
        <v>74478.844129999998</v>
      </c>
      <c r="T5237">
        <v>17345.39126</v>
      </c>
      <c r="U5237">
        <v>16260.43152</v>
      </c>
      <c r="W5237" s="83">
        <f>Bühler!N5269</f>
        <v>45510.124999987303</v>
      </c>
      <c r="X5237" s="83">
        <v>43319.125</v>
      </c>
      <c r="Y5237">
        <v>154421.28779999999</v>
      </c>
      <c r="Z5237">
        <v>12759.96934</v>
      </c>
      <c r="AA5237">
        <v>58284.462919999998</v>
      </c>
      <c r="AB5237">
        <v>27231.97651</v>
      </c>
      <c r="AC5237">
        <v>33974.233180000003</v>
      </c>
      <c r="AD5237">
        <v>18293.377349999999</v>
      </c>
      <c r="AE5237">
        <v>37264.844169999997</v>
      </c>
      <c r="AF5237">
        <v>47303.806420000001</v>
      </c>
      <c r="AG5237">
        <v>17693.263169999998</v>
      </c>
      <c r="AH5237">
        <v>297182.33960000001</v>
      </c>
      <c r="AI5237">
        <v>69664.479900000006</v>
      </c>
      <c r="AJ5237">
        <v>17077.864089999999</v>
      </c>
      <c r="AK5237">
        <v>25965.18965</v>
      </c>
      <c r="AL5237">
        <v>89242.639209999994</v>
      </c>
      <c r="AM5237">
        <v>15883.45894</v>
      </c>
      <c r="AN5237">
        <v>74478.844129999998</v>
      </c>
      <c r="AO5237">
        <v>17345.39126</v>
      </c>
      <c r="AP5237">
        <v>16260.43152</v>
      </c>
    </row>
    <row r="5238" spans="2:42" x14ac:dyDescent="0.3">
      <c r="B5238">
        <v>60.148439870326563</v>
      </c>
      <c r="C5238" s="83">
        <v>43319.166666666664</v>
      </c>
      <c r="D5238">
        <v>156749.72399999999</v>
      </c>
      <c r="E5238">
        <v>13273.86383</v>
      </c>
      <c r="F5238">
        <v>62013.120369999997</v>
      </c>
      <c r="G5238">
        <v>26766.593430000001</v>
      </c>
      <c r="H5238">
        <v>34216.711470000002</v>
      </c>
      <c r="I5238">
        <v>19022.04304</v>
      </c>
      <c r="J5238">
        <v>39309.699379999998</v>
      </c>
      <c r="K5238">
        <v>47132.4015</v>
      </c>
      <c r="L5238">
        <v>16646.13536</v>
      </c>
      <c r="M5238">
        <v>306664.79619999998</v>
      </c>
      <c r="N5238">
        <v>69423.132079999996</v>
      </c>
      <c r="O5238">
        <v>16874.34187</v>
      </c>
      <c r="P5238">
        <v>25492.225559999999</v>
      </c>
      <c r="Q5238">
        <v>93145.983129999993</v>
      </c>
      <c r="R5238">
        <v>15002.408719999999</v>
      </c>
      <c r="S5238">
        <v>75182.665240000002</v>
      </c>
      <c r="T5238">
        <v>17127.822540000001</v>
      </c>
      <c r="U5238">
        <v>16109.47386</v>
      </c>
      <c r="W5238" s="83">
        <f>Bühler!N5270</f>
        <v>45510.166666653968</v>
      </c>
      <c r="X5238" s="83">
        <v>43319.166666666664</v>
      </c>
      <c r="Y5238">
        <v>156749.72399999999</v>
      </c>
      <c r="Z5238">
        <v>13273.86383</v>
      </c>
      <c r="AA5238">
        <v>62013.120369999997</v>
      </c>
      <c r="AB5238">
        <v>26766.593430000001</v>
      </c>
      <c r="AC5238">
        <v>34216.711470000002</v>
      </c>
      <c r="AD5238">
        <v>19022.04304</v>
      </c>
      <c r="AE5238">
        <v>39309.699379999998</v>
      </c>
      <c r="AF5238">
        <v>47132.4015</v>
      </c>
      <c r="AG5238">
        <v>16646.13536</v>
      </c>
      <c r="AH5238">
        <v>306664.79619999998</v>
      </c>
      <c r="AI5238">
        <v>69423.132079999996</v>
      </c>
      <c r="AJ5238">
        <v>16874.34187</v>
      </c>
      <c r="AK5238">
        <v>25492.225559999999</v>
      </c>
      <c r="AL5238">
        <v>93145.983129999993</v>
      </c>
      <c r="AM5238">
        <v>15002.408719999999</v>
      </c>
      <c r="AN5238">
        <v>75182.665240000002</v>
      </c>
      <c r="AO5238">
        <v>17127.822540000001</v>
      </c>
      <c r="AP5238">
        <v>16109.47386</v>
      </c>
    </row>
    <row r="5239" spans="2:42" x14ac:dyDescent="0.3">
      <c r="B5239">
        <v>63.289195310492509</v>
      </c>
      <c r="C5239" s="83">
        <v>43319.208333333336</v>
      </c>
      <c r="D5239">
        <v>167059.85920000001</v>
      </c>
      <c r="E5239">
        <v>14815.04163</v>
      </c>
      <c r="F5239">
        <v>72059.470610000004</v>
      </c>
      <c r="G5239">
        <v>27328.490399999999</v>
      </c>
      <c r="H5239">
        <v>35952.712820000001</v>
      </c>
      <c r="I5239">
        <v>24447.931680000002</v>
      </c>
      <c r="J5239">
        <v>42867.46789</v>
      </c>
      <c r="K5239">
        <v>47471.94889</v>
      </c>
      <c r="L5239">
        <v>17432.909060000002</v>
      </c>
      <c r="M5239">
        <v>322677.8321</v>
      </c>
      <c r="N5239">
        <v>71288.076620000007</v>
      </c>
      <c r="O5239">
        <v>18035.409619999999</v>
      </c>
      <c r="P5239">
        <v>26541.476879999998</v>
      </c>
      <c r="Q5239">
        <v>94975.357300000003</v>
      </c>
      <c r="R5239">
        <v>17796.986000000001</v>
      </c>
      <c r="S5239">
        <v>76632.217829999994</v>
      </c>
      <c r="T5239">
        <v>17985.93449</v>
      </c>
      <c r="U5239">
        <v>17722.49267</v>
      </c>
      <c r="W5239" s="83">
        <f>Bühler!N5271</f>
        <v>45510.208333320632</v>
      </c>
      <c r="X5239" s="83">
        <v>43319.208333333336</v>
      </c>
      <c r="Y5239">
        <v>167059.85920000001</v>
      </c>
      <c r="Z5239">
        <v>14815.04163</v>
      </c>
      <c r="AA5239">
        <v>72059.470610000004</v>
      </c>
      <c r="AB5239">
        <v>27328.490399999999</v>
      </c>
      <c r="AC5239">
        <v>35952.712820000001</v>
      </c>
      <c r="AD5239">
        <v>24447.931680000002</v>
      </c>
      <c r="AE5239">
        <v>42867.46789</v>
      </c>
      <c r="AF5239">
        <v>47471.94889</v>
      </c>
      <c r="AG5239">
        <v>17432.909060000002</v>
      </c>
      <c r="AH5239">
        <v>322677.8321</v>
      </c>
      <c r="AI5239">
        <v>71288.076620000007</v>
      </c>
      <c r="AJ5239">
        <v>18035.409619999999</v>
      </c>
      <c r="AK5239">
        <v>26541.476879999998</v>
      </c>
      <c r="AL5239">
        <v>94975.357300000003</v>
      </c>
      <c r="AM5239">
        <v>17796.986000000001</v>
      </c>
      <c r="AN5239">
        <v>76632.217829999994</v>
      </c>
      <c r="AO5239">
        <v>17985.93449</v>
      </c>
      <c r="AP5239">
        <v>17722.49267</v>
      </c>
    </row>
    <row r="5240" spans="2:42" x14ac:dyDescent="0.3">
      <c r="B5240">
        <v>65.4111135648063</v>
      </c>
      <c r="C5240" s="83">
        <v>43319.25</v>
      </c>
      <c r="D5240">
        <v>179118.3101</v>
      </c>
      <c r="E5240">
        <v>18052.38422</v>
      </c>
      <c r="F5240">
        <v>83214.709870000006</v>
      </c>
      <c r="G5240">
        <v>28413.114880000001</v>
      </c>
      <c r="H5240">
        <v>37279.636109999999</v>
      </c>
      <c r="I5240">
        <v>28369.81582</v>
      </c>
      <c r="J5240">
        <v>45880.273200000003</v>
      </c>
      <c r="K5240">
        <v>49398.416949999999</v>
      </c>
      <c r="L5240">
        <v>19283.240720000002</v>
      </c>
      <c r="M5240">
        <v>333496.36090000003</v>
      </c>
      <c r="N5240">
        <v>74792.879190000007</v>
      </c>
      <c r="O5240">
        <v>19134.387610000002</v>
      </c>
      <c r="P5240">
        <v>27887.782360000001</v>
      </c>
      <c r="Q5240">
        <v>95991.052339999995</v>
      </c>
      <c r="R5240">
        <v>17982.339810000001</v>
      </c>
      <c r="S5240">
        <v>83831.331649999993</v>
      </c>
      <c r="T5240">
        <v>19602.014360000001</v>
      </c>
      <c r="U5240">
        <v>19523.328750000001</v>
      </c>
      <c r="W5240" s="83">
        <f>Bühler!N5272</f>
        <v>45510.249999987296</v>
      </c>
      <c r="X5240" s="83">
        <v>43319.25</v>
      </c>
      <c r="Y5240">
        <v>179118.3101</v>
      </c>
      <c r="Z5240">
        <v>18052.38422</v>
      </c>
      <c r="AA5240">
        <v>83214.709870000006</v>
      </c>
      <c r="AB5240">
        <v>28413.114880000001</v>
      </c>
      <c r="AC5240">
        <v>37279.636109999999</v>
      </c>
      <c r="AD5240">
        <v>28369.81582</v>
      </c>
      <c r="AE5240">
        <v>45880.273200000003</v>
      </c>
      <c r="AF5240">
        <v>49398.416949999999</v>
      </c>
      <c r="AG5240">
        <v>19283.240720000002</v>
      </c>
      <c r="AH5240">
        <v>333496.36090000003</v>
      </c>
      <c r="AI5240">
        <v>74792.879190000007</v>
      </c>
      <c r="AJ5240">
        <v>19134.387610000002</v>
      </c>
      <c r="AK5240">
        <v>27887.782360000001</v>
      </c>
      <c r="AL5240">
        <v>95991.052339999995</v>
      </c>
      <c r="AM5240">
        <v>17982.339810000001</v>
      </c>
      <c r="AN5240">
        <v>83831.331649999993</v>
      </c>
      <c r="AO5240">
        <v>19602.014360000001</v>
      </c>
      <c r="AP5240">
        <v>19523.328750000001</v>
      </c>
    </row>
    <row r="5241" spans="2:42" x14ac:dyDescent="0.3">
      <c r="B5241">
        <v>66.728682054907054</v>
      </c>
      <c r="C5241" s="83">
        <v>43319.291666666664</v>
      </c>
      <c r="D5241">
        <v>187370.9834</v>
      </c>
      <c r="E5241">
        <v>22366.24855</v>
      </c>
      <c r="F5241">
        <v>85916.26728</v>
      </c>
      <c r="G5241">
        <v>30049.011279999999</v>
      </c>
      <c r="H5241">
        <v>40187.090600000003</v>
      </c>
      <c r="I5241">
        <v>31731.051479999998</v>
      </c>
      <c r="J5241">
        <v>46798.038919999999</v>
      </c>
      <c r="K5241">
        <v>52247.48747</v>
      </c>
      <c r="L5241">
        <v>20752.563819999999</v>
      </c>
      <c r="M5241">
        <v>340213.93949999998</v>
      </c>
      <c r="N5241">
        <v>79635.87659</v>
      </c>
      <c r="O5241">
        <v>22031.303360000002</v>
      </c>
      <c r="P5241">
        <v>30470.711220000001</v>
      </c>
      <c r="Q5241">
        <v>95704.905020000006</v>
      </c>
      <c r="R5241">
        <v>18872.575369999999</v>
      </c>
      <c r="S5241">
        <v>94714.153590000002</v>
      </c>
      <c r="T5241">
        <v>22373.523260000002</v>
      </c>
      <c r="U5241">
        <v>21833.321960000001</v>
      </c>
      <c r="W5241" s="83">
        <f>Bühler!N5273</f>
        <v>45510.29166665396</v>
      </c>
      <c r="X5241" s="83">
        <v>43319.291666666664</v>
      </c>
      <c r="Y5241">
        <v>187370.9834</v>
      </c>
      <c r="Z5241">
        <v>22366.24855</v>
      </c>
      <c r="AA5241">
        <v>85916.26728</v>
      </c>
      <c r="AB5241">
        <v>30049.011279999999</v>
      </c>
      <c r="AC5241">
        <v>40187.090600000003</v>
      </c>
      <c r="AD5241">
        <v>31731.051479999998</v>
      </c>
      <c r="AE5241">
        <v>46798.038919999999</v>
      </c>
      <c r="AF5241">
        <v>52247.48747</v>
      </c>
      <c r="AG5241">
        <v>20752.563819999999</v>
      </c>
      <c r="AH5241">
        <v>340213.93949999998</v>
      </c>
      <c r="AI5241">
        <v>79635.87659</v>
      </c>
      <c r="AJ5241">
        <v>22031.303360000002</v>
      </c>
      <c r="AK5241">
        <v>30470.711220000001</v>
      </c>
      <c r="AL5241">
        <v>95704.905020000006</v>
      </c>
      <c r="AM5241">
        <v>18872.575369999999</v>
      </c>
      <c r="AN5241">
        <v>94714.153590000002</v>
      </c>
      <c r="AO5241">
        <v>22373.523260000002</v>
      </c>
      <c r="AP5241">
        <v>21833.321960000001</v>
      </c>
    </row>
    <row r="5242" spans="2:42" x14ac:dyDescent="0.3">
      <c r="B5242">
        <v>68.623915670648387</v>
      </c>
      <c r="C5242" s="83">
        <v>43319.333333333336</v>
      </c>
      <c r="D5242">
        <v>196186.93220000001</v>
      </c>
      <c r="E5242">
        <v>27966.691330000001</v>
      </c>
      <c r="F5242">
        <v>92050.362169999993</v>
      </c>
      <c r="G5242">
        <v>32481.311949999999</v>
      </c>
      <c r="H5242">
        <v>43964.346660000003</v>
      </c>
      <c r="I5242">
        <v>34173.18823</v>
      </c>
      <c r="J5242">
        <v>50563.443120000004</v>
      </c>
      <c r="K5242">
        <v>58063.239780000004</v>
      </c>
      <c r="L5242">
        <v>23996.321629999999</v>
      </c>
      <c r="M5242">
        <v>349876.7243</v>
      </c>
      <c r="N5242">
        <v>88013.807490000007</v>
      </c>
      <c r="O5242">
        <v>23782.78081</v>
      </c>
      <c r="P5242">
        <v>33697.036769999999</v>
      </c>
      <c r="Q5242">
        <v>96739.936010000005</v>
      </c>
      <c r="R5242">
        <v>21499.479159999999</v>
      </c>
      <c r="S5242">
        <v>104276.07829999999</v>
      </c>
      <c r="T5242">
        <v>24159.797910000001</v>
      </c>
      <c r="U5242">
        <v>24701.498879999999</v>
      </c>
      <c r="W5242" s="83">
        <f>Bühler!N5274</f>
        <v>45510.333333320625</v>
      </c>
      <c r="X5242" s="83">
        <v>43319.333333333336</v>
      </c>
      <c r="Y5242">
        <v>196186.93220000001</v>
      </c>
      <c r="Z5242">
        <v>27966.691330000001</v>
      </c>
      <c r="AA5242">
        <v>92050.362169999993</v>
      </c>
      <c r="AB5242">
        <v>32481.311949999999</v>
      </c>
      <c r="AC5242">
        <v>43964.346660000003</v>
      </c>
      <c r="AD5242">
        <v>34173.18823</v>
      </c>
      <c r="AE5242">
        <v>50563.443120000004</v>
      </c>
      <c r="AF5242">
        <v>58063.239780000004</v>
      </c>
      <c r="AG5242">
        <v>23996.321629999999</v>
      </c>
      <c r="AH5242">
        <v>349876.7243</v>
      </c>
      <c r="AI5242">
        <v>88013.807490000007</v>
      </c>
      <c r="AJ5242">
        <v>23782.78081</v>
      </c>
      <c r="AK5242">
        <v>33697.036769999999</v>
      </c>
      <c r="AL5242">
        <v>96739.936010000005</v>
      </c>
      <c r="AM5242">
        <v>21499.479159999999</v>
      </c>
      <c r="AN5242">
        <v>104276.07829999999</v>
      </c>
      <c r="AO5242">
        <v>24159.797910000001</v>
      </c>
      <c r="AP5242">
        <v>24701.498879999999</v>
      </c>
    </row>
    <row r="5243" spans="2:42" x14ac:dyDescent="0.3">
      <c r="B5243">
        <v>69.246104185240654</v>
      </c>
      <c r="C5243" s="83">
        <v>43319.375</v>
      </c>
      <c r="D5243">
        <v>197323.0796</v>
      </c>
      <c r="E5243">
        <v>32279.156620000002</v>
      </c>
      <c r="F5243">
        <v>98193.326230000006</v>
      </c>
      <c r="G5243">
        <v>33730.074139999997</v>
      </c>
      <c r="H5243">
        <v>46046.934650000003</v>
      </c>
      <c r="I5243">
        <v>34059.07374</v>
      </c>
      <c r="J5243">
        <v>52802.5291</v>
      </c>
      <c r="K5243">
        <v>61765.332629999997</v>
      </c>
      <c r="L5243">
        <v>28099.831559999999</v>
      </c>
      <c r="M5243">
        <v>353048.93150000001</v>
      </c>
      <c r="N5243">
        <v>91572.346909999993</v>
      </c>
      <c r="O5243">
        <v>24277.802820000001</v>
      </c>
      <c r="P5243">
        <v>37212.984799999998</v>
      </c>
      <c r="Q5243">
        <v>97931.722169999994</v>
      </c>
      <c r="R5243">
        <v>22022.13838</v>
      </c>
      <c r="S5243">
        <v>111221.91740000001</v>
      </c>
      <c r="T5243">
        <v>26002.972140000002</v>
      </c>
      <c r="U5243">
        <v>25316.64215</v>
      </c>
      <c r="W5243" s="83">
        <f>Bühler!N5275</f>
        <v>45510.374999987289</v>
      </c>
      <c r="X5243" s="83">
        <v>43319.375</v>
      </c>
      <c r="Y5243">
        <v>197323.0796</v>
      </c>
      <c r="Z5243">
        <v>32279.156620000002</v>
      </c>
      <c r="AA5243">
        <v>98193.326230000006</v>
      </c>
      <c r="AB5243">
        <v>33730.074139999997</v>
      </c>
      <c r="AC5243">
        <v>46046.934650000003</v>
      </c>
      <c r="AD5243">
        <v>34059.07374</v>
      </c>
      <c r="AE5243">
        <v>52802.5291</v>
      </c>
      <c r="AF5243">
        <v>61765.332629999997</v>
      </c>
      <c r="AG5243">
        <v>28099.831559999999</v>
      </c>
      <c r="AH5243">
        <v>353048.93150000001</v>
      </c>
      <c r="AI5243">
        <v>91572.346909999993</v>
      </c>
      <c r="AJ5243">
        <v>24277.802820000001</v>
      </c>
      <c r="AK5243">
        <v>37212.984799999998</v>
      </c>
      <c r="AL5243">
        <v>97931.722169999994</v>
      </c>
      <c r="AM5243">
        <v>22022.13838</v>
      </c>
      <c r="AN5243">
        <v>111221.91740000001</v>
      </c>
      <c r="AO5243">
        <v>26002.972140000002</v>
      </c>
      <c r="AP5243">
        <v>25316.64215</v>
      </c>
    </row>
    <row r="5244" spans="2:42" x14ac:dyDescent="0.3">
      <c r="B5244">
        <v>70.253558379403245</v>
      </c>
      <c r="C5244" s="83">
        <v>43319.416666666664</v>
      </c>
      <c r="D5244">
        <v>198676.7599</v>
      </c>
      <c r="E5244">
        <v>34169.371700000003</v>
      </c>
      <c r="F5244">
        <v>100638.2012</v>
      </c>
      <c r="G5244">
        <v>34771.080430000002</v>
      </c>
      <c r="H5244">
        <v>47133.99669</v>
      </c>
      <c r="I5244">
        <v>33159.302459999999</v>
      </c>
      <c r="J5244">
        <v>52608.146520000002</v>
      </c>
      <c r="K5244">
        <v>64600.808720000001</v>
      </c>
      <c r="L5244">
        <v>31628.821489999998</v>
      </c>
      <c r="M5244">
        <v>358185.40279999998</v>
      </c>
      <c r="N5244">
        <v>96047.715150000004</v>
      </c>
      <c r="O5244">
        <v>24734.961070000001</v>
      </c>
      <c r="P5244">
        <v>38850.332459999998</v>
      </c>
      <c r="Q5244">
        <v>99335.307499999995</v>
      </c>
      <c r="R5244">
        <v>23302.191360000001</v>
      </c>
      <c r="S5244">
        <v>113267.0386</v>
      </c>
      <c r="T5244">
        <v>28258.47695</v>
      </c>
      <c r="U5244">
        <v>25652.618569999999</v>
      </c>
      <c r="W5244" s="83">
        <f>Bühler!N5276</f>
        <v>45510.416666653953</v>
      </c>
      <c r="X5244" s="83">
        <v>43319.416666666664</v>
      </c>
      <c r="Y5244">
        <v>198676.7599</v>
      </c>
      <c r="Z5244">
        <v>34169.371700000003</v>
      </c>
      <c r="AA5244">
        <v>100638.2012</v>
      </c>
      <c r="AB5244">
        <v>34771.080430000002</v>
      </c>
      <c r="AC5244">
        <v>47133.99669</v>
      </c>
      <c r="AD5244">
        <v>33159.302459999999</v>
      </c>
      <c r="AE5244">
        <v>52608.146520000002</v>
      </c>
      <c r="AF5244">
        <v>64600.808720000001</v>
      </c>
      <c r="AG5244">
        <v>31628.821489999998</v>
      </c>
      <c r="AH5244">
        <v>358185.40279999998</v>
      </c>
      <c r="AI5244">
        <v>96047.715150000004</v>
      </c>
      <c r="AJ5244">
        <v>24734.961070000001</v>
      </c>
      <c r="AK5244">
        <v>38850.332459999998</v>
      </c>
      <c r="AL5244">
        <v>99335.307499999995</v>
      </c>
      <c r="AM5244">
        <v>23302.191360000001</v>
      </c>
      <c r="AN5244">
        <v>113267.0386</v>
      </c>
      <c r="AO5244">
        <v>28258.47695</v>
      </c>
      <c r="AP5244">
        <v>25652.618569999999</v>
      </c>
    </row>
    <row r="5245" spans="2:42" x14ac:dyDescent="0.3">
      <c r="B5245">
        <v>70.324108398933646</v>
      </c>
      <c r="C5245" s="83">
        <v>43319.458333333336</v>
      </c>
      <c r="D5245">
        <v>198444.81890000001</v>
      </c>
      <c r="E5245">
        <v>34312.241329999997</v>
      </c>
      <c r="F5245">
        <v>102011.5796</v>
      </c>
      <c r="G5245">
        <v>36177.637710000003</v>
      </c>
      <c r="H5245">
        <v>47093.328909999997</v>
      </c>
      <c r="I5245">
        <v>32841.747459999999</v>
      </c>
      <c r="J5245">
        <v>53078.332670000003</v>
      </c>
      <c r="K5245">
        <v>64869.212030000002</v>
      </c>
      <c r="L5245">
        <v>34017.104200000002</v>
      </c>
      <c r="M5245">
        <v>358545.09970000002</v>
      </c>
      <c r="N5245">
        <v>96465.416310000001</v>
      </c>
      <c r="O5245">
        <v>25540.702949999999</v>
      </c>
      <c r="P5245">
        <v>38850.758479999997</v>
      </c>
      <c r="Q5245">
        <v>99540.399409999998</v>
      </c>
      <c r="R5245">
        <v>24743.244999999999</v>
      </c>
      <c r="S5245">
        <v>116143.62270000001</v>
      </c>
      <c r="T5245">
        <v>28534.317360000001</v>
      </c>
      <c r="U5245">
        <v>25295.940350000001</v>
      </c>
      <c r="W5245" s="83">
        <f>Bühler!N5277</f>
        <v>45510.458333320617</v>
      </c>
      <c r="X5245" s="83">
        <v>43319.458333333336</v>
      </c>
      <c r="Y5245">
        <v>198444.81890000001</v>
      </c>
      <c r="Z5245">
        <v>34312.241329999997</v>
      </c>
      <c r="AA5245">
        <v>102011.5796</v>
      </c>
      <c r="AB5245">
        <v>36177.637710000003</v>
      </c>
      <c r="AC5245">
        <v>47093.328909999997</v>
      </c>
      <c r="AD5245">
        <v>32841.747459999999</v>
      </c>
      <c r="AE5245">
        <v>53078.332670000003</v>
      </c>
      <c r="AF5245">
        <v>64869.212030000002</v>
      </c>
      <c r="AG5245">
        <v>34017.104200000002</v>
      </c>
      <c r="AH5245">
        <v>358545.09970000002</v>
      </c>
      <c r="AI5245">
        <v>96465.416310000001</v>
      </c>
      <c r="AJ5245">
        <v>25540.702949999999</v>
      </c>
      <c r="AK5245">
        <v>38850.758479999997</v>
      </c>
      <c r="AL5245">
        <v>99540.399409999998</v>
      </c>
      <c r="AM5245">
        <v>24743.244999999999</v>
      </c>
      <c r="AN5245">
        <v>116143.62270000001</v>
      </c>
      <c r="AO5245">
        <v>28534.317360000001</v>
      </c>
      <c r="AP5245">
        <v>25295.940350000001</v>
      </c>
    </row>
    <row r="5246" spans="2:42" x14ac:dyDescent="0.3">
      <c r="B5246">
        <v>70.211527995043028</v>
      </c>
      <c r="C5246" s="83">
        <v>43319.5</v>
      </c>
      <c r="D5246">
        <v>192609.65650000001</v>
      </c>
      <c r="E5246">
        <v>31551.278999999999</v>
      </c>
      <c r="F5246">
        <v>95485.451149999994</v>
      </c>
      <c r="G5246">
        <v>35536.366990000002</v>
      </c>
      <c r="H5246">
        <v>46278.831189999997</v>
      </c>
      <c r="I5246">
        <v>32058.535670000001</v>
      </c>
      <c r="J5246">
        <v>53605.705390000003</v>
      </c>
      <c r="K5246">
        <v>60950.342250000002</v>
      </c>
      <c r="L5246">
        <v>36508.3969</v>
      </c>
      <c r="M5246">
        <v>357971.11229999998</v>
      </c>
      <c r="N5246">
        <v>95469.040250000005</v>
      </c>
      <c r="O5246">
        <v>25388.574089999998</v>
      </c>
      <c r="P5246">
        <v>40090.599869999998</v>
      </c>
      <c r="Q5246">
        <v>98380.733649999995</v>
      </c>
      <c r="R5246">
        <v>25504.374530000001</v>
      </c>
      <c r="S5246">
        <v>111790.1109</v>
      </c>
      <c r="T5246">
        <v>27873.11922</v>
      </c>
      <c r="U5246">
        <v>22331.960579999999</v>
      </c>
      <c r="W5246" s="83">
        <f>Bühler!N5278</f>
        <v>45510.499999987282</v>
      </c>
      <c r="X5246" s="83">
        <v>43319.5</v>
      </c>
      <c r="Y5246">
        <v>192609.65650000001</v>
      </c>
      <c r="Z5246">
        <v>31551.278999999999</v>
      </c>
      <c r="AA5246">
        <v>95485.451149999994</v>
      </c>
      <c r="AB5246">
        <v>35536.366990000002</v>
      </c>
      <c r="AC5246">
        <v>46278.831189999997</v>
      </c>
      <c r="AD5246">
        <v>32058.535670000001</v>
      </c>
      <c r="AE5246">
        <v>53605.705390000003</v>
      </c>
      <c r="AF5246">
        <v>60950.342250000002</v>
      </c>
      <c r="AG5246">
        <v>36508.3969</v>
      </c>
      <c r="AH5246">
        <v>357971.11229999998</v>
      </c>
      <c r="AI5246">
        <v>95469.040250000005</v>
      </c>
      <c r="AJ5246">
        <v>25388.574089999998</v>
      </c>
      <c r="AK5246">
        <v>40090.599869999998</v>
      </c>
      <c r="AL5246">
        <v>98380.733649999995</v>
      </c>
      <c r="AM5246">
        <v>25504.374530000001</v>
      </c>
      <c r="AN5246">
        <v>111790.1109</v>
      </c>
      <c r="AO5246">
        <v>27873.11922</v>
      </c>
      <c r="AP5246">
        <v>22331.960579999999</v>
      </c>
    </row>
    <row r="5247" spans="2:42" x14ac:dyDescent="0.3">
      <c r="B5247">
        <v>69.447987855929981</v>
      </c>
      <c r="C5247" s="83">
        <v>43319.541666666664</v>
      </c>
      <c r="D5247">
        <v>191120.7751</v>
      </c>
      <c r="E5247">
        <v>32153.867259999999</v>
      </c>
      <c r="F5247">
        <v>92002.471909999993</v>
      </c>
      <c r="G5247">
        <v>35423.156300000002</v>
      </c>
      <c r="H5247">
        <v>46588.239309999997</v>
      </c>
      <c r="I5247">
        <v>32064.230769999998</v>
      </c>
      <c r="J5247">
        <v>53119.856469999999</v>
      </c>
      <c r="K5247">
        <v>62483.920100000003</v>
      </c>
      <c r="L5247">
        <v>35954.688399999999</v>
      </c>
      <c r="M5247">
        <v>354078.22859999997</v>
      </c>
      <c r="N5247">
        <v>95648.965670000005</v>
      </c>
      <c r="O5247">
        <v>25347.923220000001</v>
      </c>
      <c r="P5247">
        <v>39636.705379999999</v>
      </c>
      <c r="Q5247">
        <v>97273.550640000001</v>
      </c>
      <c r="R5247">
        <v>24685.589059999998</v>
      </c>
      <c r="S5247">
        <v>111976.95970000001</v>
      </c>
      <c r="T5247">
        <v>28356.889190000002</v>
      </c>
      <c r="U5247">
        <v>24018.087299999999</v>
      </c>
      <c r="W5247" s="83">
        <f>Bühler!N5279</f>
        <v>45510.541666653946</v>
      </c>
      <c r="X5247" s="83">
        <v>43319.541666666664</v>
      </c>
      <c r="Y5247">
        <v>191120.7751</v>
      </c>
      <c r="Z5247">
        <v>32153.867259999999</v>
      </c>
      <c r="AA5247">
        <v>92002.471909999993</v>
      </c>
      <c r="AB5247">
        <v>35423.156300000002</v>
      </c>
      <c r="AC5247">
        <v>46588.239309999997</v>
      </c>
      <c r="AD5247">
        <v>32064.230769999998</v>
      </c>
      <c r="AE5247">
        <v>53119.856469999999</v>
      </c>
      <c r="AF5247">
        <v>62483.920100000003</v>
      </c>
      <c r="AG5247">
        <v>35954.688399999999</v>
      </c>
      <c r="AH5247">
        <v>354078.22859999997</v>
      </c>
      <c r="AI5247">
        <v>95648.965670000005</v>
      </c>
      <c r="AJ5247">
        <v>25347.923220000001</v>
      </c>
      <c r="AK5247">
        <v>39636.705379999999</v>
      </c>
      <c r="AL5247">
        <v>97273.550640000001</v>
      </c>
      <c r="AM5247">
        <v>24685.589059999998</v>
      </c>
      <c r="AN5247">
        <v>111976.95970000001</v>
      </c>
      <c r="AO5247">
        <v>28356.889190000002</v>
      </c>
      <c r="AP5247">
        <v>24018.087299999999</v>
      </c>
    </row>
    <row r="5248" spans="2:42" x14ac:dyDescent="0.3">
      <c r="B5248">
        <v>69.665955069100548</v>
      </c>
      <c r="C5248" s="83">
        <v>43319.583333333336</v>
      </c>
      <c r="D5248">
        <v>192532.66149999999</v>
      </c>
      <c r="E5248">
        <v>35191.526120000002</v>
      </c>
      <c r="F5248">
        <v>100331.56660000001</v>
      </c>
      <c r="G5248">
        <v>35799.344709999998</v>
      </c>
      <c r="H5248">
        <v>47063.520640000002</v>
      </c>
      <c r="I5248">
        <v>32464.824270000001</v>
      </c>
      <c r="J5248">
        <v>52501.401239999999</v>
      </c>
      <c r="K5248">
        <v>63087.224159999998</v>
      </c>
      <c r="L5248">
        <v>33521.674590000002</v>
      </c>
      <c r="M5248">
        <v>355189.52710000001</v>
      </c>
      <c r="N5248">
        <v>95483.261320000005</v>
      </c>
      <c r="O5248">
        <v>25002.273450000001</v>
      </c>
      <c r="P5248">
        <v>35995.279719999999</v>
      </c>
      <c r="Q5248">
        <v>97096.565919999994</v>
      </c>
      <c r="R5248">
        <v>25004.221000000001</v>
      </c>
      <c r="S5248">
        <v>104703.1326</v>
      </c>
      <c r="T5248">
        <v>28049.84606</v>
      </c>
      <c r="U5248">
        <v>25257.07818</v>
      </c>
      <c r="W5248" s="83">
        <f>Bühler!N5280</f>
        <v>45510.58333332061</v>
      </c>
      <c r="X5248" s="83">
        <v>43319.583333333336</v>
      </c>
      <c r="Y5248">
        <v>192532.66149999999</v>
      </c>
      <c r="Z5248">
        <v>35191.526120000002</v>
      </c>
      <c r="AA5248">
        <v>100331.56660000001</v>
      </c>
      <c r="AB5248">
        <v>35799.344709999998</v>
      </c>
      <c r="AC5248">
        <v>47063.520640000002</v>
      </c>
      <c r="AD5248">
        <v>32464.824270000001</v>
      </c>
      <c r="AE5248">
        <v>52501.401239999999</v>
      </c>
      <c r="AF5248">
        <v>63087.224159999998</v>
      </c>
      <c r="AG5248">
        <v>33521.674590000002</v>
      </c>
      <c r="AH5248">
        <v>355189.52710000001</v>
      </c>
      <c r="AI5248">
        <v>95483.261320000005</v>
      </c>
      <c r="AJ5248">
        <v>25002.273450000001</v>
      </c>
      <c r="AK5248">
        <v>35995.279719999999</v>
      </c>
      <c r="AL5248">
        <v>97096.565919999994</v>
      </c>
      <c r="AM5248">
        <v>25004.221000000001</v>
      </c>
      <c r="AN5248">
        <v>104703.1326</v>
      </c>
      <c r="AO5248">
        <v>28049.84606</v>
      </c>
      <c r="AP5248">
        <v>25257.07818</v>
      </c>
    </row>
    <row r="5249" spans="2:42" x14ac:dyDescent="0.3">
      <c r="B5249">
        <v>69.081386494924814</v>
      </c>
      <c r="C5249" s="83">
        <v>43319.625</v>
      </c>
      <c r="D5249">
        <v>190476.66200000001</v>
      </c>
      <c r="E5249">
        <v>35481.358200000002</v>
      </c>
      <c r="F5249">
        <v>102587.1004</v>
      </c>
      <c r="G5249">
        <v>35913.40511</v>
      </c>
      <c r="H5249">
        <v>46628.184249999998</v>
      </c>
      <c r="I5249">
        <v>33341.093690000002</v>
      </c>
      <c r="J5249">
        <v>52572.655429999999</v>
      </c>
      <c r="K5249">
        <v>61558.625919999999</v>
      </c>
      <c r="L5249">
        <v>30669.813180000001</v>
      </c>
      <c r="M5249">
        <v>352209.12390000001</v>
      </c>
      <c r="N5249">
        <v>93840.577919999996</v>
      </c>
      <c r="O5249">
        <v>24903.890660000001</v>
      </c>
      <c r="P5249">
        <v>33706.042939999999</v>
      </c>
      <c r="Q5249">
        <v>96335.052609999999</v>
      </c>
      <c r="R5249">
        <v>25604.848429999998</v>
      </c>
      <c r="S5249">
        <v>106884.0086</v>
      </c>
      <c r="T5249">
        <v>27864.982970000001</v>
      </c>
      <c r="U5249">
        <v>23808.778320000001</v>
      </c>
      <c r="W5249" s="83">
        <f>Bühler!N5281</f>
        <v>45510.624999987274</v>
      </c>
      <c r="X5249" s="83">
        <v>43319.625</v>
      </c>
      <c r="Y5249">
        <v>190476.66200000001</v>
      </c>
      <c r="Z5249">
        <v>35481.358200000002</v>
      </c>
      <c r="AA5249">
        <v>102587.1004</v>
      </c>
      <c r="AB5249">
        <v>35913.40511</v>
      </c>
      <c r="AC5249">
        <v>46628.184249999998</v>
      </c>
      <c r="AD5249">
        <v>33341.093690000002</v>
      </c>
      <c r="AE5249">
        <v>52572.655429999999</v>
      </c>
      <c r="AF5249">
        <v>61558.625919999999</v>
      </c>
      <c r="AG5249">
        <v>30669.813180000001</v>
      </c>
      <c r="AH5249">
        <v>352209.12390000001</v>
      </c>
      <c r="AI5249">
        <v>93840.577919999996</v>
      </c>
      <c r="AJ5249">
        <v>24903.890660000001</v>
      </c>
      <c r="AK5249">
        <v>33706.042939999999</v>
      </c>
      <c r="AL5249">
        <v>96335.052609999999</v>
      </c>
      <c r="AM5249">
        <v>25604.848429999998</v>
      </c>
      <c r="AN5249">
        <v>106884.0086</v>
      </c>
      <c r="AO5249">
        <v>27864.982970000001</v>
      </c>
      <c r="AP5249">
        <v>23808.778320000001</v>
      </c>
    </row>
    <row r="5250" spans="2:42" x14ac:dyDescent="0.3">
      <c r="B5250">
        <v>68.143361100769582</v>
      </c>
      <c r="C5250" s="83">
        <v>43319.666666666664</v>
      </c>
      <c r="D5250">
        <v>184602.48629999999</v>
      </c>
      <c r="E5250">
        <v>35102.189919999997</v>
      </c>
      <c r="F5250">
        <v>101878.87480000001</v>
      </c>
      <c r="G5250">
        <v>35489.342850000001</v>
      </c>
      <c r="H5250">
        <v>46166.287199999999</v>
      </c>
      <c r="I5250">
        <v>34285.128790000002</v>
      </c>
      <c r="J5250">
        <v>51849.878109999998</v>
      </c>
      <c r="K5250">
        <v>58212.87184</v>
      </c>
      <c r="L5250">
        <v>29561.227080000001</v>
      </c>
      <c r="M5250">
        <v>347426.63299999997</v>
      </c>
      <c r="N5250">
        <v>91296.780870000002</v>
      </c>
      <c r="O5250">
        <v>24602.542440000001</v>
      </c>
      <c r="P5250">
        <v>33418.396269999997</v>
      </c>
      <c r="Q5250">
        <v>96230.514500000005</v>
      </c>
      <c r="R5250">
        <v>25428.573130000001</v>
      </c>
      <c r="S5250">
        <v>104846.47319999999</v>
      </c>
      <c r="T5250">
        <v>27573.366050000001</v>
      </c>
      <c r="U5250">
        <v>21787.838049999998</v>
      </c>
      <c r="W5250" s="83">
        <f>Bühler!N5282</f>
        <v>45510.666666653939</v>
      </c>
      <c r="X5250" s="83">
        <v>43319.666666666664</v>
      </c>
      <c r="Y5250">
        <v>184602.48629999999</v>
      </c>
      <c r="Z5250">
        <v>35102.189919999997</v>
      </c>
      <c r="AA5250">
        <v>101878.87480000001</v>
      </c>
      <c r="AB5250">
        <v>35489.342850000001</v>
      </c>
      <c r="AC5250">
        <v>46166.287199999999</v>
      </c>
      <c r="AD5250">
        <v>34285.128790000002</v>
      </c>
      <c r="AE5250">
        <v>51849.878109999998</v>
      </c>
      <c r="AF5250">
        <v>58212.87184</v>
      </c>
      <c r="AG5250">
        <v>29561.227080000001</v>
      </c>
      <c r="AH5250">
        <v>347426.63299999997</v>
      </c>
      <c r="AI5250">
        <v>91296.780870000002</v>
      </c>
      <c r="AJ5250">
        <v>24602.542440000001</v>
      </c>
      <c r="AK5250">
        <v>33418.396269999997</v>
      </c>
      <c r="AL5250">
        <v>96230.514500000005</v>
      </c>
      <c r="AM5250">
        <v>25428.573130000001</v>
      </c>
      <c r="AN5250">
        <v>104846.47319999999</v>
      </c>
      <c r="AO5250">
        <v>27573.366050000001</v>
      </c>
      <c r="AP5250">
        <v>21787.838049999998</v>
      </c>
    </row>
    <row r="5251" spans="2:42" x14ac:dyDescent="0.3">
      <c r="B5251">
        <v>67.148716601840746</v>
      </c>
      <c r="C5251" s="83">
        <v>43319.708333333336</v>
      </c>
      <c r="D5251">
        <v>177984.07860000001</v>
      </c>
      <c r="E5251">
        <v>32824.091520000002</v>
      </c>
      <c r="F5251">
        <v>100369.1958</v>
      </c>
      <c r="G5251">
        <v>33958.714070000002</v>
      </c>
      <c r="H5251">
        <v>44244.241179999997</v>
      </c>
      <c r="I5251">
        <v>33905.724410000003</v>
      </c>
      <c r="J5251">
        <v>52036.842239999998</v>
      </c>
      <c r="K5251">
        <v>54110.301529999997</v>
      </c>
      <c r="L5251">
        <v>29327.892199999998</v>
      </c>
      <c r="M5251">
        <v>342355.47149999999</v>
      </c>
      <c r="N5251">
        <v>87364.845199999996</v>
      </c>
      <c r="O5251">
        <v>23642.782139999999</v>
      </c>
      <c r="P5251">
        <v>35557.364659999999</v>
      </c>
      <c r="Q5251">
        <v>94344.236829999994</v>
      </c>
      <c r="R5251">
        <v>25092.19399</v>
      </c>
      <c r="S5251">
        <v>102180.783</v>
      </c>
      <c r="T5251">
        <v>26884.235779999999</v>
      </c>
      <c r="U5251">
        <v>20485.91057</v>
      </c>
      <c r="W5251" s="83">
        <f>Bühler!N5283</f>
        <v>45510.708333320603</v>
      </c>
      <c r="X5251" s="83">
        <v>43319.708333333336</v>
      </c>
      <c r="Y5251">
        <v>177984.07860000001</v>
      </c>
      <c r="Z5251">
        <v>32824.091520000002</v>
      </c>
      <c r="AA5251">
        <v>100369.1958</v>
      </c>
      <c r="AB5251">
        <v>33958.714070000002</v>
      </c>
      <c r="AC5251">
        <v>44244.241179999997</v>
      </c>
      <c r="AD5251">
        <v>33905.724410000003</v>
      </c>
      <c r="AE5251">
        <v>52036.842239999998</v>
      </c>
      <c r="AF5251">
        <v>54110.301529999997</v>
      </c>
      <c r="AG5251">
        <v>29327.892199999998</v>
      </c>
      <c r="AH5251">
        <v>342355.47149999999</v>
      </c>
      <c r="AI5251">
        <v>87364.845199999996</v>
      </c>
      <c r="AJ5251">
        <v>23642.782139999999</v>
      </c>
      <c r="AK5251">
        <v>35557.364659999999</v>
      </c>
      <c r="AL5251">
        <v>94344.236829999994</v>
      </c>
      <c r="AM5251">
        <v>25092.19399</v>
      </c>
      <c r="AN5251">
        <v>102180.783</v>
      </c>
      <c r="AO5251">
        <v>26884.235779999999</v>
      </c>
      <c r="AP5251">
        <v>20485.91057</v>
      </c>
    </row>
    <row r="5252" spans="2:42" x14ac:dyDescent="0.3">
      <c r="B5252">
        <v>66.35916683726272</v>
      </c>
      <c r="C5252" s="83">
        <v>43319.75</v>
      </c>
      <c r="D5252">
        <v>174270.47270000001</v>
      </c>
      <c r="E5252">
        <v>29915.290089999999</v>
      </c>
      <c r="F5252">
        <v>98973.429080000002</v>
      </c>
      <c r="G5252">
        <v>31989.573110000001</v>
      </c>
      <c r="H5252">
        <v>42347.128550000001</v>
      </c>
      <c r="I5252">
        <v>32543.681619999999</v>
      </c>
      <c r="J5252">
        <v>52917.323989999997</v>
      </c>
      <c r="K5252">
        <v>52004.785709999996</v>
      </c>
      <c r="L5252">
        <v>30300.774969999999</v>
      </c>
      <c r="M5252">
        <v>338329.97859999997</v>
      </c>
      <c r="N5252">
        <v>84935.124030000006</v>
      </c>
      <c r="O5252">
        <v>22079.977729999999</v>
      </c>
      <c r="P5252">
        <v>39478.50258</v>
      </c>
      <c r="Q5252">
        <v>92610.567280000003</v>
      </c>
      <c r="R5252">
        <v>24388.351470000001</v>
      </c>
      <c r="S5252">
        <v>95897.779970000003</v>
      </c>
      <c r="T5252">
        <v>26466.628720000001</v>
      </c>
      <c r="U5252">
        <v>19605.997459999999</v>
      </c>
      <c r="W5252" s="83">
        <f>Bühler!N5284</f>
        <v>45510.749999987267</v>
      </c>
      <c r="X5252" s="83">
        <v>43319.75</v>
      </c>
      <c r="Y5252">
        <v>174270.47270000001</v>
      </c>
      <c r="Z5252">
        <v>29915.290089999999</v>
      </c>
      <c r="AA5252">
        <v>98973.429080000002</v>
      </c>
      <c r="AB5252">
        <v>31989.573110000001</v>
      </c>
      <c r="AC5252">
        <v>42347.128550000001</v>
      </c>
      <c r="AD5252">
        <v>32543.681619999999</v>
      </c>
      <c r="AE5252">
        <v>52917.323989999997</v>
      </c>
      <c r="AF5252">
        <v>52004.785709999996</v>
      </c>
      <c r="AG5252">
        <v>30300.774969999999</v>
      </c>
      <c r="AH5252">
        <v>338329.97859999997</v>
      </c>
      <c r="AI5252">
        <v>84935.124030000006</v>
      </c>
      <c r="AJ5252">
        <v>22079.977729999999</v>
      </c>
      <c r="AK5252">
        <v>39478.50258</v>
      </c>
      <c r="AL5252">
        <v>92610.567280000003</v>
      </c>
      <c r="AM5252">
        <v>24388.351470000001</v>
      </c>
      <c r="AN5252">
        <v>95897.779970000003</v>
      </c>
      <c r="AO5252">
        <v>26466.628720000001</v>
      </c>
      <c r="AP5252">
        <v>19605.997459999999</v>
      </c>
    </row>
    <row r="5253" spans="2:42" x14ac:dyDescent="0.3">
      <c r="B5253">
        <v>65.283909606497673</v>
      </c>
      <c r="C5253" s="83">
        <v>43319.791666666664</v>
      </c>
      <c r="D5253">
        <v>170079.7592</v>
      </c>
      <c r="E5253">
        <v>23799.128690000001</v>
      </c>
      <c r="F5253">
        <v>89173.270659999995</v>
      </c>
      <c r="G5253">
        <v>30846.570650000001</v>
      </c>
      <c r="H5253">
        <v>39822.071300000003</v>
      </c>
      <c r="I5253">
        <v>30907.97322</v>
      </c>
      <c r="J5253">
        <v>52708.332560000003</v>
      </c>
      <c r="K5253">
        <v>51985.359320000003</v>
      </c>
      <c r="L5253">
        <v>30290.283510000001</v>
      </c>
      <c r="M5253">
        <v>332847.81579999998</v>
      </c>
      <c r="N5253">
        <v>82638.771779999995</v>
      </c>
      <c r="O5253">
        <v>19970.46083</v>
      </c>
      <c r="P5253">
        <v>42373.452409999998</v>
      </c>
      <c r="Q5253">
        <v>90321.536590000003</v>
      </c>
      <c r="R5253">
        <v>22890.597870000001</v>
      </c>
      <c r="S5253">
        <v>91866.907349999994</v>
      </c>
      <c r="T5253">
        <v>25620.383310000001</v>
      </c>
      <c r="U5253">
        <v>18677.043320000001</v>
      </c>
      <c r="W5253" s="83">
        <f>Bühler!N5285</f>
        <v>45510.791666653931</v>
      </c>
      <c r="X5253" s="83">
        <v>43319.791666666664</v>
      </c>
      <c r="Y5253">
        <v>170079.7592</v>
      </c>
      <c r="Z5253">
        <v>23799.128690000001</v>
      </c>
      <c r="AA5253">
        <v>89173.270659999995</v>
      </c>
      <c r="AB5253">
        <v>30846.570650000001</v>
      </c>
      <c r="AC5253">
        <v>39822.071300000003</v>
      </c>
      <c r="AD5253">
        <v>30907.97322</v>
      </c>
      <c r="AE5253">
        <v>52708.332560000003</v>
      </c>
      <c r="AF5253">
        <v>51985.359320000003</v>
      </c>
      <c r="AG5253">
        <v>30290.283510000001</v>
      </c>
      <c r="AH5253">
        <v>332847.81579999998</v>
      </c>
      <c r="AI5253">
        <v>82638.771779999995</v>
      </c>
      <c r="AJ5253">
        <v>19970.46083</v>
      </c>
      <c r="AK5253">
        <v>42373.452409999998</v>
      </c>
      <c r="AL5253">
        <v>90321.536590000003</v>
      </c>
      <c r="AM5253">
        <v>22890.597870000001</v>
      </c>
      <c r="AN5253">
        <v>91866.907349999994</v>
      </c>
      <c r="AO5253">
        <v>25620.383310000001</v>
      </c>
      <c r="AP5253">
        <v>18677.043320000001</v>
      </c>
    </row>
    <row r="5254" spans="2:42" x14ac:dyDescent="0.3">
      <c r="B5254">
        <v>62.528916406991264</v>
      </c>
      <c r="C5254" s="83">
        <v>43319.833333333336</v>
      </c>
      <c r="D5254">
        <v>163367.7899</v>
      </c>
      <c r="E5254">
        <v>17703.87167</v>
      </c>
      <c r="F5254">
        <v>75652.890729999999</v>
      </c>
      <c r="G5254">
        <v>29658.390479999998</v>
      </c>
      <c r="H5254">
        <v>36995.179250000001</v>
      </c>
      <c r="I5254">
        <v>28731.00043</v>
      </c>
      <c r="J5254">
        <v>51324.125260000001</v>
      </c>
      <c r="K5254">
        <v>53134.972479999997</v>
      </c>
      <c r="L5254">
        <v>29664.182239999998</v>
      </c>
      <c r="M5254">
        <v>318801.57569999999</v>
      </c>
      <c r="N5254">
        <v>80690.967680000002</v>
      </c>
      <c r="O5254">
        <v>19450.580529999999</v>
      </c>
      <c r="P5254">
        <v>41964.601170000002</v>
      </c>
      <c r="Q5254">
        <v>87590.184810000006</v>
      </c>
      <c r="R5254">
        <v>21656.373660000001</v>
      </c>
      <c r="S5254">
        <v>83693.785759999999</v>
      </c>
      <c r="T5254">
        <v>23583.24452</v>
      </c>
      <c r="U5254">
        <v>18348.891039999999</v>
      </c>
      <c r="W5254" s="83">
        <f>Bühler!N5286</f>
        <v>45510.833333320596</v>
      </c>
      <c r="X5254" s="83">
        <v>43319.833333333336</v>
      </c>
      <c r="Y5254">
        <v>163367.7899</v>
      </c>
      <c r="Z5254">
        <v>17703.87167</v>
      </c>
      <c r="AA5254">
        <v>75652.890729999999</v>
      </c>
      <c r="AB5254">
        <v>29658.390479999998</v>
      </c>
      <c r="AC5254">
        <v>36995.179250000001</v>
      </c>
      <c r="AD5254">
        <v>28731.00043</v>
      </c>
      <c r="AE5254">
        <v>51324.125260000001</v>
      </c>
      <c r="AF5254">
        <v>53134.972479999997</v>
      </c>
      <c r="AG5254">
        <v>29664.182239999998</v>
      </c>
      <c r="AH5254">
        <v>318801.57569999999</v>
      </c>
      <c r="AI5254">
        <v>80690.967680000002</v>
      </c>
      <c r="AJ5254">
        <v>19450.580529999999</v>
      </c>
      <c r="AK5254">
        <v>41964.601170000002</v>
      </c>
      <c r="AL5254">
        <v>87590.184810000006</v>
      </c>
      <c r="AM5254">
        <v>21656.373660000001</v>
      </c>
      <c r="AN5254">
        <v>83693.785759999999</v>
      </c>
      <c r="AO5254">
        <v>23583.24452</v>
      </c>
      <c r="AP5254">
        <v>18348.891039999999</v>
      </c>
    </row>
    <row r="5255" spans="2:42" x14ac:dyDescent="0.3">
      <c r="B5255">
        <v>60.668939432746377</v>
      </c>
      <c r="C5255" s="83">
        <v>43319.875</v>
      </c>
      <c r="D5255">
        <v>158237.49170000001</v>
      </c>
      <c r="E5255">
        <v>15404.83381</v>
      </c>
      <c r="F5255">
        <v>66521.57084</v>
      </c>
      <c r="G5255">
        <v>29775.888459999998</v>
      </c>
      <c r="H5255">
        <v>35975.451099999998</v>
      </c>
      <c r="I5255">
        <v>26857.057359999999</v>
      </c>
      <c r="J5255">
        <v>51180.87038</v>
      </c>
      <c r="K5255">
        <v>51803.400399999999</v>
      </c>
      <c r="L5255">
        <v>29413.300050000002</v>
      </c>
      <c r="M5255">
        <v>309318.54570000002</v>
      </c>
      <c r="N5255">
        <v>79393.434949999995</v>
      </c>
      <c r="O5255">
        <v>18333.914850000001</v>
      </c>
      <c r="P5255">
        <v>40162.445959999997</v>
      </c>
      <c r="Q5255">
        <v>85386.112649999995</v>
      </c>
      <c r="R5255">
        <v>20597.99698</v>
      </c>
      <c r="S5255">
        <v>80697.500209999998</v>
      </c>
      <c r="T5255">
        <v>22908.359759999999</v>
      </c>
      <c r="U5255">
        <v>18189.188770000001</v>
      </c>
      <c r="W5255" s="83">
        <f>Bühler!N5287</f>
        <v>45510.87499998726</v>
      </c>
      <c r="X5255" s="83">
        <v>43319.875</v>
      </c>
      <c r="Y5255">
        <v>158237.49170000001</v>
      </c>
      <c r="Z5255">
        <v>15404.83381</v>
      </c>
      <c r="AA5255">
        <v>66521.57084</v>
      </c>
      <c r="AB5255">
        <v>29775.888459999998</v>
      </c>
      <c r="AC5255">
        <v>35975.451099999998</v>
      </c>
      <c r="AD5255">
        <v>26857.057359999999</v>
      </c>
      <c r="AE5255">
        <v>51180.87038</v>
      </c>
      <c r="AF5255">
        <v>51803.400399999999</v>
      </c>
      <c r="AG5255">
        <v>29413.300050000002</v>
      </c>
      <c r="AH5255">
        <v>309318.54570000002</v>
      </c>
      <c r="AI5255">
        <v>79393.434949999995</v>
      </c>
      <c r="AJ5255">
        <v>18333.914850000001</v>
      </c>
      <c r="AK5255">
        <v>40162.445959999997</v>
      </c>
      <c r="AL5255">
        <v>85386.112649999995</v>
      </c>
      <c r="AM5255">
        <v>20597.99698</v>
      </c>
      <c r="AN5255">
        <v>80697.500209999998</v>
      </c>
      <c r="AO5255">
        <v>22908.359759999999</v>
      </c>
      <c r="AP5255">
        <v>18189.188770000001</v>
      </c>
    </row>
    <row r="5256" spans="2:42" x14ac:dyDescent="0.3">
      <c r="B5256">
        <v>59.744727623947291</v>
      </c>
      <c r="C5256" s="83">
        <v>43319.916666666664</v>
      </c>
      <c r="D5256">
        <v>156547.3143</v>
      </c>
      <c r="E5256">
        <v>14571.01174</v>
      </c>
      <c r="F5256">
        <v>63235.606240000001</v>
      </c>
      <c r="G5256">
        <v>29691.86837</v>
      </c>
      <c r="H5256">
        <v>36733.995739999998</v>
      </c>
      <c r="I5256">
        <v>26192.96227</v>
      </c>
      <c r="J5256">
        <v>49774.103159999999</v>
      </c>
      <c r="K5256">
        <v>54947.011890000002</v>
      </c>
      <c r="L5256">
        <v>26590.359390000001</v>
      </c>
      <c r="M5256">
        <v>304606.4829</v>
      </c>
      <c r="N5256">
        <v>78315.510110000003</v>
      </c>
      <c r="O5256">
        <v>18283.992310000001</v>
      </c>
      <c r="P5256">
        <v>41953.870340000001</v>
      </c>
      <c r="Q5256">
        <v>84754.240030000001</v>
      </c>
      <c r="R5256">
        <v>21853.522929999999</v>
      </c>
      <c r="S5256">
        <v>79736.721869999994</v>
      </c>
      <c r="T5256">
        <v>20529.792089999999</v>
      </c>
      <c r="U5256">
        <v>18797.103579999999</v>
      </c>
      <c r="W5256" s="83">
        <f>Bühler!N5288</f>
        <v>45510.916666653924</v>
      </c>
      <c r="X5256" s="83">
        <v>43319.916666666664</v>
      </c>
      <c r="Y5256">
        <v>156547.3143</v>
      </c>
      <c r="Z5256">
        <v>14571.01174</v>
      </c>
      <c r="AA5256">
        <v>63235.606240000001</v>
      </c>
      <c r="AB5256">
        <v>29691.86837</v>
      </c>
      <c r="AC5256">
        <v>36733.995739999998</v>
      </c>
      <c r="AD5256">
        <v>26192.96227</v>
      </c>
      <c r="AE5256">
        <v>49774.103159999999</v>
      </c>
      <c r="AF5256">
        <v>54947.011890000002</v>
      </c>
      <c r="AG5256">
        <v>26590.359390000001</v>
      </c>
      <c r="AH5256">
        <v>304606.4829</v>
      </c>
      <c r="AI5256">
        <v>78315.510110000003</v>
      </c>
      <c r="AJ5256">
        <v>18283.992310000001</v>
      </c>
      <c r="AK5256">
        <v>41953.870340000001</v>
      </c>
      <c r="AL5256">
        <v>84754.240030000001</v>
      </c>
      <c r="AM5256">
        <v>21853.522929999999</v>
      </c>
      <c r="AN5256">
        <v>79736.721869999994</v>
      </c>
      <c r="AO5256">
        <v>20529.792089999999</v>
      </c>
      <c r="AP5256">
        <v>18797.103579999999</v>
      </c>
    </row>
    <row r="5257" spans="2:42" x14ac:dyDescent="0.3">
      <c r="B5257">
        <v>58.439473385974345</v>
      </c>
      <c r="C5257" s="83">
        <v>43319.958333333336</v>
      </c>
      <c r="D5257">
        <v>155699.59270000001</v>
      </c>
      <c r="E5257">
        <v>13756.79213</v>
      </c>
      <c r="F5257">
        <v>61347.107409999997</v>
      </c>
      <c r="G5257">
        <v>29712.465179999999</v>
      </c>
      <c r="H5257">
        <v>35701.538990000001</v>
      </c>
      <c r="I5257">
        <v>25126.516449999999</v>
      </c>
      <c r="J5257">
        <v>44446.144930000002</v>
      </c>
      <c r="K5257">
        <v>54316.327340000003</v>
      </c>
      <c r="L5257">
        <v>22326.576069999999</v>
      </c>
      <c r="M5257">
        <v>297951.68810000003</v>
      </c>
      <c r="N5257">
        <v>75700.876059999995</v>
      </c>
      <c r="O5257">
        <v>17519.72032</v>
      </c>
      <c r="P5257">
        <v>36172.64615</v>
      </c>
      <c r="Q5257">
        <v>83746.752290000004</v>
      </c>
      <c r="R5257">
        <v>22037.53067</v>
      </c>
      <c r="S5257">
        <v>77575.940029999998</v>
      </c>
      <c r="T5257">
        <v>19325.1378</v>
      </c>
      <c r="U5257">
        <v>18177.90192</v>
      </c>
      <c r="W5257" s="83">
        <f>Bühler!N5289</f>
        <v>45510.958333320588</v>
      </c>
      <c r="X5257" s="83">
        <v>43319.958333333336</v>
      </c>
      <c r="Y5257">
        <v>155699.59270000001</v>
      </c>
      <c r="Z5257">
        <v>13756.79213</v>
      </c>
      <c r="AA5257">
        <v>61347.107409999997</v>
      </c>
      <c r="AB5257">
        <v>29712.465179999999</v>
      </c>
      <c r="AC5257">
        <v>35701.538990000001</v>
      </c>
      <c r="AD5257">
        <v>25126.516449999999</v>
      </c>
      <c r="AE5257">
        <v>44446.144930000002</v>
      </c>
      <c r="AF5257">
        <v>54316.327340000003</v>
      </c>
      <c r="AG5257">
        <v>22326.576069999999</v>
      </c>
      <c r="AH5257">
        <v>297951.68810000003</v>
      </c>
      <c r="AI5257">
        <v>75700.876059999995</v>
      </c>
      <c r="AJ5257">
        <v>17519.72032</v>
      </c>
      <c r="AK5257">
        <v>36172.64615</v>
      </c>
      <c r="AL5257">
        <v>83746.752290000004</v>
      </c>
      <c r="AM5257">
        <v>22037.53067</v>
      </c>
      <c r="AN5257">
        <v>77575.940029999998</v>
      </c>
      <c r="AO5257">
        <v>19325.1378</v>
      </c>
      <c r="AP5257">
        <v>18177.90192</v>
      </c>
    </row>
    <row r="5258" spans="2:42" x14ac:dyDescent="0.3">
      <c r="B5258">
        <v>57.318526042854707</v>
      </c>
      <c r="C5258" s="83">
        <v>43320</v>
      </c>
      <c r="D5258">
        <v>154642.6807</v>
      </c>
      <c r="E5258">
        <v>13244.31265</v>
      </c>
      <c r="F5258">
        <v>59870.268949999998</v>
      </c>
      <c r="G5258">
        <v>29215.124879999999</v>
      </c>
      <c r="H5258">
        <v>35233.239979999998</v>
      </c>
      <c r="I5258">
        <v>23182.36046</v>
      </c>
      <c r="J5258">
        <v>40240.388830000004</v>
      </c>
      <c r="K5258">
        <v>52102.362760000004</v>
      </c>
      <c r="L5258">
        <v>19640.246009999999</v>
      </c>
      <c r="M5258">
        <v>292236.57579999999</v>
      </c>
      <c r="N5258">
        <v>73767.412079999995</v>
      </c>
      <c r="O5258">
        <v>17047.659220000001</v>
      </c>
      <c r="P5258">
        <v>31941.762050000001</v>
      </c>
      <c r="Q5258">
        <v>82808.016950000005</v>
      </c>
      <c r="R5258">
        <v>17919.308229999999</v>
      </c>
      <c r="S5258">
        <v>75718.205709999995</v>
      </c>
      <c r="T5258">
        <v>18442.15177</v>
      </c>
      <c r="U5258">
        <v>17683.367480000001</v>
      </c>
      <c r="W5258" s="83">
        <f>Bühler!N5290</f>
        <v>45510.999999987253</v>
      </c>
      <c r="X5258" s="83">
        <v>43320</v>
      </c>
      <c r="Y5258">
        <v>154642.6807</v>
      </c>
      <c r="Z5258">
        <v>13244.31265</v>
      </c>
      <c r="AA5258">
        <v>59870.268949999998</v>
      </c>
      <c r="AB5258">
        <v>29215.124879999999</v>
      </c>
      <c r="AC5258">
        <v>35233.239979999998</v>
      </c>
      <c r="AD5258">
        <v>23182.36046</v>
      </c>
      <c r="AE5258">
        <v>40240.388830000004</v>
      </c>
      <c r="AF5258">
        <v>52102.362760000004</v>
      </c>
      <c r="AG5258">
        <v>19640.246009999999</v>
      </c>
      <c r="AH5258">
        <v>292236.57579999999</v>
      </c>
      <c r="AI5258">
        <v>73767.412079999995</v>
      </c>
      <c r="AJ5258">
        <v>17047.659220000001</v>
      </c>
      <c r="AK5258">
        <v>31941.762050000001</v>
      </c>
      <c r="AL5258">
        <v>82808.016950000005</v>
      </c>
      <c r="AM5258">
        <v>17919.308229999999</v>
      </c>
      <c r="AN5258">
        <v>75718.205709999995</v>
      </c>
      <c r="AO5258">
        <v>18442.15177</v>
      </c>
      <c r="AP5258">
        <v>17683.367480000001</v>
      </c>
    </row>
    <row r="5259" spans="2:42" x14ac:dyDescent="0.3">
      <c r="B5259">
        <v>56.822806442001053</v>
      </c>
      <c r="C5259" s="83">
        <v>43320.041666666664</v>
      </c>
      <c r="D5259">
        <v>152856.50810000001</v>
      </c>
      <c r="E5259">
        <v>13080.82835</v>
      </c>
      <c r="F5259">
        <v>59684.421759999997</v>
      </c>
      <c r="G5259">
        <v>28537.79608</v>
      </c>
      <c r="H5259">
        <v>34482.324200000003</v>
      </c>
      <c r="I5259">
        <v>19800.67081</v>
      </c>
      <c r="J5259">
        <v>38340.493260000003</v>
      </c>
      <c r="K5259">
        <v>50258.301789999998</v>
      </c>
      <c r="L5259">
        <v>18260.346959999999</v>
      </c>
      <c r="M5259">
        <v>289709.16609999997</v>
      </c>
      <c r="N5259">
        <v>72071.63</v>
      </c>
      <c r="O5259">
        <v>16882.19053</v>
      </c>
      <c r="P5259">
        <v>29251.854630000002</v>
      </c>
      <c r="Q5259">
        <v>83371.724499999997</v>
      </c>
      <c r="R5259">
        <v>15465.239310000001</v>
      </c>
      <c r="S5259">
        <v>74513.655540000007</v>
      </c>
      <c r="T5259">
        <v>18071.01022</v>
      </c>
      <c r="U5259">
        <v>17364.792249999999</v>
      </c>
      <c r="W5259" s="83">
        <f>Bühler!N5291</f>
        <v>45511.041666653917</v>
      </c>
      <c r="X5259" s="83">
        <v>43320.041666666664</v>
      </c>
      <c r="Y5259">
        <v>152856.50810000001</v>
      </c>
      <c r="Z5259">
        <v>13080.82835</v>
      </c>
      <c r="AA5259">
        <v>59684.421759999997</v>
      </c>
      <c r="AB5259">
        <v>28537.79608</v>
      </c>
      <c r="AC5259">
        <v>34482.324200000003</v>
      </c>
      <c r="AD5259">
        <v>19800.67081</v>
      </c>
      <c r="AE5259">
        <v>38340.493260000003</v>
      </c>
      <c r="AF5259">
        <v>50258.301789999998</v>
      </c>
      <c r="AG5259">
        <v>18260.346959999999</v>
      </c>
      <c r="AH5259">
        <v>289709.16609999997</v>
      </c>
      <c r="AI5259">
        <v>72071.63</v>
      </c>
      <c r="AJ5259">
        <v>16882.19053</v>
      </c>
      <c r="AK5259">
        <v>29251.854630000002</v>
      </c>
      <c r="AL5259">
        <v>83371.724499999997</v>
      </c>
      <c r="AM5259">
        <v>15465.239310000001</v>
      </c>
      <c r="AN5259">
        <v>74513.655540000007</v>
      </c>
      <c r="AO5259">
        <v>18071.01022</v>
      </c>
      <c r="AP5259">
        <v>17364.792249999999</v>
      </c>
    </row>
    <row r="5260" spans="2:42" x14ac:dyDescent="0.3">
      <c r="B5260">
        <v>56.926427838037839</v>
      </c>
      <c r="C5260" s="83">
        <v>43320.083333333336</v>
      </c>
      <c r="D5260">
        <v>152703.62880000001</v>
      </c>
      <c r="E5260">
        <v>12749.548919999999</v>
      </c>
      <c r="F5260">
        <v>59767.279649999997</v>
      </c>
      <c r="G5260">
        <v>27825.231370000001</v>
      </c>
      <c r="H5260">
        <v>33941.775529999999</v>
      </c>
      <c r="I5260">
        <v>17991.9954</v>
      </c>
      <c r="J5260">
        <v>37119.622909999998</v>
      </c>
      <c r="K5260">
        <v>49331.070959999997</v>
      </c>
      <c r="L5260">
        <v>17162.408390000001</v>
      </c>
      <c r="M5260">
        <v>290237.47629999998</v>
      </c>
      <c r="N5260">
        <v>71465.016579999996</v>
      </c>
      <c r="O5260">
        <v>16307.597739999999</v>
      </c>
      <c r="P5260">
        <v>27190.369610000002</v>
      </c>
      <c r="Q5260">
        <v>85297.587230000005</v>
      </c>
      <c r="R5260">
        <v>15799.30905</v>
      </c>
      <c r="S5260">
        <v>72993.814929999993</v>
      </c>
      <c r="T5260">
        <v>17497.240839999999</v>
      </c>
      <c r="U5260">
        <v>17000.734960000002</v>
      </c>
      <c r="W5260" s="83">
        <f>Bühler!N5292</f>
        <v>45511.083333320581</v>
      </c>
      <c r="X5260" s="83">
        <v>43320.083333333336</v>
      </c>
      <c r="Y5260">
        <v>152703.62880000001</v>
      </c>
      <c r="Z5260">
        <v>12749.548919999999</v>
      </c>
      <c r="AA5260">
        <v>59767.279649999997</v>
      </c>
      <c r="AB5260">
        <v>27825.231370000001</v>
      </c>
      <c r="AC5260">
        <v>33941.775529999999</v>
      </c>
      <c r="AD5260">
        <v>17991.9954</v>
      </c>
      <c r="AE5260">
        <v>37119.622909999998</v>
      </c>
      <c r="AF5260">
        <v>49331.070959999997</v>
      </c>
      <c r="AG5260">
        <v>17162.408390000001</v>
      </c>
      <c r="AH5260">
        <v>290237.47629999998</v>
      </c>
      <c r="AI5260">
        <v>71465.016579999996</v>
      </c>
      <c r="AJ5260">
        <v>16307.597739999999</v>
      </c>
      <c r="AK5260">
        <v>27190.369610000002</v>
      </c>
      <c r="AL5260">
        <v>85297.587230000005</v>
      </c>
      <c r="AM5260">
        <v>15799.30905</v>
      </c>
      <c r="AN5260">
        <v>72993.814929999993</v>
      </c>
      <c r="AO5260">
        <v>17497.240839999999</v>
      </c>
      <c r="AP5260">
        <v>17000.734960000002</v>
      </c>
    </row>
    <row r="5261" spans="2:42" x14ac:dyDescent="0.3">
      <c r="B5261">
        <v>57.790005589599737</v>
      </c>
      <c r="C5261" s="83">
        <v>43320.125</v>
      </c>
      <c r="D5261">
        <v>151787.57060000001</v>
      </c>
      <c r="E5261">
        <v>12642.39847</v>
      </c>
      <c r="F5261">
        <v>61196.560830000002</v>
      </c>
      <c r="G5261">
        <v>27006.219209999999</v>
      </c>
      <c r="H5261">
        <v>33688.733630000002</v>
      </c>
      <c r="I5261">
        <v>17552.039540000002</v>
      </c>
      <c r="J5261">
        <v>36888.857989999997</v>
      </c>
      <c r="K5261">
        <v>47511.123590000003</v>
      </c>
      <c r="L5261">
        <v>16529.874039999999</v>
      </c>
      <c r="M5261">
        <v>294640.39840000001</v>
      </c>
      <c r="N5261">
        <v>70226.115430000005</v>
      </c>
      <c r="O5261">
        <v>16207.412340000001</v>
      </c>
      <c r="P5261">
        <v>26765.32807</v>
      </c>
      <c r="Q5261">
        <v>87430.842980000001</v>
      </c>
      <c r="R5261">
        <v>15450.396699999999</v>
      </c>
      <c r="S5261">
        <v>72515.709040000002</v>
      </c>
      <c r="T5261">
        <v>17035.49109</v>
      </c>
      <c r="U5261">
        <v>16699.022939999999</v>
      </c>
      <c r="W5261" s="83">
        <f>Bühler!N5293</f>
        <v>45511.124999987245</v>
      </c>
      <c r="X5261" s="83">
        <v>43320.125</v>
      </c>
      <c r="Y5261">
        <v>151787.57060000001</v>
      </c>
      <c r="Z5261">
        <v>12642.39847</v>
      </c>
      <c r="AA5261">
        <v>61196.560830000002</v>
      </c>
      <c r="AB5261">
        <v>27006.219209999999</v>
      </c>
      <c r="AC5261">
        <v>33688.733630000002</v>
      </c>
      <c r="AD5261">
        <v>17552.039540000002</v>
      </c>
      <c r="AE5261">
        <v>36888.857989999997</v>
      </c>
      <c r="AF5261">
        <v>47511.123590000003</v>
      </c>
      <c r="AG5261">
        <v>16529.874039999999</v>
      </c>
      <c r="AH5261">
        <v>294640.39840000001</v>
      </c>
      <c r="AI5261">
        <v>70226.115430000005</v>
      </c>
      <c r="AJ5261">
        <v>16207.412340000001</v>
      </c>
      <c r="AK5261">
        <v>26765.32807</v>
      </c>
      <c r="AL5261">
        <v>87430.842980000001</v>
      </c>
      <c r="AM5261">
        <v>15450.396699999999</v>
      </c>
      <c r="AN5261">
        <v>72515.709040000002</v>
      </c>
      <c r="AO5261">
        <v>17035.49109</v>
      </c>
      <c r="AP5261">
        <v>16699.022939999999</v>
      </c>
    </row>
    <row r="5262" spans="2:42" x14ac:dyDescent="0.3">
      <c r="B5262">
        <v>58.824339259041444</v>
      </c>
      <c r="C5262" s="83">
        <v>43320.166666666664</v>
      </c>
      <c r="D5262">
        <v>154312.7794</v>
      </c>
      <c r="E5262">
        <v>13070.875169999999</v>
      </c>
      <c r="F5262">
        <v>64324.530010000002</v>
      </c>
      <c r="G5262">
        <v>26588.11535</v>
      </c>
      <c r="H5262">
        <v>33930.359299999996</v>
      </c>
      <c r="I5262">
        <v>18493.037250000001</v>
      </c>
      <c r="J5262">
        <v>38918.627800000002</v>
      </c>
      <c r="K5262">
        <v>46726.966350000002</v>
      </c>
      <c r="L5262">
        <v>16378.496499999999</v>
      </c>
      <c r="M5262">
        <v>299913.91379999998</v>
      </c>
      <c r="N5262">
        <v>69300.348509999996</v>
      </c>
      <c r="O5262">
        <v>16490.022980000002</v>
      </c>
      <c r="P5262">
        <v>26388.868890000002</v>
      </c>
      <c r="Q5262">
        <v>89904.321219999998</v>
      </c>
      <c r="R5262">
        <v>15568.11506</v>
      </c>
      <c r="S5262">
        <v>72327.493600000002</v>
      </c>
      <c r="T5262">
        <v>16970.616709999998</v>
      </c>
      <c r="U5262">
        <v>16522.41331</v>
      </c>
      <c r="W5262" s="83">
        <f>Bühler!N5294</f>
        <v>45511.166666653909</v>
      </c>
      <c r="X5262" s="83">
        <v>43320.166666666664</v>
      </c>
      <c r="Y5262">
        <v>154312.7794</v>
      </c>
      <c r="Z5262">
        <v>13070.875169999999</v>
      </c>
      <c r="AA5262">
        <v>64324.530010000002</v>
      </c>
      <c r="AB5262">
        <v>26588.11535</v>
      </c>
      <c r="AC5262">
        <v>33930.359299999996</v>
      </c>
      <c r="AD5262">
        <v>18493.037250000001</v>
      </c>
      <c r="AE5262">
        <v>38918.627800000002</v>
      </c>
      <c r="AF5262">
        <v>46726.966350000002</v>
      </c>
      <c r="AG5262">
        <v>16378.496499999999</v>
      </c>
      <c r="AH5262">
        <v>299913.91379999998</v>
      </c>
      <c r="AI5262">
        <v>69300.348509999996</v>
      </c>
      <c r="AJ5262">
        <v>16490.022980000002</v>
      </c>
      <c r="AK5262">
        <v>26388.868890000002</v>
      </c>
      <c r="AL5262">
        <v>89904.321219999998</v>
      </c>
      <c r="AM5262">
        <v>15568.11506</v>
      </c>
      <c r="AN5262">
        <v>72327.493600000002</v>
      </c>
      <c r="AO5262">
        <v>16970.616709999998</v>
      </c>
      <c r="AP5262">
        <v>16522.41331</v>
      </c>
    </row>
    <row r="5263" spans="2:42" x14ac:dyDescent="0.3">
      <c r="B5263">
        <v>62.086398000733702</v>
      </c>
      <c r="C5263" s="83">
        <v>43320.208333333336</v>
      </c>
      <c r="D5263">
        <v>164023.08869999999</v>
      </c>
      <c r="E5263">
        <v>14599.61483</v>
      </c>
      <c r="F5263">
        <v>73497.405499999993</v>
      </c>
      <c r="G5263">
        <v>27181.56682</v>
      </c>
      <c r="H5263">
        <v>35405.628250000002</v>
      </c>
      <c r="I5263">
        <v>23977.87658</v>
      </c>
      <c r="J5263">
        <v>41942.359839999997</v>
      </c>
      <c r="K5263">
        <v>48433.487500000003</v>
      </c>
      <c r="L5263">
        <v>16970.765380000001</v>
      </c>
      <c r="M5263">
        <v>316545.4105</v>
      </c>
      <c r="N5263">
        <v>69688.324689999994</v>
      </c>
      <c r="O5263">
        <v>17481.10799</v>
      </c>
      <c r="P5263">
        <v>27665.436280000002</v>
      </c>
      <c r="Q5263">
        <v>91142.539269999994</v>
      </c>
      <c r="R5263">
        <v>17405.79495</v>
      </c>
      <c r="S5263">
        <v>74150.003379999995</v>
      </c>
      <c r="T5263">
        <v>17803.571469999999</v>
      </c>
      <c r="U5263">
        <v>17418.533820000001</v>
      </c>
      <c r="W5263" s="83">
        <f>Bühler!N5295</f>
        <v>45511.208333320574</v>
      </c>
      <c r="X5263" s="83">
        <v>43320.208333333336</v>
      </c>
      <c r="Y5263">
        <v>164023.08869999999</v>
      </c>
      <c r="Z5263">
        <v>14599.61483</v>
      </c>
      <c r="AA5263">
        <v>73497.405499999993</v>
      </c>
      <c r="AB5263">
        <v>27181.56682</v>
      </c>
      <c r="AC5263">
        <v>35405.628250000002</v>
      </c>
      <c r="AD5263">
        <v>23977.87658</v>
      </c>
      <c r="AE5263">
        <v>41942.359839999997</v>
      </c>
      <c r="AF5263">
        <v>48433.487500000003</v>
      </c>
      <c r="AG5263">
        <v>16970.765380000001</v>
      </c>
      <c r="AH5263">
        <v>316545.4105</v>
      </c>
      <c r="AI5263">
        <v>69688.324689999994</v>
      </c>
      <c r="AJ5263">
        <v>17481.10799</v>
      </c>
      <c r="AK5263">
        <v>27665.436280000002</v>
      </c>
      <c r="AL5263">
        <v>91142.539269999994</v>
      </c>
      <c r="AM5263">
        <v>17405.79495</v>
      </c>
      <c r="AN5263">
        <v>74150.003379999995</v>
      </c>
      <c r="AO5263">
        <v>17803.571469999999</v>
      </c>
      <c r="AP5263">
        <v>17418.533820000001</v>
      </c>
    </row>
    <row r="5264" spans="2:42" x14ac:dyDescent="0.3">
      <c r="B5264">
        <v>64.610760041547607</v>
      </c>
      <c r="C5264" s="83">
        <v>43320.25</v>
      </c>
      <c r="D5264">
        <v>173391.36610000001</v>
      </c>
      <c r="E5264">
        <v>17851.320640000002</v>
      </c>
      <c r="F5264">
        <v>83631.548840000003</v>
      </c>
      <c r="G5264">
        <v>28136.58138</v>
      </c>
      <c r="H5264">
        <v>36766.768940000002</v>
      </c>
      <c r="I5264">
        <v>27267.179240000001</v>
      </c>
      <c r="J5264">
        <v>43697.181689999998</v>
      </c>
      <c r="K5264">
        <v>48670.211730000003</v>
      </c>
      <c r="L5264">
        <v>18009.33769</v>
      </c>
      <c r="M5264">
        <v>329415.78539999999</v>
      </c>
      <c r="N5264">
        <v>72467.445089999994</v>
      </c>
      <c r="O5264">
        <v>19080.283179999999</v>
      </c>
      <c r="P5264">
        <v>27346.601119999999</v>
      </c>
      <c r="Q5264">
        <v>92276.390350000001</v>
      </c>
      <c r="R5264">
        <v>17302.734820000001</v>
      </c>
      <c r="S5264">
        <v>79787.726269999999</v>
      </c>
      <c r="T5264">
        <v>19149.144919999999</v>
      </c>
      <c r="U5264">
        <v>19316.277679999999</v>
      </c>
      <c r="W5264" s="83">
        <f>Bühler!N5296</f>
        <v>45511.249999987238</v>
      </c>
      <c r="X5264" s="83">
        <v>43320.25</v>
      </c>
      <c r="Y5264">
        <v>173391.36610000001</v>
      </c>
      <c r="Z5264">
        <v>17851.320640000002</v>
      </c>
      <c r="AA5264">
        <v>83631.548840000003</v>
      </c>
      <c r="AB5264">
        <v>28136.58138</v>
      </c>
      <c r="AC5264">
        <v>36766.768940000002</v>
      </c>
      <c r="AD5264">
        <v>27267.179240000001</v>
      </c>
      <c r="AE5264">
        <v>43697.181689999998</v>
      </c>
      <c r="AF5264">
        <v>48670.211730000003</v>
      </c>
      <c r="AG5264">
        <v>18009.33769</v>
      </c>
      <c r="AH5264">
        <v>329415.78539999999</v>
      </c>
      <c r="AI5264">
        <v>72467.445089999994</v>
      </c>
      <c r="AJ5264">
        <v>19080.283179999999</v>
      </c>
      <c r="AK5264">
        <v>27346.601119999999</v>
      </c>
      <c r="AL5264">
        <v>92276.390350000001</v>
      </c>
      <c r="AM5264">
        <v>17302.734820000001</v>
      </c>
      <c r="AN5264">
        <v>79787.726269999999</v>
      </c>
      <c r="AO5264">
        <v>19149.144919999999</v>
      </c>
      <c r="AP5264">
        <v>19316.277679999999</v>
      </c>
    </row>
    <row r="5265" spans="2:42" x14ac:dyDescent="0.3">
      <c r="B5265">
        <v>66.115680381387875</v>
      </c>
      <c r="C5265" s="83">
        <v>43320.291666666664</v>
      </c>
      <c r="D5265">
        <v>180603.24299999999</v>
      </c>
      <c r="E5265">
        <v>21539.797060000001</v>
      </c>
      <c r="F5265">
        <v>86024.96931</v>
      </c>
      <c r="G5265">
        <v>29989.60742</v>
      </c>
      <c r="H5265">
        <v>39719.464189999999</v>
      </c>
      <c r="I5265">
        <v>30662.447260000001</v>
      </c>
      <c r="J5265">
        <v>45043.804080000002</v>
      </c>
      <c r="K5265">
        <v>52074.045080000004</v>
      </c>
      <c r="L5265">
        <v>20311.870419999999</v>
      </c>
      <c r="M5265">
        <v>337088.5711</v>
      </c>
      <c r="N5265">
        <v>78409.352880000006</v>
      </c>
      <c r="O5265">
        <v>21398.711940000001</v>
      </c>
      <c r="P5265">
        <v>30514.910240000001</v>
      </c>
      <c r="Q5265">
        <v>91482.408420000007</v>
      </c>
      <c r="R5265">
        <v>18142.724050000001</v>
      </c>
      <c r="S5265">
        <v>91421.712060000005</v>
      </c>
      <c r="T5265">
        <v>22212.091469999999</v>
      </c>
      <c r="U5265">
        <v>21711.457180000001</v>
      </c>
      <c r="W5265" s="83">
        <f>Bühler!N5297</f>
        <v>45511.291666653902</v>
      </c>
      <c r="X5265" s="83">
        <v>43320.291666666664</v>
      </c>
      <c r="Y5265">
        <v>180603.24299999999</v>
      </c>
      <c r="Z5265">
        <v>21539.797060000001</v>
      </c>
      <c r="AA5265">
        <v>86024.96931</v>
      </c>
      <c r="AB5265">
        <v>29989.60742</v>
      </c>
      <c r="AC5265">
        <v>39719.464189999999</v>
      </c>
      <c r="AD5265">
        <v>30662.447260000001</v>
      </c>
      <c r="AE5265">
        <v>45043.804080000002</v>
      </c>
      <c r="AF5265">
        <v>52074.045080000004</v>
      </c>
      <c r="AG5265">
        <v>20311.870419999999</v>
      </c>
      <c r="AH5265">
        <v>337088.5711</v>
      </c>
      <c r="AI5265">
        <v>78409.352880000006</v>
      </c>
      <c r="AJ5265">
        <v>21398.711940000001</v>
      </c>
      <c r="AK5265">
        <v>30514.910240000001</v>
      </c>
      <c r="AL5265">
        <v>91482.408420000007</v>
      </c>
      <c r="AM5265">
        <v>18142.724050000001</v>
      </c>
      <c r="AN5265">
        <v>91421.712060000005</v>
      </c>
      <c r="AO5265">
        <v>22212.091469999999</v>
      </c>
      <c r="AP5265">
        <v>21711.457180000001</v>
      </c>
    </row>
    <row r="5266" spans="2:42" x14ac:dyDescent="0.3">
      <c r="B5266">
        <v>67.675214222882289</v>
      </c>
      <c r="C5266" s="83">
        <v>43320.333333333336</v>
      </c>
      <c r="D5266">
        <v>189552.58979999999</v>
      </c>
      <c r="E5266">
        <v>27234.68547</v>
      </c>
      <c r="F5266">
        <v>92398.349040000001</v>
      </c>
      <c r="G5266">
        <v>32504.721659999999</v>
      </c>
      <c r="H5266">
        <v>43235.395600000003</v>
      </c>
      <c r="I5266">
        <v>33420.424099999997</v>
      </c>
      <c r="J5266">
        <v>48860.958129999999</v>
      </c>
      <c r="K5266">
        <v>55337.337149999999</v>
      </c>
      <c r="L5266">
        <v>24140.03255</v>
      </c>
      <c r="M5266">
        <v>345039.80190000002</v>
      </c>
      <c r="N5266">
        <v>85520.677519999997</v>
      </c>
      <c r="O5266">
        <v>23086.775720000001</v>
      </c>
      <c r="P5266">
        <v>33945.676590000003</v>
      </c>
      <c r="Q5266">
        <v>92277.43161</v>
      </c>
      <c r="R5266">
        <v>21238.42699</v>
      </c>
      <c r="S5266">
        <v>102656.25199999999</v>
      </c>
      <c r="T5266">
        <v>24328.429810000001</v>
      </c>
      <c r="U5266">
        <v>24303.73126</v>
      </c>
      <c r="W5266" s="83">
        <f>Bühler!N5298</f>
        <v>45511.333333320566</v>
      </c>
      <c r="X5266" s="83">
        <v>43320.333333333336</v>
      </c>
      <c r="Y5266">
        <v>189552.58979999999</v>
      </c>
      <c r="Z5266">
        <v>27234.68547</v>
      </c>
      <c r="AA5266">
        <v>92398.349040000001</v>
      </c>
      <c r="AB5266">
        <v>32504.721659999999</v>
      </c>
      <c r="AC5266">
        <v>43235.395600000003</v>
      </c>
      <c r="AD5266">
        <v>33420.424099999997</v>
      </c>
      <c r="AE5266">
        <v>48860.958129999999</v>
      </c>
      <c r="AF5266">
        <v>55337.337149999999</v>
      </c>
      <c r="AG5266">
        <v>24140.03255</v>
      </c>
      <c r="AH5266">
        <v>345039.80190000002</v>
      </c>
      <c r="AI5266">
        <v>85520.677519999997</v>
      </c>
      <c r="AJ5266">
        <v>23086.775720000001</v>
      </c>
      <c r="AK5266">
        <v>33945.676590000003</v>
      </c>
      <c r="AL5266">
        <v>92277.43161</v>
      </c>
      <c r="AM5266">
        <v>21238.42699</v>
      </c>
      <c r="AN5266">
        <v>102656.25199999999</v>
      </c>
      <c r="AO5266">
        <v>24328.429810000001</v>
      </c>
      <c r="AP5266">
        <v>24303.73126</v>
      </c>
    </row>
    <row r="5267" spans="2:42" x14ac:dyDescent="0.3">
      <c r="B5267">
        <v>68.338745954407344</v>
      </c>
      <c r="C5267" s="83">
        <v>43320.375</v>
      </c>
      <c r="D5267">
        <v>191866.11730000001</v>
      </c>
      <c r="E5267">
        <v>32080.915860000001</v>
      </c>
      <c r="F5267">
        <v>98933.502210000006</v>
      </c>
      <c r="G5267">
        <v>34486.89561</v>
      </c>
      <c r="H5267">
        <v>45967.651100000003</v>
      </c>
      <c r="I5267">
        <v>33796.558210000003</v>
      </c>
      <c r="J5267">
        <v>52564.339260000001</v>
      </c>
      <c r="K5267">
        <v>58992.480479999998</v>
      </c>
      <c r="L5267">
        <v>27471.378400000001</v>
      </c>
      <c r="M5267">
        <v>348422.79609999998</v>
      </c>
      <c r="N5267">
        <v>89940.001459999999</v>
      </c>
      <c r="O5267">
        <v>24245.06739</v>
      </c>
      <c r="P5267">
        <v>37796.078329999997</v>
      </c>
      <c r="Q5267">
        <v>95494.214370000002</v>
      </c>
      <c r="R5267">
        <v>22729.465029999999</v>
      </c>
      <c r="S5267">
        <v>109410.13310000001</v>
      </c>
      <c r="T5267">
        <v>25760.99195</v>
      </c>
      <c r="U5267">
        <v>25312.838540000001</v>
      </c>
      <c r="W5267" s="83">
        <f>Bühler!N5299</f>
        <v>45511.374999987231</v>
      </c>
      <c r="X5267" s="83">
        <v>43320.375</v>
      </c>
      <c r="Y5267">
        <v>191866.11730000001</v>
      </c>
      <c r="Z5267">
        <v>32080.915860000001</v>
      </c>
      <c r="AA5267">
        <v>98933.502210000006</v>
      </c>
      <c r="AB5267">
        <v>34486.89561</v>
      </c>
      <c r="AC5267">
        <v>45967.651100000003</v>
      </c>
      <c r="AD5267">
        <v>33796.558210000003</v>
      </c>
      <c r="AE5267">
        <v>52564.339260000001</v>
      </c>
      <c r="AF5267">
        <v>58992.480479999998</v>
      </c>
      <c r="AG5267">
        <v>27471.378400000001</v>
      </c>
      <c r="AH5267">
        <v>348422.79609999998</v>
      </c>
      <c r="AI5267">
        <v>89940.001459999999</v>
      </c>
      <c r="AJ5267">
        <v>24245.06739</v>
      </c>
      <c r="AK5267">
        <v>37796.078329999997</v>
      </c>
      <c r="AL5267">
        <v>95494.214370000002</v>
      </c>
      <c r="AM5267">
        <v>22729.465029999999</v>
      </c>
      <c r="AN5267">
        <v>109410.13310000001</v>
      </c>
      <c r="AO5267">
        <v>25760.99195</v>
      </c>
      <c r="AP5267">
        <v>25312.838540000001</v>
      </c>
    </row>
    <row r="5268" spans="2:42" x14ac:dyDescent="0.3">
      <c r="B5268">
        <v>69.665928433639834</v>
      </c>
      <c r="C5268" s="83">
        <v>43320.416666666664</v>
      </c>
      <c r="D5268">
        <v>195834.65900000001</v>
      </c>
      <c r="E5268">
        <v>34292.210570000003</v>
      </c>
      <c r="F5268">
        <v>101677.3055</v>
      </c>
      <c r="G5268">
        <v>35540.717940000002</v>
      </c>
      <c r="H5268">
        <v>47604.445959999997</v>
      </c>
      <c r="I5268">
        <v>33512.169589999998</v>
      </c>
      <c r="J5268">
        <v>53802.351790000001</v>
      </c>
      <c r="K5268">
        <v>60728.338490000002</v>
      </c>
      <c r="L5268">
        <v>31364.691599999998</v>
      </c>
      <c r="M5268">
        <v>355189.39130000002</v>
      </c>
      <c r="N5268">
        <v>93723.82</v>
      </c>
      <c r="O5268">
        <v>25254.946390000001</v>
      </c>
      <c r="P5268">
        <v>39698.89903</v>
      </c>
      <c r="Q5268">
        <v>97810.734989999997</v>
      </c>
      <c r="R5268">
        <v>23717.66273</v>
      </c>
      <c r="S5268">
        <v>112341.6557</v>
      </c>
      <c r="T5268">
        <v>28067.433540000002</v>
      </c>
      <c r="U5268">
        <v>24620.806390000002</v>
      </c>
      <c r="W5268" s="83">
        <f>Bühler!N5300</f>
        <v>45511.416666653895</v>
      </c>
      <c r="X5268" s="83">
        <v>43320.416666666664</v>
      </c>
      <c r="Y5268">
        <v>195834.65900000001</v>
      </c>
      <c r="Z5268">
        <v>34292.210570000003</v>
      </c>
      <c r="AA5268">
        <v>101677.3055</v>
      </c>
      <c r="AB5268">
        <v>35540.717940000002</v>
      </c>
      <c r="AC5268">
        <v>47604.445959999997</v>
      </c>
      <c r="AD5268">
        <v>33512.169589999998</v>
      </c>
      <c r="AE5268">
        <v>53802.351790000001</v>
      </c>
      <c r="AF5268">
        <v>60728.338490000002</v>
      </c>
      <c r="AG5268">
        <v>31364.691599999998</v>
      </c>
      <c r="AH5268">
        <v>355189.39130000002</v>
      </c>
      <c r="AI5268">
        <v>93723.82</v>
      </c>
      <c r="AJ5268">
        <v>25254.946390000001</v>
      </c>
      <c r="AK5268">
        <v>39698.89903</v>
      </c>
      <c r="AL5268">
        <v>97810.734989999997</v>
      </c>
      <c r="AM5268">
        <v>23717.66273</v>
      </c>
      <c r="AN5268">
        <v>112341.6557</v>
      </c>
      <c r="AO5268">
        <v>28067.433540000002</v>
      </c>
      <c r="AP5268">
        <v>24620.806390000002</v>
      </c>
    </row>
    <row r="5269" spans="2:42" x14ac:dyDescent="0.3">
      <c r="B5269">
        <v>69.712397839164851</v>
      </c>
      <c r="C5269" s="83">
        <v>43320.458333333336</v>
      </c>
      <c r="D5269">
        <v>197741.91639999999</v>
      </c>
      <c r="E5269">
        <v>35045.575049999999</v>
      </c>
      <c r="F5269">
        <v>103477.39320000001</v>
      </c>
      <c r="G5269">
        <v>35965.676829999997</v>
      </c>
      <c r="H5269">
        <v>47995.400650000003</v>
      </c>
      <c r="I5269">
        <v>33341.745199999998</v>
      </c>
      <c r="J5269">
        <v>54319.220880000001</v>
      </c>
      <c r="K5269">
        <v>62255.502260000001</v>
      </c>
      <c r="L5269">
        <v>33849.087820000001</v>
      </c>
      <c r="M5269">
        <v>355426.31400000001</v>
      </c>
      <c r="N5269">
        <v>95387.325930000006</v>
      </c>
      <c r="O5269">
        <v>25686.413079999998</v>
      </c>
      <c r="P5269">
        <v>39547.229330000002</v>
      </c>
      <c r="Q5269">
        <v>99691.461150000003</v>
      </c>
      <c r="R5269">
        <v>26139.306830000001</v>
      </c>
      <c r="S5269">
        <v>116321.3241</v>
      </c>
      <c r="T5269">
        <v>28659.93621</v>
      </c>
      <c r="U5269">
        <v>25245.28601</v>
      </c>
      <c r="W5269" s="83">
        <f>Bühler!N5301</f>
        <v>45511.458333320559</v>
      </c>
      <c r="X5269" s="83">
        <v>43320.458333333336</v>
      </c>
      <c r="Y5269">
        <v>197741.91639999999</v>
      </c>
      <c r="Z5269">
        <v>35045.575049999999</v>
      </c>
      <c r="AA5269">
        <v>103477.39320000001</v>
      </c>
      <c r="AB5269">
        <v>35965.676829999997</v>
      </c>
      <c r="AC5269">
        <v>47995.400650000003</v>
      </c>
      <c r="AD5269">
        <v>33341.745199999998</v>
      </c>
      <c r="AE5269">
        <v>54319.220880000001</v>
      </c>
      <c r="AF5269">
        <v>62255.502260000001</v>
      </c>
      <c r="AG5269">
        <v>33849.087820000001</v>
      </c>
      <c r="AH5269">
        <v>355426.31400000001</v>
      </c>
      <c r="AI5269">
        <v>95387.325930000006</v>
      </c>
      <c r="AJ5269">
        <v>25686.413079999998</v>
      </c>
      <c r="AK5269">
        <v>39547.229330000002</v>
      </c>
      <c r="AL5269">
        <v>99691.461150000003</v>
      </c>
      <c r="AM5269">
        <v>26139.306830000001</v>
      </c>
      <c r="AN5269">
        <v>116321.3241</v>
      </c>
      <c r="AO5269">
        <v>28659.93621</v>
      </c>
      <c r="AP5269">
        <v>25245.28601</v>
      </c>
    </row>
    <row r="5270" spans="2:42" x14ac:dyDescent="0.3">
      <c r="B5270">
        <v>69.982033727252855</v>
      </c>
      <c r="C5270" s="83">
        <v>43320.5</v>
      </c>
      <c r="D5270">
        <v>193770.40239999999</v>
      </c>
      <c r="E5270">
        <v>32466.739219999999</v>
      </c>
      <c r="F5270">
        <v>97881.574949999995</v>
      </c>
      <c r="G5270">
        <v>35767.791940000003</v>
      </c>
      <c r="H5270">
        <v>47530.430820000001</v>
      </c>
      <c r="I5270">
        <v>32669.177479999998</v>
      </c>
      <c r="J5270">
        <v>55818.22436</v>
      </c>
      <c r="K5270">
        <v>60661.107530000001</v>
      </c>
      <c r="L5270">
        <v>37007.74237</v>
      </c>
      <c r="M5270">
        <v>356801.04350000003</v>
      </c>
      <c r="N5270">
        <v>94459.245920000001</v>
      </c>
      <c r="O5270">
        <v>24585.661520000001</v>
      </c>
      <c r="P5270">
        <v>40635.65984</v>
      </c>
      <c r="Q5270">
        <v>100897.55160000001</v>
      </c>
      <c r="R5270">
        <v>26255.296439999998</v>
      </c>
      <c r="S5270">
        <v>114256.04519999999</v>
      </c>
      <c r="T5270">
        <v>28213.723239999999</v>
      </c>
      <c r="U5270">
        <v>22632.79968</v>
      </c>
      <c r="W5270" s="83">
        <f>Bühler!N5302</f>
        <v>45511.499999987223</v>
      </c>
      <c r="X5270" s="83">
        <v>43320.5</v>
      </c>
      <c r="Y5270">
        <v>193770.40239999999</v>
      </c>
      <c r="Z5270">
        <v>32466.739219999999</v>
      </c>
      <c r="AA5270">
        <v>97881.574949999995</v>
      </c>
      <c r="AB5270">
        <v>35767.791940000003</v>
      </c>
      <c r="AC5270">
        <v>47530.430820000001</v>
      </c>
      <c r="AD5270">
        <v>32669.177479999998</v>
      </c>
      <c r="AE5270">
        <v>55818.22436</v>
      </c>
      <c r="AF5270">
        <v>60661.107530000001</v>
      </c>
      <c r="AG5270">
        <v>37007.74237</v>
      </c>
      <c r="AH5270">
        <v>356801.04350000003</v>
      </c>
      <c r="AI5270">
        <v>94459.245920000001</v>
      </c>
      <c r="AJ5270">
        <v>24585.661520000001</v>
      </c>
      <c r="AK5270">
        <v>40635.65984</v>
      </c>
      <c r="AL5270">
        <v>100897.55160000001</v>
      </c>
      <c r="AM5270">
        <v>26255.296439999998</v>
      </c>
      <c r="AN5270">
        <v>114256.04519999999</v>
      </c>
      <c r="AO5270">
        <v>28213.723239999999</v>
      </c>
      <c r="AP5270">
        <v>22632.79968</v>
      </c>
    </row>
    <row r="5271" spans="2:42" x14ac:dyDescent="0.3">
      <c r="B5271">
        <v>70.202409135197399</v>
      </c>
      <c r="C5271" s="83">
        <v>43320.541666666664</v>
      </c>
      <c r="D5271">
        <v>195028.71189999999</v>
      </c>
      <c r="E5271">
        <v>33180.008110000002</v>
      </c>
      <c r="F5271">
        <v>94635.802179999999</v>
      </c>
      <c r="G5271">
        <v>35853.790800000002</v>
      </c>
      <c r="H5271">
        <v>47592.984980000001</v>
      </c>
      <c r="I5271">
        <v>32966.800900000002</v>
      </c>
      <c r="J5271">
        <v>54874.589070000002</v>
      </c>
      <c r="K5271">
        <v>62786.581890000001</v>
      </c>
      <c r="L5271">
        <v>36762.739710000002</v>
      </c>
      <c r="M5271">
        <v>357924.6201</v>
      </c>
      <c r="N5271">
        <v>94512.33296</v>
      </c>
      <c r="O5271">
        <v>26016.5016</v>
      </c>
      <c r="P5271">
        <v>39972.33352</v>
      </c>
      <c r="Q5271">
        <v>100966.3861</v>
      </c>
      <c r="R5271">
        <v>25965.6911</v>
      </c>
      <c r="S5271">
        <v>115785.40089999999</v>
      </c>
      <c r="T5271">
        <v>28834.97323</v>
      </c>
      <c r="U5271">
        <v>24672.91301</v>
      </c>
      <c r="W5271" s="83">
        <f>Bühler!N5303</f>
        <v>45511.541666653888</v>
      </c>
      <c r="X5271" s="83">
        <v>43320.541666666664</v>
      </c>
      <c r="Y5271">
        <v>195028.71189999999</v>
      </c>
      <c r="Z5271">
        <v>33180.008110000002</v>
      </c>
      <c r="AA5271">
        <v>94635.802179999999</v>
      </c>
      <c r="AB5271">
        <v>35853.790800000002</v>
      </c>
      <c r="AC5271">
        <v>47592.984980000001</v>
      </c>
      <c r="AD5271">
        <v>32966.800900000002</v>
      </c>
      <c r="AE5271">
        <v>54874.589070000002</v>
      </c>
      <c r="AF5271">
        <v>62786.581890000001</v>
      </c>
      <c r="AG5271">
        <v>36762.739710000002</v>
      </c>
      <c r="AH5271">
        <v>357924.6201</v>
      </c>
      <c r="AI5271">
        <v>94512.33296</v>
      </c>
      <c r="AJ5271">
        <v>26016.5016</v>
      </c>
      <c r="AK5271">
        <v>39972.33352</v>
      </c>
      <c r="AL5271">
        <v>100966.3861</v>
      </c>
      <c r="AM5271">
        <v>25965.6911</v>
      </c>
      <c r="AN5271">
        <v>115785.40089999999</v>
      </c>
      <c r="AO5271">
        <v>28834.97323</v>
      </c>
      <c r="AP5271">
        <v>24672.91301</v>
      </c>
    </row>
    <row r="5272" spans="2:42" x14ac:dyDescent="0.3">
      <c r="B5272">
        <v>70.234436099591832</v>
      </c>
      <c r="C5272" s="83">
        <v>43320.583333333336</v>
      </c>
      <c r="D5272">
        <v>195770.0288</v>
      </c>
      <c r="E5272">
        <v>36075.403689999999</v>
      </c>
      <c r="F5272">
        <v>103868.12699999999</v>
      </c>
      <c r="G5272">
        <v>36180.141810000001</v>
      </c>
      <c r="H5272">
        <v>48257.103810000001</v>
      </c>
      <c r="I5272">
        <v>33759.247309999999</v>
      </c>
      <c r="J5272">
        <v>54753.884160000001</v>
      </c>
      <c r="K5272">
        <v>63955.231019999999</v>
      </c>
      <c r="L5272">
        <v>34147.076829999998</v>
      </c>
      <c r="M5272">
        <v>358087.90850000002</v>
      </c>
      <c r="N5272">
        <v>100412.31759999999</v>
      </c>
      <c r="O5272">
        <v>26332.21213</v>
      </c>
      <c r="P5272">
        <v>36760.317990000003</v>
      </c>
      <c r="Q5272">
        <v>101533.7451</v>
      </c>
      <c r="R5272">
        <v>25651.649730000001</v>
      </c>
      <c r="S5272">
        <v>113724.5275</v>
      </c>
      <c r="T5272">
        <v>28422.13751</v>
      </c>
      <c r="U5272">
        <v>25062.50894</v>
      </c>
      <c r="W5272" s="83">
        <f>Bühler!N5304</f>
        <v>45511.583333320552</v>
      </c>
      <c r="X5272" s="83">
        <v>43320.583333333336</v>
      </c>
      <c r="Y5272">
        <v>195770.0288</v>
      </c>
      <c r="Z5272">
        <v>36075.403689999999</v>
      </c>
      <c r="AA5272">
        <v>103868.12699999999</v>
      </c>
      <c r="AB5272">
        <v>36180.141810000001</v>
      </c>
      <c r="AC5272">
        <v>48257.103810000001</v>
      </c>
      <c r="AD5272">
        <v>33759.247309999999</v>
      </c>
      <c r="AE5272">
        <v>54753.884160000001</v>
      </c>
      <c r="AF5272">
        <v>63955.231019999999</v>
      </c>
      <c r="AG5272">
        <v>34147.076829999998</v>
      </c>
      <c r="AH5272">
        <v>358087.90850000002</v>
      </c>
      <c r="AI5272">
        <v>100412.31759999999</v>
      </c>
      <c r="AJ5272">
        <v>26332.21213</v>
      </c>
      <c r="AK5272">
        <v>36760.317990000003</v>
      </c>
      <c r="AL5272">
        <v>101533.7451</v>
      </c>
      <c r="AM5272">
        <v>25651.649730000001</v>
      </c>
      <c r="AN5272">
        <v>113724.5275</v>
      </c>
      <c r="AO5272">
        <v>28422.13751</v>
      </c>
      <c r="AP5272">
        <v>25062.50894</v>
      </c>
    </row>
    <row r="5273" spans="2:42" x14ac:dyDescent="0.3">
      <c r="B5273">
        <v>69.949447790844317</v>
      </c>
      <c r="C5273" s="83">
        <v>43320.625</v>
      </c>
      <c r="D5273">
        <v>195405.3351</v>
      </c>
      <c r="E5273">
        <v>36388.847560000002</v>
      </c>
      <c r="F5273">
        <v>106756.66899999999</v>
      </c>
      <c r="G5273">
        <v>36241.246850000003</v>
      </c>
      <c r="H5273">
        <v>47964.71976</v>
      </c>
      <c r="I5273">
        <v>34377.723960000003</v>
      </c>
      <c r="J5273">
        <v>54572.224170000001</v>
      </c>
      <c r="K5273">
        <v>62532.872100000001</v>
      </c>
      <c r="L5273">
        <v>30848.899529999999</v>
      </c>
      <c r="M5273">
        <v>356634.90519999998</v>
      </c>
      <c r="N5273">
        <v>98224.605880000003</v>
      </c>
      <c r="O5273">
        <v>26005.383720000002</v>
      </c>
      <c r="P5273">
        <v>34476.079489999996</v>
      </c>
      <c r="Q5273">
        <v>101486.3364</v>
      </c>
      <c r="R5273">
        <v>25863.947800000002</v>
      </c>
      <c r="S5273">
        <v>113961.341</v>
      </c>
      <c r="T5273">
        <v>28715.593819999998</v>
      </c>
      <c r="U5273">
        <v>25000.144639999999</v>
      </c>
      <c r="W5273" s="83">
        <f>Bühler!N5305</f>
        <v>45511.624999987216</v>
      </c>
      <c r="X5273" s="83">
        <v>43320.625</v>
      </c>
      <c r="Y5273">
        <v>195405.3351</v>
      </c>
      <c r="Z5273">
        <v>36388.847560000002</v>
      </c>
      <c r="AA5273">
        <v>106756.66899999999</v>
      </c>
      <c r="AB5273">
        <v>36241.246850000003</v>
      </c>
      <c r="AC5273">
        <v>47964.71976</v>
      </c>
      <c r="AD5273">
        <v>34377.723960000003</v>
      </c>
      <c r="AE5273">
        <v>54572.224170000001</v>
      </c>
      <c r="AF5273">
        <v>62532.872100000001</v>
      </c>
      <c r="AG5273">
        <v>30848.899529999999</v>
      </c>
      <c r="AH5273">
        <v>356634.90519999998</v>
      </c>
      <c r="AI5273">
        <v>98224.605880000003</v>
      </c>
      <c r="AJ5273">
        <v>26005.383720000002</v>
      </c>
      <c r="AK5273">
        <v>34476.079489999996</v>
      </c>
      <c r="AL5273">
        <v>101486.3364</v>
      </c>
      <c r="AM5273">
        <v>25863.947800000002</v>
      </c>
      <c r="AN5273">
        <v>113961.341</v>
      </c>
      <c r="AO5273">
        <v>28715.593819999998</v>
      </c>
      <c r="AP5273">
        <v>25000.144639999999</v>
      </c>
    </row>
    <row r="5274" spans="2:42" x14ac:dyDescent="0.3">
      <c r="B5274">
        <v>68.962861244492686</v>
      </c>
      <c r="C5274" s="83">
        <v>43320.666666666664</v>
      </c>
      <c r="D5274">
        <v>190016.83050000001</v>
      </c>
      <c r="E5274">
        <v>35900.481480000002</v>
      </c>
      <c r="F5274">
        <v>106633.61689999999</v>
      </c>
      <c r="G5274">
        <v>35940.838649999998</v>
      </c>
      <c r="H5274">
        <v>47086.76685</v>
      </c>
      <c r="I5274">
        <v>35032.1976</v>
      </c>
      <c r="J5274">
        <v>54097.2212</v>
      </c>
      <c r="K5274">
        <v>60044.75318</v>
      </c>
      <c r="L5274">
        <v>30121.173620000001</v>
      </c>
      <c r="M5274">
        <v>351604.82689999999</v>
      </c>
      <c r="N5274">
        <v>95165.374760000006</v>
      </c>
      <c r="O5274">
        <v>25974.082969999999</v>
      </c>
      <c r="P5274">
        <v>33792.695570000003</v>
      </c>
      <c r="Q5274">
        <v>99873.277679999999</v>
      </c>
      <c r="R5274">
        <v>25911.338449999999</v>
      </c>
      <c r="S5274">
        <v>111417.30839999999</v>
      </c>
      <c r="T5274">
        <v>28820.94153</v>
      </c>
      <c r="U5274">
        <v>23419.598010000002</v>
      </c>
      <c r="W5274" s="83">
        <f>Bühler!N5306</f>
        <v>45511.66666665388</v>
      </c>
      <c r="X5274" s="83">
        <v>43320.666666666664</v>
      </c>
      <c r="Y5274">
        <v>190016.83050000001</v>
      </c>
      <c r="Z5274">
        <v>35900.481480000002</v>
      </c>
      <c r="AA5274">
        <v>106633.61689999999</v>
      </c>
      <c r="AB5274">
        <v>35940.838649999998</v>
      </c>
      <c r="AC5274">
        <v>47086.76685</v>
      </c>
      <c r="AD5274">
        <v>35032.1976</v>
      </c>
      <c r="AE5274">
        <v>54097.2212</v>
      </c>
      <c r="AF5274">
        <v>60044.75318</v>
      </c>
      <c r="AG5274">
        <v>30121.173620000001</v>
      </c>
      <c r="AH5274">
        <v>351604.82689999999</v>
      </c>
      <c r="AI5274">
        <v>95165.374760000006</v>
      </c>
      <c r="AJ5274">
        <v>25974.082969999999</v>
      </c>
      <c r="AK5274">
        <v>33792.695570000003</v>
      </c>
      <c r="AL5274">
        <v>99873.277679999999</v>
      </c>
      <c r="AM5274">
        <v>25911.338449999999</v>
      </c>
      <c r="AN5274">
        <v>111417.30839999999</v>
      </c>
      <c r="AO5274">
        <v>28820.94153</v>
      </c>
      <c r="AP5274">
        <v>23419.598010000002</v>
      </c>
    </row>
    <row r="5275" spans="2:42" x14ac:dyDescent="0.3">
      <c r="B5275">
        <v>67.904180253391033</v>
      </c>
      <c r="C5275" s="83">
        <v>43320.708333333336</v>
      </c>
      <c r="D5275">
        <v>182383.6991</v>
      </c>
      <c r="E5275">
        <v>33783.670100000003</v>
      </c>
      <c r="F5275">
        <v>105551.8931</v>
      </c>
      <c r="G5275">
        <v>34781.982320000003</v>
      </c>
      <c r="H5275">
        <v>45475.046520000004</v>
      </c>
      <c r="I5275">
        <v>34407.845249999998</v>
      </c>
      <c r="J5275">
        <v>54413.689969999999</v>
      </c>
      <c r="K5275">
        <v>57014.909209999998</v>
      </c>
      <c r="L5275">
        <v>30913.401389999999</v>
      </c>
      <c r="M5275">
        <v>346207.17749999999</v>
      </c>
      <c r="N5275">
        <v>91810.533689999997</v>
      </c>
      <c r="O5275">
        <v>24666.326270000001</v>
      </c>
      <c r="P5275">
        <v>35780.2382</v>
      </c>
      <c r="Q5275">
        <v>98508.346520000006</v>
      </c>
      <c r="R5275">
        <v>26335.758290000002</v>
      </c>
      <c r="S5275">
        <v>109160.3854</v>
      </c>
      <c r="T5275">
        <v>28264.826400000002</v>
      </c>
      <c r="U5275">
        <v>21680.31565</v>
      </c>
      <c r="W5275" s="83">
        <f>Bühler!N5307</f>
        <v>45511.708333320545</v>
      </c>
      <c r="X5275" s="83">
        <v>43320.708333333336</v>
      </c>
      <c r="Y5275">
        <v>182383.6991</v>
      </c>
      <c r="Z5275">
        <v>33783.670100000003</v>
      </c>
      <c r="AA5275">
        <v>105551.8931</v>
      </c>
      <c r="AB5275">
        <v>34781.982320000003</v>
      </c>
      <c r="AC5275">
        <v>45475.046520000004</v>
      </c>
      <c r="AD5275">
        <v>34407.845249999998</v>
      </c>
      <c r="AE5275">
        <v>54413.689969999999</v>
      </c>
      <c r="AF5275">
        <v>57014.909209999998</v>
      </c>
      <c r="AG5275">
        <v>30913.401389999999</v>
      </c>
      <c r="AH5275">
        <v>346207.17749999999</v>
      </c>
      <c r="AI5275">
        <v>91810.533689999997</v>
      </c>
      <c r="AJ5275">
        <v>24666.326270000001</v>
      </c>
      <c r="AK5275">
        <v>35780.2382</v>
      </c>
      <c r="AL5275">
        <v>98508.346520000006</v>
      </c>
      <c r="AM5275">
        <v>26335.758290000002</v>
      </c>
      <c r="AN5275">
        <v>109160.3854</v>
      </c>
      <c r="AO5275">
        <v>28264.826400000002</v>
      </c>
      <c r="AP5275">
        <v>21680.31565</v>
      </c>
    </row>
    <row r="5276" spans="2:42" x14ac:dyDescent="0.3">
      <c r="B5276">
        <v>66.641498190154991</v>
      </c>
      <c r="C5276" s="83">
        <v>43320.75</v>
      </c>
      <c r="D5276">
        <v>178081.39790000001</v>
      </c>
      <c r="E5276">
        <v>30733.77895</v>
      </c>
      <c r="F5276">
        <v>104234.33130000001</v>
      </c>
      <c r="G5276">
        <v>33030.334569999999</v>
      </c>
      <c r="H5276">
        <v>43817.351000000002</v>
      </c>
      <c r="I5276">
        <v>33416.915679999998</v>
      </c>
      <c r="J5276">
        <v>54842.439270000003</v>
      </c>
      <c r="K5276">
        <v>54223.311690000002</v>
      </c>
      <c r="L5276">
        <v>32291.96299</v>
      </c>
      <c r="M5276">
        <v>339769.43550000002</v>
      </c>
      <c r="N5276">
        <v>88727.789659999995</v>
      </c>
      <c r="O5276">
        <v>22970.808130000001</v>
      </c>
      <c r="P5276">
        <v>39621.498610000002</v>
      </c>
      <c r="Q5276">
        <v>97014.193759999995</v>
      </c>
      <c r="R5276">
        <v>24962.58813</v>
      </c>
      <c r="S5276">
        <v>102272.9659</v>
      </c>
      <c r="T5276">
        <v>27664.334640000001</v>
      </c>
      <c r="U5276">
        <v>20986.65566</v>
      </c>
      <c r="W5276" s="83">
        <f>Bühler!N5308</f>
        <v>45511.749999987209</v>
      </c>
      <c r="X5276" s="83">
        <v>43320.75</v>
      </c>
      <c r="Y5276">
        <v>178081.39790000001</v>
      </c>
      <c r="Z5276">
        <v>30733.77895</v>
      </c>
      <c r="AA5276">
        <v>104234.33130000001</v>
      </c>
      <c r="AB5276">
        <v>33030.334569999999</v>
      </c>
      <c r="AC5276">
        <v>43817.351000000002</v>
      </c>
      <c r="AD5276">
        <v>33416.915679999998</v>
      </c>
      <c r="AE5276">
        <v>54842.439270000003</v>
      </c>
      <c r="AF5276">
        <v>54223.311690000002</v>
      </c>
      <c r="AG5276">
        <v>32291.96299</v>
      </c>
      <c r="AH5276">
        <v>339769.43550000002</v>
      </c>
      <c r="AI5276">
        <v>88727.789659999995</v>
      </c>
      <c r="AJ5276">
        <v>22970.808130000001</v>
      </c>
      <c r="AK5276">
        <v>39621.498610000002</v>
      </c>
      <c r="AL5276">
        <v>97014.193759999995</v>
      </c>
      <c r="AM5276">
        <v>24962.58813</v>
      </c>
      <c r="AN5276">
        <v>102272.9659</v>
      </c>
      <c r="AO5276">
        <v>27664.334640000001</v>
      </c>
      <c r="AP5276">
        <v>20986.65566</v>
      </c>
    </row>
    <row r="5277" spans="2:42" x14ac:dyDescent="0.3">
      <c r="B5277">
        <v>65.738175172780032</v>
      </c>
      <c r="C5277" s="83">
        <v>43320.791666666664</v>
      </c>
      <c r="D5277">
        <v>173108.88039999999</v>
      </c>
      <c r="E5277">
        <v>25104.911359999998</v>
      </c>
      <c r="F5277">
        <v>94342.897559999998</v>
      </c>
      <c r="G5277">
        <v>32247.061829999999</v>
      </c>
      <c r="H5277">
        <v>41205.141510000001</v>
      </c>
      <c r="I5277">
        <v>32303.673360000001</v>
      </c>
      <c r="J5277">
        <v>54321.265740000003</v>
      </c>
      <c r="K5277">
        <v>53332.760340000001</v>
      </c>
      <c r="L5277">
        <v>32149.04509</v>
      </c>
      <c r="M5277">
        <v>335163.87349999999</v>
      </c>
      <c r="N5277">
        <v>84838.475049999994</v>
      </c>
      <c r="O5277">
        <v>22111.562279999998</v>
      </c>
      <c r="P5277">
        <v>42292.814259999999</v>
      </c>
      <c r="Q5277">
        <v>94644.701449999993</v>
      </c>
      <c r="R5277">
        <v>23382.483059999999</v>
      </c>
      <c r="S5277">
        <v>98234.000270000004</v>
      </c>
      <c r="T5277">
        <v>26328.413570000001</v>
      </c>
      <c r="U5277">
        <v>20353.395670000002</v>
      </c>
      <c r="W5277" s="83">
        <f>Bühler!N5309</f>
        <v>45511.791666653873</v>
      </c>
      <c r="X5277" s="83">
        <v>43320.791666666664</v>
      </c>
      <c r="Y5277">
        <v>173108.88039999999</v>
      </c>
      <c r="Z5277">
        <v>25104.911359999998</v>
      </c>
      <c r="AA5277">
        <v>94342.897559999998</v>
      </c>
      <c r="AB5277">
        <v>32247.061829999999</v>
      </c>
      <c r="AC5277">
        <v>41205.141510000001</v>
      </c>
      <c r="AD5277">
        <v>32303.673360000001</v>
      </c>
      <c r="AE5277">
        <v>54321.265740000003</v>
      </c>
      <c r="AF5277">
        <v>53332.760340000001</v>
      </c>
      <c r="AG5277">
        <v>32149.04509</v>
      </c>
      <c r="AH5277">
        <v>335163.87349999999</v>
      </c>
      <c r="AI5277">
        <v>84838.475049999994</v>
      </c>
      <c r="AJ5277">
        <v>22111.562279999998</v>
      </c>
      <c r="AK5277">
        <v>42292.814259999999</v>
      </c>
      <c r="AL5277">
        <v>94644.701449999993</v>
      </c>
      <c r="AM5277">
        <v>23382.483059999999</v>
      </c>
      <c r="AN5277">
        <v>98234.000270000004</v>
      </c>
      <c r="AO5277">
        <v>26328.413570000001</v>
      </c>
      <c r="AP5277">
        <v>20353.395670000002</v>
      </c>
    </row>
    <row r="5278" spans="2:42" x14ac:dyDescent="0.3">
      <c r="B5278">
        <v>63.655029578074348</v>
      </c>
      <c r="C5278" s="83">
        <v>43320.833333333336</v>
      </c>
      <c r="D5278">
        <v>167801.35569999999</v>
      </c>
      <c r="E5278">
        <v>18421.869770000001</v>
      </c>
      <c r="F5278">
        <v>77506.521890000004</v>
      </c>
      <c r="G5278">
        <v>30494.65393</v>
      </c>
      <c r="H5278">
        <v>38617.692499999997</v>
      </c>
      <c r="I5278">
        <v>30094.163280000001</v>
      </c>
      <c r="J5278">
        <v>52456.512719999999</v>
      </c>
      <c r="K5278">
        <v>53956.962</v>
      </c>
      <c r="L5278">
        <v>31246.566459999998</v>
      </c>
      <c r="M5278">
        <v>324543.0258</v>
      </c>
      <c r="N5278">
        <v>83244.073529999994</v>
      </c>
      <c r="O5278">
        <v>20453.50402</v>
      </c>
      <c r="P5278">
        <v>42264.414479999999</v>
      </c>
      <c r="Q5278">
        <v>91552.65019</v>
      </c>
      <c r="R5278">
        <v>22096.539570000001</v>
      </c>
      <c r="S5278">
        <v>89555.766610000006</v>
      </c>
      <c r="T5278">
        <v>24688.16072</v>
      </c>
      <c r="U5278">
        <v>19746.607650000002</v>
      </c>
      <c r="W5278" s="83">
        <f>Bühler!N5310</f>
        <v>45511.833333320537</v>
      </c>
      <c r="X5278" s="83">
        <v>43320.833333333336</v>
      </c>
      <c r="Y5278">
        <v>167801.35569999999</v>
      </c>
      <c r="Z5278">
        <v>18421.869770000001</v>
      </c>
      <c r="AA5278">
        <v>77506.521890000004</v>
      </c>
      <c r="AB5278">
        <v>30494.65393</v>
      </c>
      <c r="AC5278">
        <v>38617.692499999997</v>
      </c>
      <c r="AD5278">
        <v>30094.163280000001</v>
      </c>
      <c r="AE5278">
        <v>52456.512719999999</v>
      </c>
      <c r="AF5278">
        <v>53956.962</v>
      </c>
      <c r="AG5278">
        <v>31246.566459999998</v>
      </c>
      <c r="AH5278">
        <v>324543.0258</v>
      </c>
      <c r="AI5278">
        <v>83244.073529999994</v>
      </c>
      <c r="AJ5278">
        <v>20453.50402</v>
      </c>
      <c r="AK5278">
        <v>42264.414479999999</v>
      </c>
      <c r="AL5278">
        <v>91552.65019</v>
      </c>
      <c r="AM5278">
        <v>22096.539570000001</v>
      </c>
      <c r="AN5278">
        <v>89555.766610000006</v>
      </c>
      <c r="AO5278">
        <v>24688.16072</v>
      </c>
      <c r="AP5278">
        <v>19746.607650000002</v>
      </c>
    </row>
    <row r="5279" spans="2:42" x14ac:dyDescent="0.3">
      <c r="B5279">
        <v>61.571027098237536</v>
      </c>
      <c r="C5279" s="83">
        <v>43320.875</v>
      </c>
      <c r="D5279">
        <v>162360.9817</v>
      </c>
      <c r="E5279">
        <v>15875.3361</v>
      </c>
      <c r="F5279">
        <v>67664.934240000002</v>
      </c>
      <c r="G5279">
        <v>29910.710739999999</v>
      </c>
      <c r="H5279">
        <v>37080.530290000002</v>
      </c>
      <c r="I5279">
        <v>27571.61593</v>
      </c>
      <c r="J5279">
        <v>51425.635589999998</v>
      </c>
      <c r="K5279">
        <v>53517.290209999999</v>
      </c>
      <c r="L5279">
        <v>30131.070090000001</v>
      </c>
      <c r="M5279">
        <v>313917.80930000002</v>
      </c>
      <c r="N5279">
        <v>81474.928549999997</v>
      </c>
      <c r="O5279">
        <v>19863.03241</v>
      </c>
      <c r="P5279">
        <v>40157.569340000002</v>
      </c>
      <c r="Q5279">
        <v>88676.159679999997</v>
      </c>
      <c r="R5279">
        <v>22061.00346</v>
      </c>
      <c r="S5279">
        <v>85424.722429999994</v>
      </c>
      <c r="T5279">
        <v>23338.554329999999</v>
      </c>
      <c r="U5279">
        <v>19689.33914</v>
      </c>
      <c r="W5279" s="83">
        <f>Bühler!N5311</f>
        <v>45511.874999987202</v>
      </c>
      <c r="X5279" s="83">
        <v>43320.875</v>
      </c>
      <c r="Y5279">
        <v>162360.9817</v>
      </c>
      <c r="Z5279">
        <v>15875.3361</v>
      </c>
      <c r="AA5279">
        <v>67664.934240000002</v>
      </c>
      <c r="AB5279">
        <v>29910.710739999999</v>
      </c>
      <c r="AC5279">
        <v>37080.530290000002</v>
      </c>
      <c r="AD5279">
        <v>27571.61593</v>
      </c>
      <c r="AE5279">
        <v>51425.635589999998</v>
      </c>
      <c r="AF5279">
        <v>53517.290209999999</v>
      </c>
      <c r="AG5279">
        <v>30131.070090000001</v>
      </c>
      <c r="AH5279">
        <v>313917.80930000002</v>
      </c>
      <c r="AI5279">
        <v>81474.928549999997</v>
      </c>
      <c r="AJ5279">
        <v>19863.03241</v>
      </c>
      <c r="AK5279">
        <v>40157.569340000002</v>
      </c>
      <c r="AL5279">
        <v>88676.159679999997</v>
      </c>
      <c r="AM5279">
        <v>22061.00346</v>
      </c>
      <c r="AN5279">
        <v>85424.722429999994</v>
      </c>
      <c r="AO5279">
        <v>23338.554329999999</v>
      </c>
      <c r="AP5279">
        <v>19689.33914</v>
      </c>
    </row>
    <row r="5280" spans="2:42" x14ac:dyDescent="0.3">
      <c r="B5280">
        <v>60.521190413830404</v>
      </c>
      <c r="C5280" s="83">
        <v>43320.916666666664</v>
      </c>
      <c r="D5280">
        <v>160269.35769999999</v>
      </c>
      <c r="E5280">
        <v>14866.276470000001</v>
      </c>
      <c r="F5280">
        <v>63717.286480000002</v>
      </c>
      <c r="G5280">
        <v>29901.627939999998</v>
      </c>
      <c r="H5280">
        <v>37330.720070000003</v>
      </c>
      <c r="I5280">
        <v>26494.85396</v>
      </c>
      <c r="J5280">
        <v>50058.724459999998</v>
      </c>
      <c r="K5280">
        <v>56088.134879999998</v>
      </c>
      <c r="L5280">
        <v>27138.7988</v>
      </c>
      <c r="M5280">
        <v>308565.25229999999</v>
      </c>
      <c r="N5280">
        <v>80317.311690000002</v>
      </c>
      <c r="O5280">
        <v>19630.34751</v>
      </c>
      <c r="P5280">
        <v>42045.21991</v>
      </c>
      <c r="Q5280">
        <v>88379.780029999994</v>
      </c>
      <c r="R5280">
        <v>23105.761200000001</v>
      </c>
      <c r="S5280">
        <v>84109.962809999997</v>
      </c>
      <c r="T5280">
        <v>21090.749830000001</v>
      </c>
      <c r="U5280">
        <v>19861.043799999999</v>
      </c>
      <c r="W5280" s="83">
        <f>Bühler!N5312</f>
        <v>45511.916666653866</v>
      </c>
      <c r="X5280" s="83">
        <v>43320.916666666664</v>
      </c>
      <c r="Y5280">
        <v>160269.35769999999</v>
      </c>
      <c r="Z5280">
        <v>14866.276470000001</v>
      </c>
      <c r="AA5280">
        <v>63717.286480000002</v>
      </c>
      <c r="AB5280">
        <v>29901.627939999998</v>
      </c>
      <c r="AC5280">
        <v>37330.720070000003</v>
      </c>
      <c r="AD5280">
        <v>26494.85396</v>
      </c>
      <c r="AE5280">
        <v>50058.724459999998</v>
      </c>
      <c r="AF5280">
        <v>56088.134879999998</v>
      </c>
      <c r="AG5280">
        <v>27138.7988</v>
      </c>
      <c r="AH5280">
        <v>308565.25229999999</v>
      </c>
      <c r="AI5280">
        <v>80317.311690000002</v>
      </c>
      <c r="AJ5280">
        <v>19630.34751</v>
      </c>
      <c r="AK5280">
        <v>42045.21991</v>
      </c>
      <c r="AL5280">
        <v>88379.780029999994</v>
      </c>
      <c r="AM5280">
        <v>23105.761200000001</v>
      </c>
      <c r="AN5280">
        <v>84109.962809999997</v>
      </c>
      <c r="AO5280">
        <v>21090.749830000001</v>
      </c>
      <c r="AP5280">
        <v>19861.043799999999</v>
      </c>
    </row>
    <row r="5281" spans="2:42" x14ac:dyDescent="0.3">
      <c r="B5281">
        <v>60.223080002177277</v>
      </c>
      <c r="C5281" s="83">
        <v>43320.958333333336</v>
      </c>
      <c r="D5281">
        <v>158953.02789999999</v>
      </c>
      <c r="E5281">
        <v>14064.62739</v>
      </c>
      <c r="F5281">
        <v>63237.630210000003</v>
      </c>
      <c r="G5281">
        <v>30098.20492</v>
      </c>
      <c r="H5281">
        <v>36533.601340000001</v>
      </c>
      <c r="I5281">
        <v>25738.3262</v>
      </c>
      <c r="J5281">
        <v>44581.240109999999</v>
      </c>
      <c r="K5281">
        <v>55349.533380000001</v>
      </c>
      <c r="L5281">
        <v>22823.436559999998</v>
      </c>
      <c r="M5281">
        <v>307045.34639999998</v>
      </c>
      <c r="N5281">
        <v>79101.868229999993</v>
      </c>
      <c r="O5281">
        <v>18542.678489999998</v>
      </c>
      <c r="P5281">
        <v>36632.378230000002</v>
      </c>
      <c r="Q5281">
        <v>87372.374429999996</v>
      </c>
      <c r="R5281">
        <v>22990.945179999999</v>
      </c>
      <c r="S5281">
        <v>81610.995670000004</v>
      </c>
      <c r="T5281">
        <v>19825.78743</v>
      </c>
      <c r="U5281">
        <v>19104.941289999999</v>
      </c>
      <c r="W5281" s="83">
        <f>Bühler!N5313</f>
        <v>45511.95833332053</v>
      </c>
      <c r="X5281" s="83">
        <v>43320.958333333336</v>
      </c>
      <c r="Y5281">
        <v>158953.02789999999</v>
      </c>
      <c r="Z5281">
        <v>14064.62739</v>
      </c>
      <c r="AA5281">
        <v>63237.630210000003</v>
      </c>
      <c r="AB5281">
        <v>30098.20492</v>
      </c>
      <c r="AC5281">
        <v>36533.601340000001</v>
      </c>
      <c r="AD5281">
        <v>25738.3262</v>
      </c>
      <c r="AE5281">
        <v>44581.240109999999</v>
      </c>
      <c r="AF5281">
        <v>55349.533380000001</v>
      </c>
      <c r="AG5281">
        <v>22823.436559999998</v>
      </c>
      <c r="AH5281">
        <v>307045.34639999998</v>
      </c>
      <c r="AI5281">
        <v>79101.868229999993</v>
      </c>
      <c r="AJ5281">
        <v>18542.678489999998</v>
      </c>
      <c r="AK5281">
        <v>36632.378230000002</v>
      </c>
      <c r="AL5281">
        <v>87372.374429999996</v>
      </c>
      <c r="AM5281">
        <v>22990.945179999999</v>
      </c>
      <c r="AN5281">
        <v>81610.995670000004</v>
      </c>
      <c r="AO5281">
        <v>19825.78743</v>
      </c>
      <c r="AP5281">
        <v>19104.941289999999</v>
      </c>
    </row>
    <row r="5282" spans="2:42" x14ac:dyDescent="0.3">
      <c r="B5282">
        <v>59.529089621014371</v>
      </c>
      <c r="C5282" s="83">
        <v>43321</v>
      </c>
      <c r="D5282">
        <v>156796.32699999999</v>
      </c>
      <c r="E5282">
        <v>13661.42022</v>
      </c>
      <c r="F5282">
        <v>60901.700720000001</v>
      </c>
      <c r="G5282">
        <v>29706.442859999999</v>
      </c>
      <c r="H5282">
        <v>35777.08642</v>
      </c>
      <c r="I5282">
        <v>24178.50776</v>
      </c>
      <c r="J5282">
        <v>40375.820769999998</v>
      </c>
      <c r="K5282">
        <v>52499.16764</v>
      </c>
      <c r="L5282">
        <v>19574.60037</v>
      </c>
      <c r="M5282">
        <v>303507.05979999999</v>
      </c>
      <c r="N5282">
        <v>77488.889009999999</v>
      </c>
      <c r="O5282">
        <v>18713.28124</v>
      </c>
      <c r="P5282">
        <v>32288.130369999999</v>
      </c>
      <c r="Q5282">
        <v>85723.165240000002</v>
      </c>
      <c r="R5282">
        <v>18343.74899</v>
      </c>
      <c r="S5282">
        <v>79265.749739999999</v>
      </c>
      <c r="T5282">
        <v>18527.64472</v>
      </c>
      <c r="U5282">
        <v>18863.477650000001</v>
      </c>
      <c r="W5282" s="83">
        <f>Bühler!N5314</f>
        <v>45511.999999987194</v>
      </c>
      <c r="X5282" s="83">
        <v>43321</v>
      </c>
      <c r="Y5282">
        <v>156796.32699999999</v>
      </c>
      <c r="Z5282">
        <v>13661.42022</v>
      </c>
      <c r="AA5282">
        <v>60901.700720000001</v>
      </c>
      <c r="AB5282">
        <v>29706.442859999999</v>
      </c>
      <c r="AC5282">
        <v>35777.08642</v>
      </c>
      <c r="AD5282">
        <v>24178.50776</v>
      </c>
      <c r="AE5282">
        <v>40375.820769999998</v>
      </c>
      <c r="AF5282">
        <v>52499.16764</v>
      </c>
      <c r="AG5282">
        <v>19574.60037</v>
      </c>
      <c r="AH5282">
        <v>303507.05979999999</v>
      </c>
      <c r="AI5282">
        <v>77488.889009999999</v>
      </c>
      <c r="AJ5282">
        <v>18713.28124</v>
      </c>
      <c r="AK5282">
        <v>32288.130369999999</v>
      </c>
      <c r="AL5282">
        <v>85723.165240000002</v>
      </c>
      <c r="AM5282">
        <v>18343.74899</v>
      </c>
      <c r="AN5282">
        <v>79265.749739999999</v>
      </c>
      <c r="AO5282">
        <v>18527.64472</v>
      </c>
      <c r="AP5282">
        <v>18863.477650000001</v>
      </c>
    </row>
    <row r="5283" spans="2:42" x14ac:dyDescent="0.3">
      <c r="B5283">
        <v>58.766423215236252</v>
      </c>
      <c r="C5283" s="83">
        <v>43321.041666666664</v>
      </c>
      <c r="D5283">
        <v>155667.85750000001</v>
      </c>
      <c r="E5283">
        <v>13296.885179999999</v>
      </c>
      <c r="F5283">
        <v>60234.629090000002</v>
      </c>
      <c r="G5283">
        <v>28920.476770000001</v>
      </c>
      <c r="H5283">
        <v>35120.252780000003</v>
      </c>
      <c r="I5283">
        <v>20618.41591</v>
      </c>
      <c r="J5283">
        <v>37928.610619999999</v>
      </c>
      <c r="K5283">
        <v>51057.713609999999</v>
      </c>
      <c r="L5283">
        <v>17805.59691</v>
      </c>
      <c r="M5283">
        <v>299618.63079999998</v>
      </c>
      <c r="N5283">
        <v>74754.645709999997</v>
      </c>
      <c r="O5283">
        <v>17890.964339999999</v>
      </c>
      <c r="P5283">
        <v>29743.878489999999</v>
      </c>
      <c r="Q5283">
        <v>85715.336840000004</v>
      </c>
      <c r="R5283">
        <v>15788.668949999999</v>
      </c>
      <c r="S5283">
        <v>77568.351989999996</v>
      </c>
      <c r="T5283">
        <v>17986.605169999999</v>
      </c>
      <c r="U5283">
        <v>18251.452860000001</v>
      </c>
      <c r="W5283" s="83">
        <f>Bühler!N5315</f>
        <v>45512.041666653859</v>
      </c>
      <c r="X5283" s="83">
        <v>43321.041666666664</v>
      </c>
      <c r="Y5283">
        <v>155667.85750000001</v>
      </c>
      <c r="Z5283">
        <v>13296.885179999999</v>
      </c>
      <c r="AA5283">
        <v>60234.629090000002</v>
      </c>
      <c r="AB5283">
        <v>28920.476770000001</v>
      </c>
      <c r="AC5283">
        <v>35120.252780000003</v>
      </c>
      <c r="AD5283">
        <v>20618.41591</v>
      </c>
      <c r="AE5283">
        <v>37928.610619999999</v>
      </c>
      <c r="AF5283">
        <v>51057.713609999999</v>
      </c>
      <c r="AG5283">
        <v>17805.59691</v>
      </c>
      <c r="AH5283">
        <v>299618.63079999998</v>
      </c>
      <c r="AI5283">
        <v>74754.645709999997</v>
      </c>
      <c r="AJ5283">
        <v>17890.964339999999</v>
      </c>
      <c r="AK5283">
        <v>29743.878489999999</v>
      </c>
      <c r="AL5283">
        <v>85715.336840000004</v>
      </c>
      <c r="AM5283">
        <v>15788.668949999999</v>
      </c>
      <c r="AN5283">
        <v>77568.351989999996</v>
      </c>
      <c r="AO5283">
        <v>17986.605169999999</v>
      </c>
      <c r="AP5283">
        <v>18251.452860000001</v>
      </c>
    </row>
    <row r="5284" spans="2:42" x14ac:dyDescent="0.3">
      <c r="B5284">
        <v>58.346417637798503</v>
      </c>
      <c r="C5284" s="83">
        <v>43321.083333333336</v>
      </c>
      <c r="D5284">
        <v>155282.09330000001</v>
      </c>
      <c r="E5284">
        <v>12807.94822</v>
      </c>
      <c r="F5284">
        <v>61366.805740000003</v>
      </c>
      <c r="G5284">
        <v>28327.191709999999</v>
      </c>
      <c r="H5284">
        <v>34733.345050000004</v>
      </c>
      <c r="I5284">
        <v>18839.297030000002</v>
      </c>
      <c r="J5284">
        <v>37197.505250000002</v>
      </c>
      <c r="K5284">
        <v>49046.841229999998</v>
      </c>
      <c r="L5284">
        <v>16248.334059999999</v>
      </c>
      <c r="M5284">
        <v>297477.24650000001</v>
      </c>
      <c r="N5284">
        <v>73365.766069999998</v>
      </c>
      <c r="O5284">
        <v>17490.386930000001</v>
      </c>
      <c r="P5284">
        <v>27172.807110000002</v>
      </c>
      <c r="Q5284">
        <v>88221.605519999997</v>
      </c>
      <c r="R5284">
        <v>16020.97638</v>
      </c>
      <c r="S5284">
        <v>76286.768800000005</v>
      </c>
      <c r="T5284">
        <v>17739.489949999999</v>
      </c>
      <c r="U5284">
        <v>17685.867180000001</v>
      </c>
      <c r="W5284" s="83">
        <f>Bühler!N5316</f>
        <v>45512.083333320523</v>
      </c>
      <c r="X5284" s="83">
        <v>43321.083333333336</v>
      </c>
      <c r="Y5284">
        <v>155282.09330000001</v>
      </c>
      <c r="Z5284">
        <v>12807.94822</v>
      </c>
      <c r="AA5284">
        <v>61366.805740000003</v>
      </c>
      <c r="AB5284">
        <v>28327.191709999999</v>
      </c>
      <c r="AC5284">
        <v>34733.345050000004</v>
      </c>
      <c r="AD5284">
        <v>18839.297030000002</v>
      </c>
      <c r="AE5284">
        <v>37197.505250000002</v>
      </c>
      <c r="AF5284">
        <v>49046.841229999998</v>
      </c>
      <c r="AG5284">
        <v>16248.334059999999</v>
      </c>
      <c r="AH5284">
        <v>297477.24650000001</v>
      </c>
      <c r="AI5284">
        <v>73365.766069999998</v>
      </c>
      <c r="AJ5284">
        <v>17490.386930000001</v>
      </c>
      <c r="AK5284">
        <v>27172.807110000002</v>
      </c>
      <c r="AL5284">
        <v>88221.605519999997</v>
      </c>
      <c r="AM5284">
        <v>16020.97638</v>
      </c>
      <c r="AN5284">
        <v>76286.768800000005</v>
      </c>
      <c r="AO5284">
        <v>17739.489949999999</v>
      </c>
      <c r="AP5284">
        <v>17685.867180000001</v>
      </c>
    </row>
    <row r="5285" spans="2:42" x14ac:dyDescent="0.3">
      <c r="B5285">
        <v>59.020847803533613</v>
      </c>
      <c r="C5285" s="83">
        <v>43321.125</v>
      </c>
      <c r="D5285">
        <v>154974.2267</v>
      </c>
      <c r="E5285">
        <v>12813.362639999999</v>
      </c>
      <c r="F5285">
        <v>61314.873209999998</v>
      </c>
      <c r="G5285">
        <v>27395.501420000001</v>
      </c>
      <c r="H5285">
        <v>34543.424570000003</v>
      </c>
      <c r="I5285">
        <v>18326.807580000001</v>
      </c>
      <c r="J5285">
        <v>37159.319580000003</v>
      </c>
      <c r="K5285">
        <v>48229.774490000003</v>
      </c>
      <c r="L5285">
        <v>15767.61256</v>
      </c>
      <c r="M5285">
        <v>300915.80599999998</v>
      </c>
      <c r="N5285">
        <v>72794.019469999999</v>
      </c>
      <c r="O5285">
        <v>16958.109049999999</v>
      </c>
      <c r="P5285">
        <v>26571.53311</v>
      </c>
      <c r="Q5285">
        <v>89861.020260000005</v>
      </c>
      <c r="R5285">
        <v>15325.24469</v>
      </c>
      <c r="S5285">
        <v>75379.73345</v>
      </c>
      <c r="T5285">
        <v>17353.78256</v>
      </c>
      <c r="U5285">
        <v>17284.425279999999</v>
      </c>
      <c r="W5285" s="83">
        <f>Bühler!N5317</f>
        <v>45512.124999987187</v>
      </c>
      <c r="X5285" s="83">
        <v>43321.125</v>
      </c>
      <c r="Y5285">
        <v>154974.2267</v>
      </c>
      <c r="Z5285">
        <v>12813.362639999999</v>
      </c>
      <c r="AA5285">
        <v>61314.873209999998</v>
      </c>
      <c r="AB5285">
        <v>27395.501420000001</v>
      </c>
      <c r="AC5285">
        <v>34543.424570000003</v>
      </c>
      <c r="AD5285">
        <v>18326.807580000001</v>
      </c>
      <c r="AE5285">
        <v>37159.319580000003</v>
      </c>
      <c r="AF5285">
        <v>48229.774490000003</v>
      </c>
      <c r="AG5285">
        <v>15767.61256</v>
      </c>
      <c r="AH5285">
        <v>300915.80599999998</v>
      </c>
      <c r="AI5285">
        <v>72794.019469999999</v>
      </c>
      <c r="AJ5285">
        <v>16958.109049999999</v>
      </c>
      <c r="AK5285">
        <v>26571.53311</v>
      </c>
      <c r="AL5285">
        <v>89861.020260000005</v>
      </c>
      <c r="AM5285">
        <v>15325.24469</v>
      </c>
      <c r="AN5285">
        <v>75379.73345</v>
      </c>
      <c r="AO5285">
        <v>17353.78256</v>
      </c>
      <c r="AP5285">
        <v>17284.425279999999</v>
      </c>
    </row>
    <row r="5286" spans="2:42" x14ac:dyDescent="0.3">
      <c r="B5286">
        <v>60.65071699215958</v>
      </c>
      <c r="C5286" s="83">
        <v>43321.166666666664</v>
      </c>
      <c r="D5286">
        <v>156264.1232</v>
      </c>
      <c r="E5286">
        <v>13360.0875</v>
      </c>
      <c r="F5286">
        <v>64193.478779999998</v>
      </c>
      <c r="G5286">
        <v>26984.096740000001</v>
      </c>
      <c r="H5286">
        <v>34618.89099</v>
      </c>
      <c r="I5286">
        <v>19326.482749999999</v>
      </c>
      <c r="J5286">
        <v>38905.410210000002</v>
      </c>
      <c r="K5286">
        <v>47570.289420000001</v>
      </c>
      <c r="L5286">
        <v>16227.763569999999</v>
      </c>
      <c r="M5286">
        <v>309225.63919999998</v>
      </c>
      <c r="N5286">
        <v>72307.958549999996</v>
      </c>
      <c r="O5286">
        <v>17270.34418</v>
      </c>
      <c r="P5286">
        <v>26061.219720000001</v>
      </c>
      <c r="Q5286">
        <v>93027.806920000003</v>
      </c>
      <c r="R5286">
        <v>15521.91612</v>
      </c>
      <c r="S5286">
        <v>74401.592099999994</v>
      </c>
      <c r="T5286">
        <v>17308.90151</v>
      </c>
      <c r="U5286">
        <v>17267.821459999999</v>
      </c>
      <c r="W5286" s="83">
        <f>Bühler!N5318</f>
        <v>45512.166666653851</v>
      </c>
      <c r="X5286" s="83">
        <v>43321.166666666664</v>
      </c>
      <c r="Y5286">
        <v>156264.1232</v>
      </c>
      <c r="Z5286">
        <v>13360.0875</v>
      </c>
      <c r="AA5286">
        <v>64193.478779999998</v>
      </c>
      <c r="AB5286">
        <v>26984.096740000001</v>
      </c>
      <c r="AC5286">
        <v>34618.89099</v>
      </c>
      <c r="AD5286">
        <v>19326.482749999999</v>
      </c>
      <c r="AE5286">
        <v>38905.410210000002</v>
      </c>
      <c r="AF5286">
        <v>47570.289420000001</v>
      </c>
      <c r="AG5286">
        <v>16227.763569999999</v>
      </c>
      <c r="AH5286">
        <v>309225.63919999998</v>
      </c>
      <c r="AI5286">
        <v>72307.958549999996</v>
      </c>
      <c r="AJ5286">
        <v>17270.34418</v>
      </c>
      <c r="AK5286">
        <v>26061.219720000001</v>
      </c>
      <c r="AL5286">
        <v>93027.806920000003</v>
      </c>
      <c r="AM5286">
        <v>15521.91612</v>
      </c>
      <c r="AN5286">
        <v>74401.592099999994</v>
      </c>
      <c r="AO5286">
        <v>17308.90151</v>
      </c>
      <c r="AP5286">
        <v>17267.821459999999</v>
      </c>
    </row>
    <row r="5287" spans="2:42" x14ac:dyDescent="0.3">
      <c r="B5287">
        <v>63.788094514566559</v>
      </c>
      <c r="C5287" s="83">
        <v>43321.208333333336</v>
      </c>
      <c r="D5287">
        <v>165992.383</v>
      </c>
      <c r="E5287">
        <v>14885.37717</v>
      </c>
      <c r="F5287">
        <v>73122.086960000001</v>
      </c>
      <c r="G5287">
        <v>27330.356919999998</v>
      </c>
      <c r="H5287">
        <v>35815.777130000002</v>
      </c>
      <c r="I5287">
        <v>24436.73547</v>
      </c>
      <c r="J5287">
        <v>42653.553290000003</v>
      </c>
      <c r="K5287">
        <v>47218.734179999999</v>
      </c>
      <c r="L5287">
        <v>16895.094130000001</v>
      </c>
      <c r="M5287">
        <v>325221.45289999997</v>
      </c>
      <c r="N5287">
        <v>72867.204670000006</v>
      </c>
      <c r="O5287">
        <v>17515.87199</v>
      </c>
      <c r="P5287">
        <v>27446.371760000002</v>
      </c>
      <c r="Q5287">
        <v>94437.502510000006</v>
      </c>
      <c r="R5287">
        <v>17284.291819999999</v>
      </c>
      <c r="S5287">
        <v>77401.347349999996</v>
      </c>
      <c r="T5287">
        <v>18251.804349999999</v>
      </c>
      <c r="U5287">
        <v>18261.752120000001</v>
      </c>
      <c r="W5287" s="83">
        <f>Bühler!N5319</f>
        <v>45512.208333320516</v>
      </c>
      <c r="X5287" s="83">
        <v>43321.208333333336</v>
      </c>
      <c r="Y5287">
        <v>165992.383</v>
      </c>
      <c r="Z5287">
        <v>14885.37717</v>
      </c>
      <c r="AA5287">
        <v>73122.086960000001</v>
      </c>
      <c r="AB5287">
        <v>27330.356919999998</v>
      </c>
      <c r="AC5287">
        <v>35815.777130000002</v>
      </c>
      <c r="AD5287">
        <v>24436.73547</v>
      </c>
      <c r="AE5287">
        <v>42653.553290000003</v>
      </c>
      <c r="AF5287">
        <v>47218.734179999999</v>
      </c>
      <c r="AG5287">
        <v>16895.094130000001</v>
      </c>
      <c r="AH5287">
        <v>325221.45289999997</v>
      </c>
      <c r="AI5287">
        <v>72867.204670000006</v>
      </c>
      <c r="AJ5287">
        <v>17515.87199</v>
      </c>
      <c r="AK5287">
        <v>27446.371760000002</v>
      </c>
      <c r="AL5287">
        <v>94437.502510000006</v>
      </c>
      <c r="AM5287">
        <v>17284.291819999999</v>
      </c>
      <c r="AN5287">
        <v>77401.347349999996</v>
      </c>
      <c r="AO5287">
        <v>18251.804349999999</v>
      </c>
      <c r="AP5287">
        <v>18261.752120000001</v>
      </c>
    </row>
    <row r="5288" spans="2:42" x14ac:dyDescent="0.3">
      <c r="B5288">
        <v>67.019790243223682</v>
      </c>
      <c r="C5288" s="83">
        <v>43321.25</v>
      </c>
      <c r="D5288">
        <v>176766.65059999999</v>
      </c>
      <c r="E5288">
        <v>18277.360499999999</v>
      </c>
      <c r="F5288">
        <v>84758.361990000005</v>
      </c>
      <c r="G5288">
        <v>28367.66102</v>
      </c>
      <c r="H5288">
        <v>37681.961510000001</v>
      </c>
      <c r="I5288">
        <v>27940.687129999998</v>
      </c>
      <c r="J5288">
        <v>46360.10613</v>
      </c>
      <c r="K5288">
        <v>49206.281889999998</v>
      </c>
      <c r="L5288">
        <v>18081.905780000001</v>
      </c>
      <c r="M5288">
        <v>341698.14480000001</v>
      </c>
      <c r="N5288">
        <v>76112.014129999996</v>
      </c>
      <c r="O5288">
        <v>19067.06725</v>
      </c>
      <c r="P5288">
        <v>28026.164830000002</v>
      </c>
      <c r="Q5288">
        <v>94738.736239999998</v>
      </c>
      <c r="R5288">
        <v>17458.88481</v>
      </c>
      <c r="S5288">
        <v>84423.283949999997</v>
      </c>
      <c r="T5288">
        <v>19256.288199999999</v>
      </c>
      <c r="U5288">
        <v>20467.11807</v>
      </c>
      <c r="W5288" s="83">
        <f>Bühler!N5320</f>
        <v>45512.24999998718</v>
      </c>
      <c r="X5288" s="83">
        <v>43321.25</v>
      </c>
      <c r="Y5288">
        <v>176766.65059999999</v>
      </c>
      <c r="Z5288">
        <v>18277.360499999999</v>
      </c>
      <c r="AA5288">
        <v>84758.361990000005</v>
      </c>
      <c r="AB5288">
        <v>28367.66102</v>
      </c>
      <c r="AC5288">
        <v>37681.961510000001</v>
      </c>
      <c r="AD5288">
        <v>27940.687129999998</v>
      </c>
      <c r="AE5288">
        <v>46360.10613</v>
      </c>
      <c r="AF5288">
        <v>49206.281889999998</v>
      </c>
      <c r="AG5288">
        <v>18081.905780000001</v>
      </c>
      <c r="AH5288">
        <v>341698.14480000001</v>
      </c>
      <c r="AI5288">
        <v>76112.014129999996</v>
      </c>
      <c r="AJ5288">
        <v>19067.06725</v>
      </c>
      <c r="AK5288">
        <v>28026.164830000002</v>
      </c>
      <c r="AL5288">
        <v>94738.736239999998</v>
      </c>
      <c r="AM5288">
        <v>17458.88481</v>
      </c>
      <c r="AN5288">
        <v>84423.283949999997</v>
      </c>
      <c r="AO5288">
        <v>19256.288199999999</v>
      </c>
      <c r="AP5288">
        <v>20467.11807</v>
      </c>
    </row>
    <row r="5289" spans="2:42" x14ac:dyDescent="0.3">
      <c r="B5289">
        <v>68.693290140592296</v>
      </c>
      <c r="C5289" s="83">
        <v>43321.291666666664</v>
      </c>
      <c r="D5289">
        <v>184757.9877</v>
      </c>
      <c r="E5289">
        <v>22400.06997</v>
      </c>
      <c r="F5289">
        <v>87284.351280000003</v>
      </c>
      <c r="G5289">
        <v>30243.931130000001</v>
      </c>
      <c r="H5289">
        <v>40589.40324</v>
      </c>
      <c r="I5289">
        <v>31293.94112</v>
      </c>
      <c r="J5289">
        <v>46834.355609999999</v>
      </c>
      <c r="K5289">
        <v>52016.099569999998</v>
      </c>
      <c r="L5289">
        <v>20366.59244</v>
      </c>
      <c r="M5289">
        <v>350230.4277</v>
      </c>
      <c r="N5289">
        <v>81859.642919999998</v>
      </c>
      <c r="O5289">
        <v>22284.10455</v>
      </c>
      <c r="P5289">
        <v>31020.086449999999</v>
      </c>
      <c r="Q5289">
        <v>94794.707200000004</v>
      </c>
      <c r="R5289">
        <v>18026.32948</v>
      </c>
      <c r="S5289">
        <v>94693.098610000001</v>
      </c>
      <c r="T5289">
        <v>21748.775020000001</v>
      </c>
      <c r="U5289">
        <v>23211.187480000001</v>
      </c>
      <c r="W5289" s="83">
        <f>Bühler!N5321</f>
        <v>45512.291666653844</v>
      </c>
      <c r="X5289" s="83">
        <v>43321.291666666664</v>
      </c>
      <c r="Y5289">
        <v>184757.9877</v>
      </c>
      <c r="Z5289">
        <v>22400.06997</v>
      </c>
      <c r="AA5289">
        <v>87284.351280000003</v>
      </c>
      <c r="AB5289">
        <v>30243.931130000001</v>
      </c>
      <c r="AC5289">
        <v>40589.40324</v>
      </c>
      <c r="AD5289">
        <v>31293.94112</v>
      </c>
      <c r="AE5289">
        <v>46834.355609999999</v>
      </c>
      <c r="AF5289">
        <v>52016.099569999998</v>
      </c>
      <c r="AG5289">
        <v>20366.59244</v>
      </c>
      <c r="AH5289">
        <v>350230.4277</v>
      </c>
      <c r="AI5289">
        <v>81859.642919999998</v>
      </c>
      <c r="AJ5289">
        <v>22284.10455</v>
      </c>
      <c r="AK5289">
        <v>31020.086449999999</v>
      </c>
      <c r="AL5289">
        <v>94794.707200000004</v>
      </c>
      <c r="AM5289">
        <v>18026.32948</v>
      </c>
      <c r="AN5289">
        <v>94693.098610000001</v>
      </c>
      <c r="AO5289">
        <v>21748.775020000001</v>
      </c>
      <c r="AP5289">
        <v>23211.187480000001</v>
      </c>
    </row>
    <row r="5290" spans="2:42" x14ac:dyDescent="0.3">
      <c r="B5290">
        <v>70.236940676290686</v>
      </c>
      <c r="C5290" s="83">
        <v>43321.333333333336</v>
      </c>
      <c r="D5290">
        <v>193307.98980000001</v>
      </c>
      <c r="E5290">
        <v>27964.297900000001</v>
      </c>
      <c r="F5290">
        <v>94305.614979999998</v>
      </c>
      <c r="G5290">
        <v>32741.677309999999</v>
      </c>
      <c r="H5290">
        <v>44447.561470000001</v>
      </c>
      <c r="I5290">
        <v>33715.867019999998</v>
      </c>
      <c r="J5290">
        <v>50484.060259999998</v>
      </c>
      <c r="K5290">
        <v>57865.793870000001</v>
      </c>
      <c r="L5290">
        <v>23826.608820000001</v>
      </c>
      <c r="M5290">
        <v>358100.67800000001</v>
      </c>
      <c r="N5290">
        <v>89525.393389999997</v>
      </c>
      <c r="O5290">
        <v>24313.68677</v>
      </c>
      <c r="P5290">
        <v>34130.866269999999</v>
      </c>
      <c r="Q5290">
        <v>96860.896710000001</v>
      </c>
      <c r="R5290">
        <v>19747.689979999999</v>
      </c>
      <c r="S5290">
        <v>105632.38559999999</v>
      </c>
      <c r="T5290">
        <v>23925.978640000001</v>
      </c>
      <c r="U5290">
        <v>26074.48472</v>
      </c>
      <c r="W5290" s="83">
        <f>Bühler!N5322</f>
        <v>45512.333333320508</v>
      </c>
      <c r="X5290" s="83">
        <v>43321.333333333336</v>
      </c>
      <c r="Y5290">
        <v>193307.98980000001</v>
      </c>
      <c r="Z5290">
        <v>27964.297900000001</v>
      </c>
      <c r="AA5290">
        <v>94305.614979999998</v>
      </c>
      <c r="AB5290">
        <v>32741.677309999999</v>
      </c>
      <c r="AC5290">
        <v>44447.561470000001</v>
      </c>
      <c r="AD5290">
        <v>33715.867019999998</v>
      </c>
      <c r="AE5290">
        <v>50484.060259999998</v>
      </c>
      <c r="AF5290">
        <v>57865.793870000001</v>
      </c>
      <c r="AG5290">
        <v>23826.608820000001</v>
      </c>
      <c r="AH5290">
        <v>358100.67800000001</v>
      </c>
      <c r="AI5290">
        <v>89525.393389999997</v>
      </c>
      <c r="AJ5290">
        <v>24313.68677</v>
      </c>
      <c r="AK5290">
        <v>34130.866269999999</v>
      </c>
      <c r="AL5290">
        <v>96860.896710000001</v>
      </c>
      <c r="AM5290">
        <v>19747.689979999999</v>
      </c>
      <c r="AN5290">
        <v>105632.38559999999</v>
      </c>
      <c r="AO5290">
        <v>23925.978640000001</v>
      </c>
      <c r="AP5290">
        <v>26074.48472</v>
      </c>
    </row>
    <row r="5291" spans="2:42" x14ac:dyDescent="0.3">
      <c r="B5291">
        <v>70.699656411135592</v>
      </c>
      <c r="C5291" s="83">
        <v>43321.375</v>
      </c>
      <c r="D5291">
        <v>195971.04759999999</v>
      </c>
      <c r="E5291">
        <v>32570.07245</v>
      </c>
      <c r="F5291">
        <v>100160.4776</v>
      </c>
      <c r="G5291">
        <v>34379.721109999999</v>
      </c>
      <c r="H5291">
        <v>46703.45362</v>
      </c>
      <c r="I5291">
        <v>33772.10817</v>
      </c>
      <c r="J5291">
        <v>51450.49869</v>
      </c>
      <c r="K5291">
        <v>60520.651660000003</v>
      </c>
      <c r="L5291">
        <v>28165.43519</v>
      </c>
      <c r="M5291">
        <v>360459.8186</v>
      </c>
      <c r="N5291">
        <v>93087.971420000002</v>
      </c>
      <c r="O5291">
        <v>25808.564310000002</v>
      </c>
      <c r="P5291">
        <v>38296.720090000003</v>
      </c>
      <c r="Q5291">
        <v>98517.256899999993</v>
      </c>
      <c r="R5291">
        <v>20225.46574</v>
      </c>
      <c r="S5291">
        <v>113013.44010000001</v>
      </c>
      <c r="T5291">
        <v>25317.22364</v>
      </c>
      <c r="U5291">
        <v>27013.16318</v>
      </c>
      <c r="W5291" s="83">
        <f>Bühler!N5323</f>
        <v>45512.374999987172</v>
      </c>
      <c r="X5291" s="83">
        <v>43321.375</v>
      </c>
      <c r="Y5291">
        <v>195971.04759999999</v>
      </c>
      <c r="Z5291">
        <v>32570.07245</v>
      </c>
      <c r="AA5291">
        <v>100160.4776</v>
      </c>
      <c r="AB5291">
        <v>34379.721109999999</v>
      </c>
      <c r="AC5291">
        <v>46703.45362</v>
      </c>
      <c r="AD5291">
        <v>33772.10817</v>
      </c>
      <c r="AE5291">
        <v>51450.49869</v>
      </c>
      <c r="AF5291">
        <v>60520.651660000003</v>
      </c>
      <c r="AG5291">
        <v>28165.43519</v>
      </c>
      <c r="AH5291">
        <v>360459.8186</v>
      </c>
      <c r="AI5291">
        <v>93087.971420000002</v>
      </c>
      <c r="AJ5291">
        <v>25808.564310000002</v>
      </c>
      <c r="AK5291">
        <v>38296.720090000003</v>
      </c>
      <c r="AL5291">
        <v>98517.256899999993</v>
      </c>
      <c r="AM5291">
        <v>20225.46574</v>
      </c>
      <c r="AN5291">
        <v>113013.44010000001</v>
      </c>
      <c r="AO5291">
        <v>25317.22364</v>
      </c>
      <c r="AP5291">
        <v>27013.16318</v>
      </c>
    </row>
    <row r="5292" spans="2:42" x14ac:dyDescent="0.3">
      <c r="B5292">
        <v>71.845035493457857</v>
      </c>
      <c r="C5292" s="83">
        <v>43321.416666666664</v>
      </c>
      <c r="D5292">
        <v>197535.7525</v>
      </c>
      <c r="E5292">
        <v>34747.212950000001</v>
      </c>
      <c r="F5292">
        <v>102146.53690000001</v>
      </c>
      <c r="G5292">
        <v>34899.653890000001</v>
      </c>
      <c r="H5292">
        <v>48031.708740000002</v>
      </c>
      <c r="I5292">
        <v>33185.171470000001</v>
      </c>
      <c r="J5292">
        <v>52428.850939999997</v>
      </c>
      <c r="K5292">
        <v>62816.027179999997</v>
      </c>
      <c r="L5292">
        <v>31902.285769999999</v>
      </c>
      <c r="M5292">
        <v>366299.49530000001</v>
      </c>
      <c r="N5292">
        <v>96541.425109999996</v>
      </c>
      <c r="O5292">
        <v>26946.237359999999</v>
      </c>
      <c r="P5292">
        <v>40347.159590000003</v>
      </c>
      <c r="Q5292">
        <v>98844.362420000005</v>
      </c>
      <c r="R5292">
        <v>21434.17541</v>
      </c>
      <c r="S5292">
        <v>115439.6746</v>
      </c>
      <c r="T5292">
        <v>28145.650989999998</v>
      </c>
      <c r="U5292">
        <v>26990.381420000002</v>
      </c>
      <c r="W5292" s="83">
        <f>Bühler!N5324</f>
        <v>45512.416666653837</v>
      </c>
      <c r="X5292" s="83">
        <v>43321.416666666664</v>
      </c>
      <c r="Y5292">
        <v>197535.7525</v>
      </c>
      <c r="Z5292">
        <v>34747.212950000001</v>
      </c>
      <c r="AA5292">
        <v>102146.53690000001</v>
      </c>
      <c r="AB5292">
        <v>34899.653890000001</v>
      </c>
      <c r="AC5292">
        <v>48031.708740000002</v>
      </c>
      <c r="AD5292">
        <v>33185.171470000001</v>
      </c>
      <c r="AE5292">
        <v>52428.850939999997</v>
      </c>
      <c r="AF5292">
        <v>62816.027179999997</v>
      </c>
      <c r="AG5292">
        <v>31902.285769999999</v>
      </c>
      <c r="AH5292">
        <v>366299.49530000001</v>
      </c>
      <c r="AI5292">
        <v>96541.425109999996</v>
      </c>
      <c r="AJ5292">
        <v>26946.237359999999</v>
      </c>
      <c r="AK5292">
        <v>40347.159590000003</v>
      </c>
      <c r="AL5292">
        <v>98844.362420000005</v>
      </c>
      <c r="AM5292">
        <v>21434.17541</v>
      </c>
      <c r="AN5292">
        <v>115439.6746</v>
      </c>
      <c r="AO5292">
        <v>28145.650989999998</v>
      </c>
      <c r="AP5292">
        <v>26990.381420000002</v>
      </c>
    </row>
    <row r="5293" spans="2:42" x14ac:dyDescent="0.3">
      <c r="B5293">
        <v>71.786089610550491</v>
      </c>
      <c r="C5293" s="83">
        <v>43321.458333333336</v>
      </c>
      <c r="D5293">
        <v>198215.7849</v>
      </c>
      <c r="E5293">
        <v>35023.349620000001</v>
      </c>
      <c r="F5293">
        <v>103848.14200000001</v>
      </c>
      <c r="G5293">
        <v>35762.340100000001</v>
      </c>
      <c r="H5293">
        <v>48184.09719</v>
      </c>
      <c r="I5293">
        <v>32679.53685</v>
      </c>
      <c r="J5293">
        <v>55143.910929999998</v>
      </c>
      <c r="K5293">
        <v>62889.597020000001</v>
      </c>
      <c r="L5293">
        <v>33759.354509999997</v>
      </c>
      <c r="M5293">
        <v>365998.96169999999</v>
      </c>
      <c r="N5293">
        <v>96222.281600000002</v>
      </c>
      <c r="O5293">
        <v>26560.793559999998</v>
      </c>
      <c r="P5293">
        <v>40020.928679999997</v>
      </c>
      <c r="Q5293">
        <v>100491.4262</v>
      </c>
      <c r="R5293">
        <v>24134.086879999999</v>
      </c>
      <c r="S5293">
        <v>119169.4461</v>
      </c>
      <c r="T5293">
        <v>28537.28155</v>
      </c>
      <c r="U5293">
        <v>26416.299930000001</v>
      </c>
      <c r="W5293" s="83">
        <f>Bühler!N5325</f>
        <v>45512.458333320501</v>
      </c>
      <c r="X5293" s="83">
        <v>43321.458333333336</v>
      </c>
      <c r="Y5293">
        <v>198215.7849</v>
      </c>
      <c r="Z5293">
        <v>35023.349620000001</v>
      </c>
      <c r="AA5293">
        <v>103848.14200000001</v>
      </c>
      <c r="AB5293">
        <v>35762.340100000001</v>
      </c>
      <c r="AC5293">
        <v>48184.09719</v>
      </c>
      <c r="AD5293">
        <v>32679.53685</v>
      </c>
      <c r="AE5293">
        <v>55143.910929999998</v>
      </c>
      <c r="AF5293">
        <v>62889.597020000001</v>
      </c>
      <c r="AG5293">
        <v>33759.354509999997</v>
      </c>
      <c r="AH5293">
        <v>365998.96169999999</v>
      </c>
      <c r="AI5293">
        <v>96222.281600000002</v>
      </c>
      <c r="AJ5293">
        <v>26560.793559999998</v>
      </c>
      <c r="AK5293">
        <v>40020.928679999997</v>
      </c>
      <c r="AL5293">
        <v>100491.4262</v>
      </c>
      <c r="AM5293">
        <v>24134.086879999999</v>
      </c>
      <c r="AN5293">
        <v>119169.4461</v>
      </c>
      <c r="AO5293">
        <v>28537.28155</v>
      </c>
      <c r="AP5293">
        <v>26416.299930000001</v>
      </c>
    </row>
    <row r="5294" spans="2:42" x14ac:dyDescent="0.3">
      <c r="B5294">
        <v>71.339549818522215</v>
      </c>
      <c r="C5294" s="83">
        <v>43321.5</v>
      </c>
      <c r="D5294">
        <v>192944.81409999999</v>
      </c>
      <c r="E5294">
        <v>32321.815429999999</v>
      </c>
      <c r="F5294">
        <v>102774.28</v>
      </c>
      <c r="G5294">
        <v>36183.581420000002</v>
      </c>
      <c r="H5294">
        <v>47515.81828</v>
      </c>
      <c r="I5294">
        <v>32414.731909999999</v>
      </c>
      <c r="J5294">
        <v>55274.616139999998</v>
      </c>
      <c r="K5294">
        <v>60134.746209999998</v>
      </c>
      <c r="L5294">
        <v>36405.99237</v>
      </c>
      <c r="M5294">
        <v>363722.29359999998</v>
      </c>
      <c r="N5294">
        <v>95430.021129999994</v>
      </c>
      <c r="O5294">
        <v>26161.503260000001</v>
      </c>
      <c r="P5294">
        <v>40801.345650000003</v>
      </c>
      <c r="Q5294">
        <v>100552.4446</v>
      </c>
      <c r="R5294">
        <v>26222.469720000001</v>
      </c>
      <c r="S5294">
        <v>114835.7788</v>
      </c>
      <c r="T5294">
        <v>28576.996090000001</v>
      </c>
      <c r="U5294">
        <v>23288.80761</v>
      </c>
      <c r="W5294" s="83">
        <f>Bühler!N5326</f>
        <v>45512.499999987165</v>
      </c>
      <c r="X5294" s="83">
        <v>43321.5</v>
      </c>
      <c r="Y5294">
        <v>192944.81409999999</v>
      </c>
      <c r="Z5294">
        <v>32321.815429999999</v>
      </c>
      <c r="AA5294">
        <v>102774.28</v>
      </c>
      <c r="AB5294">
        <v>36183.581420000002</v>
      </c>
      <c r="AC5294">
        <v>47515.81828</v>
      </c>
      <c r="AD5294">
        <v>32414.731909999999</v>
      </c>
      <c r="AE5294">
        <v>55274.616139999998</v>
      </c>
      <c r="AF5294">
        <v>60134.746209999998</v>
      </c>
      <c r="AG5294">
        <v>36405.99237</v>
      </c>
      <c r="AH5294">
        <v>363722.29359999998</v>
      </c>
      <c r="AI5294">
        <v>95430.021129999994</v>
      </c>
      <c r="AJ5294">
        <v>26161.503260000001</v>
      </c>
      <c r="AK5294">
        <v>40801.345650000003</v>
      </c>
      <c r="AL5294">
        <v>100552.4446</v>
      </c>
      <c r="AM5294">
        <v>26222.469720000001</v>
      </c>
      <c r="AN5294">
        <v>114835.7788</v>
      </c>
      <c r="AO5294">
        <v>28576.996090000001</v>
      </c>
      <c r="AP5294">
        <v>23288.80761</v>
      </c>
    </row>
    <row r="5295" spans="2:42" x14ac:dyDescent="0.3">
      <c r="B5295">
        <v>71.178046683113834</v>
      </c>
      <c r="C5295" s="83">
        <v>43321.541666666664</v>
      </c>
      <c r="D5295">
        <v>193986.5117</v>
      </c>
      <c r="E5295">
        <v>33120.173179999998</v>
      </c>
      <c r="F5295">
        <v>101517.5885</v>
      </c>
      <c r="G5295">
        <v>36320.74727</v>
      </c>
      <c r="H5295">
        <v>48001.377189999999</v>
      </c>
      <c r="I5295">
        <v>32388.33656</v>
      </c>
      <c r="J5295">
        <v>55078.400269999998</v>
      </c>
      <c r="K5295">
        <v>60617.517169999999</v>
      </c>
      <c r="L5295">
        <v>36277.942900000002</v>
      </c>
      <c r="M5295">
        <v>362898.87530000001</v>
      </c>
      <c r="N5295">
        <v>97616.620909999998</v>
      </c>
      <c r="O5295">
        <v>27259.883269999998</v>
      </c>
      <c r="P5295">
        <v>40839.353510000001</v>
      </c>
      <c r="Q5295">
        <v>100172.19560000001</v>
      </c>
      <c r="R5295">
        <v>25551.082640000001</v>
      </c>
      <c r="S5295">
        <v>115849.5517</v>
      </c>
      <c r="T5295">
        <v>29100.144799999998</v>
      </c>
      <c r="U5295">
        <v>25318.234079999998</v>
      </c>
      <c r="W5295" s="83">
        <f>Bühler!N5327</f>
        <v>45512.541666653829</v>
      </c>
      <c r="X5295" s="83">
        <v>43321.541666666664</v>
      </c>
      <c r="Y5295">
        <v>193986.5117</v>
      </c>
      <c r="Z5295">
        <v>33120.173179999998</v>
      </c>
      <c r="AA5295">
        <v>101517.5885</v>
      </c>
      <c r="AB5295">
        <v>36320.74727</v>
      </c>
      <c r="AC5295">
        <v>48001.377189999999</v>
      </c>
      <c r="AD5295">
        <v>32388.33656</v>
      </c>
      <c r="AE5295">
        <v>55078.400269999998</v>
      </c>
      <c r="AF5295">
        <v>60617.517169999999</v>
      </c>
      <c r="AG5295">
        <v>36277.942900000002</v>
      </c>
      <c r="AH5295">
        <v>362898.87530000001</v>
      </c>
      <c r="AI5295">
        <v>97616.620909999998</v>
      </c>
      <c r="AJ5295">
        <v>27259.883269999998</v>
      </c>
      <c r="AK5295">
        <v>40839.353510000001</v>
      </c>
      <c r="AL5295">
        <v>100172.19560000001</v>
      </c>
      <c r="AM5295">
        <v>25551.082640000001</v>
      </c>
      <c r="AN5295">
        <v>115849.5517</v>
      </c>
      <c r="AO5295">
        <v>29100.144799999998</v>
      </c>
      <c r="AP5295">
        <v>25318.234079999998</v>
      </c>
    </row>
    <row r="5296" spans="2:42" x14ac:dyDescent="0.3">
      <c r="B5296">
        <v>70.924680883800832</v>
      </c>
      <c r="C5296" s="83">
        <v>43321.583333333336</v>
      </c>
      <c r="D5296">
        <v>194335.00390000001</v>
      </c>
      <c r="E5296">
        <v>36094.527349999997</v>
      </c>
      <c r="F5296">
        <v>105153.38280000001</v>
      </c>
      <c r="G5296">
        <v>36428.027009999998</v>
      </c>
      <c r="H5296">
        <v>48647.687250000003</v>
      </c>
      <c r="I5296">
        <v>33498.849820000003</v>
      </c>
      <c r="J5296">
        <v>54823.413869999997</v>
      </c>
      <c r="K5296">
        <v>62572.256379999999</v>
      </c>
      <c r="L5296">
        <v>33612.548419999999</v>
      </c>
      <c r="M5296">
        <v>361607.09830000001</v>
      </c>
      <c r="N5296">
        <v>100352.7357</v>
      </c>
      <c r="O5296">
        <v>26538.15684</v>
      </c>
      <c r="P5296">
        <v>37035.130239999999</v>
      </c>
      <c r="Q5296">
        <v>99930.544680000006</v>
      </c>
      <c r="R5296">
        <v>26964.42425</v>
      </c>
      <c r="S5296">
        <v>113151.22319999999</v>
      </c>
      <c r="T5296">
        <v>28454.341209999999</v>
      </c>
      <c r="U5296">
        <v>25833.83268</v>
      </c>
      <c r="W5296" s="83">
        <f>Bühler!N5328</f>
        <v>45512.583333320494</v>
      </c>
      <c r="X5296" s="83">
        <v>43321.583333333336</v>
      </c>
      <c r="Y5296">
        <v>194335.00390000001</v>
      </c>
      <c r="Z5296">
        <v>36094.527349999997</v>
      </c>
      <c r="AA5296">
        <v>105153.38280000001</v>
      </c>
      <c r="AB5296">
        <v>36428.027009999998</v>
      </c>
      <c r="AC5296">
        <v>48647.687250000003</v>
      </c>
      <c r="AD5296">
        <v>33498.849820000003</v>
      </c>
      <c r="AE5296">
        <v>54823.413869999997</v>
      </c>
      <c r="AF5296">
        <v>62572.256379999999</v>
      </c>
      <c r="AG5296">
        <v>33612.548419999999</v>
      </c>
      <c r="AH5296">
        <v>361607.09830000001</v>
      </c>
      <c r="AI5296">
        <v>100352.7357</v>
      </c>
      <c r="AJ5296">
        <v>26538.15684</v>
      </c>
      <c r="AK5296">
        <v>37035.130239999999</v>
      </c>
      <c r="AL5296">
        <v>99930.544680000006</v>
      </c>
      <c r="AM5296">
        <v>26964.42425</v>
      </c>
      <c r="AN5296">
        <v>113151.22319999999</v>
      </c>
      <c r="AO5296">
        <v>28454.341209999999</v>
      </c>
      <c r="AP5296">
        <v>25833.83268</v>
      </c>
    </row>
    <row r="5297" spans="2:42" x14ac:dyDescent="0.3">
      <c r="B5297">
        <v>70.107931469230252</v>
      </c>
      <c r="C5297" s="83">
        <v>43321.625</v>
      </c>
      <c r="D5297">
        <v>192956.08180000001</v>
      </c>
      <c r="E5297">
        <v>36255.381800000003</v>
      </c>
      <c r="F5297">
        <v>106983.3725</v>
      </c>
      <c r="G5297">
        <v>36712.988830000002</v>
      </c>
      <c r="H5297">
        <v>48025.446819999997</v>
      </c>
      <c r="I5297">
        <v>34153.403449999998</v>
      </c>
      <c r="J5297">
        <v>55161.80356</v>
      </c>
      <c r="K5297">
        <v>61809.677609999999</v>
      </c>
      <c r="L5297">
        <v>31525.18838</v>
      </c>
      <c r="M5297">
        <v>357442.9289</v>
      </c>
      <c r="N5297">
        <v>99183.036840000001</v>
      </c>
      <c r="O5297">
        <v>26658.671859999999</v>
      </c>
      <c r="P5297">
        <v>34476.639969999997</v>
      </c>
      <c r="Q5297">
        <v>99157.805619999999</v>
      </c>
      <c r="R5297">
        <v>26388.3014</v>
      </c>
      <c r="S5297">
        <v>112796.5267</v>
      </c>
      <c r="T5297">
        <v>28867.735980000001</v>
      </c>
      <c r="U5297">
        <v>25316.441040000002</v>
      </c>
      <c r="W5297" s="83">
        <f>Bühler!N5329</f>
        <v>45512.624999987158</v>
      </c>
      <c r="X5297" s="83">
        <v>43321.625</v>
      </c>
      <c r="Y5297">
        <v>192956.08180000001</v>
      </c>
      <c r="Z5297">
        <v>36255.381800000003</v>
      </c>
      <c r="AA5297">
        <v>106983.3725</v>
      </c>
      <c r="AB5297">
        <v>36712.988830000002</v>
      </c>
      <c r="AC5297">
        <v>48025.446819999997</v>
      </c>
      <c r="AD5297">
        <v>34153.403449999998</v>
      </c>
      <c r="AE5297">
        <v>55161.80356</v>
      </c>
      <c r="AF5297">
        <v>61809.677609999999</v>
      </c>
      <c r="AG5297">
        <v>31525.18838</v>
      </c>
      <c r="AH5297">
        <v>357442.9289</v>
      </c>
      <c r="AI5297">
        <v>99183.036840000001</v>
      </c>
      <c r="AJ5297">
        <v>26658.671859999999</v>
      </c>
      <c r="AK5297">
        <v>34476.639969999997</v>
      </c>
      <c r="AL5297">
        <v>99157.805619999999</v>
      </c>
      <c r="AM5297">
        <v>26388.3014</v>
      </c>
      <c r="AN5297">
        <v>112796.5267</v>
      </c>
      <c r="AO5297">
        <v>28867.735980000001</v>
      </c>
      <c r="AP5297">
        <v>25316.441040000002</v>
      </c>
    </row>
    <row r="5298" spans="2:42" x14ac:dyDescent="0.3">
      <c r="B5298">
        <v>68.958425361526494</v>
      </c>
      <c r="C5298" s="83">
        <v>43321.666666666664</v>
      </c>
      <c r="D5298">
        <v>188025.14079999999</v>
      </c>
      <c r="E5298">
        <v>35420.535640000002</v>
      </c>
      <c r="F5298">
        <v>106481.75900000001</v>
      </c>
      <c r="G5298">
        <v>36123.032420000003</v>
      </c>
      <c r="H5298">
        <v>47193.496550000003</v>
      </c>
      <c r="I5298">
        <v>34396.018609999999</v>
      </c>
      <c r="J5298">
        <v>54560.78688</v>
      </c>
      <c r="K5298">
        <v>58478.517959999997</v>
      </c>
      <c r="L5298">
        <v>30846.14618</v>
      </c>
      <c r="M5298">
        <v>351582.2107</v>
      </c>
      <c r="N5298">
        <v>97261.804010000007</v>
      </c>
      <c r="O5298">
        <v>25481.11104</v>
      </c>
      <c r="P5298">
        <v>33814.07503</v>
      </c>
      <c r="Q5298">
        <v>98265.632280000005</v>
      </c>
      <c r="R5298">
        <v>26141.25808</v>
      </c>
      <c r="S5298">
        <v>111471.37209999999</v>
      </c>
      <c r="T5298">
        <v>28696.127280000001</v>
      </c>
      <c r="U5298">
        <v>23653.929990000001</v>
      </c>
      <c r="W5298" s="83">
        <f>Bühler!N5330</f>
        <v>45512.666666653822</v>
      </c>
      <c r="X5298" s="83">
        <v>43321.666666666664</v>
      </c>
      <c r="Y5298">
        <v>188025.14079999999</v>
      </c>
      <c r="Z5298">
        <v>35420.535640000002</v>
      </c>
      <c r="AA5298">
        <v>106481.75900000001</v>
      </c>
      <c r="AB5298">
        <v>36123.032420000003</v>
      </c>
      <c r="AC5298">
        <v>47193.496550000003</v>
      </c>
      <c r="AD5298">
        <v>34396.018609999999</v>
      </c>
      <c r="AE5298">
        <v>54560.78688</v>
      </c>
      <c r="AF5298">
        <v>58478.517959999997</v>
      </c>
      <c r="AG5298">
        <v>30846.14618</v>
      </c>
      <c r="AH5298">
        <v>351582.2107</v>
      </c>
      <c r="AI5298">
        <v>97261.804010000007</v>
      </c>
      <c r="AJ5298">
        <v>25481.11104</v>
      </c>
      <c r="AK5298">
        <v>33814.07503</v>
      </c>
      <c r="AL5298">
        <v>98265.632280000005</v>
      </c>
      <c r="AM5298">
        <v>26141.25808</v>
      </c>
      <c r="AN5298">
        <v>111471.37209999999</v>
      </c>
      <c r="AO5298">
        <v>28696.127280000001</v>
      </c>
      <c r="AP5298">
        <v>23653.929990000001</v>
      </c>
    </row>
    <row r="5299" spans="2:42" x14ac:dyDescent="0.3">
      <c r="B5299">
        <v>67.8977894295992</v>
      </c>
      <c r="C5299" s="83">
        <v>43321.708333333336</v>
      </c>
      <c r="D5299">
        <v>181867.86989999999</v>
      </c>
      <c r="E5299">
        <v>33916.24624</v>
      </c>
      <c r="F5299">
        <v>105805.99340000001</v>
      </c>
      <c r="G5299">
        <v>34626.838389999997</v>
      </c>
      <c r="H5299">
        <v>45388.860410000001</v>
      </c>
      <c r="I5299">
        <v>34141.763420000003</v>
      </c>
      <c r="J5299">
        <v>54401.23401</v>
      </c>
      <c r="K5299">
        <v>54943.47507</v>
      </c>
      <c r="L5299">
        <v>31370.748680000001</v>
      </c>
      <c r="M5299">
        <v>346174.59409999999</v>
      </c>
      <c r="N5299">
        <v>92875.212889999995</v>
      </c>
      <c r="O5299">
        <v>24969.111980000001</v>
      </c>
      <c r="P5299">
        <v>35467.160129999997</v>
      </c>
      <c r="Q5299">
        <v>97485.371520000001</v>
      </c>
      <c r="R5299">
        <v>26608.891609999999</v>
      </c>
      <c r="S5299">
        <v>107521.3054</v>
      </c>
      <c r="T5299">
        <v>27966.128530000002</v>
      </c>
      <c r="U5299">
        <v>21684.72437</v>
      </c>
      <c r="W5299" s="83">
        <f>Bühler!N5331</f>
        <v>45512.708333320486</v>
      </c>
      <c r="X5299" s="83">
        <v>43321.708333333336</v>
      </c>
      <c r="Y5299">
        <v>181867.86989999999</v>
      </c>
      <c r="Z5299">
        <v>33916.24624</v>
      </c>
      <c r="AA5299">
        <v>105805.99340000001</v>
      </c>
      <c r="AB5299">
        <v>34626.838389999997</v>
      </c>
      <c r="AC5299">
        <v>45388.860410000001</v>
      </c>
      <c r="AD5299">
        <v>34141.763420000003</v>
      </c>
      <c r="AE5299">
        <v>54401.23401</v>
      </c>
      <c r="AF5299">
        <v>54943.47507</v>
      </c>
      <c r="AG5299">
        <v>31370.748680000001</v>
      </c>
      <c r="AH5299">
        <v>346174.59409999999</v>
      </c>
      <c r="AI5299">
        <v>92875.212889999995</v>
      </c>
      <c r="AJ5299">
        <v>24969.111980000001</v>
      </c>
      <c r="AK5299">
        <v>35467.160129999997</v>
      </c>
      <c r="AL5299">
        <v>97485.371520000001</v>
      </c>
      <c r="AM5299">
        <v>26608.891609999999</v>
      </c>
      <c r="AN5299">
        <v>107521.3054</v>
      </c>
      <c r="AO5299">
        <v>27966.128530000002</v>
      </c>
      <c r="AP5299">
        <v>21684.72437</v>
      </c>
    </row>
    <row r="5300" spans="2:42" x14ac:dyDescent="0.3">
      <c r="B5300">
        <v>67.055947920382977</v>
      </c>
      <c r="C5300" s="83">
        <v>43321.75</v>
      </c>
      <c r="D5300">
        <v>177536.13620000001</v>
      </c>
      <c r="E5300">
        <v>30938.128990000001</v>
      </c>
      <c r="F5300">
        <v>104161.26700000001</v>
      </c>
      <c r="G5300">
        <v>32965.47464</v>
      </c>
      <c r="H5300">
        <v>43378.633730000001</v>
      </c>
      <c r="I5300">
        <v>32897.730680000001</v>
      </c>
      <c r="J5300">
        <v>54746.864009999998</v>
      </c>
      <c r="K5300">
        <v>53675.734640000002</v>
      </c>
      <c r="L5300">
        <v>32713.229469999998</v>
      </c>
      <c r="M5300">
        <v>341882.49349999998</v>
      </c>
      <c r="N5300">
        <v>89234.352050000001</v>
      </c>
      <c r="O5300">
        <v>22912.715270000001</v>
      </c>
      <c r="P5300">
        <v>39147.024660000003</v>
      </c>
      <c r="Q5300">
        <v>95090.044439999998</v>
      </c>
      <c r="R5300">
        <v>25082.111519999999</v>
      </c>
      <c r="S5300">
        <v>101685.0588</v>
      </c>
      <c r="T5300">
        <v>26932.927790000002</v>
      </c>
      <c r="U5300">
        <v>20998.244780000001</v>
      </c>
      <c r="W5300" s="83">
        <f>Bühler!N5332</f>
        <v>45512.749999987151</v>
      </c>
      <c r="X5300" s="83">
        <v>43321.75</v>
      </c>
      <c r="Y5300">
        <v>177536.13620000001</v>
      </c>
      <c r="Z5300">
        <v>30938.128990000001</v>
      </c>
      <c r="AA5300">
        <v>104161.26700000001</v>
      </c>
      <c r="AB5300">
        <v>32965.47464</v>
      </c>
      <c r="AC5300">
        <v>43378.633730000001</v>
      </c>
      <c r="AD5300">
        <v>32897.730680000001</v>
      </c>
      <c r="AE5300">
        <v>54746.864009999998</v>
      </c>
      <c r="AF5300">
        <v>53675.734640000002</v>
      </c>
      <c r="AG5300">
        <v>32713.229469999998</v>
      </c>
      <c r="AH5300">
        <v>341882.49349999998</v>
      </c>
      <c r="AI5300">
        <v>89234.352050000001</v>
      </c>
      <c r="AJ5300">
        <v>22912.715270000001</v>
      </c>
      <c r="AK5300">
        <v>39147.024660000003</v>
      </c>
      <c r="AL5300">
        <v>95090.044439999998</v>
      </c>
      <c r="AM5300">
        <v>25082.111519999999</v>
      </c>
      <c r="AN5300">
        <v>101685.0588</v>
      </c>
      <c r="AO5300">
        <v>26932.927790000002</v>
      </c>
      <c r="AP5300">
        <v>20998.244780000001</v>
      </c>
    </row>
    <row r="5301" spans="2:42" x14ac:dyDescent="0.3">
      <c r="B5301">
        <v>66.202952527589645</v>
      </c>
      <c r="C5301" s="83">
        <v>43321.791666666664</v>
      </c>
      <c r="D5301">
        <v>172462.06049999999</v>
      </c>
      <c r="E5301">
        <v>25055.668849999998</v>
      </c>
      <c r="F5301">
        <v>92696.978000000003</v>
      </c>
      <c r="G5301">
        <v>31885.935229999999</v>
      </c>
      <c r="H5301">
        <v>41136.802730000003</v>
      </c>
      <c r="I5301">
        <v>31987.954829999999</v>
      </c>
      <c r="J5301">
        <v>53833.209080000001</v>
      </c>
      <c r="K5301">
        <v>54282.934869999997</v>
      </c>
      <c r="L5301">
        <v>32690.38062</v>
      </c>
      <c r="M5301">
        <v>337533.52519999997</v>
      </c>
      <c r="N5301">
        <v>87669.001250000001</v>
      </c>
      <c r="O5301">
        <v>21553.780299999999</v>
      </c>
      <c r="P5301">
        <v>42600.480779999998</v>
      </c>
      <c r="Q5301">
        <v>93201.1397</v>
      </c>
      <c r="R5301">
        <v>23864.984570000001</v>
      </c>
      <c r="S5301">
        <v>97533.230009999999</v>
      </c>
      <c r="T5301">
        <v>26112.391520000001</v>
      </c>
      <c r="U5301">
        <v>20276.514770000002</v>
      </c>
      <c r="W5301" s="83">
        <f>Bühler!N5333</f>
        <v>45512.791666653815</v>
      </c>
      <c r="X5301" s="83">
        <v>43321.791666666664</v>
      </c>
      <c r="Y5301">
        <v>172462.06049999999</v>
      </c>
      <c r="Z5301">
        <v>25055.668849999998</v>
      </c>
      <c r="AA5301">
        <v>92696.978000000003</v>
      </c>
      <c r="AB5301">
        <v>31885.935229999999</v>
      </c>
      <c r="AC5301">
        <v>41136.802730000003</v>
      </c>
      <c r="AD5301">
        <v>31987.954829999999</v>
      </c>
      <c r="AE5301">
        <v>53833.209080000001</v>
      </c>
      <c r="AF5301">
        <v>54282.934869999997</v>
      </c>
      <c r="AG5301">
        <v>32690.38062</v>
      </c>
      <c r="AH5301">
        <v>337533.52519999997</v>
      </c>
      <c r="AI5301">
        <v>87669.001250000001</v>
      </c>
      <c r="AJ5301">
        <v>21553.780299999999</v>
      </c>
      <c r="AK5301">
        <v>42600.480779999998</v>
      </c>
      <c r="AL5301">
        <v>93201.1397</v>
      </c>
      <c r="AM5301">
        <v>23864.984570000001</v>
      </c>
      <c r="AN5301">
        <v>97533.230009999999</v>
      </c>
      <c r="AO5301">
        <v>26112.391520000001</v>
      </c>
      <c r="AP5301">
        <v>20276.514770000002</v>
      </c>
    </row>
    <row r="5302" spans="2:42" x14ac:dyDescent="0.3">
      <c r="B5302">
        <v>63.915266482863075</v>
      </c>
      <c r="C5302" s="83">
        <v>43321.833333333336</v>
      </c>
      <c r="D5302">
        <v>166641.9424</v>
      </c>
      <c r="E5302">
        <v>18490.891220000001</v>
      </c>
      <c r="F5302">
        <v>77552.315900000001</v>
      </c>
      <c r="G5302">
        <v>30800.37945</v>
      </c>
      <c r="H5302">
        <v>38419.463960000001</v>
      </c>
      <c r="I5302">
        <v>29005.63135</v>
      </c>
      <c r="J5302">
        <v>52553.95678</v>
      </c>
      <c r="K5302">
        <v>53588.142619999999</v>
      </c>
      <c r="L5302">
        <v>32259.6783</v>
      </c>
      <c r="M5302">
        <v>325869.83490000002</v>
      </c>
      <c r="N5302">
        <v>84737.911099999998</v>
      </c>
      <c r="O5302">
        <v>20856.169969999999</v>
      </c>
      <c r="P5302">
        <v>42617.586609999998</v>
      </c>
      <c r="Q5302">
        <v>89462.420320000005</v>
      </c>
      <c r="R5302">
        <v>22078.109349999999</v>
      </c>
      <c r="S5302">
        <v>89225.114530000006</v>
      </c>
      <c r="T5302">
        <v>24565.099190000001</v>
      </c>
      <c r="U5302">
        <v>20120.304080000002</v>
      </c>
      <c r="W5302" s="83">
        <f>Bühler!N5334</f>
        <v>45512.833333320479</v>
      </c>
      <c r="X5302" s="83">
        <v>43321.833333333336</v>
      </c>
      <c r="Y5302">
        <v>166641.9424</v>
      </c>
      <c r="Z5302">
        <v>18490.891220000001</v>
      </c>
      <c r="AA5302">
        <v>77552.315900000001</v>
      </c>
      <c r="AB5302">
        <v>30800.37945</v>
      </c>
      <c r="AC5302">
        <v>38419.463960000001</v>
      </c>
      <c r="AD5302">
        <v>29005.63135</v>
      </c>
      <c r="AE5302">
        <v>52553.95678</v>
      </c>
      <c r="AF5302">
        <v>53588.142619999999</v>
      </c>
      <c r="AG5302">
        <v>32259.6783</v>
      </c>
      <c r="AH5302">
        <v>325869.83490000002</v>
      </c>
      <c r="AI5302">
        <v>84737.911099999998</v>
      </c>
      <c r="AJ5302">
        <v>20856.169969999999</v>
      </c>
      <c r="AK5302">
        <v>42617.586609999998</v>
      </c>
      <c r="AL5302">
        <v>89462.420320000005</v>
      </c>
      <c r="AM5302">
        <v>22078.109349999999</v>
      </c>
      <c r="AN5302">
        <v>89225.114530000006</v>
      </c>
      <c r="AO5302">
        <v>24565.099190000001</v>
      </c>
      <c r="AP5302">
        <v>20120.304080000002</v>
      </c>
    </row>
    <row r="5303" spans="2:42" x14ac:dyDescent="0.3">
      <c r="B5303">
        <v>61.752481331324645</v>
      </c>
      <c r="C5303" s="83">
        <v>43321.875</v>
      </c>
      <c r="D5303">
        <v>160946.8444</v>
      </c>
      <c r="E5303">
        <v>16013.05308</v>
      </c>
      <c r="F5303">
        <v>68729.670570000002</v>
      </c>
      <c r="G5303">
        <v>30102.319390000001</v>
      </c>
      <c r="H5303">
        <v>36995.101560000003</v>
      </c>
      <c r="I5303">
        <v>27182.258549999999</v>
      </c>
      <c r="J5303">
        <v>52216.424769999998</v>
      </c>
      <c r="K5303">
        <v>54280.786520000001</v>
      </c>
      <c r="L5303">
        <v>31087.491030000001</v>
      </c>
      <c r="M5303">
        <v>314842.94760000001</v>
      </c>
      <c r="N5303">
        <v>81611.743830000007</v>
      </c>
      <c r="O5303">
        <v>19386.832180000001</v>
      </c>
      <c r="P5303">
        <v>40385.569020000003</v>
      </c>
      <c r="Q5303">
        <v>87237.416649999999</v>
      </c>
      <c r="R5303">
        <v>21054.963589999999</v>
      </c>
      <c r="S5303">
        <v>85286.230809999994</v>
      </c>
      <c r="T5303">
        <v>23111.19312</v>
      </c>
      <c r="U5303">
        <v>19646.829389999999</v>
      </c>
      <c r="W5303" s="83">
        <f>Bühler!N5335</f>
        <v>45512.874999987143</v>
      </c>
      <c r="X5303" s="83">
        <v>43321.875</v>
      </c>
      <c r="Y5303">
        <v>160946.8444</v>
      </c>
      <c r="Z5303">
        <v>16013.05308</v>
      </c>
      <c r="AA5303">
        <v>68729.670570000002</v>
      </c>
      <c r="AB5303">
        <v>30102.319390000001</v>
      </c>
      <c r="AC5303">
        <v>36995.101560000003</v>
      </c>
      <c r="AD5303">
        <v>27182.258549999999</v>
      </c>
      <c r="AE5303">
        <v>52216.424769999998</v>
      </c>
      <c r="AF5303">
        <v>54280.786520000001</v>
      </c>
      <c r="AG5303">
        <v>31087.491030000001</v>
      </c>
      <c r="AH5303">
        <v>314842.94760000001</v>
      </c>
      <c r="AI5303">
        <v>81611.743830000007</v>
      </c>
      <c r="AJ5303">
        <v>19386.832180000001</v>
      </c>
      <c r="AK5303">
        <v>40385.569020000003</v>
      </c>
      <c r="AL5303">
        <v>87237.416649999999</v>
      </c>
      <c r="AM5303">
        <v>21054.963589999999</v>
      </c>
      <c r="AN5303">
        <v>85286.230809999994</v>
      </c>
      <c r="AO5303">
        <v>23111.19312</v>
      </c>
      <c r="AP5303">
        <v>19646.829389999999</v>
      </c>
    </row>
    <row r="5304" spans="2:42" x14ac:dyDescent="0.3">
      <c r="B5304">
        <v>60.639206118876572</v>
      </c>
      <c r="C5304" s="83">
        <v>43321.916666666664</v>
      </c>
      <c r="D5304">
        <v>157896.70250000001</v>
      </c>
      <c r="E5304">
        <v>15054.44399</v>
      </c>
      <c r="F5304">
        <v>65143.49682</v>
      </c>
      <c r="G5304">
        <v>30051.388360000001</v>
      </c>
      <c r="H5304">
        <v>37555.773430000001</v>
      </c>
      <c r="I5304">
        <v>26417.229909999998</v>
      </c>
      <c r="J5304">
        <v>50426.006999999998</v>
      </c>
      <c r="K5304">
        <v>57203.429400000001</v>
      </c>
      <c r="L5304">
        <v>27818.887030000002</v>
      </c>
      <c r="M5304">
        <v>309166.95140000002</v>
      </c>
      <c r="N5304">
        <v>79891.719660000002</v>
      </c>
      <c r="O5304">
        <v>19172.54507</v>
      </c>
      <c r="P5304">
        <v>41866.935819999999</v>
      </c>
      <c r="Q5304">
        <v>86365.589569999996</v>
      </c>
      <c r="R5304">
        <v>22082.986939999999</v>
      </c>
      <c r="S5304">
        <v>84072.884890000001</v>
      </c>
      <c r="T5304">
        <v>21077.760470000001</v>
      </c>
      <c r="U5304">
        <v>20290.074840000001</v>
      </c>
      <c r="W5304" s="83">
        <f>Bühler!N5336</f>
        <v>45512.916666653808</v>
      </c>
      <c r="X5304" s="83">
        <v>43321.916666666664</v>
      </c>
      <c r="Y5304">
        <v>157896.70250000001</v>
      </c>
      <c r="Z5304">
        <v>15054.44399</v>
      </c>
      <c r="AA5304">
        <v>65143.49682</v>
      </c>
      <c r="AB5304">
        <v>30051.388360000001</v>
      </c>
      <c r="AC5304">
        <v>37555.773430000001</v>
      </c>
      <c r="AD5304">
        <v>26417.229909999998</v>
      </c>
      <c r="AE5304">
        <v>50426.006999999998</v>
      </c>
      <c r="AF5304">
        <v>57203.429400000001</v>
      </c>
      <c r="AG5304">
        <v>27818.887030000002</v>
      </c>
      <c r="AH5304">
        <v>309166.95140000002</v>
      </c>
      <c r="AI5304">
        <v>79891.719660000002</v>
      </c>
      <c r="AJ5304">
        <v>19172.54507</v>
      </c>
      <c r="AK5304">
        <v>41866.935819999999</v>
      </c>
      <c r="AL5304">
        <v>86365.589569999996</v>
      </c>
      <c r="AM5304">
        <v>22082.986939999999</v>
      </c>
      <c r="AN5304">
        <v>84072.884890000001</v>
      </c>
      <c r="AO5304">
        <v>21077.760470000001</v>
      </c>
      <c r="AP5304">
        <v>20290.074840000001</v>
      </c>
    </row>
    <row r="5305" spans="2:42" x14ac:dyDescent="0.3">
      <c r="B5305">
        <v>59.84313888457897</v>
      </c>
      <c r="C5305" s="83">
        <v>43321.958333333336</v>
      </c>
      <c r="D5305">
        <v>157095.7457</v>
      </c>
      <c r="E5305">
        <v>14162.24584</v>
      </c>
      <c r="F5305">
        <v>62522.239280000002</v>
      </c>
      <c r="G5305">
        <v>30063.73331</v>
      </c>
      <c r="H5305">
        <v>36611.429479999999</v>
      </c>
      <c r="I5305">
        <v>25494.065409999999</v>
      </c>
      <c r="J5305">
        <v>45834.144990000001</v>
      </c>
      <c r="K5305">
        <v>55327.505879999997</v>
      </c>
      <c r="L5305">
        <v>23451.18561</v>
      </c>
      <c r="M5305">
        <v>305108.22940000001</v>
      </c>
      <c r="N5305">
        <v>78445.194409999996</v>
      </c>
      <c r="O5305">
        <v>18481.06205</v>
      </c>
      <c r="P5305">
        <v>36654.773829999998</v>
      </c>
      <c r="Q5305">
        <v>85745.511929999993</v>
      </c>
      <c r="R5305">
        <v>21881.054370000002</v>
      </c>
      <c r="S5305">
        <v>81244.283670000004</v>
      </c>
      <c r="T5305">
        <v>19792.91516</v>
      </c>
      <c r="U5305">
        <v>19355.24339</v>
      </c>
      <c r="W5305" s="83">
        <f>Bühler!N5337</f>
        <v>45512.958333320472</v>
      </c>
      <c r="X5305" s="83">
        <v>43321.958333333336</v>
      </c>
      <c r="Y5305">
        <v>157095.7457</v>
      </c>
      <c r="Z5305">
        <v>14162.24584</v>
      </c>
      <c r="AA5305">
        <v>62522.239280000002</v>
      </c>
      <c r="AB5305">
        <v>30063.73331</v>
      </c>
      <c r="AC5305">
        <v>36611.429479999999</v>
      </c>
      <c r="AD5305">
        <v>25494.065409999999</v>
      </c>
      <c r="AE5305">
        <v>45834.144990000001</v>
      </c>
      <c r="AF5305">
        <v>55327.505879999997</v>
      </c>
      <c r="AG5305">
        <v>23451.18561</v>
      </c>
      <c r="AH5305">
        <v>305108.22940000001</v>
      </c>
      <c r="AI5305">
        <v>78445.194409999996</v>
      </c>
      <c r="AJ5305">
        <v>18481.06205</v>
      </c>
      <c r="AK5305">
        <v>36654.773829999998</v>
      </c>
      <c r="AL5305">
        <v>85745.511929999993</v>
      </c>
      <c r="AM5305">
        <v>21881.054370000002</v>
      </c>
      <c r="AN5305">
        <v>81244.283670000004</v>
      </c>
      <c r="AO5305">
        <v>19792.91516</v>
      </c>
      <c r="AP5305">
        <v>19355.24339</v>
      </c>
    </row>
    <row r="5306" spans="2:42" x14ac:dyDescent="0.3">
      <c r="B5306">
        <v>59.331516168050555</v>
      </c>
      <c r="C5306" s="83">
        <v>43322</v>
      </c>
      <c r="D5306">
        <v>155059.2458</v>
      </c>
      <c r="E5306">
        <v>13420.254919999999</v>
      </c>
      <c r="F5306">
        <v>60780.639089999997</v>
      </c>
      <c r="G5306">
        <v>29619.218390000002</v>
      </c>
      <c r="H5306">
        <v>35881.293850000002</v>
      </c>
      <c r="I5306">
        <v>23571.925319999998</v>
      </c>
      <c r="J5306">
        <v>40786.340129999997</v>
      </c>
      <c r="K5306">
        <v>53479.172310000002</v>
      </c>
      <c r="L5306">
        <v>19977.38061</v>
      </c>
      <c r="M5306">
        <v>302499.73820000002</v>
      </c>
      <c r="N5306">
        <v>77020.584910000005</v>
      </c>
      <c r="O5306">
        <v>17919.892260000001</v>
      </c>
      <c r="P5306">
        <v>32232.578409999998</v>
      </c>
      <c r="Q5306">
        <v>84006.45693</v>
      </c>
      <c r="R5306">
        <v>17925.665590000001</v>
      </c>
      <c r="S5306">
        <v>78919.249079999994</v>
      </c>
      <c r="T5306">
        <v>18907.19586</v>
      </c>
      <c r="U5306">
        <v>18830.37787</v>
      </c>
      <c r="W5306" s="83">
        <f>Bühler!N5338</f>
        <v>45512.999999987136</v>
      </c>
      <c r="X5306" s="83">
        <v>43322</v>
      </c>
      <c r="Y5306">
        <v>155059.2458</v>
      </c>
      <c r="Z5306">
        <v>13420.254919999999</v>
      </c>
      <c r="AA5306">
        <v>60780.639089999997</v>
      </c>
      <c r="AB5306">
        <v>29619.218390000002</v>
      </c>
      <c r="AC5306">
        <v>35881.293850000002</v>
      </c>
      <c r="AD5306">
        <v>23571.925319999998</v>
      </c>
      <c r="AE5306">
        <v>40786.340129999997</v>
      </c>
      <c r="AF5306">
        <v>53479.172310000002</v>
      </c>
      <c r="AG5306">
        <v>19977.38061</v>
      </c>
      <c r="AH5306">
        <v>302499.73820000002</v>
      </c>
      <c r="AI5306">
        <v>77020.584910000005</v>
      </c>
      <c r="AJ5306">
        <v>17919.892260000001</v>
      </c>
      <c r="AK5306">
        <v>32232.578409999998</v>
      </c>
      <c r="AL5306">
        <v>84006.45693</v>
      </c>
      <c r="AM5306">
        <v>17925.665590000001</v>
      </c>
      <c r="AN5306">
        <v>78919.249079999994</v>
      </c>
      <c r="AO5306">
        <v>18907.19586</v>
      </c>
      <c r="AP5306">
        <v>18830.37787</v>
      </c>
    </row>
    <row r="5307" spans="2:42" x14ac:dyDescent="0.3">
      <c r="B5307">
        <v>58.493987838234773</v>
      </c>
      <c r="C5307" s="83">
        <v>43322.041666666664</v>
      </c>
      <c r="D5307">
        <v>153997.4063</v>
      </c>
      <c r="E5307">
        <v>13123.002909999999</v>
      </c>
      <c r="F5307">
        <v>59896.658109999997</v>
      </c>
      <c r="G5307">
        <v>28699.264149999999</v>
      </c>
      <c r="H5307">
        <v>35001.956660000003</v>
      </c>
      <c r="I5307">
        <v>20090.931130000001</v>
      </c>
      <c r="J5307">
        <v>37831.2065</v>
      </c>
      <c r="K5307">
        <v>50107.00866</v>
      </c>
      <c r="L5307">
        <v>18302.155599999998</v>
      </c>
      <c r="M5307">
        <v>298229.62819999998</v>
      </c>
      <c r="N5307">
        <v>75148.227929999994</v>
      </c>
      <c r="O5307">
        <v>17565.676449999999</v>
      </c>
      <c r="P5307">
        <v>29334.66431</v>
      </c>
      <c r="Q5307">
        <v>84199.721420000002</v>
      </c>
      <c r="R5307">
        <v>15339.867</v>
      </c>
      <c r="S5307">
        <v>77310.935849999994</v>
      </c>
      <c r="T5307">
        <v>18299.799319999998</v>
      </c>
      <c r="U5307">
        <v>18356.011869999998</v>
      </c>
      <c r="W5307" s="83">
        <f>Bühler!N5339</f>
        <v>45513.0416666538</v>
      </c>
      <c r="X5307" s="83">
        <v>43322.041666666664</v>
      </c>
      <c r="Y5307">
        <v>153997.4063</v>
      </c>
      <c r="Z5307">
        <v>13123.002909999999</v>
      </c>
      <c r="AA5307">
        <v>59896.658109999997</v>
      </c>
      <c r="AB5307">
        <v>28699.264149999999</v>
      </c>
      <c r="AC5307">
        <v>35001.956660000003</v>
      </c>
      <c r="AD5307">
        <v>20090.931130000001</v>
      </c>
      <c r="AE5307">
        <v>37831.2065</v>
      </c>
      <c r="AF5307">
        <v>50107.00866</v>
      </c>
      <c r="AG5307">
        <v>18302.155599999998</v>
      </c>
      <c r="AH5307">
        <v>298229.62819999998</v>
      </c>
      <c r="AI5307">
        <v>75148.227929999994</v>
      </c>
      <c r="AJ5307">
        <v>17565.676449999999</v>
      </c>
      <c r="AK5307">
        <v>29334.66431</v>
      </c>
      <c r="AL5307">
        <v>84199.721420000002</v>
      </c>
      <c r="AM5307">
        <v>15339.867</v>
      </c>
      <c r="AN5307">
        <v>77310.935849999994</v>
      </c>
      <c r="AO5307">
        <v>18299.799319999998</v>
      </c>
      <c r="AP5307">
        <v>18356.011869999998</v>
      </c>
    </row>
    <row r="5308" spans="2:42" x14ac:dyDescent="0.3">
      <c r="B5308">
        <v>58.340695367993575</v>
      </c>
      <c r="C5308" s="83">
        <v>43322.083333333336</v>
      </c>
      <c r="D5308">
        <v>153508.5349</v>
      </c>
      <c r="E5308">
        <v>12871.448899999999</v>
      </c>
      <c r="F5308">
        <v>59714.65223</v>
      </c>
      <c r="G5308">
        <v>28240.02449</v>
      </c>
      <c r="H5308">
        <v>34474.813690000003</v>
      </c>
      <c r="I5308">
        <v>18061.5589</v>
      </c>
      <c r="J5308">
        <v>37009.777889999998</v>
      </c>
      <c r="K5308">
        <v>48821.843459999996</v>
      </c>
      <c r="L5308">
        <v>17093.86375</v>
      </c>
      <c r="M5308">
        <v>297448.07169999997</v>
      </c>
      <c r="N5308">
        <v>73667.708459999994</v>
      </c>
      <c r="O5308">
        <v>17220.67799</v>
      </c>
      <c r="P5308">
        <v>27247.373749999999</v>
      </c>
      <c r="Q5308">
        <v>86217.481889999995</v>
      </c>
      <c r="R5308">
        <v>15649.78406</v>
      </c>
      <c r="S5308">
        <v>75375.168579999998</v>
      </c>
      <c r="T5308">
        <v>17764.589970000001</v>
      </c>
      <c r="U5308">
        <v>17997.277010000002</v>
      </c>
      <c r="W5308" s="83">
        <f>Bühler!N5340</f>
        <v>45513.083333320465</v>
      </c>
      <c r="X5308" s="83">
        <v>43322.083333333336</v>
      </c>
      <c r="Y5308">
        <v>153508.5349</v>
      </c>
      <c r="Z5308">
        <v>12871.448899999999</v>
      </c>
      <c r="AA5308">
        <v>59714.65223</v>
      </c>
      <c r="AB5308">
        <v>28240.02449</v>
      </c>
      <c r="AC5308">
        <v>34474.813690000003</v>
      </c>
      <c r="AD5308">
        <v>18061.5589</v>
      </c>
      <c r="AE5308">
        <v>37009.777889999998</v>
      </c>
      <c r="AF5308">
        <v>48821.843459999996</v>
      </c>
      <c r="AG5308">
        <v>17093.86375</v>
      </c>
      <c r="AH5308">
        <v>297448.07169999997</v>
      </c>
      <c r="AI5308">
        <v>73667.708459999994</v>
      </c>
      <c r="AJ5308">
        <v>17220.67799</v>
      </c>
      <c r="AK5308">
        <v>27247.373749999999</v>
      </c>
      <c r="AL5308">
        <v>86217.481889999995</v>
      </c>
      <c r="AM5308">
        <v>15649.78406</v>
      </c>
      <c r="AN5308">
        <v>75375.168579999998</v>
      </c>
      <c r="AO5308">
        <v>17764.589970000001</v>
      </c>
      <c r="AP5308">
        <v>17997.277010000002</v>
      </c>
    </row>
    <row r="5309" spans="2:42" x14ac:dyDescent="0.3">
      <c r="B5309">
        <v>59.262271933349069</v>
      </c>
      <c r="C5309" s="83">
        <v>43322.125</v>
      </c>
      <c r="D5309">
        <v>152861.78279999999</v>
      </c>
      <c r="E5309">
        <v>12703.458479999999</v>
      </c>
      <c r="F5309">
        <v>59908.249210000002</v>
      </c>
      <c r="G5309">
        <v>27152.437829999999</v>
      </c>
      <c r="H5309">
        <v>34179.360990000001</v>
      </c>
      <c r="I5309">
        <v>17693.411759999999</v>
      </c>
      <c r="J5309">
        <v>36806.980219999998</v>
      </c>
      <c r="K5309">
        <v>47540.919320000001</v>
      </c>
      <c r="L5309">
        <v>16565.151689999999</v>
      </c>
      <c r="M5309">
        <v>302146.69880000001</v>
      </c>
      <c r="N5309">
        <v>72820.301730000007</v>
      </c>
      <c r="O5309">
        <v>17781.33728</v>
      </c>
      <c r="P5309">
        <v>26241.028149999998</v>
      </c>
      <c r="Q5309">
        <v>87981.015839999993</v>
      </c>
      <c r="R5309">
        <v>15058.4745</v>
      </c>
      <c r="S5309">
        <v>74641.815090000004</v>
      </c>
      <c r="T5309">
        <v>17763.83094</v>
      </c>
      <c r="U5309">
        <v>17780.37242</v>
      </c>
      <c r="W5309" s="83">
        <f>Bühler!N5341</f>
        <v>45513.124999987129</v>
      </c>
      <c r="X5309" s="83">
        <v>43322.125</v>
      </c>
      <c r="Y5309">
        <v>152861.78279999999</v>
      </c>
      <c r="Z5309">
        <v>12703.458479999999</v>
      </c>
      <c r="AA5309">
        <v>59908.249210000002</v>
      </c>
      <c r="AB5309">
        <v>27152.437829999999</v>
      </c>
      <c r="AC5309">
        <v>34179.360990000001</v>
      </c>
      <c r="AD5309">
        <v>17693.411759999999</v>
      </c>
      <c r="AE5309">
        <v>36806.980219999998</v>
      </c>
      <c r="AF5309">
        <v>47540.919320000001</v>
      </c>
      <c r="AG5309">
        <v>16565.151689999999</v>
      </c>
      <c r="AH5309">
        <v>302146.69880000001</v>
      </c>
      <c r="AI5309">
        <v>72820.301730000007</v>
      </c>
      <c r="AJ5309">
        <v>17781.33728</v>
      </c>
      <c r="AK5309">
        <v>26241.028149999998</v>
      </c>
      <c r="AL5309">
        <v>87981.015839999993</v>
      </c>
      <c r="AM5309">
        <v>15058.4745</v>
      </c>
      <c r="AN5309">
        <v>74641.815090000004</v>
      </c>
      <c r="AO5309">
        <v>17763.83094</v>
      </c>
      <c r="AP5309">
        <v>17780.37242</v>
      </c>
    </row>
    <row r="5310" spans="2:42" x14ac:dyDescent="0.3">
      <c r="B5310">
        <v>60.099536458343984</v>
      </c>
      <c r="C5310" s="83">
        <v>43322.166666666664</v>
      </c>
      <c r="D5310">
        <v>154283.4572</v>
      </c>
      <c r="E5310">
        <v>13007.4046</v>
      </c>
      <c r="F5310">
        <v>63644.55156</v>
      </c>
      <c r="G5310">
        <v>26878.60888</v>
      </c>
      <c r="H5310">
        <v>34224.805710000001</v>
      </c>
      <c r="I5310">
        <v>18931.77594</v>
      </c>
      <c r="J5310">
        <v>38636.433940000003</v>
      </c>
      <c r="K5310">
        <v>47376.188110000003</v>
      </c>
      <c r="L5310">
        <v>16447.530190000001</v>
      </c>
      <c r="M5310">
        <v>306415.46380000003</v>
      </c>
      <c r="N5310">
        <v>71401.395759999999</v>
      </c>
      <c r="O5310">
        <v>17701.06654</v>
      </c>
      <c r="P5310">
        <v>26086.117880000002</v>
      </c>
      <c r="Q5310">
        <v>90860.808269999994</v>
      </c>
      <c r="R5310">
        <v>15051.396129999999</v>
      </c>
      <c r="S5310">
        <v>74413.802240000005</v>
      </c>
      <c r="T5310">
        <v>17559.17915</v>
      </c>
      <c r="U5310">
        <v>17709.911240000001</v>
      </c>
      <c r="W5310" s="83">
        <f>Bühler!N5342</f>
        <v>45513.166666653793</v>
      </c>
      <c r="X5310" s="83">
        <v>43322.166666666664</v>
      </c>
      <c r="Y5310">
        <v>154283.4572</v>
      </c>
      <c r="Z5310">
        <v>13007.4046</v>
      </c>
      <c r="AA5310">
        <v>63644.55156</v>
      </c>
      <c r="AB5310">
        <v>26878.60888</v>
      </c>
      <c r="AC5310">
        <v>34224.805710000001</v>
      </c>
      <c r="AD5310">
        <v>18931.77594</v>
      </c>
      <c r="AE5310">
        <v>38636.433940000003</v>
      </c>
      <c r="AF5310">
        <v>47376.188110000003</v>
      </c>
      <c r="AG5310">
        <v>16447.530190000001</v>
      </c>
      <c r="AH5310">
        <v>306415.46380000003</v>
      </c>
      <c r="AI5310">
        <v>71401.395759999999</v>
      </c>
      <c r="AJ5310">
        <v>17701.06654</v>
      </c>
      <c r="AK5310">
        <v>26086.117880000002</v>
      </c>
      <c r="AL5310">
        <v>90860.808269999994</v>
      </c>
      <c r="AM5310">
        <v>15051.396129999999</v>
      </c>
      <c r="AN5310">
        <v>74413.802240000005</v>
      </c>
      <c r="AO5310">
        <v>17559.17915</v>
      </c>
      <c r="AP5310">
        <v>17709.911240000001</v>
      </c>
    </row>
    <row r="5311" spans="2:42" x14ac:dyDescent="0.3">
      <c r="B5311">
        <v>62.67889121288686</v>
      </c>
      <c r="C5311" s="83">
        <v>43322.208333333336</v>
      </c>
      <c r="D5311">
        <v>162220.36559999999</v>
      </c>
      <c r="E5311">
        <v>14723.357969999999</v>
      </c>
      <c r="F5311">
        <v>72581.065820000003</v>
      </c>
      <c r="G5311">
        <v>27268.85036</v>
      </c>
      <c r="H5311">
        <v>36018.726739999998</v>
      </c>
      <c r="I5311">
        <v>24405.845539999998</v>
      </c>
      <c r="J5311">
        <v>41816.772319999996</v>
      </c>
      <c r="K5311">
        <v>48696.07172</v>
      </c>
      <c r="L5311">
        <v>17217.53644</v>
      </c>
      <c r="M5311">
        <v>319566.21720000001</v>
      </c>
      <c r="N5311">
        <v>70721.606079999998</v>
      </c>
      <c r="O5311">
        <v>17906.946449999999</v>
      </c>
      <c r="P5311">
        <v>27352.477419999999</v>
      </c>
      <c r="Q5311">
        <v>92147.872669999997</v>
      </c>
      <c r="R5311">
        <v>16991.686959999999</v>
      </c>
      <c r="S5311">
        <v>76385.557879999993</v>
      </c>
      <c r="T5311">
        <v>18419.6283</v>
      </c>
      <c r="U5311">
        <v>18689.842209999999</v>
      </c>
      <c r="W5311" s="83">
        <f>Bühler!N5343</f>
        <v>45513.208333320457</v>
      </c>
      <c r="X5311" s="83">
        <v>43322.208333333336</v>
      </c>
      <c r="Y5311">
        <v>162220.36559999999</v>
      </c>
      <c r="Z5311">
        <v>14723.357969999999</v>
      </c>
      <c r="AA5311">
        <v>72581.065820000003</v>
      </c>
      <c r="AB5311">
        <v>27268.85036</v>
      </c>
      <c r="AC5311">
        <v>36018.726739999998</v>
      </c>
      <c r="AD5311">
        <v>24405.845539999998</v>
      </c>
      <c r="AE5311">
        <v>41816.772319999996</v>
      </c>
      <c r="AF5311">
        <v>48696.07172</v>
      </c>
      <c r="AG5311">
        <v>17217.53644</v>
      </c>
      <c r="AH5311">
        <v>319566.21720000001</v>
      </c>
      <c r="AI5311">
        <v>70721.606079999998</v>
      </c>
      <c r="AJ5311">
        <v>17906.946449999999</v>
      </c>
      <c r="AK5311">
        <v>27352.477419999999</v>
      </c>
      <c r="AL5311">
        <v>92147.872669999997</v>
      </c>
      <c r="AM5311">
        <v>16991.686959999999</v>
      </c>
      <c r="AN5311">
        <v>76385.557879999993</v>
      </c>
      <c r="AO5311">
        <v>18419.6283</v>
      </c>
      <c r="AP5311">
        <v>18689.842209999999</v>
      </c>
    </row>
    <row r="5312" spans="2:42" x14ac:dyDescent="0.3">
      <c r="B5312">
        <v>65.495435490492497</v>
      </c>
      <c r="C5312" s="83">
        <v>43322.25</v>
      </c>
      <c r="D5312">
        <v>171137.5465</v>
      </c>
      <c r="E5312">
        <v>18328.40495</v>
      </c>
      <c r="F5312">
        <v>83032.54595</v>
      </c>
      <c r="G5312">
        <v>28518.508529999999</v>
      </c>
      <c r="H5312">
        <v>37242.049700000003</v>
      </c>
      <c r="I5312">
        <v>27902.19124</v>
      </c>
      <c r="J5312">
        <v>44736.425020000002</v>
      </c>
      <c r="K5312">
        <v>49151.51597</v>
      </c>
      <c r="L5312">
        <v>18117.992470000001</v>
      </c>
      <c r="M5312">
        <v>333926.27340000001</v>
      </c>
      <c r="N5312">
        <v>73777.113450000004</v>
      </c>
      <c r="O5312">
        <v>19221.920150000002</v>
      </c>
      <c r="P5312">
        <v>27776.49971</v>
      </c>
      <c r="Q5312">
        <v>92480.473020000005</v>
      </c>
      <c r="R5312">
        <v>16894.142230000001</v>
      </c>
      <c r="S5312">
        <v>83586.771580000001</v>
      </c>
      <c r="T5312">
        <v>19702.77418</v>
      </c>
      <c r="U5312">
        <v>20634.740600000001</v>
      </c>
      <c r="W5312" s="83">
        <f>Bühler!N5344</f>
        <v>45513.249999987122</v>
      </c>
      <c r="X5312" s="83">
        <v>43322.25</v>
      </c>
      <c r="Y5312">
        <v>171137.5465</v>
      </c>
      <c r="Z5312">
        <v>18328.40495</v>
      </c>
      <c r="AA5312">
        <v>83032.54595</v>
      </c>
      <c r="AB5312">
        <v>28518.508529999999</v>
      </c>
      <c r="AC5312">
        <v>37242.049700000003</v>
      </c>
      <c r="AD5312">
        <v>27902.19124</v>
      </c>
      <c r="AE5312">
        <v>44736.425020000002</v>
      </c>
      <c r="AF5312">
        <v>49151.51597</v>
      </c>
      <c r="AG5312">
        <v>18117.992470000001</v>
      </c>
      <c r="AH5312">
        <v>333926.27340000001</v>
      </c>
      <c r="AI5312">
        <v>73777.113450000004</v>
      </c>
      <c r="AJ5312">
        <v>19221.920150000002</v>
      </c>
      <c r="AK5312">
        <v>27776.49971</v>
      </c>
      <c r="AL5312">
        <v>92480.473020000005</v>
      </c>
      <c r="AM5312">
        <v>16894.142230000001</v>
      </c>
      <c r="AN5312">
        <v>83586.771580000001</v>
      </c>
      <c r="AO5312">
        <v>19702.77418</v>
      </c>
      <c r="AP5312">
        <v>20634.740600000001</v>
      </c>
    </row>
    <row r="5313" spans="2:42" x14ac:dyDescent="0.3">
      <c r="B5313">
        <v>67.266350760776859</v>
      </c>
      <c r="C5313" s="83">
        <v>43322.291666666664</v>
      </c>
      <c r="D5313">
        <v>179779.98800000001</v>
      </c>
      <c r="E5313">
        <v>21809.23834</v>
      </c>
      <c r="F5313">
        <v>85569.306070000006</v>
      </c>
      <c r="G5313">
        <v>30157.703839999998</v>
      </c>
      <c r="H5313">
        <v>40040.642970000001</v>
      </c>
      <c r="I5313">
        <v>30843.52448</v>
      </c>
      <c r="J5313">
        <v>45577.351020000002</v>
      </c>
      <c r="K5313">
        <v>52022.21774</v>
      </c>
      <c r="L5313">
        <v>21143.305049999999</v>
      </c>
      <c r="M5313">
        <v>342955.22529999999</v>
      </c>
      <c r="N5313">
        <v>77320.721390000006</v>
      </c>
      <c r="O5313">
        <v>21447.183730000001</v>
      </c>
      <c r="P5313">
        <v>31166.74639</v>
      </c>
      <c r="Q5313">
        <v>92884.951879999993</v>
      </c>
      <c r="R5313">
        <v>18175.21387</v>
      </c>
      <c r="S5313">
        <v>95031.619210000004</v>
      </c>
      <c r="T5313">
        <v>22350.651020000001</v>
      </c>
      <c r="U5313">
        <v>22989.771680000002</v>
      </c>
      <c r="W5313" s="83">
        <f>Bühler!N5345</f>
        <v>45513.291666653786</v>
      </c>
      <c r="X5313" s="83">
        <v>43322.291666666664</v>
      </c>
      <c r="Y5313">
        <v>179779.98800000001</v>
      </c>
      <c r="Z5313">
        <v>21809.23834</v>
      </c>
      <c r="AA5313">
        <v>85569.306070000006</v>
      </c>
      <c r="AB5313">
        <v>30157.703839999998</v>
      </c>
      <c r="AC5313">
        <v>40040.642970000001</v>
      </c>
      <c r="AD5313">
        <v>30843.52448</v>
      </c>
      <c r="AE5313">
        <v>45577.351020000002</v>
      </c>
      <c r="AF5313">
        <v>52022.21774</v>
      </c>
      <c r="AG5313">
        <v>21143.305049999999</v>
      </c>
      <c r="AH5313">
        <v>342955.22529999999</v>
      </c>
      <c r="AI5313">
        <v>77320.721390000006</v>
      </c>
      <c r="AJ5313">
        <v>21447.183730000001</v>
      </c>
      <c r="AK5313">
        <v>31166.74639</v>
      </c>
      <c r="AL5313">
        <v>92884.951879999993</v>
      </c>
      <c r="AM5313">
        <v>18175.21387</v>
      </c>
      <c r="AN5313">
        <v>95031.619210000004</v>
      </c>
      <c r="AO5313">
        <v>22350.651020000001</v>
      </c>
      <c r="AP5313">
        <v>22989.771680000002</v>
      </c>
    </row>
    <row r="5314" spans="2:42" x14ac:dyDescent="0.3">
      <c r="B5314">
        <v>68.38791164133896</v>
      </c>
      <c r="C5314" s="83">
        <v>43322.333333333336</v>
      </c>
      <c r="D5314">
        <v>186296.26379999999</v>
      </c>
      <c r="E5314">
        <v>27225.068319999998</v>
      </c>
      <c r="F5314">
        <v>93752.085529999997</v>
      </c>
      <c r="G5314">
        <v>32588.59547</v>
      </c>
      <c r="H5314">
        <v>43337.951679999998</v>
      </c>
      <c r="I5314">
        <v>33257.023659999999</v>
      </c>
      <c r="J5314">
        <v>48979.030530000004</v>
      </c>
      <c r="K5314">
        <v>56856.750229999998</v>
      </c>
      <c r="L5314">
        <v>24679.813920000001</v>
      </c>
      <c r="M5314">
        <v>348673.4657</v>
      </c>
      <c r="N5314">
        <v>83997.521779999995</v>
      </c>
      <c r="O5314">
        <v>23424.134010000002</v>
      </c>
      <c r="P5314">
        <v>33907.518450000003</v>
      </c>
      <c r="Q5314">
        <v>93952.899829999995</v>
      </c>
      <c r="R5314">
        <v>21909.14834</v>
      </c>
      <c r="S5314">
        <v>105826.4286</v>
      </c>
      <c r="T5314">
        <v>24354.105439999999</v>
      </c>
      <c r="U5314">
        <v>25421.82114</v>
      </c>
      <c r="W5314" s="83">
        <f>Bühler!N5346</f>
        <v>45513.33333332045</v>
      </c>
      <c r="X5314" s="83">
        <v>43322.333333333336</v>
      </c>
      <c r="Y5314">
        <v>186296.26379999999</v>
      </c>
      <c r="Z5314">
        <v>27225.068319999998</v>
      </c>
      <c r="AA5314">
        <v>93752.085529999997</v>
      </c>
      <c r="AB5314">
        <v>32588.59547</v>
      </c>
      <c r="AC5314">
        <v>43337.951679999998</v>
      </c>
      <c r="AD5314">
        <v>33257.023659999999</v>
      </c>
      <c r="AE5314">
        <v>48979.030530000004</v>
      </c>
      <c r="AF5314">
        <v>56856.750229999998</v>
      </c>
      <c r="AG5314">
        <v>24679.813920000001</v>
      </c>
      <c r="AH5314">
        <v>348673.4657</v>
      </c>
      <c r="AI5314">
        <v>83997.521779999995</v>
      </c>
      <c r="AJ5314">
        <v>23424.134010000002</v>
      </c>
      <c r="AK5314">
        <v>33907.518450000003</v>
      </c>
      <c r="AL5314">
        <v>93952.899829999995</v>
      </c>
      <c r="AM5314">
        <v>21909.14834</v>
      </c>
      <c r="AN5314">
        <v>105826.4286</v>
      </c>
      <c r="AO5314">
        <v>24354.105439999999</v>
      </c>
      <c r="AP5314">
        <v>25421.82114</v>
      </c>
    </row>
    <row r="5315" spans="2:42" x14ac:dyDescent="0.3">
      <c r="B5315">
        <v>69.297799632915002</v>
      </c>
      <c r="C5315" s="83">
        <v>43322.375</v>
      </c>
      <c r="D5315">
        <v>188648.709</v>
      </c>
      <c r="E5315">
        <v>32009.948690000001</v>
      </c>
      <c r="F5315">
        <v>100925.98269999999</v>
      </c>
      <c r="G5315">
        <v>34535.690439999998</v>
      </c>
      <c r="H5315">
        <v>46100.146110000001</v>
      </c>
      <c r="I5315">
        <v>33753.515659999997</v>
      </c>
      <c r="J5315">
        <v>53152.485769999999</v>
      </c>
      <c r="K5315">
        <v>60795.146139999997</v>
      </c>
      <c r="L5315">
        <v>28244.213370000001</v>
      </c>
      <c r="M5315">
        <v>353312.49900000001</v>
      </c>
      <c r="N5315">
        <v>87972.772200000007</v>
      </c>
      <c r="O5315">
        <v>24991.389510000001</v>
      </c>
      <c r="P5315">
        <v>37994.314140000002</v>
      </c>
      <c r="Q5315">
        <v>95887.985579999993</v>
      </c>
      <c r="R5315">
        <v>23287.372960000001</v>
      </c>
      <c r="S5315">
        <v>113433.7994</v>
      </c>
      <c r="T5315">
        <v>26068.945479999998</v>
      </c>
      <c r="U5315">
        <v>26190.400109999999</v>
      </c>
      <c r="W5315" s="83">
        <f>Bühler!N5347</f>
        <v>45513.374999987114</v>
      </c>
      <c r="X5315" s="83">
        <v>43322.375</v>
      </c>
      <c r="Y5315">
        <v>188648.709</v>
      </c>
      <c r="Z5315">
        <v>32009.948690000001</v>
      </c>
      <c r="AA5315">
        <v>100925.98269999999</v>
      </c>
      <c r="AB5315">
        <v>34535.690439999998</v>
      </c>
      <c r="AC5315">
        <v>46100.146110000001</v>
      </c>
      <c r="AD5315">
        <v>33753.515659999997</v>
      </c>
      <c r="AE5315">
        <v>53152.485769999999</v>
      </c>
      <c r="AF5315">
        <v>60795.146139999997</v>
      </c>
      <c r="AG5315">
        <v>28244.213370000001</v>
      </c>
      <c r="AH5315">
        <v>353312.49900000001</v>
      </c>
      <c r="AI5315">
        <v>87972.772200000007</v>
      </c>
      <c r="AJ5315">
        <v>24991.389510000001</v>
      </c>
      <c r="AK5315">
        <v>37994.314140000002</v>
      </c>
      <c r="AL5315">
        <v>95887.985579999993</v>
      </c>
      <c r="AM5315">
        <v>23287.372960000001</v>
      </c>
      <c r="AN5315">
        <v>113433.7994</v>
      </c>
      <c r="AO5315">
        <v>26068.945479999998</v>
      </c>
      <c r="AP5315">
        <v>26190.400109999999</v>
      </c>
    </row>
    <row r="5316" spans="2:42" x14ac:dyDescent="0.3">
      <c r="B5316">
        <v>69.668422595442038</v>
      </c>
      <c r="C5316" s="83">
        <v>43322.416666666664</v>
      </c>
      <c r="D5316">
        <v>189069.1257</v>
      </c>
      <c r="E5316">
        <v>34406.119850000003</v>
      </c>
      <c r="F5316">
        <v>103524.83470000001</v>
      </c>
      <c r="G5316">
        <v>35070.544679999999</v>
      </c>
      <c r="H5316">
        <v>47025.081109999999</v>
      </c>
      <c r="I5316">
        <v>32833.546950000004</v>
      </c>
      <c r="J5316">
        <v>54627.263290000003</v>
      </c>
      <c r="K5316">
        <v>62939.997210000001</v>
      </c>
      <c r="L5316">
        <v>31609.820400000001</v>
      </c>
      <c r="M5316">
        <v>355202.10769999999</v>
      </c>
      <c r="N5316">
        <v>92754.000799999994</v>
      </c>
      <c r="O5316">
        <v>27115.690159999998</v>
      </c>
      <c r="P5316">
        <v>40951.330349999997</v>
      </c>
      <c r="Q5316">
        <v>98025.551810000004</v>
      </c>
      <c r="R5316">
        <v>23490.577829999998</v>
      </c>
      <c r="S5316">
        <v>114988.78200000001</v>
      </c>
      <c r="T5316">
        <v>28318.606189999999</v>
      </c>
      <c r="U5316">
        <v>26303.287899999999</v>
      </c>
      <c r="W5316" s="83">
        <f>Bühler!N5348</f>
        <v>45513.416666653779</v>
      </c>
      <c r="X5316" s="83">
        <v>43322.416666666664</v>
      </c>
      <c r="Y5316">
        <v>189069.1257</v>
      </c>
      <c r="Z5316">
        <v>34406.119850000003</v>
      </c>
      <c r="AA5316">
        <v>103524.83470000001</v>
      </c>
      <c r="AB5316">
        <v>35070.544679999999</v>
      </c>
      <c r="AC5316">
        <v>47025.081109999999</v>
      </c>
      <c r="AD5316">
        <v>32833.546950000004</v>
      </c>
      <c r="AE5316">
        <v>54627.263290000003</v>
      </c>
      <c r="AF5316">
        <v>62939.997210000001</v>
      </c>
      <c r="AG5316">
        <v>31609.820400000001</v>
      </c>
      <c r="AH5316">
        <v>355202.10769999999</v>
      </c>
      <c r="AI5316">
        <v>92754.000799999994</v>
      </c>
      <c r="AJ5316">
        <v>27115.690159999998</v>
      </c>
      <c r="AK5316">
        <v>40951.330349999997</v>
      </c>
      <c r="AL5316">
        <v>98025.551810000004</v>
      </c>
      <c r="AM5316">
        <v>23490.577829999998</v>
      </c>
      <c r="AN5316">
        <v>114988.78200000001</v>
      </c>
      <c r="AO5316">
        <v>28318.606189999999</v>
      </c>
      <c r="AP5316">
        <v>26303.287899999999</v>
      </c>
    </row>
    <row r="5317" spans="2:42" x14ac:dyDescent="0.3">
      <c r="B5317">
        <v>69.992617753189421</v>
      </c>
      <c r="C5317" s="83">
        <v>43322.458333333336</v>
      </c>
      <c r="D5317">
        <v>187239.7156</v>
      </c>
      <c r="E5317">
        <v>34779.718869999997</v>
      </c>
      <c r="F5317">
        <v>104856.5396</v>
      </c>
      <c r="G5317">
        <v>36700.958189999998</v>
      </c>
      <c r="H5317">
        <v>47379.934549999998</v>
      </c>
      <c r="I5317">
        <v>32953.092089999998</v>
      </c>
      <c r="J5317">
        <v>55088.343509999999</v>
      </c>
      <c r="K5317">
        <v>63514.514060000001</v>
      </c>
      <c r="L5317">
        <v>33427.552559999996</v>
      </c>
      <c r="M5317">
        <v>356855.00579999998</v>
      </c>
      <c r="N5317">
        <v>94959.092529999994</v>
      </c>
      <c r="O5317">
        <v>26392.563180000001</v>
      </c>
      <c r="P5317">
        <v>40470.475420000002</v>
      </c>
      <c r="Q5317">
        <v>98938.080300000001</v>
      </c>
      <c r="R5317">
        <v>26118.988560000002</v>
      </c>
      <c r="S5317">
        <v>118697.77959999999</v>
      </c>
      <c r="T5317">
        <v>28958.906559999999</v>
      </c>
      <c r="U5317">
        <v>26182.746640000001</v>
      </c>
      <c r="W5317" s="83">
        <f>Bühler!N5349</f>
        <v>45513.458333320443</v>
      </c>
      <c r="X5317" s="83">
        <v>43322.458333333336</v>
      </c>
      <c r="Y5317">
        <v>187239.7156</v>
      </c>
      <c r="Z5317">
        <v>34779.718869999997</v>
      </c>
      <c r="AA5317">
        <v>104856.5396</v>
      </c>
      <c r="AB5317">
        <v>36700.958189999998</v>
      </c>
      <c r="AC5317">
        <v>47379.934549999998</v>
      </c>
      <c r="AD5317">
        <v>32953.092089999998</v>
      </c>
      <c r="AE5317">
        <v>55088.343509999999</v>
      </c>
      <c r="AF5317">
        <v>63514.514060000001</v>
      </c>
      <c r="AG5317">
        <v>33427.552559999996</v>
      </c>
      <c r="AH5317">
        <v>356855.00579999998</v>
      </c>
      <c r="AI5317">
        <v>94959.092529999994</v>
      </c>
      <c r="AJ5317">
        <v>26392.563180000001</v>
      </c>
      <c r="AK5317">
        <v>40470.475420000002</v>
      </c>
      <c r="AL5317">
        <v>98938.080300000001</v>
      </c>
      <c r="AM5317">
        <v>26118.988560000002</v>
      </c>
      <c r="AN5317">
        <v>118697.77959999999</v>
      </c>
      <c r="AO5317">
        <v>28958.906559999999</v>
      </c>
      <c r="AP5317">
        <v>26182.746640000001</v>
      </c>
    </row>
    <row r="5318" spans="2:42" x14ac:dyDescent="0.3">
      <c r="B5318">
        <v>69.528529076065311</v>
      </c>
      <c r="C5318" s="83">
        <v>43322.5</v>
      </c>
      <c r="D5318">
        <v>180269.15779999999</v>
      </c>
      <c r="E5318">
        <v>32606.31899</v>
      </c>
      <c r="F5318">
        <v>104367.4669</v>
      </c>
      <c r="G5318">
        <v>36742.927300000003</v>
      </c>
      <c r="H5318">
        <v>46665.475120000003</v>
      </c>
      <c r="I5318">
        <v>31824.192589999999</v>
      </c>
      <c r="J5318">
        <v>55889.758849999998</v>
      </c>
      <c r="K5318">
        <v>60317.995210000001</v>
      </c>
      <c r="L5318">
        <v>36211.61191</v>
      </c>
      <c r="M5318">
        <v>354488.8653</v>
      </c>
      <c r="N5318">
        <v>95243.621650000001</v>
      </c>
      <c r="O5318">
        <v>25497.40927</v>
      </c>
      <c r="P5318">
        <v>41415.871420000003</v>
      </c>
      <c r="Q5318">
        <v>98383.134779999993</v>
      </c>
      <c r="R5318">
        <v>26013.62773</v>
      </c>
      <c r="S5318">
        <v>115402.2478</v>
      </c>
      <c r="T5318">
        <v>28825.119269999999</v>
      </c>
      <c r="U5318">
        <v>22970.407469999998</v>
      </c>
      <c r="W5318" s="83">
        <f>Bühler!N5350</f>
        <v>45513.499999987107</v>
      </c>
      <c r="X5318" s="83">
        <v>43322.5</v>
      </c>
      <c r="Y5318">
        <v>180269.15779999999</v>
      </c>
      <c r="Z5318">
        <v>32606.31899</v>
      </c>
      <c r="AA5318">
        <v>104367.4669</v>
      </c>
      <c r="AB5318">
        <v>36742.927300000003</v>
      </c>
      <c r="AC5318">
        <v>46665.475120000003</v>
      </c>
      <c r="AD5318">
        <v>31824.192589999999</v>
      </c>
      <c r="AE5318">
        <v>55889.758849999998</v>
      </c>
      <c r="AF5318">
        <v>60317.995210000001</v>
      </c>
      <c r="AG5318">
        <v>36211.61191</v>
      </c>
      <c r="AH5318">
        <v>354488.8653</v>
      </c>
      <c r="AI5318">
        <v>95243.621650000001</v>
      </c>
      <c r="AJ5318">
        <v>25497.40927</v>
      </c>
      <c r="AK5318">
        <v>41415.871420000003</v>
      </c>
      <c r="AL5318">
        <v>98383.134779999993</v>
      </c>
      <c r="AM5318">
        <v>26013.62773</v>
      </c>
      <c r="AN5318">
        <v>115402.2478</v>
      </c>
      <c r="AO5318">
        <v>28825.119269999999</v>
      </c>
      <c r="AP5318">
        <v>22970.407469999998</v>
      </c>
    </row>
    <row r="5319" spans="2:42" x14ac:dyDescent="0.3">
      <c r="B5319">
        <v>68.670458294269778</v>
      </c>
      <c r="C5319" s="83">
        <v>43322.541666666664</v>
      </c>
      <c r="D5319">
        <v>179056.88269999999</v>
      </c>
      <c r="E5319">
        <v>32788.501989999997</v>
      </c>
      <c r="F5319">
        <v>105190.86749999999</v>
      </c>
      <c r="G5319">
        <v>36590.108050000003</v>
      </c>
      <c r="H5319">
        <v>47064.579619999997</v>
      </c>
      <c r="I5319">
        <v>32110.248149999999</v>
      </c>
      <c r="J5319">
        <v>54986.661890000003</v>
      </c>
      <c r="K5319">
        <v>61936.2739</v>
      </c>
      <c r="L5319">
        <v>36124.380830000002</v>
      </c>
      <c r="M5319">
        <v>350114.02029999997</v>
      </c>
      <c r="N5319">
        <v>95138.076379999999</v>
      </c>
      <c r="O5319">
        <v>25222.04437</v>
      </c>
      <c r="P5319">
        <v>40402.429660000002</v>
      </c>
      <c r="Q5319">
        <v>98418.424859999999</v>
      </c>
      <c r="R5319">
        <v>26127.281719999999</v>
      </c>
      <c r="S5319">
        <v>115612.2301</v>
      </c>
      <c r="T5319">
        <v>28847.268779999999</v>
      </c>
      <c r="U5319">
        <v>24409.916710000001</v>
      </c>
      <c r="W5319" s="83">
        <f>Bühler!N5351</f>
        <v>45513.541666653771</v>
      </c>
      <c r="X5319" s="83">
        <v>43322.541666666664</v>
      </c>
      <c r="Y5319">
        <v>179056.88269999999</v>
      </c>
      <c r="Z5319">
        <v>32788.501989999997</v>
      </c>
      <c r="AA5319">
        <v>105190.86749999999</v>
      </c>
      <c r="AB5319">
        <v>36590.108050000003</v>
      </c>
      <c r="AC5319">
        <v>47064.579619999997</v>
      </c>
      <c r="AD5319">
        <v>32110.248149999999</v>
      </c>
      <c r="AE5319">
        <v>54986.661890000003</v>
      </c>
      <c r="AF5319">
        <v>61936.2739</v>
      </c>
      <c r="AG5319">
        <v>36124.380830000002</v>
      </c>
      <c r="AH5319">
        <v>350114.02029999997</v>
      </c>
      <c r="AI5319">
        <v>95138.076379999999</v>
      </c>
      <c r="AJ5319">
        <v>25222.04437</v>
      </c>
      <c r="AK5319">
        <v>40402.429660000002</v>
      </c>
      <c r="AL5319">
        <v>98418.424859999999</v>
      </c>
      <c r="AM5319">
        <v>26127.281719999999</v>
      </c>
      <c r="AN5319">
        <v>115612.2301</v>
      </c>
      <c r="AO5319">
        <v>28847.268779999999</v>
      </c>
      <c r="AP5319">
        <v>24409.916710000001</v>
      </c>
    </row>
    <row r="5320" spans="2:42" x14ac:dyDescent="0.3">
      <c r="B5320">
        <v>68.590681951205028</v>
      </c>
      <c r="C5320" s="83">
        <v>43322.583333333336</v>
      </c>
      <c r="D5320">
        <v>177659.0478</v>
      </c>
      <c r="E5320">
        <v>35297.81998</v>
      </c>
      <c r="F5320">
        <v>107387.9388</v>
      </c>
      <c r="G5320">
        <v>35779.289219999999</v>
      </c>
      <c r="H5320">
        <v>47204.701119999998</v>
      </c>
      <c r="I5320">
        <v>32473.053940000002</v>
      </c>
      <c r="J5320">
        <v>55450.369599999998</v>
      </c>
      <c r="K5320">
        <v>62154.49469</v>
      </c>
      <c r="L5320">
        <v>34345.304759999999</v>
      </c>
      <c r="M5320">
        <v>349707.28330000001</v>
      </c>
      <c r="N5320">
        <v>96774.735279999994</v>
      </c>
      <c r="O5320">
        <v>25256.703420000002</v>
      </c>
      <c r="P5320">
        <v>37707.057359999999</v>
      </c>
      <c r="Q5320">
        <v>97447.806060000003</v>
      </c>
      <c r="R5320">
        <v>26429.976790000001</v>
      </c>
      <c r="S5320">
        <v>113667.3523</v>
      </c>
      <c r="T5320">
        <v>28238.021929999999</v>
      </c>
      <c r="U5320">
        <v>24404.502560000001</v>
      </c>
      <c r="W5320" s="83">
        <f>Bühler!N5352</f>
        <v>45513.583333320435</v>
      </c>
      <c r="X5320" s="83">
        <v>43322.583333333336</v>
      </c>
      <c r="Y5320">
        <v>177659.0478</v>
      </c>
      <c r="Z5320">
        <v>35297.81998</v>
      </c>
      <c r="AA5320">
        <v>107387.9388</v>
      </c>
      <c r="AB5320">
        <v>35779.289219999999</v>
      </c>
      <c r="AC5320">
        <v>47204.701119999998</v>
      </c>
      <c r="AD5320">
        <v>32473.053940000002</v>
      </c>
      <c r="AE5320">
        <v>55450.369599999998</v>
      </c>
      <c r="AF5320">
        <v>62154.49469</v>
      </c>
      <c r="AG5320">
        <v>34345.304759999999</v>
      </c>
      <c r="AH5320">
        <v>349707.28330000001</v>
      </c>
      <c r="AI5320">
        <v>96774.735279999994</v>
      </c>
      <c r="AJ5320">
        <v>25256.703420000002</v>
      </c>
      <c r="AK5320">
        <v>37707.057359999999</v>
      </c>
      <c r="AL5320">
        <v>97447.806060000003</v>
      </c>
      <c r="AM5320">
        <v>26429.976790000001</v>
      </c>
      <c r="AN5320">
        <v>113667.3523</v>
      </c>
      <c r="AO5320">
        <v>28238.021929999999</v>
      </c>
      <c r="AP5320">
        <v>24404.502560000001</v>
      </c>
    </row>
    <row r="5321" spans="2:42" x14ac:dyDescent="0.3">
      <c r="B5321">
        <v>67.371928411759939</v>
      </c>
      <c r="C5321" s="83">
        <v>43322.625</v>
      </c>
      <c r="D5321">
        <v>174993.9087</v>
      </c>
      <c r="E5321">
        <v>35208.16156</v>
      </c>
      <c r="F5321">
        <v>109145.18700000001</v>
      </c>
      <c r="G5321">
        <v>34471.028059999997</v>
      </c>
      <c r="H5321">
        <v>46720.265370000001</v>
      </c>
      <c r="I5321">
        <v>32972.769439999996</v>
      </c>
      <c r="J5321">
        <v>54233.35398</v>
      </c>
      <c r="K5321">
        <v>59464.880109999998</v>
      </c>
      <c r="L5321">
        <v>32211.864839999998</v>
      </c>
      <c r="M5321">
        <v>343493.50939999998</v>
      </c>
      <c r="N5321">
        <v>94216.218689999994</v>
      </c>
      <c r="O5321">
        <v>25010.250080000002</v>
      </c>
      <c r="P5321">
        <v>34687.909930000002</v>
      </c>
      <c r="Q5321">
        <v>96583.920140000002</v>
      </c>
      <c r="R5321">
        <v>25732.580870000002</v>
      </c>
      <c r="S5321">
        <v>111938.9538</v>
      </c>
      <c r="T5321">
        <v>28178.186539999999</v>
      </c>
      <c r="U5321">
        <v>23052.569370000001</v>
      </c>
      <c r="W5321" s="83">
        <f>Bühler!N5353</f>
        <v>45513.6249999871</v>
      </c>
      <c r="X5321" s="83">
        <v>43322.625</v>
      </c>
      <c r="Y5321">
        <v>174993.9087</v>
      </c>
      <c r="Z5321">
        <v>35208.16156</v>
      </c>
      <c r="AA5321">
        <v>109145.18700000001</v>
      </c>
      <c r="AB5321">
        <v>34471.028059999997</v>
      </c>
      <c r="AC5321">
        <v>46720.265370000001</v>
      </c>
      <c r="AD5321">
        <v>32972.769439999996</v>
      </c>
      <c r="AE5321">
        <v>54233.35398</v>
      </c>
      <c r="AF5321">
        <v>59464.880109999998</v>
      </c>
      <c r="AG5321">
        <v>32211.864839999998</v>
      </c>
      <c r="AH5321">
        <v>343493.50939999998</v>
      </c>
      <c r="AI5321">
        <v>94216.218689999994</v>
      </c>
      <c r="AJ5321">
        <v>25010.250080000002</v>
      </c>
      <c r="AK5321">
        <v>34687.909930000002</v>
      </c>
      <c r="AL5321">
        <v>96583.920140000002</v>
      </c>
      <c r="AM5321">
        <v>25732.580870000002</v>
      </c>
      <c r="AN5321">
        <v>111938.9538</v>
      </c>
      <c r="AO5321">
        <v>28178.186539999999</v>
      </c>
      <c r="AP5321">
        <v>23052.569370000001</v>
      </c>
    </row>
    <row r="5322" spans="2:42" x14ac:dyDescent="0.3">
      <c r="B5322">
        <v>65.951177049650994</v>
      </c>
      <c r="C5322" s="83">
        <v>43322.666666666664</v>
      </c>
      <c r="D5322">
        <v>169532.71309999999</v>
      </c>
      <c r="E5322">
        <v>34281.01225</v>
      </c>
      <c r="F5322">
        <v>107621.0753</v>
      </c>
      <c r="G5322">
        <v>33478.956039999997</v>
      </c>
      <c r="H5322">
        <v>45685.913030000003</v>
      </c>
      <c r="I5322">
        <v>33121.852229999997</v>
      </c>
      <c r="J5322">
        <v>54152.883990000002</v>
      </c>
      <c r="K5322">
        <v>56030.605730000003</v>
      </c>
      <c r="L5322">
        <v>31437.874779999998</v>
      </c>
      <c r="M5322">
        <v>336249.85639999999</v>
      </c>
      <c r="N5322">
        <v>92046.186310000005</v>
      </c>
      <c r="O5322">
        <v>24342.817439999999</v>
      </c>
      <c r="P5322">
        <v>34296.645490000003</v>
      </c>
      <c r="Q5322">
        <v>95138.178220000002</v>
      </c>
      <c r="R5322">
        <v>25525.19483</v>
      </c>
      <c r="S5322">
        <v>108960.50659999999</v>
      </c>
      <c r="T5322">
        <v>28076.504720000001</v>
      </c>
      <c r="U5322">
        <v>21620.053779999998</v>
      </c>
      <c r="W5322" s="83">
        <f>Bühler!N5354</f>
        <v>45513.666666653764</v>
      </c>
      <c r="X5322" s="83">
        <v>43322.666666666664</v>
      </c>
      <c r="Y5322">
        <v>169532.71309999999</v>
      </c>
      <c r="Z5322">
        <v>34281.01225</v>
      </c>
      <c r="AA5322">
        <v>107621.0753</v>
      </c>
      <c r="AB5322">
        <v>33478.956039999997</v>
      </c>
      <c r="AC5322">
        <v>45685.913030000003</v>
      </c>
      <c r="AD5322">
        <v>33121.852229999997</v>
      </c>
      <c r="AE5322">
        <v>54152.883990000002</v>
      </c>
      <c r="AF5322">
        <v>56030.605730000003</v>
      </c>
      <c r="AG5322">
        <v>31437.874779999998</v>
      </c>
      <c r="AH5322">
        <v>336249.85639999999</v>
      </c>
      <c r="AI5322">
        <v>92046.186310000005</v>
      </c>
      <c r="AJ5322">
        <v>24342.817439999999</v>
      </c>
      <c r="AK5322">
        <v>34296.645490000003</v>
      </c>
      <c r="AL5322">
        <v>95138.178220000002</v>
      </c>
      <c r="AM5322">
        <v>25525.19483</v>
      </c>
      <c r="AN5322">
        <v>108960.50659999999</v>
      </c>
      <c r="AO5322">
        <v>28076.504720000001</v>
      </c>
      <c r="AP5322">
        <v>21620.053779999998</v>
      </c>
    </row>
    <row r="5323" spans="2:42" x14ac:dyDescent="0.3">
      <c r="B5323">
        <v>63.977775103813926</v>
      </c>
      <c r="C5323" s="83">
        <v>43322.708333333336</v>
      </c>
      <c r="D5323">
        <v>163054.67970000001</v>
      </c>
      <c r="E5323">
        <v>32546.881679999999</v>
      </c>
      <c r="F5323">
        <v>106186.6906</v>
      </c>
      <c r="G5323">
        <v>32233.735489999999</v>
      </c>
      <c r="H5323">
        <v>43827.133569999998</v>
      </c>
      <c r="I5323">
        <v>32767.577239999999</v>
      </c>
      <c r="J5323">
        <v>55022.978159999999</v>
      </c>
      <c r="K5323">
        <v>53658.949249999998</v>
      </c>
      <c r="L5323">
        <v>31176.225640000001</v>
      </c>
      <c r="M5323">
        <v>326188.533</v>
      </c>
      <c r="N5323">
        <v>88809.583589999995</v>
      </c>
      <c r="O5323">
        <v>24662.953590000001</v>
      </c>
      <c r="P5323">
        <v>36511.488599999997</v>
      </c>
      <c r="Q5323">
        <v>93410.620500000005</v>
      </c>
      <c r="R5323">
        <v>25093.474910000001</v>
      </c>
      <c r="S5323">
        <v>105908.9599</v>
      </c>
      <c r="T5323">
        <v>27968.74338</v>
      </c>
      <c r="U5323">
        <v>21093.013569999999</v>
      </c>
      <c r="W5323" s="83">
        <f>Bühler!N5355</f>
        <v>45513.708333320428</v>
      </c>
      <c r="X5323" s="83">
        <v>43322.708333333336</v>
      </c>
      <c r="Y5323">
        <v>163054.67970000001</v>
      </c>
      <c r="Z5323">
        <v>32546.881679999999</v>
      </c>
      <c r="AA5323">
        <v>106186.6906</v>
      </c>
      <c r="AB5323">
        <v>32233.735489999999</v>
      </c>
      <c r="AC5323">
        <v>43827.133569999998</v>
      </c>
      <c r="AD5323">
        <v>32767.577239999999</v>
      </c>
      <c r="AE5323">
        <v>55022.978159999999</v>
      </c>
      <c r="AF5323">
        <v>53658.949249999998</v>
      </c>
      <c r="AG5323">
        <v>31176.225640000001</v>
      </c>
      <c r="AH5323">
        <v>326188.533</v>
      </c>
      <c r="AI5323">
        <v>88809.583589999995</v>
      </c>
      <c r="AJ5323">
        <v>24662.953590000001</v>
      </c>
      <c r="AK5323">
        <v>36511.488599999997</v>
      </c>
      <c r="AL5323">
        <v>93410.620500000005</v>
      </c>
      <c r="AM5323">
        <v>25093.474910000001</v>
      </c>
      <c r="AN5323">
        <v>105908.9599</v>
      </c>
      <c r="AO5323">
        <v>27968.74338</v>
      </c>
      <c r="AP5323">
        <v>21093.013569999999</v>
      </c>
    </row>
    <row r="5324" spans="2:42" x14ac:dyDescent="0.3">
      <c r="B5324">
        <v>62.518223838610183</v>
      </c>
      <c r="C5324" s="83">
        <v>43322.75</v>
      </c>
      <c r="D5324">
        <v>158818.4093</v>
      </c>
      <c r="E5324">
        <v>29952.437760000001</v>
      </c>
      <c r="F5324">
        <v>103762.9595</v>
      </c>
      <c r="G5324">
        <v>30826.6476</v>
      </c>
      <c r="H5324">
        <v>42282.191760000002</v>
      </c>
      <c r="I5324">
        <v>32160.823779999999</v>
      </c>
      <c r="J5324">
        <v>55018.506079999999</v>
      </c>
      <c r="K5324">
        <v>52127.319940000001</v>
      </c>
      <c r="L5324">
        <v>32652.13451</v>
      </c>
      <c r="M5324">
        <v>318747.06</v>
      </c>
      <c r="N5324">
        <v>86181.53946</v>
      </c>
      <c r="O5324">
        <v>22883.857889999999</v>
      </c>
      <c r="P5324">
        <v>40792.62758</v>
      </c>
      <c r="Q5324">
        <v>90031.220929999996</v>
      </c>
      <c r="R5324">
        <v>24495.611700000001</v>
      </c>
      <c r="S5324">
        <v>99636.679560000004</v>
      </c>
      <c r="T5324">
        <v>27452.183529999998</v>
      </c>
      <c r="U5324">
        <v>20217.560170000001</v>
      </c>
      <c r="W5324" s="83">
        <f>Bühler!N5356</f>
        <v>45513.749999987092</v>
      </c>
      <c r="X5324" s="83">
        <v>43322.75</v>
      </c>
      <c r="Y5324">
        <v>158818.4093</v>
      </c>
      <c r="Z5324">
        <v>29952.437760000001</v>
      </c>
      <c r="AA5324">
        <v>103762.9595</v>
      </c>
      <c r="AB5324">
        <v>30826.6476</v>
      </c>
      <c r="AC5324">
        <v>42282.191760000002</v>
      </c>
      <c r="AD5324">
        <v>32160.823779999999</v>
      </c>
      <c r="AE5324">
        <v>55018.506079999999</v>
      </c>
      <c r="AF5324">
        <v>52127.319940000001</v>
      </c>
      <c r="AG5324">
        <v>32652.13451</v>
      </c>
      <c r="AH5324">
        <v>318747.06</v>
      </c>
      <c r="AI5324">
        <v>86181.53946</v>
      </c>
      <c r="AJ5324">
        <v>22883.857889999999</v>
      </c>
      <c r="AK5324">
        <v>40792.62758</v>
      </c>
      <c r="AL5324">
        <v>90031.220929999996</v>
      </c>
      <c r="AM5324">
        <v>24495.611700000001</v>
      </c>
      <c r="AN5324">
        <v>99636.679560000004</v>
      </c>
      <c r="AO5324">
        <v>27452.183529999998</v>
      </c>
      <c r="AP5324">
        <v>20217.560170000001</v>
      </c>
    </row>
    <row r="5325" spans="2:42" x14ac:dyDescent="0.3">
      <c r="B5325">
        <v>61.074610758450696</v>
      </c>
      <c r="C5325" s="83">
        <v>43322.791666666664</v>
      </c>
      <c r="D5325">
        <v>153026.60329999999</v>
      </c>
      <c r="E5325">
        <v>24336.124039999999</v>
      </c>
      <c r="F5325">
        <v>91933.232950000005</v>
      </c>
      <c r="G5325">
        <v>29863.724849999999</v>
      </c>
      <c r="H5325">
        <v>40069.457889999998</v>
      </c>
      <c r="I5325">
        <v>30893.05803</v>
      </c>
      <c r="J5325">
        <v>54716.219299999997</v>
      </c>
      <c r="K5325">
        <v>52868.336389999997</v>
      </c>
      <c r="L5325">
        <v>32745.927169999999</v>
      </c>
      <c r="M5325">
        <v>311386.84730000002</v>
      </c>
      <c r="N5325">
        <v>83848.10944</v>
      </c>
      <c r="O5325">
        <v>21174.25229</v>
      </c>
      <c r="P5325">
        <v>43098.386559999999</v>
      </c>
      <c r="Q5325">
        <v>87066.775349999996</v>
      </c>
      <c r="R5325">
        <v>22703.69427</v>
      </c>
      <c r="S5325">
        <v>95259.510840000003</v>
      </c>
      <c r="T5325">
        <v>26595.02606</v>
      </c>
      <c r="U5325">
        <v>19501.662670000002</v>
      </c>
      <c r="W5325" s="83">
        <f>Bühler!N5357</f>
        <v>45513.791666653757</v>
      </c>
      <c r="X5325" s="83">
        <v>43322.791666666664</v>
      </c>
      <c r="Y5325">
        <v>153026.60329999999</v>
      </c>
      <c r="Z5325">
        <v>24336.124039999999</v>
      </c>
      <c r="AA5325">
        <v>91933.232950000005</v>
      </c>
      <c r="AB5325">
        <v>29863.724849999999</v>
      </c>
      <c r="AC5325">
        <v>40069.457889999998</v>
      </c>
      <c r="AD5325">
        <v>30893.05803</v>
      </c>
      <c r="AE5325">
        <v>54716.219299999997</v>
      </c>
      <c r="AF5325">
        <v>52868.336389999997</v>
      </c>
      <c r="AG5325">
        <v>32745.927169999999</v>
      </c>
      <c r="AH5325">
        <v>311386.84730000002</v>
      </c>
      <c r="AI5325">
        <v>83848.10944</v>
      </c>
      <c r="AJ5325">
        <v>21174.25229</v>
      </c>
      <c r="AK5325">
        <v>43098.386559999999</v>
      </c>
      <c r="AL5325">
        <v>87066.775349999996</v>
      </c>
      <c r="AM5325">
        <v>22703.69427</v>
      </c>
      <c r="AN5325">
        <v>95259.510840000003</v>
      </c>
      <c r="AO5325">
        <v>26595.02606</v>
      </c>
      <c r="AP5325">
        <v>19501.662670000002</v>
      </c>
    </row>
    <row r="5326" spans="2:42" x14ac:dyDescent="0.3">
      <c r="B5326">
        <v>58.608156229464512</v>
      </c>
      <c r="C5326" s="83">
        <v>43322.833333333336</v>
      </c>
      <c r="D5326">
        <v>147778.3602</v>
      </c>
      <c r="E5326">
        <v>18056.018349999998</v>
      </c>
      <c r="F5326">
        <v>74585.757509999996</v>
      </c>
      <c r="G5326">
        <v>28767.287619999999</v>
      </c>
      <c r="H5326">
        <v>37433.580159999998</v>
      </c>
      <c r="I5326">
        <v>28027.440129999999</v>
      </c>
      <c r="J5326">
        <v>53261.889329999998</v>
      </c>
      <c r="K5326">
        <v>52581.763809999997</v>
      </c>
      <c r="L5326">
        <v>32663.46845</v>
      </c>
      <c r="M5326">
        <v>298811.71189999999</v>
      </c>
      <c r="N5326">
        <v>81163.397989999998</v>
      </c>
      <c r="O5326">
        <v>19990.123520000001</v>
      </c>
      <c r="P5326">
        <v>43597.944739999999</v>
      </c>
      <c r="Q5326">
        <v>82102.878110000005</v>
      </c>
      <c r="R5326">
        <v>21335.705269999999</v>
      </c>
      <c r="S5326">
        <v>87636.264190000002</v>
      </c>
      <c r="T5326">
        <v>25073.912540000001</v>
      </c>
      <c r="U5326">
        <v>19103.376069999998</v>
      </c>
      <c r="W5326" s="83">
        <f>Bühler!N5358</f>
        <v>45513.833333320421</v>
      </c>
      <c r="X5326" s="83">
        <v>43322.833333333336</v>
      </c>
      <c r="Y5326">
        <v>147778.3602</v>
      </c>
      <c r="Z5326">
        <v>18056.018349999998</v>
      </c>
      <c r="AA5326">
        <v>74585.757509999996</v>
      </c>
      <c r="AB5326">
        <v>28767.287619999999</v>
      </c>
      <c r="AC5326">
        <v>37433.580159999998</v>
      </c>
      <c r="AD5326">
        <v>28027.440129999999</v>
      </c>
      <c r="AE5326">
        <v>53261.889329999998</v>
      </c>
      <c r="AF5326">
        <v>52581.763809999997</v>
      </c>
      <c r="AG5326">
        <v>32663.46845</v>
      </c>
      <c r="AH5326">
        <v>298811.71189999999</v>
      </c>
      <c r="AI5326">
        <v>81163.397989999998</v>
      </c>
      <c r="AJ5326">
        <v>19990.123520000001</v>
      </c>
      <c r="AK5326">
        <v>43597.944739999999</v>
      </c>
      <c r="AL5326">
        <v>82102.878110000005</v>
      </c>
      <c r="AM5326">
        <v>21335.705269999999</v>
      </c>
      <c r="AN5326">
        <v>87636.264190000002</v>
      </c>
      <c r="AO5326">
        <v>25073.912540000001</v>
      </c>
      <c r="AP5326">
        <v>19103.376069999998</v>
      </c>
    </row>
    <row r="5327" spans="2:42" x14ac:dyDescent="0.3">
      <c r="B5327">
        <v>56.342882963863218</v>
      </c>
      <c r="C5327" s="83">
        <v>43322.875</v>
      </c>
      <c r="D5327">
        <v>145358.75760000001</v>
      </c>
      <c r="E5327">
        <v>15555.143050000001</v>
      </c>
      <c r="F5327">
        <v>65463.559200000003</v>
      </c>
      <c r="G5327">
        <v>28535.43417</v>
      </c>
      <c r="H5327">
        <v>36356.045919999997</v>
      </c>
      <c r="I5327">
        <v>25977.14992</v>
      </c>
      <c r="J5327">
        <v>53252.946150000003</v>
      </c>
      <c r="K5327">
        <v>54129.746420000003</v>
      </c>
      <c r="L5327">
        <v>31089.824980000001</v>
      </c>
      <c r="M5327">
        <v>287262.29239999998</v>
      </c>
      <c r="N5327">
        <v>79003.537930000006</v>
      </c>
      <c r="O5327">
        <v>19017.288789999999</v>
      </c>
      <c r="P5327">
        <v>41817.068800000001</v>
      </c>
      <c r="Q5327">
        <v>78316.643240000005</v>
      </c>
      <c r="R5327">
        <v>20663.220979999998</v>
      </c>
      <c r="S5327">
        <v>84041.223299999998</v>
      </c>
      <c r="T5327">
        <v>24060.863689999998</v>
      </c>
      <c r="U5327">
        <v>18913.309239999999</v>
      </c>
      <c r="W5327" s="83">
        <f>Bühler!N5359</f>
        <v>45513.874999987085</v>
      </c>
      <c r="X5327" s="83">
        <v>43322.875</v>
      </c>
      <c r="Y5327">
        <v>145358.75760000001</v>
      </c>
      <c r="Z5327">
        <v>15555.143050000001</v>
      </c>
      <c r="AA5327">
        <v>65463.559200000003</v>
      </c>
      <c r="AB5327">
        <v>28535.43417</v>
      </c>
      <c r="AC5327">
        <v>36356.045919999997</v>
      </c>
      <c r="AD5327">
        <v>25977.14992</v>
      </c>
      <c r="AE5327">
        <v>53252.946150000003</v>
      </c>
      <c r="AF5327">
        <v>54129.746420000003</v>
      </c>
      <c r="AG5327">
        <v>31089.824980000001</v>
      </c>
      <c r="AH5327">
        <v>287262.29239999998</v>
      </c>
      <c r="AI5327">
        <v>79003.537930000006</v>
      </c>
      <c r="AJ5327">
        <v>19017.288789999999</v>
      </c>
      <c r="AK5327">
        <v>41817.068800000001</v>
      </c>
      <c r="AL5327">
        <v>78316.643240000005</v>
      </c>
      <c r="AM5327">
        <v>20663.220979999998</v>
      </c>
      <c r="AN5327">
        <v>84041.223299999998</v>
      </c>
      <c r="AO5327">
        <v>24060.863689999998</v>
      </c>
      <c r="AP5327">
        <v>18913.309239999999</v>
      </c>
    </row>
    <row r="5328" spans="2:42" x14ac:dyDescent="0.3">
      <c r="B5328">
        <v>55.886034326689206</v>
      </c>
      <c r="C5328" s="83">
        <v>43322.916666666664</v>
      </c>
      <c r="D5328">
        <v>144063.78890000001</v>
      </c>
      <c r="E5328">
        <v>14621.55861</v>
      </c>
      <c r="F5328">
        <v>62382.847309999997</v>
      </c>
      <c r="G5328">
        <v>28562.15711</v>
      </c>
      <c r="H5328">
        <v>36791.843009999997</v>
      </c>
      <c r="I5328">
        <v>25202.88495</v>
      </c>
      <c r="J5328">
        <v>51372.719400000002</v>
      </c>
      <c r="K5328">
        <v>55598.679609999999</v>
      </c>
      <c r="L5328">
        <v>27697.349590000002</v>
      </c>
      <c r="M5328">
        <v>284933.065</v>
      </c>
      <c r="N5328">
        <v>77307.179409999997</v>
      </c>
      <c r="O5328">
        <v>18922.22997</v>
      </c>
      <c r="P5328">
        <v>43604.466039999999</v>
      </c>
      <c r="Q5328">
        <v>77242.306649999999</v>
      </c>
      <c r="R5328">
        <v>21673.843000000001</v>
      </c>
      <c r="S5328">
        <v>82374.095249999998</v>
      </c>
      <c r="T5328">
        <v>21925.214230000001</v>
      </c>
      <c r="U5328">
        <v>19043.297689999999</v>
      </c>
      <c r="W5328" s="83">
        <f>Bühler!N5360</f>
        <v>45513.916666653749</v>
      </c>
      <c r="X5328" s="83">
        <v>43322.916666666664</v>
      </c>
      <c r="Y5328">
        <v>144063.78890000001</v>
      </c>
      <c r="Z5328">
        <v>14621.55861</v>
      </c>
      <c r="AA5328">
        <v>62382.847309999997</v>
      </c>
      <c r="AB5328">
        <v>28562.15711</v>
      </c>
      <c r="AC5328">
        <v>36791.843009999997</v>
      </c>
      <c r="AD5328">
        <v>25202.88495</v>
      </c>
      <c r="AE5328">
        <v>51372.719400000002</v>
      </c>
      <c r="AF5328">
        <v>55598.679609999999</v>
      </c>
      <c r="AG5328">
        <v>27697.349590000002</v>
      </c>
      <c r="AH5328">
        <v>284933.065</v>
      </c>
      <c r="AI5328">
        <v>77307.179409999997</v>
      </c>
      <c r="AJ5328">
        <v>18922.22997</v>
      </c>
      <c r="AK5328">
        <v>43604.466039999999</v>
      </c>
      <c r="AL5328">
        <v>77242.306649999999</v>
      </c>
      <c r="AM5328">
        <v>21673.843000000001</v>
      </c>
      <c r="AN5328">
        <v>82374.095249999998</v>
      </c>
      <c r="AO5328">
        <v>21925.214230000001</v>
      </c>
      <c r="AP5328">
        <v>19043.297689999999</v>
      </c>
    </row>
    <row r="5329" spans="2:42" x14ac:dyDescent="0.3">
      <c r="B5329">
        <v>54.847281504802659</v>
      </c>
      <c r="C5329" s="83">
        <v>43322.958333333336</v>
      </c>
      <c r="D5329">
        <v>142906.70129999999</v>
      </c>
      <c r="E5329">
        <v>13900.40005</v>
      </c>
      <c r="F5329">
        <v>59959.460809999997</v>
      </c>
      <c r="G5329">
        <v>28831.1122</v>
      </c>
      <c r="H5329">
        <v>35976.871099999997</v>
      </c>
      <c r="I5329">
        <v>24514.086480000002</v>
      </c>
      <c r="J5329">
        <v>45757.533230000001</v>
      </c>
      <c r="K5329">
        <v>54463.44773</v>
      </c>
      <c r="L5329">
        <v>23164.039710000001</v>
      </c>
      <c r="M5329">
        <v>279637.01870000002</v>
      </c>
      <c r="N5329">
        <v>75907.098910000001</v>
      </c>
      <c r="O5329">
        <v>18705.623230000001</v>
      </c>
      <c r="P5329">
        <v>37543.972220000003</v>
      </c>
      <c r="Q5329">
        <v>75190.197279999993</v>
      </c>
      <c r="R5329">
        <v>21822.876319999999</v>
      </c>
      <c r="S5329">
        <v>80225.858259999994</v>
      </c>
      <c r="T5329">
        <v>20440.702590000001</v>
      </c>
      <c r="U5329">
        <v>18368.286980000001</v>
      </c>
      <c r="W5329" s="83">
        <f>Bühler!N5361</f>
        <v>45513.958333320414</v>
      </c>
      <c r="X5329" s="83">
        <v>43322.958333333336</v>
      </c>
      <c r="Y5329">
        <v>142906.70129999999</v>
      </c>
      <c r="Z5329">
        <v>13900.40005</v>
      </c>
      <c r="AA5329">
        <v>59959.460809999997</v>
      </c>
      <c r="AB5329">
        <v>28831.1122</v>
      </c>
      <c r="AC5329">
        <v>35976.871099999997</v>
      </c>
      <c r="AD5329">
        <v>24514.086480000002</v>
      </c>
      <c r="AE5329">
        <v>45757.533230000001</v>
      </c>
      <c r="AF5329">
        <v>54463.44773</v>
      </c>
      <c r="AG5329">
        <v>23164.039710000001</v>
      </c>
      <c r="AH5329">
        <v>279637.01870000002</v>
      </c>
      <c r="AI5329">
        <v>75907.098910000001</v>
      </c>
      <c r="AJ5329">
        <v>18705.623230000001</v>
      </c>
      <c r="AK5329">
        <v>37543.972220000003</v>
      </c>
      <c r="AL5329">
        <v>75190.197279999993</v>
      </c>
      <c r="AM5329">
        <v>21822.876319999999</v>
      </c>
      <c r="AN5329">
        <v>80225.858259999994</v>
      </c>
      <c r="AO5329">
        <v>20440.702590000001</v>
      </c>
      <c r="AP5329">
        <v>18368.286980000001</v>
      </c>
    </row>
    <row r="5330" spans="2:42" x14ac:dyDescent="0.3">
      <c r="B5330">
        <v>53.04874530097576</v>
      </c>
      <c r="C5330" s="83">
        <v>43323</v>
      </c>
      <c r="D5330">
        <v>140566.75779999999</v>
      </c>
      <c r="E5330">
        <v>13047.392680000001</v>
      </c>
      <c r="F5330">
        <v>58005.506529999999</v>
      </c>
      <c r="G5330">
        <v>28534.03775</v>
      </c>
      <c r="H5330">
        <v>34962.46675</v>
      </c>
      <c r="I5330">
        <v>22571.011699999999</v>
      </c>
      <c r="J5330">
        <v>40463.734510000002</v>
      </c>
      <c r="K5330">
        <v>51669.278259999999</v>
      </c>
      <c r="L5330">
        <v>19552.064429999999</v>
      </c>
      <c r="M5330">
        <v>270467.24239999999</v>
      </c>
      <c r="N5330">
        <v>74054.974530000007</v>
      </c>
      <c r="O5330">
        <v>18153.888599999998</v>
      </c>
      <c r="P5330">
        <v>33258.714460000003</v>
      </c>
      <c r="Q5330">
        <v>72747.930569999997</v>
      </c>
      <c r="R5330">
        <v>17670.28039</v>
      </c>
      <c r="S5330">
        <v>77816.331550000003</v>
      </c>
      <c r="T5330">
        <v>19524.034329999999</v>
      </c>
      <c r="U5330">
        <v>17986.878089999998</v>
      </c>
      <c r="W5330" s="83">
        <f>Bühler!N5362</f>
        <v>45513.999999987078</v>
      </c>
      <c r="X5330" s="83">
        <v>43323</v>
      </c>
      <c r="Y5330">
        <v>140566.75779999999</v>
      </c>
      <c r="Z5330">
        <v>13047.392680000001</v>
      </c>
      <c r="AA5330">
        <v>58005.506529999999</v>
      </c>
      <c r="AB5330">
        <v>28534.03775</v>
      </c>
      <c r="AC5330">
        <v>34962.46675</v>
      </c>
      <c r="AD5330">
        <v>22571.011699999999</v>
      </c>
      <c r="AE5330">
        <v>40463.734510000002</v>
      </c>
      <c r="AF5330">
        <v>51669.278259999999</v>
      </c>
      <c r="AG5330">
        <v>19552.064429999999</v>
      </c>
      <c r="AH5330">
        <v>270467.24239999999</v>
      </c>
      <c r="AI5330">
        <v>74054.974530000007</v>
      </c>
      <c r="AJ5330">
        <v>18153.888599999998</v>
      </c>
      <c r="AK5330">
        <v>33258.714460000003</v>
      </c>
      <c r="AL5330">
        <v>72747.930569999997</v>
      </c>
      <c r="AM5330">
        <v>17670.28039</v>
      </c>
      <c r="AN5330">
        <v>77816.331550000003</v>
      </c>
      <c r="AO5330">
        <v>19524.034329999999</v>
      </c>
      <c r="AP5330">
        <v>17986.878089999998</v>
      </c>
    </row>
    <row r="5331" spans="2:42" x14ac:dyDescent="0.3">
      <c r="B5331">
        <v>51.808946589746952</v>
      </c>
      <c r="C5331" s="83">
        <v>43323.041666666664</v>
      </c>
      <c r="D5331">
        <v>138636.69820000001</v>
      </c>
      <c r="E5331">
        <v>12799.20386</v>
      </c>
      <c r="F5331">
        <v>57347.143429999996</v>
      </c>
      <c r="G5331">
        <v>27976.1391</v>
      </c>
      <c r="H5331">
        <v>34365.498039999999</v>
      </c>
      <c r="I5331">
        <v>19586.654170000002</v>
      </c>
      <c r="J5331">
        <v>38082.702960000002</v>
      </c>
      <c r="K5331">
        <v>49824.455320000001</v>
      </c>
      <c r="L5331">
        <v>18086.41966</v>
      </c>
      <c r="M5331">
        <v>264146.1704</v>
      </c>
      <c r="N5331">
        <v>72257.754459999996</v>
      </c>
      <c r="O5331">
        <v>17595.015739999999</v>
      </c>
      <c r="P5331">
        <v>29072.288479999999</v>
      </c>
      <c r="Q5331">
        <v>71891.898960000006</v>
      </c>
      <c r="R5331">
        <v>15190.047259999999</v>
      </c>
      <c r="S5331">
        <v>76234.428830000004</v>
      </c>
      <c r="T5331">
        <v>18987.53429</v>
      </c>
      <c r="U5331">
        <v>17316.17265</v>
      </c>
      <c r="W5331" s="83">
        <f>Bühler!N5363</f>
        <v>45514.041666653742</v>
      </c>
      <c r="X5331" s="83">
        <v>43323.041666666664</v>
      </c>
      <c r="Y5331">
        <v>138636.69820000001</v>
      </c>
      <c r="Z5331">
        <v>12799.20386</v>
      </c>
      <c r="AA5331">
        <v>57347.143429999996</v>
      </c>
      <c r="AB5331">
        <v>27976.1391</v>
      </c>
      <c r="AC5331">
        <v>34365.498039999999</v>
      </c>
      <c r="AD5331">
        <v>19586.654170000002</v>
      </c>
      <c r="AE5331">
        <v>38082.702960000002</v>
      </c>
      <c r="AF5331">
        <v>49824.455320000001</v>
      </c>
      <c r="AG5331">
        <v>18086.41966</v>
      </c>
      <c r="AH5331">
        <v>264146.1704</v>
      </c>
      <c r="AI5331">
        <v>72257.754459999996</v>
      </c>
      <c r="AJ5331">
        <v>17595.015739999999</v>
      </c>
      <c r="AK5331">
        <v>29072.288479999999</v>
      </c>
      <c r="AL5331">
        <v>71891.898960000006</v>
      </c>
      <c r="AM5331">
        <v>15190.047259999999</v>
      </c>
      <c r="AN5331">
        <v>76234.428830000004</v>
      </c>
      <c r="AO5331">
        <v>18987.53429</v>
      </c>
      <c r="AP5331">
        <v>17316.17265</v>
      </c>
    </row>
    <row r="5332" spans="2:42" x14ac:dyDescent="0.3">
      <c r="B5332">
        <v>50.777482704867623</v>
      </c>
      <c r="C5332" s="83">
        <v>43323.083333333336</v>
      </c>
      <c r="D5332">
        <v>136276.87590000001</v>
      </c>
      <c r="E5332">
        <v>12645.08819</v>
      </c>
      <c r="F5332">
        <v>57744.334029999998</v>
      </c>
      <c r="G5332">
        <v>27768.412489999999</v>
      </c>
      <c r="H5332">
        <v>33738.479270000003</v>
      </c>
      <c r="I5332">
        <v>17359.42481</v>
      </c>
      <c r="J5332">
        <v>37215.551019999999</v>
      </c>
      <c r="K5332">
        <v>48199.617610000001</v>
      </c>
      <c r="L5332">
        <v>17066.778330000001</v>
      </c>
      <c r="M5332">
        <v>258887.28649999999</v>
      </c>
      <c r="N5332">
        <v>70675.090280000004</v>
      </c>
      <c r="O5332">
        <v>16988.252059999999</v>
      </c>
      <c r="P5332">
        <v>27312.976470000001</v>
      </c>
      <c r="Q5332">
        <v>71150.655270000003</v>
      </c>
      <c r="R5332">
        <v>14676.02727</v>
      </c>
      <c r="S5332">
        <v>75211.619579999999</v>
      </c>
      <c r="T5332">
        <v>18362.6185</v>
      </c>
      <c r="U5332">
        <v>17048.41534</v>
      </c>
      <c r="W5332" s="83">
        <f>Bühler!N5364</f>
        <v>45514.083333320406</v>
      </c>
      <c r="X5332" s="83">
        <v>43323.083333333336</v>
      </c>
      <c r="Y5332">
        <v>136276.87590000001</v>
      </c>
      <c r="Z5332">
        <v>12645.08819</v>
      </c>
      <c r="AA5332">
        <v>57744.334029999998</v>
      </c>
      <c r="AB5332">
        <v>27768.412489999999</v>
      </c>
      <c r="AC5332">
        <v>33738.479270000003</v>
      </c>
      <c r="AD5332">
        <v>17359.42481</v>
      </c>
      <c r="AE5332">
        <v>37215.551019999999</v>
      </c>
      <c r="AF5332">
        <v>48199.617610000001</v>
      </c>
      <c r="AG5332">
        <v>17066.778330000001</v>
      </c>
      <c r="AH5332">
        <v>258887.28649999999</v>
      </c>
      <c r="AI5332">
        <v>70675.090280000004</v>
      </c>
      <c r="AJ5332">
        <v>16988.252059999999</v>
      </c>
      <c r="AK5332">
        <v>27312.976470000001</v>
      </c>
      <c r="AL5332">
        <v>71150.655270000003</v>
      </c>
      <c r="AM5332">
        <v>14676.02727</v>
      </c>
      <c r="AN5332">
        <v>75211.619579999999</v>
      </c>
      <c r="AO5332">
        <v>18362.6185</v>
      </c>
      <c r="AP5332">
        <v>17048.41534</v>
      </c>
    </row>
    <row r="5333" spans="2:42" x14ac:dyDescent="0.3">
      <c r="B5333">
        <v>50.081638001372099</v>
      </c>
      <c r="C5333" s="83">
        <v>43323.125</v>
      </c>
      <c r="D5333">
        <v>133397.2892</v>
      </c>
      <c r="E5333">
        <v>12484.195959999999</v>
      </c>
      <c r="F5333">
        <v>58883.840550000001</v>
      </c>
      <c r="G5333">
        <v>26556.74828</v>
      </c>
      <c r="H5333">
        <v>33327.907930000001</v>
      </c>
      <c r="I5333">
        <v>16422.646820000002</v>
      </c>
      <c r="J5333">
        <v>37008.577250000002</v>
      </c>
      <c r="K5333">
        <v>46055.628830000001</v>
      </c>
      <c r="L5333">
        <v>16570.528279999999</v>
      </c>
      <c r="M5333">
        <v>255339.54569999999</v>
      </c>
      <c r="N5333">
        <v>67185.30416</v>
      </c>
      <c r="O5333">
        <v>17338.03253</v>
      </c>
      <c r="P5333">
        <v>26667.57432</v>
      </c>
      <c r="Q5333">
        <v>70649.606549999997</v>
      </c>
      <c r="R5333">
        <v>13541.69348</v>
      </c>
      <c r="S5333">
        <v>73848.004419999997</v>
      </c>
      <c r="T5333">
        <v>18174.159350000002</v>
      </c>
      <c r="U5333">
        <v>16645.07013</v>
      </c>
      <c r="W5333" s="83">
        <f>Bühler!N5365</f>
        <v>45514.124999987071</v>
      </c>
      <c r="X5333" s="83">
        <v>43323.125</v>
      </c>
      <c r="Y5333">
        <v>133397.2892</v>
      </c>
      <c r="Z5333">
        <v>12484.195959999999</v>
      </c>
      <c r="AA5333">
        <v>58883.840550000001</v>
      </c>
      <c r="AB5333">
        <v>26556.74828</v>
      </c>
      <c r="AC5333">
        <v>33327.907930000001</v>
      </c>
      <c r="AD5333">
        <v>16422.646820000002</v>
      </c>
      <c r="AE5333">
        <v>37008.577250000002</v>
      </c>
      <c r="AF5333">
        <v>46055.628830000001</v>
      </c>
      <c r="AG5333">
        <v>16570.528279999999</v>
      </c>
      <c r="AH5333">
        <v>255339.54569999999</v>
      </c>
      <c r="AI5333">
        <v>67185.30416</v>
      </c>
      <c r="AJ5333">
        <v>17338.03253</v>
      </c>
      <c r="AK5333">
        <v>26667.57432</v>
      </c>
      <c r="AL5333">
        <v>70649.606549999997</v>
      </c>
      <c r="AM5333">
        <v>13541.69348</v>
      </c>
      <c r="AN5333">
        <v>73848.004419999997</v>
      </c>
      <c r="AO5333">
        <v>18174.159350000002</v>
      </c>
      <c r="AP5333">
        <v>16645.07013</v>
      </c>
    </row>
    <row r="5334" spans="2:42" x14ac:dyDescent="0.3">
      <c r="B5334">
        <v>48.710852076497432</v>
      </c>
      <c r="C5334" s="83">
        <v>43323.166666666664</v>
      </c>
      <c r="D5334">
        <v>129859.5156</v>
      </c>
      <c r="E5334">
        <v>12571.91425</v>
      </c>
      <c r="F5334">
        <v>61639.616190000001</v>
      </c>
      <c r="G5334">
        <v>25766.176390000001</v>
      </c>
      <c r="H5334">
        <v>33168.794119999999</v>
      </c>
      <c r="I5334">
        <v>17150.858400000001</v>
      </c>
      <c r="J5334">
        <v>39034.827440000001</v>
      </c>
      <c r="K5334">
        <v>45373.424330000002</v>
      </c>
      <c r="L5334">
        <v>16139.229170000001</v>
      </c>
      <c r="M5334">
        <v>248350.6398</v>
      </c>
      <c r="N5334">
        <v>64431.090900000003</v>
      </c>
      <c r="O5334">
        <v>17449.914919999999</v>
      </c>
      <c r="P5334">
        <v>26144.485540000001</v>
      </c>
      <c r="Q5334">
        <v>68619.331359999996</v>
      </c>
      <c r="R5334">
        <v>14577.45305</v>
      </c>
      <c r="S5334">
        <v>73873.484219999998</v>
      </c>
      <c r="T5334">
        <v>18093.161270000001</v>
      </c>
      <c r="U5334">
        <v>16340.89517</v>
      </c>
      <c r="W5334" s="83">
        <f>Bühler!N5366</f>
        <v>45514.166666653735</v>
      </c>
      <c r="X5334" s="83">
        <v>43323.166666666664</v>
      </c>
      <c r="Y5334">
        <v>129859.5156</v>
      </c>
      <c r="Z5334">
        <v>12571.91425</v>
      </c>
      <c r="AA5334">
        <v>61639.616190000001</v>
      </c>
      <c r="AB5334">
        <v>25766.176390000001</v>
      </c>
      <c r="AC5334">
        <v>33168.794119999999</v>
      </c>
      <c r="AD5334">
        <v>17150.858400000001</v>
      </c>
      <c r="AE5334">
        <v>39034.827440000001</v>
      </c>
      <c r="AF5334">
        <v>45373.424330000002</v>
      </c>
      <c r="AG5334">
        <v>16139.229170000001</v>
      </c>
      <c r="AH5334">
        <v>248350.6398</v>
      </c>
      <c r="AI5334">
        <v>64431.090900000003</v>
      </c>
      <c r="AJ5334">
        <v>17449.914919999999</v>
      </c>
      <c r="AK5334">
        <v>26144.485540000001</v>
      </c>
      <c r="AL5334">
        <v>68619.331359999996</v>
      </c>
      <c r="AM5334">
        <v>14577.45305</v>
      </c>
      <c r="AN5334">
        <v>73873.484219999998</v>
      </c>
      <c r="AO5334">
        <v>18093.161270000001</v>
      </c>
      <c r="AP5334">
        <v>16340.89517</v>
      </c>
    </row>
    <row r="5335" spans="2:42" x14ac:dyDescent="0.3">
      <c r="B5335">
        <v>47.849255646243257</v>
      </c>
      <c r="C5335" s="83">
        <v>43323.208333333336</v>
      </c>
      <c r="D5335">
        <v>127162.0943</v>
      </c>
      <c r="E5335">
        <v>13290.24683</v>
      </c>
      <c r="F5335">
        <v>70353.024510000003</v>
      </c>
      <c r="G5335">
        <v>26033.9408</v>
      </c>
      <c r="H5335">
        <v>33735.173889999998</v>
      </c>
      <c r="I5335">
        <v>21738.301049999998</v>
      </c>
      <c r="J5335">
        <v>41727.200879999997</v>
      </c>
      <c r="K5335">
        <v>46025.96254</v>
      </c>
      <c r="L5335">
        <v>16548.5409</v>
      </c>
      <c r="M5335">
        <v>243957.81940000001</v>
      </c>
      <c r="N5335">
        <v>62098.242400000003</v>
      </c>
      <c r="O5335">
        <v>18399.862440000001</v>
      </c>
      <c r="P5335">
        <v>27515.980940000001</v>
      </c>
      <c r="Q5335">
        <v>66096.569669999997</v>
      </c>
      <c r="R5335">
        <v>16253.73885</v>
      </c>
      <c r="S5335">
        <v>74528.764330000005</v>
      </c>
      <c r="T5335">
        <v>18066.401989999998</v>
      </c>
      <c r="U5335">
        <v>16272.355089999999</v>
      </c>
      <c r="W5335" s="83">
        <f>Bühler!N5367</f>
        <v>45514.208333320399</v>
      </c>
      <c r="X5335" s="83">
        <v>43323.208333333336</v>
      </c>
      <c r="Y5335">
        <v>127162.0943</v>
      </c>
      <c r="Z5335">
        <v>13290.24683</v>
      </c>
      <c r="AA5335">
        <v>70353.024510000003</v>
      </c>
      <c r="AB5335">
        <v>26033.9408</v>
      </c>
      <c r="AC5335">
        <v>33735.173889999998</v>
      </c>
      <c r="AD5335">
        <v>21738.301049999998</v>
      </c>
      <c r="AE5335">
        <v>41727.200879999997</v>
      </c>
      <c r="AF5335">
        <v>46025.96254</v>
      </c>
      <c r="AG5335">
        <v>16548.5409</v>
      </c>
      <c r="AH5335">
        <v>243957.81940000001</v>
      </c>
      <c r="AI5335">
        <v>62098.242400000003</v>
      </c>
      <c r="AJ5335">
        <v>18399.862440000001</v>
      </c>
      <c r="AK5335">
        <v>27515.980940000001</v>
      </c>
      <c r="AL5335">
        <v>66096.569669999997</v>
      </c>
      <c r="AM5335">
        <v>16253.73885</v>
      </c>
      <c r="AN5335">
        <v>74528.764330000005</v>
      </c>
      <c r="AO5335">
        <v>18066.401989999998</v>
      </c>
      <c r="AP5335">
        <v>16272.355089999999</v>
      </c>
    </row>
    <row r="5336" spans="2:42" x14ac:dyDescent="0.3">
      <c r="B5336">
        <v>47.457941383053523</v>
      </c>
      <c r="C5336" s="83">
        <v>43323.25</v>
      </c>
      <c r="D5336">
        <v>126486.5327</v>
      </c>
      <c r="E5336">
        <v>14742.470079999999</v>
      </c>
      <c r="F5336">
        <v>79597.501149999996</v>
      </c>
      <c r="G5336">
        <v>26226.17151</v>
      </c>
      <c r="H5336">
        <v>33019.357309999999</v>
      </c>
      <c r="I5336">
        <v>23723.209859999999</v>
      </c>
      <c r="J5336">
        <v>44718.521820000002</v>
      </c>
      <c r="K5336">
        <v>43189.171540000003</v>
      </c>
      <c r="L5336">
        <v>17467.19904</v>
      </c>
      <c r="M5336">
        <v>241962.71679999999</v>
      </c>
      <c r="N5336">
        <v>63249.796349999997</v>
      </c>
      <c r="O5336">
        <v>18835.345099999999</v>
      </c>
      <c r="P5336">
        <v>28227.95133</v>
      </c>
      <c r="Q5336">
        <v>63734.077129999998</v>
      </c>
      <c r="R5336">
        <v>16013.16714</v>
      </c>
      <c r="S5336">
        <v>77826.385980000006</v>
      </c>
      <c r="T5336">
        <v>18199.88638</v>
      </c>
      <c r="U5336">
        <v>15899.58677</v>
      </c>
      <c r="W5336" s="83">
        <f>Bühler!N5368</f>
        <v>45514.249999987063</v>
      </c>
      <c r="X5336" s="83">
        <v>43323.25</v>
      </c>
      <c r="Y5336">
        <v>126486.5327</v>
      </c>
      <c r="Z5336">
        <v>14742.470079999999</v>
      </c>
      <c r="AA5336">
        <v>79597.501149999996</v>
      </c>
      <c r="AB5336">
        <v>26226.17151</v>
      </c>
      <c r="AC5336">
        <v>33019.357309999999</v>
      </c>
      <c r="AD5336">
        <v>23723.209859999999</v>
      </c>
      <c r="AE5336">
        <v>44718.521820000002</v>
      </c>
      <c r="AF5336">
        <v>43189.171540000003</v>
      </c>
      <c r="AG5336">
        <v>17467.19904</v>
      </c>
      <c r="AH5336">
        <v>241962.71679999999</v>
      </c>
      <c r="AI5336">
        <v>63249.796349999997</v>
      </c>
      <c r="AJ5336">
        <v>18835.345099999999</v>
      </c>
      <c r="AK5336">
        <v>28227.95133</v>
      </c>
      <c r="AL5336">
        <v>63734.077129999998</v>
      </c>
      <c r="AM5336">
        <v>16013.16714</v>
      </c>
      <c r="AN5336">
        <v>77826.385980000006</v>
      </c>
      <c r="AO5336">
        <v>18199.88638</v>
      </c>
      <c r="AP5336">
        <v>15899.58677</v>
      </c>
    </row>
    <row r="5337" spans="2:42" x14ac:dyDescent="0.3">
      <c r="B5337">
        <v>47.482606231571822</v>
      </c>
      <c r="C5337" s="83">
        <v>43323.291666666664</v>
      </c>
      <c r="D5337">
        <v>125303.51360000001</v>
      </c>
      <c r="E5337">
        <v>16468.624380000001</v>
      </c>
      <c r="F5337">
        <v>81686.458400000003</v>
      </c>
      <c r="G5337">
        <v>26403.211190000002</v>
      </c>
      <c r="H5337">
        <v>33252.55672</v>
      </c>
      <c r="I5337">
        <v>23347.946090000001</v>
      </c>
      <c r="J5337">
        <v>45140.938190000001</v>
      </c>
      <c r="K5337">
        <v>42559.829250000003</v>
      </c>
      <c r="L5337">
        <v>19070.880160000001</v>
      </c>
      <c r="M5337">
        <v>242088.46969999999</v>
      </c>
      <c r="N5337">
        <v>62011.631569999998</v>
      </c>
      <c r="O5337">
        <v>19028.346229999999</v>
      </c>
      <c r="P5337">
        <v>31048.595020000001</v>
      </c>
      <c r="Q5337">
        <v>61439.728360000001</v>
      </c>
      <c r="R5337">
        <v>15286.464620000001</v>
      </c>
      <c r="S5337">
        <v>83077.185949999999</v>
      </c>
      <c r="T5337">
        <v>18848.691760000002</v>
      </c>
      <c r="U5337">
        <v>15547.275250000001</v>
      </c>
      <c r="W5337" s="83">
        <f>Bühler!N5369</f>
        <v>45514.291666653728</v>
      </c>
      <c r="X5337" s="83">
        <v>43323.291666666664</v>
      </c>
      <c r="Y5337">
        <v>125303.51360000001</v>
      </c>
      <c r="Z5337">
        <v>16468.624380000001</v>
      </c>
      <c r="AA5337">
        <v>81686.458400000003</v>
      </c>
      <c r="AB5337">
        <v>26403.211190000002</v>
      </c>
      <c r="AC5337">
        <v>33252.55672</v>
      </c>
      <c r="AD5337">
        <v>23347.946090000001</v>
      </c>
      <c r="AE5337">
        <v>45140.938190000001</v>
      </c>
      <c r="AF5337">
        <v>42559.829250000003</v>
      </c>
      <c r="AG5337">
        <v>19070.880160000001</v>
      </c>
      <c r="AH5337">
        <v>242088.46969999999</v>
      </c>
      <c r="AI5337">
        <v>62011.631569999998</v>
      </c>
      <c r="AJ5337">
        <v>19028.346229999999</v>
      </c>
      <c r="AK5337">
        <v>31048.595020000001</v>
      </c>
      <c r="AL5337">
        <v>61439.728360000001</v>
      </c>
      <c r="AM5337">
        <v>15286.464620000001</v>
      </c>
      <c r="AN5337">
        <v>83077.185949999999</v>
      </c>
      <c r="AO5337">
        <v>18848.691760000002</v>
      </c>
      <c r="AP5337">
        <v>15547.275250000001</v>
      </c>
    </row>
    <row r="5338" spans="2:42" x14ac:dyDescent="0.3">
      <c r="B5338">
        <v>47.178169701859517</v>
      </c>
      <c r="C5338" s="83">
        <v>43323.333333333336</v>
      </c>
      <c r="D5338">
        <v>124456.7524</v>
      </c>
      <c r="E5338">
        <v>19832.561399999999</v>
      </c>
      <c r="F5338">
        <v>87673.492769999997</v>
      </c>
      <c r="G5338">
        <v>26898.505939999999</v>
      </c>
      <c r="H5338">
        <v>33479.892220000002</v>
      </c>
      <c r="I5338">
        <v>24182.006150000001</v>
      </c>
      <c r="J5338">
        <v>47665.646370000002</v>
      </c>
      <c r="K5338">
        <v>44162.253320000003</v>
      </c>
      <c r="L5338">
        <v>21450.414580000001</v>
      </c>
      <c r="M5338">
        <v>240536.31030000001</v>
      </c>
      <c r="N5338">
        <v>66577.297200000001</v>
      </c>
      <c r="O5338">
        <v>20129.813440000002</v>
      </c>
      <c r="P5338">
        <v>34565.966390000001</v>
      </c>
      <c r="Q5338">
        <v>61025.99944</v>
      </c>
      <c r="R5338">
        <v>17016.842850000001</v>
      </c>
      <c r="S5338">
        <v>86422.410669999997</v>
      </c>
      <c r="T5338">
        <v>21166.48892</v>
      </c>
      <c r="U5338">
        <v>15912.249299999999</v>
      </c>
      <c r="W5338" s="83">
        <f>Bühler!N5370</f>
        <v>45514.333333320392</v>
      </c>
      <c r="X5338" s="83">
        <v>43323.333333333336</v>
      </c>
      <c r="Y5338">
        <v>124456.7524</v>
      </c>
      <c r="Z5338">
        <v>19832.561399999999</v>
      </c>
      <c r="AA5338">
        <v>87673.492769999997</v>
      </c>
      <c r="AB5338">
        <v>26898.505939999999</v>
      </c>
      <c r="AC5338">
        <v>33479.892220000002</v>
      </c>
      <c r="AD5338">
        <v>24182.006150000001</v>
      </c>
      <c r="AE5338">
        <v>47665.646370000002</v>
      </c>
      <c r="AF5338">
        <v>44162.253320000003</v>
      </c>
      <c r="AG5338">
        <v>21450.414580000001</v>
      </c>
      <c r="AH5338">
        <v>240536.31030000001</v>
      </c>
      <c r="AI5338">
        <v>66577.297200000001</v>
      </c>
      <c r="AJ5338">
        <v>20129.813440000002</v>
      </c>
      <c r="AK5338">
        <v>34565.966390000001</v>
      </c>
      <c r="AL5338">
        <v>61025.99944</v>
      </c>
      <c r="AM5338">
        <v>17016.842850000001</v>
      </c>
      <c r="AN5338">
        <v>86422.410669999997</v>
      </c>
      <c r="AO5338">
        <v>21166.48892</v>
      </c>
      <c r="AP5338">
        <v>15912.249299999999</v>
      </c>
    </row>
    <row r="5339" spans="2:42" x14ac:dyDescent="0.3">
      <c r="B5339">
        <v>46.8274886381665</v>
      </c>
      <c r="C5339" s="83">
        <v>43323.375</v>
      </c>
      <c r="D5339">
        <v>124316.6035</v>
      </c>
      <c r="E5339">
        <v>23937.762060000001</v>
      </c>
      <c r="F5339">
        <v>94112.353730000003</v>
      </c>
      <c r="G5339">
        <v>27015.97438</v>
      </c>
      <c r="H5339">
        <v>34891.465709999997</v>
      </c>
      <c r="I5339">
        <v>24802.655610000002</v>
      </c>
      <c r="J5339">
        <v>50099.40653</v>
      </c>
      <c r="K5339">
        <v>46597.584880000002</v>
      </c>
      <c r="L5339">
        <v>25567.432639999999</v>
      </c>
      <c r="M5339">
        <v>238748.37469999999</v>
      </c>
      <c r="N5339">
        <v>69221.954199999993</v>
      </c>
      <c r="O5339">
        <v>21560.839039999999</v>
      </c>
      <c r="P5339">
        <v>38186.399080000003</v>
      </c>
      <c r="Q5339">
        <v>61791.0622</v>
      </c>
      <c r="R5339">
        <v>16987.72582</v>
      </c>
      <c r="S5339">
        <v>90288.093240000002</v>
      </c>
      <c r="T5339">
        <v>22374.990419999998</v>
      </c>
      <c r="U5339">
        <v>16083.87141</v>
      </c>
      <c r="W5339" s="83">
        <f>Bühler!N5371</f>
        <v>45514.374999987056</v>
      </c>
      <c r="X5339" s="83">
        <v>43323.375</v>
      </c>
      <c r="Y5339">
        <v>124316.6035</v>
      </c>
      <c r="Z5339">
        <v>23937.762060000001</v>
      </c>
      <c r="AA5339">
        <v>94112.353730000003</v>
      </c>
      <c r="AB5339">
        <v>27015.97438</v>
      </c>
      <c r="AC5339">
        <v>34891.465709999997</v>
      </c>
      <c r="AD5339">
        <v>24802.655610000002</v>
      </c>
      <c r="AE5339">
        <v>50099.40653</v>
      </c>
      <c r="AF5339">
        <v>46597.584880000002</v>
      </c>
      <c r="AG5339">
        <v>25567.432639999999</v>
      </c>
      <c r="AH5339">
        <v>238748.37469999999</v>
      </c>
      <c r="AI5339">
        <v>69221.954199999993</v>
      </c>
      <c r="AJ5339">
        <v>21560.839039999999</v>
      </c>
      <c r="AK5339">
        <v>38186.399080000003</v>
      </c>
      <c r="AL5339">
        <v>61791.0622</v>
      </c>
      <c r="AM5339">
        <v>16987.72582</v>
      </c>
      <c r="AN5339">
        <v>90288.093240000002</v>
      </c>
      <c r="AO5339">
        <v>22374.990419999998</v>
      </c>
      <c r="AP5339">
        <v>16083.87141</v>
      </c>
    </row>
    <row r="5340" spans="2:42" x14ac:dyDescent="0.3">
      <c r="B5340">
        <v>46.891407290981419</v>
      </c>
      <c r="C5340" s="83">
        <v>43323.416666666664</v>
      </c>
      <c r="D5340">
        <v>124462.01210000001</v>
      </c>
      <c r="E5340">
        <v>25647.128700000001</v>
      </c>
      <c r="F5340">
        <v>96756.711710000003</v>
      </c>
      <c r="G5340">
        <v>27462.053680000001</v>
      </c>
      <c r="H5340">
        <v>35567.617460000001</v>
      </c>
      <c r="I5340">
        <v>25002.920470000001</v>
      </c>
      <c r="J5340">
        <v>50238.914859999997</v>
      </c>
      <c r="K5340">
        <v>48090.972779999996</v>
      </c>
      <c r="L5340">
        <v>28895.347979999999</v>
      </c>
      <c r="M5340">
        <v>239074.26180000001</v>
      </c>
      <c r="N5340">
        <v>71699.781459999998</v>
      </c>
      <c r="O5340">
        <v>21887.802640000002</v>
      </c>
      <c r="P5340">
        <v>39038.135190000001</v>
      </c>
      <c r="Q5340">
        <v>61488.357669999998</v>
      </c>
      <c r="R5340">
        <v>18394.720539999998</v>
      </c>
      <c r="S5340">
        <v>91779.741959999999</v>
      </c>
      <c r="T5340">
        <v>24089.057489999999</v>
      </c>
      <c r="U5340">
        <v>15273.36289</v>
      </c>
      <c r="W5340" s="83">
        <f>Bühler!N5372</f>
        <v>45514.41666665372</v>
      </c>
      <c r="X5340" s="83">
        <v>43323.416666666664</v>
      </c>
      <c r="Y5340">
        <v>124462.01210000001</v>
      </c>
      <c r="Z5340">
        <v>25647.128700000001</v>
      </c>
      <c r="AA5340">
        <v>96756.711710000003</v>
      </c>
      <c r="AB5340">
        <v>27462.053680000001</v>
      </c>
      <c r="AC5340">
        <v>35567.617460000001</v>
      </c>
      <c r="AD5340">
        <v>25002.920470000001</v>
      </c>
      <c r="AE5340">
        <v>50238.914859999997</v>
      </c>
      <c r="AF5340">
        <v>48090.972779999996</v>
      </c>
      <c r="AG5340">
        <v>28895.347979999999</v>
      </c>
      <c r="AH5340">
        <v>239074.26180000001</v>
      </c>
      <c r="AI5340">
        <v>71699.781459999998</v>
      </c>
      <c r="AJ5340">
        <v>21887.802640000002</v>
      </c>
      <c r="AK5340">
        <v>39038.135190000001</v>
      </c>
      <c r="AL5340">
        <v>61488.357669999998</v>
      </c>
      <c r="AM5340">
        <v>18394.720539999998</v>
      </c>
      <c r="AN5340">
        <v>91779.741959999999</v>
      </c>
      <c r="AO5340">
        <v>24089.057489999999</v>
      </c>
      <c r="AP5340">
        <v>15273.36289</v>
      </c>
    </row>
    <row r="5341" spans="2:42" x14ac:dyDescent="0.3">
      <c r="B5341">
        <v>46.703209441737215</v>
      </c>
      <c r="C5341" s="83">
        <v>43323.458333333336</v>
      </c>
      <c r="D5341">
        <v>124197.3067</v>
      </c>
      <c r="E5341">
        <v>26031.450769999999</v>
      </c>
      <c r="F5341">
        <v>97903.497919999994</v>
      </c>
      <c r="G5341">
        <v>27821.981250000001</v>
      </c>
      <c r="H5341">
        <v>36016.889349999998</v>
      </c>
      <c r="I5341">
        <v>25615.425800000001</v>
      </c>
      <c r="J5341">
        <v>50256.371930000001</v>
      </c>
      <c r="K5341">
        <v>49562.115160000001</v>
      </c>
      <c r="L5341">
        <v>30715.475600000002</v>
      </c>
      <c r="M5341">
        <v>238114.7414</v>
      </c>
      <c r="N5341">
        <v>73563.931519999998</v>
      </c>
      <c r="O5341">
        <v>21219.299889999998</v>
      </c>
      <c r="P5341">
        <v>39286.326159999997</v>
      </c>
      <c r="Q5341">
        <v>61555.252780000003</v>
      </c>
      <c r="R5341">
        <v>20095.503089999998</v>
      </c>
      <c r="S5341">
        <v>94234.664199999999</v>
      </c>
      <c r="T5341">
        <v>25223.543699999998</v>
      </c>
      <c r="U5341">
        <v>15196.580110000001</v>
      </c>
      <c r="W5341" s="83">
        <f>Bühler!N5373</f>
        <v>45514.458333320385</v>
      </c>
      <c r="X5341" s="83">
        <v>43323.458333333336</v>
      </c>
      <c r="Y5341">
        <v>124197.3067</v>
      </c>
      <c r="Z5341">
        <v>26031.450769999999</v>
      </c>
      <c r="AA5341">
        <v>97903.497919999994</v>
      </c>
      <c r="AB5341">
        <v>27821.981250000001</v>
      </c>
      <c r="AC5341">
        <v>36016.889349999998</v>
      </c>
      <c r="AD5341">
        <v>25615.425800000001</v>
      </c>
      <c r="AE5341">
        <v>50256.371930000001</v>
      </c>
      <c r="AF5341">
        <v>49562.115160000001</v>
      </c>
      <c r="AG5341">
        <v>30715.475600000002</v>
      </c>
      <c r="AH5341">
        <v>238114.7414</v>
      </c>
      <c r="AI5341">
        <v>73563.931519999998</v>
      </c>
      <c r="AJ5341">
        <v>21219.299889999998</v>
      </c>
      <c r="AK5341">
        <v>39286.326159999997</v>
      </c>
      <c r="AL5341">
        <v>61555.252780000003</v>
      </c>
      <c r="AM5341">
        <v>20095.503089999998</v>
      </c>
      <c r="AN5341">
        <v>94234.664199999999</v>
      </c>
      <c r="AO5341">
        <v>25223.543699999998</v>
      </c>
      <c r="AP5341">
        <v>15196.580110000001</v>
      </c>
    </row>
    <row r="5342" spans="2:42" x14ac:dyDescent="0.3">
      <c r="B5342">
        <v>45.451776584861143</v>
      </c>
      <c r="C5342" s="83">
        <v>43323.5</v>
      </c>
      <c r="D5342">
        <v>123401.3501</v>
      </c>
      <c r="E5342">
        <v>25233.550220000001</v>
      </c>
      <c r="F5342">
        <v>96584.092319999996</v>
      </c>
      <c r="G5342">
        <v>27822.837650000001</v>
      </c>
      <c r="H5342">
        <v>35725.4856</v>
      </c>
      <c r="I5342">
        <v>25805.674849999999</v>
      </c>
      <c r="J5342">
        <v>52134.57589</v>
      </c>
      <c r="K5342">
        <v>49069.009510000004</v>
      </c>
      <c r="L5342">
        <v>33429.069519999997</v>
      </c>
      <c r="M5342">
        <v>231734.35310000001</v>
      </c>
      <c r="N5342">
        <v>74069.446429999996</v>
      </c>
      <c r="O5342">
        <v>20260.963390000001</v>
      </c>
      <c r="P5342">
        <v>38917.124129999997</v>
      </c>
      <c r="Q5342">
        <v>59299.77246</v>
      </c>
      <c r="R5342">
        <v>20505.086240000001</v>
      </c>
      <c r="S5342">
        <v>91143.000159999996</v>
      </c>
      <c r="T5342">
        <v>25177.767400000001</v>
      </c>
      <c r="U5342">
        <v>15124.79794</v>
      </c>
      <c r="W5342" s="83">
        <f>Bühler!N5374</f>
        <v>45514.499999987049</v>
      </c>
      <c r="X5342" s="83">
        <v>43323.5</v>
      </c>
      <c r="Y5342">
        <v>123401.3501</v>
      </c>
      <c r="Z5342">
        <v>25233.550220000001</v>
      </c>
      <c r="AA5342">
        <v>96584.092319999996</v>
      </c>
      <c r="AB5342">
        <v>27822.837650000001</v>
      </c>
      <c r="AC5342">
        <v>35725.4856</v>
      </c>
      <c r="AD5342">
        <v>25805.674849999999</v>
      </c>
      <c r="AE5342">
        <v>52134.57589</v>
      </c>
      <c r="AF5342">
        <v>49069.009510000004</v>
      </c>
      <c r="AG5342">
        <v>33429.069519999997</v>
      </c>
      <c r="AH5342">
        <v>231734.35310000001</v>
      </c>
      <c r="AI5342">
        <v>74069.446429999996</v>
      </c>
      <c r="AJ5342">
        <v>20260.963390000001</v>
      </c>
      <c r="AK5342">
        <v>38917.124129999997</v>
      </c>
      <c r="AL5342">
        <v>59299.77246</v>
      </c>
      <c r="AM5342">
        <v>20505.086240000001</v>
      </c>
      <c r="AN5342">
        <v>91143.000159999996</v>
      </c>
      <c r="AO5342">
        <v>25177.767400000001</v>
      </c>
      <c r="AP5342">
        <v>15124.79794</v>
      </c>
    </row>
    <row r="5343" spans="2:42" x14ac:dyDescent="0.3">
      <c r="B5343">
        <v>44.837729008585654</v>
      </c>
      <c r="C5343" s="83">
        <v>43323.541666666664</v>
      </c>
      <c r="D5343">
        <v>122464.85890000001</v>
      </c>
      <c r="E5343">
        <v>25102.26568</v>
      </c>
      <c r="F5343">
        <v>95982.264249999993</v>
      </c>
      <c r="G5343">
        <v>28136.180540000001</v>
      </c>
      <c r="H5343">
        <v>35580.40638</v>
      </c>
      <c r="I5343">
        <v>25963.548429999999</v>
      </c>
      <c r="J5343">
        <v>51739.273309999997</v>
      </c>
      <c r="K5343">
        <v>48947.851840000003</v>
      </c>
      <c r="L5343">
        <v>33787.481520000001</v>
      </c>
      <c r="M5343">
        <v>228603.65220000001</v>
      </c>
      <c r="N5343">
        <v>73615.852169999998</v>
      </c>
      <c r="O5343">
        <v>19525.429810000001</v>
      </c>
      <c r="P5343">
        <v>38705.255149999997</v>
      </c>
      <c r="Q5343">
        <v>57299.832249999999</v>
      </c>
      <c r="R5343">
        <v>20265.080389999999</v>
      </c>
      <c r="S5343">
        <v>92199.010330000005</v>
      </c>
      <c r="T5343">
        <v>25248.59762</v>
      </c>
      <c r="U5343">
        <v>15381.32775</v>
      </c>
      <c r="W5343" s="83">
        <f>Bühler!N5375</f>
        <v>45514.541666653713</v>
      </c>
      <c r="X5343" s="83">
        <v>43323.541666666664</v>
      </c>
      <c r="Y5343">
        <v>122464.85890000001</v>
      </c>
      <c r="Z5343">
        <v>25102.26568</v>
      </c>
      <c r="AA5343">
        <v>95982.264249999993</v>
      </c>
      <c r="AB5343">
        <v>28136.180540000001</v>
      </c>
      <c r="AC5343">
        <v>35580.40638</v>
      </c>
      <c r="AD5343">
        <v>25963.548429999999</v>
      </c>
      <c r="AE5343">
        <v>51739.273309999997</v>
      </c>
      <c r="AF5343">
        <v>48947.851840000003</v>
      </c>
      <c r="AG5343">
        <v>33787.481520000001</v>
      </c>
      <c r="AH5343">
        <v>228603.65220000001</v>
      </c>
      <c r="AI5343">
        <v>73615.852169999998</v>
      </c>
      <c r="AJ5343">
        <v>19525.429810000001</v>
      </c>
      <c r="AK5343">
        <v>38705.255149999997</v>
      </c>
      <c r="AL5343">
        <v>57299.832249999999</v>
      </c>
      <c r="AM5343">
        <v>20265.080389999999</v>
      </c>
      <c r="AN5343">
        <v>92199.010330000005</v>
      </c>
      <c r="AO5343">
        <v>25248.59762</v>
      </c>
      <c r="AP5343">
        <v>15381.32775</v>
      </c>
    </row>
    <row r="5344" spans="2:42" x14ac:dyDescent="0.3">
      <c r="B5344">
        <v>44.556439263040346</v>
      </c>
      <c r="C5344" s="83">
        <v>43323.583333333336</v>
      </c>
      <c r="D5344">
        <v>122728.3495</v>
      </c>
      <c r="E5344">
        <v>26083.973429999998</v>
      </c>
      <c r="F5344">
        <v>97716.257620000004</v>
      </c>
      <c r="G5344">
        <v>28038.006420000002</v>
      </c>
      <c r="H5344">
        <v>35674.862399999998</v>
      </c>
      <c r="I5344">
        <v>26488.812170000001</v>
      </c>
      <c r="J5344">
        <v>50852.587520000001</v>
      </c>
      <c r="K5344">
        <v>49319.51094</v>
      </c>
      <c r="L5344">
        <v>31744.348569999998</v>
      </c>
      <c r="M5344">
        <v>227169.50589999999</v>
      </c>
      <c r="N5344">
        <v>73570.769650000002</v>
      </c>
      <c r="O5344">
        <v>18833.500779999998</v>
      </c>
      <c r="P5344">
        <v>36165.417159999997</v>
      </c>
      <c r="Q5344">
        <v>57022.188560000002</v>
      </c>
      <c r="R5344">
        <v>20340.00907</v>
      </c>
      <c r="S5344">
        <v>89801.413459999996</v>
      </c>
      <c r="T5344">
        <v>25119.699710000001</v>
      </c>
      <c r="U5344">
        <v>14948.855229999999</v>
      </c>
      <c r="W5344" s="83">
        <f>Bühler!N5376</f>
        <v>45514.583333320377</v>
      </c>
      <c r="X5344" s="83">
        <v>43323.583333333336</v>
      </c>
      <c r="Y5344">
        <v>122728.3495</v>
      </c>
      <c r="Z5344">
        <v>26083.973429999998</v>
      </c>
      <c r="AA5344">
        <v>97716.257620000004</v>
      </c>
      <c r="AB5344">
        <v>28038.006420000002</v>
      </c>
      <c r="AC5344">
        <v>35674.862399999998</v>
      </c>
      <c r="AD5344">
        <v>26488.812170000001</v>
      </c>
      <c r="AE5344">
        <v>50852.587520000001</v>
      </c>
      <c r="AF5344">
        <v>49319.51094</v>
      </c>
      <c r="AG5344">
        <v>31744.348569999998</v>
      </c>
      <c r="AH5344">
        <v>227169.50589999999</v>
      </c>
      <c r="AI5344">
        <v>73570.769650000002</v>
      </c>
      <c r="AJ5344">
        <v>18833.500779999998</v>
      </c>
      <c r="AK5344">
        <v>36165.417159999997</v>
      </c>
      <c r="AL5344">
        <v>57022.188560000002</v>
      </c>
      <c r="AM5344">
        <v>20340.00907</v>
      </c>
      <c r="AN5344">
        <v>89801.413459999996</v>
      </c>
      <c r="AO5344">
        <v>25119.699710000001</v>
      </c>
      <c r="AP5344">
        <v>14948.855229999999</v>
      </c>
    </row>
    <row r="5345" spans="2:42" x14ac:dyDescent="0.3">
      <c r="B5345">
        <v>44.760212168521861</v>
      </c>
      <c r="C5345" s="83">
        <v>43323.625</v>
      </c>
      <c r="D5345">
        <v>122998.1002</v>
      </c>
      <c r="E5345">
        <v>26251.059649999999</v>
      </c>
      <c r="F5345">
        <v>97801.134439999994</v>
      </c>
      <c r="G5345">
        <v>28042.988870000001</v>
      </c>
      <c r="H5345">
        <v>35442.134579999998</v>
      </c>
      <c r="I5345">
        <v>26277.452450000001</v>
      </c>
      <c r="J5345">
        <v>50078.629739999997</v>
      </c>
      <c r="K5345">
        <v>49130.514710000003</v>
      </c>
      <c r="L5345">
        <v>29509.770199999999</v>
      </c>
      <c r="M5345">
        <v>228208.43520000001</v>
      </c>
      <c r="N5345">
        <v>73709.563680000007</v>
      </c>
      <c r="O5345">
        <v>18797.692940000001</v>
      </c>
      <c r="P5345">
        <v>33827.596219999999</v>
      </c>
      <c r="Q5345">
        <v>56502.205479999997</v>
      </c>
      <c r="R5345">
        <v>20356.595010000001</v>
      </c>
      <c r="S5345">
        <v>88780.832939999993</v>
      </c>
      <c r="T5345">
        <v>25168.8027</v>
      </c>
      <c r="U5345">
        <v>14463.656419999999</v>
      </c>
      <c r="W5345" s="83">
        <f>Bühler!N5377</f>
        <v>45514.624999987042</v>
      </c>
      <c r="X5345" s="83">
        <v>43323.625</v>
      </c>
      <c r="Y5345">
        <v>122998.1002</v>
      </c>
      <c r="Z5345">
        <v>26251.059649999999</v>
      </c>
      <c r="AA5345">
        <v>97801.134439999994</v>
      </c>
      <c r="AB5345">
        <v>28042.988870000001</v>
      </c>
      <c r="AC5345">
        <v>35442.134579999998</v>
      </c>
      <c r="AD5345">
        <v>26277.452450000001</v>
      </c>
      <c r="AE5345">
        <v>50078.629739999997</v>
      </c>
      <c r="AF5345">
        <v>49130.514710000003</v>
      </c>
      <c r="AG5345">
        <v>29509.770199999999</v>
      </c>
      <c r="AH5345">
        <v>228208.43520000001</v>
      </c>
      <c r="AI5345">
        <v>73709.563680000007</v>
      </c>
      <c r="AJ5345">
        <v>18797.692940000001</v>
      </c>
      <c r="AK5345">
        <v>33827.596219999999</v>
      </c>
      <c r="AL5345">
        <v>56502.205479999997</v>
      </c>
      <c r="AM5345">
        <v>20356.595010000001</v>
      </c>
      <c r="AN5345">
        <v>88780.832939999993</v>
      </c>
      <c r="AO5345">
        <v>25168.8027</v>
      </c>
      <c r="AP5345">
        <v>14463.656419999999</v>
      </c>
    </row>
    <row r="5346" spans="2:42" x14ac:dyDescent="0.3">
      <c r="B5346">
        <v>43.819933037805626</v>
      </c>
      <c r="C5346" s="83">
        <v>43323.666666666664</v>
      </c>
      <c r="D5346">
        <v>122529.8287</v>
      </c>
      <c r="E5346">
        <v>26281.117559999999</v>
      </c>
      <c r="F5346">
        <v>96987.84448</v>
      </c>
      <c r="G5346">
        <v>28137.03918</v>
      </c>
      <c r="H5346">
        <v>35195.910060000002</v>
      </c>
      <c r="I5346">
        <v>26266.976500000001</v>
      </c>
      <c r="J5346">
        <v>49504.348440000002</v>
      </c>
      <c r="K5346">
        <v>47218.564429999999</v>
      </c>
      <c r="L5346">
        <v>28535.15742</v>
      </c>
      <c r="M5346">
        <v>223414.45370000001</v>
      </c>
      <c r="N5346">
        <v>73761.282720000003</v>
      </c>
      <c r="O5346">
        <v>19110.996429999999</v>
      </c>
      <c r="P5346">
        <v>32992.763160000002</v>
      </c>
      <c r="Q5346">
        <v>55990.064209999997</v>
      </c>
      <c r="R5346">
        <v>19953.21558</v>
      </c>
      <c r="S5346">
        <v>89782.764420000007</v>
      </c>
      <c r="T5346">
        <v>24932.337530000001</v>
      </c>
      <c r="U5346">
        <v>14317.52491</v>
      </c>
      <c r="W5346" s="83">
        <f>Bühler!N5378</f>
        <v>45514.666666653706</v>
      </c>
      <c r="X5346" s="83">
        <v>43323.666666666664</v>
      </c>
      <c r="Y5346">
        <v>122529.8287</v>
      </c>
      <c r="Z5346">
        <v>26281.117559999999</v>
      </c>
      <c r="AA5346">
        <v>96987.84448</v>
      </c>
      <c r="AB5346">
        <v>28137.03918</v>
      </c>
      <c r="AC5346">
        <v>35195.910060000002</v>
      </c>
      <c r="AD5346">
        <v>26266.976500000001</v>
      </c>
      <c r="AE5346">
        <v>49504.348440000002</v>
      </c>
      <c r="AF5346">
        <v>47218.564429999999</v>
      </c>
      <c r="AG5346">
        <v>28535.15742</v>
      </c>
      <c r="AH5346">
        <v>223414.45370000001</v>
      </c>
      <c r="AI5346">
        <v>73761.282720000003</v>
      </c>
      <c r="AJ5346">
        <v>19110.996429999999</v>
      </c>
      <c r="AK5346">
        <v>32992.763160000002</v>
      </c>
      <c r="AL5346">
        <v>55990.064209999997</v>
      </c>
      <c r="AM5346">
        <v>19953.21558</v>
      </c>
      <c r="AN5346">
        <v>89782.764420000007</v>
      </c>
      <c r="AO5346">
        <v>24932.337530000001</v>
      </c>
      <c r="AP5346">
        <v>14317.52491</v>
      </c>
    </row>
    <row r="5347" spans="2:42" x14ac:dyDescent="0.3">
      <c r="B5347">
        <v>42.867412265031966</v>
      </c>
      <c r="C5347" s="83">
        <v>43323.708333333336</v>
      </c>
      <c r="D5347">
        <v>121823.29270000001</v>
      </c>
      <c r="E5347">
        <v>25899.093919999999</v>
      </c>
      <c r="F5347">
        <v>95764.610400000005</v>
      </c>
      <c r="G5347">
        <v>28049.666799999999</v>
      </c>
      <c r="H5347">
        <v>35286.422720000002</v>
      </c>
      <c r="I5347">
        <v>26340.711220000001</v>
      </c>
      <c r="J5347">
        <v>49750.574890000004</v>
      </c>
      <c r="K5347">
        <v>45740.993260000003</v>
      </c>
      <c r="L5347">
        <v>29102.314760000001</v>
      </c>
      <c r="M5347">
        <v>218558.05859999999</v>
      </c>
      <c r="N5347">
        <v>70734.078009999997</v>
      </c>
      <c r="O5347">
        <v>18855.522809999999</v>
      </c>
      <c r="P5347">
        <v>35221.053059999998</v>
      </c>
      <c r="Q5347">
        <v>54848.415410000001</v>
      </c>
      <c r="R5347">
        <v>21835.015599999999</v>
      </c>
      <c r="S5347">
        <v>90192.645929999999</v>
      </c>
      <c r="T5347">
        <v>24839.544669999999</v>
      </c>
      <c r="U5347">
        <v>14702.68888</v>
      </c>
      <c r="W5347" s="83">
        <f>Bühler!N5379</f>
        <v>45514.70833332037</v>
      </c>
      <c r="X5347" s="83">
        <v>43323.708333333336</v>
      </c>
      <c r="Y5347">
        <v>121823.29270000001</v>
      </c>
      <c r="Z5347">
        <v>25899.093919999999</v>
      </c>
      <c r="AA5347">
        <v>95764.610400000005</v>
      </c>
      <c r="AB5347">
        <v>28049.666799999999</v>
      </c>
      <c r="AC5347">
        <v>35286.422720000002</v>
      </c>
      <c r="AD5347">
        <v>26340.711220000001</v>
      </c>
      <c r="AE5347">
        <v>49750.574890000004</v>
      </c>
      <c r="AF5347">
        <v>45740.993260000003</v>
      </c>
      <c r="AG5347">
        <v>29102.314760000001</v>
      </c>
      <c r="AH5347">
        <v>218558.05859999999</v>
      </c>
      <c r="AI5347">
        <v>70734.078009999997</v>
      </c>
      <c r="AJ5347">
        <v>18855.522809999999</v>
      </c>
      <c r="AK5347">
        <v>35221.053059999998</v>
      </c>
      <c r="AL5347">
        <v>54848.415410000001</v>
      </c>
      <c r="AM5347">
        <v>21835.015599999999</v>
      </c>
      <c r="AN5347">
        <v>90192.645929999999</v>
      </c>
      <c r="AO5347">
        <v>24839.544669999999</v>
      </c>
      <c r="AP5347">
        <v>14702.68888</v>
      </c>
    </row>
    <row r="5348" spans="2:42" x14ac:dyDescent="0.3">
      <c r="B5348">
        <v>42.10781523324799</v>
      </c>
      <c r="C5348" s="83">
        <v>43323.75</v>
      </c>
      <c r="D5348">
        <v>121508.7981</v>
      </c>
      <c r="E5348">
        <v>24716.123459999999</v>
      </c>
      <c r="F5348">
        <v>94720.042230000006</v>
      </c>
      <c r="G5348">
        <v>27835.718489999999</v>
      </c>
      <c r="H5348">
        <v>35060.224719999998</v>
      </c>
      <c r="I5348">
        <v>26071.210569999999</v>
      </c>
      <c r="J5348">
        <v>50673.543030000001</v>
      </c>
      <c r="K5348">
        <v>46719.367359999997</v>
      </c>
      <c r="L5348">
        <v>30778.839790000002</v>
      </c>
      <c r="M5348">
        <v>214685.2787</v>
      </c>
      <c r="N5348">
        <v>70157.692679999993</v>
      </c>
      <c r="O5348">
        <v>19078.778630000001</v>
      </c>
      <c r="P5348">
        <v>38489.196759999999</v>
      </c>
      <c r="Q5348">
        <v>53703.568550000004</v>
      </c>
      <c r="R5348">
        <v>20530.976630000001</v>
      </c>
      <c r="S5348">
        <v>88147.696849999993</v>
      </c>
      <c r="T5348">
        <v>24232.787199999999</v>
      </c>
      <c r="U5348">
        <v>14439.28153</v>
      </c>
      <c r="W5348" s="83">
        <f>Bühler!N5380</f>
        <v>45514.749999987034</v>
      </c>
      <c r="X5348" s="83">
        <v>43323.75</v>
      </c>
      <c r="Y5348">
        <v>121508.7981</v>
      </c>
      <c r="Z5348">
        <v>24716.123459999999</v>
      </c>
      <c r="AA5348">
        <v>94720.042230000006</v>
      </c>
      <c r="AB5348">
        <v>27835.718489999999</v>
      </c>
      <c r="AC5348">
        <v>35060.224719999998</v>
      </c>
      <c r="AD5348">
        <v>26071.210569999999</v>
      </c>
      <c r="AE5348">
        <v>50673.543030000001</v>
      </c>
      <c r="AF5348">
        <v>46719.367359999997</v>
      </c>
      <c r="AG5348">
        <v>30778.839790000002</v>
      </c>
      <c r="AH5348">
        <v>214685.2787</v>
      </c>
      <c r="AI5348">
        <v>70157.692679999993</v>
      </c>
      <c r="AJ5348">
        <v>19078.778630000001</v>
      </c>
      <c r="AK5348">
        <v>38489.196759999999</v>
      </c>
      <c r="AL5348">
        <v>53703.568550000004</v>
      </c>
      <c r="AM5348">
        <v>20530.976630000001</v>
      </c>
      <c r="AN5348">
        <v>88147.696849999993</v>
      </c>
      <c r="AO5348">
        <v>24232.787199999999</v>
      </c>
      <c r="AP5348">
        <v>14439.28153</v>
      </c>
    </row>
    <row r="5349" spans="2:42" x14ac:dyDescent="0.3">
      <c r="B5349">
        <v>41.644855268096073</v>
      </c>
      <c r="C5349" s="83">
        <v>43323.791666666664</v>
      </c>
      <c r="D5349">
        <v>121109.9388</v>
      </c>
      <c r="E5349">
        <v>20554.647669999998</v>
      </c>
      <c r="F5349">
        <v>84994.410170000003</v>
      </c>
      <c r="G5349">
        <v>27420.243190000001</v>
      </c>
      <c r="H5349">
        <v>34363.302239999997</v>
      </c>
      <c r="I5349">
        <v>26103.095570000001</v>
      </c>
      <c r="J5349">
        <v>50292.977939999997</v>
      </c>
      <c r="K5349">
        <v>47315.721129999998</v>
      </c>
      <c r="L5349">
        <v>31103.426889999999</v>
      </c>
      <c r="M5349">
        <v>212324.89290000001</v>
      </c>
      <c r="N5349">
        <v>69914.555030000003</v>
      </c>
      <c r="O5349">
        <v>18564.66821</v>
      </c>
      <c r="P5349">
        <v>42066.708400000003</v>
      </c>
      <c r="Q5349">
        <v>52010.670299999998</v>
      </c>
      <c r="R5349">
        <v>20043.449550000001</v>
      </c>
      <c r="S5349">
        <v>86281.475839999999</v>
      </c>
      <c r="T5349">
        <v>23136.4954</v>
      </c>
      <c r="U5349">
        <v>14165.21912</v>
      </c>
      <c r="W5349" s="83">
        <f>Bühler!N5381</f>
        <v>45514.791666653698</v>
      </c>
      <c r="X5349" s="83">
        <v>43323.791666666664</v>
      </c>
      <c r="Y5349">
        <v>121109.9388</v>
      </c>
      <c r="Z5349">
        <v>20554.647669999998</v>
      </c>
      <c r="AA5349">
        <v>84994.410170000003</v>
      </c>
      <c r="AB5349">
        <v>27420.243190000001</v>
      </c>
      <c r="AC5349">
        <v>34363.302239999997</v>
      </c>
      <c r="AD5349">
        <v>26103.095570000001</v>
      </c>
      <c r="AE5349">
        <v>50292.977939999997</v>
      </c>
      <c r="AF5349">
        <v>47315.721129999998</v>
      </c>
      <c r="AG5349">
        <v>31103.426889999999</v>
      </c>
      <c r="AH5349">
        <v>212324.89290000001</v>
      </c>
      <c r="AI5349">
        <v>69914.555030000003</v>
      </c>
      <c r="AJ5349">
        <v>18564.66821</v>
      </c>
      <c r="AK5349">
        <v>42066.708400000003</v>
      </c>
      <c r="AL5349">
        <v>52010.670299999998</v>
      </c>
      <c r="AM5349">
        <v>20043.449550000001</v>
      </c>
      <c r="AN5349">
        <v>86281.475839999999</v>
      </c>
      <c r="AO5349">
        <v>23136.4954</v>
      </c>
      <c r="AP5349">
        <v>14165.21912</v>
      </c>
    </row>
    <row r="5350" spans="2:42" x14ac:dyDescent="0.3">
      <c r="B5350">
        <v>40.996946136517302</v>
      </c>
      <c r="C5350" s="83">
        <v>43323.833333333336</v>
      </c>
      <c r="D5350">
        <v>120564.1296</v>
      </c>
      <c r="E5350">
        <v>14989.830830000001</v>
      </c>
      <c r="F5350">
        <v>68808.580319999994</v>
      </c>
      <c r="G5350">
        <v>27195.3789</v>
      </c>
      <c r="H5350">
        <v>33215.290139999997</v>
      </c>
      <c r="I5350">
        <v>24995.234100000001</v>
      </c>
      <c r="J5350">
        <v>50143.566290000002</v>
      </c>
      <c r="K5350">
        <v>46890.75258</v>
      </c>
      <c r="L5350">
        <v>31023.820950000001</v>
      </c>
      <c r="M5350">
        <v>209021.55</v>
      </c>
      <c r="N5350">
        <v>69704.933659999995</v>
      </c>
      <c r="O5350">
        <v>18323.571650000002</v>
      </c>
      <c r="P5350">
        <v>41809.11752</v>
      </c>
      <c r="Q5350">
        <v>49604.940860000002</v>
      </c>
      <c r="R5350">
        <v>19034.76426</v>
      </c>
      <c r="S5350">
        <v>81305.179260000004</v>
      </c>
      <c r="T5350">
        <v>21670.674340000001</v>
      </c>
      <c r="U5350">
        <v>13820.85167</v>
      </c>
      <c r="W5350" s="83">
        <f>Bühler!N5382</f>
        <v>45514.833333320363</v>
      </c>
      <c r="X5350" s="83">
        <v>43323.833333333336</v>
      </c>
      <c r="Y5350">
        <v>120564.1296</v>
      </c>
      <c r="Z5350">
        <v>14989.830830000001</v>
      </c>
      <c r="AA5350">
        <v>68808.580319999994</v>
      </c>
      <c r="AB5350">
        <v>27195.3789</v>
      </c>
      <c r="AC5350">
        <v>33215.290139999997</v>
      </c>
      <c r="AD5350">
        <v>24995.234100000001</v>
      </c>
      <c r="AE5350">
        <v>50143.566290000002</v>
      </c>
      <c r="AF5350">
        <v>46890.75258</v>
      </c>
      <c r="AG5350">
        <v>31023.820950000001</v>
      </c>
      <c r="AH5350">
        <v>209021.55</v>
      </c>
      <c r="AI5350">
        <v>69704.933659999995</v>
      </c>
      <c r="AJ5350">
        <v>18323.571650000002</v>
      </c>
      <c r="AK5350">
        <v>41809.11752</v>
      </c>
      <c r="AL5350">
        <v>49604.940860000002</v>
      </c>
      <c r="AM5350">
        <v>19034.76426</v>
      </c>
      <c r="AN5350">
        <v>81305.179260000004</v>
      </c>
      <c r="AO5350">
        <v>21670.674340000001</v>
      </c>
      <c r="AP5350">
        <v>13820.85167</v>
      </c>
    </row>
    <row r="5351" spans="2:42" x14ac:dyDescent="0.3">
      <c r="B5351">
        <v>40.168310735860821</v>
      </c>
      <c r="C5351" s="83">
        <v>43323.875</v>
      </c>
      <c r="D5351">
        <v>120615.4578</v>
      </c>
      <c r="E5351">
        <v>13457.654060000001</v>
      </c>
      <c r="F5351">
        <v>60595.506650000003</v>
      </c>
      <c r="G5351">
        <v>27108.942729999999</v>
      </c>
      <c r="H5351">
        <v>33355.566149999999</v>
      </c>
      <c r="I5351">
        <v>23844.681039999999</v>
      </c>
      <c r="J5351">
        <v>50623.077770000004</v>
      </c>
      <c r="K5351">
        <v>48490.731789999998</v>
      </c>
      <c r="L5351">
        <v>30343.922470000001</v>
      </c>
      <c r="M5351">
        <v>204796.78030000001</v>
      </c>
      <c r="N5351">
        <v>69426.011450000005</v>
      </c>
      <c r="O5351">
        <v>18245.15119</v>
      </c>
      <c r="P5351">
        <v>40488.983249999997</v>
      </c>
      <c r="Q5351">
        <v>48303.021439999997</v>
      </c>
      <c r="R5351">
        <v>19215.084299999999</v>
      </c>
      <c r="S5351">
        <v>79239.920899999997</v>
      </c>
      <c r="T5351">
        <v>21180.833129999999</v>
      </c>
      <c r="U5351">
        <v>14408.761920000001</v>
      </c>
      <c r="W5351" s="83">
        <f>Bühler!N5383</f>
        <v>45514.874999987027</v>
      </c>
      <c r="X5351" s="83">
        <v>43323.875</v>
      </c>
      <c r="Y5351">
        <v>120615.4578</v>
      </c>
      <c r="Z5351">
        <v>13457.654060000001</v>
      </c>
      <c r="AA5351">
        <v>60595.506650000003</v>
      </c>
      <c r="AB5351">
        <v>27108.942729999999</v>
      </c>
      <c r="AC5351">
        <v>33355.566149999999</v>
      </c>
      <c r="AD5351">
        <v>23844.681039999999</v>
      </c>
      <c r="AE5351">
        <v>50623.077770000004</v>
      </c>
      <c r="AF5351">
        <v>48490.731789999998</v>
      </c>
      <c r="AG5351">
        <v>30343.922470000001</v>
      </c>
      <c r="AH5351">
        <v>204796.78030000001</v>
      </c>
      <c r="AI5351">
        <v>69426.011450000005</v>
      </c>
      <c r="AJ5351">
        <v>18245.15119</v>
      </c>
      <c r="AK5351">
        <v>40488.983249999997</v>
      </c>
      <c r="AL5351">
        <v>48303.021439999997</v>
      </c>
      <c r="AM5351">
        <v>19215.084299999999</v>
      </c>
      <c r="AN5351">
        <v>79239.920899999997</v>
      </c>
      <c r="AO5351">
        <v>21180.833129999999</v>
      </c>
      <c r="AP5351">
        <v>14408.761920000001</v>
      </c>
    </row>
    <row r="5352" spans="2:42" x14ac:dyDescent="0.3">
      <c r="B5352">
        <v>41.171914831055716</v>
      </c>
      <c r="C5352" s="83">
        <v>43323.916666666664</v>
      </c>
      <c r="D5352">
        <v>120878.9641</v>
      </c>
      <c r="E5352">
        <v>13176.66339</v>
      </c>
      <c r="F5352">
        <v>58069.132819999999</v>
      </c>
      <c r="G5352">
        <v>27680.84316</v>
      </c>
      <c r="H5352">
        <v>34468.352469999998</v>
      </c>
      <c r="I5352">
        <v>22906.29926</v>
      </c>
      <c r="J5352">
        <v>48985.259969999999</v>
      </c>
      <c r="K5352">
        <v>51932.254439999997</v>
      </c>
      <c r="L5352">
        <v>27648.645919999999</v>
      </c>
      <c r="M5352">
        <v>209913.622</v>
      </c>
      <c r="N5352">
        <v>68814.622040000002</v>
      </c>
      <c r="O5352">
        <v>18609.814750000001</v>
      </c>
      <c r="P5352">
        <v>42796.422879999998</v>
      </c>
      <c r="Q5352">
        <v>48738.449439999997</v>
      </c>
      <c r="R5352">
        <v>20400.665690000002</v>
      </c>
      <c r="S5352">
        <v>78417.282699999996</v>
      </c>
      <c r="T5352">
        <v>19936.314590000002</v>
      </c>
      <c r="U5352">
        <v>15206.448640000001</v>
      </c>
      <c r="W5352" s="83">
        <f>Bühler!N5384</f>
        <v>45514.916666653691</v>
      </c>
      <c r="X5352" s="83">
        <v>43323.916666666664</v>
      </c>
      <c r="Y5352">
        <v>120878.9641</v>
      </c>
      <c r="Z5352">
        <v>13176.66339</v>
      </c>
      <c r="AA5352">
        <v>58069.132819999999</v>
      </c>
      <c r="AB5352">
        <v>27680.84316</v>
      </c>
      <c r="AC5352">
        <v>34468.352469999998</v>
      </c>
      <c r="AD5352">
        <v>22906.29926</v>
      </c>
      <c r="AE5352">
        <v>48985.259969999999</v>
      </c>
      <c r="AF5352">
        <v>51932.254439999997</v>
      </c>
      <c r="AG5352">
        <v>27648.645919999999</v>
      </c>
      <c r="AH5352">
        <v>209913.622</v>
      </c>
      <c r="AI5352">
        <v>68814.622040000002</v>
      </c>
      <c r="AJ5352">
        <v>18609.814750000001</v>
      </c>
      <c r="AK5352">
        <v>42796.422879999998</v>
      </c>
      <c r="AL5352">
        <v>48738.449439999997</v>
      </c>
      <c r="AM5352">
        <v>20400.665690000002</v>
      </c>
      <c r="AN5352">
        <v>78417.282699999996</v>
      </c>
      <c r="AO5352">
        <v>19936.314590000002</v>
      </c>
      <c r="AP5352">
        <v>15206.448640000001</v>
      </c>
    </row>
    <row r="5353" spans="2:42" x14ac:dyDescent="0.3">
      <c r="B5353">
        <v>40.551783307585211</v>
      </c>
      <c r="C5353" s="83">
        <v>43323.958333333336</v>
      </c>
      <c r="D5353">
        <v>120534.7574</v>
      </c>
      <c r="E5353">
        <v>12561.48063</v>
      </c>
      <c r="F5353">
        <v>56601.518470000003</v>
      </c>
      <c r="G5353">
        <v>27366.348669999999</v>
      </c>
      <c r="H5353">
        <v>33928.455560000002</v>
      </c>
      <c r="I5353">
        <v>22630.782200000001</v>
      </c>
      <c r="J5353">
        <v>43835.045980000003</v>
      </c>
      <c r="K5353">
        <v>51460.205560000002</v>
      </c>
      <c r="L5353">
        <v>23734.646130000001</v>
      </c>
      <c r="M5353">
        <v>206751.90229999999</v>
      </c>
      <c r="N5353">
        <v>67183.291289999994</v>
      </c>
      <c r="O5353">
        <v>17905.614839999998</v>
      </c>
      <c r="P5353">
        <v>37326.296470000001</v>
      </c>
      <c r="Q5353">
        <v>48802.052179999999</v>
      </c>
      <c r="R5353">
        <v>21272.28268</v>
      </c>
      <c r="S5353">
        <v>76687.365130000006</v>
      </c>
      <c r="T5353">
        <v>19261.143889999999</v>
      </c>
      <c r="U5353">
        <v>14393.09129</v>
      </c>
      <c r="W5353" s="83">
        <f>Bühler!N5385</f>
        <v>45514.958333320355</v>
      </c>
      <c r="X5353" s="83">
        <v>43323.958333333336</v>
      </c>
      <c r="Y5353">
        <v>120534.7574</v>
      </c>
      <c r="Z5353">
        <v>12561.48063</v>
      </c>
      <c r="AA5353">
        <v>56601.518470000003</v>
      </c>
      <c r="AB5353">
        <v>27366.348669999999</v>
      </c>
      <c r="AC5353">
        <v>33928.455560000002</v>
      </c>
      <c r="AD5353">
        <v>22630.782200000001</v>
      </c>
      <c r="AE5353">
        <v>43835.045980000003</v>
      </c>
      <c r="AF5353">
        <v>51460.205560000002</v>
      </c>
      <c r="AG5353">
        <v>23734.646130000001</v>
      </c>
      <c r="AH5353">
        <v>206751.90229999999</v>
      </c>
      <c r="AI5353">
        <v>67183.291289999994</v>
      </c>
      <c r="AJ5353">
        <v>17905.614839999998</v>
      </c>
      <c r="AK5353">
        <v>37326.296470000001</v>
      </c>
      <c r="AL5353">
        <v>48802.052179999999</v>
      </c>
      <c r="AM5353">
        <v>21272.28268</v>
      </c>
      <c r="AN5353">
        <v>76687.365130000006</v>
      </c>
      <c r="AO5353">
        <v>19261.143889999999</v>
      </c>
      <c r="AP5353">
        <v>14393.09129</v>
      </c>
    </row>
    <row r="5354" spans="2:42" x14ac:dyDescent="0.3">
      <c r="B5354">
        <v>40.225814126162213</v>
      </c>
      <c r="C5354" s="83">
        <v>43324</v>
      </c>
      <c r="D5354">
        <v>120180.2644</v>
      </c>
      <c r="E5354">
        <v>12325.41332</v>
      </c>
      <c r="F5354">
        <v>54841.685299999997</v>
      </c>
      <c r="G5354">
        <v>27759.745149999999</v>
      </c>
      <c r="H5354">
        <v>33350.888120000003</v>
      </c>
      <c r="I5354">
        <v>20681.988000000001</v>
      </c>
      <c r="J5354">
        <v>39098.428569999996</v>
      </c>
      <c r="K5354">
        <v>48711.570679999997</v>
      </c>
      <c r="L5354">
        <v>20237.441709999999</v>
      </c>
      <c r="M5354">
        <v>205089.95939999999</v>
      </c>
      <c r="N5354">
        <v>65551.667010000005</v>
      </c>
      <c r="O5354">
        <v>17256.931430000001</v>
      </c>
      <c r="P5354">
        <v>32565.116450000001</v>
      </c>
      <c r="Q5354">
        <v>47768.410150000003</v>
      </c>
      <c r="R5354">
        <v>16846.057919999999</v>
      </c>
      <c r="S5354">
        <v>74718.430110000001</v>
      </c>
      <c r="T5354">
        <v>18343.792949999999</v>
      </c>
      <c r="U5354">
        <v>13688.589110000001</v>
      </c>
      <c r="W5354" s="83">
        <f>Bühler!N5386</f>
        <v>45514.99999998702</v>
      </c>
      <c r="X5354" s="83">
        <v>43324</v>
      </c>
      <c r="Y5354">
        <v>120180.2644</v>
      </c>
      <c r="Z5354">
        <v>12325.41332</v>
      </c>
      <c r="AA5354">
        <v>54841.685299999997</v>
      </c>
      <c r="AB5354">
        <v>27759.745149999999</v>
      </c>
      <c r="AC5354">
        <v>33350.888120000003</v>
      </c>
      <c r="AD5354">
        <v>20681.988000000001</v>
      </c>
      <c r="AE5354">
        <v>39098.428569999996</v>
      </c>
      <c r="AF5354">
        <v>48711.570679999997</v>
      </c>
      <c r="AG5354">
        <v>20237.441709999999</v>
      </c>
      <c r="AH5354">
        <v>205089.95939999999</v>
      </c>
      <c r="AI5354">
        <v>65551.667010000005</v>
      </c>
      <c r="AJ5354">
        <v>17256.931430000001</v>
      </c>
      <c r="AK5354">
        <v>32565.116450000001</v>
      </c>
      <c r="AL5354">
        <v>47768.410150000003</v>
      </c>
      <c r="AM5354">
        <v>16846.057919999999</v>
      </c>
      <c r="AN5354">
        <v>74718.430110000001</v>
      </c>
      <c r="AO5354">
        <v>18343.792949999999</v>
      </c>
      <c r="AP5354">
        <v>13688.589110000001</v>
      </c>
    </row>
    <row r="5355" spans="2:42" x14ac:dyDescent="0.3">
      <c r="B5355">
        <v>39.994689897626458</v>
      </c>
      <c r="C5355" s="83">
        <v>43324.041666666664</v>
      </c>
      <c r="D5355">
        <v>119724.19469999999</v>
      </c>
      <c r="E5355">
        <v>12254.13373</v>
      </c>
      <c r="F5355">
        <v>54647.597869999998</v>
      </c>
      <c r="G5355">
        <v>27639.4136</v>
      </c>
      <c r="H5355">
        <v>32843.937729999998</v>
      </c>
      <c r="I5355">
        <v>17901.609059999999</v>
      </c>
      <c r="J5355">
        <v>37501.696239999997</v>
      </c>
      <c r="K5355">
        <v>47717.173940000001</v>
      </c>
      <c r="L5355">
        <v>18170.598979999999</v>
      </c>
      <c r="M5355">
        <v>203911.5803</v>
      </c>
      <c r="N5355">
        <v>64832.741549999999</v>
      </c>
      <c r="O5355">
        <v>16706.796999999999</v>
      </c>
      <c r="P5355">
        <v>29547.932089999998</v>
      </c>
      <c r="Q5355">
        <v>48658.104570000003</v>
      </c>
      <c r="R5355">
        <v>14438.66907</v>
      </c>
      <c r="S5355">
        <v>73726.306209999995</v>
      </c>
      <c r="T5355">
        <v>17726.189760000001</v>
      </c>
      <c r="U5355">
        <v>13462.47371</v>
      </c>
      <c r="W5355" s="83">
        <f>Bühler!N5387</f>
        <v>45515.041666653684</v>
      </c>
      <c r="X5355" s="83">
        <v>43324.041666666664</v>
      </c>
      <c r="Y5355">
        <v>119724.19469999999</v>
      </c>
      <c r="Z5355">
        <v>12254.13373</v>
      </c>
      <c r="AA5355">
        <v>54647.597869999998</v>
      </c>
      <c r="AB5355">
        <v>27639.4136</v>
      </c>
      <c r="AC5355">
        <v>32843.937729999998</v>
      </c>
      <c r="AD5355">
        <v>17901.609059999999</v>
      </c>
      <c r="AE5355">
        <v>37501.696239999997</v>
      </c>
      <c r="AF5355">
        <v>47717.173940000001</v>
      </c>
      <c r="AG5355">
        <v>18170.598979999999</v>
      </c>
      <c r="AH5355">
        <v>203911.5803</v>
      </c>
      <c r="AI5355">
        <v>64832.741549999999</v>
      </c>
      <c r="AJ5355">
        <v>16706.796999999999</v>
      </c>
      <c r="AK5355">
        <v>29547.932089999998</v>
      </c>
      <c r="AL5355">
        <v>48658.104570000003</v>
      </c>
      <c r="AM5355">
        <v>14438.66907</v>
      </c>
      <c r="AN5355">
        <v>73726.306209999995</v>
      </c>
      <c r="AO5355">
        <v>17726.189760000001</v>
      </c>
      <c r="AP5355">
        <v>13462.47371</v>
      </c>
    </row>
    <row r="5356" spans="2:42" x14ac:dyDescent="0.3">
      <c r="B5356">
        <v>39.840712672448021</v>
      </c>
      <c r="C5356" s="83">
        <v>43324.083333333336</v>
      </c>
      <c r="D5356">
        <v>119309.5912</v>
      </c>
      <c r="E5356">
        <v>11849.061030000001</v>
      </c>
      <c r="F5356">
        <v>55057.416400000002</v>
      </c>
      <c r="G5356">
        <v>27372.719829999998</v>
      </c>
      <c r="H5356">
        <v>32379.20204</v>
      </c>
      <c r="I5356">
        <v>15917.35535</v>
      </c>
      <c r="J5356">
        <v>36549.393300000003</v>
      </c>
      <c r="K5356">
        <v>46006.157980000004</v>
      </c>
      <c r="L5356">
        <v>17531.96502</v>
      </c>
      <c r="M5356">
        <v>203126.53260000001</v>
      </c>
      <c r="N5356">
        <v>63717.124759999999</v>
      </c>
      <c r="O5356">
        <v>16642.649819999999</v>
      </c>
      <c r="P5356">
        <v>27601.90137</v>
      </c>
      <c r="Q5356">
        <v>50180.284500000002</v>
      </c>
      <c r="R5356">
        <v>13893.927970000001</v>
      </c>
      <c r="S5356">
        <v>72605.149210000003</v>
      </c>
      <c r="T5356">
        <v>17454.107650000002</v>
      </c>
      <c r="U5356">
        <v>13601.8115</v>
      </c>
      <c r="W5356" s="83">
        <f>Bühler!N5388</f>
        <v>45515.083333320348</v>
      </c>
      <c r="X5356" s="83">
        <v>43324.083333333336</v>
      </c>
      <c r="Y5356">
        <v>119309.5912</v>
      </c>
      <c r="Z5356">
        <v>11849.061030000001</v>
      </c>
      <c r="AA5356">
        <v>55057.416400000002</v>
      </c>
      <c r="AB5356">
        <v>27372.719829999998</v>
      </c>
      <c r="AC5356">
        <v>32379.20204</v>
      </c>
      <c r="AD5356">
        <v>15917.35535</v>
      </c>
      <c r="AE5356">
        <v>36549.393300000003</v>
      </c>
      <c r="AF5356">
        <v>46006.157980000004</v>
      </c>
      <c r="AG5356">
        <v>17531.96502</v>
      </c>
      <c r="AH5356">
        <v>203126.53260000001</v>
      </c>
      <c r="AI5356">
        <v>63717.124759999999</v>
      </c>
      <c r="AJ5356">
        <v>16642.649819999999</v>
      </c>
      <c r="AK5356">
        <v>27601.90137</v>
      </c>
      <c r="AL5356">
        <v>50180.284500000002</v>
      </c>
      <c r="AM5356">
        <v>13893.927970000001</v>
      </c>
      <c r="AN5356">
        <v>72605.149210000003</v>
      </c>
      <c r="AO5356">
        <v>17454.107650000002</v>
      </c>
      <c r="AP5356">
        <v>13601.8115</v>
      </c>
    </row>
    <row r="5357" spans="2:42" x14ac:dyDescent="0.3">
      <c r="B5357">
        <v>40.116516768363773</v>
      </c>
      <c r="C5357" s="83">
        <v>43324.125</v>
      </c>
      <c r="D5357">
        <v>118807.3352</v>
      </c>
      <c r="E5357">
        <v>11683.05436</v>
      </c>
      <c r="F5357">
        <v>54907.168839999998</v>
      </c>
      <c r="G5357">
        <v>26437.65497</v>
      </c>
      <c r="H5357">
        <v>32082.018069999998</v>
      </c>
      <c r="I5357">
        <v>15214.07797</v>
      </c>
      <c r="J5357">
        <v>36174.183440000001</v>
      </c>
      <c r="K5357">
        <v>43940.43507</v>
      </c>
      <c r="L5357">
        <v>16999.595809999999</v>
      </c>
      <c r="M5357">
        <v>204532.71049999999</v>
      </c>
      <c r="N5357">
        <v>61235.814469999998</v>
      </c>
      <c r="O5357">
        <v>17201.178260000001</v>
      </c>
      <c r="P5357">
        <v>26799.31538</v>
      </c>
      <c r="Q5357">
        <v>50746.27001</v>
      </c>
      <c r="R5357">
        <v>13587.411980000001</v>
      </c>
      <c r="S5357">
        <v>72106.187690000006</v>
      </c>
      <c r="T5357">
        <v>17180.94195</v>
      </c>
      <c r="U5357">
        <v>13484.00835</v>
      </c>
      <c r="W5357" s="83">
        <f>Bühler!N5389</f>
        <v>45515.124999987012</v>
      </c>
      <c r="X5357" s="83">
        <v>43324.125</v>
      </c>
      <c r="Y5357">
        <v>118807.3352</v>
      </c>
      <c r="Z5357">
        <v>11683.05436</v>
      </c>
      <c r="AA5357">
        <v>54907.168839999998</v>
      </c>
      <c r="AB5357">
        <v>26437.65497</v>
      </c>
      <c r="AC5357">
        <v>32082.018069999998</v>
      </c>
      <c r="AD5357">
        <v>15214.07797</v>
      </c>
      <c r="AE5357">
        <v>36174.183440000001</v>
      </c>
      <c r="AF5357">
        <v>43940.43507</v>
      </c>
      <c r="AG5357">
        <v>16999.595809999999</v>
      </c>
      <c r="AH5357">
        <v>204532.71049999999</v>
      </c>
      <c r="AI5357">
        <v>61235.814469999998</v>
      </c>
      <c r="AJ5357">
        <v>17201.178260000001</v>
      </c>
      <c r="AK5357">
        <v>26799.31538</v>
      </c>
      <c r="AL5357">
        <v>50746.27001</v>
      </c>
      <c r="AM5357">
        <v>13587.411980000001</v>
      </c>
      <c r="AN5357">
        <v>72106.187690000006</v>
      </c>
      <c r="AO5357">
        <v>17180.94195</v>
      </c>
      <c r="AP5357">
        <v>13484.00835</v>
      </c>
    </row>
    <row r="5358" spans="2:42" x14ac:dyDescent="0.3">
      <c r="B5358">
        <v>39.628669299502</v>
      </c>
      <c r="C5358" s="83">
        <v>43324.166666666664</v>
      </c>
      <c r="D5358">
        <v>118408.7867</v>
      </c>
      <c r="E5358">
        <v>11703.40893</v>
      </c>
      <c r="F5358">
        <v>55176.646180000003</v>
      </c>
      <c r="G5358">
        <v>25700.51729</v>
      </c>
      <c r="H5358">
        <v>31866.2929</v>
      </c>
      <c r="I5358">
        <v>15348.77786</v>
      </c>
      <c r="J5358">
        <v>38030.948770000003</v>
      </c>
      <c r="K5358">
        <v>42843.121650000001</v>
      </c>
      <c r="L5358">
        <v>16443.323219999998</v>
      </c>
      <c r="M5358">
        <v>202045.43659999999</v>
      </c>
      <c r="N5358">
        <v>60010.920570000002</v>
      </c>
      <c r="O5358">
        <v>17376.37415</v>
      </c>
      <c r="P5358">
        <v>26478.16603</v>
      </c>
      <c r="Q5358">
        <v>51110.880089999999</v>
      </c>
      <c r="R5358">
        <v>13196.16721</v>
      </c>
      <c r="S5358">
        <v>71736.320120000004</v>
      </c>
      <c r="T5358">
        <v>17040.252820000002</v>
      </c>
      <c r="U5358">
        <v>13177.581200000001</v>
      </c>
      <c r="W5358" s="83">
        <f>Bühler!N5390</f>
        <v>45515.166666653677</v>
      </c>
      <c r="X5358" s="83">
        <v>43324.166666666664</v>
      </c>
      <c r="Y5358">
        <v>118408.7867</v>
      </c>
      <c r="Z5358">
        <v>11703.40893</v>
      </c>
      <c r="AA5358">
        <v>55176.646180000003</v>
      </c>
      <c r="AB5358">
        <v>25700.51729</v>
      </c>
      <c r="AC5358">
        <v>31866.2929</v>
      </c>
      <c r="AD5358">
        <v>15348.77786</v>
      </c>
      <c r="AE5358">
        <v>38030.948770000003</v>
      </c>
      <c r="AF5358">
        <v>42843.121650000001</v>
      </c>
      <c r="AG5358">
        <v>16443.323219999998</v>
      </c>
      <c r="AH5358">
        <v>202045.43659999999</v>
      </c>
      <c r="AI5358">
        <v>60010.920570000002</v>
      </c>
      <c r="AJ5358">
        <v>17376.37415</v>
      </c>
      <c r="AK5358">
        <v>26478.16603</v>
      </c>
      <c r="AL5358">
        <v>51110.880089999999</v>
      </c>
      <c r="AM5358">
        <v>13196.16721</v>
      </c>
      <c r="AN5358">
        <v>71736.320120000004</v>
      </c>
      <c r="AO5358">
        <v>17040.252820000002</v>
      </c>
      <c r="AP5358">
        <v>13177.581200000001</v>
      </c>
    </row>
    <row r="5359" spans="2:42" x14ac:dyDescent="0.3">
      <c r="B5359">
        <v>39.23166324626137</v>
      </c>
      <c r="C5359" s="83">
        <v>43324.208333333336</v>
      </c>
      <c r="D5359">
        <v>117828.4039</v>
      </c>
      <c r="E5359">
        <v>11818.088750000001</v>
      </c>
      <c r="F5359">
        <v>55953.817190000002</v>
      </c>
      <c r="G5359">
        <v>25649.770690000001</v>
      </c>
      <c r="H5359">
        <v>31873.034759999999</v>
      </c>
      <c r="I5359">
        <v>18085.434260000002</v>
      </c>
      <c r="J5359">
        <v>41222.68361</v>
      </c>
      <c r="K5359">
        <v>42783.199950000002</v>
      </c>
      <c r="L5359">
        <v>16828.467430000001</v>
      </c>
      <c r="M5359">
        <v>200021.31460000001</v>
      </c>
      <c r="N5359">
        <v>61179.201999999997</v>
      </c>
      <c r="O5359">
        <v>17004.487720000001</v>
      </c>
      <c r="P5359">
        <v>27056.753120000001</v>
      </c>
      <c r="Q5359">
        <v>49768.376470000003</v>
      </c>
      <c r="R5359">
        <v>14668.15474</v>
      </c>
      <c r="S5359">
        <v>73042.342170000004</v>
      </c>
      <c r="T5359">
        <v>16817.60427</v>
      </c>
      <c r="U5359">
        <v>12572.00527</v>
      </c>
      <c r="W5359" s="83">
        <f>Bühler!N5391</f>
        <v>45515.208333320341</v>
      </c>
      <c r="X5359" s="83">
        <v>43324.208333333336</v>
      </c>
      <c r="Y5359">
        <v>117828.4039</v>
      </c>
      <c r="Z5359">
        <v>11818.088750000001</v>
      </c>
      <c r="AA5359">
        <v>55953.817190000002</v>
      </c>
      <c r="AB5359">
        <v>25649.770690000001</v>
      </c>
      <c r="AC5359">
        <v>31873.034759999999</v>
      </c>
      <c r="AD5359">
        <v>18085.434260000002</v>
      </c>
      <c r="AE5359">
        <v>41222.68361</v>
      </c>
      <c r="AF5359">
        <v>42783.199950000002</v>
      </c>
      <c r="AG5359">
        <v>16828.467430000001</v>
      </c>
      <c r="AH5359">
        <v>200021.31460000001</v>
      </c>
      <c r="AI5359">
        <v>61179.201999999997</v>
      </c>
      <c r="AJ5359">
        <v>17004.487720000001</v>
      </c>
      <c r="AK5359">
        <v>27056.753120000001</v>
      </c>
      <c r="AL5359">
        <v>49768.376470000003</v>
      </c>
      <c r="AM5359">
        <v>14668.15474</v>
      </c>
      <c r="AN5359">
        <v>73042.342170000004</v>
      </c>
      <c r="AO5359">
        <v>16817.60427</v>
      </c>
      <c r="AP5359">
        <v>12572.00527</v>
      </c>
    </row>
    <row r="5360" spans="2:42" x14ac:dyDescent="0.3">
      <c r="B5360">
        <v>39.038123457270331</v>
      </c>
      <c r="C5360" s="83">
        <v>43324.25</v>
      </c>
      <c r="D5360">
        <v>117059.41250000001</v>
      </c>
      <c r="E5360">
        <v>12060.065259999999</v>
      </c>
      <c r="F5360">
        <v>58137.891239999997</v>
      </c>
      <c r="G5360">
        <v>25546.90814</v>
      </c>
      <c r="H5360">
        <v>31010.64861</v>
      </c>
      <c r="I5360">
        <v>19773.063859999998</v>
      </c>
      <c r="J5360">
        <v>43373.913189999999</v>
      </c>
      <c r="K5360">
        <v>41405.510869999998</v>
      </c>
      <c r="L5360">
        <v>17513.173190000001</v>
      </c>
      <c r="M5360">
        <v>199034.55850000001</v>
      </c>
      <c r="N5360">
        <v>61204.235979999998</v>
      </c>
      <c r="O5360">
        <v>17293.492010000002</v>
      </c>
      <c r="P5360">
        <v>28280.673060000001</v>
      </c>
      <c r="Q5360">
        <v>49317.376279999997</v>
      </c>
      <c r="R5360">
        <v>13682.199619999999</v>
      </c>
      <c r="S5360">
        <v>76304.873479999995</v>
      </c>
      <c r="T5360">
        <v>17019.447329999999</v>
      </c>
      <c r="U5360">
        <v>12439.84432</v>
      </c>
      <c r="W5360" s="83">
        <f>Bühler!N5392</f>
        <v>45515.249999987005</v>
      </c>
      <c r="X5360" s="83">
        <v>43324.25</v>
      </c>
      <c r="Y5360">
        <v>117059.41250000001</v>
      </c>
      <c r="Z5360">
        <v>12060.065259999999</v>
      </c>
      <c r="AA5360">
        <v>58137.891239999997</v>
      </c>
      <c r="AB5360">
        <v>25546.90814</v>
      </c>
      <c r="AC5360">
        <v>31010.64861</v>
      </c>
      <c r="AD5360">
        <v>19773.063859999998</v>
      </c>
      <c r="AE5360">
        <v>43373.913189999999</v>
      </c>
      <c r="AF5360">
        <v>41405.510869999998</v>
      </c>
      <c r="AG5360">
        <v>17513.173190000001</v>
      </c>
      <c r="AH5360">
        <v>199034.55850000001</v>
      </c>
      <c r="AI5360">
        <v>61204.235979999998</v>
      </c>
      <c r="AJ5360">
        <v>17293.492010000002</v>
      </c>
      <c r="AK5360">
        <v>28280.673060000001</v>
      </c>
      <c r="AL5360">
        <v>49317.376279999997</v>
      </c>
      <c r="AM5360">
        <v>13682.199619999999</v>
      </c>
      <c r="AN5360">
        <v>76304.873479999995</v>
      </c>
      <c r="AO5360">
        <v>17019.447329999999</v>
      </c>
      <c r="AP5360">
        <v>12439.84432</v>
      </c>
    </row>
    <row r="5361" spans="2:42" x14ac:dyDescent="0.3">
      <c r="B5361">
        <v>38.824311277903881</v>
      </c>
      <c r="C5361" s="83">
        <v>43324.291666666664</v>
      </c>
      <c r="D5361">
        <v>115430.09600000001</v>
      </c>
      <c r="E5361">
        <v>12102.925520000001</v>
      </c>
      <c r="F5361">
        <v>59913.314050000001</v>
      </c>
      <c r="G5361">
        <v>25416.852299999999</v>
      </c>
      <c r="H5361">
        <v>30695.82271</v>
      </c>
      <c r="I5361">
        <v>20254.885880000002</v>
      </c>
      <c r="J5361">
        <v>44019.867189999997</v>
      </c>
      <c r="K5361">
        <v>40884.478999999999</v>
      </c>
      <c r="L5361">
        <v>18876.075379999998</v>
      </c>
      <c r="M5361">
        <v>197944.4443</v>
      </c>
      <c r="N5361">
        <v>59992.046770000001</v>
      </c>
      <c r="O5361">
        <v>17551.533289999999</v>
      </c>
      <c r="P5361">
        <v>31190.246889999999</v>
      </c>
      <c r="Q5361">
        <v>48684.667909999996</v>
      </c>
      <c r="R5361">
        <v>13116.439920000001</v>
      </c>
      <c r="S5361">
        <v>80043.791949999999</v>
      </c>
      <c r="T5361">
        <v>17799.670989999999</v>
      </c>
      <c r="U5361">
        <v>12304.16365</v>
      </c>
      <c r="W5361" s="83">
        <f>Bühler!N5393</f>
        <v>45515.291666653669</v>
      </c>
      <c r="X5361" s="83">
        <v>43324.291666666664</v>
      </c>
      <c r="Y5361">
        <v>115430.09600000001</v>
      </c>
      <c r="Z5361">
        <v>12102.925520000001</v>
      </c>
      <c r="AA5361">
        <v>59913.314050000001</v>
      </c>
      <c r="AB5361">
        <v>25416.852299999999</v>
      </c>
      <c r="AC5361">
        <v>30695.82271</v>
      </c>
      <c r="AD5361">
        <v>20254.885880000002</v>
      </c>
      <c r="AE5361">
        <v>44019.867189999997</v>
      </c>
      <c r="AF5361">
        <v>40884.478999999999</v>
      </c>
      <c r="AG5361">
        <v>18876.075379999998</v>
      </c>
      <c r="AH5361">
        <v>197944.4443</v>
      </c>
      <c r="AI5361">
        <v>59992.046770000001</v>
      </c>
      <c r="AJ5361">
        <v>17551.533289999999</v>
      </c>
      <c r="AK5361">
        <v>31190.246889999999</v>
      </c>
      <c r="AL5361">
        <v>48684.667909999996</v>
      </c>
      <c r="AM5361">
        <v>13116.439920000001</v>
      </c>
      <c r="AN5361">
        <v>80043.791949999999</v>
      </c>
      <c r="AO5361">
        <v>17799.670989999999</v>
      </c>
      <c r="AP5361">
        <v>12304.16365</v>
      </c>
    </row>
    <row r="5362" spans="2:42" x14ac:dyDescent="0.3">
      <c r="B5362">
        <v>38.645529711278812</v>
      </c>
      <c r="C5362" s="83">
        <v>43324.333333333336</v>
      </c>
      <c r="D5362">
        <v>115160.09</v>
      </c>
      <c r="E5362">
        <v>12917.72976</v>
      </c>
      <c r="F5362">
        <v>61126.372009999999</v>
      </c>
      <c r="G5362">
        <v>25669.829440000001</v>
      </c>
      <c r="H5362">
        <v>30787.523130000001</v>
      </c>
      <c r="I5362">
        <v>20864.497889999999</v>
      </c>
      <c r="J5362">
        <v>47349.318469999998</v>
      </c>
      <c r="K5362">
        <v>41592.496209999998</v>
      </c>
      <c r="L5362">
        <v>21096.943060000001</v>
      </c>
      <c r="M5362">
        <v>197032.9325</v>
      </c>
      <c r="N5362">
        <v>60906.708279999999</v>
      </c>
      <c r="O5362">
        <v>18562.495849999999</v>
      </c>
      <c r="P5362">
        <v>35694.453540000002</v>
      </c>
      <c r="Q5362">
        <v>48562.027800000003</v>
      </c>
      <c r="R5362">
        <v>15181.720729999999</v>
      </c>
      <c r="S5362">
        <v>82354.248349999994</v>
      </c>
      <c r="T5362">
        <v>20078.46344</v>
      </c>
      <c r="U5362">
        <v>12151.933370000001</v>
      </c>
      <c r="W5362" s="83">
        <f>Bühler!N5394</f>
        <v>45515.333333320334</v>
      </c>
      <c r="X5362" s="83">
        <v>43324.333333333336</v>
      </c>
      <c r="Y5362">
        <v>115160.09</v>
      </c>
      <c r="Z5362">
        <v>12917.72976</v>
      </c>
      <c r="AA5362">
        <v>61126.372009999999</v>
      </c>
      <c r="AB5362">
        <v>25669.829440000001</v>
      </c>
      <c r="AC5362">
        <v>30787.523130000001</v>
      </c>
      <c r="AD5362">
        <v>20864.497889999999</v>
      </c>
      <c r="AE5362">
        <v>47349.318469999998</v>
      </c>
      <c r="AF5362">
        <v>41592.496209999998</v>
      </c>
      <c r="AG5362">
        <v>21096.943060000001</v>
      </c>
      <c r="AH5362">
        <v>197032.9325</v>
      </c>
      <c r="AI5362">
        <v>60906.708279999999</v>
      </c>
      <c r="AJ5362">
        <v>18562.495849999999</v>
      </c>
      <c r="AK5362">
        <v>35694.453540000002</v>
      </c>
      <c r="AL5362">
        <v>48562.027800000003</v>
      </c>
      <c r="AM5362">
        <v>15181.720729999999</v>
      </c>
      <c r="AN5362">
        <v>82354.248349999994</v>
      </c>
      <c r="AO5362">
        <v>20078.46344</v>
      </c>
      <c r="AP5362">
        <v>12151.933370000001</v>
      </c>
    </row>
    <row r="5363" spans="2:42" x14ac:dyDescent="0.3">
      <c r="B5363">
        <v>38.610025720890491</v>
      </c>
      <c r="C5363" s="83">
        <v>43324.375</v>
      </c>
      <c r="D5363">
        <v>115060.6539</v>
      </c>
      <c r="E5363">
        <v>13803.977779999999</v>
      </c>
      <c r="F5363">
        <v>63868.833559999999</v>
      </c>
      <c r="G5363">
        <v>26290.8416</v>
      </c>
      <c r="H5363">
        <v>31534.549190000002</v>
      </c>
      <c r="I5363">
        <v>21373.855360000001</v>
      </c>
      <c r="J5363">
        <v>48790.999730000003</v>
      </c>
      <c r="K5363">
        <v>44314.991600000001</v>
      </c>
      <c r="L5363">
        <v>24632.12673</v>
      </c>
      <c r="M5363">
        <v>196851.9166</v>
      </c>
      <c r="N5363">
        <v>62688.590779999999</v>
      </c>
      <c r="O5363">
        <v>19882.114130000002</v>
      </c>
      <c r="P5363">
        <v>39775.347809999999</v>
      </c>
      <c r="Q5363">
        <v>49183.96056</v>
      </c>
      <c r="R5363">
        <v>15540.588</v>
      </c>
      <c r="S5363">
        <v>85477.377139999997</v>
      </c>
      <c r="T5363">
        <v>21490.983840000001</v>
      </c>
      <c r="U5363">
        <v>11721.378199999999</v>
      </c>
      <c r="W5363" s="83">
        <f>Bühler!N5395</f>
        <v>45515.374999986998</v>
      </c>
      <c r="X5363" s="83">
        <v>43324.375</v>
      </c>
      <c r="Y5363">
        <v>115060.6539</v>
      </c>
      <c r="Z5363">
        <v>13803.977779999999</v>
      </c>
      <c r="AA5363">
        <v>63868.833559999999</v>
      </c>
      <c r="AB5363">
        <v>26290.8416</v>
      </c>
      <c r="AC5363">
        <v>31534.549190000002</v>
      </c>
      <c r="AD5363">
        <v>21373.855360000001</v>
      </c>
      <c r="AE5363">
        <v>48790.999730000003</v>
      </c>
      <c r="AF5363">
        <v>44314.991600000001</v>
      </c>
      <c r="AG5363">
        <v>24632.12673</v>
      </c>
      <c r="AH5363">
        <v>196851.9166</v>
      </c>
      <c r="AI5363">
        <v>62688.590779999999</v>
      </c>
      <c r="AJ5363">
        <v>19882.114130000002</v>
      </c>
      <c r="AK5363">
        <v>39775.347809999999</v>
      </c>
      <c r="AL5363">
        <v>49183.96056</v>
      </c>
      <c r="AM5363">
        <v>15540.588</v>
      </c>
      <c r="AN5363">
        <v>85477.377139999997</v>
      </c>
      <c r="AO5363">
        <v>21490.983840000001</v>
      </c>
      <c r="AP5363">
        <v>11721.378199999999</v>
      </c>
    </row>
    <row r="5364" spans="2:42" x14ac:dyDescent="0.3">
      <c r="B5364">
        <v>38.594687618262157</v>
      </c>
      <c r="C5364" s="83">
        <v>43324.416666666664</v>
      </c>
      <c r="D5364">
        <v>115556.2001</v>
      </c>
      <c r="E5364">
        <v>14887.406510000001</v>
      </c>
      <c r="F5364">
        <v>65225.22264</v>
      </c>
      <c r="G5364">
        <v>26499.34678</v>
      </c>
      <c r="H5364">
        <v>32128.851569999999</v>
      </c>
      <c r="I5364">
        <v>21713.594379999999</v>
      </c>
      <c r="J5364">
        <v>49080.679150000004</v>
      </c>
      <c r="K5364">
        <v>46465.008320000001</v>
      </c>
      <c r="L5364">
        <v>28029.578320000001</v>
      </c>
      <c r="M5364">
        <v>196773.71580000001</v>
      </c>
      <c r="N5364">
        <v>65023.09721</v>
      </c>
      <c r="O5364">
        <v>20809.254860000001</v>
      </c>
      <c r="P5364">
        <v>41408.447</v>
      </c>
      <c r="Q5364">
        <v>49676.824260000001</v>
      </c>
      <c r="R5364">
        <v>16980.802049999998</v>
      </c>
      <c r="S5364">
        <v>86619.370290000006</v>
      </c>
      <c r="T5364">
        <v>23191.497820000001</v>
      </c>
      <c r="U5364">
        <v>12522.940629999999</v>
      </c>
      <c r="W5364" s="83">
        <f>Bühler!N5396</f>
        <v>45515.416666653662</v>
      </c>
      <c r="X5364" s="83">
        <v>43324.416666666664</v>
      </c>
      <c r="Y5364">
        <v>115556.2001</v>
      </c>
      <c r="Z5364">
        <v>14887.406510000001</v>
      </c>
      <c r="AA5364">
        <v>65225.22264</v>
      </c>
      <c r="AB5364">
        <v>26499.34678</v>
      </c>
      <c r="AC5364">
        <v>32128.851569999999</v>
      </c>
      <c r="AD5364">
        <v>21713.594379999999</v>
      </c>
      <c r="AE5364">
        <v>49080.679150000004</v>
      </c>
      <c r="AF5364">
        <v>46465.008320000001</v>
      </c>
      <c r="AG5364">
        <v>28029.578320000001</v>
      </c>
      <c r="AH5364">
        <v>196773.71580000001</v>
      </c>
      <c r="AI5364">
        <v>65023.09721</v>
      </c>
      <c r="AJ5364">
        <v>20809.254860000001</v>
      </c>
      <c r="AK5364">
        <v>41408.447</v>
      </c>
      <c r="AL5364">
        <v>49676.824260000001</v>
      </c>
      <c r="AM5364">
        <v>16980.802049999998</v>
      </c>
      <c r="AN5364">
        <v>86619.370290000006</v>
      </c>
      <c r="AO5364">
        <v>23191.497820000001</v>
      </c>
      <c r="AP5364">
        <v>12522.940629999999</v>
      </c>
    </row>
    <row r="5365" spans="2:42" x14ac:dyDescent="0.3">
      <c r="B5365">
        <v>39.032225075682021</v>
      </c>
      <c r="C5365" s="83">
        <v>43324.458333333336</v>
      </c>
      <c r="D5365">
        <v>115760.6844</v>
      </c>
      <c r="E5365">
        <v>15080.560299999999</v>
      </c>
      <c r="F5365">
        <v>65910.652520000003</v>
      </c>
      <c r="G5365">
        <v>26829.568920000002</v>
      </c>
      <c r="H5365">
        <v>32734.892</v>
      </c>
      <c r="I5365">
        <v>22002.258150000001</v>
      </c>
      <c r="J5365">
        <v>49206.196170000003</v>
      </c>
      <c r="K5365">
        <v>48093.861579999997</v>
      </c>
      <c r="L5365">
        <v>29832.354589999999</v>
      </c>
      <c r="M5365">
        <v>199004.48579999999</v>
      </c>
      <c r="N5365">
        <v>66109.604219999994</v>
      </c>
      <c r="O5365">
        <v>19357.977719999999</v>
      </c>
      <c r="P5365">
        <v>40527.860789999999</v>
      </c>
      <c r="Q5365">
        <v>49550.027880000001</v>
      </c>
      <c r="R5365">
        <v>18682.571459999999</v>
      </c>
      <c r="S5365">
        <v>89953.918659999996</v>
      </c>
      <c r="T5365">
        <v>23786.139190000002</v>
      </c>
      <c r="U5365">
        <v>12901.89221</v>
      </c>
      <c r="W5365" s="83">
        <f>Bühler!N5397</f>
        <v>45515.458333320326</v>
      </c>
      <c r="X5365" s="83">
        <v>43324.458333333336</v>
      </c>
      <c r="Y5365">
        <v>115760.6844</v>
      </c>
      <c r="Z5365">
        <v>15080.560299999999</v>
      </c>
      <c r="AA5365">
        <v>65910.652520000003</v>
      </c>
      <c r="AB5365">
        <v>26829.568920000002</v>
      </c>
      <c r="AC5365">
        <v>32734.892</v>
      </c>
      <c r="AD5365">
        <v>22002.258150000001</v>
      </c>
      <c r="AE5365">
        <v>49206.196170000003</v>
      </c>
      <c r="AF5365">
        <v>48093.861579999997</v>
      </c>
      <c r="AG5365">
        <v>29832.354589999999</v>
      </c>
      <c r="AH5365">
        <v>199004.48579999999</v>
      </c>
      <c r="AI5365">
        <v>66109.604219999994</v>
      </c>
      <c r="AJ5365">
        <v>19357.977719999999</v>
      </c>
      <c r="AK5365">
        <v>40527.860789999999</v>
      </c>
      <c r="AL5365">
        <v>49550.027880000001</v>
      </c>
      <c r="AM5365">
        <v>18682.571459999999</v>
      </c>
      <c r="AN5365">
        <v>89953.918659999996</v>
      </c>
      <c r="AO5365">
        <v>23786.139190000002</v>
      </c>
      <c r="AP5365">
        <v>12901.89221</v>
      </c>
    </row>
    <row r="5366" spans="2:42" x14ac:dyDescent="0.3">
      <c r="B5366">
        <v>38.752025658017132</v>
      </c>
      <c r="C5366" s="83">
        <v>43324.5</v>
      </c>
      <c r="D5366">
        <v>115681.034</v>
      </c>
      <c r="E5366">
        <v>15404.662689999999</v>
      </c>
      <c r="F5366">
        <v>63041.909919999998</v>
      </c>
      <c r="G5366">
        <v>27416.909530000001</v>
      </c>
      <c r="H5366">
        <v>32608.255109999998</v>
      </c>
      <c r="I5366">
        <v>22169.214319999999</v>
      </c>
      <c r="J5366">
        <v>50249.82475</v>
      </c>
      <c r="K5366">
        <v>47674.843309999997</v>
      </c>
      <c r="L5366">
        <v>32222.057420000001</v>
      </c>
      <c r="M5366">
        <v>197575.89850000001</v>
      </c>
      <c r="N5366">
        <v>66632.801619999998</v>
      </c>
      <c r="O5366">
        <v>18762.817419999999</v>
      </c>
      <c r="P5366">
        <v>41661.612979999998</v>
      </c>
      <c r="Q5366">
        <v>48688.246059999998</v>
      </c>
      <c r="R5366">
        <v>18300.3298</v>
      </c>
      <c r="S5366">
        <v>87167.219400000002</v>
      </c>
      <c r="T5366">
        <v>23874.554400000001</v>
      </c>
      <c r="U5366">
        <v>12223.783380000001</v>
      </c>
      <c r="W5366" s="83">
        <f>Bühler!N5398</f>
        <v>45515.499999986991</v>
      </c>
      <c r="X5366" s="83">
        <v>43324.5</v>
      </c>
      <c r="Y5366">
        <v>115681.034</v>
      </c>
      <c r="Z5366">
        <v>15404.662689999999</v>
      </c>
      <c r="AA5366">
        <v>63041.909919999998</v>
      </c>
      <c r="AB5366">
        <v>27416.909530000001</v>
      </c>
      <c r="AC5366">
        <v>32608.255109999998</v>
      </c>
      <c r="AD5366">
        <v>22169.214319999999</v>
      </c>
      <c r="AE5366">
        <v>50249.82475</v>
      </c>
      <c r="AF5366">
        <v>47674.843309999997</v>
      </c>
      <c r="AG5366">
        <v>32222.057420000001</v>
      </c>
      <c r="AH5366">
        <v>197575.89850000001</v>
      </c>
      <c r="AI5366">
        <v>66632.801619999998</v>
      </c>
      <c r="AJ5366">
        <v>18762.817419999999</v>
      </c>
      <c r="AK5366">
        <v>41661.612979999998</v>
      </c>
      <c r="AL5366">
        <v>48688.246059999998</v>
      </c>
      <c r="AM5366">
        <v>18300.3298</v>
      </c>
      <c r="AN5366">
        <v>87167.219400000002</v>
      </c>
      <c r="AO5366">
        <v>23874.554400000001</v>
      </c>
      <c r="AP5366">
        <v>12223.783380000001</v>
      </c>
    </row>
    <row r="5367" spans="2:42" x14ac:dyDescent="0.3">
      <c r="B5367">
        <v>39.430222642774261</v>
      </c>
      <c r="C5367" s="83">
        <v>43324.541666666664</v>
      </c>
      <c r="D5367">
        <v>116205.7447</v>
      </c>
      <c r="E5367">
        <v>15554.31323</v>
      </c>
      <c r="F5367">
        <v>55152.513079999997</v>
      </c>
      <c r="G5367">
        <v>27460.43504</v>
      </c>
      <c r="H5367">
        <v>32537.017650000002</v>
      </c>
      <c r="I5367">
        <v>22433.394639999999</v>
      </c>
      <c r="J5367">
        <v>49521.187830000003</v>
      </c>
      <c r="K5367">
        <v>46650.826950000002</v>
      </c>
      <c r="L5367">
        <v>32505.758170000001</v>
      </c>
      <c r="M5367">
        <v>201033.663</v>
      </c>
      <c r="N5367">
        <v>65998.623600000006</v>
      </c>
      <c r="O5367">
        <v>18748.493630000001</v>
      </c>
      <c r="P5367">
        <v>41144.217620000003</v>
      </c>
      <c r="Q5367">
        <v>47802.270420000001</v>
      </c>
      <c r="R5367">
        <v>18000.999919999998</v>
      </c>
      <c r="S5367">
        <v>88448.716549999997</v>
      </c>
      <c r="T5367">
        <v>24048.929039999999</v>
      </c>
      <c r="U5367">
        <v>11978.186540000001</v>
      </c>
      <c r="W5367" s="83">
        <f>Bühler!N5399</f>
        <v>45515.541666653655</v>
      </c>
      <c r="X5367" s="83">
        <v>43324.541666666664</v>
      </c>
      <c r="Y5367">
        <v>116205.7447</v>
      </c>
      <c r="Z5367">
        <v>15554.31323</v>
      </c>
      <c r="AA5367">
        <v>55152.513079999997</v>
      </c>
      <c r="AB5367">
        <v>27460.43504</v>
      </c>
      <c r="AC5367">
        <v>32537.017650000002</v>
      </c>
      <c r="AD5367">
        <v>22433.394639999999</v>
      </c>
      <c r="AE5367">
        <v>49521.187830000003</v>
      </c>
      <c r="AF5367">
        <v>46650.826950000002</v>
      </c>
      <c r="AG5367">
        <v>32505.758170000001</v>
      </c>
      <c r="AH5367">
        <v>201033.663</v>
      </c>
      <c r="AI5367">
        <v>65998.623600000006</v>
      </c>
      <c r="AJ5367">
        <v>18748.493630000001</v>
      </c>
      <c r="AK5367">
        <v>41144.217620000003</v>
      </c>
      <c r="AL5367">
        <v>47802.270420000001</v>
      </c>
      <c r="AM5367">
        <v>18000.999919999998</v>
      </c>
      <c r="AN5367">
        <v>88448.716549999997</v>
      </c>
      <c r="AO5367">
        <v>24048.929039999999</v>
      </c>
      <c r="AP5367">
        <v>11978.186540000001</v>
      </c>
    </row>
    <row r="5368" spans="2:42" x14ac:dyDescent="0.3">
      <c r="B5368">
        <v>39.565374540184983</v>
      </c>
      <c r="C5368" s="83">
        <v>43324.583333333336</v>
      </c>
      <c r="D5368">
        <v>116767.76639999999</v>
      </c>
      <c r="E5368">
        <v>15620.230369999999</v>
      </c>
      <c r="F5368">
        <v>55910.233289999996</v>
      </c>
      <c r="G5368">
        <v>27479.38478</v>
      </c>
      <c r="H5368">
        <v>32527.80703</v>
      </c>
      <c r="I5368">
        <v>22145.155510000001</v>
      </c>
      <c r="J5368">
        <v>49400.502</v>
      </c>
      <c r="K5368">
        <v>45329.446020000003</v>
      </c>
      <c r="L5368">
        <v>31376.418259999999</v>
      </c>
      <c r="M5368">
        <v>201722.7304</v>
      </c>
      <c r="N5368">
        <v>66968.201740000004</v>
      </c>
      <c r="O5368">
        <v>18330.679820000001</v>
      </c>
      <c r="P5368">
        <v>38568.677519999997</v>
      </c>
      <c r="Q5368">
        <v>48295.917580000001</v>
      </c>
      <c r="R5368">
        <v>17792.030770000001</v>
      </c>
      <c r="S5368">
        <v>86576.810400000002</v>
      </c>
      <c r="T5368">
        <v>23770.74051</v>
      </c>
      <c r="U5368">
        <v>11438.41152</v>
      </c>
      <c r="W5368" s="83">
        <f>Bühler!N5400</f>
        <v>45515.583333320319</v>
      </c>
      <c r="X5368" s="83">
        <v>43324.583333333336</v>
      </c>
      <c r="Y5368">
        <v>116767.76639999999</v>
      </c>
      <c r="Z5368">
        <v>15620.230369999999</v>
      </c>
      <c r="AA5368">
        <v>55910.233289999996</v>
      </c>
      <c r="AB5368">
        <v>27479.38478</v>
      </c>
      <c r="AC5368">
        <v>32527.80703</v>
      </c>
      <c r="AD5368">
        <v>22145.155510000001</v>
      </c>
      <c r="AE5368">
        <v>49400.502</v>
      </c>
      <c r="AF5368">
        <v>45329.446020000003</v>
      </c>
      <c r="AG5368">
        <v>31376.418259999999</v>
      </c>
      <c r="AH5368">
        <v>201722.7304</v>
      </c>
      <c r="AI5368">
        <v>66968.201740000004</v>
      </c>
      <c r="AJ5368">
        <v>18330.679820000001</v>
      </c>
      <c r="AK5368">
        <v>38568.677519999997</v>
      </c>
      <c r="AL5368">
        <v>48295.917580000001</v>
      </c>
      <c r="AM5368">
        <v>17792.030770000001</v>
      </c>
      <c r="AN5368">
        <v>86576.810400000002</v>
      </c>
      <c r="AO5368">
        <v>23770.74051</v>
      </c>
      <c r="AP5368">
        <v>11438.41152</v>
      </c>
    </row>
    <row r="5369" spans="2:42" x14ac:dyDescent="0.3">
      <c r="B5369">
        <v>39.956975320908036</v>
      </c>
      <c r="C5369" s="83">
        <v>43324.625</v>
      </c>
      <c r="D5369">
        <v>116896.6099</v>
      </c>
      <c r="E5369">
        <v>15682.331200000001</v>
      </c>
      <c r="F5369">
        <v>56423.539579999997</v>
      </c>
      <c r="G5369">
        <v>27543.126209999999</v>
      </c>
      <c r="H5369">
        <v>32608.80154</v>
      </c>
      <c r="I5369">
        <v>22349.350979999999</v>
      </c>
      <c r="J5369">
        <v>49184.838340000002</v>
      </c>
      <c r="K5369">
        <v>45850.237730000001</v>
      </c>
      <c r="L5369">
        <v>29141.855749999999</v>
      </c>
      <c r="M5369">
        <v>203719.29380000001</v>
      </c>
      <c r="N5369">
        <v>67961.796090000003</v>
      </c>
      <c r="O5369">
        <v>17790.377120000001</v>
      </c>
      <c r="P5369">
        <v>35411.66936</v>
      </c>
      <c r="Q5369">
        <v>48531.172729999998</v>
      </c>
      <c r="R5369">
        <v>18063.379079999999</v>
      </c>
      <c r="S5369">
        <v>86435.306429999997</v>
      </c>
      <c r="T5369">
        <v>23719.80557</v>
      </c>
      <c r="U5369">
        <v>11893.861140000001</v>
      </c>
      <c r="W5369" s="83">
        <f>Bühler!N5401</f>
        <v>45515.624999986983</v>
      </c>
      <c r="X5369" s="83">
        <v>43324.625</v>
      </c>
      <c r="Y5369">
        <v>116896.6099</v>
      </c>
      <c r="Z5369">
        <v>15682.331200000001</v>
      </c>
      <c r="AA5369">
        <v>56423.539579999997</v>
      </c>
      <c r="AB5369">
        <v>27543.126209999999</v>
      </c>
      <c r="AC5369">
        <v>32608.80154</v>
      </c>
      <c r="AD5369">
        <v>22349.350979999999</v>
      </c>
      <c r="AE5369">
        <v>49184.838340000002</v>
      </c>
      <c r="AF5369">
        <v>45850.237730000001</v>
      </c>
      <c r="AG5369">
        <v>29141.855749999999</v>
      </c>
      <c r="AH5369">
        <v>203719.29380000001</v>
      </c>
      <c r="AI5369">
        <v>67961.796090000003</v>
      </c>
      <c r="AJ5369">
        <v>17790.377120000001</v>
      </c>
      <c r="AK5369">
        <v>35411.66936</v>
      </c>
      <c r="AL5369">
        <v>48531.172729999998</v>
      </c>
      <c r="AM5369">
        <v>18063.379079999999</v>
      </c>
      <c r="AN5369">
        <v>86435.306429999997</v>
      </c>
      <c r="AO5369">
        <v>23719.80557</v>
      </c>
      <c r="AP5369">
        <v>11893.861140000001</v>
      </c>
    </row>
    <row r="5370" spans="2:42" x14ac:dyDescent="0.3">
      <c r="B5370">
        <v>40.347891111328948</v>
      </c>
      <c r="C5370" s="83">
        <v>43324.666666666664</v>
      </c>
      <c r="D5370">
        <v>116809.0012</v>
      </c>
      <c r="E5370">
        <v>15839.696400000001</v>
      </c>
      <c r="F5370">
        <v>56074.901989999998</v>
      </c>
      <c r="G5370">
        <v>27175.27764</v>
      </c>
      <c r="H5370">
        <v>32564.96961</v>
      </c>
      <c r="I5370">
        <v>22512.242549999999</v>
      </c>
      <c r="J5370">
        <v>48132.81596</v>
      </c>
      <c r="K5370">
        <v>45739.718110000002</v>
      </c>
      <c r="L5370">
        <v>28015.22622</v>
      </c>
      <c r="M5370">
        <v>205712.36480000001</v>
      </c>
      <c r="N5370">
        <v>67583.263460000002</v>
      </c>
      <c r="O5370">
        <v>17648.552970000001</v>
      </c>
      <c r="P5370">
        <v>33668.538610000003</v>
      </c>
      <c r="Q5370">
        <v>49150.145920000003</v>
      </c>
      <c r="R5370">
        <v>17919.523959999999</v>
      </c>
      <c r="S5370">
        <v>87921.884909999993</v>
      </c>
      <c r="T5370">
        <v>23639.20407</v>
      </c>
      <c r="U5370">
        <v>12484.05269</v>
      </c>
      <c r="W5370" s="83">
        <f>Bühler!N5402</f>
        <v>45515.666666653648</v>
      </c>
      <c r="X5370" s="83">
        <v>43324.666666666664</v>
      </c>
      <c r="Y5370">
        <v>116809.0012</v>
      </c>
      <c r="Z5370">
        <v>15839.696400000001</v>
      </c>
      <c r="AA5370">
        <v>56074.901989999998</v>
      </c>
      <c r="AB5370">
        <v>27175.27764</v>
      </c>
      <c r="AC5370">
        <v>32564.96961</v>
      </c>
      <c r="AD5370">
        <v>22512.242549999999</v>
      </c>
      <c r="AE5370">
        <v>48132.81596</v>
      </c>
      <c r="AF5370">
        <v>45739.718110000002</v>
      </c>
      <c r="AG5370">
        <v>28015.22622</v>
      </c>
      <c r="AH5370">
        <v>205712.36480000001</v>
      </c>
      <c r="AI5370">
        <v>67583.263460000002</v>
      </c>
      <c r="AJ5370">
        <v>17648.552970000001</v>
      </c>
      <c r="AK5370">
        <v>33668.538610000003</v>
      </c>
      <c r="AL5370">
        <v>49150.145920000003</v>
      </c>
      <c r="AM5370">
        <v>17919.523959999999</v>
      </c>
      <c r="AN5370">
        <v>87921.884909999993</v>
      </c>
      <c r="AO5370">
        <v>23639.20407</v>
      </c>
      <c r="AP5370">
        <v>12484.05269</v>
      </c>
    </row>
    <row r="5371" spans="2:42" x14ac:dyDescent="0.3">
      <c r="B5371">
        <v>40.10039507715566</v>
      </c>
      <c r="C5371" s="83">
        <v>43324.708333333336</v>
      </c>
      <c r="D5371">
        <v>117117.8348</v>
      </c>
      <c r="E5371">
        <v>15615.52543</v>
      </c>
      <c r="F5371">
        <v>55585.876320000003</v>
      </c>
      <c r="G5371">
        <v>26842.716840000001</v>
      </c>
      <c r="H5371">
        <v>32528.672589999998</v>
      </c>
      <c r="I5371">
        <v>22575.325199999999</v>
      </c>
      <c r="J5371">
        <v>48958.215989999997</v>
      </c>
      <c r="K5371">
        <v>46659.705009999998</v>
      </c>
      <c r="L5371">
        <v>28222.92353</v>
      </c>
      <c r="M5371">
        <v>204450.51459999999</v>
      </c>
      <c r="N5371">
        <v>65819.703200000004</v>
      </c>
      <c r="O5371">
        <v>17680.020380000002</v>
      </c>
      <c r="P5371">
        <v>34505.605799999998</v>
      </c>
      <c r="Q5371">
        <v>49915.621449999999</v>
      </c>
      <c r="R5371">
        <v>19864.37197</v>
      </c>
      <c r="S5371">
        <v>88203.295570000002</v>
      </c>
      <c r="T5371">
        <v>23633.149679999999</v>
      </c>
      <c r="U5371">
        <v>12080.595079999999</v>
      </c>
      <c r="W5371" s="83">
        <f>Bühler!N5403</f>
        <v>45515.708333320312</v>
      </c>
      <c r="X5371" s="83">
        <v>43324.708333333336</v>
      </c>
      <c r="Y5371">
        <v>117117.8348</v>
      </c>
      <c r="Z5371">
        <v>15615.52543</v>
      </c>
      <c r="AA5371">
        <v>55585.876320000003</v>
      </c>
      <c r="AB5371">
        <v>26842.716840000001</v>
      </c>
      <c r="AC5371">
        <v>32528.672589999998</v>
      </c>
      <c r="AD5371">
        <v>22575.325199999999</v>
      </c>
      <c r="AE5371">
        <v>48958.215989999997</v>
      </c>
      <c r="AF5371">
        <v>46659.705009999998</v>
      </c>
      <c r="AG5371">
        <v>28222.92353</v>
      </c>
      <c r="AH5371">
        <v>204450.51459999999</v>
      </c>
      <c r="AI5371">
        <v>65819.703200000004</v>
      </c>
      <c r="AJ5371">
        <v>17680.020380000002</v>
      </c>
      <c r="AK5371">
        <v>34505.605799999998</v>
      </c>
      <c r="AL5371">
        <v>49915.621449999999</v>
      </c>
      <c r="AM5371">
        <v>19864.37197</v>
      </c>
      <c r="AN5371">
        <v>88203.295570000002</v>
      </c>
      <c r="AO5371">
        <v>23633.149679999999</v>
      </c>
      <c r="AP5371">
        <v>12080.595079999999</v>
      </c>
    </row>
    <row r="5372" spans="2:42" x14ac:dyDescent="0.3">
      <c r="B5372">
        <v>40.073284571617435</v>
      </c>
      <c r="C5372" s="83">
        <v>43324.75</v>
      </c>
      <c r="D5372">
        <v>117450.2736</v>
      </c>
      <c r="E5372">
        <v>15161.502350000001</v>
      </c>
      <c r="F5372">
        <v>55939.184820000002</v>
      </c>
      <c r="G5372">
        <v>26770.99365</v>
      </c>
      <c r="H5372">
        <v>32584.649880000001</v>
      </c>
      <c r="I5372">
        <v>22631.19483</v>
      </c>
      <c r="J5372">
        <v>49541.693930000001</v>
      </c>
      <c r="K5372">
        <v>43899.856249999997</v>
      </c>
      <c r="L5372">
        <v>29273.290840000001</v>
      </c>
      <c r="M5372">
        <v>204312.29259999999</v>
      </c>
      <c r="N5372">
        <v>65532.898269999998</v>
      </c>
      <c r="O5372">
        <v>17493.73547</v>
      </c>
      <c r="P5372">
        <v>37163.368009999998</v>
      </c>
      <c r="Q5372">
        <v>50777.033190000002</v>
      </c>
      <c r="R5372">
        <v>19138.242699999999</v>
      </c>
      <c r="S5372">
        <v>85755.368159999998</v>
      </c>
      <c r="T5372">
        <v>23381.929629999999</v>
      </c>
      <c r="U5372">
        <v>12335.094649999999</v>
      </c>
      <c r="W5372" s="83">
        <f>Bühler!N5404</f>
        <v>45515.749999986976</v>
      </c>
      <c r="X5372" s="83">
        <v>43324.75</v>
      </c>
      <c r="Y5372">
        <v>117450.2736</v>
      </c>
      <c r="Z5372">
        <v>15161.502350000001</v>
      </c>
      <c r="AA5372">
        <v>55939.184820000002</v>
      </c>
      <c r="AB5372">
        <v>26770.99365</v>
      </c>
      <c r="AC5372">
        <v>32584.649880000001</v>
      </c>
      <c r="AD5372">
        <v>22631.19483</v>
      </c>
      <c r="AE5372">
        <v>49541.693930000001</v>
      </c>
      <c r="AF5372">
        <v>43899.856249999997</v>
      </c>
      <c r="AG5372">
        <v>29273.290840000001</v>
      </c>
      <c r="AH5372">
        <v>204312.29259999999</v>
      </c>
      <c r="AI5372">
        <v>65532.898269999998</v>
      </c>
      <c r="AJ5372">
        <v>17493.73547</v>
      </c>
      <c r="AK5372">
        <v>37163.368009999998</v>
      </c>
      <c r="AL5372">
        <v>50777.033190000002</v>
      </c>
      <c r="AM5372">
        <v>19138.242699999999</v>
      </c>
      <c r="AN5372">
        <v>85755.368159999998</v>
      </c>
      <c r="AO5372">
        <v>23381.929629999999</v>
      </c>
      <c r="AP5372">
        <v>12335.094649999999</v>
      </c>
    </row>
    <row r="5373" spans="2:42" x14ac:dyDescent="0.3">
      <c r="B5373">
        <v>40.537074707984807</v>
      </c>
      <c r="C5373" s="83">
        <v>43324.791666666664</v>
      </c>
      <c r="D5373">
        <v>117358.91409999999</v>
      </c>
      <c r="E5373">
        <v>14143.31122</v>
      </c>
      <c r="F5373">
        <v>55703.626839999997</v>
      </c>
      <c r="G5373">
        <v>26656.6414</v>
      </c>
      <c r="H5373">
        <v>32174.418610000001</v>
      </c>
      <c r="I5373">
        <v>22680.70392</v>
      </c>
      <c r="J5373">
        <v>49400.457880000002</v>
      </c>
      <c r="K5373">
        <v>44352.855009999999</v>
      </c>
      <c r="L5373">
        <v>29281.931820000002</v>
      </c>
      <c r="M5373">
        <v>206676.91099999999</v>
      </c>
      <c r="N5373">
        <v>65957.494569999995</v>
      </c>
      <c r="O5373">
        <v>17304.782289999999</v>
      </c>
      <c r="P5373">
        <v>39730.742310000001</v>
      </c>
      <c r="Q5373">
        <v>51118.176879999999</v>
      </c>
      <c r="R5373">
        <v>18560.035660000001</v>
      </c>
      <c r="S5373">
        <v>83804.366380000007</v>
      </c>
      <c r="T5373">
        <v>22083.719860000001</v>
      </c>
      <c r="U5373">
        <v>12377.208269999999</v>
      </c>
      <c r="W5373" s="83">
        <f>Bühler!N5405</f>
        <v>45515.79166665364</v>
      </c>
      <c r="X5373" s="83">
        <v>43324.791666666664</v>
      </c>
      <c r="Y5373">
        <v>117358.91409999999</v>
      </c>
      <c r="Z5373">
        <v>14143.31122</v>
      </c>
      <c r="AA5373">
        <v>55703.626839999997</v>
      </c>
      <c r="AB5373">
        <v>26656.6414</v>
      </c>
      <c r="AC5373">
        <v>32174.418610000001</v>
      </c>
      <c r="AD5373">
        <v>22680.70392</v>
      </c>
      <c r="AE5373">
        <v>49400.457880000002</v>
      </c>
      <c r="AF5373">
        <v>44352.855009999999</v>
      </c>
      <c r="AG5373">
        <v>29281.931820000002</v>
      </c>
      <c r="AH5373">
        <v>206676.91099999999</v>
      </c>
      <c r="AI5373">
        <v>65957.494569999995</v>
      </c>
      <c r="AJ5373">
        <v>17304.782289999999</v>
      </c>
      <c r="AK5373">
        <v>39730.742310000001</v>
      </c>
      <c r="AL5373">
        <v>51118.176879999999</v>
      </c>
      <c r="AM5373">
        <v>18560.035660000001</v>
      </c>
      <c r="AN5373">
        <v>83804.366380000007</v>
      </c>
      <c r="AO5373">
        <v>22083.719860000001</v>
      </c>
      <c r="AP5373">
        <v>12377.208269999999</v>
      </c>
    </row>
    <row r="5374" spans="2:42" x14ac:dyDescent="0.3">
      <c r="B5374">
        <v>40.248603901009567</v>
      </c>
      <c r="C5374" s="83">
        <v>43324.833333333336</v>
      </c>
      <c r="D5374">
        <v>117549.36229999999</v>
      </c>
      <c r="E5374">
        <v>13007.611720000001</v>
      </c>
      <c r="F5374">
        <v>54783.879589999997</v>
      </c>
      <c r="G5374">
        <v>26609.334849999999</v>
      </c>
      <c r="H5374">
        <v>31827.037530000001</v>
      </c>
      <c r="I5374">
        <v>22497.46398</v>
      </c>
      <c r="J5374">
        <v>48727.150970000002</v>
      </c>
      <c r="K5374">
        <v>46445.249060000002</v>
      </c>
      <c r="L5374">
        <v>29519.065750000002</v>
      </c>
      <c r="M5374">
        <v>205206.15229999999</v>
      </c>
      <c r="N5374">
        <v>67229.378249999994</v>
      </c>
      <c r="O5374">
        <v>16964.9964</v>
      </c>
      <c r="P5374">
        <v>39726.197959999998</v>
      </c>
      <c r="Q5374">
        <v>51708.07432</v>
      </c>
      <c r="R5374">
        <v>18325.19629</v>
      </c>
      <c r="S5374">
        <v>78903.786479999995</v>
      </c>
      <c r="T5374">
        <v>19488.861659999999</v>
      </c>
      <c r="U5374">
        <v>12822.011710000001</v>
      </c>
      <c r="W5374" s="83">
        <f>Bühler!N5406</f>
        <v>45515.833333320305</v>
      </c>
      <c r="X5374" s="83">
        <v>43324.833333333336</v>
      </c>
      <c r="Y5374">
        <v>117549.36229999999</v>
      </c>
      <c r="Z5374">
        <v>13007.611720000001</v>
      </c>
      <c r="AA5374">
        <v>54783.879589999997</v>
      </c>
      <c r="AB5374">
        <v>26609.334849999999</v>
      </c>
      <c r="AC5374">
        <v>31827.037530000001</v>
      </c>
      <c r="AD5374">
        <v>22497.46398</v>
      </c>
      <c r="AE5374">
        <v>48727.150970000002</v>
      </c>
      <c r="AF5374">
        <v>46445.249060000002</v>
      </c>
      <c r="AG5374">
        <v>29519.065750000002</v>
      </c>
      <c r="AH5374">
        <v>205206.15229999999</v>
      </c>
      <c r="AI5374">
        <v>67229.378249999994</v>
      </c>
      <c r="AJ5374">
        <v>16964.9964</v>
      </c>
      <c r="AK5374">
        <v>39726.197959999998</v>
      </c>
      <c r="AL5374">
        <v>51708.07432</v>
      </c>
      <c r="AM5374">
        <v>18325.19629</v>
      </c>
      <c r="AN5374">
        <v>78903.786479999995</v>
      </c>
      <c r="AO5374">
        <v>19488.861659999999</v>
      </c>
      <c r="AP5374">
        <v>12822.011710000001</v>
      </c>
    </row>
    <row r="5375" spans="2:42" x14ac:dyDescent="0.3">
      <c r="B5375">
        <v>40.610868722648377</v>
      </c>
      <c r="C5375" s="83">
        <v>43324.875</v>
      </c>
      <c r="D5375">
        <v>118536.3367</v>
      </c>
      <c r="E5375">
        <v>12872.134910000001</v>
      </c>
      <c r="F5375">
        <v>54481.386839999999</v>
      </c>
      <c r="G5375">
        <v>26736.959879999999</v>
      </c>
      <c r="H5375">
        <v>32585.80415</v>
      </c>
      <c r="I5375">
        <v>22457.914639999999</v>
      </c>
      <c r="J5375">
        <v>49473.228510000001</v>
      </c>
      <c r="K5375">
        <v>47499.516089999997</v>
      </c>
      <c r="L5375">
        <v>28648.877980000001</v>
      </c>
      <c r="M5375">
        <v>207053.14730000001</v>
      </c>
      <c r="N5375">
        <v>67751.540890000004</v>
      </c>
      <c r="O5375">
        <v>16746.602029999998</v>
      </c>
      <c r="P5375">
        <v>38759.578829999999</v>
      </c>
      <c r="Q5375">
        <v>53059.202360000003</v>
      </c>
      <c r="R5375">
        <v>18434.37614</v>
      </c>
      <c r="S5375">
        <v>77031.090970000005</v>
      </c>
      <c r="T5375">
        <v>19070.026679999999</v>
      </c>
      <c r="U5375">
        <v>13524.49713</v>
      </c>
      <c r="W5375" s="83">
        <f>Bühler!N5407</f>
        <v>45515.874999986969</v>
      </c>
      <c r="X5375" s="83">
        <v>43324.875</v>
      </c>
      <c r="Y5375">
        <v>118536.3367</v>
      </c>
      <c r="Z5375">
        <v>12872.134910000001</v>
      </c>
      <c r="AA5375">
        <v>54481.386839999999</v>
      </c>
      <c r="AB5375">
        <v>26736.959879999999</v>
      </c>
      <c r="AC5375">
        <v>32585.80415</v>
      </c>
      <c r="AD5375">
        <v>22457.914639999999</v>
      </c>
      <c r="AE5375">
        <v>49473.228510000001</v>
      </c>
      <c r="AF5375">
        <v>47499.516089999997</v>
      </c>
      <c r="AG5375">
        <v>28648.877980000001</v>
      </c>
      <c r="AH5375">
        <v>207053.14730000001</v>
      </c>
      <c r="AI5375">
        <v>67751.540890000004</v>
      </c>
      <c r="AJ5375">
        <v>16746.602029999998</v>
      </c>
      <c r="AK5375">
        <v>38759.578829999999</v>
      </c>
      <c r="AL5375">
        <v>53059.202360000003</v>
      </c>
      <c r="AM5375">
        <v>18434.37614</v>
      </c>
      <c r="AN5375">
        <v>77031.090970000005</v>
      </c>
      <c r="AO5375">
        <v>19070.026679999999</v>
      </c>
      <c r="AP5375">
        <v>13524.49713</v>
      </c>
    </row>
    <row r="5376" spans="2:42" x14ac:dyDescent="0.3">
      <c r="B5376">
        <v>41.249581206283395</v>
      </c>
      <c r="C5376" s="83">
        <v>43324.916666666664</v>
      </c>
      <c r="D5376">
        <v>118914.40640000001</v>
      </c>
      <c r="E5376">
        <v>12724.863090000001</v>
      </c>
      <c r="F5376">
        <v>54124.087890000003</v>
      </c>
      <c r="G5376">
        <v>27407.80328</v>
      </c>
      <c r="H5376">
        <v>33739.089059999998</v>
      </c>
      <c r="I5376">
        <v>22205.355650000001</v>
      </c>
      <c r="J5376">
        <v>46969.495159999999</v>
      </c>
      <c r="K5376">
        <v>49518.34218</v>
      </c>
      <c r="L5376">
        <v>25714.060259999998</v>
      </c>
      <c r="M5376">
        <v>210309.60140000001</v>
      </c>
      <c r="N5376">
        <v>67435.797900000005</v>
      </c>
      <c r="O5376">
        <v>17133.364600000001</v>
      </c>
      <c r="P5376">
        <v>36208.210330000002</v>
      </c>
      <c r="Q5376">
        <v>55039.603419999999</v>
      </c>
      <c r="R5376">
        <v>19003.334309999998</v>
      </c>
      <c r="S5376">
        <v>76631.111250000002</v>
      </c>
      <c r="T5376">
        <v>19109.953710000002</v>
      </c>
      <c r="U5376">
        <v>13957.18455</v>
      </c>
      <c r="W5376" s="83">
        <f>Bühler!N5408</f>
        <v>45515.916666653633</v>
      </c>
      <c r="X5376" s="83">
        <v>43324.916666666664</v>
      </c>
      <c r="Y5376">
        <v>118914.40640000001</v>
      </c>
      <c r="Z5376">
        <v>12724.863090000001</v>
      </c>
      <c r="AA5376">
        <v>54124.087890000003</v>
      </c>
      <c r="AB5376">
        <v>27407.80328</v>
      </c>
      <c r="AC5376">
        <v>33739.089059999998</v>
      </c>
      <c r="AD5376">
        <v>22205.355650000001</v>
      </c>
      <c r="AE5376">
        <v>46969.495159999999</v>
      </c>
      <c r="AF5376">
        <v>49518.34218</v>
      </c>
      <c r="AG5376">
        <v>25714.060259999998</v>
      </c>
      <c r="AH5376">
        <v>210309.60140000001</v>
      </c>
      <c r="AI5376">
        <v>67435.797900000005</v>
      </c>
      <c r="AJ5376">
        <v>17133.364600000001</v>
      </c>
      <c r="AK5376">
        <v>36208.210330000002</v>
      </c>
      <c r="AL5376">
        <v>55039.603419999999</v>
      </c>
      <c r="AM5376">
        <v>19003.334309999998</v>
      </c>
      <c r="AN5376">
        <v>76631.111250000002</v>
      </c>
      <c r="AO5376">
        <v>19109.953710000002</v>
      </c>
      <c r="AP5376">
        <v>13957.18455</v>
      </c>
    </row>
    <row r="5377" spans="2:42" x14ac:dyDescent="0.3">
      <c r="B5377">
        <v>41.851721260584995</v>
      </c>
      <c r="C5377" s="83">
        <v>43324.958333333336</v>
      </c>
      <c r="D5377">
        <v>119427.91559999999</v>
      </c>
      <c r="E5377">
        <v>12428.339260000001</v>
      </c>
      <c r="F5377">
        <v>53452.520859999997</v>
      </c>
      <c r="G5377">
        <v>27554.530559999999</v>
      </c>
      <c r="H5377">
        <v>33038.977630000001</v>
      </c>
      <c r="I5377">
        <v>21646.244299999998</v>
      </c>
      <c r="J5377">
        <v>42356.228130000003</v>
      </c>
      <c r="K5377">
        <v>48833.710700000003</v>
      </c>
      <c r="L5377">
        <v>21491.178199999998</v>
      </c>
      <c r="M5377">
        <v>213379.59220000001</v>
      </c>
      <c r="N5377">
        <v>66836.657800000001</v>
      </c>
      <c r="O5377">
        <v>17164.937979999999</v>
      </c>
      <c r="P5377">
        <v>33069.675389999997</v>
      </c>
      <c r="Q5377">
        <v>56674.14892</v>
      </c>
      <c r="R5377">
        <v>19633.362789999999</v>
      </c>
      <c r="S5377">
        <v>75210.970019999993</v>
      </c>
      <c r="T5377">
        <v>18373.51971</v>
      </c>
      <c r="U5377">
        <v>13102.04232</v>
      </c>
      <c r="W5377" s="83">
        <f>Bühler!N5409</f>
        <v>45515.958333320297</v>
      </c>
      <c r="X5377" s="83">
        <v>43324.958333333336</v>
      </c>
      <c r="Y5377">
        <v>119427.91559999999</v>
      </c>
      <c r="Z5377">
        <v>12428.339260000001</v>
      </c>
      <c r="AA5377">
        <v>53452.520859999997</v>
      </c>
      <c r="AB5377">
        <v>27554.530559999999</v>
      </c>
      <c r="AC5377">
        <v>33038.977630000001</v>
      </c>
      <c r="AD5377">
        <v>21646.244299999998</v>
      </c>
      <c r="AE5377">
        <v>42356.228130000003</v>
      </c>
      <c r="AF5377">
        <v>48833.710700000003</v>
      </c>
      <c r="AG5377">
        <v>21491.178199999998</v>
      </c>
      <c r="AH5377">
        <v>213379.59220000001</v>
      </c>
      <c r="AI5377">
        <v>66836.657800000001</v>
      </c>
      <c r="AJ5377">
        <v>17164.937979999999</v>
      </c>
      <c r="AK5377">
        <v>33069.675389999997</v>
      </c>
      <c r="AL5377">
        <v>56674.14892</v>
      </c>
      <c r="AM5377">
        <v>19633.362789999999</v>
      </c>
      <c r="AN5377">
        <v>75210.970019999993</v>
      </c>
      <c r="AO5377">
        <v>18373.51971</v>
      </c>
      <c r="AP5377">
        <v>13102.04232</v>
      </c>
    </row>
    <row r="5378" spans="2:42" x14ac:dyDescent="0.3">
      <c r="B5378">
        <v>41.751952591757238</v>
      </c>
      <c r="C5378" s="83">
        <v>43325</v>
      </c>
      <c r="D5378">
        <v>119897.8772</v>
      </c>
      <c r="E5378">
        <v>12178.299940000001</v>
      </c>
      <c r="F5378">
        <v>52905.726569999999</v>
      </c>
      <c r="G5378">
        <v>28179.564350000001</v>
      </c>
      <c r="H5378">
        <v>32635.380280000001</v>
      </c>
      <c r="I5378">
        <v>20133.433509999999</v>
      </c>
      <c r="J5378">
        <v>38861.990859999998</v>
      </c>
      <c r="K5378">
        <v>46448.0913</v>
      </c>
      <c r="L5378">
        <v>18825.14256</v>
      </c>
      <c r="M5378">
        <v>212870.92499999999</v>
      </c>
      <c r="N5378">
        <v>66810.19773</v>
      </c>
      <c r="O5378">
        <v>17075.539680000002</v>
      </c>
      <c r="P5378">
        <v>29405.143240000001</v>
      </c>
      <c r="Q5378">
        <v>60259.49712</v>
      </c>
      <c r="R5378">
        <v>16073.46602</v>
      </c>
      <c r="S5378">
        <v>73972.694059999994</v>
      </c>
      <c r="T5378">
        <v>18049.90309</v>
      </c>
      <c r="U5378">
        <v>13036.1621</v>
      </c>
      <c r="W5378" s="83">
        <f>Bühler!N5410</f>
        <v>45515.999999986961</v>
      </c>
      <c r="X5378" s="83">
        <v>43325</v>
      </c>
      <c r="Y5378">
        <v>119897.8772</v>
      </c>
      <c r="Z5378">
        <v>12178.299940000001</v>
      </c>
      <c r="AA5378">
        <v>52905.726569999999</v>
      </c>
      <c r="AB5378">
        <v>28179.564350000001</v>
      </c>
      <c r="AC5378">
        <v>32635.380280000001</v>
      </c>
      <c r="AD5378">
        <v>20133.433509999999</v>
      </c>
      <c r="AE5378">
        <v>38861.990859999998</v>
      </c>
      <c r="AF5378">
        <v>46448.0913</v>
      </c>
      <c r="AG5378">
        <v>18825.14256</v>
      </c>
      <c r="AH5378">
        <v>212870.92499999999</v>
      </c>
      <c r="AI5378">
        <v>66810.19773</v>
      </c>
      <c r="AJ5378">
        <v>17075.539680000002</v>
      </c>
      <c r="AK5378">
        <v>29405.143240000001</v>
      </c>
      <c r="AL5378">
        <v>60259.49712</v>
      </c>
      <c r="AM5378">
        <v>16073.46602</v>
      </c>
      <c r="AN5378">
        <v>73972.694059999994</v>
      </c>
      <c r="AO5378">
        <v>18049.90309</v>
      </c>
      <c r="AP5378">
        <v>13036.1621</v>
      </c>
    </row>
    <row r="5379" spans="2:42" x14ac:dyDescent="0.3">
      <c r="B5379">
        <v>41.881549916851391</v>
      </c>
      <c r="C5379" s="83">
        <v>43325.041666666664</v>
      </c>
      <c r="D5379">
        <v>120129.7696</v>
      </c>
      <c r="E5379">
        <v>11921.41792</v>
      </c>
      <c r="F5379">
        <v>52493.368569999999</v>
      </c>
      <c r="G5379">
        <v>27849.759839999999</v>
      </c>
      <c r="H5379">
        <v>32340.271290000001</v>
      </c>
      <c r="I5379">
        <v>17063.384819999999</v>
      </c>
      <c r="J5379">
        <v>37154.456729999998</v>
      </c>
      <c r="K5379">
        <v>44256.656540000004</v>
      </c>
      <c r="L5379">
        <v>17954.405879999998</v>
      </c>
      <c r="M5379">
        <v>213531.67259999999</v>
      </c>
      <c r="N5379">
        <v>66659.788230000006</v>
      </c>
      <c r="O5379">
        <v>16997.841329999999</v>
      </c>
      <c r="P5379">
        <v>27710.374690000001</v>
      </c>
      <c r="Q5379">
        <v>63083.043420000002</v>
      </c>
      <c r="R5379">
        <v>14365.847229999999</v>
      </c>
      <c r="S5379">
        <v>72754.087360000005</v>
      </c>
      <c r="T5379">
        <v>17754.36464</v>
      </c>
      <c r="U5379">
        <v>13382.5065</v>
      </c>
      <c r="W5379" s="83">
        <f>Bühler!N5411</f>
        <v>45516.041666653626</v>
      </c>
      <c r="X5379" s="83">
        <v>43325.041666666664</v>
      </c>
      <c r="Y5379">
        <v>120129.7696</v>
      </c>
      <c r="Z5379">
        <v>11921.41792</v>
      </c>
      <c r="AA5379">
        <v>52493.368569999999</v>
      </c>
      <c r="AB5379">
        <v>27849.759839999999</v>
      </c>
      <c r="AC5379">
        <v>32340.271290000001</v>
      </c>
      <c r="AD5379">
        <v>17063.384819999999</v>
      </c>
      <c r="AE5379">
        <v>37154.456729999998</v>
      </c>
      <c r="AF5379">
        <v>44256.656540000004</v>
      </c>
      <c r="AG5379">
        <v>17954.405879999998</v>
      </c>
      <c r="AH5379">
        <v>213531.67259999999</v>
      </c>
      <c r="AI5379">
        <v>66659.788230000006</v>
      </c>
      <c r="AJ5379">
        <v>16997.841329999999</v>
      </c>
      <c r="AK5379">
        <v>27710.374690000001</v>
      </c>
      <c r="AL5379">
        <v>63083.043420000002</v>
      </c>
      <c r="AM5379">
        <v>14365.847229999999</v>
      </c>
      <c r="AN5379">
        <v>72754.087360000005</v>
      </c>
      <c r="AO5379">
        <v>17754.36464</v>
      </c>
      <c r="AP5379">
        <v>13382.5065</v>
      </c>
    </row>
    <row r="5380" spans="2:42" x14ac:dyDescent="0.3">
      <c r="B5380">
        <v>42.34222776435859</v>
      </c>
      <c r="C5380" s="83">
        <v>43325.083333333336</v>
      </c>
      <c r="D5380">
        <v>120861.3495</v>
      </c>
      <c r="E5380">
        <v>11600.47991</v>
      </c>
      <c r="F5380">
        <v>53691.048759999998</v>
      </c>
      <c r="G5380">
        <v>27483.00532</v>
      </c>
      <c r="H5380">
        <v>32104.338370000001</v>
      </c>
      <c r="I5380">
        <v>15558.63522</v>
      </c>
      <c r="J5380">
        <v>35571.815929999997</v>
      </c>
      <c r="K5380">
        <v>42778.541940000003</v>
      </c>
      <c r="L5380">
        <v>17443.424760000002</v>
      </c>
      <c r="M5380">
        <v>215880.42310000001</v>
      </c>
      <c r="N5380">
        <v>66004.754679999998</v>
      </c>
      <c r="O5380">
        <v>16277.6306</v>
      </c>
      <c r="P5380">
        <v>26444.737079999999</v>
      </c>
      <c r="Q5380">
        <v>66215.047510000004</v>
      </c>
      <c r="R5380">
        <v>14636.814179999999</v>
      </c>
      <c r="S5380">
        <v>71475.510129999995</v>
      </c>
      <c r="T5380">
        <v>17339.753339999999</v>
      </c>
      <c r="U5380">
        <v>13160.26621</v>
      </c>
      <c r="W5380" s="83">
        <f>Bühler!N5412</f>
        <v>45516.08333332029</v>
      </c>
      <c r="X5380" s="83">
        <v>43325.083333333336</v>
      </c>
      <c r="Y5380">
        <v>120861.3495</v>
      </c>
      <c r="Z5380">
        <v>11600.47991</v>
      </c>
      <c r="AA5380">
        <v>53691.048759999998</v>
      </c>
      <c r="AB5380">
        <v>27483.00532</v>
      </c>
      <c r="AC5380">
        <v>32104.338370000001</v>
      </c>
      <c r="AD5380">
        <v>15558.63522</v>
      </c>
      <c r="AE5380">
        <v>35571.815929999997</v>
      </c>
      <c r="AF5380">
        <v>42778.541940000003</v>
      </c>
      <c r="AG5380">
        <v>17443.424760000002</v>
      </c>
      <c r="AH5380">
        <v>215880.42310000001</v>
      </c>
      <c r="AI5380">
        <v>66004.754679999998</v>
      </c>
      <c r="AJ5380">
        <v>16277.6306</v>
      </c>
      <c r="AK5380">
        <v>26444.737079999999</v>
      </c>
      <c r="AL5380">
        <v>66215.047510000004</v>
      </c>
      <c r="AM5380">
        <v>14636.814179999999</v>
      </c>
      <c r="AN5380">
        <v>71475.510129999995</v>
      </c>
      <c r="AO5380">
        <v>17339.753339999999</v>
      </c>
      <c r="AP5380">
        <v>13160.26621</v>
      </c>
    </row>
    <row r="5381" spans="2:42" x14ac:dyDescent="0.3">
      <c r="B5381">
        <v>43.805427656179106</v>
      </c>
      <c r="C5381" s="83">
        <v>43325.125</v>
      </c>
      <c r="D5381">
        <v>121593.5621</v>
      </c>
      <c r="E5381">
        <v>11658.540499999999</v>
      </c>
      <c r="F5381">
        <v>55028.062810000003</v>
      </c>
      <c r="G5381">
        <v>26672.38553</v>
      </c>
      <c r="H5381">
        <v>31920.49496</v>
      </c>
      <c r="I5381">
        <v>15171.98821</v>
      </c>
      <c r="J5381">
        <v>35705.107680000001</v>
      </c>
      <c r="K5381">
        <v>42745.675260000004</v>
      </c>
      <c r="L5381">
        <v>17038.921170000001</v>
      </c>
      <c r="M5381">
        <v>223340.49849999999</v>
      </c>
      <c r="N5381">
        <v>65320.531560000003</v>
      </c>
      <c r="O5381">
        <v>16452.394520000002</v>
      </c>
      <c r="P5381">
        <v>25482.21243</v>
      </c>
      <c r="Q5381">
        <v>70613.614939999999</v>
      </c>
      <c r="R5381">
        <v>14444.428540000001</v>
      </c>
      <c r="S5381">
        <v>70408.443840000007</v>
      </c>
      <c r="T5381">
        <v>17140.337</v>
      </c>
      <c r="U5381">
        <v>12559.15569</v>
      </c>
      <c r="W5381" s="83">
        <f>Bühler!N5413</f>
        <v>45516.124999986954</v>
      </c>
      <c r="X5381" s="83">
        <v>43325.125</v>
      </c>
      <c r="Y5381">
        <v>121593.5621</v>
      </c>
      <c r="Z5381">
        <v>11658.540499999999</v>
      </c>
      <c r="AA5381">
        <v>55028.062810000003</v>
      </c>
      <c r="AB5381">
        <v>26672.38553</v>
      </c>
      <c r="AC5381">
        <v>31920.49496</v>
      </c>
      <c r="AD5381">
        <v>15171.98821</v>
      </c>
      <c r="AE5381">
        <v>35705.107680000001</v>
      </c>
      <c r="AF5381">
        <v>42745.675260000004</v>
      </c>
      <c r="AG5381">
        <v>17038.921170000001</v>
      </c>
      <c r="AH5381">
        <v>223340.49849999999</v>
      </c>
      <c r="AI5381">
        <v>65320.531560000003</v>
      </c>
      <c r="AJ5381">
        <v>16452.394520000002</v>
      </c>
      <c r="AK5381">
        <v>25482.21243</v>
      </c>
      <c r="AL5381">
        <v>70613.614939999999</v>
      </c>
      <c r="AM5381">
        <v>14444.428540000001</v>
      </c>
      <c r="AN5381">
        <v>70408.443840000007</v>
      </c>
      <c r="AO5381">
        <v>17140.337</v>
      </c>
      <c r="AP5381">
        <v>12559.15569</v>
      </c>
    </row>
    <row r="5382" spans="2:42" x14ac:dyDescent="0.3">
      <c r="B5382">
        <v>47.171535432310321</v>
      </c>
      <c r="C5382" s="83">
        <v>43325.166666666664</v>
      </c>
      <c r="D5382">
        <v>125293.3466</v>
      </c>
      <c r="E5382">
        <v>12418.797979999999</v>
      </c>
      <c r="F5382">
        <v>60040.700790000003</v>
      </c>
      <c r="G5382">
        <v>26100.577099999999</v>
      </c>
      <c r="H5382">
        <v>32283.084180000002</v>
      </c>
      <c r="I5382">
        <v>16438.31724</v>
      </c>
      <c r="J5382">
        <v>37658.824269999997</v>
      </c>
      <c r="K5382">
        <v>41954.457040000001</v>
      </c>
      <c r="L5382">
        <v>16817.472860000002</v>
      </c>
      <c r="M5382">
        <v>240502.48569999999</v>
      </c>
      <c r="N5382">
        <v>65022.12702</v>
      </c>
      <c r="O5382">
        <v>17538.109189999999</v>
      </c>
      <c r="P5382">
        <v>25823.847140000002</v>
      </c>
      <c r="Q5382">
        <v>75659.706760000001</v>
      </c>
      <c r="R5382">
        <v>14663.129709999999</v>
      </c>
      <c r="S5382">
        <v>70972.409090000001</v>
      </c>
      <c r="T5382">
        <v>17040.792580000001</v>
      </c>
      <c r="U5382">
        <v>12448.932140000001</v>
      </c>
      <c r="W5382" s="83">
        <f>Bühler!N5414</f>
        <v>45516.166666653618</v>
      </c>
      <c r="X5382" s="83">
        <v>43325.166666666664</v>
      </c>
      <c r="Y5382">
        <v>125293.3466</v>
      </c>
      <c r="Z5382">
        <v>12418.797979999999</v>
      </c>
      <c r="AA5382">
        <v>60040.700790000003</v>
      </c>
      <c r="AB5382">
        <v>26100.577099999999</v>
      </c>
      <c r="AC5382">
        <v>32283.084180000002</v>
      </c>
      <c r="AD5382">
        <v>16438.31724</v>
      </c>
      <c r="AE5382">
        <v>37658.824269999997</v>
      </c>
      <c r="AF5382">
        <v>41954.457040000001</v>
      </c>
      <c r="AG5382">
        <v>16817.472860000002</v>
      </c>
      <c r="AH5382">
        <v>240502.48569999999</v>
      </c>
      <c r="AI5382">
        <v>65022.12702</v>
      </c>
      <c r="AJ5382">
        <v>17538.109189999999</v>
      </c>
      <c r="AK5382">
        <v>25823.847140000002</v>
      </c>
      <c r="AL5382">
        <v>75659.706760000001</v>
      </c>
      <c r="AM5382">
        <v>14663.129709999999</v>
      </c>
      <c r="AN5382">
        <v>70972.409090000001</v>
      </c>
      <c r="AO5382">
        <v>17040.792580000001</v>
      </c>
      <c r="AP5382">
        <v>12448.932140000001</v>
      </c>
    </row>
    <row r="5383" spans="2:42" x14ac:dyDescent="0.3">
      <c r="B5383">
        <v>52.389516588933141</v>
      </c>
      <c r="C5383" s="83">
        <v>43325.208333333336</v>
      </c>
      <c r="D5383">
        <v>136639.82750000001</v>
      </c>
      <c r="E5383">
        <v>13916.93744</v>
      </c>
      <c r="F5383">
        <v>68992.011230000004</v>
      </c>
      <c r="G5383">
        <v>26444.88164</v>
      </c>
      <c r="H5383">
        <v>33943.480470000002</v>
      </c>
      <c r="I5383">
        <v>21648.574710000001</v>
      </c>
      <c r="J5383">
        <v>41231.075729999997</v>
      </c>
      <c r="K5383">
        <v>43127.862119999998</v>
      </c>
      <c r="L5383">
        <v>17605.67916</v>
      </c>
      <c r="M5383">
        <v>267106.18699999998</v>
      </c>
      <c r="N5383">
        <v>68326.635009999998</v>
      </c>
      <c r="O5383">
        <v>17809.051159999999</v>
      </c>
      <c r="P5383">
        <v>27111.693729999999</v>
      </c>
      <c r="Q5383">
        <v>80965.251099999994</v>
      </c>
      <c r="R5383">
        <v>16422.539199999999</v>
      </c>
      <c r="S5383">
        <v>73333.825450000004</v>
      </c>
      <c r="T5383">
        <v>17774.38465</v>
      </c>
      <c r="U5383">
        <v>14256.69362</v>
      </c>
      <c r="W5383" s="83">
        <f>Bühler!N5415</f>
        <v>45516.208333320283</v>
      </c>
      <c r="X5383" s="83">
        <v>43325.208333333336</v>
      </c>
      <c r="Y5383">
        <v>136639.82750000001</v>
      </c>
      <c r="Z5383">
        <v>13916.93744</v>
      </c>
      <c r="AA5383">
        <v>68992.011230000004</v>
      </c>
      <c r="AB5383">
        <v>26444.88164</v>
      </c>
      <c r="AC5383">
        <v>33943.480470000002</v>
      </c>
      <c r="AD5383">
        <v>21648.574710000001</v>
      </c>
      <c r="AE5383">
        <v>41231.075729999997</v>
      </c>
      <c r="AF5383">
        <v>43127.862119999998</v>
      </c>
      <c r="AG5383">
        <v>17605.67916</v>
      </c>
      <c r="AH5383">
        <v>267106.18699999998</v>
      </c>
      <c r="AI5383">
        <v>68326.635009999998</v>
      </c>
      <c r="AJ5383">
        <v>17809.051159999999</v>
      </c>
      <c r="AK5383">
        <v>27111.693729999999</v>
      </c>
      <c r="AL5383">
        <v>80965.251099999994</v>
      </c>
      <c r="AM5383">
        <v>16422.539199999999</v>
      </c>
      <c r="AN5383">
        <v>73333.825450000004</v>
      </c>
      <c r="AO5383">
        <v>17774.38465</v>
      </c>
      <c r="AP5383">
        <v>14256.69362</v>
      </c>
    </row>
    <row r="5384" spans="2:42" x14ac:dyDescent="0.3">
      <c r="B5384">
        <v>57.502946756248953</v>
      </c>
      <c r="C5384" s="83">
        <v>43325.25</v>
      </c>
      <c r="D5384">
        <v>148969.57740000001</v>
      </c>
      <c r="E5384">
        <v>17065.33742</v>
      </c>
      <c r="F5384">
        <v>79265.624909999999</v>
      </c>
      <c r="G5384">
        <v>27716.950219999999</v>
      </c>
      <c r="H5384">
        <v>35654.654119999999</v>
      </c>
      <c r="I5384">
        <v>26261.691360000001</v>
      </c>
      <c r="J5384">
        <v>45007.513529999997</v>
      </c>
      <c r="K5384">
        <v>44568.024570000001</v>
      </c>
      <c r="L5384">
        <v>18759.970430000001</v>
      </c>
      <c r="M5384">
        <v>293176.83860000002</v>
      </c>
      <c r="N5384">
        <v>70128.381500000003</v>
      </c>
      <c r="O5384">
        <v>19215.823820000001</v>
      </c>
      <c r="P5384">
        <v>27099.86479</v>
      </c>
      <c r="Q5384">
        <v>83383.124880000003</v>
      </c>
      <c r="R5384">
        <v>16698.01082</v>
      </c>
      <c r="S5384">
        <v>81014.639790000001</v>
      </c>
      <c r="T5384">
        <v>19326.102640000001</v>
      </c>
      <c r="U5384">
        <v>16427.07346</v>
      </c>
      <c r="W5384" s="83">
        <f>Bühler!N5416</f>
        <v>45516.249999986947</v>
      </c>
      <c r="X5384" s="83">
        <v>43325.25</v>
      </c>
      <c r="Y5384">
        <v>148969.57740000001</v>
      </c>
      <c r="Z5384">
        <v>17065.33742</v>
      </c>
      <c r="AA5384">
        <v>79265.624909999999</v>
      </c>
      <c r="AB5384">
        <v>27716.950219999999</v>
      </c>
      <c r="AC5384">
        <v>35654.654119999999</v>
      </c>
      <c r="AD5384">
        <v>26261.691360000001</v>
      </c>
      <c r="AE5384">
        <v>45007.513529999997</v>
      </c>
      <c r="AF5384">
        <v>44568.024570000001</v>
      </c>
      <c r="AG5384">
        <v>18759.970430000001</v>
      </c>
      <c r="AH5384">
        <v>293176.83860000002</v>
      </c>
      <c r="AI5384">
        <v>70128.381500000003</v>
      </c>
      <c r="AJ5384">
        <v>19215.823820000001</v>
      </c>
      <c r="AK5384">
        <v>27099.86479</v>
      </c>
      <c r="AL5384">
        <v>83383.124880000003</v>
      </c>
      <c r="AM5384">
        <v>16698.01082</v>
      </c>
      <c r="AN5384">
        <v>81014.639790000001</v>
      </c>
      <c r="AO5384">
        <v>19326.102640000001</v>
      </c>
      <c r="AP5384">
        <v>16427.07346</v>
      </c>
    </row>
    <row r="5385" spans="2:42" x14ac:dyDescent="0.3">
      <c r="B5385">
        <v>60.572269185863675</v>
      </c>
      <c r="C5385" s="83">
        <v>43325.291666666664</v>
      </c>
      <c r="D5385">
        <v>157570.05410000001</v>
      </c>
      <c r="E5385">
        <v>20319.88956</v>
      </c>
      <c r="F5385">
        <v>82384.32346</v>
      </c>
      <c r="G5385">
        <v>29569.343560000001</v>
      </c>
      <c r="H5385">
        <v>38433.744879999998</v>
      </c>
      <c r="I5385">
        <v>30085.934010000001</v>
      </c>
      <c r="J5385">
        <v>45059.067389999997</v>
      </c>
      <c r="K5385">
        <v>47559.603649999997</v>
      </c>
      <c r="L5385">
        <v>20862.57677</v>
      </c>
      <c r="M5385">
        <v>308825.67570000002</v>
      </c>
      <c r="N5385">
        <v>72421.630810000002</v>
      </c>
      <c r="O5385">
        <v>20836.30589</v>
      </c>
      <c r="P5385">
        <v>29944.597519999999</v>
      </c>
      <c r="Q5385">
        <v>85249.913870000004</v>
      </c>
      <c r="R5385">
        <v>17304.73648</v>
      </c>
      <c r="S5385">
        <v>93614.605060000002</v>
      </c>
      <c r="T5385">
        <v>21966.44829</v>
      </c>
      <c r="U5385">
        <v>18790.774890000001</v>
      </c>
      <c r="W5385" s="83">
        <f>Bühler!N5417</f>
        <v>45516.291666653611</v>
      </c>
      <c r="X5385" s="83">
        <v>43325.291666666664</v>
      </c>
      <c r="Y5385">
        <v>157570.05410000001</v>
      </c>
      <c r="Z5385">
        <v>20319.88956</v>
      </c>
      <c r="AA5385">
        <v>82384.32346</v>
      </c>
      <c r="AB5385">
        <v>29569.343560000001</v>
      </c>
      <c r="AC5385">
        <v>38433.744879999998</v>
      </c>
      <c r="AD5385">
        <v>30085.934010000001</v>
      </c>
      <c r="AE5385">
        <v>45059.067389999997</v>
      </c>
      <c r="AF5385">
        <v>47559.603649999997</v>
      </c>
      <c r="AG5385">
        <v>20862.57677</v>
      </c>
      <c r="AH5385">
        <v>308825.67570000002</v>
      </c>
      <c r="AI5385">
        <v>72421.630810000002</v>
      </c>
      <c r="AJ5385">
        <v>20836.30589</v>
      </c>
      <c r="AK5385">
        <v>29944.597519999999</v>
      </c>
      <c r="AL5385">
        <v>85249.913870000004</v>
      </c>
      <c r="AM5385">
        <v>17304.73648</v>
      </c>
      <c r="AN5385">
        <v>93614.605060000002</v>
      </c>
      <c r="AO5385">
        <v>21966.44829</v>
      </c>
      <c r="AP5385">
        <v>18790.774890000001</v>
      </c>
    </row>
    <row r="5386" spans="2:42" x14ac:dyDescent="0.3">
      <c r="B5386">
        <v>63.062135951391987</v>
      </c>
      <c r="C5386" s="83">
        <v>43325.333333333336</v>
      </c>
      <c r="D5386">
        <v>167277.55679999999</v>
      </c>
      <c r="E5386">
        <v>25213.243289999999</v>
      </c>
      <c r="F5386">
        <v>89102.064150000006</v>
      </c>
      <c r="G5386">
        <v>32698.962729999999</v>
      </c>
      <c r="H5386">
        <v>41858.85138</v>
      </c>
      <c r="I5386">
        <v>32630.941879999998</v>
      </c>
      <c r="J5386">
        <v>48693.155610000002</v>
      </c>
      <c r="K5386">
        <v>53597.329830000002</v>
      </c>
      <c r="L5386">
        <v>23638.235000000001</v>
      </c>
      <c r="M5386">
        <v>321520.1776</v>
      </c>
      <c r="N5386">
        <v>79821.225409999999</v>
      </c>
      <c r="O5386">
        <v>22448.52808</v>
      </c>
      <c r="P5386">
        <v>33807.156790000001</v>
      </c>
      <c r="Q5386">
        <v>87898.589099999997</v>
      </c>
      <c r="R5386">
        <v>20553.55702</v>
      </c>
      <c r="S5386">
        <v>104026.2055</v>
      </c>
      <c r="T5386">
        <v>23999.866770000001</v>
      </c>
      <c r="U5386">
        <v>21451.32502</v>
      </c>
      <c r="W5386" s="83">
        <f>Bühler!N5418</f>
        <v>45516.333333320275</v>
      </c>
      <c r="X5386" s="83">
        <v>43325.333333333336</v>
      </c>
      <c r="Y5386">
        <v>167277.55679999999</v>
      </c>
      <c r="Z5386">
        <v>25213.243289999999</v>
      </c>
      <c r="AA5386">
        <v>89102.064150000006</v>
      </c>
      <c r="AB5386">
        <v>32698.962729999999</v>
      </c>
      <c r="AC5386">
        <v>41858.85138</v>
      </c>
      <c r="AD5386">
        <v>32630.941879999998</v>
      </c>
      <c r="AE5386">
        <v>48693.155610000002</v>
      </c>
      <c r="AF5386">
        <v>53597.329830000002</v>
      </c>
      <c r="AG5386">
        <v>23638.235000000001</v>
      </c>
      <c r="AH5386">
        <v>321520.1776</v>
      </c>
      <c r="AI5386">
        <v>79821.225409999999</v>
      </c>
      <c r="AJ5386">
        <v>22448.52808</v>
      </c>
      <c r="AK5386">
        <v>33807.156790000001</v>
      </c>
      <c r="AL5386">
        <v>87898.589099999997</v>
      </c>
      <c r="AM5386">
        <v>20553.55702</v>
      </c>
      <c r="AN5386">
        <v>104026.2055</v>
      </c>
      <c r="AO5386">
        <v>23999.866770000001</v>
      </c>
      <c r="AP5386">
        <v>21451.32502</v>
      </c>
    </row>
    <row r="5387" spans="2:42" x14ac:dyDescent="0.3">
      <c r="B5387">
        <v>64.28607956138481</v>
      </c>
      <c r="C5387" s="83">
        <v>43325.375</v>
      </c>
      <c r="D5387">
        <v>172069.17920000001</v>
      </c>
      <c r="E5387">
        <v>29827.12069</v>
      </c>
      <c r="F5387">
        <v>95909.542260000002</v>
      </c>
      <c r="G5387">
        <v>34507.310619999997</v>
      </c>
      <c r="H5387">
        <v>44338.510439999998</v>
      </c>
      <c r="I5387">
        <v>32726.719580000001</v>
      </c>
      <c r="J5387">
        <v>51864.405839999999</v>
      </c>
      <c r="K5387">
        <v>55783.21991</v>
      </c>
      <c r="L5387">
        <v>27365.419450000001</v>
      </c>
      <c r="M5387">
        <v>327760.4129</v>
      </c>
      <c r="N5387">
        <v>87137.046050000004</v>
      </c>
      <c r="O5387">
        <v>23791.512729999999</v>
      </c>
      <c r="P5387">
        <v>37530.71314</v>
      </c>
      <c r="Q5387">
        <v>90729.828909999997</v>
      </c>
      <c r="R5387">
        <v>21644.261849999999</v>
      </c>
      <c r="S5387">
        <v>110647.2138</v>
      </c>
      <c r="T5387">
        <v>25978.094829999998</v>
      </c>
      <c r="U5387">
        <v>21705.612440000001</v>
      </c>
      <c r="W5387" s="83">
        <f>Bühler!N5419</f>
        <v>45516.37499998694</v>
      </c>
      <c r="X5387" s="83">
        <v>43325.375</v>
      </c>
      <c r="Y5387">
        <v>172069.17920000001</v>
      </c>
      <c r="Z5387">
        <v>29827.12069</v>
      </c>
      <c r="AA5387">
        <v>95909.542260000002</v>
      </c>
      <c r="AB5387">
        <v>34507.310619999997</v>
      </c>
      <c r="AC5387">
        <v>44338.510439999998</v>
      </c>
      <c r="AD5387">
        <v>32726.719580000001</v>
      </c>
      <c r="AE5387">
        <v>51864.405839999999</v>
      </c>
      <c r="AF5387">
        <v>55783.21991</v>
      </c>
      <c r="AG5387">
        <v>27365.419450000001</v>
      </c>
      <c r="AH5387">
        <v>327760.4129</v>
      </c>
      <c r="AI5387">
        <v>87137.046050000004</v>
      </c>
      <c r="AJ5387">
        <v>23791.512729999999</v>
      </c>
      <c r="AK5387">
        <v>37530.71314</v>
      </c>
      <c r="AL5387">
        <v>90729.828909999997</v>
      </c>
      <c r="AM5387">
        <v>21644.261849999999</v>
      </c>
      <c r="AN5387">
        <v>110647.2138</v>
      </c>
      <c r="AO5387">
        <v>25978.094829999998</v>
      </c>
      <c r="AP5387">
        <v>21705.612440000001</v>
      </c>
    </row>
    <row r="5388" spans="2:42" x14ac:dyDescent="0.3">
      <c r="B5388">
        <v>65.510035135759836</v>
      </c>
      <c r="C5388" s="83">
        <v>43325.416666666664</v>
      </c>
      <c r="D5388">
        <v>174106.7035</v>
      </c>
      <c r="E5388">
        <v>31838.947800000002</v>
      </c>
      <c r="F5388">
        <v>98075.414439999993</v>
      </c>
      <c r="G5388">
        <v>35624.251830000001</v>
      </c>
      <c r="H5388">
        <v>45420.039729999997</v>
      </c>
      <c r="I5388">
        <v>32274.149590000001</v>
      </c>
      <c r="J5388">
        <v>52169.762750000002</v>
      </c>
      <c r="K5388">
        <v>58307.126859999997</v>
      </c>
      <c r="L5388">
        <v>30739.019899999999</v>
      </c>
      <c r="M5388">
        <v>334000.70919999998</v>
      </c>
      <c r="N5388">
        <v>90701.418470000004</v>
      </c>
      <c r="O5388">
        <v>24833.760320000001</v>
      </c>
      <c r="P5388">
        <v>38183.890010000003</v>
      </c>
      <c r="Q5388">
        <v>94169.142489999998</v>
      </c>
      <c r="R5388">
        <v>23525.981370000001</v>
      </c>
      <c r="S5388">
        <v>112573.6125</v>
      </c>
      <c r="T5388">
        <v>28366.921129999999</v>
      </c>
      <c r="U5388">
        <v>21952.624980000001</v>
      </c>
      <c r="W5388" s="83">
        <f>Bühler!N5420</f>
        <v>45516.416666653604</v>
      </c>
      <c r="X5388" s="83">
        <v>43325.416666666664</v>
      </c>
      <c r="Y5388">
        <v>174106.7035</v>
      </c>
      <c r="Z5388">
        <v>31838.947800000002</v>
      </c>
      <c r="AA5388">
        <v>98075.414439999993</v>
      </c>
      <c r="AB5388">
        <v>35624.251830000001</v>
      </c>
      <c r="AC5388">
        <v>45420.039729999997</v>
      </c>
      <c r="AD5388">
        <v>32274.149590000001</v>
      </c>
      <c r="AE5388">
        <v>52169.762750000002</v>
      </c>
      <c r="AF5388">
        <v>58307.126859999997</v>
      </c>
      <c r="AG5388">
        <v>30739.019899999999</v>
      </c>
      <c r="AH5388">
        <v>334000.70919999998</v>
      </c>
      <c r="AI5388">
        <v>90701.418470000004</v>
      </c>
      <c r="AJ5388">
        <v>24833.760320000001</v>
      </c>
      <c r="AK5388">
        <v>38183.890010000003</v>
      </c>
      <c r="AL5388">
        <v>94169.142489999998</v>
      </c>
      <c r="AM5388">
        <v>23525.981370000001</v>
      </c>
      <c r="AN5388">
        <v>112573.6125</v>
      </c>
      <c r="AO5388">
        <v>28366.921129999999</v>
      </c>
      <c r="AP5388">
        <v>21952.624980000001</v>
      </c>
    </row>
    <row r="5389" spans="2:42" x14ac:dyDescent="0.3">
      <c r="B5389">
        <v>66.838010794691613</v>
      </c>
      <c r="C5389" s="83">
        <v>43325.458333333336</v>
      </c>
      <c r="D5389">
        <v>175465.76869999999</v>
      </c>
      <c r="E5389">
        <v>32509.483779999999</v>
      </c>
      <c r="F5389">
        <v>100029.6991</v>
      </c>
      <c r="G5389">
        <v>36363.174550000003</v>
      </c>
      <c r="H5389">
        <v>46049.745929999997</v>
      </c>
      <c r="I5389">
        <v>32514.247579999999</v>
      </c>
      <c r="J5389">
        <v>53458.57099</v>
      </c>
      <c r="K5389">
        <v>58749.983950000002</v>
      </c>
      <c r="L5389">
        <v>32990.793440000001</v>
      </c>
      <c r="M5389">
        <v>340771.34840000002</v>
      </c>
      <c r="N5389">
        <v>93491.687229999996</v>
      </c>
      <c r="O5389">
        <v>25470.997510000001</v>
      </c>
      <c r="P5389">
        <v>37553.317029999998</v>
      </c>
      <c r="Q5389">
        <v>94134.330019999994</v>
      </c>
      <c r="R5389">
        <v>25067.408029999999</v>
      </c>
      <c r="S5389">
        <v>116584.0379</v>
      </c>
      <c r="T5389">
        <v>28731.590250000001</v>
      </c>
      <c r="U5389">
        <v>21593.444739999999</v>
      </c>
      <c r="W5389" s="83">
        <f>Bühler!N5421</f>
        <v>45516.458333320268</v>
      </c>
      <c r="X5389" s="83">
        <v>43325.458333333336</v>
      </c>
      <c r="Y5389">
        <v>175465.76869999999</v>
      </c>
      <c r="Z5389">
        <v>32509.483779999999</v>
      </c>
      <c r="AA5389">
        <v>100029.6991</v>
      </c>
      <c r="AB5389">
        <v>36363.174550000003</v>
      </c>
      <c r="AC5389">
        <v>46049.745929999997</v>
      </c>
      <c r="AD5389">
        <v>32514.247579999999</v>
      </c>
      <c r="AE5389">
        <v>53458.57099</v>
      </c>
      <c r="AF5389">
        <v>58749.983950000002</v>
      </c>
      <c r="AG5389">
        <v>32990.793440000001</v>
      </c>
      <c r="AH5389">
        <v>340771.34840000002</v>
      </c>
      <c r="AI5389">
        <v>93491.687229999996</v>
      </c>
      <c r="AJ5389">
        <v>25470.997510000001</v>
      </c>
      <c r="AK5389">
        <v>37553.317029999998</v>
      </c>
      <c r="AL5389">
        <v>94134.330019999994</v>
      </c>
      <c r="AM5389">
        <v>25067.408029999999</v>
      </c>
      <c r="AN5389">
        <v>116584.0379</v>
      </c>
      <c r="AO5389">
        <v>28731.590250000001</v>
      </c>
      <c r="AP5389">
        <v>21593.444739999999</v>
      </c>
    </row>
    <row r="5390" spans="2:42" x14ac:dyDescent="0.3">
      <c r="B5390">
        <v>66.600815858236246</v>
      </c>
      <c r="C5390" s="83">
        <v>43325.5</v>
      </c>
      <c r="D5390">
        <v>171183.679</v>
      </c>
      <c r="E5390">
        <v>30275.613809999999</v>
      </c>
      <c r="F5390">
        <v>94414.597859999994</v>
      </c>
      <c r="G5390">
        <v>36490.566440000002</v>
      </c>
      <c r="H5390">
        <v>45647.097379999999</v>
      </c>
      <c r="I5390">
        <v>32380.852019999998</v>
      </c>
      <c r="J5390">
        <v>54921.309079999999</v>
      </c>
      <c r="K5390">
        <v>57276.193039999998</v>
      </c>
      <c r="L5390">
        <v>35541.173799999997</v>
      </c>
      <c r="M5390">
        <v>339562.01799999998</v>
      </c>
      <c r="N5390">
        <v>92919.980989999996</v>
      </c>
      <c r="O5390">
        <v>25110.825840000001</v>
      </c>
      <c r="P5390">
        <v>38648.523509999999</v>
      </c>
      <c r="Q5390">
        <v>94941.120890000006</v>
      </c>
      <c r="R5390">
        <v>25139.92268</v>
      </c>
      <c r="S5390">
        <v>111984.26639999999</v>
      </c>
      <c r="T5390">
        <v>28098.079160000001</v>
      </c>
      <c r="U5390">
        <v>18697.30616</v>
      </c>
      <c r="W5390" s="83">
        <f>Bühler!N5422</f>
        <v>45516.499999986932</v>
      </c>
      <c r="X5390" s="83">
        <v>43325.5</v>
      </c>
      <c r="Y5390">
        <v>171183.679</v>
      </c>
      <c r="Z5390">
        <v>30275.613809999999</v>
      </c>
      <c r="AA5390">
        <v>94414.597859999994</v>
      </c>
      <c r="AB5390">
        <v>36490.566440000002</v>
      </c>
      <c r="AC5390">
        <v>45647.097379999999</v>
      </c>
      <c r="AD5390">
        <v>32380.852019999998</v>
      </c>
      <c r="AE5390">
        <v>54921.309079999999</v>
      </c>
      <c r="AF5390">
        <v>57276.193039999998</v>
      </c>
      <c r="AG5390">
        <v>35541.173799999997</v>
      </c>
      <c r="AH5390">
        <v>339562.01799999998</v>
      </c>
      <c r="AI5390">
        <v>92919.980989999996</v>
      </c>
      <c r="AJ5390">
        <v>25110.825840000001</v>
      </c>
      <c r="AK5390">
        <v>38648.523509999999</v>
      </c>
      <c r="AL5390">
        <v>94941.120890000006</v>
      </c>
      <c r="AM5390">
        <v>25139.92268</v>
      </c>
      <c r="AN5390">
        <v>111984.26639999999</v>
      </c>
      <c r="AO5390">
        <v>28098.079160000001</v>
      </c>
      <c r="AP5390">
        <v>18697.30616</v>
      </c>
    </row>
    <row r="5391" spans="2:42" x14ac:dyDescent="0.3">
      <c r="B5391">
        <v>66.927431351663486</v>
      </c>
      <c r="C5391" s="83">
        <v>43325.541666666664</v>
      </c>
      <c r="D5391">
        <v>171352.5024</v>
      </c>
      <c r="E5391">
        <v>30798.089250000001</v>
      </c>
      <c r="F5391">
        <v>90920.595199999996</v>
      </c>
      <c r="G5391">
        <v>36563.041069999999</v>
      </c>
      <c r="H5391">
        <v>45587.62328</v>
      </c>
      <c r="I5391">
        <v>32260.41574</v>
      </c>
      <c r="J5391">
        <v>53957.161070000002</v>
      </c>
      <c r="K5391">
        <v>58142.999620000002</v>
      </c>
      <c r="L5391">
        <v>35059.506350000003</v>
      </c>
      <c r="M5391">
        <v>341227.2561</v>
      </c>
      <c r="N5391">
        <v>93564.559479999996</v>
      </c>
      <c r="O5391">
        <v>25618.40366</v>
      </c>
      <c r="P5391">
        <v>37932.660660000001</v>
      </c>
      <c r="Q5391">
        <v>95038.936629999997</v>
      </c>
      <c r="R5391">
        <v>25252.83815</v>
      </c>
      <c r="S5391">
        <v>112004.50930000001</v>
      </c>
      <c r="T5391">
        <v>28559.20938</v>
      </c>
      <c r="U5391">
        <v>21069.718649999999</v>
      </c>
      <c r="W5391" s="83">
        <f>Bühler!N5423</f>
        <v>45516.541666653597</v>
      </c>
      <c r="X5391" s="83">
        <v>43325.541666666664</v>
      </c>
      <c r="Y5391">
        <v>171352.5024</v>
      </c>
      <c r="Z5391">
        <v>30798.089250000001</v>
      </c>
      <c r="AA5391">
        <v>90920.595199999996</v>
      </c>
      <c r="AB5391">
        <v>36563.041069999999</v>
      </c>
      <c r="AC5391">
        <v>45587.62328</v>
      </c>
      <c r="AD5391">
        <v>32260.41574</v>
      </c>
      <c r="AE5391">
        <v>53957.161070000002</v>
      </c>
      <c r="AF5391">
        <v>58142.999620000002</v>
      </c>
      <c r="AG5391">
        <v>35059.506350000003</v>
      </c>
      <c r="AH5391">
        <v>341227.2561</v>
      </c>
      <c r="AI5391">
        <v>93564.559479999996</v>
      </c>
      <c r="AJ5391">
        <v>25618.40366</v>
      </c>
      <c r="AK5391">
        <v>37932.660660000001</v>
      </c>
      <c r="AL5391">
        <v>95038.936629999997</v>
      </c>
      <c r="AM5391">
        <v>25252.83815</v>
      </c>
      <c r="AN5391">
        <v>112004.50930000001</v>
      </c>
      <c r="AO5391">
        <v>28559.20938</v>
      </c>
      <c r="AP5391">
        <v>21069.718649999999</v>
      </c>
    </row>
    <row r="5392" spans="2:42" x14ac:dyDescent="0.3">
      <c r="B5392">
        <v>67.250593845929941</v>
      </c>
      <c r="C5392" s="83">
        <v>43325.583333333336</v>
      </c>
      <c r="D5392">
        <v>172504.77540000001</v>
      </c>
      <c r="E5392">
        <v>33420.831319999998</v>
      </c>
      <c r="F5392">
        <v>99464.671470000001</v>
      </c>
      <c r="G5392">
        <v>36715.982190000002</v>
      </c>
      <c r="H5392">
        <v>46002.632850000002</v>
      </c>
      <c r="I5392">
        <v>32214.49078</v>
      </c>
      <c r="J5392">
        <v>53040.474979999999</v>
      </c>
      <c r="K5392">
        <v>59706.109960000002</v>
      </c>
      <c r="L5392">
        <v>32580.84276</v>
      </c>
      <c r="M5392">
        <v>342874.88919999998</v>
      </c>
      <c r="N5392">
        <v>96307.376199999999</v>
      </c>
      <c r="O5392">
        <v>24991.336289999999</v>
      </c>
      <c r="P5392">
        <v>36058.188999999998</v>
      </c>
      <c r="Q5392">
        <v>95441.342550000001</v>
      </c>
      <c r="R5392">
        <v>25271.653620000001</v>
      </c>
      <c r="S5392">
        <v>110297.0485</v>
      </c>
      <c r="T5392">
        <v>28222.448499999999</v>
      </c>
      <c r="U5392">
        <v>21437.405330000001</v>
      </c>
      <c r="W5392" s="83">
        <f>Bühler!N5424</f>
        <v>45516.583333320261</v>
      </c>
      <c r="X5392" s="83">
        <v>43325.583333333336</v>
      </c>
      <c r="Y5392">
        <v>172504.77540000001</v>
      </c>
      <c r="Z5392">
        <v>33420.831319999998</v>
      </c>
      <c r="AA5392">
        <v>99464.671470000001</v>
      </c>
      <c r="AB5392">
        <v>36715.982190000002</v>
      </c>
      <c r="AC5392">
        <v>46002.632850000002</v>
      </c>
      <c r="AD5392">
        <v>32214.49078</v>
      </c>
      <c r="AE5392">
        <v>53040.474979999999</v>
      </c>
      <c r="AF5392">
        <v>59706.109960000002</v>
      </c>
      <c r="AG5392">
        <v>32580.84276</v>
      </c>
      <c r="AH5392">
        <v>342874.88919999998</v>
      </c>
      <c r="AI5392">
        <v>96307.376199999999</v>
      </c>
      <c r="AJ5392">
        <v>24991.336289999999</v>
      </c>
      <c r="AK5392">
        <v>36058.188999999998</v>
      </c>
      <c r="AL5392">
        <v>95441.342550000001</v>
      </c>
      <c r="AM5392">
        <v>25271.653620000001</v>
      </c>
      <c r="AN5392">
        <v>110297.0485</v>
      </c>
      <c r="AO5392">
        <v>28222.448499999999</v>
      </c>
      <c r="AP5392">
        <v>21437.405330000001</v>
      </c>
    </row>
    <row r="5393" spans="2:42" x14ac:dyDescent="0.3">
      <c r="B5393">
        <v>67.397535779004016</v>
      </c>
      <c r="C5393" s="83">
        <v>43325.625</v>
      </c>
      <c r="D5393">
        <v>171892.54440000001</v>
      </c>
      <c r="E5393">
        <v>33627.154979999999</v>
      </c>
      <c r="F5393">
        <v>102400.3685</v>
      </c>
      <c r="G5393">
        <v>36673.069629999998</v>
      </c>
      <c r="H5393">
        <v>45615.901330000001</v>
      </c>
      <c r="I5393">
        <v>33339.431470000003</v>
      </c>
      <c r="J5393">
        <v>52463.128799999999</v>
      </c>
      <c r="K5393">
        <v>58780.161740000003</v>
      </c>
      <c r="L5393">
        <v>30800.693490000001</v>
      </c>
      <c r="M5393">
        <v>343624.06770000001</v>
      </c>
      <c r="N5393">
        <v>93552.387770000001</v>
      </c>
      <c r="O5393">
        <v>24430.642919999998</v>
      </c>
      <c r="P5393">
        <v>33820.66906</v>
      </c>
      <c r="Q5393">
        <v>95062.648360000007</v>
      </c>
      <c r="R5393">
        <v>25732.565620000001</v>
      </c>
      <c r="S5393">
        <v>108581.8269</v>
      </c>
      <c r="T5393">
        <v>28091.90525</v>
      </c>
      <c r="U5393">
        <v>20821.80978</v>
      </c>
      <c r="W5393" s="83">
        <f>Bühler!N5425</f>
        <v>45516.624999986925</v>
      </c>
      <c r="X5393" s="83">
        <v>43325.625</v>
      </c>
      <c r="Y5393">
        <v>171892.54440000001</v>
      </c>
      <c r="Z5393">
        <v>33627.154979999999</v>
      </c>
      <c r="AA5393">
        <v>102400.3685</v>
      </c>
      <c r="AB5393">
        <v>36673.069629999998</v>
      </c>
      <c r="AC5393">
        <v>45615.901330000001</v>
      </c>
      <c r="AD5393">
        <v>33339.431470000003</v>
      </c>
      <c r="AE5393">
        <v>52463.128799999999</v>
      </c>
      <c r="AF5393">
        <v>58780.161740000003</v>
      </c>
      <c r="AG5393">
        <v>30800.693490000001</v>
      </c>
      <c r="AH5393">
        <v>343624.06770000001</v>
      </c>
      <c r="AI5393">
        <v>93552.387770000001</v>
      </c>
      <c r="AJ5393">
        <v>24430.642919999998</v>
      </c>
      <c r="AK5393">
        <v>33820.66906</v>
      </c>
      <c r="AL5393">
        <v>95062.648360000007</v>
      </c>
      <c r="AM5393">
        <v>25732.565620000001</v>
      </c>
      <c r="AN5393">
        <v>108581.8269</v>
      </c>
      <c r="AO5393">
        <v>28091.90525</v>
      </c>
      <c r="AP5393">
        <v>20821.80978</v>
      </c>
    </row>
    <row r="5394" spans="2:42" x14ac:dyDescent="0.3">
      <c r="B5394">
        <v>66.386049999925206</v>
      </c>
      <c r="C5394" s="83">
        <v>43325.666666666664</v>
      </c>
      <c r="D5394">
        <v>168023.31340000001</v>
      </c>
      <c r="E5394">
        <v>33067.891589999999</v>
      </c>
      <c r="F5394">
        <v>101545.5797</v>
      </c>
      <c r="G5394">
        <v>35913.6679</v>
      </c>
      <c r="H5394">
        <v>44700.035089999998</v>
      </c>
      <c r="I5394">
        <v>33767.510280000002</v>
      </c>
      <c r="J5394">
        <v>51748.437089999999</v>
      </c>
      <c r="K5394">
        <v>54806.270879999996</v>
      </c>
      <c r="L5394">
        <v>30485.588220000001</v>
      </c>
      <c r="M5394">
        <v>338467.04149999999</v>
      </c>
      <c r="N5394">
        <v>90685.771959999998</v>
      </c>
      <c r="O5394">
        <v>24581.841359999999</v>
      </c>
      <c r="P5394">
        <v>33237.215100000001</v>
      </c>
      <c r="Q5394">
        <v>94094.210489999998</v>
      </c>
      <c r="R5394">
        <v>24708.401129999998</v>
      </c>
      <c r="S5394">
        <v>106640.5573</v>
      </c>
      <c r="T5394">
        <v>27922.297299999998</v>
      </c>
      <c r="U5394">
        <v>19249.511060000001</v>
      </c>
      <c r="W5394" s="83">
        <f>Bühler!N5426</f>
        <v>45516.666666653589</v>
      </c>
      <c r="X5394" s="83">
        <v>43325.666666666664</v>
      </c>
      <c r="Y5394">
        <v>168023.31340000001</v>
      </c>
      <c r="Z5394">
        <v>33067.891589999999</v>
      </c>
      <c r="AA5394">
        <v>101545.5797</v>
      </c>
      <c r="AB5394">
        <v>35913.6679</v>
      </c>
      <c r="AC5394">
        <v>44700.035089999998</v>
      </c>
      <c r="AD5394">
        <v>33767.510280000002</v>
      </c>
      <c r="AE5394">
        <v>51748.437089999999</v>
      </c>
      <c r="AF5394">
        <v>54806.270879999996</v>
      </c>
      <c r="AG5394">
        <v>30485.588220000001</v>
      </c>
      <c r="AH5394">
        <v>338467.04149999999</v>
      </c>
      <c r="AI5394">
        <v>90685.771959999998</v>
      </c>
      <c r="AJ5394">
        <v>24581.841359999999</v>
      </c>
      <c r="AK5394">
        <v>33237.215100000001</v>
      </c>
      <c r="AL5394">
        <v>94094.210489999998</v>
      </c>
      <c r="AM5394">
        <v>24708.401129999998</v>
      </c>
      <c r="AN5394">
        <v>106640.5573</v>
      </c>
      <c r="AO5394">
        <v>27922.297299999998</v>
      </c>
      <c r="AP5394">
        <v>19249.511060000001</v>
      </c>
    </row>
    <row r="5395" spans="2:42" x14ac:dyDescent="0.3">
      <c r="B5395">
        <v>65.17238997257931</v>
      </c>
      <c r="C5395" s="83">
        <v>43325.708333333336</v>
      </c>
      <c r="D5395">
        <v>161885.66990000001</v>
      </c>
      <c r="E5395">
        <v>31628.1613</v>
      </c>
      <c r="F5395">
        <v>100145.9133</v>
      </c>
      <c r="G5395">
        <v>34336.895080000002</v>
      </c>
      <c r="H5395">
        <v>43529.527159999998</v>
      </c>
      <c r="I5395">
        <v>33088.65724</v>
      </c>
      <c r="J5395">
        <v>52186.65395</v>
      </c>
      <c r="K5395">
        <v>51804.316700000003</v>
      </c>
      <c r="L5395">
        <v>30827.397519999999</v>
      </c>
      <c r="M5395">
        <v>332279.23670000001</v>
      </c>
      <c r="N5395">
        <v>87440.190430000002</v>
      </c>
      <c r="O5395">
        <v>24282.801490000002</v>
      </c>
      <c r="P5395">
        <v>34626.731930000002</v>
      </c>
      <c r="Q5395">
        <v>92997.209239999996</v>
      </c>
      <c r="R5395">
        <v>25785.92683</v>
      </c>
      <c r="S5395">
        <v>103244.9353</v>
      </c>
      <c r="T5395">
        <v>27213.412339999999</v>
      </c>
      <c r="U5395">
        <v>17686.778989999999</v>
      </c>
      <c r="W5395" s="83">
        <f>Bühler!N5427</f>
        <v>45516.708333320254</v>
      </c>
      <c r="X5395" s="83">
        <v>43325.708333333336</v>
      </c>
      <c r="Y5395">
        <v>161885.66990000001</v>
      </c>
      <c r="Z5395">
        <v>31628.1613</v>
      </c>
      <c r="AA5395">
        <v>100145.9133</v>
      </c>
      <c r="AB5395">
        <v>34336.895080000002</v>
      </c>
      <c r="AC5395">
        <v>43529.527159999998</v>
      </c>
      <c r="AD5395">
        <v>33088.65724</v>
      </c>
      <c r="AE5395">
        <v>52186.65395</v>
      </c>
      <c r="AF5395">
        <v>51804.316700000003</v>
      </c>
      <c r="AG5395">
        <v>30827.397519999999</v>
      </c>
      <c r="AH5395">
        <v>332279.23670000001</v>
      </c>
      <c r="AI5395">
        <v>87440.190430000002</v>
      </c>
      <c r="AJ5395">
        <v>24282.801490000002</v>
      </c>
      <c r="AK5395">
        <v>34626.731930000002</v>
      </c>
      <c r="AL5395">
        <v>92997.209239999996</v>
      </c>
      <c r="AM5395">
        <v>25785.92683</v>
      </c>
      <c r="AN5395">
        <v>103244.9353</v>
      </c>
      <c r="AO5395">
        <v>27213.412339999999</v>
      </c>
      <c r="AP5395">
        <v>17686.778989999999</v>
      </c>
    </row>
    <row r="5396" spans="2:42" x14ac:dyDescent="0.3">
      <c r="B5396">
        <v>64.039735834514531</v>
      </c>
      <c r="C5396" s="83">
        <v>43325.75</v>
      </c>
      <c r="D5396">
        <v>157547.2683</v>
      </c>
      <c r="E5396">
        <v>28815.522939999999</v>
      </c>
      <c r="F5396">
        <v>99255.532519999993</v>
      </c>
      <c r="G5396">
        <v>32513.387139999999</v>
      </c>
      <c r="H5396">
        <v>41737.777450000001</v>
      </c>
      <c r="I5396">
        <v>32188.788499999999</v>
      </c>
      <c r="J5396">
        <v>52490.697200000002</v>
      </c>
      <c r="K5396">
        <v>50924.892229999998</v>
      </c>
      <c r="L5396">
        <v>31144.786759999999</v>
      </c>
      <c r="M5396">
        <v>326504.43770000001</v>
      </c>
      <c r="N5396">
        <v>86052.453479999996</v>
      </c>
      <c r="O5396">
        <v>22601.716250000001</v>
      </c>
      <c r="P5396">
        <v>38422.137479999998</v>
      </c>
      <c r="Q5396">
        <v>91318.864530000006</v>
      </c>
      <c r="R5396">
        <v>24188.848979999999</v>
      </c>
      <c r="S5396">
        <v>96987.980670000004</v>
      </c>
      <c r="T5396">
        <v>26369.608100000001</v>
      </c>
      <c r="U5396">
        <v>17012.458770000001</v>
      </c>
      <c r="W5396" s="83">
        <f>Bühler!N5428</f>
        <v>45516.749999986918</v>
      </c>
      <c r="X5396" s="83">
        <v>43325.75</v>
      </c>
      <c r="Y5396">
        <v>157547.2683</v>
      </c>
      <c r="Z5396">
        <v>28815.522939999999</v>
      </c>
      <c r="AA5396">
        <v>99255.532519999993</v>
      </c>
      <c r="AB5396">
        <v>32513.387139999999</v>
      </c>
      <c r="AC5396">
        <v>41737.777450000001</v>
      </c>
      <c r="AD5396">
        <v>32188.788499999999</v>
      </c>
      <c r="AE5396">
        <v>52490.697200000002</v>
      </c>
      <c r="AF5396">
        <v>50924.892229999998</v>
      </c>
      <c r="AG5396">
        <v>31144.786759999999</v>
      </c>
      <c r="AH5396">
        <v>326504.43770000001</v>
      </c>
      <c r="AI5396">
        <v>86052.453479999996</v>
      </c>
      <c r="AJ5396">
        <v>22601.716250000001</v>
      </c>
      <c r="AK5396">
        <v>38422.137479999998</v>
      </c>
      <c r="AL5396">
        <v>91318.864530000006</v>
      </c>
      <c r="AM5396">
        <v>24188.848979999999</v>
      </c>
      <c r="AN5396">
        <v>96987.980670000004</v>
      </c>
      <c r="AO5396">
        <v>26369.608100000001</v>
      </c>
      <c r="AP5396">
        <v>17012.458770000001</v>
      </c>
    </row>
    <row r="5397" spans="2:42" x14ac:dyDescent="0.3">
      <c r="B5397">
        <v>63.491696578668773</v>
      </c>
      <c r="C5397" s="83">
        <v>43325.791666666664</v>
      </c>
      <c r="D5397">
        <v>155454.5716</v>
      </c>
      <c r="E5397">
        <v>23176.234550000001</v>
      </c>
      <c r="F5397">
        <v>88693.790070000003</v>
      </c>
      <c r="G5397">
        <v>31239.105670000001</v>
      </c>
      <c r="H5397">
        <v>39407.236559999998</v>
      </c>
      <c r="I5397">
        <v>30881.792969999999</v>
      </c>
      <c r="J5397">
        <v>52371.824910000003</v>
      </c>
      <c r="K5397">
        <v>50731.493289999999</v>
      </c>
      <c r="L5397">
        <v>31192.16286</v>
      </c>
      <c r="M5397">
        <v>323710.27799999999</v>
      </c>
      <c r="N5397">
        <v>83795.759619999997</v>
      </c>
      <c r="O5397">
        <v>20919.905510000001</v>
      </c>
      <c r="P5397">
        <v>40497.824099999998</v>
      </c>
      <c r="Q5397">
        <v>89677.233189999999</v>
      </c>
      <c r="R5397">
        <v>23030.230090000001</v>
      </c>
      <c r="S5397">
        <v>92104.676860000007</v>
      </c>
      <c r="T5397">
        <v>25740.23013</v>
      </c>
      <c r="U5397">
        <v>16043.83678</v>
      </c>
      <c r="W5397" s="83">
        <f>Bühler!N5429</f>
        <v>45516.791666653582</v>
      </c>
      <c r="X5397" s="83">
        <v>43325.791666666664</v>
      </c>
      <c r="Y5397">
        <v>155454.5716</v>
      </c>
      <c r="Z5397">
        <v>23176.234550000001</v>
      </c>
      <c r="AA5397">
        <v>88693.790070000003</v>
      </c>
      <c r="AB5397">
        <v>31239.105670000001</v>
      </c>
      <c r="AC5397">
        <v>39407.236559999998</v>
      </c>
      <c r="AD5397">
        <v>30881.792969999999</v>
      </c>
      <c r="AE5397">
        <v>52371.824910000003</v>
      </c>
      <c r="AF5397">
        <v>50731.493289999999</v>
      </c>
      <c r="AG5397">
        <v>31192.16286</v>
      </c>
      <c r="AH5397">
        <v>323710.27799999999</v>
      </c>
      <c r="AI5397">
        <v>83795.759619999997</v>
      </c>
      <c r="AJ5397">
        <v>20919.905510000001</v>
      </c>
      <c r="AK5397">
        <v>40497.824099999998</v>
      </c>
      <c r="AL5397">
        <v>89677.233189999999</v>
      </c>
      <c r="AM5397">
        <v>23030.230090000001</v>
      </c>
      <c r="AN5397">
        <v>92104.676860000007</v>
      </c>
      <c r="AO5397">
        <v>25740.23013</v>
      </c>
      <c r="AP5397">
        <v>16043.83678</v>
      </c>
    </row>
    <row r="5398" spans="2:42" x14ac:dyDescent="0.3">
      <c r="B5398">
        <v>61.830916192551285</v>
      </c>
      <c r="C5398" s="83">
        <v>43325.833333333336</v>
      </c>
      <c r="D5398">
        <v>150571.8034</v>
      </c>
      <c r="E5398">
        <v>17503.46488</v>
      </c>
      <c r="F5398">
        <v>72564.970549999998</v>
      </c>
      <c r="G5398">
        <v>29826.751339999999</v>
      </c>
      <c r="H5398">
        <v>37071.998780000002</v>
      </c>
      <c r="I5398">
        <v>28431.090800000002</v>
      </c>
      <c r="J5398">
        <v>51113.925320000002</v>
      </c>
      <c r="K5398">
        <v>49972.229610000002</v>
      </c>
      <c r="L5398">
        <v>30504.783439999999</v>
      </c>
      <c r="M5398">
        <v>315242.84509999998</v>
      </c>
      <c r="N5398">
        <v>80629.885819999996</v>
      </c>
      <c r="O5398">
        <v>20386.978920000001</v>
      </c>
      <c r="P5398">
        <v>41044.18447</v>
      </c>
      <c r="Q5398">
        <v>86615.562489999997</v>
      </c>
      <c r="R5398">
        <v>21473.99467</v>
      </c>
      <c r="S5398">
        <v>84983.829240000006</v>
      </c>
      <c r="T5398">
        <v>23741.758539999999</v>
      </c>
      <c r="U5398">
        <v>15582.063840000001</v>
      </c>
      <c r="W5398" s="83">
        <f>Bühler!N5430</f>
        <v>45516.833333320246</v>
      </c>
      <c r="X5398" s="83">
        <v>43325.833333333336</v>
      </c>
      <c r="Y5398">
        <v>150571.8034</v>
      </c>
      <c r="Z5398">
        <v>17503.46488</v>
      </c>
      <c r="AA5398">
        <v>72564.970549999998</v>
      </c>
      <c r="AB5398">
        <v>29826.751339999999</v>
      </c>
      <c r="AC5398">
        <v>37071.998780000002</v>
      </c>
      <c r="AD5398">
        <v>28431.090800000002</v>
      </c>
      <c r="AE5398">
        <v>51113.925320000002</v>
      </c>
      <c r="AF5398">
        <v>49972.229610000002</v>
      </c>
      <c r="AG5398">
        <v>30504.783439999999</v>
      </c>
      <c r="AH5398">
        <v>315242.84509999998</v>
      </c>
      <c r="AI5398">
        <v>80629.885819999996</v>
      </c>
      <c r="AJ5398">
        <v>20386.978920000001</v>
      </c>
      <c r="AK5398">
        <v>41044.18447</v>
      </c>
      <c r="AL5398">
        <v>86615.562489999997</v>
      </c>
      <c r="AM5398">
        <v>21473.99467</v>
      </c>
      <c r="AN5398">
        <v>84983.829240000006</v>
      </c>
      <c r="AO5398">
        <v>23741.758539999999</v>
      </c>
      <c r="AP5398">
        <v>15582.063840000001</v>
      </c>
    </row>
    <row r="5399" spans="2:42" x14ac:dyDescent="0.3">
      <c r="B5399">
        <v>59.919592502952852</v>
      </c>
      <c r="C5399" s="83">
        <v>43325.875</v>
      </c>
      <c r="D5399">
        <v>146451.82089999999</v>
      </c>
      <c r="E5399">
        <v>15023.46963</v>
      </c>
      <c r="F5399">
        <v>64638.142039999999</v>
      </c>
      <c r="G5399">
        <v>29569.787349999999</v>
      </c>
      <c r="H5399">
        <v>35851.078909999997</v>
      </c>
      <c r="I5399">
        <v>26067.119409999999</v>
      </c>
      <c r="J5399">
        <v>50521.23833</v>
      </c>
      <c r="K5399">
        <v>49875.345939999999</v>
      </c>
      <c r="L5399">
        <v>29615.863499999999</v>
      </c>
      <c r="M5399">
        <v>305498.02559999999</v>
      </c>
      <c r="N5399">
        <v>78756.901190000004</v>
      </c>
      <c r="O5399">
        <v>19319.63996</v>
      </c>
      <c r="P5399">
        <v>38738.173069999997</v>
      </c>
      <c r="Q5399">
        <v>85055.3266</v>
      </c>
      <c r="R5399">
        <v>20503.010289999998</v>
      </c>
      <c r="S5399">
        <v>81278.432669999995</v>
      </c>
      <c r="T5399">
        <v>22900.649710000002</v>
      </c>
      <c r="U5399">
        <v>15280.15235</v>
      </c>
      <c r="W5399" s="83">
        <f>Bühler!N5431</f>
        <v>45516.874999986911</v>
      </c>
      <c r="X5399" s="83">
        <v>43325.875</v>
      </c>
      <c r="Y5399">
        <v>146451.82089999999</v>
      </c>
      <c r="Z5399">
        <v>15023.46963</v>
      </c>
      <c r="AA5399">
        <v>64638.142039999999</v>
      </c>
      <c r="AB5399">
        <v>29569.787349999999</v>
      </c>
      <c r="AC5399">
        <v>35851.078909999997</v>
      </c>
      <c r="AD5399">
        <v>26067.119409999999</v>
      </c>
      <c r="AE5399">
        <v>50521.23833</v>
      </c>
      <c r="AF5399">
        <v>49875.345939999999</v>
      </c>
      <c r="AG5399">
        <v>29615.863499999999</v>
      </c>
      <c r="AH5399">
        <v>305498.02559999999</v>
      </c>
      <c r="AI5399">
        <v>78756.901190000004</v>
      </c>
      <c r="AJ5399">
        <v>19319.63996</v>
      </c>
      <c r="AK5399">
        <v>38738.173069999997</v>
      </c>
      <c r="AL5399">
        <v>85055.3266</v>
      </c>
      <c r="AM5399">
        <v>20503.010289999998</v>
      </c>
      <c r="AN5399">
        <v>81278.432669999995</v>
      </c>
      <c r="AO5399">
        <v>22900.649710000002</v>
      </c>
      <c r="AP5399">
        <v>15280.15235</v>
      </c>
    </row>
    <row r="5400" spans="2:42" x14ac:dyDescent="0.3">
      <c r="B5400">
        <v>59.386333123043492</v>
      </c>
      <c r="C5400" s="83">
        <v>43325.916666666664</v>
      </c>
      <c r="D5400">
        <v>144903.7683</v>
      </c>
      <c r="E5400">
        <v>14063.14104</v>
      </c>
      <c r="F5400">
        <v>61707.397669999998</v>
      </c>
      <c r="G5400">
        <v>29328.902399999999</v>
      </c>
      <c r="H5400">
        <v>36521.293239999999</v>
      </c>
      <c r="I5400">
        <v>25275.895949999998</v>
      </c>
      <c r="J5400">
        <v>48580.139490000001</v>
      </c>
      <c r="K5400">
        <v>52840.825900000003</v>
      </c>
      <c r="L5400">
        <v>26962.817190000002</v>
      </c>
      <c r="M5400">
        <v>302779.2206</v>
      </c>
      <c r="N5400">
        <v>77421.154630000005</v>
      </c>
      <c r="O5400">
        <v>18831.188190000001</v>
      </c>
      <c r="P5400">
        <v>40121.145839999997</v>
      </c>
      <c r="Q5400">
        <v>84296.677890000006</v>
      </c>
      <c r="R5400">
        <v>22034.984420000001</v>
      </c>
      <c r="S5400">
        <v>80517.007729999998</v>
      </c>
      <c r="T5400">
        <v>20364.53109</v>
      </c>
      <c r="U5400">
        <v>15429.829589999999</v>
      </c>
      <c r="W5400" s="83">
        <f>Bühler!N5432</f>
        <v>45516.916666653575</v>
      </c>
      <c r="X5400" s="83">
        <v>43325.916666666664</v>
      </c>
      <c r="Y5400">
        <v>144903.7683</v>
      </c>
      <c r="Z5400">
        <v>14063.14104</v>
      </c>
      <c r="AA5400">
        <v>61707.397669999998</v>
      </c>
      <c r="AB5400">
        <v>29328.902399999999</v>
      </c>
      <c r="AC5400">
        <v>36521.293239999999</v>
      </c>
      <c r="AD5400">
        <v>25275.895949999998</v>
      </c>
      <c r="AE5400">
        <v>48580.139490000001</v>
      </c>
      <c r="AF5400">
        <v>52840.825900000003</v>
      </c>
      <c r="AG5400">
        <v>26962.817190000002</v>
      </c>
      <c r="AH5400">
        <v>302779.2206</v>
      </c>
      <c r="AI5400">
        <v>77421.154630000005</v>
      </c>
      <c r="AJ5400">
        <v>18831.188190000001</v>
      </c>
      <c r="AK5400">
        <v>40121.145839999997</v>
      </c>
      <c r="AL5400">
        <v>84296.677890000006</v>
      </c>
      <c r="AM5400">
        <v>22034.984420000001</v>
      </c>
      <c r="AN5400">
        <v>80517.007729999998</v>
      </c>
      <c r="AO5400">
        <v>20364.53109</v>
      </c>
      <c r="AP5400">
        <v>15429.829589999999</v>
      </c>
    </row>
    <row r="5401" spans="2:42" x14ac:dyDescent="0.3">
      <c r="B5401">
        <v>59.03981866526199</v>
      </c>
      <c r="C5401" s="83">
        <v>43325.958333333336</v>
      </c>
      <c r="D5401">
        <v>144300.95189999999</v>
      </c>
      <c r="E5401">
        <v>13478.79831</v>
      </c>
      <c r="F5401">
        <v>59871.36537</v>
      </c>
      <c r="G5401">
        <v>29386.268349999998</v>
      </c>
      <c r="H5401">
        <v>35662.728089999997</v>
      </c>
      <c r="I5401">
        <v>24350.501209999999</v>
      </c>
      <c r="J5401">
        <v>44425.769990000001</v>
      </c>
      <c r="K5401">
        <v>51887.834309999998</v>
      </c>
      <c r="L5401">
        <v>22958.13925</v>
      </c>
      <c r="M5401">
        <v>301012.52830000001</v>
      </c>
      <c r="N5401">
        <v>76663.073279999997</v>
      </c>
      <c r="O5401">
        <v>18359.551780000002</v>
      </c>
      <c r="P5401">
        <v>35008.095029999997</v>
      </c>
      <c r="Q5401">
        <v>84227.308359999995</v>
      </c>
      <c r="R5401">
        <v>21515.34606</v>
      </c>
      <c r="S5401">
        <v>78334.996650000001</v>
      </c>
      <c r="T5401">
        <v>19130.468069999999</v>
      </c>
      <c r="U5401">
        <v>15074.6145</v>
      </c>
      <c r="W5401" s="83">
        <f>Bühler!N5433</f>
        <v>45516.958333320239</v>
      </c>
      <c r="X5401" s="83">
        <v>43325.958333333336</v>
      </c>
      <c r="Y5401">
        <v>144300.95189999999</v>
      </c>
      <c r="Z5401">
        <v>13478.79831</v>
      </c>
      <c r="AA5401">
        <v>59871.36537</v>
      </c>
      <c r="AB5401">
        <v>29386.268349999998</v>
      </c>
      <c r="AC5401">
        <v>35662.728089999997</v>
      </c>
      <c r="AD5401">
        <v>24350.501209999999</v>
      </c>
      <c r="AE5401">
        <v>44425.769990000001</v>
      </c>
      <c r="AF5401">
        <v>51887.834309999998</v>
      </c>
      <c r="AG5401">
        <v>22958.13925</v>
      </c>
      <c r="AH5401">
        <v>301012.52830000001</v>
      </c>
      <c r="AI5401">
        <v>76663.073279999997</v>
      </c>
      <c r="AJ5401">
        <v>18359.551780000002</v>
      </c>
      <c r="AK5401">
        <v>35008.095029999997</v>
      </c>
      <c r="AL5401">
        <v>84227.308359999995</v>
      </c>
      <c r="AM5401">
        <v>21515.34606</v>
      </c>
      <c r="AN5401">
        <v>78334.996650000001</v>
      </c>
      <c r="AO5401">
        <v>19130.468069999999</v>
      </c>
      <c r="AP5401">
        <v>15074.6145</v>
      </c>
    </row>
    <row r="5402" spans="2:42" x14ac:dyDescent="0.3">
      <c r="B5402">
        <v>58.337186705034917</v>
      </c>
      <c r="C5402" s="83">
        <v>43326</v>
      </c>
      <c r="D5402">
        <v>143971.37229999999</v>
      </c>
      <c r="E5402">
        <v>13017.67232</v>
      </c>
      <c r="F5402">
        <v>58140.094879999997</v>
      </c>
      <c r="G5402">
        <v>28895.167730000001</v>
      </c>
      <c r="H5402">
        <v>34611.298029999998</v>
      </c>
      <c r="I5402">
        <v>22572.649450000001</v>
      </c>
      <c r="J5402">
        <v>39615.14443</v>
      </c>
      <c r="K5402">
        <v>49366.53067</v>
      </c>
      <c r="L5402">
        <v>19590.151679999999</v>
      </c>
      <c r="M5402">
        <v>297430.18290000001</v>
      </c>
      <c r="N5402">
        <v>74809.318450000006</v>
      </c>
      <c r="O5402">
        <v>17730.874510000001</v>
      </c>
      <c r="P5402">
        <v>30852.291939999999</v>
      </c>
      <c r="Q5402">
        <v>82967.160860000004</v>
      </c>
      <c r="R5402">
        <v>17940.445469999999</v>
      </c>
      <c r="S5402">
        <v>76726.199689999994</v>
      </c>
      <c r="T5402">
        <v>18346.980780000002</v>
      </c>
      <c r="U5402">
        <v>14542.441790000001</v>
      </c>
      <c r="W5402" s="83">
        <f>Bühler!N5434</f>
        <v>45516.999999986903</v>
      </c>
      <c r="X5402" s="83">
        <v>43326</v>
      </c>
      <c r="Y5402">
        <v>143971.37229999999</v>
      </c>
      <c r="Z5402">
        <v>13017.67232</v>
      </c>
      <c r="AA5402">
        <v>58140.094879999997</v>
      </c>
      <c r="AB5402">
        <v>28895.167730000001</v>
      </c>
      <c r="AC5402">
        <v>34611.298029999998</v>
      </c>
      <c r="AD5402">
        <v>22572.649450000001</v>
      </c>
      <c r="AE5402">
        <v>39615.14443</v>
      </c>
      <c r="AF5402">
        <v>49366.53067</v>
      </c>
      <c r="AG5402">
        <v>19590.151679999999</v>
      </c>
      <c r="AH5402">
        <v>297430.18290000001</v>
      </c>
      <c r="AI5402">
        <v>74809.318450000006</v>
      </c>
      <c r="AJ5402">
        <v>17730.874510000001</v>
      </c>
      <c r="AK5402">
        <v>30852.291939999999</v>
      </c>
      <c r="AL5402">
        <v>82967.160860000004</v>
      </c>
      <c r="AM5402">
        <v>17940.445469999999</v>
      </c>
      <c r="AN5402">
        <v>76726.199689999994</v>
      </c>
      <c r="AO5402">
        <v>18346.980780000002</v>
      </c>
      <c r="AP5402">
        <v>14542.441790000001</v>
      </c>
    </row>
    <row r="5403" spans="2:42" x14ac:dyDescent="0.3">
      <c r="B5403">
        <v>57.425865145105227</v>
      </c>
      <c r="C5403" s="83">
        <v>43326.041666666664</v>
      </c>
      <c r="D5403">
        <v>142619.91020000001</v>
      </c>
      <c r="E5403">
        <v>12779.516439999999</v>
      </c>
      <c r="F5403">
        <v>58509.409110000001</v>
      </c>
      <c r="G5403">
        <v>28344.957350000001</v>
      </c>
      <c r="H5403">
        <v>34050.007940000003</v>
      </c>
      <c r="I5403">
        <v>18960.715800000002</v>
      </c>
      <c r="J5403">
        <v>37305.411549999997</v>
      </c>
      <c r="K5403">
        <v>46973.140180000002</v>
      </c>
      <c r="L5403">
        <v>18434.708439999999</v>
      </c>
      <c r="M5403">
        <v>292783.8406</v>
      </c>
      <c r="N5403">
        <v>74058.836120000007</v>
      </c>
      <c r="O5403">
        <v>16851.28847</v>
      </c>
      <c r="P5403">
        <v>27714.371620000002</v>
      </c>
      <c r="Q5403">
        <v>83096.424440000003</v>
      </c>
      <c r="R5403">
        <v>15654.6006</v>
      </c>
      <c r="S5403">
        <v>75227.442060000001</v>
      </c>
      <c r="T5403">
        <v>17994.200069999999</v>
      </c>
      <c r="U5403">
        <v>13909.95551</v>
      </c>
      <c r="W5403" s="83">
        <f>Bühler!N5435</f>
        <v>45517.041666653568</v>
      </c>
      <c r="X5403" s="83">
        <v>43326.041666666664</v>
      </c>
      <c r="Y5403">
        <v>142619.91020000001</v>
      </c>
      <c r="Z5403">
        <v>12779.516439999999</v>
      </c>
      <c r="AA5403">
        <v>58509.409110000001</v>
      </c>
      <c r="AB5403">
        <v>28344.957350000001</v>
      </c>
      <c r="AC5403">
        <v>34050.007940000003</v>
      </c>
      <c r="AD5403">
        <v>18960.715800000002</v>
      </c>
      <c r="AE5403">
        <v>37305.411549999997</v>
      </c>
      <c r="AF5403">
        <v>46973.140180000002</v>
      </c>
      <c r="AG5403">
        <v>18434.708439999999</v>
      </c>
      <c r="AH5403">
        <v>292783.8406</v>
      </c>
      <c r="AI5403">
        <v>74058.836120000007</v>
      </c>
      <c r="AJ5403">
        <v>16851.28847</v>
      </c>
      <c r="AK5403">
        <v>27714.371620000002</v>
      </c>
      <c r="AL5403">
        <v>83096.424440000003</v>
      </c>
      <c r="AM5403">
        <v>15654.6006</v>
      </c>
      <c r="AN5403">
        <v>75227.442060000001</v>
      </c>
      <c r="AO5403">
        <v>17994.200069999999</v>
      </c>
      <c r="AP5403">
        <v>13909.95551</v>
      </c>
    </row>
    <row r="5404" spans="2:42" x14ac:dyDescent="0.3">
      <c r="B5404">
        <v>57.305805786281411</v>
      </c>
      <c r="C5404" s="83">
        <v>43326.083333333336</v>
      </c>
      <c r="D5404">
        <v>142382.38159999999</v>
      </c>
      <c r="E5404">
        <v>12435.076590000001</v>
      </c>
      <c r="F5404">
        <v>58623.216229999998</v>
      </c>
      <c r="G5404">
        <v>27788.259330000001</v>
      </c>
      <c r="H5404">
        <v>33758.176599999999</v>
      </c>
      <c r="I5404">
        <v>17145.084849999999</v>
      </c>
      <c r="J5404">
        <v>36455.63235</v>
      </c>
      <c r="K5404">
        <v>46139.942869999999</v>
      </c>
      <c r="L5404">
        <v>17937.130410000002</v>
      </c>
      <c r="M5404">
        <v>292171.72200000001</v>
      </c>
      <c r="N5404">
        <v>72046.880799999999</v>
      </c>
      <c r="O5404">
        <v>16491.096989999998</v>
      </c>
      <c r="P5404">
        <v>26258.757000000001</v>
      </c>
      <c r="Q5404">
        <v>85268.042159999997</v>
      </c>
      <c r="R5404">
        <v>15995.70571</v>
      </c>
      <c r="S5404">
        <v>74067.799289999995</v>
      </c>
      <c r="T5404">
        <v>17612.26671</v>
      </c>
      <c r="U5404">
        <v>13778.636060000001</v>
      </c>
      <c r="W5404" s="83">
        <f>Bühler!N5436</f>
        <v>45517.083333320232</v>
      </c>
      <c r="X5404" s="83">
        <v>43326.083333333336</v>
      </c>
      <c r="Y5404">
        <v>142382.38159999999</v>
      </c>
      <c r="Z5404">
        <v>12435.076590000001</v>
      </c>
      <c r="AA5404">
        <v>58623.216229999998</v>
      </c>
      <c r="AB5404">
        <v>27788.259330000001</v>
      </c>
      <c r="AC5404">
        <v>33758.176599999999</v>
      </c>
      <c r="AD5404">
        <v>17145.084849999999</v>
      </c>
      <c r="AE5404">
        <v>36455.63235</v>
      </c>
      <c r="AF5404">
        <v>46139.942869999999</v>
      </c>
      <c r="AG5404">
        <v>17937.130410000002</v>
      </c>
      <c r="AH5404">
        <v>292171.72200000001</v>
      </c>
      <c r="AI5404">
        <v>72046.880799999999</v>
      </c>
      <c r="AJ5404">
        <v>16491.096989999998</v>
      </c>
      <c r="AK5404">
        <v>26258.757000000001</v>
      </c>
      <c r="AL5404">
        <v>85268.042159999997</v>
      </c>
      <c r="AM5404">
        <v>15995.70571</v>
      </c>
      <c r="AN5404">
        <v>74067.799289999995</v>
      </c>
      <c r="AO5404">
        <v>17612.26671</v>
      </c>
      <c r="AP5404">
        <v>13778.636060000001</v>
      </c>
    </row>
    <row r="5405" spans="2:42" x14ac:dyDescent="0.3">
      <c r="B5405">
        <v>58.540446201223425</v>
      </c>
      <c r="C5405" s="83">
        <v>43326.125</v>
      </c>
      <c r="D5405">
        <v>142423.44690000001</v>
      </c>
      <c r="E5405">
        <v>12430.543879999999</v>
      </c>
      <c r="F5405">
        <v>59868.414539999998</v>
      </c>
      <c r="G5405">
        <v>26706.233090000002</v>
      </c>
      <c r="H5405">
        <v>33466.75144</v>
      </c>
      <c r="I5405">
        <v>16782.02781</v>
      </c>
      <c r="J5405">
        <v>36184.356240000001</v>
      </c>
      <c r="K5405">
        <v>44479.968260000001</v>
      </c>
      <c r="L5405">
        <v>17354.291020000001</v>
      </c>
      <c r="M5405">
        <v>298466.49459999998</v>
      </c>
      <c r="N5405">
        <v>71074.418220000007</v>
      </c>
      <c r="O5405">
        <v>16354.12846</v>
      </c>
      <c r="P5405">
        <v>25666.27894</v>
      </c>
      <c r="Q5405">
        <v>86927.721359999996</v>
      </c>
      <c r="R5405">
        <v>15674.66755</v>
      </c>
      <c r="S5405">
        <v>72959.488360000003</v>
      </c>
      <c r="T5405">
        <v>17363.18505</v>
      </c>
      <c r="U5405">
        <v>13406.165000000001</v>
      </c>
      <c r="W5405" s="83">
        <f>Bühler!N5437</f>
        <v>45517.124999986896</v>
      </c>
      <c r="X5405" s="83">
        <v>43326.125</v>
      </c>
      <c r="Y5405">
        <v>142423.44690000001</v>
      </c>
      <c r="Z5405">
        <v>12430.543879999999</v>
      </c>
      <c r="AA5405">
        <v>59868.414539999998</v>
      </c>
      <c r="AB5405">
        <v>26706.233090000002</v>
      </c>
      <c r="AC5405">
        <v>33466.75144</v>
      </c>
      <c r="AD5405">
        <v>16782.02781</v>
      </c>
      <c r="AE5405">
        <v>36184.356240000001</v>
      </c>
      <c r="AF5405">
        <v>44479.968260000001</v>
      </c>
      <c r="AG5405">
        <v>17354.291020000001</v>
      </c>
      <c r="AH5405">
        <v>298466.49459999998</v>
      </c>
      <c r="AI5405">
        <v>71074.418220000007</v>
      </c>
      <c r="AJ5405">
        <v>16354.12846</v>
      </c>
      <c r="AK5405">
        <v>25666.27894</v>
      </c>
      <c r="AL5405">
        <v>86927.721359999996</v>
      </c>
      <c r="AM5405">
        <v>15674.66755</v>
      </c>
      <c r="AN5405">
        <v>72959.488360000003</v>
      </c>
      <c r="AO5405">
        <v>17363.18505</v>
      </c>
      <c r="AP5405">
        <v>13406.165000000001</v>
      </c>
    </row>
    <row r="5406" spans="2:42" x14ac:dyDescent="0.3">
      <c r="B5406">
        <v>60.401807611399953</v>
      </c>
      <c r="C5406" s="83">
        <v>43326.166666666664</v>
      </c>
      <c r="D5406">
        <v>143402.44020000001</v>
      </c>
      <c r="E5406">
        <v>12841.028389999999</v>
      </c>
      <c r="F5406">
        <v>62526.314839999999</v>
      </c>
      <c r="G5406">
        <v>26291.513439999999</v>
      </c>
      <c r="H5406">
        <v>33719.679730000003</v>
      </c>
      <c r="I5406">
        <v>17793.215800000002</v>
      </c>
      <c r="J5406">
        <v>38029.851280000003</v>
      </c>
      <c r="K5406">
        <v>44275.154909999997</v>
      </c>
      <c r="L5406">
        <v>17072.878680000002</v>
      </c>
      <c r="M5406">
        <v>307956.58309999999</v>
      </c>
      <c r="N5406">
        <v>69464.826140000005</v>
      </c>
      <c r="O5406">
        <v>16456.604749999999</v>
      </c>
      <c r="P5406">
        <v>25057.189699999999</v>
      </c>
      <c r="Q5406">
        <v>91220.322109999994</v>
      </c>
      <c r="R5406">
        <v>14811.31049</v>
      </c>
      <c r="S5406">
        <v>73353.615380000003</v>
      </c>
      <c r="T5406">
        <v>17142.856220000001</v>
      </c>
      <c r="U5406">
        <v>13381.2387</v>
      </c>
      <c r="W5406" s="83">
        <f>Bühler!N5438</f>
        <v>45517.16666665356</v>
      </c>
      <c r="X5406" s="83">
        <v>43326.166666666664</v>
      </c>
      <c r="Y5406">
        <v>143402.44020000001</v>
      </c>
      <c r="Z5406">
        <v>12841.028389999999</v>
      </c>
      <c r="AA5406">
        <v>62526.314839999999</v>
      </c>
      <c r="AB5406">
        <v>26291.513439999999</v>
      </c>
      <c r="AC5406">
        <v>33719.679730000003</v>
      </c>
      <c r="AD5406">
        <v>17793.215800000002</v>
      </c>
      <c r="AE5406">
        <v>38029.851280000003</v>
      </c>
      <c r="AF5406">
        <v>44275.154909999997</v>
      </c>
      <c r="AG5406">
        <v>17072.878680000002</v>
      </c>
      <c r="AH5406">
        <v>307956.58309999999</v>
      </c>
      <c r="AI5406">
        <v>69464.826140000005</v>
      </c>
      <c r="AJ5406">
        <v>16456.604749999999</v>
      </c>
      <c r="AK5406">
        <v>25057.189699999999</v>
      </c>
      <c r="AL5406">
        <v>91220.322109999994</v>
      </c>
      <c r="AM5406">
        <v>14811.31049</v>
      </c>
      <c r="AN5406">
        <v>73353.615380000003</v>
      </c>
      <c r="AO5406">
        <v>17142.856220000001</v>
      </c>
      <c r="AP5406">
        <v>13381.2387</v>
      </c>
    </row>
    <row r="5407" spans="2:42" x14ac:dyDescent="0.3">
      <c r="B5407">
        <v>64.019864231329422</v>
      </c>
      <c r="C5407" s="83">
        <v>43326.208333333336</v>
      </c>
      <c r="D5407">
        <v>151111.29300000001</v>
      </c>
      <c r="E5407">
        <v>14375.10987</v>
      </c>
      <c r="F5407">
        <v>72140.523639999999</v>
      </c>
      <c r="G5407">
        <v>26925.6306</v>
      </c>
      <c r="H5407">
        <v>35223.758150000001</v>
      </c>
      <c r="I5407">
        <v>22986.405309999998</v>
      </c>
      <c r="J5407">
        <v>41277.33786</v>
      </c>
      <c r="K5407">
        <v>44690.420279999998</v>
      </c>
      <c r="L5407">
        <v>18073.2925</v>
      </c>
      <c r="M5407">
        <v>326403.12300000002</v>
      </c>
      <c r="N5407">
        <v>71055.307669999995</v>
      </c>
      <c r="O5407">
        <v>17294.754990000001</v>
      </c>
      <c r="P5407">
        <v>26441.162369999998</v>
      </c>
      <c r="Q5407">
        <v>92448.527390000003</v>
      </c>
      <c r="R5407">
        <v>17475.120169999998</v>
      </c>
      <c r="S5407">
        <v>74882.125780000002</v>
      </c>
      <c r="T5407">
        <v>18110.674470000002</v>
      </c>
      <c r="U5407">
        <v>15248.229160000001</v>
      </c>
      <c r="W5407" s="83">
        <f>Bühler!N5439</f>
        <v>45517.208333320224</v>
      </c>
      <c r="X5407" s="83">
        <v>43326.208333333336</v>
      </c>
      <c r="Y5407">
        <v>151111.29300000001</v>
      </c>
      <c r="Z5407">
        <v>14375.10987</v>
      </c>
      <c r="AA5407">
        <v>72140.523639999999</v>
      </c>
      <c r="AB5407">
        <v>26925.6306</v>
      </c>
      <c r="AC5407">
        <v>35223.758150000001</v>
      </c>
      <c r="AD5407">
        <v>22986.405309999998</v>
      </c>
      <c r="AE5407">
        <v>41277.33786</v>
      </c>
      <c r="AF5407">
        <v>44690.420279999998</v>
      </c>
      <c r="AG5407">
        <v>18073.2925</v>
      </c>
      <c r="AH5407">
        <v>326403.12300000002</v>
      </c>
      <c r="AI5407">
        <v>71055.307669999995</v>
      </c>
      <c r="AJ5407">
        <v>17294.754990000001</v>
      </c>
      <c r="AK5407">
        <v>26441.162369999998</v>
      </c>
      <c r="AL5407">
        <v>92448.527390000003</v>
      </c>
      <c r="AM5407">
        <v>17475.120169999998</v>
      </c>
      <c r="AN5407">
        <v>74882.125780000002</v>
      </c>
      <c r="AO5407">
        <v>18110.674470000002</v>
      </c>
      <c r="AP5407">
        <v>15248.229160000001</v>
      </c>
    </row>
    <row r="5408" spans="2:42" x14ac:dyDescent="0.3">
      <c r="B5408">
        <v>67.057659180086361</v>
      </c>
      <c r="C5408" s="83">
        <v>43326.25</v>
      </c>
      <c r="D5408">
        <v>159265.68160000001</v>
      </c>
      <c r="E5408">
        <v>17626.012060000001</v>
      </c>
      <c r="F5408">
        <v>81638.961120000007</v>
      </c>
      <c r="G5408">
        <v>28477.544030000001</v>
      </c>
      <c r="H5408">
        <v>36967.392370000001</v>
      </c>
      <c r="I5408">
        <v>27527.67193</v>
      </c>
      <c r="J5408">
        <v>44333.375090000001</v>
      </c>
      <c r="K5408">
        <v>45643.417439999997</v>
      </c>
      <c r="L5408">
        <v>19251.628519999998</v>
      </c>
      <c r="M5408">
        <v>341891.21830000001</v>
      </c>
      <c r="N5408">
        <v>74402.149399999995</v>
      </c>
      <c r="O5408">
        <v>18619.76266</v>
      </c>
      <c r="P5408">
        <v>27348.43073</v>
      </c>
      <c r="Q5408">
        <v>92938.229940000005</v>
      </c>
      <c r="R5408">
        <v>17821.441630000001</v>
      </c>
      <c r="S5408">
        <v>82668.913960000005</v>
      </c>
      <c r="T5408">
        <v>19566.93089</v>
      </c>
      <c r="U5408">
        <v>17021.408329999998</v>
      </c>
      <c r="W5408" s="83">
        <f>Bühler!N5440</f>
        <v>45517.249999986889</v>
      </c>
      <c r="X5408" s="83">
        <v>43326.25</v>
      </c>
      <c r="Y5408">
        <v>159265.68160000001</v>
      </c>
      <c r="Z5408">
        <v>17626.012060000001</v>
      </c>
      <c r="AA5408">
        <v>81638.961120000007</v>
      </c>
      <c r="AB5408">
        <v>28477.544030000001</v>
      </c>
      <c r="AC5408">
        <v>36967.392370000001</v>
      </c>
      <c r="AD5408">
        <v>27527.67193</v>
      </c>
      <c r="AE5408">
        <v>44333.375090000001</v>
      </c>
      <c r="AF5408">
        <v>45643.417439999997</v>
      </c>
      <c r="AG5408">
        <v>19251.628519999998</v>
      </c>
      <c r="AH5408">
        <v>341891.21830000001</v>
      </c>
      <c r="AI5408">
        <v>74402.149399999995</v>
      </c>
      <c r="AJ5408">
        <v>18619.76266</v>
      </c>
      <c r="AK5408">
        <v>27348.43073</v>
      </c>
      <c r="AL5408">
        <v>92938.229940000005</v>
      </c>
      <c r="AM5408">
        <v>17821.441630000001</v>
      </c>
      <c r="AN5408">
        <v>82668.913960000005</v>
      </c>
      <c r="AO5408">
        <v>19566.93089</v>
      </c>
      <c r="AP5408">
        <v>17021.408329999998</v>
      </c>
    </row>
    <row r="5409" spans="2:42" x14ac:dyDescent="0.3">
      <c r="B5409">
        <v>68.985011925192623</v>
      </c>
      <c r="C5409" s="83">
        <v>43326.291666666664</v>
      </c>
      <c r="D5409">
        <v>165604.88</v>
      </c>
      <c r="E5409">
        <v>21199.4326</v>
      </c>
      <c r="F5409">
        <v>85086.703370000003</v>
      </c>
      <c r="G5409">
        <v>30574.65235</v>
      </c>
      <c r="H5409">
        <v>39683.363859999998</v>
      </c>
      <c r="I5409">
        <v>30832.750319999999</v>
      </c>
      <c r="J5409">
        <v>44866.223539999999</v>
      </c>
      <c r="K5409">
        <v>49341.94184</v>
      </c>
      <c r="L5409">
        <v>21632.634870000002</v>
      </c>
      <c r="M5409">
        <v>351717.76140000002</v>
      </c>
      <c r="N5409">
        <v>79145.408150000003</v>
      </c>
      <c r="O5409">
        <v>21438.695009999999</v>
      </c>
      <c r="P5409">
        <v>30225.07792</v>
      </c>
      <c r="Q5409">
        <v>93261.486409999998</v>
      </c>
      <c r="R5409">
        <v>19511.0069</v>
      </c>
      <c r="S5409">
        <v>94766.170129999999</v>
      </c>
      <c r="T5409">
        <v>22386.477709999999</v>
      </c>
      <c r="U5409">
        <v>19234.85583</v>
      </c>
      <c r="W5409" s="83">
        <f>Bühler!N5441</f>
        <v>45517.291666653553</v>
      </c>
      <c r="X5409" s="83">
        <v>43326.291666666664</v>
      </c>
      <c r="Y5409">
        <v>165604.88</v>
      </c>
      <c r="Z5409">
        <v>21199.4326</v>
      </c>
      <c r="AA5409">
        <v>85086.703370000003</v>
      </c>
      <c r="AB5409">
        <v>30574.65235</v>
      </c>
      <c r="AC5409">
        <v>39683.363859999998</v>
      </c>
      <c r="AD5409">
        <v>30832.750319999999</v>
      </c>
      <c r="AE5409">
        <v>44866.223539999999</v>
      </c>
      <c r="AF5409">
        <v>49341.94184</v>
      </c>
      <c r="AG5409">
        <v>21632.634870000002</v>
      </c>
      <c r="AH5409">
        <v>351717.76140000002</v>
      </c>
      <c r="AI5409">
        <v>79145.408150000003</v>
      </c>
      <c r="AJ5409">
        <v>21438.695009999999</v>
      </c>
      <c r="AK5409">
        <v>30225.07792</v>
      </c>
      <c r="AL5409">
        <v>93261.486409999998</v>
      </c>
      <c r="AM5409">
        <v>19511.0069</v>
      </c>
      <c r="AN5409">
        <v>94766.170129999999</v>
      </c>
      <c r="AO5409">
        <v>22386.477709999999</v>
      </c>
      <c r="AP5409">
        <v>19234.85583</v>
      </c>
    </row>
    <row r="5410" spans="2:42" x14ac:dyDescent="0.3">
      <c r="B5410">
        <v>70.237229939747792</v>
      </c>
      <c r="C5410" s="83">
        <v>43326.333333333336</v>
      </c>
      <c r="D5410">
        <v>172933.07879999999</v>
      </c>
      <c r="E5410">
        <v>26552.670470000001</v>
      </c>
      <c r="F5410">
        <v>91658.9133</v>
      </c>
      <c r="G5410">
        <v>34060.963880000003</v>
      </c>
      <c r="H5410">
        <v>42839.575239999998</v>
      </c>
      <c r="I5410">
        <v>32978.013160000002</v>
      </c>
      <c r="J5410">
        <v>49046.939079999996</v>
      </c>
      <c r="K5410">
        <v>54276.728739999999</v>
      </c>
      <c r="L5410">
        <v>24762.470549999998</v>
      </c>
      <c r="M5410">
        <v>358102.15279999998</v>
      </c>
      <c r="N5410">
        <v>86624.500060000006</v>
      </c>
      <c r="O5410">
        <v>23265.706010000002</v>
      </c>
      <c r="P5410">
        <v>33586.90857</v>
      </c>
      <c r="Q5410">
        <v>94613.357560000004</v>
      </c>
      <c r="R5410">
        <v>21281.272270000001</v>
      </c>
      <c r="S5410">
        <v>104934.37209999999</v>
      </c>
      <c r="T5410">
        <v>24801.17812</v>
      </c>
      <c r="U5410">
        <v>21714.753769999999</v>
      </c>
      <c r="W5410" s="83">
        <f>Bühler!N5442</f>
        <v>45517.333333320217</v>
      </c>
      <c r="X5410" s="83">
        <v>43326.333333333336</v>
      </c>
      <c r="Y5410">
        <v>172933.07879999999</v>
      </c>
      <c r="Z5410">
        <v>26552.670470000001</v>
      </c>
      <c r="AA5410">
        <v>91658.9133</v>
      </c>
      <c r="AB5410">
        <v>34060.963880000003</v>
      </c>
      <c r="AC5410">
        <v>42839.575239999998</v>
      </c>
      <c r="AD5410">
        <v>32978.013160000002</v>
      </c>
      <c r="AE5410">
        <v>49046.939079999996</v>
      </c>
      <c r="AF5410">
        <v>54276.728739999999</v>
      </c>
      <c r="AG5410">
        <v>24762.470549999998</v>
      </c>
      <c r="AH5410">
        <v>358102.15279999998</v>
      </c>
      <c r="AI5410">
        <v>86624.500060000006</v>
      </c>
      <c r="AJ5410">
        <v>23265.706010000002</v>
      </c>
      <c r="AK5410">
        <v>33586.90857</v>
      </c>
      <c r="AL5410">
        <v>94613.357560000004</v>
      </c>
      <c r="AM5410">
        <v>21281.272270000001</v>
      </c>
      <c r="AN5410">
        <v>104934.37209999999</v>
      </c>
      <c r="AO5410">
        <v>24801.17812</v>
      </c>
      <c r="AP5410">
        <v>21714.753769999999</v>
      </c>
    </row>
    <row r="5411" spans="2:42" x14ac:dyDescent="0.3">
      <c r="B5411">
        <v>70.397229564200956</v>
      </c>
      <c r="C5411" s="83">
        <v>43326.375</v>
      </c>
      <c r="D5411">
        <v>175854.98699999999</v>
      </c>
      <c r="E5411">
        <v>31140.665919999999</v>
      </c>
      <c r="F5411">
        <v>97153.670480000001</v>
      </c>
      <c r="G5411">
        <v>35651.900909999997</v>
      </c>
      <c r="H5411">
        <v>45419.230430000003</v>
      </c>
      <c r="I5411">
        <v>33207.349970000003</v>
      </c>
      <c r="J5411">
        <v>52546.436759999997</v>
      </c>
      <c r="K5411">
        <v>57447.04348</v>
      </c>
      <c r="L5411">
        <v>28198.005509999999</v>
      </c>
      <c r="M5411">
        <v>358917.90549999999</v>
      </c>
      <c r="N5411">
        <v>91087.545240000007</v>
      </c>
      <c r="O5411">
        <v>25370.529439999998</v>
      </c>
      <c r="P5411">
        <v>36974.294809999999</v>
      </c>
      <c r="Q5411">
        <v>96148.09117</v>
      </c>
      <c r="R5411">
        <v>21816.028719999998</v>
      </c>
      <c r="S5411">
        <v>111119.6972</v>
      </c>
      <c r="T5411">
        <v>26498.864829999999</v>
      </c>
      <c r="U5411">
        <v>22214.788280000001</v>
      </c>
      <c r="W5411" s="83">
        <f>Bühler!N5443</f>
        <v>45517.374999986881</v>
      </c>
      <c r="X5411" s="83">
        <v>43326.375</v>
      </c>
      <c r="Y5411">
        <v>175854.98699999999</v>
      </c>
      <c r="Z5411">
        <v>31140.665919999999</v>
      </c>
      <c r="AA5411">
        <v>97153.670480000001</v>
      </c>
      <c r="AB5411">
        <v>35651.900909999997</v>
      </c>
      <c r="AC5411">
        <v>45419.230430000003</v>
      </c>
      <c r="AD5411">
        <v>33207.349970000003</v>
      </c>
      <c r="AE5411">
        <v>52546.436759999997</v>
      </c>
      <c r="AF5411">
        <v>57447.04348</v>
      </c>
      <c r="AG5411">
        <v>28198.005509999999</v>
      </c>
      <c r="AH5411">
        <v>358917.90549999999</v>
      </c>
      <c r="AI5411">
        <v>91087.545240000007</v>
      </c>
      <c r="AJ5411">
        <v>25370.529439999998</v>
      </c>
      <c r="AK5411">
        <v>36974.294809999999</v>
      </c>
      <c r="AL5411">
        <v>96148.09117</v>
      </c>
      <c r="AM5411">
        <v>21816.028719999998</v>
      </c>
      <c r="AN5411">
        <v>111119.6972</v>
      </c>
      <c r="AO5411">
        <v>26498.864829999999</v>
      </c>
      <c r="AP5411">
        <v>22214.788280000001</v>
      </c>
    </row>
    <row r="5412" spans="2:42" x14ac:dyDescent="0.3">
      <c r="B5412">
        <v>71.993256870106208</v>
      </c>
      <c r="C5412" s="83">
        <v>43326.416666666664</v>
      </c>
      <c r="D5412">
        <v>178631.62059999999</v>
      </c>
      <c r="E5412">
        <v>33181.716970000001</v>
      </c>
      <c r="F5412">
        <v>99051.463589999999</v>
      </c>
      <c r="G5412">
        <v>36881.112630000003</v>
      </c>
      <c r="H5412">
        <v>46880.365599999997</v>
      </c>
      <c r="I5412">
        <v>32850.259969999999</v>
      </c>
      <c r="J5412">
        <v>53495.29651</v>
      </c>
      <c r="K5412">
        <v>59695.126949999998</v>
      </c>
      <c r="L5412">
        <v>31893.526409999999</v>
      </c>
      <c r="M5412">
        <v>367055.19699999999</v>
      </c>
      <c r="N5412">
        <v>94672.578760000004</v>
      </c>
      <c r="O5412">
        <v>25939.2078</v>
      </c>
      <c r="P5412">
        <v>38927.51167</v>
      </c>
      <c r="Q5412">
        <v>97727.91661</v>
      </c>
      <c r="R5412">
        <v>23559.687089999999</v>
      </c>
      <c r="S5412">
        <v>114268.9918</v>
      </c>
      <c r="T5412">
        <v>29003.396649999999</v>
      </c>
      <c r="U5412">
        <v>22548.224910000001</v>
      </c>
      <c r="W5412" s="83">
        <f>Bühler!N5444</f>
        <v>45517.416666653546</v>
      </c>
      <c r="X5412" s="83">
        <v>43326.416666666664</v>
      </c>
      <c r="Y5412">
        <v>178631.62059999999</v>
      </c>
      <c r="Z5412">
        <v>33181.716970000001</v>
      </c>
      <c r="AA5412">
        <v>99051.463589999999</v>
      </c>
      <c r="AB5412">
        <v>36881.112630000003</v>
      </c>
      <c r="AC5412">
        <v>46880.365599999997</v>
      </c>
      <c r="AD5412">
        <v>32850.259969999999</v>
      </c>
      <c r="AE5412">
        <v>53495.29651</v>
      </c>
      <c r="AF5412">
        <v>59695.126949999998</v>
      </c>
      <c r="AG5412">
        <v>31893.526409999999</v>
      </c>
      <c r="AH5412">
        <v>367055.19699999999</v>
      </c>
      <c r="AI5412">
        <v>94672.578760000004</v>
      </c>
      <c r="AJ5412">
        <v>25939.2078</v>
      </c>
      <c r="AK5412">
        <v>38927.51167</v>
      </c>
      <c r="AL5412">
        <v>97727.91661</v>
      </c>
      <c r="AM5412">
        <v>23559.687089999999</v>
      </c>
      <c r="AN5412">
        <v>114268.9918</v>
      </c>
      <c r="AO5412">
        <v>29003.396649999999</v>
      </c>
      <c r="AP5412">
        <v>22548.224910000001</v>
      </c>
    </row>
    <row r="5413" spans="2:42" x14ac:dyDescent="0.3">
      <c r="B5413">
        <v>72.96698427498221</v>
      </c>
      <c r="C5413" s="83">
        <v>43326.458333333336</v>
      </c>
      <c r="D5413">
        <v>179328.6298</v>
      </c>
      <c r="E5413">
        <v>33774.002560000001</v>
      </c>
      <c r="F5413">
        <v>101730.2767</v>
      </c>
      <c r="G5413">
        <v>38093.702599999997</v>
      </c>
      <c r="H5413">
        <v>47102.852599999998</v>
      </c>
      <c r="I5413">
        <v>32586.53</v>
      </c>
      <c r="J5413">
        <v>54798.015529999997</v>
      </c>
      <c r="K5413">
        <v>61421.674780000001</v>
      </c>
      <c r="L5413">
        <v>33651.527580000002</v>
      </c>
      <c r="M5413">
        <v>372019.71340000001</v>
      </c>
      <c r="N5413">
        <v>96701.229030000002</v>
      </c>
      <c r="O5413">
        <v>26001.21272</v>
      </c>
      <c r="P5413">
        <v>38653.126179999999</v>
      </c>
      <c r="Q5413">
        <v>98227.449590000004</v>
      </c>
      <c r="R5413">
        <v>25060.932980000001</v>
      </c>
      <c r="S5413">
        <v>118451.77250000001</v>
      </c>
      <c r="T5413">
        <v>29383.12082</v>
      </c>
      <c r="U5413">
        <v>22109.884190000001</v>
      </c>
      <c r="W5413" s="83">
        <f>Bühler!N5445</f>
        <v>45517.45833332021</v>
      </c>
      <c r="X5413" s="83">
        <v>43326.458333333336</v>
      </c>
      <c r="Y5413">
        <v>179328.6298</v>
      </c>
      <c r="Z5413">
        <v>33774.002560000001</v>
      </c>
      <c r="AA5413">
        <v>101730.2767</v>
      </c>
      <c r="AB5413">
        <v>38093.702599999997</v>
      </c>
      <c r="AC5413">
        <v>47102.852599999998</v>
      </c>
      <c r="AD5413">
        <v>32586.53</v>
      </c>
      <c r="AE5413">
        <v>54798.015529999997</v>
      </c>
      <c r="AF5413">
        <v>61421.674780000001</v>
      </c>
      <c r="AG5413">
        <v>33651.527580000002</v>
      </c>
      <c r="AH5413">
        <v>372019.71340000001</v>
      </c>
      <c r="AI5413">
        <v>96701.229030000002</v>
      </c>
      <c r="AJ5413">
        <v>26001.21272</v>
      </c>
      <c r="AK5413">
        <v>38653.126179999999</v>
      </c>
      <c r="AL5413">
        <v>98227.449590000004</v>
      </c>
      <c r="AM5413">
        <v>25060.932980000001</v>
      </c>
      <c r="AN5413">
        <v>118451.77250000001</v>
      </c>
      <c r="AO5413">
        <v>29383.12082</v>
      </c>
      <c r="AP5413">
        <v>22109.884190000001</v>
      </c>
    </row>
    <row r="5414" spans="2:42" x14ac:dyDescent="0.3">
      <c r="B5414">
        <v>72.732379450751623</v>
      </c>
      <c r="C5414" s="83">
        <v>43326.5</v>
      </c>
      <c r="D5414">
        <v>174410.5711</v>
      </c>
      <c r="E5414">
        <v>31435.09636</v>
      </c>
      <c r="F5414">
        <v>96020.411749999999</v>
      </c>
      <c r="G5414">
        <v>37793.776230000003</v>
      </c>
      <c r="H5414">
        <v>46701.046990000003</v>
      </c>
      <c r="I5414">
        <v>32501.336599999999</v>
      </c>
      <c r="J5414">
        <v>55368.059159999997</v>
      </c>
      <c r="K5414">
        <v>58450.135090000003</v>
      </c>
      <c r="L5414">
        <v>36125.647440000001</v>
      </c>
      <c r="M5414">
        <v>370823.58860000002</v>
      </c>
      <c r="N5414">
        <v>95350.423339999994</v>
      </c>
      <c r="O5414">
        <v>26111.55543</v>
      </c>
      <c r="P5414">
        <v>40489.68363</v>
      </c>
      <c r="Q5414">
        <v>97304.235820000002</v>
      </c>
      <c r="R5414">
        <v>25912.949049999999</v>
      </c>
      <c r="S5414">
        <v>114792.4262</v>
      </c>
      <c r="T5414">
        <v>28966.782490000001</v>
      </c>
      <c r="U5414">
        <v>19483.864430000001</v>
      </c>
      <c r="W5414" s="83">
        <f>Bühler!N5446</f>
        <v>45517.499999986874</v>
      </c>
      <c r="X5414" s="83">
        <v>43326.5</v>
      </c>
      <c r="Y5414">
        <v>174410.5711</v>
      </c>
      <c r="Z5414">
        <v>31435.09636</v>
      </c>
      <c r="AA5414">
        <v>96020.411749999999</v>
      </c>
      <c r="AB5414">
        <v>37793.776230000003</v>
      </c>
      <c r="AC5414">
        <v>46701.046990000003</v>
      </c>
      <c r="AD5414">
        <v>32501.336599999999</v>
      </c>
      <c r="AE5414">
        <v>55368.059159999997</v>
      </c>
      <c r="AF5414">
        <v>58450.135090000003</v>
      </c>
      <c r="AG5414">
        <v>36125.647440000001</v>
      </c>
      <c r="AH5414">
        <v>370823.58860000002</v>
      </c>
      <c r="AI5414">
        <v>95350.423339999994</v>
      </c>
      <c r="AJ5414">
        <v>26111.55543</v>
      </c>
      <c r="AK5414">
        <v>40489.68363</v>
      </c>
      <c r="AL5414">
        <v>97304.235820000002</v>
      </c>
      <c r="AM5414">
        <v>25912.949049999999</v>
      </c>
      <c r="AN5414">
        <v>114792.4262</v>
      </c>
      <c r="AO5414">
        <v>28966.782490000001</v>
      </c>
      <c r="AP5414">
        <v>19483.864430000001</v>
      </c>
    </row>
    <row r="5415" spans="2:42" x14ac:dyDescent="0.3">
      <c r="B5415">
        <v>71.861308975410097</v>
      </c>
      <c r="C5415" s="83">
        <v>43326.541666666664</v>
      </c>
      <c r="D5415">
        <v>176622.0913</v>
      </c>
      <c r="E5415">
        <v>31981.07113</v>
      </c>
      <c r="F5415">
        <v>92464.050140000007</v>
      </c>
      <c r="G5415">
        <v>37609.91375</v>
      </c>
      <c r="H5415">
        <v>47174.958590000002</v>
      </c>
      <c r="I5415">
        <v>32261.245599999998</v>
      </c>
      <c r="J5415">
        <v>54914.760869999998</v>
      </c>
      <c r="K5415">
        <v>59566.22292</v>
      </c>
      <c r="L5415">
        <v>35707.244070000001</v>
      </c>
      <c r="M5415">
        <v>366382.46509999997</v>
      </c>
      <c r="N5415">
        <v>95002.319440000007</v>
      </c>
      <c r="O5415">
        <v>26564.75706</v>
      </c>
      <c r="P5415">
        <v>39639.183060000003</v>
      </c>
      <c r="Q5415">
        <v>97203.342659999995</v>
      </c>
      <c r="R5415">
        <v>25486.58914</v>
      </c>
      <c r="S5415">
        <v>114686.61139999999</v>
      </c>
      <c r="T5415">
        <v>29095.594700000001</v>
      </c>
      <c r="U5415">
        <v>21661.100119999999</v>
      </c>
      <c r="W5415" s="83">
        <f>Bühler!N5447</f>
        <v>45517.541666653538</v>
      </c>
      <c r="X5415" s="83">
        <v>43326.541666666664</v>
      </c>
      <c r="Y5415">
        <v>176622.0913</v>
      </c>
      <c r="Z5415">
        <v>31981.07113</v>
      </c>
      <c r="AA5415">
        <v>92464.050140000007</v>
      </c>
      <c r="AB5415">
        <v>37609.91375</v>
      </c>
      <c r="AC5415">
        <v>47174.958590000002</v>
      </c>
      <c r="AD5415">
        <v>32261.245599999998</v>
      </c>
      <c r="AE5415">
        <v>54914.760869999998</v>
      </c>
      <c r="AF5415">
        <v>59566.22292</v>
      </c>
      <c r="AG5415">
        <v>35707.244070000001</v>
      </c>
      <c r="AH5415">
        <v>366382.46509999997</v>
      </c>
      <c r="AI5415">
        <v>95002.319440000007</v>
      </c>
      <c r="AJ5415">
        <v>26564.75706</v>
      </c>
      <c r="AK5415">
        <v>39639.183060000003</v>
      </c>
      <c r="AL5415">
        <v>97203.342659999995</v>
      </c>
      <c r="AM5415">
        <v>25486.58914</v>
      </c>
      <c r="AN5415">
        <v>114686.61139999999</v>
      </c>
      <c r="AO5415">
        <v>29095.594700000001</v>
      </c>
      <c r="AP5415">
        <v>21661.100119999999</v>
      </c>
    </row>
    <row r="5416" spans="2:42" x14ac:dyDescent="0.3">
      <c r="B5416">
        <v>71.904538700825043</v>
      </c>
      <c r="C5416" s="83">
        <v>43326.583333333336</v>
      </c>
      <c r="D5416">
        <v>178765.4621</v>
      </c>
      <c r="E5416">
        <v>34646.882339999996</v>
      </c>
      <c r="F5416">
        <v>100829.7259</v>
      </c>
      <c r="G5416">
        <v>37769.58135</v>
      </c>
      <c r="H5416">
        <v>47376.620360000001</v>
      </c>
      <c r="I5416">
        <v>33187.349430000002</v>
      </c>
      <c r="J5416">
        <v>54621.67282</v>
      </c>
      <c r="K5416">
        <v>60640.575380000002</v>
      </c>
      <c r="L5416">
        <v>34143.55719</v>
      </c>
      <c r="M5416">
        <v>366602.87040000001</v>
      </c>
      <c r="N5416">
        <v>97395.23113</v>
      </c>
      <c r="O5416">
        <v>26684.050589999999</v>
      </c>
      <c r="P5416">
        <v>36925.254889999997</v>
      </c>
      <c r="Q5416">
        <v>97955.36778</v>
      </c>
      <c r="R5416">
        <v>25437.406350000001</v>
      </c>
      <c r="S5416">
        <v>111888.49430000001</v>
      </c>
      <c r="T5416">
        <v>28787.857759999999</v>
      </c>
      <c r="U5416">
        <v>21695.609789999999</v>
      </c>
      <c r="W5416" s="83">
        <f>Bühler!N5448</f>
        <v>45517.583333320203</v>
      </c>
      <c r="X5416" s="83">
        <v>43326.583333333336</v>
      </c>
      <c r="Y5416">
        <v>178765.4621</v>
      </c>
      <c r="Z5416">
        <v>34646.882339999996</v>
      </c>
      <c r="AA5416">
        <v>100829.7259</v>
      </c>
      <c r="AB5416">
        <v>37769.58135</v>
      </c>
      <c r="AC5416">
        <v>47376.620360000001</v>
      </c>
      <c r="AD5416">
        <v>33187.349430000002</v>
      </c>
      <c r="AE5416">
        <v>54621.67282</v>
      </c>
      <c r="AF5416">
        <v>60640.575380000002</v>
      </c>
      <c r="AG5416">
        <v>34143.55719</v>
      </c>
      <c r="AH5416">
        <v>366602.87040000001</v>
      </c>
      <c r="AI5416">
        <v>97395.23113</v>
      </c>
      <c r="AJ5416">
        <v>26684.050589999999</v>
      </c>
      <c r="AK5416">
        <v>36925.254889999997</v>
      </c>
      <c r="AL5416">
        <v>97955.36778</v>
      </c>
      <c r="AM5416">
        <v>25437.406350000001</v>
      </c>
      <c r="AN5416">
        <v>111888.49430000001</v>
      </c>
      <c r="AO5416">
        <v>28787.857759999999</v>
      </c>
      <c r="AP5416">
        <v>21695.609789999999</v>
      </c>
    </row>
    <row r="5417" spans="2:42" x14ac:dyDescent="0.3">
      <c r="B5417">
        <v>70.760921187452652</v>
      </c>
      <c r="C5417" s="83">
        <v>43326.625</v>
      </c>
      <c r="D5417">
        <v>176772.03339999999</v>
      </c>
      <c r="E5417">
        <v>35064.115850000002</v>
      </c>
      <c r="F5417">
        <v>103297.30409999999</v>
      </c>
      <c r="G5417">
        <v>37835.075839999998</v>
      </c>
      <c r="H5417">
        <v>47009.342420000001</v>
      </c>
      <c r="I5417">
        <v>33769.460630000001</v>
      </c>
      <c r="J5417">
        <v>54085.895140000001</v>
      </c>
      <c r="K5417">
        <v>59161.913789999999</v>
      </c>
      <c r="L5417">
        <v>31460.09951</v>
      </c>
      <c r="M5417">
        <v>360772.17499999999</v>
      </c>
      <c r="N5417">
        <v>96669.223570000002</v>
      </c>
      <c r="O5417">
        <v>26397.527539999999</v>
      </c>
      <c r="P5417">
        <v>34927.736100000002</v>
      </c>
      <c r="Q5417">
        <v>97934.171530000007</v>
      </c>
      <c r="R5417">
        <v>26328.68921</v>
      </c>
      <c r="S5417">
        <v>110986.1971</v>
      </c>
      <c r="T5417">
        <v>28227.45419</v>
      </c>
      <c r="U5417">
        <v>21318.563579999998</v>
      </c>
      <c r="W5417" s="83">
        <f>Bühler!N5449</f>
        <v>45517.624999986867</v>
      </c>
      <c r="X5417" s="83">
        <v>43326.625</v>
      </c>
      <c r="Y5417">
        <v>176772.03339999999</v>
      </c>
      <c r="Z5417">
        <v>35064.115850000002</v>
      </c>
      <c r="AA5417">
        <v>103297.30409999999</v>
      </c>
      <c r="AB5417">
        <v>37835.075839999998</v>
      </c>
      <c r="AC5417">
        <v>47009.342420000001</v>
      </c>
      <c r="AD5417">
        <v>33769.460630000001</v>
      </c>
      <c r="AE5417">
        <v>54085.895140000001</v>
      </c>
      <c r="AF5417">
        <v>59161.913789999999</v>
      </c>
      <c r="AG5417">
        <v>31460.09951</v>
      </c>
      <c r="AH5417">
        <v>360772.17499999999</v>
      </c>
      <c r="AI5417">
        <v>96669.223570000002</v>
      </c>
      <c r="AJ5417">
        <v>26397.527539999999</v>
      </c>
      <c r="AK5417">
        <v>34927.736100000002</v>
      </c>
      <c r="AL5417">
        <v>97934.171530000007</v>
      </c>
      <c r="AM5417">
        <v>26328.68921</v>
      </c>
      <c r="AN5417">
        <v>110986.1971</v>
      </c>
      <c r="AO5417">
        <v>28227.45419</v>
      </c>
      <c r="AP5417">
        <v>21318.563579999998</v>
      </c>
    </row>
    <row r="5418" spans="2:42" x14ac:dyDescent="0.3">
      <c r="B5418">
        <v>69.533854756020588</v>
      </c>
      <c r="C5418" s="83">
        <v>43326.666666666664</v>
      </c>
      <c r="D5418">
        <v>171980.073</v>
      </c>
      <c r="E5418">
        <v>34379.266839999997</v>
      </c>
      <c r="F5418">
        <v>102845.96430000001</v>
      </c>
      <c r="G5418">
        <v>37156.02792</v>
      </c>
      <c r="H5418">
        <v>46274.13463</v>
      </c>
      <c r="I5418">
        <v>34553.985410000001</v>
      </c>
      <c r="J5418">
        <v>53431.037259999997</v>
      </c>
      <c r="K5418">
        <v>56460.611010000001</v>
      </c>
      <c r="L5418">
        <v>30222.730889999999</v>
      </c>
      <c r="M5418">
        <v>354516.01809999999</v>
      </c>
      <c r="N5418">
        <v>93806.889490000001</v>
      </c>
      <c r="O5418">
        <v>25963.09446</v>
      </c>
      <c r="P5418">
        <v>34288.163769999999</v>
      </c>
      <c r="Q5418">
        <v>97249.430250000005</v>
      </c>
      <c r="R5418">
        <v>26416.966400000001</v>
      </c>
      <c r="S5418">
        <v>108489.0582</v>
      </c>
      <c r="T5418">
        <v>28192.001219999998</v>
      </c>
      <c r="U5418">
        <v>20010.42036</v>
      </c>
      <c r="W5418" s="83">
        <f>Bühler!N5450</f>
        <v>45517.666666653531</v>
      </c>
      <c r="X5418" s="83">
        <v>43326.666666666664</v>
      </c>
      <c r="Y5418">
        <v>171980.073</v>
      </c>
      <c r="Z5418">
        <v>34379.266839999997</v>
      </c>
      <c r="AA5418">
        <v>102845.96430000001</v>
      </c>
      <c r="AB5418">
        <v>37156.02792</v>
      </c>
      <c r="AC5418">
        <v>46274.13463</v>
      </c>
      <c r="AD5418">
        <v>34553.985410000001</v>
      </c>
      <c r="AE5418">
        <v>53431.037259999997</v>
      </c>
      <c r="AF5418">
        <v>56460.611010000001</v>
      </c>
      <c r="AG5418">
        <v>30222.730889999999</v>
      </c>
      <c r="AH5418">
        <v>354516.01809999999</v>
      </c>
      <c r="AI5418">
        <v>93806.889490000001</v>
      </c>
      <c r="AJ5418">
        <v>25963.09446</v>
      </c>
      <c r="AK5418">
        <v>34288.163769999999</v>
      </c>
      <c r="AL5418">
        <v>97249.430250000005</v>
      </c>
      <c r="AM5418">
        <v>26416.966400000001</v>
      </c>
      <c r="AN5418">
        <v>108489.0582</v>
      </c>
      <c r="AO5418">
        <v>28192.001219999998</v>
      </c>
      <c r="AP5418">
        <v>20010.42036</v>
      </c>
    </row>
    <row r="5419" spans="2:42" x14ac:dyDescent="0.3">
      <c r="B5419">
        <v>68.106766292157317</v>
      </c>
      <c r="C5419" s="83">
        <v>43326.708333333336</v>
      </c>
      <c r="D5419">
        <v>165609.11369999999</v>
      </c>
      <c r="E5419">
        <v>32687.175449999999</v>
      </c>
      <c r="F5419">
        <v>101248.66439999999</v>
      </c>
      <c r="G5419">
        <v>35298.900699999998</v>
      </c>
      <c r="H5419">
        <v>44441.976240000004</v>
      </c>
      <c r="I5419">
        <v>33790.237419999998</v>
      </c>
      <c r="J5419">
        <v>53794.441469999998</v>
      </c>
      <c r="K5419">
        <v>53024.694920000002</v>
      </c>
      <c r="L5419">
        <v>30725.225060000001</v>
      </c>
      <c r="M5419">
        <v>347240.05560000002</v>
      </c>
      <c r="N5419">
        <v>91163.956590000002</v>
      </c>
      <c r="O5419">
        <v>24856.649420000002</v>
      </c>
      <c r="P5419">
        <v>36709.251109999997</v>
      </c>
      <c r="Q5419">
        <v>95977.742150000005</v>
      </c>
      <c r="R5419">
        <v>25787.349119999999</v>
      </c>
      <c r="S5419">
        <v>105974.6891</v>
      </c>
      <c r="T5419">
        <v>27542.48803</v>
      </c>
      <c r="U5419">
        <v>18382.451860000001</v>
      </c>
      <c r="W5419" s="83">
        <f>Bühler!N5451</f>
        <v>45517.708333320195</v>
      </c>
      <c r="X5419" s="83">
        <v>43326.708333333336</v>
      </c>
      <c r="Y5419">
        <v>165609.11369999999</v>
      </c>
      <c r="Z5419">
        <v>32687.175449999999</v>
      </c>
      <c r="AA5419">
        <v>101248.66439999999</v>
      </c>
      <c r="AB5419">
        <v>35298.900699999998</v>
      </c>
      <c r="AC5419">
        <v>44441.976240000004</v>
      </c>
      <c r="AD5419">
        <v>33790.237419999998</v>
      </c>
      <c r="AE5419">
        <v>53794.441469999998</v>
      </c>
      <c r="AF5419">
        <v>53024.694920000002</v>
      </c>
      <c r="AG5419">
        <v>30725.225060000001</v>
      </c>
      <c r="AH5419">
        <v>347240.05560000002</v>
      </c>
      <c r="AI5419">
        <v>91163.956590000002</v>
      </c>
      <c r="AJ5419">
        <v>24856.649420000002</v>
      </c>
      <c r="AK5419">
        <v>36709.251109999997</v>
      </c>
      <c r="AL5419">
        <v>95977.742150000005</v>
      </c>
      <c r="AM5419">
        <v>25787.349119999999</v>
      </c>
      <c r="AN5419">
        <v>105974.6891</v>
      </c>
      <c r="AO5419">
        <v>27542.48803</v>
      </c>
      <c r="AP5419">
        <v>18382.451860000001</v>
      </c>
    </row>
    <row r="5420" spans="2:42" x14ac:dyDescent="0.3">
      <c r="B5420">
        <v>66.451951680443344</v>
      </c>
      <c r="C5420" s="83">
        <v>43326.75</v>
      </c>
      <c r="D5420">
        <v>160530.96520000001</v>
      </c>
      <c r="E5420">
        <v>29540.405890000002</v>
      </c>
      <c r="F5420">
        <v>99719.631039999993</v>
      </c>
      <c r="G5420">
        <v>33064.528330000001</v>
      </c>
      <c r="H5420">
        <v>42588.853320000002</v>
      </c>
      <c r="I5420">
        <v>32718.37991</v>
      </c>
      <c r="J5420">
        <v>53217.950649999999</v>
      </c>
      <c r="K5420">
        <v>52041.080119999999</v>
      </c>
      <c r="L5420">
        <v>32355.108990000001</v>
      </c>
      <c r="M5420">
        <v>338803.03899999999</v>
      </c>
      <c r="N5420">
        <v>88045.661989999993</v>
      </c>
      <c r="O5420">
        <v>23072.285619999999</v>
      </c>
      <c r="P5420">
        <v>39789.071810000001</v>
      </c>
      <c r="Q5420">
        <v>93986.003880000004</v>
      </c>
      <c r="R5420">
        <v>24644.400280000002</v>
      </c>
      <c r="S5420">
        <v>99925.617360000004</v>
      </c>
      <c r="T5420">
        <v>27065.98259</v>
      </c>
      <c r="U5420">
        <v>17630.902760000001</v>
      </c>
      <c r="W5420" s="83">
        <f>Bühler!N5452</f>
        <v>45517.74999998686</v>
      </c>
      <c r="X5420" s="83">
        <v>43326.75</v>
      </c>
      <c r="Y5420">
        <v>160530.96520000001</v>
      </c>
      <c r="Z5420">
        <v>29540.405890000002</v>
      </c>
      <c r="AA5420">
        <v>99719.631039999993</v>
      </c>
      <c r="AB5420">
        <v>33064.528330000001</v>
      </c>
      <c r="AC5420">
        <v>42588.853320000002</v>
      </c>
      <c r="AD5420">
        <v>32718.37991</v>
      </c>
      <c r="AE5420">
        <v>53217.950649999999</v>
      </c>
      <c r="AF5420">
        <v>52041.080119999999</v>
      </c>
      <c r="AG5420">
        <v>32355.108990000001</v>
      </c>
      <c r="AH5420">
        <v>338803.03899999999</v>
      </c>
      <c r="AI5420">
        <v>88045.661989999993</v>
      </c>
      <c r="AJ5420">
        <v>23072.285619999999</v>
      </c>
      <c r="AK5420">
        <v>39789.071810000001</v>
      </c>
      <c r="AL5420">
        <v>93986.003880000004</v>
      </c>
      <c r="AM5420">
        <v>24644.400280000002</v>
      </c>
      <c r="AN5420">
        <v>99925.617360000004</v>
      </c>
      <c r="AO5420">
        <v>27065.98259</v>
      </c>
      <c r="AP5420">
        <v>17630.902760000001</v>
      </c>
    </row>
    <row r="5421" spans="2:42" x14ac:dyDescent="0.3">
      <c r="B5421">
        <v>65.720398591761111</v>
      </c>
      <c r="C5421" s="83">
        <v>43326.791666666664</v>
      </c>
      <c r="D5421">
        <v>157804.37090000001</v>
      </c>
      <c r="E5421">
        <v>23518.22147</v>
      </c>
      <c r="F5421">
        <v>89409.701050000003</v>
      </c>
      <c r="G5421">
        <v>32027.860120000001</v>
      </c>
      <c r="H5421">
        <v>40053.504000000001</v>
      </c>
      <c r="I5421">
        <v>31183.72795</v>
      </c>
      <c r="J5421">
        <v>52469.656889999998</v>
      </c>
      <c r="K5421">
        <v>51267.02392</v>
      </c>
      <c r="L5421">
        <v>32519.771209999999</v>
      </c>
      <c r="M5421">
        <v>335073.2402</v>
      </c>
      <c r="N5421">
        <v>84930.774969999999</v>
      </c>
      <c r="O5421">
        <v>20716.01168</v>
      </c>
      <c r="P5421">
        <v>42358.96297</v>
      </c>
      <c r="Q5421">
        <v>91979.498519999994</v>
      </c>
      <c r="R5421">
        <v>23508.491580000002</v>
      </c>
      <c r="S5421">
        <v>95538.980729999996</v>
      </c>
      <c r="T5421">
        <v>26342.507799999999</v>
      </c>
      <c r="U5421">
        <v>16801.939539999999</v>
      </c>
      <c r="W5421" s="83">
        <f>Bühler!N5453</f>
        <v>45517.791666653524</v>
      </c>
      <c r="X5421" s="83">
        <v>43326.791666666664</v>
      </c>
      <c r="Y5421">
        <v>157804.37090000001</v>
      </c>
      <c r="Z5421">
        <v>23518.22147</v>
      </c>
      <c r="AA5421">
        <v>89409.701050000003</v>
      </c>
      <c r="AB5421">
        <v>32027.860120000001</v>
      </c>
      <c r="AC5421">
        <v>40053.504000000001</v>
      </c>
      <c r="AD5421">
        <v>31183.72795</v>
      </c>
      <c r="AE5421">
        <v>52469.656889999998</v>
      </c>
      <c r="AF5421">
        <v>51267.02392</v>
      </c>
      <c r="AG5421">
        <v>32519.771209999999</v>
      </c>
      <c r="AH5421">
        <v>335073.2402</v>
      </c>
      <c r="AI5421">
        <v>84930.774969999999</v>
      </c>
      <c r="AJ5421">
        <v>20716.01168</v>
      </c>
      <c r="AK5421">
        <v>42358.96297</v>
      </c>
      <c r="AL5421">
        <v>91979.498519999994</v>
      </c>
      <c r="AM5421">
        <v>23508.491580000002</v>
      </c>
      <c r="AN5421">
        <v>95538.980729999996</v>
      </c>
      <c r="AO5421">
        <v>26342.507799999999</v>
      </c>
      <c r="AP5421">
        <v>16801.939539999999</v>
      </c>
    </row>
    <row r="5422" spans="2:42" x14ac:dyDescent="0.3">
      <c r="B5422">
        <v>63.522463320955403</v>
      </c>
      <c r="C5422" s="83">
        <v>43326.833333333336</v>
      </c>
      <c r="D5422">
        <v>153546.53709999999</v>
      </c>
      <c r="E5422">
        <v>17733.68663</v>
      </c>
      <c r="F5422">
        <v>74375.515469999998</v>
      </c>
      <c r="G5422">
        <v>30758.98589</v>
      </c>
      <c r="H5422">
        <v>37396.009409999999</v>
      </c>
      <c r="I5422">
        <v>28517.35068</v>
      </c>
      <c r="J5422">
        <v>51250.79466</v>
      </c>
      <c r="K5422">
        <v>50502.40092</v>
      </c>
      <c r="L5422">
        <v>31821.134529999999</v>
      </c>
      <c r="M5422">
        <v>323867.14120000001</v>
      </c>
      <c r="N5422">
        <v>81486.393249999994</v>
      </c>
      <c r="O5422">
        <v>19706.393110000001</v>
      </c>
      <c r="P5422">
        <v>42485.345280000001</v>
      </c>
      <c r="Q5422">
        <v>89099.89185</v>
      </c>
      <c r="R5422">
        <v>21977.670310000001</v>
      </c>
      <c r="S5422">
        <v>87822.100179999994</v>
      </c>
      <c r="T5422">
        <v>24507.951069999999</v>
      </c>
      <c r="U5422">
        <v>16276.00562</v>
      </c>
      <c r="W5422" s="83">
        <f>Bühler!N5454</f>
        <v>45517.833333320188</v>
      </c>
      <c r="X5422" s="83">
        <v>43326.833333333336</v>
      </c>
      <c r="Y5422">
        <v>153546.53709999999</v>
      </c>
      <c r="Z5422">
        <v>17733.68663</v>
      </c>
      <c r="AA5422">
        <v>74375.515469999998</v>
      </c>
      <c r="AB5422">
        <v>30758.98589</v>
      </c>
      <c r="AC5422">
        <v>37396.009409999999</v>
      </c>
      <c r="AD5422">
        <v>28517.35068</v>
      </c>
      <c r="AE5422">
        <v>51250.79466</v>
      </c>
      <c r="AF5422">
        <v>50502.40092</v>
      </c>
      <c r="AG5422">
        <v>31821.134529999999</v>
      </c>
      <c r="AH5422">
        <v>323867.14120000001</v>
      </c>
      <c r="AI5422">
        <v>81486.393249999994</v>
      </c>
      <c r="AJ5422">
        <v>19706.393110000001</v>
      </c>
      <c r="AK5422">
        <v>42485.345280000001</v>
      </c>
      <c r="AL5422">
        <v>89099.89185</v>
      </c>
      <c r="AM5422">
        <v>21977.670310000001</v>
      </c>
      <c r="AN5422">
        <v>87822.100179999994</v>
      </c>
      <c r="AO5422">
        <v>24507.951069999999</v>
      </c>
      <c r="AP5422">
        <v>16276.00562</v>
      </c>
    </row>
    <row r="5423" spans="2:42" x14ac:dyDescent="0.3">
      <c r="B5423">
        <v>61.599904017319744</v>
      </c>
      <c r="C5423" s="83">
        <v>43326.875</v>
      </c>
      <c r="D5423">
        <v>148845.37909999999</v>
      </c>
      <c r="E5423">
        <v>15442.05464</v>
      </c>
      <c r="F5423">
        <v>66397.559229999999</v>
      </c>
      <c r="G5423">
        <v>30523.20579</v>
      </c>
      <c r="H5423">
        <v>36526.175819999997</v>
      </c>
      <c r="I5423">
        <v>26102.922839999999</v>
      </c>
      <c r="J5423">
        <v>51760.659480000002</v>
      </c>
      <c r="K5423">
        <v>50801.374239999997</v>
      </c>
      <c r="L5423">
        <v>30509.561310000001</v>
      </c>
      <c r="M5423">
        <v>314065.03730000003</v>
      </c>
      <c r="N5423">
        <v>81717.19541</v>
      </c>
      <c r="O5423">
        <v>18533.17236</v>
      </c>
      <c r="P5423">
        <v>40908.405639999997</v>
      </c>
      <c r="Q5423">
        <v>86096.083289999995</v>
      </c>
      <c r="R5423">
        <v>21139.55384</v>
      </c>
      <c r="S5423">
        <v>84311.890499999994</v>
      </c>
      <c r="T5423">
        <v>23537.3138</v>
      </c>
      <c r="U5423">
        <v>15902.49963</v>
      </c>
      <c r="W5423" s="83">
        <f>Bühler!N5455</f>
        <v>45517.874999986852</v>
      </c>
      <c r="X5423" s="83">
        <v>43326.875</v>
      </c>
      <c r="Y5423">
        <v>148845.37909999999</v>
      </c>
      <c r="Z5423">
        <v>15442.05464</v>
      </c>
      <c r="AA5423">
        <v>66397.559229999999</v>
      </c>
      <c r="AB5423">
        <v>30523.20579</v>
      </c>
      <c r="AC5423">
        <v>36526.175819999997</v>
      </c>
      <c r="AD5423">
        <v>26102.922839999999</v>
      </c>
      <c r="AE5423">
        <v>51760.659480000002</v>
      </c>
      <c r="AF5423">
        <v>50801.374239999997</v>
      </c>
      <c r="AG5423">
        <v>30509.561310000001</v>
      </c>
      <c r="AH5423">
        <v>314065.03730000003</v>
      </c>
      <c r="AI5423">
        <v>81717.19541</v>
      </c>
      <c r="AJ5423">
        <v>18533.17236</v>
      </c>
      <c r="AK5423">
        <v>40908.405639999997</v>
      </c>
      <c r="AL5423">
        <v>86096.083289999995</v>
      </c>
      <c r="AM5423">
        <v>21139.55384</v>
      </c>
      <c r="AN5423">
        <v>84311.890499999994</v>
      </c>
      <c r="AO5423">
        <v>23537.3138</v>
      </c>
      <c r="AP5423">
        <v>15902.49963</v>
      </c>
    </row>
    <row r="5424" spans="2:42" x14ac:dyDescent="0.3">
      <c r="B5424">
        <v>60.95870225570409</v>
      </c>
      <c r="C5424" s="83">
        <v>43326.916666666664</v>
      </c>
      <c r="D5424">
        <v>147200.2916</v>
      </c>
      <c r="E5424">
        <v>14403.82719</v>
      </c>
      <c r="F5424">
        <v>63314.402560000002</v>
      </c>
      <c r="G5424">
        <v>30250.696759999999</v>
      </c>
      <c r="H5424">
        <v>36977.074310000004</v>
      </c>
      <c r="I5424">
        <v>25116.975419999999</v>
      </c>
      <c r="J5424">
        <v>50004.921049999997</v>
      </c>
      <c r="K5424">
        <v>53923.532290000003</v>
      </c>
      <c r="L5424">
        <v>27313.62125</v>
      </c>
      <c r="M5424">
        <v>310795.89169999998</v>
      </c>
      <c r="N5424">
        <v>80230.597829999999</v>
      </c>
      <c r="O5424">
        <v>18509.99569</v>
      </c>
      <c r="P5424">
        <v>41998.803390000001</v>
      </c>
      <c r="Q5424">
        <v>85646.780530000004</v>
      </c>
      <c r="R5424">
        <v>22139.340059999999</v>
      </c>
      <c r="S5424">
        <v>82986.355460000006</v>
      </c>
      <c r="T5424">
        <v>21075.302309999999</v>
      </c>
      <c r="U5424">
        <v>16378.28412</v>
      </c>
      <c r="W5424" s="83">
        <f>Bühler!N5456</f>
        <v>45517.916666653517</v>
      </c>
      <c r="X5424" s="83">
        <v>43326.916666666664</v>
      </c>
      <c r="Y5424">
        <v>147200.2916</v>
      </c>
      <c r="Z5424">
        <v>14403.82719</v>
      </c>
      <c r="AA5424">
        <v>63314.402560000002</v>
      </c>
      <c r="AB5424">
        <v>30250.696759999999</v>
      </c>
      <c r="AC5424">
        <v>36977.074310000004</v>
      </c>
      <c r="AD5424">
        <v>25116.975419999999</v>
      </c>
      <c r="AE5424">
        <v>50004.921049999997</v>
      </c>
      <c r="AF5424">
        <v>53923.532290000003</v>
      </c>
      <c r="AG5424">
        <v>27313.62125</v>
      </c>
      <c r="AH5424">
        <v>310795.89169999998</v>
      </c>
      <c r="AI5424">
        <v>80230.597829999999</v>
      </c>
      <c r="AJ5424">
        <v>18509.99569</v>
      </c>
      <c r="AK5424">
        <v>41998.803390000001</v>
      </c>
      <c r="AL5424">
        <v>85646.780530000004</v>
      </c>
      <c r="AM5424">
        <v>22139.340059999999</v>
      </c>
      <c r="AN5424">
        <v>82986.355460000006</v>
      </c>
      <c r="AO5424">
        <v>21075.302309999999</v>
      </c>
      <c r="AP5424">
        <v>16378.28412</v>
      </c>
    </row>
    <row r="5425" spans="2:42" x14ac:dyDescent="0.3">
      <c r="B5425">
        <v>60.422431480019959</v>
      </c>
      <c r="C5425" s="83">
        <v>43326.958333333336</v>
      </c>
      <c r="D5425">
        <v>146415.78880000001</v>
      </c>
      <c r="E5425">
        <v>13695.061320000001</v>
      </c>
      <c r="F5425">
        <v>61552.43129</v>
      </c>
      <c r="G5425">
        <v>29999.660070000002</v>
      </c>
      <c r="H5425">
        <v>35840.640399999997</v>
      </c>
      <c r="I5425">
        <v>24128.627700000001</v>
      </c>
      <c r="J5425">
        <v>44821.11823</v>
      </c>
      <c r="K5425">
        <v>53099.277860000002</v>
      </c>
      <c r="L5425">
        <v>23281.97479</v>
      </c>
      <c r="M5425">
        <v>308061.73320000002</v>
      </c>
      <c r="N5425">
        <v>79126.902090000003</v>
      </c>
      <c r="O5425">
        <v>17770.307700000001</v>
      </c>
      <c r="P5425">
        <v>36524.095650000003</v>
      </c>
      <c r="Q5425">
        <v>85250.784809999997</v>
      </c>
      <c r="R5425">
        <v>22187.710360000001</v>
      </c>
      <c r="S5425">
        <v>80837.045620000004</v>
      </c>
      <c r="T5425">
        <v>19852.75575</v>
      </c>
      <c r="U5425">
        <v>15733.098239999999</v>
      </c>
      <c r="W5425" s="83">
        <f>Bühler!N5457</f>
        <v>45517.958333320181</v>
      </c>
      <c r="X5425" s="83">
        <v>43326.958333333336</v>
      </c>
      <c r="Y5425">
        <v>146415.78880000001</v>
      </c>
      <c r="Z5425">
        <v>13695.061320000001</v>
      </c>
      <c r="AA5425">
        <v>61552.43129</v>
      </c>
      <c r="AB5425">
        <v>29999.660070000002</v>
      </c>
      <c r="AC5425">
        <v>35840.640399999997</v>
      </c>
      <c r="AD5425">
        <v>24128.627700000001</v>
      </c>
      <c r="AE5425">
        <v>44821.11823</v>
      </c>
      <c r="AF5425">
        <v>53099.277860000002</v>
      </c>
      <c r="AG5425">
        <v>23281.97479</v>
      </c>
      <c r="AH5425">
        <v>308061.73320000002</v>
      </c>
      <c r="AI5425">
        <v>79126.902090000003</v>
      </c>
      <c r="AJ5425">
        <v>17770.307700000001</v>
      </c>
      <c r="AK5425">
        <v>36524.095650000003</v>
      </c>
      <c r="AL5425">
        <v>85250.784809999997</v>
      </c>
      <c r="AM5425">
        <v>22187.710360000001</v>
      </c>
      <c r="AN5425">
        <v>80837.045620000004</v>
      </c>
      <c r="AO5425">
        <v>19852.75575</v>
      </c>
      <c r="AP5425">
        <v>15733.098239999999</v>
      </c>
    </row>
    <row r="5426" spans="2:42" x14ac:dyDescent="0.3">
      <c r="B5426">
        <v>59.520243039125852</v>
      </c>
      <c r="C5426" s="83">
        <v>43327</v>
      </c>
      <c r="D5426">
        <v>145209.90210000001</v>
      </c>
      <c r="E5426">
        <v>13286.31698</v>
      </c>
      <c r="F5426">
        <v>59793.739119999998</v>
      </c>
      <c r="G5426">
        <v>29636.00491</v>
      </c>
      <c r="H5426">
        <v>35397.26784</v>
      </c>
      <c r="I5426">
        <v>22372.476610000002</v>
      </c>
      <c r="J5426">
        <v>39777.283309999999</v>
      </c>
      <c r="K5426">
        <v>51059.68273</v>
      </c>
      <c r="L5426">
        <v>20347.77607</v>
      </c>
      <c r="M5426">
        <v>303461.9558</v>
      </c>
      <c r="N5426">
        <v>77599.663490000006</v>
      </c>
      <c r="O5426">
        <v>17462.580969999999</v>
      </c>
      <c r="P5426">
        <v>32228.790099999998</v>
      </c>
      <c r="Q5426">
        <v>83530.905570000003</v>
      </c>
      <c r="R5426">
        <v>18109.798490000001</v>
      </c>
      <c r="S5426">
        <v>78581.216149999993</v>
      </c>
      <c r="T5426">
        <v>18648.816139999999</v>
      </c>
      <c r="U5426">
        <v>15367.494280000001</v>
      </c>
      <c r="W5426" s="83">
        <f>Bühler!N5458</f>
        <v>45517.999999986845</v>
      </c>
      <c r="X5426" s="83">
        <v>43327</v>
      </c>
      <c r="Y5426">
        <v>145209.90210000001</v>
      </c>
      <c r="Z5426">
        <v>13286.31698</v>
      </c>
      <c r="AA5426">
        <v>59793.739119999998</v>
      </c>
      <c r="AB5426">
        <v>29636.00491</v>
      </c>
      <c r="AC5426">
        <v>35397.26784</v>
      </c>
      <c r="AD5426">
        <v>22372.476610000002</v>
      </c>
      <c r="AE5426">
        <v>39777.283309999999</v>
      </c>
      <c r="AF5426">
        <v>51059.68273</v>
      </c>
      <c r="AG5426">
        <v>20347.77607</v>
      </c>
      <c r="AH5426">
        <v>303461.9558</v>
      </c>
      <c r="AI5426">
        <v>77599.663490000006</v>
      </c>
      <c r="AJ5426">
        <v>17462.580969999999</v>
      </c>
      <c r="AK5426">
        <v>32228.790099999998</v>
      </c>
      <c r="AL5426">
        <v>83530.905570000003</v>
      </c>
      <c r="AM5426">
        <v>18109.798490000001</v>
      </c>
      <c r="AN5426">
        <v>78581.216149999993</v>
      </c>
      <c r="AO5426">
        <v>18648.816139999999</v>
      </c>
      <c r="AP5426">
        <v>15367.494280000001</v>
      </c>
    </row>
    <row r="5427" spans="2:42" x14ac:dyDescent="0.3">
      <c r="B5427">
        <v>58.465317746054879</v>
      </c>
      <c r="C5427" s="83">
        <v>43327.041666666664</v>
      </c>
      <c r="D5427">
        <v>143676.36910000001</v>
      </c>
      <c r="E5427">
        <v>13050.398569999999</v>
      </c>
      <c r="F5427">
        <v>58963.641669999997</v>
      </c>
      <c r="G5427">
        <v>28971.808010000001</v>
      </c>
      <c r="H5427">
        <v>34542.592299999997</v>
      </c>
      <c r="I5427">
        <v>18730.985359999999</v>
      </c>
      <c r="J5427">
        <v>38040.264920000001</v>
      </c>
      <c r="K5427">
        <v>49851.864730000001</v>
      </c>
      <c r="L5427">
        <v>18947.596740000001</v>
      </c>
      <c r="M5427">
        <v>298083.4547</v>
      </c>
      <c r="N5427">
        <v>76738.276110000006</v>
      </c>
      <c r="O5427">
        <v>17523.363570000001</v>
      </c>
      <c r="P5427">
        <v>29255.709470000002</v>
      </c>
      <c r="Q5427">
        <v>83767.636079999997</v>
      </c>
      <c r="R5427">
        <v>15842.96048</v>
      </c>
      <c r="S5427">
        <v>77417.288050000003</v>
      </c>
      <c r="T5427">
        <v>18167.310010000001</v>
      </c>
      <c r="U5427">
        <v>15046.363740000001</v>
      </c>
      <c r="W5427" s="83">
        <f>Bühler!N5459</f>
        <v>45518.041666653509</v>
      </c>
      <c r="X5427" s="83">
        <v>43327.041666666664</v>
      </c>
      <c r="Y5427">
        <v>143676.36910000001</v>
      </c>
      <c r="Z5427">
        <v>13050.398569999999</v>
      </c>
      <c r="AA5427">
        <v>58963.641669999997</v>
      </c>
      <c r="AB5427">
        <v>28971.808010000001</v>
      </c>
      <c r="AC5427">
        <v>34542.592299999997</v>
      </c>
      <c r="AD5427">
        <v>18730.985359999999</v>
      </c>
      <c r="AE5427">
        <v>38040.264920000001</v>
      </c>
      <c r="AF5427">
        <v>49851.864730000001</v>
      </c>
      <c r="AG5427">
        <v>18947.596740000001</v>
      </c>
      <c r="AH5427">
        <v>298083.4547</v>
      </c>
      <c r="AI5427">
        <v>76738.276110000006</v>
      </c>
      <c r="AJ5427">
        <v>17523.363570000001</v>
      </c>
      <c r="AK5427">
        <v>29255.709470000002</v>
      </c>
      <c r="AL5427">
        <v>83767.636079999997</v>
      </c>
      <c r="AM5427">
        <v>15842.96048</v>
      </c>
      <c r="AN5427">
        <v>77417.288050000003</v>
      </c>
      <c r="AO5427">
        <v>18167.310010000001</v>
      </c>
      <c r="AP5427">
        <v>15046.363740000001</v>
      </c>
    </row>
    <row r="5428" spans="2:42" x14ac:dyDescent="0.3">
      <c r="B5428">
        <v>58.605781829166837</v>
      </c>
      <c r="C5428" s="83">
        <v>43327.083333333336</v>
      </c>
      <c r="D5428">
        <v>143976.64430000001</v>
      </c>
      <c r="E5428">
        <v>12806.79782</v>
      </c>
      <c r="F5428">
        <v>60138.303999999996</v>
      </c>
      <c r="G5428">
        <v>28169.97925</v>
      </c>
      <c r="H5428">
        <v>34296.101110000003</v>
      </c>
      <c r="I5428">
        <v>17018.597150000001</v>
      </c>
      <c r="J5428">
        <v>37275.377249999998</v>
      </c>
      <c r="K5428">
        <v>47978.876199999999</v>
      </c>
      <c r="L5428">
        <v>17392.767309999999</v>
      </c>
      <c r="M5428">
        <v>298799.60609999998</v>
      </c>
      <c r="N5428">
        <v>75975.730370000005</v>
      </c>
      <c r="O5428">
        <v>16985.611730000001</v>
      </c>
      <c r="P5428">
        <v>27411.234530000002</v>
      </c>
      <c r="Q5428">
        <v>86572.420230000003</v>
      </c>
      <c r="R5428">
        <v>16078.879929999999</v>
      </c>
      <c r="S5428">
        <v>75876.176649999994</v>
      </c>
      <c r="T5428">
        <v>17827.338110000001</v>
      </c>
      <c r="U5428">
        <v>14778.89558</v>
      </c>
      <c r="W5428" s="83">
        <f>Bühler!N5460</f>
        <v>45518.083333320174</v>
      </c>
      <c r="X5428" s="83">
        <v>43327.083333333336</v>
      </c>
      <c r="Y5428">
        <v>143976.64430000001</v>
      </c>
      <c r="Z5428">
        <v>12806.79782</v>
      </c>
      <c r="AA5428">
        <v>60138.303999999996</v>
      </c>
      <c r="AB5428">
        <v>28169.97925</v>
      </c>
      <c r="AC5428">
        <v>34296.101110000003</v>
      </c>
      <c r="AD5428">
        <v>17018.597150000001</v>
      </c>
      <c r="AE5428">
        <v>37275.377249999998</v>
      </c>
      <c r="AF5428">
        <v>47978.876199999999</v>
      </c>
      <c r="AG5428">
        <v>17392.767309999999</v>
      </c>
      <c r="AH5428">
        <v>298799.60609999998</v>
      </c>
      <c r="AI5428">
        <v>75975.730370000005</v>
      </c>
      <c r="AJ5428">
        <v>16985.611730000001</v>
      </c>
      <c r="AK5428">
        <v>27411.234530000002</v>
      </c>
      <c r="AL5428">
        <v>86572.420230000003</v>
      </c>
      <c r="AM5428">
        <v>16078.879929999999</v>
      </c>
      <c r="AN5428">
        <v>75876.176649999994</v>
      </c>
      <c r="AO5428">
        <v>17827.338110000001</v>
      </c>
      <c r="AP5428">
        <v>14778.89558</v>
      </c>
    </row>
    <row r="5429" spans="2:42" x14ac:dyDescent="0.3">
      <c r="B5429">
        <v>59.268270658838006</v>
      </c>
      <c r="C5429" s="83">
        <v>43327.125</v>
      </c>
      <c r="D5429">
        <v>143434.55910000001</v>
      </c>
      <c r="E5429">
        <v>12782.8632</v>
      </c>
      <c r="F5429">
        <v>59916.107989999997</v>
      </c>
      <c r="G5429">
        <v>27627.478200000001</v>
      </c>
      <c r="H5429">
        <v>33839.262569999999</v>
      </c>
      <c r="I5429">
        <v>16616.952359999999</v>
      </c>
      <c r="J5429">
        <v>36824.717089999998</v>
      </c>
      <c r="K5429">
        <v>45962.911160000003</v>
      </c>
      <c r="L5429">
        <v>17075.42441</v>
      </c>
      <c r="M5429">
        <v>302177.2831</v>
      </c>
      <c r="N5429">
        <v>73710.556219999999</v>
      </c>
      <c r="O5429">
        <v>17214.14818</v>
      </c>
      <c r="P5429">
        <v>26682.801530000001</v>
      </c>
      <c r="Q5429">
        <v>88000.872730000003</v>
      </c>
      <c r="R5429">
        <v>15495.13773</v>
      </c>
      <c r="S5429">
        <v>75025.0766</v>
      </c>
      <c r="T5429">
        <v>17483.03082</v>
      </c>
      <c r="U5429">
        <v>14515.01521</v>
      </c>
      <c r="W5429" s="83">
        <f>Bühler!N5461</f>
        <v>45518.124999986838</v>
      </c>
      <c r="X5429" s="83">
        <v>43327.125</v>
      </c>
      <c r="Y5429">
        <v>143434.55910000001</v>
      </c>
      <c r="Z5429">
        <v>12782.8632</v>
      </c>
      <c r="AA5429">
        <v>59916.107989999997</v>
      </c>
      <c r="AB5429">
        <v>27627.478200000001</v>
      </c>
      <c r="AC5429">
        <v>33839.262569999999</v>
      </c>
      <c r="AD5429">
        <v>16616.952359999999</v>
      </c>
      <c r="AE5429">
        <v>36824.717089999998</v>
      </c>
      <c r="AF5429">
        <v>45962.911160000003</v>
      </c>
      <c r="AG5429">
        <v>17075.42441</v>
      </c>
      <c r="AH5429">
        <v>302177.2831</v>
      </c>
      <c r="AI5429">
        <v>73710.556219999999</v>
      </c>
      <c r="AJ5429">
        <v>17214.14818</v>
      </c>
      <c r="AK5429">
        <v>26682.801530000001</v>
      </c>
      <c r="AL5429">
        <v>88000.872730000003</v>
      </c>
      <c r="AM5429">
        <v>15495.13773</v>
      </c>
      <c r="AN5429">
        <v>75025.0766</v>
      </c>
      <c r="AO5429">
        <v>17483.03082</v>
      </c>
      <c r="AP5429">
        <v>14515.01521</v>
      </c>
    </row>
    <row r="5430" spans="2:42" x14ac:dyDescent="0.3">
      <c r="B5430">
        <v>60.107208471333081</v>
      </c>
      <c r="C5430" s="83">
        <v>43327.166666666664</v>
      </c>
      <c r="D5430">
        <v>145228.4615</v>
      </c>
      <c r="E5430">
        <v>13141.17764</v>
      </c>
      <c r="F5430">
        <v>62718.130649999999</v>
      </c>
      <c r="G5430">
        <v>27020.023249999998</v>
      </c>
      <c r="H5430">
        <v>34100.468390000002</v>
      </c>
      <c r="I5430">
        <v>17788.649160000001</v>
      </c>
      <c r="J5430">
        <v>38842.512360000001</v>
      </c>
      <c r="K5430">
        <v>45323.69184</v>
      </c>
      <c r="L5430">
        <v>16694.94987</v>
      </c>
      <c r="M5430">
        <v>306454.57929999998</v>
      </c>
      <c r="N5430">
        <v>72177.288390000002</v>
      </c>
      <c r="O5430">
        <v>17466.745429999999</v>
      </c>
      <c r="P5430">
        <v>26308.025290000001</v>
      </c>
      <c r="Q5430">
        <v>90666.898740000004</v>
      </c>
      <c r="R5430">
        <v>15669.05039</v>
      </c>
      <c r="S5430">
        <v>74953.861229999995</v>
      </c>
      <c r="T5430">
        <v>17218.37758</v>
      </c>
      <c r="U5430">
        <v>14371.570830000001</v>
      </c>
      <c r="W5430" s="83">
        <f>Bühler!N5462</f>
        <v>45518.166666653502</v>
      </c>
      <c r="X5430" s="83">
        <v>43327.166666666664</v>
      </c>
      <c r="Y5430">
        <v>145228.4615</v>
      </c>
      <c r="Z5430">
        <v>13141.17764</v>
      </c>
      <c r="AA5430">
        <v>62718.130649999999</v>
      </c>
      <c r="AB5430">
        <v>27020.023249999998</v>
      </c>
      <c r="AC5430">
        <v>34100.468390000002</v>
      </c>
      <c r="AD5430">
        <v>17788.649160000001</v>
      </c>
      <c r="AE5430">
        <v>38842.512360000001</v>
      </c>
      <c r="AF5430">
        <v>45323.69184</v>
      </c>
      <c r="AG5430">
        <v>16694.94987</v>
      </c>
      <c r="AH5430">
        <v>306454.57929999998</v>
      </c>
      <c r="AI5430">
        <v>72177.288390000002</v>
      </c>
      <c r="AJ5430">
        <v>17466.745429999999</v>
      </c>
      <c r="AK5430">
        <v>26308.025290000001</v>
      </c>
      <c r="AL5430">
        <v>90666.898740000004</v>
      </c>
      <c r="AM5430">
        <v>15669.05039</v>
      </c>
      <c r="AN5430">
        <v>74953.861229999995</v>
      </c>
      <c r="AO5430">
        <v>17218.37758</v>
      </c>
      <c r="AP5430">
        <v>14371.570830000001</v>
      </c>
    </row>
    <row r="5431" spans="2:42" x14ac:dyDescent="0.3">
      <c r="B5431">
        <v>63.112205125704143</v>
      </c>
      <c r="C5431" s="83">
        <v>43327.208333333336</v>
      </c>
      <c r="D5431">
        <v>152452.68669999999</v>
      </c>
      <c r="E5431">
        <v>14858.775890000001</v>
      </c>
      <c r="F5431">
        <v>72593.48775</v>
      </c>
      <c r="G5431">
        <v>27583.344000000001</v>
      </c>
      <c r="H5431">
        <v>35528.595240000002</v>
      </c>
      <c r="I5431">
        <v>23057.885829999999</v>
      </c>
      <c r="J5431">
        <v>42236.398869999997</v>
      </c>
      <c r="K5431">
        <v>46108.457739999998</v>
      </c>
      <c r="L5431">
        <v>17351.480520000001</v>
      </c>
      <c r="M5431">
        <v>321775.45360000001</v>
      </c>
      <c r="N5431">
        <v>74227.723570000002</v>
      </c>
      <c r="O5431">
        <v>17630.399010000001</v>
      </c>
      <c r="P5431">
        <v>27369.050520000001</v>
      </c>
      <c r="Q5431">
        <v>92256.836840000004</v>
      </c>
      <c r="R5431">
        <v>17436.381130000002</v>
      </c>
      <c r="S5431">
        <v>76889.307769999999</v>
      </c>
      <c r="T5431">
        <v>18201.750250000001</v>
      </c>
      <c r="U5431">
        <v>15263.98071</v>
      </c>
      <c r="W5431" s="83">
        <f>Bühler!N5463</f>
        <v>45518.208333320166</v>
      </c>
      <c r="X5431" s="83">
        <v>43327.208333333336</v>
      </c>
      <c r="Y5431">
        <v>152452.68669999999</v>
      </c>
      <c r="Z5431">
        <v>14858.775890000001</v>
      </c>
      <c r="AA5431">
        <v>72593.48775</v>
      </c>
      <c r="AB5431">
        <v>27583.344000000001</v>
      </c>
      <c r="AC5431">
        <v>35528.595240000002</v>
      </c>
      <c r="AD5431">
        <v>23057.885829999999</v>
      </c>
      <c r="AE5431">
        <v>42236.398869999997</v>
      </c>
      <c r="AF5431">
        <v>46108.457739999998</v>
      </c>
      <c r="AG5431">
        <v>17351.480520000001</v>
      </c>
      <c r="AH5431">
        <v>321775.45360000001</v>
      </c>
      <c r="AI5431">
        <v>74227.723570000002</v>
      </c>
      <c r="AJ5431">
        <v>17630.399010000001</v>
      </c>
      <c r="AK5431">
        <v>27369.050520000001</v>
      </c>
      <c r="AL5431">
        <v>92256.836840000004</v>
      </c>
      <c r="AM5431">
        <v>17436.381130000002</v>
      </c>
      <c r="AN5431">
        <v>76889.307769999999</v>
      </c>
      <c r="AO5431">
        <v>18201.750250000001</v>
      </c>
      <c r="AP5431">
        <v>15263.98071</v>
      </c>
    </row>
    <row r="5432" spans="2:42" x14ac:dyDescent="0.3">
      <c r="B5432">
        <v>66.243810716313149</v>
      </c>
      <c r="C5432" s="83">
        <v>43327.25</v>
      </c>
      <c r="D5432">
        <v>159153.13269999999</v>
      </c>
      <c r="E5432">
        <v>18173.12413</v>
      </c>
      <c r="F5432">
        <v>82191.079849999995</v>
      </c>
      <c r="G5432">
        <v>29023.898359999999</v>
      </c>
      <c r="H5432">
        <v>37252.147550000002</v>
      </c>
      <c r="I5432">
        <v>27055.32861</v>
      </c>
      <c r="J5432">
        <v>46175.82084</v>
      </c>
      <c r="K5432">
        <v>46315.372170000002</v>
      </c>
      <c r="L5432">
        <v>18563.830330000001</v>
      </c>
      <c r="M5432">
        <v>337741.83929999999</v>
      </c>
      <c r="N5432">
        <v>76764.545549999995</v>
      </c>
      <c r="O5432">
        <v>19008.214080000002</v>
      </c>
      <c r="P5432">
        <v>27333.651300000001</v>
      </c>
      <c r="Q5432">
        <v>92578.756380000006</v>
      </c>
      <c r="R5432">
        <v>18344.759989999999</v>
      </c>
      <c r="S5432">
        <v>83972.580740000005</v>
      </c>
      <c r="T5432">
        <v>19646.59533</v>
      </c>
      <c r="U5432">
        <v>17258.683059999999</v>
      </c>
      <c r="W5432" s="83">
        <f>Bühler!N5464</f>
        <v>45518.249999986831</v>
      </c>
      <c r="X5432" s="83">
        <v>43327.25</v>
      </c>
      <c r="Y5432">
        <v>159153.13269999999</v>
      </c>
      <c r="Z5432">
        <v>18173.12413</v>
      </c>
      <c r="AA5432">
        <v>82191.079849999995</v>
      </c>
      <c r="AB5432">
        <v>29023.898359999999</v>
      </c>
      <c r="AC5432">
        <v>37252.147550000002</v>
      </c>
      <c r="AD5432">
        <v>27055.32861</v>
      </c>
      <c r="AE5432">
        <v>46175.82084</v>
      </c>
      <c r="AF5432">
        <v>46315.372170000002</v>
      </c>
      <c r="AG5432">
        <v>18563.830330000001</v>
      </c>
      <c r="AH5432">
        <v>337741.83929999999</v>
      </c>
      <c r="AI5432">
        <v>76764.545549999995</v>
      </c>
      <c r="AJ5432">
        <v>19008.214080000002</v>
      </c>
      <c r="AK5432">
        <v>27333.651300000001</v>
      </c>
      <c r="AL5432">
        <v>92578.756380000006</v>
      </c>
      <c r="AM5432">
        <v>18344.759989999999</v>
      </c>
      <c r="AN5432">
        <v>83972.580740000005</v>
      </c>
      <c r="AO5432">
        <v>19646.59533</v>
      </c>
      <c r="AP5432">
        <v>17258.683059999999</v>
      </c>
    </row>
    <row r="5433" spans="2:42" x14ac:dyDescent="0.3">
      <c r="B5433">
        <v>67.960489971008954</v>
      </c>
      <c r="C5433" s="83">
        <v>43327.291666666664</v>
      </c>
      <c r="D5433">
        <v>166675.9253</v>
      </c>
      <c r="E5433">
        <v>21681.25575</v>
      </c>
      <c r="F5433">
        <v>84920.089489999998</v>
      </c>
      <c r="G5433">
        <v>31391.54277</v>
      </c>
      <c r="H5433">
        <v>40326.539290000001</v>
      </c>
      <c r="I5433">
        <v>30775.180990000001</v>
      </c>
      <c r="J5433">
        <v>47055.378100000002</v>
      </c>
      <c r="K5433">
        <v>50017.971850000002</v>
      </c>
      <c r="L5433">
        <v>20656.537540000001</v>
      </c>
      <c r="M5433">
        <v>346494.27069999999</v>
      </c>
      <c r="N5433">
        <v>80545.045129999999</v>
      </c>
      <c r="O5433">
        <v>21909.14257</v>
      </c>
      <c r="P5433">
        <v>30403.884030000001</v>
      </c>
      <c r="Q5433">
        <v>93894.029020000002</v>
      </c>
      <c r="R5433">
        <v>19486.915830000002</v>
      </c>
      <c r="S5433">
        <v>96056.354319999999</v>
      </c>
      <c r="T5433">
        <v>22696.877140000001</v>
      </c>
      <c r="U5433">
        <v>19451.158790000001</v>
      </c>
      <c r="W5433" s="83">
        <f>Bühler!N5465</f>
        <v>45518.291666653495</v>
      </c>
      <c r="X5433" s="83">
        <v>43327.291666666664</v>
      </c>
      <c r="Y5433">
        <v>166675.9253</v>
      </c>
      <c r="Z5433">
        <v>21681.25575</v>
      </c>
      <c r="AA5433">
        <v>84920.089489999998</v>
      </c>
      <c r="AB5433">
        <v>31391.54277</v>
      </c>
      <c r="AC5433">
        <v>40326.539290000001</v>
      </c>
      <c r="AD5433">
        <v>30775.180990000001</v>
      </c>
      <c r="AE5433">
        <v>47055.378100000002</v>
      </c>
      <c r="AF5433">
        <v>50017.971850000002</v>
      </c>
      <c r="AG5433">
        <v>20656.537540000001</v>
      </c>
      <c r="AH5433">
        <v>346494.27069999999</v>
      </c>
      <c r="AI5433">
        <v>80545.045129999999</v>
      </c>
      <c r="AJ5433">
        <v>21909.14257</v>
      </c>
      <c r="AK5433">
        <v>30403.884030000001</v>
      </c>
      <c r="AL5433">
        <v>93894.029020000002</v>
      </c>
      <c r="AM5433">
        <v>19486.915830000002</v>
      </c>
      <c r="AN5433">
        <v>96056.354319999999</v>
      </c>
      <c r="AO5433">
        <v>22696.877140000001</v>
      </c>
      <c r="AP5433">
        <v>19451.158790000001</v>
      </c>
    </row>
    <row r="5434" spans="2:42" x14ac:dyDescent="0.3">
      <c r="B5434">
        <v>69.947840758562364</v>
      </c>
      <c r="C5434" s="83">
        <v>43327.333333333336</v>
      </c>
      <c r="D5434">
        <v>173975.41649999999</v>
      </c>
      <c r="E5434">
        <v>27078.22957</v>
      </c>
      <c r="F5434">
        <v>90810.175829999993</v>
      </c>
      <c r="G5434">
        <v>34439.369480000001</v>
      </c>
      <c r="H5434">
        <v>43393.18634</v>
      </c>
      <c r="I5434">
        <v>33153.209340000001</v>
      </c>
      <c r="J5434">
        <v>50335.997880000003</v>
      </c>
      <c r="K5434">
        <v>53449.671860000002</v>
      </c>
      <c r="L5434">
        <v>24376.689259999999</v>
      </c>
      <c r="M5434">
        <v>356626.71179999999</v>
      </c>
      <c r="N5434">
        <v>87449.01053</v>
      </c>
      <c r="O5434">
        <v>23979.580109999999</v>
      </c>
      <c r="P5434">
        <v>34093.855940000001</v>
      </c>
      <c r="Q5434">
        <v>93885.955759999997</v>
      </c>
      <c r="R5434">
        <v>21638.143759999999</v>
      </c>
      <c r="S5434">
        <v>106391.3118</v>
      </c>
      <c r="T5434">
        <v>24584.801049999998</v>
      </c>
      <c r="U5434">
        <v>21817.407139999999</v>
      </c>
      <c r="W5434" s="83">
        <f>Bühler!N5466</f>
        <v>45518.333333320159</v>
      </c>
      <c r="X5434" s="83">
        <v>43327.333333333336</v>
      </c>
      <c r="Y5434">
        <v>173975.41649999999</v>
      </c>
      <c r="Z5434">
        <v>27078.22957</v>
      </c>
      <c r="AA5434">
        <v>90810.175829999993</v>
      </c>
      <c r="AB5434">
        <v>34439.369480000001</v>
      </c>
      <c r="AC5434">
        <v>43393.18634</v>
      </c>
      <c r="AD5434">
        <v>33153.209340000001</v>
      </c>
      <c r="AE5434">
        <v>50335.997880000003</v>
      </c>
      <c r="AF5434">
        <v>53449.671860000002</v>
      </c>
      <c r="AG5434">
        <v>24376.689259999999</v>
      </c>
      <c r="AH5434">
        <v>356626.71179999999</v>
      </c>
      <c r="AI5434">
        <v>87449.01053</v>
      </c>
      <c r="AJ5434">
        <v>23979.580109999999</v>
      </c>
      <c r="AK5434">
        <v>34093.855940000001</v>
      </c>
      <c r="AL5434">
        <v>93885.955759999997</v>
      </c>
      <c r="AM5434">
        <v>21638.143759999999</v>
      </c>
      <c r="AN5434">
        <v>106391.3118</v>
      </c>
      <c r="AO5434">
        <v>24584.801049999998</v>
      </c>
      <c r="AP5434">
        <v>21817.407139999999</v>
      </c>
    </row>
    <row r="5435" spans="2:42" x14ac:dyDescent="0.3">
      <c r="B5435">
        <v>70.455510658959739</v>
      </c>
      <c r="C5435" s="83">
        <v>43327.375</v>
      </c>
      <c r="D5435">
        <v>176231.82750000001</v>
      </c>
      <c r="E5435">
        <v>31702.284080000001</v>
      </c>
      <c r="F5435">
        <v>98223.669080000007</v>
      </c>
      <c r="G5435">
        <v>36863.121489999998</v>
      </c>
      <c r="H5435">
        <v>46054.821060000002</v>
      </c>
      <c r="I5435">
        <v>33141.667820000002</v>
      </c>
      <c r="J5435">
        <v>53216.241800000003</v>
      </c>
      <c r="K5435">
        <v>57018.402370000003</v>
      </c>
      <c r="L5435">
        <v>28158.14501</v>
      </c>
      <c r="M5435">
        <v>359215.04969999997</v>
      </c>
      <c r="N5435">
        <v>91932.291769999996</v>
      </c>
      <c r="O5435">
        <v>25121.458129999999</v>
      </c>
      <c r="P5435">
        <v>38570.417999999998</v>
      </c>
      <c r="Q5435">
        <v>95796.283869999999</v>
      </c>
      <c r="R5435">
        <v>22931.20292</v>
      </c>
      <c r="S5435">
        <v>113795.0678</v>
      </c>
      <c r="T5435">
        <v>26624.731640000002</v>
      </c>
      <c r="U5435">
        <v>22227.023399999998</v>
      </c>
      <c r="W5435" s="83">
        <f>Bühler!N5467</f>
        <v>45518.374999986823</v>
      </c>
      <c r="X5435" s="83">
        <v>43327.375</v>
      </c>
      <c r="Y5435">
        <v>176231.82750000001</v>
      </c>
      <c r="Z5435">
        <v>31702.284080000001</v>
      </c>
      <c r="AA5435">
        <v>98223.669080000007</v>
      </c>
      <c r="AB5435">
        <v>36863.121489999998</v>
      </c>
      <c r="AC5435">
        <v>46054.821060000002</v>
      </c>
      <c r="AD5435">
        <v>33141.667820000002</v>
      </c>
      <c r="AE5435">
        <v>53216.241800000003</v>
      </c>
      <c r="AF5435">
        <v>57018.402370000003</v>
      </c>
      <c r="AG5435">
        <v>28158.14501</v>
      </c>
      <c r="AH5435">
        <v>359215.04969999997</v>
      </c>
      <c r="AI5435">
        <v>91932.291769999996</v>
      </c>
      <c r="AJ5435">
        <v>25121.458129999999</v>
      </c>
      <c r="AK5435">
        <v>38570.417999999998</v>
      </c>
      <c r="AL5435">
        <v>95796.283869999999</v>
      </c>
      <c r="AM5435">
        <v>22931.20292</v>
      </c>
      <c r="AN5435">
        <v>113795.0678</v>
      </c>
      <c r="AO5435">
        <v>26624.731640000002</v>
      </c>
      <c r="AP5435">
        <v>22227.023399999998</v>
      </c>
    </row>
    <row r="5436" spans="2:42" x14ac:dyDescent="0.3">
      <c r="B5436">
        <v>71.889188712269458</v>
      </c>
      <c r="C5436" s="83">
        <v>43327.416666666664</v>
      </c>
      <c r="D5436">
        <v>179952.8181</v>
      </c>
      <c r="E5436">
        <v>33701.743880000002</v>
      </c>
      <c r="F5436">
        <v>100383.4066</v>
      </c>
      <c r="G5436">
        <v>37943.280270000003</v>
      </c>
      <c r="H5436">
        <v>47305.327299999997</v>
      </c>
      <c r="I5436">
        <v>32856.091990000001</v>
      </c>
      <c r="J5436">
        <v>54383.142379999998</v>
      </c>
      <c r="K5436">
        <v>58822.827010000001</v>
      </c>
      <c r="L5436">
        <v>31805.397099999998</v>
      </c>
      <c r="M5436">
        <v>366524.609</v>
      </c>
      <c r="N5436">
        <v>96677.960370000001</v>
      </c>
      <c r="O5436">
        <v>26279.726019999998</v>
      </c>
      <c r="P5436">
        <v>40249.143380000001</v>
      </c>
      <c r="Q5436">
        <v>97973.679969999997</v>
      </c>
      <c r="R5436">
        <v>23986.537990000001</v>
      </c>
      <c r="S5436">
        <v>117080.4676</v>
      </c>
      <c r="T5436">
        <v>28717.6731</v>
      </c>
      <c r="U5436">
        <v>20973.884979999999</v>
      </c>
      <c r="W5436" s="83">
        <f>Bühler!N5468</f>
        <v>45518.416666653487</v>
      </c>
      <c r="X5436" s="83">
        <v>43327.416666666664</v>
      </c>
      <c r="Y5436">
        <v>179952.8181</v>
      </c>
      <c r="Z5436">
        <v>33701.743880000002</v>
      </c>
      <c r="AA5436">
        <v>100383.4066</v>
      </c>
      <c r="AB5436">
        <v>37943.280270000003</v>
      </c>
      <c r="AC5436">
        <v>47305.327299999997</v>
      </c>
      <c r="AD5436">
        <v>32856.091990000001</v>
      </c>
      <c r="AE5436">
        <v>54383.142379999998</v>
      </c>
      <c r="AF5436">
        <v>58822.827010000001</v>
      </c>
      <c r="AG5436">
        <v>31805.397099999998</v>
      </c>
      <c r="AH5436">
        <v>366524.609</v>
      </c>
      <c r="AI5436">
        <v>96677.960370000001</v>
      </c>
      <c r="AJ5436">
        <v>26279.726019999998</v>
      </c>
      <c r="AK5436">
        <v>40249.143380000001</v>
      </c>
      <c r="AL5436">
        <v>97973.679969999997</v>
      </c>
      <c r="AM5436">
        <v>23986.537990000001</v>
      </c>
      <c r="AN5436">
        <v>117080.4676</v>
      </c>
      <c r="AO5436">
        <v>28717.6731</v>
      </c>
      <c r="AP5436">
        <v>20973.884979999999</v>
      </c>
    </row>
    <row r="5437" spans="2:42" x14ac:dyDescent="0.3">
      <c r="B5437">
        <v>72.747808266933589</v>
      </c>
      <c r="C5437" s="83">
        <v>43327.458333333336</v>
      </c>
      <c r="D5437">
        <v>181979.77919999999</v>
      </c>
      <c r="E5437">
        <v>34350.92353</v>
      </c>
      <c r="F5437">
        <v>102149.144</v>
      </c>
      <c r="G5437">
        <v>38113.344040000004</v>
      </c>
      <c r="H5437">
        <v>47700.730940000001</v>
      </c>
      <c r="I5437">
        <v>32914.893709999997</v>
      </c>
      <c r="J5437">
        <v>55502.088559999997</v>
      </c>
      <c r="K5437">
        <v>60588.184869999997</v>
      </c>
      <c r="L5437">
        <v>34211.888989999999</v>
      </c>
      <c r="M5437">
        <v>370902.25189999997</v>
      </c>
      <c r="N5437">
        <v>98644.677190000002</v>
      </c>
      <c r="O5437">
        <v>25106.545849999999</v>
      </c>
      <c r="P5437">
        <v>39574.469060000003</v>
      </c>
      <c r="Q5437">
        <v>99540.932950000002</v>
      </c>
      <c r="R5437">
        <v>26132.894820000001</v>
      </c>
      <c r="S5437">
        <v>120255.96520000001</v>
      </c>
      <c r="T5437">
        <v>29290.74022</v>
      </c>
      <c r="U5437">
        <v>21503.103490000001</v>
      </c>
      <c r="W5437" s="83">
        <f>Bühler!N5469</f>
        <v>45518.458333320152</v>
      </c>
      <c r="X5437" s="83">
        <v>43327.458333333336</v>
      </c>
      <c r="Y5437">
        <v>181979.77919999999</v>
      </c>
      <c r="Z5437">
        <v>34350.92353</v>
      </c>
      <c r="AA5437">
        <v>102149.144</v>
      </c>
      <c r="AB5437">
        <v>38113.344040000004</v>
      </c>
      <c r="AC5437">
        <v>47700.730940000001</v>
      </c>
      <c r="AD5437">
        <v>32914.893709999997</v>
      </c>
      <c r="AE5437">
        <v>55502.088559999997</v>
      </c>
      <c r="AF5437">
        <v>60588.184869999997</v>
      </c>
      <c r="AG5437">
        <v>34211.888989999999</v>
      </c>
      <c r="AH5437">
        <v>370902.25189999997</v>
      </c>
      <c r="AI5437">
        <v>98644.677190000002</v>
      </c>
      <c r="AJ5437">
        <v>25106.545849999999</v>
      </c>
      <c r="AK5437">
        <v>39574.469060000003</v>
      </c>
      <c r="AL5437">
        <v>99540.932950000002</v>
      </c>
      <c r="AM5437">
        <v>26132.894820000001</v>
      </c>
      <c r="AN5437">
        <v>120255.96520000001</v>
      </c>
      <c r="AO5437">
        <v>29290.74022</v>
      </c>
      <c r="AP5437">
        <v>21503.103490000001</v>
      </c>
    </row>
    <row r="5438" spans="2:42" x14ac:dyDescent="0.3">
      <c r="B5438">
        <v>72.205692086376473</v>
      </c>
      <c r="C5438" s="83">
        <v>43327.5</v>
      </c>
      <c r="D5438">
        <v>179048.4792</v>
      </c>
      <c r="E5438">
        <v>32046.542750000001</v>
      </c>
      <c r="F5438">
        <v>97277.712849999996</v>
      </c>
      <c r="G5438">
        <v>37615.483330000003</v>
      </c>
      <c r="H5438">
        <v>47481.367989999999</v>
      </c>
      <c r="I5438">
        <v>32406.387869999999</v>
      </c>
      <c r="J5438">
        <v>56595.352740000002</v>
      </c>
      <c r="K5438">
        <v>58506.284480000002</v>
      </c>
      <c r="L5438">
        <v>36897.861060000003</v>
      </c>
      <c r="M5438">
        <v>368138.29080000002</v>
      </c>
      <c r="N5438">
        <v>96668.301309999995</v>
      </c>
      <c r="O5438">
        <v>24379.49</v>
      </c>
      <c r="P5438">
        <v>40475.287040000003</v>
      </c>
      <c r="Q5438">
        <v>100493.1102</v>
      </c>
      <c r="R5438">
        <v>26308.903610000001</v>
      </c>
      <c r="S5438">
        <v>117860.6204</v>
      </c>
      <c r="T5438">
        <v>29082.415779999999</v>
      </c>
      <c r="U5438">
        <v>19809.675879999999</v>
      </c>
      <c r="W5438" s="83">
        <f>Bühler!N5470</f>
        <v>45518.499999986816</v>
      </c>
      <c r="X5438" s="83">
        <v>43327.5</v>
      </c>
      <c r="Y5438">
        <v>179048.4792</v>
      </c>
      <c r="Z5438">
        <v>32046.542750000001</v>
      </c>
      <c r="AA5438">
        <v>97277.712849999996</v>
      </c>
      <c r="AB5438">
        <v>37615.483330000003</v>
      </c>
      <c r="AC5438">
        <v>47481.367989999999</v>
      </c>
      <c r="AD5438">
        <v>32406.387869999999</v>
      </c>
      <c r="AE5438">
        <v>56595.352740000002</v>
      </c>
      <c r="AF5438">
        <v>58506.284480000002</v>
      </c>
      <c r="AG5438">
        <v>36897.861060000003</v>
      </c>
      <c r="AH5438">
        <v>368138.29080000002</v>
      </c>
      <c r="AI5438">
        <v>96668.301309999995</v>
      </c>
      <c r="AJ5438">
        <v>24379.49</v>
      </c>
      <c r="AK5438">
        <v>40475.287040000003</v>
      </c>
      <c r="AL5438">
        <v>100493.1102</v>
      </c>
      <c r="AM5438">
        <v>26308.903610000001</v>
      </c>
      <c r="AN5438">
        <v>117860.6204</v>
      </c>
      <c r="AO5438">
        <v>29082.415779999999</v>
      </c>
      <c r="AP5438">
        <v>19809.675879999999</v>
      </c>
    </row>
    <row r="5439" spans="2:42" x14ac:dyDescent="0.3">
      <c r="B5439">
        <v>72.21864041153394</v>
      </c>
      <c r="C5439" s="83">
        <v>43327.541666666664</v>
      </c>
      <c r="D5439">
        <v>179181.65400000001</v>
      </c>
      <c r="E5439">
        <v>32299.095209999999</v>
      </c>
      <c r="F5439">
        <v>94302.183080000003</v>
      </c>
      <c r="G5439">
        <v>37394.84633</v>
      </c>
      <c r="H5439">
        <v>47662.618730000002</v>
      </c>
      <c r="I5439">
        <v>32197.931089999998</v>
      </c>
      <c r="J5439">
        <v>56260.384299999998</v>
      </c>
      <c r="K5439">
        <v>60165.074999999997</v>
      </c>
      <c r="L5439">
        <v>36988.015180000002</v>
      </c>
      <c r="M5439">
        <v>368204.30739999999</v>
      </c>
      <c r="N5439">
        <v>97077.637499999997</v>
      </c>
      <c r="O5439">
        <v>25511.583470000001</v>
      </c>
      <c r="P5439">
        <v>40039.861559999998</v>
      </c>
      <c r="Q5439">
        <v>100544.2314</v>
      </c>
      <c r="R5439">
        <v>26339.85745</v>
      </c>
      <c r="S5439">
        <v>118991.3596</v>
      </c>
      <c r="T5439">
        <v>29121.899130000002</v>
      </c>
      <c r="U5439">
        <v>21906.35138</v>
      </c>
      <c r="W5439" s="83">
        <f>Bühler!N5471</f>
        <v>45518.54166665348</v>
      </c>
      <c r="X5439" s="83">
        <v>43327.541666666664</v>
      </c>
      <c r="Y5439">
        <v>179181.65400000001</v>
      </c>
      <c r="Z5439">
        <v>32299.095209999999</v>
      </c>
      <c r="AA5439">
        <v>94302.183080000003</v>
      </c>
      <c r="AB5439">
        <v>37394.84633</v>
      </c>
      <c r="AC5439">
        <v>47662.618730000002</v>
      </c>
      <c r="AD5439">
        <v>32197.931089999998</v>
      </c>
      <c r="AE5439">
        <v>56260.384299999998</v>
      </c>
      <c r="AF5439">
        <v>60165.074999999997</v>
      </c>
      <c r="AG5439">
        <v>36988.015180000002</v>
      </c>
      <c r="AH5439">
        <v>368204.30739999999</v>
      </c>
      <c r="AI5439">
        <v>97077.637499999997</v>
      </c>
      <c r="AJ5439">
        <v>25511.583470000001</v>
      </c>
      <c r="AK5439">
        <v>40039.861559999998</v>
      </c>
      <c r="AL5439">
        <v>100544.2314</v>
      </c>
      <c r="AM5439">
        <v>26339.85745</v>
      </c>
      <c r="AN5439">
        <v>118991.3596</v>
      </c>
      <c r="AO5439">
        <v>29121.899130000002</v>
      </c>
      <c r="AP5439">
        <v>21906.35138</v>
      </c>
    </row>
    <row r="5440" spans="2:42" x14ac:dyDescent="0.3">
      <c r="B5440">
        <v>71.413307155489505</v>
      </c>
      <c r="C5440" s="83">
        <v>43327.583333333336</v>
      </c>
      <c r="D5440">
        <v>181943.18470000001</v>
      </c>
      <c r="E5440">
        <v>35137.392160000003</v>
      </c>
      <c r="F5440">
        <v>103234.9926</v>
      </c>
      <c r="G5440">
        <v>37709.805740000003</v>
      </c>
      <c r="H5440">
        <v>48099.945</v>
      </c>
      <c r="I5440">
        <v>32827.17267</v>
      </c>
      <c r="J5440">
        <v>56492.455190000001</v>
      </c>
      <c r="K5440">
        <v>61440.085169999998</v>
      </c>
      <c r="L5440">
        <v>34529.268940000002</v>
      </c>
      <c r="M5440">
        <v>364098.34289999999</v>
      </c>
      <c r="N5440">
        <v>101672.4194</v>
      </c>
      <c r="O5440">
        <v>26000.719959999999</v>
      </c>
      <c r="P5440">
        <v>36832.326589999997</v>
      </c>
      <c r="Q5440">
        <v>100276.16439999999</v>
      </c>
      <c r="R5440">
        <v>26127.601429999999</v>
      </c>
      <c r="S5440">
        <v>116685.4215</v>
      </c>
      <c r="T5440">
        <v>29292.86076</v>
      </c>
      <c r="U5440">
        <v>21747.404569999999</v>
      </c>
      <c r="W5440" s="83">
        <f>Bühler!N5472</f>
        <v>45518.583333320144</v>
      </c>
      <c r="X5440" s="83">
        <v>43327.583333333336</v>
      </c>
      <c r="Y5440">
        <v>181943.18470000001</v>
      </c>
      <c r="Z5440">
        <v>35137.392160000003</v>
      </c>
      <c r="AA5440">
        <v>103234.9926</v>
      </c>
      <c r="AB5440">
        <v>37709.805740000003</v>
      </c>
      <c r="AC5440">
        <v>48099.945</v>
      </c>
      <c r="AD5440">
        <v>32827.17267</v>
      </c>
      <c r="AE5440">
        <v>56492.455190000001</v>
      </c>
      <c r="AF5440">
        <v>61440.085169999998</v>
      </c>
      <c r="AG5440">
        <v>34529.268940000002</v>
      </c>
      <c r="AH5440">
        <v>364098.34289999999</v>
      </c>
      <c r="AI5440">
        <v>101672.4194</v>
      </c>
      <c r="AJ5440">
        <v>26000.719959999999</v>
      </c>
      <c r="AK5440">
        <v>36832.326589999997</v>
      </c>
      <c r="AL5440">
        <v>100276.16439999999</v>
      </c>
      <c r="AM5440">
        <v>26127.601429999999</v>
      </c>
      <c r="AN5440">
        <v>116685.4215</v>
      </c>
      <c r="AO5440">
        <v>29292.86076</v>
      </c>
      <c r="AP5440">
        <v>21747.404569999999</v>
      </c>
    </row>
    <row r="5441" spans="2:42" x14ac:dyDescent="0.3">
      <c r="B5441">
        <v>70.415925460889653</v>
      </c>
      <c r="C5441" s="83">
        <v>43327.625</v>
      </c>
      <c r="D5441">
        <v>181564.8137</v>
      </c>
      <c r="E5441">
        <v>35604.905270000003</v>
      </c>
      <c r="F5441">
        <v>105443.2724</v>
      </c>
      <c r="G5441">
        <v>37616.914169999996</v>
      </c>
      <c r="H5441">
        <v>47758.389130000003</v>
      </c>
      <c r="I5441">
        <v>33698.735809999998</v>
      </c>
      <c r="J5441">
        <v>55954.365290000002</v>
      </c>
      <c r="K5441">
        <v>60668.686040000001</v>
      </c>
      <c r="L5441">
        <v>31180.55617</v>
      </c>
      <c r="M5441">
        <v>359013.22590000002</v>
      </c>
      <c r="N5441">
        <v>99486.98762</v>
      </c>
      <c r="O5441">
        <v>26276.912469999999</v>
      </c>
      <c r="P5441">
        <v>34289.362370000003</v>
      </c>
      <c r="Q5441">
        <v>99486.7111</v>
      </c>
      <c r="R5441">
        <v>26303.645759999999</v>
      </c>
      <c r="S5441">
        <v>116078.3921</v>
      </c>
      <c r="T5441">
        <v>30077.81783</v>
      </c>
      <c r="U5441">
        <v>21226.986570000001</v>
      </c>
      <c r="W5441" s="83">
        <f>Bühler!N5473</f>
        <v>45518.624999986809</v>
      </c>
      <c r="X5441" s="83">
        <v>43327.625</v>
      </c>
      <c r="Y5441">
        <v>181564.8137</v>
      </c>
      <c r="Z5441">
        <v>35604.905270000003</v>
      </c>
      <c r="AA5441">
        <v>105443.2724</v>
      </c>
      <c r="AB5441">
        <v>37616.914169999996</v>
      </c>
      <c r="AC5441">
        <v>47758.389130000003</v>
      </c>
      <c r="AD5441">
        <v>33698.735809999998</v>
      </c>
      <c r="AE5441">
        <v>55954.365290000002</v>
      </c>
      <c r="AF5441">
        <v>60668.686040000001</v>
      </c>
      <c r="AG5441">
        <v>31180.55617</v>
      </c>
      <c r="AH5441">
        <v>359013.22590000002</v>
      </c>
      <c r="AI5441">
        <v>99486.98762</v>
      </c>
      <c r="AJ5441">
        <v>26276.912469999999</v>
      </c>
      <c r="AK5441">
        <v>34289.362370000003</v>
      </c>
      <c r="AL5441">
        <v>99486.7111</v>
      </c>
      <c r="AM5441">
        <v>26303.645759999999</v>
      </c>
      <c r="AN5441">
        <v>116078.3921</v>
      </c>
      <c r="AO5441">
        <v>30077.81783</v>
      </c>
      <c r="AP5441">
        <v>21226.986570000001</v>
      </c>
    </row>
    <row r="5442" spans="2:42" x14ac:dyDescent="0.3">
      <c r="B5442">
        <v>69.338451838127071</v>
      </c>
      <c r="C5442" s="83">
        <v>43327.666666666664</v>
      </c>
      <c r="D5442">
        <v>176890.00219999999</v>
      </c>
      <c r="E5442">
        <v>35008.331689999999</v>
      </c>
      <c r="F5442">
        <v>105586.57279999999</v>
      </c>
      <c r="G5442">
        <v>37045.591569999997</v>
      </c>
      <c r="H5442">
        <v>46847.7186</v>
      </c>
      <c r="I5442">
        <v>33899.093809999998</v>
      </c>
      <c r="J5442">
        <v>55115.980940000001</v>
      </c>
      <c r="K5442">
        <v>58063.496610000002</v>
      </c>
      <c r="L5442">
        <v>30762.262699999999</v>
      </c>
      <c r="M5442">
        <v>353519.76289999997</v>
      </c>
      <c r="N5442">
        <v>96854.568459999995</v>
      </c>
      <c r="O5442">
        <v>25913.96141</v>
      </c>
      <c r="P5442">
        <v>33623.838680000001</v>
      </c>
      <c r="Q5442">
        <v>98582.017720000003</v>
      </c>
      <c r="R5442">
        <v>26200.43478</v>
      </c>
      <c r="S5442">
        <v>113267.47560000001</v>
      </c>
      <c r="T5442">
        <v>30076.872599999999</v>
      </c>
      <c r="U5442">
        <v>20567.131740000001</v>
      </c>
      <c r="W5442" s="83">
        <f>Bühler!N5474</f>
        <v>45518.666666653473</v>
      </c>
      <c r="X5442" s="83">
        <v>43327.666666666664</v>
      </c>
      <c r="Y5442">
        <v>176890.00219999999</v>
      </c>
      <c r="Z5442">
        <v>35008.331689999999</v>
      </c>
      <c r="AA5442">
        <v>105586.57279999999</v>
      </c>
      <c r="AB5442">
        <v>37045.591569999997</v>
      </c>
      <c r="AC5442">
        <v>46847.7186</v>
      </c>
      <c r="AD5442">
        <v>33899.093809999998</v>
      </c>
      <c r="AE5442">
        <v>55115.980940000001</v>
      </c>
      <c r="AF5442">
        <v>58063.496610000002</v>
      </c>
      <c r="AG5442">
        <v>30762.262699999999</v>
      </c>
      <c r="AH5442">
        <v>353519.76289999997</v>
      </c>
      <c r="AI5442">
        <v>96854.568459999995</v>
      </c>
      <c r="AJ5442">
        <v>25913.96141</v>
      </c>
      <c r="AK5442">
        <v>33623.838680000001</v>
      </c>
      <c r="AL5442">
        <v>98582.017720000003</v>
      </c>
      <c r="AM5442">
        <v>26200.43478</v>
      </c>
      <c r="AN5442">
        <v>113267.47560000001</v>
      </c>
      <c r="AO5442">
        <v>30076.872599999999</v>
      </c>
      <c r="AP5442">
        <v>20567.131740000001</v>
      </c>
    </row>
    <row r="5443" spans="2:42" x14ac:dyDescent="0.3">
      <c r="B5443">
        <v>67.953436614648822</v>
      </c>
      <c r="C5443" s="83">
        <v>43327.708333333336</v>
      </c>
      <c r="D5443">
        <v>170526.2077</v>
      </c>
      <c r="E5443">
        <v>33364.068469999998</v>
      </c>
      <c r="F5443">
        <v>104464.6922</v>
      </c>
      <c r="G5443">
        <v>35685.188569999998</v>
      </c>
      <c r="H5443">
        <v>45269.81136</v>
      </c>
      <c r="I5443">
        <v>33236.751479999999</v>
      </c>
      <c r="J5443">
        <v>56039.007449999997</v>
      </c>
      <c r="K5443">
        <v>54651.266909999998</v>
      </c>
      <c r="L5443">
        <v>31571.706839999999</v>
      </c>
      <c r="M5443">
        <v>346458.30940000003</v>
      </c>
      <c r="N5443">
        <v>92050.109339999995</v>
      </c>
      <c r="O5443">
        <v>25974.791519999999</v>
      </c>
      <c r="P5443">
        <v>35301.288310000004</v>
      </c>
      <c r="Q5443">
        <v>97503.460519999993</v>
      </c>
      <c r="R5443">
        <v>26792.142039999999</v>
      </c>
      <c r="S5443">
        <v>110775.2586</v>
      </c>
      <c r="T5443">
        <v>29155.959449999998</v>
      </c>
      <c r="U5443">
        <v>19405.19673</v>
      </c>
      <c r="W5443" s="83">
        <f>Bühler!N5475</f>
        <v>45518.708333320137</v>
      </c>
      <c r="X5443" s="83">
        <v>43327.708333333336</v>
      </c>
      <c r="Y5443">
        <v>170526.2077</v>
      </c>
      <c r="Z5443">
        <v>33364.068469999998</v>
      </c>
      <c r="AA5443">
        <v>104464.6922</v>
      </c>
      <c r="AB5443">
        <v>35685.188569999998</v>
      </c>
      <c r="AC5443">
        <v>45269.81136</v>
      </c>
      <c r="AD5443">
        <v>33236.751479999999</v>
      </c>
      <c r="AE5443">
        <v>56039.007449999997</v>
      </c>
      <c r="AF5443">
        <v>54651.266909999998</v>
      </c>
      <c r="AG5443">
        <v>31571.706839999999</v>
      </c>
      <c r="AH5443">
        <v>346458.30940000003</v>
      </c>
      <c r="AI5443">
        <v>92050.109339999995</v>
      </c>
      <c r="AJ5443">
        <v>25974.791519999999</v>
      </c>
      <c r="AK5443">
        <v>35301.288310000004</v>
      </c>
      <c r="AL5443">
        <v>97503.460519999993</v>
      </c>
      <c r="AM5443">
        <v>26792.142039999999</v>
      </c>
      <c r="AN5443">
        <v>110775.2586</v>
      </c>
      <c r="AO5443">
        <v>29155.959449999998</v>
      </c>
      <c r="AP5443">
        <v>19405.19673</v>
      </c>
    </row>
    <row r="5444" spans="2:42" x14ac:dyDescent="0.3">
      <c r="B5444">
        <v>66.572977035641301</v>
      </c>
      <c r="C5444" s="83">
        <v>43327.75</v>
      </c>
      <c r="D5444">
        <v>166844.11499999999</v>
      </c>
      <c r="E5444">
        <v>30424.826369999999</v>
      </c>
      <c r="F5444">
        <v>103537.84970000001</v>
      </c>
      <c r="G5444">
        <v>33716.464549999997</v>
      </c>
      <c r="H5444">
        <v>43622.622179999998</v>
      </c>
      <c r="I5444">
        <v>32031.403770000001</v>
      </c>
      <c r="J5444">
        <v>55550.762040000001</v>
      </c>
      <c r="K5444">
        <v>52894.725189999997</v>
      </c>
      <c r="L5444">
        <v>32736.790860000001</v>
      </c>
      <c r="M5444">
        <v>339420.08270000003</v>
      </c>
      <c r="N5444">
        <v>89043.481780000002</v>
      </c>
      <c r="O5444">
        <v>24311.62516</v>
      </c>
      <c r="P5444">
        <v>39172.953320000001</v>
      </c>
      <c r="Q5444">
        <v>95659.973259999999</v>
      </c>
      <c r="R5444">
        <v>24939.3701</v>
      </c>
      <c r="S5444">
        <v>104091.5763</v>
      </c>
      <c r="T5444">
        <v>28204.86822</v>
      </c>
      <c r="U5444">
        <v>18357.960200000001</v>
      </c>
      <c r="W5444" s="83">
        <f>Bühler!N5476</f>
        <v>45518.749999986801</v>
      </c>
      <c r="X5444" s="83">
        <v>43327.75</v>
      </c>
      <c r="Y5444">
        <v>166844.11499999999</v>
      </c>
      <c r="Z5444">
        <v>30424.826369999999</v>
      </c>
      <c r="AA5444">
        <v>103537.84970000001</v>
      </c>
      <c r="AB5444">
        <v>33716.464549999997</v>
      </c>
      <c r="AC5444">
        <v>43622.622179999998</v>
      </c>
      <c r="AD5444">
        <v>32031.403770000001</v>
      </c>
      <c r="AE5444">
        <v>55550.762040000001</v>
      </c>
      <c r="AF5444">
        <v>52894.725189999997</v>
      </c>
      <c r="AG5444">
        <v>32736.790860000001</v>
      </c>
      <c r="AH5444">
        <v>339420.08270000003</v>
      </c>
      <c r="AI5444">
        <v>89043.481780000002</v>
      </c>
      <c r="AJ5444">
        <v>24311.62516</v>
      </c>
      <c r="AK5444">
        <v>39172.953320000001</v>
      </c>
      <c r="AL5444">
        <v>95659.973259999999</v>
      </c>
      <c r="AM5444">
        <v>24939.3701</v>
      </c>
      <c r="AN5444">
        <v>104091.5763</v>
      </c>
      <c r="AO5444">
        <v>28204.86822</v>
      </c>
      <c r="AP5444">
        <v>18357.960200000001</v>
      </c>
    </row>
    <row r="5445" spans="2:42" x14ac:dyDescent="0.3">
      <c r="B5445">
        <v>65.687382624073976</v>
      </c>
      <c r="C5445" s="83">
        <v>43327.791666666664</v>
      </c>
      <c r="D5445">
        <v>163793.22829999999</v>
      </c>
      <c r="E5445">
        <v>24720.908039999998</v>
      </c>
      <c r="F5445">
        <v>92779.55773</v>
      </c>
      <c r="G5445">
        <v>32861.319230000001</v>
      </c>
      <c r="H5445">
        <v>41134.910860000004</v>
      </c>
      <c r="I5445">
        <v>30289.069149999999</v>
      </c>
      <c r="J5445">
        <v>54290.575080000002</v>
      </c>
      <c r="K5445">
        <v>51400.531799999997</v>
      </c>
      <c r="L5445">
        <v>33041.87715</v>
      </c>
      <c r="M5445">
        <v>334904.9094</v>
      </c>
      <c r="N5445">
        <v>86583.702050000007</v>
      </c>
      <c r="O5445">
        <v>23218.006389999999</v>
      </c>
      <c r="P5445">
        <v>42018.924299999999</v>
      </c>
      <c r="Q5445">
        <v>93775.246339999998</v>
      </c>
      <c r="R5445">
        <v>23888.513709999999</v>
      </c>
      <c r="S5445">
        <v>100064.83900000001</v>
      </c>
      <c r="T5445">
        <v>27586.775460000001</v>
      </c>
      <c r="U5445">
        <v>17042.435850000002</v>
      </c>
      <c r="W5445" s="83">
        <f>Bühler!N5477</f>
        <v>45518.791666653466</v>
      </c>
      <c r="X5445" s="83">
        <v>43327.791666666664</v>
      </c>
      <c r="Y5445">
        <v>163793.22829999999</v>
      </c>
      <c r="Z5445">
        <v>24720.908039999998</v>
      </c>
      <c r="AA5445">
        <v>92779.55773</v>
      </c>
      <c r="AB5445">
        <v>32861.319230000001</v>
      </c>
      <c r="AC5445">
        <v>41134.910860000004</v>
      </c>
      <c r="AD5445">
        <v>30289.069149999999</v>
      </c>
      <c r="AE5445">
        <v>54290.575080000002</v>
      </c>
      <c r="AF5445">
        <v>51400.531799999997</v>
      </c>
      <c r="AG5445">
        <v>33041.87715</v>
      </c>
      <c r="AH5445">
        <v>334904.9094</v>
      </c>
      <c r="AI5445">
        <v>86583.702050000007</v>
      </c>
      <c r="AJ5445">
        <v>23218.006389999999</v>
      </c>
      <c r="AK5445">
        <v>42018.924299999999</v>
      </c>
      <c r="AL5445">
        <v>93775.246339999998</v>
      </c>
      <c r="AM5445">
        <v>23888.513709999999</v>
      </c>
      <c r="AN5445">
        <v>100064.83900000001</v>
      </c>
      <c r="AO5445">
        <v>27586.775460000001</v>
      </c>
      <c r="AP5445">
        <v>17042.435850000002</v>
      </c>
    </row>
    <row r="5446" spans="2:42" x14ac:dyDescent="0.3">
      <c r="B5446">
        <v>63.304718998341279</v>
      </c>
      <c r="C5446" s="83">
        <v>43327.833333333336</v>
      </c>
      <c r="D5446">
        <v>158289.63769999999</v>
      </c>
      <c r="E5446">
        <v>18215.68447</v>
      </c>
      <c r="F5446">
        <v>74438.240959999996</v>
      </c>
      <c r="G5446">
        <v>31218.308359999999</v>
      </c>
      <c r="H5446">
        <v>38554.704429999998</v>
      </c>
      <c r="I5446">
        <v>27266.238689999998</v>
      </c>
      <c r="J5446">
        <v>53257.42093</v>
      </c>
      <c r="K5446">
        <v>52236.943910000002</v>
      </c>
      <c r="L5446">
        <v>31821.498520000001</v>
      </c>
      <c r="M5446">
        <v>322756.9791</v>
      </c>
      <c r="N5446">
        <v>82381.744009999995</v>
      </c>
      <c r="O5446">
        <v>21100.61089</v>
      </c>
      <c r="P5446">
        <v>42200.282229999997</v>
      </c>
      <c r="Q5446">
        <v>90691.392099999997</v>
      </c>
      <c r="R5446">
        <v>22359.8845</v>
      </c>
      <c r="S5446">
        <v>91762.543720000001</v>
      </c>
      <c r="T5446">
        <v>25258.499260000001</v>
      </c>
      <c r="U5446">
        <v>16250.45211</v>
      </c>
      <c r="W5446" s="83">
        <f>Bühler!N5478</f>
        <v>45518.83333332013</v>
      </c>
      <c r="X5446" s="83">
        <v>43327.833333333336</v>
      </c>
      <c r="Y5446">
        <v>158289.63769999999</v>
      </c>
      <c r="Z5446">
        <v>18215.68447</v>
      </c>
      <c r="AA5446">
        <v>74438.240959999996</v>
      </c>
      <c r="AB5446">
        <v>31218.308359999999</v>
      </c>
      <c r="AC5446">
        <v>38554.704429999998</v>
      </c>
      <c r="AD5446">
        <v>27266.238689999998</v>
      </c>
      <c r="AE5446">
        <v>53257.42093</v>
      </c>
      <c r="AF5446">
        <v>52236.943910000002</v>
      </c>
      <c r="AG5446">
        <v>31821.498520000001</v>
      </c>
      <c r="AH5446">
        <v>322756.9791</v>
      </c>
      <c r="AI5446">
        <v>82381.744009999995</v>
      </c>
      <c r="AJ5446">
        <v>21100.61089</v>
      </c>
      <c r="AK5446">
        <v>42200.282229999997</v>
      </c>
      <c r="AL5446">
        <v>90691.392099999997</v>
      </c>
      <c r="AM5446">
        <v>22359.8845</v>
      </c>
      <c r="AN5446">
        <v>91762.543720000001</v>
      </c>
      <c r="AO5446">
        <v>25258.499260000001</v>
      </c>
      <c r="AP5446">
        <v>16250.45211</v>
      </c>
    </row>
    <row r="5447" spans="2:42" x14ac:dyDescent="0.3">
      <c r="B5447">
        <v>61.220150191337368</v>
      </c>
      <c r="C5447" s="83">
        <v>43327.875</v>
      </c>
      <c r="D5447">
        <v>154533.4087</v>
      </c>
      <c r="E5447">
        <v>15660.88126</v>
      </c>
      <c r="F5447">
        <v>65668.014330000005</v>
      </c>
      <c r="G5447">
        <v>30649.101750000002</v>
      </c>
      <c r="H5447">
        <v>37415.440069999997</v>
      </c>
      <c r="I5447">
        <v>25525.223890000001</v>
      </c>
      <c r="J5447">
        <v>53140.696349999998</v>
      </c>
      <c r="K5447">
        <v>51672.357709999997</v>
      </c>
      <c r="L5447">
        <v>30652.792130000002</v>
      </c>
      <c r="M5447">
        <v>312128.87520000001</v>
      </c>
      <c r="N5447">
        <v>81653.742450000005</v>
      </c>
      <c r="O5447">
        <v>20081.955580000002</v>
      </c>
      <c r="P5447">
        <v>40224.569349999998</v>
      </c>
      <c r="Q5447">
        <v>88648.592000000004</v>
      </c>
      <c r="R5447">
        <v>21522.365109999999</v>
      </c>
      <c r="S5447">
        <v>88107.731889999995</v>
      </c>
      <c r="T5447">
        <v>24191.796620000001</v>
      </c>
      <c r="U5447">
        <v>16081.865760000001</v>
      </c>
      <c r="W5447" s="83">
        <f>Bühler!N5479</f>
        <v>45518.874999986794</v>
      </c>
      <c r="X5447" s="83">
        <v>43327.875</v>
      </c>
      <c r="Y5447">
        <v>154533.4087</v>
      </c>
      <c r="Z5447">
        <v>15660.88126</v>
      </c>
      <c r="AA5447">
        <v>65668.014330000005</v>
      </c>
      <c r="AB5447">
        <v>30649.101750000002</v>
      </c>
      <c r="AC5447">
        <v>37415.440069999997</v>
      </c>
      <c r="AD5447">
        <v>25525.223890000001</v>
      </c>
      <c r="AE5447">
        <v>53140.696349999998</v>
      </c>
      <c r="AF5447">
        <v>51672.357709999997</v>
      </c>
      <c r="AG5447">
        <v>30652.792130000002</v>
      </c>
      <c r="AH5447">
        <v>312128.87520000001</v>
      </c>
      <c r="AI5447">
        <v>81653.742450000005</v>
      </c>
      <c r="AJ5447">
        <v>20081.955580000002</v>
      </c>
      <c r="AK5447">
        <v>40224.569349999998</v>
      </c>
      <c r="AL5447">
        <v>88648.592000000004</v>
      </c>
      <c r="AM5447">
        <v>21522.365109999999</v>
      </c>
      <c r="AN5447">
        <v>88107.731889999995</v>
      </c>
      <c r="AO5447">
        <v>24191.796620000001</v>
      </c>
      <c r="AP5447">
        <v>16081.865760000001</v>
      </c>
    </row>
    <row r="5448" spans="2:42" x14ac:dyDescent="0.3">
      <c r="B5448">
        <v>58.506736809325382</v>
      </c>
      <c r="C5448" s="83">
        <v>43327.916666666664</v>
      </c>
      <c r="D5448">
        <v>152174.8634</v>
      </c>
      <c r="E5448">
        <v>14652.268319999999</v>
      </c>
      <c r="F5448">
        <v>62168.850330000001</v>
      </c>
      <c r="G5448">
        <v>30514.32547</v>
      </c>
      <c r="H5448">
        <v>37587.096899999997</v>
      </c>
      <c r="I5448">
        <v>24206.461589999999</v>
      </c>
      <c r="J5448">
        <v>50463.25318</v>
      </c>
      <c r="K5448">
        <v>53757.948120000001</v>
      </c>
      <c r="L5448">
        <v>27474.4401</v>
      </c>
      <c r="M5448">
        <v>298294.62839999999</v>
      </c>
      <c r="N5448">
        <v>80475.548299999995</v>
      </c>
      <c r="O5448">
        <v>20040.330559999999</v>
      </c>
      <c r="P5448">
        <v>41399.218869999997</v>
      </c>
      <c r="Q5448">
        <v>87056.879490000007</v>
      </c>
      <c r="R5448">
        <v>22566.041539999998</v>
      </c>
      <c r="S5448">
        <v>85749.859949999998</v>
      </c>
      <c r="T5448">
        <v>21831.033350000002</v>
      </c>
      <c r="U5448">
        <v>16258.69839</v>
      </c>
      <c r="W5448" s="83">
        <f>Bühler!N5480</f>
        <v>45518.916666653458</v>
      </c>
      <c r="X5448" s="83">
        <v>43327.916666666664</v>
      </c>
      <c r="Y5448">
        <v>152174.8634</v>
      </c>
      <c r="Z5448">
        <v>14652.268319999999</v>
      </c>
      <c r="AA5448">
        <v>62168.850330000001</v>
      </c>
      <c r="AB5448">
        <v>30514.32547</v>
      </c>
      <c r="AC5448">
        <v>37587.096899999997</v>
      </c>
      <c r="AD5448">
        <v>24206.461589999999</v>
      </c>
      <c r="AE5448">
        <v>50463.25318</v>
      </c>
      <c r="AF5448">
        <v>53757.948120000001</v>
      </c>
      <c r="AG5448">
        <v>27474.4401</v>
      </c>
      <c r="AH5448">
        <v>298294.62839999999</v>
      </c>
      <c r="AI5448">
        <v>80475.548299999995</v>
      </c>
      <c r="AJ5448">
        <v>20040.330559999999</v>
      </c>
      <c r="AK5448">
        <v>41399.218869999997</v>
      </c>
      <c r="AL5448">
        <v>87056.879490000007</v>
      </c>
      <c r="AM5448">
        <v>22566.041539999998</v>
      </c>
      <c r="AN5448">
        <v>85749.859949999998</v>
      </c>
      <c r="AO5448">
        <v>21831.033350000002</v>
      </c>
      <c r="AP5448">
        <v>16258.69839</v>
      </c>
    </row>
    <row r="5449" spans="2:42" x14ac:dyDescent="0.3">
      <c r="B5449">
        <v>57.816624810145171</v>
      </c>
      <c r="C5449" s="83">
        <v>43327.958333333336</v>
      </c>
      <c r="D5449">
        <v>150805.2893</v>
      </c>
      <c r="E5449">
        <v>14102.89753</v>
      </c>
      <c r="F5449">
        <v>60040.337370000001</v>
      </c>
      <c r="G5449">
        <v>30596.030050000001</v>
      </c>
      <c r="H5449">
        <v>36469.994579999999</v>
      </c>
      <c r="I5449">
        <v>23303.462220000001</v>
      </c>
      <c r="J5449">
        <v>45174.30373</v>
      </c>
      <c r="K5449">
        <v>53219.169900000001</v>
      </c>
      <c r="L5449">
        <v>22931.227630000001</v>
      </c>
      <c r="M5449">
        <v>294776.11560000002</v>
      </c>
      <c r="N5449">
        <v>79446.640580000007</v>
      </c>
      <c r="O5449">
        <v>19291.796429999999</v>
      </c>
      <c r="P5449">
        <v>36035.765059999998</v>
      </c>
      <c r="Q5449">
        <v>86534.72752</v>
      </c>
      <c r="R5449">
        <v>21982.8246</v>
      </c>
      <c r="S5449">
        <v>83275.690770000001</v>
      </c>
      <c r="T5449">
        <v>20334.302220000001</v>
      </c>
      <c r="U5449">
        <v>15613.02449</v>
      </c>
      <c r="W5449" s="83">
        <f>Bühler!N5481</f>
        <v>45518.958333320123</v>
      </c>
      <c r="X5449" s="83">
        <v>43327.958333333336</v>
      </c>
      <c r="Y5449">
        <v>150805.2893</v>
      </c>
      <c r="Z5449">
        <v>14102.89753</v>
      </c>
      <c r="AA5449">
        <v>60040.337370000001</v>
      </c>
      <c r="AB5449">
        <v>30596.030050000001</v>
      </c>
      <c r="AC5449">
        <v>36469.994579999999</v>
      </c>
      <c r="AD5449">
        <v>23303.462220000001</v>
      </c>
      <c r="AE5449">
        <v>45174.30373</v>
      </c>
      <c r="AF5449">
        <v>53219.169900000001</v>
      </c>
      <c r="AG5449">
        <v>22931.227630000001</v>
      </c>
      <c r="AH5449">
        <v>294776.11560000002</v>
      </c>
      <c r="AI5449">
        <v>79446.640580000007</v>
      </c>
      <c r="AJ5449">
        <v>19291.796429999999</v>
      </c>
      <c r="AK5449">
        <v>36035.765059999998</v>
      </c>
      <c r="AL5449">
        <v>86534.72752</v>
      </c>
      <c r="AM5449">
        <v>21982.8246</v>
      </c>
      <c r="AN5449">
        <v>83275.690770000001</v>
      </c>
      <c r="AO5449">
        <v>20334.302220000001</v>
      </c>
      <c r="AP5449">
        <v>15613.02449</v>
      </c>
    </row>
    <row r="5450" spans="2:42" x14ac:dyDescent="0.3">
      <c r="B5450">
        <v>57.28437375306374</v>
      </c>
      <c r="C5450" s="83">
        <v>43328</v>
      </c>
      <c r="D5450">
        <v>149822.2389</v>
      </c>
      <c r="E5450">
        <v>13579.341630000001</v>
      </c>
      <c r="F5450">
        <v>58077.815820000003</v>
      </c>
      <c r="G5450">
        <v>30121.904399999999</v>
      </c>
      <c r="H5450">
        <v>35843.741650000004</v>
      </c>
      <c r="I5450">
        <v>21697.476409999999</v>
      </c>
      <c r="J5450">
        <v>40756.442660000001</v>
      </c>
      <c r="K5450">
        <v>50845.059699999998</v>
      </c>
      <c r="L5450">
        <v>20010.844010000001</v>
      </c>
      <c r="M5450">
        <v>292062.45150000002</v>
      </c>
      <c r="N5450">
        <v>78302.171440000006</v>
      </c>
      <c r="O5450">
        <v>18946.380140000001</v>
      </c>
      <c r="P5450">
        <v>32034.17827</v>
      </c>
      <c r="Q5450">
        <v>85326.131559999994</v>
      </c>
      <c r="R5450">
        <v>18417.610229999998</v>
      </c>
      <c r="S5450">
        <v>81428.769119999997</v>
      </c>
      <c r="T5450">
        <v>19592.221539999999</v>
      </c>
      <c r="U5450">
        <v>14738.56753</v>
      </c>
      <c r="W5450" s="83">
        <f>Bühler!N5482</f>
        <v>45518.999999986787</v>
      </c>
      <c r="X5450" s="83">
        <v>43328</v>
      </c>
      <c r="Y5450">
        <v>149822.2389</v>
      </c>
      <c r="Z5450">
        <v>13579.341630000001</v>
      </c>
      <c r="AA5450">
        <v>58077.815820000003</v>
      </c>
      <c r="AB5450">
        <v>30121.904399999999</v>
      </c>
      <c r="AC5450">
        <v>35843.741650000004</v>
      </c>
      <c r="AD5450">
        <v>21697.476409999999</v>
      </c>
      <c r="AE5450">
        <v>40756.442660000001</v>
      </c>
      <c r="AF5450">
        <v>50845.059699999998</v>
      </c>
      <c r="AG5450">
        <v>20010.844010000001</v>
      </c>
      <c r="AH5450">
        <v>292062.45150000002</v>
      </c>
      <c r="AI5450">
        <v>78302.171440000006</v>
      </c>
      <c r="AJ5450">
        <v>18946.380140000001</v>
      </c>
      <c r="AK5450">
        <v>32034.17827</v>
      </c>
      <c r="AL5450">
        <v>85326.131559999994</v>
      </c>
      <c r="AM5450">
        <v>18417.610229999998</v>
      </c>
      <c r="AN5450">
        <v>81428.769119999997</v>
      </c>
      <c r="AO5450">
        <v>19592.221539999999</v>
      </c>
      <c r="AP5450">
        <v>14738.56753</v>
      </c>
    </row>
    <row r="5451" spans="2:42" x14ac:dyDescent="0.3">
      <c r="B5451">
        <v>56.85033799572436</v>
      </c>
      <c r="C5451" s="83">
        <v>43328.041666666664</v>
      </c>
      <c r="D5451">
        <v>148278.26459999999</v>
      </c>
      <c r="E5451">
        <v>13327.1464</v>
      </c>
      <c r="F5451">
        <v>57599.536849999997</v>
      </c>
      <c r="G5451">
        <v>29431.34376</v>
      </c>
      <c r="H5451">
        <v>34947.511910000001</v>
      </c>
      <c r="I5451">
        <v>18530.70421</v>
      </c>
      <c r="J5451">
        <v>38452.277860000002</v>
      </c>
      <c r="K5451">
        <v>49573.18849</v>
      </c>
      <c r="L5451">
        <v>18706.4676</v>
      </c>
      <c r="M5451">
        <v>289849.53480000002</v>
      </c>
      <c r="N5451">
        <v>76887.354630000002</v>
      </c>
      <c r="O5451">
        <v>19252.519840000001</v>
      </c>
      <c r="P5451">
        <v>28924.537619999999</v>
      </c>
      <c r="Q5451">
        <v>85578.435809999995</v>
      </c>
      <c r="R5451">
        <v>15998.73589</v>
      </c>
      <c r="S5451">
        <v>79651.245339999994</v>
      </c>
      <c r="T5451">
        <v>18934.727500000001</v>
      </c>
      <c r="U5451">
        <v>14302.18491</v>
      </c>
      <c r="W5451" s="83">
        <f>Bühler!N5483</f>
        <v>45519.041666653451</v>
      </c>
      <c r="X5451" s="83">
        <v>43328.041666666664</v>
      </c>
      <c r="Y5451">
        <v>148278.26459999999</v>
      </c>
      <c r="Z5451">
        <v>13327.1464</v>
      </c>
      <c r="AA5451">
        <v>57599.536849999997</v>
      </c>
      <c r="AB5451">
        <v>29431.34376</v>
      </c>
      <c r="AC5451">
        <v>34947.511910000001</v>
      </c>
      <c r="AD5451">
        <v>18530.70421</v>
      </c>
      <c r="AE5451">
        <v>38452.277860000002</v>
      </c>
      <c r="AF5451">
        <v>49573.18849</v>
      </c>
      <c r="AG5451">
        <v>18706.4676</v>
      </c>
      <c r="AH5451">
        <v>289849.53480000002</v>
      </c>
      <c r="AI5451">
        <v>76887.354630000002</v>
      </c>
      <c r="AJ5451">
        <v>19252.519840000001</v>
      </c>
      <c r="AK5451">
        <v>28924.537619999999</v>
      </c>
      <c r="AL5451">
        <v>85578.435809999995</v>
      </c>
      <c r="AM5451">
        <v>15998.73589</v>
      </c>
      <c r="AN5451">
        <v>79651.245339999994</v>
      </c>
      <c r="AO5451">
        <v>18934.727500000001</v>
      </c>
      <c r="AP5451">
        <v>14302.18491</v>
      </c>
    </row>
    <row r="5452" spans="2:42" x14ac:dyDescent="0.3">
      <c r="B5452">
        <v>56.958672044231214</v>
      </c>
      <c r="C5452" s="83">
        <v>43328.083333333336</v>
      </c>
      <c r="D5452">
        <v>147208.84570000001</v>
      </c>
      <c r="E5452">
        <v>13075.666859999999</v>
      </c>
      <c r="F5452">
        <v>57936.140429999999</v>
      </c>
      <c r="G5452">
        <v>29042.896430000001</v>
      </c>
      <c r="H5452">
        <v>34729.942609999998</v>
      </c>
      <c r="I5452">
        <v>17148.335620000002</v>
      </c>
      <c r="J5452">
        <v>37823.60196</v>
      </c>
      <c r="K5452">
        <v>47538.450369999999</v>
      </c>
      <c r="L5452">
        <v>17187.821970000001</v>
      </c>
      <c r="M5452">
        <v>290401.87229999999</v>
      </c>
      <c r="N5452">
        <v>75799.707349999997</v>
      </c>
      <c r="O5452">
        <v>18682.910879999999</v>
      </c>
      <c r="P5452">
        <v>27003.577689999998</v>
      </c>
      <c r="Q5452">
        <v>87573.816519999993</v>
      </c>
      <c r="R5452">
        <v>16331.178889999999</v>
      </c>
      <c r="S5452">
        <v>78367.042660000006</v>
      </c>
      <c r="T5452">
        <v>18544.142629999998</v>
      </c>
      <c r="U5452">
        <v>14470.088589999999</v>
      </c>
      <c r="W5452" s="83">
        <f>Bühler!N5484</f>
        <v>45519.083333320115</v>
      </c>
      <c r="X5452" s="83">
        <v>43328.083333333336</v>
      </c>
      <c r="Y5452">
        <v>147208.84570000001</v>
      </c>
      <c r="Z5452">
        <v>13075.666859999999</v>
      </c>
      <c r="AA5452">
        <v>57936.140429999999</v>
      </c>
      <c r="AB5452">
        <v>29042.896430000001</v>
      </c>
      <c r="AC5452">
        <v>34729.942609999998</v>
      </c>
      <c r="AD5452">
        <v>17148.335620000002</v>
      </c>
      <c r="AE5452">
        <v>37823.60196</v>
      </c>
      <c r="AF5452">
        <v>47538.450369999999</v>
      </c>
      <c r="AG5452">
        <v>17187.821970000001</v>
      </c>
      <c r="AH5452">
        <v>290401.87229999999</v>
      </c>
      <c r="AI5452">
        <v>75799.707349999997</v>
      </c>
      <c r="AJ5452">
        <v>18682.910879999999</v>
      </c>
      <c r="AK5452">
        <v>27003.577689999998</v>
      </c>
      <c r="AL5452">
        <v>87573.816519999993</v>
      </c>
      <c r="AM5452">
        <v>16331.178889999999</v>
      </c>
      <c r="AN5452">
        <v>78367.042660000006</v>
      </c>
      <c r="AO5452">
        <v>18544.142629999998</v>
      </c>
      <c r="AP5452">
        <v>14470.088589999999</v>
      </c>
    </row>
    <row r="5453" spans="2:42" x14ac:dyDescent="0.3">
      <c r="B5453">
        <v>57.298216641349413</v>
      </c>
      <c r="C5453" s="83">
        <v>43328.125</v>
      </c>
      <c r="D5453">
        <v>147055.15979999999</v>
      </c>
      <c r="E5453">
        <v>12975.86608</v>
      </c>
      <c r="F5453">
        <v>59408.356740000003</v>
      </c>
      <c r="G5453">
        <v>28006.276709999998</v>
      </c>
      <c r="H5453">
        <v>34549.983209999999</v>
      </c>
      <c r="I5453">
        <v>16660.855149999999</v>
      </c>
      <c r="J5453">
        <v>37291.3914</v>
      </c>
      <c r="K5453">
        <v>46325.733289999996</v>
      </c>
      <c r="L5453">
        <v>16741.756519999999</v>
      </c>
      <c r="M5453">
        <v>292133.02899999998</v>
      </c>
      <c r="N5453">
        <v>75203.405629999994</v>
      </c>
      <c r="O5453">
        <v>18570.917979999998</v>
      </c>
      <c r="P5453">
        <v>26459.93966</v>
      </c>
      <c r="Q5453">
        <v>89118.256389999995</v>
      </c>
      <c r="R5453">
        <v>15691.140820000001</v>
      </c>
      <c r="S5453">
        <v>77436.917929999996</v>
      </c>
      <c r="T5453">
        <v>18262.974470000001</v>
      </c>
      <c r="U5453">
        <v>14146.73971</v>
      </c>
      <c r="W5453" s="83">
        <f>Bühler!N5485</f>
        <v>45519.12499998678</v>
      </c>
      <c r="X5453" s="83">
        <v>43328.125</v>
      </c>
      <c r="Y5453">
        <v>147055.15979999999</v>
      </c>
      <c r="Z5453">
        <v>12975.86608</v>
      </c>
      <c r="AA5453">
        <v>59408.356740000003</v>
      </c>
      <c r="AB5453">
        <v>28006.276709999998</v>
      </c>
      <c r="AC5453">
        <v>34549.983209999999</v>
      </c>
      <c r="AD5453">
        <v>16660.855149999999</v>
      </c>
      <c r="AE5453">
        <v>37291.3914</v>
      </c>
      <c r="AF5453">
        <v>46325.733289999996</v>
      </c>
      <c r="AG5453">
        <v>16741.756519999999</v>
      </c>
      <c r="AH5453">
        <v>292133.02899999998</v>
      </c>
      <c r="AI5453">
        <v>75203.405629999994</v>
      </c>
      <c r="AJ5453">
        <v>18570.917979999998</v>
      </c>
      <c r="AK5453">
        <v>26459.93966</v>
      </c>
      <c r="AL5453">
        <v>89118.256389999995</v>
      </c>
      <c r="AM5453">
        <v>15691.140820000001</v>
      </c>
      <c r="AN5453">
        <v>77436.917929999996</v>
      </c>
      <c r="AO5453">
        <v>18262.974470000001</v>
      </c>
      <c r="AP5453">
        <v>14146.73971</v>
      </c>
    </row>
    <row r="5454" spans="2:42" x14ac:dyDescent="0.3">
      <c r="B5454">
        <v>58.063949518287963</v>
      </c>
      <c r="C5454" s="83">
        <v>43328.166666666664</v>
      </c>
      <c r="D5454">
        <v>147973.46960000001</v>
      </c>
      <c r="E5454">
        <v>13449.33368</v>
      </c>
      <c r="F5454">
        <v>62430.213179999999</v>
      </c>
      <c r="G5454">
        <v>27449.46932</v>
      </c>
      <c r="H5454">
        <v>34572.5461</v>
      </c>
      <c r="I5454">
        <v>17616.670330000001</v>
      </c>
      <c r="J5454">
        <v>39422.465539999997</v>
      </c>
      <c r="K5454">
        <v>45459.000569999997</v>
      </c>
      <c r="L5454">
        <v>16945.04423</v>
      </c>
      <c r="M5454">
        <v>296037.09230000002</v>
      </c>
      <c r="N5454">
        <v>74578.592250000002</v>
      </c>
      <c r="O5454">
        <v>18712.237939999999</v>
      </c>
      <c r="P5454">
        <v>25565.285250000001</v>
      </c>
      <c r="Q5454">
        <v>91329.370999999999</v>
      </c>
      <c r="R5454">
        <v>15460.36616</v>
      </c>
      <c r="S5454">
        <v>77274.081980000003</v>
      </c>
      <c r="T5454">
        <v>18165.582310000002</v>
      </c>
      <c r="U5454">
        <v>13874.06803</v>
      </c>
      <c r="W5454" s="83">
        <f>Bühler!N5486</f>
        <v>45519.166666653444</v>
      </c>
      <c r="X5454" s="83">
        <v>43328.166666666664</v>
      </c>
      <c r="Y5454">
        <v>147973.46960000001</v>
      </c>
      <c r="Z5454">
        <v>13449.33368</v>
      </c>
      <c r="AA5454">
        <v>62430.213179999999</v>
      </c>
      <c r="AB5454">
        <v>27449.46932</v>
      </c>
      <c r="AC5454">
        <v>34572.5461</v>
      </c>
      <c r="AD5454">
        <v>17616.670330000001</v>
      </c>
      <c r="AE5454">
        <v>39422.465539999997</v>
      </c>
      <c r="AF5454">
        <v>45459.000569999997</v>
      </c>
      <c r="AG5454">
        <v>16945.04423</v>
      </c>
      <c r="AH5454">
        <v>296037.09230000002</v>
      </c>
      <c r="AI5454">
        <v>74578.592250000002</v>
      </c>
      <c r="AJ5454">
        <v>18712.237939999999</v>
      </c>
      <c r="AK5454">
        <v>25565.285250000001</v>
      </c>
      <c r="AL5454">
        <v>91329.370999999999</v>
      </c>
      <c r="AM5454">
        <v>15460.36616</v>
      </c>
      <c r="AN5454">
        <v>77274.081980000003</v>
      </c>
      <c r="AO5454">
        <v>18165.582310000002</v>
      </c>
      <c r="AP5454">
        <v>13874.06803</v>
      </c>
    </row>
    <row r="5455" spans="2:42" x14ac:dyDescent="0.3">
      <c r="B5455">
        <v>60.472805353803636</v>
      </c>
      <c r="C5455" s="83">
        <v>43328.208333333336</v>
      </c>
      <c r="D5455">
        <v>155545.4135</v>
      </c>
      <c r="E5455">
        <v>14978.923489999999</v>
      </c>
      <c r="F5455">
        <v>71771.416509999995</v>
      </c>
      <c r="G5455">
        <v>27756.237359999999</v>
      </c>
      <c r="H5455">
        <v>36166.289550000001</v>
      </c>
      <c r="I5455">
        <v>22109.982960000001</v>
      </c>
      <c r="J5455">
        <v>42750.134749999997</v>
      </c>
      <c r="K5455">
        <v>45928.957649999997</v>
      </c>
      <c r="L5455">
        <v>17599.97783</v>
      </c>
      <c r="M5455">
        <v>308318.56270000001</v>
      </c>
      <c r="N5455">
        <v>76316.721619999997</v>
      </c>
      <c r="O5455">
        <v>19492.721969999999</v>
      </c>
      <c r="P5455">
        <v>27074.284230000001</v>
      </c>
      <c r="Q5455">
        <v>93410.649009999994</v>
      </c>
      <c r="R5455">
        <v>17563.417079999999</v>
      </c>
      <c r="S5455">
        <v>78839.700639999995</v>
      </c>
      <c r="T5455">
        <v>19017.203720000001</v>
      </c>
      <c r="U5455">
        <v>14670.54219</v>
      </c>
      <c r="W5455" s="83">
        <f>Bühler!N5487</f>
        <v>45519.208333320108</v>
      </c>
      <c r="X5455" s="83">
        <v>43328.208333333336</v>
      </c>
      <c r="Y5455">
        <v>155545.4135</v>
      </c>
      <c r="Z5455">
        <v>14978.923489999999</v>
      </c>
      <c r="AA5455">
        <v>71771.416509999995</v>
      </c>
      <c r="AB5455">
        <v>27756.237359999999</v>
      </c>
      <c r="AC5455">
        <v>36166.289550000001</v>
      </c>
      <c r="AD5455">
        <v>22109.982960000001</v>
      </c>
      <c r="AE5455">
        <v>42750.134749999997</v>
      </c>
      <c r="AF5455">
        <v>45928.957649999997</v>
      </c>
      <c r="AG5455">
        <v>17599.97783</v>
      </c>
      <c r="AH5455">
        <v>308318.56270000001</v>
      </c>
      <c r="AI5455">
        <v>76316.721619999997</v>
      </c>
      <c r="AJ5455">
        <v>19492.721969999999</v>
      </c>
      <c r="AK5455">
        <v>27074.284230000001</v>
      </c>
      <c r="AL5455">
        <v>93410.649009999994</v>
      </c>
      <c r="AM5455">
        <v>17563.417079999999</v>
      </c>
      <c r="AN5455">
        <v>78839.700639999995</v>
      </c>
      <c r="AO5455">
        <v>19017.203720000001</v>
      </c>
      <c r="AP5455">
        <v>14670.54219</v>
      </c>
    </row>
    <row r="5456" spans="2:42" x14ac:dyDescent="0.3">
      <c r="B5456">
        <v>64.075712535682598</v>
      </c>
      <c r="C5456" s="83">
        <v>43328.25</v>
      </c>
      <c r="D5456">
        <v>162806.1931</v>
      </c>
      <c r="E5456">
        <v>18444.304469999999</v>
      </c>
      <c r="F5456">
        <v>82402.132119999995</v>
      </c>
      <c r="G5456">
        <v>29423.962049999998</v>
      </c>
      <c r="H5456">
        <v>37914.815199999997</v>
      </c>
      <c r="I5456">
        <v>26111.499899999999</v>
      </c>
      <c r="J5456">
        <v>46486.385909999997</v>
      </c>
      <c r="K5456">
        <v>47324.486850000001</v>
      </c>
      <c r="L5456">
        <v>18436.999500000002</v>
      </c>
      <c r="M5456">
        <v>326687.86369999999</v>
      </c>
      <c r="N5456">
        <v>78526.965049999999</v>
      </c>
      <c r="O5456">
        <v>20771.59548</v>
      </c>
      <c r="P5456">
        <v>27849.131519999999</v>
      </c>
      <c r="Q5456">
        <v>94337.249970000004</v>
      </c>
      <c r="R5456">
        <v>18081.092690000001</v>
      </c>
      <c r="S5456">
        <v>86911.109020000004</v>
      </c>
      <c r="T5456">
        <v>20314.363499999999</v>
      </c>
      <c r="U5456">
        <v>17267.524020000001</v>
      </c>
      <c r="W5456" s="83">
        <f>Bühler!N5488</f>
        <v>45519.249999986772</v>
      </c>
      <c r="X5456" s="83">
        <v>43328.25</v>
      </c>
      <c r="Y5456">
        <v>162806.1931</v>
      </c>
      <c r="Z5456">
        <v>18444.304469999999</v>
      </c>
      <c r="AA5456">
        <v>82402.132119999995</v>
      </c>
      <c r="AB5456">
        <v>29423.962049999998</v>
      </c>
      <c r="AC5456">
        <v>37914.815199999997</v>
      </c>
      <c r="AD5456">
        <v>26111.499899999999</v>
      </c>
      <c r="AE5456">
        <v>46486.385909999997</v>
      </c>
      <c r="AF5456">
        <v>47324.486850000001</v>
      </c>
      <c r="AG5456">
        <v>18436.999500000002</v>
      </c>
      <c r="AH5456">
        <v>326687.86369999999</v>
      </c>
      <c r="AI5456">
        <v>78526.965049999999</v>
      </c>
      <c r="AJ5456">
        <v>20771.59548</v>
      </c>
      <c r="AK5456">
        <v>27849.131519999999</v>
      </c>
      <c r="AL5456">
        <v>94337.249970000004</v>
      </c>
      <c r="AM5456">
        <v>18081.092690000001</v>
      </c>
      <c r="AN5456">
        <v>86911.109020000004</v>
      </c>
      <c r="AO5456">
        <v>20314.363499999999</v>
      </c>
      <c r="AP5456">
        <v>17267.524020000001</v>
      </c>
    </row>
    <row r="5457" spans="2:42" x14ac:dyDescent="0.3">
      <c r="B5457">
        <v>66.584352534881674</v>
      </c>
      <c r="C5457" s="83">
        <v>43328.291666666664</v>
      </c>
      <c r="D5457">
        <v>169444.5998</v>
      </c>
      <c r="E5457">
        <v>22091.769189999999</v>
      </c>
      <c r="F5457">
        <v>85597.986709999997</v>
      </c>
      <c r="G5457">
        <v>31864.394670000001</v>
      </c>
      <c r="H5457">
        <v>40963.188779999997</v>
      </c>
      <c r="I5457">
        <v>29621.125100000001</v>
      </c>
      <c r="J5457">
        <v>47277.799919999998</v>
      </c>
      <c r="K5457">
        <v>50369.074910000003</v>
      </c>
      <c r="L5457">
        <v>20429.90655</v>
      </c>
      <c r="M5457">
        <v>339478.08029999997</v>
      </c>
      <c r="N5457">
        <v>82993.808929999999</v>
      </c>
      <c r="O5457">
        <v>22991.83323</v>
      </c>
      <c r="P5457">
        <v>30748.965080000002</v>
      </c>
      <c r="Q5457">
        <v>95297.504950000002</v>
      </c>
      <c r="R5457">
        <v>19097.13178</v>
      </c>
      <c r="S5457">
        <v>97876.419330000004</v>
      </c>
      <c r="T5457">
        <v>22925.952799999999</v>
      </c>
      <c r="U5457">
        <v>19973.736850000001</v>
      </c>
      <c r="W5457" s="83">
        <f>Bühler!N5489</f>
        <v>45519.291666653437</v>
      </c>
      <c r="X5457" s="83">
        <v>43328.291666666664</v>
      </c>
      <c r="Y5457">
        <v>169444.5998</v>
      </c>
      <c r="Z5457">
        <v>22091.769189999999</v>
      </c>
      <c r="AA5457">
        <v>85597.986709999997</v>
      </c>
      <c r="AB5457">
        <v>31864.394670000001</v>
      </c>
      <c r="AC5457">
        <v>40963.188779999997</v>
      </c>
      <c r="AD5457">
        <v>29621.125100000001</v>
      </c>
      <c r="AE5457">
        <v>47277.799919999998</v>
      </c>
      <c r="AF5457">
        <v>50369.074910000003</v>
      </c>
      <c r="AG5457">
        <v>20429.90655</v>
      </c>
      <c r="AH5457">
        <v>339478.08029999997</v>
      </c>
      <c r="AI5457">
        <v>82993.808929999999</v>
      </c>
      <c r="AJ5457">
        <v>22991.83323</v>
      </c>
      <c r="AK5457">
        <v>30748.965080000002</v>
      </c>
      <c r="AL5457">
        <v>95297.504950000002</v>
      </c>
      <c r="AM5457">
        <v>19097.13178</v>
      </c>
      <c r="AN5457">
        <v>97876.419330000004</v>
      </c>
      <c r="AO5457">
        <v>22925.952799999999</v>
      </c>
      <c r="AP5457">
        <v>19973.736850000001</v>
      </c>
    </row>
    <row r="5458" spans="2:42" x14ac:dyDescent="0.3">
      <c r="B5458">
        <v>68.988936929038445</v>
      </c>
      <c r="C5458" s="83">
        <v>43328.333333333336</v>
      </c>
      <c r="D5458">
        <v>177424.5601</v>
      </c>
      <c r="E5458">
        <v>27360.56277</v>
      </c>
      <c r="F5458">
        <v>92318.41575</v>
      </c>
      <c r="G5458">
        <v>34985.026660000003</v>
      </c>
      <c r="H5458">
        <v>44488.388650000001</v>
      </c>
      <c r="I5458">
        <v>31878.857690000001</v>
      </c>
      <c r="J5458">
        <v>51164.110460000004</v>
      </c>
      <c r="K5458">
        <v>55721.723879999998</v>
      </c>
      <c r="L5458">
        <v>24529.6531</v>
      </c>
      <c r="M5458">
        <v>351737.77289999998</v>
      </c>
      <c r="N5458">
        <v>89048.483519999994</v>
      </c>
      <c r="O5458">
        <v>25020.682379999998</v>
      </c>
      <c r="P5458">
        <v>34296.426670000001</v>
      </c>
      <c r="Q5458">
        <v>95339.175080000001</v>
      </c>
      <c r="R5458">
        <v>20361.324700000001</v>
      </c>
      <c r="S5458">
        <v>108694.3833</v>
      </c>
      <c r="T5458">
        <v>24726.324960000002</v>
      </c>
      <c r="U5458">
        <v>22374.666150000001</v>
      </c>
      <c r="W5458" s="83">
        <f>Bühler!N5490</f>
        <v>45519.333333320101</v>
      </c>
      <c r="X5458" s="83">
        <v>43328.333333333336</v>
      </c>
      <c r="Y5458">
        <v>177424.5601</v>
      </c>
      <c r="Z5458">
        <v>27360.56277</v>
      </c>
      <c r="AA5458">
        <v>92318.41575</v>
      </c>
      <c r="AB5458">
        <v>34985.026660000003</v>
      </c>
      <c r="AC5458">
        <v>44488.388650000001</v>
      </c>
      <c r="AD5458">
        <v>31878.857690000001</v>
      </c>
      <c r="AE5458">
        <v>51164.110460000004</v>
      </c>
      <c r="AF5458">
        <v>55721.723879999998</v>
      </c>
      <c r="AG5458">
        <v>24529.6531</v>
      </c>
      <c r="AH5458">
        <v>351737.77289999998</v>
      </c>
      <c r="AI5458">
        <v>89048.483519999994</v>
      </c>
      <c r="AJ5458">
        <v>25020.682379999998</v>
      </c>
      <c r="AK5458">
        <v>34296.426670000001</v>
      </c>
      <c r="AL5458">
        <v>95339.175080000001</v>
      </c>
      <c r="AM5458">
        <v>20361.324700000001</v>
      </c>
      <c r="AN5458">
        <v>108694.3833</v>
      </c>
      <c r="AO5458">
        <v>24726.324960000002</v>
      </c>
      <c r="AP5458">
        <v>22374.666150000001</v>
      </c>
    </row>
    <row r="5459" spans="2:42" x14ac:dyDescent="0.3">
      <c r="B5459">
        <v>69.54658101439874</v>
      </c>
      <c r="C5459" s="83">
        <v>43328.375</v>
      </c>
      <c r="D5459">
        <v>177951.8665</v>
      </c>
      <c r="E5459">
        <v>32154.021519999998</v>
      </c>
      <c r="F5459">
        <v>98572.127760000003</v>
      </c>
      <c r="G5459">
        <v>36928.923849999999</v>
      </c>
      <c r="H5459">
        <v>47037.346709999998</v>
      </c>
      <c r="I5459">
        <v>31670.051630000002</v>
      </c>
      <c r="J5459">
        <v>55340.92815</v>
      </c>
      <c r="K5459">
        <v>57849.744870000002</v>
      </c>
      <c r="L5459">
        <v>28859.11145</v>
      </c>
      <c r="M5459">
        <v>354580.90250000003</v>
      </c>
      <c r="N5459">
        <v>93384.999720000007</v>
      </c>
      <c r="O5459">
        <v>26317.07388</v>
      </c>
      <c r="P5459">
        <v>38308.705430000002</v>
      </c>
      <c r="Q5459">
        <v>96377.566709999999</v>
      </c>
      <c r="R5459">
        <v>21004.600040000001</v>
      </c>
      <c r="S5459">
        <v>115626.1146</v>
      </c>
      <c r="T5459">
        <v>26787.740310000001</v>
      </c>
      <c r="U5459">
        <v>23111.017260000001</v>
      </c>
      <c r="W5459" s="83">
        <f>Bühler!N5491</f>
        <v>45519.374999986765</v>
      </c>
      <c r="X5459" s="83">
        <v>43328.375</v>
      </c>
      <c r="Y5459">
        <v>177951.8665</v>
      </c>
      <c r="Z5459">
        <v>32154.021519999998</v>
      </c>
      <c r="AA5459">
        <v>98572.127760000003</v>
      </c>
      <c r="AB5459">
        <v>36928.923849999999</v>
      </c>
      <c r="AC5459">
        <v>47037.346709999998</v>
      </c>
      <c r="AD5459">
        <v>31670.051630000002</v>
      </c>
      <c r="AE5459">
        <v>55340.92815</v>
      </c>
      <c r="AF5459">
        <v>57849.744870000002</v>
      </c>
      <c r="AG5459">
        <v>28859.11145</v>
      </c>
      <c r="AH5459">
        <v>354580.90250000003</v>
      </c>
      <c r="AI5459">
        <v>93384.999720000007</v>
      </c>
      <c r="AJ5459">
        <v>26317.07388</v>
      </c>
      <c r="AK5459">
        <v>38308.705430000002</v>
      </c>
      <c r="AL5459">
        <v>96377.566709999999</v>
      </c>
      <c r="AM5459">
        <v>21004.600040000001</v>
      </c>
      <c r="AN5459">
        <v>115626.1146</v>
      </c>
      <c r="AO5459">
        <v>26787.740310000001</v>
      </c>
      <c r="AP5459">
        <v>23111.017260000001</v>
      </c>
    </row>
    <row r="5460" spans="2:42" x14ac:dyDescent="0.3">
      <c r="B5460">
        <v>70.867071991184829</v>
      </c>
      <c r="C5460" s="83">
        <v>43328.416666666664</v>
      </c>
      <c r="D5460">
        <v>180930.15220000001</v>
      </c>
      <c r="E5460">
        <v>34127.1587</v>
      </c>
      <c r="F5460">
        <v>100661.33990000001</v>
      </c>
      <c r="G5460">
        <v>37778.629410000001</v>
      </c>
      <c r="H5460">
        <v>48075.055079999998</v>
      </c>
      <c r="I5460">
        <v>31040.174889999998</v>
      </c>
      <c r="J5460">
        <v>55793.412450000003</v>
      </c>
      <c r="K5460">
        <v>60356.697</v>
      </c>
      <c r="L5460">
        <v>32181.039379999998</v>
      </c>
      <c r="M5460">
        <v>361313.38130000001</v>
      </c>
      <c r="N5460">
        <v>100082.57980000001</v>
      </c>
      <c r="O5460">
        <v>27297.575809999998</v>
      </c>
      <c r="P5460">
        <v>40170.909849999996</v>
      </c>
      <c r="Q5460">
        <v>97682.579089999999</v>
      </c>
      <c r="R5460">
        <v>22098.256600000001</v>
      </c>
      <c r="S5460">
        <v>118216.43889999999</v>
      </c>
      <c r="T5460">
        <v>29278.383030000001</v>
      </c>
      <c r="U5460">
        <v>22923.79074</v>
      </c>
      <c r="W5460" s="83">
        <f>Bühler!N5492</f>
        <v>45519.416666653429</v>
      </c>
      <c r="X5460" s="83">
        <v>43328.416666666664</v>
      </c>
      <c r="Y5460">
        <v>180930.15220000001</v>
      </c>
      <c r="Z5460">
        <v>34127.1587</v>
      </c>
      <c r="AA5460">
        <v>100661.33990000001</v>
      </c>
      <c r="AB5460">
        <v>37778.629410000001</v>
      </c>
      <c r="AC5460">
        <v>48075.055079999998</v>
      </c>
      <c r="AD5460">
        <v>31040.174889999998</v>
      </c>
      <c r="AE5460">
        <v>55793.412450000003</v>
      </c>
      <c r="AF5460">
        <v>60356.697</v>
      </c>
      <c r="AG5460">
        <v>32181.039379999998</v>
      </c>
      <c r="AH5460">
        <v>361313.38130000001</v>
      </c>
      <c r="AI5460">
        <v>100082.57980000001</v>
      </c>
      <c r="AJ5460">
        <v>27297.575809999998</v>
      </c>
      <c r="AK5460">
        <v>40170.909849999996</v>
      </c>
      <c r="AL5460">
        <v>97682.579089999999</v>
      </c>
      <c r="AM5460">
        <v>22098.256600000001</v>
      </c>
      <c r="AN5460">
        <v>118216.43889999999</v>
      </c>
      <c r="AO5460">
        <v>29278.383030000001</v>
      </c>
      <c r="AP5460">
        <v>22923.79074</v>
      </c>
    </row>
    <row r="5461" spans="2:42" x14ac:dyDescent="0.3">
      <c r="B5461">
        <v>71.657744858205021</v>
      </c>
      <c r="C5461" s="83">
        <v>43328.458333333336</v>
      </c>
      <c r="D5461">
        <v>183828.07190000001</v>
      </c>
      <c r="E5461">
        <v>34486.324910000003</v>
      </c>
      <c r="F5461">
        <v>101514.3064</v>
      </c>
      <c r="G5461">
        <v>37819.834360000001</v>
      </c>
      <c r="H5461">
        <v>48162.7232</v>
      </c>
      <c r="I5461">
        <v>31074.767370000001</v>
      </c>
      <c r="J5461">
        <v>56963.193919999998</v>
      </c>
      <c r="K5461">
        <v>60587.669049999997</v>
      </c>
      <c r="L5461">
        <v>33669.843939999999</v>
      </c>
      <c r="M5461">
        <v>365344.60029999999</v>
      </c>
      <c r="N5461">
        <v>100562.7833</v>
      </c>
      <c r="O5461">
        <v>27959.835770000002</v>
      </c>
      <c r="P5461">
        <v>39359.63409</v>
      </c>
      <c r="Q5461">
        <v>98590.208540000007</v>
      </c>
      <c r="R5461">
        <v>24158.693070000001</v>
      </c>
      <c r="S5461">
        <v>121275.73669999999</v>
      </c>
      <c r="T5461">
        <v>29470.91131</v>
      </c>
      <c r="U5461">
        <v>22632.744589999998</v>
      </c>
      <c r="W5461" s="83">
        <f>Bühler!N5493</f>
        <v>45519.458333320094</v>
      </c>
      <c r="X5461" s="83">
        <v>43328.458333333336</v>
      </c>
      <c r="Y5461">
        <v>183828.07190000001</v>
      </c>
      <c r="Z5461">
        <v>34486.324910000003</v>
      </c>
      <c r="AA5461">
        <v>101514.3064</v>
      </c>
      <c r="AB5461">
        <v>37819.834360000001</v>
      </c>
      <c r="AC5461">
        <v>48162.7232</v>
      </c>
      <c r="AD5461">
        <v>31074.767370000001</v>
      </c>
      <c r="AE5461">
        <v>56963.193919999998</v>
      </c>
      <c r="AF5461">
        <v>60587.669049999997</v>
      </c>
      <c r="AG5461">
        <v>33669.843939999999</v>
      </c>
      <c r="AH5461">
        <v>365344.60029999999</v>
      </c>
      <c r="AI5461">
        <v>100562.7833</v>
      </c>
      <c r="AJ5461">
        <v>27959.835770000002</v>
      </c>
      <c r="AK5461">
        <v>39359.63409</v>
      </c>
      <c r="AL5461">
        <v>98590.208540000007</v>
      </c>
      <c r="AM5461">
        <v>24158.693070000001</v>
      </c>
      <c r="AN5461">
        <v>121275.73669999999</v>
      </c>
      <c r="AO5461">
        <v>29470.91131</v>
      </c>
      <c r="AP5461">
        <v>22632.744589999998</v>
      </c>
    </row>
    <row r="5462" spans="2:42" x14ac:dyDescent="0.3">
      <c r="B5462">
        <v>71.246201982510527</v>
      </c>
      <c r="C5462" s="83">
        <v>43328.5</v>
      </c>
      <c r="D5462">
        <v>178931.5803</v>
      </c>
      <c r="E5462">
        <v>31931.320489999998</v>
      </c>
      <c r="F5462">
        <v>100767.7859</v>
      </c>
      <c r="G5462">
        <v>38119.584329999998</v>
      </c>
      <c r="H5462">
        <v>47568.122759999998</v>
      </c>
      <c r="I5462">
        <v>30606.484130000001</v>
      </c>
      <c r="J5462">
        <v>56716.275130000002</v>
      </c>
      <c r="K5462">
        <v>58000.073579999997</v>
      </c>
      <c r="L5462">
        <v>36839.235330000003</v>
      </c>
      <c r="M5462">
        <v>363246.3628</v>
      </c>
      <c r="N5462">
        <v>96897.302179999999</v>
      </c>
      <c r="O5462">
        <v>27258.271970000002</v>
      </c>
      <c r="P5462">
        <v>40377.708859999999</v>
      </c>
      <c r="Q5462">
        <v>97614.729160000003</v>
      </c>
      <c r="R5462">
        <v>26947.232769999999</v>
      </c>
      <c r="S5462">
        <v>116113.2729</v>
      </c>
      <c r="T5462">
        <v>29289.934700000002</v>
      </c>
      <c r="U5462">
        <v>19836.507269999998</v>
      </c>
      <c r="W5462" s="83">
        <f>Bühler!N5494</f>
        <v>45519.499999986758</v>
      </c>
      <c r="X5462" s="83">
        <v>43328.5</v>
      </c>
      <c r="Y5462">
        <v>178931.5803</v>
      </c>
      <c r="Z5462">
        <v>31931.320489999998</v>
      </c>
      <c r="AA5462">
        <v>100767.7859</v>
      </c>
      <c r="AB5462">
        <v>38119.584329999998</v>
      </c>
      <c r="AC5462">
        <v>47568.122759999998</v>
      </c>
      <c r="AD5462">
        <v>30606.484130000001</v>
      </c>
      <c r="AE5462">
        <v>56716.275130000002</v>
      </c>
      <c r="AF5462">
        <v>58000.073579999997</v>
      </c>
      <c r="AG5462">
        <v>36839.235330000003</v>
      </c>
      <c r="AH5462">
        <v>363246.3628</v>
      </c>
      <c r="AI5462">
        <v>96897.302179999999</v>
      </c>
      <c r="AJ5462">
        <v>27258.271970000002</v>
      </c>
      <c r="AK5462">
        <v>40377.708859999999</v>
      </c>
      <c r="AL5462">
        <v>97614.729160000003</v>
      </c>
      <c r="AM5462">
        <v>26947.232769999999</v>
      </c>
      <c r="AN5462">
        <v>116113.2729</v>
      </c>
      <c r="AO5462">
        <v>29289.934700000002</v>
      </c>
      <c r="AP5462">
        <v>19836.507269999998</v>
      </c>
    </row>
    <row r="5463" spans="2:42" x14ac:dyDescent="0.3">
      <c r="B5463">
        <v>71.453081998824501</v>
      </c>
      <c r="C5463" s="83">
        <v>43328.541666666664</v>
      </c>
      <c r="D5463">
        <v>180400.69200000001</v>
      </c>
      <c r="E5463">
        <v>32126.64255</v>
      </c>
      <c r="F5463">
        <v>99287.55816</v>
      </c>
      <c r="G5463">
        <v>37863.278079999996</v>
      </c>
      <c r="H5463">
        <v>47315.790860000001</v>
      </c>
      <c r="I5463">
        <v>29928.236339999999</v>
      </c>
      <c r="J5463">
        <v>56382.833180000001</v>
      </c>
      <c r="K5463">
        <v>58001.772270000001</v>
      </c>
      <c r="L5463">
        <v>36271.860200000003</v>
      </c>
      <c r="M5463">
        <v>364301.1336</v>
      </c>
      <c r="N5463">
        <v>97331.120609999998</v>
      </c>
      <c r="O5463">
        <v>26927.16416</v>
      </c>
      <c r="P5463">
        <v>39443.412170000003</v>
      </c>
      <c r="Q5463">
        <v>97474.431349999999</v>
      </c>
      <c r="R5463">
        <v>26418.642619999999</v>
      </c>
      <c r="S5463">
        <v>115648.2013</v>
      </c>
      <c r="T5463">
        <v>29500.716950000002</v>
      </c>
      <c r="U5463">
        <v>21661.214110000001</v>
      </c>
      <c r="W5463" s="83">
        <f>Bühler!N5495</f>
        <v>45519.541666653422</v>
      </c>
      <c r="X5463" s="83">
        <v>43328.541666666664</v>
      </c>
      <c r="Y5463">
        <v>180400.69200000001</v>
      </c>
      <c r="Z5463">
        <v>32126.64255</v>
      </c>
      <c r="AA5463">
        <v>99287.55816</v>
      </c>
      <c r="AB5463">
        <v>37863.278079999996</v>
      </c>
      <c r="AC5463">
        <v>47315.790860000001</v>
      </c>
      <c r="AD5463">
        <v>29928.236339999999</v>
      </c>
      <c r="AE5463">
        <v>56382.833180000001</v>
      </c>
      <c r="AF5463">
        <v>58001.772270000001</v>
      </c>
      <c r="AG5463">
        <v>36271.860200000003</v>
      </c>
      <c r="AH5463">
        <v>364301.1336</v>
      </c>
      <c r="AI5463">
        <v>97331.120609999998</v>
      </c>
      <c r="AJ5463">
        <v>26927.16416</v>
      </c>
      <c r="AK5463">
        <v>39443.412170000003</v>
      </c>
      <c r="AL5463">
        <v>97474.431349999999</v>
      </c>
      <c r="AM5463">
        <v>26418.642619999999</v>
      </c>
      <c r="AN5463">
        <v>115648.2013</v>
      </c>
      <c r="AO5463">
        <v>29500.716950000002</v>
      </c>
      <c r="AP5463">
        <v>21661.214110000001</v>
      </c>
    </row>
    <row r="5464" spans="2:42" x14ac:dyDescent="0.3">
      <c r="B5464">
        <v>71.623821578457793</v>
      </c>
      <c r="C5464" s="83">
        <v>43328.583333333336</v>
      </c>
      <c r="D5464">
        <v>182247.9142</v>
      </c>
      <c r="E5464">
        <v>34601.464070000002</v>
      </c>
      <c r="F5464">
        <v>101816.8986</v>
      </c>
      <c r="G5464">
        <v>37333.689330000001</v>
      </c>
      <c r="H5464">
        <v>47673.508529999999</v>
      </c>
      <c r="I5464">
        <v>30915.442879999999</v>
      </c>
      <c r="J5464">
        <v>55876.848879999998</v>
      </c>
      <c r="K5464">
        <v>60084.71602</v>
      </c>
      <c r="L5464">
        <v>33800.16072</v>
      </c>
      <c r="M5464">
        <v>365171.64360000001</v>
      </c>
      <c r="N5464">
        <v>98289.831319999998</v>
      </c>
      <c r="O5464">
        <v>26577.40092</v>
      </c>
      <c r="P5464">
        <v>36650.340660000002</v>
      </c>
      <c r="Q5464">
        <v>97266.528260000006</v>
      </c>
      <c r="R5464">
        <v>26705.100139999999</v>
      </c>
      <c r="S5464">
        <v>112309.1118</v>
      </c>
      <c r="T5464">
        <v>29133.289529999998</v>
      </c>
      <c r="U5464">
        <v>21552.522850000001</v>
      </c>
      <c r="W5464" s="83">
        <f>Bühler!N5496</f>
        <v>45519.583333320086</v>
      </c>
      <c r="X5464" s="83">
        <v>43328.583333333336</v>
      </c>
      <c r="Y5464">
        <v>182247.9142</v>
      </c>
      <c r="Z5464">
        <v>34601.464070000002</v>
      </c>
      <c r="AA5464">
        <v>101816.8986</v>
      </c>
      <c r="AB5464">
        <v>37333.689330000001</v>
      </c>
      <c r="AC5464">
        <v>47673.508529999999</v>
      </c>
      <c r="AD5464">
        <v>30915.442879999999</v>
      </c>
      <c r="AE5464">
        <v>55876.848879999998</v>
      </c>
      <c r="AF5464">
        <v>60084.71602</v>
      </c>
      <c r="AG5464">
        <v>33800.16072</v>
      </c>
      <c r="AH5464">
        <v>365171.64360000001</v>
      </c>
      <c r="AI5464">
        <v>98289.831319999998</v>
      </c>
      <c r="AJ5464">
        <v>26577.40092</v>
      </c>
      <c r="AK5464">
        <v>36650.340660000002</v>
      </c>
      <c r="AL5464">
        <v>97266.528260000006</v>
      </c>
      <c r="AM5464">
        <v>26705.100139999999</v>
      </c>
      <c r="AN5464">
        <v>112309.1118</v>
      </c>
      <c r="AO5464">
        <v>29133.289529999998</v>
      </c>
      <c r="AP5464">
        <v>21552.522850000001</v>
      </c>
    </row>
    <row r="5465" spans="2:42" x14ac:dyDescent="0.3">
      <c r="B5465">
        <v>70.538658172656469</v>
      </c>
      <c r="C5465" s="83">
        <v>43328.625</v>
      </c>
      <c r="D5465">
        <v>179689.4455</v>
      </c>
      <c r="E5465">
        <v>34564.776339999997</v>
      </c>
      <c r="F5465">
        <v>102896.6151</v>
      </c>
      <c r="G5465">
        <v>37158.417240000002</v>
      </c>
      <c r="H5465">
        <v>46823.18477</v>
      </c>
      <c r="I5465">
        <v>30935.527010000002</v>
      </c>
      <c r="J5465">
        <v>55766.35929</v>
      </c>
      <c r="K5465">
        <v>59028.988039999997</v>
      </c>
      <c r="L5465">
        <v>30813.892530000001</v>
      </c>
      <c r="M5465">
        <v>359638.97450000001</v>
      </c>
      <c r="N5465">
        <v>96985.034020000006</v>
      </c>
      <c r="O5465">
        <v>25998.305</v>
      </c>
      <c r="P5465">
        <v>33483.54567</v>
      </c>
      <c r="Q5465">
        <v>95612.726060000001</v>
      </c>
      <c r="R5465">
        <v>26048.323369999998</v>
      </c>
      <c r="S5465">
        <v>110078.9809</v>
      </c>
      <c r="T5465">
        <v>28870.265719999999</v>
      </c>
      <c r="U5465">
        <v>20495.813699999999</v>
      </c>
      <c r="W5465" s="83">
        <f>Bühler!N5497</f>
        <v>45519.62499998675</v>
      </c>
      <c r="X5465" s="83">
        <v>43328.625</v>
      </c>
      <c r="Y5465">
        <v>179689.4455</v>
      </c>
      <c r="Z5465">
        <v>34564.776339999997</v>
      </c>
      <c r="AA5465">
        <v>102896.6151</v>
      </c>
      <c r="AB5465">
        <v>37158.417240000002</v>
      </c>
      <c r="AC5465">
        <v>46823.18477</v>
      </c>
      <c r="AD5465">
        <v>30935.527010000002</v>
      </c>
      <c r="AE5465">
        <v>55766.35929</v>
      </c>
      <c r="AF5465">
        <v>59028.988039999997</v>
      </c>
      <c r="AG5465">
        <v>30813.892530000001</v>
      </c>
      <c r="AH5465">
        <v>359638.97450000001</v>
      </c>
      <c r="AI5465">
        <v>96985.034020000006</v>
      </c>
      <c r="AJ5465">
        <v>25998.305</v>
      </c>
      <c r="AK5465">
        <v>33483.54567</v>
      </c>
      <c r="AL5465">
        <v>95612.726060000001</v>
      </c>
      <c r="AM5465">
        <v>26048.323369999998</v>
      </c>
      <c r="AN5465">
        <v>110078.9809</v>
      </c>
      <c r="AO5465">
        <v>28870.265719999999</v>
      </c>
      <c r="AP5465">
        <v>20495.813699999999</v>
      </c>
    </row>
    <row r="5466" spans="2:42" x14ac:dyDescent="0.3">
      <c r="B5466">
        <v>68.586487297643416</v>
      </c>
      <c r="C5466" s="83">
        <v>43328.666666666664</v>
      </c>
      <c r="D5466">
        <v>173695.43609999999</v>
      </c>
      <c r="E5466">
        <v>33764.323819999998</v>
      </c>
      <c r="F5466">
        <v>102036.02680000001</v>
      </c>
      <c r="G5466">
        <v>35955.493649999997</v>
      </c>
      <c r="H5466">
        <v>45611.411529999998</v>
      </c>
      <c r="I5466">
        <v>31670.747029999999</v>
      </c>
      <c r="J5466">
        <v>53942.636659999996</v>
      </c>
      <c r="K5466">
        <v>55173.052360000001</v>
      </c>
      <c r="L5466">
        <v>29340.05185</v>
      </c>
      <c r="M5466">
        <v>349685.897</v>
      </c>
      <c r="N5466">
        <v>93407.803700000004</v>
      </c>
      <c r="O5466">
        <v>25156.12616</v>
      </c>
      <c r="P5466">
        <v>32537.086520000001</v>
      </c>
      <c r="Q5466">
        <v>93867.116680000006</v>
      </c>
      <c r="R5466">
        <v>25814.508860000002</v>
      </c>
      <c r="S5466">
        <v>106966.6639</v>
      </c>
      <c r="T5466">
        <v>28678.269909999999</v>
      </c>
      <c r="U5466">
        <v>18956.311409999998</v>
      </c>
      <c r="W5466" s="83">
        <f>Bühler!N5498</f>
        <v>45519.666666653415</v>
      </c>
      <c r="X5466" s="83">
        <v>43328.666666666664</v>
      </c>
      <c r="Y5466">
        <v>173695.43609999999</v>
      </c>
      <c r="Z5466">
        <v>33764.323819999998</v>
      </c>
      <c r="AA5466">
        <v>102036.02680000001</v>
      </c>
      <c r="AB5466">
        <v>35955.493649999997</v>
      </c>
      <c r="AC5466">
        <v>45611.411529999998</v>
      </c>
      <c r="AD5466">
        <v>31670.747029999999</v>
      </c>
      <c r="AE5466">
        <v>53942.636659999996</v>
      </c>
      <c r="AF5466">
        <v>55173.052360000001</v>
      </c>
      <c r="AG5466">
        <v>29340.05185</v>
      </c>
      <c r="AH5466">
        <v>349685.897</v>
      </c>
      <c r="AI5466">
        <v>93407.803700000004</v>
      </c>
      <c r="AJ5466">
        <v>25156.12616</v>
      </c>
      <c r="AK5466">
        <v>32537.086520000001</v>
      </c>
      <c r="AL5466">
        <v>93867.116680000006</v>
      </c>
      <c r="AM5466">
        <v>25814.508860000002</v>
      </c>
      <c r="AN5466">
        <v>106966.6639</v>
      </c>
      <c r="AO5466">
        <v>28678.269909999999</v>
      </c>
      <c r="AP5466">
        <v>18956.311409999998</v>
      </c>
    </row>
    <row r="5467" spans="2:42" x14ac:dyDescent="0.3">
      <c r="B5467">
        <v>65.883473788150681</v>
      </c>
      <c r="C5467" s="83">
        <v>43328.708333333336</v>
      </c>
      <c r="D5467">
        <v>166048.6153</v>
      </c>
      <c r="E5467">
        <v>31854.961640000001</v>
      </c>
      <c r="F5467">
        <v>101146.2792</v>
      </c>
      <c r="G5467">
        <v>34005.282229999997</v>
      </c>
      <c r="H5467">
        <v>43841.888509999997</v>
      </c>
      <c r="I5467">
        <v>31290.93074</v>
      </c>
      <c r="J5467">
        <v>53931.420830000003</v>
      </c>
      <c r="K5467">
        <v>51681.179830000001</v>
      </c>
      <c r="L5467">
        <v>29862.40914</v>
      </c>
      <c r="M5467">
        <v>335904.67359999998</v>
      </c>
      <c r="N5467">
        <v>89540.047170000005</v>
      </c>
      <c r="O5467">
        <v>23776.566030000002</v>
      </c>
      <c r="P5467">
        <v>34329.397010000001</v>
      </c>
      <c r="Q5467">
        <v>92078.036909999995</v>
      </c>
      <c r="R5467">
        <v>25742.577939999999</v>
      </c>
      <c r="S5467">
        <v>102488.9892</v>
      </c>
      <c r="T5467">
        <v>28383.962319999999</v>
      </c>
      <c r="U5467">
        <v>17158.549360000001</v>
      </c>
      <c r="W5467" s="83">
        <f>Bühler!N5499</f>
        <v>45519.708333320079</v>
      </c>
      <c r="X5467" s="83">
        <v>43328.708333333336</v>
      </c>
      <c r="Y5467">
        <v>166048.6153</v>
      </c>
      <c r="Z5467">
        <v>31854.961640000001</v>
      </c>
      <c r="AA5467">
        <v>101146.2792</v>
      </c>
      <c r="AB5467">
        <v>34005.282229999997</v>
      </c>
      <c r="AC5467">
        <v>43841.888509999997</v>
      </c>
      <c r="AD5467">
        <v>31290.93074</v>
      </c>
      <c r="AE5467">
        <v>53931.420830000003</v>
      </c>
      <c r="AF5467">
        <v>51681.179830000001</v>
      </c>
      <c r="AG5467">
        <v>29862.40914</v>
      </c>
      <c r="AH5467">
        <v>335904.67359999998</v>
      </c>
      <c r="AI5467">
        <v>89540.047170000005</v>
      </c>
      <c r="AJ5467">
        <v>23776.566030000002</v>
      </c>
      <c r="AK5467">
        <v>34329.397010000001</v>
      </c>
      <c r="AL5467">
        <v>92078.036909999995</v>
      </c>
      <c r="AM5467">
        <v>25742.577939999999</v>
      </c>
      <c r="AN5467">
        <v>102488.9892</v>
      </c>
      <c r="AO5467">
        <v>28383.962319999999</v>
      </c>
      <c r="AP5467">
        <v>17158.549360000001</v>
      </c>
    </row>
    <row r="5468" spans="2:42" x14ac:dyDescent="0.3">
      <c r="B5468">
        <v>64.890298142696139</v>
      </c>
      <c r="C5468" s="83">
        <v>43328.75</v>
      </c>
      <c r="D5468">
        <v>160347.94649999999</v>
      </c>
      <c r="E5468">
        <v>28891.347290000002</v>
      </c>
      <c r="F5468">
        <v>99029.78224</v>
      </c>
      <c r="G5468">
        <v>32075.110260000001</v>
      </c>
      <c r="H5468">
        <v>41362.633470000001</v>
      </c>
      <c r="I5468">
        <v>29910.567019999999</v>
      </c>
      <c r="J5468">
        <v>54172.90423</v>
      </c>
      <c r="K5468">
        <v>50444.033100000001</v>
      </c>
      <c r="L5468">
        <v>30669.124370000001</v>
      </c>
      <c r="M5468">
        <v>330841.00099999999</v>
      </c>
      <c r="N5468">
        <v>85864.479779999994</v>
      </c>
      <c r="O5468">
        <v>21939.771489999999</v>
      </c>
      <c r="P5468">
        <v>37389.364650000003</v>
      </c>
      <c r="Q5468">
        <v>90842.869600000005</v>
      </c>
      <c r="R5468">
        <v>24064.205450000001</v>
      </c>
      <c r="S5468">
        <v>94369.640650000001</v>
      </c>
      <c r="T5468">
        <v>27319.339629999999</v>
      </c>
      <c r="U5468">
        <v>16030.83589</v>
      </c>
      <c r="W5468" s="83">
        <f>Bühler!N5500</f>
        <v>45519.749999986743</v>
      </c>
      <c r="X5468" s="83">
        <v>43328.75</v>
      </c>
      <c r="Y5468">
        <v>160347.94649999999</v>
      </c>
      <c r="Z5468">
        <v>28891.347290000002</v>
      </c>
      <c r="AA5468">
        <v>99029.78224</v>
      </c>
      <c r="AB5468">
        <v>32075.110260000001</v>
      </c>
      <c r="AC5468">
        <v>41362.633470000001</v>
      </c>
      <c r="AD5468">
        <v>29910.567019999999</v>
      </c>
      <c r="AE5468">
        <v>54172.90423</v>
      </c>
      <c r="AF5468">
        <v>50444.033100000001</v>
      </c>
      <c r="AG5468">
        <v>30669.124370000001</v>
      </c>
      <c r="AH5468">
        <v>330841.00099999999</v>
      </c>
      <c r="AI5468">
        <v>85864.479779999994</v>
      </c>
      <c r="AJ5468">
        <v>21939.771489999999</v>
      </c>
      <c r="AK5468">
        <v>37389.364650000003</v>
      </c>
      <c r="AL5468">
        <v>90842.869600000005</v>
      </c>
      <c r="AM5468">
        <v>24064.205450000001</v>
      </c>
      <c r="AN5468">
        <v>94369.640650000001</v>
      </c>
      <c r="AO5468">
        <v>27319.339629999999</v>
      </c>
      <c r="AP5468">
        <v>16030.83589</v>
      </c>
    </row>
    <row r="5469" spans="2:42" x14ac:dyDescent="0.3">
      <c r="B5469">
        <v>63.748071322038882</v>
      </c>
      <c r="C5469" s="83">
        <v>43328.791666666664</v>
      </c>
      <c r="D5469">
        <v>157720.64499999999</v>
      </c>
      <c r="E5469">
        <v>23080.231510000001</v>
      </c>
      <c r="F5469">
        <v>88843.043780000007</v>
      </c>
      <c r="G5469">
        <v>30874.801459999999</v>
      </c>
      <c r="H5469">
        <v>39046.48777</v>
      </c>
      <c r="I5469">
        <v>28594.665639999999</v>
      </c>
      <c r="J5469">
        <v>54016.87038</v>
      </c>
      <c r="K5469">
        <v>50449.683510000003</v>
      </c>
      <c r="L5469">
        <v>30754.141520000001</v>
      </c>
      <c r="M5469">
        <v>325017.39600000001</v>
      </c>
      <c r="N5469">
        <v>82692.414470000003</v>
      </c>
      <c r="O5469">
        <v>20156.738410000002</v>
      </c>
      <c r="P5469">
        <v>40859.06293</v>
      </c>
      <c r="Q5469">
        <v>89105.947279999993</v>
      </c>
      <c r="R5469">
        <v>23000.796409999999</v>
      </c>
      <c r="S5469">
        <v>91030.25477</v>
      </c>
      <c r="T5469">
        <v>26537.036619999999</v>
      </c>
      <c r="U5469">
        <v>14571.122380000001</v>
      </c>
      <c r="W5469" s="83">
        <f>Bühler!N5501</f>
        <v>45519.791666653407</v>
      </c>
      <c r="X5469" s="83">
        <v>43328.791666666664</v>
      </c>
      <c r="Y5469">
        <v>157720.64499999999</v>
      </c>
      <c r="Z5469">
        <v>23080.231510000001</v>
      </c>
      <c r="AA5469">
        <v>88843.043780000007</v>
      </c>
      <c r="AB5469">
        <v>30874.801459999999</v>
      </c>
      <c r="AC5469">
        <v>39046.48777</v>
      </c>
      <c r="AD5469">
        <v>28594.665639999999</v>
      </c>
      <c r="AE5469">
        <v>54016.87038</v>
      </c>
      <c r="AF5469">
        <v>50449.683510000003</v>
      </c>
      <c r="AG5469">
        <v>30754.141520000001</v>
      </c>
      <c r="AH5469">
        <v>325017.39600000001</v>
      </c>
      <c r="AI5469">
        <v>82692.414470000003</v>
      </c>
      <c r="AJ5469">
        <v>20156.738410000002</v>
      </c>
      <c r="AK5469">
        <v>40859.06293</v>
      </c>
      <c r="AL5469">
        <v>89105.947279999993</v>
      </c>
      <c r="AM5469">
        <v>23000.796409999999</v>
      </c>
      <c r="AN5469">
        <v>91030.25477</v>
      </c>
      <c r="AO5469">
        <v>26537.036619999999</v>
      </c>
      <c r="AP5469">
        <v>14571.122380000001</v>
      </c>
    </row>
    <row r="5470" spans="2:42" x14ac:dyDescent="0.3">
      <c r="B5470">
        <v>61.134764259411604</v>
      </c>
      <c r="C5470" s="83">
        <v>43328.833333333336</v>
      </c>
      <c r="D5470">
        <v>153988.47839999999</v>
      </c>
      <c r="E5470">
        <v>17310.493299999998</v>
      </c>
      <c r="F5470">
        <v>73687.755950000006</v>
      </c>
      <c r="G5470">
        <v>29880.83137</v>
      </c>
      <c r="H5470">
        <v>36995.780310000002</v>
      </c>
      <c r="I5470">
        <v>26620.375810000001</v>
      </c>
      <c r="J5470">
        <v>52827.819230000001</v>
      </c>
      <c r="K5470">
        <v>50979.622009999999</v>
      </c>
      <c r="L5470">
        <v>30591.69209</v>
      </c>
      <c r="M5470">
        <v>311693.5379</v>
      </c>
      <c r="N5470">
        <v>79661.758589999998</v>
      </c>
      <c r="O5470">
        <v>19489.093819999998</v>
      </c>
      <c r="P5470">
        <v>41160.564339999997</v>
      </c>
      <c r="Q5470">
        <v>86840.412219999998</v>
      </c>
      <c r="R5470">
        <v>21226.203030000001</v>
      </c>
      <c r="S5470">
        <v>83960.709090000004</v>
      </c>
      <c r="T5470">
        <v>24874.449720000001</v>
      </c>
      <c r="U5470">
        <v>14584.423720000001</v>
      </c>
      <c r="W5470" s="83">
        <f>Bühler!N5502</f>
        <v>45519.833333320072</v>
      </c>
      <c r="X5470" s="83">
        <v>43328.833333333336</v>
      </c>
      <c r="Y5470">
        <v>153988.47839999999</v>
      </c>
      <c r="Z5470">
        <v>17310.493299999998</v>
      </c>
      <c r="AA5470">
        <v>73687.755950000006</v>
      </c>
      <c r="AB5470">
        <v>29880.83137</v>
      </c>
      <c r="AC5470">
        <v>36995.780310000002</v>
      </c>
      <c r="AD5470">
        <v>26620.375810000001</v>
      </c>
      <c r="AE5470">
        <v>52827.819230000001</v>
      </c>
      <c r="AF5470">
        <v>50979.622009999999</v>
      </c>
      <c r="AG5470">
        <v>30591.69209</v>
      </c>
      <c r="AH5470">
        <v>311693.5379</v>
      </c>
      <c r="AI5470">
        <v>79661.758589999998</v>
      </c>
      <c r="AJ5470">
        <v>19489.093819999998</v>
      </c>
      <c r="AK5470">
        <v>41160.564339999997</v>
      </c>
      <c r="AL5470">
        <v>86840.412219999998</v>
      </c>
      <c r="AM5470">
        <v>21226.203030000001</v>
      </c>
      <c r="AN5470">
        <v>83960.709090000004</v>
      </c>
      <c r="AO5470">
        <v>24874.449720000001</v>
      </c>
      <c r="AP5470">
        <v>14584.423720000001</v>
      </c>
    </row>
    <row r="5471" spans="2:42" x14ac:dyDescent="0.3">
      <c r="B5471">
        <v>59.307561454650774</v>
      </c>
      <c r="C5471" s="83">
        <v>43328.875</v>
      </c>
      <c r="D5471">
        <v>151390.277</v>
      </c>
      <c r="E5471">
        <v>14905.497289999999</v>
      </c>
      <c r="F5471">
        <v>65072.792000000001</v>
      </c>
      <c r="G5471">
        <v>29350.07374</v>
      </c>
      <c r="H5471">
        <v>36119.612999999998</v>
      </c>
      <c r="I5471">
        <v>25048.866859999998</v>
      </c>
      <c r="J5471">
        <v>52806.742769999997</v>
      </c>
      <c r="K5471">
        <v>50617.340700000001</v>
      </c>
      <c r="L5471">
        <v>29272.321940000002</v>
      </c>
      <c r="M5471">
        <v>302377.60590000002</v>
      </c>
      <c r="N5471">
        <v>78707.420060000004</v>
      </c>
      <c r="O5471">
        <v>18514.899170000001</v>
      </c>
      <c r="P5471">
        <v>38919.7284</v>
      </c>
      <c r="Q5471">
        <v>84935.812709999998</v>
      </c>
      <c r="R5471">
        <v>20516.37758</v>
      </c>
      <c r="S5471">
        <v>81292.723480000001</v>
      </c>
      <c r="T5471">
        <v>24123.189330000001</v>
      </c>
      <c r="U5471">
        <v>14520.339260000001</v>
      </c>
      <c r="W5471" s="83">
        <f>Bühler!N5503</f>
        <v>45519.874999986736</v>
      </c>
      <c r="X5471" s="83">
        <v>43328.875</v>
      </c>
      <c r="Y5471">
        <v>151390.277</v>
      </c>
      <c r="Z5471">
        <v>14905.497289999999</v>
      </c>
      <c r="AA5471">
        <v>65072.792000000001</v>
      </c>
      <c r="AB5471">
        <v>29350.07374</v>
      </c>
      <c r="AC5471">
        <v>36119.612999999998</v>
      </c>
      <c r="AD5471">
        <v>25048.866859999998</v>
      </c>
      <c r="AE5471">
        <v>52806.742769999997</v>
      </c>
      <c r="AF5471">
        <v>50617.340700000001</v>
      </c>
      <c r="AG5471">
        <v>29272.321940000002</v>
      </c>
      <c r="AH5471">
        <v>302377.60590000002</v>
      </c>
      <c r="AI5471">
        <v>78707.420060000004</v>
      </c>
      <c r="AJ5471">
        <v>18514.899170000001</v>
      </c>
      <c r="AK5471">
        <v>38919.7284</v>
      </c>
      <c r="AL5471">
        <v>84935.812709999998</v>
      </c>
      <c r="AM5471">
        <v>20516.37758</v>
      </c>
      <c r="AN5471">
        <v>81292.723480000001</v>
      </c>
      <c r="AO5471">
        <v>24123.189330000001</v>
      </c>
      <c r="AP5471">
        <v>14520.339260000001</v>
      </c>
    </row>
    <row r="5472" spans="2:42" x14ac:dyDescent="0.3">
      <c r="B5472">
        <v>58.190406310734424</v>
      </c>
      <c r="C5472" s="83">
        <v>43328.916666666664</v>
      </c>
      <c r="D5472">
        <v>148912.0631</v>
      </c>
      <c r="E5472">
        <v>13942.82099</v>
      </c>
      <c r="F5472">
        <v>62279.943939999997</v>
      </c>
      <c r="G5472">
        <v>29353.00691</v>
      </c>
      <c r="H5472">
        <v>36469.091220000002</v>
      </c>
      <c r="I5472">
        <v>23732.43867</v>
      </c>
      <c r="J5472">
        <v>49379.573949999998</v>
      </c>
      <c r="K5472">
        <v>52810.829870000001</v>
      </c>
      <c r="L5472">
        <v>26442.158159999999</v>
      </c>
      <c r="M5472">
        <v>296681.82799999998</v>
      </c>
      <c r="N5472">
        <v>77992.084700000007</v>
      </c>
      <c r="O5472">
        <v>18493.21441</v>
      </c>
      <c r="P5472">
        <v>40089.456359999996</v>
      </c>
      <c r="Q5472">
        <v>84421.181500000006</v>
      </c>
      <c r="R5472">
        <v>21526.520550000001</v>
      </c>
      <c r="S5472">
        <v>80197.404559999995</v>
      </c>
      <c r="T5472">
        <v>21778.750800000002</v>
      </c>
      <c r="U5472">
        <v>15010.553540000001</v>
      </c>
      <c r="W5472" s="83">
        <f>Bühler!N5504</f>
        <v>45519.9166666534</v>
      </c>
      <c r="X5472" s="83">
        <v>43328.916666666664</v>
      </c>
      <c r="Y5472">
        <v>148912.0631</v>
      </c>
      <c r="Z5472">
        <v>13942.82099</v>
      </c>
      <c r="AA5472">
        <v>62279.943939999997</v>
      </c>
      <c r="AB5472">
        <v>29353.00691</v>
      </c>
      <c r="AC5472">
        <v>36469.091220000002</v>
      </c>
      <c r="AD5472">
        <v>23732.43867</v>
      </c>
      <c r="AE5472">
        <v>49379.573949999998</v>
      </c>
      <c r="AF5472">
        <v>52810.829870000001</v>
      </c>
      <c r="AG5472">
        <v>26442.158159999999</v>
      </c>
      <c r="AH5472">
        <v>296681.82799999998</v>
      </c>
      <c r="AI5472">
        <v>77992.084700000007</v>
      </c>
      <c r="AJ5472">
        <v>18493.21441</v>
      </c>
      <c r="AK5472">
        <v>40089.456359999996</v>
      </c>
      <c r="AL5472">
        <v>84421.181500000006</v>
      </c>
      <c r="AM5472">
        <v>21526.520550000001</v>
      </c>
      <c r="AN5472">
        <v>80197.404559999995</v>
      </c>
      <c r="AO5472">
        <v>21778.750800000002</v>
      </c>
      <c r="AP5472">
        <v>15010.553540000001</v>
      </c>
    </row>
    <row r="5473" spans="2:42" x14ac:dyDescent="0.3">
      <c r="B5473">
        <v>57.207357671429776</v>
      </c>
      <c r="C5473" s="83">
        <v>43328.958333333336</v>
      </c>
      <c r="D5473">
        <v>148581.82990000001</v>
      </c>
      <c r="E5473">
        <v>13315.7006</v>
      </c>
      <c r="F5473">
        <v>60984.658589999999</v>
      </c>
      <c r="G5473">
        <v>28965.087510000001</v>
      </c>
      <c r="H5473">
        <v>35551.561739999997</v>
      </c>
      <c r="I5473">
        <v>22949.399710000002</v>
      </c>
      <c r="J5473">
        <v>44478.382120000002</v>
      </c>
      <c r="K5473">
        <v>51940.670599999998</v>
      </c>
      <c r="L5473">
        <v>22413.159080000001</v>
      </c>
      <c r="M5473">
        <v>291669.78759999998</v>
      </c>
      <c r="N5473">
        <v>77069.551009999996</v>
      </c>
      <c r="O5473">
        <v>17805.77606</v>
      </c>
      <c r="P5473">
        <v>35163.034740000003</v>
      </c>
      <c r="Q5473">
        <v>83959.122499999998</v>
      </c>
      <c r="R5473">
        <v>21304.086090000001</v>
      </c>
      <c r="S5473">
        <v>78372.388609999995</v>
      </c>
      <c r="T5473">
        <v>20329.912090000002</v>
      </c>
      <c r="U5473">
        <v>13815.884760000001</v>
      </c>
      <c r="W5473" s="83">
        <f>Bühler!N5505</f>
        <v>45519.958333320064</v>
      </c>
      <c r="X5473" s="83">
        <v>43328.958333333336</v>
      </c>
      <c r="Y5473">
        <v>148581.82990000001</v>
      </c>
      <c r="Z5473">
        <v>13315.7006</v>
      </c>
      <c r="AA5473">
        <v>60984.658589999999</v>
      </c>
      <c r="AB5473">
        <v>28965.087510000001</v>
      </c>
      <c r="AC5473">
        <v>35551.561739999997</v>
      </c>
      <c r="AD5473">
        <v>22949.399710000002</v>
      </c>
      <c r="AE5473">
        <v>44478.382120000002</v>
      </c>
      <c r="AF5473">
        <v>51940.670599999998</v>
      </c>
      <c r="AG5473">
        <v>22413.159080000001</v>
      </c>
      <c r="AH5473">
        <v>291669.78759999998</v>
      </c>
      <c r="AI5473">
        <v>77069.551009999996</v>
      </c>
      <c r="AJ5473">
        <v>17805.77606</v>
      </c>
      <c r="AK5473">
        <v>35163.034740000003</v>
      </c>
      <c r="AL5473">
        <v>83959.122499999998</v>
      </c>
      <c r="AM5473">
        <v>21304.086090000001</v>
      </c>
      <c r="AN5473">
        <v>78372.388609999995</v>
      </c>
      <c r="AO5473">
        <v>20329.912090000002</v>
      </c>
      <c r="AP5473">
        <v>13815.884760000001</v>
      </c>
    </row>
    <row r="5474" spans="2:42" x14ac:dyDescent="0.3">
      <c r="B5474">
        <v>56.659523143816003</v>
      </c>
      <c r="C5474" s="83">
        <v>43329</v>
      </c>
      <c r="D5474">
        <v>146701.0589</v>
      </c>
      <c r="E5474">
        <v>12755.55983</v>
      </c>
      <c r="F5474">
        <v>58497.982759999999</v>
      </c>
      <c r="G5474">
        <v>28896.188160000002</v>
      </c>
      <c r="H5474">
        <v>34786.999040000002</v>
      </c>
      <c r="I5474">
        <v>21015.440739999998</v>
      </c>
      <c r="J5474">
        <v>39375.446929999998</v>
      </c>
      <c r="K5474">
        <v>49814.624519999998</v>
      </c>
      <c r="L5474">
        <v>19622.455760000001</v>
      </c>
      <c r="M5474">
        <v>288876.67170000001</v>
      </c>
      <c r="N5474">
        <v>75870.502210000006</v>
      </c>
      <c r="O5474">
        <v>17396.270250000001</v>
      </c>
      <c r="P5474">
        <v>31369.075420000001</v>
      </c>
      <c r="Q5474">
        <v>83180.909750000006</v>
      </c>
      <c r="R5474">
        <v>17576.571960000001</v>
      </c>
      <c r="S5474">
        <v>76539.735409999994</v>
      </c>
      <c r="T5474">
        <v>19327.697049999999</v>
      </c>
      <c r="U5474">
        <v>13380.607110000001</v>
      </c>
      <c r="W5474" s="83">
        <f>Bühler!N5506</f>
        <v>45519.999999986729</v>
      </c>
      <c r="X5474" s="83">
        <v>43329</v>
      </c>
      <c r="Y5474">
        <v>146701.0589</v>
      </c>
      <c r="Z5474">
        <v>12755.55983</v>
      </c>
      <c r="AA5474">
        <v>58497.982759999999</v>
      </c>
      <c r="AB5474">
        <v>28896.188160000002</v>
      </c>
      <c r="AC5474">
        <v>34786.999040000002</v>
      </c>
      <c r="AD5474">
        <v>21015.440739999998</v>
      </c>
      <c r="AE5474">
        <v>39375.446929999998</v>
      </c>
      <c r="AF5474">
        <v>49814.624519999998</v>
      </c>
      <c r="AG5474">
        <v>19622.455760000001</v>
      </c>
      <c r="AH5474">
        <v>288876.67170000001</v>
      </c>
      <c r="AI5474">
        <v>75870.502210000006</v>
      </c>
      <c r="AJ5474">
        <v>17396.270250000001</v>
      </c>
      <c r="AK5474">
        <v>31369.075420000001</v>
      </c>
      <c r="AL5474">
        <v>83180.909750000006</v>
      </c>
      <c r="AM5474">
        <v>17576.571960000001</v>
      </c>
      <c r="AN5474">
        <v>76539.735409999994</v>
      </c>
      <c r="AO5474">
        <v>19327.697049999999</v>
      </c>
      <c r="AP5474">
        <v>13380.607110000001</v>
      </c>
    </row>
    <row r="5475" spans="2:42" x14ac:dyDescent="0.3">
      <c r="B5475">
        <v>56.588440434684891</v>
      </c>
      <c r="C5475" s="83">
        <v>43329.041666666664</v>
      </c>
      <c r="D5475">
        <v>146070.59280000001</v>
      </c>
      <c r="E5475">
        <v>12397.079610000001</v>
      </c>
      <c r="F5475">
        <v>57026.946859999996</v>
      </c>
      <c r="G5475">
        <v>28207.581150000002</v>
      </c>
      <c r="H5475">
        <v>34405.92467</v>
      </c>
      <c r="I5475">
        <v>18043.728609999998</v>
      </c>
      <c r="J5475">
        <v>37059.534879999999</v>
      </c>
      <c r="K5475">
        <v>47431.936580000001</v>
      </c>
      <c r="L5475">
        <v>18003.494729999999</v>
      </c>
      <c r="M5475">
        <v>288514.25890000002</v>
      </c>
      <c r="N5475">
        <v>74552.697119999997</v>
      </c>
      <c r="O5475">
        <v>17639.542170000001</v>
      </c>
      <c r="P5475">
        <v>28654.430100000001</v>
      </c>
      <c r="Q5475">
        <v>83694.051860000007</v>
      </c>
      <c r="R5475">
        <v>15416.67626</v>
      </c>
      <c r="S5475">
        <v>75465.199080000006</v>
      </c>
      <c r="T5475">
        <v>18614.357940000002</v>
      </c>
      <c r="U5475">
        <v>13618.990320000001</v>
      </c>
      <c r="W5475" s="83">
        <f>Bühler!N5507</f>
        <v>45520.041666653393</v>
      </c>
      <c r="X5475" s="83">
        <v>43329.041666666664</v>
      </c>
      <c r="Y5475">
        <v>146070.59280000001</v>
      </c>
      <c r="Z5475">
        <v>12397.079610000001</v>
      </c>
      <c r="AA5475">
        <v>57026.946859999996</v>
      </c>
      <c r="AB5475">
        <v>28207.581150000002</v>
      </c>
      <c r="AC5475">
        <v>34405.92467</v>
      </c>
      <c r="AD5475">
        <v>18043.728609999998</v>
      </c>
      <c r="AE5475">
        <v>37059.534879999999</v>
      </c>
      <c r="AF5475">
        <v>47431.936580000001</v>
      </c>
      <c r="AG5475">
        <v>18003.494729999999</v>
      </c>
      <c r="AH5475">
        <v>288514.25890000002</v>
      </c>
      <c r="AI5475">
        <v>74552.697119999997</v>
      </c>
      <c r="AJ5475">
        <v>17639.542170000001</v>
      </c>
      <c r="AK5475">
        <v>28654.430100000001</v>
      </c>
      <c r="AL5475">
        <v>83694.051860000007</v>
      </c>
      <c r="AM5475">
        <v>15416.67626</v>
      </c>
      <c r="AN5475">
        <v>75465.199080000006</v>
      </c>
      <c r="AO5475">
        <v>18614.357940000002</v>
      </c>
      <c r="AP5475">
        <v>13618.990320000001</v>
      </c>
    </row>
    <row r="5476" spans="2:42" x14ac:dyDescent="0.3">
      <c r="B5476">
        <v>56.566119938212545</v>
      </c>
      <c r="C5476" s="83">
        <v>43329.083333333336</v>
      </c>
      <c r="D5476">
        <v>145771.23319999999</v>
      </c>
      <c r="E5476">
        <v>12285.67527</v>
      </c>
      <c r="F5476">
        <v>57542.835030000002</v>
      </c>
      <c r="G5476">
        <v>27457.65321</v>
      </c>
      <c r="H5476">
        <v>33980.382239999999</v>
      </c>
      <c r="I5476">
        <v>16275.12594</v>
      </c>
      <c r="J5476">
        <v>36962.224759999997</v>
      </c>
      <c r="K5476">
        <v>46054.482300000003</v>
      </c>
      <c r="L5476">
        <v>17191.887309999998</v>
      </c>
      <c r="M5476">
        <v>288400.45860000001</v>
      </c>
      <c r="N5476">
        <v>74007.709159999999</v>
      </c>
      <c r="O5476">
        <v>17602.13421</v>
      </c>
      <c r="P5476">
        <v>26650.090380000001</v>
      </c>
      <c r="Q5476">
        <v>86486.577250000002</v>
      </c>
      <c r="R5476">
        <v>14792.781779999999</v>
      </c>
      <c r="S5476">
        <v>74349.879060000007</v>
      </c>
      <c r="T5476">
        <v>18382.428670000001</v>
      </c>
      <c r="U5476">
        <v>13549.994790000001</v>
      </c>
      <c r="W5476" s="83">
        <f>Bühler!N5508</f>
        <v>45520.083333320057</v>
      </c>
      <c r="X5476" s="83">
        <v>43329.083333333336</v>
      </c>
      <c r="Y5476">
        <v>145771.23319999999</v>
      </c>
      <c r="Z5476">
        <v>12285.67527</v>
      </c>
      <c r="AA5476">
        <v>57542.835030000002</v>
      </c>
      <c r="AB5476">
        <v>27457.65321</v>
      </c>
      <c r="AC5476">
        <v>33980.382239999999</v>
      </c>
      <c r="AD5476">
        <v>16275.12594</v>
      </c>
      <c r="AE5476">
        <v>36962.224759999997</v>
      </c>
      <c r="AF5476">
        <v>46054.482300000003</v>
      </c>
      <c r="AG5476">
        <v>17191.887309999998</v>
      </c>
      <c r="AH5476">
        <v>288400.45860000001</v>
      </c>
      <c r="AI5476">
        <v>74007.709159999999</v>
      </c>
      <c r="AJ5476">
        <v>17602.13421</v>
      </c>
      <c r="AK5476">
        <v>26650.090380000001</v>
      </c>
      <c r="AL5476">
        <v>86486.577250000002</v>
      </c>
      <c r="AM5476">
        <v>14792.781779999999</v>
      </c>
      <c r="AN5476">
        <v>74349.879060000007</v>
      </c>
      <c r="AO5476">
        <v>18382.428670000001</v>
      </c>
      <c r="AP5476">
        <v>13549.994790000001</v>
      </c>
    </row>
    <row r="5477" spans="2:42" x14ac:dyDescent="0.3">
      <c r="B5477">
        <v>57.263172750105156</v>
      </c>
      <c r="C5477" s="83">
        <v>43329.125</v>
      </c>
      <c r="D5477">
        <v>147062.41260000001</v>
      </c>
      <c r="E5477">
        <v>12374.594929999999</v>
      </c>
      <c r="F5477">
        <v>58934.615980000002</v>
      </c>
      <c r="G5477">
        <v>27176.619729999999</v>
      </c>
      <c r="H5477">
        <v>33855.838510000001</v>
      </c>
      <c r="I5477">
        <v>15943.21636</v>
      </c>
      <c r="J5477">
        <v>36651.479010000003</v>
      </c>
      <c r="K5477">
        <v>44904.305180000003</v>
      </c>
      <c r="L5477">
        <v>16682.28197</v>
      </c>
      <c r="M5477">
        <v>291954.35889999999</v>
      </c>
      <c r="N5477">
        <v>72123.313880000002</v>
      </c>
      <c r="O5477">
        <v>17943.77533</v>
      </c>
      <c r="P5477">
        <v>25981.028829999999</v>
      </c>
      <c r="Q5477">
        <v>88488.512069999997</v>
      </c>
      <c r="R5477">
        <v>14234.68901</v>
      </c>
      <c r="S5477">
        <v>73802.02807</v>
      </c>
      <c r="T5477">
        <v>18289.80344</v>
      </c>
      <c r="U5477">
        <v>13173.096390000001</v>
      </c>
      <c r="W5477" s="83">
        <f>Bühler!N5509</f>
        <v>45520.124999986721</v>
      </c>
      <c r="X5477" s="83">
        <v>43329.125</v>
      </c>
      <c r="Y5477">
        <v>147062.41260000001</v>
      </c>
      <c r="Z5477">
        <v>12374.594929999999</v>
      </c>
      <c r="AA5477">
        <v>58934.615980000002</v>
      </c>
      <c r="AB5477">
        <v>27176.619729999999</v>
      </c>
      <c r="AC5477">
        <v>33855.838510000001</v>
      </c>
      <c r="AD5477">
        <v>15943.21636</v>
      </c>
      <c r="AE5477">
        <v>36651.479010000003</v>
      </c>
      <c r="AF5477">
        <v>44904.305180000003</v>
      </c>
      <c r="AG5477">
        <v>16682.28197</v>
      </c>
      <c r="AH5477">
        <v>291954.35889999999</v>
      </c>
      <c r="AI5477">
        <v>72123.313880000002</v>
      </c>
      <c r="AJ5477">
        <v>17943.77533</v>
      </c>
      <c r="AK5477">
        <v>25981.028829999999</v>
      </c>
      <c r="AL5477">
        <v>88488.512069999997</v>
      </c>
      <c r="AM5477">
        <v>14234.68901</v>
      </c>
      <c r="AN5477">
        <v>73802.02807</v>
      </c>
      <c r="AO5477">
        <v>18289.80344</v>
      </c>
      <c r="AP5477">
        <v>13173.096390000001</v>
      </c>
    </row>
    <row r="5478" spans="2:42" x14ac:dyDescent="0.3">
      <c r="B5478">
        <v>58.475557335079991</v>
      </c>
      <c r="C5478" s="83">
        <v>43329.166666666664</v>
      </c>
      <c r="D5478">
        <v>147337.31510000001</v>
      </c>
      <c r="E5478">
        <v>12707.894319999999</v>
      </c>
      <c r="F5478">
        <v>62933.890939999997</v>
      </c>
      <c r="G5478">
        <v>26937.81726</v>
      </c>
      <c r="H5478">
        <v>34102.910060000002</v>
      </c>
      <c r="I5478">
        <v>16910.257809999999</v>
      </c>
      <c r="J5478">
        <v>38681.46097</v>
      </c>
      <c r="K5478">
        <v>44964.38983</v>
      </c>
      <c r="L5478">
        <v>16397.952850000001</v>
      </c>
      <c r="M5478">
        <v>298135.66090000002</v>
      </c>
      <c r="N5478">
        <v>71554.507660000003</v>
      </c>
      <c r="O5478">
        <v>17302.36563</v>
      </c>
      <c r="P5478">
        <v>25608.431700000001</v>
      </c>
      <c r="Q5478">
        <v>91312.817689999996</v>
      </c>
      <c r="R5478">
        <v>14991.055259999999</v>
      </c>
      <c r="S5478">
        <v>73575.923160000006</v>
      </c>
      <c r="T5478">
        <v>18234.00575</v>
      </c>
      <c r="U5478">
        <v>12838.39868</v>
      </c>
      <c r="W5478" s="83">
        <f>Bühler!N5510</f>
        <v>45520.166666653386</v>
      </c>
      <c r="X5478" s="83">
        <v>43329.166666666664</v>
      </c>
      <c r="Y5478">
        <v>147337.31510000001</v>
      </c>
      <c r="Z5478">
        <v>12707.894319999999</v>
      </c>
      <c r="AA5478">
        <v>62933.890939999997</v>
      </c>
      <c r="AB5478">
        <v>26937.81726</v>
      </c>
      <c r="AC5478">
        <v>34102.910060000002</v>
      </c>
      <c r="AD5478">
        <v>16910.257809999999</v>
      </c>
      <c r="AE5478">
        <v>38681.46097</v>
      </c>
      <c r="AF5478">
        <v>44964.38983</v>
      </c>
      <c r="AG5478">
        <v>16397.952850000001</v>
      </c>
      <c r="AH5478">
        <v>298135.66090000002</v>
      </c>
      <c r="AI5478">
        <v>71554.507660000003</v>
      </c>
      <c r="AJ5478">
        <v>17302.36563</v>
      </c>
      <c r="AK5478">
        <v>25608.431700000001</v>
      </c>
      <c r="AL5478">
        <v>91312.817689999996</v>
      </c>
      <c r="AM5478">
        <v>14991.055259999999</v>
      </c>
      <c r="AN5478">
        <v>73575.923160000006</v>
      </c>
      <c r="AO5478">
        <v>18234.00575</v>
      </c>
      <c r="AP5478">
        <v>12838.39868</v>
      </c>
    </row>
    <row r="5479" spans="2:42" x14ac:dyDescent="0.3">
      <c r="B5479">
        <v>61.057251008662476</v>
      </c>
      <c r="C5479" s="83">
        <v>43329.208333333336</v>
      </c>
      <c r="D5479">
        <v>153202.17009999999</v>
      </c>
      <c r="E5479">
        <v>14043.161749999999</v>
      </c>
      <c r="F5479">
        <v>72081.296010000005</v>
      </c>
      <c r="G5479">
        <v>27168.924169999998</v>
      </c>
      <c r="H5479">
        <v>35653.369789999997</v>
      </c>
      <c r="I5479">
        <v>22121.607220000002</v>
      </c>
      <c r="J5479">
        <v>42531.256300000001</v>
      </c>
      <c r="K5479">
        <v>45691.365239999999</v>
      </c>
      <c r="L5479">
        <v>16980.37314</v>
      </c>
      <c r="M5479">
        <v>311298.33919999999</v>
      </c>
      <c r="N5479">
        <v>72827.051919999998</v>
      </c>
      <c r="O5479">
        <v>17656.289680000002</v>
      </c>
      <c r="P5479">
        <v>26816.856100000001</v>
      </c>
      <c r="Q5479">
        <v>92367.774009999994</v>
      </c>
      <c r="R5479">
        <v>16598.174510000001</v>
      </c>
      <c r="S5479">
        <v>75812.257559999998</v>
      </c>
      <c r="T5479">
        <v>19220.29765</v>
      </c>
      <c r="U5479">
        <v>13793.29414</v>
      </c>
      <c r="W5479" s="83">
        <f>Bühler!N5511</f>
        <v>45520.20833332005</v>
      </c>
      <c r="X5479" s="83">
        <v>43329.208333333336</v>
      </c>
      <c r="Y5479">
        <v>153202.17009999999</v>
      </c>
      <c r="Z5479">
        <v>14043.161749999999</v>
      </c>
      <c r="AA5479">
        <v>72081.296010000005</v>
      </c>
      <c r="AB5479">
        <v>27168.924169999998</v>
      </c>
      <c r="AC5479">
        <v>35653.369789999997</v>
      </c>
      <c r="AD5479">
        <v>22121.607220000002</v>
      </c>
      <c r="AE5479">
        <v>42531.256300000001</v>
      </c>
      <c r="AF5479">
        <v>45691.365239999999</v>
      </c>
      <c r="AG5479">
        <v>16980.37314</v>
      </c>
      <c r="AH5479">
        <v>311298.33919999999</v>
      </c>
      <c r="AI5479">
        <v>72827.051919999998</v>
      </c>
      <c r="AJ5479">
        <v>17656.289680000002</v>
      </c>
      <c r="AK5479">
        <v>26816.856100000001</v>
      </c>
      <c r="AL5479">
        <v>92367.774009999994</v>
      </c>
      <c r="AM5479">
        <v>16598.174510000001</v>
      </c>
      <c r="AN5479">
        <v>75812.257559999998</v>
      </c>
      <c r="AO5479">
        <v>19220.29765</v>
      </c>
      <c r="AP5479">
        <v>13793.29414</v>
      </c>
    </row>
    <row r="5480" spans="2:42" x14ac:dyDescent="0.3">
      <c r="B5480">
        <v>64.36007263590912</v>
      </c>
      <c r="C5480" s="83">
        <v>43329.25</v>
      </c>
      <c r="D5480">
        <v>160296.66570000001</v>
      </c>
      <c r="E5480">
        <v>17314.230329999999</v>
      </c>
      <c r="F5480">
        <v>83384.643110000005</v>
      </c>
      <c r="G5480">
        <v>28893.740750000001</v>
      </c>
      <c r="H5480">
        <v>36976.717100000002</v>
      </c>
      <c r="I5480">
        <v>26444.855240000001</v>
      </c>
      <c r="J5480">
        <v>46921.537369999998</v>
      </c>
      <c r="K5480">
        <v>46062.787539999998</v>
      </c>
      <c r="L5480">
        <v>17945.382369999999</v>
      </c>
      <c r="M5480">
        <v>328137.66409999999</v>
      </c>
      <c r="N5480">
        <v>74908.336360000001</v>
      </c>
      <c r="O5480">
        <v>20009.141960000001</v>
      </c>
      <c r="P5480">
        <v>27528.071639999998</v>
      </c>
      <c r="Q5480">
        <v>92756.192790000001</v>
      </c>
      <c r="R5480">
        <v>16919.361079999999</v>
      </c>
      <c r="S5480">
        <v>83475.423269999999</v>
      </c>
      <c r="T5480">
        <v>20288.687279999998</v>
      </c>
      <c r="U5480">
        <v>16260.815140000001</v>
      </c>
      <c r="W5480" s="83">
        <f>Bühler!N5512</f>
        <v>45520.249999986714</v>
      </c>
      <c r="X5480" s="83">
        <v>43329.25</v>
      </c>
      <c r="Y5480">
        <v>160296.66570000001</v>
      </c>
      <c r="Z5480">
        <v>17314.230329999999</v>
      </c>
      <c r="AA5480">
        <v>83384.643110000005</v>
      </c>
      <c r="AB5480">
        <v>28893.740750000001</v>
      </c>
      <c r="AC5480">
        <v>36976.717100000002</v>
      </c>
      <c r="AD5480">
        <v>26444.855240000001</v>
      </c>
      <c r="AE5480">
        <v>46921.537369999998</v>
      </c>
      <c r="AF5480">
        <v>46062.787539999998</v>
      </c>
      <c r="AG5480">
        <v>17945.382369999999</v>
      </c>
      <c r="AH5480">
        <v>328137.66409999999</v>
      </c>
      <c r="AI5480">
        <v>74908.336360000001</v>
      </c>
      <c r="AJ5480">
        <v>20009.141960000001</v>
      </c>
      <c r="AK5480">
        <v>27528.071639999998</v>
      </c>
      <c r="AL5480">
        <v>92756.192790000001</v>
      </c>
      <c r="AM5480">
        <v>16919.361079999999</v>
      </c>
      <c r="AN5480">
        <v>83475.423269999999</v>
      </c>
      <c r="AO5480">
        <v>20288.687279999998</v>
      </c>
      <c r="AP5480">
        <v>16260.815140000001</v>
      </c>
    </row>
    <row r="5481" spans="2:42" x14ac:dyDescent="0.3">
      <c r="B5481">
        <v>65.688814897920693</v>
      </c>
      <c r="C5481" s="83">
        <v>43329.291666666664</v>
      </c>
      <c r="D5481">
        <v>167700.943</v>
      </c>
      <c r="E5481">
        <v>20108.174640000001</v>
      </c>
      <c r="F5481">
        <v>85827.670020000005</v>
      </c>
      <c r="G5481">
        <v>31017.882269999998</v>
      </c>
      <c r="H5481">
        <v>39558.33814</v>
      </c>
      <c r="I5481">
        <v>29263.926230000001</v>
      </c>
      <c r="J5481">
        <v>47366.266649999998</v>
      </c>
      <c r="K5481">
        <v>48080.789219999999</v>
      </c>
      <c r="L5481">
        <v>20250.883430000002</v>
      </c>
      <c r="M5481">
        <v>334912.21179999999</v>
      </c>
      <c r="N5481">
        <v>77881.193799999994</v>
      </c>
      <c r="O5481">
        <v>22318.5586</v>
      </c>
      <c r="P5481">
        <v>30442.1214</v>
      </c>
      <c r="Q5481">
        <v>92802.90724</v>
      </c>
      <c r="R5481">
        <v>17692.753379999998</v>
      </c>
      <c r="S5481">
        <v>94532.101120000007</v>
      </c>
      <c r="T5481">
        <v>22257.745859999999</v>
      </c>
      <c r="U5481">
        <v>18516.253690000001</v>
      </c>
      <c r="W5481" s="83">
        <f>Bühler!N5513</f>
        <v>45520.291666653378</v>
      </c>
      <c r="X5481" s="83">
        <v>43329.291666666664</v>
      </c>
      <c r="Y5481">
        <v>167700.943</v>
      </c>
      <c r="Z5481">
        <v>20108.174640000001</v>
      </c>
      <c r="AA5481">
        <v>85827.670020000005</v>
      </c>
      <c r="AB5481">
        <v>31017.882269999998</v>
      </c>
      <c r="AC5481">
        <v>39558.33814</v>
      </c>
      <c r="AD5481">
        <v>29263.926230000001</v>
      </c>
      <c r="AE5481">
        <v>47366.266649999998</v>
      </c>
      <c r="AF5481">
        <v>48080.789219999999</v>
      </c>
      <c r="AG5481">
        <v>20250.883430000002</v>
      </c>
      <c r="AH5481">
        <v>334912.21179999999</v>
      </c>
      <c r="AI5481">
        <v>77881.193799999994</v>
      </c>
      <c r="AJ5481">
        <v>22318.5586</v>
      </c>
      <c r="AK5481">
        <v>30442.1214</v>
      </c>
      <c r="AL5481">
        <v>92802.90724</v>
      </c>
      <c r="AM5481">
        <v>17692.753379999998</v>
      </c>
      <c r="AN5481">
        <v>94532.101120000007</v>
      </c>
      <c r="AO5481">
        <v>22257.745859999999</v>
      </c>
      <c r="AP5481">
        <v>18516.253690000001</v>
      </c>
    </row>
    <row r="5482" spans="2:42" x14ac:dyDescent="0.3">
      <c r="B5482">
        <v>66.741301712601086</v>
      </c>
      <c r="C5482" s="83">
        <v>43329.333333333336</v>
      </c>
      <c r="D5482">
        <v>176031.3995</v>
      </c>
      <c r="E5482">
        <v>24284.07634</v>
      </c>
      <c r="F5482">
        <v>92050.342290000001</v>
      </c>
      <c r="G5482">
        <v>33878.860849999997</v>
      </c>
      <c r="H5482">
        <v>42174.045129999999</v>
      </c>
      <c r="I5482">
        <v>31139.575639999999</v>
      </c>
      <c r="J5482">
        <v>50223.710370000001</v>
      </c>
      <c r="K5482">
        <v>52672.572169999999</v>
      </c>
      <c r="L5482">
        <v>23056.345229999999</v>
      </c>
      <c r="M5482">
        <v>340278.28039999999</v>
      </c>
      <c r="N5482">
        <v>84964.036900000006</v>
      </c>
      <c r="O5482">
        <v>23727.769039999999</v>
      </c>
      <c r="P5482">
        <v>33596.003859999997</v>
      </c>
      <c r="Q5482">
        <v>93298.811990000002</v>
      </c>
      <c r="R5482">
        <v>21190.603520000001</v>
      </c>
      <c r="S5482">
        <v>104347.22199999999</v>
      </c>
      <c r="T5482">
        <v>25038.816040000002</v>
      </c>
      <c r="U5482">
        <v>20556.579089999999</v>
      </c>
      <c r="W5482" s="83">
        <f>Bühler!N5514</f>
        <v>45520.333333320043</v>
      </c>
      <c r="X5482" s="83">
        <v>43329.333333333336</v>
      </c>
      <c r="Y5482">
        <v>176031.3995</v>
      </c>
      <c r="Z5482">
        <v>24284.07634</v>
      </c>
      <c r="AA5482">
        <v>92050.342290000001</v>
      </c>
      <c r="AB5482">
        <v>33878.860849999997</v>
      </c>
      <c r="AC5482">
        <v>42174.045129999999</v>
      </c>
      <c r="AD5482">
        <v>31139.575639999999</v>
      </c>
      <c r="AE5482">
        <v>50223.710370000001</v>
      </c>
      <c r="AF5482">
        <v>52672.572169999999</v>
      </c>
      <c r="AG5482">
        <v>23056.345229999999</v>
      </c>
      <c r="AH5482">
        <v>340278.28039999999</v>
      </c>
      <c r="AI5482">
        <v>84964.036900000006</v>
      </c>
      <c r="AJ5482">
        <v>23727.769039999999</v>
      </c>
      <c r="AK5482">
        <v>33596.003859999997</v>
      </c>
      <c r="AL5482">
        <v>93298.811990000002</v>
      </c>
      <c r="AM5482">
        <v>21190.603520000001</v>
      </c>
      <c r="AN5482">
        <v>104347.22199999999</v>
      </c>
      <c r="AO5482">
        <v>25038.816040000002</v>
      </c>
      <c r="AP5482">
        <v>20556.579089999999</v>
      </c>
    </row>
    <row r="5483" spans="2:42" x14ac:dyDescent="0.3">
      <c r="B5483">
        <v>66.980405222997589</v>
      </c>
      <c r="C5483" s="83">
        <v>43329.375</v>
      </c>
      <c r="D5483">
        <v>177776.9829</v>
      </c>
      <c r="E5483">
        <v>28530.138640000001</v>
      </c>
      <c r="F5483">
        <v>98551.403810000003</v>
      </c>
      <c r="G5483">
        <v>35838.955269999999</v>
      </c>
      <c r="H5483">
        <v>44193.701059999999</v>
      </c>
      <c r="I5483">
        <v>30493.153549999999</v>
      </c>
      <c r="J5483">
        <v>52541.718489999999</v>
      </c>
      <c r="K5483">
        <v>55982.123370000001</v>
      </c>
      <c r="L5483">
        <v>26920.548269999999</v>
      </c>
      <c r="M5483">
        <v>341497.34159999999</v>
      </c>
      <c r="N5483">
        <v>87054.123860000007</v>
      </c>
      <c r="O5483">
        <v>24665.68144</v>
      </c>
      <c r="P5483">
        <v>37393.713830000001</v>
      </c>
      <c r="Q5483">
        <v>95438.138330000002</v>
      </c>
      <c r="R5483">
        <v>22040.720539999998</v>
      </c>
      <c r="S5483">
        <v>110155.1446</v>
      </c>
      <c r="T5483">
        <v>26080.55935</v>
      </c>
      <c r="U5483">
        <v>20143.5628</v>
      </c>
      <c r="W5483" s="83">
        <f>Bühler!N5515</f>
        <v>45520.374999986707</v>
      </c>
      <c r="X5483" s="83">
        <v>43329.375</v>
      </c>
      <c r="Y5483">
        <v>177776.9829</v>
      </c>
      <c r="Z5483">
        <v>28530.138640000001</v>
      </c>
      <c r="AA5483">
        <v>98551.403810000003</v>
      </c>
      <c r="AB5483">
        <v>35838.955269999999</v>
      </c>
      <c r="AC5483">
        <v>44193.701059999999</v>
      </c>
      <c r="AD5483">
        <v>30493.153549999999</v>
      </c>
      <c r="AE5483">
        <v>52541.718489999999</v>
      </c>
      <c r="AF5483">
        <v>55982.123370000001</v>
      </c>
      <c r="AG5483">
        <v>26920.548269999999</v>
      </c>
      <c r="AH5483">
        <v>341497.34159999999</v>
      </c>
      <c r="AI5483">
        <v>87054.123860000007</v>
      </c>
      <c r="AJ5483">
        <v>24665.68144</v>
      </c>
      <c r="AK5483">
        <v>37393.713830000001</v>
      </c>
      <c r="AL5483">
        <v>95438.138330000002</v>
      </c>
      <c r="AM5483">
        <v>22040.720539999998</v>
      </c>
      <c r="AN5483">
        <v>110155.1446</v>
      </c>
      <c r="AO5483">
        <v>26080.55935</v>
      </c>
      <c r="AP5483">
        <v>20143.5628</v>
      </c>
    </row>
    <row r="5484" spans="2:42" x14ac:dyDescent="0.3">
      <c r="B5484">
        <v>67.351740831202036</v>
      </c>
      <c r="C5484" s="83">
        <v>43329.416666666664</v>
      </c>
      <c r="D5484">
        <v>178232.44810000001</v>
      </c>
      <c r="E5484">
        <v>30410.104469999998</v>
      </c>
      <c r="F5484">
        <v>100753.8386</v>
      </c>
      <c r="G5484">
        <v>36227.919629999997</v>
      </c>
      <c r="H5484">
        <v>45066.256130000002</v>
      </c>
      <c r="I5484">
        <v>29641.686900000001</v>
      </c>
      <c r="J5484">
        <v>52889.56983</v>
      </c>
      <c r="K5484">
        <v>57160.626579999996</v>
      </c>
      <c r="L5484">
        <v>30166.514859999999</v>
      </c>
      <c r="M5484">
        <v>343390.58370000002</v>
      </c>
      <c r="N5484">
        <v>90271.89662</v>
      </c>
      <c r="O5484">
        <v>25425.780739999998</v>
      </c>
      <c r="P5484">
        <v>39501.105739999999</v>
      </c>
      <c r="Q5484">
        <v>96019.822960000005</v>
      </c>
      <c r="R5484">
        <v>22658.684939999999</v>
      </c>
      <c r="S5484">
        <v>110891.9203</v>
      </c>
      <c r="T5484">
        <v>27974.23155</v>
      </c>
      <c r="U5484">
        <v>20244.873339999998</v>
      </c>
      <c r="W5484" s="83">
        <f>Bühler!N5516</f>
        <v>45520.416666653371</v>
      </c>
      <c r="X5484" s="83">
        <v>43329.416666666664</v>
      </c>
      <c r="Y5484">
        <v>178232.44810000001</v>
      </c>
      <c r="Z5484">
        <v>30410.104469999998</v>
      </c>
      <c r="AA5484">
        <v>100753.8386</v>
      </c>
      <c r="AB5484">
        <v>36227.919629999997</v>
      </c>
      <c r="AC5484">
        <v>45066.256130000002</v>
      </c>
      <c r="AD5484">
        <v>29641.686900000001</v>
      </c>
      <c r="AE5484">
        <v>52889.56983</v>
      </c>
      <c r="AF5484">
        <v>57160.626579999996</v>
      </c>
      <c r="AG5484">
        <v>30166.514859999999</v>
      </c>
      <c r="AH5484">
        <v>343390.58370000002</v>
      </c>
      <c r="AI5484">
        <v>90271.89662</v>
      </c>
      <c r="AJ5484">
        <v>25425.780739999998</v>
      </c>
      <c r="AK5484">
        <v>39501.105739999999</v>
      </c>
      <c r="AL5484">
        <v>96019.822960000005</v>
      </c>
      <c r="AM5484">
        <v>22658.684939999999</v>
      </c>
      <c r="AN5484">
        <v>110891.9203</v>
      </c>
      <c r="AO5484">
        <v>27974.23155</v>
      </c>
      <c r="AP5484">
        <v>20244.873339999998</v>
      </c>
    </row>
    <row r="5485" spans="2:42" x14ac:dyDescent="0.3">
      <c r="B5485">
        <v>67.585108773676993</v>
      </c>
      <c r="C5485" s="83">
        <v>43329.458333333336</v>
      </c>
      <c r="D5485">
        <v>177962.91740000001</v>
      </c>
      <c r="E5485">
        <v>30668.343529999998</v>
      </c>
      <c r="F5485">
        <v>101993.2432</v>
      </c>
      <c r="G5485">
        <v>37409.638809999997</v>
      </c>
      <c r="H5485">
        <v>45012.782879999999</v>
      </c>
      <c r="I5485">
        <v>29169.790570000001</v>
      </c>
      <c r="J5485">
        <v>52883.116609999997</v>
      </c>
      <c r="K5485">
        <v>57989.303619999999</v>
      </c>
      <c r="L5485">
        <v>32569.10037</v>
      </c>
      <c r="M5485">
        <v>344580.40230000002</v>
      </c>
      <c r="N5485">
        <v>91011.166100000002</v>
      </c>
      <c r="O5485">
        <v>24501.86724</v>
      </c>
      <c r="P5485">
        <v>38605.210760000002</v>
      </c>
      <c r="Q5485">
        <v>95191.699299999993</v>
      </c>
      <c r="R5485">
        <v>25117.368350000001</v>
      </c>
      <c r="S5485">
        <v>113275.2858</v>
      </c>
      <c r="T5485">
        <v>28488.949509999999</v>
      </c>
      <c r="U5485">
        <v>19937.118340000001</v>
      </c>
      <c r="W5485" s="83">
        <f>Bühler!N5517</f>
        <v>45520.458333320035</v>
      </c>
      <c r="X5485" s="83">
        <v>43329.458333333336</v>
      </c>
      <c r="Y5485">
        <v>177962.91740000001</v>
      </c>
      <c r="Z5485">
        <v>30668.343529999998</v>
      </c>
      <c r="AA5485">
        <v>101993.2432</v>
      </c>
      <c r="AB5485">
        <v>37409.638809999997</v>
      </c>
      <c r="AC5485">
        <v>45012.782879999999</v>
      </c>
      <c r="AD5485">
        <v>29169.790570000001</v>
      </c>
      <c r="AE5485">
        <v>52883.116609999997</v>
      </c>
      <c r="AF5485">
        <v>57989.303619999999</v>
      </c>
      <c r="AG5485">
        <v>32569.10037</v>
      </c>
      <c r="AH5485">
        <v>344580.40230000002</v>
      </c>
      <c r="AI5485">
        <v>91011.166100000002</v>
      </c>
      <c r="AJ5485">
        <v>24501.86724</v>
      </c>
      <c r="AK5485">
        <v>38605.210760000002</v>
      </c>
      <c r="AL5485">
        <v>95191.699299999993</v>
      </c>
      <c r="AM5485">
        <v>25117.368350000001</v>
      </c>
      <c r="AN5485">
        <v>113275.2858</v>
      </c>
      <c r="AO5485">
        <v>28488.949509999999</v>
      </c>
      <c r="AP5485">
        <v>19937.118340000001</v>
      </c>
    </row>
    <row r="5486" spans="2:42" x14ac:dyDescent="0.3">
      <c r="B5486">
        <v>65.974086448706714</v>
      </c>
      <c r="C5486" s="83">
        <v>43329.5</v>
      </c>
      <c r="D5486">
        <v>171960.25229999999</v>
      </c>
      <c r="E5486">
        <v>29248.344799999999</v>
      </c>
      <c r="F5486">
        <v>100753.92230000001</v>
      </c>
      <c r="G5486">
        <v>37299.52936</v>
      </c>
      <c r="H5486">
        <v>44308.178220000002</v>
      </c>
      <c r="I5486">
        <v>28787.046999999999</v>
      </c>
      <c r="J5486">
        <v>54056.316339999998</v>
      </c>
      <c r="K5486">
        <v>55068.275260000002</v>
      </c>
      <c r="L5486">
        <v>35099.617830000003</v>
      </c>
      <c r="M5486">
        <v>336366.65919999999</v>
      </c>
      <c r="N5486">
        <v>89440.515159999995</v>
      </c>
      <c r="O5486">
        <v>24415.807949999999</v>
      </c>
      <c r="P5486">
        <v>39279.486149999997</v>
      </c>
      <c r="Q5486">
        <v>94579.369290000002</v>
      </c>
      <c r="R5486">
        <v>24976.77234</v>
      </c>
      <c r="S5486">
        <v>108504.7032</v>
      </c>
      <c r="T5486">
        <v>28571.38048</v>
      </c>
      <c r="U5486">
        <v>16945.13265</v>
      </c>
      <c r="W5486" s="83">
        <f>Bühler!N5518</f>
        <v>45520.4999999867</v>
      </c>
      <c r="X5486" s="83">
        <v>43329.5</v>
      </c>
      <c r="Y5486">
        <v>171960.25229999999</v>
      </c>
      <c r="Z5486">
        <v>29248.344799999999</v>
      </c>
      <c r="AA5486">
        <v>100753.92230000001</v>
      </c>
      <c r="AB5486">
        <v>37299.52936</v>
      </c>
      <c r="AC5486">
        <v>44308.178220000002</v>
      </c>
      <c r="AD5486">
        <v>28787.046999999999</v>
      </c>
      <c r="AE5486">
        <v>54056.316339999998</v>
      </c>
      <c r="AF5486">
        <v>55068.275260000002</v>
      </c>
      <c r="AG5486">
        <v>35099.617830000003</v>
      </c>
      <c r="AH5486">
        <v>336366.65919999999</v>
      </c>
      <c r="AI5486">
        <v>89440.515159999995</v>
      </c>
      <c r="AJ5486">
        <v>24415.807949999999</v>
      </c>
      <c r="AK5486">
        <v>39279.486149999997</v>
      </c>
      <c r="AL5486">
        <v>94579.369290000002</v>
      </c>
      <c r="AM5486">
        <v>24976.77234</v>
      </c>
      <c r="AN5486">
        <v>108504.7032</v>
      </c>
      <c r="AO5486">
        <v>28571.38048</v>
      </c>
      <c r="AP5486">
        <v>16945.13265</v>
      </c>
    </row>
    <row r="5487" spans="2:42" x14ac:dyDescent="0.3">
      <c r="B5487">
        <v>64.451410396868297</v>
      </c>
      <c r="C5487" s="83">
        <v>43329.541666666664</v>
      </c>
      <c r="D5487">
        <v>171394.31469999999</v>
      </c>
      <c r="E5487">
        <v>29138.387449999998</v>
      </c>
      <c r="F5487">
        <v>99972.255170000004</v>
      </c>
      <c r="G5487">
        <v>36498.102680000004</v>
      </c>
      <c r="H5487">
        <v>44234.689729999998</v>
      </c>
      <c r="I5487">
        <v>28612.471689999998</v>
      </c>
      <c r="J5487">
        <v>53425.558729999997</v>
      </c>
      <c r="K5487">
        <v>56427.546159999998</v>
      </c>
      <c r="L5487">
        <v>35133.826630000003</v>
      </c>
      <c r="M5487">
        <v>328603.34659999999</v>
      </c>
      <c r="N5487">
        <v>89066.702380000002</v>
      </c>
      <c r="O5487">
        <v>24795.71473</v>
      </c>
      <c r="P5487">
        <v>38549.670169999998</v>
      </c>
      <c r="Q5487">
        <v>93051.287809999994</v>
      </c>
      <c r="R5487">
        <v>24974.709930000001</v>
      </c>
      <c r="S5487">
        <v>107491.19409999999</v>
      </c>
      <c r="T5487">
        <v>27765.87484</v>
      </c>
      <c r="U5487">
        <v>18716.740750000001</v>
      </c>
      <c r="W5487" s="83">
        <f>Bühler!N5519</f>
        <v>45520.541666653364</v>
      </c>
      <c r="X5487" s="83">
        <v>43329.541666666664</v>
      </c>
      <c r="Y5487">
        <v>171394.31469999999</v>
      </c>
      <c r="Z5487">
        <v>29138.387449999998</v>
      </c>
      <c r="AA5487">
        <v>99972.255170000004</v>
      </c>
      <c r="AB5487">
        <v>36498.102680000004</v>
      </c>
      <c r="AC5487">
        <v>44234.689729999998</v>
      </c>
      <c r="AD5487">
        <v>28612.471689999998</v>
      </c>
      <c r="AE5487">
        <v>53425.558729999997</v>
      </c>
      <c r="AF5487">
        <v>56427.546159999998</v>
      </c>
      <c r="AG5487">
        <v>35133.826630000003</v>
      </c>
      <c r="AH5487">
        <v>328603.34659999999</v>
      </c>
      <c r="AI5487">
        <v>89066.702380000002</v>
      </c>
      <c r="AJ5487">
        <v>24795.71473</v>
      </c>
      <c r="AK5487">
        <v>38549.670169999998</v>
      </c>
      <c r="AL5487">
        <v>93051.287809999994</v>
      </c>
      <c r="AM5487">
        <v>24974.709930000001</v>
      </c>
      <c r="AN5487">
        <v>107491.19409999999</v>
      </c>
      <c r="AO5487">
        <v>27765.87484</v>
      </c>
      <c r="AP5487">
        <v>18716.740750000001</v>
      </c>
    </row>
    <row r="5488" spans="2:42" x14ac:dyDescent="0.3">
      <c r="B5488">
        <v>64.047882755022414</v>
      </c>
      <c r="C5488" s="83">
        <v>43329.583333333336</v>
      </c>
      <c r="D5488">
        <v>170216.24119999999</v>
      </c>
      <c r="E5488">
        <v>30679.051790000001</v>
      </c>
      <c r="F5488">
        <v>102297.81299999999</v>
      </c>
      <c r="G5488">
        <v>35246.948499999999</v>
      </c>
      <c r="H5488">
        <v>44045.340300000003</v>
      </c>
      <c r="I5488">
        <v>28988.316340000001</v>
      </c>
      <c r="J5488">
        <v>52515.595509999999</v>
      </c>
      <c r="K5488">
        <v>57397.621189999998</v>
      </c>
      <c r="L5488">
        <v>33158.059580000001</v>
      </c>
      <c r="M5488">
        <v>326545.97450000001</v>
      </c>
      <c r="N5488">
        <v>88596.559710000001</v>
      </c>
      <c r="O5488">
        <v>24579.779040000001</v>
      </c>
      <c r="P5488">
        <v>36301.244010000002</v>
      </c>
      <c r="Q5488">
        <v>91247.842329999999</v>
      </c>
      <c r="R5488">
        <v>24950.971379999999</v>
      </c>
      <c r="S5488">
        <v>103999.5569</v>
      </c>
      <c r="T5488">
        <v>27639.873510000001</v>
      </c>
      <c r="U5488">
        <v>17594.976159999998</v>
      </c>
      <c r="W5488" s="83">
        <f>Bühler!N5520</f>
        <v>45520.583333320028</v>
      </c>
      <c r="X5488" s="83">
        <v>43329.583333333336</v>
      </c>
      <c r="Y5488">
        <v>170216.24119999999</v>
      </c>
      <c r="Z5488">
        <v>30679.051790000001</v>
      </c>
      <c r="AA5488">
        <v>102297.81299999999</v>
      </c>
      <c r="AB5488">
        <v>35246.948499999999</v>
      </c>
      <c r="AC5488">
        <v>44045.340300000003</v>
      </c>
      <c r="AD5488">
        <v>28988.316340000001</v>
      </c>
      <c r="AE5488">
        <v>52515.595509999999</v>
      </c>
      <c r="AF5488">
        <v>57397.621189999998</v>
      </c>
      <c r="AG5488">
        <v>33158.059580000001</v>
      </c>
      <c r="AH5488">
        <v>326545.97450000001</v>
      </c>
      <c r="AI5488">
        <v>88596.559710000001</v>
      </c>
      <c r="AJ5488">
        <v>24579.779040000001</v>
      </c>
      <c r="AK5488">
        <v>36301.244010000002</v>
      </c>
      <c r="AL5488">
        <v>91247.842329999999</v>
      </c>
      <c r="AM5488">
        <v>24950.971379999999</v>
      </c>
      <c r="AN5488">
        <v>103999.5569</v>
      </c>
      <c r="AO5488">
        <v>27639.873510000001</v>
      </c>
      <c r="AP5488">
        <v>17594.976159999998</v>
      </c>
    </row>
    <row r="5489" spans="2:42" x14ac:dyDescent="0.3">
      <c r="B5489">
        <v>63.154862149486036</v>
      </c>
      <c r="C5489" s="83">
        <v>43329.625</v>
      </c>
      <c r="D5489">
        <v>166590.8132</v>
      </c>
      <c r="E5489">
        <v>30588.335360000001</v>
      </c>
      <c r="F5489">
        <v>103304.45</v>
      </c>
      <c r="G5489">
        <v>33775.526700000002</v>
      </c>
      <c r="H5489">
        <v>43426.225489999997</v>
      </c>
      <c r="I5489">
        <v>29778.198710000001</v>
      </c>
      <c r="J5489">
        <v>51381.969440000001</v>
      </c>
      <c r="K5489">
        <v>55571.070339999998</v>
      </c>
      <c r="L5489">
        <v>30549.222679999999</v>
      </c>
      <c r="M5489">
        <v>321992.93900000001</v>
      </c>
      <c r="N5489">
        <v>86723.73517</v>
      </c>
      <c r="O5489">
        <v>25072.886780000001</v>
      </c>
      <c r="P5489">
        <v>33598.084210000001</v>
      </c>
      <c r="Q5489">
        <v>89964.390079999997</v>
      </c>
      <c r="R5489">
        <v>24566.138559999999</v>
      </c>
      <c r="S5489">
        <v>101569.50900000001</v>
      </c>
      <c r="T5489">
        <v>27385.127659999998</v>
      </c>
      <c r="U5489">
        <v>16905.347399999999</v>
      </c>
      <c r="W5489" s="83">
        <f>Bühler!N5521</f>
        <v>45520.624999986692</v>
      </c>
      <c r="X5489" s="83">
        <v>43329.625</v>
      </c>
      <c r="Y5489">
        <v>166590.8132</v>
      </c>
      <c r="Z5489">
        <v>30588.335360000001</v>
      </c>
      <c r="AA5489">
        <v>103304.45</v>
      </c>
      <c r="AB5489">
        <v>33775.526700000002</v>
      </c>
      <c r="AC5489">
        <v>43426.225489999997</v>
      </c>
      <c r="AD5489">
        <v>29778.198710000001</v>
      </c>
      <c r="AE5489">
        <v>51381.969440000001</v>
      </c>
      <c r="AF5489">
        <v>55571.070339999998</v>
      </c>
      <c r="AG5489">
        <v>30549.222679999999</v>
      </c>
      <c r="AH5489">
        <v>321992.93900000001</v>
      </c>
      <c r="AI5489">
        <v>86723.73517</v>
      </c>
      <c r="AJ5489">
        <v>25072.886780000001</v>
      </c>
      <c r="AK5489">
        <v>33598.084210000001</v>
      </c>
      <c r="AL5489">
        <v>89964.390079999997</v>
      </c>
      <c r="AM5489">
        <v>24566.138559999999</v>
      </c>
      <c r="AN5489">
        <v>101569.50900000001</v>
      </c>
      <c r="AO5489">
        <v>27385.127659999998</v>
      </c>
      <c r="AP5489">
        <v>16905.347399999999</v>
      </c>
    </row>
    <row r="5490" spans="2:42" x14ac:dyDescent="0.3">
      <c r="B5490">
        <v>61.725186711596585</v>
      </c>
      <c r="C5490" s="83">
        <v>43329.666666666664</v>
      </c>
      <c r="D5490">
        <v>161991.02230000001</v>
      </c>
      <c r="E5490">
        <v>30058.751649999998</v>
      </c>
      <c r="F5490">
        <v>101823.5224</v>
      </c>
      <c r="G5490">
        <v>32544.496869999999</v>
      </c>
      <c r="H5490">
        <v>42587.846989999998</v>
      </c>
      <c r="I5490">
        <v>29878.135050000001</v>
      </c>
      <c r="J5490">
        <v>50160.771540000002</v>
      </c>
      <c r="K5490">
        <v>52739.283150000003</v>
      </c>
      <c r="L5490">
        <v>29670.503779999999</v>
      </c>
      <c r="M5490">
        <v>314703.78690000001</v>
      </c>
      <c r="N5490">
        <v>85154.817439999999</v>
      </c>
      <c r="O5490">
        <v>24520.686030000001</v>
      </c>
      <c r="P5490">
        <v>33149.966719999997</v>
      </c>
      <c r="Q5490">
        <v>87431.918520000007</v>
      </c>
      <c r="R5490">
        <v>24486.721440000001</v>
      </c>
      <c r="S5490">
        <v>99019.77046</v>
      </c>
      <c r="T5490">
        <v>26884.669099999999</v>
      </c>
      <c r="U5490">
        <v>15586.45182</v>
      </c>
      <c r="W5490" s="83">
        <f>Bühler!N5522</f>
        <v>45520.666666653357</v>
      </c>
      <c r="X5490" s="83">
        <v>43329.666666666664</v>
      </c>
      <c r="Y5490">
        <v>161991.02230000001</v>
      </c>
      <c r="Z5490">
        <v>30058.751649999998</v>
      </c>
      <c r="AA5490">
        <v>101823.5224</v>
      </c>
      <c r="AB5490">
        <v>32544.496869999999</v>
      </c>
      <c r="AC5490">
        <v>42587.846989999998</v>
      </c>
      <c r="AD5490">
        <v>29878.135050000001</v>
      </c>
      <c r="AE5490">
        <v>50160.771540000002</v>
      </c>
      <c r="AF5490">
        <v>52739.283150000003</v>
      </c>
      <c r="AG5490">
        <v>29670.503779999999</v>
      </c>
      <c r="AH5490">
        <v>314703.78690000001</v>
      </c>
      <c r="AI5490">
        <v>85154.817439999999</v>
      </c>
      <c r="AJ5490">
        <v>24520.686030000001</v>
      </c>
      <c r="AK5490">
        <v>33149.966719999997</v>
      </c>
      <c r="AL5490">
        <v>87431.918520000007</v>
      </c>
      <c r="AM5490">
        <v>24486.721440000001</v>
      </c>
      <c r="AN5490">
        <v>99019.77046</v>
      </c>
      <c r="AO5490">
        <v>26884.669099999999</v>
      </c>
      <c r="AP5490">
        <v>15586.45182</v>
      </c>
    </row>
    <row r="5491" spans="2:42" x14ac:dyDescent="0.3">
      <c r="B5491">
        <v>60.0479484939721</v>
      </c>
      <c r="C5491" s="83">
        <v>43329.708333333336</v>
      </c>
      <c r="D5491">
        <v>155886.76680000001</v>
      </c>
      <c r="E5491">
        <v>28837.021239999998</v>
      </c>
      <c r="F5491">
        <v>100664.8379</v>
      </c>
      <c r="G5491">
        <v>30892.052790000002</v>
      </c>
      <c r="H5491">
        <v>41241.346790000003</v>
      </c>
      <c r="I5491">
        <v>29496.728889999999</v>
      </c>
      <c r="J5491">
        <v>50367.51827</v>
      </c>
      <c r="K5491">
        <v>50192.544609999997</v>
      </c>
      <c r="L5491">
        <v>30018.11522</v>
      </c>
      <c r="M5491">
        <v>306152.44429999997</v>
      </c>
      <c r="N5491">
        <v>81250.727220000001</v>
      </c>
      <c r="O5491">
        <v>24459.833180000001</v>
      </c>
      <c r="P5491">
        <v>34206.82836</v>
      </c>
      <c r="Q5491">
        <v>85027.571750000003</v>
      </c>
      <c r="R5491">
        <v>24034.38867</v>
      </c>
      <c r="S5491">
        <v>96003.106839999993</v>
      </c>
      <c r="T5491">
        <v>26469.73288</v>
      </c>
      <c r="U5491">
        <v>15010.566790000001</v>
      </c>
      <c r="W5491" s="83">
        <f>Bühler!N5523</f>
        <v>45520.708333320021</v>
      </c>
      <c r="X5491" s="83">
        <v>43329.708333333336</v>
      </c>
      <c r="Y5491">
        <v>155886.76680000001</v>
      </c>
      <c r="Z5491">
        <v>28837.021239999998</v>
      </c>
      <c r="AA5491">
        <v>100664.8379</v>
      </c>
      <c r="AB5491">
        <v>30892.052790000002</v>
      </c>
      <c r="AC5491">
        <v>41241.346790000003</v>
      </c>
      <c r="AD5491">
        <v>29496.728889999999</v>
      </c>
      <c r="AE5491">
        <v>50367.51827</v>
      </c>
      <c r="AF5491">
        <v>50192.544609999997</v>
      </c>
      <c r="AG5491">
        <v>30018.11522</v>
      </c>
      <c r="AH5491">
        <v>306152.44429999997</v>
      </c>
      <c r="AI5491">
        <v>81250.727220000001</v>
      </c>
      <c r="AJ5491">
        <v>24459.833180000001</v>
      </c>
      <c r="AK5491">
        <v>34206.82836</v>
      </c>
      <c r="AL5491">
        <v>85027.571750000003</v>
      </c>
      <c r="AM5491">
        <v>24034.38867</v>
      </c>
      <c r="AN5491">
        <v>96003.106839999993</v>
      </c>
      <c r="AO5491">
        <v>26469.73288</v>
      </c>
      <c r="AP5491">
        <v>15010.566790000001</v>
      </c>
    </row>
    <row r="5492" spans="2:42" x14ac:dyDescent="0.3">
      <c r="B5492">
        <v>58.784488490913773</v>
      </c>
      <c r="C5492" s="83">
        <v>43329.75</v>
      </c>
      <c r="D5492">
        <v>151928.08970000001</v>
      </c>
      <c r="E5492">
        <v>26677.878939999999</v>
      </c>
      <c r="F5492">
        <v>98126.647729999997</v>
      </c>
      <c r="G5492">
        <v>29367.3325</v>
      </c>
      <c r="H5492">
        <v>39378.710809999997</v>
      </c>
      <c r="I5492">
        <v>29224.10556</v>
      </c>
      <c r="J5492">
        <v>51080.719590000001</v>
      </c>
      <c r="K5492">
        <v>48349.466899999999</v>
      </c>
      <c r="L5492">
        <v>30858.948769999999</v>
      </c>
      <c r="M5492">
        <v>299710.73599999998</v>
      </c>
      <c r="N5492">
        <v>78633.097680000006</v>
      </c>
      <c r="O5492">
        <v>21931.430479999999</v>
      </c>
      <c r="P5492">
        <v>37648.97582</v>
      </c>
      <c r="Q5492">
        <v>83502.1198</v>
      </c>
      <c r="R5492">
        <v>23581.218099999998</v>
      </c>
      <c r="S5492">
        <v>90821.222949999996</v>
      </c>
      <c r="T5492">
        <v>25929.334780000001</v>
      </c>
      <c r="U5492">
        <v>14477.8004</v>
      </c>
      <c r="W5492" s="83">
        <f>Bühler!N5524</f>
        <v>45520.749999986685</v>
      </c>
      <c r="X5492" s="83">
        <v>43329.75</v>
      </c>
      <c r="Y5492">
        <v>151928.08970000001</v>
      </c>
      <c r="Z5492">
        <v>26677.878939999999</v>
      </c>
      <c r="AA5492">
        <v>98126.647729999997</v>
      </c>
      <c r="AB5492">
        <v>29367.3325</v>
      </c>
      <c r="AC5492">
        <v>39378.710809999997</v>
      </c>
      <c r="AD5492">
        <v>29224.10556</v>
      </c>
      <c r="AE5492">
        <v>51080.719590000001</v>
      </c>
      <c r="AF5492">
        <v>48349.466899999999</v>
      </c>
      <c r="AG5492">
        <v>30858.948769999999</v>
      </c>
      <c r="AH5492">
        <v>299710.73599999998</v>
      </c>
      <c r="AI5492">
        <v>78633.097680000006</v>
      </c>
      <c r="AJ5492">
        <v>21931.430479999999</v>
      </c>
      <c r="AK5492">
        <v>37648.97582</v>
      </c>
      <c r="AL5492">
        <v>83502.1198</v>
      </c>
      <c r="AM5492">
        <v>23581.218099999998</v>
      </c>
      <c r="AN5492">
        <v>90821.222949999996</v>
      </c>
      <c r="AO5492">
        <v>25929.334780000001</v>
      </c>
      <c r="AP5492">
        <v>14477.8004</v>
      </c>
    </row>
    <row r="5493" spans="2:42" x14ac:dyDescent="0.3">
      <c r="B5493">
        <v>57.097315932920466</v>
      </c>
      <c r="C5493" s="83">
        <v>43329.791666666664</v>
      </c>
      <c r="D5493">
        <v>146805.4577</v>
      </c>
      <c r="E5493">
        <v>21648.258150000001</v>
      </c>
      <c r="F5493">
        <v>87796.438800000004</v>
      </c>
      <c r="G5493">
        <v>28754.968639999999</v>
      </c>
      <c r="H5493">
        <v>37831.452169999997</v>
      </c>
      <c r="I5493">
        <v>28151.165669999998</v>
      </c>
      <c r="J5493">
        <v>51070.166420000001</v>
      </c>
      <c r="K5493">
        <v>48559.014479999998</v>
      </c>
      <c r="L5493">
        <v>30867.02089</v>
      </c>
      <c r="M5493">
        <v>291108.74349999998</v>
      </c>
      <c r="N5493">
        <v>76398.833799999993</v>
      </c>
      <c r="O5493">
        <v>20762.622609999999</v>
      </c>
      <c r="P5493">
        <v>40007.627310000003</v>
      </c>
      <c r="Q5493">
        <v>80361.767000000007</v>
      </c>
      <c r="R5493">
        <v>21945.49971</v>
      </c>
      <c r="S5493">
        <v>87489.963570000007</v>
      </c>
      <c r="T5493">
        <v>25430.21096</v>
      </c>
      <c r="U5493">
        <v>13817.81316</v>
      </c>
      <c r="W5493" s="83">
        <f>Bühler!N5525</f>
        <v>45520.791666653349</v>
      </c>
      <c r="X5493" s="83">
        <v>43329.791666666664</v>
      </c>
      <c r="Y5493">
        <v>146805.4577</v>
      </c>
      <c r="Z5493">
        <v>21648.258150000001</v>
      </c>
      <c r="AA5493">
        <v>87796.438800000004</v>
      </c>
      <c r="AB5493">
        <v>28754.968639999999</v>
      </c>
      <c r="AC5493">
        <v>37831.452169999997</v>
      </c>
      <c r="AD5493">
        <v>28151.165669999998</v>
      </c>
      <c r="AE5493">
        <v>51070.166420000001</v>
      </c>
      <c r="AF5493">
        <v>48559.014479999998</v>
      </c>
      <c r="AG5493">
        <v>30867.02089</v>
      </c>
      <c r="AH5493">
        <v>291108.74349999998</v>
      </c>
      <c r="AI5493">
        <v>76398.833799999993</v>
      </c>
      <c r="AJ5493">
        <v>20762.622609999999</v>
      </c>
      <c r="AK5493">
        <v>40007.627310000003</v>
      </c>
      <c r="AL5493">
        <v>80361.767000000007</v>
      </c>
      <c r="AM5493">
        <v>21945.49971</v>
      </c>
      <c r="AN5493">
        <v>87489.963570000007</v>
      </c>
      <c r="AO5493">
        <v>25430.21096</v>
      </c>
      <c r="AP5493">
        <v>13817.81316</v>
      </c>
    </row>
    <row r="5494" spans="2:42" x14ac:dyDescent="0.3">
      <c r="B5494">
        <v>54.570759624409256</v>
      </c>
      <c r="C5494" s="83">
        <v>43329.833333333336</v>
      </c>
      <c r="D5494">
        <v>142060.742</v>
      </c>
      <c r="E5494">
        <v>16372.22291</v>
      </c>
      <c r="F5494">
        <v>70944.765249999997</v>
      </c>
      <c r="G5494">
        <v>27758.627209999999</v>
      </c>
      <c r="H5494">
        <v>35827.399579999998</v>
      </c>
      <c r="I5494">
        <v>25453.914069999999</v>
      </c>
      <c r="J5494">
        <v>50394.300819999997</v>
      </c>
      <c r="K5494">
        <v>48497.229729999999</v>
      </c>
      <c r="L5494">
        <v>30788.94843</v>
      </c>
      <c r="M5494">
        <v>278227.18119999999</v>
      </c>
      <c r="N5494">
        <v>73960.466579999993</v>
      </c>
      <c r="O5494">
        <v>19784.387360000001</v>
      </c>
      <c r="P5494">
        <v>40741.27519</v>
      </c>
      <c r="Q5494">
        <v>77433.238849999994</v>
      </c>
      <c r="R5494">
        <v>20644.253990000001</v>
      </c>
      <c r="S5494">
        <v>80344.602450000006</v>
      </c>
      <c r="T5494">
        <v>23862.166509999999</v>
      </c>
      <c r="U5494">
        <v>13560.393480000001</v>
      </c>
      <c r="W5494" s="83">
        <f>Bühler!N5526</f>
        <v>45520.833333320013</v>
      </c>
      <c r="X5494" s="83">
        <v>43329.833333333336</v>
      </c>
      <c r="Y5494">
        <v>142060.742</v>
      </c>
      <c r="Z5494">
        <v>16372.22291</v>
      </c>
      <c r="AA5494">
        <v>70944.765249999997</v>
      </c>
      <c r="AB5494">
        <v>27758.627209999999</v>
      </c>
      <c r="AC5494">
        <v>35827.399579999998</v>
      </c>
      <c r="AD5494">
        <v>25453.914069999999</v>
      </c>
      <c r="AE5494">
        <v>50394.300819999997</v>
      </c>
      <c r="AF5494">
        <v>48497.229729999999</v>
      </c>
      <c r="AG5494">
        <v>30788.94843</v>
      </c>
      <c r="AH5494">
        <v>278227.18119999999</v>
      </c>
      <c r="AI5494">
        <v>73960.466579999993</v>
      </c>
      <c r="AJ5494">
        <v>19784.387360000001</v>
      </c>
      <c r="AK5494">
        <v>40741.27519</v>
      </c>
      <c r="AL5494">
        <v>77433.238849999994</v>
      </c>
      <c r="AM5494">
        <v>20644.253990000001</v>
      </c>
      <c r="AN5494">
        <v>80344.602450000006</v>
      </c>
      <c r="AO5494">
        <v>23862.166509999999</v>
      </c>
      <c r="AP5494">
        <v>13560.393480000001</v>
      </c>
    </row>
    <row r="5495" spans="2:42" x14ac:dyDescent="0.3">
      <c r="B5495">
        <v>53.284208049865761</v>
      </c>
      <c r="C5495" s="83">
        <v>43329.875</v>
      </c>
      <c r="D5495">
        <v>139955.33100000001</v>
      </c>
      <c r="E5495">
        <v>14090.26744</v>
      </c>
      <c r="F5495">
        <v>61311.637820000004</v>
      </c>
      <c r="G5495">
        <v>27589.983789999998</v>
      </c>
      <c r="H5495">
        <v>34755.132949999999</v>
      </c>
      <c r="I5495">
        <v>23690.702560000002</v>
      </c>
      <c r="J5495">
        <v>50457.57445</v>
      </c>
      <c r="K5495">
        <v>49035.616529999999</v>
      </c>
      <c r="L5495">
        <v>30255.61104</v>
      </c>
      <c r="M5495">
        <v>271667.74129999999</v>
      </c>
      <c r="N5495">
        <v>73280.232050000006</v>
      </c>
      <c r="O5495">
        <v>18655.644359999998</v>
      </c>
      <c r="P5495">
        <v>39672.645329999999</v>
      </c>
      <c r="Q5495">
        <v>74976.91059</v>
      </c>
      <c r="R5495">
        <v>20098.164499999999</v>
      </c>
      <c r="S5495">
        <v>77805.391789999994</v>
      </c>
      <c r="T5495">
        <v>22130.21328</v>
      </c>
      <c r="U5495">
        <v>13470.845009999999</v>
      </c>
      <c r="W5495" s="83">
        <f>Bühler!N5527</f>
        <v>45520.874999986678</v>
      </c>
      <c r="X5495" s="83">
        <v>43329.875</v>
      </c>
      <c r="Y5495">
        <v>139955.33100000001</v>
      </c>
      <c r="Z5495">
        <v>14090.26744</v>
      </c>
      <c r="AA5495">
        <v>61311.637820000004</v>
      </c>
      <c r="AB5495">
        <v>27589.983789999998</v>
      </c>
      <c r="AC5495">
        <v>34755.132949999999</v>
      </c>
      <c r="AD5495">
        <v>23690.702560000002</v>
      </c>
      <c r="AE5495">
        <v>50457.57445</v>
      </c>
      <c r="AF5495">
        <v>49035.616529999999</v>
      </c>
      <c r="AG5495">
        <v>30255.61104</v>
      </c>
      <c r="AH5495">
        <v>271667.74129999999</v>
      </c>
      <c r="AI5495">
        <v>73280.232050000006</v>
      </c>
      <c r="AJ5495">
        <v>18655.644359999998</v>
      </c>
      <c r="AK5495">
        <v>39672.645329999999</v>
      </c>
      <c r="AL5495">
        <v>74976.91059</v>
      </c>
      <c r="AM5495">
        <v>20098.164499999999</v>
      </c>
      <c r="AN5495">
        <v>77805.391789999994</v>
      </c>
      <c r="AO5495">
        <v>22130.21328</v>
      </c>
      <c r="AP5495">
        <v>13470.845009999999</v>
      </c>
    </row>
    <row r="5496" spans="2:42" x14ac:dyDescent="0.3">
      <c r="B5496">
        <v>52.950544789994659</v>
      </c>
      <c r="C5496" s="83">
        <v>43329.916666666664</v>
      </c>
      <c r="D5496">
        <v>139092.5251</v>
      </c>
      <c r="E5496">
        <v>13403.878640000001</v>
      </c>
      <c r="F5496">
        <v>58188.990089999999</v>
      </c>
      <c r="G5496">
        <v>27691.260770000001</v>
      </c>
      <c r="H5496">
        <v>35355.457329999997</v>
      </c>
      <c r="I5496">
        <v>22985.475279999999</v>
      </c>
      <c r="J5496">
        <v>47723.351790000001</v>
      </c>
      <c r="K5496">
        <v>50829.835830000004</v>
      </c>
      <c r="L5496">
        <v>27330.517690000001</v>
      </c>
      <c r="M5496">
        <v>269966.57040000003</v>
      </c>
      <c r="N5496">
        <v>72378.320829999997</v>
      </c>
      <c r="O5496">
        <v>18938.473890000001</v>
      </c>
      <c r="P5496">
        <v>41137.147799999999</v>
      </c>
      <c r="Q5496">
        <v>73064.080109999995</v>
      </c>
      <c r="R5496">
        <v>21027.869180000002</v>
      </c>
      <c r="S5496">
        <v>76830.908469999995</v>
      </c>
      <c r="T5496">
        <v>20722.159370000001</v>
      </c>
      <c r="U5496">
        <v>13642.13355</v>
      </c>
      <c r="W5496" s="83">
        <f>Bühler!N5528</f>
        <v>45520.916666653342</v>
      </c>
      <c r="X5496" s="83">
        <v>43329.916666666664</v>
      </c>
      <c r="Y5496">
        <v>139092.5251</v>
      </c>
      <c r="Z5496">
        <v>13403.878640000001</v>
      </c>
      <c r="AA5496">
        <v>58188.990089999999</v>
      </c>
      <c r="AB5496">
        <v>27691.260770000001</v>
      </c>
      <c r="AC5496">
        <v>35355.457329999997</v>
      </c>
      <c r="AD5496">
        <v>22985.475279999999</v>
      </c>
      <c r="AE5496">
        <v>47723.351790000001</v>
      </c>
      <c r="AF5496">
        <v>50829.835830000004</v>
      </c>
      <c r="AG5496">
        <v>27330.517690000001</v>
      </c>
      <c r="AH5496">
        <v>269966.57040000003</v>
      </c>
      <c r="AI5496">
        <v>72378.320829999997</v>
      </c>
      <c r="AJ5496">
        <v>18938.473890000001</v>
      </c>
      <c r="AK5496">
        <v>41137.147799999999</v>
      </c>
      <c r="AL5496">
        <v>73064.080109999995</v>
      </c>
      <c r="AM5496">
        <v>21027.869180000002</v>
      </c>
      <c r="AN5496">
        <v>76830.908469999995</v>
      </c>
      <c r="AO5496">
        <v>20722.159370000001</v>
      </c>
      <c r="AP5496">
        <v>13642.13355</v>
      </c>
    </row>
    <row r="5497" spans="2:42" x14ac:dyDescent="0.3">
      <c r="B5497">
        <v>52.36648179922912</v>
      </c>
      <c r="C5497" s="83">
        <v>43329.958333333336</v>
      </c>
      <c r="D5497">
        <v>139254.05480000001</v>
      </c>
      <c r="E5497">
        <v>12876.482959999999</v>
      </c>
      <c r="F5497">
        <v>56291.91936</v>
      </c>
      <c r="G5497">
        <v>27961.15393</v>
      </c>
      <c r="H5497">
        <v>34543.851450000002</v>
      </c>
      <c r="I5497">
        <v>22191.90812</v>
      </c>
      <c r="J5497">
        <v>43089.602379999997</v>
      </c>
      <c r="K5497">
        <v>49827.355710000003</v>
      </c>
      <c r="L5497">
        <v>24123.437689999999</v>
      </c>
      <c r="M5497">
        <v>266988.74489999999</v>
      </c>
      <c r="N5497">
        <v>70782.328810000006</v>
      </c>
      <c r="O5497">
        <v>18347.14214</v>
      </c>
      <c r="P5497">
        <v>35500.951569999997</v>
      </c>
      <c r="Q5497">
        <v>71847.423909999998</v>
      </c>
      <c r="R5497">
        <v>20730.45623</v>
      </c>
      <c r="S5497">
        <v>75393.111839999998</v>
      </c>
      <c r="T5497">
        <v>19646.23748</v>
      </c>
      <c r="U5497">
        <v>13299.72402</v>
      </c>
      <c r="W5497" s="83">
        <f>Bühler!N5529</f>
        <v>45520.958333320006</v>
      </c>
      <c r="X5497" s="83">
        <v>43329.958333333336</v>
      </c>
      <c r="Y5497">
        <v>139254.05480000001</v>
      </c>
      <c r="Z5497">
        <v>12876.482959999999</v>
      </c>
      <c r="AA5497">
        <v>56291.91936</v>
      </c>
      <c r="AB5497">
        <v>27961.15393</v>
      </c>
      <c r="AC5497">
        <v>34543.851450000002</v>
      </c>
      <c r="AD5497">
        <v>22191.90812</v>
      </c>
      <c r="AE5497">
        <v>43089.602379999997</v>
      </c>
      <c r="AF5497">
        <v>49827.355710000003</v>
      </c>
      <c r="AG5497">
        <v>24123.437689999999</v>
      </c>
      <c r="AH5497">
        <v>266988.74489999999</v>
      </c>
      <c r="AI5497">
        <v>70782.328810000006</v>
      </c>
      <c r="AJ5497">
        <v>18347.14214</v>
      </c>
      <c r="AK5497">
        <v>35500.951569999997</v>
      </c>
      <c r="AL5497">
        <v>71847.423909999998</v>
      </c>
      <c r="AM5497">
        <v>20730.45623</v>
      </c>
      <c r="AN5497">
        <v>75393.111839999998</v>
      </c>
      <c r="AO5497">
        <v>19646.23748</v>
      </c>
      <c r="AP5497">
        <v>13299.72402</v>
      </c>
    </row>
    <row r="5498" spans="2:42" x14ac:dyDescent="0.3">
      <c r="B5498">
        <v>51.186533458589004</v>
      </c>
      <c r="C5498" s="83">
        <v>43330</v>
      </c>
      <c r="D5498">
        <v>137889.88269999999</v>
      </c>
      <c r="E5498">
        <v>12340.769550000001</v>
      </c>
      <c r="F5498">
        <v>54353.724390000003</v>
      </c>
      <c r="G5498">
        <v>27779.490160000001</v>
      </c>
      <c r="H5498">
        <v>33922.413760000003</v>
      </c>
      <c r="I5498">
        <v>20567.37977</v>
      </c>
      <c r="J5498">
        <v>39538.267160000003</v>
      </c>
      <c r="K5498">
        <v>48027.965799999998</v>
      </c>
      <c r="L5498">
        <v>20638.823280000001</v>
      </c>
      <c r="M5498">
        <v>260972.818</v>
      </c>
      <c r="N5498">
        <v>70151.91433</v>
      </c>
      <c r="O5498">
        <v>17906.088400000001</v>
      </c>
      <c r="P5498">
        <v>31568.98717</v>
      </c>
      <c r="Q5498">
        <v>69726.958629999994</v>
      </c>
      <c r="R5498">
        <v>17008.08625</v>
      </c>
      <c r="S5498">
        <v>73568.751130000004</v>
      </c>
      <c r="T5498">
        <v>18957.056130000001</v>
      </c>
      <c r="U5498">
        <v>13016.69846</v>
      </c>
      <c r="W5498" s="83">
        <f>Bühler!N5530</f>
        <v>45520.99999998667</v>
      </c>
      <c r="X5498" s="83">
        <v>43330</v>
      </c>
      <c r="Y5498">
        <v>137889.88269999999</v>
      </c>
      <c r="Z5498">
        <v>12340.769550000001</v>
      </c>
      <c r="AA5498">
        <v>54353.724390000003</v>
      </c>
      <c r="AB5498">
        <v>27779.490160000001</v>
      </c>
      <c r="AC5498">
        <v>33922.413760000003</v>
      </c>
      <c r="AD5498">
        <v>20567.37977</v>
      </c>
      <c r="AE5498">
        <v>39538.267160000003</v>
      </c>
      <c r="AF5498">
        <v>48027.965799999998</v>
      </c>
      <c r="AG5498">
        <v>20638.823280000001</v>
      </c>
      <c r="AH5498">
        <v>260972.818</v>
      </c>
      <c r="AI5498">
        <v>70151.91433</v>
      </c>
      <c r="AJ5498">
        <v>17906.088400000001</v>
      </c>
      <c r="AK5498">
        <v>31568.98717</v>
      </c>
      <c r="AL5498">
        <v>69726.958629999994</v>
      </c>
      <c r="AM5498">
        <v>17008.08625</v>
      </c>
      <c r="AN5498">
        <v>73568.751130000004</v>
      </c>
      <c r="AO5498">
        <v>18957.056130000001</v>
      </c>
      <c r="AP5498">
        <v>13016.69846</v>
      </c>
    </row>
    <row r="5499" spans="2:42" x14ac:dyDescent="0.3">
      <c r="B5499">
        <v>39.304758580231358</v>
      </c>
      <c r="C5499" s="83">
        <v>43330.041666666664</v>
      </c>
      <c r="D5499">
        <v>121283.65549999999</v>
      </c>
      <c r="E5499">
        <v>11296.347830000001</v>
      </c>
      <c r="F5499">
        <v>50204.360939999999</v>
      </c>
      <c r="G5499">
        <v>26711.518120000001</v>
      </c>
      <c r="H5499">
        <v>32056.080139999998</v>
      </c>
      <c r="I5499">
        <v>19853.369559999999</v>
      </c>
      <c r="J5499">
        <v>37229.15756</v>
      </c>
      <c r="K5499">
        <v>45695.227780000001</v>
      </c>
      <c r="L5499">
        <v>19156.669160000001</v>
      </c>
      <c r="M5499">
        <v>200393.98869999999</v>
      </c>
      <c r="N5499">
        <v>63734.90999</v>
      </c>
      <c r="O5499">
        <v>16916.325349999999</v>
      </c>
      <c r="P5499">
        <v>28334.93864</v>
      </c>
      <c r="Q5499">
        <v>46274.632859999998</v>
      </c>
      <c r="R5499">
        <v>15814.61485</v>
      </c>
      <c r="S5499">
        <v>70302.645239999998</v>
      </c>
      <c r="T5499">
        <v>18040.438539999999</v>
      </c>
      <c r="U5499">
        <v>12043.8963</v>
      </c>
      <c r="W5499" s="83">
        <f>Bühler!N5531</f>
        <v>45521.041666653335</v>
      </c>
      <c r="X5499" s="83">
        <v>43330.041666666664</v>
      </c>
      <c r="Y5499">
        <v>121283.65549999999</v>
      </c>
      <c r="Z5499">
        <v>11296.347830000001</v>
      </c>
      <c r="AA5499">
        <v>50204.360939999999</v>
      </c>
      <c r="AB5499">
        <v>26711.518120000001</v>
      </c>
      <c r="AC5499">
        <v>32056.080139999998</v>
      </c>
      <c r="AD5499">
        <v>19853.369559999999</v>
      </c>
      <c r="AE5499">
        <v>37229.15756</v>
      </c>
      <c r="AF5499">
        <v>45695.227780000001</v>
      </c>
      <c r="AG5499">
        <v>19156.669160000001</v>
      </c>
      <c r="AH5499">
        <v>200393.98869999999</v>
      </c>
      <c r="AI5499">
        <v>63734.90999</v>
      </c>
      <c r="AJ5499">
        <v>16916.325349999999</v>
      </c>
      <c r="AK5499">
        <v>28334.93864</v>
      </c>
      <c r="AL5499">
        <v>46274.632859999998</v>
      </c>
      <c r="AM5499">
        <v>15814.61485</v>
      </c>
      <c r="AN5499">
        <v>70302.645239999998</v>
      </c>
      <c r="AO5499">
        <v>18040.438539999999</v>
      </c>
      <c r="AP5499">
        <v>12043.8963</v>
      </c>
    </row>
    <row r="5500" spans="2:42" x14ac:dyDescent="0.3">
      <c r="B5500">
        <v>49.780310994982429</v>
      </c>
      <c r="C5500" s="83">
        <v>43330.083333333336</v>
      </c>
      <c r="D5500">
        <v>136267.91500000001</v>
      </c>
      <c r="E5500">
        <v>11953.731379999999</v>
      </c>
      <c r="F5500">
        <v>54186.368670000003</v>
      </c>
      <c r="G5500">
        <v>27344.578939999999</v>
      </c>
      <c r="H5500">
        <v>32948.276859999998</v>
      </c>
      <c r="I5500">
        <v>17495.41648</v>
      </c>
      <c r="J5500">
        <v>36906.539989999997</v>
      </c>
      <c r="K5500">
        <v>46353.859479999999</v>
      </c>
      <c r="L5500">
        <v>17369.486150000001</v>
      </c>
      <c r="M5500">
        <v>253803.2401</v>
      </c>
      <c r="N5500">
        <v>69158.913390000002</v>
      </c>
      <c r="O5500">
        <v>17271.85313</v>
      </c>
      <c r="P5500">
        <v>27018.0906</v>
      </c>
      <c r="Q5500">
        <v>70019.067150000003</v>
      </c>
      <c r="R5500">
        <v>14719.771210000001</v>
      </c>
      <c r="S5500">
        <v>72017.968519999995</v>
      </c>
      <c r="T5500">
        <v>17944.536769999999</v>
      </c>
      <c r="U5500">
        <v>12435.32302</v>
      </c>
      <c r="W5500" s="83">
        <f>Bühler!N5532</f>
        <v>45521.083333319999</v>
      </c>
      <c r="X5500" s="83">
        <v>43330.083333333336</v>
      </c>
      <c r="Y5500">
        <v>136267.91500000001</v>
      </c>
      <c r="Z5500">
        <v>11953.731379999999</v>
      </c>
      <c r="AA5500">
        <v>54186.368670000003</v>
      </c>
      <c r="AB5500">
        <v>27344.578939999999</v>
      </c>
      <c r="AC5500">
        <v>32948.276859999998</v>
      </c>
      <c r="AD5500">
        <v>17495.41648</v>
      </c>
      <c r="AE5500">
        <v>36906.539989999997</v>
      </c>
      <c r="AF5500">
        <v>46353.859479999999</v>
      </c>
      <c r="AG5500">
        <v>17369.486150000001</v>
      </c>
      <c r="AH5500">
        <v>253803.2401</v>
      </c>
      <c r="AI5500">
        <v>69158.913390000002</v>
      </c>
      <c r="AJ5500">
        <v>17271.85313</v>
      </c>
      <c r="AK5500">
        <v>27018.0906</v>
      </c>
      <c r="AL5500">
        <v>70019.067150000003</v>
      </c>
      <c r="AM5500">
        <v>14719.771210000001</v>
      </c>
      <c r="AN5500">
        <v>72017.968519999995</v>
      </c>
      <c r="AO5500">
        <v>17944.536769999999</v>
      </c>
      <c r="AP5500">
        <v>12435.32302</v>
      </c>
    </row>
    <row r="5501" spans="2:42" x14ac:dyDescent="0.3">
      <c r="B5501">
        <v>39.467657684451282</v>
      </c>
      <c r="C5501" s="83">
        <v>43330.125</v>
      </c>
      <c r="D5501">
        <v>120658.9292</v>
      </c>
      <c r="E5501">
        <v>11157.560530000001</v>
      </c>
      <c r="F5501">
        <v>50534.701719999997</v>
      </c>
      <c r="G5501">
        <v>26746.073079999998</v>
      </c>
      <c r="H5501">
        <v>31495.741569999998</v>
      </c>
      <c r="I5501">
        <v>16742.323270000001</v>
      </c>
      <c r="J5501">
        <v>35786.51266</v>
      </c>
      <c r="K5501">
        <v>43067.298990000003</v>
      </c>
      <c r="L5501">
        <v>17569.395479999999</v>
      </c>
      <c r="M5501">
        <v>201224.52429999999</v>
      </c>
      <c r="N5501">
        <v>62496.795570000002</v>
      </c>
      <c r="O5501">
        <v>16755.837500000001</v>
      </c>
      <c r="P5501">
        <v>26571.77823</v>
      </c>
      <c r="Q5501">
        <v>48823.276680000003</v>
      </c>
      <c r="R5501">
        <v>13574.248579999999</v>
      </c>
      <c r="S5501">
        <v>69052.220690000002</v>
      </c>
      <c r="T5501">
        <v>17655.15465</v>
      </c>
      <c r="U5501">
        <v>11708.551100000001</v>
      </c>
      <c r="W5501" s="83">
        <f>Bühler!N5533</f>
        <v>45521.124999986663</v>
      </c>
      <c r="X5501" s="83">
        <v>43330.125</v>
      </c>
      <c r="Y5501">
        <v>120658.9292</v>
      </c>
      <c r="Z5501">
        <v>11157.560530000001</v>
      </c>
      <c r="AA5501">
        <v>50534.701719999997</v>
      </c>
      <c r="AB5501">
        <v>26746.073079999998</v>
      </c>
      <c r="AC5501">
        <v>31495.741569999998</v>
      </c>
      <c r="AD5501">
        <v>16742.323270000001</v>
      </c>
      <c r="AE5501">
        <v>35786.51266</v>
      </c>
      <c r="AF5501">
        <v>43067.298990000003</v>
      </c>
      <c r="AG5501">
        <v>17569.395479999999</v>
      </c>
      <c r="AH5501">
        <v>201224.52429999999</v>
      </c>
      <c r="AI5501">
        <v>62496.795570000002</v>
      </c>
      <c r="AJ5501">
        <v>16755.837500000001</v>
      </c>
      <c r="AK5501">
        <v>26571.77823</v>
      </c>
      <c r="AL5501">
        <v>48823.276680000003</v>
      </c>
      <c r="AM5501">
        <v>13574.248579999999</v>
      </c>
      <c r="AN5501">
        <v>69052.220690000002</v>
      </c>
      <c r="AO5501">
        <v>17655.15465</v>
      </c>
      <c r="AP5501">
        <v>11708.551100000001</v>
      </c>
    </row>
    <row r="5502" spans="2:42" x14ac:dyDescent="0.3">
      <c r="B5502">
        <v>38.943440572727674</v>
      </c>
      <c r="C5502" s="83">
        <v>43330.166666666664</v>
      </c>
      <c r="D5502">
        <v>120402.83100000001</v>
      </c>
      <c r="E5502">
        <v>11092.211660000001</v>
      </c>
      <c r="F5502">
        <v>50771.507969999999</v>
      </c>
      <c r="G5502">
        <v>26291.197889999999</v>
      </c>
      <c r="H5502">
        <v>31275.07446</v>
      </c>
      <c r="I5502">
        <v>15197.325870000001</v>
      </c>
      <c r="J5502">
        <v>35045.760629999997</v>
      </c>
      <c r="K5502">
        <v>42962.051079999997</v>
      </c>
      <c r="L5502">
        <v>16708.496579999999</v>
      </c>
      <c r="M5502">
        <v>198551.821</v>
      </c>
      <c r="N5502">
        <v>61401.348140000002</v>
      </c>
      <c r="O5502">
        <v>17070.72438</v>
      </c>
      <c r="P5502">
        <v>25318.877509999998</v>
      </c>
      <c r="Q5502">
        <v>49292.63351</v>
      </c>
      <c r="R5502">
        <v>14196.877399999999</v>
      </c>
      <c r="S5502">
        <v>69172.990430000005</v>
      </c>
      <c r="T5502">
        <v>17387.622800000001</v>
      </c>
      <c r="U5502">
        <v>11509.330959999999</v>
      </c>
      <c r="W5502" s="83">
        <f>Bühler!N5534</f>
        <v>45521.166666653327</v>
      </c>
      <c r="X5502" s="83">
        <v>43330.166666666664</v>
      </c>
      <c r="Y5502">
        <v>120402.83100000001</v>
      </c>
      <c r="Z5502">
        <v>11092.211660000001</v>
      </c>
      <c r="AA5502">
        <v>50771.507969999999</v>
      </c>
      <c r="AB5502">
        <v>26291.197889999999</v>
      </c>
      <c r="AC5502">
        <v>31275.07446</v>
      </c>
      <c r="AD5502">
        <v>15197.325870000001</v>
      </c>
      <c r="AE5502">
        <v>35045.760629999997</v>
      </c>
      <c r="AF5502">
        <v>42962.051079999997</v>
      </c>
      <c r="AG5502">
        <v>16708.496579999999</v>
      </c>
      <c r="AH5502">
        <v>198551.821</v>
      </c>
      <c r="AI5502">
        <v>61401.348140000002</v>
      </c>
      <c r="AJ5502">
        <v>17070.72438</v>
      </c>
      <c r="AK5502">
        <v>25318.877509999998</v>
      </c>
      <c r="AL5502">
        <v>49292.63351</v>
      </c>
      <c r="AM5502">
        <v>14196.877399999999</v>
      </c>
      <c r="AN5502">
        <v>69172.990430000005</v>
      </c>
      <c r="AO5502">
        <v>17387.622800000001</v>
      </c>
      <c r="AP5502">
        <v>11509.330959999999</v>
      </c>
    </row>
    <row r="5503" spans="2:42" x14ac:dyDescent="0.3">
      <c r="B5503">
        <v>48.570538332712744</v>
      </c>
      <c r="C5503" s="83">
        <v>43330.208333333336</v>
      </c>
      <c r="D5503">
        <v>134805.0925</v>
      </c>
      <c r="E5503">
        <v>11818.779850000001</v>
      </c>
      <c r="F5503">
        <v>58868.044130000002</v>
      </c>
      <c r="G5503">
        <v>27023.464220000002</v>
      </c>
      <c r="H5503">
        <v>32899.459450000002</v>
      </c>
      <c r="I5503">
        <v>15861.564979999999</v>
      </c>
      <c r="J5503">
        <v>35971.442600000002</v>
      </c>
      <c r="K5503">
        <v>44300.339840000001</v>
      </c>
      <c r="L5503">
        <v>16698.632259999998</v>
      </c>
      <c r="M5503">
        <v>247635.2549</v>
      </c>
      <c r="N5503">
        <v>67662.126029999999</v>
      </c>
      <c r="O5503">
        <v>17843.533589999999</v>
      </c>
      <c r="P5503">
        <v>26494.668570000002</v>
      </c>
      <c r="Q5503">
        <v>69679.994260000007</v>
      </c>
      <c r="R5503">
        <v>15727.357330000001</v>
      </c>
      <c r="S5503">
        <v>71950.496830000004</v>
      </c>
      <c r="T5503">
        <v>18122.974760000001</v>
      </c>
      <c r="U5503">
        <v>12257.857830000001</v>
      </c>
      <c r="W5503" s="83">
        <f>Bühler!N5535</f>
        <v>45521.208333319992</v>
      </c>
      <c r="X5503" s="83">
        <v>43330.208333333336</v>
      </c>
      <c r="Y5503">
        <v>134805.0925</v>
      </c>
      <c r="Z5503">
        <v>11818.779850000001</v>
      </c>
      <c r="AA5503">
        <v>58868.044130000002</v>
      </c>
      <c r="AB5503">
        <v>27023.464220000002</v>
      </c>
      <c r="AC5503">
        <v>32899.459450000002</v>
      </c>
      <c r="AD5503">
        <v>15861.564979999999</v>
      </c>
      <c r="AE5503">
        <v>35971.442600000002</v>
      </c>
      <c r="AF5503">
        <v>44300.339840000001</v>
      </c>
      <c r="AG5503">
        <v>16698.632259999998</v>
      </c>
      <c r="AH5503">
        <v>247635.2549</v>
      </c>
      <c r="AI5503">
        <v>67662.126029999999</v>
      </c>
      <c r="AJ5503">
        <v>17843.533589999999</v>
      </c>
      <c r="AK5503">
        <v>26494.668570000002</v>
      </c>
      <c r="AL5503">
        <v>69679.994260000007</v>
      </c>
      <c r="AM5503">
        <v>15727.357330000001</v>
      </c>
      <c r="AN5503">
        <v>71950.496830000004</v>
      </c>
      <c r="AO5503">
        <v>18122.974760000001</v>
      </c>
      <c r="AP5503">
        <v>12257.857830000001</v>
      </c>
    </row>
    <row r="5504" spans="2:42" x14ac:dyDescent="0.3">
      <c r="B5504">
        <v>38.503208736434118</v>
      </c>
      <c r="C5504" s="83">
        <v>43330.25</v>
      </c>
      <c r="D5504">
        <v>120413.15119999999</v>
      </c>
      <c r="E5504">
        <v>11321.021940000001</v>
      </c>
      <c r="F5504">
        <v>60852.998910000002</v>
      </c>
      <c r="G5504">
        <v>25717.31294</v>
      </c>
      <c r="H5504">
        <v>31040.95004</v>
      </c>
      <c r="I5504">
        <v>15144.87527</v>
      </c>
      <c r="J5504">
        <v>36360.139990000003</v>
      </c>
      <c r="K5504">
        <v>39450.536289999996</v>
      </c>
      <c r="L5504">
        <v>17573.46127</v>
      </c>
      <c r="M5504">
        <v>196307.3138</v>
      </c>
      <c r="N5504">
        <v>60232.622810000001</v>
      </c>
      <c r="O5504">
        <v>17324.642639999998</v>
      </c>
      <c r="P5504">
        <v>26017.35239</v>
      </c>
      <c r="Q5504">
        <v>47775.926870000003</v>
      </c>
      <c r="R5504">
        <v>14941.693579999999</v>
      </c>
      <c r="S5504">
        <v>71010.183290000001</v>
      </c>
      <c r="T5504">
        <v>17651.05904</v>
      </c>
      <c r="U5504">
        <v>11396.294330000001</v>
      </c>
      <c r="W5504" s="83">
        <f>Bühler!N5536</f>
        <v>45521.249999986656</v>
      </c>
      <c r="X5504" s="83">
        <v>43330.25</v>
      </c>
      <c r="Y5504">
        <v>120413.15119999999</v>
      </c>
      <c r="Z5504">
        <v>11321.021940000001</v>
      </c>
      <c r="AA5504">
        <v>60852.998910000002</v>
      </c>
      <c r="AB5504">
        <v>25717.31294</v>
      </c>
      <c r="AC5504">
        <v>31040.95004</v>
      </c>
      <c r="AD5504">
        <v>15144.87527</v>
      </c>
      <c r="AE5504">
        <v>36360.139990000003</v>
      </c>
      <c r="AF5504">
        <v>39450.536289999996</v>
      </c>
      <c r="AG5504">
        <v>17573.46127</v>
      </c>
      <c r="AH5504">
        <v>196307.3138</v>
      </c>
      <c r="AI5504">
        <v>60232.622810000001</v>
      </c>
      <c r="AJ5504">
        <v>17324.642639999998</v>
      </c>
      <c r="AK5504">
        <v>26017.35239</v>
      </c>
      <c r="AL5504">
        <v>47775.926870000003</v>
      </c>
      <c r="AM5504">
        <v>14941.693579999999</v>
      </c>
      <c r="AN5504">
        <v>71010.183290000001</v>
      </c>
      <c r="AO5504">
        <v>17651.05904</v>
      </c>
      <c r="AP5504">
        <v>11396.294330000001</v>
      </c>
    </row>
    <row r="5505" spans="2:42" x14ac:dyDescent="0.3">
      <c r="B5505">
        <v>47.680890486521371</v>
      </c>
      <c r="C5505" s="83">
        <v>43330.291666666664</v>
      </c>
      <c r="D5505">
        <v>133422.38690000001</v>
      </c>
      <c r="E5505">
        <v>12480.09583</v>
      </c>
      <c r="F5505">
        <v>67752.305309999996</v>
      </c>
      <c r="G5505">
        <v>26189.46254</v>
      </c>
      <c r="H5505">
        <v>32107.305240000002</v>
      </c>
      <c r="I5505">
        <v>14928.89388</v>
      </c>
      <c r="J5505">
        <v>37833.249459999999</v>
      </c>
      <c r="K5505">
        <v>41529.115619999997</v>
      </c>
      <c r="L5505">
        <v>17517.870920000001</v>
      </c>
      <c r="M5505">
        <v>243099.41529999999</v>
      </c>
      <c r="N5505">
        <v>66684.990489999996</v>
      </c>
      <c r="O5505">
        <v>18138.931270000001</v>
      </c>
      <c r="P5505">
        <v>28079.348320000001</v>
      </c>
      <c r="Q5505">
        <v>66761.127819999994</v>
      </c>
      <c r="R5505">
        <v>14387.465330000001</v>
      </c>
      <c r="S5505">
        <v>76642.908679999993</v>
      </c>
      <c r="T5505">
        <v>18116.892749999999</v>
      </c>
      <c r="U5505">
        <v>11653.66619</v>
      </c>
      <c r="W5505" s="83">
        <f>Bühler!N5537</f>
        <v>45521.29166665332</v>
      </c>
      <c r="X5505" s="83">
        <v>43330.291666666664</v>
      </c>
      <c r="Y5505">
        <v>133422.38690000001</v>
      </c>
      <c r="Z5505">
        <v>12480.09583</v>
      </c>
      <c r="AA5505">
        <v>67752.305309999996</v>
      </c>
      <c r="AB5505">
        <v>26189.46254</v>
      </c>
      <c r="AC5505">
        <v>32107.305240000002</v>
      </c>
      <c r="AD5505">
        <v>14928.89388</v>
      </c>
      <c r="AE5505">
        <v>37833.249459999999</v>
      </c>
      <c r="AF5505">
        <v>41529.115619999997</v>
      </c>
      <c r="AG5505">
        <v>17517.870920000001</v>
      </c>
      <c r="AH5505">
        <v>243099.41529999999</v>
      </c>
      <c r="AI5505">
        <v>66684.990489999996</v>
      </c>
      <c r="AJ5505">
        <v>18138.931270000001</v>
      </c>
      <c r="AK5505">
        <v>28079.348320000001</v>
      </c>
      <c r="AL5505">
        <v>66761.127819999994</v>
      </c>
      <c r="AM5505">
        <v>14387.465330000001</v>
      </c>
      <c r="AN5505">
        <v>76642.908679999993</v>
      </c>
      <c r="AO5505">
        <v>18116.892749999999</v>
      </c>
      <c r="AP5505">
        <v>11653.66619</v>
      </c>
    </row>
    <row r="5506" spans="2:42" x14ac:dyDescent="0.3">
      <c r="B5506">
        <v>38.756172395208672</v>
      </c>
      <c r="C5506" s="83">
        <v>43330.333333333336</v>
      </c>
      <c r="D5506">
        <v>120255.93369999999</v>
      </c>
      <c r="E5506">
        <v>13769.322340000001</v>
      </c>
      <c r="F5506">
        <v>65915.915420000005</v>
      </c>
      <c r="G5506">
        <v>25652.71168</v>
      </c>
      <c r="H5506">
        <v>31089.37787</v>
      </c>
      <c r="I5506">
        <v>15316.251749999999</v>
      </c>
      <c r="J5506">
        <v>40442.769160000003</v>
      </c>
      <c r="K5506">
        <v>40297.93879</v>
      </c>
      <c r="L5506">
        <v>17819.898069999999</v>
      </c>
      <c r="M5506">
        <v>197597.0405</v>
      </c>
      <c r="N5506">
        <v>60051.582600000002</v>
      </c>
      <c r="O5506">
        <v>18033.887350000001</v>
      </c>
      <c r="P5506">
        <v>30027.04046</v>
      </c>
      <c r="Q5506">
        <v>46614.468059999999</v>
      </c>
      <c r="R5506">
        <v>15143.719730000001</v>
      </c>
      <c r="S5506">
        <v>75558.225959999996</v>
      </c>
      <c r="T5506">
        <v>18893.287499999999</v>
      </c>
      <c r="U5506">
        <v>11301.983469999999</v>
      </c>
      <c r="W5506" s="83">
        <f>Bühler!N5538</f>
        <v>45521.333333319984</v>
      </c>
      <c r="X5506" s="83">
        <v>43330.333333333336</v>
      </c>
      <c r="Y5506">
        <v>120255.93369999999</v>
      </c>
      <c r="Z5506">
        <v>13769.322340000001</v>
      </c>
      <c r="AA5506">
        <v>65915.915420000005</v>
      </c>
      <c r="AB5506">
        <v>25652.71168</v>
      </c>
      <c r="AC5506">
        <v>31089.37787</v>
      </c>
      <c r="AD5506">
        <v>15316.251749999999</v>
      </c>
      <c r="AE5506">
        <v>40442.769160000003</v>
      </c>
      <c r="AF5506">
        <v>40297.93879</v>
      </c>
      <c r="AG5506">
        <v>17819.898069999999</v>
      </c>
      <c r="AH5506">
        <v>197597.0405</v>
      </c>
      <c r="AI5506">
        <v>60051.582600000002</v>
      </c>
      <c r="AJ5506">
        <v>18033.887350000001</v>
      </c>
      <c r="AK5506">
        <v>30027.04046</v>
      </c>
      <c r="AL5506">
        <v>46614.468059999999</v>
      </c>
      <c r="AM5506">
        <v>15143.719730000001</v>
      </c>
      <c r="AN5506">
        <v>75558.225959999996</v>
      </c>
      <c r="AO5506">
        <v>18893.287499999999</v>
      </c>
      <c r="AP5506">
        <v>11301.983469999999</v>
      </c>
    </row>
    <row r="5507" spans="2:42" x14ac:dyDescent="0.3">
      <c r="B5507">
        <v>45.870659726723922</v>
      </c>
      <c r="C5507" s="83">
        <v>43330.375</v>
      </c>
      <c r="D5507">
        <v>131118.08979999999</v>
      </c>
      <c r="E5507">
        <v>17563.571090000001</v>
      </c>
      <c r="F5507">
        <v>77724.451379999999</v>
      </c>
      <c r="G5507">
        <v>25955.403689999999</v>
      </c>
      <c r="H5507">
        <v>32741.36895</v>
      </c>
      <c r="I5507">
        <v>15612.472820000001</v>
      </c>
      <c r="J5507">
        <v>41164.845860000001</v>
      </c>
      <c r="K5507">
        <v>43133.703990000002</v>
      </c>
      <c r="L5507">
        <v>20100.498319999999</v>
      </c>
      <c r="M5507">
        <v>233870.0147</v>
      </c>
      <c r="N5507">
        <v>67549.08855</v>
      </c>
      <c r="O5507">
        <v>19051.552940000001</v>
      </c>
      <c r="P5507">
        <v>33024.603260000004</v>
      </c>
      <c r="Q5507">
        <v>64112.301950000001</v>
      </c>
      <c r="R5507">
        <v>14953.752930000001</v>
      </c>
      <c r="S5507">
        <v>79558.527520000003</v>
      </c>
      <c r="T5507">
        <v>19625.03902</v>
      </c>
      <c r="U5507">
        <v>11961.781720000001</v>
      </c>
      <c r="W5507" s="83">
        <f>Bühler!N5539</f>
        <v>45521.374999986649</v>
      </c>
      <c r="X5507" s="83">
        <v>43330.375</v>
      </c>
      <c r="Y5507">
        <v>131118.08979999999</v>
      </c>
      <c r="Z5507">
        <v>17563.571090000001</v>
      </c>
      <c r="AA5507">
        <v>77724.451379999999</v>
      </c>
      <c r="AB5507">
        <v>25955.403689999999</v>
      </c>
      <c r="AC5507">
        <v>32741.36895</v>
      </c>
      <c r="AD5507">
        <v>15612.472820000001</v>
      </c>
      <c r="AE5507">
        <v>41164.845860000001</v>
      </c>
      <c r="AF5507">
        <v>43133.703990000002</v>
      </c>
      <c r="AG5507">
        <v>20100.498319999999</v>
      </c>
      <c r="AH5507">
        <v>233870.0147</v>
      </c>
      <c r="AI5507">
        <v>67549.08855</v>
      </c>
      <c r="AJ5507">
        <v>19051.552940000001</v>
      </c>
      <c r="AK5507">
        <v>33024.603260000004</v>
      </c>
      <c r="AL5507">
        <v>64112.301950000001</v>
      </c>
      <c r="AM5507">
        <v>14953.752930000001</v>
      </c>
      <c r="AN5507">
        <v>79558.527520000003</v>
      </c>
      <c r="AO5507">
        <v>19625.03902</v>
      </c>
      <c r="AP5507">
        <v>11961.781720000001</v>
      </c>
    </row>
    <row r="5508" spans="2:42" x14ac:dyDescent="0.3">
      <c r="B5508">
        <v>44.900945607143477</v>
      </c>
      <c r="C5508" s="83">
        <v>43330.416666666664</v>
      </c>
      <c r="D5508">
        <v>127658.5416</v>
      </c>
      <c r="E5508">
        <v>19001.517759999999</v>
      </c>
      <c r="F5508">
        <v>82298.755690000005</v>
      </c>
      <c r="G5508">
        <v>26331.191030000002</v>
      </c>
      <c r="H5508">
        <v>33291.345820000002</v>
      </c>
      <c r="I5508">
        <v>18438.33381</v>
      </c>
      <c r="J5508">
        <v>43632.443599999999</v>
      </c>
      <c r="K5508">
        <v>43421.552989999996</v>
      </c>
      <c r="L5508">
        <v>23122.828450000001</v>
      </c>
      <c r="M5508">
        <v>228925.95989999999</v>
      </c>
      <c r="N5508">
        <v>66966.738620000004</v>
      </c>
      <c r="O5508">
        <v>20050.401379999999</v>
      </c>
      <c r="P5508">
        <v>33707.286440000003</v>
      </c>
      <c r="Q5508">
        <v>59659.810019999997</v>
      </c>
      <c r="R5508">
        <v>15756.105890000001</v>
      </c>
      <c r="S5508">
        <v>80264.077959999995</v>
      </c>
      <c r="T5508">
        <v>20262.6878</v>
      </c>
      <c r="U5508">
        <v>12035.469590000001</v>
      </c>
      <c r="W5508" s="83">
        <f>Bühler!N5540</f>
        <v>45521.416666653313</v>
      </c>
      <c r="X5508" s="83">
        <v>43330.416666666664</v>
      </c>
      <c r="Y5508">
        <v>127658.5416</v>
      </c>
      <c r="Z5508">
        <v>19001.517759999999</v>
      </c>
      <c r="AA5508">
        <v>82298.755690000005</v>
      </c>
      <c r="AB5508">
        <v>26331.191030000002</v>
      </c>
      <c r="AC5508">
        <v>33291.345820000002</v>
      </c>
      <c r="AD5508">
        <v>18438.33381</v>
      </c>
      <c r="AE5508">
        <v>43632.443599999999</v>
      </c>
      <c r="AF5508">
        <v>43421.552989999996</v>
      </c>
      <c r="AG5508">
        <v>23122.828450000001</v>
      </c>
      <c r="AH5508">
        <v>228925.95989999999</v>
      </c>
      <c r="AI5508">
        <v>66966.738620000004</v>
      </c>
      <c r="AJ5508">
        <v>20050.401379999999</v>
      </c>
      <c r="AK5508">
        <v>33707.286440000003</v>
      </c>
      <c r="AL5508">
        <v>59659.810019999997</v>
      </c>
      <c r="AM5508">
        <v>15756.105890000001</v>
      </c>
      <c r="AN5508">
        <v>80264.077959999995</v>
      </c>
      <c r="AO5508">
        <v>20262.6878</v>
      </c>
      <c r="AP5508">
        <v>12035.469590000001</v>
      </c>
    </row>
    <row r="5509" spans="2:42" x14ac:dyDescent="0.3">
      <c r="B5509">
        <v>39.381347435351707</v>
      </c>
      <c r="C5509" s="83">
        <v>43330.458333333336</v>
      </c>
      <c r="D5509">
        <v>120053.9512</v>
      </c>
      <c r="E5509">
        <v>17996.288479999999</v>
      </c>
      <c r="F5509">
        <v>72824.837230000005</v>
      </c>
      <c r="G5509">
        <v>25829.314160000002</v>
      </c>
      <c r="H5509">
        <v>32024.16332</v>
      </c>
      <c r="I5509">
        <v>18236.572550000001</v>
      </c>
      <c r="J5509">
        <v>42837.856599999999</v>
      </c>
      <c r="K5509">
        <v>43331.217720000001</v>
      </c>
      <c r="L5509">
        <v>22504.946199999998</v>
      </c>
      <c r="M5509">
        <v>200784.47440000001</v>
      </c>
      <c r="N5509">
        <v>61697.965120000001</v>
      </c>
      <c r="O5509">
        <v>19206.817630000001</v>
      </c>
      <c r="P5509">
        <v>33028.071969999997</v>
      </c>
      <c r="Q5509">
        <v>46311.35269</v>
      </c>
      <c r="R5509">
        <v>16732.982970000001</v>
      </c>
      <c r="S5509">
        <v>78463.194709999996</v>
      </c>
      <c r="T5509">
        <v>19945.454020000001</v>
      </c>
      <c r="U5509">
        <v>11343.34469</v>
      </c>
      <c r="W5509" s="83">
        <f>Bühler!N5541</f>
        <v>45521.458333319977</v>
      </c>
      <c r="X5509" s="83">
        <v>43330.458333333336</v>
      </c>
      <c r="Y5509">
        <v>120053.9512</v>
      </c>
      <c r="Z5509">
        <v>17996.288479999999</v>
      </c>
      <c r="AA5509">
        <v>72824.837230000005</v>
      </c>
      <c r="AB5509">
        <v>25829.314160000002</v>
      </c>
      <c r="AC5509">
        <v>32024.16332</v>
      </c>
      <c r="AD5509">
        <v>18236.572550000001</v>
      </c>
      <c r="AE5509">
        <v>42837.856599999999</v>
      </c>
      <c r="AF5509">
        <v>43331.217720000001</v>
      </c>
      <c r="AG5509">
        <v>22504.946199999998</v>
      </c>
      <c r="AH5509">
        <v>200784.47440000001</v>
      </c>
      <c r="AI5509">
        <v>61697.965120000001</v>
      </c>
      <c r="AJ5509">
        <v>19206.817630000001</v>
      </c>
      <c r="AK5509">
        <v>33028.071969999997</v>
      </c>
      <c r="AL5509">
        <v>46311.35269</v>
      </c>
      <c r="AM5509">
        <v>16732.982970000001</v>
      </c>
      <c r="AN5509">
        <v>78463.194709999996</v>
      </c>
      <c r="AO5509">
        <v>19945.454020000001</v>
      </c>
      <c r="AP5509">
        <v>11343.34469</v>
      </c>
    </row>
    <row r="5510" spans="2:42" x14ac:dyDescent="0.3">
      <c r="B5510">
        <v>45.048401498695299</v>
      </c>
      <c r="C5510" s="83">
        <v>43330.5</v>
      </c>
      <c r="D5510">
        <v>125818.7919</v>
      </c>
      <c r="E5510">
        <v>19259.050039999998</v>
      </c>
      <c r="F5510">
        <v>83813.369579999999</v>
      </c>
      <c r="G5510">
        <v>26744.947749999999</v>
      </c>
      <c r="H5510">
        <v>33327.421929999997</v>
      </c>
      <c r="I5510">
        <v>20775.230459999999</v>
      </c>
      <c r="J5510">
        <v>46777.558859999997</v>
      </c>
      <c r="K5510">
        <v>43914.325169999996</v>
      </c>
      <c r="L5510">
        <v>26369.333979999999</v>
      </c>
      <c r="M5510">
        <v>229677.75880000001</v>
      </c>
      <c r="N5510">
        <v>67541.117249999996</v>
      </c>
      <c r="O5510">
        <v>20186.65639</v>
      </c>
      <c r="P5510">
        <v>34081.568010000003</v>
      </c>
      <c r="Q5510">
        <v>56330.920449999998</v>
      </c>
      <c r="R5510">
        <v>17597.477419999999</v>
      </c>
      <c r="S5510">
        <v>80703.032560000007</v>
      </c>
      <c r="T5510">
        <v>20867.683830000002</v>
      </c>
      <c r="U5510">
        <v>12020.93944</v>
      </c>
      <c r="W5510" s="83">
        <f>Bühler!N5542</f>
        <v>45521.499999986641</v>
      </c>
      <c r="X5510" s="83">
        <v>43330.5</v>
      </c>
      <c r="Y5510">
        <v>125818.7919</v>
      </c>
      <c r="Z5510">
        <v>19259.050039999998</v>
      </c>
      <c r="AA5510">
        <v>83813.369579999999</v>
      </c>
      <c r="AB5510">
        <v>26744.947749999999</v>
      </c>
      <c r="AC5510">
        <v>33327.421929999997</v>
      </c>
      <c r="AD5510">
        <v>20775.230459999999</v>
      </c>
      <c r="AE5510">
        <v>46777.558859999997</v>
      </c>
      <c r="AF5510">
        <v>43914.325169999996</v>
      </c>
      <c r="AG5510">
        <v>26369.333979999999</v>
      </c>
      <c r="AH5510">
        <v>229677.75880000001</v>
      </c>
      <c r="AI5510">
        <v>67541.117249999996</v>
      </c>
      <c r="AJ5510">
        <v>20186.65639</v>
      </c>
      <c r="AK5510">
        <v>34081.568010000003</v>
      </c>
      <c r="AL5510">
        <v>56330.920449999998</v>
      </c>
      <c r="AM5510">
        <v>17597.477419999999</v>
      </c>
      <c r="AN5510">
        <v>80703.032560000007</v>
      </c>
      <c r="AO5510">
        <v>20867.683830000002</v>
      </c>
      <c r="AP5510">
        <v>12020.93944</v>
      </c>
    </row>
    <row r="5511" spans="2:42" x14ac:dyDescent="0.3">
      <c r="B5511">
        <v>39.368077366381506</v>
      </c>
      <c r="C5511" s="83">
        <v>43330.541666666664</v>
      </c>
      <c r="D5511">
        <v>119284.8305</v>
      </c>
      <c r="E5511">
        <v>17531.870610000002</v>
      </c>
      <c r="F5511">
        <v>72183.147849999994</v>
      </c>
      <c r="G5511">
        <v>26065.006290000001</v>
      </c>
      <c r="H5511">
        <v>32117.462009999999</v>
      </c>
      <c r="I5511">
        <v>20885.509979999999</v>
      </c>
      <c r="J5511">
        <v>43766.084159999999</v>
      </c>
      <c r="K5511">
        <v>42878.733030000003</v>
      </c>
      <c r="L5511">
        <v>24692.615399999999</v>
      </c>
      <c r="M5511">
        <v>200716.8174</v>
      </c>
      <c r="N5511">
        <v>62490.151160000001</v>
      </c>
      <c r="O5511">
        <v>18627.762340000001</v>
      </c>
      <c r="P5511">
        <v>33327.501129999997</v>
      </c>
      <c r="Q5511">
        <v>44639.34031</v>
      </c>
      <c r="R5511">
        <v>16751.428360000002</v>
      </c>
      <c r="S5511">
        <v>78815.767359999998</v>
      </c>
      <c r="T5511">
        <v>20443.112710000001</v>
      </c>
      <c r="U5511">
        <v>11298.64219</v>
      </c>
      <c r="W5511" s="83">
        <f>Bühler!N5543</f>
        <v>45521.541666653306</v>
      </c>
      <c r="X5511" s="83">
        <v>43330.541666666664</v>
      </c>
      <c r="Y5511">
        <v>119284.8305</v>
      </c>
      <c r="Z5511">
        <v>17531.870610000002</v>
      </c>
      <c r="AA5511">
        <v>72183.147849999994</v>
      </c>
      <c r="AB5511">
        <v>26065.006290000001</v>
      </c>
      <c r="AC5511">
        <v>32117.462009999999</v>
      </c>
      <c r="AD5511">
        <v>20885.509979999999</v>
      </c>
      <c r="AE5511">
        <v>43766.084159999999</v>
      </c>
      <c r="AF5511">
        <v>42878.733030000003</v>
      </c>
      <c r="AG5511">
        <v>24692.615399999999</v>
      </c>
      <c r="AH5511">
        <v>200716.8174</v>
      </c>
      <c r="AI5511">
        <v>62490.151160000001</v>
      </c>
      <c r="AJ5511">
        <v>18627.762340000001</v>
      </c>
      <c r="AK5511">
        <v>33327.501129999997</v>
      </c>
      <c r="AL5511">
        <v>44639.34031</v>
      </c>
      <c r="AM5511">
        <v>16751.428360000002</v>
      </c>
      <c r="AN5511">
        <v>78815.767359999998</v>
      </c>
      <c r="AO5511">
        <v>20443.112710000001</v>
      </c>
      <c r="AP5511">
        <v>11298.64219</v>
      </c>
    </row>
    <row r="5512" spans="2:42" x14ac:dyDescent="0.3">
      <c r="B5512">
        <v>39.167544376374977</v>
      </c>
      <c r="C5512" s="83">
        <v>43330.583333333336</v>
      </c>
      <c r="D5512">
        <v>117809.8437</v>
      </c>
      <c r="E5512">
        <v>18412.02936</v>
      </c>
      <c r="F5512">
        <v>74180.795979999995</v>
      </c>
      <c r="G5512">
        <v>25805.461070000001</v>
      </c>
      <c r="H5512">
        <v>31728.957969999999</v>
      </c>
      <c r="I5512">
        <v>21245.468639999999</v>
      </c>
      <c r="J5512">
        <v>42185.685830000002</v>
      </c>
      <c r="K5512">
        <v>42989.313929999997</v>
      </c>
      <c r="L5512">
        <v>23852.939979999999</v>
      </c>
      <c r="M5512">
        <v>199694.40669999999</v>
      </c>
      <c r="N5512">
        <v>59957.379009999997</v>
      </c>
      <c r="O5512">
        <v>17324.333879999998</v>
      </c>
      <c r="P5512">
        <v>32222.531930000001</v>
      </c>
      <c r="Q5512">
        <v>44302.33251</v>
      </c>
      <c r="R5512">
        <v>16857.37932</v>
      </c>
      <c r="S5512">
        <v>78374.040519999995</v>
      </c>
      <c r="T5512">
        <v>20997.145329999999</v>
      </c>
      <c r="U5512">
        <v>11045.525879999999</v>
      </c>
      <c r="W5512" s="83">
        <f>Bühler!N5544</f>
        <v>45521.58333331997</v>
      </c>
      <c r="X5512" s="83">
        <v>43330.583333333336</v>
      </c>
      <c r="Y5512">
        <v>117809.8437</v>
      </c>
      <c r="Z5512">
        <v>18412.02936</v>
      </c>
      <c r="AA5512">
        <v>74180.795979999995</v>
      </c>
      <c r="AB5512">
        <v>25805.461070000001</v>
      </c>
      <c r="AC5512">
        <v>31728.957969999999</v>
      </c>
      <c r="AD5512">
        <v>21245.468639999999</v>
      </c>
      <c r="AE5512">
        <v>42185.685830000002</v>
      </c>
      <c r="AF5512">
        <v>42989.313929999997</v>
      </c>
      <c r="AG5512">
        <v>23852.939979999999</v>
      </c>
      <c r="AH5512">
        <v>199694.40669999999</v>
      </c>
      <c r="AI5512">
        <v>59957.379009999997</v>
      </c>
      <c r="AJ5512">
        <v>17324.333879999998</v>
      </c>
      <c r="AK5512">
        <v>32222.531930000001</v>
      </c>
      <c r="AL5512">
        <v>44302.33251</v>
      </c>
      <c r="AM5512">
        <v>16857.37932</v>
      </c>
      <c r="AN5512">
        <v>78374.040519999995</v>
      </c>
      <c r="AO5512">
        <v>20997.145329999999</v>
      </c>
      <c r="AP5512">
        <v>11045.525879999999</v>
      </c>
    </row>
    <row r="5513" spans="2:42" x14ac:dyDescent="0.3">
      <c r="B5513">
        <v>44.442933620130084</v>
      </c>
      <c r="C5513" s="83">
        <v>43330.625</v>
      </c>
      <c r="D5513">
        <v>124223.6777</v>
      </c>
      <c r="E5513">
        <v>20868.845969999998</v>
      </c>
      <c r="F5513">
        <v>87315.024879999997</v>
      </c>
      <c r="G5513">
        <v>26548.086670000001</v>
      </c>
      <c r="H5513">
        <v>32950.864329999997</v>
      </c>
      <c r="I5513">
        <v>21411.750690000001</v>
      </c>
      <c r="J5513">
        <v>44686.16214</v>
      </c>
      <c r="K5513">
        <v>44784.734810000002</v>
      </c>
      <c r="L5513">
        <v>23684.486550000001</v>
      </c>
      <c r="M5513">
        <v>226590.80119999999</v>
      </c>
      <c r="N5513">
        <v>66959.780790000004</v>
      </c>
      <c r="O5513">
        <v>17953.943599999999</v>
      </c>
      <c r="P5513">
        <v>30945.45809</v>
      </c>
      <c r="Q5513">
        <v>54676.898419999998</v>
      </c>
      <c r="R5513">
        <v>17049.386180000001</v>
      </c>
      <c r="S5513">
        <v>80441.05833</v>
      </c>
      <c r="T5513">
        <v>21430.050429999999</v>
      </c>
      <c r="U5513">
        <v>12144.4233</v>
      </c>
      <c r="W5513" s="83">
        <f>Bühler!N5545</f>
        <v>45521.624999986634</v>
      </c>
      <c r="X5513" s="83">
        <v>43330.625</v>
      </c>
      <c r="Y5513">
        <v>124223.6777</v>
      </c>
      <c r="Z5513">
        <v>20868.845969999998</v>
      </c>
      <c r="AA5513">
        <v>87315.024879999997</v>
      </c>
      <c r="AB5513">
        <v>26548.086670000001</v>
      </c>
      <c r="AC5513">
        <v>32950.864329999997</v>
      </c>
      <c r="AD5513">
        <v>21411.750690000001</v>
      </c>
      <c r="AE5513">
        <v>44686.16214</v>
      </c>
      <c r="AF5513">
        <v>44784.734810000002</v>
      </c>
      <c r="AG5513">
        <v>23684.486550000001</v>
      </c>
      <c r="AH5513">
        <v>226590.80119999999</v>
      </c>
      <c r="AI5513">
        <v>66959.780790000004</v>
      </c>
      <c r="AJ5513">
        <v>17953.943599999999</v>
      </c>
      <c r="AK5513">
        <v>30945.45809</v>
      </c>
      <c r="AL5513">
        <v>54676.898419999998</v>
      </c>
      <c r="AM5513">
        <v>17049.386180000001</v>
      </c>
      <c r="AN5513">
        <v>80441.05833</v>
      </c>
      <c r="AO5513">
        <v>21430.050429999999</v>
      </c>
      <c r="AP5513">
        <v>12144.4233</v>
      </c>
    </row>
    <row r="5514" spans="2:42" x14ac:dyDescent="0.3">
      <c r="B5514">
        <v>38.98291638496238</v>
      </c>
      <c r="C5514" s="83">
        <v>43330.666666666664</v>
      </c>
      <c r="D5514">
        <v>117664.15459999999</v>
      </c>
      <c r="E5514">
        <v>18915.735540000001</v>
      </c>
      <c r="F5514">
        <v>75632.740739999994</v>
      </c>
      <c r="G5514">
        <v>25972.109550000001</v>
      </c>
      <c r="H5514">
        <v>31752.770260000001</v>
      </c>
      <c r="I5514">
        <v>21383.157179999998</v>
      </c>
      <c r="J5514">
        <v>43106.180439999996</v>
      </c>
      <c r="K5514">
        <v>43064.330199999997</v>
      </c>
      <c r="L5514">
        <v>23659.05904</v>
      </c>
      <c r="M5514">
        <v>198753.0871</v>
      </c>
      <c r="N5514">
        <v>61592.322639999999</v>
      </c>
      <c r="O5514">
        <v>17105.57548</v>
      </c>
      <c r="P5514">
        <v>31482.682789999999</v>
      </c>
      <c r="Q5514">
        <v>44894.948420000001</v>
      </c>
      <c r="R5514">
        <v>16579.840359999998</v>
      </c>
      <c r="S5514">
        <v>79759.278219999993</v>
      </c>
      <c r="T5514">
        <v>21207.153709999999</v>
      </c>
      <c r="U5514">
        <v>10920.293879999999</v>
      </c>
      <c r="W5514" s="83">
        <f>Bühler!N5546</f>
        <v>45521.666666653298</v>
      </c>
      <c r="X5514" s="83">
        <v>43330.666666666664</v>
      </c>
      <c r="Y5514">
        <v>117664.15459999999</v>
      </c>
      <c r="Z5514">
        <v>18915.735540000001</v>
      </c>
      <c r="AA5514">
        <v>75632.740739999994</v>
      </c>
      <c r="AB5514">
        <v>25972.109550000001</v>
      </c>
      <c r="AC5514">
        <v>31752.770260000001</v>
      </c>
      <c r="AD5514">
        <v>21383.157179999998</v>
      </c>
      <c r="AE5514">
        <v>43106.180439999996</v>
      </c>
      <c r="AF5514">
        <v>43064.330199999997</v>
      </c>
      <c r="AG5514">
        <v>23659.05904</v>
      </c>
      <c r="AH5514">
        <v>198753.0871</v>
      </c>
      <c r="AI5514">
        <v>61592.322639999999</v>
      </c>
      <c r="AJ5514">
        <v>17105.57548</v>
      </c>
      <c r="AK5514">
        <v>31482.682789999999</v>
      </c>
      <c r="AL5514">
        <v>44894.948420000001</v>
      </c>
      <c r="AM5514">
        <v>16579.840359999998</v>
      </c>
      <c r="AN5514">
        <v>79759.278219999993</v>
      </c>
      <c r="AO5514">
        <v>21207.153709999999</v>
      </c>
      <c r="AP5514">
        <v>10920.293879999999</v>
      </c>
    </row>
    <row r="5515" spans="2:42" x14ac:dyDescent="0.3">
      <c r="B5515">
        <v>43.963911785681091</v>
      </c>
      <c r="C5515" s="83">
        <v>43330.708333333336</v>
      </c>
      <c r="D5515">
        <v>124215.8461</v>
      </c>
      <c r="E5515">
        <v>21809.215660000002</v>
      </c>
      <c r="F5515">
        <v>87603.311730000001</v>
      </c>
      <c r="G5515">
        <v>26853.105</v>
      </c>
      <c r="H5515">
        <v>33523.959329999998</v>
      </c>
      <c r="I5515">
        <v>21705.078150000001</v>
      </c>
      <c r="J5515">
        <v>45965.125950000001</v>
      </c>
      <c r="K5515">
        <v>42386.695200000002</v>
      </c>
      <c r="L5515">
        <v>24580.14589</v>
      </c>
      <c r="M5515">
        <v>224148.5245</v>
      </c>
      <c r="N5515">
        <v>66768.908750000002</v>
      </c>
      <c r="O5515">
        <v>17835.75128</v>
      </c>
      <c r="P5515">
        <v>32720.650290000001</v>
      </c>
      <c r="Q5515">
        <v>53518.574549999998</v>
      </c>
      <c r="R5515">
        <v>18350.177329999999</v>
      </c>
      <c r="S5515">
        <v>82759.035619999995</v>
      </c>
      <c r="T5515">
        <v>21613.503980000001</v>
      </c>
      <c r="U5515">
        <v>12027.77707</v>
      </c>
      <c r="W5515" s="83">
        <f>Bühler!N5547</f>
        <v>45521.708333319963</v>
      </c>
      <c r="X5515" s="83">
        <v>43330.708333333336</v>
      </c>
      <c r="Y5515">
        <v>124215.8461</v>
      </c>
      <c r="Z5515">
        <v>21809.215660000002</v>
      </c>
      <c r="AA5515">
        <v>87603.311730000001</v>
      </c>
      <c r="AB5515">
        <v>26853.105</v>
      </c>
      <c r="AC5515">
        <v>33523.959329999998</v>
      </c>
      <c r="AD5515">
        <v>21705.078150000001</v>
      </c>
      <c r="AE5515">
        <v>45965.125950000001</v>
      </c>
      <c r="AF5515">
        <v>42386.695200000002</v>
      </c>
      <c r="AG5515">
        <v>24580.14589</v>
      </c>
      <c r="AH5515">
        <v>224148.5245</v>
      </c>
      <c r="AI5515">
        <v>66768.908750000002</v>
      </c>
      <c r="AJ5515">
        <v>17835.75128</v>
      </c>
      <c r="AK5515">
        <v>32720.650290000001</v>
      </c>
      <c r="AL5515">
        <v>53518.574549999998</v>
      </c>
      <c r="AM5515">
        <v>18350.177329999999</v>
      </c>
      <c r="AN5515">
        <v>82759.035619999995</v>
      </c>
      <c r="AO5515">
        <v>21613.503980000001</v>
      </c>
      <c r="AP5515">
        <v>12027.77707</v>
      </c>
    </row>
    <row r="5516" spans="2:42" x14ac:dyDescent="0.3">
      <c r="B5516">
        <v>43.772057052435017</v>
      </c>
      <c r="C5516" s="83">
        <v>43330.75</v>
      </c>
      <c r="D5516">
        <v>124628.3374</v>
      </c>
      <c r="E5516">
        <v>21955.413519999998</v>
      </c>
      <c r="F5516">
        <v>89503.902059999993</v>
      </c>
      <c r="G5516">
        <v>26694.764719999999</v>
      </c>
      <c r="H5516">
        <v>33486.684679999998</v>
      </c>
      <c r="I5516">
        <v>21751.478889999999</v>
      </c>
      <c r="J5516">
        <v>47765.597029999997</v>
      </c>
      <c r="K5516">
        <v>43087.245690000003</v>
      </c>
      <c r="L5516">
        <v>27900.768240000001</v>
      </c>
      <c r="M5516">
        <v>223170.3596</v>
      </c>
      <c r="N5516">
        <v>67538.864379999999</v>
      </c>
      <c r="O5516">
        <v>17239.416509999999</v>
      </c>
      <c r="P5516">
        <v>36964.547019999998</v>
      </c>
      <c r="Q5516">
        <v>53501.57634</v>
      </c>
      <c r="R5516">
        <v>17986.025809999999</v>
      </c>
      <c r="S5516">
        <v>82673.328779999996</v>
      </c>
      <c r="T5516">
        <v>22402.144830000001</v>
      </c>
      <c r="U5516">
        <v>12011.76395</v>
      </c>
      <c r="W5516" s="83">
        <f>Bühler!N5548</f>
        <v>45521.749999986627</v>
      </c>
      <c r="X5516" s="83">
        <v>43330.75</v>
      </c>
      <c r="Y5516">
        <v>124628.3374</v>
      </c>
      <c r="Z5516">
        <v>21955.413519999998</v>
      </c>
      <c r="AA5516">
        <v>89503.902059999993</v>
      </c>
      <c r="AB5516">
        <v>26694.764719999999</v>
      </c>
      <c r="AC5516">
        <v>33486.684679999998</v>
      </c>
      <c r="AD5516">
        <v>21751.478889999999</v>
      </c>
      <c r="AE5516">
        <v>47765.597029999997</v>
      </c>
      <c r="AF5516">
        <v>43087.245690000003</v>
      </c>
      <c r="AG5516">
        <v>27900.768240000001</v>
      </c>
      <c r="AH5516">
        <v>223170.3596</v>
      </c>
      <c r="AI5516">
        <v>67538.864379999999</v>
      </c>
      <c r="AJ5516">
        <v>17239.416509999999</v>
      </c>
      <c r="AK5516">
        <v>36964.547019999998</v>
      </c>
      <c r="AL5516">
        <v>53501.57634</v>
      </c>
      <c r="AM5516">
        <v>17986.025809999999</v>
      </c>
      <c r="AN5516">
        <v>82673.328779999996</v>
      </c>
      <c r="AO5516">
        <v>22402.144830000001</v>
      </c>
      <c r="AP5516">
        <v>12011.76395</v>
      </c>
    </row>
    <row r="5517" spans="2:42" x14ac:dyDescent="0.3">
      <c r="B5517">
        <v>38.812134714240194</v>
      </c>
      <c r="C5517" s="83">
        <v>43330.791666666664</v>
      </c>
      <c r="D5517">
        <v>117773.804</v>
      </c>
      <c r="E5517">
        <v>15416.08922</v>
      </c>
      <c r="F5517">
        <v>67972.741410000002</v>
      </c>
      <c r="G5517">
        <v>25988.219430000001</v>
      </c>
      <c r="H5517">
        <v>31939.131020000001</v>
      </c>
      <c r="I5517">
        <v>21859.114610000001</v>
      </c>
      <c r="J5517">
        <v>46517.798479999998</v>
      </c>
      <c r="K5517">
        <v>43874.807789999999</v>
      </c>
      <c r="L5517">
        <v>29083.707590000002</v>
      </c>
      <c r="M5517">
        <v>197882.36249999999</v>
      </c>
      <c r="N5517">
        <v>63034.562749999997</v>
      </c>
      <c r="O5517">
        <v>16476.480230000001</v>
      </c>
      <c r="P5517">
        <v>38813.849439999998</v>
      </c>
      <c r="Q5517">
        <v>44047.667240000002</v>
      </c>
      <c r="R5517">
        <v>17275.949830000001</v>
      </c>
      <c r="S5517">
        <v>79714.387350000005</v>
      </c>
      <c r="T5517">
        <v>22257.71516</v>
      </c>
      <c r="U5517">
        <v>10952.09295</v>
      </c>
      <c r="W5517" s="83">
        <f>Bühler!N5549</f>
        <v>45521.791666653291</v>
      </c>
      <c r="X5517" s="83">
        <v>43330.791666666664</v>
      </c>
      <c r="Y5517">
        <v>117773.804</v>
      </c>
      <c r="Z5517">
        <v>15416.08922</v>
      </c>
      <c r="AA5517">
        <v>67972.741410000002</v>
      </c>
      <c r="AB5517">
        <v>25988.219430000001</v>
      </c>
      <c r="AC5517">
        <v>31939.131020000001</v>
      </c>
      <c r="AD5517">
        <v>21859.114610000001</v>
      </c>
      <c r="AE5517">
        <v>46517.798479999998</v>
      </c>
      <c r="AF5517">
        <v>43874.807789999999</v>
      </c>
      <c r="AG5517">
        <v>29083.707590000002</v>
      </c>
      <c r="AH5517">
        <v>197882.36249999999</v>
      </c>
      <c r="AI5517">
        <v>63034.562749999997</v>
      </c>
      <c r="AJ5517">
        <v>16476.480230000001</v>
      </c>
      <c r="AK5517">
        <v>38813.849439999998</v>
      </c>
      <c r="AL5517">
        <v>44047.667240000002</v>
      </c>
      <c r="AM5517">
        <v>17275.949830000001</v>
      </c>
      <c r="AN5517">
        <v>79714.387350000005</v>
      </c>
      <c r="AO5517">
        <v>22257.71516</v>
      </c>
      <c r="AP5517">
        <v>10952.09295</v>
      </c>
    </row>
    <row r="5518" spans="2:42" x14ac:dyDescent="0.3">
      <c r="B5518">
        <v>39.219746172395446</v>
      </c>
      <c r="C5518" s="83">
        <v>43330.833333333336</v>
      </c>
      <c r="D5518">
        <v>117959.0638</v>
      </c>
      <c r="E5518">
        <v>13387.718279999999</v>
      </c>
      <c r="F5518">
        <v>58408.435429999998</v>
      </c>
      <c r="G5518">
        <v>25896.825079999999</v>
      </c>
      <c r="H5518">
        <v>31943.989870000001</v>
      </c>
      <c r="I5518">
        <v>21465.706129999999</v>
      </c>
      <c r="J5518">
        <v>46693.691910000001</v>
      </c>
      <c r="K5518">
        <v>45023.378839999998</v>
      </c>
      <c r="L5518">
        <v>30952.745709999999</v>
      </c>
      <c r="M5518">
        <v>199960.5558</v>
      </c>
      <c r="N5518">
        <v>63953.128700000001</v>
      </c>
      <c r="O5518">
        <v>17188.293610000001</v>
      </c>
      <c r="P5518">
        <v>40025.098850000002</v>
      </c>
      <c r="Q5518">
        <v>43602.342069999999</v>
      </c>
      <c r="R5518">
        <v>17526.589510000002</v>
      </c>
      <c r="S5518">
        <v>77587.218900000007</v>
      </c>
      <c r="T5518">
        <v>22674.193910000002</v>
      </c>
      <c r="U5518">
        <v>11109.022129999999</v>
      </c>
      <c r="W5518" s="83">
        <f>Bühler!N5550</f>
        <v>45521.833333319955</v>
      </c>
      <c r="X5518" s="83">
        <v>43330.833333333336</v>
      </c>
      <c r="Y5518">
        <v>117959.0638</v>
      </c>
      <c r="Z5518">
        <v>13387.718279999999</v>
      </c>
      <c r="AA5518">
        <v>58408.435429999998</v>
      </c>
      <c r="AB5518">
        <v>25896.825079999999</v>
      </c>
      <c r="AC5518">
        <v>31943.989870000001</v>
      </c>
      <c r="AD5518">
        <v>21465.706129999999</v>
      </c>
      <c r="AE5518">
        <v>46693.691910000001</v>
      </c>
      <c r="AF5518">
        <v>45023.378839999998</v>
      </c>
      <c r="AG5518">
        <v>30952.745709999999</v>
      </c>
      <c r="AH5518">
        <v>199960.5558</v>
      </c>
      <c r="AI5518">
        <v>63953.128700000001</v>
      </c>
      <c r="AJ5518">
        <v>17188.293610000001</v>
      </c>
      <c r="AK5518">
        <v>40025.098850000002</v>
      </c>
      <c r="AL5518">
        <v>43602.342069999999</v>
      </c>
      <c r="AM5518">
        <v>17526.589510000002</v>
      </c>
      <c r="AN5518">
        <v>77587.218900000007</v>
      </c>
      <c r="AO5518">
        <v>22674.193910000002</v>
      </c>
      <c r="AP5518">
        <v>11109.022129999999</v>
      </c>
    </row>
    <row r="5519" spans="2:42" x14ac:dyDescent="0.3">
      <c r="B5519">
        <v>43.59825729765226</v>
      </c>
      <c r="C5519" s="83">
        <v>43330.875</v>
      </c>
      <c r="D5519">
        <v>124720.77340000001</v>
      </c>
      <c r="E5519">
        <v>16546.85686</v>
      </c>
      <c r="F5519">
        <v>69898.367329999994</v>
      </c>
      <c r="G5519">
        <v>26463.283060000002</v>
      </c>
      <c r="H5519">
        <v>33482.083659999997</v>
      </c>
      <c r="I5519">
        <v>21370.565579999999</v>
      </c>
      <c r="J5519">
        <v>48020.91689</v>
      </c>
      <c r="K5519">
        <v>46531.184329999996</v>
      </c>
      <c r="L5519">
        <v>31258.227320000002</v>
      </c>
      <c r="M5519">
        <v>222284.24739999999</v>
      </c>
      <c r="N5519">
        <v>67974.917369999996</v>
      </c>
      <c r="O5519">
        <v>17811.608049999999</v>
      </c>
      <c r="P5519">
        <v>39244.491959999999</v>
      </c>
      <c r="Q5519">
        <v>51315.776689999999</v>
      </c>
      <c r="R5519">
        <v>18101.9378</v>
      </c>
      <c r="S5519">
        <v>78779.753060000003</v>
      </c>
      <c r="T5519">
        <v>22561.997800000001</v>
      </c>
      <c r="U5519">
        <v>12538.64446</v>
      </c>
      <c r="W5519" s="83">
        <f>Bühler!N5551</f>
        <v>45521.87499998662</v>
      </c>
      <c r="X5519" s="83">
        <v>43330.875</v>
      </c>
      <c r="Y5519">
        <v>124720.77340000001</v>
      </c>
      <c r="Z5519">
        <v>16546.85686</v>
      </c>
      <c r="AA5519">
        <v>69898.367329999994</v>
      </c>
      <c r="AB5519">
        <v>26463.283060000002</v>
      </c>
      <c r="AC5519">
        <v>33482.083659999997</v>
      </c>
      <c r="AD5519">
        <v>21370.565579999999</v>
      </c>
      <c r="AE5519">
        <v>48020.91689</v>
      </c>
      <c r="AF5519">
        <v>46531.184329999996</v>
      </c>
      <c r="AG5519">
        <v>31258.227320000002</v>
      </c>
      <c r="AH5519">
        <v>222284.24739999999</v>
      </c>
      <c r="AI5519">
        <v>67974.917369999996</v>
      </c>
      <c r="AJ5519">
        <v>17811.608049999999</v>
      </c>
      <c r="AK5519">
        <v>39244.491959999999</v>
      </c>
      <c r="AL5519">
        <v>51315.776689999999</v>
      </c>
      <c r="AM5519">
        <v>18101.9378</v>
      </c>
      <c r="AN5519">
        <v>78779.753060000003</v>
      </c>
      <c r="AO5519">
        <v>22561.997800000001</v>
      </c>
      <c r="AP5519">
        <v>12538.64446</v>
      </c>
    </row>
    <row r="5520" spans="2:42" x14ac:dyDescent="0.3">
      <c r="B5520">
        <v>39.165560054164835</v>
      </c>
      <c r="C5520" s="83">
        <v>43330.916666666664</v>
      </c>
      <c r="D5520">
        <v>118380.97470000001</v>
      </c>
      <c r="E5520">
        <v>13192.79442</v>
      </c>
      <c r="F5520">
        <v>55777.046750000001</v>
      </c>
      <c r="G5520">
        <v>26318.753939999999</v>
      </c>
      <c r="H5520">
        <v>33307.809439999997</v>
      </c>
      <c r="I5520">
        <v>21773.666730000001</v>
      </c>
      <c r="J5520">
        <v>46885.46254</v>
      </c>
      <c r="K5520">
        <v>48765.76874</v>
      </c>
      <c r="L5520">
        <v>29489.747500000001</v>
      </c>
      <c r="M5520">
        <v>199684.28969999999</v>
      </c>
      <c r="N5520">
        <v>64244.220679999999</v>
      </c>
      <c r="O5520">
        <v>17207.684219999999</v>
      </c>
      <c r="P5520">
        <v>40957.108359999998</v>
      </c>
      <c r="Q5520">
        <v>45052.367760000001</v>
      </c>
      <c r="R5520">
        <v>18546.809969999998</v>
      </c>
      <c r="S5520">
        <v>78812.028200000001</v>
      </c>
      <c r="T5520">
        <v>22057.490689999999</v>
      </c>
      <c r="U5520">
        <v>11736.24663</v>
      </c>
      <c r="W5520" s="83">
        <f>Bühler!N5552</f>
        <v>45521.916666653284</v>
      </c>
      <c r="X5520" s="83">
        <v>43330.916666666664</v>
      </c>
      <c r="Y5520">
        <v>118380.97470000001</v>
      </c>
      <c r="Z5520">
        <v>13192.79442</v>
      </c>
      <c r="AA5520">
        <v>55777.046750000001</v>
      </c>
      <c r="AB5520">
        <v>26318.753939999999</v>
      </c>
      <c r="AC5520">
        <v>33307.809439999997</v>
      </c>
      <c r="AD5520">
        <v>21773.666730000001</v>
      </c>
      <c r="AE5520">
        <v>46885.46254</v>
      </c>
      <c r="AF5520">
        <v>48765.76874</v>
      </c>
      <c r="AG5520">
        <v>29489.747500000001</v>
      </c>
      <c r="AH5520">
        <v>199684.28969999999</v>
      </c>
      <c r="AI5520">
        <v>64244.220679999999</v>
      </c>
      <c r="AJ5520">
        <v>17207.684219999999</v>
      </c>
      <c r="AK5520">
        <v>40957.108359999998</v>
      </c>
      <c r="AL5520">
        <v>45052.367760000001</v>
      </c>
      <c r="AM5520">
        <v>18546.809969999998</v>
      </c>
      <c r="AN5520">
        <v>78812.028200000001</v>
      </c>
      <c r="AO5520">
        <v>22057.490689999999</v>
      </c>
      <c r="AP5520">
        <v>11736.24663</v>
      </c>
    </row>
    <row r="5521" spans="2:42" x14ac:dyDescent="0.3">
      <c r="B5521">
        <v>43.38583059374573</v>
      </c>
      <c r="C5521" s="83">
        <v>43330.958333333336</v>
      </c>
      <c r="D5521">
        <v>124300.9449</v>
      </c>
      <c r="E5521">
        <v>16551.924930000001</v>
      </c>
      <c r="F5521">
        <v>68686.716140000004</v>
      </c>
      <c r="G5521">
        <v>26461.997520000001</v>
      </c>
      <c r="H5521">
        <v>34428.709029999998</v>
      </c>
      <c r="I5521">
        <v>21444.0059</v>
      </c>
      <c r="J5521">
        <v>46377.436130000002</v>
      </c>
      <c r="K5521">
        <v>48596.252589999996</v>
      </c>
      <c r="L5521">
        <v>27400.942340000001</v>
      </c>
      <c r="M5521">
        <v>221201.19699999999</v>
      </c>
      <c r="N5521">
        <v>68336.105869999999</v>
      </c>
      <c r="O5521">
        <v>17472.436760000001</v>
      </c>
      <c r="P5521">
        <v>35973.798589999999</v>
      </c>
      <c r="Q5521">
        <v>52034.538990000001</v>
      </c>
      <c r="R5521">
        <v>20006.060239999999</v>
      </c>
      <c r="S5521">
        <v>80115.671990000003</v>
      </c>
      <c r="T5521">
        <v>22245.950199999999</v>
      </c>
      <c r="U5521">
        <v>12457.798290000001</v>
      </c>
      <c r="W5521" s="83">
        <f>Bühler!N5553</f>
        <v>45521.958333319948</v>
      </c>
      <c r="X5521" s="83">
        <v>43330.958333333336</v>
      </c>
      <c r="Y5521">
        <v>124300.9449</v>
      </c>
      <c r="Z5521">
        <v>16551.924930000001</v>
      </c>
      <c r="AA5521">
        <v>68686.716140000004</v>
      </c>
      <c r="AB5521">
        <v>26461.997520000001</v>
      </c>
      <c r="AC5521">
        <v>34428.709029999998</v>
      </c>
      <c r="AD5521">
        <v>21444.0059</v>
      </c>
      <c r="AE5521">
        <v>46377.436130000002</v>
      </c>
      <c r="AF5521">
        <v>48596.252589999996</v>
      </c>
      <c r="AG5521">
        <v>27400.942340000001</v>
      </c>
      <c r="AH5521">
        <v>221201.19699999999</v>
      </c>
      <c r="AI5521">
        <v>68336.105869999999</v>
      </c>
      <c r="AJ5521">
        <v>17472.436760000001</v>
      </c>
      <c r="AK5521">
        <v>35973.798589999999</v>
      </c>
      <c r="AL5521">
        <v>52034.538990000001</v>
      </c>
      <c r="AM5521">
        <v>20006.060239999999</v>
      </c>
      <c r="AN5521">
        <v>80115.671990000003</v>
      </c>
      <c r="AO5521">
        <v>22245.950199999999</v>
      </c>
      <c r="AP5521">
        <v>12457.798290000001</v>
      </c>
    </row>
    <row r="5522" spans="2:42" x14ac:dyDescent="0.3">
      <c r="B5522">
        <v>45.264400492537348</v>
      </c>
      <c r="C5522" s="83">
        <v>43331</v>
      </c>
      <c r="D5522">
        <v>129170.9078</v>
      </c>
      <c r="E5522">
        <v>12054.76786</v>
      </c>
      <c r="F5522">
        <v>52598.44455</v>
      </c>
      <c r="G5522">
        <v>27544.419419999998</v>
      </c>
      <c r="H5522">
        <v>33023.632030000001</v>
      </c>
      <c r="I5522">
        <v>20177.04624</v>
      </c>
      <c r="J5522">
        <v>38289.901230000003</v>
      </c>
      <c r="K5522">
        <v>46639.333590000002</v>
      </c>
      <c r="L5522">
        <v>20506.070059999998</v>
      </c>
      <c r="M5522">
        <v>230779.02239999999</v>
      </c>
      <c r="N5522">
        <v>66787.02708</v>
      </c>
      <c r="O5522">
        <v>16639.892039999999</v>
      </c>
      <c r="P5522">
        <v>31153.922009999998</v>
      </c>
      <c r="Q5522">
        <v>57626.807110000002</v>
      </c>
      <c r="R5522">
        <v>16708.384859999998</v>
      </c>
      <c r="S5522">
        <v>72034.347899999993</v>
      </c>
      <c r="T5522">
        <v>18140.865559999998</v>
      </c>
      <c r="U5522">
        <v>12498.67477</v>
      </c>
      <c r="W5522" s="83">
        <f>Bühler!N5554</f>
        <v>45521.999999986612</v>
      </c>
      <c r="X5522" s="83">
        <v>43331</v>
      </c>
      <c r="Y5522">
        <v>129170.9078</v>
      </c>
      <c r="Z5522">
        <v>12054.76786</v>
      </c>
      <c r="AA5522">
        <v>52598.44455</v>
      </c>
      <c r="AB5522">
        <v>27544.419419999998</v>
      </c>
      <c r="AC5522">
        <v>33023.632030000001</v>
      </c>
      <c r="AD5522">
        <v>20177.04624</v>
      </c>
      <c r="AE5522">
        <v>38289.901230000003</v>
      </c>
      <c r="AF5522">
        <v>46639.333590000002</v>
      </c>
      <c r="AG5522">
        <v>20506.070059999998</v>
      </c>
      <c r="AH5522">
        <v>230779.02239999999</v>
      </c>
      <c r="AI5522">
        <v>66787.02708</v>
      </c>
      <c r="AJ5522">
        <v>16639.892039999999</v>
      </c>
      <c r="AK5522">
        <v>31153.922009999998</v>
      </c>
      <c r="AL5522">
        <v>57626.807110000002</v>
      </c>
      <c r="AM5522">
        <v>16708.384859999998</v>
      </c>
      <c r="AN5522">
        <v>72034.347899999993</v>
      </c>
      <c r="AO5522">
        <v>18140.865559999998</v>
      </c>
      <c r="AP5522">
        <v>12498.67477</v>
      </c>
    </row>
    <row r="5523" spans="2:42" x14ac:dyDescent="0.3">
      <c r="B5523">
        <v>44.409148617259213</v>
      </c>
      <c r="C5523" s="83">
        <v>43331.041666666664</v>
      </c>
      <c r="D5523">
        <v>128171.1249</v>
      </c>
      <c r="E5523">
        <v>11701.23293</v>
      </c>
      <c r="F5523">
        <v>51623.231379999997</v>
      </c>
      <c r="G5523">
        <v>27196.847600000001</v>
      </c>
      <c r="H5523">
        <v>32427.255840000002</v>
      </c>
      <c r="I5523">
        <v>17456.265520000001</v>
      </c>
      <c r="J5523">
        <v>36175.511749999998</v>
      </c>
      <c r="K5523">
        <v>45659.449229999998</v>
      </c>
      <c r="L5523">
        <v>18283.013490000001</v>
      </c>
      <c r="M5523">
        <v>226418.54949999999</v>
      </c>
      <c r="N5523">
        <v>65694.597169999994</v>
      </c>
      <c r="O5523">
        <v>16404.827929999999</v>
      </c>
      <c r="P5523">
        <v>27941.177619999999</v>
      </c>
      <c r="Q5523">
        <v>57834.093630000003</v>
      </c>
      <c r="R5523">
        <v>14372.033310000001</v>
      </c>
      <c r="S5523">
        <v>70919.439150000006</v>
      </c>
      <c r="T5523">
        <v>17695.159729999999</v>
      </c>
      <c r="U5523">
        <v>12303.959639999999</v>
      </c>
      <c r="W5523" s="83">
        <f>Bühler!N5555</f>
        <v>45522.041666653276</v>
      </c>
      <c r="X5523" s="83">
        <v>43331.041666666664</v>
      </c>
      <c r="Y5523">
        <v>128171.1249</v>
      </c>
      <c r="Z5523">
        <v>11701.23293</v>
      </c>
      <c r="AA5523">
        <v>51623.231379999997</v>
      </c>
      <c r="AB5523">
        <v>27196.847600000001</v>
      </c>
      <c r="AC5523">
        <v>32427.255840000002</v>
      </c>
      <c r="AD5523">
        <v>17456.265520000001</v>
      </c>
      <c r="AE5523">
        <v>36175.511749999998</v>
      </c>
      <c r="AF5523">
        <v>45659.449229999998</v>
      </c>
      <c r="AG5523">
        <v>18283.013490000001</v>
      </c>
      <c r="AH5523">
        <v>226418.54949999999</v>
      </c>
      <c r="AI5523">
        <v>65694.597169999994</v>
      </c>
      <c r="AJ5523">
        <v>16404.827929999999</v>
      </c>
      <c r="AK5523">
        <v>27941.177619999999</v>
      </c>
      <c r="AL5523">
        <v>57834.093630000003</v>
      </c>
      <c r="AM5523">
        <v>14372.033310000001</v>
      </c>
      <c r="AN5523">
        <v>70919.439150000006</v>
      </c>
      <c r="AO5523">
        <v>17695.159729999999</v>
      </c>
      <c r="AP5523">
        <v>12303.959639999999</v>
      </c>
    </row>
    <row r="5524" spans="2:42" x14ac:dyDescent="0.3">
      <c r="B5524">
        <v>43.669467554943232</v>
      </c>
      <c r="C5524" s="83">
        <v>43331.083333333336</v>
      </c>
      <c r="D5524">
        <v>127302.74559999999</v>
      </c>
      <c r="E5524">
        <v>11530.734469999999</v>
      </c>
      <c r="F5524">
        <v>51858.031969999996</v>
      </c>
      <c r="G5524">
        <v>26740.625199999999</v>
      </c>
      <c r="H5524">
        <v>32092.848170000001</v>
      </c>
      <c r="I5524">
        <v>15398.74007</v>
      </c>
      <c r="J5524">
        <v>35704.985220000002</v>
      </c>
      <c r="K5524">
        <v>43944.89385</v>
      </c>
      <c r="L5524">
        <v>17163.145250000001</v>
      </c>
      <c r="M5524">
        <v>222647.31049999999</v>
      </c>
      <c r="N5524">
        <v>64372.164279999997</v>
      </c>
      <c r="O5524">
        <v>16257.83944</v>
      </c>
      <c r="P5524">
        <v>26204.456859999998</v>
      </c>
      <c r="Q5524">
        <v>57459.227630000001</v>
      </c>
      <c r="R5524">
        <v>14237.81796</v>
      </c>
      <c r="S5524">
        <v>69870.088950000005</v>
      </c>
      <c r="T5524">
        <v>17378.710080000001</v>
      </c>
      <c r="U5524">
        <v>12040.69022</v>
      </c>
      <c r="W5524" s="83">
        <f>Bühler!N5556</f>
        <v>45522.083333319941</v>
      </c>
      <c r="X5524" s="83">
        <v>43331.083333333336</v>
      </c>
      <c r="Y5524">
        <v>127302.74559999999</v>
      </c>
      <c r="Z5524">
        <v>11530.734469999999</v>
      </c>
      <c r="AA5524">
        <v>51858.031969999996</v>
      </c>
      <c r="AB5524">
        <v>26740.625199999999</v>
      </c>
      <c r="AC5524">
        <v>32092.848170000001</v>
      </c>
      <c r="AD5524">
        <v>15398.74007</v>
      </c>
      <c r="AE5524">
        <v>35704.985220000002</v>
      </c>
      <c r="AF5524">
        <v>43944.89385</v>
      </c>
      <c r="AG5524">
        <v>17163.145250000001</v>
      </c>
      <c r="AH5524">
        <v>222647.31049999999</v>
      </c>
      <c r="AI5524">
        <v>64372.164279999997</v>
      </c>
      <c r="AJ5524">
        <v>16257.83944</v>
      </c>
      <c r="AK5524">
        <v>26204.456859999998</v>
      </c>
      <c r="AL5524">
        <v>57459.227630000001</v>
      </c>
      <c r="AM5524">
        <v>14237.81796</v>
      </c>
      <c r="AN5524">
        <v>69870.088950000005</v>
      </c>
      <c r="AO5524">
        <v>17378.710080000001</v>
      </c>
      <c r="AP5524">
        <v>12040.69022</v>
      </c>
    </row>
    <row r="5525" spans="2:42" x14ac:dyDescent="0.3">
      <c r="B5525">
        <v>43.235429345886196</v>
      </c>
      <c r="C5525" s="83">
        <v>43331.125</v>
      </c>
      <c r="D5525">
        <v>126208.9115</v>
      </c>
      <c r="E5525">
        <v>11479.849039999999</v>
      </c>
      <c r="F5525">
        <v>52199.083050000001</v>
      </c>
      <c r="G5525">
        <v>25868.957590000002</v>
      </c>
      <c r="H5525">
        <v>31706.316080000001</v>
      </c>
      <c r="I5525">
        <v>14920.299010000001</v>
      </c>
      <c r="J5525">
        <v>35634.045339999997</v>
      </c>
      <c r="K5525">
        <v>42495.673860000003</v>
      </c>
      <c r="L5525">
        <v>16671.80328</v>
      </c>
      <c r="M5525">
        <v>220434.38130000001</v>
      </c>
      <c r="N5525">
        <v>63392.460330000002</v>
      </c>
      <c r="O5525">
        <v>16818.39129</v>
      </c>
      <c r="P5525">
        <v>25295.697960000001</v>
      </c>
      <c r="Q5525">
        <v>57521.484120000001</v>
      </c>
      <c r="R5525">
        <v>13853.72429</v>
      </c>
      <c r="S5525">
        <v>69453.247130000003</v>
      </c>
      <c r="T5525">
        <v>17143.816269999999</v>
      </c>
      <c r="U5525">
        <v>11924.09957</v>
      </c>
      <c r="W5525" s="83">
        <f>Bühler!N5557</f>
        <v>45522.124999986605</v>
      </c>
      <c r="X5525" s="83">
        <v>43331.125</v>
      </c>
      <c r="Y5525">
        <v>126208.9115</v>
      </c>
      <c r="Z5525">
        <v>11479.849039999999</v>
      </c>
      <c r="AA5525">
        <v>52199.083050000001</v>
      </c>
      <c r="AB5525">
        <v>25868.957590000002</v>
      </c>
      <c r="AC5525">
        <v>31706.316080000001</v>
      </c>
      <c r="AD5525">
        <v>14920.299010000001</v>
      </c>
      <c r="AE5525">
        <v>35634.045339999997</v>
      </c>
      <c r="AF5525">
        <v>42495.673860000003</v>
      </c>
      <c r="AG5525">
        <v>16671.80328</v>
      </c>
      <c r="AH5525">
        <v>220434.38130000001</v>
      </c>
      <c r="AI5525">
        <v>63392.460330000002</v>
      </c>
      <c r="AJ5525">
        <v>16818.39129</v>
      </c>
      <c r="AK5525">
        <v>25295.697960000001</v>
      </c>
      <c r="AL5525">
        <v>57521.484120000001</v>
      </c>
      <c r="AM5525">
        <v>13853.72429</v>
      </c>
      <c r="AN5525">
        <v>69453.247130000003</v>
      </c>
      <c r="AO5525">
        <v>17143.816269999999</v>
      </c>
      <c r="AP5525">
        <v>11924.09957</v>
      </c>
    </row>
    <row r="5526" spans="2:42" x14ac:dyDescent="0.3">
      <c r="B5526">
        <v>42.376555577520705</v>
      </c>
      <c r="C5526" s="83">
        <v>43331.166666666664</v>
      </c>
      <c r="D5526">
        <v>124646.4669</v>
      </c>
      <c r="E5526">
        <v>11556.14407</v>
      </c>
      <c r="F5526">
        <v>52984.614500000003</v>
      </c>
      <c r="G5526">
        <v>25357.304800000002</v>
      </c>
      <c r="H5526">
        <v>31714.842789999999</v>
      </c>
      <c r="I5526">
        <v>15359.634319999999</v>
      </c>
      <c r="J5526">
        <v>37206.401590000001</v>
      </c>
      <c r="K5526">
        <v>41314.422279999999</v>
      </c>
      <c r="L5526">
        <v>15422.774009999999</v>
      </c>
      <c r="M5526">
        <v>216055.4423</v>
      </c>
      <c r="N5526">
        <v>62174.707300000002</v>
      </c>
      <c r="O5526">
        <v>16985.979169999999</v>
      </c>
      <c r="P5526">
        <v>25015.399539999999</v>
      </c>
      <c r="Q5526">
        <v>56959.886599999998</v>
      </c>
      <c r="R5526">
        <v>13543.315780000001</v>
      </c>
      <c r="S5526">
        <v>69211.950100000002</v>
      </c>
      <c r="T5526">
        <v>17031.752369999998</v>
      </c>
      <c r="U5526">
        <v>11924.307860000001</v>
      </c>
      <c r="W5526" s="83">
        <f>Bühler!N5558</f>
        <v>45522.166666653269</v>
      </c>
      <c r="X5526" s="83">
        <v>43331.166666666664</v>
      </c>
      <c r="Y5526">
        <v>124646.4669</v>
      </c>
      <c r="Z5526">
        <v>11556.14407</v>
      </c>
      <c r="AA5526">
        <v>52984.614500000003</v>
      </c>
      <c r="AB5526">
        <v>25357.304800000002</v>
      </c>
      <c r="AC5526">
        <v>31714.842789999999</v>
      </c>
      <c r="AD5526">
        <v>15359.634319999999</v>
      </c>
      <c r="AE5526">
        <v>37206.401590000001</v>
      </c>
      <c r="AF5526">
        <v>41314.422279999999</v>
      </c>
      <c r="AG5526">
        <v>15422.774009999999</v>
      </c>
      <c r="AH5526">
        <v>216055.4423</v>
      </c>
      <c r="AI5526">
        <v>62174.707300000002</v>
      </c>
      <c r="AJ5526">
        <v>16985.979169999999</v>
      </c>
      <c r="AK5526">
        <v>25015.399539999999</v>
      </c>
      <c r="AL5526">
        <v>56959.886599999998</v>
      </c>
      <c r="AM5526">
        <v>13543.315780000001</v>
      </c>
      <c r="AN5526">
        <v>69211.950100000002</v>
      </c>
      <c r="AO5526">
        <v>17031.752369999998</v>
      </c>
      <c r="AP5526">
        <v>11924.307860000001</v>
      </c>
    </row>
    <row r="5527" spans="2:42" x14ac:dyDescent="0.3">
      <c r="B5527">
        <v>41.618479885582822</v>
      </c>
      <c r="C5527" s="83">
        <v>43331.208333333336</v>
      </c>
      <c r="D5527">
        <v>123100.6597</v>
      </c>
      <c r="E5527">
        <v>11844.990760000001</v>
      </c>
      <c r="F5527">
        <v>55912.586340000002</v>
      </c>
      <c r="G5527">
        <v>25338.752540000001</v>
      </c>
      <c r="H5527">
        <v>31756.253049999999</v>
      </c>
      <c r="I5527">
        <v>18011.816879999998</v>
      </c>
      <c r="J5527">
        <v>40188.335789999997</v>
      </c>
      <c r="K5527">
        <v>41340.444040000002</v>
      </c>
      <c r="L5527">
        <v>15992.55977</v>
      </c>
      <c r="M5527">
        <v>212190.41889999999</v>
      </c>
      <c r="N5527">
        <v>61170.051339999998</v>
      </c>
      <c r="O5527">
        <v>16573.789580000001</v>
      </c>
      <c r="P5527">
        <v>25946.48762</v>
      </c>
      <c r="Q5527">
        <v>54270.441250000003</v>
      </c>
      <c r="R5527">
        <v>14841.69421</v>
      </c>
      <c r="S5527">
        <v>70703.240019999997</v>
      </c>
      <c r="T5527">
        <v>17209.086060000001</v>
      </c>
      <c r="U5527">
        <v>11856.594090000001</v>
      </c>
      <c r="W5527" s="83">
        <f>Bühler!N5559</f>
        <v>45522.208333319933</v>
      </c>
      <c r="X5527" s="83">
        <v>43331.208333333336</v>
      </c>
      <c r="Y5527">
        <v>123100.6597</v>
      </c>
      <c r="Z5527">
        <v>11844.990760000001</v>
      </c>
      <c r="AA5527">
        <v>55912.586340000002</v>
      </c>
      <c r="AB5527">
        <v>25338.752540000001</v>
      </c>
      <c r="AC5527">
        <v>31756.253049999999</v>
      </c>
      <c r="AD5527">
        <v>18011.816879999998</v>
      </c>
      <c r="AE5527">
        <v>40188.335789999997</v>
      </c>
      <c r="AF5527">
        <v>41340.444040000002</v>
      </c>
      <c r="AG5527">
        <v>15992.55977</v>
      </c>
      <c r="AH5527">
        <v>212190.41889999999</v>
      </c>
      <c r="AI5527">
        <v>61170.051339999998</v>
      </c>
      <c r="AJ5527">
        <v>16573.789580000001</v>
      </c>
      <c r="AK5527">
        <v>25946.48762</v>
      </c>
      <c r="AL5527">
        <v>54270.441250000003</v>
      </c>
      <c r="AM5527">
        <v>14841.69421</v>
      </c>
      <c r="AN5527">
        <v>70703.240019999997</v>
      </c>
      <c r="AO5527">
        <v>17209.086060000001</v>
      </c>
      <c r="AP5527">
        <v>11856.594090000001</v>
      </c>
    </row>
    <row r="5528" spans="2:42" x14ac:dyDescent="0.3">
      <c r="B5528">
        <v>41.480922657004356</v>
      </c>
      <c r="C5528" s="83">
        <v>43331.25</v>
      </c>
      <c r="D5528">
        <v>122182.89870000001</v>
      </c>
      <c r="E5528">
        <v>12500.086230000001</v>
      </c>
      <c r="F5528">
        <v>60474.030070000001</v>
      </c>
      <c r="G5528">
        <v>25501.751120000001</v>
      </c>
      <c r="H5528">
        <v>31191.624049999999</v>
      </c>
      <c r="I5528">
        <v>20059.665840000001</v>
      </c>
      <c r="J5528">
        <v>43134.754780000003</v>
      </c>
      <c r="K5528">
        <v>39533.988129999998</v>
      </c>
      <c r="L5528">
        <v>16542.111079999999</v>
      </c>
      <c r="M5528">
        <v>211489.08799999999</v>
      </c>
      <c r="N5528">
        <v>61734.96501</v>
      </c>
      <c r="O5528">
        <v>16713.397010000001</v>
      </c>
      <c r="P5528">
        <v>26982.855100000001</v>
      </c>
      <c r="Q5528">
        <v>52318.908629999998</v>
      </c>
      <c r="R5528">
        <v>13929.66884</v>
      </c>
      <c r="S5528">
        <v>74403.745370000004</v>
      </c>
      <c r="T5528">
        <v>17681.952649999999</v>
      </c>
      <c r="U5528">
        <v>11595.95622</v>
      </c>
      <c r="W5528" s="83">
        <f>Bühler!N5560</f>
        <v>45522.249999986598</v>
      </c>
      <c r="X5528" s="83">
        <v>43331.25</v>
      </c>
      <c r="Y5528">
        <v>122182.89870000001</v>
      </c>
      <c r="Z5528">
        <v>12500.086230000001</v>
      </c>
      <c r="AA5528">
        <v>60474.030070000001</v>
      </c>
      <c r="AB5528">
        <v>25501.751120000001</v>
      </c>
      <c r="AC5528">
        <v>31191.624049999999</v>
      </c>
      <c r="AD5528">
        <v>20059.665840000001</v>
      </c>
      <c r="AE5528">
        <v>43134.754780000003</v>
      </c>
      <c r="AF5528">
        <v>39533.988129999998</v>
      </c>
      <c r="AG5528">
        <v>16542.111079999999</v>
      </c>
      <c r="AH5528">
        <v>211489.08799999999</v>
      </c>
      <c r="AI5528">
        <v>61734.96501</v>
      </c>
      <c r="AJ5528">
        <v>16713.397010000001</v>
      </c>
      <c r="AK5528">
        <v>26982.855100000001</v>
      </c>
      <c r="AL5528">
        <v>52318.908629999998</v>
      </c>
      <c r="AM5528">
        <v>13929.66884</v>
      </c>
      <c r="AN5528">
        <v>74403.745370000004</v>
      </c>
      <c r="AO5528">
        <v>17681.952649999999</v>
      </c>
      <c r="AP5528">
        <v>11595.95622</v>
      </c>
    </row>
    <row r="5529" spans="2:42" x14ac:dyDescent="0.3">
      <c r="B5529">
        <v>41.287517084845227</v>
      </c>
      <c r="C5529" s="83">
        <v>43331.291666666664</v>
      </c>
      <c r="D5529">
        <v>120905.0297</v>
      </c>
      <c r="E5529">
        <v>12724.54385</v>
      </c>
      <c r="F5529">
        <v>62562.503109999998</v>
      </c>
      <c r="G5529">
        <v>25349.918659999999</v>
      </c>
      <c r="H5529">
        <v>30939.567050000001</v>
      </c>
      <c r="I5529">
        <v>20472.859560000001</v>
      </c>
      <c r="J5529">
        <v>42897.448669999998</v>
      </c>
      <c r="K5529">
        <v>39599.208489999997</v>
      </c>
      <c r="L5529">
        <v>17610.788189999999</v>
      </c>
      <c r="M5529">
        <v>210503.01620000001</v>
      </c>
      <c r="N5529">
        <v>60588.312039999997</v>
      </c>
      <c r="O5529">
        <v>16201.982830000001</v>
      </c>
      <c r="P5529">
        <v>29903.729770000002</v>
      </c>
      <c r="Q5529">
        <v>50523.540150000001</v>
      </c>
      <c r="R5529">
        <v>13283.968940000001</v>
      </c>
      <c r="S5529">
        <v>78428.803020000007</v>
      </c>
      <c r="T5529">
        <v>18740.006809999999</v>
      </c>
      <c r="U5529">
        <v>11317.20514</v>
      </c>
      <c r="W5529" s="83">
        <f>Bühler!N5561</f>
        <v>45522.291666653262</v>
      </c>
      <c r="X5529" s="83">
        <v>43331.291666666664</v>
      </c>
      <c r="Y5529">
        <v>120905.0297</v>
      </c>
      <c r="Z5529">
        <v>12724.54385</v>
      </c>
      <c r="AA5529">
        <v>62562.503109999998</v>
      </c>
      <c r="AB5529">
        <v>25349.918659999999</v>
      </c>
      <c r="AC5529">
        <v>30939.567050000001</v>
      </c>
      <c r="AD5529">
        <v>20472.859560000001</v>
      </c>
      <c r="AE5529">
        <v>42897.448669999998</v>
      </c>
      <c r="AF5529">
        <v>39599.208489999997</v>
      </c>
      <c r="AG5529">
        <v>17610.788189999999</v>
      </c>
      <c r="AH5529">
        <v>210503.01620000001</v>
      </c>
      <c r="AI5529">
        <v>60588.312039999997</v>
      </c>
      <c r="AJ5529">
        <v>16201.982830000001</v>
      </c>
      <c r="AK5529">
        <v>29903.729770000002</v>
      </c>
      <c r="AL5529">
        <v>50523.540150000001</v>
      </c>
      <c r="AM5529">
        <v>13283.968940000001</v>
      </c>
      <c r="AN5529">
        <v>78428.803020000007</v>
      </c>
      <c r="AO5529">
        <v>18740.006809999999</v>
      </c>
      <c r="AP5529">
        <v>11317.20514</v>
      </c>
    </row>
    <row r="5530" spans="2:42" x14ac:dyDescent="0.3">
      <c r="B5530">
        <v>41.03757802189336</v>
      </c>
      <c r="C5530" s="83">
        <v>43331.333333333336</v>
      </c>
      <c r="D5530">
        <v>120961.65429999999</v>
      </c>
      <c r="E5530">
        <v>14019.668739999999</v>
      </c>
      <c r="F5530">
        <v>64294.42684</v>
      </c>
      <c r="G5530">
        <v>25666.138849999999</v>
      </c>
      <c r="H5530">
        <v>31207.741440000002</v>
      </c>
      <c r="I5530">
        <v>20953.075499999999</v>
      </c>
      <c r="J5530">
        <v>45544.764739999999</v>
      </c>
      <c r="K5530">
        <v>41088.368799999997</v>
      </c>
      <c r="L5530">
        <v>20568.933099999998</v>
      </c>
      <c r="M5530">
        <v>209228.71030000001</v>
      </c>
      <c r="N5530">
        <v>62402.98328</v>
      </c>
      <c r="O5530">
        <v>17449.737219999999</v>
      </c>
      <c r="P5530">
        <v>34363.8845</v>
      </c>
      <c r="Q5530">
        <v>50396.763279999999</v>
      </c>
      <c r="R5530">
        <v>15106.19844</v>
      </c>
      <c r="S5530">
        <v>80714.033720000007</v>
      </c>
      <c r="T5530">
        <v>20498.79046</v>
      </c>
      <c r="U5530">
        <v>11294.77902</v>
      </c>
      <c r="W5530" s="83">
        <f>Bühler!N5562</f>
        <v>45522.333333319926</v>
      </c>
      <c r="X5530" s="83">
        <v>43331.333333333336</v>
      </c>
      <c r="Y5530">
        <v>120961.65429999999</v>
      </c>
      <c r="Z5530">
        <v>14019.668739999999</v>
      </c>
      <c r="AA5530">
        <v>64294.42684</v>
      </c>
      <c r="AB5530">
        <v>25666.138849999999</v>
      </c>
      <c r="AC5530">
        <v>31207.741440000002</v>
      </c>
      <c r="AD5530">
        <v>20953.075499999999</v>
      </c>
      <c r="AE5530">
        <v>45544.764739999999</v>
      </c>
      <c r="AF5530">
        <v>41088.368799999997</v>
      </c>
      <c r="AG5530">
        <v>20568.933099999998</v>
      </c>
      <c r="AH5530">
        <v>209228.71030000001</v>
      </c>
      <c r="AI5530">
        <v>62402.98328</v>
      </c>
      <c r="AJ5530">
        <v>17449.737219999999</v>
      </c>
      <c r="AK5530">
        <v>34363.8845</v>
      </c>
      <c r="AL5530">
        <v>50396.763279999999</v>
      </c>
      <c r="AM5530">
        <v>15106.19844</v>
      </c>
      <c r="AN5530">
        <v>80714.033720000007</v>
      </c>
      <c r="AO5530">
        <v>20498.79046</v>
      </c>
      <c r="AP5530">
        <v>11294.77902</v>
      </c>
    </row>
    <row r="5531" spans="2:42" x14ac:dyDescent="0.3">
      <c r="B5531">
        <v>40.816588233115461</v>
      </c>
      <c r="C5531" s="83">
        <v>43331.375</v>
      </c>
      <c r="D5531">
        <v>121129.4601</v>
      </c>
      <c r="E5531">
        <v>15588.39407</v>
      </c>
      <c r="F5531">
        <v>68439.763860000006</v>
      </c>
      <c r="G5531">
        <v>26086.139719999999</v>
      </c>
      <c r="H5531">
        <v>31826.381600000001</v>
      </c>
      <c r="I5531">
        <v>21031.10454</v>
      </c>
      <c r="J5531">
        <v>47603.709139999999</v>
      </c>
      <c r="K5531">
        <v>43311.864950000003</v>
      </c>
      <c r="L5531">
        <v>24130.377680000001</v>
      </c>
      <c r="M5531">
        <v>208102.0013</v>
      </c>
      <c r="N5531">
        <v>65303.522169999997</v>
      </c>
      <c r="O5531">
        <v>19406.545330000001</v>
      </c>
      <c r="P5531">
        <v>38749.667780000003</v>
      </c>
      <c r="Q5531">
        <v>50678.292260000002</v>
      </c>
      <c r="R5531">
        <v>15536.582630000001</v>
      </c>
      <c r="S5531">
        <v>83407.965830000001</v>
      </c>
      <c r="T5531">
        <v>21816.22148</v>
      </c>
      <c r="U5531">
        <v>11344.9247</v>
      </c>
      <c r="W5531" s="83">
        <f>Bühler!N5563</f>
        <v>45522.37499998659</v>
      </c>
      <c r="X5531" s="83">
        <v>43331.375</v>
      </c>
      <c r="Y5531">
        <v>121129.4601</v>
      </c>
      <c r="Z5531">
        <v>15588.39407</v>
      </c>
      <c r="AA5531">
        <v>68439.763860000006</v>
      </c>
      <c r="AB5531">
        <v>26086.139719999999</v>
      </c>
      <c r="AC5531">
        <v>31826.381600000001</v>
      </c>
      <c r="AD5531">
        <v>21031.10454</v>
      </c>
      <c r="AE5531">
        <v>47603.709139999999</v>
      </c>
      <c r="AF5531">
        <v>43311.864950000003</v>
      </c>
      <c r="AG5531">
        <v>24130.377680000001</v>
      </c>
      <c r="AH5531">
        <v>208102.0013</v>
      </c>
      <c r="AI5531">
        <v>65303.522169999997</v>
      </c>
      <c r="AJ5531">
        <v>19406.545330000001</v>
      </c>
      <c r="AK5531">
        <v>38749.667780000003</v>
      </c>
      <c r="AL5531">
        <v>50678.292260000002</v>
      </c>
      <c r="AM5531">
        <v>15536.582630000001</v>
      </c>
      <c r="AN5531">
        <v>83407.965830000001</v>
      </c>
      <c r="AO5531">
        <v>21816.22148</v>
      </c>
      <c r="AP5531">
        <v>11344.9247</v>
      </c>
    </row>
    <row r="5532" spans="2:42" x14ac:dyDescent="0.3">
      <c r="B5532">
        <v>41.295698192104233</v>
      </c>
      <c r="C5532" s="83">
        <v>43331.416666666664</v>
      </c>
      <c r="D5532">
        <v>121416.9106</v>
      </c>
      <c r="E5532">
        <v>16802.436519999999</v>
      </c>
      <c r="F5532">
        <v>70263.816130000007</v>
      </c>
      <c r="G5532">
        <v>26404.609219999998</v>
      </c>
      <c r="H5532">
        <v>32429.308440000001</v>
      </c>
      <c r="I5532">
        <v>20935.61508</v>
      </c>
      <c r="J5532">
        <v>47857.902190000001</v>
      </c>
      <c r="K5532">
        <v>44966.385260000003</v>
      </c>
      <c r="L5532">
        <v>28002.303960000001</v>
      </c>
      <c r="M5532">
        <v>210544.7273</v>
      </c>
      <c r="N5532">
        <v>67154.008849999998</v>
      </c>
      <c r="O5532">
        <v>19570.022639999999</v>
      </c>
      <c r="P5532">
        <v>39446.922509999997</v>
      </c>
      <c r="Q5532">
        <v>50653.072959999998</v>
      </c>
      <c r="R5532">
        <v>16678.994999999999</v>
      </c>
      <c r="S5532">
        <v>84186.068920000005</v>
      </c>
      <c r="T5532">
        <v>23579.976610000002</v>
      </c>
      <c r="U5532">
        <v>11018.820760000001</v>
      </c>
      <c r="W5532" s="83">
        <f>Bühler!N5564</f>
        <v>45522.416666653255</v>
      </c>
      <c r="X5532" s="83">
        <v>43331.416666666664</v>
      </c>
      <c r="Y5532">
        <v>121416.9106</v>
      </c>
      <c r="Z5532">
        <v>16802.436519999999</v>
      </c>
      <c r="AA5532">
        <v>70263.816130000007</v>
      </c>
      <c r="AB5532">
        <v>26404.609219999998</v>
      </c>
      <c r="AC5532">
        <v>32429.308440000001</v>
      </c>
      <c r="AD5532">
        <v>20935.61508</v>
      </c>
      <c r="AE5532">
        <v>47857.902190000001</v>
      </c>
      <c r="AF5532">
        <v>44966.385260000003</v>
      </c>
      <c r="AG5532">
        <v>28002.303960000001</v>
      </c>
      <c r="AH5532">
        <v>210544.7273</v>
      </c>
      <c r="AI5532">
        <v>67154.008849999998</v>
      </c>
      <c r="AJ5532">
        <v>19570.022639999999</v>
      </c>
      <c r="AK5532">
        <v>39446.922509999997</v>
      </c>
      <c r="AL5532">
        <v>50653.072959999998</v>
      </c>
      <c r="AM5532">
        <v>16678.994999999999</v>
      </c>
      <c r="AN5532">
        <v>84186.068920000005</v>
      </c>
      <c r="AO5532">
        <v>23579.976610000002</v>
      </c>
      <c r="AP5532">
        <v>11018.820760000001</v>
      </c>
    </row>
    <row r="5533" spans="2:42" x14ac:dyDescent="0.3">
      <c r="B5533">
        <v>41.478094257436169</v>
      </c>
      <c r="C5533" s="83">
        <v>43331.458333333336</v>
      </c>
      <c r="D5533">
        <v>121250.5687</v>
      </c>
      <c r="E5533">
        <v>17177.196230000001</v>
      </c>
      <c r="F5533">
        <v>70660.485839999994</v>
      </c>
      <c r="G5533">
        <v>26765.133310000001</v>
      </c>
      <c r="H5533">
        <v>32669.567609999998</v>
      </c>
      <c r="I5533">
        <v>21298.237980000002</v>
      </c>
      <c r="J5533">
        <v>47230.609199999999</v>
      </c>
      <c r="K5533">
        <v>46487.616249999999</v>
      </c>
      <c r="L5533">
        <v>29551.568729999999</v>
      </c>
      <c r="M5533">
        <v>211474.66750000001</v>
      </c>
      <c r="N5533">
        <v>67849.921350000004</v>
      </c>
      <c r="O5533">
        <v>18327.067289999999</v>
      </c>
      <c r="P5533">
        <v>38289.890610000002</v>
      </c>
      <c r="Q5533">
        <v>50524.76107</v>
      </c>
      <c r="R5533">
        <v>18222.512500000001</v>
      </c>
      <c r="S5533">
        <v>87440.724780000004</v>
      </c>
      <c r="T5533">
        <v>23992.113519999999</v>
      </c>
      <c r="U5533">
        <v>11052.828869999999</v>
      </c>
      <c r="W5533" s="83">
        <f>Bühler!N5565</f>
        <v>45522.458333319919</v>
      </c>
      <c r="X5533" s="83">
        <v>43331.458333333336</v>
      </c>
      <c r="Y5533">
        <v>121250.5687</v>
      </c>
      <c r="Z5533">
        <v>17177.196230000001</v>
      </c>
      <c r="AA5533">
        <v>70660.485839999994</v>
      </c>
      <c r="AB5533">
        <v>26765.133310000001</v>
      </c>
      <c r="AC5533">
        <v>32669.567609999998</v>
      </c>
      <c r="AD5533">
        <v>21298.237980000002</v>
      </c>
      <c r="AE5533">
        <v>47230.609199999999</v>
      </c>
      <c r="AF5533">
        <v>46487.616249999999</v>
      </c>
      <c r="AG5533">
        <v>29551.568729999999</v>
      </c>
      <c r="AH5533">
        <v>211474.66750000001</v>
      </c>
      <c r="AI5533">
        <v>67849.921350000004</v>
      </c>
      <c r="AJ5533">
        <v>18327.067289999999</v>
      </c>
      <c r="AK5533">
        <v>38289.890610000002</v>
      </c>
      <c r="AL5533">
        <v>50524.76107</v>
      </c>
      <c r="AM5533">
        <v>18222.512500000001</v>
      </c>
      <c r="AN5533">
        <v>87440.724780000004</v>
      </c>
      <c r="AO5533">
        <v>23992.113519999999</v>
      </c>
      <c r="AP5533">
        <v>11052.828869999999</v>
      </c>
    </row>
    <row r="5534" spans="2:42" x14ac:dyDescent="0.3">
      <c r="B5534">
        <v>41.237564573066493</v>
      </c>
      <c r="C5534" s="83">
        <v>43331.5</v>
      </c>
      <c r="D5534">
        <v>120670.1973</v>
      </c>
      <c r="E5534">
        <v>17051.493399999999</v>
      </c>
      <c r="F5534">
        <v>69007.388189999998</v>
      </c>
      <c r="G5534">
        <v>27094.27433</v>
      </c>
      <c r="H5534">
        <v>32738.776440000001</v>
      </c>
      <c r="I5534">
        <v>21366.752919999999</v>
      </c>
      <c r="J5534">
        <v>47842.063959999999</v>
      </c>
      <c r="K5534">
        <v>45966.9908</v>
      </c>
      <c r="L5534">
        <v>31698.979179999998</v>
      </c>
      <c r="M5534">
        <v>210248.33499999999</v>
      </c>
      <c r="N5534">
        <v>67694.158890000006</v>
      </c>
      <c r="O5534">
        <v>18090.596249999999</v>
      </c>
      <c r="P5534">
        <v>38977.630129999998</v>
      </c>
      <c r="Q5534">
        <v>49567.284</v>
      </c>
      <c r="R5534">
        <v>18135.97754</v>
      </c>
      <c r="S5534">
        <v>84215.791660000003</v>
      </c>
      <c r="T5534">
        <v>24043.564859999999</v>
      </c>
      <c r="U5534">
        <v>11023.41749</v>
      </c>
      <c r="W5534" s="83">
        <f>Bühler!N5566</f>
        <v>45522.499999986583</v>
      </c>
      <c r="X5534" s="83">
        <v>43331.5</v>
      </c>
      <c r="Y5534">
        <v>120670.1973</v>
      </c>
      <c r="Z5534">
        <v>17051.493399999999</v>
      </c>
      <c r="AA5534">
        <v>69007.388189999998</v>
      </c>
      <c r="AB5534">
        <v>27094.27433</v>
      </c>
      <c r="AC5534">
        <v>32738.776440000001</v>
      </c>
      <c r="AD5534">
        <v>21366.752919999999</v>
      </c>
      <c r="AE5534">
        <v>47842.063959999999</v>
      </c>
      <c r="AF5534">
        <v>45966.9908</v>
      </c>
      <c r="AG5534">
        <v>31698.979179999998</v>
      </c>
      <c r="AH5534">
        <v>210248.33499999999</v>
      </c>
      <c r="AI5534">
        <v>67694.158890000006</v>
      </c>
      <c r="AJ5534">
        <v>18090.596249999999</v>
      </c>
      <c r="AK5534">
        <v>38977.630129999998</v>
      </c>
      <c r="AL5534">
        <v>49567.284</v>
      </c>
      <c r="AM5534">
        <v>18135.97754</v>
      </c>
      <c r="AN5534">
        <v>84215.791660000003</v>
      </c>
      <c r="AO5534">
        <v>24043.564859999999</v>
      </c>
      <c r="AP5534">
        <v>11023.41749</v>
      </c>
    </row>
    <row r="5535" spans="2:42" x14ac:dyDescent="0.3">
      <c r="B5535">
        <v>41.210642104466388</v>
      </c>
      <c r="C5535" s="83">
        <v>43331.541666666664</v>
      </c>
      <c r="D5535">
        <v>120833.1257</v>
      </c>
      <c r="E5535">
        <v>16995.445940000001</v>
      </c>
      <c r="F5535">
        <v>61391.648730000001</v>
      </c>
      <c r="G5535">
        <v>27170.75936</v>
      </c>
      <c r="H5535">
        <v>32551.216260000001</v>
      </c>
      <c r="I5535">
        <v>21572.537840000001</v>
      </c>
      <c r="J5535">
        <v>47192.498579999999</v>
      </c>
      <c r="K5535">
        <v>44947.184889999997</v>
      </c>
      <c r="L5535">
        <v>31794.03429</v>
      </c>
      <c r="M5535">
        <v>210111.0717</v>
      </c>
      <c r="N5535">
        <v>66351.116339999993</v>
      </c>
      <c r="O5535">
        <v>17669.033490000002</v>
      </c>
      <c r="P5535">
        <v>38408.754280000001</v>
      </c>
      <c r="Q5535">
        <v>48428.515489999998</v>
      </c>
      <c r="R5535">
        <v>17917.721730000001</v>
      </c>
      <c r="S5535">
        <v>84960.692809999993</v>
      </c>
      <c r="T5535">
        <v>23990.94225</v>
      </c>
      <c r="U5535">
        <v>11450.5453</v>
      </c>
      <c r="W5535" s="83">
        <f>Bühler!N5567</f>
        <v>45522.541666653247</v>
      </c>
      <c r="X5535" s="83">
        <v>43331.541666666664</v>
      </c>
      <c r="Y5535">
        <v>120833.1257</v>
      </c>
      <c r="Z5535">
        <v>16995.445940000001</v>
      </c>
      <c r="AA5535">
        <v>61391.648730000001</v>
      </c>
      <c r="AB5535">
        <v>27170.75936</v>
      </c>
      <c r="AC5535">
        <v>32551.216260000001</v>
      </c>
      <c r="AD5535">
        <v>21572.537840000001</v>
      </c>
      <c r="AE5535">
        <v>47192.498579999999</v>
      </c>
      <c r="AF5535">
        <v>44947.184889999997</v>
      </c>
      <c r="AG5535">
        <v>31794.03429</v>
      </c>
      <c r="AH5535">
        <v>210111.0717</v>
      </c>
      <c r="AI5535">
        <v>66351.116339999993</v>
      </c>
      <c r="AJ5535">
        <v>17669.033490000002</v>
      </c>
      <c r="AK5535">
        <v>38408.754280000001</v>
      </c>
      <c r="AL5535">
        <v>48428.515489999998</v>
      </c>
      <c r="AM5535">
        <v>17917.721730000001</v>
      </c>
      <c r="AN5535">
        <v>84960.692809999993</v>
      </c>
      <c r="AO5535">
        <v>23990.94225</v>
      </c>
      <c r="AP5535">
        <v>11450.5453</v>
      </c>
    </row>
    <row r="5536" spans="2:42" x14ac:dyDescent="0.3">
      <c r="B5536">
        <v>41.208762362725004</v>
      </c>
      <c r="C5536" s="83">
        <v>43331.583333333336</v>
      </c>
      <c r="D5536">
        <v>121210.97530000001</v>
      </c>
      <c r="E5536">
        <v>17216.742040000001</v>
      </c>
      <c r="F5536">
        <v>61661.559759999996</v>
      </c>
      <c r="G5536">
        <v>27074.763200000001</v>
      </c>
      <c r="H5536">
        <v>32551.535929999998</v>
      </c>
      <c r="I5536">
        <v>21470.45508</v>
      </c>
      <c r="J5536">
        <v>46061.724540000003</v>
      </c>
      <c r="K5536">
        <v>44141.626270000001</v>
      </c>
      <c r="L5536">
        <v>30510.847409999998</v>
      </c>
      <c r="M5536">
        <v>210101.48790000001</v>
      </c>
      <c r="N5536">
        <v>65343.54277</v>
      </c>
      <c r="O5536">
        <v>18007.647209999999</v>
      </c>
      <c r="P5536">
        <v>35882.370580000003</v>
      </c>
      <c r="Q5536">
        <v>47900.199079999999</v>
      </c>
      <c r="R5536">
        <v>17682.907230000001</v>
      </c>
      <c r="S5536">
        <v>82692.187260000006</v>
      </c>
      <c r="T5536">
        <v>24088.92943</v>
      </c>
      <c r="U5536">
        <v>11364.43915</v>
      </c>
      <c r="W5536" s="83">
        <f>Bühler!N5568</f>
        <v>45522.583333319912</v>
      </c>
      <c r="X5536" s="83">
        <v>43331.583333333336</v>
      </c>
      <c r="Y5536">
        <v>121210.97530000001</v>
      </c>
      <c r="Z5536">
        <v>17216.742040000001</v>
      </c>
      <c r="AA5536">
        <v>61661.559759999996</v>
      </c>
      <c r="AB5536">
        <v>27074.763200000001</v>
      </c>
      <c r="AC5536">
        <v>32551.535929999998</v>
      </c>
      <c r="AD5536">
        <v>21470.45508</v>
      </c>
      <c r="AE5536">
        <v>46061.724540000003</v>
      </c>
      <c r="AF5536">
        <v>44141.626270000001</v>
      </c>
      <c r="AG5536">
        <v>30510.847409999998</v>
      </c>
      <c r="AH5536">
        <v>210101.48790000001</v>
      </c>
      <c r="AI5536">
        <v>65343.54277</v>
      </c>
      <c r="AJ5536">
        <v>18007.647209999999</v>
      </c>
      <c r="AK5536">
        <v>35882.370580000003</v>
      </c>
      <c r="AL5536">
        <v>47900.199079999999</v>
      </c>
      <c r="AM5536">
        <v>17682.907230000001</v>
      </c>
      <c r="AN5536">
        <v>82692.187260000006</v>
      </c>
      <c r="AO5536">
        <v>24088.92943</v>
      </c>
      <c r="AP5536">
        <v>11364.43915</v>
      </c>
    </row>
    <row r="5537" spans="2:42" x14ac:dyDescent="0.3">
      <c r="B5537">
        <v>41.052607227709515</v>
      </c>
      <c r="C5537" s="83">
        <v>43331.625</v>
      </c>
      <c r="D5537">
        <v>121240.3192</v>
      </c>
      <c r="E5537">
        <v>17393.410899999999</v>
      </c>
      <c r="F5537">
        <v>62108.42067</v>
      </c>
      <c r="G5537">
        <v>27092.157459999999</v>
      </c>
      <c r="H5537">
        <v>32379.707249999999</v>
      </c>
      <c r="I5537">
        <v>21576.710070000001</v>
      </c>
      <c r="J5537">
        <v>45466.536590000003</v>
      </c>
      <c r="K5537">
        <v>45018.923640000001</v>
      </c>
      <c r="L5537">
        <v>28603.083500000001</v>
      </c>
      <c r="M5537">
        <v>209305.33619999999</v>
      </c>
      <c r="N5537">
        <v>65693.919429999994</v>
      </c>
      <c r="O5537">
        <v>18246.42369</v>
      </c>
      <c r="P5537">
        <v>32951.185890000001</v>
      </c>
      <c r="Q5537">
        <v>47781.571329999999</v>
      </c>
      <c r="R5537">
        <v>17706.36608</v>
      </c>
      <c r="S5537">
        <v>82037.271710000001</v>
      </c>
      <c r="T5537">
        <v>23835.721580000001</v>
      </c>
      <c r="U5537">
        <v>11027.824559999999</v>
      </c>
      <c r="W5537" s="83">
        <f>Bühler!N5569</f>
        <v>45522.624999986576</v>
      </c>
      <c r="X5537" s="83">
        <v>43331.625</v>
      </c>
      <c r="Y5537">
        <v>121240.3192</v>
      </c>
      <c r="Z5537">
        <v>17393.410899999999</v>
      </c>
      <c r="AA5537">
        <v>62108.42067</v>
      </c>
      <c r="AB5537">
        <v>27092.157459999999</v>
      </c>
      <c r="AC5537">
        <v>32379.707249999999</v>
      </c>
      <c r="AD5537">
        <v>21576.710070000001</v>
      </c>
      <c r="AE5537">
        <v>45466.536590000003</v>
      </c>
      <c r="AF5537">
        <v>45018.923640000001</v>
      </c>
      <c r="AG5537">
        <v>28603.083500000001</v>
      </c>
      <c r="AH5537">
        <v>209305.33619999999</v>
      </c>
      <c r="AI5537">
        <v>65693.919429999994</v>
      </c>
      <c r="AJ5537">
        <v>18246.42369</v>
      </c>
      <c r="AK5537">
        <v>32951.185890000001</v>
      </c>
      <c r="AL5537">
        <v>47781.571329999999</v>
      </c>
      <c r="AM5537">
        <v>17706.36608</v>
      </c>
      <c r="AN5537">
        <v>82037.271710000001</v>
      </c>
      <c r="AO5537">
        <v>23835.721580000001</v>
      </c>
      <c r="AP5537">
        <v>11027.824559999999</v>
      </c>
    </row>
    <row r="5538" spans="2:42" x14ac:dyDescent="0.3">
      <c r="B5538">
        <v>40.859626469573804</v>
      </c>
      <c r="C5538" s="83">
        <v>43331.666666666664</v>
      </c>
      <c r="D5538">
        <v>121499.5892</v>
      </c>
      <c r="E5538">
        <v>17365.61591</v>
      </c>
      <c r="F5538">
        <v>61261.836210000001</v>
      </c>
      <c r="G5538">
        <v>26705.864679999999</v>
      </c>
      <c r="H5538">
        <v>32351.06825</v>
      </c>
      <c r="I5538">
        <v>21537.001039999999</v>
      </c>
      <c r="J5538">
        <v>44813.603609999998</v>
      </c>
      <c r="K5538">
        <v>45106.096519999999</v>
      </c>
      <c r="L5538">
        <v>27879.777699999999</v>
      </c>
      <c r="M5538">
        <v>208321.43030000001</v>
      </c>
      <c r="N5538">
        <v>66240.275829999999</v>
      </c>
      <c r="O5538">
        <v>17949.854360000001</v>
      </c>
      <c r="P5538">
        <v>31398.194070000001</v>
      </c>
      <c r="Q5538">
        <v>47868.014150000003</v>
      </c>
      <c r="R5538">
        <v>17619.511729999998</v>
      </c>
      <c r="S5538">
        <v>82960.939979999996</v>
      </c>
      <c r="T5538">
        <v>23575.811900000001</v>
      </c>
      <c r="U5538">
        <v>10770.112800000001</v>
      </c>
      <c r="W5538" s="83">
        <f>Bühler!N5570</f>
        <v>45522.66666665324</v>
      </c>
      <c r="X5538" s="83">
        <v>43331.666666666664</v>
      </c>
      <c r="Y5538">
        <v>121499.5892</v>
      </c>
      <c r="Z5538">
        <v>17365.61591</v>
      </c>
      <c r="AA5538">
        <v>61261.836210000001</v>
      </c>
      <c r="AB5538">
        <v>26705.864679999999</v>
      </c>
      <c r="AC5538">
        <v>32351.06825</v>
      </c>
      <c r="AD5538">
        <v>21537.001039999999</v>
      </c>
      <c r="AE5538">
        <v>44813.603609999998</v>
      </c>
      <c r="AF5538">
        <v>45106.096519999999</v>
      </c>
      <c r="AG5538">
        <v>27879.777699999999</v>
      </c>
      <c r="AH5538">
        <v>208321.43030000001</v>
      </c>
      <c r="AI5538">
        <v>66240.275829999999</v>
      </c>
      <c r="AJ5538">
        <v>17949.854360000001</v>
      </c>
      <c r="AK5538">
        <v>31398.194070000001</v>
      </c>
      <c r="AL5538">
        <v>47868.014150000003</v>
      </c>
      <c r="AM5538">
        <v>17619.511729999998</v>
      </c>
      <c r="AN5538">
        <v>82960.939979999996</v>
      </c>
      <c r="AO5538">
        <v>23575.811900000001</v>
      </c>
      <c r="AP5538">
        <v>10770.112800000001</v>
      </c>
    </row>
    <row r="5539" spans="2:42" x14ac:dyDescent="0.3">
      <c r="B5539">
        <v>40.365917983300953</v>
      </c>
      <c r="C5539" s="83">
        <v>43331.708333333336</v>
      </c>
      <c r="D5539">
        <v>121453.67509999999</v>
      </c>
      <c r="E5539">
        <v>17113.81079</v>
      </c>
      <c r="F5539">
        <v>60560.133849999998</v>
      </c>
      <c r="G5539">
        <v>26418.469000000001</v>
      </c>
      <c r="H5539">
        <v>32259.57012</v>
      </c>
      <c r="I5539">
        <v>21791.736669999998</v>
      </c>
      <c r="J5539">
        <v>45859.090490000002</v>
      </c>
      <c r="K5539">
        <v>43627.604930000001</v>
      </c>
      <c r="L5539">
        <v>27764.017779999998</v>
      </c>
      <c r="M5539">
        <v>205804.27420000001</v>
      </c>
      <c r="N5539">
        <v>65540.620030000005</v>
      </c>
      <c r="O5539">
        <v>17477.2399</v>
      </c>
      <c r="P5539">
        <v>32635.958719999999</v>
      </c>
      <c r="Q5539">
        <v>47999.89832</v>
      </c>
      <c r="R5539">
        <v>19357.157289999999</v>
      </c>
      <c r="S5539">
        <v>83633.530849999996</v>
      </c>
      <c r="T5539">
        <v>23694.80327</v>
      </c>
      <c r="U5539">
        <v>11113.031199999999</v>
      </c>
      <c r="W5539" s="83">
        <f>Bühler!N5571</f>
        <v>45522.708333319904</v>
      </c>
      <c r="X5539" s="83">
        <v>43331.708333333336</v>
      </c>
      <c r="Y5539">
        <v>121453.67509999999</v>
      </c>
      <c r="Z5539">
        <v>17113.81079</v>
      </c>
      <c r="AA5539">
        <v>60560.133849999998</v>
      </c>
      <c r="AB5539">
        <v>26418.469000000001</v>
      </c>
      <c r="AC5539">
        <v>32259.57012</v>
      </c>
      <c r="AD5539">
        <v>21791.736669999998</v>
      </c>
      <c r="AE5539">
        <v>45859.090490000002</v>
      </c>
      <c r="AF5539">
        <v>43627.604930000001</v>
      </c>
      <c r="AG5539">
        <v>27764.017779999998</v>
      </c>
      <c r="AH5539">
        <v>205804.27420000001</v>
      </c>
      <c r="AI5539">
        <v>65540.620030000005</v>
      </c>
      <c r="AJ5539">
        <v>17477.2399</v>
      </c>
      <c r="AK5539">
        <v>32635.958719999999</v>
      </c>
      <c r="AL5539">
        <v>47999.89832</v>
      </c>
      <c r="AM5539">
        <v>19357.157289999999</v>
      </c>
      <c r="AN5539">
        <v>83633.530849999996</v>
      </c>
      <c r="AO5539">
        <v>23694.80327</v>
      </c>
      <c r="AP5539">
        <v>11113.031199999999</v>
      </c>
    </row>
    <row r="5540" spans="2:42" x14ac:dyDescent="0.3">
      <c r="B5540">
        <v>40.199805167564456</v>
      </c>
      <c r="C5540" s="83">
        <v>43331.75</v>
      </c>
      <c r="D5540">
        <v>121242.1942</v>
      </c>
      <c r="E5540">
        <v>16466.415939999999</v>
      </c>
      <c r="F5540">
        <v>60372.240870000001</v>
      </c>
      <c r="G5540">
        <v>26258.654180000001</v>
      </c>
      <c r="H5540">
        <v>32459.027340000001</v>
      </c>
      <c r="I5540">
        <v>21944.16387</v>
      </c>
      <c r="J5540">
        <v>47271.245560000003</v>
      </c>
      <c r="K5540">
        <v>42826.199200000003</v>
      </c>
      <c r="L5540">
        <v>28918.083210000001</v>
      </c>
      <c r="M5540">
        <v>204957.3536</v>
      </c>
      <c r="N5540">
        <v>65694.629199999996</v>
      </c>
      <c r="O5540">
        <v>16904.84319</v>
      </c>
      <c r="P5540">
        <v>35532.417150000001</v>
      </c>
      <c r="Q5540">
        <v>47863.260520000003</v>
      </c>
      <c r="R5540">
        <v>18655.67064</v>
      </c>
      <c r="S5540">
        <v>81130.182520000002</v>
      </c>
      <c r="T5540">
        <v>23542.31093</v>
      </c>
      <c r="U5540">
        <v>12117.094800000001</v>
      </c>
      <c r="W5540" s="83">
        <f>Bühler!N5572</f>
        <v>45522.749999986569</v>
      </c>
      <c r="X5540" s="83">
        <v>43331.75</v>
      </c>
      <c r="Y5540">
        <v>121242.1942</v>
      </c>
      <c r="Z5540">
        <v>16466.415939999999</v>
      </c>
      <c r="AA5540">
        <v>60372.240870000001</v>
      </c>
      <c r="AB5540">
        <v>26258.654180000001</v>
      </c>
      <c r="AC5540">
        <v>32459.027340000001</v>
      </c>
      <c r="AD5540">
        <v>21944.16387</v>
      </c>
      <c r="AE5540">
        <v>47271.245560000003</v>
      </c>
      <c r="AF5540">
        <v>42826.199200000003</v>
      </c>
      <c r="AG5540">
        <v>28918.083210000001</v>
      </c>
      <c r="AH5540">
        <v>204957.3536</v>
      </c>
      <c r="AI5540">
        <v>65694.629199999996</v>
      </c>
      <c r="AJ5540">
        <v>16904.84319</v>
      </c>
      <c r="AK5540">
        <v>35532.417150000001</v>
      </c>
      <c r="AL5540">
        <v>47863.260520000003</v>
      </c>
      <c r="AM5540">
        <v>18655.67064</v>
      </c>
      <c r="AN5540">
        <v>81130.182520000002</v>
      </c>
      <c r="AO5540">
        <v>23542.31093</v>
      </c>
      <c r="AP5540">
        <v>12117.094800000001</v>
      </c>
    </row>
    <row r="5541" spans="2:42" x14ac:dyDescent="0.3">
      <c r="B5541">
        <v>40.383616854676731</v>
      </c>
      <c r="C5541" s="83">
        <v>43331.791666666664</v>
      </c>
      <c r="D5541">
        <v>121006.5606</v>
      </c>
      <c r="E5541">
        <v>14541.226189999999</v>
      </c>
      <c r="F5541">
        <v>57994.904020000002</v>
      </c>
      <c r="G5541">
        <v>26337.107759999999</v>
      </c>
      <c r="H5541">
        <v>31748.749309999999</v>
      </c>
      <c r="I5541">
        <v>21928.259529999999</v>
      </c>
      <c r="J5541">
        <v>47407.488649999999</v>
      </c>
      <c r="K5541">
        <v>43866.895689999998</v>
      </c>
      <c r="L5541">
        <v>29146.073629999999</v>
      </c>
      <c r="M5541">
        <v>205894.51130000001</v>
      </c>
      <c r="N5541">
        <v>65553.615720000002</v>
      </c>
      <c r="O5541">
        <v>17052.874489999998</v>
      </c>
      <c r="P5541">
        <v>38429.505980000002</v>
      </c>
      <c r="Q5541">
        <v>47707.406089999997</v>
      </c>
      <c r="R5541">
        <v>18253.712479999998</v>
      </c>
      <c r="S5541">
        <v>79671.513439999995</v>
      </c>
      <c r="T5541">
        <v>22860.678169999999</v>
      </c>
      <c r="U5541">
        <v>12176.332899999999</v>
      </c>
      <c r="W5541" s="83">
        <f>Bühler!N5573</f>
        <v>45522.791666653233</v>
      </c>
      <c r="X5541" s="83">
        <v>43331.791666666664</v>
      </c>
      <c r="Y5541">
        <v>121006.5606</v>
      </c>
      <c r="Z5541">
        <v>14541.226189999999</v>
      </c>
      <c r="AA5541">
        <v>57994.904020000002</v>
      </c>
      <c r="AB5541">
        <v>26337.107759999999</v>
      </c>
      <c r="AC5541">
        <v>31748.749309999999</v>
      </c>
      <c r="AD5541">
        <v>21928.259529999999</v>
      </c>
      <c r="AE5541">
        <v>47407.488649999999</v>
      </c>
      <c r="AF5541">
        <v>43866.895689999998</v>
      </c>
      <c r="AG5541">
        <v>29146.073629999999</v>
      </c>
      <c r="AH5541">
        <v>205894.51130000001</v>
      </c>
      <c r="AI5541">
        <v>65553.615720000002</v>
      </c>
      <c r="AJ5541">
        <v>17052.874489999998</v>
      </c>
      <c r="AK5541">
        <v>38429.505980000002</v>
      </c>
      <c r="AL5541">
        <v>47707.406089999997</v>
      </c>
      <c r="AM5541">
        <v>18253.712479999998</v>
      </c>
      <c r="AN5541">
        <v>79671.513439999995</v>
      </c>
      <c r="AO5541">
        <v>22860.678169999999</v>
      </c>
      <c r="AP5541">
        <v>12176.332899999999</v>
      </c>
    </row>
    <row r="5542" spans="2:42" x14ac:dyDescent="0.3">
      <c r="B5542">
        <v>39.918992643959392</v>
      </c>
      <c r="C5542" s="83">
        <v>43331.833333333336</v>
      </c>
      <c r="D5542">
        <v>120381.435</v>
      </c>
      <c r="E5542">
        <v>12605.39673</v>
      </c>
      <c r="F5542">
        <v>54885.567349999998</v>
      </c>
      <c r="G5542">
        <v>26215.961889999999</v>
      </c>
      <c r="H5542">
        <v>31265.705099999999</v>
      </c>
      <c r="I5542">
        <v>21737.39243</v>
      </c>
      <c r="J5542">
        <v>46562.772920000003</v>
      </c>
      <c r="K5542">
        <v>44812.043429999998</v>
      </c>
      <c r="L5542">
        <v>29438.617910000001</v>
      </c>
      <c r="M5542">
        <v>203525.6404</v>
      </c>
      <c r="N5542">
        <v>64825.006500000003</v>
      </c>
      <c r="O5542">
        <v>16939.538079999998</v>
      </c>
      <c r="P5542">
        <v>38346.525390000003</v>
      </c>
      <c r="Q5542">
        <v>47666.78428</v>
      </c>
      <c r="R5542">
        <v>17965.912639999999</v>
      </c>
      <c r="S5542">
        <v>74923.370819999996</v>
      </c>
      <c r="T5542">
        <v>20464.66661</v>
      </c>
      <c r="U5542">
        <v>11597.38178</v>
      </c>
      <c r="W5542" s="83">
        <f>Bühler!N5574</f>
        <v>45522.833333319897</v>
      </c>
      <c r="X5542" s="83">
        <v>43331.833333333336</v>
      </c>
      <c r="Y5542">
        <v>120381.435</v>
      </c>
      <c r="Z5542">
        <v>12605.39673</v>
      </c>
      <c r="AA5542">
        <v>54885.567349999998</v>
      </c>
      <c r="AB5542">
        <v>26215.961889999999</v>
      </c>
      <c r="AC5542">
        <v>31265.705099999999</v>
      </c>
      <c r="AD5542">
        <v>21737.39243</v>
      </c>
      <c r="AE5542">
        <v>46562.772920000003</v>
      </c>
      <c r="AF5542">
        <v>44812.043429999998</v>
      </c>
      <c r="AG5542">
        <v>29438.617910000001</v>
      </c>
      <c r="AH5542">
        <v>203525.6404</v>
      </c>
      <c r="AI5542">
        <v>64825.006500000003</v>
      </c>
      <c r="AJ5542">
        <v>16939.538079999998</v>
      </c>
      <c r="AK5542">
        <v>38346.525390000003</v>
      </c>
      <c r="AL5542">
        <v>47666.78428</v>
      </c>
      <c r="AM5542">
        <v>17965.912639999999</v>
      </c>
      <c r="AN5542">
        <v>74923.370819999996</v>
      </c>
      <c r="AO5542">
        <v>20464.66661</v>
      </c>
      <c r="AP5542">
        <v>11597.38178</v>
      </c>
    </row>
    <row r="5543" spans="2:42" x14ac:dyDescent="0.3">
      <c r="B5543">
        <v>39.830423009541292</v>
      </c>
      <c r="C5543" s="83">
        <v>43331.875</v>
      </c>
      <c r="D5543">
        <v>121581.0926</v>
      </c>
      <c r="E5543">
        <v>12232.046469999999</v>
      </c>
      <c r="F5543">
        <v>52025.705379999999</v>
      </c>
      <c r="G5543">
        <v>26496.510679999999</v>
      </c>
      <c r="H5543">
        <v>32022.644329999999</v>
      </c>
      <c r="I5543">
        <v>21853.296050000001</v>
      </c>
      <c r="J5543">
        <v>47270.425750000002</v>
      </c>
      <c r="K5543">
        <v>45556.791080000003</v>
      </c>
      <c r="L5543">
        <v>28789.701389999998</v>
      </c>
      <c r="M5543">
        <v>203074.0711</v>
      </c>
      <c r="N5543">
        <v>65551.864719999998</v>
      </c>
      <c r="O5543">
        <v>16697.562020000001</v>
      </c>
      <c r="P5543">
        <v>37497.493069999997</v>
      </c>
      <c r="Q5543">
        <v>48129.279069999997</v>
      </c>
      <c r="R5543">
        <v>17939.562030000001</v>
      </c>
      <c r="S5543">
        <v>73479.731280000007</v>
      </c>
      <c r="T5543">
        <v>20309.377530000002</v>
      </c>
      <c r="U5543">
        <v>12116.72472</v>
      </c>
      <c r="W5543" s="83">
        <f>Bühler!N5575</f>
        <v>45522.874999986561</v>
      </c>
      <c r="X5543" s="83">
        <v>43331.875</v>
      </c>
      <c r="Y5543">
        <v>121581.0926</v>
      </c>
      <c r="Z5543">
        <v>12232.046469999999</v>
      </c>
      <c r="AA5543">
        <v>52025.705379999999</v>
      </c>
      <c r="AB5543">
        <v>26496.510679999999</v>
      </c>
      <c r="AC5543">
        <v>32022.644329999999</v>
      </c>
      <c r="AD5543">
        <v>21853.296050000001</v>
      </c>
      <c r="AE5543">
        <v>47270.425750000002</v>
      </c>
      <c r="AF5543">
        <v>45556.791080000003</v>
      </c>
      <c r="AG5543">
        <v>28789.701389999998</v>
      </c>
      <c r="AH5543">
        <v>203074.0711</v>
      </c>
      <c r="AI5543">
        <v>65551.864719999998</v>
      </c>
      <c r="AJ5543">
        <v>16697.562020000001</v>
      </c>
      <c r="AK5543">
        <v>37497.493069999997</v>
      </c>
      <c r="AL5543">
        <v>48129.279069999997</v>
      </c>
      <c r="AM5543">
        <v>17939.562030000001</v>
      </c>
      <c r="AN5543">
        <v>73479.731280000007</v>
      </c>
      <c r="AO5543">
        <v>20309.377530000002</v>
      </c>
      <c r="AP5543">
        <v>12116.72472</v>
      </c>
    </row>
    <row r="5544" spans="2:42" x14ac:dyDescent="0.3">
      <c r="B5544">
        <v>40.007703144267715</v>
      </c>
      <c r="C5544" s="83">
        <v>43331.916666666664</v>
      </c>
      <c r="D5544">
        <v>122084.7162</v>
      </c>
      <c r="E5544">
        <v>12056.74107</v>
      </c>
      <c r="F5544">
        <v>51099.71632</v>
      </c>
      <c r="G5544">
        <v>26971.970140000001</v>
      </c>
      <c r="H5544">
        <v>32754.898799999999</v>
      </c>
      <c r="I5544">
        <v>21551.285100000001</v>
      </c>
      <c r="J5544">
        <v>44831.914779999999</v>
      </c>
      <c r="K5544">
        <v>47890.273829999998</v>
      </c>
      <c r="L5544">
        <v>25773.23461</v>
      </c>
      <c r="M5544">
        <v>203977.92790000001</v>
      </c>
      <c r="N5544">
        <v>65446.598160000001</v>
      </c>
      <c r="O5544">
        <v>16988.659800000001</v>
      </c>
      <c r="P5544">
        <v>35346.531889999998</v>
      </c>
      <c r="Q5544">
        <v>49610.952210000003</v>
      </c>
      <c r="R5544">
        <v>18781.52087</v>
      </c>
      <c r="S5544">
        <v>73110.620320000002</v>
      </c>
      <c r="T5544">
        <v>20178.98227</v>
      </c>
      <c r="U5544">
        <v>13036.03075</v>
      </c>
      <c r="W5544" s="83">
        <f>Bühler!N5576</f>
        <v>45522.916666653226</v>
      </c>
      <c r="X5544" s="83">
        <v>43331.916666666664</v>
      </c>
      <c r="Y5544">
        <v>122084.7162</v>
      </c>
      <c r="Z5544">
        <v>12056.74107</v>
      </c>
      <c r="AA5544">
        <v>51099.71632</v>
      </c>
      <c r="AB5544">
        <v>26971.970140000001</v>
      </c>
      <c r="AC5544">
        <v>32754.898799999999</v>
      </c>
      <c r="AD5544">
        <v>21551.285100000001</v>
      </c>
      <c r="AE5544">
        <v>44831.914779999999</v>
      </c>
      <c r="AF5544">
        <v>47890.273829999998</v>
      </c>
      <c r="AG5544">
        <v>25773.23461</v>
      </c>
      <c r="AH5544">
        <v>203977.92790000001</v>
      </c>
      <c r="AI5544">
        <v>65446.598160000001</v>
      </c>
      <c r="AJ5544">
        <v>16988.659800000001</v>
      </c>
      <c r="AK5544">
        <v>35346.531889999998</v>
      </c>
      <c r="AL5544">
        <v>49610.952210000003</v>
      </c>
      <c r="AM5544">
        <v>18781.52087</v>
      </c>
      <c r="AN5544">
        <v>73110.620320000002</v>
      </c>
      <c r="AO5544">
        <v>20178.98227</v>
      </c>
      <c r="AP5544">
        <v>13036.03075</v>
      </c>
    </row>
    <row r="5545" spans="2:42" x14ac:dyDescent="0.3">
      <c r="B5545">
        <v>40.306878758598614</v>
      </c>
      <c r="C5545" s="83">
        <v>43331.958333333336</v>
      </c>
      <c r="D5545">
        <v>122779.6398</v>
      </c>
      <c r="E5545">
        <v>11673.043600000001</v>
      </c>
      <c r="F5545">
        <v>50312.425810000001</v>
      </c>
      <c r="G5545">
        <v>26981.053619999999</v>
      </c>
      <c r="H5545">
        <v>32228.596839999998</v>
      </c>
      <c r="I5545">
        <v>21134.96513</v>
      </c>
      <c r="J5545">
        <v>41038.735930000003</v>
      </c>
      <c r="K5545">
        <v>47581.70059</v>
      </c>
      <c r="L5545">
        <v>22036.550879999999</v>
      </c>
      <c r="M5545">
        <v>205503.2647</v>
      </c>
      <c r="N5545">
        <v>64610.860030000003</v>
      </c>
      <c r="O5545">
        <v>16971.389279999999</v>
      </c>
      <c r="P5545">
        <v>32045.693780000001</v>
      </c>
      <c r="Q5545">
        <v>50476.549630000001</v>
      </c>
      <c r="R5545">
        <v>19117.451929999999</v>
      </c>
      <c r="S5545">
        <v>71758.962469999999</v>
      </c>
      <c r="T5545">
        <v>19475.260259999999</v>
      </c>
      <c r="U5545">
        <v>12631.741599999999</v>
      </c>
      <c r="W5545" s="83">
        <f>Bühler!N5577</f>
        <v>45522.95833331989</v>
      </c>
      <c r="X5545" s="83">
        <v>43331.958333333336</v>
      </c>
      <c r="Y5545">
        <v>122779.6398</v>
      </c>
      <c r="Z5545">
        <v>11673.043600000001</v>
      </c>
      <c r="AA5545">
        <v>50312.425810000001</v>
      </c>
      <c r="AB5545">
        <v>26981.053619999999</v>
      </c>
      <c r="AC5545">
        <v>32228.596839999998</v>
      </c>
      <c r="AD5545">
        <v>21134.96513</v>
      </c>
      <c r="AE5545">
        <v>41038.735930000003</v>
      </c>
      <c r="AF5545">
        <v>47581.70059</v>
      </c>
      <c r="AG5545">
        <v>22036.550879999999</v>
      </c>
      <c r="AH5545">
        <v>205503.2647</v>
      </c>
      <c r="AI5545">
        <v>64610.860030000003</v>
      </c>
      <c r="AJ5545">
        <v>16971.389279999999</v>
      </c>
      <c r="AK5545">
        <v>32045.693780000001</v>
      </c>
      <c r="AL5545">
        <v>50476.549630000001</v>
      </c>
      <c r="AM5545">
        <v>19117.451929999999</v>
      </c>
      <c r="AN5545">
        <v>71758.962469999999</v>
      </c>
      <c r="AO5545">
        <v>19475.260259999999</v>
      </c>
      <c r="AP5545">
        <v>12631.741599999999</v>
      </c>
    </row>
    <row r="5546" spans="2:42" x14ac:dyDescent="0.3">
      <c r="B5546">
        <v>40.91667187901519</v>
      </c>
      <c r="C5546" s="83">
        <v>43332</v>
      </c>
      <c r="D5546">
        <v>127096.9359</v>
      </c>
      <c r="E5546">
        <v>11477.90338</v>
      </c>
      <c r="F5546">
        <v>50450.10598</v>
      </c>
      <c r="G5546">
        <v>28138.186570000002</v>
      </c>
      <c r="H5546">
        <v>32339.829419999998</v>
      </c>
      <c r="I5546">
        <v>19853.581310000001</v>
      </c>
      <c r="J5546">
        <v>37499.081480000001</v>
      </c>
      <c r="K5546">
        <v>46024.69326</v>
      </c>
      <c r="L5546">
        <v>18477.68147</v>
      </c>
      <c r="M5546">
        <v>208612.27439999999</v>
      </c>
      <c r="N5546">
        <v>64399.45205</v>
      </c>
      <c r="O5546">
        <v>16333.50655</v>
      </c>
      <c r="P5546">
        <v>28641.8485</v>
      </c>
      <c r="Q5546">
        <v>59070.344940000003</v>
      </c>
      <c r="R5546">
        <v>16622.950870000001</v>
      </c>
      <c r="S5546">
        <v>71541.345449999993</v>
      </c>
      <c r="T5546">
        <v>19133.599030000001</v>
      </c>
      <c r="U5546">
        <v>12563.303459999999</v>
      </c>
      <c r="W5546" s="83">
        <f>Bühler!N5578</f>
        <v>45522.999999986554</v>
      </c>
      <c r="X5546" s="83">
        <v>43332</v>
      </c>
      <c r="Y5546">
        <v>127096.9359</v>
      </c>
      <c r="Z5546">
        <v>11477.90338</v>
      </c>
      <c r="AA5546">
        <v>50450.10598</v>
      </c>
      <c r="AB5546">
        <v>28138.186570000002</v>
      </c>
      <c r="AC5546">
        <v>32339.829419999998</v>
      </c>
      <c r="AD5546">
        <v>19853.581310000001</v>
      </c>
      <c r="AE5546">
        <v>37499.081480000001</v>
      </c>
      <c r="AF5546">
        <v>46024.69326</v>
      </c>
      <c r="AG5546">
        <v>18477.68147</v>
      </c>
      <c r="AH5546">
        <v>208612.27439999999</v>
      </c>
      <c r="AI5546">
        <v>64399.45205</v>
      </c>
      <c r="AJ5546">
        <v>16333.50655</v>
      </c>
      <c r="AK5546">
        <v>28641.8485</v>
      </c>
      <c r="AL5546">
        <v>59070.344940000003</v>
      </c>
      <c r="AM5546">
        <v>16622.950870000001</v>
      </c>
      <c r="AN5546">
        <v>71541.345449999993</v>
      </c>
      <c r="AO5546">
        <v>19133.599030000001</v>
      </c>
      <c r="AP5546">
        <v>12563.303459999999</v>
      </c>
    </row>
    <row r="5547" spans="2:42" x14ac:dyDescent="0.3">
      <c r="B5547">
        <v>41.157375968772755</v>
      </c>
      <c r="C5547" s="83">
        <v>43332.041666666664</v>
      </c>
      <c r="D5547">
        <v>127663.87579999999</v>
      </c>
      <c r="E5547">
        <v>11365.438099999999</v>
      </c>
      <c r="F5547">
        <v>51035.163330000003</v>
      </c>
      <c r="G5547">
        <v>27768.56522</v>
      </c>
      <c r="H5547">
        <v>31736.7798</v>
      </c>
      <c r="I5547">
        <v>16580.65021</v>
      </c>
      <c r="J5547">
        <v>36014.816570000003</v>
      </c>
      <c r="K5547">
        <v>44578.962619999998</v>
      </c>
      <c r="L5547">
        <v>16868.992259999999</v>
      </c>
      <c r="M5547">
        <v>209839.49609999999</v>
      </c>
      <c r="N5547">
        <v>63569.52953</v>
      </c>
      <c r="O5547">
        <v>15966.14244</v>
      </c>
      <c r="P5547">
        <v>26360.467659999998</v>
      </c>
      <c r="Q5547">
        <v>61685.410989999997</v>
      </c>
      <c r="R5547">
        <v>14719.51303</v>
      </c>
      <c r="S5547">
        <v>70103.582710000002</v>
      </c>
      <c r="T5547">
        <v>18384.453740000001</v>
      </c>
      <c r="U5547">
        <v>11752.708119999999</v>
      </c>
      <c r="W5547" s="83">
        <f>Bühler!N5579</f>
        <v>45523.041666653218</v>
      </c>
      <c r="X5547" s="83">
        <v>43332.041666666664</v>
      </c>
      <c r="Y5547">
        <v>127663.87579999999</v>
      </c>
      <c r="Z5547">
        <v>11365.438099999999</v>
      </c>
      <c r="AA5547">
        <v>51035.163330000003</v>
      </c>
      <c r="AB5547">
        <v>27768.56522</v>
      </c>
      <c r="AC5547">
        <v>31736.7798</v>
      </c>
      <c r="AD5547">
        <v>16580.65021</v>
      </c>
      <c r="AE5547">
        <v>36014.816570000003</v>
      </c>
      <c r="AF5547">
        <v>44578.962619999998</v>
      </c>
      <c r="AG5547">
        <v>16868.992259999999</v>
      </c>
      <c r="AH5547">
        <v>209839.49609999999</v>
      </c>
      <c r="AI5547">
        <v>63569.52953</v>
      </c>
      <c r="AJ5547">
        <v>15966.14244</v>
      </c>
      <c r="AK5547">
        <v>26360.467659999998</v>
      </c>
      <c r="AL5547">
        <v>61685.410989999997</v>
      </c>
      <c r="AM5547">
        <v>14719.51303</v>
      </c>
      <c r="AN5547">
        <v>70103.582710000002</v>
      </c>
      <c r="AO5547">
        <v>18384.453740000001</v>
      </c>
      <c r="AP5547">
        <v>11752.708119999999</v>
      </c>
    </row>
    <row r="5548" spans="2:42" x14ac:dyDescent="0.3">
      <c r="B5548">
        <v>41.616001199022513</v>
      </c>
      <c r="C5548" s="83">
        <v>43332.083333333336</v>
      </c>
      <c r="D5548">
        <v>128643.5076</v>
      </c>
      <c r="E5548">
        <v>11277.25361</v>
      </c>
      <c r="F5548">
        <v>51976.136050000001</v>
      </c>
      <c r="G5548">
        <v>27294.262119999999</v>
      </c>
      <c r="H5548">
        <v>31509.075929999999</v>
      </c>
      <c r="I5548">
        <v>15136.50246</v>
      </c>
      <c r="J5548">
        <v>35561.755169999997</v>
      </c>
      <c r="K5548">
        <v>43360.703479999996</v>
      </c>
      <c r="L5548">
        <v>16144.405510000001</v>
      </c>
      <c r="M5548">
        <v>212177.78140000001</v>
      </c>
      <c r="N5548">
        <v>63169.812980000002</v>
      </c>
      <c r="O5548">
        <v>15626.827090000001</v>
      </c>
      <c r="P5548">
        <v>25137.305609999999</v>
      </c>
      <c r="Q5548">
        <v>64812.876880000003</v>
      </c>
      <c r="R5548">
        <v>15182.52234</v>
      </c>
      <c r="S5548">
        <v>69411.426739999995</v>
      </c>
      <c r="T5548">
        <v>18005.0635</v>
      </c>
      <c r="U5548">
        <v>12012.869339999999</v>
      </c>
      <c r="W5548" s="83">
        <f>Bühler!N5580</f>
        <v>45523.083333319883</v>
      </c>
      <c r="X5548" s="83">
        <v>43332.083333333336</v>
      </c>
      <c r="Y5548">
        <v>128643.5076</v>
      </c>
      <c r="Z5548">
        <v>11277.25361</v>
      </c>
      <c r="AA5548">
        <v>51976.136050000001</v>
      </c>
      <c r="AB5548">
        <v>27294.262119999999</v>
      </c>
      <c r="AC5548">
        <v>31509.075929999999</v>
      </c>
      <c r="AD5548">
        <v>15136.50246</v>
      </c>
      <c r="AE5548">
        <v>35561.755169999997</v>
      </c>
      <c r="AF5548">
        <v>43360.703479999996</v>
      </c>
      <c r="AG5548">
        <v>16144.405510000001</v>
      </c>
      <c r="AH5548">
        <v>212177.78140000001</v>
      </c>
      <c r="AI5548">
        <v>63169.812980000002</v>
      </c>
      <c r="AJ5548">
        <v>15626.827090000001</v>
      </c>
      <c r="AK5548">
        <v>25137.305609999999</v>
      </c>
      <c r="AL5548">
        <v>64812.876880000003</v>
      </c>
      <c r="AM5548">
        <v>15182.52234</v>
      </c>
      <c r="AN5548">
        <v>69411.426739999995</v>
      </c>
      <c r="AO5548">
        <v>18005.0635</v>
      </c>
      <c r="AP5548">
        <v>12012.869339999999</v>
      </c>
    </row>
    <row r="5549" spans="2:42" x14ac:dyDescent="0.3">
      <c r="B5549">
        <v>42.985073961660902</v>
      </c>
      <c r="C5549" s="83">
        <v>43332.125</v>
      </c>
      <c r="D5549">
        <v>129916.9967</v>
      </c>
      <c r="E5549">
        <v>11470.76629</v>
      </c>
      <c r="F5549">
        <v>53529.236349999999</v>
      </c>
      <c r="G5549">
        <v>26407.5088</v>
      </c>
      <c r="H5549">
        <v>31615.119739999998</v>
      </c>
      <c r="I5549">
        <v>14933.52205</v>
      </c>
      <c r="J5549">
        <v>35281.441989999999</v>
      </c>
      <c r="K5549">
        <v>42462.98558</v>
      </c>
      <c r="L5549">
        <v>15405.65941</v>
      </c>
      <c r="M5549">
        <v>219157.9528</v>
      </c>
      <c r="N5549">
        <v>62162.008809999999</v>
      </c>
      <c r="O5549">
        <v>15760.69325</v>
      </c>
      <c r="P5549">
        <v>24569.310539999999</v>
      </c>
      <c r="Q5549">
        <v>69750.716969999994</v>
      </c>
      <c r="R5549">
        <v>14825.508250000001</v>
      </c>
      <c r="S5549">
        <v>68801.206999999995</v>
      </c>
      <c r="T5549">
        <v>17547.797709999999</v>
      </c>
      <c r="U5549">
        <v>12165.858620000001</v>
      </c>
      <c r="W5549" s="83">
        <f>Bühler!N5581</f>
        <v>45523.124999986547</v>
      </c>
      <c r="X5549" s="83">
        <v>43332.125</v>
      </c>
      <c r="Y5549">
        <v>129916.9967</v>
      </c>
      <c r="Z5549">
        <v>11470.76629</v>
      </c>
      <c r="AA5549">
        <v>53529.236349999999</v>
      </c>
      <c r="AB5549">
        <v>26407.5088</v>
      </c>
      <c r="AC5549">
        <v>31615.119739999998</v>
      </c>
      <c r="AD5549">
        <v>14933.52205</v>
      </c>
      <c r="AE5549">
        <v>35281.441989999999</v>
      </c>
      <c r="AF5549">
        <v>42462.98558</v>
      </c>
      <c r="AG5549">
        <v>15405.65941</v>
      </c>
      <c r="AH5549">
        <v>219157.9528</v>
      </c>
      <c r="AI5549">
        <v>62162.008809999999</v>
      </c>
      <c r="AJ5549">
        <v>15760.69325</v>
      </c>
      <c r="AK5549">
        <v>24569.310539999999</v>
      </c>
      <c r="AL5549">
        <v>69750.716969999994</v>
      </c>
      <c r="AM5549">
        <v>14825.508250000001</v>
      </c>
      <c r="AN5549">
        <v>68801.206999999995</v>
      </c>
      <c r="AO5549">
        <v>17547.797709999999</v>
      </c>
      <c r="AP5549">
        <v>12165.858620000001</v>
      </c>
    </row>
    <row r="5550" spans="2:42" x14ac:dyDescent="0.3">
      <c r="B5550">
        <v>46.619807557429219</v>
      </c>
      <c r="C5550" s="83">
        <v>43332.166666666664</v>
      </c>
      <c r="D5550">
        <v>135085.09580000001</v>
      </c>
      <c r="E5550">
        <v>12091.40292</v>
      </c>
      <c r="F5550">
        <v>57449.502829999998</v>
      </c>
      <c r="G5550">
        <v>25634.625090000001</v>
      </c>
      <c r="H5550">
        <v>32034.539990000001</v>
      </c>
      <c r="I5550">
        <v>16414.761050000001</v>
      </c>
      <c r="J5550">
        <v>36997.404470000001</v>
      </c>
      <c r="K5550">
        <v>41435.927689999997</v>
      </c>
      <c r="L5550">
        <v>15749.433069999999</v>
      </c>
      <c r="M5550">
        <v>237689.5197</v>
      </c>
      <c r="N5550">
        <v>61415.708659999997</v>
      </c>
      <c r="O5550">
        <v>15878.48079</v>
      </c>
      <c r="P5550">
        <v>24324.489979999998</v>
      </c>
      <c r="Q5550">
        <v>75413.960980000003</v>
      </c>
      <c r="R5550">
        <v>14259.35115</v>
      </c>
      <c r="S5550">
        <v>69520.296019999994</v>
      </c>
      <c r="T5550">
        <v>17268.56985</v>
      </c>
      <c r="U5550">
        <v>12475.667530000001</v>
      </c>
      <c r="W5550" s="83">
        <f>Bühler!N5582</f>
        <v>45523.166666653211</v>
      </c>
      <c r="X5550" s="83">
        <v>43332.166666666664</v>
      </c>
      <c r="Y5550">
        <v>135085.09580000001</v>
      </c>
      <c r="Z5550">
        <v>12091.40292</v>
      </c>
      <c r="AA5550">
        <v>57449.502829999998</v>
      </c>
      <c r="AB5550">
        <v>25634.625090000001</v>
      </c>
      <c r="AC5550">
        <v>32034.539990000001</v>
      </c>
      <c r="AD5550">
        <v>16414.761050000001</v>
      </c>
      <c r="AE5550">
        <v>36997.404470000001</v>
      </c>
      <c r="AF5550">
        <v>41435.927689999997</v>
      </c>
      <c r="AG5550">
        <v>15749.433069999999</v>
      </c>
      <c r="AH5550">
        <v>237689.5197</v>
      </c>
      <c r="AI5550">
        <v>61415.708659999997</v>
      </c>
      <c r="AJ5550">
        <v>15878.48079</v>
      </c>
      <c r="AK5550">
        <v>24324.489979999998</v>
      </c>
      <c r="AL5550">
        <v>75413.960980000003</v>
      </c>
      <c r="AM5550">
        <v>14259.35115</v>
      </c>
      <c r="AN5550">
        <v>69520.296019999994</v>
      </c>
      <c r="AO5550">
        <v>17268.56985</v>
      </c>
      <c r="AP5550">
        <v>12475.667530000001</v>
      </c>
    </row>
    <row r="5551" spans="2:42" x14ac:dyDescent="0.3">
      <c r="B5551">
        <v>52.588747658017816</v>
      </c>
      <c r="C5551" s="83">
        <v>43332.208333333336</v>
      </c>
      <c r="D5551">
        <v>150663.99770000001</v>
      </c>
      <c r="E5551">
        <v>13873.7328</v>
      </c>
      <c r="F5551">
        <v>66709.268419999993</v>
      </c>
      <c r="G5551">
        <v>26415.461190000002</v>
      </c>
      <c r="H5551">
        <v>33838.203479999996</v>
      </c>
      <c r="I5551">
        <v>21983.08034</v>
      </c>
      <c r="J5551">
        <v>40502.491650000004</v>
      </c>
      <c r="K5551">
        <v>41752.343480000003</v>
      </c>
      <c r="L5551">
        <v>16318.887129999999</v>
      </c>
      <c r="M5551">
        <v>268121.95990000002</v>
      </c>
      <c r="N5551">
        <v>65079.944920000002</v>
      </c>
      <c r="O5551">
        <v>16464.160820000001</v>
      </c>
      <c r="P5551">
        <v>25420.186849999998</v>
      </c>
      <c r="Q5551">
        <v>81250.262780000005</v>
      </c>
      <c r="R5551">
        <v>16373.99223</v>
      </c>
      <c r="S5551">
        <v>71330.645550000001</v>
      </c>
      <c r="T5551">
        <v>18122.572639999999</v>
      </c>
      <c r="U5551">
        <v>13861.285</v>
      </c>
      <c r="W5551" s="83">
        <f>Bühler!N5583</f>
        <v>45523.208333319875</v>
      </c>
      <c r="X5551" s="83">
        <v>43332.208333333336</v>
      </c>
      <c r="Y5551">
        <v>150663.99770000001</v>
      </c>
      <c r="Z5551">
        <v>13873.7328</v>
      </c>
      <c r="AA5551">
        <v>66709.268419999993</v>
      </c>
      <c r="AB5551">
        <v>26415.461190000002</v>
      </c>
      <c r="AC5551">
        <v>33838.203479999996</v>
      </c>
      <c r="AD5551">
        <v>21983.08034</v>
      </c>
      <c r="AE5551">
        <v>40502.491650000004</v>
      </c>
      <c r="AF5551">
        <v>41752.343480000003</v>
      </c>
      <c r="AG5551">
        <v>16318.887129999999</v>
      </c>
      <c r="AH5551">
        <v>268121.95990000002</v>
      </c>
      <c r="AI5551">
        <v>65079.944920000002</v>
      </c>
      <c r="AJ5551">
        <v>16464.160820000001</v>
      </c>
      <c r="AK5551">
        <v>25420.186849999998</v>
      </c>
      <c r="AL5551">
        <v>81250.262780000005</v>
      </c>
      <c r="AM5551">
        <v>16373.99223</v>
      </c>
      <c r="AN5551">
        <v>71330.645550000001</v>
      </c>
      <c r="AO5551">
        <v>18122.572639999999</v>
      </c>
      <c r="AP5551">
        <v>13861.285</v>
      </c>
    </row>
    <row r="5552" spans="2:42" x14ac:dyDescent="0.3">
      <c r="B5552">
        <v>57.730453308651747</v>
      </c>
      <c r="C5552" s="83">
        <v>43332.25</v>
      </c>
      <c r="D5552">
        <v>166771.1465</v>
      </c>
      <c r="E5552">
        <v>17220.215749999999</v>
      </c>
      <c r="F5552">
        <v>77032.615869999994</v>
      </c>
      <c r="G5552">
        <v>28740.837459999999</v>
      </c>
      <c r="H5552">
        <v>35631.800369999997</v>
      </c>
      <c r="I5552">
        <v>26558.821980000001</v>
      </c>
      <c r="J5552">
        <v>43649.778530000003</v>
      </c>
      <c r="K5552">
        <v>43755.685669999999</v>
      </c>
      <c r="L5552">
        <v>17502.898649999999</v>
      </c>
      <c r="M5552">
        <v>294336.77309999999</v>
      </c>
      <c r="N5552">
        <v>69444.041649999999</v>
      </c>
      <c r="O5552">
        <v>17534.978889999999</v>
      </c>
      <c r="P5552">
        <v>26200.91142</v>
      </c>
      <c r="Q5552">
        <v>84291.976060000001</v>
      </c>
      <c r="R5552">
        <v>16609.194159999999</v>
      </c>
      <c r="S5552">
        <v>79232.851689999996</v>
      </c>
      <c r="T5552">
        <v>19865.55128</v>
      </c>
      <c r="U5552">
        <v>15528.02505</v>
      </c>
      <c r="W5552" s="83">
        <f>Bühler!N5584</f>
        <v>45523.249999986539</v>
      </c>
      <c r="X5552" s="83">
        <v>43332.25</v>
      </c>
      <c r="Y5552">
        <v>166771.1465</v>
      </c>
      <c r="Z5552">
        <v>17220.215749999999</v>
      </c>
      <c r="AA5552">
        <v>77032.615869999994</v>
      </c>
      <c r="AB5552">
        <v>28740.837459999999</v>
      </c>
      <c r="AC5552">
        <v>35631.800369999997</v>
      </c>
      <c r="AD5552">
        <v>26558.821980000001</v>
      </c>
      <c r="AE5552">
        <v>43649.778530000003</v>
      </c>
      <c r="AF5552">
        <v>43755.685669999999</v>
      </c>
      <c r="AG5552">
        <v>17502.898649999999</v>
      </c>
      <c r="AH5552">
        <v>294336.77309999999</v>
      </c>
      <c r="AI5552">
        <v>69444.041649999999</v>
      </c>
      <c r="AJ5552">
        <v>17534.978889999999</v>
      </c>
      <c r="AK5552">
        <v>26200.91142</v>
      </c>
      <c r="AL5552">
        <v>84291.976060000001</v>
      </c>
      <c r="AM5552">
        <v>16609.194159999999</v>
      </c>
      <c r="AN5552">
        <v>79232.851689999996</v>
      </c>
      <c r="AO5552">
        <v>19865.55128</v>
      </c>
      <c r="AP5552">
        <v>15528.02505</v>
      </c>
    </row>
    <row r="5553" spans="2:42" x14ac:dyDescent="0.3">
      <c r="B5553">
        <v>61.021187928577596</v>
      </c>
      <c r="C5553" s="83">
        <v>43332.291666666664</v>
      </c>
      <c r="D5553">
        <v>177658.06770000001</v>
      </c>
      <c r="E5553">
        <v>20771.038629999999</v>
      </c>
      <c r="F5553">
        <v>79509.107059999995</v>
      </c>
      <c r="G5553">
        <v>31470.408210000001</v>
      </c>
      <c r="H5553">
        <v>38794.350440000002</v>
      </c>
      <c r="I5553">
        <v>30091.341219999998</v>
      </c>
      <c r="J5553">
        <v>43897.187270000002</v>
      </c>
      <c r="K5553">
        <v>47071.031439999999</v>
      </c>
      <c r="L5553">
        <v>19753.290110000002</v>
      </c>
      <c r="M5553">
        <v>311114.47279999999</v>
      </c>
      <c r="N5553">
        <v>73471.060570000001</v>
      </c>
      <c r="O5553">
        <v>19301.703300000001</v>
      </c>
      <c r="P5553">
        <v>28972.015820000001</v>
      </c>
      <c r="Q5553">
        <v>86441.093930000003</v>
      </c>
      <c r="R5553">
        <v>18670.931970000001</v>
      </c>
      <c r="S5553">
        <v>92091.054390000005</v>
      </c>
      <c r="T5553">
        <v>22598.63235</v>
      </c>
      <c r="U5553">
        <v>18390.107370000002</v>
      </c>
      <c r="W5553" s="83">
        <f>Bühler!N5585</f>
        <v>45523.291666653204</v>
      </c>
      <c r="X5553" s="83">
        <v>43332.291666666664</v>
      </c>
      <c r="Y5553">
        <v>177658.06770000001</v>
      </c>
      <c r="Z5553">
        <v>20771.038629999999</v>
      </c>
      <c r="AA5553">
        <v>79509.107059999995</v>
      </c>
      <c r="AB5553">
        <v>31470.408210000001</v>
      </c>
      <c r="AC5553">
        <v>38794.350440000002</v>
      </c>
      <c r="AD5553">
        <v>30091.341219999998</v>
      </c>
      <c r="AE5553">
        <v>43897.187270000002</v>
      </c>
      <c r="AF5553">
        <v>47071.031439999999</v>
      </c>
      <c r="AG5553">
        <v>19753.290110000002</v>
      </c>
      <c r="AH5553">
        <v>311114.47279999999</v>
      </c>
      <c r="AI5553">
        <v>73471.060570000001</v>
      </c>
      <c r="AJ5553">
        <v>19301.703300000001</v>
      </c>
      <c r="AK5553">
        <v>28972.015820000001</v>
      </c>
      <c r="AL5553">
        <v>86441.093930000003</v>
      </c>
      <c r="AM5553">
        <v>18670.931970000001</v>
      </c>
      <c r="AN5553">
        <v>92091.054390000005</v>
      </c>
      <c r="AO5553">
        <v>22598.63235</v>
      </c>
      <c r="AP5553">
        <v>18390.107370000002</v>
      </c>
    </row>
    <row r="5554" spans="2:42" x14ac:dyDescent="0.3">
      <c r="B5554">
        <v>63.433935973763596</v>
      </c>
      <c r="C5554" s="83">
        <v>43332.333333333336</v>
      </c>
      <c r="D5554">
        <v>189117.89610000001</v>
      </c>
      <c r="E5554">
        <v>25763.839639999998</v>
      </c>
      <c r="F5554">
        <v>86103.842069999999</v>
      </c>
      <c r="G5554">
        <v>35803.045879999998</v>
      </c>
      <c r="H5554">
        <v>41891.350019999998</v>
      </c>
      <c r="I5554">
        <v>32530.239239999999</v>
      </c>
      <c r="J5554">
        <v>47199.811970000002</v>
      </c>
      <c r="K5554">
        <v>51915.526339999997</v>
      </c>
      <c r="L5554">
        <v>22711.697189999999</v>
      </c>
      <c r="M5554">
        <v>323415.78749999998</v>
      </c>
      <c r="N5554">
        <v>80609.493409999995</v>
      </c>
      <c r="O5554">
        <v>21462.084920000001</v>
      </c>
      <c r="P5554">
        <v>32765.666509999999</v>
      </c>
      <c r="Q5554">
        <v>89022.767829999997</v>
      </c>
      <c r="R5554">
        <v>20521.218280000001</v>
      </c>
      <c r="S5554">
        <v>102413.3348</v>
      </c>
      <c r="T5554">
        <v>24728.460149999999</v>
      </c>
      <c r="U5554">
        <v>21152.609649999999</v>
      </c>
      <c r="W5554" s="83">
        <f>Bühler!N5586</f>
        <v>45523.333333319868</v>
      </c>
      <c r="X5554" s="83">
        <v>43332.333333333336</v>
      </c>
      <c r="Y5554">
        <v>189117.89610000001</v>
      </c>
      <c r="Z5554">
        <v>25763.839639999998</v>
      </c>
      <c r="AA5554">
        <v>86103.842069999999</v>
      </c>
      <c r="AB5554">
        <v>35803.045879999998</v>
      </c>
      <c r="AC5554">
        <v>41891.350019999998</v>
      </c>
      <c r="AD5554">
        <v>32530.239239999999</v>
      </c>
      <c r="AE5554">
        <v>47199.811970000002</v>
      </c>
      <c r="AF5554">
        <v>51915.526339999997</v>
      </c>
      <c r="AG5554">
        <v>22711.697189999999</v>
      </c>
      <c r="AH5554">
        <v>323415.78749999998</v>
      </c>
      <c r="AI5554">
        <v>80609.493409999995</v>
      </c>
      <c r="AJ5554">
        <v>21462.084920000001</v>
      </c>
      <c r="AK5554">
        <v>32765.666509999999</v>
      </c>
      <c r="AL5554">
        <v>89022.767829999997</v>
      </c>
      <c r="AM5554">
        <v>20521.218280000001</v>
      </c>
      <c r="AN5554">
        <v>102413.3348</v>
      </c>
      <c r="AO5554">
        <v>24728.460149999999</v>
      </c>
      <c r="AP5554">
        <v>21152.609649999999</v>
      </c>
    </row>
    <row r="5555" spans="2:42" x14ac:dyDescent="0.3">
      <c r="B5555">
        <v>64.720735054108914</v>
      </c>
      <c r="C5555" s="83">
        <v>43332.375</v>
      </c>
      <c r="D5555">
        <v>193696.2182</v>
      </c>
      <c r="E5555">
        <v>30046.93838</v>
      </c>
      <c r="F5555">
        <v>93463.359429999997</v>
      </c>
      <c r="G5555">
        <v>37863.304279999997</v>
      </c>
      <c r="H5555">
        <v>44311.48532</v>
      </c>
      <c r="I5555">
        <v>32196.822390000001</v>
      </c>
      <c r="J5555">
        <v>49159.984069999999</v>
      </c>
      <c r="K5555">
        <v>55462.98186</v>
      </c>
      <c r="L5555">
        <v>26505.943309999999</v>
      </c>
      <c r="M5555">
        <v>329976.48930000002</v>
      </c>
      <c r="N5555">
        <v>86153.738129999998</v>
      </c>
      <c r="O5555">
        <v>23322.434880000001</v>
      </c>
      <c r="P5555">
        <v>35842.419609999997</v>
      </c>
      <c r="Q5555">
        <v>92686.130829999995</v>
      </c>
      <c r="R5555">
        <v>21426.685710000002</v>
      </c>
      <c r="S5555">
        <v>108099.4488</v>
      </c>
      <c r="T5555">
        <v>26775.998520000001</v>
      </c>
      <c r="U5555">
        <v>21945.339660000001</v>
      </c>
      <c r="W5555" s="83">
        <f>Bühler!N5587</f>
        <v>45523.374999986532</v>
      </c>
      <c r="X5555" s="83">
        <v>43332.375</v>
      </c>
      <c r="Y5555">
        <v>193696.2182</v>
      </c>
      <c r="Z5555">
        <v>30046.93838</v>
      </c>
      <c r="AA5555">
        <v>93463.359429999997</v>
      </c>
      <c r="AB5555">
        <v>37863.304279999997</v>
      </c>
      <c r="AC5555">
        <v>44311.48532</v>
      </c>
      <c r="AD5555">
        <v>32196.822390000001</v>
      </c>
      <c r="AE5555">
        <v>49159.984069999999</v>
      </c>
      <c r="AF5555">
        <v>55462.98186</v>
      </c>
      <c r="AG5555">
        <v>26505.943309999999</v>
      </c>
      <c r="AH5555">
        <v>329976.48930000002</v>
      </c>
      <c r="AI5555">
        <v>86153.738129999998</v>
      </c>
      <c r="AJ5555">
        <v>23322.434880000001</v>
      </c>
      <c r="AK5555">
        <v>35842.419609999997</v>
      </c>
      <c r="AL5555">
        <v>92686.130829999995</v>
      </c>
      <c r="AM5555">
        <v>21426.685710000002</v>
      </c>
      <c r="AN5555">
        <v>108099.4488</v>
      </c>
      <c r="AO5555">
        <v>26775.998520000001</v>
      </c>
      <c r="AP5555">
        <v>21945.339660000001</v>
      </c>
    </row>
    <row r="5556" spans="2:42" x14ac:dyDescent="0.3">
      <c r="B5556">
        <v>66.869577130370956</v>
      </c>
      <c r="C5556" s="83">
        <v>43332.416666666664</v>
      </c>
      <c r="D5556">
        <v>197049.2009</v>
      </c>
      <c r="E5556">
        <v>31958.942920000001</v>
      </c>
      <c r="F5556">
        <v>95225.894549999997</v>
      </c>
      <c r="G5556">
        <v>38935.666550000002</v>
      </c>
      <c r="H5556">
        <v>45636.280070000001</v>
      </c>
      <c r="I5556">
        <v>30936.674719999999</v>
      </c>
      <c r="J5556">
        <v>50078.35153</v>
      </c>
      <c r="K5556">
        <v>58275.111599999997</v>
      </c>
      <c r="L5556">
        <v>29897.022560000001</v>
      </c>
      <c r="M5556">
        <v>340932.28830000001</v>
      </c>
      <c r="N5556">
        <v>88103.006099999999</v>
      </c>
      <c r="O5556">
        <v>24979.127980000001</v>
      </c>
      <c r="P5556">
        <v>37011.578820000002</v>
      </c>
      <c r="Q5556">
        <v>94205.096170000004</v>
      </c>
      <c r="R5556">
        <v>22624.552540000001</v>
      </c>
      <c r="S5556">
        <v>110179.4139</v>
      </c>
      <c r="T5556">
        <v>28847.645990000001</v>
      </c>
      <c r="U5556">
        <v>22183.366880000001</v>
      </c>
      <c r="W5556" s="83">
        <f>Bühler!N5588</f>
        <v>45523.416666653196</v>
      </c>
      <c r="X5556" s="83">
        <v>43332.416666666664</v>
      </c>
      <c r="Y5556">
        <v>197049.2009</v>
      </c>
      <c r="Z5556">
        <v>31958.942920000001</v>
      </c>
      <c r="AA5556">
        <v>95225.894549999997</v>
      </c>
      <c r="AB5556">
        <v>38935.666550000002</v>
      </c>
      <c r="AC5556">
        <v>45636.280070000001</v>
      </c>
      <c r="AD5556">
        <v>30936.674719999999</v>
      </c>
      <c r="AE5556">
        <v>50078.35153</v>
      </c>
      <c r="AF5556">
        <v>58275.111599999997</v>
      </c>
      <c r="AG5556">
        <v>29897.022560000001</v>
      </c>
      <c r="AH5556">
        <v>340932.28830000001</v>
      </c>
      <c r="AI5556">
        <v>88103.006099999999</v>
      </c>
      <c r="AJ5556">
        <v>24979.127980000001</v>
      </c>
      <c r="AK5556">
        <v>37011.578820000002</v>
      </c>
      <c r="AL5556">
        <v>94205.096170000004</v>
      </c>
      <c r="AM5556">
        <v>22624.552540000001</v>
      </c>
      <c r="AN5556">
        <v>110179.4139</v>
      </c>
      <c r="AO5556">
        <v>28847.645990000001</v>
      </c>
      <c r="AP5556">
        <v>22183.366880000001</v>
      </c>
    </row>
    <row r="5557" spans="2:42" x14ac:dyDescent="0.3">
      <c r="B5557">
        <v>67.820813654203675</v>
      </c>
      <c r="C5557" s="83">
        <v>43332.458333333336</v>
      </c>
      <c r="D5557">
        <v>200112.03460000001</v>
      </c>
      <c r="E5557">
        <v>32420.2166</v>
      </c>
      <c r="F5557">
        <v>97334.572899999999</v>
      </c>
      <c r="G5557">
        <v>39779.552060000002</v>
      </c>
      <c r="H5557">
        <v>45691.895909999999</v>
      </c>
      <c r="I5557">
        <v>31377.114000000001</v>
      </c>
      <c r="J5557">
        <v>50082.965129999997</v>
      </c>
      <c r="K5557">
        <v>59392.734279999997</v>
      </c>
      <c r="L5557">
        <v>31188.049790000001</v>
      </c>
      <c r="M5557">
        <v>345782.13569999998</v>
      </c>
      <c r="N5557">
        <v>89266.755999999994</v>
      </c>
      <c r="O5557">
        <v>24617.022079999999</v>
      </c>
      <c r="P5557">
        <v>37239.594190000003</v>
      </c>
      <c r="Q5557">
        <v>95760.032070000001</v>
      </c>
      <c r="R5557">
        <v>23764.25864</v>
      </c>
      <c r="S5557">
        <v>113094.4955</v>
      </c>
      <c r="T5557">
        <v>29429.689630000001</v>
      </c>
      <c r="U5557">
        <v>21815.799510000001</v>
      </c>
      <c r="W5557" s="83">
        <f>Bühler!N5589</f>
        <v>45523.458333319861</v>
      </c>
      <c r="X5557" s="83">
        <v>43332.458333333336</v>
      </c>
      <c r="Y5557">
        <v>200112.03460000001</v>
      </c>
      <c r="Z5557">
        <v>32420.2166</v>
      </c>
      <c r="AA5557">
        <v>97334.572899999999</v>
      </c>
      <c r="AB5557">
        <v>39779.552060000002</v>
      </c>
      <c r="AC5557">
        <v>45691.895909999999</v>
      </c>
      <c r="AD5557">
        <v>31377.114000000001</v>
      </c>
      <c r="AE5557">
        <v>50082.965129999997</v>
      </c>
      <c r="AF5557">
        <v>59392.734279999997</v>
      </c>
      <c r="AG5557">
        <v>31188.049790000001</v>
      </c>
      <c r="AH5557">
        <v>345782.13569999998</v>
      </c>
      <c r="AI5557">
        <v>89266.755999999994</v>
      </c>
      <c r="AJ5557">
        <v>24617.022079999999</v>
      </c>
      <c r="AK5557">
        <v>37239.594190000003</v>
      </c>
      <c r="AL5557">
        <v>95760.032070000001</v>
      </c>
      <c r="AM5557">
        <v>23764.25864</v>
      </c>
      <c r="AN5557">
        <v>113094.4955</v>
      </c>
      <c r="AO5557">
        <v>29429.689630000001</v>
      </c>
      <c r="AP5557">
        <v>21815.799510000001</v>
      </c>
    </row>
    <row r="5558" spans="2:42" x14ac:dyDescent="0.3">
      <c r="B5558">
        <v>67.793088336329802</v>
      </c>
      <c r="C5558" s="83">
        <v>43332.5</v>
      </c>
      <c r="D5558">
        <v>194834.2726</v>
      </c>
      <c r="E5558">
        <v>30094.07271</v>
      </c>
      <c r="F5558">
        <v>92231.895239999998</v>
      </c>
      <c r="G5558">
        <v>39035.166960000002</v>
      </c>
      <c r="H5558">
        <v>45231.017549999997</v>
      </c>
      <c r="I5558">
        <v>31314.508549999999</v>
      </c>
      <c r="J5558">
        <v>50677.709880000002</v>
      </c>
      <c r="K5558">
        <v>56471.537940000002</v>
      </c>
      <c r="L5558">
        <v>33433.678180000003</v>
      </c>
      <c r="M5558">
        <v>345640.77909999999</v>
      </c>
      <c r="N5558">
        <v>89107.627129999993</v>
      </c>
      <c r="O5558">
        <v>24561.648570000001</v>
      </c>
      <c r="P5558">
        <v>37962.17209</v>
      </c>
      <c r="Q5558">
        <v>95397.976070000004</v>
      </c>
      <c r="R5558">
        <v>24962.433430000001</v>
      </c>
      <c r="S5558">
        <v>107477.863</v>
      </c>
      <c r="T5558">
        <v>28777.002079999998</v>
      </c>
      <c r="U5558">
        <v>18457.549319999998</v>
      </c>
      <c r="W5558" s="83">
        <f>Bühler!N5590</f>
        <v>45523.499999986525</v>
      </c>
      <c r="X5558" s="83">
        <v>43332.5</v>
      </c>
      <c r="Y5558">
        <v>194834.2726</v>
      </c>
      <c r="Z5558">
        <v>30094.07271</v>
      </c>
      <c r="AA5558">
        <v>92231.895239999998</v>
      </c>
      <c r="AB5558">
        <v>39035.166960000002</v>
      </c>
      <c r="AC5558">
        <v>45231.017549999997</v>
      </c>
      <c r="AD5558">
        <v>31314.508549999999</v>
      </c>
      <c r="AE5558">
        <v>50677.709880000002</v>
      </c>
      <c r="AF5558">
        <v>56471.537940000002</v>
      </c>
      <c r="AG5558">
        <v>33433.678180000003</v>
      </c>
      <c r="AH5558">
        <v>345640.77909999999</v>
      </c>
      <c r="AI5558">
        <v>89107.627129999993</v>
      </c>
      <c r="AJ5558">
        <v>24561.648570000001</v>
      </c>
      <c r="AK5558">
        <v>37962.17209</v>
      </c>
      <c r="AL5558">
        <v>95397.976070000004</v>
      </c>
      <c r="AM5558">
        <v>24962.433430000001</v>
      </c>
      <c r="AN5558">
        <v>107477.863</v>
      </c>
      <c r="AO5558">
        <v>28777.002079999998</v>
      </c>
      <c r="AP5558">
        <v>18457.549319999998</v>
      </c>
    </row>
    <row r="5559" spans="2:42" x14ac:dyDescent="0.3">
      <c r="B5559">
        <v>68.275923572436469</v>
      </c>
      <c r="C5559" s="83">
        <v>43332.541666666664</v>
      </c>
      <c r="D5559">
        <v>196096.492</v>
      </c>
      <c r="E5559">
        <v>30525.642110000001</v>
      </c>
      <c r="F5559">
        <v>87728.043049999993</v>
      </c>
      <c r="G5559">
        <v>38567.93161</v>
      </c>
      <c r="H5559">
        <v>45667.43045</v>
      </c>
      <c r="I5559">
        <v>30785.691210000001</v>
      </c>
      <c r="J5559">
        <v>49565.626510000002</v>
      </c>
      <c r="K5559">
        <v>58393.046090000003</v>
      </c>
      <c r="L5559">
        <v>33160.122360000001</v>
      </c>
      <c r="M5559">
        <v>348102.49829999998</v>
      </c>
      <c r="N5559">
        <v>89560.814989999999</v>
      </c>
      <c r="O5559">
        <v>24596.60772</v>
      </c>
      <c r="P5559">
        <v>37106.381520000003</v>
      </c>
      <c r="Q5559">
        <v>94297.563219999996</v>
      </c>
      <c r="R5559">
        <v>24390.78428</v>
      </c>
      <c r="S5559">
        <v>106730.61010000001</v>
      </c>
      <c r="T5559">
        <v>28721.120070000001</v>
      </c>
      <c r="U5559">
        <v>19836.363440000001</v>
      </c>
      <c r="W5559" s="83">
        <f>Bühler!N5591</f>
        <v>45523.541666653189</v>
      </c>
      <c r="X5559" s="83">
        <v>43332.541666666664</v>
      </c>
      <c r="Y5559">
        <v>196096.492</v>
      </c>
      <c r="Z5559">
        <v>30525.642110000001</v>
      </c>
      <c r="AA5559">
        <v>87728.043049999993</v>
      </c>
      <c r="AB5559">
        <v>38567.93161</v>
      </c>
      <c r="AC5559">
        <v>45667.43045</v>
      </c>
      <c r="AD5559">
        <v>30785.691210000001</v>
      </c>
      <c r="AE5559">
        <v>49565.626510000002</v>
      </c>
      <c r="AF5559">
        <v>58393.046090000003</v>
      </c>
      <c r="AG5559">
        <v>33160.122360000001</v>
      </c>
      <c r="AH5559">
        <v>348102.49829999998</v>
      </c>
      <c r="AI5559">
        <v>89560.814989999999</v>
      </c>
      <c r="AJ5559">
        <v>24596.60772</v>
      </c>
      <c r="AK5559">
        <v>37106.381520000003</v>
      </c>
      <c r="AL5559">
        <v>94297.563219999996</v>
      </c>
      <c r="AM5559">
        <v>24390.78428</v>
      </c>
      <c r="AN5559">
        <v>106730.61010000001</v>
      </c>
      <c r="AO5559">
        <v>28721.120070000001</v>
      </c>
      <c r="AP5559">
        <v>19836.363440000001</v>
      </c>
    </row>
    <row r="5560" spans="2:42" x14ac:dyDescent="0.3">
      <c r="B5560">
        <v>68.813985886867243</v>
      </c>
      <c r="C5560" s="83">
        <v>43332.583333333336</v>
      </c>
      <c r="D5560">
        <v>198806.8346</v>
      </c>
      <c r="E5560">
        <v>33482.7477</v>
      </c>
      <c r="F5560">
        <v>96803.506770000007</v>
      </c>
      <c r="G5560">
        <v>38526.958919999997</v>
      </c>
      <c r="H5560">
        <v>45754.754979999998</v>
      </c>
      <c r="I5560">
        <v>31602.161810000001</v>
      </c>
      <c r="J5560">
        <v>49158.433640000003</v>
      </c>
      <c r="K5560">
        <v>59221.221169999997</v>
      </c>
      <c r="L5560">
        <v>30511.787919999999</v>
      </c>
      <c r="M5560">
        <v>350845.79090000002</v>
      </c>
      <c r="N5560">
        <v>90230.793940000003</v>
      </c>
      <c r="O5560">
        <v>24599.759330000001</v>
      </c>
      <c r="P5560">
        <v>33659.223689999999</v>
      </c>
      <c r="Q5560">
        <v>94092.952720000001</v>
      </c>
      <c r="R5560">
        <v>24208.022150000001</v>
      </c>
      <c r="S5560">
        <v>103338.0285</v>
      </c>
      <c r="T5560">
        <v>28362.467069999999</v>
      </c>
      <c r="U5560">
        <v>21287.250240000001</v>
      </c>
      <c r="W5560" s="83">
        <f>Bühler!N5592</f>
        <v>45523.583333319853</v>
      </c>
      <c r="X5560" s="83">
        <v>43332.583333333336</v>
      </c>
      <c r="Y5560">
        <v>198806.8346</v>
      </c>
      <c r="Z5560">
        <v>33482.7477</v>
      </c>
      <c r="AA5560">
        <v>96803.506770000007</v>
      </c>
      <c r="AB5560">
        <v>38526.958919999997</v>
      </c>
      <c r="AC5560">
        <v>45754.754979999998</v>
      </c>
      <c r="AD5560">
        <v>31602.161810000001</v>
      </c>
      <c r="AE5560">
        <v>49158.433640000003</v>
      </c>
      <c r="AF5560">
        <v>59221.221169999997</v>
      </c>
      <c r="AG5560">
        <v>30511.787919999999</v>
      </c>
      <c r="AH5560">
        <v>350845.79090000002</v>
      </c>
      <c r="AI5560">
        <v>90230.793940000003</v>
      </c>
      <c r="AJ5560">
        <v>24599.759330000001</v>
      </c>
      <c r="AK5560">
        <v>33659.223689999999</v>
      </c>
      <c r="AL5560">
        <v>94092.952720000001</v>
      </c>
      <c r="AM5560">
        <v>24208.022150000001</v>
      </c>
      <c r="AN5560">
        <v>103338.0285</v>
      </c>
      <c r="AO5560">
        <v>28362.467069999999</v>
      </c>
      <c r="AP5560">
        <v>21287.250240000001</v>
      </c>
    </row>
    <row r="5561" spans="2:42" x14ac:dyDescent="0.3">
      <c r="B5561">
        <v>68.3621516988011</v>
      </c>
      <c r="C5561" s="83">
        <v>43332.625</v>
      </c>
      <c r="D5561">
        <v>197052.89019999999</v>
      </c>
      <c r="E5561">
        <v>33547.028610000001</v>
      </c>
      <c r="F5561">
        <v>98806.692150000003</v>
      </c>
      <c r="G5561">
        <v>38348.011129999999</v>
      </c>
      <c r="H5561">
        <v>45325.156369999997</v>
      </c>
      <c r="I5561">
        <v>32227.271359999999</v>
      </c>
      <c r="J5561">
        <v>48792.523549999998</v>
      </c>
      <c r="K5561">
        <v>58818.794220000003</v>
      </c>
      <c r="L5561">
        <v>28646.753239999998</v>
      </c>
      <c r="M5561">
        <v>348542.12949999998</v>
      </c>
      <c r="N5561">
        <v>88425.226020000002</v>
      </c>
      <c r="O5561">
        <v>24235.76958</v>
      </c>
      <c r="P5561">
        <v>31821.219980000002</v>
      </c>
      <c r="Q5561">
        <v>94084.862359999999</v>
      </c>
      <c r="R5561">
        <v>24605.200359999999</v>
      </c>
      <c r="S5561">
        <v>101365.80220000001</v>
      </c>
      <c r="T5561">
        <v>27881.25362</v>
      </c>
      <c r="U5561">
        <v>20400.543799999999</v>
      </c>
      <c r="W5561" s="83">
        <f>Bühler!N5593</f>
        <v>45523.624999986518</v>
      </c>
      <c r="X5561" s="83">
        <v>43332.625</v>
      </c>
      <c r="Y5561">
        <v>197052.89019999999</v>
      </c>
      <c r="Z5561">
        <v>33547.028610000001</v>
      </c>
      <c r="AA5561">
        <v>98806.692150000003</v>
      </c>
      <c r="AB5561">
        <v>38348.011129999999</v>
      </c>
      <c r="AC5561">
        <v>45325.156369999997</v>
      </c>
      <c r="AD5561">
        <v>32227.271359999999</v>
      </c>
      <c r="AE5561">
        <v>48792.523549999998</v>
      </c>
      <c r="AF5561">
        <v>58818.794220000003</v>
      </c>
      <c r="AG5561">
        <v>28646.753239999998</v>
      </c>
      <c r="AH5561">
        <v>348542.12949999998</v>
      </c>
      <c r="AI5561">
        <v>88425.226020000002</v>
      </c>
      <c r="AJ5561">
        <v>24235.76958</v>
      </c>
      <c r="AK5561">
        <v>31821.219980000002</v>
      </c>
      <c r="AL5561">
        <v>94084.862359999999</v>
      </c>
      <c r="AM5561">
        <v>24605.200359999999</v>
      </c>
      <c r="AN5561">
        <v>101365.80220000001</v>
      </c>
      <c r="AO5561">
        <v>27881.25362</v>
      </c>
      <c r="AP5561">
        <v>20400.543799999999</v>
      </c>
    </row>
    <row r="5562" spans="2:42" x14ac:dyDescent="0.3">
      <c r="B5562">
        <v>67.4531522489347</v>
      </c>
      <c r="C5562" s="83">
        <v>43332.666666666664</v>
      </c>
      <c r="D5562">
        <v>192628.32490000001</v>
      </c>
      <c r="E5562">
        <v>32740.75491</v>
      </c>
      <c r="F5562">
        <v>98086.498720000003</v>
      </c>
      <c r="G5562">
        <v>37134.396840000001</v>
      </c>
      <c r="H5562">
        <v>44392.002359999999</v>
      </c>
      <c r="I5562">
        <v>32722.086299999999</v>
      </c>
      <c r="J5562">
        <v>47832.447039999999</v>
      </c>
      <c r="K5562">
        <v>55893.829890000001</v>
      </c>
      <c r="L5562">
        <v>27462.720929999999</v>
      </c>
      <c r="M5562">
        <v>343907.62640000001</v>
      </c>
      <c r="N5562">
        <v>85897.915689999994</v>
      </c>
      <c r="O5562">
        <v>23711.597180000001</v>
      </c>
      <c r="P5562">
        <v>31254.465370000002</v>
      </c>
      <c r="Q5562">
        <v>93401.868619999994</v>
      </c>
      <c r="R5562">
        <v>24601.540010000001</v>
      </c>
      <c r="S5562">
        <v>98784.800109999996</v>
      </c>
      <c r="T5562">
        <v>27626.1872</v>
      </c>
      <c r="U5562">
        <v>18702.422020000002</v>
      </c>
      <c r="W5562" s="83">
        <f>Bühler!N5594</f>
        <v>45523.666666653182</v>
      </c>
      <c r="X5562" s="83">
        <v>43332.666666666664</v>
      </c>
      <c r="Y5562">
        <v>192628.32490000001</v>
      </c>
      <c r="Z5562">
        <v>32740.75491</v>
      </c>
      <c r="AA5562">
        <v>98086.498720000003</v>
      </c>
      <c r="AB5562">
        <v>37134.396840000001</v>
      </c>
      <c r="AC5562">
        <v>44392.002359999999</v>
      </c>
      <c r="AD5562">
        <v>32722.086299999999</v>
      </c>
      <c r="AE5562">
        <v>47832.447039999999</v>
      </c>
      <c r="AF5562">
        <v>55893.829890000001</v>
      </c>
      <c r="AG5562">
        <v>27462.720929999999</v>
      </c>
      <c r="AH5562">
        <v>343907.62640000001</v>
      </c>
      <c r="AI5562">
        <v>85897.915689999994</v>
      </c>
      <c r="AJ5562">
        <v>23711.597180000001</v>
      </c>
      <c r="AK5562">
        <v>31254.465370000002</v>
      </c>
      <c r="AL5562">
        <v>93401.868619999994</v>
      </c>
      <c r="AM5562">
        <v>24601.540010000001</v>
      </c>
      <c r="AN5562">
        <v>98784.800109999996</v>
      </c>
      <c r="AO5562">
        <v>27626.1872</v>
      </c>
      <c r="AP5562">
        <v>18702.422020000002</v>
      </c>
    </row>
    <row r="5563" spans="2:42" x14ac:dyDescent="0.3">
      <c r="B5563">
        <v>66.082243443970611</v>
      </c>
      <c r="C5563" s="83">
        <v>43332.708333333336</v>
      </c>
      <c r="D5563">
        <v>186547.73050000001</v>
      </c>
      <c r="E5563">
        <v>30717.40957</v>
      </c>
      <c r="F5563">
        <v>97357.954979999995</v>
      </c>
      <c r="G5563">
        <v>34773.233</v>
      </c>
      <c r="H5563">
        <v>42819.543519999999</v>
      </c>
      <c r="I5563">
        <v>32293.92685</v>
      </c>
      <c r="J5563">
        <v>48221.756659999999</v>
      </c>
      <c r="K5563">
        <v>51328.5461</v>
      </c>
      <c r="L5563">
        <v>27865.612150000001</v>
      </c>
      <c r="M5563">
        <v>336918.09399999998</v>
      </c>
      <c r="N5563">
        <v>83245.041370000006</v>
      </c>
      <c r="O5563">
        <v>22691.658060000002</v>
      </c>
      <c r="P5563">
        <v>33282.509420000002</v>
      </c>
      <c r="Q5563">
        <v>92077.62801</v>
      </c>
      <c r="R5563">
        <v>24072.867549999999</v>
      </c>
      <c r="S5563">
        <v>96050.198340000003</v>
      </c>
      <c r="T5563">
        <v>26943.473880000001</v>
      </c>
      <c r="U5563">
        <v>17515.788659999998</v>
      </c>
      <c r="W5563" s="83">
        <f>Bühler!N5595</f>
        <v>45523.708333319846</v>
      </c>
      <c r="X5563" s="83">
        <v>43332.708333333336</v>
      </c>
      <c r="Y5563">
        <v>186547.73050000001</v>
      </c>
      <c r="Z5563">
        <v>30717.40957</v>
      </c>
      <c r="AA5563">
        <v>97357.954979999995</v>
      </c>
      <c r="AB5563">
        <v>34773.233</v>
      </c>
      <c r="AC5563">
        <v>42819.543519999999</v>
      </c>
      <c r="AD5563">
        <v>32293.92685</v>
      </c>
      <c r="AE5563">
        <v>48221.756659999999</v>
      </c>
      <c r="AF5563">
        <v>51328.5461</v>
      </c>
      <c r="AG5563">
        <v>27865.612150000001</v>
      </c>
      <c r="AH5563">
        <v>336918.09399999998</v>
      </c>
      <c r="AI5563">
        <v>83245.041370000006</v>
      </c>
      <c r="AJ5563">
        <v>22691.658060000002</v>
      </c>
      <c r="AK5563">
        <v>33282.509420000002</v>
      </c>
      <c r="AL5563">
        <v>92077.62801</v>
      </c>
      <c r="AM5563">
        <v>24072.867549999999</v>
      </c>
      <c r="AN5563">
        <v>96050.198340000003</v>
      </c>
      <c r="AO5563">
        <v>26943.473880000001</v>
      </c>
      <c r="AP5563">
        <v>17515.788659999998</v>
      </c>
    </row>
    <row r="5564" spans="2:42" x14ac:dyDescent="0.3">
      <c r="B5564">
        <v>64.63196096605121</v>
      </c>
      <c r="C5564" s="83">
        <v>43332.75</v>
      </c>
      <c r="D5564">
        <v>182417.23989999999</v>
      </c>
      <c r="E5564">
        <v>27646.35009</v>
      </c>
      <c r="F5564">
        <v>95531.685299999997</v>
      </c>
      <c r="G5564">
        <v>32192.717830000001</v>
      </c>
      <c r="H5564">
        <v>40886.039530000002</v>
      </c>
      <c r="I5564">
        <v>31157.089090000001</v>
      </c>
      <c r="J5564">
        <v>48619.772149999997</v>
      </c>
      <c r="K5564">
        <v>50322.378129999997</v>
      </c>
      <c r="L5564">
        <v>28821.452069999999</v>
      </c>
      <c r="M5564">
        <v>329523.87760000001</v>
      </c>
      <c r="N5564">
        <v>81266.411890000003</v>
      </c>
      <c r="O5564">
        <v>21021.961630000002</v>
      </c>
      <c r="P5564">
        <v>36697.162120000001</v>
      </c>
      <c r="Q5564">
        <v>90533.085990000007</v>
      </c>
      <c r="R5564">
        <v>23389.839400000001</v>
      </c>
      <c r="S5564">
        <v>90252.271949999995</v>
      </c>
      <c r="T5564">
        <v>26651.695520000001</v>
      </c>
      <c r="U5564">
        <v>16642.30042</v>
      </c>
      <c r="W5564" s="83">
        <f>Bühler!N5596</f>
        <v>45523.74999998651</v>
      </c>
      <c r="X5564" s="83">
        <v>43332.75</v>
      </c>
      <c r="Y5564">
        <v>182417.23989999999</v>
      </c>
      <c r="Z5564">
        <v>27646.35009</v>
      </c>
      <c r="AA5564">
        <v>95531.685299999997</v>
      </c>
      <c r="AB5564">
        <v>32192.717830000001</v>
      </c>
      <c r="AC5564">
        <v>40886.039530000002</v>
      </c>
      <c r="AD5564">
        <v>31157.089090000001</v>
      </c>
      <c r="AE5564">
        <v>48619.772149999997</v>
      </c>
      <c r="AF5564">
        <v>50322.378129999997</v>
      </c>
      <c r="AG5564">
        <v>28821.452069999999</v>
      </c>
      <c r="AH5564">
        <v>329523.87760000001</v>
      </c>
      <c r="AI5564">
        <v>81266.411890000003</v>
      </c>
      <c r="AJ5564">
        <v>21021.961630000002</v>
      </c>
      <c r="AK5564">
        <v>36697.162120000001</v>
      </c>
      <c r="AL5564">
        <v>90533.085990000007</v>
      </c>
      <c r="AM5564">
        <v>23389.839400000001</v>
      </c>
      <c r="AN5564">
        <v>90252.271949999995</v>
      </c>
      <c r="AO5564">
        <v>26651.695520000001</v>
      </c>
      <c r="AP5564">
        <v>16642.30042</v>
      </c>
    </row>
    <row r="5565" spans="2:42" x14ac:dyDescent="0.3">
      <c r="B5565">
        <v>63.625662805802484</v>
      </c>
      <c r="C5565" s="83">
        <v>43332.791666666664</v>
      </c>
      <c r="D5565">
        <v>179643.30989999999</v>
      </c>
      <c r="E5565">
        <v>22103.36607</v>
      </c>
      <c r="F5565">
        <v>85192.146399999998</v>
      </c>
      <c r="G5565">
        <v>30901.336599999999</v>
      </c>
      <c r="H5565">
        <v>38624.29034</v>
      </c>
      <c r="I5565">
        <v>29372.927299999999</v>
      </c>
      <c r="J5565">
        <v>48148.487780000003</v>
      </c>
      <c r="K5565">
        <v>50550.595780000003</v>
      </c>
      <c r="L5565">
        <v>28884.820059999998</v>
      </c>
      <c r="M5565">
        <v>324393.3003</v>
      </c>
      <c r="N5565">
        <v>78281.581179999994</v>
      </c>
      <c r="O5565">
        <v>19118.672780000001</v>
      </c>
      <c r="P5565">
        <v>39388.953509999999</v>
      </c>
      <c r="Q5565">
        <v>88332.339689999993</v>
      </c>
      <c r="R5565">
        <v>22068.497490000002</v>
      </c>
      <c r="S5565">
        <v>86549.543460000001</v>
      </c>
      <c r="T5565">
        <v>26018.695469999999</v>
      </c>
      <c r="U5565">
        <v>15841.73494</v>
      </c>
      <c r="W5565" s="83">
        <f>Bühler!N5597</f>
        <v>45523.791666653175</v>
      </c>
      <c r="X5565" s="83">
        <v>43332.791666666664</v>
      </c>
      <c r="Y5565">
        <v>179643.30989999999</v>
      </c>
      <c r="Z5565">
        <v>22103.36607</v>
      </c>
      <c r="AA5565">
        <v>85192.146399999998</v>
      </c>
      <c r="AB5565">
        <v>30901.336599999999</v>
      </c>
      <c r="AC5565">
        <v>38624.29034</v>
      </c>
      <c r="AD5565">
        <v>29372.927299999999</v>
      </c>
      <c r="AE5565">
        <v>48148.487780000003</v>
      </c>
      <c r="AF5565">
        <v>50550.595780000003</v>
      </c>
      <c r="AG5565">
        <v>28884.820059999998</v>
      </c>
      <c r="AH5565">
        <v>324393.3003</v>
      </c>
      <c r="AI5565">
        <v>78281.581179999994</v>
      </c>
      <c r="AJ5565">
        <v>19118.672780000001</v>
      </c>
      <c r="AK5565">
        <v>39388.953509999999</v>
      </c>
      <c r="AL5565">
        <v>88332.339689999993</v>
      </c>
      <c r="AM5565">
        <v>22068.497490000002</v>
      </c>
      <c r="AN5565">
        <v>86549.543460000001</v>
      </c>
      <c r="AO5565">
        <v>26018.695469999999</v>
      </c>
      <c r="AP5565">
        <v>15841.73494</v>
      </c>
    </row>
    <row r="5566" spans="2:42" x14ac:dyDescent="0.3">
      <c r="B5566">
        <v>61.144783193846784</v>
      </c>
      <c r="C5566" s="83">
        <v>43332.833333333336</v>
      </c>
      <c r="D5566">
        <v>173924.32670000001</v>
      </c>
      <c r="E5566">
        <v>16844.342980000001</v>
      </c>
      <c r="F5566">
        <v>69013.01139</v>
      </c>
      <c r="G5566">
        <v>29599.37372</v>
      </c>
      <c r="H5566">
        <v>36531.851790000001</v>
      </c>
      <c r="I5566">
        <v>27313.726170000002</v>
      </c>
      <c r="J5566">
        <v>47686.088190000002</v>
      </c>
      <c r="K5566">
        <v>50822.891779999998</v>
      </c>
      <c r="L5566">
        <v>28537.632689999999</v>
      </c>
      <c r="M5566">
        <v>311744.61910000001</v>
      </c>
      <c r="N5566">
        <v>76270.980750000002</v>
      </c>
      <c r="O5566">
        <v>18218.651419999998</v>
      </c>
      <c r="P5566">
        <v>39487.348810000003</v>
      </c>
      <c r="Q5566">
        <v>85238.976859999995</v>
      </c>
      <c r="R5566">
        <v>20859.466680000001</v>
      </c>
      <c r="S5566">
        <v>79826.553639999998</v>
      </c>
      <c r="T5566">
        <v>24372.766459999999</v>
      </c>
      <c r="U5566">
        <v>15640.748970000001</v>
      </c>
      <c r="W5566" s="83">
        <f>Bühler!N5598</f>
        <v>45523.833333319839</v>
      </c>
      <c r="X5566" s="83">
        <v>43332.833333333336</v>
      </c>
      <c r="Y5566">
        <v>173924.32670000001</v>
      </c>
      <c r="Z5566">
        <v>16844.342980000001</v>
      </c>
      <c r="AA5566">
        <v>69013.01139</v>
      </c>
      <c r="AB5566">
        <v>29599.37372</v>
      </c>
      <c r="AC5566">
        <v>36531.851790000001</v>
      </c>
      <c r="AD5566">
        <v>27313.726170000002</v>
      </c>
      <c r="AE5566">
        <v>47686.088190000002</v>
      </c>
      <c r="AF5566">
        <v>50822.891779999998</v>
      </c>
      <c r="AG5566">
        <v>28537.632689999999</v>
      </c>
      <c r="AH5566">
        <v>311744.61910000001</v>
      </c>
      <c r="AI5566">
        <v>76270.980750000002</v>
      </c>
      <c r="AJ5566">
        <v>18218.651419999998</v>
      </c>
      <c r="AK5566">
        <v>39487.348810000003</v>
      </c>
      <c r="AL5566">
        <v>85238.976859999995</v>
      </c>
      <c r="AM5566">
        <v>20859.466680000001</v>
      </c>
      <c r="AN5566">
        <v>79826.553639999998</v>
      </c>
      <c r="AO5566">
        <v>24372.766459999999</v>
      </c>
      <c r="AP5566">
        <v>15640.748970000001</v>
      </c>
    </row>
    <row r="5567" spans="2:42" x14ac:dyDescent="0.3">
      <c r="B5567">
        <v>58.981971681440015</v>
      </c>
      <c r="C5567" s="83">
        <v>43332.875</v>
      </c>
      <c r="D5567">
        <v>169419.6447</v>
      </c>
      <c r="E5567">
        <v>14798.93326</v>
      </c>
      <c r="F5567">
        <v>60940.773650000003</v>
      </c>
      <c r="G5567">
        <v>29535.236280000001</v>
      </c>
      <c r="H5567">
        <v>36036.440049999997</v>
      </c>
      <c r="I5567">
        <v>25246.242099999999</v>
      </c>
      <c r="J5567">
        <v>48116.252950000002</v>
      </c>
      <c r="K5567">
        <v>50381.833559999999</v>
      </c>
      <c r="L5567">
        <v>27648.503280000001</v>
      </c>
      <c r="M5567">
        <v>300717.59740000003</v>
      </c>
      <c r="N5567">
        <v>75383.090230000002</v>
      </c>
      <c r="O5567">
        <v>17369.904480000001</v>
      </c>
      <c r="P5567">
        <v>37917.38104</v>
      </c>
      <c r="Q5567">
        <v>82756.791159999993</v>
      </c>
      <c r="R5567">
        <v>20073.16489</v>
      </c>
      <c r="S5567">
        <v>77084.125790000006</v>
      </c>
      <c r="T5567">
        <v>22674.680479999999</v>
      </c>
      <c r="U5567">
        <v>15441.462310000001</v>
      </c>
      <c r="W5567" s="83">
        <f>Bühler!N5599</f>
        <v>45523.874999986503</v>
      </c>
      <c r="X5567" s="83">
        <v>43332.875</v>
      </c>
      <c r="Y5567">
        <v>169419.6447</v>
      </c>
      <c r="Z5567">
        <v>14798.93326</v>
      </c>
      <c r="AA5567">
        <v>60940.773650000003</v>
      </c>
      <c r="AB5567">
        <v>29535.236280000001</v>
      </c>
      <c r="AC5567">
        <v>36036.440049999997</v>
      </c>
      <c r="AD5567">
        <v>25246.242099999999</v>
      </c>
      <c r="AE5567">
        <v>48116.252950000002</v>
      </c>
      <c r="AF5567">
        <v>50381.833559999999</v>
      </c>
      <c r="AG5567">
        <v>27648.503280000001</v>
      </c>
      <c r="AH5567">
        <v>300717.59740000003</v>
      </c>
      <c r="AI5567">
        <v>75383.090230000002</v>
      </c>
      <c r="AJ5567">
        <v>17369.904480000001</v>
      </c>
      <c r="AK5567">
        <v>37917.38104</v>
      </c>
      <c r="AL5567">
        <v>82756.791159999993</v>
      </c>
      <c r="AM5567">
        <v>20073.16489</v>
      </c>
      <c r="AN5567">
        <v>77084.125790000006</v>
      </c>
      <c r="AO5567">
        <v>22674.680479999999</v>
      </c>
      <c r="AP5567">
        <v>15441.462310000001</v>
      </c>
    </row>
    <row r="5568" spans="2:42" x14ac:dyDescent="0.3">
      <c r="B5568">
        <v>58.887967746167163</v>
      </c>
      <c r="C5568" s="83">
        <v>43332.916666666664</v>
      </c>
      <c r="D5568">
        <v>168469.45389999999</v>
      </c>
      <c r="E5568">
        <v>13807.607690000001</v>
      </c>
      <c r="F5568">
        <v>57690.384299999998</v>
      </c>
      <c r="G5568">
        <v>29171.700509999999</v>
      </c>
      <c r="H5568">
        <v>36081.068570000003</v>
      </c>
      <c r="I5568">
        <v>24141.316599999998</v>
      </c>
      <c r="J5568">
        <v>45514.496460000002</v>
      </c>
      <c r="K5568">
        <v>52910.9928</v>
      </c>
      <c r="L5568">
        <v>24882.03846</v>
      </c>
      <c r="M5568">
        <v>300238.32150000002</v>
      </c>
      <c r="N5568">
        <v>73573.233420000004</v>
      </c>
      <c r="O5568">
        <v>17272.598440000002</v>
      </c>
      <c r="P5568">
        <v>39597.022920000003</v>
      </c>
      <c r="Q5568">
        <v>82544.253320000003</v>
      </c>
      <c r="R5568">
        <v>21130.009569999998</v>
      </c>
      <c r="S5568">
        <v>76066.68737</v>
      </c>
      <c r="T5568">
        <v>20120.62169</v>
      </c>
      <c r="U5568">
        <v>15606.530909999999</v>
      </c>
      <c r="W5568" s="83">
        <f>Bühler!N5600</f>
        <v>45523.916666653167</v>
      </c>
      <c r="X5568" s="83">
        <v>43332.916666666664</v>
      </c>
      <c r="Y5568">
        <v>168469.45389999999</v>
      </c>
      <c r="Z5568">
        <v>13807.607690000001</v>
      </c>
      <c r="AA5568">
        <v>57690.384299999998</v>
      </c>
      <c r="AB5568">
        <v>29171.700509999999</v>
      </c>
      <c r="AC5568">
        <v>36081.068570000003</v>
      </c>
      <c r="AD5568">
        <v>24141.316599999998</v>
      </c>
      <c r="AE5568">
        <v>45514.496460000002</v>
      </c>
      <c r="AF5568">
        <v>52910.9928</v>
      </c>
      <c r="AG5568">
        <v>24882.03846</v>
      </c>
      <c r="AH5568">
        <v>300238.32150000002</v>
      </c>
      <c r="AI5568">
        <v>73573.233420000004</v>
      </c>
      <c r="AJ5568">
        <v>17272.598440000002</v>
      </c>
      <c r="AK5568">
        <v>39597.022920000003</v>
      </c>
      <c r="AL5568">
        <v>82544.253320000003</v>
      </c>
      <c r="AM5568">
        <v>21130.009569999998</v>
      </c>
      <c r="AN5568">
        <v>76066.68737</v>
      </c>
      <c r="AO5568">
        <v>20120.62169</v>
      </c>
      <c r="AP5568">
        <v>15606.530909999999</v>
      </c>
    </row>
    <row r="5569" spans="2:42" x14ac:dyDescent="0.3">
      <c r="B5569">
        <v>58.455140116838614</v>
      </c>
      <c r="C5569" s="83">
        <v>43332.958333333336</v>
      </c>
      <c r="D5569">
        <v>166444.5067</v>
      </c>
      <c r="E5569">
        <v>13007.96192</v>
      </c>
      <c r="F5569">
        <v>56359.31798</v>
      </c>
      <c r="G5569">
        <v>29176.603650000001</v>
      </c>
      <c r="H5569">
        <v>34636.066859999999</v>
      </c>
      <c r="I5569">
        <v>23487.979960000001</v>
      </c>
      <c r="J5569">
        <v>41687.367590000002</v>
      </c>
      <c r="K5569">
        <v>52224.864179999997</v>
      </c>
      <c r="L5569">
        <v>21221.907210000001</v>
      </c>
      <c r="M5569">
        <v>298031.56439999997</v>
      </c>
      <c r="N5569">
        <v>72350.010089999996</v>
      </c>
      <c r="O5569">
        <v>16536.077010000001</v>
      </c>
      <c r="P5569">
        <v>34387.503380000002</v>
      </c>
      <c r="Q5569">
        <v>82201.968049999996</v>
      </c>
      <c r="R5569">
        <v>21066.82908</v>
      </c>
      <c r="S5569">
        <v>74024.863689999998</v>
      </c>
      <c r="T5569">
        <v>18929.073799999998</v>
      </c>
      <c r="U5569">
        <v>15012.233840000001</v>
      </c>
      <c r="W5569" s="83">
        <f>Bühler!N5601</f>
        <v>45523.958333319832</v>
      </c>
      <c r="X5569" s="83">
        <v>43332.958333333336</v>
      </c>
      <c r="Y5569">
        <v>166444.5067</v>
      </c>
      <c r="Z5569">
        <v>13007.96192</v>
      </c>
      <c r="AA5569">
        <v>56359.31798</v>
      </c>
      <c r="AB5569">
        <v>29176.603650000001</v>
      </c>
      <c r="AC5569">
        <v>34636.066859999999</v>
      </c>
      <c r="AD5569">
        <v>23487.979960000001</v>
      </c>
      <c r="AE5569">
        <v>41687.367590000002</v>
      </c>
      <c r="AF5569">
        <v>52224.864179999997</v>
      </c>
      <c r="AG5569">
        <v>21221.907210000001</v>
      </c>
      <c r="AH5569">
        <v>298031.56439999997</v>
      </c>
      <c r="AI5569">
        <v>72350.010089999996</v>
      </c>
      <c r="AJ5569">
        <v>16536.077010000001</v>
      </c>
      <c r="AK5569">
        <v>34387.503380000002</v>
      </c>
      <c r="AL5569">
        <v>82201.968049999996</v>
      </c>
      <c r="AM5569">
        <v>21066.82908</v>
      </c>
      <c r="AN5569">
        <v>74024.863689999998</v>
      </c>
      <c r="AO5569">
        <v>18929.073799999998</v>
      </c>
      <c r="AP5569">
        <v>15012.233840000001</v>
      </c>
    </row>
    <row r="5570" spans="2:42" x14ac:dyDescent="0.3">
      <c r="B5570">
        <v>57.245693925293338</v>
      </c>
      <c r="C5570" s="83">
        <v>43333</v>
      </c>
      <c r="D5570">
        <v>166189.89309999999</v>
      </c>
      <c r="E5570">
        <v>12459.285019999999</v>
      </c>
      <c r="F5570">
        <v>53752.021379999998</v>
      </c>
      <c r="G5570">
        <v>28419.14431</v>
      </c>
      <c r="H5570">
        <v>34019.253669999998</v>
      </c>
      <c r="I5570">
        <v>21777.781149999999</v>
      </c>
      <c r="J5570">
        <v>37969.115339999997</v>
      </c>
      <c r="K5570">
        <v>48964.285819999997</v>
      </c>
      <c r="L5570">
        <v>18965.146000000001</v>
      </c>
      <c r="M5570">
        <v>291865.24369999999</v>
      </c>
      <c r="N5570">
        <v>70210.397939999995</v>
      </c>
      <c r="O5570">
        <v>16392.8698</v>
      </c>
      <c r="P5570">
        <v>29641.8128</v>
      </c>
      <c r="Q5570">
        <v>81040.776029999994</v>
      </c>
      <c r="R5570">
        <v>16974.422009999998</v>
      </c>
      <c r="S5570">
        <v>72631.805970000001</v>
      </c>
      <c r="T5570">
        <v>18176.38523</v>
      </c>
      <c r="U5570">
        <v>14219.75971</v>
      </c>
      <c r="W5570" s="83">
        <f>Bühler!N5602</f>
        <v>45523.999999986496</v>
      </c>
      <c r="X5570" s="83">
        <v>43333</v>
      </c>
      <c r="Y5570">
        <v>166189.89309999999</v>
      </c>
      <c r="Z5570">
        <v>12459.285019999999</v>
      </c>
      <c r="AA5570">
        <v>53752.021379999998</v>
      </c>
      <c r="AB5570">
        <v>28419.14431</v>
      </c>
      <c r="AC5570">
        <v>34019.253669999998</v>
      </c>
      <c r="AD5570">
        <v>21777.781149999999</v>
      </c>
      <c r="AE5570">
        <v>37969.115339999997</v>
      </c>
      <c r="AF5570">
        <v>48964.285819999997</v>
      </c>
      <c r="AG5570">
        <v>18965.146000000001</v>
      </c>
      <c r="AH5570">
        <v>291865.24369999999</v>
      </c>
      <c r="AI5570">
        <v>70210.397939999995</v>
      </c>
      <c r="AJ5570">
        <v>16392.8698</v>
      </c>
      <c r="AK5570">
        <v>29641.8128</v>
      </c>
      <c r="AL5570">
        <v>81040.776029999994</v>
      </c>
      <c r="AM5570">
        <v>16974.422009999998</v>
      </c>
      <c r="AN5570">
        <v>72631.805970000001</v>
      </c>
      <c r="AO5570">
        <v>18176.38523</v>
      </c>
      <c r="AP5570">
        <v>14219.75971</v>
      </c>
    </row>
    <row r="5571" spans="2:42" x14ac:dyDescent="0.3">
      <c r="B5571">
        <v>56.72011769897815</v>
      </c>
      <c r="C5571" s="83">
        <v>43333.041666666664</v>
      </c>
      <c r="D5571">
        <v>164097.28460000001</v>
      </c>
      <c r="E5571">
        <v>12238.14345</v>
      </c>
      <c r="F5571">
        <v>53774.735379999998</v>
      </c>
      <c r="G5571">
        <v>27882.951400000002</v>
      </c>
      <c r="H5571">
        <v>33360.865380000003</v>
      </c>
      <c r="I5571">
        <v>18240.447329999999</v>
      </c>
      <c r="J5571">
        <v>36349.468430000001</v>
      </c>
      <c r="K5571">
        <v>47014.243269999999</v>
      </c>
      <c r="L5571">
        <v>18023.0069</v>
      </c>
      <c r="M5571">
        <v>289185.61099999998</v>
      </c>
      <c r="N5571">
        <v>68659.925279999996</v>
      </c>
      <c r="O5571">
        <v>16041.6193</v>
      </c>
      <c r="P5571">
        <v>27115.895769999999</v>
      </c>
      <c r="Q5571">
        <v>81114.214330000003</v>
      </c>
      <c r="R5571">
        <v>14956.401110000001</v>
      </c>
      <c r="S5571">
        <v>71216.411840000001</v>
      </c>
      <c r="T5571">
        <v>17838.55514</v>
      </c>
      <c r="U5571">
        <v>13309.21889</v>
      </c>
      <c r="W5571" s="83">
        <f>Bühler!N5603</f>
        <v>45524.04166665316</v>
      </c>
      <c r="X5571" s="83">
        <v>43333.041666666664</v>
      </c>
      <c r="Y5571">
        <v>164097.28460000001</v>
      </c>
      <c r="Z5571">
        <v>12238.14345</v>
      </c>
      <c r="AA5571">
        <v>53774.735379999998</v>
      </c>
      <c r="AB5571">
        <v>27882.951400000002</v>
      </c>
      <c r="AC5571">
        <v>33360.865380000003</v>
      </c>
      <c r="AD5571">
        <v>18240.447329999999</v>
      </c>
      <c r="AE5571">
        <v>36349.468430000001</v>
      </c>
      <c r="AF5571">
        <v>47014.243269999999</v>
      </c>
      <c r="AG5571">
        <v>18023.0069</v>
      </c>
      <c r="AH5571">
        <v>289185.61099999998</v>
      </c>
      <c r="AI5571">
        <v>68659.925279999996</v>
      </c>
      <c r="AJ5571">
        <v>16041.6193</v>
      </c>
      <c r="AK5571">
        <v>27115.895769999999</v>
      </c>
      <c r="AL5571">
        <v>81114.214330000003</v>
      </c>
      <c r="AM5571">
        <v>14956.401110000001</v>
      </c>
      <c r="AN5571">
        <v>71216.411840000001</v>
      </c>
      <c r="AO5571">
        <v>17838.55514</v>
      </c>
      <c r="AP5571">
        <v>13309.21889</v>
      </c>
    </row>
    <row r="5572" spans="2:42" x14ac:dyDescent="0.3">
      <c r="B5572">
        <v>56.777237915228959</v>
      </c>
      <c r="C5572" s="83">
        <v>43333.083333333336</v>
      </c>
      <c r="D5572">
        <v>164798.60519999999</v>
      </c>
      <c r="E5572">
        <v>12101.80825</v>
      </c>
      <c r="F5572">
        <v>54311.55171</v>
      </c>
      <c r="G5572">
        <v>27228.42094</v>
      </c>
      <c r="H5572">
        <v>32956.981019999999</v>
      </c>
      <c r="I5572">
        <v>16569.186450000001</v>
      </c>
      <c r="J5572">
        <v>35782.568720000003</v>
      </c>
      <c r="K5572">
        <v>45903.81467</v>
      </c>
      <c r="L5572">
        <v>17270.270130000001</v>
      </c>
      <c r="M5572">
        <v>289476.83649999998</v>
      </c>
      <c r="N5572">
        <v>67352.690430000002</v>
      </c>
      <c r="O5572">
        <v>15596.36988</v>
      </c>
      <c r="P5572">
        <v>25602.190310000002</v>
      </c>
      <c r="Q5572">
        <v>83632.591409999994</v>
      </c>
      <c r="R5572">
        <v>15279.388660000001</v>
      </c>
      <c r="S5572">
        <v>70594.590840000004</v>
      </c>
      <c r="T5572">
        <v>17440.976910000001</v>
      </c>
      <c r="U5572">
        <v>13450.276970000001</v>
      </c>
      <c r="W5572" s="83">
        <f>Bühler!N5604</f>
        <v>45524.083333319824</v>
      </c>
      <c r="X5572" s="83">
        <v>43333.083333333336</v>
      </c>
      <c r="Y5572">
        <v>164798.60519999999</v>
      </c>
      <c r="Z5572">
        <v>12101.80825</v>
      </c>
      <c r="AA5572">
        <v>54311.55171</v>
      </c>
      <c r="AB5572">
        <v>27228.42094</v>
      </c>
      <c r="AC5572">
        <v>32956.981019999999</v>
      </c>
      <c r="AD5572">
        <v>16569.186450000001</v>
      </c>
      <c r="AE5572">
        <v>35782.568720000003</v>
      </c>
      <c r="AF5572">
        <v>45903.81467</v>
      </c>
      <c r="AG5572">
        <v>17270.270130000001</v>
      </c>
      <c r="AH5572">
        <v>289476.83649999998</v>
      </c>
      <c r="AI5572">
        <v>67352.690430000002</v>
      </c>
      <c r="AJ5572">
        <v>15596.36988</v>
      </c>
      <c r="AK5572">
        <v>25602.190310000002</v>
      </c>
      <c r="AL5572">
        <v>83632.591409999994</v>
      </c>
      <c r="AM5572">
        <v>15279.388660000001</v>
      </c>
      <c r="AN5572">
        <v>70594.590840000004</v>
      </c>
      <c r="AO5572">
        <v>17440.976910000001</v>
      </c>
      <c r="AP5572">
        <v>13450.276970000001</v>
      </c>
    </row>
    <row r="5573" spans="2:42" x14ac:dyDescent="0.3">
      <c r="B5573">
        <v>57.206018268648243</v>
      </c>
      <c r="C5573" s="83">
        <v>43333.125</v>
      </c>
      <c r="D5573">
        <v>164923.4516</v>
      </c>
      <c r="E5573">
        <v>12259.50524</v>
      </c>
      <c r="F5573">
        <v>55379.324370000002</v>
      </c>
      <c r="G5573">
        <v>26438.99437</v>
      </c>
      <c r="H5573">
        <v>32773.807760000003</v>
      </c>
      <c r="I5573">
        <v>16214.01262</v>
      </c>
      <c r="J5573">
        <v>35315.872900000002</v>
      </c>
      <c r="K5573">
        <v>44588.998829999997</v>
      </c>
      <c r="L5573">
        <v>16565.902330000001</v>
      </c>
      <c r="M5573">
        <v>291662.95870000002</v>
      </c>
      <c r="N5573">
        <v>66377.066139999995</v>
      </c>
      <c r="O5573">
        <v>15758.6443</v>
      </c>
      <c r="P5573">
        <v>25038.39846</v>
      </c>
      <c r="Q5573">
        <v>86390.925749999995</v>
      </c>
      <c r="R5573">
        <v>14888.015289999999</v>
      </c>
      <c r="S5573">
        <v>69808.447100000005</v>
      </c>
      <c r="T5573">
        <v>17237.697209999998</v>
      </c>
      <c r="U5573">
        <v>13639.686110000001</v>
      </c>
      <c r="W5573" s="83">
        <f>Bühler!N5605</f>
        <v>45524.124999986489</v>
      </c>
      <c r="X5573" s="83">
        <v>43333.125</v>
      </c>
      <c r="Y5573">
        <v>164923.4516</v>
      </c>
      <c r="Z5573">
        <v>12259.50524</v>
      </c>
      <c r="AA5573">
        <v>55379.324370000002</v>
      </c>
      <c r="AB5573">
        <v>26438.99437</v>
      </c>
      <c r="AC5573">
        <v>32773.807760000003</v>
      </c>
      <c r="AD5573">
        <v>16214.01262</v>
      </c>
      <c r="AE5573">
        <v>35315.872900000002</v>
      </c>
      <c r="AF5573">
        <v>44588.998829999997</v>
      </c>
      <c r="AG5573">
        <v>16565.902330000001</v>
      </c>
      <c r="AH5573">
        <v>291662.95870000002</v>
      </c>
      <c r="AI5573">
        <v>66377.066139999995</v>
      </c>
      <c r="AJ5573">
        <v>15758.6443</v>
      </c>
      <c r="AK5573">
        <v>25038.39846</v>
      </c>
      <c r="AL5573">
        <v>86390.925749999995</v>
      </c>
      <c r="AM5573">
        <v>14888.015289999999</v>
      </c>
      <c r="AN5573">
        <v>69808.447100000005</v>
      </c>
      <c r="AO5573">
        <v>17237.697209999998</v>
      </c>
      <c r="AP5573">
        <v>13639.686110000001</v>
      </c>
    </row>
    <row r="5574" spans="2:42" x14ac:dyDescent="0.3">
      <c r="B5574">
        <v>58.566580903516844</v>
      </c>
      <c r="C5574" s="83">
        <v>43333.166666666664</v>
      </c>
      <c r="D5574">
        <v>166206.22760000001</v>
      </c>
      <c r="E5574">
        <v>12552.632379999999</v>
      </c>
      <c r="F5574">
        <v>58943.461150000003</v>
      </c>
      <c r="G5574">
        <v>25874.40969</v>
      </c>
      <c r="H5574">
        <v>33004.212220000001</v>
      </c>
      <c r="I5574">
        <v>17502.63941</v>
      </c>
      <c r="J5574">
        <v>37124.087500000001</v>
      </c>
      <c r="K5574">
        <v>43829.341789999999</v>
      </c>
      <c r="L5574">
        <v>16140.856540000001</v>
      </c>
      <c r="M5574">
        <v>298599.7415</v>
      </c>
      <c r="N5574">
        <v>65718.527350000004</v>
      </c>
      <c r="O5574">
        <v>15862.14825</v>
      </c>
      <c r="P5574">
        <v>24692.562839999999</v>
      </c>
      <c r="Q5574">
        <v>89626.586590000006</v>
      </c>
      <c r="R5574">
        <v>14033.77403</v>
      </c>
      <c r="S5574">
        <v>70406.543260000006</v>
      </c>
      <c r="T5574">
        <v>17021.230629999998</v>
      </c>
      <c r="U5574">
        <v>13667.426090000001</v>
      </c>
      <c r="W5574" s="83">
        <f>Bühler!N5606</f>
        <v>45524.166666653153</v>
      </c>
      <c r="X5574" s="83">
        <v>43333.166666666664</v>
      </c>
      <c r="Y5574">
        <v>166206.22760000001</v>
      </c>
      <c r="Z5574">
        <v>12552.632379999999</v>
      </c>
      <c r="AA5574">
        <v>58943.461150000003</v>
      </c>
      <c r="AB5574">
        <v>25874.40969</v>
      </c>
      <c r="AC5574">
        <v>33004.212220000001</v>
      </c>
      <c r="AD5574">
        <v>17502.63941</v>
      </c>
      <c r="AE5574">
        <v>37124.087500000001</v>
      </c>
      <c r="AF5574">
        <v>43829.341789999999</v>
      </c>
      <c r="AG5574">
        <v>16140.856540000001</v>
      </c>
      <c r="AH5574">
        <v>298599.7415</v>
      </c>
      <c r="AI5574">
        <v>65718.527350000004</v>
      </c>
      <c r="AJ5574">
        <v>15862.14825</v>
      </c>
      <c r="AK5574">
        <v>24692.562839999999</v>
      </c>
      <c r="AL5574">
        <v>89626.586590000006</v>
      </c>
      <c r="AM5574">
        <v>14033.77403</v>
      </c>
      <c r="AN5574">
        <v>70406.543260000006</v>
      </c>
      <c r="AO5574">
        <v>17021.230629999998</v>
      </c>
      <c r="AP5574">
        <v>13667.426090000001</v>
      </c>
    </row>
    <row r="5575" spans="2:42" x14ac:dyDescent="0.3">
      <c r="B5575">
        <v>61.586969441394956</v>
      </c>
      <c r="C5575" s="83">
        <v>43333.208333333336</v>
      </c>
      <c r="D5575">
        <v>176417.12849999999</v>
      </c>
      <c r="E5575">
        <v>14135.1394</v>
      </c>
      <c r="F5575">
        <v>67692.955650000004</v>
      </c>
      <c r="G5575">
        <v>26699.13103</v>
      </c>
      <c r="H5575">
        <v>34689.811849999998</v>
      </c>
      <c r="I5575">
        <v>23201.50361</v>
      </c>
      <c r="J5575">
        <v>40656.768940000002</v>
      </c>
      <c r="K5575">
        <v>44055.30848</v>
      </c>
      <c r="L5575">
        <v>16992.366460000001</v>
      </c>
      <c r="M5575">
        <v>313999.09080000001</v>
      </c>
      <c r="N5575">
        <v>68377.112269999998</v>
      </c>
      <c r="O5575">
        <v>16341.71617</v>
      </c>
      <c r="P5575">
        <v>25634.29348</v>
      </c>
      <c r="Q5575">
        <v>91823.744630000001</v>
      </c>
      <c r="R5575">
        <v>16394.126499999998</v>
      </c>
      <c r="S5575">
        <v>72072.928610000003</v>
      </c>
      <c r="T5575">
        <v>18078.044320000001</v>
      </c>
      <c r="U5575">
        <v>15130.84935</v>
      </c>
      <c r="W5575" s="83">
        <f>Bühler!N5607</f>
        <v>45524.208333319817</v>
      </c>
      <c r="X5575" s="83">
        <v>43333.208333333336</v>
      </c>
      <c r="Y5575">
        <v>176417.12849999999</v>
      </c>
      <c r="Z5575">
        <v>14135.1394</v>
      </c>
      <c r="AA5575">
        <v>67692.955650000004</v>
      </c>
      <c r="AB5575">
        <v>26699.13103</v>
      </c>
      <c r="AC5575">
        <v>34689.811849999998</v>
      </c>
      <c r="AD5575">
        <v>23201.50361</v>
      </c>
      <c r="AE5575">
        <v>40656.768940000002</v>
      </c>
      <c r="AF5575">
        <v>44055.30848</v>
      </c>
      <c r="AG5575">
        <v>16992.366460000001</v>
      </c>
      <c r="AH5575">
        <v>313999.09080000001</v>
      </c>
      <c r="AI5575">
        <v>68377.112269999998</v>
      </c>
      <c r="AJ5575">
        <v>16341.71617</v>
      </c>
      <c r="AK5575">
        <v>25634.29348</v>
      </c>
      <c r="AL5575">
        <v>91823.744630000001</v>
      </c>
      <c r="AM5575">
        <v>16394.126499999998</v>
      </c>
      <c r="AN5575">
        <v>72072.928610000003</v>
      </c>
      <c r="AO5575">
        <v>18078.044320000001</v>
      </c>
      <c r="AP5575">
        <v>15130.84935</v>
      </c>
    </row>
    <row r="5576" spans="2:42" x14ac:dyDescent="0.3">
      <c r="B5576">
        <v>64.812190615198517</v>
      </c>
      <c r="C5576" s="83">
        <v>43333.25</v>
      </c>
      <c r="D5576">
        <v>187108.90849999999</v>
      </c>
      <c r="E5576">
        <v>17566.274979999998</v>
      </c>
      <c r="F5576">
        <v>77935.439719999995</v>
      </c>
      <c r="G5576">
        <v>29117.98587</v>
      </c>
      <c r="H5576">
        <v>36358.483919999999</v>
      </c>
      <c r="I5576">
        <v>27544.77404</v>
      </c>
      <c r="J5576">
        <v>43503.58034</v>
      </c>
      <c r="K5576">
        <v>46083.466820000001</v>
      </c>
      <c r="L5576">
        <v>18527.408719999999</v>
      </c>
      <c r="M5576">
        <v>330442.77240000002</v>
      </c>
      <c r="N5576">
        <v>72445.818950000001</v>
      </c>
      <c r="O5576">
        <v>17512.4031</v>
      </c>
      <c r="P5576">
        <v>26649.35556</v>
      </c>
      <c r="Q5576">
        <v>92559.073999999993</v>
      </c>
      <c r="R5576">
        <v>16836.273359999999</v>
      </c>
      <c r="S5576">
        <v>80216.697669999994</v>
      </c>
      <c r="T5576">
        <v>20458.279900000001</v>
      </c>
      <c r="U5576">
        <v>16761.079679999999</v>
      </c>
      <c r="W5576" s="83">
        <f>Bühler!N5608</f>
        <v>45524.249999986481</v>
      </c>
      <c r="X5576" s="83">
        <v>43333.25</v>
      </c>
      <c r="Y5576">
        <v>187108.90849999999</v>
      </c>
      <c r="Z5576">
        <v>17566.274979999998</v>
      </c>
      <c r="AA5576">
        <v>77935.439719999995</v>
      </c>
      <c r="AB5576">
        <v>29117.98587</v>
      </c>
      <c r="AC5576">
        <v>36358.483919999999</v>
      </c>
      <c r="AD5576">
        <v>27544.77404</v>
      </c>
      <c r="AE5576">
        <v>43503.58034</v>
      </c>
      <c r="AF5576">
        <v>46083.466820000001</v>
      </c>
      <c r="AG5576">
        <v>18527.408719999999</v>
      </c>
      <c r="AH5576">
        <v>330442.77240000002</v>
      </c>
      <c r="AI5576">
        <v>72445.818950000001</v>
      </c>
      <c r="AJ5576">
        <v>17512.4031</v>
      </c>
      <c r="AK5576">
        <v>26649.35556</v>
      </c>
      <c r="AL5576">
        <v>92559.073999999993</v>
      </c>
      <c r="AM5576">
        <v>16836.273359999999</v>
      </c>
      <c r="AN5576">
        <v>80216.697669999994</v>
      </c>
      <c r="AO5576">
        <v>20458.279900000001</v>
      </c>
      <c r="AP5576">
        <v>16761.079679999999</v>
      </c>
    </row>
    <row r="5577" spans="2:42" x14ac:dyDescent="0.3">
      <c r="B5577">
        <v>66.659931301937377</v>
      </c>
      <c r="C5577" s="83">
        <v>43333.291666666664</v>
      </c>
      <c r="D5577">
        <v>195795.57209999999</v>
      </c>
      <c r="E5577">
        <v>21165.569230000001</v>
      </c>
      <c r="F5577">
        <v>80545.238570000001</v>
      </c>
      <c r="G5577">
        <v>31884.684000000001</v>
      </c>
      <c r="H5577">
        <v>39652.758370000003</v>
      </c>
      <c r="I5577">
        <v>30679.36809</v>
      </c>
      <c r="J5577">
        <v>44019.164320000003</v>
      </c>
      <c r="K5577">
        <v>49362.976949999997</v>
      </c>
      <c r="L5577">
        <v>20579.08871</v>
      </c>
      <c r="M5577">
        <v>339863.41609999997</v>
      </c>
      <c r="N5577">
        <v>75656.106889999995</v>
      </c>
      <c r="O5577">
        <v>19504.158650000001</v>
      </c>
      <c r="P5577">
        <v>29683.08351</v>
      </c>
      <c r="Q5577">
        <v>92901.190260000003</v>
      </c>
      <c r="R5577">
        <v>18700.87226</v>
      </c>
      <c r="S5577">
        <v>93117.89486</v>
      </c>
      <c r="T5577">
        <v>23081.893100000001</v>
      </c>
      <c r="U5577">
        <v>19623.37702</v>
      </c>
      <c r="W5577" s="83">
        <f>Bühler!N5609</f>
        <v>45524.291666653146</v>
      </c>
      <c r="X5577" s="83">
        <v>43333.291666666664</v>
      </c>
      <c r="Y5577">
        <v>195795.57209999999</v>
      </c>
      <c r="Z5577">
        <v>21165.569230000001</v>
      </c>
      <c r="AA5577">
        <v>80545.238570000001</v>
      </c>
      <c r="AB5577">
        <v>31884.684000000001</v>
      </c>
      <c r="AC5577">
        <v>39652.758370000003</v>
      </c>
      <c r="AD5577">
        <v>30679.36809</v>
      </c>
      <c r="AE5577">
        <v>44019.164320000003</v>
      </c>
      <c r="AF5577">
        <v>49362.976949999997</v>
      </c>
      <c r="AG5577">
        <v>20579.08871</v>
      </c>
      <c r="AH5577">
        <v>339863.41609999997</v>
      </c>
      <c r="AI5577">
        <v>75656.106889999995</v>
      </c>
      <c r="AJ5577">
        <v>19504.158650000001</v>
      </c>
      <c r="AK5577">
        <v>29683.08351</v>
      </c>
      <c r="AL5577">
        <v>92901.190260000003</v>
      </c>
      <c r="AM5577">
        <v>18700.87226</v>
      </c>
      <c r="AN5577">
        <v>93117.89486</v>
      </c>
      <c r="AO5577">
        <v>23081.893100000001</v>
      </c>
      <c r="AP5577">
        <v>19623.37702</v>
      </c>
    </row>
    <row r="5578" spans="2:42" x14ac:dyDescent="0.3">
      <c r="B5578">
        <v>67.930670474359758</v>
      </c>
      <c r="C5578" s="83">
        <v>43333.333333333336</v>
      </c>
      <c r="D5578">
        <v>205627.7127</v>
      </c>
      <c r="E5578">
        <v>26113.37988</v>
      </c>
      <c r="F5578">
        <v>86783.873349999994</v>
      </c>
      <c r="G5578">
        <v>36245.064720000002</v>
      </c>
      <c r="H5578">
        <v>42780.503519999998</v>
      </c>
      <c r="I5578">
        <v>33406.804660000002</v>
      </c>
      <c r="J5578">
        <v>47094.787519999998</v>
      </c>
      <c r="K5578">
        <v>53881.116730000002</v>
      </c>
      <c r="L5578">
        <v>23834.695469999999</v>
      </c>
      <c r="M5578">
        <v>346342.23700000002</v>
      </c>
      <c r="N5578">
        <v>83272.374949999998</v>
      </c>
      <c r="O5578">
        <v>21654.540959999998</v>
      </c>
      <c r="P5578">
        <v>32822.361349999999</v>
      </c>
      <c r="Q5578">
        <v>94083.242050000001</v>
      </c>
      <c r="R5578">
        <v>20520.519690000001</v>
      </c>
      <c r="S5578">
        <v>103104.55409999999</v>
      </c>
      <c r="T5578">
        <v>25034.609939999998</v>
      </c>
      <c r="U5578">
        <v>22088.87111</v>
      </c>
      <c r="W5578" s="83">
        <f>Bühler!N5610</f>
        <v>45524.33333331981</v>
      </c>
      <c r="X5578" s="83">
        <v>43333.333333333336</v>
      </c>
      <c r="Y5578">
        <v>205627.7127</v>
      </c>
      <c r="Z5578">
        <v>26113.37988</v>
      </c>
      <c r="AA5578">
        <v>86783.873349999994</v>
      </c>
      <c r="AB5578">
        <v>36245.064720000002</v>
      </c>
      <c r="AC5578">
        <v>42780.503519999998</v>
      </c>
      <c r="AD5578">
        <v>33406.804660000002</v>
      </c>
      <c r="AE5578">
        <v>47094.787519999998</v>
      </c>
      <c r="AF5578">
        <v>53881.116730000002</v>
      </c>
      <c r="AG5578">
        <v>23834.695469999999</v>
      </c>
      <c r="AH5578">
        <v>346342.23700000002</v>
      </c>
      <c r="AI5578">
        <v>83272.374949999998</v>
      </c>
      <c r="AJ5578">
        <v>21654.540959999998</v>
      </c>
      <c r="AK5578">
        <v>32822.361349999999</v>
      </c>
      <c r="AL5578">
        <v>94083.242050000001</v>
      </c>
      <c r="AM5578">
        <v>20520.519690000001</v>
      </c>
      <c r="AN5578">
        <v>103104.55409999999</v>
      </c>
      <c r="AO5578">
        <v>25034.609939999998</v>
      </c>
      <c r="AP5578">
        <v>22088.87111</v>
      </c>
    </row>
    <row r="5579" spans="2:42" x14ac:dyDescent="0.3">
      <c r="B5579">
        <v>68.525151146921658</v>
      </c>
      <c r="C5579" s="83">
        <v>43333.375</v>
      </c>
      <c r="D5579">
        <v>207620.6795</v>
      </c>
      <c r="E5579">
        <v>30623.67526</v>
      </c>
      <c r="F5579">
        <v>94465.108269999997</v>
      </c>
      <c r="G5579">
        <v>38291.13106</v>
      </c>
      <c r="H5579">
        <v>45041.227749999998</v>
      </c>
      <c r="I5579">
        <v>33251.117449999998</v>
      </c>
      <c r="J5579">
        <v>49121.404580000002</v>
      </c>
      <c r="K5579">
        <v>57267.114419999998</v>
      </c>
      <c r="L5579">
        <v>27690.735489999999</v>
      </c>
      <c r="M5579">
        <v>349373.17670000001</v>
      </c>
      <c r="N5579">
        <v>89557.554759999999</v>
      </c>
      <c r="O5579">
        <v>23517.977610000002</v>
      </c>
      <c r="P5579">
        <v>35921.375030000003</v>
      </c>
      <c r="Q5579">
        <v>97459.636610000001</v>
      </c>
      <c r="R5579">
        <v>21310.264729999999</v>
      </c>
      <c r="S5579">
        <v>108808.2637</v>
      </c>
      <c r="T5579">
        <v>26901.266380000001</v>
      </c>
      <c r="U5579">
        <v>22993.268619999999</v>
      </c>
      <c r="W5579" s="83">
        <f>Bühler!N5611</f>
        <v>45524.374999986474</v>
      </c>
      <c r="X5579" s="83">
        <v>43333.375</v>
      </c>
      <c r="Y5579">
        <v>207620.6795</v>
      </c>
      <c r="Z5579">
        <v>30623.67526</v>
      </c>
      <c r="AA5579">
        <v>94465.108269999997</v>
      </c>
      <c r="AB5579">
        <v>38291.13106</v>
      </c>
      <c r="AC5579">
        <v>45041.227749999998</v>
      </c>
      <c r="AD5579">
        <v>33251.117449999998</v>
      </c>
      <c r="AE5579">
        <v>49121.404580000002</v>
      </c>
      <c r="AF5579">
        <v>57267.114419999998</v>
      </c>
      <c r="AG5579">
        <v>27690.735489999999</v>
      </c>
      <c r="AH5579">
        <v>349373.17670000001</v>
      </c>
      <c r="AI5579">
        <v>89557.554759999999</v>
      </c>
      <c r="AJ5579">
        <v>23517.977610000002</v>
      </c>
      <c r="AK5579">
        <v>35921.375030000003</v>
      </c>
      <c r="AL5579">
        <v>97459.636610000001</v>
      </c>
      <c r="AM5579">
        <v>21310.264729999999</v>
      </c>
      <c r="AN5579">
        <v>108808.2637</v>
      </c>
      <c r="AO5579">
        <v>26901.266380000001</v>
      </c>
      <c r="AP5579">
        <v>22993.268619999999</v>
      </c>
    </row>
    <row r="5580" spans="2:42" x14ac:dyDescent="0.3">
      <c r="B5580">
        <v>70.226684258675519</v>
      </c>
      <c r="C5580" s="83">
        <v>43333.416666666664</v>
      </c>
      <c r="D5580">
        <v>210154.5871</v>
      </c>
      <c r="E5580">
        <v>32445.315760000001</v>
      </c>
      <c r="F5580">
        <v>95692.389079999994</v>
      </c>
      <c r="G5580">
        <v>39589.435120000002</v>
      </c>
      <c r="H5580">
        <v>46288.2981</v>
      </c>
      <c r="I5580">
        <v>32104.14849</v>
      </c>
      <c r="J5580">
        <v>49994.173029999998</v>
      </c>
      <c r="K5580">
        <v>59416.485209999999</v>
      </c>
      <c r="L5580">
        <v>31234.086889999999</v>
      </c>
      <c r="M5580">
        <v>358048.386</v>
      </c>
      <c r="N5580">
        <v>90278.620630000005</v>
      </c>
      <c r="O5580">
        <v>25068.052479999998</v>
      </c>
      <c r="P5580">
        <v>37505.525520000003</v>
      </c>
      <c r="Q5580">
        <v>97710.714300000007</v>
      </c>
      <c r="R5580">
        <v>22568.254089999999</v>
      </c>
      <c r="S5580">
        <v>110601.71219999999</v>
      </c>
      <c r="T5580">
        <v>29139.64285</v>
      </c>
      <c r="U5580">
        <v>23253.014640000001</v>
      </c>
      <c r="W5580" s="83">
        <f>Bühler!N5612</f>
        <v>45524.416666653138</v>
      </c>
      <c r="X5580" s="83">
        <v>43333.416666666664</v>
      </c>
      <c r="Y5580">
        <v>210154.5871</v>
      </c>
      <c r="Z5580">
        <v>32445.315760000001</v>
      </c>
      <c r="AA5580">
        <v>95692.389079999994</v>
      </c>
      <c r="AB5580">
        <v>39589.435120000002</v>
      </c>
      <c r="AC5580">
        <v>46288.2981</v>
      </c>
      <c r="AD5580">
        <v>32104.14849</v>
      </c>
      <c r="AE5580">
        <v>49994.173029999998</v>
      </c>
      <c r="AF5580">
        <v>59416.485209999999</v>
      </c>
      <c r="AG5580">
        <v>31234.086889999999</v>
      </c>
      <c r="AH5580">
        <v>358048.386</v>
      </c>
      <c r="AI5580">
        <v>90278.620630000005</v>
      </c>
      <c r="AJ5580">
        <v>25068.052479999998</v>
      </c>
      <c r="AK5580">
        <v>37505.525520000003</v>
      </c>
      <c r="AL5580">
        <v>97710.714300000007</v>
      </c>
      <c r="AM5580">
        <v>22568.254089999999</v>
      </c>
      <c r="AN5580">
        <v>110601.71219999999</v>
      </c>
      <c r="AO5580">
        <v>29139.64285</v>
      </c>
      <c r="AP5580">
        <v>23253.014640000001</v>
      </c>
    </row>
    <row r="5581" spans="2:42" x14ac:dyDescent="0.3">
      <c r="B5581">
        <v>70.684284082528649</v>
      </c>
      <c r="C5581" s="83">
        <v>43333.458333333336</v>
      </c>
      <c r="D5581">
        <v>210946.41320000001</v>
      </c>
      <c r="E5581">
        <v>32707.434389999999</v>
      </c>
      <c r="F5581">
        <v>97566.314209999997</v>
      </c>
      <c r="G5581">
        <v>40308.909119999997</v>
      </c>
      <c r="H5581">
        <v>46302.43159</v>
      </c>
      <c r="I5581">
        <v>31829.87744</v>
      </c>
      <c r="J5581">
        <v>50394.134330000001</v>
      </c>
      <c r="K5581">
        <v>60517.022689999998</v>
      </c>
      <c r="L5581">
        <v>32288.527979999999</v>
      </c>
      <c r="M5581">
        <v>360381.44329999998</v>
      </c>
      <c r="N5581">
        <v>91201.503469999996</v>
      </c>
      <c r="O5581">
        <v>24566.33783</v>
      </c>
      <c r="P5581">
        <v>36685.837919999998</v>
      </c>
      <c r="Q5581">
        <v>99091.091350000002</v>
      </c>
      <c r="R5581">
        <v>23586.435829999999</v>
      </c>
      <c r="S5581">
        <v>113089.4878</v>
      </c>
      <c r="T5581">
        <v>29532.83698</v>
      </c>
      <c r="U5581">
        <v>22449.57617</v>
      </c>
      <c r="W5581" s="83">
        <f>Bühler!N5613</f>
        <v>45524.458333319802</v>
      </c>
      <c r="X5581" s="83">
        <v>43333.458333333336</v>
      </c>
      <c r="Y5581">
        <v>210946.41320000001</v>
      </c>
      <c r="Z5581">
        <v>32707.434389999999</v>
      </c>
      <c r="AA5581">
        <v>97566.314209999997</v>
      </c>
      <c r="AB5581">
        <v>40308.909119999997</v>
      </c>
      <c r="AC5581">
        <v>46302.43159</v>
      </c>
      <c r="AD5581">
        <v>31829.87744</v>
      </c>
      <c r="AE5581">
        <v>50394.134330000001</v>
      </c>
      <c r="AF5581">
        <v>60517.022689999998</v>
      </c>
      <c r="AG5581">
        <v>32288.527979999999</v>
      </c>
      <c r="AH5581">
        <v>360381.44329999998</v>
      </c>
      <c r="AI5581">
        <v>91201.503469999996</v>
      </c>
      <c r="AJ5581">
        <v>24566.33783</v>
      </c>
      <c r="AK5581">
        <v>36685.837919999998</v>
      </c>
      <c r="AL5581">
        <v>99091.091350000002</v>
      </c>
      <c r="AM5581">
        <v>23586.435829999999</v>
      </c>
      <c r="AN5581">
        <v>113089.4878</v>
      </c>
      <c r="AO5581">
        <v>29532.83698</v>
      </c>
      <c r="AP5581">
        <v>22449.57617</v>
      </c>
    </row>
    <row r="5582" spans="2:42" x14ac:dyDescent="0.3">
      <c r="B5582">
        <v>69.770357052814703</v>
      </c>
      <c r="C5582" s="83">
        <v>43333.5</v>
      </c>
      <c r="D5582">
        <v>204855.6948</v>
      </c>
      <c r="E5582">
        <v>29915.441640000001</v>
      </c>
      <c r="F5582">
        <v>92330.370079999993</v>
      </c>
      <c r="G5582">
        <v>39394.147649999999</v>
      </c>
      <c r="H5582">
        <v>45639.452969999998</v>
      </c>
      <c r="I5582">
        <v>30834.544860000002</v>
      </c>
      <c r="J5582">
        <v>50931.307760000003</v>
      </c>
      <c r="K5582">
        <v>57144.191429999999</v>
      </c>
      <c r="L5582">
        <v>34596.273260000002</v>
      </c>
      <c r="M5582">
        <v>355721.81709999999</v>
      </c>
      <c r="N5582">
        <v>89740.616869999998</v>
      </c>
      <c r="O5582">
        <v>24134.525420000002</v>
      </c>
      <c r="P5582">
        <v>38416.328399999999</v>
      </c>
      <c r="Q5582">
        <v>99199.243669999996</v>
      </c>
      <c r="R5582">
        <v>24806.14054</v>
      </c>
      <c r="S5582">
        <v>107977.014</v>
      </c>
      <c r="T5582">
        <v>29075.329259999999</v>
      </c>
      <c r="U5582">
        <v>19091.505209999999</v>
      </c>
      <c r="W5582" s="83">
        <f>Bühler!N5614</f>
        <v>45524.499999986467</v>
      </c>
      <c r="X5582" s="83">
        <v>43333.5</v>
      </c>
      <c r="Y5582">
        <v>204855.6948</v>
      </c>
      <c r="Z5582">
        <v>29915.441640000001</v>
      </c>
      <c r="AA5582">
        <v>92330.370079999993</v>
      </c>
      <c r="AB5582">
        <v>39394.147649999999</v>
      </c>
      <c r="AC5582">
        <v>45639.452969999998</v>
      </c>
      <c r="AD5582">
        <v>30834.544860000002</v>
      </c>
      <c r="AE5582">
        <v>50931.307760000003</v>
      </c>
      <c r="AF5582">
        <v>57144.191429999999</v>
      </c>
      <c r="AG5582">
        <v>34596.273260000002</v>
      </c>
      <c r="AH5582">
        <v>355721.81709999999</v>
      </c>
      <c r="AI5582">
        <v>89740.616869999998</v>
      </c>
      <c r="AJ5582">
        <v>24134.525420000002</v>
      </c>
      <c r="AK5582">
        <v>38416.328399999999</v>
      </c>
      <c r="AL5582">
        <v>99199.243669999996</v>
      </c>
      <c r="AM5582">
        <v>24806.14054</v>
      </c>
      <c r="AN5582">
        <v>107977.014</v>
      </c>
      <c r="AO5582">
        <v>29075.329259999999</v>
      </c>
      <c r="AP5582">
        <v>19091.505209999999</v>
      </c>
    </row>
    <row r="5583" spans="2:42" x14ac:dyDescent="0.3">
      <c r="B5583">
        <v>70.107379499321809</v>
      </c>
      <c r="C5583" s="83">
        <v>43333.541666666664</v>
      </c>
      <c r="D5583">
        <v>206215.48680000001</v>
      </c>
      <c r="E5583">
        <v>30319.197560000001</v>
      </c>
      <c r="F5583">
        <v>88083.675409999996</v>
      </c>
      <c r="G5583">
        <v>38948.359400000001</v>
      </c>
      <c r="H5583">
        <v>45941.203220000003</v>
      </c>
      <c r="I5583">
        <v>30993.550299999999</v>
      </c>
      <c r="J5583">
        <v>49671.174720000003</v>
      </c>
      <c r="K5583">
        <v>58904.382830000002</v>
      </c>
      <c r="L5583">
        <v>34107.785470000003</v>
      </c>
      <c r="M5583">
        <v>357440.11469999998</v>
      </c>
      <c r="N5583">
        <v>90227.893400000001</v>
      </c>
      <c r="O5583">
        <v>24296.306240000002</v>
      </c>
      <c r="P5583">
        <v>37742.054559999997</v>
      </c>
      <c r="Q5583">
        <v>97316.606549999997</v>
      </c>
      <c r="R5583">
        <v>24327.07777</v>
      </c>
      <c r="S5583">
        <v>106831.3612</v>
      </c>
      <c r="T5583">
        <v>28982.253840000001</v>
      </c>
      <c r="U5583">
        <v>21123.133989999998</v>
      </c>
      <c r="W5583" s="83">
        <f>Bühler!N5615</f>
        <v>45524.541666653131</v>
      </c>
      <c r="X5583" s="83">
        <v>43333.541666666664</v>
      </c>
      <c r="Y5583">
        <v>206215.48680000001</v>
      </c>
      <c r="Z5583">
        <v>30319.197560000001</v>
      </c>
      <c r="AA5583">
        <v>88083.675409999996</v>
      </c>
      <c r="AB5583">
        <v>38948.359400000001</v>
      </c>
      <c r="AC5583">
        <v>45941.203220000003</v>
      </c>
      <c r="AD5583">
        <v>30993.550299999999</v>
      </c>
      <c r="AE5583">
        <v>49671.174720000003</v>
      </c>
      <c r="AF5583">
        <v>58904.382830000002</v>
      </c>
      <c r="AG5583">
        <v>34107.785470000003</v>
      </c>
      <c r="AH5583">
        <v>357440.11469999998</v>
      </c>
      <c r="AI5583">
        <v>90227.893400000001</v>
      </c>
      <c r="AJ5583">
        <v>24296.306240000002</v>
      </c>
      <c r="AK5583">
        <v>37742.054559999997</v>
      </c>
      <c r="AL5583">
        <v>97316.606549999997</v>
      </c>
      <c r="AM5583">
        <v>24327.07777</v>
      </c>
      <c r="AN5583">
        <v>106831.3612</v>
      </c>
      <c r="AO5583">
        <v>28982.253840000001</v>
      </c>
      <c r="AP5583">
        <v>21123.133989999998</v>
      </c>
    </row>
    <row r="5584" spans="2:42" x14ac:dyDescent="0.3">
      <c r="B5584">
        <v>70.212455450415476</v>
      </c>
      <c r="C5584" s="83">
        <v>43333.583333333336</v>
      </c>
      <c r="D5584">
        <v>207008.43650000001</v>
      </c>
      <c r="E5584">
        <v>33132.649649999999</v>
      </c>
      <c r="F5584">
        <v>97174.308120000002</v>
      </c>
      <c r="G5584">
        <v>38782.428549999997</v>
      </c>
      <c r="H5584">
        <v>46212.978750000002</v>
      </c>
      <c r="I5584">
        <v>32365.521560000001</v>
      </c>
      <c r="J5584">
        <v>49020.565450000002</v>
      </c>
      <c r="K5584">
        <v>60108.575689999998</v>
      </c>
      <c r="L5584">
        <v>31533.06841</v>
      </c>
      <c r="M5584">
        <v>357975.84090000001</v>
      </c>
      <c r="N5584">
        <v>91368.116460000005</v>
      </c>
      <c r="O5584">
        <v>24254.179209999998</v>
      </c>
      <c r="P5584">
        <v>34219.969250000002</v>
      </c>
      <c r="Q5584">
        <v>97226.08077</v>
      </c>
      <c r="R5584">
        <v>24066.556270000001</v>
      </c>
      <c r="S5584">
        <v>103126.9923</v>
      </c>
      <c r="T5584">
        <v>28808.261770000001</v>
      </c>
      <c r="U5584">
        <v>22128.579180000001</v>
      </c>
      <c r="W5584" s="83">
        <f>Bühler!N5616</f>
        <v>45524.583333319795</v>
      </c>
      <c r="X5584" s="83">
        <v>43333.583333333336</v>
      </c>
      <c r="Y5584">
        <v>207008.43650000001</v>
      </c>
      <c r="Z5584">
        <v>33132.649649999999</v>
      </c>
      <c r="AA5584">
        <v>97174.308120000002</v>
      </c>
      <c r="AB5584">
        <v>38782.428549999997</v>
      </c>
      <c r="AC5584">
        <v>46212.978750000002</v>
      </c>
      <c r="AD5584">
        <v>32365.521560000001</v>
      </c>
      <c r="AE5584">
        <v>49020.565450000002</v>
      </c>
      <c r="AF5584">
        <v>60108.575689999998</v>
      </c>
      <c r="AG5584">
        <v>31533.06841</v>
      </c>
      <c r="AH5584">
        <v>357975.84090000001</v>
      </c>
      <c r="AI5584">
        <v>91368.116460000005</v>
      </c>
      <c r="AJ5584">
        <v>24254.179209999998</v>
      </c>
      <c r="AK5584">
        <v>34219.969250000002</v>
      </c>
      <c r="AL5584">
        <v>97226.08077</v>
      </c>
      <c r="AM5584">
        <v>24066.556270000001</v>
      </c>
      <c r="AN5584">
        <v>103126.9923</v>
      </c>
      <c r="AO5584">
        <v>28808.261770000001</v>
      </c>
      <c r="AP5584">
        <v>22128.579180000001</v>
      </c>
    </row>
    <row r="5585" spans="2:42" x14ac:dyDescent="0.3">
      <c r="B5585">
        <v>68.821206705350846</v>
      </c>
      <c r="C5585" s="83">
        <v>43333.625</v>
      </c>
      <c r="D5585">
        <v>205191.7023</v>
      </c>
      <c r="E5585">
        <v>33203.758750000001</v>
      </c>
      <c r="F5585">
        <v>99344.937479999993</v>
      </c>
      <c r="G5585">
        <v>38578.72782</v>
      </c>
      <c r="H5585">
        <v>45637.460209999997</v>
      </c>
      <c r="I5585">
        <v>32959.266009999999</v>
      </c>
      <c r="J5585">
        <v>48112.818529999997</v>
      </c>
      <c r="K5585">
        <v>59444.290789999999</v>
      </c>
      <c r="L5585">
        <v>28918.764910000002</v>
      </c>
      <c r="M5585">
        <v>350882.60600000003</v>
      </c>
      <c r="N5585">
        <v>89434.398570000005</v>
      </c>
      <c r="O5585">
        <v>23887.486659999999</v>
      </c>
      <c r="P5585">
        <v>31621.005700000002</v>
      </c>
      <c r="Q5585">
        <v>96797.185509999996</v>
      </c>
      <c r="R5585">
        <v>24532.567770000001</v>
      </c>
      <c r="S5585">
        <v>101566.65549999999</v>
      </c>
      <c r="T5585">
        <v>28562.92252</v>
      </c>
      <c r="U5585">
        <v>20826.08396</v>
      </c>
      <c r="W5585" s="83">
        <f>Bühler!N5617</f>
        <v>45524.624999986459</v>
      </c>
      <c r="X5585" s="83">
        <v>43333.625</v>
      </c>
      <c r="Y5585">
        <v>205191.7023</v>
      </c>
      <c r="Z5585">
        <v>33203.758750000001</v>
      </c>
      <c r="AA5585">
        <v>99344.937479999993</v>
      </c>
      <c r="AB5585">
        <v>38578.72782</v>
      </c>
      <c r="AC5585">
        <v>45637.460209999997</v>
      </c>
      <c r="AD5585">
        <v>32959.266009999999</v>
      </c>
      <c r="AE5585">
        <v>48112.818529999997</v>
      </c>
      <c r="AF5585">
        <v>59444.290789999999</v>
      </c>
      <c r="AG5585">
        <v>28918.764910000002</v>
      </c>
      <c r="AH5585">
        <v>350882.60600000003</v>
      </c>
      <c r="AI5585">
        <v>89434.398570000005</v>
      </c>
      <c r="AJ5585">
        <v>23887.486659999999</v>
      </c>
      <c r="AK5585">
        <v>31621.005700000002</v>
      </c>
      <c r="AL5585">
        <v>96797.185509999996</v>
      </c>
      <c r="AM5585">
        <v>24532.567770000001</v>
      </c>
      <c r="AN5585">
        <v>101566.65549999999</v>
      </c>
      <c r="AO5585">
        <v>28562.92252</v>
      </c>
      <c r="AP5585">
        <v>20826.08396</v>
      </c>
    </row>
    <row r="5586" spans="2:42" x14ac:dyDescent="0.3">
      <c r="B5586">
        <v>67.895430504543441</v>
      </c>
      <c r="C5586" s="83">
        <v>43333.666666666664</v>
      </c>
      <c r="D5586">
        <v>198617.96249999999</v>
      </c>
      <c r="E5586">
        <v>32484.011409999999</v>
      </c>
      <c r="F5586">
        <v>98740.269799999995</v>
      </c>
      <c r="G5586">
        <v>37439.751020000003</v>
      </c>
      <c r="H5586">
        <v>44841.375240000001</v>
      </c>
      <c r="I5586">
        <v>33518.825140000001</v>
      </c>
      <c r="J5586">
        <v>47283.405149999999</v>
      </c>
      <c r="K5586">
        <v>56691.31596</v>
      </c>
      <c r="L5586">
        <v>28205.8583</v>
      </c>
      <c r="M5586">
        <v>346162.56719999999</v>
      </c>
      <c r="N5586">
        <v>87383.577680000002</v>
      </c>
      <c r="O5586">
        <v>23658.789939999999</v>
      </c>
      <c r="P5586">
        <v>31419.278040000001</v>
      </c>
      <c r="Q5586">
        <v>95475.178700000004</v>
      </c>
      <c r="R5586">
        <v>24485.306110000001</v>
      </c>
      <c r="S5586">
        <v>99132.702499999999</v>
      </c>
      <c r="T5586">
        <v>27980.729729999999</v>
      </c>
      <c r="U5586">
        <v>19259.63594</v>
      </c>
      <c r="W5586" s="83">
        <f>Bühler!N5618</f>
        <v>45524.666666653124</v>
      </c>
      <c r="X5586" s="83">
        <v>43333.666666666664</v>
      </c>
      <c r="Y5586">
        <v>198617.96249999999</v>
      </c>
      <c r="Z5586">
        <v>32484.011409999999</v>
      </c>
      <c r="AA5586">
        <v>98740.269799999995</v>
      </c>
      <c r="AB5586">
        <v>37439.751020000003</v>
      </c>
      <c r="AC5586">
        <v>44841.375240000001</v>
      </c>
      <c r="AD5586">
        <v>33518.825140000001</v>
      </c>
      <c r="AE5586">
        <v>47283.405149999999</v>
      </c>
      <c r="AF5586">
        <v>56691.31596</v>
      </c>
      <c r="AG5586">
        <v>28205.8583</v>
      </c>
      <c r="AH5586">
        <v>346162.56719999999</v>
      </c>
      <c r="AI5586">
        <v>87383.577680000002</v>
      </c>
      <c r="AJ5586">
        <v>23658.789939999999</v>
      </c>
      <c r="AK5586">
        <v>31419.278040000001</v>
      </c>
      <c r="AL5586">
        <v>95475.178700000004</v>
      </c>
      <c r="AM5586">
        <v>24485.306110000001</v>
      </c>
      <c r="AN5586">
        <v>99132.702499999999</v>
      </c>
      <c r="AO5586">
        <v>27980.729729999999</v>
      </c>
      <c r="AP5586">
        <v>19259.63594</v>
      </c>
    </row>
    <row r="5587" spans="2:42" x14ac:dyDescent="0.3">
      <c r="B5587">
        <v>66.866304950291479</v>
      </c>
      <c r="C5587" s="83">
        <v>43333.708333333336</v>
      </c>
      <c r="D5587">
        <v>192499.307</v>
      </c>
      <c r="E5587">
        <v>30704.505840000002</v>
      </c>
      <c r="F5587">
        <v>97845.602790000004</v>
      </c>
      <c r="G5587">
        <v>35019.555310000003</v>
      </c>
      <c r="H5587">
        <v>43236.643960000001</v>
      </c>
      <c r="I5587">
        <v>32664.187900000001</v>
      </c>
      <c r="J5587">
        <v>47351.493399999999</v>
      </c>
      <c r="K5587">
        <v>51665.564919999997</v>
      </c>
      <c r="L5587">
        <v>28613.391019999999</v>
      </c>
      <c r="M5587">
        <v>340915.60519999999</v>
      </c>
      <c r="N5587">
        <v>85169.536699999997</v>
      </c>
      <c r="O5587">
        <v>22802.487639999999</v>
      </c>
      <c r="P5587">
        <v>33784.912340000003</v>
      </c>
      <c r="Q5587">
        <v>94168.418810000003</v>
      </c>
      <c r="R5587">
        <v>24258.90364</v>
      </c>
      <c r="S5587">
        <v>96490.230259999997</v>
      </c>
      <c r="T5587">
        <v>27289.168679999999</v>
      </c>
      <c r="U5587">
        <v>18081.004730000001</v>
      </c>
      <c r="W5587" s="83">
        <f>Bühler!N5619</f>
        <v>45524.708333319788</v>
      </c>
      <c r="X5587" s="83">
        <v>43333.708333333336</v>
      </c>
      <c r="Y5587">
        <v>192499.307</v>
      </c>
      <c r="Z5587">
        <v>30704.505840000002</v>
      </c>
      <c r="AA5587">
        <v>97845.602790000004</v>
      </c>
      <c r="AB5587">
        <v>35019.555310000003</v>
      </c>
      <c r="AC5587">
        <v>43236.643960000001</v>
      </c>
      <c r="AD5587">
        <v>32664.187900000001</v>
      </c>
      <c r="AE5587">
        <v>47351.493399999999</v>
      </c>
      <c r="AF5587">
        <v>51665.564919999997</v>
      </c>
      <c r="AG5587">
        <v>28613.391019999999</v>
      </c>
      <c r="AH5587">
        <v>340915.60519999999</v>
      </c>
      <c r="AI5587">
        <v>85169.536699999997</v>
      </c>
      <c r="AJ5587">
        <v>22802.487639999999</v>
      </c>
      <c r="AK5587">
        <v>33784.912340000003</v>
      </c>
      <c r="AL5587">
        <v>94168.418810000003</v>
      </c>
      <c r="AM5587">
        <v>24258.90364</v>
      </c>
      <c r="AN5587">
        <v>96490.230259999997</v>
      </c>
      <c r="AO5587">
        <v>27289.168679999999</v>
      </c>
      <c r="AP5587">
        <v>18081.004730000001</v>
      </c>
    </row>
    <row r="5588" spans="2:42" x14ac:dyDescent="0.3">
      <c r="B5588">
        <v>65.362976383242426</v>
      </c>
      <c r="C5588" s="83">
        <v>43333.75</v>
      </c>
      <c r="D5588">
        <v>188957.56099999999</v>
      </c>
      <c r="E5588">
        <v>27623.382519999999</v>
      </c>
      <c r="F5588">
        <v>95960.629839999994</v>
      </c>
      <c r="G5588">
        <v>32507.42239</v>
      </c>
      <c r="H5588">
        <v>41174.29262</v>
      </c>
      <c r="I5588">
        <v>31705.792880000001</v>
      </c>
      <c r="J5588">
        <v>47650.193760000002</v>
      </c>
      <c r="K5588">
        <v>50810.426449999999</v>
      </c>
      <c r="L5588">
        <v>29853.921780000001</v>
      </c>
      <c r="M5588">
        <v>333250.9351</v>
      </c>
      <c r="N5588">
        <v>82141.435169999997</v>
      </c>
      <c r="O5588">
        <v>21117.083689999999</v>
      </c>
      <c r="P5588">
        <v>37117.980790000001</v>
      </c>
      <c r="Q5588">
        <v>92504.507840000006</v>
      </c>
      <c r="R5588">
        <v>23231.449570000001</v>
      </c>
      <c r="S5588">
        <v>90697.060159999994</v>
      </c>
      <c r="T5588">
        <v>26653.469880000001</v>
      </c>
      <c r="U5588">
        <v>17094.9133</v>
      </c>
      <c r="W5588" s="83">
        <f>Bühler!N5620</f>
        <v>45524.749999986452</v>
      </c>
      <c r="X5588" s="83">
        <v>43333.75</v>
      </c>
      <c r="Y5588">
        <v>188957.56099999999</v>
      </c>
      <c r="Z5588">
        <v>27623.382519999999</v>
      </c>
      <c r="AA5588">
        <v>95960.629839999994</v>
      </c>
      <c r="AB5588">
        <v>32507.42239</v>
      </c>
      <c r="AC5588">
        <v>41174.29262</v>
      </c>
      <c r="AD5588">
        <v>31705.792880000001</v>
      </c>
      <c r="AE5588">
        <v>47650.193760000002</v>
      </c>
      <c r="AF5588">
        <v>50810.426449999999</v>
      </c>
      <c r="AG5588">
        <v>29853.921780000001</v>
      </c>
      <c r="AH5588">
        <v>333250.9351</v>
      </c>
      <c r="AI5588">
        <v>82141.435169999997</v>
      </c>
      <c r="AJ5588">
        <v>21117.083689999999</v>
      </c>
      <c r="AK5588">
        <v>37117.980790000001</v>
      </c>
      <c r="AL5588">
        <v>92504.507840000006</v>
      </c>
      <c r="AM5588">
        <v>23231.449570000001</v>
      </c>
      <c r="AN5588">
        <v>90697.060159999994</v>
      </c>
      <c r="AO5588">
        <v>26653.469880000001</v>
      </c>
      <c r="AP5588">
        <v>17094.9133</v>
      </c>
    </row>
    <row r="5589" spans="2:42" x14ac:dyDescent="0.3">
      <c r="B5589">
        <v>64.141107652103457</v>
      </c>
      <c r="C5589" s="83">
        <v>43333.791666666664</v>
      </c>
      <c r="D5589">
        <v>184898.89050000001</v>
      </c>
      <c r="E5589">
        <v>22191.312140000002</v>
      </c>
      <c r="F5589">
        <v>85937.460389999993</v>
      </c>
      <c r="G5589">
        <v>31032.470120000002</v>
      </c>
      <c r="H5589">
        <v>38909.589829999997</v>
      </c>
      <c r="I5589">
        <v>30235.856070000002</v>
      </c>
      <c r="J5589">
        <v>47316.791920000003</v>
      </c>
      <c r="K5589">
        <v>51419.653169999998</v>
      </c>
      <c r="L5589">
        <v>29484.375899999999</v>
      </c>
      <c r="M5589">
        <v>327021.27850000001</v>
      </c>
      <c r="N5589">
        <v>79817.544620000001</v>
      </c>
      <c r="O5589">
        <v>19074.52306</v>
      </c>
      <c r="P5589">
        <v>40202.635920000001</v>
      </c>
      <c r="Q5589">
        <v>89898.008029999997</v>
      </c>
      <c r="R5589">
        <v>22211.57187</v>
      </c>
      <c r="S5589">
        <v>86909.126520000005</v>
      </c>
      <c r="T5589">
        <v>26110.6777</v>
      </c>
      <c r="U5589">
        <v>16530.589759999999</v>
      </c>
      <c r="W5589" s="83">
        <f>Bühler!N5621</f>
        <v>45524.791666653116</v>
      </c>
      <c r="X5589" s="83">
        <v>43333.791666666664</v>
      </c>
      <c r="Y5589">
        <v>184898.89050000001</v>
      </c>
      <c r="Z5589">
        <v>22191.312140000002</v>
      </c>
      <c r="AA5589">
        <v>85937.460389999993</v>
      </c>
      <c r="AB5589">
        <v>31032.470120000002</v>
      </c>
      <c r="AC5589">
        <v>38909.589829999997</v>
      </c>
      <c r="AD5589">
        <v>30235.856070000002</v>
      </c>
      <c r="AE5589">
        <v>47316.791920000003</v>
      </c>
      <c r="AF5589">
        <v>51419.653169999998</v>
      </c>
      <c r="AG5589">
        <v>29484.375899999999</v>
      </c>
      <c r="AH5589">
        <v>327021.27850000001</v>
      </c>
      <c r="AI5589">
        <v>79817.544620000001</v>
      </c>
      <c r="AJ5589">
        <v>19074.52306</v>
      </c>
      <c r="AK5589">
        <v>40202.635920000001</v>
      </c>
      <c r="AL5589">
        <v>89898.008029999997</v>
      </c>
      <c r="AM5589">
        <v>22211.57187</v>
      </c>
      <c r="AN5589">
        <v>86909.126520000005</v>
      </c>
      <c r="AO5589">
        <v>26110.6777</v>
      </c>
      <c r="AP5589">
        <v>16530.589759999999</v>
      </c>
    </row>
    <row r="5590" spans="2:42" x14ac:dyDescent="0.3">
      <c r="B5590">
        <v>61.529979872275121</v>
      </c>
      <c r="C5590" s="83">
        <v>43333.833333333336</v>
      </c>
      <c r="D5590">
        <v>180603.7629</v>
      </c>
      <c r="E5590">
        <v>16710.01699</v>
      </c>
      <c r="F5590">
        <v>69597.598629999993</v>
      </c>
      <c r="G5590">
        <v>29737.240180000001</v>
      </c>
      <c r="H5590">
        <v>36775.10643</v>
      </c>
      <c r="I5590">
        <v>27889.805980000001</v>
      </c>
      <c r="J5590">
        <v>47120.759989999999</v>
      </c>
      <c r="K5590">
        <v>51539.564659999996</v>
      </c>
      <c r="L5590">
        <v>29211.020509999998</v>
      </c>
      <c r="M5590">
        <v>313708.53139999998</v>
      </c>
      <c r="N5590">
        <v>77593.810029999993</v>
      </c>
      <c r="O5590">
        <v>18106.829860000002</v>
      </c>
      <c r="P5590">
        <v>40221.275029999997</v>
      </c>
      <c r="Q5590">
        <v>86895.210949999993</v>
      </c>
      <c r="R5590">
        <v>20963.911639999998</v>
      </c>
      <c r="S5590">
        <v>79830.834749999995</v>
      </c>
      <c r="T5590">
        <v>24706.487519999999</v>
      </c>
      <c r="U5590">
        <v>16382.76158</v>
      </c>
      <c r="W5590" s="83">
        <f>Bühler!N5622</f>
        <v>45524.833333319781</v>
      </c>
      <c r="X5590" s="83">
        <v>43333.833333333336</v>
      </c>
      <c r="Y5590">
        <v>180603.7629</v>
      </c>
      <c r="Z5590">
        <v>16710.01699</v>
      </c>
      <c r="AA5590">
        <v>69597.598629999993</v>
      </c>
      <c r="AB5590">
        <v>29737.240180000001</v>
      </c>
      <c r="AC5590">
        <v>36775.10643</v>
      </c>
      <c r="AD5590">
        <v>27889.805980000001</v>
      </c>
      <c r="AE5590">
        <v>47120.759989999999</v>
      </c>
      <c r="AF5590">
        <v>51539.564659999996</v>
      </c>
      <c r="AG5590">
        <v>29211.020509999998</v>
      </c>
      <c r="AH5590">
        <v>313708.53139999998</v>
      </c>
      <c r="AI5590">
        <v>77593.810029999993</v>
      </c>
      <c r="AJ5590">
        <v>18106.829860000002</v>
      </c>
      <c r="AK5590">
        <v>40221.275029999997</v>
      </c>
      <c r="AL5590">
        <v>86895.210949999993</v>
      </c>
      <c r="AM5590">
        <v>20963.911639999998</v>
      </c>
      <c r="AN5590">
        <v>79830.834749999995</v>
      </c>
      <c r="AO5590">
        <v>24706.487519999999</v>
      </c>
      <c r="AP5590">
        <v>16382.76158</v>
      </c>
    </row>
    <row r="5591" spans="2:42" x14ac:dyDescent="0.3">
      <c r="B5591">
        <v>59.747981955522157</v>
      </c>
      <c r="C5591" s="83">
        <v>43333.875</v>
      </c>
      <c r="D5591">
        <v>175212.00390000001</v>
      </c>
      <c r="E5591">
        <v>14623.52994</v>
      </c>
      <c r="F5591">
        <v>61341.31551</v>
      </c>
      <c r="G5591">
        <v>29637.46746</v>
      </c>
      <c r="H5591">
        <v>36137.095029999997</v>
      </c>
      <c r="I5591">
        <v>25904.147420000001</v>
      </c>
      <c r="J5591">
        <v>47874.34117</v>
      </c>
      <c r="K5591">
        <v>50752.34001</v>
      </c>
      <c r="L5591">
        <v>28020.440429999999</v>
      </c>
      <c r="M5591">
        <v>304623.07500000001</v>
      </c>
      <c r="N5591">
        <v>75855.654989999995</v>
      </c>
      <c r="O5591">
        <v>17224.128540000002</v>
      </c>
      <c r="P5591">
        <v>38514.843829999998</v>
      </c>
      <c r="Q5591">
        <v>83968.781229999993</v>
      </c>
      <c r="R5591">
        <v>20234.011719999999</v>
      </c>
      <c r="S5591">
        <v>77073.262279999995</v>
      </c>
      <c r="T5591">
        <v>23237.438890000001</v>
      </c>
      <c r="U5591">
        <v>15797.66779</v>
      </c>
      <c r="W5591" s="83">
        <f>Bühler!N5623</f>
        <v>45524.874999986445</v>
      </c>
      <c r="X5591" s="83">
        <v>43333.875</v>
      </c>
      <c r="Y5591">
        <v>175212.00390000001</v>
      </c>
      <c r="Z5591">
        <v>14623.52994</v>
      </c>
      <c r="AA5591">
        <v>61341.31551</v>
      </c>
      <c r="AB5591">
        <v>29637.46746</v>
      </c>
      <c r="AC5591">
        <v>36137.095029999997</v>
      </c>
      <c r="AD5591">
        <v>25904.147420000001</v>
      </c>
      <c r="AE5591">
        <v>47874.34117</v>
      </c>
      <c r="AF5591">
        <v>50752.34001</v>
      </c>
      <c r="AG5591">
        <v>28020.440429999999</v>
      </c>
      <c r="AH5591">
        <v>304623.07500000001</v>
      </c>
      <c r="AI5591">
        <v>75855.654989999995</v>
      </c>
      <c r="AJ5591">
        <v>17224.128540000002</v>
      </c>
      <c r="AK5591">
        <v>38514.843829999998</v>
      </c>
      <c r="AL5591">
        <v>83968.781229999993</v>
      </c>
      <c r="AM5591">
        <v>20234.011719999999</v>
      </c>
      <c r="AN5591">
        <v>77073.262279999995</v>
      </c>
      <c r="AO5591">
        <v>23237.438890000001</v>
      </c>
      <c r="AP5591">
        <v>15797.66779</v>
      </c>
    </row>
    <row r="5592" spans="2:42" x14ac:dyDescent="0.3">
      <c r="B5592">
        <v>59.366186280226323</v>
      </c>
      <c r="C5592" s="83">
        <v>43333.916666666664</v>
      </c>
      <c r="D5592">
        <v>173140.11180000001</v>
      </c>
      <c r="E5592">
        <v>13596.61429</v>
      </c>
      <c r="F5592">
        <v>58156.48702</v>
      </c>
      <c r="G5592">
        <v>29420.905599999998</v>
      </c>
      <c r="H5592">
        <v>36086.143470000003</v>
      </c>
      <c r="I5592">
        <v>24770.879840000001</v>
      </c>
      <c r="J5592">
        <v>45641.076300000001</v>
      </c>
      <c r="K5592">
        <v>53627.432489999999</v>
      </c>
      <c r="L5592">
        <v>25574.879069999999</v>
      </c>
      <c r="M5592">
        <v>302676.50260000001</v>
      </c>
      <c r="N5592">
        <v>73043.678650000002</v>
      </c>
      <c r="O5592">
        <v>17214.281169999998</v>
      </c>
      <c r="P5592">
        <v>39966.614269999998</v>
      </c>
      <c r="Q5592">
        <v>83325.561489999993</v>
      </c>
      <c r="R5592">
        <v>21237.494030000002</v>
      </c>
      <c r="S5592">
        <v>75704.374970000004</v>
      </c>
      <c r="T5592">
        <v>20238.999609999999</v>
      </c>
      <c r="U5592">
        <v>16111.53967</v>
      </c>
      <c r="W5592" s="83">
        <f>Bühler!N5624</f>
        <v>45524.916666653109</v>
      </c>
      <c r="X5592" s="83">
        <v>43333.916666666664</v>
      </c>
      <c r="Y5592">
        <v>173140.11180000001</v>
      </c>
      <c r="Z5592">
        <v>13596.61429</v>
      </c>
      <c r="AA5592">
        <v>58156.48702</v>
      </c>
      <c r="AB5592">
        <v>29420.905599999998</v>
      </c>
      <c r="AC5592">
        <v>36086.143470000003</v>
      </c>
      <c r="AD5592">
        <v>24770.879840000001</v>
      </c>
      <c r="AE5592">
        <v>45641.076300000001</v>
      </c>
      <c r="AF5592">
        <v>53627.432489999999</v>
      </c>
      <c r="AG5592">
        <v>25574.879069999999</v>
      </c>
      <c r="AH5592">
        <v>302676.50260000001</v>
      </c>
      <c r="AI5592">
        <v>73043.678650000002</v>
      </c>
      <c r="AJ5592">
        <v>17214.281169999998</v>
      </c>
      <c r="AK5592">
        <v>39966.614269999998</v>
      </c>
      <c r="AL5592">
        <v>83325.561489999993</v>
      </c>
      <c r="AM5592">
        <v>21237.494030000002</v>
      </c>
      <c r="AN5592">
        <v>75704.374970000004</v>
      </c>
      <c r="AO5592">
        <v>20238.999609999999</v>
      </c>
      <c r="AP5592">
        <v>16111.53967</v>
      </c>
    </row>
    <row r="5593" spans="2:42" x14ac:dyDescent="0.3">
      <c r="B5593">
        <v>58.009511618459918</v>
      </c>
      <c r="C5593" s="83">
        <v>43333.958333333336</v>
      </c>
      <c r="D5593">
        <v>172642.7531</v>
      </c>
      <c r="E5593">
        <v>13022.71076</v>
      </c>
      <c r="F5593">
        <v>56677.516969999997</v>
      </c>
      <c r="G5593">
        <v>29294.258440000001</v>
      </c>
      <c r="H5593">
        <v>34787.774920000003</v>
      </c>
      <c r="I5593">
        <v>23763.61695</v>
      </c>
      <c r="J5593">
        <v>41381.1</v>
      </c>
      <c r="K5593">
        <v>52597.473709999998</v>
      </c>
      <c r="L5593">
        <v>21464.032060000001</v>
      </c>
      <c r="M5593">
        <v>295759.54249999998</v>
      </c>
      <c r="N5593">
        <v>72467.624660000001</v>
      </c>
      <c r="O5593">
        <v>16451.408429999999</v>
      </c>
      <c r="P5593">
        <v>34455.637669999996</v>
      </c>
      <c r="Q5593">
        <v>83365.676850000003</v>
      </c>
      <c r="R5593">
        <v>21153.271049999999</v>
      </c>
      <c r="S5593">
        <v>74039.542839999995</v>
      </c>
      <c r="T5593">
        <v>18905.214759999999</v>
      </c>
      <c r="U5593">
        <v>15566.36319</v>
      </c>
      <c r="W5593" s="83">
        <f>Bühler!N5625</f>
        <v>45524.958333319773</v>
      </c>
      <c r="X5593" s="83">
        <v>43333.958333333336</v>
      </c>
      <c r="Y5593">
        <v>172642.7531</v>
      </c>
      <c r="Z5593">
        <v>13022.71076</v>
      </c>
      <c r="AA5593">
        <v>56677.516969999997</v>
      </c>
      <c r="AB5593">
        <v>29294.258440000001</v>
      </c>
      <c r="AC5593">
        <v>34787.774920000003</v>
      </c>
      <c r="AD5593">
        <v>23763.61695</v>
      </c>
      <c r="AE5593">
        <v>41381.1</v>
      </c>
      <c r="AF5593">
        <v>52597.473709999998</v>
      </c>
      <c r="AG5593">
        <v>21464.032060000001</v>
      </c>
      <c r="AH5593">
        <v>295759.54249999998</v>
      </c>
      <c r="AI5593">
        <v>72467.624660000001</v>
      </c>
      <c r="AJ5593">
        <v>16451.408429999999</v>
      </c>
      <c r="AK5593">
        <v>34455.637669999996</v>
      </c>
      <c r="AL5593">
        <v>83365.676850000003</v>
      </c>
      <c r="AM5593">
        <v>21153.271049999999</v>
      </c>
      <c r="AN5593">
        <v>74039.542839999995</v>
      </c>
      <c r="AO5593">
        <v>18905.214759999999</v>
      </c>
      <c r="AP5593">
        <v>15566.36319</v>
      </c>
    </row>
    <row r="5594" spans="2:42" x14ac:dyDescent="0.3">
      <c r="B5594">
        <v>56.487311003711291</v>
      </c>
      <c r="C5594" s="83">
        <v>43334</v>
      </c>
      <c r="D5594">
        <v>171520.25339999999</v>
      </c>
      <c r="E5594">
        <v>12581.033369999999</v>
      </c>
      <c r="F5594">
        <v>55337.591540000001</v>
      </c>
      <c r="G5594">
        <v>28871.529149999998</v>
      </c>
      <c r="H5594">
        <v>34462.755279999998</v>
      </c>
      <c r="I5594">
        <v>22025.09303</v>
      </c>
      <c r="J5594">
        <v>37902.512159999998</v>
      </c>
      <c r="K5594">
        <v>50832.180919999999</v>
      </c>
      <c r="L5594">
        <v>19440.77691</v>
      </c>
      <c r="M5594">
        <v>287998.65389999998</v>
      </c>
      <c r="N5594">
        <v>72127.063750000001</v>
      </c>
      <c r="O5594">
        <v>16128.74985</v>
      </c>
      <c r="P5594">
        <v>30939.21225</v>
      </c>
      <c r="Q5594">
        <v>82521.832370000004</v>
      </c>
      <c r="R5594">
        <v>17492.252069999999</v>
      </c>
      <c r="S5594">
        <v>72378.889550000007</v>
      </c>
      <c r="T5594">
        <v>18047.037329999999</v>
      </c>
      <c r="U5594">
        <v>14949.60629</v>
      </c>
      <c r="W5594" s="83">
        <f>Bühler!N5626</f>
        <v>45524.999999986438</v>
      </c>
      <c r="X5594" s="83">
        <v>43334</v>
      </c>
      <c r="Y5594">
        <v>171520.25339999999</v>
      </c>
      <c r="Z5594">
        <v>12581.033369999999</v>
      </c>
      <c r="AA5594">
        <v>55337.591540000001</v>
      </c>
      <c r="AB5594">
        <v>28871.529149999998</v>
      </c>
      <c r="AC5594">
        <v>34462.755279999998</v>
      </c>
      <c r="AD5594">
        <v>22025.09303</v>
      </c>
      <c r="AE5594">
        <v>37902.512159999998</v>
      </c>
      <c r="AF5594">
        <v>50832.180919999999</v>
      </c>
      <c r="AG5594">
        <v>19440.77691</v>
      </c>
      <c r="AH5594">
        <v>287998.65389999998</v>
      </c>
      <c r="AI5594">
        <v>72127.063750000001</v>
      </c>
      <c r="AJ5594">
        <v>16128.74985</v>
      </c>
      <c r="AK5594">
        <v>30939.21225</v>
      </c>
      <c r="AL5594">
        <v>82521.832370000004</v>
      </c>
      <c r="AM5594">
        <v>17492.252069999999</v>
      </c>
      <c r="AN5594">
        <v>72378.889550000007</v>
      </c>
      <c r="AO5594">
        <v>18047.037329999999</v>
      </c>
      <c r="AP5594">
        <v>14949.60629</v>
      </c>
    </row>
    <row r="5595" spans="2:42" x14ac:dyDescent="0.3">
      <c r="B5595">
        <v>55.866666561291332</v>
      </c>
      <c r="C5595" s="83">
        <v>43334.041666666664</v>
      </c>
      <c r="D5595">
        <v>170801.36309999999</v>
      </c>
      <c r="E5595">
        <v>12490.797570000001</v>
      </c>
      <c r="F5595">
        <v>54548.232349999998</v>
      </c>
      <c r="G5595">
        <v>28159.327840000002</v>
      </c>
      <c r="H5595">
        <v>33807.461040000002</v>
      </c>
      <c r="I5595">
        <v>18960.145810000002</v>
      </c>
      <c r="J5595">
        <v>36144.397369999999</v>
      </c>
      <c r="K5595">
        <v>49356.502480000003</v>
      </c>
      <c r="L5595">
        <v>18193.964049999999</v>
      </c>
      <c r="M5595">
        <v>284834.31910000002</v>
      </c>
      <c r="N5595">
        <v>70929.038990000001</v>
      </c>
      <c r="O5595">
        <v>16315.573850000001</v>
      </c>
      <c r="P5595">
        <v>28176.2752</v>
      </c>
      <c r="Q5595">
        <v>82729.511589999995</v>
      </c>
      <c r="R5595">
        <v>15342.3377</v>
      </c>
      <c r="S5595">
        <v>71415.953450000001</v>
      </c>
      <c r="T5595">
        <v>17735.798169999998</v>
      </c>
      <c r="U5595">
        <v>14763.3398</v>
      </c>
      <c r="W5595" s="83">
        <f>Bühler!N5627</f>
        <v>45525.041666653102</v>
      </c>
      <c r="X5595" s="83">
        <v>43334.041666666664</v>
      </c>
      <c r="Y5595">
        <v>170801.36309999999</v>
      </c>
      <c r="Z5595">
        <v>12490.797570000001</v>
      </c>
      <c r="AA5595">
        <v>54548.232349999998</v>
      </c>
      <c r="AB5595">
        <v>28159.327840000002</v>
      </c>
      <c r="AC5595">
        <v>33807.461040000002</v>
      </c>
      <c r="AD5595">
        <v>18960.145810000002</v>
      </c>
      <c r="AE5595">
        <v>36144.397369999999</v>
      </c>
      <c r="AF5595">
        <v>49356.502480000003</v>
      </c>
      <c r="AG5595">
        <v>18193.964049999999</v>
      </c>
      <c r="AH5595">
        <v>284834.31910000002</v>
      </c>
      <c r="AI5595">
        <v>70929.038990000001</v>
      </c>
      <c r="AJ5595">
        <v>16315.573850000001</v>
      </c>
      <c r="AK5595">
        <v>28176.2752</v>
      </c>
      <c r="AL5595">
        <v>82729.511589999995</v>
      </c>
      <c r="AM5595">
        <v>15342.3377</v>
      </c>
      <c r="AN5595">
        <v>71415.953450000001</v>
      </c>
      <c r="AO5595">
        <v>17735.798169999998</v>
      </c>
      <c r="AP5595">
        <v>14763.3398</v>
      </c>
    </row>
    <row r="5596" spans="2:42" x14ac:dyDescent="0.3">
      <c r="B5596">
        <v>55.589219363423311</v>
      </c>
      <c r="C5596" s="83">
        <v>43334.083333333336</v>
      </c>
      <c r="D5596">
        <v>170808.97700000001</v>
      </c>
      <c r="E5596">
        <v>12195.97695</v>
      </c>
      <c r="F5596">
        <v>54970.334320000002</v>
      </c>
      <c r="G5596">
        <v>27304.741379999999</v>
      </c>
      <c r="H5596">
        <v>33389.572979999997</v>
      </c>
      <c r="I5596">
        <v>17066.392749999999</v>
      </c>
      <c r="J5596">
        <v>35787.999089999998</v>
      </c>
      <c r="K5596">
        <v>47238.90208</v>
      </c>
      <c r="L5596">
        <v>17355.68347</v>
      </c>
      <c r="M5596">
        <v>283419.76390000002</v>
      </c>
      <c r="N5596">
        <v>69794.375830000004</v>
      </c>
      <c r="O5596">
        <v>16078.973029999999</v>
      </c>
      <c r="P5596">
        <v>26236.782220000001</v>
      </c>
      <c r="Q5596">
        <v>84670.398490000007</v>
      </c>
      <c r="R5596">
        <v>15626.060320000001</v>
      </c>
      <c r="S5596">
        <v>70262.062340000004</v>
      </c>
      <c r="T5596">
        <v>17239.082320000001</v>
      </c>
      <c r="U5596">
        <v>14582.819750000001</v>
      </c>
      <c r="W5596" s="83">
        <f>Bühler!N5628</f>
        <v>45525.083333319766</v>
      </c>
      <c r="X5596" s="83">
        <v>43334.083333333336</v>
      </c>
      <c r="Y5596">
        <v>170808.97700000001</v>
      </c>
      <c r="Z5596">
        <v>12195.97695</v>
      </c>
      <c r="AA5596">
        <v>54970.334320000002</v>
      </c>
      <c r="AB5596">
        <v>27304.741379999999</v>
      </c>
      <c r="AC5596">
        <v>33389.572979999997</v>
      </c>
      <c r="AD5596">
        <v>17066.392749999999</v>
      </c>
      <c r="AE5596">
        <v>35787.999089999998</v>
      </c>
      <c r="AF5596">
        <v>47238.90208</v>
      </c>
      <c r="AG5596">
        <v>17355.68347</v>
      </c>
      <c r="AH5596">
        <v>283419.76390000002</v>
      </c>
      <c r="AI5596">
        <v>69794.375830000004</v>
      </c>
      <c r="AJ5596">
        <v>16078.973029999999</v>
      </c>
      <c r="AK5596">
        <v>26236.782220000001</v>
      </c>
      <c r="AL5596">
        <v>84670.398490000007</v>
      </c>
      <c r="AM5596">
        <v>15626.060320000001</v>
      </c>
      <c r="AN5596">
        <v>70262.062340000004</v>
      </c>
      <c r="AO5596">
        <v>17239.082320000001</v>
      </c>
      <c r="AP5596">
        <v>14582.819750000001</v>
      </c>
    </row>
    <row r="5597" spans="2:42" x14ac:dyDescent="0.3">
      <c r="B5597">
        <v>56.298890361979346</v>
      </c>
      <c r="C5597" s="83">
        <v>43334.125</v>
      </c>
      <c r="D5597">
        <v>169874.77650000001</v>
      </c>
      <c r="E5597">
        <v>12221.394679999999</v>
      </c>
      <c r="F5597">
        <v>56372.869379999996</v>
      </c>
      <c r="G5597">
        <v>26633.342789999999</v>
      </c>
      <c r="H5597">
        <v>33170.595909999996</v>
      </c>
      <c r="I5597">
        <v>17092.116010000002</v>
      </c>
      <c r="J5597">
        <v>35521.36681</v>
      </c>
      <c r="K5597">
        <v>46519.742259999999</v>
      </c>
      <c r="L5597">
        <v>16817.166089999999</v>
      </c>
      <c r="M5597">
        <v>287037.9976</v>
      </c>
      <c r="N5597">
        <v>68774.316409999999</v>
      </c>
      <c r="O5597">
        <v>15882.25621</v>
      </c>
      <c r="P5597">
        <v>25747.754290000001</v>
      </c>
      <c r="Q5597">
        <v>86755.433799999999</v>
      </c>
      <c r="R5597">
        <v>15063.406440000001</v>
      </c>
      <c r="S5597">
        <v>69953.300199999998</v>
      </c>
      <c r="T5597">
        <v>16833.65047</v>
      </c>
      <c r="U5597">
        <v>14367.03823</v>
      </c>
      <c r="W5597" s="83">
        <f>Bühler!N5629</f>
        <v>45525.12499998643</v>
      </c>
      <c r="X5597" s="83">
        <v>43334.125</v>
      </c>
      <c r="Y5597">
        <v>169874.77650000001</v>
      </c>
      <c r="Z5597">
        <v>12221.394679999999</v>
      </c>
      <c r="AA5597">
        <v>56372.869379999996</v>
      </c>
      <c r="AB5597">
        <v>26633.342789999999</v>
      </c>
      <c r="AC5597">
        <v>33170.595909999996</v>
      </c>
      <c r="AD5597">
        <v>17092.116010000002</v>
      </c>
      <c r="AE5597">
        <v>35521.36681</v>
      </c>
      <c r="AF5597">
        <v>46519.742259999999</v>
      </c>
      <c r="AG5597">
        <v>16817.166089999999</v>
      </c>
      <c r="AH5597">
        <v>287037.9976</v>
      </c>
      <c r="AI5597">
        <v>68774.316409999999</v>
      </c>
      <c r="AJ5597">
        <v>15882.25621</v>
      </c>
      <c r="AK5597">
        <v>25747.754290000001</v>
      </c>
      <c r="AL5597">
        <v>86755.433799999999</v>
      </c>
      <c r="AM5597">
        <v>15063.406440000001</v>
      </c>
      <c r="AN5597">
        <v>69953.300199999998</v>
      </c>
      <c r="AO5597">
        <v>16833.65047</v>
      </c>
      <c r="AP5597">
        <v>14367.03823</v>
      </c>
    </row>
    <row r="5598" spans="2:42" x14ac:dyDescent="0.3">
      <c r="B5598">
        <v>58.216779790714767</v>
      </c>
      <c r="C5598" s="83">
        <v>43334.166666666664</v>
      </c>
      <c r="D5598">
        <v>171684.6243</v>
      </c>
      <c r="E5598">
        <v>12660.56782</v>
      </c>
      <c r="F5598">
        <v>59370.576200000003</v>
      </c>
      <c r="G5598">
        <v>26319.17051</v>
      </c>
      <c r="H5598">
        <v>33589.600449999998</v>
      </c>
      <c r="I5598">
        <v>18404.672040000001</v>
      </c>
      <c r="J5598">
        <v>37487.134429999998</v>
      </c>
      <c r="K5598">
        <v>45110.401940000003</v>
      </c>
      <c r="L5598">
        <v>16714.38003</v>
      </c>
      <c r="M5598">
        <v>296816.29229999997</v>
      </c>
      <c r="N5598">
        <v>68230.678650000002</v>
      </c>
      <c r="O5598">
        <v>16006.80854</v>
      </c>
      <c r="P5598">
        <v>25117.880550000002</v>
      </c>
      <c r="Q5598">
        <v>90645.307549999998</v>
      </c>
      <c r="R5598">
        <v>15088.174279999999</v>
      </c>
      <c r="S5598">
        <v>69974.315100000007</v>
      </c>
      <c r="T5598">
        <v>16776.606510000001</v>
      </c>
      <c r="U5598">
        <v>14450.154479999999</v>
      </c>
      <c r="W5598" s="83">
        <f>Bühler!N5630</f>
        <v>45525.166666653095</v>
      </c>
      <c r="X5598" s="83">
        <v>43334.166666666664</v>
      </c>
      <c r="Y5598">
        <v>171684.6243</v>
      </c>
      <c r="Z5598">
        <v>12660.56782</v>
      </c>
      <c r="AA5598">
        <v>59370.576200000003</v>
      </c>
      <c r="AB5598">
        <v>26319.17051</v>
      </c>
      <c r="AC5598">
        <v>33589.600449999998</v>
      </c>
      <c r="AD5598">
        <v>18404.672040000001</v>
      </c>
      <c r="AE5598">
        <v>37487.134429999998</v>
      </c>
      <c r="AF5598">
        <v>45110.401940000003</v>
      </c>
      <c r="AG5598">
        <v>16714.38003</v>
      </c>
      <c r="AH5598">
        <v>296816.29229999997</v>
      </c>
      <c r="AI5598">
        <v>68230.678650000002</v>
      </c>
      <c r="AJ5598">
        <v>16006.80854</v>
      </c>
      <c r="AK5598">
        <v>25117.880550000002</v>
      </c>
      <c r="AL5598">
        <v>90645.307549999998</v>
      </c>
      <c r="AM5598">
        <v>15088.174279999999</v>
      </c>
      <c r="AN5598">
        <v>69974.315100000007</v>
      </c>
      <c r="AO5598">
        <v>16776.606510000001</v>
      </c>
      <c r="AP5598">
        <v>14450.154479999999</v>
      </c>
    </row>
    <row r="5599" spans="2:42" x14ac:dyDescent="0.3">
      <c r="B5599">
        <v>61.240984005444545</v>
      </c>
      <c r="C5599" s="83">
        <v>43334.208333333336</v>
      </c>
      <c r="D5599">
        <v>182163.25150000001</v>
      </c>
      <c r="E5599">
        <v>14160.48011</v>
      </c>
      <c r="F5599">
        <v>68489.092680000002</v>
      </c>
      <c r="G5599">
        <v>26977.928889999999</v>
      </c>
      <c r="H5599">
        <v>34893.500350000002</v>
      </c>
      <c r="I5599">
        <v>23590.123439999999</v>
      </c>
      <c r="J5599">
        <v>40819.262159999998</v>
      </c>
      <c r="K5599">
        <v>46154.402040000001</v>
      </c>
      <c r="L5599">
        <v>17291.749090000001</v>
      </c>
      <c r="M5599">
        <v>312235.09570000001</v>
      </c>
      <c r="N5599">
        <v>69441.323199999999</v>
      </c>
      <c r="O5599">
        <v>16443.42727</v>
      </c>
      <c r="P5599">
        <v>26672.247650000001</v>
      </c>
      <c r="Q5599">
        <v>92707.460930000001</v>
      </c>
      <c r="R5599">
        <v>16842.02605</v>
      </c>
      <c r="S5599">
        <v>72188.43737</v>
      </c>
      <c r="T5599">
        <v>17790.217359999999</v>
      </c>
      <c r="U5599">
        <v>15670.467199999999</v>
      </c>
      <c r="W5599" s="83">
        <f>Bühler!N5631</f>
        <v>45525.208333319759</v>
      </c>
      <c r="X5599" s="83">
        <v>43334.208333333336</v>
      </c>
      <c r="Y5599">
        <v>182163.25150000001</v>
      </c>
      <c r="Z5599">
        <v>14160.48011</v>
      </c>
      <c r="AA5599">
        <v>68489.092680000002</v>
      </c>
      <c r="AB5599">
        <v>26977.928889999999</v>
      </c>
      <c r="AC5599">
        <v>34893.500350000002</v>
      </c>
      <c r="AD5599">
        <v>23590.123439999999</v>
      </c>
      <c r="AE5599">
        <v>40819.262159999998</v>
      </c>
      <c r="AF5599">
        <v>46154.402040000001</v>
      </c>
      <c r="AG5599">
        <v>17291.749090000001</v>
      </c>
      <c r="AH5599">
        <v>312235.09570000001</v>
      </c>
      <c r="AI5599">
        <v>69441.323199999999</v>
      </c>
      <c r="AJ5599">
        <v>16443.42727</v>
      </c>
      <c r="AK5599">
        <v>26672.247650000001</v>
      </c>
      <c r="AL5599">
        <v>92707.460930000001</v>
      </c>
      <c r="AM5599">
        <v>16842.02605</v>
      </c>
      <c r="AN5599">
        <v>72188.43737</v>
      </c>
      <c r="AO5599">
        <v>17790.217359999999</v>
      </c>
      <c r="AP5599">
        <v>15670.467199999999</v>
      </c>
    </row>
    <row r="5600" spans="2:42" x14ac:dyDescent="0.3">
      <c r="B5600">
        <v>64.30009365801854</v>
      </c>
      <c r="C5600" s="83">
        <v>43334.25</v>
      </c>
      <c r="D5600">
        <v>193653.2648</v>
      </c>
      <c r="E5600">
        <v>17655.804670000001</v>
      </c>
      <c r="F5600">
        <v>78441.231360000005</v>
      </c>
      <c r="G5600">
        <v>29257.135689999999</v>
      </c>
      <c r="H5600">
        <v>36970.669329999997</v>
      </c>
      <c r="I5600">
        <v>27313.437389999999</v>
      </c>
      <c r="J5600">
        <v>43780.782500000001</v>
      </c>
      <c r="K5600">
        <v>46601.603840000003</v>
      </c>
      <c r="L5600">
        <v>18944.111639999999</v>
      </c>
      <c r="M5600">
        <v>327831.86330000003</v>
      </c>
      <c r="N5600">
        <v>71979.151849999995</v>
      </c>
      <c r="O5600">
        <v>18592.158899999999</v>
      </c>
      <c r="P5600">
        <v>26499.59737</v>
      </c>
      <c r="Q5600">
        <v>93213.316739999995</v>
      </c>
      <c r="R5600">
        <v>17321.873530000001</v>
      </c>
      <c r="S5600">
        <v>79746.592069999999</v>
      </c>
      <c r="T5600">
        <v>19849.322479999999</v>
      </c>
      <c r="U5600">
        <v>17335.827440000001</v>
      </c>
      <c r="W5600" s="83">
        <f>Bühler!N5632</f>
        <v>45525.249999986423</v>
      </c>
      <c r="X5600" s="83">
        <v>43334.25</v>
      </c>
      <c r="Y5600">
        <v>193653.2648</v>
      </c>
      <c r="Z5600">
        <v>17655.804670000001</v>
      </c>
      <c r="AA5600">
        <v>78441.231360000005</v>
      </c>
      <c r="AB5600">
        <v>29257.135689999999</v>
      </c>
      <c r="AC5600">
        <v>36970.669329999997</v>
      </c>
      <c r="AD5600">
        <v>27313.437389999999</v>
      </c>
      <c r="AE5600">
        <v>43780.782500000001</v>
      </c>
      <c r="AF5600">
        <v>46601.603840000003</v>
      </c>
      <c r="AG5600">
        <v>18944.111639999999</v>
      </c>
      <c r="AH5600">
        <v>327831.86330000003</v>
      </c>
      <c r="AI5600">
        <v>71979.151849999995</v>
      </c>
      <c r="AJ5600">
        <v>18592.158899999999</v>
      </c>
      <c r="AK5600">
        <v>26499.59737</v>
      </c>
      <c r="AL5600">
        <v>93213.316739999995</v>
      </c>
      <c r="AM5600">
        <v>17321.873530000001</v>
      </c>
      <c r="AN5600">
        <v>79746.592069999999</v>
      </c>
      <c r="AO5600">
        <v>19849.322479999999</v>
      </c>
      <c r="AP5600">
        <v>17335.827440000001</v>
      </c>
    </row>
    <row r="5601" spans="2:42" x14ac:dyDescent="0.3">
      <c r="B5601">
        <v>66.142811187148368</v>
      </c>
      <c r="C5601" s="83">
        <v>43334.291666666664</v>
      </c>
      <c r="D5601">
        <v>201694.179</v>
      </c>
      <c r="E5601">
        <v>21289.153149999998</v>
      </c>
      <c r="F5601">
        <v>80872.386190000005</v>
      </c>
      <c r="G5601">
        <v>32345.801780000002</v>
      </c>
      <c r="H5601">
        <v>39734.115100000003</v>
      </c>
      <c r="I5601">
        <v>31412.119139999999</v>
      </c>
      <c r="J5601">
        <v>44292.560660000003</v>
      </c>
      <c r="K5601">
        <v>49722.354870000003</v>
      </c>
      <c r="L5601">
        <v>20752.61621</v>
      </c>
      <c r="M5601">
        <v>337226.89659999998</v>
      </c>
      <c r="N5601">
        <v>75543.377890000003</v>
      </c>
      <c r="O5601">
        <v>20456.255840000002</v>
      </c>
      <c r="P5601">
        <v>29750.96442</v>
      </c>
      <c r="Q5601">
        <v>92950.820919999998</v>
      </c>
      <c r="R5601">
        <v>18157.59721</v>
      </c>
      <c r="S5601">
        <v>92132.839689999993</v>
      </c>
      <c r="T5601">
        <v>22398.343830000002</v>
      </c>
      <c r="U5601">
        <v>19721.466039999999</v>
      </c>
      <c r="W5601" s="83">
        <f>Bühler!N5633</f>
        <v>45525.291666653087</v>
      </c>
      <c r="X5601" s="83">
        <v>43334.291666666664</v>
      </c>
      <c r="Y5601">
        <v>201694.179</v>
      </c>
      <c r="Z5601">
        <v>21289.153149999998</v>
      </c>
      <c r="AA5601">
        <v>80872.386190000005</v>
      </c>
      <c r="AB5601">
        <v>32345.801780000002</v>
      </c>
      <c r="AC5601">
        <v>39734.115100000003</v>
      </c>
      <c r="AD5601">
        <v>31412.119139999999</v>
      </c>
      <c r="AE5601">
        <v>44292.560660000003</v>
      </c>
      <c r="AF5601">
        <v>49722.354870000003</v>
      </c>
      <c r="AG5601">
        <v>20752.61621</v>
      </c>
      <c r="AH5601">
        <v>337226.89659999998</v>
      </c>
      <c r="AI5601">
        <v>75543.377890000003</v>
      </c>
      <c r="AJ5601">
        <v>20456.255840000002</v>
      </c>
      <c r="AK5601">
        <v>29750.96442</v>
      </c>
      <c r="AL5601">
        <v>92950.820919999998</v>
      </c>
      <c r="AM5601">
        <v>18157.59721</v>
      </c>
      <c r="AN5601">
        <v>92132.839689999993</v>
      </c>
      <c r="AO5601">
        <v>22398.343830000002</v>
      </c>
      <c r="AP5601">
        <v>19721.466039999999</v>
      </c>
    </row>
    <row r="5602" spans="2:42" x14ac:dyDescent="0.3">
      <c r="B5602">
        <v>66.929920963077706</v>
      </c>
      <c r="C5602" s="83">
        <v>43334.333333333336</v>
      </c>
      <c r="D5602">
        <v>211624.46460000001</v>
      </c>
      <c r="E5602">
        <v>26377.346699999998</v>
      </c>
      <c r="F5602">
        <v>87382.71011</v>
      </c>
      <c r="G5602">
        <v>36080.502549999997</v>
      </c>
      <c r="H5602">
        <v>42860.488369999999</v>
      </c>
      <c r="I5602">
        <v>33413.909140000003</v>
      </c>
      <c r="J5602">
        <v>47399.228329999998</v>
      </c>
      <c r="K5602">
        <v>53759.76829</v>
      </c>
      <c r="L5602">
        <v>24129.766919999998</v>
      </c>
      <c r="M5602">
        <v>341239.94929999998</v>
      </c>
      <c r="N5602">
        <v>81689.705629999997</v>
      </c>
      <c r="O5602">
        <v>21665.240860000002</v>
      </c>
      <c r="P5602">
        <v>33103.68765</v>
      </c>
      <c r="Q5602">
        <v>94090.502210000006</v>
      </c>
      <c r="R5602">
        <v>20824.70894</v>
      </c>
      <c r="S5602">
        <v>101306.23910000001</v>
      </c>
      <c r="T5602">
        <v>24598.20667</v>
      </c>
      <c r="U5602">
        <v>22148.156749999998</v>
      </c>
      <c r="W5602" s="83">
        <f>Bühler!N5634</f>
        <v>45525.333333319752</v>
      </c>
      <c r="X5602" s="83">
        <v>43334.333333333336</v>
      </c>
      <c r="Y5602">
        <v>211624.46460000001</v>
      </c>
      <c r="Z5602">
        <v>26377.346699999998</v>
      </c>
      <c r="AA5602">
        <v>87382.71011</v>
      </c>
      <c r="AB5602">
        <v>36080.502549999997</v>
      </c>
      <c r="AC5602">
        <v>42860.488369999999</v>
      </c>
      <c r="AD5602">
        <v>33413.909140000003</v>
      </c>
      <c r="AE5602">
        <v>47399.228329999998</v>
      </c>
      <c r="AF5602">
        <v>53759.76829</v>
      </c>
      <c r="AG5602">
        <v>24129.766919999998</v>
      </c>
      <c r="AH5602">
        <v>341239.94929999998</v>
      </c>
      <c r="AI5602">
        <v>81689.705629999997</v>
      </c>
      <c r="AJ5602">
        <v>21665.240860000002</v>
      </c>
      <c r="AK5602">
        <v>33103.68765</v>
      </c>
      <c r="AL5602">
        <v>94090.502210000006</v>
      </c>
      <c r="AM5602">
        <v>20824.70894</v>
      </c>
      <c r="AN5602">
        <v>101306.23910000001</v>
      </c>
      <c r="AO5602">
        <v>24598.20667</v>
      </c>
      <c r="AP5602">
        <v>22148.156749999998</v>
      </c>
    </row>
    <row r="5603" spans="2:42" x14ac:dyDescent="0.3">
      <c r="B5603">
        <v>67.611013269488438</v>
      </c>
      <c r="C5603" s="83">
        <v>43334.375</v>
      </c>
      <c r="D5603">
        <v>214260.60879999999</v>
      </c>
      <c r="E5603">
        <v>30958.569619999998</v>
      </c>
      <c r="F5603">
        <v>94451.409570000003</v>
      </c>
      <c r="G5603">
        <v>38722.273939999999</v>
      </c>
      <c r="H5603">
        <v>45327.056040000003</v>
      </c>
      <c r="I5603">
        <v>33087.176619999998</v>
      </c>
      <c r="J5603">
        <v>49505.024250000002</v>
      </c>
      <c r="K5603">
        <v>56569.779990000003</v>
      </c>
      <c r="L5603">
        <v>27808.601900000001</v>
      </c>
      <c r="M5603">
        <v>344712.4755</v>
      </c>
      <c r="N5603">
        <v>86679.920549999995</v>
      </c>
      <c r="O5603">
        <v>24476.26785</v>
      </c>
      <c r="P5603">
        <v>36314.558199999999</v>
      </c>
      <c r="Q5603">
        <v>95726.895019999996</v>
      </c>
      <c r="R5603">
        <v>22040.426950000001</v>
      </c>
      <c r="S5603">
        <v>106874.7067</v>
      </c>
      <c r="T5603">
        <v>26525.663199999999</v>
      </c>
      <c r="U5603">
        <v>22730.868129999999</v>
      </c>
      <c r="W5603" s="83">
        <f>Bühler!N5635</f>
        <v>45525.374999986416</v>
      </c>
      <c r="X5603" s="83">
        <v>43334.375</v>
      </c>
      <c r="Y5603">
        <v>214260.60879999999</v>
      </c>
      <c r="Z5603">
        <v>30958.569619999998</v>
      </c>
      <c r="AA5603">
        <v>94451.409570000003</v>
      </c>
      <c r="AB5603">
        <v>38722.273939999999</v>
      </c>
      <c r="AC5603">
        <v>45327.056040000003</v>
      </c>
      <c r="AD5603">
        <v>33087.176619999998</v>
      </c>
      <c r="AE5603">
        <v>49505.024250000002</v>
      </c>
      <c r="AF5603">
        <v>56569.779990000003</v>
      </c>
      <c r="AG5603">
        <v>27808.601900000001</v>
      </c>
      <c r="AH5603">
        <v>344712.4755</v>
      </c>
      <c r="AI5603">
        <v>86679.920549999995</v>
      </c>
      <c r="AJ5603">
        <v>24476.26785</v>
      </c>
      <c r="AK5603">
        <v>36314.558199999999</v>
      </c>
      <c r="AL5603">
        <v>95726.895019999996</v>
      </c>
      <c r="AM5603">
        <v>22040.426950000001</v>
      </c>
      <c r="AN5603">
        <v>106874.7067</v>
      </c>
      <c r="AO5603">
        <v>26525.663199999999</v>
      </c>
      <c r="AP5603">
        <v>22730.868129999999</v>
      </c>
    </row>
    <row r="5604" spans="2:42" x14ac:dyDescent="0.3">
      <c r="B5604">
        <v>68.438529961180805</v>
      </c>
      <c r="C5604" s="83">
        <v>43334.416666666664</v>
      </c>
      <c r="D5604">
        <v>216074.28580000001</v>
      </c>
      <c r="E5604">
        <v>32447.042409999998</v>
      </c>
      <c r="F5604">
        <v>96834.392500000002</v>
      </c>
      <c r="G5604">
        <v>39975.998699999996</v>
      </c>
      <c r="H5604">
        <v>46526.984519999998</v>
      </c>
      <c r="I5604">
        <v>32223.080279999998</v>
      </c>
      <c r="J5604">
        <v>50332.570390000001</v>
      </c>
      <c r="K5604">
        <v>58730.481740000003</v>
      </c>
      <c r="L5604">
        <v>31498.211480000002</v>
      </c>
      <c r="M5604">
        <v>348931.54149999999</v>
      </c>
      <c r="N5604">
        <v>90461.687569999995</v>
      </c>
      <c r="O5604">
        <v>25654.833989999999</v>
      </c>
      <c r="P5604">
        <v>38582.211869999999</v>
      </c>
      <c r="Q5604">
        <v>98529.974910000004</v>
      </c>
      <c r="R5604">
        <v>22796.972559999998</v>
      </c>
      <c r="S5604">
        <v>109581.6727</v>
      </c>
      <c r="T5604">
        <v>28593.907149999999</v>
      </c>
      <c r="U5604">
        <v>21914.035070000002</v>
      </c>
      <c r="W5604" s="83">
        <f>Bühler!N5636</f>
        <v>45525.41666665308</v>
      </c>
      <c r="X5604" s="83">
        <v>43334.416666666664</v>
      </c>
      <c r="Y5604">
        <v>216074.28580000001</v>
      </c>
      <c r="Z5604">
        <v>32447.042409999998</v>
      </c>
      <c r="AA5604">
        <v>96834.392500000002</v>
      </c>
      <c r="AB5604">
        <v>39975.998699999996</v>
      </c>
      <c r="AC5604">
        <v>46526.984519999998</v>
      </c>
      <c r="AD5604">
        <v>32223.080279999998</v>
      </c>
      <c r="AE5604">
        <v>50332.570390000001</v>
      </c>
      <c r="AF5604">
        <v>58730.481740000003</v>
      </c>
      <c r="AG5604">
        <v>31498.211480000002</v>
      </c>
      <c r="AH5604">
        <v>348931.54149999999</v>
      </c>
      <c r="AI5604">
        <v>90461.687569999995</v>
      </c>
      <c r="AJ5604">
        <v>25654.833989999999</v>
      </c>
      <c r="AK5604">
        <v>38582.211869999999</v>
      </c>
      <c r="AL5604">
        <v>98529.974910000004</v>
      </c>
      <c r="AM5604">
        <v>22796.972559999998</v>
      </c>
      <c r="AN5604">
        <v>109581.6727</v>
      </c>
      <c r="AO5604">
        <v>28593.907149999999</v>
      </c>
      <c r="AP5604">
        <v>21914.035070000002</v>
      </c>
    </row>
    <row r="5605" spans="2:42" x14ac:dyDescent="0.3">
      <c r="B5605">
        <v>69.454587938728039</v>
      </c>
      <c r="C5605" s="83">
        <v>43334.458333333336</v>
      </c>
      <c r="D5605">
        <v>216597.34580000001</v>
      </c>
      <c r="E5605">
        <v>32892.271979999998</v>
      </c>
      <c r="F5605">
        <v>99120.585919999998</v>
      </c>
      <c r="G5605">
        <v>39718.586410000004</v>
      </c>
      <c r="H5605">
        <v>46872.95996</v>
      </c>
      <c r="I5605">
        <v>32296.980210000002</v>
      </c>
      <c r="J5605">
        <v>50801.184990000002</v>
      </c>
      <c r="K5605">
        <v>59143.219920000003</v>
      </c>
      <c r="L5605">
        <v>33274.752480000003</v>
      </c>
      <c r="M5605">
        <v>354111.87890000001</v>
      </c>
      <c r="N5605">
        <v>91726.582639999993</v>
      </c>
      <c r="O5605">
        <v>24957.063330000001</v>
      </c>
      <c r="P5605">
        <v>37361.227720000003</v>
      </c>
      <c r="Q5605">
        <v>98967.068010000003</v>
      </c>
      <c r="R5605">
        <v>24610.163629999999</v>
      </c>
      <c r="S5605">
        <v>111851.21799999999</v>
      </c>
      <c r="T5605">
        <v>29151.354449999999</v>
      </c>
      <c r="U5605">
        <v>21893.48403</v>
      </c>
      <c r="W5605" s="83">
        <f>Bühler!N5637</f>
        <v>45525.458333319744</v>
      </c>
      <c r="X5605" s="83">
        <v>43334.458333333336</v>
      </c>
      <c r="Y5605">
        <v>216597.34580000001</v>
      </c>
      <c r="Z5605">
        <v>32892.271979999998</v>
      </c>
      <c r="AA5605">
        <v>99120.585919999998</v>
      </c>
      <c r="AB5605">
        <v>39718.586410000004</v>
      </c>
      <c r="AC5605">
        <v>46872.95996</v>
      </c>
      <c r="AD5605">
        <v>32296.980210000002</v>
      </c>
      <c r="AE5605">
        <v>50801.184990000002</v>
      </c>
      <c r="AF5605">
        <v>59143.219920000003</v>
      </c>
      <c r="AG5605">
        <v>33274.752480000003</v>
      </c>
      <c r="AH5605">
        <v>354111.87890000001</v>
      </c>
      <c r="AI5605">
        <v>91726.582639999993</v>
      </c>
      <c r="AJ5605">
        <v>24957.063330000001</v>
      </c>
      <c r="AK5605">
        <v>37361.227720000003</v>
      </c>
      <c r="AL5605">
        <v>98967.068010000003</v>
      </c>
      <c r="AM5605">
        <v>24610.163629999999</v>
      </c>
      <c r="AN5605">
        <v>111851.21799999999</v>
      </c>
      <c r="AO5605">
        <v>29151.354449999999</v>
      </c>
      <c r="AP5605">
        <v>21893.48403</v>
      </c>
    </row>
    <row r="5606" spans="2:42" x14ac:dyDescent="0.3">
      <c r="B5606">
        <v>69.312687855158501</v>
      </c>
      <c r="C5606" s="83">
        <v>43334.5</v>
      </c>
      <c r="D5606">
        <v>213003.93229999999</v>
      </c>
      <c r="E5606">
        <v>30235.266220000001</v>
      </c>
      <c r="F5606">
        <v>93040.45508</v>
      </c>
      <c r="G5606">
        <v>38489.313580000002</v>
      </c>
      <c r="H5606">
        <v>46244.644919999999</v>
      </c>
      <c r="I5606">
        <v>31639.12686</v>
      </c>
      <c r="J5606">
        <v>51014.940560000003</v>
      </c>
      <c r="K5606">
        <v>57529.011400000003</v>
      </c>
      <c r="L5606">
        <v>35799.323859999997</v>
      </c>
      <c r="M5606">
        <v>353388.40610000002</v>
      </c>
      <c r="N5606">
        <v>88772.043380000003</v>
      </c>
      <c r="O5606">
        <v>23435.687819999999</v>
      </c>
      <c r="P5606">
        <v>38399.010349999997</v>
      </c>
      <c r="Q5606">
        <v>97948.891109999997</v>
      </c>
      <c r="R5606">
        <v>24917.092329999999</v>
      </c>
      <c r="S5606">
        <v>107834.3576</v>
      </c>
      <c r="T5606">
        <v>28964.286670000001</v>
      </c>
      <c r="U5606">
        <v>19726.104520000001</v>
      </c>
      <c r="W5606" s="83">
        <f>Bühler!N5638</f>
        <v>45525.499999986409</v>
      </c>
      <c r="X5606" s="83">
        <v>43334.5</v>
      </c>
      <c r="Y5606">
        <v>213003.93229999999</v>
      </c>
      <c r="Z5606">
        <v>30235.266220000001</v>
      </c>
      <c r="AA5606">
        <v>93040.45508</v>
      </c>
      <c r="AB5606">
        <v>38489.313580000002</v>
      </c>
      <c r="AC5606">
        <v>46244.644919999999</v>
      </c>
      <c r="AD5606">
        <v>31639.12686</v>
      </c>
      <c r="AE5606">
        <v>51014.940560000003</v>
      </c>
      <c r="AF5606">
        <v>57529.011400000003</v>
      </c>
      <c r="AG5606">
        <v>35799.323859999997</v>
      </c>
      <c r="AH5606">
        <v>353388.40610000002</v>
      </c>
      <c r="AI5606">
        <v>88772.043380000003</v>
      </c>
      <c r="AJ5606">
        <v>23435.687819999999</v>
      </c>
      <c r="AK5606">
        <v>38399.010349999997</v>
      </c>
      <c r="AL5606">
        <v>97948.891109999997</v>
      </c>
      <c r="AM5606">
        <v>24917.092329999999</v>
      </c>
      <c r="AN5606">
        <v>107834.3576</v>
      </c>
      <c r="AO5606">
        <v>28964.286670000001</v>
      </c>
      <c r="AP5606">
        <v>19726.104520000001</v>
      </c>
    </row>
    <row r="5607" spans="2:42" x14ac:dyDescent="0.3">
      <c r="B5607">
        <v>69.234459408945582</v>
      </c>
      <c r="C5607" s="83">
        <v>43334.541666666664</v>
      </c>
      <c r="D5607">
        <v>212776.16649999999</v>
      </c>
      <c r="E5607">
        <v>30656.505290000001</v>
      </c>
      <c r="F5607">
        <v>90699.174570000003</v>
      </c>
      <c r="G5607">
        <v>37845.432180000003</v>
      </c>
      <c r="H5607">
        <v>46332.799169999998</v>
      </c>
      <c r="I5607">
        <v>31618.127479999999</v>
      </c>
      <c r="J5607">
        <v>50297.377970000001</v>
      </c>
      <c r="K5607">
        <v>59172.214639999998</v>
      </c>
      <c r="L5607">
        <v>35232.65223</v>
      </c>
      <c r="M5607">
        <v>352989.56099999999</v>
      </c>
      <c r="N5607">
        <v>89297.935649999999</v>
      </c>
      <c r="O5607">
        <v>24036.420310000001</v>
      </c>
      <c r="P5607">
        <v>37641.959940000001</v>
      </c>
      <c r="Q5607">
        <v>98307.030719999995</v>
      </c>
      <c r="R5607">
        <v>24886.88797</v>
      </c>
      <c r="S5607">
        <v>107808.1811</v>
      </c>
      <c r="T5607">
        <v>28887.420010000002</v>
      </c>
      <c r="U5607">
        <v>21762.830760000001</v>
      </c>
      <c r="W5607" s="83">
        <f>Bühler!N5639</f>
        <v>45525.541666653073</v>
      </c>
      <c r="X5607" s="83">
        <v>43334.541666666664</v>
      </c>
      <c r="Y5607">
        <v>212776.16649999999</v>
      </c>
      <c r="Z5607">
        <v>30656.505290000001</v>
      </c>
      <c r="AA5607">
        <v>90699.174570000003</v>
      </c>
      <c r="AB5607">
        <v>37845.432180000003</v>
      </c>
      <c r="AC5607">
        <v>46332.799169999998</v>
      </c>
      <c r="AD5607">
        <v>31618.127479999999</v>
      </c>
      <c r="AE5607">
        <v>50297.377970000001</v>
      </c>
      <c r="AF5607">
        <v>59172.214639999998</v>
      </c>
      <c r="AG5607">
        <v>35232.65223</v>
      </c>
      <c r="AH5607">
        <v>352989.56099999999</v>
      </c>
      <c r="AI5607">
        <v>89297.935649999999</v>
      </c>
      <c r="AJ5607">
        <v>24036.420310000001</v>
      </c>
      <c r="AK5607">
        <v>37641.959940000001</v>
      </c>
      <c r="AL5607">
        <v>98307.030719999995</v>
      </c>
      <c r="AM5607">
        <v>24886.88797</v>
      </c>
      <c r="AN5607">
        <v>107808.1811</v>
      </c>
      <c r="AO5607">
        <v>28887.420010000002</v>
      </c>
      <c r="AP5607">
        <v>21762.830760000001</v>
      </c>
    </row>
    <row r="5608" spans="2:42" x14ac:dyDescent="0.3">
      <c r="B5608">
        <v>69.280815819706817</v>
      </c>
      <c r="C5608" s="83">
        <v>43334.583333333336</v>
      </c>
      <c r="D5608">
        <v>213759.31299999999</v>
      </c>
      <c r="E5608">
        <v>33495.59504</v>
      </c>
      <c r="F5608">
        <v>98665.007079999996</v>
      </c>
      <c r="G5608">
        <v>37831.106899999999</v>
      </c>
      <c r="H5608">
        <v>46921.91115</v>
      </c>
      <c r="I5608">
        <v>32249.813010000002</v>
      </c>
      <c r="J5608">
        <v>49475.890890000002</v>
      </c>
      <c r="K5608">
        <v>60319.173540000003</v>
      </c>
      <c r="L5608">
        <v>32372.812890000001</v>
      </c>
      <c r="M5608">
        <v>353225.90759999998</v>
      </c>
      <c r="N5608">
        <v>91626.061719999998</v>
      </c>
      <c r="O5608">
        <v>23835.19903</v>
      </c>
      <c r="P5608">
        <v>34859.29855</v>
      </c>
      <c r="Q5608">
        <v>98289.915229999999</v>
      </c>
      <c r="R5608">
        <v>24081.9228</v>
      </c>
      <c r="S5608">
        <v>104784.46980000001</v>
      </c>
      <c r="T5608">
        <v>28741.804789999998</v>
      </c>
      <c r="U5608">
        <v>21883.062259999999</v>
      </c>
      <c r="W5608" s="83">
        <f>Bühler!N5640</f>
        <v>45525.583333319737</v>
      </c>
      <c r="X5608" s="83">
        <v>43334.583333333336</v>
      </c>
      <c r="Y5608">
        <v>213759.31299999999</v>
      </c>
      <c r="Z5608">
        <v>33495.59504</v>
      </c>
      <c r="AA5608">
        <v>98665.007079999996</v>
      </c>
      <c r="AB5608">
        <v>37831.106899999999</v>
      </c>
      <c r="AC5608">
        <v>46921.91115</v>
      </c>
      <c r="AD5608">
        <v>32249.813010000002</v>
      </c>
      <c r="AE5608">
        <v>49475.890890000002</v>
      </c>
      <c r="AF5608">
        <v>60319.173540000003</v>
      </c>
      <c r="AG5608">
        <v>32372.812890000001</v>
      </c>
      <c r="AH5608">
        <v>353225.90759999998</v>
      </c>
      <c r="AI5608">
        <v>91626.061719999998</v>
      </c>
      <c r="AJ5608">
        <v>23835.19903</v>
      </c>
      <c r="AK5608">
        <v>34859.29855</v>
      </c>
      <c r="AL5608">
        <v>98289.915229999999</v>
      </c>
      <c r="AM5608">
        <v>24081.9228</v>
      </c>
      <c r="AN5608">
        <v>104784.46980000001</v>
      </c>
      <c r="AO5608">
        <v>28741.804789999998</v>
      </c>
      <c r="AP5608">
        <v>21883.062259999999</v>
      </c>
    </row>
    <row r="5609" spans="2:42" x14ac:dyDescent="0.3">
      <c r="B5609">
        <v>68.898279176491101</v>
      </c>
      <c r="C5609" s="83">
        <v>43334.625</v>
      </c>
      <c r="D5609">
        <v>213111.0221</v>
      </c>
      <c r="E5609">
        <v>33525.429660000002</v>
      </c>
      <c r="F5609">
        <v>101499.611</v>
      </c>
      <c r="G5609">
        <v>37387.990919999997</v>
      </c>
      <c r="H5609">
        <v>46002.257619999997</v>
      </c>
      <c r="I5609">
        <v>32757.655650000001</v>
      </c>
      <c r="J5609">
        <v>49554.394469999999</v>
      </c>
      <c r="K5609">
        <v>59568.220070000003</v>
      </c>
      <c r="L5609">
        <v>29951.632989999998</v>
      </c>
      <c r="M5609">
        <v>351275.55739999999</v>
      </c>
      <c r="N5609">
        <v>91926.617920000004</v>
      </c>
      <c r="O5609">
        <v>22840.794269999999</v>
      </c>
      <c r="P5609">
        <v>31919.744330000001</v>
      </c>
      <c r="Q5609">
        <v>97941.515820000001</v>
      </c>
      <c r="R5609">
        <v>24333.583449999998</v>
      </c>
      <c r="S5609">
        <v>103712.70419999999</v>
      </c>
      <c r="T5609">
        <v>28850.384440000002</v>
      </c>
      <c r="U5609">
        <v>21837.114409999998</v>
      </c>
      <c r="W5609" s="83">
        <f>Bühler!N5641</f>
        <v>45525.624999986401</v>
      </c>
      <c r="X5609" s="83">
        <v>43334.625</v>
      </c>
      <c r="Y5609">
        <v>213111.0221</v>
      </c>
      <c r="Z5609">
        <v>33525.429660000002</v>
      </c>
      <c r="AA5609">
        <v>101499.611</v>
      </c>
      <c r="AB5609">
        <v>37387.990919999997</v>
      </c>
      <c r="AC5609">
        <v>46002.257619999997</v>
      </c>
      <c r="AD5609">
        <v>32757.655650000001</v>
      </c>
      <c r="AE5609">
        <v>49554.394469999999</v>
      </c>
      <c r="AF5609">
        <v>59568.220070000003</v>
      </c>
      <c r="AG5609">
        <v>29951.632989999998</v>
      </c>
      <c r="AH5609">
        <v>351275.55739999999</v>
      </c>
      <c r="AI5609">
        <v>91926.617920000004</v>
      </c>
      <c r="AJ5609">
        <v>22840.794269999999</v>
      </c>
      <c r="AK5609">
        <v>31919.744330000001</v>
      </c>
      <c r="AL5609">
        <v>97941.515820000001</v>
      </c>
      <c r="AM5609">
        <v>24333.583449999998</v>
      </c>
      <c r="AN5609">
        <v>103712.70419999999</v>
      </c>
      <c r="AO5609">
        <v>28850.384440000002</v>
      </c>
      <c r="AP5609">
        <v>21837.114409999998</v>
      </c>
    </row>
    <row r="5610" spans="2:42" x14ac:dyDescent="0.3">
      <c r="B5610">
        <v>67.722072627739067</v>
      </c>
      <c r="C5610" s="83">
        <v>43334.666666666664</v>
      </c>
      <c r="D5610">
        <v>208135.2046</v>
      </c>
      <c r="E5610">
        <v>33050.283239999997</v>
      </c>
      <c r="F5610">
        <v>102250.4411</v>
      </c>
      <c r="G5610">
        <v>36569.12268</v>
      </c>
      <c r="H5610">
        <v>45046.149669999999</v>
      </c>
      <c r="I5610">
        <v>32974.818870000003</v>
      </c>
      <c r="J5610">
        <v>48716.876329999999</v>
      </c>
      <c r="K5610">
        <v>57383.111660000002</v>
      </c>
      <c r="L5610">
        <v>29763.240290000002</v>
      </c>
      <c r="M5610">
        <v>345278.70789999998</v>
      </c>
      <c r="N5610">
        <v>88672.341830000005</v>
      </c>
      <c r="O5610">
        <v>22630.90252</v>
      </c>
      <c r="P5610">
        <v>31398.99005</v>
      </c>
      <c r="Q5610">
        <v>96694.952040000004</v>
      </c>
      <c r="R5610">
        <v>24061.2156</v>
      </c>
      <c r="S5610">
        <v>100782.175</v>
      </c>
      <c r="T5610">
        <v>28755.67943</v>
      </c>
      <c r="U5610">
        <v>20047.89745</v>
      </c>
      <c r="W5610" s="83">
        <f>Bühler!N5642</f>
        <v>45525.666666653065</v>
      </c>
      <c r="X5610" s="83">
        <v>43334.666666666664</v>
      </c>
      <c r="Y5610">
        <v>208135.2046</v>
      </c>
      <c r="Z5610">
        <v>33050.283239999997</v>
      </c>
      <c r="AA5610">
        <v>102250.4411</v>
      </c>
      <c r="AB5610">
        <v>36569.12268</v>
      </c>
      <c r="AC5610">
        <v>45046.149669999999</v>
      </c>
      <c r="AD5610">
        <v>32974.818870000003</v>
      </c>
      <c r="AE5610">
        <v>48716.876329999999</v>
      </c>
      <c r="AF5610">
        <v>57383.111660000002</v>
      </c>
      <c r="AG5610">
        <v>29763.240290000002</v>
      </c>
      <c r="AH5610">
        <v>345278.70789999998</v>
      </c>
      <c r="AI5610">
        <v>88672.341830000005</v>
      </c>
      <c r="AJ5610">
        <v>22630.90252</v>
      </c>
      <c r="AK5610">
        <v>31398.99005</v>
      </c>
      <c r="AL5610">
        <v>96694.952040000004</v>
      </c>
      <c r="AM5610">
        <v>24061.2156</v>
      </c>
      <c r="AN5610">
        <v>100782.175</v>
      </c>
      <c r="AO5610">
        <v>28755.67943</v>
      </c>
      <c r="AP5610">
        <v>20047.89745</v>
      </c>
    </row>
    <row r="5611" spans="2:42" x14ac:dyDescent="0.3">
      <c r="B5611">
        <v>66.228508957947497</v>
      </c>
      <c r="C5611" s="83">
        <v>43334.708333333336</v>
      </c>
      <c r="D5611">
        <v>199753.3486</v>
      </c>
      <c r="E5611">
        <v>31118.457740000002</v>
      </c>
      <c r="F5611">
        <v>100605.51179999999</v>
      </c>
      <c r="G5611">
        <v>34952.466480000003</v>
      </c>
      <c r="H5611">
        <v>43400.037100000001</v>
      </c>
      <c r="I5611">
        <v>32658.966349999999</v>
      </c>
      <c r="J5611">
        <v>48838.299870000003</v>
      </c>
      <c r="K5611">
        <v>53359.558259999998</v>
      </c>
      <c r="L5611">
        <v>30346.60469</v>
      </c>
      <c r="M5611">
        <v>337663.82380000001</v>
      </c>
      <c r="N5611">
        <v>83396.673509999993</v>
      </c>
      <c r="O5611">
        <v>21748.59103</v>
      </c>
      <c r="P5611">
        <v>32636.697560000001</v>
      </c>
      <c r="Q5611">
        <v>95789.435450000004</v>
      </c>
      <c r="R5611">
        <v>24517.729609999999</v>
      </c>
      <c r="S5611">
        <v>98633.553880000007</v>
      </c>
      <c r="T5611">
        <v>27965.213339999998</v>
      </c>
      <c r="U5611">
        <v>18779.985720000001</v>
      </c>
      <c r="W5611" s="83">
        <f>Bühler!N5643</f>
        <v>45525.70833331973</v>
      </c>
      <c r="X5611" s="83">
        <v>43334.708333333336</v>
      </c>
      <c r="Y5611">
        <v>199753.3486</v>
      </c>
      <c r="Z5611">
        <v>31118.457740000002</v>
      </c>
      <c r="AA5611">
        <v>100605.51179999999</v>
      </c>
      <c r="AB5611">
        <v>34952.466480000003</v>
      </c>
      <c r="AC5611">
        <v>43400.037100000001</v>
      </c>
      <c r="AD5611">
        <v>32658.966349999999</v>
      </c>
      <c r="AE5611">
        <v>48838.299870000003</v>
      </c>
      <c r="AF5611">
        <v>53359.558259999998</v>
      </c>
      <c r="AG5611">
        <v>30346.60469</v>
      </c>
      <c r="AH5611">
        <v>337663.82380000001</v>
      </c>
      <c r="AI5611">
        <v>83396.673509999993</v>
      </c>
      <c r="AJ5611">
        <v>21748.59103</v>
      </c>
      <c r="AK5611">
        <v>32636.697560000001</v>
      </c>
      <c r="AL5611">
        <v>95789.435450000004</v>
      </c>
      <c r="AM5611">
        <v>24517.729609999999</v>
      </c>
      <c r="AN5611">
        <v>98633.553880000007</v>
      </c>
      <c r="AO5611">
        <v>27965.213339999998</v>
      </c>
      <c r="AP5611">
        <v>18779.985720000001</v>
      </c>
    </row>
    <row r="5612" spans="2:42" x14ac:dyDescent="0.3">
      <c r="B5612">
        <v>63.562414178005064</v>
      </c>
      <c r="C5612" s="83">
        <v>43334.75</v>
      </c>
      <c r="D5612">
        <v>195579.7211</v>
      </c>
      <c r="E5612">
        <v>28225.954440000001</v>
      </c>
      <c r="F5612">
        <v>98439.866080000007</v>
      </c>
      <c r="G5612">
        <v>32642.916880000001</v>
      </c>
      <c r="H5612">
        <v>41412.840629999999</v>
      </c>
      <c r="I5612">
        <v>31812.93835</v>
      </c>
      <c r="J5612">
        <v>49155.138129999999</v>
      </c>
      <c r="K5612">
        <v>51792.07935</v>
      </c>
      <c r="L5612">
        <v>31687.766670000001</v>
      </c>
      <c r="M5612">
        <v>324070.82929999998</v>
      </c>
      <c r="N5612">
        <v>81544.159580000007</v>
      </c>
      <c r="O5612">
        <v>20483.486929999999</v>
      </c>
      <c r="P5612">
        <v>36457.052360000001</v>
      </c>
      <c r="Q5612">
        <v>94731.452189999996</v>
      </c>
      <c r="R5612">
        <v>23097.17843</v>
      </c>
      <c r="S5612">
        <v>92349.736470000003</v>
      </c>
      <c r="T5612">
        <v>27183.489549999998</v>
      </c>
      <c r="U5612">
        <v>17888.088879999999</v>
      </c>
      <c r="W5612" s="83">
        <f>Bühler!N5644</f>
        <v>45525.749999986394</v>
      </c>
      <c r="X5612" s="83">
        <v>43334.75</v>
      </c>
      <c r="Y5612">
        <v>195579.7211</v>
      </c>
      <c r="Z5612">
        <v>28225.954440000001</v>
      </c>
      <c r="AA5612">
        <v>98439.866080000007</v>
      </c>
      <c r="AB5612">
        <v>32642.916880000001</v>
      </c>
      <c r="AC5612">
        <v>41412.840629999999</v>
      </c>
      <c r="AD5612">
        <v>31812.93835</v>
      </c>
      <c r="AE5612">
        <v>49155.138129999999</v>
      </c>
      <c r="AF5612">
        <v>51792.07935</v>
      </c>
      <c r="AG5612">
        <v>31687.766670000001</v>
      </c>
      <c r="AH5612">
        <v>324070.82929999998</v>
      </c>
      <c r="AI5612">
        <v>81544.159580000007</v>
      </c>
      <c r="AJ5612">
        <v>20483.486929999999</v>
      </c>
      <c r="AK5612">
        <v>36457.052360000001</v>
      </c>
      <c r="AL5612">
        <v>94731.452189999996</v>
      </c>
      <c r="AM5612">
        <v>23097.17843</v>
      </c>
      <c r="AN5612">
        <v>92349.736470000003</v>
      </c>
      <c r="AO5612">
        <v>27183.489549999998</v>
      </c>
      <c r="AP5612">
        <v>17888.088879999999</v>
      </c>
    </row>
    <row r="5613" spans="2:42" x14ac:dyDescent="0.3">
      <c r="B5613">
        <v>62.260936860130919</v>
      </c>
      <c r="C5613" s="83">
        <v>43334.791666666664</v>
      </c>
      <c r="D5613">
        <v>191181.1599</v>
      </c>
      <c r="E5613">
        <v>23119.454959999999</v>
      </c>
      <c r="F5613">
        <v>87649.05085</v>
      </c>
      <c r="G5613">
        <v>31693.820070000002</v>
      </c>
      <c r="H5613">
        <v>39566.806320000003</v>
      </c>
      <c r="I5613">
        <v>30269.294269999999</v>
      </c>
      <c r="J5613">
        <v>48526.397319999996</v>
      </c>
      <c r="K5613">
        <v>51430.389860000003</v>
      </c>
      <c r="L5613">
        <v>31493.28573</v>
      </c>
      <c r="M5613">
        <v>317435.29100000003</v>
      </c>
      <c r="N5613">
        <v>80569.643039999995</v>
      </c>
      <c r="O5613">
        <v>19494.487809999999</v>
      </c>
      <c r="P5613">
        <v>39219.425329999998</v>
      </c>
      <c r="Q5613">
        <v>92015.192930000005</v>
      </c>
      <c r="R5613">
        <v>22127.594529999998</v>
      </c>
      <c r="S5613">
        <v>88957.130820000006</v>
      </c>
      <c r="T5613">
        <v>26420.699720000001</v>
      </c>
      <c r="U5613">
        <v>17326.315050000001</v>
      </c>
      <c r="W5613" s="83">
        <f>Bühler!N5645</f>
        <v>45525.791666653058</v>
      </c>
      <c r="X5613" s="83">
        <v>43334.791666666664</v>
      </c>
      <c r="Y5613">
        <v>191181.1599</v>
      </c>
      <c r="Z5613">
        <v>23119.454959999999</v>
      </c>
      <c r="AA5613">
        <v>87649.05085</v>
      </c>
      <c r="AB5613">
        <v>31693.820070000002</v>
      </c>
      <c r="AC5613">
        <v>39566.806320000003</v>
      </c>
      <c r="AD5613">
        <v>30269.294269999999</v>
      </c>
      <c r="AE5613">
        <v>48526.397319999996</v>
      </c>
      <c r="AF5613">
        <v>51430.389860000003</v>
      </c>
      <c r="AG5613">
        <v>31493.28573</v>
      </c>
      <c r="AH5613">
        <v>317435.29100000003</v>
      </c>
      <c r="AI5613">
        <v>80569.643039999995</v>
      </c>
      <c r="AJ5613">
        <v>19494.487809999999</v>
      </c>
      <c r="AK5613">
        <v>39219.425329999998</v>
      </c>
      <c r="AL5613">
        <v>92015.192930000005</v>
      </c>
      <c r="AM5613">
        <v>22127.594529999998</v>
      </c>
      <c r="AN5613">
        <v>88957.130820000006</v>
      </c>
      <c r="AO5613">
        <v>26420.699720000001</v>
      </c>
      <c r="AP5613">
        <v>17326.315050000001</v>
      </c>
    </row>
    <row r="5614" spans="2:42" x14ac:dyDescent="0.3">
      <c r="B5614">
        <v>60.527994361855818</v>
      </c>
      <c r="C5614" s="83">
        <v>43334.833333333336</v>
      </c>
      <c r="D5614">
        <v>185413.65470000001</v>
      </c>
      <c r="E5614">
        <v>16958.190409999999</v>
      </c>
      <c r="F5614">
        <v>70586.422250000003</v>
      </c>
      <c r="G5614">
        <v>30062.17021</v>
      </c>
      <c r="H5614">
        <v>37401.354319999999</v>
      </c>
      <c r="I5614">
        <v>27715.71904</v>
      </c>
      <c r="J5614">
        <v>48009.010560000002</v>
      </c>
      <c r="K5614">
        <v>51779.771820000002</v>
      </c>
      <c r="L5614">
        <v>30713.22911</v>
      </c>
      <c r="M5614">
        <v>308599.94199999998</v>
      </c>
      <c r="N5614">
        <v>75885.301949999994</v>
      </c>
      <c r="O5614">
        <v>18665.560809999999</v>
      </c>
      <c r="P5614">
        <v>40118.231310000003</v>
      </c>
      <c r="Q5614">
        <v>88498.082899999994</v>
      </c>
      <c r="R5614">
        <v>20753.357209999998</v>
      </c>
      <c r="S5614">
        <v>81716.431509999995</v>
      </c>
      <c r="T5614">
        <v>24574.627949999998</v>
      </c>
      <c r="U5614">
        <v>16960.100750000001</v>
      </c>
      <c r="W5614" s="83">
        <f>Bühler!N5646</f>
        <v>45525.833333319722</v>
      </c>
      <c r="X5614" s="83">
        <v>43334.833333333336</v>
      </c>
      <c r="Y5614">
        <v>185413.65470000001</v>
      </c>
      <c r="Z5614">
        <v>16958.190409999999</v>
      </c>
      <c r="AA5614">
        <v>70586.422250000003</v>
      </c>
      <c r="AB5614">
        <v>30062.17021</v>
      </c>
      <c r="AC5614">
        <v>37401.354319999999</v>
      </c>
      <c r="AD5614">
        <v>27715.71904</v>
      </c>
      <c r="AE5614">
        <v>48009.010560000002</v>
      </c>
      <c r="AF5614">
        <v>51779.771820000002</v>
      </c>
      <c r="AG5614">
        <v>30713.22911</v>
      </c>
      <c r="AH5614">
        <v>308599.94199999998</v>
      </c>
      <c r="AI5614">
        <v>75885.301949999994</v>
      </c>
      <c r="AJ5614">
        <v>18665.560809999999</v>
      </c>
      <c r="AK5614">
        <v>40118.231310000003</v>
      </c>
      <c r="AL5614">
        <v>88498.082899999994</v>
      </c>
      <c r="AM5614">
        <v>20753.357209999998</v>
      </c>
      <c r="AN5614">
        <v>81716.431509999995</v>
      </c>
      <c r="AO5614">
        <v>24574.627949999998</v>
      </c>
      <c r="AP5614">
        <v>16960.100750000001</v>
      </c>
    </row>
    <row r="5615" spans="2:42" x14ac:dyDescent="0.3">
      <c r="B5615">
        <v>58.560795124417503</v>
      </c>
      <c r="C5615" s="83">
        <v>43334.875</v>
      </c>
      <c r="D5615">
        <v>180588.94459999999</v>
      </c>
      <c r="E5615">
        <v>14804.046679999999</v>
      </c>
      <c r="F5615">
        <v>61960.358560000001</v>
      </c>
      <c r="G5615">
        <v>29610.183700000001</v>
      </c>
      <c r="H5615">
        <v>36349.110820000002</v>
      </c>
      <c r="I5615">
        <v>26123.822789999998</v>
      </c>
      <c r="J5615">
        <v>48822.075369999999</v>
      </c>
      <c r="K5615">
        <v>50811.21731</v>
      </c>
      <c r="L5615">
        <v>29745.891039999999</v>
      </c>
      <c r="M5615">
        <v>298570.24290000001</v>
      </c>
      <c r="N5615">
        <v>73592.025899999993</v>
      </c>
      <c r="O5615">
        <v>17397.00549</v>
      </c>
      <c r="P5615">
        <v>37931.731959999997</v>
      </c>
      <c r="Q5615">
        <v>85393.423269999999</v>
      </c>
      <c r="R5615">
        <v>20055.727200000001</v>
      </c>
      <c r="S5615">
        <v>78987.954580000005</v>
      </c>
      <c r="T5615">
        <v>23251.110489999999</v>
      </c>
      <c r="U5615">
        <v>16154.77785</v>
      </c>
      <c r="W5615" s="83">
        <f>Bühler!N5647</f>
        <v>45525.874999986387</v>
      </c>
      <c r="X5615" s="83">
        <v>43334.875</v>
      </c>
      <c r="Y5615">
        <v>180588.94459999999</v>
      </c>
      <c r="Z5615">
        <v>14804.046679999999</v>
      </c>
      <c r="AA5615">
        <v>61960.358560000001</v>
      </c>
      <c r="AB5615">
        <v>29610.183700000001</v>
      </c>
      <c r="AC5615">
        <v>36349.110820000002</v>
      </c>
      <c r="AD5615">
        <v>26123.822789999998</v>
      </c>
      <c r="AE5615">
        <v>48822.075369999999</v>
      </c>
      <c r="AF5615">
        <v>50811.21731</v>
      </c>
      <c r="AG5615">
        <v>29745.891039999999</v>
      </c>
      <c r="AH5615">
        <v>298570.24290000001</v>
      </c>
      <c r="AI5615">
        <v>73592.025899999993</v>
      </c>
      <c r="AJ5615">
        <v>17397.00549</v>
      </c>
      <c r="AK5615">
        <v>37931.731959999997</v>
      </c>
      <c r="AL5615">
        <v>85393.423269999999</v>
      </c>
      <c r="AM5615">
        <v>20055.727200000001</v>
      </c>
      <c r="AN5615">
        <v>78987.954580000005</v>
      </c>
      <c r="AO5615">
        <v>23251.110489999999</v>
      </c>
      <c r="AP5615">
        <v>16154.77785</v>
      </c>
    </row>
    <row r="5616" spans="2:42" x14ac:dyDescent="0.3">
      <c r="B5616">
        <v>57.787622265049755</v>
      </c>
      <c r="C5616" s="83">
        <v>43334.916666666664</v>
      </c>
      <c r="D5616">
        <v>177724.12469999999</v>
      </c>
      <c r="E5616">
        <v>13768.470170000001</v>
      </c>
      <c r="F5616">
        <v>59409.697359999998</v>
      </c>
      <c r="G5616">
        <v>29270.327499999999</v>
      </c>
      <c r="H5616">
        <v>36254.925889999999</v>
      </c>
      <c r="I5616">
        <v>24484.17049</v>
      </c>
      <c r="J5616">
        <v>46295.087959999997</v>
      </c>
      <c r="K5616">
        <v>53411.163639999999</v>
      </c>
      <c r="L5616">
        <v>26782.491330000001</v>
      </c>
      <c r="M5616">
        <v>294628.24709999998</v>
      </c>
      <c r="N5616">
        <v>72761.549889999995</v>
      </c>
      <c r="O5616">
        <v>17838.760979999999</v>
      </c>
      <c r="P5616">
        <v>39231.548020000002</v>
      </c>
      <c r="Q5616">
        <v>85105.469400000002</v>
      </c>
      <c r="R5616">
        <v>21301.569899999999</v>
      </c>
      <c r="S5616">
        <v>77203.906449999995</v>
      </c>
      <c r="T5616">
        <v>20682.6024</v>
      </c>
      <c r="U5616">
        <v>15831.491529999999</v>
      </c>
      <c r="W5616" s="83">
        <f>Bühler!N5648</f>
        <v>45525.916666653051</v>
      </c>
      <c r="X5616" s="83">
        <v>43334.916666666664</v>
      </c>
      <c r="Y5616">
        <v>177724.12469999999</v>
      </c>
      <c r="Z5616">
        <v>13768.470170000001</v>
      </c>
      <c r="AA5616">
        <v>59409.697359999998</v>
      </c>
      <c r="AB5616">
        <v>29270.327499999999</v>
      </c>
      <c r="AC5616">
        <v>36254.925889999999</v>
      </c>
      <c r="AD5616">
        <v>24484.17049</v>
      </c>
      <c r="AE5616">
        <v>46295.087959999997</v>
      </c>
      <c r="AF5616">
        <v>53411.163639999999</v>
      </c>
      <c r="AG5616">
        <v>26782.491330000001</v>
      </c>
      <c r="AH5616">
        <v>294628.24709999998</v>
      </c>
      <c r="AI5616">
        <v>72761.549889999995</v>
      </c>
      <c r="AJ5616">
        <v>17838.760979999999</v>
      </c>
      <c r="AK5616">
        <v>39231.548020000002</v>
      </c>
      <c r="AL5616">
        <v>85105.469400000002</v>
      </c>
      <c r="AM5616">
        <v>21301.569899999999</v>
      </c>
      <c r="AN5616">
        <v>77203.906449999995</v>
      </c>
      <c r="AO5616">
        <v>20682.6024</v>
      </c>
      <c r="AP5616">
        <v>15831.491529999999</v>
      </c>
    </row>
    <row r="5617" spans="2:42" x14ac:dyDescent="0.3">
      <c r="B5617">
        <v>58.037017458568336</v>
      </c>
      <c r="C5617" s="83">
        <v>43334.958333333336</v>
      </c>
      <c r="D5617">
        <v>177264.41209999999</v>
      </c>
      <c r="E5617">
        <v>13256.49379</v>
      </c>
      <c r="F5617">
        <v>57327.673649999997</v>
      </c>
      <c r="G5617">
        <v>29503.823619999999</v>
      </c>
      <c r="H5617">
        <v>35375.969169999997</v>
      </c>
      <c r="I5617">
        <v>23778.37212</v>
      </c>
      <c r="J5617">
        <v>42244.395600000003</v>
      </c>
      <c r="K5617">
        <v>53359.09145</v>
      </c>
      <c r="L5617">
        <v>22733.92324</v>
      </c>
      <c r="M5617">
        <v>295899.78009999997</v>
      </c>
      <c r="N5617">
        <v>72547.692999999999</v>
      </c>
      <c r="O5617">
        <v>17573.935389999999</v>
      </c>
      <c r="P5617">
        <v>34052.504650000003</v>
      </c>
      <c r="Q5617">
        <v>85241.602280000006</v>
      </c>
      <c r="R5617">
        <v>20703.870159999999</v>
      </c>
      <c r="S5617">
        <v>75155.740479999993</v>
      </c>
      <c r="T5617">
        <v>19010.605780000002</v>
      </c>
      <c r="U5617">
        <v>15299.75929</v>
      </c>
      <c r="W5617" s="83">
        <f>Bühler!N5649</f>
        <v>45525.958333319715</v>
      </c>
      <c r="X5617" s="83">
        <v>43334.958333333336</v>
      </c>
      <c r="Y5617">
        <v>177264.41209999999</v>
      </c>
      <c r="Z5617">
        <v>13256.49379</v>
      </c>
      <c r="AA5617">
        <v>57327.673649999997</v>
      </c>
      <c r="AB5617">
        <v>29503.823619999999</v>
      </c>
      <c r="AC5617">
        <v>35375.969169999997</v>
      </c>
      <c r="AD5617">
        <v>23778.37212</v>
      </c>
      <c r="AE5617">
        <v>42244.395600000003</v>
      </c>
      <c r="AF5617">
        <v>53359.09145</v>
      </c>
      <c r="AG5617">
        <v>22733.92324</v>
      </c>
      <c r="AH5617">
        <v>295899.78009999997</v>
      </c>
      <c r="AI5617">
        <v>72547.692999999999</v>
      </c>
      <c r="AJ5617">
        <v>17573.935389999999</v>
      </c>
      <c r="AK5617">
        <v>34052.504650000003</v>
      </c>
      <c r="AL5617">
        <v>85241.602280000006</v>
      </c>
      <c r="AM5617">
        <v>20703.870159999999</v>
      </c>
      <c r="AN5617">
        <v>75155.740479999993</v>
      </c>
      <c r="AO5617">
        <v>19010.605780000002</v>
      </c>
      <c r="AP5617">
        <v>15299.75929</v>
      </c>
    </row>
    <row r="5618" spans="2:42" x14ac:dyDescent="0.3">
      <c r="B5618">
        <v>57.15247383357891</v>
      </c>
      <c r="C5618" s="83">
        <v>43335</v>
      </c>
      <c r="D5618">
        <v>176320.92920000001</v>
      </c>
      <c r="E5618">
        <v>12678.011829999999</v>
      </c>
      <c r="F5618">
        <v>56004.011899999998</v>
      </c>
      <c r="G5618">
        <v>29042.39889</v>
      </c>
      <c r="H5618">
        <v>34462.223259999999</v>
      </c>
      <c r="I5618">
        <v>22098.613109999998</v>
      </c>
      <c r="J5618">
        <v>38581.964319999999</v>
      </c>
      <c r="K5618">
        <v>50560.731720000003</v>
      </c>
      <c r="L5618">
        <v>20127.63206</v>
      </c>
      <c r="M5618">
        <v>291389.96419999999</v>
      </c>
      <c r="N5618">
        <v>70963.885460000005</v>
      </c>
      <c r="O5618">
        <v>17165.608670000001</v>
      </c>
      <c r="P5618">
        <v>30682.485629999999</v>
      </c>
      <c r="Q5618">
        <v>84072.587230000005</v>
      </c>
      <c r="R5618">
        <v>17632.682540000002</v>
      </c>
      <c r="S5618">
        <v>73401.645550000001</v>
      </c>
      <c r="T5618">
        <v>17961.539120000001</v>
      </c>
      <c r="U5618">
        <v>15099.62435</v>
      </c>
      <c r="W5618" s="83">
        <f>Bühler!N5650</f>
        <v>45525.999999986379</v>
      </c>
      <c r="X5618" s="83">
        <v>43335</v>
      </c>
      <c r="Y5618">
        <v>176320.92920000001</v>
      </c>
      <c r="Z5618">
        <v>12678.011829999999</v>
      </c>
      <c r="AA5618">
        <v>56004.011899999998</v>
      </c>
      <c r="AB5618">
        <v>29042.39889</v>
      </c>
      <c r="AC5618">
        <v>34462.223259999999</v>
      </c>
      <c r="AD5618">
        <v>22098.613109999998</v>
      </c>
      <c r="AE5618">
        <v>38581.964319999999</v>
      </c>
      <c r="AF5618">
        <v>50560.731720000003</v>
      </c>
      <c r="AG5618">
        <v>20127.63206</v>
      </c>
      <c r="AH5618">
        <v>291389.96419999999</v>
      </c>
      <c r="AI5618">
        <v>70963.885460000005</v>
      </c>
      <c r="AJ5618">
        <v>17165.608670000001</v>
      </c>
      <c r="AK5618">
        <v>30682.485629999999</v>
      </c>
      <c r="AL5618">
        <v>84072.587230000005</v>
      </c>
      <c r="AM5618">
        <v>17632.682540000002</v>
      </c>
      <c r="AN5618">
        <v>73401.645550000001</v>
      </c>
      <c r="AO5618">
        <v>17961.539120000001</v>
      </c>
      <c r="AP5618">
        <v>15099.62435</v>
      </c>
    </row>
    <row r="5619" spans="2:42" x14ac:dyDescent="0.3">
      <c r="B5619">
        <v>56.720450622623446</v>
      </c>
      <c r="C5619" s="83">
        <v>43335.041666666664</v>
      </c>
      <c r="D5619">
        <v>174785.3316</v>
      </c>
      <c r="E5619">
        <v>12437.0923</v>
      </c>
      <c r="F5619">
        <v>55460.647080000002</v>
      </c>
      <c r="G5619">
        <v>28470.28788</v>
      </c>
      <c r="H5619">
        <v>34208.03026</v>
      </c>
      <c r="I5619">
        <v>18649.45448</v>
      </c>
      <c r="J5619">
        <v>36766.879159999997</v>
      </c>
      <c r="K5619">
        <v>48808.20177</v>
      </c>
      <c r="L5619">
        <v>18490.835899999998</v>
      </c>
      <c r="M5619">
        <v>289187.30839999998</v>
      </c>
      <c r="N5619">
        <v>71443.846990000005</v>
      </c>
      <c r="O5619">
        <v>16757.203140000001</v>
      </c>
      <c r="P5619">
        <v>27974.7356</v>
      </c>
      <c r="Q5619">
        <v>84192.153049999994</v>
      </c>
      <c r="R5619">
        <v>15361.076440000001</v>
      </c>
      <c r="S5619">
        <v>72234.566680000004</v>
      </c>
      <c r="T5619">
        <v>17471.185570000001</v>
      </c>
      <c r="U5619">
        <v>14558.93492</v>
      </c>
      <c r="W5619" s="83">
        <f>Bühler!N5651</f>
        <v>45526.041666653044</v>
      </c>
      <c r="X5619" s="83">
        <v>43335.041666666664</v>
      </c>
      <c r="Y5619">
        <v>174785.3316</v>
      </c>
      <c r="Z5619">
        <v>12437.0923</v>
      </c>
      <c r="AA5619">
        <v>55460.647080000002</v>
      </c>
      <c r="AB5619">
        <v>28470.28788</v>
      </c>
      <c r="AC5619">
        <v>34208.03026</v>
      </c>
      <c r="AD5619">
        <v>18649.45448</v>
      </c>
      <c r="AE5619">
        <v>36766.879159999997</v>
      </c>
      <c r="AF5619">
        <v>48808.20177</v>
      </c>
      <c r="AG5619">
        <v>18490.835899999998</v>
      </c>
      <c r="AH5619">
        <v>289187.30839999998</v>
      </c>
      <c r="AI5619">
        <v>71443.846990000005</v>
      </c>
      <c r="AJ5619">
        <v>16757.203140000001</v>
      </c>
      <c r="AK5619">
        <v>27974.7356</v>
      </c>
      <c r="AL5619">
        <v>84192.153049999994</v>
      </c>
      <c r="AM5619">
        <v>15361.076440000001</v>
      </c>
      <c r="AN5619">
        <v>72234.566680000004</v>
      </c>
      <c r="AO5619">
        <v>17471.185570000001</v>
      </c>
      <c r="AP5619">
        <v>14558.93492</v>
      </c>
    </row>
    <row r="5620" spans="2:42" x14ac:dyDescent="0.3">
      <c r="B5620">
        <v>56.659048000932337</v>
      </c>
      <c r="C5620" s="83">
        <v>43335.083333333336</v>
      </c>
      <c r="D5620">
        <v>175072.54519999999</v>
      </c>
      <c r="E5620">
        <v>12229.062599999999</v>
      </c>
      <c r="F5620">
        <v>56265.678050000002</v>
      </c>
      <c r="G5620">
        <v>27907.61868</v>
      </c>
      <c r="H5620">
        <v>33779.998749999999</v>
      </c>
      <c r="I5620">
        <v>17133.174470000002</v>
      </c>
      <c r="J5620">
        <v>36049.783430000003</v>
      </c>
      <c r="K5620">
        <v>47381.762179999998</v>
      </c>
      <c r="L5620">
        <v>16642.7114</v>
      </c>
      <c r="M5620">
        <v>288874.24920000002</v>
      </c>
      <c r="N5620">
        <v>69436.678799999994</v>
      </c>
      <c r="O5620">
        <v>16714.76297</v>
      </c>
      <c r="P5620">
        <v>26088.36665</v>
      </c>
      <c r="Q5620">
        <v>86056.840920000002</v>
      </c>
      <c r="R5620">
        <v>15694.96653</v>
      </c>
      <c r="S5620">
        <v>71350.281610000005</v>
      </c>
      <c r="T5620">
        <v>17136.643039999999</v>
      </c>
      <c r="U5620">
        <v>14112.13522</v>
      </c>
      <c r="W5620" s="83">
        <f>Bühler!N5652</f>
        <v>45526.083333319708</v>
      </c>
      <c r="X5620" s="83">
        <v>43335.083333333336</v>
      </c>
      <c r="Y5620">
        <v>175072.54519999999</v>
      </c>
      <c r="Z5620">
        <v>12229.062599999999</v>
      </c>
      <c r="AA5620">
        <v>56265.678050000002</v>
      </c>
      <c r="AB5620">
        <v>27907.61868</v>
      </c>
      <c r="AC5620">
        <v>33779.998749999999</v>
      </c>
      <c r="AD5620">
        <v>17133.174470000002</v>
      </c>
      <c r="AE5620">
        <v>36049.783430000003</v>
      </c>
      <c r="AF5620">
        <v>47381.762179999998</v>
      </c>
      <c r="AG5620">
        <v>16642.7114</v>
      </c>
      <c r="AH5620">
        <v>288874.24920000002</v>
      </c>
      <c r="AI5620">
        <v>69436.678799999994</v>
      </c>
      <c r="AJ5620">
        <v>16714.76297</v>
      </c>
      <c r="AK5620">
        <v>26088.36665</v>
      </c>
      <c r="AL5620">
        <v>86056.840920000002</v>
      </c>
      <c r="AM5620">
        <v>15694.96653</v>
      </c>
      <c r="AN5620">
        <v>71350.281610000005</v>
      </c>
      <c r="AO5620">
        <v>17136.643039999999</v>
      </c>
      <c r="AP5620">
        <v>14112.13522</v>
      </c>
    </row>
    <row r="5621" spans="2:42" x14ac:dyDescent="0.3">
      <c r="B5621">
        <v>57.329898325441498</v>
      </c>
      <c r="C5621" s="83">
        <v>43335.125</v>
      </c>
      <c r="D5621">
        <v>173772.17420000001</v>
      </c>
      <c r="E5621">
        <v>12211.643749999999</v>
      </c>
      <c r="F5621">
        <v>57396.744639999997</v>
      </c>
      <c r="G5621">
        <v>26831.61116</v>
      </c>
      <c r="H5621">
        <v>33608.059370000003</v>
      </c>
      <c r="I5621">
        <v>16873.553339999999</v>
      </c>
      <c r="J5621">
        <v>35459.306380000002</v>
      </c>
      <c r="K5621">
        <v>45819.261140000002</v>
      </c>
      <c r="L5621">
        <v>16251.998600000001</v>
      </c>
      <c r="M5621">
        <v>292294.55699999997</v>
      </c>
      <c r="N5621">
        <v>67533.707160000005</v>
      </c>
      <c r="O5621">
        <v>16060.53241</v>
      </c>
      <c r="P5621">
        <v>25253.758689999999</v>
      </c>
      <c r="Q5621">
        <v>88752.526209999996</v>
      </c>
      <c r="R5621">
        <v>14921.54075</v>
      </c>
      <c r="S5621">
        <v>70772.009049999993</v>
      </c>
      <c r="T5621">
        <v>16828.448110000001</v>
      </c>
      <c r="U5621">
        <v>13968.250410000001</v>
      </c>
      <c r="W5621" s="83">
        <f>Bühler!N5653</f>
        <v>45526.124999986372</v>
      </c>
      <c r="X5621" s="83">
        <v>43335.125</v>
      </c>
      <c r="Y5621">
        <v>173772.17420000001</v>
      </c>
      <c r="Z5621">
        <v>12211.643749999999</v>
      </c>
      <c r="AA5621">
        <v>57396.744639999997</v>
      </c>
      <c r="AB5621">
        <v>26831.61116</v>
      </c>
      <c r="AC5621">
        <v>33608.059370000003</v>
      </c>
      <c r="AD5621">
        <v>16873.553339999999</v>
      </c>
      <c r="AE5621">
        <v>35459.306380000002</v>
      </c>
      <c r="AF5621">
        <v>45819.261140000002</v>
      </c>
      <c r="AG5621">
        <v>16251.998600000001</v>
      </c>
      <c r="AH5621">
        <v>292294.55699999997</v>
      </c>
      <c r="AI5621">
        <v>67533.707160000005</v>
      </c>
      <c r="AJ5621">
        <v>16060.53241</v>
      </c>
      <c r="AK5621">
        <v>25253.758689999999</v>
      </c>
      <c r="AL5621">
        <v>88752.526209999996</v>
      </c>
      <c r="AM5621">
        <v>14921.54075</v>
      </c>
      <c r="AN5621">
        <v>70772.009049999993</v>
      </c>
      <c r="AO5621">
        <v>16828.448110000001</v>
      </c>
      <c r="AP5621">
        <v>13968.250410000001</v>
      </c>
    </row>
    <row r="5622" spans="2:42" x14ac:dyDescent="0.3">
      <c r="B5622">
        <v>58.774636979374577</v>
      </c>
      <c r="C5622" s="83">
        <v>43335.166666666664</v>
      </c>
      <c r="D5622">
        <v>175304.93119999999</v>
      </c>
      <c r="E5622">
        <v>12553.40187</v>
      </c>
      <c r="F5622">
        <v>60846.293409999998</v>
      </c>
      <c r="G5622">
        <v>26479.461080000001</v>
      </c>
      <c r="H5622">
        <v>33880.735240000002</v>
      </c>
      <c r="I5622">
        <v>18040.643960000001</v>
      </c>
      <c r="J5622">
        <v>37465.691070000001</v>
      </c>
      <c r="K5622">
        <v>45202.403460000001</v>
      </c>
      <c r="L5622">
        <v>16483.24466</v>
      </c>
      <c r="M5622">
        <v>299660.50839999999</v>
      </c>
      <c r="N5622">
        <v>67279.924589999995</v>
      </c>
      <c r="O5622">
        <v>16378.59648</v>
      </c>
      <c r="P5622">
        <v>24761.923070000001</v>
      </c>
      <c r="Q5622">
        <v>91687.201079999999</v>
      </c>
      <c r="R5622">
        <v>14869.989740000001</v>
      </c>
      <c r="S5622">
        <v>70911.929650000005</v>
      </c>
      <c r="T5622">
        <v>16705.050350000001</v>
      </c>
      <c r="U5622">
        <v>14188.35975</v>
      </c>
      <c r="W5622" s="83">
        <f>Bühler!N5654</f>
        <v>45526.166666653036</v>
      </c>
      <c r="X5622" s="83">
        <v>43335.166666666664</v>
      </c>
      <c r="Y5622">
        <v>175304.93119999999</v>
      </c>
      <c r="Z5622">
        <v>12553.40187</v>
      </c>
      <c r="AA5622">
        <v>60846.293409999998</v>
      </c>
      <c r="AB5622">
        <v>26479.461080000001</v>
      </c>
      <c r="AC5622">
        <v>33880.735240000002</v>
      </c>
      <c r="AD5622">
        <v>18040.643960000001</v>
      </c>
      <c r="AE5622">
        <v>37465.691070000001</v>
      </c>
      <c r="AF5622">
        <v>45202.403460000001</v>
      </c>
      <c r="AG5622">
        <v>16483.24466</v>
      </c>
      <c r="AH5622">
        <v>299660.50839999999</v>
      </c>
      <c r="AI5622">
        <v>67279.924589999995</v>
      </c>
      <c r="AJ5622">
        <v>16378.59648</v>
      </c>
      <c r="AK5622">
        <v>24761.923070000001</v>
      </c>
      <c r="AL5622">
        <v>91687.201079999999</v>
      </c>
      <c r="AM5622">
        <v>14869.989740000001</v>
      </c>
      <c r="AN5622">
        <v>70911.929650000005</v>
      </c>
      <c r="AO5622">
        <v>16705.050350000001</v>
      </c>
      <c r="AP5622">
        <v>14188.35975</v>
      </c>
    </row>
    <row r="5623" spans="2:42" x14ac:dyDescent="0.3">
      <c r="B5623">
        <v>62.000890797045315</v>
      </c>
      <c r="C5623" s="83">
        <v>43335.208333333336</v>
      </c>
      <c r="D5623">
        <v>184998.33989999999</v>
      </c>
      <c r="E5623">
        <v>14014.20307</v>
      </c>
      <c r="F5623">
        <v>69723.115839999999</v>
      </c>
      <c r="G5623">
        <v>27065.575499999999</v>
      </c>
      <c r="H5623">
        <v>35459.260280000002</v>
      </c>
      <c r="I5623">
        <v>23234.884030000001</v>
      </c>
      <c r="J5623">
        <v>41095.636050000001</v>
      </c>
      <c r="K5623">
        <v>45417.924639999997</v>
      </c>
      <c r="L5623">
        <v>17176.134580000002</v>
      </c>
      <c r="M5623">
        <v>316109.45490000001</v>
      </c>
      <c r="N5623">
        <v>69537.210300000006</v>
      </c>
      <c r="O5623">
        <v>16601.938129999999</v>
      </c>
      <c r="P5623">
        <v>25860.689340000001</v>
      </c>
      <c r="Q5623">
        <v>93891.893710000004</v>
      </c>
      <c r="R5623">
        <v>16703.31682</v>
      </c>
      <c r="S5623">
        <v>73248.330780000004</v>
      </c>
      <c r="T5623">
        <v>17706.792730000001</v>
      </c>
      <c r="U5623">
        <v>15589.5057</v>
      </c>
      <c r="W5623" s="83">
        <f>Bühler!N5655</f>
        <v>45526.208333319701</v>
      </c>
      <c r="X5623" s="83">
        <v>43335.208333333336</v>
      </c>
      <c r="Y5623">
        <v>184998.33989999999</v>
      </c>
      <c r="Z5623">
        <v>14014.20307</v>
      </c>
      <c r="AA5623">
        <v>69723.115839999999</v>
      </c>
      <c r="AB5623">
        <v>27065.575499999999</v>
      </c>
      <c r="AC5623">
        <v>35459.260280000002</v>
      </c>
      <c r="AD5623">
        <v>23234.884030000001</v>
      </c>
      <c r="AE5623">
        <v>41095.636050000001</v>
      </c>
      <c r="AF5623">
        <v>45417.924639999997</v>
      </c>
      <c r="AG5623">
        <v>17176.134580000002</v>
      </c>
      <c r="AH5623">
        <v>316109.45490000001</v>
      </c>
      <c r="AI5623">
        <v>69537.210300000006</v>
      </c>
      <c r="AJ5623">
        <v>16601.938129999999</v>
      </c>
      <c r="AK5623">
        <v>25860.689340000001</v>
      </c>
      <c r="AL5623">
        <v>93891.893710000004</v>
      </c>
      <c r="AM5623">
        <v>16703.31682</v>
      </c>
      <c r="AN5623">
        <v>73248.330780000004</v>
      </c>
      <c r="AO5623">
        <v>17706.792730000001</v>
      </c>
      <c r="AP5623">
        <v>15589.5057</v>
      </c>
    </row>
    <row r="5624" spans="2:42" x14ac:dyDescent="0.3">
      <c r="B5624">
        <v>65.097237451350153</v>
      </c>
      <c r="C5624" s="83">
        <v>43335.25</v>
      </c>
      <c r="D5624">
        <v>196797.3156</v>
      </c>
      <c r="E5624">
        <v>17642.290679999998</v>
      </c>
      <c r="F5624">
        <v>81003.972469999993</v>
      </c>
      <c r="G5624">
        <v>29736.173750000002</v>
      </c>
      <c r="H5624">
        <v>37293.10383</v>
      </c>
      <c r="I5624">
        <v>27744.486079999999</v>
      </c>
      <c r="J5624">
        <v>44588.999730000003</v>
      </c>
      <c r="K5624">
        <v>47356.143530000001</v>
      </c>
      <c r="L5624">
        <v>18333.698830000001</v>
      </c>
      <c r="M5624">
        <v>331896.07410000003</v>
      </c>
      <c r="N5624">
        <v>71985.036399999997</v>
      </c>
      <c r="O5624">
        <v>18527.37917</v>
      </c>
      <c r="P5624">
        <v>26660.36969</v>
      </c>
      <c r="Q5624">
        <v>94107.047919999997</v>
      </c>
      <c r="R5624">
        <v>17170.598590000001</v>
      </c>
      <c r="S5624">
        <v>81670.913620000007</v>
      </c>
      <c r="T5624">
        <v>19647.026140000002</v>
      </c>
      <c r="U5624">
        <v>17667.309440000001</v>
      </c>
      <c r="W5624" s="83">
        <f>Bühler!N5656</f>
        <v>45526.249999986365</v>
      </c>
      <c r="X5624" s="83">
        <v>43335.25</v>
      </c>
      <c r="Y5624">
        <v>196797.3156</v>
      </c>
      <c r="Z5624">
        <v>17642.290679999998</v>
      </c>
      <c r="AA5624">
        <v>81003.972469999993</v>
      </c>
      <c r="AB5624">
        <v>29736.173750000002</v>
      </c>
      <c r="AC5624">
        <v>37293.10383</v>
      </c>
      <c r="AD5624">
        <v>27744.486079999999</v>
      </c>
      <c r="AE5624">
        <v>44588.999730000003</v>
      </c>
      <c r="AF5624">
        <v>47356.143530000001</v>
      </c>
      <c r="AG5624">
        <v>18333.698830000001</v>
      </c>
      <c r="AH5624">
        <v>331896.07410000003</v>
      </c>
      <c r="AI5624">
        <v>71985.036399999997</v>
      </c>
      <c r="AJ5624">
        <v>18527.37917</v>
      </c>
      <c r="AK5624">
        <v>26660.36969</v>
      </c>
      <c r="AL5624">
        <v>94107.047919999997</v>
      </c>
      <c r="AM5624">
        <v>17170.598590000001</v>
      </c>
      <c r="AN5624">
        <v>81670.913620000007</v>
      </c>
      <c r="AO5624">
        <v>19647.026140000002</v>
      </c>
      <c r="AP5624">
        <v>17667.309440000001</v>
      </c>
    </row>
    <row r="5625" spans="2:42" x14ac:dyDescent="0.3">
      <c r="B5625">
        <v>66.519239954404654</v>
      </c>
      <c r="C5625" s="83">
        <v>43335.291666666664</v>
      </c>
      <c r="D5625">
        <v>206214.49340000001</v>
      </c>
      <c r="E5625">
        <v>21291.532670000001</v>
      </c>
      <c r="F5625">
        <v>83070.156950000004</v>
      </c>
      <c r="G5625">
        <v>32984.032310000002</v>
      </c>
      <c r="H5625">
        <v>40316.988380000003</v>
      </c>
      <c r="I5625">
        <v>31589.81351</v>
      </c>
      <c r="J5625">
        <v>45189.093789999999</v>
      </c>
      <c r="K5625">
        <v>50124.98487</v>
      </c>
      <c r="L5625">
        <v>20720.018240000001</v>
      </c>
      <c r="M5625">
        <v>339146.10600000003</v>
      </c>
      <c r="N5625">
        <v>78128.748600000006</v>
      </c>
      <c r="O5625">
        <v>20610.395140000001</v>
      </c>
      <c r="P5625">
        <v>30197.933710000001</v>
      </c>
      <c r="Q5625">
        <v>94076.414480000007</v>
      </c>
      <c r="R5625">
        <v>17947.904299999998</v>
      </c>
      <c r="S5625">
        <v>93117.765010000003</v>
      </c>
      <c r="T5625">
        <v>22347.177179999999</v>
      </c>
      <c r="U5625">
        <v>20290.128359999999</v>
      </c>
      <c r="W5625" s="83">
        <f>Bühler!N5657</f>
        <v>45526.291666653029</v>
      </c>
      <c r="X5625" s="83">
        <v>43335.291666666664</v>
      </c>
      <c r="Y5625">
        <v>206214.49340000001</v>
      </c>
      <c r="Z5625">
        <v>21291.532670000001</v>
      </c>
      <c r="AA5625">
        <v>83070.156950000004</v>
      </c>
      <c r="AB5625">
        <v>32984.032310000002</v>
      </c>
      <c r="AC5625">
        <v>40316.988380000003</v>
      </c>
      <c r="AD5625">
        <v>31589.81351</v>
      </c>
      <c r="AE5625">
        <v>45189.093789999999</v>
      </c>
      <c r="AF5625">
        <v>50124.98487</v>
      </c>
      <c r="AG5625">
        <v>20720.018240000001</v>
      </c>
      <c r="AH5625">
        <v>339146.10600000003</v>
      </c>
      <c r="AI5625">
        <v>78128.748600000006</v>
      </c>
      <c r="AJ5625">
        <v>20610.395140000001</v>
      </c>
      <c r="AK5625">
        <v>30197.933710000001</v>
      </c>
      <c r="AL5625">
        <v>94076.414480000007</v>
      </c>
      <c r="AM5625">
        <v>17947.904299999998</v>
      </c>
      <c r="AN5625">
        <v>93117.765010000003</v>
      </c>
      <c r="AO5625">
        <v>22347.177179999999</v>
      </c>
      <c r="AP5625">
        <v>20290.128359999999</v>
      </c>
    </row>
    <row r="5626" spans="2:42" x14ac:dyDescent="0.3">
      <c r="B5626">
        <v>67.433063521633088</v>
      </c>
      <c r="C5626" s="83">
        <v>43335.333333333336</v>
      </c>
      <c r="D5626">
        <v>216927.62169999999</v>
      </c>
      <c r="E5626">
        <v>26165.752759999999</v>
      </c>
      <c r="F5626">
        <v>89701.572979999997</v>
      </c>
      <c r="G5626">
        <v>37186.438439999998</v>
      </c>
      <c r="H5626">
        <v>43890.587749999999</v>
      </c>
      <c r="I5626">
        <v>34568.456810000003</v>
      </c>
      <c r="J5626">
        <v>48552.919070000004</v>
      </c>
      <c r="K5626">
        <v>55391.160629999998</v>
      </c>
      <c r="L5626">
        <v>24014.909500000002</v>
      </c>
      <c r="M5626">
        <v>343805.2047</v>
      </c>
      <c r="N5626">
        <v>86501.73805</v>
      </c>
      <c r="O5626">
        <v>22299.215499999998</v>
      </c>
      <c r="P5626">
        <v>33376.617469999997</v>
      </c>
      <c r="Q5626">
        <v>95748.607990000004</v>
      </c>
      <c r="R5626">
        <v>19487.911410000001</v>
      </c>
      <c r="S5626">
        <v>103457.78290000001</v>
      </c>
      <c r="T5626">
        <v>24415.74123</v>
      </c>
      <c r="U5626">
        <v>23254.869780000001</v>
      </c>
      <c r="W5626" s="83">
        <f>Bühler!N5658</f>
        <v>45526.333333319693</v>
      </c>
      <c r="X5626" s="83">
        <v>43335.333333333336</v>
      </c>
      <c r="Y5626">
        <v>216927.62169999999</v>
      </c>
      <c r="Z5626">
        <v>26165.752759999999</v>
      </c>
      <c r="AA5626">
        <v>89701.572979999997</v>
      </c>
      <c r="AB5626">
        <v>37186.438439999998</v>
      </c>
      <c r="AC5626">
        <v>43890.587749999999</v>
      </c>
      <c r="AD5626">
        <v>34568.456810000003</v>
      </c>
      <c r="AE5626">
        <v>48552.919070000004</v>
      </c>
      <c r="AF5626">
        <v>55391.160629999998</v>
      </c>
      <c r="AG5626">
        <v>24014.909500000002</v>
      </c>
      <c r="AH5626">
        <v>343805.2047</v>
      </c>
      <c r="AI5626">
        <v>86501.73805</v>
      </c>
      <c r="AJ5626">
        <v>22299.215499999998</v>
      </c>
      <c r="AK5626">
        <v>33376.617469999997</v>
      </c>
      <c r="AL5626">
        <v>95748.607990000004</v>
      </c>
      <c r="AM5626">
        <v>19487.911410000001</v>
      </c>
      <c r="AN5626">
        <v>103457.78290000001</v>
      </c>
      <c r="AO5626">
        <v>24415.74123</v>
      </c>
      <c r="AP5626">
        <v>23254.869780000001</v>
      </c>
    </row>
    <row r="5627" spans="2:42" x14ac:dyDescent="0.3">
      <c r="B5627">
        <v>66.619952338396388</v>
      </c>
      <c r="C5627" s="83">
        <v>43335.375</v>
      </c>
      <c r="D5627">
        <v>218976.58350000001</v>
      </c>
      <c r="E5627">
        <v>30837.7441</v>
      </c>
      <c r="F5627">
        <v>95829.820449999999</v>
      </c>
      <c r="G5627">
        <v>39962.984700000001</v>
      </c>
      <c r="H5627">
        <v>46224.931709999997</v>
      </c>
      <c r="I5627">
        <v>34374.912270000001</v>
      </c>
      <c r="J5627">
        <v>50815.879350000003</v>
      </c>
      <c r="K5627">
        <v>57482.50376</v>
      </c>
      <c r="L5627">
        <v>28022.250950000001</v>
      </c>
      <c r="M5627">
        <v>339659.58470000001</v>
      </c>
      <c r="N5627">
        <v>90689.659310000003</v>
      </c>
      <c r="O5627">
        <v>23760.437409999999</v>
      </c>
      <c r="P5627">
        <v>36424.908730000003</v>
      </c>
      <c r="Q5627">
        <v>96376.676779999994</v>
      </c>
      <c r="R5627">
        <v>19735.58598</v>
      </c>
      <c r="S5627">
        <v>110209.6792</v>
      </c>
      <c r="T5627">
        <v>26480.85903</v>
      </c>
      <c r="U5627">
        <v>23977.346389999999</v>
      </c>
      <c r="W5627" s="83">
        <f>Bühler!N5659</f>
        <v>45526.374999986358</v>
      </c>
      <c r="X5627" s="83">
        <v>43335.375</v>
      </c>
      <c r="Y5627">
        <v>218976.58350000001</v>
      </c>
      <c r="Z5627">
        <v>30837.7441</v>
      </c>
      <c r="AA5627">
        <v>95829.820449999999</v>
      </c>
      <c r="AB5627">
        <v>39962.984700000001</v>
      </c>
      <c r="AC5627">
        <v>46224.931709999997</v>
      </c>
      <c r="AD5627">
        <v>34374.912270000001</v>
      </c>
      <c r="AE5627">
        <v>50815.879350000003</v>
      </c>
      <c r="AF5627">
        <v>57482.50376</v>
      </c>
      <c r="AG5627">
        <v>28022.250950000001</v>
      </c>
      <c r="AH5627">
        <v>339659.58470000001</v>
      </c>
      <c r="AI5627">
        <v>90689.659310000003</v>
      </c>
      <c r="AJ5627">
        <v>23760.437409999999</v>
      </c>
      <c r="AK5627">
        <v>36424.908730000003</v>
      </c>
      <c r="AL5627">
        <v>96376.676779999994</v>
      </c>
      <c r="AM5627">
        <v>19735.58598</v>
      </c>
      <c r="AN5627">
        <v>110209.6792</v>
      </c>
      <c r="AO5627">
        <v>26480.85903</v>
      </c>
      <c r="AP5627">
        <v>23977.346389999999</v>
      </c>
    </row>
    <row r="5628" spans="2:42" x14ac:dyDescent="0.3">
      <c r="B5628">
        <v>67.204340524993142</v>
      </c>
      <c r="C5628" s="83">
        <v>43335.416666666664</v>
      </c>
      <c r="D5628">
        <v>221539.04300000001</v>
      </c>
      <c r="E5628">
        <v>32776.83844</v>
      </c>
      <c r="F5628">
        <v>98442.14602</v>
      </c>
      <c r="G5628">
        <v>40957.500979999997</v>
      </c>
      <c r="H5628">
        <v>46933.321109999997</v>
      </c>
      <c r="I5628">
        <v>33188.787750000003</v>
      </c>
      <c r="J5628">
        <v>51569.63078</v>
      </c>
      <c r="K5628">
        <v>59497.133070000003</v>
      </c>
      <c r="L5628">
        <v>30998.52346</v>
      </c>
      <c r="M5628">
        <v>342639.06819999998</v>
      </c>
      <c r="N5628">
        <v>94464.410080000001</v>
      </c>
      <c r="O5628">
        <v>24572.94283</v>
      </c>
      <c r="P5628">
        <v>38592.968289999997</v>
      </c>
      <c r="Q5628">
        <v>99248.186820000003</v>
      </c>
      <c r="R5628">
        <v>21053.645550000001</v>
      </c>
      <c r="S5628">
        <v>112070.73540000001</v>
      </c>
      <c r="T5628">
        <v>29208.423790000001</v>
      </c>
      <c r="U5628">
        <v>23853.221290000001</v>
      </c>
      <c r="W5628" s="83">
        <f>Bühler!N5660</f>
        <v>45526.416666653022</v>
      </c>
      <c r="X5628" s="83">
        <v>43335.416666666664</v>
      </c>
      <c r="Y5628">
        <v>221539.04300000001</v>
      </c>
      <c r="Z5628">
        <v>32776.83844</v>
      </c>
      <c r="AA5628">
        <v>98442.14602</v>
      </c>
      <c r="AB5628">
        <v>40957.500979999997</v>
      </c>
      <c r="AC5628">
        <v>46933.321109999997</v>
      </c>
      <c r="AD5628">
        <v>33188.787750000003</v>
      </c>
      <c r="AE5628">
        <v>51569.63078</v>
      </c>
      <c r="AF5628">
        <v>59497.133070000003</v>
      </c>
      <c r="AG5628">
        <v>30998.52346</v>
      </c>
      <c r="AH5628">
        <v>342639.06819999998</v>
      </c>
      <c r="AI5628">
        <v>94464.410080000001</v>
      </c>
      <c r="AJ5628">
        <v>24572.94283</v>
      </c>
      <c r="AK5628">
        <v>38592.968289999997</v>
      </c>
      <c r="AL5628">
        <v>99248.186820000003</v>
      </c>
      <c r="AM5628">
        <v>21053.645550000001</v>
      </c>
      <c r="AN5628">
        <v>112070.73540000001</v>
      </c>
      <c r="AO5628">
        <v>29208.423790000001</v>
      </c>
      <c r="AP5628">
        <v>23853.221290000001</v>
      </c>
    </row>
    <row r="5629" spans="2:42" x14ac:dyDescent="0.3">
      <c r="B5629">
        <v>67.773280438576521</v>
      </c>
      <c r="C5629" s="83">
        <v>43335.458333333336</v>
      </c>
      <c r="D5629">
        <v>222968.48850000001</v>
      </c>
      <c r="E5629">
        <v>33255.299930000001</v>
      </c>
      <c r="F5629">
        <v>99541.454169999997</v>
      </c>
      <c r="G5629">
        <v>41147.096839999998</v>
      </c>
      <c r="H5629">
        <v>46955.704030000001</v>
      </c>
      <c r="I5629">
        <v>32882.98143</v>
      </c>
      <c r="J5629">
        <v>51059.53671</v>
      </c>
      <c r="K5629">
        <v>60172.508049999997</v>
      </c>
      <c r="L5629">
        <v>32930.080600000001</v>
      </c>
      <c r="M5629">
        <v>345539.7892</v>
      </c>
      <c r="N5629">
        <v>95876.831789999997</v>
      </c>
      <c r="O5629">
        <v>25077.454089999999</v>
      </c>
      <c r="P5629">
        <v>37297.055180000003</v>
      </c>
      <c r="Q5629">
        <v>99880.720560000002</v>
      </c>
      <c r="R5629">
        <v>22888.792249999999</v>
      </c>
      <c r="S5629">
        <v>114349.3409</v>
      </c>
      <c r="T5629">
        <v>29672.947800000002</v>
      </c>
      <c r="U5629">
        <v>23456.238580000001</v>
      </c>
      <c r="W5629" s="83">
        <f>Bühler!N5661</f>
        <v>45526.458333319686</v>
      </c>
      <c r="X5629" s="83">
        <v>43335.458333333336</v>
      </c>
      <c r="Y5629">
        <v>222968.48850000001</v>
      </c>
      <c r="Z5629">
        <v>33255.299930000001</v>
      </c>
      <c r="AA5629">
        <v>99541.454169999997</v>
      </c>
      <c r="AB5629">
        <v>41147.096839999998</v>
      </c>
      <c r="AC5629">
        <v>46955.704030000001</v>
      </c>
      <c r="AD5629">
        <v>32882.98143</v>
      </c>
      <c r="AE5629">
        <v>51059.53671</v>
      </c>
      <c r="AF5629">
        <v>60172.508049999997</v>
      </c>
      <c r="AG5629">
        <v>32930.080600000001</v>
      </c>
      <c r="AH5629">
        <v>345539.7892</v>
      </c>
      <c r="AI5629">
        <v>95876.831789999997</v>
      </c>
      <c r="AJ5629">
        <v>25077.454089999999</v>
      </c>
      <c r="AK5629">
        <v>37297.055180000003</v>
      </c>
      <c r="AL5629">
        <v>99880.720560000002</v>
      </c>
      <c r="AM5629">
        <v>22888.792249999999</v>
      </c>
      <c r="AN5629">
        <v>114349.3409</v>
      </c>
      <c r="AO5629">
        <v>29672.947800000002</v>
      </c>
      <c r="AP5629">
        <v>23456.238580000001</v>
      </c>
    </row>
    <row r="5630" spans="2:42" x14ac:dyDescent="0.3">
      <c r="B5630">
        <v>68.17272120436941</v>
      </c>
      <c r="C5630" s="83">
        <v>43335.5</v>
      </c>
      <c r="D5630">
        <v>216057.60920000001</v>
      </c>
      <c r="E5630">
        <v>30080.050309999999</v>
      </c>
      <c r="F5630">
        <v>97862.86623</v>
      </c>
      <c r="G5630">
        <v>40608.66201</v>
      </c>
      <c r="H5630">
        <v>46123.541749999997</v>
      </c>
      <c r="I5630">
        <v>32251.008010000001</v>
      </c>
      <c r="J5630">
        <v>50865.743419999999</v>
      </c>
      <c r="K5630">
        <v>57186.103889999999</v>
      </c>
      <c r="L5630">
        <v>35011.900999999998</v>
      </c>
      <c r="M5630">
        <v>347576.32449999999</v>
      </c>
      <c r="N5630">
        <v>92095.248949999994</v>
      </c>
      <c r="O5630">
        <v>23969.665550000002</v>
      </c>
      <c r="P5630">
        <v>38604.029090000004</v>
      </c>
      <c r="Q5630">
        <v>99469.580660000007</v>
      </c>
      <c r="R5630">
        <v>25138.390770000002</v>
      </c>
      <c r="S5630">
        <v>109624.0711</v>
      </c>
      <c r="T5630">
        <v>29123.744930000001</v>
      </c>
      <c r="U5630">
        <v>20284.101729999998</v>
      </c>
      <c r="W5630" s="83">
        <f>Bühler!N5662</f>
        <v>45526.49999998635</v>
      </c>
      <c r="X5630" s="83">
        <v>43335.5</v>
      </c>
      <c r="Y5630">
        <v>216057.60920000001</v>
      </c>
      <c r="Z5630">
        <v>30080.050309999999</v>
      </c>
      <c r="AA5630">
        <v>97862.86623</v>
      </c>
      <c r="AB5630">
        <v>40608.66201</v>
      </c>
      <c r="AC5630">
        <v>46123.541749999997</v>
      </c>
      <c r="AD5630">
        <v>32251.008010000001</v>
      </c>
      <c r="AE5630">
        <v>50865.743419999999</v>
      </c>
      <c r="AF5630">
        <v>57186.103889999999</v>
      </c>
      <c r="AG5630">
        <v>35011.900999999998</v>
      </c>
      <c r="AH5630">
        <v>347576.32449999999</v>
      </c>
      <c r="AI5630">
        <v>92095.248949999994</v>
      </c>
      <c r="AJ5630">
        <v>23969.665550000002</v>
      </c>
      <c r="AK5630">
        <v>38604.029090000004</v>
      </c>
      <c r="AL5630">
        <v>99469.580660000007</v>
      </c>
      <c r="AM5630">
        <v>25138.390770000002</v>
      </c>
      <c r="AN5630">
        <v>109624.0711</v>
      </c>
      <c r="AO5630">
        <v>29123.744930000001</v>
      </c>
      <c r="AP5630">
        <v>20284.101729999998</v>
      </c>
    </row>
    <row r="5631" spans="2:42" x14ac:dyDescent="0.3">
      <c r="B5631">
        <v>68.275004217539205</v>
      </c>
      <c r="C5631" s="83">
        <v>43335.541666666664</v>
      </c>
      <c r="D5631">
        <v>217638.15979999999</v>
      </c>
      <c r="E5631">
        <v>30855.480510000001</v>
      </c>
      <c r="F5631">
        <v>96580.318079999997</v>
      </c>
      <c r="G5631">
        <v>40474.925649999997</v>
      </c>
      <c r="H5631">
        <v>45944.182809999998</v>
      </c>
      <c r="I5631">
        <v>32455.023560000001</v>
      </c>
      <c r="J5631">
        <v>50458.658620000002</v>
      </c>
      <c r="K5631">
        <v>57771.763279999999</v>
      </c>
      <c r="L5631">
        <v>34794.059549999998</v>
      </c>
      <c r="M5631">
        <v>348097.81099999999</v>
      </c>
      <c r="N5631">
        <v>93403.032059999998</v>
      </c>
      <c r="O5631">
        <v>24616.240559999998</v>
      </c>
      <c r="P5631">
        <v>37876.479659999997</v>
      </c>
      <c r="Q5631">
        <v>99366.657630000002</v>
      </c>
      <c r="R5631">
        <v>25093.94256</v>
      </c>
      <c r="S5631">
        <v>109914.5822</v>
      </c>
      <c r="T5631">
        <v>29217.314989999999</v>
      </c>
      <c r="U5631">
        <v>21919.22855</v>
      </c>
      <c r="W5631" s="83">
        <f>Bühler!N5663</f>
        <v>45526.541666653015</v>
      </c>
      <c r="X5631" s="83">
        <v>43335.541666666664</v>
      </c>
      <c r="Y5631">
        <v>217638.15979999999</v>
      </c>
      <c r="Z5631">
        <v>30855.480510000001</v>
      </c>
      <c r="AA5631">
        <v>96580.318079999997</v>
      </c>
      <c r="AB5631">
        <v>40474.925649999997</v>
      </c>
      <c r="AC5631">
        <v>45944.182809999998</v>
      </c>
      <c r="AD5631">
        <v>32455.023560000001</v>
      </c>
      <c r="AE5631">
        <v>50458.658620000002</v>
      </c>
      <c r="AF5631">
        <v>57771.763279999999</v>
      </c>
      <c r="AG5631">
        <v>34794.059549999998</v>
      </c>
      <c r="AH5631">
        <v>348097.81099999999</v>
      </c>
      <c r="AI5631">
        <v>93403.032059999998</v>
      </c>
      <c r="AJ5631">
        <v>24616.240559999998</v>
      </c>
      <c r="AK5631">
        <v>37876.479659999997</v>
      </c>
      <c r="AL5631">
        <v>99366.657630000002</v>
      </c>
      <c r="AM5631">
        <v>25093.94256</v>
      </c>
      <c r="AN5631">
        <v>109914.5822</v>
      </c>
      <c r="AO5631">
        <v>29217.314989999999</v>
      </c>
      <c r="AP5631">
        <v>21919.22855</v>
      </c>
    </row>
    <row r="5632" spans="2:42" x14ac:dyDescent="0.3">
      <c r="B5632">
        <v>68.362681603250564</v>
      </c>
      <c r="C5632" s="83">
        <v>43335.583333333336</v>
      </c>
      <c r="D5632">
        <v>219768.61369999999</v>
      </c>
      <c r="E5632">
        <v>33241.464</v>
      </c>
      <c r="F5632">
        <v>100740.8368</v>
      </c>
      <c r="G5632">
        <v>39975.52837</v>
      </c>
      <c r="H5632">
        <v>46534.536910000003</v>
      </c>
      <c r="I5632">
        <v>33326.855280000003</v>
      </c>
      <c r="J5632">
        <v>49593.252269999997</v>
      </c>
      <c r="K5632">
        <v>59343.662499999999</v>
      </c>
      <c r="L5632">
        <v>32927.562559999998</v>
      </c>
      <c r="M5632">
        <v>348544.83120000002</v>
      </c>
      <c r="N5632">
        <v>95401.034700000004</v>
      </c>
      <c r="O5632">
        <v>24865.28931</v>
      </c>
      <c r="P5632">
        <v>34389.94184</v>
      </c>
      <c r="Q5632">
        <v>98874.355649999998</v>
      </c>
      <c r="R5632">
        <v>25125.413</v>
      </c>
      <c r="S5632">
        <v>106718.0567</v>
      </c>
      <c r="T5632">
        <v>28829.663700000001</v>
      </c>
      <c r="U5632">
        <v>22514.56928</v>
      </c>
      <c r="W5632" s="83">
        <f>Bühler!N5664</f>
        <v>45526.583333319679</v>
      </c>
      <c r="X5632" s="83">
        <v>43335.583333333336</v>
      </c>
      <c r="Y5632">
        <v>219768.61369999999</v>
      </c>
      <c r="Z5632">
        <v>33241.464</v>
      </c>
      <c r="AA5632">
        <v>100740.8368</v>
      </c>
      <c r="AB5632">
        <v>39975.52837</v>
      </c>
      <c r="AC5632">
        <v>46534.536910000003</v>
      </c>
      <c r="AD5632">
        <v>33326.855280000003</v>
      </c>
      <c r="AE5632">
        <v>49593.252269999997</v>
      </c>
      <c r="AF5632">
        <v>59343.662499999999</v>
      </c>
      <c r="AG5632">
        <v>32927.562559999998</v>
      </c>
      <c r="AH5632">
        <v>348544.83120000002</v>
      </c>
      <c r="AI5632">
        <v>95401.034700000004</v>
      </c>
      <c r="AJ5632">
        <v>24865.28931</v>
      </c>
      <c r="AK5632">
        <v>34389.94184</v>
      </c>
      <c r="AL5632">
        <v>98874.355649999998</v>
      </c>
      <c r="AM5632">
        <v>25125.413</v>
      </c>
      <c r="AN5632">
        <v>106718.0567</v>
      </c>
      <c r="AO5632">
        <v>28829.663700000001</v>
      </c>
      <c r="AP5632">
        <v>22514.56928</v>
      </c>
    </row>
    <row r="5633" spans="2:42" x14ac:dyDescent="0.3">
      <c r="B5633">
        <v>67.468266951049301</v>
      </c>
      <c r="C5633" s="83">
        <v>43335.625</v>
      </c>
      <c r="D5633">
        <v>218604.62640000001</v>
      </c>
      <c r="E5633">
        <v>33392.921699999999</v>
      </c>
      <c r="F5633">
        <v>102604.68799999999</v>
      </c>
      <c r="G5633">
        <v>39642.873319999999</v>
      </c>
      <c r="H5633">
        <v>45857.925519999997</v>
      </c>
      <c r="I5633">
        <v>33633.936199999996</v>
      </c>
      <c r="J5633">
        <v>49035.414100000002</v>
      </c>
      <c r="K5633">
        <v>58905.05515</v>
      </c>
      <c r="L5633">
        <v>29968.848900000001</v>
      </c>
      <c r="M5633">
        <v>343984.68819999998</v>
      </c>
      <c r="N5633">
        <v>93916.048540000003</v>
      </c>
      <c r="O5633">
        <v>22961.80875</v>
      </c>
      <c r="P5633">
        <v>31981.760610000001</v>
      </c>
      <c r="Q5633">
        <v>99376.266879999996</v>
      </c>
      <c r="R5633">
        <v>24524.557290000001</v>
      </c>
      <c r="S5633">
        <v>104632.7378</v>
      </c>
      <c r="T5633">
        <v>28676.11938</v>
      </c>
      <c r="U5633">
        <v>21866.985619999999</v>
      </c>
      <c r="W5633" s="83">
        <f>Bühler!N5665</f>
        <v>45526.624999986343</v>
      </c>
      <c r="X5633" s="83">
        <v>43335.625</v>
      </c>
      <c r="Y5633">
        <v>218604.62640000001</v>
      </c>
      <c r="Z5633">
        <v>33392.921699999999</v>
      </c>
      <c r="AA5633">
        <v>102604.68799999999</v>
      </c>
      <c r="AB5633">
        <v>39642.873319999999</v>
      </c>
      <c r="AC5633">
        <v>45857.925519999997</v>
      </c>
      <c r="AD5633">
        <v>33633.936199999996</v>
      </c>
      <c r="AE5633">
        <v>49035.414100000002</v>
      </c>
      <c r="AF5633">
        <v>58905.05515</v>
      </c>
      <c r="AG5633">
        <v>29968.848900000001</v>
      </c>
      <c r="AH5633">
        <v>343984.68819999998</v>
      </c>
      <c r="AI5633">
        <v>93916.048540000003</v>
      </c>
      <c r="AJ5633">
        <v>22961.80875</v>
      </c>
      <c r="AK5633">
        <v>31981.760610000001</v>
      </c>
      <c r="AL5633">
        <v>99376.266879999996</v>
      </c>
      <c r="AM5633">
        <v>24524.557290000001</v>
      </c>
      <c r="AN5633">
        <v>104632.7378</v>
      </c>
      <c r="AO5633">
        <v>28676.11938</v>
      </c>
      <c r="AP5633">
        <v>21866.985619999999</v>
      </c>
    </row>
    <row r="5634" spans="2:42" x14ac:dyDescent="0.3">
      <c r="B5634">
        <v>65.865450780085723</v>
      </c>
      <c r="C5634" s="83">
        <v>43335.666666666664</v>
      </c>
      <c r="D5634">
        <v>212167.3811</v>
      </c>
      <c r="E5634">
        <v>32615.615119999999</v>
      </c>
      <c r="F5634">
        <v>102065.49219999999</v>
      </c>
      <c r="G5634">
        <v>38382.272089999999</v>
      </c>
      <c r="H5634">
        <v>44989.404710000003</v>
      </c>
      <c r="I5634">
        <v>34188.016869999999</v>
      </c>
      <c r="J5634">
        <v>48277.8989</v>
      </c>
      <c r="K5634">
        <v>56520.297740000002</v>
      </c>
      <c r="L5634">
        <v>29217.312430000002</v>
      </c>
      <c r="M5634">
        <v>335812.78389999998</v>
      </c>
      <c r="N5634">
        <v>91878.31482</v>
      </c>
      <c r="O5634">
        <v>22602.274860000001</v>
      </c>
      <c r="P5634">
        <v>31337.472150000001</v>
      </c>
      <c r="Q5634">
        <v>98452.74785</v>
      </c>
      <c r="R5634">
        <v>24238.00318</v>
      </c>
      <c r="S5634">
        <v>103544.9096</v>
      </c>
      <c r="T5634">
        <v>28430.793580000001</v>
      </c>
      <c r="U5634">
        <v>19865.551070000001</v>
      </c>
      <c r="W5634" s="83">
        <f>Bühler!N5666</f>
        <v>45526.666666653007</v>
      </c>
      <c r="X5634" s="83">
        <v>43335.666666666664</v>
      </c>
      <c r="Y5634">
        <v>212167.3811</v>
      </c>
      <c r="Z5634">
        <v>32615.615119999999</v>
      </c>
      <c r="AA5634">
        <v>102065.49219999999</v>
      </c>
      <c r="AB5634">
        <v>38382.272089999999</v>
      </c>
      <c r="AC5634">
        <v>44989.404710000003</v>
      </c>
      <c r="AD5634">
        <v>34188.016869999999</v>
      </c>
      <c r="AE5634">
        <v>48277.8989</v>
      </c>
      <c r="AF5634">
        <v>56520.297740000002</v>
      </c>
      <c r="AG5634">
        <v>29217.312430000002</v>
      </c>
      <c r="AH5634">
        <v>335812.78389999998</v>
      </c>
      <c r="AI5634">
        <v>91878.31482</v>
      </c>
      <c r="AJ5634">
        <v>22602.274860000001</v>
      </c>
      <c r="AK5634">
        <v>31337.472150000001</v>
      </c>
      <c r="AL5634">
        <v>98452.74785</v>
      </c>
      <c r="AM5634">
        <v>24238.00318</v>
      </c>
      <c r="AN5634">
        <v>103544.9096</v>
      </c>
      <c r="AO5634">
        <v>28430.793580000001</v>
      </c>
      <c r="AP5634">
        <v>19865.551070000001</v>
      </c>
    </row>
    <row r="5635" spans="2:42" x14ac:dyDescent="0.3">
      <c r="B5635">
        <v>65.060244169969039</v>
      </c>
      <c r="C5635" s="83">
        <v>43335.708333333336</v>
      </c>
      <c r="D5635">
        <v>205453.73680000001</v>
      </c>
      <c r="E5635">
        <v>31132.589370000002</v>
      </c>
      <c r="F5635">
        <v>100239.15240000001</v>
      </c>
      <c r="G5635">
        <v>36093.134610000001</v>
      </c>
      <c r="H5635">
        <v>43432.45637</v>
      </c>
      <c r="I5635">
        <v>33946.42166</v>
      </c>
      <c r="J5635">
        <v>48653.564830000003</v>
      </c>
      <c r="K5635">
        <v>52680.601540000003</v>
      </c>
      <c r="L5635">
        <v>29498.634310000001</v>
      </c>
      <c r="M5635">
        <v>331707.46509999997</v>
      </c>
      <c r="N5635">
        <v>87039.573650000006</v>
      </c>
      <c r="O5635">
        <v>21969.675770000002</v>
      </c>
      <c r="P5635">
        <v>32500.82403</v>
      </c>
      <c r="Q5635">
        <v>96274.294349999996</v>
      </c>
      <c r="R5635">
        <v>24110.224999999999</v>
      </c>
      <c r="S5635">
        <v>100082.07950000001</v>
      </c>
      <c r="T5635">
        <v>27794.247899999998</v>
      </c>
      <c r="U5635">
        <v>18522.246999999999</v>
      </c>
      <c r="W5635" s="83">
        <f>Bühler!N5667</f>
        <v>45526.708333319672</v>
      </c>
      <c r="X5635" s="83">
        <v>43335.708333333336</v>
      </c>
      <c r="Y5635">
        <v>205453.73680000001</v>
      </c>
      <c r="Z5635">
        <v>31132.589370000002</v>
      </c>
      <c r="AA5635">
        <v>100239.15240000001</v>
      </c>
      <c r="AB5635">
        <v>36093.134610000001</v>
      </c>
      <c r="AC5635">
        <v>43432.45637</v>
      </c>
      <c r="AD5635">
        <v>33946.42166</v>
      </c>
      <c r="AE5635">
        <v>48653.564830000003</v>
      </c>
      <c r="AF5635">
        <v>52680.601540000003</v>
      </c>
      <c r="AG5635">
        <v>29498.634310000001</v>
      </c>
      <c r="AH5635">
        <v>331707.46509999997</v>
      </c>
      <c r="AI5635">
        <v>87039.573650000006</v>
      </c>
      <c r="AJ5635">
        <v>21969.675770000002</v>
      </c>
      <c r="AK5635">
        <v>32500.82403</v>
      </c>
      <c r="AL5635">
        <v>96274.294349999996</v>
      </c>
      <c r="AM5635">
        <v>24110.224999999999</v>
      </c>
      <c r="AN5635">
        <v>100082.07950000001</v>
      </c>
      <c r="AO5635">
        <v>27794.247899999998</v>
      </c>
      <c r="AP5635">
        <v>18522.246999999999</v>
      </c>
    </row>
    <row r="5636" spans="2:42" x14ac:dyDescent="0.3">
      <c r="B5636">
        <v>64.39784169960096</v>
      </c>
      <c r="C5636" s="83">
        <v>43335.75</v>
      </c>
      <c r="D5636">
        <v>200247.68969999999</v>
      </c>
      <c r="E5636">
        <v>28473.724900000001</v>
      </c>
      <c r="F5636">
        <v>98982.807329999996</v>
      </c>
      <c r="G5636">
        <v>33647.98977</v>
      </c>
      <c r="H5636">
        <v>41555.553999999996</v>
      </c>
      <c r="I5636">
        <v>32901.884209999997</v>
      </c>
      <c r="J5636">
        <v>49898.769820000001</v>
      </c>
      <c r="K5636">
        <v>51399.789149999997</v>
      </c>
      <c r="L5636">
        <v>30710.305670000002</v>
      </c>
      <c r="M5636">
        <v>328330.22840000002</v>
      </c>
      <c r="N5636">
        <v>84151.830069999996</v>
      </c>
      <c r="O5636">
        <v>20788.967990000001</v>
      </c>
      <c r="P5636">
        <v>35956.350270000003</v>
      </c>
      <c r="Q5636">
        <v>94635.834470000002</v>
      </c>
      <c r="R5636">
        <v>22704.321960000001</v>
      </c>
      <c r="S5636">
        <v>94175.353740000006</v>
      </c>
      <c r="T5636">
        <v>27296.715489999999</v>
      </c>
      <c r="U5636">
        <v>17673.741880000001</v>
      </c>
      <c r="W5636" s="83">
        <f>Bühler!N5668</f>
        <v>45526.749999986336</v>
      </c>
      <c r="X5636" s="83">
        <v>43335.75</v>
      </c>
      <c r="Y5636">
        <v>200247.68969999999</v>
      </c>
      <c r="Z5636">
        <v>28473.724900000001</v>
      </c>
      <c r="AA5636">
        <v>98982.807329999996</v>
      </c>
      <c r="AB5636">
        <v>33647.98977</v>
      </c>
      <c r="AC5636">
        <v>41555.553999999996</v>
      </c>
      <c r="AD5636">
        <v>32901.884209999997</v>
      </c>
      <c r="AE5636">
        <v>49898.769820000001</v>
      </c>
      <c r="AF5636">
        <v>51399.789149999997</v>
      </c>
      <c r="AG5636">
        <v>30710.305670000002</v>
      </c>
      <c r="AH5636">
        <v>328330.22840000002</v>
      </c>
      <c r="AI5636">
        <v>84151.830069999996</v>
      </c>
      <c r="AJ5636">
        <v>20788.967990000001</v>
      </c>
      <c r="AK5636">
        <v>35956.350270000003</v>
      </c>
      <c r="AL5636">
        <v>94635.834470000002</v>
      </c>
      <c r="AM5636">
        <v>22704.321960000001</v>
      </c>
      <c r="AN5636">
        <v>94175.353740000006</v>
      </c>
      <c r="AO5636">
        <v>27296.715489999999</v>
      </c>
      <c r="AP5636">
        <v>17673.741880000001</v>
      </c>
    </row>
    <row r="5637" spans="2:42" x14ac:dyDescent="0.3">
      <c r="B5637">
        <v>64.109162653534042</v>
      </c>
      <c r="C5637" s="83">
        <v>43335.791666666664</v>
      </c>
      <c r="D5637">
        <v>195313.7703</v>
      </c>
      <c r="E5637">
        <v>22730.834500000001</v>
      </c>
      <c r="F5637">
        <v>88010.848700000002</v>
      </c>
      <c r="G5637">
        <v>32243.134450000001</v>
      </c>
      <c r="H5637">
        <v>39638.83221</v>
      </c>
      <c r="I5637">
        <v>31419.481329999999</v>
      </c>
      <c r="J5637">
        <v>49561.678310000003</v>
      </c>
      <c r="K5637">
        <v>51702.276080000003</v>
      </c>
      <c r="L5637">
        <v>30600.85961</v>
      </c>
      <c r="M5637">
        <v>326858.408</v>
      </c>
      <c r="N5637">
        <v>82391.946660000001</v>
      </c>
      <c r="O5637">
        <v>19354.212189999998</v>
      </c>
      <c r="P5637">
        <v>39395.481090000001</v>
      </c>
      <c r="Q5637">
        <v>92498.905429999999</v>
      </c>
      <c r="R5637">
        <v>21941.626550000001</v>
      </c>
      <c r="S5637">
        <v>90240.689199999993</v>
      </c>
      <c r="T5637">
        <v>26480.055799999998</v>
      </c>
      <c r="U5637">
        <v>16943.113809999999</v>
      </c>
      <c r="W5637" s="83">
        <f>Bühler!N5669</f>
        <v>45526.791666653</v>
      </c>
      <c r="X5637" s="83">
        <v>43335.791666666664</v>
      </c>
      <c r="Y5637">
        <v>195313.7703</v>
      </c>
      <c r="Z5637">
        <v>22730.834500000001</v>
      </c>
      <c r="AA5637">
        <v>88010.848700000002</v>
      </c>
      <c r="AB5637">
        <v>32243.134450000001</v>
      </c>
      <c r="AC5637">
        <v>39638.83221</v>
      </c>
      <c r="AD5637">
        <v>31419.481329999999</v>
      </c>
      <c r="AE5637">
        <v>49561.678310000003</v>
      </c>
      <c r="AF5637">
        <v>51702.276080000003</v>
      </c>
      <c r="AG5637">
        <v>30600.85961</v>
      </c>
      <c r="AH5637">
        <v>326858.408</v>
      </c>
      <c r="AI5637">
        <v>82391.946660000001</v>
      </c>
      <c r="AJ5637">
        <v>19354.212189999998</v>
      </c>
      <c r="AK5637">
        <v>39395.481090000001</v>
      </c>
      <c r="AL5637">
        <v>92498.905429999999</v>
      </c>
      <c r="AM5637">
        <v>21941.626550000001</v>
      </c>
      <c r="AN5637">
        <v>90240.689199999993</v>
      </c>
      <c r="AO5637">
        <v>26480.055799999998</v>
      </c>
      <c r="AP5637">
        <v>16943.113809999999</v>
      </c>
    </row>
    <row r="5638" spans="2:42" x14ac:dyDescent="0.3">
      <c r="B5638">
        <v>61.956251588951076</v>
      </c>
      <c r="C5638" s="83">
        <v>43335.833333333336</v>
      </c>
      <c r="D5638">
        <v>189722.99479999999</v>
      </c>
      <c r="E5638">
        <v>17127.09332</v>
      </c>
      <c r="F5638">
        <v>71022.96256</v>
      </c>
      <c r="G5638">
        <v>30782.59287</v>
      </c>
      <c r="H5638">
        <v>37299.51784</v>
      </c>
      <c r="I5638">
        <v>28883.753420000001</v>
      </c>
      <c r="J5638">
        <v>48773.661209999998</v>
      </c>
      <c r="K5638">
        <v>51823.296900000001</v>
      </c>
      <c r="L5638">
        <v>30373.016540000001</v>
      </c>
      <c r="M5638">
        <v>315881.86339999997</v>
      </c>
      <c r="N5638">
        <v>80175.553920000006</v>
      </c>
      <c r="O5638">
        <v>18441.36435</v>
      </c>
      <c r="P5638">
        <v>40022.193160000003</v>
      </c>
      <c r="Q5638">
        <v>89547.166960000002</v>
      </c>
      <c r="R5638">
        <v>20266.703730000001</v>
      </c>
      <c r="S5638">
        <v>82936.962620000006</v>
      </c>
      <c r="T5638">
        <v>25008.236489999999</v>
      </c>
      <c r="U5638">
        <v>16887.554990000001</v>
      </c>
      <c r="W5638" s="83">
        <f>Bühler!N5670</f>
        <v>45526.833333319664</v>
      </c>
      <c r="X5638" s="83">
        <v>43335.833333333336</v>
      </c>
      <c r="Y5638">
        <v>189722.99479999999</v>
      </c>
      <c r="Z5638">
        <v>17127.09332</v>
      </c>
      <c r="AA5638">
        <v>71022.96256</v>
      </c>
      <c r="AB5638">
        <v>30782.59287</v>
      </c>
      <c r="AC5638">
        <v>37299.51784</v>
      </c>
      <c r="AD5638">
        <v>28883.753420000001</v>
      </c>
      <c r="AE5638">
        <v>48773.661209999998</v>
      </c>
      <c r="AF5638">
        <v>51823.296900000001</v>
      </c>
      <c r="AG5638">
        <v>30373.016540000001</v>
      </c>
      <c r="AH5638">
        <v>315881.86339999997</v>
      </c>
      <c r="AI5638">
        <v>80175.553920000006</v>
      </c>
      <c r="AJ5638">
        <v>18441.36435</v>
      </c>
      <c r="AK5638">
        <v>40022.193160000003</v>
      </c>
      <c r="AL5638">
        <v>89547.166960000002</v>
      </c>
      <c r="AM5638">
        <v>20266.703730000001</v>
      </c>
      <c r="AN5638">
        <v>82936.962620000006</v>
      </c>
      <c r="AO5638">
        <v>25008.236489999999</v>
      </c>
      <c r="AP5638">
        <v>16887.554990000001</v>
      </c>
    </row>
    <row r="5639" spans="2:42" x14ac:dyDescent="0.3">
      <c r="B5639">
        <v>60.308998800227435</v>
      </c>
      <c r="C5639" s="83">
        <v>43335.875</v>
      </c>
      <c r="D5639">
        <v>184420.86480000001</v>
      </c>
      <c r="E5639">
        <v>14648.958710000001</v>
      </c>
      <c r="F5639">
        <v>62290.086360000001</v>
      </c>
      <c r="G5639">
        <v>30199.105930000002</v>
      </c>
      <c r="H5639">
        <v>36233.898309999997</v>
      </c>
      <c r="I5639">
        <v>26947.5285</v>
      </c>
      <c r="J5639">
        <v>48905.612690000002</v>
      </c>
      <c r="K5639">
        <v>50673.21776</v>
      </c>
      <c r="L5639">
        <v>29943.368999999999</v>
      </c>
      <c r="M5639">
        <v>307483.40049999999</v>
      </c>
      <c r="N5639">
        <v>78857.811759999997</v>
      </c>
      <c r="O5639">
        <v>17855.936089999999</v>
      </c>
      <c r="P5639">
        <v>37582.365389999999</v>
      </c>
      <c r="Q5639">
        <v>86859.529490000001</v>
      </c>
      <c r="R5639">
        <v>19767.016169999999</v>
      </c>
      <c r="S5639">
        <v>80324.300810000001</v>
      </c>
      <c r="T5639">
        <v>23310.039529999998</v>
      </c>
      <c r="U5639">
        <v>16154.879650000001</v>
      </c>
      <c r="W5639" s="83">
        <f>Bühler!N5671</f>
        <v>45526.874999986328</v>
      </c>
      <c r="X5639" s="83">
        <v>43335.875</v>
      </c>
      <c r="Y5639">
        <v>184420.86480000001</v>
      </c>
      <c r="Z5639">
        <v>14648.958710000001</v>
      </c>
      <c r="AA5639">
        <v>62290.086360000001</v>
      </c>
      <c r="AB5639">
        <v>30199.105930000002</v>
      </c>
      <c r="AC5639">
        <v>36233.898309999997</v>
      </c>
      <c r="AD5639">
        <v>26947.5285</v>
      </c>
      <c r="AE5639">
        <v>48905.612690000002</v>
      </c>
      <c r="AF5639">
        <v>50673.21776</v>
      </c>
      <c r="AG5639">
        <v>29943.368999999999</v>
      </c>
      <c r="AH5639">
        <v>307483.40049999999</v>
      </c>
      <c r="AI5639">
        <v>78857.811759999997</v>
      </c>
      <c r="AJ5639">
        <v>17855.936089999999</v>
      </c>
      <c r="AK5639">
        <v>37582.365389999999</v>
      </c>
      <c r="AL5639">
        <v>86859.529490000001</v>
      </c>
      <c r="AM5639">
        <v>19767.016169999999</v>
      </c>
      <c r="AN5639">
        <v>80324.300810000001</v>
      </c>
      <c r="AO5639">
        <v>23310.039529999998</v>
      </c>
      <c r="AP5639">
        <v>16154.879650000001</v>
      </c>
    </row>
    <row r="5640" spans="2:42" x14ac:dyDescent="0.3">
      <c r="B5640">
        <v>59.492805180244872</v>
      </c>
      <c r="C5640" s="83">
        <v>43335.916666666664</v>
      </c>
      <c r="D5640">
        <v>181542.03880000001</v>
      </c>
      <c r="E5640">
        <v>13692.576569999999</v>
      </c>
      <c r="F5640">
        <v>59418.331080000004</v>
      </c>
      <c r="G5640">
        <v>29774.605159999999</v>
      </c>
      <c r="H5640">
        <v>36253.002119999997</v>
      </c>
      <c r="I5640">
        <v>25549.995500000001</v>
      </c>
      <c r="J5640">
        <v>46209.893129999997</v>
      </c>
      <c r="K5640">
        <v>53811.68722</v>
      </c>
      <c r="L5640">
        <v>26779.908650000001</v>
      </c>
      <c r="M5640">
        <v>303322.06479999999</v>
      </c>
      <c r="N5640">
        <v>77731.04363</v>
      </c>
      <c r="O5640">
        <v>17945.795549999999</v>
      </c>
      <c r="P5640">
        <v>39361.600400000003</v>
      </c>
      <c r="Q5640">
        <v>86368.985549999998</v>
      </c>
      <c r="R5640">
        <v>20516.138319999998</v>
      </c>
      <c r="S5640">
        <v>79024.566630000001</v>
      </c>
      <c r="T5640">
        <v>20902.444329999998</v>
      </c>
      <c r="U5640">
        <v>16580.446029999999</v>
      </c>
      <c r="W5640" s="83">
        <f>Bühler!N5672</f>
        <v>45526.916666652993</v>
      </c>
      <c r="X5640" s="83">
        <v>43335.916666666664</v>
      </c>
      <c r="Y5640">
        <v>181542.03880000001</v>
      </c>
      <c r="Z5640">
        <v>13692.576569999999</v>
      </c>
      <c r="AA5640">
        <v>59418.331080000004</v>
      </c>
      <c r="AB5640">
        <v>29774.605159999999</v>
      </c>
      <c r="AC5640">
        <v>36253.002119999997</v>
      </c>
      <c r="AD5640">
        <v>25549.995500000001</v>
      </c>
      <c r="AE5640">
        <v>46209.893129999997</v>
      </c>
      <c r="AF5640">
        <v>53811.68722</v>
      </c>
      <c r="AG5640">
        <v>26779.908650000001</v>
      </c>
      <c r="AH5640">
        <v>303322.06479999999</v>
      </c>
      <c r="AI5640">
        <v>77731.04363</v>
      </c>
      <c r="AJ5640">
        <v>17945.795549999999</v>
      </c>
      <c r="AK5640">
        <v>39361.600400000003</v>
      </c>
      <c r="AL5640">
        <v>86368.985549999998</v>
      </c>
      <c r="AM5640">
        <v>20516.138319999998</v>
      </c>
      <c r="AN5640">
        <v>79024.566630000001</v>
      </c>
      <c r="AO5640">
        <v>20902.444329999998</v>
      </c>
      <c r="AP5640">
        <v>16580.446029999999</v>
      </c>
    </row>
    <row r="5641" spans="2:42" x14ac:dyDescent="0.3">
      <c r="B5641">
        <v>59.005618419873464</v>
      </c>
      <c r="C5641" s="83">
        <v>43335.958333333336</v>
      </c>
      <c r="D5641">
        <v>180529.7285</v>
      </c>
      <c r="E5641">
        <v>13033.677110000001</v>
      </c>
      <c r="F5641">
        <v>57996.551639999998</v>
      </c>
      <c r="G5641">
        <v>29957.065620000001</v>
      </c>
      <c r="H5641">
        <v>35322.410559999997</v>
      </c>
      <c r="I5641">
        <v>24626.197100000001</v>
      </c>
      <c r="J5641">
        <v>41575.08728</v>
      </c>
      <c r="K5641">
        <v>52890.482730000003</v>
      </c>
      <c r="L5641">
        <v>22135.520329999999</v>
      </c>
      <c r="M5641">
        <v>300838.15950000001</v>
      </c>
      <c r="N5641">
        <v>76712.08511</v>
      </c>
      <c r="O5641">
        <v>17992.030460000002</v>
      </c>
      <c r="P5641">
        <v>34087.497779999998</v>
      </c>
      <c r="Q5641">
        <v>85746.462440000003</v>
      </c>
      <c r="R5641">
        <v>20228.145929999999</v>
      </c>
      <c r="S5641">
        <v>76932.050340000002</v>
      </c>
      <c r="T5641">
        <v>19323.802889999999</v>
      </c>
      <c r="U5641">
        <v>15706.089679999999</v>
      </c>
      <c r="W5641" s="83">
        <f>Bühler!N5673</f>
        <v>45526.958333319657</v>
      </c>
      <c r="X5641" s="83">
        <v>43335.958333333336</v>
      </c>
      <c r="Y5641">
        <v>180529.7285</v>
      </c>
      <c r="Z5641">
        <v>13033.677110000001</v>
      </c>
      <c r="AA5641">
        <v>57996.551639999998</v>
      </c>
      <c r="AB5641">
        <v>29957.065620000001</v>
      </c>
      <c r="AC5641">
        <v>35322.410559999997</v>
      </c>
      <c r="AD5641">
        <v>24626.197100000001</v>
      </c>
      <c r="AE5641">
        <v>41575.08728</v>
      </c>
      <c r="AF5641">
        <v>52890.482730000003</v>
      </c>
      <c r="AG5641">
        <v>22135.520329999999</v>
      </c>
      <c r="AH5641">
        <v>300838.15950000001</v>
      </c>
      <c r="AI5641">
        <v>76712.08511</v>
      </c>
      <c r="AJ5641">
        <v>17992.030460000002</v>
      </c>
      <c r="AK5641">
        <v>34087.497779999998</v>
      </c>
      <c r="AL5641">
        <v>85746.462440000003</v>
      </c>
      <c r="AM5641">
        <v>20228.145929999999</v>
      </c>
      <c r="AN5641">
        <v>76932.050340000002</v>
      </c>
      <c r="AO5641">
        <v>19323.802889999999</v>
      </c>
      <c r="AP5641">
        <v>15706.089679999999</v>
      </c>
    </row>
    <row r="5642" spans="2:42" x14ac:dyDescent="0.3">
      <c r="B5642">
        <v>57.813222453664508</v>
      </c>
      <c r="C5642" s="83">
        <v>43336</v>
      </c>
      <c r="D5642">
        <v>179519.02929999999</v>
      </c>
      <c r="E5642">
        <v>12528.537829999999</v>
      </c>
      <c r="F5642">
        <v>56075.783309999999</v>
      </c>
      <c r="G5642">
        <v>29552.638360000001</v>
      </c>
      <c r="H5642">
        <v>34776.342290000001</v>
      </c>
      <c r="I5642">
        <v>23137.58368</v>
      </c>
      <c r="J5642">
        <v>38360.07703</v>
      </c>
      <c r="K5642">
        <v>51495.046849999999</v>
      </c>
      <c r="L5642">
        <v>19327.709279999999</v>
      </c>
      <c r="M5642">
        <v>294758.76880000002</v>
      </c>
      <c r="N5642">
        <v>75299.614799999996</v>
      </c>
      <c r="O5642">
        <v>17284.86868</v>
      </c>
      <c r="P5642">
        <v>30227.216489999999</v>
      </c>
      <c r="Q5642">
        <v>84059.214749999999</v>
      </c>
      <c r="R5642">
        <v>16897.57245</v>
      </c>
      <c r="S5642">
        <v>74989.797949999993</v>
      </c>
      <c r="T5642">
        <v>18403.330600000001</v>
      </c>
      <c r="U5642">
        <v>15321.19166</v>
      </c>
      <c r="W5642" s="83">
        <f>Bühler!N5674</f>
        <v>45526.999999986321</v>
      </c>
      <c r="X5642" s="83">
        <v>43336</v>
      </c>
      <c r="Y5642">
        <v>179519.02929999999</v>
      </c>
      <c r="Z5642">
        <v>12528.537829999999</v>
      </c>
      <c r="AA5642">
        <v>56075.783309999999</v>
      </c>
      <c r="AB5642">
        <v>29552.638360000001</v>
      </c>
      <c r="AC5642">
        <v>34776.342290000001</v>
      </c>
      <c r="AD5642">
        <v>23137.58368</v>
      </c>
      <c r="AE5642">
        <v>38360.07703</v>
      </c>
      <c r="AF5642">
        <v>51495.046849999999</v>
      </c>
      <c r="AG5642">
        <v>19327.709279999999</v>
      </c>
      <c r="AH5642">
        <v>294758.76880000002</v>
      </c>
      <c r="AI5642">
        <v>75299.614799999996</v>
      </c>
      <c r="AJ5642">
        <v>17284.86868</v>
      </c>
      <c r="AK5642">
        <v>30227.216489999999</v>
      </c>
      <c r="AL5642">
        <v>84059.214749999999</v>
      </c>
      <c r="AM5642">
        <v>16897.57245</v>
      </c>
      <c r="AN5642">
        <v>74989.797949999993</v>
      </c>
      <c r="AO5642">
        <v>18403.330600000001</v>
      </c>
      <c r="AP5642">
        <v>15321.19166</v>
      </c>
    </row>
    <row r="5643" spans="2:42" x14ac:dyDescent="0.3">
      <c r="B5643">
        <v>57.095389941977039</v>
      </c>
      <c r="C5643" s="83">
        <v>43336.041666666664</v>
      </c>
      <c r="D5643">
        <v>178123.50279999999</v>
      </c>
      <c r="E5643">
        <v>12276.32828</v>
      </c>
      <c r="F5643">
        <v>55437.035519999998</v>
      </c>
      <c r="G5643">
        <v>28866.486010000001</v>
      </c>
      <c r="H5643">
        <v>34123.988259999998</v>
      </c>
      <c r="I5643">
        <v>19786.656279999999</v>
      </c>
      <c r="J5643">
        <v>36227.944349999998</v>
      </c>
      <c r="K5643">
        <v>48596.490940000003</v>
      </c>
      <c r="L5643">
        <v>18247.070159999999</v>
      </c>
      <c r="M5643">
        <v>291098.92389999999</v>
      </c>
      <c r="N5643">
        <v>73966.974279999995</v>
      </c>
      <c r="O5643">
        <v>17035.340260000001</v>
      </c>
      <c r="P5643">
        <v>28003.99207</v>
      </c>
      <c r="Q5643">
        <v>84644.892619999999</v>
      </c>
      <c r="R5643">
        <v>14757.13963</v>
      </c>
      <c r="S5643">
        <v>73874.211230000001</v>
      </c>
      <c r="T5643">
        <v>17785.141309999999</v>
      </c>
      <c r="U5643">
        <v>15089.737730000001</v>
      </c>
      <c r="W5643" s="83">
        <f>Bühler!N5675</f>
        <v>45527.041666652985</v>
      </c>
      <c r="X5643" s="83">
        <v>43336.041666666664</v>
      </c>
      <c r="Y5643">
        <v>178123.50279999999</v>
      </c>
      <c r="Z5643">
        <v>12276.32828</v>
      </c>
      <c r="AA5643">
        <v>55437.035519999998</v>
      </c>
      <c r="AB5643">
        <v>28866.486010000001</v>
      </c>
      <c r="AC5643">
        <v>34123.988259999998</v>
      </c>
      <c r="AD5643">
        <v>19786.656279999999</v>
      </c>
      <c r="AE5643">
        <v>36227.944349999998</v>
      </c>
      <c r="AF5643">
        <v>48596.490940000003</v>
      </c>
      <c r="AG5643">
        <v>18247.070159999999</v>
      </c>
      <c r="AH5643">
        <v>291098.92389999999</v>
      </c>
      <c r="AI5643">
        <v>73966.974279999995</v>
      </c>
      <c r="AJ5643">
        <v>17035.340260000001</v>
      </c>
      <c r="AK5643">
        <v>28003.99207</v>
      </c>
      <c r="AL5643">
        <v>84644.892619999999</v>
      </c>
      <c r="AM5643">
        <v>14757.13963</v>
      </c>
      <c r="AN5643">
        <v>73874.211230000001</v>
      </c>
      <c r="AO5643">
        <v>17785.141309999999</v>
      </c>
      <c r="AP5643">
        <v>15089.737730000001</v>
      </c>
    </row>
    <row r="5644" spans="2:42" x14ac:dyDescent="0.3">
      <c r="B5644">
        <v>56.881992946287021</v>
      </c>
      <c r="C5644" s="83">
        <v>43336.083333333336</v>
      </c>
      <c r="D5644">
        <v>177279.41990000001</v>
      </c>
      <c r="E5644">
        <v>12107.7304</v>
      </c>
      <c r="F5644">
        <v>55941.483800000002</v>
      </c>
      <c r="G5644">
        <v>28287.924889999998</v>
      </c>
      <c r="H5644">
        <v>33880.541140000001</v>
      </c>
      <c r="I5644">
        <v>17938.92857</v>
      </c>
      <c r="J5644">
        <v>35834.689200000001</v>
      </c>
      <c r="K5644">
        <v>47217.247009999999</v>
      </c>
      <c r="L5644">
        <v>17131.634450000001</v>
      </c>
      <c r="M5644">
        <v>290010.9265</v>
      </c>
      <c r="N5644">
        <v>73441.541870000001</v>
      </c>
      <c r="O5644">
        <v>17306.250840000001</v>
      </c>
      <c r="P5644">
        <v>26009.67686</v>
      </c>
      <c r="Q5644">
        <v>86884.991190000001</v>
      </c>
      <c r="R5644">
        <v>14843.78304</v>
      </c>
      <c r="S5644">
        <v>72540.721709999998</v>
      </c>
      <c r="T5644">
        <v>17290.17195</v>
      </c>
      <c r="U5644">
        <v>14707.590550000001</v>
      </c>
      <c r="W5644" s="83">
        <f>Bühler!N5676</f>
        <v>45527.08333331965</v>
      </c>
      <c r="X5644" s="83">
        <v>43336.083333333336</v>
      </c>
      <c r="Y5644">
        <v>177279.41990000001</v>
      </c>
      <c r="Z5644">
        <v>12107.7304</v>
      </c>
      <c r="AA5644">
        <v>55941.483800000002</v>
      </c>
      <c r="AB5644">
        <v>28287.924889999998</v>
      </c>
      <c r="AC5644">
        <v>33880.541140000001</v>
      </c>
      <c r="AD5644">
        <v>17938.92857</v>
      </c>
      <c r="AE5644">
        <v>35834.689200000001</v>
      </c>
      <c r="AF5644">
        <v>47217.247009999999</v>
      </c>
      <c r="AG5644">
        <v>17131.634450000001</v>
      </c>
      <c r="AH5644">
        <v>290010.9265</v>
      </c>
      <c r="AI5644">
        <v>73441.541870000001</v>
      </c>
      <c r="AJ5644">
        <v>17306.250840000001</v>
      </c>
      <c r="AK5644">
        <v>26009.67686</v>
      </c>
      <c r="AL5644">
        <v>86884.991190000001</v>
      </c>
      <c r="AM5644">
        <v>14843.78304</v>
      </c>
      <c r="AN5644">
        <v>72540.721709999998</v>
      </c>
      <c r="AO5644">
        <v>17290.17195</v>
      </c>
      <c r="AP5644">
        <v>14707.590550000001</v>
      </c>
    </row>
    <row r="5645" spans="2:42" x14ac:dyDescent="0.3">
      <c r="B5645">
        <v>57.576603003993434</v>
      </c>
      <c r="C5645" s="83">
        <v>43336.125</v>
      </c>
      <c r="D5645">
        <v>177712.97640000001</v>
      </c>
      <c r="E5645">
        <v>12053.74404</v>
      </c>
      <c r="F5645">
        <v>57312.997969999997</v>
      </c>
      <c r="G5645">
        <v>27200.193190000002</v>
      </c>
      <c r="H5645">
        <v>33584.315920000001</v>
      </c>
      <c r="I5645">
        <v>17825.724620000001</v>
      </c>
      <c r="J5645">
        <v>35599.70018</v>
      </c>
      <c r="K5645">
        <v>46138.503129999997</v>
      </c>
      <c r="L5645">
        <v>16627.262439999999</v>
      </c>
      <c r="M5645">
        <v>293552.3725</v>
      </c>
      <c r="N5645">
        <v>71063.539269999994</v>
      </c>
      <c r="O5645">
        <v>17903.062279999998</v>
      </c>
      <c r="P5645">
        <v>25053.4961</v>
      </c>
      <c r="Q5645">
        <v>89555.452749999997</v>
      </c>
      <c r="R5645">
        <v>14311.66567</v>
      </c>
      <c r="S5645">
        <v>72082.595920000007</v>
      </c>
      <c r="T5645">
        <v>17159.776730000001</v>
      </c>
      <c r="U5645">
        <v>14634.476570000001</v>
      </c>
      <c r="W5645" s="83">
        <f>Bühler!N5677</f>
        <v>45527.124999986314</v>
      </c>
      <c r="X5645" s="83">
        <v>43336.125</v>
      </c>
      <c r="Y5645">
        <v>177712.97640000001</v>
      </c>
      <c r="Z5645">
        <v>12053.74404</v>
      </c>
      <c r="AA5645">
        <v>57312.997969999997</v>
      </c>
      <c r="AB5645">
        <v>27200.193190000002</v>
      </c>
      <c r="AC5645">
        <v>33584.315920000001</v>
      </c>
      <c r="AD5645">
        <v>17825.724620000001</v>
      </c>
      <c r="AE5645">
        <v>35599.70018</v>
      </c>
      <c r="AF5645">
        <v>46138.503129999997</v>
      </c>
      <c r="AG5645">
        <v>16627.262439999999</v>
      </c>
      <c r="AH5645">
        <v>293552.3725</v>
      </c>
      <c r="AI5645">
        <v>71063.539269999994</v>
      </c>
      <c r="AJ5645">
        <v>17903.062279999998</v>
      </c>
      <c r="AK5645">
        <v>25053.4961</v>
      </c>
      <c r="AL5645">
        <v>89555.452749999997</v>
      </c>
      <c r="AM5645">
        <v>14311.66567</v>
      </c>
      <c r="AN5645">
        <v>72082.595920000007</v>
      </c>
      <c r="AO5645">
        <v>17159.776730000001</v>
      </c>
      <c r="AP5645">
        <v>14634.476570000001</v>
      </c>
    </row>
    <row r="5646" spans="2:42" x14ac:dyDescent="0.3">
      <c r="B5646">
        <v>58.490639968727528</v>
      </c>
      <c r="C5646" s="83">
        <v>43336.166666666664</v>
      </c>
      <c r="D5646">
        <v>178095.0619</v>
      </c>
      <c r="E5646">
        <v>12475.74834</v>
      </c>
      <c r="F5646">
        <v>61096.405189999998</v>
      </c>
      <c r="G5646">
        <v>26851.529589999998</v>
      </c>
      <c r="H5646">
        <v>33938.814960000003</v>
      </c>
      <c r="I5646">
        <v>18864.679220000002</v>
      </c>
      <c r="J5646">
        <v>37709.246149999999</v>
      </c>
      <c r="K5646">
        <v>45597.377009999997</v>
      </c>
      <c r="L5646">
        <v>16727.16346</v>
      </c>
      <c r="M5646">
        <v>298212.55920000002</v>
      </c>
      <c r="N5646">
        <v>71226.317670000004</v>
      </c>
      <c r="O5646">
        <v>17675.159749999999</v>
      </c>
      <c r="P5646">
        <v>24780.745879999999</v>
      </c>
      <c r="Q5646">
        <v>92615.038360000006</v>
      </c>
      <c r="R5646">
        <v>14333.342790000001</v>
      </c>
      <c r="S5646">
        <v>71694.856620000006</v>
      </c>
      <c r="T5646">
        <v>17157.934399999998</v>
      </c>
      <c r="U5646">
        <v>14817.80125</v>
      </c>
      <c r="W5646" s="83">
        <f>Bühler!N5678</f>
        <v>45527.166666652978</v>
      </c>
      <c r="X5646" s="83">
        <v>43336.166666666664</v>
      </c>
      <c r="Y5646">
        <v>178095.0619</v>
      </c>
      <c r="Z5646">
        <v>12475.74834</v>
      </c>
      <c r="AA5646">
        <v>61096.405189999998</v>
      </c>
      <c r="AB5646">
        <v>26851.529589999998</v>
      </c>
      <c r="AC5646">
        <v>33938.814960000003</v>
      </c>
      <c r="AD5646">
        <v>18864.679220000002</v>
      </c>
      <c r="AE5646">
        <v>37709.246149999999</v>
      </c>
      <c r="AF5646">
        <v>45597.377009999997</v>
      </c>
      <c r="AG5646">
        <v>16727.16346</v>
      </c>
      <c r="AH5646">
        <v>298212.55920000002</v>
      </c>
      <c r="AI5646">
        <v>71226.317670000004</v>
      </c>
      <c r="AJ5646">
        <v>17675.159749999999</v>
      </c>
      <c r="AK5646">
        <v>24780.745879999999</v>
      </c>
      <c r="AL5646">
        <v>92615.038360000006</v>
      </c>
      <c r="AM5646">
        <v>14333.342790000001</v>
      </c>
      <c r="AN5646">
        <v>71694.856620000006</v>
      </c>
      <c r="AO5646">
        <v>17157.934399999998</v>
      </c>
      <c r="AP5646">
        <v>14817.80125</v>
      </c>
    </row>
    <row r="5647" spans="2:42" x14ac:dyDescent="0.3">
      <c r="B5647">
        <v>60.994619566463427</v>
      </c>
      <c r="C5647" s="83">
        <v>43336.208333333336</v>
      </c>
      <c r="D5647">
        <v>187619.64480000001</v>
      </c>
      <c r="E5647">
        <v>14029.7011</v>
      </c>
      <c r="F5647">
        <v>70522.470310000004</v>
      </c>
      <c r="G5647">
        <v>27476.847119999999</v>
      </c>
      <c r="H5647">
        <v>35433.970179999997</v>
      </c>
      <c r="I5647">
        <v>24672.322380000001</v>
      </c>
      <c r="J5647">
        <v>40862.987430000001</v>
      </c>
      <c r="K5647">
        <v>46625.058449999997</v>
      </c>
      <c r="L5647">
        <v>17344.655009999999</v>
      </c>
      <c r="M5647">
        <v>310979.01490000001</v>
      </c>
      <c r="N5647">
        <v>73193.883679999999</v>
      </c>
      <c r="O5647">
        <v>17741.045099999999</v>
      </c>
      <c r="P5647">
        <v>26360.225930000001</v>
      </c>
      <c r="Q5647">
        <v>93989.502059999999</v>
      </c>
      <c r="R5647">
        <v>15810.971589999999</v>
      </c>
      <c r="S5647">
        <v>73969.567890000006</v>
      </c>
      <c r="T5647">
        <v>18143.038349999999</v>
      </c>
      <c r="U5647">
        <v>16113.013779999999</v>
      </c>
      <c r="W5647" s="83">
        <f>Bühler!N5679</f>
        <v>45527.208333319642</v>
      </c>
      <c r="X5647" s="83">
        <v>43336.208333333336</v>
      </c>
      <c r="Y5647">
        <v>187619.64480000001</v>
      </c>
      <c r="Z5647">
        <v>14029.7011</v>
      </c>
      <c r="AA5647">
        <v>70522.470310000004</v>
      </c>
      <c r="AB5647">
        <v>27476.847119999999</v>
      </c>
      <c r="AC5647">
        <v>35433.970179999997</v>
      </c>
      <c r="AD5647">
        <v>24672.322380000001</v>
      </c>
      <c r="AE5647">
        <v>40862.987430000001</v>
      </c>
      <c r="AF5647">
        <v>46625.058449999997</v>
      </c>
      <c r="AG5647">
        <v>17344.655009999999</v>
      </c>
      <c r="AH5647">
        <v>310979.01490000001</v>
      </c>
      <c r="AI5647">
        <v>73193.883679999999</v>
      </c>
      <c r="AJ5647">
        <v>17741.045099999999</v>
      </c>
      <c r="AK5647">
        <v>26360.225930000001</v>
      </c>
      <c r="AL5647">
        <v>93989.502059999999</v>
      </c>
      <c r="AM5647">
        <v>15810.971589999999</v>
      </c>
      <c r="AN5647">
        <v>73969.567890000006</v>
      </c>
      <c r="AO5647">
        <v>18143.038349999999</v>
      </c>
      <c r="AP5647">
        <v>16113.013779999999</v>
      </c>
    </row>
    <row r="5648" spans="2:42" x14ac:dyDescent="0.3">
      <c r="B5648">
        <v>64.076673040209172</v>
      </c>
      <c r="C5648" s="83">
        <v>43336.25</v>
      </c>
      <c r="D5648">
        <v>198995.4376</v>
      </c>
      <c r="E5648">
        <v>17628.121050000002</v>
      </c>
      <c r="F5648">
        <v>80647.712509999998</v>
      </c>
      <c r="G5648">
        <v>30211.156019999999</v>
      </c>
      <c r="H5648">
        <v>37320.57475</v>
      </c>
      <c r="I5648">
        <v>28533.547330000001</v>
      </c>
      <c r="J5648">
        <v>44072.510009999998</v>
      </c>
      <c r="K5648">
        <v>47387.588259999997</v>
      </c>
      <c r="L5648">
        <v>18494.206249999999</v>
      </c>
      <c r="M5648">
        <v>326692.76079999999</v>
      </c>
      <c r="N5648">
        <v>76071.817760000005</v>
      </c>
      <c r="O5648">
        <v>19459.151089999999</v>
      </c>
      <c r="P5648">
        <v>26805.233690000001</v>
      </c>
      <c r="Q5648">
        <v>93632.190270000006</v>
      </c>
      <c r="R5648">
        <v>16520.761180000001</v>
      </c>
      <c r="S5648">
        <v>81857.890830000004</v>
      </c>
      <c r="T5648">
        <v>20370.351060000001</v>
      </c>
      <c r="U5648">
        <v>17981.84388</v>
      </c>
      <c r="W5648" s="83">
        <f>Bühler!N5680</f>
        <v>45527.249999986307</v>
      </c>
      <c r="X5648" s="83">
        <v>43336.25</v>
      </c>
      <c r="Y5648">
        <v>198995.4376</v>
      </c>
      <c r="Z5648">
        <v>17628.121050000002</v>
      </c>
      <c r="AA5648">
        <v>80647.712509999998</v>
      </c>
      <c r="AB5648">
        <v>30211.156019999999</v>
      </c>
      <c r="AC5648">
        <v>37320.57475</v>
      </c>
      <c r="AD5648">
        <v>28533.547330000001</v>
      </c>
      <c r="AE5648">
        <v>44072.510009999998</v>
      </c>
      <c r="AF5648">
        <v>47387.588259999997</v>
      </c>
      <c r="AG5648">
        <v>18494.206249999999</v>
      </c>
      <c r="AH5648">
        <v>326692.76079999999</v>
      </c>
      <c r="AI5648">
        <v>76071.817760000005</v>
      </c>
      <c r="AJ5648">
        <v>19459.151089999999</v>
      </c>
      <c r="AK5648">
        <v>26805.233690000001</v>
      </c>
      <c r="AL5648">
        <v>93632.190270000006</v>
      </c>
      <c r="AM5648">
        <v>16520.761180000001</v>
      </c>
      <c r="AN5648">
        <v>81857.890830000004</v>
      </c>
      <c r="AO5648">
        <v>20370.351060000001</v>
      </c>
      <c r="AP5648">
        <v>17981.84388</v>
      </c>
    </row>
    <row r="5649" spans="2:42" x14ac:dyDescent="0.3">
      <c r="B5649">
        <v>65.797807085517817</v>
      </c>
      <c r="C5649" s="83">
        <v>43336.291666666664</v>
      </c>
      <c r="D5649">
        <v>207463.88800000001</v>
      </c>
      <c r="E5649">
        <v>21062.944469999999</v>
      </c>
      <c r="F5649">
        <v>82664.1011</v>
      </c>
      <c r="G5649">
        <v>33285.435400000002</v>
      </c>
      <c r="H5649">
        <v>40065.253510000002</v>
      </c>
      <c r="I5649">
        <v>32002.513449999999</v>
      </c>
      <c r="J5649">
        <v>45156.334999999999</v>
      </c>
      <c r="K5649">
        <v>50490.582309999998</v>
      </c>
      <c r="L5649">
        <v>21129.09562</v>
      </c>
      <c r="M5649">
        <v>335467.90480000002</v>
      </c>
      <c r="N5649">
        <v>79172.824609999996</v>
      </c>
      <c r="O5649">
        <v>21678.271570000001</v>
      </c>
      <c r="P5649">
        <v>30013.922569999999</v>
      </c>
      <c r="Q5649">
        <v>93727.949649999995</v>
      </c>
      <c r="R5649">
        <v>17363.365320000001</v>
      </c>
      <c r="S5649">
        <v>93659.598129999998</v>
      </c>
      <c r="T5649">
        <v>23213.607400000001</v>
      </c>
      <c r="U5649">
        <v>20487.520250000001</v>
      </c>
      <c r="W5649" s="83">
        <f>Bühler!N5681</f>
        <v>45527.291666652971</v>
      </c>
      <c r="X5649" s="83">
        <v>43336.291666666664</v>
      </c>
      <c r="Y5649">
        <v>207463.88800000001</v>
      </c>
      <c r="Z5649">
        <v>21062.944469999999</v>
      </c>
      <c r="AA5649">
        <v>82664.1011</v>
      </c>
      <c r="AB5649">
        <v>33285.435400000002</v>
      </c>
      <c r="AC5649">
        <v>40065.253510000002</v>
      </c>
      <c r="AD5649">
        <v>32002.513449999999</v>
      </c>
      <c r="AE5649">
        <v>45156.334999999999</v>
      </c>
      <c r="AF5649">
        <v>50490.582309999998</v>
      </c>
      <c r="AG5649">
        <v>21129.09562</v>
      </c>
      <c r="AH5649">
        <v>335467.90480000002</v>
      </c>
      <c r="AI5649">
        <v>79172.824609999996</v>
      </c>
      <c r="AJ5649">
        <v>21678.271570000001</v>
      </c>
      <c r="AK5649">
        <v>30013.922569999999</v>
      </c>
      <c r="AL5649">
        <v>93727.949649999995</v>
      </c>
      <c r="AM5649">
        <v>17363.365320000001</v>
      </c>
      <c r="AN5649">
        <v>93659.598129999998</v>
      </c>
      <c r="AO5649">
        <v>23213.607400000001</v>
      </c>
      <c r="AP5649">
        <v>20487.520250000001</v>
      </c>
    </row>
    <row r="5650" spans="2:42" x14ac:dyDescent="0.3">
      <c r="B5650">
        <v>66.987375809369325</v>
      </c>
      <c r="C5650" s="83">
        <v>43336.333333333336</v>
      </c>
      <c r="D5650">
        <v>216764.5938</v>
      </c>
      <c r="E5650">
        <v>26406.580040000001</v>
      </c>
      <c r="F5650">
        <v>89696.548739999998</v>
      </c>
      <c r="G5650">
        <v>37591.395519999998</v>
      </c>
      <c r="H5650">
        <v>43234.04666</v>
      </c>
      <c r="I5650">
        <v>34327.21299</v>
      </c>
      <c r="J5650">
        <v>48643.120389999996</v>
      </c>
      <c r="K5650">
        <v>55062.919880000001</v>
      </c>
      <c r="L5650">
        <v>24614.52707</v>
      </c>
      <c r="M5650">
        <v>341532.88089999999</v>
      </c>
      <c r="N5650">
        <v>83955.418000000005</v>
      </c>
      <c r="O5650">
        <v>22811.758440000001</v>
      </c>
      <c r="P5650">
        <v>33165.741280000002</v>
      </c>
      <c r="Q5650">
        <v>94773.642569999996</v>
      </c>
      <c r="R5650">
        <v>20808.34477</v>
      </c>
      <c r="S5650">
        <v>103550.57090000001</v>
      </c>
      <c r="T5650">
        <v>25271.163619999999</v>
      </c>
      <c r="U5650">
        <v>23041.800009999999</v>
      </c>
      <c r="W5650" s="83">
        <f>Bühler!N5682</f>
        <v>45527.333333319635</v>
      </c>
      <c r="X5650" s="83">
        <v>43336.333333333336</v>
      </c>
      <c r="Y5650">
        <v>216764.5938</v>
      </c>
      <c r="Z5650">
        <v>26406.580040000001</v>
      </c>
      <c r="AA5650">
        <v>89696.548739999998</v>
      </c>
      <c r="AB5650">
        <v>37591.395519999998</v>
      </c>
      <c r="AC5650">
        <v>43234.04666</v>
      </c>
      <c r="AD5650">
        <v>34327.21299</v>
      </c>
      <c r="AE5650">
        <v>48643.120389999996</v>
      </c>
      <c r="AF5650">
        <v>55062.919880000001</v>
      </c>
      <c r="AG5650">
        <v>24614.52707</v>
      </c>
      <c r="AH5650">
        <v>341532.88089999999</v>
      </c>
      <c r="AI5650">
        <v>83955.418000000005</v>
      </c>
      <c r="AJ5650">
        <v>22811.758440000001</v>
      </c>
      <c r="AK5650">
        <v>33165.741280000002</v>
      </c>
      <c r="AL5650">
        <v>94773.642569999996</v>
      </c>
      <c r="AM5650">
        <v>20808.34477</v>
      </c>
      <c r="AN5650">
        <v>103550.57090000001</v>
      </c>
      <c r="AO5650">
        <v>25271.163619999999</v>
      </c>
      <c r="AP5650">
        <v>23041.800009999999</v>
      </c>
    </row>
    <row r="5651" spans="2:42" x14ac:dyDescent="0.3">
      <c r="B5651">
        <v>68.086967299042598</v>
      </c>
      <c r="C5651" s="83">
        <v>43336.375</v>
      </c>
      <c r="D5651">
        <v>219395.22029999999</v>
      </c>
      <c r="E5651">
        <v>30894.44137</v>
      </c>
      <c r="F5651">
        <v>97778.334000000003</v>
      </c>
      <c r="G5651">
        <v>40531.615850000002</v>
      </c>
      <c r="H5651">
        <v>45832.12599</v>
      </c>
      <c r="I5651">
        <v>33884.691019999998</v>
      </c>
      <c r="J5651">
        <v>50622.614710000002</v>
      </c>
      <c r="K5651">
        <v>59320.115660000003</v>
      </c>
      <c r="L5651">
        <v>28200.385460000001</v>
      </c>
      <c r="M5651">
        <v>347139.11109999998</v>
      </c>
      <c r="N5651">
        <v>85606.065220000004</v>
      </c>
      <c r="O5651">
        <v>24293.24065</v>
      </c>
      <c r="P5651">
        <v>36947.725339999997</v>
      </c>
      <c r="Q5651">
        <v>96939.495129999996</v>
      </c>
      <c r="R5651">
        <v>22091.780449999998</v>
      </c>
      <c r="S5651">
        <v>110766.0684</v>
      </c>
      <c r="T5651">
        <v>26732.62499</v>
      </c>
      <c r="U5651">
        <v>23791.0514</v>
      </c>
      <c r="W5651" s="83">
        <f>Bühler!N5683</f>
        <v>45527.374999986299</v>
      </c>
      <c r="X5651" s="83">
        <v>43336.375</v>
      </c>
      <c r="Y5651">
        <v>219395.22029999999</v>
      </c>
      <c r="Z5651">
        <v>30894.44137</v>
      </c>
      <c r="AA5651">
        <v>97778.334000000003</v>
      </c>
      <c r="AB5651">
        <v>40531.615850000002</v>
      </c>
      <c r="AC5651">
        <v>45832.12599</v>
      </c>
      <c r="AD5651">
        <v>33884.691019999998</v>
      </c>
      <c r="AE5651">
        <v>50622.614710000002</v>
      </c>
      <c r="AF5651">
        <v>59320.115660000003</v>
      </c>
      <c r="AG5651">
        <v>28200.385460000001</v>
      </c>
      <c r="AH5651">
        <v>347139.11109999998</v>
      </c>
      <c r="AI5651">
        <v>85606.065220000004</v>
      </c>
      <c r="AJ5651">
        <v>24293.24065</v>
      </c>
      <c r="AK5651">
        <v>36947.725339999997</v>
      </c>
      <c r="AL5651">
        <v>96939.495129999996</v>
      </c>
      <c r="AM5651">
        <v>22091.780449999998</v>
      </c>
      <c r="AN5651">
        <v>110766.0684</v>
      </c>
      <c r="AO5651">
        <v>26732.62499</v>
      </c>
      <c r="AP5651">
        <v>23791.0514</v>
      </c>
    </row>
    <row r="5652" spans="2:42" x14ac:dyDescent="0.3">
      <c r="B5652">
        <v>68.994039012342597</v>
      </c>
      <c r="C5652" s="83">
        <v>43336.416666666664</v>
      </c>
      <c r="D5652">
        <v>221621.2317</v>
      </c>
      <c r="E5652">
        <v>32975.125910000002</v>
      </c>
      <c r="F5652">
        <v>100878.863</v>
      </c>
      <c r="G5652">
        <v>41187.87513</v>
      </c>
      <c r="H5652">
        <v>46802.971259999998</v>
      </c>
      <c r="I5652">
        <v>32598.11449</v>
      </c>
      <c r="J5652">
        <v>51181.517390000001</v>
      </c>
      <c r="K5652">
        <v>60280.906020000002</v>
      </c>
      <c r="L5652">
        <v>31612.111939999999</v>
      </c>
      <c r="M5652">
        <v>351763.78570000001</v>
      </c>
      <c r="N5652">
        <v>89131.391340000002</v>
      </c>
      <c r="O5652">
        <v>24914.143919999999</v>
      </c>
      <c r="P5652">
        <v>38620.386619999997</v>
      </c>
      <c r="Q5652">
        <v>98258.703819999995</v>
      </c>
      <c r="R5652">
        <v>22758.03991</v>
      </c>
      <c r="S5652">
        <v>112692.3029</v>
      </c>
      <c r="T5652">
        <v>29113.91707</v>
      </c>
      <c r="U5652">
        <v>24380.178110000001</v>
      </c>
      <c r="W5652" s="83">
        <f>Bühler!N5684</f>
        <v>45527.416666652964</v>
      </c>
      <c r="X5652" s="83">
        <v>43336.416666666664</v>
      </c>
      <c r="Y5652">
        <v>221621.2317</v>
      </c>
      <c r="Z5652">
        <v>32975.125910000002</v>
      </c>
      <c r="AA5652">
        <v>100878.863</v>
      </c>
      <c r="AB5652">
        <v>41187.87513</v>
      </c>
      <c r="AC5652">
        <v>46802.971259999998</v>
      </c>
      <c r="AD5652">
        <v>32598.11449</v>
      </c>
      <c r="AE5652">
        <v>51181.517390000001</v>
      </c>
      <c r="AF5652">
        <v>60280.906020000002</v>
      </c>
      <c r="AG5652">
        <v>31612.111939999999</v>
      </c>
      <c r="AH5652">
        <v>351763.78570000001</v>
      </c>
      <c r="AI5652">
        <v>89131.391340000002</v>
      </c>
      <c r="AJ5652">
        <v>24914.143919999999</v>
      </c>
      <c r="AK5652">
        <v>38620.386619999997</v>
      </c>
      <c r="AL5652">
        <v>98258.703819999995</v>
      </c>
      <c r="AM5652">
        <v>22758.03991</v>
      </c>
      <c r="AN5652">
        <v>112692.3029</v>
      </c>
      <c r="AO5652">
        <v>29113.91707</v>
      </c>
      <c r="AP5652">
        <v>24380.178110000001</v>
      </c>
    </row>
    <row r="5653" spans="2:42" x14ac:dyDescent="0.3">
      <c r="B5653">
        <v>69.459529483559407</v>
      </c>
      <c r="C5653" s="83">
        <v>43336.458333333336</v>
      </c>
      <c r="D5653">
        <v>221690.83259999999</v>
      </c>
      <c r="E5653">
        <v>33671.411260000001</v>
      </c>
      <c r="F5653">
        <v>102176.8842</v>
      </c>
      <c r="G5653">
        <v>42648.651239999999</v>
      </c>
      <c r="H5653">
        <v>47517.142460000003</v>
      </c>
      <c r="I5653">
        <v>33149.125399999997</v>
      </c>
      <c r="J5653">
        <v>51643.959320000002</v>
      </c>
      <c r="K5653">
        <v>60971.06076</v>
      </c>
      <c r="L5653">
        <v>33642.12833</v>
      </c>
      <c r="M5653">
        <v>354137.07319999998</v>
      </c>
      <c r="N5653">
        <v>91897.852960000004</v>
      </c>
      <c r="O5653">
        <v>24902.02202</v>
      </c>
      <c r="P5653">
        <v>38524.780780000001</v>
      </c>
      <c r="Q5653">
        <v>99045.823829999994</v>
      </c>
      <c r="R5653">
        <v>25193.208930000001</v>
      </c>
      <c r="S5653">
        <v>116324.647</v>
      </c>
      <c r="T5653">
        <v>29599.906050000001</v>
      </c>
      <c r="U5653">
        <v>23567.139790000001</v>
      </c>
      <c r="W5653" s="83">
        <f>Bühler!N5685</f>
        <v>45527.458333319628</v>
      </c>
      <c r="X5653" s="83">
        <v>43336.458333333336</v>
      </c>
      <c r="Y5653">
        <v>221690.83259999999</v>
      </c>
      <c r="Z5653">
        <v>33671.411260000001</v>
      </c>
      <c r="AA5653">
        <v>102176.8842</v>
      </c>
      <c r="AB5653">
        <v>42648.651239999999</v>
      </c>
      <c r="AC5653">
        <v>47517.142460000003</v>
      </c>
      <c r="AD5653">
        <v>33149.125399999997</v>
      </c>
      <c r="AE5653">
        <v>51643.959320000002</v>
      </c>
      <c r="AF5653">
        <v>60971.06076</v>
      </c>
      <c r="AG5653">
        <v>33642.12833</v>
      </c>
      <c r="AH5653">
        <v>354137.07319999998</v>
      </c>
      <c r="AI5653">
        <v>91897.852960000004</v>
      </c>
      <c r="AJ5653">
        <v>24902.02202</v>
      </c>
      <c r="AK5653">
        <v>38524.780780000001</v>
      </c>
      <c r="AL5653">
        <v>99045.823829999994</v>
      </c>
      <c r="AM5653">
        <v>25193.208930000001</v>
      </c>
      <c r="AN5653">
        <v>116324.647</v>
      </c>
      <c r="AO5653">
        <v>29599.906050000001</v>
      </c>
      <c r="AP5653">
        <v>23567.139790000001</v>
      </c>
    </row>
    <row r="5654" spans="2:42" x14ac:dyDescent="0.3">
      <c r="B5654">
        <v>67.995140018327348</v>
      </c>
      <c r="C5654" s="83">
        <v>43336.5</v>
      </c>
      <c r="D5654">
        <v>212671.0356</v>
      </c>
      <c r="E5654">
        <v>30813.086029999999</v>
      </c>
      <c r="F5654">
        <v>101968.9746</v>
      </c>
      <c r="G5654">
        <v>42110.55055</v>
      </c>
      <c r="H5654">
        <v>46842.476820000003</v>
      </c>
      <c r="I5654">
        <v>32698.092540000001</v>
      </c>
      <c r="J5654">
        <v>52853.737260000002</v>
      </c>
      <c r="K5654">
        <v>58504.634590000001</v>
      </c>
      <c r="L5654">
        <v>36707.087270000004</v>
      </c>
      <c r="M5654">
        <v>346670.93280000001</v>
      </c>
      <c r="N5654">
        <v>89453.010909999997</v>
      </c>
      <c r="O5654">
        <v>24734.080129999998</v>
      </c>
      <c r="P5654">
        <v>38757.462249999997</v>
      </c>
      <c r="Q5654">
        <v>98589.824800000002</v>
      </c>
      <c r="R5654">
        <v>25559.499380000001</v>
      </c>
      <c r="S5654">
        <v>112412.4853</v>
      </c>
      <c r="T5654">
        <v>29370.63219</v>
      </c>
      <c r="U5654">
        <v>20270.037270000001</v>
      </c>
      <c r="W5654" s="83">
        <f>Bühler!N5686</f>
        <v>45527.499999986292</v>
      </c>
      <c r="X5654" s="83">
        <v>43336.5</v>
      </c>
      <c r="Y5654">
        <v>212671.0356</v>
      </c>
      <c r="Z5654">
        <v>30813.086029999999</v>
      </c>
      <c r="AA5654">
        <v>101968.9746</v>
      </c>
      <c r="AB5654">
        <v>42110.55055</v>
      </c>
      <c r="AC5654">
        <v>46842.476820000003</v>
      </c>
      <c r="AD5654">
        <v>32698.092540000001</v>
      </c>
      <c r="AE5654">
        <v>52853.737260000002</v>
      </c>
      <c r="AF5654">
        <v>58504.634590000001</v>
      </c>
      <c r="AG5654">
        <v>36707.087270000004</v>
      </c>
      <c r="AH5654">
        <v>346670.93280000001</v>
      </c>
      <c r="AI5654">
        <v>89453.010909999997</v>
      </c>
      <c r="AJ5654">
        <v>24734.080129999998</v>
      </c>
      <c r="AK5654">
        <v>38757.462249999997</v>
      </c>
      <c r="AL5654">
        <v>98589.824800000002</v>
      </c>
      <c r="AM5654">
        <v>25559.499380000001</v>
      </c>
      <c r="AN5654">
        <v>112412.4853</v>
      </c>
      <c r="AO5654">
        <v>29370.63219</v>
      </c>
      <c r="AP5654">
        <v>20270.037270000001</v>
      </c>
    </row>
    <row r="5655" spans="2:42" x14ac:dyDescent="0.3">
      <c r="B5655">
        <v>67.417453768687366</v>
      </c>
      <c r="C5655" s="83">
        <v>43336.541666666664</v>
      </c>
      <c r="D5655">
        <v>211624.2775</v>
      </c>
      <c r="E5655">
        <v>30722.668430000002</v>
      </c>
      <c r="F5655">
        <v>100765.0531</v>
      </c>
      <c r="G5655">
        <v>41348.517059999998</v>
      </c>
      <c r="H5655">
        <v>46818.532599999999</v>
      </c>
      <c r="I5655">
        <v>32665.181140000001</v>
      </c>
      <c r="J5655">
        <v>52864.019529999998</v>
      </c>
      <c r="K5655">
        <v>59476.849370000004</v>
      </c>
      <c r="L5655">
        <v>36398.809630000003</v>
      </c>
      <c r="M5655">
        <v>343725.6189</v>
      </c>
      <c r="N5655">
        <v>90263.091239999994</v>
      </c>
      <c r="O5655">
        <v>24521.789980000001</v>
      </c>
      <c r="P5655">
        <v>38224.376880000003</v>
      </c>
      <c r="Q5655">
        <v>97982.687990000006</v>
      </c>
      <c r="R5655">
        <v>25637.24178</v>
      </c>
      <c r="S5655">
        <v>112678.86689999999</v>
      </c>
      <c r="T5655">
        <v>29096.59938</v>
      </c>
      <c r="U5655">
        <v>21554.475729999998</v>
      </c>
      <c r="W5655" s="83">
        <f>Bühler!N5687</f>
        <v>45527.541666652956</v>
      </c>
      <c r="X5655" s="83">
        <v>43336.541666666664</v>
      </c>
      <c r="Y5655">
        <v>211624.2775</v>
      </c>
      <c r="Z5655">
        <v>30722.668430000002</v>
      </c>
      <c r="AA5655">
        <v>100765.0531</v>
      </c>
      <c r="AB5655">
        <v>41348.517059999998</v>
      </c>
      <c r="AC5655">
        <v>46818.532599999999</v>
      </c>
      <c r="AD5655">
        <v>32665.181140000001</v>
      </c>
      <c r="AE5655">
        <v>52864.019529999998</v>
      </c>
      <c r="AF5655">
        <v>59476.849370000004</v>
      </c>
      <c r="AG5655">
        <v>36398.809630000003</v>
      </c>
      <c r="AH5655">
        <v>343725.6189</v>
      </c>
      <c r="AI5655">
        <v>90263.091239999994</v>
      </c>
      <c r="AJ5655">
        <v>24521.789980000001</v>
      </c>
      <c r="AK5655">
        <v>38224.376880000003</v>
      </c>
      <c r="AL5655">
        <v>97982.687990000006</v>
      </c>
      <c r="AM5655">
        <v>25637.24178</v>
      </c>
      <c r="AN5655">
        <v>112678.86689999999</v>
      </c>
      <c r="AO5655">
        <v>29096.59938</v>
      </c>
      <c r="AP5655">
        <v>21554.475729999998</v>
      </c>
    </row>
    <row r="5656" spans="2:42" x14ac:dyDescent="0.3">
      <c r="B5656">
        <v>67.340983753225728</v>
      </c>
      <c r="C5656" s="83">
        <v>43336.583333333336</v>
      </c>
      <c r="D5656">
        <v>210815.80850000001</v>
      </c>
      <c r="E5656">
        <v>33663.09319</v>
      </c>
      <c r="F5656">
        <v>103437.3645</v>
      </c>
      <c r="G5656">
        <v>39795.556770000003</v>
      </c>
      <c r="H5656">
        <v>46898.095029999997</v>
      </c>
      <c r="I5656">
        <v>33096.911249999997</v>
      </c>
      <c r="J5656">
        <v>52481.781949999997</v>
      </c>
      <c r="K5656">
        <v>60889.437339999997</v>
      </c>
      <c r="L5656">
        <v>33922.504650000003</v>
      </c>
      <c r="M5656">
        <v>343335.73910000001</v>
      </c>
      <c r="N5656">
        <v>92336.468309999997</v>
      </c>
      <c r="O5656">
        <v>24815.815159999998</v>
      </c>
      <c r="P5656">
        <v>35329.182990000001</v>
      </c>
      <c r="Q5656">
        <v>96958.158979999993</v>
      </c>
      <c r="R5656">
        <v>25531.08525</v>
      </c>
      <c r="S5656">
        <v>109616.55379999999</v>
      </c>
      <c r="T5656">
        <v>28635.41707</v>
      </c>
      <c r="U5656">
        <v>21609.54637</v>
      </c>
      <c r="W5656" s="83">
        <f>Bühler!N5688</f>
        <v>45527.583333319621</v>
      </c>
      <c r="X5656" s="83">
        <v>43336.583333333336</v>
      </c>
      <c r="Y5656">
        <v>210815.80850000001</v>
      </c>
      <c r="Z5656">
        <v>33663.09319</v>
      </c>
      <c r="AA5656">
        <v>103437.3645</v>
      </c>
      <c r="AB5656">
        <v>39795.556770000003</v>
      </c>
      <c r="AC5656">
        <v>46898.095029999997</v>
      </c>
      <c r="AD5656">
        <v>33096.911249999997</v>
      </c>
      <c r="AE5656">
        <v>52481.781949999997</v>
      </c>
      <c r="AF5656">
        <v>60889.437339999997</v>
      </c>
      <c r="AG5656">
        <v>33922.504650000003</v>
      </c>
      <c r="AH5656">
        <v>343335.73910000001</v>
      </c>
      <c r="AI5656">
        <v>92336.468309999997</v>
      </c>
      <c r="AJ5656">
        <v>24815.815159999998</v>
      </c>
      <c r="AK5656">
        <v>35329.182990000001</v>
      </c>
      <c r="AL5656">
        <v>96958.158979999993</v>
      </c>
      <c r="AM5656">
        <v>25531.08525</v>
      </c>
      <c r="AN5656">
        <v>109616.55379999999</v>
      </c>
      <c r="AO5656">
        <v>28635.41707</v>
      </c>
      <c r="AP5656">
        <v>21609.54637</v>
      </c>
    </row>
    <row r="5657" spans="2:42" x14ac:dyDescent="0.3">
      <c r="B5657">
        <v>65.980395836244554</v>
      </c>
      <c r="C5657" s="83">
        <v>43336.625</v>
      </c>
      <c r="D5657">
        <v>208017.9227</v>
      </c>
      <c r="E5657">
        <v>33680.603920000001</v>
      </c>
      <c r="F5657">
        <v>104736.5956</v>
      </c>
      <c r="G5657">
        <v>38148.75432</v>
      </c>
      <c r="H5657">
        <v>46013.111210000003</v>
      </c>
      <c r="I5657">
        <v>33780.966930000002</v>
      </c>
      <c r="J5657">
        <v>51321.700069999999</v>
      </c>
      <c r="K5657">
        <v>59230.90191</v>
      </c>
      <c r="L5657">
        <v>30644.024259999998</v>
      </c>
      <c r="M5657">
        <v>336398.82740000001</v>
      </c>
      <c r="N5657">
        <v>92286.190530000007</v>
      </c>
      <c r="O5657">
        <v>24432.083439999999</v>
      </c>
      <c r="P5657">
        <v>32392.47063</v>
      </c>
      <c r="Q5657">
        <v>96394.21471</v>
      </c>
      <c r="R5657">
        <v>25120.227309999998</v>
      </c>
      <c r="S5657">
        <v>106944.01089999999</v>
      </c>
      <c r="T5657">
        <v>28588.03846</v>
      </c>
      <c r="U5657">
        <v>20312.583159999998</v>
      </c>
      <c r="W5657" s="83">
        <f>Bühler!N5689</f>
        <v>45527.624999986285</v>
      </c>
      <c r="X5657" s="83">
        <v>43336.625</v>
      </c>
      <c r="Y5657">
        <v>208017.9227</v>
      </c>
      <c r="Z5657">
        <v>33680.603920000001</v>
      </c>
      <c r="AA5657">
        <v>104736.5956</v>
      </c>
      <c r="AB5657">
        <v>38148.75432</v>
      </c>
      <c r="AC5657">
        <v>46013.111210000003</v>
      </c>
      <c r="AD5657">
        <v>33780.966930000002</v>
      </c>
      <c r="AE5657">
        <v>51321.700069999999</v>
      </c>
      <c r="AF5657">
        <v>59230.90191</v>
      </c>
      <c r="AG5657">
        <v>30644.024259999998</v>
      </c>
      <c r="AH5657">
        <v>336398.82740000001</v>
      </c>
      <c r="AI5657">
        <v>92286.190530000007</v>
      </c>
      <c r="AJ5657">
        <v>24432.083439999999</v>
      </c>
      <c r="AK5657">
        <v>32392.47063</v>
      </c>
      <c r="AL5657">
        <v>96394.21471</v>
      </c>
      <c r="AM5657">
        <v>25120.227309999998</v>
      </c>
      <c r="AN5657">
        <v>106944.01089999999</v>
      </c>
      <c r="AO5657">
        <v>28588.03846</v>
      </c>
      <c r="AP5657">
        <v>20312.583159999998</v>
      </c>
    </row>
    <row r="5658" spans="2:42" x14ac:dyDescent="0.3">
      <c r="B5658">
        <v>64.415905935750189</v>
      </c>
      <c r="C5658" s="83">
        <v>43336.666666666664</v>
      </c>
      <c r="D5658">
        <v>202381.27489999999</v>
      </c>
      <c r="E5658">
        <v>33147.041989999998</v>
      </c>
      <c r="F5658">
        <v>103971.3771</v>
      </c>
      <c r="G5658">
        <v>36610.979610000002</v>
      </c>
      <c r="H5658">
        <v>45284.535069999998</v>
      </c>
      <c r="I5658">
        <v>34393.067130000003</v>
      </c>
      <c r="J5658">
        <v>50402.515339999998</v>
      </c>
      <c r="K5658">
        <v>55570.855779999998</v>
      </c>
      <c r="L5658">
        <v>28733.022830000002</v>
      </c>
      <c r="M5658">
        <v>328422.32829999999</v>
      </c>
      <c r="N5658">
        <v>90468.224170000001</v>
      </c>
      <c r="O5658">
        <v>23798.5154</v>
      </c>
      <c r="P5658">
        <v>31749.324379999998</v>
      </c>
      <c r="Q5658">
        <v>95568.269830000005</v>
      </c>
      <c r="R5658">
        <v>25090.64417</v>
      </c>
      <c r="S5658">
        <v>104873.2013</v>
      </c>
      <c r="T5658">
        <v>28482.14689</v>
      </c>
      <c r="U5658">
        <v>18902.673920000001</v>
      </c>
      <c r="W5658" s="83">
        <f>Bühler!N5690</f>
        <v>45527.666666652949</v>
      </c>
      <c r="X5658" s="83">
        <v>43336.666666666664</v>
      </c>
      <c r="Y5658">
        <v>202381.27489999999</v>
      </c>
      <c r="Z5658">
        <v>33147.041989999998</v>
      </c>
      <c r="AA5658">
        <v>103971.3771</v>
      </c>
      <c r="AB5658">
        <v>36610.979610000002</v>
      </c>
      <c r="AC5658">
        <v>45284.535069999998</v>
      </c>
      <c r="AD5658">
        <v>34393.067130000003</v>
      </c>
      <c r="AE5658">
        <v>50402.515339999998</v>
      </c>
      <c r="AF5658">
        <v>55570.855779999998</v>
      </c>
      <c r="AG5658">
        <v>28733.022830000002</v>
      </c>
      <c r="AH5658">
        <v>328422.32829999999</v>
      </c>
      <c r="AI5658">
        <v>90468.224170000001</v>
      </c>
      <c r="AJ5658">
        <v>23798.5154</v>
      </c>
      <c r="AK5658">
        <v>31749.324379999998</v>
      </c>
      <c r="AL5658">
        <v>95568.269830000005</v>
      </c>
      <c r="AM5658">
        <v>25090.64417</v>
      </c>
      <c r="AN5658">
        <v>104873.2013</v>
      </c>
      <c r="AO5658">
        <v>28482.14689</v>
      </c>
      <c r="AP5658">
        <v>18902.673920000001</v>
      </c>
    </row>
    <row r="5659" spans="2:42" x14ac:dyDescent="0.3">
      <c r="B5659">
        <v>62.787085317349344</v>
      </c>
      <c r="C5659" s="83">
        <v>43336.708333333336</v>
      </c>
      <c r="D5659">
        <v>195806.875</v>
      </c>
      <c r="E5659">
        <v>31263.268919999999</v>
      </c>
      <c r="F5659">
        <v>102670.8389</v>
      </c>
      <c r="G5659">
        <v>34215.203410000002</v>
      </c>
      <c r="H5659">
        <v>43741.331689999999</v>
      </c>
      <c r="I5659">
        <v>34387.083919999997</v>
      </c>
      <c r="J5659">
        <v>50097.762560000003</v>
      </c>
      <c r="K5659">
        <v>52365.003019999996</v>
      </c>
      <c r="L5659">
        <v>29840.69181</v>
      </c>
      <c r="M5659">
        <v>320117.84120000002</v>
      </c>
      <c r="N5659">
        <v>87947.100250000003</v>
      </c>
      <c r="O5659">
        <v>23418.9221</v>
      </c>
      <c r="P5659">
        <v>33524.863949999999</v>
      </c>
      <c r="Q5659">
        <v>93224.387910000005</v>
      </c>
      <c r="R5659">
        <v>24517.444159999999</v>
      </c>
      <c r="S5659">
        <v>102286.5886</v>
      </c>
      <c r="T5659">
        <v>28145.543079999999</v>
      </c>
      <c r="U5659">
        <v>18224.755280000001</v>
      </c>
      <c r="W5659" s="83">
        <f>Bühler!N5691</f>
        <v>45527.708333319613</v>
      </c>
      <c r="X5659" s="83">
        <v>43336.708333333336</v>
      </c>
      <c r="Y5659">
        <v>195806.875</v>
      </c>
      <c r="Z5659">
        <v>31263.268919999999</v>
      </c>
      <c r="AA5659">
        <v>102670.8389</v>
      </c>
      <c r="AB5659">
        <v>34215.203410000002</v>
      </c>
      <c r="AC5659">
        <v>43741.331689999999</v>
      </c>
      <c r="AD5659">
        <v>34387.083919999997</v>
      </c>
      <c r="AE5659">
        <v>50097.762560000003</v>
      </c>
      <c r="AF5659">
        <v>52365.003019999996</v>
      </c>
      <c r="AG5659">
        <v>29840.69181</v>
      </c>
      <c r="AH5659">
        <v>320117.84120000002</v>
      </c>
      <c r="AI5659">
        <v>87947.100250000003</v>
      </c>
      <c r="AJ5659">
        <v>23418.9221</v>
      </c>
      <c r="AK5659">
        <v>33524.863949999999</v>
      </c>
      <c r="AL5659">
        <v>93224.387910000005</v>
      </c>
      <c r="AM5659">
        <v>24517.444159999999</v>
      </c>
      <c r="AN5659">
        <v>102286.5886</v>
      </c>
      <c r="AO5659">
        <v>28145.543079999999</v>
      </c>
      <c r="AP5659">
        <v>18224.755280000001</v>
      </c>
    </row>
    <row r="5660" spans="2:42" x14ac:dyDescent="0.3">
      <c r="B5660">
        <v>60.956202719736751</v>
      </c>
      <c r="C5660" s="83">
        <v>43336.75</v>
      </c>
      <c r="D5660">
        <v>190673.08689999999</v>
      </c>
      <c r="E5660">
        <v>28571.503530000002</v>
      </c>
      <c r="F5660">
        <v>100886.4596</v>
      </c>
      <c r="G5660">
        <v>32054.77837</v>
      </c>
      <c r="H5660">
        <v>41974.131630000003</v>
      </c>
      <c r="I5660">
        <v>33650.345600000001</v>
      </c>
      <c r="J5660">
        <v>50752.421690000003</v>
      </c>
      <c r="K5660">
        <v>51357.582329999997</v>
      </c>
      <c r="L5660">
        <v>31614.74365</v>
      </c>
      <c r="M5660">
        <v>310783.14789999998</v>
      </c>
      <c r="N5660">
        <v>84356.169110000003</v>
      </c>
      <c r="O5660">
        <v>21004.02995</v>
      </c>
      <c r="P5660">
        <v>37208.579409999998</v>
      </c>
      <c r="Q5660">
        <v>90503.575760000007</v>
      </c>
      <c r="R5660">
        <v>23917.854319999999</v>
      </c>
      <c r="S5660">
        <v>96799.136979999996</v>
      </c>
      <c r="T5660">
        <v>27858.334869999999</v>
      </c>
      <c r="U5660">
        <v>17555.89817</v>
      </c>
      <c r="W5660" s="83">
        <f>Bühler!N5692</f>
        <v>45527.749999986278</v>
      </c>
      <c r="X5660" s="83">
        <v>43336.75</v>
      </c>
      <c r="Y5660">
        <v>190673.08689999999</v>
      </c>
      <c r="Z5660">
        <v>28571.503530000002</v>
      </c>
      <c r="AA5660">
        <v>100886.4596</v>
      </c>
      <c r="AB5660">
        <v>32054.77837</v>
      </c>
      <c r="AC5660">
        <v>41974.131630000003</v>
      </c>
      <c r="AD5660">
        <v>33650.345600000001</v>
      </c>
      <c r="AE5660">
        <v>50752.421690000003</v>
      </c>
      <c r="AF5660">
        <v>51357.582329999997</v>
      </c>
      <c r="AG5660">
        <v>31614.74365</v>
      </c>
      <c r="AH5660">
        <v>310783.14789999998</v>
      </c>
      <c r="AI5660">
        <v>84356.169110000003</v>
      </c>
      <c r="AJ5660">
        <v>21004.02995</v>
      </c>
      <c r="AK5660">
        <v>37208.579409999998</v>
      </c>
      <c r="AL5660">
        <v>90503.575760000007</v>
      </c>
      <c r="AM5660">
        <v>23917.854319999999</v>
      </c>
      <c r="AN5660">
        <v>96799.136979999996</v>
      </c>
      <c r="AO5660">
        <v>27858.334869999999</v>
      </c>
      <c r="AP5660">
        <v>17555.89817</v>
      </c>
    </row>
    <row r="5661" spans="2:42" x14ac:dyDescent="0.3">
      <c r="B5661">
        <v>59.615694546963667</v>
      </c>
      <c r="C5661" s="83">
        <v>43336.791666666664</v>
      </c>
      <c r="D5661">
        <v>184555.15229999999</v>
      </c>
      <c r="E5661">
        <v>23051.073339999999</v>
      </c>
      <c r="F5661">
        <v>89813.369869999995</v>
      </c>
      <c r="G5661">
        <v>30777.4277</v>
      </c>
      <c r="H5661">
        <v>40072.707009999998</v>
      </c>
      <c r="I5661">
        <v>31818.157719999999</v>
      </c>
      <c r="J5661">
        <v>50694.453560000002</v>
      </c>
      <c r="K5661">
        <v>52447.823020000003</v>
      </c>
      <c r="L5661">
        <v>31343.25301</v>
      </c>
      <c r="M5661">
        <v>303948.61210000003</v>
      </c>
      <c r="N5661">
        <v>81448.095170000001</v>
      </c>
      <c r="O5661">
        <v>20020.676309999999</v>
      </c>
      <c r="P5661">
        <v>40198.096129999998</v>
      </c>
      <c r="Q5661">
        <v>87346.050109999996</v>
      </c>
      <c r="R5661">
        <v>22512.145069999999</v>
      </c>
      <c r="S5661">
        <v>93634.836450000003</v>
      </c>
      <c r="T5661">
        <v>26952.11175</v>
      </c>
      <c r="U5661">
        <v>16832.808290000001</v>
      </c>
      <c r="W5661" s="83">
        <f>Bühler!N5693</f>
        <v>45527.791666652942</v>
      </c>
      <c r="X5661" s="83">
        <v>43336.791666666664</v>
      </c>
      <c r="Y5661">
        <v>184555.15229999999</v>
      </c>
      <c r="Z5661">
        <v>23051.073339999999</v>
      </c>
      <c r="AA5661">
        <v>89813.369869999995</v>
      </c>
      <c r="AB5661">
        <v>30777.4277</v>
      </c>
      <c r="AC5661">
        <v>40072.707009999998</v>
      </c>
      <c r="AD5661">
        <v>31818.157719999999</v>
      </c>
      <c r="AE5661">
        <v>50694.453560000002</v>
      </c>
      <c r="AF5661">
        <v>52447.823020000003</v>
      </c>
      <c r="AG5661">
        <v>31343.25301</v>
      </c>
      <c r="AH5661">
        <v>303948.61210000003</v>
      </c>
      <c r="AI5661">
        <v>81448.095170000001</v>
      </c>
      <c r="AJ5661">
        <v>20020.676309999999</v>
      </c>
      <c r="AK5661">
        <v>40198.096129999998</v>
      </c>
      <c r="AL5661">
        <v>87346.050109999996</v>
      </c>
      <c r="AM5661">
        <v>22512.145069999999</v>
      </c>
      <c r="AN5661">
        <v>93634.836450000003</v>
      </c>
      <c r="AO5661">
        <v>26952.11175</v>
      </c>
      <c r="AP5661">
        <v>16832.808290000001</v>
      </c>
    </row>
    <row r="5662" spans="2:42" x14ac:dyDescent="0.3">
      <c r="B5662">
        <v>57.128131964539058</v>
      </c>
      <c r="C5662" s="83">
        <v>43336.833333333336</v>
      </c>
      <c r="D5662">
        <v>179055.4976</v>
      </c>
      <c r="E5662">
        <v>17427.010010000002</v>
      </c>
      <c r="F5662">
        <v>72802.258860000002</v>
      </c>
      <c r="G5662">
        <v>29730.497370000001</v>
      </c>
      <c r="H5662">
        <v>38116.383569999998</v>
      </c>
      <c r="I5662">
        <v>29001.878789999999</v>
      </c>
      <c r="J5662">
        <v>49956.365250000003</v>
      </c>
      <c r="K5662">
        <v>51801.680910000003</v>
      </c>
      <c r="L5662">
        <v>31402.438679999999</v>
      </c>
      <c r="M5662">
        <v>291265.85800000001</v>
      </c>
      <c r="N5662">
        <v>78023.616089999996</v>
      </c>
      <c r="O5662">
        <v>18938.379929999999</v>
      </c>
      <c r="P5662">
        <v>40644.63841</v>
      </c>
      <c r="Q5662">
        <v>83610.398690000002</v>
      </c>
      <c r="R5662">
        <v>20941.862700000001</v>
      </c>
      <c r="S5662">
        <v>85855.155769999998</v>
      </c>
      <c r="T5662">
        <v>25446.587019999999</v>
      </c>
      <c r="U5662">
        <v>16464.240880000001</v>
      </c>
      <c r="W5662" s="83">
        <f>Bühler!N5694</f>
        <v>45527.833333319606</v>
      </c>
      <c r="X5662" s="83">
        <v>43336.833333333336</v>
      </c>
      <c r="Y5662">
        <v>179055.4976</v>
      </c>
      <c r="Z5662">
        <v>17427.010010000002</v>
      </c>
      <c r="AA5662">
        <v>72802.258860000002</v>
      </c>
      <c r="AB5662">
        <v>29730.497370000001</v>
      </c>
      <c r="AC5662">
        <v>38116.383569999998</v>
      </c>
      <c r="AD5662">
        <v>29001.878789999999</v>
      </c>
      <c r="AE5662">
        <v>49956.365250000003</v>
      </c>
      <c r="AF5662">
        <v>51801.680910000003</v>
      </c>
      <c r="AG5662">
        <v>31402.438679999999</v>
      </c>
      <c r="AH5662">
        <v>291265.85800000001</v>
      </c>
      <c r="AI5662">
        <v>78023.616089999996</v>
      </c>
      <c r="AJ5662">
        <v>18938.379929999999</v>
      </c>
      <c r="AK5662">
        <v>40644.63841</v>
      </c>
      <c r="AL5662">
        <v>83610.398690000002</v>
      </c>
      <c r="AM5662">
        <v>20941.862700000001</v>
      </c>
      <c r="AN5662">
        <v>85855.155769999998</v>
      </c>
      <c r="AO5662">
        <v>25446.587019999999</v>
      </c>
      <c r="AP5662">
        <v>16464.240880000001</v>
      </c>
    </row>
    <row r="5663" spans="2:42" x14ac:dyDescent="0.3">
      <c r="B5663">
        <v>55.723684054179124</v>
      </c>
      <c r="C5663" s="83">
        <v>43336.875</v>
      </c>
      <c r="D5663">
        <v>175455.5612</v>
      </c>
      <c r="E5663">
        <v>14945.9532</v>
      </c>
      <c r="F5663">
        <v>63099.853340000001</v>
      </c>
      <c r="G5663">
        <v>29346.924879999999</v>
      </c>
      <c r="H5663">
        <v>36618.659420000004</v>
      </c>
      <c r="I5663">
        <v>27291.318299999999</v>
      </c>
      <c r="J5663">
        <v>50167.902650000004</v>
      </c>
      <c r="K5663">
        <v>51467.24106</v>
      </c>
      <c r="L5663">
        <v>30461.203430000001</v>
      </c>
      <c r="M5663">
        <v>284105.32760000002</v>
      </c>
      <c r="N5663">
        <v>77428.797909999994</v>
      </c>
      <c r="O5663">
        <v>18246.92038</v>
      </c>
      <c r="P5663">
        <v>38976.556960000002</v>
      </c>
      <c r="Q5663">
        <v>79504.851290000006</v>
      </c>
      <c r="R5663">
        <v>20362.370770000001</v>
      </c>
      <c r="S5663">
        <v>82335.286970000001</v>
      </c>
      <c r="T5663">
        <v>23524.652129999999</v>
      </c>
      <c r="U5663">
        <v>16155.99317</v>
      </c>
      <c r="W5663" s="83">
        <f>Bühler!N5695</f>
        <v>45527.87499998627</v>
      </c>
      <c r="X5663" s="83">
        <v>43336.875</v>
      </c>
      <c r="Y5663">
        <v>175455.5612</v>
      </c>
      <c r="Z5663">
        <v>14945.9532</v>
      </c>
      <c r="AA5663">
        <v>63099.853340000001</v>
      </c>
      <c r="AB5663">
        <v>29346.924879999999</v>
      </c>
      <c r="AC5663">
        <v>36618.659420000004</v>
      </c>
      <c r="AD5663">
        <v>27291.318299999999</v>
      </c>
      <c r="AE5663">
        <v>50167.902650000004</v>
      </c>
      <c r="AF5663">
        <v>51467.24106</v>
      </c>
      <c r="AG5663">
        <v>30461.203430000001</v>
      </c>
      <c r="AH5663">
        <v>284105.32760000002</v>
      </c>
      <c r="AI5663">
        <v>77428.797909999994</v>
      </c>
      <c r="AJ5663">
        <v>18246.92038</v>
      </c>
      <c r="AK5663">
        <v>38976.556960000002</v>
      </c>
      <c r="AL5663">
        <v>79504.851290000006</v>
      </c>
      <c r="AM5663">
        <v>20362.370770000001</v>
      </c>
      <c r="AN5663">
        <v>82335.286970000001</v>
      </c>
      <c r="AO5663">
        <v>23524.652129999999</v>
      </c>
      <c r="AP5663">
        <v>16155.99317</v>
      </c>
    </row>
    <row r="5664" spans="2:42" x14ac:dyDescent="0.3">
      <c r="B5664">
        <v>54.692006320678104</v>
      </c>
      <c r="C5664" s="83">
        <v>43336.916666666664</v>
      </c>
      <c r="D5664">
        <v>172421.34839999999</v>
      </c>
      <c r="E5664">
        <v>13955.50517</v>
      </c>
      <c r="F5664">
        <v>59710.63394</v>
      </c>
      <c r="G5664">
        <v>29161.526249999999</v>
      </c>
      <c r="H5664">
        <v>36593.244359999997</v>
      </c>
      <c r="I5664">
        <v>26075.303070000002</v>
      </c>
      <c r="J5664">
        <v>47630.507749999997</v>
      </c>
      <c r="K5664">
        <v>54100.650009999998</v>
      </c>
      <c r="L5664">
        <v>27558.464199999999</v>
      </c>
      <c r="M5664">
        <v>278845.35340000002</v>
      </c>
      <c r="N5664">
        <v>76830.316819999993</v>
      </c>
      <c r="O5664">
        <v>18013.157670000001</v>
      </c>
      <c r="P5664">
        <v>40520.595009999997</v>
      </c>
      <c r="Q5664">
        <v>77437.874190000002</v>
      </c>
      <c r="R5664">
        <v>21306.563709999999</v>
      </c>
      <c r="S5664">
        <v>80045.844979999994</v>
      </c>
      <c r="T5664">
        <v>21283.655940000001</v>
      </c>
      <c r="U5664">
        <v>16397.572329999999</v>
      </c>
      <c r="W5664" s="83">
        <f>Bühler!N5696</f>
        <v>45527.916666652935</v>
      </c>
      <c r="X5664" s="83">
        <v>43336.916666666664</v>
      </c>
      <c r="Y5664">
        <v>172421.34839999999</v>
      </c>
      <c r="Z5664">
        <v>13955.50517</v>
      </c>
      <c r="AA5664">
        <v>59710.63394</v>
      </c>
      <c r="AB5664">
        <v>29161.526249999999</v>
      </c>
      <c r="AC5664">
        <v>36593.244359999997</v>
      </c>
      <c r="AD5664">
        <v>26075.303070000002</v>
      </c>
      <c r="AE5664">
        <v>47630.507749999997</v>
      </c>
      <c r="AF5664">
        <v>54100.650009999998</v>
      </c>
      <c r="AG5664">
        <v>27558.464199999999</v>
      </c>
      <c r="AH5664">
        <v>278845.35340000002</v>
      </c>
      <c r="AI5664">
        <v>76830.316819999993</v>
      </c>
      <c r="AJ5664">
        <v>18013.157670000001</v>
      </c>
      <c r="AK5664">
        <v>40520.595009999997</v>
      </c>
      <c r="AL5664">
        <v>77437.874190000002</v>
      </c>
      <c r="AM5664">
        <v>21306.563709999999</v>
      </c>
      <c r="AN5664">
        <v>80045.844979999994</v>
      </c>
      <c r="AO5664">
        <v>21283.655940000001</v>
      </c>
      <c r="AP5664">
        <v>16397.572329999999</v>
      </c>
    </row>
    <row r="5665" spans="2:42" x14ac:dyDescent="0.3">
      <c r="B5665">
        <v>53.713194053362862</v>
      </c>
      <c r="C5665" s="83">
        <v>43336.958333333336</v>
      </c>
      <c r="D5665">
        <v>170269.10279999999</v>
      </c>
      <c r="E5665">
        <v>13321.335349999999</v>
      </c>
      <c r="F5665">
        <v>57933.355080000001</v>
      </c>
      <c r="G5665">
        <v>29196.141060000002</v>
      </c>
      <c r="H5665">
        <v>35427.582860000002</v>
      </c>
      <c r="I5665">
        <v>25000.937870000002</v>
      </c>
      <c r="J5665">
        <v>43011.56136</v>
      </c>
      <c r="K5665">
        <v>53152.485959999998</v>
      </c>
      <c r="L5665">
        <v>23275.673360000001</v>
      </c>
      <c r="M5665">
        <v>273854.91200000001</v>
      </c>
      <c r="N5665">
        <v>75076.662700000001</v>
      </c>
      <c r="O5665">
        <v>17541.167420000002</v>
      </c>
      <c r="P5665">
        <v>35307.808929999999</v>
      </c>
      <c r="Q5665">
        <v>76231.059890000004</v>
      </c>
      <c r="R5665">
        <v>20888.938239999999</v>
      </c>
      <c r="S5665">
        <v>77954.765469999998</v>
      </c>
      <c r="T5665">
        <v>19870.13478</v>
      </c>
      <c r="U5665">
        <v>15736.167939999999</v>
      </c>
      <c r="W5665" s="83">
        <f>Bühler!N5697</f>
        <v>45527.958333319599</v>
      </c>
      <c r="X5665" s="83">
        <v>43336.958333333336</v>
      </c>
      <c r="Y5665">
        <v>170269.10279999999</v>
      </c>
      <c r="Z5665">
        <v>13321.335349999999</v>
      </c>
      <c r="AA5665">
        <v>57933.355080000001</v>
      </c>
      <c r="AB5665">
        <v>29196.141060000002</v>
      </c>
      <c r="AC5665">
        <v>35427.582860000002</v>
      </c>
      <c r="AD5665">
        <v>25000.937870000002</v>
      </c>
      <c r="AE5665">
        <v>43011.56136</v>
      </c>
      <c r="AF5665">
        <v>53152.485959999998</v>
      </c>
      <c r="AG5665">
        <v>23275.673360000001</v>
      </c>
      <c r="AH5665">
        <v>273854.91200000001</v>
      </c>
      <c r="AI5665">
        <v>75076.662700000001</v>
      </c>
      <c r="AJ5665">
        <v>17541.167420000002</v>
      </c>
      <c r="AK5665">
        <v>35307.808929999999</v>
      </c>
      <c r="AL5665">
        <v>76231.059890000004</v>
      </c>
      <c r="AM5665">
        <v>20888.938239999999</v>
      </c>
      <c r="AN5665">
        <v>77954.765469999998</v>
      </c>
      <c r="AO5665">
        <v>19870.13478</v>
      </c>
      <c r="AP5665">
        <v>15736.167939999999</v>
      </c>
    </row>
    <row r="5666" spans="2:42" x14ac:dyDescent="0.3">
      <c r="B5666">
        <v>52.244962295432153</v>
      </c>
      <c r="C5666" s="83">
        <v>43337</v>
      </c>
      <c r="D5666">
        <v>168157.0068</v>
      </c>
      <c r="E5666">
        <v>12751.261630000001</v>
      </c>
      <c r="F5666">
        <v>56028.101470000001</v>
      </c>
      <c r="G5666">
        <v>29022.23558</v>
      </c>
      <c r="H5666">
        <v>34575.76728</v>
      </c>
      <c r="I5666">
        <v>23060.18865</v>
      </c>
      <c r="J5666">
        <v>39553.314160000002</v>
      </c>
      <c r="K5666">
        <v>50831.298000000003</v>
      </c>
      <c r="L5666">
        <v>20243.544900000001</v>
      </c>
      <c r="M5666">
        <v>266369.18180000002</v>
      </c>
      <c r="N5666">
        <v>71865.536319999999</v>
      </c>
      <c r="O5666">
        <v>17275.739030000001</v>
      </c>
      <c r="P5666">
        <v>31894.125240000001</v>
      </c>
      <c r="Q5666">
        <v>73922.664550000001</v>
      </c>
      <c r="R5666">
        <v>17343.199850000001</v>
      </c>
      <c r="S5666">
        <v>75795.096470000004</v>
      </c>
      <c r="T5666">
        <v>18682.304940000002</v>
      </c>
      <c r="U5666">
        <v>15276.81712</v>
      </c>
      <c r="W5666" s="83">
        <f>Bühler!N5698</f>
        <v>45527.999999986263</v>
      </c>
      <c r="X5666" s="83">
        <v>43337</v>
      </c>
      <c r="Y5666">
        <v>168157.0068</v>
      </c>
      <c r="Z5666">
        <v>12751.261630000001</v>
      </c>
      <c r="AA5666">
        <v>56028.101470000001</v>
      </c>
      <c r="AB5666">
        <v>29022.23558</v>
      </c>
      <c r="AC5666">
        <v>34575.76728</v>
      </c>
      <c r="AD5666">
        <v>23060.18865</v>
      </c>
      <c r="AE5666">
        <v>39553.314160000002</v>
      </c>
      <c r="AF5666">
        <v>50831.298000000003</v>
      </c>
      <c r="AG5666">
        <v>20243.544900000001</v>
      </c>
      <c r="AH5666">
        <v>266369.18180000002</v>
      </c>
      <c r="AI5666">
        <v>71865.536319999999</v>
      </c>
      <c r="AJ5666">
        <v>17275.739030000001</v>
      </c>
      <c r="AK5666">
        <v>31894.125240000001</v>
      </c>
      <c r="AL5666">
        <v>73922.664550000001</v>
      </c>
      <c r="AM5666">
        <v>17343.199850000001</v>
      </c>
      <c r="AN5666">
        <v>75795.096470000004</v>
      </c>
      <c r="AO5666">
        <v>18682.304940000002</v>
      </c>
      <c r="AP5666">
        <v>15276.81712</v>
      </c>
    </row>
    <row r="5667" spans="2:42" x14ac:dyDescent="0.3">
      <c r="B5667">
        <v>51.095943118470601</v>
      </c>
      <c r="C5667" s="83">
        <v>43337.041666666664</v>
      </c>
      <c r="D5667">
        <v>165261.87760000001</v>
      </c>
      <c r="E5667">
        <v>12466.91425</v>
      </c>
      <c r="F5667">
        <v>55256.518969999997</v>
      </c>
      <c r="G5667">
        <v>28529.799040000002</v>
      </c>
      <c r="H5667">
        <v>33991.550009999999</v>
      </c>
      <c r="I5667">
        <v>20200.026529999999</v>
      </c>
      <c r="J5667">
        <v>37721.424899999998</v>
      </c>
      <c r="K5667">
        <v>50497.869740000002</v>
      </c>
      <c r="L5667">
        <v>18568.660619999999</v>
      </c>
      <c r="M5667">
        <v>260510.94620000001</v>
      </c>
      <c r="N5667">
        <v>69840.791970000006</v>
      </c>
      <c r="O5667">
        <v>16883.135969999999</v>
      </c>
      <c r="P5667">
        <v>28080.769260000001</v>
      </c>
      <c r="Q5667">
        <v>72541.526519999999</v>
      </c>
      <c r="R5667">
        <v>15323.55861</v>
      </c>
      <c r="S5667">
        <v>74048.830619999993</v>
      </c>
      <c r="T5667">
        <v>17893.49509</v>
      </c>
      <c r="U5667">
        <v>14757.608899999999</v>
      </c>
      <c r="W5667" s="83">
        <f>Bühler!N5699</f>
        <v>45528.041666652927</v>
      </c>
      <c r="X5667" s="83">
        <v>43337.041666666664</v>
      </c>
      <c r="Y5667">
        <v>165261.87760000001</v>
      </c>
      <c r="Z5667">
        <v>12466.91425</v>
      </c>
      <c r="AA5667">
        <v>55256.518969999997</v>
      </c>
      <c r="AB5667">
        <v>28529.799040000002</v>
      </c>
      <c r="AC5667">
        <v>33991.550009999999</v>
      </c>
      <c r="AD5667">
        <v>20200.026529999999</v>
      </c>
      <c r="AE5667">
        <v>37721.424899999998</v>
      </c>
      <c r="AF5667">
        <v>50497.869740000002</v>
      </c>
      <c r="AG5667">
        <v>18568.660619999999</v>
      </c>
      <c r="AH5667">
        <v>260510.94620000001</v>
      </c>
      <c r="AI5667">
        <v>69840.791970000006</v>
      </c>
      <c r="AJ5667">
        <v>16883.135969999999</v>
      </c>
      <c r="AK5667">
        <v>28080.769260000001</v>
      </c>
      <c r="AL5667">
        <v>72541.526519999999</v>
      </c>
      <c r="AM5667">
        <v>15323.55861</v>
      </c>
      <c r="AN5667">
        <v>74048.830619999993</v>
      </c>
      <c r="AO5667">
        <v>17893.49509</v>
      </c>
      <c r="AP5667">
        <v>14757.608899999999</v>
      </c>
    </row>
    <row r="5668" spans="2:42" x14ac:dyDescent="0.3">
      <c r="B5668">
        <v>50.299514755967671</v>
      </c>
      <c r="C5668" s="83">
        <v>43337.083333333336</v>
      </c>
      <c r="D5668">
        <v>162550.5882</v>
      </c>
      <c r="E5668">
        <v>12236.830550000001</v>
      </c>
      <c r="F5668">
        <v>55765.816250000003</v>
      </c>
      <c r="G5668">
        <v>27909.89444</v>
      </c>
      <c r="H5668">
        <v>33401.645340000003</v>
      </c>
      <c r="I5668">
        <v>18156.598460000001</v>
      </c>
      <c r="J5668">
        <v>36700.999589999999</v>
      </c>
      <c r="K5668">
        <v>47989.52347</v>
      </c>
      <c r="L5668">
        <v>17132.912550000001</v>
      </c>
      <c r="M5668">
        <v>256450.383</v>
      </c>
      <c r="N5668">
        <v>69082.057539999994</v>
      </c>
      <c r="O5668">
        <v>17016.222089999999</v>
      </c>
      <c r="P5668">
        <v>26429.24252</v>
      </c>
      <c r="Q5668">
        <v>72367.856419999996</v>
      </c>
      <c r="R5668">
        <v>14558.151830000001</v>
      </c>
      <c r="S5668">
        <v>72851.697190000006</v>
      </c>
      <c r="T5668">
        <v>17439.621070000001</v>
      </c>
      <c r="U5668">
        <v>14564.88456</v>
      </c>
      <c r="W5668" s="83">
        <f>Bühler!N5700</f>
        <v>45528.083333319591</v>
      </c>
      <c r="X5668" s="83">
        <v>43337.083333333336</v>
      </c>
      <c r="Y5668">
        <v>162550.5882</v>
      </c>
      <c r="Z5668">
        <v>12236.830550000001</v>
      </c>
      <c r="AA5668">
        <v>55765.816250000003</v>
      </c>
      <c r="AB5668">
        <v>27909.89444</v>
      </c>
      <c r="AC5668">
        <v>33401.645340000003</v>
      </c>
      <c r="AD5668">
        <v>18156.598460000001</v>
      </c>
      <c r="AE5668">
        <v>36700.999589999999</v>
      </c>
      <c r="AF5668">
        <v>47989.52347</v>
      </c>
      <c r="AG5668">
        <v>17132.912550000001</v>
      </c>
      <c r="AH5668">
        <v>256450.383</v>
      </c>
      <c r="AI5668">
        <v>69082.057539999994</v>
      </c>
      <c r="AJ5668">
        <v>17016.222089999999</v>
      </c>
      <c r="AK5668">
        <v>26429.24252</v>
      </c>
      <c r="AL5668">
        <v>72367.856419999996</v>
      </c>
      <c r="AM5668">
        <v>14558.151830000001</v>
      </c>
      <c r="AN5668">
        <v>72851.697190000006</v>
      </c>
      <c r="AO5668">
        <v>17439.621070000001</v>
      </c>
      <c r="AP5668">
        <v>14564.88456</v>
      </c>
    </row>
    <row r="5669" spans="2:42" x14ac:dyDescent="0.3">
      <c r="B5669">
        <v>49.329495838846988</v>
      </c>
      <c r="C5669" s="83">
        <v>43337.125</v>
      </c>
      <c r="D5669">
        <v>158921.95680000001</v>
      </c>
      <c r="E5669">
        <v>12156.98228</v>
      </c>
      <c r="F5669">
        <v>56833.344340000003</v>
      </c>
      <c r="G5669">
        <v>26960.655719999999</v>
      </c>
      <c r="H5669">
        <v>33088.57185</v>
      </c>
      <c r="I5669">
        <v>17552.251909999999</v>
      </c>
      <c r="J5669">
        <v>36208.229240000001</v>
      </c>
      <c r="K5669">
        <v>46184.296750000001</v>
      </c>
      <c r="L5669">
        <v>16946.468209999999</v>
      </c>
      <c r="M5669">
        <v>251504.77420000001</v>
      </c>
      <c r="N5669">
        <v>68221.001619999995</v>
      </c>
      <c r="O5669">
        <v>16536.789270000001</v>
      </c>
      <c r="P5669">
        <v>25724.446889999999</v>
      </c>
      <c r="Q5669">
        <v>70951.846550000002</v>
      </c>
      <c r="R5669">
        <v>13420.47644</v>
      </c>
      <c r="S5669">
        <v>71837.859259999997</v>
      </c>
      <c r="T5669">
        <v>17193.39518</v>
      </c>
      <c r="U5669">
        <v>14189.997530000001</v>
      </c>
      <c r="W5669" s="83">
        <f>Bühler!N5701</f>
        <v>45528.124999986256</v>
      </c>
      <c r="X5669" s="83">
        <v>43337.125</v>
      </c>
      <c r="Y5669">
        <v>158921.95680000001</v>
      </c>
      <c r="Z5669">
        <v>12156.98228</v>
      </c>
      <c r="AA5669">
        <v>56833.344340000003</v>
      </c>
      <c r="AB5669">
        <v>26960.655719999999</v>
      </c>
      <c r="AC5669">
        <v>33088.57185</v>
      </c>
      <c r="AD5669">
        <v>17552.251909999999</v>
      </c>
      <c r="AE5669">
        <v>36208.229240000001</v>
      </c>
      <c r="AF5669">
        <v>46184.296750000001</v>
      </c>
      <c r="AG5669">
        <v>16946.468209999999</v>
      </c>
      <c r="AH5669">
        <v>251504.77420000001</v>
      </c>
      <c r="AI5669">
        <v>68221.001619999995</v>
      </c>
      <c r="AJ5669">
        <v>16536.789270000001</v>
      </c>
      <c r="AK5669">
        <v>25724.446889999999</v>
      </c>
      <c r="AL5669">
        <v>70951.846550000002</v>
      </c>
      <c r="AM5669">
        <v>13420.47644</v>
      </c>
      <c r="AN5669">
        <v>71837.859259999997</v>
      </c>
      <c r="AO5669">
        <v>17193.39518</v>
      </c>
      <c r="AP5669">
        <v>14189.997530000001</v>
      </c>
    </row>
    <row r="5670" spans="2:42" x14ac:dyDescent="0.3">
      <c r="B5670">
        <v>47.843252331138849</v>
      </c>
      <c r="C5670" s="83">
        <v>43337.166666666664</v>
      </c>
      <c r="D5670">
        <v>152567.93520000001</v>
      </c>
      <c r="E5670">
        <v>12265.18763</v>
      </c>
      <c r="F5670">
        <v>59721.821580000003</v>
      </c>
      <c r="G5670">
        <v>26063.038649999999</v>
      </c>
      <c r="H5670">
        <v>33039.766649999998</v>
      </c>
      <c r="I5670">
        <v>18274.820110000001</v>
      </c>
      <c r="J5670">
        <v>38099.376920000002</v>
      </c>
      <c r="K5670">
        <v>44998.509129999999</v>
      </c>
      <c r="L5670">
        <v>16609.14372</v>
      </c>
      <c r="M5670">
        <v>243927.21170000001</v>
      </c>
      <c r="N5670">
        <v>66937.882920000004</v>
      </c>
      <c r="O5670">
        <v>16501.59187</v>
      </c>
      <c r="P5670">
        <v>25197.927889999999</v>
      </c>
      <c r="Q5670">
        <v>69877.923809999993</v>
      </c>
      <c r="R5670">
        <v>14439.33972</v>
      </c>
      <c r="S5670">
        <v>71830.975930000001</v>
      </c>
      <c r="T5670">
        <v>17213.09834</v>
      </c>
      <c r="U5670">
        <v>13921.1862</v>
      </c>
      <c r="W5670" s="83">
        <f>Bühler!N5702</f>
        <v>45528.16666665292</v>
      </c>
      <c r="X5670" s="83">
        <v>43337.166666666664</v>
      </c>
      <c r="Y5670">
        <v>152567.93520000001</v>
      </c>
      <c r="Z5670">
        <v>12265.18763</v>
      </c>
      <c r="AA5670">
        <v>59721.821580000003</v>
      </c>
      <c r="AB5670">
        <v>26063.038649999999</v>
      </c>
      <c r="AC5670">
        <v>33039.766649999998</v>
      </c>
      <c r="AD5670">
        <v>18274.820110000001</v>
      </c>
      <c r="AE5670">
        <v>38099.376920000002</v>
      </c>
      <c r="AF5670">
        <v>44998.509129999999</v>
      </c>
      <c r="AG5670">
        <v>16609.14372</v>
      </c>
      <c r="AH5670">
        <v>243927.21170000001</v>
      </c>
      <c r="AI5670">
        <v>66937.882920000004</v>
      </c>
      <c r="AJ5670">
        <v>16501.59187</v>
      </c>
      <c r="AK5670">
        <v>25197.927889999999</v>
      </c>
      <c r="AL5670">
        <v>69877.923809999993</v>
      </c>
      <c r="AM5670">
        <v>14439.33972</v>
      </c>
      <c r="AN5670">
        <v>71830.975930000001</v>
      </c>
      <c r="AO5670">
        <v>17213.09834</v>
      </c>
      <c r="AP5670">
        <v>13921.1862</v>
      </c>
    </row>
    <row r="5671" spans="2:42" x14ac:dyDescent="0.3">
      <c r="B5671">
        <v>47.11403347381205</v>
      </c>
      <c r="C5671" s="83">
        <v>43337.208333333336</v>
      </c>
      <c r="D5671">
        <v>149752.27069999999</v>
      </c>
      <c r="E5671">
        <v>12887.608410000001</v>
      </c>
      <c r="F5671">
        <v>68318.398759999996</v>
      </c>
      <c r="G5671">
        <v>26323.866859999998</v>
      </c>
      <c r="H5671">
        <v>33553.856440000003</v>
      </c>
      <c r="I5671">
        <v>22761.051240000001</v>
      </c>
      <c r="J5671">
        <v>41051.558579999997</v>
      </c>
      <c r="K5671">
        <v>45281.06235</v>
      </c>
      <c r="L5671">
        <v>16775.290730000001</v>
      </c>
      <c r="M5671">
        <v>240209.31390000001</v>
      </c>
      <c r="N5671">
        <v>66104.649529999995</v>
      </c>
      <c r="O5671">
        <v>17038.013370000001</v>
      </c>
      <c r="P5671">
        <v>25975.24984</v>
      </c>
      <c r="Q5671">
        <v>67071.265480000002</v>
      </c>
      <c r="R5671">
        <v>15684.026589999999</v>
      </c>
      <c r="S5671">
        <v>72863.798039999994</v>
      </c>
      <c r="T5671">
        <v>17782.640230000001</v>
      </c>
      <c r="U5671">
        <v>14178.765810000001</v>
      </c>
      <c r="W5671" s="83">
        <f>Bühler!N5703</f>
        <v>45528.208333319584</v>
      </c>
      <c r="X5671" s="83">
        <v>43337.208333333336</v>
      </c>
      <c r="Y5671">
        <v>149752.27069999999</v>
      </c>
      <c r="Z5671">
        <v>12887.608410000001</v>
      </c>
      <c r="AA5671">
        <v>68318.398759999996</v>
      </c>
      <c r="AB5671">
        <v>26323.866859999998</v>
      </c>
      <c r="AC5671">
        <v>33553.856440000003</v>
      </c>
      <c r="AD5671">
        <v>22761.051240000001</v>
      </c>
      <c r="AE5671">
        <v>41051.558579999997</v>
      </c>
      <c r="AF5671">
        <v>45281.06235</v>
      </c>
      <c r="AG5671">
        <v>16775.290730000001</v>
      </c>
      <c r="AH5671">
        <v>240209.31390000001</v>
      </c>
      <c r="AI5671">
        <v>66104.649529999995</v>
      </c>
      <c r="AJ5671">
        <v>17038.013370000001</v>
      </c>
      <c r="AK5671">
        <v>25975.24984</v>
      </c>
      <c r="AL5671">
        <v>67071.265480000002</v>
      </c>
      <c r="AM5671">
        <v>15684.026589999999</v>
      </c>
      <c r="AN5671">
        <v>72863.798039999994</v>
      </c>
      <c r="AO5671">
        <v>17782.640230000001</v>
      </c>
      <c r="AP5671">
        <v>14178.765810000001</v>
      </c>
    </row>
    <row r="5672" spans="2:42" x14ac:dyDescent="0.3">
      <c r="B5672">
        <v>46.598561717457969</v>
      </c>
      <c r="C5672" s="83">
        <v>43337.25</v>
      </c>
      <c r="D5672">
        <v>150994.16649999999</v>
      </c>
      <c r="E5672">
        <v>14271.487660000001</v>
      </c>
      <c r="F5672">
        <v>78216.659230000005</v>
      </c>
      <c r="G5672">
        <v>26779.834989999999</v>
      </c>
      <c r="H5672">
        <v>33492.528010000002</v>
      </c>
      <c r="I5672">
        <v>25282.73504</v>
      </c>
      <c r="J5672">
        <v>43811.068420000003</v>
      </c>
      <c r="K5672">
        <v>42498.157379999997</v>
      </c>
      <c r="L5672">
        <v>17402.021909999999</v>
      </c>
      <c r="M5672">
        <v>237581.1985</v>
      </c>
      <c r="N5672">
        <v>65390.822529999998</v>
      </c>
      <c r="O5672">
        <v>17372.9784</v>
      </c>
      <c r="P5672">
        <v>27030.39097</v>
      </c>
      <c r="Q5672">
        <v>65141.172209999997</v>
      </c>
      <c r="R5672">
        <v>16000.88385</v>
      </c>
      <c r="S5672">
        <v>76480.13278</v>
      </c>
      <c r="T5672">
        <v>18679.681349999999</v>
      </c>
      <c r="U5672">
        <v>13961.009410000001</v>
      </c>
      <c r="W5672" s="83">
        <f>Bühler!N5704</f>
        <v>45528.249999986248</v>
      </c>
      <c r="X5672" s="83">
        <v>43337.25</v>
      </c>
      <c r="Y5672">
        <v>150994.16649999999</v>
      </c>
      <c r="Z5672">
        <v>14271.487660000001</v>
      </c>
      <c r="AA5672">
        <v>78216.659230000005</v>
      </c>
      <c r="AB5672">
        <v>26779.834989999999</v>
      </c>
      <c r="AC5672">
        <v>33492.528010000002</v>
      </c>
      <c r="AD5672">
        <v>25282.73504</v>
      </c>
      <c r="AE5672">
        <v>43811.068420000003</v>
      </c>
      <c r="AF5672">
        <v>42498.157379999997</v>
      </c>
      <c r="AG5672">
        <v>17402.021909999999</v>
      </c>
      <c r="AH5672">
        <v>237581.1985</v>
      </c>
      <c r="AI5672">
        <v>65390.822529999998</v>
      </c>
      <c r="AJ5672">
        <v>17372.9784</v>
      </c>
      <c r="AK5672">
        <v>27030.39097</v>
      </c>
      <c r="AL5672">
        <v>65141.172209999997</v>
      </c>
      <c r="AM5672">
        <v>16000.88385</v>
      </c>
      <c r="AN5672">
        <v>76480.13278</v>
      </c>
      <c r="AO5672">
        <v>18679.681349999999</v>
      </c>
      <c r="AP5672">
        <v>13961.009410000001</v>
      </c>
    </row>
    <row r="5673" spans="2:42" x14ac:dyDescent="0.3">
      <c r="B5673">
        <v>46.178969126957618</v>
      </c>
      <c r="C5673" s="83">
        <v>43337.291666666664</v>
      </c>
      <c r="D5673">
        <v>148669.21410000001</v>
      </c>
      <c r="E5673">
        <v>15830.374519999999</v>
      </c>
      <c r="F5673">
        <v>81193.509520000007</v>
      </c>
      <c r="G5673">
        <v>26993.068139999999</v>
      </c>
      <c r="H5673">
        <v>33184.10007</v>
      </c>
      <c r="I5673">
        <v>25421.825499999999</v>
      </c>
      <c r="J5673">
        <v>43942.9444</v>
      </c>
      <c r="K5673">
        <v>42732.286509999998</v>
      </c>
      <c r="L5673">
        <v>19165.983960000001</v>
      </c>
      <c r="M5673">
        <v>235441.9198</v>
      </c>
      <c r="N5673">
        <v>65224.337910000002</v>
      </c>
      <c r="O5673">
        <v>17802.036479999999</v>
      </c>
      <c r="P5673">
        <v>29959.853770000002</v>
      </c>
      <c r="Q5673">
        <v>63213.147210000003</v>
      </c>
      <c r="R5673">
        <v>16050.06033</v>
      </c>
      <c r="S5673">
        <v>81852.630300000004</v>
      </c>
      <c r="T5673">
        <v>19591.49884</v>
      </c>
      <c r="U5673">
        <v>13772.71319</v>
      </c>
      <c r="W5673" s="83">
        <f>Bühler!N5705</f>
        <v>45528.291666652913</v>
      </c>
      <c r="X5673" s="83">
        <v>43337.291666666664</v>
      </c>
      <c r="Y5673">
        <v>148669.21410000001</v>
      </c>
      <c r="Z5673">
        <v>15830.374519999999</v>
      </c>
      <c r="AA5673">
        <v>81193.509520000007</v>
      </c>
      <c r="AB5673">
        <v>26993.068139999999</v>
      </c>
      <c r="AC5673">
        <v>33184.10007</v>
      </c>
      <c r="AD5673">
        <v>25421.825499999999</v>
      </c>
      <c r="AE5673">
        <v>43942.9444</v>
      </c>
      <c r="AF5673">
        <v>42732.286509999998</v>
      </c>
      <c r="AG5673">
        <v>19165.983960000001</v>
      </c>
      <c r="AH5673">
        <v>235441.9198</v>
      </c>
      <c r="AI5673">
        <v>65224.337910000002</v>
      </c>
      <c r="AJ5673">
        <v>17802.036479999999</v>
      </c>
      <c r="AK5673">
        <v>29959.853770000002</v>
      </c>
      <c r="AL5673">
        <v>63213.147210000003</v>
      </c>
      <c r="AM5673">
        <v>16050.06033</v>
      </c>
      <c r="AN5673">
        <v>81852.630300000004</v>
      </c>
      <c r="AO5673">
        <v>19591.49884</v>
      </c>
      <c r="AP5673">
        <v>13772.71319</v>
      </c>
    </row>
    <row r="5674" spans="2:42" x14ac:dyDescent="0.3">
      <c r="B5674">
        <v>46.135518648884037</v>
      </c>
      <c r="C5674" s="83">
        <v>43337.333333333336</v>
      </c>
      <c r="D5674">
        <v>147966.25440000001</v>
      </c>
      <c r="E5674">
        <v>19008.75691</v>
      </c>
      <c r="F5674">
        <v>85332.756129999994</v>
      </c>
      <c r="G5674">
        <v>27598.096229999999</v>
      </c>
      <c r="H5674">
        <v>33723.020510000002</v>
      </c>
      <c r="I5674">
        <v>26051.71297</v>
      </c>
      <c r="J5674">
        <v>46173.25922</v>
      </c>
      <c r="K5674">
        <v>43573.009539999999</v>
      </c>
      <c r="L5674">
        <v>22319.660090000001</v>
      </c>
      <c r="M5674">
        <v>235220.389</v>
      </c>
      <c r="N5674">
        <v>66608.644799999995</v>
      </c>
      <c r="O5674">
        <v>18516.83236</v>
      </c>
      <c r="P5674">
        <v>33436.142099999997</v>
      </c>
      <c r="Q5674">
        <v>62793.374230000001</v>
      </c>
      <c r="R5674">
        <v>17389.868109999999</v>
      </c>
      <c r="S5674">
        <v>85001.396250000005</v>
      </c>
      <c r="T5674">
        <v>21068.89328</v>
      </c>
      <c r="U5674">
        <v>13961.691489999999</v>
      </c>
      <c r="W5674" s="83">
        <f>Bühler!N5706</f>
        <v>45528.333333319577</v>
      </c>
      <c r="X5674" s="83">
        <v>43337.333333333336</v>
      </c>
      <c r="Y5674">
        <v>147966.25440000001</v>
      </c>
      <c r="Z5674">
        <v>19008.75691</v>
      </c>
      <c r="AA5674">
        <v>85332.756129999994</v>
      </c>
      <c r="AB5674">
        <v>27598.096229999999</v>
      </c>
      <c r="AC5674">
        <v>33723.020510000002</v>
      </c>
      <c r="AD5674">
        <v>26051.71297</v>
      </c>
      <c r="AE5674">
        <v>46173.25922</v>
      </c>
      <c r="AF5674">
        <v>43573.009539999999</v>
      </c>
      <c r="AG5674">
        <v>22319.660090000001</v>
      </c>
      <c r="AH5674">
        <v>235220.389</v>
      </c>
      <c r="AI5674">
        <v>66608.644799999995</v>
      </c>
      <c r="AJ5674">
        <v>18516.83236</v>
      </c>
      <c r="AK5674">
        <v>33436.142099999997</v>
      </c>
      <c r="AL5674">
        <v>62793.374230000001</v>
      </c>
      <c r="AM5674">
        <v>17389.868109999999</v>
      </c>
      <c r="AN5674">
        <v>85001.396250000005</v>
      </c>
      <c r="AO5674">
        <v>21068.89328</v>
      </c>
      <c r="AP5674">
        <v>13961.691489999999</v>
      </c>
    </row>
    <row r="5675" spans="2:42" x14ac:dyDescent="0.3">
      <c r="B5675">
        <v>46.40454649137714</v>
      </c>
      <c r="C5675" s="83">
        <v>43337.375</v>
      </c>
      <c r="D5675">
        <v>148987.32579999999</v>
      </c>
      <c r="E5675">
        <v>23046.737109999998</v>
      </c>
      <c r="F5675">
        <v>92623.544980000006</v>
      </c>
      <c r="G5675">
        <v>28018.647130000001</v>
      </c>
      <c r="H5675">
        <v>34680.599829999999</v>
      </c>
      <c r="I5675">
        <v>26741.504400000002</v>
      </c>
      <c r="J5675">
        <v>48818.784480000002</v>
      </c>
      <c r="K5675">
        <v>45630.031029999998</v>
      </c>
      <c r="L5675">
        <v>25703.045699999999</v>
      </c>
      <c r="M5675">
        <v>236592.0184</v>
      </c>
      <c r="N5675">
        <v>69603.149439999994</v>
      </c>
      <c r="O5675">
        <v>19573.29796</v>
      </c>
      <c r="P5675">
        <v>37066.066630000001</v>
      </c>
      <c r="Q5675">
        <v>63571.546090000003</v>
      </c>
      <c r="R5675">
        <v>16811.913530000002</v>
      </c>
      <c r="S5675">
        <v>88920.806419999994</v>
      </c>
      <c r="T5675">
        <v>22831.91649</v>
      </c>
      <c r="U5675">
        <v>14122.98007</v>
      </c>
      <c r="W5675" s="83">
        <f>Bühler!N5707</f>
        <v>45528.374999986241</v>
      </c>
      <c r="X5675" s="83">
        <v>43337.375</v>
      </c>
      <c r="Y5675">
        <v>148987.32579999999</v>
      </c>
      <c r="Z5675">
        <v>23046.737109999998</v>
      </c>
      <c r="AA5675">
        <v>92623.544980000006</v>
      </c>
      <c r="AB5675">
        <v>28018.647130000001</v>
      </c>
      <c r="AC5675">
        <v>34680.599829999999</v>
      </c>
      <c r="AD5675">
        <v>26741.504400000002</v>
      </c>
      <c r="AE5675">
        <v>48818.784480000002</v>
      </c>
      <c r="AF5675">
        <v>45630.031029999998</v>
      </c>
      <c r="AG5675">
        <v>25703.045699999999</v>
      </c>
      <c r="AH5675">
        <v>236592.0184</v>
      </c>
      <c r="AI5675">
        <v>69603.149439999994</v>
      </c>
      <c r="AJ5675">
        <v>19573.29796</v>
      </c>
      <c r="AK5675">
        <v>37066.066630000001</v>
      </c>
      <c r="AL5675">
        <v>63571.546090000003</v>
      </c>
      <c r="AM5675">
        <v>16811.913530000002</v>
      </c>
      <c r="AN5675">
        <v>88920.806419999994</v>
      </c>
      <c r="AO5675">
        <v>22831.91649</v>
      </c>
      <c r="AP5675">
        <v>14122.98007</v>
      </c>
    </row>
    <row r="5676" spans="2:42" x14ac:dyDescent="0.3">
      <c r="B5676">
        <v>46.821418440204162</v>
      </c>
      <c r="C5676" s="83">
        <v>43337.416666666664</v>
      </c>
      <c r="D5676">
        <v>150091.94440000001</v>
      </c>
      <c r="E5676">
        <v>24952.303039999999</v>
      </c>
      <c r="F5676">
        <v>94757.214240000001</v>
      </c>
      <c r="G5676">
        <v>28753.557280000001</v>
      </c>
      <c r="H5676">
        <v>35678.974920000001</v>
      </c>
      <c r="I5676">
        <v>26774.605189999998</v>
      </c>
      <c r="J5676">
        <v>49230.243970000003</v>
      </c>
      <c r="K5676">
        <v>46601.134749999997</v>
      </c>
      <c r="L5676">
        <v>29637.63494</v>
      </c>
      <c r="M5676">
        <v>238717.42600000001</v>
      </c>
      <c r="N5676">
        <v>71163.600810000004</v>
      </c>
      <c r="O5676">
        <v>20652.154839999999</v>
      </c>
      <c r="P5676">
        <v>37748.923390000004</v>
      </c>
      <c r="Q5676">
        <v>63431.229959999997</v>
      </c>
      <c r="R5676">
        <v>18172.20839</v>
      </c>
      <c r="S5676">
        <v>91051.538499999995</v>
      </c>
      <c r="T5676">
        <v>25228.24886</v>
      </c>
      <c r="U5676">
        <v>14080.113359999999</v>
      </c>
      <c r="W5676" s="83">
        <f>Bühler!N5708</f>
        <v>45528.416666652905</v>
      </c>
      <c r="X5676" s="83">
        <v>43337.416666666664</v>
      </c>
      <c r="Y5676">
        <v>150091.94440000001</v>
      </c>
      <c r="Z5676">
        <v>24952.303039999999</v>
      </c>
      <c r="AA5676">
        <v>94757.214240000001</v>
      </c>
      <c r="AB5676">
        <v>28753.557280000001</v>
      </c>
      <c r="AC5676">
        <v>35678.974920000001</v>
      </c>
      <c r="AD5676">
        <v>26774.605189999998</v>
      </c>
      <c r="AE5676">
        <v>49230.243970000003</v>
      </c>
      <c r="AF5676">
        <v>46601.134749999997</v>
      </c>
      <c r="AG5676">
        <v>29637.63494</v>
      </c>
      <c r="AH5676">
        <v>238717.42600000001</v>
      </c>
      <c r="AI5676">
        <v>71163.600810000004</v>
      </c>
      <c r="AJ5676">
        <v>20652.154839999999</v>
      </c>
      <c r="AK5676">
        <v>37748.923390000004</v>
      </c>
      <c r="AL5676">
        <v>63431.229959999997</v>
      </c>
      <c r="AM5676">
        <v>18172.20839</v>
      </c>
      <c r="AN5676">
        <v>91051.538499999995</v>
      </c>
      <c r="AO5676">
        <v>25228.24886</v>
      </c>
      <c r="AP5676">
        <v>14080.113359999999</v>
      </c>
    </row>
    <row r="5677" spans="2:42" x14ac:dyDescent="0.3">
      <c r="B5677">
        <v>47.101528223071185</v>
      </c>
      <c r="C5677" s="83">
        <v>43337.458333333336</v>
      </c>
      <c r="D5677">
        <v>150318.1047</v>
      </c>
      <c r="E5677">
        <v>25627.104940000001</v>
      </c>
      <c r="F5677">
        <v>96298.955470000001</v>
      </c>
      <c r="G5677">
        <v>29221.648509999999</v>
      </c>
      <c r="H5677">
        <v>36297.368150000002</v>
      </c>
      <c r="I5677">
        <v>27002.485049999999</v>
      </c>
      <c r="J5677">
        <v>49271.762690000003</v>
      </c>
      <c r="K5677">
        <v>48330.458720000002</v>
      </c>
      <c r="L5677">
        <v>31838.486290000001</v>
      </c>
      <c r="M5677">
        <v>240145.5563</v>
      </c>
      <c r="N5677">
        <v>73605.271909999996</v>
      </c>
      <c r="O5677">
        <v>20704.846219999999</v>
      </c>
      <c r="P5677">
        <v>37137.304759999999</v>
      </c>
      <c r="Q5677">
        <v>64219.929949999998</v>
      </c>
      <c r="R5677">
        <v>19689.569060000002</v>
      </c>
      <c r="S5677">
        <v>94763.166639999996</v>
      </c>
      <c r="T5677">
        <v>26180.042580000001</v>
      </c>
      <c r="U5677">
        <v>14110.22155</v>
      </c>
      <c r="W5677" s="83">
        <f>Bühler!N5709</f>
        <v>45528.45833331957</v>
      </c>
      <c r="X5677" s="83">
        <v>43337.458333333336</v>
      </c>
      <c r="Y5677">
        <v>150318.1047</v>
      </c>
      <c r="Z5677">
        <v>25627.104940000001</v>
      </c>
      <c r="AA5677">
        <v>96298.955470000001</v>
      </c>
      <c r="AB5677">
        <v>29221.648509999999</v>
      </c>
      <c r="AC5677">
        <v>36297.368150000002</v>
      </c>
      <c r="AD5677">
        <v>27002.485049999999</v>
      </c>
      <c r="AE5677">
        <v>49271.762690000003</v>
      </c>
      <c r="AF5677">
        <v>48330.458720000002</v>
      </c>
      <c r="AG5677">
        <v>31838.486290000001</v>
      </c>
      <c r="AH5677">
        <v>240145.5563</v>
      </c>
      <c r="AI5677">
        <v>73605.271909999996</v>
      </c>
      <c r="AJ5677">
        <v>20704.846219999999</v>
      </c>
      <c r="AK5677">
        <v>37137.304759999999</v>
      </c>
      <c r="AL5677">
        <v>64219.929949999998</v>
      </c>
      <c r="AM5677">
        <v>19689.569060000002</v>
      </c>
      <c r="AN5677">
        <v>94763.166639999996</v>
      </c>
      <c r="AO5677">
        <v>26180.042580000001</v>
      </c>
      <c r="AP5677">
        <v>14110.22155</v>
      </c>
    </row>
    <row r="5678" spans="2:42" x14ac:dyDescent="0.3">
      <c r="B5678">
        <v>46.394886645318202</v>
      </c>
      <c r="C5678" s="83">
        <v>43337.5</v>
      </c>
      <c r="D5678">
        <v>147247.45939999999</v>
      </c>
      <c r="E5678">
        <v>24889.457770000001</v>
      </c>
      <c r="F5678">
        <v>95755.119279999999</v>
      </c>
      <c r="G5678">
        <v>29338.456730000002</v>
      </c>
      <c r="H5678">
        <v>36168.271919999999</v>
      </c>
      <c r="I5678">
        <v>27184.801380000001</v>
      </c>
      <c r="J5678">
        <v>49100.477780000001</v>
      </c>
      <c r="K5678">
        <v>48452.449890000004</v>
      </c>
      <c r="L5678">
        <v>34301.056969999998</v>
      </c>
      <c r="M5678">
        <v>236542.76800000001</v>
      </c>
      <c r="N5678">
        <v>75986.306070000006</v>
      </c>
      <c r="O5678">
        <v>20347.691500000001</v>
      </c>
      <c r="P5678">
        <v>37356.933770000003</v>
      </c>
      <c r="Q5678">
        <v>63057.252110000001</v>
      </c>
      <c r="R5678">
        <v>20475.43763</v>
      </c>
      <c r="S5678">
        <v>92313.652010000005</v>
      </c>
      <c r="T5678">
        <v>25902.27058</v>
      </c>
      <c r="U5678">
        <v>13890.040569999999</v>
      </c>
      <c r="W5678" s="83">
        <f>Bühler!N5710</f>
        <v>45528.499999986234</v>
      </c>
      <c r="X5678" s="83">
        <v>43337.5</v>
      </c>
      <c r="Y5678">
        <v>147247.45939999999</v>
      </c>
      <c r="Z5678">
        <v>24889.457770000001</v>
      </c>
      <c r="AA5678">
        <v>95755.119279999999</v>
      </c>
      <c r="AB5678">
        <v>29338.456730000002</v>
      </c>
      <c r="AC5678">
        <v>36168.271919999999</v>
      </c>
      <c r="AD5678">
        <v>27184.801380000001</v>
      </c>
      <c r="AE5678">
        <v>49100.477780000001</v>
      </c>
      <c r="AF5678">
        <v>48452.449890000004</v>
      </c>
      <c r="AG5678">
        <v>34301.056969999998</v>
      </c>
      <c r="AH5678">
        <v>236542.76800000001</v>
      </c>
      <c r="AI5678">
        <v>75986.306070000006</v>
      </c>
      <c r="AJ5678">
        <v>20347.691500000001</v>
      </c>
      <c r="AK5678">
        <v>37356.933770000003</v>
      </c>
      <c r="AL5678">
        <v>63057.252110000001</v>
      </c>
      <c r="AM5678">
        <v>20475.43763</v>
      </c>
      <c r="AN5678">
        <v>92313.652010000005</v>
      </c>
      <c r="AO5678">
        <v>25902.27058</v>
      </c>
      <c r="AP5678">
        <v>13890.040569999999</v>
      </c>
    </row>
    <row r="5679" spans="2:42" x14ac:dyDescent="0.3">
      <c r="B5679">
        <v>46.308403618771266</v>
      </c>
      <c r="C5679" s="83">
        <v>43337.541666666664</v>
      </c>
      <c r="D5679">
        <v>145669.20980000001</v>
      </c>
      <c r="E5679">
        <v>24779.058870000001</v>
      </c>
      <c r="F5679">
        <v>95336.273690000002</v>
      </c>
      <c r="G5679">
        <v>29382.47899</v>
      </c>
      <c r="H5679">
        <v>36418.114549999998</v>
      </c>
      <c r="I5679">
        <v>27430.772440000001</v>
      </c>
      <c r="J5679">
        <v>48809.482400000001</v>
      </c>
      <c r="K5679">
        <v>49184.75922</v>
      </c>
      <c r="L5679">
        <v>34437.863400000002</v>
      </c>
      <c r="M5679">
        <v>236101.83720000001</v>
      </c>
      <c r="N5679">
        <v>76739.139490000001</v>
      </c>
      <c r="O5679">
        <v>19332.705760000001</v>
      </c>
      <c r="P5679">
        <v>37378.277880000001</v>
      </c>
      <c r="Q5679">
        <v>61299.909979999997</v>
      </c>
      <c r="R5679">
        <v>20585.436730000001</v>
      </c>
      <c r="S5679">
        <v>93846.237909999996</v>
      </c>
      <c r="T5679">
        <v>26167.099340000001</v>
      </c>
      <c r="U5679">
        <v>14003.061530000001</v>
      </c>
      <c r="W5679" s="83">
        <f>Bühler!N5711</f>
        <v>45528.541666652898</v>
      </c>
      <c r="X5679" s="83">
        <v>43337.541666666664</v>
      </c>
      <c r="Y5679">
        <v>145669.20980000001</v>
      </c>
      <c r="Z5679">
        <v>24779.058870000001</v>
      </c>
      <c r="AA5679">
        <v>95336.273690000002</v>
      </c>
      <c r="AB5679">
        <v>29382.47899</v>
      </c>
      <c r="AC5679">
        <v>36418.114549999998</v>
      </c>
      <c r="AD5679">
        <v>27430.772440000001</v>
      </c>
      <c r="AE5679">
        <v>48809.482400000001</v>
      </c>
      <c r="AF5679">
        <v>49184.75922</v>
      </c>
      <c r="AG5679">
        <v>34437.863400000002</v>
      </c>
      <c r="AH5679">
        <v>236101.83720000001</v>
      </c>
      <c r="AI5679">
        <v>76739.139490000001</v>
      </c>
      <c r="AJ5679">
        <v>19332.705760000001</v>
      </c>
      <c r="AK5679">
        <v>37378.277880000001</v>
      </c>
      <c r="AL5679">
        <v>61299.909979999997</v>
      </c>
      <c r="AM5679">
        <v>20585.436730000001</v>
      </c>
      <c r="AN5679">
        <v>93846.237909999996</v>
      </c>
      <c r="AO5679">
        <v>26167.099340000001</v>
      </c>
      <c r="AP5679">
        <v>14003.061530000001</v>
      </c>
    </row>
    <row r="5680" spans="2:42" x14ac:dyDescent="0.3">
      <c r="B5680">
        <v>45.817164973261377</v>
      </c>
      <c r="C5680" s="83">
        <v>43337.583333333336</v>
      </c>
      <c r="D5680">
        <v>145222.36369999999</v>
      </c>
      <c r="E5680">
        <v>25814.476419999999</v>
      </c>
      <c r="F5680">
        <v>96380.959440000006</v>
      </c>
      <c r="G5680">
        <v>29269.009719999998</v>
      </c>
      <c r="H5680">
        <v>36593.868340000001</v>
      </c>
      <c r="I5680">
        <v>27836.9244</v>
      </c>
      <c r="J5680">
        <v>49299.64933</v>
      </c>
      <c r="K5680">
        <v>48701.344109999998</v>
      </c>
      <c r="L5680">
        <v>33245.278780000001</v>
      </c>
      <c r="M5680">
        <v>233597.27350000001</v>
      </c>
      <c r="N5680">
        <v>76893.003339999996</v>
      </c>
      <c r="O5680">
        <v>19427.956740000001</v>
      </c>
      <c r="P5680">
        <v>34601.458879999998</v>
      </c>
      <c r="Q5680">
        <v>60520.605560000004</v>
      </c>
      <c r="R5680">
        <v>20494.636709999999</v>
      </c>
      <c r="S5680">
        <v>91849.520510000002</v>
      </c>
      <c r="T5680">
        <v>26350.202669999999</v>
      </c>
      <c r="U5680">
        <v>13869.87212</v>
      </c>
      <c r="W5680" s="83">
        <f>Bühler!N5712</f>
        <v>45528.583333319562</v>
      </c>
      <c r="X5680" s="83">
        <v>43337.583333333336</v>
      </c>
      <c r="Y5680">
        <v>145222.36369999999</v>
      </c>
      <c r="Z5680">
        <v>25814.476419999999</v>
      </c>
      <c r="AA5680">
        <v>96380.959440000006</v>
      </c>
      <c r="AB5680">
        <v>29269.009719999998</v>
      </c>
      <c r="AC5680">
        <v>36593.868340000001</v>
      </c>
      <c r="AD5680">
        <v>27836.9244</v>
      </c>
      <c r="AE5680">
        <v>49299.64933</v>
      </c>
      <c r="AF5680">
        <v>48701.344109999998</v>
      </c>
      <c r="AG5680">
        <v>33245.278780000001</v>
      </c>
      <c r="AH5680">
        <v>233597.27350000001</v>
      </c>
      <c r="AI5680">
        <v>76893.003339999996</v>
      </c>
      <c r="AJ5680">
        <v>19427.956740000001</v>
      </c>
      <c r="AK5680">
        <v>34601.458879999998</v>
      </c>
      <c r="AL5680">
        <v>60520.605560000004</v>
      </c>
      <c r="AM5680">
        <v>20494.636709999999</v>
      </c>
      <c r="AN5680">
        <v>91849.520510000002</v>
      </c>
      <c r="AO5680">
        <v>26350.202669999999</v>
      </c>
      <c r="AP5680">
        <v>13869.87212</v>
      </c>
    </row>
    <row r="5681" spans="2:42" x14ac:dyDescent="0.3">
      <c r="B5681">
        <v>45.767207087317523</v>
      </c>
      <c r="C5681" s="83">
        <v>43337.625</v>
      </c>
      <c r="D5681">
        <v>145240.40530000001</v>
      </c>
      <c r="E5681">
        <v>25906.122640000001</v>
      </c>
      <c r="F5681">
        <v>97093.373720000003</v>
      </c>
      <c r="G5681">
        <v>29222.18302</v>
      </c>
      <c r="H5681">
        <v>36335.681519999998</v>
      </c>
      <c r="I5681">
        <v>27745.579170000001</v>
      </c>
      <c r="J5681">
        <v>48374.814460000001</v>
      </c>
      <c r="K5681">
        <v>47650.558239999998</v>
      </c>
      <c r="L5681">
        <v>31535.858479999999</v>
      </c>
      <c r="M5681">
        <v>233342.5649</v>
      </c>
      <c r="N5681">
        <v>75549.156180000005</v>
      </c>
      <c r="O5681">
        <v>19034.687829999999</v>
      </c>
      <c r="P5681">
        <v>32561.142029999999</v>
      </c>
      <c r="Q5681">
        <v>60030.93778</v>
      </c>
      <c r="R5681">
        <v>20428.56681</v>
      </c>
      <c r="S5681">
        <v>91604.900999999998</v>
      </c>
      <c r="T5681">
        <v>26446.442080000001</v>
      </c>
      <c r="U5681">
        <v>14046.3714</v>
      </c>
      <c r="W5681" s="83">
        <f>Bühler!N5713</f>
        <v>45528.624999986227</v>
      </c>
      <c r="X5681" s="83">
        <v>43337.625</v>
      </c>
      <c r="Y5681">
        <v>145240.40530000001</v>
      </c>
      <c r="Z5681">
        <v>25906.122640000001</v>
      </c>
      <c r="AA5681">
        <v>97093.373720000003</v>
      </c>
      <c r="AB5681">
        <v>29222.18302</v>
      </c>
      <c r="AC5681">
        <v>36335.681519999998</v>
      </c>
      <c r="AD5681">
        <v>27745.579170000001</v>
      </c>
      <c r="AE5681">
        <v>48374.814460000001</v>
      </c>
      <c r="AF5681">
        <v>47650.558239999998</v>
      </c>
      <c r="AG5681">
        <v>31535.858479999999</v>
      </c>
      <c r="AH5681">
        <v>233342.5649</v>
      </c>
      <c r="AI5681">
        <v>75549.156180000005</v>
      </c>
      <c r="AJ5681">
        <v>19034.687829999999</v>
      </c>
      <c r="AK5681">
        <v>32561.142029999999</v>
      </c>
      <c r="AL5681">
        <v>60030.93778</v>
      </c>
      <c r="AM5681">
        <v>20428.56681</v>
      </c>
      <c r="AN5681">
        <v>91604.900999999998</v>
      </c>
      <c r="AO5681">
        <v>26446.442080000001</v>
      </c>
      <c r="AP5681">
        <v>14046.3714</v>
      </c>
    </row>
    <row r="5682" spans="2:42" x14ac:dyDescent="0.3">
      <c r="B5682">
        <v>45.408097312494981</v>
      </c>
      <c r="C5682" s="83">
        <v>43337.666666666664</v>
      </c>
      <c r="D5682">
        <v>144618.40900000001</v>
      </c>
      <c r="E5682">
        <v>26030.424620000002</v>
      </c>
      <c r="F5682">
        <v>96337.250190000006</v>
      </c>
      <c r="G5682">
        <v>29412.332170000001</v>
      </c>
      <c r="H5682">
        <v>36183.38132</v>
      </c>
      <c r="I5682">
        <v>28159.469639999999</v>
      </c>
      <c r="J5682">
        <v>47774.753530000002</v>
      </c>
      <c r="K5682">
        <v>46681.43535</v>
      </c>
      <c r="L5682">
        <v>30867.59246</v>
      </c>
      <c r="M5682">
        <v>231511.65580000001</v>
      </c>
      <c r="N5682">
        <v>75731.504260000002</v>
      </c>
      <c r="O5682">
        <v>19110.005850000001</v>
      </c>
      <c r="P5682">
        <v>32096.706320000001</v>
      </c>
      <c r="Q5682">
        <v>59111.618779999997</v>
      </c>
      <c r="R5682">
        <v>20025.911400000001</v>
      </c>
      <c r="S5682">
        <v>92267.580690000003</v>
      </c>
      <c r="T5682">
        <v>26117.916799999999</v>
      </c>
      <c r="U5682">
        <v>13960.60439</v>
      </c>
      <c r="W5682" s="83">
        <f>Bühler!N5714</f>
        <v>45528.666666652891</v>
      </c>
      <c r="X5682" s="83">
        <v>43337.666666666664</v>
      </c>
      <c r="Y5682">
        <v>144618.40900000001</v>
      </c>
      <c r="Z5682">
        <v>26030.424620000002</v>
      </c>
      <c r="AA5682">
        <v>96337.250190000006</v>
      </c>
      <c r="AB5682">
        <v>29412.332170000001</v>
      </c>
      <c r="AC5682">
        <v>36183.38132</v>
      </c>
      <c r="AD5682">
        <v>28159.469639999999</v>
      </c>
      <c r="AE5682">
        <v>47774.753530000002</v>
      </c>
      <c r="AF5682">
        <v>46681.43535</v>
      </c>
      <c r="AG5682">
        <v>30867.59246</v>
      </c>
      <c r="AH5682">
        <v>231511.65580000001</v>
      </c>
      <c r="AI5682">
        <v>75731.504260000002</v>
      </c>
      <c r="AJ5682">
        <v>19110.005850000001</v>
      </c>
      <c r="AK5682">
        <v>32096.706320000001</v>
      </c>
      <c r="AL5682">
        <v>59111.618779999997</v>
      </c>
      <c r="AM5682">
        <v>20025.911400000001</v>
      </c>
      <c r="AN5682">
        <v>92267.580690000003</v>
      </c>
      <c r="AO5682">
        <v>26117.916799999999</v>
      </c>
      <c r="AP5682">
        <v>13960.60439</v>
      </c>
    </row>
    <row r="5683" spans="2:42" x14ac:dyDescent="0.3">
      <c r="B5683">
        <v>44.190916873559352</v>
      </c>
      <c r="C5683" s="83">
        <v>43337.708333333336</v>
      </c>
      <c r="D5683">
        <v>143411.2328</v>
      </c>
      <c r="E5683">
        <v>25629.1571</v>
      </c>
      <c r="F5683">
        <v>95505.383000000002</v>
      </c>
      <c r="G5683">
        <v>29397.126370000002</v>
      </c>
      <c r="H5683">
        <v>36225.712379999997</v>
      </c>
      <c r="I5683">
        <v>28261.130539999998</v>
      </c>
      <c r="J5683">
        <v>48174.087529999997</v>
      </c>
      <c r="K5683">
        <v>46921.184930000003</v>
      </c>
      <c r="L5683">
        <v>31457.421770000001</v>
      </c>
      <c r="M5683">
        <v>225305.90229999999</v>
      </c>
      <c r="N5683">
        <v>74658.328959999999</v>
      </c>
      <c r="O5683">
        <v>18828.179380000001</v>
      </c>
      <c r="P5683">
        <v>33691.595009999997</v>
      </c>
      <c r="Q5683">
        <v>57760.013930000001</v>
      </c>
      <c r="R5683">
        <v>21275.882170000001</v>
      </c>
      <c r="S5683">
        <v>93242.397809999995</v>
      </c>
      <c r="T5683">
        <v>26015.451110000002</v>
      </c>
      <c r="U5683">
        <v>13834.21452</v>
      </c>
      <c r="W5683" s="83">
        <f>Bühler!N5715</f>
        <v>45528.708333319555</v>
      </c>
      <c r="X5683" s="83">
        <v>43337.708333333336</v>
      </c>
      <c r="Y5683">
        <v>143411.2328</v>
      </c>
      <c r="Z5683">
        <v>25629.1571</v>
      </c>
      <c r="AA5683">
        <v>95505.383000000002</v>
      </c>
      <c r="AB5683">
        <v>29397.126370000002</v>
      </c>
      <c r="AC5683">
        <v>36225.712379999997</v>
      </c>
      <c r="AD5683">
        <v>28261.130539999998</v>
      </c>
      <c r="AE5683">
        <v>48174.087529999997</v>
      </c>
      <c r="AF5683">
        <v>46921.184930000003</v>
      </c>
      <c r="AG5683">
        <v>31457.421770000001</v>
      </c>
      <c r="AH5683">
        <v>225305.90229999999</v>
      </c>
      <c r="AI5683">
        <v>74658.328959999999</v>
      </c>
      <c r="AJ5683">
        <v>18828.179380000001</v>
      </c>
      <c r="AK5683">
        <v>33691.595009999997</v>
      </c>
      <c r="AL5683">
        <v>57760.013930000001</v>
      </c>
      <c r="AM5683">
        <v>21275.882170000001</v>
      </c>
      <c r="AN5683">
        <v>93242.397809999995</v>
      </c>
      <c r="AO5683">
        <v>26015.451110000002</v>
      </c>
      <c r="AP5683">
        <v>13834.21452</v>
      </c>
    </row>
    <row r="5684" spans="2:42" x14ac:dyDescent="0.3">
      <c r="B5684">
        <v>42.917009768092669</v>
      </c>
      <c r="C5684" s="83">
        <v>43337.75</v>
      </c>
      <c r="D5684">
        <v>142595.76869999999</v>
      </c>
      <c r="E5684">
        <v>24602.267599999999</v>
      </c>
      <c r="F5684">
        <v>93418.145829999994</v>
      </c>
      <c r="G5684">
        <v>29125.786459999999</v>
      </c>
      <c r="H5684">
        <v>35745.710270000003</v>
      </c>
      <c r="I5684">
        <v>28459.635539999999</v>
      </c>
      <c r="J5684">
        <v>47829.344799999999</v>
      </c>
      <c r="K5684">
        <v>46954.011299999998</v>
      </c>
      <c r="L5684">
        <v>32013.22262</v>
      </c>
      <c r="M5684">
        <v>218810.92980000001</v>
      </c>
      <c r="N5684">
        <v>73126.375109999994</v>
      </c>
      <c r="O5684">
        <v>18374.829399999999</v>
      </c>
      <c r="P5684">
        <v>37211.666559999998</v>
      </c>
      <c r="Q5684">
        <v>56583.947189999999</v>
      </c>
      <c r="R5684">
        <v>20287.25749</v>
      </c>
      <c r="S5684">
        <v>90837.856809999997</v>
      </c>
      <c r="T5684">
        <v>25364.489290000001</v>
      </c>
      <c r="U5684">
        <v>13975.47075</v>
      </c>
      <c r="W5684" s="83">
        <f>Bühler!N5716</f>
        <v>45528.749999986219</v>
      </c>
      <c r="X5684" s="83">
        <v>43337.75</v>
      </c>
      <c r="Y5684">
        <v>142595.76869999999</v>
      </c>
      <c r="Z5684">
        <v>24602.267599999999</v>
      </c>
      <c r="AA5684">
        <v>93418.145829999994</v>
      </c>
      <c r="AB5684">
        <v>29125.786459999999</v>
      </c>
      <c r="AC5684">
        <v>35745.710270000003</v>
      </c>
      <c r="AD5684">
        <v>28459.635539999999</v>
      </c>
      <c r="AE5684">
        <v>47829.344799999999</v>
      </c>
      <c r="AF5684">
        <v>46954.011299999998</v>
      </c>
      <c r="AG5684">
        <v>32013.22262</v>
      </c>
      <c r="AH5684">
        <v>218810.92980000001</v>
      </c>
      <c r="AI5684">
        <v>73126.375109999994</v>
      </c>
      <c r="AJ5684">
        <v>18374.829399999999</v>
      </c>
      <c r="AK5684">
        <v>37211.666559999998</v>
      </c>
      <c r="AL5684">
        <v>56583.947189999999</v>
      </c>
      <c r="AM5684">
        <v>20287.25749</v>
      </c>
      <c r="AN5684">
        <v>90837.856809999997</v>
      </c>
      <c r="AO5684">
        <v>25364.489290000001</v>
      </c>
      <c r="AP5684">
        <v>13975.47075</v>
      </c>
    </row>
    <row r="5685" spans="2:42" x14ac:dyDescent="0.3">
      <c r="B5685">
        <v>42.49498634856085</v>
      </c>
      <c r="C5685" s="83">
        <v>43337.791666666664</v>
      </c>
      <c r="D5685">
        <v>141779.6347</v>
      </c>
      <c r="E5685">
        <v>20463.531849999999</v>
      </c>
      <c r="F5685">
        <v>83698.472720000005</v>
      </c>
      <c r="G5685">
        <v>28911.09261</v>
      </c>
      <c r="H5685">
        <v>34943.360690000001</v>
      </c>
      <c r="I5685">
        <v>28211.751319999999</v>
      </c>
      <c r="J5685">
        <v>47498.487200000003</v>
      </c>
      <c r="K5685">
        <v>46987.465519999998</v>
      </c>
      <c r="L5685">
        <v>32319.354739999999</v>
      </c>
      <c r="M5685">
        <v>216659.25760000001</v>
      </c>
      <c r="N5685">
        <v>73286.522920000003</v>
      </c>
      <c r="O5685">
        <v>17941.583739999998</v>
      </c>
      <c r="P5685">
        <v>39877.57389</v>
      </c>
      <c r="Q5685">
        <v>54609.968849999997</v>
      </c>
      <c r="R5685">
        <v>20247.001830000001</v>
      </c>
      <c r="S5685">
        <v>88931.15281</v>
      </c>
      <c r="T5685">
        <v>24230.93088</v>
      </c>
      <c r="U5685">
        <v>14093.053470000001</v>
      </c>
      <c r="W5685" s="83">
        <f>Bühler!N5717</f>
        <v>45528.791666652884</v>
      </c>
      <c r="X5685" s="83">
        <v>43337.791666666664</v>
      </c>
      <c r="Y5685">
        <v>141779.6347</v>
      </c>
      <c r="Z5685">
        <v>20463.531849999999</v>
      </c>
      <c r="AA5685">
        <v>83698.472720000005</v>
      </c>
      <c r="AB5685">
        <v>28911.09261</v>
      </c>
      <c r="AC5685">
        <v>34943.360690000001</v>
      </c>
      <c r="AD5685">
        <v>28211.751319999999</v>
      </c>
      <c r="AE5685">
        <v>47498.487200000003</v>
      </c>
      <c r="AF5685">
        <v>46987.465519999998</v>
      </c>
      <c r="AG5685">
        <v>32319.354739999999</v>
      </c>
      <c r="AH5685">
        <v>216659.25760000001</v>
      </c>
      <c r="AI5685">
        <v>73286.522920000003</v>
      </c>
      <c r="AJ5685">
        <v>17941.583739999998</v>
      </c>
      <c r="AK5685">
        <v>39877.57389</v>
      </c>
      <c r="AL5685">
        <v>54609.968849999997</v>
      </c>
      <c r="AM5685">
        <v>20247.001830000001</v>
      </c>
      <c r="AN5685">
        <v>88931.15281</v>
      </c>
      <c r="AO5685">
        <v>24230.93088</v>
      </c>
      <c r="AP5685">
        <v>14093.053470000001</v>
      </c>
    </row>
    <row r="5686" spans="2:42" x14ac:dyDescent="0.3">
      <c r="B5686">
        <v>41.559316976627677</v>
      </c>
      <c r="C5686" s="83">
        <v>43337.833333333336</v>
      </c>
      <c r="D5686">
        <v>139395.65979999999</v>
      </c>
      <c r="E5686">
        <v>14850.94246</v>
      </c>
      <c r="F5686">
        <v>66022.757989999998</v>
      </c>
      <c r="G5686">
        <v>28454.319380000001</v>
      </c>
      <c r="H5686">
        <v>33985.516940000001</v>
      </c>
      <c r="I5686">
        <v>26283.071810000001</v>
      </c>
      <c r="J5686">
        <v>47080.231910000002</v>
      </c>
      <c r="K5686">
        <v>47202.950660000002</v>
      </c>
      <c r="L5686">
        <v>32541.203259999998</v>
      </c>
      <c r="M5686">
        <v>211888.7788</v>
      </c>
      <c r="N5686">
        <v>71334.730840000004</v>
      </c>
      <c r="O5686">
        <v>17770.073540000001</v>
      </c>
      <c r="P5686">
        <v>39413.875319999999</v>
      </c>
      <c r="Q5686">
        <v>52180.311690000002</v>
      </c>
      <c r="R5686">
        <v>19012.044470000001</v>
      </c>
      <c r="S5686">
        <v>83401.471430000005</v>
      </c>
      <c r="T5686">
        <v>22382.77577</v>
      </c>
      <c r="U5686">
        <v>14168.698560000001</v>
      </c>
      <c r="W5686" s="83">
        <f>Bühler!N5718</f>
        <v>45528.833333319548</v>
      </c>
      <c r="X5686" s="83">
        <v>43337.833333333336</v>
      </c>
      <c r="Y5686">
        <v>139395.65979999999</v>
      </c>
      <c r="Z5686">
        <v>14850.94246</v>
      </c>
      <c r="AA5686">
        <v>66022.757989999998</v>
      </c>
      <c r="AB5686">
        <v>28454.319380000001</v>
      </c>
      <c r="AC5686">
        <v>33985.516940000001</v>
      </c>
      <c r="AD5686">
        <v>26283.071810000001</v>
      </c>
      <c r="AE5686">
        <v>47080.231910000002</v>
      </c>
      <c r="AF5686">
        <v>47202.950660000002</v>
      </c>
      <c r="AG5686">
        <v>32541.203259999998</v>
      </c>
      <c r="AH5686">
        <v>211888.7788</v>
      </c>
      <c r="AI5686">
        <v>71334.730840000004</v>
      </c>
      <c r="AJ5686">
        <v>17770.073540000001</v>
      </c>
      <c r="AK5686">
        <v>39413.875319999999</v>
      </c>
      <c r="AL5686">
        <v>52180.311690000002</v>
      </c>
      <c r="AM5686">
        <v>19012.044470000001</v>
      </c>
      <c r="AN5686">
        <v>83401.471430000005</v>
      </c>
      <c r="AO5686">
        <v>22382.77577</v>
      </c>
      <c r="AP5686">
        <v>14168.698560000001</v>
      </c>
    </row>
    <row r="5687" spans="2:42" x14ac:dyDescent="0.3">
      <c r="B5687">
        <v>41.199297398799892</v>
      </c>
      <c r="C5687" s="83">
        <v>43337.875</v>
      </c>
      <c r="D5687">
        <v>138699.03039999999</v>
      </c>
      <c r="E5687">
        <v>13304.32951</v>
      </c>
      <c r="F5687">
        <v>57690.965629999999</v>
      </c>
      <c r="G5687">
        <v>28445.009129999999</v>
      </c>
      <c r="H5687">
        <v>34111.583729999998</v>
      </c>
      <c r="I5687">
        <v>25304.447950000002</v>
      </c>
      <c r="J5687">
        <v>47048.845670000002</v>
      </c>
      <c r="K5687">
        <v>47348.540919999999</v>
      </c>
      <c r="L5687">
        <v>32099.34345</v>
      </c>
      <c r="M5687">
        <v>210053.2311</v>
      </c>
      <c r="N5687">
        <v>70879.014139999999</v>
      </c>
      <c r="O5687">
        <v>18122.422869999999</v>
      </c>
      <c r="P5687">
        <v>38732.271260000001</v>
      </c>
      <c r="Q5687">
        <v>50618.42007</v>
      </c>
      <c r="R5687">
        <v>19161.54896</v>
      </c>
      <c r="S5687">
        <v>80792.415580000001</v>
      </c>
      <c r="T5687">
        <v>21983.002680000001</v>
      </c>
      <c r="U5687">
        <v>14357.392089999999</v>
      </c>
      <c r="W5687" s="83">
        <f>Bühler!N5719</f>
        <v>45528.874999986212</v>
      </c>
      <c r="X5687" s="83">
        <v>43337.875</v>
      </c>
      <c r="Y5687">
        <v>138699.03039999999</v>
      </c>
      <c r="Z5687">
        <v>13304.32951</v>
      </c>
      <c r="AA5687">
        <v>57690.965629999999</v>
      </c>
      <c r="AB5687">
        <v>28445.009129999999</v>
      </c>
      <c r="AC5687">
        <v>34111.583729999998</v>
      </c>
      <c r="AD5687">
        <v>25304.447950000002</v>
      </c>
      <c r="AE5687">
        <v>47048.845670000002</v>
      </c>
      <c r="AF5687">
        <v>47348.540919999999</v>
      </c>
      <c r="AG5687">
        <v>32099.34345</v>
      </c>
      <c r="AH5687">
        <v>210053.2311</v>
      </c>
      <c r="AI5687">
        <v>70879.014139999999</v>
      </c>
      <c r="AJ5687">
        <v>18122.422869999999</v>
      </c>
      <c r="AK5687">
        <v>38732.271260000001</v>
      </c>
      <c r="AL5687">
        <v>50618.42007</v>
      </c>
      <c r="AM5687">
        <v>19161.54896</v>
      </c>
      <c r="AN5687">
        <v>80792.415580000001</v>
      </c>
      <c r="AO5687">
        <v>21983.002680000001</v>
      </c>
      <c r="AP5687">
        <v>14357.392089999999</v>
      </c>
    </row>
    <row r="5688" spans="2:42" x14ac:dyDescent="0.3">
      <c r="B5688">
        <v>40.574361744369767</v>
      </c>
      <c r="C5688" s="83">
        <v>43337.916666666664</v>
      </c>
      <c r="D5688">
        <v>137059.32519999999</v>
      </c>
      <c r="E5688">
        <v>12830.05011</v>
      </c>
      <c r="F5688">
        <v>54608.866130000002</v>
      </c>
      <c r="G5688">
        <v>28619.32748</v>
      </c>
      <c r="H5688">
        <v>34308.8462</v>
      </c>
      <c r="I5688">
        <v>24280.198410000001</v>
      </c>
      <c r="J5688">
        <v>44896.613920000003</v>
      </c>
      <c r="K5688">
        <v>51289.266989999996</v>
      </c>
      <c r="L5688">
        <v>28901.946349999998</v>
      </c>
      <c r="M5688">
        <v>206867.0177</v>
      </c>
      <c r="N5688">
        <v>69770.376650000006</v>
      </c>
      <c r="O5688">
        <v>17846.921119999999</v>
      </c>
      <c r="P5688">
        <v>40707.800940000001</v>
      </c>
      <c r="Q5688">
        <v>50011.332450000002</v>
      </c>
      <c r="R5688">
        <v>20073.438249999999</v>
      </c>
      <c r="S5688">
        <v>79275.614319999993</v>
      </c>
      <c r="T5688">
        <v>20606.06407</v>
      </c>
      <c r="U5688">
        <v>14547.079170000001</v>
      </c>
      <c r="W5688" s="83">
        <f>Bühler!N5720</f>
        <v>45528.916666652876</v>
      </c>
      <c r="X5688" s="83">
        <v>43337.916666666664</v>
      </c>
      <c r="Y5688">
        <v>137059.32519999999</v>
      </c>
      <c r="Z5688">
        <v>12830.05011</v>
      </c>
      <c r="AA5688">
        <v>54608.866130000002</v>
      </c>
      <c r="AB5688">
        <v>28619.32748</v>
      </c>
      <c r="AC5688">
        <v>34308.8462</v>
      </c>
      <c r="AD5688">
        <v>24280.198410000001</v>
      </c>
      <c r="AE5688">
        <v>44896.613920000003</v>
      </c>
      <c r="AF5688">
        <v>51289.266989999996</v>
      </c>
      <c r="AG5688">
        <v>28901.946349999998</v>
      </c>
      <c r="AH5688">
        <v>206867.0177</v>
      </c>
      <c r="AI5688">
        <v>69770.376650000006</v>
      </c>
      <c r="AJ5688">
        <v>17846.921119999999</v>
      </c>
      <c r="AK5688">
        <v>40707.800940000001</v>
      </c>
      <c r="AL5688">
        <v>50011.332450000002</v>
      </c>
      <c r="AM5688">
        <v>20073.438249999999</v>
      </c>
      <c r="AN5688">
        <v>79275.614319999993</v>
      </c>
      <c r="AO5688">
        <v>20606.06407</v>
      </c>
      <c r="AP5688">
        <v>14547.079170000001</v>
      </c>
    </row>
    <row r="5689" spans="2:42" x14ac:dyDescent="0.3">
      <c r="B5689">
        <v>40.26966641134063</v>
      </c>
      <c r="C5689" s="83">
        <v>43337.958333333336</v>
      </c>
      <c r="D5689">
        <v>136558.53200000001</v>
      </c>
      <c r="E5689">
        <v>12351.69306</v>
      </c>
      <c r="F5689">
        <v>53257.975449999998</v>
      </c>
      <c r="G5689">
        <v>28325.010330000001</v>
      </c>
      <c r="H5689">
        <v>33664.898000000001</v>
      </c>
      <c r="I5689">
        <v>23451.50231</v>
      </c>
      <c r="J5689">
        <v>41120.27147</v>
      </c>
      <c r="K5689">
        <v>50099.007360000003</v>
      </c>
      <c r="L5689">
        <v>23634.451509999999</v>
      </c>
      <c r="M5689">
        <v>205313.53880000001</v>
      </c>
      <c r="N5689">
        <v>68276.725359999997</v>
      </c>
      <c r="O5689">
        <v>17406.531579999999</v>
      </c>
      <c r="P5689">
        <v>35311.55285</v>
      </c>
      <c r="Q5689">
        <v>50183.088940000001</v>
      </c>
      <c r="R5689">
        <v>20513.001469999999</v>
      </c>
      <c r="S5689">
        <v>76902.724230000007</v>
      </c>
      <c r="T5689">
        <v>19828.55647</v>
      </c>
      <c r="U5689">
        <v>13916.73083</v>
      </c>
      <c r="W5689" s="83">
        <f>Bühler!N5721</f>
        <v>45528.958333319541</v>
      </c>
      <c r="X5689" s="83">
        <v>43337.958333333336</v>
      </c>
      <c r="Y5689">
        <v>136558.53200000001</v>
      </c>
      <c r="Z5689">
        <v>12351.69306</v>
      </c>
      <c r="AA5689">
        <v>53257.975449999998</v>
      </c>
      <c r="AB5689">
        <v>28325.010330000001</v>
      </c>
      <c r="AC5689">
        <v>33664.898000000001</v>
      </c>
      <c r="AD5689">
        <v>23451.50231</v>
      </c>
      <c r="AE5689">
        <v>41120.27147</v>
      </c>
      <c r="AF5689">
        <v>50099.007360000003</v>
      </c>
      <c r="AG5689">
        <v>23634.451509999999</v>
      </c>
      <c r="AH5689">
        <v>205313.53880000001</v>
      </c>
      <c r="AI5689">
        <v>68276.725359999997</v>
      </c>
      <c r="AJ5689">
        <v>17406.531579999999</v>
      </c>
      <c r="AK5689">
        <v>35311.55285</v>
      </c>
      <c r="AL5689">
        <v>50183.088940000001</v>
      </c>
      <c r="AM5689">
        <v>20513.001469999999</v>
      </c>
      <c r="AN5689">
        <v>76902.724230000007</v>
      </c>
      <c r="AO5689">
        <v>19828.55647</v>
      </c>
      <c r="AP5689">
        <v>13916.73083</v>
      </c>
    </row>
    <row r="5690" spans="2:42" x14ac:dyDescent="0.3">
      <c r="B5690">
        <v>40.020438934924144</v>
      </c>
      <c r="C5690" s="83">
        <v>43338</v>
      </c>
      <c r="D5690">
        <v>136194.90669999999</v>
      </c>
      <c r="E5690">
        <v>11893.20501</v>
      </c>
      <c r="F5690">
        <v>51759.988019999997</v>
      </c>
      <c r="G5690">
        <v>28601.804909999999</v>
      </c>
      <c r="H5690">
        <v>32909.136850000003</v>
      </c>
      <c r="I5690">
        <v>22303.830269999999</v>
      </c>
      <c r="J5690">
        <v>37576.907500000001</v>
      </c>
      <c r="K5690">
        <v>47736.946049999999</v>
      </c>
      <c r="L5690">
        <v>20679.8632</v>
      </c>
      <c r="M5690">
        <v>204042.8609</v>
      </c>
      <c r="N5690">
        <v>65561.795249999996</v>
      </c>
      <c r="O5690">
        <v>17143.023819999999</v>
      </c>
      <c r="P5690">
        <v>30573.712240000001</v>
      </c>
      <c r="Q5690">
        <v>49558.257440000001</v>
      </c>
      <c r="R5690">
        <v>16109.25474</v>
      </c>
      <c r="S5690">
        <v>74873.25864</v>
      </c>
      <c r="T5690">
        <v>18738.574860000001</v>
      </c>
      <c r="U5690">
        <v>13471.42807</v>
      </c>
      <c r="W5690" s="83">
        <f>Bühler!N5722</f>
        <v>45528.999999986205</v>
      </c>
      <c r="X5690" s="83">
        <v>43338</v>
      </c>
      <c r="Y5690">
        <v>136194.90669999999</v>
      </c>
      <c r="Z5690">
        <v>11893.20501</v>
      </c>
      <c r="AA5690">
        <v>51759.988019999997</v>
      </c>
      <c r="AB5690">
        <v>28601.804909999999</v>
      </c>
      <c r="AC5690">
        <v>32909.136850000003</v>
      </c>
      <c r="AD5690">
        <v>22303.830269999999</v>
      </c>
      <c r="AE5690">
        <v>37576.907500000001</v>
      </c>
      <c r="AF5690">
        <v>47736.946049999999</v>
      </c>
      <c r="AG5690">
        <v>20679.8632</v>
      </c>
      <c r="AH5690">
        <v>204042.8609</v>
      </c>
      <c r="AI5690">
        <v>65561.795249999996</v>
      </c>
      <c r="AJ5690">
        <v>17143.023819999999</v>
      </c>
      <c r="AK5690">
        <v>30573.712240000001</v>
      </c>
      <c r="AL5690">
        <v>49558.257440000001</v>
      </c>
      <c r="AM5690">
        <v>16109.25474</v>
      </c>
      <c r="AN5690">
        <v>74873.25864</v>
      </c>
      <c r="AO5690">
        <v>18738.574860000001</v>
      </c>
      <c r="AP5690">
        <v>13471.42807</v>
      </c>
    </row>
    <row r="5691" spans="2:42" x14ac:dyDescent="0.3">
      <c r="B5691">
        <v>39.772028606198852</v>
      </c>
      <c r="C5691" s="83">
        <v>43338.041666666664</v>
      </c>
      <c r="D5691">
        <v>135309.3849</v>
      </c>
      <c r="E5691">
        <v>11652.75101</v>
      </c>
      <c r="F5691">
        <v>51057.692669999997</v>
      </c>
      <c r="G5691">
        <v>28255.233110000001</v>
      </c>
      <c r="H5691">
        <v>32397.60902</v>
      </c>
      <c r="I5691">
        <v>19080.029450000002</v>
      </c>
      <c r="J5691">
        <v>35715.424679999996</v>
      </c>
      <c r="K5691">
        <v>45813.872710000003</v>
      </c>
      <c r="L5691">
        <v>18835.125479999999</v>
      </c>
      <c r="M5691">
        <v>202776.3492</v>
      </c>
      <c r="N5691">
        <v>63565.855430000003</v>
      </c>
      <c r="O5691">
        <v>16671.95234</v>
      </c>
      <c r="P5691">
        <v>28089.52504</v>
      </c>
      <c r="Q5691">
        <v>49497.786930000002</v>
      </c>
      <c r="R5691">
        <v>14409.33741</v>
      </c>
      <c r="S5691">
        <v>73342.722869999998</v>
      </c>
      <c r="T5691">
        <v>18045.21902</v>
      </c>
      <c r="U5691">
        <v>13129.450580000001</v>
      </c>
      <c r="W5691" s="83">
        <f>Bühler!N5723</f>
        <v>45529.041666652869</v>
      </c>
      <c r="X5691" s="83">
        <v>43338.041666666664</v>
      </c>
      <c r="Y5691">
        <v>135309.3849</v>
      </c>
      <c r="Z5691">
        <v>11652.75101</v>
      </c>
      <c r="AA5691">
        <v>51057.692669999997</v>
      </c>
      <c r="AB5691">
        <v>28255.233110000001</v>
      </c>
      <c r="AC5691">
        <v>32397.60902</v>
      </c>
      <c r="AD5691">
        <v>19080.029450000002</v>
      </c>
      <c r="AE5691">
        <v>35715.424679999996</v>
      </c>
      <c r="AF5691">
        <v>45813.872710000003</v>
      </c>
      <c r="AG5691">
        <v>18835.125479999999</v>
      </c>
      <c r="AH5691">
        <v>202776.3492</v>
      </c>
      <c r="AI5691">
        <v>63565.855430000003</v>
      </c>
      <c r="AJ5691">
        <v>16671.95234</v>
      </c>
      <c r="AK5691">
        <v>28089.52504</v>
      </c>
      <c r="AL5691">
        <v>49497.786930000002</v>
      </c>
      <c r="AM5691">
        <v>14409.33741</v>
      </c>
      <c r="AN5691">
        <v>73342.722869999998</v>
      </c>
      <c r="AO5691">
        <v>18045.21902</v>
      </c>
      <c r="AP5691">
        <v>13129.450580000001</v>
      </c>
    </row>
    <row r="5692" spans="2:42" x14ac:dyDescent="0.3">
      <c r="B5692">
        <v>39.1817007510883</v>
      </c>
      <c r="C5692" s="83">
        <v>43338.083333333336</v>
      </c>
      <c r="D5692">
        <v>134770.57380000001</v>
      </c>
      <c r="E5692">
        <v>11515.657660000001</v>
      </c>
      <c r="F5692">
        <v>50690.515659999997</v>
      </c>
      <c r="G5692">
        <v>27878.025570000002</v>
      </c>
      <c r="H5692">
        <v>32121.42452</v>
      </c>
      <c r="I5692">
        <v>17021.247630000002</v>
      </c>
      <c r="J5692">
        <v>34938.009149999998</v>
      </c>
      <c r="K5692">
        <v>44327.231440000003</v>
      </c>
      <c r="L5692">
        <v>17470.86478</v>
      </c>
      <c r="M5692">
        <v>199766.58249999999</v>
      </c>
      <c r="N5692">
        <v>63511.24351</v>
      </c>
      <c r="O5692">
        <v>16328.98725</v>
      </c>
      <c r="P5692">
        <v>26277.87283</v>
      </c>
      <c r="Q5692">
        <v>50356.234100000001</v>
      </c>
      <c r="R5692">
        <v>13533.21392</v>
      </c>
      <c r="S5692">
        <v>71916.029710000003</v>
      </c>
      <c r="T5692">
        <v>17727.063200000001</v>
      </c>
      <c r="U5692">
        <v>13135.22573</v>
      </c>
      <c r="W5692" s="83">
        <f>Bühler!N5724</f>
        <v>45529.083333319533</v>
      </c>
      <c r="X5692" s="83">
        <v>43338.083333333336</v>
      </c>
      <c r="Y5692">
        <v>134770.57380000001</v>
      </c>
      <c r="Z5692">
        <v>11515.657660000001</v>
      </c>
      <c r="AA5692">
        <v>50690.515659999997</v>
      </c>
      <c r="AB5692">
        <v>27878.025570000002</v>
      </c>
      <c r="AC5692">
        <v>32121.42452</v>
      </c>
      <c r="AD5692">
        <v>17021.247630000002</v>
      </c>
      <c r="AE5692">
        <v>34938.009149999998</v>
      </c>
      <c r="AF5692">
        <v>44327.231440000003</v>
      </c>
      <c r="AG5692">
        <v>17470.86478</v>
      </c>
      <c r="AH5692">
        <v>199766.58249999999</v>
      </c>
      <c r="AI5692">
        <v>63511.24351</v>
      </c>
      <c r="AJ5692">
        <v>16328.98725</v>
      </c>
      <c r="AK5692">
        <v>26277.87283</v>
      </c>
      <c r="AL5692">
        <v>50356.234100000001</v>
      </c>
      <c r="AM5692">
        <v>13533.21392</v>
      </c>
      <c r="AN5692">
        <v>71916.029710000003</v>
      </c>
      <c r="AO5692">
        <v>17727.063200000001</v>
      </c>
      <c r="AP5692">
        <v>13135.22573</v>
      </c>
    </row>
    <row r="5693" spans="2:42" x14ac:dyDescent="0.3">
      <c r="B5693">
        <v>39.233373662573868</v>
      </c>
      <c r="C5693" s="83">
        <v>43338.125</v>
      </c>
      <c r="D5693">
        <v>134104.0963</v>
      </c>
      <c r="E5693">
        <v>11376.08598</v>
      </c>
      <c r="F5693">
        <v>50847.52908</v>
      </c>
      <c r="G5693">
        <v>26945.497039999998</v>
      </c>
      <c r="H5693">
        <v>31683.036629999999</v>
      </c>
      <c r="I5693">
        <v>16138.092989999999</v>
      </c>
      <c r="J5693">
        <v>34755.173430000003</v>
      </c>
      <c r="K5693">
        <v>43298.501219999998</v>
      </c>
      <c r="L5693">
        <v>17063.46571</v>
      </c>
      <c r="M5693">
        <v>200030.03510000001</v>
      </c>
      <c r="N5693">
        <v>63473.602350000001</v>
      </c>
      <c r="O5693">
        <v>16498.32386</v>
      </c>
      <c r="P5693">
        <v>25567.792600000001</v>
      </c>
      <c r="Q5693">
        <v>51531.23098</v>
      </c>
      <c r="R5693">
        <v>12955.450210000001</v>
      </c>
      <c r="S5693">
        <v>70972.458929999993</v>
      </c>
      <c r="T5693">
        <v>17507.729770000002</v>
      </c>
      <c r="U5693">
        <v>13122.68986</v>
      </c>
      <c r="W5693" s="83">
        <f>Bühler!N5725</f>
        <v>45529.124999986198</v>
      </c>
      <c r="X5693" s="83">
        <v>43338.125</v>
      </c>
      <c r="Y5693">
        <v>134104.0963</v>
      </c>
      <c r="Z5693">
        <v>11376.08598</v>
      </c>
      <c r="AA5693">
        <v>50847.52908</v>
      </c>
      <c r="AB5693">
        <v>26945.497039999998</v>
      </c>
      <c r="AC5693">
        <v>31683.036629999999</v>
      </c>
      <c r="AD5693">
        <v>16138.092989999999</v>
      </c>
      <c r="AE5693">
        <v>34755.173430000003</v>
      </c>
      <c r="AF5693">
        <v>43298.501219999998</v>
      </c>
      <c r="AG5693">
        <v>17063.46571</v>
      </c>
      <c r="AH5693">
        <v>200030.03510000001</v>
      </c>
      <c r="AI5693">
        <v>63473.602350000001</v>
      </c>
      <c r="AJ5693">
        <v>16498.32386</v>
      </c>
      <c r="AK5693">
        <v>25567.792600000001</v>
      </c>
      <c r="AL5693">
        <v>51531.23098</v>
      </c>
      <c r="AM5693">
        <v>12955.450210000001</v>
      </c>
      <c r="AN5693">
        <v>70972.458929999993</v>
      </c>
      <c r="AO5693">
        <v>17507.729770000002</v>
      </c>
      <c r="AP5693">
        <v>13122.68986</v>
      </c>
    </row>
    <row r="5694" spans="2:42" x14ac:dyDescent="0.3">
      <c r="B5694">
        <v>38.61634972066561</v>
      </c>
      <c r="C5694" s="83">
        <v>43338.166666666664</v>
      </c>
      <c r="D5694">
        <v>133395.6017</v>
      </c>
      <c r="E5694">
        <v>11309.06474</v>
      </c>
      <c r="F5694">
        <v>50562.486779999999</v>
      </c>
      <c r="G5694">
        <v>26251.43561</v>
      </c>
      <c r="H5694">
        <v>31704.443910000002</v>
      </c>
      <c r="I5694">
        <v>16539.56338</v>
      </c>
      <c r="J5694">
        <v>36296.445930000002</v>
      </c>
      <c r="K5694">
        <v>41752.317049999998</v>
      </c>
      <c r="L5694">
        <v>16875.76497</v>
      </c>
      <c r="M5694">
        <v>196884.1593</v>
      </c>
      <c r="N5694">
        <v>62700.655149999999</v>
      </c>
      <c r="O5694">
        <v>17160.168699999998</v>
      </c>
      <c r="P5694">
        <v>25245.749510000001</v>
      </c>
      <c r="Q5694">
        <v>51238.827160000001</v>
      </c>
      <c r="R5694">
        <v>12874.039839999999</v>
      </c>
      <c r="S5694">
        <v>70859.722659999999</v>
      </c>
      <c r="T5694">
        <v>17267.582999999999</v>
      </c>
      <c r="U5694">
        <v>12932.08221</v>
      </c>
      <c r="W5694" s="83">
        <f>Bühler!N5726</f>
        <v>45529.166666652862</v>
      </c>
      <c r="X5694" s="83">
        <v>43338.166666666664</v>
      </c>
      <c r="Y5694">
        <v>133395.6017</v>
      </c>
      <c r="Z5694">
        <v>11309.06474</v>
      </c>
      <c r="AA5694">
        <v>50562.486779999999</v>
      </c>
      <c r="AB5694">
        <v>26251.43561</v>
      </c>
      <c r="AC5694">
        <v>31704.443910000002</v>
      </c>
      <c r="AD5694">
        <v>16539.56338</v>
      </c>
      <c r="AE5694">
        <v>36296.445930000002</v>
      </c>
      <c r="AF5694">
        <v>41752.317049999998</v>
      </c>
      <c r="AG5694">
        <v>16875.76497</v>
      </c>
      <c r="AH5694">
        <v>196884.1593</v>
      </c>
      <c r="AI5694">
        <v>62700.655149999999</v>
      </c>
      <c r="AJ5694">
        <v>17160.168699999998</v>
      </c>
      <c r="AK5694">
        <v>25245.749510000001</v>
      </c>
      <c r="AL5694">
        <v>51238.827160000001</v>
      </c>
      <c r="AM5694">
        <v>12874.039839999999</v>
      </c>
      <c r="AN5694">
        <v>70859.722659999999</v>
      </c>
      <c r="AO5694">
        <v>17267.582999999999</v>
      </c>
      <c r="AP5694">
        <v>12932.08221</v>
      </c>
    </row>
    <row r="5695" spans="2:42" x14ac:dyDescent="0.3">
      <c r="B5695">
        <v>38.670757591855676</v>
      </c>
      <c r="C5695" s="83">
        <v>43338.208333333336</v>
      </c>
      <c r="D5695">
        <v>134349.5919</v>
      </c>
      <c r="E5695">
        <v>11408.842070000001</v>
      </c>
      <c r="F5695">
        <v>52735.673860000003</v>
      </c>
      <c r="G5695">
        <v>26362.44544</v>
      </c>
      <c r="H5695">
        <v>31861.933720000001</v>
      </c>
      <c r="I5695">
        <v>19508.873070000001</v>
      </c>
      <c r="J5695">
        <v>39969.153290000002</v>
      </c>
      <c r="K5695">
        <v>42464.072509999998</v>
      </c>
      <c r="L5695">
        <v>17211.613499999999</v>
      </c>
      <c r="M5695">
        <v>197161.55600000001</v>
      </c>
      <c r="N5695">
        <v>59975.611810000002</v>
      </c>
      <c r="O5695">
        <v>16960.063859999998</v>
      </c>
      <c r="P5695">
        <v>26481.528409999999</v>
      </c>
      <c r="Q5695">
        <v>49792.633119999999</v>
      </c>
      <c r="R5695">
        <v>13910.76504</v>
      </c>
      <c r="S5695">
        <v>72270.676900000006</v>
      </c>
      <c r="T5695">
        <v>17145.95045</v>
      </c>
      <c r="U5695">
        <v>12983.926020000001</v>
      </c>
      <c r="W5695" s="83">
        <f>Bühler!N5727</f>
        <v>45529.208333319526</v>
      </c>
      <c r="X5695" s="83">
        <v>43338.208333333336</v>
      </c>
      <c r="Y5695">
        <v>134349.5919</v>
      </c>
      <c r="Z5695">
        <v>11408.842070000001</v>
      </c>
      <c r="AA5695">
        <v>52735.673860000003</v>
      </c>
      <c r="AB5695">
        <v>26362.44544</v>
      </c>
      <c r="AC5695">
        <v>31861.933720000001</v>
      </c>
      <c r="AD5695">
        <v>19508.873070000001</v>
      </c>
      <c r="AE5695">
        <v>39969.153290000002</v>
      </c>
      <c r="AF5695">
        <v>42464.072509999998</v>
      </c>
      <c r="AG5695">
        <v>17211.613499999999</v>
      </c>
      <c r="AH5695">
        <v>197161.55600000001</v>
      </c>
      <c r="AI5695">
        <v>59975.611810000002</v>
      </c>
      <c r="AJ5695">
        <v>16960.063859999998</v>
      </c>
      <c r="AK5695">
        <v>26481.528409999999</v>
      </c>
      <c r="AL5695">
        <v>49792.633119999999</v>
      </c>
      <c r="AM5695">
        <v>13910.76504</v>
      </c>
      <c r="AN5695">
        <v>72270.676900000006</v>
      </c>
      <c r="AO5695">
        <v>17145.95045</v>
      </c>
      <c r="AP5695">
        <v>12983.926020000001</v>
      </c>
    </row>
    <row r="5696" spans="2:42" x14ac:dyDescent="0.3">
      <c r="B5696">
        <v>38.958075875776743</v>
      </c>
      <c r="C5696" s="83">
        <v>43338.25</v>
      </c>
      <c r="D5696">
        <v>134763.62409999999</v>
      </c>
      <c r="E5696">
        <v>11719.532579999999</v>
      </c>
      <c r="F5696">
        <v>57827.10065</v>
      </c>
      <c r="G5696">
        <v>27005.853340000001</v>
      </c>
      <c r="H5696">
        <v>31326.8786</v>
      </c>
      <c r="I5696">
        <v>21698.450359999999</v>
      </c>
      <c r="J5696">
        <v>43578.138200000001</v>
      </c>
      <c r="K5696">
        <v>41461.240949999999</v>
      </c>
      <c r="L5696">
        <v>17266.697950000002</v>
      </c>
      <c r="M5696">
        <v>198626.43859999999</v>
      </c>
      <c r="N5696">
        <v>60233.27089</v>
      </c>
      <c r="O5696">
        <v>17349.733250000001</v>
      </c>
      <c r="P5696">
        <v>27025.744050000001</v>
      </c>
      <c r="Q5696">
        <v>49613.471960000003</v>
      </c>
      <c r="R5696">
        <v>13478.43946</v>
      </c>
      <c r="S5696">
        <v>76234.458660000004</v>
      </c>
      <c r="T5696">
        <v>17831.081529999999</v>
      </c>
      <c r="U5696">
        <v>13257.97854</v>
      </c>
      <c r="W5696" s="83">
        <f>Bühler!N5728</f>
        <v>45529.24999998619</v>
      </c>
      <c r="X5696" s="83">
        <v>43338.25</v>
      </c>
      <c r="Y5696">
        <v>134763.62409999999</v>
      </c>
      <c r="Z5696">
        <v>11719.532579999999</v>
      </c>
      <c r="AA5696">
        <v>57827.10065</v>
      </c>
      <c r="AB5696">
        <v>27005.853340000001</v>
      </c>
      <c r="AC5696">
        <v>31326.8786</v>
      </c>
      <c r="AD5696">
        <v>21698.450359999999</v>
      </c>
      <c r="AE5696">
        <v>43578.138200000001</v>
      </c>
      <c r="AF5696">
        <v>41461.240949999999</v>
      </c>
      <c r="AG5696">
        <v>17266.697950000002</v>
      </c>
      <c r="AH5696">
        <v>198626.43859999999</v>
      </c>
      <c r="AI5696">
        <v>60233.27089</v>
      </c>
      <c r="AJ5696">
        <v>17349.733250000001</v>
      </c>
      <c r="AK5696">
        <v>27025.744050000001</v>
      </c>
      <c r="AL5696">
        <v>49613.471960000003</v>
      </c>
      <c r="AM5696">
        <v>13478.43946</v>
      </c>
      <c r="AN5696">
        <v>76234.458660000004</v>
      </c>
      <c r="AO5696">
        <v>17831.081529999999</v>
      </c>
      <c r="AP5696">
        <v>13257.97854</v>
      </c>
    </row>
    <row r="5697" spans="2:42" x14ac:dyDescent="0.3">
      <c r="B5697">
        <v>38.626139880421938</v>
      </c>
      <c r="C5697" s="83">
        <v>43338.291666666664</v>
      </c>
      <c r="D5697">
        <v>134251.2653</v>
      </c>
      <c r="E5697">
        <v>11934.5708</v>
      </c>
      <c r="F5697">
        <v>59229.24482</v>
      </c>
      <c r="G5697">
        <v>27642.7706</v>
      </c>
      <c r="H5697">
        <v>31181.645540000001</v>
      </c>
      <c r="I5697">
        <v>22686.159909999998</v>
      </c>
      <c r="J5697">
        <v>43839.177689999997</v>
      </c>
      <c r="K5697">
        <v>41767.587910000002</v>
      </c>
      <c r="L5697">
        <v>18612.834210000001</v>
      </c>
      <c r="M5697">
        <v>196934.0741</v>
      </c>
      <c r="N5697">
        <v>58450.869169999998</v>
      </c>
      <c r="O5697">
        <v>17089.353050000002</v>
      </c>
      <c r="P5697">
        <v>29837.729780000001</v>
      </c>
      <c r="Q5697">
        <v>49265.395190000003</v>
      </c>
      <c r="R5697">
        <v>13470.39273</v>
      </c>
      <c r="S5697">
        <v>81911.644690000001</v>
      </c>
      <c r="T5697">
        <v>19054.106690000001</v>
      </c>
      <c r="U5697">
        <v>13770.11119</v>
      </c>
      <c r="W5697" s="83">
        <f>Bühler!N5729</f>
        <v>45529.291666652854</v>
      </c>
      <c r="X5697" s="83">
        <v>43338.291666666664</v>
      </c>
      <c r="Y5697">
        <v>134251.2653</v>
      </c>
      <c r="Z5697">
        <v>11934.5708</v>
      </c>
      <c r="AA5697">
        <v>59229.24482</v>
      </c>
      <c r="AB5697">
        <v>27642.7706</v>
      </c>
      <c r="AC5697">
        <v>31181.645540000001</v>
      </c>
      <c r="AD5697">
        <v>22686.159909999998</v>
      </c>
      <c r="AE5697">
        <v>43839.177689999997</v>
      </c>
      <c r="AF5697">
        <v>41767.587910000002</v>
      </c>
      <c r="AG5697">
        <v>18612.834210000001</v>
      </c>
      <c r="AH5697">
        <v>196934.0741</v>
      </c>
      <c r="AI5697">
        <v>58450.869169999998</v>
      </c>
      <c r="AJ5697">
        <v>17089.353050000002</v>
      </c>
      <c r="AK5697">
        <v>29837.729780000001</v>
      </c>
      <c r="AL5697">
        <v>49265.395190000003</v>
      </c>
      <c r="AM5697">
        <v>13470.39273</v>
      </c>
      <c r="AN5697">
        <v>81911.644690000001</v>
      </c>
      <c r="AO5697">
        <v>19054.106690000001</v>
      </c>
      <c r="AP5697">
        <v>13770.11119</v>
      </c>
    </row>
    <row r="5698" spans="2:42" x14ac:dyDescent="0.3">
      <c r="B5698">
        <v>38.612299679218815</v>
      </c>
      <c r="C5698" s="83">
        <v>43338.333333333336</v>
      </c>
      <c r="D5698">
        <v>136271.59969999999</v>
      </c>
      <c r="E5698">
        <v>12976.346439999999</v>
      </c>
      <c r="F5698">
        <v>62226.083839999999</v>
      </c>
      <c r="G5698">
        <v>29195.712640000002</v>
      </c>
      <c r="H5698">
        <v>31906.34505</v>
      </c>
      <c r="I5698">
        <v>23313.779610000001</v>
      </c>
      <c r="J5698">
        <v>45759.546020000002</v>
      </c>
      <c r="K5698">
        <v>43595.425999999999</v>
      </c>
      <c r="L5698">
        <v>20763.898690000002</v>
      </c>
      <c r="M5698">
        <v>196863.51029999999</v>
      </c>
      <c r="N5698">
        <v>59179.30156</v>
      </c>
      <c r="O5698">
        <v>17610.94685</v>
      </c>
      <c r="P5698">
        <v>33358.719129999998</v>
      </c>
      <c r="Q5698">
        <v>49458.971030000001</v>
      </c>
      <c r="R5698">
        <v>14688.321089999999</v>
      </c>
      <c r="S5698">
        <v>85356.105869999999</v>
      </c>
      <c r="T5698">
        <v>21205.4905</v>
      </c>
      <c r="U5698">
        <v>14262.519270000001</v>
      </c>
      <c r="W5698" s="83">
        <f>Bühler!N5730</f>
        <v>45529.333333319519</v>
      </c>
      <c r="X5698" s="83">
        <v>43338.333333333336</v>
      </c>
      <c r="Y5698">
        <v>136271.59969999999</v>
      </c>
      <c r="Z5698">
        <v>12976.346439999999</v>
      </c>
      <c r="AA5698">
        <v>62226.083839999999</v>
      </c>
      <c r="AB5698">
        <v>29195.712640000002</v>
      </c>
      <c r="AC5698">
        <v>31906.34505</v>
      </c>
      <c r="AD5698">
        <v>23313.779610000001</v>
      </c>
      <c r="AE5698">
        <v>45759.546020000002</v>
      </c>
      <c r="AF5698">
        <v>43595.425999999999</v>
      </c>
      <c r="AG5698">
        <v>20763.898690000002</v>
      </c>
      <c r="AH5698">
        <v>196863.51029999999</v>
      </c>
      <c r="AI5698">
        <v>59179.30156</v>
      </c>
      <c r="AJ5698">
        <v>17610.94685</v>
      </c>
      <c r="AK5698">
        <v>33358.719129999998</v>
      </c>
      <c r="AL5698">
        <v>49458.971030000001</v>
      </c>
      <c r="AM5698">
        <v>14688.321089999999</v>
      </c>
      <c r="AN5698">
        <v>85356.105869999999</v>
      </c>
      <c r="AO5698">
        <v>21205.4905</v>
      </c>
      <c r="AP5698">
        <v>14262.519270000001</v>
      </c>
    </row>
    <row r="5699" spans="2:42" x14ac:dyDescent="0.3">
      <c r="B5699">
        <v>39.298739221086542</v>
      </c>
      <c r="C5699" s="83">
        <v>43338.375</v>
      </c>
      <c r="D5699">
        <v>137733.71359999999</v>
      </c>
      <c r="E5699">
        <v>14418.280150000001</v>
      </c>
      <c r="F5699">
        <v>66186.344459999993</v>
      </c>
      <c r="G5699">
        <v>30143.551510000001</v>
      </c>
      <c r="H5699">
        <v>32788.664980000001</v>
      </c>
      <c r="I5699">
        <v>23221.437269999999</v>
      </c>
      <c r="J5699">
        <v>47849.045570000002</v>
      </c>
      <c r="K5699">
        <v>45396.54163</v>
      </c>
      <c r="L5699">
        <v>24707.465560000001</v>
      </c>
      <c r="M5699">
        <v>200363.29920000001</v>
      </c>
      <c r="N5699">
        <v>61150.645400000001</v>
      </c>
      <c r="O5699">
        <v>18575.301820000001</v>
      </c>
      <c r="P5699">
        <v>37066.079310000001</v>
      </c>
      <c r="Q5699">
        <v>49987.023309999997</v>
      </c>
      <c r="R5699">
        <v>15675.84391</v>
      </c>
      <c r="S5699">
        <v>88927.558090000006</v>
      </c>
      <c r="T5699">
        <v>22665.454300000001</v>
      </c>
      <c r="U5699">
        <v>14470.430399999999</v>
      </c>
      <c r="W5699" s="83">
        <f>Bühler!N5731</f>
        <v>45529.374999986183</v>
      </c>
      <c r="X5699" s="83">
        <v>43338.375</v>
      </c>
      <c r="Y5699">
        <v>137733.71359999999</v>
      </c>
      <c r="Z5699">
        <v>14418.280150000001</v>
      </c>
      <c r="AA5699">
        <v>66186.344459999993</v>
      </c>
      <c r="AB5699">
        <v>30143.551510000001</v>
      </c>
      <c r="AC5699">
        <v>32788.664980000001</v>
      </c>
      <c r="AD5699">
        <v>23221.437269999999</v>
      </c>
      <c r="AE5699">
        <v>47849.045570000002</v>
      </c>
      <c r="AF5699">
        <v>45396.54163</v>
      </c>
      <c r="AG5699">
        <v>24707.465560000001</v>
      </c>
      <c r="AH5699">
        <v>200363.29920000001</v>
      </c>
      <c r="AI5699">
        <v>61150.645400000001</v>
      </c>
      <c r="AJ5699">
        <v>18575.301820000001</v>
      </c>
      <c r="AK5699">
        <v>37066.079310000001</v>
      </c>
      <c r="AL5699">
        <v>49987.023309999997</v>
      </c>
      <c r="AM5699">
        <v>15675.84391</v>
      </c>
      <c r="AN5699">
        <v>88927.558090000006</v>
      </c>
      <c r="AO5699">
        <v>22665.454300000001</v>
      </c>
      <c r="AP5699">
        <v>14470.430399999999</v>
      </c>
    </row>
    <row r="5700" spans="2:42" x14ac:dyDescent="0.3">
      <c r="B5700">
        <v>40.078549586270789</v>
      </c>
      <c r="C5700" s="83">
        <v>43338.416666666664</v>
      </c>
      <c r="D5700">
        <v>139054.52359999999</v>
      </c>
      <c r="E5700">
        <v>15255.103069999999</v>
      </c>
      <c r="F5700">
        <v>67294.899969999999</v>
      </c>
      <c r="G5700">
        <v>30788.43633</v>
      </c>
      <c r="H5700">
        <v>33508.600859999999</v>
      </c>
      <c r="I5700">
        <v>23435.718540000002</v>
      </c>
      <c r="J5700">
        <v>47922.864759999997</v>
      </c>
      <c r="K5700">
        <v>47388.907950000001</v>
      </c>
      <c r="L5700">
        <v>28043.47453</v>
      </c>
      <c r="M5700">
        <v>204339.1361</v>
      </c>
      <c r="N5700">
        <v>66697.47133</v>
      </c>
      <c r="O5700">
        <v>18766.994890000002</v>
      </c>
      <c r="P5700">
        <v>37942.562519999999</v>
      </c>
      <c r="Q5700">
        <v>49947.958460000002</v>
      </c>
      <c r="R5700">
        <v>17052.766749999999</v>
      </c>
      <c r="S5700">
        <v>89846.396710000001</v>
      </c>
      <c r="T5700">
        <v>25117.707549999999</v>
      </c>
      <c r="U5700">
        <v>14278.759770000001</v>
      </c>
      <c r="W5700" s="83">
        <f>Bühler!N5732</f>
        <v>45529.416666652847</v>
      </c>
      <c r="X5700" s="83">
        <v>43338.416666666664</v>
      </c>
      <c r="Y5700">
        <v>139054.52359999999</v>
      </c>
      <c r="Z5700">
        <v>15255.103069999999</v>
      </c>
      <c r="AA5700">
        <v>67294.899969999999</v>
      </c>
      <c r="AB5700">
        <v>30788.43633</v>
      </c>
      <c r="AC5700">
        <v>33508.600859999999</v>
      </c>
      <c r="AD5700">
        <v>23435.718540000002</v>
      </c>
      <c r="AE5700">
        <v>47922.864759999997</v>
      </c>
      <c r="AF5700">
        <v>47388.907950000001</v>
      </c>
      <c r="AG5700">
        <v>28043.47453</v>
      </c>
      <c r="AH5700">
        <v>204339.1361</v>
      </c>
      <c r="AI5700">
        <v>66697.47133</v>
      </c>
      <c r="AJ5700">
        <v>18766.994890000002</v>
      </c>
      <c r="AK5700">
        <v>37942.562519999999</v>
      </c>
      <c r="AL5700">
        <v>49947.958460000002</v>
      </c>
      <c r="AM5700">
        <v>17052.766749999999</v>
      </c>
      <c r="AN5700">
        <v>89846.396710000001</v>
      </c>
      <c r="AO5700">
        <v>25117.707549999999</v>
      </c>
      <c r="AP5700">
        <v>14278.759770000001</v>
      </c>
    </row>
    <row r="5701" spans="2:42" x14ac:dyDescent="0.3">
      <c r="B5701">
        <v>40.19381211044675</v>
      </c>
      <c r="C5701" s="83">
        <v>43338.458333333336</v>
      </c>
      <c r="D5701">
        <v>139298.9497</v>
      </c>
      <c r="E5701">
        <v>15543.80312</v>
      </c>
      <c r="F5701">
        <v>68250.744519999993</v>
      </c>
      <c r="G5701">
        <v>31000.876489999999</v>
      </c>
      <c r="H5701">
        <v>33811.995360000001</v>
      </c>
      <c r="I5701">
        <v>23943.0098</v>
      </c>
      <c r="J5701">
        <v>47111.373749999999</v>
      </c>
      <c r="K5701">
        <v>48552.081420000002</v>
      </c>
      <c r="L5701">
        <v>29161.023000000001</v>
      </c>
      <c r="M5701">
        <v>204926.79819999999</v>
      </c>
      <c r="N5701">
        <v>67899.556079999995</v>
      </c>
      <c r="O5701">
        <v>18624.774740000001</v>
      </c>
      <c r="P5701">
        <v>37337.330419999998</v>
      </c>
      <c r="Q5701">
        <v>50181.460950000001</v>
      </c>
      <c r="R5701">
        <v>18452.923559999999</v>
      </c>
      <c r="S5701">
        <v>92928.787410000004</v>
      </c>
      <c r="T5701">
        <v>25654.201300000001</v>
      </c>
      <c r="U5701">
        <v>14147.998949999999</v>
      </c>
      <c r="W5701" s="83">
        <f>Bühler!N5733</f>
        <v>45529.458333319511</v>
      </c>
      <c r="X5701" s="83">
        <v>43338.458333333336</v>
      </c>
      <c r="Y5701">
        <v>139298.9497</v>
      </c>
      <c r="Z5701">
        <v>15543.80312</v>
      </c>
      <c r="AA5701">
        <v>68250.744519999993</v>
      </c>
      <c r="AB5701">
        <v>31000.876489999999</v>
      </c>
      <c r="AC5701">
        <v>33811.995360000001</v>
      </c>
      <c r="AD5701">
        <v>23943.0098</v>
      </c>
      <c r="AE5701">
        <v>47111.373749999999</v>
      </c>
      <c r="AF5701">
        <v>48552.081420000002</v>
      </c>
      <c r="AG5701">
        <v>29161.023000000001</v>
      </c>
      <c r="AH5701">
        <v>204926.79819999999</v>
      </c>
      <c r="AI5701">
        <v>67899.556079999995</v>
      </c>
      <c r="AJ5701">
        <v>18624.774740000001</v>
      </c>
      <c r="AK5701">
        <v>37337.330419999998</v>
      </c>
      <c r="AL5701">
        <v>50181.460950000001</v>
      </c>
      <c r="AM5701">
        <v>18452.923559999999</v>
      </c>
      <c r="AN5701">
        <v>92928.787410000004</v>
      </c>
      <c r="AO5701">
        <v>25654.201300000001</v>
      </c>
      <c r="AP5701">
        <v>14147.998949999999</v>
      </c>
    </row>
    <row r="5702" spans="2:42" x14ac:dyDescent="0.3">
      <c r="B5702">
        <v>39.894331561279422</v>
      </c>
      <c r="C5702" s="83">
        <v>43338.5</v>
      </c>
      <c r="D5702">
        <v>138088.99369999999</v>
      </c>
      <c r="E5702">
        <v>15454.28882</v>
      </c>
      <c r="F5702">
        <v>63112.92441</v>
      </c>
      <c r="G5702">
        <v>31354.555479999999</v>
      </c>
      <c r="H5702">
        <v>33630.937839999999</v>
      </c>
      <c r="I5702">
        <v>24332.851159999998</v>
      </c>
      <c r="J5702">
        <v>47883.178679999997</v>
      </c>
      <c r="K5702">
        <v>48420.155910000001</v>
      </c>
      <c r="L5702">
        <v>31369.195960000001</v>
      </c>
      <c r="M5702">
        <v>203399.90669999999</v>
      </c>
      <c r="N5702">
        <v>67413.965559999997</v>
      </c>
      <c r="O5702">
        <v>18569.17916</v>
      </c>
      <c r="P5702">
        <v>38175.935010000001</v>
      </c>
      <c r="Q5702">
        <v>49507.368459999998</v>
      </c>
      <c r="R5702">
        <v>18309.580089999999</v>
      </c>
      <c r="S5702">
        <v>89472.180519999994</v>
      </c>
      <c r="T5702">
        <v>25483.645100000002</v>
      </c>
      <c r="U5702">
        <v>13129.125899999999</v>
      </c>
      <c r="W5702" s="83">
        <f>Bühler!N5734</f>
        <v>45529.499999986176</v>
      </c>
      <c r="X5702" s="83">
        <v>43338.5</v>
      </c>
      <c r="Y5702">
        <v>138088.99369999999</v>
      </c>
      <c r="Z5702">
        <v>15454.28882</v>
      </c>
      <c r="AA5702">
        <v>63112.92441</v>
      </c>
      <c r="AB5702">
        <v>31354.555479999999</v>
      </c>
      <c r="AC5702">
        <v>33630.937839999999</v>
      </c>
      <c r="AD5702">
        <v>24332.851159999998</v>
      </c>
      <c r="AE5702">
        <v>47883.178679999997</v>
      </c>
      <c r="AF5702">
        <v>48420.155910000001</v>
      </c>
      <c r="AG5702">
        <v>31369.195960000001</v>
      </c>
      <c r="AH5702">
        <v>203399.90669999999</v>
      </c>
      <c r="AI5702">
        <v>67413.965559999997</v>
      </c>
      <c r="AJ5702">
        <v>18569.17916</v>
      </c>
      <c r="AK5702">
        <v>38175.935010000001</v>
      </c>
      <c r="AL5702">
        <v>49507.368459999998</v>
      </c>
      <c r="AM5702">
        <v>18309.580089999999</v>
      </c>
      <c r="AN5702">
        <v>89472.180519999994</v>
      </c>
      <c r="AO5702">
        <v>25483.645100000002</v>
      </c>
      <c r="AP5702">
        <v>13129.125899999999</v>
      </c>
    </row>
    <row r="5703" spans="2:42" x14ac:dyDescent="0.3">
      <c r="B5703">
        <v>39.986490510360532</v>
      </c>
      <c r="C5703" s="83">
        <v>43338.541666666664</v>
      </c>
      <c r="D5703">
        <v>138988.2887</v>
      </c>
      <c r="E5703">
        <v>15526.848120000001</v>
      </c>
      <c r="F5703">
        <v>54073.635569999999</v>
      </c>
      <c r="G5703">
        <v>31153.893540000001</v>
      </c>
      <c r="H5703">
        <v>33330.668890000001</v>
      </c>
      <c r="I5703">
        <v>24410.172269999999</v>
      </c>
      <c r="J5703">
        <v>46604.423219999997</v>
      </c>
      <c r="K5703">
        <v>48142.569069999998</v>
      </c>
      <c r="L5703">
        <v>31704.272819999998</v>
      </c>
      <c r="M5703">
        <v>203869.77600000001</v>
      </c>
      <c r="N5703">
        <v>67361.721600000004</v>
      </c>
      <c r="O5703">
        <v>18713.410110000001</v>
      </c>
      <c r="P5703">
        <v>37714.414960000002</v>
      </c>
      <c r="Q5703">
        <v>48238.584799999997</v>
      </c>
      <c r="R5703">
        <v>18275.60255</v>
      </c>
      <c r="S5703">
        <v>89499.486090000006</v>
      </c>
      <c r="T5703">
        <v>25320.635200000001</v>
      </c>
      <c r="U5703">
        <v>14022.800429999999</v>
      </c>
      <c r="W5703" s="83">
        <f>Bühler!N5735</f>
        <v>45529.54166665284</v>
      </c>
      <c r="X5703" s="83">
        <v>43338.541666666664</v>
      </c>
      <c r="Y5703">
        <v>138988.2887</v>
      </c>
      <c r="Z5703">
        <v>15526.848120000001</v>
      </c>
      <c r="AA5703">
        <v>54073.635569999999</v>
      </c>
      <c r="AB5703">
        <v>31153.893540000001</v>
      </c>
      <c r="AC5703">
        <v>33330.668890000001</v>
      </c>
      <c r="AD5703">
        <v>24410.172269999999</v>
      </c>
      <c r="AE5703">
        <v>46604.423219999997</v>
      </c>
      <c r="AF5703">
        <v>48142.569069999998</v>
      </c>
      <c r="AG5703">
        <v>31704.272819999998</v>
      </c>
      <c r="AH5703">
        <v>203869.77600000001</v>
      </c>
      <c r="AI5703">
        <v>67361.721600000004</v>
      </c>
      <c r="AJ5703">
        <v>18713.410110000001</v>
      </c>
      <c r="AK5703">
        <v>37714.414960000002</v>
      </c>
      <c r="AL5703">
        <v>48238.584799999997</v>
      </c>
      <c r="AM5703">
        <v>18275.60255</v>
      </c>
      <c r="AN5703">
        <v>89499.486090000006</v>
      </c>
      <c r="AO5703">
        <v>25320.635200000001</v>
      </c>
      <c r="AP5703">
        <v>14022.800429999999</v>
      </c>
    </row>
    <row r="5704" spans="2:42" x14ac:dyDescent="0.3">
      <c r="B5704">
        <v>39.988838824382235</v>
      </c>
      <c r="C5704" s="83">
        <v>43338.583333333336</v>
      </c>
      <c r="D5704">
        <v>139806.62119999999</v>
      </c>
      <c r="E5704">
        <v>16187.17382</v>
      </c>
      <c r="F5704">
        <v>54121.061809999999</v>
      </c>
      <c r="G5704">
        <v>30840.735789999999</v>
      </c>
      <c r="H5704">
        <v>33470.514510000001</v>
      </c>
      <c r="I5704">
        <v>24155.907449999999</v>
      </c>
      <c r="J5704">
        <v>45677.025150000001</v>
      </c>
      <c r="K5704">
        <v>48706.047630000001</v>
      </c>
      <c r="L5704">
        <v>30087.596539999999</v>
      </c>
      <c r="M5704">
        <v>203881.7488</v>
      </c>
      <c r="N5704">
        <v>67861.596600000004</v>
      </c>
      <c r="O5704">
        <v>18404.63896</v>
      </c>
      <c r="P5704">
        <v>34750.838080000001</v>
      </c>
      <c r="Q5704">
        <v>48233.628960000002</v>
      </c>
      <c r="R5704">
        <v>18201.136620000001</v>
      </c>
      <c r="S5704">
        <v>87050.560559999998</v>
      </c>
      <c r="T5704">
        <v>24990.318380000001</v>
      </c>
      <c r="U5704">
        <v>13944.110189999999</v>
      </c>
      <c r="W5704" s="83">
        <f>Bühler!N5736</f>
        <v>45529.583333319504</v>
      </c>
      <c r="X5704" s="83">
        <v>43338.583333333336</v>
      </c>
      <c r="Y5704">
        <v>139806.62119999999</v>
      </c>
      <c r="Z5704">
        <v>16187.17382</v>
      </c>
      <c r="AA5704">
        <v>54121.061809999999</v>
      </c>
      <c r="AB5704">
        <v>30840.735789999999</v>
      </c>
      <c r="AC5704">
        <v>33470.514510000001</v>
      </c>
      <c r="AD5704">
        <v>24155.907449999999</v>
      </c>
      <c r="AE5704">
        <v>45677.025150000001</v>
      </c>
      <c r="AF5704">
        <v>48706.047630000001</v>
      </c>
      <c r="AG5704">
        <v>30087.596539999999</v>
      </c>
      <c r="AH5704">
        <v>203881.7488</v>
      </c>
      <c r="AI5704">
        <v>67861.596600000004</v>
      </c>
      <c r="AJ5704">
        <v>18404.63896</v>
      </c>
      <c r="AK5704">
        <v>34750.838080000001</v>
      </c>
      <c r="AL5704">
        <v>48233.628960000002</v>
      </c>
      <c r="AM5704">
        <v>18201.136620000001</v>
      </c>
      <c r="AN5704">
        <v>87050.560559999998</v>
      </c>
      <c r="AO5704">
        <v>24990.318380000001</v>
      </c>
      <c r="AP5704">
        <v>13944.110189999999</v>
      </c>
    </row>
    <row r="5705" spans="2:42" x14ac:dyDescent="0.3">
      <c r="B5705">
        <v>40.337444950380167</v>
      </c>
      <c r="C5705" s="83">
        <v>43338.625</v>
      </c>
      <c r="D5705">
        <v>140097.43710000001</v>
      </c>
      <c r="E5705">
        <v>16127.3</v>
      </c>
      <c r="F5705">
        <v>54541.85888</v>
      </c>
      <c r="G5705">
        <v>30697.2726</v>
      </c>
      <c r="H5705">
        <v>33259.815029999998</v>
      </c>
      <c r="I5705">
        <v>23946.164489999999</v>
      </c>
      <c r="J5705">
        <v>45281.434119999998</v>
      </c>
      <c r="K5705">
        <v>48193.278550000003</v>
      </c>
      <c r="L5705">
        <v>28098.072609999999</v>
      </c>
      <c r="M5705">
        <v>205659.1054</v>
      </c>
      <c r="N5705">
        <v>67751.120379999993</v>
      </c>
      <c r="O5705">
        <v>17919.908070000001</v>
      </c>
      <c r="P5705">
        <v>32701.712810000001</v>
      </c>
      <c r="Q5705">
        <v>48471.998959999997</v>
      </c>
      <c r="R5705">
        <v>18517.286779999999</v>
      </c>
      <c r="S5705">
        <v>86602.815289999999</v>
      </c>
      <c r="T5705">
        <v>24939.983990000001</v>
      </c>
      <c r="U5705">
        <v>13318.31705</v>
      </c>
      <c r="W5705" s="83">
        <f>Bühler!N5737</f>
        <v>45529.624999986168</v>
      </c>
      <c r="X5705" s="83">
        <v>43338.625</v>
      </c>
      <c r="Y5705">
        <v>140097.43710000001</v>
      </c>
      <c r="Z5705">
        <v>16127.3</v>
      </c>
      <c r="AA5705">
        <v>54541.85888</v>
      </c>
      <c r="AB5705">
        <v>30697.2726</v>
      </c>
      <c r="AC5705">
        <v>33259.815029999998</v>
      </c>
      <c r="AD5705">
        <v>23946.164489999999</v>
      </c>
      <c r="AE5705">
        <v>45281.434119999998</v>
      </c>
      <c r="AF5705">
        <v>48193.278550000003</v>
      </c>
      <c r="AG5705">
        <v>28098.072609999999</v>
      </c>
      <c r="AH5705">
        <v>205659.1054</v>
      </c>
      <c r="AI5705">
        <v>67751.120379999993</v>
      </c>
      <c r="AJ5705">
        <v>17919.908070000001</v>
      </c>
      <c r="AK5705">
        <v>32701.712810000001</v>
      </c>
      <c r="AL5705">
        <v>48471.998959999997</v>
      </c>
      <c r="AM5705">
        <v>18517.286779999999</v>
      </c>
      <c r="AN5705">
        <v>86602.815289999999</v>
      </c>
      <c r="AO5705">
        <v>24939.983990000001</v>
      </c>
      <c r="AP5705">
        <v>13318.31705</v>
      </c>
    </row>
    <row r="5706" spans="2:42" x14ac:dyDescent="0.3">
      <c r="B5706">
        <v>40.121189820690105</v>
      </c>
      <c r="C5706" s="83">
        <v>43338.666666666664</v>
      </c>
      <c r="D5706">
        <v>138159.92290000001</v>
      </c>
      <c r="E5706">
        <v>16135.646269999999</v>
      </c>
      <c r="F5706">
        <v>54091.159760000002</v>
      </c>
      <c r="G5706">
        <v>30111.522540000002</v>
      </c>
      <c r="H5706">
        <v>33126.404300000002</v>
      </c>
      <c r="I5706">
        <v>24105.9447</v>
      </c>
      <c r="J5706">
        <v>44651.30904</v>
      </c>
      <c r="K5706">
        <v>46783.198819999998</v>
      </c>
      <c r="L5706">
        <v>27695.114679999999</v>
      </c>
      <c r="M5706">
        <v>204556.53589999999</v>
      </c>
      <c r="N5706">
        <v>68515.266489999995</v>
      </c>
      <c r="O5706">
        <v>17872.618139999999</v>
      </c>
      <c r="P5706">
        <v>31606.963250000001</v>
      </c>
      <c r="Q5706">
        <v>48847.529260000003</v>
      </c>
      <c r="R5706">
        <v>18062.377359999999</v>
      </c>
      <c r="S5706">
        <v>87079.629979999998</v>
      </c>
      <c r="T5706">
        <v>24308.078109999999</v>
      </c>
      <c r="U5706">
        <v>12992.91993</v>
      </c>
      <c r="W5706" s="83">
        <f>Bühler!N5738</f>
        <v>45529.666666652833</v>
      </c>
      <c r="X5706" s="83">
        <v>43338.666666666664</v>
      </c>
      <c r="Y5706">
        <v>138159.92290000001</v>
      </c>
      <c r="Z5706">
        <v>16135.646269999999</v>
      </c>
      <c r="AA5706">
        <v>54091.159760000002</v>
      </c>
      <c r="AB5706">
        <v>30111.522540000002</v>
      </c>
      <c r="AC5706">
        <v>33126.404300000002</v>
      </c>
      <c r="AD5706">
        <v>24105.9447</v>
      </c>
      <c r="AE5706">
        <v>44651.30904</v>
      </c>
      <c r="AF5706">
        <v>46783.198819999998</v>
      </c>
      <c r="AG5706">
        <v>27695.114679999999</v>
      </c>
      <c r="AH5706">
        <v>204556.53589999999</v>
      </c>
      <c r="AI5706">
        <v>68515.266489999995</v>
      </c>
      <c r="AJ5706">
        <v>17872.618139999999</v>
      </c>
      <c r="AK5706">
        <v>31606.963250000001</v>
      </c>
      <c r="AL5706">
        <v>48847.529260000003</v>
      </c>
      <c r="AM5706">
        <v>18062.377359999999</v>
      </c>
      <c r="AN5706">
        <v>87079.629979999998</v>
      </c>
      <c r="AO5706">
        <v>24308.078109999999</v>
      </c>
      <c r="AP5706">
        <v>12992.91993</v>
      </c>
    </row>
    <row r="5707" spans="2:42" x14ac:dyDescent="0.3">
      <c r="B5707">
        <v>39.803319800314853</v>
      </c>
      <c r="C5707" s="83">
        <v>43338.708333333336</v>
      </c>
      <c r="D5707">
        <v>137097.73860000001</v>
      </c>
      <c r="E5707">
        <v>15726.82098</v>
      </c>
      <c r="F5707">
        <v>53521.817949999997</v>
      </c>
      <c r="G5707">
        <v>29391.144059999999</v>
      </c>
      <c r="H5707">
        <v>32718.16678</v>
      </c>
      <c r="I5707">
        <v>24451.838</v>
      </c>
      <c r="J5707">
        <v>46450.077270000002</v>
      </c>
      <c r="K5707">
        <v>45567.372750000002</v>
      </c>
      <c r="L5707">
        <v>28195.083419999999</v>
      </c>
      <c r="M5707">
        <v>202935.88630000001</v>
      </c>
      <c r="N5707">
        <v>66685.402440000005</v>
      </c>
      <c r="O5707">
        <v>17596.723300000001</v>
      </c>
      <c r="P5707">
        <v>31978.1986</v>
      </c>
      <c r="Q5707">
        <v>49146.701300000001</v>
      </c>
      <c r="R5707">
        <v>19473.455890000001</v>
      </c>
      <c r="S5707">
        <v>87274.129140000005</v>
      </c>
      <c r="T5707">
        <v>23735.8747</v>
      </c>
      <c r="U5707">
        <v>12737.50383</v>
      </c>
      <c r="W5707" s="83">
        <f>Bühler!N5739</f>
        <v>45529.708333319497</v>
      </c>
      <c r="X5707" s="83">
        <v>43338.708333333336</v>
      </c>
      <c r="Y5707">
        <v>137097.73860000001</v>
      </c>
      <c r="Z5707">
        <v>15726.82098</v>
      </c>
      <c r="AA5707">
        <v>53521.817949999997</v>
      </c>
      <c r="AB5707">
        <v>29391.144059999999</v>
      </c>
      <c r="AC5707">
        <v>32718.16678</v>
      </c>
      <c r="AD5707">
        <v>24451.838</v>
      </c>
      <c r="AE5707">
        <v>46450.077270000002</v>
      </c>
      <c r="AF5707">
        <v>45567.372750000002</v>
      </c>
      <c r="AG5707">
        <v>28195.083419999999</v>
      </c>
      <c r="AH5707">
        <v>202935.88630000001</v>
      </c>
      <c r="AI5707">
        <v>66685.402440000005</v>
      </c>
      <c r="AJ5707">
        <v>17596.723300000001</v>
      </c>
      <c r="AK5707">
        <v>31978.1986</v>
      </c>
      <c r="AL5707">
        <v>49146.701300000001</v>
      </c>
      <c r="AM5707">
        <v>19473.455890000001</v>
      </c>
      <c r="AN5707">
        <v>87274.129140000005</v>
      </c>
      <c r="AO5707">
        <v>23735.8747</v>
      </c>
      <c r="AP5707">
        <v>12737.50383</v>
      </c>
    </row>
    <row r="5708" spans="2:42" x14ac:dyDescent="0.3">
      <c r="B5708">
        <v>39.634943715739048</v>
      </c>
      <c r="C5708" s="83">
        <v>43338.75</v>
      </c>
      <c r="D5708">
        <v>136879.66010000001</v>
      </c>
      <c r="E5708">
        <v>15228.86232</v>
      </c>
      <c r="F5708">
        <v>53481.788520000002</v>
      </c>
      <c r="G5708">
        <v>28676.954010000001</v>
      </c>
      <c r="H5708">
        <v>32724.352350000001</v>
      </c>
      <c r="I5708">
        <v>24282.050050000002</v>
      </c>
      <c r="J5708">
        <v>46851.841569999997</v>
      </c>
      <c r="K5708">
        <v>45495.068859999999</v>
      </c>
      <c r="L5708">
        <v>28223.404340000001</v>
      </c>
      <c r="M5708">
        <v>202077.4265</v>
      </c>
      <c r="N5708">
        <v>65920.916729999997</v>
      </c>
      <c r="O5708">
        <v>17134.560959999999</v>
      </c>
      <c r="P5708">
        <v>34645.234320000003</v>
      </c>
      <c r="Q5708">
        <v>50225.510779999997</v>
      </c>
      <c r="R5708">
        <v>19057.337479999998</v>
      </c>
      <c r="S5708">
        <v>84380.975349999993</v>
      </c>
      <c r="T5708">
        <v>23171.287700000001</v>
      </c>
      <c r="U5708">
        <v>12820.44281</v>
      </c>
      <c r="W5708" s="83">
        <f>Bühler!N5740</f>
        <v>45529.749999986161</v>
      </c>
      <c r="X5708" s="83">
        <v>43338.75</v>
      </c>
      <c r="Y5708">
        <v>136879.66010000001</v>
      </c>
      <c r="Z5708">
        <v>15228.86232</v>
      </c>
      <c r="AA5708">
        <v>53481.788520000002</v>
      </c>
      <c r="AB5708">
        <v>28676.954010000001</v>
      </c>
      <c r="AC5708">
        <v>32724.352350000001</v>
      </c>
      <c r="AD5708">
        <v>24282.050050000002</v>
      </c>
      <c r="AE5708">
        <v>46851.841569999997</v>
      </c>
      <c r="AF5708">
        <v>45495.068859999999</v>
      </c>
      <c r="AG5708">
        <v>28223.404340000001</v>
      </c>
      <c r="AH5708">
        <v>202077.4265</v>
      </c>
      <c r="AI5708">
        <v>65920.916729999997</v>
      </c>
      <c r="AJ5708">
        <v>17134.560959999999</v>
      </c>
      <c r="AK5708">
        <v>34645.234320000003</v>
      </c>
      <c r="AL5708">
        <v>50225.510779999997</v>
      </c>
      <c r="AM5708">
        <v>19057.337479999998</v>
      </c>
      <c r="AN5708">
        <v>84380.975349999993</v>
      </c>
      <c r="AO5708">
        <v>23171.287700000001</v>
      </c>
      <c r="AP5708">
        <v>12820.44281</v>
      </c>
    </row>
    <row r="5709" spans="2:42" x14ac:dyDescent="0.3">
      <c r="B5709">
        <v>39.859942651313069</v>
      </c>
      <c r="C5709" s="83">
        <v>43338.791666666664</v>
      </c>
      <c r="D5709">
        <v>136508.60889999999</v>
      </c>
      <c r="E5709">
        <v>13843.73223</v>
      </c>
      <c r="F5709">
        <v>52677.779260000003</v>
      </c>
      <c r="G5709">
        <v>28497.379260000002</v>
      </c>
      <c r="H5709">
        <v>32381.42424</v>
      </c>
      <c r="I5709">
        <v>24339.151089999999</v>
      </c>
      <c r="J5709">
        <v>46752.405879999998</v>
      </c>
      <c r="K5709">
        <v>46057.109830000001</v>
      </c>
      <c r="L5709">
        <v>28341.369600000002</v>
      </c>
      <c r="M5709">
        <v>203224.576</v>
      </c>
      <c r="N5709">
        <v>66241.817809999993</v>
      </c>
      <c r="O5709">
        <v>17134.259569999998</v>
      </c>
      <c r="P5709">
        <v>36433.306949999998</v>
      </c>
      <c r="Q5709">
        <v>50484.558749999997</v>
      </c>
      <c r="R5709">
        <v>18951.827679999999</v>
      </c>
      <c r="S5709">
        <v>82706.801200000002</v>
      </c>
      <c r="T5709">
        <v>22254.53253</v>
      </c>
      <c r="U5709">
        <v>13074.330260000001</v>
      </c>
      <c r="W5709" s="83">
        <f>Bühler!N5741</f>
        <v>45529.791666652825</v>
      </c>
      <c r="X5709" s="83">
        <v>43338.791666666664</v>
      </c>
      <c r="Y5709">
        <v>136508.60889999999</v>
      </c>
      <c r="Z5709">
        <v>13843.73223</v>
      </c>
      <c r="AA5709">
        <v>52677.779260000003</v>
      </c>
      <c r="AB5709">
        <v>28497.379260000002</v>
      </c>
      <c r="AC5709">
        <v>32381.42424</v>
      </c>
      <c r="AD5709">
        <v>24339.151089999999</v>
      </c>
      <c r="AE5709">
        <v>46752.405879999998</v>
      </c>
      <c r="AF5709">
        <v>46057.109830000001</v>
      </c>
      <c r="AG5709">
        <v>28341.369600000002</v>
      </c>
      <c r="AH5709">
        <v>203224.576</v>
      </c>
      <c r="AI5709">
        <v>66241.817809999993</v>
      </c>
      <c r="AJ5709">
        <v>17134.259569999998</v>
      </c>
      <c r="AK5709">
        <v>36433.306949999998</v>
      </c>
      <c r="AL5709">
        <v>50484.558749999997</v>
      </c>
      <c r="AM5709">
        <v>18951.827679999999</v>
      </c>
      <c r="AN5709">
        <v>82706.801200000002</v>
      </c>
      <c r="AO5709">
        <v>22254.53253</v>
      </c>
      <c r="AP5709">
        <v>13074.330260000001</v>
      </c>
    </row>
    <row r="5710" spans="2:42" x14ac:dyDescent="0.3">
      <c r="B5710">
        <v>39.535937334968004</v>
      </c>
      <c r="C5710" s="83">
        <v>43338.833333333336</v>
      </c>
      <c r="D5710">
        <v>137297.99129999999</v>
      </c>
      <c r="E5710">
        <v>12485.726350000001</v>
      </c>
      <c r="F5710">
        <v>52610.978419999999</v>
      </c>
      <c r="G5710">
        <v>28021.74323</v>
      </c>
      <c r="H5710">
        <v>32127.879779999999</v>
      </c>
      <c r="I5710">
        <v>24282.262780000001</v>
      </c>
      <c r="J5710">
        <v>46854.54507</v>
      </c>
      <c r="K5710">
        <v>46699.971989999998</v>
      </c>
      <c r="L5710">
        <v>28045.156299999999</v>
      </c>
      <c r="M5710">
        <v>201572.6458</v>
      </c>
      <c r="N5710">
        <v>66166.668529999995</v>
      </c>
      <c r="O5710">
        <v>17270.168969999999</v>
      </c>
      <c r="P5710">
        <v>36908.443099999997</v>
      </c>
      <c r="Q5710">
        <v>51437.148950000003</v>
      </c>
      <c r="R5710">
        <v>18556.737410000002</v>
      </c>
      <c r="S5710">
        <v>78242.725409999999</v>
      </c>
      <c r="T5710">
        <v>20142.665550000002</v>
      </c>
      <c r="U5710">
        <v>13070.404549999999</v>
      </c>
      <c r="W5710" s="83">
        <f>Bühler!N5742</f>
        <v>45529.83333331949</v>
      </c>
      <c r="X5710" s="83">
        <v>43338.833333333336</v>
      </c>
      <c r="Y5710">
        <v>137297.99129999999</v>
      </c>
      <c r="Z5710">
        <v>12485.726350000001</v>
      </c>
      <c r="AA5710">
        <v>52610.978419999999</v>
      </c>
      <c r="AB5710">
        <v>28021.74323</v>
      </c>
      <c r="AC5710">
        <v>32127.879779999999</v>
      </c>
      <c r="AD5710">
        <v>24282.262780000001</v>
      </c>
      <c r="AE5710">
        <v>46854.54507</v>
      </c>
      <c r="AF5710">
        <v>46699.971989999998</v>
      </c>
      <c r="AG5710">
        <v>28045.156299999999</v>
      </c>
      <c r="AH5710">
        <v>201572.6458</v>
      </c>
      <c r="AI5710">
        <v>66166.668529999995</v>
      </c>
      <c r="AJ5710">
        <v>17270.168969999999</v>
      </c>
      <c r="AK5710">
        <v>36908.443099999997</v>
      </c>
      <c r="AL5710">
        <v>51437.148950000003</v>
      </c>
      <c r="AM5710">
        <v>18556.737410000002</v>
      </c>
      <c r="AN5710">
        <v>78242.725409999999</v>
      </c>
      <c r="AO5710">
        <v>20142.665550000002</v>
      </c>
      <c r="AP5710">
        <v>13070.404549999999</v>
      </c>
    </row>
    <row r="5711" spans="2:42" x14ac:dyDescent="0.3">
      <c r="B5711">
        <v>39.93424013110279</v>
      </c>
      <c r="C5711" s="83">
        <v>43338.875</v>
      </c>
      <c r="D5711">
        <v>139597.10819999999</v>
      </c>
      <c r="E5711">
        <v>12297.289409999999</v>
      </c>
      <c r="F5711">
        <v>52111.299780000001</v>
      </c>
      <c r="G5711">
        <v>28274.37199</v>
      </c>
      <c r="H5711">
        <v>32667.00488</v>
      </c>
      <c r="I5711">
        <v>23900.182820000002</v>
      </c>
      <c r="J5711">
        <v>47184.059500000003</v>
      </c>
      <c r="K5711">
        <v>46711.686800000003</v>
      </c>
      <c r="L5711">
        <v>27328.03528</v>
      </c>
      <c r="M5711">
        <v>203603.3792</v>
      </c>
      <c r="N5711">
        <v>66515.782089999993</v>
      </c>
      <c r="O5711">
        <v>17179.793610000001</v>
      </c>
      <c r="P5711">
        <v>35404.40782</v>
      </c>
      <c r="Q5711">
        <v>53257.339800000002</v>
      </c>
      <c r="R5711">
        <v>18533.082699999999</v>
      </c>
      <c r="S5711">
        <v>76298.018400000001</v>
      </c>
      <c r="T5711">
        <v>19568.536629999999</v>
      </c>
      <c r="U5711">
        <v>13416.92115</v>
      </c>
      <c r="W5711" s="83">
        <f>Bühler!N5743</f>
        <v>45529.874999986154</v>
      </c>
      <c r="X5711" s="83">
        <v>43338.875</v>
      </c>
      <c r="Y5711">
        <v>139597.10819999999</v>
      </c>
      <c r="Z5711">
        <v>12297.289409999999</v>
      </c>
      <c r="AA5711">
        <v>52111.299780000001</v>
      </c>
      <c r="AB5711">
        <v>28274.37199</v>
      </c>
      <c r="AC5711">
        <v>32667.00488</v>
      </c>
      <c r="AD5711">
        <v>23900.182820000002</v>
      </c>
      <c r="AE5711">
        <v>47184.059500000003</v>
      </c>
      <c r="AF5711">
        <v>46711.686800000003</v>
      </c>
      <c r="AG5711">
        <v>27328.03528</v>
      </c>
      <c r="AH5711">
        <v>203603.3792</v>
      </c>
      <c r="AI5711">
        <v>66515.782089999993</v>
      </c>
      <c r="AJ5711">
        <v>17179.793610000001</v>
      </c>
      <c r="AK5711">
        <v>35404.40782</v>
      </c>
      <c r="AL5711">
        <v>53257.339800000002</v>
      </c>
      <c r="AM5711">
        <v>18533.082699999999</v>
      </c>
      <c r="AN5711">
        <v>76298.018400000001</v>
      </c>
      <c r="AO5711">
        <v>19568.536629999999</v>
      </c>
      <c r="AP5711">
        <v>13416.92115</v>
      </c>
    </row>
    <row r="5712" spans="2:42" x14ac:dyDescent="0.3">
      <c r="B5712">
        <v>39.745796502066007</v>
      </c>
      <c r="C5712" s="83">
        <v>43338.916666666664</v>
      </c>
      <c r="D5712">
        <v>140486.01749999999</v>
      </c>
      <c r="E5712">
        <v>12021.50729</v>
      </c>
      <c r="F5712">
        <v>51489.762750000002</v>
      </c>
      <c r="G5712">
        <v>28770.77924</v>
      </c>
      <c r="H5712">
        <v>33282.952899999997</v>
      </c>
      <c r="I5712">
        <v>23697.486410000001</v>
      </c>
      <c r="J5712">
        <v>44380.509749999997</v>
      </c>
      <c r="K5712">
        <v>49001.482089999998</v>
      </c>
      <c r="L5712">
        <v>24067.861079999999</v>
      </c>
      <c r="M5712">
        <v>202642.60569999999</v>
      </c>
      <c r="N5712">
        <v>65629.968859999994</v>
      </c>
      <c r="O5712">
        <v>17324.15696</v>
      </c>
      <c r="P5712">
        <v>34954.808550000002</v>
      </c>
      <c r="Q5712">
        <v>55831.575530000002</v>
      </c>
      <c r="R5712">
        <v>19112.179680000001</v>
      </c>
      <c r="S5712">
        <v>75385.051519999994</v>
      </c>
      <c r="T5712">
        <v>19258.671709999999</v>
      </c>
      <c r="U5712">
        <v>13652.82337</v>
      </c>
      <c r="W5712" s="83">
        <f>Bühler!N5744</f>
        <v>45529.916666652818</v>
      </c>
      <c r="X5712" s="83">
        <v>43338.916666666664</v>
      </c>
      <c r="Y5712">
        <v>140486.01749999999</v>
      </c>
      <c r="Z5712">
        <v>12021.50729</v>
      </c>
      <c r="AA5712">
        <v>51489.762750000002</v>
      </c>
      <c r="AB5712">
        <v>28770.77924</v>
      </c>
      <c r="AC5712">
        <v>33282.952899999997</v>
      </c>
      <c r="AD5712">
        <v>23697.486410000001</v>
      </c>
      <c r="AE5712">
        <v>44380.509749999997</v>
      </c>
      <c r="AF5712">
        <v>49001.482089999998</v>
      </c>
      <c r="AG5712">
        <v>24067.861079999999</v>
      </c>
      <c r="AH5712">
        <v>202642.60569999999</v>
      </c>
      <c r="AI5712">
        <v>65629.968859999994</v>
      </c>
      <c r="AJ5712">
        <v>17324.15696</v>
      </c>
      <c r="AK5712">
        <v>34954.808550000002</v>
      </c>
      <c r="AL5712">
        <v>55831.575530000002</v>
      </c>
      <c r="AM5712">
        <v>19112.179680000001</v>
      </c>
      <c r="AN5712">
        <v>75385.051519999994</v>
      </c>
      <c r="AO5712">
        <v>19258.671709999999</v>
      </c>
      <c r="AP5712">
        <v>13652.82337</v>
      </c>
    </row>
    <row r="5713" spans="2:42" x14ac:dyDescent="0.3">
      <c r="B5713">
        <v>40.095340557174239</v>
      </c>
      <c r="C5713" s="83">
        <v>43338.958333333336</v>
      </c>
      <c r="D5713">
        <v>141466.9981</v>
      </c>
      <c r="E5713">
        <v>11800.708549999999</v>
      </c>
      <c r="F5713">
        <v>51544.375939999998</v>
      </c>
      <c r="G5713">
        <v>28816.439679999999</v>
      </c>
      <c r="H5713">
        <v>32795.333460000002</v>
      </c>
      <c r="I5713">
        <v>22963.347949999999</v>
      </c>
      <c r="J5713">
        <v>39233.182919999999</v>
      </c>
      <c r="K5713">
        <v>48338.434269999998</v>
      </c>
      <c r="L5713">
        <v>20233.322110000001</v>
      </c>
      <c r="M5713">
        <v>204424.74429999999</v>
      </c>
      <c r="N5713">
        <v>65554.481969999993</v>
      </c>
      <c r="O5713">
        <v>17020.626359999998</v>
      </c>
      <c r="P5713">
        <v>31068.788769999999</v>
      </c>
      <c r="Q5713">
        <v>57936.949780000003</v>
      </c>
      <c r="R5713">
        <v>19236.23186</v>
      </c>
      <c r="S5713">
        <v>73672.32114</v>
      </c>
      <c r="T5713">
        <v>18375.427350000002</v>
      </c>
      <c r="U5713">
        <v>13313.62869</v>
      </c>
      <c r="W5713" s="83">
        <f>Bühler!N5745</f>
        <v>45529.958333319482</v>
      </c>
      <c r="X5713" s="83">
        <v>43338.958333333336</v>
      </c>
      <c r="Y5713">
        <v>141466.9981</v>
      </c>
      <c r="Z5713">
        <v>11800.708549999999</v>
      </c>
      <c r="AA5713">
        <v>51544.375939999998</v>
      </c>
      <c r="AB5713">
        <v>28816.439679999999</v>
      </c>
      <c r="AC5713">
        <v>32795.333460000002</v>
      </c>
      <c r="AD5713">
        <v>22963.347949999999</v>
      </c>
      <c r="AE5713">
        <v>39233.182919999999</v>
      </c>
      <c r="AF5713">
        <v>48338.434269999998</v>
      </c>
      <c r="AG5713">
        <v>20233.322110000001</v>
      </c>
      <c r="AH5713">
        <v>204424.74429999999</v>
      </c>
      <c r="AI5713">
        <v>65554.481969999993</v>
      </c>
      <c r="AJ5713">
        <v>17020.626359999998</v>
      </c>
      <c r="AK5713">
        <v>31068.788769999999</v>
      </c>
      <c r="AL5713">
        <v>57936.949780000003</v>
      </c>
      <c r="AM5713">
        <v>19236.23186</v>
      </c>
      <c r="AN5713">
        <v>73672.32114</v>
      </c>
      <c r="AO5713">
        <v>18375.427350000002</v>
      </c>
      <c r="AP5713">
        <v>13313.62869</v>
      </c>
    </row>
    <row r="5714" spans="2:42" x14ac:dyDescent="0.3">
      <c r="B5714">
        <v>39.900795858146267</v>
      </c>
      <c r="C5714" s="83">
        <v>43339</v>
      </c>
      <c r="D5714">
        <v>141823.1997</v>
      </c>
      <c r="E5714">
        <v>11424.60079</v>
      </c>
      <c r="F5714">
        <v>50491.562180000001</v>
      </c>
      <c r="G5714">
        <v>28508.32804</v>
      </c>
      <c r="H5714">
        <v>32446.487659999999</v>
      </c>
      <c r="I5714">
        <v>20752.102780000001</v>
      </c>
      <c r="J5714">
        <v>36191.881500000003</v>
      </c>
      <c r="K5714">
        <v>45414.736499999999</v>
      </c>
      <c r="L5714">
        <v>17867.915499999999</v>
      </c>
      <c r="M5714">
        <v>203432.86470000001</v>
      </c>
      <c r="N5714">
        <v>64481.904699999999</v>
      </c>
      <c r="O5714">
        <v>17787.14213</v>
      </c>
      <c r="P5714">
        <v>26912.403269999999</v>
      </c>
      <c r="Q5714">
        <v>61598.34072</v>
      </c>
      <c r="R5714">
        <v>15604.669250000001</v>
      </c>
      <c r="S5714">
        <v>72114.891029999999</v>
      </c>
      <c r="T5714">
        <v>17795.51701</v>
      </c>
      <c r="U5714">
        <v>12854.863160000001</v>
      </c>
      <c r="W5714" s="83">
        <f>Bühler!N5746</f>
        <v>45529.999999986147</v>
      </c>
      <c r="X5714" s="83">
        <v>43339</v>
      </c>
      <c r="Y5714">
        <v>141823.1997</v>
      </c>
      <c r="Z5714">
        <v>11424.60079</v>
      </c>
      <c r="AA5714">
        <v>50491.562180000001</v>
      </c>
      <c r="AB5714">
        <v>28508.32804</v>
      </c>
      <c r="AC5714">
        <v>32446.487659999999</v>
      </c>
      <c r="AD5714">
        <v>20752.102780000001</v>
      </c>
      <c r="AE5714">
        <v>36191.881500000003</v>
      </c>
      <c r="AF5714">
        <v>45414.736499999999</v>
      </c>
      <c r="AG5714">
        <v>17867.915499999999</v>
      </c>
      <c r="AH5714">
        <v>203432.86470000001</v>
      </c>
      <c r="AI5714">
        <v>64481.904699999999</v>
      </c>
      <c r="AJ5714">
        <v>17787.14213</v>
      </c>
      <c r="AK5714">
        <v>26912.403269999999</v>
      </c>
      <c r="AL5714">
        <v>61598.34072</v>
      </c>
      <c r="AM5714">
        <v>15604.669250000001</v>
      </c>
      <c r="AN5714">
        <v>72114.891029999999</v>
      </c>
      <c r="AO5714">
        <v>17795.51701</v>
      </c>
      <c r="AP5714">
        <v>12854.863160000001</v>
      </c>
    </row>
    <row r="5715" spans="2:42" x14ac:dyDescent="0.3">
      <c r="B5715">
        <v>40.25897562781001</v>
      </c>
      <c r="C5715" s="83">
        <v>43339.041666666664</v>
      </c>
      <c r="D5715">
        <v>143335.08410000001</v>
      </c>
      <c r="E5715">
        <v>11337.557699999999</v>
      </c>
      <c r="F5715">
        <v>50724.435140000001</v>
      </c>
      <c r="G5715">
        <v>28174.030729999999</v>
      </c>
      <c r="H5715">
        <v>31965.052449999999</v>
      </c>
      <c r="I5715">
        <v>17739.578819999999</v>
      </c>
      <c r="J5715">
        <v>34629.4709</v>
      </c>
      <c r="K5715">
        <v>43643.954039999997</v>
      </c>
      <c r="L5715">
        <v>16782.116819999999</v>
      </c>
      <c r="M5715">
        <v>205259.03219999999</v>
      </c>
      <c r="N5715">
        <v>65296.75978</v>
      </c>
      <c r="O5715">
        <v>17626.37588</v>
      </c>
      <c r="P5715">
        <v>25426.823779999999</v>
      </c>
      <c r="Q5715">
        <v>63735.16863</v>
      </c>
      <c r="R5715">
        <v>14309.17822</v>
      </c>
      <c r="S5715">
        <v>71211.147939999995</v>
      </c>
      <c r="T5715">
        <v>17373.935430000001</v>
      </c>
      <c r="U5715">
        <v>12616.615299999999</v>
      </c>
      <c r="W5715" s="83">
        <f>Bühler!N5747</f>
        <v>45530.041666652811</v>
      </c>
      <c r="X5715" s="83">
        <v>43339.041666666664</v>
      </c>
      <c r="Y5715">
        <v>143335.08410000001</v>
      </c>
      <c r="Z5715">
        <v>11337.557699999999</v>
      </c>
      <c r="AA5715">
        <v>50724.435140000001</v>
      </c>
      <c r="AB5715">
        <v>28174.030729999999</v>
      </c>
      <c r="AC5715">
        <v>31965.052449999999</v>
      </c>
      <c r="AD5715">
        <v>17739.578819999999</v>
      </c>
      <c r="AE5715">
        <v>34629.4709</v>
      </c>
      <c r="AF5715">
        <v>43643.954039999997</v>
      </c>
      <c r="AG5715">
        <v>16782.116819999999</v>
      </c>
      <c r="AH5715">
        <v>205259.03219999999</v>
      </c>
      <c r="AI5715">
        <v>65296.75978</v>
      </c>
      <c r="AJ5715">
        <v>17626.37588</v>
      </c>
      <c r="AK5715">
        <v>25426.823779999999</v>
      </c>
      <c r="AL5715">
        <v>63735.16863</v>
      </c>
      <c r="AM5715">
        <v>14309.17822</v>
      </c>
      <c r="AN5715">
        <v>71211.147939999995</v>
      </c>
      <c r="AO5715">
        <v>17373.935430000001</v>
      </c>
      <c r="AP5715">
        <v>12616.615299999999</v>
      </c>
    </row>
    <row r="5716" spans="2:42" x14ac:dyDescent="0.3">
      <c r="B5716">
        <v>40.906922339317155</v>
      </c>
      <c r="C5716" s="83">
        <v>43339.083333333336</v>
      </c>
      <c r="D5716">
        <v>145360.3376</v>
      </c>
      <c r="E5716">
        <v>11223.56652</v>
      </c>
      <c r="F5716">
        <v>51787.112260000002</v>
      </c>
      <c r="G5716">
        <v>27811.269079999998</v>
      </c>
      <c r="H5716">
        <v>32100.944960000001</v>
      </c>
      <c r="I5716">
        <v>16341.07345</v>
      </c>
      <c r="J5716">
        <v>34495.859949999998</v>
      </c>
      <c r="K5716">
        <v>42483.205909999997</v>
      </c>
      <c r="L5716">
        <v>16910.841199999999</v>
      </c>
      <c r="M5716">
        <v>208562.5667</v>
      </c>
      <c r="N5716">
        <v>64883.844669999999</v>
      </c>
      <c r="O5716">
        <v>17434.72567</v>
      </c>
      <c r="P5716">
        <v>24828.505850000001</v>
      </c>
      <c r="Q5716">
        <v>67062.484589999993</v>
      </c>
      <c r="R5716">
        <v>14395.181710000001</v>
      </c>
      <c r="S5716">
        <v>70425.207370000004</v>
      </c>
      <c r="T5716">
        <v>16969.47277</v>
      </c>
      <c r="U5716">
        <v>12483.703579999999</v>
      </c>
      <c r="W5716" s="83">
        <f>Bühler!N5748</f>
        <v>45530.083333319475</v>
      </c>
      <c r="X5716" s="83">
        <v>43339.083333333336</v>
      </c>
      <c r="Y5716">
        <v>145360.3376</v>
      </c>
      <c r="Z5716">
        <v>11223.56652</v>
      </c>
      <c r="AA5716">
        <v>51787.112260000002</v>
      </c>
      <c r="AB5716">
        <v>27811.269079999998</v>
      </c>
      <c r="AC5716">
        <v>32100.944960000001</v>
      </c>
      <c r="AD5716">
        <v>16341.07345</v>
      </c>
      <c r="AE5716">
        <v>34495.859949999998</v>
      </c>
      <c r="AF5716">
        <v>42483.205909999997</v>
      </c>
      <c r="AG5716">
        <v>16910.841199999999</v>
      </c>
      <c r="AH5716">
        <v>208562.5667</v>
      </c>
      <c r="AI5716">
        <v>64883.844669999999</v>
      </c>
      <c r="AJ5716">
        <v>17434.72567</v>
      </c>
      <c r="AK5716">
        <v>24828.505850000001</v>
      </c>
      <c r="AL5716">
        <v>67062.484589999993</v>
      </c>
      <c r="AM5716">
        <v>14395.181710000001</v>
      </c>
      <c r="AN5716">
        <v>70425.207370000004</v>
      </c>
      <c r="AO5716">
        <v>16969.47277</v>
      </c>
      <c r="AP5716">
        <v>12483.703579999999</v>
      </c>
    </row>
    <row r="5717" spans="2:42" x14ac:dyDescent="0.3">
      <c r="B5717">
        <v>42.001084568867206</v>
      </c>
      <c r="C5717" s="83">
        <v>43339.125</v>
      </c>
      <c r="D5717">
        <v>148360.62609999999</v>
      </c>
      <c r="E5717">
        <v>11415.09204</v>
      </c>
      <c r="F5717">
        <v>53947.164129999997</v>
      </c>
      <c r="G5717">
        <v>26943.224849999999</v>
      </c>
      <c r="H5717">
        <v>31947.564490000001</v>
      </c>
      <c r="I5717">
        <v>16223.34107</v>
      </c>
      <c r="J5717">
        <v>33944.862079999999</v>
      </c>
      <c r="K5717">
        <v>41545.47178</v>
      </c>
      <c r="L5717">
        <v>16442.114549999998</v>
      </c>
      <c r="M5717">
        <v>214141.11600000001</v>
      </c>
      <c r="N5717">
        <v>65189.622560000003</v>
      </c>
      <c r="O5717">
        <v>17541.683130000001</v>
      </c>
      <c r="P5717">
        <v>24089.399949999999</v>
      </c>
      <c r="Q5717">
        <v>73395.861019999997</v>
      </c>
      <c r="R5717">
        <v>14192.27018</v>
      </c>
      <c r="S5717">
        <v>69631.927760000006</v>
      </c>
      <c r="T5717">
        <v>16852.455040000001</v>
      </c>
      <c r="U5717">
        <v>12323.412130000001</v>
      </c>
      <c r="W5717" s="83">
        <f>Bühler!N5749</f>
        <v>45530.124999986139</v>
      </c>
      <c r="X5717" s="83">
        <v>43339.125</v>
      </c>
      <c r="Y5717">
        <v>148360.62609999999</v>
      </c>
      <c r="Z5717">
        <v>11415.09204</v>
      </c>
      <c r="AA5717">
        <v>53947.164129999997</v>
      </c>
      <c r="AB5717">
        <v>26943.224849999999</v>
      </c>
      <c r="AC5717">
        <v>31947.564490000001</v>
      </c>
      <c r="AD5717">
        <v>16223.34107</v>
      </c>
      <c r="AE5717">
        <v>33944.862079999999</v>
      </c>
      <c r="AF5717">
        <v>41545.47178</v>
      </c>
      <c r="AG5717">
        <v>16442.114549999998</v>
      </c>
      <c r="AH5717">
        <v>214141.11600000001</v>
      </c>
      <c r="AI5717">
        <v>65189.622560000003</v>
      </c>
      <c r="AJ5717">
        <v>17541.683130000001</v>
      </c>
      <c r="AK5717">
        <v>24089.399949999999</v>
      </c>
      <c r="AL5717">
        <v>73395.861019999997</v>
      </c>
      <c r="AM5717">
        <v>14192.27018</v>
      </c>
      <c r="AN5717">
        <v>69631.927760000006</v>
      </c>
      <c r="AO5717">
        <v>16852.455040000001</v>
      </c>
      <c r="AP5717">
        <v>12323.412130000001</v>
      </c>
    </row>
    <row r="5718" spans="2:42" x14ac:dyDescent="0.3">
      <c r="B5718">
        <v>45.227516655832872</v>
      </c>
      <c r="C5718" s="83">
        <v>43339.166666666664</v>
      </c>
      <c r="D5718">
        <v>156970.5325</v>
      </c>
      <c r="E5718">
        <v>12127.298119999999</v>
      </c>
      <c r="F5718">
        <v>57398.660029999999</v>
      </c>
      <c r="G5718">
        <v>26229.383860000002</v>
      </c>
      <c r="H5718">
        <v>32615.08324</v>
      </c>
      <c r="I5718">
        <v>17795.051319999999</v>
      </c>
      <c r="J5718">
        <v>35635.915659999999</v>
      </c>
      <c r="K5718">
        <v>41446.47668</v>
      </c>
      <c r="L5718">
        <v>16611.801459999999</v>
      </c>
      <c r="M5718">
        <v>230590.97140000001</v>
      </c>
      <c r="N5718">
        <v>65980.944080000001</v>
      </c>
      <c r="O5718">
        <v>18484.59434</v>
      </c>
      <c r="P5718">
        <v>24587.73561</v>
      </c>
      <c r="Q5718">
        <v>78358.507089999999</v>
      </c>
      <c r="R5718">
        <v>14469.68283</v>
      </c>
      <c r="S5718">
        <v>70336.292539999995</v>
      </c>
      <c r="T5718">
        <v>16738.180230000002</v>
      </c>
      <c r="U5718">
        <v>13033.35147</v>
      </c>
      <c r="W5718" s="83">
        <f>Bühler!N5750</f>
        <v>45530.166666652804</v>
      </c>
      <c r="X5718" s="83">
        <v>43339.166666666664</v>
      </c>
      <c r="Y5718">
        <v>156970.5325</v>
      </c>
      <c r="Z5718">
        <v>12127.298119999999</v>
      </c>
      <c r="AA5718">
        <v>57398.660029999999</v>
      </c>
      <c r="AB5718">
        <v>26229.383860000002</v>
      </c>
      <c r="AC5718">
        <v>32615.08324</v>
      </c>
      <c r="AD5718">
        <v>17795.051319999999</v>
      </c>
      <c r="AE5718">
        <v>35635.915659999999</v>
      </c>
      <c r="AF5718">
        <v>41446.47668</v>
      </c>
      <c r="AG5718">
        <v>16611.801459999999</v>
      </c>
      <c r="AH5718">
        <v>230590.97140000001</v>
      </c>
      <c r="AI5718">
        <v>65980.944080000001</v>
      </c>
      <c r="AJ5718">
        <v>18484.59434</v>
      </c>
      <c r="AK5718">
        <v>24587.73561</v>
      </c>
      <c r="AL5718">
        <v>78358.507089999999</v>
      </c>
      <c r="AM5718">
        <v>14469.68283</v>
      </c>
      <c r="AN5718">
        <v>70336.292539999995</v>
      </c>
      <c r="AO5718">
        <v>16738.180230000002</v>
      </c>
      <c r="AP5718">
        <v>13033.35147</v>
      </c>
    </row>
    <row r="5719" spans="2:42" x14ac:dyDescent="0.3">
      <c r="B5719">
        <v>51.394093699065962</v>
      </c>
      <c r="C5719" s="83">
        <v>43339.208333333336</v>
      </c>
      <c r="D5719">
        <v>182242.7917</v>
      </c>
      <c r="E5719">
        <v>13844.67108</v>
      </c>
      <c r="F5719">
        <v>67270.690170000002</v>
      </c>
      <c r="G5719">
        <v>27387.758419999998</v>
      </c>
      <c r="H5719">
        <v>34295.6227</v>
      </c>
      <c r="I5719">
        <v>23556.286639999998</v>
      </c>
      <c r="J5719">
        <v>39358.109750000003</v>
      </c>
      <c r="K5719">
        <v>43482.755790000003</v>
      </c>
      <c r="L5719">
        <v>16643.104370000001</v>
      </c>
      <c r="M5719">
        <v>262031.0569</v>
      </c>
      <c r="N5719">
        <v>67810.276360000003</v>
      </c>
      <c r="O5719">
        <v>19205.847689999999</v>
      </c>
      <c r="P5719">
        <v>26000.946619999999</v>
      </c>
      <c r="Q5719">
        <v>84752.310899999997</v>
      </c>
      <c r="R5719">
        <v>15774.24295</v>
      </c>
      <c r="S5719">
        <v>72728.938710000002</v>
      </c>
      <c r="T5719">
        <v>17691.24914</v>
      </c>
      <c r="U5719">
        <v>15317.67801</v>
      </c>
      <c r="W5719" s="83">
        <f>Bühler!N5751</f>
        <v>45530.208333319468</v>
      </c>
      <c r="X5719" s="83">
        <v>43339.208333333336</v>
      </c>
      <c r="Y5719">
        <v>182242.7917</v>
      </c>
      <c r="Z5719">
        <v>13844.67108</v>
      </c>
      <c r="AA5719">
        <v>67270.690170000002</v>
      </c>
      <c r="AB5719">
        <v>27387.758419999998</v>
      </c>
      <c r="AC5719">
        <v>34295.6227</v>
      </c>
      <c r="AD5719">
        <v>23556.286639999998</v>
      </c>
      <c r="AE5719">
        <v>39358.109750000003</v>
      </c>
      <c r="AF5719">
        <v>43482.755790000003</v>
      </c>
      <c r="AG5719">
        <v>16643.104370000001</v>
      </c>
      <c r="AH5719">
        <v>262031.0569</v>
      </c>
      <c r="AI5719">
        <v>67810.276360000003</v>
      </c>
      <c r="AJ5719">
        <v>19205.847689999999</v>
      </c>
      <c r="AK5719">
        <v>26000.946619999999</v>
      </c>
      <c r="AL5719">
        <v>84752.310899999997</v>
      </c>
      <c r="AM5719">
        <v>15774.24295</v>
      </c>
      <c r="AN5719">
        <v>72728.938710000002</v>
      </c>
      <c r="AO5719">
        <v>17691.24914</v>
      </c>
      <c r="AP5719">
        <v>15317.67801</v>
      </c>
    </row>
    <row r="5720" spans="2:42" x14ac:dyDescent="0.3">
      <c r="B5720">
        <v>56.910868394338628</v>
      </c>
      <c r="C5720" s="83">
        <v>43339.25</v>
      </c>
      <c r="D5720">
        <v>205933.43669999999</v>
      </c>
      <c r="E5720">
        <v>17549.158039999998</v>
      </c>
      <c r="F5720">
        <v>79298.052089999997</v>
      </c>
      <c r="G5720">
        <v>31127.39013</v>
      </c>
      <c r="H5720">
        <v>36937.724069999997</v>
      </c>
      <c r="I5720">
        <v>28889.419699999999</v>
      </c>
      <c r="J5720">
        <v>43306.532780000001</v>
      </c>
      <c r="K5720">
        <v>45219.95506</v>
      </c>
      <c r="L5720">
        <v>18758.407859999999</v>
      </c>
      <c r="M5720">
        <v>290158.147</v>
      </c>
      <c r="N5720">
        <v>70895.505569999994</v>
      </c>
      <c r="O5720">
        <v>20533.684099999999</v>
      </c>
      <c r="P5720">
        <v>26286.99943</v>
      </c>
      <c r="Q5720">
        <v>88961.390199999994</v>
      </c>
      <c r="R5720">
        <v>16858.664639999999</v>
      </c>
      <c r="S5720">
        <v>81630.992819999999</v>
      </c>
      <c r="T5720">
        <v>19780.554980000001</v>
      </c>
      <c r="U5720">
        <v>17713.275959999999</v>
      </c>
      <c r="W5720" s="83">
        <f>Bühler!N5752</f>
        <v>45530.249999986132</v>
      </c>
      <c r="X5720" s="83">
        <v>43339.25</v>
      </c>
      <c r="Y5720">
        <v>205933.43669999999</v>
      </c>
      <c r="Z5720">
        <v>17549.158039999998</v>
      </c>
      <c r="AA5720">
        <v>79298.052089999997</v>
      </c>
      <c r="AB5720">
        <v>31127.39013</v>
      </c>
      <c r="AC5720">
        <v>36937.724069999997</v>
      </c>
      <c r="AD5720">
        <v>28889.419699999999</v>
      </c>
      <c r="AE5720">
        <v>43306.532780000001</v>
      </c>
      <c r="AF5720">
        <v>45219.95506</v>
      </c>
      <c r="AG5720">
        <v>18758.407859999999</v>
      </c>
      <c r="AH5720">
        <v>290158.147</v>
      </c>
      <c r="AI5720">
        <v>70895.505569999994</v>
      </c>
      <c r="AJ5720">
        <v>20533.684099999999</v>
      </c>
      <c r="AK5720">
        <v>26286.99943</v>
      </c>
      <c r="AL5720">
        <v>88961.390199999994</v>
      </c>
      <c r="AM5720">
        <v>16858.664639999999</v>
      </c>
      <c r="AN5720">
        <v>81630.992819999999</v>
      </c>
      <c r="AO5720">
        <v>19780.554980000001</v>
      </c>
      <c r="AP5720">
        <v>17713.275959999999</v>
      </c>
    </row>
    <row r="5721" spans="2:42" x14ac:dyDescent="0.3">
      <c r="B5721">
        <v>60.346924087368947</v>
      </c>
      <c r="C5721" s="83">
        <v>43339.291666666664</v>
      </c>
      <c r="D5721">
        <v>221187.5754</v>
      </c>
      <c r="E5721">
        <v>21416.708449999998</v>
      </c>
      <c r="F5721">
        <v>81554.840379999994</v>
      </c>
      <c r="G5721">
        <v>36151.976860000002</v>
      </c>
      <c r="H5721">
        <v>40630.336259999996</v>
      </c>
      <c r="I5721">
        <v>34237.375910000002</v>
      </c>
      <c r="J5721">
        <v>44331.275500000003</v>
      </c>
      <c r="K5721">
        <v>48492.49684</v>
      </c>
      <c r="L5721">
        <v>20562.359680000001</v>
      </c>
      <c r="M5721">
        <v>307676.76130000001</v>
      </c>
      <c r="N5721">
        <v>75665.423030000005</v>
      </c>
      <c r="O5721">
        <v>21683.81594</v>
      </c>
      <c r="P5721">
        <v>29020.34835</v>
      </c>
      <c r="Q5721">
        <v>91797.98126</v>
      </c>
      <c r="R5721">
        <v>18358.662509999998</v>
      </c>
      <c r="S5721">
        <v>95508.800560000003</v>
      </c>
      <c r="T5721">
        <v>22864.052500000002</v>
      </c>
      <c r="U5721">
        <v>20963.074270000001</v>
      </c>
      <c r="W5721" s="83">
        <f>Bühler!N5753</f>
        <v>45530.291666652796</v>
      </c>
      <c r="X5721" s="83">
        <v>43339.291666666664</v>
      </c>
      <c r="Y5721">
        <v>221187.5754</v>
      </c>
      <c r="Z5721">
        <v>21416.708449999998</v>
      </c>
      <c r="AA5721">
        <v>81554.840379999994</v>
      </c>
      <c r="AB5721">
        <v>36151.976860000002</v>
      </c>
      <c r="AC5721">
        <v>40630.336259999996</v>
      </c>
      <c r="AD5721">
        <v>34237.375910000002</v>
      </c>
      <c r="AE5721">
        <v>44331.275500000003</v>
      </c>
      <c r="AF5721">
        <v>48492.49684</v>
      </c>
      <c r="AG5721">
        <v>20562.359680000001</v>
      </c>
      <c r="AH5721">
        <v>307676.76130000001</v>
      </c>
      <c r="AI5721">
        <v>75665.423030000005</v>
      </c>
      <c r="AJ5721">
        <v>21683.81594</v>
      </c>
      <c r="AK5721">
        <v>29020.34835</v>
      </c>
      <c r="AL5721">
        <v>91797.98126</v>
      </c>
      <c r="AM5721">
        <v>18358.662509999998</v>
      </c>
      <c r="AN5721">
        <v>95508.800560000003</v>
      </c>
      <c r="AO5721">
        <v>22864.052500000002</v>
      </c>
      <c r="AP5721">
        <v>20963.074270000001</v>
      </c>
    </row>
    <row r="5722" spans="2:42" x14ac:dyDescent="0.3">
      <c r="B5722">
        <v>62.450942488299567</v>
      </c>
      <c r="C5722" s="83">
        <v>43339.333333333336</v>
      </c>
      <c r="D5722">
        <v>239632.766</v>
      </c>
      <c r="E5722">
        <v>26696.918890000001</v>
      </c>
      <c r="F5722">
        <v>87229.952210000003</v>
      </c>
      <c r="G5722">
        <v>42412.511079999997</v>
      </c>
      <c r="H5722">
        <v>44814.369079999997</v>
      </c>
      <c r="I5722">
        <v>37634.856449999999</v>
      </c>
      <c r="J5722">
        <v>47144.650869999998</v>
      </c>
      <c r="K5722">
        <v>55511.05371</v>
      </c>
      <c r="L5722">
        <v>24484.18375</v>
      </c>
      <c r="M5722">
        <v>318404.02830000001</v>
      </c>
      <c r="N5722">
        <v>85384.878830000001</v>
      </c>
      <c r="O5722">
        <v>23233.942879999999</v>
      </c>
      <c r="P5722">
        <v>32522.08625</v>
      </c>
      <c r="Q5722">
        <v>93638.084419999999</v>
      </c>
      <c r="R5722">
        <v>20829.317129999999</v>
      </c>
      <c r="S5722">
        <v>106950.1145</v>
      </c>
      <c r="T5722">
        <v>25549.464609999999</v>
      </c>
      <c r="U5722">
        <v>24194.058400000002</v>
      </c>
      <c r="W5722" s="83">
        <f>Bühler!N5754</f>
        <v>45530.333333319461</v>
      </c>
      <c r="X5722" s="83">
        <v>43339.333333333336</v>
      </c>
      <c r="Y5722">
        <v>239632.766</v>
      </c>
      <c r="Z5722">
        <v>26696.918890000001</v>
      </c>
      <c r="AA5722">
        <v>87229.952210000003</v>
      </c>
      <c r="AB5722">
        <v>42412.511079999997</v>
      </c>
      <c r="AC5722">
        <v>44814.369079999997</v>
      </c>
      <c r="AD5722">
        <v>37634.856449999999</v>
      </c>
      <c r="AE5722">
        <v>47144.650869999998</v>
      </c>
      <c r="AF5722">
        <v>55511.05371</v>
      </c>
      <c r="AG5722">
        <v>24484.18375</v>
      </c>
      <c r="AH5722">
        <v>318404.02830000001</v>
      </c>
      <c r="AI5722">
        <v>85384.878830000001</v>
      </c>
      <c r="AJ5722">
        <v>23233.942879999999</v>
      </c>
      <c r="AK5722">
        <v>32522.08625</v>
      </c>
      <c r="AL5722">
        <v>93638.084419999999</v>
      </c>
      <c r="AM5722">
        <v>20829.317129999999</v>
      </c>
      <c r="AN5722">
        <v>106950.1145</v>
      </c>
      <c r="AO5722">
        <v>25549.464609999999</v>
      </c>
      <c r="AP5722">
        <v>24194.058400000002</v>
      </c>
    </row>
    <row r="5723" spans="2:42" x14ac:dyDescent="0.3">
      <c r="B5723">
        <v>63.756908371649125</v>
      </c>
      <c r="C5723" s="83">
        <v>43339.375</v>
      </c>
      <c r="D5723">
        <v>248013.39439999999</v>
      </c>
      <c r="E5723">
        <v>31265.85499</v>
      </c>
      <c r="F5723">
        <v>93220.072669999994</v>
      </c>
      <c r="G5723">
        <v>46441.788809999998</v>
      </c>
      <c r="H5723">
        <v>47830.022340000003</v>
      </c>
      <c r="I5723">
        <v>37338.7503</v>
      </c>
      <c r="J5723">
        <v>49689.233950000002</v>
      </c>
      <c r="K5723">
        <v>58879.163430000001</v>
      </c>
      <c r="L5723">
        <v>28939.80041</v>
      </c>
      <c r="M5723">
        <v>325062.45140000002</v>
      </c>
      <c r="N5723">
        <v>90230.616020000001</v>
      </c>
      <c r="O5723">
        <v>24129.577089999999</v>
      </c>
      <c r="P5723">
        <v>35162.992100000003</v>
      </c>
      <c r="Q5723">
        <v>97015.581739999994</v>
      </c>
      <c r="R5723">
        <v>21861.05675</v>
      </c>
      <c r="S5723">
        <v>114347.38219999999</v>
      </c>
      <c r="T5723">
        <v>28261.19226</v>
      </c>
      <c r="U5723">
        <v>24773.7677</v>
      </c>
      <c r="W5723" s="83">
        <f>Bühler!N5755</f>
        <v>45530.374999986125</v>
      </c>
      <c r="X5723" s="83">
        <v>43339.375</v>
      </c>
      <c r="Y5723">
        <v>248013.39439999999</v>
      </c>
      <c r="Z5723">
        <v>31265.85499</v>
      </c>
      <c r="AA5723">
        <v>93220.072669999994</v>
      </c>
      <c r="AB5723">
        <v>46441.788809999998</v>
      </c>
      <c r="AC5723">
        <v>47830.022340000003</v>
      </c>
      <c r="AD5723">
        <v>37338.7503</v>
      </c>
      <c r="AE5723">
        <v>49689.233950000002</v>
      </c>
      <c r="AF5723">
        <v>58879.163430000001</v>
      </c>
      <c r="AG5723">
        <v>28939.80041</v>
      </c>
      <c r="AH5723">
        <v>325062.45140000002</v>
      </c>
      <c r="AI5723">
        <v>90230.616020000001</v>
      </c>
      <c r="AJ5723">
        <v>24129.577089999999</v>
      </c>
      <c r="AK5723">
        <v>35162.992100000003</v>
      </c>
      <c r="AL5723">
        <v>97015.581739999994</v>
      </c>
      <c r="AM5723">
        <v>21861.05675</v>
      </c>
      <c r="AN5723">
        <v>114347.38219999999</v>
      </c>
      <c r="AO5723">
        <v>28261.19226</v>
      </c>
      <c r="AP5723">
        <v>24773.7677</v>
      </c>
    </row>
    <row r="5724" spans="2:42" x14ac:dyDescent="0.3">
      <c r="B5724">
        <v>65.194446605389572</v>
      </c>
      <c r="C5724" s="83">
        <v>43339.416666666664</v>
      </c>
      <c r="D5724">
        <v>252988.98</v>
      </c>
      <c r="E5724">
        <v>33360.33539</v>
      </c>
      <c r="F5724">
        <v>94979.610199999996</v>
      </c>
      <c r="G5724">
        <v>48126.371270000003</v>
      </c>
      <c r="H5724">
        <v>49111.50333</v>
      </c>
      <c r="I5724">
        <v>35456.808120000002</v>
      </c>
      <c r="J5724">
        <v>50523.73704</v>
      </c>
      <c r="K5724">
        <v>60830.867050000001</v>
      </c>
      <c r="L5724">
        <v>31677.428940000002</v>
      </c>
      <c r="M5724">
        <v>332391.69170000002</v>
      </c>
      <c r="N5724">
        <v>94524.440839999996</v>
      </c>
      <c r="O5724">
        <v>24650.09376</v>
      </c>
      <c r="P5724">
        <v>35960.265820000001</v>
      </c>
      <c r="Q5724">
        <v>99080.205679999999</v>
      </c>
      <c r="R5724">
        <v>23270.599119999999</v>
      </c>
      <c r="S5724">
        <v>115504.44990000001</v>
      </c>
      <c r="T5724">
        <v>30319.805380000002</v>
      </c>
      <c r="U5724">
        <v>24225.030320000002</v>
      </c>
      <c r="W5724" s="83">
        <f>Bühler!N5756</f>
        <v>45530.416666652789</v>
      </c>
      <c r="X5724" s="83">
        <v>43339.416666666664</v>
      </c>
      <c r="Y5724">
        <v>252988.98</v>
      </c>
      <c r="Z5724">
        <v>33360.33539</v>
      </c>
      <c r="AA5724">
        <v>94979.610199999996</v>
      </c>
      <c r="AB5724">
        <v>48126.371270000003</v>
      </c>
      <c r="AC5724">
        <v>49111.50333</v>
      </c>
      <c r="AD5724">
        <v>35456.808120000002</v>
      </c>
      <c r="AE5724">
        <v>50523.73704</v>
      </c>
      <c r="AF5724">
        <v>60830.867050000001</v>
      </c>
      <c r="AG5724">
        <v>31677.428940000002</v>
      </c>
      <c r="AH5724">
        <v>332391.69170000002</v>
      </c>
      <c r="AI5724">
        <v>94524.440839999996</v>
      </c>
      <c r="AJ5724">
        <v>24650.09376</v>
      </c>
      <c r="AK5724">
        <v>35960.265820000001</v>
      </c>
      <c r="AL5724">
        <v>99080.205679999999</v>
      </c>
      <c r="AM5724">
        <v>23270.599119999999</v>
      </c>
      <c r="AN5724">
        <v>115504.44990000001</v>
      </c>
      <c r="AO5724">
        <v>30319.805380000002</v>
      </c>
      <c r="AP5724">
        <v>24225.030320000002</v>
      </c>
    </row>
    <row r="5725" spans="2:42" x14ac:dyDescent="0.3">
      <c r="B5725">
        <v>66.431229233159428</v>
      </c>
      <c r="C5725" s="83">
        <v>43339.458333333336</v>
      </c>
      <c r="D5725">
        <v>254867.91310000001</v>
      </c>
      <c r="E5725">
        <v>33775.799460000002</v>
      </c>
      <c r="F5725">
        <v>96094.45551</v>
      </c>
      <c r="G5725">
        <v>48334.360350000003</v>
      </c>
      <c r="H5725">
        <v>49380.661070000002</v>
      </c>
      <c r="I5725">
        <v>34885.749000000003</v>
      </c>
      <c r="J5725">
        <v>50404.167659999999</v>
      </c>
      <c r="K5725">
        <v>61446.401729999998</v>
      </c>
      <c r="L5725">
        <v>32922.982129999997</v>
      </c>
      <c r="M5725">
        <v>338697.38630000001</v>
      </c>
      <c r="N5725">
        <v>95075.198040000003</v>
      </c>
      <c r="O5725">
        <v>24753.12616</v>
      </c>
      <c r="P5725">
        <v>35649.126239999998</v>
      </c>
      <c r="Q5725">
        <v>99754.68015</v>
      </c>
      <c r="R5725">
        <v>24344.08108</v>
      </c>
      <c r="S5725">
        <v>118463.1909</v>
      </c>
      <c r="T5725">
        <v>30907.467400000001</v>
      </c>
      <c r="U5725">
        <v>24532.240160000001</v>
      </c>
      <c r="W5725" s="83">
        <f>Bühler!N5757</f>
        <v>45530.458333319453</v>
      </c>
      <c r="X5725" s="83">
        <v>43339.458333333336</v>
      </c>
      <c r="Y5725">
        <v>254867.91310000001</v>
      </c>
      <c r="Z5725">
        <v>33775.799460000002</v>
      </c>
      <c r="AA5725">
        <v>96094.45551</v>
      </c>
      <c r="AB5725">
        <v>48334.360350000003</v>
      </c>
      <c r="AC5725">
        <v>49380.661070000002</v>
      </c>
      <c r="AD5725">
        <v>34885.749000000003</v>
      </c>
      <c r="AE5725">
        <v>50404.167659999999</v>
      </c>
      <c r="AF5725">
        <v>61446.401729999998</v>
      </c>
      <c r="AG5725">
        <v>32922.982129999997</v>
      </c>
      <c r="AH5725">
        <v>338697.38630000001</v>
      </c>
      <c r="AI5725">
        <v>95075.198040000003</v>
      </c>
      <c r="AJ5725">
        <v>24753.12616</v>
      </c>
      <c r="AK5725">
        <v>35649.126239999998</v>
      </c>
      <c r="AL5725">
        <v>99754.68015</v>
      </c>
      <c r="AM5725">
        <v>24344.08108</v>
      </c>
      <c r="AN5725">
        <v>118463.1909</v>
      </c>
      <c r="AO5725">
        <v>30907.467400000001</v>
      </c>
      <c r="AP5725">
        <v>24532.240160000001</v>
      </c>
    </row>
    <row r="5726" spans="2:42" x14ac:dyDescent="0.3">
      <c r="B5726">
        <v>65.519463716194778</v>
      </c>
      <c r="C5726" s="83">
        <v>43339.5</v>
      </c>
      <c r="D5726">
        <v>245956.13260000001</v>
      </c>
      <c r="E5726">
        <v>30858.71081</v>
      </c>
      <c r="F5726">
        <v>89939.577609999993</v>
      </c>
      <c r="G5726">
        <v>46859.394760000003</v>
      </c>
      <c r="H5726">
        <v>47353.481460000003</v>
      </c>
      <c r="I5726">
        <v>34230.424229999997</v>
      </c>
      <c r="J5726">
        <v>51825.486230000002</v>
      </c>
      <c r="K5726">
        <v>59153.857389999997</v>
      </c>
      <c r="L5726">
        <v>35820.571839999997</v>
      </c>
      <c r="M5726">
        <v>334048.78049999999</v>
      </c>
      <c r="N5726">
        <v>92565.869120000003</v>
      </c>
      <c r="O5726">
        <v>24229.532930000001</v>
      </c>
      <c r="P5726">
        <v>36874.36275</v>
      </c>
      <c r="Q5726">
        <v>99021.478010000006</v>
      </c>
      <c r="R5726">
        <v>25024.129710000001</v>
      </c>
      <c r="S5726">
        <v>112765.4531</v>
      </c>
      <c r="T5726">
        <v>30177.12369</v>
      </c>
      <c r="U5726">
        <v>20762.65093</v>
      </c>
      <c r="W5726" s="83">
        <f>Bühler!N5758</f>
        <v>45530.499999986117</v>
      </c>
      <c r="X5726" s="83">
        <v>43339.5</v>
      </c>
      <c r="Y5726">
        <v>245956.13260000001</v>
      </c>
      <c r="Z5726">
        <v>30858.71081</v>
      </c>
      <c r="AA5726">
        <v>89939.577609999993</v>
      </c>
      <c r="AB5726">
        <v>46859.394760000003</v>
      </c>
      <c r="AC5726">
        <v>47353.481460000003</v>
      </c>
      <c r="AD5726">
        <v>34230.424229999997</v>
      </c>
      <c r="AE5726">
        <v>51825.486230000002</v>
      </c>
      <c r="AF5726">
        <v>59153.857389999997</v>
      </c>
      <c r="AG5726">
        <v>35820.571839999997</v>
      </c>
      <c r="AH5726">
        <v>334048.78049999999</v>
      </c>
      <c r="AI5726">
        <v>92565.869120000003</v>
      </c>
      <c r="AJ5726">
        <v>24229.532930000001</v>
      </c>
      <c r="AK5726">
        <v>36874.36275</v>
      </c>
      <c r="AL5726">
        <v>99021.478010000006</v>
      </c>
      <c r="AM5726">
        <v>25024.129710000001</v>
      </c>
      <c r="AN5726">
        <v>112765.4531</v>
      </c>
      <c r="AO5726">
        <v>30177.12369</v>
      </c>
      <c r="AP5726">
        <v>20762.65093</v>
      </c>
    </row>
    <row r="5727" spans="2:42" x14ac:dyDescent="0.3">
      <c r="B5727">
        <v>64.806639985243947</v>
      </c>
      <c r="C5727" s="83">
        <v>43339.541666666664</v>
      </c>
      <c r="D5727">
        <v>245533.13500000001</v>
      </c>
      <c r="E5727">
        <v>31448.64961</v>
      </c>
      <c r="F5727">
        <v>86568.422340000005</v>
      </c>
      <c r="G5727">
        <v>46043.308349999999</v>
      </c>
      <c r="H5727">
        <v>47784.694589999999</v>
      </c>
      <c r="I5727">
        <v>34082.050450000002</v>
      </c>
      <c r="J5727">
        <v>50224.714970000001</v>
      </c>
      <c r="K5727">
        <v>61597.554400000001</v>
      </c>
      <c r="L5727">
        <v>35307.021979999998</v>
      </c>
      <c r="M5727">
        <v>330414.47269999998</v>
      </c>
      <c r="N5727">
        <v>92990.374679999994</v>
      </c>
      <c r="O5727">
        <v>25245.102029999998</v>
      </c>
      <c r="P5727">
        <v>36662.796670000003</v>
      </c>
      <c r="Q5727">
        <v>97869.636419999995</v>
      </c>
      <c r="R5727">
        <v>24999.791519999999</v>
      </c>
      <c r="S5727">
        <v>111097.09759999999</v>
      </c>
      <c r="T5727">
        <v>29921.499329999999</v>
      </c>
      <c r="U5727">
        <v>22795.368480000001</v>
      </c>
      <c r="W5727" s="83">
        <f>Bühler!N5759</f>
        <v>45530.541666652782</v>
      </c>
      <c r="X5727" s="83">
        <v>43339.541666666664</v>
      </c>
      <c r="Y5727">
        <v>245533.13500000001</v>
      </c>
      <c r="Z5727">
        <v>31448.64961</v>
      </c>
      <c r="AA5727">
        <v>86568.422340000005</v>
      </c>
      <c r="AB5727">
        <v>46043.308349999999</v>
      </c>
      <c r="AC5727">
        <v>47784.694589999999</v>
      </c>
      <c r="AD5727">
        <v>34082.050450000002</v>
      </c>
      <c r="AE5727">
        <v>50224.714970000001</v>
      </c>
      <c r="AF5727">
        <v>61597.554400000001</v>
      </c>
      <c r="AG5727">
        <v>35307.021979999998</v>
      </c>
      <c r="AH5727">
        <v>330414.47269999998</v>
      </c>
      <c r="AI5727">
        <v>92990.374679999994</v>
      </c>
      <c r="AJ5727">
        <v>25245.102029999998</v>
      </c>
      <c r="AK5727">
        <v>36662.796670000003</v>
      </c>
      <c r="AL5727">
        <v>97869.636419999995</v>
      </c>
      <c r="AM5727">
        <v>24999.791519999999</v>
      </c>
      <c r="AN5727">
        <v>111097.09759999999</v>
      </c>
      <c r="AO5727">
        <v>29921.499329999999</v>
      </c>
      <c r="AP5727">
        <v>22795.368480000001</v>
      </c>
    </row>
    <row r="5728" spans="2:42" x14ac:dyDescent="0.3">
      <c r="B5728">
        <v>65.88924258175004</v>
      </c>
      <c r="C5728" s="83">
        <v>43339.583333333336</v>
      </c>
      <c r="D5728">
        <v>250779.6489</v>
      </c>
      <c r="E5728">
        <v>33923.81985</v>
      </c>
      <c r="F5728">
        <v>95008.490239999999</v>
      </c>
      <c r="G5728">
        <v>45517.269330000003</v>
      </c>
      <c r="H5728">
        <v>48341.529640000001</v>
      </c>
      <c r="I5728">
        <v>34877.879079999999</v>
      </c>
      <c r="J5728">
        <v>49039.2183</v>
      </c>
      <c r="K5728">
        <v>63078.529719999999</v>
      </c>
      <c r="L5728">
        <v>32816.575559999997</v>
      </c>
      <c r="M5728">
        <v>335934.08559999999</v>
      </c>
      <c r="N5728">
        <v>94381.247820000004</v>
      </c>
      <c r="O5728">
        <v>25699.674640000001</v>
      </c>
      <c r="P5728">
        <v>33853.08814</v>
      </c>
      <c r="Q5728">
        <v>97705.673729999995</v>
      </c>
      <c r="R5728">
        <v>24580.19989</v>
      </c>
      <c r="S5728">
        <v>108524.80869999999</v>
      </c>
      <c r="T5728">
        <v>29431.804319999999</v>
      </c>
      <c r="U5728">
        <v>22699.035749999999</v>
      </c>
      <c r="W5728" s="83">
        <f>Bühler!N5760</f>
        <v>45530.583333319446</v>
      </c>
      <c r="X5728" s="83">
        <v>43339.583333333336</v>
      </c>
      <c r="Y5728">
        <v>250779.6489</v>
      </c>
      <c r="Z5728">
        <v>33923.81985</v>
      </c>
      <c r="AA5728">
        <v>95008.490239999999</v>
      </c>
      <c r="AB5728">
        <v>45517.269330000003</v>
      </c>
      <c r="AC5728">
        <v>48341.529640000001</v>
      </c>
      <c r="AD5728">
        <v>34877.879079999999</v>
      </c>
      <c r="AE5728">
        <v>49039.2183</v>
      </c>
      <c r="AF5728">
        <v>63078.529719999999</v>
      </c>
      <c r="AG5728">
        <v>32816.575559999997</v>
      </c>
      <c r="AH5728">
        <v>335934.08559999999</v>
      </c>
      <c r="AI5728">
        <v>94381.247820000004</v>
      </c>
      <c r="AJ5728">
        <v>25699.674640000001</v>
      </c>
      <c r="AK5728">
        <v>33853.08814</v>
      </c>
      <c r="AL5728">
        <v>97705.673729999995</v>
      </c>
      <c r="AM5728">
        <v>24580.19989</v>
      </c>
      <c r="AN5728">
        <v>108524.80869999999</v>
      </c>
      <c r="AO5728">
        <v>29431.804319999999</v>
      </c>
      <c r="AP5728">
        <v>22699.035749999999</v>
      </c>
    </row>
    <row r="5729" spans="2:42" x14ac:dyDescent="0.3">
      <c r="B5729">
        <v>66.24793403469755</v>
      </c>
      <c r="C5729" s="83">
        <v>43339.625</v>
      </c>
      <c r="D5729">
        <v>250727.80600000001</v>
      </c>
      <c r="E5729">
        <v>33854.964760000003</v>
      </c>
      <c r="F5729">
        <v>97340.840660000002</v>
      </c>
      <c r="G5729">
        <v>44956.215750000003</v>
      </c>
      <c r="H5729">
        <v>47616.647790000003</v>
      </c>
      <c r="I5729">
        <v>34514.267760000002</v>
      </c>
      <c r="J5729">
        <v>47995.70966</v>
      </c>
      <c r="K5729">
        <v>62309.2958</v>
      </c>
      <c r="L5729">
        <v>29277.626</v>
      </c>
      <c r="M5729">
        <v>337762.86190000002</v>
      </c>
      <c r="N5729">
        <v>91522.857919999995</v>
      </c>
      <c r="O5729">
        <v>25242.165860000001</v>
      </c>
      <c r="P5729">
        <v>31946.152020000001</v>
      </c>
      <c r="Q5729">
        <v>97572.627540000001</v>
      </c>
      <c r="R5729">
        <v>24607.99195</v>
      </c>
      <c r="S5729">
        <v>106491.6308</v>
      </c>
      <c r="T5729">
        <v>29023.340359999998</v>
      </c>
      <c r="U5729">
        <v>22063.370320000002</v>
      </c>
      <c r="W5729" s="83">
        <f>Bühler!N5761</f>
        <v>45530.62499998611</v>
      </c>
      <c r="X5729" s="83">
        <v>43339.625</v>
      </c>
      <c r="Y5729">
        <v>250727.80600000001</v>
      </c>
      <c r="Z5729">
        <v>33854.964760000003</v>
      </c>
      <c r="AA5729">
        <v>97340.840660000002</v>
      </c>
      <c r="AB5729">
        <v>44956.215750000003</v>
      </c>
      <c r="AC5729">
        <v>47616.647790000003</v>
      </c>
      <c r="AD5729">
        <v>34514.267760000002</v>
      </c>
      <c r="AE5729">
        <v>47995.70966</v>
      </c>
      <c r="AF5729">
        <v>62309.2958</v>
      </c>
      <c r="AG5729">
        <v>29277.626</v>
      </c>
      <c r="AH5729">
        <v>337762.86190000002</v>
      </c>
      <c r="AI5729">
        <v>91522.857919999995</v>
      </c>
      <c r="AJ5729">
        <v>25242.165860000001</v>
      </c>
      <c r="AK5729">
        <v>31946.152020000001</v>
      </c>
      <c r="AL5729">
        <v>97572.627540000001</v>
      </c>
      <c r="AM5729">
        <v>24607.99195</v>
      </c>
      <c r="AN5729">
        <v>106491.6308</v>
      </c>
      <c r="AO5729">
        <v>29023.340359999998</v>
      </c>
      <c r="AP5729">
        <v>22063.370320000002</v>
      </c>
    </row>
    <row r="5730" spans="2:42" x14ac:dyDescent="0.3">
      <c r="B5730">
        <v>65.577570444793167</v>
      </c>
      <c r="C5730" s="83">
        <v>43339.666666666664</v>
      </c>
      <c r="D5730">
        <v>245158.4136</v>
      </c>
      <c r="E5730">
        <v>33163.800340000002</v>
      </c>
      <c r="F5730">
        <v>96623.506869999997</v>
      </c>
      <c r="G5730">
        <v>42808.008909999997</v>
      </c>
      <c r="H5730">
        <v>45879.960550000003</v>
      </c>
      <c r="I5730">
        <v>35253.594559999998</v>
      </c>
      <c r="J5730">
        <v>47665.538460000003</v>
      </c>
      <c r="K5730">
        <v>59310.072800000002</v>
      </c>
      <c r="L5730">
        <v>28071.031869999999</v>
      </c>
      <c r="M5730">
        <v>334345.03570000001</v>
      </c>
      <c r="N5730">
        <v>90381.227220000001</v>
      </c>
      <c r="O5730">
        <v>24552.937399999999</v>
      </c>
      <c r="P5730">
        <v>31085.811020000001</v>
      </c>
      <c r="Q5730">
        <v>96185.949699999997</v>
      </c>
      <c r="R5730">
        <v>23416.341830000001</v>
      </c>
      <c r="S5730">
        <v>103511.9136</v>
      </c>
      <c r="T5730">
        <v>28741.065449999998</v>
      </c>
      <c r="U5730">
        <v>20157.704000000002</v>
      </c>
      <c r="W5730" s="83">
        <f>Bühler!N5762</f>
        <v>45530.666666652774</v>
      </c>
      <c r="X5730" s="83">
        <v>43339.666666666664</v>
      </c>
      <c r="Y5730">
        <v>245158.4136</v>
      </c>
      <c r="Z5730">
        <v>33163.800340000002</v>
      </c>
      <c r="AA5730">
        <v>96623.506869999997</v>
      </c>
      <c r="AB5730">
        <v>42808.008909999997</v>
      </c>
      <c r="AC5730">
        <v>45879.960550000003</v>
      </c>
      <c r="AD5730">
        <v>35253.594559999998</v>
      </c>
      <c r="AE5730">
        <v>47665.538460000003</v>
      </c>
      <c r="AF5730">
        <v>59310.072800000002</v>
      </c>
      <c r="AG5730">
        <v>28071.031869999999</v>
      </c>
      <c r="AH5730">
        <v>334345.03570000001</v>
      </c>
      <c r="AI5730">
        <v>90381.227220000001</v>
      </c>
      <c r="AJ5730">
        <v>24552.937399999999</v>
      </c>
      <c r="AK5730">
        <v>31085.811020000001</v>
      </c>
      <c r="AL5730">
        <v>96185.949699999997</v>
      </c>
      <c r="AM5730">
        <v>23416.341830000001</v>
      </c>
      <c r="AN5730">
        <v>103511.9136</v>
      </c>
      <c r="AO5730">
        <v>28741.065449999998</v>
      </c>
      <c r="AP5730">
        <v>20157.704000000002</v>
      </c>
    </row>
    <row r="5731" spans="2:42" x14ac:dyDescent="0.3">
      <c r="B5731">
        <v>64.464061711140829</v>
      </c>
      <c r="C5731" s="83">
        <v>43339.708333333336</v>
      </c>
      <c r="D5731">
        <v>236722.4081</v>
      </c>
      <c r="E5731">
        <v>31186.097280000002</v>
      </c>
      <c r="F5731">
        <v>95221.218200000003</v>
      </c>
      <c r="G5731">
        <v>39515.206449999998</v>
      </c>
      <c r="H5731">
        <v>43570.708319999998</v>
      </c>
      <c r="I5731">
        <v>35672.651100000003</v>
      </c>
      <c r="J5731">
        <v>48131.305639999999</v>
      </c>
      <c r="K5731">
        <v>53886.401149999998</v>
      </c>
      <c r="L5731">
        <v>28184.169399999999</v>
      </c>
      <c r="M5731">
        <v>328667.84889999998</v>
      </c>
      <c r="N5731">
        <v>86576.620169999995</v>
      </c>
      <c r="O5731">
        <v>23417.31984</v>
      </c>
      <c r="P5731">
        <v>32349.61203</v>
      </c>
      <c r="Q5731">
        <v>94634.113589999994</v>
      </c>
      <c r="R5731">
        <v>23675.902709999998</v>
      </c>
      <c r="S5731">
        <v>99744.068939999997</v>
      </c>
      <c r="T5731">
        <v>27558.256229999999</v>
      </c>
      <c r="U5731">
        <v>18388.948609999999</v>
      </c>
      <c r="W5731" s="83">
        <f>Bühler!N5763</f>
        <v>45530.708333319439</v>
      </c>
      <c r="X5731" s="83">
        <v>43339.708333333336</v>
      </c>
      <c r="Y5731">
        <v>236722.4081</v>
      </c>
      <c r="Z5731">
        <v>31186.097280000002</v>
      </c>
      <c r="AA5731">
        <v>95221.218200000003</v>
      </c>
      <c r="AB5731">
        <v>39515.206449999998</v>
      </c>
      <c r="AC5731">
        <v>43570.708319999998</v>
      </c>
      <c r="AD5731">
        <v>35672.651100000003</v>
      </c>
      <c r="AE5731">
        <v>48131.305639999999</v>
      </c>
      <c r="AF5731">
        <v>53886.401149999998</v>
      </c>
      <c r="AG5731">
        <v>28184.169399999999</v>
      </c>
      <c r="AH5731">
        <v>328667.84889999998</v>
      </c>
      <c r="AI5731">
        <v>86576.620169999995</v>
      </c>
      <c r="AJ5731">
        <v>23417.31984</v>
      </c>
      <c r="AK5731">
        <v>32349.61203</v>
      </c>
      <c r="AL5731">
        <v>94634.113589999994</v>
      </c>
      <c r="AM5731">
        <v>23675.902709999998</v>
      </c>
      <c r="AN5731">
        <v>99744.068939999997</v>
      </c>
      <c r="AO5731">
        <v>27558.256229999999</v>
      </c>
      <c r="AP5731">
        <v>18388.948609999999</v>
      </c>
    </row>
    <row r="5732" spans="2:42" x14ac:dyDescent="0.3">
      <c r="B5732">
        <v>63.819262240180898</v>
      </c>
      <c r="C5732" s="83">
        <v>43339.75</v>
      </c>
      <c r="D5732">
        <v>231531.12940000001</v>
      </c>
      <c r="E5732">
        <v>28090.680209999999</v>
      </c>
      <c r="F5732">
        <v>93562.789220000006</v>
      </c>
      <c r="G5732">
        <v>35619.160709999996</v>
      </c>
      <c r="H5732">
        <v>41581.218390000002</v>
      </c>
      <c r="I5732">
        <v>34610.360619999999</v>
      </c>
      <c r="J5732">
        <v>48052.815410000003</v>
      </c>
      <c r="K5732">
        <v>51597.72004</v>
      </c>
      <c r="L5732">
        <v>28264.228009999999</v>
      </c>
      <c r="M5732">
        <v>325380.36050000001</v>
      </c>
      <c r="N5732">
        <v>83328.524780000007</v>
      </c>
      <c r="O5732">
        <v>21847.913489999999</v>
      </c>
      <c r="P5732">
        <v>35397.411030000003</v>
      </c>
      <c r="Q5732">
        <v>92930.689700000003</v>
      </c>
      <c r="R5732">
        <v>22323.82113</v>
      </c>
      <c r="S5732">
        <v>93058.709560000003</v>
      </c>
      <c r="T5732">
        <v>26884.117200000001</v>
      </c>
      <c r="U5732">
        <v>17341.866610000001</v>
      </c>
      <c r="W5732" s="83">
        <f>Bühler!N5764</f>
        <v>45530.749999986103</v>
      </c>
      <c r="X5732" s="83">
        <v>43339.75</v>
      </c>
      <c r="Y5732">
        <v>231531.12940000001</v>
      </c>
      <c r="Z5732">
        <v>28090.680209999999</v>
      </c>
      <c r="AA5732">
        <v>93562.789220000006</v>
      </c>
      <c r="AB5732">
        <v>35619.160709999996</v>
      </c>
      <c r="AC5732">
        <v>41581.218390000002</v>
      </c>
      <c r="AD5732">
        <v>34610.360619999999</v>
      </c>
      <c r="AE5732">
        <v>48052.815410000003</v>
      </c>
      <c r="AF5732">
        <v>51597.72004</v>
      </c>
      <c r="AG5732">
        <v>28264.228009999999</v>
      </c>
      <c r="AH5732">
        <v>325380.36050000001</v>
      </c>
      <c r="AI5732">
        <v>83328.524780000007</v>
      </c>
      <c r="AJ5732">
        <v>21847.913489999999</v>
      </c>
      <c r="AK5732">
        <v>35397.411030000003</v>
      </c>
      <c r="AL5732">
        <v>92930.689700000003</v>
      </c>
      <c r="AM5732">
        <v>22323.82113</v>
      </c>
      <c r="AN5732">
        <v>93058.709560000003</v>
      </c>
      <c r="AO5732">
        <v>26884.117200000001</v>
      </c>
      <c r="AP5732">
        <v>17341.866610000001</v>
      </c>
    </row>
    <row r="5733" spans="2:42" x14ac:dyDescent="0.3">
      <c r="B5733">
        <v>62.969877305663715</v>
      </c>
      <c r="C5733" s="83">
        <v>43339.791666666664</v>
      </c>
      <c r="D5733">
        <v>226414.83859999999</v>
      </c>
      <c r="E5733">
        <v>22490.640200000002</v>
      </c>
      <c r="F5733">
        <v>83293.950509999995</v>
      </c>
      <c r="G5733">
        <v>33512.652979999999</v>
      </c>
      <c r="H5733">
        <v>39724.244740000002</v>
      </c>
      <c r="I5733">
        <v>32673.37213</v>
      </c>
      <c r="J5733">
        <v>47605.153039999997</v>
      </c>
      <c r="K5733">
        <v>51635.636489999997</v>
      </c>
      <c r="L5733">
        <v>29079.79854</v>
      </c>
      <c r="M5733">
        <v>321049.8</v>
      </c>
      <c r="N5733">
        <v>80239.300640000001</v>
      </c>
      <c r="O5733">
        <v>20680.101119999999</v>
      </c>
      <c r="P5733">
        <v>38064.401319999997</v>
      </c>
      <c r="Q5733">
        <v>90879.713399999993</v>
      </c>
      <c r="R5733">
        <v>21599.328219999999</v>
      </c>
      <c r="S5733">
        <v>87843.319010000007</v>
      </c>
      <c r="T5733">
        <v>26456.38265</v>
      </c>
      <c r="U5733">
        <v>16564.719120000002</v>
      </c>
      <c r="W5733" s="83">
        <f>Bühler!N5765</f>
        <v>45530.791666652767</v>
      </c>
      <c r="X5733" s="83">
        <v>43339.791666666664</v>
      </c>
      <c r="Y5733">
        <v>226414.83859999999</v>
      </c>
      <c r="Z5733">
        <v>22490.640200000002</v>
      </c>
      <c r="AA5733">
        <v>83293.950509999995</v>
      </c>
      <c r="AB5733">
        <v>33512.652979999999</v>
      </c>
      <c r="AC5733">
        <v>39724.244740000002</v>
      </c>
      <c r="AD5733">
        <v>32673.37213</v>
      </c>
      <c r="AE5733">
        <v>47605.153039999997</v>
      </c>
      <c r="AF5733">
        <v>51635.636489999997</v>
      </c>
      <c r="AG5733">
        <v>29079.79854</v>
      </c>
      <c r="AH5733">
        <v>321049.8</v>
      </c>
      <c r="AI5733">
        <v>80239.300640000001</v>
      </c>
      <c r="AJ5733">
        <v>20680.101119999999</v>
      </c>
      <c r="AK5733">
        <v>38064.401319999997</v>
      </c>
      <c r="AL5733">
        <v>90879.713399999993</v>
      </c>
      <c r="AM5733">
        <v>21599.328219999999</v>
      </c>
      <c r="AN5733">
        <v>87843.319010000007</v>
      </c>
      <c r="AO5733">
        <v>26456.38265</v>
      </c>
      <c r="AP5733">
        <v>16564.719120000002</v>
      </c>
    </row>
    <row r="5734" spans="2:42" x14ac:dyDescent="0.3">
      <c r="B5734">
        <v>60.709838731871685</v>
      </c>
      <c r="C5734" s="83">
        <v>43339.833333333336</v>
      </c>
      <c r="D5734">
        <v>218087.84959999999</v>
      </c>
      <c r="E5734">
        <v>17115.460029999998</v>
      </c>
      <c r="F5734">
        <v>68319.698669999998</v>
      </c>
      <c r="G5734">
        <v>31516.47378</v>
      </c>
      <c r="H5734">
        <v>37469.17841</v>
      </c>
      <c r="I5734">
        <v>29815.858800000002</v>
      </c>
      <c r="J5734">
        <v>47022.315759999998</v>
      </c>
      <c r="K5734">
        <v>52174.437669999999</v>
      </c>
      <c r="L5734">
        <v>28758.025389999999</v>
      </c>
      <c r="M5734">
        <v>309527.06939999998</v>
      </c>
      <c r="N5734">
        <v>77149.232109999997</v>
      </c>
      <c r="O5734">
        <v>19677.28054</v>
      </c>
      <c r="P5734">
        <v>38511.259570000002</v>
      </c>
      <c r="Q5734">
        <v>87980.648990000002</v>
      </c>
      <c r="R5734">
        <v>20277.134760000001</v>
      </c>
      <c r="S5734">
        <v>81146.016269999993</v>
      </c>
      <c r="T5734">
        <v>25046.163820000002</v>
      </c>
      <c r="U5734">
        <v>16043.047500000001</v>
      </c>
      <c r="W5734" s="83">
        <f>Bühler!N5766</f>
        <v>45530.833333319431</v>
      </c>
      <c r="X5734" s="83">
        <v>43339.833333333336</v>
      </c>
      <c r="Y5734">
        <v>218087.84959999999</v>
      </c>
      <c r="Z5734">
        <v>17115.460029999998</v>
      </c>
      <c r="AA5734">
        <v>68319.698669999998</v>
      </c>
      <c r="AB5734">
        <v>31516.47378</v>
      </c>
      <c r="AC5734">
        <v>37469.17841</v>
      </c>
      <c r="AD5734">
        <v>29815.858800000002</v>
      </c>
      <c r="AE5734">
        <v>47022.315759999998</v>
      </c>
      <c r="AF5734">
        <v>52174.437669999999</v>
      </c>
      <c r="AG5734">
        <v>28758.025389999999</v>
      </c>
      <c r="AH5734">
        <v>309527.06939999998</v>
      </c>
      <c r="AI5734">
        <v>77149.232109999997</v>
      </c>
      <c r="AJ5734">
        <v>19677.28054</v>
      </c>
      <c r="AK5734">
        <v>38511.259570000002</v>
      </c>
      <c r="AL5734">
        <v>87980.648990000002</v>
      </c>
      <c r="AM5734">
        <v>20277.134760000001</v>
      </c>
      <c r="AN5734">
        <v>81146.016269999993</v>
      </c>
      <c r="AO5734">
        <v>25046.163820000002</v>
      </c>
      <c r="AP5734">
        <v>16043.047500000001</v>
      </c>
    </row>
    <row r="5735" spans="2:42" x14ac:dyDescent="0.3">
      <c r="B5735">
        <v>59.132968716306124</v>
      </c>
      <c r="C5735" s="83">
        <v>43339.875</v>
      </c>
      <c r="D5735">
        <v>210706.7199</v>
      </c>
      <c r="E5735">
        <v>14839.62262</v>
      </c>
      <c r="F5735">
        <v>59710.0815</v>
      </c>
      <c r="G5735">
        <v>30876.996340000002</v>
      </c>
      <c r="H5735">
        <v>36402.28213</v>
      </c>
      <c r="I5735">
        <v>27346.074939999999</v>
      </c>
      <c r="J5735">
        <v>46670.400699999998</v>
      </c>
      <c r="K5735">
        <v>50609.467449999996</v>
      </c>
      <c r="L5735">
        <v>27524.817179999998</v>
      </c>
      <c r="M5735">
        <v>301487.45069999999</v>
      </c>
      <c r="N5735">
        <v>75506.693790000005</v>
      </c>
      <c r="O5735">
        <v>18096.075000000001</v>
      </c>
      <c r="P5735">
        <v>36496.3868</v>
      </c>
      <c r="Q5735">
        <v>85570.21673</v>
      </c>
      <c r="R5735">
        <v>19535.503339999999</v>
      </c>
      <c r="S5735">
        <v>77872.145969999998</v>
      </c>
      <c r="T5735">
        <v>23490.371770000002</v>
      </c>
      <c r="U5735">
        <v>15292.29442</v>
      </c>
      <c r="W5735" s="83">
        <f>Bühler!N5767</f>
        <v>45530.874999986096</v>
      </c>
      <c r="X5735" s="83">
        <v>43339.875</v>
      </c>
      <c r="Y5735">
        <v>210706.7199</v>
      </c>
      <c r="Z5735">
        <v>14839.62262</v>
      </c>
      <c r="AA5735">
        <v>59710.0815</v>
      </c>
      <c r="AB5735">
        <v>30876.996340000002</v>
      </c>
      <c r="AC5735">
        <v>36402.28213</v>
      </c>
      <c r="AD5735">
        <v>27346.074939999999</v>
      </c>
      <c r="AE5735">
        <v>46670.400699999998</v>
      </c>
      <c r="AF5735">
        <v>50609.467449999996</v>
      </c>
      <c r="AG5735">
        <v>27524.817179999998</v>
      </c>
      <c r="AH5735">
        <v>301487.45069999999</v>
      </c>
      <c r="AI5735">
        <v>75506.693790000005</v>
      </c>
      <c r="AJ5735">
        <v>18096.075000000001</v>
      </c>
      <c r="AK5735">
        <v>36496.3868</v>
      </c>
      <c r="AL5735">
        <v>85570.21673</v>
      </c>
      <c r="AM5735">
        <v>19535.503339999999</v>
      </c>
      <c r="AN5735">
        <v>77872.145969999998</v>
      </c>
      <c r="AO5735">
        <v>23490.371770000002</v>
      </c>
      <c r="AP5735">
        <v>15292.29442</v>
      </c>
    </row>
    <row r="5736" spans="2:42" x14ac:dyDescent="0.3">
      <c r="B5736">
        <v>58.769304513064803</v>
      </c>
      <c r="C5736" s="83">
        <v>43339.916666666664</v>
      </c>
      <c r="D5736">
        <v>209839.01689999999</v>
      </c>
      <c r="E5736">
        <v>13794.324189999999</v>
      </c>
      <c r="F5736">
        <v>57632.54724</v>
      </c>
      <c r="G5736">
        <v>30419.280549999999</v>
      </c>
      <c r="H5736">
        <v>36350.599569999998</v>
      </c>
      <c r="I5736">
        <v>26051.85758</v>
      </c>
      <c r="J5736">
        <v>43857.118699999999</v>
      </c>
      <c r="K5736">
        <v>52653.737529999999</v>
      </c>
      <c r="L5736">
        <v>24757.365229999999</v>
      </c>
      <c r="M5736">
        <v>299633.321</v>
      </c>
      <c r="N5736">
        <v>73846.562399999995</v>
      </c>
      <c r="O5736">
        <v>17731.5347</v>
      </c>
      <c r="P5736">
        <v>37408.7117</v>
      </c>
      <c r="Q5736">
        <v>84831.197690000001</v>
      </c>
      <c r="R5736">
        <v>20801.20334</v>
      </c>
      <c r="S5736">
        <v>76394.287809999994</v>
      </c>
      <c r="T5736">
        <v>20745.265009999999</v>
      </c>
      <c r="U5736">
        <v>15120.900320000001</v>
      </c>
      <c r="W5736" s="83">
        <f>Bühler!N5768</f>
        <v>45530.91666665276</v>
      </c>
      <c r="X5736" s="83">
        <v>43339.916666666664</v>
      </c>
      <c r="Y5736">
        <v>209839.01689999999</v>
      </c>
      <c r="Z5736">
        <v>13794.324189999999</v>
      </c>
      <c r="AA5736">
        <v>57632.54724</v>
      </c>
      <c r="AB5736">
        <v>30419.280549999999</v>
      </c>
      <c r="AC5736">
        <v>36350.599569999998</v>
      </c>
      <c r="AD5736">
        <v>26051.85758</v>
      </c>
      <c r="AE5736">
        <v>43857.118699999999</v>
      </c>
      <c r="AF5736">
        <v>52653.737529999999</v>
      </c>
      <c r="AG5736">
        <v>24757.365229999999</v>
      </c>
      <c r="AH5736">
        <v>299633.321</v>
      </c>
      <c r="AI5736">
        <v>73846.562399999995</v>
      </c>
      <c r="AJ5736">
        <v>17731.5347</v>
      </c>
      <c r="AK5736">
        <v>37408.7117</v>
      </c>
      <c r="AL5736">
        <v>84831.197690000001</v>
      </c>
      <c r="AM5736">
        <v>20801.20334</v>
      </c>
      <c r="AN5736">
        <v>76394.287809999994</v>
      </c>
      <c r="AO5736">
        <v>20745.265009999999</v>
      </c>
      <c r="AP5736">
        <v>15120.900320000001</v>
      </c>
    </row>
    <row r="5737" spans="2:42" x14ac:dyDescent="0.3">
      <c r="B5737">
        <v>58.61979586695935</v>
      </c>
      <c r="C5737" s="83">
        <v>43339.958333333336</v>
      </c>
      <c r="D5737">
        <v>209872.15049999999</v>
      </c>
      <c r="E5737">
        <v>13259.752689999999</v>
      </c>
      <c r="F5737">
        <v>56019.287700000001</v>
      </c>
      <c r="G5737">
        <v>30242.672699999999</v>
      </c>
      <c r="H5737">
        <v>35377.231659999998</v>
      </c>
      <c r="I5737">
        <v>25154.71932</v>
      </c>
      <c r="J5737">
        <v>40433.925309999999</v>
      </c>
      <c r="K5737">
        <v>52028.72941</v>
      </c>
      <c r="L5737">
        <v>21138.522840000001</v>
      </c>
      <c r="M5737">
        <v>298871.05619999999</v>
      </c>
      <c r="N5737">
        <v>74648.188200000004</v>
      </c>
      <c r="O5737">
        <v>17350.021789999999</v>
      </c>
      <c r="P5737">
        <v>32434.02693</v>
      </c>
      <c r="Q5737">
        <v>84458.491200000004</v>
      </c>
      <c r="R5737">
        <v>20176.834070000001</v>
      </c>
      <c r="S5737">
        <v>74477.120020000002</v>
      </c>
      <c r="T5737">
        <v>19127.93016</v>
      </c>
      <c r="U5737">
        <v>14961.160169999999</v>
      </c>
      <c r="W5737" s="83">
        <f>Bühler!N5769</f>
        <v>45530.958333319424</v>
      </c>
      <c r="X5737" s="83">
        <v>43339.958333333336</v>
      </c>
      <c r="Y5737">
        <v>209872.15049999999</v>
      </c>
      <c r="Z5737">
        <v>13259.752689999999</v>
      </c>
      <c r="AA5737">
        <v>56019.287700000001</v>
      </c>
      <c r="AB5737">
        <v>30242.672699999999</v>
      </c>
      <c r="AC5737">
        <v>35377.231659999998</v>
      </c>
      <c r="AD5737">
        <v>25154.71932</v>
      </c>
      <c r="AE5737">
        <v>40433.925309999999</v>
      </c>
      <c r="AF5737">
        <v>52028.72941</v>
      </c>
      <c r="AG5737">
        <v>21138.522840000001</v>
      </c>
      <c r="AH5737">
        <v>298871.05619999999</v>
      </c>
      <c r="AI5737">
        <v>74648.188200000004</v>
      </c>
      <c r="AJ5737">
        <v>17350.021789999999</v>
      </c>
      <c r="AK5737">
        <v>32434.02693</v>
      </c>
      <c r="AL5737">
        <v>84458.491200000004</v>
      </c>
      <c r="AM5737">
        <v>20176.834070000001</v>
      </c>
      <c r="AN5737">
        <v>74477.120020000002</v>
      </c>
      <c r="AO5737">
        <v>19127.93016</v>
      </c>
      <c r="AP5737">
        <v>14961.160169999999</v>
      </c>
    </row>
    <row r="5738" spans="2:42" x14ac:dyDescent="0.3">
      <c r="B5738">
        <v>57.632646621982765</v>
      </c>
      <c r="C5738" s="83">
        <v>43340</v>
      </c>
      <c r="D5738">
        <v>207941.55729999999</v>
      </c>
      <c r="E5738">
        <v>12853.294309999999</v>
      </c>
      <c r="F5738">
        <v>54410.839139999996</v>
      </c>
      <c r="G5738">
        <v>29746.987649999999</v>
      </c>
      <c r="H5738">
        <v>34708.215109999997</v>
      </c>
      <c r="I5738">
        <v>23048.69456</v>
      </c>
      <c r="J5738">
        <v>37612.190130000003</v>
      </c>
      <c r="K5738">
        <v>49751.022299999997</v>
      </c>
      <c r="L5738">
        <v>18454.354500000001</v>
      </c>
      <c r="M5738">
        <v>293838.109</v>
      </c>
      <c r="N5738">
        <v>74418.700700000001</v>
      </c>
      <c r="O5738">
        <v>16898.06309</v>
      </c>
      <c r="P5738">
        <v>28674.726910000001</v>
      </c>
      <c r="Q5738">
        <v>84086.264349999998</v>
      </c>
      <c r="R5738">
        <v>17141.093639999999</v>
      </c>
      <c r="S5738">
        <v>72995.897469999996</v>
      </c>
      <c r="T5738">
        <v>18138.173729999999</v>
      </c>
      <c r="U5738">
        <v>14613.73237</v>
      </c>
      <c r="W5738" s="83">
        <f>Bühler!N5770</f>
        <v>45530.999999986088</v>
      </c>
      <c r="X5738" s="83">
        <v>43340</v>
      </c>
      <c r="Y5738">
        <v>207941.55729999999</v>
      </c>
      <c r="Z5738">
        <v>12853.294309999999</v>
      </c>
      <c r="AA5738">
        <v>54410.839139999996</v>
      </c>
      <c r="AB5738">
        <v>29746.987649999999</v>
      </c>
      <c r="AC5738">
        <v>34708.215109999997</v>
      </c>
      <c r="AD5738">
        <v>23048.69456</v>
      </c>
      <c r="AE5738">
        <v>37612.190130000003</v>
      </c>
      <c r="AF5738">
        <v>49751.022299999997</v>
      </c>
      <c r="AG5738">
        <v>18454.354500000001</v>
      </c>
      <c r="AH5738">
        <v>293838.109</v>
      </c>
      <c r="AI5738">
        <v>74418.700700000001</v>
      </c>
      <c r="AJ5738">
        <v>16898.06309</v>
      </c>
      <c r="AK5738">
        <v>28674.726910000001</v>
      </c>
      <c r="AL5738">
        <v>84086.264349999998</v>
      </c>
      <c r="AM5738">
        <v>17141.093639999999</v>
      </c>
      <c r="AN5738">
        <v>72995.897469999996</v>
      </c>
      <c r="AO5738">
        <v>18138.173729999999</v>
      </c>
      <c r="AP5738">
        <v>14613.73237</v>
      </c>
    </row>
    <row r="5739" spans="2:42" x14ac:dyDescent="0.3">
      <c r="B5739">
        <v>56.268306615899306</v>
      </c>
      <c r="C5739" s="83">
        <v>43340.041666666664</v>
      </c>
      <c r="D5739">
        <v>206349.4982</v>
      </c>
      <c r="E5739">
        <v>12551.451719999999</v>
      </c>
      <c r="F5739">
        <v>53830.75733</v>
      </c>
      <c r="G5739">
        <v>29036.835230000001</v>
      </c>
      <c r="H5739">
        <v>34174.058870000001</v>
      </c>
      <c r="I5739">
        <v>19035.668979999999</v>
      </c>
      <c r="J5739">
        <v>35992.391940000001</v>
      </c>
      <c r="K5739">
        <v>48409.600899999998</v>
      </c>
      <c r="L5739">
        <v>17601.21717</v>
      </c>
      <c r="M5739">
        <v>286882.0674</v>
      </c>
      <c r="N5739">
        <v>74043.181450000004</v>
      </c>
      <c r="O5739">
        <v>16189.37578</v>
      </c>
      <c r="P5739">
        <v>26176.278060000001</v>
      </c>
      <c r="Q5739">
        <v>84343.860769999999</v>
      </c>
      <c r="R5739">
        <v>15276.74467</v>
      </c>
      <c r="S5739">
        <v>71525.105960000001</v>
      </c>
      <c r="T5739">
        <v>18129.78341</v>
      </c>
      <c r="U5739">
        <v>14045.11248</v>
      </c>
      <c r="W5739" s="83">
        <f>Bühler!N5771</f>
        <v>45531.041666652753</v>
      </c>
      <c r="X5739" s="83">
        <v>43340.041666666664</v>
      </c>
      <c r="Y5739">
        <v>206349.4982</v>
      </c>
      <c r="Z5739">
        <v>12551.451719999999</v>
      </c>
      <c r="AA5739">
        <v>53830.75733</v>
      </c>
      <c r="AB5739">
        <v>29036.835230000001</v>
      </c>
      <c r="AC5739">
        <v>34174.058870000001</v>
      </c>
      <c r="AD5739">
        <v>19035.668979999999</v>
      </c>
      <c r="AE5739">
        <v>35992.391940000001</v>
      </c>
      <c r="AF5739">
        <v>48409.600899999998</v>
      </c>
      <c r="AG5739">
        <v>17601.21717</v>
      </c>
      <c r="AH5739">
        <v>286882.0674</v>
      </c>
      <c r="AI5739">
        <v>74043.181450000004</v>
      </c>
      <c r="AJ5739">
        <v>16189.37578</v>
      </c>
      <c r="AK5739">
        <v>26176.278060000001</v>
      </c>
      <c r="AL5739">
        <v>84343.860769999999</v>
      </c>
      <c r="AM5739">
        <v>15276.74467</v>
      </c>
      <c r="AN5739">
        <v>71525.105960000001</v>
      </c>
      <c r="AO5739">
        <v>18129.78341</v>
      </c>
      <c r="AP5739">
        <v>14045.11248</v>
      </c>
    </row>
    <row r="5740" spans="2:42" x14ac:dyDescent="0.3">
      <c r="B5740">
        <v>54.890873162586303</v>
      </c>
      <c r="C5740" s="83">
        <v>43340.083333333336</v>
      </c>
      <c r="D5740">
        <v>206989.30189999999</v>
      </c>
      <c r="E5740">
        <v>12406.94126</v>
      </c>
      <c r="F5740">
        <v>54742.403339999997</v>
      </c>
      <c r="G5740">
        <v>28471.264609999998</v>
      </c>
      <c r="H5740">
        <v>33822.517570000004</v>
      </c>
      <c r="I5740">
        <v>17464.084190000001</v>
      </c>
      <c r="J5740">
        <v>35401.344250000002</v>
      </c>
      <c r="K5740">
        <v>46975.165390000002</v>
      </c>
      <c r="L5740">
        <v>16884.281719999999</v>
      </c>
      <c r="M5740">
        <v>279859.26929999999</v>
      </c>
      <c r="N5740">
        <v>73047.209319999994</v>
      </c>
      <c r="O5740">
        <v>15566.62559</v>
      </c>
      <c r="P5740">
        <v>24863.682519999998</v>
      </c>
      <c r="Q5740">
        <v>85940.280700000003</v>
      </c>
      <c r="R5740">
        <v>15658.489519999999</v>
      </c>
      <c r="S5740">
        <v>70626.892219999994</v>
      </c>
      <c r="T5740">
        <v>17544.510539999999</v>
      </c>
      <c r="U5740">
        <v>13925.38473</v>
      </c>
      <c r="W5740" s="83">
        <f>Bühler!N5772</f>
        <v>45531.083333319417</v>
      </c>
      <c r="X5740" s="83">
        <v>43340.083333333336</v>
      </c>
      <c r="Y5740">
        <v>206989.30189999999</v>
      </c>
      <c r="Z5740">
        <v>12406.94126</v>
      </c>
      <c r="AA5740">
        <v>54742.403339999997</v>
      </c>
      <c r="AB5740">
        <v>28471.264609999998</v>
      </c>
      <c r="AC5740">
        <v>33822.517570000004</v>
      </c>
      <c r="AD5740">
        <v>17464.084190000001</v>
      </c>
      <c r="AE5740">
        <v>35401.344250000002</v>
      </c>
      <c r="AF5740">
        <v>46975.165390000002</v>
      </c>
      <c r="AG5740">
        <v>16884.281719999999</v>
      </c>
      <c r="AH5740">
        <v>279859.26929999999</v>
      </c>
      <c r="AI5740">
        <v>73047.209319999994</v>
      </c>
      <c r="AJ5740">
        <v>15566.62559</v>
      </c>
      <c r="AK5740">
        <v>24863.682519999998</v>
      </c>
      <c r="AL5740">
        <v>85940.280700000003</v>
      </c>
      <c r="AM5740">
        <v>15658.489519999999</v>
      </c>
      <c r="AN5740">
        <v>70626.892219999994</v>
      </c>
      <c r="AO5740">
        <v>17544.510539999999</v>
      </c>
      <c r="AP5740">
        <v>13925.38473</v>
      </c>
    </row>
    <row r="5741" spans="2:42" x14ac:dyDescent="0.3">
      <c r="B5741">
        <v>56.070897643770259</v>
      </c>
      <c r="C5741" s="83">
        <v>43340.125</v>
      </c>
      <c r="D5741">
        <v>206978.00289999999</v>
      </c>
      <c r="E5741">
        <v>12487.526019999999</v>
      </c>
      <c r="F5741">
        <v>55748.019500000002</v>
      </c>
      <c r="G5741">
        <v>27620.206160000002</v>
      </c>
      <c r="H5741">
        <v>33681.553910000002</v>
      </c>
      <c r="I5741">
        <v>17330.576819999998</v>
      </c>
      <c r="J5741">
        <v>34842.257799999999</v>
      </c>
      <c r="K5741">
        <v>46283.177759999999</v>
      </c>
      <c r="L5741">
        <v>16687.118180000001</v>
      </c>
      <c r="M5741">
        <v>285875.58439999999</v>
      </c>
      <c r="N5741">
        <v>72296.298269999999</v>
      </c>
      <c r="O5741">
        <v>16119.965840000001</v>
      </c>
      <c r="P5741">
        <v>24067.088309999999</v>
      </c>
      <c r="Q5741">
        <v>89695.617889999994</v>
      </c>
      <c r="R5741">
        <v>15199.292600000001</v>
      </c>
      <c r="S5741">
        <v>69906.194879999995</v>
      </c>
      <c r="T5741">
        <v>17317.823950000002</v>
      </c>
      <c r="U5741">
        <v>13797.200430000001</v>
      </c>
      <c r="W5741" s="83">
        <f>Bühler!N5773</f>
        <v>45531.124999986081</v>
      </c>
      <c r="X5741" s="83">
        <v>43340.125</v>
      </c>
      <c r="Y5741">
        <v>206978.00289999999</v>
      </c>
      <c r="Z5741">
        <v>12487.526019999999</v>
      </c>
      <c r="AA5741">
        <v>55748.019500000002</v>
      </c>
      <c r="AB5741">
        <v>27620.206160000002</v>
      </c>
      <c r="AC5741">
        <v>33681.553910000002</v>
      </c>
      <c r="AD5741">
        <v>17330.576819999998</v>
      </c>
      <c r="AE5741">
        <v>34842.257799999999</v>
      </c>
      <c r="AF5741">
        <v>46283.177759999999</v>
      </c>
      <c r="AG5741">
        <v>16687.118180000001</v>
      </c>
      <c r="AH5741">
        <v>285875.58439999999</v>
      </c>
      <c r="AI5741">
        <v>72296.298269999999</v>
      </c>
      <c r="AJ5741">
        <v>16119.965840000001</v>
      </c>
      <c r="AK5741">
        <v>24067.088309999999</v>
      </c>
      <c r="AL5741">
        <v>89695.617889999994</v>
      </c>
      <c r="AM5741">
        <v>15199.292600000001</v>
      </c>
      <c r="AN5741">
        <v>69906.194879999995</v>
      </c>
      <c r="AO5741">
        <v>17317.823950000002</v>
      </c>
      <c r="AP5741">
        <v>13797.200430000001</v>
      </c>
    </row>
    <row r="5742" spans="2:42" x14ac:dyDescent="0.3">
      <c r="B5742">
        <v>57.864721469719463</v>
      </c>
      <c r="C5742" s="83">
        <v>43340.166666666664</v>
      </c>
      <c r="D5742">
        <v>209994.49780000001</v>
      </c>
      <c r="E5742">
        <v>12961.739890000001</v>
      </c>
      <c r="F5742">
        <v>58621.687469999997</v>
      </c>
      <c r="G5742">
        <v>27059.115399999999</v>
      </c>
      <c r="H5742">
        <v>33855.220459999997</v>
      </c>
      <c r="I5742">
        <v>18754.069950000001</v>
      </c>
      <c r="J5742">
        <v>36563.685680000002</v>
      </c>
      <c r="K5742">
        <v>45230.064290000002</v>
      </c>
      <c r="L5742">
        <v>16574.168570000002</v>
      </c>
      <c r="M5742">
        <v>295021.33480000001</v>
      </c>
      <c r="N5742">
        <v>70030.65724</v>
      </c>
      <c r="O5742">
        <v>16501.1829</v>
      </c>
      <c r="P5742">
        <v>24028.411199999999</v>
      </c>
      <c r="Q5742">
        <v>92312.964829999997</v>
      </c>
      <c r="R5742">
        <v>14478.979649999999</v>
      </c>
      <c r="S5742">
        <v>70523.005600000004</v>
      </c>
      <c r="T5742">
        <v>17072.726729999998</v>
      </c>
      <c r="U5742">
        <v>14004.021070000001</v>
      </c>
      <c r="W5742" s="83">
        <f>Bühler!N5774</f>
        <v>45531.166666652745</v>
      </c>
      <c r="X5742" s="83">
        <v>43340.166666666664</v>
      </c>
      <c r="Y5742">
        <v>209994.49780000001</v>
      </c>
      <c r="Z5742">
        <v>12961.739890000001</v>
      </c>
      <c r="AA5742">
        <v>58621.687469999997</v>
      </c>
      <c r="AB5742">
        <v>27059.115399999999</v>
      </c>
      <c r="AC5742">
        <v>33855.220459999997</v>
      </c>
      <c r="AD5742">
        <v>18754.069950000001</v>
      </c>
      <c r="AE5742">
        <v>36563.685680000002</v>
      </c>
      <c r="AF5742">
        <v>45230.064290000002</v>
      </c>
      <c r="AG5742">
        <v>16574.168570000002</v>
      </c>
      <c r="AH5742">
        <v>295021.33480000001</v>
      </c>
      <c r="AI5742">
        <v>70030.65724</v>
      </c>
      <c r="AJ5742">
        <v>16501.1829</v>
      </c>
      <c r="AK5742">
        <v>24028.411199999999</v>
      </c>
      <c r="AL5742">
        <v>92312.964829999997</v>
      </c>
      <c r="AM5742">
        <v>14478.979649999999</v>
      </c>
      <c r="AN5742">
        <v>70523.005600000004</v>
      </c>
      <c r="AO5742">
        <v>17072.726729999998</v>
      </c>
      <c r="AP5742">
        <v>14004.021070000001</v>
      </c>
    </row>
    <row r="5743" spans="2:42" x14ac:dyDescent="0.3">
      <c r="B5743">
        <v>62.11107024363249</v>
      </c>
      <c r="C5743" s="83">
        <v>43340.208333333336</v>
      </c>
      <c r="D5743">
        <v>223555.52480000001</v>
      </c>
      <c r="E5743">
        <v>14644.868109999999</v>
      </c>
      <c r="F5743">
        <v>67585.171140000006</v>
      </c>
      <c r="G5743">
        <v>28377.028539999999</v>
      </c>
      <c r="H5743">
        <v>35459.941890000002</v>
      </c>
      <c r="I5743">
        <v>24759.662550000001</v>
      </c>
      <c r="J5743">
        <v>39649.602980000003</v>
      </c>
      <c r="K5743">
        <v>46116.841110000001</v>
      </c>
      <c r="L5743">
        <v>17398.908449999999</v>
      </c>
      <c r="M5743">
        <v>316671.20110000001</v>
      </c>
      <c r="N5743">
        <v>71598.46054</v>
      </c>
      <c r="O5743">
        <v>17074.926599999999</v>
      </c>
      <c r="P5743">
        <v>25183.116109999999</v>
      </c>
      <c r="Q5743">
        <v>95272.935719999994</v>
      </c>
      <c r="R5743">
        <v>16532.764360000001</v>
      </c>
      <c r="S5743">
        <v>72196.251180000007</v>
      </c>
      <c r="T5743">
        <v>17967.4872</v>
      </c>
      <c r="U5743">
        <v>16271.76375</v>
      </c>
      <c r="W5743" s="83">
        <f>Bühler!N5775</f>
        <v>45531.20833331941</v>
      </c>
      <c r="X5743" s="83">
        <v>43340.208333333336</v>
      </c>
      <c r="Y5743">
        <v>223555.52480000001</v>
      </c>
      <c r="Z5743">
        <v>14644.868109999999</v>
      </c>
      <c r="AA5743">
        <v>67585.171140000006</v>
      </c>
      <c r="AB5743">
        <v>28377.028539999999</v>
      </c>
      <c r="AC5743">
        <v>35459.941890000002</v>
      </c>
      <c r="AD5743">
        <v>24759.662550000001</v>
      </c>
      <c r="AE5743">
        <v>39649.602980000003</v>
      </c>
      <c r="AF5743">
        <v>46116.841110000001</v>
      </c>
      <c r="AG5743">
        <v>17398.908449999999</v>
      </c>
      <c r="AH5743">
        <v>316671.20110000001</v>
      </c>
      <c r="AI5743">
        <v>71598.46054</v>
      </c>
      <c r="AJ5743">
        <v>17074.926599999999</v>
      </c>
      <c r="AK5743">
        <v>25183.116109999999</v>
      </c>
      <c r="AL5743">
        <v>95272.935719999994</v>
      </c>
      <c r="AM5743">
        <v>16532.764360000001</v>
      </c>
      <c r="AN5743">
        <v>72196.251180000007</v>
      </c>
      <c r="AO5743">
        <v>17967.4872</v>
      </c>
      <c r="AP5743">
        <v>16271.76375</v>
      </c>
    </row>
    <row r="5744" spans="2:42" x14ac:dyDescent="0.3">
      <c r="B5744">
        <v>64.747812883154083</v>
      </c>
      <c r="C5744" s="83">
        <v>43340.25</v>
      </c>
      <c r="D5744">
        <v>238291.1458</v>
      </c>
      <c r="E5744">
        <v>18114.236980000001</v>
      </c>
      <c r="F5744">
        <v>78594.851509999993</v>
      </c>
      <c r="G5744">
        <v>33031.017290000003</v>
      </c>
      <c r="H5744">
        <v>38538.694920000002</v>
      </c>
      <c r="I5744">
        <v>29956.816589999999</v>
      </c>
      <c r="J5744">
        <v>43009.940269999999</v>
      </c>
      <c r="K5744">
        <v>48255.259910000001</v>
      </c>
      <c r="L5744">
        <v>18322.607309999999</v>
      </c>
      <c r="M5744">
        <v>330114.54470000003</v>
      </c>
      <c r="N5744">
        <v>74832.708469999998</v>
      </c>
      <c r="O5744">
        <v>18868.53859</v>
      </c>
      <c r="P5744">
        <v>26572.994920000001</v>
      </c>
      <c r="Q5744">
        <v>96120.931289999993</v>
      </c>
      <c r="R5744">
        <v>17427.072359999998</v>
      </c>
      <c r="S5744">
        <v>80760.11073</v>
      </c>
      <c r="T5744">
        <v>19933.559560000002</v>
      </c>
      <c r="U5744">
        <v>18624.659930000002</v>
      </c>
      <c r="W5744" s="83">
        <f>Bühler!N5776</f>
        <v>45531.249999986074</v>
      </c>
      <c r="X5744" s="83">
        <v>43340.25</v>
      </c>
      <c r="Y5744">
        <v>238291.1458</v>
      </c>
      <c r="Z5744">
        <v>18114.236980000001</v>
      </c>
      <c r="AA5744">
        <v>78594.851509999993</v>
      </c>
      <c r="AB5744">
        <v>33031.017290000003</v>
      </c>
      <c r="AC5744">
        <v>38538.694920000002</v>
      </c>
      <c r="AD5744">
        <v>29956.816589999999</v>
      </c>
      <c r="AE5744">
        <v>43009.940269999999</v>
      </c>
      <c r="AF5744">
        <v>48255.259910000001</v>
      </c>
      <c r="AG5744">
        <v>18322.607309999999</v>
      </c>
      <c r="AH5744">
        <v>330114.54470000003</v>
      </c>
      <c r="AI5744">
        <v>74832.708469999998</v>
      </c>
      <c r="AJ5744">
        <v>18868.53859</v>
      </c>
      <c r="AK5744">
        <v>26572.994920000001</v>
      </c>
      <c r="AL5744">
        <v>96120.931289999993</v>
      </c>
      <c r="AM5744">
        <v>17427.072359999998</v>
      </c>
      <c r="AN5744">
        <v>80760.11073</v>
      </c>
      <c r="AO5744">
        <v>19933.559560000002</v>
      </c>
      <c r="AP5744">
        <v>18624.659930000002</v>
      </c>
    </row>
    <row r="5745" spans="2:42" x14ac:dyDescent="0.3">
      <c r="B5745">
        <v>66.408340506987074</v>
      </c>
      <c r="C5745" s="83">
        <v>43340.291666666664</v>
      </c>
      <c r="D5745">
        <v>250744.18100000001</v>
      </c>
      <c r="E5745">
        <v>22284.770929999999</v>
      </c>
      <c r="F5745">
        <v>81301.590219999998</v>
      </c>
      <c r="G5745">
        <v>38210.428630000002</v>
      </c>
      <c r="H5745">
        <v>41999.599820000003</v>
      </c>
      <c r="I5745">
        <v>34932.082249999999</v>
      </c>
      <c r="J5745">
        <v>43344.559979999998</v>
      </c>
      <c r="K5745">
        <v>53323.67237</v>
      </c>
      <c r="L5745">
        <v>20670.555520000002</v>
      </c>
      <c r="M5745">
        <v>338580.68890000001</v>
      </c>
      <c r="N5745">
        <v>79003.766229999994</v>
      </c>
      <c r="O5745">
        <v>20578.47726</v>
      </c>
      <c r="P5745">
        <v>29579.332419999999</v>
      </c>
      <c r="Q5745">
        <v>96269.455809999999</v>
      </c>
      <c r="R5745">
        <v>19954.7451</v>
      </c>
      <c r="S5745">
        <v>94169.925170000002</v>
      </c>
      <c r="T5745">
        <v>23428.923409999999</v>
      </c>
      <c r="U5745">
        <v>22080.584760000002</v>
      </c>
      <c r="W5745" s="83">
        <f>Bühler!N5777</f>
        <v>45531.291666652738</v>
      </c>
      <c r="X5745" s="83">
        <v>43340.291666666664</v>
      </c>
      <c r="Y5745">
        <v>250744.18100000001</v>
      </c>
      <c r="Z5745">
        <v>22284.770929999999</v>
      </c>
      <c r="AA5745">
        <v>81301.590219999998</v>
      </c>
      <c r="AB5745">
        <v>38210.428630000002</v>
      </c>
      <c r="AC5745">
        <v>41999.599820000003</v>
      </c>
      <c r="AD5745">
        <v>34932.082249999999</v>
      </c>
      <c r="AE5745">
        <v>43344.559979999998</v>
      </c>
      <c r="AF5745">
        <v>53323.67237</v>
      </c>
      <c r="AG5745">
        <v>20670.555520000002</v>
      </c>
      <c r="AH5745">
        <v>338580.68890000001</v>
      </c>
      <c r="AI5745">
        <v>79003.766229999994</v>
      </c>
      <c r="AJ5745">
        <v>20578.47726</v>
      </c>
      <c r="AK5745">
        <v>29579.332419999999</v>
      </c>
      <c r="AL5745">
        <v>96269.455809999999</v>
      </c>
      <c r="AM5745">
        <v>19954.7451</v>
      </c>
      <c r="AN5745">
        <v>94169.925170000002</v>
      </c>
      <c r="AO5745">
        <v>23428.923409999999</v>
      </c>
      <c r="AP5745">
        <v>22080.584760000002</v>
      </c>
    </row>
    <row r="5746" spans="2:42" x14ac:dyDescent="0.3">
      <c r="B5746">
        <v>67.539491526371435</v>
      </c>
      <c r="C5746" s="83">
        <v>43340.333333333336</v>
      </c>
      <c r="D5746">
        <v>260623.92730000001</v>
      </c>
      <c r="E5746">
        <v>27873.601070000001</v>
      </c>
      <c r="F5746">
        <v>87590.563330000004</v>
      </c>
      <c r="G5746">
        <v>44728.095480000004</v>
      </c>
      <c r="H5746">
        <v>45684.90984</v>
      </c>
      <c r="I5746">
        <v>37845.538789999999</v>
      </c>
      <c r="J5746">
        <v>46774.386339999997</v>
      </c>
      <c r="K5746">
        <v>57892.176149999999</v>
      </c>
      <c r="L5746">
        <v>24398.907790000001</v>
      </c>
      <c r="M5746">
        <v>344347.82429999998</v>
      </c>
      <c r="N5746">
        <v>87474.318650000001</v>
      </c>
      <c r="O5746">
        <v>22502.81626</v>
      </c>
      <c r="P5746">
        <v>32120.586619999998</v>
      </c>
      <c r="Q5746">
        <v>98044.888640000005</v>
      </c>
      <c r="R5746">
        <v>21823.15655</v>
      </c>
      <c r="S5746">
        <v>104878.7203</v>
      </c>
      <c r="T5746">
        <v>26154.5615</v>
      </c>
      <c r="U5746">
        <v>24844.99452</v>
      </c>
      <c r="W5746" s="83">
        <f>Bühler!N5778</f>
        <v>45531.333333319402</v>
      </c>
      <c r="X5746" s="83">
        <v>43340.333333333336</v>
      </c>
      <c r="Y5746">
        <v>260623.92730000001</v>
      </c>
      <c r="Z5746">
        <v>27873.601070000001</v>
      </c>
      <c r="AA5746">
        <v>87590.563330000004</v>
      </c>
      <c r="AB5746">
        <v>44728.095480000004</v>
      </c>
      <c r="AC5746">
        <v>45684.90984</v>
      </c>
      <c r="AD5746">
        <v>37845.538789999999</v>
      </c>
      <c r="AE5746">
        <v>46774.386339999997</v>
      </c>
      <c r="AF5746">
        <v>57892.176149999999</v>
      </c>
      <c r="AG5746">
        <v>24398.907790000001</v>
      </c>
      <c r="AH5746">
        <v>344347.82429999998</v>
      </c>
      <c r="AI5746">
        <v>87474.318650000001</v>
      </c>
      <c r="AJ5746">
        <v>22502.81626</v>
      </c>
      <c r="AK5746">
        <v>32120.586619999998</v>
      </c>
      <c r="AL5746">
        <v>98044.888640000005</v>
      </c>
      <c r="AM5746">
        <v>21823.15655</v>
      </c>
      <c r="AN5746">
        <v>104878.7203</v>
      </c>
      <c r="AO5746">
        <v>26154.5615</v>
      </c>
      <c r="AP5746">
        <v>24844.99452</v>
      </c>
    </row>
    <row r="5747" spans="2:42" x14ac:dyDescent="0.3">
      <c r="B5747">
        <v>68.288516594669773</v>
      </c>
      <c r="C5747" s="83">
        <v>43340.375</v>
      </c>
      <c r="D5747">
        <v>263636.84080000001</v>
      </c>
      <c r="E5747">
        <v>32409.774020000001</v>
      </c>
      <c r="F5747">
        <v>93219.173280000003</v>
      </c>
      <c r="G5747">
        <v>47971.524830000002</v>
      </c>
      <c r="H5747">
        <v>48287.562740000001</v>
      </c>
      <c r="I5747">
        <v>37234.468580000001</v>
      </c>
      <c r="J5747">
        <v>48306.481760000002</v>
      </c>
      <c r="K5747">
        <v>62094.425089999997</v>
      </c>
      <c r="L5747">
        <v>28497.70017</v>
      </c>
      <c r="M5747">
        <v>348166.7034</v>
      </c>
      <c r="N5747">
        <v>92071.951440000004</v>
      </c>
      <c r="O5747">
        <v>23820.36951</v>
      </c>
      <c r="P5747">
        <v>35415.622799999997</v>
      </c>
      <c r="Q5747">
        <v>99058.413039999999</v>
      </c>
      <c r="R5747">
        <v>22101.660609999999</v>
      </c>
      <c r="S5747">
        <v>110743.4639</v>
      </c>
      <c r="T5747">
        <v>28955.67772</v>
      </c>
      <c r="U5747">
        <v>25359.580030000001</v>
      </c>
      <c r="W5747" s="83">
        <f>Bühler!N5779</f>
        <v>45531.374999986067</v>
      </c>
      <c r="X5747" s="83">
        <v>43340.375</v>
      </c>
      <c r="Y5747">
        <v>263636.84080000001</v>
      </c>
      <c r="Z5747">
        <v>32409.774020000001</v>
      </c>
      <c r="AA5747">
        <v>93219.173280000003</v>
      </c>
      <c r="AB5747">
        <v>47971.524830000002</v>
      </c>
      <c r="AC5747">
        <v>48287.562740000001</v>
      </c>
      <c r="AD5747">
        <v>37234.468580000001</v>
      </c>
      <c r="AE5747">
        <v>48306.481760000002</v>
      </c>
      <c r="AF5747">
        <v>62094.425089999997</v>
      </c>
      <c r="AG5747">
        <v>28497.70017</v>
      </c>
      <c r="AH5747">
        <v>348166.7034</v>
      </c>
      <c r="AI5747">
        <v>92071.951440000004</v>
      </c>
      <c r="AJ5747">
        <v>23820.36951</v>
      </c>
      <c r="AK5747">
        <v>35415.622799999997</v>
      </c>
      <c r="AL5747">
        <v>99058.413039999999</v>
      </c>
      <c r="AM5747">
        <v>22101.660609999999</v>
      </c>
      <c r="AN5747">
        <v>110743.4639</v>
      </c>
      <c r="AO5747">
        <v>28955.67772</v>
      </c>
      <c r="AP5747">
        <v>25359.580030000001</v>
      </c>
    </row>
    <row r="5748" spans="2:42" x14ac:dyDescent="0.3">
      <c r="B5748">
        <v>69.635076999218143</v>
      </c>
      <c r="C5748" s="83">
        <v>43340.416666666664</v>
      </c>
      <c r="D5748">
        <v>268115.86629999999</v>
      </c>
      <c r="E5748">
        <v>34177.68434</v>
      </c>
      <c r="F5748">
        <v>96470.803369999994</v>
      </c>
      <c r="G5748">
        <v>49509.647120000001</v>
      </c>
      <c r="H5748">
        <v>49380.14069</v>
      </c>
      <c r="I5748">
        <v>34989.911079999998</v>
      </c>
      <c r="J5748">
        <v>48966.919670000003</v>
      </c>
      <c r="K5748">
        <v>64330.240519999999</v>
      </c>
      <c r="L5748">
        <v>31667.155839999999</v>
      </c>
      <c r="M5748">
        <v>355032.09629999998</v>
      </c>
      <c r="N5748">
        <v>95891.757759999993</v>
      </c>
      <c r="O5748">
        <v>24439.628659999998</v>
      </c>
      <c r="P5748">
        <v>37225.763709999999</v>
      </c>
      <c r="Q5748">
        <v>100653.08620000001</v>
      </c>
      <c r="R5748">
        <v>23481.945510000001</v>
      </c>
      <c r="S5748">
        <v>112663.6684</v>
      </c>
      <c r="T5748">
        <v>31367.80125</v>
      </c>
      <c r="U5748">
        <v>24546.402969999999</v>
      </c>
      <c r="W5748" s="83">
        <f>Bühler!N5780</f>
        <v>45531.416666652731</v>
      </c>
      <c r="X5748" s="83">
        <v>43340.416666666664</v>
      </c>
      <c r="Y5748">
        <v>268115.86629999999</v>
      </c>
      <c r="Z5748">
        <v>34177.68434</v>
      </c>
      <c r="AA5748">
        <v>96470.803369999994</v>
      </c>
      <c r="AB5748">
        <v>49509.647120000001</v>
      </c>
      <c r="AC5748">
        <v>49380.14069</v>
      </c>
      <c r="AD5748">
        <v>34989.911079999998</v>
      </c>
      <c r="AE5748">
        <v>48966.919670000003</v>
      </c>
      <c r="AF5748">
        <v>64330.240519999999</v>
      </c>
      <c r="AG5748">
        <v>31667.155839999999</v>
      </c>
      <c r="AH5748">
        <v>355032.09629999998</v>
      </c>
      <c r="AI5748">
        <v>95891.757759999993</v>
      </c>
      <c r="AJ5748">
        <v>24439.628659999998</v>
      </c>
      <c r="AK5748">
        <v>37225.763709999999</v>
      </c>
      <c r="AL5748">
        <v>100653.08620000001</v>
      </c>
      <c r="AM5748">
        <v>23481.945510000001</v>
      </c>
      <c r="AN5748">
        <v>112663.6684</v>
      </c>
      <c r="AO5748">
        <v>31367.80125</v>
      </c>
      <c r="AP5748">
        <v>24546.402969999999</v>
      </c>
    </row>
    <row r="5749" spans="2:42" x14ac:dyDescent="0.3">
      <c r="B5749">
        <v>70.839898309785795</v>
      </c>
      <c r="C5749" s="83">
        <v>43340.458333333336</v>
      </c>
      <c r="D5749">
        <v>267515.29210000002</v>
      </c>
      <c r="E5749">
        <v>34379.666709999998</v>
      </c>
      <c r="F5749">
        <v>98084.453030000004</v>
      </c>
      <c r="G5749">
        <v>49811.782879999999</v>
      </c>
      <c r="H5749">
        <v>49381.676650000001</v>
      </c>
      <c r="I5749">
        <v>34952.976210000001</v>
      </c>
      <c r="J5749">
        <v>49696.573219999998</v>
      </c>
      <c r="K5749">
        <v>65139.526599999997</v>
      </c>
      <c r="L5749">
        <v>33450.912329999999</v>
      </c>
      <c r="M5749">
        <v>361174.83720000001</v>
      </c>
      <c r="N5749">
        <v>94241.678020000007</v>
      </c>
      <c r="O5749">
        <v>25263.759239999999</v>
      </c>
      <c r="P5749">
        <v>36724.074410000001</v>
      </c>
      <c r="Q5749">
        <v>101235.4148</v>
      </c>
      <c r="R5749">
        <v>24667.690070000001</v>
      </c>
      <c r="S5749">
        <v>116109.8294</v>
      </c>
      <c r="T5749">
        <v>31492.110400000001</v>
      </c>
      <c r="U5749">
        <v>24169.12211</v>
      </c>
      <c r="W5749" s="83">
        <f>Bühler!N5781</f>
        <v>45531.458333319395</v>
      </c>
      <c r="X5749" s="83">
        <v>43340.458333333336</v>
      </c>
      <c r="Y5749">
        <v>267515.29210000002</v>
      </c>
      <c r="Z5749">
        <v>34379.666709999998</v>
      </c>
      <c r="AA5749">
        <v>98084.453030000004</v>
      </c>
      <c r="AB5749">
        <v>49811.782879999999</v>
      </c>
      <c r="AC5749">
        <v>49381.676650000001</v>
      </c>
      <c r="AD5749">
        <v>34952.976210000001</v>
      </c>
      <c r="AE5749">
        <v>49696.573219999998</v>
      </c>
      <c r="AF5749">
        <v>65139.526599999997</v>
      </c>
      <c r="AG5749">
        <v>33450.912329999999</v>
      </c>
      <c r="AH5749">
        <v>361174.83720000001</v>
      </c>
      <c r="AI5749">
        <v>94241.678020000007</v>
      </c>
      <c r="AJ5749">
        <v>25263.759239999999</v>
      </c>
      <c r="AK5749">
        <v>36724.074410000001</v>
      </c>
      <c r="AL5749">
        <v>101235.4148</v>
      </c>
      <c r="AM5749">
        <v>24667.690070000001</v>
      </c>
      <c r="AN5749">
        <v>116109.8294</v>
      </c>
      <c r="AO5749">
        <v>31492.110400000001</v>
      </c>
      <c r="AP5749">
        <v>24169.12211</v>
      </c>
    </row>
    <row r="5750" spans="2:42" x14ac:dyDescent="0.3">
      <c r="B5750">
        <v>70.021751867261656</v>
      </c>
      <c r="C5750" s="83">
        <v>43340.5</v>
      </c>
      <c r="D5750">
        <v>258667.663</v>
      </c>
      <c r="E5750">
        <v>31228.998790000001</v>
      </c>
      <c r="F5750">
        <v>92326.160629999998</v>
      </c>
      <c r="G5750">
        <v>47696.115389999999</v>
      </c>
      <c r="H5750">
        <v>48740.004480000003</v>
      </c>
      <c r="I5750">
        <v>34058.030350000001</v>
      </c>
      <c r="J5750">
        <v>49514.817040000002</v>
      </c>
      <c r="K5750">
        <v>60411.431210000002</v>
      </c>
      <c r="L5750">
        <v>36274.229090000001</v>
      </c>
      <c r="M5750">
        <v>357003.54509999999</v>
      </c>
      <c r="N5750">
        <v>92262.64804</v>
      </c>
      <c r="O5750">
        <v>24309.939340000001</v>
      </c>
      <c r="P5750">
        <v>38471.959430000003</v>
      </c>
      <c r="Q5750">
        <v>101585.4613</v>
      </c>
      <c r="R5750">
        <v>25767.4797</v>
      </c>
      <c r="S5750">
        <v>110853.0364</v>
      </c>
      <c r="T5750">
        <v>30368.147140000001</v>
      </c>
      <c r="U5750">
        <v>21453.483049999999</v>
      </c>
      <c r="W5750" s="83">
        <f>Bühler!N5782</f>
        <v>45531.499999986059</v>
      </c>
      <c r="X5750" s="83">
        <v>43340.5</v>
      </c>
      <c r="Y5750">
        <v>258667.663</v>
      </c>
      <c r="Z5750">
        <v>31228.998790000001</v>
      </c>
      <c r="AA5750">
        <v>92326.160629999998</v>
      </c>
      <c r="AB5750">
        <v>47696.115389999999</v>
      </c>
      <c r="AC5750">
        <v>48740.004480000003</v>
      </c>
      <c r="AD5750">
        <v>34058.030350000001</v>
      </c>
      <c r="AE5750">
        <v>49514.817040000002</v>
      </c>
      <c r="AF5750">
        <v>60411.431210000002</v>
      </c>
      <c r="AG5750">
        <v>36274.229090000001</v>
      </c>
      <c r="AH5750">
        <v>357003.54509999999</v>
      </c>
      <c r="AI5750">
        <v>92262.64804</v>
      </c>
      <c r="AJ5750">
        <v>24309.939340000001</v>
      </c>
      <c r="AK5750">
        <v>38471.959430000003</v>
      </c>
      <c r="AL5750">
        <v>101585.4613</v>
      </c>
      <c r="AM5750">
        <v>25767.4797</v>
      </c>
      <c r="AN5750">
        <v>110853.0364</v>
      </c>
      <c r="AO5750">
        <v>30368.147140000001</v>
      </c>
      <c r="AP5750">
        <v>21453.483049999999</v>
      </c>
    </row>
    <row r="5751" spans="2:42" x14ac:dyDescent="0.3">
      <c r="B5751">
        <v>69.450169335467962</v>
      </c>
      <c r="C5751" s="83">
        <v>43340.541666666664</v>
      </c>
      <c r="D5751">
        <v>260300.4938</v>
      </c>
      <c r="E5751">
        <v>31624.320759999999</v>
      </c>
      <c r="F5751">
        <v>88193.573120000001</v>
      </c>
      <c r="G5751">
        <v>46886.916449999997</v>
      </c>
      <c r="H5751">
        <v>48355.320090000001</v>
      </c>
      <c r="I5751">
        <v>34618.595739999997</v>
      </c>
      <c r="J5751">
        <v>48785.188920000001</v>
      </c>
      <c r="K5751">
        <v>62587.851569999999</v>
      </c>
      <c r="L5751">
        <v>35667.136409999999</v>
      </c>
      <c r="M5751">
        <v>354089.35080000001</v>
      </c>
      <c r="N5751">
        <v>93126.366320000001</v>
      </c>
      <c r="O5751">
        <v>24633.135259999999</v>
      </c>
      <c r="P5751">
        <v>37583.54795</v>
      </c>
      <c r="Q5751">
        <v>100603.0867</v>
      </c>
      <c r="R5751">
        <v>25611.932700000001</v>
      </c>
      <c r="S5751">
        <v>109685.88800000001</v>
      </c>
      <c r="T5751">
        <v>30488.88538</v>
      </c>
      <c r="U5751">
        <v>23482.866880000001</v>
      </c>
      <c r="W5751" s="83">
        <f>Bühler!N5783</f>
        <v>45531.541666652724</v>
      </c>
      <c r="X5751" s="83">
        <v>43340.541666666664</v>
      </c>
      <c r="Y5751">
        <v>260300.4938</v>
      </c>
      <c r="Z5751">
        <v>31624.320759999999</v>
      </c>
      <c r="AA5751">
        <v>88193.573120000001</v>
      </c>
      <c r="AB5751">
        <v>46886.916449999997</v>
      </c>
      <c r="AC5751">
        <v>48355.320090000001</v>
      </c>
      <c r="AD5751">
        <v>34618.595739999997</v>
      </c>
      <c r="AE5751">
        <v>48785.188920000001</v>
      </c>
      <c r="AF5751">
        <v>62587.851569999999</v>
      </c>
      <c r="AG5751">
        <v>35667.136409999999</v>
      </c>
      <c r="AH5751">
        <v>354089.35080000001</v>
      </c>
      <c r="AI5751">
        <v>93126.366320000001</v>
      </c>
      <c r="AJ5751">
        <v>24633.135259999999</v>
      </c>
      <c r="AK5751">
        <v>37583.54795</v>
      </c>
      <c r="AL5751">
        <v>100603.0867</v>
      </c>
      <c r="AM5751">
        <v>25611.932700000001</v>
      </c>
      <c r="AN5751">
        <v>109685.88800000001</v>
      </c>
      <c r="AO5751">
        <v>30488.88538</v>
      </c>
      <c r="AP5751">
        <v>23482.866880000001</v>
      </c>
    </row>
    <row r="5752" spans="2:42" x14ac:dyDescent="0.3">
      <c r="B5752">
        <v>69.565567370982762</v>
      </c>
      <c r="C5752" s="83">
        <v>43340.583333333336</v>
      </c>
      <c r="D5752">
        <v>263760.52799999999</v>
      </c>
      <c r="E5752">
        <v>34797.543109999999</v>
      </c>
      <c r="F5752">
        <v>98349.043350000007</v>
      </c>
      <c r="G5752">
        <v>46600.488949999999</v>
      </c>
      <c r="H5752">
        <v>48481.21903</v>
      </c>
      <c r="I5752">
        <v>35334.47453</v>
      </c>
      <c r="J5752">
        <v>48284.616049999997</v>
      </c>
      <c r="K5752">
        <v>63763.44801</v>
      </c>
      <c r="L5752">
        <v>32811.339209999998</v>
      </c>
      <c r="M5752">
        <v>354677.70380000002</v>
      </c>
      <c r="N5752">
        <v>95472.485239999995</v>
      </c>
      <c r="O5752">
        <v>24723.819739999999</v>
      </c>
      <c r="P5752">
        <v>33773.37672</v>
      </c>
      <c r="Q5752">
        <v>100930.4953</v>
      </c>
      <c r="R5752">
        <v>24923.175889999999</v>
      </c>
      <c r="S5752">
        <v>106144.1102</v>
      </c>
      <c r="T5752">
        <v>29914.261289999999</v>
      </c>
      <c r="U5752">
        <v>23741.121889999999</v>
      </c>
      <c r="W5752" s="83">
        <f>Bühler!N5784</f>
        <v>45531.583333319388</v>
      </c>
      <c r="X5752" s="83">
        <v>43340.583333333336</v>
      </c>
      <c r="Y5752">
        <v>263760.52799999999</v>
      </c>
      <c r="Z5752">
        <v>34797.543109999999</v>
      </c>
      <c r="AA5752">
        <v>98349.043350000007</v>
      </c>
      <c r="AB5752">
        <v>46600.488949999999</v>
      </c>
      <c r="AC5752">
        <v>48481.21903</v>
      </c>
      <c r="AD5752">
        <v>35334.47453</v>
      </c>
      <c r="AE5752">
        <v>48284.616049999997</v>
      </c>
      <c r="AF5752">
        <v>63763.44801</v>
      </c>
      <c r="AG5752">
        <v>32811.339209999998</v>
      </c>
      <c r="AH5752">
        <v>354677.70380000002</v>
      </c>
      <c r="AI5752">
        <v>95472.485239999995</v>
      </c>
      <c r="AJ5752">
        <v>24723.819739999999</v>
      </c>
      <c r="AK5752">
        <v>33773.37672</v>
      </c>
      <c r="AL5752">
        <v>100930.4953</v>
      </c>
      <c r="AM5752">
        <v>24923.175889999999</v>
      </c>
      <c r="AN5752">
        <v>106144.1102</v>
      </c>
      <c r="AO5752">
        <v>29914.261289999999</v>
      </c>
      <c r="AP5752">
        <v>23741.121889999999</v>
      </c>
    </row>
    <row r="5753" spans="2:42" x14ac:dyDescent="0.3">
      <c r="B5753">
        <v>69.906264589223824</v>
      </c>
      <c r="C5753" s="83">
        <v>43340.625</v>
      </c>
      <c r="D5753">
        <v>260370.67720000001</v>
      </c>
      <c r="E5753">
        <v>35005.462189999998</v>
      </c>
      <c r="F5753">
        <v>100493.2227</v>
      </c>
      <c r="G5753">
        <v>45809.44023</v>
      </c>
      <c r="H5753">
        <v>47648.320500000002</v>
      </c>
      <c r="I5753">
        <v>34844.967900000003</v>
      </c>
      <c r="J5753">
        <v>47515.918940000003</v>
      </c>
      <c r="K5753">
        <v>62760.833209999997</v>
      </c>
      <c r="L5753">
        <v>30221.69184</v>
      </c>
      <c r="M5753">
        <v>356414.73710000003</v>
      </c>
      <c r="N5753">
        <v>92437.462409999993</v>
      </c>
      <c r="O5753">
        <v>23466.802090000001</v>
      </c>
      <c r="P5753">
        <v>31765.830099999999</v>
      </c>
      <c r="Q5753">
        <v>100276.5101</v>
      </c>
      <c r="R5753">
        <v>25052.053309999999</v>
      </c>
      <c r="S5753">
        <v>104762.7212</v>
      </c>
      <c r="T5753">
        <v>29677.20624</v>
      </c>
      <c r="U5753">
        <v>22722.446919999998</v>
      </c>
      <c r="W5753" s="83">
        <f>Bühler!N5785</f>
        <v>45531.624999986052</v>
      </c>
      <c r="X5753" s="83">
        <v>43340.625</v>
      </c>
      <c r="Y5753">
        <v>260370.67720000001</v>
      </c>
      <c r="Z5753">
        <v>35005.462189999998</v>
      </c>
      <c r="AA5753">
        <v>100493.2227</v>
      </c>
      <c r="AB5753">
        <v>45809.44023</v>
      </c>
      <c r="AC5753">
        <v>47648.320500000002</v>
      </c>
      <c r="AD5753">
        <v>34844.967900000003</v>
      </c>
      <c r="AE5753">
        <v>47515.918940000003</v>
      </c>
      <c r="AF5753">
        <v>62760.833209999997</v>
      </c>
      <c r="AG5753">
        <v>30221.69184</v>
      </c>
      <c r="AH5753">
        <v>356414.73710000003</v>
      </c>
      <c r="AI5753">
        <v>92437.462409999993</v>
      </c>
      <c r="AJ5753">
        <v>23466.802090000001</v>
      </c>
      <c r="AK5753">
        <v>31765.830099999999</v>
      </c>
      <c r="AL5753">
        <v>100276.5101</v>
      </c>
      <c r="AM5753">
        <v>25052.053309999999</v>
      </c>
      <c r="AN5753">
        <v>104762.7212</v>
      </c>
      <c r="AO5753">
        <v>29677.20624</v>
      </c>
      <c r="AP5753">
        <v>22722.446919999998</v>
      </c>
    </row>
    <row r="5754" spans="2:42" x14ac:dyDescent="0.3">
      <c r="B5754">
        <v>68.324031725663176</v>
      </c>
      <c r="C5754" s="83">
        <v>43340.666666666664</v>
      </c>
      <c r="D5754">
        <v>254048.38510000001</v>
      </c>
      <c r="E5754">
        <v>34058.989390000002</v>
      </c>
      <c r="F5754">
        <v>100644.371</v>
      </c>
      <c r="G5754">
        <v>43909.321839999997</v>
      </c>
      <c r="H5754">
        <v>46849.191980000003</v>
      </c>
      <c r="I5754">
        <v>35846.831599999998</v>
      </c>
      <c r="J5754">
        <v>46830.404770000001</v>
      </c>
      <c r="K5754">
        <v>59892.810400000002</v>
      </c>
      <c r="L5754">
        <v>29370.20534</v>
      </c>
      <c r="M5754">
        <v>348347.77610000002</v>
      </c>
      <c r="N5754">
        <v>89248.604579999999</v>
      </c>
      <c r="O5754">
        <v>22993.196</v>
      </c>
      <c r="P5754">
        <v>30887.367440000002</v>
      </c>
      <c r="Q5754">
        <v>99896.112609999996</v>
      </c>
      <c r="R5754">
        <v>25023.431769999999</v>
      </c>
      <c r="S5754">
        <v>101733.29399999999</v>
      </c>
      <c r="T5754">
        <v>28891.568340000002</v>
      </c>
      <c r="U5754">
        <v>20606.438579999998</v>
      </c>
      <c r="W5754" s="83">
        <f>Bühler!N5786</f>
        <v>45531.666666652716</v>
      </c>
      <c r="X5754" s="83">
        <v>43340.666666666664</v>
      </c>
      <c r="Y5754">
        <v>254048.38510000001</v>
      </c>
      <c r="Z5754">
        <v>34058.989390000002</v>
      </c>
      <c r="AA5754">
        <v>100644.371</v>
      </c>
      <c r="AB5754">
        <v>43909.321839999997</v>
      </c>
      <c r="AC5754">
        <v>46849.191980000003</v>
      </c>
      <c r="AD5754">
        <v>35846.831599999998</v>
      </c>
      <c r="AE5754">
        <v>46830.404770000001</v>
      </c>
      <c r="AF5754">
        <v>59892.810400000002</v>
      </c>
      <c r="AG5754">
        <v>29370.20534</v>
      </c>
      <c r="AH5754">
        <v>348347.77610000002</v>
      </c>
      <c r="AI5754">
        <v>89248.604579999999</v>
      </c>
      <c r="AJ5754">
        <v>22993.196</v>
      </c>
      <c r="AK5754">
        <v>30887.367440000002</v>
      </c>
      <c r="AL5754">
        <v>99896.112609999996</v>
      </c>
      <c r="AM5754">
        <v>25023.431769999999</v>
      </c>
      <c r="AN5754">
        <v>101733.29399999999</v>
      </c>
      <c r="AO5754">
        <v>28891.568340000002</v>
      </c>
      <c r="AP5754">
        <v>20606.438579999998</v>
      </c>
    </row>
    <row r="5755" spans="2:42" x14ac:dyDescent="0.3">
      <c r="B5755">
        <v>66.870582903412512</v>
      </c>
      <c r="C5755" s="83">
        <v>43340.708333333336</v>
      </c>
      <c r="D5755">
        <v>246013.16269999999</v>
      </c>
      <c r="E5755">
        <v>32097.64891</v>
      </c>
      <c r="F5755">
        <v>99014.098580000005</v>
      </c>
      <c r="G5755">
        <v>40051.894099999998</v>
      </c>
      <c r="H5755">
        <v>45011.993549999999</v>
      </c>
      <c r="I5755">
        <v>35917.56265</v>
      </c>
      <c r="J5755">
        <v>47165.175430000003</v>
      </c>
      <c r="K5755">
        <v>54940.354070000001</v>
      </c>
      <c r="L5755">
        <v>29333.54522</v>
      </c>
      <c r="M5755">
        <v>340937.41619999998</v>
      </c>
      <c r="N5755">
        <v>83954.971409999998</v>
      </c>
      <c r="O5755">
        <v>22517.018970000001</v>
      </c>
      <c r="P5755">
        <v>32850.346129999998</v>
      </c>
      <c r="Q5755">
        <v>98306.080430000002</v>
      </c>
      <c r="R5755">
        <v>24481.198079999998</v>
      </c>
      <c r="S5755">
        <v>99003.349319999994</v>
      </c>
      <c r="T5755">
        <v>28088.256399999998</v>
      </c>
      <c r="U5755">
        <v>18948.690920000001</v>
      </c>
      <c r="W5755" s="83">
        <f>Bühler!N5787</f>
        <v>45531.70833331938</v>
      </c>
      <c r="X5755" s="83">
        <v>43340.708333333336</v>
      </c>
      <c r="Y5755">
        <v>246013.16269999999</v>
      </c>
      <c r="Z5755">
        <v>32097.64891</v>
      </c>
      <c r="AA5755">
        <v>99014.098580000005</v>
      </c>
      <c r="AB5755">
        <v>40051.894099999998</v>
      </c>
      <c r="AC5755">
        <v>45011.993549999999</v>
      </c>
      <c r="AD5755">
        <v>35917.56265</v>
      </c>
      <c r="AE5755">
        <v>47165.175430000003</v>
      </c>
      <c r="AF5755">
        <v>54940.354070000001</v>
      </c>
      <c r="AG5755">
        <v>29333.54522</v>
      </c>
      <c r="AH5755">
        <v>340937.41619999998</v>
      </c>
      <c r="AI5755">
        <v>83954.971409999998</v>
      </c>
      <c r="AJ5755">
        <v>22517.018970000001</v>
      </c>
      <c r="AK5755">
        <v>32850.346129999998</v>
      </c>
      <c r="AL5755">
        <v>98306.080430000002</v>
      </c>
      <c r="AM5755">
        <v>24481.198079999998</v>
      </c>
      <c r="AN5755">
        <v>99003.349319999994</v>
      </c>
      <c r="AO5755">
        <v>28088.256399999998</v>
      </c>
      <c r="AP5755">
        <v>18948.690920000001</v>
      </c>
    </row>
    <row r="5756" spans="2:42" x14ac:dyDescent="0.3">
      <c r="B5756">
        <v>65.087443466914266</v>
      </c>
      <c r="C5756" s="83">
        <v>43340.75</v>
      </c>
      <c r="D5756">
        <v>240522.4724</v>
      </c>
      <c r="E5756">
        <v>28982.678110000001</v>
      </c>
      <c r="F5756">
        <v>97605.013739999995</v>
      </c>
      <c r="G5756">
        <v>35994.080860000002</v>
      </c>
      <c r="H5756">
        <v>42679.540110000002</v>
      </c>
      <c r="I5756">
        <v>34858.761910000001</v>
      </c>
      <c r="J5756">
        <v>47510.287960000001</v>
      </c>
      <c r="K5756">
        <v>53584.019249999998</v>
      </c>
      <c r="L5756">
        <v>29515.030579999999</v>
      </c>
      <c r="M5756">
        <v>331846.1398</v>
      </c>
      <c r="N5756">
        <v>81737.027419999999</v>
      </c>
      <c r="O5756">
        <v>20758.4133</v>
      </c>
      <c r="P5756">
        <v>36375.125500000002</v>
      </c>
      <c r="Q5756">
        <v>96667.859960000002</v>
      </c>
      <c r="R5756">
        <v>23630.398990000002</v>
      </c>
      <c r="S5756">
        <v>93406.178849999997</v>
      </c>
      <c r="T5756">
        <v>27614.539519999998</v>
      </c>
      <c r="U5756">
        <v>17982.648679999998</v>
      </c>
      <c r="W5756" s="83">
        <f>Bühler!N5788</f>
        <v>45531.749999986045</v>
      </c>
      <c r="X5756" s="83">
        <v>43340.75</v>
      </c>
      <c r="Y5756">
        <v>240522.4724</v>
      </c>
      <c r="Z5756">
        <v>28982.678110000001</v>
      </c>
      <c r="AA5756">
        <v>97605.013739999995</v>
      </c>
      <c r="AB5756">
        <v>35994.080860000002</v>
      </c>
      <c r="AC5756">
        <v>42679.540110000002</v>
      </c>
      <c r="AD5756">
        <v>34858.761910000001</v>
      </c>
      <c r="AE5756">
        <v>47510.287960000001</v>
      </c>
      <c r="AF5756">
        <v>53584.019249999998</v>
      </c>
      <c r="AG5756">
        <v>29515.030579999999</v>
      </c>
      <c r="AH5756">
        <v>331846.1398</v>
      </c>
      <c r="AI5756">
        <v>81737.027419999999</v>
      </c>
      <c r="AJ5756">
        <v>20758.4133</v>
      </c>
      <c r="AK5756">
        <v>36375.125500000002</v>
      </c>
      <c r="AL5756">
        <v>96667.859960000002</v>
      </c>
      <c r="AM5756">
        <v>23630.398990000002</v>
      </c>
      <c r="AN5756">
        <v>93406.178849999997</v>
      </c>
      <c r="AO5756">
        <v>27614.539519999998</v>
      </c>
      <c r="AP5756">
        <v>17982.648679999998</v>
      </c>
    </row>
    <row r="5757" spans="2:42" x14ac:dyDescent="0.3">
      <c r="B5757">
        <v>64.65135458236017</v>
      </c>
      <c r="C5757" s="83">
        <v>43340.791666666664</v>
      </c>
      <c r="D5757">
        <v>236547.08660000001</v>
      </c>
      <c r="E5757">
        <v>23458.449379999998</v>
      </c>
      <c r="F5757">
        <v>87592.056549999994</v>
      </c>
      <c r="G5757">
        <v>34006.119500000001</v>
      </c>
      <c r="H5757">
        <v>40747.954530000003</v>
      </c>
      <c r="I5757">
        <v>32193.283090000001</v>
      </c>
      <c r="J5757">
        <v>47124.191079999997</v>
      </c>
      <c r="K5757">
        <v>53331.111120000001</v>
      </c>
      <c r="L5757">
        <v>29568.305469999999</v>
      </c>
      <c r="M5757">
        <v>329622.75530000002</v>
      </c>
      <c r="N5757">
        <v>78472.550959999993</v>
      </c>
      <c r="O5757">
        <v>19739.905460000002</v>
      </c>
      <c r="P5757">
        <v>39253.97075</v>
      </c>
      <c r="Q5757">
        <v>94013.429139999993</v>
      </c>
      <c r="R5757">
        <v>22710.35053</v>
      </c>
      <c r="S5757">
        <v>89663.633379999999</v>
      </c>
      <c r="T5757">
        <v>27537.55056</v>
      </c>
      <c r="U5757">
        <v>17425.94642</v>
      </c>
      <c r="W5757" s="83">
        <f>Bühler!N5789</f>
        <v>45531.791666652709</v>
      </c>
      <c r="X5757" s="83">
        <v>43340.791666666664</v>
      </c>
      <c r="Y5757">
        <v>236547.08660000001</v>
      </c>
      <c r="Z5757">
        <v>23458.449379999998</v>
      </c>
      <c r="AA5757">
        <v>87592.056549999994</v>
      </c>
      <c r="AB5757">
        <v>34006.119500000001</v>
      </c>
      <c r="AC5757">
        <v>40747.954530000003</v>
      </c>
      <c r="AD5757">
        <v>32193.283090000001</v>
      </c>
      <c r="AE5757">
        <v>47124.191079999997</v>
      </c>
      <c r="AF5757">
        <v>53331.111120000001</v>
      </c>
      <c r="AG5757">
        <v>29568.305469999999</v>
      </c>
      <c r="AH5757">
        <v>329622.75530000002</v>
      </c>
      <c r="AI5757">
        <v>78472.550959999993</v>
      </c>
      <c r="AJ5757">
        <v>19739.905460000002</v>
      </c>
      <c r="AK5757">
        <v>39253.97075</v>
      </c>
      <c r="AL5757">
        <v>94013.429139999993</v>
      </c>
      <c r="AM5757">
        <v>22710.35053</v>
      </c>
      <c r="AN5757">
        <v>89663.633379999999</v>
      </c>
      <c r="AO5757">
        <v>27537.55056</v>
      </c>
      <c r="AP5757">
        <v>17425.94642</v>
      </c>
    </row>
    <row r="5758" spans="2:42" x14ac:dyDescent="0.3">
      <c r="B5758">
        <v>62.912848999404765</v>
      </c>
      <c r="C5758" s="83">
        <v>43340.833333333336</v>
      </c>
      <c r="D5758">
        <v>227104.3015</v>
      </c>
      <c r="E5758">
        <v>17787.11262</v>
      </c>
      <c r="F5758">
        <v>70804.273830000006</v>
      </c>
      <c r="G5758">
        <v>32205.064320000001</v>
      </c>
      <c r="H5758">
        <v>38746.592680000002</v>
      </c>
      <c r="I5758">
        <v>29202.79437</v>
      </c>
      <c r="J5758">
        <v>46748.296580000002</v>
      </c>
      <c r="K5758">
        <v>52549.005319999997</v>
      </c>
      <c r="L5758">
        <v>30170.744429999999</v>
      </c>
      <c r="M5758">
        <v>320759.04310000001</v>
      </c>
      <c r="N5758">
        <v>75712.667990000002</v>
      </c>
      <c r="O5758">
        <v>19091.154920000001</v>
      </c>
      <c r="P5758">
        <v>39955.697979999997</v>
      </c>
      <c r="Q5758">
        <v>90614.780029999994</v>
      </c>
      <c r="R5758">
        <v>21512.628820000002</v>
      </c>
      <c r="S5758">
        <v>82666.403130000006</v>
      </c>
      <c r="T5758">
        <v>25971.624319999999</v>
      </c>
      <c r="U5758">
        <v>16977.49624</v>
      </c>
      <c r="W5758" s="83">
        <f>Bühler!N5790</f>
        <v>45531.833333319373</v>
      </c>
      <c r="X5758" s="83">
        <v>43340.833333333336</v>
      </c>
      <c r="Y5758">
        <v>227104.3015</v>
      </c>
      <c r="Z5758">
        <v>17787.11262</v>
      </c>
      <c r="AA5758">
        <v>70804.273830000006</v>
      </c>
      <c r="AB5758">
        <v>32205.064320000001</v>
      </c>
      <c r="AC5758">
        <v>38746.592680000002</v>
      </c>
      <c r="AD5758">
        <v>29202.79437</v>
      </c>
      <c r="AE5758">
        <v>46748.296580000002</v>
      </c>
      <c r="AF5758">
        <v>52549.005319999997</v>
      </c>
      <c r="AG5758">
        <v>30170.744429999999</v>
      </c>
      <c r="AH5758">
        <v>320759.04310000001</v>
      </c>
      <c r="AI5758">
        <v>75712.667990000002</v>
      </c>
      <c r="AJ5758">
        <v>19091.154920000001</v>
      </c>
      <c r="AK5758">
        <v>39955.697979999997</v>
      </c>
      <c r="AL5758">
        <v>90614.780029999994</v>
      </c>
      <c r="AM5758">
        <v>21512.628820000002</v>
      </c>
      <c r="AN5758">
        <v>82666.403130000006</v>
      </c>
      <c r="AO5758">
        <v>25971.624319999999</v>
      </c>
      <c r="AP5758">
        <v>16977.49624</v>
      </c>
    </row>
    <row r="5759" spans="2:42" x14ac:dyDescent="0.3">
      <c r="B5759">
        <v>60.679425017315218</v>
      </c>
      <c r="C5759" s="83">
        <v>43340.875</v>
      </c>
      <c r="D5759">
        <v>219691.55549999999</v>
      </c>
      <c r="E5759">
        <v>15280.37023</v>
      </c>
      <c r="F5759">
        <v>61884.216480000003</v>
      </c>
      <c r="G5759">
        <v>31766.045450000001</v>
      </c>
      <c r="H5759">
        <v>37659.256249999999</v>
      </c>
      <c r="I5759">
        <v>26701.556850000001</v>
      </c>
      <c r="J5759">
        <v>47219.422559999999</v>
      </c>
      <c r="K5759">
        <v>51786.488290000001</v>
      </c>
      <c r="L5759">
        <v>29072.82285</v>
      </c>
      <c r="M5759">
        <v>309372.0061</v>
      </c>
      <c r="N5759">
        <v>75065.184020000001</v>
      </c>
      <c r="O5759">
        <v>18029.801299999999</v>
      </c>
      <c r="P5759">
        <v>37800.08135</v>
      </c>
      <c r="Q5759">
        <v>88615.971690000006</v>
      </c>
      <c r="R5759">
        <v>20516.44929</v>
      </c>
      <c r="S5759">
        <v>79684.067339999994</v>
      </c>
      <c r="T5759">
        <v>23956.154200000001</v>
      </c>
      <c r="U5759">
        <v>16010.78443</v>
      </c>
      <c r="W5759" s="83">
        <f>Bühler!N5791</f>
        <v>45531.874999986037</v>
      </c>
      <c r="X5759" s="83">
        <v>43340.875</v>
      </c>
      <c r="Y5759">
        <v>219691.55549999999</v>
      </c>
      <c r="Z5759">
        <v>15280.37023</v>
      </c>
      <c r="AA5759">
        <v>61884.216480000003</v>
      </c>
      <c r="AB5759">
        <v>31766.045450000001</v>
      </c>
      <c r="AC5759">
        <v>37659.256249999999</v>
      </c>
      <c r="AD5759">
        <v>26701.556850000001</v>
      </c>
      <c r="AE5759">
        <v>47219.422559999999</v>
      </c>
      <c r="AF5759">
        <v>51786.488290000001</v>
      </c>
      <c r="AG5759">
        <v>29072.82285</v>
      </c>
      <c r="AH5759">
        <v>309372.0061</v>
      </c>
      <c r="AI5759">
        <v>75065.184020000001</v>
      </c>
      <c r="AJ5759">
        <v>18029.801299999999</v>
      </c>
      <c r="AK5759">
        <v>37800.08135</v>
      </c>
      <c r="AL5759">
        <v>88615.971690000006</v>
      </c>
      <c r="AM5759">
        <v>20516.44929</v>
      </c>
      <c r="AN5759">
        <v>79684.067339999994</v>
      </c>
      <c r="AO5759">
        <v>23956.154200000001</v>
      </c>
      <c r="AP5759">
        <v>16010.78443</v>
      </c>
    </row>
    <row r="5760" spans="2:42" x14ac:dyDescent="0.3">
      <c r="B5760">
        <v>60.059282667059499</v>
      </c>
      <c r="C5760" s="83">
        <v>43340.916666666664</v>
      </c>
      <c r="D5760">
        <v>217010.4828</v>
      </c>
      <c r="E5760">
        <v>14186.810149999999</v>
      </c>
      <c r="F5760">
        <v>59021.87485</v>
      </c>
      <c r="G5760">
        <v>31170.687300000001</v>
      </c>
      <c r="H5760">
        <v>37208.407610000002</v>
      </c>
      <c r="I5760">
        <v>24895.986560000001</v>
      </c>
      <c r="J5760">
        <v>44341.596610000001</v>
      </c>
      <c r="K5760">
        <v>54658.80962</v>
      </c>
      <c r="L5760">
        <v>26461.231220000001</v>
      </c>
      <c r="M5760">
        <v>306210.23119999998</v>
      </c>
      <c r="N5760">
        <v>73386.255189999996</v>
      </c>
      <c r="O5760">
        <v>17758.16779</v>
      </c>
      <c r="P5760">
        <v>39259.560100000002</v>
      </c>
      <c r="Q5760">
        <v>87912.744269999996</v>
      </c>
      <c r="R5760">
        <v>21595.901819999999</v>
      </c>
      <c r="S5760">
        <v>78020.332290000006</v>
      </c>
      <c r="T5760">
        <v>20958.583480000001</v>
      </c>
      <c r="U5760">
        <v>15782.98004</v>
      </c>
      <c r="W5760" s="83">
        <f>Bühler!N5792</f>
        <v>45531.916666652702</v>
      </c>
      <c r="X5760" s="83">
        <v>43340.916666666664</v>
      </c>
      <c r="Y5760">
        <v>217010.4828</v>
      </c>
      <c r="Z5760">
        <v>14186.810149999999</v>
      </c>
      <c r="AA5760">
        <v>59021.87485</v>
      </c>
      <c r="AB5760">
        <v>31170.687300000001</v>
      </c>
      <c r="AC5760">
        <v>37208.407610000002</v>
      </c>
      <c r="AD5760">
        <v>24895.986560000001</v>
      </c>
      <c r="AE5760">
        <v>44341.596610000001</v>
      </c>
      <c r="AF5760">
        <v>54658.80962</v>
      </c>
      <c r="AG5760">
        <v>26461.231220000001</v>
      </c>
      <c r="AH5760">
        <v>306210.23119999998</v>
      </c>
      <c r="AI5760">
        <v>73386.255189999996</v>
      </c>
      <c r="AJ5760">
        <v>17758.16779</v>
      </c>
      <c r="AK5760">
        <v>39259.560100000002</v>
      </c>
      <c r="AL5760">
        <v>87912.744269999996</v>
      </c>
      <c r="AM5760">
        <v>21595.901819999999</v>
      </c>
      <c r="AN5760">
        <v>78020.332290000006</v>
      </c>
      <c r="AO5760">
        <v>20958.583480000001</v>
      </c>
      <c r="AP5760">
        <v>15782.98004</v>
      </c>
    </row>
    <row r="5761" spans="2:42" x14ac:dyDescent="0.3">
      <c r="B5761">
        <v>59.63674654432937</v>
      </c>
      <c r="C5761" s="83">
        <v>43340.958333333336</v>
      </c>
      <c r="D5761">
        <v>216351.67929999999</v>
      </c>
      <c r="E5761">
        <v>13708.77845</v>
      </c>
      <c r="F5761">
        <v>57417.565999999999</v>
      </c>
      <c r="G5761">
        <v>30984.269090000002</v>
      </c>
      <c r="H5761">
        <v>36104.128689999998</v>
      </c>
      <c r="I5761">
        <v>23945.038</v>
      </c>
      <c r="J5761">
        <v>39914.287700000001</v>
      </c>
      <c r="K5761">
        <v>53514.507389999999</v>
      </c>
      <c r="L5761">
        <v>23073.510170000001</v>
      </c>
      <c r="M5761">
        <v>304055.94500000001</v>
      </c>
      <c r="N5761">
        <v>72252.887830000007</v>
      </c>
      <c r="O5761">
        <v>16816.368719999999</v>
      </c>
      <c r="P5761">
        <v>33677.99856</v>
      </c>
      <c r="Q5761">
        <v>87917.330950000003</v>
      </c>
      <c r="R5761">
        <v>21315.653429999998</v>
      </c>
      <c r="S5761">
        <v>76033.898149999994</v>
      </c>
      <c r="T5761">
        <v>19527.659520000001</v>
      </c>
      <c r="U5761">
        <v>15769.63276</v>
      </c>
      <c r="W5761" s="83">
        <f>Bühler!N5793</f>
        <v>45531.958333319366</v>
      </c>
      <c r="X5761" s="83">
        <v>43340.958333333336</v>
      </c>
      <c r="Y5761">
        <v>216351.67929999999</v>
      </c>
      <c r="Z5761">
        <v>13708.77845</v>
      </c>
      <c r="AA5761">
        <v>57417.565999999999</v>
      </c>
      <c r="AB5761">
        <v>30984.269090000002</v>
      </c>
      <c r="AC5761">
        <v>36104.128689999998</v>
      </c>
      <c r="AD5761">
        <v>23945.038</v>
      </c>
      <c r="AE5761">
        <v>39914.287700000001</v>
      </c>
      <c r="AF5761">
        <v>53514.507389999999</v>
      </c>
      <c r="AG5761">
        <v>23073.510170000001</v>
      </c>
      <c r="AH5761">
        <v>304055.94500000001</v>
      </c>
      <c r="AI5761">
        <v>72252.887830000007</v>
      </c>
      <c r="AJ5761">
        <v>16816.368719999999</v>
      </c>
      <c r="AK5761">
        <v>33677.99856</v>
      </c>
      <c r="AL5761">
        <v>87917.330950000003</v>
      </c>
      <c r="AM5761">
        <v>21315.653429999998</v>
      </c>
      <c r="AN5761">
        <v>76033.898149999994</v>
      </c>
      <c r="AO5761">
        <v>19527.659520000001</v>
      </c>
      <c r="AP5761">
        <v>15769.63276</v>
      </c>
    </row>
    <row r="5762" spans="2:42" x14ac:dyDescent="0.3">
      <c r="B5762">
        <v>58.744239465768437</v>
      </c>
      <c r="C5762" s="83">
        <v>43341</v>
      </c>
      <c r="D5762">
        <v>215526.5932</v>
      </c>
      <c r="E5762">
        <v>13271.09037</v>
      </c>
      <c r="F5762">
        <v>56156.927349999998</v>
      </c>
      <c r="G5762">
        <v>30512.050360000001</v>
      </c>
      <c r="H5762">
        <v>35428.890769999998</v>
      </c>
      <c r="I5762">
        <v>22131.51511</v>
      </c>
      <c r="J5762">
        <v>36600.425020000002</v>
      </c>
      <c r="K5762">
        <v>51988.37427</v>
      </c>
      <c r="L5762">
        <v>20246.975450000002</v>
      </c>
      <c r="M5762">
        <v>299505.52769999998</v>
      </c>
      <c r="N5762">
        <v>71815.029169999994</v>
      </c>
      <c r="O5762">
        <v>16610.765729999999</v>
      </c>
      <c r="P5762">
        <v>29803.349249999999</v>
      </c>
      <c r="Q5762">
        <v>87246.038639999999</v>
      </c>
      <c r="R5762">
        <v>17730.225310000002</v>
      </c>
      <c r="S5762">
        <v>73986.62427</v>
      </c>
      <c r="T5762">
        <v>18290.980080000001</v>
      </c>
      <c r="U5762">
        <v>15479.648590000001</v>
      </c>
      <c r="W5762" s="83">
        <f>Bühler!N5794</f>
        <v>45531.99999998603</v>
      </c>
      <c r="X5762" s="83">
        <v>43341</v>
      </c>
      <c r="Y5762">
        <v>215526.5932</v>
      </c>
      <c r="Z5762">
        <v>13271.09037</v>
      </c>
      <c r="AA5762">
        <v>56156.927349999998</v>
      </c>
      <c r="AB5762">
        <v>30512.050360000001</v>
      </c>
      <c r="AC5762">
        <v>35428.890769999998</v>
      </c>
      <c r="AD5762">
        <v>22131.51511</v>
      </c>
      <c r="AE5762">
        <v>36600.425020000002</v>
      </c>
      <c r="AF5762">
        <v>51988.37427</v>
      </c>
      <c r="AG5762">
        <v>20246.975450000002</v>
      </c>
      <c r="AH5762">
        <v>299505.52769999998</v>
      </c>
      <c r="AI5762">
        <v>71815.029169999994</v>
      </c>
      <c r="AJ5762">
        <v>16610.765729999999</v>
      </c>
      <c r="AK5762">
        <v>29803.349249999999</v>
      </c>
      <c r="AL5762">
        <v>87246.038639999999</v>
      </c>
      <c r="AM5762">
        <v>17730.225310000002</v>
      </c>
      <c r="AN5762">
        <v>73986.62427</v>
      </c>
      <c r="AO5762">
        <v>18290.980080000001</v>
      </c>
      <c r="AP5762">
        <v>15479.648590000001</v>
      </c>
    </row>
    <row r="5763" spans="2:42" x14ac:dyDescent="0.3">
      <c r="B5763">
        <v>58.298961543402243</v>
      </c>
      <c r="C5763" s="83">
        <v>43341.041666666664</v>
      </c>
      <c r="D5763">
        <v>214606.0723</v>
      </c>
      <c r="E5763">
        <v>13108.82213</v>
      </c>
      <c r="F5763">
        <v>55025.557119999998</v>
      </c>
      <c r="G5763">
        <v>29750.612819999998</v>
      </c>
      <c r="H5763">
        <v>34864.440799999997</v>
      </c>
      <c r="I5763">
        <v>18293.506020000001</v>
      </c>
      <c r="J5763">
        <v>35034.248729999999</v>
      </c>
      <c r="K5763">
        <v>50341.605479999998</v>
      </c>
      <c r="L5763">
        <v>19004.366129999999</v>
      </c>
      <c r="M5763">
        <v>297235.29320000001</v>
      </c>
      <c r="N5763">
        <v>70558.142179999995</v>
      </c>
      <c r="O5763">
        <v>16396.737359999999</v>
      </c>
      <c r="P5763">
        <v>27703.06293</v>
      </c>
      <c r="Q5763">
        <v>86501.475049999994</v>
      </c>
      <c r="R5763">
        <v>15941.13536</v>
      </c>
      <c r="S5763">
        <v>72960.047930000001</v>
      </c>
      <c r="T5763">
        <v>18009.409489999998</v>
      </c>
      <c r="U5763">
        <v>14968.894329999999</v>
      </c>
      <c r="W5763" s="83">
        <f>Bühler!N5795</f>
        <v>45532.041666652694</v>
      </c>
      <c r="X5763" s="83">
        <v>43341.041666666664</v>
      </c>
      <c r="Y5763">
        <v>214606.0723</v>
      </c>
      <c r="Z5763">
        <v>13108.82213</v>
      </c>
      <c r="AA5763">
        <v>55025.557119999998</v>
      </c>
      <c r="AB5763">
        <v>29750.612819999998</v>
      </c>
      <c r="AC5763">
        <v>34864.440799999997</v>
      </c>
      <c r="AD5763">
        <v>18293.506020000001</v>
      </c>
      <c r="AE5763">
        <v>35034.248729999999</v>
      </c>
      <c r="AF5763">
        <v>50341.605479999998</v>
      </c>
      <c r="AG5763">
        <v>19004.366129999999</v>
      </c>
      <c r="AH5763">
        <v>297235.29320000001</v>
      </c>
      <c r="AI5763">
        <v>70558.142179999995</v>
      </c>
      <c r="AJ5763">
        <v>16396.737359999999</v>
      </c>
      <c r="AK5763">
        <v>27703.06293</v>
      </c>
      <c r="AL5763">
        <v>86501.475049999994</v>
      </c>
      <c r="AM5763">
        <v>15941.13536</v>
      </c>
      <c r="AN5763">
        <v>72960.047930000001</v>
      </c>
      <c r="AO5763">
        <v>18009.409489999998</v>
      </c>
      <c r="AP5763">
        <v>14968.894329999999</v>
      </c>
    </row>
    <row r="5764" spans="2:42" x14ac:dyDescent="0.3">
      <c r="B5764">
        <v>58.263382785431979</v>
      </c>
      <c r="C5764" s="83">
        <v>43341.083333333336</v>
      </c>
      <c r="D5764">
        <v>215130.06109999999</v>
      </c>
      <c r="E5764">
        <v>12914.56574</v>
      </c>
      <c r="F5764">
        <v>55517.119910000001</v>
      </c>
      <c r="G5764">
        <v>29208.090219999998</v>
      </c>
      <c r="H5764">
        <v>34443.174249999996</v>
      </c>
      <c r="I5764">
        <v>16607.73011</v>
      </c>
      <c r="J5764">
        <v>34335.418160000001</v>
      </c>
      <c r="K5764">
        <v>48966.629209999999</v>
      </c>
      <c r="L5764">
        <v>18221.415130000001</v>
      </c>
      <c r="M5764">
        <v>297053.89610000001</v>
      </c>
      <c r="N5764">
        <v>69854.499360000002</v>
      </c>
      <c r="O5764">
        <v>15759.93318</v>
      </c>
      <c r="P5764">
        <v>25753.43549</v>
      </c>
      <c r="Q5764">
        <v>88728.197069999995</v>
      </c>
      <c r="R5764">
        <v>16115.197910000001</v>
      </c>
      <c r="S5764">
        <v>71713.794320000001</v>
      </c>
      <c r="T5764">
        <v>17571.2876</v>
      </c>
      <c r="U5764">
        <v>14519.71149</v>
      </c>
      <c r="W5764" s="83">
        <f>Bühler!N5796</f>
        <v>45532.083333319359</v>
      </c>
      <c r="X5764" s="83">
        <v>43341.083333333336</v>
      </c>
      <c r="Y5764">
        <v>215130.06109999999</v>
      </c>
      <c r="Z5764">
        <v>12914.56574</v>
      </c>
      <c r="AA5764">
        <v>55517.119910000001</v>
      </c>
      <c r="AB5764">
        <v>29208.090219999998</v>
      </c>
      <c r="AC5764">
        <v>34443.174249999996</v>
      </c>
      <c r="AD5764">
        <v>16607.73011</v>
      </c>
      <c r="AE5764">
        <v>34335.418160000001</v>
      </c>
      <c r="AF5764">
        <v>48966.629209999999</v>
      </c>
      <c r="AG5764">
        <v>18221.415130000001</v>
      </c>
      <c r="AH5764">
        <v>297053.89610000001</v>
      </c>
      <c r="AI5764">
        <v>69854.499360000002</v>
      </c>
      <c r="AJ5764">
        <v>15759.93318</v>
      </c>
      <c r="AK5764">
        <v>25753.43549</v>
      </c>
      <c r="AL5764">
        <v>88728.197069999995</v>
      </c>
      <c r="AM5764">
        <v>16115.197910000001</v>
      </c>
      <c r="AN5764">
        <v>71713.794320000001</v>
      </c>
      <c r="AO5764">
        <v>17571.2876</v>
      </c>
      <c r="AP5764">
        <v>14519.71149</v>
      </c>
    </row>
    <row r="5765" spans="2:42" x14ac:dyDescent="0.3">
      <c r="B5765">
        <v>59.277382595032954</v>
      </c>
      <c r="C5765" s="83">
        <v>43341.125</v>
      </c>
      <c r="D5765">
        <v>214991.73209999999</v>
      </c>
      <c r="E5765">
        <v>12826.27045</v>
      </c>
      <c r="F5765">
        <v>56502.329989999998</v>
      </c>
      <c r="G5765">
        <v>28301.540809999999</v>
      </c>
      <c r="H5765">
        <v>34297.325049999999</v>
      </c>
      <c r="I5765">
        <v>16569.023440000001</v>
      </c>
      <c r="J5765">
        <v>34185.816809999997</v>
      </c>
      <c r="K5765">
        <v>47316.644769999999</v>
      </c>
      <c r="L5765">
        <v>17949.274700000002</v>
      </c>
      <c r="M5765">
        <v>302223.74</v>
      </c>
      <c r="N5765">
        <v>68703.588680000001</v>
      </c>
      <c r="O5765">
        <v>15924.167439999999</v>
      </c>
      <c r="P5765">
        <v>25283.098000000002</v>
      </c>
      <c r="Q5765">
        <v>92023.987710000001</v>
      </c>
      <c r="R5765">
        <v>15460.129010000001</v>
      </c>
      <c r="S5765">
        <v>71127.065650000004</v>
      </c>
      <c r="T5765">
        <v>17315.28831</v>
      </c>
      <c r="U5765">
        <v>14040.239509999999</v>
      </c>
      <c r="W5765" s="83">
        <f>Bühler!N5797</f>
        <v>45532.124999986023</v>
      </c>
      <c r="X5765" s="83">
        <v>43341.125</v>
      </c>
      <c r="Y5765">
        <v>214991.73209999999</v>
      </c>
      <c r="Z5765">
        <v>12826.27045</v>
      </c>
      <c r="AA5765">
        <v>56502.329989999998</v>
      </c>
      <c r="AB5765">
        <v>28301.540809999999</v>
      </c>
      <c r="AC5765">
        <v>34297.325049999999</v>
      </c>
      <c r="AD5765">
        <v>16569.023440000001</v>
      </c>
      <c r="AE5765">
        <v>34185.816809999997</v>
      </c>
      <c r="AF5765">
        <v>47316.644769999999</v>
      </c>
      <c r="AG5765">
        <v>17949.274700000002</v>
      </c>
      <c r="AH5765">
        <v>302223.74</v>
      </c>
      <c r="AI5765">
        <v>68703.588680000001</v>
      </c>
      <c r="AJ5765">
        <v>15924.167439999999</v>
      </c>
      <c r="AK5765">
        <v>25283.098000000002</v>
      </c>
      <c r="AL5765">
        <v>92023.987710000001</v>
      </c>
      <c r="AM5765">
        <v>15460.129010000001</v>
      </c>
      <c r="AN5765">
        <v>71127.065650000004</v>
      </c>
      <c r="AO5765">
        <v>17315.28831</v>
      </c>
      <c r="AP5765">
        <v>14040.239509999999</v>
      </c>
    </row>
    <row r="5766" spans="2:42" x14ac:dyDescent="0.3">
      <c r="B5766">
        <v>60.424375986335207</v>
      </c>
      <c r="C5766" s="83">
        <v>43341.166666666664</v>
      </c>
      <c r="D5766">
        <v>217650.25520000001</v>
      </c>
      <c r="E5766">
        <v>13370.997079999999</v>
      </c>
      <c r="F5766">
        <v>59939.073960000002</v>
      </c>
      <c r="G5766">
        <v>27923.80846</v>
      </c>
      <c r="H5766">
        <v>34423.998809999997</v>
      </c>
      <c r="I5766">
        <v>17719.803879999999</v>
      </c>
      <c r="J5766">
        <v>36029.517870000003</v>
      </c>
      <c r="K5766">
        <v>45823.790459999997</v>
      </c>
      <c r="L5766">
        <v>16935.82719</v>
      </c>
      <c r="M5766">
        <v>308071.64720000001</v>
      </c>
      <c r="N5766">
        <v>68790.173760000005</v>
      </c>
      <c r="O5766">
        <v>15905.04516</v>
      </c>
      <c r="P5766">
        <v>24764.831119999999</v>
      </c>
      <c r="Q5766">
        <v>94479.475290000002</v>
      </c>
      <c r="R5766">
        <v>15612.73076</v>
      </c>
      <c r="S5766">
        <v>71119.679430000004</v>
      </c>
      <c r="T5766">
        <v>17179.144179999999</v>
      </c>
      <c r="U5766">
        <v>14544.646650000001</v>
      </c>
      <c r="W5766" s="83">
        <f>Bühler!N5798</f>
        <v>45532.166666652687</v>
      </c>
      <c r="X5766" s="83">
        <v>43341.166666666664</v>
      </c>
      <c r="Y5766">
        <v>217650.25520000001</v>
      </c>
      <c r="Z5766">
        <v>13370.997079999999</v>
      </c>
      <c r="AA5766">
        <v>59939.073960000002</v>
      </c>
      <c r="AB5766">
        <v>27923.80846</v>
      </c>
      <c r="AC5766">
        <v>34423.998809999997</v>
      </c>
      <c r="AD5766">
        <v>17719.803879999999</v>
      </c>
      <c r="AE5766">
        <v>36029.517870000003</v>
      </c>
      <c r="AF5766">
        <v>45823.790459999997</v>
      </c>
      <c r="AG5766">
        <v>16935.82719</v>
      </c>
      <c r="AH5766">
        <v>308071.64720000001</v>
      </c>
      <c r="AI5766">
        <v>68790.173760000005</v>
      </c>
      <c r="AJ5766">
        <v>15905.04516</v>
      </c>
      <c r="AK5766">
        <v>24764.831119999999</v>
      </c>
      <c r="AL5766">
        <v>94479.475290000002</v>
      </c>
      <c r="AM5766">
        <v>15612.73076</v>
      </c>
      <c r="AN5766">
        <v>71119.679430000004</v>
      </c>
      <c r="AO5766">
        <v>17179.144179999999</v>
      </c>
      <c r="AP5766">
        <v>14544.646650000001</v>
      </c>
    </row>
    <row r="5767" spans="2:42" x14ac:dyDescent="0.3">
      <c r="B5767">
        <v>63.610876575013897</v>
      </c>
      <c r="C5767" s="83">
        <v>43341.208333333336</v>
      </c>
      <c r="D5767">
        <v>232366.60519999999</v>
      </c>
      <c r="E5767">
        <v>15288.55488</v>
      </c>
      <c r="F5767">
        <v>68717.975709999999</v>
      </c>
      <c r="G5767">
        <v>29062.591840000001</v>
      </c>
      <c r="H5767">
        <v>35991.93219</v>
      </c>
      <c r="I5767">
        <v>23678.040249999998</v>
      </c>
      <c r="J5767">
        <v>39089.68866</v>
      </c>
      <c r="K5767">
        <v>46930.517570000004</v>
      </c>
      <c r="L5767">
        <v>17243.798599999998</v>
      </c>
      <c r="M5767">
        <v>324317.91320000001</v>
      </c>
      <c r="N5767">
        <v>69087.051359999998</v>
      </c>
      <c r="O5767">
        <v>16556.038479999999</v>
      </c>
      <c r="P5767">
        <v>26038.569070000001</v>
      </c>
      <c r="Q5767">
        <v>97508.189329999994</v>
      </c>
      <c r="R5767">
        <v>16946.195909999999</v>
      </c>
      <c r="S5767">
        <v>73202.337509999998</v>
      </c>
      <c r="T5767">
        <v>18151.567129999999</v>
      </c>
      <c r="U5767">
        <v>16499.623769999998</v>
      </c>
      <c r="W5767" s="83">
        <f>Bühler!N5799</f>
        <v>45532.208333319351</v>
      </c>
      <c r="X5767" s="83">
        <v>43341.208333333336</v>
      </c>
      <c r="Y5767">
        <v>232366.60519999999</v>
      </c>
      <c r="Z5767">
        <v>15288.55488</v>
      </c>
      <c r="AA5767">
        <v>68717.975709999999</v>
      </c>
      <c r="AB5767">
        <v>29062.591840000001</v>
      </c>
      <c r="AC5767">
        <v>35991.93219</v>
      </c>
      <c r="AD5767">
        <v>23678.040249999998</v>
      </c>
      <c r="AE5767">
        <v>39089.68866</v>
      </c>
      <c r="AF5767">
        <v>46930.517570000004</v>
      </c>
      <c r="AG5767">
        <v>17243.798599999998</v>
      </c>
      <c r="AH5767">
        <v>324317.91320000001</v>
      </c>
      <c r="AI5767">
        <v>69087.051359999998</v>
      </c>
      <c r="AJ5767">
        <v>16556.038479999999</v>
      </c>
      <c r="AK5767">
        <v>26038.569070000001</v>
      </c>
      <c r="AL5767">
        <v>97508.189329999994</v>
      </c>
      <c r="AM5767">
        <v>16946.195909999999</v>
      </c>
      <c r="AN5767">
        <v>73202.337509999998</v>
      </c>
      <c r="AO5767">
        <v>18151.567129999999</v>
      </c>
      <c r="AP5767">
        <v>16499.623769999998</v>
      </c>
    </row>
    <row r="5768" spans="2:42" x14ac:dyDescent="0.3">
      <c r="B5768">
        <v>66.775948464810938</v>
      </c>
      <c r="C5768" s="83">
        <v>43341.25</v>
      </c>
      <c r="D5768">
        <v>246366.6643</v>
      </c>
      <c r="E5768">
        <v>19043.316050000001</v>
      </c>
      <c r="F5768">
        <v>79600.512659999993</v>
      </c>
      <c r="G5768">
        <v>33669.598149999998</v>
      </c>
      <c r="H5768">
        <v>38851.545639999997</v>
      </c>
      <c r="I5768">
        <v>28773.727040000002</v>
      </c>
      <c r="J5768">
        <v>43015.501779999999</v>
      </c>
      <c r="K5768">
        <v>48029.745020000002</v>
      </c>
      <c r="L5768">
        <v>19110.327229999999</v>
      </c>
      <c r="M5768">
        <v>340454.92570000002</v>
      </c>
      <c r="N5768">
        <v>71220.563510000007</v>
      </c>
      <c r="O5768">
        <v>18395.739959999999</v>
      </c>
      <c r="P5768">
        <v>26444.606940000001</v>
      </c>
      <c r="Q5768">
        <v>97807.813330000004</v>
      </c>
      <c r="R5768">
        <v>18126.12095</v>
      </c>
      <c r="S5768">
        <v>81592.953460000004</v>
      </c>
      <c r="T5768">
        <v>19827.468499999999</v>
      </c>
      <c r="U5768">
        <v>18833.864839999998</v>
      </c>
      <c r="W5768" s="83">
        <f>Bühler!N5800</f>
        <v>45532.249999986016</v>
      </c>
      <c r="X5768" s="83">
        <v>43341.25</v>
      </c>
      <c r="Y5768">
        <v>246366.6643</v>
      </c>
      <c r="Z5768">
        <v>19043.316050000001</v>
      </c>
      <c r="AA5768">
        <v>79600.512659999993</v>
      </c>
      <c r="AB5768">
        <v>33669.598149999998</v>
      </c>
      <c r="AC5768">
        <v>38851.545639999997</v>
      </c>
      <c r="AD5768">
        <v>28773.727040000002</v>
      </c>
      <c r="AE5768">
        <v>43015.501779999999</v>
      </c>
      <c r="AF5768">
        <v>48029.745020000002</v>
      </c>
      <c r="AG5768">
        <v>19110.327229999999</v>
      </c>
      <c r="AH5768">
        <v>340454.92570000002</v>
      </c>
      <c r="AI5768">
        <v>71220.563510000007</v>
      </c>
      <c r="AJ5768">
        <v>18395.739959999999</v>
      </c>
      <c r="AK5768">
        <v>26444.606940000001</v>
      </c>
      <c r="AL5768">
        <v>97807.813330000004</v>
      </c>
      <c r="AM5768">
        <v>18126.12095</v>
      </c>
      <c r="AN5768">
        <v>81592.953460000004</v>
      </c>
      <c r="AO5768">
        <v>19827.468499999999</v>
      </c>
      <c r="AP5768">
        <v>18833.864839999998</v>
      </c>
    </row>
    <row r="5769" spans="2:42" x14ac:dyDescent="0.3">
      <c r="B5769">
        <v>68.457357917189867</v>
      </c>
      <c r="C5769" s="83">
        <v>43341.291666666664</v>
      </c>
      <c r="D5769">
        <v>257522.70189999999</v>
      </c>
      <c r="E5769">
        <v>22704.841349999999</v>
      </c>
      <c r="F5769">
        <v>82596.466320000007</v>
      </c>
      <c r="G5769">
        <v>39229.385770000001</v>
      </c>
      <c r="H5769">
        <v>42353.125659999998</v>
      </c>
      <c r="I5769">
        <v>33841.257599999997</v>
      </c>
      <c r="J5769">
        <v>43129.351119999999</v>
      </c>
      <c r="K5769">
        <v>52802.34188</v>
      </c>
      <c r="L5769">
        <v>21779.013040000002</v>
      </c>
      <c r="M5769">
        <v>349027.53519999998</v>
      </c>
      <c r="N5769">
        <v>77800.892139999996</v>
      </c>
      <c r="O5769">
        <v>20633.638070000001</v>
      </c>
      <c r="P5769">
        <v>30037.635180000001</v>
      </c>
      <c r="Q5769">
        <v>97961.985549999998</v>
      </c>
      <c r="R5769">
        <v>18913.07764</v>
      </c>
      <c r="S5769">
        <v>94477.119720000002</v>
      </c>
      <c r="T5769">
        <v>23754.979589999999</v>
      </c>
      <c r="U5769">
        <v>22066.64918</v>
      </c>
      <c r="W5769" s="83">
        <f>Bühler!N5801</f>
        <v>45532.29166665268</v>
      </c>
      <c r="X5769" s="83">
        <v>43341.291666666664</v>
      </c>
      <c r="Y5769">
        <v>257522.70189999999</v>
      </c>
      <c r="Z5769">
        <v>22704.841349999999</v>
      </c>
      <c r="AA5769">
        <v>82596.466320000007</v>
      </c>
      <c r="AB5769">
        <v>39229.385770000001</v>
      </c>
      <c r="AC5769">
        <v>42353.125659999998</v>
      </c>
      <c r="AD5769">
        <v>33841.257599999997</v>
      </c>
      <c r="AE5769">
        <v>43129.351119999999</v>
      </c>
      <c r="AF5769">
        <v>52802.34188</v>
      </c>
      <c r="AG5769">
        <v>21779.013040000002</v>
      </c>
      <c r="AH5769">
        <v>349027.53519999998</v>
      </c>
      <c r="AI5769">
        <v>77800.892139999996</v>
      </c>
      <c r="AJ5769">
        <v>20633.638070000001</v>
      </c>
      <c r="AK5769">
        <v>30037.635180000001</v>
      </c>
      <c r="AL5769">
        <v>97961.985549999998</v>
      </c>
      <c r="AM5769">
        <v>18913.07764</v>
      </c>
      <c r="AN5769">
        <v>94477.119720000002</v>
      </c>
      <c r="AO5769">
        <v>23754.979589999999</v>
      </c>
      <c r="AP5769">
        <v>22066.64918</v>
      </c>
    </row>
    <row r="5770" spans="2:42" x14ac:dyDescent="0.3">
      <c r="B5770">
        <v>69.746884543245457</v>
      </c>
      <c r="C5770" s="83">
        <v>43341.333333333336</v>
      </c>
      <c r="D5770">
        <v>268560.9742</v>
      </c>
      <c r="E5770">
        <v>28191.811720000002</v>
      </c>
      <c r="F5770">
        <v>89336.043340000004</v>
      </c>
      <c r="G5770">
        <v>44733.004110000002</v>
      </c>
      <c r="H5770">
        <v>46026.941180000002</v>
      </c>
      <c r="I5770">
        <v>37108.07518</v>
      </c>
      <c r="J5770">
        <v>46055.409010000003</v>
      </c>
      <c r="K5770">
        <v>57098.325120000001</v>
      </c>
      <c r="L5770">
        <v>24946.879659999999</v>
      </c>
      <c r="M5770">
        <v>355602.1433</v>
      </c>
      <c r="N5770">
        <v>85298.259569999995</v>
      </c>
      <c r="O5770">
        <v>22528.660019999999</v>
      </c>
      <c r="P5770">
        <v>33077.326860000001</v>
      </c>
      <c r="Q5770">
        <v>98741.130699999994</v>
      </c>
      <c r="R5770">
        <v>21455.360290000001</v>
      </c>
      <c r="S5770">
        <v>104028.7032</v>
      </c>
      <c r="T5770">
        <v>26143.738000000001</v>
      </c>
      <c r="U5770">
        <v>24477.845740000001</v>
      </c>
      <c r="W5770" s="83">
        <f>Bühler!N5802</f>
        <v>45532.333333319344</v>
      </c>
      <c r="X5770" s="83">
        <v>43341.333333333336</v>
      </c>
      <c r="Y5770">
        <v>268560.9742</v>
      </c>
      <c r="Z5770">
        <v>28191.811720000002</v>
      </c>
      <c r="AA5770">
        <v>89336.043340000004</v>
      </c>
      <c r="AB5770">
        <v>44733.004110000002</v>
      </c>
      <c r="AC5770">
        <v>46026.941180000002</v>
      </c>
      <c r="AD5770">
        <v>37108.07518</v>
      </c>
      <c r="AE5770">
        <v>46055.409010000003</v>
      </c>
      <c r="AF5770">
        <v>57098.325120000001</v>
      </c>
      <c r="AG5770">
        <v>24946.879659999999</v>
      </c>
      <c r="AH5770">
        <v>355602.1433</v>
      </c>
      <c r="AI5770">
        <v>85298.259569999995</v>
      </c>
      <c r="AJ5770">
        <v>22528.660019999999</v>
      </c>
      <c r="AK5770">
        <v>33077.326860000001</v>
      </c>
      <c r="AL5770">
        <v>98741.130699999994</v>
      </c>
      <c r="AM5770">
        <v>21455.360290000001</v>
      </c>
      <c r="AN5770">
        <v>104028.7032</v>
      </c>
      <c r="AO5770">
        <v>26143.738000000001</v>
      </c>
      <c r="AP5770">
        <v>24477.845740000001</v>
      </c>
    </row>
    <row r="5771" spans="2:42" x14ac:dyDescent="0.3">
      <c r="B5771">
        <v>70.685843982990207</v>
      </c>
      <c r="C5771" s="83">
        <v>43341.375</v>
      </c>
      <c r="D5771">
        <v>271298.43770000001</v>
      </c>
      <c r="E5771">
        <v>33047.454449999997</v>
      </c>
      <c r="F5771">
        <v>96714.406019999995</v>
      </c>
      <c r="G5771">
        <v>48916.48444</v>
      </c>
      <c r="H5771">
        <v>48753.20923</v>
      </c>
      <c r="I5771">
        <v>36957.277670000003</v>
      </c>
      <c r="J5771">
        <v>48557.15799</v>
      </c>
      <c r="K5771">
        <v>60227.14112</v>
      </c>
      <c r="L5771">
        <v>28605.588019999999</v>
      </c>
      <c r="M5771">
        <v>360389.39640000003</v>
      </c>
      <c r="N5771">
        <v>90376.423729999995</v>
      </c>
      <c r="O5771">
        <v>23795.358929999999</v>
      </c>
      <c r="P5771">
        <v>36269.164579999997</v>
      </c>
      <c r="Q5771">
        <v>102140.0738</v>
      </c>
      <c r="R5771">
        <v>22963.177029999999</v>
      </c>
      <c r="S5771">
        <v>110867.66439999999</v>
      </c>
      <c r="T5771">
        <v>28951.92238</v>
      </c>
      <c r="U5771">
        <v>24744.038759999999</v>
      </c>
      <c r="W5771" s="83">
        <f>Bühler!N5803</f>
        <v>45532.374999986008</v>
      </c>
      <c r="X5771" s="83">
        <v>43341.375</v>
      </c>
      <c r="Y5771">
        <v>271298.43770000001</v>
      </c>
      <c r="Z5771">
        <v>33047.454449999997</v>
      </c>
      <c r="AA5771">
        <v>96714.406019999995</v>
      </c>
      <c r="AB5771">
        <v>48916.48444</v>
      </c>
      <c r="AC5771">
        <v>48753.20923</v>
      </c>
      <c r="AD5771">
        <v>36957.277670000003</v>
      </c>
      <c r="AE5771">
        <v>48557.15799</v>
      </c>
      <c r="AF5771">
        <v>60227.14112</v>
      </c>
      <c r="AG5771">
        <v>28605.588019999999</v>
      </c>
      <c r="AH5771">
        <v>360389.39640000003</v>
      </c>
      <c r="AI5771">
        <v>90376.423729999995</v>
      </c>
      <c r="AJ5771">
        <v>23795.358929999999</v>
      </c>
      <c r="AK5771">
        <v>36269.164579999997</v>
      </c>
      <c r="AL5771">
        <v>102140.0738</v>
      </c>
      <c r="AM5771">
        <v>22963.177029999999</v>
      </c>
      <c r="AN5771">
        <v>110867.66439999999</v>
      </c>
      <c r="AO5771">
        <v>28951.92238</v>
      </c>
      <c r="AP5771">
        <v>24744.038759999999</v>
      </c>
    </row>
    <row r="5772" spans="2:42" x14ac:dyDescent="0.3">
      <c r="B5772">
        <v>71.875580776991143</v>
      </c>
      <c r="C5772" s="83">
        <v>43341.416666666664</v>
      </c>
      <c r="D5772">
        <v>274915.03619999997</v>
      </c>
      <c r="E5772">
        <v>35315.46471</v>
      </c>
      <c r="F5772">
        <v>99329.238020000004</v>
      </c>
      <c r="G5772">
        <v>50784.045140000002</v>
      </c>
      <c r="H5772">
        <v>50073.554539999997</v>
      </c>
      <c r="I5772">
        <v>35325.799760000002</v>
      </c>
      <c r="J5772">
        <v>49516.501579999996</v>
      </c>
      <c r="K5772">
        <v>62056.247300000003</v>
      </c>
      <c r="L5772">
        <v>32296.16534</v>
      </c>
      <c r="M5772">
        <v>366455.22940000001</v>
      </c>
      <c r="N5772">
        <v>92202.048200000005</v>
      </c>
      <c r="O5772">
        <v>25262.602940000001</v>
      </c>
      <c r="P5772">
        <v>38293.656690000003</v>
      </c>
      <c r="Q5772">
        <v>103024.40150000001</v>
      </c>
      <c r="R5772">
        <v>24129.928680000001</v>
      </c>
      <c r="S5772">
        <v>114528.6431</v>
      </c>
      <c r="T5772">
        <v>30476.02231</v>
      </c>
      <c r="U5772">
        <v>24577.893690000001</v>
      </c>
      <c r="W5772" s="83">
        <f>Bühler!N5804</f>
        <v>45532.416666652673</v>
      </c>
      <c r="X5772" s="83">
        <v>43341.416666666664</v>
      </c>
      <c r="Y5772">
        <v>274915.03619999997</v>
      </c>
      <c r="Z5772">
        <v>35315.46471</v>
      </c>
      <c r="AA5772">
        <v>99329.238020000004</v>
      </c>
      <c r="AB5772">
        <v>50784.045140000002</v>
      </c>
      <c r="AC5772">
        <v>50073.554539999997</v>
      </c>
      <c r="AD5772">
        <v>35325.799760000002</v>
      </c>
      <c r="AE5772">
        <v>49516.501579999996</v>
      </c>
      <c r="AF5772">
        <v>62056.247300000003</v>
      </c>
      <c r="AG5772">
        <v>32296.16534</v>
      </c>
      <c r="AH5772">
        <v>366455.22940000001</v>
      </c>
      <c r="AI5772">
        <v>92202.048200000005</v>
      </c>
      <c r="AJ5772">
        <v>25262.602940000001</v>
      </c>
      <c r="AK5772">
        <v>38293.656690000003</v>
      </c>
      <c r="AL5772">
        <v>103024.40150000001</v>
      </c>
      <c r="AM5772">
        <v>24129.928680000001</v>
      </c>
      <c r="AN5772">
        <v>114528.6431</v>
      </c>
      <c r="AO5772">
        <v>30476.02231</v>
      </c>
      <c r="AP5772">
        <v>24577.893690000001</v>
      </c>
    </row>
    <row r="5773" spans="2:42" x14ac:dyDescent="0.3">
      <c r="B5773">
        <v>72.481681747898946</v>
      </c>
      <c r="C5773" s="83">
        <v>43341.458333333336</v>
      </c>
      <c r="D5773">
        <v>275949.37439999997</v>
      </c>
      <c r="E5773">
        <v>35768.048840000003</v>
      </c>
      <c r="F5773">
        <v>102485.99370000001</v>
      </c>
      <c r="G5773">
        <v>50078.181729999997</v>
      </c>
      <c r="H5773">
        <v>50499.687440000002</v>
      </c>
      <c r="I5773">
        <v>35546.078090000003</v>
      </c>
      <c r="J5773">
        <v>50220.928650000002</v>
      </c>
      <c r="K5773">
        <v>63783.116679999999</v>
      </c>
      <c r="L5773">
        <v>35040.439299999998</v>
      </c>
      <c r="M5773">
        <v>369545.41480000003</v>
      </c>
      <c r="N5773">
        <v>93409.575190000003</v>
      </c>
      <c r="O5773">
        <v>25144.837100000001</v>
      </c>
      <c r="P5773">
        <v>37572.365550000002</v>
      </c>
      <c r="Q5773">
        <v>104898.9394</v>
      </c>
      <c r="R5773">
        <v>25607.673340000001</v>
      </c>
      <c r="S5773">
        <v>117598.1115</v>
      </c>
      <c r="T5773">
        <v>31259.622909999998</v>
      </c>
      <c r="U5773">
        <v>24777.924559999999</v>
      </c>
      <c r="W5773" s="83">
        <f>Bühler!N5805</f>
        <v>45532.458333319337</v>
      </c>
      <c r="X5773" s="83">
        <v>43341.458333333336</v>
      </c>
      <c r="Y5773">
        <v>275949.37439999997</v>
      </c>
      <c r="Z5773">
        <v>35768.048840000003</v>
      </c>
      <c r="AA5773">
        <v>102485.99370000001</v>
      </c>
      <c r="AB5773">
        <v>50078.181729999997</v>
      </c>
      <c r="AC5773">
        <v>50499.687440000002</v>
      </c>
      <c r="AD5773">
        <v>35546.078090000003</v>
      </c>
      <c r="AE5773">
        <v>50220.928650000002</v>
      </c>
      <c r="AF5773">
        <v>63783.116679999999</v>
      </c>
      <c r="AG5773">
        <v>35040.439299999998</v>
      </c>
      <c r="AH5773">
        <v>369545.41480000003</v>
      </c>
      <c r="AI5773">
        <v>93409.575190000003</v>
      </c>
      <c r="AJ5773">
        <v>25144.837100000001</v>
      </c>
      <c r="AK5773">
        <v>37572.365550000002</v>
      </c>
      <c r="AL5773">
        <v>104898.9394</v>
      </c>
      <c r="AM5773">
        <v>25607.673340000001</v>
      </c>
      <c r="AN5773">
        <v>117598.1115</v>
      </c>
      <c r="AO5773">
        <v>31259.622909999998</v>
      </c>
      <c r="AP5773">
        <v>24777.924559999999</v>
      </c>
    </row>
    <row r="5774" spans="2:42" x14ac:dyDescent="0.3">
      <c r="B5774">
        <v>71.350818285576182</v>
      </c>
      <c r="C5774" s="83">
        <v>43341.5</v>
      </c>
      <c r="D5774">
        <v>267343.07579999999</v>
      </c>
      <c r="E5774">
        <v>32415.244790000001</v>
      </c>
      <c r="F5774">
        <v>96940.57015</v>
      </c>
      <c r="G5774">
        <v>47222.573530000001</v>
      </c>
      <c r="H5774">
        <v>49743.853880000002</v>
      </c>
      <c r="I5774">
        <v>34433.789680000002</v>
      </c>
      <c r="J5774">
        <v>51389.330629999997</v>
      </c>
      <c r="K5774">
        <v>60971.751600000003</v>
      </c>
      <c r="L5774">
        <v>37064.38205</v>
      </c>
      <c r="M5774">
        <v>363779.74550000002</v>
      </c>
      <c r="N5774">
        <v>94382.299289999995</v>
      </c>
      <c r="O5774">
        <v>24512.628209999999</v>
      </c>
      <c r="P5774">
        <v>38840.023079999999</v>
      </c>
      <c r="Q5774">
        <v>105996.2873</v>
      </c>
      <c r="R5774">
        <v>25903.286530000001</v>
      </c>
      <c r="S5774">
        <v>113468.20510000001</v>
      </c>
      <c r="T5774">
        <v>30598.10802</v>
      </c>
      <c r="U5774">
        <v>21232.574860000001</v>
      </c>
      <c r="W5774" s="83">
        <f>Bühler!N5806</f>
        <v>45532.499999986001</v>
      </c>
      <c r="X5774" s="83">
        <v>43341.5</v>
      </c>
      <c r="Y5774">
        <v>267343.07579999999</v>
      </c>
      <c r="Z5774">
        <v>32415.244790000001</v>
      </c>
      <c r="AA5774">
        <v>96940.57015</v>
      </c>
      <c r="AB5774">
        <v>47222.573530000001</v>
      </c>
      <c r="AC5774">
        <v>49743.853880000002</v>
      </c>
      <c r="AD5774">
        <v>34433.789680000002</v>
      </c>
      <c r="AE5774">
        <v>51389.330629999997</v>
      </c>
      <c r="AF5774">
        <v>60971.751600000003</v>
      </c>
      <c r="AG5774">
        <v>37064.38205</v>
      </c>
      <c r="AH5774">
        <v>363779.74550000002</v>
      </c>
      <c r="AI5774">
        <v>94382.299289999995</v>
      </c>
      <c r="AJ5774">
        <v>24512.628209999999</v>
      </c>
      <c r="AK5774">
        <v>38840.023079999999</v>
      </c>
      <c r="AL5774">
        <v>105996.2873</v>
      </c>
      <c r="AM5774">
        <v>25903.286530000001</v>
      </c>
      <c r="AN5774">
        <v>113468.20510000001</v>
      </c>
      <c r="AO5774">
        <v>30598.10802</v>
      </c>
      <c r="AP5774">
        <v>21232.574860000001</v>
      </c>
    </row>
    <row r="5775" spans="2:42" x14ac:dyDescent="0.3">
      <c r="B5775">
        <v>71.157063686890112</v>
      </c>
      <c r="C5775" s="83">
        <v>43341.541666666664</v>
      </c>
      <c r="D5775">
        <v>269421.3357</v>
      </c>
      <c r="E5775">
        <v>33182.237240000002</v>
      </c>
      <c r="F5775">
        <v>94195.530029999994</v>
      </c>
      <c r="G5775">
        <v>45874.92383</v>
      </c>
      <c r="H5775">
        <v>49529.67613</v>
      </c>
      <c r="I5775">
        <v>34376.32359</v>
      </c>
      <c r="J5775">
        <v>50335.021269999997</v>
      </c>
      <c r="K5775">
        <v>62515.659399999997</v>
      </c>
      <c r="L5775">
        <v>36272.60226</v>
      </c>
      <c r="M5775">
        <v>362791.89419999998</v>
      </c>
      <c r="N5775">
        <v>96219.710030000002</v>
      </c>
      <c r="O5775">
        <v>25315.287759999999</v>
      </c>
      <c r="P5775">
        <v>38294.815820000003</v>
      </c>
      <c r="Q5775">
        <v>105381.7219</v>
      </c>
      <c r="R5775">
        <v>26268.96718</v>
      </c>
      <c r="S5775">
        <v>114406.8382</v>
      </c>
      <c r="T5775">
        <v>30809.445090000001</v>
      </c>
      <c r="U5775">
        <v>23267.188460000001</v>
      </c>
      <c r="W5775" s="83">
        <f>Bühler!N5807</f>
        <v>45532.541666652665</v>
      </c>
      <c r="X5775" s="83">
        <v>43341.541666666664</v>
      </c>
      <c r="Y5775">
        <v>269421.3357</v>
      </c>
      <c r="Z5775">
        <v>33182.237240000002</v>
      </c>
      <c r="AA5775">
        <v>94195.530029999994</v>
      </c>
      <c r="AB5775">
        <v>45874.92383</v>
      </c>
      <c r="AC5775">
        <v>49529.67613</v>
      </c>
      <c r="AD5775">
        <v>34376.32359</v>
      </c>
      <c r="AE5775">
        <v>50335.021269999997</v>
      </c>
      <c r="AF5775">
        <v>62515.659399999997</v>
      </c>
      <c r="AG5775">
        <v>36272.60226</v>
      </c>
      <c r="AH5775">
        <v>362791.89419999998</v>
      </c>
      <c r="AI5775">
        <v>96219.710030000002</v>
      </c>
      <c r="AJ5775">
        <v>25315.287759999999</v>
      </c>
      <c r="AK5775">
        <v>38294.815820000003</v>
      </c>
      <c r="AL5775">
        <v>105381.7219</v>
      </c>
      <c r="AM5775">
        <v>26268.96718</v>
      </c>
      <c r="AN5775">
        <v>114406.8382</v>
      </c>
      <c r="AO5775">
        <v>30809.445090000001</v>
      </c>
      <c r="AP5775">
        <v>23267.188460000001</v>
      </c>
    </row>
    <row r="5776" spans="2:42" x14ac:dyDescent="0.3">
      <c r="B5776">
        <v>71.14950863064054</v>
      </c>
      <c r="C5776" s="83">
        <v>43341.583333333336</v>
      </c>
      <c r="D5776">
        <v>271111.1985</v>
      </c>
      <c r="E5776">
        <v>36209.588920000002</v>
      </c>
      <c r="F5776">
        <v>103549.29670000001</v>
      </c>
      <c r="G5776">
        <v>45698.698680000001</v>
      </c>
      <c r="H5776">
        <v>50207.471570000002</v>
      </c>
      <c r="I5776">
        <v>35149.068780000001</v>
      </c>
      <c r="J5776">
        <v>49625.9</v>
      </c>
      <c r="K5776">
        <v>64736.682970000002</v>
      </c>
      <c r="L5776">
        <v>33522.733110000001</v>
      </c>
      <c r="M5776">
        <v>362753.375</v>
      </c>
      <c r="N5776">
        <v>99315.284820000001</v>
      </c>
      <c r="O5776">
        <v>25452.647649999999</v>
      </c>
      <c r="P5776">
        <v>34827.803310000003</v>
      </c>
      <c r="Q5776">
        <v>104418.2115</v>
      </c>
      <c r="R5776">
        <v>25894.685109999999</v>
      </c>
      <c r="S5776">
        <v>112345.5961</v>
      </c>
      <c r="T5776">
        <v>30199.228070000001</v>
      </c>
      <c r="U5776">
        <v>23317.86377</v>
      </c>
      <c r="W5776" s="83">
        <f>Bühler!N5808</f>
        <v>45532.58333331933</v>
      </c>
      <c r="X5776" s="83">
        <v>43341.583333333336</v>
      </c>
      <c r="Y5776">
        <v>271111.1985</v>
      </c>
      <c r="Z5776">
        <v>36209.588920000002</v>
      </c>
      <c r="AA5776">
        <v>103549.29670000001</v>
      </c>
      <c r="AB5776">
        <v>45698.698680000001</v>
      </c>
      <c r="AC5776">
        <v>50207.471570000002</v>
      </c>
      <c r="AD5776">
        <v>35149.068780000001</v>
      </c>
      <c r="AE5776">
        <v>49625.9</v>
      </c>
      <c r="AF5776">
        <v>64736.682970000002</v>
      </c>
      <c r="AG5776">
        <v>33522.733110000001</v>
      </c>
      <c r="AH5776">
        <v>362753.375</v>
      </c>
      <c r="AI5776">
        <v>99315.284820000001</v>
      </c>
      <c r="AJ5776">
        <v>25452.647649999999</v>
      </c>
      <c r="AK5776">
        <v>34827.803310000003</v>
      </c>
      <c r="AL5776">
        <v>104418.2115</v>
      </c>
      <c r="AM5776">
        <v>25894.685109999999</v>
      </c>
      <c r="AN5776">
        <v>112345.5961</v>
      </c>
      <c r="AO5776">
        <v>30199.228070000001</v>
      </c>
      <c r="AP5776">
        <v>23317.86377</v>
      </c>
    </row>
    <row r="5777" spans="2:42" x14ac:dyDescent="0.3">
      <c r="B5777">
        <v>70.159975786521613</v>
      </c>
      <c r="C5777" s="83">
        <v>43341.625</v>
      </c>
      <c r="D5777">
        <v>267278.14069999999</v>
      </c>
      <c r="E5777">
        <v>36359.360520000002</v>
      </c>
      <c r="F5777">
        <v>107279.11079999999</v>
      </c>
      <c r="G5777">
        <v>44675.09605</v>
      </c>
      <c r="H5777">
        <v>49385.328840000002</v>
      </c>
      <c r="I5777">
        <v>35473.623489999998</v>
      </c>
      <c r="J5777">
        <v>50259.800490000001</v>
      </c>
      <c r="K5777">
        <v>63808.649060000003</v>
      </c>
      <c r="L5777">
        <v>30721.088769999998</v>
      </c>
      <c r="M5777">
        <v>357708.27510000003</v>
      </c>
      <c r="N5777">
        <v>97819.855689999997</v>
      </c>
      <c r="O5777">
        <v>24822.295770000001</v>
      </c>
      <c r="P5777">
        <v>32241.134740000001</v>
      </c>
      <c r="Q5777">
        <v>104842.1985</v>
      </c>
      <c r="R5777">
        <v>25617.062330000001</v>
      </c>
      <c r="S5777">
        <v>111333.459</v>
      </c>
      <c r="T5777">
        <v>30041.3711</v>
      </c>
      <c r="U5777">
        <v>23199.286390000001</v>
      </c>
      <c r="W5777" s="83">
        <f>Bühler!N5809</f>
        <v>45532.624999985994</v>
      </c>
      <c r="X5777" s="83">
        <v>43341.625</v>
      </c>
      <c r="Y5777">
        <v>267278.14069999999</v>
      </c>
      <c r="Z5777">
        <v>36359.360520000002</v>
      </c>
      <c r="AA5777">
        <v>107279.11079999999</v>
      </c>
      <c r="AB5777">
        <v>44675.09605</v>
      </c>
      <c r="AC5777">
        <v>49385.328840000002</v>
      </c>
      <c r="AD5777">
        <v>35473.623489999998</v>
      </c>
      <c r="AE5777">
        <v>50259.800490000001</v>
      </c>
      <c r="AF5777">
        <v>63808.649060000003</v>
      </c>
      <c r="AG5777">
        <v>30721.088769999998</v>
      </c>
      <c r="AH5777">
        <v>357708.27510000003</v>
      </c>
      <c r="AI5777">
        <v>97819.855689999997</v>
      </c>
      <c r="AJ5777">
        <v>24822.295770000001</v>
      </c>
      <c r="AK5777">
        <v>32241.134740000001</v>
      </c>
      <c r="AL5777">
        <v>104842.1985</v>
      </c>
      <c r="AM5777">
        <v>25617.062330000001</v>
      </c>
      <c r="AN5777">
        <v>111333.459</v>
      </c>
      <c r="AO5777">
        <v>30041.3711</v>
      </c>
      <c r="AP5777">
        <v>23199.286390000001</v>
      </c>
    </row>
    <row r="5778" spans="2:42" x14ac:dyDescent="0.3">
      <c r="B5778">
        <v>69.011415492652162</v>
      </c>
      <c r="C5778" s="83">
        <v>43341.666666666664</v>
      </c>
      <c r="D5778">
        <v>259316.16450000001</v>
      </c>
      <c r="E5778">
        <v>35989.137600000002</v>
      </c>
      <c r="F5778">
        <v>106124.37729999999</v>
      </c>
      <c r="G5778">
        <v>43216.017229999998</v>
      </c>
      <c r="H5778">
        <v>48506.92815</v>
      </c>
      <c r="I5778">
        <v>36007.053950000001</v>
      </c>
      <c r="J5778">
        <v>50998.396710000001</v>
      </c>
      <c r="K5778">
        <v>60567.922789999997</v>
      </c>
      <c r="L5778">
        <v>29889.092359999999</v>
      </c>
      <c r="M5778">
        <v>351852.37910000002</v>
      </c>
      <c r="N5778">
        <v>96112.705719999998</v>
      </c>
      <c r="O5778">
        <v>24984.20781</v>
      </c>
      <c r="P5778">
        <v>31530.309600000001</v>
      </c>
      <c r="Q5778">
        <v>103228.9281</v>
      </c>
      <c r="R5778">
        <v>25457.93015</v>
      </c>
      <c r="S5778">
        <v>108632.83259999999</v>
      </c>
      <c r="T5778">
        <v>29546.623749999999</v>
      </c>
      <c r="U5778">
        <v>21871.113120000002</v>
      </c>
      <c r="W5778" s="83">
        <f>Bühler!N5810</f>
        <v>45532.666666652658</v>
      </c>
      <c r="X5778" s="83">
        <v>43341.666666666664</v>
      </c>
      <c r="Y5778">
        <v>259316.16450000001</v>
      </c>
      <c r="Z5778">
        <v>35989.137600000002</v>
      </c>
      <c r="AA5778">
        <v>106124.37729999999</v>
      </c>
      <c r="AB5778">
        <v>43216.017229999998</v>
      </c>
      <c r="AC5778">
        <v>48506.92815</v>
      </c>
      <c r="AD5778">
        <v>36007.053950000001</v>
      </c>
      <c r="AE5778">
        <v>50998.396710000001</v>
      </c>
      <c r="AF5778">
        <v>60567.922789999997</v>
      </c>
      <c r="AG5778">
        <v>29889.092359999999</v>
      </c>
      <c r="AH5778">
        <v>351852.37910000002</v>
      </c>
      <c r="AI5778">
        <v>96112.705719999998</v>
      </c>
      <c r="AJ5778">
        <v>24984.20781</v>
      </c>
      <c r="AK5778">
        <v>31530.309600000001</v>
      </c>
      <c r="AL5778">
        <v>103228.9281</v>
      </c>
      <c r="AM5778">
        <v>25457.93015</v>
      </c>
      <c r="AN5778">
        <v>108632.83259999999</v>
      </c>
      <c r="AO5778">
        <v>29546.623749999999</v>
      </c>
      <c r="AP5778">
        <v>21871.113120000002</v>
      </c>
    </row>
    <row r="5779" spans="2:42" x14ac:dyDescent="0.3">
      <c r="B5779">
        <v>67.636473337535136</v>
      </c>
      <c r="C5779" s="83">
        <v>43341.708333333336</v>
      </c>
      <c r="D5779">
        <v>252740.0724</v>
      </c>
      <c r="E5779">
        <v>33769.562559999998</v>
      </c>
      <c r="F5779">
        <v>105140.64659999999</v>
      </c>
      <c r="G5779">
        <v>40407.26238</v>
      </c>
      <c r="H5779">
        <v>46418.244550000003</v>
      </c>
      <c r="I5779">
        <v>36470.531499999997</v>
      </c>
      <c r="J5779">
        <v>50054.262649999997</v>
      </c>
      <c r="K5779">
        <v>56296.679810000001</v>
      </c>
      <c r="L5779">
        <v>31138.5285</v>
      </c>
      <c r="M5779">
        <v>344842.28279999999</v>
      </c>
      <c r="N5779">
        <v>93497.777480000004</v>
      </c>
      <c r="O5779">
        <v>24368.9882</v>
      </c>
      <c r="P5779">
        <v>33185.722979999999</v>
      </c>
      <c r="Q5779">
        <v>101601.1918</v>
      </c>
      <c r="R5779">
        <v>25190.391960000001</v>
      </c>
      <c r="S5779">
        <v>105623.164</v>
      </c>
      <c r="T5779">
        <v>28746.72121</v>
      </c>
      <c r="U5779">
        <v>20523.88377</v>
      </c>
      <c r="W5779" s="83">
        <f>Bühler!N5811</f>
        <v>45532.708333319322</v>
      </c>
      <c r="X5779" s="83">
        <v>43341.708333333336</v>
      </c>
      <c r="Y5779">
        <v>252740.0724</v>
      </c>
      <c r="Z5779">
        <v>33769.562559999998</v>
      </c>
      <c r="AA5779">
        <v>105140.64659999999</v>
      </c>
      <c r="AB5779">
        <v>40407.26238</v>
      </c>
      <c r="AC5779">
        <v>46418.244550000003</v>
      </c>
      <c r="AD5779">
        <v>36470.531499999997</v>
      </c>
      <c r="AE5779">
        <v>50054.262649999997</v>
      </c>
      <c r="AF5779">
        <v>56296.679810000001</v>
      </c>
      <c r="AG5779">
        <v>31138.5285</v>
      </c>
      <c r="AH5779">
        <v>344842.28279999999</v>
      </c>
      <c r="AI5779">
        <v>93497.777480000004</v>
      </c>
      <c r="AJ5779">
        <v>24368.9882</v>
      </c>
      <c r="AK5779">
        <v>33185.722979999999</v>
      </c>
      <c r="AL5779">
        <v>101601.1918</v>
      </c>
      <c r="AM5779">
        <v>25190.391960000001</v>
      </c>
      <c r="AN5779">
        <v>105623.164</v>
      </c>
      <c r="AO5779">
        <v>28746.72121</v>
      </c>
      <c r="AP5779">
        <v>20523.88377</v>
      </c>
    </row>
    <row r="5780" spans="2:42" x14ac:dyDescent="0.3">
      <c r="B5780">
        <v>66.438914250059028</v>
      </c>
      <c r="C5780" s="83">
        <v>43341.75</v>
      </c>
      <c r="D5780">
        <v>246556.90580000001</v>
      </c>
      <c r="E5780">
        <v>30724.071</v>
      </c>
      <c r="F5780">
        <v>101400.9613</v>
      </c>
      <c r="G5780">
        <v>36806.468229999999</v>
      </c>
      <c r="H5780">
        <v>43966.881809999999</v>
      </c>
      <c r="I5780">
        <v>35102.193299999999</v>
      </c>
      <c r="J5780">
        <v>50156.276949999999</v>
      </c>
      <c r="K5780">
        <v>54292.233740000003</v>
      </c>
      <c r="L5780">
        <v>31548.654020000002</v>
      </c>
      <c r="M5780">
        <v>338736.56809999997</v>
      </c>
      <c r="N5780">
        <v>90648.136379999996</v>
      </c>
      <c r="O5780">
        <v>23057.05243</v>
      </c>
      <c r="P5780">
        <v>36371.297850000003</v>
      </c>
      <c r="Q5780">
        <v>99519.713199999998</v>
      </c>
      <c r="R5780">
        <v>23892.902600000001</v>
      </c>
      <c r="S5780">
        <v>98903.952430000005</v>
      </c>
      <c r="T5780">
        <v>28631.72365</v>
      </c>
      <c r="U5780">
        <v>18881.853439999999</v>
      </c>
      <c r="W5780" s="83">
        <f>Bühler!N5812</f>
        <v>45532.749999985987</v>
      </c>
      <c r="X5780" s="83">
        <v>43341.75</v>
      </c>
      <c r="Y5780">
        <v>246556.90580000001</v>
      </c>
      <c r="Z5780">
        <v>30724.071</v>
      </c>
      <c r="AA5780">
        <v>101400.9613</v>
      </c>
      <c r="AB5780">
        <v>36806.468229999999</v>
      </c>
      <c r="AC5780">
        <v>43966.881809999999</v>
      </c>
      <c r="AD5780">
        <v>35102.193299999999</v>
      </c>
      <c r="AE5780">
        <v>50156.276949999999</v>
      </c>
      <c r="AF5780">
        <v>54292.233740000003</v>
      </c>
      <c r="AG5780">
        <v>31548.654020000002</v>
      </c>
      <c r="AH5780">
        <v>338736.56809999997</v>
      </c>
      <c r="AI5780">
        <v>90648.136379999996</v>
      </c>
      <c r="AJ5780">
        <v>23057.05243</v>
      </c>
      <c r="AK5780">
        <v>36371.297850000003</v>
      </c>
      <c r="AL5780">
        <v>99519.713199999998</v>
      </c>
      <c r="AM5780">
        <v>23892.902600000001</v>
      </c>
      <c r="AN5780">
        <v>98903.952430000005</v>
      </c>
      <c r="AO5780">
        <v>28631.72365</v>
      </c>
      <c r="AP5780">
        <v>18881.853439999999</v>
      </c>
    </row>
    <row r="5781" spans="2:42" x14ac:dyDescent="0.3">
      <c r="B5781">
        <v>66.030514731390966</v>
      </c>
      <c r="C5781" s="83">
        <v>43341.791666666664</v>
      </c>
      <c r="D5781">
        <v>240986.37270000001</v>
      </c>
      <c r="E5781">
        <v>24919.857220000002</v>
      </c>
      <c r="F5781">
        <v>90309.308910000007</v>
      </c>
      <c r="G5781">
        <v>35050.563349999997</v>
      </c>
      <c r="H5781">
        <v>41622.098109999999</v>
      </c>
      <c r="I5781">
        <v>32604.945889999999</v>
      </c>
      <c r="J5781">
        <v>50084.088049999998</v>
      </c>
      <c r="K5781">
        <v>53164.327219999999</v>
      </c>
      <c r="L5781">
        <v>31318.758580000002</v>
      </c>
      <c r="M5781">
        <v>336654.35690000001</v>
      </c>
      <c r="N5781">
        <v>86044.481629999995</v>
      </c>
      <c r="O5781">
        <v>21598.797139999999</v>
      </c>
      <c r="P5781">
        <v>39479.796750000001</v>
      </c>
      <c r="Q5781">
        <v>96539.855030000006</v>
      </c>
      <c r="R5781">
        <v>22957.783490000002</v>
      </c>
      <c r="S5781">
        <v>94443.696290000007</v>
      </c>
      <c r="T5781">
        <v>27744.93075</v>
      </c>
      <c r="U5781">
        <v>17849.230820000001</v>
      </c>
      <c r="W5781" s="83">
        <f>Bühler!N5813</f>
        <v>45532.791666652651</v>
      </c>
      <c r="X5781" s="83">
        <v>43341.791666666664</v>
      </c>
      <c r="Y5781">
        <v>240986.37270000001</v>
      </c>
      <c r="Z5781">
        <v>24919.857220000002</v>
      </c>
      <c r="AA5781">
        <v>90309.308910000007</v>
      </c>
      <c r="AB5781">
        <v>35050.563349999997</v>
      </c>
      <c r="AC5781">
        <v>41622.098109999999</v>
      </c>
      <c r="AD5781">
        <v>32604.945889999999</v>
      </c>
      <c r="AE5781">
        <v>50084.088049999998</v>
      </c>
      <c r="AF5781">
        <v>53164.327219999999</v>
      </c>
      <c r="AG5781">
        <v>31318.758580000002</v>
      </c>
      <c r="AH5781">
        <v>336654.35690000001</v>
      </c>
      <c r="AI5781">
        <v>86044.481629999995</v>
      </c>
      <c r="AJ5781">
        <v>21598.797139999999</v>
      </c>
      <c r="AK5781">
        <v>39479.796750000001</v>
      </c>
      <c r="AL5781">
        <v>96539.855030000006</v>
      </c>
      <c r="AM5781">
        <v>22957.783490000002</v>
      </c>
      <c r="AN5781">
        <v>94443.696290000007</v>
      </c>
      <c r="AO5781">
        <v>27744.93075</v>
      </c>
      <c r="AP5781">
        <v>17849.230820000001</v>
      </c>
    </row>
    <row r="5782" spans="2:42" x14ac:dyDescent="0.3">
      <c r="B5782">
        <v>63.548360128180249</v>
      </c>
      <c r="C5782" s="83">
        <v>43341.833333333336</v>
      </c>
      <c r="D5782">
        <v>232833.90489999999</v>
      </c>
      <c r="E5782">
        <v>18503.724549999999</v>
      </c>
      <c r="F5782">
        <v>72387.198610000007</v>
      </c>
      <c r="G5782">
        <v>33004.70448</v>
      </c>
      <c r="H5782">
        <v>39687.399850000002</v>
      </c>
      <c r="I5782">
        <v>29498.31912</v>
      </c>
      <c r="J5782">
        <v>49885.979070000001</v>
      </c>
      <c r="K5782">
        <v>53544.135750000001</v>
      </c>
      <c r="L5782">
        <v>31148.755020000001</v>
      </c>
      <c r="M5782">
        <v>323999.1752</v>
      </c>
      <c r="N5782">
        <v>84217.397509999995</v>
      </c>
      <c r="O5782">
        <v>19661.927950000001</v>
      </c>
      <c r="P5782">
        <v>39786.987220000003</v>
      </c>
      <c r="Q5782">
        <v>93040.374209999994</v>
      </c>
      <c r="R5782">
        <v>21472.0769</v>
      </c>
      <c r="S5782">
        <v>86667.153900000005</v>
      </c>
      <c r="T5782">
        <v>26086.038390000002</v>
      </c>
      <c r="U5782">
        <v>17625.751370000002</v>
      </c>
      <c r="W5782" s="83">
        <f>Bühler!N5814</f>
        <v>45532.833333319315</v>
      </c>
      <c r="X5782" s="83">
        <v>43341.833333333336</v>
      </c>
      <c r="Y5782">
        <v>232833.90489999999</v>
      </c>
      <c r="Z5782">
        <v>18503.724549999999</v>
      </c>
      <c r="AA5782">
        <v>72387.198610000007</v>
      </c>
      <c r="AB5782">
        <v>33004.70448</v>
      </c>
      <c r="AC5782">
        <v>39687.399850000002</v>
      </c>
      <c r="AD5782">
        <v>29498.31912</v>
      </c>
      <c r="AE5782">
        <v>49885.979070000001</v>
      </c>
      <c r="AF5782">
        <v>53544.135750000001</v>
      </c>
      <c r="AG5782">
        <v>31148.755020000001</v>
      </c>
      <c r="AH5782">
        <v>323999.1752</v>
      </c>
      <c r="AI5782">
        <v>84217.397509999995</v>
      </c>
      <c r="AJ5782">
        <v>19661.927950000001</v>
      </c>
      <c r="AK5782">
        <v>39786.987220000003</v>
      </c>
      <c r="AL5782">
        <v>93040.374209999994</v>
      </c>
      <c r="AM5782">
        <v>21472.0769</v>
      </c>
      <c r="AN5782">
        <v>86667.153900000005</v>
      </c>
      <c r="AO5782">
        <v>26086.038390000002</v>
      </c>
      <c r="AP5782">
        <v>17625.751370000002</v>
      </c>
    </row>
    <row r="5783" spans="2:42" x14ac:dyDescent="0.3">
      <c r="B5783">
        <v>61.437183241235971</v>
      </c>
      <c r="C5783" s="83">
        <v>43341.875</v>
      </c>
      <c r="D5783">
        <v>224884.01310000001</v>
      </c>
      <c r="E5783">
        <v>15987.03685</v>
      </c>
      <c r="F5783">
        <v>63191.432350000003</v>
      </c>
      <c r="G5783">
        <v>32269.328020000001</v>
      </c>
      <c r="H5783">
        <v>38161.940040000001</v>
      </c>
      <c r="I5783">
        <v>26970.541450000001</v>
      </c>
      <c r="J5783">
        <v>48705.023179999997</v>
      </c>
      <c r="K5783">
        <v>52613.785040000002</v>
      </c>
      <c r="L5783">
        <v>30464.767080000001</v>
      </c>
      <c r="M5783">
        <v>313235.41090000002</v>
      </c>
      <c r="N5783">
        <v>81783.293300000005</v>
      </c>
      <c r="O5783">
        <v>18963.262070000001</v>
      </c>
      <c r="P5783">
        <v>37549.914819999998</v>
      </c>
      <c r="Q5783">
        <v>90469.7111</v>
      </c>
      <c r="R5783">
        <v>20584.83425</v>
      </c>
      <c r="S5783">
        <v>83166.321559999997</v>
      </c>
      <c r="T5783">
        <v>24124.002059999999</v>
      </c>
      <c r="U5783">
        <v>16981.344649999999</v>
      </c>
      <c r="W5783" s="83">
        <f>Bühler!N5815</f>
        <v>45532.874999985979</v>
      </c>
      <c r="X5783" s="83">
        <v>43341.875</v>
      </c>
      <c r="Y5783">
        <v>224884.01310000001</v>
      </c>
      <c r="Z5783">
        <v>15987.03685</v>
      </c>
      <c r="AA5783">
        <v>63191.432350000003</v>
      </c>
      <c r="AB5783">
        <v>32269.328020000001</v>
      </c>
      <c r="AC5783">
        <v>38161.940040000001</v>
      </c>
      <c r="AD5783">
        <v>26970.541450000001</v>
      </c>
      <c r="AE5783">
        <v>48705.023179999997</v>
      </c>
      <c r="AF5783">
        <v>52613.785040000002</v>
      </c>
      <c r="AG5783">
        <v>30464.767080000001</v>
      </c>
      <c r="AH5783">
        <v>313235.41090000002</v>
      </c>
      <c r="AI5783">
        <v>81783.293300000005</v>
      </c>
      <c r="AJ5783">
        <v>18963.262070000001</v>
      </c>
      <c r="AK5783">
        <v>37549.914819999998</v>
      </c>
      <c r="AL5783">
        <v>90469.7111</v>
      </c>
      <c r="AM5783">
        <v>20584.83425</v>
      </c>
      <c r="AN5783">
        <v>83166.321559999997</v>
      </c>
      <c r="AO5783">
        <v>24124.002059999999</v>
      </c>
      <c r="AP5783">
        <v>16981.344649999999</v>
      </c>
    </row>
    <row r="5784" spans="2:42" x14ac:dyDescent="0.3">
      <c r="B5784">
        <v>60.566559390398226</v>
      </c>
      <c r="C5784" s="83">
        <v>43341.916666666664</v>
      </c>
      <c r="D5784">
        <v>222576.86139999999</v>
      </c>
      <c r="E5784">
        <v>14848.07042</v>
      </c>
      <c r="F5784">
        <v>59987.488810000003</v>
      </c>
      <c r="G5784">
        <v>31850.82301</v>
      </c>
      <c r="H5784">
        <v>37307.479979999996</v>
      </c>
      <c r="I5784">
        <v>25200.580740000001</v>
      </c>
      <c r="J5784">
        <v>45278.975109999999</v>
      </c>
      <c r="K5784">
        <v>54458.280850000003</v>
      </c>
      <c r="L5784">
        <v>27023.118579999998</v>
      </c>
      <c r="M5784">
        <v>308796.56449999998</v>
      </c>
      <c r="N5784">
        <v>77778.702009999994</v>
      </c>
      <c r="O5784">
        <v>18540.992849999999</v>
      </c>
      <c r="P5784">
        <v>38431.823859999997</v>
      </c>
      <c r="Q5784">
        <v>89711.181620000003</v>
      </c>
      <c r="R5784">
        <v>21582.834289999999</v>
      </c>
      <c r="S5784">
        <v>80881.687600000005</v>
      </c>
      <c r="T5784">
        <v>21301.474490000001</v>
      </c>
      <c r="U5784">
        <v>17002.735860000001</v>
      </c>
      <c r="W5784" s="83">
        <f>Bühler!N5816</f>
        <v>45532.916666652643</v>
      </c>
      <c r="X5784" s="83">
        <v>43341.916666666664</v>
      </c>
      <c r="Y5784">
        <v>222576.86139999999</v>
      </c>
      <c r="Z5784">
        <v>14848.07042</v>
      </c>
      <c r="AA5784">
        <v>59987.488810000003</v>
      </c>
      <c r="AB5784">
        <v>31850.82301</v>
      </c>
      <c r="AC5784">
        <v>37307.479979999996</v>
      </c>
      <c r="AD5784">
        <v>25200.580740000001</v>
      </c>
      <c r="AE5784">
        <v>45278.975109999999</v>
      </c>
      <c r="AF5784">
        <v>54458.280850000003</v>
      </c>
      <c r="AG5784">
        <v>27023.118579999998</v>
      </c>
      <c r="AH5784">
        <v>308796.56449999998</v>
      </c>
      <c r="AI5784">
        <v>77778.702009999994</v>
      </c>
      <c r="AJ5784">
        <v>18540.992849999999</v>
      </c>
      <c r="AK5784">
        <v>38431.823859999997</v>
      </c>
      <c r="AL5784">
        <v>89711.181620000003</v>
      </c>
      <c r="AM5784">
        <v>21582.834289999999</v>
      </c>
      <c r="AN5784">
        <v>80881.687600000005</v>
      </c>
      <c r="AO5784">
        <v>21301.474490000001</v>
      </c>
      <c r="AP5784">
        <v>17002.735860000001</v>
      </c>
    </row>
    <row r="5785" spans="2:42" x14ac:dyDescent="0.3">
      <c r="B5785">
        <v>60.203390591035358</v>
      </c>
      <c r="C5785" s="83">
        <v>43341.958333333336</v>
      </c>
      <c r="D5785">
        <v>222019.38130000001</v>
      </c>
      <c r="E5785">
        <v>14274.163329999999</v>
      </c>
      <c r="F5785">
        <v>58476.6878</v>
      </c>
      <c r="G5785">
        <v>31663.870559999999</v>
      </c>
      <c r="H5785">
        <v>36392.000639999998</v>
      </c>
      <c r="I5785">
        <v>24228.536059999999</v>
      </c>
      <c r="J5785">
        <v>40707.918749999997</v>
      </c>
      <c r="K5785">
        <v>53813.676610000002</v>
      </c>
      <c r="L5785">
        <v>23014.799790000001</v>
      </c>
      <c r="M5785">
        <v>306944.96059999999</v>
      </c>
      <c r="N5785">
        <v>77988.398820000002</v>
      </c>
      <c r="O5785">
        <v>17077.036469999999</v>
      </c>
      <c r="P5785">
        <v>33823.130770000003</v>
      </c>
      <c r="Q5785">
        <v>89094.466570000004</v>
      </c>
      <c r="R5785">
        <v>20880.98287</v>
      </c>
      <c r="S5785">
        <v>78616.940879999995</v>
      </c>
      <c r="T5785">
        <v>19558.454089999999</v>
      </c>
      <c r="U5785">
        <v>16082.72681</v>
      </c>
      <c r="W5785" s="83">
        <f>Bühler!N5817</f>
        <v>45532.958333319308</v>
      </c>
      <c r="X5785" s="83">
        <v>43341.958333333336</v>
      </c>
      <c r="Y5785">
        <v>222019.38130000001</v>
      </c>
      <c r="Z5785">
        <v>14274.163329999999</v>
      </c>
      <c r="AA5785">
        <v>58476.6878</v>
      </c>
      <c r="AB5785">
        <v>31663.870559999999</v>
      </c>
      <c r="AC5785">
        <v>36392.000639999998</v>
      </c>
      <c r="AD5785">
        <v>24228.536059999999</v>
      </c>
      <c r="AE5785">
        <v>40707.918749999997</v>
      </c>
      <c r="AF5785">
        <v>53813.676610000002</v>
      </c>
      <c r="AG5785">
        <v>23014.799790000001</v>
      </c>
      <c r="AH5785">
        <v>306944.96059999999</v>
      </c>
      <c r="AI5785">
        <v>77988.398820000002</v>
      </c>
      <c r="AJ5785">
        <v>17077.036469999999</v>
      </c>
      <c r="AK5785">
        <v>33823.130770000003</v>
      </c>
      <c r="AL5785">
        <v>89094.466570000004</v>
      </c>
      <c r="AM5785">
        <v>20880.98287</v>
      </c>
      <c r="AN5785">
        <v>78616.940879999995</v>
      </c>
      <c r="AO5785">
        <v>19558.454089999999</v>
      </c>
      <c r="AP5785">
        <v>16082.72681</v>
      </c>
    </row>
    <row r="5786" spans="2:42" x14ac:dyDescent="0.3">
      <c r="B5786">
        <v>59.123774245487667</v>
      </c>
      <c r="C5786" s="83">
        <v>43342</v>
      </c>
      <c r="D5786">
        <v>220208.274</v>
      </c>
      <c r="E5786">
        <v>13573.206539999999</v>
      </c>
      <c r="F5786">
        <v>56690.151709999998</v>
      </c>
      <c r="G5786">
        <v>31009.67064</v>
      </c>
      <c r="H5786">
        <v>35618.729780000001</v>
      </c>
      <c r="I5786">
        <v>22297.724030000001</v>
      </c>
      <c r="J5786">
        <v>36956.969369999999</v>
      </c>
      <c r="K5786">
        <v>51680.051480000002</v>
      </c>
      <c r="L5786">
        <v>20047.98918</v>
      </c>
      <c r="M5786">
        <v>301440.57299999997</v>
      </c>
      <c r="N5786">
        <v>76507.47395</v>
      </c>
      <c r="O5786">
        <v>16720.2624</v>
      </c>
      <c r="P5786">
        <v>30544.32719</v>
      </c>
      <c r="Q5786">
        <v>88277.285879999996</v>
      </c>
      <c r="R5786">
        <v>17935.08426</v>
      </c>
      <c r="S5786">
        <v>76791.762959999993</v>
      </c>
      <c r="T5786">
        <v>18458.895909999999</v>
      </c>
      <c r="U5786">
        <v>15416.07806</v>
      </c>
      <c r="W5786" s="83">
        <f>Bühler!N5818</f>
        <v>45532.999999985972</v>
      </c>
      <c r="X5786" s="83">
        <v>43342</v>
      </c>
      <c r="Y5786">
        <v>220208.274</v>
      </c>
      <c r="Z5786">
        <v>13573.206539999999</v>
      </c>
      <c r="AA5786">
        <v>56690.151709999998</v>
      </c>
      <c r="AB5786">
        <v>31009.67064</v>
      </c>
      <c r="AC5786">
        <v>35618.729780000001</v>
      </c>
      <c r="AD5786">
        <v>22297.724030000001</v>
      </c>
      <c r="AE5786">
        <v>36956.969369999999</v>
      </c>
      <c r="AF5786">
        <v>51680.051480000002</v>
      </c>
      <c r="AG5786">
        <v>20047.98918</v>
      </c>
      <c r="AH5786">
        <v>301440.57299999997</v>
      </c>
      <c r="AI5786">
        <v>76507.47395</v>
      </c>
      <c r="AJ5786">
        <v>16720.2624</v>
      </c>
      <c r="AK5786">
        <v>30544.32719</v>
      </c>
      <c r="AL5786">
        <v>88277.285879999996</v>
      </c>
      <c r="AM5786">
        <v>17935.08426</v>
      </c>
      <c r="AN5786">
        <v>76791.762959999993</v>
      </c>
      <c r="AO5786">
        <v>18458.895909999999</v>
      </c>
      <c r="AP5786">
        <v>15416.07806</v>
      </c>
    </row>
    <row r="5787" spans="2:42" x14ac:dyDescent="0.3">
      <c r="B5787">
        <v>58.497399962358628</v>
      </c>
      <c r="C5787" s="83">
        <v>43342.041666666664</v>
      </c>
      <c r="D5787">
        <v>217991.95240000001</v>
      </c>
      <c r="E5787">
        <v>13203.78404</v>
      </c>
      <c r="F5787">
        <v>55848.163</v>
      </c>
      <c r="G5787">
        <v>30456.64733</v>
      </c>
      <c r="H5787">
        <v>34944.169820000003</v>
      </c>
      <c r="I5787">
        <v>18416.30932</v>
      </c>
      <c r="J5787">
        <v>35560.962169999999</v>
      </c>
      <c r="K5787">
        <v>49574.751369999998</v>
      </c>
      <c r="L5787">
        <v>18596.548739999998</v>
      </c>
      <c r="M5787">
        <v>298247.02480000001</v>
      </c>
      <c r="N5787">
        <v>75032.720379999999</v>
      </c>
      <c r="O5787">
        <v>16497.756949999999</v>
      </c>
      <c r="P5787">
        <v>27765.434150000001</v>
      </c>
      <c r="Q5787">
        <v>88173.832139999999</v>
      </c>
      <c r="R5787">
        <v>15919.38665</v>
      </c>
      <c r="S5787">
        <v>75294.746790000005</v>
      </c>
      <c r="T5787">
        <v>18026.48285</v>
      </c>
      <c r="U5787">
        <v>15217.52097</v>
      </c>
      <c r="W5787" s="83">
        <f>Bühler!N5819</f>
        <v>45533.041666652636</v>
      </c>
      <c r="X5787" s="83">
        <v>43342.041666666664</v>
      </c>
      <c r="Y5787">
        <v>217991.95240000001</v>
      </c>
      <c r="Z5787">
        <v>13203.78404</v>
      </c>
      <c r="AA5787">
        <v>55848.163</v>
      </c>
      <c r="AB5787">
        <v>30456.64733</v>
      </c>
      <c r="AC5787">
        <v>34944.169820000003</v>
      </c>
      <c r="AD5787">
        <v>18416.30932</v>
      </c>
      <c r="AE5787">
        <v>35560.962169999999</v>
      </c>
      <c r="AF5787">
        <v>49574.751369999998</v>
      </c>
      <c r="AG5787">
        <v>18596.548739999998</v>
      </c>
      <c r="AH5787">
        <v>298247.02480000001</v>
      </c>
      <c r="AI5787">
        <v>75032.720379999999</v>
      </c>
      <c r="AJ5787">
        <v>16497.756949999999</v>
      </c>
      <c r="AK5787">
        <v>27765.434150000001</v>
      </c>
      <c r="AL5787">
        <v>88173.832139999999</v>
      </c>
      <c r="AM5787">
        <v>15919.38665</v>
      </c>
      <c r="AN5787">
        <v>75294.746790000005</v>
      </c>
      <c r="AO5787">
        <v>18026.48285</v>
      </c>
      <c r="AP5787">
        <v>15217.52097</v>
      </c>
    </row>
    <row r="5788" spans="2:42" x14ac:dyDescent="0.3">
      <c r="B5788">
        <v>58.579032177241572</v>
      </c>
      <c r="C5788" s="83">
        <v>43342.083333333336</v>
      </c>
      <c r="D5788">
        <v>217658.37520000001</v>
      </c>
      <c r="E5788">
        <v>12995.54747</v>
      </c>
      <c r="F5788">
        <v>56343.799679999996</v>
      </c>
      <c r="G5788">
        <v>29796.814289999998</v>
      </c>
      <c r="H5788">
        <v>34622.844129999998</v>
      </c>
      <c r="I5788">
        <v>16820.60701</v>
      </c>
      <c r="J5788">
        <v>34899.615510000003</v>
      </c>
      <c r="K5788">
        <v>47840.566939999997</v>
      </c>
      <c r="L5788">
        <v>17805.904490000001</v>
      </c>
      <c r="M5788">
        <v>298663.22389999998</v>
      </c>
      <c r="N5788">
        <v>73577.615619999997</v>
      </c>
      <c r="O5788">
        <v>16257.93024</v>
      </c>
      <c r="P5788">
        <v>25902.429919999999</v>
      </c>
      <c r="Q5788">
        <v>90171.319480000006</v>
      </c>
      <c r="R5788">
        <v>15941.04076</v>
      </c>
      <c r="S5788">
        <v>74145.080910000004</v>
      </c>
      <c r="T5788">
        <v>17612.698509999998</v>
      </c>
      <c r="U5788">
        <v>15258.357019999999</v>
      </c>
      <c r="W5788" s="83">
        <f>Bühler!N5820</f>
        <v>45533.0833333193</v>
      </c>
      <c r="X5788" s="83">
        <v>43342.083333333336</v>
      </c>
      <c r="Y5788">
        <v>217658.37520000001</v>
      </c>
      <c r="Z5788">
        <v>12995.54747</v>
      </c>
      <c r="AA5788">
        <v>56343.799679999996</v>
      </c>
      <c r="AB5788">
        <v>29796.814289999998</v>
      </c>
      <c r="AC5788">
        <v>34622.844129999998</v>
      </c>
      <c r="AD5788">
        <v>16820.60701</v>
      </c>
      <c r="AE5788">
        <v>34899.615510000003</v>
      </c>
      <c r="AF5788">
        <v>47840.566939999997</v>
      </c>
      <c r="AG5788">
        <v>17805.904490000001</v>
      </c>
      <c r="AH5788">
        <v>298663.22389999998</v>
      </c>
      <c r="AI5788">
        <v>73577.615619999997</v>
      </c>
      <c r="AJ5788">
        <v>16257.93024</v>
      </c>
      <c r="AK5788">
        <v>25902.429919999999</v>
      </c>
      <c r="AL5788">
        <v>90171.319480000006</v>
      </c>
      <c r="AM5788">
        <v>15941.04076</v>
      </c>
      <c r="AN5788">
        <v>74145.080910000004</v>
      </c>
      <c r="AO5788">
        <v>17612.698509999998</v>
      </c>
      <c r="AP5788">
        <v>15258.357019999999</v>
      </c>
    </row>
    <row r="5789" spans="2:42" x14ac:dyDescent="0.3">
      <c r="B5789">
        <v>59.088549064432314</v>
      </c>
      <c r="C5789" s="83">
        <v>43342.125</v>
      </c>
      <c r="D5789">
        <v>217759.23310000001</v>
      </c>
      <c r="E5789">
        <v>13011.01166</v>
      </c>
      <c r="F5789">
        <v>57461.887119999999</v>
      </c>
      <c r="G5789">
        <v>29110.181489999999</v>
      </c>
      <c r="H5789">
        <v>34380.789100000002</v>
      </c>
      <c r="I5789">
        <v>16298.25985</v>
      </c>
      <c r="J5789">
        <v>34734.370349999997</v>
      </c>
      <c r="K5789">
        <v>46794.339800000002</v>
      </c>
      <c r="L5789">
        <v>17726.77291</v>
      </c>
      <c r="M5789">
        <v>301260.97859999997</v>
      </c>
      <c r="N5789">
        <v>73467.160480000006</v>
      </c>
      <c r="O5789">
        <v>16116.49649</v>
      </c>
      <c r="P5789">
        <v>25177.57101</v>
      </c>
      <c r="Q5789">
        <v>93081.606969999993</v>
      </c>
      <c r="R5789">
        <v>15348.596600000001</v>
      </c>
      <c r="S5789">
        <v>73410.164170000004</v>
      </c>
      <c r="T5789">
        <v>17425.43247</v>
      </c>
      <c r="U5789">
        <v>15068.63084</v>
      </c>
      <c r="W5789" s="83">
        <f>Bühler!N5821</f>
        <v>45533.124999985965</v>
      </c>
      <c r="X5789" s="83">
        <v>43342.125</v>
      </c>
      <c r="Y5789">
        <v>217759.23310000001</v>
      </c>
      <c r="Z5789">
        <v>13011.01166</v>
      </c>
      <c r="AA5789">
        <v>57461.887119999999</v>
      </c>
      <c r="AB5789">
        <v>29110.181489999999</v>
      </c>
      <c r="AC5789">
        <v>34380.789100000002</v>
      </c>
      <c r="AD5789">
        <v>16298.25985</v>
      </c>
      <c r="AE5789">
        <v>34734.370349999997</v>
      </c>
      <c r="AF5789">
        <v>46794.339800000002</v>
      </c>
      <c r="AG5789">
        <v>17726.77291</v>
      </c>
      <c r="AH5789">
        <v>301260.97859999997</v>
      </c>
      <c r="AI5789">
        <v>73467.160480000006</v>
      </c>
      <c r="AJ5789">
        <v>16116.49649</v>
      </c>
      <c r="AK5789">
        <v>25177.57101</v>
      </c>
      <c r="AL5789">
        <v>93081.606969999993</v>
      </c>
      <c r="AM5789">
        <v>15348.596600000001</v>
      </c>
      <c r="AN5789">
        <v>73410.164170000004</v>
      </c>
      <c r="AO5789">
        <v>17425.43247</v>
      </c>
      <c r="AP5789">
        <v>15068.63084</v>
      </c>
    </row>
    <row r="5790" spans="2:42" x14ac:dyDescent="0.3">
      <c r="B5790">
        <v>60.288217060603479</v>
      </c>
      <c r="C5790" s="83">
        <v>43342.166666666664</v>
      </c>
      <c r="D5790">
        <v>221449.77849999999</v>
      </c>
      <c r="E5790">
        <v>13254.153340000001</v>
      </c>
      <c r="F5790">
        <v>60823.537819999998</v>
      </c>
      <c r="G5790">
        <v>28498.70607</v>
      </c>
      <c r="H5790">
        <v>34762.004110000002</v>
      </c>
      <c r="I5790">
        <v>17532.49469</v>
      </c>
      <c r="J5790">
        <v>36755.387419999999</v>
      </c>
      <c r="K5790">
        <v>46078.48631</v>
      </c>
      <c r="L5790">
        <v>17455.72984</v>
      </c>
      <c r="M5790">
        <v>307377.44549999997</v>
      </c>
      <c r="N5790">
        <v>73144.628849999994</v>
      </c>
      <c r="O5790">
        <v>16327.90796</v>
      </c>
      <c r="P5790">
        <v>24368.824069999999</v>
      </c>
      <c r="Q5790">
        <v>96107.716450000007</v>
      </c>
      <c r="R5790">
        <v>15193.864390000001</v>
      </c>
      <c r="S5790">
        <v>73578.212169999999</v>
      </c>
      <c r="T5790">
        <v>17300.84302</v>
      </c>
      <c r="U5790">
        <v>14841.201419999999</v>
      </c>
      <c r="W5790" s="83">
        <f>Bühler!N5822</f>
        <v>45533.166666652629</v>
      </c>
      <c r="X5790" s="83">
        <v>43342.166666666664</v>
      </c>
      <c r="Y5790">
        <v>221449.77849999999</v>
      </c>
      <c r="Z5790">
        <v>13254.153340000001</v>
      </c>
      <c r="AA5790">
        <v>60823.537819999998</v>
      </c>
      <c r="AB5790">
        <v>28498.70607</v>
      </c>
      <c r="AC5790">
        <v>34762.004110000002</v>
      </c>
      <c r="AD5790">
        <v>17532.49469</v>
      </c>
      <c r="AE5790">
        <v>36755.387419999999</v>
      </c>
      <c r="AF5790">
        <v>46078.48631</v>
      </c>
      <c r="AG5790">
        <v>17455.72984</v>
      </c>
      <c r="AH5790">
        <v>307377.44549999997</v>
      </c>
      <c r="AI5790">
        <v>73144.628849999994</v>
      </c>
      <c r="AJ5790">
        <v>16327.90796</v>
      </c>
      <c r="AK5790">
        <v>24368.824069999999</v>
      </c>
      <c r="AL5790">
        <v>96107.716450000007</v>
      </c>
      <c r="AM5790">
        <v>15193.864390000001</v>
      </c>
      <c r="AN5790">
        <v>73578.212169999999</v>
      </c>
      <c r="AO5790">
        <v>17300.84302</v>
      </c>
      <c r="AP5790">
        <v>14841.201419999999</v>
      </c>
    </row>
    <row r="5791" spans="2:42" x14ac:dyDescent="0.3">
      <c r="B5791">
        <v>63.518228341541629</v>
      </c>
      <c r="C5791" s="83">
        <v>43342.208333333336</v>
      </c>
      <c r="D5791">
        <v>233610.55979999999</v>
      </c>
      <c r="E5791">
        <v>14993.45831</v>
      </c>
      <c r="F5791">
        <v>69065.856289999996</v>
      </c>
      <c r="G5791">
        <v>29428.039489999999</v>
      </c>
      <c r="H5791">
        <v>36115.841809999998</v>
      </c>
      <c r="I5791">
        <v>23098.81639</v>
      </c>
      <c r="J5791">
        <v>39909.312010000001</v>
      </c>
      <c r="K5791">
        <v>46694.188260000003</v>
      </c>
      <c r="L5791">
        <v>17958.313770000001</v>
      </c>
      <c r="M5791">
        <v>323845.54930000001</v>
      </c>
      <c r="N5791">
        <v>73246.107170000003</v>
      </c>
      <c r="O5791">
        <v>16950.390469999998</v>
      </c>
      <c r="P5791">
        <v>25796.081450000001</v>
      </c>
      <c r="Q5791">
        <v>99303.391279999996</v>
      </c>
      <c r="R5791">
        <v>16879.513650000001</v>
      </c>
      <c r="S5791">
        <v>75441.09504</v>
      </c>
      <c r="T5791">
        <v>18280.840189999999</v>
      </c>
      <c r="U5791">
        <v>16200.70024</v>
      </c>
      <c r="W5791" s="83">
        <f>Bühler!N5823</f>
        <v>45533.208333319293</v>
      </c>
      <c r="X5791" s="83">
        <v>43342.208333333336</v>
      </c>
      <c r="Y5791">
        <v>233610.55979999999</v>
      </c>
      <c r="Z5791">
        <v>14993.45831</v>
      </c>
      <c r="AA5791">
        <v>69065.856289999996</v>
      </c>
      <c r="AB5791">
        <v>29428.039489999999</v>
      </c>
      <c r="AC5791">
        <v>36115.841809999998</v>
      </c>
      <c r="AD5791">
        <v>23098.81639</v>
      </c>
      <c r="AE5791">
        <v>39909.312010000001</v>
      </c>
      <c r="AF5791">
        <v>46694.188260000003</v>
      </c>
      <c r="AG5791">
        <v>17958.313770000001</v>
      </c>
      <c r="AH5791">
        <v>323845.54930000001</v>
      </c>
      <c r="AI5791">
        <v>73246.107170000003</v>
      </c>
      <c r="AJ5791">
        <v>16950.390469999998</v>
      </c>
      <c r="AK5791">
        <v>25796.081450000001</v>
      </c>
      <c r="AL5791">
        <v>99303.391279999996</v>
      </c>
      <c r="AM5791">
        <v>16879.513650000001</v>
      </c>
      <c r="AN5791">
        <v>75441.09504</v>
      </c>
      <c r="AO5791">
        <v>18280.840189999999</v>
      </c>
      <c r="AP5791">
        <v>16200.70024</v>
      </c>
    </row>
    <row r="5792" spans="2:42" x14ac:dyDescent="0.3">
      <c r="B5792">
        <v>67.052990364328153</v>
      </c>
      <c r="C5792" s="83">
        <v>43342.25</v>
      </c>
      <c r="D5792">
        <v>249455.0416</v>
      </c>
      <c r="E5792">
        <v>18854.77577</v>
      </c>
      <c r="F5792">
        <v>81166.799750000006</v>
      </c>
      <c r="G5792">
        <v>34835.713450000003</v>
      </c>
      <c r="H5792">
        <v>39199.896690000001</v>
      </c>
      <c r="I5792">
        <v>28211.144469999999</v>
      </c>
      <c r="J5792">
        <v>44500.083250000003</v>
      </c>
      <c r="K5792">
        <v>48756.76586</v>
      </c>
      <c r="L5792">
        <v>19522.144919999999</v>
      </c>
      <c r="M5792">
        <v>341867.41450000001</v>
      </c>
      <c r="N5792">
        <v>76390.208039999998</v>
      </c>
      <c r="O5792">
        <v>18585.054090000001</v>
      </c>
      <c r="P5792">
        <v>26497.062089999999</v>
      </c>
      <c r="Q5792">
        <v>99774.268779999999</v>
      </c>
      <c r="R5792">
        <v>17832.932130000001</v>
      </c>
      <c r="S5792">
        <v>83996.365330000001</v>
      </c>
      <c r="T5792">
        <v>20070.367040000001</v>
      </c>
      <c r="U5792">
        <v>19028.064859999999</v>
      </c>
      <c r="W5792" s="83">
        <f>Bühler!N5824</f>
        <v>45533.249999985957</v>
      </c>
      <c r="X5792" s="83">
        <v>43342.25</v>
      </c>
      <c r="Y5792">
        <v>249455.0416</v>
      </c>
      <c r="Z5792">
        <v>18854.77577</v>
      </c>
      <c r="AA5792">
        <v>81166.799750000006</v>
      </c>
      <c r="AB5792">
        <v>34835.713450000003</v>
      </c>
      <c r="AC5792">
        <v>39199.896690000001</v>
      </c>
      <c r="AD5792">
        <v>28211.144469999999</v>
      </c>
      <c r="AE5792">
        <v>44500.083250000003</v>
      </c>
      <c r="AF5792">
        <v>48756.76586</v>
      </c>
      <c r="AG5792">
        <v>19522.144919999999</v>
      </c>
      <c r="AH5792">
        <v>341867.41450000001</v>
      </c>
      <c r="AI5792">
        <v>76390.208039999998</v>
      </c>
      <c r="AJ5792">
        <v>18585.054090000001</v>
      </c>
      <c r="AK5792">
        <v>26497.062089999999</v>
      </c>
      <c r="AL5792">
        <v>99774.268779999999</v>
      </c>
      <c r="AM5792">
        <v>17832.932130000001</v>
      </c>
      <c r="AN5792">
        <v>83996.365330000001</v>
      </c>
      <c r="AO5792">
        <v>20070.367040000001</v>
      </c>
      <c r="AP5792">
        <v>19028.064859999999</v>
      </c>
    </row>
    <row r="5793" spans="2:42" x14ac:dyDescent="0.3">
      <c r="B5793">
        <v>68.685677635694375</v>
      </c>
      <c r="C5793" s="83">
        <v>43342.291666666664</v>
      </c>
      <c r="D5793">
        <v>261403.75779999999</v>
      </c>
      <c r="E5793">
        <v>22959.769380000002</v>
      </c>
      <c r="F5793">
        <v>84893.579299999998</v>
      </c>
      <c r="G5793">
        <v>40596.6348</v>
      </c>
      <c r="H5793">
        <v>43039.572990000001</v>
      </c>
      <c r="I5793">
        <v>33329.415370000002</v>
      </c>
      <c r="J5793">
        <v>44928.186249999999</v>
      </c>
      <c r="K5793">
        <v>52731.731930000002</v>
      </c>
      <c r="L5793">
        <v>21630.829470000001</v>
      </c>
      <c r="M5793">
        <v>350191.61560000002</v>
      </c>
      <c r="N5793">
        <v>82531.134130000006</v>
      </c>
      <c r="O5793">
        <v>20403.8488</v>
      </c>
      <c r="P5793">
        <v>30121.52565</v>
      </c>
      <c r="Q5793">
        <v>99902.440170000002</v>
      </c>
      <c r="R5793">
        <v>18590.340990000001</v>
      </c>
      <c r="S5793">
        <v>96473.709440000006</v>
      </c>
      <c r="T5793">
        <v>23493.664100000002</v>
      </c>
      <c r="U5793">
        <v>22986.218199999999</v>
      </c>
      <c r="W5793" s="83">
        <f>Bühler!N5825</f>
        <v>45533.291666652622</v>
      </c>
      <c r="X5793" s="83">
        <v>43342.291666666664</v>
      </c>
      <c r="Y5793">
        <v>261403.75779999999</v>
      </c>
      <c r="Z5793">
        <v>22959.769380000002</v>
      </c>
      <c r="AA5793">
        <v>84893.579299999998</v>
      </c>
      <c r="AB5793">
        <v>40596.6348</v>
      </c>
      <c r="AC5793">
        <v>43039.572990000001</v>
      </c>
      <c r="AD5793">
        <v>33329.415370000002</v>
      </c>
      <c r="AE5793">
        <v>44928.186249999999</v>
      </c>
      <c r="AF5793">
        <v>52731.731930000002</v>
      </c>
      <c r="AG5793">
        <v>21630.829470000001</v>
      </c>
      <c r="AH5793">
        <v>350191.61560000002</v>
      </c>
      <c r="AI5793">
        <v>82531.134130000006</v>
      </c>
      <c r="AJ5793">
        <v>20403.8488</v>
      </c>
      <c r="AK5793">
        <v>30121.52565</v>
      </c>
      <c r="AL5793">
        <v>99902.440170000002</v>
      </c>
      <c r="AM5793">
        <v>18590.340990000001</v>
      </c>
      <c r="AN5793">
        <v>96473.709440000006</v>
      </c>
      <c r="AO5793">
        <v>23493.664100000002</v>
      </c>
      <c r="AP5793">
        <v>22986.218199999999</v>
      </c>
    </row>
    <row r="5794" spans="2:42" x14ac:dyDescent="0.3">
      <c r="B5794">
        <v>70.12926464919164</v>
      </c>
      <c r="C5794" s="83">
        <v>43342.333333333336</v>
      </c>
      <c r="D5794">
        <v>273925.5686</v>
      </c>
      <c r="E5794">
        <v>28475.102760000002</v>
      </c>
      <c r="F5794">
        <v>90960.518070000006</v>
      </c>
      <c r="G5794">
        <v>46800.298419999999</v>
      </c>
      <c r="H5794">
        <v>46823.476390000003</v>
      </c>
      <c r="I5794">
        <v>36430.732750000003</v>
      </c>
      <c r="J5794">
        <v>46792.7281</v>
      </c>
      <c r="K5794">
        <v>58603.789089999998</v>
      </c>
      <c r="L5794">
        <v>24413.53944</v>
      </c>
      <c r="M5794">
        <v>357551.69540000003</v>
      </c>
      <c r="N5794">
        <v>91934.418189999997</v>
      </c>
      <c r="O5794">
        <v>24433.01311</v>
      </c>
      <c r="P5794">
        <v>32910.587399999997</v>
      </c>
      <c r="Q5794">
        <v>100076.2944</v>
      </c>
      <c r="R5794">
        <v>20577.733759999999</v>
      </c>
      <c r="S5794">
        <v>107562.5702</v>
      </c>
      <c r="T5794">
        <v>26380.585950000001</v>
      </c>
      <c r="U5794">
        <v>26171.114150000001</v>
      </c>
      <c r="W5794" s="83">
        <f>Bühler!N5826</f>
        <v>45533.333333319286</v>
      </c>
      <c r="X5794" s="83">
        <v>43342.333333333336</v>
      </c>
      <c r="Y5794">
        <v>273925.5686</v>
      </c>
      <c r="Z5794">
        <v>28475.102760000002</v>
      </c>
      <c r="AA5794">
        <v>90960.518070000006</v>
      </c>
      <c r="AB5794">
        <v>46800.298419999999</v>
      </c>
      <c r="AC5794">
        <v>46823.476390000003</v>
      </c>
      <c r="AD5794">
        <v>36430.732750000003</v>
      </c>
      <c r="AE5794">
        <v>46792.7281</v>
      </c>
      <c r="AF5794">
        <v>58603.789089999998</v>
      </c>
      <c r="AG5794">
        <v>24413.53944</v>
      </c>
      <c r="AH5794">
        <v>357551.69540000003</v>
      </c>
      <c r="AI5794">
        <v>91934.418189999997</v>
      </c>
      <c r="AJ5794">
        <v>24433.01311</v>
      </c>
      <c r="AK5794">
        <v>32910.587399999997</v>
      </c>
      <c r="AL5794">
        <v>100076.2944</v>
      </c>
      <c r="AM5794">
        <v>20577.733759999999</v>
      </c>
      <c r="AN5794">
        <v>107562.5702</v>
      </c>
      <c r="AO5794">
        <v>26380.585950000001</v>
      </c>
      <c r="AP5794">
        <v>26171.114150000001</v>
      </c>
    </row>
    <row r="5795" spans="2:42" x14ac:dyDescent="0.3">
      <c r="B5795">
        <v>70.745803249070732</v>
      </c>
      <c r="C5795" s="83">
        <v>43342.375</v>
      </c>
      <c r="D5795">
        <v>276968.56170000002</v>
      </c>
      <c r="E5795">
        <v>33155.456769999997</v>
      </c>
      <c r="F5795">
        <v>96286.136289999995</v>
      </c>
      <c r="G5795">
        <v>50876.375569999997</v>
      </c>
      <c r="H5795">
        <v>49397.972390000003</v>
      </c>
      <c r="I5795">
        <v>36549.307379999998</v>
      </c>
      <c r="J5795">
        <v>48971.266589999999</v>
      </c>
      <c r="K5795">
        <v>60919.11724</v>
      </c>
      <c r="L5795">
        <v>28127.072540000001</v>
      </c>
      <c r="M5795">
        <v>360695.09669999999</v>
      </c>
      <c r="N5795">
        <v>94631.248989999993</v>
      </c>
      <c r="O5795">
        <v>25389.921480000001</v>
      </c>
      <c r="P5795">
        <v>36253.728750000002</v>
      </c>
      <c r="Q5795">
        <v>101331.3734</v>
      </c>
      <c r="R5795">
        <v>21235.643100000001</v>
      </c>
      <c r="S5795">
        <v>114943.84540000001</v>
      </c>
      <c r="T5795">
        <v>28598.616050000001</v>
      </c>
      <c r="U5795">
        <v>26704.54523</v>
      </c>
      <c r="W5795" s="83">
        <f>Bühler!N5827</f>
        <v>45533.37499998595</v>
      </c>
      <c r="X5795" s="83">
        <v>43342.375</v>
      </c>
      <c r="Y5795">
        <v>276968.56170000002</v>
      </c>
      <c r="Z5795">
        <v>33155.456769999997</v>
      </c>
      <c r="AA5795">
        <v>96286.136289999995</v>
      </c>
      <c r="AB5795">
        <v>50876.375569999997</v>
      </c>
      <c r="AC5795">
        <v>49397.972390000003</v>
      </c>
      <c r="AD5795">
        <v>36549.307379999998</v>
      </c>
      <c r="AE5795">
        <v>48971.266589999999</v>
      </c>
      <c r="AF5795">
        <v>60919.11724</v>
      </c>
      <c r="AG5795">
        <v>28127.072540000001</v>
      </c>
      <c r="AH5795">
        <v>360695.09669999999</v>
      </c>
      <c r="AI5795">
        <v>94631.248989999993</v>
      </c>
      <c r="AJ5795">
        <v>25389.921480000001</v>
      </c>
      <c r="AK5795">
        <v>36253.728750000002</v>
      </c>
      <c r="AL5795">
        <v>101331.3734</v>
      </c>
      <c r="AM5795">
        <v>21235.643100000001</v>
      </c>
      <c r="AN5795">
        <v>114943.84540000001</v>
      </c>
      <c r="AO5795">
        <v>28598.616050000001</v>
      </c>
      <c r="AP5795">
        <v>26704.54523</v>
      </c>
    </row>
    <row r="5796" spans="2:42" x14ac:dyDescent="0.3">
      <c r="B5796">
        <v>71.90790575257131</v>
      </c>
      <c r="C5796" s="83">
        <v>43342.416666666664</v>
      </c>
      <c r="D5796">
        <v>279815.37550000002</v>
      </c>
      <c r="E5796">
        <v>35211.803679999997</v>
      </c>
      <c r="F5796">
        <v>99055.792839999995</v>
      </c>
      <c r="G5796">
        <v>52206.215120000001</v>
      </c>
      <c r="H5796">
        <v>50903.005539999998</v>
      </c>
      <c r="I5796">
        <v>34932.615810000003</v>
      </c>
      <c r="J5796">
        <v>49937.809370000003</v>
      </c>
      <c r="K5796">
        <v>63375.701119999998</v>
      </c>
      <c r="L5796">
        <v>30886.002479999999</v>
      </c>
      <c r="M5796">
        <v>366620.03720000002</v>
      </c>
      <c r="N5796">
        <v>98393.714089999994</v>
      </c>
      <c r="O5796">
        <v>25911.20335</v>
      </c>
      <c r="P5796">
        <v>37595.890570000003</v>
      </c>
      <c r="Q5796">
        <v>101660.2855</v>
      </c>
      <c r="R5796">
        <v>22061.465960000001</v>
      </c>
      <c r="S5796">
        <v>116884.86719999999</v>
      </c>
      <c r="T5796">
        <v>31497.363949999999</v>
      </c>
      <c r="U5796">
        <v>26574.181420000001</v>
      </c>
      <c r="W5796" s="83">
        <f>Bühler!N5828</f>
        <v>45533.416666652614</v>
      </c>
      <c r="X5796" s="83">
        <v>43342.416666666664</v>
      </c>
      <c r="Y5796">
        <v>279815.37550000002</v>
      </c>
      <c r="Z5796">
        <v>35211.803679999997</v>
      </c>
      <c r="AA5796">
        <v>99055.792839999995</v>
      </c>
      <c r="AB5796">
        <v>52206.215120000001</v>
      </c>
      <c r="AC5796">
        <v>50903.005539999998</v>
      </c>
      <c r="AD5796">
        <v>34932.615810000003</v>
      </c>
      <c r="AE5796">
        <v>49937.809370000003</v>
      </c>
      <c r="AF5796">
        <v>63375.701119999998</v>
      </c>
      <c r="AG5796">
        <v>30886.002479999999</v>
      </c>
      <c r="AH5796">
        <v>366620.03720000002</v>
      </c>
      <c r="AI5796">
        <v>98393.714089999994</v>
      </c>
      <c r="AJ5796">
        <v>25911.20335</v>
      </c>
      <c r="AK5796">
        <v>37595.890570000003</v>
      </c>
      <c r="AL5796">
        <v>101660.2855</v>
      </c>
      <c r="AM5796">
        <v>22061.465960000001</v>
      </c>
      <c r="AN5796">
        <v>116884.86719999999</v>
      </c>
      <c r="AO5796">
        <v>31497.363949999999</v>
      </c>
      <c r="AP5796">
        <v>26574.181420000001</v>
      </c>
    </row>
    <row r="5797" spans="2:42" x14ac:dyDescent="0.3">
      <c r="B5797">
        <v>72.018090573323605</v>
      </c>
      <c r="C5797" s="83">
        <v>43342.458333333336</v>
      </c>
      <c r="D5797">
        <v>280686.39929999999</v>
      </c>
      <c r="E5797">
        <v>35329.465689999997</v>
      </c>
      <c r="F5797">
        <v>100417.3306</v>
      </c>
      <c r="G5797">
        <v>52121.083050000001</v>
      </c>
      <c r="H5797">
        <v>50672.430999999997</v>
      </c>
      <c r="I5797">
        <v>34924.019460000003</v>
      </c>
      <c r="J5797">
        <v>50267.805130000001</v>
      </c>
      <c r="K5797">
        <v>64050.523529999999</v>
      </c>
      <c r="L5797">
        <v>32818.119610000002</v>
      </c>
      <c r="M5797">
        <v>367181.81079999998</v>
      </c>
      <c r="N5797">
        <v>98819.135699999999</v>
      </c>
      <c r="O5797">
        <v>26651.774560000002</v>
      </c>
      <c r="P5797">
        <v>37188.40107</v>
      </c>
      <c r="Q5797">
        <v>102474.7065</v>
      </c>
      <c r="R5797">
        <v>23722.959459999998</v>
      </c>
      <c r="S5797">
        <v>120040.35950000001</v>
      </c>
      <c r="T5797">
        <v>31238.973300000001</v>
      </c>
      <c r="U5797">
        <v>26477.57357</v>
      </c>
      <c r="W5797" s="83">
        <f>Bühler!N5829</f>
        <v>45533.458333319279</v>
      </c>
      <c r="X5797" s="83">
        <v>43342.458333333336</v>
      </c>
      <c r="Y5797">
        <v>280686.39929999999</v>
      </c>
      <c r="Z5797">
        <v>35329.465689999997</v>
      </c>
      <c r="AA5797">
        <v>100417.3306</v>
      </c>
      <c r="AB5797">
        <v>52121.083050000001</v>
      </c>
      <c r="AC5797">
        <v>50672.430999999997</v>
      </c>
      <c r="AD5797">
        <v>34924.019460000003</v>
      </c>
      <c r="AE5797">
        <v>50267.805130000001</v>
      </c>
      <c r="AF5797">
        <v>64050.523529999999</v>
      </c>
      <c r="AG5797">
        <v>32818.119610000002</v>
      </c>
      <c r="AH5797">
        <v>367181.81079999998</v>
      </c>
      <c r="AI5797">
        <v>98819.135699999999</v>
      </c>
      <c r="AJ5797">
        <v>26651.774560000002</v>
      </c>
      <c r="AK5797">
        <v>37188.40107</v>
      </c>
      <c r="AL5797">
        <v>102474.7065</v>
      </c>
      <c r="AM5797">
        <v>23722.959459999998</v>
      </c>
      <c r="AN5797">
        <v>120040.35950000001</v>
      </c>
      <c r="AO5797">
        <v>31238.973300000001</v>
      </c>
      <c r="AP5797">
        <v>26477.57357</v>
      </c>
    </row>
    <row r="5798" spans="2:42" x14ac:dyDescent="0.3">
      <c r="B5798">
        <v>71.404503429625791</v>
      </c>
      <c r="C5798" s="83">
        <v>43342.5</v>
      </c>
      <c r="D5798">
        <v>268774.26319999999</v>
      </c>
      <c r="E5798">
        <v>32538.723740000001</v>
      </c>
      <c r="F5798">
        <v>99822.909369999994</v>
      </c>
      <c r="G5798">
        <v>50410.313710000002</v>
      </c>
      <c r="H5798">
        <v>49936.556579999997</v>
      </c>
      <c r="I5798">
        <v>33769.487130000001</v>
      </c>
      <c r="J5798">
        <v>49978.22608</v>
      </c>
      <c r="K5798">
        <v>60641.859810000002</v>
      </c>
      <c r="L5798">
        <v>35791.006549999998</v>
      </c>
      <c r="M5798">
        <v>364053.45740000001</v>
      </c>
      <c r="N5798">
        <v>96268.442790000001</v>
      </c>
      <c r="O5798">
        <v>26021.80185</v>
      </c>
      <c r="P5798">
        <v>38799.823880000004</v>
      </c>
      <c r="Q5798">
        <v>102074.6779</v>
      </c>
      <c r="R5798">
        <v>26191.0026</v>
      </c>
      <c r="S5798">
        <v>114819.5022</v>
      </c>
      <c r="T5798">
        <v>31023.545890000001</v>
      </c>
      <c r="U5798">
        <v>22680.721079999999</v>
      </c>
      <c r="W5798" s="83">
        <f>Bühler!N5830</f>
        <v>45533.499999985943</v>
      </c>
      <c r="X5798" s="83">
        <v>43342.5</v>
      </c>
      <c r="Y5798">
        <v>268774.26319999999</v>
      </c>
      <c r="Z5798">
        <v>32538.723740000001</v>
      </c>
      <c r="AA5798">
        <v>99822.909369999994</v>
      </c>
      <c r="AB5798">
        <v>50410.313710000002</v>
      </c>
      <c r="AC5798">
        <v>49936.556579999997</v>
      </c>
      <c r="AD5798">
        <v>33769.487130000001</v>
      </c>
      <c r="AE5798">
        <v>49978.22608</v>
      </c>
      <c r="AF5798">
        <v>60641.859810000002</v>
      </c>
      <c r="AG5798">
        <v>35791.006549999998</v>
      </c>
      <c r="AH5798">
        <v>364053.45740000001</v>
      </c>
      <c r="AI5798">
        <v>96268.442790000001</v>
      </c>
      <c r="AJ5798">
        <v>26021.80185</v>
      </c>
      <c r="AK5798">
        <v>38799.823880000004</v>
      </c>
      <c r="AL5798">
        <v>102074.6779</v>
      </c>
      <c r="AM5798">
        <v>26191.0026</v>
      </c>
      <c r="AN5798">
        <v>114819.5022</v>
      </c>
      <c r="AO5798">
        <v>31023.545890000001</v>
      </c>
      <c r="AP5798">
        <v>22680.721079999999</v>
      </c>
    </row>
    <row r="5799" spans="2:42" x14ac:dyDescent="0.3">
      <c r="B5799">
        <v>71.011489988797351</v>
      </c>
      <c r="C5799" s="83">
        <v>43342.541666666664</v>
      </c>
      <c r="D5799">
        <v>269666.8505</v>
      </c>
      <c r="E5799">
        <v>32900.010569999999</v>
      </c>
      <c r="F5799">
        <v>99381.301189999998</v>
      </c>
      <c r="G5799">
        <v>49342.65236</v>
      </c>
      <c r="H5799">
        <v>49338.617760000001</v>
      </c>
      <c r="I5799">
        <v>34170.418919999996</v>
      </c>
      <c r="J5799">
        <v>49246.693319999998</v>
      </c>
      <c r="K5799">
        <v>61819.748829999997</v>
      </c>
      <c r="L5799">
        <v>35411.59648</v>
      </c>
      <c r="M5799">
        <v>362049.69160000002</v>
      </c>
      <c r="N5799">
        <v>97263.489490000007</v>
      </c>
      <c r="O5799">
        <v>26256.320039999999</v>
      </c>
      <c r="P5799">
        <v>38250.187339999997</v>
      </c>
      <c r="Q5799">
        <v>101141.4406</v>
      </c>
      <c r="R5799">
        <v>25813.92282</v>
      </c>
      <c r="S5799">
        <v>114467.5047</v>
      </c>
      <c r="T5799">
        <v>31349.09892</v>
      </c>
      <c r="U5799">
        <v>24184.780159999998</v>
      </c>
      <c r="W5799" s="83">
        <f>Bühler!N5831</f>
        <v>45533.541666652607</v>
      </c>
      <c r="X5799" s="83">
        <v>43342.541666666664</v>
      </c>
      <c r="Y5799">
        <v>269666.8505</v>
      </c>
      <c r="Z5799">
        <v>32900.010569999999</v>
      </c>
      <c r="AA5799">
        <v>99381.301189999998</v>
      </c>
      <c r="AB5799">
        <v>49342.65236</v>
      </c>
      <c r="AC5799">
        <v>49338.617760000001</v>
      </c>
      <c r="AD5799">
        <v>34170.418919999996</v>
      </c>
      <c r="AE5799">
        <v>49246.693319999998</v>
      </c>
      <c r="AF5799">
        <v>61819.748829999997</v>
      </c>
      <c r="AG5799">
        <v>35411.59648</v>
      </c>
      <c r="AH5799">
        <v>362049.69160000002</v>
      </c>
      <c r="AI5799">
        <v>97263.489490000007</v>
      </c>
      <c r="AJ5799">
        <v>26256.320039999999</v>
      </c>
      <c r="AK5799">
        <v>38250.187339999997</v>
      </c>
      <c r="AL5799">
        <v>101141.4406</v>
      </c>
      <c r="AM5799">
        <v>25813.92282</v>
      </c>
      <c r="AN5799">
        <v>114467.5047</v>
      </c>
      <c r="AO5799">
        <v>31349.09892</v>
      </c>
      <c r="AP5799">
        <v>24184.780159999998</v>
      </c>
    </row>
    <row r="5800" spans="2:42" x14ac:dyDescent="0.3">
      <c r="B5800">
        <v>71.156763694716503</v>
      </c>
      <c r="C5800" s="83">
        <v>43342.583333333336</v>
      </c>
      <c r="D5800">
        <v>272628.32410000003</v>
      </c>
      <c r="E5800">
        <v>35795.23184</v>
      </c>
      <c r="F5800">
        <v>102937.6774</v>
      </c>
      <c r="G5800">
        <v>48555.574840000001</v>
      </c>
      <c r="H5800">
        <v>49475.801379999997</v>
      </c>
      <c r="I5800">
        <v>35004.316379999997</v>
      </c>
      <c r="J5800">
        <v>48826.11911</v>
      </c>
      <c r="K5800">
        <v>63653.305939999998</v>
      </c>
      <c r="L5800">
        <v>32659.488979999998</v>
      </c>
      <c r="M5800">
        <v>362790.36469999998</v>
      </c>
      <c r="N5800">
        <v>99139.639580000003</v>
      </c>
      <c r="O5800">
        <v>26425.291219999999</v>
      </c>
      <c r="P5800">
        <v>34349.302580000003</v>
      </c>
      <c r="Q5800">
        <v>101706.08900000001</v>
      </c>
      <c r="R5800">
        <v>25225.470700000002</v>
      </c>
      <c r="S5800">
        <v>111191.0788</v>
      </c>
      <c r="T5800">
        <v>30831.308229999999</v>
      </c>
      <c r="U5800">
        <v>24326.787400000001</v>
      </c>
      <c r="W5800" s="83">
        <f>Bühler!N5832</f>
        <v>45533.583333319271</v>
      </c>
      <c r="X5800" s="83">
        <v>43342.583333333336</v>
      </c>
      <c r="Y5800">
        <v>272628.32410000003</v>
      </c>
      <c r="Z5800">
        <v>35795.23184</v>
      </c>
      <c r="AA5800">
        <v>102937.6774</v>
      </c>
      <c r="AB5800">
        <v>48555.574840000001</v>
      </c>
      <c r="AC5800">
        <v>49475.801379999997</v>
      </c>
      <c r="AD5800">
        <v>35004.316379999997</v>
      </c>
      <c r="AE5800">
        <v>48826.11911</v>
      </c>
      <c r="AF5800">
        <v>63653.305939999998</v>
      </c>
      <c r="AG5800">
        <v>32659.488979999998</v>
      </c>
      <c r="AH5800">
        <v>362790.36469999998</v>
      </c>
      <c r="AI5800">
        <v>99139.639580000003</v>
      </c>
      <c r="AJ5800">
        <v>26425.291219999999</v>
      </c>
      <c r="AK5800">
        <v>34349.302580000003</v>
      </c>
      <c r="AL5800">
        <v>101706.08900000001</v>
      </c>
      <c r="AM5800">
        <v>25225.470700000002</v>
      </c>
      <c r="AN5800">
        <v>111191.0788</v>
      </c>
      <c r="AO5800">
        <v>30831.308229999999</v>
      </c>
      <c r="AP5800">
        <v>24326.787400000001</v>
      </c>
    </row>
    <row r="5801" spans="2:42" x14ac:dyDescent="0.3">
      <c r="B5801">
        <v>69.950629636441775</v>
      </c>
      <c r="C5801" s="83">
        <v>43342.625</v>
      </c>
      <c r="D5801">
        <v>269130.28470000002</v>
      </c>
      <c r="E5801">
        <v>36001.065860000002</v>
      </c>
      <c r="F5801">
        <v>104342.2225</v>
      </c>
      <c r="G5801">
        <v>47928.696750000003</v>
      </c>
      <c r="H5801">
        <v>48484.456760000001</v>
      </c>
      <c r="I5801">
        <v>34832.984259999997</v>
      </c>
      <c r="J5801">
        <v>49113.519849999997</v>
      </c>
      <c r="K5801">
        <v>62710.100279999999</v>
      </c>
      <c r="L5801">
        <v>30306.916280000001</v>
      </c>
      <c r="M5801">
        <v>356640.93079999997</v>
      </c>
      <c r="N5801">
        <v>96571.715649999998</v>
      </c>
      <c r="O5801">
        <v>24303.047259999999</v>
      </c>
      <c r="P5801">
        <v>31776.18044</v>
      </c>
      <c r="Q5801">
        <v>101040.4709</v>
      </c>
      <c r="R5801">
        <v>24731.101859999999</v>
      </c>
      <c r="S5801">
        <v>109124.1747</v>
      </c>
      <c r="T5801">
        <v>30429.29348</v>
      </c>
      <c r="U5801">
        <v>23846.041150000001</v>
      </c>
      <c r="W5801" s="83">
        <f>Bühler!N5833</f>
        <v>45533.624999985936</v>
      </c>
      <c r="X5801" s="83">
        <v>43342.625</v>
      </c>
      <c r="Y5801">
        <v>269130.28470000002</v>
      </c>
      <c r="Z5801">
        <v>36001.065860000002</v>
      </c>
      <c r="AA5801">
        <v>104342.2225</v>
      </c>
      <c r="AB5801">
        <v>47928.696750000003</v>
      </c>
      <c r="AC5801">
        <v>48484.456760000001</v>
      </c>
      <c r="AD5801">
        <v>34832.984259999997</v>
      </c>
      <c r="AE5801">
        <v>49113.519849999997</v>
      </c>
      <c r="AF5801">
        <v>62710.100279999999</v>
      </c>
      <c r="AG5801">
        <v>30306.916280000001</v>
      </c>
      <c r="AH5801">
        <v>356640.93079999997</v>
      </c>
      <c r="AI5801">
        <v>96571.715649999998</v>
      </c>
      <c r="AJ5801">
        <v>24303.047259999999</v>
      </c>
      <c r="AK5801">
        <v>31776.18044</v>
      </c>
      <c r="AL5801">
        <v>101040.4709</v>
      </c>
      <c r="AM5801">
        <v>24731.101859999999</v>
      </c>
      <c r="AN5801">
        <v>109124.1747</v>
      </c>
      <c r="AO5801">
        <v>30429.29348</v>
      </c>
      <c r="AP5801">
        <v>23846.041150000001</v>
      </c>
    </row>
    <row r="5802" spans="2:42" x14ac:dyDescent="0.3">
      <c r="B5802">
        <v>68.57614444227022</v>
      </c>
      <c r="C5802" s="83">
        <v>43342.666666666664</v>
      </c>
      <c r="D5802">
        <v>262220.80660000001</v>
      </c>
      <c r="E5802">
        <v>35188.972650000003</v>
      </c>
      <c r="F5802">
        <v>103398.5687</v>
      </c>
      <c r="G5802">
        <v>45730.805760000003</v>
      </c>
      <c r="H5802">
        <v>47398.281690000003</v>
      </c>
      <c r="I5802">
        <v>35837.099479999997</v>
      </c>
      <c r="J5802">
        <v>48192.734850000001</v>
      </c>
      <c r="K5802">
        <v>60296.2281</v>
      </c>
      <c r="L5802">
        <v>29700.307369999999</v>
      </c>
      <c r="M5802">
        <v>349633.1643</v>
      </c>
      <c r="N5802">
        <v>93860.873009999996</v>
      </c>
      <c r="O5802">
        <v>23644.117149999998</v>
      </c>
      <c r="P5802">
        <v>31113.45909</v>
      </c>
      <c r="Q5802">
        <v>99351.385829999999</v>
      </c>
      <c r="R5802">
        <v>24108.161530000001</v>
      </c>
      <c r="S5802">
        <v>106991.22100000001</v>
      </c>
      <c r="T5802">
        <v>29864.98864</v>
      </c>
      <c r="U5802">
        <v>22173.41936</v>
      </c>
      <c r="W5802" s="83">
        <f>Bühler!N5834</f>
        <v>45533.6666666526</v>
      </c>
      <c r="X5802" s="83">
        <v>43342.666666666664</v>
      </c>
      <c r="Y5802">
        <v>262220.80660000001</v>
      </c>
      <c r="Z5802">
        <v>35188.972650000003</v>
      </c>
      <c r="AA5802">
        <v>103398.5687</v>
      </c>
      <c r="AB5802">
        <v>45730.805760000003</v>
      </c>
      <c r="AC5802">
        <v>47398.281690000003</v>
      </c>
      <c r="AD5802">
        <v>35837.099479999997</v>
      </c>
      <c r="AE5802">
        <v>48192.734850000001</v>
      </c>
      <c r="AF5802">
        <v>60296.2281</v>
      </c>
      <c r="AG5802">
        <v>29700.307369999999</v>
      </c>
      <c r="AH5802">
        <v>349633.1643</v>
      </c>
      <c r="AI5802">
        <v>93860.873009999996</v>
      </c>
      <c r="AJ5802">
        <v>23644.117149999998</v>
      </c>
      <c r="AK5802">
        <v>31113.45909</v>
      </c>
      <c r="AL5802">
        <v>99351.385829999999</v>
      </c>
      <c r="AM5802">
        <v>24108.161530000001</v>
      </c>
      <c r="AN5802">
        <v>106991.22100000001</v>
      </c>
      <c r="AO5802">
        <v>29864.98864</v>
      </c>
      <c r="AP5802">
        <v>22173.41936</v>
      </c>
    </row>
    <row r="5803" spans="2:42" x14ac:dyDescent="0.3">
      <c r="B5803">
        <v>66.978849284511796</v>
      </c>
      <c r="C5803" s="83">
        <v>43342.708333333336</v>
      </c>
      <c r="D5803">
        <v>252495.17869999999</v>
      </c>
      <c r="E5803">
        <v>33036.841780000002</v>
      </c>
      <c r="F5803">
        <v>102273.5886</v>
      </c>
      <c r="G5803">
        <v>41899.976410000003</v>
      </c>
      <c r="H5803">
        <v>45546.469449999997</v>
      </c>
      <c r="I5803">
        <v>35757.734790000002</v>
      </c>
      <c r="J5803">
        <v>48760.577720000001</v>
      </c>
      <c r="K5803">
        <v>55959.339829999997</v>
      </c>
      <c r="L5803">
        <v>29887.7958</v>
      </c>
      <c r="M5803">
        <v>341489.40870000003</v>
      </c>
      <c r="N5803">
        <v>89824.605339999995</v>
      </c>
      <c r="O5803">
        <v>22852.814760000001</v>
      </c>
      <c r="P5803">
        <v>32294.713049999998</v>
      </c>
      <c r="Q5803">
        <v>98172.813209999993</v>
      </c>
      <c r="R5803">
        <v>23728.260269999999</v>
      </c>
      <c r="S5803">
        <v>102714.4001</v>
      </c>
      <c r="T5803">
        <v>29308.19054</v>
      </c>
      <c r="U5803">
        <v>20120.226360000001</v>
      </c>
      <c r="W5803" s="83">
        <f>Bühler!N5835</f>
        <v>45533.708333319264</v>
      </c>
      <c r="X5803" s="83">
        <v>43342.708333333336</v>
      </c>
      <c r="Y5803">
        <v>252495.17869999999</v>
      </c>
      <c r="Z5803">
        <v>33036.841780000002</v>
      </c>
      <c r="AA5803">
        <v>102273.5886</v>
      </c>
      <c r="AB5803">
        <v>41899.976410000003</v>
      </c>
      <c r="AC5803">
        <v>45546.469449999997</v>
      </c>
      <c r="AD5803">
        <v>35757.734790000002</v>
      </c>
      <c r="AE5803">
        <v>48760.577720000001</v>
      </c>
      <c r="AF5803">
        <v>55959.339829999997</v>
      </c>
      <c r="AG5803">
        <v>29887.7958</v>
      </c>
      <c r="AH5803">
        <v>341489.40870000003</v>
      </c>
      <c r="AI5803">
        <v>89824.605339999995</v>
      </c>
      <c r="AJ5803">
        <v>22852.814760000001</v>
      </c>
      <c r="AK5803">
        <v>32294.713049999998</v>
      </c>
      <c r="AL5803">
        <v>98172.813209999993</v>
      </c>
      <c r="AM5803">
        <v>23728.260269999999</v>
      </c>
      <c r="AN5803">
        <v>102714.4001</v>
      </c>
      <c r="AO5803">
        <v>29308.19054</v>
      </c>
      <c r="AP5803">
        <v>20120.226360000001</v>
      </c>
    </row>
    <row r="5804" spans="2:42" x14ac:dyDescent="0.3">
      <c r="B5804">
        <v>65.670097916460065</v>
      </c>
      <c r="C5804" s="83">
        <v>43342.75</v>
      </c>
      <c r="D5804">
        <v>246337.4167</v>
      </c>
      <c r="E5804">
        <v>29757.444769999998</v>
      </c>
      <c r="F5804">
        <v>99408.233139999997</v>
      </c>
      <c r="G5804">
        <v>37697.567349999998</v>
      </c>
      <c r="H5804">
        <v>43276.858130000001</v>
      </c>
      <c r="I5804">
        <v>35132.405279999999</v>
      </c>
      <c r="J5804">
        <v>49488.372810000001</v>
      </c>
      <c r="K5804">
        <v>53924.337090000001</v>
      </c>
      <c r="L5804">
        <v>30555.32344</v>
      </c>
      <c r="M5804">
        <v>334816.78389999998</v>
      </c>
      <c r="N5804">
        <v>88258.241120000006</v>
      </c>
      <c r="O5804">
        <v>21422.354889999999</v>
      </c>
      <c r="P5804">
        <v>35343.90739</v>
      </c>
      <c r="Q5804">
        <v>95917.308520000006</v>
      </c>
      <c r="R5804">
        <v>22479.540789999999</v>
      </c>
      <c r="S5804">
        <v>96494.000199999995</v>
      </c>
      <c r="T5804">
        <v>28648.123920000002</v>
      </c>
      <c r="U5804">
        <v>18763.07374</v>
      </c>
      <c r="W5804" s="83">
        <f>Bühler!N5836</f>
        <v>45533.749999985928</v>
      </c>
      <c r="X5804" s="83">
        <v>43342.75</v>
      </c>
      <c r="Y5804">
        <v>246337.4167</v>
      </c>
      <c r="Z5804">
        <v>29757.444769999998</v>
      </c>
      <c r="AA5804">
        <v>99408.233139999997</v>
      </c>
      <c r="AB5804">
        <v>37697.567349999998</v>
      </c>
      <c r="AC5804">
        <v>43276.858130000001</v>
      </c>
      <c r="AD5804">
        <v>35132.405279999999</v>
      </c>
      <c r="AE5804">
        <v>49488.372810000001</v>
      </c>
      <c r="AF5804">
        <v>53924.337090000001</v>
      </c>
      <c r="AG5804">
        <v>30555.32344</v>
      </c>
      <c r="AH5804">
        <v>334816.78389999998</v>
      </c>
      <c r="AI5804">
        <v>88258.241120000006</v>
      </c>
      <c r="AJ5804">
        <v>21422.354889999999</v>
      </c>
      <c r="AK5804">
        <v>35343.90739</v>
      </c>
      <c r="AL5804">
        <v>95917.308520000006</v>
      </c>
      <c r="AM5804">
        <v>22479.540789999999</v>
      </c>
      <c r="AN5804">
        <v>96494.000199999995</v>
      </c>
      <c r="AO5804">
        <v>28648.123920000002</v>
      </c>
      <c r="AP5804">
        <v>18763.07374</v>
      </c>
    </row>
    <row r="5805" spans="2:42" x14ac:dyDescent="0.3">
      <c r="B5805">
        <v>64.340514793744035</v>
      </c>
      <c r="C5805" s="83">
        <v>43342.791666666664</v>
      </c>
      <c r="D5805">
        <v>240601.53539999999</v>
      </c>
      <c r="E5805">
        <v>24008.24999</v>
      </c>
      <c r="F5805">
        <v>88168.874989999997</v>
      </c>
      <c r="G5805">
        <v>35493.967470000003</v>
      </c>
      <c r="H5805">
        <v>41121.02001</v>
      </c>
      <c r="I5805">
        <v>31934.77824</v>
      </c>
      <c r="J5805">
        <v>49006.506090000003</v>
      </c>
      <c r="K5805">
        <v>53131.766320000002</v>
      </c>
      <c r="L5805">
        <v>31262.42957</v>
      </c>
      <c r="M5805">
        <v>328037.94910000003</v>
      </c>
      <c r="N5805">
        <v>85459.338449999996</v>
      </c>
      <c r="O5805">
        <v>19717.156739999999</v>
      </c>
      <c r="P5805">
        <v>38742.196150000003</v>
      </c>
      <c r="Q5805">
        <v>94106.563309999998</v>
      </c>
      <c r="R5805">
        <v>21828.070390000001</v>
      </c>
      <c r="S5805">
        <v>92102.02145</v>
      </c>
      <c r="T5805">
        <v>28364.306949999998</v>
      </c>
      <c r="U5805">
        <v>17470.22754</v>
      </c>
      <c r="W5805" s="83">
        <f>Bühler!N5837</f>
        <v>45533.791666652593</v>
      </c>
      <c r="X5805" s="83">
        <v>43342.791666666664</v>
      </c>
      <c r="Y5805">
        <v>240601.53539999999</v>
      </c>
      <c r="Z5805">
        <v>24008.24999</v>
      </c>
      <c r="AA5805">
        <v>88168.874989999997</v>
      </c>
      <c r="AB5805">
        <v>35493.967470000003</v>
      </c>
      <c r="AC5805">
        <v>41121.02001</v>
      </c>
      <c r="AD5805">
        <v>31934.77824</v>
      </c>
      <c r="AE5805">
        <v>49006.506090000003</v>
      </c>
      <c r="AF5805">
        <v>53131.766320000002</v>
      </c>
      <c r="AG5805">
        <v>31262.42957</v>
      </c>
      <c r="AH5805">
        <v>328037.94910000003</v>
      </c>
      <c r="AI5805">
        <v>85459.338449999996</v>
      </c>
      <c r="AJ5805">
        <v>19717.156739999999</v>
      </c>
      <c r="AK5805">
        <v>38742.196150000003</v>
      </c>
      <c r="AL5805">
        <v>94106.563309999998</v>
      </c>
      <c r="AM5805">
        <v>21828.070390000001</v>
      </c>
      <c r="AN5805">
        <v>92102.02145</v>
      </c>
      <c r="AO5805">
        <v>28364.306949999998</v>
      </c>
      <c r="AP5805">
        <v>17470.22754</v>
      </c>
    </row>
    <row r="5806" spans="2:42" x14ac:dyDescent="0.3">
      <c r="B5806">
        <v>62.333031952134412</v>
      </c>
      <c r="C5806" s="83">
        <v>43342.833333333336</v>
      </c>
      <c r="D5806">
        <v>233019.05489999999</v>
      </c>
      <c r="E5806">
        <v>18241.102190000001</v>
      </c>
      <c r="F5806">
        <v>72100.532860000007</v>
      </c>
      <c r="G5806">
        <v>33598.318899999998</v>
      </c>
      <c r="H5806">
        <v>38964.638939999997</v>
      </c>
      <c r="I5806">
        <v>28766.136050000001</v>
      </c>
      <c r="J5806">
        <v>48720.971700000002</v>
      </c>
      <c r="K5806">
        <v>51894.791689999998</v>
      </c>
      <c r="L5806">
        <v>31815.2228</v>
      </c>
      <c r="M5806">
        <v>317802.86540000001</v>
      </c>
      <c r="N5806">
        <v>83713.606029999995</v>
      </c>
      <c r="O5806">
        <v>19081.86507</v>
      </c>
      <c r="P5806">
        <v>39101.012580000002</v>
      </c>
      <c r="Q5806">
        <v>91082.283490000002</v>
      </c>
      <c r="R5806">
        <v>20234.28428</v>
      </c>
      <c r="S5806">
        <v>85047.156210000001</v>
      </c>
      <c r="T5806">
        <v>26779.357370000002</v>
      </c>
      <c r="U5806">
        <v>17190.976279999999</v>
      </c>
      <c r="W5806" s="83">
        <f>Bühler!N5838</f>
        <v>45533.833333319257</v>
      </c>
      <c r="X5806" s="83">
        <v>43342.833333333336</v>
      </c>
      <c r="Y5806">
        <v>233019.05489999999</v>
      </c>
      <c r="Z5806">
        <v>18241.102190000001</v>
      </c>
      <c r="AA5806">
        <v>72100.532860000007</v>
      </c>
      <c r="AB5806">
        <v>33598.318899999998</v>
      </c>
      <c r="AC5806">
        <v>38964.638939999997</v>
      </c>
      <c r="AD5806">
        <v>28766.136050000001</v>
      </c>
      <c r="AE5806">
        <v>48720.971700000002</v>
      </c>
      <c r="AF5806">
        <v>51894.791689999998</v>
      </c>
      <c r="AG5806">
        <v>31815.2228</v>
      </c>
      <c r="AH5806">
        <v>317802.86540000001</v>
      </c>
      <c r="AI5806">
        <v>83713.606029999995</v>
      </c>
      <c r="AJ5806">
        <v>19081.86507</v>
      </c>
      <c r="AK5806">
        <v>39101.012580000002</v>
      </c>
      <c r="AL5806">
        <v>91082.283490000002</v>
      </c>
      <c r="AM5806">
        <v>20234.28428</v>
      </c>
      <c r="AN5806">
        <v>85047.156210000001</v>
      </c>
      <c r="AO5806">
        <v>26779.357370000002</v>
      </c>
      <c r="AP5806">
        <v>17190.976279999999</v>
      </c>
    </row>
    <row r="5807" spans="2:42" x14ac:dyDescent="0.3">
      <c r="B5807">
        <v>60.77874957219808</v>
      </c>
      <c r="C5807" s="83">
        <v>43342.875</v>
      </c>
      <c r="D5807">
        <v>226188.57079999999</v>
      </c>
      <c r="E5807">
        <v>15643.106030000001</v>
      </c>
      <c r="F5807">
        <v>63214.138709999999</v>
      </c>
      <c r="G5807">
        <v>32746.537840000001</v>
      </c>
      <c r="H5807">
        <v>37728.537420000001</v>
      </c>
      <c r="I5807">
        <v>26236.114259999998</v>
      </c>
      <c r="J5807">
        <v>48420.971259999998</v>
      </c>
      <c r="K5807">
        <v>52492.63798</v>
      </c>
      <c r="L5807">
        <v>30292.476910000001</v>
      </c>
      <c r="M5807">
        <v>309878.40899999999</v>
      </c>
      <c r="N5807">
        <v>82310.703479999996</v>
      </c>
      <c r="O5807">
        <v>18215.127100000002</v>
      </c>
      <c r="P5807">
        <v>36894.21473</v>
      </c>
      <c r="Q5807">
        <v>88375.603239999997</v>
      </c>
      <c r="R5807">
        <v>19666.237860000001</v>
      </c>
      <c r="S5807">
        <v>81943.688160000005</v>
      </c>
      <c r="T5807">
        <v>24243.005959999999</v>
      </c>
      <c r="U5807">
        <v>16630.915499999999</v>
      </c>
      <c r="W5807" s="83">
        <f>Bühler!N5839</f>
        <v>45533.874999985921</v>
      </c>
      <c r="X5807" s="83">
        <v>43342.875</v>
      </c>
      <c r="Y5807">
        <v>226188.57079999999</v>
      </c>
      <c r="Z5807">
        <v>15643.106030000001</v>
      </c>
      <c r="AA5807">
        <v>63214.138709999999</v>
      </c>
      <c r="AB5807">
        <v>32746.537840000001</v>
      </c>
      <c r="AC5807">
        <v>37728.537420000001</v>
      </c>
      <c r="AD5807">
        <v>26236.114259999998</v>
      </c>
      <c r="AE5807">
        <v>48420.971259999998</v>
      </c>
      <c r="AF5807">
        <v>52492.63798</v>
      </c>
      <c r="AG5807">
        <v>30292.476910000001</v>
      </c>
      <c r="AH5807">
        <v>309878.40899999999</v>
      </c>
      <c r="AI5807">
        <v>82310.703479999996</v>
      </c>
      <c r="AJ5807">
        <v>18215.127100000002</v>
      </c>
      <c r="AK5807">
        <v>36894.21473</v>
      </c>
      <c r="AL5807">
        <v>88375.603239999997</v>
      </c>
      <c r="AM5807">
        <v>19666.237860000001</v>
      </c>
      <c r="AN5807">
        <v>81943.688160000005</v>
      </c>
      <c r="AO5807">
        <v>24243.005959999999</v>
      </c>
      <c r="AP5807">
        <v>16630.915499999999</v>
      </c>
    </row>
    <row r="5808" spans="2:42" x14ac:dyDescent="0.3">
      <c r="B5808">
        <v>59.369665561800481</v>
      </c>
      <c r="C5808" s="83">
        <v>43342.916666666664</v>
      </c>
      <c r="D5808">
        <v>224601.55189999999</v>
      </c>
      <c r="E5808">
        <v>14746.191409999999</v>
      </c>
      <c r="F5808">
        <v>60529.060490000003</v>
      </c>
      <c r="G5808">
        <v>32208.343290000001</v>
      </c>
      <c r="H5808">
        <v>37117.576130000001</v>
      </c>
      <c r="I5808">
        <v>25011.221649999999</v>
      </c>
      <c r="J5808">
        <v>44890.873079999998</v>
      </c>
      <c r="K5808">
        <v>54100.625059999998</v>
      </c>
      <c r="L5808">
        <v>27171.771270000001</v>
      </c>
      <c r="M5808">
        <v>302694.24160000001</v>
      </c>
      <c r="N5808">
        <v>79777.593729999993</v>
      </c>
      <c r="O5808">
        <v>17578.928049999999</v>
      </c>
      <c r="P5808">
        <v>37929.355580000003</v>
      </c>
      <c r="Q5808">
        <v>87660.240820000006</v>
      </c>
      <c r="R5808">
        <v>20299.050009999999</v>
      </c>
      <c r="S5808">
        <v>80554.629260000002</v>
      </c>
      <c r="T5808">
        <v>21543.721300000001</v>
      </c>
      <c r="U5808">
        <v>17044.321680000001</v>
      </c>
      <c r="W5808" s="83">
        <f>Bühler!N5840</f>
        <v>45533.916666652585</v>
      </c>
      <c r="X5808" s="83">
        <v>43342.916666666664</v>
      </c>
      <c r="Y5808">
        <v>224601.55189999999</v>
      </c>
      <c r="Z5808">
        <v>14746.191409999999</v>
      </c>
      <c r="AA5808">
        <v>60529.060490000003</v>
      </c>
      <c r="AB5808">
        <v>32208.343290000001</v>
      </c>
      <c r="AC5808">
        <v>37117.576130000001</v>
      </c>
      <c r="AD5808">
        <v>25011.221649999999</v>
      </c>
      <c r="AE5808">
        <v>44890.873079999998</v>
      </c>
      <c r="AF5808">
        <v>54100.625059999998</v>
      </c>
      <c r="AG5808">
        <v>27171.771270000001</v>
      </c>
      <c r="AH5808">
        <v>302694.24160000001</v>
      </c>
      <c r="AI5808">
        <v>79777.593729999993</v>
      </c>
      <c r="AJ5808">
        <v>17578.928049999999</v>
      </c>
      <c r="AK5808">
        <v>37929.355580000003</v>
      </c>
      <c r="AL5808">
        <v>87660.240820000006</v>
      </c>
      <c r="AM5808">
        <v>20299.050009999999</v>
      </c>
      <c r="AN5808">
        <v>80554.629260000002</v>
      </c>
      <c r="AO5808">
        <v>21543.721300000001</v>
      </c>
      <c r="AP5808">
        <v>17044.321680000001</v>
      </c>
    </row>
    <row r="5809" spans="2:42" x14ac:dyDescent="0.3">
      <c r="B5809">
        <v>58.42592619445292</v>
      </c>
      <c r="C5809" s="83">
        <v>43342.958333333336</v>
      </c>
      <c r="D5809">
        <v>223557.0325</v>
      </c>
      <c r="E5809">
        <v>14016.280559999999</v>
      </c>
      <c r="F5809">
        <v>58715.622329999998</v>
      </c>
      <c r="G5809">
        <v>31993.677489999998</v>
      </c>
      <c r="H5809">
        <v>36222.346920000004</v>
      </c>
      <c r="I5809">
        <v>23905.828570000001</v>
      </c>
      <c r="J5809">
        <v>40458.27031</v>
      </c>
      <c r="K5809">
        <v>53415.674590000002</v>
      </c>
      <c r="L5809">
        <v>23692.846519999999</v>
      </c>
      <c r="M5809">
        <v>297882.61820000003</v>
      </c>
      <c r="N5809">
        <v>79186.3315</v>
      </c>
      <c r="O5809">
        <v>17344.272250000002</v>
      </c>
      <c r="P5809">
        <v>32974.4084</v>
      </c>
      <c r="Q5809">
        <v>87660.814509999997</v>
      </c>
      <c r="R5809">
        <v>19728.396710000001</v>
      </c>
      <c r="S5809">
        <v>78629.394499999995</v>
      </c>
      <c r="T5809">
        <v>19787.915079999999</v>
      </c>
      <c r="U5809">
        <v>16025.07559</v>
      </c>
      <c r="W5809" s="83">
        <f>Bühler!N5841</f>
        <v>45533.95833331925</v>
      </c>
      <c r="X5809" s="83">
        <v>43342.958333333336</v>
      </c>
      <c r="Y5809">
        <v>223557.0325</v>
      </c>
      <c r="Z5809">
        <v>14016.280559999999</v>
      </c>
      <c r="AA5809">
        <v>58715.622329999998</v>
      </c>
      <c r="AB5809">
        <v>31993.677489999998</v>
      </c>
      <c r="AC5809">
        <v>36222.346920000004</v>
      </c>
      <c r="AD5809">
        <v>23905.828570000001</v>
      </c>
      <c r="AE5809">
        <v>40458.27031</v>
      </c>
      <c r="AF5809">
        <v>53415.674590000002</v>
      </c>
      <c r="AG5809">
        <v>23692.846519999999</v>
      </c>
      <c r="AH5809">
        <v>297882.61820000003</v>
      </c>
      <c r="AI5809">
        <v>79186.3315</v>
      </c>
      <c r="AJ5809">
        <v>17344.272250000002</v>
      </c>
      <c r="AK5809">
        <v>32974.4084</v>
      </c>
      <c r="AL5809">
        <v>87660.814509999997</v>
      </c>
      <c r="AM5809">
        <v>19728.396710000001</v>
      </c>
      <c r="AN5809">
        <v>78629.394499999995</v>
      </c>
      <c r="AO5809">
        <v>19787.915079999999</v>
      </c>
      <c r="AP5809">
        <v>16025.07559</v>
      </c>
    </row>
    <row r="5810" spans="2:42" x14ac:dyDescent="0.3">
      <c r="B5810">
        <v>57.111702749480656</v>
      </c>
      <c r="C5810" s="83">
        <v>43343</v>
      </c>
      <c r="D5810">
        <v>222590.67319999999</v>
      </c>
      <c r="E5810">
        <v>13439.132540000001</v>
      </c>
      <c r="F5810">
        <v>57302.839849999997</v>
      </c>
      <c r="G5810">
        <v>31577.71745</v>
      </c>
      <c r="H5810">
        <v>35550.863400000002</v>
      </c>
      <c r="I5810">
        <v>22349.361980000001</v>
      </c>
      <c r="J5810">
        <v>37217.15062</v>
      </c>
      <c r="K5810">
        <v>51502.13622</v>
      </c>
      <c r="L5810">
        <v>20750.16144</v>
      </c>
      <c r="M5810">
        <v>291182.09419999999</v>
      </c>
      <c r="N5810">
        <v>77678.066949999993</v>
      </c>
      <c r="O5810">
        <v>17112.53513</v>
      </c>
      <c r="P5810">
        <v>29317.965820000001</v>
      </c>
      <c r="Q5810">
        <v>86416.656669999997</v>
      </c>
      <c r="R5810">
        <v>16834.428800000002</v>
      </c>
      <c r="S5810">
        <v>76854.062149999998</v>
      </c>
      <c r="T5810">
        <v>18729.285070000002</v>
      </c>
      <c r="U5810">
        <v>15428.40193</v>
      </c>
      <c r="W5810" s="83">
        <f>Bühler!N5842</f>
        <v>45533.999999985914</v>
      </c>
      <c r="X5810" s="83">
        <v>43343</v>
      </c>
      <c r="Y5810">
        <v>222590.67319999999</v>
      </c>
      <c r="Z5810">
        <v>13439.132540000001</v>
      </c>
      <c r="AA5810">
        <v>57302.839849999997</v>
      </c>
      <c r="AB5810">
        <v>31577.71745</v>
      </c>
      <c r="AC5810">
        <v>35550.863400000002</v>
      </c>
      <c r="AD5810">
        <v>22349.361980000001</v>
      </c>
      <c r="AE5810">
        <v>37217.15062</v>
      </c>
      <c r="AF5810">
        <v>51502.13622</v>
      </c>
      <c r="AG5810">
        <v>20750.16144</v>
      </c>
      <c r="AH5810">
        <v>291182.09419999999</v>
      </c>
      <c r="AI5810">
        <v>77678.066949999993</v>
      </c>
      <c r="AJ5810">
        <v>17112.53513</v>
      </c>
      <c r="AK5810">
        <v>29317.965820000001</v>
      </c>
      <c r="AL5810">
        <v>86416.656669999997</v>
      </c>
      <c r="AM5810">
        <v>16834.428800000002</v>
      </c>
      <c r="AN5810">
        <v>76854.062149999998</v>
      </c>
      <c r="AO5810">
        <v>18729.285070000002</v>
      </c>
      <c r="AP5810">
        <v>15428.40193</v>
      </c>
    </row>
    <row r="5811" spans="2:42" x14ac:dyDescent="0.3">
      <c r="B5811">
        <v>56.582158565226145</v>
      </c>
      <c r="C5811" s="83">
        <v>43343.041666666664</v>
      </c>
      <c r="D5811">
        <v>221701.1024</v>
      </c>
      <c r="E5811">
        <v>13160.740970000001</v>
      </c>
      <c r="F5811">
        <v>55972.174579999999</v>
      </c>
      <c r="G5811">
        <v>31020.655050000001</v>
      </c>
      <c r="H5811">
        <v>34940.228130000003</v>
      </c>
      <c r="I5811">
        <v>18507.071090000001</v>
      </c>
      <c r="J5811">
        <v>35357.06063</v>
      </c>
      <c r="K5811">
        <v>49639.772980000002</v>
      </c>
      <c r="L5811">
        <v>19213.077939999999</v>
      </c>
      <c r="M5811">
        <v>288482.23100000003</v>
      </c>
      <c r="N5811">
        <v>75951.397320000004</v>
      </c>
      <c r="O5811">
        <v>17162.238649999999</v>
      </c>
      <c r="P5811">
        <v>27232.724689999999</v>
      </c>
      <c r="Q5811">
        <v>86882.596600000004</v>
      </c>
      <c r="R5811">
        <v>14854.92583</v>
      </c>
      <c r="S5811">
        <v>75655.882240000006</v>
      </c>
      <c r="T5811">
        <v>18014.183440000001</v>
      </c>
      <c r="U5811">
        <v>15438.2605</v>
      </c>
      <c r="W5811" s="83">
        <f>Bühler!N5843</f>
        <v>45534.041666652578</v>
      </c>
      <c r="X5811" s="83">
        <v>43343.041666666664</v>
      </c>
      <c r="Y5811">
        <v>221701.1024</v>
      </c>
      <c r="Z5811">
        <v>13160.740970000001</v>
      </c>
      <c r="AA5811">
        <v>55972.174579999999</v>
      </c>
      <c r="AB5811">
        <v>31020.655050000001</v>
      </c>
      <c r="AC5811">
        <v>34940.228130000003</v>
      </c>
      <c r="AD5811">
        <v>18507.071090000001</v>
      </c>
      <c r="AE5811">
        <v>35357.06063</v>
      </c>
      <c r="AF5811">
        <v>49639.772980000002</v>
      </c>
      <c r="AG5811">
        <v>19213.077939999999</v>
      </c>
      <c r="AH5811">
        <v>288482.23100000003</v>
      </c>
      <c r="AI5811">
        <v>75951.397320000004</v>
      </c>
      <c r="AJ5811">
        <v>17162.238649999999</v>
      </c>
      <c r="AK5811">
        <v>27232.724689999999</v>
      </c>
      <c r="AL5811">
        <v>86882.596600000004</v>
      </c>
      <c r="AM5811">
        <v>14854.92583</v>
      </c>
      <c r="AN5811">
        <v>75655.882240000006</v>
      </c>
      <c r="AO5811">
        <v>18014.183440000001</v>
      </c>
      <c r="AP5811">
        <v>15438.2605</v>
      </c>
    </row>
    <row r="5812" spans="2:42" x14ac:dyDescent="0.3">
      <c r="B5812">
        <v>56.463822057826825</v>
      </c>
      <c r="C5812" s="83">
        <v>43343.083333333336</v>
      </c>
      <c r="D5812">
        <v>221201.30979999999</v>
      </c>
      <c r="E5812">
        <v>13060.863139999999</v>
      </c>
      <c r="F5812">
        <v>56247.153870000002</v>
      </c>
      <c r="G5812">
        <v>30366.255260000002</v>
      </c>
      <c r="H5812">
        <v>34757.800479999998</v>
      </c>
      <c r="I5812">
        <v>16626.82663</v>
      </c>
      <c r="J5812">
        <v>34716.497889999999</v>
      </c>
      <c r="K5812">
        <v>48369.62083</v>
      </c>
      <c r="L5812">
        <v>18308.042160000001</v>
      </c>
      <c r="M5812">
        <v>287878.89630000002</v>
      </c>
      <c r="N5812">
        <v>74264.380309999993</v>
      </c>
      <c r="O5812">
        <v>16502.472089999999</v>
      </c>
      <c r="P5812">
        <v>25223.36609</v>
      </c>
      <c r="Q5812">
        <v>89064.688020000001</v>
      </c>
      <c r="R5812">
        <v>14878.09008</v>
      </c>
      <c r="S5812">
        <v>74351.055699999997</v>
      </c>
      <c r="T5812">
        <v>17679.114379999999</v>
      </c>
      <c r="U5812">
        <v>15409.479520000001</v>
      </c>
      <c r="W5812" s="83">
        <f>Bühler!N5844</f>
        <v>45534.083333319242</v>
      </c>
      <c r="X5812" s="83">
        <v>43343.083333333336</v>
      </c>
      <c r="Y5812">
        <v>221201.30979999999</v>
      </c>
      <c r="Z5812">
        <v>13060.863139999999</v>
      </c>
      <c r="AA5812">
        <v>56247.153870000002</v>
      </c>
      <c r="AB5812">
        <v>30366.255260000002</v>
      </c>
      <c r="AC5812">
        <v>34757.800479999998</v>
      </c>
      <c r="AD5812">
        <v>16626.82663</v>
      </c>
      <c r="AE5812">
        <v>34716.497889999999</v>
      </c>
      <c r="AF5812">
        <v>48369.62083</v>
      </c>
      <c r="AG5812">
        <v>18308.042160000001</v>
      </c>
      <c r="AH5812">
        <v>287878.89630000002</v>
      </c>
      <c r="AI5812">
        <v>74264.380309999993</v>
      </c>
      <c r="AJ5812">
        <v>16502.472089999999</v>
      </c>
      <c r="AK5812">
        <v>25223.36609</v>
      </c>
      <c r="AL5812">
        <v>89064.688020000001</v>
      </c>
      <c r="AM5812">
        <v>14878.09008</v>
      </c>
      <c r="AN5812">
        <v>74351.055699999997</v>
      </c>
      <c r="AO5812">
        <v>17679.114379999999</v>
      </c>
      <c r="AP5812">
        <v>15409.479520000001</v>
      </c>
    </row>
    <row r="5813" spans="2:42" x14ac:dyDescent="0.3">
      <c r="B5813">
        <v>57.034059577308973</v>
      </c>
      <c r="C5813" s="83">
        <v>43343.125</v>
      </c>
      <c r="D5813">
        <v>220979.30230000001</v>
      </c>
      <c r="E5813">
        <v>13008.895850000001</v>
      </c>
      <c r="F5813">
        <v>57653.76384</v>
      </c>
      <c r="G5813">
        <v>29586.506280000001</v>
      </c>
      <c r="H5813">
        <v>34527.073770000003</v>
      </c>
      <c r="I5813">
        <v>16172.37398</v>
      </c>
      <c r="J5813">
        <v>34836.589919999999</v>
      </c>
      <c r="K5813">
        <v>46629.9087</v>
      </c>
      <c r="L5813">
        <v>17716.50445</v>
      </c>
      <c r="M5813">
        <v>290786.23310000001</v>
      </c>
      <c r="N5813">
        <v>74640.868910000005</v>
      </c>
      <c r="O5813">
        <v>17421.720140000001</v>
      </c>
      <c r="P5813">
        <v>24445.706119999999</v>
      </c>
      <c r="Q5813">
        <v>91336.793290000001</v>
      </c>
      <c r="R5813">
        <v>14354.495339999999</v>
      </c>
      <c r="S5813">
        <v>73820.615990000006</v>
      </c>
      <c r="T5813">
        <v>17507.804349999999</v>
      </c>
      <c r="U5813">
        <v>15367.640450000001</v>
      </c>
      <c r="W5813" s="83">
        <f>Bühler!N5845</f>
        <v>45534.124999985906</v>
      </c>
      <c r="X5813" s="83">
        <v>43343.125</v>
      </c>
      <c r="Y5813">
        <v>220979.30230000001</v>
      </c>
      <c r="Z5813">
        <v>13008.895850000001</v>
      </c>
      <c r="AA5813">
        <v>57653.76384</v>
      </c>
      <c r="AB5813">
        <v>29586.506280000001</v>
      </c>
      <c r="AC5813">
        <v>34527.073770000003</v>
      </c>
      <c r="AD5813">
        <v>16172.37398</v>
      </c>
      <c r="AE5813">
        <v>34836.589919999999</v>
      </c>
      <c r="AF5813">
        <v>46629.9087</v>
      </c>
      <c r="AG5813">
        <v>17716.50445</v>
      </c>
      <c r="AH5813">
        <v>290786.23310000001</v>
      </c>
      <c r="AI5813">
        <v>74640.868910000005</v>
      </c>
      <c r="AJ5813">
        <v>17421.720140000001</v>
      </c>
      <c r="AK5813">
        <v>24445.706119999999</v>
      </c>
      <c r="AL5813">
        <v>91336.793290000001</v>
      </c>
      <c r="AM5813">
        <v>14354.495339999999</v>
      </c>
      <c r="AN5813">
        <v>73820.615990000006</v>
      </c>
      <c r="AO5813">
        <v>17507.804349999999</v>
      </c>
      <c r="AP5813">
        <v>15367.640450000001</v>
      </c>
    </row>
    <row r="5814" spans="2:42" x14ac:dyDescent="0.3">
      <c r="B5814">
        <v>57.949678468736117</v>
      </c>
      <c r="C5814" s="83">
        <v>43343.166666666664</v>
      </c>
      <c r="D5814">
        <v>224455.69200000001</v>
      </c>
      <c r="E5814">
        <v>13252.798500000001</v>
      </c>
      <c r="F5814">
        <v>61525.34663</v>
      </c>
      <c r="G5814">
        <v>29060.112829999998</v>
      </c>
      <c r="H5814">
        <v>34723.575239999998</v>
      </c>
      <c r="I5814">
        <v>17451.700079999999</v>
      </c>
      <c r="J5814">
        <v>36678.400479999997</v>
      </c>
      <c r="K5814">
        <v>46051.650479999997</v>
      </c>
      <c r="L5814">
        <v>17301.524850000002</v>
      </c>
      <c r="M5814">
        <v>295454.4852</v>
      </c>
      <c r="N5814">
        <v>74005.679829999994</v>
      </c>
      <c r="O5814">
        <v>17564.529399999999</v>
      </c>
      <c r="P5814">
        <v>24356.76899</v>
      </c>
      <c r="Q5814">
        <v>94234.638200000001</v>
      </c>
      <c r="R5814">
        <v>14237.44405</v>
      </c>
      <c r="S5814">
        <v>73399.5098</v>
      </c>
      <c r="T5814">
        <v>17440.16906</v>
      </c>
      <c r="U5814">
        <v>15223.983039999999</v>
      </c>
      <c r="W5814" s="83">
        <f>Bühler!N5846</f>
        <v>45534.166666652571</v>
      </c>
      <c r="X5814" s="83">
        <v>43343.166666666664</v>
      </c>
      <c r="Y5814">
        <v>224455.69200000001</v>
      </c>
      <c r="Z5814">
        <v>13252.798500000001</v>
      </c>
      <c r="AA5814">
        <v>61525.34663</v>
      </c>
      <c r="AB5814">
        <v>29060.112829999998</v>
      </c>
      <c r="AC5814">
        <v>34723.575239999998</v>
      </c>
      <c r="AD5814">
        <v>17451.700079999999</v>
      </c>
      <c r="AE5814">
        <v>36678.400479999997</v>
      </c>
      <c r="AF5814">
        <v>46051.650479999997</v>
      </c>
      <c r="AG5814">
        <v>17301.524850000002</v>
      </c>
      <c r="AH5814">
        <v>295454.4852</v>
      </c>
      <c r="AI5814">
        <v>74005.679829999994</v>
      </c>
      <c r="AJ5814">
        <v>17564.529399999999</v>
      </c>
      <c r="AK5814">
        <v>24356.76899</v>
      </c>
      <c r="AL5814">
        <v>94234.638200000001</v>
      </c>
      <c r="AM5814">
        <v>14237.44405</v>
      </c>
      <c r="AN5814">
        <v>73399.5098</v>
      </c>
      <c r="AO5814">
        <v>17440.16906</v>
      </c>
      <c r="AP5814">
        <v>15223.983039999999</v>
      </c>
    </row>
    <row r="5815" spans="2:42" x14ac:dyDescent="0.3">
      <c r="B5815">
        <v>60.256225361715963</v>
      </c>
      <c r="C5815" s="83">
        <v>43343.208333333336</v>
      </c>
      <c r="D5815">
        <v>236351.06280000001</v>
      </c>
      <c r="E5815">
        <v>15085.192639999999</v>
      </c>
      <c r="F5815">
        <v>73497.782779999994</v>
      </c>
      <c r="G5815">
        <v>30067.046780000001</v>
      </c>
      <c r="H5815">
        <v>36479.998209999998</v>
      </c>
      <c r="I5815">
        <v>23582.16173</v>
      </c>
      <c r="J5815">
        <v>40176.839260000001</v>
      </c>
      <c r="K5815">
        <v>46974.666729999997</v>
      </c>
      <c r="L5815">
        <v>17992.664580000001</v>
      </c>
      <c r="M5815">
        <v>307214.33689999999</v>
      </c>
      <c r="N5815">
        <v>75601.854879999999</v>
      </c>
      <c r="O5815">
        <v>17002.626609999999</v>
      </c>
      <c r="P5815">
        <v>25742.55098</v>
      </c>
      <c r="Q5815">
        <v>96986.505980000002</v>
      </c>
      <c r="R5815">
        <v>15758.211450000001</v>
      </c>
      <c r="S5815">
        <v>75857.020069999999</v>
      </c>
      <c r="T5815">
        <v>18404.79578</v>
      </c>
      <c r="U5815">
        <v>16405.277689999999</v>
      </c>
      <c r="W5815" s="83">
        <f>Bühler!N5847</f>
        <v>45534.208333319235</v>
      </c>
      <c r="X5815" s="83">
        <v>43343.208333333336</v>
      </c>
      <c r="Y5815">
        <v>236351.06280000001</v>
      </c>
      <c r="Z5815">
        <v>15085.192639999999</v>
      </c>
      <c r="AA5815">
        <v>73497.782779999994</v>
      </c>
      <c r="AB5815">
        <v>30067.046780000001</v>
      </c>
      <c r="AC5815">
        <v>36479.998209999998</v>
      </c>
      <c r="AD5815">
        <v>23582.16173</v>
      </c>
      <c r="AE5815">
        <v>40176.839260000001</v>
      </c>
      <c r="AF5815">
        <v>46974.666729999997</v>
      </c>
      <c r="AG5815">
        <v>17992.664580000001</v>
      </c>
      <c r="AH5815">
        <v>307214.33689999999</v>
      </c>
      <c r="AI5815">
        <v>75601.854879999999</v>
      </c>
      <c r="AJ5815">
        <v>17002.626609999999</v>
      </c>
      <c r="AK5815">
        <v>25742.55098</v>
      </c>
      <c r="AL5815">
        <v>96986.505980000002</v>
      </c>
      <c r="AM5815">
        <v>15758.211450000001</v>
      </c>
      <c r="AN5815">
        <v>75857.020069999999</v>
      </c>
      <c r="AO5815">
        <v>18404.79578</v>
      </c>
      <c r="AP5815">
        <v>16405.277689999999</v>
      </c>
    </row>
    <row r="5816" spans="2:42" x14ac:dyDescent="0.3">
      <c r="B5816">
        <v>63.155126326967988</v>
      </c>
      <c r="C5816" s="83">
        <v>43343.25</v>
      </c>
      <c r="D5816">
        <v>251397.7536</v>
      </c>
      <c r="E5816">
        <v>19147.82992</v>
      </c>
      <c r="F5816">
        <v>84742.195110000001</v>
      </c>
      <c r="G5816">
        <v>35651.33223</v>
      </c>
      <c r="H5816">
        <v>39602.361239999998</v>
      </c>
      <c r="I5816">
        <v>29187.387569999999</v>
      </c>
      <c r="J5816">
        <v>43814.593200000003</v>
      </c>
      <c r="K5816">
        <v>48864.900959999999</v>
      </c>
      <c r="L5816">
        <v>18780.820500000002</v>
      </c>
      <c r="M5816">
        <v>321994.28590000002</v>
      </c>
      <c r="N5816">
        <v>77734.508979999999</v>
      </c>
      <c r="O5816">
        <v>18796.74137</v>
      </c>
      <c r="P5816">
        <v>26271.861099999998</v>
      </c>
      <c r="Q5816">
        <v>97818.898149999994</v>
      </c>
      <c r="R5816">
        <v>16994.70809</v>
      </c>
      <c r="S5816">
        <v>84317.762390000004</v>
      </c>
      <c r="T5816">
        <v>20130.506870000001</v>
      </c>
      <c r="U5816">
        <v>19100.28224</v>
      </c>
      <c r="W5816" s="83">
        <f>Bühler!N5848</f>
        <v>45534.249999985899</v>
      </c>
      <c r="X5816" s="83">
        <v>43343.25</v>
      </c>
      <c r="Y5816">
        <v>251397.7536</v>
      </c>
      <c r="Z5816">
        <v>19147.82992</v>
      </c>
      <c r="AA5816">
        <v>84742.195110000001</v>
      </c>
      <c r="AB5816">
        <v>35651.33223</v>
      </c>
      <c r="AC5816">
        <v>39602.361239999998</v>
      </c>
      <c r="AD5816">
        <v>29187.387569999999</v>
      </c>
      <c r="AE5816">
        <v>43814.593200000003</v>
      </c>
      <c r="AF5816">
        <v>48864.900959999999</v>
      </c>
      <c r="AG5816">
        <v>18780.820500000002</v>
      </c>
      <c r="AH5816">
        <v>321994.28590000002</v>
      </c>
      <c r="AI5816">
        <v>77734.508979999999</v>
      </c>
      <c r="AJ5816">
        <v>18796.74137</v>
      </c>
      <c r="AK5816">
        <v>26271.861099999998</v>
      </c>
      <c r="AL5816">
        <v>97818.898149999994</v>
      </c>
      <c r="AM5816">
        <v>16994.70809</v>
      </c>
      <c r="AN5816">
        <v>84317.762390000004</v>
      </c>
      <c r="AO5816">
        <v>20130.506870000001</v>
      </c>
      <c r="AP5816">
        <v>19100.28224</v>
      </c>
    </row>
    <row r="5817" spans="2:42" x14ac:dyDescent="0.3">
      <c r="B5817">
        <v>64.920477571112443</v>
      </c>
      <c r="C5817" s="83">
        <v>43343.291666666664</v>
      </c>
      <c r="D5817">
        <v>263213.06640000001</v>
      </c>
      <c r="E5817">
        <v>23075.900010000001</v>
      </c>
      <c r="F5817">
        <v>87541.756680000006</v>
      </c>
      <c r="G5817">
        <v>41818.034529999997</v>
      </c>
      <c r="H5817">
        <v>43258.956420000002</v>
      </c>
      <c r="I5817">
        <v>34446.85211</v>
      </c>
      <c r="J5817">
        <v>44013.510979999999</v>
      </c>
      <c r="K5817">
        <v>52987.778100000003</v>
      </c>
      <c r="L5817">
        <v>21124.60383</v>
      </c>
      <c r="M5817">
        <v>330994.86979999999</v>
      </c>
      <c r="N5817">
        <v>82146.883379999999</v>
      </c>
      <c r="O5817">
        <v>20620.336289999999</v>
      </c>
      <c r="P5817">
        <v>29657.425449999999</v>
      </c>
      <c r="Q5817">
        <v>97516.813120000006</v>
      </c>
      <c r="R5817">
        <v>18274.37357</v>
      </c>
      <c r="S5817">
        <v>96878.126210000002</v>
      </c>
      <c r="T5817">
        <v>23679.376069999998</v>
      </c>
      <c r="U5817">
        <v>22873.047920000001</v>
      </c>
      <c r="W5817" s="83">
        <f>Bühler!N5849</f>
        <v>45534.291666652563</v>
      </c>
      <c r="X5817" s="83">
        <v>43343.291666666664</v>
      </c>
      <c r="Y5817">
        <v>263213.06640000001</v>
      </c>
      <c r="Z5817">
        <v>23075.900010000001</v>
      </c>
      <c r="AA5817">
        <v>87541.756680000006</v>
      </c>
      <c r="AB5817">
        <v>41818.034529999997</v>
      </c>
      <c r="AC5817">
        <v>43258.956420000002</v>
      </c>
      <c r="AD5817">
        <v>34446.85211</v>
      </c>
      <c r="AE5817">
        <v>44013.510979999999</v>
      </c>
      <c r="AF5817">
        <v>52987.778100000003</v>
      </c>
      <c r="AG5817">
        <v>21124.60383</v>
      </c>
      <c r="AH5817">
        <v>330994.86979999999</v>
      </c>
      <c r="AI5817">
        <v>82146.883379999999</v>
      </c>
      <c r="AJ5817">
        <v>20620.336289999999</v>
      </c>
      <c r="AK5817">
        <v>29657.425449999999</v>
      </c>
      <c r="AL5817">
        <v>97516.813120000006</v>
      </c>
      <c r="AM5817">
        <v>18274.37357</v>
      </c>
      <c r="AN5817">
        <v>96878.126210000002</v>
      </c>
      <c r="AO5817">
        <v>23679.376069999998</v>
      </c>
      <c r="AP5817">
        <v>22873.047920000001</v>
      </c>
    </row>
    <row r="5818" spans="2:42" x14ac:dyDescent="0.3">
      <c r="B5818">
        <v>65.991865285305892</v>
      </c>
      <c r="C5818" s="83">
        <v>43343.333333333336</v>
      </c>
      <c r="D5818">
        <v>271333.95439999999</v>
      </c>
      <c r="E5818">
        <v>28893.9084</v>
      </c>
      <c r="F5818">
        <v>93383.516310000006</v>
      </c>
      <c r="G5818">
        <v>47763.422879999998</v>
      </c>
      <c r="H5818">
        <v>46829.278389999999</v>
      </c>
      <c r="I5818">
        <v>36860.86952</v>
      </c>
      <c r="J5818">
        <v>46735.098910000001</v>
      </c>
      <c r="K5818">
        <v>58210.894610000003</v>
      </c>
      <c r="L5818">
        <v>25203.788079999998</v>
      </c>
      <c r="M5818">
        <v>336457.304</v>
      </c>
      <c r="N5818">
        <v>88296.415129999994</v>
      </c>
      <c r="O5818">
        <v>22197.11463</v>
      </c>
      <c r="P5818">
        <v>32789.231160000003</v>
      </c>
      <c r="Q5818">
        <v>98364.663379999998</v>
      </c>
      <c r="R5818">
        <v>21237.826949999999</v>
      </c>
      <c r="S5818">
        <v>107685.24619999999</v>
      </c>
      <c r="T5818">
        <v>26495.451430000001</v>
      </c>
      <c r="U5818">
        <v>25550.133890000001</v>
      </c>
      <c r="W5818" s="83">
        <f>Bühler!N5850</f>
        <v>45534.333333319228</v>
      </c>
      <c r="X5818" s="83">
        <v>43343.333333333336</v>
      </c>
      <c r="Y5818">
        <v>271333.95439999999</v>
      </c>
      <c r="Z5818">
        <v>28893.9084</v>
      </c>
      <c r="AA5818">
        <v>93383.516310000006</v>
      </c>
      <c r="AB5818">
        <v>47763.422879999998</v>
      </c>
      <c r="AC5818">
        <v>46829.278389999999</v>
      </c>
      <c r="AD5818">
        <v>36860.86952</v>
      </c>
      <c r="AE5818">
        <v>46735.098910000001</v>
      </c>
      <c r="AF5818">
        <v>58210.894610000003</v>
      </c>
      <c r="AG5818">
        <v>25203.788079999998</v>
      </c>
      <c r="AH5818">
        <v>336457.304</v>
      </c>
      <c r="AI5818">
        <v>88296.415129999994</v>
      </c>
      <c r="AJ5818">
        <v>22197.11463</v>
      </c>
      <c r="AK5818">
        <v>32789.231160000003</v>
      </c>
      <c r="AL5818">
        <v>98364.663379999998</v>
      </c>
      <c r="AM5818">
        <v>21237.826949999999</v>
      </c>
      <c r="AN5818">
        <v>107685.24619999999</v>
      </c>
      <c r="AO5818">
        <v>26495.451430000001</v>
      </c>
      <c r="AP5818">
        <v>25550.133890000001</v>
      </c>
    </row>
    <row r="5819" spans="2:42" x14ac:dyDescent="0.3">
      <c r="B5819">
        <v>66.717540626055694</v>
      </c>
      <c r="C5819" s="83">
        <v>43343.375</v>
      </c>
      <c r="D5819">
        <v>275332.45760000002</v>
      </c>
      <c r="E5819">
        <v>33082.481240000001</v>
      </c>
      <c r="F5819">
        <v>99551.799799999993</v>
      </c>
      <c r="G5819">
        <v>52072.711940000001</v>
      </c>
      <c r="H5819">
        <v>49071.932350000003</v>
      </c>
      <c r="I5819">
        <v>36639.251830000001</v>
      </c>
      <c r="J5819">
        <v>49443.561170000001</v>
      </c>
      <c r="K5819">
        <v>61527.33425</v>
      </c>
      <c r="L5819">
        <v>28991.916310000001</v>
      </c>
      <c r="M5819">
        <v>340157.13530000002</v>
      </c>
      <c r="N5819">
        <v>93061.833490000005</v>
      </c>
      <c r="O5819">
        <v>24633.008440000001</v>
      </c>
      <c r="P5819">
        <v>35712.059309999997</v>
      </c>
      <c r="Q5819">
        <v>101402.8036</v>
      </c>
      <c r="R5819">
        <v>22226.98172</v>
      </c>
      <c r="S5819">
        <v>114597.7729</v>
      </c>
      <c r="T5819">
        <v>29291.387050000001</v>
      </c>
      <c r="U5819">
        <v>25959.654689999999</v>
      </c>
      <c r="W5819" s="83">
        <f>Bühler!N5851</f>
        <v>45534.374999985892</v>
      </c>
      <c r="X5819" s="83">
        <v>43343.375</v>
      </c>
      <c r="Y5819">
        <v>275332.45760000002</v>
      </c>
      <c r="Z5819">
        <v>33082.481240000001</v>
      </c>
      <c r="AA5819">
        <v>99551.799799999993</v>
      </c>
      <c r="AB5819">
        <v>52072.711940000001</v>
      </c>
      <c r="AC5819">
        <v>49071.932350000003</v>
      </c>
      <c r="AD5819">
        <v>36639.251830000001</v>
      </c>
      <c r="AE5819">
        <v>49443.561170000001</v>
      </c>
      <c r="AF5819">
        <v>61527.33425</v>
      </c>
      <c r="AG5819">
        <v>28991.916310000001</v>
      </c>
      <c r="AH5819">
        <v>340157.13530000002</v>
      </c>
      <c r="AI5819">
        <v>93061.833490000005</v>
      </c>
      <c r="AJ5819">
        <v>24633.008440000001</v>
      </c>
      <c r="AK5819">
        <v>35712.059309999997</v>
      </c>
      <c r="AL5819">
        <v>101402.8036</v>
      </c>
      <c r="AM5819">
        <v>22226.98172</v>
      </c>
      <c r="AN5819">
        <v>114597.7729</v>
      </c>
      <c r="AO5819">
        <v>29291.387050000001</v>
      </c>
      <c r="AP5819">
        <v>25959.654689999999</v>
      </c>
    </row>
    <row r="5820" spans="2:42" x14ac:dyDescent="0.3">
      <c r="B5820">
        <v>66.533862959637915</v>
      </c>
      <c r="C5820" s="83">
        <v>43343.416666666664</v>
      </c>
      <c r="D5820">
        <v>276960.97560000001</v>
      </c>
      <c r="E5820">
        <v>34838.860829999998</v>
      </c>
      <c r="F5820">
        <v>101955.9917</v>
      </c>
      <c r="G5820">
        <v>52702.688069999997</v>
      </c>
      <c r="H5820">
        <v>49928.25215</v>
      </c>
      <c r="I5820">
        <v>34532.951240000002</v>
      </c>
      <c r="J5820">
        <v>49711.260560000002</v>
      </c>
      <c r="K5820">
        <v>63516.036740000003</v>
      </c>
      <c r="L5820">
        <v>32222.52305</v>
      </c>
      <c r="M5820">
        <v>339220.66090000002</v>
      </c>
      <c r="N5820">
        <v>97597.997959999993</v>
      </c>
      <c r="O5820">
        <v>25776.0743</v>
      </c>
      <c r="P5820">
        <v>37819.494610000002</v>
      </c>
      <c r="Q5820">
        <v>100814.454</v>
      </c>
      <c r="R5820">
        <v>22987.79</v>
      </c>
      <c r="S5820">
        <v>116007.72689999999</v>
      </c>
      <c r="T5820">
        <v>30890.462060000002</v>
      </c>
      <c r="U5820">
        <v>25995.703600000001</v>
      </c>
      <c r="W5820" s="83">
        <f>Bühler!N5852</f>
        <v>45534.416666652556</v>
      </c>
      <c r="X5820" s="83">
        <v>43343.416666666664</v>
      </c>
      <c r="Y5820">
        <v>276960.97560000001</v>
      </c>
      <c r="Z5820">
        <v>34838.860829999998</v>
      </c>
      <c r="AA5820">
        <v>101955.9917</v>
      </c>
      <c r="AB5820">
        <v>52702.688069999997</v>
      </c>
      <c r="AC5820">
        <v>49928.25215</v>
      </c>
      <c r="AD5820">
        <v>34532.951240000002</v>
      </c>
      <c r="AE5820">
        <v>49711.260560000002</v>
      </c>
      <c r="AF5820">
        <v>63516.036740000003</v>
      </c>
      <c r="AG5820">
        <v>32222.52305</v>
      </c>
      <c r="AH5820">
        <v>339220.66090000002</v>
      </c>
      <c r="AI5820">
        <v>97597.997959999993</v>
      </c>
      <c r="AJ5820">
        <v>25776.0743</v>
      </c>
      <c r="AK5820">
        <v>37819.494610000002</v>
      </c>
      <c r="AL5820">
        <v>100814.454</v>
      </c>
      <c r="AM5820">
        <v>22987.79</v>
      </c>
      <c r="AN5820">
        <v>116007.72689999999</v>
      </c>
      <c r="AO5820">
        <v>30890.462060000002</v>
      </c>
      <c r="AP5820">
        <v>25995.703600000001</v>
      </c>
    </row>
    <row r="5821" spans="2:42" x14ac:dyDescent="0.3">
      <c r="B5821">
        <v>66.799882897602188</v>
      </c>
      <c r="C5821" s="83">
        <v>43343.458333333336</v>
      </c>
      <c r="D5821">
        <v>272853.05070000002</v>
      </c>
      <c r="E5821">
        <v>35008.537120000001</v>
      </c>
      <c r="F5821">
        <v>103009.3827</v>
      </c>
      <c r="G5821">
        <v>53626.396710000001</v>
      </c>
      <c r="H5821">
        <v>50310.476569999999</v>
      </c>
      <c r="I5821">
        <v>34324.752039999999</v>
      </c>
      <c r="J5821">
        <v>49013.159169999999</v>
      </c>
      <c r="K5821">
        <v>63894.090479999999</v>
      </c>
      <c r="L5821">
        <v>34015.573100000001</v>
      </c>
      <c r="M5821">
        <v>340576.9546</v>
      </c>
      <c r="N5821">
        <v>98626.132859999998</v>
      </c>
      <c r="O5821">
        <v>26142.411929999998</v>
      </c>
      <c r="P5821">
        <v>37163.614320000001</v>
      </c>
      <c r="Q5821">
        <v>101386.24310000001</v>
      </c>
      <c r="R5821">
        <v>25022.36232</v>
      </c>
      <c r="S5821">
        <v>118813.2885</v>
      </c>
      <c r="T5821">
        <v>31588.059870000001</v>
      </c>
      <c r="U5821">
        <v>25191.880079999999</v>
      </c>
      <c r="W5821" s="83">
        <f>Bühler!N5853</f>
        <v>45534.45833331922</v>
      </c>
      <c r="X5821" s="83">
        <v>43343.458333333336</v>
      </c>
      <c r="Y5821">
        <v>272853.05070000002</v>
      </c>
      <c r="Z5821">
        <v>35008.537120000001</v>
      </c>
      <c r="AA5821">
        <v>103009.3827</v>
      </c>
      <c r="AB5821">
        <v>53626.396710000001</v>
      </c>
      <c r="AC5821">
        <v>50310.476569999999</v>
      </c>
      <c r="AD5821">
        <v>34324.752039999999</v>
      </c>
      <c r="AE5821">
        <v>49013.159169999999</v>
      </c>
      <c r="AF5821">
        <v>63894.090479999999</v>
      </c>
      <c r="AG5821">
        <v>34015.573100000001</v>
      </c>
      <c r="AH5821">
        <v>340576.9546</v>
      </c>
      <c r="AI5821">
        <v>98626.132859999998</v>
      </c>
      <c r="AJ5821">
        <v>26142.411929999998</v>
      </c>
      <c r="AK5821">
        <v>37163.614320000001</v>
      </c>
      <c r="AL5821">
        <v>101386.24310000001</v>
      </c>
      <c r="AM5821">
        <v>25022.36232</v>
      </c>
      <c r="AN5821">
        <v>118813.2885</v>
      </c>
      <c r="AO5821">
        <v>31588.059870000001</v>
      </c>
      <c r="AP5821">
        <v>25191.880079999999</v>
      </c>
    </row>
    <row r="5822" spans="2:42" x14ac:dyDescent="0.3">
      <c r="B5822">
        <v>65.913475869117903</v>
      </c>
      <c r="C5822" s="83">
        <v>43343.5</v>
      </c>
      <c r="D5822">
        <v>261232.9583</v>
      </c>
      <c r="E5822">
        <v>32093.149140000001</v>
      </c>
      <c r="F5822">
        <v>102813.5147</v>
      </c>
      <c r="G5822">
        <v>51506.872499999998</v>
      </c>
      <c r="H5822">
        <v>48939.588680000001</v>
      </c>
      <c r="I5822">
        <v>33302.760560000002</v>
      </c>
      <c r="J5822">
        <v>50462.19672</v>
      </c>
      <c r="K5822">
        <v>58998.859510000002</v>
      </c>
      <c r="L5822">
        <v>36581.09259</v>
      </c>
      <c r="M5822">
        <v>336057.63819999999</v>
      </c>
      <c r="N5822">
        <v>97136.24725</v>
      </c>
      <c r="O5822">
        <v>25188.744650000001</v>
      </c>
      <c r="P5822">
        <v>38387.212209999998</v>
      </c>
      <c r="Q5822">
        <v>101606.8321</v>
      </c>
      <c r="R5822">
        <v>25960.096529999999</v>
      </c>
      <c r="S5822">
        <v>113909.73360000001</v>
      </c>
      <c r="T5822">
        <v>30775.68837</v>
      </c>
      <c r="U5822">
        <v>21348.214830000001</v>
      </c>
      <c r="W5822" s="83">
        <f>Bühler!N5854</f>
        <v>45534.499999985885</v>
      </c>
      <c r="X5822" s="83">
        <v>43343.5</v>
      </c>
      <c r="Y5822">
        <v>261232.9583</v>
      </c>
      <c r="Z5822">
        <v>32093.149140000001</v>
      </c>
      <c r="AA5822">
        <v>102813.5147</v>
      </c>
      <c r="AB5822">
        <v>51506.872499999998</v>
      </c>
      <c r="AC5822">
        <v>48939.588680000001</v>
      </c>
      <c r="AD5822">
        <v>33302.760560000002</v>
      </c>
      <c r="AE5822">
        <v>50462.19672</v>
      </c>
      <c r="AF5822">
        <v>58998.859510000002</v>
      </c>
      <c r="AG5822">
        <v>36581.09259</v>
      </c>
      <c r="AH5822">
        <v>336057.63819999999</v>
      </c>
      <c r="AI5822">
        <v>97136.24725</v>
      </c>
      <c r="AJ5822">
        <v>25188.744650000001</v>
      </c>
      <c r="AK5822">
        <v>38387.212209999998</v>
      </c>
      <c r="AL5822">
        <v>101606.8321</v>
      </c>
      <c r="AM5822">
        <v>25960.096529999999</v>
      </c>
      <c r="AN5822">
        <v>113909.73360000001</v>
      </c>
      <c r="AO5822">
        <v>30775.68837</v>
      </c>
      <c r="AP5822">
        <v>21348.214830000001</v>
      </c>
    </row>
    <row r="5823" spans="2:42" x14ac:dyDescent="0.3">
      <c r="B5823">
        <v>65.113799118003726</v>
      </c>
      <c r="C5823" s="83">
        <v>43343.541666666664</v>
      </c>
      <c r="D5823">
        <v>257255.82199999999</v>
      </c>
      <c r="E5823">
        <v>32501.297689999999</v>
      </c>
      <c r="F5823">
        <v>101566.815</v>
      </c>
      <c r="G5823">
        <v>49950.342060000003</v>
      </c>
      <c r="H5823">
        <v>48191.177389999997</v>
      </c>
      <c r="I5823">
        <v>32833.449500000002</v>
      </c>
      <c r="J5823">
        <v>49647.53944</v>
      </c>
      <c r="K5823">
        <v>60812.699090000002</v>
      </c>
      <c r="L5823">
        <v>36027.318220000001</v>
      </c>
      <c r="M5823">
        <v>331980.51319999999</v>
      </c>
      <c r="N5823">
        <v>97148.867270000002</v>
      </c>
      <c r="O5823">
        <v>25340.41677</v>
      </c>
      <c r="P5823">
        <v>37493.171090000003</v>
      </c>
      <c r="Q5823">
        <v>99849.755550000002</v>
      </c>
      <c r="R5823">
        <v>26010.412970000001</v>
      </c>
      <c r="S5823">
        <v>113663.1698</v>
      </c>
      <c r="T5823">
        <v>30669.48976</v>
      </c>
      <c r="U5823">
        <v>22605.65612</v>
      </c>
      <c r="W5823" s="83">
        <f>Bühler!N5855</f>
        <v>45534.541666652549</v>
      </c>
      <c r="X5823" s="83">
        <v>43343.541666666664</v>
      </c>
      <c r="Y5823">
        <v>257255.82199999999</v>
      </c>
      <c r="Z5823">
        <v>32501.297689999999</v>
      </c>
      <c r="AA5823">
        <v>101566.815</v>
      </c>
      <c r="AB5823">
        <v>49950.342060000003</v>
      </c>
      <c r="AC5823">
        <v>48191.177389999997</v>
      </c>
      <c r="AD5823">
        <v>32833.449500000002</v>
      </c>
      <c r="AE5823">
        <v>49647.53944</v>
      </c>
      <c r="AF5823">
        <v>60812.699090000002</v>
      </c>
      <c r="AG5823">
        <v>36027.318220000001</v>
      </c>
      <c r="AH5823">
        <v>331980.51319999999</v>
      </c>
      <c r="AI5823">
        <v>97148.867270000002</v>
      </c>
      <c r="AJ5823">
        <v>25340.41677</v>
      </c>
      <c r="AK5823">
        <v>37493.171090000003</v>
      </c>
      <c r="AL5823">
        <v>99849.755550000002</v>
      </c>
      <c r="AM5823">
        <v>26010.412970000001</v>
      </c>
      <c r="AN5823">
        <v>113663.1698</v>
      </c>
      <c r="AO5823">
        <v>30669.48976</v>
      </c>
      <c r="AP5823">
        <v>22605.65612</v>
      </c>
    </row>
    <row r="5824" spans="2:42" x14ac:dyDescent="0.3">
      <c r="B5824">
        <v>65.538183227828029</v>
      </c>
      <c r="C5824" s="83">
        <v>43343.583333333336</v>
      </c>
      <c r="D5824">
        <v>256630.69810000001</v>
      </c>
      <c r="E5824">
        <v>35037.618730000002</v>
      </c>
      <c r="F5824">
        <v>103803.7885</v>
      </c>
      <c r="G5824">
        <v>47741.036180000003</v>
      </c>
      <c r="H5824">
        <v>48292.87</v>
      </c>
      <c r="I5824">
        <v>33566.28658</v>
      </c>
      <c r="J5824">
        <v>49466.062810000003</v>
      </c>
      <c r="K5824">
        <v>62912.573020000003</v>
      </c>
      <c r="L5824">
        <v>33097.174679999996</v>
      </c>
      <c r="M5824">
        <v>334144.22129999998</v>
      </c>
      <c r="N5824">
        <v>96065.108590000003</v>
      </c>
      <c r="O5824">
        <v>24989.099630000001</v>
      </c>
      <c r="P5824">
        <v>34347.558190000003</v>
      </c>
      <c r="Q5824">
        <v>98166.335000000006</v>
      </c>
      <c r="R5824">
        <v>25644.617399999999</v>
      </c>
      <c r="S5824">
        <v>110388.27220000001</v>
      </c>
      <c r="T5824">
        <v>29807.70276</v>
      </c>
      <c r="U5824">
        <v>23023.08826</v>
      </c>
      <c r="W5824" s="83">
        <f>Bühler!N5856</f>
        <v>45534.583333319213</v>
      </c>
      <c r="X5824" s="83">
        <v>43343.583333333336</v>
      </c>
      <c r="Y5824">
        <v>256630.69810000001</v>
      </c>
      <c r="Z5824">
        <v>35037.618730000002</v>
      </c>
      <c r="AA5824">
        <v>103803.7885</v>
      </c>
      <c r="AB5824">
        <v>47741.036180000003</v>
      </c>
      <c r="AC5824">
        <v>48292.87</v>
      </c>
      <c r="AD5824">
        <v>33566.28658</v>
      </c>
      <c r="AE5824">
        <v>49466.062810000003</v>
      </c>
      <c r="AF5824">
        <v>62912.573020000003</v>
      </c>
      <c r="AG5824">
        <v>33097.174679999996</v>
      </c>
      <c r="AH5824">
        <v>334144.22129999998</v>
      </c>
      <c r="AI5824">
        <v>96065.108590000003</v>
      </c>
      <c r="AJ5824">
        <v>24989.099630000001</v>
      </c>
      <c r="AK5824">
        <v>34347.558190000003</v>
      </c>
      <c r="AL5824">
        <v>98166.335000000006</v>
      </c>
      <c r="AM5824">
        <v>25644.617399999999</v>
      </c>
      <c r="AN5824">
        <v>110388.27220000001</v>
      </c>
      <c r="AO5824">
        <v>29807.70276</v>
      </c>
      <c r="AP5824">
        <v>23023.08826</v>
      </c>
    </row>
    <row r="5825" spans="2:42" x14ac:dyDescent="0.3">
      <c r="B5825">
        <v>65.468933403210272</v>
      </c>
      <c r="C5825" s="83">
        <v>43343.625</v>
      </c>
      <c r="D5825">
        <v>252483.826</v>
      </c>
      <c r="E5825">
        <v>34923.137340000001</v>
      </c>
      <c r="F5825">
        <v>106645.00780000001</v>
      </c>
      <c r="G5825">
        <v>45433.802100000001</v>
      </c>
      <c r="H5825">
        <v>47372.387739999998</v>
      </c>
      <c r="I5825">
        <v>33895.888780000001</v>
      </c>
      <c r="J5825">
        <v>48540.013319999998</v>
      </c>
      <c r="K5825">
        <v>60858.522040000003</v>
      </c>
      <c r="L5825">
        <v>30357.768240000001</v>
      </c>
      <c r="M5825">
        <v>333791.15340000001</v>
      </c>
      <c r="N5825">
        <v>92615.628970000005</v>
      </c>
      <c r="O5825">
        <v>24712.422070000001</v>
      </c>
      <c r="P5825">
        <v>31489.85658</v>
      </c>
      <c r="Q5825">
        <v>96481.2641</v>
      </c>
      <c r="R5825">
        <v>25154.877390000001</v>
      </c>
      <c r="S5825">
        <v>108011.39720000001</v>
      </c>
      <c r="T5825">
        <v>29035.347740000001</v>
      </c>
      <c r="U5825">
        <v>21313.062480000001</v>
      </c>
      <c r="W5825" s="83">
        <f>Bühler!N5857</f>
        <v>45534.624999985877</v>
      </c>
      <c r="X5825" s="83">
        <v>43343.625</v>
      </c>
      <c r="Y5825">
        <v>252483.826</v>
      </c>
      <c r="Z5825">
        <v>34923.137340000001</v>
      </c>
      <c r="AA5825">
        <v>106645.00780000001</v>
      </c>
      <c r="AB5825">
        <v>45433.802100000001</v>
      </c>
      <c r="AC5825">
        <v>47372.387739999998</v>
      </c>
      <c r="AD5825">
        <v>33895.888780000001</v>
      </c>
      <c r="AE5825">
        <v>48540.013319999998</v>
      </c>
      <c r="AF5825">
        <v>60858.522040000003</v>
      </c>
      <c r="AG5825">
        <v>30357.768240000001</v>
      </c>
      <c r="AH5825">
        <v>333791.15340000001</v>
      </c>
      <c r="AI5825">
        <v>92615.628970000005</v>
      </c>
      <c r="AJ5825">
        <v>24712.422070000001</v>
      </c>
      <c r="AK5825">
        <v>31489.85658</v>
      </c>
      <c r="AL5825">
        <v>96481.2641</v>
      </c>
      <c r="AM5825">
        <v>25154.877390000001</v>
      </c>
      <c r="AN5825">
        <v>108011.39720000001</v>
      </c>
      <c r="AO5825">
        <v>29035.347740000001</v>
      </c>
      <c r="AP5825">
        <v>21313.062480000001</v>
      </c>
    </row>
    <row r="5826" spans="2:42" x14ac:dyDescent="0.3">
      <c r="B5826">
        <v>64.148210788139082</v>
      </c>
      <c r="C5826" s="83">
        <v>43343.666666666664</v>
      </c>
      <c r="D5826">
        <v>245331.47440000001</v>
      </c>
      <c r="E5826">
        <v>33907.032189999998</v>
      </c>
      <c r="F5826">
        <v>106676.21</v>
      </c>
      <c r="G5826">
        <v>42555.02003</v>
      </c>
      <c r="H5826">
        <v>46248.190289999999</v>
      </c>
      <c r="I5826">
        <v>34850.842190000003</v>
      </c>
      <c r="J5826">
        <v>48038.965360000002</v>
      </c>
      <c r="K5826">
        <v>56742.856939999998</v>
      </c>
      <c r="L5826">
        <v>29196.49597</v>
      </c>
      <c r="M5826">
        <v>327057.49359999999</v>
      </c>
      <c r="N5826">
        <v>90486.409</v>
      </c>
      <c r="O5826">
        <v>23908.78818</v>
      </c>
      <c r="P5826">
        <v>31053.899219999999</v>
      </c>
      <c r="Q5826">
        <v>95474.045589999994</v>
      </c>
      <c r="R5826">
        <v>24790.56943</v>
      </c>
      <c r="S5826">
        <v>104737.56939999999</v>
      </c>
      <c r="T5826">
        <v>28506.342769999999</v>
      </c>
      <c r="U5826">
        <v>19064.748299999999</v>
      </c>
      <c r="W5826" s="83">
        <f>Bühler!N5858</f>
        <v>45534.666666652542</v>
      </c>
      <c r="X5826" s="83">
        <v>43343.666666666664</v>
      </c>
      <c r="Y5826">
        <v>245331.47440000001</v>
      </c>
      <c r="Z5826">
        <v>33907.032189999998</v>
      </c>
      <c r="AA5826">
        <v>106676.21</v>
      </c>
      <c r="AB5826">
        <v>42555.02003</v>
      </c>
      <c r="AC5826">
        <v>46248.190289999999</v>
      </c>
      <c r="AD5826">
        <v>34850.842190000003</v>
      </c>
      <c r="AE5826">
        <v>48038.965360000002</v>
      </c>
      <c r="AF5826">
        <v>56742.856939999998</v>
      </c>
      <c r="AG5826">
        <v>29196.49597</v>
      </c>
      <c r="AH5826">
        <v>327057.49359999999</v>
      </c>
      <c r="AI5826">
        <v>90486.409</v>
      </c>
      <c r="AJ5826">
        <v>23908.78818</v>
      </c>
      <c r="AK5826">
        <v>31053.899219999999</v>
      </c>
      <c r="AL5826">
        <v>95474.045589999994</v>
      </c>
      <c r="AM5826">
        <v>24790.56943</v>
      </c>
      <c r="AN5826">
        <v>104737.56939999999</v>
      </c>
      <c r="AO5826">
        <v>28506.342769999999</v>
      </c>
      <c r="AP5826">
        <v>19064.748299999999</v>
      </c>
    </row>
    <row r="5827" spans="2:42" x14ac:dyDescent="0.3">
      <c r="B5827">
        <v>62.639324628257292</v>
      </c>
      <c r="C5827" s="83">
        <v>43343.708333333336</v>
      </c>
      <c r="D5827">
        <v>235954.46189999999</v>
      </c>
      <c r="E5827">
        <v>31793.656869999999</v>
      </c>
      <c r="F5827">
        <v>104148.54369999999</v>
      </c>
      <c r="G5827">
        <v>38471.705840000002</v>
      </c>
      <c r="H5827">
        <v>44687.217579999997</v>
      </c>
      <c r="I5827">
        <v>35289.079640000004</v>
      </c>
      <c r="J5827">
        <v>48383.190340000001</v>
      </c>
      <c r="K5827">
        <v>53388.740010000001</v>
      </c>
      <c r="L5827">
        <v>29580.673920000001</v>
      </c>
      <c r="M5827">
        <v>319364.48830000003</v>
      </c>
      <c r="N5827">
        <v>88352.566099999996</v>
      </c>
      <c r="O5827">
        <v>22503.82746</v>
      </c>
      <c r="P5827">
        <v>32389.919740000001</v>
      </c>
      <c r="Q5827">
        <v>93714.109079999995</v>
      </c>
      <c r="R5827">
        <v>24128.593260000001</v>
      </c>
      <c r="S5827">
        <v>101834.6482</v>
      </c>
      <c r="T5827">
        <v>27929.791550000002</v>
      </c>
      <c r="U5827">
        <v>17927.834190000001</v>
      </c>
      <c r="W5827" s="83">
        <f>Bühler!N5859</f>
        <v>45534.708333319206</v>
      </c>
      <c r="X5827" s="83">
        <v>43343.708333333336</v>
      </c>
      <c r="Y5827">
        <v>235954.46189999999</v>
      </c>
      <c r="Z5827">
        <v>31793.656869999999</v>
      </c>
      <c r="AA5827">
        <v>104148.54369999999</v>
      </c>
      <c r="AB5827">
        <v>38471.705840000002</v>
      </c>
      <c r="AC5827">
        <v>44687.217579999997</v>
      </c>
      <c r="AD5827">
        <v>35289.079640000004</v>
      </c>
      <c r="AE5827">
        <v>48383.190340000001</v>
      </c>
      <c r="AF5827">
        <v>53388.740010000001</v>
      </c>
      <c r="AG5827">
        <v>29580.673920000001</v>
      </c>
      <c r="AH5827">
        <v>319364.48830000003</v>
      </c>
      <c r="AI5827">
        <v>88352.566099999996</v>
      </c>
      <c r="AJ5827">
        <v>22503.82746</v>
      </c>
      <c r="AK5827">
        <v>32389.919740000001</v>
      </c>
      <c r="AL5827">
        <v>93714.109079999995</v>
      </c>
      <c r="AM5827">
        <v>24128.593260000001</v>
      </c>
      <c r="AN5827">
        <v>101834.6482</v>
      </c>
      <c r="AO5827">
        <v>27929.791550000002</v>
      </c>
      <c r="AP5827">
        <v>17927.834190000001</v>
      </c>
    </row>
    <row r="5828" spans="2:42" x14ac:dyDescent="0.3">
      <c r="B5828">
        <v>61.136278087194775</v>
      </c>
      <c r="C5828" s="83">
        <v>43343.75</v>
      </c>
      <c r="D5828">
        <v>228989.88449999999</v>
      </c>
      <c r="E5828">
        <v>29288.994269999999</v>
      </c>
      <c r="F5828">
        <v>101556.80070000001</v>
      </c>
      <c r="G5828">
        <v>35097.437850000002</v>
      </c>
      <c r="H5828">
        <v>42710.508970000003</v>
      </c>
      <c r="I5828">
        <v>33898.198190000003</v>
      </c>
      <c r="J5828">
        <v>48868.736080000002</v>
      </c>
      <c r="K5828">
        <v>51127.111689999998</v>
      </c>
      <c r="L5828">
        <v>30704.075809999998</v>
      </c>
      <c r="M5828">
        <v>311701.2561</v>
      </c>
      <c r="N5828">
        <v>86274.742540000007</v>
      </c>
      <c r="O5828">
        <v>21258.19153</v>
      </c>
      <c r="P5828">
        <v>35706.685870000001</v>
      </c>
      <c r="Q5828">
        <v>91189.475099999996</v>
      </c>
      <c r="R5828">
        <v>23143.029450000002</v>
      </c>
      <c r="S5828">
        <v>96241.276199999993</v>
      </c>
      <c r="T5828">
        <v>28253.159589999999</v>
      </c>
      <c r="U5828">
        <v>17254.880509999999</v>
      </c>
      <c r="W5828" s="83">
        <f>Bühler!N5860</f>
        <v>45534.74999998587</v>
      </c>
      <c r="X5828" s="83">
        <v>43343.75</v>
      </c>
      <c r="Y5828">
        <v>228989.88449999999</v>
      </c>
      <c r="Z5828">
        <v>29288.994269999999</v>
      </c>
      <c r="AA5828">
        <v>101556.80070000001</v>
      </c>
      <c r="AB5828">
        <v>35097.437850000002</v>
      </c>
      <c r="AC5828">
        <v>42710.508970000003</v>
      </c>
      <c r="AD5828">
        <v>33898.198190000003</v>
      </c>
      <c r="AE5828">
        <v>48868.736080000002</v>
      </c>
      <c r="AF5828">
        <v>51127.111689999998</v>
      </c>
      <c r="AG5828">
        <v>30704.075809999998</v>
      </c>
      <c r="AH5828">
        <v>311701.2561</v>
      </c>
      <c r="AI5828">
        <v>86274.742540000007</v>
      </c>
      <c r="AJ5828">
        <v>21258.19153</v>
      </c>
      <c r="AK5828">
        <v>35706.685870000001</v>
      </c>
      <c r="AL5828">
        <v>91189.475099999996</v>
      </c>
      <c r="AM5828">
        <v>23143.029450000002</v>
      </c>
      <c r="AN5828">
        <v>96241.276199999993</v>
      </c>
      <c r="AO5828">
        <v>28253.159589999999</v>
      </c>
      <c r="AP5828">
        <v>17254.880509999999</v>
      </c>
    </row>
    <row r="5829" spans="2:42" x14ac:dyDescent="0.3">
      <c r="B5829">
        <v>59.534728650101108</v>
      </c>
      <c r="C5829" s="83">
        <v>43343.791666666664</v>
      </c>
      <c r="D5829">
        <v>220678.8322</v>
      </c>
      <c r="E5829">
        <v>23412.902119999999</v>
      </c>
      <c r="F5829">
        <v>91862.003890000007</v>
      </c>
      <c r="G5829">
        <v>33340.482320000003</v>
      </c>
      <c r="H5829">
        <v>40730.380539999998</v>
      </c>
      <c r="I5829">
        <v>32179.498009999999</v>
      </c>
      <c r="J5829">
        <v>48073.619639999997</v>
      </c>
      <c r="K5829">
        <v>51828.139320000002</v>
      </c>
      <c r="L5829">
        <v>30961.231029999999</v>
      </c>
      <c r="M5829">
        <v>303535.81020000001</v>
      </c>
      <c r="N5829">
        <v>84175.437420000002</v>
      </c>
      <c r="O5829">
        <v>19975.746179999998</v>
      </c>
      <c r="P5829">
        <v>38531.439230000004</v>
      </c>
      <c r="Q5829">
        <v>88059.468689999994</v>
      </c>
      <c r="R5829">
        <v>22303.7942</v>
      </c>
      <c r="S5829">
        <v>92908.963059999995</v>
      </c>
      <c r="T5829">
        <v>27903.85627</v>
      </c>
      <c r="U5829">
        <v>16677.165710000001</v>
      </c>
      <c r="W5829" s="83">
        <f>Bühler!N5861</f>
        <v>45534.791666652534</v>
      </c>
      <c r="X5829" s="83">
        <v>43343.791666666664</v>
      </c>
      <c r="Y5829">
        <v>220678.8322</v>
      </c>
      <c r="Z5829">
        <v>23412.902119999999</v>
      </c>
      <c r="AA5829">
        <v>91862.003890000007</v>
      </c>
      <c r="AB5829">
        <v>33340.482320000003</v>
      </c>
      <c r="AC5829">
        <v>40730.380539999998</v>
      </c>
      <c r="AD5829">
        <v>32179.498009999999</v>
      </c>
      <c r="AE5829">
        <v>48073.619639999997</v>
      </c>
      <c r="AF5829">
        <v>51828.139320000002</v>
      </c>
      <c r="AG5829">
        <v>30961.231029999999</v>
      </c>
      <c r="AH5829">
        <v>303535.81020000001</v>
      </c>
      <c r="AI5829">
        <v>84175.437420000002</v>
      </c>
      <c r="AJ5829">
        <v>19975.746179999998</v>
      </c>
      <c r="AK5829">
        <v>38531.439230000004</v>
      </c>
      <c r="AL5829">
        <v>88059.468689999994</v>
      </c>
      <c r="AM5829">
        <v>22303.7942</v>
      </c>
      <c r="AN5829">
        <v>92908.963059999995</v>
      </c>
      <c r="AO5829">
        <v>27903.85627</v>
      </c>
      <c r="AP5829">
        <v>16677.165710000001</v>
      </c>
    </row>
    <row r="5830" spans="2:42" x14ac:dyDescent="0.3">
      <c r="B5830">
        <v>57.519922920098018</v>
      </c>
      <c r="C5830" s="83">
        <v>43343.833333333336</v>
      </c>
      <c r="D5830">
        <v>211585.9062</v>
      </c>
      <c r="E5830">
        <v>17682.655490000001</v>
      </c>
      <c r="F5830">
        <v>74171.872520000004</v>
      </c>
      <c r="G5830">
        <v>31820.87817</v>
      </c>
      <c r="H5830">
        <v>38688.448129999997</v>
      </c>
      <c r="I5830">
        <v>28700.740590000001</v>
      </c>
      <c r="J5830">
        <v>48004.463510000001</v>
      </c>
      <c r="K5830">
        <v>51890.831030000001</v>
      </c>
      <c r="L5830">
        <v>30975.520639999999</v>
      </c>
      <c r="M5830">
        <v>293263.391</v>
      </c>
      <c r="N5830">
        <v>81636.499129999997</v>
      </c>
      <c r="O5830">
        <v>18895.010460000001</v>
      </c>
      <c r="P5830">
        <v>39275.554980000001</v>
      </c>
      <c r="Q5830">
        <v>83753.928140000004</v>
      </c>
      <c r="R5830">
        <v>20961.812669999999</v>
      </c>
      <c r="S5830">
        <v>85565.518519999998</v>
      </c>
      <c r="T5830">
        <v>26408.16173</v>
      </c>
      <c r="U5830">
        <v>16495.889050000002</v>
      </c>
      <c r="W5830" s="83">
        <f>Bühler!N5862</f>
        <v>45534.833333319199</v>
      </c>
      <c r="X5830" s="83">
        <v>43343.833333333336</v>
      </c>
      <c r="Y5830">
        <v>211585.9062</v>
      </c>
      <c r="Z5830">
        <v>17682.655490000001</v>
      </c>
      <c r="AA5830">
        <v>74171.872520000004</v>
      </c>
      <c r="AB5830">
        <v>31820.87817</v>
      </c>
      <c r="AC5830">
        <v>38688.448129999997</v>
      </c>
      <c r="AD5830">
        <v>28700.740590000001</v>
      </c>
      <c r="AE5830">
        <v>48004.463510000001</v>
      </c>
      <c r="AF5830">
        <v>51890.831030000001</v>
      </c>
      <c r="AG5830">
        <v>30975.520639999999</v>
      </c>
      <c r="AH5830">
        <v>293263.391</v>
      </c>
      <c r="AI5830">
        <v>81636.499129999997</v>
      </c>
      <c r="AJ5830">
        <v>18895.010460000001</v>
      </c>
      <c r="AK5830">
        <v>39275.554980000001</v>
      </c>
      <c r="AL5830">
        <v>83753.928140000004</v>
      </c>
      <c r="AM5830">
        <v>20961.812669999999</v>
      </c>
      <c r="AN5830">
        <v>85565.518519999998</v>
      </c>
      <c r="AO5830">
        <v>26408.16173</v>
      </c>
      <c r="AP5830">
        <v>16495.889050000002</v>
      </c>
    </row>
    <row r="5831" spans="2:42" x14ac:dyDescent="0.3">
      <c r="B5831">
        <v>55.638183401480333</v>
      </c>
      <c r="C5831" s="83">
        <v>43343.875</v>
      </c>
      <c r="D5831">
        <v>207888.49789999999</v>
      </c>
      <c r="E5831">
        <v>15225.32303</v>
      </c>
      <c r="F5831">
        <v>64024.287989999997</v>
      </c>
      <c r="G5831">
        <v>31335.529910000001</v>
      </c>
      <c r="H5831">
        <v>37500.464509999998</v>
      </c>
      <c r="I5831">
        <v>26621.30285</v>
      </c>
      <c r="J5831">
        <v>47955.579469999997</v>
      </c>
      <c r="K5831">
        <v>53062.711300000003</v>
      </c>
      <c r="L5831">
        <v>30301.691350000001</v>
      </c>
      <c r="M5831">
        <v>283669.40539999999</v>
      </c>
      <c r="N5831">
        <v>79605.176890000002</v>
      </c>
      <c r="O5831">
        <v>18471.356500000002</v>
      </c>
      <c r="P5831">
        <v>37654.838810000001</v>
      </c>
      <c r="Q5831">
        <v>80525.079920000004</v>
      </c>
      <c r="R5831">
        <v>20233.30385</v>
      </c>
      <c r="S5831">
        <v>82353.840599999996</v>
      </c>
      <c r="T5831">
        <v>24458.372770000002</v>
      </c>
      <c r="U5831">
        <v>16305.876490000001</v>
      </c>
      <c r="W5831" s="83">
        <f>Bühler!N5863</f>
        <v>45534.874999985863</v>
      </c>
      <c r="X5831" s="83">
        <v>43343.875</v>
      </c>
      <c r="Y5831">
        <v>207888.49789999999</v>
      </c>
      <c r="Z5831">
        <v>15225.32303</v>
      </c>
      <c r="AA5831">
        <v>64024.287989999997</v>
      </c>
      <c r="AB5831">
        <v>31335.529910000001</v>
      </c>
      <c r="AC5831">
        <v>37500.464509999998</v>
      </c>
      <c r="AD5831">
        <v>26621.30285</v>
      </c>
      <c r="AE5831">
        <v>47955.579469999997</v>
      </c>
      <c r="AF5831">
        <v>53062.711300000003</v>
      </c>
      <c r="AG5831">
        <v>30301.691350000001</v>
      </c>
      <c r="AH5831">
        <v>283669.40539999999</v>
      </c>
      <c r="AI5831">
        <v>79605.176890000002</v>
      </c>
      <c r="AJ5831">
        <v>18471.356500000002</v>
      </c>
      <c r="AK5831">
        <v>37654.838810000001</v>
      </c>
      <c r="AL5831">
        <v>80525.079920000004</v>
      </c>
      <c r="AM5831">
        <v>20233.30385</v>
      </c>
      <c r="AN5831">
        <v>82353.840599999996</v>
      </c>
      <c r="AO5831">
        <v>24458.372770000002</v>
      </c>
      <c r="AP5831">
        <v>16305.876490000001</v>
      </c>
    </row>
    <row r="5832" spans="2:42" x14ac:dyDescent="0.3">
      <c r="B5832">
        <v>55.02780012320094</v>
      </c>
      <c r="C5832" s="83">
        <v>43343.916666666664</v>
      </c>
      <c r="D5832">
        <v>206387.209</v>
      </c>
      <c r="E5832">
        <v>14130.73019</v>
      </c>
      <c r="F5832">
        <v>60471.188699999999</v>
      </c>
      <c r="G5832">
        <v>30976.131150000001</v>
      </c>
      <c r="H5832">
        <v>36875.939680000003</v>
      </c>
      <c r="I5832">
        <v>25046.602699999999</v>
      </c>
      <c r="J5832">
        <v>45193.788269999997</v>
      </c>
      <c r="K5832">
        <v>54181.955260000002</v>
      </c>
      <c r="L5832">
        <v>26987.861209999999</v>
      </c>
      <c r="M5832">
        <v>280557.38679999998</v>
      </c>
      <c r="N5832">
        <v>77839.872889999999</v>
      </c>
      <c r="O5832">
        <v>18188.517459999999</v>
      </c>
      <c r="P5832">
        <v>39296.358679999998</v>
      </c>
      <c r="Q5832">
        <v>78631.034469999999</v>
      </c>
      <c r="R5832">
        <v>21105.258580000002</v>
      </c>
      <c r="S5832">
        <v>80187.19296</v>
      </c>
      <c r="T5832">
        <v>21285.94771</v>
      </c>
      <c r="U5832">
        <v>16076.601140000001</v>
      </c>
      <c r="W5832" s="83">
        <f>Bühler!N5864</f>
        <v>45534.916666652527</v>
      </c>
      <c r="X5832" s="83">
        <v>43343.916666666664</v>
      </c>
      <c r="Y5832">
        <v>206387.209</v>
      </c>
      <c r="Z5832">
        <v>14130.73019</v>
      </c>
      <c r="AA5832">
        <v>60471.188699999999</v>
      </c>
      <c r="AB5832">
        <v>30976.131150000001</v>
      </c>
      <c r="AC5832">
        <v>36875.939680000003</v>
      </c>
      <c r="AD5832">
        <v>25046.602699999999</v>
      </c>
      <c r="AE5832">
        <v>45193.788269999997</v>
      </c>
      <c r="AF5832">
        <v>54181.955260000002</v>
      </c>
      <c r="AG5832">
        <v>26987.861209999999</v>
      </c>
      <c r="AH5832">
        <v>280557.38679999998</v>
      </c>
      <c r="AI5832">
        <v>77839.872889999999</v>
      </c>
      <c r="AJ5832">
        <v>18188.517459999999</v>
      </c>
      <c r="AK5832">
        <v>39296.358679999998</v>
      </c>
      <c r="AL5832">
        <v>78631.034469999999</v>
      </c>
      <c r="AM5832">
        <v>21105.258580000002</v>
      </c>
      <c r="AN5832">
        <v>80187.19296</v>
      </c>
      <c r="AO5832">
        <v>21285.94771</v>
      </c>
      <c r="AP5832">
        <v>16076.601140000001</v>
      </c>
    </row>
    <row r="5833" spans="2:42" x14ac:dyDescent="0.3">
      <c r="B5833">
        <v>53.977165198749255</v>
      </c>
      <c r="C5833" s="83">
        <v>43343.958333333336</v>
      </c>
      <c r="D5833">
        <v>204309.45610000001</v>
      </c>
      <c r="E5833">
        <v>13353.86951</v>
      </c>
      <c r="F5833">
        <v>58578.506050000004</v>
      </c>
      <c r="G5833">
        <v>30968.65091</v>
      </c>
      <c r="H5833">
        <v>35910.491439999998</v>
      </c>
      <c r="I5833">
        <v>24471.15022</v>
      </c>
      <c r="J5833">
        <v>40667.656309999998</v>
      </c>
      <c r="K5833">
        <v>52767.536310000003</v>
      </c>
      <c r="L5833">
        <v>23006.48776</v>
      </c>
      <c r="M5833">
        <v>275200.76</v>
      </c>
      <c r="N5833">
        <v>76161.908230000001</v>
      </c>
      <c r="O5833">
        <v>17030.896499999999</v>
      </c>
      <c r="P5833">
        <v>34343.165699999998</v>
      </c>
      <c r="Q5833">
        <v>78166.540040000007</v>
      </c>
      <c r="R5833">
        <v>20588.661049999999</v>
      </c>
      <c r="S5833">
        <v>78186.116850000006</v>
      </c>
      <c r="T5833">
        <v>20117.460569999999</v>
      </c>
      <c r="U5833">
        <v>15486.439050000001</v>
      </c>
      <c r="W5833" s="83">
        <f>Bühler!N5865</f>
        <v>45534.958333319191</v>
      </c>
      <c r="X5833" s="83">
        <v>43343.958333333336</v>
      </c>
      <c r="Y5833">
        <v>204309.45610000001</v>
      </c>
      <c r="Z5833">
        <v>13353.86951</v>
      </c>
      <c r="AA5833">
        <v>58578.506050000004</v>
      </c>
      <c r="AB5833">
        <v>30968.65091</v>
      </c>
      <c r="AC5833">
        <v>35910.491439999998</v>
      </c>
      <c r="AD5833">
        <v>24471.15022</v>
      </c>
      <c r="AE5833">
        <v>40667.656309999998</v>
      </c>
      <c r="AF5833">
        <v>52767.536310000003</v>
      </c>
      <c r="AG5833">
        <v>23006.48776</v>
      </c>
      <c r="AH5833">
        <v>275200.76</v>
      </c>
      <c r="AI5833">
        <v>76161.908230000001</v>
      </c>
      <c r="AJ5833">
        <v>17030.896499999999</v>
      </c>
      <c r="AK5833">
        <v>34343.165699999998</v>
      </c>
      <c r="AL5833">
        <v>78166.540040000007</v>
      </c>
      <c r="AM5833">
        <v>20588.661049999999</v>
      </c>
      <c r="AN5833">
        <v>78186.116850000006</v>
      </c>
      <c r="AO5833">
        <v>20117.460569999999</v>
      </c>
      <c r="AP5833">
        <v>15486.439050000001</v>
      </c>
    </row>
    <row r="5834" spans="2:42" x14ac:dyDescent="0.3">
      <c r="B5834">
        <v>53.154501025116367</v>
      </c>
      <c r="C5834" s="83">
        <v>43344</v>
      </c>
      <c r="D5834">
        <v>200916.90669999999</v>
      </c>
      <c r="E5834">
        <v>12846.91317</v>
      </c>
      <c r="F5834">
        <v>57095.697820000001</v>
      </c>
      <c r="G5834">
        <v>30811.887999999999</v>
      </c>
      <c r="H5834">
        <v>35151.633099999999</v>
      </c>
      <c r="I5834">
        <v>22760.7922</v>
      </c>
      <c r="J5834">
        <v>36583.102639999997</v>
      </c>
      <c r="K5834">
        <v>51076.247960000001</v>
      </c>
      <c r="L5834">
        <v>19596.178879999999</v>
      </c>
      <c r="M5834">
        <v>271006.43440000003</v>
      </c>
      <c r="N5834">
        <v>72451.35699</v>
      </c>
      <c r="O5834">
        <v>16692.790519999999</v>
      </c>
      <c r="P5834">
        <v>31069.92611</v>
      </c>
      <c r="Q5834">
        <v>76135.174299999999</v>
      </c>
      <c r="R5834">
        <v>17306.730469999999</v>
      </c>
      <c r="S5834">
        <v>76239.842820000005</v>
      </c>
      <c r="T5834">
        <v>19180.818360000001</v>
      </c>
      <c r="U5834">
        <v>15207.152169999999</v>
      </c>
      <c r="W5834" s="83">
        <f>Bühler!N5866</f>
        <v>45534.999999985856</v>
      </c>
      <c r="X5834" s="83">
        <v>43344</v>
      </c>
      <c r="Y5834">
        <v>200916.90669999999</v>
      </c>
      <c r="Z5834">
        <v>12846.91317</v>
      </c>
      <c r="AA5834">
        <v>57095.697820000001</v>
      </c>
      <c r="AB5834">
        <v>30811.887999999999</v>
      </c>
      <c r="AC5834">
        <v>35151.633099999999</v>
      </c>
      <c r="AD5834">
        <v>22760.7922</v>
      </c>
      <c r="AE5834">
        <v>36583.102639999997</v>
      </c>
      <c r="AF5834">
        <v>51076.247960000001</v>
      </c>
      <c r="AG5834">
        <v>19596.178879999999</v>
      </c>
      <c r="AH5834">
        <v>271006.43440000003</v>
      </c>
      <c r="AI5834">
        <v>72451.35699</v>
      </c>
      <c r="AJ5834">
        <v>16692.790519999999</v>
      </c>
      <c r="AK5834">
        <v>31069.92611</v>
      </c>
      <c r="AL5834">
        <v>76135.174299999999</v>
      </c>
      <c r="AM5834">
        <v>17306.730469999999</v>
      </c>
      <c r="AN5834">
        <v>76239.842820000005</v>
      </c>
      <c r="AO5834">
        <v>19180.818360000001</v>
      </c>
      <c r="AP5834">
        <v>15207.152169999999</v>
      </c>
    </row>
    <row r="5835" spans="2:42" x14ac:dyDescent="0.3">
      <c r="B5835">
        <v>52.036966767193903</v>
      </c>
      <c r="C5835" s="83">
        <v>43344.041666666664</v>
      </c>
      <c r="D5835">
        <v>196303.41390000001</v>
      </c>
      <c r="E5835">
        <v>12710.532300000001</v>
      </c>
      <c r="F5835">
        <v>56391.9997</v>
      </c>
      <c r="G5835">
        <v>30162.236059999999</v>
      </c>
      <c r="H5835">
        <v>34421.863360000003</v>
      </c>
      <c r="I5835">
        <v>19280.971420000002</v>
      </c>
      <c r="J5835">
        <v>34823.192199999998</v>
      </c>
      <c r="K5835">
        <v>50117.973310000001</v>
      </c>
      <c r="L5835">
        <v>18183.53428</v>
      </c>
      <c r="M5835">
        <v>265308.72360000003</v>
      </c>
      <c r="N5835">
        <v>71366.361000000004</v>
      </c>
      <c r="O5835">
        <v>16762.08481</v>
      </c>
      <c r="P5835">
        <v>27414.617610000001</v>
      </c>
      <c r="Q5835">
        <v>75067.119489999997</v>
      </c>
      <c r="R5835">
        <v>15393.25592</v>
      </c>
      <c r="S5835">
        <v>74768.19425</v>
      </c>
      <c r="T5835">
        <v>18312.008399999999</v>
      </c>
      <c r="U5835">
        <v>14812.20335</v>
      </c>
      <c r="W5835" s="83">
        <f>Bühler!N5867</f>
        <v>45535.04166665252</v>
      </c>
      <c r="X5835" s="83">
        <v>43344.041666666664</v>
      </c>
      <c r="Y5835">
        <v>196303.41390000001</v>
      </c>
      <c r="Z5835">
        <v>12710.532300000001</v>
      </c>
      <c r="AA5835">
        <v>56391.9997</v>
      </c>
      <c r="AB5835">
        <v>30162.236059999999</v>
      </c>
      <c r="AC5835">
        <v>34421.863360000003</v>
      </c>
      <c r="AD5835">
        <v>19280.971420000002</v>
      </c>
      <c r="AE5835">
        <v>34823.192199999998</v>
      </c>
      <c r="AF5835">
        <v>50117.973310000001</v>
      </c>
      <c r="AG5835">
        <v>18183.53428</v>
      </c>
      <c r="AH5835">
        <v>265308.72360000003</v>
      </c>
      <c r="AI5835">
        <v>71366.361000000004</v>
      </c>
      <c r="AJ5835">
        <v>16762.08481</v>
      </c>
      <c r="AK5835">
        <v>27414.617610000001</v>
      </c>
      <c r="AL5835">
        <v>75067.119489999997</v>
      </c>
      <c r="AM5835">
        <v>15393.25592</v>
      </c>
      <c r="AN5835">
        <v>74768.19425</v>
      </c>
      <c r="AO5835">
        <v>18312.008399999999</v>
      </c>
      <c r="AP5835">
        <v>14812.20335</v>
      </c>
    </row>
    <row r="5836" spans="2:42" x14ac:dyDescent="0.3">
      <c r="B5836">
        <v>50.911128541536748</v>
      </c>
      <c r="C5836" s="83">
        <v>43344.083333333336</v>
      </c>
      <c r="D5836">
        <v>191266.05660000001</v>
      </c>
      <c r="E5836">
        <v>12470.693600000001</v>
      </c>
      <c r="F5836">
        <v>56781.371310000002</v>
      </c>
      <c r="G5836">
        <v>29626.612870000001</v>
      </c>
      <c r="H5836">
        <v>34271.085370000001</v>
      </c>
      <c r="I5836">
        <v>17151.731599999999</v>
      </c>
      <c r="J5836">
        <v>34603.320970000001</v>
      </c>
      <c r="K5836">
        <v>48176.538930000002</v>
      </c>
      <c r="L5836">
        <v>17135.92511</v>
      </c>
      <c r="M5836">
        <v>259568.6753</v>
      </c>
      <c r="N5836">
        <v>68632.120320000002</v>
      </c>
      <c r="O5836">
        <v>16287.0093</v>
      </c>
      <c r="P5836">
        <v>25985.929230000002</v>
      </c>
      <c r="Q5836">
        <v>74411.573319999996</v>
      </c>
      <c r="R5836">
        <v>14834.224840000001</v>
      </c>
      <c r="S5836">
        <v>73802.457599999994</v>
      </c>
      <c r="T5836">
        <v>17595.666440000001</v>
      </c>
      <c r="U5836">
        <v>14680.13341</v>
      </c>
      <c r="W5836" s="83">
        <f>Bühler!N5868</f>
        <v>45535.083333319184</v>
      </c>
      <c r="X5836" s="83">
        <v>43344.083333333336</v>
      </c>
      <c r="Y5836">
        <v>191266.05660000001</v>
      </c>
      <c r="Z5836">
        <v>12470.693600000001</v>
      </c>
      <c r="AA5836">
        <v>56781.371310000002</v>
      </c>
      <c r="AB5836">
        <v>29626.612870000001</v>
      </c>
      <c r="AC5836">
        <v>34271.085370000001</v>
      </c>
      <c r="AD5836">
        <v>17151.731599999999</v>
      </c>
      <c r="AE5836">
        <v>34603.320970000001</v>
      </c>
      <c r="AF5836">
        <v>48176.538930000002</v>
      </c>
      <c r="AG5836">
        <v>17135.92511</v>
      </c>
      <c r="AH5836">
        <v>259568.6753</v>
      </c>
      <c r="AI5836">
        <v>68632.120320000002</v>
      </c>
      <c r="AJ5836">
        <v>16287.0093</v>
      </c>
      <c r="AK5836">
        <v>25985.929230000002</v>
      </c>
      <c r="AL5836">
        <v>74411.573319999996</v>
      </c>
      <c r="AM5836">
        <v>14834.224840000001</v>
      </c>
      <c r="AN5836">
        <v>73802.457599999994</v>
      </c>
      <c r="AO5836">
        <v>17595.666440000001</v>
      </c>
      <c r="AP5836">
        <v>14680.13341</v>
      </c>
    </row>
    <row r="5837" spans="2:42" x14ac:dyDescent="0.3">
      <c r="B5837">
        <v>50.277312589196747</v>
      </c>
      <c r="C5837" s="83">
        <v>43344.125</v>
      </c>
      <c r="D5837">
        <v>185606.21369999999</v>
      </c>
      <c r="E5837">
        <v>12252.035599999999</v>
      </c>
      <c r="F5837">
        <v>57859.38912</v>
      </c>
      <c r="G5837">
        <v>28930.306240000002</v>
      </c>
      <c r="H5837">
        <v>33628.914349999999</v>
      </c>
      <c r="I5837">
        <v>16109.70577</v>
      </c>
      <c r="J5837">
        <v>34389.593390000002</v>
      </c>
      <c r="K5837">
        <v>46111.11318</v>
      </c>
      <c r="L5837">
        <v>16547.235089999998</v>
      </c>
      <c r="M5837">
        <v>256337.18599999999</v>
      </c>
      <c r="N5837">
        <v>67336.713210000002</v>
      </c>
      <c r="O5837">
        <v>16384.793089999999</v>
      </c>
      <c r="P5837">
        <v>25464.260859999999</v>
      </c>
      <c r="Q5837">
        <v>74518.427840000004</v>
      </c>
      <c r="R5837">
        <v>13693.68066</v>
      </c>
      <c r="S5837">
        <v>72808.190279999995</v>
      </c>
      <c r="T5837">
        <v>17507.486779999999</v>
      </c>
      <c r="U5837">
        <v>14304.48389</v>
      </c>
      <c r="W5837" s="83">
        <f>Bühler!N5869</f>
        <v>45535.124999985848</v>
      </c>
      <c r="X5837" s="83">
        <v>43344.125</v>
      </c>
      <c r="Y5837">
        <v>185606.21369999999</v>
      </c>
      <c r="Z5837">
        <v>12252.035599999999</v>
      </c>
      <c r="AA5837">
        <v>57859.38912</v>
      </c>
      <c r="AB5837">
        <v>28930.306240000002</v>
      </c>
      <c r="AC5837">
        <v>33628.914349999999</v>
      </c>
      <c r="AD5837">
        <v>16109.70577</v>
      </c>
      <c r="AE5837">
        <v>34389.593390000002</v>
      </c>
      <c r="AF5837">
        <v>46111.11318</v>
      </c>
      <c r="AG5837">
        <v>16547.235089999998</v>
      </c>
      <c r="AH5837">
        <v>256337.18599999999</v>
      </c>
      <c r="AI5837">
        <v>67336.713210000002</v>
      </c>
      <c r="AJ5837">
        <v>16384.793089999999</v>
      </c>
      <c r="AK5837">
        <v>25464.260859999999</v>
      </c>
      <c r="AL5837">
        <v>74518.427840000004</v>
      </c>
      <c r="AM5837">
        <v>13693.68066</v>
      </c>
      <c r="AN5837">
        <v>72808.190279999995</v>
      </c>
      <c r="AO5837">
        <v>17507.486779999999</v>
      </c>
      <c r="AP5837">
        <v>14304.48389</v>
      </c>
    </row>
    <row r="5838" spans="2:42" x14ac:dyDescent="0.3">
      <c r="B5838">
        <v>49.125067579426485</v>
      </c>
      <c r="C5838" s="83">
        <v>43344.166666666664</v>
      </c>
      <c r="D5838">
        <v>178283.02050000001</v>
      </c>
      <c r="E5838">
        <v>12358.71775</v>
      </c>
      <c r="F5838">
        <v>60729.19414</v>
      </c>
      <c r="G5838">
        <v>27936.487219999999</v>
      </c>
      <c r="H5838">
        <v>33593.583489999997</v>
      </c>
      <c r="I5838">
        <v>17292.299139999999</v>
      </c>
      <c r="J5838">
        <v>36300.231480000002</v>
      </c>
      <c r="K5838">
        <v>45038.419840000002</v>
      </c>
      <c r="L5838">
        <v>16107.91489</v>
      </c>
      <c r="M5838">
        <v>250462.5036</v>
      </c>
      <c r="N5838">
        <v>66048.124049999999</v>
      </c>
      <c r="O5838">
        <v>16452.302500000002</v>
      </c>
      <c r="P5838">
        <v>24656.187549999999</v>
      </c>
      <c r="Q5838">
        <v>72959.447239999994</v>
      </c>
      <c r="R5838">
        <v>14647.121870000001</v>
      </c>
      <c r="S5838">
        <v>73128.531950000004</v>
      </c>
      <c r="T5838">
        <v>17412.222129999998</v>
      </c>
      <c r="U5838">
        <v>14239.49811</v>
      </c>
      <c r="W5838" s="83">
        <f>Bühler!N5870</f>
        <v>45535.166666652513</v>
      </c>
      <c r="X5838" s="83">
        <v>43344.166666666664</v>
      </c>
      <c r="Y5838">
        <v>178283.02050000001</v>
      </c>
      <c r="Z5838">
        <v>12358.71775</v>
      </c>
      <c r="AA5838">
        <v>60729.19414</v>
      </c>
      <c r="AB5838">
        <v>27936.487219999999</v>
      </c>
      <c r="AC5838">
        <v>33593.583489999997</v>
      </c>
      <c r="AD5838">
        <v>17292.299139999999</v>
      </c>
      <c r="AE5838">
        <v>36300.231480000002</v>
      </c>
      <c r="AF5838">
        <v>45038.419840000002</v>
      </c>
      <c r="AG5838">
        <v>16107.91489</v>
      </c>
      <c r="AH5838">
        <v>250462.5036</v>
      </c>
      <c r="AI5838">
        <v>66048.124049999999</v>
      </c>
      <c r="AJ5838">
        <v>16452.302500000002</v>
      </c>
      <c r="AK5838">
        <v>24656.187549999999</v>
      </c>
      <c r="AL5838">
        <v>72959.447239999994</v>
      </c>
      <c r="AM5838">
        <v>14647.121870000001</v>
      </c>
      <c r="AN5838">
        <v>73128.531950000004</v>
      </c>
      <c r="AO5838">
        <v>17412.222129999998</v>
      </c>
      <c r="AP5838">
        <v>14239.49811</v>
      </c>
    </row>
    <row r="5839" spans="2:42" x14ac:dyDescent="0.3">
      <c r="B5839">
        <v>47.890555830627569</v>
      </c>
      <c r="C5839" s="83">
        <v>43344.208333333336</v>
      </c>
      <c r="D5839">
        <v>174300.79949999999</v>
      </c>
      <c r="E5839">
        <v>12853.72568</v>
      </c>
      <c r="F5839">
        <v>68941.735639999999</v>
      </c>
      <c r="G5839">
        <v>28308.0092</v>
      </c>
      <c r="H5839">
        <v>34277.082779999997</v>
      </c>
      <c r="I5839">
        <v>22338.788530000002</v>
      </c>
      <c r="J5839">
        <v>39600.441449999998</v>
      </c>
      <c r="K5839">
        <v>44989.287900000003</v>
      </c>
      <c r="L5839">
        <v>16398.518830000001</v>
      </c>
      <c r="M5839">
        <v>244168.38699999999</v>
      </c>
      <c r="N5839">
        <v>65671.458110000007</v>
      </c>
      <c r="O5839">
        <v>16339.216410000001</v>
      </c>
      <c r="P5839">
        <v>25722.395980000001</v>
      </c>
      <c r="Q5839">
        <v>71086.109660000002</v>
      </c>
      <c r="R5839">
        <v>15668.05198</v>
      </c>
      <c r="S5839">
        <v>74595.790559999994</v>
      </c>
      <c r="T5839">
        <v>18153.633170000001</v>
      </c>
      <c r="U5839">
        <v>14802.44882</v>
      </c>
      <c r="W5839" s="83">
        <f>Bühler!N5871</f>
        <v>45535.208333319177</v>
      </c>
      <c r="X5839" s="83">
        <v>43344.208333333336</v>
      </c>
      <c r="Y5839">
        <v>174300.79949999999</v>
      </c>
      <c r="Z5839">
        <v>12853.72568</v>
      </c>
      <c r="AA5839">
        <v>68941.735639999999</v>
      </c>
      <c r="AB5839">
        <v>28308.0092</v>
      </c>
      <c r="AC5839">
        <v>34277.082779999997</v>
      </c>
      <c r="AD5839">
        <v>22338.788530000002</v>
      </c>
      <c r="AE5839">
        <v>39600.441449999998</v>
      </c>
      <c r="AF5839">
        <v>44989.287900000003</v>
      </c>
      <c r="AG5839">
        <v>16398.518830000001</v>
      </c>
      <c r="AH5839">
        <v>244168.38699999999</v>
      </c>
      <c r="AI5839">
        <v>65671.458110000007</v>
      </c>
      <c r="AJ5839">
        <v>16339.216410000001</v>
      </c>
      <c r="AK5839">
        <v>25722.395980000001</v>
      </c>
      <c r="AL5839">
        <v>71086.109660000002</v>
      </c>
      <c r="AM5839">
        <v>15668.05198</v>
      </c>
      <c r="AN5839">
        <v>74595.790559999994</v>
      </c>
      <c r="AO5839">
        <v>18153.633170000001</v>
      </c>
      <c r="AP5839">
        <v>14802.44882</v>
      </c>
    </row>
    <row r="5840" spans="2:42" x14ac:dyDescent="0.3">
      <c r="B5840">
        <v>47.820726361112342</v>
      </c>
      <c r="C5840" s="83">
        <v>43344.25</v>
      </c>
      <c r="D5840">
        <v>174739.42790000001</v>
      </c>
      <c r="E5840">
        <v>14396.209210000001</v>
      </c>
      <c r="F5840">
        <v>79742.942840000003</v>
      </c>
      <c r="G5840">
        <v>28931.26542</v>
      </c>
      <c r="H5840">
        <v>34122.466099999998</v>
      </c>
      <c r="I5840">
        <v>25090.525730000001</v>
      </c>
      <c r="J5840">
        <v>42655.091930000002</v>
      </c>
      <c r="K5840">
        <v>42453.601009999998</v>
      </c>
      <c r="L5840">
        <v>17293.77375</v>
      </c>
      <c r="M5840">
        <v>243812.36379999999</v>
      </c>
      <c r="N5840">
        <v>64305.335460000002</v>
      </c>
      <c r="O5840">
        <v>16990.870940000001</v>
      </c>
      <c r="P5840">
        <v>26441.662090000002</v>
      </c>
      <c r="Q5840">
        <v>68965.180540000001</v>
      </c>
      <c r="R5840">
        <v>15746.02073</v>
      </c>
      <c r="S5840">
        <v>77953.399149999997</v>
      </c>
      <c r="T5840">
        <v>19036.320039999999</v>
      </c>
      <c r="U5840">
        <v>14782.89867</v>
      </c>
      <c r="W5840" s="83">
        <f>Bühler!N5872</f>
        <v>45535.249999985841</v>
      </c>
      <c r="X5840" s="83">
        <v>43344.25</v>
      </c>
      <c r="Y5840">
        <v>174739.42790000001</v>
      </c>
      <c r="Z5840">
        <v>14396.209210000001</v>
      </c>
      <c r="AA5840">
        <v>79742.942840000003</v>
      </c>
      <c r="AB5840">
        <v>28931.26542</v>
      </c>
      <c r="AC5840">
        <v>34122.466099999998</v>
      </c>
      <c r="AD5840">
        <v>25090.525730000001</v>
      </c>
      <c r="AE5840">
        <v>42655.091930000002</v>
      </c>
      <c r="AF5840">
        <v>42453.601009999998</v>
      </c>
      <c r="AG5840">
        <v>17293.77375</v>
      </c>
      <c r="AH5840">
        <v>243812.36379999999</v>
      </c>
      <c r="AI5840">
        <v>64305.335460000002</v>
      </c>
      <c r="AJ5840">
        <v>16990.870940000001</v>
      </c>
      <c r="AK5840">
        <v>26441.662090000002</v>
      </c>
      <c r="AL5840">
        <v>68965.180540000001</v>
      </c>
      <c r="AM5840">
        <v>15746.02073</v>
      </c>
      <c r="AN5840">
        <v>77953.399149999997</v>
      </c>
      <c r="AO5840">
        <v>19036.320039999999</v>
      </c>
      <c r="AP5840">
        <v>14782.89867</v>
      </c>
    </row>
    <row r="5841" spans="2:42" x14ac:dyDescent="0.3">
      <c r="B5841">
        <v>47.723071779007356</v>
      </c>
      <c r="C5841" s="83">
        <v>43344.291666666664</v>
      </c>
      <c r="D5841">
        <v>173384.42310000001</v>
      </c>
      <c r="E5841">
        <v>16021.44102</v>
      </c>
      <c r="F5841">
        <v>82656.095520000003</v>
      </c>
      <c r="G5841">
        <v>29300.606230000001</v>
      </c>
      <c r="H5841">
        <v>34104.174129999999</v>
      </c>
      <c r="I5841">
        <v>25914.171450000002</v>
      </c>
      <c r="J5841">
        <v>42601.258679999999</v>
      </c>
      <c r="K5841">
        <v>42646.199959999998</v>
      </c>
      <c r="L5841">
        <v>18824.203939999999</v>
      </c>
      <c r="M5841">
        <v>243314.47519999999</v>
      </c>
      <c r="N5841">
        <v>63825.843260000001</v>
      </c>
      <c r="O5841">
        <v>18104.990679999999</v>
      </c>
      <c r="P5841">
        <v>29071.940050000001</v>
      </c>
      <c r="Q5841">
        <v>66578.590970000005</v>
      </c>
      <c r="R5841">
        <v>15562.60979</v>
      </c>
      <c r="S5841">
        <v>83713.264620000002</v>
      </c>
      <c r="T5841">
        <v>20242.87787</v>
      </c>
      <c r="U5841">
        <v>14555.85262</v>
      </c>
      <c r="W5841" s="83">
        <f>Bühler!N5873</f>
        <v>45535.291666652505</v>
      </c>
      <c r="X5841" s="83">
        <v>43344.291666666664</v>
      </c>
      <c r="Y5841">
        <v>173384.42310000001</v>
      </c>
      <c r="Z5841">
        <v>16021.44102</v>
      </c>
      <c r="AA5841">
        <v>82656.095520000003</v>
      </c>
      <c r="AB5841">
        <v>29300.606230000001</v>
      </c>
      <c r="AC5841">
        <v>34104.174129999999</v>
      </c>
      <c r="AD5841">
        <v>25914.171450000002</v>
      </c>
      <c r="AE5841">
        <v>42601.258679999999</v>
      </c>
      <c r="AF5841">
        <v>42646.199959999998</v>
      </c>
      <c r="AG5841">
        <v>18824.203939999999</v>
      </c>
      <c r="AH5841">
        <v>243314.47519999999</v>
      </c>
      <c r="AI5841">
        <v>63825.843260000001</v>
      </c>
      <c r="AJ5841">
        <v>18104.990679999999</v>
      </c>
      <c r="AK5841">
        <v>29071.940050000001</v>
      </c>
      <c r="AL5841">
        <v>66578.590970000005</v>
      </c>
      <c r="AM5841">
        <v>15562.60979</v>
      </c>
      <c r="AN5841">
        <v>83713.264620000002</v>
      </c>
      <c r="AO5841">
        <v>20242.87787</v>
      </c>
      <c r="AP5841">
        <v>14555.85262</v>
      </c>
    </row>
    <row r="5842" spans="2:42" x14ac:dyDescent="0.3">
      <c r="B5842">
        <v>47.546304347479257</v>
      </c>
      <c r="C5842" s="83">
        <v>43344.333333333336</v>
      </c>
      <c r="D5842">
        <v>173416.37359999999</v>
      </c>
      <c r="E5842">
        <v>19186.16793</v>
      </c>
      <c r="F5842">
        <v>88162.631510000007</v>
      </c>
      <c r="G5842">
        <v>29806.262210000001</v>
      </c>
      <c r="H5842">
        <v>34176.199990000001</v>
      </c>
      <c r="I5842">
        <v>26214.945380000001</v>
      </c>
      <c r="J5842">
        <v>44722.944029999999</v>
      </c>
      <c r="K5842">
        <v>43902.920819999999</v>
      </c>
      <c r="L5842">
        <v>21242.766540000001</v>
      </c>
      <c r="M5842">
        <v>242413.23240000001</v>
      </c>
      <c r="N5842">
        <v>66554.145680000001</v>
      </c>
      <c r="O5842">
        <v>18409.171890000001</v>
      </c>
      <c r="P5842">
        <v>32404.461029999999</v>
      </c>
      <c r="Q5842">
        <v>65777.624750000003</v>
      </c>
      <c r="R5842">
        <v>16688.522260000002</v>
      </c>
      <c r="S5842">
        <v>86903.286609999996</v>
      </c>
      <c r="T5842">
        <v>21834.573659999998</v>
      </c>
      <c r="U5842">
        <v>14744.152840000001</v>
      </c>
      <c r="W5842" s="83">
        <f>Bühler!N5874</f>
        <v>45535.333333319169</v>
      </c>
      <c r="X5842" s="83">
        <v>43344.333333333336</v>
      </c>
      <c r="Y5842">
        <v>173416.37359999999</v>
      </c>
      <c r="Z5842">
        <v>19186.16793</v>
      </c>
      <c r="AA5842">
        <v>88162.631510000007</v>
      </c>
      <c r="AB5842">
        <v>29806.262210000001</v>
      </c>
      <c r="AC5842">
        <v>34176.199990000001</v>
      </c>
      <c r="AD5842">
        <v>26214.945380000001</v>
      </c>
      <c r="AE5842">
        <v>44722.944029999999</v>
      </c>
      <c r="AF5842">
        <v>43902.920819999999</v>
      </c>
      <c r="AG5842">
        <v>21242.766540000001</v>
      </c>
      <c r="AH5842">
        <v>242413.23240000001</v>
      </c>
      <c r="AI5842">
        <v>66554.145680000001</v>
      </c>
      <c r="AJ5842">
        <v>18409.171890000001</v>
      </c>
      <c r="AK5842">
        <v>32404.461029999999</v>
      </c>
      <c r="AL5842">
        <v>65777.624750000003</v>
      </c>
      <c r="AM5842">
        <v>16688.522260000002</v>
      </c>
      <c r="AN5842">
        <v>86903.286609999996</v>
      </c>
      <c r="AO5842">
        <v>21834.573659999998</v>
      </c>
      <c r="AP5842">
        <v>14744.152840000001</v>
      </c>
    </row>
    <row r="5843" spans="2:42" x14ac:dyDescent="0.3">
      <c r="B5843">
        <v>47.247831042384078</v>
      </c>
      <c r="C5843" s="83">
        <v>43344.375</v>
      </c>
      <c r="D5843">
        <v>174015.58979999999</v>
      </c>
      <c r="E5843">
        <v>23343.4159</v>
      </c>
      <c r="F5843">
        <v>94420.319449999995</v>
      </c>
      <c r="G5843">
        <v>30168.601350000001</v>
      </c>
      <c r="H5843">
        <v>35388.014519999997</v>
      </c>
      <c r="I5843">
        <v>26255.320400000001</v>
      </c>
      <c r="J5843">
        <v>46099.74757</v>
      </c>
      <c r="K5843">
        <v>45542.837489999998</v>
      </c>
      <c r="L5843">
        <v>25637.106520000001</v>
      </c>
      <c r="M5843">
        <v>240891.47630000001</v>
      </c>
      <c r="N5843">
        <v>69686.694359999994</v>
      </c>
      <c r="O5843">
        <v>19322.918160000001</v>
      </c>
      <c r="P5843">
        <v>35871.025249999999</v>
      </c>
      <c r="Q5843">
        <v>66952.264360000001</v>
      </c>
      <c r="R5843">
        <v>17086.72596</v>
      </c>
      <c r="S5843">
        <v>90568.136419999995</v>
      </c>
      <c r="T5843">
        <v>23548.87111</v>
      </c>
      <c r="U5843">
        <v>14922.62707</v>
      </c>
      <c r="W5843" s="83">
        <f>Bühler!N5875</f>
        <v>45535.374999985834</v>
      </c>
      <c r="X5843" s="83">
        <v>43344.375</v>
      </c>
      <c r="Y5843">
        <v>174015.58979999999</v>
      </c>
      <c r="Z5843">
        <v>23343.4159</v>
      </c>
      <c r="AA5843">
        <v>94420.319449999995</v>
      </c>
      <c r="AB5843">
        <v>30168.601350000001</v>
      </c>
      <c r="AC5843">
        <v>35388.014519999997</v>
      </c>
      <c r="AD5843">
        <v>26255.320400000001</v>
      </c>
      <c r="AE5843">
        <v>46099.74757</v>
      </c>
      <c r="AF5843">
        <v>45542.837489999998</v>
      </c>
      <c r="AG5843">
        <v>25637.106520000001</v>
      </c>
      <c r="AH5843">
        <v>240891.47630000001</v>
      </c>
      <c r="AI5843">
        <v>69686.694359999994</v>
      </c>
      <c r="AJ5843">
        <v>19322.918160000001</v>
      </c>
      <c r="AK5843">
        <v>35871.025249999999</v>
      </c>
      <c r="AL5843">
        <v>66952.264360000001</v>
      </c>
      <c r="AM5843">
        <v>17086.72596</v>
      </c>
      <c r="AN5843">
        <v>90568.136419999995</v>
      </c>
      <c r="AO5843">
        <v>23548.87111</v>
      </c>
      <c r="AP5843">
        <v>14922.62707</v>
      </c>
    </row>
    <row r="5844" spans="2:42" x14ac:dyDescent="0.3">
      <c r="B5844">
        <v>47.769760936890215</v>
      </c>
      <c r="C5844" s="83">
        <v>43344.416666666664</v>
      </c>
      <c r="D5844">
        <v>174686.46530000001</v>
      </c>
      <c r="E5844">
        <v>25275.73645</v>
      </c>
      <c r="F5844">
        <v>96973.185960000003</v>
      </c>
      <c r="G5844">
        <v>30962.401180000001</v>
      </c>
      <c r="H5844">
        <v>36627.641680000001</v>
      </c>
      <c r="I5844">
        <v>26642.33799</v>
      </c>
      <c r="J5844">
        <v>46174.25836</v>
      </c>
      <c r="K5844">
        <v>47267.075779999999</v>
      </c>
      <c r="L5844">
        <v>29157.731800000001</v>
      </c>
      <c r="M5844">
        <v>243552.5183</v>
      </c>
      <c r="N5844">
        <v>71941.923089999997</v>
      </c>
      <c r="O5844">
        <v>20322.81928</v>
      </c>
      <c r="P5844">
        <v>36751.410900000003</v>
      </c>
      <c r="Q5844">
        <v>66881.131819999995</v>
      </c>
      <c r="R5844">
        <v>18418.229429999999</v>
      </c>
      <c r="S5844">
        <v>92815.556570000001</v>
      </c>
      <c r="T5844">
        <v>26023.560809999999</v>
      </c>
      <c r="U5844">
        <v>14428.54147</v>
      </c>
      <c r="W5844" s="83">
        <f>Bühler!N5876</f>
        <v>45535.416666652498</v>
      </c>
      <c r="X5844" s="83">
        <v>43344.416666666664</v>
      </c>
      <c r="Y5844">
        <v>174686.46530000001</v>
      </c>
      <c r="Z5844">
        <v>25275.73645</v>
      </c>
      <c r="AA5844">
        <v>96973.185960000003</v>
      </c>
      <c r="AB5844">
        <v>30962.401180000001</v>
      </c>
      <c r="AC5844">
        <v>36627.641680000001</v>
      </c>
      <c r="AD5844">
        <v>26642.33799</v>
      </c>
      <c r="AE5844">
        <v>46174.25836</v>
      </c>
      <c r="AF5844">
        <v>47267.075779999999</v>
      </c>
      <c r="AG5844">
        <v>29157.731800000001</v>
      </c>
      <c r="AH5844">
        <v>243552.5183</v>
      </c>
      <c r="AI5844">
        <v>71941.923089999997</v>
      </c>
      <c r="AJ5844">
        <v>20322.81928</v>
      </c>
      <c r="AK5844">
        <v>36751.410900000003</v>
      </c>
      <c r="AL5844">
        <v>66881.131819999995</v>
      </c>
      <c r="AM5844">
        <v>18418.229429999999</v>
      </c>
      <c r="AN5844">
        <v>92815.556570000001</v>
      </c>
      <c r="AO5844">
        <v>26023.560809999999</v>
      </c>
      <c r="AP5844">
        <v>14428.54147</v>
      </c>
    </row>
    <row r="5845" spans="2:42" x14ac:dyDescent="0.3">
      <c r="B5845">
        <v>48.164416361687671</v>
      </c>
      <c r="C5845" s="83">
        <v>43344.458333333336</v>
      </c>
      <c r="D5845">
        <v>173173.5123</v>
      </c>
      <c r="E5845">
        <v>25786.758379999999</v>
      </c>
      <c r="F5845">
        <v>99767.63682</v>
      </c>
      <c r="G5845">
        <v>31305.821230000001</v>
      </c>
      <c r="H5845">
        <v>36849.057309999997</v>
      </c>
      <c r="I5845">
        <v>27312.002980000001</v>
      </c>
      <c r="J5845">
        <v>47160.368470000001</v>
      </c>
      <c r="K5845">
        <v>49528.04436</v>
      </c>
      <c r="L5845">
        <v>31777.243780000001</v>
      </c>
      <c r="M5845">
        <v>245564.6557</v>
      </c>
      <c r="N5845">
        <v>74770.766279999996</v>
      </c>
      <c r="O5845">
        <v>20701.44987</v>
      </c>
      <c r="P5845">
        <v>36238.724620000001</v>
      </c>
      <c r="Q5845">
        <v>67105.475810000004</v>
      </c>
      <c r="R5845">
        <v>19683.745429999999</v>
      </c>
      <c r="S5845">
        <v>96630.133119999999</v>
      </c>
      <c r="T5845">
        <v>26821.171429999999</v>
      </c>
      <c r="U5845">
        <v>14416.159460000001</v>
      </c>
      <c r="W5845" s="83">
        <f>Bühler!N5877</f>
        <v>45535.458333319162</v>
      </c>
      <c r="X5845" s="83">
        <v>43344.458333333336</v>
      </c>
      <c r="Y5845">
        <v>173173.5123</v>
      </c>
      <c r="Z5845">
        <v>25786.758379999999</v>
      </c>
      <c r="AA5845">
        <v>99767.63682</v>
      </c>
      <c r="AB5845">
        <v>31305.821230000001</v>
      </c>
      <c r="AC5845">
        <v>36849.057309999997</v>
      </c>
      <c r="AD5845">
        <v>27312.002980000001</v>
      </c>
      <c r="AE5845">
        <v>47160.368470000001</v>
      </c>
      <c r="AF5845">
        <v>49528.04436</v>
      </c>
      <c r="AG5845">
        <v>31777.243780000001</v>
      </c>
      <c r="AH5845">
        <v>245564.6557</v>
      </c>
      <c r="AI5845">
        <v>74770.766279999996</v>
      </c>
      <c r="AJ5845">
        <v>20701.44987</v>
      </c>
      <c r="AK5845">
        <v>36238.724620000001</v>
      </c>
      <c r="AL5845">
        <v>67105.475810000004</v>
      </c>
      <c r="AM5845">
        <v>19683.745429999999</v>
      </c>
      <c r="AN5845">
        <v>96630.133119999999</v>
      </c>
      <c r="AO5845">
        <v>26821.171429999999</v>
      </c>
      <c r="AP5845">
        <v>14416.159460000001</v>
      </c>
    </row>
    <row r="5846" spans="2:42" x14ac:dyDescent="0.3">
      <c r="B5846">
        <v>47.486512504294687</v>
      </c>
      <c r="C5846" s="83">
        <v>43344.5</v>
      </c>
      <c r="D5846">
        <v>169593.38430000001</v>
      </c>
      <c r="E5846">
        <v>25163.66159</v>
      </c>
      <c r="F5846">
        <v>99669.999030000006</v>
      </c>
      <c r="G5846">
        <v>31539.435249999999</v>
      </c>
      <c r="H5846">
        <v>37098.285940000002</v>
      </c>
      <c r="I5846">
        <v>27615.453320000001</v>
      </c>
      <c r="J5846">
        <v>48627.674160000002</v>
      </c>
      <c r="K5846">
        <v>49479.147530000002</v>
      </c>
      <c r="L5846">
        <v>34069.564200000001</v>
      </c>
      <c r="M5846">
        <v>242108.38570000001</v>
      </c>
      <c r="N5846">
        <v>76722.777430000002</v>
      </c>
      <c r="O5846">
        <v>19615.66113</v>
      </c>
      <c r="P5846">
        <v>36765.455900000001</v>
      </c>
      <c r="Q5846">
        <v>65567.249219999998</v>
      </c>
      <c r="R5846">
        <v>20343.119709999999</v>
      </c>
      <c r="S5846">
        <v>94339.953829999999</v>
      </c>
      <c r="T5846">
        <v>26526.691719999999</v>
      </c>
      <c r="U5846">
        <v>14375.60468</v>
      </c>
      <c r="W5846" s="83">
        <f>Bühler!N5878</f>
        <v>45535.499999985826</v>
      </c>
      <c r="X5846" s="83">
        <v>43344.5</v>
      </c>
      <c r="Y5846">
        <v>169593.38430000001</v>
      </c>
      <c r="Z5846">
        <v>25163.66159</v>
      </c>
      <c r="AA5846">
        <v>99669.999030000006</v>
      </c>
      <c r="AB5846">
        <v>31539.435249999999</v>
      </c>
      <c r="AC5846">
        <v>37098.285940000002</v>
      </c>
      <c r="AD5846">
        <v>27615.453320000001</v>
      </c>
      <c r="AE5846">
        <v>48627.674160000002</v>
      </c>
      <c r="AF5846">
        <v>49479.147530000002</v>
      </c>
      <c r="AG5846">
        <v>34069.564200000001</v>
      </c>
      <c r="AH5846">
        <v>242108.38570000001</v>
      </c>
      <c r="AI5846">
        <v>76722.777430000002</v>
      </c>
      <c r="AJ5846">
        <v>19615.66113</v>
      </c>
      <c r="AK5846">
        <v>36765.455900000001</v>
      </c>
      <c r="AL5846">
        <v>65567.249219999998</v>
      </c>
      <c r="AM5846">
        <v>20343.119709999999</v>
      </c>
      <c r="AN5846">
        <v>94339.953829999999</v>
      </c>
      <c r="AO5846">
        <v>26526.691719999999</v>
      </c>
      <c r="AP5846">
        <v>14375.60468</v>
      </c>
    </row>
    <row r="5847" spans="2:42" x14ac:dyDescent="0.3">
      <c r="B5847">
        <v>47.020100481441581</v>
      </c>
      <c r="C5847" s="83">
        <v>43344.541666666664</v>
      </c>
      <c r="D5847">
        <v>168088.4179</v>
      </c>
      <c r="E5847">
        <v>25241.99164</v>
      </c>
      <c r="F5847">
        <v>100052.38679999999</v>
      </c>
      <c r="G5847">
        <v>31627.581630000001</v>
      </c>
      <c r="H5847">
        <v>37464.508090000003</v>
      </c>
      <c r="I5847">
        <v>28021.15796</v>
      </c>
      <c r="J5847">
        <v>48933.289570000001</v>
      </c>
      <c r="K5847">
        <v>48731.792690000002</v>
      </c>
      <c r="L5847">
        <v>34305.278729999998</v>
      </c>
      <c r="M5847">
        <v>239730.39970000001</v>
      </c>
      <c r="N5847">
        <v>77580.338669999997</v>
      </c>
      <c r="O5847">
        <v>19164.801909999998</v>
      </c>
      <c r="P5847">
        <v>37172.588080000001</v>
      </c>
      <c r="Q5847">
        <v>63599.420409999999</v>
      </c>
      <c r="R5847">
        <v>20647.798050000001</v>
      </c>
      <c r="S5847">
        <v>96129.650330000004</v>
      </c>
      <c r="T5847">
        <v>26543.816510000001</v>
      </c>
      <c r="U5847">
        <v>14035.471289999999</v>
      </c>
      <c r="W5847" s="83">
        <f>Bühler!N5879</f>
        <v>45535.541666652491</v>
      </c>
      <c r="X5847" s="83">
        <v>43344.541666666664</v>
      </c>
      <c r="Y5847">
        <v>168088.4179</v>
      </c>
      <c r="Z5847">
        <v>25241.99164</v>
      </c>
      <c r="AA5847">
        <v>100052.38679999999</v>
      </c>
      <c r="AB5847">
        <v>31627.581630000001</v>
      </c>
      <c r="AC5847">
        <v>37464.508090000003</v>
      </c>
      <c r="AD5847">
        <v>28021.15796</v>
      </c>
      <c r="AE5847">
        <v>48933.289570000001</v>
      </c>
      <c r="AF5847">
        <v>48731.792690000002</v>
      </c>
      <c r="AG5847">
        <v>34305.278729999998</v>
      </c>
      <c r="AH5847">
        <v>239730.39970000001</v>
      </c>
      <c r="AI5847">
        <v>77580.338669999997</v>
      </c>
      <c r="AJ5847">
        <v>19164.801909999998</v>
      </c>
      <c r="AK5847">
        <v>37172.588080000001</v>
      </c>
      <c r="AL5847">
        <v>63599.420409999999</v>
      </c>
      <c r="AM5847">
        <v>20647.798050000001</v>
      </c>
      <c r="AN5847">
        <v>96129.650330000004</v>
      </c>
      <c r="AO5847">
        <v>26543.816510000001</v>
      </c>
      <c r="AP5847">
        <v>14035.471289999999</v>
      </c>
    </row>
    <row r="5848" spans="2:42" x14ac:dyDescent="0.3">
      <c r="B5848">
        <v>46.78097172815999</v>
      </c>
      <c r="C5848" s="83">
        <v>43344.583333333336</v>
      </c>
      <c r="D5848">
        <v>168101.58679999999</v>
      </c>
      <c r="E5848">
        <v>26481.59519</v>
      </c>
      <c r="F5848">
        <v>102257.76850000001</v>
      </c>
      <c r="G5848">
        <v>31700.537769999999</v>
      </c>
      <c r="H5848">
        <v>37446.645530000002</v>
      </c>
      <c r="I5848">
        <v>28622.469580000001</v>
      </c>
      <c r="J5848">
        <v>49117.909299999999</v>
      </c>
      <c r="K5848">
        <v>49090.807280000001</v>
      </c>
      <c r="L5848">
        <v>32433.286270000001</v>
      </c>
      <c r="M5848">
        <v>238511.20980000001</v>
      </c>
      <c r="N5848">
        <v>77283.161110000001</v>
      </c>
      <c r="O5848">
        <v>19050.999189999999</v>
      </c>
      <c r="P5848">
        <v>34608.623679999997</v>
      </c>
      <c r="Q5848">
        <v>63245.008300000001</v>
      </c>
      <c r="R5848">
        <v>20785.874469999999</v>
      </c>
      <c r="S5848">
        <v>94579.257530000003</v>
      </c>
      <c r="T5848">
        <v>27069.051909999998</v>
      </c>
      <c r="U5848">
        <v>14465.01246</v>
      </c>
      <c r="W5848" s="83">
        <f>Bühler!N5880</f>
        <v>45535.583333319155</v>
      </c>
      <c r="X5848" s="83">
        <v>43344.583333333336</v>
      </c>
      <c r="Y5848">
        <v>168101.58679999999</v>
      </c>
      <c r="Z5848">
        <v>26481.59519</v>
      </c>
      <c r="AA5848">
        <v>102257.76850000001</v>
      </c>
      <c r="AB5848">
        <v>31700.537769999999</v>
      </c>
      <c r="AC5848">
        <v>37446.645530000002</v>
      </c>
      <c r="AD5848">
        <v>28622.469580000001</v>
      </c>
      <c r="AE5848">
        <v>49117.909299999999</v>
      </c>
      <c r="AF5848">
        <v>49090.807280000001</v>
      </c>
      <c r="AG5848">
        <v>32433.286270000001</v>
      </c>
      <c r="AH5848">
        <v>238511.20980000001</v>
      </c>
      <c r="AI5848">
        <v>77283.161110000001</v>
      </c>
      <c r="AJ5848">
        <v>19050.999189999999</v>
      </c>
      <c r="AK5848">
        <v>34608.623679999997</v>
      </c>
      <c r="AL5848">
        <v>63245.008300000001</v>
      </c>
      <c r="AM5848">
        <v>20785.874469999999</v>
      </c>
      <c r="AN5848">
        <v>94579.257530000003</v>
      </c>
      <c r="AO5848">
        <v>27069.051909999998</v>
      </c>
      <c r="AP5848">
        <v>14465.01246</v>
      </c>
    </row>
    <row r="5849" spans="2:42" x14ac:dyDescent="0.3">
      <c r="B5849">
        <v>46.617178963043941</v>
      </c>
      <c r="C5849" s="83">
        <v>43344.625</v>
      </c>
      <c r="D5849">
        <v>167984.70600000001</v>
      </c>
      <c r="E5849">
        <v>26837.00403</v>
      </c>
      <c r="F5849">
        <v>103936.13099999999</v>
      </c>
      <c r="G5849">
        <v>31682.669979999999</v>
      </c>
      <c r="H5849">
        <v>37381.225659999996</v>
      </c>
      <c r="I5849">
        <v>28800.568879999999</v>
      </c>
      <c r="J5849">
        <v>49144.080560000002</v>
      </c>
      <c r="K5849">
        <v>49831.073089999998</v>
      </c>
      <c r="L5849">
        <v>30478.11996</v>
      </c>
      <c r="M5849">
        <v>237676.11790000001</v>
      </c>
      <c r="N5849">
        <v>76928.423800000004</v>
      </c>
      <c r="O5849">
        <v>19008.12</v>
      </c>
      <c r="P5849">
        <v>32241.010030000001</v>
      </c>
      <c r="Q5849">
        <v>63239.810270000002</v>
      </c>
      <c r="R5849">
        <v>20938.943019999999</v>
      </c>
      <c r="S5849">
        <v>94793.745599999995</v>
      </c>
      <c r="T5849">
        <v>27081.48141</v>
      </c>
      <c r="U5849">
        <v>14140.74804</v>
      </c>
      <c r="W5849" s="83">
        <f>Bühler!N5881</f>
        <v>45535.624999985819</v>
      </c>
      <c r="X5849" s="83">
        <v>43344.625</v>
      </c>
      <c r="Y5849">
        <v>167984.70600000001</v>
      </c>
      <c r="Z5849">
        <v>26837.00403</v>
      </c>
      <c r="AA5849">
        <v>103936.13099999999</v>
      </c>
      <c r="AB5849">
        <v>31682.669979999999</v>
      </c>
      <c r="AC5849">
        <v>37381.225659999996</v>
      </c>
      <c r="AD5849">
        <v>28800.568879999999</v>
      </c>
      <c r="AE5849">
        <v>49144.080560000002</v>
      </c>
      <c r="AF5849">
        <v>49831.073089999998</v>
      </c>
      <c r="AG5849">
        <v>30478.11996</v>
      </c>
      <c r="AH5849">
        <v>237676.11790000001</v>
      </c>
      <c r="AI5849">
        <v>76928.423800000004</v>
      </c>
      <c r="AJ5849">
        <v>19008.12</v>
      </c>
      <c r="AK5849">
        <v>32241.010030000001</v>
      </c>
      <c r="AL5849">
        <v>63239.810270000002</v>
      </c>
      <c r="AM5849">
        <v>20938.943019999999</v>
      </c>
      <c r="AN5849">
        <v>94793.745599999995</v>
      </c>
      <c r="AO5849">
        <v>27081.48141</v>
      </c>
      <c r="AP5849">
        <v>14140.74804</v>
      </c>
    </row>
    <row r="5850" spans="2:42" x14ac:dyDescent="0.3">
      <c r="B5850">
        <v>46.069678888947287</v>
      </c>
      <c r="C5850" s="83">
        <v>43344.666666666664</v>
      </c>
      <c r="D5850">
        <v>167093.84710000001</v>
      </c>
      <c r="E5850">
        <v>26946.344779999999</v>
      </c>
      <c r="F5850">
        <v>102242.84570000001</v>
      </c>
      <c r="G5850">
        <v>31980.624980000001</v>
      </c>
      <c r="H5850">
        <v>37660.763149999999</v>
      </c>
      <c r="I5850">
        <v>28658.953600000001</v>
      </c>
      <c r="J5850">
        <v>49004.090400000001</v>
      </c>
      <c r="K5850">
        <v>48416.499190000002</v>
      </c>
      <c r="L5850">
        <v>29648.235550000001</v>
      </c>
      <c r="M5850">
        <v>234884.7072</v>
      </c>
      <c r="N5850">
        <v>79090.919120000006</v>
      </c>
      <c r="O5850">
        <v>19055.939620000001</v>
      </c>
      <c r="P5850">
        <v>31887.10543</v>
      </c>
      <c r="Q5850">
        <v>63140.803910000002</v>
      </c>
      <c r="R5850">
        <v>20771.720310000001</v>
      </c>
      <c r="S5850">
        <v>95784.427580000003</v>
      </c>
      <c r="T5850">
        <v>26963.004809999999</v>
      </c>
      <c r="U5850">
        <v>14341.31637</v>
      </c>
      <c r="W5850" s="83">
        <f>Bühler!N5882</f>
        <v>45535.666666652483</v>
      </c>
      <c r="X5850" s="83">
        <v>43344.666666666664</v>
      </c>
      <c r="Y5850">
        <v>167093.84710000001</v>
      </c>
      <c r="Z5850">
        <v>26946.344779999999</v>
      </c>
      <c r="AA5850">
        <v>102242.84570000001</v>
      </c>
      <c r="AB5850">
        <v>31980.624980000001</v>
      </c>
      <c r="AC5850">
        <v>37660.763149999999</v>
      </c>
      <c r="AD5850">
        <v>28658.953600000001</v>
      </c>
      <c r="AE5850">
        <v>49004.090400000001</v>
      </c>
      <c r="AF5850">
        <v>48416.499190000002</v>
      </c>
      <c r="AG5850">
        <v>29648.235550000001</v>
      </c>
      <c r="AH5850">
        <v>234884.7072</v>
      </c>
      <c r="AI5850">
        <v>79090.919120000006</v>
      </c>
      <c r="AJ5850">
        <v>19055.939620000001</v>
      </c>
      <c r="AK5850">
        <v>31887.10543</v>
      </c>
      <c r="AL5850">
        <v>63140.803910000002</v>
      </c>
      <c r="AM5850">
        <v>20771.720310000001</v>
      </c>
      <c r="AN5850">
        <v>95784.427580000003</v>
      </c>
      <c r="AO5850">
        <v>26963.004809999999</v>
      </c>
      <c r="AP5850">
        <v>14341.31637</v>
      </c>
    </row>
    <row r="5851" spans="2:42" x14ac:dyDescent="0.3">
      <c r="B5851">
        <v>45.266312871544301</v>
      </c>
      <c r="C5851" s="83">
        <v>43344.708333333336</v>
      </c>
      <c r="D5851">
        <v>166529.41589999999</v>
      </c>
      <c r="E5851">
        <v>26677.955809999999</v>
      </c>
      <c r="F5851">
        <v>102518.5977</v>
      </c>
      <c r="G5851">
        <v>31998.355970000001</v>
      </c>
      <c r="H5851">
        <v>37745.185669999999</v>
      </c>
      <c r="I5851">
        <v>28799.09792</v>
      </c>
      <c r="J5851">
        <v>49771.195749999999</v>
      </c>
      <c r="K5851">
        <v>47641.251600000003</v>
      </c>
      <c r="L5851">
        <v>30264.768670000001</v>
      </c>
      <c r="M5851">
        <v>230788.7726</v>
      </c>
      <c r="N5851">
        <v>78470.756349999996</v>
      </c>
      <c r="O5851">
        <v>19169.288079999998</v>
      </c>
      <c r="P5851">
        <v>33225.175459999999</v>
      </c>
      <c r="Q5851">
        <v>61676.760060000001</v>
      </c>
      <c r="R5851">
        <v>21797.497920000002</v>
      </c>
      <c r="S5851">
        <v>97102.684800000003</v>
      </c>
      <c r="T5851">
        <v>27190.096939999999</v>
      </c>
      <c r="U5851">
        <v>14318.419029999999</v>
      </c>
      <c r="W5851" s="83">
        <f>Bühler!N5883</f>
        <v>45535.708333319148</v>
      </c>
      <c r="X5851" s="83">
        <v>43344.708333333336</v>
      </c>
      <c r="Y5851">
        <v>166529.41589999999</v>
      </c>
      <c r="Z5851">
        <v>26677.955809999999</v>
      </c>
      <c r="AA5851">
        <v>102518.5977</v>
      </c>
      <c r="AB5851">
        <v>31998.355970000001</v>
      </c>
      <c r="AC5851">
        <v>37745.185669999999</v>
      </c>
      <c r="AD5851">
        <v>28799.09792</v>
      </c>
      <c r="AE5851">
        <v>49771.195749999999</v>
      </c>
      <c r="AF5851">
        <v>47641.251600000003</v>
      </c>
      <c r="AG5851">
        <v>30264.768670000001</v>
      </c>
      <c r="AH5851">
        <v>230788.7726</v>
      </c>
      <c r="AI5851">
        <v>78470.756349999996</v>
      </c>
      <c r="AJ5851">
        <v>19169.288079999998</v>
      </c>
      <c r="AK5851">
        <v>33225.175459999999</v>
      </c>
      <c r="AL5851">
        <v>61676.760060000001</v>
      </c>
      <c r="AM5851">
        <v>21797.497920000002</v>
      </c>
      <c r="AN5851">
        <v>97102.684800000003</v>
      </c>
      <c r="AO5851">
        <v>27190.096939999999</v>
      </c>
      <c r="AP5851">
        <v>14318.419029999999</v>
      </c>
    </row>
    <row r="5852" spans="2:42" x14ac:dyDescent="0.3">
      <c r="B5852">
        <v>44.873291389081913</v>
      </c>
      <c r="C5852" s="83">
        <v>43344.75</v>
      </c>
      <c r="D5852">
        <v>165007.3089</v>
      </c>
      <c r="E5852">
        <v>25504.132399999999</v>
      </c>
      <c r="F5852">
        <v>100081.6427</v>
      </c>
      <c r="G5852">
        <v>31971.109130000001</v>
      </c>
      <c r="H5852">
        <v>37032.228130000003</v>
      </c>
      <c r="I5852">
        <v>28935.290990000001</v>
      </c>
      <c r="J5852">
        <v>50129.51023</v>
      </c>
      <c r="K5852">
        <v>47310.742989999999</v>
      </c>
      <c r="L5852">
        <v>32096.194579999999</v>
      </c>
      <c r="M5852">
        <v>228784.96580000001</v>
      </c>
      <c r="N5852">
        <v>77168.437420000002</v>
      </c>
      <c r="O5852">
        <v>18549.725439999998</v>
      </c>
      <c r="P5852">
        <v>36178.905890000002</v>
      </c>
      <c r="Q5852">
        <v>60214.124250000001</v>
      </c>
      <c r="R5852">
        <v>20936.77951</v>
      </c>
      <c r="S5852">
        <v>95142.026459999994</v>
      </c>
      <c r="T5852">
        <v>26630.166949999999</v>
      </c>
      <c r="U5852">
        <v>14372.226140000001</v>
      </c>
      <c r="W5852" s="83">
        <f>Bühler!N5884</f>
        <v>45535.749999985812</v>
      </c>
      <c r="X5852" s="83">
        <v>43344.75</v>
      </c>
      <c r="Y5852">
        <v>165007.3089</v>
      </c>
      <c r="Z5852">
        <v>25504.132399999999</v>
      </c>
      <c r="AA5852">
        <v>100081.6427</v>
      </c>
      <c r="AB5852">
        <v>31971.109130000001</v>
      </c>
      <c r="AC5852">
        <v>37032.228130000003</v>
      </c>
      <c r="AD5852">
        <v>28935.290990000001</v>
      </c>
      <c r="AE5852">
        <v>50129.51023</v>
      </c>
      <c r="AF5852">
        <v>47310.742989999999</v>
      </c>
      <c r="AG5852">
        <v>32096.194579999999</v>
      </c>
      <c r="AH5852">
        <v>228784.96580000001</v>
      </c>
      <c r="AI5852">
        <v>77168.437420000002</v>
      </c>
      <c r="AJ5852">
        <v>18549.725439999998</v>
      </c>
      <c r="AK5852">
        <v>36178.905890000002</v>
      </c>
      <c r="AL5852">
        <v>60214.124250000001</v>
      </c>
      <c r="AM5852">
        <v>20936.77951</v>
      </c>
      <c r="AN5852">
        <v>95142.026459999994</v>
      </c>
      <c r="AO5852">
        <v>26630.166949999999</v>
      </c>
      <c r="AP5852">
        <v>14372.226140000001</v>
      </c>
    </row>
    <row r="5853" spans="2:42" x14ac:dyDescent="0.3">
      <c r="B5853">
        <v>44.450322175329518</v>
      </c>
      <c r="C5853" s="83">
        <v>43344.791666666664</v>
      </c>
      <c r="D5853">
        <v>163058.7812</v>
      </c>
      <c r="E5853">
        <v>21106.92137</v>
      </c>
      <c r="F5853">
        <v>90239.548630000005</v>
      </c>
      <c r="G5853">
        <v>31473.652160000001</v>
      </c>
      <c r="H5853">
        <v>36626.27865</v>
      </c>
      <c r="I5853">
        <v>28292.229200000002</v>
      </c>
      <c r="J5853">
        <v>49068.314050000001</v>
      </c>
      <c r="K5853">
        <v>48511.665079999999</v>
      </c>
      <c r="L5853">
        <v>32314.889090000001</v>
      </c>
      <c r="M5853">
        <v>226628.47150000001</v>
      </c>
      <c r="N5853">
        <v>76677.831829999996</v>
      </c>
      <c r="O5853">
        <v>17877.552500000002</v>
      </c>
      <c r="P5853">
        <v>38806.738579999997</v>
      </c>
      <c r="Q5853">
        <v>58730.449739999996</v>
      </c>
      <c r="R5853">
        <v>21068.861199999999</v>
      </c>
      <c r="S5853">
        <v>93678.735090000002</v>
      </c>
      <c r="T5853">
        <v>25919.927790000002</v>
      </c>
      <c r="U5853">
        <v>14218.75863</v>
      </c>
      <c r="W5853" s="83">
        <f>Bühler!N5885</f>
        <v>45535.791666652476</v>
      </c>
      <c r="X5853" s="83">
        <v>43344.791666666664</v>
      </c>
      <c r="Y5853">
        <v>163058.7812</v>
      </c>
      <c r="Z5853">
        <v>21106.92137</v>
      </c>
      <c r="AA5853">
        <v>90239.548630000005</v>
      </c>
      <c r="AB5853">
        <v>31473.652160000001</v>
      </c>
      <c r="AC5853">
        <v>36626.27865</v>
      </c>
      <c r="AD5853">
        <v>28292.229200000002</v>
      </c>
      <c r="AE5853">
        <v>49068.314050000001</v>
      </c>
      <c r="AF5853">
        <v>48511.665079999999</v>
      </c>
      <c r="AG5853">
        <v>32314.889090000001</v>
      </c>
      <c r="AH5853">
        <v>226628.47150000001</v>
      </c>
      <c r="AI5853">
        <v>76677.831829999996</v>
      </c>
      <c r="AJ5853">
        <v>17877.552500000002</v>
      </c>
      <c r="AK5853">
        <v>38806.738579999997</v>
      </c>
      <c r="AL5853">
        <v>58730.449739999996</v>
      </c>
      <c r="AM5853">
        <v>21068.861199999999</v>
      </c>
      <c r="AN5853">
        <v>93678.735090000002</v>
      </c>
      <c r="AO5853">
        <v>25919.927790000002</v>
      </c>
      <c r="AP5853">
        <v>14218.75863</v>
      </c>
    </row>
    <row r="5854" spans="2:42" x14ac:dyDescent="0.3">
      <c r="B5854">
        <v>43.310377393862012</v>
      </c>
      <c r="C5854" s="83">
        <v>43344.833333333336</v>
      </c>
      <c r="D5854">
        <v>161486.10560000001</v>
      </c>
      <c r="E5854">
        <v>15741.175069999999</v>
      </c>
      <c r="F5854">
        <v>72132.575020000004</v>
      </c>
      <c r="G5854">
        <v>31044.968529999998</v>
      </c>
      <c r="H5854">
        <v>35806.916859999998</v>
      </c>
      <c r="I5854">
        <v>26595.36275</v>
      </c>
      <c r="J5854">
        <v>49350.804709999997</v>
      </c>
      <c r="K5854">
        <v>48273.223709999998</v>
      </c>
      <c r="L5854">
        <v>32697.07012</v>
      </c>
      <c r="M5854">
        <v>220816.50140000001</v>
      </c>
      <c r="N5854">
        <v>76712.971980000002</v>
      </c>
      <c r="O5854">
        <v>17680.840759999999</v>
      </c>
      <c r="P5854">
        <v>39246.953869999998</v>
      </c>
      <c r="Q5854">
        <v>55938.182280000001</v>
      </c>
      <c r="R5854">
        <v>19684.582729999998</v>
      </c>
      <c r="S5854">
        <v>88060.698749999996</v>
      </c>
      <c r="T5854">
        <v>24747.021189999999</v>
      </c>
      <c r="U5854">
        <v>14447.59908</v>
      </c>
      <c r="W5854" s="83">
        <f>Bühler!N5886</f>
        <v>45535.83333331914</v>
      </c>
      <c r="X5854" s="83">
        <v>43344.833333333336</v>
      </c>
      <c r="Y5854">
        <v>161486.10560000001</v>
      </c>
      <c r="Z5854">
        <v>15741.175069999999</v>
      </c>
      <c r="AA5854">
        <v>72132.575020000004</v>
      </c>
      <c r="AB5854">
        <v>31044.968529999998</v>
      </c>
      <c r="AC5854">
        <v>35806.916859999998</v>
      </c>
      <c r="AD5854">
        <v>26595.36275</v>
      </c>
      <c r="AE5854">
        <v>49350.804709999997</v>
      </c>
      <c r="AF5854">
        <v>48273.223709999998</v>
      </c>
      <c r="AG5854">
        <v>32697.07012</v>
      </c>
      <c r="AH5854">
        <v>220816.50140000001</v>
      </c>
      <c r="AI5854">
        <v>76712.971980000002</v>
      </c>
      <c r="AJ5854">
        <v>17680.840759999999</v>
      </c>
      <c r="AK5854">
        <v>39246.953869999998</v>
      </c>
      <c r="AL5854">
        <v>55938.182280000001</v>
      </c>
      <c r="AM5854">
        <v>19684.582729999998</v>
      </c>
      <c r="AN5854">
        <v>88060.698749999996</v>
      </c>
      <c r="AO5854">
        <v>24747.021189999999</v>
      </c>
      <c r="AP5854">
        <v>14447.59908</v>
      </c>
    </row>
    <row r="5855" spans="2:42" x14ac:dyDescent="0.3">
      <c r="B5855">
        <v>42.88171625276253</v>
      </c>
      <c r="C5855" s="83">
        <v>43344.875</v>
      </c>
      <c r="D5855">
        <v>159647.2714</v>
      </c>
      <c r="E5855">
        <v>14042.497520000001</v>
      </c>
      <c r="F5855">
        <v>62591.899989999998</v>
      </c>
      <c r="G5855">
        <v>30994.27317</v>
      </c>
      <c r="H5855">
        <v>35556.045980000003</v>
      </c>
      <c r="I5855">
        <v>25396.015319999999</v>
      </c>
      <c r="J5855">
        <v>49356.583610000001</v>
      </c>
      <c r="K5855">
        <v>48935.527759999997</v>
      </c>
      <c r="L5855">
        <v>31869.419519999999</v>
      </c>
      <c r="M5855">
        <v>218630.98699999999</v>
      </c>
      <c r="N5855">
        <v>75839.470839999994</v>
      </c>
      <c r="O5855">
        <v>18321.683850000001</v>
      </c>
      <c r="P5855">
        <v>38012.157350000001</v>
      </c>
      <c r="Q5855">
        <v>54295.132919999996</v>
      </c>
      <c r="R5855">
        <v>19724.134709999998</v>
      </c>
      <c r="S5855">
        <v>85288.232629999999</v>
      </c>
      <c r="T5855">
        <v>23258.264569999999</v>
      </c>
      <c r="U5855">
        <v>14663.636979999999</v>
      </c>
      <c r="W5855" s="83">
        <f>Bühler!N5887</f>
        <v>45535.874999985805</v>
      </c>
      <c r="X5855" s="83">
        <v>43344.875</v>
      </c>
      <c r="Y5855">
        <v>159647.2714</v>
      </c>
      <c r="Z5855">
        <v>14042.497520000001</v>
      </c>
      <c r="AA5855">
        <v>62591.899989999998</v>
      </c>
      <c r="AB5855">
        <v>30994.27317</v>
      </c>
      <c r="AC5855">
        <v>35556.045980000003</v>
      </c>
      <c r="AD5855">
        <v>25396.015319999999</v>
      </c>
      <c r="AE5855">
        <v>49356.583610000001</v>
      </c>
      <c r="AF5855">
        <v>48935.527759999997</v>
      </c>
      <c r="AG5855">
        <v>31869.419519999999</v>
      </c>
      <c r="AH5855">
        <v>218630.98699999999</v>
      </c>
      <c r="AI5855">
        <v>75839.470839999994</v>
      </c>
      <c r="AJ5855">
        <v>18321.683850000001</v>
      </c>
      <c r="AK5855">
        <v>38012.157350000001</v>
      </c>
      <c r="AL5855">
        <v>54295.132919999996</v>
      </c>
      <c r="AM5855">
        <v>19724.134709999998</v>
      </c>
      <c r="AN5855">
        <v>85288.232629999999</v>
      </c>
      <c r="AO5855">
        <v>23258.264569999999</v>
      </c>
      <c r="AP5855">
        <v>14663.636979999999</v>
      </c>
    </row>
    <row r="5856" spans="2:42" x14ac:dyDescent="0.3">
      <c r="B5856">
        <v>42.930481564392423</v>
      </c>
      <c r="C5856" s="83">
        <v>43344.916666666664</v>
      </c>
      <c r="D5856">
        <v>158167.21669999999</v>
      </c>
      <c r="E5856">
        <v>13580.33797</v>
      </c>
      <c r="F5856">
        <v>59669.914219999999</v>
      </c>
      <c r="G5856">
        <v>31063.057710000001</v>
      </c>
      <c r="H5856">
        <v>35739.542699999998</v>
      </c>
      <c r="I5856">
        <v>24439.966260000001</v>
      </c>
      <c r="J5856">
        <v>46168.794280000002</v>
      </c>
      <c r="K5856">
        <v>52194.207369999996</v>
      </c>
      <c r="L5856">
        <v>28493.526709999998</v>
      </c>
      <c r="M5856">
        <v>218879.6153</v>
      </c>
      <c r="N5856">
        <v>73853.882920000004</v>
      </c>
      <c r="O5856">
        <v>17815.978090000001</v>
      </c>
      <c r="P5856">
        <v>39810.790439999997</v>
      </c>
      <c r="Q5856">
        <v>54042.329689999999</v>
      </c>
      <c r="R5856">
        <v>20547.219850000001</v>
      </c>
      <c r="S5856">
        <v>83276.793680000002</v>
      </c>
      <c r="T5856">
        <v>21488.4771</v>
      </c>
      <c r="U5856">
        <v>14645.282579999999</v>
      </c>
      <c r="W5856" s="83">
        <f>Bühler!N5888</f>
        <v>45535.916666652469</v>
      </c>
      <c r="X5856" s="83">
        <v>43344.916666666664</v>
      </c>
      <c r="Y5856">
        <v>158167.21669999999</v>
      </c>
      <c r="Z5856">
        <v>13580.33797</v>
      </c>
      <c r="AA5856">
        <v>59669.914219999999</v>
      </c>
      <c r="AB5856">
        <v>31063.057710000001</v>
      </c>
      <c r="AC5856">
        <v>35739.542699999998</v>
      </c>
      <c r="AD5856">
        <v>24439.966260000001</v>
      </c>
      <c r="AE5856">
        <v>46168.794280000002</v>
      </c>
      <c r="AF5856">
        <v>52194.207369999996</v>
      </c>
      <c r="AG5856">
        <v>28493.526709999998</v>
      </c>
      <c r="AH5856">
        <v>218879.6153</v>
      </c>
      <c r="AI5856">
        <v>73853.882920000004</v>
      </c>
      <c r="AJ5856">
        <v>17815.978090000001</v>
      </c>
      <c r="AK5856">
        <v>39810.790439999997</v>
      </c>
      <c r="AL5856">
        <v>54042.329689999999</v>
      </c>
      <c r="AM5856">
        <v>20547.219850000001</v>
      </c>
      <c r="AN5856">
        <v>83276.793680000002</v>
      </c>
      <c r="AO5856">
        <v>21488.4771</v>
      </c>
      <c r="AP5856">
        <v>14645.282579999999</v>
      </c>
    </row>
    <row r="5857" spans="2:42" x14ac:dyDescent="0.3">
      <c r="B5857">
        <v>42.667483966670581</v>
      </c>
      <c r="C5857" s="83">
        <v>43344.958333333336</v>
      </c>
      <c r="D5857">
        <v>156400.0674</v>
      </c>
      <c r="E5857">
        <v>12970.5445</v>
      </c>
      <c r="F5857">
        <v>57610.606419999996</v>
      </c>
      <c r="G5857">
        <v>30661.186300000001</v>
      </c>
      <c r="H5857">
        <v>35080.729240000001</v>
      </c>
      <c r="I5857">
        <v>23553.663130000001</v>
      </c>
      <c r="J5857">
        <v>41769.949769999999</v>
      </c>
      <c r="K5857">
        <v>51811.61303</v>
      </c>
      <c r="L5857">
        <v>24560.123579999999</v>
      </c>
      <c r="M5857">
        <v>217538.7309</v>
      </c>
      <c r="N5857">
        <v>72729.179340000002</v>
      </c>
      <c r="O5857">
        <v>17287.424029999998</v>
      </c>
      <c r="P5857">
        <v>34617.040260000002</v>
      </c>
      <c r="Q5857">
        <v>53935.10269</v>
      </c>
      <c r="R5857">
        <v>20625.79839</v>
      </c>
      <c r="S5857">
        <v>81028.461580000003</v>
      </c>
      <c r="T5857">
        <v>20252.728490000001</v>
      </c>
      <c r="U5857">
        <v>14433.98085</v>
      </c>
      <c r="W5857" s="83">
        <f>Bühler!N5889</f>
        <v>45535.958333319133</v>
      </c>
      <c r="X5857" s="83">
        <v>43344.958333333336</v>
      </c>
      <c r="Y5857">
        <v>156400.0674</v>
      </c>
      <c r="Z5857">
        <v>12970.5445</v>
      </c>
      <c r="AA5857">
        <v>57610.606419999996</v>
      </c>
      <c r="AB5857">
        <v>30661.186300000001</v>
      </c>
      <c r="AC5857">
        <v>35080.729240000001</v>
      </c>
      <c r="AD5857">
        <v>23553.663130000001</v>
      </c>
      <c r="AE5857">
        <v>41769.949769999999</v>
      </c>
      <c r="AF5857">
        <v>51811.61303</v>
      </c>
      <c r="AG5857">
        <v>24560.123579999999</v>
      </c>
      <c r="AH5857">
        <v>217538.7309</v>
      </c>
      <c r="AI5857">
        <v>72729.179340000002</v>
      </c>
      <c r="AJ5857">
        <v>17287.424029999998</v>
      </c>
      <c r="AK5857">
        <v>34617.040260000002</v>
      </c>
      <c r="AL5857">
        <v>53935.10269</v>
      </c>
      <c r="AM5857">
        <v>20625.79839</v>
      </c>
      <c r="AN5857">
        <v>81028.461580000003</v>
      </c>
      <c r="AO5857">
        <v>20252.728490000001</v>
      </c>
      <c r="AP5857">
        <v>14433.98085</v>
      </c>
    </row>
    <row r="5858" spans="2:42" x14ac:dyDescent="0.3">
      <c r="B5858">
        <v>42.075491473719786</v>
      </c>
      <c r="C5858" s="83">
        <v>43345</v>
      </c>
      <c r="D5858">
        <v>155265.01300000001</v>
      </c>
      <c r="E5858">
        <v>12463.018249999999</v>
      </c>
      <c r="F5858">
        <v>55165.577949999999</v>
      </c>
      <c r="G5858">
        <v>31024.932229999999</v>
      </c>
      <c r="H5858">
        <v>34214.284930000002</v>
      </c>
      <c r="I5858">
        <v>21846.019649999998</v>
      </c>
      <c r="J5858">
        <v>38379.107479999999</v>
      </c>
      <c r="K5858">
        <v>49116.159919999998</v>
      </c>
      <c r="L5858">
        <v>21133.002619999999</v>
      </c>
      <c r="M5858">
        <v>214520.47709999999</v>
      </c>
      <c r="N5858">
        <v>70719.772630000007</v>
      </c>
      <c r="O5858">
        <v>17369.645280000001</v>
      </c>
      <c r="P5858">
        <v>31568.824260000001</v>
      </c>
      <c r="Q5858">
        <v>52581.938020000001</v>
      </c>
      <c r="R5858">
        <v>16719.65076</v>
      </c>
      <c r="S5858">
        <v>79104.382679999995</v>
      </c>
      <c r="T5858">
        <v>19221.922480000001</v>
      </c>
      <c r="U5858">
        <v>13936.993189999999</v>
      </c>
      <c r="W5858" s="83">
        <f>Bühler!N5890</f>
        <v>45535.999999985797</v>
      </c>
      <c r="X5858" s="83">
        <v>43345</v>
      </c>
      <c r="Y5858">
        <v>155265.01300000001</v>
      </c>
      <c r="Z5858">
        <v>12463.018249999999</v>
      </c>
      <c r="AA5858">
        <v>55165.577949999999</v>
      </c>
      <c r="AB5858">
        <v>31024.932229999999</v>
      </c>
      <c r="AC5858">
        <v>34214.284930000002</v>
      </c>
      <c r="AD5858">
        <v>21846.019649999998</v>
      </c>
      <c r="AE5858">
        <v>38379.107479999999</v>
      </c>
      <c r="AF5858">
        <v>49116.159919999998</v>
      </c>
      <c r="AG5858">
        <v>21133.002619999999</v>
      </c>
      <c r="AH5858">
        <v>214520.47709999999</v>
      </c>
      <c r="AI5858">
        <v>70719.772630000007</v>
      </c>
      <c r="AJ5858">
        <v>17369.645280000001</v>
      </c>
      <c r="AK5858">
        <v>31568.824260000001</v>
      </c>
      <c r="AL5858">
        <v>52581.938020000001</v>
      </c>
      <c r="AM5858">
        <v>16719.65076</v>
      </c>
      <c r="AN5858">
        <v>79104.382679999995</v>
      </c>
      <c r="AO5858">
        <v>19221.922480000001</v>
      </c>
      <c r="AP5858">
        <v>13936.993189999999</v>
      </c>
    </row>
    <row r="5859" spans="2:42" x14ac:dyDescent="0.3">
      <c r="B5859">
        <v>41.375629150291886</v>
      </c>
      <c r="C5859" s="83">
        <v>43345.041666666664</v>
      </c>
      <c r="D5859">
        <v>154193.46530000001</v>
      </c>
      <c r="E5859">
        <v>12327.84924</v>
      </c>
      <c r="F5859">
        <v>54003.090960000001</v>
      </c>
      <c r="G5859">
        <v>30524.2873</v>
      </c>
      <c r="H5859">
        <v>33700.174590000002</v>
      </c>
      <c r="I5859">
        <v>18455.708149999999</v>
      </c>
      <c r="J5859">
        <v>36836.804620000003</v>
      </c>
      <c r="K5859">
        <v>47742.510430000002</v>
      </c>
      <c r="L5859">
        <v>19147.925289999999</v>
      </c>
      <c r="M5859">
        <v>210952.25260000001</v>
      </c>
      <c r="N5859">
        <v>68527.288490000006</v>
      </c>
      <c r="O5859">
        <v>16314.37105</v>
      </c>
      <c r="P5859">
        <v>28221.51397</v>
      </c>
      <c r="Q5859">
        <v>52879.15726</v>
      </c>
      <c r="R5859">
        <v>14943.4231</v>
      </c>
      <c r="S5859">
        <v>77431.244949999993</v>
      </c>
      <c r="T5859">
        <v>18369.52043</v>
      </c>
      <c r="U5859">
        <v>13892.54802</v>
      </c>
      <c r="W5859" s="83">
        <f>Bühler!N5891</f>
        <v>45536.041666652462</v>
      </c>
      <c r="X5859" s="83">
        <v>43345.041666666664</v>
      </c>
      <c r="Y5859">
        <v>154193.46530000001</v>
      </c>
      <c r="Z5859">
        <v>12327.84924</v>
      </c>
      <c r="AA5859">
        <v>54003.090960000001</v>
      </c>
      <c r="AB5859">
        <v>30524.2873</v>
      </c>
      <c r="AC5859">
        <v>33700.174590000002</v>
      </c>
      <c r="AD5859">
        <v>18455.708149999999</v>
      </c>
      <c r="AE5859">
        <v>36836.804620000003</v>
      </c>
      <c r="AF5859">
        <v>47742.510430000002</v>
      </c>
      <c r="AG5859">
        <v>19147.925289999999</v>
      </c>
      <c r="AH5859">
        <v>210952.25260000001</v>
      </c>
      <c r="AI5859">
        <v>68527.288490000006</v>
      </c>
      <c r="AJ5859">
        <v>16314.37105</v>
      </c>
      <c r="AK5859">
        <v>28221.51397</v>
      </c>
      <c r="AL5859">
        <v>52879.15726</v>
      </c>
      <c r="AM5859">
        <v>14943.4231</v>
      </c>
      <c r="AN5859">
        <v>77431.244949999993</v>
      </c>
      <c r="AO5859">
        <v>18369.52043</v>
      </c>
      <c r="AP5859">
        <v>13892.54802</v>
      </c>
    </row>
    <row r="5860" spans="2:42" x14ac:dyDescent="0.3">
      <c r="B5860">
        <v>40.770128242186274</v>
      </c>
      <c r="C5860" s="83">
        <v>43345.083333333336</v>
      </c>
      <c r="D5860">
        <v>153720.30009999999</v>
      </c>
      <c r="E5860">
        <v>12117.34908</v>
      </c>
      <c r="F5860">
        <v>53819.19008</v>
      </c>
      <c r="G5860">
        <v>29992.19685</v>
      </c>
      <c r="H5860">
        <v>33096.28888</v>
      </c>
      <c r="I5860">
        <v>16448.793900000001</v>
      </c>
      <c r="J5860">
        <v>36138.469259999998</v>
      </c>
      <c r="K5860">
        <v>46244.968430000001</v>
      </c>
      <c r="L5860">
        <v>18168.51297</v>
      </c>
      <c r="M5860">
        <v>207865.12659999999</v>
      </c>
      <c r="N5860">
        <v>66584.079339999997</v>
      </c>
      <c r="O5860">
        <v>16094.51951</v>
      </c>
      <c r="P5860">
        <v>26545.84276</v>
      </c>
      <c r="Q5860">
        <v>53158.271059999999</v>
      </c>
      <c r="R5860">
        <v>14216.22753</v>
      </c>
      <c r="S5860">
        <v>75853.117729999998</v>
      </c>
      <c r="T5860">
        <v>17802.29522</v>
      </c>
      <c r="U5860">
        <v>13157.333490000001</v>
      </c>
      <c r="W5860" s="83">
        <f>Bühler!N5892</f>
        <v>45536.083333319126</v>
      </c>
      <c r="X5860" s="83">
        <v>43345.083333333336</v>
      </c>
      <c r="Y5860">
        <v>153720.30009999999</v>
      </c>
      <c r="Z5860">
        <v>12117.34908</v>
      </c>
      <c r="AA5860">
        <v>53819.19008</v>
      </c>
      <c r="AB5860">
        <v>29992.19685</v>
      </c>
      <c r="AC5860">
        <v>33096.28888</v>
      </c>
      <c r="AD5860">
        <v>16448.793900000001</v>
      </c>
      <c r="AE5860">
        <v>36138.469259999998</v>
      </c>
      <c r="AF5860">
        <v>46244.968430000001</v>
      </c>
      <c r="AG5860">
        <v>18168.51297</v>
      </c>
      <c r="AH5860">
        <v>207865.12659999999</v>
      </c>
      <c r="AI5860">
        <v>66584.079339999997</v>
      </c>
      <c r="AJ5860">
        <v>16094.51951</v>
      </c>
      <c r="AK5860">
        <v>26545.84276</v>
      </c>
      <c r="AL5860">
        <v>53158.271059999999</v>
      </c>
      <c r="AM5860">
        <v>14216.22753</v>
      </c>
      <c r="AN5860">
        <v>75853.117729999998</v>
      </c>
      <c r="AO5860">
        <v>17802.29522</v>
      </c>
      <c r="AP5860">
        <v>13157.333490000001</v>
      </c>
    </row>
    <row r="5861" spans="2:42" x14ac:dyDescent="0.3">
      <c r="B5861">
        <v>40.516296891109121</v>
      </c>
      <c r="C5861" s="83">
        <v>43345.125</v>
      </c>
      <c r="D5861">
        <v>152400.3444</v>
      </c>
      <c r="E5861">
        <v>12020.917219999999</v>
      </c>
      <c r="F5861">
        <v>53298.921600000001</v>
      </c>
      <c r="G5861">
        <v>29307.66275</v>
      </c>
      <c r="H5861">
        <v>32868.923130000003</v>
      </c>
      <c r="I5861">
        <v>15611.95659</v>
      </c>
      <c r="J5861">
        <v>35917.596610000001</v>
      </c>
      <c r="K5861">
        <v>44911.437619999997</v>
      </c>
      <c r="L5861">
        <v>17452.812239999999</v>
      </c>
      <c r="M5861">
        <v>206570.976</v>
      </c>
      <c r="N5861">
        <v>64478.799229999997</v>
      </c>
      <c r="O5861">
        <v>16447.418559999998</v>
      </c>
      <c r="P5861">
        <v>25727.939320000001</v>
      </c>
      <c r="Q5861">
        <v>55119.086410000004</v>
      </c>
      <c r="R5861">
        <v>13790.309520000001</v>
      </c>
      <c r="S5861">
        <v>74862.047879999998</v>
      </c>
      <c r="T5861">
        <v>17694.412079999998</v>
      </c>
      <c r="U5861">
        <v>13425.769130000001</v>
      </c>
      <c r="W5861" s="83">
        <f>Bühler!N5893</f>
        <v>45536.12499998579</v>
      </c>
      <c r="X5861" s="83">
        <v>43345.125</v>
      </c>
      <c r="Y5861">
        <v>152400.3444</v>
      </c>
      <c r="Z5861">
        <v>12020.917219999999</v>
      </c>
      <c r="AA5861">
        <v>53298.921600000001</v>
      </c>
      <c r="AB5861">
        <v>29307.66275</v>
      </c>
      <c r="AC5861">
        <v>32868.923130000003</v>
      </c>
      <c r="AD5861">
        <v>15611.95659</v>
      </c>
      <c r="AE5861">
        <v>35917.596610000001</v>
      </c>
      <c r="AF5861">
        <v>44911.437619999997</v>
      </c>
      <c r="AG5861">
        <v>17452.812239999999</v>
      </c>
      <c r="AH5861">
        <v>206570.976</v>
      </c>
      <c r="AI5861">
        <v>64478.799229999997</v>
      </c>
      <c r="AJ5861">
        <v>16447.418559999998</v>
      </c>
      <c r="AK5861">
        <v>25727.939320000001</v>
      </c>
      <c r="AL5861">
        <v>55119.086410000004</v>
      </c>
      <c r="AM5861">
        <v>13790.309520000001</v>
      </c>
      <c r="AN5861">
        <v>74862.047879999998</v>
      </c>
      <c r="AO5861">
        <v>17694.412079999998</v>
      </c>
      <c r="AP5861">
        <v>13425.769130000001</v>
      </c>
    </row>
    <row r="5862" spans="2:42" x14ac:dyDescent="0.3">
      <c r="B5862">
        <v>40.2933068929906</v>
      </c>
      <c r="C5862" s="83">
        <v>43345.166666666664</v>
      </c>
      <c r="D5862">
        <v>152232.57500000001</v>
      </c>
      <c r="E5862">
        <v>11869.647790000001</v>
      </c>
      <c r="F5862">
        <v>52850.014450000002</v>
      </c>
      <c r="G5862">
        <v>28419.589950000001</v>
      </c>
      <c r="H5862">
        <v>32606.967059999999</v>
      </c>
      <c r="I5862">
        <v>15977.04162</v>
      </c>
      <c r="J5862">
        <v>37508.56538</v>
      </c>
      <c r="K5862">
        <v>43327.859279999997</v>
      </c>
      <c r="L5862">
        <v>16786.46702</v>
      </c>
      <c r="M5862">
        <v>205434.06899999999</v>
      </c>
      <c r="N5862">
        <v>63670.364289999998</v>
      </c>
      <c r="O5862">
        <v>16252.41575</v>
      </c>
      <c r="P5862">
        <v>24991.245930000001</v>
      </c>
      <c r="Q5862">
        <v>54999.501459999999</v>
      </c>
      <c r="R5862">
        <v>13435.448609999999</v>
      </c>
      <c r="S5862">
        <v>74705.855549999993</v>
      </c>
      <c r="T5862">
        <v>17486.182779999999</v>
      </c>
      <c r="U5862">
        <v>13119.172119999999</v>
      </c>
      <c r="W5862" s="83">
        <f>Bühler!N5894</f>
        <v>45536.166666652454</v>
      </c>
      <c r="X5862" s="83">
        <v>43345.166666666664</v>
      </c>
      <c r="Y5862">
        <v>152232.57500000001</v>
      </c>
      <c r="Z5862">
        <v>11869.647790000001</v>
      </c>
      <c r="AA5862">
        <v>52850.014450000002</v>
      </c>
      <c r="AB5862">
        <v>28419.589950000001</v>
      </c>
      <c r="AC5862">
        <v>32606.967059999999</v>
      </c>
      <c r="AD5862">
        <v>15977.04162</v>
      </c>
      <c r="AE5862">
        <v>37508.56538</v>
      </c>
      <c r="AF5862">
        <v>43327.859279999997</v>
      </c>
      <c r="AG5862">
        <v>16786.46702</v>
      </c>
      <c r="AH5862">
        <v>205434.06899999999</v>
      </c>
      <c r="AI5862">
        <v>63670.364289999998</v>
      </c>
      <c r="AJ5862">
        <v>16252.41575</v>
      </c>
      <c r="AK5862">
        <v>24991.245930000001</v>
      </c>
      <c r="AL5862">
        <v>54999.501459999999</v>
      </c>
      <c r="AM5862">
        <v>13435.448609999999</v>
      </c>
      <c r="AN5862">
        <v>74705.855549999993</v>
      </c>
      <c r="AO5862">
        <v>17486.182779999999</v>
      </c>
      <c r="AP5862">
        <v>13119.172119999999</v>
      </c>
    </row>
    <row r="5863" spans="2:42" x14ac:dyDescent="0.3">
      <c r="B5863">
        <v>40.056854375871971</v>
      </c>
      <c r="C5863" s="83">
        <v>43345.208333333336</v>
      </c>
      <c r="D5863">
        <v>151628.50630000001</v>
      </c>
      <c r="E5863">
        <v>11873.457549999999</v>
      </c>
      <c r="F5863">
        <v>53346.33066</v>
      </c>
      <c r="G5863">
        <v>28221.362150000001</v>
      </c>
      <c r="H5863">
        <v>32852.580280000002</v>
      </c>
      <c r="I5863">
        <v>18969.475559999999</v>
      </c>
      <c r="J5863">
        <v>40445.029289999999</v>
      </c>
      <c r="K5863">
        <v>43504.13293</v>
      </c>
      <c r="L5863">
        <v>17163.239450000001</v>
      </c>
      <c r="M5863">
        <v>204228.5238</v>
      </c>
      <c r="N5863">
        <v>62425.275650000003</v>
      </c>
      <c r="O5863">
        <v>16267.186369999999</v>
      </c>
      <c r="P5863">
        <v>26324.265230000001</v>
      </c>
      <c r="Q5863">
        <v>54806.594449999997</v>
      </c>
      <c r="R5863">
        <v>14369.37089</v>
      </c>
      <c r="S5863">
        <v>75821.337639999998</v>
      </c>
      <c r="T5863">
        <v>17326.063180000001</v>
      </c>
      <c r="U5863">
        <v>13197.46363</v>
      </c>
      <c r="W5863" s="83">
        <f>Bühler!N5895</f>
        <v>45536.208333319119</v>
      </c>
      <c r="X5863" s="83">
        <v>43345.208333333336</v>
      </c>
      <c r="Y5863">
        <v>151628.50630000001</v>
      </c>
      <c r="Z5863">
        <v>11873.457549999999</v>
      </c>
      <c r="AA5863">
        <v>53346.33066</v>
      </c>
      <c r="AB5863">
        <v>28221.362150000001</v>
      </c>
      <c r="AC5863">
        <v>32852.580280000002</v>
      </c>
      <c r="AD5863">
        <v>18969.475559999999</v>
      </c>
      <c r="AE5863">
        <v>40445.029289999999</v>
      </c>
      <c r="AF5863">
        <v>43504.13293</v>
      </c>
      <c r="AG5863">
        <v>17163.239450000001</v>
      </c>
      <c r="AH5863">
        <v>204228.5238</v>
      </c>
      <c r="AI5863">
        <v>62425.275650000003</v>
      </c>
      <c r="AJ5863">
        <v>16267.186369999999</v>
      </c>
      <c r="AK5863">
        <v>26324.265230000001</v>
      </c>
      <c r="AL5863">
        <v>54806.594449999997</v>
      </c>
      <c r="AM5863">
        <v>14369.37089</v>
      </c>
      <c r="AN5863">
        <v>75821.337639999998</v>
      </c>
      <c r="AO5863">
        <v>17326.063180000001</v>
      </c>
      <c r="AP5863">
        <v>13197.46363</v>
      </c>
    </row>
    <row r="5864" spans="2:42" x14ac:dyDescent="0.3">
      <c r="B5864">
        <v>40.482486704194386</v>
      </c>
      <c r="C5864" s="83">
        <v>43345.25</v>
      </c>
      <c r="D5864">
        <v>150832.5405</v>
      </c>
      <c r="E5864">
        <v>12196.456330000001</v>
      </c>
      <c r="F5864">
        <v>56807.564429999999</v>
      </c>
      <c r="G5864">
        <v>28419.959070000001</v>
      </c>
      <c r="H5864">
        <v>32347.801469999999</v>
      </c>
      <c r="I5864">
        <v>20945.042730000001</v>
      </c>
      <c r="J5864">
        <v>43572.221100000002</v>
      </c>
      <c r="K5864">
        <v>41821.591979999997</v>
      </c>
      <c r="L5864">
        <v>17787.890790000001</v>
      </c>
      <c r="M5864">
        <v>206398.59589999999</v>
      </c>
      <c r="N5864">
        <v>61275.143600000003</v>
      </c>
      <c r="O5864">
        <v>16235.23227</v>
      </c>
      <c r="P5864">
        <v>27317.93403</v>
      </c>
      <c r="Q5864">
        <v>54278.83844</v>
      </c>
      <c r="R5864">
        <v>13989.2688</v>
      </c>
      <c r="S5864">
        <v>79609.257410000006</v>
      </c>
      <c r="T5864">
        <v>17883.332549999999</v>
      </c>
      <c r="U5864">
        <v>13165.107319999999</v>
      </c>
      <c r="W5864" s="83">
        <f>Bühler!N5896</f>
        <v>45536.249999985783</v>
      </c>
      <c r="X5864" s="83">
        <v>43345.25</v>
      </c>
      <c r="Y5864">
        <v>150832.5405</v>
      </c>
      <c r="Z5864">
        <v>12196.456330000001</v>
      </c>
      <c r="AA5864">
        <v>56807.564429999999</v>
      </c>
      <c r="AB5864">
        <v>28419.959070000001</v>
      </c>
      <c r="AC5864">
        <v>32347.801469999999</v>
      </c>
      <c r="AD5864">
        <v>20945.042730000001</v>
      </c>
      <c r="AE5864">
        <v>43572.221100000002</v>
      </c>
      <c r="AF5864">
        <v>41821.591979999997</v>
      </c>
      <c r="AG5864">
        <v>17787.890790000001</v>
      </c>
      <c r="AH5864">
        <v>206398.59589999999</v>
      </c>
      <c r="AI5864">
        <v>61275.143600000003</v>
      </c>
      <c r="AJ5864">
        <v>16235.23227</v>
      </c>
      <c r="AK5864">
        <v>27317.93403</v>
      </c>
      <c r="AL5864">
        <v>54278.83844</v>
      </c>
      <c r="AM5864">
        <v>13989.2688</v>
      </c>
      <c r="AN5864">
        <v>79609.257410000006</v>
      </c>
      <c r="AO5864">
        <v>17883.332549999999</v>
      </c>
      <c r="AP5864">
        <v>13165.107319999999</v>
      </c>
    </row>
    <row r="5865" spans="2:42" x14ac:dyDescent="0.3">
      <c r="B5865">
        <v>40.37773518399603</v>
      </c>
      <c r="C5865" s="83">
        <v>43345.291666666664</v>
      </c>
      <c r="D5865">
        <v>149796.4614</v>
      </c>
      <c r="E5865">
        <v>12218.16797</v>
      </c>
      <c r="F5865">
        <v>58958.187270000002</v>
      </c>
      <c r="G5865">
        <v>28364.84346</v>
      </c>
      <c r="H5865">
        <v>31844.02218</v>
      </c>
      <c r="I5865">
        <v>21805.348839999999</v>
      </c>
      <c r="J5865">
        <v>43090.137699999999</v>
      </c>
      <c r="K5865">
        <v>42678.457430000002</v>
      </c>
      <c r="L5865">
        <v>18989.14386</v>
      </c>
      <c r="M5865">
        <v>205864.5238</v>
      </c>
      <c r="N5865">
        <v>60650.357550000001</v>
      </c>
      <c r="O5865">
        <v>15855.434010000001</v>
      </c>
      <c r="P5865">
        <v>30009.541700000002</v>
      </c>
      <c r="Q5865">
        <v>52608.60383</v>
      </c>
      <c r="R5865">
        <v>13701.31127</v>
      </c>
      <c r="S5865">
        <v>83751.702229999995</v>
      </c>
      <c r="T5865">
        <v>18626.638060000001</v>
      </c>
      <c r="U5865">
        <v>12685.92733</v>
      </c>
      <c r="W5865" s="83">
        <f>Bühler!N5897</f>
        <v>45536.291666652447</v>
      </c>
      <c r="X5865" s="83">
        <v>43345.291666666664</v>
      </c>
      <c r="Y5865">
        <v>149796.4614</v>
      </c>
      <c r="Z5865">
        <v>12218.16797</v>
      </c>
      <c r="AA5865">
        <v>58958.187270000002</v>
      </c>
      <c r="AB5865">
        <v>28364.84346</v>
      </c>
      <c r="AC5865">
        <v>31844.02218</v>
      </c>
      <c r="AD5865">
        <v>21805.348839999999</v>
      </c>
      <c r="AE5865">
        <v>43090.137699999999</v>
      </c>
      <c r="AF5865">
        <v>42678.457430000002</v>
      </c>
      <c r="AG5865">
        <v>18989.14386</v>
      </c>
      <c r="AH5865">
        <v>205864.5238</v>
      </c>
      <c r="AI5865">
        <v>60650.357550000001</v>
      </c>
      <c r="AJ5865">
        <v>15855.434010000001</v>
      </c>
      <c r="AK5865">
        <v>30009.541700000002</v>
      </c>
      <c r="AL5865">
        <v>52608.60383</v>
      </c>
      <c r="AM5865">
        <v>13701.31127</v>
      </c>
      <c r="AN5865">
        <v>83751.702229999995</v>
      </c>
      <c r="AO5865">
        <v>18626.638060000001</v>
      </c>
      <c r="AP5865">
        <v>12685.92733</v>
      </c>
    </row>
    <row r="5866" spans="2:42" x14ac:dyDescent="0.3">
      <c r="B5866">
        <v>40.101748935264553</v>
      </c>
      <c r="C5866" s="83">
        <v>43345.333333333336</v>
      </c>
      <c r="D5866">
        <v>149964.50109999999</v>
      </c>
      <c r="E5866">
        <v>13172.05096</v>
      </c>
      <c r="F5866">
        <v>60089.715429999997</v>
      </c>
      <c r="G5866">
        <v>28509.82807</v>
      </c>
      <c r="H5866">
        <v>31898.049589999999</v>
      </c>
      <c r="I5866">
        <v>22551.030859999999</v>
      </c>
      <c r="J5866">
        <v>45448.806299999997</v>
      </c>
      <c r="K5866">
        <v>43737.400009999998</v>
      </c>
      <c r="L5866">
        <v>20696.426930000001</v>
      </c>
      <c r="M5866">
        <v>204457.4172</v>
      </c>
      <c r="N5866">
        <v>63436.751689999997</v>
      </c>
      <c r="O5866">
        <v>16272.56761</v>
      </c>
      <c r="P5866">
        <v>33900.24886</v>
      </c>
      <c r="Q5866">
        <v>52889.575060000003</v>
      </c>
      <c r="R5866">
        <v>14927.05111</v>
      </c>
      <c r="S5866">
        <v>86136.092420000001</v>
      </c>
      <c r="T5866">
        <v>21263.703590000001</v>
      </c>
      <c r="U5866">
        <v>12723.528969999999</v>
      </c>
      <c r="W5866" s="83">
        <f>Bühler!N5898</f>
        <v>45536.333333319111</v>
      </c>
      <c r="X5866" s="83">
        <v>43345.333333333336</v>
      </c>
      <c r="Y5866">
        <v>149964.50109999999</v>
      </c>
      <c r="Z5866">
        <v>13172.05096</v>
      </c>
      <c r="AA5866">
        <v>60089.715429999997</v>
      </c>
      <c r="AB5866">
        <v>28509.82807</v>
      </c>
      <c r="AC5866">
        <v>31898.049589999999</v>
      </c>
      <c r="AD5866">
        <v>22551.030859999999</v>
      </c>
      <c r="AE5866">
        <v>45448.806299999997</v>
      </c>
      <c r="AF5866">
        <v>43737.400009999998</v>
      </c>
      <c r="AG5866">
        <v>20696.426930000001</v>
      </c>
      <c r="AH5866">
        <v>204457.4172</v>
      </c>
      <c r="AI5866">
        <v>63436.751689999997</v>
      </c>
      <c r="AJ5866">
        <v>16272.56761</v>
      </c>
      <c r="AK5866">
        <v>33900.24886</v>
      </c>
      <c r="AL5866">
        <v>52889.575060000003</v>
      </c>
      <c r="AM5866">
        <v>14927.05111</v>
      </c>
      <c r="AN5866">
        <v>86136.092420000001</v>
      </c>
      <c r="AO5866">
        <v>21263.703590000001</v>
      </c>
      <c r="AP5866">
        <v>12723.528969999999</v>
      </c>
    </row>
    <row r="5867" spans="2:42" x14ac:dyDescent="0.3">
      <c r="B5867">
        <v>40.318655633441523</v>
      </c>
      <c r="C5867" s="83">
        <v>43345.375</v>
      </c>
      <c r="D5867">
        <v>151253.54240000001</v>
      </c>
      <c r="E5867">
        <v>14273.19721</v>
      </c>
      <c r="F5867">
        <v>63841.95478</v>
      </c>
      <c r="G5867">
        <v>29331.465560000001</v>
      </c>
      <c r="H5867">
        <v>32911.500240000001</v>
      </c>
      <c r="I5867">
        <v>23406.5658</v>
      </c>
      <c r="J5867">
        <v>48897.315840000003</v>
      </c>
      <c r="K5867">
        <v>44306.350290000002</v>
      </c>
      <c r="L5867">
        <v>24147.253250000002</v>
      </c>
      <c r="M5867">
        <v>205563.30869999999</v>
      </c>
      <c r="N5867">
        <v>67121.342199999999</v>
      </c>
      <c r="O5867">
        <v>17277.50937</v>
      </c>
      <c r="P5867">
        <v>37752.724679999999</v>
      </c>
      <c r="Q5867">
        <v>53879.645759999999</v>
      </c>
      <c r="R5867">
        <v>15824.69371</v>
      </c>
      <c r="S5867">
        <v>89527.902860000002</v>
      </c>
      <c r="T5867">
        <v>22840.58581</v>
      </c>
      <c r="U5867">
        <v>12191.488600000001</v>
      </c>
      <c r="W5867" s="83">
        <f>Bühler!N5899</f>
        <v>45536.374999985776</v>
      </c>
      <c r="X5867" s="83">
        <v>43345.375</v>
      </c>
      <c r="Y5867">
        <v>151253.54240000001</v>
      </c>
      <c r="Z5867">
        <v>14273.19721</v>
      </c>
      <c r="AA5867">
        <v>63841.95478</v>
      </c>
      <c r="AB5867">
        <v>29331.465560000001</v>
      </c>
      <c r="AC5867">
        <v>32911.500240000001</v>
      </c>
      <c r="AD5867">
        <v>23406.5658</v>
      </c>
      <c r="AE5867">
        <v>48897.315840000003</v>
      </c>
      <c r="AF5867">
        <v>44306.350290000002</v>
      </c>
      <c r="AG5867">
        <v>24147.253250000002</v>
      </c>
      <c r="AH5867">
        <v>205563.30869999999</v>
      </c>
      <c r="AI5867">
        <v>67121.342199999999</v>
      </c>
      <c r="AJ5867">
        <v>17277.50937</v>
      </c>
      <c r="AK5867">
        <v>37752.724679999999</v>
      </c>
      <c r="AL5867">
        <v>53879.645759999999</v>
      </c>
      <c r="AM5867">
        <v>15824.69371</v>
      </c>
      <c r="AN5867">
        <v>89527.902860000002</v>
      </c>
      <c r="AO5867">
        <v>22840.58581</v>
      </c>
      <c r="AP5867">
        <v>12191.488600000001</v>
      </c>
    </row>
    <row r="5868" spans="2:42" x14ac:dyDescent="0.3">
      <c r="B5868">
        <v>41.076959413577313</v>
      </c>
      <c r="C5868" s="83">
        <v>43345.416666666664</v>
      </c>
      <c r="D5868">
        <v>152963.48120000001</v>
      </c>
      <c r="E5868">
        <v>15369.24638</v>
      </c>
      <c r="F5868">
        <v>66045.201289999997</v>
      </c>
      <c r="G5868">
        <v>30027.690320000002</v>
      </c>
      <c r="H5868">
        <v>33836.59618</v>
      </c>
      <c r="I5868">
        <v>23710.666270000002</v>
      </c>
      <c r="J5868">
        <v>50413.961210000001</v>
      </c>
      <c r="K5868">
        <v>46215.838960000001</v>
      </c>
      <c r="L5868">
        <v>27976.554830000001</v>
      </c>
      <c r="M5868">
        <v>209429.495</v>
      </c>
      <c r="N5868">
        <v>71102.36146</v>
      </c>
      <c r="O5868">
        <v>17060.868490000001</v>
      </c>
      <c r="P5868">
        <v>38995.621299999999</v>
      </c>
      <c r="Q5868">
        <v>54545.052109999997</v>
      </c>
      <c r="R5868">
        <v>17196.11333</v>
      </c>
      <c r="S5868">
        <v>91597.540040000007</v>
      </c>
      <c r="T5868">
        <v>25081.561760000001</v>
      </c>
      <c r="U5868">
        <v>12377.28998</v>
      </c>
      <c r="W5868" s="83">
        <f>Bühler!N5900</f>
        <v>45536.41666665244</v>
      </c>
      <c r="X5868" s="83">
        <v>43345.416666666664</v>
      </c>
      <c r="Y5868">
        <v>152963.48120000001</v>
      </c>
      <c r="Z5868">
        <v>15369.24638</v>
      </c>
      <c r="AA5868">
        <v>66045.201289999997</v>
      </c>
      <c r="AB5868">
        <v>30027.690320000002</v>
      </c>
      <c r="AC5868">
        <v>33836.59618</v>
      </c>
      <c r="AD5868">
        <v>23710.666270000002</v>
      </c>
      <c r="AE5868">
        <v>50413.961210000001</v>
      </c>
      <c r="AF5868">
        <v>46215.838960000001</v>
      </c>
      <c r="AG5868">
        <v>27976.554830000001</v>
      </c>
      <c r="AH5868">
        <v>209429.495</v>
      </c>
      <c r="AI5868">
        <v>71102.36146</v>
      </c>
      <c r="AJ5868">
        <v>17060.868490000001</v>
      </c>
      <c r="AK5868">
        <v>38995.621299999999</v>
      </c>
      <c r="AL5868">
        <v>54545.052109999997</v>
      </c>
      <c r="AM5868">
        <v>17196.11333</v>
      </c>
      <c r="AN5868">
        <v>91597.540040000007</v>
      </c>
      <c r="AO5868">
        <v>25081.561760000001</v>
      </c>
      <c r="AP5868">
        <v>12377.28998</v>
      </c>
    </row>
    <row r="5869" spans="2:42" x14ac:dyDescent="0.3">
      <c r="B5869">
        <v>41.58599617599409</v>
      </c>
      <c r="C5869" s="83">
        <v>43345.458333333336</v>
      </c>
      <c r="D5869">
        <v>154414.29790000001</v>
      </c>
      <c r="E5869">
        <v>16190.777040000001</v>
      </c>
      <c r="F5869">
        <v>67400.435599999997</v>
      </c>
      <c r="G5869">
        <v>30702.76254</v>
      </c>
      <c r="H5869">
        <v>34709.836259999996</v>
      </c>
      <c r="I5869">
        <v>24125.645980000001</v>
      </c>
      <c r="J5869">
        <v>50229.357089999998</v>
      </c>
      <c r="K5869">
        <v>48865.274270000002</v>
      </c>
      <c r="L5869">
        <v>29893.843270000001</v>
      </c>
      <c r="M5869">
        <v>212024.80179999999</v>
      </c>
      <c r="N5869">
        <v>73464.443109999993</v>
      </c>
      <c r="O5869">
        <v>17344.927820000001</v>
      </c>
      <c r="P5869">
        <v>38387.307209999999</v>
      </c>
      <c r="Q5869">
        <v>54832.760320000001</v>
      </c>
      <c r="R5869">
        <v>18459.465270000001</v>
      </c>
      <c r="S5869">
        <v>97338.692800000004</v>
      </c>
      <c r="T5869">
        <v>26048.910070000002</v>
      </c>
      <c r="U5869">
        <v>12897.44407</v>
      </c>
      <c r="W5869" s="83">
        <f>Bühler!N5901</f>
        <v>45536.458333319104</v>
      </c>
      <c r="X5869" s="83">
        <v>43345.458333333336</v>
      </c>
      <c r="Y5869">
        <v>154414.29790000001</v>
      </c>
      <c r="Z5869">
        <v>16190.777040000001</v>
      </c>
      <c r="AA5869">
        <v>67400.435599999997</v>
      </c>
      <c r="AB5869">
        <v>30702.76254</v>
      </c>
      <c r="AC5869">
        <v>34709.836259999996</v>
      </c>
      <c r="AD5869">
        <v>24125.645980000001</v>
      </c>
      <c r="AE5869">
        <v>50229.357089999998</v>
      </c>
      <c r="AF5869">
        <v>48865.274270000002</v>
      </c>
      <c r="AG5869">
        <v>29893.843270000001</v>
      </c>
      <c r="AH5869">
        <v>212024.80179999999</v>
      </c>
      <c r="AI5869">
        <v>73464.443109999993</v>
      </c>
      <c r="AJ5869">
        <v>17344.927820000001</v>
      </c>
      <c r="AK5869">
        <v>38387.307209999999</v>
      </c>
      <c r="AL5869">
        <v>54832.760320000001</v>
      </c>
      <c r="AM5869">
        <v>18459.465270000001</v>
      </c>
      <c r="AN5869">
        <v>97338.692800000004</v>
      </c>
      <c r="AO5869">
        <v>26048.910070000002</v>
      </c>
      <c r="AP5869">
        <v>12897.44407</v>
      </c>
    </row>
    <row r="5870" spans="2:42" x14ac:dyDescent="0.3">
      <c r="B5870">
        <v>41.543286214724347</v>
      </c>
      <c r="C5870" s="83">
        <v>43345.5</v>
      </c>
      <c r="D5870">
        <v>156155.95199999999</v>
      </c>
      <c r="E5870">
        <v>16561.364969999999</v>
      </c>
      <c r="F5870">
        <v>65616.229259999993</v>
      </c>
      <c r="G5870">
        <v>31352.076349999999</v>
      </c>
      <c r="H5870">
        <v>34807.716110000001</v>
      </c>
      <c r="I5870">
        <v>24302.29823</v>
      </c>
      <c r="J5870">
        <v>50933.316910000001</v>
      </c>
      <c r="K5870">
        <v>48814.914669999998</v>
      </c>
      <c r="L5870">
        <v>31959.86911</v>
      </c>
      <c r="M5870">
        <v>211807.0465</v>
      </c>
      <c r="N5870">
        <v>74367.230370000005</v>
      </c>
      <c r="O5870">
        <v>17820.46344</v>
      </c>
      <c r="P5870">
        <v>39370.389869999999</v>
      </c>
      <c r="Q5870">
        <v>54852.307099999998</v>
      </c>
      <c r="R5870">
        <v>18748.463540000001</v>
      </c>
      <c r="S5870">
        <v>95637.654500000004</v>
      </c>
      <c r="T5870">
        <v>26317.519769999999</v>
      </c>
      <c r="U5870">
        <v>12456.400949999999</v>
      </c>
      <c r="W5870" s="83">
        <f>Bühler!N5902</f>
        <v>45536.499999985768</v>
      </c>
      <c r="X5870" s="83">
        <v>43345.5</v>
      </c>
      <c r="Y5870">
        <v>156155.95199999999</v>
      </c>
      <c r="Z5870">
        <v>16561.364969999999</v>
      </c>
      <c r="AA5870">
        <v>65616.229259999993</v>
      </c>
      <c r="AB5870">
        <v>31352.076349999999</v>
      </c>
      <c r="AC5870">
        <v>34807.716110000001</v>
      </c>
      <c r="AD5870">
        <v>24302.29823</v>
      </c>
      <c r="AE5870">
        <v>50933.316910000001</v>
      </c>
      <c r="AF5870">
        <v>48814.914669999998</v>
      </c>
      <c r="AG5870">
        <v>31959.86911</v>
      </c>
      <c r="AH5870">
        <v>211807.0465</v>
      </c>
      <c r="AI5870">
        <v>74367.230370000005</v>
      </c>
      <c r="AJ5870">
        <v>17820.46344</v>
      </c>
      <c r="AK5870">
        <v>39370.389869999999</v>
      </c>
      <c r="AL5870">
        <v>54852.307099999998</v>
      </c>
      <c r="AM5870">
        <v>18748.463540000001</v>
      </c>
      <c r="AN5870">
        <v>95637.654500000004</v>
      </c>
      <c r="AO5870">
        <v>26317.519769999999</v>
      </c>
      <c r="AP5870">
        <v>12456.400949999999</v>
      </c>
    </row>
    <row r="5871" spans="2:42" x14ac:dyDescent="0.3">
      <c r="B5871">
        <v>41.681683441002669</v>
      </c>
      <c r="C5871" s="83">
        <v>43345.541666666664</v>
      </c>
      <c r="D5871">
        <v>158126.5545</v>
      </c>
      <c r="E5871">
        <v>16539.421050000001</v>
      </c>
      <c r="F5871">
        <v>58463.788079999998</v>
      </c>
      <c r="G5871">
        <v>31685.591240000002</v>
      </c>
      <c r="H5871">
        <v>34805.240980000002</v>
      </c>
      <c r="I5871">
        <v>24679.111379999998</v>
      </c>
      <c r="J5871">
        <v>50468.315159999998</v>
      </c>
      <c r="K5871">
        <v>48410.406929999997</v>
      </c>
      <c r="L5871">
        <v>32531.217659999998</v>
      </c>
      <c r="M5871">
        <v>212512.66010000001</v>
      </c>
      <c r="N5871">
        <v>72980.308739999993</v>
      </c>
      <c r="O5871">
        <v>18008.733039999999</v>
      </c>
      <c r="P5871">
        <v>38923.015119999996</v>
      </c>
      <c r="Q5871">
        <v>54087.237880000001</v>
      </c>
      <c r="R5871">
        <v>18905.105780000002</v>
      </c>
      <c r="S5871">
        <v>97479.412590000007</v>
      </c>
      <c r="T5871">
        <v>26091.408289999999</v>
      </c>
      <c r="U5871">
        <v>13029.291230000001</v>
      </c>
      <c r="W5871" s="83">
        <f>Bühler!N5903</f>
        <v>45536.541666652432</v>
      </c>
      <c r="X5871" s="83">
        <v>43345.541666666664</v>
      </c>
      <c r="Y5871">
        <v>158126.5545</v>
      </c>
      <c r="Z5871">
        <v>16539.421050000001</v>
      </c>
      <c r="AA5871">
        <v>58463.788079999998</v>
      </c>
      <c r="AB5871">
        <v>31685.591240000002</v>
      </c>
      <c r="AC5871">
        <v>34805.240980000002</v>
      </c>
      <c r="AD5871">
        <v>24679.111379999998</v>
      </c>
      <c r="AE5871">
        <v>50468.315159999998</v>
      </c>
      <c r="AF5871">
        <v>48410.406929999997</v>
      </c>
      <c r="AG5871">
        <v>32531.217659999998</v>
      </c>
      <c r="AH5871">
        <v>212512.66010000001</v>
      </c>
      <c r="AI5871">
        <v>72980.308739999993</v>
      </c>
      <c r="AJ5871">
        <v>18008.733039999999</v>
      </c>
      <c r="AK5871">
        <v>38923.015119999996</v>
      </c>
      <c r="AL5871">
        <v>54087.237880000001</v>
      </c>
      <c r="AM5871">
        <v>18905.105780000002</v>
      </c>
      <c r="AN5871">
        <v>97479.412590000007</v>
      </c>
      <c r="AO5871">
        <v>26091.408289999999</v>
      </c>
      <c r="AP5871">
        <v>13029.291230000001</v>
      </c>
    </row>
    <row r="5872" spans="2:42" x14ac:dyDescent="0.3">
      <c r="B5872">
        <v>41.658606344458597</v>
      </c>
      <c r="C5872" s="83">
        <v>43345.583333333336</v>
      </c>
      <c r="D5872">
        <v>158645.77350000001</v>
      </c>
      <c r="E5872">
        <v>16647.941429999999</v>
      </c>
      <c r="F5872">
        <v>58573.538809999998</v>
      </c>
      <c r="G5872">
        <v>31777.790389999998</v>
      </c>
      <c r="H5872">
        <v>34887.595670000002</v>
      </c>
      <c r="I5872">
        <v>24762.61491</v>
      </c>
      <c r="J5872">
        <v>49700.854959999997</v>
      </c>
      <c r="K5872">
        <v>47413.335059999998</v>
      </c>
      <c r="L5872">
        <v>31612.01699</v>
      </c>
      <c r="M5872">
        <v>212395.00229999999</v>
      </c>
      <c r="N5872">
        <v>73705.55919</v>
      </c>
      <c r="O5872">
        <v>18046.935730000001</v>
      </c>
      <c r="P5872">
        <v>35982.572189999999</v>
      </c>
      <c r="Q5872">
        <v>54458.613319999997</v>
      </c>
      <c r="R5872">
        <v>18588.276170000001</v>
      </c>
      <c r="S5872">
        <v>96036.451990000001</v>
      </c>
      <c r="T5872">
        <v>26511.906330000002</v>
      </c>
      <c r="U5872">
        <v>12445.497960000001</v>
      </c>
      <c r="W5872" s="83">
        <f>Bühler!N5904</f>
        <v>45536.583333319097</v>
      </c>
      <c r="X5872" s="83">
        <v>43345.583333333336</v>
      </c>
      <c r="Y5872">
        <v>158645.77350000001</v>
      </c>
      <c r="Z5872">
        <v>16647.941429999999</v>
      </c>
      <c r="AA5872">
        <v>58573.538809999998</v>
      </c>
      <c r="AB5872">
        <v>31777.790389999998</v>
      </c>
      <c r="AC5872">
        <v>34887.595670000002</v>
      </c>
      <c r="AD5872">
        <v>24762.61491</v>
      </c>
      <c r="AE5872">
        <v>49700.854959999997</v>
      </c>
      <c r="AF5872">
        <v>47413.335059999998</v>
      </c>
      <c r="AG5872">
        <v>31612.01699</v>
      </c>
      <c r="AH5872">
        <v>212395.00229999999</v>
      </c>
      <c r="AI5872">
        <v>73705.55919</v>
      </c>
      <c r="AJ5872">
        <v>18046.935730000001</v>
      </c>
      <c r="AK5872">
        <v>35982.572189999999</v>
      </c>
      <c r="AL5872">
        <v>54458.613319999997</v>
      </c>
      <c r="AM5872">
        <v>18588.276170000001</v>
      </c>
      <c r="AN5872">
        <v>96036.451990000001</v>
      </c>
      <c r="AO5872">
        <v>26511.906330000002</v>
      </c>
      <c r="AP5872">
        <v>12445.497960000001</v>
      </c>
    </row>
    <row r="5873" spans="2:42" x14ac:dyDescent="0.3">
      <c r="B5873">
        <v>41.672213514801001</v>
      </c>
      <c r="C5873" s="83">
        <v>43345.625</v>
      </c>
      <c r="D5873">
        <v>159509.32579999999</v>
      </c>
      <c r="E5873">
        <v>16880.798579999999</v>
      </c>
      <c r="F5873">
        <v>59202.809379999999</v>
      </c>
      <c r="G5873">
        <v>31782.251840000001</v>
      </c>
      <c r="H5873">
        <v>35068.782180000002</v>
      </c>
      <c r="I5873">
        <v>24832.24583</v>
      </c>
      <c r="J5873">
        <v>49495.781600000002</v>
      </c>
      <c r="K5873">
        <v>47281.299070000001</v>
      </c>
      <c r="L5873">
        <v>29825.708610000001</v>
      </c>
      <c r="M5873">
        <v>212464.378</v>
      </c>
      <c r="N5873">
        <v>73272.322539999994</v>
      </c>
      <c r="O5873">
        <v>17791.001079999998</v>
      </c>
      <c r="P5873">
        <v>33510.751530000001</v>
      </c>
      <c r="Q5873">
        <v>54980.14</v>
      </c>
      <c r="R5873">
        <v>18718.27061</v>
      </c>
      <c r="S5873">
        <v>95989.716530000005</v>
      </c>
      <c r="T5873">
        <v>26424.23573</v>
      </c>
      <c r="U5873">
        <v>12850.01053</v>
      </c>
      <c r="W5873" s="83">
        <f>Bühler!N5905</f>
        <v>45536.624999985761</v>
      </c>
      <c r="X5873" s="83">
        <v>43345.625</v>
      </c>
      <c r="Y5873">
        <v>159509.32579999999</v>
      </c>
      <c r="Z5873">
        <v>16880.798579999999</v>
      </c>
      <c r="AA5873">
        <v>59202.809379999999</v>
      </c>
      <c r="AB5873">
        <v>31782.251840000001</v>
      </c>
      <c r="AC5873">
        <v>35068.782180000002</v>
      </c>
      <c r="AD5873">
        <v>24832.24583</v>
      </c>
      <c r="AE5873">
        <v>49495.781600000002</v>
      </c>
      <c r="AF5873">
        <v>47281.299070000001</v>
      </c>
      <c r="AG5873">
        <v>29825.708610000001</v>
      </c>
      <c r="AH5873">
        <v>212464.378</v>
      </c>
      <c r="AI5873">
        <v>73272.322539999994</v>
      </c>
      <c r="AJ5873">
        <v>17791.001079999998</v>
      </c>
      <c r="AK5873">
        <v>33510.751530000001</v>
      </c>
      <c r="AL5873">
        <v>54980.14</v>
      </c>
      <c r="AM5873">
        <v>18718.27061</v>
      </c>
      <c r="AN5873">
        <v>95989.716530000005</v>
      </c>
      <c r="AO5873">
        <v>26424.23573</v>
      </c>
      <c r="AP5873">
        <v>12850.01053</v>
      </c>
    </row>
    <row r="5874" spans="2:42" x14ac:dyDescent="0.3">
      <c r="B5874">
        <v>41.922741480336235</v>
      </c>
      <c r="C5874" s="83">
        <v>43345.666666666664</v>
      </c>
      <c r="D5874">
        <v>159670.09220000001</v>
      </c>
      <c r="E5874">
        <v>16774.76513</v>
      </c>
      <c r="F5874">
        <v>58688.290630000003</v>
      </c>
      <c r="G5874">
        <v>31448.382440000001</v>
      </c>
      <c r="H5874">
        <v>34960.584080000001</v>
      </c>
      <c r="I5874">
        <v>24802.52822</v>
      </c>
      <c r="J5874">
        <v>48733.975509999997</v>
      </c>
      <c r="K5874">
        <v>47392.364549999998</v>
      </c>
      <c r="L5874">
        <v>28915.455979999999</v>
      </c>
      <c r="M5874">
        <v>213741.68640000001</v>
      </c>
      <c r="N5874">
        <v>73220.316399999996</v>
      </c>
      <c r="O5874">
        <v>17921.867999999999</v>
      </c>
      <c r="P5874">
        <v>32402.386119999999</v>
      </c>
      <c r="Q5874">
        <v>55621.280200000001</v>
      </c>
      <c r="R5874">
        <v>18849.946309999999</v>
      </c>
      <c r="S5874">
        <v>97064.596439999994</v>
      </c>
      <c r="T5874">
        <v>26183.80775</v>
      </c>
      <c r="U5874">
        <v>12512.22154</v>
      </c>
      <c r="W5874" s="83">
        <f>Bühler!N5906</f>
        <v>45536.666666652425</v>
      </c>
      <c r="X5874" s="83">
        <v>43345.666666666664</v>
      </c>
      <c r="Y5874">
        <v>159670.09220000001</v>
      </c>
      <c r="Z5874">
        <v>16774.76513</v>
      </c>
      <c r="AA5874">
        <v>58688.290630000003</v>
      </c>
      <c r="AB5874">
        <v>31448.382440000001</v>
      </c>
      <c r="AC5874">
        <v>34960.584080000001</v>
      </c>
      <c r="AD5874">
        <v>24802.52822</v>
      </c>
      <c r="AE5874">
        <v>48733.975509999997</v>
      </c>
      <c r="AF5874">
        <v>47392.364549999998</v>
      </c>
      <c r="AG5874">
        <v>28915.455979999999</v>
      </c>
      <c r="AH5874">
        <v>213741.68640000001</v>
      </c>
      <c r="AI5874">
        <v>73220.316399999996</v>
      </c>
      <c r="AJ5874">
        <v>17921.867999999999</v>
      </c>
      <c r="AK5874">
        <v>32402.386119999999</v>
      </c>
      <c r="AL5874">
        <v>55621.280200000001</v>
      </c>
      <c r="AM5874">
        <v>18849.946309999999</v>
      </c>
      <c r="AN5874">
        <v>97064.596439999994</v>
      </c>
      <c r="AO5874">
        <v>26183.80775</v>
      </c>
      <c r="AP5874">
        <v>12512.22154</v>
      </c>
    </row>
    <row r="5875" spans="2:42" x14ac:dyDescent="0.3">
      <c r="B5875">
        <v>41.403926091043026</v>
      </c>
      <c r="C5875" s="83">
        <v>43345.708333333336</v>
      </c>
      <c r="D5875">
        <v>160340.8455</v>
      </c>
      <c r="E5875">
        <v>16760.611860000001</v>
      </c>
      <c r="F5875">
        <v>58848.461289999999</v>
      </c>
      <c r="G5875">
        <v>31273.390759999998</v>
      </c>
      <c r="H5875">
        <v>34826.122530000001</v>
      </c>
      <c r="I5875">
        <v>25442.47335</v>
      </c>
      <c r="J5875">
        <v>49422.269540000001</v>
      </c>
      <c r="K5875">
        <v>46872.479610000002</v>
      </c>
      <c r="L5875">
        <v>29161.434160000001</v>
      </c>
      <c r="M5875">
        <v>211096.52359999999</v>
      </c>
      <c r="N5875">
        <v>71794.223559999999</v>
      </c>
      <c r="O5875">
        <v>17498.233929999999</v>
      </c>
      <c r="P5875">
        <v>32223.730149999999</v>
      </c>
      <c r="Q5875">
        <v>56721.569860000003</v>
      </c>
      <c r="R5875">
        <v>19760.061180000001</v>
      </c>
      <c r="S5875">
        <v>97900.188039999994</v>
      </c>
      <c r="T5875">
        <v>25620.661779999999</v>
      </c>
      <c r="U5875">
        <v>13087.897360000001</v>
      </c>
      <c r="W5875" s="83">
        <f>Bühler!N5907</f>
        <v>45536.708333319089</v>
      </c>
      <c r="X5875" s="83">
        <v>43345.708333333336</v>
      </c>
      <c r="Y5875">
        <v>160340.8455</v>
      </c>
      <c r="Z5875">
        <v>16760.611860000001</v>
      </c>
      <c r="AA5875">
        <v>58848.461289999999</v>
      </c>
      <c r="AB5875">
        <v>31273.390759999998</v>
      </c>
      <c r="AC5875">
        <v>34826.122530000001</v>
      </c>
      <c r="AD5875">
        <v>25442.47335</v>
      </c>
      <c r="AE5875">
        <v>49422.269540000001</v>
      </c>
      <c r="AF5875">
        <v>46872.479610000002</v>
      </c>
      <c r="AG5875">
        <v>29161.434160000001</v>
      </c>
      <c r="AH5875">
        <v>211096.52359999999</v>
      </c>
      <c r="AI5875">
        <v>71794.223559999999</v>
      </c>
      <c r="AJ5875">
        <v>17498.233929999999</v>
      </c>
      <c r="AK5875">
        <v>32223.730149999999</v>
      </c>
      <c r="AL5875">
        <v>56721.569860000003</v>
      </c>
      <c r="AM5875">
        <v>19760.061180000001</v>
      </c>
      <c r="AN5875">
        <v>97900.188039999994</v>
      </c>
      <c r="AO5875">
        <v>25620.661779999999</v>
      </c>
      <c r="AP5875">
        <v>13087.897360000001</v>
      </c>
    </row>
    <row r="5876" spans="2:42" x14ac:dyDescent="0.3">
      <c r="B5876">
        <v>41.179951247744953</v>
      </c>
      <c r="C5876" s="83">
        <v>43345.75</v>
      </c>
      <c r="D5876">
        <v>161002.57010000001</v>
      </c>
      <c r="E5876">
        <v>16332.489670000001</v>
      </c>
      <c r="F5876">
        <v>58283.477279999999</v>
      </c>
      <c r="G5876">
        <v>31266.036960000001</v>
      </c>
      <c r="H5876">
        <v>34662.866849999999</v>
      </c>
      <c r="I5876">
        <v>25249.957009999998</v>
      </c>
      <c r="J5876">
        <v>49282.306360000002</v>
      </c>
      <c r="K5876">
        <v>46506.442110000004</v>
      </c>
      <c r="L5876">
        <v>29399.31021</v>
      </c>
      <c r="M5876">
        <v>209954.59539999999</v>
      </c>
      <c r="N5876">
        <v>71095.218569999997</v>
      </c>
      <c r="O5876">
        <v>17722.84548</v>
      </c>
      <c r="P5876">
        <v>34551.606180000002</v>
      </c>
      <c r="Q5876">
        <v>56837.990169999997</v>
      </c>
      <c r="R5876">
        <v>19223.522850000001</v>
      </c>
      <c r="S5876">
        <v>95003.249419999993</v>
      </c>
      <c r="T5876">
        <v>25304.01528</v>
      </c>
      <c r="U5876">
        <v>13243.61174</v>
      </c>
      <c r="W5876" s="83">
        <f>Bühler!N5908</f>
        <v>45536.749999985754</v>
      </c>
      <c r="X5876" s="83">
        <v>43345.75</v>
      </c>
      <c r="Y5876">
        <v>161002.57010000001</v>
      </c>
      <c r="Z5876">
        <v>16332.489670000001</v>
      </c>
      <c r="AA5876">
        <v>58283.477279999999</v>
      </c>
      <c r="AB5876">
        <v>31266.036960000001</v>
      </c>
      <c r="AC5876">
        <v>34662.866849999999</v>
      </c>
      <c r="AD5876">
        <v>25249.957009999998</v>
      </c>
      <c r="AE5876">
        <v>49282.306360000002</v>
      </c>
      <c r="AF5876">
        <v>46506.442110000004</v>
      </c>
      <c r="AG5876">
        <v>29399.31021</v>
      </c>
      <c r="AH5876">
        <v>209954.59539999999</v>
      </c>
      <c r="AI5876">
        <v>71095.218569999997</v>
      </c>
      <c r="AJ5876">
        <v>17722.84548</v>
      </c>
      <c r="AK5876">
        <v>34551.606180000002</v>
      </c>
      <c r="AL5876">
        <v>56837.990169999997</v>
      </c>
      <c r="AM5876">
        <v>19223.522850000001</v>
      </c>
      <c r="AN5876">
        <v>95003.249419999993</v>
      </c>
      <c r="AO5876">
        <v>25304.01528</v>
      </c>
      <c r="AP5876">
        <v>13243.61174</v>
      </c>
    </row>
    <row r="5877" spans="2:42" x14ac:dyDescent="0.3">
      <c r="B5877">
        <v>41.345931494203818</v>
      </c>
      <c r="C5877" s="83">
        <v>43345.791666666664</v>
      </c>
      <c r="D5877">
        <v>161183.20980000001</v>
      </c>
      <c r="E5877">
        <v>15045.26346</v>
      </c>
      <c r="F5877">
        <v>57710.779349999997</v>
      </c>
      <c r="G5877">
        <v>31206.941279999999</v>
      </c>
      <c r="H5877">
        <v>34265.71254</v>
      </c>
      <c r="I5877">
        <v>24783.39388</v>
      </c>
      <c r="J5877">
        <v>48301.834560000003</v>
      </c>
      <c r="K5877">
        <v>47004.162040000003</v>
      </c>
      <c r="L5877">
        <v>29590.776140000002</v>
      </c>
      <c r="M5877">
        <v>210800.8401</v>
      </c>
      <c r="N5877">
        <v>70583.386199999994</v>
      </c>
      <c r="O5877">
        <v>17251.1423</v>
      </c>
      <c r="P5877">
        <v>36092.067329999998</v>
      </c>
      <c r="Q5877">
        <v>57000.770219999999</v>
      </c>
      <c r="R5877">
        <v>19262.081880000002</v>
      </c>
      <c r="S5877">
        <v>92600.622900000002</v>
      </c>
      <c r="T5877">
        <v>23846.585220000001</v>
      </c>
      <c r="U5877">
        <v>13661.965459999999</v>
      </c>
      <c r="W5877" s="83">
        <f>Bühler!N5909</f>
        <v>45536.791666652418</v>
      </c>
      <c r="X5877" s="83">
        <v>43345.791666666664</v>
      </c>
      <c r="Y5877">
        <v>161183.20980000001</v>
      </c>
      <c r="Z5877">
        <v>15045.26346</v>
      </c>
      <c r="AA5877">
        <v>57710.779349999997</v>
      </c>
      <c r="AB5877">
        <v>31206.941279999999</v>
      </c>
      <c r="AC5877">
        <v>34265.71254</v>
      </c>
      <c r="AD5877">
        <v>24783.39388</v>
      </c>
      <c r="AE5877">
        <v>48301.834560000003</v>
      </c>
      <c r="AF5877">
        <v>47004.162040000003</v>
      </c>
      <c r="AG5877">
        <v>29590.776140000002</v>
      </c>
      <c r="AH5877">
        <v>210800.8401</v>
      </c>
      <c r="AI5877">
        <v>70583.386199999994</v>
      </c>
      <c r="AJ5877">
        <v>17251.1423</v>
      </c>
      <c r="AK5877">
        <v>36092.067329999998</v>
      </c>
      <c r="AL5877">
        <v>57000.770219999999</v>
      </c>
      <c r="AM5877">
        <v>19262.081880000002</v>
      </c>
      <c r="AN5877">
        <v>92600.622900000002</v>
      </c>
      <c r="AO5877">
        <v>23846.585220000001</v>
      </c>
      <c r="AP5877">
        <v>13661.965459999999</v>
      </c>
    </row>
    <row r="5878" spans="2:42" x14ac:dyDescent="0.3">
      <c r="B5878">
        <v>41.353559611639831</v>
      </c>
      <c r="C5878" s="83">
        <v>43345.833333333336</v>
      </c>
      <c r="D5878">
        <v>161367.87659999999</v>
      </c>
      <c r="E5878">
        <v>13908.327859999999</v>
      </c>
      <c r="F5878">
        <v>56186.846510000003</v>
      </c>
      <c r="G5878">
        <v>31204.615819999999</v>
      </c>
      <c r="H5878">
        <v>34228.44801</v>
      </c>
      <c r="I5878">
        <v>24375.0785</v>
      </c>
      <c r="J5878">
        <v>47403.206709999999</v>
      </c>
      <c r="K5878">
        <v>47969.728690000004</v>
      </c>
      <c r="L5878">
        <v>29334.671350000001</v>
      </c>
      <c r="M5878">
        <v>210839.73180000001</v>
      </c>
      <c r="N5878">
        <v>71694.018710000004</v>
      </c>
      <c r="O5878">
        <v>17353.934580000001</v>
      </c>
      <c r="P5878">
        <v>35943.38132</v>
      </c>
      <c r="Q5878">
        <v>57583.802539999997</v>
      </c>
      <c r="R5878">
        <v>18516.459190000001</v>
      </c>
      <c r="S5878">
        <v>87400.098800000007</v>
      </c>
      <c r="T5878">
        <v>21172.07546</v>
      </c>
      <c r="U5878">
        <v>13601.844059999999</v>
      </c>
      <c r="W5878" s="83">
        <f>Bühler!N5910</f>
        <v>45536.833333319082</v>
      </c>
      <c r="X5878" s="83">
        <v>43345.833333333336</v>
      </c>
      <c r="Y5878">
        <v>161367.87659999999</v>
      </c>
      <c r="Z5878">
        <v>13908.327859999999</v>
      </c>
      <c r="AA5878">
        <v>56186.846510000003</v>
      </c>
      <c r="AB5878">
        <v>31204.615819999999</v>
      </c>
      <c r="AC5878">
        <v>34228.44801</v>
      </c>
      <c r="AD5878">
        <v>24375.0785</v>
      </c>
      <c r="AE5878">
        <v>47403.206709999999</v>
      </c>
      <c r="AF5878">
        <v>47969.728690000004</v>
      </c>
      <c r="AG5878">
        <v>29334.671350000001</v>
      </c>
      <c r="AH5878">
        <v>210839.73180000001</v>
      </c>
      <c r="AI5878">
        <v>71694.018710000004</v>
      </c>
      <c r="AJ5878">
        <v>17353.934580000001</v>
      </c>
      <c r="AK5878">
        <v>35943.38132</v>
      </c>
      <c r="AL5878">
        <v>57583.802539999997</v>
      </c>
      <c r="AM5878">
        <v>18516.459190000001</v>
      </c>
      <c r="AN5878">
        <v>87400.098800000007</v>
      </c>
      <c r="AO5878">
        <v>21172.07546</v>
      </c>
      <c r="AP5878">
        <v>13601.844059999999</v>
      </c>
    </row>
    <row r="5879" spans="2:42" x14ac:dyDescent="0.3">
      <c r="B5879">
        <v>42.015642260341842</v>
      </c>
      <c r="C5879" s="83">
        <v>43345.875</v>
      </c>
      <c r="D5879">
        <v>162875.50940000001</v>
      </c>
      <c r="E5879">
        <v>13641.78218</v>
      </c>
      <c r="F5879">
        <v>55213.857470000003</v>
      </c>
      <c r="G5879">
        <v>31238.00707</v>
      </c>
      <c r="H5879">
        <v>34717.363810000003</v>
      </c>
      <c r="I5879">
        <v>24153.543269999998</v>
      </c>
      <c r="J5879">
        <v>47773.54423</v>
      </c>
      <c r="K5879">
        <v>48870.612719999997</v>
      </c>
      <c r="L5879">
        <v>28544.1564</v>
      </c>
      <c r="M5879">
        <v>214215.33790000001</v>
      </c>
      <c r="N5879">
        <v>71422.377470000007</v>
      </c>
      <c r="O5879">
        <v>17527.55529</v>
      </c>
      <c r="P5879">
        <v>35344.02031</v>
      </c>
      <c r="Q5879">
        <v>58075.301220000001</v>
      </c>
      <c r="R5879">
        <v>18932.244760000001</v>
      </c>
      <c r="S5879">
        <v>84696.180040000007</v>
      </c>
      <c r="T5879">
        <v>20610.418119999998</v>
      </c>
      <c r="U5879">
        <v>14367.56854</v>
      </c>
      <c r="W5879" s="83">
        <f>Bühler!N5911</f>
        <v>45536.874999985746</v>
      </c>
      <c r="X5879" s="83">
        <v>43345.875</v>
      </c>
      <c r="Y5879">
        <v>162875.50940000001</v>
      </c>
      <c r="Z5879">
        <v>13641.78218</v>
      </c>
      <c r="AA5879">
        <v>55213.857470000003</v>
      </c>
      <c r="AB5879">
        <v>31238.00707</v>
      </c>
      <c r="AC5879">
        <v>34717.363810000003</v>
      </c>
      <c r="AD5879">
        <v>24153.543269999998</v>
      </c>
      <c r="AE5879">
        <v>47773.54423</v>
      </c>
      <c r="AF5879">
        <v>48870.612719999997</v>
      </c>
      <c r="AG5879">
        <v>28544.1564</v>
      </c>
      <c r="AH5879">
        <v>214215.33790000001</v>
      </c>
      <c r="AI5879">
        <v>71422.377470000007</v>
      </c>
      <c r="AJ5879">
        <v>17527.55529</v>
      </c>
      <c r="AK5879">
        <v>35344.02031</v>
      </c>
      <c r="AL5879">
        <v>58075.301220000001</v>
      </c>
      <c r="AM5879">
        <v>18932.244760000001</v>
      </c>
      <c r="AN5879">
        <v>84696.180040000007</v>
      </c>
      <c r="AO5879">
        <v>20610.418119999998</v>
      </c>
      <c r="AP5879">
        <v>14367.56854</v>
      </c>
    </row>
    <row r="5880" spans="2:42" x14ac:dyDescent="0.3">
      <c r="B5880">
        <v>42.641344890512855</v>
      </c>
      <c r="C5880" s="83">
        <v>43345.916666666664</v>
      </c>
      <c r="D5880">
        <v>163243.70079999999</v>
      </c>
      <c r="E5880">
        <v>13192.693010000001</v>
      </c>
      <c r="F5880">
        <v>55224.615919999997</v>
      </c>
      <c r="G5880">
        <v>31416.658650000001</v>
      </c>
      <c r="H5880">
        <v>34983.87859</v>
      </c>
      <c r="I5880">
        <v>23382.170870000002</v>
      </c>
      <c r="J5880">
        <v>44993.588589999999</v>
      </c>
      <c r="K5880">
        <v>50167.97352</v>
      </c>
      <c r="L5880">
        <v>25993.110359999999</v>
      </c>
      <c r="M5880">
        <v>217405.46170000001</v>
      </c>
      <c r="N5880">
        <v>71213.046560000003</v>
      </c>
      <c r="O5880">
        <v>17114.541580000001</v>
      </c>
      <c r="P5880">
        <v>33468.997210000001</v>
      </c>
      <c r="Q5880">
        <v>60026.137110000003</v>
      </c>
      <c r="R5880">
        <v>19154.16964</v>
      </c>
      <c r="S5880">
        <v>82793.481020000007</v>
      </c>
      <c r="T5880">
        <v>20192.71155</v>
      </c>
      <c r="U5880">
        <v>14171.59994</v>
      </c>
      <c r="W5880" s="83">
        <f>Bühler!N5912</f>
        <v>45536.916666652411</v>
      </c>
      <c r="X5880" s="83">
        <v>43345.916666666664</v>
      </c>
      <c r="Y5880">
        <v>163243.70079999999</v>
      </c>
      <c r="Z5880">
        <v>13192.693010000001</v>
      </c>
      <c r="AA5880">
        <v>55224.615919999997</v>
      </c>
      <c r="AB5880">
        <v>31416.658650000001</v>
      </c>
      <c r="AC5880">
        <v>34983.87859</v>
      </c>
      <c r="AD5880">
        <v>23382.170870000002</v>
      </c>
      <c r="AE5880">
        <v>44993.588589999999</v>
      </c>
      <c r="AF5880">
        <v>50167.97352</v>
      </c>
      <c r="AG5880">
        <v>25993.110359999999</v>
      </c>
      <c r="AH5880">
        <v>217405.46170000001</v>
      </c>
      <c r="AI5880">
        <v>71213.046560000003</v>
      </c>
      <c r="AJ5880">
        <v>17114.541580000001</v>
      </c>
      <c r="AK5880">
        <v>33468.997210000001</v>
      </c>
      <c r="AL5880">
        <v>60026.137110000003</v>
      </c>
      <c r="AM5880">
        <v>19154.16964</v>
      </c>
      <c r="AN5880">
        <v>82793.481020000007</v>
      </c>
      <c r="AO5880">
        <v>20192.71155</v>
      </c>
      <c r="AP5880">
        <v>14171.59994</v>
      </c>
    </row>
    <row r="5881" spans="2:42" x14ac:dyDescent="0.3">
      <c r="B5881">
        <v>43.056075842564006</v>
      </c>
      <c r="C5881" s="83">
        <v>43345.958333333336</v>
      </c>
      <c r="D5881">
        <v>163993.2218</v>
      </c>
      <c r="E5881">
        <v>12897.400159999999</v>
      </c>
      <c r="F5881">
        <v>54324.77261</v>
      </c>
      <c r="G5881">
        <v>31352.994360000001</v>
      </c>
      <c r="H5881">
        <v>34386.839849999997</v>
      </c>
      <c r="I5881">
        <v>22901.074359999999</v>
      </c>
      <c r="J5881">
        <v>39982.945339999998</v>
      </c>
      <c r="K5881">
        <v>49600.134059999997</v>
      </c>
      <c r="L5881">
        <v>21791.001560000001</v>
      </c>
      <c r="M5881">
        <v>219519.9535</v>
      </c>
      <c r="N5881">
        <v>70734.945110000001</v>
      </c>
      <c r="O5881">
        <v>17231.809809999999</v>
      </c>
      <c r="P5881">
        <v>30535.644179999999</v>
      </c>
      <c r="Q5881">
        <v>62609.804109999997</v>
      </c>
      <c r="R5881">
        <v>19113.704880000001</v>
      </c>
      <c r="S5881">
        <v>80478.036869999996</v>
      </c>
      <c r="T5881">
        <v>19227.55963</v>
      </c>
      <c r="U5881">
        <v>14029.23835</v>
      </c>
      <c r="W5881" s="83">
        <f>Bühler!N5913</f>
        <v>45536.958333319075</v>
      </c>
      <c r="X5881" s="83">
        <v>43345.958333333336</v>
      </c>
      <c r="Y5881">
        <v>163993.2218</v>
      </c>
      <c r="Z5881">
        <v>12897.400159999999</v>
      </c>
      <c r="AA5881">
        <v>54324.77261</v>
      </c>
      <c r="AB5881">
        <v>31352.994360000001</v>
      </c>
      <c r="AC5881">
        <v>34386.839849999997</v>
      </c>
      <c r="AD5881">
        <v>22901.074359999999</v>
      </c>
      <c r="AE5881">
        <v>39982.945339999998</v>
      </c>
      <c r="AF5881">
        <v>49600.134059999997</v>
      </c>
      <c r="AG5881">
        <v>21791.001560000001</v>
      </c>
      <c r="AH5881">
        <v>219519.9535</v>
      </c>
      <c r="AI5881">
        <v>70734.945110000001</v>
      </c>
      <c r="AJ5881">
        <v>17231.809809999999</v>
      </c>
      <c r="AK5881">
        <v>30535.644179999999</v>
      </c>
      <c r="AL5881">
        <v>62609.804109999997</v>
      </c>
      <c r="AM5881">
        <v>19113.704880000001</v>
      </c>
      <c r="AN5881">
        <v>80478.036869999996</v>
      </c>
      <c r="AO5881">
        <v>19227.55963</v>
      </c>
      <c r="AP5881">
        <v>14029.23835</v>
      </c>
    </row>
    <row r="5882" spans="2:42" x14ac:dyDescent="0.3">
      <c r="B5882">
        <v>42.99053301505721</v>
      </c>
      <c r="C5882" s="83">
        <v>43346</v>
      </c>
      <c r="D5882">
        <v>165662.1532</v>
      </c>
      <c r="E5882">
        <v>12722.751910000001</v>
      </c>
      <c r="F5882">
        <v>52999.932220000002</v>
      </c>
      <c r="G5882">
        <v>31403.334159999999</v>
      </c>
      <c r="H5882">
        <v>33918.58077</v>
      </c>
      <c r="I5882">
        <v>21133.870220000001</v>
      </c>
      <c r="J5882">
        <v>36489.471310000001</v>
      </c>
      <c r="K5882">
        <v>47648.282209999998</v>
      </c>
      <c r="L5882">
        <v>19257.95018</v>
      </c>
      <c r="M5882">
        <v>219185.7856</v>
      </c>
      <c r="N5882">
        <v>69994.087050000002</v>
      </c>
      <c r="O5882">
        <v>16867.603469999998</v>
      </c>
      <c r="P5882">
        <v>27589.244600000002</v>
      </c>
      <c r="Q5882">
        <v>65728.61808</v>
      </c>
      <c r="R5882">
        <v>16039.69002</v>
      </c>
      <c r="S5882">
        <v>78724.475279999999</v>
      </c>
      <c r="T5882">
        <v>18640.770840000001</v>
      </c>
      <c r="U5882">
        <v>13337.589900000001</v>
      </c>
      <c r="W5882" s="83">
        <f>Bühler!N5914</f>
        <v>45536.999999985739</v>
      </c>
      <c r="X5882" s="83">
        <v>43346</v>
      </c>
      <c r="Y5882">
        <v>165662.1532</v>
      </c>
      <c r="Z5882">
        <v>12722.751910000001</v>
      </c>
      <c r="AA5882">
        <v>52999.932220000002</v>
      </c>
      <c r="AB5882">
        <v>31403.334159999999</v>
      </c>
      <c r="AC5882">
        <v>33918.58077</v>
      </c>
      <c r="AD5882">
        <v>21133.870220000001</v>
      </c>
      <c r="AE5882">
        <v>36489.471310000001</v>
      </c>
      <c r="AF5882">
        <v>47648.282209999998</v>
      </c>
      <c r="AG5882">
        <v>19257.95018</v>
      </c>
      <c r="AH5882">
        <v>219185.7856</v>
      </c>
      <c r="AI5882">
        <v>69994.087050000002</v>
      </c>
      <c r="AJ5882">
        <v>16867.603469999998</v>
      </c>
      <c r="AK5882">
        <v>27589.244600000002</v>
      </c>
      <c r="AL5882">
        <v>65728.61808</v>
      </c>
      <c r="AM5882">
        <v>16039.69002</v>
      </c>
      <c r="AN5882">
        <v>78724.475279999999</v>
      </c>
      <c r="AO5882">
        <v>18640.770840000001</v>
      </c>
      <c r="AP5882">
        <v>13337.589900000001</v>
      </c>
    </row>
    <row r="5883" spans="2:42" x14ac:dyDescent="0.3">
      <c r="B5883">
        <v>43.383937475432774</v>
      </c>
      <c r="C5883" s="83">
        <v>43346.041666666664</v>
      </c>
      <c r="D5883">
        <v>167908.02650000001</v>
      </c>
      <c r="E5883">
        <v>12384.44003</v>
      </c>
      <c r="F5883">
        <v>53018.213499999998</v>
      </c>
      <c r="G5883">
        <v>30762.00232</v>
      </c>
      <c r="H5883">
        <v>33559.54032</v>
      </c>
      <c r="I5883">
        <v>17178.928209999998</v>
      </c>
      <c r="J5883">
        <v>34790.382790000003</v>
      </c>
      <c r="K5883">
        <v>44994.958319999998</v>
      </c>
      <c r="L5883">
        <v>17614.053759999999</v>
      </c>
      <c r="M5883">
        <v>221191.54500000001</v>
      </c>
      <c r="N5883">
        <v>68253.628970000005</v>
      </c>
      <c r="O5883">
        <v>16681.07776</v>
      </c>
      <c r="P5883">
        <v>26245.93175</v>
      </c>
      <c r="Q5883">
        <v>68228.232220000005</v>
      </c>
      <c r="R5883">
        <v>14646.913769999999</v>
      </c>
      <c r="S5883">
        <v>77303.49424</v>
      </c>
      <c r="T5883">
        <v>18259.7716</v>
      </c>
      <c r="U5883">
        <v>13590.48893</v>
      </c>
      <c r="W5883" s="83">
        <f>Bühler!N5915</f>
        <v>45537.041666652403</v>
      </c>
      <c r="X5883" s="83">
        <v>43346.041666666664</v>
      </c>
      <c r="Y5883">
        <v>167908.02650000001</v>
      </c>
      <c r="Z5883">
        <v>12384.44003</v>
      </c>
      <c r="AA5883">
        <v>53018.213499999998</v>
      </c>
      <c r="AB5883">
        <v>30762.00232</v>
      </c>
      <c r="AC5883">
        <v>33559.54032</v>
      </c>
      <c r="AD5883">
        <v>17178.928209999998</v>
      </c>
      <c r="AE5883">
        <v>34790.382790000003</v>
      </c>
      <c r="AF5883">
        <v>44994.958319999998</v>
      </c>
      <c r="AG5883">
        <v>17614.053759999999</v>
      </c>
      <c r="AH5883">
        <v>221191.54500000001</v>
      </c>
      <c r="AI5883">
        <v>68253.628970000005</v>
      </c>
      <c r="AJ5883">
        <v>16681.07776</v>
      </c>
      <c r="AK5883">
        <v>26245.93175</v>
      </c>
      <c r="AL5883">
        <v>68228.232220000005</v>
      </c>
      <c r="AM5883">
        <v>14646.913769999999</v>
      </c>
      <c r="AN5883">
        <v>77303.49424</v>
      </c>
      <c r="AO5883">
        <v>18259.7716</v>
      </c>
      <c r="AP5883">
        <v>13590.48893</v>
      </c>
    </row>
    <row r="5884" spans="2:42" x14ac:dyDescent="0.3">
      <c r="B5884">
        <v>44.195828134774118</v>
      </c>
      <c r="C5884" s="83">
        <v>43346.083333333336</v>
      </c>
      <c r="D5884">
        <v>168899.72210000001</v>
      </c>
      <c r="E5884">
        <v>12328.21306</v>
      </c>
      <c r="F5884">
        <v>53887.9591</v>
      </c>
      <c r="G5884">
        <v>30321.870900000002</v>
      </c>
      <c r="H5884">
        <v>33226.46127</v>
      </c>
      <c r="I5884">
        <v>15649.511329999999</v>
      </c>
      <c r="J5884">
        <v>34695.545910000001</v>
      </c>
      <c r="K5884">
        <v>43227.046690000003</v>
      </c>
      <c r="L5884">
        <v>16523.98918</v>
      </c>
      <c r="M5884">
        <v>225330.94219999999</v>
      </c>
      <c r="N5884">
        <v>67793.461630000005</v>
      </c>
      <c r="O5884">
        <v>16216.777830000001</v>
      </c>
      <c r="P5884">
        <v>25417.115389999999</v>
      </c>
      <c r="Q5884">
        <v>71509.664569999994</v>
      </c>
      <c r="R5884">
        <v>14842.61184</v>
      </c>
      <c r="S5884">
        <v>76396.719419999994</v>
      </c>
      <c r="T5884">
        <v>17819.671740000002</v>
      </c>
      <c r="U5884">
        <v>13149.86939</v>
      </c>
      <c r="W5884" s="83">
        <f>Bühler!N5916</f>
        <v>45537.083333319068</v>
      </c>
      <c r="X5884" s="83">
        <v>43346.083333333336</v>
      </c>
      <c r="Y5884">
        <v>168899.72210000001</v>
      </c>
      <c r="Z5884">
        <v>12328.21306</v>
      </c>
      <c r="AA5884">
        <v>53887.9591</v>
      </c>
      <c r="AB5884">
        <v>30321.870900000002</v>
      </c>
      <c r="AC5884">
        <v>33226.46127</v>
      </c>
      <c r="AD5884">
        <v>15649.511329999999</v>
      </c>
      <c r="AE5884">
        <v>34695.545910000001</v>
      </c>
      <c r="AF5884">
        <v>43227.046690000003</v>
      </c>
      <c r="AG5884">
        <v>16523.98918</v>
      </c>
      <c r="AH5884">
        <v>225330.94219999999</v>
      </c>
      <c r="AI5884">
        <v>67793.461630000005</v>
      </c>
      <c r="AJ5884">
        <v>16216.777830000001</v>
      </c>
      <c r="AK5884">
        <v>25417.115389999999</v>
      </c>
      <c r="AL5884">
        <v>71509.664569999994</v>
      </c>
      <c r="AM5884">
        <v>14842.61184</v>
      </c>
      <c r="AN5884">
        <v>76396.719419999994</v>
      </c>
      <c r="AO5884">
        <v>17819.671740000002</v>
      </c>
      <c r="AP5884">
        <v>13149.86939</v>
      </c>
    </row>
    <row r="5885" spans="2:42" x14ac:dyDescent="0.3">
      <c r="B5885">
        <v>45.330172428156601</v>
      </c>
      <c r="C5885" s="83">
        <v>43346.125</v>
      </c>
      <c r="D5885">
        <v>173273.56479999999</v>
      </c>
      <c r="E5885">
        <v>12416.57288</v>
      </c>
      <c r="F5885">
        <v>55822.806920000003</v>
      </c>
      <c r="G5885">
        <v>29410.880929999999</v>
      </c>
      <c r="H5885">
        <v>33266.976880000002</v>
      </c>
      <c r="I5885">
        <v>15405.36599</v>
      </c>
      <c r="J5885">
        <v>34521.217400000001</v>
      </c>
      <c r="K5885">
        <v>42992.247900000002</v>
      </c>
      <c r="L5885">
        <v>16039.88457</v>
      </c>
      <c r="M5885">
        <v>231114.3584</v>
      </c>
      <c r="N5885">
        <v>67917.658710000003</v>
      </c>
      <c r="O5885">
        <v>16141.57755</v>
      </c>
      <c r="P5885">
        <v>24603.397580000001</v>
      </c>
      <c r="Q5885">
        <v>76649.803010000003</v>
      </c>
      <c r="R5885">
        <v>14704.61672</v>
      </c>
      <c r="S5885">
        <v>74915.996910000002</v>
      </c>
      <c r="T5885">
        <v>17477.215909999999</v>
      </c>
      <c r="U5885">
        <v>13377.633610000001</v>
      </c>
      <c r="W5885" s="83">
        <f>Bühler!N5917</f>
        <v>45537.124999985732</v>
      </c>
      <c r="X5885" s="83">
        <v>43346.125</v>
      </c>
      <c r="Y5885">
        <v>173273.56479999999</v>
      </c>
      <c r="Z5885">
        <v>12416.57288</v>
      </c>
      <c r="AA5885">
        <v>55822.806920000003</v>
      </c>
      <c r="AB5885">
        <v>29410.880929999999</v>
      </c>
      <c r="AC5885">
        <v>33266.976880000002</v>
      </c>
      <c r="AD5885">
        <v>15405.36599</v>
      </c>
      <c r="AE5885">
        <v>34521.217400000001</v>
      </c>
      <c r="AF5885">
        <v>42992.247900000002</v>
      </c>
      <c r="AG5885">
        <v>16039.88457</v>
      </c>
      <c r="AH5885">
        <v>231114.3584</v>
      </c>
      <c r="AI5885">
        <v>67917.658710000003</v>
      </c>
      <c r="AJ5885">
        <v>16141.57755</v>
      </c>
      <c r="AK5885">
        <v>24603.397580000001</v>
      </c>
      <c r="AL5885">
        <v>76649.803010000003</v>
      </c>
      <c r="AM5885">
        <v>14704.61672</v>
      </c>
      <c r="AN5885">
        <v>74915.996910000002</v>
      </c>
      <c r="AO5885">
        <v>17477.215909999999</v>
      </c>
      <c r="AP5885">
        <v>13377.633610000001</v>
      </c>
    </row>
    <row r="5886" spans="2:42" x14ac:dyDescent="0.3">
      <c r="B5886">
        <v>48.755346456725704</v>
      </c>
      <c r="C5886" s="83">
        <v>43346.166666666664</v>
      </c>
      <c r="D5886">
        <v>183448.24479999999</v>
      </c>
      <c r="E5886">
        <v>13214.302949999999</v>
      </c>
      <c r="F5886">
        <v>59636.741999999998</v>
      </c>
      <c r="G5886">
        <v>28748.436440000001</v>
      </c>
      <c r="H5886">
        <v>33694.415529999998</v>
      </c>
      <c r="I5886">
        <v>16881.451000000001</v>
      </c>
      <c r="J5886">
        <v>36448.189140000002</v>
      </c>
      <c r="K5886">
        <v>42702.771359999999</v>
      </c>
      <c r="L5886">
        <v>15834.463299999999</v>
      </c>
      <c r="M5886">
        <v>248577.49290000001</v>
      </c>
      <c r="N5886">
        <v>67834.39503</v>
      </c>
      <c r="O5886">
        <v>17138.006839999998</v>
      </c>
      <c r="P5886">
        <v>24582.740010000001</v>
      </c>
      <c r="Q5886">
        <v>82242.67671</v>
      </c>
      <c r="R5886">
        <v>14962.75338</v>
      </c>
      <c r="S5886">
        <v>75045.795050000001</v>
      </c>
      <c r="T5886">
        <v>17281.390220000001</v>
      </c>
      <c r="U5886">
        <v>13683.719639999999</v>
      </c>
      <c r="W5886" s="83">
        <f>Bühler!N5918</f>
        <v>45537.166666652396</v>
      </c>
      <c r="X5886" s="83">
        <v>43346.166666666664</v>
      </c>
      <c r="Y5886">
        <v>183448.24479999999</v>
      </c>
      <c r="Z5886">
        <v>13214.302949999999</v>
      </c>
      <c r="AA5886">
        <v>59636.741999999998</v>
      </c>
      <c r="AB5886">
        <v>28748.436440000001</v>
      </c>
      <c r="AC5886">
        <v>33694.415529999998</v>
      </c>
      <c r="AD5886">
        <v>16881.451000000001</v>
      </c>
      <c r="AE5886">
        <v>36448.189140000002</v>
      </c>
      <c r="AF5886">
        <v>42702.771359999999</v>
      </c>
      <c r="AG5886">
        <v>15834.463299999999</v>
      </c>
      <c r="AH5886">
        <v>248577.49290000001</v>
      </c>
      <c r="AI5886">
        <v>67834.39503</v>
      </c>
      <c r="AJ5886">
        <v>17138.006839999998</v>
      </c>
      <c r="AK5886">
        <v>24582.740010000001</v>
      </c>
      <c r="AL5886">
        <v>82242.67671</v>
      </c>
      <c r="AM5886">
        <v>14962.75338</v>
      </c>
      <c r="AN5886">
        <v>75045.795050000001</v>
      </c>
      <c r="AO5886">
        <v>17281.390220000001</v>
      </c>
      <c r="AP5886">
        <v>13683.719639999999</v>
      </c>
    </row>
    <row r="5887" spans="2:42" x14ac:dyDescent="0.3">
      <c r="B5887">
        <v>53.967221659535738</v>
      </c>
      <c r="C5887" s="83">
        <v>43346.208333333336</v>
      </c>
      <c r="D5887">
        <v>212599.73939999999</v>
      </c>
      <c r="E5887">
        <v>15096.49316</v>
      </c>
      <c r="F5887">
        <v>68926.368549999999</v>
      </c>
      <c r="G5887">
        <v>30148.945510000001</v>
      </c>
      <c r="H5887">
        <v>35728.459170000002</v>
      </c>
      <c r="I5887">
        <v>23133.109410000001</v>
      </c>
      <c r="J5887">
        <v>39785.610569999997</v>
      </c>
      <c r="K5887">
        <v>43921.002240000002</v>
      </c>
      <c r="L5887">
        <v>16638.67064</v>
      </c>
      <c r="M5887">
        <v>275150.06319999998</v>
      </c>
      <c r="N5887">
        <v>69804.256989999994</v>
      </c>
      <c r="O5887">
        <v>17687.033289999999</v>
      </c>
      <c r="P5887">
        <v>26343.32346</v>
      </c>
      <c r="Q5887">
        <v>89104.969920000003</v>
      </c>
      <c r="R5887">
        <v>16263.69544</v>
      </c>
      <c r="S5887">
        <v>77144.259279999998</v>
      </c>
      <c r="T5887">
        <v>18385.056410000001</v>
      </c>
      <c r="U5887">
        <v>15979.772849999999</v>
      </c>
      <c r="W5887" s="83">
        <f>Bühler!N5919</f>
        <v>45537.20833331906</v>
      </c>
      <c r="X5887" s="83">
        <v>43346.208333333336</v>
      </c>
      <c r="Y5887">
        <v>212599.73939999999</v>
      </c>
      <c r="Z5887">
        <v>15096.49316</v>
      </c>
      <c r="AA5887">
        <v>68926.368549999999</v>
      </c>
      <c r="AB5887">
        <v>30148.945510000001</v>
      </c>
      <c r="AC5887">
        <v>35728.459170000002</v>
      </c>
      <c r="AD5887">
        <v>23133.109410000001</v>
      </c>
      <c r="AE5887">
        <v>39785.610569999997</v>
      </c>
      <c r="AF5887">
        <v>43921.002240000002</v>
      </c>
      <c r="AG5887">
        <v>16638.67064</v>
      </c>
      <c r="AH5887">
        <v>275150.06319999998</v>
      </c>
      <c r="AI5887">
        <v>69804.256989999994</v>
      </c>
      <c r="AJ5887">
        <v>17687.033289999999</v>
      </c>
      <c r="AK5887">
        <v>26343.32346</v>
      </c>
      <c r="AL5887">
        <v>89104.969920000003</v>
      </c>
      <c r="AM5887">
        <v>16263.69544</v>
      </c>
      <c r="AN5887">
        <v>77144.259279999998</v>
      </c>
      <c r="AO5887">
        <v>18385.056410000001</v>
      </c>
      <c r="AP5887">
        <v>15979.772849999999</v>
      </c>
    </row>
    <row r="5888" spans="2:42" x14ac:dyDescent="0.3">
      <c r="B5888">
        <v>58.925149084100099</v>
      </c>
      <c r="C5888" s="83">
        <v>43346.25</v>
      </c>
      <c r="D5888">
        <v>238450.97380000001</v>
      </c>
      <c r="E5888">
        <v>18989.450710000001</v>
      </c>
      <c r="F5888">
        <v>80940.165169999993</v>
      </c>
      <c r="G5888">
        <v>36383.712619999998</v>
      </c>
      <c r="H5888">
        <v>38526.649210000003</v>
      </c>
      <c r="I5888">
        <v>29111.514060000001</v>
      </c>
      <c r="J5888">
        <v>44371.607669999998</v>
      </c>
      <c r="K5888">
        <v>45948.65337</v>
      </c>
      <c r="L5888">
        <v>18397.642500000002</v>
      </c>
      <c r="M5888">
        <v>300427.88929999998</v>
      </c>
      <c r="N5888">
        <v>73189.593840000001</v>
      </c>
      <c r="O5888">
        <v>19655.751230000002</v>
      </c>
      <c r="P5888">
        <v>26291.088510000001</v>
      </c>
      <c r="Q5888">
        <v>93619.326889999997</v>
      </c>
      <c r="R5888">
        <v>17742.511340000001</v>
      </c>
      <c r="S5888">
        <v>85984.408519999997</v>
      </c>
      <c r="T5888">
        <v>20243.0743</v>
      </c>
      <c r="U5888">
        <v>18489.835279999999</v>
      </c>
      <c r="W5888" s="83">
        <f>Bühler!N5920</f>
        <v>45537.249999985725</v>
      </c>
      <c r="X5888" s="83">
        <v>43346.25</v>
      </c>
      <c r="Y5888">
        <v>238450.97380000001</v>
      </c>
      <c r="Z5888">
        <v>18989.450710000001</v>
      </c>
      <c r="AA5888">
        <v>80940.165169999993</v>
      </c>
      <c r="AB5888">
        <v>36383.712619999998</v>
      </c>
      <c r="AC5888">
        <v>38526.649210000003</v>
      </c>
      <c r="AD5888">
        <v>29111.514060000001</v>
      </c>
      <c r="AE5888">
        <v>44371.607669999998</v>
      </c>
      <c r="AF5888">
        <v>45948.65337</v>
      </c>
      <c r="AG5888">
        <v>18397.642500000002</v>
      </c>
      <c r="AH5888">
        <v>300427.88929999998</v>
      </c>
      <c r="AI5888">
        <v>73189.593840000001</v>
      </c>
      <c r="AJ5888">
        <v>19655.751230000002</v>
      </c>
      <c r="AK5888">
        <v>26291.088510000001</v>
      </c>
      <c r="AL5888">
        <v>93619.326889999997</v>
      </c>
      <c r="AM5888">
        <v>17742.511340000001</v>
      </c>
      <c r="AN5888">
        <v>85984.408519999997</v>
      </c>
      <c r="AO5888">
        <v>20243.0743</v>
      </c>
      <c r="AP5888">
        <v>18489.835279999999</v>
      </c>
    </row>
    <row r="5889" spans="2:42" x14ac:dyDescent="0.3">
      <c r="B5889">
        <v>61.804506976334252</v>
      </c>
      <c r="C5889" s="83">
        <v>43346.291666666664</v>
      </c>
      <c r="D5889">
        <v>252428.95180000001</v>
      </c>
      <c r="E5889">
        <v>23079.528409999999</v>
      </c>
      <c r="F5889">
        <v>84896.252370000002</v>
      </c>
      <c r="G5889">
        <v>43848.541599999997</v>
      </c>
      <c r="H5889">
        <v>42625.00722</v>
      </c>
      <c r="I5889">
        <v>36226.156909999998</v>
      </c>
      <c r="J5889">
        <v>44755.711089999997</v>
      </c>
      <c r="K5889">
        <v>50773.663999999997</v>
      </c>
      <c r="L5889">
        <v>20824.568050000002</v>
      </c>
      <c r="M5889">
        <v>315108.1986</v>
      </c>
      <c r="N5889">
        <v>78853.319789999994</v>
      </c>
      <c r="O5889">
        <v>21748.12933</v>
      </c>
      <c r="P5889">
        <v>29204.769909999999</v>
      </c>
      <c r="Q5889">
        <v>95836.444000000003</v>
      </c>
      <c r="R5889">
        <v>19230.12356</v>
      </c>
      <c r="S5889">
        <v>100090.8875</v>
      </c>
      <c r="T5889">
        <v>24085.56637</v>
      </c>
      <c r="U5889">
        <v>22767.818579999999</v>
      </c>
      <c r="W5889" s="83">
        <f>Bühler!N5921</f>
        <v>45537.291666652389</v>
      </c>
      <c r="X5889" s="83">
        <v>43346.291666666664</v>
      </c>
      <c r="Y5889">
        <v>252428.95180000001</v>
      </c>
      <c r="Z5889">
        <v>23079.528409999999</v>
      </c>
      <c r="AA5889">
        <v>84896.252370000002</v>
      </c>
      <c r="AB5889">
        <v>43848.541599999997</v>
      </c>
      <c r="AC5889">
        <v>42625.00722</v>
      </c>
      <c r="AD5889">
        <v>36226.156909999998</v>
      </c>
      <c r="AE5889">
        <v>44755.711089999997</v>
      </c>
      <c r="AF5889">
        <v>50773.663999999997</v>
      </c>
      <c r="AG5889">
        <v>20824.568050000002</v>
      </c>
      <c r="AH5889">
        <v>315108.1986</v>
      </c>
      <c r="AI5889">
        <v>78853.319789999994</v>
      </c>
      <c r="AJ5889">
        <v>21748.12933</v>
      </c>
      <c r="AK5889">
        <v>29204.769909999999</v>
      </c>
      <c r="AL5889">
        <v>95836.444000000003</v>
      </c>
      <c r="AM5889">
        <v>19230.12356</v>
      </c>
      <c r="AN5889">
        <v>100090.8875</v>
      </c>
      <c r="AO5889">
        <v>24085.56637</v>
      </c>
      <c r="AP5889">
        <v>22767.818579999999</v>
      </c>
    </row>
    <row r="5890" spans="2:42" x14ac:dyDescent="0.3">
      <c r="B5890">
        <v>64.231274413864156</v>
      </c>
      <c r="C5890" s="83">
        <v>43346.333333333336</v>
      </c>
      <c r="D5890">
        <v>270182.05040000001</v>
      </c>
      <c r="E5890">
        <v>28751.34391</v>
      </c>
      <c r="F5890">
        <v>90375.7497</v>
      </c>
      <c r="G5890">
        <v>51457.119189999998</v>
      </c>
      <c r="H5890">
        <v>46699.699679999998</v>
      </c>
      <c r="I5890">
        <v>39744.940719999999</v>
      </c>
      <c r="J5890">
        <v>48089.8174</v>
      </c>
      <c r="K5890">
        <v>57960.123339999998</v>
      </c>
      <c r="L5890">
        <v>23978.889500000001</v>
      </c>
      <c r="M5890">
        <v>327480.99070000002</v>
      </c>
      <c r="N5890">
        <v>86753.976330000005</v>
      </c>
      <c r="O5890">
        <v>25087.267080000001</v>
      </c>
      <c r="P5890">
        <v>32354.03427</v>
      </c>
      <c r="Q5890">
        <v>97057.773589999997</v>
      </c>
      <c r="R5890">
        <v>21778.629860000001</v>
      </c>
      <c r="S5890">
        <v>112817.0156</v>
      </c>
      <c r="T5890">
        <v>26648.280350000001</v>
      </c>
      <c r="U5890">
        <v>26366.00707</v>
      </c>
      <c r="W5890" s="83">
        <f>Bühler!N5922</f>
        <v>45537.333333319053</v>
      </c>
      <c r="X5890" s="83">
        <v>43346.333333333336</v>
      </c>
      <c r="Y5890">
        <v>270182.05040000001</v>
      </c>
      <c r="Z5890">
        <v>28751.34391</v>
      </c>
      <c r="AA5890">
        <v>90375.7497</v>
      </c>
      <c r="AB5890">
        <v>51457.119189999998</v>
      </c>
      <c r="AC5890">
        <v>46699.699679999998</v>
      </c>
      <c r="AD5890">
        <v>39744.940719999999</v>
      </c>
      <c r="AE5890">
        <v>48089.8174</v>
      </c>
      <c r="AF5890">
        <v>57960.123339999998</v>
      </c>
      <c r="AG5890">
        <v>23978.889500000001</v>
      </c>
      <c r="AH5890">
        <v>327480.99070000002</v>
      </c>
      <c r="AI5890">
        <v>86753.976330000005</v>
      </c>
      <c r="AJ5890">
        <v>25087.267080000001</v>
      </c>
      <c r="AK5890">
        <v>32354.03427</v>
      </c>
      <c r="AL5890">
        <v>97057.773589999997</v>
      </c>
      <c r="AM5890">
        <v>21778.629860000001</v>
      </c>
      <c r="AN5890">
        <v>112817.0156</v>
      </c>
      <c r="AO5890">
        <v>26648.280350000001</v>
      </c>
      <c r="AP5890">
        <v>26366.00707</v>
      </c>
    </row>
    <row r="5891" spans="2:42" x14ac:dyDescent="0.3">
      <c r="B5891">
        <v>66.325614806411352</v>
      </c>
      <c r="C5891" s="83">
        <v>43346.375</v>
      </c>
      <c r="D5891">
        <v>279479.17119999998</v>
      </c>
      <c r="E5891">
        <v>33980.90825</v>
      </c>
      <c r="F5891">
        <v>97737.146040000007</v>
      </c>
      <c r="G5891">
        <v>55784.959419999999</v>
      </c>
      <c r="H5891">
        <v>49944.701829999998</v>
      </c>
      <c r="I5891">
        <v>39471.671820000003</v>
      </c>
      <c r="J5891">
        <v>51634.556519999998</v>
      </c>
      <c r="K5891">
        <v>61859.18737</v>
      </c>
      <c r="L5891">
        <v>28333.535169999999</v>
      </c>
      <c r="M5891">
        <v>338158.91470000002</v>
      </c>
      <c r="N5891">
        <v>92861.480509999994</v>
      </c>
      <c r="O5891">
        <v>26252.640019999999</v>
      </c>
      <c r="P5891">
        <v>34457.227099999996</v>
      </c>
      <c r="Q5891">
        <v>100098.4428</v>
      </c>
      <c r="R5891">
        <v>22876.702259999998</v>
      </c>
      <c r="S5891">
        <v>120849.07030000001</v>
      </c>
      <c r="T5891">
        <v>29411.45377</v>
      </c>
      <c r="U5891">
        <v>27073.342830000001</v>
      </c>
      <c r="W5891" s="83">
        <f>Bühler!N5923</f>
        <v>45537.374999985717</v>
      </c>
      <c r="X5891" s="83">
        <v>43346.375</v>
      </c>
      <c r="Y5891">
        <v>279479.17119999998</v>
      </c>
      <c r="Z5891">
        <v>33980.90825</v>
      </c>
      <c r="AA5891">
        <v>97737.146040000007</v>
      </c>
      <c r="AB5891">
        <v>55784.959419999999</v>
      </c>
      <c r="AC5891">
        <v>49944.701829999998</v>
      </c>
      <c r="AD5891">
        <v>39471.671820000003</v>
      </c>
      <c r="AE5891">
        <v>51634.556519999998</v>
      </c>
      <c r="AF5891">
        <v>61859.18737</v>
      </c>
      <c r="AG5891">
        <v>28333.535169999999</v>
      </c>
      <c r="AH5891">
        <v>338158.91470000002</v>
      </c>
      <c r="AI5891">
        <v>92861.480509999994</v>
      </c>
      <c r="AJ5891">
        <v>26252.640019999999</v>
      </c>
      <c r="AK5891">
        <v>34457.227099999996</v>
      </c>
      <c r="AL5891">
        <v>100098.4428</v>
      </c>
      <c r="AM5891">
        <v>22876.702259999998</v>
      </c>
      <c r="AN5891">
        <v>120849.07030000001</v>
      </c>
      <c r="AO5891">
        <v>29411.45377</v>
      </c>
      <c r="AP5891">
        <v>27073.342830000001</v>
      </c>
    </row>
    <row r="5892" spans="2:42" x14ac:dyDescent="0.3">
      <c r="B5892">
        <v>68.274805255747182</v>
      </c>
      <c r="C5892" s="83">
        <v>43346.416666666664</v>
      </c>
      <c r="D5892">
        <v>285834.3518</v>
      </c>
      <c r="E5892">
        <v>35866.705020000001</v>
      </c>
      <c r="F5892">
        <v>100993.1079</v>
      </c>
      <c r="G5892">
        <v>58482.369440000002</v>
      </c>
      <c r="H5892">
        <v>51451.482340000002</v>
      </c>
      <c r="I5892">
        <v>38760.668140000002</v>
      </c>
      <c r="J5892">
        <v>51995.533040000002</v>
      </c>
      <c r="K5892">
        <v>64202.501429999997</v>
      </c>
      <c r="L5892">
        <v>31111.663619999999</v>
      </c>
      <c r="M5892">
        <v>348096.7966</v>
      </c>
      <c r="N5892">
        <v>99421.749060000002</v>
      </c>
      <c r="O5892">
        <v>26883.654200000001</v>
      </c>
      <c r="P5892">
        <v>35431.141580000003</v>
      </c>
      <c r="Q5892">
        <v>103483.3711</v>
      </c>
      <c r="R5892">
        <v>24589.627519999998</v>
      </c>
      <c r="S5892">
        <v>124301.2871</v>
      </c>
      <c r="T5892">
        <v>31446.123739999999</v>
      </c>
      <c r="U5892">
        <v>26950.36189</v>
      </c>
      <c r="W5892" s="83">
        <f>Bühler!N5924</f>
        <v>45537.416666652382</v>
      </c>
      <c r="X5892" s="83">
        <v>43346.416666666664</v>
      </c>
      <c r="Y5892">
        <v>285834.3518</v>
      </c>
      <c r="Z5892">
        <v>35866.705020000001</v>
      </c>
      <c r="AA5892">
        <v>100993.1079</v>
      </c>
      <c r="AB5892">
        <v>58482.369440000002</v>
      </c>
      <c r="AC5892">
        <v>51451.482340000002</v>
      </c>
      <c r="AD5892">
        <v>38760.668140000002</v>
      </c>
      <c r="AE5892">
        <v>51995.533040000002</v>
      </c>
      <c r="AF5892">
        <v>64202.501429999997</v>
      </c>
      <c r="AG5892">
        <v>31111.663619999999</v>
      </c>
      <c r="AH5892">
        <v>348096.7966</v>
      </c>
      <c r="AI5892">
        <v>99421.749060000002</v>
      </c>
      <c r="AJ5892">
        <v>26883.654200000001</v>
      </c>
      <c r="AK5892">
        <v>35431.141580000003</v>
      </c>
      <c r="AL5892">
        <v>103483.3711</v>
      </c>
      <c r="AM5892">
        <v>24589.627519999998</v>
      </c>
      <c r="AN5892">
        <v>124301.2871</v>
      </c>
      <c r="AO5892">
        <v>31446.123739999999</v>
      </c>
      <c r="AP5892">
        <v>26950.36189</v>
      </c>
    </row>
    <row r="5893" spans="2:42" x14ac:dyDescent="0.3">
      <c r="B5893">
        <v>69.835492483300371</v>
      </c>
      <c r="C5893" s="83">
        <v>43346.458333333336</v>
      </c>
      <c r="D5893">
        <v>287004.67709999997</v>
      </c>
      <c r="E5893">
        <v>36120.164279999997</v>
      </c>
      <c r="F5893">
        <v>102187.19100000001</v>
      </c>
      <c r="G5893">
        <v>59272.972670000003</v>
      </c>
      <c r="H5893">
        <v>52071.946369999998</v>
      </c>
      <c r="I5893">
        <v>38409.495540000004</v>
      </c>
      <c r="J5893">
        <v>52960.120289999999</v>
      </c>
      <c r="K5893">
        <v>63827.096890000001</v>
      </c>
      <c r="L5893">
        <v>33203.188679999999</v>
      </c>
      <c r="M5893">
        <v>356053.90789999999</v>
      </c>
      <c r="N5893">
        <v>100730.2748</v>
      </c>
      <c r="O5893">
        <v>27256.58756</v>
      </c>
      <c r="P5893">
        <v>35521.573279999997</v>
      </c>
      <c r="Q5893">
        <v>105269.86199999999</v>
      </c>
      <c r="R5893">
        <v>25830.254560000001</v>
      </c>
      <c r="S5893">
        <v>128944.4068</v>
      </c>
      <c r="T5893">
        <v>31960.466369999998</v>
      </c>
      <c r="U5893">
        <v>26812.351559999999</v>
      </c>
      <c r="W5893" s="83">
        <f>Bühler!N5925</f>
        <v>45537.458333319046</v>
      </c>
      <c r="X5893" s="83">
        <v>43346.458333333336</v>
      </c>
      <c r="Y5893">
        <v>287004.67709999997</v>
      </c>
      <c r="Z5893">
        <v>36120.164279999997</v>
      </c>
      <c r="AA5893">
        <v>102187.19100000001</v>
      </c>
      <c r="AB5893">
        <v>59272.972670000003</v>
      </c>
      <c r="AC5893">
        <v>52071.946369999998</v>
      </c>
      <c r="AD5893">
        <v>38409.495540000004</v>
      </c>
      <c r="AE5893">
        <v>52960.120289999999</v>
      </c>
      <c r="AF5893">
        <v>63827.096890000001</v>
      </c>
      <c r="AG5893">
        <v>33203.188679999999</v>
      </c>
      <c r="AH5893">
        <v>356053.90789999999</v>
      </c>
      <c r="AI5893">
        <v>100730.2748</v>
      </c>
      <c r="AJ5893">
        <v>27256.58756</v>
      </c>
      <c r="AK5893">
        <v>35521.573279999997</v>
      </c>
      <c r="AL5893">
        <v>105269.86199999999</v>
      </c>
      <c r="AM5893">
        <v>25830.254560000001</v>
      </c>
      <c r="AN5893">
        <v>128944.4068</v>
      </c>
      <c r="AO5893">
        <v>31960.466369999998</v>
      </c>
      <c r="AP5893">
        <v>26812.351559999999</v>
      </c>
    </row>
    <row r="5894" spans="2:42" x14ac:dyDescent="0.3">
      <c r="B5894">
        <v>69.731599319263751</v>
      </c>
      <c r="C5894" s="83">
        <v>43346.5</v>
      </c>
      <c r="D5894">
        <v>277822.8677</v>
      </c>
      <c r="E5894">
        <v>33214.583910000001</v>
      </c>
      <c r="F5894">
        <v>96186.632759999993</v>
      </c>
      <c r="G5894">
        <v>57576.676319999999</v>
      </c>
      <c r="H5894">
        <v>51145.556109999998</v>
      </c>
      <c r="I5894">
        <v>37256.451459999997</v>
      </c>
      <c r="J5894">
        <v>53172.362869999997</v>
      </c>
      <c r="K5894">
        <v>60374.812590000001</v>
      </c>
      <c r="L5894">
        <v>36073.065970000003</v>
      </c>
      <c r="M5894">
        <v>355524.2121</v>
      </c>
      <c r="N5894">
        <v>102006.1349</v>
      </c>
      <c r="O5894">
        <v>26870.962650000001</v>
      </c>
      <c r="P5894">
        <v>36514.088280000004</v>
      </c>
      <c r="Q5894">
        <v>105809.8337</v>
      </c>
      <c r="R5894">
        <v>26745.137180000002</v>
      </c>
      <c r="S5894">
        <v>124946.6951</v>
      </c>
      <c r="T5894">
        <v>31115.77162</v>
      </c>
      <c r="U5894">
        <v>22987.880570000001</v>
      </c>
      <c r="W5894" s="83">
        <f>Bühler!N5926</f>
        <v>45537.49999998571</v>
      </c>
      <c r="X5894" s="83">
        <v>43346.5</v>
      </c>
      <c r="Y5894">
        <v>277822.8677</v>
      </c>
      <c r="Z5894">
        <v>33214.583910000001</v>
      </c>
      <c r="AA5894">
        <v>96186.632759999993</v>
      </c>
      <c r="AB5894">
        <v>57576.676319999999</v>
      </c>
      <c r="AC5894">
        <v>51145.556109999998</v>
      </c>
      <c r="AD5894">
        <v>37256.451459999997</v>
      </c>
      <c r="AE5894">
        <v>53172.362869999997</v>
      </c>
      <c r="AF5894">
        <v>60374.812590000001</v>
      </c>
      <c r="AG5894">
        <v>36073.065970000003</v>
      </c>
      <c r="AH5894">
        <v>355524.2121</v>
      </c>
      <c r="AI5894">
        <v>102006.1349</v>
      </c>
      <c r="AJ5894">
        <v>26870.962650000001</v>
      </c>
      <c r="AK5894">
        <v>36514.088280000004</v>
      </c>
      <c r="AL5894">
        <v>105809.8337</v>
      </c>
      <c r="AM5894">
        <v>26745.137180000002</v>
      </c>
      <c r="AN5894">
        <v>124946.6951</v>
      </c>
      <c r="AO5894">
        <v>31115.77162</v>
      </c>
      <c r="AP5894">
        <v>22987.880570000001</v>
      </c>
    </row>
    <row r="5895" spans="2:42" x14ac:dyDescent="0.3">
      <c r="B5895">
        <v>69.952801152199143</v>
      </c>
      <c r="C5895" s="83">
        <v>43346.541666666664</v>
      </c>
      <c r="D5895">
        <v>277990.95899999997</v>
      </c>
      <c r="E5895">
        <v>33970.074249999998</v>
      </c>
      <c r="F5895">
        <v>93425.603900000002</v>
      </c>
      <c r="G5895">
        <v>57590.760170000001</v>
      </c>
      <c r="H5895">
        <v>51279.078119999998</v>
      </c>
      <c r="I5895">
        <v>37484.614009999998</v>
      </c>
      <c r="J5895">
        <v>52266.174200000001</v>
      </c>
      <c r="K5895">
        <v>62613.444349999998</v>
      </c>
      <c r="L5895">
        <v>35061.496870000003</v>
      </c>
      <c r="M5895">
        <v>356652.00219999999</v>
      </c>
      <c r="N5895">
        <v>101864.19070000001</v>
      </c>
      <c r="O5895">
        <v>27604.569289999999</v>
      </c>
      <c r="P5895">
        <v>36280.935570000001</v>
      </c>
      <c r="Q5895">
        <v>105972.6854</v>
      </c>
      <c r="R5895">
        <v>27120.430810000002</v>
      </c>
      <c r="S5895">
        <v>123462.0353</v>
      </c>
      <c r="T5895">
        <v>31240.864379999999</v>
      </c>
      <c r="U5895">
        <v>24923.291949999999</v>
      </c>
      <c r="W5895" s="83">
        <f>Bühler!N5927</f>
        <v>45537.541666652374</v>
      </c>
      <c r="X5895" s="83">
        <v>43346.541666666664</v>
      </c>
      <c r="Y5895">
        <v>277990.95899999997</v>
      </c>
      <c r="Z5895">
        <v>33970.074249999998</v>
      </c>
      <c r="AA5895">
        <v>93425.603900000002</v>
      </c>
      <c r="AB5895">
        <v>57590.760170000001</v>
      </c>
      <c r="AC5895">
        <v>51279.078119999998</v>
      </c>
      <c r="AD5895">
        <v>37484.614009999998</v>
      </c>
      <c r="AE5895">
        <v>52266.174200000001</v>
      </c>
      <c r="AF5895">
        <v>62613.444349999998</v>
      </c>
      <c r="AG5895">
        <v>35061.496870000003</v>
      </c>
      <c r="AH5895">
        <v>356652.00219999999</v>
      </c>
      <c r="AI5895">
        <v>101864.19070000001</v>
      </c>
      <c r="AJ5895">
        <v>27604.569289999999</v>
      </c>
      <c r="AK5895">
        <v>36280.935570000001</v>
      </c>
      <c r="AL5895">
        <v>105972.6854</v>
      </c>
      <c r="AM5895">
        <v>27120.430810000002</v>
      </c>
      <c r="AN5895">
        <v>123462.0353</v>
      </c>
      <c r="AO5895">
        <v>31240.864379999999</v>
      </c>
      <c r="AP5895">
        <v>24923.291949999999</v>
      </c>
    </row>
    <row r="5896" spans="2:42" x14ac:dyDescent="0.3">
      <c r="B5896">
        <v>71.278028945584637</v>
      </c>
      <c r="C5896" s="83">
        <v>43346.583333333336</v>
      </c>
      <c r="D5896">
        <v>287084.34240000002</v>
      </c>
      <c r="E5896">
        <v>36952.476170000002</v>
      </c>
      <c r="F5896">
        <v>100717.01459999999</v>
      </c>
      <c r="G5896">
        <v>56905.861960000002</v>
      </c>
      <c r="H5896">
        <v>51443.109230000002</v>
      </c>
      <c r="I5896">
        <v>38785.289109999998</v>
      </c>
      <c r="J5896">
        <v>53099.51874</v>
      </c>
      <c r="K5896">
        <v>65632.512329999998</v>
      </c>
      <c r="L5896">
        <v>32910.972379999999</v>
      </c>
      <c r="M5896">
        <v>363408.63150000002</v>
      </c>
      <c r="N5896">
        <v>102151.2785</v>
      </c>
      <c r="O5896">
        <v>27825.01309</v>
      </c>
      <c r="P5896">
        <v>33259.263440000002</v>
      </c>
      <c r="Q5896">
        <v>106114.6629</v>
      </c>
      <c r="R5896">
        <v>26530.744149999999</v>
      </c>
      <c r="S5896">
        <v>120727.2718</v>
      </c>
      <c r="T5896">
        <v>30665.91676</v>
      </c>
      <c r="U5896">
        <v>25220.802629999998</v>
      </c>
      <c r="W5896" s="83">
        <f>Bühler!N5928</f>
        <v>45537.583333319039</v>
      </c>
      <c r="X5896" s="83">
        <v>43346.583333333336</v>
      </c>
      <c r="Y5896">
        <v>287084.34240000002</v>
      </c>
      <c r="Z5896">
        <v>36952.476170000002</v>
      </c>
      <c r="AA5896">
        <v>100717.01459999999</v>
      </c>
      <c r="AB5896">
        <v>56905.861960000002</v>
      </c>
      <c r="AC5896">
        <v>51443.109230000002</v>
      </c>
      <c r="AD5896">
        <v>38785.289109999998</v>
      </c>
      <c r="AE5896">
        <v>53099.51874</v>
      </c>
      <c r="AF5896">
        <v>65632.512329999998</v>
      </c>
      <c r="AG5896">
        <v>32910.972379999999</v>
      </c>
      <c r="AH5896">
        <v>363408.63150000002</v>
      </c>
      <c r="AI5896">
        <v>102151.2785</v>
      </c>
      <c r="AJ5896">
        <v>27825.01309</v>
      </c>
      <c r="AK5896">
        <v>33259.263440000002</v>
      </c>
      <c r="AL5896">
        <v>106114.6629</v>
      </c>
      <c r="AM5896">
        <v>26530.744149999999</v>
      </c>
      <c r="AN5896">
        <v>120727.2718</v>
      </c>
      <c r="AO5896">
        <v>30665.91676</v>
      </c>
      <c r="AP5896">
        <v>25220.802629999998</v>
      </c>
    </row>
    <row r="5897" spans="2:42" x14ac:dyDescent="0.3">
      <c r="B5897">
        <v>70.89048728747062</v>
      </c>
      <c r="C5897" s="83">
        <v>43346.625</v>
      </c>
      <c r="D5897">
        <v>286962.84350000002</v>
      </c>
      <c r="E5897">
        <v>36425.049639999997</v>
      </c>
      <c r="F5897">
        <v>104270.2286</v>
      </c>
      <c r="G5897">
        <v>55098.68417</v>
      </c>
      <c r="H5897">
        <v>50828.372219999997</v>
      </c>
      <c r="I5897">
        <v>39262.986239999998</v>
      </c>
      <c r="J5897">
        <v>52927.877710000001</v>
      </c>
      <c r="K5897">
        <v>64057.535479999999</v>
      </c>
      <c r="L5897">
        <v>29563.01713</v>
      </c>
      <c r="M5897">
        <v>361432.7634</v>
      </c>
      <c r="N5897">
        <v>100111.1825</v>
      </c>
      <c r="O5897">
        <v>27925.344400000002</v>
      </c>
      <c r="P5897">
        <v>31867.541410000002</v>
      </c>
      <c r="Q5897">
        <v>105364.8193</v>
      </c>
      <c r="R5897">
        <v>26636.96226</v>
      </c>
      <c r="S5897">
        <v>119295.6731</v>
      </c>
      <c r="T5897">
        <v>30303.69167</v>
      </c>
      <c r="U5897">
        <v>24229.842209999999</v>
      </c>
      <c r="W5897" s="83">
        <f>Bühler!N5929</f>
        <v>45537.624999985703</v>
      </c>
      <c r="X5897" s="83">
        <v>43346.625</v>
      </c>
      <c r="Y5897">
        <v>286962.84350000002</v>
      </c>
      <c r="Z5897">
        <v>36425.049639999997</v>
      </c>
      <c r="AA5897">
        <v>104270.2286</v>
      </c>
      <c r="AB5897">
        <v>55098.68417</v>
      </c>
      <c r="AC5897">
        <v>50828.372219999997</v>
      </c>
      <c r="AD5897">
        <v>39262.986239999998</v>
      </c>
      <c r="AE5897">
        <v>52927.877710000001</v>
      </c>
      <c r="AF5897">
        <v>64057.535479999999</v>
      </c>
      <c r="AG5897">
        <v>29563.01713</v>
      </c>
      <c r="AH5897">
        <v>361432.7634</v>
      </c>
      <c r="AI5897">
        <v>100111.1825</v>
      </c>
      <c r="AJ5897">
        <v>27925.344400000002</v>
      </c>
      <c r="AK5897">
        <v>31867.541410000002</v>
      </c>
      <c r="AL5897">
        <v>105364.8193</v>
      </c>
      <c r="AM5897">
        <v>26636.96226</v>
      </c>
      <c r="AN5897">
        <v>119295.6731</v>
      </c>
      <c r="AO5897">
        <v>30303.69167</v>
      </c>
      <c r="AP5897">
        <v>24229.842209999999</v>
      </c>
    </row>
    <row r="5898" spans="2:42" x14ac:dyDescent="0.3">
      <c r="B5898">
        <v>69.323055306163326</v>
      </c>
      <c r="C5898" s="83">
        <v>43346.666666666664</v>
      </c>
      <c r="D5898">
        <v>280503.30479999998</v>
      </c>
      <c r="E5898">
        <v>35673.682059999999</v>
      </c>
      <c r="F5898">
        <v>102648.0681</v>
      </c>
      <c r="G5898">
        <v>52143.962180000002</v>
      </c>
      <c r="H5898">
        <v>49349.285490000002</v>
      </c>
      <c r="I5898">
        <v>40374.856899999999</v>
      </c>
      <c r="J5898">
        <v>51607.810709999998</v>
      </c>
      <c r="K5898">
        <v>60320.547350000001</v>
      </c>
      <c r="L5898">
        <v>28440.05085</v>
      </c>
      <c r="M5898">
        <v>353441.26419999998</v>
      </c>
      <c r="N5898">
        <v>96982.213170000003</v>
      </c>
      <c r="O5898">
        <v>27116.830829999999</v>
      </c>
      <c r="P5898">
        <v>31347.271089999998</v>
      </c>
      <c r="Q5898">
        <v>103789.5052</v>
      </c>
      <c r="R5898">
        <v>25407.09002</v>
      </c>
      <c r="S5898">
        <v>116098.81540000001</v>
      </c>
      <c r="T5898">
        <v>29566.90897</v>
      </c>
      <c r="U5898">
        <v>22575.041949999999</v>
      </c>
      <c r="W5898" s="83">
        <f>Bühler!N5930</f>
        <v>45537.666666652367</v>
      </c>
      <c r="X5898" s="83">
        <v>43346.666666666664</v>
      </c>
      <c r="Y5898">
        <v>280503.30479999998</v>
      </c>
      <c r="Z5898">
        <v>35673.682059999999</v>
      </c>
      <c r="AA5898">
        <v>102648.0681</v>
      </c>
      <c r="AB5898">
        <v>52143.962180000002</v>
      </c>
      <c r="AC5898">
        <v>49349.285490000002</v>
      </c>
      <c r="AD5898">
        <v>40374.856899999999</v>
      </c>
      <c r="AE5898">
        <v>51607.810709999998</v>
      </c>
      <c r="AF5898">
        <v>60320.547350000001</v>
      </c>
      <c r="AG5898">
        <v>28440.05085</v>
      </c>
      <c r="AH5898">
        <v>353441.26419999998</v>
      </c>
      <c r="AI5898">
        <v>96982.213170000003</v>
      </c>
      <c r="AJ5898">
        <v>27116.830829999999</v>
      </c>
      <c r="AK5898">
        <v>31347.271089999998</v>
      </c>
      <c r="AL5898">
        <v>103789.5052</v>
      </c>
      <c r="AM5898">
        <v>25407.09002</v>
      </c>
      <c r="AN5898">
        <v>116098.81540000001</v>
      </c>
      <c r="AO5898">
        <v>29566.90897</v>
      </c>
      <c r="AP5898">
        <v>22575.041949999999</v>
      </c>
    </row>
    <row r="5899" spans="2:42" x14ac:dyDescent="0.3">
      <c r="B5899">
        <v>67.659910071640198</v>
      </c>
      <c r="C5899" s="83">
        <v>43346.708333333336</v>
      </c>
      <c r="D5899">
        <v>268338.96470000001</v>
      </c>
      <c r="E5899">
        <v>33615.21327</v>
      </c>
      <c r="F5899">
        <v>101999.6848</v>
      </c>
      <c r="G5899">
        <v>47395.68417</v>
      </c>
      <c r="H5899">
        <v>47059.131630000003</v>
      </c>
      <c r="I5899">
        <v>40308.688340000001</v>
      </c>
      <c r="J5899">
        <v>50578.432540000002</v>
      </c>
      <c r="K5899">
        <v>55128.898699999998</v>
      </c>
      <c r="L5899">
        <v>28682.26007</v>
      </c>
      <c r="M5899">
        <v>344961.77419999999</v>
      </c>
      <c r="N5899">
        <v>93758.750119999997</v>
      </c>
      <c r="O5899">
        <v>26051.924650000001</v>
      </c>
      <c r="P5899">
        <v>32258.159459999999</v>
      </c>
      <c r="Q5899">
        <v>102717.23299999999</v>
      </c>
      <c r="R5899">
        <v>25549.834180000002</v>
      </c>
      <c r="S5899">
        <v>112164.49219999999</v>
      </c>
      <c r="T5899">
        <v>28623.018390000001</v>
      </c>
      <c r="U5899">
        <v>20117.047310000002</v>
      </c>
      <c r="W5899" s="83">
        <f>Bühler!N5931</f>
        <v>45537.708333319031</v>
      </c>
      <c r="X5899" s="83">
        <v>43346.708333333336</v>
      </c>
      <c r="Y5899">
        <v>268338.96470000001</v>
      </c>
      <c r="Z5899">
        <v>33615.21327</v>
      </c>
      <c r="AA5899">
        <v>101999.6848</v>
      </c>
      <c r="AB5899">
        <v>47395.68417</v>
      </c>
      <c r="AC5899">
        <v>47059.131630000003</v>
      </c>
      <c r="AD5899">
        <v>40308.688340000001</v>
      </c>
      <c r="AE5899">
        <v>50578.432540000002</v>
      </c>
      <c r="AF5899">
        <v>55128.898699999998</v>
      </c>
      <c r="AG5899">
        <v>28682.26007</v>
      </c>
      <c r="AH5899">
        <v>344961.77419999999</v>
      </c>
      <c r="AI5899">
        <v>93758.750119999997</v>
      </c>
      <c r="AJ5899">
        <v>26051.924650000001</v>
      </c>
      <c r="AK5899">
        <v>32258.159459999999</v>
      </c>
      <c r="AL5899">
        <v>102717.23299999999</v>
      </c>
      <c r="AM5899">
        <v>25549.834180000002</v>
      </c>
      <c r="AN5899">
        <v>112164.49219999999</v>
      </c>
      <c r="AO5899">
        <v>28623.018390000001</v>
      </c>
      <c r="AP5899">
        <v>20117.047310000002</v>
      </c>
    </row>
    <row r="5900" spans="2:42" x14ac:dyDescent="0.3">
      <c r="B5900">
        <v>66.410653908549207</v>
      </c>
      <c r="C5900" s="83">
        <v>43346.75</v>
      </c>
      <c r="D5900">
        <v>261521.40280000001</v>
      </c>
      <c r="E5900">
        <v>30357.88508</v>
      </c>
      <c r="F5900">
        <v>100342.75569999999</v>
      </c>
      <c r="G5900">
        <v>41928.609750000003</v>
      </c>
      <c r="H5900">
        <v>44717.736539999998</v>
      </c>
      <c r="I5900">
        <v>38251.97997</v>
      </c>
      <c r="J5900">
        <v>50566.661619999999</v>
      </c>
      <c r="K5900">
        <v>53211.759019999998</v>
      </c>
      <c r="L5900">
        <v>28803.281070000001</v>
      </c>
      <c r="M5900">
        <v>338592.48369999998</v>
      </c>
      <c r="N5900">
        <v>89963.953750000001</v>
      </c>
      <c r="O5900">
        <v>23833.357830000001</v>
      </c>
      <c r="P5900">
        <v>34945.727800000001</v>
      </c>
      <c r="Q5900">
        <v>100839.4526</v>
      </c>
      <c r="R5900">
        <v>24124.516599999999</v>
      </c>
      <c r="S5900">
        <v>104380.55869999999</v>
      </c>
      <c r="T5900">
        <v>28013.916450000001</v>
      </c>
      <c r="U5900">
        <v>18768.57042</v>
      </c>
      <c r="W5900" s="83">
        <f>Bühler!N5932</f>
        <v>45537.749999985695</v>
      </c>
      <c r="X5900" s="83">
        <v>43346.75</v>
      </c>
      <c r="Y5900">
        <v>261521.40280000001</v>
      </c>
      <c r="Z5900">
        <v>30357.88508</v>
      </c>
      <c r="AA5900">
        <v>100342.75569999999</v>
      </c>
      <c r="AB5900">
        <v>41928.609750000003</v>
      </c>
      <c r="AC5900">
        <v>44717.736539999998</v>
      </c>
      <c r="AD5900">
        <v>38251.97997</v>
      </c>
      <c r="AE5900">
        <v>50566.661619999999</v>
      </c>
      <c r="AF5900">
        <v>53211.759019999998</v>
      </c>
      <c r="AG5900">
        <v>28803.281070000001</v>
      </c>
      <c r="AH5900">
        <v>338592.48369999998</v>
      </c>
      <c r="AI5900">
        <v>89963.953750000001</v>
      </c>
      <c r="AJ5900">
        <v>23833.357830000001</v>
      </c>
      <c r="AK5900">
        <v>34945.727800000001</v>
      </c>
      <c r="AL5900">
        <v>100839.4526</v>
      </c>
      <c r="AM5900">
        <v>24124.516599999999</v>
      </c>
      <c r="AN5900">
        <v>104380.55869999999</v>
      </c>
      <c r="AO5900">
        <v>28013.916450000001</v>
      </c>
      <c r="AP5900">
        <v>18768.57042</v>
      </c>
    </row>
    <row r="5901" spans="2:42" x14ac:dyDescent="0.3">
      <c r="B5901">
        <v>65.010156990242365</v>
      </c>
      <c r="C5901" s="83">
        <v>43346.791666666664</v>
      </c>
      <c r="D5901">
        <v>255022.5863</v>
      </c>
      <c r="E5901">
        <v>24061.029460000002</v>
      </c>
      <c r="F5901">
        <v>89909.22911</v>
      </c>
      <c r="G5901">
        <v>38728.995649999997</v>
      </c>
      <c r="H5901">
        <v>42279.348160000001</v>
      </c>
      <c r="I5901">
        <v>34788.949930000002</v>
      </c>
      <c r="J5901">
        <v>49377.945310000003</v>
      </c>
      <c r="K5901">
        <v>53206.033519999997</v>
      </c>
      <c r="L5901">
        <v>29319.227640000001</v>
      </c>
      <c r="M5901">
        <v>331452.09730000002</v>
      </c>
      <c r="N5901">
        <v>87345.687000000005</v>
      </c>
      <c r="O5901">
        <v>21799.1721</v>
      </c>
      <c r="P5901">
        <v>37039.626120000001</v>
      </c>
      <c r="Q5901">
        <v>97472.462079999998</v>
      </c>
      <c r="R5901">
        <v>23220.805810000002</v>
      </c>
      <c r="S5901">
        <v>98377.779439999998</v>
      </c>
      <c r="T5901">
        <v>27869.452669999999</v>
      </c>
      <c r="U5901">
        <v>17251.19414</v>
      </c>
      <c r="W5901" s="83">
        <f>Bühler!N5933</f>
        <v>45537.79166665236</v>
      </c>
      <c r="X5901" s="83">
        <v>43346.791666666664</v>
      </c>
      <c r="Y5901">
        <v>255022.5863</v>
      </c>
      <c r="Z5901">
        <v>24061.029460000002</v>
      </c>
      <c r="AA5901">
        <v>89909.22911</v>
      </c>
      <c r="AB5901">
        <v>38728.995649999997</v>
      </c>
      <c r="AC5901">
        <v>42279.348160000001</v>
      </c>
      <c r="AD5901">
        <v>34788.949930000002</v>
      </c>
      <c r="AE5901">
        <v>49377.945310000003</v>
      </c>
      <c r="AF5901">
        <v>53206.033519999997</v>
      </c>
      <c r="AG5901">
        <v>29319.227640000001</v>
      </c>
      <c r="AH5901">
        <v>331452.09730000002</v>
      </c>
      <c r="AI5901">
        <v>87345.687000000005</v>
      </c>
      <c r="AJ5901">
        <v>21799.1721</v>
      </c>
      <c r="AK5901">
        <v>37039.626120000001</v>
      </c>
      <c r="AL5901">
        <v>97472.462079999998</v>
      </c>
      <c r="AM5901">
        <v>23220.805810000002</v>
      </c>
      <c r="AN5901">
        <v>98377.779439999998</v>
      </c>
      <c r="AO5901">
        <v>27869.452669999999</v>
      </c>
      <c r="AP5901">
        <v>17251.19414</v>
      </c>
    </row>
    <row r="5902" spans="2:42" x14ac:dyDescent="0.3">
      <c r="B5902">
        <v>63.216741875434963</v>
      </c>
      <c r="C5902" s="83">
        <v>43346.833333333336</v>
      </c>
      <c r="D5902">
        <v>245548.87890000001</v>
      </c>
      <c r="E5902">
        <v>18191.289629999999</v>
      </c>
      <c r="F5902">
        <v>75081.631999999998</v>
      </c>
      <c r="G5902">
        <v>35745.760860000002</v>
      </c>
      <c r="H5902">
        <v>39750.578990000002</v>
      </c>
      <c r="I5902">
        <v>31821.270519999998</v>
      </c>
      <c r="J5902">
        <v>48768.068149999999</v>
      </c>
      <c r="K5902">
        <v>51981.228869999999</v>
      </c>
      <c r="L5902">
        <v>28153.11968</v>
      </c>
      <c r="M5902">
        <v>322308.43070000003</v>
      </c>
      <c r="N5902">
        <v>83499.130969999998</v>
      </c>
      <c r="O5902">
        <v>20452.365140000002</v>
      </c>
      <c r="P5902">
        <v>36939.581919999997</v>
      </c>
      <c r="Q5902">
        <v>93703.712960000004</v>
      </c>
      <c r="R5902">
        <v>21242.643390000001</v>
      </c>
      <c r="S5902">
        <v>90125.097280000002</v>
      </c>
      <c r="T5902">
        <v>26256.540990000001</v>
      </c>
      <c r="U5902">
        <v>16566.246630000001</v>
      </c>
      <c r="W5902" s="83">
        <f>Bühler!N5934</f>
        <v>45537.833333319024</v>
      </c>
      <c r="X5902" s="83">
        <v>43346.833333333336</v>
      </c>
      <c r="Y5902">
        <v>245548.87890000001</v>
      </c>
      <c r="Z5902">
        <v>18191.289629999999</v>
      </c>
      <c r="AA5902">
        <v>75081.631999999998</v>
      </c>
      <c r="AB5902">
        <v>35745.760860000002</v>
      </c>
      <c r="AC5902">
        <v>39750.578990000002</v>
      </c>
      <c r="AD5902">
        <v>31821.270519999998</v>
      </c>
      <c r="AE5902">
        <v>48768.068149999999</v>
      </c>
      <c r="AF5902">
        <v>51981.228869999999</v>
      </c>
      <c r="AG5902">
        <v>28153.11968</v>
      </c>
      <c r="AH5902">
        <v>322308.43070000003</v>
      </c>
      <c r="AI5902">
        <v>83499.130969999998</v>
      </c>
      <c r="AJ5902">
        <v>20452.365140000002</v>
      </c>
      <c r="AK5902">
        <v>36939.581919999997</v>
      </c>
      <c r="AL5902">
        <v>93703.712960000004</v>
      </c>
      <c r="AM5902">
        <v>21242.643390000001</v>
      </c>
      <c r="AN5902">
        <v>90125.097280000002</v>
      </c>
      <c r="AO5902">
        <v>26256.540990000001</v>
      </c>
      <c r="AP5902">
        <v>16566.246630000001</v>
      </c>
    </row>
    <row r="5903" spans="2:42" x14ac:dyDescent="0.3">
      <c r="B5903">
        <v>61.165893836299055</v>
      </c>
      <c r="C5903" s="83">
        <v>43346.875</v>
      </c>
      <c r="D5903">
        <v>237361.46220000001</v>
      </c>
      <c r="E5903">
        <v>15760.157789999999</v>
      </c>
      <c r="F5903">
        <v>64823.399360000003</v>
      </c>
      <c r="G5903">
        <v>34579.197379999998</v>
      </c>
      <c r="H5903">
        <v>37959.082799999996</v>
      </c>
      <c r="I5903">
        <v>28450.641070000001</v>
      </c>
      <c r="J5903">
        <v>47457.785329999999</v>
      </c>
      <c r="K5903">
        <v>51704.967770000003</v>
      </c>
      <c r="L5903">
        <v>26819.27923</v>
      </c>
      <c r="M5903">
        <v>311852.25099999999</v>
      </c>
      <c r="N5903">
        <v>82058.053390000001</v>
      </c>
      <c r="O5903">
        <v>19286.921320000001</v>
      </c>
      <c r="P5903">
        <v>34919.589919999999</v>
      </c>
      <c r="Q5903">
        <v>91215.878779999999</v>
      </c>
      <c r="R5903">
        <v>20125.055779999999</v>
      </c>
      <c r="S5903">
        <v>85521.95925</v>
      </c>
      <c r="T5903">
        <v>24746.37111</v>
      </c>
      <c r="U5903">
        <v>15614.80269</v>
      </c>
      <c r="W5903" s="83">
        <f>Bühler!N5935</f>
        <v>45537.874999985688</v>
      </c>
      <c r="X5903" s="83">
        <v>43346.875</v>
      </c>
      <c r="Y5903">
        <v>237361.46220000001</v>
      </c>
      <c r="Z5903">
        <v>15760.157789999999</v>
      </c>
      <c r="AA5903">
        <v>64823.399360000003</v>
      </c>
      <c r="AB5903">
        <v>34579.197379999998</v>
      </c>
      <c r="AC5903">
        <v>37959.082799999996</v>
      </c>
      <c r="AD5903">
        <v>28450.641070000001</v>
      </c>
      <c r="AE5903">
        <v>47457.785329999999</v>
      </c>
      <c r="AF5903">
        <v>51704.967770000003</v>
      </c>
      <c r="AG5903">
        <v>26819.27923</v>
      </c>
      <c r="AH5903">
        <v>311852.25099999999</v>
      </c>
      <c r="AI5903">
        <v>82058.053390000001</v>
      </c>
      <c r="AJ5903">
        <v>19286.921320000001</v>
      </c>
      <c r="AK5903">
        <v>34919.589919999999</v>
      </c>
      <c r="AL5903">
        <v>91215.878779999999</v>
      </c>
      <c r="AM5903">
        <v>20125.055779999999</v>
      </c>
      <c r="AN5903">
        <v>85521.95925</v>
      </c>
      <c r="AO5903">
        <v>24746.37111</v>
      </c>
      <c r="AP5903">
        <v>15614.80269</v>
      </c>
    </row>
    <row r="5904" spans="2:42" x14ac:dyDescent="0.3">
      <c r="B5904">
        <v>60.661647024106927</v>
      </c>
      <c r="C5904" s="83">
        <v>43346.916666666664</v>
      </c>
      <c r="D5904">
        <v>234876.89509999999</v>
      </c>
      <c r="E5904">
        <v>14619.192940000001</v>
      </c>
      <c r="F5904">
        <v>61175.390639999998</v>
      </c>
      <c r="G5904">
        <v>33460.89531</v>
      </c>
      <c r="H5904">
        <v>37463.85585</v>
      </c>
      <c r="I5904">
        <v>25952.827949999999</v>
      </c>
      <c r="J5904">
        <v>44235.812180000001</v>
      </c>
      <c r="K5904">
        <v>53650.173029999998</v>
      </c>
      <c r="L5904">
        <v>23469.247360000001</v>
      </c>
      <c r="M5904">
        <v>309281.36560000002</v>
      </c>
      <c r="N5904">
        <v>78831.743440000006</v>
      </c>
      <c r="O5904">
        <v>19030.260139999999</v>
      </c>
      <c r="P5904">
        <v>35743.266649999998</v>
      </c>
      <c r="Q5904">
        <v>90747.970350000003</v>
      </c>
      <c r="R5904">
        <v>20782.628680000002</v>
      </c>
      <c r="S5904">
        <v>82744.366380000007</v>
      </c>
      <c r="T5904">
        <v>21886.061229999999</v>
      </c>
      <c r="U5904">
        <v>15099.907939999999</v>
      </c>
      <c r="W5904" s="83">
        <f>Bühler!N5936</f>
        <v>45537.916666652352</v>
      </c>
      <c r="X5904" s="83">
        <v>43346.916666666664</v>
      </c>
      <c r="Y5904">
        <v>234876.89509999999</v>
      </c>
      <c r="Z5904">
        <v>14619.192940000001</v>
      </c>
      <c r="AA5904">
        <v>61175.390639999998</v>
      </c>
      <c r="AB5904">
        <v>33460.89531</v>
      </c>
      <c r="AC5904">
        <v>37463.85585</v>
      </c>
      <c r="AD5904">
        <v>25952.827949999999</v>
      </c>
      <c r="AE5904">
        <v>44235.812180000001</v>
      </c>
      <c r="AF5904">
        <v>53650.173029999998</v>
      </c>
      <c r="AG5904">
        <v>23469.247360000001</v>
      </c>
      <c r="AH5904">
        <v>309281.36560000002</v>
      </c>
      <c r="AI5904">
        <v>78831.743440000006</v>
      </c>
      <c r="AJ5904">
        <v>19030.260139999999</v>
      </c>
      <c r="AK5904">
        <v>35743.266649999998</v>
      </c>
      <c r="AL5904">
        <v>90747.970350000003</v>
      </c>
      <c r="AM5904">
        <v>20782.628680000002</v>
      </c>
      <c r="AN5904">
        <v>82744.366380000007</v>
      </c>
      <c r="AO5904">
        <v>21886.061229999999</v>
      </c>
      <c r="AP5904">
        <v>15099.907939999999</v>
      </c>
    </row>
    <row r="5905" spans="2:42" x14ac:dyDescent="0.3">
      <c r="B5905">
        <v>60.207069893543576</v>
      </c>
      <c r="C5905" s="83">
        <v>43346.958333333336</v>
      </c>
      <c r="D5905">
        <v>234017.95499999999</v>
      </c>
      <c r="E5905">
        <v>13840.19621</v>
      </c>
      <c r="F5905">
        <v>59730.263400000003</v>
      </c>
      <c r="G5905">
        <v>32861.7264</v>
      </c>
      <c r="H5905">
        <v>36592.747609999999</v>
      </c>
      <c r="I5905">
        <v>24472.880160000001</v>
      </c>
      <c r="J5905">
        <v>40717.963380000001</v>
      </c>
      <c r="K5905">
        <v>52851.229979999996</v>
      </c>
      <c r="L5905">
        <v>19526.229189999998</v>
      </c>
      <c r="M5905">
        <v>306963.7194</v>
      </c>
      <c r="N5905">
        <v>77848.843729999993</v>
      </c>
      <c r="O5905">
        <v>18416.90324</v>
      </c>
      <c r="P5905">
        <v>31291.614600000001</v>
      </c>
      <c r="Q5905">
        <v>89359.370379999993</v>
      </c>
      <c r="R5905">
        <v>19830.597870000001</v>
      </c>
      <c r="S5905">
        <v>79750.888330000002</v>
      </c>
      <c r="T5905">
        <v>20056.711459999999</v>
      </c>
      <c r="U5905">
        <v>14583.10943</v>
      </c>
      <c r="W5905" s="83">
        <f>Bühler!N5937</f>
        <v>45537.958333319017</v>
      </c>
      <c r="X5905" s="83">
        <v>43346.958333333336</v>
      </c>
      <c r="Y5905">
        <v>234017.95499999999</v>
      </c>
      <c r="Z5905">
        <v>13840.19621</v>
      </c>
      <c r="AA5905">
        <v>59730.263400000003</v>
      </c>
      <c r="AB5905">
        <v>32861.7264</v>
      </c>
      <c r="AC5905">
        <v>36592.747609999999</v>
      </c>
      <c r="AD5905">
        <v>24472.880160000001</v>
      </c>
      <c r="AE5905">
        <v>40717.963380000001</v>
      </c>
      <c r="AF5905">
        <v>52851.229979999996</v>
      </c>
      <c r="AG5905">
        <v>19526.229189999998</v>
      </c>
      <c r="AH5905">
        <v>306963.7194</v>
      </c>
      <c r="AI5905">
        <v>77848.843729999993</v>
      </c>
      <c r="AJ5905">
        <v>18416.90324</v>
      </c>
      <c r="AK5905">
        <v>31291.614600000001</v>
      </c>
      <c r="AL5905">
        <v>89359.370379999993</v>
      </c>
      <c r="AM5905">
        <v>19830.597870000001</v>
      </c>
      <c r="AN5905">
        <v>79750.888330000002</v>
      </c>
      <c r="AO5905">
        <v>20056.711459999999</v>
      </c>
      <c r="AP5905">
        <v>14583.10943</v>
      </c>
    </row>
    <row r="5906" spans="2:42" x14ac:dyDescent="0.3">
      <c r="B5906">
        <v>59.529721830738595</v>
      </c>
      <c r="C5906" s="83">
        <v>43347</v>
      </c>
      <c r="D5906">
        <v>233867.37169999999</v>
      </c>
      <c r="E5906">
        <v>13345.408880000001</v>
      </c>
      <c r="F5906">
        <v>57716.743410000003</v>
      </c>
      <c r="G5906">
        <v>31837.836960000001</v>
      </c>
      <c r="H5906">
        <v>35551.451710000001</v>
      </c>
      <c r="I5906">
        <v>22613.490900000001</v>
      </c>
      <c r="J5906">
        <v>36905.004079999999</v>
      </c>
      <c r="K5906">
        <v>50087.691959999996</v>
      </c>
      <c r="L5906">
        <v>17437.728810000001</v>
      </c>
      <c r="M5906">
        <v>303510.2831</v>
      </c>
      <c r="N5906">
        <v>76829.841140000004</v>
      </c>
      <c r="O5906">
        <v>17837.006219999999</v>
      </c>
      <c r="P5906">
        <v>28675.049180000002</v>
      </c>
      <c r="Q5906">
        <v>89126.845270000005</v>
      </c>
      <c r="R5906">
        <v>17173.543600000001</v>
      </c>
      <c r="S5906">
        <v>78054.467510000002</v>
      </c>
      <c r="T5906">
        <v>18677.755799999999</v>
      </c>
      <c r="U5906">
        <v>14268.360259999999</v>
      </c>
      <c r="W5906" s="83">
        <f>Bühler!N5938</f>
        <v>45537.999999985681</v>
      </c>
      <c r="X5906" s="83">
        <v>43347</v>
      </c>
      <c r="Y5906">
        <v>233867.37169999999</v>
      </c>
      <c r="Z5906">
        <v>13345.408880000001</v>
      </c>
      <c r="AA5906">
        <v>57716.743410000003</v>
      </c>
      <c r="AB5906">
        <v>31837.836960000001</v>
      </c>
      <c r="AC5906">
        <v>35551.451710000001</v>
      </c>
      <c r="AD5906">
        <v>22613.490900000001</v>
      </c>
      <c r="AE5906">
        <v>36905.004079999999</v>
      </c>
      <c r="AF5906">
        <v>50087.691959999996</v>
      </c>
      <c r="AG5906">
        <v>17437.728810000001</v>
      </c>
      <c r="AH5906">
        <v>303510.2831</v>
      </c>
      <c r="AI5906">
        <v>76829.841140000004</v>
      </c>
      <c r="AJ5906">
        <v>17837.006219999999</v>
      </c>
      <c r="AK5906">
        <v>28675.049180000002</v>
      </c>
      <c r="AL5906">
        <v>89126.845270000005</v>
      </c>
      <c r="AM5906">
        <v>17173.543600000001</v>
      </c>
      <c r="AN5906">
        <v>78054.467510000002</v>
      </c>
      <c r="AO5906">
        <v>18677.755799999999</v>
      </c>
      <c r="AP5906">
        <v>14268.360259999999</v>
      </c>
    </row>
    <row r="5907" spans="2:42" x14ac:dyDescent="0.3">
      <c r="B5907">
        <v>59.447959204089557</v>
      </c>
      <c r="C5907" s="83">
        <v>43347.041666666664</v>
      </c>
      <c r="D5907">
        <v>232406.83199999999</v>
      </c>
      <c r="E5907">
        <v>13303.17151</v>
      </c>
      <c r="F5907">
        <v>57346.847739999997</v>
      </c>
      <c r="G5907">
        <v>31191.08265</v>
      </c>
      <c r="H5907">
        <v>34883.670140000002</v>
      </c>
      <c r="I5907">
        <v>18611.78601</v>
      </c>
      <c r="J5907">
        <v>35129.325810000002</v>
      </c>
      <c r="K5907">
        <v>48387.815009999998</v>
      </c>
      <c r="L5907">
        <v>17518.975559999999</v>
      </c>
      <c r="M5907">
        <v>303093.4191</v>
      </c>
      <c r="N5907">
        <v>76298.256139999998</v>
      </c>
      <c r="O5907">
        <v>17626.005160000001</v>
      </c>
      <c r="P5907">
        <v>26357.151689999999</v>
      </c>
      <c r="Q5907">
        <v>89065.044519999996</v>
      </c>
      <c r="R5907">
        <v>15427.248320000001</v>
      </c>
      <c r="S5907">
        <v>76271.844400000002</v>
      </c>
      <c r="T5907">
        <v>18288.222750000001</v>
      </c>
      <c r="U5907">
        <v>13788.231959999999</v>
      </c>
      <c r="W5907" s="83">
        <f>Bühler!N5939</f>
        <v>45538.041666652345</v>
      </c>
      <c r="X5907" s="83">
        <v>43347.041666666664</v>
      </c>
      <c r="Y5907">
        <v>232406.83199999999</v>
      </c>
      <c r="Z5907">
        <v>13303.17151</v>
      </c>
      <c r="AA5907">
        <v>57346.847739999997</v>
      </c>
      <c r="AB5907">
        <v>31191.08265</v>
      </c>
      <c r="AC5907">
        <v>34883.670140000002</v>
      </c>
      <c r="AD5907">
        <v>18611.78601</v>
      </c>
      <c r="AE5907">
        <v>35129.325810000002</v>
      </c>
      <c r="AF5907">
        <v>48387.815009999998</v>
      </c>
      <c r="AG5907">
        <v>17518.975559999999</v>
      </c>
      <c r="AH5907">
        <v>303093.4191</v>
      </c>
      <c r="AI5907">
        <v>76298.256139999998</v>
      </c>
      <c r="AJ5907">
        <v>17626.005160000001</v>
      </c>
      <c r="AK5907">
        <v>26357.151689999999</v>
      </c>
      <c r="AL5907">
        <v>89065.044519999996</v>
      </c>
      <c r="AM5907">
        <v>15427.248320000001</v>
      </c>
      <c r="AN5907">
        <v>76271.844400000002</v>
      </c>
      <c r="AO5907">
        <v>18288.222750000001</v>
      </c>
      <c r="AP5907">
        <v>13788.231959999999</v>
      </c>
    </row>
    <row r="5908" spans="2:42" x14ac:dyDescent="0.3">
      <c r="B5908">
        <v>59.139937419758695</v>
      </c>
      <c r="C5908" s="83">
        <v>43347.083333333336</v>
      </c>
      <c r="D5908">
        <v>232351.147</v>
      </c>
      <c r="E5908">
        <v>13166.21507</v>
      </c>
      <c r="F5908">
        <v>57626.205759999997</v>
      </c>
      <c r="G5908">
        <v>30898.630120000002</v>
      </c>
      <c r="H5908">
        <v>34670.871709999999</v>
      </c>
      <c r="I5908">
        <v>16880.384989999999</v>
      </c>
      <c r="J5908">
        <v>34808.95721</v>
      </c>
      <c r="K5908">
        <v>47559.02332</v>
      </c>
      <c r="L5908">
        <v>16941.86824</v>
      </c>
      <c r="M5908">
        <v>301522.9804</v>
      </c>
      <c r="N5908">
        <v>75293.616089999996</v>
      </c>
      <c r="O5908">
        <v>16566.484359999999</v>
      </c>
      <c r="P5908">
        <v>25164.64733</v>
      </c>
      <c r="Q5908">
        <v>90615.358290000004</v>
      </c>
      <c r="R5908">
        <v>15833.32123</v>
      </c>
      <c r="S5908">
        <v>75503.430250000005</v>
      </c>
      <c r="T5908">
        <v>17909.01771</v>
      </c>
      <c r="U5908">
        <v>13463.284170000001</v>
      </c>
      <c r="W5908" s="83">
        <f>Bühler!N5940</f>
        <v>45538.083333319009</v>
      </c>
      <c r="X5908" s="83">
        <v>43347.083333333336</v>
      </c>
      <c r="Y5908">
        <v>232351.147</v>
      </c>
      <c r="Z5908">
        <v>13166.21507</v>
      </c>
      <c r="AA5908">
        <v>57626.205759999997</v>
      </c>
      <c r="AB5908">
        <v>30898.630120000002</v>
      </c>
      <c r="AC5908">
        <v>34670.871709999999</v>
      </c>
      <c r="AD5908">
        <v>16880.384989999999</v>
      </c>
      <c r="AE5908">
        <v>34808.95721</v>
      </c>
      <c r="AF5908">
        <v>47559.02332</v>
      </c>
      <c r="AG5908">
        <v>16941.86824</v>
      </c>
      <c r="AH5908">
        <v>301522.9804</v>
      </c>
      <c r="AI5908">
        <v>75293.616089999996</v>
      </c>
      <c r="AJ5908">
        <v>16566.484359999999</v>
      </c>
      <c r="AK5908">
        <v>25164.64733</v>
      </c>
      <c r="AL5908">
        <v>90615.358290000004</v>
      </c>
      <c r="AM5908">
        <v>15833.32123</v>
      </c>
      <c r="AN5908">
        <v>75503.430250000005</v>
      </c>
      <c r="AO5908">
        <v>17909.01771</v>
      </c>
      <c r="AP5908">
        <v>13463.284170000001</v>
      </c>
    </row>
    <row r="5909" spans="2:42" x14ac:dyDescent="0.3">
      <c r="B5909">
        <v>59.357681938510233</v>
      </c>
      <c r="C5909" s="83">
        <v>43347.125</v>
      </c>
      <c r="D5909">
        <v>231706.71</v>
      </c>
      <c r="E5909">
        <v>13012.511500000001</v>
      </c>
      <c r="F5909">
        <v>58957.769200000002</v>
      </c>
      <c r="G5909">
        <v>30317.404429999999</v>
      </c>
      <c r="H5909">
        <v>34237.945529999997</v>
      </c>
      <c r="I5909">
        <v>16710.030640000001</v>
      </c>
      <c r="J5909">
        <v>34539.8249</v>
      </c>
      <c r="K5909">
        <v>45617.332150000002</v>
      </c>
      <c r="L5909">
        <v>16344.416020000001</v>
      </c>
      <c r="M5909">
        <v>302633.14350000001</v>
      </c>
      <c r="N5909">
        <v>73587.922529999996</v>
      </c>
      <c r="O5909">
        <v>17019.244119999999</v>
      </c>
      <c r="P5909">
        <v>24158.931519999998</v>
      </c>
      <c r="Q5909">
        <v>93924.244200000001</v>
      </c>
      <c r="R5909">
        <v>15201.66092</v>
      </c>
      <c r="S5909">
        <v>74698.24222</v>
      </c>
      <c r="T5909">
        <v>17569.29248</v>
      </c>
      <c r="U5909">
        <v>13259.932199999999</v>
      </c>
      <c r="W5909" s="83">
        <f>Bühler!N5941</f>
        <v>45538.124999985674</v>
      </c>
      <c r="X5909" s="83">
        <v>43347.125</v>
      </c>
      <c r="Y5909">
        <v>231706.71</v>
      </c>
      <c r="Z5909">
        <v>13012.511500000001</v>
      </c>
      <c r="AA5909">
        <v>58957.769200000002</v>
      </c>
      <c r="AB5909">
        <v>30317.404429999999</v>
      </c>
      <c r="AC5909">
        <v>34237.945529999997</v>
      </c>
      <c r="AD5909">
        <v>16710.030640000001</v>
      </c>
      <c r="AE5909">
        <v>34539.8249</v>
      </c>
      <c r="AF5909">
        <v>45617.332150000002</v>
      </c>
      <c r="AG5909">
        <v>16344.416020000001</v>
      </c>
      <c r="AH5909">
        <v>302633.14350000001</v>
      </c>
      <c r="AI5909">
        <v>73587.922529999996</v>
      </c>
      <c r="AJ5909">
        <v>17019.244119999999</v>
      </c>
      <c r="AK5909">
        <v>24158.931519999998</v>
      </c>
      <c r="AL5909">
        <v>93924.244200000001</v>
      </c>
      <c r="AM5909">
        <v>15201.66092</v>
      </c>
      <c r="AN5909">
        <v>74698.24222</v>
      </c>
      <c r="AO5909">
        <v>17569.29248</v>
      </c>
      <c r="AP5909">
        <v>13259.932199999999</v>
      </c>
    </row>
    <row r="5910" spans="2:42" x14ac:dyDescent="0.3">
      <c r="B5910">
        <v>61.094103404539609</v>
      </c>
      <c r="C5910" s="83">
        <v>43347.166666666664</v>
      </c>
      <c r="D5910">
        <v>234981.67290000001</v>
      </c>
      <c r="E5910">
        <v>13485.78296</v>
      </c>
      <c r="F5910">
        <v>62208.647369999999</v>
      </c>
      <c r="G5910">
        <v>29515.697629999999</v>
      </c>
      <c r="H5910">
        <v>34616.378969999998</v>
      </c>
      <c r="I5910">
        <v>18100.036520000001</v>
      </c>
      <c r="J5910">
        <v>36765.422780000001</v>
      </c>
      <c r="K5910">
        <v>45022.470500000003</v>
      </c>
      <c r="L5910">
        <v>16155.514579999999</v>
      </c>
      <c r="M5910">
        <v>311486.22989999998</v>
      </c>
      <c r="N5910">
        <v>73156.593129999994</v>
      </c>
      <c r="O5910">
        <v>16997.285899999999</v>
      </c>
      <c r="P5910">
        <v>24029.978920000001</v>
      </c>
      <c r="Q5910">
        <v>97658.708490000005</v>
      </c>
      <c r="R5910">
        <v>14590.241040000001</v>
      </c>
      <c r="S5910">
        <v>75080.702969999998</v>
      </c>
      <c r="T5910">
        <v>17367.284899999999</v>
      </c>
      <c r="U5910">
        <v>13534.28515</v>
      </c>
      <c r="W5910" s="83">
        <f>Bühler!N5942</f>
        <v>45538.166666652338</v>
      </c>
      <c r="X5910" s="83">
        <v>43347.166666666664</v>
      </c>
      <c r="Y5910">
        <v>234981.67290000001</v>
      </c>
      <c r="Z5910">
        <v>13485.78296</v>
      </c>
      <c r="AA5910">
        <v>62208.647369999999</v>
      </c>
      <c r="AB5910">
        <v>29515.697629999999</v>
      </c>
      <c r="AC5910">
        <v>34616.378969999998</v>
      </c>
      <c r="AD5910">
        <v>18100.036520000001</v>
      </c>
      <c r="AE5910">
        <v>36765.422780000001</v>
      </c>
      <c r="AF5910">
        <v>45022.470500000003</v>
      </c>
      <c r="AG5910">
        <v>16155.514579999999</v>
      </c>
      <c r="AH5910">
        <v>311486.22989999998</v>
      </c>
      <c r="AI5910">
        <v>73156.593129999994</v>
      </c>
      <c r="AJ5910">
        <v>16997.285899999999</v>
      </c>
      <c r="AK5910">
        <v>24029.978920000001</v>
      </c>
      <c r="AL5910">
        <v>97658.708490000005</v>
      </c>
      <c r="AM5910">
        <v>14590.241040000001</v>
      </c>
      <c r="AN5910">
        <v>75080.702969999998</v>
      </c>
      <c r="AO5910">
        <v>17367.284899999999</v>
      </c>
      <c r="AP5910">
        <v>13534.28515</v>
      </c>
    </row>
    <row r="5911" spans="2:42" x14ac:dyDescent="0.3">
      <c r="B5911">
        <v>64.683679283347956</v>
      </c>
      <c r="C5911" s="83">
        <v>43347.208333333336</v>
      </c>
      <c r="D5911">
        <v>248233.1784</v>
      </c>
      <c r="E5911">
        <v>15063.347519999999</v>
      </c>
      <c r="F5911">
        <v>69793.388919999998</v>
      </c>
      <c r="G5911">
        <v>31193.522369999999</v>
      </c>
      <c r="H5911">
        <v>36366.892039999999</v>
      </c>
      <c r="I5911">
        <v>24258.254499999999</v>
      </c>
      <c r="J5911">
        <v>40170.065150000002</v>
      </c>
      <c r="K5911">
        <v>46006.218869999997</v>
      </c>
      <c r="L5911">
        <v>16749.373009999999</v>
      </c>
      <c r="M5911">
        <v>329787.56170000002</v>
      </c>
      <c r="N5911">
        <v>70945.747059999994</v>
      </c>
      <c r="O5911">
        <v>17665.336729999999</v>
      </c>
      <c r="P5911">
        <v>25521.937679999999</v>
      </c>
      <c r="Q5911">
        <v>101104.1658</v>
      </c>
      <c r="R5911">
        <v>16393.352210000001</v>
      </c>
      <c r="S5911">
        <v>76474.00735</v>
      </c>
      <c r="T5911">
        <v>18315.554540000001</v>
      </c>
      <c r="U5911">
        <v>15744.293739999999</v>
      </c>
      <c r="W5911" s="83">
        <f>Bühler!N5943</f>
        <v>45538.208333319002</v>
      </c>
      <c r="X5911" s="83">
        <v>43347.208333333336</v>
      </c>
      <c r="Y5911">
        <v>248233.1784</v>
      </c>
      <c r="Z5911">
        <v>15063.347519999999</v>
      </c>
      <c r="AA5911">
        <v>69793.388919999998</v>
      </c>
      <c r="AB5911">
        <v>31193.522369999999</v>
      </c>
      <c r="AC5911">
        <v>36366.892039999999</v>
      </c>
      <c r="AD5911">
        <v>24258.254499999999</v>
      </c>
      <c r="AE5911">
        <v>40170.065150000002</v>
      </c>
      <c r="AF5911">
        <v>46006.218869999997</v>
      </c>
      <c r="AG5911">
        <v>16749.373009999999</v>
      </c>
      <c r="AH5911">
        <v>329787.56170000002</v>
      </c>
      <c r="AI5911">
        <v>70945.747059999994</v>
      </c>
      <c r="AJ5911">
        <v>17665.336729999999</v>
      </c>
      <c r="AK5911">
        <v>25521.937679999999</v>
      </c>
      <c r="AL5911">
        <v>101104.1658</v>
      </c>
      <c r="AM5911">
        <v>16393.352210000001</v>
      </c>
      <c r="AN5911">
        <v>76474.00735</v>
      </c>
      <c r="AO5911">
        <v>18315.554540000001</v>
      </c>
      <c r="AP5911">
        <v>15744.293739999999</v>
      </c>
    </row>
    <row r="5912" spans="2:42" x14ac:dyDescent="0.3">
      <c r="B5912">
        <v>68.157121748637877</v>
      </c>
      <c r="C5912" s="83">
        <v>43347.25</v>
      </c>
      <c r="D5912">
        <v>263711.08669999999</v>
      </c>
      <c r="E5912">
        <v>18870.70105</v>
      </c>
      <c r="F5912">
        <v>80996.39718</v>
      </c>
      <c r="G5912">
        <v>38740.958910000001</v>
      </c>
      <c r="H5912">
        <v>38959.19872</v>
      </c>
      <c r="I5912">
        <v>31704.97378</v>
      </c>
      <c r="J5912">
        <v>44161.553650000002</v>
      </c>
      <c r="K5912">
        <v>48331.068769999998</v>
      </c>
      <c r="L5912">
        <v>18262.766230000001</v>
      </c>
      <c r="M5912">
        <v>347496.79119999998</v>
      </c>
      <c r="N5912">
        <v>74611.009120000002</v>
      </c>
      <c r="O5912">
        <v>19168.278129999999</v>
      </c>
      <c r="P5912">
        <v>26876.65192</v>
      </c>
      <c r="Q5912">
        <v>101999.5606</v>
      </c>
      <c r="R5912">
        <v>17669.23459</v>
      </c>
      <c r="S5912">
        <v>84867.379969999995</v>
      </c>
      <c r="T5912">
        <v>20532.433260000002</v>
      </c>
      <c r="U5912">
        <v>18482.531599999998</v>
      </c>
      <c r="W5912" s="83">
        <f>Bühler!N5944</f>
        <v>45538.249999985666</v>
      </c>
      <c r="X5912" s="83">
        <v>43347.25</v>
      </c>
      <c r="Y5912">
        <v>263711.08669999999</v>
      </c>
      <c r="Z5912">
        <v>18870.70105</v>
      </c>
      <c r="AA5912">
        <v>80996.39718</v>
      </c>
      <c r="AB5912">
        <v>38740.958910000001</v>
      </c>
      <c r="AC5912">
        <v>38959.19872</v>
      </c>
      <c r="AD5912">
        <v>31704.97378</v>
      </c>
      <c r="AE5912">
        <v>44161.553650000002</v>
      </c>
      <c r="AF5912">
        <v>48331.068769999998</v>
      </c>
      <c r="AG5912">
        <v>18262.766230000001</v>
      </c>
      <c r="AH5912">
        <v>347496.79119999998</v>
      </c>
      <c r="AI5912">
        <v>74611.009120000002</v>
      </c>
      <c r="AJ5912">
        <v>19168.278129999999</v>
      </c>
      <c r="AK5912">
        <v>26876.65192</v>
      </c>
      <c r="AL5912">
        <v>101999.5606</v>
      </c>
      <c r="AM5912">
        <v>17669.23459</v>
      </c>
      <c r="AN5912">
        <v>84867.379969999995</v>
      </c>
      <c r="AO5912">
        <v>20532.433260000002</v>
      </c>
      <c r="AP5912">
        <v>18482.531599999998</v>
      </c>
    </row>
    <row r="5913" spans="2:42" x14ac:dyDescent="0.3">
      <c r="B5913">
        <v>70.111655883343516</v>
      </c>
      <c r="C5913" s="83">
        <v>43347.291666666664</v>
      </c>
      <c r="D5913">
        <v>274103.54840000003</v>
      </c>
      <c r="E5913">
        <v>23258.115590000001</v>
      </c>
      <c r="F5913">
        <v>84189.32879</v>
      </c>
      <c r="G5913">
        <v>46478.768759999999</v>
      </c>
      <c r="H5913">
        <v>43197.607470000003</v>
      </c>
      <c r="I5913">
        <v>38470.516559999996</v>
      </c>
      <c r="J5913">
        <v>45334.950750000004</v>
      </c>
      <c r="K5913">
        <v>52991.026519999999</v>
      </c>
      <c r="L5913">
        <v>20209.906910000002</v>
      </c>
      <c r="M5913">
        <v>357461.91769999999</v>
      </c>
      <c r="N5913">
        <v>81110.438200000004</v>
      </c>
      <c r="O5913">
        <v>21529.701850000001</v>
      </c>
      <c r="P5913">
        <v>30021.419709999998</v>
      </c>
      <c r="Q5913">
        <v>101736.88400000001</v>
      </c>
      <c r="R5913">
        <v>19676.408869999999</v>
      </c>
      <c r="S5913">
        <v>98597.079599999997</v>
      </c>
      <c r="T5913">
        <v>24516.005870000001</v>
      </c>
      <c r="U5913">
        <v>22128.383979999999</v>
      </c>
      <c r="W5913" s="83">
        <f>Bühler!N5945</f>
        <v>45538.291666652331</v>
      </c>
      <c r="X5913" s="83">
        <v>43347.291666666664</v>
      </c>
      <c r="Y5913">
        <v>274103.54840000003</v>
      </c>
      <c r="Z5913">
        <v>23258.115590000001</v>
      </c>
      <c r="AA5913">
        <v>84189.32879</v>
      </c>
      <c r="AB5913">
        <v>46478.768759999999</v>
      </c>
      <c r="AC5913">
        <v>43197.607470000003</v>
      </c>
      <c r="AD5913">
        <v>38470.516559999996</v>
      </c>
      <c r="AE5913">
        <v>45334.950750000004</v>
      </c>
      <c r="AF5913">
        <v>52991.026519999999</v>
      </c>
      <c r="AG5913">
        <v>20209.906910000002</v>
      </c>
      <c r="AH5913">
        <v>357461.91769999999</v>
      </c>
      <c r="AI5913">
        <v>81110.438200000004</v>
      </c>
      <c r="AJ5913">
        <v>21529.701850000001</v>
      </c>
      <c r="AK5913">
        <v>30021.419709999998</v>
      </c>
      <c r="AL5913">
        <v>101736.88400000001</v>
      </c>
      <c r="AM5913">
        <v>19676.408869999999</v>
      </c>
      <c r="AN5913">
        <v>98597.079599999997</v>
      </c>
      <c r="AO5913">
        <v>24516.005870000001</v>
      </c>
      <c r="AP5913">
        <v>22128.383979999999</v>
      </c>
    </row>
    <row r="5914" spans="2:42" x14ac:dyDescent="0.3">
      <c r="B5914">
        <v>71.093613017943269</v>
      </c>
      <c r="C5914" s="83">
        <v>43347.333333333336</v>
      </c>
      <c r="D5914">
        <v>287117.26409999997</v>
      </c>
      <c r="E5914">
        <v>29036.900269999998</v>
      </c>
      <c r="F5914">
        <v>89452.520619999996</v>
      </c>
      <c r="G5914">
        <v>55766.73388</v>
      </c>
      <c r="H5914">
        <v>47395.314969999999</v>
      </c>
      <c r="I5914">
        <v>42069.538379999998</v>
      </c>
      <c r="J5914">
        <v>47221.809419999998</v>
      </c>
      <c r="K5914">
        <v>58918.919540000003</v>
      </c>
      <c r="L5914">
        <v>23543.26599</v>
      </c>
      <c r="M5914">
        <v>362468.39309999999</v>
      </c>
      <c r="N5914">
        <v>90124.026429999998</v>
      </c>
      <c r="O5914">
        <v>23360.638319999998</v>
      </c>
      <c r="P5914">
        <v>32125.220079999999</v>
      </c>
      <c r="Q5914">
        <v>102139.647</v>
      </c>
      <c r="R5914">
        <v>22037.975269999999</v>
      </c>
      <c r="S5914">
        <v>109381.9443</v>
      </c>
      <c r="T5914">
        <v>27429.643650000002</v>
      </c>
      <c r="U5914">
        <v>25594.658309999999</v>
      </c>
      <c r="W5914" s="83">
        <f>Bühler!N5946</f>
        <v>45538.333333318995</v>
      </c>
      <c r="X5914" s="83">
        <v>43347.333333333336</v>
      </c>
      <c r="Y5914">
        <v>287117.26409999997</v>
      </c>
      <c r="Z5914">
        <v>29036.900269999998</v>
      </c>
      <c r="AA5914">
        <v>89452.520619999996</v>
      </c>
      <c r="AB5914">
        <v>55766.73388</v>
      </c>
      <c r="AC5914">
        <v>47395.314969999999</v>
      </c>
      <c r="AD5914">
        <v>42069.538379999998</v>
      </c>
      <c r="AE5914">
        <v>47221.809419999998</v>
      </c>
      <c r="AF5914">
        <v>58918.919540000003</v>
      </c>
      <c r="AG5914">
        <v>23543.26599</v>
      </c>
      <c r="AH5914">
        <v>362468.39309999999</v>
      </c>
      <c r="AI5914">
        <v>90124.026429999998</v>
      </c>
      <c r="AJ5914">
        <v>23360.638319999998</v>
      </c>
      <c r="AK5914">
        <v>32125.220079999999</v>
      </c>
      <c r="AL5914">
        <v>102139.647</v>
      </c>
      <c r="AM5914">
        <v>22037.975269999999</v>
      </c>
      <c r="AN5914">
        <v>109381.9443</v>
      </c>
      <c r="AO5914">
        <v>27429.643650000002</v>
      </c>
      <c r="AP5914">
        <v>25594.658309999999</v>
      </c>
    </row>
    <row r="5915" spans="2:42" x14ac:dyDescent="0.3">
      <c r="B5915">
        <v>71.466601691880584</v>
      </c>
      <c r="C5915" s="83">
        <v>43347.375</v>
      </c>
      <c r="D5915">
        <v>289407.1422</v>
      </c>
      <c r="E5915">
        <v>33360.888659999997</v>
      </c>
      <c r="F5915">
        <v>96680.079039999997</v>
      </c>
      <c r="G5915">
        <v>62140.837169999999</v>
      </c>
      <c r="H5915">
        <v>50203.655339999998</v>
      </c>
      <c r="I5915">
        <v>41018.439610000001</v>
      </c>
      <c r="J5915">
        <v>48341.959900000002</v>
      </c>
      <c r="K5915">
        <v>61704.28901</v>
      </c>
      <c r="L5915">
        <v>26967.710029999998</v>
      </c>
      <c r="M5915">
        <v>364370.06329999998</v>
      </c>
      <c r="N5915">
        <v>97093.053119999997</v>
      </c>
      <c r="O5915">
        <v>25089.74943</v>
      </c>
      <c r="P5915">
        <v>33846.519399999997</v>
      </c>
      <c r="Q5915">
        <v>102716.1776</v>
      </c>
      <c r="R5915">
        <v>22565.217710000001</v>
      </c>
      <c r="S5915">
        <v>116310.8444</v>
      </c>
      <c r="T5915">
        <v>29875.595079999999</v>
      </c>
      <c r="U5915">
        <v>26257.253530000002</v>
      </c>
      <c r="W5915" s="83">
        <f>Bühler!N5947</f>
        <v>45538.374999985659</v>
      </c>
      <c r="X5915" s="83">
        <v>43347.375</v>
      </c>
      <c r="Y5915">
        <v>289407.1422</v>
      </c>
      <c r="Z5915">
        <v>33360.888659999997</v>
      </c>
      <c r="AA5915">
        <v>96680.079039999997</v>
      </c>
      <c r="AB5915">
        <v>62140.837169999999</v>
      </c>
      <c r="AC5915">
        <v>50203.655339999998</v>
      </c>
      <c r="AD5915">
        <v>41018.439610000001</v>
      </c>
      <c r="AE5915">
        <v>48341.959900000002</v>
      </c>
      <c r="AF5915">
        <v>61704.28901</v>
      </c>
      <c r="AG5915">
        <v>26967.710029999998</v>
      </c>
      <c r="AH5915">
        <v>364370.06329999998</v>
      </c>
      <c r="AI5915">
        <v>97093.053119999997</v>
      </c>
      <c r="AJ5915">
        <v>25089.74943</v>
      </c>
      <c r="AK5915">
        <v>33846.519399999997</v>
      </c>
      <c r="AL5915">
        <v>102716.1776</v>
      </c>
      <c r="AM5915">
        <v>22565.217710000001</v>
      </c>
      <c r="AN5915">
        <v>116310.8444</v>
      </c>
      <c r="AO5915">
        <v>29875.595079999999</v>
      </c>
      <c r="AP5915">
        <v>26257.253530000002</v>
      </c>
    </row>
    <row r="5916" spans="2:42" x14ac:dyDescent="0.3">
      <c r="B5916">
        <v>72.287935798872809</v>
      </c>
      <c r="C5916" s="83">
        <v>43347.416666666664</v>
      </c>
      <c r="D5916">
        <v>292637.97619999998</v>
      </c>
      <c r="E5916">
        <v>35225.103060000001</v>
      </c>
      <c r="F5916">
        <v>99277.825330000007</v>
      </c>
      <c r="G5916">
        <v>65190.2601</v>
      </c>
      <c r="H5916">
        <v>51743.209849999999</v>
      </c>
      <c r="I5916">
        <v>38842.978900000002</v>
      </c>
      <c r="J5916">
        <v>48579.106570000004</v>
      </c>
      <c r="K5916">
        <v>63130.20448</v>
      </c>
      <c r="L5916">
        <v>29917.386839999999</v>
      </c>
      <c r="M5916">
        <v>368557.60759999999</v>
      </c>
      <c r="N5916">
        <v>100233.83409999999</v>
      </c>
      <c r="O5916">
        <v>25110.64129</v>
      </c>
      <c r="P5916">
        <v>35902.237760000004</v>
      </c>
      <c r="Q5916">
        <v>103742.33</v>
      </c>
      <c r="R5916">
        <v>23639.190119999999</v>
      </c>
      <c r="S5916">
        <v>118470.3367</v>
      </c>
      <c r="T5916">
        <v>31548.174770000001</v>
      </c>
      <c r="U5916">
        <v>26205.234769999999</v>
      </c>
      <c r="W5916" s="83">
        <f>Bühler!N5948</f>
        <v>45538.416666652323</v>
      </c>
      <c r="X5916" s="83">
        <v>43347.416666666664</v>
      </c>
      <c r="Y5916">
        <v>292637.97619999998</v>
      </c>
      <c r="Z5916">
        <v>35225.103060000001</v>
      </c>
      <c r="AA5916">
        <v>99277.825330000007</v>
      </c>
      <c r="AB5916">
        <v>65190.2601</v>
      </c>
      <c r="AC5916">
        <v>51743.209849999999</v>
      </c>
      <c r="AD5916">
        <v>38842.978900000002</v>
      </c>
      <c r="AE5916">
        <v>48579.106570000004</v>
      </c>
      <c r="AF5916">
        <v>63130.20448</v>
      </c>
      <c r="AG5916">
        <v>29917.386839999999</v>
      </c>
      <c r="AH5916">
        <v>368557.60759999999</v>
      </c>
      <c r="AI5916">
        <v>100233.83409999999</v>
      </c>
      <c r="AJ5916">
        <v>25110.64129</v>
      </c>
      <c r="AK5916">
        <v>35902.237760000004</v>
      </c>
      <c r="AL5916">
        <v>103742.33</v>
      </c>
      <c r="AM5916">
        <v>23639.190119999999</v>
      </c>
      <c r="AN5916">
        <v>118470.3367</v>
      </c>
      <c r="AO5916">
        <v>31548.174770000001</v>
      </c>
      <c r="AP5916">
        <v>26205.234769999999</v>
      </c>
    </row>
    <row r="5917" spans="2:42" x14ac:dyDescent="0.3">
      <c r="B5917">
        <v>73.17997391287858</v>
      </c>
      <c r="C5917" s="83">
        <v>43347.458333333336</v>
      </c>
      <c r="D5917">
        <v>291316.52230000001</v>
      </c>
      <c r="E5917">
        <v>35270.338900000002</v>
      </c>
      <c r="F5917">
        <v>100162.4584</v>
      </c>
      <c r="G5917">
        <v>64875.084759999998</v>
      </c>
      <c r="H5917">
        <v>51662.682970000002</v>
      </c>
      <c r="I5917">
        <v>38721.359700000001</v>
      </c>
      <c r="J5917">
        <v>48550.417049999996</v>
      </c>
      <c r="K5917">
        <v>63980.480340000002</v>
      </c>
      <c r="L5917">
        <v>31526.539209999999</v>
      </c>
      <c r="M5917">
        <v>373105.63390000002</v>
      </c>
      <c r="N5917">
        <v>101439.30319999999</v>
      </c>
      <c r="O5917">
        <v>25701.114109999999</v>
      </c>
      <c r="P5917">
        <v>35656.9666</v>
      </c>
      <c r="Q5917">
        <v>104821.2481</v>
      </c>
      <c r="R5917">
        <v>24831.581730000002</v>
      </c>
      <c r="S5917">
        <v>121209.3661</v>
      </c>
      <c r="T5917">
        <v>32076.244279999999</v>
      </c>
      <c r="U5917">
        <v>25543.618450000002</v>
      </c>
      <c r="W5917" s="83">
        <f>Bühler!N5949</f>
        <v>45538.458333318988</v>
      </c>
      <c r="X5917" s="83">
        <v>43347.458333333336</v>
      </c>
      <c r="Y5917">
        <v>291316.52230000001</v>
      </c>
      <c r="Z5917">
        <v>35270.338900000002</v>
      </c>
      <c r="AA5917">
        <v>100162.4584</v>
      </c>
      <c r="AB5917">
        <v>64875.084759999998</v>
      </c>
      <c r="AC5917">
        <v>51662.682970000002</v>
      </c>
      <c r="AD5917">
        <v>38721.359700000001</v>
      </c>
      <c r="AE5917">
        <v>48550.417049999996</v>
      </c>
      <c r="AF5917">
        <v>63980.480340000002</v>
      </c>
      <c r="AG5917">
        <v>31526.539209999999</v>
      </c>
      <c r="AH5917">
        <v>373105.63390000002</v>
      </c>
      <c r="AI5917">
        <v>101439.30319999999</v>
      </c>
      <c r="AJ5917">
        <v>25701.114109999999</v>
      </c>
      <c r="AK5917">
        <v>35656.9666</v>
      </c>
      <c r="AL5917">
        <v>104821.2481</v>
      </c>
      <c r="AM5917">
        <v>24831.581730000002</v>
      </c>
      <c r="AN5917">
        <v>121209.3661</v>
      </c>
      <c r="AO5917">
        <v>32076.244279999999</v>
      </c>
      <c r="AP5917">
        <v>25543.618450000002</v>
      </c>
    </row>
    <row r="5918" spans="2:42" x14ac:dyDescent="0.3">
      <c r="B5918">
        <v>73.182058049418345</v>
      </c>
      <c r="C5918" s="83">
        <v>43347.5</v>
      </c>
      <c r="D5918">
        <v>280259.69770000002</v>
      </c>
      <c r="E5918">
        <v>32118.45016</v>
      </c>
      <c r="F5918">
        <v>94265.820210000005</v>
      </c>
      <c r="G5918">
        <v>63477.912369999998</v>
      </c>
      <c r="H5918">
        <v>49879.320610000002</v>
      </c>
      <c r="I5918">
        <v>37844.93591</v>
      </c>
      <c r="J5918">
        <v>48706.328580000001</v>
      </c>
      <c r="K5918">
        <v>60771.602209999997</v>
      </c>
      <c r="L5918">
        <v>33991.973969999999</v>
      </c>
      <c r="M5918">
        <v>373116.2598</v>
      </c>
      <c r="N5918">
        <v>97237.369959999996</v>
      </c>
      <c r="O5918">
        <v>25016.706839999999</v>
      </c>
      <c r="P5918">
        <v>37228.983800000002</v>
      </c>
      <c r="Q5918">
        <v>103581.2932</v>
      </c>
      <c r="R5918">
        <v>26465.47465</v>
      </c>
      <c r="S5918">
        <v>115968.14690000001</v>
      </c>
      <c r="T5918">
        <v>31680.517530000001</v>
      </c>
      <c r="U5918">
        <v>21226.60685</v>
      </c>
      <c r="W5918" s="83">
        <f>Bühler!N5950</f>
        <v>45538.499999985652</v>
      </c>
      <c r="X5918" s="83">
        <v>43347.5</v>
      </c>
      <c r="Y5918">
        <v>280259.69770000002</v>
      </c>
      <c r="Z5918">
        <v>32118.45016</v>
      </c>
      <c r="AA5918">
        <v>94265.820210000005</v>
      </c>
      <c r="AB5918">
        <v>63477.912369999998</v>
      </c>
      <c r="AC5918">
        <v>49879.320610000002</v>
      </c>
      <c r="AD5918">
        <v>37844.93591</v>
      </c>
      <c r="AE5918">
        <v>48706.328580000001</v>
      </c>
      <c r="AF5918">
        <v>60771.602209999997</v>
      </c>
      <c r="AG5918">
        <v>33991.973969999999</v>
      </c>
      <c r="AH5918">
        <v>373116.2598</v>
      </c>
      <c r="AI5918">
        <v>97237.369959999996</v>
      </c>
      <c r="AJ5918">
        <v>25016.706839999999</v>
      </c>
      <c r="AK5918">
        <v>37228.983800000002</v>
      </c>
      <c r="AL5918">
        <v>103581.2932</v>
      </c>
      <c r="AM5918">
        <v>26465.47465</v>
      </c>
      <c r="AN5918">
        <v>115968.14690000001</v>
      </c>
      <c r="AO5918">
        <v>31680.517530000001</v>
      </c>
      <c r="AP5918">
        <v>21226.60685</v>
      </c>
    </row>
    <row r="5919" spans="2:42" x14ac:dyDescent="0.3">
      <c r="B5919">
        <v>72.953624512372912</v>
      </c>
      <c r="C5919" s="83">
        <v>43347.541666666664</v>
      </c>
      <c r="D5919">
        <v>282978.82439999998</v>
      </c>
      <c r="E5919">
        <v>33094.043299999998</v>
      </c>
      <c r="F5919">
        <v>91155.974830000006</v>
      </c>
      <c r="G5919">
        <v>61417.070540000001</v>
      </c>
      <c r="H5919">
        <v>50345.013509999997</v>
      </c>
      <c r="I5919">
        <v>37664.217649999999</v>
      </c>
      <c r="J5919">
        <v>47513.645349999999</v>
      </c>
      <c r="K5919">
        <v>62497.791519999999</v>
      </c>
      <c r="L5919">
        <v>32677.138330000002</v>
      </c>
      <c r="M5919">
        <v>371951.59909999999</v>
      </c>
      <c r="N5919">
        <v>100112.93580000001</v>
      </c>
      <c r="O5919">
        <v>26013.84705</v>
      </c>
      <c r="P5919">
        <v>35936.48414</v>
      </c>
      <c r="Q5919">
        <v>102772.8208</v>
      </c>
      <c r="R5919">
        <v>26201.209569999999</v>
      </c>
      <c r="S5919">
        <v>113748.1844</v>
      </c>
      <c r="T5919">
        <v>31470.192070000001</v>
      </c>
      <c r="U5919">
        <v>22226.283869999999</v>
      </c>
      <c r="W5919" s="83">
        <f>Bühler!N5951</f>
        <v>45538.541666652316</v>
      </c>
      <c r="X5919" s="83">
        <v>43347.541666666664</v>
      </c>
      <c r="Y5919">
        <v>282978.82439999998</v>
      </c>
      <c r="Z5919">
        <v>33094.043299999998</v>
      </c>
      <c r="AA5919">
        <v>91155.974830000006</v>
      </c>
      <c r="AB5919">
        <v>61417.070540000001</v>
      </c>
      <c r="AC5919">
        <v>50345.013509999997</v>
      </c>
      <c r="AD5919">
        <v>37664.217649999999</v>
      </c>
      <c r="AE5919">
        <v>47513.645349999999</v>
      </c>
      <c r="AF5919">
        <v>62497.791519999999</v>
      </c>
      <c r="AG5919">
        <v>32677.138330000002</v>
      </c>
      <c r="AH5919">
        <v>371951.59909999999</v>
      </c>
      <c r="AI5919">
        <v>100112.93580000001</v>
      </c>
      <c r="AJ5919">
        <v>26013.84705</v>
      </c>
      <c r="AK5919">
        <v>35936.48414</v>
      </c>
      <c r="AL5919">
        <v>102772.8208</v>
      </c>
      <c r="AM5919">
        <v>26201.209569999999</v>
      </c>
      <c r="AN5919">
        <v>113748.1844</v>
      </c>
      <c r="AO5919">
        <v>31470.192070000001</v>
      </c>
      <c r="AP5919">
        <v>22226.283869999999</v>
      </c>
    </row>
    <row r="5920" spans="2:42" x14ac:dyDescent="0.3">
      <c r="B5920">
        <v>72.83073897033367</v>
      </c>
      <c r="C5920" s="83">
        <v>43347.583333333336</v>
      </c>
      <c r="D5920">
        <v>287119.88319999998</v>
      </c>
      <c r="E5920">
        <v>36251.088710000004</v>
      </c>
      <c r="F5920">
        <v>99409.872329999998</v>
      </c>
      <c r="G5920">
        <v>58470.080840000002</v>
      </c>
      <c r="H5920">
        <v>50820.010459999998</v>
      </c>
      <c r="I5920">
        <v>38737.328849999998</v>
      </c>
      <c r="J5920">
        <v>47557.921199999997</v>
      </c>
      <c r="K5920">
        <v>64656.999159999999</v>
      </c>
      <c r="L5920">
        <v>30022.498899999999</v>
      </c>
      <c r="M5920">
        <v>371325.07130000001</v>
      </c>
      <c r="N5920">
        <v>100212.5131</v>
      </c>
      <c r="O5920">
        <v>26460.752649999999</v>
      </c>
      <c r="P5920">
        <v>32402.573530000001</v>
      </c>
      <c r="Q5920">
        <v>101861.93640000001</v>
      </c>
      <c r="R5920">
        <v>25812.096649999999</v>
      </c>
      <c r="S5920">
        <v>110162.74</v>
      </c>
      <c r="T5920">
        <v>30272.383979999999</v>
      </c>
      <c r="U5920">
        <v>24129.05313</v>
      </c>
      <c r="W5920" s="83">
        <f>Bühler!N5952</f>
        <v>45538.58333331898</v>
      </c>
      <c r="X5920" s="83">
        <v>43347.583333333336</v>
      </c>
      <c r="Y5920">
        <v>287119.88319999998</v>
      </c>
      <c r="Z5920">
        <v>36251.088710000004</v>
      </c>
      <c r="AA5920">
        <v>99409.872329999998</v>
      </c>
      <c r="AB5920">
        <v>58470.080840000002</v>
      </c>
      <c r="AC5920">
        <v>50820.010459999998</v>
      </c>
      <c r="AD5920">
        <v>38737.328849999998</v>
      </c>
      <c r="AE5920">
        <v>47557.921199999997</v>
      </c>
      <c r="AF5920">
        <v>64656.999159999999</v>
      </c>
      <c r="AG5920">
        <v>30022.498899999999</v>
      </c>
      <c r="AH5920">
        <v>371325.07130000001</v>
      </c>
      <c r="AI5920">
        <v>100212.5131</v>
      </c>
      <c r="AJ5920">
        <v>26460.752649999999</v>
      </c>
      <c r="AK5920">
        <v>32402.573530000001</v>
      </c>
      <c r="AL5920">
        <v>101861.93640000001</v>
      </c>
      <c r="AM5920">
        <v>25812.096649999999</v>
      </c>
      <c r="AN5920">
        <v>110162.74</v>
      </c>
      <c r="AO5920">
        <v>30272.383979999999</v>
      </c>
      <c r="AP5920">
        <v>24129.05313</v>
      </c>
    </row>
    <row r="5921" spans="2:42" x14ac:dyDescent="0.3">
      <c r="B5921">
        <v>71.861963760550594</v>
      </c>
      <c r="C5921" s="83">
        <v>43347.625</v>
      </c>
      <c r="D5921">
        <v>285054.73200000002</v>
      </c>
      <c r="E5921">
        <v>36245.461210000001</v>
      </c>
      <c r="F5921">
        <v>99835.552599999995</v>
      </c>
      <c r="G5921">
        <v>56811.226119999999</v>
      </c>
      <c r="H5921">
        <v>50231.504280000001</v>
      </c>
      <c r="I5921">
        <v>38307.032760000002</v>
      </c>
      <c r="J5921">
        <v>47057.670440000002</v>
      </c>
      <c r="K5921">
        <v>62992.417300000001</v>
      </c>
      <c r="L5921">
        <v>27259.475139999999</v>
      </c>
      <c r="M5921">
        <v>366385.80349999998</v>
      </c>
      <c r="N5921">
        <v>98030.48573</v>
      </c>
      <c r="O5921">
        <v>25112.047399999999</v>
      </c>
      <c r="P5921">
        <v>30603.01699</v>
      </c>
      <c r="Q5921">
        <v>101056.3229</v>
      </c>
      <c r="R5921">
        <v>26168.442040000002</v>
      </c>
      <c r="S5921">
        <v>108560.5177</v>
      </c>
      <c r="T5921">
        <v>29501.299370000001</v>
      </c>
      <c r="U5921">
        <v>23343.441409999999</v>
      </c>
      <c r="W5921" s="83">
        <f>Bühler!N5953</f>
        <v>45538.624999985645</v>
      </c>
      <c r="X5921" s="83">
        <v>43347.625</v>
      </c>
      <c r="Y5921">
        <v>285054.73200000002</v>
      </c>
      <c r="Z5921">
        <v>36245.461210000001</v>
      </c>
      <c r="AA5921">
        <v>99835.552599999995</v>
      </c>
      <c r="AB5921">
        <v>56811.226119999999</v>
      </c>
      <c r="AC5921">
        <v>50231.504280000001</v>
      </c>
      <c r="AD5921">
        <v>38307.032760000002</v>
      </c>
      <c r="AE5921">
        <v>47057.670440000002</v>
      </c>
      <c r="AF5921">
        <v>62992.417300000001</v>
      </c>
      <c r="AG5921">
        <v>27259.475139999999</v>
      </c>
      <c r="AH5921">
        <v>366385.80349999998</v>
      </c>
      <c r="AI5921">
        <v>98030.48573</v>
      </c>
      <c r="AJ5921">
        <v>25112.047399999999</v>
      </c>
      <c r="AK5921">
        <v>30603.01699</v>
      </c>
      <c r="AL5921">
        <v>101056.3229</v>
      </c>
      <c r="AM5921">
        <v>26168.442040000002</v>
      </c>
      <c r="AN5921">
        <v>108560.5177</v>
      </c>
      <c r="AO5921">
        <v>29501.299370000001</v>
      </c>
      <c r="AP5921">
        <v>23343.441409999999</v>
      </c>
    </row>
    <row r="5922" spans="2:42" x14ac:dyDescent="0.3">
      <c r="B5922">
        <v>69.687455142386895</v>
      </c>
      <c r="C5922" s="83">
        <v>43347.666666666664</v>
      </c>
      <c r="D5922">
        <v>279672.33620000002</v>
      </c>
      <c r="E5922">
        <v>35382.601430000002</v>
      </c>
      <c r="F5922">
        <v>99637.191779999994</v>
      </c>
      <c r="G5922">
        <v>53770.20304</v>
      </c>
      <c r="H5922">
        <v>48142.445449999999</v>
      </c>
      <c r="I5922">
        <v>39727.275159999997</v>
      </c>
      <c r="J5922">
        <v>46562.339820000001</v>
      </c>
      <c r="K5922">
        <v>59115.602319999998</v>
      </c>
      <c r="L5922">
        <v>26187.185689999998</v>
      </c>
      <c r="M5922">
        <v>355299.14449999999</v>
      </c>
      <c r="N5922">
        <v>95395.124670000005</v>
      </c>
      <c r="O5922">
        <v>24419.06077</v>
      </c>
      <c r="P5922">
        <v>30361.751339999999</v>
      </c>
      <c r="Q5922">
        <v>100254.5675</v>
      </c>
      <c r="R5922">
        <v>26247.328409999998</v>
      </c>
      <c r="S5922">
        <v>105524.1094</v>
      </c>
      <c r="T5922">
        <v>28953.7893</v>
      </c>
      <c r="U5922">
        <v>21209.765749999999</v>
      </c>
      <c r="W5922" s="83">
        <f>Bühler!N5954</f>
        <v>45538.666666652309</v>
      </c>
      <c r="X5922" s="83">
        <v>43347.666666666664</v>
      </c>
      <c r="Y5922">
        <v>279672.33620000002</v>
      </c>
      <c r="Z5922">
        <v>35382.601430000002</v>
      </c>
      <c r="AA5922">
        <v>99637.191779999994</v>
      </c>
      <c r="AB5922">
        <v>53770.20304</v>
      </c>
      <c r="AC5922">
        <v>48142.445449999999</v>
      </c>
      <c r="AD5922">
        <v>39727.275159999997</v>
      </c>
      <c r="AE5922">
        <v>46562.339820000001</v>
      </c>
      <c r="AF5922">
        <v>59115.602319999998</v>
      </c>
      <c r="AG5922">
        <v>26187.185689999998</v>
      </c>
      <c r="AH5922">
        <v>355299.14449999999</v>
      </c>
      <c r="AI5922">
        <v>95395.124670000005</v>
      </c>
      <c r="AJ5922">
        <v>24419.06077</v>
      </c>
      <c r="AK5922">
        <v>30361.751339999999</v>
      </c>
      <c r="AL5922">
        <v>100254.5675</v>
      </c>
      <c r="AM5922">
        <v>26247.328409999998</v>
      </c>
      <c r="AN5922">
        <v>105524.1094</v>
      </c>
      <c r="AO5922">
        <v>28953.7893</v>
      </c>
      <c r="AP5922">
        <v>21209.765749999999</v>
      </c>
    </row>
    <row r="5923" spans="2:42" x14ac:dyDescent="0.3">
      <c r="B5923">
        <v>68.078061052152947</v>
      </c>
      <c r="C5923" s="83">
        <v>43347.708333333336</v>
      </c>
      <c r="D5923">
        <v>268596.0576</v>
      </c>
      <c r="E5923">
        <v>32950.120029999998</v>
      </c>
      <c r="F5923">
        <v>98056.52549</v>
      </c>
      <c r="G5923">
        <v>48186.373979999997</v>
      </c>
      <c r="H5923">
        <v>45940.729140000003</v>
      </c>
      <c r="I5923">
        <v>38666.587339999998</v>
      </c>
      <c r="J5923">
        <v>46710.069459999999</v>
      </c>
      <c r="K5923">
        <v>54674.065490000001</v>
      </c>
      <c r="L5923">
        <v>26235.189679999999</v>
      </c>
      <c r="M5923">
        <v>347093.70289999997</v>
      </c>
      <c r="N5923">
        <v>91342.837</v>
      </c>
      <c r="O5923">
        <v>23567.923579999999</v>
      </c>
      <c r="P5923">
        <v>31954.16129</v>
      </c>
      <c r="Q5923">
        <v>98955.833069999993</v>
      </c>
      <c r="R5923">
        <v>25294.383839999999</v>
      </c>
      <c r="S5923">
        <v>101981.2197</v>
      </c>
      <c r="T5923">
        <v>28454.379949999999</v>
      </c>
      <c r="U5923">
        <v>18631.254679999998</v>
      </c>
      <c r="W5923" s="83">
        <f>Bühler!N5955</f>
        <v>45538.708333318973</v>
      </c>
      <c r="X5923" s="83">
        <v>43347.708333333336</v>
      </c>
      <c r="Y5923">
        <v>268596.0576</v>
      </c>
      <c r="Z5923">
        <v>32950.120029999998</v>
      </c>
      <c r="AA5923">
        <v>98056.52549</v>
      </c>
      <c r="AB5923">
        <v>48186.373979999997</v>
      </c>
      <c r="AC5923">
        <v>45940.729140000003</v>
      </c>
      <c r="AD5923">
        <v>38666.587339999998</v>
      </c>
      <c r="AE5923">
        <v>46710.069459999999</v>
      </c>
      <c r="AF5923">
        <v>54674.065490000001</v>
      </c>
      <c r="AG5923">
        <v>26235.189679999999</v>
      </c>
      <c r="AH5923">
        <v>347093.70289999997</v>
      </c>
      <c r="AI5923">
        <v>91342.837</v>
      </c>
      <c r="AJ5923">
        <v>23567.923579999999</v>
      </c>
      <c r="AK5923">
        <v>31954.16129</v>
      </c>
      <c r="AL5923">
        <v>98955.833069999993</v>
      </c>
      <c r="AM5923">
        <v>25294.383839999999</v>
      </c>
      <c r="AN5923">
        <v>101981.2197</v>
      </c>
      <c r="AO5923">
        <v>28454.379949999999</v>
      </c>
      <c r="AP5923">
        <v>18631.254679999998</v>
      </c>
    </row>
    <row r="5924" spans="2:42" x14ac:dyDescent="0.3">
      <c r="B5924">
        <v>66.403422165211694</v>
      </c>
      <c r="C5924" s="83">
        <v>43347.75</v>
      </c>
      <c r="D5924">
        <v>262866.64230000001</v>
      </c>
      <c r="E5924">
        <v>29764.253970000002</v>
      </c>
      <c r="F5924">
        <v>96586.399650000007</v>
      </c>
      <c r="G5924">
        <v>42392.710910000002</v>
      </c>
      <c r="H5924">
        <v>43481.880149999997</v>
      </c>
      <c r="I5924">
        <v>38147.570650000001</v>
      </c>
      <c r="J5924">
        <v>46793.978929999997</v>
      </c>
      <c r="K5924">
        <v>53397.483990000001</v>
      </c>
      <c r="L5924">
        <v>27435.91635</v>
      </c>
      <c r="M5924">
        <v>338555.61290000001</v>
      </c>
      <c r="N5924">
        <v>87703.997929999998</v>
      </c>
      <c r="O5924">
        <v>21614.27764</v>
      </c>
      <c r="P5924">
        <v>34736.241020000001</v>
      </c>
      <c r="Q5924">
        <v>96669.763229999997</v>
      </c>
      <c r="R5924">
        <v>24258.522990000001</v>
      </c>
      <c r="S5924">
        <v>95596.689830000003</v>
      </c>
      <c r="T5924">
        <v>27345.168160000001</v>
      </c>
      <c r="U5924">
        <v>16885.77435</v>
      </c>
      <c r="W5924" s="83">
        <f>Bühler!N5956</f>
        <v>45538.749999985637</v>
      </c>
      <c r="X5924" s="83">
        <v>43347.75</v>
      </c>
      <c r="Y5924">
        <v>262866.64230000001</v>
      </c>
      <c r="Z5924">
        <v>29764.253970000002</v>
      </c>
      <c r="AA5924">
        <v>96586.399650000007</v>
      </c>
      <c r="AB5924">
        <v>42392.710910000002</v>
      </c>
      <c r="AC5924">
        <v>43481.880149999997</v>
      </c>
      <c r="AD5924">
        <v>38147.570650000001</v>
      </c>
      <c r="AE5924">
        <v>46793.978929999997</v>
      </c>
      <c r="AF5924">
        <v>53397.483990000001</v>
      </c>
      <c r="AG5924">
        <v>27435.91635</v>
      </c>
      <c r="AH5924">
        <v>338555.61290000001</v>
      </c>
      <c r="AI5924">
        <v>87703.997929999998</v>
      </c>
      <c r="AJ5924">
        <v>21614.27764</v>
      </c>
      <c r="AK5924">
        <v>34736.241020000001</v>
      </c>
      <c r="AL5924">
        <v>96669.763229999997</v>
      </c>
      <c r="AM5924">
        <v>24258.522990000001</v>
      </c>
      <c r="AN5924">
        <v>95596.689830000003</v>
      </c>
      <c r="AO5924">
        <v>27345.168160000001</v>
      </c>
      <c r="AP5924">
        <v>16885.77435</v>
      </c>
    </row>
    <row r="5925" spans="2:42" x14ac:dyDescent="0.3">
      <c r="B5925">
        <v>65.356761808530166</v>
      </c>
      <c r="C5925" s="83">
        <v>43347.791666666664</v>
      </c>
      <c r="D5925">
        <v>257120.3443</v>
      </c>
      <c r="E5925">
        <v>23721.7909</v>
      </c>
      <c r="F5925">
        <v>86383.787039999996</v>
      </c>
      <c r="G5925">
        <v>39215.758199999997</v>
      </c>
      <c r="H5925">
        <v>40944.691270000003</v>
      </c>
      <c r="I5925">
        <v>34788.242830000003</v>
      </c>
      <c r="J5925">
        <v>45997.534440000003</v>
      </c>
      <c r="K5925">
        <v>53348.116009999998</v>
      </c>
      <c r="L5925">
        <v>28461.993930000001</v>
      </c>
      <c r="M5925">
        <v>333219.25030000001</v>
      </c>
      <c r="N5925">
        <v>86067.740260000006</v>
      </c>
      <c r="O5925">
        <v>19769.580959999999</v>
      </c>
      <c r="P5925">
        <v>38127.205849999998</v>
      </c>
      <c r="Q5925">
        <v>93553.681030000007</v>
      </c>
      <c r="R5925">
        <v>23361.39228</v>
      </c>
      <c r="S5925">
        <v>91068.760370000004</v>
      </c>
      <c r="T5925">
        <v>27600.699120000001</v>
      </c>
      <c r="U5925">
        <v>15943.212579999999</v>
      </c>
      <c r="W5925" s="83">
        <f>Bühler!N5957</f>
        <v>45538.791666652302</v>
      </c>
      <c r="X5925" s="83">
        <v>43347.791666666664</v>
      </c>
      <c r="Y5925">
        <v>257120.3443</v>
      </c>
      <c r="Z5925">
        <v>23721.7909</v>
      </c>
      <c r="AA5925">
        <v>86383.787039999996</v>
      </c>
      <c r="AB5925">
        <v>39215.758199999997</v>
      </c>
      <c r="AC5925">
        <v>40944.691270000003</v>
      </c>
      <c r="AD5925">
        <v>34788.242830000003</v>
      </c>
      <c r="AE5925">
        <v>45997.534440000003</v>
      </c>
      <c r="AF5925">
        <v>53348.116009999998</v>
      </c>
      <c r="AG5925">
        <v>28461.993930000001</v>
      </c>
      <c r="AH5925">
        <v>333219.25030000001</v>
      </c>
      <c r="AI5925">
        <v>86067.740260000006</v>
      </c>
      <c r="AJ5925">
        <v>19769.580959999999</v>
      </c>
      <c r="AK5925">
        <v>38127.205849999998</v>
      </c>
      <c r="AL5925">
        <v>93553.681030000007</v>
      </c>
      <c r="AM5925">
        <v>23361.39228</v>
      </c>
      <c r="AN5925">
        <v>91068.760370000004</v>
      </c>
      <c r="AO5925">
        <v>27600.699120000001</v>
      </c>
      <c r="AP5925">
        <v>15943.212579999999</v>
      </c>
    </row>
    <row r="5926" spans="2:42" x14ac:dyDescent="0.3">
      <c r="B5926">
        <v>63.108336413295923</v>
      </c>
      <c r="C5926" s="83">
        <v>43347.833333333336</v>
      </c>
      <c r="D5926">
        <v>248963.54380000001</v>
      </c>
      <c r="E5926">
        <v>17855.326270000001</v>
      </c>
      <c r="F5926">
        <v>71404.384330000001</v>
      </c>
      <c r="G5926">
        <v>36141.39183</v>
      </c>
      <c r="H5926">
        <v>39258.102330000002</v>
      </c>
      <c r="I5926">
        <v>31566.60787</v>
      </c>
      <c r="J5926">
        <v>45630.368450000002</v>
      </c>
      <c r="K5926">
        <v>51458.113510000003</v>
      </c>
      <c r="L5926">
        <v>28292.734479999999</v>
      </c>
      <c r="M5926">
        <v>321755.7291</v>
      </c>
      <c r="N5926">
        <v>82856.929810000001</v>
      </c>
      <c r="O5926">
        <v>18954.820090000001</v>
      </c>
      <c r="P5926">
        <v>37933.885820000003</v>
      </c>
      <c r="Q5926">
        <v>90345.840890000007</v>
      </c>
      <c r="R5926">
        <v>21519.246139999999</v>
      </c>
      <c r="S5926">
        <v>83786.320980000004</v>
      </c>
      <c r="T5926">
        <v>26646.394530000001</v>
      </c>
      <c r="U5926">
        <v>15522.42014</v>
      </c>
      <c r="W5926" s="83">
        <f>Bühler!N5958</f>
        <v>45538.833333318966</v>
      </c>
      <c r="X5926" s="83">
        <v>43347.833333333336</v>
      </c>
      <c r="Y5926">
        <v>248963.54380000001</v>
      </c>
      <c r="Z5926">
        <v>17855.326270000001</v>
      </c>
      <c r="AA5926">
        <v>71404.384330000001</v>
      </c>
      <c r="AB5926">
        <v>36141.39183</v>
      </c>
      <c r="AC5926">
        <v>39258.102330000002</v>
      </c>
      <c r="AD5926">
        <v>31566.60787</v>
      </c>
      <c r="AE5926">
        <v>45630.368450000002</v>
      </c>
      <c r="AF5926">
        <v>51458.113510000003</v>
      </c>
      <c r="AG5926">
        <v>28292.734479999999</v>
      </c>
      <c r="AH5926">
        <v>321755.7291</v>
      </c>
      <c r="AI5926">
        <v>82856.929810000001</v>
      </c>
      <c r="AJ5926">
        <v>18954.820090000001</v>
      </c>
      <c r="AK5926">
        <v>37933.885820000003</v>
      </c>
      <c r="AL5926">
        <v>90345.840890000007</v>
      </c>
      <c r="AM5926">
        <v>21519.246139999999</v>
      </c>
      <c r="AN5926">
        <v>83786.320980000004</v>
      </c>
      <c r="AO5926">
        <v>26646.394530000001</v>
      </c>
      <c r="AP5926">
        <v>15522.42014</v>
      </c>
    </row>
    <row r="5927" spans="2:42" x14ac:dyDescent="0.3">
      <c r="B5927">
        <v>60.740579642860979</v>
      </c>
      <c r="C5927" s="83">
        <v>43347.875</v>
      </c>
      <c r="D5927">
        <v>239570.67139999999</v>
      </c>
      <c r="E5927">
        <v>15488.49632</v>
      </c>
      <c r="F5927">
        <v>62662.091769999999</v>
      </c>
      <c r="G5927">
        <v>34956.975440000002</v>
      </c>
      <c r="H5927">
        <v>37603.550329999998</v>
      </c>
      <c r="I5927">
        <v>27933.11407</v>
      </c>
      <c r="J5927">
        <v>45288.982830000001</v>
      </c>
      <c r="K5927">
        <v>51306.165679999998</v>
      </c>
      <c r="L5927">
        <v>26860.429919999999</v>
      </c>
      <c r="M5927">
        <v>309683.80089999997</v>
      </c>
      <c r="N5927">
        <v>79484.168350000007</v>
      </c>
      <c r="O5927">
        <v>17643.511210000001</v>
      </c>
      <c r="P5927">
        <v>35739.539040000003</v>
      </c>
      <c r="Q5927">
        <v>88164.116450000001</v>
      </c>
      <c r="R5927">
        <v>20604.301449999999</v>
      </c>
      <c r="S5927">
        <v>80454.760760000005</v>
      </c>
      <c r="T5927">
        <v>24667.045539999999</v>
      </c>
      <c r="U5927">
        <v>14726.521779999999</v>
      </c>
      <c r="W5927" s="83">
        <f>Bühler!N5959</f>
        <v>45538.87499998563</v>
      </c>
      <c r="X5927" s="83">
        <v>43347.875</v>
      </c>
      <c r="Y5927">
        <v>239570.67139999999</v>
      </c>
      <c r="Z5927">
        <v>15488.49632</v>
      </c>
      <c r="AA5927">
        <v>62662.091769999999</v>
      </c>
      <c r="AB5927">
        <v>34956.975440000002</v>
      </c>
      <c r="AC5927">
        <v>37603.550329999998</v>
      </c>
      <c r="AD5927">
        <v>27933.11407</v>
      </c>
      <c r="AE5927">
        <v>45288.982830000001</v>
      </c>
      <c r="AF5927">
        <v>51306.165679999998</v>
      </c>
      <c r="AG5927">
        <v>26860.429919999999</v>
      </c>
      <c r="AH5927">
        <v>309683.80089999997</v>
      </c>
      <c r="AI5927">
        <v>79484.168350000007</v>
      </c>
      <c r="AJ5927">
        <v>17643.511210000001</v>
      </c>
      <c r="AK5927">
        <v>35739.539040000003</v>
      </c>
      <c r="AL5927">
        <v>88164.116450000001</v>
      </c>
      <c r="AM5927">
        <v>20604.301449999999</v>
      </c>
      <c r="AN5927">
        <v>80454.760760000005</v>
      </c>
      <c r="AO5927">
        <v>24667.045539999999</v>
      </c>
      <c r="AP5927">
        <v>14726.521779999999</v>
      </c>
    </row>
    <row r="5928" spans="2:42" x14ac:dyDescent="0.3">
      <c r="B5928">
        <v>59.878602196067774</v>
      </c>
      <c r="C5928" s="83">
        <v>43347.916666666664</v>
      </c>
      <c r="D5928">
        <v>237987.65179999999</v>
      </c>
      <c r="E5928">
        <v>14495.609769999999</v>
      </c>
      <c r="F5928">
        <v>59384.571779999998</v>
      </c>
      <c r="G5928">
        <v>33497.023480000003</v>
      </c>
      <c r="H5928">
        <v>36820.328000000001</v>
      </c>
      <c r="I5928">
        <v>25440.137139999999</v>
      </c>
      <c r="J5928">
        <v>42427.198499999999</v>
      </c>
      <c r="K5928">
        <v>54102.626060000002</v>
      </c>
      <c r="L5928">
        <v>23467.217860000001</v>
      </c>
      <c r="M5928">
        <v>305289.0379</v>
      </c>
      <c r="N5928">
        <v>78138.548620000001</v>
      </c>
      <c r="O5928">
        <v>17326.422689999999</v>
      </c>
      <c r="P5928">
        <v>36694.543339999997</v>
      </c>
      <c r="Q5928">
        <v>87122.312170000005</v>
      </c>
      <c r="R5928">
        <v>21277.79665</v>
      </c>
      <c r="S5928">
        <v>78892.694279999996</v>
      </c>
      <c r="T5928">
        <v>21421.783210000001</v>
      </c>
      <c r="U5928">
        <v>14592.874750000001</v>
      </c>
      <c r="W5928" s="83">
        <f>Bühler!N5960</f>
        <v>45538.916666652294</v>
      </c>
      <c r="X5928" s="83">
        <v>43347.916666666664</v>
      </c>
      <c r="Y5928">
        <v>237987.65179999999</v>
      </c>
      <c r="Z5928">
        <v>14495.609769999999</v>
      </c>
      <c r="AA5928">
        <v>59384.571779999998</v>
      </c>
      <c r="AB5928">
        <v>33497.023480000003</v>
      </c>
      <c r="AC5928">
        <v>36820.328000000001</v>
      </c>
      <c r="AD5928">
        <v>25440.137139999999</v>
      </c>
      <c r="AE5928">
        <v>42427.198499999999</v>
      </c>
      <c r="AF5928">
        <v>54102.626060000002</v>
      </c>
      <c r="AG5928">
        <v>23467.217860000001</v>
      </c>
      <c r="AH5928">
        <v>305289.0379</v>
      </c>
      <c r="AI5928">
        <v>78138.548620000001</v>
      </c>
      <c r="AJ5928">
        <v>17326.422689999999</v>
      </c>
      <c r="AK5928">
        <v>36694.543339999997</v>
      </c>
      <c r="AL5928">
        <v>87122.312170000005</v>
      </c>
      <c r="AM5928">
        <v>21277.79665</v>
      </c>
      <c r="AN5928">
        <v>78892.694279999996</v>
      </c>
      <c r="AO5928">
        <v>21421.783210000001</v>
      </c>
      <c r="AP5928">
        <v>14592.874750000001</v>
      </c>
    </row>
    <row r="5929" spans="2:42" x14ac:dyDescent="0.3">
      <c r="B5929">
        <v>58.983487960940842</v>
      </c>
      <c r="C5929" s="83">
        <v>43347.958333333336</v>
      </c>
      <c r="D5929">
        <v>237564.41680000001</v>
      </c>
      <c r="E5929">
        <v>13737.408369999999</v>
      </c>
      <c r="F5929">
        <v>58265.937619999997</v>
      </c>
      <c r="G5929">
        <v>32909.246590000002</v>
      </c>
      <c r="H5929">
        <v>35666.395429999997</v>
      </c>
      <c r="I5929">
        <v>23876.188180000001</v>
      </c>
      <c r="J5929">
        <v>38808.385589999998</v>
      </c>
      <c r="K5929">
        <v>52848.995479999998</v>
      </c>
      <c r="L5929">
        <v>19874.577389999999</v>
      </c>
      <c r="M5929">
        <v>300725.32809999998</v>
      </c>
      <c r="N5929">
        <v>76549.061369999996</v>
      </c>
      <c r="O5929">
        <v>16818.282749999998</v>
      </c>
      <c r="P5929">
        <v>31894.030330000001</v>
      </c>
      <c r="Q5929">
        <v>87301.720289999997</v>
      </c>
      <c r="R5929">
        <v>20695.85687</v>
      </c>
      <c r="S5929">
        <v>76523.54376</v>
      </c>
      <c r="T5929">
        <v>19446.469550000002</v>
      </c>
      <c r="U5929">
        <v>13992.33597</v>
      </c>
      <c r="W5929" s="83">
        <f>Bühler!N5961</f>
        <v>45538.958333318958</v>
      </c>
      <c r="X5929" s="83">
        <v>43347.958333333336</v>
      </c>
      <c r="Y5929">
        <v>237564.41680000001</v>
      </c>
      <c r="Z5929">
        <v>13737.408369999999</v>
      </c>
      <c r="AA5929">
        <v>58265.937619999997</v>
      </c>
      <c r="AB5929">
        <v>32909.246590000002</v>
      </c>
      <c r="AC5929">
        <v>35666.395429999997</v>
      </c>
      <c r="AD5929">
        <v>23876.188180000001</v>
      </c>
      <c r="AE5929">
        <v>38808.385589999998</v>
      </c>
      <c r="AF5929">
        <v>52848.995479999998</v>
      </c>
      <c r="AG5929">
        <v>19874.577389999999</v>
      </c>
      <c r="AH5929">
        <v>300725.32809999998</v>
      </c>
      <c r="AI5929">
        <v>76549.061369999996</v>
      </c>
      <c r="AJ5929">
        <v>16818.282749999998</v>
      </c>
      <c r="AK5929">
        <v>31894.030330000001</v>
      </c>
      <c r="AL5929">
        <v>87301.720289999997</v>
      </c>
      <c r="AM5929">
        <v>20695.85687</v>
      </c>
      <c r="AN5929">
        <v>76523.54376</v>
      </c>
      <c r="AO5929">
        <v>19446.469550000002</v>
      </c>
      <c r="AP5929">
        <v>13992.33597</v>
      </c>
    </row>
    <row r="5930" spans="2:42" x14ac:dyDescent="0.3">
      <c r="B5930">
        <v>57.932983840530078</v>
      </c>
      <c r="C5930" s="83">
        <v>43348</v>
      </c>
      <c r="D5930">
        <v>236445.0857</v>
      </c>
      <c r="E5930">
        <v>13219.56093</v>
      </c>
      <c r="F5930">
        <v>56372.68159</v>
      </c>
      <c r="G5930">
        <v>32166.99121</v>
      </c>
      <c r="H5930">
        <v>35083.052439999999</v>
      </c>
      <c r="I5930">
        <v>22280.428550000001</v>
      </c>
      <c r="J5930">
        <v>36338.336539999997</v>
      </c>
      <c r="K5930">
        <v>50948.475259999999</v>
      </c>
      <c r="L5930">
        <v>17943.210589999999</v>
      </c>
      <c r="M5930">
        <v>295369.36820000003</v>
      </c>
      <c r="N5930">
        <v>75951.702359999996</v>
      </c>
      <c r="O5930">
        <v>16493.514599999999</v>
      </c>
      <c r="P5930">
        <v>28855.205409999999</v>
      </c>
      <c r="Q5930">
        <v>86124.534360000005</v>
      </c>
      <c r="R5930">
        <v>17589.73704</v>
      </c>
      <c r="S5930">
        <v>74836.915630000003</v>
      </c>
      <c r="T5930">
        <v>18344.567950000001</v>
      </c>
      <c r="U5930">
        <v>13617.58317</v>
      </c>
      <c r="W5930" s="83">
        <f>Bühler!N5962</f>
        <v>45538.999999985623</v>
      </c>
      <c r="X5930" s="83">
        <v>43348</v>
      </c>
      <c r="Y5930">
        <v>236445.0857</v>
      </c>
      <c r="Z5930">
        <v>13219.56093</v>
      </c>
      <c r="AA5930">
        <v>56372.68159</v>
      </c>
      <c r="AB5930">
        <v>32166.99121</v>
      </c>
      <c r="AC5930">
        <v>35083.052439999999</v>
      </c>
      <c r="AD5930">
        <v>22280.428550000001</v>
      </c>
      <c r="AE5930">
        <v>36338.336539999997</v>
      </c>
      <c r="AF5930">
        <v>50948.475259999999</v>
      </c>
      <c r="AG5930">
        <v>17943.210589999999</v>
      </c>
      <c r="AH5930">
        <v>295369.36820000003</v>
      </c>
      <c r="AI5930">
        <v>75951.702359999996</v>
      </c>
      <c r="AJ5930">
        <v>16493.514599999999</v>
      </c>
      <c r="AK5930">
        <v>28855.205409999999</v>
      </c>
      <c r="AL5930">
        <v>86124.534360000005</v>
      </c>
      <c r="AM5930">
        <v>17589.73704</v>
      </c>
      <c r="AN5930">
        <v>74836.915630000003</v>
      </c>
      <c r="AO5930">
        <v>18344.567950000001</v>
      </c>
      <c r="AP5930">
        <v>13617.58317</v>
      </c>
    </row>
    <row r="5931" spans="2:42" x14ac:dyDescent="0.3">
      <c r="B5931">
        <v>57.3021000052224</v>
      </c>
      <c r="C5931" s="83">
        <v>43348.041666666664</v>
      </c>
      <c r="D5931">
        <v>234667.54130000001</v>
      </c>
      <c r="E5931">
        <v>13182.131460000001</v>
      </c>
      <c r="F5931">
        <v>55420.357989999997</v>
      </c>
      <c r="G5931">
        <v>31272.223300000001</v>
      </c>
      <c r="H5931">
        <v>34500.658499999998</v>
      </c>
      <c r="I5931">
        <v>18775.44253</v>
      </c>
      <c r="J5931">
        <v>34991.83754</v>
      </c>
      <c r="K5931">
        <v>49243.418989999998</v>
      </c>
      <c r="L5931">
        <v>16684.423729999999</v>
      </c>
      <c r="M5931">
        <v>292152.82819999999</v>
      </c>
      <c r="N5931">
        <v>74558.130290000001</v>
      </c>
      <c r="O5931">
        <v>15985.058849999999</v>
      </c>
      <c r="P5931">
        <v>26917.173490000001</v>
      </c>
      <c r="Q5931">
        <v>85747.780299999999</v>
      </c>
      <c r="R5931">
        <v>15853.391729999999</v>
      </c>
      <c r="S5931">
        <v>73612.615600000005</v>
      </c>
      <c r="T5931">
        <v>17768.907910000002</v>
      </c>
      <c r="U5931">
        <v>13432.45579</v>
      </c>
      <c r="W5931" s="83">
        <f>Bühler!N5963</f>
        <v>45539.041666652287</v>
      </c>
      <c r="X5931" s="83">
        <v>43348.041666666664</v>
      </c>
      <c r="Y5931">
        <v>234667.54130000001</v>
      </c>
      <c r="Z5931">
        <v>13182.131460000001</v>
      </c>
      <c r="AA5931">
        <v>55420.357989999997</v>
      </c>
      <c r="AB5931">
        <v>31272.223300000001</v>
      </c>
      <c r="AC5931">
        <v>34500.658499999998</v>
      </c>
      <c r="AD5931">
        <v>18775.44253</v>
      </c>
      <c r="AE5931">
        <v>34991.83754</v>
      </c>
      <c r="AF5931">
        <v>49243.418989999998</v>
      </c>
      <c r="AG5931">
        <v>16684.423729999999</v>
      </c>
      <c r="AH5931">
        <v>292152.82819999999</v>
      </c>
      <c r="AI5931">
        <v>74558.130290000001</v>
      </c>
      <c r="AJ5931">
        <v>15985.058849999999</v>
      </c>
      <c r="AK5931">
        <v>26917.173490000001</v>
      </c>
      <c r="AL5931">
        <v>85747.780299999999</v>
      </c>
      <c r="AM5931">
        <v>15853.391729999999</v>
      </c>
      <c r="AN5931">
        <v>73612.615600000005</v>
      </c>
      <c r="AO5931">
        <v>17768.907910000002</v>
      </c>
      <c r="AP5931">
        <v>13432.45579</v>
      </c>
    </row>
    <row r="5932" spans="2:42" x14ac:dyDescent="0.3">
      <c r="B5932">
        <v>57.240802356274877</v>
      </c>
      <c r="C5932" s="83">
        <v>43348.083333333336</v>
      </c>
      <c r="D5932">
        <v>235723.15299999999</v>
      </c>
      <c r="E5932">
        <v>12907.564060000001</v>
      </c>
      <c r="F5932">
        <v>55731.146030000004</v>
      </c>
      <c r="G5932">
        <v>30615.35929</v>
      </c>
      <c r="H5932">
        <v>34135.895629999999</v>
      </c>
      <c r="I5932">
        <v>17088.107980000001</v>
      </c>
      <c r="J5932">
        <v>34448.864430000001</v>
      </c>
      <c r="K5932">
        <v>47868.480340000002</v>
      </c>
      <c r="L5932">
        <v>16172.41669</v>
      </c>
      <c r="M5932">
        <v>291840.30420000001</v>
      </c>
      <c r="N5932">
        <v>74445.169760000004</v>
      </c>
      <c r="O5932">
        <v>15924.08223</v>
      </c>
      <c r="P5932">
        <v>25287.540509999999</v>
      </c>
      <c r="Q5932">
        <v>87296.08941</v>
      </c>
      <c r="R5932">
        <v>15946.3025</v>
      </c>
      <c r="S5932">
        <v>72329.30098</v>
      </c>
      <c r="T5932">
        <v>17284.684239999999</v>
      </c>
      <c r="U5932">
        <v>13168.92452</v>
      </c>
      <c r="W5932" s="83">
        <f>Bühler!N5964</f>
        <v>45539.083333318951</v>
      </c>
      <c r="X5932" s="83">
        <v>43348.083333333336</v>
      </c>
      <c r="Y5932">
        <v>235723.15299999999</v>
      </c>
      <c r="Z5932">
        <v>12907.564060000001</v>
      </c>
      <c r="AA5932">
        <v>55731.146030000004</v>
      </c>
      <c r="AB5932">
        <v>30615.35929</v>
      </c>
      <c r="AC5932">
        <v>34135.895629999999</v>
      </c>
      <c r="AD5932">
        <v>17088.107980000001</v>
      </c>
      <c r="AE5932">
        <v>34448.864430000001</v>
      </c>
      <c r="AF5932">
        <v>47868.480340000002</v>
      </c>
      <c r="AG5932">
        <v>16172.41669</v>
      </c>
      <c r="AH5932">
        <v>291840.30420000001</v>
      </c>
      <c r="AI5932">
        <v>74445.169760000004</v>
      </c>
      <c r="AJ5932">
        <v>15924.08223</v>
      </c>
      <c r="AK5932">
        <v>25287.540509999999</v>
      </c>
      <c r="AL5932">
        <v>87296.08941</v>
      </c>
      <c r="AM5932">
        <v>15946.3025</v>
      </c>
      <c r="AN5932">
        <v>72329.30098</v>
      </c>
      <c r="AO5932">
        <v>17284.684239999999</v>
      </c>
      <c r="AP5932">
        <v>13168.92452</v>
      </c>
    </row>
    <row r="5933" spans="2:42" x14ac:dyDescent="0.3">
      <c r="B5933">
        <v>57.51413551305815</v>
      </c>
      <c r="C5933" s="83">
        <v>43348.125</v>
      </c>
      <c r="D5933">
        <v>235066.27849999999</v>
      </c>
      <c r="E5933">
        <v>12878.06991</v>
      </c>
      <c r="F5933">
        <v>56759.037790000002</v>
      </c>
      <c r="G5933">
        <v>29930.527460000001</v>
      </c>
      <c r="H5933">
        <v>34016.83077</v>
      </c>
      <c r="I5933">
        <v>16994.16114</v>
      </c>
      <c r="J5933">
        <v>34333.335480000002</v>
      </c>
      <c r="K5933">
        <v>46052.121579999999</v>
      </c>
      <c r="L5933">
        <v>15935.14279</v>
      </c>
      <c r="M5933">
        <v>293233.88410000002</v>
      </c>
      <c r="N5933">
        <v>72477.429759999999</v>
      </c>
      <c r="O5933">
        <v>15611.89336</v>
      </c>
      <c r="P5933">
        <v>24479.433570000001</v>
      </c>
      <c r="Q5933">
        <v>89541.605450000003</v>
      </c>
      <c r="R5933">
        <v>15446.124019999999</v>
      </c>
      <c r="S5933">
        <v>71897.871539999993</v>
      </c>
      <c r="T5933">
        <v>16819.967049999999</v>
      </c>
      <c r="U5933">
        <v>13097.35909</v>
      </c>
      <c r="W5933" s="83">
        <f>Bühler!N5965</f>
        <v>45539.124999985615</v>
      </c>
      <c r="X5933" s="83">
        <v>43348.125</v>
      </c>
      <c r="Y5933">
        <v>235066.27849999999</v>
      </c>
      <c r="Z5933">
        <v>12878.06991</v>
      </c>
      <c r="AA5933">
        <v>56759.037790000002</v>
      </c>
      <c r="AB5933">
        <v>29930.527460000001</v>
      </c>
      <c r="AC5933">
        <v>34016.83077</v>
      </c>
      <c r="AD5933">
        <v>16994.16114</v>
      </c>
      <c r="AE5933">
        <v>34333.335480000002</v>
      </c>
      <c r="AF5933">
        <v>46052.121579999999</v>
      </c>
      <c r="AG5933">
        <v>15935.14279</v>
      </c>
      <c r="AH5933">
        <v>293233.88410000002</v>
      </c>
      <c r="AI5933">
        <v>72477.429759999999</v>
      </c>
      <c r="AJ5933">
        <v>15611.89336</v>
      </c>
      <c r="AK5933">
        <v>24479.433570000001</v>
      </c>
      <c r="AL5933">
        <v>89541.605450000003</v>
      </c>
      <c r="AM5933">
        <v>15446.124019999999</v>
      </c>
      <c r="AN5933">
        <v>71897.871539999993</v>
      </c>
      <c r="AO5933">
        <v>16819.967049999999</v>
      </c>
      <c r="AP5933">
        <v>13097.35909</v>
      </c>
    </row>
    <row r="5934" spans="2:42" x14ac:dyDescent="0.3">
      <c r="B5934">
        <v>58.968829886338092</v>
      </c>
      <c r="C5934" s="83">
        <v>43348.166666666664</v>
      </c>
      <c r="D5934">
        <v>237831.23929999999</v>
      </c>
      <c r="E5934">
        <v>13287.02475</v>
      </c>
      <c r="F5934">
        <v>60002.292750000001</v>
      </c>
      <c r="G5934">
        <v>29275.570459999999</v>
      </c>
      <c r="H5934">
        <v>34205.745430000003</v>
      </c>
      <c r="I5934">
        <v>18493.57243</v>
      </c>
      <c r="J5934">
        <v>36247.309739999997</v>
      </c>
      <c r="K5934">
        <v>45431.122459999999</v>
      </c>
      <c r="L5934">
        <v>15747.90517</v>
      </c>
      <c r="M5934">
        <v>300650.5944</v>
      </c>
      <c r="N5934">
        <v>71418.335149999999</v>
      </c>
      <c r="O5934">
        <v>15837.08236</v>
      </c>
      <c r="P5934">
        <v>24044.556840000001</v>
      </c>
      <c r="Q5934">
        <v>93070.447060000006</v>
      </c>
      <c r="R5934">
        <v>15502.89113</v>
      </c>
      <c r="S5934">
        <v>72133.867530000003</v>
      </c>
      <c r="T5934">
        <v>16735.972470000001</v>
      </c>
      <c r="U5934">
        <v>13267.09764</v>
      </c>
      <c r="W5934" s="83">
        <f>Bühler!N5966</f>
        <v>45539.16666665228</v>
      </c>
      <c r="X5934" s="83">
        <v>43348.166666666664</v>
      </c>
      <c r="Y5934">
        <v>237831.23929999999</v>
      </c>
      <c r="Z5934">
        <v>13287.02475</v>
      </c>
      <c r="AA5934">
        <v>60002.292750000001</v>
      </c>
      <c r="AB5934">
        <v>29275.570459999999</v>
      </c>
      <c r="AC5934">
        <v>34205.745430000003</v>
      </c>
      <c r="AD5934">
        <v>18493.57243</v>
      </c>
      <c r="AE5934">
        <v>36247.309739999997</v>
      </c>
      <c r="AF5934">
        <v>45431.122459999999</v>
      </c>
      <c r="AG5934">
        <v>15747.90517</v>
      </c>
      <c r="AH5934">
        <v>300650.5944</v>
      </c>
      <c r="AI5934">
        <v>71418.335149999999</v>
      </c>
      <c r="AJ5934">
        <v>15837.08236</v>
      </c>
      <c r="AK5934">
        <v>24044.556840000001</v>
      </c>
      <c r="AL5934">
        <v>93070.447060000006</v>
      </c>
      <c r="AM5934">
        <v>15502.89113</v>
      </c>
      <c r="AN5934">
        <v>72133.867530000003</v>
      </c>
      <c r="AO5934">
        <v>16735.972470000001</v>
      </c>
      <c r="AP5934">
        <v>13267.09764</v>
      </c>
    </row>
    <row r="5935" spans="2:42" x14ac:dyDescent="0.3">
      <c r="B5935">
        <v>61.498305817928404</v>
      </c>
      <c r="C5935" s="83">
        <v>43348.208333333336</v>
      </c>
      <c r="D5935">
        <v>251694.427</v>
      </c>
      <c r="E5935">
        <v>14992.23026</v>
      </c>
      <c r="F5935">
        <v>68084.962809999997</v>
      </c>
      <c r="G5935">
        <v>30882.026379999999</v>
      </c>
      <c r="H5935">
        <v>36051.525119999998</v>
      </c>
      <c r="I5935">
        <v>24966.998179999999</v>
      </c>
      <c r="J5935">
        <v>39220.048710000003</v>
      </c>
      <c r="K5935">
        <v>46241.134530000003</v>
      </c>
      <c r="L5935">
        <v>16936.114679999999</v>
      </c>
      <c r="M5935">
        <v>313547.04229999997</v>
      </c>
      <c r="N5935">
        <v>73670.837929999994</v>
      </c>
      <c r="O5935">
        <v>16426.901450000001</v>
      </c>
      <c r="P5935">
        <v>25659.17814</v>
      </c>
      <c r="Q5935">
        <v>95637.760890000005</v>
      </c>
      <c r="R5935">
        <v>16860.205470000001</v>
      </c>
      <c r="S5935">
        <v>74254.436809999999</v>
      </c>
      <c r="T5935">
        <v>17792.620790000001</v>
      </c>
      <c r="U5935">
        <v>14974.77752</v>
      </c>
      <c r="W5935" s="83">
        <f>Bühler!N5967</f>
        <v>45539.208333318944</v>
      </c>
      <c r="X5935" s="83">
        <v>43348.208333333336</v>
      </c>
      <c r="Y5935">
        <v>251694.427</v>
      </c>
      <c r="Z5935">
        <v>14992.23026</v>
      </c>
      <c r="AA5935">
        <v>68084.962809999997</v>
      </c>
      <c r="AB5935">
        <v>30882.026379999999</v>
      </c>
      <c r="AC5935">
        <v>36051.525119999998</v>
      </c>
      <c r="AD5935">
        <v>24966.998179999999</v>
      </c>
      <c r="AE5935">
        <v>39220.048710000003</v>
      </c>
      <c r="AF5935">
        <v>46241.134530000003</v>
      </c>
      <c r="AG5935">
        <v>16936.114679999999</v>
      </c>
      <c r="AH5935">
        <v>313547.04229999997</v>
      </c>
      <c r="AI5935">
        <v>73670.837929999994</v>
      </c>
      <c r="AJ5935">
        <v>16426.901450000001</v>
      </c>
      <c r="AK5935">
        <v>25659.17814</v>
      </c>
      <c r="AL5935">
        <v>95637.760890000005</v>
      </c>
      <c r="AM5935">
        <v>16860.205470000001</v>
      </c>
      <c r="AN5935">
        <v>74254.436809999999</v>
      </c>
      <c r="AO5935">
        <v>17792.620790000001</v>
      </c>
      <c r="AP5935">
        <v>14974.77752</v>
      </c>
    </row>
    <row r="5936" spans="2:42" x14ac:dyDescent="0.3">
      <c r="B5936">
        <v>64.46401838438625</v>
      </c>
      <c r="C5936" s="83">
        <v>43348.25</v>
      </c>
      <c r="D5936">
        <v>266597.09029999998</v>
      </c>
      <c r="E5936">
        <v>19007.001680000001</v>
      </c>
      <c r="F5936">
        <v>79058.13579</v>
      </c>
      <c r="G5936">
        <v>38567.904000000002</v>
      </c>
      <c r="H5936">
        <v>38541.74901</v>
      </c>
      <c r="I5936">
        <v>32420.472089999999</v>
      </c>
      <c r="J5936">
        <v>43251.341390000001</v>
      </c>
      <c r="K5936">
        <v>47598.361779999999</v>
      </c>
      <c r="L5936">
        <v>18459.5422</v>
      </c>
      <c r="M5936">
        <v>328667.62800000003</v>
      </c>
      <c r="N5936">
        <v>76208.340479999999</v>
      </c>
      <c r="O5936">
        <v>18452.703529999999</v>
      </c>
      <c r="P5936">
        <v>26453.873739999999</v>
      </c>
      <c r="Q5936">
        <v>97128.747499999998</v>
      </c>
      <c r="R5936">
        <v>18357.62212</v>
      </c>
      <c r="S5936">
        <v>81929.413459999996</v>
      </c>
      <c r="T5936">
        <v>19959.136839999999</v>
      </c>
      <c r="U5936">
        <v>17561.907709999999</v>
      </c>
      <c r="W5936" s="83">
        <f>Bühler!N5968</f>
        <v>45539.249999985608</v>
      </c>
      <c r="X5936" s="83">
        <v>43348.25</v>
      </c>
      <c r="Y5936">
        <v>266597.09029999998</v>
      </c>
      <c r="Z5936">
        <v>19007.001680000001</v>
      </c>
      <c r="AA5936">
        <v>79058.13579</v>
      </c>
      <c r="AB5936">
        <v>38567.904000000002</v>
      </c>
      <c r="AC5936">
        <v>38541.74901</v>
      </c>
      <c r="AD5936">
        <v>32420.472089999999</v>
      </c>
      <c r="AE5936">
        <v>43251.341390000001</v>
      </c>
      <c r="AF5936">
        <v>47598.361779999999</v>
      </c>
      <c r="AG5936">
        <v>18459.5422</v>
      </c>
      <c r="AH5936">
        <v>328667.62800000003</v>
      </c>
      <c r="AI5936">
        <v>76208.340479999999</v>
      </c>
      <c r="AJ5936">
        <v>18452.703529999999</v>
      </c>
      <c r="AK5936">
        <v>26453.873739999999</v>
      </c>
      <c r="AL5936">
        <v>97128.747499999998</v>
      </c>
      <c r="AM5936">
        <v>18357.62212</v>
      </c>
      <c r="AN5936">
        <v>81929.413459999996</v>
      </c>
      <c r="AO5936">
        <v>19959.136839999999</v>
      </c>
      <c r="AP5936">
        <v>17561.907709999999</v>
      </c>
    </row>
    <row r="5937" spans="2:42" x14ac:dyDescent="0.3">
      <c r="B5937">
        <v>65.81379567787728</v>
      </c>
      <c r="C5937" s="83">
        <v>43348.291666666664</v>
      </c>
      <c r="D5937">
        <v>278926.7795</v>
      </c>
      <c r="E5937">
        <v>23006.24769</v>
      </c>
      <c r="F5937">
        <v>81358.290540000002</v>
      </c>
      <c r="G5937">
        <v>47141.311750000001</v>
      </c>
      <c r="H5937">
        <v>42536.81439</v>
      </c>
      <c r="I5937">
        <v>39245.748420000004</v>
      </c>
      <c r="J5937">
        <v>43825.803529999997</v>
      </c>
      <c r="K5937">
        <v>52413.161310000003</v>
      </c>
      <c r="L5937">
        <v>20236.741539999999</v>
      </c>
      <c r="M5937">
        <v>335549.42210000003</v>
      </c>
      <c r="N5937">
        <v>81667.775219999996</v>
      </c>
      <c r="O5937">
        <v>21556.985049999999</v>
      </c>
      <c r="P5937">
        <v>29756.83052</v>
      </c>
      <c r="Q5937">
        <v>96640.820890000003</v>
      </c>
      <c r="R5937">
        <v>19513.217670000002</v>
      </c>
      <c r="S5937">
        <v>95100.986510000002</v>
      </c>
      <c r="T5937">
        <v>23910.158800000001</v>
      </c>
      <c r="U5937">
        <v>21516.13291</v>
      </c>
      <c r="W5937" s="83">
        <f>Bühler!N5969</f>
        <v>45539.291666652272</v>
      </c>
      <c r="X5937" s="83">
        <v>43348.291666666664</v>
      </c>
      <c r="Y5937">
        <v>278926.7795</v>
      </c>
      <c r="Z5937">
        <v>23006.24769</v>
      </c>
      <c r="AA5937">
        <v>81358.290540000002</v>
      </c>
      <c r="AB5937">
        <v>47141.311750000001</v>
      </c>
      <c r="AC5937">
        <v>42536.81439</v>
      </c>
      <c r="AD5937">
        <v>39245.748420000004</v>
      </c>
      <c r="AE5937">
        <v>43825.803529999997</v>
      </c>
      <c r="AF5937">
        <v>52413.161310000003</v>
      </c>
      <c r="AG5937">
        <v>20236.741539999999</v>
      </c>
      <c r="AH5937">
        <v>335549.42210000003</v>
      </c>
      <c r="AI5937">
        <v>81667.775219999996</v>
      </c>
      <c r="AJ5937">
        <v>21556.985049999999</v>
      </c>
      <c r="AK5937">
        <v>29756.83052</v>
      </c>
      <c r="AL5937">
        <v>96640.820890000003</v>
      </c>
      <c r="AM5937">
        <v>19513.217670000002</v>
      </c>
      <c r="AN5937">
        <v>95100.986510000002</v>
      </c>
      <c r="AO5937">
        <v>23910.158800000001</v>
      </c>
      <c r="AP5937">
        <v>21516.13291</v>
      </c>
    </row>
    <row r="5938" spans="2:42" x14ac:dyDescent="0.3">
      <c r="B5938">
        <v>67.109762711262775</v>
      </c>
      <c r="C5938" s="83">
        <v>43348.333333333336</v>
      </c>
      <c r="D5938">
        <v>290029.90889999998</v>
      </c>
      <c r="E5938">
        <v>28705.333579999999</v>
      </c>
      <c r="F5938">
        <v>87681.006779999996</v>
      </c>
      <c r="G5938">
        <v>55828.740440000001</v>
      </c>
      <c r="H5938">
        <v>46686.09259</v>
      </c>
      <c r="I5938">
        <v>41908.559280000001</v>
      </c>
      <c r="J5938">
        <v>45715.108469999999</v>
      </c>
      <c r="K5938">
        <v>57867.740319999997</v>
      </c>
      <c r="L5938">
        <v>23630.150750000001</v>
      </c>
      <c r="M5938">
        <v>342156.8664</v>
      </c>
      <c r="N5938">
        <v>89679.004270000005</v>
      </c>
      <c r="O5938">
        <v>22962.929619999999</v>
      </c>
      <c r="P5938">
        <v>32549.88436</v>
      </c>
      <c r="Q5938">
        <v>97304.327409999998</v>
      </c>
      <c r="R5938">
        <v>21778.580750000001</v>
      </c>
      <c r="S5938">
        <v>106184.1531</v>
      </c>
      <c r="T5938">
        <v>26961.276300000001</v>
      </c>
      <c r="U5938">
        <v>24411.571520000001</v>
      </c>
      <c r="W5938" s="83">
        <f>Bühler!N5970</f>
        <v>45539.333333318937</v>
      </c>
      <c r="X5938" s="83">
        <v>43348.333333333336</v>
      </c>
      <c r="Y5938">
        <v>290029.90889999998</v>
      </c>
      <c r="Z5938">
        <v>28705.333579999999</v>
      </c>
      <c r="AA5938">
        <v>87681.006779999996</v>
      </c>
      <c r="AB5938">
        <v>55828.740440000001</v>
      </c>
      <c r="AC5938">
        <v>46686.09259</v>
      </c>
      <c r="AD5938">
        <v>41908.559280000001</v>
      </c>
      <c r="AE5938">
        <v>45715.108469999999</v>
      </c>
      <c r="AF5938">
        <v>57867.740319999997</v>
      </c>
      <c r="AG5938">
        <v>23630.150750000001</v>
      </c>
      <c r="AH5938">
        <v>342156.8664</v>
      </c>
      <c r="AI5938">
        <v>89679.004270000005</v>
      </c>
      <c r="AJ5938">
        <v>22962.929619999999</v>
      </c>
      <c r="AK5938">
        <v>32549.88436</v>
      </c>
      <c r="AL5938">
        <v>97304.327409999998</v>
      </c>
      <c r="AM5938">
        <v>21778.580750000001</v>
      </c>
      <c r="AN5938">
        <v>106184.1531</v>
      </c>
      <c r="AO5938">
        <v>26961.276300000001</v>
      </c>
      <c r="AP5938">
        <v>24411.571520000001</v>
      </c>
    </row>
    <row r="5939" spans="2:42" x14ac:dyDescent="0.3">
      <c r="B5939">
        <v>67.649657361022136</v>
      </c>
      <c r="C5939" s="83">
        <v>43348.375</v>
      </c>
      <c r="D5939">
        <v>290509.30869999999</v>
      </c>
      <c r="E5939">
        <v>33215.57013</v>
      </c>
      <c r="F5939">
        <v>94047.612399999998</v>
      </c>
      <c r="G5939">
        <v>61524.657850000003</v>
      </c>
      <c r="H5939">
        <v>49091.677759999999</v>
      </c>
      <c r="I5939">
        <v>40685.854610000002</v>
      </c>
      <c r="J5939">
        <v>44825.610139999997</v>
      </c>
      <c r="K5939">
        <v>60208.99811</v>
      </c>
      <c r="L5939">
        <v>26336.954300000001</v>
      </c>
      <c r="M5939">
        <v>344909.50109999999</v>
      </c>
      <c r="N5939">
        <v>92098.377349999995</v>
      </c>
      <c r="O5939">
        <v>24894.043470000001</v>
      </c>
      <c r="P5939">
        <v>34959.13063</v>
      </c>
      <c r="Q5939">
        <v>99063.228350000005</v>
      </c>
      <c r="R5939">
        <v>22923.28054</v>
      </c>
      <c r="S5939">
        <v>112065.8438</v>
      </c>
      <c r="T5939">
        <v>29744.097699999998</v>
      </c>
      <c r="U5939">
        <v>24904.684389999999</v>
      </c>
      <c r="W5939" s="83">
        <f>Bühler!N5971</f>
        <v>45539.374999985601</v>
      </c>
      <c r="X5939" s="83">
        <v>43348.375</v>
      </c>
      <c r="Y5939">
        <v>290509.30869999999</v>
      </c>
      <c r="Z5939">
        <v>33215.57013</v>
      </c>
      <c r="AA5939">
        <v>94047.612399999998</v>
      </c>
      <c r="AB5939">
        <v>61524.657850000003</v>
      </c>
      <c r="AC5939">
        <v>49091.677759999999</v>
      </c>
      <c r="AD5939">
        <v>40685.854610000002</v>
      </c>
      <c r="AE5939">
        <v>44825.610139999997</v>
      </c>
      <c r="AF5939">
        <v>60208.99811</v>
      </c>
      <c r="AG5939">
        <v>26336.954300000001</v>
      </c>
      <c r="AH5939">
        <v>344909.50109999999</v>
      </c>
      <c r="AI5939">
        <v>92098.377349999995</v>
      </c>
      <c r="AJ5939">
        <v>24894.043470000001</v>
      </c>
      <c r="AK5939">
        <v>34959.13063</v>
      </c>
      <c r="AL5939">
        <v>99063.228350000005</v>
      </c>
      <c r="AM5939">
        <v>22923.28054</v>
      </c>
      <c r="AN5939">
        <v>112065.8438</v>
      </c>
      <c r="AO5939">
        <v>29744.097699999998</v>
      </c>
      <c r="AP5939">
        <v>24904.684389999999</v>
      </c>
    </row>
    <row r="5940" spans="2:42" x14ac:dyDescent="0.3">
      <c r="B5940">
        <v>67.735399380421697</v>
      </c>
      <c r="C5940" s="83">
        <v>43348.416666666664</v>
      </c>
      <c r="D5940">
        <v>293905.00180000003</v>
      </c>
      <c r="E5940">
        <v>35474.526160000001</v>
      </c>
      <c r="F5940">
        <v>97177.490160000001</v>
      </c>
      <c r="G5940">
        <v>64012.83034</v>
      </c>
      <c r="H5940">
        <v>50362.713710000004</v>
      </c>
      <c r="I5940">
        <v>38797.337209999998</v>
      </c>
      <c r="J5940">
        <v>44633.093220000002</v>
      </c>
      <c r="K5940">
        <v>61806.80816</v>
      </c>
      <c r="L5940">
        <v>29652.620559999999</v>
      </c>
      <c r="M5940">
        <v>345346.65389999998</v>
      </c>
      <c r="N5940">
        <v>94429.734880000004</v>
      </c>
      <c r="O5940">
        <v>24815.331129999999</v>
      </c>
      <c r="P5940">
        <v>36120.025079999999</v>
      </c>
      <c r="Q5940">
        <v>100429.8262</v>
      </c>
      <c r="R5940">
        <v>23730.88003</v>
      </c>
      <c r="S5940">
        <v>114523.7383</v>
      </c>
      <c r="T5940">
        <v>31435.41058</v>
      </c>
      <c r="U5940">
        <v>24302.303909999999</v>
      </c>
      <c r="W5940" s="83">
        <f>Bühler!N5972</f>
        <v>45539.416666652265</v>
      </c>
      <c r="X5940" s="83">
        <v>43348.416666666664</v>
      </c>
      <c r="Y5940">
        <v>293905.00180000003</v>
      </c>
      <c r="Z5940">
        <v>35474.526160000001</v>
      </c>
      <c r="AA5940">
        <v>97177.490160000001</v>
      </c>
      <c r="AB5940">
        <v>64012.83034</v>
      </c>
      <c r="AC5940">
        <v>50362.713710000004</v>
      </c>
      <c r="AD5940">
        <v>38797.337209999998</v>
      </c>
      <c r="AE5940">
        <v>44633.093220000002</v>
      </c>
      <c r="AF5940">
        <v>61806.80816</v>
      </c>
      <c r="AG5940">
        <v>29652.620559999999</v>
      </c>
      <c r="AH5940">
        <v>345346.65389999998</v>
      </c>
      <c r="AI5940">
        <v>94429.734880000004</v>
      </c>
      <c r="AJ5940">
        <v>24815.331129999999</v>
      </c>
      <c r="AK5940">
        <v>36120.025079999999</v>
      </c>
      <c r="AL5940">
        <v>100429.8262</v>
      </c>
      <c r="AM5940">
        <v>23730.88003</v>
      </c>
      <c r="AN5940">
        <v>114523.7383</v>
      </c>
      <c r="AO5940">
        <v>31435.41058</v>
      </c>
      <c r="AP5940">
        <v>24302.303909999999</v>
      </c>
    </row>
    <row r="5941" spans="2:42" x14ac:dyDescent="0.3">
      <c r="B5941">
        <v>69.795483255756508</v>
      </c>
      <c r="C5941" s="83">
        <v>43348.458333333336</v>
      </c>
      <c r="D5941">
        <v>294240.93729999999</v>
      </c>
      <c r="E5941">
        <v>35400.361700000001</v>
      </c>
      <c r="F5941">
        <v>97924.002670000002</v>
      </c>
      <c r="G5941">
        <v>62252.292719999998</v>
      </c>
      <c r="H5941">
        <v>50487.011079999997</v>
      </c>
      <c r="I5941">
        <v>38707.700839999998</v>
      </c>
      <c r="J5941">
        <v>47266.604789999998</v>
      </c>
      <c r="K5941">
        <v>63508.550640000001</v>
      </c>
      <c r="L5941">
        <v>31483.000820000001</v>
      </c>
      <c r="M5941">
        <v>355849.92219999997</v>
      </c>
      <c r="N5941">
        <v>96543.550870000006</v>
      </c>
      <c r="O5941">
        <v>25094.276870000002</v>
      </c>
      <c r="P5941">
        <v>35685.516430000003</v>
      </c>
      <c r="Q5941">
        <v>101886.55680000001</v>
      </c>
      <c r="R5941">
        <v>24834.93433</v>
      </c>
      <c r="S5941">
        <v>116688.3116</v>
      </c>
      <c r="T5941">
        <v>31773.51701</v>
      </c>
      <c r="U5941">
        <v>24327.554359999998</v>
      </c>
      <c r="W5941" s="83">
        <f>Bühler!N5973</f>
        <v>45539.458333318929</v>
      </c>
      <c r="X5941" s="83">
        <v>43348.458333333336</v>
      </c>
      <c r="Y5941">
        <v>294240.93729999999</v>
      </c>
      <c r="Z5941">
        <v>35400.361700000001</v>
      </c>
      <c r="AA5941">
        <v>97924.002670000002</v>
      </c>
      <c r="AB5941">
        <v>62252.292719999998</v>
      </c>
      <c r="AC5941">
        <v>50487.011079999997</v>
      </c>
      <c r="AD5941">
        <v>38707.700839999998</v>
      </c>
      <c r="AE5941">
        <v>47266.604789999998</v>
      </c>
      <c r="AF5941">
        <v>63508.550640000001</v>
      </c>
      <c r="AG5941">
        <v>31483.000820000001</v>
      </c>
      <c r="AH5941">
        <v>355849.92219999997</v>
      </c>
      <c r="AI5941">
        <v>96543.550870000006</v>
      </c>
      <c r="AJ5941">
        <v>25094.276870000002</v>
      </c>
      <c r="AK5941">
        <v>35685.516430000003</v>
      </c>
      <c r="AL5941">
        <v>101886.55680000001</v>
      </c>
      <c r="AM5941">
        <v>24834.93433</v>
      </c>
      <c r="AN5941">
        <v>116688.3116</v>
      </c>
      <c r="AO5941">
        <v>31773.51701</v>
      </c>
      <c r="AP5941">
        <v>24327.554359999998</v>
      </c>
    </row>
    <row r="5942" spans="2:42" x14ac:dyDescent="0.3">
      <c r="B5942">
        <v>68.344159131262685</v>
      </c>
      <c r="C5942" s="83">
        <v>43348.5</v>
      </c>
      <c r="D5942">
        <v>283762.58639999997</v>
      </c>
      <c r="E5942">
        <v>32295.018810000001</v>
      </c>
      <c r="F5942">
        <v>93599.785529999994</v>
      </c>
      <c r="G5942">
        <v>58105.450080000002</v>
      </c>
      <c r="H5942">
        <v>48716.352859999999</v>
      </c>
      <c r="I5942">
        <v>37920.74048</v>
      </c>
      <c r="J5942">
        <v>47780.77261</v>
      </c>
      <c r="K5942">
        <v>59971.029860000002</v>
      </c>
      <c r="L5942">
        <v>33570.034110000001</v>
      </c>
      <c r="M5942">
        <v>348450.39500000002</v>
      </c>
      <c r="N5942">
        <v>93310.411179999996</v>
      </c>
      <c r="O5942">
        <v>24311.484970000001</v>
      </c>
      <c r="P5942">
        <v>37217.548920000001</v>
      </c>
      <c r="Q5942">
        <v>101653.7395</v>
      </c>
      <c r="R5942">
        <v>25476.411899999999</v>
      </c>
      <c r="S5942">
        <v>111361.9149</v>
      </c>
      <c r="T5942">
        <v>31326.47795</v>
      </c>
      <c r="U5942">
        <v>19997.314999999999</v>
      </c>
      <c r="W5942" s="83">
        <f>Bühler!N5974</f>
        <v>45539.499999985594</v>
      </c>
      <c r="X5942" s="83">
        <v>43348.5</v>
      </c>
      <c r="Y5942">
        <v>283762.58639999997</v>
      </c>
      <c r="Z5942">
        <v>32295.018810000001</v>
      </c>
      <c r="AA5942">
        <v>93599.785529999994</v>
      </c>
      <c r="AB5942">
        <v>58105.450080000002</v>
      </c>
      <c r="AC5942">
        <v>48716.352859999999</v>
      </c>
      <c r="AD5942">
        <v>37920.74048</v>
      </c>
      <c r="AE5942">
        <v>47780.77261</v>
      </c>
      <c r="AF5942">
        <v>59971.029860000002</v>
      </c>
      <c r="AG5942">
        <v>33570.034110000001</v>
      </c>
      <c r="AH5942">
        <v>348450.39500000002</v>
      </c>
      <c r="AI5942">
        <v>93310.411179999996</v>
      </c>
      <c r="AJ5942">
        <v>24311.484970000001</v>
      </c>
      <c r="AK5942">
        <v>37217.548920000001</v>
      </c>
      <c r="AL5942">
        <v>101653.7395</v>
      </c>
      <c r="AM5942">
        <v>25476.411899999999</v>
      </c>
      <c r="AN5942">
        <v>111361.9149</v>
      </c>
      <c r="AO5942">
        <v>31326.47795</v>
      </c>
      <c r="AP5942">
        <v>19997.314999999999</v>
      </c>
    </row>
    <row r="5943" spans="2:42" x14ac:dyDescent="0.3">
      <c r="B5943">
        <v>67.213246026560611</v>
      </c>
      <c r="C5943" s="83">
        <v>43348.541666666664</v>
      </c>
      <c r="D5943">
        <v>287123.22820000001</v>
      </c>
      <c r="E5943">
        <v>33120.805310000003</v>
      </c>
      <c r="F5943">
        <v>90881.336649999997</v>
      </c>
      <c r="G5943">
        <v>54883.299910000002</v>
      </c>
      <c r="H5943">
        <v>49350.940159999998</v>
      </c>
      <c r="I5943">
        <v>37815.227480000001</v>
      </c>
      <c r="J5943">
        <v>46685.737889999997</v>
      </c>
      <c r="K5943">
        <v>62388.035470000003</v>
      </c>
      <c r="L5943">
        <v>32587.955730000001</v>
      </c>
      <c r="M5943">
        <v>342684.47259999998</v>
      </c>
      <c r="N5943">
        <v>93090.576239999995</v>
      </c>
      <c r="O5943">
        <v>24799.109339999999</v>
      </c>
      <c r="P5943">
        <v>36307.98371</v>
      </c>
      <c r="Q5943">
        <v>101058.11320000001</v>
      </c>
      <c r="R5943">
        <v>25670.755010000001</v>
      </c>
      <c r="S5943">
        <v>110904.20080000001</v>
      </c>
      <c r="T5943">
        <v>31575.384959999999</v>
      </c>
      <c r="U5943">
        <v>22691.449329999999</v>
      </c>
      <c r="W5943" s="83">
        <f>Bühler!N5975</f>
        <v>45539.541666652258</v>
      </c>
      <c r="X5943" s="83">
        <v>43348.541666666664</v>
      </c>
      <c r="Y5943">
        <v>287123.22820000001</v>
      </c>
      <c r="Z5943">
        <v>33120.805310000003</v>
      </c>
      <c r="AA5943">
        <v>90881.336649999997</v>
      </c>
      <c r="AB5943">
        <v>54883.299910000002</v>
      </c>
      <c r="AC5943">
        <v>49350.940159999998</v>
      </c>
      <c r="AD5943">
        <v>37815.227480000001</v>
      </c>
      <c r="AE5943">
        <v>46685.737889999997</v>
      </c>
      <c r="AF5943">
        <v>62388.035470000003</v>
      </c>
      <c r="AG5943">
        <v>32587.955730000001</v>
      </c>
      <c r="AH5943">
        <v>342684.47259999998</v>
      </c>
      <c r="AI5943">
        <v>93090.576239999995</v>
      </c>
      <c r="AJ5943">
        <v>24799.109339999999</v>
      </c>
      <c r="AK5943">
        <v>36307.98371</v>
      </c>
      <c r="AL5943">
        <v>101058.11320000001</v>
      </c>
      <c r="AM5943">
        <v>25670.755010000001</v>
      </c>
      <c r="AN5943">
        <v>110904.20080000001</v>
      </c>
      <c r="AO5943">
        <v>31575.384959999999</v>
      </c>
      <c r="AP5943">
        <v>22691.449329999999</v>
      </c>
    </row>
    <row r="5944" spans="2:42" x14ac:dyDescent="0.3">
      <c r="B5944">
        <v>66.466296602052054</v>
      </c>
      <c r="C5944" s="83">
        <v>43348.583333333336</v>
      </c>
      <c r="D5944">
        <v>291440.54450000002</v>
      </c>
      <c r="E5944">
        <v>36368.033869999999</v>
      </c>
      <c r="F5944">
        <v>98411.308999999994</v>
      </c>
      <c r="G5944">
        <v>53379.23259</v>
      </c>
      <c r="H5944">
        <v>50015.265339999998</v>
      </c>
      <c r="I5944">
        <v>39186.661769999999</v>
      </c>
      <c r="J5944">
        <v>46830.258779999996</v>
      </c>
      <c r="K5944">
        <v>65502.39834</v>
      </c>
      <c r="L5944">
        <v>29547.48516</v>
      </c>
      <c r="M5944">
        <v>338876.17609999998</v>
      </c>
      <c r="N5944">
        <v>97592.737250000006</v>
      </c>
      <c r="O5944">
        <v>24569.30529</v>
      </c>
      <c r="P5944">
        <v>32642.843260000001</v>
      </c>
      <c r="Q5944">
        <v>100500.2095</v>
      </c>
      <c r="R5944">
        <v>25038.45435</v>
      </c>
      <c r="S5944">
        <v>107645.7071</v>
      </c>
      <c r="T5944">
        <v>29991.917369999999</v>
      </c>
      <c r="U5944">
        <v>23903.260460000001</v>
      </c>
      <c r="W5944" s="83">
        <f>Bühler!N5976</f>
        <v>45539.583333318922</v>
      </c>
      <c r="X5944" s="83">
        <v>43348.583333333336</v>
      </c>
      <c r="Y5944">
        <v>291440.54450000002</v>
      </c>
      <c r="Z5944">
        <v>36368.033869999999</v>
      </c>
      <c r="AA5944">
        <v>98411.308999999994</v>
      </c>
      <c r="AB5944">
        <v>53379.23259</v>
      </c>
      <c r="AC5944">
        <v>50015.265339999998</v>
      </c>
      <c r="AD5944">
        <v>39186.661769999999</v>
      </c>
      <c r="AE5944">
        <v>46830.258779999996</v>
      </c>
      <c r="AF5944">
        <v>65502.39834</v>
      </c>
      <c r="AG5944">
        <v>29547.48516</v>
      </c>
      <c r="AH5944">
        <v>338876.17609999998</v>
      </c>
      <c r="AI5944">
        <v>97592.737250000006</v>
      </c>
      <c r="AJ5944">
        <v>24569.30529</v>
      </c>
      <c r="AK5944">
        <v>32642.843260000001</v>
      </c>
      <c r="AL5944">
        <v>100500.2095</v>
      </c>
      <c r="AM5944">
        <v>25038.45435</v>
      </c>
      <c r="AN5944">
        <v>107645.7071</v>
      </c>
      <c r="AO5944">
        <v>29991.917369999999</v>
      </c>
      <c r="AP5944">
        <v>23903.260460000001</v>
      </c>
    </row>
    <row r="5945" spans="2:42" x14ac:dyDescent="0.3">
      <c r="B5945">
        <v>67.10427325656741</v>
      </c>
      <c r="C5945" s="83">
        <v>43348.625</v>
      </c>
      <c r="D5945">
        <v>289652.29629999999</v>
      </c>
      <c r="E5945">
        <v>36336.427779999998</v>
      </c>
      <c r="F5945">
        <v>101044.34390000001</v>
      </c>
      <c r="G5945">
        <v>51581.348610000001</v>
      </c>
      <c r="H5945">
        <v>48986.260199999997</v>
      </c>
      <c r="I5945">
        <v>39605.194929999998</v>
      </c>
      <c r="J5945">
        <v>46659.271229999998</v>
      </c>
      <c r="K5945">
        <v>63165.338940000001</v>
      </c>
      <c r="L5945">
        <v>27176.472949999999</v>
      </c>
      <c r="M5945">
        <v>342128.8786</v>
      </c>
      <c r="N5945">
        <v>96734.787890000007</v>
      </c>
      <c r="O5945">
        <v>23334.97824</v>
      </c>
      <c r="P5945">
        <v>29950.71529</v>
      </c>
      <c r="Q5945">
        <v>99585.983840000001</v>
      </c>
      <c r="R5945">
        <v>24848.3959</v>
      </c>
      <c r="S5945">
        <v>106719.67170000001</v>
      </c>
      <c r="T5945">
        <v>29962.211429999999</v>
      </c>
      <c r="U5945">
        <v>23174.337800000001</v>
      </c>
      <c r="W5945" s="83">
        <f>Bühler!N5977</f>
        <v>45539.624999985586</v>
      </c>
      <c r="X5945" s="83">
        <v>43348.625</v>
      </c>
      <c r="Y5945">
        <v>289652.29629999999</v>
      </c>
      <c r="Z5945">
        <v>36336.427779999998</v>
      </c>
      <c r="AA5945">
        <v>101044.34390000001</v>
      </c>
      <c r="AB5945">
        <v>51581.348610000001</v>
      </c>
      <c r="AC5945">
        <v>48986.260199999997</v>
      </c>
      <c r="AD5945">
        <v>39605.194929999998</v>
      </c>
      <c r="AE5945">
        <v>46659.271229999998</v>
      </c>
      <c r="AF5945">
        <v>63165.338940000001</v>
      </c>
      <c r="AG5945">
        <v>27176.472949999999</v>
      </c>
      <c r="AH5945">
        <v>342128.8786</v>
      </c>
      <c r="AI5945">
        <v>96734.787890000007</v>
      </c>
      <c r="AJ5945">
        <v>23334.97824</v>
      </c>
      <c r="AK5945">
        <v>29950.71529</v>
      </c>
      <c r="AL5945">
        <v>99585.983840000001</v>
      </c>
      <c r="AM5945">
        <v>24848.3959</v>
      </c>
      <c r="AN5945">
        <v>106719.67170000001</v>
      </c>
      <c r="AO5945">
        <v>29962.211429999999</v>
      </c>
      <c r="AP5945">
        <v>23174.337800000001</v>
      </c>
    </row>
    <row r="5946" spans="2:42" x14ac:dyDescent="0.3">
      <c r="B5946">
        <v>66.771697833631578</v>
      </c>
      <c r="C5946" s="83">
        <v>43348.666666666664</v>
      </c>
      <c r="D5946">
        <v>282219.50079999998</v>
      </c>
      <c r="E5946">
        <v>35495.844709999998</v>
      </c>
      <c r="F5946">
        <v>99811.935119999995</v>
      </c>
      <c r="G5946">
        <v>49306.20796</v>
      </c>
      <c r="H5946">
        <v>47551.779869999998</v>
      </c>
      <c r="I5946">
        <v>40525.070059999998</v>
      </c>
      <c r="J5946">
        <v>45952.42727</v>
      </c>
      <c r="K5946">
        <v>59475.300410000003</v>
      </c>
      <c r="L5946">
        <v>26121.705849999998</v>
      </c>
      <c r="M5946">
        <v>340433.25400000002</v>
      </c>
      <c r="N5946">
        <v>94018.627250000005</v>
      </c>
      <c r="O5946">
        <v>22994.093049999999</v>
      </c>
      <c r="P5946">
        <v>29513.24869</v>
      </c>
      <c r="Q5946">
        <v>98314.29191</v>
      </c>
      <c r="R5946">
        <v>24994.55501</v>
      </c>
      <c r="S5946">
        <v>103627.40270000001</v>
      </c>
      <c r="T5946">
        <v>29160.630679999998</v>
      </c>
      <c r="U5946">
        <v>20780.87256</v>
      </c>
      <c r="W5946" s="83">
        <f>Bühler!N5978</f>
        <v>45539.666666652251</v>
      </c>
      <c r="X5946" s="83">
        <v>43348.666666666664</v>
      </c>
      <c r="Y5946">
        <v>282219.50079999998</v>
      </c>
      <c r="Z5946">
        <v>35495.844709999998</v>
      </c>
      <c r="AA5946">
        <v>99811.935119999995</v>
      </c>
      <c r="AB5946">
        <v>49306.20796</v>
      </c>
      <c r="AC5946">
        <v>47551.779869999998</v>
      </c>
      <c r="AD5946">
        <v>40525.070059999998</v>
      </c>
      <c r="AE5946">
        <v>45952.42727</v>
      </c>
      <c r="AF5946">
        <v>59475.300410000003</v>
      </c>
      <c r="AG5946">
        <v>26121.705849999998</v>
      </c>
      <c r="AH5946">
        <v>340433.25400000002</v>
      </c>
      <c r="AI5946">
        <v>94018.627250000005</v>
      </c>
      <c r="AJ5946">
        <v>22994.093049999999</v>
      </c>
      <c r="AK5946">
        <v>29513.24869</v>
      </c>
      <c r="AL5946">
        <v>98314.29191</v>
      </c>
      <c r="AM5946">
        <v>24994.55501</v>
      </c>
      <c r="AN5946">
        <v>103627.40270000001</v>
      </c>
      <c r="AO5946">
        <v>29160.630679999998</v>
      </c>
      <c r="AP5946">
        <v>20780.87256</v>
      </c>
    </row>
    <row r="5947" spans="2:42" x14ac:dyDescent="0.3">
      <c r="B5947">
        <v>65.643742991079037</v>
      </c>
      <c r="C5947" s="83">
        <v>43348.708333333336</v>
      </c>
      <c r="D5947">
        <v>273236.76289999997</v>
      </c>
      <c r="E5947">
        <v>33295.741320000001</v>
      </c>
      <c r="F5947">
        <v>98626.486099999995</v>
      </c>
      <c r="G5947">
        <v>45702.88134</v>
      </c>
      <c r="H5947">
        <v>45194.47163</v>
      </c>
      <c r="I5947">
        <v>40089.836349999998</v>
      </c>
      <c r="J5947">
        <v>46245.333059999997</v>
      </c>
      <c r="K5947">
        <v>55014.103089999997</v>
      </c>
      <c r="L5947">
        <v>26608.66287</v>
      </c>
      <c r="M5947">
        <v>334682.4142</v>
      </c>
      <c r="N5947">
        <v>90431.524690000006</v>
      </c>
      <c r="O5947">
        <v>22198.47279</v>
      </c>
      <c r="P5947">
        <v>31092.47349</v>
      </c>
      <c r="Q5947">
        <v>96956.154030000005</v>
      </c>
      <c r="R5947">
        <v>24675.719799999999</v>
      </c>
      <c r="S5947">
        <v>100470.9031</v>
      </c>
      <c r="T5947">
        <v>28528.744409999999</v>
      </c>
      <c r="U5947">
        <v>18482.345229999999</v>
      </c>
      <c r="W5947" s="83">
        <f>Bühler!N5979</f>
        <v>45539.708333318915</v>
      </c>
      <c r="X5947" s="83">
        <v>43348.708333333336</v>
      </c>
      <c r="Y5947">
        <v>273236.76289999997</v>
      </c>
      <c r="Z5947">
        <v>33295.741320000001</v>
      </c>
      <c r="AA5947">
        <v>98626.486099999995</v>
      </c>
      <c r="AB5947">
        <v>45702.88134</v>
      </c>
      <c r="AC5947">
        <v>45194.47163</v>
      </c>
      <c r="AD5947">
        <v>40089.836349999998</v>
      </c>
      <c r="AE5947">
        <v>46245.333059999997</v>
      </c>
      <c r="AF5947">
        <v>55014.103089999997</v>
      </c>
      <c r="AG5947">
        <v>26608.66287</v>
      </c>
      <c r="AH5947">
        <v>334682.4142</v>
      </c>
      <c r="AI5947">
        <v>90431.524690000006</v>
      </c>
      <c r="AJ5947">
        <v>22198.47279</v>
      </c>
      <c r="AK5947">
        <v>31092.47349</v>
      </c>
      <c r="AL5947">
        <v>96956.154030000005</v>
      </c>
      <c r="AM5947">
        <v>24675.719799999999</v>
      </c>
      <c r="AN5947">
        <v>100470.9031</v>
      </c>
      <c r="AO5947">
        <v>28528.744409999999</v>
      </c>
      <c r="AP5947">
        <v>18482.345229999999</v>
      </c>
    </row>
    <row r="5948" spans="2:42" x14ac:dyDescent="0.3">
      <c r="B5948">
        <v>64.962470924729033</v>
      </c>
      <c r="C5948" s="83">
        <v>43348.75</v>
      </c>
      <c r="D5948">
        <v>264566.25670000003</v>
      </c>
      <c r="E5948">
        <v>30028.174220000001</v>
      </c>
      <c r="F5948">
        <v>96173.539499999999</v>
      </c>
      <c r="G5948">
        <v>41276.60802</v>
      </c>
      <c r="H5948">
        <v>42801.161939999998</v>
      </c>
      <c r="I5948">
        <v>38402.205450000001</v>
      </c>
      <c r="J5948">
        <v>46032.065949999997</v>
      </c>
      <c r="K5948">
        <v>52437.542150000001</v>
      </c>
      <c r="L5948">
        <v>27070.65595</v>
      </c>
      <c r="M5948">
        <v>331208.97149999999</v>
      </c>
      <c r="N5948">
        <v>87771.352870000002</v>
      </c>
      <c r="O5948">
        <v>20211.739969999999</v>
      </c>
      <c r="P5948">
        <v>34534.4614</v>
      </c>
      <c r="Q5948">
        <v>94935.708830000003</v>
      </c>
      <c r="R5948">
        <v>23450.983749999999</v>
      </c>
      <c r="S5948">
        <v>93607.237210000007</v>
      </c>
      <c r="T5948">
        <v>27901.26095</v>
      </c>
      <c r="U5948">
        <v>16966.074270000001</v>
      </c>
      <c r="W5948" s="83">
        <f>Bühler!N5980</f>
        <v>45539.749999985579</v>
      </c>
      <c r="X5948" s="83">
        <v>43348.75</v>
      </c>
      <c r="Y5948">
        <v>264566.25670000003</v>
      </c>
      <c r="Z5948">
        <v>30028.174220000001</v>
      </c>
      <c r="AA5948">
        <v>96173.539499999999</v>
      </c>
      <c r="AB5948">
        <v>41276.60802</v>
      </c>
      <c r="AC5948">
        <v>42801.161939999998</v>
      </c>
      <c r="AD5948">
        <v>38402.205450000001</v>
      </c>
      <c r="AE5948">
        <v>46032.065949999997</v>
      </c>
      <c r="AF5948">
        <v>52437.542150000001</v>
      </c>
      <c r="AG5948">
        <v>27070.65595</v>
      </c>
      <c r="AH5948">
        <v>331208.97149999999</v>
      </c>
      <c r="AI5948">
        <v>87771.352870000002</v>
      </c>
      <c r="AJ5948">
        <v>20211.739969999999</v>
      </c>
      <c r="AK5948">
        <v>34534.4614</v>
      </c>
      <c r="AL5948">
        <v>94935.708830000003</v>
      </c>
      <c r="AM5948">
        <v>23450.983749999999</v>
      </c>
      <c r="AN5948">
        <v>93607.237210000007</v>
      </c>
      <c r="AO5948">
        <v>27901.26095</v>
      </c>
      <c r="AP5948">
        <v>16966.074270000001</v>
      </c>
    </row>
    <row r="5949" spans="2:42" x14ac:dyDescent="0.3">
      <c r="B5949">
        <v>64.008539139404249</v>
      </c>
      <c r="C5949" s="83">
        <v>43348.791666666664</v>
      </c>
      <c r="D5949">
        <v>259661.15960000001</v>
      </c>
      <c r="E5949">
        <v>24171.25302</v>
      </c>
      <c r="F5949">
        <v>88451.665999999997</v>
      </c>
      <c r="G5949">
        <v>39157.97481</v>
      </c>
      <c r="H5949">
        <v>40943.536200000002</v>
      </c>
      <c r="I5949">
        <v>35743.853539999996</v>
      </c>
      <c r="J5949">
        <v>44898.001380000002</v>
      </c>
      <c r="K5949">
        <v>51913.684450000001</v>
      </c>
      <c r="L5949">
        <v>27912.661380000001</v>
      </c>
      <c r="M5949">
        <v>326345.3824</v>
      </c>
      <c r="N5949">
        <v>84826.577560000005</v>
      </c>
      <c r="O5949">
        <v>19391.114819999999</v>
      </c>
      <c r="P5949">
        <v>37044.853479999998</v>
      </c>
      <c r="Q5949">
        <v>92448.084719999999</v>
      </c>
      <c r="R5949">
        <v>22402.553209999998</v>
      </c>
      <c r="S5949">
        <v>89598.50013</v>
      </c>
      <c r="T5949">
        <v>27809.064999999999</v>
      </c>
      <c r="U5949">
        <v>16124.599910000001</v>
      </c>
      <c r="W5949" s="83">
        <f>Bühler!N5981</f>
        <v>45539.791666652243</v>
      </c>
      <c r="X5949" s="83">
        <v>43348.791666666664</v>
      </c>
      <c r="Y5949">
        <v>259661.15960000001</v>
      </c>
      <c r="Z5949">
        <v>24171.25302</v>
      </c>
      <c r="AA5949">
        <v>88451.665999999997</v>
      </c>
      <c r="AB5949">
        <v>39157.97481</v>
      </c>
      <c r="AC5949">
        <v>40943.536200000002</v>
      </c>
      <c r="AD5949">
        <v>35743.853539999996</v>
      </c>
      <c r="AE5949">
        <v>44898.001380000002</v>
      </c>
      <c r="AF5949">
        <v>51913.684450000001</v>
      </c>
      <c r="AG5949">
        <v>27912.661380000001</v>
      </c>
      <c r="AH5949">
        <v>326345.3824</v>
      </c>
      <c r="AI5949">
        <v>84826.577560000005</v>
      </c>
      <c r="AJ5949">
        <v>19391.114819999999</v>
      </c>
      <c r="AK5949">
        <v>37044.853479999998</v>
      </c>
      <c r="AL5949">
        <v>92448.084719999999</v>
      </c>
      <c r="AM5949">
        <v>22402.553209999998</v>
      </c>
      <c r="AN5949">
        <v>89598.50013</v>
      </c>
      <c r="AO5949">
        <v>27809.064999999999</v>
      </c>
      <c r="AP5949">
        <v>16124.599910000001</v>
      </c>
    </row>
    <row r="5950" spans="2:42" x14ac:dyDescent="0.3">
      <c r="B5950">
        <v>62.039915100954651</v>
      </c>
      <c r="C5950" s="83">
        <v>43348.833333333336</v>
      </c>
      <c r="D5950">
        <v>249611.63920000001</v>
      </c>
      <c r="E5950">
        <v>17970.34028</v>
      </c>
      <c r="F5950">
        <v>74682.724159999998</v>
      </c>
      <c r="G5950">
        <v>35844.517760000002</v>
      </c>
      <c r="H5950">
        <v>39129.83281</v>
      </c>
      <c r="I5950">
        <v>32443.953000000001</v>
      </c>
      <c r="J5950">
        <v>45165.22769</v>
      </c>
      <c r="K5950">
        <v>52565.514260000004</v>
      </c>
      <c r="L5950">
        <v>28102.333429999999</v>
      </c>
      <c r="M5950">
        <v>316308.41899999999</v>
      </c>
      <c r="N5950">
        <v>81299.347729999994</v>
      </c>
      <c r="O5950">
        <v>18088.98978</v>
      </c>
      <c r="P5950">
        <v>37040.494209999997</v>
      </c>
      <c r="Q5950">
        <v>89268.967550000001</v>
      </c>
      <c r="R5950">
        <v>20906.255840000002</v>
      </c>
      <c r="S5950">
        <v>82713.797720000002</v>
      </c>
      <c r="T5950">
        <v>26645.748339999998</v>
      </c>
      <c r="U5950">
        <v>15703.67152</v>
      </c>
      <c r="W5950" s="83">
        <f>Bühler!N5982</f>
        <v>45539.833333318908</v>
      </c>
      <c r="X5950" s="83">
        <v>43348.833333333336</v>
      </c>
      <c r="Y5950">
        <v>249611.63920000001</v>
      </c>
      <c r="Z5950">
        <v>17970.34028</v>
      </c>
      <c r="AA5950">
        <v>74682.724159999998</v>
      </c>
      <c r="AB5950">
        <v>35844.517760000002</v>
      </c>
      <c r="AC5950">
        <v>39129.83281</v>
      </c>
      <c r="AD5950">
        <v>32443.953000000001</v>
      </c>
      <c r="AE5950">
        <v>45165.22769</v>
      </c>
      <c r="AF5950">
        <v>52565.514260000004</v>
      </c>
      <c r="AG5950">
        <v>28102.333429999999</v>
      </c>
      <c r="AH5950">
        <v>316308.41899999999</v>
      </c>
      <c r="AI5950">
        <v>81299.347729999994</v>
      </c>
      <c r="AJ5950">
        <v>18088.98978</v>
      </c>
      <c r="AK5950">
        <v>37040.494209999997</v>
      </c>
      <c r="AL5950">
        <v>89268.967550000001</v>
      </c>
      <c r="AM5950">
        <v>20906.255840000002</v>
      </c>
      <c r="AN5950">
        <v>82713.797720000002</v>
      </c>
      <c r="AO5950">
        <v>26645.748339999998</v>
      </c>
      <c r="AP5950">
        <v>15703.67152</v>
      </c>
    </row>
    <row r="5951" spans="2:42" x14ac:dyDescent="0.3">
      <c r="B5951">
        <v>59.774105105321922</v>
      </c>
      <c r="C5951" s="83">
        <v>43348.875</v>
      </c>
      <c r="D5951">
        <v>242248.24530000001</v>
      </c>
      <c r="E5951">
        <v>15453.669819999999</v>
      </c>
      <c r="F5951">
        <v>63127.311840000002</v>
      </c>
      <c r="G5951">
        <v>34758.477780000001</v>
      </c>
      <c r="H5951">
        <v>37409.681380000002</v>
      </c>
      <c r="I5951">
        <v>28447.92381</v>
      </c>
      <c r="J5951">
        <v>44676.694969999997</v>
      </c>
      <c r="K5951">
        <v>51141.061520000003</v>
      </c>
      <c r="L5951">
        <v>26835.96485</v>
      </c>
      <c r="M5951">
        <v>304756.26299999998</v>
      </c>
      <c r="N5951">
        <v>79807.259969999999</v>
      </c>
      <c r="O5951">
        <v>17566.48834</v>
      </c>
      <c r="P5951">
        <v>34878.905919999997</v>
      </c>
      <c r="Q5951">
        <v>87043.580350000004</v>
      </c>
      <c r="R5951">
        <v>20220.73373</v>
      </c>
      <c r="S5951">
        <v>79441.882259999998</v>
      </c>
      <c r="T5951">
        <v>24561.32977</v>
      </c>
      <c r="U5951">
        <v>14721.696610000001</v>
      </c>
      <c r="W5951" s="83">
        <f>Bühler!N5983</f>
        <v>45539.874999985572</v>
      </c>
      <c r="X5951" s="83">
        <v>43348.875</v>
      </c>
      <c r="Y5951">
        <v>242248.24530000001</v>
      </c>
      <c r="Z5951">
        <v>15453.669819999999</v>
      </c>
      <c r="AA5951">
        <v>63127.311840000002</v>
      </c>
      <c r="AB5951">
        <v>34758.477780000001</v>
      </c>
      <c r="AC5951">
        <v>37409.681380000002</v>
      </c>
      <c r="AD5951">
        <v>28447.92381</v>
      </c>
      <c r="AE5951">
        <v>44676.694969999997</v>
      </c>
      <c r="AF5951">
        <v>51141.061520000003</v>
      </c>
      <c r="AG5951">
        <v>26835.96485</v>
      </c>
      <c r="AH5951">
        <v>304756.26299999998</v>
      </c>
      <c r="AI5951">
        <v>79807.259969999999</v>
      </c>
      <c r="AJ5951">
        <v>17566.48834</v>
      </c>
      <c r="AK5951">
        <v>34878.905919999997</v>
      </c>
      <c r="AL5951">
        <v>87043.580350000004</v>
      </c>
      <c r="AM5951">
        <v>20220.73373</v>
      </c>
      <c r="AN5951">
        <v>79441.882259999998</v>
      </c>
      <c r="AO5951">
        <v>24561.32977</v>
      </c>
      <c r="AP5951">
        <v>14721.696610000001</v>
      </c>
    </row>
    <row r="5952" spans="2:42" x14ac:dyDescent="0.3">
      <c r="B5952">
        <v>59.019831046796916</v>
      </c>
      <c r="C5952" s="83">
        <v>43348.916666666664</v>
      </c>
      <c r="D5952">
        <v>240497.17189999999</v>
      </c>
      <c r="E5952">
        <v>14614.59225</v>
      </c>
      <c r="F5952">
        <v>59555.623809999997</v>
      </c>
      <c r="G5952">
        <v>33381.168420000002</v>
      </c>
      <c r="H5952">
        <v>36655.349909999997</v>
      </c>
      <c r="I5952">
        <v>26199.11678</v>
      </c>
      <c r="J5952">
        <v>42553.328880000001</v>
      </c>
      <c r="K5952">
        <v>53117.715020000003</v>
      </c>
      <c r="L5952">
        <v>23866.14633</v>
      </c>
      <c r="M5952">
        <v>300910.62209999998</v>
      </c>
      <c r="N5952">
        <v>77838.463799999998</v>
      </c>
      <c r="O5952">
        <v>17247.802370000001</v>
      </c>
      <c r="P5952">
        <v>36022.51973</v>
      </c>
      <c r="Q5952">
        <v>86331.847810000007</v>
      </c>
      <c r="R5952">
        <v>20768.056100000002</v>
      </c>
      <c r="S5952">
        <v>77631.676250000004</v>
      </c>
      <c r="T5952">
        <v>21460.724180000001</v>
      </c>
      <c r="U5952">
        <v>14477.87293</v>
      </c>
      <c r="W5952" s="83">
        <f>Bühler!N5984</f>
        <v>45539.916666652236</v>
      </c>
      <c r="X5952" s="83">
        <v>43348.916666666664</v>
      </c>
      <c r="Y5952">
        <v>240497.17189999999</v>
      </c>
      <c r="Z5952">
        <v>14614.59225</v>
      </c>
      <c r="AA5952">
        <v>59555.623809999997</v>
      </c>
      <c r="AB5952">
        <v>33381.168420000002</v>
      </c>
      <c r="AC5952">
        <v>36655.349909999997</v>
      </c>
      <c r="AD5952">
        <v>26199.11678</v>
      </c>
      <c r="AE5952">
        <v>42553.328880000001</v>
      </c>
      <c r="AF5952">
        <v>53117.715020000003</v>
      </c>
      <c r="AG5952">
        <v>23866.14633</v>
      </c>
      <c r="AH5952">
        <v>300910.62209999998</v>
      </c>
      <c r="AI5952">
        <v>77838.463799999998</v>
      </c>
      <c r="AJ5952">
        <v>17247.802370000001</v>
      </c>
      <c r="AK5952">
        <v>36022.51973</v>
      </c>
      <c r="AL5952">
        <v>86331.847810000007</v>
      </c>
      <c r="AM5952">
        <v>20768.056100000002</v>
      </c>
      <c r="AN5952">
        <v>77631.676250000004</v>
      </c>
      <c r="AO5952">
        <v>21460.724180000001</v>
      </c>
      <c r="AP5952">
        <v>14477.87293</v>
      </c>
    </row>
    <row r="5953" spans="2:42" x14ac:dyDescent="0.3">
      <c r="B5953">
        <v>58.948279530020592</v>
      </c>
      <c r="C5953" s="83">
        <v>43348.958333333336</v>
      </c>
      <c r="D5953">
        <v>239181.81169999999</v>
      </c>
      <c r="E5953">
        <v>13991.91273</v>
      </c>
      <c r="F5953">
        <v>58318.810189999997</v>
      </c>
      <c r="G5953">
        <v>32695.990979999999</v>
      </c>
      <c r="H5953">
        <v>35703.525759999997</v>
      </c>
      <c r="I5953">
        <v>24984.027320000001</v>
      </c>
      <c r="J5953">
        <v>38941.812059999997</v>
      </c>
      <c r="K5953">
        <v>52793.33741</v>
      </c>
      <c r="L5953">
        <v>20657.10439</v>
      </c>
      <c r="M5953">
        <v>300545.81910000002</v>
      </c>
      <c r="N5953">
        <v>75812.9709</v>
      </c>
      <c r="O5953">
        <v>16643.817719999999</v>
      </c>
      <c r="P5953">
        <v>31555.460589999999</v>
      </c>
      <c r="Q5953">
        <v>85292.580740000005</v>
      </c>
      <c r="R5953">
        <v>20038.005349999999</v>
      </c>
      <c r="S5953">
        <v>75723.133759999997</v>
      </c>
      <c r="T5953">
        <v>19256.985690000001</v>
      </c>
      <c r="U5953">
        <v>14214.73142</v>
      </c>
      <c r="W5953" s="83">
        <f>Bühler!N5985</f>
        <v>45539.9583333189</v>
      </c>
      <c r="X5953" s="83">
        <v>43348.958333333336</v>
      </c>
      <c r="Y5953">
        <v>239181.81169999999</v>
      </c>
      <c r="Z5953">
        <v>13991.91273</v>
      </c>
      <c r="AA5953">
        <v>58318.810189999997</v>
      </c>
      <c r="AB5953">
        <v>32695.990979999999</v>
      </c>
      <c r="AC5953">
        <v>35703.525759999997</v>
      </c>
      <c r="AD5953">
        <v>24984.027320000001</v>
      </c>
      <c r="AE5953">
        <v>38941.812059999997</v>
      </c>
      <c r="AF5953">
        <v>52793.33741</v>
      </c>
      <c r="AG5953">
        <v>20657.10439</v>
      </c>
      <c r="AH5953">
        <v>300545.81910000002</v>
      </c>
      <c r="AI5953">
        <v>75812.9709</v>
      </c>
      <c r="AJ5953">
        <v>16643.817719999999</v>
      </c>
      <c r="AK5953">
        <v>31555.460589999999</v>
      </c>
      <c r="AL5953">
        <v>85292.580740000005</v>
      </c>
      <c r="AM5953">
        <v>20038.005349999999</v>
      </c>
      <c r="AN5953">
        <v>75723.133759999997</v>
      </c>
      <c r="AO5953">
        <v>19256.985690000001</v>
      </c>
      <c r="AP5953">
        <v>14214.73142</v>
      </c>
    </row>
    <row r="5954" spans="2:42" x14ac:dyDescent="0.3">
      <c r="B5954">
        <v>58.200783450927482</v>
      </c>
      <c r="C5954" s="83">
        <v>43349</v>
      </c>
      <c r="D5954">
        <v>237789.35569999999</v>
      </c>
      <c r="E5954">
        <v>13387.337649999999</v>
      </c>
      <c r="F5954">
        <v>56656.735260000001</v>
      </c>
      <c r="G5954">
        <v>32088.14518</v>
      </c>
      <c r="H5954">
        <v>34810.437910000001</v>
      </c>
      <c r="I5954">
        <v>23345.10571</v>
      </c>
      <c r="J5954">
        <v>35412.513189999998</v>
      </c>
      <c r="K5954">
        <v>50541.137179999998</v>
      </c>
      <c r="L5954">
        <v>18049.90984</v>
      </c>
      <c r="M5954">
        <v>296734.73550000001</v>
      </c>
      <c r="N5954">
        <v>75113.232019999996</v>
      </c>
      <c r="O5954">
        <v>16953.825850000001</v>
      </c>
      <c r="P5954">
        <v>28962.224679999999</v>
      </c>
      <c r="Q5954">
        <v>85281.794479999997</v>
      </c>
      <c r="R5954">
        <v>17294.11089</v>
      </c>
      <c r="S5954">
        <v>74084.828089999995</v>
      </c>
      <c r="T5954">
        <v>18060.116620000001</v>
      </c>
      <c r="U5954">
        <v>13934.848239999999</v>
      </c>
      <c r="W5954" s="83">
        <f>Bühler!N5986</f>
        <v>45539.999999985565</v>
      </c>
      <c r="X5954" s="83">
        <v>43349</v>
      </c>
      <c r="Y5954">
        <v>237789.35569999999</v>
      </c>
      <c r="Z5954">
        <v>13387.337649999999</v>
      </c>
      <c r="AA5954">
        <v>56656.735260000001</v>
      </c>
      <c r="AB5954">
        <v>32088.14518</v>
      </c>
      <c r="AC5954">
        <v>34810.437910000001</v>
      </c>
      <c r="AD5954">
        <v>23345.10571</v>
      </c>
      <c r="AE5954">
        <v>35412.513189999998</v>
      </c>
      <c r="AF5954">
        <v>50541.137179999998</v>
      </c>
      <c r="AG5954">
        <v>18049.90984</v>
      </c>
      <c r="AH5954">
        <v>296734.73550000001</v>
      </c>
      <c r="AI5954">
        <v>75113.232019999996</v>
      </c>
      <c r="AJ5954">
        <v>16953.825850000001</v>
      </c>
      <c r="AK5954">
        <v>28962.224679999999</v>
      </c>
      <c r="AL5954">
        <v>85281.794479999997</v>
      </c>
      <c r="AM5954">
        <v>17294.11089</v>
      </c>
      <c r="AN5954">
        <v>74084.828089999995</v>
      </c>
      <c r="AO5954">
        <v>18060.116620000001</v>
      </c>
      <c r="AP5954">
        <v>13934.848239999999</v>
      </c>
    </row>
    <row r="5955" spans="2:42" x14ac:dyDescent="0.3">
      <c r="B5955">
        <v>57.529415049054869</v>
      </c>
      <c r="C5955" s="83">
        <v>43349.041666666664</v>
      </c>
      <c r="D5955">
        <v>235784.42180000001</v>
      </c>
      <c r="E5955">
        <v>13112.251899999999</v>
      </c>
      <c r="F5955">
        <v>55788.803390000001</v>
      </c>
      <c r="G5955">
        <v>31349.201860000001</v>
      </c>
      <c r="H5955">
        <v>34450.475339999997</v>
      </c>
      <c r="I5955">
        <v>19470.419590000001</v>
      </c>
      <c r="J5955">
        <v>33675.515070000001</v>
      </c>
      <c r="K5955">
        <v>48620.969989999998</v>
      </c>
      <c r="L5955">
        <v>17020.14416</v>
      </c>
      <c r="M5955">
        <v>293311.78629999998</v>
      </c>
      <c r="N5955">
        <v>72994.711590000006</v>
      </c>
      <c r="O5955">
        <v>16433.992869999998</v>
      </c>
      <c r="P5955">
        <v>26567.062740000001</v>
      </c>
      <c r="Q5955">
        <v>85767.380900000004</v>
      </c>
      <c r="R5955">
        <v>15721.49202</v>
      </c>
      <c r="S5955">
        <v>72824.279209999993</v>
      </c>
      <c r="T5955">
        <v>17480.04823</v>
      </c>
      <c r="U5955">
        <v>13436.709849999999</v>
      </c>
      <c r="W5955" s="83">
        <f>Bühler!N5987</f>
        <v>45540.041666652229</v>
      </c>
      <c r="X5955" s="83">
        <v>43349.041666666664</v>
      </c>
      <c r="Y5955">
        <v>235784.42180000001</v>
      </c>
      <c r="Z5955">
        <v>13112.251899999999</v>
      </c>
      <c r="AA5955">
        <v>55788.803390000001</v>
      </c>
      <c r="AB5955">
        <v>31349.201860000001</v>
      </c>
      <c r="AC5955">
        <v>34450.475339999997</v>
      </c>
      <c r="AD5955">
        <v>19470.419590000001</v>
      </c>
      <c r="AE5955">
        <v>33675.515070000001</v>
      </c>
      <c r="AF5955">
        <v>48620.969989999998</v>
      </c>
      <c r="AG5955">
        <v>17020.14416</v>
      </c>
      <c r="AH5955">
        <v>293311.78629999998</v>
      </c>
      <c r="AI5955">
        <v>72994.711590000006</v>
      </c>
      <c r="AJ5955">
        <v>16433.992869999998</v>
      </c>
      <c r="AK5955">
        <v>26567.062740000001</v>
      </c>
      <c r="AL5955">
        <v>85767.380900000004</v>
      </c>
      <c r="AM5955">
        <v>15721.49202</v>
      </c>
      <c r="AN5955">
        <v>72824.279209999993</v>
      </c>
      <c r="AO5955">
        <v>17480.04823</v>
      </c>
      <c r="AP5955">
        <v>13436.709849999999</v>
      </c>
    </row>
    <row r="5956" spans="2:42" x14ac:dyDescent="0.3">
      <c r="B5956">
        <v>57.518809232251677</v>
      </c>
      <c r="C5956" s="83">
        <v>43349.083333333336</v>
      </c>
      <c r="D5956">
        <v>234381.43549999999</v>
      </c>
      <c r="E5956">
        <v>12963.32713</v>
      </c>
      <c r="F5956">
        <v>56535.419849999998</v>
      </c>
      <c r="G5956">
        <v>30909.634529999999</v>
      </c>
      <c r="H5956">
        <v>33793.306660000002</v>
      </c>
      <c r="I5956">
        <v>18133.282200000001</v>
      </c>
      <c r="J5956">
        <v>33305.522400000002</v>
      </c>
      <c r="K5956">
        <v>47135.981099999997</v>
      </c>
      <c r="L5956">
        <v>16809.628789999999</v>
      </c>
      <c r="M5956">
        <v>293257.71289999998</v>
      </c>
      <c r="N5956">
        <v>71499.921100000007</v>
      </c>
      <c r="O5956">
        <v>16576.201349999999</v>
      </c>
      <c r="P5956">
        <v>24699.190589999998</v>
      </c>
      <c r="Q5956">
        <v>86849.417260000002</v>
      </c>
      <c r="R5956">
        <v>15575.332420000001</v>
      </c>
      <c r="S5956">
        <v>71912.505290000001</v>
      </c>
      <c r="T5956">
        <v>17123.981540000001</v>
      </c>
      <c r="U5956">
        <v>13128.115229999999</v>
      </c>
      <c r="W5956" s="83">
        <f>Bühler!N5988</f>
        <v>45540.083333318893</v>
      </c>
      <c r="X5956" s="83">
        <v>43349.083333333336</v>
      </c>
      <c r="Y5956">
        <v>234381.43549999999</v>
      </c>
      <c r="Z5956">
        <v>12963.32713</v>
      </c>
      <c r="AA5956">
        <v>56535.419849999998</v>
      </c>
      <c r="AB5956">
        <v>30909.634529999999</v>
      </c>
      <c r="AC5956">
        <v>33793.306660000002</v>
      </c>
      <c r="AD5956">
        <v>18133.282200000001</v>
      </c>
      <c r="AE5956">
        <v>33305.522400000002</v>
      </c>
      <c r="AF5956">
        <v>47135.981099999997</v>
      </c>
      <c r="AG5956">
        <v>16809.628789999999</v>
      </c>
      <c r="AH5956">
        <v>293257.71289999998</v>
      </c>
      <c r="AI5956">
        <v>71499.921100000007</v>
      </c>
      <c r="AJ5956">
        <v>16576.201349999999</v>
      </c>
      <c r="AK5956">
        <v>24699.190589999998</v>
      </c>
      <c r="AL5956">
        <v>86849.417260000002</v>
      </c>
      <c r="AM5956">
        <v>15575.332420000001</v>
      </c>
      <c r="AN5956">
        <v>71912.505290000001</v>
      </c>
      <c r="AO5956">
        <v>17123.981540000001</v>
      </c>
      <c r="AP5956">
        <v>13128.115229999999</v>
      </c>
    </row>
    <row r="5957" spans="2:42" x14ac:dyDescent="0.3">
      <c r="B5957">
        <v>58.157173787729285</v>
      </c>
      <c r="C5957" s="83">
        <v>43349.125</v>
      </c>
      <c r="D5957">
        <v>236345.3792</v>
      </c>
      <c r="E5957">
        <v>12840.3315</v>
      </c>
      <c r="F5957">
        <v>57812.456400000003</v>
      </c>
      <c r="G5957">
        <v>30322.032309999999</v>
      </c>
      <c r="H5957">
        <v>33994.103459999998</v>
      </c>
      <c r="I5957">
        <v>17839.035830000001</v>
      </c>
      <c r="J5957">
        <v>33510.745490000001</v>
      </c>
      <c r="K5957">
        <v>45569.120170000002</v>
      </c>
      <c r="L5957">
        <v>16359.999250000001</v>
      </c>
      <c r="M5957">
        <v>296512.39309999999</v>
      </c>
      <c r="N5957">
        <v>70423.933860000005</v>
      </c>
      <c r="O5957">
        <v>16013.431979999999</v>
      </c>
      <c r="P5957">
        <v>24163.100160000002</v>
      </c>
      <c r="Q5957">
        <v>90041.098190000004</v>
      </c>
      <c r="R5957">
        <v>15313.437610000001</v>
      </c>
      <c r="S5957">
        <v>71270.767110000001</v>
      </c>
      <c r="T5957">
        <v>16860.895919999999</v>
      </c>
      <c r="U5957">
        <v>13142.61975</v>
      </c>
      <c r="W5957" s="83">
        <f>Bühler!N5989</f>
        <v>45540.124999985557</v>
      </c>
      <c r="X5957" s="83">
        <v>43349.125</v>
      </c>
      <c r="Y5957">
        <v>236345.3792</v>
      </c>
      <c r="Z5957">
        <v>12840.3315</v>
      </c>
      <c r="AA5957">
        <v>57812.456400000003</v>
      </c>
      <c r="AB5957">
        <v>30322.032309999999</v>
      </c>
      <c r="AC5957">
        <v>33994.103459999998</v>
      </c>
      <c r="AD5957">
        <v>17839.035830000001</v>
      </c>
      <c r="AE5957">
        <v>33510.745490000001</v>
      </c>
      <c r="AF5957">
        <v>45569.120170000002</v>
      </c>
      <c r="AG5957">
        <v>16359.999250000001</v>
      </c>
      <c r="AH5957">
        <v>296512.39309999999</v>
      </c>
      <c r="AI5957">
        <v>70423.933860000005</v>
      </c>
      <c r="AJ5957">
        <v>16013.431979999999</v>
      </c>
      <c r="AK5957">
        <v>24163.100160000002</v>
      </c>
      <c r="AL5957">
        <v>90041.098190000004</v>
      </c>
      <c r="AM5957">
        <v>15313.437610000001</v>
      </c>
      <c r="AN5957">
        <v>71270.767110000001</v>
      </c>
      <c r="AO5957">
        <v>16860.895919999999</v>
      </c>
      <c r="AP5957">
        <v>13142.61975</v>
      </c>
    </row>
    <row r="5958" spans="2:42" x14ac:dyDescent="0.3">
      <c r="B5958">
        <v>59.119250649870253</v>
      </c>
      <c r="C5958" s="83">
        <v>43349.166666666664</v>
      </c>
      <c r="D5958">
        <v>238279.7132</v>
      </c>
      <c r="E5958">
        <v>13356.70275</v>
      </c>
      <c r="F5958">
        <v>61122.624680000001</v>
      </c>
      <c r="G5958">
        <v>29550.097699999998</v>
      </c>
      <c r="H5958">
        <v>34176.764219999997</v>
      </c>
      <c r="I5958">
        <v>19459.31652</v>
      </c>
      <c r="J5958">
        <v>35129.454339999997</v>
      </c>
      <c r="K5958">
        <v>44707.776189999997</v>
      </c>
      <c r="L5958">
        <v>16468.460299999999</v>
      </c>
      <c r="M5958">
        <v>301417.50959999999</v>
      </c>
      <c r="N5958">
        <v>70277.148119999998</v>
      </c>
      <c r="O5958">
        <v>16114.42649</v>
      </c>
      <c r="P5958">
        <v>23342.59259</v>
      </c>
      <c r="Q5958">
        <v>93673.729569999996</v>
      </c>
      <c r="R5958">
        <v>15059.39939</v>
      </c>
      <c r="S5958">
        <v>71496.238670000006</v>
      </c>
      <c r="T5958">
        <v>16735.193940000001</v>
      </c>
      <c r="U5958">
        <v>13321.631170000001</v>
      </c>
      <c r="W5958" s="83">
        <f>Bühler!N5990</f>
        <v>45540.166666652221</v>
      </c>
      <c r="X5958" s="83">
        <v>43349.166666666664</v>
      </c>
      <c r="Y5958">
        <v>238279.7132</v>
      </c>
      <c r="Z5958">
        <v>13356.70275</v>
      </c>
      <c r="AA5958">
        <v>61122.624680000001</v>
      </c>
      <c r="AB5958">
        <v>29550.097699999998</v>
      </c>
      <c r="AC5958">
        <v>34176.764219999997</v>
      </c>
      <c r="AD5958">
        <v>19459.31652</v>
      </c>
      <c r="AE5958">
        <v>35129.454339999997</v>
      </c>
      <c r="AF5958">
        <v>44707.776189999997</v>
      </c>
      <c r="AG5958">
        <v>16468.460299999999</v>
      </c>
      <c r="AH5958">
        <v>301417.50959999999</v>
      </c>
      <c r="AI5958">
        <v>70277.148119999998</v>
      </c>
      <c r="AJ5958">
        <v>16114.42649</v>
      </c>
      <c r="AK5958">
        <v>23342.59259</v>
      </c>
      <c r="AL5958">
        <v>93673.729569999996</v>
      </c>
      <c r="AM5958">
        <v>15059.39939</v>
      </c>
      <c r="AN5958">
        <v>71496.238670000006</v>
      </c>
      <c r="AO5958">
        <v>16735.193940000001</v>
      </c>
      <c r="AP5958">
        <v>13321.631170000001</v>
      </c>
    </row>
    <row r="5959" spans="2:42" x14ac:dyDescent="0.3">
      <c r="B5959">
        <v>61.982191212973255</v>
      </c>
      <c r="C5959" s="83">
        <v>43349.208333333336</v>
      </c>
      <c r="D5959">
        <v>252568.22500000001</v>
      </c>
      <c r="E5959">
        <v>15009.8163</v>
      </c>
      <c r="F5959">
        <v>69796.148700000005</v>
      </c>
      <c r="G5959">
        <v>30985.26756</v>
      </c>
      <c r="H5959">
        <v>35679.949220000002</v>
      </c>
      <c r="I5959">
        <v>26219.215039999999</v>
      </c>
      <c r="J5959">
        <v>38799.206559999999</v>
      </c>
      <c r="K5959">
        <v>44911.070469999999</v>
      </c>
      <c r="L5959">
        <v>17521.935949999999</v>
      </c>
      <c r="M5959">
        <v>316014.11570000002</v>
      </c>
      <c r="N5959">
        <v>71789.568310000002</v>
      </c>
      <c r="O5959">
        <v>17235.16994</v>
      </c>
      <c r="P5959">
        <v>25203.989610000001</v>
      </c>
      <c r="Q5959">
        <v>96967.642070000002</v>
      </c>
      <c r="R5959">
        <v>16653.2935</v>
      </c>
      <c r="S5959">
        <v>73980.273969999995</v>
      </c>
      <c r="T5959">
        <v>17883.101340000001</v>
      </c>
      <c r="U5959">
        <v>15078.39042</v>
      </c>
      <c r="W5959" s="83">
        <f>Bühler!N5991</f>
        <v>45540.208333318886</v>
      </c>
      <c r="X5959" s="83">
        <v>43349.208333333336</v>
      </c>
      <c r="Y5959">
        <v>252568.22500000001</v>
      </c>
      <c r="Z5959">
        <v>15009.8163</v>
      </c>
      <c r="AA5959">
        <v>69796.148700000005</v>
      </c>
      <c r="AB5959">
        <v>30985.26756</v>
      </c>
      <c r="AC5959">
        <v>35679.949220000002</v>
      </c>
      <c r="AD5959">
        <v>26219.215039999999</v>
      </c>
      <c r="AE5959">
        <v>38799.206559999999</v>
      </c>
      <c r="AF5959">
        <v>44911.070469999999</v>
      </c>
      <c r="AG5959">
        <v>17521.935949999999</v>
      </c>
      <c r="AH5959">
        <v>316014.11570000002</v>
      </c>
      <c r="AI5959">
        <v>71789.568310000002</v>
      </c>
      <c r="AJ5959">
        <v>17235.16994</v>
      </c>
      <c r="AK5959">
        <v>25203.989610000001</v>
      </c>
      <c r="AL5959">
        <v>96967.642070000002</v>
      </c>
      <c r="AM5959">
        <v>16653.2935</v>
      </c>
      <c r="AN5959">
        <v>73980.273969999995</v>
      </c>
      <c r="AO5959">
        <v>17883.101340000001</v>
      </c>
      <c r="AP5959">
        <v>15078.39042</v>
      </c>
    </row>
    <row r="5960" spans="2:42" x14ac:dyDescent="0.3">
      <c r="B5960">
        <v>65.390143023308312</v>
      </c>
      <c r="C5960" s="83">
        <v>43349.25</v>
      </c>
      <c r="D5960">
        <v>269052.14840000001</v>
      </c>
      <c r="E5960">
        <v>19005.308199999999</v>
      </c>
      <c r="F5960">
        <v>80302.387239999996</v>
      </c>
      <c r="G5960">
        <v>40414.108229999998</v>
      </c>
      <c r="H5960">
        <v>38620.354950000001</v>
      </c>
      <c r="I5960">
        <v>33332.281069999997</v>
      </c>
      <c r="J5960">
        <v>43459.032619999998</v>
      </c>
      <c r="K5960">
        <v>47870.765119999996</v>
      </c>
      <c r="L5960">
        <v>18578.02635</v>
      </c>
      <c r="M5960">
        <v>333389.44329999998</v>
      </c>
      <c r="N5960">
        <v>75234.136750000005</v>
      </c>
      <c r="O5960">
        <v>18989.442279999999</v>
      </c>
      <c r="P5960">
        <v>25936.423719999999</v>
      </c>
      <c r="Q5960">
        <v>97784.23057</v>
      </c>
      <c r="R5960">
        <v>18185.644759999999</v>
      </c>
      <c r="S5960">
        <v>82889.717480000007</v>
      </c>
      <c r="T5960">
        <v>19861.63133</v>
      </c>
      <c r="U5960">
        <v>18287.9447</v>
      </c>
      <c r="W5960" s="83">
        <f>Bühler!N5992</f>
        <v>45540.24999998555</v>
      </c>
      <c r="X5960" s="83">
        <v>43349.25</v>
      </c>
      <c r="Y5960">
        <v>269052.14840000001</v>
      </c>
      <c r="Z5960">
        <v>19005.308199999999</v>
      </c>
      <c r="AA5960">
        <v>80302.387239999996</v>
      </c>
      <c r="AB5960">
        <v>40414.108229999998</v>
      </c>
      <c r="AC5960">
        <v>38620.354950000001</v>
      </c>
      <c r="AD5960">
        <v>33332.281069999997</v>
      </c>
      <c r="AE5960">
        <v>43459.032619999998</v>
      </c>
      <c r="AF5960">
        <v>47870.765119999996</v>
      </c>
      <c r="AG5960">
        <v>18578.02635</v>
      </c>
      <c r="AH5960">
        <v>333389.44329999998</v>
      </c>
      <c r="AI5960">
        <v>75234.136750000005</v>
      </c>
      <c r="AJ5960">
        <v>18989.442279999999</v>
      </c>
      <c r="AK5960">
        <v>25936.423719999999</v>
      </c>
      <c r="AL5960">
        <v>97784.23057</v>
      </c>
      <c r="AM5960">
        <v>18185.644759999999</v>
      </c>
      <c r="AN5960">
        <v>82889.717480000007</v>
      </c>
      <c r="AO5960">
        <v>19861.63133</v>
      </c>
      <c r="AP5960">
        <v>18287.9447</v>
      </c>
    </row>
    <row r="5961" spans="2:42" x14ac:dyDescent="0.3">
      <c r="B5961">
        <v>67.147931189183012</v>
      </c>
      <c r="C5961" s="83">
        <v>43349.291666666664</v>
      </c>
      <c r="D5961">
        <v>282686.3199</v>
      </c>
      <c r="E5961">
        <v>23370.627090000002</v>
      </c>
      <c r="F5961">
        <v>83058.914640000003</v>
      </c>
      <c r="G5961">
        <v>50311.306750000003</v>
      </c>
      <c r="H5961">
        <v>42956.669260000002</v>
      </c>
      <c r="I5961">
        <v>41150.196660000001</v>
      </c>
      <c r="J5961">
        <v>43738.244010000002</v>
      </c>
      <c r="K5961">
        <v>52864.00503</v>
      </c>
      <c r="L5961">
        <v>21418.509150000002</v>
      </c>
      <c r="M5961">
        <v>342351.46710000001</v>
      </c>
      <c r="N5961">
        <v>81289.694640000002</v>
      </c>
      <c r="O5961">
        <v>21185.988359999999</v>
      </c>
      <c r="P5961">
        <v>29580.299760000002</v>
      </c>
      <c r="Q5961">
        <v>97593.062279999998</v>
      </c>
      <c r="R5961">
        <v>19254.660879999999</v>
      </c>
      <c r="S5961">
        <v>95850.868239999996</v>
      </c>
      <c r="T5961">
        <v>23684.13464</v>
      </c>
      <c r="U5961">
        <v>22321.177199999998</v>
      </c>
      <c r="W5961" s="83">
        <f>Bühler!N5993</f>
        <v>45540.291666652214</v>
      </c>
      <c r="X5961" s="83">
        <v>43349.291666666664</v>
      </c>
      <c r="Y5961">
        <v>282686.3199</v>
      </c>
      <c r="Z5961">
        <v>23370.627090000002</v>
      </c>
      <c r="AA5961">
        <v>83058.914640000003</v>
      </c>
      <c r="AB5961">
        <v>50311.306750000003</v>
      </c>
      <c r="AC5961">
        <v>42956.669260000002</v>
      </c>
      <c r="AD5961">
        <v>41150.196660000001</v>
      </c>
      <c r="AE5961">
        <v>43738.244010000002</v>
      </c>
      <c r="AF5961">
        <v>52864.00503</v>
      </c>
      <c r="AG5961">
        <v>21418.509150000002</v>
      </c>
      <c r="AH5961">
        <v>342351.46710000001</v>
      </c>
      <c r="AI5961">
        <v>81289.694640000002</v>
      </c>
      <c r="AJ5961">
        <v>21185.988359999999</v>
      </c>
      <c r="AK5961">
        <v>29580.299760000002</v>
      </c>
      <c r="AL5961">
        <v>97593.062279999998</v>
      </c>
      <c r="AM5961">
        <v>19254.660879999999</v>
      </c>
      <c r="AN5961">
        <v>95850.868239999996</v>
      </c>
      <c r="AO5961">
        <v>23684.13464</v>
      </c>
      <c r="AP5961">
        <v>22321.177199999998</v>
      </c>
    </row>
    <row r="5962" spans="2:42" x14ac:dyDescent="0.3">
      <c r="B5962">
        <v>68.357286098376164</v>
      </c>
      <c r="C5962" s="83">
        <v>43349.333333333336</v>
      </c>
      <c r="D5962">
        <v>290861.29719999997</v>
      </c>
      <c r="E5962">
        <v>29033.827420000001</v>
      </c>
      <c r="F5962">
        <v>88774.937779999993</v>
      </c>
      <c r="G5962">
        <v>61540.955580000002</v>
      </c>
      <c r="H5962">
        <v>47263.604959999997</v>
      </c>
      <c r="I5962">
        <v>43415.852529999996</v>
      </c>
      <c r="J5962">
        <v>44987.101340000001</v>
      </c>
      <c r="K5962">
        <v>59546.78845</v>
      </c>
      <c r="L5962">
        <v>24807.842929999999</v>
      </c>
      <c r="M5962">
        <v>348517.3224</v>
      </c>
      <c r="N5962">
        <v>89455.349279999995</v>
      </c>
      <c r="O5962">
        <v>22676.669249999999</v>
      </c>
      <c r="P5962">
        <v>32386.151890000001</v>
      </c>
      <c r="Q5962">
        <v>97353.377299999993</v>
      </c>
      <c r="R5962">
        <v>20525.07933</v>
      </c>
      <c r="S5962">
        <v>107615.49860000001</v>
      </c>
      <c r="T5962">
        <v>27107.310280000002</v>
      </c>
      <c r="U5962">
        <v>25069.621490000001</v>
      </c>
      <c r="W5962" s="83">
        <f>Bühler!N5994</f>
        <v>45540.333333318878</v>
      </c>
      <c r="X5962" s="83">
        <v>43349.333333333336</v>
      </c>
      <c r="Y5962">
        <v>290861.29719999997</v>
      </c>
      <c r="Z5962">
        <v>29033.827420000001</v>
      </c>
      <c r="AA5962">
        <v>88774.937779999993</v>
      </c>
      <c r="AB5962">
        <v>61540.955580000002</v>
      </c>
      <c r="AC5962">
        <v>47263.604959999997</v>
      </c>
      <c r="AD5962">
        <v>43415.852529999996</v>
      </c>
      <c r="AE5962">
        <v>44987.101340000001</v>
      </c>
      <c r="AF5962">
        <v>59546.78845</v>
      </c>
      <c r="AG5962">
        <v>24807.842929999999</v>
      </c>
      <c r="AH5962">
        <v>348517.3224</v>
      </c>
      <c r="AI5962">
        <v>89455.349279999995</v>
      </c>
      <c r="AJ5962">
        <v>22676.669249999999</v>
      </c>
      <c r="AK5962">
        <v>32386.151890000001</v>
      </c>
      <c r="AL5962">
        <v>97353.377299999993</v>
      </c>
      <c r="AM5962">
        <v>20525.07933</v>
      </c>
      <c r="AN5962">
        <v>107615.49860000001</v>
      </c>
      <c r="AO5962">
        <v>27107.310280000002</v>
      </c>
      <c r="AP5962">
        <v>25069.621490000001</v>
      </c>
    </row>
    <row r="5963" spans="2:42" x14ac:dyDescent="0.3">
      <c r="B5963">
        <v>68.971162799737201</v>
      </c>
      <c r="C5963" s="83">
        <v>43349.375</v>
      </c>
      <c r="D5963">
        <v>294652.81150000001</v>
      </c>
      <c r="E5963">
        <v>33477.300280000003</v>
      </c>
      <c r="F5963">
        <v>94597.895990000005</v>
      </c>
      <c r="G5963">
        <v>67640.252900000007</v>
      </c>
      <c r="H5963">
        <v>49916.426800000001</v>
      </c>
      <c r="I5963">
        <v>41606.241569999998</v>
      </c>
      <c r="J5963">
        <v>46401.157039999998</v>
      </c>
      <c r="K5963">
        <v>61018.531269999999</v>
      </c>
      <c r="L5963">
        <v>27621.192210000001</v>
      </c>
      <c r="M5963">
        <v>351647.15210000001</v>
      </c>
      <c r="N5963">
        <v>91621.871799999994</v>
      </c>
      <c r="O5963">
        <v>24247.576369999999</v>
      </c>
      <c r="P5963">
        <v>34729.535860000004</v>
      </c>
      <c r="Q5963">
        <v>99926.57703</v>
      </c>
      <c r="R5963">
        <v>21166.911670000001</v>
      </c>
      <c r="S5963">
        <v>114478.4261</v>
      </c>
      <c r="T5963">
        <v>29634.72379</v>
      </c>
      <c r="U5963">
        <v>26097.136849999999</v>
      </c>
      <c r="W5963" s="83">
        <f>Bühler!N5995</f>
        <v>45540.374999985543</v>
      </c>
      <c r="X5963" s="83">
        <v>43349.375</v>
      </c>
      <c r="Y5963">
        <v>294652.81150000001</v>
      </c>
      <c r="Z5963">
        <v>33477.300280000003</v>
      </c>
      <c r="AA5963">
        <v>94597.895990000005</v>
      </c>
      <c r="AB5963">
        <v>67640.252900000007</v>
      </c>
      <c r="AC5963">
        <v>49916.426800000001</v>
      </c>
      <c r="AD5963">
        <v>41606.241569999998</v>
      </c>
      <c r="AE5963">
        <v>46401.157039999998</v>
      </c>
      <c r="AF5963">
        <v>61018.531269999999</v>
      </c>
      <c r="AG5963">
        <v>27621.192210000001</v>
      </c>
      <c r="AH5963">
        <v>351647.15210000001</v>
      </c>
      <c r="AI5963">
        <v>91621.871799999994</v>
      </c>
      <c r="AJ5963">
        <v>24247.576369999999</v>
      </c>
      <c r="AK5963">
        <v>34729.535860000004</v>
      </c>
      <c r="AL5963">
        <v>99926.57703</v>
      </c>
      <c r="AM5963">
        <v>21166.911670000001</v>
      </c>
      <c r="AN5963">
        <v>114478.4261</v>
      </c>
      <c r="AO5963">
        <v>29634.72379</v>
      </c>
      <c r="AP5963">
        <v>26097.136849999999</v>
      </c>
    </row>
    <row r="5964" spans="2:42" x14ac:dyDescent="0.3">
      <c r="B5964">
        <v>69.890990839280789</v>
      </c>
      <c r="C5964" s="83">
        <v>43349.416666666664</v>
      </c>
      <c r="D5964">
        <v>296627.51819999999</v>
      </c>
      <c r="E5964">
        <v>35364.276420000002</v>
      </c>
      <c r="F5964">
        <v>96555.194829999993</v>
      </c>
      <c r="G5964">
        <v>69396.507029999993</v>
      </c>
      <c r="H5964">
        <v>51152.619259999999</v>
      </c>
      <c r="I5964">
        <v>39520.747450000003</v>
      </c>
      <c r="J5964">
        <v>46819.395389999998</v>
      </c>
      <c r="K5964">
        <v>62770.581030000001</v>
      </c>
      <c r="L5964">
        <v>30246.528590000002</v>
      </c>
      <c r="M5964">
        <v>356336.86440000002</v>
      </c>
      <c r="N5964">
        <v>95223.232279999997</v>
      </c>
      <c r="O5964">
        <v>25141.00346</v>
      </c>
      <c r="P5964">
        <v>36283.719080000003</v>
      </c>
      <c r="Q5964">
        <v>101277.40429999999</v>
      </c>
      <c r="R5964">
        <v>22195.26541</v>
      </c>
      <c r="S5964">
        <v>115024.59880000001</v>
      </c>
      <c r="T5964">
        <v>31486.028760000001</v>
      </c>
      <c r="U5964">
        <v>25825.932250000002</v>
      </c>
      <c r="W5964" s="83">
        <f>Bühler!N5996</f>
        <v>45540.416666652207</v>
      </c>
      <c r="X5964" s="83">
        <v>43349.416666666664</v>
      </c>
      <c r="Y5964">
        <v>296627.51819999999</v>
      </c>
      <c r="Z5964">
        <v>35364.276420000002</v>
      </c>
      <c r="AA5964">
        <v>96555.194829999993</v>
      </c>
      <c r="AB5964">
        <v>69396.507029999993</v>
      </c>
      <c r="AC5964">
        <v>51152.619259999999</v>
      </c>
      <c r="AD5964">
        <v>39520.747450000003</v>
      </c>
      <c r="AE5964">
        <v>46819.395389999998</v>
      </c>
      <c r="AF5964">
        <v>62770.581030000001</v>
      </c>
      <c r="AG5964">
        <v>30246.528590000002</v>
      </c>
      <c r="AH5964">
        <v>356336.86440000002</v>
      </c>
      <c r="AI5964">
        <v>95223.232279999997</v>
      </c>
      <c r="AJ5964">
        <v>25141.00346</v>
      </c>
      <c r="AK5964">
        <v>36283.719080000003</v>
      </c>
      <c r="AL5964">
        <v>101277.40429999999</v>
      </c>
      <c r="AM5964">
        <v>22195.26541</v>
      </c>
      <c r="AN5964">
        <v>115024.59880000001</v>
      </c>
      <c r="AO5964">
        <v>31486.028760000001</v>
      </c>
      <c r="AP5964">
        <v>25825.932250000002</v>
      </c>
    </row>
    <row r="5965" spans="2:42" x14ac:dyDescent="0.3">
      <c r="B5965">
        <v>70.139911321418012</v>
      </c>
      <c r="C5965" s="83">
        <v>43349.458333333336</v>
      </c>
      <c r="D5965">
        <v>297217.8224</v>
      </c>
      <c r="E5965">
        <v>35343.992910000001</v>
      </c>
      <c r="F5965">
        <v>97705.407869999995</v>
      </c>
      <c r="G5965">
        <v>67945.292860000001</v>
      </c>
      <c r="H5965">
        <v>50832.772599999997</v>
      </c>
      <c r="I5965">
        <v>38976.654759999998</v>
      </c>
      <c r="J5965">
        <v>46522.71342</v>
      </c>
      <c r="K5965">
        <v>63484.502439999997</v>
      </c>
      <c r="L5965">
        <v>31306.081709999999</v>
      </c>
      <c r="M5965">
        <v>357605.97710000002</v>
      </c>
      <c r="N5965">
        <v>95092.974140000006</v>
      </c>
      <c r="O5965">
        <v>24653.926530000001</v>
      </c>
      <c r="P5965">
        <v>35236.149700000002</v>
      </c>
      <c r="Q5965">
        <v>101810.5509</v>
      </c>
      <c r="R5965">
        <v>23732.202069999999</v>
      </c>
      <c r="S5965">
        <v>117925.4528</v>
      </c>
      <c r="T5965">
        <v>32092.947550000001</v>
      </c>
      <c r="U5965">
        <v>25420.756280000001</v>
      </c>
      <c r="W5965" s="83">
        <f>Bühler!N5997</f>
        <v>45540.458333318871</v>
      </c>
      <c r="X5965" s="83">
        <v>43349.458333333336</v>
      </c>
      <c r="Y5965">
        <v>297217.8224</v>
      </c>
      <c r="Z5965">
        <v>35343.992910000001</v>
      </c>
      <c r="AA5965">
        <v>97705.407869999995</v>
      </c>
      <c r="AB5965">
        <v>67945.292860000001</v>
      </c>
      <c r="AC5965">
        <v>50832.772599999997</v>
      </c>
      <c r="AD5965">
        <v>38976.654759999998</v>
      </c>
      <c r="AE5965">
        <v>46522.71342</v>
      </c>
      <c r="AF5965">
        <v>63484.502439999997</v>
      </c>
      <c r="AG5965">
        <v>31306.081709999999</v>
      </c>
      <c r="AH5965">
        <v>357605.97710000002</v>
      </c>
      <c r="AI5965">
        <v>95092.974140000006</v>
      </c>
      <c r="AJ5965">
        <v>24653.926530000001</v>
      </c>
      <c r="AK5965">
        <v>35236.149700000002</v>
      </c>
      <c r="AL5965">
        <v>101810.5509</v>
      </c>
      <c r="AM5965">
        <v>23732.202069999999</v>
      </c>
      <c r="AN5965">
        <v>117925.4528</v>
      </c>
      <c r="AO5965">
        <v>32092.947550000001</v>
      </c>
      <c r="AP5965">
        <v>25420.756280000001</v>
      </c>
    </row>
    <row r="5966" spans="2:42" x14ac:dyDescent="0.3">
      <c r="B5966">
        <v>69.218959747929929</v>
      </c>
      <c r="C5966" s="83">
        <v>43349.5</v>
      </c>
      <c r="D5966">
        <v>282911.97039999999</v>
      </c>
      <c r="E5966">
        <v>32165.483520000002</v>
      </c>
      <c r="F5966">
        <v>95991.909950000001</v>
      </c>
      <c r="G5966">
        <v>68570.505799999999</v>
      </c>
      <c r="H5966">
        <v>49543.366529999999</v>
      </c>
      <c r="I5966">
        <v>38513.228289999999</v>
      </c>
      <c r="J5966">
        <v>46138.401210000004</v>
      </c>
      <c r="K5966">
        <v>59371.347479999997</v>
      </c>
      <c r="L5966">
        <v>33215.9087</v>
      </c>
      <c r="M5966">
        <v>352910.53649999999</v>
      </c>
      <c r="N5966">
        <v>93674.502380000005</v>
      </c>
      <c r="O5966">
        <v>23859.958299999998</v>
      </c>
      <c r="P5966">
        <v>36749.088839999997</v>
      </c>
      <c r="Q5966">
        <v>100711.16989999999</v>
      </c>
      <c r="R5966">
        <v>25721.019219999998</v>
      </c>
      <c r="S5966">
        <v>111645.55039999999</v>
      </c>
      <c r="T5966">
        <v>31869.308260000002</v>
      </c>
      <c r="U5966">
        <v>20318.687150000002</v>
      </c>
      <c r="W5966" s="83">
        <f>Bühler!N5998</f>
        <v>45540.499999985535</v>
      </c>
      <c r="X5966" s="83">
        <v>43349.5</v>
      </c>
      <c r="Y5966">
        <v>282911.97039999999</v>
      </c>
      <c r="Z5966">
        <v>32165.483520000002</v>
      </c>
      <c r="AA5966">
        <v>95991.909950000001</v>
      </c>
      <c r="AB5966">
        <v>68570.505799999999</v>
      </c>
      <c r="AC5966">
        <v>49543.366529999999</v>
      </c>
      <c r="AD5966">
        <v>38513.228289999999</v>
      </c>
      <c r="AE5966">
        <v>46138.401210000004</v>
      </c>
      <c r="AF5966">
        <v>59371.347479999997</v>
      </c>
      <c r="AG5966">
        <v>33215.9087</v>
      </c>
      <c r="AH5966">
        <v>352910.53649999999</v>
      </c>
      <c r="AI5966">
        <v>93674.502380000005</v>
      </c>
      <c r="AJ5966">
        <v>23859.958299999998</v>
      </c>
      <c r="AK5966">
        <v>36749.088839999997</v>
      </c>
      <c r="AL5966">
        <v>100711.16989999999</v>
      </c>
      <c r="AM5966">
        <v>25721.019219999998</v>
      </c>
      <c r="AN5966">
        <v>111645.55039999999</v>
      </c>
      <c r="AO5966">
        <v>31869.308260000002</v>
      </c>
      <c r="AP5966">
        <v>20318.687150000002</v>
      </c>
    </row>
    <row r="5967" spans="2:42" x14ac:dyDescent="0.3">
      <c r="B5967">
        <v>68.96036661196068</v>
      </c>
      <c r="C5967" s="83">
        <v>43349.541666666664</v>
      </c>
      <c r="D5967">
        <v>286514.0134</v>
      </c>
      <c r="E5967">
        <v>32985.098440000002</v>
      </c>
      <c r="F5967">
        <v>95027.707670000003</v>
      </c>
      <c r="G5967">
        <v>66350.811539999995</v>
      </c>
      <c r="H5967">
        <v>49160.884100000003</v>
      </c>
      <c r="I5967">
        <v>38922.932339999999</v>
      </c>
      <c r="J5967">
        <v>45530.324910000003</v>
      </c>
      <c r="K5967">
        <v>60752.649810000003</v>
      </c>
      <c r="L5967">
        <v>32032.928970000001</v>
      </c>
      <c r="M5967">
        <v>351592.10810000001</v>
      </c>
      <c r="N5967">
        <v>95175.122149999996</v>
      </c>
      <c r="O5967">
        <v>23817.381359999999</v>
      </c>
      <c r="P5967">
        <v>36283.485370000002</v>
      </c>
      <c r="Q5967">
        <v>100402.3744</v>
      </c>
      <c r="R5967">
        <v>25951.34087</v>
      </c>
      <c r="S5967">
        <v>111064.1939</v>
      </c>
      <c r="T5967">
        <v>31838.5046</v>
      </c>
      <c r="U5967">
        <v>22358.763180000002</v>
      </c>
      <c r="W5967" s="83">
        <f>Bühler!N5999</f>
        <v>45540.5416666522</v>
      </c>
      <c r="X5967" s="83">
        <v>43349.541666666664</v>
      </c>
      <c r="Y5967">
        <v>286514.0134</v>
      </c>
      <c r="Z5967">
        <v>32985.098440000002</v>
      </c>
      <c r="AA5967">
        <v>95027.707670000003</v>
      </c>
      <c r="AB5967">
        <v>66350.811539999995</v>
      </c>
      <c r="AC5967">
        <v>49160.884100000003</v>
      </c>
      <c r="AD5967">
        <v>38922.932339999999</v>
      </c>
      <c r="AE5967">
        <v>45530.324910000003</v>
      </c>
      <c r="AF5967">
        <v>60752.649810000003</v>
      </c>
      <c r="AG5967">
        <v>32032.928970000001</v>
      </c>
      <c r="AH5967">
        <v>351592.10810000001</v>
      </c>
      <c r="AI5967">
        <v>95175.122149999996</v>
      </c>
      <c r="AJ5967">
        <v>23817.381359999999</v>
      </c>
      <c r="AK5967">
        <v>36283.485370000002</v>
      </c>
      <c r="AL5967">
        <v>100402.3744</v>
      </c>
      <c r="AM5967">
        <v>25951.34087</v>
      </c>
      <c r="AN5967">
        <v>111064.1939</v>
      </c>
      <c r="AO5967">
        <v>31838.5046</v>
      </c>
      <c r="AP5967">
        <v>22358.763180000002</v>
      </c>
    </row>
    <row r="5968" spans="2:42" x14ac:dyDescent="0.3">
      <c r="B5968">
        <v>68.883126168739679</v>
      </c>
      <c r="C5968" s="83">
        <v>43349.583333333336</v>
      </c>
      <c r="D5968">
        <v>289059.1164</v>
      </c>
      <c r="E5968">
        <v>36240.207199999997</v>
      </c>
      <c r="F5968">
        <v>98228.936489999993</v>
      </c>
      <c r="G5968">
        <v>61371.44139</v>
      </c>
      <c r="H5968">
        <v>49706.524299999997</v>
      </c>
      <c r="I5968">
        <v>39257.090400000001</v>
      </c>
      <c r="J5968">
        <v>46116.478819999997</v>
      </c>
      <c r="K5968">
        <v>64096.646520000002</v>
      </c>
      <c r="L5968">
        <v>28937.920959999999</v>
      </c>
      <c r="M5968">
        <v>351198.3003</v>
      </c>
      <c r="N5968">
        <v>97846.634019999998</v>
      </c>
      <c r="O5968">
        <v>24197.115709999998</v>
      </c>
      <c r="P5968">
        <v>32560.398450000001</v>
      </c>
      <c r="Q5968">
        <v>99970.988100000002</v>
      </c>
      <c r="R5968">
        <v>25137.338400000001</v>
      </c>
      <c r="S5968">
        <v>106634.1676</v>
      </c>
      <c r="T5968">
        <v>30578.760119999999</v>
      </c>
      <c r="U5968">
        <v>23538.143400000001</v>
      </c>
      <c r="W5968" s="83">
        <f>Bühler!N6000</f>
        <v>45540.583333318864</v>
      </c>
      <c r="X5968" s="83">
        <v>43349.583333333336</v>
      </c>
      <c r="Y5968">
        <v>289059.1164</v>
      </c>
      <c r="Z5968">
        <v>36240.207199999997</v>
      </c>
      <c r="AA5968">
        <v>98228.936489999993</v>
      </c>
      <c r="AB5968">
        <v>61371.44139</v>
      </c>
      <c r="AC5968">
        <v>49706.524299999997</v>
      </c>
      <c r="AD5968">
        <v>39257.090400000001</v>
      </c>
      <c r="AE5968">
        <v>46116.478819999997</v>
      </c>
      <c r="AF5968">
        <v>64096.646520000002</v>
      </c>
      <c r="AG5968">
        <v>28937.920959999999</v>
      </c>
      <c r="AH5968">
        <v>351198.3003</v>
      </c>
      <c r="AI5968">
        <v>97846.634019999998</v>
      </c>
      <c r="AJ5968">
        <v>24197.115709999998</v>
      </c>
      <c r="AK5968">
        <v>32560.398450000001</v>
      </c>
      <c r="AL5968">
        <v>99970.988100000002</v>
      </c>
      <c r="AM5968">
        <v>25137.338400000001</v>
      </c>
      <c r="AN5968">
        <v>106634.1676</v>
      </c>
      <c r="AO5968">
        <v>30578.760119999999</v>
      </c>
      <c r="AP5968">
        <v>23538.143400000001</v>
      </c>
    </row>
    <row r="5969" spans="2:42" x14ac:dyDescent="0.3">
      <c r="B5969">
        <v>68.069848739431492</v>
      </c>
      <c r="C5969" s="83">
        <v>43349.625</v>
      </c>
      <c r="D5969">
        <v>286716.02279999998</v>
      </c>
      <c r="E5969">
        <v>35994.146079999999</v>
      </c>
      <c r="F5969">
        <v>99390.743770000001</v>
      </c>
      <c r="G5969">
        <v>58919.763939999997</v>
      </c>
      <c r="H5969">
        <v>48733.645660000002</v>
      </c>
      <c r="I5969">
        <v>39375.858240000001</v>
      </c>
      <c r="J5969">
        <v>46009.260410000003</v>
      </c>
      <c r="K5969">
        <v>62284.286760000003</v>
      </c>
      <c r="L5969">
        <v>26815.332180000001</v>
      </c>
      <c r="M5969">
        <v>347051.83270000003</v>
      </c>
      <c r="N5969">
        <v>97360.471470000004</v>
      </c>
      <c r="O5969">
        <v>24272.08052</v>
      </c>
      <c r="P5969">
        <v>30411.041939999999</v>
      </c>
      <c r="Q5969">
        <v>99106.528869999995</v>
      </c>
      <c r="R5969">
        <v>24758.529640000001</v>
      </c>
      <c r="S5969">
        <v>105223.77929999999</v>
      </c>
      <c r="T5969">
        <v>28974.961579999999</v>
      </c>
      <c r="U5969">
        <v>23194.08771</v>
      </c>
      <c r="W5969" s="83">
        <f>Bühler!N6001</f>
        <v>45540.624999985528</v>
      </c>
      <c r="X5969" s="83">
        <v>43349.625</v>
      </c>
      <c r="Y5969">
        <v>286716.02279999998</v>
      </c>
      <c r="Z5969">
        <v>35994.146079999999</v>
      </c>
      <c r="AA5969">
        <v>99390.743770000001</v>
      </c>
      <c r="AB5969">
        <v>58919.763939999997</v>
      </c>
      <c r="AC5969">
        <v>48733.645660000002</v>
      </c>
      <c r="AD5969">
        <v>39375.858240000001</v>
      </c>
      <c r="AE5969">
        <v>46009.260410000003</v>
      </c>
      <c r="AF5969">
        <v>62284.286760000003</v>
      </c>
      <c r="AG5969">
        <v>26815.332180000001</v>
      </c>
      <c r="AH5969">
        <v>347051.83270000003</v>
      </c>
      <c r="AI5969">
        <v>97360.471470000004</v>
      </c>
      <c r="AJ5969">
        <v>24272.08052</v>
      </c>
      <c r="AK5969">
        <v>30411.041939999999</v>
      </c>
      <c r="AL5969">
        <v>99106.528869999995</v>
      </c>
      <c r="AM5969">
        <v>24758.529640000001</v>
      </c>
      <c r="AN5969">
        <v>105223.77929999999</v>
      </c>
      <c r="AO5969">
        <v>28974.961579999999</v>
      </c>
      <c r="AP5969">
        <v>23194.08771</v>
      </c>
    </row>
    <row r="5970" spans="2:42" x14ac:dyDescent="0.3">
      <c r="B5970">
        <v>66.653420540117338</v>
      </c>
      <c r="C5970" s="83">
        <v>43349.666666666664</v>
      </c>
      <c r="D5970">
        <v>279682.97659999999</v>
      </c>
      <c r="E5970">
        <v>34885.304929999998</v>
      </c>
      <c r="F5970">
        <v>98985.057520000002</v>
      </c>
      <c r="G5970">
        <v>55434.037850000001</v>
      </c>
      <c r="H5970">
        <v>47088.264430000003</v>
      </c>
      <c r="I5970">
        <v>40349.423479999998</v>
      </c>
      <c r="J5970">
        <v>45108.501669999998</v>
      </c>
      <c r="K5970">
        <v>59293.176310000003</v>
      </c>
      <c r="L5970">
        <v>26180.259310000001</v>
      </c>
      <c r="M5970">
        <v>339830.22120000003</v>
      </c>
      <c r="N5970">
        <v>93979.330730000001</v>
      </c>
      <c r="O5970">
        <v>23320.97566</v>
      </c>
      <c r="P5970">
        <v>29653.819950000001</v>
      </c>
      <c r="Q5970">
        <v>98378.002479999996</v>
      </c>
      <c r="R5970">
        <v>24209.123889999999</v>
      </c>
      <c r="S5970">
        <v>103175.19929999999</v>
      </c>
      <c r="T5970">
        <v>28558.498230000001</v>
      </c>
      <c r="U5970">
        <v>21140.345979999998</v>
      </c>
      <c r="W5970" s="83">
        <f>Bühler!N6002</f>
        <v>45540.666666652192</v>
      </c>
      <c r="X5970" s="83">
        <v>43349.666666666664</v>
      </c>
      <c r="Y5970">
        <v>279682.97659999999</v>
      </c>
      <c r="Z5970">
        <v>34885.304929999998</v>
      </c>
      <c r="AA5970">
        <v>98985.057520000002</v>
      </c>
      <c r="AB5970">
        <v>55434.037850000001</v>
      </c>
      <c r="AC5970">
        <v>47088.264430000003</v>
      </c>
      <c r="AD5970">
        <v>40349.423479999998</v>
      </c>
      <c r="AE5970">
        <v>45108.501669999998</v>
      </c>
      <c r="AF5970">
        <v>59293.176310000003</v>
      </c>
      <c r="AG5970">
        <v>26180.259310000001</v>
      </c>
      <c r="AH5970">
        <v>339830.22120000003</v>
      </c>
      <c r="AI5970">
        <v>93979.330730000001</v>
      </c>
      <c r="AJ5970">
        <v>23320.97566</v>
      </c>
      <c r="AK5970">
        <v>29653.819950000001</v>
      </c>
      <c r="AL5970">
        <v>98378.002479999996</v>
      </c>
      <c r="AM5970">
        <v>24209.123889999999</v>
      </c>
      <c r="AN5970">
        <v>103175.19929999999</v>
      </c>
      <c r="AO5970">
        <v>28558.498230000001</v>
      </c>
      <c r="AP5970">
        <v>21140.345979999998</v>
      </c>
    </row>
    <row r="5971" spans="2:42" x14ac:dyDescent="0.3">
      <c r="B5971">
        <v>65.276607645966209</v>
      </c>
      <c r="C5971" s="83">
        <v>43349.708333333336</v>
      </c>
      <c r="D5971">
        <v>271955.2389</v>
      </c>
      <c r="E5971">
        <v>32632.39474</v>
      </c>
      <c r="F5971">
        <v>97376.130999999994</v>
      </c>
      <c r="G5971">
        <v>49390.649559999998</v>
      </c>
      <c r="H5971">
        <v>44711.228470000002</v>
      </c>
      <c r="I5971">
        <v>40093.22982</v>
      </c>
      <c r="J5971">
        <v>44887.938159999998</v>
      </c>
      <c r="K5971">
        <v>54858.472020000001</v>
      </c>
      <c r="L5971">
        <v>26752.755529999999</v>
      </c>
      <c r="M5971">
        <v>332810.587</v>
      </c>
      <c r="N5971">
        <v>88683.613459999993</v>
      </c>
      <c r="O5971">
        <v>21994.60471</v>
      </c>
      <c r="P5971">
        <v>30729.915410000001</v>
      </c>
      <c r="Q5971">
        <v>96995.126149999996</v>
      </c>
      <c r="R5971">
        <v>23660.478780000001</v>
      </c>
      <c r="S5971">
        <v>99432.743270000006</v>
      </c>
      <c r="T5971">
        <v>28154.125759999999</v>
      </c>
      <c r="U5971">
        <v>18013.741470000001</v>
      </c>
      <c r="W5971" s="83">
        <f>Bühler!N6003</f>
        <v>45540.708333318857</v>
      </c>
      <c r="X5971" s="83">
        <v>43349.708333333336</v>
      </c>
      <c r="Y5971">
        <v>271955.2389</v>
      </c>
      <c r="Z5971">
        <v>32632.39474</v>
      </c>
      <c r="AA5971">
        <v>97376.130999999994</v>
      </c>
      <c r="AB5971">
        <v>49390.649559999998</v>
      </c>
      <c r="AC5971">
        <v>44711.228470000002</v>
      </c>
      <c r="AD5971">
        <v>40093.22982</v>
      </c>
      <c r="AE5971">
        <v>44887.938159999998</v>
      </c>
      <c r="AF5971">
        <v>54858.472020000001</v>
      </c>
      <c r="AG5971">
        <v>26752.755529999999</v>
      </c>
      <c r="AH5971">
        <v>332810.587</v>
      </c>
      <c r="AI5971">
        <v>88683.613459999993</v>
      </c>
      <c r="AJ5971">
        <v>21994.60471</v>
      </c>
      <c r="AK5971">
        <v>30729.915410000001</v>
      </c>
      <c r="AL5971">
        <v>96995.126149999996</v>
      </c>
      <c r="AM5971">
        <v>23660.478780000001</v>
      </c>
      <c r="AN5971">
        <v>99432.743270000006</v>
      </c>
      <c r="AO5971">
        <v>28154.125759999999</v>
      </c>
      <c r="AP5971">
        <v>18013.741470000001</v>
      </c>
    </row>
    <row r="5972" spans="2:42" x14ac:dyDescent="0.3">
      <c r="B5972">
        <v>64.570143454889788</v>
      </c>
      <c r="C5972" s="83">
        <v>43349.75</v>
      </c>
      <c r="D5972">
        <v>265207.0307</v>
      </c>
      <c r="E5972">
        <v>29099.828679999999</v>
      </c>
      <c r="F5972">
        <v>95418.203399999999</v>
      </c>
      <c r="G5972">
        <v>43148.345240000002</v>
      </c>
      <c r="H5972">
        <v>42670.042560000002</v>
      </c>
      <c r="I5972">
        <v>37770.872669999997</v>
      </c>
      <c r="J5972">
        <v>45423.817029999998</v>
      </c>
      <c r="K5972">
        <v>52739.043449999997</v>
      </c>
      <c r="L5972">
        <v>28082.624469999999</v>
      </c>
      <c r="M5972">
        <v>329208.70309999998</v>
      </c>
      <c r="N5972">
        <v>85564.127299999993</v>
      </c>
      <c r="O5972">
        <v>20718.147110000002</v>
      </c>
      <c r="P5972">
        <v>33713.514069999997</v>
      </c>
      <c r="Q5972">
        <v>94794.715500000006</v>
      </c>
      <c r="R5972">
        <v>22488.47078</v>
      </c>
      <c r="S5972">
        <v>92585.66648</v>
      </c>
      <c r="T5972">
        <v>27963.176009999999</v>
      </c>
      <c r="U5972">
        <v>16369.8886</v>
      </c>
      <c r="W5972" s="83">
        <f>Bühler!N6004</f>
        <v>45540.749999985521</v>
      </c>
      <c r="X5972" s="83">
        <v>43349.75</v>
      </c>
      <c r="Y5972">
        <v>265207.0307</v>
      </c>
      <c r="Z5972">
        <v>29099.828679999999</v>
      </c>
      <c r="AA5972">
        <v>95418.203399999999</v>
      </c>
      <c r="AB5972">
        <v>43148.345240000002</v>
      </c>
      <c r="AC5972">
        <v>42670.042560000002</v>
      </c>
      <c r="AD5972">
        <v>37770.872669999997</v>
      </c>
      <c r="AE5972">
        <v>45423.817029999998</v>
      </c>
      <c r="AF5972">
        <v>52739.043449999997</v>
      </c>
      <c r="AG5972">
        <v>28082.624469999999</v>
      </c>
      <c r="AH5972">
        <v>329208.70309999998</v>
      </c>
      <c r="AI5972">
        <v>85564.127299999993</v>
      </c>
      <c r="AJ5972">
        <v>20718.147110000002</v>
      </c>
      <c r="AK5972">
        <v>33713.514069999997</v>
      </c>
      <c r="AL5972">
        <v>94794.715500000006</v>
      </c>
      <c r="AM5972">
        <v>22488.47078</v>
      </c>
      <c r="AN5972">
        <v>92585.66648</v>
      </c>
      <c r="AO5972">
        <v>27963.176009999999</v>
      </c>
      <c r="AP5972">
        <v>16369.8886</v>
      </c>
    </row>
    <row r="5973" spans="2:42" x14ac:dyDescent="0.3">
      <c r="B5973">
        <v>63.180220206464085</v>
      </c>
      <c r="C5973" s="83">
        <v>43349.791666666664</v>
      </c>
      <c r="D5973">
        <v>260163.4449</v>
      </c>
      <c r="E5973">
        <v>23270.301189999998</v>
      </c>
      <c r="F5973">
        <v>84778.490810000003</v>
      </c>
      <c r="G5973">
        <v>40460.224009999998</v>
      </c>
      <c r="H5973">
        <v>40250.588889999999</v>
      </c>
      <c r="I5973">
        <v>35561.427230000001</v>
      </c>
      <c r="J5973">
        <v>44322.525439999998</v>
      </c>
      <c r="K5973">
        <v>52076.733310000003</v>
      </c>
      <c r="L5973">
        <v>28678.04307</v>
      </c>
      <c r="M5973">
        <v>322122.22619999998</v>
      </c>
      <c r="N5973">
        <v>83922.90552</v>
      </c>
      <c r="O5973">
        <v>19544.568770000002</v>
      </c>
      <c r="P5973">
        <v>36913.963689999997</v>
      </c>
      <c r="Q5973">
        <v>92490.556710000004</v>
      </c>
      <c r="R5973">
        <v>21793.742819999999</v>
      </c>
      <c r="S5973">
        <v>88518.195309999996</v>
      </c>
      <c r="T5973">
        <v>27693.297149999999</v>
      </c>
      <c r="U5973">
        <v>15987.521909999999</v>
      </c>
      <c r="W5973" s="83">
        <f>Bühler!N6005</f>
        <v>45540.791666652185</v>
      </c>
      <c r="X5973" s="83">
        <v>43349.791666666664</v>
      </c>
      <c r="Y5973">
        <v>260163.4449</v>
      </c>
      <c r="Z5973">
        <v>23270.301189999998</v>
      </c>
      <c r="AA5973">
        <v>84778.490810000003</v>
      </c>
      <c r="AB5973">
        <v>40460.224009999998</v>
      </c>
      <c r="AC5973">
        <v>40250.588889999999</v>
      </c>
      <c r="AD5973">
        <v>35561.427230000001</v>
      </c>
      <c r="AE5973">
        <v>44322.525439999998</v>
      </c>
      <c r="AF5973">
        <v>52076.733310000003</v>
      </c>
      <c r="AG5973">
        <v>28678.04307</v>
      </c>
      <c r="AH5973">
        <v>322122.22619999998</v>
      </c>
      <c r="AI5973">
        <v>83922.90552</v>
      </c>
      <c r="AJ5973">
        <v>19544.568770000002</v>
      </c>
      <c r="AK5973">
        <v>36913.963689999997</v>
      </c>
      <c r="AL5973">
        <v>92490.556710000004</v>
      </c>
      <c r="AM5973">
        <v>21793.742819999999</v>
      </c>
      <c r="AN5973">
        <v>88518.195309999996</v>
      </c>
      <c r="AO5973">
        <v>27693.297149999999</v>
      </c>
      <c r="AP5973">
        <v>15987.521909999999</v>
      </c>
    </row>
    <row r="5974" spans="2:42" x14ac:dyDescent="0.3">
      <c r="B5974">
        <v>60.841761756343793</v>
      </c>
      <c r="C5974" s="83">
        <v>43349.833333333336</v>
      </c>
      <c r="D5974">
        <v>251624.84109999999</v>
      </c>
      <c r="E5974">
        <v>17810.956829999999</v>
      </c>
      <c r="F5974">
        <v>69669.156520000004</v>
      </c>
      <c r="G5974">
        <v>36877.010860000002</v>
      </c>
      <c r="H5974">
        <v>38408.781750000002</v>
      </c>
      <c r="I5974">
        <v>31955.513180000002</v>
      </c>
      <c r="J5974">
        <v>44461.447919999999</v>
      </c>
      <c r="K5974">
        <v>51361.680520000002</v>
      </c>
      <c r="L5974">
        <v>29101.156739999999</v>
      </c>
      <c r="M5974">
        <v>310199.67450000002</v>
      </c>
      <c r="N5974">
        <v>81838.320479999995</v>
      </c>
      <c r="O5974">
        <v>18178.416140000001</v>
      </c>
      <c r="P5974">
        <v>37334.938589999998</v>
      </c>
      <c r="Q5974">
        <v>89342.681570000001</v>
      </c>
      <c r="R5974">
        <v>20187.186900000001</v>
      </c>
      <c r="S5974">
        <v>82023.8076</v>
      </c>
      <c r="T5974">
        <v>27247.090520000002</v>
      </c>
      <c r="U5974">
        <v>15666.17108</v>
      </c>
      <c r="W5974" s="83">
        <f>Bühler!N6006</f>
        <v>45540.833333318849</v>
      </c>
      <c r="X5974" s="83">
        <v>43349.833333333336</v>
      </c>
      <c r="Y5974">
        <v>251624.84109999999</v>
      </c>
      <c r="Z5974">
        <v>17810.956829999999</v>
      </c>
      <c r="AA5974">
        <v>69669.156520000004</v>
      </c>
      <c r="AB5974">
        <v>36877.010860000002</v>
      </c>
      <c r="AC5974">
        <v>38408.781750000002</v>
      </c>
      <c r="AD5974">
        <v>31955.513180000002</v>
      </c>
      <c r="AE5974">
        <v>44461.447919999999</v>
      </c>
      <c r="AF5974">
        <v>51361.680520000002</v>
      </c>
      <c r="AG5974">
        <v>29101.156739999999</v>
      </c>
      <c r="AH5974">
        <v>310199.67450000002</v>
      </c>
      <c r="AI5974">
        <v>81838.320479999995</v>
      </c>
      <c r="AJ5974">
        <v>18178.416140000001</v>
      </c>
      <c r="AK5974">
        <v>37334.938589999998</v>
      </c>
      <c r="AL5974">
        <v>89342.681570000001</v>
      </c>
      <c r="AM5974">
        <v>20187.186900000001</v>
      </c>
      <c r="AN5974">
        <v>82023.8076</v>
      </c>
      <c r="AO5974">
        <v>27247.090520000002</v>
      </c>
      <c r="AP5974">
        <v>15666.17108</v>
      </c>
    </row>
    <row r="5975" spans="2:42" x14ac:dyDescent="0.3">
      <c r="B5975">
        <v>59.328191835032889</v>
      </c>
      <c r="C5975" s="83">
        <v>43349.875</v>
      </c>
      <c r="D5975">
        <v>243970.41440000001</v>
      </c>
      <c r="E5975">
        <v>15484.89536</v>
      </c>
      <c r="F5975">
        <v>61582.752280000001</v>
      </c>
      <c r="G5975">
        <v>35283.668899999997</v>
      </c>
      <c r="H5975">
        <v>36970.705670000003</v>
      </c>
      <c r="I5975">
        <v>28865.18403</v>
      </c>
      <c r="J5975">
        <v>44036.775869999998</v>
      </c>
      <c r="K5975">
        <v>51420.046829999999</v>
      </c>
      <c r="L5975">
        <v>27930.20117</v>
      </c>
      <c r="M5975">
        <v>302482.7892</v>
      </c>
      <c r="N5975">
        <v>79997.084300000002</v>
      </c>
      <c r="O5975">
        <v>16929.117620000001</v>
      </c>
      <c r="P5975">
        <v>34988.217499999999</v>
      </c>
      <c r="Q5975">
        <v>86667.270319999996</v>
      </c>
      <c r="R5975">
        <v>19540.620770000001</v>
      </c>
      <c r="S5975">
        <v>78730.469620000003</v>
      </c>
      <c r="T5975">
        <v>24690.099890000001</v>
      </c>
      <c r="U5975">
        <v>14390.423430000001</v>
      </c>
      <c r="W5975" s="83">
        <f>Bühler!N6007</f>
        <v>45540.874999985514</v>
      </c>
      <c r="X5975" s="83">
        <v>43349.875</v>
      </c>
      <c r="Y5975">
        <v>243970.41440000001</v>
      </c>
      <c r="Z5975">
        <v>15484.89536</v>
      </c>
      <c r="AA5975">
        <v>61582.752280000001</v>
      </c>
      <c r="AB5975">
        <v>35283.668899999997</v>
      </c>
      <c r="AC5975">
        <v>36970.705670000003</v>
      </c>
      <c r="AD5975">
        <v>28865.18403</v>
      </c>
      <c r="AE5975">
        <v>44036.775869999998</v>
      </c>
      <c r="AF5975">
        <v>51420.046829999999</v>
      </c>
      <c r="AG5975">
        <v>27930.20117</v>
      </c>
      <c r="AH5975">
        <v>302482.7892</v>
      </c>
      <c r="AI5975">
        <v>79997.084300000002</v>
      </c>
      <c r="AJ5975">
        <v>16929.117620000001</v>
      </c>
      <c r="AK5975">
        <v>34988.217499999999</v>
      </c>
      <c r="AL5975">
        <v>86667.270319999996</v>
      </c>
      <c r="AM5975">
        <v>19540.620770000001</v>
      </c>
      <c r="AN5975">
        <v>78730.469620000003</v>
      </c>
      <c r="AO5975">
        <v>24690.099890000001</v>
      </c>
      <c r="AP5975">
        <v>14390.423430000001</v>
      </c>
    </row>
    <row r="5976" spans="2:42" x14ac:dyDescent="0.3">
      <c r="B5976">
        <v>58.951204213444953</v>
      </c>
      <c r="C5976" s="83">
        <v>43349.916666666664</v>
      </c>
      <c r="D5976">
        <v>241406.9688</v>
      </c>
      <c r="E5976">
        <v>14604.368769999999</v>
      </c>
      <c r="F5976">
        <v>59084.784780000002</v>
      </c>
      <c r="G5976">
        <v>33897.10411</v>
      </c>
      <c r="H5976">
        <v>36419.919390000003</v>
      </c>
      <c r="I5976">
        <v>26390.619780000001</v>
      </c>
      <c r="J5976">
        <v>41655.662700000001</v>
      </c>
      <c r="K5976">
        <v>53059.431429999997</v>
      </c>
      <c r="L5976">
        <v>24322.055609999999</v>
      </c>
      <c r="M5976">
        <v>300560.73050000001</v>
      </c>
      <c r="N5976">
        <v>77949.36348</v>
      </c>
      <c r="O5976">
        <v>17112.002519999998</v>
      </c>
      <c r="P5976">
        <v>36009.850639999997</v>
      </c>
      <c r="Q5976">
        <v>86395.523929999996</v>
      </c>
      <c r="R5976">
        <v>20195.267390000001</v>
      </c>
      <c r="S5976">
        <v>77403.355710000003</v>
      </c>
      <c r="T5976">
        <v>21672.309809999999</v>
      </c>
      <c r="U5976">
        <v>14764.124949999999</v>
      </c>
      <c r="W5976" s="83">
        <f>Bühler!N6008</f>
        <v>45540.916666652178</v>
      </c>
      <c r="X5976" s="83">
        <v>43349.916666666664</v>
      </c>
      <c r="Y5976">
        <v>241406.9688</v>
      </c>
      <c r="Z5976">
        <v>14604.368769999999</v>
      </c>
      <c r="AA5976">
        <v>59084.784780000002</v>
      </c>
      <c r="AB5976">
        <v>33897.10411</v>
      </c>
      <c r="AC5976">
        <v>36419.919390000003</v>
      </c>
      <c r="AD5976">
        <v>26390.619780000001</v>
      </c>
      <c r="AE5976">
        <v>41655.662700000001</v>
      </c>
      <c r="AF5976">
        <v>53059.431429999997</v>
      </c>
      <c r="AG5976">
        <v>24322.055609999999</v>
      </c>
      <c r="AH5976">
        <v>300560.73050000001</v>
      </c>
      <c r="AI5976">
        <v>77949.36348</v>
      </c>
      <c r="AJ5976">
        <v>17112.002519999998</v>
      </c>
      <c r="AK5976">
        <v>36009.850639999997</v>
      </c>
      <c r="AL5976">
        <v>86395.523929999996</v>
      </c>
      <c r="AM5976">
        <v>20195.267390000001</v>
      </c>
      <c r="AN5976">
        <v>77403.355710000003</v>
      </c>
      <c r="AO5976">
        <v>21672.309809999999</v>
      </c>
      <c r="AP5976">
        <v>14764.124949999999</v>
      </c>
    </row>
    <row r="5977" spans="2:42" x14ac:dyDescent="0.3">
      <c r="B5977">
        <v>58.636607667656087</v>
      </c>
      <c r="C5977" s="83">
        <v>43349.958333333336</v>
      </c>
      <c r="D5977">
        <v>240436.1649</v>
      </c>
      <c r="E5977">
        <v>13861.81313</v>
      </c>
      <c r="F5977">
        <v>57973.278160000002</v>
      </c>
      <c r="G5977">
        <v>33219.170290000002</v>
      </c>
      <c r="H5977">
        <v>35210.978759999998</v>
      </c>
      <c r="I5977">
        <v>24780.629140000001</v>
      </c>
      <c r="J5977">
        <v>38573.955909999997</v>
      </c>
      <c r="K5977">
        <v>52123.114200000004</v>
      </c>
      <c r="L5977">
        <v>20924.320080000001</v>
      </c>
      <c r="M5977">
        <v>298956.77059999999</v>
      </c>
      <c r="N5977">
        <v>76504.597129999995</v>
      </c>
      <c r="O5977">
        <v>16630.9725</v>
      </c>
      <c r="P5977">
        <v>31288.300810000001</v>
      </c>
      <c r="Q5977">
        <v>86166.90754</v>
      </c>
      <c r="R5977">
        <v>19129.418529999999</v>
      </c>
      <c r="S5977">
        <v>75698.389190000002</v>
      </c>
      <c r="T5977">
        <v>19276.645199999999</v>
      </c>
      <c r="U5977">
        <v>14136.93101</v>
      </c>
      <c r="W5977" s="83">
        <f>Bühler!N6009</f>
        <v>45540.958333318842</v>
      </c>
      <c r="X5977" s="83">
        <v>43349.958333333336</v>
      </c>
      <c r="Y5977">
        <v>240436.1649</v>
      </c>
      <c r="Z5977">
        <v>13861.81313</v>
      </c>
      <c r="AA5977">
        <v>57973.278160000002</v>
      </c>
      <c r="AB5977">
        <v>33219.170290000002</v>
      </c>
      <c r="AC5977">
        <v>35210.978759999998</v>
      </c>
      <c r="AD5977">
        <v>24780.629140000001</v>
      </c>
      <c r="AE5977">
        <v>38573.955909999997</v>
      </c>
      <c r="AF5977">
        <v>52123.114200000004</v>
      </c>
      <c r="AG5977">
        <v>20924.320080000001</v>
      </c>
      <c r="AH5977">
        <v>298956.77059999999</v>
      </c>
      <c r="AI5977">
        <v>76504.597129999995</v>
      </c>
      <c r="AJ5977">
        <v>16630.9725</v>
      </c>
      <c r="AK5977">
        <v>31288.300810000001</v>
      </c>
      <c r="AL5977">
        <v>86166.90754</v>
      </c>
      <c r="AM5977">
        <v>19129.418529999999</v>
      </c>
      <c r="AN5977">
        <v>75698.389190000002</v>
      </c>
      <c r="AO5977">
        <v>19276.645199999999</v>
      </c>
      <c r="AP5977">
        <v>14136.93101</v>
      </c>
    </row>
    <row r="5978" spans="2:42" x14ac:dyDescent="0.3">
      <c r="B5978">
        <v>57.8080939506508</v>
      </c>
      <c r="C5978" s="83">
        <v>43350</v>
      </c>
      <c r="D5978">
        <v>239812.7317</v>
      </c>
      <c r="E5978">
        <v>13369.683919999999</v>
      </c>
      <c r="F5978">
        <v>56277.521970000002</v>
      </c>
      <c r="G5978">
        <v>32541.979019999999</v>
      </c>
      <c r="H5978">
        <v>34601.911800000002</v>
      </c>
      <c r="I5978">
        <v>22662.99194</v>
      </c>
      <c r="J5978">
        <v>35931.176290000003</v>
      </c>
      <c r="K5978">
        <v>50783.422270000003</v>
      </c>
      <c r="L5978">
        <v>18811.87515</v>
      </c>
      <c r="M5978">
        <v>294732.6213</v>
      </c>
      <c r="N5978">
        <v>75693.357440000007</v>
      </c>
      <c r="O5978">
        <v>16582.605749999999</v>
      </c>
      <c r="P5978">
        <v>28178.384150000002</v>
      </c>
      <c r="Q5978">
        <v>84752.315849999999</v>
      </c>
      <c r="R5978">
        <v>16349.25618</v>
      </c>
      <c r="S5978">
        <v>73949.131940000007</v>
      </c>
      <c r="T5978">
        <v>18228.596160000001</v>
      </c>
      <c r="U5978">
        <v>13659.15171</v>
      </c>
      <c r="W5978" s="83">
        <f>Bühler!N6010</f>
        <v>45540.999999985506</v>
      </c>
      <c r="X5978" s="83">
        <v>43350</v>
      </c>
      <c r="Y5978">
        <v>239812.7317</v>
      </c>
      <c r="Z5978">
        <v>13369.683919999999</v>
      </c>
      <c r="AA5978">
        <v>56277.521970000002</v>
      </c>
      <c r="AB5978">
        <v>32541.979019999999</v>
      </c>
      <c r="AC5978">
        <v>34601.911800000002</v>
      </c>
      <c r="AD5978">
        <v>22662.99194</v>
      </c>
      <c r="AE5978">
        <v>35931.176290000003</v>
      </c>
      <c r="AF5978">
        <v>50783.422270000003</v>
      </c>
      <c r="AG5978">
        <v>18811.87515</v>
      </c>
      <c r="AH5978">
        <v>294732.6213</v>
      </c>
      <c r="AI5978">
        <v>75693.357440000007</v>
      </c>
      <c r="AJ5978">
        <v>16582.605749999999</v>
      </c>
      <c r="AK5978">
        <v>28178.384150000002</v>
      </c>
      <c r="AL5978">
        <v>84752.315849999999</v>
      </c>
      <c r="AM5978">
        <v>16349.25618</v>
      </c>
      <c r="AN5978">
        <v>73949.131940000007</v>
      </c>
      <c r="AO5978">
        <v>18228.596160000001</v>
      </c>
      <c r="AP5978">
        <v>13659.15171</v>
      </c>
    </row>
    <row r="5979" spans="2:42" x14ac:dyDescent="0.3">
      <c r="B5979">
        <v>57.330512098248882</v>
      </c>
      <c r="C5979" s="83">
        <v>43350.041666666664</v>
      </c>
      <c r="D5979">
        <v>237438.55069999999</v>
      </c>
      <c r="E5979">
        <v>13006.862789999999</v>
      </c>
      <c r="F5979">
        <v>55821.505299999997</v>
      </c>
      <c r="G5979">
        <v>31764.34679</v>
      </c>
      <c r="H5979">
        <v>34270.233209999999</v>
      </c>
      <c r="I5979">
        <v>19548.11261</v>
      </c>
      <c r="J5979">
        <v>34469.935250000002</v>
      </c>
      <c r="K5979">
        <v>48611.137000000002</v>
      </c>
      <c r="L5979">
        <v>17600.07893</v>
      </c>
      <c r="M5979">
        <v>292297.6863</v>
      </c>
      <c r="N5979">
        <v>73835.537289999993</v>
      </c>
      <c r="O5979">
        <v>16874.836200000002</v>
      </c>
      <c r="P5979">
        <v>26366.05618</v>
      </c>
      <c r="Q5979">
        <v>85497.633889999997</v>
      </c>
      <c r="R5979">
        <v>14558.700989999999</v>
      </c>
      <c r="S5979">
        <v>73090.251300000004</v>
      </c>
      <c r="T5979">
        <v>17480.96286</v>
      </c>
      <c r="U5979">
        <v>13833.75827</v>
      </c>
      <c r="W5979" s="83">
        <f>Bühler!N6011</f>
        <v>45541.041666652171</v>
      </c>
      <c r="X5979" s="83">
        <v>43350.041666666664</v>
      </c>
      <c r="Y5979">
        <v>237438.55069999999</v>
      </c>
      <c r="Z5979">
        <v>13006.862789999999</v>
      </c>
      <c r="AA5979">
        <v>55821.505299999997</v>
      </c>
      <c r="AB5979">
        <v>31764.34679</v>
      </c>
      <c r="AC5979">
        <v>34270.233209999999</v>
      </c>
      <c r="AD5979">
        <v>19548.11261</v>
      </c>
      <c r="AE5979">
        <v>34469.935250000002</v>
      </c>
      <c r="AF5979">
        <v>48611.137000000002</v>
      </c>
      <c r="AG5979">
        <v>17600.07893</v>
      </c>
      <c r="AH5979">
        <v>292297.6863</v>
      </c>
      <c r="AI5979">
        <v>73835.537289999993</v>
      </c>
      <c r="AJ5979">
        <v>16874.836200000002</v>
      </c>
      <c r="AK5979">
        <v>26366.05618</v>
      </c>
      <c r="AL5979">
        <v>85497.633889999997</v>
      </c>
      <c r="AM5979">
        <v>14558.700989999999</v>
      </c>
      <c r="AN5979">
        <v>73090.251300000004</v>
      </c>
      <c r="AO5979">
        <v>17480.96286</v>
      </c>
      <c r="AP5979">
        <v>13833.75827</v>
      </c>
    </row>
    <row r="5980" spans="2:42" x14ac:dyDescent="0.3">
      <c r="B5980">
        <v>56.719614116169566</v>
      </c>
      <c r="C5980" s="83">
        <v>43350.083333333336</v>
      </c>
      <c r="D5980">
        <v>237718.19440000001</v>
      </c>
      <c r="E5980">
        <v>12875.214889999999</v>
      </c>
      <c r="F5980">
        <v>56303.370340000001</v>
      </c>
      <c r="G5980">
        <v>31269.704750000001</v>
      </c>
      <c r="H5980">
        <v>33784.598969999999</v>
      </c>
      <c r="I5980">
        <v>17792.488430000001</v>
      </c>
      <c r="J5980">
        <v>33844.334309999998</v>
      </c>
      <c r="K5980">
        <v>46603.060530000002</v>
      </c>
      <c r="L5980">
        <v>17160.639210000001</v>
      </c>
      <c r="M5980">
        <v>289183.04350000003</v>
      </c>
      <c r="N5980">
        <v>72635.539319999996</v>
      </c>
      <c r="O5980">
        <v>16460.298190000001</v>
      </c>
      <c r="P5980">
        <v>24683.481230000001</v>
      </c>
      <c r="Q5980">
        <v>86617.456990000006</v>
      </c>
      <c r="R5980">
        <v>14803.55826</v>
      </c>
      <c r="S5980">
        <v>71677.069690000004</v>
      </c>
      <c r="T5980">
        <v>17234.260630000001</v>
      </c>
      <c r="U5980">
        <v>13398.07177</v>
      </c>
      <c r="W5980" s="83">
        <f>Bühler!N6012</f>
        <v>45541.083333318835</v>
      </c>
      <c r="X5980" s="83">
        <v>43350.083333333336</v>
      </c>
      <c r="Y5980">
        <v>237718.19440000001</v>
      </c>
      <c r="Z5980">
        <v>12875.214889999999</v>
      </c>
      <c r="AA5980">
        <v>56303.370340000001</v>
      </c>
      <c r="AB5980">
        <v>31269.704750000001</v>
      </c>
      <c r="AC5980">
        <v>33784.598969999999</v>
      </c>
      <c r="AD5980">
        <v>17792.488430000001</v>
      </c>
      <c r="AE5980">
        <v>33844.334309999998</v>
      </c>
      <c r="AF5980">
        <v>46603.060530000002</v>
      </c>
      <c r="AG5980">
        <v>17160.639210000001</v>
      </c>
      <c r="AH5980">
        <v>289183.04350000003</v>
      </c>
      <c r="AI5980">
        <v>72635.539319999996</v>
      </c>
      <c r="AJ5980">
        <v>16460.298190000001</v>
      </c>
      <c r="AK5980">
        <v>24683.481230000001</v>
      </c>
      <c r="AL5980">
        <v>86617.456990000006</v>
      </c>
      <c r="AM5980">
        <v>14803.55826</v>
      </c>
      <c r="AN5980">
        <v>71677.069690000004</v>
      </c>
      <c r="AO5980">
        <v>17234.260630000001</v>
      </c>
      <c r="AP5980">
        <v>13398.07177</v>
      </c>
    </row>
    <row r="5981" spans="2:42" x14ac:dyDescent="0.3">
      <c r="B5981">
        <v>57.292465676640923</v>
      </c>
      <c r="C5981" s="83">
        <v>43350.125</v>
      </c>
      <c r="D5981">
        <v>238831.92</v>
      </c>
      <c r="E5981">
        <v>12798.971439999999</v>
      </c>
      <c r="F5981">
        <v>57498.813920000001</v>
      </c>
      <c r="G5981">
        <v>30627.196619999999</v>
      </c>
      <c r="H5981">
        <v>33562.016329999999</v>
      </c>
      <c r="I5981">
        <v>17326.129629999999</v>
      </c>
      <c r="J5981">
        <v>33390.125440000003</v>
      </c>
      <c r="K5981">
        <v>45841.955289999998</v>
      </c>
      <c r="L5981">
        <v>16920.52866</v>
      </c>
      <c r="M5981">
        <v>292103.70789999998</v>
      </c>
      <c r="N5981">
        <v>72660.958989999999</v>
      </c>
      <c r="O5981">
        <v>16906.533879999999</v>
      </c>
      <c r="P5981">
        <v>23911.074700000001</v>
      </c>
      <c r="Q5981">
        <v>89834.412660000002</v>
      </c>
      <c r="R5981">
        <v>14389.39143</v>
      </c>
      <c r="S5981">
        <v>71542.668640000004</v>
      </c>
      <c r="T5981">
        <v>16969.383989999998</v>
      </c>
      <c r="U5981">
        <v>13204.416010000001</v>
      </c>
      <c r="W5981" s="83">
        <f>Bühler!N6013</f>
        <v>45541.124999985499</v>
      </c>
      <c r="X5981" s="83">
        <v>43350.125</v>
      </c>
      <c r="Y5981">
        <v>238831.92</v>
      </c>
      <c r="Z5981">
        <v>12798.971439999999</v>
      </c>
      <c r="AA5981">
        <v>57498.813920000001</v>
      </c>
      <c r="AB5981">
        <v>30627.196619999999</v>
      </c>
      <c r="AC5981">
        <v>33562.016329999999</v>
      </c>
      <c r="AD5981">
        <v>17326.129629999999</v>
      </c>
      <c r="AE5981">
        <v>33390.125440000003</v>
      </c>
      <c r="AF5981">
        <v>45841.955289999998</v>
      </c>
      <c r="AG5981">
        <v>16920.52866</v>
      </c>
      <c r="AH5981">
        <v>292103.70789999998</v>
      </c>
      <c r="AI5981">
        <v>72660.958989999999</v>
      </c>
      <c r="AJ5981">
        <v>16906.533879999999</v>
      </c>
      <c r="AK5981">
        <v>23911.074700000001</v>
      </c>
      <c r="AL5981">
        <v>89834.412660000002</v>
      </c>
      <c r="AM5981">
        <v>14389.39143</v>
      </c>
      <c r="AN5981">
        <v>71542.668640000004</v>
      </c>
      <c r="AO5981">
        <v>16969.383989999998</v>
      </c>
      <c r="AP5981">
        <v>13204.416010000001</v>
      </c>
    </row>
    <row r="5982" spans="2:42" x14ac:dyDescent="0.3">
      <c r="B5982">
        <v>58.486452552636472</v>
      </c>
      <c r="C5982" s="83">
        <v>43350.166666666664</v>
      </c>
      <c r="D5982">
        <v>241060.05929999999</v>
      </c>
      <c r="E5982">
        <v>13244.0579</v>
      </c>
      <c r="F5982">
        <v>60975.539210000003</v>
      </c>
      <c r="G5982">
        <v>29859.432870000001</v>
      </c>
      <c r="H5982">
        <v>34182.733959999998</v>
      </c>
      <c r="I5982">
        <v>18831.592659999998</v>
      </c>
      <c r="J5982">
        <v>35138.946360000002</v>
      </c>
      <c r="K5982">
        <v>45310.335630000001</v>
      </c>
      <c r="L5982">
        <v>17454.285070000002</v>
      </c>
      <c r="M5982">
        <v>298191.20980000001</v>
      </c>
      <c r="N5982">
        <v>71352.419729999994</v>
      </c>
      <c r="O5982">
        <v>17316.49783</v>
      </c>
      <c r="P5982">
        <v>23507.673920000001</v>
      </c>
      <c r="Q5982">
        <v>94027.385999999999</v>
      </c>
      <c r="R5982">
        <v>14109.949919999999</v>
      </c>
      <c r="S5982">
        <v>70924.56955</v>
      </c>
      <c r="T5982">
        <v>16877.86982</v>
      </c>
      <c r="U5982">
        <v>13771.31423</v>
      </c>
      <c r="W5982" s="83">
        <f>Bühler!N6014</f>
        <v>45541.166666652163</v>
      </c>
      <c r="X5982" s="83">
        <v>43350.166666666664</v>
      </c>
      <c r="Y5982">
        <v>241060.05929999999</v>
      </c>
      <c r="Z5982">
        <v>13244.0579</v>
      </c>
      <c r="AA5982">
        <v>60975.539210000003</v>
      </c>
      <c r="AB5982">
        <v>29859.432870000001</v>
      </c>
      <c r="AC5982">
        <v>34182.733959999998</v>
      </c>
      <c r="AD5982">
        <v>18831.592659999998</v>
      </c>
      <c r="AE5982">
        <v>35138.946360000002</v>
      </c>
      <c r="AF5982">
        <v>45310.335630000001</v>
      </c>
      <c r="AG5982">
        <v>17454.285070000002</v>
      </c>
      <c r="AH5982">
        <v>298191.20980000001</v>
      </c>
      <c r="AI5982">
        <v>71352.419729999994</v>
      </c>
      <c r="AJ5982">
        <v>17316.49783</v>
      </c>
      <c r="AK5982">
        <v>23507.673920000001</v>
      </c>
      <c r="AL5982">
        <v>94027.385999999999</v>
      </c>
      <c r="AM5982">
        <v>14109.949919999999</v>
      </c>
      <c r="AN5982">
        <v>70924.56955</v>
      </c>
      <c r="AO5982">
        <v>16877.86982</v>
      </c>
      <c r="AP5982">
        <v>13771.31423</v>
      </c>
    </row>
    <row r="5983" spans="2:42" x14ac:dyDescent="0.3">
      <c r="B5983">
        <v>61.043184916000484</v>
      </c>
      <c r="C5983" s="83">
        <v>43350.208333333336</v>
      </c>
      <c r="D5983">
        <v>254423.83110000001</v>
      </c>
      <c r="E5983">
        <v>14937.897199999999</v>
      </c>
      <c r="F5983">
        <v>68690.496920000005</v>
      </c>
      <c r="G5983">
        <v>31586.33958</v>
      </c>
      <c r="H5983">
        <v>35696.269379999998</v>
      </c>
      <c r="I5983">
        <v>25386.738430000001</v>
      </c>
      <c r="J5983">
        <v>38448.189919999997</v>
      </c>
      <c r="K5983">
        <v>46103.321929999998</v>
      </c>
      <c r="L5983">
        <v>18349.20924</v>
      </c>
      <c r="M5983">
        <v>311226.6237</v>
      </c>
      <c r="N5983">
        <v>71155.128530000002</v>
      </c>
      <c r="O5983">
        <v>17111.22523</v>
      </c>
      <c r="P5983">
        <v>25056.065460000002</v>
      </c>
      <c r="Q5983">
        <v>95926.460009999995</v>
      </c>
      <c r="R5983">
        <v>15468.316650000001</v>
      </c>
      <c r="S5983">
        <v>73686.069839999996</v>
      </c>
      <c r="T5983">
        <v>18170.279910000001</v>
      </c>
      <c r="U5983">
        <v>15313.74381</v>
      </c>
      <c r="W5983" s="83">
        <f>Bühler!N6015</f>
        <v>45541.208333318827</v>
      </c>
      <c r="X5983" s="83">
        <v>43350.208333333336</v>
      </c>
      <c r="Y5983">
        <v>254423.83110000001</v>
      </c>
      <c r="Z5983">
        <v>14937.897199999999</v>
      </c>
      <c r="AA5983">
        <v>68690.496920000005</v>
      </c>
      <c r="AB5983">
        <v>31586.33958</v>
      </c>
      <c r="AC5983">
        <v>35696.269379999998</v>
      </c>
      <c r="AD5983">
        <v>25386.738430000001</v>
      </c>
      <c r="AE5983">
        <v>38448.189919999997</v>
      </c>
      <c r="AF5983">
        <v>46103.321929999998</v>
      </c>
      <c r="AG5983">
        <v>18349.20924</v>
      </c>
      <c r="AH5983">
        <v>311226.6237</v>
      </c>
      <c r="AI5983">
        <v>71155.128530000002</v>
      </c>
      <c r="AJ5983">
        <v>17111.22523</v>
      </c>
      <c r="AK5983">
        <v>25056.065460000002</v>
      </c>
      <c r="AL5983">
        <v>95926.460009999995</v>
      </c>
      <c r="AM5983">
        <v>15468.316650000001</v>
      </c>
      <c r="AN5983">
        <v>73686.069839999996</v>
      </c>
      <c r="AO5983">
        <v>18170.279910000001</v>
      </c>
      <c r="AP5983">
        <v>15313.74381</v>
      </c>
    </row>
    <row r="5984" spans="2:42" x14ac:dyDescent="0.3">
      <c r="B5984">
        <v>63.903083289754811</v>
      </c>
      <c r="C5984" s="83">
        <v>43350.25</v>
      </c>
      <c r="D5984">
        <v>268097.76630000002</v>
      </c>
      <c r="E5984">
        <v>19121.0396</v>
      </c>
      <c r="F5984">
        <v>79192.615690000006</v>
      </c>
      <c r="G5984">
        <v>41247.310879999997</v>
      </c>
      <c r="H5984">
        <v>38424.966789999999</v>
      </c>
      <c r="I5984">
        <v>32837.909030000003</v>
      </c>
      <c r="J5984">
        <v>42461.917710000002</v>
      </c>
      <c r="K5984">
        <v>48213.47913</v>
      </c>
      <c r="L5984">
        <v>19015.174640000001</v>
      </c>
      <c r="M5984">
        <v>325807.7193</v>
      </c>
      <c r="N5984">
        <v>76221.046159999998</v>
      </c>
      <c r="O5984">
        <v>18953.80272</v>
      </c>
      <c r="P5984">
        <v>25603.06379</v>
      </c>
      <c r="Q5984">
        <v>96808.881039999993</v>
      </c>
      <c r="R5984">
        <v>17007.349129999999</v>
      </c>
      <c r="S5984">
        <v>82098.241219999996</v>
      </c>
      <c r="T5984">
        <v>20090.023089999999</v>
      </c>
      <c r="U5984">
        <v>18316.927540000001</v>
      </c>
      <c r="W5984" s="83">
        <f>Bühler!N6016</f>
        <v>45541.249999985492</v>
      </c>
      <c r="X5984" s="83">
        <v>43350.25</v>
      </c>
      <c r="Y5984">
        <v>268097.76630000002</v>
      </c>
      <c r="Z5984">
        <v>19121.0396</v>
      </c>
      <c r="AA5984">
        <v>79192.615690000006</v>
      </c>
      <c r="AB5984">
        <v>41247.310879999997</v>
      </c>
      <c r="AC5984">
        <v>38424.966789999999</v>
      </c>
      <c r="AD5984">
        <v>32837.909030000003</v>
      </c>
      <c r="AE5984">
        <v>42461.917710000002</v>
      </c>
      <c r="AF5984">
        <v>48213.47913</v>
      </c>
      <c r="AG5984">
        <v>19015.174640000001</v>
      </c>
      <c r="AH5984">
        <v>325807.7193</v>
      </c>
      <c r="AI5984">
        <v>76221.046159999998</v>
      </c>
      <c r="AJ5984">
        <v>18953.80272</v>
      </c>
      <c r="AK5984">
        <v>25603.06379</v>
      </c>
      <c r="AL5984">
        <v>96808.881039999993</v>
      </c>
      <c r="AM5984">
        <v>17007.349129999999</v>
      </c>
      <c r="AN5984">
        <v>82098.241219999996</v>
      </c>
      <c r="AO5984">
        <v>20090.023089999999</v>
      </c>
      <c r="AP5984">
        <v>18316.927540000001</v>
      </c>
    </row>
    <row r="5985" spans="2:42" x14ac:dyDescent="0.3">
      <c r="B5985">
        <v>65.463003306202239</v>
      </c>
      <c r="C5985" s="83">
        <v>43350.291666666664</v>
      </c>
      <c r="D5985">
        <v>281024.64789999998</v>
      </c>
      <c r="E5985">
        <v>23427.645700000001</v>
      </c>
      <c r="F5985">
        <v>82733.098729999998</v>
      </c>
      <c r="G5985">
        <v>50894.690029999998</v>
      </c>
      <c r="H5985">
        <v>42567.5962</v>
      </c>
      <c r="I5985">
        <v>40846.182289999997</v>
      </c>
      <c r="J5985">
        <v>42751.68535</v>
      </c>
      <c r="K5985">
        <v>53034.475100000003</v>
      </c>
      <c r="L5985">
        <v>21529.00044</v>
      </c>
      <c r="M5985">
        <v>333760.91899999999</v>
      </c>
      <c r="N5985">
        <v>80783.290630000003</v>
      </c>
      <c r="O5985">
        <v>21676.539680000002</v>
      </c>
      <c r="P5985">
        <v>29729.14963</v>
      </c>
      <c r="Q5985">
        <v>96221.7889</v>
      </c>
      <c r="R5985">
        <v>18528.731159999999</v>
      </c>
      <c r="S5985">
        <v>96169.227429999999</v>
      </c>
      <c r="T5985">
        <v>24413.32458</v>
      </c>
      <c r="U5985">
        <v>22731.275699999998</v>
      </c>
      <c r="W5985" s="83">
        <f>Bühler!N6017</f>
        <v>45541.291666652156</v>
      </c>
      <c r="X5985" s="83">
        <v>43350.291666666664</v>
      </c>
      <c r="Y5985">
        <v>281024.64789999998</v>
      </c>
      <c r="Z5985">
        <v>23427.645700000001</v>
      </c>
      <c r="AA5985">
        <v>82733.098729999998</v>
      </c>
      <c r="AB5985">
        <v>50894.690029999998</v>
      </c>
      <c r="AC5985">
        <v>42567.5962</v>
      </c>
      <c r="AD5985">
        <v>40846.182289999997</v>
      </c>
      <c r="AE5985">
        <v>42751.68535</v>
      </c>
      <c r="AF5985">
        <v>53034.475100000003</v>
      </c>
      <c r="AG5985">
        <v>21529.00044</v>
      </c>
      <c r="AH5985">
        <v>333760.91899999999</v>
      </c>
      <c r="AI5985">
        <v>80783.290630000003</v>
      </c>
      <c r="AJ5985">
        <v>21676.539680000002</v>
      </c>
      <c r="AK5985">
        <v>29729.14963</v>
      </c>
      <c r="AL5985">
        <v>96221.7889</v>
      </c>
      <c r="AM5985">
        <v>18528.731159999999</v>
      </c>
      <c r="AN5985">
        <v>96169.227429999999</v>
      </c>
      <c r="AO5985">
        <v>24413.32458</v>
      </c>
      <c r="AP5985">
        <v>22731.275699999998</v>
      </c>
    </row>
    <row r="5986" spans="2:42" x14ac:dyDescent="0.3">
      <c r="B5986">
        <v>65.941870564755817</v>
      </c>
      <c r="C5986" s="83">
        <v>43350.333333333336</v>
      </c>
      <c r="D5986">
        <v>291004.91470000002</v>
      </c>
      <c r="E5986">
        <v>28965.622100000001</v>
      </c>
      <c r="F5986">
        <v>88608.989300000001</v>
      </c>
      <c r="G5986">
        <v>61437.836660000001</v>
      </c>
      <c r="H5986">
        <v>46960.713409999997</v>
      </c>
      <c r="I5986">
        <v>43751.22335</v>
      </c>
      <c r="J5986">
        <v>44511.068489999998</v>
      </c>
      <c r="K5986">
        <v>58621.143620000003</v>
      </c>
      <c r="L5986">
        <v>25095.18591</v>
      </c>
      <c r="M5986">
        <v>336202.40759999998</v>
      </c>
      <c r="N5986">
        <v>88485.161290000004</v>
      </c>
      <c r="O5986">
        <v>24265.283309999999</v>
      </c>
      <c r="P5986">
        <v>31903.549490000001</v>
      </c>
      <c r="Q5986">
        <v>96992.634820000007</v>
      </c>
      <c r="R5986">
        <v>20706.260310000001</v>
      </c>
      <c r="S5986">
        <v>107192.545</v>
      </c>
      <c r="T5986">
        <v>27308.054390000001</v>
      </c>
      <c r="U5986">
        <v>25303.343499999999</v>
      </c>
      <c r="W5986" s="83">
        <f>Bühler!N6018</f>
        <v>45541.33333331882</v>
      </c>
      <c r="X5986" s="83">
        <v>43350.333333333336</v>
      </c>
      <c r="Y5986">
        <v>291004.91470000002</v>
      </c>
      <c r="Z5986">
        <v>28965.622100000001</v>
      </c>
      <c r="AA5986">
        <v>88608.989300000001</v>
      </c>
      <c r="AB5986">
        <v>61437.836660000001</v>
      </c>
      <c r="AC5986">
        <v>46960.713409999997</v>
      </c>
      <c r="AD5986">
        <v>43751.22335</v>
      </c>
      <c r="AE5986">
        <v>44511.068489999998</v>
      </c>
      <c r="AF5986">
        <v>58621.143620000003</v>
      </c>
      <c r="AG5986">
        <v>25095.18591</v>
      </c>
      <c r="AH5986">
        <v>336202.40759999998</v>
      </c>
      <c r="AI5986">
        <v>88485.161290000004</v>
      </c>
      <c r="AJ5986">
        <v>24265.283309999999</v>
      </c>
      <c r="AK5986">
        <v>31903.549490000001</v>
      </c>
      <c r="AL5986">
        <v>96992.634820000007</v>
      </c>
      <c r="AM5986">
        <v>20706.260310000001</v>
      </c>
      <c r="AN5986">
        <v>107192.545</v>
      </c>
      <c r="AO5986">
        <v>27308.054390000001</v>
      </c>
      <c r="AP5986">
        <v>25303.343499999999</v>
      </c>
    </row>
    <row r="5987" spans="2:42" x14ac:dyDescent="0.3">
      <c r="B5987">
        <v>66.46375793667076</v>
      </c>
      <c r="C5987" s="83">
        <v>43350.375</v>
      </c>
      <c r="D5987">
        <v>293308.25260000001</v>
      </c>
      <c r="E5987">
        <v>32980.533600000002</v>
      </c>
      <c r="F5987">
        <v>94504.98732</v>
      </c>
      <c r="G5987">
        <v>69050.206839999999</v>
      </c>
      <c r="H5987">
        <v>49845.021090000002</v>
      </c>
      <c r="I5987">
        <v>42192.399469999997</v>
      </c>
      <c r="J5987">
        <v>46386.297129999999</v>
      </c>
      <c r="K5987">
        <v>61320.886290000002</v>
      </c>
      <c r="L5987">
        <v>28359.044430000002</v>
      </c>
      <c r="M5987">
        <v>338863.2328</v>
      </c>
      <c r="N5987">
        <v>93022.947920000006</v>
      </c>
      <c r="O5987">
        <v>25453.5903</v>
      </c>
      <c r="P5987">
        <v>34564.212350000002</v>
      </c>
      <c r="Q5987">
        <v>98465.105030000006</v>
      </c>
      <c r="R5987">
        <v>21620.679800000002</v>
      </c>
      <c r="S5987">
        <v>113441.0042</v>
      </c>
      <c r="T5987">
        <v>29900.777750000001</v>
      </c>
      <c r="U5987">
        <v>25629.24468</v>
      </c>
      <c r="W5987" s="83">
        <f>Bühler!N6019</f>
        <v>45541.374999985484</v>
      </c>
      <c r="X5987" s="83">
        <v>43350.375</v>
      </c>
      <c r="Y5987">
        <v>293308.25260000001</v>
      </c>
      <c r="Z5987">
        <v>32980.533600000002</v>
      </c>
      <c r="AA5987">
        <v>94504.98732</v>
      </c>
      <c r="AB5987">
        <v>69050.206839999999</v>
      </c>
      <c r="AC5987">
        <v>49845.021090000002</v>
      </c>
      <c r="AD5987">
        <v>42192.399469999997</v>
      </c>
      <c r="AE5987">
        <v>46386.297129999999</v>
      </c>
      <c r="AF5987">
        <v>61320.886290000002</v>
      </c>
      <c r="AG5987">
        <v>28359.044430000002</v>
      </c>
      <c r="AH5987">
        <v>338863.2328</v>
      </c>
      <c r="AI5987">
        <v>93022.947920000006</v>
      </c>
      <c r="AJ5987">
        <v>25453.5903</v>
      </c>
      <c r="AK5987">
        <v>34564.212350000002</v>
      </c>
      <c r="AL5987">
        <v>98465.105030000006</v>
      </c>
      <c r="AM5987">
        <v>21620.679800000002</v>
      </c>
      <c r="AN5987">
        <v>113441.0042</v>
      </c>
      <c r="AO5987">
        <v>29900.777750000001</v>
      </c>
      <c r="AP5987">
        <v>25629.24468</v>
      </c>
    </row>
    <row r="5988" spans="2:42" x14ac:dyDescent="0.3">
      <c r="B5988">
        <v>67.450256495778788</v>
      </c>
      <c r="C5988" s="83">
        <v>43350.416666666664</v>
      </c>
      <c r="D5988">
        <v>292807.29499999998</v>
      </c>
      <c r="E5988">
        <v>34762.174290000003</v>
      </c>
      <c r="F5988">
        <v>96833.302530000001</v>
      </c>
      <c r="G5988">
        <v>70340.081560000006</v>
      </c>
      <c r="H5988">
        <v>50795.40638</v>
      </c>
      <c r="I5988">
        <v>39785.302060000002</v>
      </c>
      <c r="J5988">
        <v>47921.226430000002</v>
      </c>
      <c r="K5988">
        <v>62158.898829999998</v>
      </c>
      <c r="L5988">
        <v>30556.895530000002</v>
      </c>
      <c r="M5988">
        <v>343892.86249999999</v>
      </c>
      <c r="N5988">
        <v>95796.593089999995</v>
      </c>
      <c r="O5988">
        <v>25816.00215</v>
      </c>
      <c r="P5988">
        <v>35802.336470000002</v>
      </c>
      <c r="Q5988">
        <v>98992.616649999996</v>
      </c>
      <c r="R5988">
        <v>22402.016179999999</v>
      </c>
      <c r="S5988">
        <v>114081.7781</v>
      </c>
      <c r="T5988">
        <v>31544.728090000001</v>
      </c>
      <c r="U5988">
        <v>25049.45364</v>
      </c>
      <c r="W5988" s="83">
        <f>Bühler!N6020</f>
        <v>45541.416666652149</v>
      </c>
      <c r="X5988" s="83">
        <v>43350.416666666664</v>
      </c>
      <c r="Y5988">
        <v>292807.29499999998</v>
      </c>
      <c r="Z5988">
        <v>34762.174290000003</v>
      </c>
      <c r="AA5988">
        <v>96833.302530000001</v>
      </c>
      <c r="AB5988">
        <v>70340.081560000006</v>
      </c>
      <c r="AC5988">
        <v>50795.40638</v>
      </c>
      <c r="AD5988">
        <v>39785.302060000002</v>
      </c>
      <c r="AE5988">
        <v>47921.226430000002</v>
      </c>
      <c r="AF5988">
        <v>62158.898829999998</v>
      </c>
      <c r="AG5988">
        <v>30556.895530000002</v>
      </c>
      <c r="AH5988">
        <v>343892.86249999999</v>
      </c>
      <c r="AI5988">
        <v>95796.593089999995</v>
      </c>
      <c r="AJ5988">
        <v>25816.00215</v>
      </c>
      <c r="AK5988">
        <v>35802.336470000002</v>
      </c>
      <c r="AL5988">
        <v>98992.616649999996</v>
      </c>
      <c r="AM5988">
        <v>22402.016179999999</v>
      </c>
      <c r="AN5988">
        <v>114081.7781</v>
      </c>
      <c r="AO5988">
        <v>31544.728090000001</v>
      </c>
      <c r="AP5988">
        <v>25049.45364</v>
      </c>
    </row>
    <row r="5989" spans="2:42" x14ac:dyDescent="0.3">
      <c r="B5989">
        <v>68.375848817761238</v>
      </c>
      <c r="C5989" s="83">
        <v>43350.458333333336</v>
      </c>
      <c r="D5989">
        <v>289655.91600000003</v>
      </c>
      <c r="E5989">
        <v>34831.834000000003</v>
      </c>
      <c r="F5989">
        <v>97748.450920000003</v>
      </c>
      <c r="G5989">
        <v>70261.346160000001</v>
      </c>
      <c r="H5989">
        <v>50502.243719999999</v>
      </c>
      <c r="I5989">
        <v>39121.56205</v>
      </c>
      <c r="J5989">
        <v>46886.471080000003</v>
      </c>
      <c r="K5989">
        <v>62692.671119999999</v>
      </c>
      <c r="L5989">
        <v>31765.521949999998</v>
      </c>
      <c r="M5989">
        <v>348611.96380000003</v>
      </c>
      <c r="N5989">
        <v>94677.828160000005</v>
      </c>
      <c r="O5989">
        <v>25807.268410000001</v>
      </c>
      <c r="P5989">
        <v>35693.868999999999</v>
      </c>
      <c r="Q5989">
        <v>98920.390010000003</v>
      </c>
      <c r="R5989">
        <v>24155.200919999999</v>
      </c>
      <c r="S5989">
        <v>116284.193</v>
      </c>
      <c r="T5989">
        <v>32099.090830000001</v>
      </c>
      <c r="U5989">
        <v>24527.033510000001</v>
      </c>
      <c r="W5989" s="83">
        <f>Bühler!N6021</f>
        <v>45541.458333318813</v>
      </c>
      <c r="X5989" s="83">
        <v>43350.458333333336</v>
      </c>
      <c r="Y5989">
        <v>289655.91600000003</v>
      </c>
      <c r="Z5989">
        <v>34831.834000000003</v>
      </c>
      <c r="AA5989">
        <v>97748.450920000003</v>
      </c>
      <c r="AB5989">
        <v>70261.346160000001</v>
      </c>
      <c r="AC5989">
        <v>50502.243719999999</v>
      </c>
      <c r="AD5989">
        <v>39121.56205</v>
      </c>
      <c r="AE5989">
        <v>46886.471080000003</v>
      </c>
      <c r="AF5989">
        <v>62692.671119999999</v>
      </c>
      <c r="AG5989">
        <v>31765.521949999998</v>
      </c>
      <c r="AH5989">
        <v>348611.96380000003</v>
      </c>
      <c r="AI5989">
        <v>94677.828160000005</v>
      </c>
      <c r="AJ5989">
        <v>25807.268410000001</v>
      </c>
      <c r="AK5989">
        <v>35693.868999999999</v>
      </c>
      <c r="AL5989">
        <v>98920.390010000003</v>
      </c>
      <c r="AM5989">
        <v>24155.200919999999</v>
      </c>
      <c r="AN5989">
        <v>116284.193</v>
      </c>
      <c r="AO5989">
        <v>32099.090830000001</v>
      </c>
      <c r="AP5989">
        <v>24527.033510000001</v>
      </c>
    </row>
    <row r="5990" spans="2:42" x14ac:dyDescent="0.3">
      <c r="B5990">
        <v>66.992690270264561</v>
      </c>
      <c r="C5990" s="83">
        <v>43350.5</v>
      </c>
      <c r="D5990">
        <v>274806.70020000002</v>
      </c>
      <c r="E5990">
        <v>31656.236870000001</v>
      </c>
      <c r="F5990">
        <v>96291.105800000005</v>
      </c>
      <c r="G5990">
        <v>69607.594370000006</v>
      </c>
      <c r="H5990">
        <v>48487.731820000001</v>
      </c>
      <c r="I5990">
        <v>38318.374060000002</v>
      </c>
      <c r="J5990">
        <v>47058.007599999997</v>
      </c>
      <c r="K5990">
        <v>58441.061549999999</v>
      </c>
      <c r="L5990">
        <v>34165.634760000001</v>
      </c>
      <c r="M5990">
        <v>341559.97649999999</v>
      </c>
      <c r="N5990">
        <v>92758.186889999997</v>
      </c>
      <c r="O5990">
        <v>24082.85313</v>
      </c>
      <c r="P5990">
        <v>36666.254459999996</v>
      </c>
      <c r="Q5990">
        <v>99248.515119999996</v>
      </c>
      <c r="R5990">
        <v>25165.689709999999</v>
      </c>
      <c r="S5990">
        <v>110434.211</v>
      </c>
      <c r="T5990">
        <v>31666.994620000001</v>
      </c>
      <c r="U5990">
        <v>19840.63624</v>
      </c>
      <c r="W5990" s="83">
        <f>Bühler!N6022</f>
        <v>45541.499999985477</v>
      </c>
      <c r="X5990" s="83">
        <v>43350.5</v>
      </c>
      <c r="Y5990">
        <v>274806.70020000002</v>
      </c>
      <c r="Z5990">
        <v>31656.236870000001</v>
      </c>
      <c r="AA5990">
        <v>96291.105800000005</v>
      </c>
      <c r="AB5990">
        <v>69607.594370000006</v>
      </c>
      <c r="AC5990">
        <v>48487.731820000001</v>
      </c>
      <c r="AD5990">
        <v>38318.374060000002</v>
      </c>
      <c r="AE5990">
        <v>47058.007599999997</v>
      </c>
      <c r="AF5990">
        <v>58441.061549999999</v>
      </c>
      <c r="AG5990">
        <v>34165.634760000001</v>
      </c>
      <c r="AH5990">
        <v>341559.97649999999</v>
      </c>
      <c r="AI5990">
        <v>92758.186889999997</v>
      </c>
      <c r="AJ5990">
        <v>24082.85313</v>
      </c>
      <c r="AK5990">
        <v>36666.254459999996</v>
      </c>
      <c r="AL5990">
        <v>99248.515119999996</v>
      </c>
      <c r="AM5990">
        <v>25165.689709999999</v>
      </c>
      <c r="AN5990">
        <v>110434.211</v>
      </c>
      <c r="AO5990">
        <v>31666.994620000001</v>
      </c>
      <c r="AP5990">
        <v>19840.63624</v>
      </c>
    </row>
    <row r="5991" spans="2:42" x14ac:dyDescent="0.3">
      <c r="B5991">
        <v>66.129559064751476</v>
      </c>
      <c r="C5991" s="83">
        <v>43350.541666666664</v>
      </c>
      <c r="D5991">
        <v>272765.03419999999</v>
      </c>
      <c r="E5991">
        <v>32008.934290000001</v>
      </c>
      <c r="F5991">
        <v>95408.558659999995</v>
      </c>
      <c r="G5991">
        <v>66137.752800000002</v>
      </c>
      <c r="H5991">
        <v>47842.498079999998</v>
      </c>
      <c r="I5991">
        <v>38561.228869999999</v>
      </c>
      <c r="J5991">
        <v>45859.56669</v>
      </c>
      <c r="K5991">
        <v>59927.698859999997</v>
      </c>
      <c r="L5991">
        <v>33360.595119999998</v>
      </c>
      <c r="M5991">
        <v>337159.33110000001</v>
      </c>
      <c r="N5991">
        <v>91677.841809999998</v>
      </c>
      <c r="O5991">
        <v>23596.114590000001</v>
      </c>
      <c r="P5991">
        <v>35768.107239999998</v>
      </c>
      <c r="Q5991">
        <v>98209.119879999998</v>
      </c>
      <c r="R5991">
        <v>25631.0301</v>
      </c>
      <c r="S5991">
        <v>109345.4224</v>
      </c>
      <c r="T5991">
        <v>31057.278719999998</v>
      </c>
      <c r="U5991">
        <v>21502.916229999999</v>
      </c>
      <c r="W5991" s="83">
        <f>Bühler!N6023</f>
        <v>45541.541666652141</v>
      </c>
      <c r="X5991" s="83">
        <v>43350.541666666664</v>
      </c>
      <c r="Y5991">
        <v>272765.03419999999</v>
      </c>
      <c r="Z5991">
        <v>32008.934290000001</v>
      </c>
      <c r="AA5991">
        <v>95408.558659999995</v>
      </c>
      <c r="AB5991">
        <v>66137.752800000002</v>
      </c>
      <c r="AC5991">
        <v>47842.498079999998</v>
      </c>
      <c r="AD5991">
        <v>38561.228869999999</v>
      </c>
      <c r="AE5991">
        <v>45859.56669</v>
      </c>
      <c r="AF5991">
        <v>59927.698859999997</v>
      </c>
      <c r="AG5991">
        <v>33360.595119999998</v>
      </c>
      <c r="AH5991">
        <v>337159.33110000001</v>
      </c>
      <c r="AI5991">
        <v>91677.841809999998</v>
      </c>
      <c r="AJ5991">
        <v>23596.114590000001</v>
      </c>
      <c r="AK5991">
        <v>35768.107239999998</v>
      </c>
      <c r="AL5991">
        <v>98209.119879999998</v>
      </c>
      <c r="AM5991">
        <v>25631.0301</v>
      </c>
      <c r="AN5991">
        <v>109345.4224</v>
      </c>
      <c r="AO5991">
        <v>31057.278719999998</v>
      </c>
      <c r="AP5991">
        <v>21502.916229999999</v>
      </c>
    </row>
    <row r="5992" spans="2:42" x14ac:dyDescent="0.3">
      <c r="B5992">
        <v>65.070897510867482</v>
      </c>
      <c r="C5992" s="83">
        <v>43350.583333333336</v>
      </c>
      <c r="D5992">
        <v>273217.33559999999</v>
      </c>
      <c r="E5992">
        <v>34923.246169999999</v>
      </c>
      <c r="F5992">
        <v>97407.171400000007</v>
      </c>
      <c r="G5992">
        <v>59318.574930000002</v>
      </c>
      <c r="H5992">
        <v>47720.476309999998</v>
      </c>
      <c r="I5992">
        <v>38914.515019999999</v>
      </c>
      <c r="J5992">
        <v>45299.33064</v>
      </c>
      <c r="K5992">
        <v>62389.202810000003</v>
      </c>
      <c r="L5992">
        <v>30396.913949999998</v>
      </c>
      <c r="M5992">
        <v>331761.78080000001</v>
      </c>
      <c r="N5992">
        <v>92325.3946</v>
      </c>
      <c r="O5992">
        <v>23288.61105</v>
      </c>
      <c r="P5992">
        <v>32406.33669</v>
      </c>
      <c r="Q5992">
        <v>96873.690409999996</v>
      </c>
      <c r="R5992">
        <v>25100.104660000001</v>
      </c>
      <c r="S5992">
        <v>105779.8287</v>
      </c>
      <c r="T5992">
        <v>29199.968629999999</v>
      </c>
      <c r="U5992">
        <v>21667.498800000001</v>
      </c>
      <c r="W5992" s="83">
        <f>Bühler!N6024</f>
        <v>45541.583333318806</v>
      </c>
      <c r="X5992" s="83">
        <v>43350.583333333336</v>
      </c>
      <c r="Y5992">
        <v>273217.33559999999</v>
      </c>
      <c r="Z5992">
        <v>34923.246169999999</v>
      </c>
      <c r="AA5992">
        <v>97407.171400000007</v>
      </c>
      <c r="AB5992">
        <v>59318.574930000002</v>
      </c>
      <c r="AC5992">
        <v>47720.476309999998</v>
      </c>
      <c r="AD5992">
        <v>38914.515019999999</v>
      </c>
      <c r="AE5992">
        <v>45299.33064</v>
      </c>
      <c r="AF5992">
        <v>62389.202810000003</v>
      </c>
      <c r="AG5992">
        <v>30396.913949999998</v>
      </c>
      <c r="AH5992">
        <v>331761.78080000001</v>
      </c>
      <c r="AI5992">
        <v>92325.3946</v>
      </c>
      <c r="AJ5992">
        <v>23288.61105</v>
      </c>
      <c r="AK5992">
        <v>32406.33669</v>
      </c>
      <c r="AL5992">
        <v>96873.690409999996</v>
      </c>
      <c r="AM5992">
        <v>25100.104660000001</v>
      </c>
      <c r="AN5992">
        <v>105779.8287</v>
      </c>
      <c r="AO5992">
        <v>29199.968629999999</v>
      </c>
      <c r="AP5992">
        <v>21667.498800000001</v>
      </c>
    </row>
    <row r="5993" spans="2:42" x14ac:dyDescent="0.3">
      <c r="B5993">
        <v>64.244446826016272</v>
      </c>
      <c r="C5993" s="83">
        <v>43350.625</v>
      </c>
      <c r="D5993">
        <v>268182.92349999998</v>
      </c>
      <c r="E5993">
        <v>34800.000800000002</v>
      </c>
      <c r="F5993">
        <v>98926.851970000003</v>
      </c>
      <c r="G5993">
        <v>54403.229200000002</v>
      </c>
      <c r="H5993">
        <v>46596.86449</v>
      </c>
      <c r="I5993">
        <v>39152.433449999997</v>
      </c>
      <c r="J5993">
        <v>44954.85843</v>
      </c>
      <c r="K5993">
        <v>59290.376029999999</v>
      </c>
      <c r="L5993">
        <v>27885.2889</v>
      </c>
      <c r="M5993">
        <v>327548.14980000001</v>
      </c>
      <c r="N5993">
        <v>90194.747140000007</v>
      </c>
      <c r="O5993">
        <v>22551.536230000002</v>
      </c>
      <c r="P5993">
        <v>29732.883259999999</v>
      </c>
      <c r="Q5993">
        <v>94929.11894</v>
      </c>
      <c r="R5993">
        <v>24466.96632</v>
      </c>
      <c r="S5993">
        <v>101970.804</v>
      </c>
      <c r="T5993">
        <v>28464.272560000001</v>
      </c>
      <c r="U5993">
        <v>19884.055420000001</v>
      </c>
      <c r="W5993" s="83">
        <f>Bühler!N6025</f>
        <v>45541.62499998547</v>
      </c>
      <c r="X5993" s="83">
        <v>43350.625</v>
      </c>
      <c r="Y5993">
        <v>268182.92349999998</v>
      </c>
      <c r="Z5993">
        <v>34800.000800000002</v>
      </c>
      <c r="AA5993">
        <v>98926.851970000003</v>
      </c>
      <c r="AB5993">
        <v>54403.229200000002</v>
      </c>
      <c r="AC5993">
        <v>46596.86449</v>
      </c>
      <c r="AD5993">
        <v>39152.433449999997</v>
      </c>
      <c r="AE5993">
        <v>44954.85843</v>
      </c>
      <c r="AF5993">
        <v>59290.376029999999</v>
      </c>
      <c r="AG5993">
        <v>27885.2889</v>
      </c>
      <c r="AH5993">
        <v>327548.14980000001</v>
      </c>
      <c r="AI5993">
        <v>90194.747140000007</v>
      </c>
      <c r="AJ5993">
        <v>22551.536230000002</v>
      </c>
      <c r="AK5993">
        <v>29732.883259999999</v>
      </c>
      <c r="AL5993">
        <v>94929.11894</v>
      </c>
      <c r="AM5993">
        <v>24466.96632</v>
      </c>
      <c r="AN5993">
        <v>101970.804</v>
      </c>
      <c r="AO5993">
        <v>28464.272560000001</v>
      </c>
      <c r="AP5993">
        <v>19884.055420000001</v>
      </c>
    </row>
    <row r="5994" spans="2:42" x14ac:dyDescent="0.3">
      <c r="B5994">
        <v>62.610317807366265</v>
      </c>
      <c r="C5994" s="83">
        <v>43350.666666666664</v>
      </c>
      <c r="D5994">
        <v>259570.00930000001</v>
      </c>
      <c r="E5994">
        <v>33761.883159999998</v>
      </c>
      <c r="F5994">
        <v>97675.550019999995</v>
      </c>
      <c r="G5994">
        <v>49321.849410000003</v>
      </c>
      <c r="H5994">
        <v>45069.064599999998</v>
      </c>
      <c r="I5994">
        <v>39557.403120000003</v>
      </c>
      <c r="J5994">
        <v>43856.039989999997</v>
      </c>
      <c r="K5994">
        <v>55726.890270000004</v>
      </c>
      <c r="L5994">
        <v>27425.98532</v>
      </c>
      <c r="M5994">
        <v>319216.598</v>
      </c>
      <c r="N5994">
        <v>87863.807000000001</v>
      </c>
      <c r="O5994">
        <v>22198.808590000001</v>
      </c>
      <c r="P5994">
        <v>29028.012599999998</v>
      </c>
      <c r="Q5994">
        <v>93296.055229999998</v>
      </c>
      <c r="R5994">
        <v>24534.60701</v>
      </c>
      <c r="S5994">
        <v>98679.373489999998</v>
      </c>
      <c r="T5994">
        <v>28073.405429999999</v>
      </c>
      <c r="U5994">
        <v>17562.960080000001</v>
      </c>
      <c r="W5994" s="83">
        <f>Bühler!N6026</f>
        <v>45541.666666652134</v>
      </c>
      <c r="X5994" s="83">
        <v>43350.666666666664</v>
      </c>
      <c r="Y5994">
        <v>259570.00930000001</v>
      </c>
      <c r="Z5994">
        <v>33761.883159999998</v>
      </c>
      <c r="AA5994">
        <v>97675.550019999995</v>
      </c>
      <c r="AB5994">
        <v>49321.849410000003</v>
      </c>
      <c r="AC5994">
        <v>45069.064599999998</v>
      </c>
      <c r="AD5994">
        <v>39557.403120000003</v>
      </c>
      <c r="AE5994">
        <v>43856.039989999997</v>
      </c>
      <c r="AF5994">
        <v>55726.890270000004</v>
      </c>
      <c r="AG5994">
        <v>27425.98532</v>
      </c>
      <c r="AH5994">
        <v>319216.598</v>
      </c>
      <c r="AI5994">
        <v>87863.807000000001</v>
      </c>
      <c r="AJ5994">
        <v>22198.808590000001</v>
      </c>
      <c r="AK5994">
        <v>29028.012599999998</v>
      </c>
      <c r="AL5994">
        <v>93296.055229999998</v>
      </c>
      <c r="AM5994">
        <v>24534.60701</v>
      </c>
      <c r="AN5994">
        <v>98679.373489999998</v>
      </c>
      <c r="AO5994">
        <v>28073.405429999999</v>
      </c>
      <c r="AP5994">
        <v>17562.960080000001</v>
      </c>
    </row>
    <row r="5995" spans="2:42" x14ac:dyDescent="0.3">
      <c r="B5995">
        <v>60.864471095237967</v>
      </c>
      <c r="C5995" s="83">
        <v>43350.708333333336</v>
      </c>
      <c r="D5995">
        <v>248045.56849999999</v>
      </c>
      <c r="E5995">
        <v>31222.108759999999</v>
      </c>
      <c r="F5995">
        <v>95828.795939999996</v>
      </c>
      <c r="G5995">
        <v>42217.295039999997</v>
      </c>
      <c r="H5995">
        <v>43022.39271</v>
      </c>
      <c r="I5995">
        <v>39447.166689999998</v>
      </c>
      <c r="J5995">
        <v>43958.260690000003</v>
      </c>
      <c r="K5995">
        <v>53788.664550000001</v>
      </c>
      <c r="L5995">
        <v>27935.00315</v>
      </c>
      <c r="M5995">
        <v>310315.45730000001</v>
      </c>
      <c r="N5995">
        <v>85369.888819999993</v>
      </c>
      <c r="O5995">
        <v>20743.424869999999</v>
      </c>
      <c r="P5995">
        <v>30174.115590000001</v>
      </c>
      <c r="Q5995">
        <v>91893.872950000004</v>
      </c>
      <c r="R5995">
        <v>23434.040939999999</v>
      </c>
      <c r="S5995">
        <v>95499.327690000006</v>
      </c>
      <c r="T5995">
        <v>27103.131270000002</v>
      </c>
      <c r="U5995">
        <v>16004.937959999999</v>
      </c>
      <c r="W5995" s="83">
        <f>Bühler!N6027</f>
        <v>45541.708333318798</v>
      </c>
      <c r="X5995" s="83">
        <v>43350.708333333336</v>
      </c>
      <c r="Y5995">
        <v>248045.56849999999</v>
      </c>
      <c r="Z5995">
        <v>31222.108759999999</v>
      </c>
      <c r="AA5995">
        <v>95828.795939999996</v>
      </c>
      <c r="AB5995">
        <v>42217.295039999997</v>
      </c>
      <c r="AC5995">
        <v>43022.39271</v>
      </c>
      <c r="AD5995">
        <v>39447.166689999998</v>
      </c>
      <c r="AE5995">
        <v>43958.260690000003</v>
      </c>
      <c r="AF5995">
        <v>53788.664550000001</v>
      </c>
      <c r="AG5995">
        <v>27935.00315</v>
      </c>
      <c r="AH5995">
        <v>310315.45730000001</v>
      </c>
      <c r="AI5995">
        <v>85369.888819999993</v>
      </c>
      <c r="AJ5995">
        <v>20743.424869999999</v>
      </c>
      <c r="AK5995">
        <v>30174.115590000001</v>
      </c>
      <c r="AL5995">
        <v>91893.872950000004</v>
      </c>
      <c r="AM5995">
        <v>23434.040939999999</v>
      </c>
      <c r="AN5995">
        <v>95499.327690000006</v>
      </c>
      <c r="AO5995">
        <v>27103.131270000002</v>
      </c>
      <c r="AP5995">
        <v>16004.937959999999</v>
      </c>
    </row>
    <row r="5996" spans="2:42" x14ac:dyDescent="0.3">
      <c r="B5996">
        <v>59.777268448750775</v>
      </c>
      <c r="C5996" s="83">
        <v>43350.75</v>
      </c>
      <c r="D5996">
        <v>240167.69620000001</v>
      </c>
      <c r="E5996">
        <v>28361.386920000001</v>
      </c>
      <c r="F5996">
        <v>93828.088399999993</v>
      </c>
      <c r="G5996">
        <v>36964.768069999998</v>
      </c>
      <c r="H5996">
        <v>41114.346720000001</v>
      </c>
      <c r="I5996">
        <v>38060.815990000003</v>
      </c>
      <c r="J5996">
        <v>44399.8554</v>
      </c>
      <c r="K5996">
        <v>51602.80732</v>
      </c>
      <c r="L5996">
        <v>29018.615030000001</v>
      </c>
      <c r="M5996">
        <v>304772.39120000001</v>
      </c>
      <c r="N5996">
        <v>83310.354919999998</v>
      </c>
      <c r="O5996">
        <v>18811.352889999998</v>
      </c>
      <c r="P5996">
        <v>32956.749750000003</v>
      </c>
      <c r="Q5996">
        <v>89408.384290000002</v>
      </c>
      <c r="R5996">
        <v>22666.323690000001</v>
      </c>
      <c r="S5996">
        <v>89738.720109999995</v>
      </c>
      <c r="T5996">
        <v>27293.975269999999</v>
      </c>
      <c r="U5996">
        <v>14826.685799999999</v>
      </c>
      <c r="W5996" s="83">
        <f>Bühler!N6028</f>
        <v>45541.749999985463</v>
      </c>
      <c r="X5996" s="83">
        <v>43350.75</v>
      </c>
      <c r="Y5996">
        <v>240167.69620000001</v>
      </c>
      <c r="Z5996">
        <v>28361.386920000001</v>
      </c>
      <c r="AA5996">
        <v>93828.088399999993</v>
      </c>
      <c r="AB5996">
        <v>36964.768069999998</v>
      </c>
      <c r="AC5996">
        <v>41114.346720000001</v>
      </c>
      <c r="AD5996">
        <v>38060.815990000003</v>
      </c>
      <c r="AE5996">
        <v>44399.8554</v>
      </c>
      <c r="AF5996">
        <v>51602.80732</v>
      </c>
      <c r="AG5996">
        <v>29018.615030000001</v>
      </c>
      <c r="AH5996">
        <v>304772.39120000001</v>
      </c>
      <c r="AI5996">
        <v>83310.354919999998</v>
      </c>
      <c r="AJ5996">
        <v>18811.352889999998</v>
      </c>
      <c r="AK5996">
        <v>32956.749750000003</v>
      </c>
      <c r="AL5996">
        <v>89408.384290000002</v>
      </c>
      <c r="AM5996">
        <v>22666.323690000001</v>
      </c>
      <c r="AN5996">
        <v>89738.720109999995</v>
      </c>
      <c r="AO5996">
        <v>27293.975269999999</v>
      </c>
      <c r="AP5996">
        <v>14826.685799999999</v>
      </c>
    </row>
    <row r="5997" spans="2:42" x14ac:dyDescent="0.3">
      <c r="B5997">
        <v>58.362642889560831</v>
      </c>
      <c r="C5997" s="83">
        <v>43350.791666666664</v>
      </c>
      <c r="D5997">
        <v>232612.91089999999</v>
      </c>
      <c r="E5997">
        <v>22647.463380000001</v>
      </c>
      <c r="F5997">
        <v>83474.810289999994</v>
      </c>
      <c r="G5997">
        <v>34630.290070000003</v>
      </c>
      <c r="H5997">
        <v>39336.240120000002</v>
      </c>
      <c r="I5997">
        <v>35142.138290000003</v>
      </c>
      <c r="J5997">
        <v>43783.121729999999</v>
      </c>
      <c r="K5997">
        <v>51102.977079999997</v>
      </c>
      <c r="L5997">
        <v>29974.893970000001</v>
      </c>
      <c r="M5997">
        <v>297559.97039999999</v>
      </c>
      <c r="N5997">
        <v>82688.5141</v>
      </c>
      <c r="O5997">
        <v>18213.913980000001</v>
      </c>
      <c r="P5997">
        <v>36137.16289</v>
      </c>
      <c r="Q5997">
        <v>85777.232019999996</v>
      </c>
      <c r="R5997">
        <v>21866.566210000001</v>
      </c>
      <c r="S5997">
        <v>86788.845690000002</v>
      </c>
      <c r="T5997">
        <v>27764.38883</v>
      </c>
      <c r="U5997">
        <v>14287.854079999999</v>
      </c>
      <c r="W5997" s="83">
        <f>Bühler!N6029</f>
        <v>45541.791666652127</v>
      </c>
      <c r="X5997" s="83">
        <v>43350.791666666664</v>
      </c>
      <c r="Y5997">
        <v>232612.91089999999</v>
      </c>
      <c r="Z5997">
        <v>22647.463380000001</v>
      </c>
      <c r="AA5997">
        <v>83474.810289999994</v>
      </c>
      <c r="AB5997">
        <v>34630.290070000003</v>
      </c>
      <c r="AC5997">
        <v>39336.240120000002</v>
      </c>
      <c r="AD5997">
        <v>35142.138290000003</v>
      </c>
      <c r="AE5997">
        <v>43783.121729999999</v>
      </c>
      <c r="AF5997">
        <v>51102.977079999997</v>
      </c>
      <c r="AG5997">
        <v>29974.893970000001</v>
      </c>
      <c r="AH5997">
        <v>297559.97039999999</v>
      </c>
      <c r="AI5997">
        <v>82688.5141</v>
      </c>
      <c r="AJ5997">
        <v>18213.913980000001</v>
      </c>
      <c r="AK5997">
        <v>36137.16289</v>
      </c>
      <c r="AL5997">
        <v>85777.232019999996</v>
      </c>
      <c r="AM5997">
        <v>21866.566210000001</v>
      </c>
      <c r="AN5997">
        <v>86788.845690000002</v>
      </c>
      <c r="AO5997">
        <v>27764.38883</v>
      </c>
      <c r="AP5997">
        <v>14287.854079999999</v>
      </c>
    </row>
    <row r="5998" spans="2:42" x14ac:dyDescent="0.3">
      <c r="B5998">
        <v>56.291791462511846</v>
      </c>
      <c r="C5998" s="83">
        <v>43350.833333333336</v>
      </c>
      <c r="D5998">
        <v>224038.89739999999</v>
      </c>
      <c r="E5998">
        <v>17501.975109999999</v>
      </c>
      <c r="F5998">
        <v>68054.358139999997</v>
      </c>
      <c r="G5998">
        <v>33021.85583</v>
      </c>
      <c r="H5998">
        <v>38127.220170000001</v>
      </c>
      <c r="I5998">
        <v>32140.988549999998</v>
      </c>
      <c r="J5998">
        <v>44522.994250000003</v>
      </c>
      <c r="K5998">
        <v>50185.670530000003</v>
      </c>
      <c r="L5998">
        <v>30616.40971</v>
      </c>
      <c r="M5998">
        <v>287001.80410000001</v>
      </c>
      <c r="N5998">
        <v>79641.194959999993</v>
      </c>
      <c r="O5998">
        <v>17927.415300000001</v>
      </c>
      <c r="P5998">
        <v>37024.346030000001</v>
      </c>
      <c r="Q5998">
        <v>81582.625150000007</v>
      </c>
      <c r="R5998">
        <v>20708.437709999998</v>
      </c>
      <c r="S5998">
        <v>80042.498560000007</v>
      </c>
      <c r="T5998">
        <v>27007.442650000001</v>
      </c>
      <c r="U5998">
        <v>14400.615889999999</v>
      </c>
      <c r="W5998" s="83">
        <f>Bühler!N6030</f>
        <v>45541.833333318791</v>
      </c>
      <c r="X5998" s="83">
        <v>43350.833333333336</v>
      </c>
      <c r="Y5998">
        <v>224038.89739999999</v>
      </c>
      <c r="Z5998">
        <v>17501.975109999999</v>
      </c>
      <c r="AA5998">
        <v>68054.358139999997</v>
      </c>
      <c r="AB5998">
        <v>33021.85583</v>
      </c>
      <c r="AC5998">
        <v>38127.220170000001</v>
      </c>
      <c r="AD5998">
        <v>32140.988549999998</v>
      </c>
      <c r="AE5998">
        <v>44522.994250000003</v>
      </c>
      <c r="AF5998">
        <v>50185.670530000003</v>
      </c>
      <c r="AG5998">
        <v>30616.40971</v>
      </c>
      <c r="AH5998">
        <v>287001.80410000001</v>
      </c>
      <c r="AI5998">
        <v>79641.194959999993</v>
      </c>
      <c r="AJ5998">
        <v>17927.415300000001</v>
      </c>
      <c r="AK5998">
        <v>37024.346030000001</v>
      </c>
      <c r="AL5998">
        <v>81582.625150000007</v>
      </c>
      <c r="AM5998">
        <v>20708.437709999998</v>
      </c>
      <c r="AN5998">
        <v>80042.498560000007</v>
      </c>
      <c r="AO5998">
        <v>27007.442650000001</v>
      </c>
      <c r="AP5998">
        <v>14400.615889999999</v>
      </c>
    </row>
    <row r="5999" spans="2:42" x14ac:dyDescent="0.3">
      <c r="B5999">
        <v>54.433137395892032</v>
      </c>
      <c r="C5999" s="83">
        <v>43350.875</v>
      </c>
      <c r="D5999">
        <v>218340.30989999999</v>
      </c>
      <c r="E5999">
        <v>14947.199919999999</v>
      </c>
      <c r="F5999">
        <v>59176.949390000002</v>
      </c>
      <c r="G5999">
        <v>31902.606520000001</v>
      </c>
      <c r="H5999">
        <v>36592.713340000002</v>
      </c>
      <c r="I5999">
        <v>28371.055919999999</v>
      </c>
      <c r="J5999">
        <v>44183.485220000002</v>
      </c>
      <c r="K5999">
        <v>50399.076690000002</v>
      </c>
      <c r="L5999">
        <v>29457.387750000002</v>
      </c>
      <c r="M5999">
        <v>277525.51890000002</v>
      </c>
      <c r="N5999">
        <v>77471.986130000005</v>
      </c>
      <c r="O5999">
        <v>17412.037329999999</v>
      </c>
      <c r="P5999">
        <v>35645.932760000003</v>
      </c>
      <c r="Q5999">
        <v>78426.308210000003</v>
      </c>
      <c r="R5999">
        <v>19930.39935</v>
      </c>
      <c r="S5999">
        <v>76925.085940000004</v>
      </c>
      <c r="T5999">
        <v>25217.33382</v>
      </c>
      <c r="U5999">
        <v>13825.832259999999</v>
      </c>
      <c r="W5999" s="83">
        <f>Bühler!N6031</f>
        <v>45541.874999985455</v>
      </c>
      <c r="X5999" s="83">
        <v>43350.875</v>
      </c>
      <c r="Y5999">
        <v>218340.30989999999</v>
      </c>
      <c r="Z5999">
        <v>14947.199919999999</v>
      </c>
      <c r="AA5999">
        <v>59176.949390000002</v>
      </c>
      <c r="AB5999">
        <v>31902.606520000001</v>
      </c>
      <c r="AC5999">
        <v>36592.713340000002</v>
      </c>
      <c r="AD5999">
        <v>28371.055919999999</v>
      </c>
      <c r="AE5999">
        <v>44183.485220000002</v>
      </c>
      <c r="AF5999">
        <v>50399.076690000002</v>
      </c>
      <c r="AG5999">
        <v>29457.387750000002</v>
      </c>
      <c r="AH5999">
        <v>277525.51890000002</v>
      </c>
      <c r="AI5999">
        <v>77471.986130000005</v>
      </c>
      <c r="AJ5999">
        <v>17412.037329999999</v>
      </c>
      <c r="AK5999">
        <v>35645.932760000003</v>
      </c>
      <c r="AL5999">
        <v>78426.308210000003</v>
      </c>
      <c r="AM5999">
        <v>19930.39935</v>
      </c>
      <c r="AN5999">
        <v>76925.085940000004</v>
      </c>
      <c r="AO5999">
        <v>25217.33382</v>
      </c>
      <c r="AP5999">
        <v>13825.832259999999</v>
      </c>
    </row>
    <row r="6000" spans="2:42" x14ac:dyDescent="0.3">
      <c r="B6000">
        <v>53.445316184137553</v>
      </c>
      <c r="C6000" s="83">
        <v>43350.916666666664</v>
      </c>
      <c r="D6000">
        <v>215407.54310000001</v>
      </c>
      <c r="E6000">
        <v>14107.97791</v>
      </c>
      <c r="F6000">
        <v>56730.334929999997</v>
      </c>
      <c r="G6000">
        <v>31358.757720000001</v>
      </c>
      <c r="H6000">
        <v>35888.943570000003</v>
      </c>
      <c r="I6000">
        <v>25641.291280000001</v>
      </c>
      <c r="J6000">
        <v>41781.593679999998</v>
      </c>
      <c r="K6000">
        <v>53048.6947</v>
      </c>
      <c r="L6000">
        <v>26571.315259999999</v>
      </c>
      <c r="M6000">
        <v>272489.14569999999</v>
      </c>
      <c r="N6000">
        <v>75337.839340000006</v>
      </c>
      <c r="O6000">
        <v>17310.293699999998</v>
      </c>
      <c r="P6000">
        <v>36913.847029999997</v>
      </c>
      <c r="Q6000">
        <v>77314.481180000002</v>
      </c>
      <c r="R6000">
        <v>20685.690129999999</v>
      </c>
      <c r="S6000">
        <v>75426.65062</v>
      </c>
      <c r="T6000">
        <v>21230.243340000001</v>
      </c>
      <c r="U6000">
        <v>13774.85412</v>
      </c>
      <c r="W6000" s="83">
        <f>Bühler!N6032</f>
        <v>45541.91666665212</v>
      </c>
      <c r="X6000" s="83">
        <v>43350.916666666664</v>
      </c>
      <c r="Y6000">
        <v>215407.54310000001</v>
      </c>
      <c r="Z6000">
        <v>14107.97791</v>
      </c>
      <c r="AA6000">
        <v>56730.334929999997</v>
      </c>
      <c r="AB6000">
        <v>31358.757720000001</v>
      </c>
      <c r="AC6000">
        <v>35888.943570000003</v>
      </c>
      <c r="AD6000">
        <v>25641.291280000001</v>
      </c>
      <c r="AE6000">
        <v>41781.593679999998</v>
      </c>
      <c r="AF6000">
        <v>53048.6947</v>
      </c>
      <c r="AG6000">
        <v>26571.315259999999</v>
      </c>
      <c r="AH6000">
        <v>272489.14569999999</v>
      </c>
      <c r="AI6000">
        <v>75337.839340000006</v>
      </c>
      <c r="AJ6000">
        <v>17310.293699999998</v>
      </c>
      <c r="AK6000">
        <v>36913.847029999997</v>
      </c>
      <c r="AL6000">
        <v>77314.481180000002</v>
      </c>
      <c r="AM6000">
        <v>20685.690129999999</v>
      </c>
      <c r="AN6000">
        <v>75426.65062</v>
      </c>
      <c r="AO6000">
        <v>21230.243340000001</v>
      </c>
      <c r="AP6000">
        <v>13774.85412</v>
      </c>
    </row>
    <row r="6001" spans="2:42" x14ac:dyDescent="0.3">
      <c r="B6001">
        <v>52.892276777601339</v>
      </c>
      <c r="C6001" s="83">
        <v>43350.958333333336</v>
      </c>
      <c r="D6001">
        <v>213356.943</v>
      </c>
      <c r="E6001">
        <v>13420.256579999999</v>
      </c>
      <c r="F6001">
        <v>55582.826009999997</v>
      </c>
      <c r="G6001">
        <v>31324.942790000001</v>
      </c>
      <c r="H6001">
        <v>34988.975680000003</v>
      </c>
      <c r="I6001">
        <v>24530.49251</v>
      </c>
      <c r="J6001">
        <v>37972.565909999998</v>
      </c>
      <c r="K6001">
        <v>52111.441050000001</v>
      </c>
      <c r="L6001">
        <v>22990.397919999999</v>
      </c>
      <c r="M6001">
        <v>269669.49290000001</v>
      </c>
      <c r="N6001">
        <v>72793.496050000002</v>
      </c>
      <c r="O6001">
        <v>16923.00374</v>
      </c>
      <c r="P6001">
        <v>32107.806089999998</v>
      </c>
      <c r="Q6001">
        <v>76776.719259999998</v>
      </c>
      <c r="R6001">
        <v>19923.012330000001</v>
      </c>
      <c r="S6001">
        <v>73646.670570000002</v>
      </c>
      <c r="T6001">
        <v>19708.04694</v>
      </c>
      <c r="U6001">
        <v>13303.305350000001</v>
      </c>
      <c r="W6001" s="83">
        <f>Bühler!N6033</f>
        <v>45541.958333318784</v>
      </c>
      <c r="X6001" s="83">
        <v>43350.958333333336</v>
      </c>
      <c r="Y6001">
        <v>213356.943</v>
      </c>
      <c r="Z6001">
        <v>13420.256579999999</v>
      </c>
      <c r="AA6001">
        <v>55582.826009999997</v>
      </c>
      <c r="AB6001">
        <v>31324.942790000001</v>
      </c>
      <c r="AC6001">
        <v>34988.975680000003</v>
      </c>
      <c r="AD6001">
        <v>24530.49251</v>
      </c>
      <c r="AE6001">
        <v>37972.565909999998</v>
      </c>
      <c r="AF6001">
        <v>52111.441050000001</v>
      </c>
      <c r="AG6001">
        <v>22990.397919999999</v>
      </c>
      <c r="AH6001">
        <v>269669.49290000001</v>
      </c>
      <c r="AI6001">
        <v>72793.496050000002</v>
      </c>
      <c r="AJ6001">
        <v>16923.00374</v>
      </c>
      <c r="AK6001">
        <v>32107.806089999998</v>
      </c>
      <c r="AL6001">
        <v>76776.719259999998</v>
      </c>
      <c r="AM6001">
        <v>19923.012330000001</v>
      </c>
      <c r="AN6001">
        <v>73646.670570000002</v>
      </c>
      <c r="AO6001">
        <v>19708.04694</v>
      </c>
      <c r="AP6001">
        <v>13303.305350000001</v>
      </c>
    </row>
    <row r="6002" spans="2:42" x14ac:dyDescent="0.3">
      <c r="B6002">
        <v>51.945964871941207</v>
      </c>
      <c r="C6002" s="83">
        <v>43351</v>
      </c>
      <c r="D6002">
        <v>209897.94070000001</v>
      </c>
      <c r="E6002">
        <v>12807.62903</v>
      </c>
      <c r="F6002">
        <v>54240.418129999998</v>
      </c>
      <c r="G6002">
        <v>30814.003250000002</v>
      </c>
      <c r="H6002">
        <v>33994.556539999998</v>
      </c>
      <c r="I6002">
        <v>22971.852169999998</v>
      </c>
      <c r="J6002">
        <v>34834.718489999999</v>
      </c>
      <c r="K6002">
        <v>50222.928890000003</v>
      </c>
      <c r="L6002">
        <v>19480.006430000001</v>
      </c>
      <c r="M6002">
        <v>264844.75349999999</v>
      </c>
      <c r="N6002">
        <v>71258.903430000006</v>
      </c>
      <c r="O6002">
        <v>16764.532029999998</v>
      </c>
      <c r="P6002">
        <v>29305.88481</v>
      </c>
      <c r="Q6002">
        <v>74931.156040000002</v>
      </c>
      <c r="R6002">
        <v>17142.549050000001</v>
      </c>
      <c r="S6002">
        <v>71991.205159999998</v>
      </c>
      <c r="T6002">
        <v>18730.353569999999</v>
      </c>
      <c r="U6002">
        <v>12939.20307</v>
      </c>
      <c r="W6002" s="83">
        <f>Bühler!N6034</f>
        <v>45541.999999985448</v>
      </c>
      <c r="X6002" s="83">
        <v>43351</v>
      </c>
      <c r="Y6002">
        <v>209897.94070000001</v>
      </c>
      <c r="Z6002">
        <v>12807.62903</v>
      </c>
      <c r="AA6002">
        <v>54240.418129999998</v>
      </c>
      <c r="AB6002">
        <v>30814.003250000002</v>
      </c>
      <c r="AC6002">
        <v>33994.556539999998</v>
      </c>
      <c r="AD6002">
        <v>22971.852169999998</v>
      </c>
      <c r="AE6002">
        <v>34834.718489999999</v>
      </c>
      <c r="AF6002">
        <v>50222.928890000003</v>
      </c>
      <c r="AG6002">
        <v>19480.006430000001</v>
      </c>
      <c r="AH6002">
        <v>264844.75349999999</v>
      </c>
      <c r="AI6002">
        <v>71258.903430000006</v>
      </c>
      <c r="AJ6002">
        <v>16764.532029999998</v>
      </c>
      <c r="AK6002">
        <v>29305.88481</v>
      </c>
      <c r="AL6002">
        <v>74931.156040000002</v>
      </c>
      <c r="AM6002">
        <v>17142.549050000001</v>
      </c>
      <c r="AN6002">
        <v>71991.205159999998</v>
      </c>
      <c r="AO6002">
        <v>18730.353569999999</v>
      </c>
      <c r="AP6002">
        <v>12939.20307</v>
      </c>
    </row>
    <row r="6003" spans="2:42" x14ac:dyDescent="0.3">
      <c r="B6003">
        <v>50.974863903938953</v>
      </c>
      <c r="C6003" s="83">
        <v>43351.041666666664</v>
      </c>
      <c r="D6003">
        <v>204292.04800000001</v>
      </c>
      <c r="E6003">
        <v>12567.709150000001</v>
      </c>
      <c r="F6003">
        <v>53630.292500000003</v>
      </c>
      <c r="G6003">
        <v>30280.186679999999</v>
      </c>
      <c r="H6003">
        <v>33546.153429999998</v>
      </c>
      <c r="I6003">
        <v>19730.791209999999</v>
      </c>
      <c r="J6003">
        <v>33856.509729999998</v>
      </c>
      <c r="K6003">
        <v>48923.02087</v>
      </c>
      <c r="L6003">
        <v>17740.101060000001</v>
      </c>
      <c r="M6003">
        <v>259893.62789999999</v>
      </c>
      <c r="N6003">
        <v>70356.058009999993</v>
      </c>
      <c r="O6003">
        <v>16495.090479999999</v>
      </c>
      <c r="P6003">
        <v>26109.491890000001</v>
      </c>
      <c r="Q6003">
        <v>74386.102469999998</v>
      </c>
      <c r="R6003">
        <v>15557.784159999999</v>
      </c>
      <c r="S6003">
        <v>70911.601609999998</v>
      </c>
      <c r="T6003">
        <v>17873.295559999999</v>
      </c>
      <c r="U6003">
        <v>12618.64436</v>
      </c>
      <c r="W6003" s="83">
        <f>Bühler!N6035</f>
        <v>45542.041666652112</v>
      </c>
      <c r="X6003" s="83">
        <v>43351.041666666664</v>
      </c>
      <c r="Y6003">
        <v>204292.04800000001</v>
      </c>
      <c r="Z6003">
        <v>12567.709150000001</v>
      </c>
      <c r="AA6003">
        <v>53630.292500000003</v>
      </c>
      <c r="AB6003">
        <v>30280.186679999999</v>
      </c>
      <c r="AC6003">
        <v>33546.153429999998</v>
      </c>
      <c r="AD6003">
        <v>19730.791209999999</v>
      </c>
      <c r="AE6003">
        <v>33856.509729999998</v>
      </c>
      <c r="AF6003">
        <v>48923.02087</v>
      </c>
      <c r="AG6003">
        <v>17740.101060000001</v>
      </c>
      <c r="AH6003">
        <v>259893.62789999999</v>
      </c>
      <c r="AI6003">
        <v>70356.058009999993</v>
      </c>
      <c r="AJ6003">
        <v>16495.090479999999</v>
      </c>
      <c r="AK6003">
        <v>26109.491890000001</v>
      </c>
      <c r="AL6003">
        <v>74386.102469999998</v>
      </c>
      <c r="AM6003">
        <v>15557.784159999999</v>
      </c>
      <c r="AN6003">
        <v>70911.601609999998</v>
      </c>
      <c r="AO6003">
        <v>17873.295559999999</v>
      </c>
      <c r="AP6003">
        <v>12618.64436</v>
      </c>
    </row>
    <row r="6004" spans="2:42" x14ac:dyDescent="0.3">
      <c r="B6004">
        <v>49.998772690185618</v>
      </c>
      <c r="C6004" s="83">
        <v>43351.083333333336</v>
      </c>
      <c r="D6004">
        <v>200017.14540000001</v>
      </c>
      <c r="E6004">
        <v>12348.001029999999</v>
      </c>
      <c r="F6004">
        <v>54438.096460000001</v>
      </c>
      <c r="G6004">
        <v>30042.70881</v>
      </c>
      <c r="H6004">
        <v>33026.77923</v>
      </c>
      <c r="I6004">
        <v>17710.180710000001</v>
      </c>
      <c r="J6004">
        <v>33409.392030000003</v>
      </c>
      <c r="K6004">
        <v>46521.870309999998</v>
      </c>
      <c r="L6004">
        <v>17061.82331</v>
      </c>
      <c r="M6004">
        <v>254917.05970000001</v>
      </c>
      <c r="N6004">
        <v>69142.018899999995</v>
      </c>
      <c r="O6004">
        <v>16317.03514</v>
      </c>
      <c r="P6004">
        <v>24813.629229999999</v>
      </c>
      <c r="Q6004">
        <v>73870.891380000001</v>
      </c>
      <c r="R6004">
        <v>14975.222089999999</v>
      </c>
      <c r="S6004">
        <v>70130.373189999998</v>
      </c>
      <c r="T6004">
        <v>17434.612669999999</v>
      </c>
      <c r="U6004">
        <v>12380.213250000001</v>
      </c>
      <c r="W6004" s="83">
        <f>Bühler!N6036</f>
        <v>45542.083333318777</v>
      </c>
      <c r="X6004" s="83">
        <v>43351.083333333336</v>
      </c>
      <c r="Y6004">
        <v>200017.14540000001</v>
      </c>
      <c r="Z6004">
        <v>12348.001029999999</v>
      </c>
      <c r="AA6004">
        <v>54438.096460000001</v>
      </c>
      <c r="AB6004">
        <v>30042.70881</v>
      </c>
      <c r="AC6004">
        <v>33026.77923</v>
      </c>
      <c r="AD6004">
        <v>17710.180710000001</v>
      </c>
      <c r="AE6004">
        <v>33409.392030000003</v>
      </c>
      <c r="AF6004">
        <v>46521.870309999998</v>
      </c>
      <c r="AG6004">
        <v>17061.82331</v>
      </c>
      <c r="AH6004">
        <v>254917.05970000001</v>
      </c>
      <c r="AI6004">
        <v>69142.018899999995</v>
      </c>
      <c r="AJ6004">
        <v>16317.03514</v>
      </c>
      <c r="AK6004">
        <v>24813.629229999999</v>
      </c>
      <c r="AL6004">
        <v>73870.891380000001</v>
      </c>
      <c r="AM6004">
        <v>14975.222089999999</v>
      </c>
      <c r="AN6004">
        <v>70130.373189999998</v>
      </c>
      <c r="AO6004">
        <v>17434.612669999999</v>
      </c>
      <c r="AP6004">
        <v>12380.213250000001</v>
      </c>
    </row>
    <row r="6005" spans="2:42" x14ac:dyDescent="0.3">
      <c r="B6005">
        <v>49.133743443310493</v>
      </c>
      <c r="C6005" s="83">
        <v>43351.125</v>
      </c>
      <c r="D6005">
        <v>194056.7095</v>
      </c>
      <c r="E6005">
        <v>12243.95984</v>
      </c>
      <c r="F6005">
        <v>55500.89961</v>
      </c>
      <c r="G6005">
        <v>29360.243880000002</v>
      </c>
      <c r="H6005">
        <v>32915.335590000002</v>
      </c>
      <c r="I6005">
        <v>16805.350900000001</v>
      </c>
      <c r="J6005">
        <v>33355.367610000001</v>
      </c>
      <c r="K6005">
        <v>45405.021009999997</v>
      </c>
      <c r="L6005">
        <v>16520.786899999999</v>
      </c>
      <c r="M6005">
        <v>250506.7372</v>
      </c>
      <c r="N6005">
        <v>68110.741469999994</v>
      </c>
      <c r="O6005">
        <v>15786.02873</v>
      </c>
      <c r="P6005">
        <v>24087.73934</v>
      </c>
      <c r="Q6005">
        <v>73560.044720000005</v>
      </c>
      <c r="R6005">
        <v>13777.91524</v>
      </c>
      <c r="S6005">
        <v>69548.362859999994</v>
      </c>
      <c r="T6005">
        <v>17130.649700000002</v>
      </c>
      <c r="U6005">
        <v>12288.858920000001</v>
      </c>
      <c r="W6005" s="83">
        <f>Bühler!N6037</f>
        <v>45542.124999985441</v>
      </c>
      <c r="X6005" s="83">
        <v>43351.125</v>
      </c>
      <c r="Y6005">
        <v>194056.7095</v>
      </c>
      <c r="Z6005">
        <v>12243.95984</v>
      </c>
      <c r="AA6005">
        <v>55500.89961</v>
      </c>
      <c r="AB6005">
        <v>29360.243880000002</v>
      </c>
      <c r="AC6005">
        <v>32915.335590000002</v>
      </c>
      <c r="AD6005">
        <v>16805.350900000001</v>
      </c>
      <c r="AE6005">
        <v>33355.367610000001</v>
      </c>
      <c r="AF6005">
        <v>45405.021009999997</v>
      </c>
      <c r="AG6005">
        <v>16520.786899999999</v>
      </c>
      <c r="AH6005">
        <v>250506.7372</v>
      </c>
      <c r="AI6005">
        <v>68110.741469999994</v>
      </c>
      <c r="AJ6005">
        <v>15786.02873</v>
      </c>
      <c r="AK6005">
        <v>24087.73934</v>
      </c>
      <c r="AL6005">
        <v>73560.044720000005</v>
      </c>
      <c r="AM6005">
        <v>13777.91524</v>
      </c>
      <c r="AN6005">
        <v>69548.362859999994</v>
      </c>
      <c r="AO6005">
        <v>17130.649700000002</v>
      </c>
      <c r="AP6005">
        <v>12288.858920000001</v>
      </c>
    </row>
    <row r="6006" spans="2:42" x14ac:dyDescent="0.3">
      <c r="B6006">
        <v>47.849103620134223</v>
      </c>
      <c r="C6006" s="83">
        <v>43351.166666666664</v>
      </c>
      <c r="D6006">
        <v>186146.73300000001</v>
      </c>
      <c r="E6006">
        <v>12183.48216</v>
      </c>
      <c r="F6006">
        <v>58714.775170000001</v>
      </c>
      <c r="G6006">
        <v>28340.652139999998</v>
      </c>
      <c r="H6006">
        <v>32664.273959999999</v>
      </c>
      <c r="I6006">
        <v>17893.323659999998</v>
      </c>
      <c r="J6006">
        <v>35376.805690000001</v>
      </c>
      <c r="K6006">
        <v>44232.127869999997</v>
      </c>
      <c r="L6006">
        <v>16210.897279999999</v>
      </c>
      <c r="M6006">
        <v>243957.04430000001</v>
      </c>
      <c r="N6006">
        <v>66073.074510000006</v>
      </c>
      <c r="O6006">
        <v>16057.802530000001</v>
      </c>
      <c r="P6006">
        <v>23538.206880000002</v>
      </c>
      <c r="Q6006">
        <v>72062.289990000005</v>
      </c>
      <c r="R6006">
        <v>14635.475640000001</v>
      </c>
      <c r="S6006">
        <v>70200.738329999993</v>
      </c>
      <c r="T6006">
        <v>17111.1332</v>
      </c>
      <c r="U6006">
        <v>12243.283299999999</v>
      </c>
      <c r="W6006" s="83">
        <f>Bühler!N6038</f>
        <v>45542.166666652105</v>
      </c>
      <c r="X6006" s="83">
        <v>43351.166666666664</v>
      </c>
      <c r="Y6006">
        <v>186146.73300000001</v>
      </c>
      <c r="Z6006">
        <v>12183.48216</v>
      </c>
      <c r="AA6006">
        <v>58714.775170000001</v>
      </c>
      <c r="AB6006">
        <v>28340.652139999998</v>
      </c>
      <c r="AC6006">
        <v>32664.273959999999</v>
      </c>
      <c r="AD6006">
        <v>17893.323659999998</v>
      </c>
      <c r="AE6006">
        <v>35376.805690000001</v>
      </c>
      <c r="AF6006">
        <v>44232.127869999997</v>
      </c>
      <c r="AG6006">
        <v>16210.897279999999</v>
      </c>
      <c r="AH6006">
        <v>243957.04430000001</v>
      </c>
      <c r="AI6006">
        <v>66073.074510000006</v>
      </c>
      <c r="AJ6006">
        <v>16057.802530000001</v>
      </c>
      <c r="AK6006">
        <v>23538.206880000002</v>
      </c>
      <c r="AL6006">
        <v>72062.289990000005</v>
      </c>
      <c r="AM6006">
        <v>14635.475640000001</v>
      </c>
      <c r="AN6006">
        <v>70200.738329999993</v>
      </c>
      <c r="AO6006">
        <v>17111.1332</v>
      </c>
      <c r="AP6006">
        <v>12243.283299999999</v>
      </c>
    </row>
    <row r="6007" spans="2:42" x14ac:dyDescent="0.3">
      <c r="B6007">
        <v>46.799281626419351</v>
      </c>
      <c r="C6007" s="83">
        <v>43351.208333333336</v>
      </c>
      <c r="D6007">
        <v>182214.85800000001</v>
      </c>
      <c r="E6007">
        <v>12791.43089</v>
      </c>
      <c r="F6007">
        <v>66180.899839999998</v>
      </c>
      <c r="G6007">
        <v>28613.044409999999</v>
      </c>
      <c r="H6007">
        <v>33361.089460000003</v>
      </c>
      <c r="I6007">
        <v>23199.759989999999</v>
      </c>
      <c r="J6007">
        <v>38391.356209999998</v>
      </c>
      <c r="K6007">
        <v>43759.61419</v>
      </c>
      <c r="L6007">
        <v>16341.72741</v>
      </c>
      <c r="M6007">
        <v>238604.56219999999</v>
      </c>
      <c r="N6007">
        <v>64876.574890000004</v>
      </c>
      <c r="O6007">
        <v>16573.096949999999</v>
      </c>
      <c r="P6007">
        <v>24467.68172</v>
      </c>
      <c r="Q6007">
        <v>70977.078290000005</v>
      </c>
      <c r="R6007">
        <v>15433.420239999999</v>
      </c>
      <c r="S6007">
        <v>71450.279179999998</v>
      </c>
      <c r="T6007">
        <v>17720.11217</v>
      </c>
      <c r="U6007">
        <v>12695.135410000001</v>
      </c>
      <c r="W6007" s="83">
        <f>Bühler!N6039</f>
        <v>45542.208333318769</v>
      </c>
      <c r="X6007" s="83">
        <v>43351.208333333336</v>
      </c>
      <c r="Y6007">
        <v>182214.85800000001</v>
      </c>
      <c r="Z6007">
        <v>12791.43089</v>
      </c>
      <c r="AA6007">
        <v>66180.899839999998</v>
      </c>
      <c r="AB6007">
        <v>28613.044409999999</v>
      </c>
      <c r="AC6007">
        <v>33361.089460000003</v>
      </c>
      <c r="AD6007">
        <v>23199.759989999999</v>
      </c>
      <c r="AE6007">
        <v>38391.356209999998</v>
      </c>
      <c r="AF6007">
        <v>43759.61419</v>
      </c>
      <c r="AG6007">
        <v>16341.72741</v>
      </c>
      <c r="AH6007">
        <v>238604.56219999999</v>
      </c>
      <c r="AI6007">
        <v>64876.574890000004</v>
      </c>
      <c r="AJ6007">
        <v>16573.096949999999</v>
      </c>
      <c r="AK6007">
        <v>24467.68172</v>
      </c>
      <c r="AL6007">
        <v>70977.078290000005</v>
      </c>
      <c r="AM6007">
        <v>15433.420239999999</v>
      </c>
      <c r="AN6007">
        <v>71450.279179999998</v>
      </c>
      <c r="AO6007">
        <v>17720.11217</v>
      </c>
      <c r="AP6007">
        <v>12695.135410000001</v>
      </c>
    </row>
    <row r="6008" spans="2:42" x14ac:dyDescent="0.3">
      <c r="B6008">
        <v>46.360050287070926</v>
      </c>
      <c r="C6008" s="83">
        <v>43351.25</v>
      </c>
      <c r="D6008">
        <v>183350.07079999999</v>
      </c>
      <c r="E6008">
        <v>14344.26944</v>
      </c>
      <c r="F6008">
        <v>76762.046329999997</v>
      </c>
      <c r="G6008">
        <v>29502.49654</v>
      </c>
      <c r="H6008">
        <v>33968.043510000003</v>
      </c>
      <c r="I6008">
        <v>26279.85324</v>
      </c>
      <c r="J6008">
        <v>41687.291420000001</v>
      </c>
      <c r="K6008">
        <v>41243.317150000003</v>
      </c>
      <c r="L6008">
        <v>17115.279869999998</v>
      </c>
      <c r="M6008">
        <v>236365.15599999999</v>
      </c>
      <c r="N6008">
        <v>64446.600079999997</v>
      </c>
      <c r="O6008">
        <v>17843.833869999999</v>
      </c>
      <c r="P6008">
        <v>25299.63493</v>
      </c>
      <c r="Q6008">
        <v>69291.441049999994</v>
      </c>
      <c r="R6008">
        <v>16328.41668</v>
      </c>
      <c r="S6008">
        <v>75547.841870000004</v>
      </c>
      <c r="T6008">
        <v>18464.356629999998</v>
      </c>
      <c r="U6008">
        <v>12838.622439999999</v>
      </c>
      <c r="W6008" s="83">
        <f>Bühler!N6040</f>
        <v>45542.249999985434</v>
      </c>
      <c r="X6008" s="83">
        <v>43351.25</v>
      </c>
      <c r="Y6008">
        <v>183350.07079999999</v>
      </c>
      <c r="Z6008">
        <v>14344.26944</v>
      </c>
      <c r="AA6008">
        <v>76762.046329999997</v>
      </c>
      <c r="AB6008">
        <v>29502.49654</v>
      </c>
      <c r="AC6008">
        <v>33968.043510000003</v>
      </c>
      <c r="AD6008">
        <v>26279.85324</v>
      </c>
      <c r="AE6008">
        <v>41687.291420000001</v>
      </c>
      <c r="AF6008">
        <v>41243.317150000003</v>
      </c>
      <c r="AG6008">
        <v>17115.279869999998</v>
      </c>
      <c r="AH6008">
        <v>236365.15599999999</v>
      </c>
      <c r="AI6008">
        <v>64446.600079999997</v>
      </c>
      <c r="AJ6008">
        <v>17843.833869999999</v>
      </c>
      <c r="AK6008">
        <v>25299.63493</v>
      </c>
      <c r="AL6008">
        <v>69291.441049999994</v>
      </c>
      <c r="AM6008">
        <v>16328.41668</v>
      </c>
      <c r="AN6008">
        <v>75547.841870000004</v>
      </c>
      <c r="AO6008">
        <v>18464.356629999998</v>
      </c>
      <c r="AP6008">
        <v>12838.622439999999</v>
      </c>
    </row>
    <row r="6009" spans="2:42" x14ac:dyDescent="0.3">
      <c r="B6009">
        <v>46.419772540701267</v>
      </c>
      <c r="C6009" s="83">
        <v>43351.291666666664</v>
      </c>
      <c r="D6009">
        <v>182163.61129999999</v>
      </c>
      <c r="E6009">
        <v>16075.1973</v>
      </c>
      <c r="F6009">
        <v>79139.402690000003</v>
      </c>
      <c r="G6009">
        <v>30215.88019</v>
      </c>
      <c r="H6009">
        <v>33715.193590000003</v>
      </c>
      <c r="I6009">
        <v>27633.80558</v>
      </c>
      <c r="J6009">
        <v>42063.901319999997</v>
      </c>
      <c r="K6009">
        <v>41988.4692</v>
      </c>
      <c r="L6009">
        <v>18650.446530000001</v>
      </c>
      <c r="M6009">
        <v>236669.64790000001</v>
      </c>
      <c r="N6009">
        <v>63851.948790000002</v>
      </c>
      <c r="O6009">
        <v>17946.367450000002</v>
      </c>
      <c r="P6009">
        <v>27873.892500000002</v>
      </c>
      <c r="Q6009">
        <v>66913.348700000002</v>
      </c>
      <c r="R6009">
        <v>16200.618619999999</v>
      </c>
      <c r="S6009">
        <v>81821.234289999993</v>
      </c>
      <c r="T6009">
        <v>19840.795760000001</v>
      </c>
      <c r="U6009">
        <v>12914.88701</v>
      </c>
      <c r="W6009" s="83">
        <f>Bühler!N6041</f>
        <v>45542.291666652098</v>
      </c>
      <c r="X6009" s="83">
        <v>43351.291666666664</v>
      </c>
      <c r="Y6009">
        <v>182163.61129999999</v>
      </c>
      <c r="Z6009">
        <v>16075.1973</v>
      </c>
      <c r="AA6009">
        <v>79139.402690000003</v>
      </c>
      <c r="AB6009">
        <v>30215.88019</v>
      </c>
      <c r="AC6009">
        <v>33715.193590000003</v>
      </c>
      <c r="AD6009">
        <v>27633.80558</v>
      </c>
      <c r="AE6009">
        <v>42063.901319999997</v>
      </c>
      <c r="AF6009">
        <v>41988.4692</v>
      </c>
      <c r="AG6009">
        <v>18650.446530000001</v>
      </c>
      <c r="AH6009">
        <v>236669.64790000001</v>
      </c>
      <c r="AI6009">
        <v>63851.948790000002</v>
      </c>
      <c r="AJ6009">
        <v>17946.367450000002</v>
      </c>
      <c r="AK6009">
        <v>27873.892500000002</v>
      </c>
      <c r="AL6009">
        <v>66913.348700000002</v>
      </c>
      <c r="AM6009">
        <v>16200.618619999999</v>
      </c>
      <c r="AN6009">
        <v>81821.234289999993</v>
      </c>
      <c r="AO6009">
        <v>19840.795760000001</v>
      </c>
      <c r="AP6009">
        <v>12914.88701</v>
      </c>
    </row>
    <row r="6010" spans="2:42" x14ac:dyDescent="0.3">
      <c r="B6010">
        <v>45.936968588512023</v>
      </c>
      <c r="C6010" s="83">
        <v>43351.333333333336</v>
      </c>
      <c r="D6010">
        <v>181385.2501</v>
      </c>
      <c r="E6010">
        <v>19284.158759999998</v>
      </c>
      <c r="F6010">
        <v>83577.289850000001</v>
      </c>
      <c r="G6010">
        <v>30940.00705</v>
      </c>
      <c r="H6010">
        <v>33869.147649999999</v>
      </c>
      <c r="I6010">
        <v>28819.117249999999</v>
      </c>
      <c r="J6010">
        <v>43152.50806</v>
      </c>
      <c r="K6010">
        <v>43151.295109999999</v>
      </c>
      <c r="L6010">
        <v>21479.910110000001</v>
      </c>
      <c r="M6010">
        <v>234208.0882</v>
      </c>
      <c r="N6010">
        <v>66702.63162</v>
      </c>
      <c r="O6010">
        <v>18485.732100000001</v>
      </c>
      <c r="P6010">
        <v>30891.57776</v>
      </c>
      <c r="Q6010">
        <v>65361.470829999998</v>
      </c>
      <c r="R6010">
        <v>16524.212380000001</v>
      </c>
      <c r="S6010">
        <v>84925.981390000001</v>
      </c>
      <c r="T6010">
        <v>21335.149440000001</v>
      </c>
      <c r="U6010">
        <v>13062.808569999999</v>
      </c>
      <c r="W6010" s="83">
        <f>Bühler!N6042</f>
        <v>45542.333333318762</v>
      </c>
      <c r="X6010" s="83">
        <v>43351.333333333336</v>
      </c>
      <c r="Y6010">
        <v>181385.2501</v>
      </c>
      <c r="Z6010">
        <v>19284.158759999998</v>
      </c>
      <c r="AA6010">
        <v>83577.289850000001</v>
      </c>
      <c r="AB6010">
        <v>30940.00705</v>
      </c>
      <c r="AC6010">
        <v>33869.147649999999</v>
      </c>
      <c r="AD6010">
        <v>28819.117249999999</v>
      </c>
      <c r="AE6010">
        <v>43152.50806</v>
      </c>
      <c r="AF6010">
        <v>43151.295109999999</v>
      </c>
      <c r="AG6010">
        <v>21479.910110000001</v>
      </c>
      <c r="AH6010">
        <v>234208.0882</v>
      </c>
      <c r="AI6010">
        <v>66702.63162</v>
      </c>
      <c r="AJ6010">
        <v>18485.732100000001</v>
      </c>
      <c r="AK6010">
        <v>30891.57776</v>
      </c>
      <c r="AL6010">
        <v>65361.470829999998</v>
      </c>
      <c r="AM6010">
        <v>16524.212380000001</v>
      </c>
      <c r="AN6010">
        <v>84925.981390000001</v>
      </c>
      <c r="AO6010">
        <v>21335.149440000001</v>
      </c>
      <c r="AP6010">
        <v>13062.808569999999</v>
      </c>
    </row>
    <row r="6011" spans="2:42" x14ac:dyDescent="0.3">
      <c r="B6011">
        <v>45.625733367256963</v>
      </c>
      <c r="C6011" s="83">
        <v>43351.375</v>
      </c>
      <c r="D6011">
        <v>181203.96580000001</v>
      </c>
      <c r="E6011">
        <v>22998.10556</v>
      </c>
      <c r="F6011">
        <v>89311.714989999993</v>
      </c>
      <c r="G6011">
        <v>31285.590560000001</v>
      </c>
      <c r="H6011">
        <v>34704.241829999999</v>
      </c>
      <c r="I6011">
        <v>29488.071019999999</v>
      </c>
      <c r="J6011">
        <v>44080.287020000003</v>
      </c>
      <c r="K6011">
        <v>44436.50894</v>
      </c>
      <c r="L6011">
        <v>24980.6486</v>
      </c>
      <c r="M6011">
        <v>232621.2659</v>
      </c>
      <c r="N6011">
        <v>69283.878060000003</v>
      </c>
      <c r="O6011">
        <v>19402.197690000001</v>
      </c>
      <c r="P6011">
        <v>34269.229420000003</v>
      </c>
      <c r="Q6011">
        <v>65725.350430000006</v>
      </c>
      <c r="R6011">
        <v>16869.314689999999</v>
      </c>
      <c r="S6011">
        <v>87210.090330000006</v>
      </c>
      <c r="T6011">
        <v>23859.9467</v>
      </c>
      <c r="U6011">
        <v>12942.034170000001</v>
      </c>
      <c r="W6011" s="83">
        <f>Bühler!N6043</f>
        <v>45542.374999985426</v>
      </c>
      <c r="X6011" s="83">
        <v>43351.375</v>
      </c>
      <c r="Y6011">
        <v>181203.96580000001</v>
      </c>
      <c r="Z6011">
        <v>22998.10556</v>
      </c>
      <c r="AA6011">
        <v>89311.714989999993</v>
      </c>
      <c r="AB6011">
        <v>31285.590560000001</v>
      </c>
      <c r="AC6011">
        <v>34704.241829999999</v>
      </c>
      <c r="AD6011">
        <v>29488.071019999999</v>
      </c>
      <c r="AE6011">
        <v>44080.287020000003</v>
      </c>
      <c r="AF6011">
        <v>44436.50894</v>
      </c>
      <c r="AG6011">
        <v>24980.6486</v>
      </c>
      <c r="AH6011">
        <v>232621.2659</v>
      </c>
      <c r="AI6011">
        <v>69283.878060000003</v>
      </c>
      <c r="AJ6011">
        <v>19402.197690000001</v>
      </c>
      <c r="AK6011">
        <v>34269.229420000003</v>
      </c>
      <c r="AL6011">
        <v>65725.350430000006</v>
      </c>
      <c r="AM6011">
        <v>16869.314689999999</v>
      </c>
      <c r="AN6011">
        <v>87210.090330000006</v>
      </c>
      <c r="AO6011">
        <v>23859.9467</v>
      </c>
      <c r="AP6011">
        <v>12942.034170000001</v>
      </c>
    </row>
    <row r="6012" spans="2:42" x14ac:dyDescent="0.3">
      <c r="B6012">
        <v>45.630432956975312</v>
      </c>
      <c r="C6012" s="83">
        <v>43351.416666666664</v>
      </c>
      <c r="D6012">
        <v>180337.41620000001</v>
      </c>
      <c r="E6012">
        <v>24814.317009999999</v>
      </c>
      <c r="F6012">
        <v>91025.146720000004</v>
      </c>
      <c r="G6012">
        <v>31803.557639999999</v>
      </c>
      <c r="H6012">
        <v>35409.029739999998</v>
      </c>
      <c r="I6012">
        <v>29422.728569999999</v>
      </c>
      <c r="J6012">
        <v>43286.223960000003</v>
      </c>
      <c r="K6012">
        <v>46071.897749999996</v>
      </c>
      <c r="L6012">
        <v>29667.105970000001</v>
      </c>
      <c r="M6012">
        <v>232645.22659999999</v>
      </c>
      <c r="N6012">
        <v>71478.107080000002</v>
      </c>
      <c r="O6012">
        <v>19810.023539999998</v>
      </c>
      <c r="P6012">
        <v>34584.710099999997</v>
      </c>
      <c r="Q6012">
        <v>65924.714110000001</v>
      </c>
      <c r="R6012">
        <v>17714.52188</v>
      </c>
      <c r="S6012">
        <v>88165.323600000003</v>
      </c>
      <c r="T6012">
        <v>25672.24611</v>
      </c>
      <c r="U6012">
        <v>12810.27893</v>
      </c>
      <c r="W6012" s="83">
        <f>Bühler!N6044</f>
        <v>45542.41666665209</v>
      </c>
      <c r="X6012" s="83">
        <v>43351.416666666664</v>
      </c>
      <c r="Y6012">
        <v>180337.41620000001</v>
      </c>
      <c r="Z6012">
        <v>24814.317009999999</v>
      </c>
      <c r="AA6012">
        <v>91025.146720000004</v>
      </c>
      <c r="AB6012">
        <v>31803.557639999999</v>
      </c>
      <c r="AC6012">
        <v>35409.029739999998</v>
      </c>
      <c r="AD6012">
        <v>29422.728569999999</v>
      </c>
      <c r="AE6012">
        <v>43286.223960000003</v>
      </c>
      <c r="AF6012">
        <v>46071.897749999996</v>
      </c>
      <c r="AG6012">
        <v>29667.105970000001</v>
      </c>
      <c r="AH6012">
        <v>232645.22659999999</v>
      </c>
      <c r="AI6012">
        <v>71478.107080000002</v>
      </c>
      <c r="AJ6012">
        <v>19810.023539999998</v>
      </c>
      <c r="AK6012">
        <v>34584.710099999997</v>
      </c>
      <c r="AL6012">
        <v>65924.714110000001</v>
      </c>
      <c r="AM6012">
        <v>17714.52188</v>
      </c>
      <c r="AN6012">
        <v>88165.323600000003</v>
      </c>
      <c r="AO6012">
        <v>25672.24611</v>
      </c>
      <c r="AP6012">
        <v>12810.27893</v>
      </c>
    </row>
    <row r="6013" spans="2:42" x14ac:dyDescent="0.3">
      <c r="B6013">
        <v>45.60718535817788</v>
      </c>
      <c r="C6013" s="83">
        <v>43351.458333333336</v>
      </c>
      <c r="D6013">
        <v>177413.20559999999</v>
      </c>
      <c r="E6013">
        <v>24924.210129999999</v>
      </c>
      <c r="F6013">
        <v>91005.593810000006</v>
      </c>
      <c r="G6013">
        <v>32138.14932</v>
      </c>
      <c r="H6013">
        <v>35847.891499999998</v>
      </c>
      <c r="I6013">
        <v>29525.629400000002</v>
      </c>
      <c r="J6013">
        <v>42914.276989999998</v>
      </c>
      <c r="K6013">
        <v>47549.25778</v>
      </c>
      <c r="L6013">
        <v>31746.31105</v>
      </c>
      <c r="M6013">
        <v>232526.69949999999</v>
      </c>
      <c r="N6013">
        <v>73680.230379999994</v>
      </c>
      <c r="O6013">
        <v>19326.99555</v>
      </c>
      <c r="P6013">
        <v>34723.095800000003</v>
      </c>
      <c r="Q6013">
        <v>65154.609510000002</v>
      </c>
      <c r="R6013">
        <v>18647.714909999999</v>
      </c>
      <c r="S6013">
        <v>89729.286160000003</v>
      </c>
      <c r="T6013">
        <v>26303.868399999999</v>
      </c>
      <c r="U6013">
        <v>12545.521559999999</v>
      </c>
      <c r="W6013" s="83">
        <f>Bühler!N6045</f>
        <v>45542.458333318755</v>
      </c>
      <c r="X6013" s="83">
        <v>43351.458333333336</v>
      </c>
      <c r="Y6013">
        <v>177413.20559999999</v>
      </c>
      <c r="Z6013">
        <v>24924.210129999999</v>
      </c>
      <c r="AA6013">
        <v>91005.593810000006</v>
      </c>
      <c r="AB6013">
        <v>32138.14932</v>
      </c>
      <c r="AC6013">
        <v>35847.891499999998</v>
      </c>
      <c r="AD6013">
        <v>29525.629400000002</v>
      </c>
      <c r="AE6013">
        <v>42914.276989999998</v>
      </c>
      <c r="AF6013">
        <v>47549.25778</v>
      </c>
      <c r="AG6013">
        <v>31746.31105</v>
      </c>
      <c r="AH6013">
        <v>232526.69949999999</v>
      </c>
      <c r="AI6013">
        <v>73680.230379999994</v>
      </c>
      <c r="AJ6013">
        <v>19326.99555</v>
      </c>
      <c r="AK6013">
        <v>34723.095800000003</v>
      </c>
      <c r="AL6013">
        <v>65154.609510000002</v>
      </c>
      <c r="AM6013">
        <v>18647.714909999999</v>
      </c>
      <c r="AN6013">
        <v>89729.286160000003</v>
      </c>
      <c r="AO6013">
        <v>26303.868399999999</v>
      </c>
      <c r="AP6013">
        <v>12545.521559999999</v>
      </c>
    </row>
    <row r="6014" spans="2:42" x14ac:dyDescent="0.3">
      <c r="B6014">
        <v>44.776413177699908</v>
      </c>
      <c r="C6014" s="83">
        <v>43351.5</v>
      </c>
      <c r="D6014">
        <v>171994.45009999999</v>
      </c>
      <c r="E6014">
        <v>24134.85485</v>
      </c>
      <c r="F6014">
        <v>90977.451379999999</v>
      </c>
      <c r="G6014">
        <v>31501.343550000001</v>
      </c>
      <c r="H6014">
        <v>35411.46501</v>
      </c>
      <c r="I6014">
        <v>29282.633180000001</v>
      </c>
      <c r="J6014">
        <v>43346.818879999999</v>
      </c>
      <c r="K6014">
        <v>46359.813240000003</v>
      </c>
      <c r="L6014">
        <v>34019.506600000001</v>
      </c>
      <c r="M6014">
        <v>228291.0355</v>
      </c>
      <c r="N6014">
        <v>74057.713770000002</v>
      </c>
      <c r="O6014">
        <v>18602.476030000002</v>
      </c>
      <c r="P6014">
        <v>34659.019919999999</v>
      </c>
      <c r="Q6014">
        <v>62113.509689999999</v>
      </c>
      <c r="R6014">
        <v>19350.679240000001</v>
      </c>
      <c r="S6014">
        <v>85613.952449999997</v>
      </c>
      <c r="T6014">
        <v>25774.734059999999</v>
      </c>
      <c r="U6014">
        <v>11944.94147</v>
      </c>
      <c r="W6014" s="83">
        <f>Bühler!N6046</f>
        <v>45542.499999985419</v>
      </c>
      <c r="X6014" s="83">
        <v>43351.5</v>
      </c>
      <c r="Y6014">
        <v>171994.45009999999</v>
      </c>
      <c r="Z6014">
        <v>24134.85485</v>
      </c>
      <c r="AA6014">
        <v>90977.451379999999</v>
      </c>
      <c r="AB6014">
        <v>31501.343550000001</v>
      </c>
      <c r="AC6014">
        <v>35411.46501</v>
      </c>
      <c r="AD6014">
        <v>29282.633180000001</v>
      </c>
      <c r="AE6014">
        <v>43346.818879999999</v>
      </c>
      <c r="AF6014">
        <v>46359.813240000003</v>
      </c>
      <c r="AG6014">
        <v>34019.506600000001</v>
      </c>
      <c r="AH6014">
        <v>228291.0355</v>
      </c>
      <c r="AI6014">
        <v>74057.713770000002</v>
      </c>
      <c r="AJ6014">
        <v>18602.476030000002</v>
      </c>
      <c r="AK6014">
        <v>34659.019919999999</v>
      </c>
      <c r="AL6014">
        <v>62113.509689999999</v>
      </c>
      <c r="AM6014">
        <v>19350.679240000001</v>
      </c>
      <c r="AN6014">
        <v>85613.952449999997</v>
      </c>
      <c r="AO6014">
        <v>25774.734059999999</v>
      </c>
      <c r="AP6014">
        <v>11944.94147</v>
      </c>
    </row>
    <row r="6015" spans="2:42" x14ac:dyDescent="0.3">
      <c r="B6015">
        <v>44.300836849962508</v>
      </c>
      <c r="C6015" s="83">
        <v>43351.541666666664</v>
      </c>
      <c r="D6015">
        <v>168719.48809999999</v>
      </c>
      <c r="E6015">
        <v>24028.380580000001</v>
      </c>
      <c r="F6015">
        <v>89768.93535</v>
      </c>
      <c r="G6015">
        <v>31093.039049999999</v>
      </c>
      <c r="H6015">
        <v>35185.45031</v>
      </c>
      <c r="I6015">
        <v>29802.56019</v>
      </c>
      <c r="J6015">
        <v>42509.98893</v>
      </c>
      <c r="K6015">
        <v>47006.365749999997</v>
      </c>
      <c r="L6015">
        <v>33999.03729</v>
      </c>
      <c r="M6015">
        <v>225866.32560000001</v>
      </c>
      <c r="N6015">
        <v>73953.857170000003</v>
      </c>
      <c r="O6015">
        <v>18266.25733</v>
      </c>
      <c r="P6015">
        <v>34358.019899999999</v>
      </c>
      <c r="Q6015">
        <v>59745.479500000001</v>
      </c>
      <c r="R6015">
        <v>19638.414250000002</v>
      </c>
      <c r="S6015">
        <v>85813.324299999993</v>
      </c>
      <c r="T6015">
        <v>25959.5242</v>
      </c>
      <c r="U6015">
        <v>11725.278469999999</v>
      </c>
      <c r="W6015" s="83">
        <f>Bühler!N6047</f>
        <v>45542.541666652083</v>
      </c>
      <c r="X6015" s="83">
        <v>43351.541666666664</v>
      </c>
      <c r="Y6015">
        <v>168719.48809999999</v>
      </c>
      <c r="Z6015">
        <v>24028.380580000001</v>
      </c>
      <c r="AA6015">
        <v>89768.93535</v>
      </c>
      <c r="AB6015">
        <v>31093.039049999999</v>
      </c>
      <c r="AC6015">
        <v>35185.45031</v>
      </c>
      <c r="AD6015">
        <v>29802.56019</v>
      </c>
      <c r="AE6015">
        <v>42509.98893</v>
      </c>
      <c r="AF6015">
        <v>47006.365749999997</v>
      </c>
      <c r="AG6015">
        <v>33999.03729</v>
      </c>
      <c r="AH6015">
        <v>225866.32560000001</v>
      </c>
      <c r="AI6015">
        <v>73953.857170000003</v>
      </c>
      <c r="AJ6015">
        <v>18266.25733</v>
      </c>
      <c r="AK6015">
        <v>34358.019899999999</v>
      </c>
      <c r="AL6015">
        <v>59745.479500000001</v>
      </c>
      <c r="AM6015">
        <v>19638.414250000002</v>
      </c>
      <c r="AN6015">
        <v>85813.324299999993</v>
      </c>
      <c r="AO6015">
        <v>25959.5242</v>
      </c>
      <c r="AP6015">
        <v>11725.278469999999</v>
      </c>
    </row>
    <row r="6016" spans="2:42" x14ac:dyDescent="0.3">
      <c r="B6016">
        <v>44.055603535443765</v>
      </c>
      <c r="C6016" s="83">
        <v>43351.583333333336</v>
      </c>
      <c r="D6016">
        <v>167568.84030000001</v>
      </c>
      <c r="E6016">
        <v>24893.527709999998</v>
      </c>
      <c r="F6016">
        <v>89618.878540000005</v>
      </c>
      <c r="G6016">
        <v>30675.640719999999</v>
      </c>
      <c r="H6016">
        <v>35099.154730000002</v>
      </c>
      <c r="I6016">
        <v>30250.110980000001</v>
      </c>
      <c r="J6016">
        <v>42025.756170000001</v>
      </c>
      <c r="K6016">
        <v>47415.671520000004</v>
      </c>
      <c r="L6016">
        <v>31993.454010000001</v>
      </c>
      <c r="M6016">
        <v>224616.01180000001</v>
      </c>
      <c r="N6016">
        <v>73616.459040000002</v>
      </c>
      <c r="O6016">
        <v>17656.670399999999</v>
      </c>
      <c r="P6016">
        <v>31984.420480000001</v>
      </c>
      <c r="Q6016">
        <v>59270.903440000002</v>
      </c>
      <c r="R6016">
        <v>19388.37557</v>
      </c>
      <c r="S6016">
        <v>82850.642720000003</v>
      </c>
      <c r="T6016">
        <v>26654.53947</v>
      </c>
      <c r="U6016">
        <v>11710.514740000001</v>
      </c>
      <c r="W6016" s="83">
        <f>Bühler!N6048</f>
        <v>45542.583333318747</v>
      </c>
      <c r="X6016" s="83">
        <v>43351.583333333336</v>
      </c>
      <c r="Y6016">
        <v>167568.84030000001</v>
      </c>
      <c r="Z6016">
        <v>24893.527709999998</v>
      </c>
      <c r="AA6016">
        <v>89618.878540000005</v>
      </c>
      <c r="AB6016">
        <v>30675.640719999999</v>
      </c>
      <c r="AC6016">
        <v>35099.154730000002</v>
      </c>
      <c r="AD6016">
        <v>30250.110980000001</v>
      </c>
      <c r="AE6016">
        <v>42025.756170000001</v>
      </c>
      <c r="AF6016">
        <v>47415.671520000004</v>
      </c>
      <c r="AG6016">
        <v>31993.454010000001</v>
      </c>
      <c r="AH6016">
        <v>224616.01180000001</v>
      </c>
      <c r="AI6016">
        <v>73616.459040000002</v>
      </c>
      <c r="AJ6016">
        <v>17656.670399999999</v>
      </c>
      <c r="AK6016">
        <v>31984.420480000001</v>
      </c>
      <c r="AL6016">
        <v>59270.903440000002</v>
      </c>
      <c r="AM6016">
        <v>19388.37557</v>
      </c>
      <c r="AN6016">
        <v>82850.642720000003</v>
      </c>
      <c r="AO6016">
        <v>26654.53947</v>
      </c>
      <c r="AP6016">
        <v>11710.514740000001</v>
      </c>
    </row>
    <row r="6017" spans="2:42" x14ac:dyDescent="0.3">
      <c r="B6017">
        <v>44.032558311229351</v>
      </c>
      <c r="C6017" s="83">
        <v>43351.625</v>
      </c>
      <c r="D6017">
        <v>166510.09580000001</v>
      </c>
      <c r="E6017">
        <v>25121.619490000001</v>
      </c>
      <c r="F6017">
        <v>90680.173160000006</v>
      </c>
      <c r="G6017">
        <v>30462.623640000002</v>
      </c>
      <c r="H6017">
        <v>34984.870439999999</v>
      </c>
      <c r="I6017">
        <v>30780.390920000002</v>
      </c>
      <c r="J6017">
        <v>42316.05414</v>
      </c>
      <c r="K6017">
        <v>47695.043060000004</v>
      </c>
      <c r="L6017">
        <v>30448.98963</v>
      </c>
      <c r="M6017">
        <v>224498.5165</v>
      </c>
      <c r="N6017">
        <v>72929.580459999997</v>
      </c>
      <c r="O6017">
        <v>17744.45046</v>
      </c>
      <c r="P6017">
        <v>30094.973580000002</v>
      </c>
      <c r="Q6017">
        <v>58261.136729999998</v>
      </c>
      <c r="R6017">
        <v>19677.927179999999</v>
      </c>
      <c r="S6017">
        <v>82194.621580000006</v>
      </c>
      <c r="T6017">
        <v>26134.106489999998</v>
      </c>
      <c r="U6017">
        <v>11980.007960000001</v>
      </c>
      <c r="W6017" s="83">
        <f>Bühler!N6049</f>
        <v>45542.624999985412</v>
      </c>
      <c r="X6017" s="83">
        <v>43351.625</v>
      </c>
      <c r="Y6017">
        <v>166510.09580000001</v>
      </c>
      <c r="Z6017">
        <v>25121.619490000001</v>
      </c>
      <c r="AA6017">
        <v>90680.173160000006</v>
      </c>
      <c r="AB6017">
        <v>30462.623640000002</v>
      </c>
      <c r="AC6017">
        <v>34984.870439999999</v>
      </c>
      <c r="AD6017">
        <v>30780.390920000002</v>
      </c>
      <c r="AE6017">
        <v>42316.05414</v>
      </c>
      <c r="AF6017">
        <v>47695.043060000004</v>
      </c>
      <c r="AG6017">
        <v>30448.98963</v>
      </c>
      <c r="AH6017">
        <v>224498.5165</v>
      </c>
      <c r="AI6017">
        <v>72929.580459999997</v>
      </c>
      <c r="AJ6017">
        <v>17744.45046</v>
      </c>
      <c r="AK6017">
        <v>30094.973580000002</v>
      </c>
      <c r="AL6017">
        <v>58261.136729999998</v>
      </c>
      <c r="AM6017">
        <v>19677.927179999999</v>
      </c>
      <c r="AN6017">
        <v>82194.621580000006</v>
      </c>
      <c r="AO6017">
        <v>26134.106489999998</v>
      </c>
      <c r="AP6017">
        <v>11980.007960000001</v>
      </c>
    </row>
    <row r="6018" spans="2:42" x14ac:dyDescent="0.3">
      <c r="B6018">
        <v>43.369720180438875</v>
      </c>
      <c r="C6018" s="83">
        <v>43351.666666666664</v>
      </c>
      <c r="D6018">
        <v>165547.48310000001</v>
      </c>
      <c r="E6018">
        <v>24917.68692</v>
      </c>
      <c r="F6018">
        <v>90013.727220000001</v>
      </c>
      <c r="G6018">
        <v>30441.154569999999</v>
      </c>
      <c r="H6018">
        <v>34688.88996</v>
      </c>
      <c r="I6018">
        <v>30320.7893</v>
      </c>
      <c r="J6018">
        <v>42321.557150000001</v>
      </c>
      <c r="K6018">
        <v>46301.271189999999</v>
      </c>
      <c r="L6018">
        <v>29106.379140000001</v>
      </c>
      <c r="M6018">
        <v>221119.05859999999</v>
      </c>
      <c r="N6018">
        <v>72130.119479999994</v>
      </c>
      <c r="O6018">
        <v>18001.34489</v>
      </c>
      <c r="P6018">
        <v>29180.592720000001</v>
      </c>
      <c r="Q6018">
        <v>57481.627639999999</v>
      </c>
      <c r="R6018">
        <v>18989.46485</v>
      </c>
      <c r="S6018">
        <v>82732.834170000002</v>
      </c>
      <c r="T6018">
        <v>26239.639520000001</v>
      </c>
      <c r="U6018">
        <v>11728.433789999999</v>
      </c>
      <c r="W6018" s="83">
        <f>Bühler!N6050</f>
        <v>45542.666666652076</v>
      </c>
      <c r="X6018" s="83">
        <v>43351.666666666664</v>
      </c>
      <c r="Y6018">
        <v>165547.48310000001</v>
      </c>
      <c r="Z6018">
        <v>24917.68692</v>
      </c>
      <c r="AA6018">
        <v>90013.727220000001</v>
      </c>
      <c r="AB6018">
        <v>30441.154569999999</v>
      </c>
      <c r="AC6018">
        <v>34688.88996</v>
      </c>
      <c r="AD6018">
        <v>30320.7893</v>
      </c>
      <c r="AE6018">
        <v>42321.557150000001</v>
      </c>
      <c r="AF6018">
        <v>46301.271189999999</v>
      </c>
      <c r="AG6018">
        <v>29106.379140000001</v>
      </c>
      <c r="AH6018">
        <v>221119.05859999999</v>
      </c>
      <c r="AI6018">
        <v>72130.119479999994</v>
      </c>
      <c r="AJ6018">
        <v>18001.34489</v>
      </c>
      <c r="AK6018">
        <v>29180.592720000001</v>
      </c>
      <c r="AL6018">
        <v>57481.627639999999</v>
      </c>
      <c r="AM6018">
        <v>18989.46485</v>
      </c>
      <c r="AN6018">
        <v>82732.834170000002</v>
      </c>
      <c r="AO6018">
        <v>26239.639520000001</v>
      </c>
      <c r="AP6018">
        <v>11728.433789999999</v>
      </c>
    </row>
    <row r="6019" spans="2:42" x14ac:dyDescent="0.3">
      <c r="B6019">
        <v>42.587941890132242</v>
      </c>
      <c r="C6019" s="83">
        <v>43351.708333333336</v>
      </c>
      <c r="D6019">
        <v>163677.9498</v>
      </c>
      <c r="E6019">
        <v>24643.320520000001</v>
      </c>
      <c r="F6019">
        <v>88905.476850000006</v>
      </c>
      <c r="G6019">
        <v>30382.317330000002</v>
      </c>
      <c r="H6019">
        <v>34525.163970000001</v>
      </c>
      <c r="I6019">
        <v>30450.073219999998</v>
      </c>
      <c r="J6019">
        <v>42824.47077</v>
      </c>
      <c r="K6019">
        <v>45333.73199</v>
      </c>
      <c r="L6019">
        <v>28217.93649</v>
      </c>
      <c r="M6019">
        <v>217133.18830000001</v>
      </c>
      <c r="N6019">
        <v>71377.419179999997</v>
      </c>
      <c r="O6019">
        <v>17145.600160000002</v>
      </c>
      <c r="P6019">
        <v>30454.499960000001</v>
      </c>
      <c r="Q6019">
        <v>55498.81422</v>
      </c>
      <c r="R6019">
        <v>20061.69628</v>
      </c>
      <c r="S6019">
        <v>83730.062779999993</v>
      </c>
      <c r="T6019">
        <v>26188.74927</v>
      </c>
      <c r="U6019">
        <v>11684.435020000001</v>
      </c>
      <c r="W6019" s="83">
        <f>Bühler!N6051</f>
        <v>45542.70833331874</v>
      </c>
      <c r="X6019" s="83">
        <v>43351.708333333336</v>
      </c>
      <c r="Y6019">
        <v>163677.9498</v>
      </c>
      <c r="Z6019">
        <v>24643.320520000001</v>
      </c>
      <c r="AA6019">
        <v>88905.476850000006</v>
      </c>
      <c r="AB6019">
        <v>30382.317330000002</v>
      </c>
      <c r="AC6019">
        <v>34525.163970000001</v>
      </c>
      <c r="AD6019">
        <v>30450.073219999998</v>
      </c>
      <c r="AE6019">
        <v>42824.47077</v>
      </c>
      <c r="AF6019">
        <v>45333.73199</v>
      </c>
      <c r="AG6019">
        <v>28217.93649</v>
      </c>
      <c r="AH6019">
        <v>217133.18830000001</v>
      </c>
      <c r="AI6019">
        <v>71377.419179999997</v>
      </c>
      <c r="AJ6019">
        <v>17145.600160000002</v>
      </c>
      <c r="AK6019">
        <v>30454.499960000001</v>
      </c>
      <c r="AL6019">
        <v>55498.81422</v>
      </c>
      <c r="AM6019">
        <v>20061.69628</v>
      </c>
      <c r="AN6019">
        <v>83730.062779999993</v>
      </c>
      <c r="AO6019">
        <v>26188.74927</v>
      </c>
      <c r="AP6019">
        <v>11684.435020000001</v>
      </c>
    </row>
    <row r="6020" spans="2:42" x14ac:dyDescent="0.3">
      <c r="B6020">
        <v>41.929392029290725</v>
      </c>
      <c r="C6020" s="83">
        <v>43351.75</v>
      </c>
      <c r="D6020">
        <v>162706.22589999999</v>
      </c>
      <c r="E6020">
        <v>23108.378509999999</v>
      </c>
      <c r="F6020">
        <v>87235.474300000002</v>
      </c>
      <c r="G6020">
        <v>30195.879819999998</v>
      </c>
      <c r="H6020">
        <v>34036.635670000003</v>
      </c>
      <c r="I6020">
        <v>29958.990300000001</v>
      </c>
      <c r="J6020">
        <v>42827.976349999997</v>
      </c>
      <c r="K6020">
        <v>45073.405359999997</v>
      </c>
      <c r="L6020">
        <v>28365.33064</v>
      </c>
      <c r="M6020">
        <v>213775.59400000001</v>
      </c>
      <c r="N6020">
        <v>71410.139559999996</v>
      </c>
      <c r="O6020">
        <v>16880.243999999999</v>
      </c>
      <c r="P6020">
        <v>34274.578130000002</v>
      </c>
      <c r="Q6020">
        <v>54802.032630000002</v>
      </c>
      <c r="R6020">
        <v>19448.636559999999</v>
      </c>
      <c r="S6020">
        <v>81685.127030000003</v>
      </c>
      <c r="T6020">
        <v>25211.88679</v>
      </c>
      <c r="U6020">
        <v>11658.00173</v>
      </c>
      <c r="W6020" s="83">
        <f>Bühler!N6052</f>
        <v>45542.749999985404</v>
      </c>
      <c r="X6020" s="83">
        <v>43351.75</v>
      </c>
      <c r="Y6020">
        <v>162706.22589999999</v>
      </c>
      <c r="Z6020">
        <v>23108.378509999999</v>
      </c>
      <c r="AA6020">
        <v>87235.474300000002</v>
      </c>
      <c r="AB6020">
        <v>30195.879819999998</v>
      </c>
      <c r="AC6020">
        <v>34036.635670000003</v>
      </c>
      <c r="AD6020">
        <v>29958.990300000001</v>
      </c>
      <c r="AE6020">
        <v>42827.976349999997</v>
      </c>
      <c r="AF6020">
        <v>45073.405359999997</v>
      </c>
      <c r="AG6020">
        <v>28365.33064</v>
      </c>
      <c r="AH6020">
        <v>213775.59400000001</v>
      </c>
      <c r="AI6020">
        <v>71410.139559999996</v>
      </c>
      <c r="AJ6020">
        <v>16880.243999999999</v>
      </c>
      <c r="AK6020">
        <v>34274.578130000002</v>
      </c>
      <c r="AL6020">
        <v>54802.032630000002</v>
      </c>
      <c r="AM6020">
        <v>19448.636559999999</v>
      </c>
      <c r="AN6020">
        <v>81685.127030000003</v>
      </c>
      <c r="AO6020">
        <v>25211.88679</v>
      </c>
      <c r="AP6020">
        <v>11658.00173</v>
      </c>
    </row>
    <row r="6021" spans="2:42" x14ac:dyDescent="0.3">
      <c r="B6021">
        <v>41.677038789373775</v>
      </c>
      <c r="C6021" s="83">
        <v>43351.791666666664</v>
      </c>
      <c r="D6021">
        <v>161573.9522</v>
      </c>
      <c r="E6021">
        <v>18952.876769999999</v>
      </c>
      <c r="F6021">
        <v>77943.988530000002</v>
      </c>
      <c r="G6021">
        <v>30086.61764</v>
      </c>
      <c r="H6021">
        <v>33600.843119999998</v>
      </c>
      <c r="I6021">
        <v>29725.49627</v>
      </c>
      <c r="J6021">
        <v>42200.022629999999</v>
      </c>
      <c r="K6021">
        <v>45551.033450000003</v>
      </c>
      <c r="L6021">
        <v>29632.635109999999</v>
      </c>
      <c r="M6021">
        <v>212488.97949999999</v>
      </c>
      <c r="N6021">
        <v>71502.851460000005</v>
      </c>
      <c r="O6021">
        <v>16630.750349999998</v>
      </c>
      <c r="P6021">
        <v>36590.176740000003</v>
      </c>
      <c r="Q6021">
        <v>52657.926729999999</v>
      </c>
      <c r="R6021">
        <v>19815.771209999999</v>
      </c>
      <c r="S6021">
        <v>80897.346959999995</v>
      </c>
      <c r="T6021">
        <v>24097.704419999998</v>
      </c>
      <c r="U6021">
        <v>11682.25719</v>
      </c>
      <c r="W6021" s="83">
        <f>Bühler!N6053</f>
        <v>45542.791666652069</v>
      </c>
      <c r="X6021" s="83">
        <v>43351.791666666664</v>
      </c>
      <c r="Y6021">
        <v>161573.9522</v>
      </c>
      <c r="Z6021">
        <v>18952.876769999999</v>
      </c>
      <c r="AA6021">
        <v>77943.988530000002</v>
      </c>
      <c r="AB6021">
        <v>30086.61764</v>
      </c>
      <c r="AC6021">
        <v>33600.843119999998</v>
      </c>
      <c r="AD6021">
        <v>29725.49627</v>
      </c>
      <c r="AE6021">
        <v>42200.022629999999</v>
      </c>
      <c r="AF6021">
        <v>45551.033450000003</v>
      </c>
      <c r="AG6021">
        <v>29632.635109999999</v>
      </c>
      <c r="AH6021">
        <v>212488.97949999999</v>
      </c>
      <c r="AI6021">
        <v>71502.851460000005</v>
      </c>
      <c r="AJ6021">
        <v>16630.750349999998</v>
      </c>
      <c r="AK6021">
        <v>36590.176740000003</v>
      </c>
      <c r="AL6021">
        <v>52657.926729999999</v>
      </c>
      <c r="AM6021">
        <v>19815.771209999999</v>
      </c>
      <c r="AN6021">
        <v>80897.346959999995</v>
      </c>
      <c r="AO6021">
        <v>24097.704419999998</v>
      </c>
      <c r="AP6021">
        <v>11682.25719</v>
      </c>
    </row>
    <row r="6022" spans="2:42" x14ac:dyDescent="0.3">
      <c r="B6022">
        <v>40.972643651870037</v>
      </c>
      <c r="C6022" s="83">
        <v>43351.833333333336</v>
      </c>
      <c r="D6022">
        <v>161398.35519999999</v>
      </c>
      <c r="E6022">
        <v>14472.611699999999</v>
      </c>
      <c r="F6022">
        <v>62444.673049999998</v>
      </c>
      <c r="G6022">
        <v>30230.161950000002</v>
      </c>
      <c r="H6022">
        <v>33571.008470000001</v>
      </c>
      <c r="I6022">
        <v>28344.467659999998</v>
      </c>
      <c r="J6022">
        <v>43522.500840000001</v>
      </c>
      <c r="K6022">
        <v>46432.79451</v>
      </c>
      <c r="L6022">
        <v>30501.147970000002</v>
      </c>
      <c r="M6022">
        <v>208897.6446</v>
      </c>
      <c r="N6022">
        <v>70990.799010000002</v>
      </c>
      <c r="O6022">
        <v>16488.921729999998</v>
      </c>
      <c r="P6022">
        <v>37483.816070000001</v>
      </c>
      <c r="Q6022">
        <v>50693.126680000001</v>
      </c>
      <c r="R6022">
        <v>18884.148799999999</v>
      </c>
      <c r="S6022">
        <v>77216.605290000007</v>
      </c>
      <c r="T6022">
        <v>21738.86981</v>
      </c>
      <c r="U6022">
        <v>12177.582759999999</v>
      </c>
      <c r="W6022" s="83">
        <f>Bühler!N6054</f>
        <v>45542.833333318733</v>
      </c>
      <c r="X6022" s="83">
        <v>43351.833333333336</v>
      </c>
      <c r="Y6022">
        <v>161398.35519999999</v>
      </c>
      <c r="Z6022">
        <v>14472.611699999999</v>
      </c>
      <c r="AA6022">
        <v>62444.673049999998</v>
      </c>
      <c r="AB6022">
        <v>30230.161950000002</v>
      </c>
      <c r="AC6022">
        <v>33571.008470000001</v>
      </c>
      <c r="AD6022">
        <v>28344.467659999998</v>
      </c>
      <c r="AE6022">
        <v>43522.500840000001</v>
      </c>
      <c r="AF6022">
        <v>46432.79451</v>
      </c>
      <c r="AG6022">
        <v>30501.147970000002</v>
      </c>
      <c r="AH6022">
        <v>208897.6446</v>
      </c>
      <c r="AI6022">
        <v>70990.799010000002</v>
      </c>
      <c r="AJ6022">
        <v>16488.921729999998</v>
      </c>
      <c r="AK6022">
        <v>37483.816070000001</v>
      </c>
      <c r="AL6022">
        <v>50693.126680000001</v>
      </c>
      <c r="AM6022">
        <v>18884.148799999999</v>
      </c>
      <c r="AN6022">
        <v>77216.605290000007</v>
      </c>
      <c r="AO6022">
        <v>21738.86981</v>
      </c>
      <c r="AP6022">
        <v>12177.582759999999</v>
      </c>
    </row>
    <row r="6023" spans="2:42" x14ac:dyDescent="0.3">
      <c r="B6023">
        <v>40.210735219125532</v>
      </c>
      <c r="C6023" s="83">
        <v>43351.875</v>
      </c>
      <c r="D6023">
        <v>161424.7311</v>
      </c>
      <c r="E6023">
        <v>12574.016890000001</v>
      </c>
      <c r="F6023">
        <v>54749.429360000002</v>
      </c>
      <c r="G6023">
        <v>30081.36346</v>
      </c>
      <c r="H6023">
        <v>33338.843119999998</v>
      </c>
      <c r="I6023">
        <v>27245.614290000001</v>
      </c>
      <c r="J6023">
        <v>42989.514589999999</v>
      </c>
      <c r="K6023">
        <v>46656.398999999998</v>
      </c>
      <c r="L6023">
        <v>30521.228169999998</v>
      </c>
      <c r="M6023">
        <v>205013.08009999999</v>
      </c>
      <c r="N6023">
        <v>69834.397840000005</v>
      </c>
      <c r="O6023">
        <v>16657.32027</v>
      </c>
      <c r="P6023">
        <v>36447.24757</v>
      </c>
      <c r="Q6023">
        <v>49176.747490000002</v>
      </c>
      <c r="R6023">
        <v>18630.408899999999</v>
      </c>
      <c r="S6023">
        <v>75131.429080000002</v>
      </c>
      <c r="T6023">
        <v>20658.106599999999</v>
      </c>
      <c r="U6023">
        <v>12152.790010000001</v>
      </c>
      <c r="W6023" s="83">
        <f>Bühler!N6055</f>
        <v>45542.874999985397</v>
      </c>
      <c r="X6023" s="83">
        <v>43351.875</v>
      </c>
      <c r="Y6023">
        <v>161424.7311</v>
      </c>
      <c r="Z6023">
        <v>12574.016890000001</v>
      </c>
      <c r="AA6023">
        <v>54749.429360000002</v>
      </c>
      <c r="AB6023">
        <v>30081.36346</v>
      </c>
      <c r="AC6023">
        <v>33338.843119999998</v>
      </c>
      <c r="AD6023">
        <v>27245.614290000001</v>
      </c>
      <c r="AE6023">
        <v>42989.514589999999</v>
      </c>
      <c r="AF6023">
        <v>46656.398999999998</v>
      </c>
      <c r="AG6023">
        <v>30521.228169999998</v>
      </c>
      <c r="AH6023">
        <v>205013.08009999999</v>
      </c>
      <c r="AI6023">
        <v>69834.397840000005</v>
      </c>
      <c r="AJ6023">
        <v>16657.32027</v>
      </c>
      <c r="AK6023">
        <v>36447.24757</v>
      </c>
      <c r="AL6023">
        <v>49176.747490000002</v>
      </c>
      <c r="AM6023">
        <v>18630.408899999999</v>
      </c>
      <c r="AN6023">
        <v>75131.429080000002</v>
      </c>
      <c r="AO6023">
        <v>20658.106599999999</v>
      </c>
      <c r="AP6023">
        <v>12152.790010000001</v>
      </c>
    </row>
    <row r="6024" spans="2:42" x14ac:dyDescent="0.3">
      <c r="B6024">
        <v>40.224045555106677</v>
      </c>
      <c r="C6024" s="83">
        <v>43351.916666666664</v>
      </c>
      <c r="D6024">
        <v>160571.783</v>
      </c>
      <c r="E6024">
        <v>12388.43895</v>
      </c>
      <c r="F6024">
        <v>52543.648529999999</v>
      </c>
      <c r="G6024">
        <v>30380.593369999999</v>
      </c>
      <c r="H6024">
        <v>33757.240680000003</v>
      </c>
      <c r="I6024">
        <v>25887.765050000002</v>
      </c>
      <c r="J6024">
        <v>40658.501969999998</v>
      </c>
      <c r="K6024">
        <v>50165.419500000004</v>
      </c>
      <c r="L6024">
        <v>26682.9251</v>
      </c>
      <c r="M6024">
        <v>205080.9424</v>
      </c>
      <c r="N6024">
        <v>69129.272169999997</v>
      </c>
      <c r="O6024">
        <v>16373.2397</v>
      </c>
      <c r="P6024">
        <v>38438.459000000003</v>
      </c>
      <c r="Q6024">
        <v>49832.763619999998</v>
      </c>
      <c r="R6024">
        <v>19490.526310000001</v>
      </c>
      <c r="S6024">
        <v>74032.538279999993</v>
      </c>
      <c r="T6024">
        <v>20718.603009999999</v>
      </c>
      <c r="U6024">
        <v>12410.66684</v>
      </c>
      <c r="W6024" s="83">
        <f>Bühler!N6056</f>
        <v>45542.916666652061</v>
      </c>
      <c r="X6024" s="83">
        <v>43351.916666666664</v>
      </c>
      <c r="Y6024">
        <v>160571.783</v>
      </c>
      <c r="Z6024">
        <v>12388.43895</v>
      </c>
      <c r="AA6024">
        <v>52543.648529999999</v>
      </c>
      <c r="AB6024">
        <v>30380.593369999999</v>
      </c>
      <c r="AC6024">
        <v>33757.240680000003</v>
      </c>
      <c r="AD6024">
        <v>25887.765050000002</v>
      </c>
      <c r="AE6024">
        <v>40658.501969999998</v>
      </c>
      <c r="AF6024">
        <v>50165.419500000004</v>
      </c>
      <c r="AG6024">
        <v>26682.9251</v>
      </c>
      <c r="AH6024">
        <v>205080.9424</v>
      </c>
      <c r="AI6024">
        <v>69129.272169999997</v>
      </c>
      <c r="AJ6024">
        <v>16373.2397</v>
      </c>
      <c r="AK6024">
        <v>38438.459000000003</v>
      </c>
      <c r="AL6024">
        <v>49832.763619999998</v>
      </c>
      <c r="AM6024">
        <v>19490.526310000001</v>
      </c>
      <c r="AN6024">
        <v>74032.538279999993</v>
      </c>
      <c r="AO6024">
        <v>20718.603009999999</v>
      </c>
      <c r="AP6024">
        <v>12410.66684</v>
      </c>
    </row>
    <row r="6025" spans="2:42" x14ac:dyDescent="0.3">
      <c r="B6025">
        <v>40.329814812728799</v>
      </c>
      <c r="C6025" s="83">
        <v>43351.958333333336</v>
      </c>
      <c r="D6025">
        <v>159903.2689</v>
      </c>
      <c r="E6025">
        <v>11946.444229999999</v>
      </c>
      <c r="F6025">
        <v>51423.49656</v>
      </c>
      <c r="G6025">
        <v>29922.830470000001</v>
      </c>
      <c r="H6025">
        <v>33106.648540000002</v>
      </c>
      <c r="I6025">
        <v>25352.383600000001</v>
      </c>
      <c r="J6025">
        <v>37808.492149999998</v>
      </c>
      <c r="K6025">
        <v>49308.618699999999</v>
      </c>
      <c r="L6025">
        <v>22704.772519999999</v>
      </c>
      <c r="M6025">
        <v>205620.2034</v>
      </c>
      <c r="N6025">
        <v>68016.078590000005</v>
      </c>
      <c r="O6025">
        <v>15809.527099999999</v>
      </c>
      <c r="P6025">
        <v>33403.79621</v>
      </c>
      <c r="Q6025">
        <v>49694.359629999999</v>
      </c>
      <c r="R6025">
        <v>19329.139279999999</v>
      </c>
      <c r="S6025">
        <v>72205.835739999995</v>
      </c>
      <c r="T6025">
        <v>19485.47334</v>
      </c>
      <c r="U6025">
        <v>12051.534299999999</v>
      </c>
      <c r="W6025" s="83">
        <f>Bühler!N6057</f>
        <v>45542.958333318726</v>
      </c>
      <c r="X6025" s="83">
        <v>43351.958333333336</v>
      </c>
      <c r="Y6025">
        <v>159903.2689</v>
      </c>
      <c r="Z6025">
        <v>11946.444229999999</v>
      </c>
      <c r="AA6025">
        <v>51423.49656</v>
      </c>
      <c r="AB6025">
        <v>29922.830470000001</v>
      </c>
      <c r="AC6025">
        <v>33106.648540000002</v>
      </c>
      <c r="AD6025">
        <v>25352.383600000001</v>
      </c>
      <c r="AE6025">
        <v>37808.492149999998</v>
      </c>
      <c r="AF6025">
        <v>49308.618699999999</v>
      </c>
      <c r="AG6025">
        <v>22704.772519999999</v>
      </c>
      <c r="AH6025">
        <v>205620.2034</v>
      </c>
      <c r="AI6025">
        <v>68016.078590000005</v>
      </c>
      <c r="AJ6025">
        <v>15809.527099999999</v>
      </c>
      <c r="AK6025">
        <v>33403.79621</v>
      </c>
      <c r="AL6025">
        <v>49694.359629999999</v>
      </c>
      <c r="AM6025">
        <v>19329.139279999999</v>
      </c>
      <c r="AN6025">
        <v>72205.835739999995</v>
      </c>
      <c r="AO6025">
        <v>19485.47334</v>
      </c>
      <c r="AP6025">
        <v>12051.534299999999</v>
      </c>
    </row>
    <row r="6026" spans="2:42" x14ac:dyDescent="0.3">
      <c r="B6026">
        <v>39.827530551493929</v>
      </c>
      <c r="C6026" s="83">
        <v>43352</v>
      </c>
      <c r="D6026">
        <v>159159.89420000001</v>
      </c>
      <c r="E6026">
        <v>11663.667589999999</v>
      </c>
      <c r="F6026">
        <v>50182.569869999999</v>
      </c>
      <c r="G6026">
        <v>30352.257229999999</v>
      </c>
      <c r="H6026">
        <v>32497.505789999999</v>
      </c>
      <c r="I6026">
        <v>24556.187430000002</v>
      </c>
      <c r="J6026">
        <v>35061.747519999997</v>
      </c>
      <c r="K6026">
        <v>47329.59938</v>
      </c>
      <c r="L6026">
        <v>20167.634460000001</v>
      </c>
      <c r="M6026">
        <v>203059.32399999999</v>
      </c>
      <c r="N6026">
        <v>66560.035229999994</v>
      </c>
      <c r="O6026">
        <v>15605.76829</v>
      </c>
      <c r="P6026">
        <v>30097.4251</v>
      </c>
      <c r="Q6026">
        <v>49257.007400000002</v>
      </c>
      <c r="R6026">
        <v>16237.969440000001</v>
      </c>
      <c r="S6026">
        <v>71065.081149999998</v>
      </c>
      <c r="T6026">
        <v>18538.827600000001</v>
      </c>
      <c r="U6026">
        <v>11849.141019999999</v>
      </c>
      <c r="W6026" s="83">
        <f>Bühler!N6058</f>
        <v>45542.99999998539</v>
      </c>
      <c r="X6026" s="83">
        <v>43352</v>
      </c>
      <c r="Y6026">
        <v>159159.89420000001</v>
      </c>
      <c r="Z6026">
        <v>11663.667589999999</v>
      </c>
      <c r="AA6026">
        <v>50182.569869999999</v>
      </c>
      <c r="AB6026">
        <v>30352.257229999999</v>
      </c>
      <c r="AC6026">
        <v>32497.505789999999</v>
      </c>
      <c r="AD6026">
        <v>24556.187430000002</v>
      </c>
      <c r="AE6026">
        <v>35061.747519999997</v>
      </c>
      <c r="AF6026">
        <v>47329.59938</v>
      </c>
      <c r="AG6026">
        <v>20167.634460000001</v>
      </c>
      <c r="AH6026">
        <v>203059.32399999999</v>
      </c>
      <c r="AI6026">
        <v>66560.035229999994</v>
      </c>
      <c r="AJ6026">
        <v>15605.76829</v>
      </c>
      <c r="AK6026">
        <v>30097.4251</v>
      </c>
      <c r="AL6026">
        <v>49257.007400000002</v>
      </c>
      <c r="AM6026">
        <v>16237.969440000001</v>
      </c>
      <c r="AN6026">
        <v>71065.081149999998</v>
      </c>
      <c r="AO6026">
        <v>18538.827600000001</v>
      </c>
      <c r="AP6026">
        <v>11849.141019999999</v>
      </c>
    </row>
    <row r="6027" spans="2:42" x14ac:dyDescent="0.3">
      <c r="B6027">
        <v>39.337101855432181</v>
      </c>
      <c r="C6027" s="83">
        <v>43352.041666666664</v>
      </c>
      <c r="D6027">
        <v>158911.0912</v>
      </c>
      <c r="E6027">
        <v>11426.64286</v>
      </c>
      <c r="F6027">
        <v>49530.013749999998</v>
      </c>
      <c r="G6027">
        <v>30230.155060000001</v>
      </c>
      <c r="H6027">
        <v>31928.261740000002</v>
      </c>
      <c r="I6027">
        <v>21225.5052</v>
      </c>
      <c r="J6027">
        <v>33830.022629999999</v>
      </c>
      <c r="K6027">
        <v>46864.77867</v>
      </c>
      <c r="L6027">
        <v>18456.01052</v>
      </c>
      <c r="M6027">
        <v>200558.8898</v>
      </c>
      <c r="N6027">
        <v>64873.00477</v>
      </c>
      <c r="O6027">
        <v>15524.756939999999</v>
      </c>
      <c r="P6027">
        <v>26883.00937</v>
      </c>
      <c r="Q6027">
        <v>49669.913489999999</v>
      </c>
      <c r="R6027">
        <v>14649.81983</v>
      </c>
      <c r="S6027">
        <v>70019.580950000003</v>
      </c>
      <c r="T6027">
        <v>17847.501319999999</v>
      </c>
      <c r="U6027">
        <v>11698.094349999999</v>
      </c>
      <c r="W6027" s="83">
        <f>Bühler!N6059</f>
        <v>45543.041666652054</v>
      </c>
      <c r="X6027" s="83">
        <v>43352.041666666664</v>
      </c>
      <c r="Y6027">
        <v>158911.0912</v>
      </c>
      <c r="Z6027">
        <v>11426.64286</v>
      </c>
      <c r="AA6027">
        <v>49530.013749999998</v>
      </c>
      <c r="AB6027">
        <v>30230.155060000001</v>
      </c>
      <c r="AC6027">
        <v>31928.261740000002</v>
      </c>
      <c r="AD6027">
        <v>21225.5052</v>
      </c>
      <c r="AE6027">
        <v>33830.022629999999</v>
      </c>
      <c r="AF6027">
        <v>46864.77867</v>
      </c>
      <c r="AG6027">
        <v>18456.01052</v>
      </c>
      <c r="AH6027">
        <v>200558.8898</v>
      </c>
      <c r="AI6027">
        <v>64873.00477</v>
      </c>
      <c r="AJ6027">
        <v>15524.756939999999</v>
      </c>
      <c r="AK6027">
        <v>26883.00937</v>
      </c>
      <c r="AL6027">
        <v>49669.913489999999</v>
      </c>
      <c r="AM6027">
        <v>14649.81983</v>
      </c>
      <c r="AN6027">
        <v>70019.580950000003</v>
      </c>
      <c r="AO6027">
        <v>17847.501319999999</v>
      </c>
      <c r="AP6027">
        <v>11698.094349999999</v>
      </c>
    </row>
    <row r="6028" spans="2:42" x14ac:dyDescent="0.3">
      <c r="B6028">
        <v>39.272549325725031</v>
      </c>
      <c r="C6028" s="83">
        <v>43352.083333333336</v>
      </c>
      <c r="D6028">
        <v>158510.95929999999</v>
      </c>
      <c r="E6028">
        <v>11353.279039999999</v>
      </c>
      <c r="F6028">
        <v>49406.93245</v>
      </c>
      <c r="G6028">
        <v>29705.443039999998</v>
      </c>
      <c r="H6028">
        <v>31693.959770000001</v>
      </c>
      <c r="I6028">
        <v>18656.182959999998</v>
      </c>
      <c r="J6028">
        <v>33514.120150000002</v>
      </c>
      <c r="K6028">
        <v>45246.194880000003</v>
      </c>
      <c r="L6028">
        <v>17935.322700000001</v>
      </c>
      <c r="M6028">
        <v>200229.7709</v>
      </c>
      <c r="N6028">
        <v>64434.14503</v>
      </c>
      <c r="O6028">
        <v>15352.92777</v>
      </c>
      <c r="P6028">
        <v>25199.232090000001</v>
      </c>
      <c r="Q6028">
        <v>50681.993900000001</v>
      </c>
      <c r="R6028">
        <v>13789.10333</v>
      </c>
      <c r="S6028">
        <v>69195.576780000003</v>
      </c>
      <c r="T6028">
        <v>17332.616480000001</v>
      </c>
      <c r="U6028">
        <v>11507.383</v>
      </c>
      <c r="W6028" s="83">
        <f>Bühler!N6060</f>
        <v>45543.083333318718</v>
      </c>
      <c r="X6028" s="83">
        <v>43352.083333333336</v>
      </c>
      <c r="Y6028">
        <v>158510.95929999999</v>
      </c>
      <c r="Z6028">
        <v>11353.279039999999</v>
      </c>
      <c r="AA6028">
        <v>49406.93245</v>
      </c>
      <c r="AB6028">
        <v>29705.443039999998</v>
      </c>
      <c r="AC6028">
        <v>31693.959770000001</v>
      </c>
      <c r="AD6028">
        <v>18656.182959999998</v>
      </c>
      <c r="AE6028">
        <v>33514.120150000002</v>
      </c>
      <c r="AF6028">
        <v>45246.194880000003</v>
      </c>
      <c r="AG6028">
        <v>17935.322700000001</v>
      </c>
      <c r="AH6028">
        <v>200229.7709</v>
      </c>
      <c r="AI6028">
        <v>64434.14503</v>
      </c>
      <c r="AJ6028">
        <v>15352.92777</v>
      </c>
      <c r="AK6028">
        <v>25199.232090000001</v>
      </c>
      <c r="AL6028">
        <v>50681.993900000001</v>
      </c>
      <c r="AM6028">
        <v>13789.10333</v>
      </c>
      <c r="AN6028">
        <v>69195.576780000003</v>
      </c>
      <c r="AO6028">
        <v>17332.616480000001</v>
      </c>
      <c r="AP6028">
        <v>11507.383</v>
      </c>
    </row>
    <row r="6029" spans="2:42" x14ac:dyDescent="0.3">
      <c r="B6029">
        <v>39.242726024010018</v>
      </c>
      <c r="C6029" s="83">
        <v>43352.125</v>
      </c>
      <c r="D6029">
        <v>157750.03580000001</v>
      </c>
      <c r="E6029">
        <v>11337.40547</v>
      </c>
      <c r="F6029">
        <v>49379.133199999997</v>
      </c>
      <c r="G6029">
        <v>28816.806240000002</v>
      </c>
      <c r="H6029">
        <v>31488.023079999999</v>
      </c>
      <c r="I6029">
        <v>17699.05645</v>
      </c>
      <c r="J6029">
        <v>33372.272720000001</v>
      </c>
      <c r="K6029">
        <v>43535.149380000003</v>
      </c>
      <c r="L6029">
        <v>17216.23892</v>
      </c>
      <c r="M6029">
        <v>200077.71780000001</v>
      </c>
      <c r="N6029">
        <v>62976.837599999999</v>
      </c>
      <c r="O6029">
        <v>15472.41878</v>
      </c>
      <c r="P6029">
        <v>24370.64992</v>
      </c>
      <c r="Q6029">
        <v>52398.667959999999</v>
      </c>
      <c r="R6029">
        <v>13412.530699999999</v>
      </c>
      <c r="S6029">
        <v>68783.880489999996</v>
      </c>
      <c r="T6029">
        <v>16907.383330000001</v>
      </c>
      <c r="U6029">
        <v>11472.39913</v>
      </c>
      <c r="W6029" s="83">
        <f>Bühler!N6061</f>
        <v>45543.124999985383</v>
      </c>
      <c r="X6029" s="83">
        <v>43352.125</v>
      </c>
      <c r="Y6029">
        <v>157750.03580000001</v>
      </c>
      <c r="Z6029">
        <v>11337.40547</v>
      </c>
      <c r="AA6029">
        <v>49379.133199999997</v>
      </c>
      <c r="AB6029">
        <v>28816.806240000002</v>
      </c>
      <c r="AC6029">
        <v>31488.023079999999</v>
      </c>
      <c r="AD6029">
        <v>17699.05645</v>
      </c>
      <c r="AE6029">
        <v>33372.272720000001</v>
      </c>
      <c r="AF6029">
        <v>43535.149380000003</v>
      </c>
      <c r="AG6029">
        <v>17216.23892</v>
      </c>
      <c r="AH6029">
        <v>200077.71780000001</v>
      </c>
      <c r="AI6029">
        <v>62976.837599999999</v>
      </c>
      <c r="AJ6029">
        <v>15472.41878</v>
      </c>
      <c r="AK6029">
        <v>24370.64992</v>
      </c>
      <c r="AL6029">
        <v>52398.667959999999</v>
      </c>
      <c r="AM6029">
        <v>13412.530699999999</v>
      </c>
      <c r="AN6029">
        <v>68783.880489999996</v>
      </c>
      <c r="AO6029">
        <v>16907.383330000001</v>
      </c>
      <c r="AP6029">
        <v>11472.39913</v>
      </c>
    </row>
    <row r="6030" spans="2:42" x14ac:dyDescent="0.3">
      <c r="B6030">
        <v>39.142413466135238</v>
      </c>
      <c r="C6030" s="83">
        <v>43352.166666666664</v>
      </c>
      <c r="D6030">
        <v>156550.60269999999</v>
      </c>
      <c r="E6030">
        <v>11295.623740000001</v>
      </c>
      <c r="F6030">
        <v>49655.74656</v>
      </c>
      <c r="G6030">
        <v>28050.032739999999</v>
      </c>
      <c r="H6030">
        <v>31308.062519999999</v>
      </c>
      <c r="I6030">
        <v>17740.582480000001</v>
      </c>
      <c r="J6030">
        <v>34886.278200000001</v>
      </c>
      <c r="K6030">
        <v>42144.720959999999</v>
      </c>
      <c r="L6030">
        <v>16880.978579999999</v>
      </c>
      <c r="M6030">
        <v>199566.2776</v>
      </c>
      <c r="N6030">
        <v>61487.091670000002</v>
      </c>
      <c r="O6030">
        <v>15643.696029999999</v>
      </c>
      <c r="P6030">
        <v>23823.066299999999</v>
      </c>
      <c r="Q6030">
        <v>51917.867559999999</v>
      </c>
      <c r="R6030">
        <v>13115.470069999999</v>
      </c>
      <c r="S6030">
        <v>68811.884439999994</v>
      </c>
      <c r="T6030">
        <v>16842.579140000002</v>
      </c>
      <c r="U6030">
        <v>11506.464599999999</v>
      </c>
      <c r="W6030" s="83">
        <f>Bühler!N6062</f>
        <v>45543.166666652047</v>
      </c>
      <c r="X6030" s="83">
        <v>43352.166666666664</v>
      </c>
      <c r="Y6030">
        <v>156550.60269999999</v>
      </c>
      <c r="Z6030">
        <v>11295.623740000001</v>
      </c>
      <c r="AA6030">
        <v>49655.74656</v>
      </c>
      <c r="AB6030">
        <v>28050.032739999999</v>
      </c>
      <c r="AC6030">
        <v>31308.062519999999</v>
      </c>
      <c r="AD6030">
        <v>17740.582480000001</v>
      </c>
      <c r="AE6030">
        <v>34886.278200000001</v>
      </c>
      <c r="AF6030">
        <v>42144.720959999999</v>
      </c>
      <c r="AG6030">
        <v>16880.978579999999</v>
      </c>
      <c r="AH6030">
        <v>199566.2776</v>
      </c>
      <c r="AI6030">
        <v>61487.091670000002</v>
      </c>
      <c r="AJ6030">
        <v>15643.696029999999</v>
      </c>
      <c r="AK6030">
        <v>23823.066299999999</v>
      </c>
      <c r="AL6030">
        <v>51917.867559999999</v>
      </c>
      <c r="AM6030">
        <v>13115.470069999999</v>
      </c>
      <c r="AN6030">
        <v>68811.884439999994</v>
      </c>
      <c r="AO6030">
        <v>16842.579140000002</v>
      </c>
      <c r="AP6030">
        <v>11506.464599999999</v>
      </c>
    </row>
    <row r="6031" spans="2:42" x14ac:dyDescent="0.3">
      <c r="B6031">
        <v>38.835634839957223</v>
      </c>
      <c r="C6031" s="83">
        <v>43352.208333333336</v>
      </c>
      <c r="D6031">
        <v>156321.565</v>
      </c>
      <c r="E6031">
        <v>11399.060369999999</v>
      </c>
      <c r="F6031">
        <v>50208.974770000001</v>
      </c>
      <c r="G6031">
        <v>27992.590980000001</v>
      </c>
      <c r="H6031">
        <v>31718.493640000001</v>
      </c>
      <c r="I6031">
        <v>21014.648710000001</v>
      </c>
      <c r="J6031">
        <v>37703.803229999998</v>
      </c>
      <c r="K6031">
        <v>42579.337919999998</v>
      </c>
      <c r="L6031">
        <v>16836.70866</v>
      </c>
      <c r="M6031">
        <v>198002.1771</v>
      </c>
      <c r="N6031">
        <v>60579.597170000001</v>
      </c>
      <c r="O6031">
        <v>15245.9185</v>
      </c>
      <c r="P6031">
        <v>24981.289479999999</v>
      </c>
      <c r="Q6031">
        <v>52270.909359999998</v>
      </c>
      <c r="R6031">
        <v>13836.70059</v>
      </c>
      <c r="S6031">
        <v>70552.204119999995</v>
      </c>
      <c r="T6031">
        <v>16615.239219999999</v>
      </c>
      <c r="U6031">
        <v>11515.39309</v>
      </c>
      <c r="W6031" s="83">
        <f>Bühler!N6063</f>
        <v>45543.208333318711</v>
      </c>
      <c r="X6031" s="83">
        <v>43352.208333333336</v>
      </c>
      <c r="Y6031">
        <v>156321.565</v>
      </c>
      <c r="Z6031">
        <v>11399.060369999999</v>
      </c>
      <c r="AA6031">
        <v>50208.974770000001</v>
      </c>
      <c r="AB6031">
        <v>27992.590980000001</v>
      </c>
      <c r="AC6031">
        <v>31718.493640000001</v>
      </c>
      <c r="AD6031">
        <v>21014.648710000001</v>
      </c>
      <c r="AE6031">
        <v>37703.803229999998</v>
      </c>
      <c r="AF6031">
        <v>42579.337919999998</v>
      </c>
      <c r="AG6031">
        <v>16836.70866</v>
      </c>
      <c r="AH6031">
        <v>198002.1771</v>
      </c>
      <c r="AI6031">
        <v>60579.597170000001</v>
      </c>
      <c r="AJ6031">
        <v>15245.9185</v>
      </c>
      <c r="AK6031">
        <v>24981.289479999999</v>
      </c>
      <c r="AL6031">
        <v>52270.909359999998</v>
      </c>
      <c r="AM6031">
        <v>13836.70059</v>
      </c>
      <c r="AN6031">
        <v>70552.204119999995</v>
      </c>
      <c r="AO6031">
        <v>16615.239219999999</v>
      </c>
      <c r="AP6031">
        <v>11515.39309</v>
      </c>
    </row>
    <row r="6032" spans="2:42" x14ac:dyDescent="0.3">
      <c r="B6032">
        <v>38.931787499820025</v>
      </c>
      <c r="C6032" s="83">
        <v>43352.25</v>
      </c>
      <c r="D6032">
        <v>156372.98300000001</v>
      </c>
      <c r="E6032">
        <v>11662.36031</v>
      </c>
      <c r="F6032">
        <v>52821.997739999999</v>
      </c>
      <c r="G6032">
        <v>28486.38838</v>
      </c>
      <c r="H6032">
        <v>31285.35526</v>
      </c>
      <c r="I6032">
        <v>22623.66144</v>
      </c>
      <c r="J6032">
        <v>41161.755980000002</v>
      </c>
      <c r="K6032">
        <v>40832.815609999998</v>
      </c>
      <c r="L6032">
        <v>17350.360809999998</v>
      </c>
      <c r="M6032">
        <v>198492.40820000001</v>
      </c>
      <c r="N6032">
        <v>59323.786379999998</v>
      </c>
      <c r="O6032">
        <v>15645.36766</v>
      </c>
      <c r="P6032">
        <v>25742.378049999999</v>
      </c>
      <c r="Q6032">
        <v>51925.657079999997</v>
      </c>
      <c r="R6032">
        <v>13893.740599999999</v>
      </c>
      <c r="S6032">
        <v>74880.126300000004</v>
      </c>
      <c r="T6032">
        <v>17160.28872</v>
      </c>
      <c r="U6032">
        <v>11360.312309999999</v>
      </c>
      <c r="W6032" s="83">
        <f>Bühler!N6064</f>
        <v>45543.249999985375</v>
      </c>
      <c r="X6032" s="83">
        <v>43352.25</v>
      </c>
      <c r="Y6032">
        <v>156372.98300000001</v>
      </c>
      <c r="Z6032">
        <v>11662.36031</v>
      </c>
      <c r="AA6032">
        <v>52821.997739999999</v>
      </c>
      <c r="AB6032">
        <v>28486.38838</v>
      </c>
      <c r="AC6032">
        <v>31285.35526</v>
      </c>
      <c r="AD6032">
        <v>22623.66144</v>
      </c>
      <c r="AE6032">
        <v>41161.755980000002</v>
      </c>
      <c r="AF6032">
        <v>40832.815609999998</v>
      </c>
      <c r="AG6032">
        <v>17350.360809999998</v>
      </c>
      <c r="AH6032">
        <v>198492.40820000001</v>
      </c>
      <c r="AI6032">
        <v>59323.786379999998</v>
      </c>
      <c r="AJ6032">
        <v>15645.36766</v>
      </c>
      <c r="AK6032">
        <v>25742.378049999999</v>
      </c>
      <c r="AL6032">
        <v>51925.657079999997</v>
      </c>
      <c r="AM6032">
        <v>13893.740599999999</v>
      </c>
      <c r="AN6032">
        <v>74880.126300000004</v>
      </c>
      <c r="AO6032">
        <v>17160.28872</v>
      </c>
      <c r="AP6032">
        <v>11360.312309999999</v>
      </c>
    </row>
    <row r="6033" spans="2:42" x14ac:dyDescent="0.3">
      <c r="B6033">
        <v>38.690642473543669</v>
      </c>
      <c r="C6033" s="83">
        <v>43352.291666666664</v>
      </c>
      <c r="D6033">
        <v>154815.12959999999</v>
      </c>
      <c r="E6033">
        <v>11763.46963</v>
      </c>
      <c r="F6033">
        <v>55728.007559999998</v>
      </c>
      <c r="G6033">
        <v>28421.45492</v>
      </c>
      <c r="H6033">
        <v>30947.179670000001</v>
      </c>
      <c r="I6033">
        <v>23863.965219999998</v>
      </c>
      <c r="J6033">
        <v>40881.618170000002</v>
      </c>
      <c r="K6033">
        <v>39998.140240000001</v>
      </c>
      <c r="L6033">
        <v>19139.252270000001</v>
      </c>
      <c r="M6033">
        <v>197262.93840000001</v>
      </c>
      <c r="N6033">
        <v>58169.506930000003</v>
      </c>
      <c r="O6033">
        <v>15279.12708</v>
      </c>
      <c r="P6033">
        <v>28653.251899999999</v>
      </c>
      <c r="Q6033">
        <v>50617.481050000002</v>
      </c>
      <c r="R6033">
        <v>13880.076160000001</v>
      </c>
      <c r="S6033">
        <v>79651.282569999996</v>
      </c>
      <c r="T6033">
        <v>17904.82948</v>
      </c>
      <c r="U6033">
        <v>11000.57804</v>
      </c>
      <c r="W6033" s="83">
        <f>Bühler!N6065</f>
        <v>45543.29166665204</v>
      </c>
      <c r="X6033" s="83">
        <v>43352.291666666664</v>
      </c>
      <c r="Y6033">
        <v>154815.12959999999</v>
      </c>
      <c r="Z6033">
        <v>11763.46963</v>
      </c>
      <c r="AA6033">
        <v>55728.007559999998</v>
      </c>
      <c r="AB6033">
        <v>28421.45492</v>
      </c>
      <c r="AC6033">
        <v>30947.179670000001</v>
      </c>
      <c r="AD6033">
        <v>23863.965219999998</v>
      </c>
      <c r="AE6033">
        <v>40881.618170000002</v>
      </c>
      <c r="AF6033">
        <v>39998.140240000001</v>
      </c>
      <c r="AG6033">
        <v>19139.252270000001</v>
      </c>
      <c r="AH6033">
        <v>197262.93840000001</v>
      </c>
      <c r="AI6033">
        <v>58169.506930000003</v>
      </c>
      <c r="AJ6033">
        <v>15279.12708</v>
      </c>
      <c r="AK6033">
        <v>28653.251899999999</v>
      </c>
      <c r="AL6033">
        <v>50617.481050000002</v>
      </c>
      <c r="AM6033">
        <v>13880.076160000001</v>
      </c>
      <c r="AN6033">
        <v>79651.282569999996</v>
      </c>
      <c r="AO6033">
        <v>17904.82948</v>
      </c>
      <c r="AP6033">
        <v>11000.57804</v>
      </c>
    </row>
    <row r="6034" spans="2:42" x14ac:dyDescent="0.3">
      <c r="B6034">
        <v>38.334003382874968</v>
      </c>
      <c r="C6034" s="83">
        <v>43352.333333333336</v>
      </c>
      <c r="D6034">
        <v>154275.36739999999</v>
      </c>
      <c r="E6034">
        <v>12367.77031</v>
      </c>
      <c r="F6034">
        <v>56620.976219999997</v>
      </c>
      <c r="G6034">
        <v>28504.196680000001</v>
      </c>
      <c r="H6034">
        <v>30788.96542</v>
      </c>
      <c r="I6034">
        <v>24206.222040000001</v>
      </c>
      <c r="J6034">
        <v>42124.473059999997</v>
      </c>
      <c r="K6034">
        <v>41637.184630000003</v>
      </c>
      <c r="L6034">
        <v>22101.136549999999</v>
      </c>
      <c r="M6034">
        <v>195444.62599999999</v>
      </c>
      <c r="N6034">
        <v>60181.855900000002</v>
      </c>
      <c r="O6034">
        <v>15650.568799999999</v>
      </c>
      <c r="P6034">
        <v>32500.495180000002</v>
      </c>
      <c r="Q6034">
        <v>50195.165670000002</v>
      </c>
      <c r="R6034">
        <v>14586.03888</v>
      </c>
      <c r="S6034">
        <v>81460.034249999997</v>
      </c>
      <c r="T6034">
        <v>20499.736720000001</v>
      </c>
      <c r="U6034">
        <v>10821.789720000001</v>
      </c>
      <c r="W6034" s="83">
        <f>Bühler!N6066</f>
        <v>45543.333333318704</v>
      </c>
      <c r="X6034" s="83">
        <v>43352.333333333336</v>
      </c>
      <c r="Y6034">
        <v>154275.36739999999</v>
      </c>
      <c r="Z6034">
        <v>12367.77031</v>
      </c>
      <c r="AA6034">
        <v>56620.976219999997</v>
      </c>
      <c r="AB6034">
        <v>28504.196680000001</v>
      </c>
      <c r="AC6034">
        <v>30788.96542</v>
      </c>
      <c r="AD6034">
        <v>24206.222040000001</v>
      </c>
      <c r="AE6034">
        <v>42124.473059999997</v>
      </c>
      <c r="AF6034">
        <v>41637.184630000003</v>
      </c>
      <c r="AG6034">
        <v>22101.136549999999</v>
      </c>
      <c r="AH6034">
        <v>195444.62599999999</v>
      </c>
      <c r="AI6034">
        <v>60181.855900000002</v>
      </c>
      <c r="AJ6034">
        <v>15650.568799999999</v>
      </c>
      <c r="AK6034">
        <v>32500.495180000002</v>
      </c>
      <c r="AL6034">
        <v>50195.165670000002</v>
      </c>
      <c r="AM6034">
        <v>14586.03888</v>
      </c>
      <c r="AN6034">
        <v>81460.034249999997</v>
      </c>
      <c r="AO6034">
        <v>20499.736720000001</v>
      </c>
      <c r="AP6034">
        <v>10821.789720000001</v>
      </c>
    </row>
    <row r="6035" spans="2:42" x14ac:dyDescent="0.3">
      <c r="B6035">
        <v>38.333507880927804</v>
      </c>
      <c r="C6035" s="83">
        <v>43352.375</v>
      </c>
      <c r="D6035">
        <v>154603.80540000001</v>
      </c>
      <c r="E6035">
        <v>13266.788049999999</v>
      </c>
      <c r="F6035">
        <v>58552.603109999996</v>
      </c>
      <c r="G6035">
        <v>28974.516500000002</v>
      </c>
      <c r="H6035">
        <v>31544.139490000001</v>
      </c>
      <c r="I6035">
        <v>24026.411339999999</v>
      </c>
      <c r="J6035">
        <v>43195.169260000002</v>
      </c>
      <c r="K6035">
        <v>42918.407350000001</v>
      </c>
      <c r="L6035">
        <v>25852.30587</v>
      </c>
      <c r="M6035">
        <v>195442.09969999999</v>
      </c>
      <c r="N6035">
        <v>63266.389490000001</v>
      </c>
      <c r="O6035">
        <v>16670.638869999999</v>
      </c>
      <c r="P6035">
        <v>36062.183470000004</v>
      </c>
      <c r="Q6035">
        <v>50255.199739999996</v>
      </c>
      <c r="R6035">
        <v>14962.396049999999</v>
      </c>
      <c r="S6035">
        <v>83551.838669999997</v>
      </c>
      <c r="T6035">
        <v>22203.55387</v>
      </c>
      <c r="U6035">
        <v>10128.893830000001</v>
      </c>
      <c r="W6035" s="83">
        <f>Bühler!N6067</f>
        <v>45543.374999985368</v>
      </c>
      <c r="X6035" s="83">
        <v>43352.375</v>
      </c>
      <c r="Y6035">
        <v>154603.80540000001</v>
      </c>
      <c r="Z6035">
        <v>13266.788049999999</v>
      </c>
      <c r="AA6035">
        <v>58552.603109999996</v>
      </c>
      <c r="AB6035">
        <v>28974.516500000002</v>
      </c>
      <c r="AC6035">
        <v>31544.139490000001</v>
      </c>
      <c r="AD6035">
        <v>24026.411339999999</v>
      </c>
      <c r="AE6035">
        <v>43195.169260000002</v>
      </c>
      <c r="AF6035">
        <v>42918.407350000001</v>
      </c>
      <c r="AG6035">
        <v>25852.30587</v>
      </c>
      <c r="AH6035">
        <v>195442.09969999999</v>
      </c>
      <c r="AI6035">
        <v>63266.389490000001</v>
      </c>
      <c r="AJ6035">
        <v>16670.638869999999</v>
      </c>
      <c r="AK6035">
        <v>36062.183470000004</v>
      </c>
      <c r="AL6035">
        <v>50255.199739999996</v>
      </c>
      <c r="AM6035">
        <v>14962.396049999999</v>
      </c>
      <c r="AN6035">
        <v>83551.838669999997</v>
      </c>
      <c r="AO6035">
        <v>22203.55387</v>
      </c>
      <c r="AP6035">
        <v>10128.893830000001</v>
      </c>
    </row>
    <row r="6036" spans="2:42" x14ac:dyDescent="0.3">
      <c r="B6036">
        <v>38.596280195216757</v>
      </c>
      <c r="C6036" s="83">
        <v>43352.416666666664</v>
      </c>
      <c r="D6036">
        <v>155086.90119999999</v>
      </c>
      <c r="E6036">
        <v>14137.10656</v>
      </c>
      <c r="F6036">
        <v>60398.479169999999</v>
      </c>
      <c r="G6036">
        <v>29347.088370000001</v>
      </c>
      <c r="H6036">
        <v>32149.676790000001</v>
      </c>
      <c r="I6036">
        <v>23554.926739999999</v>
      </c>
      <c r="J6036">
        <v>42123.343119999998</v>
      </c>
      <c r="K6036">
        <v>45169.341769999999</v>
      </c>
      <c r="L6036">
        <v>29440.94181</v>
      </c>
      <c r="M6036">
        <v>196781.83549999999</v>
      </c>
      <c r="N6036">
        <v>65976.223549999995</v>
      </c>
      <c r="O6036">
        <v>17641.983560000001</v>
      </c>
      <c r="P6036">
        <v>36874.12616</v>
      </c>
      <c r="Q6036">
        <v>50815.076529999998</v>
      </c>
      <c r="R6036">
        <v>15959.158810000001</v>
      </c>
      <c r="S6036">
        <v>84640.624620000002</v>
      </c>
      <c r="T6036">
        <v>24572.529470000001</v>
      </c>
      <c r="U6036">
        <v>10124.57588</v>
      </c>
      <c r="W6036" s="83">
        <f>Bühler!N6068</f>
        <v>45543.416666652032</v>
      </c>
      <c r="X6036" s="83">
        <v>43352.416666666664</v>
      </c>
      <c r="Y6036">
        <v>155086.90119999999</v>
      </c>
      <c r="Z6036">
        <v>14137.10656</v>
      </c>
      <c r="AA6036">
        <v>60398.479169999999</v>
      </c>
      <c r="AB6036">
        <v>29347.088370000001</v>
      </c>
      <c r="AC6036">
        <v>32149.676790000001</v>
      </c>
      <c r="AD6036">
        <v>23554.926739999999</v>
      </c>
      <c r="AE6036">
        <v>42123.343119999998</v>
      </c>
      <c r="AF6036">
        <v>45169.341769999999</v>
      </c>
      <c r="AG6036">
        <v>29440.94181</v>
      </c>
      <c r="AH6036">
        <v>196781.83549999999</v>
      </c>
      <c r="AI6036">
        <v>65976.223549999995</v>
      </c>
      <c r="AJ6036">
        <v>17641.983560000001</v>
      </c>
      <c r="AK6036">
        <v>36874.12616</v>
      </c>
      <c r="AL6036">
        <v>50815.076529999998</v>
      </c>
      <c r="AM6036">
        <v>15959.158810000001</v>
      </c>
      <c r="AN6036">
        <v>84640.624620000002</v>
      </c>
      <c r="AO6036">
        <v>24572.529470000001</v>
      </c>
      <c r="AP6036">
        <v>10124.57588</v>
      </c>
    </row>
    <row r="6037" spans="2:42" x14ac:dyDescent="0.3">
      <c r="B6037">
        <v>39.233376016222827</v>
      </c>
      <c r="C6037" s="83">
        <v>43352.458333333336</v>
      </c>
      <c r="D6037">
        <v>155200.82930000001</v>
      </c>
      <c r="E6037">
        <v>14432.143749999999</v>
      </c>
      <c r="F6037">
        <v>61036.380210000003</v>
      </c>
      <c r="G6037">
        <v>29858.409110000001</v>
      </c>
      <c r="H6037">
        <v>32661.22998</v>
      </c>
      <c r="I6037">
        <v>23709.49972</v>
      </c>
      <c r="J6037">
        <v>41862.847419999998</v>
      </c>
      <c r="K6037">
        <v>47299.869169999998</v>
      </c>
      <c r="L6037">
        <v>31031.24252</v>
      </c>
      <c r="M6037">
        <v>200030.0471</v>
      </c>
      <c r="N6037">
        <v>66469.781499999997</v>
      </c>
      <c r="O6037">
        <v>17032.804759999999</v>
      </c>
      <c r="P6037">
        <v>36456.449350000003</v>
      </c>
      <c r="Q6037">
        <v>50584.059520000003</v>
      </c>
      <c r="R6037">
        <v>16985.578259999998</v>
      </c>
      <c r="S6037">
        <v>87232.208859999999</v>
      </c>
      <c r="T6037">
        <v>25156.12156</v>
      </c>
      <c r="U6037">
        <v>11008.716689999999</v>
      </c>
      <c r="W6037" s="83">
        <f>Bühler!N6069</f>
        <v>45543.458333318697</v>
      </c>
      <c r="X6037" s="83">
        <v>43352.458333333336</v>
      </c>
      <c r="Y6037">
        <v>155200.82930000001</v>
      </c>
      <c r="Z6037">
        <v>14432.143749999999</v>
      </c>
      <c r="AA6037">
        <v>61036.380210000003</v>
      </c>
      <c r="AB6037">
        <v>29858.409110000001</v>
      </c>
      <c r="AC6037">
        <v>32661.22998</v>
      </c>
      <c r="AD6037">
        <v>23709.49972</v>
      </c>
      <c r="AE6037">
        <v>41862.847419999998</v>
      </c>
      <c r="AF6037">
        <v>47299.869169999998</v>
      </c>
      <c r="AG6037">
        <v>31031.24252</v>
      </c>
      <c r="AH6037">
        <v>200030.0471</v>
      </c>
      <c r="AI6037">
        <v>66469.781499999997</v>
      </c>
      <c r="AJ6037">
        <v>17032.804759999999</v>
      </c>
      <c r="AK6037">
        <v>36456.449350000003</v>
      </c>
      <c r="AL6037">
        <v>50584.059520000003</v>
      </c>
      <c r="AM6037">
        <v>16985.578259999998</v>
      </c>
      <c r="AN6037">
        <v>87232.208859999999</v>
      </c>
      <c r="AO6037">
        <v>25156.12156</v>
      </c>
      <c r="AP6037">
        <v>11008.716689999999</v>
      </c>
    </row>
    <row r="6038" spans="2:42" x14ac:dyDescent="0.3">
      <c r="B6038">
        <v>39.119674059375612</v>
      </c>
      <c r="C6038" s="83">
        <v>43352.5</v>
      </c>
      <c r="D6038">
        <v>154671.0129</v>
      </c>
      <c r="E6038">
        <v>14704.75909</v>
      </c>
      <c r="F6038">
        <v>58480.504350000003</v>
      </c>
      <c r="G6038">
        <v>30197.91533</v>
      </c>
      <c r="H6038">
        <v>32432.760999999999</v>
      </c>
      <c r="I6038">
        <v>24216.887849999999</v>
      </c>
      <c r="J6038">
        <v>42940.924010000002</v>
      </c>
      <c r="K6038">
        <v>46891.867660000004</v>
      </c>
      <c r="L6038">
        <v>32473.48328</v>
      </c>
      <c r="M6038">
        <v>199450.34150000001</v>
      </c>
      <c r="N6038">
        <v>67053.212830000004</v>
      </c>
      <c r="O6038">
        <v>16995.878769999999</v>
      </c>
      <c r="P6038">
        <v>36785.35368</v>
      </c>
      <c r="Q6038">
        <v>49345.189039999997</v>
      </c>
      <c r="R6038">
        <v>17485.94313</v>
      </c>
      <c r="S6038">
        <v>84152.452409999998</v>
      </c>
      <c r="T6038">
        <v>25135.697179999999</v>
      </c>
      <c r="U6038">
        <v>10552.963890000001</v>
      </c>
      <c r="W6038" s="83">
        <f>Bühler!N6070</f>
        <v>45543.499999985361</v>
      </c>
      <c r="X6038" s="83">
        <v>43352.5</v>
      </c>
      <c r="Y6038">
        <v>154671.0129</v>
      </c>
      <c r="Z6038">
        <v>14704.75909</v>
      </c>
      <c r="AA6038">
        <v>58480.504350000003</v>
      </c>
      <c r="AB6038">
        <v>30197.91533</v>
      </c>
      <c r="AC6038">
        <v>32432.760999999999</v>
      </c>
      <c r="AD6038">
        <v>24216.887849999999</v>
      </c>
      <c r="AE6038">
        <v>42940.924010000002</v>
      </c>
      <c r="AF6038">
        <v>46891.867660000004</v>
      </c>
      <c r="AG6038">
        <v>32473.48328</v>
      </c>
      <c r="AH6038">
        <v>199450.34150000001</v>
      </c>
      <c r="AI6038">
        <v>67053.212830000004</v>
      </c>
      <c r="AJ6038">
        <v>16995.878769999999</v>
      </c>
      <c r="AK6038">
        <v>36785.35368</v>
      </c>
      <c r="AL6038">
        <v>49345.189039999997</v>
      </c>
      <c r="AM6038">
        <v>17485.94313</v>
      </c>
      <c r="AN6038">
        <v>84152.452409999998</v>
      </c>
      <c r="AO6038">
        <v>25135.697179999999</v>
      </c>
      <c r="AP6038">
        <v>10552.963890000001</v>
      </c>
    </row>
    <row r="6039" spans="2:42" x14ac:dyDescent="0.3">
      <c r="B6039">
        <v>38.983026202300074</v>
      </c>
      <c r="C6039" s="83">
        <v>43352.541666666664</v>
      </c>
      <c r="D6039">
        <v>154995.30290000001</v>
      </c>
      <c r="E6039">
        <v>14518.638209999999</v>
      </c>
      <c r="F6039">
        <v>50925.861700000001</v>
      </c>
      <c r="G6039">
        <v>30165.67988</v>
      </c>
      <c r="H6039">
        <v>32167.416809999999</v>
      </c>
      <c r="I6039">
        <v>24517.542150000001</v>
      </c>
      <c r="J6039">
        <v>42154.728430000003</v>
      </c>
      <c r="K6039">
        <v>45965.081400000003</v>
      </c>
      <c r="L6039">
        <v>31775.352770000001</v>
      </c>
      <c r="M6039">
        <v>198753.647</v>
      </c>
      <c r="N6039">
        <v>67038.313089999996</v>
      </c>
      <c r="O6039">
        <v>16955.45073</v>
      </c>
      <c r="P6039">
        <v>35793.815490000001</v>
      </c>
      <c r="Q6039">
        <v>48763.930670000002</v>
      </c>
      <c r="R6039">
        <v>17627.857840000001</v>
      </c>
      <c r="S6039">
        <v>85084.340089999998</v>
      </c>
      <c r="T6039">
        <v>24832.109499999999</v>
      </c>
      <c r="U6039">
        <v>10399.081829999999</v>
      </c>
      <c r="W6039" s="83">
        <f>Bühler!N6071</f>
        <v>45543.541666652025</v>
      </c>
      <c r="X6039" s="83">
        <v>43352.541666666664</v>
      </c>
      <c r="Y6039">
        <v>154995.30290000001</v>
      </c>
      <c r="Z6039">
        <v>14518.638209999999</v>
      </c>
      <c r="AA6039">
        <v>50925.861700000001</v>
      </c>
      <c r="AB6039">
        <v>30165.67988</v>
      </c>
      <c r="AC6039">
        <v>32167.416809999999</v>
      </c>
      <c r="AD6039">
        <v>24517.542150000001</v>
      </c>
      <c r="AE6039">
        <v>42154.728430000003</v>
      </c>
      <c r="AF6039">
        <v>45965.081400000003</v>
      </c>
      <c r="AG6039">
        <v>31775.352770000001</v>
      </c>
      <c r="AH6039">
        <v>198753.647</v>
      </c>
      <c r="AI6039">
        <v>67038.313089999996</v>
      </c>
      <c r="AJ6039">
        <v>16955.45073</v>
      </c>
      <c r="AK6039">
        <v>35793.815490000001</v>
      </c>
      <c r="AL6039">
        <v>48763.930670000002</v>
      </c>
      <c r="AM6039">
        <v>17627.857840000001</v>
      </c>
      <c r="AN6039">
        <v>85084.340089999998</v>
      </c>
      <c r="AO6039">
        <v>24832.109499999999</v>
      </c>
      <c r="AP6039">
        <v>10399.081829999999</v>
      </c>
    </row>
    <row r="6040" spans="2:42" x14ac:dyDescent="0.3">
      <c r="B6040">
        <v>38.907955195779863</v>
      </c>
      <c r="C6040" s="83">
        <v>43352.583333333336</v>
      </c>
      <c r="D6040">
        <v>155748.85490000001</v>
      </c>
      <c r="E6040">
        <v>14769.248680000001</v>
      </c>
      <c r="F6040">
        <v>50964.186260000002</v>
      </c>
      <c r="G6040">
        <v>29926.511709999999</v>
      </c>
      <c r="H6040">
        <v>31926.723099999999</v>
      </c>
      <c r="I6040">
        <v>24807.906180000002</v>
      </c>
      <c r="J6040">
        <v>41281.550499999998</v>
      </c>
      <c r="K6040">
        <v>45281.934370000003</v>
      </c>
      <c r="L6040">
        <v>30594.340560000001</v>
      </c>
      <c r="M6040">
        <v>198370.9</v>
      </c>
      <c r="N6040">
        <v>65949.095209999999</v>
      </c>
      <c r="O6040">
        <v>16658.942309999999</v>
      </c>
      <c r="P6040">
        <v>33588.99899</v>
      </c>
      <c r="Q6040">
        <v>48865.107880000003</v>
      </c>
      <c r="R6040">
        <v>17184.01455</v>
      </c>
      <c r="S6040">
        <v>82562.278720000002</v>
      </c>
      <c r="T6040">
        <v>24513.893100000001</v>
      </c>
      <c r="U6040">
        <v>10349.840029999999</v>
      </c>
      <c r="W6040" s="83">
        <f>Bühler!N6072</f>
        <v>45543.583333318689</v>
      </c>
      <c r="X6040" s="83">
        <v>43352.583333333336</v>
      </c>
      <c r="Y6040">
        <v>155748.85490000001</v>
      </c>
      <c r="Z6040">
        <v>14769.248680000001</v>
      </c>
      <c r="AA6040">
        <v>50964.186260000002</v>
      </c>
      <c r="AB6040">
        <v>29926.511709999999</v>
      </c>
      <c r="AC6040">
        <v>31926.723099999999</v>
      </c>
      <c r="AD6040">
        <v>24807.906180000002</v>
      </c>
      <c r="AE6040">
        <v>41281.550499999998</v>
      </c>
      <c r="AF6040">
        <v>45281.934370000003</v>
      </c>
      <c r="AG6040">
        <v>30594.340560000001</v>
      </c>
      <c r="AH6040">
        <v>198370.9</v>
      </c>
      <c r="AI6040">
        <v>65949.095209999999</v>
      </c>
      <c r="AJ6040">
        <v>16658.942309999999</v>
      </c>
      <c r="AK6040">
        <v>33588.99899</v>
      </c>
      <c r="AL6040">
        <v>48865.107880000003</v>
      </c>
      <c r="AM6040">
        <v>17184.01455</v>
      </c>
      <c r="AN6040">
        <v>82562.278720000002</v>
      </c>
      <c r="AO6040">
        <v>24513.893100000001</v>
      </c>
      <c r="AP6040">
        <v>10349.840029999999</v>
      </c>
    </row>
    <row r="6041" spans="2:42" x14ac:dyDescent="0.3">
      <c r="B6041">
        <v>38.633450510227078</v>
      </c>
      <c r="C6041" s="83">
        <v>43352.625</v>
      </c>
      <c r="D6041">
        <v>156029.22630000001</v>
      </c>
      <c r="E6041">
        <v>14895.44478</v>
      </c>
      <c r="F6041">
        <v>51917.251060000002</v>
      </c>
      <c r="G6041">
        <v>29826.00402</v>
      </c>
      <c r="H6041">
        <v>31979.634310000001</v>
      </c>
      <c r="I6041">
        <v>25257.451959999999</v>
      </c>
      <c r="J6041">
        <v>41052.229449999999</v>
      </c>
      <c r="K6041">
        <v>45119.105790000001</v>
      </c>
      <c r="L6041">
        <v>28623.036820000001</v>
      </c>
      <c r="M6041">
        <v>196971.34710000001</v>
      </c>
      <c r="N6041">
        <v>66309.516220000005</v>
      </c>
      <c r="O6041">
        <v>16783.012330000001</v>
      </c>
      <c r="P6041">
        <v>31294.2605</v>
      </c>
      <c r="Q6041">
        <v>48874.156329999998</v>
      </c>
      <c r="R6041">
        <v>17112.637330000001</v>
      </c>
      <c r="S6041">
        <v>82123.486839999998</v>
      </c>
      <c r="T6041">
        <v>25043.922869999999</v>
      </c>
      <c r="U6041">
        <v>10570.728220000001</v>
      </c>
      <c r="W6041" s="83">
        <f>Bühler!N6073</f>
        <v>45543.624999985353</v>
      </c>
      <c r="X6041" s="83">
        <v>43352.625</v>
      </c>
      <c r="Y6041">
        <v>156029.22630000001</v>
      </c>
      <c r="Z6041">
        <v>14895.44478</v>
      </c>
      <c r="AA6041">
        <v>51917.251060000002</v>
      </c>
      <c r="AB6041">
        <v>29826.00402</v>
      </c>
      <c r="AC6041">
        <v>31979.634310000001</v>
      </c>
      <c r="AD6041">
        <v>25257.451959999999</v>
      </c>
      <c r="AE6041">
        <v>41052.229449999999</v>
      </c>
      <c r="AF6041">
        <v>45119.105790000001</v>
      </c>
      <c r="AG6041">
        <v>28623.036820000001</v>
      </c>
      <c r="AH6041">
        <v>196971.34710000001</v>
      </c>
      <c r="AI6041">
        <v>66309.516220000005</v>
      </c>
      <c r="AJ6041">
        <v>16783.012330000001</v>
      </c>
      <c r="AK6041">
        <v>31294.2605</v>
      </c>
      <c r="AL6041">
        <v>48874.156329999998</v>
      </c>
      <c r="AM6041">
        <v>17112.637330000001</v>
      </c>
      <c r="AN6041">
        <v>82123.486839999998</v>
      </c>
      <c r="AO6041">
        <v>25043.922869999999</v>
      </c>
      <c r="AP6041">
        <v>10570.728220000001</v>
      </c>
    </row>
    <row r="6042" spans="2:42" x14ac:dyDescent="0.3">
      <c r="B6042">
        <v>38.478801553635641</v>
      </c>
      <c r="C6042" s="83">
        <v>43352.666666666664</v>
      </c>
      <c r="D6042">
        <v>155984.51999999999</v>
      </c>
      <c r="E6042">
        <v>14793.44262</v>
      </c>
      <c r="F6042">
        <v>50952.397519999999</v>
      </c>
      <c r="G6042">
        <v>29579.904709999999</v>
      </c>
      <c r="H6042">
        <v>31733.428779999998</v>
      </c>
      <c r="I6042">
        <v>25109.453959999999</v>
      </c>
      <c r="J6042">
        <v>40522.403160000002</v>
      </c>
      <c r="K6042">
        <v>45221.11421</v>
      </c>
      <c r="L6042">
        <v>27091.850439999998</v>
      </c>
      <c r="M6042">
        <v>196182.87460000001</v>
      </c>
      <c r="N6042">
        <v>66031.309989999994</v>
      </c>
      <c r="O6042">
        <v>16690.949540000001</v>
      </c>
      <c r="P6042">
        <v>29762.194670000001</v>
      </c>
      <c r="Q6042">
        <v>49096.750480000002</v>
      </c>
      <c r="R6042">
        <v>17052.002349999999</v>
      </c>
      <c r="S6042">
        <v>82814.815369999997</v>
      </c>
      <c r="T6042">
        <v>24945.427370000001</v>
      </c>
      <c r="U6042">
        <v>10433.630880000001</v>
      </c>
      <c r="W6042" s="83">
        <f>Bühler!N6074</f>
        <v>45543.666666652018</v>
      </c>
      <c r="X6042" s="83">
        <v>43352.666666666664</v>
      </c>
      <c r="Y6042">
        <v>155984.51999999999</v>
      </c>
      <c r="Z6042">
        <v>14793.44262</v>
      </c>
      <c r="AA6042">
        <v>50952.397519999999</v>
      </c>
      <c r="AB6042">
        <v>29579.904709999999</v>
      </c>
      <c r="AC6042">
        <v>31733.428779999998</v>
      </c>
      <c r="AD6042">
        <v>25109.453959999999</v>
      </c>
      <c r="AE6042">
        <v>40522.403160000002</v>
      </c>
      <c r="AF6042">
        <v>45221.11421</v>
      </c>
      <c r="AG6042">
        <v>27091.850439999998</v>
      </c>
      <c r="AH6042">
        <v>196182.87460000001</v>
      </c>
      <c r="AI6042">
        <v>66031.309989999994</v>
      </c>
      <c r="AJ6042">
        <v>16690.949540000001</v>
      </c>
      <c r="AK6042">
        <v>29762.194670000001</v>
      </c>
      <c r="AL6042">
        <v>49096.750480000002</v>
      </c>
      <c r="AM6042">
        <v>17052.002349999999</v>
      </c>
      <c r="AN6042">
        <v>82814.815369999997</v>
      </c>
      <c r="AO6042">
        <v>24945.427370000001</v>
      </c>
      <c r="AP6042">
        <v>10433.630880000001</v>
      </c>
    </row>
    <row r="6043" spans="2:42" x14ac:dyDescent="0.3">
      <c r="B6043">
        <v>37.748591751255731</v>
      </c>
      <c r="C6043" s="83">
        <v>43352.708333333336</v>
      </c>
      <c r="D6043">
        <v>157708.52530000001</v>
      </c>
      <c r="E6043">
        <v>14634.267830000001</v>
      </c>
      <c r="F6043">
        <v>50665.707990000003</v>
      </c>
      <c r="G6043">
        <v>29530.034199999998</v>
      </c>
      <c r="H6043">
        <v>31729.761190000001</v>
      </c>
      <c r="I6043">
        <v>25126.137719999999</v>
      </c>
      <c r="J6043">
        <v>41172.567629999998</v>
      </c>
      <c r="K6043">
        <v>44375.642440000003</v>
      </c>
      <c r="L6043">
        <v>27732.021959999998</v>
      </c>
      <c r="M6043">
        <v>192459.92449999999</v>
      </c>
      <c r="N6043">
        <v>65169.49396</v>
      </c>
      <c r="O6043">
        <v>16145.326300000001</v>
      </c>
      <c r="P6043">
        <v>29855.495589999999</v>
      </c>
      <c r="Q6043">
        <v>50296.569430000003</v>
      </c>
      <c r="R6043">
        <v>17860.477289999999</v>
      </c>
      <c r="S6043">
        <v>84055.603019999995</v>
      </c>
      <c r="T6043">
        <v>24588.202829999998</v>
      </c>
      <c r="U6043">
        <v>10694.334279999999</v>
      </c>
      <c r="W6043" s="83">
        <f>Bühler!N6075</f>
        <v>45543.708333318682</v>
      </c>
      <c r="X6043" s="83">
        <v>43352.708333333336</v>
      </c>
      <c r="Y6043">
        <v>157708.52530000001</v>
      </c>
      <c r="Z6043">
        <v>14634.267830000001</v>
      </c>
      <c r="AA6043">
        <v>50665.707990000003</v>
      </c>
      <c r="AB6043">
        <v>29530.034199999998</v>
      </c>
      <c r="AC6043">
        <v>31729.761190000001</v>
      </c>
      <c r="AD6043">
        <v>25126.137719999999</v>
      </c>
      <c r="AE6043">
        <v>41172.567629999998</v>
      </c>
      <c r="AF6043">
        <v>44375.642440000003</v>
      </c>
      <c r="AG6043">
        <v>27732.021959999998</v>
      </c>
      <c r="AH6043">
        <v>192459.92449999999</v>
      </c>
      <c r="AI6043">
        <v>65169.49396</v>
      </c>
      <c r="AJ6043">
        <v>16145.326300000001</v>
      </c>
      <c r="AK6043">
        <v>29855.495589999999</v>
      </c>
      <c r="AL6043">
        <v>50296.569430000003</v>
      </c>
      <c r="AM6043">
        <v>17860.477289999999</v>
      </c>
      <c r="AN6043">
        <v>84055.603019999995</v>
      </c>
      <c r="AO6043">
        <v>24588.202829999998</v>
      </c>
      <c r="AP6043">
        <v>10694.334279999999</v>
      </c>
    </row>
    <row r="6044" spans="2:42" x14ac:dyDescent="0.3">
      <c r="B6044">
        <v>37.558188611391586</v>
      </c>
      <c r="C6044" s="83">
        <v>43352.75</v>
      </c>
      <c r="D6044">
        <v>158907.55720000001</v>
      </c>
      <c r="E6044">
        <v>14104.68368</v>
      </c>
      <c r="F6044">
        <v>50725.386780000001</v>
      </c>
      <c r="G6044">
        <v>29579.547460000002</v>
      </c>
      <c r="H6044">
        <v>31674.546699999999</v>
      </c>
      <c r="I6044">
        <v>25003.531559999999</v>
      </c>
      <c r="J6044">
        <v>41582.370040000002</v>
      </c>
      <c r="K6044">
        <v>44368.474920000001</v>
      </c>
      <c r="L6044">
        <v>27476.880349999999</v>
      </c>
      <c r="M6044">
        <v>191489.1605</v>
      </c>
      <c r="N6044">
        <v>64741.928590000003</v>
      </c>
      <c r="O6044">
        <v>15886.811900000001</v>
      </c>
      <c r="P6044">
        <v>32095.057870000001</v>
      </c>
      <c r="Q6044">
        <v>50626.200830000002</v>
      </c>
      <c r="R6044">
        <v>18004.647639999999</v>
      </c>
      <c r="S6044">
        <v>81586.067559999996</v>
      </c>
      <c r="T6044">
        <v>23499.511610000001</v>
      </c>
      <c r="U6044">
        <v>11071.21091</v>
      </c>
      <c r="W6044" s="83">
        <f>Bühler!N6076</f>
        <v>45543.749999985346</v>
      </c>
      <c r="X6044" s="83">
        <v>43352.75</v>
      </c>
      <c r="Y6044">
        <v>158907.55720000001</v>
      </c>
      <c r="Z6044">
        <v>14104.68368</v>
      </c>
      <c r="AA6044">
        <v>50725.386780000001</v>
      </c>
      <c r="AB6044">
        <v>29579.547460000002</v>
      </c>
      <c r="AC6044">
        <v>31674.546699999999</v>
      </c>
      <c r="AD6044">
        <v>25003.531559999999</v>
      </c>
      <c r="AE6044">
        <v>41582.370040000002</v>
      </c>
      <c r="AF6044">
        <v>44368.474920000001</v>
      </c>
      <c r="AG6044">
        <v>27476.880349999999</v>
      </c>
      <c r="AH6044">
        <v>191489.1605</v>
      </c>
      <c r="AI6044">
        <v>64741.928590000003</v>
      </c>
      <c r="AJ6044">
        <v>15886.811900000001</v>
      </c>
      <c r="AK6044">
        <v>32095.057870000001</v>
      </c>
      <c r="AL6044">
        <v>50626.200830000002</v>
      </c>
      <c r="AM6044">
        <v>18004.647639999999</v>
      </c>
      <c r="AN6044">
        <v>81586.067559999996</v>
      </c>
      <c r="AO6044">
        <v>23499.511610000001</v>
      </c>
      <c r="AP6044">
        <v>11071.21091</v>
      </c>
    </row>
    <row r="6045" spans="2:42" x14ac:dyDescent="0.3">
      <c r="B6045">
        <v>37.775650515744324</v>
      </c>
      <c r="C6045" s="83">
        <v>43352.791666666664</v>
      </c>
      <c r="D6045">
        <v>159169.15710000001</v>
      </c>
      <c r="E6045">
        <v>13139.509550000001</v>
      </c>
      <c r="F6045">
        <v>50694.30373</v>
      </c>
      <c r="G6045">
        <v>30001.72309</v>
      </c>
      <c r="H6045">
        <v>31617.571189999999</v>
      </c>
      <c r="I6045">
        <v>24798.60699</v>
      </c>
      <c r="J6045">
        <v>40850.496780000001</v>
      </c>
      <c r="K6045">
        <v>44030.75576</v>
      </c>
      <c r="L6045">
        <v>28208.788929999999</v>
      </c>
      <c r="M6045">
        <v>192597.88269999999</v>
      </c>
      <c r="N6045">
        <v>65428.784350000002</v>
      </c>
      <c r="O6045">
        <v>15720.465410000001</v>
      </c>
      <c r="P6045">
        <v>33629.207600000002</v>
      </c>
      <c r="Q6045">
        <v>50619.967349999999</v>
      </c>
      <c r="R6045">
        <v>18078.687040000001</v>
      </c>
      <c r="S6045">
        <v>80280.908460000006</v>
      </c>
      <c r="T6045">
        <v>22382.159830000001</v>
      </c>
      <c r="U6045">
        <v>11134.74145</v>
      </c>
      <c r="W6045" s="83">
        <f>Bühler!N6077</f>
        <v>45543.79166665201</v>
      </c>
      <c r="X6045" s="83">
        <v>43352.791666666664</v>
      </c>
      <c r="Y6045">
        <v>159169.15710000001</v>
      </c>
      <c r="Z6045">
        <v>13139.509550000001</v>
      </c>
      <c r="AA6045">
        <v>50694.30373</v>
      </c>
      <c r="AB6045">
        <v>30001.72309</v>
      </c>
      <c r="AC6045">
        <v>31617.571189999999</v>
      </c>
      <c r="AD6045">
        <v>24798.60699</v>
      </c>
      <c r="AE6045">
        <v>40850.496780000001</v>
      </c>
      <c r="AF6045">
        <v>44030.75576</v>
      </c>
      <c r="AG6045">
        <v>28208.788929999999</v>
      </c>
      <c r="AH6045">
        <v>192597.88269999999</v>
      </c>
      <c r="AI6045">
        <v>65428.784350000002</v>
      </c>
      <c r="AJ6045">
        <v>15720.465410000001</v>
      </c>
      <c r="AK6045">
        <v>33629.207600000002</v>
      </c>
      <c r="AL6045">
        <v>50619.967349999999</v>
      </c>
      <c r="AM6045">
        <v>18078.687040000001</v>
      </c>
      <c r="AN6045">
        <v>80280.908460000006</v>
      </c>
      <c r="AO6045">
        <v>22382.159830000001</v>
      </c>
      <c r="AP6045">
        <v>11134.74145</v>
      </c>
    </row>
    <row r="6046" spans="2:42" x14ac:dyDescent="0.3">
      <c r="B6046">
        <v>37.870471912528238</v>
      </c>
      <c r="C6046" s="83">
        <v>43352.833333333336</v>
      </c>
      <c r="D6046">
        <v>161340.5343</v>
      </c>
      <c r="E6046">
        <v>12352.5581</v>
      </c>
      <c r="F6046">
        <v>50649.573559999997</v>
      </c>
      <c r="G6046">
        <v>30462.49668</v>
      </c>
      <c r="H6046">
        <v>32235.14069</v>
      </c>
      <c r="I6046">
        <v>24361.001950000002</v>
      </c>
      <c r="J6046">
        <v>42355.90238</v>
      </c>
      <c r="K6046">
        <v>45504.969799999999</v>
      </c>
      <c r="L6046">
        <v>28280.082829999999</v>
      </c>
      <c r="M6046">
        <v>193081.32639999999</v>
      </c>
      <c r="N6046">
        <v>66234.387839999996</v>
      </c>
      <c r="O6046">
        <v>16426.900880000001</v>
      </c>
      <c r="P6046">
        <v>34119.19558</v>
      </c>
      <c r="Q6046">
        <v>51973.41964</v>
      </c>
      <c r="R6046">
        <v>17421.92542</v>
      </c>
      <c r="S6046">
        <v>76433.865999999995</v>
      </c>
      <c r="T6046">
        <v>20461.31551</v>
      </c>
      <c r="U6046">
        <v>12302.24223</v>
      </c>
      <c r="W6046" s="83">
        <f>Bühler!N6078</f>
        <v>45543.833333318675</v>
      </c>
      <c r="X6046" s="83">
        <v>43352.833333333336</v>
      </c>
      <c r="Y6046">
        <v>161340.5343</v>
      </c>
      <c r="Z6046">
        <v>12352.5581</v>
      </c>
      <c r="AA6046">
        <v>50649.573559999997</v>
      </c>
      <c r="AB6046">
        <v>30462.49668</v>
      </c>
      <c r="AC6046">
        <v>32235.14069</v>
      </c>
      <c r="AD6046">
        <v>24361.001950000002</v>
      </c>
      <c r="AE6046">
        <v>42355.90238</v>
      </c>
      <c r="AF6046">
        <v>45504.969799999999</v>
      </c>
      <c r="AG6046">
        <v>28280.082829999999</v>
      </c>
      <c r="AH6046">
        <v>193081.32639999999</v>
      </c>
      <c r="AI6046">
        <v>66234.387839999996</v>
      </c>
      <c r="AJ6046">
        <v>16426.900880000001</v>
      </c>
      <c r="AK6046">
        <v>34119.19558</v>
      </c>
      <c r="AL6046">
        <v>51973.41964</v>
      </c>
      <c r="AM6046">
        <v>17421.92542</v>
      </c>
      <c r="AN6046">
        <v>76433.865999999995</v>
      </c>
      <c r="AO6046">
        <v>20461.31551</v>
      </c>
      <c r="AP6046">
        <v>12302.24223</v>
      </c>
    </row>
    <row r="6047" spans="2:42" x14ac:dyDescent="0.3">
      <c r="B6047">
        <v>38.166842820690484</v>
      </c>
      <c r="C6047" s="83">
        <v>43352.875</v>
      </c>
      <c r="D6047">
        <v>164561.04209999999</v>
      </c>
      <c r="E6047">
        <v>12211.5437</v>
      </c>
      <c r="F6047">
        <v>50196.199370000002</v>
      </c>
      <c r="G6047">
        <v>30623.739890000001</v>
      </c>
      <c r="H6047">
        <v>32518.019</v>
      </c>
      <c r="I6047">
        <v>24385.198339999999</v>
      </c>
      <c r="J6047">
        <v>41666.384579999998</v>
      </c>
      <c r="K6047">
        <v>47377.480960000001</v>
      </c>
      <c r="L6047">
        <v>26185.50491</v>
      </c>
      <c r="M6047">
        <v>194592.36350000001</v>
      </c>
      <c r="N6047">
        <v>66290.465639999995</v>
      </c>
      <c r="O6047">
        <v>16286.63514</v>
      </c>
      <c r="P6047">
        <v>33049.807059999999</v>
      </c>
      <c r="Q6047">
        <v>54280.955650000004</v>
      </c>
      <c r="R6047">
        <v>17562.713960000001</v>
      </c>
      <c r="S6047">
        <v>74593.882519999999</v>
      </c>
      <c r="T6047">
        <v>19695.03558</v>
      </c>
      <c r="U6047">
        <v>12013.414070000001</v>
      </c>
      <c r="W6047" s="83">
        <f>Bühler!N6079</f>
        <v>45543.874999985339</v>
      </c>
      <c r="X6047" s="83">
        <v>43352.875</v>
      </c>
      <c r="Y6047">
        <v>164561.04209999999</v>
      </c>
      <c r="Z6047">
        <v>12211.5437</v>
      </c>
      <c r="AA6047">
        <v>50196.199370000002</v>
      </c>
      <c r="AB6047">
        <v>30623.739890000001</v>
      </c>
      <c r="AC6047">
        <v>32518.019</v>
      </c>
      <c r="AD6047">
        <v>24385.198339999999</v>
      </c>
      <c r="AE6047">
        <v>41666.384579999998</v>
      </c>
      <c r="AF6047">
        <v>47377.480960000001</v>
      </c>
      <c r="AG6047">
        <v>26185.50491</v>
      </c>
      <c r="AH6047">
        <v>194592.36350000001</v>
      </c>
      <c r="AI6047">
        <v>66290.465639999995</v>
      </c>
      <c r="AJ6047">
        <v>16286.63514</v>
      </c>
      <c r="AK6047">
        <v>33049.807059999999</v>
      </c>
      <c r="AL6047">
        <v>54280.955650000004</v>
      </c>
      <c r="AM6047">
        <v>17562.713960000001</v>
      </c>
      <c r="AN6047">
        <v>74593.882519999999</v>
      </c>
      <c r="AO6047">
        <v>19695.03558</v>
      </c>
      <c r="AP6047">
        <v>12013.414070000001</v>
      </c>
    </row>
    <row r="6048" spans="2:42" x14ac:dyDescent="0.3">
      <c r="B6048">
        <v>38.905230513675818</v>
      </c>
      <c r="C6048" s="83">
        <v>43352.916666666664</v>
      </c>
      <c r="D6048">
        <v>166240.4589</v>
      </c>
      <c r="E6048">
        <v>12189.99569</v>
      </c>
      <c r="F6048">
        <v>50539.803489999998</v>
      </c>
      <c r="G6048">
        <v>30958.47926</v>
      </c>
      <c r="H6048">
        <v>33098.255550000002</v>
      </c>
      <c r="I6048">
        <v>23888.527539999999</v>
      </c>
      <c r="J6048">
        <v>39800.983780000002</v>
      </c>
      <c r="K6048">
        <v>48540.419320000001</v>
      </c>
      <c r="L6048">
        <v>23421.591990000001</v>
      </c>
      <c r="M6048">
        <v>198357.00829999999</v>
      </c>
      <c r="N6048">
        <v>66452.742989999999</v>
      </c>
      <c r="O6048">
        <v>16534.812470000001</v>
      </c>
      <c r="P6048">
        <v>31602.16474</v>
      </c>
      <c r="Q6048">
        <v>55860.386270000003</v>
      </c>
      <c r="R6048">
        <v>18084.533650000001</v>
      </c>
      <c r="S6048">
        <v>73362.096479999993</v>
      </c>
      <c r="T6048">
        <v>19166.603500000001</v>
      </c>
      <c r="U6048">
        <v>12570.16599</v>
      </c>
      <c r="W6048" s="83">
        <f>Bühler!N6080</f>
        <v>45543.916666652003</v>
      </c>
      <c r="X6048" s="83">
        <v>43352.916666666664</v>
      </c>
      <c r="Y6048">
        <v>166240.4589</v>
      </c>
      <c r="Z6048">
        <v>12189.99569</v>
      </c>
      <c r="AA6048">
        <v>50539.803489999998</v>
      </c>
      <c r="AB6048">
        <v>30958.47926</v>
      </c>
      <c r="AC6048">
        <v>33098.255550000002</v>
      </c>
      <c r="AD6048">
        <v>23888.527539999999</v>
      </c>
      <c r="AE6048">
        <v>39800.983780000002</v>
      </c>
      <c r="AF6048">
        <v>48540.419320000001</v>
      </c>
      <c r="AG6048">
        <v>23421.591990000001</v>
      </c>
      <c r="AH6048">
        <v>198357.00829999999</v>
      </c>
      <c r="AI6048">
        <v>66452.742989999999</v>
      </c>
      <c r="AJ6048">
        <v>16534.812470000001</v>
      </c>
      <c r="AK6048">
        <v>31602.16474</v>
      </c>
      <c r="AL6048">
        <v>55860.386270000003</v>
      </c>
      <c r="AM6048">
        <v>18084.533650000001</v>
      </c>
      <c r="AN6048">
        <v>73362.096479999993</v>
      </c>
      <c r="AO6048">
        <v>19166.603500000001</v>
      </c>
      <c r="AP6048">
        <v>12570.16599</v>
      </c>
    </row>
    <row r="6049" spans="2:42" x14ac:dyDescent="0.3">
      <c r="B6049">
        <v>39.712070477715315</v>
      </c>
      <c r="C6049" s="83">
        <v>43352.958333333336</v>
      </c>
      <c r="D6049">
        <v>167518.63219999999</v>
      </c>
      <c r="E6049">
        <v>11983.926670000001</v>
      </c>
      <c r="F6049">
        <v>50300.100740000002</v>
      </c>
      <c r="G6049">
        <v>30892.502949999998</v>
      </c>
      <c r="H6049">
        <v>32590.232090000001</v>
      </c>
      <c r="I6049">
        <v>23315.520830000001</v>
      </c>
      <c r="J6049">
        <v>36689.520909999999</v>
      </c>
      <c r="K6049">
        <v>47737.042410000002</v>
      </c>
      <c r="L6049">
        <v>20339.2327</v>
      </c>
      <c r="M6049">
        <v>202470.65470000001</v>
      </c>
      <c r="N6049">
        <v>65249.041620000004</v>
      </c>
      <c r="O6049">
        <v>15998.82561</v>
      </c>
      <c r="P6049">
        <v>28367.702359999999</v>
      </c>
      <c r="Q6049">
        <v>57981.248310000003</v>
      </c>
      <c r="R6049">
        <v>18064.903890000001</v>
      </c>
      <c r="S6049">
        <v>71678.318379999997</v>
      </c>
      <c r="T6049">
        <v>18400.094400000002</v>
      </c>
      <c r="U6049">
        <v>12313.16798</v>
      </c>
      <c r="W6049" s="83">
        <f>Bühler!N6081</f>
        <v>45543.958333318667</v>
      </c>
      <c r="X6049" s="83">
        <v>43352.958333333336</v>
      </c>
      <c r="Y6049">
        <v>167518.63219999999</v>
      </c>
      <c r="Z6049">
        <v>11983.926670000001</v>
      </c>
      <c r="AA6049">
        <v>50300.100740000002</v>
      </c>
      <c r="AB6049">
        <v>30892.502949999998</v>
      </c>
      <c r="AC6049">
        <v>32590.232090000001</v>
      </c>
      <c r="AD6049">
        <v>23315.520830000001</v>
      </c>
      <c r="AE6049">
        <v>36689.520909999999</v>
      </c>
      <c r="AF6049">
        <v>47737.042410000002</v>
      </c>
      <c r="AG6049">
        <v>20339.2327</v>
      </c>
      <c r="AH6049">
        <v>202470.65470000001</v>
      </c>
      <c r="AI6049">
        <v>65249.041620000004</v>
      </c>
      <c r="AJ6049">
        <v>15998.82561</v>
      </c>
      <c r="AK6049">
        <v>28367.702359999999</v>
      </c>
      <c r="AL6049">
        <v>57981.248310000003</v>
      </c>
      <c r="AM6049">
        <v>18064.903890000001</v>
      </c>
      <c r="AN6049">
        <v>71678.318379999997</v>
      </c>
      <c r="AO6049">
        <v>18400.094400000002</v>
      </c>
      <c r="AP6049">
        <v>12313.16798</v>
      </c>
    </row>
    <row r="6050" spans="2:42" x14ac:dyDescent="0.3">
      <c r="B6050">
        <v>39.85268980358989</v>
      </c>
      <c r="C6050" s="83">
        <v>43353</v>
      </c>
      <c r="D6050">
        <v>169081.44680000001</v>
      </c>
      <c r="E6050">
        <v>11788.971299999999</v>
      </c>
      <c r="F6050">
        <v>49702.207139999999</v>
      </c>
      <c r="G6050">
        <v>30790.35612</v>
      </c>
      <c r="H6050">
        <v>32260.477040000002</v>
      </c>
      <c r="I6050">
        <v>21277.853480000002</v>
      </c>
      <c r="J6050">
        <v>34381.012770000001</v>
      </c>
      <c r="K6050">
        <v>45601.379180000004</v>
      </c>
      <c r="L6050">
        <v>18374.34058</v>
      </c>
      <c r="M6050">
        <v>203187.59760000001</v>
      </c>
      <c r="N6050">
        <v>64016.253980000001</v>
      </c>
      <c r="O6050">
        <v>16411.057260000001</v>
      </c>
      <c r="P6050">
        <v>25209.618429999999</v>
      </c>
      <c r="Q6050">
        <v>60444.746160000002</v>
      </c>
      <c r="R6050">
        <v>15766.07281</v>
      </c>
      <c r="S6050">
        <v>70612.898969999995</v>
      </c>
      <c r="T6050">
        <v>17466.378799999999</v>
      </c>
      <c r="U6050">
        <v>11656.59924</v>
      </c>
      <c r="W6050" s="83">
        <f>Bühler!N6082</f>
        <v>45543.999999985332</v>
      </c>
      <c r="X6050" s="83">
        <v>43353</v>
      </c>
      <c r="Y6050">
        <v>169081.44680000001</v>
      </c>
      <c r="Z6050">
        <v>11788.971299999999</v>
      </c>
      <c r="AA6050">
        <v>49702.207139999999</v>
      </c>
      <c r="AB6050">
        <v>30790.35612</v>
      </c>
      <c r="AC6050">
        <v>32260.477040000002</v>
      </c>
      <c r="AD6050">
        <v>21277.853480000002</v>
      </c>
      <c r="AE6050">
        <v>34381.012770000001</v>
      </c>
      <c r="AF6050">
        <v>45601.379180000004</v>
      </c>
      <c r="AG6050">
        <v>18374.34058</v>
      </c>
      <c r="AH6050">
        <v>203187.59760000001</v>
      </c>
      <c r="AI6050">
        <v>64016.253980000001</v>
      </c>
      <c r="AJ6050">
        <v>16411.057260000001</v>
      </c>
      <c r="AK6050">
        <v>25209.618429999999</v>
      </c>
      <c r="AL6050">
        <v>60444.746160000002</v>
      </c>
      <c r="AM6050">
        <v>15766.07281</v>
      </c>
      <c r="AN6050">
        <v>70612.898969999995</v>
      </c>
      <c r="AO6050">
        <v>17466.378799999999</v>
      </c>
      <c r="AP6050">
        <v>11656.59924</v>
      </c>
    </row>
    <row r="6051" spans="2:42" x14ac:dyDescent="0.3">
      <c r="B6051">
        <v>39.898309169179498</v>
      </c>
      <c r="C6051" s="83">
        <v>43353.041666666664</v>
      </c>
      <c r="D6051">
        <v>171280.5068</v>
      </c>
      <c r="E6051">
        <v>11685.8853</v>
      </c>
      <c r="F6051">
        <v>49484.853040000002</v>
      </c>
      <c r="G6051">
        <v>30338.045050000001</v>
      </c>
      <c r="H6051">
        <v>32100.435730000001</v>
      </c>
      <c r="I6051">
        <v>17242.04738</v>
      </c>
      <c r="J6051">
        <v>32956.649019999997</v>
      </c>
      <c r="K6051">
        <v>43318.408219999998</v>
      </c>
      <c r="L6051">
        <v>17166.9892</v>
      </c>
      <c r="M6051">
        <v>203420.18640000001</v>
      </c>
      <c r="N6051">
        <v>64232.633029999997</v>
      </c>
      <c r="O6051">
        <v>15934.96056</v>
      </c>
      <c r="P6051">
        <v>24077.617490000001</v>
      </c>
      <c r="Q6051">
        <v>63301.943039999998</v>
      </c>
      <c r="R6051">
        <v>14437.04916</v>
      </c>
      <c r="S6051">
        <v>69841.277270000006</v>
      </c>
      <c r="T6051">
        <v>17158.851170000002</v>
      </c>
      <c r="U6051">
        <v>11916.07317</v>
      </c>
      <c r="W6051" s="83">
        <f>Bühler!N6083</f>
        <v>45544.041666651996</v>
      </c>
      <c r="X6051" s="83">
        <v>43353.041666666664</v>
      </c>
      <c r="Y6051">
        <v>171280.5068</v>
      </c>
      <c r="Z6051">
        <v>11685.8853</v>
      </c>
      <c r="AA6051">
        <v>49484.853040000002</v>
      </c>
      <c r="AB6051">
        <v>30338.045050000001</v>
      </c>
      <c r="AC6051">
        <v>32100.435730000001</v>
      </c>
      <c r="AD6051">
        <v>17242.04738</v>
      </c>
      <c r="AE6051">
        <v>32956.649019999997</v>
      </c>
      <c r="AF6051">
        <v>43318.408219999998</v>
      </c>
      <c r="AG6051">
        <v>17166.9892</v>
      </c>
      <c r="AH6051">
        <v>203420.18640000001</v>
      </c>
      <c r="AI6051">
        <v>64232.633029999997</v>
      </c>
      <c r="AJ6051">
        <v>15934.96056</v>
      </c>
      <c r="AK6051">
        <v>24077.617490000001</v>
      </c>
      <c r="AL6051">
        <v>63301.943039999998</v>
      </c>
      <c r="AM6051">
        <v>14437.04916</v>
      </c>
      <c r="AN6051">
        <v>69841.277270000006</v>
      </c>
      <c r="AO6051">
        <v>17158.851170000002</v>
      </c>
      <c r="AP6051">
        <v>11916.07317</v>
      </c>
    </row>
    <row r="6052" spans="2:42" x14ac:dyDescent="0.3">
      <c r="B6052">
        <v>40.53465223440714</v>
      </c>
      <c r="C6052" s="83">
        <v>43353.083333333336</v>
      </c>
      <c r="D6052">
        <v>172690.79459999999</v>
      </c>
      <c r="E6052">
        <v>11581.946169999999</v>
      </c>
      <c r="F6052">
        <v>50503.152529999999</v>
      </c>
      <c r="G6052">
        <v>29822.132269999998</v>
      </c>
      <c r="H6052">
        <v>31987.324550000001</v>
      </c>
      <c r="I6052">
        <v>15652.41678</v>
      </c>
      <c r="J6052">
        <v>32780.13796</v>
      </c>
      <c r="K6052">
        <v>41836.365489999996</v>
      </c>
      <c r="L6052">
        <v>16602.6106</v>
      </c>
      <c r="M6052">
        <v>206664.5601</v>
      </c>
      <c r="N6052">
        <v>64291.180619999999</v>
      </c>
      <c r="O6052">
        <v>15958.263849999999</v>
      </c>
      <c r="P6052">
        <v>23548.634399999999</v>
      </c>
      <c r="Q6052">
        <v>66258.175040000002</v>
      </c>
      <c r="R6052">
        <v>14575.8843</v>
      </c>
      <c r="S6052">
        <v>69238.042279999994</v>
      </c>
      <c r="T6052">
        <v>17034.202649999999</v>
      </c>
      <c r="U6052">
        <v>11497.186320000001</v>
      </c>
      <c r="W6052" s="83">
        <f>Bühler!N6084</f>
        <v>45544.08333331866</v>
      </c>
      <c r="X6052" s="83">
        <v>43353.083333333336</v>
      </c>
      <c r="Y6052">
        <v>172690.79459999999</v>
      </c>
      <c r="Z6052">
        <v>11581.946169999999</v>
      </c>
      <c r="AA6052">
        <v>50503.152529999999</v>
      </c>
      <c r="AB6052">
        <v>29822.132269999998</v>
      </c>
      <c r="AC6052">
        <v>31987.324550000001</v>
      </c>
      <c r="AD6052">
        <v>15652.41678</v>
      </c>
      <c r="AE6052">
        <v>32780.13796</v>
      </c>
      <c r="AF6052">
        <v>41836.365489999996</v>
      </c>
      <c r="AG6052">
        <v>16602.6106</v>
      </c>
      <c r="AH6052">
        <v>206664.5601</v>
      </c>
      <c r="AI6052">
        <v>64291.180619999999</v>
      </c>
      <c r="AJ6052">
        <v>15958.263849999999</v>
      </c>
      <c r="AK6052">
        <v>23548.634399999999</v>
      </c>
      <c r="AL6052">
        <v>66258.175040000002</v>
      </c>
      <c r="AM6052">
        <v>14575.8843</v>
      </c>
      <c r="AN6052">
        <v>69238.042279999994</v>
      </c>
      <c r="AO6052">
        <v>17034.202649999999</v>
      </c>
      <c r="AP6052">
        <v>11497.186320000001</v>
      </c>
    </row>
    <row r="6053" spans="2:42" x14ac:dyDescent="0.3">
      <c r="B6053">
        <v>41.714143202213236</v>
      </c>
      <c r="C6053" s="83">
        <v>43353.125</v>
      </c>
      <c r="D6053">
        <v>177242.7513</v>
      </c>
      <c r="E6053">
        <v>11751.625470000001</v>
      </c>
      <c r="F6053">
        <v>51856.273849999998</v>
      </c>
      <c r="G6053">
        <v>29036.25776</v>
      </c>
      <c r="H6053">
        <v>31961.17038</v>
      </c>
      <c r="I6053">
        <v>15498.891320000001</v>
      </c>
      <c r="J6053">
        <v>32955.94857</v>
      </c>
      <c r="K6053">
        <v>41632.669249999999</v>
      </c>
      <c r="L6053">
        <v>16131.92885</v>
      </c>
      <c r="M6053">
        <v>212678.1551</v>
      </c>
      <c r="N6053">
        <v>64213.291149999997</v>
      </c>
      <c r="O6053">
        <v>15714.080110000001</v>
      </c>
      <c r="P6053">
        <v>23233.520830000001</v>
      </c>
      <c r="Q6053">
        <v>70727.670629999993</v>
      </c>
      <c r="R6053">
        <v>14479.279420000001</v>
      </c>
      <c r="S6053">
        <v>68439.606209999998</v>
      </c>
      <c r="T6053">
        <v>16961.995340000001</v>
      </c>
      <c r="U6053">
        <v>11774.300869999999</v>
      </c>
      <c r="W6053" s="83">
        <f>Bühler!N6085</f>
        <v>45544.124999985324</v>
      </c>
      <c r="X6053" s="83">
        <v>43353.125</v>
      </c>
      <c r="Y6053">
        <v>177242.7513</v>
      </c>
      <c r="Z6053">
        <v>11751.625470000001</v>
      </c>
      <c r="AA6053">
        <v>51856.273849999998</v>
      </c>
      <c r="AB6053">
        <v>29036.25776</v>
      </c>
      <c r="AC6053">
        <v>31961.17038</v>
      </c>
      <c r="AD6053">
        <v>15498.891320000001</v>
      </c>
      <c r="AE6053">
        <v>32955.94857</v>
      </c>
      <c r="AF6053">
        <v>41632.669249999999</v>
      </c>
      <c r="AG6053">
        <v>16131.92885</v>
      </c>
      <c r="AH6053">
        <v>212678.1551</v>
      </c>
      <c r="AI6053">
        <v>64213.291149999997</v>
      </c>
      <c r="AJ6053">
        <v>15714.080110000001</v>
      </c>
      <c r="AK6053">
        <v>23233.520830000001</v>
      </c>
      <c r="AL6053">
        <v>70727.670629999993</v>
      </c>
      <c r="AM6053">
        <v>14479.279420000001</v>
      </c>
      <c r="AN6053">
        <v>68439.606209999998</v>
      </c>
      <c r="AO6053">
        <v>16961.995340000001</v>
      </c>
      <c r="AP6053">
        <v>11774.300869999999</v>
      </c>
    </row>
    <row r="6054" spans="2:42" x14ac:dyDescent="0.3">
      <c r="B6054">
        <v>44.883428947424633</v>
      </c>
      <c r="C6054" s="83">
        <v>43353.166666666664</v>
      </c>
      <c r="D6054">
        <v>189012.3425</v>
      </c>
      <c r="E6054">
        <v>12487.344999999999</v>
      </c>
      <c r="F6054">
        <v>55757.507819999999</v>
      </c>
      <c r="G6054">
        <v>28384.98733</v>
      </c>
      <c r="H6054">
        <v>32623.594229999999</v>
      </c>
      <c r="I6054">
        <v>17733.05515</v>
      </c>
      <c r="J6054">
        <v>35193.231870000003</v>
      </c>
      <c r="K6054">
        <v>41278.630810000002</v>
      </c>
      <c r="L6054">
        <v>16085.47214</v>
      </c>
      <c r="M6054">
        <v>228836.65179999999</v>
      </c>
      <c r="N6054">
        <v>65443.700579999997</v>
      </c>
      <c r="O6054">
        <v>16314.93462</v>
      </c>
      <c r="P6054">
        <v>23214.988870000001</v>
      </c>
      <c r="Q6054">
        <v>77003.936919999993</v>
      </c>
      <c r="R6054">
        <v>14795.16937</v>
      </c>
      <c r="S6054">
        <v>69239.274789999996</v>
      </c>
      <c r="T6054">
        <v>16693.283220000001</v>
      </c>
      <c r="U6054">
        <v>12338.81041</v>
      </c>
      <c r="W6054" s="83">
        <f>Bühler!N6086</f>
        <v>45544.166666651989</v>
      </c>
      <c r="X6054" s="83">
        <v>43353.166666666664</v>
      </c>
      <c r="Y6054">
        <v>189012.3425</v>
      </c>
      <c r="Z6054">
        <v>12487.344999999999</v>
      </c>
      <c r="AA6054">
        <v>55757.507819999999</v>
      </c>
      <c r="AB6054">
        <v>28384.98733</v>
      </c>
      <c r="AC6054">
        <v>32623.594229999999</v>
      </c>
      <c r="AD6054">
        <v>17733.05515</v>
      </c>
      <c r="AE6054">
        <v>35193.231870000003</v>
      </c>
      <c r="AF6054">
        <v>41278.630810000002</v>
      </c>
      <c r="AG6054">
        <v>16085.47214</v>
      </c>
      <c r="AH6054">
        <v>228836.65179999999</v>
      </c>
      <c r="AI6054">
        <v>65443.700579999997</v>
      </c>
      <c r="AJ6054">
        <v>16314.93462</v>
      </c>
      <c r="AK6054">
        <v>23214.988870000001</v>
      </c>
      <c r="AL6054">
        <v>77003.936919999993</v>
      </c>
      <c r="AM6054">
        <v>14795.16937</v>
      </c>
      <c r="AN6054">
        <v>69239.274789999996</v>
      </c>
      <c r="AO6054">
        <v>16693.283220000001</v>
      </c>
      <c r="AP6054">
        <v>12338.81041</v>
      </c>
    </row>
    <row r="6055" spans="2:42" x14ac:dyDescent="0.3">
      <c r="B6055">
        <v>50.778041264993163</v>
      </c>
      <c r="C6055" s="83">
        <v>43353.208333333336</v>
      </c>
      <c r="D6055">
        <v>218573.65960000001</v>
      </c>
      <c r="E6055">
        <v>14391.44068</v>
      </c>
      <c r="F6055">
        <v>64820.913220000002</v>
      </c>
      <c r="G6055">
        <v>30256.33137</v>
      </c>
      <c r="H6055">
        <v>34536.826639999999</v>
      </c>
      <c r="I6055">
        <v>24861.74454</v>
      </c>
      <c r="J6055">
        <v>38519.233520000002</v>
      </c>
      <c r="K6055">
        <v>43197.908739999999</v>
      </c>
      <c r="L6055">
        <v>16925.688050000001</v>
      </c>
      <c r="M6055">
        <v>258890.13430000001</v>
      </c>
      <c r="N6055">
        <v>66795.642460000003</v>
      </c>
      <c r="O6055">
        <v>17334.062180000001</v>
      </c>
      <c r="P6055">
        <v>24448.82156</v>
      </c>
      <c r="Q6055">
        <v>83309.411429999993</v>
      </c>
      <c r="R6055">
        <v>16035.46717</v>
      </c>
      <c r="S6055">
        <v>71823.101250000007</v>
      </c>
      <c r="T6055">
        <v>17824.827669999999</v>
      </c>
      <c r="U6055">
        <v>14242.935320000001</v>
      </c>
      <c r="W6055" s="83">
        <f>Bühler!N6087</f>
        <v>45544.208333318653</v>
      </c>
      <c r="X6055" s="83">
        <v>43353.208333333336</v>
      </c>
      <c r="Y6055">
        <v>218573.65960000001</v>
      </c>
      <c r="Z6055">
        <v>14391.44068</v>
      </c>
      <c r="AA6055">
        <v>64820.913220000002</v>
      </c>
      <c r="AB6055">
        <v>30256.33137</v>
      </c>
      <c r="AC6055">
        <v>34536.826639999999</v>
      </c>
      <c r="AD6055">
        <v>24861.74454</v>
      </c>
      <c r="AE6055">
        <v>38519.233520000002</v>
      </c>
      <c r="AF6055">
        <v>43197.908739999999</v>
      </c>
      <c r="AG6055">
        <v>16925.688050000001</v>
      </c>
      <c r="AH6055">
        <v>258890.13430000001</v>
      </c>
      <c r="AI6055">
        <v>66795.642460000003</v>
      </c>
      <c r="AJ6055">
        <v>17334.062180000001</v>
      </c>
      <c r="AK6055">
        <v>24448.82156</v>
      </c>
      <c r="AL6055">
        <v>83309.411429999993</v>
      </c>
      <c r="AM6055">
        <v>16035.46717</v>
      </c>
      <c r="AN6055">
        <v>71823.101250000007</v>
      </c>
      <c r="AO6055">
        <v>17824.827669999999</v>
      </c>
      <c r="AP6055">
        <v>14242.935320000001</v>
      </c>
    </row>
    <row r="6056" spans="2:42" x14ac:dyDescent="0.3">
      <c r="B6056">
        <v>56.518530333079063</v>
      </c>
      <c r="C6056" s="83">
        <v>43353.25</v>
      </c>
      <c r="D6056">
        <v>247551.46799999999</v>
      </c>
      <c r="E6056">
        <v>18335.543949999999</v>
      </c>
      <c r="F6056">
        <v>76672.59964</v>
      </c>
      <c r="G6056">
        <v>39547.219689999998</v>
      </c>
      <c r="H6056">
        <v>37568.259299999998</v>
      </c>
      <c r="I6056">
        <v>32770.578659999999</v>
      </c>
      <c r="J6056">
        <v>42886.78933</v>
      </c>
      <c r="K6056">
        <v>45924.683969999998</v>
      </c>
      <c r="L6056">
        <v>18407.886729999998</v>
      </c>
      <c r="M6056">
        <v>288157.82459999999</v>
      </c>
      <c r="N6056">
        <v>69529.766990000004</v>
      </c>
      <c r="O6056">
        <v>18424.579900000001</v>
      </c>
      <c r="P6056">
        <v>25066.181519999998</v>
      </c>
      <c r="Q6056">
        <v>87835.613899999997</v>
      </c>
      <c r="R6056">
        <v>17536.202140000001</v>
      </c>
      <c r="S6056">
        <v>80668.209140000006</v>
      </c>
      <c r="T6056">
        <v>20209.132010000001</v>
      </c>
      <c r="U6056">
        <v>17576.07274</v>
      </c>
      <c r="W6056" s="83">
        <f>Bühler!N6088</f>
        <v>45544.249999985317</v>
      </c>
      <c r="X6056" s="83">
        <v>43353.25</v>
      </c>
      <c r="Y6056">
        <v>247551.46799999999</v>
      </c>
      <c r="Z6056">
        <v>18335.543949999999</v>
      </c>
      <c r="AA6056">
        <v>76672.59964</v>
      </c>
      <c r="AB6056">
        <v>39547.219689999998</v>
      </c>
      <c r="AC6056">
        <v>37568.259299999998</v>
      </c>
      <c r="AD6056">
        <v>32770.578659999999</v>
      </c>
      <c r="AE6056">
        <v>42886.78933</v>
      </c>
      <c r="AF6056">
        <v>45924.683969999998</v>
      </c>
      <c r="AG6056">
        <v>18407.886729999998</v>
      </c>
      <c r="AH6056">
        <v>288157.82459999999</v>
      </c>
      <c r="AI6056">
        <v>69529.766990000004</v>
      </c>
      <c r="AJ6056">
        <v>18424.579900000001</v>
      </c>
      <c r="AK6056">
        <v>25066.181519999998</v>
      </c>
      <c r="AL6056">
        <v>87835.613899999997</v>
      </c>
      <c r="AM6056">
        <v>17536.202140000001</v>
      </c>
      <c r="AN6056">
        <v>80668.209140000006</v>
      </c>
      <c r="AO6056">
        <v>20209.132010000001</v>
      </c>
      <c r="AP6056">
        <v>17576.07274</v>
      </c>
    </row>
    <row r="6057" spans="2:42" x14ac:dyDescent="0.3">
      <c r="B6057">
        <v>59.461503414322294</v>
      </c>
      <c r="C6057" s="83">
        <v>43353.291666666664</v>
      </c>
      <c r="D6057">
        <v>265780.27860000002</v>
      </c>
      <c r="E6057">
        <v>22499.026419999998</v>
      </c>
      <c r="F6057">
        <v>79513.188150000002</v>
      </c>
      <c r="G6057">
        <v>49172.847800000003</v>
      </c>
      <c r="H6057">
        <v>42331.362430000001</v>
      </c>
      <c r="I6057">
        <v>40898.009639999997</v>
      </c>
      <c r="J6057">
        <v>43433.37371</v>
      </c>
      <c r="K6057">
        <v>50901.195979999997</v>
      </c>
      <c r="L6057">
        <v>20466.381219999999</v>
      </c>
      <c r="M6057">
        <v>303162.47379999998</v>
      </c>
      <c r="N6057">
        <v>75949.922149999999</v>
      </c>
      <c r="O6057">
        <v>20600.137330000001</v>
      </c>
      <c r="P6057">
        <v>28368.175920000001</v>
      </c>
      <c r="Q6057">
        <v>90230.252250000005</v>
      </c>
      <c r="R6057">
        <v>20083.039720000001</v>
      </c>
      <c r="S6057">
        <v>96097.920100000003</v>
      </c>
      <c r="T6057">
        <v>24345.219000000001</v>
      </c>
      <c r="U6057">
        <v>21678.742859999998</v>
      </c>
      <c r="W6057" s="83">
        <f>Bühler!N6089</f>
        <v>45544.291666651981</v>
      </c>
      <c r="X6057" s="83">
        <v>43353.291666666664</v>
      </c>
      <c r="Y6057">
        <v>265780.27860000002</v>
      </c>
      <c r="Z6057">
        <v>22499.026419999998</v>
      </c>
      <c r="AA6057">
        <v>79513.188150000002</v>
      </c>
      <c r="AB6057">
        <v>49172.847800000003</v>
      </c>
      <c r="AC6057">
        <v>42331.362430000001</v>
      </c>
      <c r="AD6057">
        <v>40898.009639999997</v>
      </c>
      <c r="AE6057">
        <v>43433.37371</v>
      </c>
      <c r="AF6057">
        <v>50901.195979999997</v>
      </c>
      <c r="AG6057">
        <v>20466.381219999999</v>
      </c>
      <c r="AH6057">
        <v>303162.47379999998</v>
      </c>
      <c r="AI6057">
        <v>75949.922149999999</v>
      </c>
      <c r="AJ6057">
        <v>20600.137330000001</v>
      </c>
      <c r="AK6057">
        <v>28368.175920000001</v>
      </c>
      <c r="AL6057">
        <v>90230.252250000005</v>
      </c>
      <c r="AM6057">
        <v>20083.039720000001</v>
      </c>
      <c r="AN6057">
        <v>96097.920100000003</v>
      </c>
      <c r="AO6057">
        <v>24345.219000000001</v>
      </c>
      <c r="AP6057">
        <v>21678.742859999998</v>
      </c>
    </row>
    <row r="6058" spans="2:42" x14ac:dyDescent="0.3">
      <c r="B6058">
        <v>61.551536550818938</v>
      </c>
      <c r="C6058" s="83">
        <v>43353.333333333336</v>
      </c>
      <c r="D6058">
        <v>279623.71720000001</v>
      </c>
      <c r="E6058">
        <v>27807.60614</v>
      </c>
      <c r="F6058">
        <v>84857.857019999996</v>
      </c>
      <c r="G6058">
        <v>61583.19425</v>
      </c>
      <c r="H6058">
        <v>47130.099479999997</v>
      </c>
      <c r="I6058">
        <v>43418.24727</v>
      </c>
      <c r="J6058">
        <v>44873.133020000001</v>
      </c>
      <c r="K6058">
        <v>58079.710019999999</v>
      </c>
      <c r="L6058">
        <v>23660.322530000001</v>
      </c>
      <c r="M6058">
        <v>313818.4374</v>
      </c>
      <c r="N6058">
        <v>85123.502710000001</v>
      </c>
      <c r="O6058">
        <v>22423.047750000002</v>
      </c>
      <c r="P6058">
        <v>30897.50835</v>
      </c>
      <c r="Q6058">
        <v>92044.79423</v>
      </c>
      <c r="R6058">
        <v>21010.02216</v>
      </c>
      <c r="S6058">
        <v>107621.10309999999</v>
      </c>
      <c r="T6058">
        <v>27155.252789999999</v>
      </c>
      <c r="U6058">
        <v>25456.405760000001</v>
      </c>
      <c r="W6058" s="83">
        <f>Bühler!N6090</f>
        <v>45544.333333318646</v>
      </c>
      <c r="X6058" s="83">
        <v>43353.333333333336</v>
      </c>
      <c r="Y6058">
        <v>279623.71720000001</v>
      </c>
      <c r="Z6058">
        <v>27807.60614</v>
      </c>
      <c r="AA6058">
        <v>84857.857019999996</v>
      </c>
      <c r="AB6058">
        <v>61583.19425</v>
      </c>
      <c r="AC6058">
        <v>47130.099479999997</v>
      </c>
      <c r="AD6058">
        <v>43418.24727</v>
      </c>
      <c r="AE6058">
        <v>44873.133020000001</v>
      </c>
      <c r="AF6058">
        <v>58079.710019999999</v>
      </c>
      <c r="AG6058">
        <v>23660.322530000001</v>
      </c>
      <c r="AH6058">
        <v>313818.4374</v>
      </c>
      <c r="AI6058">
        <v>85123.502710000001</v>
      </c>
      <c r="AJ6058">
        <v>22423.047750000002</v>
      </c>
      <c r="AK6058">
        <v>30897.50835</v>
      </c>
      <c r="AL6058">
        <v>92044.79423</v>
      </c>
      <c r="AM6058">
        <v>21010.02216</v>
      </c>
      <c r="AN6058">
        <v>107621.10309999999</v>
      </c>
      <c r="AO6058">
        <v>27155.252789999999</v>
      </c>
      <c r="AP6058">
        <v>25456.405760000001</v>
      </c>
    </row>
    <row r="6059" spans="2:42" x14ac:dyDescent="0.3">
      <c r="B6059">
        <v>63.033056088928262</v>
      </c>
      <c r="C6059" s="83">
        <v>43353.375</v>
      </c>
      <c r="D6059">
        <v>286066.473</v>
      </c>
      <c r="E6059">
        <v>32049.357629999999</v>
      </c>
      <c r="F6059">
        <v>91507.004790000006</v>
      </c>
      <c r="G6059">
        <v>69542.621310000002</v>
      </c>
      <c r="H6059">
        <v>49982.051890000002</v>
      </c>
      <c r="I6059">
        <v>40934.78112</v>
      </c>
      <c r="J6059">
        <v>45109.456989999999</v>
      </c>
      <c r="K6059">
        <v>60317.594490000003</v>
      </c>
      <c r="L6059">
        <v>26756.47726</v>
      </c>
      <c r="M6059">
        <v>321371.91489999997</v>
      </c>
      <c r="N6059">
        <v>90285.14129</v>
      </c>
      <c r="O6059">
        <v>22718.602459999998</v>
      </c>
      <c r="P6059">
        <v>33098.301959999997</v>
      </c>
      <c r="Q6059">
        <v>94295.004159999997</v>
      </c>
      <c r="R6059">
        <v>21408.334060000001</v>
      </c>
      <c r="S6059">
        <v>114224.05319999999</v>
      </c>
      <c r="T6059">
        <v>30035.931219999999</v>
      </c>
      <c r="U6059">
        <v>25974.39789</v>
      </c>
      <c r="W6059" s="83">
        <f>Bühler!N6091</f>
        <v>45544.37499998531</v>
      </c>
      <c r="X6059" s="83">
        <v>43353.375</v>
      </c>
      <c r="Y6059">
        <v>286066.473</v>
      </c>
      <c r="Z6059">
        <v>32049.357629999999</v>
      </c>
      <c r="AA6059">
        <v>91507.004790000006</v>
      </c>
      <c r="AB6059">
        <v>69542.621310000002</v>
      </c>
      <c r="AC6059">
        <v>49982.051890000002</v>
      </c>
      <c r="AD6059">
        <v>40934.78112</v>
      </c>
      <c r="AE6059">
        <v>45109.456989999999</v>
      </c>
      <c r="AF6059">
        <v>60317.594490000003</v>
      </c>
      <c r="AG6059">
        <v>26756.47726</v>
      </c>
      <c r="AH6059">
        <v>321371.91489999997</v>
      </c>
      <c r="AI6059">
        <v>90285.14129</v>
      </c>
      <c r="AJ6059">
        <v>22718.602459999998</v>
      </c>
      <c r="AK6059">
        <v>33098.301959999997</v>
      </c>
      <c r="AL6059">
        <v>94295.004159999997</v>
      </c>
      <c r="AM6059">
        <v>21408.334060000001</v>
      </c>
      <c r="AN6059">
        <v>114224.05319999999</v>
      </c>
      <c r="AO6059">
        <v>30035.931219999999</v>
      </c>
      <c r="AP6059">
        <v>25974.39789</v>
      </c>
    </row>
    <row r="6060" spans="2:42" x14ac:dyDescent="0.3">
      <c r="B6060">
        <v>64.983357440959153</v>
      </c>
      <c r="C6060" s="83">
        <v>43353.416666666664</v>
      </c>
      <c r="D6060">
        <v>289682.81670000002</v>
      </c>
      <c r="E6060">
        <v>34274.77895</v>
      </c>
      <c r="F6060">
        <v>92852.904949999996</v>
      </c>
      <c r="G6060">
        <v>72084.610979999998</v>
      </c>
      <c r="H6060">
        <v>50932.754159999997</v>
      </c>
      <c r="I6060">
        <v>38749.634019999998</v>
      </c>
      <c r="J6060">
        <v>45180.149940000003</v>
      </c>
      <c r="K6060">
        <v>62044.750290000004</v>
      </c>
      <c r="L6060">
        <v>28509.541300000001</v>
      </c>
      <c r="M6060">
        <v>331315.4607</v>
      </c>
      <c r="N6060">
        <v>95772.012369999997</v>
      </c>
      <c r="O6060">
        <v>23161.462820000001</v>
      </c>
      <c r="P6060">
        <v>33797.567340000001</v>
      </c>
      <c r="Q6060">
        <v>94471.631649999996</v>
      </c>
      <c r="R6060">
        <v>22602.192480000002</v>
      </c>
      <c r="S6060">
        <v>115736.1293</v>
      </c>
      <c r="T6060">
        <v>31530.539209999999</v>
      </c>
      <c r="U6060">
        <v>24945.116010000002</v>
      </c>
      <c r="W6060" s="83">
        <f>Bühler!N6092</f>
        <v>45544.416666651974</v>
      </c>
      <c r="X6060" s="83">
        <v>43353.416666666664</v>
      </c>
      <c r="Y6060">
        <v>289682.81670000002</v>
      </c>
      <c r="Z6060">
        <v>34274.77895</v>
      </c>
      <c r="AA6060">
        <v>92852.904949999996</v>
      </c>
      <c r="AB6060">
        <v>72084.610979999998</v>
      </c>
      <c r="AC6060">
        <v>50932.754159999997</v>
      </c>
      <c r="AD6060">
        <v>38749.634019999998</v>
      </c>
      <c r="AE6060">
        <v>45180.149940000003</v>
      </c>
      <c r="AF6060">
        <v>62044.750290000004</v>
      </c>
      <c r="AG6060">
        <v>28509.541300000001</v>
      </c>
      <c r="AH6060">
        <v>331315.4607</v>
      </c>
      <c r="AI6060">
        <v>95772.012369999997</v>
      </c>
      <c r="AJ6060">
        <v>23161.462820000001</v>
      </c>
      <c r="AK6060">
        <v>33797.567340000001</v>
      </c>
      <c r="AL6060">
        <v>94471.631649999996</v>
      </c>
      <c r="AM6060">
        <v>22602.192480000002</v>
      </c>
      <c r="AN6060">
        <v>115736.1293</v>
      </c>
      <c r="AO6060">
        <v>31530.539209999999</v>
      </c>
      <c r="AP6060">
        <v>24945.116010000002</v>
      </c>
    </row>
    <row r="6061" spans="2:42" x14ac:dyDescent="0.3">
      <c r="B6061">
        <v>66.124184546580295</v>
      </c>
      <c r="C6061" s="83">
        <v>43353.458333333336</v>
      </c>
      <c r="D6061">
        <v>290239.44179999997</v>
      </c>
      <c r="E6061">
        <v>34570.904280000002</v>
      </c>
      <c r="F6061">
        <v>93643.376069999998</v>
      </c>
      <c r="G6061">
        <v>71402.006110000002</v>
      </c>
      <c r="H6061">
        <v>51071.178030000003</v>
      </c>
      <c r="I6061">
        <v>38689.620499999997</v>
      </c>
      <c r="J6061">
        <v>45348.581290000002</v>
      </c>
      <c r="K6061">
        <v>62080.270499999999</v>
      </c>
      <c r="L6061">
        <v>30305.327590000001</v>
      </c>
      <c r="M6061">
        <v>337131.92930000002</v>
      </c>
      <c r="N6061">
        <v>96349.531000000003</v>
      </c>
      <c r="O6061">
        <v>22916.6276</v>
      </c>
      <c r="P6061">
        <v>33229.507279999998</v>
      </c>
      <c r="Q6061">
        <v>97648.732029999999</v>
      </c>
      <c r="R6061">
        <v>23592.32214</v>
      </c>
      <c r="S6061">
        <v>119033.94409999999</v>
      </c>
      <c r="T6061">
        <v>32310.227299999999</v>
      </c>
      <c r="U6061">
        <v>24896.92657</v>
      </c>
      <c r="W6061" s="83">
        <f>Bühler!N6093</f>
        <v>45544.458333318638</v>
      </c>
      <c r="X6061" s="83">
        <v>43353.458333333336</v>
      </c>
      <c r="Y6061">
        <v>290239.44179999997</v>
      </c>
      <c r="Z6061">
        <v>34570.904280000002</v>
      </c>
      <c r="AA6061">
        <v>93643.376069999998</v>
      </c>
      <c r="AB6061">
        <v>71402.006110000002</v>
      </c>
      <c r="AC6061">
        <v>51071.178030000003</v>
      </c>
      <c r="AD6061">
        <v>38689.620499999997</v>
      </c>
      <c r="AE6061">
        <v>45348.581290000002</v>
      </c>
      <c r="AF6061">
        <v>62080.270499999999</v>
      </c>
      <c r="AG6061">
        <v>30305.327590000001</v>
      </c>
      <c r="AH6061">
        <v>337131.92930000002</v>
      </c>
      <c r="AI6061">
        <v>96349.531000000003</v>
      </c>
      <c r="AJ6061">
        <v>22916.6276</v>
      </c>
      <c r="AK6061">
        <v>33229.507279999998</v>
      </c>
      <c r="AL6061">
        <v>97648.732029999999</v>
      </c>
      <c r="AM6061">
        <v>23592.32214</v>
      </c>
      <c r="AN6061">
        <v>119033.94409999999</v>
      </c>
      <c r="AO6061">
        <v>32310.227299999999</v>
      </c>
      <c r="AP6061">
        <v>24896.92657</v>
      </c>
    </row>
    <row r="6062" spans="2:42" x14ac:dyDescent="0.3">
      <c r="B6062">
        <v>65.449611455512127</v>
      </c>
      <c r="C6062" s="83">
        <v>43353.5</v>
      </c>
      <c r="D6062">
        <v>280807.9423</v>
      </c>
      <c r="E6062">
        <v>31525.274359999999</v>
      </c>
      <c r="F6062">
        <v>88187.580109999995</v>
      </c>
      <c r="G6062">
        <v>71800.489369999996</v>
      </c>
      <c r="H6062">
        <v>48939.585429999999</v>
      </c>
      <c r="I6062">
        <v>38305.548410000003</v>
      </c>
      <c r="J6062">
        <v>46329.977070000001</v>
      </c>
      <c r="K6062">
        <v>59321.013279999999</v>
      </c>
      <c r="L6062">
        <v>32625.747770000002</v>
      </c>
      <c r="M6062">
        <v>333692.64110000001</v>
      </c>
      <c r="N6062">
        <v>93492.676959999997</v>
      </c>
      <c r="O6062">
        <v>23021.348590000001</v>
      </c>
      <c r="P6062">
        <v>34570.179239999998</v>
      </c>
      <c r="Q6062">
        <v>98359.580170000001</v>
      </c>
      <c r="R6062">
        <v>24752.945250000001</v>
      </c>
      <c r="S6062">
        <v>114095.2389</v>
      </c>
      <c r="T6062">
        <v>31989.609570000001</v>
      </c>
      <c r="U6062">
        <v>20674.033329999998</v>
      </c>
      <c r="W6062" s="83">
        <f>Bühler!N6094</f>
        <v>45544.499999985303</v>
      </c>
      <c r="X6062" s="83">
        <v>43353.5</v>
      </c>
      <c r="Y6062">
        <v>280807.9423</v>
      </c>
      <c r="Z6062">
        <v>31525.274359999999</v>
      </c>
      <c r="AA6062">
        <v>88187.580109999995</v>
      </c>
      <c r="AB6062">
        <v>71800.489369999996</v>
      </c>
      <c r="AC6062">
        <v>48939.585429999999</v>
      </c>
      <c r="AD6062">
        <v>38305.548410000003</v>
      </c>
      <c r="AE6062">
        <v>46329.977070000001</v>
      </c>
      <c r="AF6062">
        <v>59321.013279999999</v>
      </c>
      <c r="AG6062">
        <v>32625.747770000002</v>
      </c>
      <c r="AH6062">
        <v>333692.64110000001</v>
      </c>
      <c r="AI6062">
        <v>93492.676959999997</v>
      </c>
      <c r="AJ6062">
        <v>23021.348590000001</v>
      </c>
      <c r="AK6062">
        <v>34570.179239999998</v>
      </c>
      <c r="AL6062">
        <v>98359.580170000001</v>
      </c>
      <c r="AM6062">
        <v>24752.945250000001</v>
      </c>
      <c r="AN6062">
        <v>114095.2389</v>
      </c>
      <c r="AO6062">
        <v>31989.609570000001</v>
      </c>
      <c r="AP6062">
        <v>20674.033329999998</v>
      </c>
    </row>
    <row r="6063" spans="2:42" x14ac:dyDescent="0.3">
      <c r="B6063">
        <v>65.65735129901843</v>
      </c>
      <c r="C6063" s="83">
        <v>43353.541666666664</v>
      </c>
      <c r="D6063">
        <v>283888.36099999998</v>
      </c>
      <c r="E6063">
        <v>32502.218499999999</v>
      </c>
      <c r="F6063">
        <v>85739.533620000002</v>
      </c>
      <c r="G6063">
        <v>69587.254669999995</v>
      </c>
      <c r="H6063">
        <v>49915.368040000001</v>
      </c>
      <c r="I6063">
        <v>38753.837899999999</v>
      </c>
      <c r="J6063">
        <v>44712.153939999997</v>
      </c>
      <c r="K6063">
        <v>60842.186040000001</v>
      </c>
      <c r="L6063">
        <v>32079.307000000001</v>
      </c>
      <c r="M6063">
        <v>334751.79570000002</v>
      </c>
      <c r="N6063">
        <v>94217.078020000001</v>
      </c>
      <c r="O6063">
        <v>23652.02247</v>
      </c>
      <c r="P6063">
        <v>34544.765570000003</v>
      </c>
      <c r="Q6063">
        <v>98117.748749999999</v>
      </c>
      <c r="R6063">
        <v>25486.771420000001</v>
      </c>
      <c r="S6063">
        <v>112812.50509999999</v>
      </c>
      <c r="T6063">
        <v>31558.455910000001</v>
      </c>
      <c r="U6063">
        <v>23398.33052</v>
      </c>
      <c r="W6063" s="83">
        <f>Bühler!N6095</f>
        <v>45544.541666651967</v>
      </c>
      <c r="X6063" s="83">
        <v>43353.541666666664</v>
      </c>
      <c r="Y6063">
        <v>283888.36099999998</v>
      </c>
      <c r="Z6063">
        <v>32502.218499999999</v>
      </c>
      <c r="AA6063">
        <v>85739.533620000002</v>
      </c>
      <c r="AB6063">
        <v>69587.254669999995</v>
      </c>
      <c r="AC6063">
        <v>49915.368040000001</v>
      </c>
      <c r="AD6063">
        <v>38753.837899999999</v>
      </c>
      <c r="AE6063">
        <v>44712.153939999997</v>
      </c>
      <c r="AF6063">
        <v>60842.186040000001</v>
      </c>
      <c r="AG6063">
        <v>32079.307000000001</v>
      </c>
      <c r="AH6063">
        <v>334751.79570000002</v>
      </c>
      <c r="AI6063">
        <v>94217.078020000001</v>
      </c>
      <c r="AJ6063">
        <v>23652.02247</v>
      </c>
      <c r="AK6063">
        <v>34544.765570000003</v>
      </c>
      <c r="AL6063">
        <v>98117.748749999999</v>
      </c>
      <c r="AM6063">
        <v>25486.771420000001</v>
      </c>
      <c r="AN6063">
        <v>112812.50509999999</v>
      </c>
      <c r="AO6063">
        <v>31558.455910000001</v>
      </c>
      <c r="AP6063">
        <v>23398.33052</v>
      </c>
    </row>
    <row r="6064" spans="2:42" x14ac:dyDescent="0.3">
      <c r="B6064">
        <v>66.232725912332995</v>
      </c>
      <c r="C6064" s="83">
        <v>43353.583333333336</v>
      </c>
      <c r="D6064">
        <v>288364.36290000001</v>
      </c>
      <c r="E6064">
        <v>35221.124369999998</v>
      </c>
      <c r="F6064">
        <v>92752.152109999995</v>
      </c>
      <c r="G6064">
        <v>65194.157809999997</v>
      </c>
      <c r="H6064">
        <v>49959.857179999999</v>
      </c>
      <c r="I6064">
        <v>38844.155270000003</v>
      </c>
      <c r="J6064">
        <v>44969.287300000004</v>
      </c>
      <c r="K6064">
        <v>63002.696810000001</v>
      </c>
      <c r="L6064">
        <v>29679.25763</v>
      </c>
      <c r="M6064">
        <v>337685.32380000001</v>
      </c>
      <c r="N6064">
        <v>95443.659820000001</v>
      </c>
      <c r="O6064">
        <v>23542.604660000001</v>
      </c>
      <c r="P6064">
        <v>31919.02882</v>
      </c>
      <c r="Q6064">
        <v>98687.47077</v>
      </c>
      <c r="R6064">
        <v>24743.463540000001</v>
      </c>
      <c r="S6064">
        <v>108882.6633</v>
      </c>
      <c r="T6064">
        <v>30553.973170000001</v>
      </c>
      <c r="U6064">
        <v>23842.796969999999</v>
      </c>
      <c r="W6064" s="83">
        <f>Bühler!N6096</f>
        <v>45544.583333318631</v>
      </c>
      <c r="X6064" s="83">
        <v>43353.583333333336</v>
      </c>
      <c r="Y6064">
        <v>288364.36290000001</v>
      </c>
      <c r="Z6064">
        <v>35221.124369999998</v>
      </c>
      <c r="AA6064">
        <v>92752.152109999995</v>
      </c>
      <c r="AB6064">
        <v>65194.157809999997</v>
      </c>
      <c r="AC6064">
        <v>49959.857179999999</v>
      </c>
      <c r="AD6064">
        <v>38844.155270000003</v>
      </c>
      <c r="AE6064">
        <v>44969.287300000004</v>
      </c>
      <c r="AF6064">
        <v>63002.696810000001</v>
      </c>
      <c r="AG6064">
        <v>29679.25763</v>
      </c>
      <c r="AH6064">
        <v>337685.32380000001</v>
      </c>
      <c r="AI6064">
        <v>95443.659820000001</v>
      </c>
      <c r="AJ6064">
        <v>23542.604660000001</v>
      </c>
      <c r="AK6064">
        <v>31919.02882</v>
      </c>
      <c r="AL6064">
        <v>98687.47077</v>
      </c>
      <c r="AM6064">
        <v>24743.463540000001</v>
      </c>
      <c r="AN6064">
        <v>108882.6633</v>
      </c>
      <c r="AO6064">
        <v>30553.973170000001</v>
      </c>
      <c r="AP6064">
        <v>23842.796969999999</v>
      </c>
    </row>
    <row r="6065" spans="2:42" x14ac:dyDescent="0.3">
      <c r="B6065">
        <v>65.696299835045011</v>
      </c>
      <c r="C6065" s="83">
        <v>43353.625</v>
      </c>
      <c r="D6065">
        <v>286348.18699999998</v>
      </c>
      <c r="E6065">
        <v>35169.10959</v>
      </c>
      <c r="F6065">
        <v>95714.364069999996</v>
      </c>
      <c r="G6065">
        <v>62597.377229999998</v>
      </c>
      <c r="H6065">
        <v>49267.587979999997</v>
      </c>
      <c r="I6065">
        <v>39041.35039</v>
      </c>
      <c r="J6065">
        <v>44444.410940000002</v>
      </c>
      <c r="K6065">
        <v>63287.51827</v>
      </c>
      <c r="L6065">
        <v>27127.729429999999</v>
      </c>
      <c r="M6065">
        <v>334950.37349999999</v>
      </c>
      <c r="N6065">
        <v>94816.340840000004</v>
      </c>
      <c r="O6065">
        <v>23346.91474</v>
      </c>
      <c r="P6065">
        <v>29609.064320000001</v>
      </c>
      <c r="Q6065">
        <v>98202.788050000003</v>
      </c>
      <c r="R6065">
        <v>24745.434089999999</v>
      </c>
      <c r="S6065">
        <v>107844.90059999999</v>
      </c>
      <c r="T6065">
        <v>30162.42571</v>
      </c>
      <c r="U6065">
        <v>22640.51442</v>
      </c>
      <c r="W6065" s="83">
        <f>Bühler!N6097</f>
        <v>45544.624999985295</v>
      </c>
      <c r="X6065" s="83">
        <v>43353.625</v>
      </c>
      <c r="Y6065">
        <v>286348.18699999998</v>
      </c>
      <c r="Z6065">
        <v>35169.10959</v>
      </c>
      <c r="AA6065">
        <v>95714.364069999996</v>
      </c>
      <c r="AB6065">
        <v>62597.377229999998</v>
      </c>
      <c r="AC6065">
        <v>49267.587979999997</v>
      </c>
      <c r="AD6065">
        <v>39041.35039</v>
      </c>
      <c r="AE6065">
        <v>44444.410940000002</v>
      </c>
      <c r="AF6065">
        <v>63287.51827</v>
      </c>
      <c r="AG6065">
        <v>27127.729429999999</v>
      </c>
      <c r="AH6065">
        <v>334950.37349999999</v>
      </c>
      <c r="AI6065">
        <v>94816.340840000004</v>
      </c>
      <c r="AJ6065">
        <v>23346.91474</v>
      </c>
      <c r="AK6065">
        <v>29609.064320000001</v>
      </c>
      <c r="AL6065">
        <v>98202.788050000003</v>
      </c>
      <c r="AM6065">
        <v>24745.434089999999</v>
      </c>
      <c r="AN6065">
        <v>107844.90059999999</v>
      </c>
      <c r="AO6065">
        <v>30162.42571</v>
      </c>
      <c r="AP6065">
        <v>22640.51442</v>
      </c>
    </row>
    <row r="6066" spans="2:42" x14ac:dyDescent="0.3">
      <c r="B6066">
        <v>64.633401261918152</v>
      </c>
      <c r="C6066" s="83">
        <v>43353.666666666664</v>
      </c>
      <c r="D6066">
        <v>281330.38530000002</v>
      </c>
      <c r="E6066">
        <v>34187.982940000002</v>
      </c>
      <c r="F6066">
        <v>95341.174589999995</v>
      </c>
      <c r="G6066">
        <v>58443.044309999997</v>
      </c>
      <c r="H6066">
        <v>47078.76655</v>
      </c>
      <c r="I6066">
        <v>39748.289969999998</v>
      </c>
      <c r="J6066">
        <v>43114.895239999998</v>
      </c>
      <c r="K6066">
        <v>60264.9496</v>
      </c>
      <c r="L6066">
        <v>25458.643840000001</v>
      </c>
      <c r="M6066">
        <v>329531.22090000001</v>
      </c>
      <c r="N6066">
        <v>94024.95852</v>
      </c>
      <c r="O6066">
        <v>23050.195489999998</v>
      </c>
      <c r="P6066">
        <v>28820.541539999998</v>
      </c>
      <c r="Q6066">
        <v>97222.421900000001</v>
      </c>
      <c r="R6066">
        <v>23647.341649999998</v>
      </c>
      <c r="S6066">
        <v>104678.6825</v>
      </c>
      <c r="T6066">
        <v>29153.380229999999</v>
      </c>
      <c r="U6066">
        <v>20820.34578</v>
      </c>
      <c r="W6066" s="83">
        <f>Bühler!N6098</f>
        <v>45544.66666665196</v>
      </c>
      <c r="X6066" s="83">
        <v>43353.666666666664</v>
      </c>
      <c r="Y6066">
        <v>281330.38530000002</v>
      </c>
      <c r="Z6066">
        <v>34187.982940000002</v>
      </c>
      <c r="AA6066">
        <v>95341.174589999995</v>
      </c>
      <c r="AB6066">
        <v>58443.044309999997</v>
      </c>
      <c r="AC6066">
        <v>47078.76655</v>
      </c>
      <c r="AD6066">
        <v>39748.289969999998</v>
      </c>
      <c r="AE6066">
        <v>43114.895239999998</v>
      </c>
      <c r="AF6066">
        <v>60264.9496</v>
      </c>
      <c r="AG6066">
        <v>25458.643840000001</v>
      </c>
      <c r="AH6066">
        <v>329531.22090000001</v>
      </c>
      <c r="AI6066">
        <v>94024.95852</v>
      </c>
      <c r="AJ6066">
        <v>23050.195489999998</v>
      </c>
      <c r="AK6066">
        <v>28820.541539999998</v>
      </c>
      <c r="AL6066">
        <v>97222.421900000001</v>
      </c>
      <c r="AM6066">
        <v>23647.341649999998</v>
      </c>
      <c r="AN6066">
        <v>104678.6825</v>
      </c>
      <c r="AO6066">
        <v>29153.380229999999</v>
      </c>
      <c r="AP6066">
        <v>20820.34578</v>
      </c>
    </row>
    <row r="6067" spans="2:42" x14ac:dyDescent="0.3">
      <c r="B6067">
        <v>63.33102675267444</v>
      </c>
      <c r="C6067" s="83">
        <v>43353.708333333336</v>
      </c>
      <c r="D6067">
        <v>271398.90749999997</v>
      </c>
      <c r="E6067">
        <v>31907.387350000001</v>
      </c>
      <c r="F6067">
        <v>94509.354770000005</v>
      </c>
      <c r="G6067">
        <v>51734.927830000001</v>
      </c>
      <c r="H6067">
        <v>44652.813970000003</v>
      </c>
      <c r="I6067">
        <v>39492.843220000002</v>
      </c>
      <c r="J6067">
        <v>43289.259669999999</v>
      </c>
      <c r="K6067">
        <v>54751.327989999998</v>
      </c>
      <c r="L6067">
        <v>25525.801739999999</v>
      </c>
      <c r="M6067">
        <v>322891.10830000002</v>
      </c>
      <c r="N6067">
        <v>89622.108749999999</v>
      </c>
      <c r="O6067">
        <v>21777.142769999999</v>
      </c>
      <c r="P6067">
        <v>29910.24912</v>
      </c>
      <c r="Q6067">
        <v>95892.774300000005</v>
      </c>
      <c r="R6067">
        <v>23559.250199999999</v>
      </c>
      <c r="S6067">
        <v>101184.0028</v>
      </c>
      <c r="T6067">
        <v>28749.178380000001</v>
      </c>
      <c r="U6067">
        <v>18375.606469999999</v>
      </c>
      <c r="W6067" s="83">
        <f>Bühler!N6099</f>
        <v>45544.708333318624</v>
      </c>
      <c r="X6067" s="83">
        <v>43353.708333333336</v>
      </c>
      <c r="Y6067">
        <v>271398.90749999997</v>
      </c>
      <c r="Z6067">
        <v>31907.387350000001</v>
      </c>
      <c r="AA6067">
        <v>94509.354770000005</v>
      </c>
      <c r="AB6067">
        <v>51734.927830000001</v>
      </c>
      <c r="AC6067">
        <v>44652.813970000003</v>
      </c>
      <c r="AD6067">
        <v>39492.843220000002</v>
      </c>
      <c r="AE6067">
        <v>43289.259669999999</v>
      </c>
      <c r="AF6067">
        <v>54751.327989999998</v>
      </c>
      <c r="AG6067">
        <v>25525.801739999999</v>
      </c>
      <c r="AH6067">
        <v>322891.10830000002</v>
      </c>
      <c r="AI6067">
        <v>89622.108749999999</v>
      </c>
      <c r="AJ6067">
        <v>21777.142769999999</v>
      </c>
      <c r="AK6067">
        <v>29910.24912</v>
      </c>
      <c r="AL6067">
        <v>95892.774300000005</v>
      </c>
      <c r="AM6067">
        <v>23559.250199999999</v>
      </c>
      <c r="AN6067">
        <v>101184.0028</v>
      </c>
      <c r="AO6067">
        <v>28749.178380000001</v>
      </c>
      <c r="AP6067">
        <v>18375.606469999999</v>
      </c>
    </row>
    <row r="6068" spans="2:42" x14ac:dyDescent="0.3">
      <c r="B6068">
        <v>62.044161809385734</v>
      </c>
      <c r="C6068" s="83">
        <v>43353.75</v>
      </c>
      <c r="D6068">
        <v>264066.4509</v>
      </c>
      <c r="E6068">
        <v>28666.880880000001</v>
      </c>
      <c r="F6068">
        <v>92259.249339999995</v>
      </c>
      <c r="G6068">
        <v>44814.83887</v>
      </c>
      <c r="H6068">
        <v>42667.594550000002</v>
      </c>
      <c r="I6068">
        <v>38018.478999999999</v>
      </c>
      <c r="J6068">
        <v>43545.594400000002</v>
      </c>
      <c r="K6068">
        <v>52029.157550000004</v>
      </c>
      <c r="L6068">
        <v>26445.04117</v>
      </c>
      <c r="M6068">
        <v>316330.07069999998</v>
      </c>
      <c r="N6068">
        <v>86049.435190000004</v>
      </c>
      <c r="O6068">
        <v>19783.48574</v>
      </c>
      <c r="P6068">
        <v>32942.736340000003</v>
      </c>
      <c r="Q6068">
        <v>94068.638649999994</v>
      </c>
      <c r="R6068">
        <v>22429.050780000001</v>
      </c>
      <c r="S6068">
        <v>94409.320240000001</v>
      </c>
      <c r="T6068">
        <v>28356.896049999999</v>
      </c>
      <c r="U6068">
        <v>16870.298589999999</v>
      </c>
      <c r="W6068" s="83">
        <f>Bühler!N6100</f>
        <v>45544.749999985288</v>
      </c>
      <c r="X6068" s="83">
        <v>43353.75</v>
      </c>
      <c r="Y6068">
        <v>264066.4509</v>
      </c>
      <c r="Z6068">
        <v>28666.880880000001</v>
      </c>
      <c r="AA6068">
        <v>92259.249339999995</v>
      </c>
      <c r="AB6068">
        <v>44814.83887</v>
      </c>
      <c r="AC6068">
        <v>42667.594550000002</v>
      </c>
      <c r="AD6068">
        <v>38018.478999999999</v>
      </c>
      <c r="AE6068">
        <v>43545.594400000002</v>
      </c>
      <c r="AF6068">
        <v>52029.157550000004</v>
      </c>
      <c r="AG6068">
        <v>26445.04117</v>
      </c>
      <c r="AH6068">
        <v>316330.07069999998</v>
      </c>
      <c r="AI6068">
        <v>86049.435190000004</v>
      </c>
      <c r="AJ6068">
        <v>19783.48574</v>
      </c>
      <c r="AK6068">
        <v>32942.736340000003</v>
      </c>
      <c r="AL6068">
        <v>94068.638649999994</v>
      </c>
      <c r="AM6068">
        <v>22429.050780000001</v>
      </c>
      <c r="AN6068">
        <v>94409.320240000001</v>
      </c>
      <c r="AO6068">
        <v>28356.896049999999</v>
      </c>
      <c r="AP6068">
        <v>16870.298589999999</v>
      </c>
    </row>
    <row r="6069" spans="2:42" x14ac:dyDescent="0.3">
      <c r="B6069">
        <v>61.132225986305137</v>
      </c>
      <c r="C6069" s="83">
        <v>43353.791666666664</v>
      </c>
      <c r="D6069">
        <v>259412.82750000001</v>
      </c>
      <c r="E6069">
        <v>22869.36205</v>
      </c>
      <c r="F6069">
        <v>83222.168940000003</v>
      </c>
      <c r="G6069">
        <v>41213.730519999997</v>
      </c>
      <c r="H6069">
        <v>40517.224690000003</v>
      </c>
      <c r="I6069">
        <v>34958.073040000003</v>
      </c>
      <c r="J6069">
        <v>43128.417600000001</v>
      </c>
      <c r="K6069">
        <v>52723.252200000003</v>
      </c>
      <c r="L6069">
        <v>27370.260699999999</v>
      </c>
      <c r="M6069">
        <v>311680.59659999999</v>
      </c>
      <c r="N6069">
        <v>82880.427670000005</v>
      </c>
      <c r="O6069">
        <v>18672.884760000001</v>
      </c>
      <c r="P6069">
        <v>35260.320200000002</v>
      </c>
      <c r="Q6069">
        <v>91870.894690000001</v>
      </c>
      <c r="R6069">
        <v>21772.894179999999</v>
      </c>
      <c r="S6069">
        <v>89319.802490000002</v>
      </c>
      <c r="T6069">
        <v>28440.297200000001</v>
      </c>
      <c r="U6069">
        <v>16283.449409999999</v>
      </c>
      <c r="W6069" s="83">
        <f>Bühler!N6101</f>
        <v>45544.791666651952</v>
      </c>
      <c r="X6069" s="83">
        <v>43353.791666666664</v>
      </c>
      <c r="Y6069">
        <v>259412.82750000001</v>
      </c>
      <c r="Z6069">
        <v>22869.36205</v>
      </c>
      <c r="AA6069">
        <v>83222.168940000003</v>
      </c>
      <c r="AB6069">
        <v>41213.730519999997</v>
      </c>
      <c r="AC6069">
        <v>40517.224690000003</v>
      </c>
      <c r="AD6069">
        <v>34958.073040000003</v>
      </c>
      <c r="AE6069">
        <v>43128.417600000001</v>
      </c>
      <c r="AF6069">
        <v>52723.252200000003</v>
      </c>
      <c r="AG6069">
        <v>27370.260699999999</v>
      </c>
      <c r="AH6069">
        <v>311680.59659999999</v>
      </c>
      <c r="AI6069">
        <v>82880.427670000005</v>
      </c>
      <c r="AJ6069">
        <v>18672.884760000001</v>
      </c>
      <c r="AK6069">
        <v>35260.320200000002</v>
      </c>
      <c r="AL6069">
        <v>91870.894690000001</v>
      </c>
      <c r="AM6069">
        <v>21772.894179999999</v>
      </c>
      <c r="AN6069">
        <v>89319.802490000002</v>
      </c>
      <c r="AO6069">
        <v>28440.297200000001</v>
      </c>
      <c r="AP6069">
        <v>16283.449409999999</v>
      </c>
    </row>
    <row r="6070" spans="2:42" x14ac:dyDescent="0.3">
      <c r="B6070">
        <v>58.958220087945413</v>
      </c>
      <c r="C6070" s="83">
        <v>43353.833333333336</v>
      </c>
      <c r="D6070">
        <v>250034.10620000001</v>
      </c>
      <c r="E6070">
        <v>17384.113379999999</v>
      </c>
      <c r="F6070">
        <v>69409.00722</v>
      </c>
      <c r="G6070">
        <v>37465.118309999998</v>
      </c>
      <c r="H6070">
        <v>38806.414649999999</v>
      </c>
      <c r="I6070">
        <v>31092.899440000001</v>
      </c>
      <c r="J6070">
        <v>44232.722710000002</v>
      </c>
      <c r="K6070">
        <v>52051.193550000004</v>
      </c>
      <c r="L6070">
        <v>26495.658340000002</v>
      </c>
      <c r="M6070">
        <v>300596.50069999998</v>
      </c>
      <c r="N6070">
        <v>81709.324410000001</v>
      </c>
      <c r="O6070">
        <v>18074.315170000002</v>
      </c>
      <c r="P6070">
        <v>35387.943370000001</v>
      </c>
      <c r="Q6070">
        <v>89647.93028</v>
      </c>
      <c r="R6070">
        <v>20234.580279999998</v>
      </c>
      <c r="S6070">
        <v>82799.815770000001</v>
      </c>
      <c r="T6070">
        <v>27337.59937</v>
      </c>
      <c r="U6070">
        <v>15752.96751</v>
      </c>
      <c r="W6070" s="83">
        <f>Bühler!N6102</f>
        <v>45544.833333318616</v>
      </c>
      <c r="X6070" s="83">
        <v>43353.833333333336</v>
      </c>
      <c r="Y6070">
        <v>250034.10620000001</v>
      </c>
      <c r="Z6070">
        <v>17384.113379999999</v>
      </c>
      <c r="AA6070">
        <v>69409.00722</v>
      </c>
      <c r="AB6070">
        <v>37465.118309999998</v>
      </c>
      <c r="AC6070">
        <v>38806.414649999999</v>
      </c>
      <c r="AD6070">
        <v>31092.899440000001</v>
      </c>
      <c r="AE6070">
        <v>44232.722710000002</v>
      </c>
      <c r="AF6070">
        <v>52051.193550000004</v>
      </c>
      <c r="AG6070">
        <v>26495.658340000002</v>
      </c>
      <c r="AH6070">
        <v>300596.50069999998</v>
      </c>
      <c r="AI6070">
        <v>81709.324410000001</v>
      </c>
      <c r="AJ6070">
        <v>18074.315170000002</v>
      </c>
      <c r="AK6070">
        <v>35387.943370000001</v>
      </c>
      <c r="AL6070">
        <v>89647.93028</v>
      </c>
      <c r="AM6070">
        <v>20234.580279999998</v>
      </c>
      <c r="AN6070">
        <v>82799.815770000001</v>
      </c>
      <c r="AO6070">
        <v>27337.59937</v>
      </c>
      <c r="AP6070">
        <v>15752.96751</v>
      </c>
    </row>
    <row r="6071" spans="2:42" x14ac:dyDescent="0.3">
      <c r="B6071">
        <v>57.008971032750509</v>
      </c>
      <c r="C6071" s="83">
        <v>43353.875</v>
      </c>
      <c r="D6071">
        <v>242677.09760000001</v>
      </c>
      <c r="E6071">
        <v>14870.332469999999</v>
      </c>
      <c r="F6071">
        <v>60977.881670000002</v>
      </c>
      <c r="G6071">
        <v>35631.910499999998</v>
      </c>
      <c r="H6071">
        <v>37235.266100000001</v>
      </c>
      <c r="I6071">
        <v>27267.823110000001</v>
      </c>
      <c r="J6071">
        <v>43051.578049999996</v>
      </c>
      <c r="K6071">
        <v>51031.570110000001</v>
      </c>
      <c r="L6071">
        <v>24667.775580000001</v>
      </c>
      <c r="M6071">
        <v>290658.32</v>
      </c>
      <c r="N6071">
        <v>79595.730679999993</v>
      </c>
      <c r="O6071">
        <v>17657.4928</v>
      </c>
      <c r="P6071">
        <v>33902.289230000002</v>
      </c>
      <c r="Q6071">
        <v>87241.295580000005</v>
      </c>
      <c r="R6071">
        <v>19109.019230000002</v>
      </c>
      <c r="S6071">
        <v>78776.804539999997</v>
      </c>
      <c r="T6071">
        <v>26055.974300000002</v>
      </c>
      <c r="U6071">
        <v>14673.906929999999</v>
      </c>
      <c r="W6071" s="83">
        <f>Bühler!N6103</f>
        <v>45544.874999985281</v>
      </c>
      <c r="X6071" s="83">
        <v>43353.875</v>
      </c>
      <c r="Y6071">
        <v>242677.09760000001</v>
      </c>
      <c r="Z6071">
        <v>14870.332469999999</v>
      </c>
      <c r="AA6071">
        <v>60977.881670000002</v>
      </c>
      <c r="AB6071">
        <v>35631.910499999998</v>
      </c>
      <c r="AC6071">
        <v>37235.266100000001</v>
      </c>
      <c r="AD6071">
        <v>27267.823110000001</v>
      </c>
      <c r="AE6071">
        <v>43051.578049999996</v>
      </c>
      <c r="AF6071">
        <v>51031.570110000001</v>
      </c>
      <c r="AG6071">
        <v>24667.775580000001</v>
      </c>
      <c r="AH6071">
        <v>290658.32</v>
      </c>
      <c r="AI6071">
        <v>79595.730679999993</v>
      </c>
      <c r="AJ6071">
        <v>17657.4928</v>
      </c>
      <c r="AK6071">
        <v>33902.289230000002</v>
      </c>
      <c r="AL6071">
        <v>87241.295580000005</v>
      </c>
      <c r="AM6071">
        <v>19109.019230000002</v>
      </c>
      <c r="AN6071">
        <v>78776.804539999997</v>
      </c>
      <c r="AO6071">
        <v>26055.974300000002</v>
      </c>
      <c r="AP6071">
        <v>14673.906929999999</v>
      </c>
    </row>
    <row r="6072" spans="2:42" x14ac:dyDescent="0.3">
      <c r="B6072">
        <v>56.295963089541118</v>
      </c>
      <c r="C6072" s="83">
        <v>43353.916666666664</v>
      </c>
      <c r="D6072">
        <v>242147.79120000001</v>
      </c>
      <c r="E6072">
        <v>14130.31618</v>
      </c>
      <c r="F6072">
        <v>58814.335780000001</v>
      </c>
      <c r="G6072">
        <v>33630.074549999998</v>
      </c>
      <c r="H6072">
        <v>36510.517930000002</v>
      </c>
      <c r="I6072">
        <v>24709.479869999999</v>
      </c>
      <c r="J6072">
        <v>40896.971449999997</v>
      </c>
      <c r="K6072">
        <v>53060.015789999998</v>
      </c>
      <c r="L6072">
        <v>21954.136829999999</v>
      </c>
      <c r="M6072">
        <v>287023.07299999997</v>
      </c>
      <c r="N6072">
        <v>78082.003840000005</v>
      </c>
      <c r="O6072">
        <v>16928.626840000001</v>
      </c>
      <c r="P6072">
        <v>35028.222999999998</v>
      </c>
      <c r="Q6072">
        <v>86203.192790000001</v>
      </c>
      <c r="R6072">
        <v>19865.794529999999</v>
      </c>
      <c r="S6072">
        <v>76879.871150000006</v>
      </c>
      <c r="T6072">
        <v>21934.716329999999</v>
      </c>
      <c r="U6072">
        <v>14488.3367</v>
      </c>
      <c r="W6072" s="83">
        <f>Bühler!N6104</f>
        <v>45544.916666651945</v>
      </c>
      <c r="X6072" s="83">
        <v>43353.916666666664</v>
      </c>
      <c r="Y6072">
        <v>242147.79120000001</v>
      </c>
      <c r="Z6072">
        <v>14130.31618</v>
      </c>
      <c r="AA6072">
        <v>58814.335780000001</v>
      </c>
      <c r="AB6072">
        <v>33630.074549999998</v>
      </c>
      <c r="AC6072">
        <v>36510.517930000002</v>
      </c>
      <c r="AD6072">
        <v>24709.479869999999</v>
      </c>
      <c r="AE6072">
        <v>40896.971449999997</v>
      </c>
      <c r="AF6072">
        <v>53060.015789999998</v>
      </c>
      <c r="AG6072">
        <v>21954.136829999999</v>
      </c>
      <c r="AH6072">
        <v>287023.07299999997</v>
      </c>
      <c r="AI6072">
        <v>78082.003840000005</v>
      </c>
      <c r="AJ6072">
        <v>16928.626840000001</v>
      </c>
      <c r="AK6072">
        <v>35028.222999999998</v>
      </c>
      <c r="AL6072">
        <v>86203.192790000001</v>
      </c>
      <c r="AM6072">
        <v>19865.794529999999</v>
      </c>
      <c r="AN6072">
        <v>76879.871150000006</v>
      </c>
      <c r="AO6072">
        <v>21934.716329999999</v>
      </c>
      <c r="AP6072">
        <v>14488.3367</v>
      </c>
    </row>
    <row r="6073" spans="2:42" x14ac:dyDescent="0.3">
      <c r="B6073">
        <v>55.555636499770557</v>
      </c>
      <c r="C6073" s="83">
        <v>43353.958333333336</v>
      </c>
      <c r="D6073">
        <v>241371.16709999999</v>
      </c>
      <c r="E6073">
        <v>13584.58203</v>
      </c>
      <c r="F6073">
        <v>57187.675130000003</v>
      </c>
      <c r="G6073">
        <v>32983.318099999997</v>
      </c>
      <c r="H6073">
        <v>35635.560409999998</v>
      </c>
      <c r="I6073">
        <v>23621.7418</v>
      </c>
      <c r="J6073">
        <v>37769.126429999997</v>
      </c>
      <c r="K6073">
        <v>51880.26829</v>
      </c>
      <c r="L6073">
        <v>19199.793849999998</v>
      </c>
      <c r="M6073">
        <v>283248.5428</v>
      </c>
      <c r="N6073">
        <v>75518.151880000005</v>
      </c>
      <c r="O6073">
        <v>16993.070919999998</v>
      </c>
      <c r="P6073">
        <v>30134.99368</v>
      </c>
      <c r="Q6073">
        <v>86063.363630000007</v>
      </c>
      <c r="R6073">
        <v>19061.666659999999</v>
      </c>
      <c r="S6073">
        <v>74376.983089999994</v>
      </c>
      <c r="T6073">
        <v>19662.820500000002</v>
      </c>
      <c r="U6073">
        <v>14037.572169999999</v>
      </c>
      <c r="W6073" s="83">
        <f>Bühler!N6105</f>
        <v>45544.958333318609</v>
      </c>
      <c r="X6073" s="83">
        <v>43353.958333333336</v>
      </c>
      <c r="Y6073">
        <v>241371.16709999999</v>
      </c>
      <c r="Z6073">
        <v>13584.58203</v>
      </c>
      <c r="AA6073">
        <v>57187.675130000003</v>
      </c>
      <c r="AB6073">
        <v>32983.318099999997</v>
      </c>
      <c r="AC6073">
        <v>35635.560409999998</v>
      </c>
      <c r="AD6073">
        <v>23621.7418</v>
      </c>
      <c r="AE6073">
        <v>37769.126429999997</v>
      </c>
      <c r="AF6073">
        <v>51880.26829</v>
      </c>
      <c r="AG6073">
        <v>19199.793849999998</v>
      </c>
      <c r="AH6073">
        <v>283248.5428</v>
      </c>
      <c r="AI6073">
        <v>75518.151880000005</v>
      </c>
      <c r="AJ6073">
        <v>16993.070919999998</v>
      </c>
      <c r="AK6073">
        <v>30134.99368</v>
      </c>
      <c r="AL6073">
        <v>86063.363630000007</v>
      </c>
      <c r="AM6073">
        <v>19061.666659999999</v>
      </c>
      <c r="AN6073">
        <v>74376.983089999994</v>
      </c>
      <c r="AO6073">
        <v>19662.820500000002</v>
      </c>
      <c r="AP6073">
        <v>14037.572169999999</v>
      </c>
    </row>
    <row r="6074" spans="2:42" x14ac:dyDescent="0.3">
      <c r="B6074">
        <v>54.950597063770914</v>
      </c>
      <c r="C6074" s="83">
        <v>43354</v>
      </c>
      <c r="D6074">
        <v>239403.84359999999</v>
      </c>
      <c r="E6074">
        <v>13064.205099999999</v>
      </c>
      <c r="F6074">
        <v>55646.708229999997</v>
      </c>
      <c r="G6074">
        <v>32126.697530000001</v>
      </c>
      <c r="H6074">
        <v>34980.58653</v>
      </c>
      <c r="I6074">
        <v>21859.654709999999</v>
      </c>
      <c r="J6074">
        <v>34766.386160000002</v>
      </c>
      <c r="K6074">
        <v>49373.724309999998</v>
      </c>
      <c r="L6074">
        <v>17267.08466</v>
      </c>
      <c r="M6074">
        <v>280163.7696</v>
      </c>
      <c r="N6074">
        <v>74471.35987</v>
      </c>
      <c r="O6074">
        <v>17466.6829</v>
      </c>
      <c r="P6074">
        <v>27284.47264</v>
      </c>
      <c r="Q6074">
        <v>85460.020380000002</v>
      </c>
      <c r="R6074">
        <v>16772.430369999998</v>
      </c>
      <c r="S6074">
        <v>73219.81005</v>
      </c>
      <c r="T6074">
        <v>18771.830689999999</v>
      </c>
      <c r="U6074">
        <v>13702.27831</v>
      </c>
      <c r="W6074" s="83">
        <f>Bühler!N6106</f>
        <v>45544.999999985273</v>
      </c>
      <c r="X6074" s="83">
        <v>43354</v>
      </c>
      <c r="Y6074">
        <v>239403.84359999999</v>
      </c>
      <c r="Z6074">
        <v>13064.205099999999</v>
      </c>
      <c r="AA6074">
        <v>55646.708229999997</v>
      </c>
      <c r="AB6074">
        <v>32126.697530000001</v>
      </c>
      <c r="AC6074">
        <v>34980.58653</v>
      </c>
      <c r="AD6074">
        <v>21859.654709999999</v>
      </c>
      <c r="AE6074">
        <v>34766.386160000002</v>
      </c>
      <c r="AF6074">
        <v>49373.724309999998</v>
      </c>
      <c r="AG6074">
        <v>17267.08466</v>
      </c>
      <c r="AH6074">
        <v>280163.7696</v>
      </c>
      <c r="AI6074">
        <v>74471.35987</v>
      </c>
      <c r="AJ6074">
        <v>17466.6829</v>
      </c>
      <c r="AK6074">
        <v>27284.47264</v>
      </c>
      <c r="AL6074">
        <v>85460.020380000002</v>
      </c>
      <c r="AM6074">
        <v>16772.430369999998</v>
      </c>
      <c r="AN6074">
        <v>73219.81005</v>
      </c>
      <c r="AO6074">
        <v>18771.830689999999</v>
      </c>
      <c r="AP6074">
        <v>13702.27831</v>
      </c>
    </row>
    <row r="6075" spans="2:42" x14ac:dyDescent="0.3">
      <c r="B6075">
        <v>54.54563750112564</v>
      </c>
      <c r="C6075" s="83">
        <v>43354.041666666664</v>
      </c>
      <c r="D6075">
        <v>236976.48689999999</v>
      </c>
      <c r="E6075">
        <v>12783.200080000001</v>
      </c>
      <c r="F6075">
        <v>55715.374040000002</v>
      </c>
      <c r="G6075">
        <v>31728.647720000001</v>
      </c>
      <c r="H6075">
        <v>34110.329019999997</v>
      </c>
      <c r="I6075">
        <v>18087.535039999999</v>
      </c>
      <c r="J6075">
        <v>33636.110509999999</v>
      </c>
      <c r="K6075">
        <v>47864.43273</v>
      </c>
      <c r="L6075">
        <v>16422.053790000002</v>
      </c>
      <c r="M6075">
        <v>278099.0969</v>
      </c>
      <c r="N6075">
        <v>74120.124479999999</v>
      </c>
      <c r="O6075">
        <v>16726.737539999998</v>
      </c>
      <c r="P6075">
        <v>25097.252649999999</v>
      </c>
      <c r="Q6075">
        <v>85834.056460000007</v>
      </c>
      <c r="R6075">
        <v>15159.597959999999</v>
      </c>
      <c r="S6075">
        <v>71822.37586</v>
      </c>
      <c r="T6075">
        <v>18104.520329999999</v>
      </c>
      <c r="U6075">
        <v>13333.86138</v>
      </c>
      <c r="W6075" s="83">
        <f>Bühler!N6107</f>
        <v>45545.041666651938</v>
      </c>
      <c r="X6075" s="83">
        <v>43354.041666666664</v>
      </c>
      <c r="Y6075">
        <v>236976.48689999999</v>
      </c>
      <c r="Z6075">
        <v>12783.200080000001</v>
      </c>
      <c r="AA6075">
        <v>55715.374040000002</v>
      </c>
      <c r="AB6075">
        <v>31728.647720000001</v>
      </c>
      <c r="AC6075">
        <v>34110.329019999997</v>
      </c>
      <c r="AD6075">
        <v>18087.535039999999</v>
      </c>
      <c r="AE6075">
        <v>33636.110509999999</v>
      </c>
      <c r="AF6075">
        <v>47864.43273</v>
      </c>
      <c r="AG6075">
        <v>16422.053790000002</v>
      </c>
      <c r="AH6075">
        <v>278099.0969</v>
      </c>
      <c r="AI6075">
        <v>74120.124479999999</v>
      </c>
      <c r="AJ6075">
        <v>16726.737539999998</v>
      </c>
      <c r="AK6075">
        <v>25097.252649999999</v>
      </c>
      <c r="AL6075">
        <v>85834.056460000007</v>
      </c>
      <c r="AM6075">
        <v>15159.597959999999</v>
      </c>
      <c r="AN6075">
        <v>71822.37586</v>
      </c>
      <c r="AO6075">
        <v>18104.520329999999</v>
      </c>
      <c r="AP6075">
        <v>13333.86138</v>
      </c>
    </row>
    <row r="6076" spans="2:42" x14ac:dyDescent="0.3">
      <c r="B6076">
        <v>54.687559826677848</v>
      </c>
      <c r="C6076" s="83">
        <v>43354.083333333336</v>
      </c>
      <c r="D6076">
        <v>238143.80429999999</v>
      </c>
      <c r="E6076">
        <v>12704.786270000001</v>
      </c>
      <c r="F6076">
        <v>55890.540200000003</v>
      </c>
      <c r="G6076">
        <v>31018.364720000001</v>
      </c>
      <c r="H6076">
        <v>34117.525880000001</v>
      </c>
      <c r="I6076">
        <v>16534.039919999999</v>
      </c>
      <c r="J6076">
        <v>33518.962549999997</v>
      </c>
      <c r="K6076">
        <v>46895.235619999999</v>
      </c>
      <c r="L6076">
        <v>16083.585800000001</v>
      </c>
      <c r="M6076">
        <v>278822.68310000002</v>
      </c>
      <c r="N6076">
        <v>72912.8122</v>
      </c>
      <c r="O6076">
        <v>17303.872510000001</v>
      </c>
      <c r="P6076">
        <v>24218.331559999999</v>
      </c>
      <c r="Q6076">
        <v>86785.999760000006</v>
      </c>
      <c r="R6076">
        <v>15611.737709999999</v>
      </c>
      <c r="S6076">
        <v>71010.976859999995</v>
      </c>
      <c r="T6076">
        <v>17885.374059999998</v>
      </c>
      <c r="U6076">
        <v>13006.72039</v>
      </c>
      <c r="W6076" s="83">
        <f>Bühler!N6108</f>
        <v>45545.083333318602</v>
      </c>
      <c r="X6076" s="83">
        <v>43354.083333333336</v>
      </c>
      <c r="Y6076">
        <v>238143.80429999999</v>
      </c>
      <c r="Z6076">
        <v>12704.786270000001</v>
      </c>
      <c r="AA6076">
        <v>55890.540200000003</v>
      </c>
      <c r="AB6076">
        <v>31018.364720000001</v>
      </c>
      <c r="AC6076">
        <v>34117.525880000001</v>
      </c>
      <c r="AD6076">
        <v>16534.039919999999</v>
      </c>
      <c r="AE6076">
        <v>33518.962549999997</v>
      </c>
      <c r="AF6076">
        <v>46895.235619999999</v>
      </c>
      <c r="AG6076">
        <v>16083.585800000001</v>
      </c>
      <c r="AH6076">
        <v>278822.68310000002</v>
      </c>
      <c r="AI6076">
        <v>72912.8122</v>
      </c>
      <c r="AJ6076">
        <v>17303.872510000001</v>
      </c>
      <c r="AK6076">
        <v>24218.331559999999</v>
      </c>
      <c r="AL6076">
        <v>86785.999760000006</v>
      </c>
      <c r="AM6076">
        <v>15611.737709999999</v>
      </c>
      <c r="AN6076">
        <v>71010.976859999995</v>
      </c>
      <c r="AO6076">
        <v>17885.374059999998</v>
      </c>
      <c r="AP6076">
        <v>13006.72039</v>
      </c>
    </row>
    <row r="6077" spans="2:42" x14ac:dyDescent="0.3">
      <c r="B6077">
        <v>55.353620671692155</v>
      </c>
      <c r="C6077" s="83">
        <v>43354.125</v>
      </c>
      <c r="D6077">
        <v>238618.54560000001</v>
      </c>
      <c r="E6077">
        <v>12724.619699999999</v>
      </c>
      <c r="F6077">
        <v>57301.32243</v>
      </c>
      <c r="G6077">
        <v>30408.194640000002</v>
      </c>
      <c r="H6077">
        <v>33853.469010000001</v>
      </c>
      <c r="I6077">
        <v>16437.305090000002</v>
      </c>
      <c r="J6077">
        <v>33150.953659999999</v>
      </c>
      <c r="K6077">
        <v>45481.323940000002</v>
      </c>
      <c r="L6077">
        <v>15819.25966</v>
      </c>
      <c r="M6077">
        <v>282218.57189999998</v>
      </c>
      <c r="N6077">
        <v>71731.046690000003</v>
      </c>
      <c r="O6077">
        <v>17117.526000000002</v>
      </c>
      <c r="P6077">
        <v>23354.59318</v>
      </c>
      <c r="Q6077">
        <v>91135.835300000006</v>
      </c>
      <c r="R6077">
        <v>14756.44024</v>
      </c>
      <c r="S6077">
        <v>70570.064069999993</v>
      </c>
      <c r="T6077">
        <v>17746.011399999999</v>
      </c>
      <c r="U6077">
        <v>12984.374680000001</v>
      </c>
      <c r="W6077" s="83">
        <f>Bühler!N6109</f>
        <v>45545.124999985266</v>
      </c>
      <c r="X6077" s="83">
        <v>43354.125</v>
      </c>
      <c r="Y6077">
        <v>238618.54560000001</v>
      </c>
      <c r="Z6077">
        <v>12724.619699999999</v>
      </c>
      <c r="AA6077">
        <v>57301.32243</v>
      </c>
      <c r="AB6077">
        <v>30408.194640000002</v>
      </c>
      <c r="AC6077">
        <v>33853.469010000001</v>
      </c>
      <c r="AD6077">
        <v>16437.305090000002</v>
      </c>
      <c r="AE6077">
        <v>33150.953659999999</v>
      </c>
      <c r="AF6077">
        <v>45481.323940000002</v>
      </c>
      <c r="AG6077">
        <v>15819.25966</v>
      </c>
      <c r="AH6077">
        <v>282218.57189999998</v>
      </c>
      <c r="AI6077">
        <v>71731.046690000003</v>
      </c>
      <c r="AJ6077">
        <v>17117.526000000002</v>
      </c>
      <c r="AK6077">
        <v>23354.59318</v>
      </c>
      <c r="AL6077">
        <v>91135.835300000006</v>
      </c>
      <c r="AM6077">
        <v>14756.44024</v>
      </c>
      <c r="AN6077">
        <v>70570.064069999993</v>
      </c>
      <c r="AO6077">
        <v>17746.011399999999</v>
      </c>
      <c r="AP6077">
        <v>12984.374680000001</v>
      </c>
    </row>
    <row r="6078" spans="2:42" x14ac:dyDescent="0.3">
      <c r="B6078">
        <v>56.981288767038841</v>
      </c>
      <c r="C6078" s="83">
        <v>43354.166666666664</v>
      </c>
      <c r="D6078">
        <v>241088.56719999999</v>
      </c>
      <c r="E6078">
        <v>13235.271849999999</v>
      </c>
      <c r="F6078">
        <v>60419.10787</v>
      </c>
      <c r="G6078">
        <v>29514.564719999998</v>
      </c>
      <c r="H6078">
        <v>34054.885569999999</v>
      </c>
      <c r="I6078">
        <v>17756.460869999999</v>
      </c>
      <c r="J6078">
        <v>34865.702850000001</v>
      </c>
      <c r="K6078">
        <v>44518.92987</v>
      </c>
      <c r="L6078">
        <v>15537.11355</v>
      </c>
      <c r="M6078">
        <v>290517.18290000001</v>
      </c>
      <c r="N6078">
        <v>71324.61563</v>
      </c>
      <c r="O6078">
        <v>16870.25664</v>
      </c>
      <c r="P6078">
        <v>23191.07762</v>
      </c>
      <c r="Q6078">
        <v>94881.877569999997</v>
      </c>
      <c r="R6078">
        <v>14324.8302</v>
      </c>
      <c r="S6078">
        <v>71057.952860000005</v>
      </c>
      <c r="T6078">
        <v>17246.764500000001</v>
      </c>
      <c r="U6078">
        <v>13250.529710000001</v>
      </c>
      <c r="W6078" s="83">
        <f>Bühler!N6110</f>
        <v>45545.16666665193</v>
      </c>
      <c r="X6078" s="83">
        <v>43354.166666666664</v>
      </c>
      <c r="Y6078">
        <v>241088.56719999999</v>
      </c>
      <c r="Z6078">
        <v>13235.271849999999</v>
      </c>
      <c r="AA6078">
        <v>60419.10787</v>
      </c>
      <c r="AB6078">
        <v>29514.564719999998</v>
      </c>
      <c r="AC6078">
        <v>34054.885569999999</v>
      </c>
      <c r="AD6078">
        <v>17756.460869999999</v>
      </c>
      <c r="AE6078">
        <v>34865.702850000001</v>
      </c>
      <c r="AF6078">
        <v>44518.92987</v>
      </c>
      <c r="AG6078">
        <v>15537.11355</v>
      </c>
      <c r="AH6078">
        <v>290517.18290000001</v>
      </c>
      <c r="AI6078">
        <v>71324.61563</v>
      </c>
      <c r="AJ6078">
        <v>16870.25664</v>
      </c>
      <c r="AK6078">
        <v>23191.07762</v>
      </c>
      <c r="AL6078">
        <v>94881.877569999997</v>
      </c>
      <c r="AM6078">
        <v>14324.8302</v>
      </c>
      <c r="AN6078">
        <v>71057.952860000005</v>
      </c>
      <c r="AO6078">
        <v>17246.764500000001</v>
      </c>
      <c r="AP6078">
        <v>13250.529710000001</v>
      </c>
    </row>
    <row r="6079" spans="2:42" x14ac:dyDescent="0.3">
      <c r="B6079">
        <v>60.28919755153246</v>
      </c>
      <c r="C6079" s="83">
        <v>43354.208333333336</v>
      </c>
      <c r="D6079">
        <v>255355.19690000001</v>
      </c>
      <c r="E6079">
        <v>14955.127409999999</v>
      </c>
      <c r="F6079">
        <v>67743.455159999998</v>
      </c>
      <c r="G6079">
        <v>31631.23575</v>
      </c>
      <c r="H6079">
        <v>36028.147140000001</v>
      </c>
      <c r="I6079">
        <v>24570.656859999999</v>
      </c>
      <c r="J6079">
        <v>38322.043250000002</v>
      </c>
      <c r="K6079">
        <v>45466.369339999997</v>
      </c>
      <c r="L6079">
        <v>16766.739399999999</v>
      </c>
      <c r="M6079">
        <v>307382.44449999998</v>
      </c>
      <c r="N6079">
        <v>71879.437640000004</v>
      </c>
      <c r="O6079">
        <v>17059.155549999999</v>
      </c>
      <c r="P6079">
        <v>24527.936689999999</v>
      </c>
      <c r="Q6079">
        <v>98555.775349999996</v>
      </c>
      <c r="R6079">
        <v>16139.97214</v>
      </c>
      <c r="S6079">
        <v>72939.843590000004</v>
      </c>
      <c r="T6079">
        <v>18913.629970000002</v>
      </c>
      <c r="U6079">
        <v>15480.98173</v>
      </c>
      <c r="W6079" s="83">
        <f>Bühler!N6111</f>
        <v>45545.208333318595</v>
      </c>
      <c r="X6079" s="83">
        <v>43354.208333333336</v>
      </c>
      <c r="Y6079">
        <v>255355.19690000001</v>
      </c>
      <c r="Z6079">
        <v>14955.127409999999</v>
      </c>
      <c r="AA6079">
        <v>67743.455159999998</v>
      </c>
      <c r="AB6079">
        <v>31631.23575</v>
      </c>
      <c r="AC6079">
        <v>36028.147140000001</v>
      </c>
      <c r="AD6079">
        <v>24570.656859999999</v>
      </c>
      <c r="AE6079">
        <v>38322.043250000002</v>
      </c>
      <c r="AF6079">
        <v>45466.369339999997</v>
      </c>
      <c r="AG6079">
        <v>16766.739399999999</v>
      </c>
      <c r="AH6079">
        <v>307382.44449999998</v>
      </c>
      <c r="AI6079">
        <v>71879.437640000004</v>
      </c>
      <c r="AJ6079">
        <v>17059.155549999999</v>
      </c>
      <c r="AK6079">
        <v>24527.936689999999</v>
      </c>
      <c r="AL6079">
        <v>98555.775349999996</v>
      </c>
      <c r="AM6079">
        <v>16139.97214</v>
      </c>
      <c r="AN6079">
        <v>72939.843590000004</v>
      </c>
      <c r="AO6079">
        <v>18913.629970000002</v>
      </c>
      <c r="AP6079">
        <v>15480.98173</v>
      </c>
    </row>
    <row r="6080" spans="2:42" x14ac:dyDescent="0.3">
      <c r="B6080">
        <v>63.38923045160994</v>
      </c>
      <c r="C6080" s="83">
        <v>43354.25</v>
      </c>
      <c r="D6080">
        <v>273439.67450000002</v>
      </c>
      <c r="E6080">
        <v>18734.84016</v>
      </c>
      <c r="F6080">
        <v>79982.460919999998</v>
      </c>
      <c r="G6080">
        <v>42010.157550000004</v>
      </c>
      <c r="H6080">
        <v>39011.113069999999</v>
      </c>
      <c r="I6080">
        <v>32458.751550000001</v>
      </c>
      <c r="J6080">
        <v>42910.222170000001</v>
      </c>
      <c r="K6080">
        <v>47682.785309999999</v>
      </c>
      <c r="L6080">
        <v>18158.47738</v>
      </c>
      <c r="M6080">
        <v>323187.8579</v>
      </c>
      <c r="N6080">
        <v>75480.183210000003</v>
      </c>
      <c r="O6080">
        <v>18838.693950000001</v>
      </c>
      <c r="P6080">
        <v>25950.28702</v>
      </c>
      <c r="Q6080">
        <v>99260.466719999997</v>
      </c>
      <c r="R6080">
        <v>17411.55948</v>
      </c>
      <c r="S6080">
        <v>81664.252290000004</v>
      </c>
      <c r="T6080">
        <v>21199.06972</v>
      </c>
      <c r="U6080">
        <v>18342.92195</v>
      </c>
      <c r="W6080" s="83">
        <f>Bühler!N6112</f>
        <v>45545.249999985259</v>
      </c>
      <c r="X6080" s="83">
        <v>43354.25</v>
      </c>
      <c r="Y6080">
        <v>273439.67450000002</v>
      </c>
      <c r="Z6080">
        <v>18734.84016</v>
      </c>
      <c r="AA6080">
        <v>79982.460919999998</v>
      </c>
      <c r="AB6080">
        <v>42010.157550000004</v>
      </c>
      <c r="AC6080">
        <v>39011.113069999999</v>
      </c>
      <c r="AD6080">
        <v>32458.751550000001</v>
      </c>
      <c r="AE6080">
        <v>42910.222170000001</v>
      </c>
      <c r="AF6080">
        <v>47682.785309999999</v>
      </c>
      <c r="AG6080">
        <v>18158.47738</v>
      </c>
      <c r="AH6080">
        <v>323187.8579</v>
      </c>
      <c r="AI6080">
        <v>75480.183210000003</v>
      </c>
      <c r="AJ6080">
        <v>18838.693950000001</v>
      </c>
      <c r="AK6080">
        <v>25950.28702</v>
      </c>
      <c r="AL6080">
        <v>99260.466719999997</v>
      </c>
      <c r="AM6080">
        <v>17411.55948</v>
      </c>
      <c r="AN6080">
        <v>81664.252290000004</v>
      </c>
      <c r="AO6080">
        <v>21199.06972</v>
      </c>
      <c r="AP6080">
        <v>18342.92195</v>
      </c>
    </row>
    <row r="6081" spans="2:42" x14ac:dyDescent="0.3">
      <c r="B6081">
        <v>65.828256477469765</v>
      </c>
      <c r="C6081" s="83">
        <v>43354.291666666664</v>
      </c>
      <c r="D6081">
        <v>285277.75550000003</v>
      </c>
      <c r="E6081">
        <v>23245.26166</v>
      </c>
      <c r="F6081">
        <v>82985.935500000007</v>
      </c>
      <c r="G6081">
        <v>52393.296990000003</v>
      </c>
      <c r="H6081">
        <v>43534.286800000002</v>
      </c>
      <c r="I6081">
        <v>39573.983619999999</v>
      </c>
      <c r="J6081">
        <v>44045.507980000002</v>
      </c>
      <c r="K6081">
        <v>52921.841820000001</v>
      </c>
      <c r="L6081">
        <v>20956.591110000001</v>
      </c>
      <c r="M6081">
        <v>335623.15</v>
      </c>
      <c r="N6081">
        <v>83029.388529999997</v>
      </c>
      <c r="O6081">
        <v>20848.386930000001</v>
      </c>
      <c r="P6081">
        <v>29921.773789999999</v>
      </c>
      <c r="Q6081">
        <v>98579.547040000005</v>
      </c>
      <c r="R6081">
        <v>20753.362819999998</v>
      </c>
      <c r="S6081">
        <v>96810.971430000005</v>
      </c>
      <c r="T6081">
        <v>25806.26945</v>
      </c>
      <c r="U6081">
        <v>22822.73128</v>
      </c>
      <c r="W6081" s="83">
        <f>Bühler!N6113</f>
        <v>45545.291666651923</v>
      </c>
      <c r="X6081" s="83">
        <v>43354.291666666664</v>
      </c>
      <c r="Y6081">
        <v>285277.75550000003</v>
      </c>
      <c r="Z6081">
        <v>23245.26166</v>
      </c>
      <c r="AA6081">
        <v>82985.935500000007</v>
      </c>
      <c r="AB6081">
        <v>52393.296990000003</v>
      </c>
      <c r="AC6081">
        <v>43534.286800000002</v>
      </c>
      <c r="AD6081">
        <v>39573.983619999999</v>
      </c>
      <c r="AE6081">
        <v>44045.507980000002</v>
      </c>
      <c r="AF6081">
        <v>52921.841820000001</v>
      </c>
      <c r="AG6081">
        <v>20956.591110000001</v>
      </c>
      <c r="AH6081">
        <v>335623.15</v>
      </c>
      <c r="AI6081">
        <v>83029.388529999997</v>
      </c>
      <c r="AJ6081">
        <v>20848.386930000001</v>
      </c>
      <c r="AK6081">
        <v>29921.773789999999</v>
      </c>
      <c r="AL6081">
        <v>98579.547040000005</v>
      </c>
      <c r="AM6081">
        <v>20753.362819999998</v>
      </c>
      <c r="AN6081">
        <v>96810.971430000005</v>
      </c>
      <c r="AO6081">
        <v>25806.26945</v>
      </c>
      <c r="AP6081">
        <v>22822.73128</v>
      </c>
    </row>
    <row r="6082" spans="2:42" x14ac:dyDescent="0.3">
      <c r="B6082">
        <v>66.829900826472397</v>
      </c>
      <c r="C6082" s="83">
        <v>43354.333333333336</v>
      </c>
      <c r="D6082">
        <v>295836.8933</v>
      </c>
      <c r="E6082">
        <v>29325.517479999999</v>
      </c>
      <c r="F6082">
        <v>88220.921400000007</v>
      </c>
      <c r="G6082">
        <v>65733.911229999998</v>
      </c>
      <c r="H6082">
        <v>48417.792020000001</v>
      </c>
      <c r="I6082">
        <v>42680.564850000002</v>
      </c>
      <c r="J6082">
        <v>45364.230779999998</v>
      </c>
      <c r="K6082">
        <v>59378.141609999999</v>
      </c>
      <c r="L6082">
        <v>24117.442029999998</v>
      </c>
      <c r="M6082">
        <v>340730</v>
      </c>
      <c r="N6082">
        <v>92072.768500000006</v>
      </c>
      <c r="O6082">
        <v>21828.098770000001</v>
      </c>
      <c r="P6082">
        <v>32331.402259999999</v>
      </c>
      <c r="Q6082">
        <v>99020.588359999994</v>
      </c>
      <c r="R6082">
        <v>21447.51441</v>
      </c>
      <c r="S6082">
        <v>108751.7972</v>
      </c>
      <c r="T6082">
        <v>28216.601429999999</v>
      </c>
      <c r="U6082">
        <v>25971.722829999999</v>
      </c>
      <c r="W6082" s="83">
        <f>Bühler!N6114</f>
        <v>45545.333333318587</v>
      </c>
      <c r="X6082" s="83">
        <v>43354.333333333336</v>
      </c>
      <c r="Y6082">
        <v>295836.8933</v>
      </c>
      <c r="Z6082">
        <v>29325.517479999999</v>
      </c>
      <c r="AA6082">
        <v>88220.921400000007</v>
      </c>
      <c r="AB6082">
        <v>65733.911229999998</v>
      </c>
      <c r="AC6082">
        <v>48417.792020000001</v>
      </c>
      <c r="AD6082">
        <v>42680.564850000002</v>
      </c>
      <c r="AE6082">
        <v>45364.230779999998</v>
      </c>
      <c r="AF6082">
        <v>59378.141609999999</v>
      </c>
      <c r="AG6082">
        <v>24117.442029999998</v>
      </c>
      <c r="AH6082">
        <v>340730</v>
      </c>
      <c r="AI6082">
        <v>92072.768500000006</v>
      </c>
      <c r="AJ6082">
        <v>21828.098770000001</v>
      </c>
      <c r="AK6082">
        <v>32331.402259999999</v>
      </c>
      <c r="AL6082">
        <v>99020.588359999994</v>
      </c>
      <c r="AM6082">
        <v>21447.51441</v>
      </c>
      <c r="AN6082">
        <v>108751.7972</v>
      </c>
      <c r="AO6082">
        <v>28216.601429999999</v>
      </c>
      <c r="AP6082">
        <v>25971.722829999999</v>
      </c>
    </row>
    <row r="6083" spans="2:42" x14ac:dyDescent="0.3">
      <c r="B6083">
        <v>66.882423719052142</v>
      </c>
      <c r="C6083" s="83">
        <v>43354.375</v>
      </c>
      <c r="D6083">
        <v>297471.17800000001</v>
      </c>
      <c r="E6083">
        <v>33748.491459999997</v>
      </c>
      <c r="F6083">
        <v>93776.034230000005</v>
      </c>
      <c r="G6083">
        <v>73441.594630000007</v>
      </c>
      <c r="H6083">
        <v>50987.622730000003</v>
      </c>
      <c r="I6083">
        <v>41443.359759999999</v>
      </c>
      <c r="J6083">
        <v>45928.854220000001</v>
      </c>
      <c r="K6083">
        <v>61735.005920000003</v>
      </c>
      <c r="L6083">
        <v>26688.176599999999</v>
      </c>
      <c r="M6083">
        <v>340997.78619999997</v>
      </c>
      <c r="N6083">
        <v>96383.175159999999</v>
      </c>
      <c r="O6083">
        <v>23044.20362</v>
      </c>
      <c r="P6083">
        <v>33984.501900000003</v>
      </c>
      <c r="Q6083">
        <v>99940.324619999999</v>
      </c>
      <c r="R6083">
        <v>22150.833279999999</v>
      </c>
      <c r="S6083">
        <v>114851.1624</v>
      </c>
      <c r="T6083">
        <v>30820.399839999998</v>
      </c>
      <c r="U6083">
        <v>26532.339739999999</v>
      </c>
      <c r="W6083" s="83">
        <f>Bühler!N6115</f>
        <v>45545.374999985252</v>
      </c>
      <c r="X6083" s="83">
        <v>43354.375</v>
      </c>
      <c r="Y6083">
        <v>297471.17800000001</v>
      </c>
      <c r="Z6083">
        <v>33748.491459999997</v>
      </c>
      <c r="AA6083">
        <v>93776.034230000005</v>
      </c>
      <c r="AB6083">
        <v>73441.594630000007</v>
      </c>
      <c r="AC6083">
        <v>50987.622730000003</v>
      </c>
      <c r="AD6083">
        <v>41443.359759999999</v>
      </c>
      <c r="AE6083">
        <v>45928.854220000001</v>
      </c>
      <c r="AF6083">
        <v>61735.005920000003</v>
      </c>
      <c r="AG6083">
        <v>26688.176599999999</v>
      </c>
      <c r="AH6083">
        <v>340997.78619999997</v>
      </c>
      <c r="AI6083">
        <v>96383.175159999999</v>
      </c>
      <c r="AJ6083">
        <v>23044.20362</v>
      </c>
      <c r="AK6083">
        <v>33984.501900000003</v>
      </c>
      <c r="AL6083">
        <v>99940.324619999999</v>
      </c>
      <c r="AM6083">
        <v>22150.833279999999</v>
      </c>
      <c r="AN6083">
        <v>114851.1624</v>
      </c>
      <c r="AO6083">
        <v>30820.399839999998</v>
      </c>
      <c r="AP6083">
        <v>26532.339739999999</v>
      </c>
    </row>
    <row r="6084" spans="2:42" x14ac:dyDescent="0.3">
      <c r="B6084">
        <v>67.946616093011968</v>
      </c>
      <c r="C6084" s="83">
        <v>43354.416666666664</v>
      </c>
      <c r="D6084">
        <v>301365.87430000002</v>
      </c>
      <c r="E6084">
        <v>35245.614090000003</v>
      </c>
      <c r="F6084">
        <v>95771.159350000002</v>
      </c>
      <c r="G6084">
        <v>75253.334149999995</v>
      </c>
      <c r="H6084">
        <v>51978.5288</v>
      </c>
      <c r="I6084">
        <v>38776.398110000002</v>
      </c>
      <c r="J6084">
        <v>45511.28832</v>
      </c>
      <c r="K6084">
        <v>63633.747380000001</v>
      </c>
      <c r="L6084">
        <v>29518.194909999998</v>
      </c>
      <c r="M6084">
        <v>346423.53519999998</v>
      </c>
      <c r="N6084">
        <v>99952.231119999997</v>
      </c>
      <c r="O6084">
        <v>23938.760200000001</v>
      </c>
      <c r="P6084">
        <v>35455.358719999997</v>
      </c>
      <c r="Q6084">
        <v>102338.3158</v>
      </c>
      <c r="R6084">
        <v>23135.85252</v>
      </c>
      <c r="S6084">
        <v>116793.7772</v>
      </c>
      <c r="T6084">
        <v>32554.338339999998</v>
      </c>
      <c r="U6084">
        <v>26174.405200000001</v>
      </c>
      <c r="W6084" s="83">
        <f>Bühler!N6116</f>
        <v>45545.416666651916</v>
      </c>
      <c r="X6084" s="83">
        <v>43354.416666666664</v>
      </c>
      <c r="Y6084">
        <v>301365.87430000002</v>
      </c>
      <c r="Z6084">
        <v>35245.614090000003</v>
      </c>
      <c r="AA6084">
        <v>95771.159350000002</v>
      </c>
      <c r="AB6084">
        <v>75253.334149999995</v>
      </c>
      <c r="AC6084">
        <v>51978.5288</v>
      </c>
      <c r="AD6084">
        <v>38776.398110000002</v>
      </c>
      <c r="AE6084">
        <v>45511.28832</v>
      </c>
      <c r="AF6084">
        <v>63633.747380000001</v>
      </c>
      <c r="AG6084">
        <v>29518.194909999998</v>
      </c>
      <c r="AH6084">
        <v>346423.53519999998</v>
      </c>
      <c r="AI6084">
        <v>99952.231119999997</v>
      </c>
      <c r="AJ6084">
        <v>23938.760200000001</v>
      </c>
      <c r="AK6084">
        <v>35455.358719999997</v>
      </c>
      <c r="AL6084">
        <v>102338.3158</v>
      </c>
      <c r="AM6084">
        <v>23135.85252</v>
      </c>
      <c r="AN6084">
        <v>116793.7772</v>
      </c>
      <c r="AO6084">
        <v>32554.338339999998</v>
      </c>
      <c r="AP6084">
        <v>26174.405200000001</v>
      </c>
    </row>
    <row r="6085" spans="2:42" x14ac:dyDescent="0.3">
      <c r="B6085">
        <v>69.083057703368397</v>
      </c>
      <c r="C6085" s="83">
        <v>43354.458333333336</v>
      </c>
      <c r="D6085">
        <v>299581.28690000001</v>
      </c>
      <c r="E6085">
        <v>35469.269099999998</v>
      </c>
      <c r="F6085">
        <v>96657.847179999997</v>
      </c>
      <c r="G6085">
        <v>74242.767529999997</v>
      </c>
      <c r="H6085">
        <v>52056.063889999998</v>
      </c>
      <c r="I6085">
        <v>38420.099020000001</v>
      </c>
      <c r="J6085">
        <v>45156.572910000003</v>
      </c>
      <c r="K6085">
        <v>65179.729760000002</v>
      </c>
      <c r="L6085">
        <v>30496.262630000001</v>
      </c>
      <c r="M6085">
        <v>352217.64449999999</v>
      </c>
      <c r="N6085">
        <v>100391.4623</v>
      </c>
      <c r="O6085">
        <v>23702.43478</v>
      </c>
      <c r="P6085">
        <v>34636.850700000003</v>
      </c>
      <c r="Q6085">
        <v>102593.16280000001</v>
      </c>
      <c r="R6085">
        <v>24200.336179999998</v>
      </c>
      <c r="S6085">
        <v>119159.27190000001</v>
      </c>
      <c r="T6085">
        <v>33074.148249999998</v>
      </c>
      <c r="U6085">
        <v>25440.2435</v>
      </c>
      <c r="W6085" s="83">
        <f>Bühler!N6117</f>
        <v>45545.45833331858</v>
      </c>
      <c r="X6085" s="83">
        <v>43354.458333333336</v>
      </c>
      <c r="Y6085">
        <v>299581.28690000001</v>
      </c>
      <c r="Z6085">
        <v>35469.269099999998</v>
      </c>
      <c r="AA6085">
        <v>96657.847179999997</v>
      </c>
      <c r="AB6085">
        <v>74242.767529999997</v>
      </c>
      <c r="AC6085">
        <v>52056.063889999998</v>
      </c>
      <c r="AD6085">
        <v>38420.099020000001</v>
      </c>
      <c r="AE6085">
        <v>45156.572910000003</v>
      </c>
      <c r="AF6085">
        <v>65179.729760000002</v>
      </c>
      <c r="AG6085">
        <v>30496.262630000001</v>
      </c>
      <c r="AH6085">
        <v>352217.64449999999</v>
      </c>
      <c r="AI6085">
        <v>100391.4623</v>
      </c>
      <c r="AJ6085">
        <v>23702.43478</v>
      </c>
      <c r="AK6085">
        <v>34636.850700000003</v>
      </c>
      <c r="AL6085">
        <v>102593.16280000001</v>
      </c>
      <c r="AM6085">
        <v>24200.336179999998</v>
      </c>
      <c r="AN6085">
        <v>119159.27190000001</v>
      </c>
      <c r="AO6085">
        <v>33074.148249999998</v>
      </c>
      <c r="AP6085">
        <v>25440.2435</v>
      </c>
    </row>
    <row r="6086" spans="2:42" x14ac:dyDescent="0.3">
      <c r="B6086">
        <v>68.735371579521185</v>
      </c>
      <c r="C6086" s="83">
        <v>43354.5</v>
      </c>
      <c r="D6086">
        <v>288203.21899999998</v>
      </c>
      <c r="E6086">
        <v>32162.70062</v>
      </c>
      <c r="F6086">
        <v>91638.394079999998</v>
      </c>
      <c r="G6086">
        <v>73465.488020000004</v>
      </c>
      <c r="H6086">
        <v>49845.286050000002</v>
      </c>
      <c r="I6086">
        <v>37055.792970000002</v>
      </c>
      <c r="J6086">
        <v>45815.678059999998</v>
      </c>
      <c r="K6086">
        <v>60664.998070000001</v>
      </c>
      <c r="L6086">
        <v>33155.332110000003</v>
      </c>
      <c r="M6086">
        <v>350444.97850000003</v>
      </c>
      <c r="N6086">
        <v>97813.164950000006</v>
      </c>
      <c r="O6086">
        <v>23714.837390000001</v>
      </c>
      <c r="P6086">
        <v>36364.644370000002</v>
      </c>
      <c r="Q6086">
        <v>101831.8737</v>
      </c>
      <c r="R6086">
        <v>25997.808639999999</v>
      </c>
      <c r="S6086">
        <v>113819.734</v>
      </c>
      <c r="T6086">
        <v>32690.746899999998</v>
      </c>
      <c r="U6086">
        <v>21403.089459999999</v>
      </c>
      <c r="W6086" s="83">
        <f>Bühler!N6118</f>
        <v>45545.499999985244</v>
      </c>
      <c r="X6086" s="83">
        <v>43354.5</v>
      </c>
      <c r="Y6086">
        <v>288203.21899999998</v>
      </c>
      <c r="Z6086">
        <v>32162.70062</v>
      </c>
      <c r="AA6086">
        <v>91638.394079999998</v>
      </c>
      <c r="AB6086">
        <v>73465.488020000004</v>
      </c>
      <c r="AC6086">
        <v>49845.286050000002</v>
      </c>
      <c r="AD6086">
        <v>37055.792970000002</v>
      </c>
      <c r="AE6086">
        <v>45815.678059999998</v>
      </c>
      <c r="AF6086">
        <v>60664.998070000001</v>
      </c>
      <c r="AG6086">
        <v>33155.332110000003</v>
      </c>
      <c r="AH6086">
        <v>350444.97850000003</v>
      </c>
      <c r="AI6086">
        <v>97813.164950000006</v>
      </c>
      <c r="AJ6086">
        <v>23714.837390000001</v>
      </c>
      <c r="AK6086">
        <v>36364.644370000002</v>
      </c>
      <c r="AL6086">
        <v>101831.8737</v>
      </c>
      <c r="AM6086">
        <v>25997.808639999999</v>
      </c>
      <c r="AN6086">
        <v>113819.734</v>
      </c>
      <c r="AO6086">
        <v>32690.746899999998</v>
      </c>
      <c r="AP6086">
        <v>21403.089459999999</v>
      </c>
    </row>
    <row r="6087" spans="2:42" x14ac:dyDescent="0.3">
      <c r="B6087">
        <v>68.005556229093131</v>
      </c>
      <c r="C6087" s="83">
        <v>43354.541666666664</v>
      </c>
      <c r="D6087">
        <v>290665.37410000002</v>
      </c>
      <c r="E6087">
        <v>32888.515079999997</v>
      </c>
      <c r="F6087">
        <v>88744.282149999999</v>
      </c>
      <c r="G6087">
        <v>70906.558619999996</v>
      </c>
      <c r="H6087">
        <v>51000.212469999999</v>
      </c>
      <c r="I6087">
        <v>37696.924400000004</v>
      </c>
      <c r="J6087">
        <v>45153.536899999999</v>
      </c>
      <c r="K6087">
        <v>61359.710330000002</v>
      </c>
      <c r="L6087">
        <v>31809.639759999998</v>
      </c>
      <c r="M6087">
        <v>346724.03950000001</v>
      </c>
      <c r="N6087">
        <v>98460.46024</v>
      </c>
      <c r="O6087">
        <v>23730.49668</v>
      </c>
      <c r="P6087">
        <v>35716.992480000001</v>
      </c>
      <c r="Q6087">
        <v>101456.8447</v>
      </c>
      <c r="R6087">
        <v>25843.286980000001</v>
      </c>
      <c r="S6087">
        <v>112076.5825</v>
      </c>
      <c r="T6087">
        <v>32682.16894</v>
      </c>
      <c r="U6087">
        <v>23452.33411</v>
      </c>
      <c r="W6087" s="83">
        <f>Bühler!N6119</f>
        <v>45545.541666651909</v>
      </c>
      <c r="X6087" s="83">
        <v>43354.541666666664</v>
      </c>
      <c r="Y6087">
        <v>290665.37410000002</v>
      </c>
      <c r="Z6087">
        <v>32888.515079999997</v>
      </c>
      <c r="AA6087">
        <v>88744.282149999999</v>
      </c>
      <c r="AB6087">
        <v>70906.558619999996</v>
      </c>
      <c r="AC6087">
        <v>51000.212469999999</v>
      </c>
      <c r="AD6087">
        <v>37696.924400000004</v>
      </c>
      <c r="AE6087">
        <v>45153.536899999999</v>
      </c>
      <c r="AF6087">
        <v>61359.710330000002</v>
      </c>
      <c r="AG6087">
        <v>31809.639759999998</v>
      </c>
      <c r="AH6087">
        <v>346724.03950000001</v>
      </c>
      <c r="AI6087">
        <v>98460.46024</v>
      </c>
      <c r="AJ6087">
        <v>23730.49668</v>
      </c>
      <c r="AK6087">
        <v>35716.992480000001</v>
      </c>
      <c r="AL6087">
        <v>101456.8447</v>
      </c>
      <c r="AM6087">
        <v>25843.286980000001</v>
      </c>
      <c r="AN6087">
        <v>112076.5825</v>
      </c>
      <c r="AO6087">
        <v>32682.16894</v>
      </c>
      <c r="AP6087">
        <v>23452.33411</v>
      </c>
    </row>
    <row r="6088" spans="2:42" x14ac:dyDescent="0.3">
      <c r="B6088">
        <v>67.647363730111252</v>
      </c>
      <c r="C6088" s="83">
        <v>43354.583333333336</v>
      </c>
      <c r="D6088">
        <v>295380.34049999999</v>
      </c>
      <c r="E6088">
        <v>36013.301950000001</v>
      </c>
      <c r="F6088">
        <v>96254.264630000005</v>
      </c>
      <c r="G6088">
        <v>66528.728359999994</v>
      </c>
      <c r="H6088">
        <v>51245.107230000001</v>
      </c>
      <c r="I6088">
        <v>38242.731140000004</v>
      </c>
      <c r="J6088">
        <v>44346.753049999999</v>
      </c>
      <c r="K6088">
        <v>64514.963100000001</v>
      </c>
      <c r="L6088">
        <v>28759.55041</v>
      </c>
      <c r="M6088">
        <v>344897.80709999998</v>
      </c>
      <c r="N6088">
        <v>99808.302439999999</v>
      </c>
      <c r="O6088">
        <v>23630.19441</v>
      </c>
      <c r="P6088">
        <v>31868.749220000002</v>
      </c>
      <c r="Q6088">
        <v>101444.53599999999</v>
      </c>
      <c r="R6088">
        <v>25295.648089999999</v>
      </c>
      <c r="S6088">
        <v>106517.4129</v>
      </c>
      <c r="T6088">
        <v>31460.052729999999</v>
      </c>
      <c r="U6088">
        <v>24414.398550000002</v>
      </c>
      <c r="W6088" s="83">
        <f>Bühler!N6120</f>
        <v>45545.583333318573</v>
      </c>
      <c r="X6088" s="83">
        <v>43354.583333333336</v>
      </c>
      <c r="Y6088">
        <v>295380.34049999999</v>
      </c>
      <c r="Z6088">
        <v>36013.301950000001</v>
      </c>
      <c r="AA6088">
        <v>96254.264630000005</v>
      </c>
      <c r="AB6088">
        <v>66528.728359999994</v>
      </c>
      <c r="AC6088">
        <v>51245.107230000001</v>
      </c>
      <c r="AD6088">
        <v>38242.731140000004</v>
      </c>
      <c r="AE6088">
        <v>44346.753049999999</v>
      </c>
      <c r="AF6088">
        <v>64514.963100000001</v>
      </c>
      <c r="AG6088">
        <v>28759.55041</v>
      </c>
      <c r="AH6088">
        <v>344897.80709999998</v>
      </c>
      <c r="AI6088">
        <v>99808.302439999999</v>
      </c>
      <c r="AJ6088">
        <v>23630.19441</v>
      </c>
      <c r="AK6088">
        <v>31868.749220000002</v>
      </c>
      <c r="AL6088">
        <v>101444.53599999999</v>
      </c>
      <c r="AM6088">
        <v>25295.648089999999</v>
      </c>
      <c r="AN6088">
        <v>106517.4129</v>
      </c>
      <c r="AO6088">
        <v>31460.052729999999</v>
      </c>
      <c r="AP6088">
        <v>24414.398550000002</v>
      </c>
    </row>
    <row r="6089" spans="2:42" x14ac:dyDescent="0.3">
      <c r="B6089">
        <v>67.520217357747185</v>
      </c>
      <c r="C6089" s="83">
        <v>43354.625</v>
      </c>
      <c r="D6089">
        <v>293570.95760000002</v>
      </c>
      <c r="E6089">
        <v>35867.168709999998</v>
      </c>
      <c r="F6089">
        <v>98708.321689999997</v>
      </c>
      <c r="G6089">
        <v>63376.550510000001</v>
      </c>
      <c r="H6089">
        <v>49888.820720000003</v>
      </c>
      <c r="I6089">
        <v>38176.934849999998</v>
      </c>
      <c r="J6089">
        <v>44927.14428</v>
      </c>
      <c r="K6089">
        <v>63440.205459999997</v>
      </c>
      <c r="L6089">
        <v>26180.824079999999</v>
      </c>
      <c r="M6089">
        <v>344249.55560000002</v>
      </c>
      <c r="N6089">
        <v>97968.509720000002</v>
      </c>
      <c r="O6089">
        <v>23623.524870000001</v>
      </c>
      <c r="P6089">
        <v>30115.291150000001</v>
      </c>
      <c r="Q6089">
        <v>101269.9737</v>
      </c>
      <c r="R6089">
        <v>25458.33596</v>
      </c>
      <c r="S6089">
        <v>106915.01700000001</v>
      </c>
      <c r="T6089">
        <v>30801.38708</v>
      </c>
      <c r="U6089">
        <v>23273.345659999999</v>
      </c>
      <c r="W6089" s="83">
        <f>Bühler!N6121</f>
        <v>45545.624999985237</v>
      </c>
      <c r="X6089" s="83">
        <v>43354.625</v>
      </c>
      <c r="Y6089">
        <v>293570.95760000002</v>
      </c>
      <c r="Z6089">
        <v>35867.168709999998</v>
      </c>
      <c r="AA6089">
        <v>98708.321689999997</v>
      </c>
      <c r="AB6089">
        <v>63376.550510000001</v>
      </c>
      <c r="AC6089">
        <v>49888.820720000003</v>
      </c>
      <c r="AD6089">
        <v>38176.934849999998</v>
      </c>
      <c r="AE6089">
        <v>44927.14428</v>
      </c>
      <c r="AF6089">
        <v>63440.205459999997</v>
      </c>
      <c r="AG6089">
        <v>26180.824079999999</v>
      </c>
      <c r="AH6089">
        <v>344249.55560000002</v>
      </c>
      <c r="AI6089">
        <v>97968.509720000002</v>
      </c>
      <c r="AJ6089">
        <v>23623.524870000001</v>
      </c>
      <c r="AK6089">
        <v>30115.291150000001</v>
      </c>
      <c r="AL6089">
        <v>101269.9737</v>
      </c>
      <c r="AM6089">
        <v>25458.33596</v>
      </c>
      <c r="AN6089">
        <v>106915.01700000001</v>
      </c>
      <c r="AO6089">
        <v>30801.38708</v>
      </c>
      <c r="AP6089">
        <v>23273.345659999999</v>
      </c>
    </row>
    <row r="6090" spans="2:42" x14ac:dyDescent="0.3">
      <c r="B6090">
        <v>66.100387625729496</v>
      </c>
      <c r="C6090" s="83">
        <v>43354.666666666664</v>
      </c>
      <c r="D6090">
        <v>285257.51500000001</v>
      </c>
      <c r="E6090">
        <v>34871.046049999997</v>
      </c>
      <c r="F6090">
        <v>97353.391210000002</v>
      </c>
      <c r="G6090">
        <v>59757.275869999998</v>
      </c>
      <c r="H6090">
        <v>48061.940269999999</v>
      </c>
      <c r="I6090">
        <v>39074.399080000003</v>
      </c>
      <c r="J6090">
        <v>43643.85557</v>
      </c>
      <c r="K6090">
        <v>60616.456250000003</v>
      </c>
      <c r="L6090">
        <v>25188.78743</v>
      </c>
      <c r="M6090">
        <v>337010.60149999999</v>
      </c>
      <c r="N6090">
        <v>95457.942689999996</v>
      </c>
      <c r="O6090">
        <v>23748.474050000001</v>
      </c>
      <c r="P6090">
        <v>29624.177390000001</v>
      </c>
      <c r="Q6090">
        <v>99654.036030000003</v>
      </c>
      <c r="R6090">
        <v>25605.140810000001</v>
      </c>
      <c r="S6090">
        <v>103825.7591</v>
      </c>
      <c r="T6090">
        <v>30118.528539999999</v>
      </c>
      <c r="U6090">
        <v>21207.667750000001</v>
      </c>
      <c r="W6090" s="83">
        <f>Bühler!N6122</f>
        <v>45545.666666651901</v>
      </c>
      <c r="X6090" s="83">
        <v>43354.666666666664</v>
      </c>
      <c r="Y6090">
        <v>285257.51500000001</v>
      </c>
      <c r="Z6090">
        <v>34871.046049999997</v>
      </c>
      <c r="AA6090">
        <v>97353.391210000002</v>
      </c>
      <c r="AB6090">
        <v>59757.275869999998</v>
      </c>
      <c r="AC6090">
        <v>48061.940269999999</v>
      </c>
      <c r="AD6090">
        <v>39074.399080000003</v>
      </c>
      <c r="AE6090">
        <v>43643.85557</v>
      </c>
      <c r="AF6090">
        <v>60616.456250000003</v>
      </c>
      <c r="AG6090">
        <v>25188.78743</v>
      </c>
      <c r="AH6090">
        <v>337010.60149999999</v>
      </c>
      <c r="AI6090">
        <v>95457.942689999996</v>
      </c>
      <c r="AJ6090">
        <v>23748.474050000001</v>
      </c>
      <c r="AK6090">
        <v>29624.177390000001</v>
      </c>
      <c r="AL6090">
        <v>99654.036030000003</v>
      </c>
      <c r="AM6090">
        <v>25605.140810000001</v>
      </c>
      <c r="AN6090">
        <v>103825.7591</v>
      </c>
      <c r="AO6090">
        <v>30118.528539999999</v>
      </c>
      <c r="AP6090">
        <v>21207.667750000001</v>
      </c>
    </row>
    <row r="6091" spans="2:42" x14ac:dyDescent="0.3">
      <c r="B6091">
        <v>64.719393258450935</v>
      </c>
      <c r="C6091" s="83">
        <v>43354.708333333336</v>
      </c>
      <c r="D6091">
        <v>275474.0551</v>
      </c>
      <c r="E6091">
        <v>32572.27836</v>
      </c>
      <c r="F6091">
        <v>96132.439230000004</v>
      </c>
      <c r="G6091">
        <v>52313.975480000001</v>
      </c>
      <c r="H6091">
        <v>45663.337010000003</v>
      </c>
      <c r="I6091">
        <v>38129.100460000001</v>
      </c>
      <c r="J6091">
        <v>43545.342470000003</v>
      </c>
      <c r="K6091">
        <v>55126.451119999998</v>
      </c>
      <c r="L6091">
        <v>25303.29752</v>
      </c>
      <c r="M6091">
        <v>329969.6482</v>
      </c>
      <c r="N6091">
        <v>90708.794179999997</v>
      </c>
      <c r="O6091">
        <v>21645.863509999999</v>
      </c>
      <c r="P6091">
        <v>31051.393380000001</v>
      </c>
      <c r="Q6091">
        <v>98033.45981</v>
      </c>
      <c r="R6091">
        <v>24618.807110000002</v>
      </c>
      <c r="S6091">
        <v>100108.56630000001</v>
      </c>
      <c r="T6091">
        <v>29185.935519999999</v>
      </c>
      <c r="U6091">
        <v>18897.656480000001</v>
      </c>
      <c r="W6091" s="83">
        <f>Bühler!N6123</f>
        <v>45545.708333318566</v>
      </c>
      <c r="X6091" s="83">
        <v>43354.708333333336</v>
      </c>
      <c r="Y6091">
        <v>275474.0551</v>
      </c>
      <c r="Z6091">
        <v>32572.27836</v>
      </c>
      <c r="AA6091">
        <v>96132.439230000004</v>
      </c>
      <c r="AB6091">
        <v>52313.975480000001</v>
      </c>
      <c r="AC6091">
        <v>45663.337010000003</v>
      </c>
      <c r="AD6091">
        <v>38129.100460000001</v>
      </c>
      <c r="AE6091">
        <v>43545.342470000003</v>
      </c>
      <c r="AF6091">
        <v>55126.451119999998</v>
      </c>
      <c r="AG6091">
        <v>25303.29752</v>
      </c>
      <c r="AH6091">
        <v>329969.6482</v>
      </c>
      <c r="AI6091">
        <v>90708.794179999997</v>
      </c>
      <c r="AJ6091">
        <v>21645.863509999999</v>
      </c>
      <c r="AK6091">
        <v>31051.393380000001</v>
      </c>
      <c r="AL6091">
        <v>98033.45981</v>
      </c>
      <c r="AM6091">
        <v>24618.807110000002</v>
      </c>
      <c r="AN6091">
        <v>100108.56630000001</v>
      </c>
      <c r="AO6091">
        <v>29185.935519999999</v>
      </c>
      <c r="AP6091">
        <v>18897.656480000001</v>
      </c>
    </row>
    <row r="6092" spans="2:42" x14ac:dyDescent="0.3">
      <c r="B6092">
        <v>63.460726186905937</v>
      </c>
      <c r="C6092" s="83">
        <v>43354.75</v>
      </c>
      <c r="D6092">
        <v>267491.62349999999</v>
      </c>
      <c r="E6092">
        <v>29423.471949999999</v>
      </c>
      <c r="F6092">
        <v>94734.328070000003</v>
      </c>
      <c r="G6092">
        <v>45196.569969999997</v>
      </c>
      <c r="H6092">
        <v>43051.057059999999</v>
      </c>
      <c r="I6092">
        <v>36807.401969999999</v>
      </c>
      <c r="J6092">
        <v>43586.109640000002</v>
      </c>
      <c r="K6092">
        <v>53571.754090000002</v>
      </c>
      <c r="L6092">
        <v>26911.67093</v>
      </c>
      <c r="M6092">
        <v>323552.37650000001</v>
      </c>
      <c r="N6092">
        <v>87511.570749999999</v>
      </c>
      <c r="O6092">
        <v>19812.984789999999</v>
      </c>
      <c r="P6092">
        <v>34154.53529</v>
      </c>
      <c r="Q6092">
        <v>97047.966629999995</v>
      </c>
      <c r="R6092">
        <v>23815.050650000001</v>
      </c>
      <c r="S6092">
        <v>93951.542130000002</v>
      </c>
      <c r="T6092">
        <v>28728.28874</v>
      </c>
      <c r="U6092">
        <v>17229.766309999999</v>
      </c>
      <c r="W6092" s="83">
        <f>Bühler!N6124</f>
        <v>45545.74999998523</v>
      </c>
      <c r="X6092" s="83">
        <v>43354.75</v>
      </c>
      <c r="Y6092">
        <v>267491.62349999999</v>
      </c>
      <c r="Z6092">
        <v>29423.471949999999</v>
      </c>
      <c r="AA6092">
        <v>94734.328070000003</v>
      </c>
      <c r="AB6092">
        <v>45196.569969999997</v>
      </c>
      <c r="AC6092">
        <v>43051.057059999999</v>
      </c>
      <c r="AD6092">
        <v>36807.401969999999</v>
      </c>
      <c r="AE6092">
        <v>43586.109640000002</v>
      </c>
      <c r="AF6092">
        <v>53571.754090000002</v>
      </c>
      <c r="AG6092">
        <v>26911.67093</v>
      </c>
      <c r="AH6092">
        <v>323552.37650000001</v>
      </c>
      <c r="AI6092">
        <v>87511.570749999999</v>
      </c>
      <c r="AJ6092">
        <v>19812.984789999999</v>
      </c>
      <c r="AK6092">
        <v>34154.53529</v>
      </c>
      <c r="AL6092">
        <v>97047.966629999995</v>
      </c>
      <c r="AM6092">
        <v>23815.050650000001</v>
      </c>
      <c r="AN6092">
        <v>93951.542130000002</v>
      </c>
      <c r="AO6092">
        <v>28728.28874</v>
      </c>
      <c r="AP6092">
        <v>17229.766309999999</v>
      </c>
    </row>
    <row r="6093" spans="2:42" x14ac:dyDescent="0.3">
      <c r="B6093">
        <v>62.343367099307272</v>
      </c>
      <c r="C6093" s="83">
        <v>43354.791666666664</v>
      </c>
      <c r="D6093">
        <v>262602.46620000002</v>
      </c>
      <c r="E6093">
        <v>23677.92441</v>
      </c>
      <c r="F6093">
        <v>84491.374769999995</v>
      </c>
      <c r="G6093">
        <v>41633.744039999998</v>
      </c>
      <c r="H6093">
        <v>40953.690269999999</v>
      </c>
      <c r="I6093">
        <v>34109.491759999997</v>
      </c>
      <c r="J6093">
        <v>42784.386570000002</v>
      </c>
      <c r="K6093">
        <v>53694.318780000001</v>
      </c>
      <c r="L6093">
        <v>27571.347379999999</v>
      </c>
      <c r="M6093">
        <v>317855.5588</v>
      </c>
      <c r="N6093">
        <v>84835.225520000007</v>
      </c>
      <c r="O6093">
        <v>18882.689699999999</v>
      </c>
      <c r="P6093">
        <v>37463.742919999997</v>
      </c>
      <c r="Q6093">
        <v>94566.562940000003</v>
      </c>
      <c r="R6093">
        <v>22893.986290000001</v>
      </c>
      <c r="S6093">
        <v>89559.560060000003</v>
      </c>
      <c r="T6093">
        <v>30086.664629999999</v>
      </c>
      <c r="U6093">
        <v>16548.147130000001</v>
      </c>
      <c r="W6093" s="83">
        <f>Bühler!N6125</f>
        <v>45545.791666651894</v>
      </c>
      <c r="X6093" s="83">
        <v>43354.791666666664</v>
      </c>
      <c r="Y6093">
        <v>262602.46620000002</v>
      </c>
      <c r="Z6093">
        <v>23677.92441</v>
      </c>
      <c r="AA6093">
        <v>84491.374769999995</v>
      </c>
      <c r="AB6093">
        <v>41633.744039999998</v>
      </c>
      <c r="AC6093">
        <v>40953.690269999999</v>
      </c>
      <c r="AD6093">
        <v>34109.491759999997</v>
      </c>
      <c r="AE6093">
        <v>42784.386570000002</v>
      </c>
      <c r="AF6093">
        <v>53694.318780000001</v>
      </c>
      <c r="AG6093">
        <v>27571.347379999999</v>
      </c>
      <c r="AH6093">
        <v>317855.5588</v>
      </c>
      <c r="AI6093">
        <v>84835.225520000007</v>
      </c>
      <c r="AJ6093">
        <v>18882.689699999999</v>
      </c>
      <c r="AK6093">
        <v>37463.742919999997</v>
      </c>
      <c r="AL6093">
        <v>94566.562940000003</v>
      </c>
      <c r="AM6093">
        <v>22893.986290000001</v>
      </c>
      <c r="AN6093">
        <v>89559.560060000003</v>
      </c>
      <c r="AO6093">
        <v>30086.664629999999</v>
      </c>
      <c r="AP6093">
        <v>16548.147130000001</v>
      </c>
    </row>
    <row r="6094" spans="2:42" x14ac:dyDescent="0.3">
      <c r="B6094">
        <v>60.166381265613865</v>
      </c>
      <c r="C6094" s="83">
        <v>43354.833333333336</v>
      </c>
      <c r="D6094">
        <v>253302.1752</v>
      </c>
      <c r="E6094">
        <v>17749.640940000001</v>
      </c>
      <c r="F6094">
        <v>70056.897649999999</v>
      </c>
      <c r="G6094">
        <v>38044.815060000001</v>
      </c>
      <c r="H6094">
        <v>39869.8537</v>
      </c>
      <c r="I6094">
        <v>30957.10961</v>
      </c>
      <c r="J6094">
        <v>44149.541409999998</v>
      </c>
      <c r="K6094">
        <v>51183.869279999999</v>
      </c>
      <c r="L6094">
        <v>27080.13091</v>
      </c>
      <c r="M6094">
        <v>306756.26980000001</v>
      </c>
      <c r="N6094">
        <v>83416.172699999996</v>
      </c>
      <c r="O6094">
        <v>18217.483380000001</v>
      </c>
      <c r="P6094">
        <v>38199.612200000003</v>
      </c>
      <c r="Q6094">
        <v>90721.257329999993</v>
      </c>
      <c r="R6094">
        <v>21595.614989999998</v>
      </c>
      <c r="S6094">
        <v>82937.977549999996</v>
      </c>
      <c r="T6094">
        <v>28833.51842</v>
      </c>
      <c r="U6094">
        <v>15938.841259999999</v>
      </c>
      <c r="W6094" s="83">
        <f>Bühler!N6126</f>
        <v>45545.833333318558</v>
      </c>
      <c r="X6094" s="83">
        <v>43354.833333333336</v>
      </c>
      <c r="Y6094">
        <v>253302.1752</v>
      </c>
      <c r="Z6094">
        <v>17749.640940000001</v>
      </c>
      <c r="AA6094">
        <v>70056.897649999999</v>
      </c>
      <c r="AB6094">
        <v>38044.815060000001</v>
      </c>
      <c r="AC6094">
        <v>39869.8537</v>
      </c>
      <c r="AD6094">
        <v>30957.10961</v>
      </c>
      <c r="AE6094">
        <v>44149.541409999998</v>
      </c>
      <c r="AF6094">
        <v>51183.869279999999</v>
      </c>
      <c r="AG6094">
        <v>27080.13091</v>
      </c>
      <c r="AH6094">
        <v>306756.26980000001</v>
      </c>
      <c r="AI6094">
        <v>83416.172699999996</v>
      </c>
      <c r="AJ6094">
        <v>18217.483380000001</v>
      </c>
      <c r="AK6094">
        <v>38199.612200000003</v>
      </c>
      <c r="AL6094">
        <v>90721.257329999993</v>
      </c>
      <c r="AM6094">
        <v>21595.614989999998</v>
      </c>
      <c r="AN6094">
        <v>82937.977549999996</v>
      </c>
      <c r="AO6094">
        <v>28833.51842</v>
      </c>
      <c r="AP6094">
        <v>15938.841259999999</v>
      </c>
    </row>
    <row r="6095" spans="2:42" x14ac:dyDescent="0.3">
      <c r="B6095">
        <v>58.129848570564754</v>
      </c>
      <c r="C6095" s="83">
        <v>43354.875</v>
      </c>
      <c r="D6095">
        <v>244689.33369999999</v>
      </c>
      <c r="E6095">
        <v>15068.045959999999</v>
      </c>
      <c r="F6095">
        <v>61550.259559999999</v>
      </c>
      <c r="G6095">
        <v>36053.752919999999</v>
      </c>
      <c r="H6095">
        <v>37958.35411</v>
      </c>
      <c r="I6095">
        <v>27127.657490000001</v>
      </c>
      <c r="J6095">
        <v>42940.886460000002</v>
      </c>
      <c r="K6095">
        <v>50739.576050000003</v>
      </c>
      <c r="L6095">
        <v>24672.223170000001</v>
      </c>
      <c r="M6095">
        <v>296373.07640000002</v>
      </c>
      <c r="N6095">
        <v>80121.818939999997</v>
      </c>
      <c r="O6095">
        <v>17122.296129999999</v>
      </c>
      <c r="P6095">
        <v>36210.020920000003</v>
      </c>
      <c r="Q6095">
        <v>88065.998080000005</v>
      </c>
      <c r="R6095">
        <v>20338.397779999999</v>
      </c>
      <c r="S6095">
        <v>78883.795199999993</v>
      </c>
      <c r="T6095">
        <v>25832.135719999998</v>
      </c>
      <c r="U6095">
        <v>14941.35461</v>
      </c>
      <c r="W6095" s="83">
        <f>Bühler!N6127</f>
        <v>45545.874999985223</v>
      </c>
      <c r="X6095" s="83">
        <v>43354.875</v>
      </c>
      <c r="Y6095">
        <v>244689.33369999999</v>
      </c>
      <c r="Z6095">
        <v>15068.045959999999</v>
      </c>
      <c r="AA6095">
        <v>61550.259559999999</v>
      </c>
      <c r="AB6095">
        <v>36053.752919999999</v>
      </c>
      <c r="AC6095">
        <v>37958.35411</v>
      </c>
      <c r="AD6095">
        <v>27127.657490000001</v>
      </c>
      <c r="AE6095">
        <v>42940.886460000002</v>
      </c>
      <c r="AF6095">
        <v>50739.576050000003</v>
      </c>
      <c r="AG6095">
        <v>24672.223170000001</v>
      </c>
      <c r="AH6095">
        <v>296373.07640000002</v>
      </c>
      <c r="AI6095">
        <v>80121.818939999997</v>
      </c>
      <c r="AJ6095">
        <v>17122.296129999999</v>
      </c>
      <c r="AK6095">
        <v>36210.020920000003</v>
      </c>
      <c r="AL6095">
        <v>88065.998080000005</v>
      </c>
      <c r="AM6095">
        <v>20338.397779999999</v>
      </c>
      <c r="AN6095">
        <v>78883.795199999993</v>
      </c>
      <c r="AO6095">
        <v>25832.135719999998</v>
      </c>
      <c r="AP6095">
        <v>14941.35461</v>
      </c>
    </row>
    <row r="6096" spans="2:42" x14ac:dyDescent="0.3">
      <c r="B6096">
        <v>58.086568810495699</v>
      </c>
      <c r="C6096" s="83">
        <v>43354.916666666664</v>
      </c>
      <c r="D6096">
        <v>243286.24429999999</v>
      </c>
      <c r="E6096">
        <v>14217.18204</v>
      </c>
      <c r="F6096">
        <v>58961.471610000001</v>
      </c>
      <c r="G6096">
        <v>34204.894439999996</v>
      </c>
      <c r="H6096">
        <v>36604.291340000003</v>
      </c>
      <c r="I6096">
        <v>24836.664850000001</v>
      </c>
      <c r="J6096">
        <v>41170.518490000002</v>
      </c>
      <c r="K6096">
        <v>54013.61623</v>
      </c>
      <c r="L6096">
        <v>21659.356179999999</v>
      </c>
      <c r="M6096">
        <v>296152.41600000003</v>
      </c>
      <c r="N6096">
        <v>78095.068639999998</v>
      </c>
      <c r="O6096">
        <v>16978.143769999999</v>
      </c>
      <c r="P6096">
        <v>37018.843379999998</v>
      </c>
      <c r="Q6096">
        <v>86990.572669999994</v>
      </c>
      <c r="R6096">
        <v>20735.00057</v>
      </c>
      <c r="S6096">
        <v>77022.362059999999</v>
      </c>
      <c r="T6096">
        <v>22059.36391</v>
      </c>
      <c r="U6096">
        <v>14810.252630000001</v>
      </c>
      <c r="W6096" s="83">
        <f>Bühler!N6128</f>
        <v>45545.916666651887</v>
      </c>
      <c r="X6096" s="83">
        <v>43354.916666666664</v>
      </c>
      <c r="Y6096">
        <v>243286.24429999999</v>
      </c>
      <c r="Z6096">
        <v>14217.18204</v>
      </c>
      <c r="AA6096">
        <v>58961.471610000001</v>
      </c>
      <c r="AB6096">
        <v>34204.894439999996</v>
      </c>
      <c r="AC6096">
        <v>36604.291340000003</v>
      </c>
      <c r="AD6096">
        <v>24836.664850000001</v>
      </c>
      <c r="AE6096">
        <v>41170.518490000002</v>
      </c>
      <c r="AF6096">
        <v>54013.61623</v>
      </c>
      <c r="AG6096">
        <v>21659.356179999999</v>
      </c>
      <c r="AH6096">
        <v>296152.41600000003</v>
      </c>
      <c r="AI6096">
        <v>78095.068639999998</v>
      </c>
      <c r="AJ6096">
        <v>16978.143769999999</v>
      </c>
      <c r="AK6096">
        <v>37018.843379999998</v>
      </c>
      <c r="AL6096">
        <v>86990.572669999994</v>
      </c>
      <c r="AM6096">
        <v>20735.00057</v>
      </c>
      <c r="AN6096">
        <v>77022.362059999999</v>
      </c>
      <c r="AO6096">
        <v>22059.36391</v>
      </c>
      <c r="AP6096">
        <v>14810.252630000001</v>
      </c>
    </row>
    <row r="6097" spans="2:42" x14ac:dyDescent="0.3">
      <c r="B6097">
        <v>57.404375015985728</v>
      </c>
      <c r="C6097" s="83">
        <v>43354.958333333336</v>
      </c>
      <c r="D6097">
        <v>242034.87419999999</v>
      </c>
      <c r="E6097">
        <v>13730.131359999999</v>
      </c>
      <c r="F6097">
        <v>58015.382669999999</v>
      </c>
      <c r="G6097">
        <v>33292.799729999999</v>
      </c>
      <c r="H6097">
        <v>35488.031739999999</v>
      </c>
      <c r="I6097">
        <v>23445.69758</v>
      </c>
      <c r="J6097">
        <v>37865.285609999999</v>
      </c>
      <c r="K6097">
        <v>53516.767039999999</v>
      </c>
      <c r="L6097">
        <v>18715.663619999999</v>
      </c>
      <c r="M6097">
        <v>292674.27389999997</v>
      </c>
      <c r="N6097">
        <v>77822.308980000002</v>
      </c>
      <c r="O6097">
        <v>16220.49538</v>
      </c>
      <c r="P6097">
        <v>31544.205849999998</v>
      </c>
      <c r="Q6097">
        <v>86152.131410000002</v>
      </c>
      <c r="R6097">
        <v>20274.72652</v>
      </c>
      <c r="S6097">
        <v>74836.532749999998</v>
      </c>
      <c r="T6097">
        <v>20266.51656</v>
      </c>
      <c r="U6097">
        <v>14292.54161</v>
      </c>
      <c r="W6097" s="83">
        <f>Bühler!N6129</f>
        <v>45545.958333318551</v>
      </c>
      <c r="X6097" s="83">
        <v>43354.958333333336</v>
      </c>
      <c r="Y6097">
        <v>242034.87419999999</v>
      </c>
      <c r="Z6097">
        <v>13730.131359999999</v>
      </c>
      <c r="AA6097">
        <v>58015.382669999999</v>
      </c>
      <c r="AB6097">
        <v>33292.799729999999</v>
      </c>
      <c r="AC6097">
        <v>35488.031739999999</v>
      </c>
      <c r="AD6097">
        <v>23445.69758</v>
      </c>
      <c r="AE6097">
        <v>37865.285609999999</v>
      </c>
      <c r="AF6097">
        <v>53516.767039999999</v>
      </c>
      <c r="AG6097">
        <v>18715.663619999999</v>
      </c>
      <c r="AH6097">
        <v>292674.27389999997</v>
      </c>
      <c r="AI6097">
        <v>77822.308980000002</v>
      </c>
      <c r="AJ6097">
        <v>16220.49538</v>
      </c>
      <c r="AK6097">
        <v>31544.205849999998</v>
      </c>
      <c r="AL6097">
        <v>86152.131410000002</v>
      </c>
      <c r="AM6097">
        <v>20274.72652</v>
      </c>
      <c r="AN6097">
        <v>74836.532749999998</v>
      </c>
      <c r="AO6097">
        <v>20266.51656</v>
      </c>
      <c r="AP6097">
        <v>14292.54161</v>
      </c>
    </row>
    <row r="6098" spans="2:42" x14ac:dyDescent="0.3">
      <c r="B6098">
        <v>56.660652856089008</v>
      </c>
      <c r="C6098" s="83">
        <v>43355</v>
      </c>
      <c r="D6098">
        <v>240435.5944</v>
      </c>
      <c r="E6098">
        <v>13193.859909999999</v>
      </c>
      <c r="F6098">
        <v>56215.022409999998</v>
      </c>
      <c r="G6098">
        <v>32367.859649999999</v>
      </c>
      <c r="H6098">
        <v>34694.968229999999</v>
      </c>
      <c r="I6098">
        <v>21507.6656</v>
      </c>
      <c r="J6098">
        <v>34147.183429999997</v>
      </c>
      <c r="K6098">
        <v>51846.13276</v>
      </c>
      <c r="L6098">
        <v>17541.769090000002</v>
      </c>
      <c r="M6098">
        <v>288882.43150000001</v>
      </c>
      <c r="N6098">
        <v>77047.999020000003</v>
      </c>
      <c r="O6098">
        <v>15945.98724</v>
      </c>
      <c r="P6098">
        <v>28091.599760000001</v>
      </c>
      <c r="Q6098">
        <v>85550.011110000007</v>
      </c>
      <c r="R6098">
        <v>17380.450570000001</v>
      </c>
      <c r="S6098">
        <v>73377.999290000007</v>
      </c>
      <c r="T6098">
        <v>18934.31148</v>
      </c>
      <c r="U6098">
        <v>13838.765310000001</v>
      </c>
      <c r="W6098" s="83">
        <f>Bühler!N6130</f>
        <v>45545.999999985215</v>
      </c>
      <c r="X6098" s="83">
        <v>43355</v>
      </c>
      <c r="Y6098">
        <v>240435.5944</v>
      </c>
      <c r="Z6098">
        <v>13193.859909999999</v>
      </c>
      <c r="AA6098">
        <v>56215.022409999998</v>
      </c>
      <c r="AB6098">
        <v>32367.859649999999</v>
      </c>
      <c r="AC6098">
        <v>34694.968229999999</v>
      </c>
      <c r="AD6098">
        <v>21507.6656</v>
      </c>
      <c r="AE6098">
        <v>34147.183429999997</v>
      </c>
      <c r="AF6098">
        <v>51846.13276</v>
      </c>
      <c r="AG6098">
        <v>17541.769090000002</v>
      </c>
      <c r="AH6098">
        <v>288882.43150000001</v>
      </c>
      <c r="AI6098">
        <v>77047.999020000003</v>
      </c>
      <c r="AJ6098">
        <v>15945.98724</v>
      </c>
      <c r="AK6098">
        <v>28091.599760000001</v>
      </c>
      <c r="AL6098">
        <v>85550.011110000007</v>
      </c>
      <c r="AM6098">
        <v>17380.450570000001</v>
      </c>
      <c r="AN6098">
        <v>73377.999290000007</v>
      </c>
      <c r="AO6098">
        <v>18934.31148</v>
      </c>
      <c r="AP6098">
        <v>13838.765310000001</v>
      </c>
    </row>
    <row r="6099" spans="2:42" x14ac:dyDescent="0.3">
      <c r="B6099">
        <v>55.975498406553079</v>
      </c>
      <c r="C6099" s="83">
        <v>43355.041666666664</v>
      </c>
      <c r="D6099">
        <v>239024.12609999999</v>
      </c>
      <c r="E6099">
        <v>12943.594510000001</v>
      </c>
      <c r="F6099">
        <v>55508.41635</v>
      </c>
      <c r="G6099">
        <v>31702.860199999999</v>
      </c>
      <c r="H6099">
        <v>34209.958630000001</v>
      </c>
      <c r="I6099">
        <v>18123.579170000001</v>
      </c>
      <c r="J6099">
        <v>32403.279719999999</v>
      </c>
      <c r="K6099">
        <v>50286.20738</v>
      </c>
      <c r="L6099">
        <v>17251.32187</v>
      </c>
      <c r="M6099">
        <v>285389.19459999999</v>
      </c>
      <c r="N6099">
        <v>75078.15337</v>
      </c>
      <c r="O6099">
        <v>15949.32645</v>
      </c>
      <c r="P6099">
        <v>26308.855960000001</v>
      </c>
      <c r="Q6099">
        <v>85009.505449999997</v>
      </c>
      <c r="R6099">
        <v>16137.46687</v>
      </c>
      <c r="S6099">
        <v>72246.869619999998</v>
      </c>
      <c r="T6099">
        <v>18217.60154</v>
      </c>
      <c r="U6099">
        <v>13463.26406</v>
      </c>
      <c r="W6099" s="83">
        <f>Bühler!N6131</f>
        <v>45546.041666651879</v>
      </c>
      <c r="X6099" s="83">
        <v>43355.041666666664</v>
      </c>
      <c r="Y6099">
        <v>239024.12609999999</v>
      </c>
      <c r="Z6099">
        <v>12943.594510000001</v>
      </c>
      <c r="AA6099">
        <v>55508.41635</v>
      </c>
      <c r="AB6099">
        <v>31702.860199999999</v>
      </c>
      <c r="AC6099">
        <v>34209.958630000001</v>
      </c>
      <c r="AD6099">
        <v>18123.579170000001</v>
      </c>
      <c r="AE6099">
        <v>32403.279719999999</v>
      </c>
      <c r="AF6099">
        <v>50286.20738</v>
      </c>
      <c r="AG6099">
        <v>17251.32187</v>
      </c>
      <c r="AH6099">
        <v>285389.19459999999</v>
      </c>
      <c r="AI6099">
        <v>75078.15337</v>
      </c>
      <c r="AJ6099">
        <v>15949.32645</v>
      </c>
      <c r="AK6099">
        <v>26308.855960000001</v>
      </c>
      <c r="AL6099">
        <v>85009.505449999997</v>
      </c>
      <c r="AM6099">
        <v>16137.46687</v>
      </c>
      <c r="AN6099">
        <v>72246.869619999998</v>
      </c>
      <c r="AO6099">
        <v>18217.60154</v>
      </c>
      <c r="AP6099">
        <v>13463.26406</v>
      </c>
    </row>
    <row r="6100" spans="2:42" x14ac:dyDescent="0.3">
      <c r="B6100">
        <v>55.696409185488584</v>
      </c>
      <c r="C6100" s="83">
        <v>43355.083333333336</v>
      </c>
      <c r="D6100">
        <v>238742.15539999999</v>
      </c>
      <c r="E6100">
        <v>12804.08941</v>
      </c>
      <c r="F6100">
        <v>55827.982429999996</v>
      </c>
      <c r="G6100">
        <v>31089.614710000002</v>
      </c>
      <c r="H6100">
        <v>33930.296520000004</v>
      </c>
      <c r="I6100">
        <v>16596.38666</v>
      </c>
      <c r="J6100">
        <v>32425.640960000001</v>
      </c>
      <c r="K6100">
        <v>47925.940490000001</v>
      </c>
      <c r="L6100">
        <v>16940.370370000001</v>
      </c>
      <c r="M6100">
        <v>283966.26760000002</v>
      </c>
      <c r="N6100">
        <v>74246.799939999997</v>
      </c>
      <c r="O6100">
        <v>15796.198420000001</v>
      </c>
      <c r="P6100">
        <v>24700.838619999999</v>
      </c>
      <c r="Q6100">
        <v>86475.462710000007</v>
      </c>
      <c r="R6100">
        <v>16228.10348</v>
      </c>
      <c r="S6100">
        <v>71041.259239999999</v>
      </c>
      <c r="T6100">
        <v>17911.47597</v>
      </c>
      <c r="U6100">
        <v>13251.484560000001</v>
      </c>
      <c r="W6100" s="83">
        <f>Bühler!N6132</f>
        <v>45546.083333318544</v>
      </c>
      <c r="X6100" s="83">
        <v>43355.083333333336</v>
      </c>
      <c r="Y6100">
        <v>238742.15539999999</v>
      </c>
      <c r="Z6100">
        <v>12804.08941</v>
      </c>
      <c r="AA6100">
        <v>55827.982429999996</v>
      </c>
      <c r="AB6100">
        <v>31089.614710000002</v>
      </c>
      <c r="AC6100">
        <v>33930.296520000004</v>
      </c>
      <c r="AD6100">
        <v>16596.38666</v>
      </c>
      <c r="AE6100">
        <v>32425.640960000001</v>
      </c>
      <c r="AF6100">
        <v>47925.940490000001</v>
      </c>
      <c r="AG6100">
        <v>16940.370370000001</v>
      </c>
      <c r="AH6100">
        <v>283966.26760000002</v>
      </c>
      <c r="AI6100">
        <v>74246.799939999997</v>
      </c>
      <c r="AJ6100">
        <v>15796.198420000001</v>
      </c>
      <c r="AK6100">
        <v>24700.838619999999</v>
      </c>
      <c r="AL6100">
        <v>86475.462710000007</v>
      </c>
      <c r="AM6100">
        <v>16228.10348</v>
      </c>
      <c r="AN6100">
        <v>71041.259239999999</v>
      </c>
      <c r="AO6100">
        <v>17911.47597</v>
      </c>
      <c r="AP6100">
        <v>13251.484560000001</v>
      </c>
    </row>
    <row r="6101" spans="2:42" x14ac:dyDescent="0.3">
      <c r="B6101">
        <v>56.346420321725454</v>
      </c>
      <c r="C6101" s="83">
        <v>43355.125</v>
      </c>
      <c r="D6101">
        <v>240763.37119999999</v>
      </c>
      <c r="E6101">
        <v>12802.8459</v>
      </c>
      <c r="F6101">
        <v>56860.848259999999</v>
      </c>
      <c r="G6101">
        <v>30478.07417</v>
      </c>
      <c r="H6101">
        <v>33690.814639999997</v>
      </c>
      <c r="I6101">
        <v>16364.617109999999</v>
      </c>
      <c r="J6101">
        <v>32814.222520000003</v>
      </c>
      <c r="K6101">
        <v>46288.152629999997</v>
      </c>
      <c r="L6101">
        <v>16437.997810000001</v>
      </c>
      <c r="M6101">
        <v>287280.32750000001</v>
      </c>
      <c r="N6101">
        <v>73067.664579999997</v>
      </c>
      <c r="O6101">
        <v>15764.949850000001</v>
      </c>
      <c r="P6101">
        <v>24218.962329999998</v>
      </c>
      <c r="Q6101">
        <v>89139.208639999997</v>
      </c>
      <c r="R6101">
        <v>15612.59088</v>
      </c>
      <c r="S6101">
        <v>70708.015220000001</v>
      </c>
      <c r="T6101">
        <v>17561.123189999998</v>
      </c>
      <c r="U6101">
        <v>13160.314340000001</v>
      </c>
      <c r="W6101" s="83">
        <f>Bühler!N6133</f>
        <v>45546.124999985208</v>
      </c>
      <c r="X6101" s="83">
        <v>43355.125</v>
      </c>
      <c r="Y6101">
        <v>240763.37119999999</v>
      </c>
      <c r="Z6101">
        <v>12802.8459</v>
      </c>
      <c r="AA6101">
        <v>56860.848259999999</v>
      </c>
      <c r="AB6101">
        <v>30478.07417</v>
      </c>
      <c r="AC6101">
        <v>33690.814639999997</v>
      </c>
      <c r="AD6101">
        <v>16364.617109999999</v>
      </c>
      <c r="AE6101">
        <v>32814.222520000003</v>
      </c>
      <c r="AF6101">
        <v>46288.152629999997</v>
      </c>
      <c r="AG6101">
        <v>16437.997810000001</v>
      </c>
      <c r="AH6101">
        <v>287280.32750000001</v>
      </c>
      <c r="AI6101">
        <v>73067.664579999997</v>
      </c>
      <c r="AJ6101">
        <v>15764.949850000001</v>
      </c>
      <c r="AK6101">
        <v>24218.962329999998</v>
      </c>
      <c r="AL6101">
        <v>89139.208639999997</v>
      </c>
      <c r="AM6101">
        <v>15612.59088</v>
      </c>
      <c r="AN6101">
        <v>70708.015220000001</v>
      </c>
      <c r="AO6101">
        <v>17561.123189999998</v>
      </c>
      <c r="AP6101">
        <v>13160.314340000001</v>
      </c>
    </row>
    <row r="6102" spans="2:42" x14ac:dyDescent="0.3">
      <c r="B6102">
        <v>57.54765661303945</v>
      </c>
      <c r="C6102" s="83">
        <v>43355.166666666664</v>
      </c>
      <c r="D6102">
        <v>242271.66510000001</v>
      </c>
      <c r="E6102">
        <v>13250.03407</v>
      </c>
      <c r="F6102">
        <v>60058.152199999997</v>
      </c>
      <c r="G6102">
        <v>29755.71055</v>
      </c>
      <c r="H6102">
        <v>34096.496039999998</v>
      </c>
      <c r="I6102">
        <v>17584.875510000002</v>
      </c>
      <c r="J6102">
        <v>34849.412420000001</v>
      </c>
      <c r="K6102">
        <v>45423.566919999997</v>
      </c>
      <c r="L6102">
        <v>15627.801310000001</v>
      </c>
      <c r="M6102">
        <v>293404.79029999999</v>
      </c>
      <c r="N6102">
        <v>72376.731079999998</v>
      </c>
      <c r="O6102">
        <v>15976.61917</v>
      </c>
      <c r="P6102">
        <v>23646.50402</v>
      </c>
      <c r="Q6102">
        <v>92277.687690000006</v>
      </c>
      <c r="R6102">
        <v>15510.69159</v>
      </c>
      <c r="S6102">
        <v>71068.151979999995</v>
      </c>
      <c r="T6102">
        <v>17443.33642</v>
      </c>
      <c r="U6102">
        <v>13351.0106</v>
      </c>
      <c r="W6102" s="83">
        <f>Bühler!N6134</f>
        <v>45546.166666651872</v>
      </c>
      <c r="X6102" s="83">
        <v>43355.166666666664</v>
      </c>
      <c r="Y6102">
        <v>242271.66510000001</v>
      </c>
      <c r="Z6102">
        <v>13250.03407</v>
      </c>
      <c r="AA6102">
        <v>60058.152199999997</v>
      </c>
      <c r="AB6102">
        <v>29755.71055</v>
      </c>
      <c r="AC6102">
        <v>34096.496039999998</v>
      </c>
      <c r="AD6102">
        <v>17584.875510000002</v>
      </c>
      <c r="AE6102">
        <v>34849.412420000001</v>
      </c>
      <c r="AF6102">
        <v>45423.566919999997</v>
      </c>
      <c r="AG6102">
        <v>15627.801310000001</v>
      </c>
      <c r="AH6102">
        <v>293404.79029999999</v>
      </c>
      <c r="AI6102">
        <v>72376.731079999998</v>
      </c>
      <c r="AJ6102">
        <v>15976.61917</v>
      </c>
      <c r="AK6102">
        <v>23646.50402</v>
      </c>
      <c r="AL6102">
        <v>92277.687690000006</v>
      </c>
      <c r="AM6102">
        <v>15510.69159</v>
      </c>
      <c r="AN6102">
        <v>71068.151979999995</v>
      </c>
      <c r="AO6102">
        <v>17443.33642</v>
      </c>
      <c r="AP6102">
        <v>13351.0106</v>
      </c>
    </row>
    <row r="6103" spans="2:42" x14ac:dyDescent="0.3">
      <c r="B6103">
        <v>60.096020616755993</v>
      </c>
      <c r="C6103" s="83">
        <v>43355.208333333336</v>
      </c>
      <c r="D6103">
        <v>257498.34299999999</v>
      </c>
      <c r="E6103">
        <v>14898.894340000001</v>
      </c>
      <c r="F6103">
        <v>67593.530060000005</v>
      </c>
      <c r="G6103">
        <v>31454.39832</v>
      </c>
      <c r="H6103">
        <v>35872.80618</v>
      </c>
      <c r="I6103">
        <v>24839.926070000001</v>
      </c>
      <c r="J6103">
        <v>38141.60224</v>
      </c>
      <c r="K6103">
        <v>46298.636299999998</v>
      </c>
      <c r="L6103">
        <v>17568.039929999999</v>
      </c>
      <c r="M6103">
        <v>306397.53840000002</v>
      </c>
      <c r="N6103">
        <v>72927.012090000004</v>
      </c>
      <c r="O6103">
        <v>16885.44368</v>
      </c>
      <c r="P6103">
        <v>25266.024679999999</v>
      </c>
      <c r="Q6103">
        <v>95591.563389999996</v>
      </c>
      <c r="R6103">
        <v>16819.53357</v>
      </c>
      <c r="S6103">
        <v>73427.752600000007</v>
      </c>
      <c r="T6103">
        <v>18948.107629999999</v>
      </c>
      <c r="U6103">
        <v>14989.01827</v>
      </c>
      <c r="W6103" s="83">
        <f>Bühler!N6135</f>
        <v>45546.208333318536</v>
      </c>
      <c r="X6103" s="83">
        <v>43355.208333333336</v>
      </c>
      <c r="Y6103">
        <v>257498.34299999999</v>
      </c>
      <c r="Z6103">
        <v>14898.894340000001</v>
      </c>
      <c r="AA6103">
        <v>67593.530060000005</v>
      </c>
      <c r="AB6103">
        <v>31454.39832</v>
      </c>
      <c r="AC6103">
        <v>35872.80618</v>
      </c>
      <c r="AD6103">
        <v>24839.926070000001</v>
      </c>
      <c r="AE6103">
        <v>38141.60224</v>
      </c>
      <c r="AF6103">
        <v>46298.636299999998</v>
      </c>
      <c r="AG6103">
        <v>17568.039929999999</v>
      </c>
      <c r="AH6103">
        <v>306397.53840000002</v>
      </c>
      <c r="AI6103">
        <v>72927.012090000004</v>
      </c>
      <c r="AJ6103">
        <v>16885.44368</v>
      </c>
      <c r="AK6103">
        <v>25266.024679999999</v>
      </c>
      <c r="AL6103">
        <v>95591.563389999996</v>
      </c>
      <c r="AM6103">
        <v>16819.53357</v>
      </c>
      <c r="AN6103">
        <v>73427.752600000007</v>
      </c>
      <c r="AO6103">
        <v>18948.107629999999</v>
      </c>
      <c r="AP6103">
        <v>14989.01827</v>
      </c>
    </row>
    <row r="6104" spans="2:42" x14ac:dyDescent="0.3">
      <c r="B6104">
        <v>63.157737308213548</v>
      </c>
      <c r="C6104" s="83">
        <v>43355.25</v>
      </c>
      <c r="D6104">
        <v>273250.77899999998</v>
      </c>
      <c r="E6104">
        <v>18992.17238</v>
      </c>
      <c r="F6104">
        <v>79154.42138</v>
      </c>
      <c r="G6104">
        <v>40446.683870000001</v>
      </c>
      <c r="H6104">
        <v>38728.334490000001</v>
      </c>
      <c r="I6104">
        <v>31944.867149999998</v>
      </c>
      <c r="J6104">
        <v>42761.402770000001</v>
      </c>
      <c r="K6104">
        <v>48049.647140000001</v>
      </c>
      <c r="L6104">
        <v>19193.3606</v>
      </c>
      <c r="M6104">
        <v>322007.59789999999</v>
      </c>
      <c r="N6104">
        <v>76407.109689999997</v>
      </c>
      <c r="O6104">
        <v>18592.823240000002</v>
      </c>
      <c r="P6104">
        <v>26198.01395</v>
      </c>
      <c r="Q6104">
        <v>96491.386960000003</v>
      </c>
      <c r="R6104">
        <v>18972.880799999999</v>
      </c>
      <c r="S6104">
        <v>82172.157900000006</v>
      </c>
      <c r="T6104">
        <v>21283.057049999999</v>
      </c>
      <c r="U6104">
        <v>17705.411779999999</v>
      </c>
      <c r="W6104" s="83">
        <f>Bühler!N6136</f>
        <v>45546.249999985201</v>
      </c>
      <c r="X6104" s="83">
        <v>43355.25</v>
      </c>
      <c r="Y6104">
        <v>273250.77899999998</v>
      </c>
      <c r="Z6104">
        <v>18992.17238</v>
      </c>
      <c r="AA6104">
        <v>79154.42138</v>
      </c>
      <c r="AB6104">
        <v>40446.683870000001</v>
      </c>
      <c r="AC6104">
        <v>38728.334490000001</v>
      </c>
      <c r="AD6104">
        <v>31944.867149999998</v>
      </c>
      <c r="AE6104">
        <v>42761.402770000001</v>
      </c>
      <c r="AF6104">
        <v>48049.647140000001</v>
      </c>
      <c r="AG6104">
        <v>19193.3606</v>
      </c>
      <c r="AH6104">
        <v>322007.59789999999</v>
      </c>
      <c r="AI6104">
        <v>76407.109689999997</v>
      </c>
      <c r="AJ6104">
        <v>18592.823240000002</v>
      </c>
      <c r="AK6104">
        <v>26198.01395</v>
      </c>
      <c r="AL6104">
        <v>96491.386960000003</v>
      </c>
      <c r="AM6104">
        <v>18972.880799999999</v>
      </c>
      <c r="AN6104">
        <v>82172.157900000006</v>
      </c>
      <c r="AO6104">
        <v>21283.057049999999</v>
      </c>
      <c r="AP6104">
        <v>17705.411779999999</v>
      </c>
    </row>
    <row r="6105" spans="2:42" x14ac:dyDescent="0.3">
      <c r="B6105">
        <v>64.712840817430575</v>
      </c>
      <c r="C6105" s="83">
        <v>43355.291666666664</v>
      </c>
      <c r="D6105">
        <v>286723.02960000001</v>
      </c>
      <c r="E6105">
        <v>23337.530480000001</v>
      </c>
      <c r="F6105">
        <v>81255.821800000005</v>
      </c>
      <c r="G6105">
        <v>50524.927830000001</v>
      </c>
      <c r="H6105">
        <v>43512.288979999998</v>
      </c>
      <c r="I6105">
        <v>40212.787210000002</v>
      </c>
      <c r="J6105">
        <v>43488.638339999998</v>
      </c>
      <c r="K6105">
        <v>53636.134449999998</v>
      </c>
      <c r="L6105">
        <v>21555.837899999999</v>
      </c>
      <c r="M6105">
        <v>329936.24080000003</v>
      </c>
      <c r="N6105">
        <v>82589.979019999999</v>
      </c>
      <c r="O6105">
        <v>21124.386149999998</v>
      </c>
      <c r="P6105">
        <v>30173.301510000001</v>
      </c>
      <c r="Q6105">
        <v>96212.838359999994</v>
      </c>
      <c r="R6105">
        <v>21109.445299999999</v>
      </c>
      <c r="S6105">
        <v>96582.008870000005</v>
      </c>
      <c r="T6105">
        <v>25897.01959</v>
      </c>
      <c r="U6105">
        <v>22317.450779999999</v>
      </c>
      <c r="W6105" s="83">
        <f>Bühler!N6137</f>
        <v>45546.291666651865</v>
      </c>
      <c r="X6105" s="83">
        <v>43355.291666666664</v>
      </c>
      <c r="Y6105">
        <v>286723.02960000001</v>
      </c>
      <c r="Z6105">
        <v>23337.530480000001</v>
      </c>
      <c r="AA6105">
        <v>81255.821800000005</v>
      </c>
      <c r="AB6105">
        <v>50524.927830000001</v>
      </c>
      <c r="AC6105">
        <v>43512.288979999998</v>
      </c>
      <c r="AD6105">
        <v>40212.787210000002</v>
      </c>
      <c r="AE6105">
        <v>43488.638339999998</v>
      </c>
      <c r="AF6105">
        <v>53636.134449999998</v>
      </c>
      <c r="AG6105">
        <v>21555.837899999999</v>
      </c>
      <c r="AH6105">
        <v>329936.24080000003</v>
      </c>
      <c r="AI6105">
        <v>82589.979019999999</v>
      </c>
      <c r="AJ6105">
        <v>21124.386149999998</v>
      </c>
      <c r="AK6105">
        <v>30173.301510000001</v>
      </c>
      <c r="AL6105">
        <v>96212.838359999994</v>
      </c>
      <c r="AM6105">
        <v>21109.445299999999</v>
      </c>
      <c r="AN6105">
        <v>96582.008870000005</v>
      </c>
      <c r="AO6105">
        <v>25897.01959</v>
      </c>
      <c r="AP6105">
        <v>22317.450779999999</v>
      </c>
    </row>
    <row r="6106" spans="2:42" x14ac:dyDescent="0.3">
      <c r="B6106">
        <v>66.234295894257585</v>
      </c>
      <c r="C6106" s="83">
        <v>43355.333333333336</v>
      </c>
      <c r="D6106">
        <v>295924.74859999999</v>
      </c>
      <c r="E6106">
        <v>28787.772509999999</v>
      </c>
      <c r="F6106">
        <v>86928.419779999997</v>
      </c>
      <c r="G6106">
        <v>62355.692210000001</v>
      </c>
      <c r="H6106">
        <v>47659.356619999999</v>
      </c>
      <c r="I6106">
        <v>42300.914920000003</v>
      </c>
      <c r="J6106">
        <v>44682.433360000003</v>
      </c>
      <c r="K6106">
        <v>58803.658409999996</v>
      </c>
      <c r="L6106">
        <v>24775.43605</v>
      </c>
      <c r="M6106">
        <v>337693.32829999999</v>
      </c>
      <c r="N6106">
        <v>90853.237150000001</v>
      </c>
      <c r="O6106">
        <v>22357.140879999999</v>
      </c>
      <c r="P6106">
        <v>32879.954960000003</v>
      </c>
      <c r="Q6106">
        <v>96304.939379999996</v>
      </c>
      <c r="R6106">
        <v>21599.4529</v>
      </c>
      <c r="S6106">
        <v>107571.22560000001</v>
      </c>
      <c r="T6106">
        <v>28850.707699999999</v>
      </c>
      <c r="U6106">
        <v>25346.89588</v>
      </c>
      <c r="W6106" s="83">
        <f>Bühler!N6138</f>
        <v>45546.333333318529</v>
      </c>
      <c r="X6106" s="83">
        <v>43355.333333333336</v>
      </c>
      <c r="Y6106">
        <v>295924.74859999999</v>
      </c>
      <c r="Z6106">
        <v>28787.772509999999</v>
      </c>
      <c r="AA6106">
        <v>86928.419779999997</v>
      </c>
      <c r="AB6106">
        <v>62355.692210000001</v>
      </c>
      <c r="AC6106">
        <v>47659.356619999999</v>
      </c>
      <c r="AD6106">
        <v>42300.914920000003</v>
      </c>
      <c r="AE6106">
        <v>44682.433360000003</v>
      </c>
      <c r="AF6106">
        <v>58803.658409999996</v>
      </c>
      <c r="AG6106">
        <v>24775.43605</v>
      </c>
      <c r="AH6106">
        <v>337693.32829999999</v>
      </c>
      <c r="AI6106">
        <v>90853.237150000001</v>
      </c>
      <c r="AJ6106">
        <v>22357.140879999999</v>
      </c>
      <c r="AK6106">
        <v>32879.954960000003</v>
      </c>
      <c r="AL6106">
        <v>96304.939379999996</v>
      </c>
      <c r="AM6106">
        <v>21599.4529</v>
      </c>
      <c r="AN6106">
        <v>107571.22560000001</v>
      </c>
      <c r="AO6106">
        <v>28850.707699999999</v>
      </c>
      <c r="AP6106">
        <v>25346.89588</v>
      </c>
    </row>
    <row r="6107" spans="2:42" x14ac:dyDescent="0.3">
      <c r="B6107">
        <v>66.906558525824806</v>
      </c>
      <c r="C6107" s="83">
        <v>43355.375</v>
      </c>
      <c r="D6107">
        <v>299230.08549999999</v>
      </c>
      <c r="E6107">
        <v>33111.053070000002</v>
      </c>
      <c r="F6107">
        <v>92602.556280000004</v>
      </c>
      <c r="G6107">
        <v>68623.009980000003</v>
      </c>
      <c r="H6107">
        <v>50037.785129999997</v>
      </c>
      <c r="I6107">
        <v>39610.25952</v>
      </c>
      <c r="J6107">
        <v>45419.20263</v>
      </c>
      <c r="K6107">
        <v>60649.778350000001</v>
      </c>
      <c r="L6107">
        <v>27326.670190000001</v>
      </c>
      <c r="M6107">
        <v>341120.83669999999</v>
      </c>
      <c r="N6107">
        <v>94683.085590000002</v>
      </c>
      <c r="O6107">
        <v>23076.39315</v>
      </c>
      <c r="P6107">
        <v>34859.60744</v>
      </c>
      <c r="Q6107">
        <v>98033.609219999998</v>
      </c>
      <c r="R6107">
        <v>22881.387620000001</v>
      </c>
      <c r="S6107">
        <v>113257.3846</v>
      </c>
      <c r="T6107">
        <v>31200.005840000002</v>
      </c>
      <c r="U6107">
        <v>25531.002359999999</v>
      </c>
      <c r="W6107" s="83">
        <f>Bühler!N6139</f>
        <v>45546.374999985193</v>
      </c>
      <c r="X6107" s="83">
        <v>43355.375</v>
      </c>
      <c r="Y6107">
        <v>299230.08549999999</v>
      </c>
      <c r="Z6107">
        <v>33111.053070000002</v>
      </c>
      <c r="AA6107">
        <v>92602.556280000004</v>
      </c>
      <c r="AB6107">
        <v>68623.009980000003</v>
      </c>
      <c r="AC6107">
        <v>50037.785129999997</v>
      </c>
      <c r="AD6107">
        <v>39610.25952</v>
      </c>
      <c r="AE6107">
        <v>45419.20263</v>
      </c>
      <c r="AF6107">
        <v>60649.778350000001</v>
      </c>
      <c r="AG6107">
        <v>27326.670190000001</v>
      </c>
      <c r="AH6107">
        <v>341120.83669999999</v>
      </c>
      <c r="AI6107">
        <v>94683.085590000002</v>
      </c>
      <c r="AJ6107">
        <v>23076.39315</v>
      </c>
      <c r="AK6107">
        <v>34859.60744</v>
      </c>
      <c r="AL6107">
        <v>98033.609219999998</v>
      </c>
      <c r="AM6107">
        <v>22881.387620000001</v>
      </c>
      <c r="AN6107">
        <v>113257.3846</v>
      </c>
      <c r="AO6107">
        <v>31200.005840000002</v>
      </c>
      <c r="AP6107">
        <v>25531.002359999999</v>
      </c>
    </row>
    <row r="6108" spans="2:42" x14ac:dyDescent="0.3">
      <c r="B6108">
        <v>67.81431232659321</v>
      </c>
      <c r="C6108" s="83">
        <v>43355.416666666664</v>
      </c>
      <c r="D6108">
        <v>301664.96960000001</v>
      </c>
      <c r="E6108">
        <v>35280.146410000001</v>
      </c>
      <c r="F6108">
        <v>95395.952789999996</v>
      </c>
      <c r="G6108">
        <v>70286.897209999996</v>
      </c>
      <c r="H6108">
        <v>51104.379370000002</v>
      </c>
      <c r="I6108">
        <v>37701.964240000001</v>
      </c>
      <c r="J6108">
        <v>44821.894890000003</v>
      </c>
      <c r="K6108">
        <v>62295.298889999998</v>
      </c>
      <c r="L6108">
        <v>29607.633539999999</v>
      </c>
      <c r="M6108">
        <v>345748.9889</v>
      </c>
      <c r="N6108">
        <v>96080.671279999995</v>
      </c>
      <c r="O6108">
        <v>24214.61261</v>
      </c>
      <c r="P6108">
        <v>36365.815690000003</v>
      </c>
      <c r="Q6108">
        <v>100420.32520000001</v>
      </c>
      <c r="R6108">
        <v>23450.306919999999</v>
      </c>
      <c r="S6108">
        <v>115623.3009</v>
      </c>
      <c r="T6108">
        <v>32840.217640000003</v>
      </c>
      <c r="U6108">
        <v>24735.52419</v>
      </c>
      <c r="W6108" s="83">
        <f>Bühler!N6140</f>
        <v>45546.416666651858</v>
      </c>
      <c r="X6108" s="83">
        <v>43355.416666666664</v>
      </c>
      <c r="Y6108">
        <v>301664.96960000001</v>
      </c>
      <c r="Z6108">
        <v>35280.146410000001</v>
      </c>
      <c r="AA6108">
        <v>95395.952789999996</v>
      </c>
      <c r="AB6108">
        <v>70286.897209999996</v>
      </c>
      <c r="AC6108">
        <v>51104.379370000002</v>
      </c>
      <c r="AD6108">
        <v>37701.964240000001</v>
      </c>
      <c r="AE6108">
        <v>44821.894890000003</v>
      </c>
      <c r="AF6108">
        <v>62295.298889999998</v>
      </c>
      <c r="AG6108">
        <v>29607.633539999999</v>
      </c>
      <c r="AH6108">
        <v>345748.9889</v>
      </c>
      <c r="AI6108">
        <v>96080.671279999995</v>
      </c>
      <c r="AJ6108">
        <v>24214.61261</v>
      </c>
      <c r="AK6108">
        <v>36365.815690000003</v>
      </c>
      <c r="AL6108">
        <v>100420.32520000001</v>
      </c>
      <c r="AM6108">
        <v>23450.306919999999</v>
      </c>
      <c r="AN6108">
        <v>115623.3009</v>
      </c>
      <c r="AO6108">
        <v>32840.217640000003</v>
      </c>
      <c r="AP6108">
        <v>24735.52419</v>
      </c>
    </row>
    <row r="6109" spans="2:42" x14ac:dyDescent="0.3">
      <c r="B6109">
        <v>68.88427667157849</v>
      </c>
      <c r="C6109" s="83">
        <v>43355.458333333336</v>
      </c>
      <c r="D6109">
        <v>301738.33630000002</v>
      </c>
      <c r="E6109">
        <v>35666.955650000004</v>
      </c>
      <c r="F6109">
        <v>96910.291469999996</v>
      </c>
      <c r="G6109">
        <v>68431.563439999998</v>
      </c>
      <c r="H6109">
        <v>50936.631909999996</v>
      </c>
      <c r="I6109">
        <v>37715.085679999997</v>
      </c>
      <c r="J6109">
        <v>45192.697870000004</v>
      </c>
      <c r="K6109">
        <v>63169.612699999998</v>
      </c>
      <c r="L6109">
        <v>30905.441599999998</v>
      </c>
      <c r="M6109">
        <v>351204.16609999997</v>
      </c>
      <c r="N6109">
        <v>98282.826990000001</v>
      </c>
      <c r="O6109">
        <v>23436.94599</v>
      </c>
      <c r="P6109">
        <v>35578.9041</v>
      </c>
      <c r="Q6109">
        <v>101663.8864</v>
      </c>
      <c r="R6109">
        <v>24363.78456</v>
      </c>
      <c r="S6109">
        <v>118062.4656</v>
      </c>
      <c r="T6109">
        <v>32926.943859999999</v>
      </c>
      <c r="U6109">
        <v>24238.068589999999</v>
      </c>
      <c r="W6109" s="83">
        <f>Bühler!N6141</f>
        <v>45546.458333318522</v>
      </c>
      <c r="X6109" s="83">
        <v>43355.458333333336</v>
      </c>
      <c r="Y6109">
        <v>301738.33630000002</v>
      </c>
      <c r="Z6109">
        <v>35666.955650000004</v>
      </c>
      <c r="AA6109">
        <v>96910.291469999996</v>
      </c>
      <c r="AB6109">
        <v>68431.563439999998</v>
      </c>
      <c r="AC6109">
        <v>50936.631909999996</v>
      </c>
      <c r="AD6109">
        <v>37715.085679999997</v>
      </c>
      <c r="AE6109">
        <v>45192.697870000004</v>
      </c>
      <c r="AF6109">
        <v>63169.612699999998</v>
      </c>
      <c r="AG6109">
        <v>30905.441599999998</v>
      </c>
      <c r="AH6109">
        <v>351204.16609999997</v>
      </c>
      <c r="AI6109">
        <v>98282.826990000001</v>
      </c>
      <c r="AJ6109">
        <v>23436.94599</v>
      </c>
      <c r="AK6109">
        <v>35578.9041</v>
      </c>
      <c r="AL6109">
        <v>101663.8864</v>
      </c>
      <c r="AM6109">
        <v>24363.78456</v>
      </c>
      <c r="AN6109">
        <v>118062.4656</v>
      </c>
      <c r="AO6109">
        <v>32926.943859999999</v>
      </c>
      <c r="AP6109">
        <v>24238.068589999999</v>
      </c>
    </row>
    <row r="6110" spans="2:42" x14ac:dyDescent="0.3">
      <c r="B6110">
        <v>67.676912615971361</v>
      </c>
      <c r="C6110" s="83">
        <v>43355.5</v>
      </c>
      <c r="D6110">
        <v>290806.32309999998</v>
      </c>
      <c r="E6110">
        <v>32463.815989999999</v>
      </c>
      <c r="F6110">
        <v>92117.921159999998</v>
      </c>
      <c r="G6110">
        <v>63801.329290000001</v>
      </c>
      <c r="H6110">
        <v>48739.695520000001</v>
      </c>
      <c r="I6110">
        <v>36557.387759999998</v>
      </c>
      <c r="J6110">
        <v>45950.107519999998</v>
      </c>
      <c r="K6110">
        <v>59797.898139999998</v>
      </c>
      <c r="L6110">
        <v>34158.629480000003</v>
      </c>
      <c r="M6110">
        <v>345048.46110000001</v>
      </c>
      <c r="N6110">
        <v>96475.485000000001</v>
      </c>
      <c r="O6110">
        <v>22574.418440000001</v>
      </c>
      <c r="P6110">
        <v>37142.246950000001</v>
      </c>
      <c r="Q6110">
        <v>102863.28320000001</v>
      </c>
      <c r="R6110">
        <v>25022.94297</v>
      </c>
      <c r="S6110">
        <v>112623.9474</v>
      </c>
      <c r="T6110">
        <v>32733.126349999999</v>
      </c>
      <c r="U6110">
        <v>20113.353859999999</v>
      </c>
      <c r="W6110" s="83">
        <f>Bühler!N6142</f>
        <v>45546.499999985186</v>
      </c>
      <c r="X6110" s="83">
        <v>43355.5</v>
      </c>
      <c r="Y6110">
        <v>290806.32309999998</v>
      </c>
      <c r="Z6110">
        <v>32463.815989999999</v>
      </c>
      <c r="AA6110">
        <v>92117.921159999998</v>
      </c>
      <c r="AB6110">
        <v>63801.329290000001</v>
      </c>
      <c r="AC6110">
        <v>48739.695520000001</v>
      </c>
      <c r="AD6110">
        <v>36557.387759999998</v>
      </c>
      <c r="AE6110">
        <v>45950.107519999998</v>
      </c>
      <c r="AF6110">
        <v>59797.898139999998</v>
      </c>
      <c r="AG6110">
        <v>34158.629480000003</v>
      </c>
      <c r="AH6110">
        <v>345048.46110000001</v>
      </c>
      <c r="AI6110">
        <v>96475.485000000001</v>
      </c>
      <c r="AJ6110">
        <v>22574.418440000001</v>
      </c>
      <c r="AK6110">
        <v>37142.246950000001</v>
      </c>
      <c r="AL6110">
        <v>102863.28320000001</v>
      </c>
      <c r="AM6110">
        <v>25022.94297</v>
      </c>
      <c r="AN6110">
        <v>112623.9474</v>
      </c>
      <c r="AO6110">
        <v>32733.126349999999</v>
      </c>
      <c r="AP6110">
        <v>20113.353859999999</v>
      </c>
    </row>
    <row r="6111" spans="2:42" x14ac:dyDescent="0.3">
      <c r="B6111">
        <v>66.905784234158418</v>
      </c>
      <c r="C6111" s="83">
        <v>43355.541666666664</v>
      </c>
      <c r="D6111">
        <v>290744.5686</v>
      </c>
      <c r="E6111">
        <v>33180.635320000001</v>
      </c>
      <c r="F6111">
        <v>90448.770130000004</v>
      </c>
      <c r="G6111">
        <v>58930.3874</v>
      </c>
      <c r="H6111">
        <v>50017.330170000001</v>
      </c>
      <c r="I6111">
        <v>36874.553090000001</v>
      </c>
      <c r="J6111">
        <v>45469.618849999999</v>
      </c>
      <c r="K6111">
        <v>61637.813399999999</v>
      </c>
      <c r="L6111">
        <v>33061.273990000002</v>
      </c>
      <c r="M6111">
        <v>341116.88900000002</v>
      </c>
      <c r="N6111">
        <v>97535.298809999993</v>
      </c>
      <c r="O6111">
        <v>23839.921249999999</v>
      </c>
      <c r="P6111">
        <v>36110.392919999998</v>
      </c>
      <c r="Q6111">
        <v>102857.5509</v>
      </c>
      <c r="R6111">
        <v>25547.85154</v>
      </c>
      <c r="S6111">
        <v>112316.47349999999</v>
      </c>
      <c r="T6111">
        <v>32090.91216</v>
      </c>
      <c r="U6111">
        <v>22598.573039999999</v>
      </c>
      <c r="W6111" s="83">
        <f>Bühler!N6143</f>
        <v>45546.54166665185</v>
      </c>
      <c r="X6111" s="83">
        <v>43355.541666666664</v>
      </c>
      <c r="Y6111">
        <v>290744.5686</v>
      </c>
      <c r="Z6111">
        <v>33180.635320000001</v>
      </c>
      <c r="AA6111">
        <v>90448.770130000004</v>
      </c>
      <c r="AB6111">
        <v>58930.3874</v>
      </c>
      <c r="AC6111">
        <v>50017.330170000001</v>
      </c>
      <c r="AD6111">
        <v>36874.553090000001</v>
      </c>
      <c r="AE6111">
        <v>45469.618849999999</v>
      </c>
      <c r="AF6111">
        <v>61637.813399999999</v>
      </c>
      <c r="AG6111">
        <v>33061.273990000002</v>
      </c>
      <c r="AH6111">
        <v>341116.88900000002</v>
      </c>
      <c r="AI6111">
        <v>97535.298809999993</v>
      </c>
      <c r="AJ6111">
        <v>23839.921249999999</v>
      </c>
      <c r="AK6111">
        <v>36110.392919999998</v>
      </c>
      <c r="AL6111">
        <v>102857.5509</v>
      </c>
      <c r="AM6111">
        <v>25547.85154</v>
      </c>
      <c r="AN6111">
        <v>112316.47349999999</v>
      </c>
      <c r="AO6111">
        <v>32090.91216</v>
      </c>
      <c r="AP6111">
        <v>22598.573039999999</v>
      </c>
    </row>
    <row r="6112" spans="2:42" x14ac:dyDescent="0.3">
      <c r="B6112">
        <v>66.772380078009931</v>
      </c>
      <c r="C6112" s="83">
        <v>43355.583333333336</v>
      </c>
      <c r="D6112">
        <v>296415.58130000002</v>
      </c>
      <c r="E6112">
        <v>36229.474049999997</v>
      </c>
      <c r="F6112">
        <v>98129.740919999997</v>
      </c>
      <c r="G6112">
        <v>57082.030939999997</v>
      </c>
      <c r="H6112">
        <v>50641.320910000002</v>
      </c>
      <c r="I6112">
        <v>37257.397349999999</v>
      </c>
      <c r="J6112">
        <v>45330.768369999998</v>
      </c>
      <c r="K6112">
        <v>65150.190759999998</v>
      </c>
      <c r="L6112">
        <v>29414.36203</v>
      </c>
      <c r="M6112">
        <v>340436.73239999998</v>
      </c>
      <c r="N6112">
        <v>98957.326430000001</v>
      </c>
      <c r="O6112">
        <v>23662.164110000002</v>
      </c>
      <c r="P6112">
        <v>32493.763589999999</v>
      </c>
      <c r="Q6112">
        <v>101594.8005</v>
      </c>
      <c r="R6112">
        <v>25009.603210000001</v>
      </c>
      <c r="S6112">
        <v>109152.4667</v>
      </c>
      <c r="T6112">
        <v>31493.993160000002</v>
      </c>
      <c r="U6112">
        <v>23083.63132</v>
      </c>
      <c r="W6112" s="83">
        <f>Bühler!N6144</f>
        <v>45546.583333318515</v>
      </c>
      <c r="X6112" s="83">
        <v>43355.583333333336</v>
      </c>
      <c r="Y6112">
        <v>296415.58130000002</v>
      </c>
      <c r="Z6112">
        <v>36229.474049999997</v>
      </c>
      <c r="AA6112">
        <v>98129.740919999997</v>
      </c>
      <c r="AB6112">
        <v>57082.030939999997</v>
      </c>
      <c r="AC6112">
        <v>50641.320910000002</v>
      </c>
      <c r="AD6112">
        <v>37257.397349999999</v>
      </c>
      <c r="AE6112">
        <v>45330.768369999998</v>
      </c>
      <c r="AF6112">
        <v>65150.190759999998</v>
      </c>
      <c r="AG6112">
        <v>29414.36203</v>
      </c>
      <c r="AH6112">
        <v>340436.73239999998</v>
      </c>
      <c r="AI6112">
        <v>98957.326430000001</v>
      </c>
      <c r="AJ6112">
        <v>23662.164110000002</v>
      </c>
      <c r="AK6112">
        <v>32493.763589999999</v>
      </c>
      <c r="AL6112">
        <v>101594.8005</v>
      </c>
      <c r="AM6112">
        <v>25009.603210000001</v>
      </c>
      <c r="AN6112">
        <v>109152.4667</v>
      </c>
      <c r="AO6112">
        <v>31493.993160000002</v>
      </c>
      <c r="AP6112">
        <v>23083.63132</v>
      </c>
    </row>
    <row r="6113" spans="2:42" x14ac:dyDescent="0.3">
      <c r="B6113">
        <v>66.985657665242741</v>
      </c>
      <c r="C6113" s="83">
        <v>43355.625</v>
      </c>
      <c r="D6113">
        <v>295792.72570000001</v>
      </c>
      <c r="E6113">
        <v>36285.136559999999</v>
      </c>
      <c r="F6113">
        <v>100112.9186</v>
      </c>
      <c r="G6113">
        <v>55669.067889999998</v>
      </c>
      <c r="H6113">
        <v>49589.874020000003</v>
      </c>
      <c r="I6113">
        <v>38043.00806</v>
      </c>
      <c r="J6113">
        <v>44896.094590000001</v>
      </c>
      <c r="K6113">
        <v>63889.539429999997</v>
      </c>
      <c r="L6113">
        <v>26773.702499999999</v>
      </c>
      <c r="M6113">
        <v>341524.12099999998</v>
      </c>
      <c r="N6113">
        <v>98137.602650000001</v>
      </c>
      <c r="O6113">
        <v>23991.803749999999</v>
      </c>
      <c r="P6113">
        <v>30184.460360000001</v>
      </c>
      <c r="Q6113">
        <v>101313.2846</v>
      </c>
      <c r="R6113">
        <v>24976.537950000002</v>
      </c>
      <c r="S6113">
        <v>107430.22070000001</v>
      </c>
      <c r="T6113">
        <v>31563.537380000002</v>
      </c>
      <c r="U6113">
        <v>23038.46357</v>
      </c>
      <c r="W6113" s="83">
        <f>Bühler!N6145</f>
        <v>45546.624999985179</v>
      </c>
      <c r="X6113" s="83">
        <v>43355.625</v>
      </c>
      <c r="Y6113">
        <v>295792.72570000001</v>
      </c>
      <c r="Z6113">
        <v>36285.136559999999</v>
      </c>
      <c r="AA6113">
        <v>100112.9186</v>
      </c>
      <c r="AB6113">
        <v>55669.067889999998</v>
      </c>
      <c r="AC6113">
        <v>49589.874020000003</v>
      </c>
      <c r="AD6113">
        <v>38043.00806</v>
      </c>
      <c r="AE6113">
        <v>44896.094590000001</v>
      </c>
      <c r="AF6113">
        <v>63889.539429999997</v>
      </c>
      <c r="AG6113">
        <v>26773.702499999999</v>
      </c>
      <c r="AH6113">
        <v>341524.12099999998</v>
      </c>
      <c r="AI6113">
        <v>98137.602650000001</v>
      </c>
      <c r="AJ6113">
        <v>23991.803749999999</v>
      </c>
      <c r="AK6113">
        <v>30184.460360000001</v>
      </c>
      <c r="AL6113">
        <v>101313.2846</v>
      </c>
      <c r="AM6113">
        <v>24976.537950000002</v>
      </c>
      <c r="AN6113">
        <v>107430.22070000001</v>
      </c>
      <c r="AO6113">
        <v>31563.537380000002</v>
      </c>
      <c r="AP6113">
        <v>23038.46357</v>
      </c>
    </row>
    <row r="6114" spans="2:42" x14ac:dyDescent="0.3">
      <c r="B6114">
        <v>65.552866584543366</v>
      </c>
      <c r="C6114" s="83">
        <v>43355.666666666664</v>
      </c>
      <c r="D6114">
        <v>286539.61310000002</v>
      </c>
      <c r="E6114">
        <v>35392.776859999998</v>
      </c>
      <c r="F6114">
        <v>100224.7911</v>
      </c>
      <c r="G6114">
        <v>52842.639439999999</v>
      </c>
      <c r="H6114">
        <v>48047.744989999999</v>
      </c>
      <c r="I6114">
        <v>39384.35572</v>
      </c>
      <c r="J6114">
        <v>44128.853210000001</v>
      </c>
      <c r="K6114">
        <v>60924.745499999997</v>
      </c>
      <c r="L6114">
        <v>26696.3279</v>
      </c>
      <c r="M6114">
        <v>334219.08390000003</v>
      </c>
      <c r="N6114">
        <v>95290.985289999997</v>
      </c>
      <c r="O6114">
        <v>23511.480250000001</v>
      </c>
      <c r="P6114">
        <v>29465.6489</v>
      </c>
      <c r="Q6114">
        <v>100961.89629999999</v>
      </c>
      <c r="R6114">
        <v>25018.407859999999</v>
      </c>
      <c r="S6114">
        <v>104766.79580000001</v>
      </c>
      <c r="T6114">
        <v>30906.343860000001</v>
      </c>
      <c r="U6114">
        <v>21400.282940000001</v>
      </c>
      <c r="W6114" s="83">
        <f>Bühler!N6146</f>
        <v>45546.666666651843</v>
      </c>
      <c r="X6114" s="83">
        <v>43355.666666666664</v>
      </c>
      <c r="Y6114">
        <v>286539.61310000002</v>
      </c>
      <c r="Z6114">
        <v>35392.776859999998</v>
      </c>
      <c r="AA6114">
        <v>100224.7911</v>
      </c>
      <c r="AB6114">
        <v>52842.639439999999</v>
      </c>
      <c r="AC6114">
        <v>48047.744989999999</v>
      </c>
      <c r="AD6114">
        <v>39384.35572</v>
      </c>
      <c r="AE6114">
        <v>44128.853210000001</v>
      </c>
      <c r="AF6114">
        <v>60924.745499999997</v>
      </c>
      <c r="AG6114">
        <v>26696.3279</v>
      </c>
      <c r="AH6114">
        <v>334219.08390000003</v>
      </c>
      <c r="AI6114">
        <v>95290.985289999997</v>
      </c>
      <c r="AJ6114">
        <v>23511.480250000001</v>
      </c>
      <c r="AK6114">
        <v>29465.6489</v>
      </c>
      <c r="AL6114">
        <v>100961.89629999999</v>
      </c>
      <c r="AM6114">
        <v>25018.407859999999</v>
      </c>
      <c r="AN6114">
        <v>104766.79580000001</v>
      </c>
      <c r="AO6114">
        <v>30906.343860000001</v>
      </c>
      <c r="AP6114">
        <v>21400.282940000001</v>
      </c>
    </row>
    <row r="6115" spans="2:42" x14ac:dyDescent="0.3">
      <c r="B6115">
        <v>64.151196431071497</v>
      </c>
      <c r="C6115" s="83">
        <v>43355.708333333336</v>
      </c>
      <c r="D6115">
        <v>276159.58559999999</v>
      </c>
      <c r="E6115">
        <v>32934.893210000002</v>
      </c>
      <c r="F6115">
        <v>98925.103940000001</v>
      </c>
      <c r="G6115">
        <v>48862.205090000003</v>
      </c>
      <c r="H6115">
        <v>45821.611960000002</v>
      </c>
      <c r="I6115">
        <v>39545.309959999999</v>
      </c>
      <c r="J6115">
        <v>44336.961799999997</v>
      </c>
      <c r="K6115">
        <v>56389.555419999997</v>
      </c>
      <c r="L6115">
        <v>26840.153699999999</v>
      </c>
      <c r="M6115">
        <v>327072.71580000001</v>
      </c>
      <c r="N6115">
        <v>92335.544420000006</v>
      </c>
      <c r="O6115">
        <v>22278.01842</v>
      </c>
      <c r="P6115">
        <v>30760.93939</v>
      </c>
      <c r="Q6115">
        <v>99516.270489999995</v>
      </c>
      <c r="R6115">
        <v>24663.70046</v>
      </c>
      <c r="S6115">
        <v>101767.9543</v>
      </c>
      <c r="T6115">
        <v>30101.377240000002</v>
      </c>
      <c r="U6115">
        <v>18819.078320000001</v>
      </c>
      <c r="W6115" s="83">
        <f>Bühler!N6147</f>
        <v>45546.708333318507</v>
      </c>
      <c r="X6115" s="83">
        <v>43355.708333333336</v>
      </c>
      <c r="Y6115">
        <v>276159.58559999999</v>
      </c>
      <c r="Z6115">
        <v>32934.893210000002</v>
      </c>
      <c r="AA6115">
        <v>98925.103940000001</v>
      </c>
      <c r="AB6115">
        <v>48862.205090000003</v>
      </c>
      <c r="AC6115">
        <v>45821.611960000002</v>
      </c>
      <c r="AD6115">
        <v>39545.309959999999</v>
      </c>
      <c r="AE6115">
        <v>44336.961799999997</v>
      </c>
      <c r="AF6115">
        <v>56389.555419999997</v>
      </c>
      <c r="AG6115">
        <v>26840.153699999999</v>
      </c>
      <c r="AH6115">
        <v>327072.71580000001</v>
      </c>
      <c r="AI6115">
        <v>92335.544420000006</v>
      </c>
      <c r="AJ6115">
        <v>22278.01842</v>
      </c>
      <c r="AK6115">
        <v>30760.93939</v>
      </c>
      <c r="AL6115">
        <v>99516.270489999995</v>
      </c>
      <c r="AM6115">
        <v>24663.70046</v>
      </c>
      <c r="AN6115">
        <v>101767.9543</v>
      </c>
      <c r="AO6115">
        <v>30101.377240000002</v>
      </c>
      <c r="AP6115">
        <v>18819.078320000001</v>
      </c>
    </row>
    <row r="6116" spans="2:42" x14ac:dyDescent="0.3">
      <c r="B6116">
        <v>62.567095495945559</v>
      </c>
      <c r="C6116" s="83">
        <v>43355.75</v>
      </c>
      <c r="D6116">
        <v>270256.67979999998</v>
      </c>
      <c r="E6116">
        <v>29989.33841</v>
      </c>
      <c r="F6116">
        <v>96970.413549999997</v>
      </c>
      <c r="G6116">
        <v>43965.428310000003</v>
      </c>
      <c r="H6116">
        <v>43399.258900000001</v>
      </c>
      <c r="I6116">
        <v>37873.61058</v>
      </c>
      <c r="J6116">
        <v>44370.698219999998</v>
      </c>
      <c r="K6116">
        <v>54127.158349999998</v>
      </c>
      <c r="L6116">
        <v>28215.652849999999</v>
      </c>
      <c r="M6116">
        <v>318996.23050000001</v>
      </c>
      <c r="N6116">
        <v>88722.960630000001</v>
      </c>
      <c r="O6116">
        <v>20069.258870000001</v>
      </c>
      <c r="P6116">
        <v>34535.975189999997</v>
      </c>
      <c r="Q6116">
        <v>97334.928960000005</v>
      </c>
      <c r="R6116">
        <v>23411.224770000001</v>
      </c>
      <c r="S6116">
        <v>95120.820949999994</v>
      </c>
      <c r="T6116">
        <v>29581.85728</v>
      </c>
      <c r="U6116">
        <v>17093.447909999999</v>
      </c>
      <c r="W6116" s="83">
        <f>Bühler!N6148</f>
        <v>45546.749999985172</v>
      </c>
      <c r="X6116" s="83">
        <v>43355.75</v>
      </c>
      <c r="Y6116">
        <v>270256.67979999998</v>
      </c>
      <c r="Z6116">
        <v>29989.33841</v>
      </c>
      <c r="AA6116">
        <v>96970.413549999997</v>
      </c>
      <c r="AB6116">
        <v>43965.428310000003</v>
      </c>
      <c r="AC6116">
        <v>43399.258900000001</v>
      </c>
      <c r="AD6116">
        <v>37873.61058</v>
      </c>
      <c r="AE6116">
        <v>44370.698219999998</v>
      </c>
      <c r="AF6116">
        <v>54127.158349999998</v>
      </c>
      <c r="AG6116">
        <v>28215.652849999999</v>
      </c>
      <c r="AH6116">
        <v>318996.23050000001</v>
      </c>
      <c r="AI6116">
        <v>88722.960630000001</v>
      </c>
      <c r="AJ6116">
        <v>20069.258870000001</v>
      </c>
      <c r="AK6116">
        <v>34535.975189999997</v>
      </c>
      <c r="AL6116">
        <v>97334.928960000005</v>
      </c>
      <c r="AM6116">
        <v>23411.224770000001</v>
      </c>
      <c r="AN6116">
        <v>95120.820949999994</v>
      </c>
      <c r="AO6116">
        <v>29581.85728</v>
      </c>
      <c r="AP6116">
        <v>17093.447909999999</v>
      </c>
    </row>
    <row r="6117" spans="2:42" x14ac:dyDescent="0.3">
      <c r="B6117">
        <v>60.966644389138764</v>
      </c>
      <c r="C6117" s="83">
        <v>43355.791666666664</v>
      </c>
      <c r="D6117">
        <v>264620.4951</v>
      </c>
      <c r="E6117">
        <v>24280.509549999999</v>
      </c>
      <c r="F6117">
        <v>85651.64129</v>
      </c>
      <c r="G6117">
        <v>41540.453909999997</v>
      </c>
      <c r="H6117">
        <v>41352.692920000001</v>
      </c>
      <c r="I6117">
        <v>34834.271090000002</v>
      </c>
      <c r="J6117">
        <v>43773.950089999998</v>
      </c>
      <c r="K6117">
        <v>53039.755369999999</v>
      </c>
      <c r="L6117">
        <v>29020.517599999999</v>
      </c>
      <c r="M6117">
        <v>310836.38439999998</v>
      </c>
      <c r="N6117">
        <v>85854.243059999993</v>
      </c>
      <c r="O6117">
        <v>19267.04752</v>
      </c>
      <c r="P6117">
        <v>37546.31338</v>
      </c>
      <c r="Q6117">
        <v>94296.570229999998</v>
      </c>
      <c r="R6117">
        <v>22864.68115</v>
      </c>
      <c r="S6117">
        <v>90866.006699999998</v>
      </c>
      <c r="T6117">
        <v>30148.235049999999</v>
      </c>
      <c r="U6117">
        <v>16560.753079999999</v>
      </c>
      <c r="W6117" s="83">
        <f>Bühler!N6149</f>
        <v>45546.791666651836</v>
      </c>
      <c r="X6117" s="83">
        <v>43355.791666666664</v>
      </c>
      <c r="Y6117">
        <v>264620.4951</v>
      </c>
      <c r="Z6117">
        <v>24280.509549999999</v>
      </c>
      <c r="AA6117">
        <v>85651.64129</v>
      </c>
      <c r="AB6117">
        <v>41540.453909999997</v>
      </c>
      <c r="AC6117">
        <v>41352.692920000001</v>
      </c>
      <c r="AD6117">
        <v>34834.271090000002</v>
      </c>
      <c r="AE6117">
        <v>43773.950089999998</v>
      </c>
      <c r="AF6117">
        <v>53039.755369999999</v>
      </c>
      <c r="AG6117">
        <v>29020.517599999999</v>
      </c>
      <c r="AH6117">
        <v>310836.38439999998</v>
      </c>
      <c r="AI6117">
        <v>85854.243059999993</v>
      </c>
      <c r="AJ6117">
        <v>19267.04752</v>
      </c>
      <c r="AK6117">
        <v>37546.31338</v>
      </c>
      <c r="AL6117">
        <v>94296.570229999998</v>
      </c>
      <c r="AM6117">
        <v>22864.68115</v>
      </c>
      <c r="AN6117">
        <v>90866.006699999998</v>
      </c>
      <c r="AO6117">
        <v>30148.235049999999</v>
      </c>
      <c r="AP6117">
        <v>16560.753079999999</v>
      </c>
    </row>
    <row r="6118" spans="2:42" x14ac:dyDescent="0.3">
      <c r="B6118">
        <v>59.092739461812052</v>
      </c>
      <c r="C6118" s="83">
        <v>43355.833333333336</v>
      </c>
      <c r="D6118">
        <v>254048.78959999999</v>
      </c>
      <c r="E6118">
        <v>18248.229530000001</v>
      </c>
      <c r="F6118">
        <v>69722.451809999999</v>
      </c>
      <c r="G6118">
        <v>37856.641380000001</v>
      </c>
      <c r="H6118">
        <v>39997.365879999998</v>
      </c>
      <c r="I6118">
        <v>31007.06107</v>
      </c>
      <c r="J6118">
        <v>44457.143470000003</v>
      </c>
      <c r="K6118">
        <v>52477.018640000002</v>
      </c>
      <c r="L6118">
        <v>28518.814750000001</v>
      </c>
      <c r="M6118">
        <v>301282.3432</v>
      </c>
      <c r="N6118">
        <v>84093.229569999996</v>
      </c>
      <c r="O6118">
        <v>17908.72695</v>
      </c>
      <c r="P6118">
        <v>38190.96097</v>
      </c>
      <c r="Q6118">
        <v>91075.205929999996</v>
      </c>
      <c r="R6118">
        <v>21320.200430000001</v>
      </c>
      <c r="S6118">
        <v>83776.074489999999</v>
      </c>
      <c r="T6118">
        <v>29236.697629999999</v>
      </c>
      <c r="U6118">
        <v>16075.920749999999</v>
      </c>
      <c r="W6118" s="83">
        <f>Bühler!N6150</f>
        <v>45546.8333333185</v>
      </c>
      <c r="X6118" s="83">
        <v>43355.833333333336</v>
      </c>
      <c r="Y6118">
        <v>254048.78959999999</v>
      </c>
      <c r="Z6118">
        <v>18248.229530000001</v>
      </c>
      <c r="AA6118">
        <v>69722.451809999999</v>
      </c>
      <c r="AB6118">
        <v>37856.641380000001</v>
      </c>
      <c r="AC6118">
        <v>39997.365879999998</v>
      </c>
      <c r="AD6118">
        <v>31007.06107</v>
      </c>
      <c r="AE6118">
        <v>44457.143470000003</v>
      </c>
      <c r="AF6118">
        <v>52477.018640000002</v>
      </c>
      <c r="AG6118">
        <v>28518.814750000001</v>
      </c>
      <c r="AH6118">
        <v>301282.3432</v>
      </c>
      <c r="AI6118">
        <v>84093.229569999996</v>
      </c>
      <c r="AJ6118">
        <v>17908.72695</v>
      </c>
      <c r="AK6118">
        <v>38190.96097</v>
      </c>
      <c r="AL6118">
        <v>91075.205929999996</v>
      </c>
      <c r="AM6118">
        <v>21320.200430000001</v>
      </c>
      <c r="AN6118">
        <v>83776.074489999999</v>
      </c>
      <c r="AO6118">
        <v>29236.697629999999</v>
      </c>
      <c r="AP6118">
        <v>16075.920749999999</v>
      </c>
    </row>
    <row r="6119" spans="2:42" x14ac:dyDescent="0.3">
      <c r="B6119">
        <v>57.466531236846151</v>
      </c>
      <c r="C6119" s="83">
        <v>43355.875</v>
      </c>
      <c r="D6119">
        <v>246901.77429999999</v>
      </c>
      <c r="E6119">
        <v>15394.27001</v>
      </c>
      <c r="F6119">
        <v>60788.206140000002</v>
      </c>
      <c r="G6119">
        <v>36115.647839999998</v>
      </c>
      <c r="H6119">
        <v>37921.876640000002</v>
      </c>
      <c r="I6119">
        <v>27516.596740000001</v>
      </c>
      <c r="J6119">
        <v>42934.232669999998</v>
      </c>
      <c r="K6119">
        <v>51190.440410000003</v>
      </c>
      <c r="L6119">
        <v>27051.637999999999</v>
      </c>
      <c r="M6119">
        <v>292991.1753</v>
      </c>
      <c r="N6119">
        <v>81478.497130000003</v>
      </c>
      <c r="O6119">
        <v>16871.156419999999</v>
      </c>
      <c r="P6119">
        <v>36047.44728</v>
      </c>
      <c r="Q6119">
        <v>88368.242639999997</v>
      </c>
      <c r="R6119">
        <v>20001.006549999998</v>
      </c>
      <c r="S6119">
        <v>79662.650479999997</v>
      </c>
      <c r="T6119">
        <v>26870.810839999998</v>
      </c>
      <c r="U6119">
        <v>14723.01627</v>
      </c>
      <c r="W6119" s="83">
        <f>Bühler!N6151</f>
        <v>45546.874999985164</v>
      </c>
      <c r="X6119" s="83">
        <v>43355.875</v>
      </c>
      <c r="Y6119">
        <v>246901.77429999999</v>
      </c>
      <c r="Z6119">
        <v>15394.27001</v>
      </c>
      <c r="AA6119">
        <v>60788.206140000002</v>
      </c>
      <c r="AB6119">
        <v>36115.647839999998</v>
      </c>
      <c r="AC6119">
        <v>37921.876640000002</v>
      </c>
      <c r="AD6119">
        <v>27516.596740000001</v>
      </c>
      <c r="AE6119">
        <v>42934.232669999998</v>
      </c>
      <c r="AF6119">
        <v>51190.440410000003</v>
      </c>
      <c r="AG6119">
        <v>27051.637999999999</v>
      </c>
      <c r="AH6119">
        <v>292991.1753</v>
      </c>
      <c r="AI6119">
        <v>81478.497130000003</v>
      </c>
      <c r="AJ6119">
        <v>16871.156419999999</v>
      </c>
      <c r="AK6119">
        <v>36047.44728</v>
      </c>
      <c r="AL6119">
        <v>88368.242639999997</v>
      </c>
      <c r="AM6119">
        <v>20001.006549999998</v>
      </c>
      <c r="AN6119">
        <v>79662.650479999997</v>
      </c>
      <c r="AO6119">
        <v>26870.810839999998</v>
      </c>
      <c r="AP6119">
        <v>14723.01627</v>
      </c>
    </row>
    <row r="6120" spans="2:42" x14ac:dyDescent="0.3">
      <c r="B6120">
        <v>57.251733623887915</v>
      </c>
      <c r="C6120" s="83">
        <v>43355.916666666664</v>
      </c>
      <c r="D6120">
        <v>244480.8921</v>
      </c>
      <c r="E6120">
        <v>14568.685020000001</v>
      </c>
      <c r="F6120">
        <v>58350.93593</v>
      </c>
      <c r="G6120">
        <v>34301.168740000001</v>
      </c>
      <c r="H6120">
        <v>36475.934119999998</v>
      </c>
      <c r="I6120">
        <v>24929.374210000002</v>
      </c>
      <c r="J6120">
        <v>40883.460129999999</v>
      </c>
      <c r="K6120">
        <v>53295.347430000002</v>
      </c>
      <c r="L6120">
        <v>23843.775130000002</v>
      </c>
      <c r="M6120">
        <v>291896.03690000001</v>
      </c>
      <c r="N6120">
        <v>80221.855519999997</v>
      </c>
      <c r="O6120">
        <v>16650.413420000001</v>
      </c>
      <c r="P6120">
        <v>36785.3148</v>
      </c>
      <c r="Q6120">
        <v>87134.973029999994</v>
      </c>
      <c r="R6120">
        <v>20685.49166</v>
      </c>
      <c r="S6120">
        <v>77477.629419999997</v>
      </c>
      <c r="T6120">
        <v>23095.196080000002</v>
      </c>
      <c r="U6120">
        <v>14264.563</v>
      </c>
      <c r="W6120" s="83">
        <f>Bühler!N6152</f>
        <v>45546.916666651829</v>
      </c>
      <c r="X6120" s="83">
        <v>43355.916666666664</v>
      </c>
      <c r="Y6120">
        <v>244480.8921</v>
      </c>
      <c r="Z6120">
        <v>14568.685020000001</v>
      </c>
      <c r="AA6120">
        <v>58350.93593</v>
      </c>
      <c r="AB6120">
        <v>34301.168740000001</v>
      </c>
      <c r="AC6120">
        <v>36475.934119999998</v>
      </c>
      <c r="AD6120">
        <v>24929.374210000002</v>
      </c>
      <c r="AE6120">
        <v>40883.460129999999</v>
      </c>
      <c r="AF6120">
        <v>53295.347430000002</v>
      </c>
      <c r="AG6120">
        <v>23843.775130000002</v>
      </c>
      <c r="AH6120">
        <v>291896.03690000001</v>
      </c>
      <c r="AI6120">
        <v>80221.855519999997</v>
      </c>
      <c r="AJ6120">
        <v>16650.413420000001</v>
      </c>
      <c r="AK6120">
        <v>36785.3148</v>
      </c>
      <c r="AL6120">
        <v>87134.973029999994</v>
      </c>
      <c r="AM6120">
        <v>20685.49166</v>
      </c>
      <c r="AN6120">
        <v>77477.629419999997</v>
      </c>
      <c r="AO6120">
        <v>23095.196080000002</v>
      </c>
      <c r="AP6120">
        <v>14264.563</v>
      </c>
    </row>
    <row r="6121" spans="2:42" x14ac:dyDescent="0.3">
      <c r="B6121">
        <v>56.894022563800689</v>
      </c>
      <c r="C6121" s="83">
        <v>43355.958333333336</v>
      </c>
      <c r="D6121">
        <v>243452.46400000001</v>
      </c>
      <c r="E6121">
        <v>14016.37118</v>
      </c>
      <c r="F6121">
        <v>56882.756589999997</v>
      </c>
      <c r="G6121">
        <v>33206.252699999997</v>
      </c>
      <c r="H6121">
        <v>35599.834499999997</v>
      </c>
      <c r="I6121">
        <v>24235.93951</v>
      </c>
      <c r="J6121">
        <v>37445.209949999997</v>
      </c>
      <c r="K6121">
        <v>53074.556400000001</v>
      </c>
      <c r="L6121">
        <v>21118.936010000001</v>
      </c>
      <c r="M6121">
        <v>290072.25910000002</v>
      </c>
      <c r="N6121">
        <v>79535.88321</v>
      </c>
      <c r="O6121">
        <v>16132.70521</v>
      </c>
      <c r="P6121">
        <v>32034.87527</v>
      </c>
      <c r="Q6121">
        <v>86457.723759999993</v>
      </c>
      <c r="R6121">
        <v>19653.238799999999</v>
      </c>
      <c r="S6121">
        <v>75328.691900000005</v>
      </c>
      <c r="T6121">
        <v>21085.121650000001</v>
      </c>
      <c r="U6121">
        <v>13937.19233</v>
      </c>
      <c r="W6121" s="83">
        <f>Bühler!N6153</f>
        <v>45546.958333318493</v>
      </c>
      <c r="X6121" s="83">
        <v>43355.958333333336</v>
      </c>
      <c r="Y6121">
        <v>243452.46400000001</v>
      </c>
      <c r="Z6121">
        <v>14016.37118</v>
      </c>
      <c r="AA6121">
        <v>56882.756589999997</v>
      </c>
      <c r="AB6121">
        <v>33206.252699999997</v>
      </c>
      <c r="AC6121">
        <v>35599.834499999997</v>
      </c>
      <c r="AD6121">
        <v>24235.93951</v>
      </c>
      <c r="AE6121">
        <v>37445.209949999997</v>
      </c>
      <c r="AF6121">
        <v>53074.556400000001</v>
      </c>
      <c r="AG6121">
        <v>21118.936010000001</v>
      </c>
      <c r="AH6121">
        <v>290072.25910000002</v>
      </c>
      <c r="AI6121">
        <v>79535.88321</v>
      </c>
      <c r="AJ6121">
        <v>16132.70521</v>
      </c>
      <c r="AK6121">
        <v>32034.87527</v>
      </c>
      <c r="AL6121">
        <v>86457.723759999993</v>
      </c>
      <c r="AM6121">
        <v>19653.238799999999</v>
      </c>
      <c r="AN6121">
        <v>75328.691900000005</v>
      </c>
      <c r="AO6121">
        <v>21085.121650000001</v>
      </c>
      <c r="AP6121">
        <v>13937.19233</v>
      </c>
    </row>
    <row r="6122" spans="2:42" x14ac:dyDescent="0.3">
      <c r="B6122">
        <v>56.097259787008106</v>
      </c>
      <c r="C6122" s="83">
        <v>43356</v>
      </c>
      <c r="D6122">
        <v>241933.85699999999</v>
      </c>
      <c r="E6122">
        <v>13390.604869999999</v>
      </c>
      <c r="F6122">
        <v>55299.782879999999</v>
      </c>
      <c r="G6122">
        <v>32712.22654</v>
      </c>
      <c r="H6122">
        <v>34603.803939999998</v>
      </c>
      <c r="I6122">
        <v>22424.573469999999</v>
      </c>
      <c r="J6122">
        <v>34421.019130000001</v>
      </c>
      <c r="K6122">
        <v>51192.492760000001</v>
      </c>
      <c r="L6122">
        <v>18947.907910000002</v>
      </c>
      <c r="M6122">
        <v>286009.99089999998</v>
      </c>
      <c r="N6122">
        <v>78708.797730000006</v>
      </c>
      <c r="O6122">
        <v>15857.691650000001</v>
      </c>
      <c r="P6122">
        <v>29536.479940000001</v>
      </c>
      <c r="Q6122">
        <v>85670.379159999997</v>
      </c>
      <c r="R6122">
        <v>17287.579849999998</v>
      </c>
      <c r="S6122">
        <v>73758.292060000007</v>
      </c>
      <c r="T6122">
        <v>19237.938190000001</v>
      </c>
      <c r="U6122">
        <v>13530.61664</v>
      </c>
      <c r="W6122" s="83">
        <f>Bühler!N6154</f>
        <v>45546.999999985157</v>
      </c>
      <c r="X6122" s="83">
        <v>43356</v>
      </c>
      <c r="Y6122">
        <v>241933.85699999999</v>
      </c>
      <c r="Z6122">
        <v>13390.604869999999</v>
      </c>
      <c r="AA6122">
        <v>55299.782879999999</v>
      </c>
      <c r="AB6122">
        <v>32712.22654</v>
      </c>
      <c r="AC6122">
        <v>34603.803939999998</v>
      </c>
      <c r="AD6122">
        <v>22424.573469999999</v>
      </c>
      <c r="AE6122">
        <v>34421.019130000001</v>
      </c>
      <c r="AF6122">
        <v>51192.492760000001</v>
      </c>
      <c r="AG6122">
        <v>18947.907910000002</v>
      </c>
      <c r="AH6122">
        <v>286009.99089999998</v>
      </c>
      <c r="AI6122">
        <v>78708.797730000006</v>
      </c>
      <c r="AJ6122">
        <v>15857.691650000001</v>
      </c>
      <c r="AK6122">
        <v>29536.479940000001</v>
      </c>
      <c r="AL6122">
        <v>85670.379159999997</v>
      </c>
      <c r="AM6122">
        <v>17287.579849999998</v>
      </c>
      <c r="AN6122">
        <v>73758.292060000007</v>
      </c>
      <c r="AO6122">
        <v>19237.938190000001</v>
      </c>
      <c r="AP6122">
        <v>13530.61664</v>
      </c>
    </row>
    <row r="6123" spans="2:42" x14ac:dyDescent="0.3">
      <c r="B6123">
        <v>55.854939387668942</v>
      </c>
      <c r="C6123" s="83">
        <v>43356.041666666664</v>
      </c>
      <c r="D6123">
        <v>240245.92869999999</v>
      </c>
      <c r="E6123">
        <v>13104.921259999999</v>
      </c>
      <c r="F6123">
        <v>54379.551319999999</v>
      </c>
      <c r="G6123">
        <v>32078.08094</v>
      </c>
      <c r="H6123">
        <v>34209.394410000001</v>
      </c>
      <c r="I6123">
        <v>18814.409830000001</v>
      </c>
      <c r="J6123">
        <v>33063.435799999999</v>
      </c>
      <c r="K6123">
        <v>49737.891029999999</v>
      </c>
      <c r="L6123">
        <v>18005.97622</v>
      </c>
      <c r="M6123">
        <v>284774.52850000001</v>
      </c>
      <c r="N6123">
        <v>75836.470230000006</v>
      </c>
      <c r="O6123">
        <v>16040.09251</v>
      </c>
      <c r="P6123">
        <v>26764.487079999999</v>
      </c>
      <c r="Q6123">
        <v>86085.235339999999</v>
      </c>
      <c r="R6123">
        <v>15859.29225</v>
      </c>
      <c r="S6123">
        <v>72462.040630000003</v>
      </c>
      <c r="T6123">
        <v>18472.428360000002</v>
      </c>
      <c r="U6123">
        <v>13296.103429999999</v>
      </c>
      <c r="W6123" s="83">
        <f>Bühler!N6155</f>
        <v>45547.041666651821</v>
      </c>
      <c r="X6123" s="83">
        <v>43356.041666666664</v>
      </c>
      <c r="Y6123">
        <v>240245.92869999999</v>
      </c>
      <c r="Z6123">
        <v>13104.921259999999</v>
      </c>
      <c r="AA6123">
        <v>54379.551319999999</v>
      </c>
      <c r="AB6123">
        <v>32078.08094</v>
      </c>
      <c r="AC6123">
        <v>34209.394410000001</v>
      </c>
      <c r="AD6123">
        <v>18814.409830000001</v>
      </c>
      <c r="AE6123">
        <v>33063.435799999999</v>
      </c>
      <c r="AF6123">
        <v>49737.891029999999</v>
      </c>
      <c r="AG6123">
        <v>18005.97622</v>
      </c>
      <c r="AH6123">
        <v>284774.52850000001</v>
      </c>
      <c r="AI6123">
        <v>75836.470230000006</v>
      </c>
      <c r="AJ6123">
        <v>16040.09251</v>
      </c>
      <c r="AK6123">
        <v>26764.487079999999</v>
      </c>
      <c r="AL6123">
        <v>86085.235339999999</v>
      </c>
      <c r="AM6123">
        <v>15859.29225</v>
      </c>
      <c r="AN6123">
        <v>72462.040630000003</v>
      </c>
      <c r="AO6123">
        <v>18472.428360000002</v>
      </c>
      <c r="AP6123">
        <v>13296.103429999999</v>
      </c>
    </row>
    <row r="6124" spans="2:42" x14ac:dyDescent="0.3">
      <c r="B6124">
        <v>55.512343833859717</v>
      </c>
      <c r="C6124" s="83">
        <v>43356.083333333336</v>
      </c>
      <c r="D6124">
        <v>239970.31219999999</v>
      </c>
      <c r="E6124">
        <v>12874.44067</v>
      </c>
      <c r="F6124">
        <v>55103.290029999996</v>
      </c>
      <c r="G6124">
        <v>31706.881560000002</v>
      </c>
      <c r="H6124">
        <v>33762.562180000001</v>
      </c>
      <c r="I6124">
        <v>17497.45649</v>
      </c>
      <c r="J6124">
        <v>32824.181089999998</v>
      </c>
      <c r="K6124">
        <v>47241.367140000002</v>
      </c>
      <c r="L6124">
        <v>17454.109530000002</v>
      </c>
      <c r="M6124">
        <v>283027.81660000002</v>
      </c>
      <c r="N6124">
        <v>75542.66085</v>
      </c>
      <c r="O6124">
        <v>15694.033020000001</v>
      </c>
      <c r="P6124">
        <v>25048.606960000001</v>
      </c>
      <c r="Q6124">
        <v>87537.965360000002</v>
      </c>
      <c r="R6124">
        <v>15707.83879</v>
      </c>
      <c r="S6124">
        <v>71474.490760000001</v>
      </c>
      <c r="T6124">
        <v>18012.512579999999</v>
      </c>
      <c r="U6124">
        <v>12962.19642</v>
      </c>
      <c r="W6124" s="83">
        <f>Bühler!N6156</f>
        <v>45547.083333318486</v>
      </c>
      <c r="X6124" s="83">
        <v>43356.083333333336</v>
      </c>
      <c r="Y6124">
        <v>239970.31219999999</v>
      </c>
      <c r="Z6124">
        <v>12874.44067</v>
      </c>
      <c r="AA6124">
        <v>55103.290029999996</v>
      </c>
      <c r="AB6124">
        <v>31706.881560000002</v>
      </c>
      <c r="AC6124">
        <v>33762.562180000001</v>
      </c>
      <c r="AD6124">
        <v>17497.45649</v>
      </c>
      <c r="AE6124">
        <v>32824.181089999998</v>
      </c>
      <c r="AF6124">
        <v>47241.367140000002</v>
      </c>
      <c r="AG6124">
        <v>17454.109530000002</v>
      </c>
      <c r="AH6124">
        <v>283027.81660000002</v>
      </c>
      <c r="AI6124">
        <v>75542.66085</v>
      </c>
      <c r="AJ6124">
        <v>15694.033020000001</v>
      </c>
      <c r="AK6124">
        <v>25048.606960000001</v>
      </c>
      <c r="AL6124">
        <v>87537.965360000002</v>
      </c>
      <c r="AM6124">
        <v>15707.83879</v>
      </c>
      <c r="AN6124">
        <v>71474.490760000001</v>
      </c>
      <c r="AO6124">
        <v>18012.512579999999</v>
      </c>
      <c r="AP6124">
        <v>12962.19642</v>
      </c>
    </row>
    <row r="6125" spans="2:42" x14ac:dyDescent="0.3">
      <c r="B6125">
        <v>56.28024640247768</v>
      </c>
      <c r="C6125" s="83">
        <v>43356.125</v>
      </c>
      <c r="D6125">
        <v>242035.24739999999</v>
      </c>
      <c r="E6125">
        <v>12852.333350000001</v>
      </c>
      <c r="F6125">
        <v>55889.744160000002</v>
      </c>
      <c r="G6125">
        <v>30640.925879999999</v>
      </c>
      <c r="H6125">
        <v>33539.735589999997</v>
      </c>
      <c r="I6125">
        <v>16938.31811</v>
      </c>
      <c r="J6125">
        <v>33120.022499999999</v>
      </c>
      <c r="K6125">
        <v>46181.167329999997</v>
      </c>
      <c r="L6125">
        <v>16553.41344</v>
      </c>
      <c r="M6125">
        <v>286942.94199999998</v>
      </c>
      <c r="N6125">
        <v>74628.141260000004</v>
      </c>
      <c r="O6125">
        <v>15334.109200000001</v>
      </c>
      <c r="P6125">
        <v>24369.12873</v>
      </c>
      <c r="Q6125">
        <v>89749.924540000007</v>
      </c>
      <c r="R6125">
        <v>15188.822980000001</v>
      </c>
      <c r="S6125">
        <v>70723.999760000006</v>
      </c>
      <c r="T6125">
        <v>17696.763500000001</v>
      </c>
      <c r="U6125">
        <v>12890.70615</v>
      </c>
      <c r="W6125" s="83">
        <f>Bühler!N6157</f>
        <v>45547.12499998515</v>
      </c>
      <c r="X6125" s="83">
        <v>43356.125</v>
      </c>
      <c r="Y6125">
        <v>242035.24739999999</v>
      </c>
      <c r="Z6125">
        <v>12852.333350000001</v>
      </c>
      <c r="AA6125">
        <v>55889.744160000002</v>
      </c>
      <c r="AB6125">
        <v>30640.925879999999</v>
      </c>
      <c r="AC6125">
        <v>33539.735589999997</v>
      </c>
      <c r="AD6125">
        <v>16938.31811</v>
      </c>
      <c r="AE6125">
        <v>33120.022499999999</v>
      </c>
      <c r="AF6125">
        <v>46181.167329999997</v>
      </c>
      <c r="AG6125">
        <v>16553.41344</v>
      </c>
      <c r="AH6125">
        <v>286942.94199999998</v>
      </c>
      <c r="AI6125">
        <v>74628.141260000004</v>
      </c>
      <c r="AJ6125">
        <v>15334.109200000001</v>
      </c>
      <c r="AK6125">
        <v>24369.12873</v>
      </c>
      <c r="AL6125">
        <v>89749.924540000007</v>
      </c>
      <c r="AM6125">
        <v>15188.822980000001</v>
      </c>
      <c r="AN6125">
        <v>70723.999760000006</v>
      </c>
      <c r="AO6125">
        <v>17696.763500000001</v>
      </c>
      <c r="AP6125">
        <v>12890.70615</v>
      </c>
    </row>
    <row r="6126" spans="2:42" x14ac:dyDescent="0.3">
      <c r="B6126">
        <v>57.665551968168813</v>
      </c>
      <c r="C6126" s="83">
        <v>43356.166666666664</v>
      </c>
      <c r="D6126">
        <v>241127.41269999999</v>
      </c>
      <c r="E6126">
        <v>13273.224969999999</v>
      </c>
      <c r="F6126">
        <v>59195.51698</v>
      </c>
      <c r="G6126">
        <v>30073.99886</v>
      </c>
      <c r="H6126">
        <v>33970.429960000001</v>
      </c>
      <c r="I6126">
        <v>18276.76541</v>
      </c>
      <c r="J6126">
        <v>35157.450819999998</v>
      </c>
      <c r="K6126">
        <v>45100.357470000003</v>
      </c>
      <c r="L6126">
        <v>16586.174060000001</v>
      </c>
      <c r="M6126">
        <v>294005.87579999998</v>
      </c>
      <c r="N6126">
        <v>72990.186029999997</v>
      </c>
      <c r="O6126">
        <v>15511.46178</v>
      </c>
      <c r="P6126">
        <v>23708.695199999998</v>
      </c>
      <c r="Q6126">
        <v>93536.047439999995</v>
      </c>
      <c r="R6126">
        <v>14875.253360000001</v>
      </c>
      <c r="S6126">
        <v>71361.271900000007</v>
      </c>
      <c r="T6126">
        <v>17609.755239999999</v>
      </c>
      <c r="U6126">
        <v>13301.775610000001</v>
      </c>
      <c r="W6126" s="83">
        <f>Bühler!N6158</f>
        <v>45547.166666651814</v>
      </c>
      <c r="X6126" s="83">
        <v>43356.166666666664</v>
      </c>
      <c r="Y6126">
        <v>241127.41269999999</v>
      </c>
      <c r="Z6126">
        <v>13273.224969999999</v>
      </c>
      <c r="AA6126">
        <v>59195.51698</v>
      </c>
      <c r="AB6126">
        <v>30073.99886</v>
      </c>
      <c r="AC6126">
        <v>33970.429960000001</v>
      </c>
      <c r="AD6126">
        <v>18276.76541</v>
      </c>
      <c r="AE6126">
        <v>35157.450819999998</v>
      </c>
      <c r="AF6126">
        <v>45100.357470000003</v>
      </c>
      <c r="AG6126">
        <v>16586.174060000001</v>
      </c>
      <c r="AH6126">
        <v>294005.87579999998</v>
      </c>
      <c r="AI6126">
        <v>72990.186029999997</v>
      </c>
      <c r="AJ6126">
        <v>15511.46178</v>
      </c>
      <c r="AK6126">
        <v>23708.695199999998</v>
      </c>
      <c r="AL6126">
        <v>93536.047439999995</v>
      </c>
      <c r="AM6126">
        <v>14875.253360000001</v>
      </c>
      <c r="AN6126">
        <v>71361.271900000007</v>
      </c>
      <c r="AO6126">
        <v>17609.755239999999</v>
      </c>
      <c r="AP6126">
        <v>13301.775610000001</v>
      </c>
    </row>
    <row r="6127" spans="2:42" x14ac:dyDescent="0.3">
      <c r="B6127">
        <v>60.640088031141637</v>
      </c>
      <c r="C6127" s="83">
        <v>43356.208333333336</v>
      </c>
      <c r="D6127">
        <v>255260.99969999999</v>
      </c>
      <c r="E6127">
        <v>14974.263510000001</v>
      </c>
      <c r="F6127">
        <v>67705.979269999996</v>
      </c>
      <c r="G6127">
        <v>31915.644349999999</v>
      </c>
      <c r="H6127">
        <v>35677.926579999999</v>
      </c>
      <c r="I6127">
        <v>24959.428070000002</v>
      </c>
      <c r="J6127">
        <v>38490.301549999996</v>
      </c>
      <c r="K6127">
        <v>45679.803650000002</v>
      </c>
      <c r="L6127">
        <v>17742.737410000002</v>
      </c>
      <c r="M6127">
        <v>309171.44780000002</v>
      </c>
      <c r="N6127">
        <v>73202.495479999998</v>
      </c>
      <c r="O6127">
        <v>15856.422909999999</v>
      </c>
      <c r="P6127">
        <v>25479.64431</v>
      </c>
      <c r="Q6127">
        <v>96636.119579999999</v>
      </c>
      <c r="R6127">
        <v>16627.002069999999</v>
      </c>
      <c r="S6127">
        <v>73825.375039999999</v>
      </c>
      <c r="T6127">
        <v>18755.75735</v>
      </c>
      <c r="U6127">
        <v>15162.398080000001</v>
      </c>
      <c r="W6127" s="83">
        <f>Bühler!N6159</f>
        <v>45547.208333318478</v>
      </c>
      <c r="X6127" s="83">
        <v>43356.208333333336</v>
      </c>
      <c r="Y6127">
        <v>255260.99969999999</v>
      </c>
      <c r="Z6127">
        <v>14974.263510000001</v>
      </c>
      <c r="AA6127">
        <v>67705.979269999996</v>
      </c>
      <c r="AB6127">
        <v>31915.644349999999</v>
      </c>
      <c r="AC6127">
        <v>35677.926579999999</v>
      </c>
      <c r="AD6127">
        <v>24959.428070000002</v>
      </c>
      <c r="AE6127">
        <v>38490.301549999996</v>
      </c>
      <c r="AF6127">
        <v>45679.803650000002</v>
      </c>
      <c r="AG6127">
        <v>17742.737410000002</v>
      </c>
      <c r="AH6127">
        <v>309171.44780000002</v>
      </c>
      <c r="AI6127">
        <v>73202.495479999998</v>
      </c>
      <c r="AJ6127">
        <v>15856.422909999999</v>
      </c>
      <c r="AK6127">
        <v>25479.64431</v>
      </c>
      <c r="AL6127">
        <v>96636.119579999999</v>
      </c>
      <c r="AM6127">
        <v>16627.002069999999</v>
      </c>
      <c r="AN6127">
        <v>73825.375039999999</v>
      </c>
      <c r="AO6127">
        <v>18755.75735</v>
      </c>
      <c r="AP6127">
        <v>15162.398080000001</v>
      </c>
    </row>
    <row r="6128" spans="2:42" x14ac:dyDescent="0.3">
      <c r="B6128">
        <v>63.82164472134</v>
      </c>
      <c r="C6128" s="83">
        <v>43356.25</v>
      </c>
      <c r="D6128">
        <v>271730.68979999999</v>
      </c>
      <c r="E6128">
        <v>18949.366300000002</v>
      </c>
      <c r="F6128">
        <v>78291.909570000003</v>
      </c>
      <c r="G6128">
        <v>42659.332390000003</v>
      </c>
      <c r="H6128">
        <v>38504.398249999998</v>
      </c>
      <c r="I6128">
        <v>31996.038219999999</v>
      </c>
      <c r="J6128">
        <v>42679.363290000001</v>
      </c>
      <c r="K6128">
        <v>48657.808810000002</v>
      </c>
      <c r="L6128">
        <v>18949.75778</v>
      </c>
      <c r="M6128">
        <v>325392.50750000001</v>
      </c>
      <c r="N6128">
        <v>77870.565340000001</v>
      </c>
      <c r="O6128">
        <v>17609.647509999999</v>
      </c>
      <c r="P6128">
        <v>26467.302090000001</v>
      </c>
      <c r="Q6128">
        <v>97715.629010000004</v>
      </c>
      <c r="R6128">
        <v>18444.438389999999</v>
      </c>
      <c r="S6128">
        <v>82866.530310000002</v>
      </c>
      <c r="T6128">
        <v>21223.597709999998</v>
      </c>
      <c r="U6128">
        <v>18414.852999999999</v>
      </c>
      <c r="W6128" s="83">
        <f>Bühler!N6160</f>
        <v>45547.249999985142</v>
      </c>
      <c r="X6128" s="83">
        <v>43356.25</v>
      </c>
      <c r="Y6128">
        <v>271730.68979999999</v>
      </c>
      <c r="Z6128">
        <v>18949.366300000002</v>
      </c>
      <c r="AA6128">
        <v>78291.909570000003</v>
      </c>
      <c r="AB6128">
        <v>42659.332390000003</v>
      </c>
      <c r="AC6128">
        <v>38504.398249999998</v>
      </c>
      <c r="AD6128">
        <v>31996.038219999999</v>
      </c>
      <c r="AE6128">
        <v>42679.363290000001</v>
      </c>
      <c r="AF6128">
        <v>48657.808810000002</v>
      </c>
      <c r="AG6128">
        <v>18949.75778</v>
      </c>
      <c r="AH6128">
        <v>325392.50750000001</v>
      </c>
      <c r="AI6128">
        <v>77870.565340000001</v>
      </c>
      <c r="AJ6128">
        <v>17609.647509999999</v>
      </c>
      <c r="AK6128">
        <v>26467.302090000001</v>
      </c>
      <c r="AL6128">
        <v>97715.629010000004</v>
      </c>
      <c r="AM6128">
        <v>18444.438389999999</v>
      </c>
      <c r="AN6128">
        <v>82866.530310000002</v>
      </c>
      <c r="AO6128">
        <v>21223.597709999998</v>
      </c>
      <c r="AP6128">
        <v>18414.852999999999</v>
      </c>
    </row>
    <row r="6129" spans="2:42" x14ac:dyDescent="0.3">
      <c r="B6129">
        <v>66.004721504334071</v>
      </c>
      <c r="C6129" s="83">
        <v>43356.291666666664</v>
      </c>
      <c r="D6129">
        <v>285445.1556</v>
      </c>
      <c r="E6129">
        <v>23254.3583</v>
      </c>
      <c r="F6129">
        <v>81481.007660000003</v>
      </c>
      <c r="G6129">
        <v>53336.727720000003</v>
      </c>
      <c r="H6129">
        <v>43526.93129</v>
      </c>
      <c r="I6129">
        <v>39865.990830000002</v>
      </c>
      <c r="J6129">
        <v>43984.255080000003</v>
      </c>
      <c r="K6129">
        <v>54024.984909999999</v>
      </c>
      <c r="L6129">
        <v>20700.31222</v>
      </c>
      <c r="M6129">
        <v>336522.85100000002</v>
      </c>
      <c r="N6129">
        <v>85170.549499999994</v>
      </c>
      <c r="O6129">
        <v>20539.346850000002</v>
      </c>
      <c r="P6129">
        <v>30583.01801</v>
      </c>
      <c r="Q6129">
        <v>97000.496950000001</v>
      </c>
      <c r="R6129">
        <v>20872.303100000001</v>
      </c>
      <c r="S6129">
        <v>96882.077480000007</v>
      </c>
      <c r="T6129">
        <v>25970.639289999999</v>
      </c>
      <c r="U6129">
        <v>22841.701379999999</v>
      </c>
      <c r="W6129" s="83">
        <f>Bühler!N6161</f>
        <v>45547.291666651807</v>
      </c>
      <c r="X6129" s="83">
        <v>43356.291666666664</v>
      </c>
      <c r="Y6129">
        <v>285445.1556</v>
      </c>
      <c r="Z6129">
        <v>23254.3583</v>
      </c>
      <c r="AA6129">
        <v>81481.007660000003</v>
      </c>
      <c r="AB6129">
        <v>53336.727720000003</v>
      </c>
      <c r="AC6129">
        <v>43526.93129</v>
      </c>
      <c r="AD6129">
        <v>39865.990830000002</v>
      </c>
      <c r="AE6129">
        <v>43984.255080000003</v>
      </c>
      <c r="AF6129">
        <v>54024.984909999999</v>
      </c>
      <c r="AG6129">
        <v>20700.31222</v>
      </c>
      <c r="AH6129">
        <v>336522.85100000002</v>
      </c>
      <c r="AI6129">
        <v>85170.549499999994</v>
      </c>
      <c r="AJ6129">
        <v>20539.346850000002</v>
      </c>
      <c r="AK6129">
        <v>30583.01801</v>
      </c>
      <c r="AL6129">
        <v>97000.496950000001</v>
      </c>
      <c r="AM6129">
        <v>20872.303100000001</v>
      </c>
      <c r="AN6129">
        <v>96882.077480000007</v>
      </c>
      <c r="AO6129">
        <v>25970.639289999999</v>
      </c>
      <c r="AP6129">
        <v>22841.701379999999</v>
      </c>
    </row>
    <row r="6130" spans="2:42" x14ac:dyDescent="0.3">
      <c r="B6130">
        <v>67.270341392201175</v>
      </c>
      <c r="C6130" s="83">
        <v>43356.333333333336</v>
      </c>
      <c r="D6130">
        <v>295590.22600000002</v>
      </c>
      <c r="E6130">
        <v>28730.601760000001</v>
      </c>
      <c r="F6130">
        <v>87135.236990000005</v>
      </c>
      <c r="G6130">
        <v>66081.803390000001</v>
      </c>
      <c r="H6130">
        <v>47953.797960000004</v>
      </c>
      <c r="I6130">
        <v>42501.531969999996</v>
      </c>
      <c r="J6130">
        <v>44921.451119999998</v>
      </c>
      <c r="K6130">
        <v>60134.316919999997</v>
      </c>
      <c r="L6130">
        <v>23467.111929999999</v>
      </c>
      <c r="M6130">
        <v>342975.57140000002</v>
      </c>
      <c r="N6130">
        <v>90820.81594</v>
      </c>
      <c r="O6130">
        <v>22458.801889999999</v>
      </c>
      <c r="P6130">
        <v>32985.175600000002</v>
      </c>
      <c r="Q6130">
        <v>97814.102979999996</v>
      </c>
      <c r="R6130">
        <v>20915.827219999999</v>
      </c>
      <c r="S6130">
        <v>107862.37940000001</v>
      </c>
      <c r="T6130">
        <v>28690.596959999999</v>
      </c>
      <c r="U6130">
        <v>26097.17455</v>
      </c>
      <c r="W6130" s="83">
        <f>Bühler!N6162</f>
        <v>45547.333333318471</v>
      </c>
      <c r="X6130" s="83">
        <v>43356.333333333336</v>
      </c>
      <c r="Y6130">
        <v>295590.22600000002</v>
      </c>
      <c r="Z6130">
        <v>28730.601760000001</v>
      </c>
      <c r="AA6130">
        <v>87135.236990000005</v>
      </c>
      <c r="AB6130">
        <v>66081.803390000001</v>
      </c>
      <c r="AC6130">
        <v>47953.797960000004</v>
      </c>
      <c r="AD6130">
        <v>42501.531969999996</v>
      </c>
      <c r="AE6130">
        <v>44921.451119999998</v>
      </c>
      <c r="AF6130">
        <v>60134.316919999997</v>
      </c>
      <c r="AG6130">
        <v>23467.111929999999</v>
      </c>
      <c r="AH6130">
        <v>342975.57140000002</v>
      </c>
      <c r="AI6130">
        <v>90820.81594</v>
      </c>
      <c r="AJ6130">
        <v>22458.801889999999</v>
      </c>
      <c r="AK6130">
        <v>32985.175600000002</v>
      </c>
      <c r="AL6130">
        <v>97814.102979999996</v>
      </c>
      <c r="AM6130">
        <v>20915.827219999999</v>
      </c>
      <c r="AN6130">
        <v>107862.37940000001</v>
      </c>
      <c r="AO6130">
        <v>28690.596959999999</v>
      </c>
      <c r="AP6130">
        <v>26097.17455</v>
      </c>
    </row>
    <row r="6131" spans="2:42" x14ac:dyDescent="0.3">
      <c r="B6131">
        <v>67.48805794175756</v>
      </c>
      <c r="C6131" s="83">
        <v>43356.375</v>
      </c>
      <c r="D6131">
        <v>298530.01750000002</v>
      </c>
      <c r="E6131">
        <v>33405.148079999999</v>
      </c>
      <c r="F6131">
        <v>92182.885829999999</v>
      </c>
      <c r="G6131">
        <v>73145.456139999995</v>
      </c>
      <c r="H6131">
        <v>50526.371720000003</v>
      </c>
      <c r="I6131">
        <v>39964.517160000003</v>
      </c>
      <c r="J6131">
        <v>45703.802049999998</v>
      </c>
      <c r="K6131">
        <v>61883.399770000004</v>
      </c>
      <c r="L6131">
        <v>26967.731820000001</v>
      </c>
      <c r="M6131">
        <v>344085.5919</v>
      </c>
      <c r="N6131">
        <v>94949.90148</v>
      </c>
      <c r="O6131">
        <v>23423.513180000002</v>
      </c>
      <c r="P6131">
        <v>34916.50331</v>
      </c>
      <c r="Q6131">
        <v>98218.444529999993</v>
      </c>
      <c r="R6131">
        <v>21352.2706</v>
      </c>
      <c r="S6131">
        <v>114822.6645</v>
      </c>
      <c r="T6131">
        <v>31035.306769999999</v>
      </c>
      <c r="U6131">
        <v>26336.419450000001</v>
      </c>
      <c r="W6131" s="83">
        <f>Bühler!N6163</f>
        <v>45547.374999985135</v>
      </c>
      <c r="X6131" s="83">
        <v>43356.375</v>
      </c>
      <c r="Y6131">
        <v>298530.01750000002</v>
      </c>
      <c r="Z6131">
        <v>33405.148079999999</v>
      </c>
      <c r="AA6131">
        <v>92182.885829999999</v>
      </c>
      <c r="AB6131">
        <v>73145.456139999995</v>
      </c>
      <c r="AC6131">
        <v>50526.371720000003</v>
      </c>
      <c r="AD6131">
        <v>39964.517160000003</v>
      </c>
      <c r="AE6131">
        <v>45703.802049999998</v>
      </c>
      <c r="AF6131">
        <v>61883.399770000004</v>
      </c>
      <c r="AG6131">
        <v>26967.731820000001</v>
      </c>
      <c r="AH6131">
        <v>344085.5919</v>
      </c>
      <c r="AI6131">
        <v>94949.90148</v>
      </c>
      <c r="AJ6131">
        <v>23423.513180000002</v>
      </c>
      <c r="AK6131">
        <v>34916.50331</v>
      </c>
      <c r="AL6131">
        <v>98218.444529999993</v>
      </c>
      <c r="AM6131">
        <v>21352.2706</v>
      </c>
      <c r="AN6131">
        <v>114822.6645</v>
      </c>
      <c r="AO6131">
        <v>31035.306769999999</v>
      </c>
      <c r="AP6131">
        <v>26336.419450000001</v>
      </c>
    </row>
    <row r="6132" spans="2:42" x14ac:dyDescent="0.3">
      <c r="B6132">
        <v>68.741526548073551</v>
      </c>
      <c r="C6132" s="83">
        <v>43356.416666666664</v>
      </c>
      <c r="D6132">
        <v>302845.48489999998</v>
      </c>
      <c r="E6132">
        <v>35054.608359999998</v>
      </c>
      <c r="F6132">
        <v>95754.233590000003</v>
      </c>
      <c r="G6132">
        <v>75030.965989999997</v>
      </c>
      <c r="H6132">
        <v>51689.868190000001</v>
      </c>
      <c r="I6132">
        <v>37740.14804</v>
      </c>
      <c r="J6132">
        <v>45600.174160000002</v>
      </c>
      <c r="K6132">
        <v>63176.520660000002</v>
      </c>
      <c r="L6132">
        <v>29789.737700000001</v>
      </c>
      <c r="M6132">
        <v>350476.35940000002</v>
      </c>
      <c r="N6132">
        <v>96147.715460000007</v>
      </c>
      <c r="O6132">
        <v>24325.169010000001</v>
      </c>
      <c r="P6132">
        <v>36042.023639999999</v>
      </c>
      <c r="Q6132">
        <v>99563.436449999994</v>
      </c>
      <c r="R6132">
        <v>22282.732660000001</v>
      </c>
      <c r="S6132">
        <v>116289.32709999999</v>
      </c>
      <c r="T6132">
        <v>32707.66403</v>
      </c>
      <c r="U6132">
        <v>26041.675520000001</v>
      </c>
      <c r="W6132" s="83">
        <f>Bühler!N6164</f>
        <v>45547.416666651799</v>
      </c>
      <c r="X6132" s="83">
        <v>43356.416666666664</v>
      </c>
      <c r="Y6132">
        <v>302845.48489999998</v>
      </c>
      <c r="Z6132">
        <v>35054.608359999998</v>
      </c>
      <c r="AA6132">
        <v>95754.233590000003</v>
      </c>
      <c r="AB6132">
        <v>75030.965989999997</v>
      </c>
      <c r="AC6132">
        <v>51689.868190000001</v>
      </c>
      <c r="AD6132">
        <v>37740.14804</v>
      </c>
      <c r="AE6132">
        <v>45600.174160000002</v>
      </c>
      <c r="AF6132">
        <v>63176.520660000002</v>
      </c>
      <c r="AG6132">
        <v>29789.737700000001</v>
      </c>
      <c r="AH6132">
        <v>350476.35940000002</v>
      </c>
      <c r="AI6132">
        <v>96147.715460000007</v>
      </c>
      <c r="AJ6132">
        <v>24325.169010000001</v>
      </c>
      <c r="AK6132">
        <v>36042.023639999999</v>
      </c>
      <c r="AL6132">
        <v>99563.436449999994</v>
      </c>
      <c r="AM6132">
        <v>22282.732660000001</v>
      </c>
      <c r="AN6132">
        <v>116289.32709999999</v>
      </c>
      <c r="AO6132">
        <v>32707.66403</v>
      </c>
      <c r="AP6132">
        <v>26041.675520000001</v>
      </c>
    </row>
    <row r="6133" spans="2:42" x14ac:dyDescent="0.3">
      <c r="B6133">
        <v>69.493965427277473</v>
      </c>
      <c r="C6133" s="83">
        <v>43356.458333333336</v>
      </c>
      <c r="D6133">
        <v>299985.08140000002</v>
      </c>
      <c r="E6133">
        <v>35459.570970000001</v>
      </c>
      <c r="F6133">
        <v>97724.575639999995</v>
      </c>
      <c r="G6133">
        <v>73401.502340000006</v>
      </c>
      <c r="H6133">
        <v>51516.100149999998</v>
      </c>
      <c r="I6133">
        <v>37278.756410000002</v>
      </c>
      <c r="J6133">
        <v>45310.037259999997</v>
      </c>
      <c r="K6133">
        <v>63704.886579999999</v>
      </c>
      <c r="L6133">
        <v>31632.071100000001</v>
      </c>
      <c r="M6133">
        <v>354312.64370000002</v>
      </c>
      <c r="N6133">
        <v>97489.221420000002</v>
      </c>
      <c r="O6133">
        <v>24370.459419999999</v>
      </c>
      <c r="P6133">
        <v>36010.707499999997</v>
      </c>
      <c r="Q6133">
        <v>101374.45789999999</v>
      </c>
      <c r="R6133">
        <v>23482.728569999999</v>
      </c>
      <c r="S6133">
        <v>118822.31359999999</v>
      </c>
      <c r="T6133">
        <v>32663.844659999999</v>
      </c>
      <c r="U6133">
        <v>25458.287359999998</v>
      </c>
      <c r="W6133" s="83">
        <f>Bühler!N6165</f>
        <v>45547.458333318464</v>
      </c>
      <c r="X6133" s="83">
        <v>43356.458333333336</v>
      </c>
      <c r="Y6133">
        <v>299985.08140000002</v>
      </c>
      <c r="Z6133">
        <v>35459.570970000001</v>
      </c>
      <c r="AA6133">
        <v>97724.575639999995</v>
      </c>
      <c r="AB6133">
        <v>73401.502340000006</v>
      </c>
      <c r="AC6133">
        <v>51516.100149999998</v>
      </c>
      <c r="AD6133">
        <v>37278.756410000002</v>
      </c>
      <c r="AE6133">
        <v>45310.037259999997</v>
      </c>
      <c r="AF6133">
        <v>63704.886579999999</v>
      </c>
      <c r="AG6133">
        <v>31632.071100000001</v>
      </c>
      <c r="AH6133">
        <v>354312.64370000002</v>
      </c>
      <c r="AI6133">
        <v>97489.221420000002</v>
      </c>
      <c r="AJ6133">
        <v>24370.459419999999</v>
      </c>
      <c r="AK6133">
        <v>36010.707499999997</v>
      </c>
      <c r="AL6133">
        <v>101374.45789999999</v>
      </c>
      <c r="AM6133">
        <v>23482.728569999999</v>
      </c>
      <c r="AN6133">
        <v>118822.31359999999</v>
      </c>
      <c r="AO6133">
        <v>32663.844659999999</v>
      </c>
      <c r="AP6133">
        <v>25458.287359999998</v>
      </c>
    </row>
    <row r="6134" spans="2:42" x14ac:dyDescent="0.3">
      <c r="B6134">
        <v>69.087636256689009</v>
      </c>
      <c r="C6134" s="83">
        <v>43356.5</v>
      </c>
      <c r="D6134">
        <v>288815.13530000002</v>
      </c>
      <c r="E6134">
        <v>32188.54624</v>
      </c>
      <c r="F6134">
        <v>96481.210890000002</v>
      </c>
      <c r="G6134">
        <v>73652.802899999995</v>
      </c>
      <c r="H6134">
        <v>49671.96486</v>
      </c>
      <c r="I6134">
        <v>36451.849459999998</v>
      </c>
      <c r="J6134">
        <v>45839.592570000001</v>
      </c>
      <c r="K6134">
        <v>59819.706429999998</v>
      </c>
      <c r="L6134">
        <v>33531.957009999998</v>
      </c>
      <c r="M6134">
        <v>352240.98810000002</v>
      </c>
      <c r="N6134">
        <v>97009.648499999996</v>
      </c>
      <c r="O6134">
        <v>24255.00517</v>
      </c>
      <c r="P6134">
        <v>37685.186999999998</v>
      </c>
      <c r="Q6134">
        <v>101729.4228</v>
      </c>
      <c r="R6134">
        <v>25658.835370000001</v>
      </c>
      <c r="S6134">
        <v>113068.4289</v>
      </c>
      <c r="T6134">
        <v>32772.921049999997</v>
      </c>
      <c r="U6134">
        <v>20611.30904</v>
      </c>
      <c r="W6134" s="83">
        <f>Bühler!N6166</f>
        <v>45547.499999985128</v>
      </c>
      <c r="X6134" s="83">
        <v>43356.5</v>
      </c>
      <c r="Y6134">
        <v>288815.13530000002</v>
      </c>
      <c r="Z6134">
        <v>32188.54624</v>
      </c>
      <c r="AA6134">
        <v>96481.210890000002</v>
      </c>
      <c r="AB6134">
        <v>73652.802899999995</v>
      </c>
      <c r="AC6134">
        <v>49671.96486</v>
      </c>
      <c r="AD6134">
        <v>36451.849459999998</v>
      </c>
      <c r="AE6134">
        <v>45839.592570000001</v>
      </c>
      <c r="AF6134">
        <v>59819.706429999998</v>
      </c>
      <c r="AG6134">
        <v>33531.957009999998</v>
      </c>
      <c r="AH6134">
        <v>352240.98810000002</v>
      </c>
      <c r="AI6134">
        <v>97009.648499999996</v>
      </c>
      <c r="AJ6134">
        <v>24255.00517</v>
      </c>
      <c r="AK6134">
        <v>37685.186999999998</v>
      </c>
      <c r="AL6134">
        <v>101729.4228</v>
      </c>
      <c r="AM6134">
        <v>25658.835370000001</v>
      </c>
      <c r="AN6134">
        <v>113068.4289</v>
      </c>
      <c r="AO6134">
        <v>32772.921049999997</v>
      </c>
      <c r="AP6134">
        <v>20611.30904</v>
      </c>
    </row>
    <row r="6135" spans="2:42" x14ac:dyDescent="0.3">
      <c r="B6135">
        <v>68.508860110670909</v>
      </c>
      <c r="C6135" s="83">
        <v>43356.541666666664</v>
      </c>
      <c r="D6135">
        <v>290936.13679999998</v>
      </c>
      <c r="E6135">
        <v>32876.640579999999</v>
      </c>
      <c r="F6135">
        <v>96125.474390000003</v>
      </c>
      <c r="G6135">
        <v>70796.486470000003</v>
      </c>
      <c r="H6135">
        <v>50786.5861</v>
      </c>
      <c r="I6135">
        <v>36675.551610000002</v>
      </c>
      <c r="J6135">
        <v>45338.511579999999</v>
      </c>
      <c r="K6135">
        <v>61237.516259999997</v>
      </c>
      <c r="L6135">
        <v>31915.87458</v>
      </c>
      <c r="M6135">
        <v>349290.11739999999</v>
      </c>
      <c r="N6135">
        <v>96290.018030000007</v>
      </c>
      <c r="O6135">
        <v>23849.52592</v>
      </c>
      <c r="P6135">
        <v>36384.490400000002</v>
      </c>
      <c r="Q6135">
        <v>101183.9886</v>
      </c>
      <c r="R6135">
        <v>26012.017810000001</v>
      </c>
      <c r="S6135">
        <v>113836.0239</v>
      </c>
      <c r="T6135">
        <v>33028.083350000001</v>
      </c>
      <c r="U6135">
        <v>22530.790779999999</v>
      </c>
      <c r="W6135" s="83">
        <f>Bühler!N6167</f>
        <v>45547.541666651792</v>
      </c>
      <c r="X6135" s="83">
        <v>43356.541666666664</v>
      </c>
      <c r="Y6135">
        <v>290936.13679999998</v>
      </c>
      <c r="Z6135">
        <v>32876.640579999999</v>
      </c>
      <c r="AA6135">
        <v>96125.474390000003</v>
      </c>
      <c r="AB6135">
        <v>70796.486470000003</v>
      </c>
      <c r="AC6135">
        <v>50786.5861</v>
      </c>
      <c r="AD6135">
        <v>36675.551610000002</v>
      </c>
      <c r="AE6135">
        <v>45338.511579999999</v>
      </c>
      <c r="AF6135">
        <v>61237.516259999997</v>
      </c>
      <c r="AG6135">
        <v>31915.87458</v>
      </c>
      <c r="AH6135">
        <v>349290.11739999999</v>
      </c>
      <c r="AI6135">
        <v>96290.018030000007</v>
      </c>
      <c r="AJ6135">
        <v>23849.52592</v>
      </c>
      <c r="AK6135">
        <v>36384.490400000002</v>
      </c>
      <c r="AL6135">
        <v>101183.9886</v>
      </c>
      <c r="AM6135">
        <v>26012.017810000001</v>
      </c>
      <c r="AN6135">
        <v>113836.0239</v>
      </c>
      <c r="AO6135">
        <v>33028.083350000001</v>
      </c>
      <c r="AP6135">
        <v>22530.790779999999</v>
      </c>
    </row>
    <row r="6136" spans="2:42" x14ac:dyDescent="0.3">
      <c r="B6136">
        <v>68.172101939714466</v>
      </c>
      <c r="C6136" s="83">
        <v>43356.583333333336</v>
      </c>
      <c r="D6136">
        <v>295501.43119999999</v>
      </c>
      <c r="E6136">
        <v>36025.528140000002</v>
      </c>
      <c r="F6136">
        <v>99040.093040000007</v>
      </c>
      <c r="G6136">
        <v>65531.11058</v>
      </c>
      <c r="H6136">
        <v>50977.291850000001</v>
      </c>
      <c r="I6136">
        <v>38212.900229999999</v>
      </c>
      <c r="J6136">
        <v>45069.308190000003</v>
      </c>
      <c r="K6136">
        <v>63975.919520000003</v>
      </c>
      <c r="L6136">
        <v>29611.396560000001</v>
      </c>
      <c r="M6136">
        <v>347573.16720000003</v>
      </c>
      <c r="N6136">
        <v>97105.339689999993</v>
      </c>
      <c r="O6136">
        <v>24177.119920000001</v>
      </c>
      <c r="P6136">
        <v>32991.181660000002</v>
      </c>
      <c r="Q6136">
        <v>100006.8849</v>
      </c>
      <c r="R6136">
        <v>24935.59765</v>
      </c>
      <c r="S6136">
        <v>110275.72659999999</v>
      </c>
      <c r="T6136">
        <v>31526.10915</v>
      </c>
      <c r="U6136">
        <v>24087.890719999999</v>
      </c>
      <c r="W6136" s="83">
        <f>Bühler!N6168</f>
        <v>45547.583333318456</v>
      </c>
      <c r="X6136" s="83">
        <v>43356.583333333336</v>
      </c>
      <c r="Y6136">
        <v>295501.43119999999</v>
      </c>
      <c r="Z6136">
        <v>36025.528140000002</v>
      </c>
      <c r="AA6136">
        <v>99040.093040000007</v>
      </c>
      <c r="AB6136">
        <v>65531.11058</v>
      </c>
      <c r="AC6136">
        <v>50977.291850000001</v>
      </c>
      <c r="AD6136">
        <v>38212.900229999999</v>
      </c>
      <c r="AE6136">
        <v>45069.308190000003</v>
      </c>
      <c r="AF6136">
        <v>63975.919520000003</v>
      </c>
      <c r="AG6136">
        <v>29611.396560000001</v>
      </c>
      <c r="AH6136">
        <v>347573.16720000003</v>
      </c>
      <c r="AI6136">
        <v>97105.339689999993</v>
      </c>
      <c r="AJ6136">
        <v>24177.119920000001</v>
      </c>
      <c r="AK6136">
        <v>32991.181660000002</v>
      </c>
      <c r="AL6136">
        <v>100006.8849</v>
      </c>
      <c r="AM6136">
        <v>24935.59765</v>
      </c>
      <c r="AN6136">
        <v>110275.72659999999</v>
      </c>
      <c r="AO6136">
        <v>31526.10915</v>
      </c>
      <c r="AP6136">
        <v>24087.890719999999</v>
      </c>
    </row>
    <row r="6137" spans="2:42" x14ac:dyDescent="0.3">
      <c r="B6137">
        <v>67.590342994756469</v>
      </c>
      <c r="C6137" s="83">
        <v>43356.625</v>
      </c>
      <c r="D6137">
        <v>292361.27020000003</v>
      </c>
      <c r="E6137">
        <v>36138.220110000002</v>
      </c>
      <c r="F6137">
        <v>100648.07180000001</v>
      </c>
      <c r="G6137">
        <v>62824.971899999997</v>
      </c>
      <c r="H6137">
        <v>49729.646919999999</v>
      </c>
      <c r="I6137">
        <v>38210.215210000002</v>
      </c>
      <c r="J6137">
        <v>44648.947119999997</v>
      </c>
      <c r="K6137">
        <v>63053.618970000003</v>
      </c>
      <c r="L6137">
        <v>26984.437030000001</v>
      </c>
      <c r="M6137">
        <v>344607.08880000003</v>
      </c>
      <c r="N6137">
        <v>96459.982959999994</v>
      </c>
      <c r="O6137">
        <v>24074.098569999998</v>
      </c>
      <c r="P6137">
        <v>30466.262009999999</v>
      </c>
      <c r="Q6137">
        <v>100215.7068</v>
      </c>
      <c r="R6137">
        <v>24323.83556</v>
      </c>
      <c r="S6137">
        <v>108185.6587</v>
      </c>
      <c r="T6137">
        <v>30408.155620000001</v>
      </c>
      <c r="U6137">
        <v>23352.405429999999</v>
      </c>
      <c r="W6137" s="83">
        <f>Bühler!N6169</f>
        <v>45547.624999985121</v>
      </c>
      <c r="X6137" s="83">
        <v>43356.625</v>
      </c>
      <c r="Y6137">
        <v>292361.27020000003</v>
      </c>
      <c r="Z6137">
        <v>36138.220110000002</v>
      </c>
      <c r="AA6137">
        <v>100648.07180000001</v>
      </c>
      <c r="AB6137">
        <v>62824.971899999997</v>
      </c>
      <c r="AC6137">
        <v>49729.646919999999</v>
      </c>
      <c r="AD6137">
        <v>38210.215210000002</v>
      </c>
      <c r="AE6137">
        <v>44648.947119999997</v>
      </c>
      <c r="AF6137">
        <v>63053.618970000003</v>
      </c>
      <c r="AG6137">
        <v>26984.437030000001</v>
      </c>
      <c r="AH6137">
        <v>344607.08880000003</v>
      </c>
      <c r="AI6137">
        <v>96459.982959999994</v>
      </c>
      <c r="AJ6137">
        <v>24074.098569999998</v>
      </c>
      <c r="AK6137">
        <v>30466.262009999999</v>
      </c>
      <c r="AL6137">
        <v>100215.7068</v>
      </c>
      <c r="AM6137">
        <v>24323.83556</v>
      </c>
      <c r="AN6137">
        <v>108185.6587</v>
      </c>
      <c r="AO6137">
        <v>30408.155620000001</v>
      </c>
      <c r="AP6137">
        <v>23352.405429999999</v>
      </c>
    </row>
    <row r="6138" spans="2:42" x14ac:dyDescent="0.3">
      <c r="B6138">
        <v>66.071684778601579</v>
      </c>
      <c r="C6138" s="83">
        <v>43356.666666666664</v>
      </c>
      <c r="D6138">
        <v>284775.66850000003</v>
      </c>
      <c r="E6138">
        <v>34972.891880000003</v>
      </c>
      <c r="F6138">
        <v>99365.672019999998</v>
      </c>
      <c r="G6138">
        <v>59010.941610000002</v>
      </c>
      <c r="H6138">
        <v>47824.453780000003</v>
      </c>
      <c r="I6138">
        <v>39674.869129999999</v>
      </c>
      <c r="J6138">
        <v>43645.071120000001</v>
      </c>
      <c r="K6138">
        <v>60363.537049999999</v>
      </c>
      <c r="L6138">
        <v>25846.183949999999</v>
      </c>
      <c r="M6138">
        <v>336864.261</v>
      </c>
      <c r="N6138">
        <v>94375.941940000004</v>
      </c>
      <c r="O6138">
        <v>23828.293420000002</v>
      </c>
      <c r="P6138">
        <v>30242.01528</v>
      </c>
      <c r="Q6138">
        <v>99770.165110000002</v>
      </c>
      <c r="R6138">
        <v>24201.52765</v>
      </c>
      <c r="S6138">
        <v>105755.6005</v>
      </c>
      <c r="T6138">
        <v>30668.65684</v>
      </c>
      <c r="U6138">
        <v>21179.609509999998</v>
      </c>
      <c r="W6138" s="83">
        <f>Bühler!N6170</f>
        <v>45547.666666651785</v>
      </c>
      <c r="X6138" s="83">
        <v>43356.666666666664</v>
      </c>
      <c r="Y6138">
        <v>284775.66850000003</v>
      </c>
      <c r="Z6138">
        <v>34972.891880000003</v>
      </c>
      <c r="AA6138">
        <v>99365.672019999998</v>
      </c>
      <c r="AB6138">
        <v>59010.941610000002</v>
      </c>
      <c r="AC6138">
        <v>47824.453780000003</v>
      </c>
      <c r="AD6138">
        <v>39674.869129999999</v>
      </c>
      <c r="AE6138">
        <v>43645.071120000001</v>
      </c>
      <c r="AF6138">
        <v>60363.537049999999</v>
      </c>
      <c r="AG6138">
        <v>25846.183949999999</v>
      </c>
      <c r="AH6138">
        <v>336864.261</v>
      </c>
      <c r="AI6138">
        <v>94375.941940000004</v>
      </c>
      <c r="AJ6138">
        <v>23828.293420000002</v>
      </c>
      <c r="AK6138">
        <v>30242.01528</v>
      </c>
      <c r="AL6138">
        <v>99770.165110000002</v>
      </c>
      <c r="AM6138">
        <v>24201.52765</v>
      </c>
      <c r="AN6138">
        <v>105755.6005</v>
      </c>
      <c r="AO6138">
        <v>30668.65684</v>
      </c>
      <c r="AP6138">
        <v>21179.609509999998</v>
      </c>
    </row>
    <row r="6139" spans="2:42" x14ac:dyDescent="0.3">
      <c r="B6139">
        <v>64.62816196087968</v>
      </c>
      <c r="C6139" s="83">
        <v>43356.708333333336</v>
      </c>
      <c r="D6139">
        <v>275844.96010000003</v>
      </c>
      <c r="E6139">
        <v>33104.584419999999</v>
      </c>
      <c r="F6139">
        <v>97537.891610000006</v>
      </c>
      <c r="G6139">
        <v>52292.501629999999</v>
      </c>
      <c r="H6139">
        <v>45506.152739999998</v>
      </c>
      <c r="I6139">
        <v>39761.565360000001</v>
      </c>
      <c r="J6139">
        <v>43624.552949999998</v>
      </c>
      <c r="K6139">
        <v>55303.839160000003</v>
      </c>
      <c r="L6139">
        <v>26081.99208</v>
      </c>
      <c r="M6139">
        <v>329504.5085</v>
      </c>
      <c r="N6139">
        <v>90425.954029999994</v>
      </c>
      <c r="O6139">
        <v>23161.212899999999</v>
      </c>
      <c r="P6139">
        <v>31270.742450000002</v>
      </c>
      <c r="Q6139">
        <v>98808.511259999999</v>
      </c>
      <c r="R6139">
        <v>23433.8223</v>
      </c>
      <c r="S6139">
        <v>101843.5085</v>
      </c>
      <c r="T6139">
        <v>29903.972430000002</v>
      </c>
      <c r="U6139">
        <v>18127.081829999999</v>
      </c>
      <c r="W6139" s="83">
        <f>Bühler!N6171</f>
        <v>45547.708333318449</v>
      </c>
      <c r="X6139" s="83">
        <v>43356.708333333336</v>
      </c>
      <c r="Y6139">
        <v>275844.96010000003</v>
      </c>
      <c r="Z6139">
        <v>33104.584419999999</v>
      </c>
      <c r="AA6139">
        <v>97537.891610000006</v>
      </c>
      <c r="AB6139">
        <v>52292.501629999999</v>
      </c>
      <c r="AC6139">
        <v>45506.152739999998</v>
      </c>
      <c r="AD6139">
        <v>39761.565360000001</v>
      </c>
      <c r="AE6139">
        <v>43624.552949999998</v>
      </c>
      <c r="AF6139">
        <v>55303.839160000003</v>
      </c>
      <c r="AG6139">
        <v>26081.99208</v>
      </c>
      <c r="AH6139">
        <v>329504.5085</v>
      </c>
      <c r="AI6139">
        <v>90425.954029999994</v>
      </c>
      <c r="AJ6139">
        <v>23161.212899999999</v>
      </c>
      <c r="AK6139">
        <v>31270.742450000002</v>
      </c>
      <c r="AL6139">
        <v>98808.511259999999</v>
      </c>
      <c r="AM6139">
        <v>23433.8223</v>
      </c>
      <c r="AN6139">
        <v>101843.5085</v>
      </c>
      <c r="AO6139">
        <v>29903.972430000002</v>
      </c>
      <c r="AP6139">
        <v>18127.081829999999</v>
      </c>
    </row>
    <row r="6140" spans="2:42" x14ac:dyDescent="0.3">
      <c r="B6140">
        <v>63.472249691438371</v>
      </c>
      <c r="C6140" s="83">
        <v>43356.75</v>
      </c>
      <c r="D6140">
        <v>269251.97379999998</v>
      </c>
      <c r="E6140">
        <v>29863.73964</v>
      </c>
      <c r="F6140">
        <v>94428.327709999998</v>
      </c>
      <c r="G6140">
        <v>45578.327149999997</v>
      </c>
      <c r="H6140">
        <v>43083.030299999999</v>
      </c>
      <c r="I6140">
        <v>37587.209199999998</v>
      </c>
      <c r="J6140">
        <v>44307.347470000001</v>
      </c>
      <c r="K6140">
        <v>53261.366110000003</v>
      </c>
      <c r="L6140">
        <v>27727.945319999999</v>
      </c>
      <c r="M6140">
        <v>323611.1287</v>
      </c>
      <c r="N6140">
        <v>87705.827139999994</v>
      </c>
      <c r="O6140">
        <v>21394.171709999999</v>
      </c>
      <c r="P6140">
        <v>34128.37775</v>
      </c>
      <c r="Q6140">
        <v>96799.414600000004</v>
      </c>
      <c r="R6140">
        <v>22092.59793</v>
      </c>
      <c r="S6140">
        <v>95104.366190000001</v>
      </c>
      <c r="T6140">
        <v>29578.5605</v>
      </c>
      <c r="U6140">
        <v>16781.697319999999</v>
      </c>
      <c r="W6140" s="83">
        <f>Bühler!N6172</f>
        <v>45547.749999985113</v>
      </c>
      <c r="X6140" s="83">
        <v>43356.75</v>
      </c>
      <c r="Y6140">
        <v>269251.97379999998</v>
      </c>
      <c r="Z6140">
        <v>29863.73964</v>
      </c>
      <c r="AA6140">
        <v>94428.327709999998</v>
      </c>
      <c r="AB6140">
        <v>45578.327149999997</v>
      </c>
      <c r="AC6140">
        <v>43083.030299999999</v>
      </c>
      <c r="AD6140">
        <v>37587.209199999998</v>
      </c>
      <c r="AE6140">
        <v>44307.347470000001</v>
      </c>
      <c r="AF6140">
        <v>53261.366110000003</v>
      </c>
      <c r="AG6140">
        <v>27727.945319999999</v>
      </c>
      <c r="AH6140">
        <v>323611.1287</v>
      </c>
      <c r="AI6140">
        <v>87705.827139999994</v>
      </c>
      <c r="AJ6140">
        <v>21394.171709999999</v>
      </c>
      <c r="AK6140">
        <v>34128.37775</v>
      </c>
      <c r="AL6140">
        <v>96799.414600000004</v>
      </c>
      <c r="AM6140">
        <v>22092.59793</v>
      </c>
      <c r="AN6140">
        <v>95104.366190000001</v>
      </c>
      <c r="AO6140">
        <v>29578.5605</v>
      </c>
      <c r="AP6140">
        <v>16781.697319999999</v>
      </c>
    </row>
    <row r="6141" spans="2:42" x14ac:dyDescent="0.3">
      <c r="B6141">
        <v>62.137873421457833</v>
      </c>
      <c r="C6141" s="83">
        <v>43356.791666666664</v>
      </c>
      <c r="D6141">
        <v>263069.33779999998</v>
      </c>
      <c r="E6141">
        <v>24318.978060000001</v>
      </c>
      <c r="F6141">
        <v>83611.094800000006</v>
      </c>
      <c r="G6141">
        <v>42590.341760000003</v>
      </c>
      <c r="H6141">
        <v>40853.762309999998</v>
      </c>
      <c r="I6141">
        <v>34813.497150000003</v>
      </c>
      <c r="J6141">
        <v>43557.449659999998</v>
      </c>
      <c r="K6141">
        <v>52536.973259999999</v>
      </c>
      <c r="L6141">
        <v>28087.805820000001</v>
      </c>
      <c r="M6141">
        <v>316807.85619999998</v>
      </c>
      <c r="N6141">
        <v>84579.536959999998</v>
      </c>
      <c r="O6141">
        <v>19727.92599</v>
      </c>
      <c r="P6141">
        <v>37751.453970000002</v>
      </c>
      <c r="Q6141">
        <v>94072.529380000007</v>
      </c>
      <c r="R6141">
        <v>21541.19227</v>
      </c>
      <c r="S6141">
        <v>90725.937909999993</v>
      </c>
      <c r="T6141">
        <v>29833.373960000001</v>
      </c>
      <c r="U6141">
        <v>15986.90517</v>
      </c>
      <c r="W6141" s="83">
        <f>Bühler!N6173</f>
        <v>45547.791666651778</v>
      </c>
      <c r="X6141" s="83">
        <v>43356.791666666664</v>
      </c>
      <c r="Y6141">
        <v>263069.33779999998</v>
      </c>
      <c r="Z6141">
        <v>24318.978060000001</v>
      </c>
      <c r="AA6141">
        <v>83611.094800000006</v>
      </c>
      <c r="AB6141">
        <v>42590.341760000003</v>
      </c>
      <c r="AC6141">
        <v>40853.762309999998</v>
      </c>
      <c r="AD6141">
        <v>34813.497150000003</v>
      </c>
      <c r="AE6141">
        <v>43557.449659999998</v>
      </c>
      <c r="AF6141">
        <v>52536.973259999999</v>
      </c>
      <c r="AG6141">
        <v>28087.805820000001</v>
      </c>
      <c r="AH6141">
        <v>316807.85619999998</v>
      </c>
      <c r="AI6141">
        <v>84579.536959999998</v>
      </c>
      <c r="AJ6141">
        <v>19727.92599</v>
      </c>
      <c r="AK6141">
        <v>37751.453970000002</v>
      </c>
      <c r="AL6141">
        <v>94072.529380000007</v>
      </c>
      <c r="AM6141">
        <v>21541.19227</v>
      </c>
      <c r="AN6141">
        <v>90725.937909999993</v>
      </c>
      <c r="AO6141">
        <v>29833.373960000001</v>
      </c>
      <c r="AP6141">
        <v>15986.90517</v>
      </c>
    </row>
    <row r="6142" spans="2:42" x14ac:dyDescent="0.3">
      <c r="B6142">
        <v>60.213705771419548</v>
      </c>
      <c r="C6142" s="83">
        <v>43356.833333333336</v>
      </c>
      <c r="D6142">
        <v>254131.6666</v>
      </c>
      <c r="E6142">
        <v>18233.72437</v>
      </c>
      <c r="F6142">
        <v>68996.038069999995</v>
      </c>
      <c r="G6142">
        <v>38720.506020000001</v>
      </c>
      <c r="H6142">
        <v>39607.565240000004</v>
      </c>
      <c r="I6142">
        <v>31979.439450000002</v>
      </c>
      <c r="J6142">
        <v>44768.860769999999</v>
      </c>
      <c r="K6142">
        <v>51549.656069999997</v>
      </c>
      <c r="L6142">
        <v>27937.515719999999</v>
      </c>
      <c r="M6142">
        <v>306997.55219999998</v>
      </c>
      <c r="N6142">
        <v>81867.409029999995</v>
      </c>
      <c r="O6142">
        <v>19024.49754</v>
      </c>
      <c r="P6142">
        <v>38052.010990000002</v>
      </c>
      <c r="Q6142">
        <v>91534.807400000005</v>
      </c>
      <c r="R6142">
        <v>19983.081010000002</v>
      </c>
      <c r="S6142">
        <v>83857.892970000001</v>
      </c>
      <c r="T6142">
        <v>29042.804120000001</v>
      </c>
      <c r="U6142">
        <v>15697.725259999999</v>
      </c>
      <c r="W6142" s="83">
        <f>Bühler!N6174</f>
        <v>45547.833333318442</v>
      </c>
      <c r="X6142" s="83">
        <v>43356.833333333336</v>
      </c>
      <c r="Y6142">
        <v>254131.6666</v>
      </c>
      <c r="Z6142">
        <v>18233.72437</v>
      </c>
      <c r="AA6142">
        <v>68996.038069999995</v>
      </c>
      <c r="AB6142">
        <v>38720.506020000001</v>
      </c>
      <c r="AC6142">
        <v>39607.565240000004</v>
      </c>
      <c r="AD6142">
        <v>31979.439450000002</v>
      </c>
      <c r="AE6142">
        <v>44768.860769999999</v>
      </c>
      <c r="AF6142">
        <v>51549.656069999997</v>
      </c>
      <c r="AG6142">
        <v>27937.515719999999</v>
      </c>
      <c r="AH6142">
        <v>306997.55219999998</v>
      </c>
      <c r="AI6142">
        <v>81867.409029999995</v>
      </c>
      <c r="AJ6142">
        <v>19024.49754</v>
      </c>
      <c r="AK6142">
        <v>38052.010990000002</v>
      </c>
      <c r="AL6142">
        <v>91534.807400000005</v>
      </c>
      <c r="AM6142">
        <v>19983.081010000002</v>
      </c>
      <c r="AN6142">
        <v>83857.892970000001</v>
      </c>
      <c r="AO6142">
        <v>29042.804120000001</v>
      </c>
      <c r="AP6142">
        <v>15697.725259999999</v>
      </c>
    </row>
    <row r="6143" spans="2:42" x14ac:dyDescent="0.3">
      <c r="B6143">
        <v>58.114825660759557</v>
      </c>
      <c r="C6143" s="83">
        <v>43356.875</v>
      </c>
      <c r="D6143">
        <v>246123.92850000001</v>
      </c>
      <c r="E6143">
        <v>15380.30524</v>
      </c>
      <c r="F6143">
        <v>60127.81871</v>
      </c>
      <c r="G6143">
        <v>36461.569669999997</v>
      </c>
      <c r="H6143">
        <v>37740.011729999998</v>
      </c>
      <c r="I6143">
        <v>28341.702399999998</v>
      </c>
      <c r="J6143">
        <v>43061.834479999998</v>
      </c>
      <c r="K6143">
        <v>50119.709589999999</v>
      </c>
      <c r="L6143">
        <v>26594.023219999999</v>
      </c>
      <c r="M6143">
        <v>296296.48259999999</v>
      </c>
      <c r="N6143">
        <v>78372.653300000005</v>
      </c>
      <c r="O6143">
        <v>18123.997899999998</v>
      </c>
      <c r="P6143">
        <v>35568.323170000003</v>
      </c>
      <c r="Q6143">
        <v>89246.178090000001</v>
      </c>
      <c r="R6143">
        <v>18888.363850000002</v>
      </c>
      <c r="S6143">
        <v>79981.566810000004</v>
      </c>
      <c r="T6143">
        <v>26708.928469999999</v>
      </c>
      <c r="U6143">
        <v>14416.83188</v>
      </c>
      <c r="W6143" s="83">
        <f>Bühler!N6175</f>
        <v>45547.874999985106</v>
      </c>
      <c r="X6143" s="83">
        <v>43356.875</v>
      </c>
      <c r="Y6143">
        <v>246123.92850000001</v>
      </c>
      <c r="Z6143">
        <v>15380.30524</v>
      </c>
      <c r="AA6143">
        <v>60127.81871</v>
      </c>
      <c r="AB6143">
        <v>36461.569669999997</v>
      </c>
      <c r="AC6143">
        <v>37740.011729999998</v>
      </c>
      <c r="AD6143">
        <v>28341.702399999998</v>
      </c>
      <c r="AE6143">
        <v>43061.834479999998</v>
      </c>
      <c r="AF6143">
        <v>50119.709589999999</v>
      </c>
      <c r="AG6143">
        <v>26594.023219999999</v>
      </c>
      <c r="AH6143">
        <v>296296.48259999999</v>
      </c>
      <c r="AI6143">
        <v>78372.653300000005</v>
      </c>
      <c r="AJ6143">
        <v>18123.997899999998</v>
      </c>
      <c r="AK6143">
        <v>35568.323170000003</v>
      </c>
      <c r="AL6143">
        <v>89246.178090000001</v>
      </c>
      <c r="AM6143">
        <v>18888.363850000002</v>
      </c>
      <c r="AN6143">
        <v>79981.566810000004</v>
      </c>
      <c r="AO6143">
        <v>26708.928469999999</v>
      </c>
      <c r="AP6143">
        <v>14416.83188</v>
      </c>
    </row>
    <row r="6144" spans="2:42" x14ac:dyDescent="0.3">
      <c r="B6144">
        <v>57.743466731816675</v>
      </c>
      <c r="C6144" s="83">
        <v>43356.916666666664</v>
      </c>
      <c r="D6144">
        <v>244697.0416</v>
      </c>
      <c r="E6144">
        <v>14611.65286</v>
      </c>
      <c r="F6144">
        <v>57561.452299999997</v>
      </c>
      <c r="G6144">
        <v>34431.390509999997</v>
      </c>
      <c r="H6144">
        <v>36693.541850000001</v>
      </c>
      <c r="I6144">
        <v>25820.71845</v>
      </c>
      <c r="J6144">
        <v>40808.193679999997</v>
      </c>
      <c r="K6144">
        <v>52652.583839999999</v>
      </c>
      <c r="L6144">
        <v>22873.438409999999</v>
      </c>
      <c r="M6144">
        <v>294403.12160000001</v>
      </c>
      <c r="N6144">
        <v>76629.919680000006</v>
      </c>
      <c r="O6144">
        <v>17842.758109999999</v>
      </c>
      <c r="P6144">
        <v>36315.566339999998</v>
      </c>
      <c r="Q6144">
        <v>88000.885009999998</v>
      </c>
      <c r="R6144">
        <v>19325.203219999999</v>
      </c>
      <c r="S6144">
        <v>78139.313909999997</v>
      </c>
      <c r="T6144">
        <v>23136.734520000002</v>
      </c>
      <c r="U6144">
        <v>14207.08339</v>
      </c>
      <c r="W6144" s="83">
        <f>Bühler!N6176</f>
        <v>45547.91666665177</v>
      </c>
      <c r="X6144" s="83">
        <v>43356.916666666664</v>
      </c>
      <c r="Y6144">
        <v>244697.0416</v>
      </c>
      <c r="Z6144">
        <v>14611.65286</v>
      </c>
      <c r="AA6144">
        <v>57561.452299999997</v>
      </c>
      <c r="AB6144">
        <v>34431.390509999997</v>
      </c>
      <c r="AC6144">
        <v>36693.541850000001</v>
      </c>
      <c r="AD6144">
        <v>25820.71845</v>
      </c>
      <c r="AE6144">
        <v>40808.193679999997</v>
      </c>
      <c r="AF6144">
        <v>52652.583839999999</v>
      </c>
      <c r="AG6144">
        <v>22873.438409999999</v>
      </c>
      <c r="AH6144">
        <v>294403.12160000001</v>
      </c>
      <c r="AI6144">
        <v>76629.919680000006</v>
      </c>
      <c r="AJ6144">
        <v>17842.758109999999</v>
      </c>
      <c r="AK6144">
        <v>36315.566339999998</v>
      </c>
      <c r="AL6144">
        <v>88000.885009999998</v>
      </c>
      <c r="AM6144">
        <v>19325.203219999999</v>
      </c>
      <c r="AN6144">
        <v>78139.313909999997</v>
      </c>
      <c r="AO6144">
        <v>23136.734520000002</v>
      </c>
      <c r="AP6144">
        <v>14207.08339</v>
      </c>
    </row>
    <row r="6145" spans="2:42" x14ac:dyDescent="0.3">
      <c r="B6145">
        <v>57.129642457986201</v>
      </c>
      <c r="C6145" s="83">
        <v>43356.958333333336</v>
      </c>
      <c r="D6145">
        <v>243984.45129999999</v>
      </c>
      <c r="E6145">
        <v>14074.988939999999</v>
      </c>
      <c r="F6145">
        <v>56322.942170000002</v>
      </c>
      <c r="G6145">
        <v>33746.651740000001</v>
      </c>
      <c r="H6145">
        <v>35599.387410000003</v>
      </c>
      <c r="I6145">
        <v>24807.820769999998</v>
      </c>
      <c r="J6145">
        <v>37179.10742</v>
      </c>
      <c r="K6145">
        <v>52073.822189999999</v>
      </c>
      <c r="L6145">
        <v>19476.010020000002</v>
      </c>
      <c r="M6145">
        <v>291273.55920000002</v>
      </c>
      <c r="N6145">
        <v>76227.209390000004</v>
      </c>
      <c r="O6145">
        <v>17774.340909999999</v>
      </c>
      <c r="P6145">
        <v>31534.697359999998</v>
      </c>
      <c r="Q6145">
        <v>86615.920490000004</v>
      </c>
      <c r="R6145">
        <v>18548.445319999999</v>
      </c>
      <c r="S6145">
        <v>76554.337880000006</v>
      </c>
      <c r="T6145">
        <v>20918.919979999999</v>
      </c>
      <c r="U6145">
        <v>13873.69615</v>
      </c>
      <c r="W6145" s="83">
        <f>Bühler!N6177</f>
        <v>45547.958333318435</v>
      </c>
      <c r="X6145" s="83">
        <v>43356.958333333336</v>
      </c>
      <c r="Y6145">
        <v>243984.45129999999</v>
      </c>
      <c r="Z6145">
        <v>14074.988939999999</v>
      </c>
      <c r="AA6145">
        <v>56322.942170000002</v>
      </c>
      <c r="AB6145">
        <v>33746.651740000001</v>
      </c>
      <c r="AC6145">
        <v>35599.387410000003</v>
      </c>
      <c r="AD6145">
        <v>24807.820769999998</v>
      </c>
      <c r="AE6145">
        <v>37179.10742</v>
      </c>
      <c r="AF6145">
        <v>52073.822189999999</v>
      </c>
      <c r="AG6145">
        <v>19476.010020000002</v>
      </c>
      <c r="AH6145">
        <v>291273.55920000002</v>
      </c>
      <c r="AI6145">
        <v>76227.209390000004</v>
      </c>
      <c r="AJ6145">
        <v>17774.340909999999</v>
      </c>
      <c r="AK6145">
        <v>31534.697359999998</v>
      </c>
      <c r="AL6145">
        <v>86615.920490000004</v>
      </c>
      <c r="AM6145">
        <v>18548.445319999999</v>
      </c>
      <c r="AN6145">
        <v>76554.337880000006</v>
      </c>
      <c r="AO6145">
        <v>20918.919979999999</v>
      </c>
      <c r="AP6145">
        <v>13873.69615</v>
      </c>
    </row>
    <row r="6146" spans="2:42" x14ac:dyDescent="0.3">
      <c r="B6146">
        <v>56.225925145569327</v>
      </c>
      <c r="C6146" s="83">
        <v>43357</v>
      </c>
      <c r="D6146">
        <v>242682.91810000001</v>
      </c>
      <c r="E6146">
        <v>13461.46803</v>
      </c>
      <c r="F6146">
        <v>54852.373950000001</v>
      </c>
      <c r="G6146">
        <v>33177.323049999999</v>
      </c>
      <c r="H6146">
        <v>34579.409800000001</v>
      </c>
      <c r="I6146">
        <v>22872.826880000001</v>
      </c>
      <c r="J6146">
        <v>34200.040630000003</v>
      </c>
      <c r="K6146">
        <v>51059.25058</v>
      </c>
      <c r="L6146">
        <v>17228.789970000002</v>
      </c>
      <c r="M6146">
        <v>286665.98690000002</v>
      </c>
      <c r="N6146">
        <v>75569.895569999993</v>
      </c>
      <c r="O6146">
        <v>17404.773379999999</v>
      </c>
      <c r="P6146">
        <v>28286.80516</v>
      </c>
      <c r="Q6146">
        <v>85272.725319999998</v>
      </c>
      <c r="R6146">
        <v>15996.887650000001</v>
      </c>
      <c r="S6146">
        <v>74669.36176</v>
      </c>
      <c r="T6146">
        <v>18993.82474</v>
      </c>
      <c r="U6146">
        <v>13458.18269</v>
      </c>
      <c r="W6146" s="83">
        <f>Bühler!N6178</f>
        <v>45547.999999985099</v>
      </c>
      <c r="X6146" s="83">
        <v>43357</v>
      </c>
      <c r="Y6146">
        <v>242682.91810000001</v>
      </c>
      <c r="Z6146">
        <v>13461.46803</v>
      </c>
      <c r="AA6146">
        <v>54852.373950000001</v>
      </c>
      <c r="AB6146">
        <v>33177.323049999999</v>
      </c>
      <c r="AC6146">
        <v>34579.409800000001</v>
      </c>
      <c r="AD6146">
        <v>22872.826880000001</v>
      </c>
      <c r="AE6146">
        <v>34200.040630000003</v>
      </c>
      <c r="AF6146">
        <v>51059.25058</v>
      </c>
      <c r="AG6146">
        <v>17228.789970000002</v>
      </c>
      <c r="AH6146">
        <v>286665.98690000002</v>
      </c>
      <c r="AI6146">
        <v>75569.895569999993</v>
      </c>
      <c r="AJ6146">
        <v>17404.773379999999</v>
      </c>
      <c r="AK6146">
        <v>28286.80516</v>
      </c>
      <c r="AL6146">
        <v>85272.725319999998</v>
      </c>
      <c r="AM6146">
        <v>15996.887650000001</v>
      </c>
      <c r="AN6146">
        <v>74669.36176</v>
      </c>
      <c r="AO6146">
        <v>18993.82474</v>
      </c>
      <c r="AP6146">
        <v>13458.18269</v>
      </c>
    </row>
    <row r="6147" spans="2:42" x14ac:dyDescent="0.3">
      <c r="B6147">
        <v>55.248694922629589</v>
      </c>
      <c r="C6147" s="83">
        <v>43357.041666666664</v>
      </c>
      <c r="D6147">
        <v>241072.23920000001</v>
      </c>
      <c r="E6147">
        <v>13092.92316</v>
      </c>
      <c r="F6147">
        <v>54086.330130000002</v>
      </c>
      <c r="G6147">
        <v>32543.424780000001</v>
      </c>
      <c r="H6147">
        <v>34234.034379999997</v>
      </c>
      <c r="I6147">
        <v>19359.470870000001</v>
      </c>
      <c r="J6147">
        <v>32965.073620000003</v>
      </c>
      <c r="K6147">
        <v>48691.338819999997</v>
      </c>
      <c r="L6147">
        <v>16215.02649</v>
      </c>
      <c r="M6147">
        <v>281683.6115</v>
      </c>
      <c r="N6147">
        <v>75145.785149999996</v>
      </c>
      <c r="O6147">
        <v>18309.594359999999</v>
      </c>
      <c r="P6147">
        <v>26511.276010000001</v>
      </c>
      <c r="Q6147">
        <v>86365.733439999996</v>
      </c>
      <c r="R6147">
        <v>14461.61022</v>
      </c>
      <c r="S6147">
        <v>73854.898969999995</v>
      </c>
      <c r="T6147">
        <v>18186.675859999999</v>
      </c>
      <c r="U6147">
        <v>13412.447969999999</v>
      </c>
      <c r="W6147" s="83">
        <f>Bühler!N6179</f>
        <v>45548.041666651763</v>
      </c>
      <c r="X6147" s="83">
        <v>43357.041666666664</v>
      </c>
      <c r="Y6147">
        <v>241072.23920000001</v>
      </c>
      <c r="Z6147">
        <v>13092.92316</v>
      </c>
      <c r="AA6147">
        <v>54086.330130000002</v>
      </c>
      <c r="AB6147">
        <v>32543.424780000001</v>
      </c>
      <c r="AC6147">
        <v>34234.034379999997</v>
      </c>
      <c r="AD6147">
        <v>19359.470870000001</v>
      </c>
      <c r="AE6147">
        <v>32965.073620000003</v>
      </c>
      <c r="AF6147">
        <v>48691.338819999997</v>
      </c>
      <c r="AG6147">
        <v>16215.02649</v>
      </c>
      <c r="AH6147">
        <v>281683.6115</v>
      </c>
      <c r="AI6147">
        <v>75145.785149999996</v>
      </c>
      <c r="AJ6147">
        <v>18309.594359999999</v>
      </c>
      <c r="AK6147">
        <v>26511.276010000001</v>
      </c>
      <c r="AL6147">
        <v>86365.733439999996</v>
      </c>
      <c r="AM6147">
        <v>14461.61022</v>
      </c>
      <c r="AN6147">
        <v>73854.898969999995</v>
      </c>
      <c r="AO6147">
        <v>18186.675859999999</v>
      </c>
      <c r="AP6147">
        <v>13412.447969999999</v>
      </c>
    </row>
    <row r="6148" spans="2:42" x14ac:dyDescent="0.3">
      <c r="B6148">
        <v>55.186867506528799</v>
      </c>
      <c r="C6148" s="83">
        <v>43357.083333333336</v>
      </c>
      <c r="D6148">
        <v>239655.7004</v>
      </c>
      <c r="E6148">
        <v>12982.411539999999</v>
      </c>
      <c r="F6148">
        <v>54740.576829999998</v>
      </c>
      <c r="G6148">
        <v>31992.301329999998</v>
      </c>
      <c r="H6148">
        <v>33943.894480000003</v>
      </c>
      <c r="I6148">
        <v>17610.358980000001</v>
      </c>
      <c r="J6148">
        <v>32933.568240000001</v>
      </c>
      <c r="K6148">
        <v>46735.331279999999</v>
      </c>
      <c r="L6148">
        <v>16130.2353</v>
      </c>
      <c r="M6148">
        <v>281368.38650000002</v>
      </c>
      <c r="N6148">
        <v>73979.792889999997</v>
      </c>
      <c r="O6148">
        <v>17552.542539999999</v>
      </c>
      <c r="P6148">
        <v>24600.179520000002</v>
      </c>
      <c r="Q6148">
        <v>88139.791819999999</v>
      </c>
      <c r="R6148">
        <v>14441.15374</v>
      </c>
      <c r="S6148">
        <v>72492.164569999994</v>
      </c>
      <c r="T6148">
        <v>17837.07977</v>
      </c>
      <c r="U6148">
        <v>13249.34758</v>
      </c>
      <c r="W6148" s="83">
        <f>Bühler!N6180</f>
        <v>45548.083333318427</v>
      </c>
      <c r="X6148" s="83">
        <v>43357.083333333336</v>
      </c>
      <c r="Y6148">
        <v>239655.7004</v>
      </c>
      <c r="Z6148">
        <v>12982.411539999999</v>
      </c>
      <c r="AA6148">
        <v>54740.576829999998</v>
      </c>
      <c r="AB6148">
        <v>31992.301329999998</v>
      </c>
      <c r="AC6148">
        <v>33943.894480000003</v>
      </c>
      <c r="AD6148">
        <v>17610.358980000001</v>
      </c>
      <c r="AE6148">
        <v>32933.568240000001</v>
      </c>
      <c r="AF6148">
        <v>46735.331279999999</v>
      </c>
      <c r="AG6148">
        <v>16130.2353</v>
      </c>
      <c r="AH6148">
        <v>281368.38650000002</v>
      </c>
      <c r="AI6148">
        <v>73979.792889999997</v>
      </c>
      <c r="AJ6148">
        <v>17552.542539999999</v>
      </c>
      <c r="AK6148">
        <v>24600.179520000002</v>
      </c>
      <c r="AL6148">
        <v>88139.791819999999</v>
      </c>
      <c r="AM6148">
        <v>14441.15374</v>
      </c>
      <c r="AN6148">
        <v>72492.164569999994</v>
      </c>
      <c r="AO6148">
        <v>17837.07977</v>
      </c>
      <c r="AP6148">
        <v>13249.34758</v>
      </c>
    </row>
    <row r="6149" spans="2:42" x14ac:dyDescent="0.3">
      <c r="B6149">
        <v>55.539572198369562</v>
      </c>
      <c r="C6149" s="83">
        <v>43357.125</v>
      </c>
      <c r="D6149">
        <v>241361.09289999999</v>
      </c>
      <c r="E6149">
        <v>12947.05804</v>
      </c>
      <c r="F6149">
        <v>55473.344819999998</v>
      </c>
      <c r="G6149">
        <v>31480.55747</v>
      </c>
      <c r="H6149">
        <v>33780.637569999999</v>
      </c>
      <c r="I6149">
        <v>17565.175650000001</v>
      </c>
      <c r="J6149">
        <v>33047.597349999996</v>
      </c>
      <c r="K6149">
        <v>45656.694060000002</v>
      </c>
      <c r="L6149">
        <v>15822.691860000001</v>
      </c>
      <c r="M6149">
        <v>283166.63949999999</v>
      </c>
      <c r="N6149">
        <v>74290.049669999993</v>
      </c>
      <c r="O6149">
        <v>18406.16937</v>
      </c>
      <c r="P6149">
        <v>24141.343949999999</v>
      </c>
      <c r="Q6149">
        <v>90205.413700000005</v>
      </c>
      <c r="R6149">
        <v>13803.297119999999</v>
      </c>
      <c r="S6149">
        <v>72174.726689999996</v>
      </c>
      <c r="T6149">
        <v>17553.358759999999</v>
      </c>
      <c r="U6149">
        <v>13288.938039999999</v>
      </c>
      <c r="W6149" s="83">
        <f>Bühler!N6181</f>
        <v>45548.124999985092</v>
      </c>
      <c r="X6149" s="83">
        <v>43357.125</v>
      </c>
      <c r="Y6149">
        <v>241361.09289999999</v>
      </c>
      <c r="Z6149">
        <v>12947.05804</v>
      </c>
      <c r="AA6149">
        <v>55473.344819999998</v>
      </c>
      <c r="AB6149">
        <v>31480.55747</v>
      </c>
      <c r="AC6149">
        <v>33780.637569999999</v>
      </c>
      <c r="AD6149">
        <v>17565.175650000001</v>
      </c>
      <c r="AE6149">
        <v>33047.597349999996</v>
      </c>
      <c r="AF6149">
        <v>45656.694060000002</v>
      </c>
      <c r="AG6149">
        <v>15822.691860000001</v>
      </c>
      <c r="AH6149">
        <v>283166.63949999999</v>
      </c>
      <c r="AI6149">
        <v>74290.049669999993</v>
      </c>
      <c r="AJ6149">
        <v>18406.16937</v>
      </c>
      <c r="AK6149">
        <v>24141.343949999999</v>
      </c>
      <c r="AL6149">
        <v>90205.413700000005</v>
      </c>
      <c r="AM6149">
        <v>13803.297119999999</v>
      </c>
      <c r="AN6149">
        <v>72174.726689999996</v>
      </c>
      <c r="AO6149">
        <v>17553.358759999999</v>
      </c>
      <c r="AP6149">
        <v>13288.938039999999</v>
      </c>
    </row>
    <row r="6150" spans="2:42" x14ac:dyDescent="0.3">
      <c r="B6150">
        <v>56.381886771412873</v>
      </c>
      <c r="C6150" s="83">
        <v>43357.166666666664</v>
      </c>
      <c r="D6150">
        <v>242123.109</v>
      </c>
      <c r="E6150">
        <v>13435.322840000001</v>
      </c>
      <c r="F6150">
        <v>59065.845820000002</v>
      </c>
      <c r="G6150">
        <v>30520.299459999998</v>
      </c>
      <c r="H6150">
        <v>34095.83425</v>
      </c>
      <c r="I6150">
        <v>19075.929830000001</v>
      </c>
      <c r="J6150">
        <v>35254.792939999999</v>
      </c>
      <c r="K6150">
        <v>45072.558599999997</v>
      </c>
      <c r="L6150">
        <v>16289.54257</v>
      </c>
      <c r="M6150">
        <v>287461.152</v>
      </c>
      <c r="N6150">
        <v>73275.035529999994</v>
      </c>
      <c r="O6150">
        <v>18752.70147</v>
      </c>
      <c r="P6150">
        <v>24060.55544</v>
      </c>
      <c r="Q6150">
        <v>94184.733110000001</v>
      </c>
      <c r="R6150">
        <v>13868.99343</v>
      </c>
      <c r="S6150">
        <v>71615.352190000005</v>
      </c>
      <c r="T6150">
        <v>17713.038270000001</v>
      </c>
      <c r="U6150">
        <v>13609.22422</v>
      </c>
      <c r="W6150" s="83">
        <f>Bühler!N6182</f>
        <v>45548.166666651756</v>
      </c>
      <c r="X6150" s="83">
        <v>43357.166666666664</v>
      </c>
      <c r="Y6150">
        <v>242123.109</v>
      </c>
      <c r="Z6150">
        <v>13435.322840000001</v>
      </c>
      <c r="AA6150">
        <v>59065.845820000002</v>
      </c>
      <c r="AB6150">
        <v>30520.299459999998</v>
      </c>
      <c r="AC6150">
        <v>34095.83425</v>
      </c>
      <c r="AD6150">
        <v>19075.929830000001</v>
      </c>
      <c r="AE6150">
        <v>35254.792939999999</v>
      </c>
      <c r="AF6150">
        <v>45072.558599999997</v>
      </c>
      <c r="AG6150">
        <v>16289.54257</v>
      </c>
      <c r="AH6150">
        <v>287461.152</v>
      </c>
      <c r="AI6150">
        <v>73275.035529999994</v>
      </c>
      <c r="AJ6150">
        <v>18752.70147</v>
      </c>
      <c r="AK6150">
        <v>24060.55544</v>
      </c>
      <c r="AL6150">
        <v>94184.733110000001</v>
      </c>
      <c r="AM6150">
        <v>13868.99343</v>
      </c>
      <c r="AN6150">
        <v>71615.352190000005</v>
      </c>
      <c r="AO6150">
        <v>17713.038270000001</v>
      </c>
      <c r="AP6150">
        <v>13609.22422</v>
      </c>
    </row>
    <row r="6151" spans="2:42" x14ac:dyDescent="0.3">
      <c r="B6151">
        <v>59.021762902249009</v>
      </c>
      <c r="C6151" s="83">
        <v>43357.208333333336</v>
      </c>
      <c r="D6151">
        <v>255386.92360000001</v>
      </c>
      <c r="E6151">
        <v>15026.05579</v>
      </c>
      <c r="F6151">
        <v>67854.884229999996</v>
      </c>
      <c r="G6151">
        <v>32215.65062</v>
      </c>
      <c r="H6151">
        <v>35985.962370000001</v>
      </c>
      <c r="I6151">
        <v>26248.781589999999</v>
      </c>
      <c r="J6151">
        <v>38656.439969999999</v>
      </c>
      <c r="K6151">
        <v>45597.785750000003</v>
      </c>
      <c r="L6151">
        <v>17152.253250000002</v>
      </c>
      <c r="M6151">
        <v>300920.47159999999</v>
      </c>
      <c r="N6151">
        <v>73562.090830000001</v>
      </c>
      <c r="O6151">
        <v>18502.33382</v>
      </c>
      <c r="P6151">
        <v>25668.532439999999</v>
      </c>
      <c r="Q6151">
        <v>96725.347810000007</v>
      </c>
      <c r="R6151">
        <v>15059.06063</v>
      </c>
      <c r="S6151">
        <v>74313.203940000007</v>
      </c>
      <c r="T6151">
        <v>19004.520069999999</v>
      </c>
      <c r="U6151">
        <v>15343.52865</v>
      </c>
      <c r="W6151" s="83">
        <f>Bühler!N6183</f>
        <v>45548.20833331842</v>
      </c>
      <c r="X6151" s="83">
        <v>43357.208333333336</v>
      </c>
      <c r="Y6151">
        <v>255386.92360000001</v>
      </c>
      <c r="Z6151">
        <v>15026.05579</v>
      </c>
      <c r="AA6151">
        <v>67854.884229999996</v>
      </c>
      <c r="AB6151">
        <v>32215.65062</v>
      </c>
      <c r="AC6151">
        <v>35985.962370000001</v>
      </c>
      <c r="AD6151">
        <v>26248.781589999999</v>
      </c>
      <c r="AE6151">
        <v>38656.439969999999</v>
      </c>
      <c r="AF6151">
        <v>45597.785750000003</v>
      </c>
      <c r="AG6151">
        <v>17152.253250000002</v>
      </c>
      <c r="AH6151">
        <v>300920.47159999999</v>
      </c>
      <c r="AI6151">
        <v>73562.090830000001</v>
      </c>
      <c r="AJ6151">
        <v>18502.33382</v>
      </c>
      <c r="AK6151">
        <v>25668.532439999999</v>
      </c>
      <c r="AL6151">
        <v>96725.347810000007</v>
      </c>
      <c r="AM6151">
        <v>15059.06063</v>
      </c>
      <c r="AN6151">
        <v>74313.203940000007</v>
      </c>
      <c r="AO6151">
        <v>19004.520069999999</v>
      </c>
      <c r="AP6151">
        <v>15343.52865</v>
      </c>
    </row>
    <row r="6152" spans="2:42" x14ac:dyDescent="0.3">
      <c r="B6152">
        <v>62.002213096644418</v>
      </c>
      <c r="C6152" s="83">
        <v>43357.25</v>
      </c>
      <c r="D6152">
        <v>271100.91220000002</v>
      </c>
      <c r="E6152">
        <v>19065.71544</v>
      </c>
      <c r="F6152">
        <v>78553.255239999999</v>
      </c>
      <c r="G6152">
        <v>43275.56192</v>
      </c>
      <c r="H6152">
        <v>38997.27218</v>
      </c>
      <c r="I6152">
        <v>33119.252180000003</v>
      </c>
      <c r="J6152">
        <v>42574.825980000001</v>
      </c>
      <c r="K6152">
        <v>47844.84807</v>
      </c>
      <c r="L6152">
        <v>18898.401809999999</v>
      </c>
      <c r="M6152">
        <v>316116.19660000002</v>
      </c>
      <c r="N6152">
        <v>78135.715840000004</v>
      </c>
      <c r="O6152">
        <v>21138.915830000002</v>
      </c>
      <c r="P6152">
        <v>26465.653740000002</v>
      </c>
      <c r="Q6152">
        <v>97607.899009999994</v>
      </c>
      <c r="R6152">
        <v>16858.409019999999</v>
      </c>
      <c r="S6152">
        <v>82633.398060000007</v>
      </c>
      <c r="T6152">
        <v>21481.446220000002</v>
      </c>
      <c r="U6152">
        <v>18533.064969999999</v>
      </c>
      <c r="W6152" s="83">
        <f>Bühler!N6184</f>
        <v>45548.249999985084</v>
      </c>
      <c r="X6152" s="83">
        <v>43357.25</v>
      </c>
      <c r="Y6152">
        <v>271100.91220000002</v>
      </c>
      <c r="Z6152">
        <v>19065.71544</v>
      </c>
      <c r="AA6152">
        <v>78553.255239999999</v>
      </c>
      <c r="AB6152">
        <v>43275.56192</v>
      </c>
      <c r="AC6152">
        <v>38997.27218</v>
      </c>
      <c r="AD6152">
        <v>33119.252180000003</v>
      </c>
      <c r="AE6152">
        <v>42574.825980000001</v>
      </c>
      <c r="AF6152">
        <v>47844.84807</v>
      </c>
      <c r="AG6152">
        <v>18898.401809999999</v>
      </c>
      <c r="AH6152">
        <v>316116.19660000002</v>
      </c>
      <c r="AI6152">
        <v>78135.715840000004</v>
      </c>
      <c r="AJ6152">
        <v>21138.915830000002</v>
      </c>
      <c r="AK6152">
        <v>26465.653740000002</v>
      </c>
      <c r="AL6152">
        <v>97607.899009999994</v>
      </c>
      <c r="AM6152">
        <v>16858.409019999999</v>
      </c>
      <c r="AN6152">
        <v>82633.398060000007</v>
      </c>
      <c r="AO6152">
        <v>21481.446220000002</v>
      </c>
      <c r="AP6152">
        <v>18533.064969999999</v>
      </c>
    </row>
    <row r="6153" spans="2:42" x14ac:dyDescent="0.3">
      <c r="B6153">
        <v>63.94071223287861</v>
      </c>
      <c r="C6153" s="83">
        <v>43357.291666666664</v>
      </c>
      <c r="D6153">
        <v>282700.78600000002</v>
      </c>
      <c r="E6153">
        <v>23437.474569999998</v>
      </c>
      <c r="F6153">
        <v>82727.183770000003</v>
      </c>
      <c r="G6153">
        <v>53743.042280000001</v>
      </c>
      <c r="H6153">
        <v>43563.96443</v>
      </c>
      <c r="I6153">
        <v>40979.865449999998</v>
      </c>
      <c r="J6153">
        <v>43539.330349999997</v>
      </c>
      <c r="K6153">
        <v>52825.839529999997</v>
      </c>
      <c r="L6153">
        <v>21445.0111</v>
      </c>
      <c r="M6153">
        <v>325999.56920000003</v>
      </c>
      <c r="N6153">
        <v>83655.325729999997</v>
      </c>
      <c r="O6153">
        <v>22559.161769999999</v>
      </c>
      <c r="P6153">
        <v>30199.366880000001</v>
      </c>
      <c r="Q6153">
        <v>96348.688630000004</v>
      </c>
      <c r="R6153">
        <v>18497.404999999999</v>
      </c>
      <c r="S6153">
        <v>97712.347779999996</v>
      </c>
      <c r="T6153">
        <v>25746.154060000001</v>
      </c>
      <c r="U6153">
        <v>22746.647840000001</v>
      </c>
      <c r="W6153" s="83">
        <f>Bühler!N6185</f>
        <v>45548.291666651749</v>
      </c>
      <c r="X6153" s="83">
        <v>43357.291666666664</v>
      </c>
      <c r="Y6153">
        <v>282700.78600000002</v>
      </c>
      <c r="Z6153">
        <v>23437.474569999998</v>
      </c>
      <c r="AA6153">
        <v>82727.183770000003</v>
      </c>
      <c r="AB6153">
        <v>53743.042280000001</v>
      </c>
      <c r="AC6153">
        <v>43563.96443</v>
      </c>
      <c r="AD6153">
        <v>40979.865449999998</v>
      </c>
      <c r="AE6153">
        <v>43539.330349999997</v>
      </c>
      <c r="AF6153">
        <v>52825.839529999997</v>
      </c>
      <c r="AG6153">
        <v>21445.0111</v>
      </c>
      <c r="AH6153">
        <v>325999.56920000003</v>
      </c>
      <c r="AI6153">
        <v>83655.325729999997</v>
      </c>
      <c r="AJ6153">
        <v>22559.161769999999</v>
      </c>
      <c r="AK6153">
        <v>30199.366880000001</v>
      </c>
      <c r="AL6153">
        <v>96348.688630000004</v>
      </c>
      <c r="AM6153">
        <v>18497.404999999999</v>
      </c>
      <c r="AN6153">
        <v>97712.347779999996</v>
      </c>
      <c r="AO6153">
        <v>25746.154060000001</v>
      </c>
      <c r="AP6153">
        <v>22746.647840000001</v>
      </c>
    </row>
    <row r="6154" spans="2:42" x14ac:dyDescent="0.3">
      <c r="B6154">
        <v>64.596700558716435</v>
      </c>
      <c r="C6154" s="83">
        <v>43357.333333333336</v>
      </c>
      <c r="D6154">
        <v>290783.39720000001</v>
      </c>
      <c r="E6154">
        <v>29226.31854</v>
      </c>
      <c r="F6154">
        <v>88129.595719999998</v>
      </c>
      <c r="G6154">
        <v>65547.601580000002</v>
      </c>
      <c r="H6154">
        <v>47833.352400000003</v>
      </c>
      <c r="I6154">
        <v>43311.425190000002</v>
      </c>
      <c r="J6154">
        <v>45024.939630000001</v>
      </c>
      <c r="K6154">
        <v>58759.116950000003</v>
      </c>
      <c r="L6154">
        <v>24328.345969999998</v>
      </c>
      <c r="M6154">
        <v>329344.10359999997</v>
      </c>
      <c r="N6154">
        <v>89098.295660000003</v>
      </c>
      <c r="O6154">
        <v>24950.236280000001</v>
      </c>
      <c r="P6154">
        <v>31915.57948</v>
      </c>
      <c r="Q6154">
        <v>97249.010670000003</v>
      </c>
      <c r="R6154">
        <v>20548.188730000002</v>
      </c>
      <c r="S6154">
        <v>108100.7087</v>
      </c>
      <c r="T6154">
        <v>28718.102050000001</v>
      </c>
      <c r="U6154">
        <v>25582.87441</v>
      </c>
      <c r="W6154" s="83">
        <f>Bühler!N6186</f>
        <v>45548.333333318413</v>
      </c>
      <c r="X6154" s="83">
        <v>43357.333333333336</v>
      </c>
      <c r="Y6154">
        <v>290783.39720000001</v>
      </c>
      <c r="Z6154">
        <v>29226.31854</v>
      </c>
      <c r="AA6154">
        <v>88129.595719999998</v>
      </c>
      <c r="AB6154">
        <v>65547.601580000002</v>
      </c>
      <c r="AC6154">
        <v>47833.352400000003</v>
      </c>
      <c r="AD6154">
        <v>43311.425190000002</v>
      </c>
      <c r="AE6154">
        <v>45024.939630000001</v>
      </c>
      <c r="AF6154">
        <v>58759.116950000003</v>
      </c>
      <c r="AG6154">
        <v>24328.345969999998</v>
      </c>
      <c r="AH6154">
        <v>329344.10359999997</v>
      </c>
      <c r="AI6154">
        <v>89098.295660000003</v>
      </c>
      <c r="AJ6154">
        <v>24950.236280000001</v>
      </c>
      <c r="AK6154">
        <v>31915.57948</v>
      </c>
      <c r="AL6154">
        <v>97249.010670000003</v>
      </c>
      <c r="AM6154">
        <v>20548.188730000002</v>
      </c>
      <c r="AN6154">
        <v>108100.7087</v>
      </c>
      <c r="AO6154">
        <v>28718.102050000001</v>
      </c>
      <c r="AP6154">
        <v>25582.87441</v>
      </c>
    </row>
    <row r="6155" spans="2:42" x14ac:dyDescent="0.3">
      <c r="B6155">
        <v>65.295049897752051</v>
      </c>
      <c r="C6155" s="83">
        <v>43357.375</v>
      </c>
      <c r="D6155">
        <v>292710.5122</v>
      </c>
      <c r="E6155">
        <v>33071.992389999999</v>
      </c>
      <c r="F6155">
        <v>94456.385850000006</v>
      </c>
      <c r="G6155">
        <v>73645.319099999993</v>
      </c>
      <c r="H6155">
        <v>50352.137340000001</v>
      </c>
      <c r="I6155">
        <v>40832.200199999999</v>
      </c>
      <c r="J6155">
        <v>45598.15711</v>
      </c>
      <c r="K6155">
        <v>61234.84966</v>
      </c>
      <c r="L6155">
        <v>27256.997179999998</v>
      </c>
      <c r="M6155">
        <v>332904.61420000001</v>
      </c>
      <c r="N6155">
        <v>92517.087939999998</v>
      </c>
      <c r="O6155">
        <v>26070.802930000002</v>
      </c>
      <c r="P6155">
        <v>34476.294950000003</v>
      </c>
      <c r="Q6155">
        <v>98763.966610000003</v>
      </c>
      <c r="R6155">
        <v>21280.124970000001</v>
      </c>
      <c r="S6155">
        <v>114864.7067</v>
      </c>
      <c r="T6155">
        <v>31117.28789</v>
      </c>
      <c r="U6155">
        <v>26122.714240000001</v>
      </c>
      <c r="W6155" s="83">
        <f>Bühler!N6187</f>
        <v>45548.374999985077</v>
      </c>
      <c r="X6155" s="83">
        <v>43357.375</v>
      </c>
      <c r="Y6155">
        <v>292710.5122</v>
      </c>
      <c r="Z6155">
        <v>33071.992389999999</v>
      </c>
      <c r="AA6155">
        <v>94456.385850000006</v>
      </c>
      <c r="AB6155">
        <v>73645.319099999993</v>
      </c>
      <c r="AC6155">
        <v>50352.137340000001</v>
      </c>
      <c r="AD6155">
        <v>40832.200199999999</v>
      </c>
      <c r="AE6155">
        <v>45598.15711</v>
      </c>
      <c r="AF6155">
        <v>61234.84966</v>
      </c>
      <c r="AG6155">
        <v>27256.997179999998</v>
      </c>
      <c r="AH6155">
        <v>332904.61420000001</v>
      </c>
      <c r="AI6155">
        <v>92517.087939999998</v>
      </c>
      <c r="AJ6155">
        <v>26070.802930000002</v>
      </c>
      <c r="AK6155">
        <v>34476.294950000003</v>
      </c>
      <c r="AL6155">
        <v>98763.966610000003</v>
      </c>
      <c r="AM6155">
        <v>21280.124970000001</v>
      </c>
      <c r="AN6155">
        <v>114864.7067</v>
      </c>
      <c r="AO6155">
        <v>31117.28789</v>
      </c>
      <c r="AP6155">
        <v>26122.714240000001</v>
      </c>
    </row>
    <row r="6156" spans="2:42" x14ac:dyDescent="0.3">
      <c r="B6156">
        <v>66.023398179556267</v>
      </c>
      <c r="C6156" s="83">
        <v>43357.416666666664</v>
      </c>
      <c r="D6156">
        <v>295693.48239999998</v>
      </c>
      <c r="E6156">
        <v>34844.050020000002</v>
      </c>
      <c r="F6156">
        <v>96895.047439999995</v>
      </c>
      <c r="G6156">
        <v>74889.873609999995</v>
      </c>
      <c r="H6156">
        <v>51193.105759999999</v>
      </c>
      <c r="I6156">
        <v>38020.280070000001</v>
      </c>
      <c r="J6156">
        <v>45281.692479999998</v>
      </c>
      <c r="K6156">
        <v>62129.837910000002</v>
      </c>
      <c r="L6156">
        <v>29176.48458</v>
      </c>
      <c r="M6156">
        <v>336618.07339999999</v>
      </c>
      <c r="N6156">
        <v>92422.835030000002</v>
      </c>
      <c r="O6156">
        <v>26471.81439</v>
      </c>
      <c r="P6156">
        <v>35960.442580000003</v>
      </c>
      <c r="Q6156">
        <v>99516.138059999997</v>
      </c>
      <c r="R6156">
        <v>22147.358209999999</v>
      </c>
      <c r="S6156">
        <v>115526.7522</v>
      </c>
      <c r="T6156">
        <v>33088.916749999997</v>
      </c>
      <c r="U6156">
        <v>25470.438310000001</v>
      </c>
      <c r="W6156" s="83">
        <f>Bühler!N6188</f>
        <v>45548.416666651741</v>
      </c>
      <c r="X6156" s="83">
        <v>43357.416666666664</v>
      </c>
      <c r="Y6156">
        <v>295693.48239999998</v>
      </c>
      <c r="Z6156">
        <v>34844.050020000002</v>
      </c>
      <c r="AA6156">
        <v>96895.047439999995</v>
      </c>
      <c r="AB6156">
        <v>74889.873609999995</v>
      </c>
      <c r="AC6156">
        <v>51193.105759999999</v>
      </c>
      <c r="AD6156">
        <v>38020.280070000001</v>
      </c>
      <c r="AE6156">
        <v>45281.692479999998</v>
      </c>
      <c r="AF6156">
        <v>62129.837910000002</v>
      </c>
      <c r="AG6156">
        <v>29176.48458</v>
      </c>
      <c r="AH6156">
        <v>336618.07339999999</v>
      </c>
      <c r="AI6156">
        <v>92422.835030000002</v>
      </c>
      <c r="AJ6156">
        <v>26471.81439</v>
      </c>
      <c r="AK6156">
        <v>35960.442580000003</v>
      </c>
      <c r="AL6156">
        <v>99516.138059999997</v>
      </c>
      <c r="AM6156">
        <v>22147.358209999999</v>
      </c>
      <c r="AN6156">
        <v>115526.7522</v>
      </c>
      <c r="AO6156">
        <v>33088.916749999997</v>
      </c>
      <c r="AP6156">
        <v>25470.438310000001</v>
      </c>
    </row>
    <row r="6157" spans="2:42" x14ac:dyDescent="0.3">
      <c r="B6157">
        <v>66.201221144187684</v>
      </c>
      <c r="C6157" s="83">
        <v>43357.458333333336</v>
      </c>
      <c r="D6157">
        <v>291514.10580000002</v>
      </c>
      <c r="E6157">
        <v>35169.228389999997</v>
      </c>
      <c r="F6157">
        <v>98387.126350000006</v>
      </c>
      <c r="G6157">
        <v>74902.039499999999</v>
      </c>
      <c r="H6157">
        <v>50806.03183</v>
      </c>
      <c r="I6157">
        <v>37696.010370000004</v>
      </c>
      <c r="J6157">
        <v>44903.21716</v>
      </c>
      <c r="K6157">
        <v>62970.266900000002</v>
      </c>
      <c r="L6157">
        <v>31591.04824</v>
      </c>
      <c r="M6157">
        <v>337524.69780000002</v>
      </c>
      <c r="N6157">
        <v>94479.541970000006</v>
      </c>
      <c r="O6157">
        <v>26624.981329999999</v>
      </c>
      <c r="P6157">
        <v>35580.480860000003</v>
      </c>
      <c r="Q6157">
        <v>100444.51700000001</v>
      </c>
      <c r="R6157">
        <v>23732.742269999999</v>
      </c>
      <c r="S6157">
        <v>118170.11689999999</v>
      </c>
      <c r="T6157">
        <v>32986.623890000003</v>
      </c>
      <c r="U6157">
        <v>24761.795620000001</v>
      </c>
      <c r="W6157" s="83">
        <f>Bühler!N6189</f>
        <v>45548.458333318405</v>
      </c>
      <c r="X6157" s="83">
        <v>43357.458333333336</v>
      </c>
      <c r="Y6157">
        <v>291514.10580000002</v>
      </c>
      <c r="Z6157">
        <v>35169.228389999997</v>
      </c>
      <c r="AA6157">
        <v>98387.126350000006</v>
      </c>
      <c r="AB6157">
        <v>74902.039499999999</v>
      </c>
      <c r="AC6157">
        <v>50806.03183</v>
      </c>
      <c r="AD6157">
        <v>37696.010370000004</v>
      </c>
      <c r="AE6157">
        <v>44903.21716</v>
      </c>
      <c r="AF6157">
        <v>62970.266900000002</v>
      </c>
      <c r="AG6157">
        <v>31591.04824</v>
      </c>
      <c r="AH6157">
        <v>337524.69780000002</v>
      </c>
      <c r="AI6157">
        <v>94479.541970000006</v>
      </c>
      <c r="AJ6157">
        <v>26624.981329999999</v>
      </c>
      <c r="AK6157">
        <v>35580.480860000003</v>
      </c>
      <c r="AL6157">
        <v>100444.51700000001</v>
      </c>
      <c r="AM6157">
        <v>23732.742269999999</v>
      </c>
      <c r="AN6157">
        <v>118170.11689999999</v>
      </c>
      <c r="AO6157">
        <v>32986.623890000003</v>
      </c>
      <c r="AP6157">
        <v>24761.795620000001</v>
      </c>
    </row>
    <row r="6158" spans="2:42" x14ac:dyDescent="0.3">
      <c r="B6158">
        <v>64.827474976175608</v>
      </c>
      <c r="C6158" s="83">
        <v>43357.5</v>
      </c>
      <c r="D6158">
        <v>279261.51209999999</v>
      </c>
      <c r="E6158">
        <v>31905.855250000001</v>
      </c>
      <c r="F6158">
        <v>97198.542019999993</v>
      </c>
      <c r="G6158">
        <v>74126.756370000003</v>
      </c>
      <c r="H6158">
        <v>49306.878380000002</v>
      </c>
      <c r="I6158">
        <v>37290.387620000001</v>
      </c>
      <c r="J6158">
        <v>44995.428110000001</v>
      </c>
      <c r="K6158">
        <v>58703.105430000003</v>
      </c>
      <c r="L6158">
        <v>33990.452310000001</v>
      </c>
      <c r="M6158">
        <v>330520.69919999997</v>
      </c>
      <c r="N6158">
        <v>93042.139049999998</v>
      </c>
      <c r="O6158">
        <v>25082.556120000001</v>
      </c>
      <c r="P6158">
        <v>37377.124389999997</v>
      </c>
      <c r="Q6158">
        <v>100598.5969</v>
      </c>
      <c r="R6158">
        <v>25457.47364</v>
      </c>
      <c r="S6158">
        <v>112878.069</v>
      </c>
      <c r="T6158">
        <v>33164.341130000001</v>
      </c>
      <c r="U6158">
        <v>19949.212479999998</v>
      </c>
      <c r="W6158" s="83">
        <f>Bühler!N6190</f>
        <v>45548.49999998507</v>
      </c>
      <c r="X6158" s="83">
        <v>43357.5</v>
      </c>
      <c r="Y6158">
        <v>279261.51209999999</v>
      </c>
      <c r="Z6158">
        <v>31905.855250000001</v>
      </c>
      <c r="AA6158">
        <v>97198.542019999993</v>
      </c>
      <c r="AB6158">
        <v>74126.756370000003</v>
      </c>
      <c r="AC6158">
        <v>49306.878380000002</v>
      </c>
      <c r="AD6158">
        <v>37290.387620000001</v>
      </c>
      <c r="AE6158">
        <v>44995.428110000001</v>
      </c>
      <c r="AF6158">
        <v>58703.105430000003</v>
      </c>
      <c r="AG6158">
        <v>33990.452310000001</v>
      </c>
      <c r="AH6158">
        <v>330520.69919999997</v>
      </c>
      <c r="AI6158">
        <v>93042.139049999998</v>
      </c>
      <c r="AJ6158">
        <v>25082.556120000001</v>
      </c>
      <c r="AK6158">
        <v>37377.124389999997</v>
      </c>
      <c r="AL6158">
        <v>100598.5969</v>
      </c>
      <c r="AM6158">
        <v>25457.47364</v>
      </c>
      <c r="AN6158">
        <v>112878.069</v>
      </c>
      <c r="AO6158">
        <v>33164.341130000001</v>
      </c>
      <c r="AP6158">
        <v>19949.212479999998</v>
      </c>
    </row>
    <row r="6159" spans="2:42" x14ac:dyDescent="0.3">
      <c r="B6159">
        <v>64.14384080734375</v>
      </c>
      <c r="C6159" s="83">
        <v>43357.541666666664</v>
      </c>
      <c r="D6159">
        <v>276782.83919999999</v>
      </c>
      <c r="E6159">
        <v>32294.827659999999</v>
      </c>
      <c r="F6159">
        <v>97102.85987</v>
      </c>
      <c r="G6159">
        <v>70429.731199999995</v>
      </c>
      <c r="H6159">
        <v>48772.554190000003</v>
      </c>
      <c r="I6159">
        <v>36419.31972</v>
      </c>
      <c r="J6159">
        <v>45309.11765</v>
      </c>
      <c r="K6159">
        <v>59967.769760000003</v>
      </c>
      <c r="L6159">
        <v>33154.253770000003</v>
      </c>
      <c r="M6159">
        <v>327035.21340000001</v>
      </c>
      <c r="N6159">
        <v>93309.190119999999</v>
      </c>
      <c r="O6159">
        <v>25011.530449999998</v>
      </c>
      <c r="P6159">
        <v>36341.191440000002</v>
      </c>
      <c r="Q6159">
        <v>100040.36870000001</v>
      </c>
      <c r="R6159">
        <v>25820.987710000001</v>
      </c>
      <c r="S6159">
        <v>112549.0039</v>
      </c>
      <c r="T6159">
        <v>32354.770909999999</v>
      </c>
      <c r="U6159">
        <v>21459.631440000001</v>
      </c>
      <c r="W6159" s="83">
        <f>Bühler!N6191</f>
        <v>45548.541666651734</v>
      </c>
      <c r="X6159" s="83">
        <v>43357.541666666664</v>
      </c>
      <c r="Y6159">
        <v>276782.83919999999</v>
      </c>
      <c r="Z6159">
        <v>32294.827659999999</v>
      </c>
      <c r="AA6159">
        <v>97102.85987</v>
      </c>
      <c r="AB6159">
        <v>70429.731199999995</v>
      </c>
      <c r="AC6159">
        <v>48772.554190000003</v>
      </c>
      <c r="AD6159">
        <v>36419.31972</v>
      </c>
      <c r="AE6159">
        <v>45309.11765</v>
      </c>
      <c r="AF6159">
        <v>59967.769760000003</v>
      </c>
      <c r="AG6159">
        <v>33154.253770000003</v>
      </c>
      <c r="AH6159">
        <v>327035.21340000001</v>
      </c>
      <c r="AI6159">
        <v>93309.190119999999</v>
      </c>
      <c r="AJ6159">
        <v>25011.530449999998</v>
      </c>
      <c r="AK6159">
        <v>36341.191440000002</v>
      </c>
      <c r="AL6159">
        <v>100040.36870000001</v>
      </c>
      <c r="AM6159">
        <v>25820.987710000001</v>
      </c>
      <c r="AN6159">
        <v>112549.0039</v>
      </c>
      <c r="AO6159">
        <v>32354.770909999999</v>
      </c>
      <c r="AP6159">
        <v>21459.631440000001</v>
      </c>
    </row>
    <row r="6160" spans="2:42" x14ac:dyDescent="0.3">
      <c r="B6160">
        <v>64.131662753035727</v>
      </c>
      <c r="C6160" s="83">
        <v>43357.583333333336</v>
      </c>
      <c r="D6160">
        <v>276867.00199999998</v>
      </c>
      <c r="E6160">
        <v>35476.391040000002</v>
      </c>
      <c r="F6160">
        <v>99122.530339999998</v>
      </c>
      <c r="G6160">
        <v>63139.94786</v>
      </c>
      <c r="H6160">
        <v>48483.462789999998</v>
      </c>
      <c r="I6160">
        <v>36892.925360000001</v>
      </c>
      <c r="J6160">
        <v>44706.352299999999</v>
      </c>
      <c r="K6160">
        <v>62767.735890000004</v>
      </c>
      <c r="L6160">
        <v>29559.574820000002</v>
      </c>
      <c r="M6160">
        <v>326973.12400000001</v>
      </c>
      <c r="N6160">
        <v>94846.225879999998</v>
      </c>
      <c r="O6160">
        <v>24507.777770000001</v>
      </c>
      <c r="P6160">
        <v>32970.30702</v>
      </c>
      <c r="Q6160">
        <v>98449.311570000005</v>
      </c>
      <c r="R6160">
        <v>25326.267179999999</v>
      </c>
      <c r="S6160">
        <v>108274.5852</v>
      </c>
      <c r="T6160">
        <v>31042.821090000001</v>
      </c>
      <c r="U6160">
        <v>22000.242279999999</v>
      </c>
      <c r="W6160" s="83">
        <f>Bühler!N6192</f>
        <v>45548.583333318398</v>
      </c>
      <c r="X6160" s="83">
        <v>43357.583333333336</v>
      </c>
      <c r="Y6160">
        <v>276867.00199999998</v>
      </c>
      <c r="Z6160">
        <v>35476.391040000002</v>
      </c>
      <c r="AA6160">
        <v>99122.530339999998</v>
      </c>
      <c r="AB6160">
        <v>63139.94786</v>
      </c>
      <c r="AC6160">
        <v>48483.462789999998</v>
      </c>
      <c r="AD6160">
        <v>36892.925360000001</v>
      </c>
      <c r="AE6160">
        <v>44706.352299999999</v>
      </c>
      <c r="AF6160">
        <v>62767.735890000004</v>
      </c>
      <c r="AG6160">
        <v>29559.574820000002</v>
      </c>
      <c r="AH6160">
        <v>326973.12400000001</v>
      </c>
      <c r="AI6160">
        <v>94846.225879999998</v>
      </c>
      <c r="AJ6160">
        <v>24507.777770000001</v>
      </c>
      <c r="AK6160">
        <v>32970.30702</v>
      </c>
      <c r="AL6160">
        <v>98449.311570000005</v>
      </c>
      <c r="AM6160">
        <v>25326.267179999999</v>
      </c>
      <c r="AN6160">
        <v>108274.5852</v>
      </c>
      <c r="AO6160">
        <v>31042.821090000001</v>
      </c>
      <c r="AP6160">
        <v>22000.242279999999</v>
      </c>
    </row>
    <row r="6161" spans="2:42" x14ac:dyDescent="0.3">
      <c r="B6161">
        <v>63.468850473156323</v>
      </c>
      <c r="C6161" s="83">
        <v>43357.625</v>
      </c>
      <c r="D6161">
        <v>273634.67060000001</v>
      </c>
      <c r="E6161">
        <v>35099.140570000003</v>
      </c>
      <c r="F6161">
        <v>101160.00199999999</v>
      </c>
      <c r="G6161">
        <v>57809.377269999997</v>
      </c>
      <c r="H6161">
        <v>47525.706140000002</v>
      </c>
      <c r="I6161">
        <v>37936.00877</v>
      </c>
      <c r="J6161">
        <v>44427.692790000001</v>
      </c>
      <c r="K6161">
        <v>60477.653939999997</v>
      </c>
      <c r="L6161">
        <v>26762.43331</v>
      </c>
      <c r="M6161">
        <v>323593.79790000001</v>
      </c>
      <c r="N6161">
        <v>92083.604730000006</v>
      </c>
      <c r="O6161">
        <v>23938.096539999999</v>
      </c>
      <c r="P6161">
        <v>30299.752939999998</v>
      </c>
      <c r="Q6161">
        <v>97575.269809999998</v>
      </c>
      <c r="R6161">
        <v>24861.928380000001</v>
      </c>
      <c r="S6161">
        <v>105457.7083</v>
      </c>
      <c r="T6161">
        <v>30642.87787</v>
      </c>
      <c r="U6161">
        <v>20053.561699999998</v>
      </c>
      <c r="W6161" s="83">
        <f>Bühler!N6193</f>
        <v>45548.624999985062</v>
      </c>
      <c r="X6161" s="83">
        <v>43357.625</v>
      </c>
      <c r="Y6161">
        <v>273634.67060000001</v>
      </c>
      <c r="Z6161">
        <v>35099.140570000003</v>
      </c>
      <c r="AA6161">
        <v>101160.00199999999</v>
      </c>
      <c r="AB6161">
        <v>57809.377269999997</v>
      </c>
      <c r="AC6161">
        <v>47525.706140000002</v>
      </c>
      <c r="AD6161">
        <v>37936.00877</v>
      </c>
      <c r="AE6161">
        <v>44427.692790000001</v>
      </c>
      <c r="AF6161">
        <v>60477.653939999997</v>
      </c>
      <c r="AG6161">
        <v>26762.43331</v>
      </c>
      <c r="AH6161">
        <v>323593.79790000001</v>
      </c>
      <c r="AI6161">
        <v>92083.604730000006</v>
      </c>
      <c r="AJ6161">
        <v>23938.096539999999</v>
      </c>
      <c r="AK6161">
        <v>30299.752939999998</v>
      </c>
      <c r="AL6161">
        <v>97575.269809999998</v>
      </c>
      <c r="AM6161">
        <v>24861.928380000001</v>
      </c>
      <c r="AN6161">
        <v>105457.7083</v>
      </c>
      <c r="AO6161">
        <v>30642.87787</v>
      </c>
      <c r="AP6161">
        <v>20053.561699999998</v>
      </c>
    </row>
    <row r="6162" spans="2:42" x14ac:dyDescent="0.3">
      <c r="B6162">
        <v>62.190186309709183</v>
      </c>
      <c r="C6162" s="83">
        <v>43357.666666666664</v>
      </c>
      <c r="D6162">
        <v>265867.68320000003</v>
      </c>
      <c r="E6162">
        <v>34015.586049999998</v>
      </c>
      <c r="F6162">
        <v>100350.3942</v>
      </c>
      <c r="G6162">
        <v>52665.238689999998</v>
      </c>
      <c r="H6162">
        <v>45899.411899999999</v>
      </c>
      <c r="I6162">
        <v>38693.282310000002</v>
      </c>
      <c r="J6162">
        <v>43668.466339999999</v>
      </c>
      <c r="K6162">
        <v>56468.258090000003</v>
      </c>
      <c r="L6162">
        <v>25396.52432</v>
      </c>
      <c r="M6162">
        <v>317074.57169999997</v>
      </c>
      <c r="N6162">
        <v>89376.297860000006</v>
      </c>
      <c r="O6162">
        <v>23834.701400000002</v>
      </c>
      <c r="P6162">
        <v>29479.062569999998</v>
      </c>
      <c r="Q6162">
        <v>96875.916939999996</v>
      </c>
      <c r="R6162">
        <v>24841.404070000001</v>
      </c>
      <c r="S6162">
        <v>102289.8382</v>
      </c>
      <c r="T6162">
        <v>29738.455409999999</v>
      </c>
      <c r="U6162">
        <v>17787.043460000001</v>
      </c>
      <c r="W6162" s="83">
        <f>Bühler!N6194</f>
        <v>45548.666666651727</v>
      </c>
      <c r="X6162" s="83">
        <v>43357.666666666664</v>
      </c>
      <c r="Y6162">
        <v>265867.68320000003</v>
      </c>
      <c r="Z6162">
        <v>34015.586049999998</v>
      </c>
      <c r="AA6162">
        <v>100350.3942</v>
      </c>
      <c r="AB6162">
        <v>52665.238689999998</v>
      </c>
      <c r="AC6162">
        <v>45899.411899999999</v>
      </c>
      <c r="AD6162">
        <v>38693.282310000002</v>
      </c>
      <c r="AE6162">
        <v>43668.466339999999</v>
      </c>
      <c r="AF6162">
        <v>56468.258090000003</v>
      </c>
      <c r="AG6162">
        <v>25396.52432</v>
      </c>
      <c r="AH6162">
        <v>317074.57169999997</v>
      </c>
      <c r="AI6162">
        <v>89376.297860000006</v>
      </c>
      <c r="AJ6162">
        <v>23834.701400000002</v>
      </c>
      <c r="AK6162">
        <v>29479.062569999998</v>
      </c>
      <c r="AL6162">
        <v>96875.916939999996</v>
      </c>
      <c r="AM6162">
        <v>24841.404070000001</v>
      </c>
      <c r="AN6162">
        <v>102289.8382</v>
      </c>
      <c r="AO6162">
        <v>29738.455409999999</v>
      </c>
      <c r="AP6162">
        <v>17787.043460000001</v>
      </c>
    </row>
    <row r="6163" spans="2:42" x14ac:dyDescent="0.3">
      <c r="B6163">
        <v>60.919568291366993</v>
      </c>
      <c r="C6163" s="83">
        <v>43357.708333333336</v>
      </c>
      <c r="D6163">
        <v>255479.5661</v>
      </c>
      <c r="E6163">
        <v>31723.163990000001</v>
      </c>
      <c r="F6163">
        <v>98581.712889999995</v>
      </c>
      <c r="G6163">
        <v>44869.776380000003</v>
      </c>
      <c r="H6163">
        <v>43956.907859999999</v>
      </c>
      <c r="I6163">
        <v>38794.237650000003</v>
      </c>
      <c r="J6163">
        <v>44193.344640000003</v>
      </c>
      <c r="K6163">
        <v>52822.322780000002</v>
      </c>
      <c r="L6163">
        <v>25718.657139999999</v>
      </c>
      <c r="M6163">
        <v>310596.36849999998</v>
      </c>
      <c r="N6163">
        <v>87458.758050000004</v>
      </c>
      <c r="O6163">
        <v>22901.576499999999</v>
      </c>
      <c r="P6163">
        <v>30385.541959999999</v>
      </c>
      <c r="Q6163">
        <v>95205.987280000001</v>
      </c>
      <c r="R6163">
        <v>23966.662179999999</v>
      </c>
      <c r="S6163">
        <v>98746.382270000002</v>
      </c>
      <c r="T6163">
        <v>29691.528300000002</v>
      </c>
      <c r="U6163">
        <v>16461.960360000001</v>
      </c>
      <c r="W6163" s="83">
        <f>Bühler!N6195</f>
        <v>45548.708333318391</v>
      </c>
      <c r="X6163" s="83">
        <v>43357.708333333336</v>
      </c>
      <c r="Y6163">
        <v>255479.5661</v>
      </c>
      <c r="Z6163">
        <v>31723.163990000001</v>
      </c>
      <c r="AA6163">
        <v>98581.712889999995</v>
      </c>
      <c r="AB6163">
        <v>44869.776380000003</v>
      </c>
      <c r="AC6163">
        <v>43956.907859999999</v>
      </c>
      <c r="AD6163">
        <v>38794.237650000003</v>
      </c>
      <c r="AE6163">
        <v>44193.344640000003</v>
      </c>
      <c r="AF6163">
        <v>52822.322780000002</v>
      </c>
      <c r="AG6163">
        <v>25718.657139999999</v>
      </c>
      <c r="AH6163">
        <v>310596.36849999998</v>
      </c>
      <c r="AI6163">
        <v>87458.758050000004</v>
      </c>
      <c r="AJ6163">
        <v>22901.576499999999</v>
      </c>
      <c r="AK6163">
        <v>30385.541959999999</v>
      </c>
      <c r="AL6163">
        <v>95205.987280000001</v>
      </c>
      <c r="AM6163">
        <v>23966.662179999999</v>
      </c>
      <c r="AN6163">
        <v>98746.382270000002</v>
      </c>
      <c r="AO6163">
        <v>29691.528300000002</v>
      </c>
      <c r="AP6163">
        <v>16461.960360000001</v>
      </c>
    </row>
    <row r="6164" spans="2:42" x14ac:dyDescent="0.3">
      <c r="B6164">
        <v>59.216002176097021</v>
      </c>
      <c r="C6164" s="83">
        <v>43357.75</v>
      </c>
      <c r="D6164">
        <v>246831.9278</v>
      </c>
      <c r="E6164">
        <v>28755.023550000002</v>
      </c>
      <c r="F6164">
        <v>95911.819239999997</v>
      </c>
      <c r="G6164">
        <v>39066.613579999997</v>
      </c>
      <c r="H6164">
        <v>42069.407700000003</v>
      </c>
      <c r="I6164">
        <v>37202.102959999997</v>
      </c>
      <c r="J6164">
        <v>44475.539519999998</v>
      </c>
      <c r="K6164">
        <v>51389.772380000002</v>
      </c>
      <c r="L6164">
        <v>27663.968980000001</v>
      </c>
      <c r="M6164">
        <v>301910.79399999999</v>
      </c>
      <c r="N6164">
        <v>86390.206139999995</v>
      </c>
      <c r="O6164">
        <v>20993.817869999999</v>
      </c>
      <c r="P6164">
        <v>33887.464370000002</v>
      </c>
      <c r="Q6164">
        <v>92830.110339999999</v>
      </c>
      <c r="R6164">
        <v>22936.366880000001</v>
      </c>
      <c r="S6164">
        <v>92790.987640000007</v>
      </c>
      <c r="T6164">
        <v>30143.203010000001</v>
      </c>
      <c r="U6164">
        <v>15578.014639999999</v>
      </c>
      <c r="W6164" s="83">
        <f>Bühler!N6196</f>
        <v>45548.749999985055</v>
      </c>
      <c r="X6164" s="83">
        <v>43357.75</v>
      </c>
      <c r="Y6164">
        <v>246831.9278</v>
      </c>
      <c r="Z6164">
        <v>28755.023550000002</v>
      </c>
      <c r="AA6164">
        <v>95911.819239999997</v>
      </c>
      <c r="AB6164">
        <v>39066.613579999997</v>
      </c>
      <c r="AC6164">
        <v>42069.407700000003</v>
      </c>
      <c r="AD6164">
        <v>37202.102959999997</v>
      </c>
      <c r="AE6164">
        <v>44475.539519999998</v>
      </c>
      <c r="AF6164">
        <v>51389.772380000002</v>
      </c>
      <c r="AG6164">
        <v>27663.968980000001</v>
      </c>
      <c r="AH6164">
        <v>301910.79399999999</v>
      </c>
      <c r="AI6164">
        <v>86390.206139999995</v>
      </c>
      <c r="AJ6164">
        <v>20993.817869999999</v>
      </c>
      <c r="AK6164">
        <v>33887.464370000002</v>
      </c>
      <c r="AL6164">
        <v>92830.110339999999</v>
      </c>
      <c r="AM6164">
        <v>22936.366880000001</v>
      </c>
      <c r="AN6164">
        <v>92790.987640000007</v>
      </c>
      <c r="AO6164">
        <v>30143.203010000001</v>
      </c>
      <c r="AP6164">
        <v>15578.014639999999</v>
      </c>
    </row>
    <row r="6165" spans="2:42" x14ac:dyDescent="0.3">
      <c r="B6165">
        <v>57.3609806528261</v>
      </c>
      <c r="C6165" s="83">
        <v>43357.791666666664</v>
      </c>
      <c r="D6165">
        <v>237340.15229999999</v>
      </c>
      <c r="E6165">
        <v>23178.277429999998</v>
      </c>
      <c r="F6165">
        <v>85973.51986</v>
      </c>
      <c r="G6165">
        <v>36480.412049999999</v>
      </c>
      <c r="H6165">
        <v>40639.18578</v>
      </c>
      <c r="I6165">
        <v>33962.299200000001</v>
      </c>
      <c r="J6165">
        <v>43957.262000000002</v>
      </c>
      <c r="K6165">
        <v>50389.08455</v>
      </c>
      <c r="L6165">
        <v>28897.210190000002</v>
      </c>
      <c r="M6165">
        <v>292453.02919999999</v>
      </c>
      <c r="N6165">
        <v>83613.687659999996</v>
      </c>
      <c r="O6165">
        <v>19436.663769999999</v>
      </c>
      <c r="P6165">
        <v>36561.06581</v>
      </c>
      <c r="Q6165">
        <v>88923.529269999999</v>
      </c>
      <c r="R6165">
        <v>22414.475129999999</v>
      </c>
      <c r="S6165">
        <v>89829.016959999994</v>
      </c>
      <c r="T6165">
        <v>30189.28383</v>
      </c>
      <c r="U6165">
        <v>14989.345799999999</v>
      </c>
      <c r="W6165" s="83">
        <f>Bühler!N6197</f>
        <v>45548.791666651719</v>
      </c>
      <c r="X6165" s="83">
        <v>43357.791666666664</v>
      </c>
      <c r="Y6165">
        <v>237340.15229999999</v>
      </c>
      <c r="Z6165">
        <v>23178.277429999998</v>
      </c>
      <c r="AA6165">
        <v>85973.51986</v>
      </c>
      <c r="AB6165">
        <v>36480.412049999999</v>
      </c>
      <c r="AC6165">
        <v>40639.18578</v>
      </c>
      <c r="AD6165">
        <v>33962.299200000001</v>
      </c>
      <c r="AE6165">
        <v>43957.262000000002</v>
      </c>
      <c r="AF6165">
        <v>50389.08455</v>
      </c>
      <c r="AG6165">
        <v>28897.210190000002</v>
      </c>
      <c r="AH6165">
        <v>292453.02919999999</v>
      </c>
      <c r="AI6165">
        <v>83613.687659999996</v>
      </c>
      <c r="AJ6165">
        <v>19436.663769999999</v>
      </c>
      <c r="AK6165">
        <v>36561.06581</v>
      </c>
      <c r="AL6165">
        <v>88923.529269999999</v>
      </c>
      <c r="AM6165">
        <v>22414.475129999999</v>
      </c>
      <c r="AN6165">
        <v>89829.016959999994</v>
      </c>
      <c r="AO6165">
        <v>30189.28383</v>
      </c>
      <c r="AP6165">
        <v>14989.345799999999</v>
      </c>
    </row>
    <row r="6166" spans="2:42" x14ac:dyDescent="0.3">
      <c r="B6166">
        <v>55.379184908319054</v>
      </c>
      <c r="C6166" s="83">
        <v>43357.833333333336</v>
      </c>
      <c r="D6166">
        <v>229500.8651</v>
      </c>
      <c r="E6166">
        <v>17705.411230000002</v>
      </c>
      <c r="F6166">
        <v>70816.936910000004</v>
      </c>
      <c r="G6166">
        <v>34706.340649999998</v>
      </c>
      <c r="H6166">
        <v>39568.212169999999</v>
      </c>
      <c r="I6166">
        <v>30171.425660000001</v>
      </c>
      <c r="J6166">
        <v>45294.01799</v>
      </c>
      <c r="K6166">
        <v>50290.634530000003</v>
      </c>
      <c r="L6166">
        <v>29307.894400000001</v>
      </c>
      <c r="M6166">
        <v>282348.91029999999</v>
      </c>
      <c r="N6166">
        <v>81690.656000000003</v>
      </c>
      <c r="O6166">
        <v>18977.69889</v>
      </c>
      <c r="P6166">
        <v>37523.017059999998</v>
      </c>
      <c r="Q6166">
        <v>84731.448319999996</v>
      </c>
      <c r="R6166">
        <v>21187.453020000001</v>
      </c>
      <c r="S6166">
        <v>82837.612909999996</v>
      </c>
      <c r="T6166">
        <v>29437.334760000002</v>
      </c>
      <c r="U6166">
        <v>14596.27405</v>
      </c>
      <c r="W6166" s="83">
        <f>Bühler!N6198</f>
        <v>45548.833333318384</v>
      </c>
      <c r="X6166" s="83">
        <v>43357.833333333336</v>
      </c>
      <c r="Y6166">
        <v>229500.8651</v>
      </c>
      <c r="Z6166">
        <v>17705.411230000002</v>
      </c>
      <c r="AA6166">
        <v>70816.936910000004</v>
      </c>
      <c r="AB6166">
        <v>34706.340649999998</v>
      </c>
      <c r="AC6166">
        <v>39568.212169999999</v>
      </c>
      <c r="AD6166">
        <v>30171.425660000001</v>
      </c>
      <c r="AE6166">
        <v>45294.01799</v>
      </c>
      <c r="AF6166">
        <v>50290.634530000003</v>
      </c>
      <c r="AG6166">
        <v>29307.894400000001</v>
      </c>
      <c r="AH6166">
        <v>282348.91029999999</v>
      </c>
      <c r="AI6166">
        <v>81690.656000000003</v>
      </c>
      <c r="AJ6166">
        <v>18977.69889</v>
      </c>
      <c r="AK6166">
        <v>37523.017059999998</v>
      </c>
      <c r="AL6166">
        <v>84731.448319999996</v>
      </c>
      <c r="AM6166">
        <v>21187.453020000001</v>
      </c>
      <c r="AN6166">
        <v>82837.612909999996</v>
      </c>
      <c r="AO6166">
        <v>29437.334760000002</v>
      </c>
      <c r="AP6166">
        <v>14596.27405</v>
      </c>
    </row>
    <row r="6167" spans="2:42" x14ac:dyDescent="0.3">
      <c r="B6167">
        <v>53.776602278173449</v>
      </c>
      <c r="C6167" s="83">
        <v>43357.875</v>
      </c>
      <c r="D6167">
        <v>223017.04689999999</v>
      </c>
      <c r="E6167">
        <v>14925.59179</v>
      </c>
      <c r="F6167">
        <v>60138.266080000001</v>
      </c>
      <c r="G6167">
        <v>33185.587630000002</v>
      </c>
      <c r="H6167">
        <v>37369.031230000001</v>
      </c>
      <c r="I6167">
        <v>27565.864870000001</v>
      </c>
      <c r="J6167">
        <v>43769.614659999999</v>
      </c>
      <c r="K6167">
        <v>51565.046549999999</v>
      </c>
      <c r="L6167">
        <v>27345.116620000001</v>
      </c>
      <c r="M6167">
        <v>274178.19669999997</v>
      </c>
      <c r="N6167">
        <v>78717.107340000002</v>
      </c>
      <c r="O6167">
        <v>17869.277109999999</v>
      </c>
      <c r="P6167">
        <v>35291.624230000001</v>
      </c>
      <c r="Q6167">
        <v>82248.017779999995</v>
      </c>
      <c r="R6167">
        <v>19786.04607</v>
      </c>
      <c r="S6167">
        <v>79075.348259999999</v>
      </c>
      <c r="T6167">
        <v>27176.261920000001</v>
      </c>
      <c r="U6167">
        <v>13699.152470000001</v>
      </c>
      <c r="W6167" s="83">
        <f>Bühler!N6199</f>
        <v>45548.874999985048</v>
      </c>
      <c r="X6167" s="83">
        <v>43357.875</v>
      </c>
      <c r="Y6167">
        <v>223017.04689999999</v>
      </c>
      <c r="Z6167">
        <v>14925.59179</v>
      </c>
      <c r="AA6167">
        <v>60138.266080000001</v>
      </c>
      <c r="AB6167">
        <v>33185.587630000002</v>
      </c>
      <c r="AC6167">
        <v>37369.031230000001</v>
      </c>
      <c r="AD6167">
        <v>27565.864870000001</v>
      </c>
      <c r="AE6167">
        <v>43769.614659999999</v>
      </c>
      <c r="AF6167">
        <v>51565.046549999999</v>
      </c>
      <c r="AG6167">
        <v>27345.116620000001</v>
      </c>
      <c r="AH6167">
        <v>274178.19669999997</v>
      </c>
      <c r="AI6167">
        <v>78717.107340000002</v>
      </c>
      <c r="AJ6167">
        <v>17869.277109999999</v>
      </c>
      <c r="AK6167">
        <v>35291.624230000001</v>
      </c>
      <c r="AL6167">
        <v>82248.017779999995</v>
      </c>
      <c r="AM6167">
        <v>19786.04607</v>
      </c>
      <c r="AN6167">
        <v>79075.348259999999</v>
      </c>
      <c r="AO6167">
        <v>27176.261920000001</v>
      </c>
      <c r="AP6167">
        <v>13699.152470000001</v>
      </c>
    </row>
    <row r="6168" spans="2:42" x14ac:dyDescent="0.3">
      <c r="B6168">
        <v>53.101944808790101</v>
      </c>
      <c r="C6168" s="83">
        <v>43357.916666666664</v>
      </c>
      <c r="D6168">
        <v>221376.84049999999</v>
      </c>
      <c r="E6168">
        <v>14094.57843</v>
      </c>
      <c r="F6168">
        <v>57332.34029</v>
      </c>
      <c r="G6168">
        <v>32396.732970000001</v>
      </c>
      <c r="H6168">
        <v>36679.914709999997</v>
      </c>
      <c r="I6168">
        <v>25962.586289999999</v>
      </c>
      <c r="J6168">
        <v>41594.023520000002</v>
      </c>
      <c r="K6168">
        <v>52746.865440000001</v>
      </c>
      <c r="L6168">
        <v>23944.60527</v>
      </c>
      <c r="M6168">
        <v>270738.47830000002</v>
      </c>
      <c r="N6168">
        <v>77522.714110000001</v>
      </c>
      <c r="O6168">
        <v>17715.42483</v>
      </c>
      <c r="P6168">
        <v>37065.192609999998</v>
      </c>
      <c r="Q6168">
        <v>80167.240120000002</v>
      </c>
      <c r="R6168">
        <v>20439.483319999999</v>
      </c>
      <c r="S6168">
        <v>76992.992199999993</v>
      </c>
      <c r="T6168">
        <v>23323.41575</v>
      </c>
      <c r="U6168">
        <v>13512.447819999999</v>
      </c>
      <c r="W6168" s="83">
        <f>Bühler!N6200</f>
        <v>45548.916666651712</v>
      </c>
      <c r="X6168" s="83">
        <v>43357.916666666664</v>
      </c>
      <c r="Y6168">
        <v>221376.84049999999</v>
      </c>
      <c r="Z6168">
        <v>14094.57843</v>
      </c>
      <c r="AA6168">
        <v>57332.34029</v>
      </c>
      <c r="AB6168">
        <v>32396.732970000001</v>
      </c>
      <c r="AC6168">
        <v>36679.914709999997</v>
      </c>
      <c r="AD6168">
        <v>25962.586289999999</v>
      </c>
      <c r="AE6168">
        <v>41594.023520000002</v>
      </c>
      <c r="AF6168">
        <v>52746.865440000001</v>
      </c>
      <c r="AG6168">
        <v>23944.60527</v>
      </c>
      <c r="AH6168">
        <v>270738.47830000002</v>
      </c>
      <c r="AI6168">
        <v>77522.714110000001</v>
      </c>
      <c r="AJ6168">
        <v>17715.42483</v>
      </c>
      <c r="AK6168">
        <v>37065.192609999998</v>
      </c>
      <c r="AL6168">
        <v>80167.240120000002</v>
      </c>
      <c r="AM6168">
        <v>20439.483319999999</v>
      </c>
      <c r="AN6168">
        <v>76992.992199999993</v>
      </c>
      <c r="AO6168">
        <v>23323.41575</v>
      </c>
      <c r="AP6168">
        <v>13512.447819999999</v>
      </c>
    </row>
    <row r="6169" spans="2:42" x14ac:dyDescent="0.3">
      <c r="B6169">
        <v>52.821607290772512</v>
      </c>
      <c r="C6169" s="83">
        <v>43357.958333333336</v>
      </c>
      <c r="D6169">
        <v>218786.25820000001</v>
      </c>
      <c r="E6169">
        <v>13386.69657</v>
      </c>
      <c r="F6169">
        <v>55966.013500000001</v>
      </c>
      <c r="G6169">
        <v>32273.19094</v>
      </c>
      <c r="H6169">
        <v>35363.617389999999</v>
      </c>
      <c r="I6169">
        <v>25120.199639999999</v>
      </c>
      <c r="J6169">
        <v>37418.04307</v>
      </c>
      <c r="K6169">
        <v>51859.181830000001</v>
      </c>
      <c r="L6169">
        <v>20732.312379999999</v>
      </c>
      <c r="M6169">
        <v>269309.18689999997</v>
      </c>
      <c r="N6169">
        <v>76095.940019999995</v>
      </c>
      <c r="O6169">
        <v>16940.39716</v>
      </c>
      <c r="P6169">
        <v>32108.074830000001</v>
      </c>
      <c r="Q6169">
        <v>79384.260179999997</v>
      </c>
      <c r="R6169">
        <v>19493.341400000001</v>
      </c>
      <c r="S6169">
        <v>75066.245999999999</v>
      </c>
      <c r="T6169">
        <v>21784.045269999999</v>
      </c>
      <c r="U6169">
        <v>13049.46722</v>
      </c>
      <c r="W6169" s="83">
        <f>Bühler!N6201</f>
        <v>45548.958333318376</v>
      </c>
      <c r="X6169" s="83">
        <v>43357.958333333336</v>
      </c>
      <c r="Y6169">
        <v>218786.25820000001</v>
      </c>
      <c r="Z6169">
        <v>13386.69657</v>
      </c>
      <c r="AA6169">
        <v>55966.013500000001</v>
      </c>
      <c r="AB6169">
        <v>32273.19094</v>
      </c>
      <c r="AC6169">
        <v>35363.617389999999</v>
      </c>
      <c r="AD6169">
        <v>25120.199639999999</v>
      </c>
      <c r="AE6169">
        <v>37418.04307</v>
      </c>
      <c r="AF6169">
        <v>51859.181830000001</v>
      </c>
      <c r="AG6169">
        <v>20732.312379999999</v>
      </c>
      <c r="AH6169">
        <v>269309.18689999997</v>
      </c>
      <c r="AI6169">
        <v>76095.940019999995</v>
      </c>
      <c r="AJ6169">
        <v>16940.39716</v>
      </c>
      <c r="AK6169">
        <v>32108.074830000001</v>
      </c>
      <c r="AL6169">
        <v>79384.260179999997</v>
      </c>
      <c r="AM6169">
        <v>19493.341400000001</v>
      </c>
      <c r="AN6169">
        <v>75066.245999999999</v>
      </c>
      <c r="AO6169">
        <v>21784.045269999999</v>
      </c>
      <c r="AP6169">
        <v>13049.46722</v>
      </c>
    </row>
    <row r="6170" spans="2:42" x14ac:dyDescent="0.3">
      <c r="B6170">
        <v>51.641859088748909</v>
      </c>
      <c r="C6170" s="83">
        <v>43358</v>
      </c>
      <c r="D6170">
        <v>214356.90150000001</v>
      </c>
      <c r="E6170">
        <v>12776.77714</v>
      </c>
      <c r="F6170">
        <v>54386.521260000001</v>
      </c>
      <c r="G6170">
        <v>31742.48617</v>
      </c>
      <c r="H6170">
        <v>34398.230600000003</v>
      </c>
      <c r="I6170">
        <v>23549.15451</v>
      </c>
      <c r="J6170">
        <v>34566.353560000003</v>
      </c>
      <c r="K6170">
        <v>49806.982230000001</v>
      </c>
      <c r="L6170">
        <v>17906.696899999999</v>
      </c>
      <c r="M6170">
        <v>263294.28039999999</v>
      </c>
      <c r="N6170">
        <v>73217.413390000002</v>
      </c>
      <c r="O6170">
        <v>16464.377380000002</v>
      </c>
      <c r="P6170">
        <v>29394.86204</v>
      </c>
      <c r="Q6170">
        <v>76423.965179999999</v>
      </c>
      <c r="R6170">
        <v>17117.525539999999</v>
      </c>
      <c r="S6170">
        <v>73499.213510000001</v>
      </c>
      <c r="T6170">
        <v>20370.42798</v>
      </c>
      <c r="U6170">
        <v>12765.12853</v>
      </c>
      <c r="W6170" s="83">
        <f>Bühler!N6202</f>
        <v>45548.999999985041</v>
      </c>
      <c r="X6170" s="83">
        <v>43358</v>
      </c>
      <c r="Y6170">
        <v>214356.90150000001</v>
      </c>
      <c r="Z6170">
        <v>12776.77714</v>
      </c>
      <c r="AA6170">
        <v>54386.521260000001</v>
      </c>
      <c r="AB6170">
        <v>31742.48617</v>
      </c>
      <c r="AC6170">
        <v>34398.230600000003</v>
      </c>
      <c r="AD6170">
        <v>23549.15451</v>
      </c>
      <c r="AE6170">
        <v>34566.353560000003</v>
      </c>
      <c r="AF6170">
        <v>49806.982230000001</v>
      </c>
      <c r="AG6170">
        <v>17906.696899999999</v>
      </c>
      <c r="AH6170">
        <v>263294.28039999999</v>
      </c>
      <c r="AI6170">
        <v>73217.413390000002</v>
      </c>
      <c r="AJ6170">
        <v>16464.377380000002</v>
      </c>
      <c r="AK6170">
        <v>29394.86204</v>
      </c>
      <c r="AL6170">
        <v>76423.965179999999</v>
      </c>
      <c r="AM6170">
        <v>17117.525539999999</v>
      </c>
      <c r="AN6170">
        <v>73499.213510000001</v>
      </c>
      <c r="AO6170">
        <v>20370.42798</v>
      </c>
      <c r="AP6170">
        <v>12765.12853</v>
      </c>
    </row>
    <row r="6171" spans="2:42" x14ac:dyDescent="0.3">
      <c r="B6171">
        <v>50.368696109014458</v>
      </c>
      <c r="C6171" s="83">
        <v>43358.041666666664</v>
      </c>
      <c r="D6171">
        <v>210811.41099999999</v>
      </c>
      <c r="E6171">
        <v>12505.948270000001</v>
      </c>
      <c r="F6171">
        <v>53869.206969999999</v>
      </c>
      <c r="G6171">
        <v>31437.925060000001</v>
      </c>
      <c r="H6171">
        <v>33668.575429999997</v>
      </c>
      <c r="I6171">
        <v>20118.631300000001</v>
      </c>
      <c r="J6171">
        <v>33702.24613</v>
      </c>
      <c r="K6171">
        <v>48933.443870000003</v>
      </c>
      <c r="L6171">
        <v>16493.619139999999</v>
      </c>
      <c r="M6171">
        <v>256803.1018</v>
      </c>
      <c r="N6171">
        <v>71029.79883</v>
      </c>
      <c r="O6171">
        <v>17014.756600000001</v>
      </c>
      <c r="P6171">
        <v>26197.747050000002</v>
      </c>
      <c r="Q6171">
        <v>76410.645189999996</v>
      </c>
      <c r="R6171">
        <v>15547.54233</v>
      </c>
      <c r="S6171">
        <v>72283.862899999993</v>
      </c>
      <c r="T6171">
        <v>19021.98401</v>
      </c>
      <c r="U6171">
        <v>12420.361559999999</v>
      </c>
      <c r="W6171" s="83">
        <f>Bühler!N6203</f>
        <v>45549.041666651705</v>
      </c>
      <c r="X6171" s="83">
        <v>43358.041666666664</v>
      </c>
      <c r="Y6171">
        <v>210811.41099999999</v>
      </c>
      <c r="Z6171">
        <v>12505.948270000001</v>
      </c>
      <c r="AA6171">
        <v>53869.206969999999</v>
      </c>
      <c r="AB6171">
        <v>31437.925060000001</v>
      </c>
      <c r="AC6171">
        <v>33668.575429999997</v>
      </c>
      <c r="AD6171">
        <v>20118.631300000001</v>
      </c>
      <c r="AE6171">
        <v>33702.24613</v>
      </c>
      <c r="AF6171">
        <v>48933.443870000003</v>
      </c>
      <c r="AG6171">
        <v>16493.619139999999</v>
      </c>
      <c r="AH6171">
        <v>256803.1018</v>
      </c>
      <c r="AI6171">
        <v>71029.79883</v>
      </c>
      <c r="AJ6171">
        <v>17014.756600000001</v>
      </c>
      <c r="AK6171">
        <v>26197.747050000002</v>
      </c>
      <c r="AL6171">
        <v>76410.645189999996</v>
      </c>
      <c r="AM6171">
        <v>15547.54233</v>
      </c>
      <c r="AN6171">
        <v>72283.862899999993</v>
      </c>
      <c r="AO6171">
        <v>19021.98401</v>
      </c>
      <c r="AP6171">
        <v>12420.361559999999</v>
      </c>
    </row>
    <row r="6172" spans="2:42" x14ac:dyDescent="0.3">
      <c r="B6172">
        <v>49.324495472405374</v>
      </c>
      <c r="C6172" s="83">
        <v>43358.083333333336</v>
      </c>
      <c r="D6172">
        <v>206085.40059999999</v>
      </c>
      <c r="E6172">
        <v>12248.90886</v>
      </c>
      <c r="F6172">
        <v>54243.133560000002</v>
      </c>
      <c r="G6172">
        <v>30905.10326</v>
      </c>
      <c r="H6172">
        <v>33226.363089999999</v>
      </c>
      <c r="I6172">
        <v>17630.91663</v>
      </c>
      <c r="J6172">
        <v>33004.263370000001</v>
      </c>
      <c r="K6172">
        <v>47027.466789999999</v>
      </c>
      <c r="L6172">
        <v>16236.07494</v>
      </c>
      <c r="M6172">
        <v>251479.28</v>
      </c>
      <c r="N6172">
        <v>70794.638070000001</v>
      </c>
      <c r="O6172">
        <v>17120.504290000001</v>
      </c>
      <c r="P6172">
        <v>25101.640029999999</v>
      </c>
      <c r="Q6172">
        <v>75668.97868</v>
      </c>
      <c r="R6172">
        <v>14555.39546</v>
      </c>
      <c r="S6172">
        <v>71407.194759999998</v>
      </c>
      <c r="T6172">
        <v>18326.98862</v>
      </c>
      <c r="U6172">
        <v>12422.20606</v>
      </c>
      <c r="W6172" s="83">
        <f>Bühler!N6204</f>
        <v>45549.083333318369</v>
      </c>
      <c r="X6172" s="83">
        <v>43358.083333333336</v>
      </c>
      <c r="Y6172">
        <v>206085.40059999999</v>
      </c>
      <c r="Z6172">
        <v>12248.90886</v>
      </c>
      <c r="AA6172">
        <v>54243.133560000002</v>
      </c>
      <c r="AB6172">
        <v>30905.10326</v>
      </c>
      <c r="AC6172">
        <v>33226.363089999999</v>
      </c>
      <c r="AD6172">
        <v>17630.91663</v>
      </c>
      <c r="AE6172">
        <v>33004.263370000001</v>
      </c>
      <c r="AF6172">
        <v>47027.466789999999</v>
      </c>
      <c r="AG6172">
        <v>16236.07494</v>
      </c>
      <c r="AH6172">
        <v>251479.28</v>
      </c>
      <c r="AI6172">
        <v>70794.638070000001</v>
      </c>
      <c r="AJ6172">
        <v>17120.504290000001</v>
      </c>
      <c r="AK6172">
        <v>25101.640029999999</v>
      </c>
      <c r="AL6172">
        <v>75668.97868</v>
      </c>
      <c r="AM6172">
        <v>14555.39546</v>
      </c>
      <c r="AN6172">
        <v>71407.194759999998</v>
      </c>
      <c r="AO6172">
        <v>18326.98862</v>
      </c>
      <c r="AP6172">
        <v>12422.20606</v>
      </c>
    </row>
    <row r="6173" spans="2:42" x14ac:dyDescent="0.3">
      <c r="B6173">
        <v>48.971590288900749</v>
      </c>
      <c r="C6173" s="83">
        <v>43358.125</v>
      </c>
      <c r="D6173">
        <v>200055.25930000001</v>
      </c>
      <c r="E6173">
        <v>12161.116330000001</v>
      </c>
      <c r="F6173">
        <v>55210.31583</v>
      </c>
      <c r="G6173">
        <v>30232.714739999999</v>
      </c>
      <c r="H6173">
        <v>32973.371879999999</v>
      </c>
      <c r="I6173">
        <v>16989.052970000001</v>
      </c>
      <c r="J6173">
        <v>32802.67944</v>
      </c>
      <c r="K6173">
        <v>45792.081250000003</v>
      </c>
      <c r="L6173">
        <v>15452.67174</v>
      </c>
      <c r="M6173">
        <v>249680.0048</v>
      </c>
      <c r="N6173">
        <v>70958.970170000001</v>
      </c>
      <c r="O6173">
        <v>16448.035540000001</v>
      </c>
      <c r="P6173">
        <v>24272.158640000001</v>
      </c>
      <c r="Q6173">
        <v>75522.260479999997</v>
      </c>
      <c r="R6173">
        <v>13724.47754</v>
      </c>
      <c r="S6173">
        <v>70791.321079999994</v>
      </c>
      <c r="T6173">
        <v>18050.215319999999</v>
      </c>
      <c r="U6173">
        <v>12318.072480000001</v>
      </c>
      <c r="W6173" s="83">
        <f>Bühler!N6205</f>
        <v>45549.124999985033</v>
      </c>
      <c r="X6173" s="83">
        <v>43358.125</v>
      </c>
      <c r="Y6173">
        <v>200055.25930000001</v>
      </c>
      <c r="Z6173">
        <v>12161.116330000001</v>
      </c>
      <c r="AA6173">
        <v>55210.31583</v>
      </c>
      <c r="AB6173">
        <v>30232.714739999999</v>
      </c>
      <c r="AC6173">
        <v>32973.371879999999</v>
      </c>
      <c r="AD6173">
        <v>16989.052970000001</v>
      </c>
      <c r="AE6173">
        <v>32802.67944</v>
      </c>
      <c r="AF6173">
        <v>45792.081250000003</v>
      </c>
      <c r="AG6173">
        <v>15452.67174</v>
      </c>
      <c r="AH6173">
        <v>249680.0048</v>
      </c>
      <c r="AI6173">
        <v>70958.970170000001</v>
      </c>
      <c r="AJ6173">
        <v>16448.035540000001</v>
      </c>
      <c r="AK6173">
        <v>24272.158640000001</v>
      </c>
      <c r="AL6173">
        <v>75522.260479999997</v>
      </c>
      <c r="AM6173">
        <v>13724.47754</v>
      </c>
      <c r="AN6173">
        <v>70791.321079999994</v>
      </c>
      <c r="AO6173">
        <v>18050.215319999999</v>
      </c>
      <c r="AP6173">
        <v>12318.072480000001</v>
      </c>
    </row>
    <row r="6174" spans="2:42" x14ac:dyDescent="0.3">
      <c r="B6174">
        <v>47.55639020399984</v>
      </c>
      <c r="C6174" s="83">
        <v>43358.166666666664</v>
      </c>
      <c r="D6174">
        <v>191767.49230000001</v>
      </c>
      <c r="E6174">
        <v>12234.777169999999</v>
      </c>
      <c r="F6174">
        <v>58618.225100000003</v>
      </c>
      <c r="G6174">
        <v>29206.899659999999</v>
      </c>
      <c r="H6174">
        <v>32705.148550000002</v>
      </c>
      <c r="I6174">
        <v>17568.09679</v>
      </c>
      <c r="J6174">
        <v>34616.34605</v>
      </c>
      <c r="K6174">
        <v>44780.084840000003</v>
      </c>
      <c r="L6174">
        <v>15469.256820000001</v>
      </c>
      <c r="M6174">
        <v>242464.65479999999</v>
      </c>
      <c r="N6174">
        <v>69560.478239999997</v>
      </c>
      <c r="O6174">
        <v>16605.183430000001</v>
      </c>
      <c r="P6174">
        <v>23552.357400000001</v>
      </c>
      <c r="Q6174">
        <v>74815.007240000006</v>
      </c>
      <c r="R6174">
        <v>14372.65466</v>
      </c>
      <c r="S6174">
        <v>71245.56826</v>
      </c>
      <c r="T6174">
        <v>17935.16159</v>
      </c>
      <c r="U6174">
        <v>12214.72163</v>
      </c>
      <c r="W6174" s="83">
        <f>Bühler!N6206</f>
        <v>45549.166666651698</v>
      </c>
      <c r="X6174" s="83">
        <v>43358.166666666664</v>
      </c>
      <c r="Y6174">
        <v>191767.49230000001</v>
      </c>
      <c r="Z6174">
        <v>12234.777169999999</v>
      </c>
      <c r="AA6174">
        <v>58618.225100000003</v>
      </c>
      <c r="AB6174">
        <v>29206.899659999999</v>
      </c>
      <c r="AC6174">
        <v>32705.148550000002</v>
      </c>
      <c r="AD6174">
        <v>17568.09679</v>
      </c>
      <c r="AE6174">
        <v>34616.34605</v>
      </c>
      <c r="AF6174">
        <v>44780.084840000003</v>
      </c>
      <c r="AG6174">
        <v>15469.256820000001</v>
      </c>
      <c r="AH6174">
        <v>242464.65479999999</v>
      </c>
      <c r="AI6174">
        <v>69560.478239999997</v>
      </c>
      <c r="AJ6174">
        <v>16605.183430000001</v>
      </c>
      <c r="AK6174">
        <v>23552.357400000001</v>
      </c>
      <c r="AL6174">
        <v>74815.007240000006</v>
      </c>
      <c r="AM6174">
        <v>14372.65466</v>
      </c>
      <c r="AN6174">
        <v>71245.56826</v>
      </c>
      <c r="AO6174">
        <v>17935.16159</v>
      </c>
      <c r="AP6174">
        <v>12214.72163</v>
      </c>
    </row>
    <row r="6175" spans="2:42" x14ac:dyDescent="0.3">
      <c r="B6175">
        <v>46.830251155177564</v>
      </c>
      <c r="C6175" s="83">
        <v>43358.208333333336</v>
      </c>
      <c r="D6175">
        <v>187388.95970000001</v>
      </c>
      <c r="E6175">
        <v>12928.634309999999</v>
      </c>
      <c r="F6175">
        <v>66371.250639999998</v>
      </c>
      <c r="G6175">
        <v>29443.793320000001</v>
      </c>
      <c r="H6175">
        <v>33822.994140000003</v>
      </c>
      <c r="I6175">
        <v>22700.040669999998</v>
      </c>
      <c r="J6175">
        <v>37796.597179999997</v>
      </c>
      <c r="K6175">
        <v>43813.116029999997</v>
      </c>
      <c r="L6175">
        <v>15975.671770000001</v>
      </c>
      <c r="M6175">
        <v>238762.45929999999</v>
      </c>
      <c r="N6175">
        <v>65875.635760000005</v>
      </c>
      <c r="O6175">
        <v>16984.44947</v>
      </c>
      <c r="P6175">
        <v>24842.078560000002</v>
      </c>
      <c r="Q6175">
        <v>72812.324550000005</v>
      </c>
      <c r="R6175">
        <v>15248.79736</v>
      </c>
      <c r="S6175">
        <v>72704.452439999994</v>
      </c>
      <c r="T6175">
        <v>18532.139429999999</v>
      </c>
      <c r="U6175">
        <v>12566.314039999999</v>
      </c>
      <c r="W6175" s="83">
        <f>Bühler!N6207</f>
        <v>45549.208333318362</v>
      </c>
      <c r="X6175" s="83">
        <v>43358.208333333336</v>
      </c>
      <c r="Y6175">
        <v>187388.95970000001</v>
      </c>
      <c r="Z6175">
        <v>12928.634309999999</v>
      </c>
      <c r="AA6175">
        <v>66371.250639999998</v>
      </c>
      <c r="AB6175">
        <v>29443.793320000001</v>
      </c>
      <c r="AC6175">
        <v>33822.994140000003</v>
      </c>
      <c r="AD6175">
        <v>22700.040669999998</v>
      </c>
      <c r="AE6175">
        <v>37796.597179999997</v>
      </c>
      <c r="AF6175">
        <v>43813.116029999997</v>
      </c>
      <c r="AG6175">
        <v>15975.671770000001</v>
      </c>
      <c r="AH6175">
        <v>238762.45929999999</v>
      </c>
      <c r="AI6175">
        <v>65875.635760000005</v>
      </c>
      <c r="AJ6175">
        <v>16984.44947</v>
      </c>
      <c r="AK6175">
        <v>24842.078560000002</v>
      </c>
      <c r="AL6175">
        <v>72812.324550000005</v>
      </c>
      <c r="AM6175">
        <v>15248.79736</v>
      </c>
      <c r="AN6175">
        <v>72704.452439999994</v>
      </c>
      <c r="AO6175">
        <v>18532.139429999999</v>
      </c>
      <c r="AP6175">
        <v>12566.314039999999</v>
      </c>
    </row>
    <row r="6176" spans="2:42" x14ac:dyDescent="0.3">
      <c r="B6176">
        <v>46.71918426525027</v>
      </c>
      <c r="C6176" s="83">
        <v>43358.25</v>
      </c>
      <c r="D6176">
        <v>188057.99609999999</v>
      </c>
      <c r="E6176">
        <v>14537.96038</v>
      </c>
      <c r="F6176">
        <v>76900.4571</v>
      </c>
      <c r="G6176">
        <v>30404.270359999999</v>
      </c>
      <c r="H6176">
        <v>34080.842199999999</v>
      </c>
      <c r="I6176">
        <v>25010.514589999999</v>
      </c>
      <c r="J6176">
        <v>41206.002820000002</v>
      </c>
      <c r="K6176">
        <v>41209.973319999997</v>
      </c>
      <c r="L6176">
        <v>16868.361799999999</v>
      </c>
      <c r="M6176">
        <v>238196.18849999999</v>
      </c>
      <c r="N6176">
        <v>67238.835909999994</v>
      </c>
      <c r="O6176">
        <v>18043.587500000001</v>
      </c>
      <c r="P6176">
        <v>25833.234260000001</v>
      </c>
      <c r="Q6176">
        <v>71029.095060000007</v>
      </c>
      <c r="R6176">
        <v>16242.086020000001</v>
      </c>
      <c r="S6176">
        <v>77066.290139999997</v>
      </c>
      <c r="T6176">
        <v>19763.79898</v>
      </c>
      <c r="U6176">
        <v>12825.67578</v>
      </c>
      <c r="W6176" s="83">
        <f>Bühler!N6208</f>
        <v>45549.249999985026</v>
      </c>
      <c r="X6176" s="83">
        <v>43358.25</v>
      </c>
      <c r="Y6176">
        <v>188057.99609999999</v>
      </c>
      <c r="Z6176">
        <v>14537.96038</v>
      </c>
      <c r="AA6176">
        <v>76900.4571</v>
      </c>
      <c r="AB6176">
        <v>30404.270359999999</v>
      </c>
      <c r="AC6176">
        <v>34080.842199999999</v>
      </c>
      <c r="AD6176">
        <v>25010.514589999999</v>
      </c>
      <c r="AE6176">
        <v>41206.002820000002</v>
      </c>
      <c r="AF6176">
        <v>41209.973319999997</v>
      </c>
      <c r="AG6176">
        <v>16868.361799999999</v>
      </c>
      <c r="AH6176">
        <v>238196.18849999999</v>
      </c>
      <c r="AI6176">
        <v>67238.835909999994</v>
      </c>
      <c r="AJ6176">
        <v>18043.587500000001</v>
      </c>
      <c r="AK6176">
        <v>25833.234260000001</v>
      </c>
      <c r="AL6176">
        <v>71029.095060000007</v>
      </c>
      <c r="AM6176">
        <v>16242.086020000001</v>
      </c>
      <c r="AN6176">
        <v>77066.290139999997</v>
      </c>
      <c r="AO6176">
        <v>19763.79898</v>
      </c>
      <c r="AP6176">
        <v>12825.67578</v>
      </c>
    </row>
    <row r="6177" spans="2:42" x14ac:dyDescent="0.3">
      <c r="B6177">
        <v>46.849202873894406</v>
      </c>
      <c r="C6177" s="83">
        <v>43358.291666666664</v>
      </c>
      <c r="D6177">
        <v>186836.90489999999</v>
      </c>
      <c r="E6177">
        <v>16472.83498</v>
      </c>
      <c r="F6177">
        <v>79394.298920000001</v>
      </c>
      <c r="G6177">
        <v>31466.106629999998</v>
      </c>
      <c r="H6177">
        <v>34345.852200000001</v>
      </c>
      <c r="I6177">
        <v>26658.79608</v>
      </c>
      <c r="J6177">
        <v>41894.66577</v>
      </c>
      <c r="K6177">
        <v>41329.984700000001</v>
      </c>
      <c r="L6177">
        <v>18341.175009999999</v>
      </c>
      <c r="M6177">
        <v>238859.084</v>
      </c>
      <c r="N6177">
        <v>68403.142970000001</v>
      </c>
      <c r="O6177">
        <v>19299.23561</v>
      </c>
      <c r="P6177">
        <v>28725.578249999999</v>
      </c>
      <c r="Q6177">
        <v>68264.335330000002</v>
      </c>
      <c r="R6177">
        <v>16264.258879999999</v>
      </c>
      <c r="S6177">
        <v>83673.480769999995</v>
      </c>
      <c r="T6177">
        <v>21363.170559999999</v>
      </c>
      <c r="U6177">
        <v>12821.52944</v>
      </c>
      <c r="W6177" s="83">
        <f>Bühler!N6209</f>
        <v>45549.29166665169</v>
      </c>
      <c r="X6177" s="83">
        <v>43358.291666666664</v>
      </c>
      <c r="Y6177">
        <v>186836.90489999999</v>
      </c>
      <c r="Z6177">
        <v>16472.83498</v>
      </c>
      <c r="AA6177">
        <v>79394.298920000001</v>
      </c>
      <c r="AB6177">
        <v>31466.106629999998</v>
      </c>
      <c r="AC6177">
        <v>34345.852200000001</v>
      </c>
      <c r="AD6177">
        <v>26658.79608</v>
      </c>
      <c r="AE6177">
        <v>41894.66577</v>
      </c>
      <c r="AF6177">
        <v>41329.984700000001</v>
      </c>
      <c r="AG6177">
        <v>18341.175009999999</v>
      </c>
      <c r="AH6177">
        <v>238859.084</v>
      </c>
      <c r="AI6177">
        <v>68403.142970000001</v>
      </c>
      <c r="AJ6177">
        <v>19299.23561</v>
      </c>
      <c r="AK6177">
        <v>28725.578249999999</v>
      </c>
      <c r="AL6177">
        <v>68264.335330000002</v>
      </c>
      <c r="AM6177">
        <v>16264.258879999999</v>
      </c>
      <c r="AN6177">
        <v>83673.480769999995</v>
      </c>
      <c r="AO6177">
        <v>21363.170559999999</v>
      </c>
      <c r="AP6177">
        <v>12821.52944</v>
      </c>
    </row>
    <row r="6178" spans="2:42" x14ac:dyDescent="0.3">
      <c r="B6178">
        <v>46.402208572638344</v>
      </c>
      <c r="C6178" s="83">
        <v>43358.333333333336</v>
      </c>
      <c r="D6178">
        <v>185841.77110000001</v>
      </c>
      <c r="E6178">
        <v>19575.330900000001</v>
      </c>
      <c r="F6178">
        <v>84105.390499999994</v>
      </c>
      <c r="G6178">
        <v>32172.357</v>
      </c>
      <c r="H6178">
        <v>34338.393100000001</v>
      </c>
      <c r="I6178">
        <v>27394.965950000002</v>
      </c>
      <c r="J6178">
        <v>42716.483670000001</v>
      </c>
      <c r="K6178">
        <v>43137.621729999999</v>
      </c>
      <c r="L6178">
        <v>21322.120940000001</v>
      </c>
      <c r="M6178">
        <v>236580.0986</v>
      </c>
      <c r="N6178">
        <v>68549.824619999999</v>
      </c>
      <c r="O6178">
        <v>19103.425009999999</v>
      </c>
      <c r="P6178">
        <v>30837.73186</v>
      </c>
      <c r="Q6178">
        <v>65830.887870000006</v>
      </c>
      <c r="R6178">
        <v>16431.897489999999</v>
      </c>
      <c r="S6178">
        <v>86682.852570000003</v>
      </c>
      <c r="T6178">
        <v>23018.286820000001</v>
      </c>
      <c r="U6178">
        <v>12901.13061</v>
      </c>
      <c r="W6178" s="83">
        <f>Bühler!N6210</f>
        <v>45549.333333318355</v>
      </c>
      <c r="X6178" s="83">
        <v>43358.333333333336</v>
      </c>
      <c r="Y6178">
        <v>185841.77110000001</v>
      </c>
      <c r="Z6178">
        <v>19575.330900000001</v>
      </c>
      <c r="AA6178">
        <v>84105.390499999994</v>
      </c>
      <c r="AB6178">
        <v>32172.357</v>
      </c>
      <c r="AC6178">
        <v>34338.393100000001</v>
      </c>
      <c r="AD6178">
        <v>27394.965950000002</v>
      </c>
      <c r="AE6178">
        <v>42716.483670000001</v>
      </c>
      <c r="AF6178">
        <v>43137.621729999999</v>
      </c>
      <c r="AG6178">
        <v>21322.120940000001</v>
      </c>
      <c r="AH6178">
        <v>236580.0986</v>
      </c>
      <c r="AI6178">
        <v>68549.824619999999</v>
      </c>
      <c r="AJ6178">
        <v>19103.425009999999</v>
      </c>
      <c r="AK6178">
        <v>30837.73186</v>
      </c>
      <c r="AL6178">
        <v>65830.887870000006</v>
      </c>
      <c r="AM6178">
        <v>16431.897489999999</v>
      </c>
      <c r="AN6178">
        <v>86682.852570000003</v>
      </c>
      <c r="AO6178">
        <v>23018.286820000001</v>
      </c>
      <c r="AP6178">
        <v>12901.13061</v>
      </c>
    </row>
    <row r="6179" spans="2:42" x14ac:dyDescent="0.3">
      <c r="B6179">
        <v>45.994885887596659</v>
      </c>
      <c r="C6179" s="83">
        <v>43358.375</v>
      </c>
      <c r="D6179">
        <v>185985.71789999999</v>
      </c>
      <c r="E6179">
        <v>23211.591499999999</v>
      </c>
      <c r="F6179">
        <v>89728.445559999993</v>
      </c>
      <c r="G6179">
        <v>32487.856159999999</v>
      </c>
      <c r="H6179">
        <v>35283.020140000001</v>
      </c>
      <c r="I6179">
        <v>27479.29567</v>
      </c>
      <c r="J6179">
        <v>43474.028769999997</v>
      </c>
      <c r="K6179">
        <v>44442.730060000002</v>
      </c>
      <c r="L6179">
        <v>24761.176650000001</v>
      </c>
      <c r="M6179">
        <v>234503.37760000001</v>
      </c>
      <c r="N6179">
        <v>72221.739839999995</v>
      </c>
      <c r="O6179">
        <v>19761.700079999999</v>
      </c>
      <c r="P6179">
        <v>33825.310839999998</v>
      </c>
      <c r="Q6179">
        <v>65827.639089999997</v>
      </c>
      <c r="R6179">
        <v>16811.815289999999</v>
      </c>
      <c r="S6179">
        <v>89363.810819999999</v>
      </c>
      <c r="T6179">
        <v>25221.099259999999</v>
      </c>
      <c r="U6179">
        <v>13358.19303</v>
      </c>
      <c r="W6179" s="83">
        <f>Bühler!N6211</f>
        <v>45549.374999985019</v>
      </c>
      <c r="X6179" s="83">
        <v>43358.375</v>
      </c>
      <c r="Y6179">
        <v>185985.71789999999</v>
      </c>
      <c r="Z6179">
        <v>23211.591499999999</v>
      </c>
      <c r="AA6179">
        <v>89728.445559999993</v>
      </c>
      <c r="AB6179">
        <v>32487.856159999999</v>
      </c>
      <c r="AC6179">
        <v>35283.020140000001</v>
      </c>
      <c r="AD6179">
        <v>27479.29567</v>
      </c>
      <c r="AE6179">
        <v>43474.028769999997</v>
      </c>
      <c r="AF6179">
        <v>44442.730060000002</v>
      </c>
      <c r="AG6179">
        <v>24761.176650000001</v>
      </c>
      <c r="AH6179">
        <v>234503.37760000001</v>
      </c>
      <c r="AI6179">
        <v>72221.739839999995</v>
      </c>
      <c r="AJ6179">
        <v>19761.700079999999</v>
      </c>
      <c r="AK6179">
        <v>33825.310839999998</v>
      </c>
      <c r="AL6179">
        <v>65827.639089999997</v>
      </c>
      <c r="AM6179">
        <v>16811.815289999999</v>
      </c>
      <c r="AN6179">
        <v>89363.810819999999</v>
      </c>
      <c r="AO6179">
        <v>25221.099259999999</v>
      </c>
      <c r="AP6179">
        <v>13358.19303</v>
      </c>
    </row>
    <row r="6180" spans="2:42" x14ac:dyDescent="0.3">
      <c r="B6180">
        <v>45.723018249951657</v>
      </c>
      <c r="C6180" s="83">
        <v>43358.416666666664</v>
      </c>
      <c r="D6180">
        <v>185132.16020000001</v>
      </c>
      <c r="E6180">
        <v>25206.42067</v>
      </c>
      <c r="F6180">
        <v>91713.223320000005</v>
      </c>
      <c r="G6180">
        <v>33079.884180000001</v>
      </c>
      <c r="H6180">
        <v>36206.313009999998</v>
      </c>
      <c r="I6180">
        <v>27684.040929999999</v>
      </c>
      <c r="J6180">
        <v>42728.346409999998</v>
      </c>
      <c r="K6180">
        <v>45308.096030000001</v>
      </c>
      <c r="L6180">
        <v>27688.91747</v>
      </c>
      <c r="M6180">
        <v>233117.2696</v>
      </c>
      <c r="N6180">
        <v>74351.401410000006</v>
      </c>
      <c r="O6180">
        <v>19789.383129999998</v>
      </c>
      <c r="P6180">
        <v>34744.023079999999</v>
      </c>
      <c r="Q6180">
        <v>64775.365460000001</v>
      </c>
      <c r="R6180">
        <v>17696.190259999999</v>
      </c>
      <c r="S6180">
        <v>89560.964179999995</v>
      </c>
      <c r="T6180">
        <v>27449.860270000001</v>
      </c>
      <c r="U6180">
        <v>13363.05667</v>
      </c>
      <c r="W6180" s="83">
        <f>Bühler!N6212</f>
        <v>45549.416666651683</v>
      </c>
      <c r="X6180" s="83">
        <v>43358.416666666664</v>
      </c>
      <c r="Y6180">
        <v>185132.16020000001</v>
      </c>
      <c r="Z6180">
        <v>25206.42067</v>
      </c>
      <c r="AA6180">
        <v>91713.223320000005</v>
      </c>
      <c r="AB6180">
        <v>33079.884180000001</v>
      </c>
      <c r="AC6180">
        <v>36206.313009999998</v>
      </c>
      <c r="AD6180">
        <v>27684.040929999999</v>
      </c>
      <c r="AE6180">
        <v>42728.346409999998</v>
      </c>
      <c r="AF6180">
        <v>45308.096030000001</v>
      </c>
      <c r="AG6180">
        <v>27688.91747</v>
      </c>
      <c r="AH6180">
        <v>233117.2696</v>
      </c>
      <c r="AI6180">
        <v>74351.401410000006</v>
      </c>
      <c r="AJ6180">
        <v>19789.383129999998</v>
      </c>
      <c r="AK6180">
        <v>34744.023079999999</v>
      </c>
      <c r="AL6180">
        <v>64775.365460000001</v>
      </c>
      <c r="AM6180">
        <v>17696.190259999999</v>
      </c>
      <c r="AN6180">
        <v>89560.964179999995</v>
      </c>
      <c r="AO6180">
        <v>27449.860270000001</v>
      </c>
      <c r="AP6180">
        <v>13363.05667</v>
      </c>
    </row>
    <row r="6181" spans="2:42" x14ac:dyDescent="0.3">
      <c r="B6181">
        <v>45.862527987251838</v>
      </c>
      <c r="C6181" s="83">
        <v>43358.458333333336</v>
      </c>
      <c r="D6181">
        <v>181240.05530000001</v>
      </c>
      <c r="E6181">
        <v>25536.362120000002</v>
      </c>
      <c r="F6181">
        <v>93005.502410000001</v>
      </c>
      <c r="G6181">
        <v>33375.762690000003</v>
      </c>
      <c r="H6181">
        <v>36359.554790000002</v>
      </c>
      <c r="I6181">
        <v>28003.526020000001</v>
      </c>
      <c r="J6181">
        <v>42096.922839999999</v>
      </c>
      <c r="K6181">
        <v>46645.031239999997</v>
      </c>
      <c r="L6181">
        <v>29663.49325</v>
      </c>
      <c r="M6181">
        <v>233828.55530000001</v>
      </c>
      <c r="N6181">
        <v>75962.010550000006</v>
      </c>
      <c r="O6181">
        <v>19870.061239999999</v>
      </c>
      <c r="P6181">
        <v>34248.643980000001</v>
      </c>
      <c r="Q6181">
        <v>64163.349020000001</v>
      </c>
      <c r="R6181">
        <v>18466.610420000001</v>
      </c>
      <c r="S6181">
        <v>92088.546919999993</v>
      </c>
      <c r="T6181">
        <v>28102.072189999999</v>
      </c>
      <c r="U6181">
        <v>12981.861339999999</v>
      </c>
      <c r="W6181" s="83">
        <f>Bühler!N6213</f>
        <v>45549.458333318347</v>
      </c>
      <c r="X6181" s="83">
        <v>43358.458333333336</v>
      </c>
      <c r="Y6181">
        <v>181240.05530000001</v>
      </c>
      <c r="Z6181">
        <v>25536.362120000002</v>
      </c>
      <c r="AA6181">
        <v>93005.502410000001</v>
      </c>
      <c r="AB6181">
        <v>33375.762690000003</v>
      </c>
      <c r="AC6181">
        <v>36359.554790000002</v>
      </c>
      <c r="AD6181">
        <v>28003.526020000001</v>
      </c>
      <c r="AE6181">
        <v>42096.922839999999</v>
      </c>
      <c r="AF6181">
        <v>46645.031239999997</v>
      </c>
      <c r="AG6181">
        <v>29663.49325</v>
      </c>
      <c r="AH6181">
        <v>233828.55530000001</v>
      </c>
      <c r="AI6181">
        <v>75962.010550000006</v>
      </c>
      <c r="AJ6181">
        <v>19870.061239999999</v>
      </c>
      <c r="AK6181">
        <v>34248.643980000001</v>
      </c>
      <c r="AL6181">
        <v>64163.349020000001</v>
      </c>
      <c r="AM6181">
        <v>18466.610420000001</v>
      </c>
      <c r="AN6181">
        <v>92088.546919999993</v>
      </c>
      <c r="AO6181">
        <v>28102.072189999999</v>
      </c>
      <c r="AP6181">
        <v>12981.861339999999</v>
      </c>
    </row>
    <row r="6182" spans="2:42" x14ac:dyDescent="0.3">
      <c r="B6182">
        <v>44.976021183665409</v>
      </c>
      <c r="C6182" s="83">
        <v>43358.5</v>
      </c>
      <c r="D6182">
        <v>176198.4688</v>
      </c>
      <c r="E6182">
        <v>24472.237649999999</v>
      </c>
      <c r="F6182">
        <v>91506.39847</v>
      </c>
      <c r="G6182">
        <v>33043.151400000002</v>
      </c>
      <c r="H6182">
        <v>35869.755109999998</v>
      </c>
      <c r="I6182">
        <v>27844.799749999998</v>
      </c>
      <c r="J6182">
        <v>42354.136120000003</v>
      </c>
      <c r="K6182">
        <v>46451.277269999999</v>
      </c>
      <c r="L6182">
        <v>32283.874049999999</v>
      </c>
      <c r="M6182">
        <v>229308.73019999999</v>
      </c>
      <c r="N6182">
        <v>75871.434330000004</v>
      </c>
      <c r="O6182">
        <v>19220.039270000001</v>
      </c>
      <c r="P6182">
        <v>34908.064330000001</v>
      </c>
      <c r="Q6182">
        <v>62510.237679999998</v>
      </c>
      <c r="R6182">
        <v>19296.513780000001</v>
      </c>
      <c r="S6182">
        <v>87614.496379999997</v>
      </c>
      <c r="T6182">
        <v>27722.586739999999</v>
      </c>
      <c r="U6182">
        <v>12210.874669999999</v>
      </c>
      <c r="W6182" s="83">
        <f>Bühler!N6214</f>
        <v>45549.499999985012</v>
      </c>
      <c r="X6182" s="83">
        <v>43358.5</v>
      </c>
      <c r="Y6182">
        <v>176198.4688</v>
      </c>
      <c r="Z6182">
        <v>24472.237649999999</v>
      </c>
      <c r="AA6182">
        <v>91506.39847</v>
      </c>
      <c r="AB6182">
        <v>33043.151400000002</v>
      </c>
      <c r="AC6182">
        <v>35869.755109999998</v>
      </c>
      <c r="AD6182">
        <v>27844.799749999998</v>
      </c>
      <c r="AE6182">
        <v>42354.136120000003</v>
      </c>
      <c r="AF6182">
        <v>46451.277269999999</v>
      </c>
      <c r="AG6182">
        <v>32283.874049999999</v>
      </c>
      <c r="AH6182">
        <v>229308.73019999999</v>
      </c>
      <c r="AI6182">
        <v>75871.434330000004</v>
      </c>
      <c r="AJ6182">
        <v>19220.039270000001</v>
      </c>
      <c r="AK6182">
        <v>34908.064330000001</v>
      </c>
      <c r="AL6182">
        <v>62510.237679999998</v>
      </c>
      <c r="AM6182">
        <v>19296.513780000001</v>
      </c>
      <c r="AN6182">
        <v>87614.496379999997</v>
      </c>
      <c r="AO6182">
        <v>27722.586739999999</v>
      </c>
      <c r="AP6182">
        <v>12210.874669999999</v>
      </c>
    </row>
    <row r="6183" spans="2:42" x14ac:dyDescent="0.3">
      <c r="B6183">
        <v>44.579833729532844</v>
      </c>
      <c r="C6183" s="83">
        <v>43358.541666666664</v>
      </c>
      <c r="D6183">
        <v>171360.24170000001</v>
      </c>
      <c r="E6183">
        <v>23926.443619999998</v>
      </c>
      <c r="F6183">
        <v>90490.738070000007</v>
      </c>
      <c r="G6183">
        <v>32439.244849999999</v>
      </c>
      <c r="H6183">
        <v>35714.877280000001</v>
      </c>
      <c r="I6183">
        <v>28601.909149999999</v>
      </c>
      <c r="J6183">
        <v>41804.542079999999</v>
      </c>
      <c r="K6183">
        <v>46804.799610000002</v>
      </c>
      <c r="L6183">
        <v>32292.191780000001</v>
      </c>
      <c r="M6183">
        <v>227288.7818</v>
      </c>
      <c r="N6183">
        <v>75296.112229999999</v>
      </c>
      <c r="O6183">
        <v>18977.975869999998</v>
      </c>
      <c r="P6183">
        <v>34261.85211</v>
      </c>
      <c r="Q6183">
        <v>60362.224249999999</v>
      </c>
      <c r="R6183">
        <v>19791.217199999999</v>
      </c>
      <c r="S6183">
        <v>87779.038879999993</v>
      </c>
      <c r="T6183">
        <v>27920.20736</v>
      </c>
      <c r="U6183">
        <v>12084.70845</v>
      </c>
      <c r="W6183" s="83">
        <f>Bühler!N6215</f>
        <v>45549.541666651676</v>
      </c>
      <c r="X6183" s="83">
        <v>43358.541666666664</v>
      </c>
      <c r="Y6183">
        <v>171360.24170000001</v>
      </c>
      <c r="Z6183">
        <v>23926.443619999998</v>
      </c>
      <c r="AA6183">
        <v>90490.738070000007</v>
      </c>
      <c r="AB6183">
        <v>32439.244849999999</v>
      </c>
      <c r="AC6183">
        <v>35714.877280000001</v>
      </c>
      <c r="AD6183">
        <v>28601.909149999999</v>
      </c>
      <c r="AE6183">
        <v>41804.542079999999</v>
      </c>
      <c r="AF6183">
        <v>46804.799610000002</v>
      </c>
      <c r="AG6183">
        <v>32292.191780000001</v>
      </c>
      <c r="AH6183">
        <v>227288.7818</v>
      </c>
      <c r="AI6183">
        <v>75296.112229999999</v>
      </c>
      <c r="AJ6183">
        <v>18977.975869999998</v>
      </c>
      <c r="AK6183">
        <v>34261.85211</v>
      </c>
      <c r="AL6183">
        <v>60362.224249999999</v>
      </c>
      <c r="AM6183">
        <v>19791.217199999999</v>
      </c>
      <c r="AN6183">
        <v>87779.038879999993</v>
      </c>
      <c r="AO6183">
        <v>27920.20736</v>
      </c>
      <c r="AP6183">
        <v>12084.70845</v>
      </c>
    </row>
    <row r="6184" spans="2:42" x14ac:dyDescent="0.3">
      <c r="B6184">
        <v>44.240460948788673</v>
      </c>
      <c r="C6184" s="83">
        <v>43358.583333333336</v>
      </c>
      <c r="D6184">
        <v>169949.84289999999</v>
      </c>
      <c r="E6184">
        <v>25103.91085</v>
      </c>
      <c r="F6184">
        <v>90522.383419999998</v>
      </c>
      <c r="G6184">
        <v>31892.11852</v>
      </c>
      <c r="H6184">
        <v>35487.543949999999</v>
      </c>
      <c r="I6184">
        <v>28858.543109999999</v>
      </c>
      <c r="J6184">
        <v>41326.154719999999</v>
      </c>
      <c r="K6184">
        <v>46703.605929999998</v>
      </c>
      <c r="L6184">
        <v>30629.762610000002</v>
      </c>
      <c r="M6184">
        <v>225558.50109999999</v>
      </c>
      <c r="N6184">
        <v>75154.084940000001</v>
      </c>
      <c r="O6184">
        <v>19030.311949999999</v>
      </c>
      <c r="P6184">
        <v>32332.600839999999</v>
      </c>
      <c r="Q6184">
        <v>59212.27216</v>
      </c>
      <c r="R6184">
        <v>19308.650140000002</v>
      </c>
      <c r="S6184">
        <v>84808.295589999994</v>
      </c>
      <c r="T6184">
        <v>27933.031739999999</v>
      </c>
      <c r="U6184">
        <v>11846.12473</v>
      </c>
      <c r="W6184" s="83">
        <f>Bühler!N6216</f>
        <v>45549.58333331834</v>
      </c>
      <c r="X6184" s="83">
        <v>43358.583333333336</v>
      </c>
      <c r="Y6184">
        <v>169949.84289999999</v>
      </c>
      <c r="Z6184">
        <v>25103.91085</v>
      </c>
      <c r="AA6184">
        <v>90522.383419999998</v>
      </c>
      <c r="AB6184">
        <v>31892.11852</v>
      </c>
      <c r="AC6184">
        <v>35487.543949999999</v>
      </c>
      <c r="AD6184">
        <v>28858.543109999999</v>
      </c>
      <c r="AE6184">
        <v>41326.154719999999</v>
      </c>
      <c r="AF6184">
        <v>46703.605929999998</v>
      </c>
      <c r="AG6184">
        <v>30629.762610000002</v>
      </c>
      <c r="AH6184">
        <v>225558.50109999999</v>
      </c>
      <c r="AI6184">
        <v>75154.084940000001</v>
      </c>
      <c r="AJ6184">
        <v>19030.311949999999</v>
      </c>
      <c r="AK6184">
        <v>32332.600839999999</v>
      </c>
      <c r="AL6184">
        <v>59212.27216</v>
      </c>
      <c r="AM6184">
        <v>19308.650140000002</v>
      </c>
      <c r="AN6184">
        <v>84808.295589999994</v>
      </c>
      <c r="AO6184">
        <v>27933.031739999999</v>
      </c>
      <c r="AP6184">
        <v>11846.12473</v>
      </c>
    </row>
    <row r="6185" spans="2:42" x14ac:dyDescent="0.3">
      <c r="B6185">
        <v>44.091684679784407</v>
      </c>
      <c r="C6185" s="83">
        <v>43358.625</v>
      </c>
      <c r="D6185">
        <v>169393.57620000001</v>
      </c>
      <c r="E6185">
        <v>25207.89876</v>
      </c>
      <c r="F6185">
        <v>91694.209050000005</v>
      </c>
      <c r="G6185">
        <v>31684.229050000002</v>
      </c>
      <c r="H6185">
        <v>35094.546690000003</v>
      </c>
      <c r="I6185">
        <v>29298.472849999998</v>
      </c>
      <c r="J6185">
        <v>40975.62139</v>
      </c>
      <c r="K6185">
        <v>46272.92338</v>
      </c>
      <c r="L6185">
        <v>28176.15813</v>
      </c>
      <c r="M6185">
        <v>224799.97029999999</v>
      </c>
      <c r="N6185">
        <v>74220.973370000007</v>
      </c>
      <c r="O6185">
        <v>18333.499909999999</v>
      </c>
      <c r="P6185">
        <v>30158.98777</v>
      </c>
      <c r="Q6185">
        <v>58662.541720000001</v>
      </c>
      <c r="R6185">
        <v>19500.175289999999</v>
      </c>
      <c r="S6185">
        <v>84033.705130000002</v>
      </c>
      <c r="T6185">
        <v>28087.004970000002</v>
      </c>
      <c r="U6185">
        <v>11729.85334</v>
      </c>
      <c r="W6185" s="83">
        <f>Bühler!N6217</f>
        <v>45549.624999985004</v>
      </c>
      <c r="X6185" s="83">
        <v>43358.625</v>
      </c>
      <c r="Y6185">
        <v>169393.57620000001</v>
      </c>
      <c r="Z6185">
        <v>25207.89876</v>
      </c>
      <c r="AA6185">
        <v>91694.209050000005</v>
      </c>
      <c r="AB6185">
        <v>31684.229050000002</v>
      </c>
      <c r="AC6185">
        <v>35094.546690000003</v>
      </c>
      <c r="AD6185">
        <v>29298.472849999998</v>
      </c>
      <c r="AE6185">
        <v>40975.62139</v>
      </c>
      <c r="AF6185">
        <v>46272.92338</v>
      </c>
      <c r="AG6185">
        <v>28176.15813</v>
      </c>
      <c r="AH6185">
        <v>224799.97029999999</v>
      </c>
      <c r="AI6185">
        <v>74220.973370000007</v>
      </c>
      <c r="AJ6185">
        <v>18333.499909999999</v>
      </c>
      <c r="AK6185">
        <v>30158.98777</v>
      </c>
      <c r="AL6185">
        <v>58662.541720000001</v>
      </c>
      <c r="AM6185">
        <v>19500.175289999999</v>
      </c>
      <c r="AN6185">
        <v>84033.705130000002</v>
      </c>
      <c r="AO6185">
        <v>28087.004970000002</v>
      </c>
      <c r="AP6185">
        <v>11729.85334</v>
      </c>
    </row>
    <row r="6186" spans="2:42" x14ac:dyDescent="0.3">
      <c r="B6186">
        <v>43.58767297750957</v>
      </c>
      <c r="C6186" s="83">
        <v>43358.666666666664</v>
      </c>
      <c r="D6186">
        <v>167880.47010000001</v>
      </c>
      <c r="E6186">
        <v>25119.198219999998</v>
      </c>
      <c r="F6186">
        <v>90714.705400000006</v>
      </c>
      <c r="G6186">
        <v>31766.089830000001</v>
      </c>
      <c r="H6186">
        <v>35101.461869999999</v>
      </c>
      <c r="I6186">
        <v>29449.5209</v>
      </c>
      <c r="J6186">
        <v>40487.960879999999</v>
      </c>
      <c r="K6186">
        <v>45512.291960000002</v>
      </c>
      <c r="L6186">
        <v>27509.32733</v>
      </c>
      <c r="M6186">
        <v>222230.2836</v>
      </c>
      <c r="N6186">
        <v>73744.104529999997</v>
      </c>
      <c r="O6186">
        <v>18130.137180000002</v>
      </c>
      <c r="P6186">
        <v>29270.04</v>
      </c>
      <c r="Q6186">
        <v>58308.797350000001</v>
      </c>
      <c r="R6186">
        <v>18906.777440000002</v>
      </c>
      <c r="S6186">
        <v>84228.430129999993</v>
      </c>
      <c r="T6186">
        <v>27735.852620000001</v>
      </c>
      <c r="U6186">
        <v>11767.8861</v>
      </c>
      <c r="W6186" s="83">
        <f>Bühler!N6218</f>
        <v>45549.666666651668</v>
      </c>
      <c r="X6186" s="83">
        <v>43358.666666666664</v>
      </c>
      <c r="Y6186">
        <v>167880.47010000001</v>
      </c>
      <c r="Z6186">
        <v>25119.198219999998</v>
      </c>
      <c r="AA6186">
        <v>90714.705400000006</v>
      </c>
      <c r="AB6186">
        <v>31766.089830000001</v>
      </c>
      <c r="AC6186">
        <v>35101.461869999999</v>
      </c>
      <c r="AD6186">
        <v>29449.5209</v>
      </c>
      <c r="AE6186">
        <v>40487.960879999999</v>
      </c>
      <c r="AF6186">
        <v>45512.291960000002</v>
      </c>
      <c r="AG6186">
        <v>27509.32733</v>
      </c>
      <c r="AH6186">
        <v>222230.2836</v>
      </c>
      <c r="AI6186">
        <v>73744.104529999997</v>
      </c>
      <c r="AJ6186">
        <v>18130.137180000002</v>
      </c>
      <c r="AK6186">
        <v>29270.04</v>
      </c>
      <c r="AL6186">
        <v>58308.797350000001</v>
      </c>
      <c r="AM6186">
        <v>18906.777440000002</v>
      </c>
      <c r="AN6186">
        <v>84228.430129999993</v>
      </c>
      <c r="AO6186">
        <v>27735.852620000001</v>
      </c>
      <c r="AP6186">
        <v>11767.8861</v>
      </c>
    </row>
    <row r="6187" spans="2:42" x14ac:dyDescent="0.3">
      <c r="B6187">
        <v>43.194865304441393</v>
      </c>
      <c r="C6187" s="83">
        <v>43358.708333333336</v>
      </c>
      <c r="D6187">
        <v>166797.4002</v>
      </c>
      <c r="E6187">
        <v>24745.740300000001</v>
      </c>
      <c r="F6187">
        <v>89469.295809999996</v>
      </c>
      <c r="G6187">
        <v>31668.568579999999</v>
      </c>
      <c r="H6187">
        <v>35029.125679999997</v>
      </c>
      <c r="I6187">
        <v>29548.829900000001</v>
      </c>
      <c r="J6187">
        <v>41394.594010000001</v>
      </c>
      <c r="K6187">
        <v>45156.832860000002</v>
      </c>
      <c r="L6187">
        <v>27673.880880000001</v>
      </c>
      <c r="M6187">
        <v>220227.56690000001</v>
      </c>
      <c r="N6187">
        <v>74155.888709999999</v>
      </c>
      <c r="O6187">
        <v>17475.857510000002</v>
      </c>
      <c r="P6187">
        <v>30652.289919999999</v>
      </c>
      <c r="Q6187">
        <v>56514.543129999998</v>
      </c>
      <c r="R6187">
        <v>19638.4051</v>
      </c>
      <c r="S6187">
        <v>85584.56</v>
      </c>
      <c r="T6187">
        <v>27629.596290000001</v>
      </c>
      <c r="U6187">
        <v>11913.8536</v>
      </c>
      <c r="W6187" s="83">
        <f>Bühler!N6219</f>
        <v>45549.708333318333</v>
      </c>
      <c r="X6187" s="83">
        <v>43358.708333333336</v>
      </c>
      <c r="Y6187">
        <v>166797.4002</v>
      </c>
      <c r="Z6187">
        <v>24745.740300000001</v>
      </c>
      <c r="AA6187">
        <v>89469.295809999996</v>
      </c>
      <c r="AB6187">
        <v>31668.568579999999</v>
      </c>
      <c r="AC6187">
        <v>35029.125679999997</v>
      </c>
      <c r="AD6187">
        <v>29548.829900000001</v>
      </c>
      <c r="AE6187">
        <v>41394.594010000001</v>
      </c>
      <c r="AF6187">
        <v>45156.832860000002</v>
      </c>
      <c r="AG6187">
        <v>27673.880880000001</v>
      </c>
      <c r="AH6187">
        <v>220227.56690000001</v>
      </c>
      <c r="AI6187">
        <v>74155.888709999999</v>
      </c>
      <c r="AJ6187">
        <v>17475.857510000002</v>
      </c>
      <c r="AK6187">
        <v>30652.289919999999</v>
      </c>
      <c r="AL6187">
        <v>56514.543129999998</v>
      </c>
      <c r="AM6187">
        <v>19638.4051</v>
      </c>
      <c r="AN6187">
        <v>85584.56</v>
      </c>
      <c r="AO6187">
        <v>27629.596290000001</v>
      </c>
      <c r="AP6187">
        <v>11913.8536</v>
      </c>
    </row>
    <row r="6188" spans="2:42" x14ac:dyDescent="0.3">
      <c r="B6188">
        <v>42.685897994282655</v>
      </c>
      <c r="C6188" s="83">
        <v>43358.75</v>
      </c>
      <c r="D6188">
        <v>166033.18890000001</v>
      </c>
      <c r="E6188">
        <v>23495.568609999998</v>
      </c>
      <c r="F6188">
        <v>87810.550650000005</v>
      </c>
      <c r="G6188">
        <v>31342.951659999999</v>
      </c>
      <c r="H6188">
        <v>34525.396430000001</v>
      </c>
      <c r="I6188">
        <v>29046.713810000001</v>
      </c>
      <c r="J6188">
        <v>42081.655839999999</v>
      </c>
      <c r="K6188">
        <v>45306.510029999998</v>
      </c>
      <c r="L6188">
        <v>28066.436679999999</v>
      </c>
      <c r="M6188">
        <v>217632.61420000001</v>
      </c>
      <c r="N6188">
        <v>74881.177769999995</v>
      </c>
      <c r="O6188">
        <v>17019.562409999999</v>
      </c>
      <c r="P6188">
        <v>34017.210039999998</v>
      </c>
      <c r="Q6188">
        <v>54460.61305</v>
      </c>
      <c r="R6188">
        <v>19145.882860000002</v>
      </c>
      <c r="S6188">
        <v>83310.314199999993</v>
      </c>
      <c r="T6188">
        <v>26829.85641</v>
      </c>
      <c r="U6188">
        <v>11691.47039</v>
      </c>
      <c r="W6188" s="83">
        <f>Bühler!N6220</f>
        <v>45549.749999984997</v>
      </c>
      <c r="X6188" s="83">
        <v>43358.75</v>
      </c>
      <c r="Y6188">
        <v>166033.18890000001</v>
      </c>
      <c r="Z6188">
        <v>23495.568609999998</v>
      </c>
      <c r="AA6188">
        <v>87810.550650000005</v>
      </c>
      <c r="AB6188">
        <v>31342.951659999999</v>
      </c>
      <c r="AC6188">
        <v>34525.396430000001</v>
      </c>
      <c r="AD6188">
        <v>29046.713810000001</v>
      </c>
      <c r="AE6188">
        <v>42081.655839999999</v>
      </c>
      <c r="AF6188">
        <v>45306.510029999998</v>
      </c>
      <c r="AG6188">
        <v>28066.436679999999</v>
      </c>
      <c r="AH6188">
        <v>217632.61420000001</v>
      </c>
      <c r="AI6188">
        <v>74881.177769999995</v>
      </c>
      <c r="AJ6188">
        <v>17019.562409999999</v>
      </c>
      <c r="AK6188">
        <v>34017.210039999998</v>
      </c>
      <c r="AL6188">
        <v>54460.61305</v>
      </c>
      <c r="AM6188">
        <v>19145.882860000002</v>
      </c>
      <c r="AN6188">
        <v>83310.314199999993</v>
      </c>
      <c r="AO6188">
        <v>26829.85641</v>
      </c>
      <c r="AP6188">
        <v>11691.47039</v>
      </c>
    </row>
    <row r="6189" spans="2:42" x14ac:dyDescent="0.3">
      <c r="B6189">
        <v>42.052204686667181</v>
      </c>
      <c r="C6189" s="83">
        <v>43358.791666666664</v>
      </c>
      <c r="D6189">
        <v>165255.62590000001</v>
      </c>
      <c r="E6189">
        <v>19136.123149999999</v>
      </c>
      <c r="F6189">
        <v>78475.508610000004</v>
      </c>
      <c r="G6189">
        <v>31298.295010000002</v>
      </c>
      <c r="H6189">
        <v>34071.325790000003</v>
      </c>
      <c r="I6189">
        <v>28748.84002</v>
      </c>
      <c r="J6189">
        <v>41662.865180000001</v>
      </c>
      <c r="K6189">
        <v>45392.770360000002</v>
      </c>
      <c r="L6189">
        <v>29680.011709999999</v>
      </c>
      <c r="M6189">
        <v>214401.75020000001</v>
      </c>
      <c r="N6189">
        <v>74437.070340000006</v>
      </c>
      <c r="O6189">
        <v>16867.281869999999</v>
      </c>
      <c r="P6189">
        <v>36280.298300000002</v>
      </c>
      <c r="Q6189">
        <v>52561.726600000002</v>
      </c>
      <c r="R6189">
        <v>19867.122100000001</v>
      </c>
      <c r="S6189">
        <v>82976.826319999993</v>
      </c>
      <c r="T6189">
        <v>25584.22075</v>
      </c>
      <c r="U6189">
        <v>11965.647650000001</v>
      </c>
      <c r="W6189" s="83">
        <f>Bühler!N6221</f>
        <v>45549.791666651661</v>
      </c>
      <c r="X6189" s="83">
        <v>43358.791666666664</v>
      </c>
      <c r="Y6189">
        <v>165255.62590000001</v>
      </c>
      <c r="Z6189">
        <v>19136.123149999999</v>
      </c>
      <c r="AA6189">
        <v>78475.508610000004</v>
      </c>
      <c r="AB6189">
        <v>31298.295010000002</v>
      </c>
      <c r="AC6189">
        <v>34071.325790000003</v>
      </c>
      <c r="AD6189">
        <v>28748.84002</v>
      </c>
      <c r="AE6189">
        <v>41662.865180000001</v>
      </c>
      <c r="AF6189">
        <v>45392.770360000002</v>
      </c>
      <c r="AG6189">
        <v>29680.011709999999</v>
      </c>
      <c r="AH6189">
        <v>214401.75020000001</v>
      </c>
      <c r="AI6189">
        <v>74437.070340000006</v>
      </c>
      <c r="AJ6189">
        <v>16867.281869999999</v>
      </c>
      <c r="AK6189">
        <v>36280.298300000002</v>
      </c>
      <c r="AL6189">
        <v>52561.726600000002</v>
      </c>
      <c r="AM6189">
        <v>19867.122100000001</v>
      </c>
      <c r="AN6189">
        <v>82976.826319999993</v>
      </c>
      <c r="AO6189">
        <v>25584.22075</v>
      </c>
      <c r="AP6189">
        <v>11965.647650000001</v>
      </c>
    </row>
    <row r="6190" spans="2:42" x14ac:dyDescent="0.3">
      <c r="B6190">
        <v>41.588841678744714</v>
      </c>
      <c r="C6190" s="83">
        <v>43358.833333333336</v>
      </c>
      <c r="D6190">
        <v>164920.15719999999</v>
      </c>
      <c r="E6190">
        <v>14429.236269999999</v>
      </c>
      <c r="F6190">
        <v>63282.337379999997</v>
      </c>
      <c r="G6190">
        <v>31456.93172</v>
      </c>
      <c r="H6190">
        <v>34374.433980000002</v>
      </c>
      <c r="I6190">
        <v>27286.478019999999</v>
      </c>
      <c r="J6190">
        <v>43531.821770000002</v>
      </c>
      <c r="K6190">
        <v>45430.192869999999</v>
      </c>
      <c r="L6190">
        <v>30318.582020000002</v>
      </c>
      <c r="M6190">
        <v>212039.3095</v>
      </c>
      <c r="N6190">
        <v>74445.131340000007</v>
      </c>
      <c r="O6190">
        <v>17229.38378</v>
      </c>
      <c r="P6190">
        <v>36921.800139999999</v>
      </c>
      <c r="Q6190">
        <v>50876.108310000003</v>
      </c>
      <c r="R6190">
        <v>19089.921259999999</v>
      </c>
      <c r="S6190">
        <v>78755.121360000005</v>
      </c>
      <c r="T6190">
        <v>23273.178090000001</v>
      </c>
      <c r="U6190">
        <v>12303.827789999999</v>
      </c>
      <c r="W6190" s="83">
        <f>Bühler!N6222</f>
        <v>45549.833333318325</v>
      </c>
      <c r="X6190" s="83">
        <v>43358.833333333336</v>
      </c>
      <c r="Y6190">
        <v>164920.15719999999</v>
      </c>
      <c r="Z6190">
        <v>14429.236269999999</v>
      </c>
      <c r="AA6190">
        <v>63282.337379999997</v>
      </c>
      <c r="AB6190">
        <v>31456.93172</v>
      </c>
      <c r="AC6190">
        <v>34374.433980000002</v>
      </c>
      <c r="AD6190">
        <v>27286.478019999999</v>
      </c>
      <c r="AE6190">
        <v>43531.821770000002</v>
      </c>
      <c r="AF6190">
        <v>45430.192869999999</v>
      </c>
      <c r="AG6190">
        <v>30318.582020000002</v>
      </c>
      <c r="AH6190">
        <v>212039.3095</v>
      </c>
      <c r="AI6190">
        <v>74445.131340000007</v>
      </c>
      <c r="AJ6190">
        <v>17229.38378</v>
      </c>
      <c r="AK6190">
        <v>36921.800139999999</v>
      </c>
      <c r="AL6190">
        <v>50876.108310000003</v>
      </c>
      <c r="AM6190">
        <v>19089.921259999999</v>
      </c>
      <c r="AN6190">
        <v>78755.121360000005</v>
      </c>
      <c r="AO6190">
        <v>23273.178090000001</v>
      </c>
      <c r="AP6190">
        <v>12303.827789999999</v>
      </c>
    </row>
    <row r="6191" spans="2:42" x14ac:dyDescent="0.3">
      <c r="B6191">
        <v>40.836290353961758</v>
      </c>
      <c r="C6191" s="83">
        <v>43358.875</v>
      </c>
      <c r="D6191">
        <v>164877.73019999999</v>
      </c>
      <c r="E6191">
        <v>12549.190269999999</v>
      </c>
      <c r="F6191">
        <v>54812.224479999997</v>
      </c>
      <c r="G6191">
        <v>31142.48587</v>
      </c>
      <c r="H6191">
        <v>33773.484629999999</v>
      </c>
      <c r="I6191">
        <v>25123.86996</v>
      </c>
      <c r="J6191">
        <v>42220.395259999998</v>
      </c>
      <c r="K6191">
        <v>46176.514889999999</v>
      </c>
      <c r="L6191">
        <v>29027.323700000001</v>
      </c>
      <c r="M6191">
        <v>208202.45189999999</v>
      </c>
      <c r="N6191">
        <v>73517.031959999993</v>
      </c>
      <c r="O6191">
        <v>17007.18345</v>
      </c>
      <c r="P6191">
        <v>35852.976159999998</v>
      </c>
      <c r="Q6191">
        <v>49602.97565</v>
      </c>
      <c r="R6191">
        <v>18522.37213</v>
      </c>
      <c r="S6191">
        <v>76117.456959999996</v>
      </c>
      <c r="T6191">
        <v>22313.91128</v>
      </c>
      <c r="U6191">
        <v>12190.7395</v>
      </c>
      <c r="W6191" s="83">
        <f>Bühler!N6223</f>
        <v>45549.87499998499</v>
      </c>
      <c r="X6191" s="83">
        <v>43358.875</v>
      </c>
      <c r="Y6191">
        <v>164877.73019999999</v>
      </c>
      <c r="Z6191">
        <v>12549.190269999999</v>
      </c>
      <c r="AA6191">
        <v>54812.224479999997</v>
      </c>
      <c r="AB6191">
        <v>31142.48587</v>
      </c>
      <c r="AC6191">
        <v>33773.484629999999</v>
      </c>
      <c r="AD6191">
        <v>25123.86996</v>
      </c>
      <c r="AE6191">
        <v>42220.395259999998</v>
      </c>
      <c r="AF6191">
        <v>46176.514889999999</v>
      </c>
      <c r="AG6191">
        <v>29027.323700000001</v>
      </c>
      <c r="AH6191">
        <v>208202.45189999999</v>
      </c>
      <c r="AI6191">
        <v>73517.031959999993</v>
      </c>
      <c r="AJ6191">
        <v>17007.18345</v>
      </c>
      <c r="AK6191">
        <v>35852.976159999998</v>
      </c>
      <c r="AL6191">
        <v>49602.97565</v>
      </c>
      <c r="AM6191">
        <v>18522.37213</v>
      </c>
      <c r="AN6191">
        <v>76117.456959999996</v>
      </c>
      <c r="AO6191">
        <v>22313.91128</v>
      </c>
      <c r="AP6191">
        <v>12190.7395</v>
      </c>
    </row>
    <row r="6192" spans="2:42" x14ac:dyDescent="0.3">
      <c r="B6192">
        <v>40.760682460500185</v>
      </c>
      <c r="C6192" s="83">
        <v>43358.916666666664</v>
      </c>
      <c r="D6192">
        <v>163376.0117</v>
      </c>
      <c r="E6192">
        <v>12393.1823</v>
      </c>
      <c r="F6192">
        <v>52988.934240000002</v>
      </c>
      <c r="G6192">
        <v>31384.436760000001</v>
      </c>
      <c r="H6192">
        <v>33860.283280000003</v>
      </c>
      <c r="I6192">
        <v>23912.906989999999</v>
      </c>
      <c r="J6192">
        <v>40467.766309999999</v>
      </c>
      <c r="K6192">
        <v>49741.11406</v>
      </c>
      <c r="L6192">
        <v>25830.869569999999</v>
      </c>
      <c r="M6192">
        <v>207816.9676</v>
      </c>
      <c r="N6192">
        <v>72862.372090000004</v>
      </c>
      <c r="O6192">
        <v>16763.98632</v>
      </c>
      <c r="P6192">
        <v>37330.921439999998</v>
      </c>
      <c r="Q6192">
        <v>49883.453029999997</v>
      </c>
      <c r="R6192">
        <v>19144.58293</v>
      </c>
      <c r="S6192">
        <v>74915.062340000004</v>
      </c>
      <c r="T6192">
        <v>21806.98832</v>
      </c>
      <c r="U6192">
        <v>12369.18276</v>
      </c>
      <c r="W6192" s="83">
        <f>Bühler!N6224</f>
        <v>45549.916666651654</v>
      </c>
      <c r="X6192" s="83">
        <v>43358.916666666664</v>
      </c>
      <c r="Y6192">
        <v>163376.0117</v>
      </c>
      <c r="Z6192">
        <v>12393.1823</v>
      </c>
      <c r="AA6192">
        <v>52988.934240000002</v>
      </c>
      <c r="AB6192">
        <v>31384.436760000001</v>
      </c>
      <c r="AC6192">
        <v>33860.283280000003</v>
      </c>
      <c r="AD6192">
        <v>23912.906989999999</v>
      </c>
      <c r="AE6192">
        <v>40467.766309999999</v>
      </c>
      <c r="AF6192">
        <v>49741.11406</v>
      </c>
      <c r="AG6192">
        <v>25830.869569999999</v>
      </c>
      <c r="AH6192">
        <v>207816.9676</v>
      </c>
      <c r="AI6192">
        <v>72862.372090000004</v>
      </c>
      <c r="AJ6192">
        <v>16763.98632</v>
      </c>
      <c r="AK6192">
        <v>37330.921439999998</v>
      </c>
      <c r="AL6192">
        <v>49883.453029999997</v>
      </c>
      <c r="AM6192">
        <v>19144.58293</v>
      </c>
      <c r="AN6192">
        <v>74915.062340000004</v>
      </c>
      <c r="AO6192">
        <v>21806.98832</v>
      </c>
      <c r="AP6192">
        <v>12369.18276</v>
      </c>
    </row>
    <row r="6193" spans="2:42" x14ac:dyDescent="0.3">
      <c r="B6193">
        <v>40.773748821152957</v>
      </c>
      <c r="C6193" s="83">
        <v>43358.958333333336</v>
      </c>
      <c r="D6193">
        <v>161976.58199999999</v>
      </c>
      <c r="E6193">
        <v>11949.687669999999</v>
      </c>
      <c r="F6193">
        <v>52346.714070000002</v>
      </c>
      <c r="G6193">
        <v>30904.40135</v>
      </c>
      <c r="H6193">
        <v>33251.368170000002</v>
      </c>
      <c r="I6193">
        <v>23784.93247</v>
      </c>
      <c r="J6193">
        <v>36447.732709999997</v>
      </c>
      <c r="K6193">
        <v>48983.783810000001</v>
      </c>
      <c r="L6193">
        <v>22088.446800000002</v>
      </c>
      <c r="M6193">
        <v>207883.58600000001</v>
      </c>
      <c r="N6193">
        <v>70975.429130000004</v>
      </c>
      <c r="O6193">
        <v>16517.76888</v>
      </c>
      <c r="P6193">
        <v>32698.1021</v>
      </c>
      <c r="Q6193">
        <v>49999.284500000002</v>
      </c>
      <c r="R6193">
        <v>18883.243450000002</v>
      </c>
      <c r="S6193">
        <v>73368.931280000004</v>
      </c>
      <c r="T6193">
        <v>20358.455600000001</v>
      </c>
      <c r="U6193">
        <v>12047.466539999999</v>
      </c>
      <c r="W6193" s="83">
        <f>Bühler!N6225</f>
        <v>45549.958333318318</v>
      </c>
      <c r="X6193" s="83">
        <v>43358.958333333336</v>
      </c>
      <c r="Y6193">
        <v>161976.58199999999</v>
      </c>
      <c r="Z6193">
        <v>11949.687669999999</v>
      </c>
      <c r="AA6193">
        <v>52346.714070000002</v>
      </c>
      <c r="AB6193">
        <v>30904.40135</v>
      </c>
      <c r="AC6193">
        <v>33251.368170000002</v>
      </c>
      <c r="AD6193">
        <v>23784.93247</v>
      </c>
      <c r="AE6193">
        <v>36447.732709999997</v>
      </c>
      <c r="AF6193">
        <v>48983.783810000001</v>
      </c>
      <c r="AG6193">
        <v>22088.446800000002</v>
      </c>
      <c r="AH6193">
        <v>207883.58600000001</v>
      </c>
      <c r="AI6193">
        <v>70975.429130000004</v>
      </c>
      <c r="AJ6193">
        <v>16517.76888</v>
      </c>
      <c r="AK6193">
        <v>32698.1021</v>
      </c>
      <c r="AL6193">
        <v>49999.284500000002</v>
      </c>
      <c r="AM6193">
        <v>18883.243450000002</v>
      </c>
      <c r="AN6193">
        <v>73368.931280000004</v>
      </c>
      <c r="AO6193">
        <v>20358.455600000001</v>
      </c>
      <c r="AP6193">
        <v>12047.466539999999</v>
      </c>
    </row>
    <row r="6194" spans="2:42" x14ac:dyDescent="0.3">
      <c r="B6194">
        <v>40.257858350649009</v>
      </c>
      <c r="C6194" s="83">
        <v>43359</v>
      </c>
      <c r="D6194">
        <v>161022.9056</v>
      </c>
      <c r="E6194">
        <v>11656.39178</v>
      </c>
      <c r="F6194">
        <v>50861.789620000003</v>
      </c>
      <c r="G6194">
        <v>31169.134139999998</v>
      </c>
      <c r="H6194">
        <v>32470.010849999999</v>
      </c>
      <c r="I6194">
        <v>22013.952560000002</v>
      </c>
      <c r="J6194">
        <v>33837.527589999998</v>
      </c>
      <c r="K6194">
        <v>47398.585509999997</v>
      </c>
      <c r="L6194">
        <v>18881.489850000002</v>
      </c>
      <c r="M6194">
        <v>205253.3358</v>
      </c>
      <c r="N6194">
        <v>69223.61808</v>
      </c>
      <c r="O6194">
        <v>16932.351170000002</v>
      </c>
      <c r="P6194">
        <v>29998.469249999998</v>
      </c>
      <c r="Q6194">
        <v>49370.396910000003</v>
      </c>
      <c r="R6194">
        <v>16162.70442</v>
      </c>
      <c r="S6194">
        <v>72039.199710000001</v>
      </c>
      <c r="T6194">
        <v>19351.627540000001</v>
      </c>
      <c r="U6194">
        <v>11754.75488</v>
      </c>
      <c r="W6194" s="83">
        <f>Bühler!N6226</f>
        <v>45549.999999984982</v>
      </c>
      <c r="X6194" s="83">
        <v>43359</v>
      </c>
      <c r="Y6194">
        <v>161022.9056</v>
      </c>
      <c r="Z6194">
        <v>11656.39178</v>
      </c>
      <c r="AA6194">
        <v>50861.789620000003</v>
      </c>
      <c r="AB6194">
        <v>31169.134139999998</v>
      </c>
      <c r="AC6194">
        <v>32470.010849999999</v>
      </c>
      <c r="AD6194">
        <v>22013.952560000002</v>
      </c>
      <c r="AE6194">
        <v>33837.527589999998</v>
      </c>
      <c r="AF6194">
        <v>47398.585509999997</v>
      </c>
      <c r="AG6194">
        <v>18881.489850000002</v>
      </c>
      <c r="AH6194">
        <v>205253.3358</v>
      </c>
      <c r="AI6194">
        <v>69223.61808</v>
      </c>
      <c r="AJ6194">
        <v>16932.351170000002</v>
      </c>
      <c r="AK6194">
        <v>29998.469249999998</v>
      </c>
      <c r="AL6194">
        <v>49370.396910000003</v>
      </c>
      <c r="AM6194">
        <v>16162.70442</v>
      </c>
      <c r="AN6194">
        <v>72039.199710000001</v>
      </c>
      <c r="AO6194">
        <v>19351.627540000001</v>
      </c>
      <c r="AP6194">
        <v>11754.75488</v>
      </c>
    </row>
    <row r="6195" spans="2:42" x14ac:dyDescent="0.3">
      <c r="B6195">
        <v>40.081695708834744</v>
      </c>
      <c r="C6195" s="83">
        <v>43359.041666666664</v>
      </c>
      <c r="D6195">
        <v>160157.7396</v>
      </c>
      <c r="E6195">
        <v>11416.60635</v>
      </c>
      <c r="F6195">
        <v>50231.424910000002</v>
      </c>
      <c r="G6195">
        <v>30581.01569</v>
      </c>
      <c r="H6195">
        <v>31985.648789999999</v>
      </c>
      <c r="I6195">
        <v>18539.40814</v>
      </c>
      <c r="J6195">
        <v>32925.045830000003</v>
      </c>
      <c r="K6195">
        <v>47060.158309999999</v>
      </c>
      <c r="L6195">
        <v>17195.831969999999</v>
      </c>
      <c r="M6195">
        <v>204355.1765</v>
      </c>
      <c r="N6195">
        <v>68197.026450000005</v>
      </c>
      <c r="O6195">
        <v>17111.772929999999</v>
      </c>
      <c r="P6195">
        <v>27016.8514</v>
      </c>
      <c r="Q6195">
        <v>50072.566720000003</v>
      </c>
      <c r="R6195">
        <v>14889.641369999999</v>
      </c>
      <c r="S6195">
        <v>70963.332060000001</v>
      </c>
      <c r="T6195">
        <v>18513.602139999999</v>
      </c>
      <c r="U6195">
        <v>11652.251619999999</v>
      </c>
      <c r="W6195" s="83">
        <f>Bühler!N6227</f>
        <v>45550.041666651647</v>
      </c>
      <c r="X6195" s="83">
        <v>43359.041666666664</v>
      </c>
      <c r="Y6195">
        <v>160157.7396</v>
      </c>
      <c r="Z6195">
        <v>11416.60635</v>
      </c>
      <c r="AA6195">
        <v>50231.424910000002</v>
      </c>
      <c r="AB6195">
        <v>30581.01569</v>
      </c>
      <c r="AC6195">
        <v>31985.648789999999</v>
      </c>
      <c r="AD6195">
        <v>18539.40814</v>
      </c>
      <c r="AE6195">
        <v>32925.045830000003</v>
      </c>
      <c r="AF6195">
        <v>47060.158309999999</v>
      </c>
      <c r="AG6195">
        <v>17195.831969999999</v>
      </c>
      <c r="AH6195">
        <v>204355.1765</v>
      </c>
      <c r="AI6195">
        <v>68197.026450000005</v>
      </c>
      <c r="AJ6195">
        <v>17111.772929999999</v>
      </c>
      <c r="AK6195">
        <v>27016.8514</v>
      </c>
      <c r="AL6195">
        <v>50072.566720000003</v>
      </c>
      <c r="AM6195">
        <v>14889.641369999999</v>
      </c>
      <c r="AN6195">
        <v>70963.332060000001</v>
      </c>
      <c r="AO6195">
        <v>18513.602139999999</v>
      </c>
      <c r="AP6195">
        <v>11652.251619999999</v>
      </c>
    </row>
    <row r="6196" spans="2:42" x14ac:dyDescent="0.3">
      <c r="B6196">
        <v>39.725128561369239</v>
      </c>
      <c r="C6196" s="83">
        <v>43359.083333333336</v>
      </c>
      <c r="D6196">
        <v>159633.08040000001</v>
      </c>
      <c r="E6196">
        <v>11376.49957</v>
      </c>
      <c r="F6196">
        <v>50022.198949999998</v>
      </c>
      <c r="G6196">
        <v>30260.291679999998</v>
      </c>
      <c r="H6196">
        <v>31536.60959</v>
      </c>
      <c r="I6196">
        <v>16300.85029</v>
      </c>
      <c r="J6196">
        <v>32320.52477</v>
      </c>
      <c r="K6196">
        <v>45037.638529999997</v>
      </c>
      <c r="L6196">
        <v>16516.743920000001</v>
      </c>
      <c r="M6196">
        <v>202537.2309</v>
      </c>
      <c r="N6196">
        <v>67477.14443</v>
      </c>
      <c r="O6196">
        <v>16797.29912</v>
      </c>
      <c r="P6196">
        <v>25392.394929999999</v>
      </c>
      <c r="Q6196">
        <v>50626.675779999998</v>
      </c>
      <c r="R6196">
        <v>13940.00585</v>
      </c>
      <c r="S6196">
        <v>69926.569390000004</v>
      </c>
      <c r="T6196">
        <v>17982.797630000001</v>
      </c>
      <c r="U6196">
        <v>11572.77463</v>
      </c>
      <c r="W6196" s="83">
        <f>Bühler!N6228</f>
        <v>45550.083333318311</v>
      </c>
      <c r="X6196" s="83">
        <v>43359.083333333336</v>
      </c>
      <c r="Y6196">
        <v>159633.08040000001</v>
      </c>
      <c r="Z6196">
        <v>11376.49957</v>
      </c>
      <c r="AA6196">
        <v>50022.198949999998</v>
      </c>
      <c r="AB6196">
        <v>30260.291679999998</v>
      </c>
      <c r="AC6196">
        <v>31536.60959</v>
      </c>
      <c r="AD6196">
        <v>16300.85029</v>
      </c>
      <c r="AE6196">
        <v>32320.52477</v>
      </c>
      <c r="AF6196">
        <v>45037.638529999997</v>
      </c>
      <c r="AG6196">
        <v>16516.743920000001</v>
      </c>
      <c r="AH6196">
        <v>202537.2309</v>
      </c>
      <c r="AI6196">
        <v>67477.14443</v>
      </c>
      <c r="AJ6196">
        <v>16797.29912</v>
      </c>
      <c r="AK6196">
        <v>25392.394929999999</v>
      </c>
      <c r="AL6196">
        <v>50626.675779999998</v>
      </c>
      <c r="AM6196">
        <v>13940.00585</v>
      </c>
      <c r="AN6196">
        <v>69926.569390000004</v>
      </c>
      <c r="AO6196">
        <v>17982.797630000001</v>
      </c>
      <c r="AP6196">
        <v>11572.77463</v>
      </c>
    </row>
    <row r="6197" spans="2:42" x14ac:dyDescent="0.3">
      <c r="B6197">
        <v>39.196039670892169</v>
      </c>
      <c r="C6197" s="83">
        <v>43359.125</v>
      </c>
      <c r="D6197">
        <v>158034.01439999999</v>
      </c>
      <c r="E6197">
        <v>11328.739600000001</v>
      </c>
      <c r="F6197">
        <v>49963.070379999997</v>
      </c>
      <c r="G6197">
        <v>29495.52506</v>
      </c>
      <c r="H6197">
        <v>31502.147509999999</v>
      </c>
      <c r="I6197">
        <v>15487.4475</v>
      </c>
      <c r="J6197">
        <v>32201.297879999998</v>
      </c>
      <c r="K6197">
        <v>43282.106070000002</v>
      </c>
      <c r="L6197">
        <v>16005.709049999999</v>
      </c>
      <c r="M6197">
        <v>199839.68900000001</v>
      </c>
      <c r="N6197">
        <v>66478.770969999998</v>
      </c>
      <c r="O6197">
        <v>16633.882249999999</v>
      </c>
      <c r="P6197">
        <v>24444.24008</v>
      </c>
      <c r="Q6197">
        <v>52675.976329999998</v>
      </c>
      <c r="R6197">
        <v>13201.008089999999</v>
      </c>
      <c r="S6197">
        <v>69438.835949999993</v>
      </c>
      <c r="T6197">
        <v>17705.686109999999</v>
      </c>
      <c r="U6197">
        <v>11339.594859999999</v>
      </c>
      <c r="W6197" s="83">
        <f>Bühler!N6229</f>
        <v>45550.124999984975</v>
      </c>
      <c r="X6197" s="83">
        <v>43359.125</v>
      </c>
      <c r="Y6197">
        <v>158034.01439999999</v>
      </c>
      <c r="Z6197">
        <v>11328.739600000001</v>
      </c>
      <c r="AA6197">
        <v>49963.070379999997</v>
      </c>
      <c r="AB6197">
        <v>29495.52506</v>
      </c>
      <c r="AC6197">
        <v>31502.147509999999</v>
      </c>
      <c r="AD6197">
        <v>15487.4475</v>
      </c>
      <c r="AE6197">
        <v>32201.297879999998</v>
      </c>
      <c r="AF6197">
        <v>43282.106070000002</v>
      </c>
      <c r="AG6197">
        <v>16005.709049999999</v>
      </c>
      <c r="AH6197">
        <v>199839.68900000001</v>
      </c>
      <c r="AI6197">
        <v>66478.770969999998</v>
      </c>
      <c r="AJ6197">
        <v>16633.882249999999</v>
      </c>
      <c r="AK6197">
        <v>24444.24008</v>
      </c>
      <c r="AL6197">
        <v>52675.976329999998</v>
      </c>
      <c r="AM6197">
        <v>13201.008089999999</v>
      </c>
      <c r="AN6197">
        <v>69438.835949999993</v>
      </c>
      <c r="AO6197">
        <v>17705.686109999999</v>
      </c>
      <c r="AP6197">
        <v>11339.594859999999</v>
      </c>
    </row>
    <row r="6198" spans="2:42" x14ac:dyDescent="0.3">
      <c r="B6198">
        <v>39.294908206289151</v>
      </c>
      <c r="C6198" s="83">
        <v>43359.166666666664</v>
      </c>
      <c r="D6198">
        <v>156842.18350000001</v>
      </c>
      <c r="E6198">
        <v>11285.83201</v>
      </c>
      <c r="F6198">
        <v>49893.769690000001</v>
      </c>
      <c r="G6198">
        <v>28731.417030000001</v>
      </c>
      <c r="H6198">
        <v>31333.166870000001</v>
      </c>
      <c r="I6198">
        <v>15526.035749999999</v>
      </c>
      <c r="J6198">
        <v>34145.712489999998</v>
      </c>
      <c r="K6198">
        <v>42325.532890000002</v>
      </c>
      <c r="L6198">
        <v>15737.9858</v>
      </c>
      <c r="M6198">
        <v>200343.76689999999</v>
      </c>
      <c r="N6198">
        <v>65926.524449999997</v>
      </c>
      <c r="O6198">
        <v>16514.116870000002</v>
      </c>
      <c r="P6198">
        <v>23569.985280000001</v>
      </c>
      <c r="Q6198">
        <v>52500.837290000003</v>
      </c>
      <c r="R6198">
        <v>12942.21377</v>
      </c>
      <c r="S6198">
        <v>69820.027270000006</v>
      </c>
      <c r="T6198">
        <v>17667.676100000001</v>
      </c>
      <c r="U6198">
        <v>11386.9079</v>
      </c>
      <c r="W6198" s="83">
        <f>Bühler!N6230</f>
        <v>45550.166666651639</v>
      </c>
      <c r="X6198" s="83">
        <v>43359.166666666664</v>
      </c>
      <c r="Y6198">
        <v>156842.18350000001</v>
      </c>
      <c r="Z6198">
        <v>11285.83201</v>
      </c>
      <c r="AA6198">
        <v>49893.769690000001</v>
      </c>
      <c r="AB6198">
        <v>28731.417030000001</v>
      </c>
      <c r="AC6198">
        <v>31333.166870000001</v>
      </c>
      <c r="AD6198">
        <v>15526.035749999999</v>
      </c>
      <c r="AE6198">
        <v>34145.712489999998</v>
      </c>
      <c r="AF6198">
        <v>42325.532890000002</v>
      </c>
      <c r="AG6198">
        <v>15737.9858</v>
      </c>
      <c r="AH6198">
        <v>200343.76689999999</v>
      </c>
      <c r="AI6198">
        <v>65926.524449999997</v>
      </c>
      <c r="AJ6198">
        <v>16514.116870000002</v>
      </c>
      <c r="AK6198">
        <v>23569.985280000001</v>
      </c>
      <c r="AL6198">
        <v>52500.837290000003</v>
      </c>
      <c r="AM6198">
        <v>12942.21377</v>
      </c>
      <c r="AN6198">
        <v>69820.027270000006</v>
      </c>
      <c r="AO6198">
        <v>17667.676100000001</v>
      </c>
      <c r="AP6198">
        <v>11386.9079</v>
      </c>
    </row>
    <row r="6199" spans="2:42" x14ac:dyDescent="0.3">
      <c r="B6199">
        <v>39.134082902167307</v>
      </c>
      <c r="C6199" s="83">
        <v>43359.208333333336</v>
      </c>
      <c r="D6199">
        <v>155616.59330000001</v>
      </c>
      <c r="E6199">
        <v>11399.618920000001</v>
      </c>
      <c r="F6199">
        <v>50392.522259999998</v>
      </c>
      <c r="G6199">
        <v>28773.020110000001</v>
      </c>
      <c r="H6199">
        <v>31640.885389999999</v>
      </c>
      <c r="I6199">
        <v>18826.143800000002</v>
      </c>
      <c r="J6199">
        <v>36988.299619999998</v>
      </c>
      <c r="K6199">
        <v>42043.180540000001</v>
      </c>
      <c r="L6199">
        <v>15623.86139</v>
      </c>
      <c r="M6199">
        <v>199523.8045</v>
      </c>
      <c r="N6199">
        <v>64321.976920000001</v>
      </c>
      <c r="O6199">
        <v>16461.296030000001</v>
      </c>
      <c r="P6199">
        <v>25065.735970000002</v>
      </c>
      <c r="Q6199">
        <v>52852.577469999997</v>
      </c>
      <c r="R6199">
        <v>13398.01641</v>
      </c>
      <c r="S6199">
        <v>71340.520260000005</v>
      </c>
      <c r="T6199">
        <v>17609.024529999999</v>
      </c>
      <c r="U6199">
        <v>11461.313410000001</v>
      </c>
      <c r="W6199" s="83">
        <f>Bühler!N6231</f>
        <v>45550.208333318304</v>
      </c>
      <c r="X6199" s="83">
        <v>43359.208333333336</v>
      </c>
      <c r="Y6199">
        <v>155616.59330000001</v>
      </c>
      <c r="Z6199">
        <v>11399.618920000001</v>
      </c>
      <c r="AA6199">
        <v>50392.522259999998</v>
      </c>
      <c r="AB6199">
        <v>28773.020110000001</v>
      </c>
      <c r="AC6199">
        <v>31640.885389999999</v>
      </c>
      <c r="AD6199">
        <v>18826.143800000002</v>
      </c>
      <c r="AE6199">
        <v>36988.299619999998</v>
      </c>
      <c r="AF6199">
        <v>42043.180540000001</v>
      </c>
      <c r="AG6199">
        <v>15623.86139</v>
      </c>
      <c r="AH6199">
        <v>199523.8045</v>
      </c>
      <c r="AI6199">
        <v>64321.976920000001</v>
      </c>
      <c r="AJ6199">
        <v>16461.296030000001</v>
      </c>
      <c r="AK6199">
        <v>25065.735970000002</v>
      </c>
      <c r="AL6199">
        <v>52852.577469999997</v>
      </c>
      <c r="AM6199">
        <v>13398.01641</v>
      </c>
      <c r="AN6199">
        <v>71340.520260000005</v>
      </c>
      <c r="AO6199">
        <v>17609.024529999999</v>
      </c>
      <c r="AP6199">
        <v>11461.313410000001</v>
      </c>
    </row>
    <row r="6200" spans="2:42" x14ac:dyDescent="0.3">
      <c r="B6200">
        <v>39.389372829118315</v>
      </c>
      <c r="C6200" s="83">
        <v>43359.25</v>
      </c>
      <c r="D6200">
        <v>155594.81580000001</v>
      </c>
      <c r="E6200">
        <v>11669.67972</v>
      </c>
      <c r="F6200">
        <v>53588.918180000001</v>
      </c>
      <c r="G6200">
        <v>29208.044180000001</v>
      </c>
      <c r="H6200">
        <v>31277.41948</v>
      </c>
      <c r="I6200">
        <v>20892.010050000001</v>
      </c>
      <c r="J6200">
        <v>40828.694560000004</v>
      </c>
      <c r="K6200">
        <v>41003.071669999998</v>
      </c>
      <c r="L6200">
        <v>16165.77259</v>
      </c>
      <c r="M6200">
        <v>200825.3916</v>
      </c>
      <c r="N6200">
        <v>62785.603660000001</v>
      </c>
      <c r="O6200">
        <v>16803.256170000001</v>
      </c>
      <c r="P6200">
        <v>26048.841189999999</v>
      </c>
      <c r="Q6200">
        <v>52656.151749999997</v>
      </c>
      <c r="R6200">
        <v>13683.472379999999</v>
      </c>
      <c r="S6200">
        <v>75416.566449999998</v>
      </c>
      <c r="T6200">
        <v>18132.939859999999</v>
      </c>
      <c r="U6200">
        <v>11360.415230000001</v>
      </c>
      <c r="W6200" s="83">
        <f>Bühler!N6232</f>
        <v>45550.249999984968</v>
      </c>
      <c r="X6200" s="83">
        <v>43359.25</v>
      </c>
      <c r="Y6200">
        <v>155594.81580000001</v>
      </c>
      <c r="Z6200">
        <v>11669.67972</v>
      </c>
      <c r="AA6200">
        <v>53588.918180000001</v>
      </c>
      <c r="AB6200">
        <v>29208.044180000001</v>
      </c>
      <c r="AC6200">
        <v>31277.41948</v>
      </c>
      <c r="AD6200">
        <v>20892.010050000001</v>
      </c>
      <c r="AE6200">
        <v>40828.694560000004</v>
      </c>
      <c r="AF6200">
        <v>41003.071669999998</v>
      </c>
      <c r="AG6200">
        <v>16165.77259</v>
      </c>
      <c r="AH6200">
        <v>200825.3916</v>
      </c>
      <c r="AI6200">
        <v>62785.603660000001</v>
      </c>
      <c r="AJ6200">
        <v>16803.256170000001</v>
      </c>
      <c r="AK6200">
        <v>26048.841189999999</v>
      </c>
      <c r="AL6200">
        <v>52656.151749999997</v>
      </c>
      <c r="AM6200">
        <v>13683.472379999999</v>
      </c>
      <c r="AN6200">
        <v>75416.566449999998</v>
      </c>
      <c r="AO6200">
        <v>18132.939859999999</v>
      </c>
      <c r="AP6200">
        <v>11360.415230000001</v>
      </c>
    </row>
    <row r="6201" spans="2:42" x14ac:dyDescent="0.3">
      <c r="B6201">
        <v>39.548330218584802</v>
      </c>
      <c r="C6201" s="83">
        <v>43359.291666666664</v>
      </c>
      <c r="D6201">
        <v>154857.3953</v>
      </c>
      <c r="E6201">
        <v>11780.489079999999</v>
      </c>
      <c r="F6201">
        <v>55848.014669999997</v>
      </c>
      <c r="G6201">
        <v>29416.425080000001</v>
      </c>
      <c r="H6201">
        <v>31113.763449999999</v>
      </c>
      <c r="I6201">
        <v>22185.14673</v>
      </c>
      <c r="J6201">
        <v>40755.798069999997</v>
      </c>
      <c r="K6201">
        <v>41162.035170000003</v>
      </c>
      <c r="L6201">
        <v>17910.60629</v>
      </c>
      <c r="M6201">
        <v>201635.83050000001</v>
      </c>
      <c r="N6201">
        <v>63836.284269999996</v>
      </c>
      <c r="O6201">
        <v>16665.060160000001</v>
      </c>
      <c r="P6201">
        <v>28783.344300000001</v>
      </c>
      <c r="Q6201">
        <v>51200.611729999997</v>
      </c>
      <c r="R6201">
        <v>13953.82969</v>
      </c>
      <c r="S6201">
        <v>80701.741009999998</v>
      </c>
      <c r="T6201">
        <v>19237.98026</v>
      </c>
      <c r="U6201">
        <v>11214.86382</v>
      </c>
      <c r="W6201" s="83">
        <f>Bühler!N6233</f>
        <v>45550.291666651632</v>
      </c>
      <c r="X6201" s="83">
        <v>43359.291666666664</v>
      </c>
      <c r="Y6201">
        <v>154857.3953</v>
      </c>
      <c r="Z6201">
        <v>11780.489079999999</v>
      </c>
      <c r="AA6201">
        <v>55848.014669999997</v>
      </c>
      <c r="AB6201">
        <v>29416.425080000001</v>
      </c>
      <c r="AC6201">
        <v>31113.763449999999</v>
      </c>
      <c r="AD6201">
        <v>22185.14673</v>
      </c>
      <c r="AE6201">
        <v>40755.798069999997</v>
      </c>
      <c r="AF6201">
        <v>41162.035170000003</v>
      </c>
      <c r="AG6201">
        <v>17910.60629</v>
      </c>
      <c r="AH6201">
        <v>201635.83050000001</v>
      </c>
      <c r="AI6201">
        <v>63836.284269999996</v>
      </c>
      <c r="AJ6201">
        <v>16665.060160000001</v>
      </c>
      <c r="AK6201">
        <v>28783.344300000001</v>
      </c>
      <c r="AL6201">
        <v>51200.611729999997</v>
      </c>
      <c r="AM6201">
        <v>13953.82969</v>
      </c>
      <c r="AN6201">
        <v>80701.741009999998</v>
      </c>
      <c r="AO6201">
        <v>19237.98026</v>
      </c>
      <c r="AP6201">
        <v>11214.86382</v>
      </c>
    </row>
    <row r="6202" spans="2:42" x14ac:dyDescent="0.3">
      <c r="B6202">
        <v>39.029210424026182</v>
      </c>
      <c r="C6202" s="83">
        <v>43359.333333333336</v>
      </c>
      <c r="D6202">
        <v>154097.73800000001</v>
      </c>
      <c r="E6202">
        <v>12291.9462</v>
      </c>
      <c r="F6202">
        <v>56528.333460000002</v>
      </c>
      <c r="G6202">
        <v>29250.022730000001</v>
      </c>
      <c r="H6202">
        <v>30830.050220000001</v>
      </c>
      <c r="I6202">
        <v>22617.383549999999</v>
      </c>
      <c r="J6202">
        <v>41112.270380000002</v>
      </c>
      <c r="K6202">
        <v>41702.418980000002</v>
      </c>
      <c r="L6202">
        <v>19375.179250000001</v>
      </c>
      <c r="M6202">
        <v>198989.11569999999</v>
      </c>
      <c r="N6202">
        <v>64848.215620000003</v>
      </c>
      <c r="O6202">
        <v>17872.84446</v>
      </c>
      <c r="P6202">
        <v>32688.305540000001</v>
      </c>
      <c r="Q6202">
        <v>51107.831200000001</v>
      </c>
      <c r="R6202">
        <v>14180.91966</v>
      </c>
      <c r="S6202">
        <v>82682.947849999997</v>
      </c>
      <c r="T6202">
        <v>21451.833289999999</v>
      </c>
      <c r="U6202">
        <v>10804.92801</v>
      </c>
      <c r="W6202" s="83">
        <f>Bühler!N6234</f>
        <v>45550.333333318296</v>
      </c>
      <c r="X6202" s="83">
        <v>43359.333333333336</v>
      </c>
      <c r="Y6202">
        <v>154097.73800000001</v>
      </c>
      <c r="Z6202">
        <v>12291.9462</v>
      </c>
      <c r="AA6202">
        <v>56528.333460000002</v>
      </c>
      <c r="AB6202">
        <v>29250.022730000001</v>
      </c>
      <c r="AC6202">
        <v>30830.050220000001</v>
      </c>
      <c r="AD6202">
        <v>22617.383549999999</v>
      </c>
      <c r="AE6202">
        <v>41112.270380000002</v>
      </c>
      <c r="AF6202">
        <v>41702.418980000002</v>
      </c>
      <c r="AG6202">
        <v>19375.179250000001</v>
      </c>
      <c r="AH6202">
        <v>198989.11569999999</v>
      </c>
      <c r="AI6202">
        <v>64848.215620000003</v>
      </c>
      <c r="AJ6202">
        <v>17872.84446</v>
      </c>
      <c r="AK6202">
        <v>32688.305540000001</v>
      </c>
      <c r="AL6202">
        <v>51107.831200000001</v>
      </c>
      <c r="AM6202">
        <v>14180.91966</v>
      </c>
      <c r="AN6202">
        <v>82682.947849999997</v>
      </c>
      <c r="AO6202">
        <v>21451.833289999999</v>
      </c>
      <c r="AP6202">
        <v>10804.92801</v>
      </c>
    </row>
    <row r="6203" spans="2:42" x14ac:dyDescent="0.3">
      <c r="B6203">
        <v>39.261335502554424</v>
      </c>
      <c r="C6203" s="83">
        <v>43359.375</v>
      </c>
      <c r="D6203">
        <v>154170.89619999999</v>
      </c>
      <c r="E6203">
        <v>13209.86081</v>
      </c>
      <c r="F6203">
        <v>58582.96529</v>
      </c>
      <c r="G6203">
        <v>29663.13853</v>
      </c>
      <c r="H6203">
        <v>31398.51427</v>
      </c>
      <c r="I6203">
        <v>22590.70621</v>
      </c>
      <c r="J6203">
        <v>42052.06237</v>
      </c>
      <c r="K6203">
        <v>43432.137669999996</v>
      </c>
      <c r="L6203">
        <v>22799.062849999998</v>
      </c>
      <c r="M6203">
        <v>200172.59760000001</v>
      </c>
      <c r="N6203">
        <v>67529.804489999995</v>
      </c>
      <c r="O6203">
        <v>18256.984649999999</v>
      </c>
      <c r="P6203">
        <v>35459.694049999998</v>
      </c>
      <c r="Q6203">
        <v>51244.703459999997</v>
      </c>
      <c r="R6203">
        <v>14788.14558</v>
      </c>
      <c r="S6203">
        <v>85227.571030000006</v>
      </c>
      <c r="T6203">
        <v>23908.198039999999</v>
      </c>
      <c r="U6203">
        <v>11022.440049999999</v>
      </c>
      <c r="W6203" s="83">
        <f>Bühler!N6235</f>
        <v>45550.374999984961</v>
      </c>
      <c r="X6203" s="83">
        <v>43359.375</v>
      </c>
      <c r="Y6203">
        <v>154170.89619999999</v>
      </c>
      <c r="Z6203">
        <v>13209.86081</v>
      </c>
      <c r="AA6203">
        <v>58582.96529</v>
      </c>
      <c r="AB6203">
        <v>29663.13853</v>
      </c>
      <c r="AC6203">
        <v>31398.51427</v>
      </c>
      <c r="AD6203">
        <v>22590.70621</v>
      </c>
      <c r="AE6203">
        <v>42052.06237</v>
      </c>
      <c r="AF6203">
        <v>43432.137669999996</v>
      </c>
      <c r="AG6203">
        <v>22799.062849999998</v>
      </c>
      <c r="AH6203">
        <v>200172.59760000001</v>
      </c>
      <c r="AI6203">
        <v>67529.804489999995</v>
      </c>
      <c r="AJ6203">
        <v>18256.984649999999</v>
      </c>
      <c r="AK6203">
        <v>35459.694049999998</v>
      </c>
      <c r="AL6203">
        <v>51244.703459999997</v>
      </c>
      <c r="AM6203">
        <v>14788.14558</v>
      </c>
      <c r="AN6203">
        <v>85227.571030000006</v>
      </c>
      <c r="AO6203">
        <v>23908.198039999999</v>
      </c>
      <c r="AP6203">
        <v>11022.440049999999</v>
      </c>
    </row>
    <row r="6204" spans="2:42" x14ac:dyDescent="0.3">
      <c r="B6204">
        <v>39.379528300071023</v>
      </c>
      <c r="C6204" s="83">
        <v>43359.416666666664</v>
      </c>
      <c r="D6204">
        <v>154508.38</v>
      </c>
      <c r="E6204">
        <v>14153.03371</v>
      </c>
      <c r="F6204">
        <v>59697.447030000003</v>
      </c>
      <c r="G6204">
        <v>30152.958490000001</v>
      </c>
      <c r="H6204">
        <v>32233.549480000001</v>
      </c>
      <c r="I6204">
        <v>22667.605299999999</v>
      </c>
      <c r="J6204">
        <v>41443.493219999997</v>
      </c>
      <c r="K6204">
        <v>45112.945099999997</v>
      </c>
      <c r="L6204">
        <v>26179.401949999999</v>
      </c>
      <c r="M6204">
        <v>200775.19959999999</v>
      </c>
      <c r="N6204">
        <v>69101.809219999996</v>
      </c>
      <c r="O6204">
        <v>18306.8714</v>
      </c>
      <c r="P6204">
        <v>37019.074419999997</v>
      </c>
      <c r="Q6204">
        <v>52043.717360000002</v>
      </c>
      <c r="R6204">
        <v>15737.35749</v>
      </c>
      <c r="S6204">
        <v>85568.163620000007</v>
      </c>
      <c r="T6204">
        <v>25821.836469999998</v>
      </c>
      <c r="U6204">
        <v>11074.05242</v>
      </c>
      <c r="W6204" s="83">
        <f>Bühler!N6236</f>
        <v>45550.416666651625</v>
      </c>
      <c r="X6204" s="83">
        <v>43359.416666666664</v>
      </c>
      <c r="Y6204">
        <v>154508.38</v>
      </c>
      <c r="Z6204">
        <v>14153.03371</v>
      </c>
      <c r="AA6204">
        <v>59697.447030000003</v>
      </c>
      <c r="AB6204">
        <v>30152.958490000001</v>
      </c>
      <c r="AC6204">
        <v>32233.549480000001</v>
      </c>
      <c r="AD6204">
        <v>22667.605299999999</v>
      </c>
      <c r="AE6204">
        <v>41443.493219999997</v>
      </c>
      <c r="AF6204">
        <v>45112.945099999997</v>
      </c>
      <c r="AG6204">
        <v>26179.401949999999</v>
      </c>
      <c r="AH6204">
        <v>200775.19959999999</v>
      </c>
      <c r="AI6204">
        <v>69101.809219999996</v>
      </c>
      <c r="AJ6204">
        <v>18306.8714</v>
      </c>
      <c r="AK6204">
        <v>37019.074419999997</v>
      </c>
      <c r="AL6204">
        <v>52043.717360000002</v>
      </c>
      <c r="AM6204">
        <v>15737.35749</v>
      </c>
      <c r="AN6204">
        <v>85568.163620000007</v>
      </c>
      <c r="AO6204">
        <v>25821.836469999998</v>
      </c>
      <c r="AP6204">
        <v>11074.05242</v>
      </c>
    </row>
    <row r="6205" spans="2:42" x14ac:dyDescent="0.3">
      <c r="B6205">
        <v>39.848548675928363</v>
      </c>
      <c r="C6205" s="83">
        <v>43359.458333333336</v>
      </c>
      <c r="D6205">
        <v>154471.61550000001</v>
      </c>
      <c r="E6205">
        <v>14447.55596</v>
      </c>
      <c r="F6205">
        <v>59995.076209999999</v>
      </c>
      <c r="G6205">
        <v>30813.576150000001</v>
      </c>
      <c r="H6205">
        <v>32633.957139999999</v>
      </c>
      <c r="I6205">
        <v>23050.92283</v>
      </c>
      <c r="J6205">
        <v>40716.081879999998</v>
      </c>
      <c r="K6205">
        <v>45792.358719999997</v>
      </c>
      <c r="L6205">
        <v>27718.36681</v>
      </c>
      <c r="M6205">
        <v>203166.48420000001</v>
      </c>
      <c r="N6205">
        <v>69436.050799999997</v>
      </c>
      <c r="O6205">
        <v>18597.07605</v>
      </c>
      <c r="P6205">
        <v>36880.886489999997</v>
      </c>
      <c r="Q6205">
        <v>51768.848689999999</v>
      </c>
      <c r="R6205">
        <v>16584.575929999999</v>
      </c>
      <c r="S6205">
        <v>89558.315730000002</v>
      </c>
      <c r="T6205">
        <v>26700.4532</v>
      </c>
      <c r="U6205">
        <v>11399.502549999999</v>
      </c>
      <c r="W6205" s="83">
        <f>Bühler!N6237</f>
        <v>45550.458333318289</v>
      </c>
      <c r="X6205" s="83">
        <v>43359.458333333336</v>
      </c>
      <c r="Y6205">
        <v>154471.61550000001</v>
      </c>
      <c r="Z6205">
        <v>14447.55596</v>
      </c>
      <c r="AA6205">
        <v>59995.076209999999</v>
      </c>
      <c r="AB6205">
        <v>30813.576150000001</v>
      </c>
      <c r="AC6205">
        <v>32633.957139999999</v>
      </c>
      <c r="AD6205">
        <v>23050.92283</v>
      </c>
      <c r="AE6205">
        <v>40716.081879999998</v>
      </c>
      <c r="AF6205">
        <v>45792.358719999997</v>
      </c>
      <c r="AG6205">
        <v>27718.36681</v>
      </c>
      <c r="AH6205">
        <v>203166.48420000001</v>
      </c>
      <c r="AI6205">
        <v>69436.050799999997</v>
      </c>
      <c r="AJ6205">
        <v>18597.07605</v>
      </c>
      <c r="AK6205">
        <v>36880.886489999997</v>
      </c>
      <c r="AL6205">
        <v>51768.848689999999</v>
      </c>
      <c r="AM6205">
        <v>16584.575929999999</v>
      </c>
      <c r="AN6205">
        <v>89558.315730000002</v>
      </c>
      <c r="AO6205">
        <v>26700.4532</v>
      </c>
      <c r="AP6205">
        <v>11399.502549999999</v>
      </c>
    </row>
    <row r="6206" spans="2:42" x14ac:dyDescent="0.3">
      <c r="B6206">
        <v>39.456522924271965</v>
      </c>
      <c r="C6206" s="83">
        <v>43359.5</v>
      </c>
      <c r="D6206">
        <v>155112.26939999999</v>
      </c>
      <c r="E6206">
        <v>14544.969370000001</v>
      </c>
      <c r="F6206">
        <v>57229.011760000001</v>
      </c>
      <c r="G6206">
        <v>31244.712469999999</v>
      </c>
      <c r="H6206">
        <v>32639.3986</v>
      </c>
      <c r="I6206">
        <v>23030.068660000001</v>
      </c>
      <c r="J6206">
        <v>41361.04088</v>
      </c>
      <c r="K6206">
        <v>46941.480259999997</v>
      </c>
      <c r="L6206">
        <v>29675.002049999999</v>
      </c>
      <c r="M6206">
        <v>201167.75409999999</v>
      </c>
      <c r="N6206">
        <v>69818.758679999999</v>
      </c>
      <c r="O6206">
        <v>18754.95981</v>
      </c>
      <c r="P6206">
        <v>36728.74667</v>
      </c>
      <c r="Q6206">
        <v>51105.815199999997</v>
      </c>
      <c r="R6206">
        <v>17281.298169999998</v>
      </c>
      <c r="S6206">
        <v>86260.946330000006</v>
      </c>
      <c r="T6206">
        <v>26810.28397</v>
      </c>
      <c r="U6206">
        <v>11252.328799999999</v>
      </c>
      <c r="W6206" s="83">
        <f>Bühler!N6238</f>
        <v>45550.499999984953</v>
      </c>
      <c r="X6206" s="83">
        <v>43359.5</v>
      </c>
      <c r="Y6206">
        <v>155112.26939999999</v>
      </c>
      <c r="Z6206">
        <v>14544.969370000001</v>
      </c>
      <c r="AA6206">
        <v>57229.011760000001</v>
      </c>
      <c r="AB6206">
        <v>31244.712469999999</v>
      </c>
      <c r="AC6206">
        <v>32639.3986</v>
      </c>
      <c r="AD6206">
        <v>23030.068660000001</v>
      </c>
      <c r="AE6206">
        <v>41361.04088</v>
      </c>
      <c r="AF6206">
        <v>46941.480259999997</v>
      </c>
      <c r="AG6206">
        <v>29675.002049999999</v>
      </c>
      <c r="AH6206">
        <v>201167.75409999999</v>
      </c>
      <c r="AI6206">
        <v>69818.758679999999</v>
      </c>
      <c r="AJ6206">
        <v>18754.95981</v>
      </c>
      <c r="AK6206">
        <v>36728.74667</v>
      </c>
      <c r="AL6206">
        <v>51105.815199999997</v>
      </c>
      <c r="AM6206">
        <v>17281.298169999998</v>
      </c>
      <c r="AN6206">
        <v>86260.946330000006</v>
      </c>
      <c r="AO6206">
        <v>26810.28397</v>
      </c>
      <c r="AP6206">
        <v>11252.328799999999</v>
      </c>
    </row>
    <row r="6207" spans="2:42" x14ac:dyDescent="0.3">
      <c r="B6207">
        <v>39.53027414175196</v>
      </c>
      <c r="C6207" s="83">
        <v>43359.541666666664</v>
      </c>
      <c r="D6207">
        <v>155767.26319999999</v>
      </c>
      <c r="E6207">
        <v>14646.835129999999</v>
      </c>
      <c r="F6207">
        <v>50856.395100000002</v>
      </c>
      <c r="G6207">
        <v>31068.575250000002</v>
      </c>
      <c r="H6207">
        <v>32319.70607</v>
      </c>
      <c r="I6207">
        <v>23207.43677</v>
      </c>
      <c r="J6207">
        <v>40386.798669999996</v>
      </c>
      <c r="K6207">
        <v>46820.240149999998</v>
      </c>
      <c r="L6207">
        <v>30116.148659999999</v>
      </c>
      <c r="M6207">
        <v>201543.77220000001</v>
      </c>
      <c r="N6207">
        <v>69295.744879999998</v>
      </c>
      <c r="O6207">
        <v>17990.7624</v>
      </c>
      <c r="P6207">
        <v>35630.487800000003</v>
      </c>
      <c r="Q6207">
        <v>50389.740389999999</v>
      </c>
      <c r="R6207">
        <v>17597.35367</v>
      </c>
      <c r="S6207">
        <v>87267.298299999995</v>
      </c>
      <c r="T6207">
        <v>26082.177629999998</v>
      </c>
      <c r="U6207">
        <v>11191.2988</v>
      </c>
      <c r="W6207" s="83">
        <f>Bühler!N6239</f>
        <v>45550.541666651618</v>
      </c>
      <c r="X6207" s="83">
        <v>43359.541666666664</v>
      </c>
      <c r="Y6207">
        <v>155767.26319999999</v>
      </c>
      <c r="Z6207">
        <v>14646.835129999999</v>
      </c>
      <c r="AA6207">
        <v>50856.395100000002</v>
      </c>
      <c r="AB6207">
        <v>31068.575250000002</v>
      </c>
      <c r="AC6207">
        <v>32319.70607</v>
      </c>
      <c r="AD6207">
        <v>23207.43677</v>
      </c>
      <c r="AE6207">
        <v>40386.798669999996</v>
      </c>
      <c r="AF6207">
        <v>46820.240149999998</v>
      </c>
      <c r="AG6207">
        <v>30116.148659999999</v>
      </c>
      <c r="AH6207">
        <v>201543.77220000001</v>
      </c>
      <c r="AI6207">
        <v>69295.744879999998</v>
      </c>
      <c r="AJ6207">
        <v>17990.7624</v>
      </c>
      <c r="AK6207">
        <v>35630.487800000003</v>
      </c>
      <c r="AL6207">
        <v>50389.740389999999</v>
      </c>
      <c r="AM6207">
        <v>17597.35367</v>
      </c>
      <c r="AN6207">
        <v>87267.298299999995</v>
      </c>
      <c r="AO6207">
        <v>26082.177629999998</v>
      </c>
      <c r="AP6207">
        <v>11191.2988</v>
      </c>
    </row>
    <row r="6208" spans="2:42" x14ac:dyDescent="0.3">
      <c r="B6208">
        <v>39.422358022845316</v>
      </c>
      <c r="C6208" s="83">
        <v>43359.583333333336</v>
      </c>
      <c r="D6208">
        <v>156489.03630000001</v>
      </c>
      <c r="E6208">
        <v>14868.97193</v>
      </c>
      <c r="F6208">
        <v>51323.467879999997</v>
      </c>
      <c r="G6208">
        <v>30806.800490000001</v>
      </c>
      <c r="H6208">
        <v>32359.35024</v>
      </c>
      <c r="I6208">
        <v>23268.881809999999</v>
      </c>
      <c r="J6208">
        <v>39702.468820000002</v>
      </c>
      <c r="K6208">
        <v>44738.488960000002</v>
      </c>
      <c r="L6208">
        <v>28778.606059999998</v>
      </c>
      <c r="M6208">
        <v>200993.5655</v>
      </c>
      <c r="N6208">
        <v>69448.479170000006</v>
      </c>
      <c r="O6208">
        <v>17511.330259999999</v>
      </c>
      <c r="P6208">
        <v>32837.892659999998</v>
      </c>
      <c r="Q6208">
        <v>50493.511489999997</v>
      </c>
      <c r="R6208">
        <v>16956.338749999999</v>
      </c>
      <c r="S6208">
        <v>84389.996849999996</v>
      </c>
      <c r="T6208">
        <v>26083.110140000001</v>
      </c>
      <c r="U6208">
        <v>10873.259400000001</v>
      </c>
      <c r="W6208" s="83">
        <f>Bühler!N6240</f>
        <v>45550.583333318282</v>
      </c>
      <c r="X6208" s="83">
        <v>43359.583333333336</v>
      </c>
      <c r="Y6208">
        <v>156489.03630000001</v>
      </c>
      <c r="Z6208">
        <v>14868.97193</v>
      </c>
      <c r="AA6208">
        <v>51323.467879999997</v>
      </c>
      <c r="AB6208">
        <v>30806.800490000001</v>
      </c>
      <c r="AC6208">
        <v>32359.35024</v>
      </c>
      <c r="AD6208">
        <v>23268.881809999999</v>
      </c>
      <c r="AE6208">
        <v>39702.468820000002</v>
      </c>
      <c r="AF6208">
        <v>44738.488960000002</v>
      </c>
      <c r="AG6208">
        <v>28778.606059999998</v>
      </c>
      <c r="AH6208">
        <v>200993.5655</v>
      </c>
      <c r="AI6208">
        <v>69448.479170000006</v>
      </c>
      <c r="AJ6208">
        <v>17511.330259999999</v>
      </c>
      <c r="AK6208">
        <v>32837.892659999998</v>
      </c>
      <c r="AL6208">
        <v>50493.511489999997</v>
      </c>
      <c r="AM6208">
        <v>16956.338749999999</v>
      </c>
      <c r="AN6208">
        <v>84389.996849999996</v>
      </c>
      <c r="AO6208">
        <v>26083.110140000001</v>
      </c>
      <c r="AP6208">
        <v>10873.259400000001</v>
      </c>
    </row>
    <row r="6209" spans="2:42" x14ac:dyDescent="0.3">
      <c r="B6209">
        <v>39.255767239846406</v>
      </c>
      <c r="C6209" s="83">
        <v>43359.625</v>
      </c>
      <c r="D6209">
        <v>156806.5828</v>
      </c>
      <c r="E6209">
        <v>14733.77003</v>
      </c>
      <c r="F6209">
        <v>51397.725299999998</v>
      </c>
      <c r="G6209">
        <v>30756.826420000001</v>
      </c>
      <c r="H6209">
        <v>32205.993989999999</v>
      </c>
      <c r="I6209">
        <v>23647.146639999999</v>
      </c>
      <c r="J6209">
        <v>39148.07892</v>
      </c>
      <c r="K6209">
        <v>44644.481079999998</v>
      </c>
      <c r="L6209">
        <v>27327.083729999998</v>
      </c>
      <c r="M6209">
        <v>200144.20800000001</v>
      </c>
      <c r="N6209">
        <v>69518.089000000007</v>
      </c>
      <c r="O6209">
        <v>17312.746060000001</v>
      </c>
      <c r="P6209">
        <v>30796.74538</v>
      </c>
      <c r="Q6209">
        <v>51442.463129999996</v>
      </c>
      <c r="R6209">
        <v>16899.122899999998</v>
      </c>
      <c r="S6209">
        <v>84156.357690000004</v>
      </c>
      <c r="T6209">
        <v>26291.06697</v>
      </c>
      <c r="U6209">
        <v>10666.747960000001</v>
      </c>
      <c r="W6209" s="83">
        <f>Bühler!N6241</f>
        <v>45550.624999984946</v>
      </c>
      <c r="X6209" s="83">
        <v>43359.625</v>
      </c>
      <c r="Y6209">
        <v>156806.5828</v>
      </c>
      <c r="Z6209">
        <v>14733.77003</v>
      </c>
      <c r="AA6209">
        <v>51397.725299999998</v>
      </c>
      <c r="AB6209">
        <v>30756.826420000001</v>
      </c>
      <c r="AC6209">
        <v>32205.993989999999</v>
      </c>
      <c r="AD6209">
        <v>23647.146639999999</v>
      </c>
      <c r="AE6209">
        <v>39148.07892</v>
      </c>
      <c r="AF6209">
        <v>44644.481079999998</v>
      </c>
      <c r="AG6209">
        <v>27327.083729999998</v>
      </c>
      <c r="AH6209">
        <v>200144.20800000001</v>
      </c>
      <c r="AI6209">
        <v>69518.089000000007</v>
      </c>
      <c r="AJ6209">
        <v>17312.746060000001</v>
      </c>
      <c r="AK6209">
        <v>30796.74538</v>
      </c>
      <c r="AL6209">
        <v>51442.463129999996</v>
      </c>
      <c r="AM6209">
        <v>16899.122899999998</v>
      </c>
      <c r="AN6209">
        <v>84156.357690000004</v>
      </c>
      <c r="AO6209">
        <v>26291.06697</v>
      </c>
      <c r="AP6209">
        <v>10666.747960000001</v>
      </c>
    </row>
    <row r="6210" spans="2:42" x14ac:dyDescent="0.3">
      <c r="B6210">
        <v>39.449432301803299</v>
      </c>
      <c r="C6210" s="83">
        <v>43359.666666666664</v>
      </c>
      <c r="D6210">
        <v>156876.0197</v>
      </c>
      <c r="E6210">
        <v>14803.564469999999</v>
      </c>
      <c r="F6210">
        <v>51152.216379999998</v>
      </c>
      <c r="G6210">
        <v>30482.337589999999</v>
      </c>
      <c r="H6210">
        <v>32138.646100000002</v>
      </c>
      <c r="I6210">
        <v>23552.8711</v>
      </c>
      <c r="J6210">
        <v>38856.11348</v>
      </c>
      <c r="K6210">
        <v>45216.04881</v>
      </c>
      <c r="L6210">
        <v>25924.135590000002</v>
      </c>
      <c r="M6210">
        <v>201131.60279999999</v>
      </c>
      <c r="N6210">
        <v>69233.277719999998</v>
      </c>
      <c r="O6210">
        <v>17373.067950000001</v>
      </c>
      <c r="P6210">
        <v>29793.34792</v>
      </c>
      <c r="Q6210">
        <v>51764.157460000002</v>
      </c>
      <c r="R6210">
        <v>16813.41416</v>
      </c>
      <c r="S6210">
        <v>84279.811560000002</v>
      </c>
      <c r="T6210">
        <v>25986.05428</v>
      </c>
      <c r="U6210">
        <v>10684.931039999999</v>
      </c>
      <c r="W6210" s="83">
        <f>Bühler!N6242</f>
        <v>45550.66666665161</v>
      </c>
      <c r="X6210" s="83">
        <v>43359.666666666664</v>
      </c>
      <c r="Y6210">
        <v>156876.0197</v>
      </c>
      <c r="Z6210">
        <v>14803.564469999999</v>
      </c>
      <c r="AA6210">
        <v>51152.216379999998</v>
      </c>
      <c r="AB6210">
        <v>30482.337589999999</v>
      </c>
      <c r="AC6210">
        <v>32138.646100000002</v>
      </c>
      <c r="AD6210">
        <v>23552.8711</v>
      </c>
      <c r="AE6210">
        <v>38856.11348</v>
      </c>
      <c r="AF6210">
        <v>45216.04881</v>
      </c>
      <c r="AG6210">
        <v>25924.135590000002</v>
      </c>
      <c r="AH6210">
        <v>201131.60279999999</v>
      </c>
      <c r="AI6210">
        <v>69233.277719999998</v>
      </c>
      <c r="AJ6210">
        <v>17373.067950000001</v>
      </c>
      <c r="AK6210">
        <v>29793.34792</v>
      </c>
      <c r="AL6210">
        <v>51764.157460000002</v>
      </c>
      <c r="AM6210">
        <v>16813.41416</v>
      </c>
      <c r="AN6210">
        <v>84279.811560000002</v>
      </c>
      <c r="AO6210">
        <v>25986.05428</v>
      </c>
      <c r="AP6210">
        <v>10684.931039999999</v>
      </c>
    </row>
    <row r="6211" spans="2:42" x14ac:dyDescent="0.3">
      <c r="B6211">
        <v>39.225958805347304</v>
      </c>
      <c r="C6211" s="83">
        <v>43359.708333333336</v>
      </c>
      <c r="D6211">
        <v>158718.84570000001</v>
      </c>
      <c r="E6211">
        <v>14601.100640000001</v>
      </c>
      <c r="F6211">
        <v>50724.7448</v>
      </c>
      <c r="G6211">
        <v>30350.39098</v>
      </c>
      <c r="H6211">
        <v>31864.99307</v>
      </c>
      <c r="I6211">
        <v>24137.131890000001</v>
      </c>
      <c r="J6211">
        <v>39545.659370000001</v>
      </c>
      <c r="K6211">
        <v>43660.888740000002</v>
      </c>
      <c r="L6211">
        <v>25505.973000000002</v>
      </c>
      <c r="M6211">
        <v>199992.23069999999</v>
      </c>
      <c r="N6211">
        <v>68836.403059999997</v>
      </c>
      <c r="O6211">
        <v>17382.936529999999</v>
      </c>
      <c r="P6211">
        <v>29445.329590000001</v>
      </c>
      <c r="Q6211">
        <v>51810.746760000002</v>
      </c>
      <c r="R6211">
        <v>17621.063470000001</v>
      </c>
      <c r="S6211">
        <v>85615.919160000005</v>
      </c>
      <c r="T6211">
        <v>25426.158579999999</v>
      </c>
      <c r="U6211">
        <v>10987.89928</v>
      </c>
      <c r="W6211" s="83">
        <f>Bühler!N6243</f>
        <v>45550.708333318275</v>
      </c>
      <c r="X6211" s="83">
        <v>43359.708333333336</v>
      </c>
      <c r="Y6211">
        <v>158718.84570000001</v>
      </c>
      <c r="Z6211">
        <v>14601.100640000001</v>
      </c>
      <c r="AA6211">
        <v>50724.7448</v>
      </c>
      <c r="AB6211">
        <v>30350.39098</v>
      </c>
      <c r="AC6211">
        <v>31864.99307</v>
      </c>
      <c r="AD6211">
        <v>24137.131890000001</v>
      </c>
      <c r="AE6211">
        <v>39545.659370000001</v>
      </c>
      <c r="AF6211">
        <v>43660.888740000002</v>
      </c>
      <c r="AG6211">
        <v>25505.973000000002</v>
      </c>
      <c r="AH6211">
        <v>199992.23069999999</v>
      </c>
      <c r="AI6211">
        <v>68836.403059999997</v>
      </c>
      <c r="AJ6211">
        <v>17382.936529999999</v>
      </c>
      <c r="AK6211">
        <v>29445.329590000001</v>
      </c>
      <c r="AL6211">
        <v>51810.746760000002</v>
      </c>
      <c r="AM6211">
        <v>17621.063470000001</v>
      </c>
      <c r="AN6211">
        <v>85615.919160000005</v>
      </c>
      <c r="AO6211">
        <v>25426.158579999999</v>
      </c>
      <c r="AP6211">
        <v>10987.89928</v>
      </c>
    </row>
    <row r="6212" spans="2:42" x14ac:dyDescent="0.3">
      <c r="B6212">
        <v>38.989935986073696</v>
      </c>
      <c r="C6212" s="83">
        <v>43359.75</v>
      </c>
      <c r="D6212">
        <v>158896.31510000001</v>
      </c>
      <c r="E6212">
        <v>13844.97429</v>
      </c>
      <c r="F6212">
        <v>50910.494619999998</v>
      </c>
      <c r="G6212">
        <v>30471.375260000001</v>
      </c>
      <c r="H6212">
        <v>32046.178090000001</v>
      </c>
      <c r="I6212">
        <v>24279.31798</v>
      </c>
      <c r="J6212">
        <v>40397.708509999997</v>
      </c>
      <c r="K6212">
        <v>44300.221100000002</v>
      </c>
      <c r="L6212">
        <v>25244.84549</v>
      </c>
      <c r="M6212">
        <v>198788.8763</v>
      </c>
      <c r="N6212">
        <v>69106.360799999995</v>
      </c>
      <c r="O6212">
        <v>16793.878229999998</v>
      </c>
      <c r="P6212">
        <v>31834.212299999999</v>
      </c>
      <c r="Q6212">
        <v>52209.068480000002</v>
      </c>
      <c r="R6212">
        <v>17640.94713</v>
      </c>
      <c r="S6212">
        <v>82766.592610000007</v>
      </c>
      <c r="T6212">
        <v>24631.50157</v>
      </c>
      <c r="U6212">
        <v>11190.47928</v>
      </c>
      <c r="W6212" s="83">
        <f>Bühler!N6244</f>
        <v>45550.749999984939</v>
      </c>
      <c r="X6212" s="83">
        <v>43359.75</v>
      </c>
      <c r="Y6212">
        <v>158896.31510000001</v>
      </c>
      <c r="Z6212">
        <v>13844.97429</v>
      </c>
      <c r="AA6212">
        <v>50910.494619999998</v>
      </c>
      <c r="AB6212">
        <v>30471.375260000001</v>
      </c>
      <c r="AC6212">
        <v>32046.178090000001</v>
      </c>
      <c r="AD6212">
        <v>24279.31798</v>
      </c>
      <c r="AE6212">
        <v>40397.708509999997</v>
      </c>
      <c r="AF6212">
        <v>44300.221100000002</v>
      </c>
      <c r="AG6212">
        <v>25244.84549</v>
      </c>
      <c r="AH6212">
        <v>198788.8763</v>
      </c>
      <c r="AI6212">
        <v>69106.360799999995</v>
      </c>
      <c r="AJ6212">
        <v>16793.878229999998</v>
      </c>
      <c r="AK6212">
        <v>31834.212299999999</v>
      </c>
      <c r="AL6212">
        <v>52209.068480000002</v>
      </c>
      <c r="AM6212">
        <v>17640.94713</v>
      </c>
      <c r="AN6212">
        <v>82766.592610000007</v>
      </c>
      <c r="AO6212">
        <v>24631.50157</v>
      </c>
      <c r="AP6212">
        <v>11190.47928</v>
      </c>
    </row>
    <row r="6213" spans="2:42" x14ac:dyDescent="0.3">
      <c r="B6213">
        <v>39.357034555421535</v>
      </c>
      <c r="C6213" s="83">
        <v>43359.791666666664</v>
      </c>
      <c r="D6213">
        <v>159830.6085</v>
      </c>
      <c r="E6213">
        <v>12966.792229999999</v>
      </c>
      <c r="F6213">
        <v>51134.373619999998</v>
      </c>
      <c r="G6213">
        <v>30896.517919999998</v>
      </c>
      <c r="H6213">
        <v>31867.45494</v>
      </c>
      <c r="I6213">
        <v>24726.593280000001</v>
      </c>
      <c r="J6213">
        <v>40685.984649999999</v>
      </c>
      <c r="K6213">
        <v>45471.761469999998</v>
      </c>
      <c r="L6213">
        <v>26557.47279</v>
      </c>
      <c r="M6213">
        <v>200660.516</v>
      </c>
      <c r="N6213">
        <v>68930.623139999996</v>
      </c>
      <c r="O6213">
        <v>17651.136989999999</v>
      </c>
      <c r="P6213">
        <v>32892.71327</v>
      </c>
      <c r="Q6213">
        <v>53039.247430000003</v>
      </c>
      <c r="R6213">
        <v>18035.064829999999</v>
      </c>
      <c r="S6213">
        <v>81590.103149999995</v>
      </c>
      <c r="T6213">
        <v>24087.27995</v>
      </c>
      <c r="U6213">
        <v>11730.74756</v>
      </c>
      <c r="W6213" s="83">
        <f>Bühler!N6245</f>
        <v>45550.791666651603</v>
      </c>
      <c r="X6213" s="83">
        <v>43359.791666666664</v>
      </c>
      <c r="Y6213">
        <v>159830.6085</v>
      </c>
      <c r="Z6213">
        <v>12966.792229999999</v>
      </c>
      <c r="AA6213">
        <v>51134.373619999998</v>
      </c>
      <c r="AB6213">
        <v>30896.517919999998</v>
      </c>
      <c r="AC6213">
        <v>31867.45494</v>
      </c>
      <c r="AD6213">
        <v>24726.593280000001</v>
      </c>
      <c r="AE6213">
        <v>40685.984649999999</v>
      </c>
      <c r="AF6213">
        <v>45471.761469999998</v>
      </c>
      <c r="AG6213">
        <v>26557.47279</v>
      </c>
      <c r="AH6213">
        <v>200660.516</v>
      </c>
      <c r="AI6213">
        <v>68930.623139999996</v>
      </c>
      <c r="AJ6213">
        <v>17651.136989999999</v>
      </c>
      <c r="AK6213">
        <v>32892.71327</v>
      </c>
      <c r="AL6213">
        <v>53039.247430000003</v>
      </c>
      <c r="AM6213">
        <v>18035.064829999999</v>
      </c>
      <c r="AN6213">
        <v>81590.103149999995</v>
      </c>
      <c r="AO6213">
        <v>24087.27995</v>
      </c>
      <c r="AP6213">
        <v>11730.74756</v>
      </c>
    </row>
    <row r="6214" spans="2:42" x14ac:dyDescent="0.3">
      <c r="B6214">
        <v>39.473199880497077</v>
      </c>
      <c r="C6214" s="83">
        <v>43359.833333333336</v>
      </c>
      <c r="D6214">
        <v>162139.24669999999</v>
      </c>
      <c r="E6214">
        <v>12411.330900000001</v>
      </c>
      <c r="F6214">
        <v>51290.995860000003</v>
      </c>
      <c r="G6214">
        <v>31515.777839999999</v>
      </c>
      <c r="H6214">
        <v>32513.32188</v>
      </c>
      <c r="I6214">
        <v>24716.247360000001</v>
      </c>
      <c r="J6214">
        <v>42900.186229999999</v>
      </c>
      <c r="K6214">
        <v>45233.84607</v>
      </c>
      <c r="L6214">
        <v>26531.017479999999</v>
      </c>
      <c r="M6214">
        <v>201252.78099999999</v>
      </c>
      <c r="N6214">
        <v>70043.979990000007</v>
      </c>
      <c r="O6214">
        <v>17665.42267</v>
      </c>
      <c r="P6214">
        <v>33381.967279999997</v>
      </c>
      <c r="Q6214">
        <v>53789.315999999999</v>
      </c>
      <c r="R6214">
        <v>17629.414580000001</v>
      </c>
      <c r="S6214">
        <v>77943.649220000007</v>
      </c>
      <c r="T6214">
        <v>22095.89374</v>
      </c>
      <c r="U6214">
        <v>11825.15122</v>
      </c>
      <c r="W6214" s="83">
        <f>Bühler!N6246</f>
        <v>45550.833333318267</v>
      </c>
      <c r="X6214" s="83">
        <v>43359.833333333336</v>
      </c>
      <c r="Y6214">
        <v>162139.24669999999</v>
      </c>
      <c r="Z6214">
        <v>12411.330900000001</v>
      </c>
      <c r="AA6214">
        <v>51290.995860000003</v>
      </c>
      <c r="AB6214">
        <v>31515.777839999999</v>
      </c>
      <c r="AC6214">
        <v>32513.32188</v>
      </c>
      <c r="AD6214">
        <v>24716.247360000001</v>
      </c>
      <c r="AE6214">
        <v>42900.186229999999</v>
      </c>
      <c r="AF6214">
        <v>45233.84607</v>
      </c>
      <c r="AG6214">
        <v>26531.017479999999</v>
      </c>
      <c r="AH6214">
        <v>201252.78099999999</v>
      </c>
      <c r="AI6214">
        <v>70043.979990000007</v>
      </c>
      <c r="AJ6214">
        <v>17665.42267</v>
      </c>
      <c r="AK6214">
        <v>33381.967279999997</v>
      </c>
      <c r="AL6214">
        <v>53789.315999999999</v>
      </c>
      <c r="AM6214">
        <v>17629.414580000001</v>
      </c>
      <c r="AN6214">
        <v>77943.649220000007</v>
      </c>
      <c r="AO6214">
        <v>22095.89374</v>
      </c>
      <c r="AP6214">
        <v>11825.15122</v>
      </c>
    </row>
    <row r="6215" spans="2:42" x14ac:dyDescent="0.3">
      <c r="B6215">
        <v>40.114858642285661</v>
      </c>
      <c r="C6215" s="83">
        <v>43359.875</v>
      </c>
      <c r="D6215">
        <v>164255.87210000001</v>
      </c>
      <c r="E6215">
        <v>12082.38334</v>
      </c>
      <c r="F6215">
        <v>50630.772879999997</v>
      </c>
      <c r="G6215">
        <v>31272.583429999999</v>
      </c>
      <c r="H6215">
        <v>32770.496220000001</v>
      </c>
      <c r="I6215">
        <v>23889.874670000001</v>
      </c>
      <c r="J6215">
        <v>41166.122430000003</v>
      </c>
      <c r="K6215">
        <v>46447.733240000001</v>
      </c>
      <c r="L6215">
        <v>24538.9234</v>
      </c>
      <c r="M6215">
        <v>204524.25659999999</v>
      </c>
      <c r="N6215">
        <v>70217.197159999996</v>
      </c>
      <c r="O6215">
        <v>16419.39892</v>
      </c>
      <c r="P6215">
        <v>32337.771720000001</v>
      </c>
      <c r="Q6215">
        <v>55512.455000000002</v>
      </c>
      <c r="R6215">
        <v>17287.102719999999</v>
      </c>
      <c r="S6215">
        <v>75265.733600000007</v>
      </c>
      <c r="T6215">
        <v>21049.344939999999</v>
      </c>
      <c r="U6215">
        <v>11635.4563</v>
      </c>
      <c r="W6215" s="83">
        <f>Bühler!N6247</f>
        <v>45550.874999984931</v>
      </c>
      <c r="X6215" s="83">
        <v>43359.875</v>
      </c>
      <c r="Y6215">
        <v>164255.87210000001</v>
      </c>
      <c r="Z6215">
        <v>12082.38334</v>
      </c>
      <c r="AA6215">
        <v>50630.772879999997</v>
      </c>
      <c r="AB6215">
        <v>31272.583429999999</v>
      </c>
      <c r="AC6215">
        <v>32770.496220000001</v>
      </c>
      <c r="AD6215">
        <v>23889.874670000001</v>
      </c>
      <c r="AE6215">
        <v>41166.122430000003</v>
      </c>
      <c r="AF6215">
        <v>46447.733240000001</v>
      </c>
      <c r="AG6215">
        <v>24538.9234</v>
      </c>
      <c r="AH6215">
        <v>204524.25659999999</v>
      </c>
      <c r="AI6215">
        <v>70217.197159999996</v>
      </c>
      <c r="AJ6215">
        <v>16419.39892</v>
      </c>
      <c r="AK6215">
        <v>32337.771720000001</v>
      </c>
      <c r="AL6215">
        <v>55512.455000000002</v>
      </c>
      <c r="AM6215">
        <v>17287.102719999999</v>
      </c>
      <c r="AN6215">
        <v>75265.733600000007</v>
      </c>
      <c r="AO6215">
        <v>21049.344939999999</v>
      </c>
      <c r="AP6215">
        <v>11635.4563</v>
      </c>
    </row>
    <row r="6216" spans="2:42" x14ac:dyDescent="0.3">
      <c r="B6216">
        <v>40.145717588770268</v>
      </c>
      <c r="C6216" s="83">
        <v>43359.916666666664</v>
      </c>
      <c r="D6216">
        <v>165430.7317</v>
      </c>
      <c r="E6216">
        <v>12036.42144</v>
      </c>
      <c r="F6216">
        <v>50415.293859999998</v>
      </c>
      <c r="G6216">
        <v>31482.77838</v>
      </c>
      <c r="H6216">
        <v>32947.22363</v>
      </c>
      <c r="I6216">
        <v>23789.584210000001</v>
      </c>
      <c r="J6216">
        <v>38997.759129999999</v>
      </c>
      <c r="K6216">
        <v>47679.106469999999</v>
      </c>
      <c r="L6216">
        <v>21420.377670000002</v>
      </c>
      <c r="M6216">
        <v>204681.58989999999</v>
      </c>
      <c r="N6216">
        <v>69977.89675</v>
      </c>
      <c r="O6216">
        <v>16973.692709999999</v>
      </c>
      <c r="P6216">
        <v>31057.973010000002</v>
      </c>
      <c r="Q6216">
        <v>57462.754999999997</v>
      </c>
      <c r="R6216">
        <v>18026.58757</v>
      </c>
      <c r="S6216">
        <v>73872.406449999995</v>
      </c>
      <c r="T6216">
        <v>20350.288530000002</v>
      </c>
      <c r="U6216">
        <v>12084.69397</v>
      </c>
      <c r="W6216" s="83">
        <f>Bühler!N6248</f>
        <v>45550.916666651596</v>
      </c>
      <c r="X6216" s="83">
        <v>43359.916666666664</v>
      </c>
      <c r="Y6216">
        <v>165430.7317</v>
      </c>
      <c r="Z6216">
        <v>12036.42144</v>
      </c>
      <c r="AA6216">
        <v>50415.293859999998</v>
      </c>
      <c r="AB6216">
        <v>31482.77838</v>
      </c>
      <c r="AC6216">
        <v>32947.22363</v>
      </c>
      <c r="AD6216">
        <v>23789.584210000001</v>
      </c>
      <c r="AE6216">
        <v>38997.759129999999</v>
      </c>
      <c r="AF6216">
        <v>47679.106469999999</v>
      </c>
      <c r="AG6216">
        <v>21420.377670000002</v>
      </c>
      <c r="AH6216">
        <v>204681.58989999999</v>
      </c>
      <c r="AI6216">
        <v>69977.89675</v>
      </c>
      <c r="AJ6216">
        <v>16973.692709999999</v>
      </c>
      <c r="AK6216">
        <v>31057.973010000002</v>
      </c>
      <c r="AL6216">
        <v>57462.754999999997</v>
      </c>
      <c r="AM6216">
        <v>18026.58757</v>
      </c>
      <c r="AN6216">
        <v>73872.406449999995</v>
      </c>
      <c r="AO6216">
        <v>20350.288530000002</v>
      </c>
      <c r="AP6216">
        <v>12084.69397</v>
      </c>
    </row>
    <row r="6217" spans="2:42" x14ac:dyDescent="0.3">
      <c r="B6217">
        <v>40.279143810377739</v>
      </c>
      <c r="C6217" s="83">
        <v>43359.958333333336</v>
      </c>
      <c r="D6217">
        <v>166495.80650000001</v>
      </c>
      <c r="E6217">
        <v>11800.524950000001</v>
      </c>
      <c r="F6217">
        <v>50792.028460000001</v>
      </c>
      <c r="G6217">
        <v>31237.156729999999</v>
      </c>
      <c r="H6217">
        <v>32654.262640000001</v>
      </c>
      <c r="I6217">
        <v>23714.535489999998</v>
      </c>
      <c r="J6217">
        <v>35169.08468</v>
      </c>
      <c r="K6217">
        <v>47864.359940000002</v>
      </c>
      <c r="L6217">
        <v>18722.72536</v>
      </c>
      <c r="M6217">
        <v>205361.859</v>
      </c>
      <c r="N6217">
        <v>69385.378729999997</v>
      </c>
      <c r="O6217">
        <v>16892.796849999999</v>
      </c>
      <c r="P6217">
        <v>28171.576840000002</v>
      </c>
      <c r="Q6217">
        <v>58974.386619999997</v>
      </c>
      <c r="R6217">
        <v>17515.17065</v>
      </c>
      <c r="S6217">
        <v>72447.42009</v>
      </c>
      <c r="T6217">
        <v>19502.723320000001</v>
      </c>
      <c r="U6217">
        <v>11764.11642</v>
      </c>
      <c r="W6217" s="83">
        <f>Bühler!N6249</f>
        <v>45550.95833331826</v>
      </c>
      <c r="X6217" s="83">
        <v>43359.958333333336</v>
      </c>
      <c r="Y6217">
        <v>166495.80650000001</v>
      </c>
      <c r="Z6217">
        <v>11800.524950000001</v>
      </c>
      <c r="AA6217">
        <v>50792.028460000001</v>
      </c>
      <c r="AB6217">
        <v>31237.156729999999</v>
      </c>
      <c r="AC6217">
        <v>32654.262640000001</v>
      </c>
      <c r="AD6217">
        <v>23714.535489999998</v>
      </c>
      <c r="AE6217">
        <v>35169.08468</v>
      </c>
      <c r="AF6217">
        <v>47864.359940000002</v>
      </c>
      <c r="AG6217">
        <v>18722.72536</v>
      </c>
      <c r="AH6217">
        <v>205361.859</v>
      </c>
      <c r="AI6217">
        <v>69385.378729999997</v>
      </c>
      <c r="AJ6217">
        <v>16892.796849999999</v>
      </c>
      <c r="AK6217">
        <v>28171.576840000002</v>
      </c>
      <c r="AL6217">
        <v>58974.386619999997</v>
      </c>
      <c r="AM6217">
        <v>17515.17065</v>
      </c>
      <c r="AN6217">
        <v>72447.42009</v>
      </c>
      <c r="AO6217">
        <v>19502.723320000001</v>
      </c>
      <c r="AP6217">
        <v>11764.11642</v>
      </c>
    </row>
    <row r="6218" spans="2:42" x14ac:dyDescent="0.3">
      <c r="B6218">
        <v>40.061880357859756</v>
      </c>
      <c r="C6218" s="83">
        <v>43360</v>
      </c>
      <c r="D6218">
        <v>169793.16469999999</v>
      </c>
      <c r="E6218">
        <v>11477.142750000001</v>
      </c>
      <c r="F6218">
        <v>49175.729399999997</v>
      </c>
      <c r="G6218">
        <v>30853.75301</v>
      </c>
      <c r="H6218">
        <v>32310.00505</v>
      </c>
      <c r="I6218">
        <v>21496.245989999999</v>
      </c>
      <c r="J6218">
        <v>32878.750719999996</v>
      </c>
      <c r="K6218">
        <v>45727.54017</v>
      </c>
      <c r="L6218">
        <v>16203.391809999999</v>
      </c>
      <c r="M6218">
        <v>204254.14859999999</v>
      </c>
      <c r="N6218">
        <v>67881.138279999999</v>
      </c>
      <c r="O6218">
        <v>17126.41315</v>
      </c>
      <c r="P6218">
        <v>25581.30112</v>
      </c>
      <c r="Q6218">
        <v>62572.839699999997</v>
      </c>
      <c r="R6218">
        <v>15506.747139999999</v>
      </c>
      <c r="S6218">
        <v>71442.719790000003</v>
      </c>
      <c r="T6218">
        <v>18641.93808</v>
      </c>
      <c r="U6218">
        <v>11368.303330000001</v>
      </c>
      <c r="W6218" s="83">
        <f>Bühler!N6250</f>
        <v>45550.999999984924</v>
      </c>
      <c r="X6218" s="83">
        <v>43360</v>
      </c>
      <c r="Y6218">
        <v>169793.16469999999</v>
      </c>
      <c r="Z6218">
        <v>11477.142750000001</v>
      </c>
      <c r="AA6218">
        <v>49175.729399999997</v>
      </c>
      <c r="AB6218">
        <v>30853.75301</v>
      </c>
      <c r="AC6218">
        <v>32310.00505</v>
      </c>
      <c r="AD6218">
        <v>21496.245989999999</v>
      </c>
      <c r="AE6218">
        <v>32878.750719999996</v>
      </c>
      <c r="AF6218">
        <v>45727.54017</v>
      </c>
      <c r="AG6218">
        <v>16203.391809999999</v>
      </c>
      <c r="AH6218">
        <v>204254.14859999999</v>
      </c>
      <c r="AI6218">
        <v>67881.138279999999</v>
      </c>
      <c r="AJ6218">
        <v>17126.41315</v>
      </c>
      <c r="AK6218">
        <v>25581.30112</v>
      </c>
      <c r="AL6218">
        <v>62572.839699999997</v>
      </c>
      <c r="AM6218">
        <v>15506.747139999999</v>
      </c>
      <c r="AN6218">
        <v>71442.719790000003</v>
      </c>
      <c r="AO6218">
        <v>18641.93808</v>
      </c>
      <c r="AP6218">
        <v>11368.303330000001</v>
      </c>
    </row>
    <row r="6219" spans="2:42" x14ac:dyDescent="0.3">
      <c r="B6219">
        <v>40.397612102505043</v>
      </c>
      <c r="C6219" s="83">
        <v>43360.041666666664</v>
      </c>
      <c r="D6219">
        <v>170703.70970000001</v>
      </c>
      <c r="E6219">
        <v>11445.382079999999</v>
      </c>
      <c r="F6219">
        <v>49657.154640000001</v>
      </c>
      <c r="G6219">
        <v>30270.162039999999</v>
      </c>
      <c r="H6219">
        <v>31896.225900000001</v>
      </c>
      <c r="I6219">
        <v>17228.21182</v>
      </c>
      <c r="J6219">
        <v>32104.31984</v>
      </c>
      <c r="K6219">
        <v>42889.249620000002</v>
      </c>
      <c r="L6219">
        <v>15332.80546</v>
      </c>
      <c r="M6219">
        <v>205965.86559999999</v>
      </c>
      <c r="N6219">
        <v>67613.406849999999</v>
      </c>
      <c r="O6219">
        <v>16284.10786</v>
      </c>
      <c r="P6219">
        <v>24029.428250000001</v>
      </c>
      <c r="Q6219">
        <v>65370.87343</v>
      </c>
      <c r="R6219">
        <v>14235.70109</v>
      </c>
      <c r="S6219">
        <v>70740.167719999998</v>
      </c>
      <c r="T6219">
        <v>18185.38982</v>
      </c>
      <c r="U6219">
        <v>11069.275320000001</v>
      </c>
      <c r="W6219" s="83">
        <f>Bühler!N6251</f>
        <v>45551.041666651588</v>
      </c>
      <c r="X6219" s="83">
        <v>43360.041666666664</v>
      </c>
      <c r="Y6219">
        <v>170703.70970000001</v>
      </c>
      <c r="Z6219">
        <v>11445.382079999999</v>
      </c>
      <c r="AA6219">
        <v>49657.154640000001</v>
      </c>
      <c r="AB6219">
        <v>30270.162039999999</v>
      </c>
      <c r="AC6219">
        <v>31896.225900000001</v>
      </c>
      <c r="AD6219">
        <v>17228.21182</v>
      </c>
      <c r="AE6219">
        <v>32104.31984</v>
      </c>
      <c r="AF6219">
        <v>42889.249620000002</v>
      </c>
      <c r="AG6219">
        <v>15332.80546</v>
      </c>
      <c r="AH6219">
        <v>205965.86559999999</v>
      </c>
      <c r="AI6219">
        <v>67613.406849999999</v>
      </c>
      <c r="AJ6219">
        <v>16284.10786</v>
      </c>
      <c r="AK6219">
        <v>24029.428250000001</v>
      </c>
      <c r="AL6219">
        <v>65370.87343</v>
      </c>
      <c r="AM6219">
        <v>14235.70109</v>
      </c>
      <c r="AN6219">
        <v>70740.167719999998</v>
      </c>
      <c r="AO6219">
        <v>18185.38982</v>
      </c>
      <c r="AP6219">
        <v>11069.275320000001</v>
      </c>
    </row>
    <row r="6220" spans="2:42" x14ac:dyDescent="0.3">
      <c r="B6220">
        <v>41.372230853855676</v>
      </c>
      <c r="C6220" s="83">
        <v>43360.083333333336</v>
      </c>
      <c r="D6220">
        <v>172587.13020000001</v>
      </c>
      <c r="E6220">
        <v>11413.141460000001</v>
      </c>
      <c r="F6220">
        <v>50677.19182</v>
      </c>
      <c r="G6220">
        <v>29928.80948</v>
      </c>
      <c r="H6220">
        <v>31826.048180000002</v>
      </c>
      <c r="I6220">
        <v>15558.85116</v>
      </c>
      <c r="J6220">
        <v>31971.771089999998</v>
      </c>
      <c r="K6220">
        <v>42129.016530000001</v>
      </c>
      <c r="L6220">
        <v>15223.51549</v>
      </c>
      <c r="M6220">
        <v>210934.9265</v>
      </c>
      <c r="N6220">
        <v>66906.067240000004</v>
      </c>
      <c r="O6220">
        <v>15573.08358</v>
      </c>
      <c r="P6220">
        <v>23306.517899999999</v>
      </c>
      <c r="Q6220">
        <v>67380.777820000003</v>
      </c>
      <c r="R6220">
        <v>14267.41483</v>
      </c>
      <c r="S6220">
        <v>69850.553599999999</v>
      </c>
      <c r="T6220">
        <v>17813.880550000002</v>
      </c>
      <c r="U6220">
        <v>11271.869049999999</v>
      </c>
      <c r="W6220" s="83">
        <f>Bühler!N6252</f>
        <v>45551.083333318253</v>
      </c>
      <c r="X6220" s="83">
        <v>43360.083333333336</v>
      </c>
      <c r="Y6220">
        <v>172587.13020000001</v>
      </c>
      <c r="Z6220">
        <v>11413.141460000001</v>
      </c>
      <c r="AA6220">
        <v>50677.19182</v>
      </c>
      <c r="AB6220">
        <v>29928.80948</v>
      </c>
      <c r="AC6220">
        <v>31826.048180000002</v>
      </c>
      <c r="AD6220">
        <v>15558.85116</v>
      </c>
      <c r="AE6220">
        <v>31971.771089999998</v>
      </c>
      <c r="AF6220">
        <v>42129.016530000001</v>
      </c>
      <c r="AG6220">
        <v>15223.51549</v>
      </c>
      <c r="AH6220">
        <v>210934.9265</v>
      </c>
      <c r="AI6220">
        <v>66906.067240000004</v>
      </c>
      <c r="AJ6220">
        <v>15573.08358</v>
      </c>
      <c r="AK6220">
        <v>23306.517899999999</v>
      </c>
      <c r="AL6220">
        <v>67380.777820000003</v>
      </c>
      <c r="AM6220">
        <v>14267.41483</v>
      </c>
      <c r="AN6220">
        <v>69850.553599999999</v>
      </c>
      <c r="AO6220">
        <v>17813.880550000002</v>
      </c>
      <c r="AP6220">
        <v>11271.869049999999</v>
      </c>
    </row>
    <row r="6221" spans="2:42" x14ac:dyDescent="0.3">
      <c r="B6221">
        <v>42.922625143007359</v>
      </c>
      <c r="C6221" s="83">
        <v>43360.125</v>
      </c>
      <c r="D6221">
        <v>177031.3573</v>
      </c>
      <c r="E6221">
        <v>11669.247649999999</v>
      </c>
      <c r="F6221">
        <v>52804.329940000003</v>
      </c>
      <c r="G6221">
        <v>29429.007369999999</v>
      </c>
      <c r="H6221">
        <v>31889.058120000002</v>
      </c>
      <c r="I6221">
        <v>15275.885829999999</v>
      </c>
      <c r="J6221">
        <v>31973.746469999998</v>
      </c>
      <c r="K6221">
        <v>41431.438130000002</v>
      </c>
      <c r="L6221">
        <v>15030.830739999999</v>
      </c>
      <c r="M6221">
        <v>218839.55960000001</v>
      </c>
      <c r="N6221">
        <v>67457.743669999996</v>
      </c>
      <c r="O6221">
        <v>15580.640670000001</v>
      </c>
      <c r="P6221">
        <v>23297.651170000001</v>
      </c>
      <c r="Q6221">
        <v>73032.204679999995</v>
      </c>
      <c r="R6221">
        <v>14242.074070000001</v>
      </c>
      <c r="S6221">
        <v>69156.875740000003</v>
      </c>
      <c r="T6221">
        <v>17785.629229999999</v>
      </c>
      <c r="U6221">
        <v>11271.589480000001</v>
      </c>
      <c r="W6221" s="83">
        <f>Bühler!N6253</f>
        <v>45551.124999984917</v>
      </c>
      <c r="X6221" s="83">
        <v>43360.125</v>
      </c>
      <c r="Y6221">
        <v>177031.3573</v>
      </c>
      <c r="Z6221">
        <v>11669.247649999999</v>
      </c>
      <c r="AA6221">
        <v>52804.329940000003</v>
      </c>
      <c r="AB6221">
        <v>29429.007369999999</v>
      </c>
      <c r="AC6221">
        <v>31889.058120000002</v>
      </c>
      <c r="AD6221">
        <v>15275.885829999999</v>
      </c>
      <c r="AE6221">
        <v>31973.746469999998</v>
      </c>
      <c r="AF6221">
        <v>41431.438130000002</v>
      </c>
      <c r="AG6221">
        <v>15030.830739999999</v>
      </c>
      <c r="AH6221">
        <v>218839.55960000001</v>
      </c>
      <c r="AI6221">
        <v>67457.743669999996</v>
      </c>
      <c r="AJ6221">
        <v>15580.640670000001</v>
      </c>
      <c r="AK6221">
        <v>23297.651170000001</v>
      </c>
      <c r="AL6221">
        <v>73032.204679999995</v>
      </c>
      <c r="AM6221">
        <v>14242.074070000001</v>
      </c>
      <c r="AN6221">
        <v>69156.875740000003</v>
      </c>
      <c r="AO6221">
        <v>17785.629229999999</v>
      </c>
      <c r="AP6221">
        <v>11271.589480000001</v>
      </c>
    </row>
    <row r="6222" spans="2:42" x14ac:dyDescent="0.3">
      <c r="B6222">
        <v>45.626251719212782</v>
      </c>
      <c r="C6222" s="83">
        <v>43360.166666666664</v>
      </c>
      <c r="D6222">
        <v>188199.7414</v>
      </c>
      <c r="E6222">
        <v>12415.17699</v>
      </c>
      <c r="F6222">
        <v>56946.303740000003</v>
      </c>
      <c r="G6222">
        <v>28817.02881</v>
      </c>
      <c r="H6222">
        <v>32525.798129999999</v>
      </c>
      <c r="I6222">
        <v>17110.20002</v>
      </c>
      <c r="J6222">
        <v>33852.292609999997</v>
      </c>
      <c r="K6222">
        <v>40975.375319999999</v>
      </c>
      <c r="L6222">
        <v>15274.09808</v>
      </c>
      <c r="M6222">
        <v>232623.9087</v>
      </c>
      <c r="N6222">
        <v>69342.861829999994</v>
      </c>
      <c r="O6222">
        <v>16250.19543</v>
      </c>
      <c r="P6222">
        <v>23079.40235</v>
      </c>
      <c r="Q6222">
        <v>80645.828829999999</v>
      </c>
      <c r="R6222">
        <v>14359.998970000001</v>
      </c>
      <c r="S6222">
        <v>69835.494000000006</v>
      </c>
      <c r="T6222">
        <v>17354.805270000001</v>
      </c>
      <c r="U6222">
        <v>11604.126109999999</v>
      </c>
      <c r="W6222" s="83">
        <f>Bühler!N6254</f>
        <v>45551.166666651581</v>
      </c>
      <c r="X6222" s="83">
        <v>43360.166666666664</v>
      </c>
      <c r="Y6222">
        <v>188199.7414</v>
      </c>
      <c r="Z6222">
        <v>12415.17699</v>
      </c>
      <c r="AA6222">
        <v>56946.303740000003</v>
      </c>
      <c r="AB6222">
        <v>28817.02881</v>
      </c>
      <c r="AC6222">
        <v>32525.798129999999</v>
      </c>
      <c r="AD6222">
        <v>17110.20002</v>
      </c>
      <c r="AE6222">
        <v>33852.292609999997</v>
      </c>
      <c r="AF6222">
        <v>40975.375319999999</v>
      </c>
      <c r="AG6222">
        <v>15274.09808</v>
      </c>
      <c r="AH6222">
        <v>232623.9087</v>
      </c>
      <c r="AI6222">
        <v>69342.861829999994</v>
      </c>
      <c r="AJ6222">
        <v>16250.19543</v>
      </c>
      <c r="AK6222">
        <v>23079.40235</v>
      </c>
      <c r="AL6222">
        <v>80645.828829999999</v>
      </c>
      <c r="AM6222">
        <v>14359.998970000001</v>
      </c>
      <c r="AN6222">
        <v>69835.494000000006</v>
      </c>
      <c r="AO6222">
        <v>17354.805270000001</v>
      </c>
      <c r="AP6222">
        <v>11604.126109999999</v>
      </c>
    </row>
    <row r="6223" spans="2:42" x14ac:dyDescent="0.3">
      <c r="B6223">
        <v>51.783401927633911</v>
      </c>
      <c r="C6223" s="83">
        <v>43360.208333333336</v>
      </c>
      <c r="D6223">
        <v>219343.44099999999</v>
      </c>
      <c r="E6223">
        <v>14203.04819</v>
      </c>
      <c r="F6223">
        <v>66321.318100000004</v>
      </c>
      <c r="G6223">
        <v>30828.792300000001</v>
      </c>
      <c r="H6223">
        <v>34662.712240000001</v>
      </c>
      <c r="I6223">
        <v>23730.284439999999</v>
      </c>
      <c r="J6223">
        <v>37380.107239999998</v>
      </c>
      <c r="K6223">
        <v>44098.589500000002</v>
      </c>
      <c r="L6223">
        <v>16105.57459</v>
      </c>
      <c r="M6223">
        <v>264015.93180000002</v>
      </c>
      <c r="N6223">
        <v>72095.672760000001</v>
      </c>
      <c r="O6223">
        <v>16680.158749999999</v>
      </c>
      <c r="P6223">
        <v>24550.117760000001</v>
      </c>
      <c r="Q6223">
        <v>86638.888999999996</v>
      </c>
      <c r="R6223">
        <v>15344.189200000001</v>
      </c>
      <c r="S6223">
        <v>72397.769549999997</v>
      </c>
      <c r="T6223">
        <v>18769.433690000002</v>
      </c>
      <c r="U6223">
        <v>13379.47761</v>
      </c>
      <c r="W6223" s="83">
        <f>Bühler!N6255</f>
        <v>45551.208333318245</v>
      </c>
      <c r="X6223" s="83">
        <v>43360.208333333336</v>
      </c>
      <c r="Y6223">
        <v>219343.44099999999</v>
      </c>
      <c r="Z6223">
        <v>14203.04819</v>
      </c>
      <c r="AA6223">
        <v>66321.318100000004</v>
      </c>
      <c r="AB6223">
        <v>30828.792300000001</v>
      </c>
      <c r="AC6223">
        <v>34662.712240000001</v>
      </c>
      <c r="AD6223">
        <v>23730.284439999999</v>
      </c>
      <c r="AE6223">
        <v>37380.107239999998</v>
      </c>
      <c r="AF6223">
        <v>44098.589500000002</v>
      </c>
      <c r="AG6223">
        <v>16105.57459</v>
      </c>
      <c r="AH6223">
        <v>264015.93180000002</v>
      </c>
      <c r="AI6223">
        <v>72095.672760000001</v>
      </c>
      <c r="AJ6223">
        <v>16680.158749999999</v>
      </c>
      <c r="AK6223">
        <v>24550.117760000001</v>
      </c>
      <c r="AL6223">
        <v>86638.888999999996</v>
      </c>
      <c r="AM6223">
        <v>15344.189200000001</v>
      </c>
      <c r="AN6223">
        <v>72397.769549999997</v>
      </c>
      <c r="AO6223">
        <v>18769.433690000002</v>
      </c>
      <c r="AP6223">
        <v>13379.47761</v>
      </c>
    </row>
    <row r="6224" spans="2:42" x14ac:dyDescent="0.3">
      <c r="B6224">
        <v>57.539044964544551</v>
      </c>
      <c r="C6224" s="83">
        <v>43360.25</v>
      </c>
      <c r="D6224">
        <v>247274.9227</v>
      </c>
      <c r="E6224">
        <v>18247.300179999998</v>
      </c>
      <c r="F6224">
        <v>77078.350619999997</v>
      </c>
      <c r="G6224">
        <v>40952.338559999997</v>
      </c>
      <c r="H6224">
        <v>37922.135040000001</v>
      </c>
      <c r="I6224">
        <v>30822.79924</v>
      </c>
      <c r="J6224">
        <v>41468.927239999997</v>
      </c>
      <c r="K6224">
        <v>46223.534489999998</v>
      </c>
      <c r="L6224">
        <v>17576.82762</v>
      </c>
      <c r="M6224">
        <v>293360.88410000002</v>
      </c>
      <c r="N6224">
        <v>75313.273209999999</v>
      </c>
      <c r="O6224">
        <v>18293.705150000002</v>
      </c>
      <c r="P6224">
        <v>25223.452069999999</v>
      </c>
      <c r="Q6224">
        <v>91271.494709999999</v>
      </c>
      <c r="R6224">
        <v>17153.478429999999</v>
      </c>
      <c r="S6224">
        <v>81759.128909999999</v>
      </c>
      <c r="T6224">
        <v>21371.25174</v>
      </c>
      <c r="U6224">
        <v>15928.36332</v>
      </c>
      <c r="W6224" s="83">
        <f>Bühler!N6256</f>
        <v>45551.24999998491</v>
      </c>
      <c r="X6224" s="83">
        <v>43360.25</v>
      </c>
      <c r="Y6224">
        <v>247274.9227</v>
      </c>
      <c r="Z6224">
        <v>18247.300179999998</v>
      </c>
      <c r="AA6224">
        <v>77078.350619999997</v>
      </c>
      <c r="AB6224">
        <v>40952.338559999997</v>
      </c>
      <c r="AC6224">
        <v>37922.135040000001</v>
      </c>
      <c r="AD6224">
        <v>30822.79924</v>
      </c>
      <c r="AE6224">
        <v>41468.927239999997</v>
      </c>
      <c r="AF6224">
        <v>46223.534489999998</v>
      </c>
      <c r="AG6224">
        <v>17576.82762</v>
      </c>
      <c r="AH6224">
        <v>293360.88410000002</v>
      </c>
      <c r="AI6224">
        <v>75313.273209999999</v>
      </c>
      <c r="AJ6224">
        <v>18293.705150000002</v>
      </c>
      <c r="AK6224">
        <v>25223.452069999999</v>
      </c>
      <c r="AL6224">
        <v>91271.494709999999</v>
      </c>
      <c r="AM6224">
        <v>17153.478429999999</v>
      </c>
      <c r="AN6224">
        <v>81759.128909999999</v>
      </c>
      <c r="AO6224">
        <v>21371.25174</v>
      </c>
      <c r="AP6224">
        <v>15928.36332</v>
      </c>
    </row>
    <row r="6225" spans="2:42" x14ac:dyDescent="0.3">
      <c r="B6225">
        <v>60.644227589703853</v>
      </c>
      <c r="C6225" s="83">
        <v>43360.291666666664</v>
      </c>
      <c r="D6225">
        <v>264282.26559999998</v>
      </c>
      <c r="E6225">
        <v>22842.800940000001</v>
      </c>
      <c r="F6225">
        <v>81328.617150000005</v>
      </c>
      <c r="G6225">
        <v>51828.196020000003</v>
      </c>
      <c r="H6225">
        <v>42592.042309999997</v>
      </c>
      <c r="I6225">
        <v>39001.22726</v>
      </c>
      <c r="J6225">
        <v>42517.217700000001</v>
      </c>
      <c r="K6225">
        <v>50768.176370000001</v>
      </c>
      <c r="L6225">
        <v>20218.468659999999</v>
      </c>
      <c r="M6225">
        <v>309192.55320000002</v>
      </c>
      <c r="N6225">
        <v>81737.21097</v>
      </c>
      <c r="O6225">
        <v>21144.609219999998</v>
      </c>
      <c r="P6225">
        <v>28377.215110000001</v>
      </c>
      <c r="Q6225">
        <v>92736.342180000007</v>
      </c>
      <c r="R6225">
        <v>19228.579610000001</v>
      </c>
      <c r="S6225">
        <v>97745.269719999997</v>
      </c>
      <c r="T6225">
        <v>25626.54925</v>
      </c>
      <c r="U6225">
        <v>20927.305230000002</v>
      </c>
      <c r="W6225" s="83">
        <f>Bühler!N6257</f>
        <v>45551.291666651574</v>
      </c>
      <c r="X6225" s="83">
        <v>43360.291666666664</v>
      </c>
      <c r="Y6225">
        <v>264282.26559999998</v>
      </c>
      <c r="Z6225">
        <v>22842.800940000001</v>
      </c>
      <c r="AA6225">
        <v>81328.617150000005</v>
      </c>
      <c r="AB6225">
        <v>51828.196020000003</v>
      </c>
      <c r="AC6225">
        <v>42592.042309999997</v>
      </c>
      <c r="AD6225">
        <v>39001.22726</v>
      </c>
      <c r="AE6225">
        <v>42517.217700000001</v>
      </c>
      <c r="AF6225">
        <v>50768.176370000001</v>
      </c>
      <c r="AG6225">
        <v>20218.468659999999</v>
      </c>
      <c r="AH6225">
        <v>309192.55320000002</v>
      </c>
      <c r="AI6225">
        <v>81737.21097</v>
      </c>
      <c r="AJ6225">
        <v>21144.609219999998</v>
      </c>
      <c r="AK6225">
        <v>28377.215110000001</v>
      </c>
      <c r="AL6225">
        <v>92736.342180000007</v>
      </c>
      <c r="AM6225">
        <v>19228.579610000001</v>
      </c>
      <c r="AN6225">
        <v>97745.269719999997</v>
      </c>
      <c r="AO6225">
        <v>25626.54925</v>
      </c>
      <c r="AP6225">
        <v>20927.305230000002</v>
      </c>
    </row>
    <row r="6226" spans="2:42" x14ac:dyDescent="0.3">
      <c r="B6226">
        <v>62.705309686789803</v>
      </c>
      <c r="C6226" s="83">
        <v>43360.333333333336</v>
      </c>
      <c r="D6226">
        <v>281019.78600000002</v>
      </c>
      <c r="E6226">
        <v>28025.173869999999</v>
      </c>
      <c r="F6226">
        <v>86031.695550000004</v>
      </c>
      <c r="G6226">
        <v>65678.978130000003</v>
      </c>
      <c r="H6226">
        <v>47168.965839999997</v>
      </c>
      <c r="I6226">
        <v>42287.449489999999</v>
      </c>
      <c r="J6226">
        <v>43603.05229</v>
      </c>
      <c r="K6226">
        <v>57462.892800000001</v>
      </c>
      <c r="L6226">
        <v>23090.497029999999</v>
      </c>
      <c r="M6226">
        <v>319700.91090000002</v>
      </c>
      <c r="N6226">
        <v>90673.467770000003</v>
      </c>
      <c r="O6226">
        <v>23246.7084</v>
      </c>
      <c r="P6226">
        <v>30830.949509999999</v>
      </c>
      <c r="Q6226">
        <v>94403.285350000006</v>
      </c>
      <c r="R6226">
        <v>20529.508440000001</v>
      </c>
      <c r="S6226">
        <v>110111.554</v>
      </c>
      <c r="T6226">
        <v>28144.87154</v>
      </c>
      <c r="U6226">
        <v>25002.706539999999</v>
      </c>
      <c r="W6226" s="83">
        <f>Bühler!N6258</f>
        <v>45551.333333318238</v>
      </c>
      <c r="X6226" s="83">
        <v>43360.333333333336</v>
      </c>
      <c r="Y6226">
        <v>281019.78600000002</v>
      </c>
      <c r="Z6226">
        <v>28025.173869999999</v>
      </c>
      <c r="AA6226">
        <v>86031.695550000004</v>
      </c>
      <c r="AB6226">
        <v>65678.978130000003</v>
      </c>
      <c r="AC6226">
        <v>47168.965839999997</v>
      </c>
      <c r="AD6226">
        <v>42287.449489999999</v>
      </c>
      <c r="AE6226">
        <v>43603.05229</v>
      </c>
      <c r="AF6226">
        <v>57462.892800000001</v>
      </c>
      <c r="AG6226">
        <v>23090.497029999999</v>
      </c>
      <c r="AH6226">
        <v>319700.91090000002</v>
      </c>
      <c r="AI6226">
        <v>90673.467770000003</v>
      </c>
      <c r="AJ6226">
        <v>23246.7084</v>
      </c>
      <c r="AK6226">
        <v>30830.949509999999</v>
      </c>
      <c r="AL6226">
        <v>94403.285350000006</v>
      </c>
      <c r="AM6226">
        <v>20529.508440000001</v>
      </c>
      <c r="AN6226">
        <v>110111.554</v>
      </c>
      <c r="AO6226">
        <v>28144.87154</v>
      </c>
      <c r="AP6226">
        <v>25002.706539999999</v>
      </c>
    </row>
    <row r="6227" spans="2:42" x14ac:dyDescent="0.3">
      <c r="B6227">
        <v>64.156561495419353</v>
      </c>
      <c r="C6227" s="83">
        <v>43360.375</v>
      </c>
      <c r="D6227">
        <v>284537.91220000002</v>
      </c>
      <c r="E6227">
        <v>32198.20117</v>
      </c>
      <c r="F6227">
        <v>93278.085590000002</v>
      </c>
      <c r="G6227">
        <v>74746.413499999995</v>
      </c>
      <c r="H6227">
        <v>50515.99149</v>
      </c>
      <c r="I6227">
        <v>40466.058539999998</v>
      </c>
      <c r="J6227">
        <v>44380.833590000002</v>
      </c>
      <c r="K6227">
        <v>61332.91027</v>
      </c>
      <c r="L6227">
        <v>25546.50979</v>
      </c>
      <c r="M6227">
        <v>327100.06939999998</v>
      </c>
      <c r="N6227">
        <v>93356.929789999995</v>
      </c>
      <c r="O6227">
        <v>24441.901330000001</v>
      </c>
      <c r="P6227">
        <v>32942.628299999997</v>
      </c>
      <c r="Q6227">
        <v>95751.197639999999</v>
      </c>
      <c r="R6227">
        <v>21298.792890000001</v>
      </c>
      <c r="S6227">
        <v>116705.4755</v>
      </c>
      <c r="T6227">
        <v>31307.793969999999</v>
      </c>
      <c r="U6227">
        <v>25851.79909</v>
      </c>
      <c r="W6227" s="83">
        <f>Bühler!N6259</f>
        <v>45551.374999984902</v>
      </c>
      <c r="X6227" s="83">
        <v>43360.375</v>
      </c>
      <c r="Y6227">
        <v>284537.91220000002</v>
      </c>
      <c r="Z6227">
        <v>32198.20117</v>
      </c>
      <c r="AA6227">
        <v>93278.085590000002</v>
      </c>
      <c r="AB6227">
        <v>74746.413499999995</v>
      </c>
      <c r="AC6227">
        <v>50515.99149</v>
      </c>
      <c r="AD6227">
        <v>40466.058539999998</v>
      </c>
      <c r="AE6227">
        <v>44380.833590000002</v>
      </c>
      <c r="AF6227">
        <v>61332.91027</v>
      </c>
      <c r="AG6227">
        <v>25546.50979</v>
      </c>
      <c r="AH6227">
        <v>327100.06939999998</v>
      </c>
      <c r="AI6227">
        <v>93356.929789999995</v>
      </c>
      <c r="AJ6227">
        <v>24441.901330000001</v>
      </c>
      <c r="AK6227">
        <v>32942.628299999997</v>
      </c>
      <c r="AL6227">
        <v>95751.197639999999</v>
      </c>
      <c r="AM6227">
        <v>21298.792890000001</v>
      </c>
      <c r="AN6227">
        <v>116705.4755</v>
      </c>
      <c r="AO6227">
        <v>31307.793969999999</v>
      </c>
      <c r="AP6227">
        <v>25851.79909</v>
      </c>
    </row>
    <row r="6228" spans="2:42" x14ac:dyDescent="0.3">
      <c r="B6228">
        <v>65.58343205061648</v>
      </c>
      <c r="C6228" s="83">
        <v>43360.416666666664</v>
      </c>
      <c r="D6228">
        <v>289048.25420000002</v>
      </c>
      <c r="E6228">
        <v>34082.738579999997</v>
      </c>
      <c r="F6228">
        <v>95169.170400000003</v>
      </c>
      <c r="G6228">
        <v>78171.878150000004</v>
      </c>
      <c r="H6228">
        <v>51672.57271</v>
      </c>
      <c r="I6228">
        <v>38293.455679999999</v>
      </c>
      <c r="J6228">
        <v>44380.057979999998</v>
      </c>
      <c r="K6228">
        <v>63081.693950000001</v>
      </c>
      <c r="L6228">
        <v>28335.82044</v>
      </c>
      <c r="M6228">
        <v>334374.92090000003</v>
      </c>
      <c r="N6228">
        <v>96482.665240000002</v>
      </c>
      <c r="O6228">
        <v>24402.976419999999</v>
      </c>
      <c r="P6228">
        <v>33381.493060000001</v>
      </c>
      <c r="Q6228">
        <v>97840.835810000004</v>
      </c>
      <c r="R6228">
        <v>22368.23544</v>
      </c>
      <c r="S6228">
        <v>118763.76360000001</v>
      </c>
      <c r="T6228">
        <v>33358.178999999996</v>
      </c>
      <c r="U6228">
        <v>24908.339820000001</v>
      </c>
      <c r="W6228" s="83">
        <f>Bühler!N6260</f>
        <v>45551.416666651567</v>
      </c>
      <c r="X6228" s="83">
        <v>43360.416666666664</v>
      </c>
      <c r="Y6228">
        <v>289048.25420000002</v>
      </c>
      <c r="Z6228">
        <v>34082.738579999997</v>
      </c>
      <c r="AA6228">
        <v>95169.170400000003</v>
      </c>
      <c r="AB6228">
        <v>78171.878150000004</v>
      </c>
      <c r="AC6228">
        <v>51672.57271</v>
      </c>
      <c r="AD6228">
        <v>38293.455679999999</v>
      </c>
      <c r="AE6228">
        <v>44380.057979999998</v>
      </c>
      <c r="AF6228">
        <v>63081.693950000001</v>
      </c>
      <c r="AG6228">
        <v>28335.82044</v>
      </c>
      <c r="AH6228">
        <v>334374.92090000003</v>
      </c>
      <c r="AI6228">
        <v>96482.665240000002</v>
      </c>
      <c r="AJ6228">
        <v>24402.976419999999</v>
      </c>
      <c r="AK6228">
        <v>33381.493060000001</v>
      </c>
      <c r="AL6228">
        <v>97840.835810000004</v>
      </c>
      <c r="AM6228">
        <v>22368.23544</v>
      </c>
      <c r="AN6228">
        <v>118763.76360000001</v>
      </c>
      <c r="AO6228">
        <v>33358.178999999996</v>
      </c>
      <c r="AP6228">
        <v>24908.339820000001</v>
      </c>
    </row>
    <row r="6229" spans="2:42" x14ac:dyDescent="0.3">
      <c r="B6229">
        <v>66.759903992902423</v>
      </c>
      <c r="C6229" s="83">
        <v>43360.458333333336</v>
      </c>
      <c r="D6229">
        <v>289714.98229999997</v>
      </c>
      <c r="E6229">
        <v>34584.862439999997</v>
      </c>
      <c r="F6229">
        <v>95862.022620000003</v>
      </c>
      <c r="G6229">
        <v>77590.381309999997</v>
      </c>
      <c r="H6229">
        <v>51582.90079</v>
      </c>
      <c r="I6229">
        <v>37392.265919999998</v>
      </c>
      <c r="J6229">
        <v>44272.432800000002</v>
      </c>
      <c r="K6229">
        <v>62692.89258</v>
      </c>
      <c r="L6229">
        <v>29650.492460000001</v>
      </c>
      <c r="M6229">
        <v>340373.12349999999</v>
      </c>
      <c r="N6229">
        <v>97809.226410000003</v>
      </c>
      <c r="O6229">
        <v>26092.090169999999</v>
      </c>
      <c r="P6229">
        <v>33351.874510000001</v>
      </c>
      <c r="Q6229">
        <v>99873.805720000004</v>
      </c>
      <c r="R6229">
        <v>23545.722529999999</v>
      </c>
      <c r="S6229">
        <v>121167.2216</v>
      </c>
      <c r="T6229">
        <v>33637.227709999999</v>
      </c>
      <c r="U6229">
        <v>24109.139019999999</v>
      </c>
      <c r="W6229" s="83">
        <f>Bühler!N6261</f>
        <v>45551.458333318231</v>
      </c>
      <c r="X6229" s="83">
        <v>43360.458333333336</v>
      </c>
      <c r="Y6229">
        <v>289714.98229999997</v>
      </c>
      <c r="Z6229">
        <v>34584.862439999997</v>
      </c>
      <c r="AA6229">
        <v>95862.022620000003</v>
      </c>
      <c r="AB6229">
        <v>77590.381309999997</v>
      </c>
      <c r="AC6229">
        <v>51582.90079</v>
      </c>
      <c r="AD6229">
        <v>37392.265919999998</v>
      </c>
      <c r="AE6229">
        <v>44272.432800000002</v>
      </c>
      <c r="AF6229">
        <v>62692.89258</v>
      </c>
      <c r="AG6229">
        <v>29650.492460000001</v>
      </c>
      <c r="AH6229">
        <v>340373.12349999999</v>
      </c>
      <c r="AI6229">
        <v>97809.226410000003</v>
      </c>
      <c r="AJ6229">
        <v>26092.090169999999</v>
      </c>
      <c r="AK6229">
        <v>33351.874510000001</v>
      </c>
      <c r="AL6229">
        <v>99873.805720000004</v>
      </c>
      <c r="AM6229">
        <v>23545.722529999999</v>
      </c>
      <c r="AN6229">
        <v>121167.2216</v>
      </c>
      <c r="AO6229">
        <v>33637.227709999999</v>
      </c>
      <c r="AP6229">
        <v>24109.139019999999</v>
      </c>
    </row>
    <row r="6230" spans="2:42" x14ac:dyDescent="0.3">
      <c r="B6230">
        <v>66.498458528600551</v>
      </c>
      <c r="C6230" s="83">
        <v>43360.5</v>
      </c>
      <c r="D6230">
        <v>278687.84730000002</v>
      </c>
      <c r="E6230">
        <v>31613.754690000002</v>
      </c>
      <c r="F6230">
        <v>90810.808950000006</v>
      </c>
      <c r="G6230">
        <v>77111.518249999994</v>
      </c>
      <c r="H6230">
        <v>50041.131939999999</v>
      </c>
      <c r="I6230">
        <v>36062.552080000001</v>
      </c>
      <c r="J6230">
        <v>44344.10557</v>
      </c>
      <c r="K6230">
        <v>59218.454550000002</v>
      </c>
      <c r="L6230">
        <v>31691.2677</v>
      </c>
      <c r="M6230">
        <v>339040.15259999997</v>
      </c>
      <c r="N6230">
        <v>94782.448059999995</v>
      </c>
      <c r="O6230">
        <v>24623.763760000002</v>
      </c>
      <c r="P6230">
        <v>34580.168389999999</v>
      </c>
      <c r="Q6230">
        <v>99617.392930000002</v>
      </c>
      <c r="R6230">
        <v>24614.70277</v>
      </c>
      <c r="S6230">
        <v>115274.4789</v>
      </c>
      <c r="T6230">
        <v>33824.150309999997</v>
      </c>
      <c r="U6230">
        <v>19868.267800000001</v>
      </c>
      <c r="W6230" s="83">
        <f>Bühler!N6262</f>
        <v>45551.499999984895</v>
      </c>
      <c r="X6230" s="83">
        <v>43360.5</v>
      </c>
      <c r="Y6230">
        <v>278687.84730000002</v>
      </c>
      <c r="Z6230">
        <v>31613.754690000002</v>
      </c>
      <c r="AA6230">
        <v>90810.808950000006</v>
      </c>
      <c r="AB6230">
        <v>77111.518249999994</v>
      </c>
      <c r="AC6230">
        <v>50041.131939999999</v>
      </c>
      <c r="AD6230">
        <v>36062.552080000001</v>
      </c>
      <c r="AE6230">
        <v>44344.10557</v>
      </c>
      <c r="AF6230">
        <v>59218.454550000002</v>
      </c>
      <c r="AG6230">
        <v>31691.2677</v>
      </c>
      <c r="AH6230">
        <v>339040.15259999997</v>
      </c>
      <c r="AI6230">
        <v>94782.448059999995</v>
      </c>
      <c r="AJ6230">
        <v>24623.763760000002</v>
      </c>
      <c r="AK6230">
        <v>34580.168389999999</v>
      </c>
      <c r="AL6230">
        <v>99617.392930000002</v>
      </c>
      <c r="AM6230">
        <v>24614.70277</v>
      </c>
      <c r="AN6230">
        <v>115274.4789</v>
      </c>
      <c r="AO6230">
        <v>33824.150309999997</v>
      </c>
      <c r="AP6230">
        <v>19868.267800000001</v>
      </c>
    </row>
    <row r="6231" spans="2:42" x14ac:dyDescent="0.3">
      <c r="B6231">
        <v>66.718759796602882</v>
      </c>
      <c r="C6231" s="83">
        <v>43360.541666666664</v>
      </c>
      <c r="D6231">
        <v>282128.48729999998</v>
      </c>
      <c r="E6231">
        <v>32320.331399999999</v>
      </c>
      <c r="F6231">
        <v>88461.579930000007</v>
      </c>
      <c r="G6231">
        <v>73718.910730000003</v>
      </c>
      <c r="H6231">
        <v>50560.101799999997</v>
      </c>
      <c r="I6231">
        <v>36952.581230000003</v>
      </c>
      <c r="J6231">
        <v>43405.716569999997</v>
      </c>
      <c r="K6231">
        <v>61941.152450000001</v>
      </c>
      <c r="L6231">
        <v>31217.581900000001</v>
      </c>
      <c r="M6231">
        <v>340163.35119999998</v>
      </c>
      <c r="N6231">
        <v>94507.821490000002</v>
      </c>
      <c r="O6231">
        <v>25324.921119999999</v>
      </c>
      <c r="P6231">
        <v>33856.263050000001</v>
      </c>
      <c r="Q6231">
        <v>98857.033200000005</v>
      </c>
      <c r="R6231">
        <v>25392.136579999999</v>
      </c>
      <c r="S6231">
        <v>113599.4007</v>
      </c>
      <c r="T6231">
        <v>33544.077449999997</v>
      </c>
      <c r="U6231">
        <v>22512.094679999998</v>
      </c>
      <c r="W6231" s="83">
        <f>Bühler!N6263</f>
        <v>45551.541666651559</v>
      </c>
      <c r="X6231" s="83">
        <v>43360.541666666664</v>
      </c>
      <c r="Y6231">
        <v>282128.48729999998</v>
      </c>
      <c r="Z6231">
        <v>32320.331399999999</v>
      </c>
      <c r="AA6231">
        <v>88461.579930000007</v>
      </c>
      <c r="AB6231">
        <v>73718.910730000003</v>
      </c>
      <c r="AC6231">
        <v>50560.101799999997</v>
      </c>
      <c r="AD6231">
        <v>36952.581230000003</v>
      </c>
      <c r="AE6231">
        <v>43405.716569999997</v>
      </c>
      <c r="AF6231">
        <v>61941.152450000001</v>
      </c>
      <c r="AG6231">
        <v>31217.581900000001</v>
      </c>
      <c r="AH6231">
        <v>340163.35119999998</v>
      </c>
      <c r="AI6231">
        <v>94507.821490000002</v>
      </c>
      <c r="AJ6231">
        <v>25324.921119999999</v>
      </c>
      <c r="AK6231">
        <v>33856.263050000001</v>
      </c>
      <c r="AL6231">
        <v>98857.033200000005</v>
      </c>
      <c r="AM6231">
        <v>25392.136579999999</v>
      </c>
      <c r="AN6231">
        <v>113599.4007</v>
      </c>
      <c r="AO6231">
        <v>33544.077449999997</v>
      </c>
      <c r="AP6231">
        <v>22512.094679999998</v>
      </c>
    </row>
    <row r="6232" spans="2:42" x14ac:dyDescent="0.3">
      <c r="B6232">
        <v>66.553282583767853</v>
      </c>
      <c r="C6232" s="83">
        <v>43360.583333333336</v>
      </c>
      <c r="D6232">
        <v>285360.8101</v>
      </c>
      <c r="E6232">
        <v>34586.119910000001</v>
      </c>
      <c r="F6232">
        <v>94851.441550000003</v>
      </c>
      <c r="G6232">
        <v>69307.385150000002</v>
      </c>
      <c r="H6232">
        <v>50847.166409999998</v>
      </c>
      <c r="I6232">
        <v>37676.010770000001</v>
      </c>
      <c r="J6232">
        <v>42676.317940000001</v>
      </c>
      <c r="K6232">
        <v>63949.230909999998</v>
      </c>
      <c r="L6232">
        <v>28246.593349999999</v>
      </c>
      <c r="M6232">
        <v>339319.67119999998</v>
      </c>
      <c r="N6232">
        <v>96875.903260000006</v>
      </c>
      <c r="O6232">
        <v>25298.114140000001</v>
      </c>
      <c r="P6232">
        <v>31588.588459999999</v>
      </c>
      <c r="Q6232">
        <v>99027.264179999998</v>
      </c>
      <c r="R6232">
        <v>24253.882659999999</v>
      </c>
      <c r="S6232">
        <v>109738.1461</v>
      </c>
      <c r="T6232">
        <v>32467.069</v>
      </c>
      <c r="U6232">
        <v>23459.88436</v>
      </c>
      <c r="W6232" s="83">
        <f>Bühler!N6264</f>
        <v>45551.583333318224</v>
      </c>
      <c r="X6232" s="83">
        <v>43360.583333333336</v>
      </c>
      <c r="Y6232">
        <v>285360.8101</v>
      </c>
      <c r="Z6232">
        <v>34586.119910000001</v>
      </c>
      <c r="AA6232">
        <v>94851.441550000003</v>
      </c>
      <c r="AB6232">
        <v>69307.385150000002</v>
      </c>
      <c r="AC6232">
        <v>50847.166409999998</v>
      </c>
      <c r="AD6232">
        <v>37676.010770000001</v>
      </c>
      <c r="AE6232">
        <v>42676.317940000001</v>
      </c>
      <c r="AF6232">
        <v>63949.230909999998</v>
      </c>
      <c r="AG6232">
        <v>28246.593349999999</v>
      </c>
      <c r="AH6232">
        <v>339319.67119999998</v>
      </c>
      <c r="AI6232">
        <v>96875.903260000006</v>
      </c>
      <c r="AJ6232">
        <v>25298.114140000001</v>
      </c>
      <c r="AK6232">
        <v>31588.588459999999</v>
      </c>
      <c r="AL6232">
        <v>99027.264179999998</v>
      </c>
      <c r="AM6232">
        <v>24253.882659999999</v>
      </c>
      <c r="AN6232">
        <v>109738.1461</v>
      </c>
      <c r="AO6232">
        <v>32467.069</v>
      </c>
      <c r="AP6232">
        <v>23459.88436</v>
      </c>
    </row>
    <row r="6233" spans="2:42" x14ac:dyDescent="0.3">
      <c r="B6233">
        <v>66.017460747008982</v>
      </c>
      <c r="C6233" s="83">
        <v>43360.625</v>
      </c>
      <c r="D6233">
        <v>285256.12119999999</v>
      </c>
      <c r="E6233">
        <v>34745.073400000001</v>
      </c>
      <c r="F6233">
        <v>97965.991949999996</v>
      </c>
      <c r="G6233">
        <v>67179.617440000002</v>
      </c>
      <c r="H6233">
        <v>49657.136619999997</v>
      </c>
      <c r="I6233">
        <v>38680.764609999998</v>
      </c>
      <c r="J6233">
        <v>42439.272669999998</v>
      </c>
      <c r="K6233">
        <v>63286.115550000002</v>
      </c>
      <c r="L6233">
        <v>25319.927479999998</v>
      </c>
      <c r="M6233">
        <v>336587.80160000001</v>
      </c>
      <c r="N6233">
        <v>96550.340779999999</v>
      </c>
      <c r="O6233">
        <v>24791.456829999999</v>
      </c>
      <c r="P6233">
        <v>29143.968529999998</v>
      </c>
      <c r="Q6233">
        <v>98817.780429999999</v>
      </c>
      <c r="R6233">
        <v>24301.995220000001</v>
      </c>
      <c r="S6233">
        <v>107713.46460000001</v>
      </c>
      <c r="T6233">
        <v>31482.077679999999</v>
      </c>
      <c r="U6233">
        <v>22495.390660000001</v>
      </c>
      <c r="W6233" s="83">
        <f>Bühler!N6265</f>
        <v>45551.624999984888</v>
      </c>
      <c r="X6233" s="83">
        <v>43360.625</v>
      </c>
      <c r="Y6233">
        <v>285256.12119999999</v>
      </c>
      <c r="Z6233">
        <v>34745.073400000001</v>
      </c>
      <c r="AA6233">
        <v>97965.991949999996</v>
      </c>
      <c r="AB6233">
        <v>67179.617440000002</v>
      </c>
      <c r="AC6233">
        <v>49657.136619999997</v>
      </c>
      <c r="AD6233">
        <v>38680.764609999998</v>
      </c>
      <c r="AE6233">
        <v>42439.272669999998</v>
      </c>
      <c r="AF6233">
        <v>63286.115550000002</v>
      </c>
      <c r="AG6233">
        <v>25319.927479999998</v>
      </c>
      <c r="AH6233">
        <v>336587.80160000001</v>
      </c>
      <c r="AI6233">
        <v>96550.340779999999</v>
      </c>
      <c r="AJ6233">
        <v>24791.456829999999</v>
      </c>
      <c r="AK6233">
        <v>29143.968529999998</v>
      </c>
      <c r="AL6233">
        <v>98817.780429999999</v>
      </c>
      <c r="AM6233">
        <v>24301.995220000001</v>
      </c>
      <c r="AN6233">
        <v>107713.46460000001</v>
      </c>
      <c r="AO6233">
        <v>31482.077679999999</v>
      </c>
      <c r="AP6233">
        <v>22495.390660000001</v>
      </c>
    </row>
    <row r="6234" spans="2:42" x14ac:dyDescent="0.3">
      <c r="B6234">
        <v>64.792996392183895</v>
      </c>
      <c r="C6234" s="83">
        <v>43360.666666666664</v>
      </c>
      <c r="D6234">
        <v>277622.92389999999</v>
      </c>
      <c r="E6234">
        <v>33852.432950000002</v>
      </c>
      <c r="F6234">
        <v>97307.826060000007</v>
      </c>
      <c r="G6234">
        <v>62381.12066</v>
      </c>
      <c r="H6234">
        <v>47495.790780000003</v>
      </c>
      <c r="I6234">
        <v>39808.595240000002</v>
      </c>
      <c r="J6234">
        <v>41368.898500000003</v>
      </c>
      <c r="K6234">
        <v>59404.970099999999</v>
      </c>
      <c r="L6234">
        <v>24232.880809999999</v>
      </c>
      <c r="M6234">
        <v>330344.91129999998</v>
      </c>
      <c r="N6234">
        <v>93226.131290000005</v>
      </c>
      <c r="O6234">
        <v>24856.502090000002</v>
      </c>
      <c r="P6234">
        <v>29449.785670000001</v>
      </c>
      <c r="Q6234">
        <v>97618.289189999996</v>
      </c>
      <c r="R6234">
        <v>23277.426749999999</v>
      </c>
      <c r="S6234">
        <v>104113.6856</v>
      </c>
      <c r="T6234">
        <v>31339.369790000001</v>
      </c>
      <c r="U6234">
        <v>20662.424620000002</v>
      </c>
      <c r="W6234" s="83">
        <f>Bühler!N6266</f>
        <v>45551.666666651552</v>
      </c>
      <c r="X6234" s="83">
        <v>43360.666666666664</v>
      </c>
      <c r="Y6234">
        <v>277622.92389999999</v>
      </c>
      <c r="Z6234">
        <v>33852.432950000002</v>
      </c>
      <c r="AA6234">
        <v>97307.826060000007</v>
      </c>
      <c r="AB6234">
        <v>62381.12066</v>
      </c>
      <c r="AC6234">
        <v>47495.790780000003</v>
      </c>
      <c r="AD6234">
        <v>39808.595240000002</v>
      </c>
      <c r="AE6234">
        <v>41368.898500000003</v>
      </c>
      <c r="AF6234">
        <v>59404.970099999999</v>
      </c>
      <c r="AG6234">
        <v>24232.880809999999</v>
      </c>
      <c r="AH6234">
        <v>330344.91129999998</v>
      </c>
      <c r="AI6234">
        <v>93226.131290000005</v>
      </c>
      <c r="AJ6234">
        <v>24856.502090000002</v>
      </c>
      <c r="AK6234">
        <v>29449.785670000001</v>
      </c>
      <c r="AL6234">
        <v>97618.289189999996</v>
      </c>
      <c r="AM6234">
        <v>23277.426749999999</v>
      </c>
      <c r="AN6234">
        <v>104113.6856</v>
      </c>
      <c r="AO6234">
        <v>31339.369790000001</v>
      </c>
      <c r="AP6234">
        <v>20662.424620000002</v>
      </c>
    </row>
    <row r="6235" spans="2:42" x14ac:dyDescent="0.3">
      <c r="B6235">
        <v>63.539888109909867</v>
      </c>
      <c r="C6235" s="83">
        <v>43360.708333333336</v>
      </c>
      <c r="D6235">
        <v>265468.79550000001</v>
      </c>
      <c r="E6235">
        <v>31864.249500000002</v>
      </c>
      <c r="F6235">
        <v>95486.602610000002</v>
      </c>
      <c r="G6235">
        <v>54880.478109999996</v>
      </c>
      <c r="H6235">
        <v>45155.944199999998</v>
      </c>
      <c r="I6235">
        <v>39433.527069999996</v>
      </c>
      <c r="J6235">
        <v>41642.9925</v>
      </c>
      <c r="K6235">
        <v>53696.287329999999</v>
      </c>
      <c r="L6235">
        <v>24738.155640000001</v>
      </c>
      <c r="M6235">
        <v>323955.98090000002</v>
      </c>
      <c r="N6235">
        <v>89440.853589999999</v>
      </c>
      <c r="O6235">
        <v>23213.724569999998</v>
      </c>
      <c r="P6235">
        <v>30224.66416</v>
      </c>
      <c r="Q6235">
        <v>95972.373019999999</v>
      </c>
      <c r="R6235">
        <v>23322.847839999999</v>
      </c>
      <c r="S6235">
        <v>100550.66650000001</v>
      </c>
      <c r="T6235">
        <v>29926.568960000001</v>
      </c>
      <c r="U6235">
        <v>18382.455580000002</v>
      </c>
      <c r="W6235" s="83">
        <f>Bühler!N6267</f>
        <v>45551.708333318216</v>
      </c>
      <c r="X6235" s="83">
        <v>43360.708333333336</v>
      </c>
      <c r="Y6235">
        <v>265468.79550000001</v>
      </c>
      <c r="Z6235">
        <v>31864.249500000002</v>
      </c>
      <c r="AA6235">
        <v>95486.602610000002</v>
      </c>
      <c r="AB6235">
        <v>54880.478109999996</v>
      </c>
      <c r="AC6235">
        <v>45155.944199999998</v>
      </c>
      <c r="AD6235">
        <v>39433.527069999996</v>
      </c>
      <c r="AE6235">
        <v>41642.9925</v>
      </c>
      <c r="AF6235">
        <v>53696.287329999999</v>
      </c>
      <c r="AG6235">
        <v>24738.155640000001</v>
      </c>
      <c r="AH6235">
        <v>323955.98090000002</v>
      </c>
      <c r="AI6235">
        <v>89440.853589999999</v>
      </c>
      <c r="AJ6235">
        <v>23213.724569999998</v>
      </c>
      <c r="AK6235">
        <v>30224.66416</v>
      </c>
      <c r="AL6235">
        <v>95972.373019999999</v>
      </c>
      <c r="AM6235">
        <v>23322.847839999999</v>
      </c>
      <c r="AN6235">
        <v>100550.66650000001</v>
      </c>
      <c r="AO6235">
        <v>29926.568960000001</v>
      </c>
      <c r="AP6235">
        <v>18382.455580000002</v>
      </c>
    </row>
    <row r="6236" spans="2:42" x14ac:dyDescent="0.3">
      <c r="B6236">
        <v>62.518215640066309</v>
      </c>
      <c r="C6236" s="83">
        <v>43360.75</v>
      </c>
      <c r="D6236">
        <v>260012.4466</v>
      </c>
      <c r="E6236">
        <v>28560.95696</v>
      </c>
      <c r="F6236">
        <v>93534.531409999996</v>
      </c>
      <c r="G6236">
        <v>46663.474490000001</v>
      </c>
      <c r="H6236">
        <v>42717.931660000002</v>
      </c>
      <c r="I6236">
        <v>37627.506580000001</v>
      </c>
      <c r="J6236">
        <v>41772.922359999997</v>
      </c>
      <c r="K6236">
        <v>52015.127009999997</v>
      </c>
      <c r="L6236">
        <v>26051.719819999998</v>
      </c>
      <c r="M6236">
        <v>318747.01819999999</v>
      </c>
      <c r="N6236">
        <v>86788.232189999995</v>
      </c>
      <c r="O6236">
        <v>21126.061030000001</v>
      </c>
      <c r="P6236">
        <v>32916.425920000001</v>
      </c>
      <c r="Q6236">
        <v>93431.286410000001</v>
      </c>
      <c r="R6236">
        <v>21877.92755</v>
      </c>
      <c r="S6236">
        <v>93651.26814</v>
      </c>
      <c r="T6236">
        <v>29797.951880000001</v>
      </c>
      <c r="U6236">
        <v>16662.380089999999</v>
      </c>
      <c r="W6236" s="83">
        <f>Bühler!N6268</f>
        <v>45551.749999984881</v>
      </c>
      <c r="X6236" s="83">
        <v>43360.75</v>
      </c>
      <c r="Y6236">
        <v>260012.4466</v>
      </c>
      <c r="Z6236">
        <v>28560.95696</v>
      </c>
      <c r="AA6236">
        <v>93534.531409999996</v>
      </c>
      <c r="AB6236">
        <v>46663.474490000001</v>
      </c>
      <c r="AC6236">
        <v>42717.931660000002</v>
      </c>
      <c r="AD6236">
        <v>37627.506580000001</v>
      </c>
      <c r="AE6236">
        <v>41772.922359999997</v>
      </c>
      <c r="AF6236">
        <v>52015.127009999997</v>
      </c>
      <c r="AG6236">
        <v>26051.719819999998</v>
      </c>
      <c r="AH6236">
        <v>318747.01819999999</v>
      </c>
      <c r="AI6236">
        <v>86788.232189999995</v>
      </c>
      <c r="AJ6236">
        <v>21126.061030000001</v>
      </c>
      <c r="AK6236">
        <v>32916.425920000001</v>
      </c>
      <c r="AL6236">
        <v>93431.286410000001</v>
      </c>
      <c r="AM6236">
        <v>21877.92755</v>
      </c>
      <c r="AN6236">
        <v>93651.26814</v>
      </c>
      <c r="AO6236">
        <v>29797.951880000001</v>
      </c>
      <c r="AP6236">
        <v>16662.380089999999</v>
      </c>
    </row>
    <row r="6237" spans="2:42" x14ac:dyDescent="0.3">
      <c r="B6237">
        <v>61.719597246434191</v>
      </c>
      <c r="C6237" s="83">
        <v>43360.791666666664</v>
      </c>
      <c r="D6237">
        <v>254446.7562</v>
      </c>
      <c r="E6237">
        <v>23063.748599999999</v>
      </c>
      <c r="F6237">
        <v>83201.775330000004</v>
      </c>
      <c r="G6237">
        <v>43292.486149999997</v>
      </c>
      <c r="H6237">
        <v>40694.407780000001</v>
      </c>
      <c r="I6237">
        <v>34946.445019999999</v>
      </c>
      <c r="J6237">
        <v>41132.10583</v>
      </c>
      <c r="K6237">
        <v>52026.891089999997</v>
      </c>
      <c r="L6237">
        <v>26701.960859999999</v>
      </c>
      <c r="M6237">
        <v>314675.2892</v>
      </c>
      <c r="N6237">
        <v>84635.298509999993</v>
      </c>
      <c r="O6237">
        <v>20856.504150000001</v>
      </c>
      <c r="P6237">
        <v>34992.301700000004</v>
      </c>
      <c r="Q6237">
        <v>90989.099679999999</v>
      </c>
      <c r="R6237">
        <v>21667.715270000001</v>
      </c>
      <c r="S6237">
        <v>88576.214200000002</v>
      </c>
      <c r="T6237">
        <v>30505.693930000001</v>
      </c>
      <c r="U6237">
        <v>16031.710510000001</v>
      </c>
      <c r="W6237" s="83">
        <f>Bühler!N6269</f>
        <v>45551.791666651545</v>
      </c>
      <c r="X6237" s="83">
        <v>43360.791666666664</v>
      </c>
      <c r="Y6237">
        <v>254446.7562</v>
      </c>
      <c r="Z6237">
        <v>23063.748599999999</v>
      </c>
      <c r="AA6237">
        <v>83201.775330000004</v>
      </c>
      <c r="AB6237">
        <v>43292.486149999997</v>
      </c>
      <c r="AC6237">
        <v>40694.407780000001</v>
      </c>
      <c r="AD6237">
        <v>34946.445019999999</v>
      </c>
      <c r="AE6237">
        <v>41132.10583</v>
      </c>
      <c r="AF6237">
        <v>52026.891089999997</v>
      </c>
      <c r="AG6237">
        <v>26701.960859999999</v>
      </c>
      <c r="AH6237">
        <v>314675.2892</v>
      </c>
      <c r="AI6237">
        <v>84635.298509999993</v>
      </c>
      <c r="AJ6237">
        <v>20856.504150000001</v>
      </c>
      <c r="AK6237">
        <v>34992.301700000004</v>
      </c>
      <c r="AL6237">
        <v>90989.099679999999</v>
      </c>
      <c r="AM6237">
        <v>21667.715270000001</v>
      </c>
      <c r="AN6237">
        <v>88576.214200000002</v>
      </c>
      <c r="AO6237">
        <v>30505.693930000001</v>
      </c>
      <c r="AP6237">
        <v>16031.710510000001</v>
      </c>
    </row>
    <row r="6238" spans="2:42" x14ac:dyDescent="0.3">
      <c r="B6238">
        <v>60.520867297055766</v>
      </c>
      <c r="C6238" s="83">
        <v>43360.833333333336</v>
      </c>
      <c r="D6238">
        <v>246956.19820000001</v>
      </c>
      <c r="E6238">
        <v>17437.425080000001</v>
      </c>
      <c r="F6238">
        <v>69022.59504</v>
      </c>
      <c r="G6238">
        <v>39192.534540000001</v>
      </c>
      <c r="H6238">
        <v>39440.690790000001</v>
      </c>
      <c r="I6238">
        <v>31509.792259999998</v>
      </c>
      <c r="J6238">
        <v>42838.925159999999</v>
      </c>
      <c r="K6238">
        <v>50695.649649999999</v>
      </c>
      <c r="L6238">
        <v>26085.44226</v>
      </c>
      <c r="M6238">
        <v>308563.60489999998</v>
      </c>
      <c r="N6238">
        <v>82406.844989999998</v>
      </c>
      <c r="O6238">
        <v>19883.755209999999</v>
      </c>
      <c r="P6238">
        <v>35326.796009999998</v>
      </c>
      <c r="Q6238">
        <v>88398.472899999993</v>
      </c>
      <c r="R6238">
        <v>20208.453979999998</v>
      </c>
      <c r="S6238">
        <v>82643.391369999998</v>
      </c>
      <c r="T6238">
        <v>30092.794269999999</v>
      </c>
      <c r="U6238">
        <v>15344.768099999999</v>
      </c>
      <c r="W6238" s="83">
        <f>Bühler!N6270</f>
        <v>45551.833333318209</v>
      </c>
      <c r="X6238" s="83">
        <v>43360.833333333336</v>
      </c>
      <c r="Y6238">
        <v>246956.19820000001</v>
      </c>
      <c r="Z6238">
        <v>17437.425080000001</v>
      </c>
      <c r="AA6238">
        <v>69022.59504</v>
      </c>
      <c r="AB6238">
        <v>39192.534540000001</v>
      </c>
      <c r="AC6238">
        <v>39440.690790000001</v>
      </c>
      <c r="AD6238">
        <v>31509.792259999998</v>
      </c>
      <c r="AE6238">
        <v>42838.925159999999</v>
      </c>
      <c r="AF6238">
        <v>50695.649649999999</v>
      </c>
      <c r="AG6238">
        <v>26085.44226</v>
      </c>
      <c r="AH6238">
        <v>308563.60489999998</v>
      </c>
      <c r="AI6238">
        <v>82406.844989999998</v>
      </c>
      <c r="AJ6238">
        <v>19883.755209999999</v>
      </c>
      <c r="AK6238">
        <v>35326.796009999998</v>
      </c>
      <c r="AL6238">
        <v>88398.472899999993</v>
      </c>
      <c r="AM6238">
        <v>20208.453979999998</v>
      </c>
      <c r="AN6238">
        <v>82643.391369999998</v>
      </c>
      <c r="AO6238">
        <v>30092.794269999999</v>
      </c>
      <c r="AP6238">
        <v>15344.768099999999</v>
      </c>
    </row>
    <row r="6239" spans="2:42" x14ac:dyDescent="0.3">
      <c r="B6239">
        <v>58.166854875470094</v>
      </c>
      <c r="C6239" s="83">
        <v>43360.875</v>
      </c>
      <c r="D6239">
        <v>238679.08780000001</v>
      </c>
      <c r="E6239">
        <v>14704.82331</v>
      </c>
      <c r="F6239">
        <v>60777.639569999999</v>
      </c>
      <c r="G6239">
        <v>36833.574099999998</v>
      </c>
      <c r="H6239">
        <v>37414.41949</v>
      </c>
      <c r="I6239">
        <v>28040.333719999999</v>
      </c>
      <c r="J6239">
        <v>41709.6872</v>
      </c>
      <c r="K6239">
        <v>50309.251029999999</v>
      </c>
      <c r="L6239">
        <v>24540.31034</v>
      </c>
      <c r="M6239">
        <v>296561.75180000003</v>
      </c>
      <c r="N6239">
        <v>79792.897400000002</v>
      </c>
      <c r="O6239">
        <v>18399.712299999999</v>
      </c>
      <c r="P6239">
        <v>33718.450539999998</v>
      </c>
      <c r="Q6239">
        <v>85818.229250000004</v>
      </c>
      <c r="R6239">
        <v>18967.70577</v>
      </c>
      <c r="S6239">
        <v>78345.423850000006</v>
      </c>
      <c r="T6239">
        <v>27456.099750000001</v>
      </c>
      <c r="U6239">
        <v>14008.794690000001</v>
      </c>
      <c r="W6239" s="83">
        <f>Bühler!N6271</f>
        <v>45551.874999984873</v>
      </c>
      <c r="X6239" s="83">
        <v>43360.875</v>
      </c>
      <c r="Y6239">
        <v>238679.08780000001</v>
      </c>
      <c r="Z6239">
        <v>14704.82331</v>
      </c>
      <c r="AA6239">
        <v>60777.639569999999</v>
      </c>
      <c r="AB6239">
        <v>36833.574099999998</v>
      </c>
      <c r="AC6239">
        <v>37414.41949</v>
      </c>
      <c r="AD6239">
        <v>28040.333719999999</v>
      </c>
      <c r="AE6239">
        <v>41709.6872</v>
      </c>
      <c r="AF6239">
        <v>50309.251029999999</v>
      </c>
      <c r="AG6239">
        <v>24540.31034</v>
      </c>
      <c r="AH6239">
        <v>296561.75180000003</v>
      </c>
      <c r="AI6239">
        <v>79792.897400000002</v>
      </c>
      <c r="AJ6239">
        <v>18399.712299999999</v>
      </c>
      <c r="AK6239">
        <v>33718.450539999998</v>
      </c>
      <c r="AL6239">
        <v>85818.229250000004</v>
      </c>
      <c r="AM6239">
        <v>18967.70577</v>
      </c>
      <c r="AN6239">
        <v>78345.423850000006</v>
      </c>
      <c r="AO6239">
        <v>27456.099750000001</v>
      </c>
      <c r="AP6239">
        <v>14008.794690000001</v>
      </c>
    </row>
    <row r="6240" spans="2:42" x14ac:dyDescent="0.3">
      <c r="B6240">
        <v>58.012103005577899</v>
      </c>
      <c r="C6240" s="83">
        <v>43360.916666666664</v>
      </c>
      <c r="D6240">
        <v>238308.4523</v>
      </c>
      <c r="E6240">
        <v>13965.06092</v>
      </c>
      <c r="F6240">
        <v>58680.190540000003</v>
      </c>
      <c r="G6240">
        <v>34546.573109999998</v>
      </c>
      <c r="H6240">
        <v>36504.124000000003</v>
      </c>
      <c r="I6240">
        <v>25727.292860000001</v>
      </c>
      <c r="J6240">
        <v>39764.293239999999</v>
      </c>
      <c r="K6240">
        <v>52387.257270000002</v>
      </c>
      <c r="L6240">
        <v>21844.400140000002</v>
      </c>
      <c r="M6240">
        <v>295772.75459999999</v>
      </c>
      <c r="N6240">
        <v>78634.377009999997</v>
      </c>
      <c r="O6240">
        <v>17716.100750000001</v>
      </c>
      <c r="P6240">
        <v>34003.752439999997</v>
      </c>
      <c r="Q6240">
        <v>85077.894230000005</v>
      </c>
      <c r="R6240">
        <v>19849.08712</v>
      </c>
      <c r="S6240">
        <v>76565.808959999995</v>
      </c>
      <c r="T6240">
        <v>22743.928950000001</v>
      </c>
      <c r="U6240">
        <v>13547.98322</v>
      </c>
      <c r="W6240" s="83">
        <f>Bühler!N6272</f>
        <v>45551.916666651538</v>
      </c>
      <c r="X6240" s="83">
        <v>43360.916666666664</v>
      </c>
      <c r="Y6240">
        <v>238308.4523</v>
      </c>
      <c r="Z6240">
        <v>13965.06092</v>
      </c>
      <c r="AA6240">
        <v>58680.190540000003</v>
      </c>
      <c r="AB6240">
        <v>34546.573109999998</v>
      </c>
      <c r="AC6240">
        <v>36504.124000000003</v>
      </c>
      <c r="AD6240">
        <v>25727.292860000001</v>
      </c>
      <c r="AE6240">
        <v>39764.293239999999</v>
      </c>
      <c r="AF6240">
        <v>52387.257270000002</v>
      </c>
      <c r="AG6240">
        <v>21844.400140000002</v>
      </c>
      <c r="AH6240">
        <v>295772.75459999999</v>
      </c>
      <c r="AI6240">
        <v>78634.377009999997</v>
      </c>
      <c r="AJ6240">
        <v>17716.100750000001</v>
      </c>
      <c r="AK6240">
        <v>34003.752439999997</v>
      </c>
      <c r="AL6240">
        <v>85077.894230000005</v>
      </c>
      <c r="AM6240">
        <v>19849.08712</v>
      </c>
      <c r="AN6240">
        <v>76565.808959999995</v>
      </c>
      <c r="AO6240">
        <v>22743.928950000001</v>
      </c>
      <c r="AP6240">
        <v>13547.98322</v>
      </c>
    </row>
    <row r="6241" spans="2:42" x14ac:dyDescent="0.3">
      <c r="B6241">
        <v>57.678811367263741</v>
      </c>
      <c r="C6241" s="83">
        <v>43360.958333333336</v>
      </c>
      <c r="D6241">
        <v>237113.41260000001</v>
      </c>
      <c r="E6241">
        <v>13385.861860000001</v>
      </c>
      <c r="F6241">
        <v>58067.710579999999</v>
      </c>
      <c r="G6241">
        <v>33575.607680000001</v>
      </c>
      <c r="H6241">
        <v>35524.91102</v>
      </c>
      <c r="I6241">
        <v>24318.157029999998</v>
      </c>
      <c r="J6241">
        <v>36305.111290000001</v>
      </c>
      <c r="K6241">
        <v>51948.872869999999</v>
      </c>
      <c r="L6241">
        <v>19129.56914</v>
      </c>
      <c r="M6241">
        <v>294073.47840000002</v>
      </c>
      <c r="N6241">
        <v>77438.051019999999</v>
      </c>
      <c r="O6241">
        <v>16834.307570000001</v>
      </c>
      <c r="P6241">
        <v>29530.118119999999</v>
      </c>
      <c r="Q6241">
        <v>84887.591509999998</v>
      </c>
      <c r="R6241">
        <v>18966.89976</v>
      </c>
      <c r="S6241">
        <v>74117.449510000006</v>
      </c>
      <c r="T6241">
        <v>20512.88279</v>
      </c>
      <c r="U6241">
        <v>13253.01576</v>
      </c>
      <c r="W6241" s="83">
        <f>Bühler!N6273</f>
        <v>45551.958333318202</v>
      </c>
      <c r="X6241" s="83">
        <v>43360.958333333336</v>
      </c>
      <c r="Y6241">
        <v>237113.41260000001</v>
      </c>
      <c r="Z6241">
        <v>13385.861860000001</v>
      </c>
      <c r="AA6241">
        <v>58067.710579999999</v>
      </c>
      <c r="AB6241">
        <v>33575.607680000001</v>
      </c>
      <c r="AC6241">
        <v>35524.91102</v>
      </c>
      <c r="AD6241">
        <v>24318.157029999998</v>
      </c>
      <c r="AE6241">
        <v>36305.111290000001</v>
      </c>
      <c r="AF6241">
        <v>51948.872869999999</v>
      </c>
      <c r="AG6241">
        <v>19129.56914</v>
      </c>
      <c r="AH6241">
        <v>294073.47840000002</v>
      </c>
      <c r="AI6241">
        <v>77438.051019999999</v>
      </c>
      <c r="AJ6241">
        <v>16834.307570000001</v>
      </c>
      <c r="AK6241">
        <v>29530.118119999999</v>
      </c>
      <c r="AL6241">
        <v>84887.591509999998</v>
      </c>
      <c r="AM6241">
        <v>18966.89976</v>
      </c>
      <c r="AN6241">
        <v>74117.449510000006</v>
      </c>
      <c r="AO6241">
        <v>20512.88279</v>
      </c>
      <c r="AP6241">
        <v>13253.01576</v>
      </c>
    </row>
    <row r="6242" spans="2:42" x14ac:dyDescent="0.3">
      <c r="B6242">
        <v>57.220203279423906</v>
      </c>
      <c r="C6242" s="83">
        <v>43361</v>
      </c>
      <c r="D6242">
        <v>236027.49900000001</v>
      </c>
      <c r="E6242">
        <v>12974.298409999999</v>
      </c>
      <c r="F6242">
        <v>56391.489950000003</v>
      </c>
      <c r="G6242">
        <v>32607.246810000001</v>
      </c>
      <c r="H6242">
        <v>34834.375350000002</v>
      </c>
      <c r="I6242">
        <v>22548.897690000002</v>
      </c>
      <c r="J6242">
        <v>33308.00632</v>
      </c>
      <c r="K6242">
        <v>49755.443249999997</v>
      </c>
      <c r="L6242">
        <v>18167.079730000001</v>
      </c>
      <c r="M6242">
        <v>291735.28049999999</v>
      </c>
      <c r="N6242">
        <v>77036.200880000004</v>
      </c>
      <c r="O6242">
        <v>16145.73106</v>
      </c>
      <c r="P6242">
        <v>27159.752670000002</v>
      </c>
      <c r="Q6242">
        <v>84777.348050000001</v>
      </c>
      <c r="R6242">
        <v>16590.374339999998</v>
      </c>
      <c r="S6242">
        <v>72993.935800000007</v>
      </c>
      <c r="T6242">
        <v>19274.40437</v>
      </c>
      <c r="U6242">
        <v>12969.31177</v>
      </c>
      <c r="W6242" s="83">
        <f>Bühler!N6274</f>
        <v>45551.999999984866</v>
      </c>
      <c r="X6242" s="83">
        <v>43361</v>
      </c>
      <c r="Y6242">
        <v>236027.49900000001</v>
      </c>
      <c r="Z6242">
        <v>12974.298409999999</v>
      </c>
      <c r="AA6242">
        <v>56391.489950000003</v>
      </c>
      <c r="AB6242">
        <v>32607.246810000001</v>
      </c>
      <c r="AC6242">
        <v>34834.375350000002</v>
      </c>
      <c r="AD6242">
        <v>22548.897690000002</v>
      </c>
      <c r="AE6242">
        <v>33308.00632</v>
      </c>
      <c r="AF6242">
        <v>49755.443249999997</v>
      </c>
      <c r="AG6242">
        <v>18167.079730000001</v>
      </c>
      <c r="AH6242">
        <v>291735.28049999999</v>
      </c>
      <c r="AI6242">
        <v>77036.200880000004</v>
      </c>
      <c r="AJ6242">
        <v>16145.73106</v>
      </c>
      <c r="AK6242">
        <v>27159.752670000002</v>
      </c>
      <c r="AL6242">
        <v>84777.348050000001</v>
      </c>
      <c r="AM6242">
        <v>16590.374339999998</v>
      </c>
      <c r="AN6242">
        <v>72993.935800000007</v>
      </c>
      <c r="AO6242">
        <v>19274.40437</v>
      </c>
      <c r="AP6242">
        <v>12969.31177</v>
      </c>
    </row>
    <row r="6243" spans="2:42" x14ac:dyDescent="0.3">
      <c r="B6243">
        <v>56.935204202732415</v>
      </c>
      <c r="C6243" s="83">
        <v>43361.041666666664</v>
      </c>
      <c r="D6243">
        <v>234613.41070000001</v>
      </c>
      <c r="E6243">
        <v>12725.803669999999</v>
      </c>
      <c r="F6243">
        <v>55930.54636</v>
      </c>
      <c r="G6243">
        <v>32001.614659999999</v>
      </c>
      <c r="H6243">
        <v>34212.264389999997</v>
      </c>
      <c r="I6243">
        <v>18447.749360000002</v>
      </c>
      <c r="J6243">
        <v>32138.612840000002</v>
      </c>
      <c r="K6243">
        <v>47821.342640000003</v>
      </c>
      <c r="L6243">
        <v>17260.33885</v>
      </c>
      <c r="M6243">
        <v>290282.22230000002</v>
      </c>
      <c r="N6243">
        <v>75587.711769999994</v>
      </c>
      <c r="O6243">
        <v>15908.621010000001</v>
      </c>
      <c r="P6243">
        <v>25121.891599999999</v>
      </c>
      <c r="Q6243">
        <v>85806.587530000004</v>
      </c>
      <c r="R6243">
        <v>15325.110790000001</v>
      </c>
      <c r="S6243">
        <v>71435.946190000002</v>
      </c>
      <c r="T6243">
        <v>18679.235710000001</v>
      </c>
      <c r="U6243">
        <v>12496.55552</v>
      </c>
      <c r="W6243" s="83">
        <f>Bühler!N6275</f>
        <v>45552.04166665153</v>
      </c>
      <c r="X6243" s="83">
        <v>43361.041666666664</v>
      </c>
      <c r="Y6243">
        <v>234613.41070000001</v>
      </c>
      <c r="Z6243">
        <v>12725.803669999999</v>
      </c>
      <c r="AA6243">
        <v>55930.54636</v>
      </c>
      <c r="AB6243">
        <v>32001.614659999999</v>
      </c>
      <c r="AC6243">
        <v>34212.264389999997</v>
      </c>
      <c r="AD6243">
        <v>18447.749360000002</v>
      </c>
      <c r="AE6243">
        <v>32138.612840000002</v>
      </c>
      <c r="AF6243">
        <v>47821.342640000003</v>
      </c>
      <c r="AG6243">
        <v>17260.33885</v>
      </c>
      <c r="AH6243">
        <v>290282.22230000002</v>
      </c>
      <c r="AI6243">
        <v>75587.711769999994</v>
      </c>
      <c r="AJ6243">
        <v>15908.621010000001</v>
      </c>
      <c r="AK6243">
        <v>25121.891599999999</v>
      </c>
      <c r="AL6243">
        <v>85806.587530000004</v>
      </c>
      <c r="AM6243">
        <v>15325.110790000001</v>
      </c>
      <c r="AN6243">
        <v>71435.946190000002</v>
      </c>
      <c r="AO6243">
        <v>18679.235710000001</v>
      </c>
      <c r="AP6243">
        <v>12496.55552</v>
      </c>
    </row>
    <row r="6244" spans="2:42" x14ac:dyDescent="0.3">
      <c r="B6244">
        <v>57.259732048760199</v>
      </c>
      <c r="C6244" s="83">
        <v>43361.083333333336</v>
      </c>
      <c r="D6244">
        <v>235143.2469</v>
      </c>
      <c r="E6244">
        <v>12578.15244</v>
      </c>
      <c r="F6244">
        <v>56391.328419999998</v>
      </c>
      <c r="G6244">
        <v>31426.97481</v>
      </c>
      <c r="H6244">
        <v>33718.19558</v>
      </c>
      <c r="I6244">
        <v>16626.70131</v>
      </c>
      <c r="J6244">
        <v>31906.713350000002</v>
      </c>
      <c r="K6244">
        <v>46963.567069999997</v>
      </c>
      <c r="L6244">
        <v>16539.89833</v>
      </c>
      <c r="M6244">
        <v>291936.81660000002</v>
      </c>
      <c r="N6244">
        <v>75195.886079999997</v>
      </c>
      <c r="O6244">
        <v>16056.52795</v>
      </c>
      <c r="P6244">
        <v>23943.500189999999</v>
      </c>
      <c r="Q6244">
        <v>87220.687860000005</v>
      </c>
      <c r="R6244">
        <v>15544.566870000001</v>
      </c>
      <c r="S6244">
        <v>70765.544880000001</v>
      </c>
      <c r="T6244">
        <v>18345.065480000001</v>
      </c>
      <c r="U6244">
        <v>12159.66606</v>
      </c>
      <c r="W6244" s="83">
        <f>Bühler!N6276</f>
        <v>45552.083333318194</v>
      </c>
      <c r="X6244" s="83">
        <v>43361.083333333336</v>
      </c>
      <c r="Y6244">
        <v>235143.2469</v>
      </c>
      <c r="Z6244">
        <v>12578.15244</v>
      </c>
      <c r="AA6244">
        <v>56391.328419999998</v>
      </c>
      <c r="AB6244">
        <v>31426.97481</v>
      </c>
      <c r="AC6244">
        <v>33718.19558</v>
      </c>
      <c r="AD6244">
        <v>16626.70131</v>
      </c>
      <c r="AE6244">
        <v>31906.713350000002</v>
      </c>
      <c r="AF6244">
        <v>46963.567069999997</v>
      </c>
      <c r="AG6244">
        <v>16539.89833</v>
      </c>
      <c r="AH6244">
        <v>291936.81660000002</v>
      </c>
      <c r="AI6244">
        <v>75195.886079999997</v>
      </c>
      <c r="AJ6244">
        <v>16056.52795</v>
      </c>
      <c r="AK6244">
        <v>23943.500189999999</v>
      </c>
      <c r="AL6244">
        <v>87220.687860000005</v>
      </c>
      <c r="AM6244">
        <v>15544.566870000001</v>
      </c>
      <c r="AN6244">
        <v>70765.544880000001</v>
      </c>
      <c r="AO6244">
        <v>18345.065480000001</v>
      </c>
      <c r="AP6244">
        <v>12159.66606</v>
      </c>
    </row>
    <row r="6245" spans="2:42" x14ac:dyDescent="0.3">
      <c r="B6245">
        <v>58.00384426713071</v>
      </c>
      <c r="C6245" s="83">
        <v>43361.125</v>
      </c>
      <c r="D6245">
        <v>236554.3082</v>
      </c>
      <c r="E6245">
        <v>12581.489869999999</v>
      </c>
      <c r="F6245">
        <v>57252.417450000001</v>
      </c>
      <c r="G6245">
        <v>30411.83554</v>
      </c>
      <c r="H6245">
        <v>33464.98558</v>
      </c>
      <c r="I6245">
        <v>16647.701509999999</v>
      </c>
      <c r="J6245">
        <v>32162.50605</v>
      </c>
      <c r="K6245">
        <v>45051.917939999999</v>
      </c>
      <c r="L6245">
        <v>16220.31482</v>
      </c>
      <c r="M6245">
        <v>295730.64769999997</v>
      </c>
      <c r="N6245">
        <v>73921.485560000001</v>
      </c>
      <c r="O6245">
        <v>15720.09755</v>
      </c>
      <c r="P6245">
        <v>23012.497169999999</v>
      </c>
      <c r="Q6245">
        <v>90737.5867</v>
      </c>
      <c r="R6245">
        <v>14613.54269</v>
      </c>
      <c r="S6245">
        <v>70074.813769999993</v>
      </c>
      <c r="T6245">
        <v>18027.32014</v>
      </c>
      <c r="U6245">
        <v>12182.667439999999</v>
      </c>
      <c r="W6245" s="83">
        <f>Bühler!N6277</f>
        <v>45552.124999984859</v>
      </c>
      <c r="X6245" s="83">
        <v>43361.125</v>
      </c>
      <c r="Y6245">
        <v>236554.3082</v>
      </c>
      <c r="Z6245">
        <v>12581.489869999999</v>
      </c>
      <c r="AA6245">
        <v>57252.417450000001</v>
      </c>
      <c r="AB6245">
        <v>30411.83554</v>
      </c>
      <c r="AC6245">
        <v>33464.98558</v>
      </c>
      <c r="AD6245">
        <v>16647.701509999999</v>
      </c>
      <c r="AE6245">
        <v>32162.50605</v>
      </c>
      <c r="AF6245">
        <v>45051.917939999999</v>
      </c>
      <c r="AG6245">
        <v>16220.31482</v>
      </c>
      <c r="AH6245">
        <v>295730.64769999997</v>
      </c>
      <c r="AI6245">
        <v>73921.485560000001</v>
      </c>
      <c r="AJ6245">
        <v>15720.09755</v>
      </c>
      <c r="AK6245">
        <v>23012.497169999999</v>
      </c>
      <c r="AL6245">
        <v>90737.5867</v>
      </c>
      <c r="AM6245">
        <v>14613.54269</v>
      </c>
      <c r="AN6245">
        <v>70074.813769999993</v>
      </c>
      <c r="AO6245">
        <v>18027.32014</v>
      </c>
      <c r="AP6245">
        <v>12182.667439999999</v>
      </c>
    </row>
    <row r="6246" spans="2:42" x14ac:dyDescent="0.3">
      <c r="B6246">
        <v>59.416507608796991</v>
      </c>
      <c r="C6246" s="83">
        <v>43361.166666666664</v>
      </c>
      <c r="D6246">
        <v>239442.94399999999</v>
      </c>
      <c r="E6246">
        <v>13092.85173</v>
      </c>
      <c r="F6246">
        <v>60925.99869</v>
      </c>
      <c r="G6246">
        <v>29660.46513</v>
      </c>
      <c r="H6246">
        <v>34138.424619999998</v>
      </c>
      <c r="I6246">
        <v>18004.52795</v>
      </c>
      <c r="J6246">
        <v>34198.290489999999</v>
      </c>
      <c r="K6246">
        <v>44101.029459999998</v>
      </c>
      <c r="L6246">
        <v>16259.803330000001</v>
      </c>
      <c r="M6246">
        <v>302933.06420000002</v>
      </c>
      <c r="N6246">
        <v>73553.046870000006</v>
      </c>
      <c r="O6246">
        <v>15781.644979999999</v>
      </c>
      <c r="P6246">
        <v>23073.183969999998</v>
      </c>
      <c r="Q6246">
        <v>94837.369630000001</v>
      </c>
      <c r="R6246">
        <v>14328.8657</v>
      </c>
      <c r="S6246">
        <v>70674.119139999995</v>
      </c>
      <c r="T6246">
        <v>17882.3986</v>
      </c>
      <c r="U6246">
        <v>12421.73209</v>
      </c>
      <c r="W6246" s="83">
        <f>Bühler!N6278</f>
        <v>45552.166666651523</v>
      </c>
      <c r="X6246" s="83">
        <v>43361.166666666664</v>
      </c>
      <c r="Y6246">
        <v>239442.94399999999</v>
      </c>
      <c r="Z6246">
        <v>13092.85173</v>
      </c>
      <c r="AA6246">
        <v>60925.99869</v>
      </c>
      <c r="AB6246">
        <v>29660.46513</v>
      </c>
      <c r="AC6246">
        <v>34138.424619999998</v>
      </c>
      <c r="AD6246">
        <v>18004.52795</v>
      </c>
      <c r="AE6246">
        <v>34198.290489999999</v>
      </c>
      <c r="AF6246">
        <v>44101.029459999998</v>
      </c>
      <c r="AG6246">
        <v>16259.803330000001</v>
      </c>
      <c r="AH6246">
        <v>302933.06420000002</v>
      </c>
      <c r="AI6246">
        <v>73553.046870000006</v>
      </c>
      <c r="AJ6246">
        <v>15781.644979999999</v>
      </c>
      <c r="AK6246">
        <v>23073.183969999998</v>
      </c>
      <c r="AL6246">
        <v>94837.369630000001</v>
      </c>
      <c r="AM6246">
        <v>14328.8657</v>
      </c>
      <c r="AN6246">
        <v>70674.119139999995</v>
      </c>
      <c r="AO6246">
        <v>17882.3986</v>
      </c>
      <c r="AP6246">
        <v>12421.73209</v>
      </c>
    </row>
    <row r="6247" spans="2:42" x14ac:dyDescent="0.3">
      <c r="B6247">
        <v>62.84293980003104</v>
      </c>
      <c r="C6247" s="83">
        <v>43361.208333333336</v>
      </c>
      <c r="D6247">
        <v>253761.2126</v>
      </c>
      <c r="E6247">
        <v>14947.41214</v>
      </c>
      <c r="F6247">
        <v>68362.003129999997</v>
      </c>
      <c r="G6247">
        <v>31930.836380000001</v>
      </c>
      <c r="H6247">
        <v>35957.080090000003</v>
      </c>
      <c r="I6247">
        <v>24925.99251</v>
      </c>
      <c r="J6247">
        <v>37817.464630000002</v>
      </c>
      <c r="K6247">
        <v>45180.31914</v>
      </c>
      <c r="L6247">
        <v>17059.854370000001</v>
      </c>
      <c r="M6247">
        <v>320402.61339999997</v>
      </c>
      <c r="N6247">
        <v>75898.023950000003</v>
      </c>
      <c r="O6247">
        <v>16481.44527</v>
      </c>
      <c r="P6247">
        <v>24566.538700000001</v>
      </c>
      <c r="Q6247">
        <v>98212.903279999999</v>
      </c>
      <c r="R6247">
        <v>15607.46442</v>
      </c>
      <c r="S6247">
        <v>72853.527749999994</v>
      </c>
      <c r="T6247">
        <v>19188.88466</v>
      </c>
      <c r="U6247">
        <v>13917.879870000001</v>
      </c>
      <c r="W6247" s="83">
        <f>Bühler!N6279</f>
        <v>45552.208333318187</v>
      </c>
      <c r="X6247" s="83">
        <v>43361.208333333336</v>
      </c>
      <c r="Y6247">
        <v>253761.2126</v>
      </c>
      <c r="Z6247">
        <v>14947.41214</v>
      </c>
      <c r="AA6247">
        <v>68362.003129999997</v>
      </c>
      <c r="AB6247">
        <v>31930.836380000001</v>
      </c>
      <c r="AC6247">
        <v>35957.080090000003</v>
      </c>
      <c r="AD6247">
        <v>24925.99251</v>
      </c>
      <c r="AE6247">
        <v>37817.464630000002</v>
      </c>
      <c r="AF6247">
        <v>45180.31914</v>
      </c>
      <c r="AG6247">
        <v>17059.854370000001</v>
      </c>
      <c r="AH6247">
        <v>320402.61339999997</v>
      </c>
      <c r="AI6247">
        <v>75898.023950000003</v>
      </c>
      <c r="AJ6247">
        <v>16481.44527</v>
      </c>
      <c r="AK6247">
        <v>24566.538700000001</v>
      </c>
      <c r="AL6247">
        <v>98212.903279999999</v>
      </c>
      <c r="AM6247">
        <v>15607.46442</v>
      </c>
      <c r="AN6247">
        <v>72853.527749999994</v>
      </c>
      <c r="AO6247">
        <v>19188.88466</v>
      </c>
      <c r="AP6247">
        <v>13917.879870000001</v>
      </c>
    </row>
    <row r="6248" spans="2:42" x14ac:dyDescent="0.3">
      <c r="B6248">
        <v>66.078401935821617</v>
      </c>
      <c r="C6248" s="83">
        <v>43361.25</v>
      </c>
      <c r="D6248">
        <v>268604.40360000002</v>
      </c>
      <c r="E6248">
        <v>18777.861550000001</v>
      </c>
      <c r="F6248">
        <v>79253.439299999998</v>
      </c>
      <c r="G6248">
        <v>43440.833709999999</v>
      </c>
      <c r="H6248">
        <v>38971.21327</v>
      </c>
      <c r="I6248">
        <v>31856.754939999999</v>
      </c>
      <c r="J6248">
        <v>42026.035179999999</v>
      </c>
      <c r="K6248">
        <v>47945.07157</v>
      </c>
      <c r="L6248">
        <v>18553.19701</v>
      </c>
      <c r="M6248">
        <v>336898.50819999998</v>
      </c>
      <c r="N6248">
        <v>78626.842229999995</v>
      </c>
      <c r="O6248">
        <v>18026.850920000001</v>
      </c>
      <c r="P6248">
        <v>26431.22623</v>
      </c>
      <c r="Q6248">
        <v>98477.726439999999</v>
      </c>
      <c r="R6248">
        <v>17140.031459999998</v>
      </c>
      <c r="S6248">
        <v>81982.807159999997</v>
      </c>
      <c r="T6248">
        <v>22276.773079999999</v>
      </c>
      <c r="U6248">
        <v>16686.665939999999</v>
      </c>
      <c r="W6248" s="83">
        <f>Bühler!N6280</f>
        <v>45552.249999984851</v>
      </c>
      <c r="X6248" s="83">
        <v>43361.25</v>
      </c>
      <c r="Y6248">
        <v>268604.40360000002</v>
      </c>
      <c r="Z6248">
        <v>18777.861550000001</v>
      </c>
      <c r="AA6248">
        <v>79253.439299999998</v>
      </c>
      <c r="AB6248">
        <v>43440.833709999999</v>
      </c>
      <c r="AC6248">
        <v>38971.21327</v>
      </c>
      <c r="AD6248">
        <v>31856.754939999999</v>
      </c>
      <c r="AE6248">
        <v>42026.035179999999</v>
      </c>
      <c r="AF6248">
        <v>47945.07157</v>
      </c>
      <c r="AG6248">
        <v>18553.19701</v>
      </c>
      <c r="AH6248">
        <v>336898.50819999998</v>
      </c>
      <c r="AI6248">
        <v>78626.842229999995</v>
      </c>
      <c r="AJ6248">
        <v>18026.850920000001</v>
      </c>
      <c r="AK6248">
        <v>26431.22623</v>
      </c>
      <c r="AL6248">
        <v>98477.726439999999</v>
      </c>
      <c r="AM6248">
        <v>17140.031459999998</v>
      </c>
      <c r="AN6248">
        <v>81982.807159999997</v>
      </c>
      <c r="AO6248">
        <v>22276.773079999999</v>
      </c>
      <c r="AP6248">
        <v>16686.665939999999</v>
      </c>
    </row>
    <row r="6249" spans="2:42" x14ac:dyDescent="0.3">
      <c r="B6249">
        <v>68.187040333908271</v>
      </c>
      <c r="C6249" s="83">
        <v>43361.291666666664</v>
      </c>
      <c r="D6249">
        <v>282126.86290000001</v>
      </c>
      <c r="E6249">
        <v>23521.058300000001</v>
      </c>
      <c r="F6249">
        <v>82778.05373</v>
      </c>
      <c r="G6249">
        <v>54840.589720000004</v>
      </c>
      <c r="H6249">
        <v>44091.057330000003</v>
      </c>
      <c r="I6249">
        <v>39692.518490000002</v>
      </c>
      <c r="J6249">
        <v>42794.208919999997</v>
      </c>
      <c r="K6249">
        <v>53308.9211</v>
      </c>
      <c r="L6249">
        <v>21453.171279999999</v>
      </c>
      <c r="M6249">
        <v>347649.33010000002</v>
      </c>
      <c r="N6249">
        <v>84651.135219999996</v>
      </c>
      <c r="O6249">
        <v>20494.12343</v>
      </c>
      <c r="P6249">
        <v>30403.92094</v>
      </c>
      <c r="Q6249">
        <v>98117.779240000003</v>
      </c>
      <c r="R6249">
        <v>20017.337149999999</v>
      </c>
      <c r="S6249">
        <v>97704.954880000005</v>
      </c>
      <c r="T6249">
        <v>26246.95782</v>
      </c>
      <c r="U6249">
        <v>20758.358339999999</v>
      </c>
      <c r="W6249" s="83">
        <f>Bühler!N6281</f>
        <v>45552.291666651516</v>
      </c>
      <c r="X6249" s="83">
        <v>43361.291666666664</v>
      </c>
      <c r="Y6249">
        <v>282126.86290000001</v>
      </c>
      <c r="Z6249">
        <v>23521.058300000001</v>
      </c>
      <c r="AA6249">
        <v>82778.05373</v>
      </c>
      <c r="AB6249">
        <v>54840.589720000004</v>
      </c>
      <c r="AC6249">
        <v>44091.057330000003</v>
      </c>
      <c r="AD6249">
        <v>39692.518490000002</v>
      </c>
      <c r="AE6249">
        <v>42794.208919999997</v>
      </c>
      <c r="AF6249">
        <v>53308.9211</v>
      </c>
      <c r="AG6249">
        <v>21453.171279999999</v>
      </c>
      <c r="AH6249">
        <v>347649.33010000002</v>
      </c>
      <c r="AI6249">
        <v>84651.135219999996</v>
      </c>
      <c r="AJ6249">
        <v>20494.12343</v>
      </c>
      <c r="AK6249">
        <v>30403.92094</v>
      </c>
      <c r="AL6249">
        <v>98117.779240000003</v>
      </c>
      <c r="AM6249">
        <v>20017.337149999999</v>
      </c>
      <c r="AN6249">
        <v>97704.954880000005</v>
      </c>
      <c r="AO6249">
        <v>26246.95782</v>
      </c>
      <c r="AP6249">
        <v>20758.358339999999</v>
      </c>
    </row>
    <row r="6250" spans="2:42" x14ac:dyDescent="0.3">
      <c r="B6250">
        <v>69.051253315710554</v>
      </c>
      <c r="C6250" s="83">
        <v>43361.333333333336</v>
      </c>
      <c r="D6250">
        <v>294085.61300000001</v>
      </c>
      <c r="E6250">
        <v>29346.408449999999</v>
      </c>
      <c r="F6250">
        <v>88478.196800000005</v>
      </c>
      <c r="G6250">
        <v>70082.569560000004</v>
      </c>
      <c r="H6250">
        <v>48523.62844</v>
      </c>
      <c r="I6250">
        <v>43170.764430000003</v>
      </c>
      <c r="J6250">
        <v>43299.091359999999</v>
      </c>
      <c r="K6250">
        <v>59398.627630000003</v>
      </c>
      <c r="L6250">
        <v>24035.955239999999</v>
      </c>
      <c r="M6250">
        <v>352055.49089999998</v>
      </c>
      <c r="N6250">
        <v>93244.624410000004</v>
      </c>
      <c r="O6250">
        <v>22650.734039999999</v>
      </c>
      <c r="P6250">
        <v>32160.963110000001</v>
      </c>
      <c r="Q6250">
        <v>98771.259659999996</v>
      </c>
      <c r="R6250">
        <v>21363.849129999999</v>
      </c>
      <c r="S6250">
        <v>110211.5478</v>
      </c>
      <c r="T6250">
        <v>29275.77205</v>
      </c>
      <c r="U6250">
        <v>23910.994910000001</v>
      </c>
      <c r="W6250" s="83">
        <f>Bühler!N6282</f>
        <v>45552.33333331818</v>
      </c>
      <c r="X6250" s="83">
        <v>43361.333333333336</v>
      </c>
      <c r="Y6250">
        <v>294085.61300000001</v>
      </c>
      <c r="Z6250">
        <v>29346.408449999999</v>
      </c>
      <c r="AA6250">
        <v>88478.196800000005</v>
      </c>
      <c r="AB6250">
        <v>70082.569560000004</v>
      </c>
      <c r="AC6250">
        <v>48523.62844</v>
      </c>
      <c r="AD6250">
        <v>43170.764430000003</v>
      </c>
      <c r="AE6250">
        <v>43299.091359999999</v>
      </c>
      <c r="AF6250">
        <v>59398.627630000003</v>
      </c>
      <c r="AG6250">
        <v>24035.955239999999</v>
      </c>
      <c r="AH6250">
        <v>352055.49089999998</v>
      </c>
      <c r="AI6250">
        <v>93244.624410000004</v>
      </c>
      <c r="AJ6250">
        <v>22650.734039999999</v>
      </c>
      <c r="AK6250">
        <v>32160.963110000001</v>
      </c>
      <c r="AL6250">
        <v>98771.259659999996</v>
      </c>
      <c r="AM6250">
        <v>21363.849129999999</v>
      </c>
      <c r="AN6250">
        <v>110211.5478</v>
      </c>
      <c r="AO6250">
        <v>29275.77205</v>
      </c>
      <c r="AP6250">
        <v>23910.994910000001</v>
      </c>
    </row>
    <row r="6251" spans="2:42" x14ac:dyDescent="0.3">
      <c r="B6251">
        <v>69.294695483757479</v>
      </c>
      <c r="C6251" s="83">
        <v>43361.375</v>
      </c>
      <c r="D6251">
        <v>297266.1091</v>
      </c>
      <c r="E6251">
        <v>33323.95897</v>
      </c>
      <c r="F6251">
        <v>94358.068520000001</v>
      </c>
      <c r="G6251">
        <v>77706.014219999997</v>
      </c>
      <c r="H6251">
        <v>51354.150930000003</v>
      </c>
      <c r="I6251">
        <v>41230.347220000003</v>
      </c>
      <c r="J6251">
        <v>43564.119050000001</v>
      </c>
      <c r="K6251">
        <v>61266.417630000004</v>
      </c>
      <c r="L6251">
        <v>26904.475470000001</v>
      </c>
      <c r="M6251">
        <v>353296.67259999999</v>
      </c>
      <c r="N6251">
        <v>96447.164279999997</v>
      </c>
      <c r="O6251">
        <v>24136.704730000001</v>
      </c>
      <c r="P6251">
        <v>33557.445200000002</v>
      </c>
      <c r="Q6251">
        <v>99816.850420000002</v>
      </c>
      <c r="R6251">
        <v>22246.887770000001</v>
      </c>
      <c r="S6251">
        <v>116038.2135</v>
      </c>
      <c r="T6251">
        <v>32069.747169999999</v>
      </c>
      <c r="U6251">
        <v>24695.794740000001</v>
      </c>
      <c r="W6251" s="83">
        <f>Bühler!N6283</f>
        <v>45552.374999984844</v>
      </c>
      <c r="X6251" s="83">
        <v>43361.375</v>
      </c>
      <c r="Y6251">
        <v>297266.1091</v>
      </c>
      <c r="Z6251">
        <v>33323.95897</v>
      </c>
      <c r="AA6251">
        <v>94358.068520000001</v>
      </c>
      <c r="AB6251">
        <v>77706.014219999997</v>
      </c>
      <c r="AC6251">
        <v>51354.150930000003</v>
      </c>
      <c r="AD6251">
        <v>41230.347220000003</v>
      </c>
      <c r="AE6251">
        <v>43564.119050000001</v>
      </c>
      <c r="AF6251">
        <v>61266.417630000004</v>
      </c>
      <c r="AG6251">
        <v>26904.475470000001</v>
      </c>
      <c r="AH6251">
        <v>353296.67259999999</v>
      </c>
      <c r="AI6251">
        <v>96447.164279999997</v>
      </c>
      <c r="AJ6251">
        <v>24136.704730000001</v>
      </c>
      <c r="AK6251">
        <v>33557.445200000002</v>
      </c>
      <c r="AL6251">
        <v>99816.850420000002</v>
      </c>
      <c r="AM6251">
        <v>22246.887770000001</v>
      </c>
      <c r="AN6251">
        <v>116038.2135</v>
      </c>
      <c r="AO6251">
        <v>32069.747169999999</v>
      </c>
      <c r="AP6251">
        <v>24695.794740000001</v>
      </c>
    </row>
    <row r="6252" spans="2:42" x14ac:dyDescent="0.3">
      <c r="B6252">
        <v>70.73691877343397</v>
      </c>
      <c r="C6252" s="83">
        <v>43361.416666666664</v>
      </c>
      <c r="D6252">
        <v>299693.12560000003</v>
      </c>
      <c r="E6252">
        <v>35160.778409999999</v>
      </c>
      <c r="F6252">
        <v>96024.802930000005</v>
      </c>
      <c r="G6252">
        <v>81068.815749999994</v>
      </c>
      <c r="H6252">
        <v>52180.045400000003</v>
      </c>
      <c r="I6252">
        <v>38941.119729999999</v>
      </c>
      <c r="J6252">
        <v>43388.371229999997</v>
      </c>
      <c r="K6252">
        <v>62837.82935</v>
      </c>
      <c r="L6252">
        <v>29651.26799</v>
      </c>
      <c r="M6252">
        <v>360649.79950000002</v>
      </c>
      <c r="N6252">
        <v>98884.686610000004</v>
      </c>
      <c r="O6252">
        <v>24222.80846</v>
      </c>
      <c r="P6252">
        <v>34929.751649999998</v>
      </c>
      <c r="Q6252">
        <v>100524.16770000001</v>
      </c>
      <c r="R6252">
        <v>23142.170890000001</v>
      </c>
      <c r="S6252">
        <v>117639.7092</v>
      </c>
      <c r="T6252">
        <v>34066.345699999998</v>
      </c>
      <c r="U6252">
        <v>24234.07764</v>
      </c>
      <c r="W6252" s="83">
        <f>Bühler!N6284</f>
        <v>45552.416666651508</v>
      </c>
      <c r="X6252" s="83">
        <v>43361.416666666664</v>
      </c>
      <c r="Y6252">
        <v>299693.12560000003</v>
      </c>
      <c r="Z6252">
        <v>35160.778409999999</v>
      </c>
      <c r="AA6252">
        <v>96024.802930000005</v>
      </c>
      <c r="AB6252">
        <v>81068.815749999994</v>
      </c>
      <c r="AC6252">
        <v>52180.045400000003</v>
      </c>
      <c r="AD6252">
        <v>38941.119729999999</v>
      </c>
      <c r="AE6252">
        <v>43388.371229999997</v>
      </c>
      <c r="AF6252">
        <v>62837.82935</v>
      </c>
      <c r="AG6252">
        <v>29651.26799</v>
      </c>
      <c r="AH6252">
        <v>360649.79950000002</v>
      </c>
      <c r="AI6252">
        <v>98884.686610000004</v>
      </c>
      <c r="AJ6252">
        <v>24222.80846</v>
      </c>
      <c r="AK6252">
        <v>34929.751649999998</v>
      </c>
      <c r="AL6252">
        <v>100524.16770000001</v>
      </c>
      <c r="AM6252">
        <v>23142.170890000001</v>
      </c>
      <c r="AN6252">
        <v>117639.7092</v>
      </c>
      <c r="AO6252">
        <v>34066.345699999998</v>
      </c>
      <c r="AP6252">
        <v>24234.07764</v>
      </c>
    </row>
    <row r="6253" spans="2:42" x14ac:dyDescent="0.3">
      <c r="B6253">
        <v>71.546268472586291</v>
      </c>
      <c r="C6253" s="83">
        <v>43361.458333333336</v>
      </c>
      <c r="D6253">
        <v>298775.66259999998</v>
      </c>
      <c r="E6253">
        <v>35338.83079</v>
      </c>
      <c r="F6253">
        <v>97570.499720000007</v>
      </c>
      <c r="G6253">
        <v>79102.504560000001</v>
      </c>
      <c r="H6253">
        <v>52012.37745</v>
      </c>
      <c r="I6253">
        <v>38718.051290000003</v>
      </c>
      <c r="J6253">
        <v>43133.359559999997</v>
      </c>
      <c r="K6253">
        <v>63785.094590000001</v>
      </c>
      <c r="L6253">
        <v>30820.181710000001</v>
      </c>
      <c r="M6253">
        <v>364776.24170000001</v>
      </c>
      <c r="N6253">
        <v>100092.03170000001</v>
      </c>
      <c r="O6253">
        <v>24294.901170000001</v>
      </c>
      <c r="P6253">
        <v>34716.619140000003</v>
      </c>
      <c r="Q6253">
        <v>102039.5996</v>
      </c>
      <c r="R6253">
        <v>23917.290580000001</v>
      </c>
      <c r="S6253">
        <v>119609.59080000001</v>
      </c>
      <c r="T6253">
        <v>34193.848319999997</v>
      </c>
      <c r="U6253">
        <v>23339.623670000001</v>
      </c>
      <c r="W6253" s="83">
        <f>Bühler!N6285</f>
        <v>45552.458333318173</v>
      </c>
      <c r="X6253" s="83">
        <v>43361.458333333336</v>
      </c>
      <c r="Y6253">
        <v>298775.66259999998</v>
      </c>
      <c r="Z6253">
        <v>35338.83079</v>
      </c>
      <c r="AA6253">
        <v>97570.499720000007</v>
      </c>
      <c r="AB6253">
        <v>79102.504560000001</v>
      </c>
      <c r="AC6253">
        <v>52012.37745</v>
      </c>
      <c r="AD6253">
        <v>38718.051290000003</v>
      </c>
      <c r="AE6253">
        <v>43133.359559999997</v>
      </c>
      <c r="AF6253">
        <v>63785.094590000001</v>
      </c>
      <c r="AG6253">
        <v>30820.181710000001</v>
      </c>
      <c r="AH6253">
        <v>364776.24170000001</v>
      </c>
      <c r="AI6253">
        <v>100092.03170000001</v>
      </c>
      <c r="AJ6253">
        <v>24294.901170000001</v>
      </c>
      <c r="AK6253">
        <v>34716.619140000003</v>
      </c>
      <c r="AL6253">
        <v>102039.5996</v>
      </c>
      <c r="AM6253">
        <v>23917.290580000001</v>
      </c>
      <c r="AN6253">
        <v>119609.59080000001</v>
      </c>
      <c r="AO6253">
        <v>34193.848319999997</v>
      </c>
      <c r="AP6253">
        <v>23339.623670000001</v>
      </c>
    </row>
    <row r="6254" spans="2:42" x14ac:dyDescent="0.3">
      <c r="B6254">
        <v>70.861828551646937</v>
      </c>
      <c r="C6254" s="83">
        <v>43361.5</v>
      </c>
      <c r="D6254">
        <v>286260.91529999999</v>
      </c>
      <c r="E6254">
        <v>32016.989119999998</v>
      </c>
      <c r="F6254">
        <v>92189.350439999995</v>
      </c>
      <c r="G6254">
        <v>77618.734949999998</v>
      </c>
      <c r="H6254">
        <v>50219.581429999998</v>
      </c>
      <c r="I6254">
        <v>37155.971140000001</v>
      </c>
      <c r="J6254">
        <v>43185.026129999998</v>
      </c>
      <c r="K6254">
        <v>58861.159420000004</v>
      </c>
      <c r="L6254">
        <v>32697.713220000001</v>
      </c>
      <c r="M6254">
        <v>361286.64779999998</v>
      </c>
      <c r="N6254">
        <v>97056.169330000004</v>
      </c>
      <c r="O6254">
        <v>24143.138770000001</v>
      </c>
      <c r="P6254">
        <v>36443.695930000002</v>
      </c>
      <c r="Q6254">
        <v>101469.7124</v>
      </c>
      <c r="R6254">
        <v>26181.18316</v>
      </c>
      <c r="S6254">
        <v>113278.66280000001</v>
      </c>
      <c r="T6254">
        <v>33768.358970000001</v>
      </c>
      <c r="U6254">
        <v>19762.6168</v>
      </c>
      <c r="W6254" s="83">
        <f>Bühler!N6286</f>
        <v>45552.499999984837</v>
      </c>
      <c r="X6254" s="83">
        <v>43361.5</v>
      </c>
      <c r="Y6254">
        <v>286260.91529999999</v>
      </c>
      <c r="Z6254">
        <v>32016.989119999998</v>
      </c>
      <c r="AA6254">
        <v>92189.350439999995</v>
      </c>
      <c r="AB6254">
        <v>77618.734949999998</v>
      </c>
      <c r="AC6254">
        <v>50219.581429999998</v>
      </c>
      <c r="AD6254">
        <v>37155.971140000001</v>
      </c>
      <c r="AE6254">
        <v>43185.026129999998</v>
      </c>
      <c r="AF6254">
        <v>58861.159420000004</v>
      </c>
      <c r="AG6254">
        <v>32697.713220000001</v>
      </c>
      <c r="AH6254">
        <v>361286.64779999998</v>
      </c>
      <c r="AI6254">
        <v>97056.169330000004</v>
      </c>
      <c r="AJ6254">
        <v>24143.138770000001</v>
      </c>
      <c r="AK6254">
        <v>36443.695930000002</v>
      </c>
      <c r="AL6254">
        <v>101469.7124</v>
      </c>
      <c r="AM6254">
        <v>26181.18316</v>
      </c>
      <c r="AN6254">
        <v>113278.66280000001</v>
      </c>
      <c r="AO6254">
        <v>33768.358970000001</v>
      </c>
      <c r="AP6254">
        <v>19762.6168</v>
      </c>
    </row>
    <row r="6255" spans="2:42" x14ac:dyDescent="0.3">
      <c r="B6255">
        <v>69.835191843873304</v>
      </c>
      <c r="C6255" s="83">
        <v>43361.541666666664</v>
      </c>
      <c r="D6255">
        <v>287984.6263</v>
      </c>
      <c r="E6255">
        <v>32832.173009999999</v>
      </c>
      <c r="F6255">
        <v>90285.603080000001</v>
      </c>
      <c r="G6255">
        <v>74523.527700000006</v>
      </c>
      <c r="H6255">
        <v>50669.721890000001</v>
      </c>
      <c r="I6255">
        <v>37276.430719999997</v>
      </c>
      <c r="J6255">
        <v>42333.711779999998</v>
      </c>
      <c r="K6255">
        <v>61028.099569999998</v>
      </c>
      <c r="L6255">
        <v>31317.621500000001</v>
      </c>
      <c r="M6255">
        <v>356052.3751</v>
      </c>
      <c r="N6255">
        <v>97631.002330000003</v>
      </c>
      <c r="O6255">
        <v>24155.0589</v>
      </c>
      <c r="P6255">
        <v>35873.473599999998</v>
      </c>
      <c r="Q6255">
        <v>101254.6155</v>
      </c>
      <c r="R6255">
        <v>26487.700929999999</v>
      </c>
      <c r="S6255">
        <v>111126.2065</v>
      </c>
      <c r="T6255">
        <v>33557.52766</v>
      </c>
      <c r="U6255">
        <v>22074.54782</v>
      </c>
      <c r="W6255" s="83">
        <f>Bühler!N6287</f>
        <v>45552.541666651501</v>
      </c>
      <c r="X6255" s="83">
        <v>43361.541666666664</v>
      </c>
      <c r="Y6255">
        <v>287984.6263</v>
      </c>
      <c r="Z6255">
        <v>32832.173009999999</v>
      </c>
      <c r="AA6255">
        <v>90285.603080000001</v>
      </c>
      <c r="AB6255">
        <v>74523.527700000006</v>
      </c>
      <c r="AC6255">
        <v>50669.721890000001</v>
      </c>
      <c r="AD6255">
        <v>37276.430719999997</v>
      </c>
      <c r="AE6255">
        <v>42333.711779999998</v>
      </c>
      <c r="AF6255">
        <v>61028.099569999998</v>
      </c>
      <c r="AG6255">
        <v>31317.621500000001</v>
      </c>
      <c r="AH6255">
        <v>356052.3751</v>
      </c>
      <c r="AI6255">
        <v>97631.002330000003</v>
      </c>
      <c r="AJ6255">
        <v>24155.0589</v>
      </c>
      <c r="AK6255">
        <v>35873.473599999998</v>
      </c>
      <c r="AL6255">
        <v>101254.6155</v>
      </c>
      <c r="AM6255">
        <v>26487.700929999999</v>
      </c>
      <c r="AN6255">
        <v>111126.2065</v>
      </c>
      <c r="AO6255">
        <v>33557.52766</v>
      </c>
      <c r="AP6255">
        <v>22074.54782</v>
      </c>
    </row>
    <row r="6256" spans="2:42" x14ac:dyDescent="0.3">
      <c r="B6256">
        <v>69.678974042954266</v>
      </c>
      <c r="C6256" s="83">
        <v>43361.583333333336</v>
      </c>
      <c r="D6256">
        <v>290910.78249999997</v>
      </c>
      <c r="E6256">
        <v>35480.539340000003</v>
      </c>
      <c r="F6256">
        <v>97931.184739999997</v>
      </c>
      <c r="G6256">
        <v>69841.804600000003</v>
      </c>
      <c r="H6256">
        <v>50884.347240000003</v>
      </c>
      <c r="I6256">
        <v>38233.34908</v>
      </c>
      <c r="J6256">
        <v>41429.774830000002</v>
      </c>
      <c r="K6256">
        <v>64465.6446</v>
      </c>
      <c r="L6256">
        <v>28750.569070000001</v>
      </c>
      <c r="M6256">
        <v>355255.90389999998</v>
      </c>
      <c r="N6256">
        <v>99237.197459999996</v>
      </c>
      <c r="O6256">
        <v>23807.02159</v>
      </c>
      <c r="P6256">
        <v>32524.242730000002</v>
      </c>
      <c r="Q6256">
        <v>100880.59110000001</v>
      </c>
      <c r="R6256">
        <v>25426.044379999999</v>
      </c>
      <c r="S6256">
        <v>107436.57520000001</v>
      </c>
      <c r="T6256">
        <v>32637.87326</v>
      </c>
      <c r="U6256">
        <v>22900.477080000001</v>
      </c>
      <c r="W6256" s="83">
        <f>Bühler!N6288</f>
        <v>45552.583333318165</v>
      </c>
      <c r="X6256" s="83">
        <v>43361.583333333336</v>
      </c>
      <c r="Y6256">
        <v>290910.78249999997</v>
      </c>
      <c r="Z6256">
        <v>35480.539340000003</v>
      </c>
      <c r="AA6256">
        <v>97931.184739999997</v>
      </c>
      <c r="AB6256">
        <v>69841.804600000003</v>
      </c>
      <c r="AC6256">
        <v>50884.347240000003</v>
      </c>
      <c r="AD6256">
        <v>38233.34908</v>
      </c>
      <c r="AE6256">
        <v>41429.774830000002</v>
      </c>
      <c r="AF6256">
        <v>64465.6446</v>
      </c>
      <c r="AG6256">
        <v>28750.569070000001</v>
      </c>
      <c r="AH6256">
        <v>355255.90389999998</v>
      </c>
      <c r="AI6256">
        <v>99237.197459999996</v>
      </c>
      <c r="AJ6256">
        <v>23807.02159</v>
      </c>
      <c r="AK6256">
        <v>32524.242730000002</v>
      </c>
      <c r="AL6256">
        <v>100880.59110000001</v>
      </c>
      <c r="AM6256">
        <v>25426.044379999999</v>
      </c>
      <c r="AN6256">
        <v>107436.57520000001</v>
      </c>
      <c r="AO6256">
        <v>32637.87326</v>
      </c>
      <c r="AP6256">
        <v>22900.477080000001</v>
      </c>
    </row>
    <row r="6257" spans="2:42" x14ac:dyDescent="0.3">
      <c r="B6257">
        <v>69.607452986318222</v>
      </c>
      <c r="C6257" s="83">
        <v>43361.625</v>
      </c>
      <c r="D6257">
        <v>287073.745</v>
      </c>
      <c r="E6257">
        <v>35180.092709999997</v>
      </c>
      <c r="F6257">
        <v>99500.989029999997</v>
      </c>
      <c r="G6257">
        <v>66716.798129999996</v>
      </c>
      <c r="H6257">
        <v>50015.895819999998</v>
      </c>
      <c r="I6257">
        <v>39123.724130000002</v>
      </c>
      <c r="J6257">
        <v>41374.351490000001</v>
      </c>
      <c r="K6257">
        <v>62753.208509999997</v>
      </c>
      <c r="L6257">
        <v>25876.986830000002</v>
      </c>
      <c r="M6257">
        <v>354891.2562</v>
      </c>
      <c r="N6257">
        <v>97753.84951</v>
      </c>
      <c r="O6257">
        <v>23636.126680000001</v>
      </c>
      <c r="P6257">
        <v>30532.679250000001</v>
      </c>
      <c r="Q6257">
        <v>100865.6917</v>
      </c>
      <c r="R6257">
        <v>25285.42382</v>
      </c>
      <c r="S6257">
        <v>105282.40180000001</v>
      </c>
      <c r="T6257">
        <v>31975.655999999999</v>
      </c>
      <c r="U6257">
        <v>21867.942459999998</v>
      </c>
      <c r="W6257" s="83">
        <f>Bühler!N6289</f>
        <v>45552.62499998483</v>
      </c>
      <c r="X6257" s="83">
        <v>43361.625</v>
      </c>
      <c r="Y6257">
        <v>287073.745</v>
      </c>
      <c r="Z6257">
        <v>35180.092709999997</v>
      </c>
      <c r="AA6257">
        <v>99500.989029999997</v>
      </c>
      <c r="AB6257">
        <v>66716.798129999996</v>
      </c>
      <c r="AC6257">
        <v>50015.895819999998</v>
      </c>
      <c r="AD6257">
        <v>39123.724130000002</v>
      </c>
      <c r="AE6257">
        <v>41374.351490000001</v>
      </c>
      <c r="AF6257">
        <v>62753.208509999997</v>
      </c>
      <c r="AG6257">
        <v>25876.986830000002</v>
      </c>
      <c r="AH6257">
        <v>354891.2562</v>
      </c>
      <c r="AI6257">
        <v>97753.84951</v>
      </c>
      <c r="AJ6257">
        <v>23636.126680000001</v>
      </c>
      <c r="AK6257">
        <v>30532.679250000001</v>
      </c>
      <c r="AL6257">
        <v>100865.6917</v>
      </c>
      <c r="AM6257">
        <v>25285.42382</v>
      </c>
      <c r="AN6257">
        <v>105282.40180000001</v>
      </c>
      <c r="AO6257">
        <v>31975.655999999999</v>
      </c>
      <c r="AP6257">
        <v>21867.942459999998</v>
      </c>
    </row>
    <row r="6258" spans="2:42" x14ac:dyDescent="0.3">
      <c r="B6258">
        <v>68.458498044359516</v>
      </c>
      <c r="C6258" s="83">
        <v>43361.666666666664</v>
      </c>
      <c r="D6258">
        <v>279952.20600000001</v>
      </c>
      <c r="E6258">
        <v>34647.838680000001</v>
      </c>
      <c r="F6258">
        <v>98653.709470000002</v>
      </c>
      <c r="G6258">
        <v>62953.646050000003</v>
      </c>
      <c r="H6258">
        <v>48225.699260000001</v>
      </c>
      <c r="I6258">
        <v>40350.216630000003</v>
      </c>
      <c r="J6258">
        <v>41477.884259999999</v>
      </c>
      <c r="K6258">
        <v>59593.198210000002</v>
      </c>
      <c r="L6258">
        <v>24872.702720000001</v>
      </c>
      <c r="M6258">
        <v>349033.3481</v>
      </c>
      <c r="N6258">
        <v>95300.125549999997</v>
      </c>
      <c r="O6258">
        <v>22600.229449999999</v>
      </c>
      <c r="P6258">
        <v>29706.45117</v>
      </c>
      <c r="Q6258">
        <v>98872.096479999993</v>
      </c>
      <c r="R6258">
        <v>25612.21</v>
      </c>
      <c r="S6258">
        <v>102028.4179</v>
      </c>
      <c r="T6258">
        <v>31550.53412</v>
      </c>
      <c r="U6258">
        <v>19991.320179999999</v>
      </c>
      <c r="W6258" s="83">
        <f>Bühler!N6290</f>
        <v>45552.666666651494</v>
      </c>
      <c r="X6258" s="83">
        <v>43361.666666666664</v>
      </c>
      <c r="Y6258">
        <v>279952.20600000001</v>
      </c>
      <c r="Z6258">
        <v>34647.838680000001</v>
      </c>
      <c r="AA6258">
        <v>98653.709470000002</v>
      </c>
      <c r="AB6258">
        <v>62953.646050000003</v>
      </c>
      <c r="AC6258">
        <v>48225.699260000001</v>
      </c>
      <c r="AD6258">
        <v>40350.216630000003</v>
      </c>
      <c r="AE6258">
        <v>41477.884259999999</v>
      </c>
      <c r="AF6258">
        <v>59593.198210000002</v>
      </c>
      <c r="AG6258">
        <v>24872.702720000001</v>
      </c>
      <c r="AH6258">
        <v>349033.3481</v>
      </c>
      <c r="AI6258">
        <v>95300.125549999997</v>
      </c>
      <c r="AJ6258">
        <v>22600.229449999999</v>
      </c>
      <c r="AK6258">
        <v>29706.45117</v>
      </c>
      <c r="AL6258">
        <v>98872.096479999993</v>
      </c>
      <c r="AM6258">
        <v>25612.21</v>
      </c>
      <c r="AN6258">
        <v>102028.4179</v>
      </c>
      <c r="AO6258">
        <v>31550.53412</v>
      </c>
      <c r="AP6258">
        <v>19991.320179999999</v>
      </c>
    </row>
    <row r="6259" spans="2:42" x14ac:dyDescent="0.3">
      <c r="B6259">
        <v>66.716081167563473</v>
      </c>
      <c r="C6259" s="83">
        <v>43361.708333333336</v>
      </c>
      <c r="D6259">
        <v>269562.58889999997</v>
      </c>
      <c r="E6259">
        <v>32499.24151</v>
      </c>
      <c r="F6259">
        <v>97875.831399999995</v>
      </c>
      <c r="G6259">
        <v>55083.860970000002</v>
      </c>
      <c r="H6259">
        <v>45961.444680000001</v>
      </c>
      <c r="I6259">
        <v>39435.038370000002</v>
      </c>
      <c r="J6259">
        <v>41440.567629999998</v>
      </c>
      <c r="K6259">
        <v>54781.389799999997</v>
      </c>
      <c r="L6259">
        <v>24901.19702</v>
      </c>
      <c r="M6259">
        <v>340149.69429999997</v>
      </c>
      <c r="N6259">
        <v>92852.067729999995</v>
      </c>
      <c r="O6259">
        <v>21618.778559999999</v>
      </c>
      <c r="P6259">
        <v>31003.448929999999</v>
      </c>
      <c r="Q6259">
        <v>97311.929329999999</v>
      </c>
      <c r="R6259">
        <v>24202.94959</v>
      </c>
      <c r="S6259">
        <v>98856.759730000005</v>
      </c>
      <c r="T6259">
        <v>30935.998540000001</v>
      </c>
      <c r="U6259">
        <v>18530.4967</v>
      </c>
      <c r="W6259" s="83">
        <f>Bühler!N6291</f>
        <v>45552.708333318158</v>
      </c>
      <c r="X6259" s="83">
        <v>43361.708333333336</v>
      </c>
      <c r="Y6259">
        <v>269562.58889999997</v>
      </c>
      <c r="Z6259">
        <v>32499.24151</v>
      </c>
      <c r="AA6259">
        <v>97875.831399999995</v>
      </c>
      <c r="AB6259">
        <v>55083.860970000002</v>
      </c>
      <c r="AC6259">
        <v>45961.444680000001</v>
      </c>
      <c r="AD6259">
        <v>39435.038370000002</v>
      </c>
      <c r="AE6259">
        <v>41440.567629999998</v>
      </c>
      <c r="AF6259">
        <v>54781.389799999997</v>
      </c>
      <c r="AG6259">
        <v>24901.19702</v>
      </c>
      <c r="AH6259">
        <v>340149.69429999997</v>
      </c>
      <c r="AI6259">
        <v>92852.067729999995</v>
      </c>
      <c r="AJ6259">
        <v>21618.778559999999</v>
      </c>
      <c r="AK6259">
        <v>31003.448929999999</v>
      </c>
      <c r="AL6259">
        <v>97311.929329999999</v>
      </c>
      <c r="AM6259">
        <v>24202.94959</v>
      </c>
      <c r="AN6259">
        <v>98856.759730000005</v>
      </c>
      <c r="AO6259">
        <v>30935.998540000001</v>
      </c>
      <c r="AP6259">
        <v>18530.4967</v>
      </c>
    </row>
    <row r="6260" spans="2:42" x14ac:dyDescent="0.3">
      <c r="B6260">
        <v>64.76491985104407</v>
      </c>
      <c r="C6260" s="83">
        <v>43361.75</v>
      </c>
      <c r="D6260">
        <v>263351.97330000001</v>
      </c>
      <c r="E6260">
        <v>29052.532790000001</v>
      </c>
      <c r="F6260">
        <v>95814.621589999995</v>
      </c>
      <c r="G6260">
        <v>47272.155530000004</v>
      </c>
      <c r="H6260">
        <v>43167.10037</v>
      </c>
      <c r="I6260">
        <v>37437.942430000003</v>
      </c>
      <c r="J6260">
        <v>41342.077559999998</v>
      </c>
      <c r="K6260">
        <v>52781.804219999998</v>
      </c>
      <c r="L6260">
        <v>26137.122800000001</v>
      </c>
      <c r="M6260">
        <v>330201.76400000002</v>
      </c>
      <c r="N6260">
        <v>89598.758400000006</v>
      </c>
      <c r="O6260">
        <v>20110.555990000001</v>
      </c>
      <c r="P6260">
        <v>33988.661829999997</v>
      </c>
      <c r="Q6260">
        <v>95338.722219999996</v>
      </c>
      <c r="R6260">
        <v>23286.157869999999</v>
      </c>
      <c r="S6260">
        <v>92894.727910000001</v>
      </c>
      <c r="T6260">
        <v>30631.783800000001</v>
      </c>
      <c r="U6260">
        <v>16713.072380000001</v>
      </c>
      <c r="W6260" s="83">
        <f>Bühler!N6292</f>
        <v>45552.749999984822</v>
      </c>
      <c r="X6260" s="83">
        <v>43361.75</v>
      </c>
      <c r="Y6260">
        <v>263351.97330000001</v>
      </c>
      <c r="Z6260">
        <v>29052.532790000001</v>
      </c>
      <c r="AA6260">
        <v>95814.621589999995</v>
      </c>
      <c r="AB6260">
        <v>47272.155530000004</v>
      </c>
      <c r="AC6260">
        <v>43167.10037</v>
      </c>
      <c r="AD6260">
        <v>37437.942430000003</v>
      </c>
      <c r="AE6260">
        <v>41342.077559999998</v>
      </c>
      <c r="AF6260">
        <v>52781.804219999998</v>
      </c>
      <c r="AG6260">
        <v>26137.122800000001</v>
      </c>
      <c r="AH6260">
        <v>330201.76400000002</v>
      </c>
      <c r="AI6260">
        <v>89598.758400000006</v>
      </c>
      <c r="AJ6260">
        <v>20110.555990000001</v>
      </c>
      <c r="AK6260">
        <v>33988.661829999997</v>
      </c>
      <c r="AL6260">
        <v>95338.722219999996</v>
      </c>
      <c r="AM6260">
        <v>23286.157869999999</v>
      </c>
      <c r="AN6260">
        <v>92894.727910000001</v>
      </c>
      <c r="AO6260">
        <v>30631.783800000001</v>
      </c>
      <c r="AP6260">
        <v>16713.072380000001</v>
      </c>
    </row>
    <row r="6261" spans="2:42" x14ac:dyDescent="0.3">
      <c r="B6261">
        <v>63.399200881262807</v>
      </c>
      <c r="C6261" s="83">
        <v>43361.791666666664</v>
      </c>
      <c r="D6261">
        <v>257618.75580000001</v>
      </c>
      <c r="E6261">
        <v>23402.19368</v>
      </c>
      <c r="F6261">
        <v>84762.622560000003</v>
      </c>
      <c r="G6261">
        <v>43674.599130000002</v>
      </c>
      <c r="H6261">
        <v>41102.80689</v>
      </c>
      <c r="I6261">
        <v>35404.687019999998</v>
      </c>
      <c r="J6261">
        <v>41377.21632</v>
      </c>
      <c r="K6261">
        <v>52516.992109999999</v>
      </c>
      <c r="L6261">
        <v>26120.03629</v>
      </c>
      <c r="M6261">
        <v>323238.69179999997</v>
      </c>
      <c r="N6261">
        <v>86543.308399999994</v>
      </c>
      <c r="O6261">
        <v>18856.09909</v>
      </c>
      <c r="P6261">
        <v>37175.473140000002</v>
      </c>
      <c r="Q6261">
        <v>92564.015339999998</v>
      </c>
      <c r="R6261">
        <v>22763.40537</v>
      </c>
      <c r="S6261">
        <v>89509.393309999999</v>
      </c>
      <c r="T6261">
        <v>31888.816790000001</v>
      </c>
      <c r="U6261">
        <v>16297.17295</v>
      </c>
      <c r="W6261" s="83">
        <f>Bühler!N6293</f>
        <v>45552.791666651487</v>
      </c>
      <c r="X6261" s="83">
        <v>43361.791666666664</v>
      </c>
      <c r="Y6261">
        <v>257618.75580000001</v>
      </c>
      <c r="Z6261">
        <v>23402.19368</v>
      </c>
      <c r="AA6261">
        <v>84762.622560000003</v>
      </c>
      <c r="AB6261">
        <v>43674.599130000002</v>
      </c>
      <c r="AC6261">
        <v>41102.80689</v>
      </c>
      <c r="AD6261">
        <v>35404.687019999998</v>
      </c>
      <c r="AE6261">
        <v>41377.21632</v>
      </c>
      <c r="AF6261">
        <v>52516.992109999999</v>
      </c>
      <c r="AG6261">
        <v>26120.03629</v>
      </c>
      <c r="AH6261">
        <v>323238.69179999997</v>
      </c>
      <c r="AI6261">
        <v>86543.308399999994</v>
      </c>
      <c r="AJ6261">
        <v>18856.09909</v>
      </c>
      <c r="AK6261">
        <v>37175.473140000002</v>
      </c>
      <c r="AL6261">
        <v>92564.015339999998</v>
      </c>
      <c r="AM6261">
        <v>22763.40537</v>
      </c>
      <c r="AN6261">
        <v>89509.393309999999</v>
      </c>
      <c r="AO6261">
        <v>31888.816790000001</v>
      </c>
      <c r="AP6261">
        <v>16297.17295</v>
      </c>
    </row>
    <row r="6262" spans="2:42" x14ac:dyDescent="0.3">
      <c r="B6262">
        <v>61.223900985932715</v>
      </c>
      <c r="C6262" s="83">
        <v>43361.833333333336</v>
      </c>
      <c r="D6262">
        <v>249598.77369999999</v>
      </c>
      <c r="E6262">
        <v>17812.464919999999</v>
      </c>
      <c r="F6262">
        <v>70275.718040000007</v>
      </c>
      <c r="G6262">
        <v>39768.192779999998</v>
      </c>
      <c r="H6262">
        <v>40386.596870000001</v>
      </c>
      <c r="I6262">
        <v>32187.188399999999</v>
      </c>
      <c r="J6262">
        <v>43524.182110000002</v>
      </c>
      <c r="K6262">
        <v>51515.388789999997</v>
      </c>
      <c r="L6262">
        <v>26537.466970000001</v>
      </c>
      <c r="M6262">
        <v>312147.99849999999</v>
      </c>
      <c r="N6262">
        <v>85873.631210000007</v>
      </c>
      <c r="O6262">
        <v>18701.12559</v>
      </c>
      <c r="P6262">
        <v>38015.813549999999</v>
      </c>
      <c r="Q6262">
        <v>90519.51642</v>
      </c>
      <c r="R6262">
        <v>21496.64127</v>
      </c>
      <c r="S6262">
        <v>83911.115909999993</v>
      </c>
      <c r="T6262">
        <v>31194.130519999999</v>
      </c>
      <c r="U6262">
        <v>15469.16676</v>
      </c>
      <c r="W6262" s="83">
        <f>Bühler!N6294</f>
        <v>45552.833333318151</v>
      </c>
      <c r="X6262" s="83">
        <v>43361.833333333336</v>
      </c>
      <c r="Y6262">
        <v>249598.77369999999</v>
      </c>
      <c r="Z6262">
        <v>17812.464919999999</v>
      </c>
      <c r="AA6262">
        <v>70275.718040000007</v>
      </c>
      <c r="AB6262">
        <v>39768.192779999998</v>
      </c>
      <c r="AC6262">
        <v>40386.596870000001</v>
      </c>
      <c r="AD6262">
        <v>32187.188399999999</v>
      </c>
      <c r="AE6262">
        <v>43524.182110000002</v>
      </c>
      <c r="AF6262">
        <v>51515.388789999997</v>
      </c>
      <c r="AG6262">
        <v>26537.466970000001</v>
      </c>
      <c r="AH6262">
        <v>312147.99849999999</v>
      </c>
      <c r="AI6262">
        <v>85873.631210000007</v>
      </c>
      <c r="AJ6262">
        <v>18701.12559</v>
      </c>
      <c r="AK6262">
        <v>38015.813549999999</v>
      </c>
      <c r="AL6262">
        <v>90519.51642</v>
      </c>
      <c r="AM6262">
        <v>21496.64127</v>
      </c>
      <c r="AN6262">
        <v>83911.115909999993</v>
      </c>
      <c r="AO6262">
        <v>31194.130519999999</v>
      </c>
      <c r="AP6262">
        <v>15469.16676</v>
      </c>
    </row>
    <row r="6263" spans="2:42" x14ac:dyDescent="0.3">
      <c r="B6263">
        <v>59.238155838085632</v>
      </c>
      <c r="C6263" s="83">
        <v>43361.875</v>
      </c>
      <c r="D6263">
        <v>240889.13860000001</v>
      </c>
      <c r="E6263">
        <v>14895.066290000001</v>
      </c>
      <c r="F6263">
        <v>61093.357190000002</v>
      </c>
      <c r="G6263">
        <v>37084.244189999998</v>
      </c>
      <c r="H6263">
        <v>37893.766880000003</v>
      </c>
      <c r="I6263">
        <v>27818.547689999999</v>
      </c>
      <c r="J6263">
        <v>41679.385869999998</v>
      </c>
      <c r="K6263">
        <v>50880.782630000002</v>
      </c>
      <c r="L6263">
        <v>25005.839390000001</v>
      </c>
      <c r="M6263">
        <v>302023.74369999999</v>
      </c>
      <c r="N6263">
        <v>83698.071249999994</v>
      </c>
      <c r="O6263">
        <v>17579.176299999999</v>
      </c>
      <c r="P6263">
        <v>35468.657720000003</v>
      </c>
      <c r="Q6263">
        <v>88557.152170000001</v>
      </c>
      <c r="R6263">
        <v>20279.573230000002</v>
      </c>
      <c r="S6263">
        <v>79422.826809999999</v>
      </c>
      <c r="T6263">
        <v>28349.739440000001</v>
      </c>
      <c r="U6263">
        <v>14041.6378</v>
      </c>
      <c r="W6263" s="83">
        <f>Bühler!N6295</f>
        <v>45552.874999984815</v>
      </c>
      <c r="X6263" s="83">
        <v>43361.875</v>
      </c>
      <c r="Y6263">
        <v>240889.13860000001</v>
      </c>
      <c r="Z6263">
        <v>14895.066290000001</v>
      </c>
      <c r="AA6263">
        <v>61093.357190000002</v>
      </c>
      <c r="AB6263">
        <v>37084.244189999998</v>
      </c>
      <c r="AC6263">
        <v>37893.766880000003</v>
      </c>
      <c r="AD6263">
        <v>27818.547689999999</v>
      </c>
      <c r="AE6263">
        <v>41679.385869999998</v>
      </c>
      <c r="AF6263">
        <v>50880.782630000002</v>
      </c>
      <c r="AG6263">
        <v>25005.839390000001</v>
      </c>
      <c r="AH6263">
        <v>302023.74369999999</v>
      </c>
      <c r="AI6263">
        <v>83698.071249999994</v>
      </c>
      <c r="AJ6263">
        <v>17579.176299999999</v>
      </c>
      <c r="AK6263">
        <v>35468.657720000003</v>
      </c>
      <c r="AL6263">
        <v>88557.152170000001</v>
      </c>
      <c r="AM6263">
        <v>20279.573230000002</v>
      </c>
      <c r="AN6263">
        <v>79422.826809999999</v>
      </c>
      <c r="AO6263">
        <v>28349.739440000001</v>
      </c>
      <c r="AP6263">
        <v>14041.6378</v>
      </c>
    </row>
    <row r="6264" spans="2:42" x14ac:dyDescent="0.3">
      <c r="B6264">
        <v>59.078979049308657</v>
      </c>
      <c r="C6264" s="83">
        <v>43361.916666666664</v>
      </c>
      <c r="D6264">
        <v>238369.11009999999</v>
      </c>
      <c r="E6264">
        <v>14073.78822</v>
      </c>
      <c r="F6264">
        <v>59342.409630000002</v>
      </c>
      <c r="G6264">
        <v>34792.489990000002</v>
      </c>
      <c r="H6264">
        <v>36502.131650000003</v>
      </c>
      <c r="I6264">
        <v>25019.944800000001</v>
      </c>
      <c r="J6264">
        <v>39518.207649999997</v>
      </c>
      <c r="K6264">
        <v>53771.179060000002</v>
      </c>
      <c r="L6264">
        <v>22154.49597</v>
      </c>
      <c r="M6264">
        <v>301212.1862</v>
      </c>
      <c r="N6264">
        <v>80902.0524</v>
      </c>
      <c r="O6264">
        <v>17272.025860000002</v>
      </c>
      <c r="P6264">
        <v>36854.941480000001</v>
      </c>
      <c r="Q6264">
        <v>87935.810129999998</v>
      </c>
      <c r="R6264">
        <v>20943.454580000001</v>
      </c>
      <c r="S6264">
        <v>77767.473549999995</v>
      </c>
      <c r="T6264">
        <v>23749.477719999999</v>
      </c>
      <c r="U6264">
        <v>13793.880929999999</v>
      </c>
      <c r="W6264" s="83">
        <f>Bühler!N6296</f>
        <v>45552.916666651479</v>
      </c>
      <c r="X6264" s="83">
        <v>43361.916666666664</v>
      </c>
      <c r="Y6264">
        <v>238369.11009999999</v>
      </c>
      <c r="Z6264">
        <v>14073.78822</v>
      </c>
      <c r="AA6264">
        <v>59342.409630000002</v>
      </c>
      <c r="AB6264">
        <v>34792.489990000002</v>
      </c>
      <c r="AC6264">
        <v>36502.131650000003</v>
      </c>
      <c r="AD6264">
        <v>25019.944800000001</v>
      </c>
      <c r="AE6264">
        <v>39518.207649999997</v>
      </c>
      <c r="AF6264">
        <v>53771.179060000002</v>
      </c>
      <c r="AG6264">
        <v>22154.49597</v>
      </c>
      <c r="AH6264">
        <v>301212.1862</v>
      </c>
      <c r="AI6264">
        <v>80902.0524</v>
      </c>
      <c r="AJ6264">
        <v>17272.025860000002</v>
      </c>
      <c r="AK6264">
        <v>36854.941480000001</v>
      </c>
      <c r="AL6264">
        <v>87935.810129999998</v>
      </c>
      <c r="AM6264">
        <v>20943.454580000001</v>
      </c>
      <c r="AN6264">
        <v>77767.473549999995</v>
      </c>
      <c r="AO6264">
        <v>23749.477719999999</v>
      </c>
      <c r="AP6264">
        <v>13793.880929999999</v>
      </c>
    </row>
    <row r="6265" spans="2:42" x14ac:dyDescent="0.3">
      <c r="B6265">
        <v>58.996392606296361</v>
      </c>
      <c r="C6265" s="83">
        <v>43361.958333333336</v>
      </c>
      <c r="D6265">
        <v>238681.51869999999</v>
      </c>
      <c r="E6265">
        <v>13568.57892</v>
      </c>
      <c r="F6265">
        <v>58146.549180000002</v>
      </c>
      <c r="G6265">
        <v>33793.899680000002</v>
      </c>
      <c r="H6265">
        <v>35683.597690000002</v>
      </c>
      <c r="I6265">
        <v>24112.659500000002</v>
      </c>
      <c r="J6265">
        <v>36091.223389999999</v>
      </c>
      <c r="K6265">
        <v>52613.129690000002</v>
      </c>
      <c r="L6265">
        <v>19321.99422</v>
      </c>
      <c r="M6265">
        <v>300791.12199999997</v>
      </c>
      <c r="N6265">
        <v>79408.039640000003</v>
      </c>
      <c r="O6265">
        <v>16590.797729999998</v>
      </c>
      <c r="P6265">
        <v>31510.842970000002</v>
      </c>
      <c r="Q6265">
        <v>88098.072270000004</v>
      </c>
      <c r="R6265">
        <v>20161.838049999998</v>
      </c>
      <c r="S6265">
        <v>75521.06336</v>
      </c>
      <c r="T6265">
        <v>21975.548780000001</v>
      </c>
      <c r="U6265">
        <v>13249.701230000001</v>
      </c>
      <c r="W6265" s="83">
        <f>Bühler!N6297</f>
        <v>45552.958333318144</v>
      </c>
      <c r="X6265" s="83">
        <v>43361.958333333336</v>
      </c>
      <c r="Y6265">
        <v>238681.51869999999</v>
      </c>
      <c r="Z6265">
        <v>13568.57892</v>
      </c>
      <c r="AA6265">
        <v>58146.549180000002</v>
      </c>
      <c r="AB6265">
        <v>33793.899680000002</v>
      </c>
      <c r="AC6265">
        <v>35683.597690000002</v>
      </c>
      <c r="AD6265">
        <v>24112.659500000002</v>
      </c>
      <c r="AE6265">
        <v>36091.223389999999</v>
      </c>
      <c r="AF6265">
        <v>52613.129690000002</v>
      </c>
      <c r="AG6265">
        <v>19321.99422</v>
      </c>
      <c r="AH6265">
        <v>300791.12199999997</v>
      </c>
      <c r="AI6265">
        <v>79408.039640000003</v>
      </c>
      <c r="AJ6265">
        <v>16590.797729999998</v>
      </c>
      <c r="AK6265">
        <v>31510.842970000002</v>
      </c>
      <c r="AL6265">
        <v>88098.072270000004</v>
      </c>
      <c r="AM6265">
        <v>20161.838049999998</v>
      </c>
      <c r="AN6265">
        <v>75521.06336</v>
      </c>
      <c r="AO6265">
        <v>21975.548780000001</v>
      </c>
      <c r="AP6265">
        <v>13249.701230000001</v>
      </c>
    </row>
    <row r="6266" spans="2:42" x14ac:dyDescent="0.3">
      <c r="B6266">
        <v>58.421922519890622</v>
      </c>
      <c r="C6266" s="83">
        <v>43362</v>
      </c>
      <c r="D6266">
        <v>237801.2101</v>
      </c>
      <c r="E6266">
        <v>13024.622729999999</v>
      </c>
      <c r="F6266">
        <v>56490.82159</v>
      </c>
      <c r="G6266">
        <v>32930.601920000001</v>
      </c>
      <c r="H6266">
        <v>34917.409809999997</v>
      </c>
      <c r="I6266">
        <v>22437.47248</v>
      </c>
      <c r="J6266">
        <v>33448.165150000001</v>
      </c>
      <c r="K6266">
        <v>51260.832280000002</v>
      </c>
      <c r="L6266">
        <v>17438.49566</v>
      </c>
      <c r="M6266">
        <v>297862.20559999999</v>
      </c>
      <c r="N6266">
        <v>78440.194099999993</v>
      </c>
      <c r="O6266">
        <v>16732.58006</v>
      </c>
      <c r="P6266">
        <v>27606.720700000002</v>
      </c>
      <c r="Q6266">
        <v>87875.843739999997</v>
      </c>
      <c r="R6266">
        <v>17452.921190000001</v>
      </c>
      <c r="S6266">
        <v>74253.069109999997</v>
      </c>
      <c r="T6266">
        <v>20290.903289999998</v>
      </c>
      <c r="U6266">
        <v>12838.94198</v>
      </c>
      <c r="W6266" s="83">
        <f>Bühler!N6298</f>
        <v>45552.999999984808</v>
      </c>
      <c r="X6266" s="83">
        <v>43362</v>
      </c>
      <c r="Y6266">
        <v>237801.2101</v>
      </c>
      <c r="Z6266">
        <v>13024.622729999999</v>
      </c>
      <c r="AA6266">
        <v>56490.82159</v>
      </c>
      <c r="AB6266">
        <v>32930.601920000001</v>
      </c>
      <c r="AC6266">
        <v>34917.409809999997</v>
      </c>
      <c r="AD6266">
        <v>22437.47248</v>
      </c>
      <c r="AE6266">
        <v>33448.165150000001</v>
      </c>
      <c r="AF6266">
        <v>51260.832280000002</v>
      </c>
      <c r="AG6266">
        <v>17438.49566</v>
      </c>
      <c r="AH6266">
        <v>297862.20559999999</v>
      </c>
      <c r="AI6266">
        <v>78440.194099999993</v>
      </c>
      <c r="AJ6266">
        <v>16732.58006</v>
      </c>
      <c r="AK6266">
        <v>27606.720700000002</v>
      </c>
      <c r="AL6266">
        <v>87875.843739999997</v>
      </c>
      <c r="AM6266">
        <v>17452.921190000001</v>
      </c>
      <c r="AN6266">
        <v>74253.069109999997</v>
      </c>
      <c r="AO6266">
        <v>20290.903289999998</v>
      </c>
      <c r="AP6266">
        <v>12838.94198</v>
      </c>
    </row>
    <row r="6267" spans="2:42" x14ac:dyDescent="0.3">
      <c r="B6267">
        <v>57.733036575680821</v>
      </c>
      <c r="C6267" s="83">
        <v>43362.041666666664</v>
      </c>
      <c r="D6267">
        <v>237313.75099999999</v>
      </c>
      <c r="E6267">
        <v>12799.318649999999</v>
      </c>
      <c r="F6267">
        <v>56028.506130000002</v>
      </c>
      <c r="G6267">
        <v>32347.659960000001</v>
      </c>
      <c r="H6267">
        <v>34373.738660000003</v>
      </c>
      <c r="I6267">
        <v>18442.091039999999</v>
      </c>
      <c r="J6267">
        <v>32342.519560000001</v>
      </c>
      <c r="K6267">
        <v>49742.202989999998</v>
      </c>
      <c r="L6267">
        <v>16521.653920000001</v>
      </c>
      <c r="M6267">
        <v>294349.94380000001</v>
      </c>
      <c r="N6267">
        <v>76940.269130000001</v>
      </c>
      <c r="O6267">
        <v>16490.669699999999</v>
      </c>
      <c r="P6267">
        <v>25764.865160000001</v>
      </c>
      <c r="Q6267">
        <v>87881.488580000005</v>
      </c>
      <c r="R6267">
        <v>16294.88804</v>
      </c>
      <c r="S6267">
        <v>73145.339770000006</v>
      </c>
      <c r="T6267">
        <v>19217.102790000001</v>
      </c>
      <c r="U6267">
        <v>12500.36866</v>
      </c>
      <c r="W6267" s="83">
        <f>Bühler!N6299</f>
        <v>45553.041666651472</v>
      </c>
      <c r="X6267" s="83">
        <v>43362.041666666664</v>
      </c>
      <c r="Y6267">
        <v>237313.75099999999</v>
      </c>
      <c r="Z6267">
        <v>12799.318649999999</v>
      </c>
      <c r="AA6267">
        <v>56028.506130000002</v>
      </c>
      <c r="AB6267">
        <v>32347.659960000001</v>
      </c>
      <c r="AC6267">
        <v>34373.738660000003</v>
      </c>
      <c r="AD6267">
        <v>18442.091039999999</v>
      </c>
      <c r="AE6267">
        <v>32342.519560000001</v>
      </c>
      <c r="AF6267">
        <v>49742.202989999998</v>
      </c>
      <c r="AG6267">
        <v>16521.653920000001</v>
      </c>
      <c r="AH6267">
        <v>294349.94380000001</v>
      </c>
      <c r="AI6267">
        <v>76940.269130000001</v>
      </c>
      <c r="AJ6267">
        <v>16490.669699999999</v>
      </c>
      <c r="AK6267">
        <v>25764.865160000001</v>
      </c>
      <c r="AL6267">
        <v>87881.488580000005</v>
      </c>
      <c r="AM6267">
        <v>16294.88804</v>
      </c>
      <c r="AN6267">
        <v>73145.339770000006</v>
      </c>
      <c r="AO6267">
        <v>19217.102790000001</v>
      </c>
      <c r="AP6267">
        <v>12500.36866</v>
      </c>
    </row>
    <row r="6268" spans="2:42" x14ac:dyDescent="0.3">
      <c r="B6268">
        <v>58.218728396301955</v>
      </c>
      <c r="C6268" s="83">
        <v>43362.083333333336</v>
      </c>
      <c r="D6268">
        <v>237300.07430000001</v>
      </c>
      <c r="E6268">
        <v>12669.425020000001</v>
      </c>
      <c r="F6268">
        <v>56691.859689999997</v>
      </c>
      <c r="G6268">
        <v>31723.513869999999</v>
      </c>
      <c r="H6268">
        <v>34187.5723</v>
      </c>
      <c r="I6268">
        <v>16907.067729999999</v>
      </c>
      <c r="J6268">
        <v>32110.185750000001</v>
      </c>
      <c r="K6268">
        <v>48752.935769999996</v>
      </c>
      <c r="L6268">
        <v>16364.92143</v>
      </c>
      <c r="M6268">
        <v>296826.22720000002</v>
      </c>
      <c r="N6268">
        <v>76699.59014</v>
      </c>
      <c r="O6268">
        <v>16146.56079</v>
      </c>
      <c r="P6268">
        <v>24411.951939999999</v>
      </c>
      <c r="Q6268">
        <v>90427.456980000003</v>
      </c>
      <c r="R6268">
        <v>16088.5214</v>
      </c>
      <c r="S6268">
        <v>72067.853130000003</v>
      </c>
      <c r="T6268">
        <v>18679.157289999999</v>
      </c>
      <c r="U6268">
        <v>12145.193660000001</v>
      </c>
      <c r="W6268" s="83">
        <f>Bühler!N6300</f>
        <v>45553.083333318136</v>
      </c>
      <c r="X6268" s="83">
        <v>43362.083333333336</v>
      </c>
      <c r="Y6268">
        <v>237300.07430000001</v>
      </c>
      <c r="Z6268">
        <v>12669.425020000001</v>
      </c>
      <c r="AA6268">
        <v>56691.859689999997</v>
      </c>
      <c r="AB6268">
        <v>31723.513869999999</v>
      </c>
      <c r="AC6268">
        <v>34187.5723</v>
      </c>
      <c r="AD6268">
        <v>16907.067729999999</v>
      </c>
      <c r="AE6268">
        <v>32110.185750000001</v>
      </c>
      <c r="AF6268">
        <v>48752.935769999996</v>
      </c>
      <c r="AG6268">
        <v>16364.92143</v>
      </c>
      <c r="AH6268">
        <v>296826.22720000002</v>
      </c>
      <c r="AI6268">
        <v>76699.59014</v>
      </c>
      <c r="AJ6268">
        <v>16146.56079</v>
      </c>
      <c r="AK6268">
        <v>24411.951939999999</v>
      </c>
      <c r="AL6268">
        <v>90427.456980000003</v>
      </c>
      <c r="AM6268">
        <v>16088.5214</v>
      </c>
      <c r="AN6268">
        <v>72067.853130000003</v>
      </c>
      <c r="AO6268">
        <v>18679.157289999999</v>
      </c>
      <c r="AP6268">
        <v>12145.193660000001</v>
      </c>
    </row>
    <row r="6269" spans="2:42" x14ac:dyDescent="0.3">
      <c r="B6269">
        <v>58.869802695387506</v>
      </c>
      <c r="C6269" s="83">
        <v>43362.125</v>
      </c>
      <c r="D6269">
        <v>237957.0638</v>
      </c>
      <c r="E6269">
        <v>12748.088400000001</v>
      </c>
      <c r="F6269">
        <v>57896.060100000002</v>
      </c>
      <c r="G6269">
        <v>30841.097389999999</v>
      </c>
      <c r="H6269">
        <v>33967.116770000001</v>
      </c>
      <c r="I6269">
        <v>16692.24451</v>
      </c>
      <c r="J6269">
        <v>31371.122029999999</v>
      </c>
      <c r="K6269">
        <v>46831.229800000001</v>
      </c>
      <c r="L6269">
        <v>15954.73115</v>
      </c>
      <c r="M6269">
        <v>300145.70760000002</v>
      </c>
      <c r="N6269">
        <v>75869.170180000001</v>
      </c>
      <c r="O6269">
        <v>16408.015070000001</v>
      </c>
      <c r="P6269">
        <v>23906.670900000001</v>
      </c>
      <c r="Q6269">
        <v>93547.906029999998</v>
      </c>
      <c r="R6269">
        <v>15438.153029999999</v>
      </c>
      <c r="S6269">
        <v>71591.692790000001</v>
      </c>
      <c r="T6269">
        <v>18042.9427</v>
      </c>
      <c r="U6269">
        <v>12268.8014</v>
      </c>
      <c r="W6269" s="83">
        <f>Bühler!N6301</f>
        <v>45553.124999984801</v>
      </c>
      <c r="X6269" s="83">
        <v>43362.125</v>
      </c>
      <c r="Y6269">
        <v>237957.0638</v>
      </c>
      <c r="Z6269">
        <v>12748.088400000001</v>
      </c>
      <c r="AA6269">
        <v>57896.060100000002</v>
      </c>
      <c r="AB6269">
        <v>30841.097389999999</v>
      </c>
      <c r="AC6269">
        <v>33967.116770000001</v>
      </c>
      <c r="AD6269">
        <v>16692.24451</v>
      </c>
      <c r="AE6269">
        <v>31371.122029999999</v>
      </c>
      <c r="AF6269">
        <v>46831.229800000001</v>
      </c>
      <c r="AG6269">
        <v>15954.73115</v>
      </c>
      <c r="AH6269">
        <v>300145.70760000002</v>
      </c>
      <c r="AI6269">
        <v>75869.170180000001</v>
      </c>
      <c r="AJ6269">
        <v>16408.015070000001</v>
      </c>
      <c r="AK6269">
        <v>23906.670900000001</v>
      </c>
      <c r="AL6269">
        <v>93547.906029999998</v>
      </c>
      <c r="AM6269">
        <v>15438.153029999999</v>
      </c>
      <c r="AN6269">
        <v>71591.692790000001</v>
      </c>
      <c r="AO6269">
        <v>18042.9427</v>
      </c>
      <c r="AP6269">
        <v>12268.8014</v>
      </c>
    </row>
    <row r="6270" spans="2:42" x14ac:dyDescent="0.3">
      <c r="B6270">
        <v>60.222558590477824</v>
      </c>
      <c r="C6270" s="83">
        <v>43362.166666666664</v>
      </c>
      <c r="D6270">
        <v>241863.35769999999</v>
      </c>
      <c r="E6270">
        <v>13112.50202</v>
      </c>
      <c r="F6270">
        <v>61531.731290000003</v>
      </c>
      <c r="G6270">
        <v>30209.754219999999</v>
      </c>
      <c r="H6270">
        <v>34235.261319999998</v>
      </c>
      <c r="I6270">
        <v>18004.803810000001</v>
      </c>
      <c r="J6270">
        <v>33333.148829999998</v>
      </c>
      <c r="K6270">
        <v>45484.30616</v>
      </c>
      <c r="L6270">
        <v>15994.797430000001</v>
      </c>
      <c r="M6270">
        <v>307042.68800000002</v>
      </c>
      <c r="N6270">
        <v>74968.293590000001</v>
      </c>
      <c r="O6270">
        <v>16110.82869</v>
      </c>
      <c r="P6270">
        <v>23459.99871</v>
      </c>
      <c r="Q6270">
        <v>97217.617410000006</v>
      </c>
      <c r="R6270">
        <v>15463.02858</v>
      </c>
      <c r="S6270">
        <v>72304.095159999997</v>
      </c>
      <c r="T6270">
        <v>18071.252280000001</v>
      </c>
      <c r="U6270">
        <v>12569.724399999999</v>
      </c>
      <c r="W6270" s="83">
        <f>Bühler!N6302</f>
        <v>45553.166666651465</v>
      </c>
      <c r="X6270" s="83">
        <v>43362.166666666664</v>
      </c>
      <c r="Y6270">
        <v>241863.35769999999</v>
      </c>
      <c r="Z6270">
        <v>13112.50202</v>
      </c>
      <c r="AA6270">
        <v>61531.731290000003</v>
      </c>
      <c r="AB6270">
        <v>30209.754219999999</v>
      </c>
      <c r="AC6270">
        <v>34235.261319999998</v>
      </c>
      <c r="AD6270">
        <v>18004.803810000001</v>
      </c>
      <c r="AE6270">
        <v>33333.148829999998</v>
      </c>
      <c r="AF6270">
        <v>45484.30616</v>
      </c>
      <c r="AG6270">
        <v>15994.797430000001</v>
      </c>
      <c r="AH6270">
        <v>307042.68800000002</v>
      </c>
      <c r="AI6270">
        <v>74968.293590000001</v>
      </c>
      <c r="AJ6270">
        <v>16110.82869</v>
      </c>
      <c r="AK6270">
        <v>23459.99871</v>
      </c>
      <c r="AL6270">
        <v>97217.617410000006</v>
      </c>
      <c r="AM6270">
        <v>15463.02858</v>
      </c>
      <c r="AN6270">
        <v>72304.095159999997</v>
      </c>
      <c r="AO6270">
        <v>18071.252280000001</v>
      </c>
      <c r="AP6270">
        <v>12569.724399999999</v>
      </c>
    </row>
    <row r="6271" spans="2:42" x14ac:dyDescent="0.3">
      <c r="B6271">
        <v>62.908187381889633</v>
      </c>
      <c r="C6271" s="83">
        <v>43362.208333333336</v>
      </c>
      <c r="D6271">
        <v>254483.389</v>
      </c>
      <c r="E6271">
        <v>14896.749169999999</v>
      </c>
      <c r="F6271">
        <v>69921.27648</v>
      </c>
      <c r="G6271">
        <v>31979.570489999998</v>
      </c>
      <c r="H6271">
        <v>36069.548840000003</v>
      </c>
      <c r="I6271">
        <v>24030.625039999999</v>
      </c>
      <c r="J6271">
        <v>36705.73504</v>
      </c>
      <c r="K6271">
        <v>46336.390570000003</v>
      </c>
      <c r="L6271">
        <v>16589.885989999999</v>
      </c>
      <c r="M6271">
        <v>320735.27600000001</v>
      </c>
      <c r="N6271">
        <v>76542.088959999994</v>
      </c>
      <c r="O6271">
        <v>16616.32518</v>
      </c>
      <c r="P6271">
        <v>25155.693960000001</v>
      </c>
      <c r="Q6271">
        <v>98741.262669999996</v>
      </c>
      <c r="R6271">
        <v>16494.293089999999</v>
      </c>
      <c r="S6271">
        <v>74893.864610000004</v>
      </c>
      <c r="T6271">
        <v>19492.273430000001</v>
      </c>
      <c r="U6271">
        <v>13806.40609</v>
      </c>
      <c r="W6271" s="83">
        <f>Bühler!N6303</f>
        <v>45553.208333318129</v>
      </c>
      <c r="X6271" s="83">
        <v>43362.208333333336</v>
      </c>
      <c r="Y6271">
        <v>254483.389</v>
      </c>
      <c r="Z6271">
        <v>14896.749169999999</v>
      </c>
      <c r="AA6271">
        <v>69921.27648</v>
      </c>
      <c r="AB6271">
        <v>31979.570489999998</v>
      </c>
      <c r="AC6271">
        <v>36069.548840000003</v>
      </c>
      <c r="AD6271">
        <v>24030.625039999999</v>
      </c>
      <c r="AE6271">
        <v>36705.73504</v>
      </c>
      <c r="AF6271">
        <v>46336.390570000003</v>
      </c>
      <c r="AG6271">
        <v>16589.885989999999</v>
      </c>
      <c r="AH6271">
        <v>320735.27600000001</v>
      </c>
      <c r="AI6271">
        <v>76542.088959999994</v>
      </c>
      <c r="AJ6271">
        <v>16616.32518</v>
      </c>
      <c r="AK6271">
        <v>25155.693960000001</v>
      </c>
      <c r="AL6271">
        <v>98741.262669999996</v>
      </c>
      <c r="AM6271">
        <v>16494.293089999999</v>
      </c>
      <c r="AN6271">
        <v>74893.864610000004</v>
      </c>
      <c r="AO6271">
        <v>19492.273430000001</v>
      </c>
      <c r="AP6271">
        <v>13806.40609</v>
      </c>
    </row>
    <row r="6272" spans="2:42" x14ac:dyDescent="0.3">
      <c r="B6272">
        <v>66.436563680457084</v>
      </c>
      <c r="C6272" s="83">
        <v>43362.25</v>
      </c>
      <c r="D6272">
        <v>269721.18770000001</v>
      </c>
      <c r="E6272">
        <v>18975.33223</v>
      </c>
      <c r="F6272">
        <v>80808.789449999997</v>
      </c>
      <c r="G6272">
        <v>41787.382019999997</v>
      </c>
      <c r="H6272">
        <v>39161.82905</v>
      </c>
      <c r="I6272">
        <v>30316.9074</v>
      </c>
      <c r="J6272">
        <v>41014.738499999999</v>
      </c>
      <c r="K6272">
        <v>47690.582779999997</v>
      </c>
      <c r="L6272">
        <v>18413.013139999999</v>
      </c>
      <c r="M6272">
        <v>338724.58380000002</v>
      </c>
      <c r="N6272">
        <v>80885.706049999993</v>
      </c>
      <c r="O6272">
        <v>18837.957849999999</v>
      </c>
      <c r="P6272">
        <v>26370.46717</v>
      </c>
      <c r="Q6272">
        <v>99934.315300000002</v>
      </c>
      <c r="R6272">
        <v>18553.687259999999</v>
      </c>
      <c r="S6272">
        <v>83908.374320000003</v>
      </c>
      <c r="T6272">
        <v>22121.685590000001</v>
      </c>
      <c r="U6272">
        <v>16118.56192</v>
      </c>
      <c r="W6272" s="83">
        <f>Bühler!N6304</f>
        <v>45553.249999984793</v>
      </c>
      <c r="X6272" s="83">
        <v>43362.25</v>
      </c>
      <c r="Y6272">
        <v>269721.18770000001</v>
      </c>
      <c r="Z6272">
        <v>18975.33223</v>
      </c>
      <c r="AA6272">
        <v>80808.789449999997</v>
      </c>
      <c r="AB6272">
        <v>41787.382019999997</v>
      </c>
      <c r="AC6272">
        <v>39161.82905</v>
      </c>
      <c r="AD6272">
        <v>30316.9074</v>
      </c>
      <c r="AE6272">
        <v>41014.738499999999</v>
      </c>
      <c r="AF6272">
        <v>47690.582779999997</v>
      </c>
      <c r="AG6272">
        <v>18413.013139999999</v>
      </c>
      <c r="AH6272">
        <v>338724.58380000002</v>
      </c>
      <c r="AI6272">
        <v>80885.706049999993</v>
      </c>
      <c r="AJ6272">
        <v>18837.957849999999</v>
      </c>
      <c r="AK6272">
        <v>26370.46717</v>
      </c>
      <c r="AL6272">
        <v>99934.315300000002</v>
      </c>
      <c r="AM6272">
        <v>18553.687259999999</v>
      </c>
      <c r="AN6272">
        <v>83908.374320000003</v>
      </c>
      <c r="AO6272">
        <v>22121.685590000001</v>
      </c>
      <c r="AP6272">
        <v>16118.56192</v>
      </c>
    </row>
    <row r="6273" spans="2:42" x14ac:dyDescent="0.3">
      <c r="B6273">
        <v>68.9714577119518</v>
      </c>
      <c r="C6273" s="83">
        <v>43362.291666666664</v>
      </c>
      <c r="D6273">
        <v>285259.54340000002</v>
      </c>
      <c r="E6273">
        <v>23584.159820000001</v>
      </c>
      <c r="F6273">
        <v>84650.30154</v>
      </c>
      <c r="G6273">
        <v>53692.568399999996</v>
      </c>
      <c r="H6273">
        <v>44379.234199999999</v>
      </c>
      <c r="I6273">
        <v>38030.509469999997</v>
      </c>
      <c r="J6273">
        <v>42281.901330000001</v>
      </c>
      <c r="K6273">
        <v>53906.054120000001</v>
      </c>
      <c r="L6273">
        <v>20865.179220000002</v>
      </c>
      <c r="M6273">
        <v>351648.6557</v>
      </c>
      <c r="N6273">
        <v>87752.561669999996</v>
      </c>
      <c r="O6273">
        <v>21784.81236</v>
      </c>
      <c r="P6273">
        <v>30351.151620000001</v>
      </c>
      <c r="Q6273">
        <v>100791.2539</v>
      </c>
      <c r="R6273">
        <v>20374.029020000002</v>
      </c>
      <c r="S6273">
        <v>99845.179019999996</v>
      </c>
      <c r="T6273">
        <v>26589.24698</v>
      </c>
      <c r="U6273">
        <v>21180.439109999999</v>
      </c>
      <c r="W6273" s="83">
        <f>Bühler!N6305</f>
        <v>45553.291666651457</v>
      </c>
      <c r="X6273" s="83">
        <v>43362.291666666664</v>
      </c>
      <c r="Y6273">
        <v>285259.54340000002</v>
      </c>
      <c r="Z6273">
        <v>23584.159820000001</v>
      </c>
      <c r="AA6273">
        <v>84650.30154</v>
      </c>
      <c r="AB6273">
        <v>53692.568399999996</v>
      </c>
      <c r="AC6273">
        <v>44379.234199999999</v>
      </c>
      <c r="AD6273">
        <v>38030.509469999997</v>
      </c>
      <c r="AE6273">
        <v>42281.901330000001</v>
      </c>
      <c r="AF6273">
        <v>53906.054120000001</v>
      </c>
      <c r="AG6273">
        <v>20865.179220000002</v>
      </c>
      <c r="AH6273">
        <v>351648.6557</v>
      </c>
      <c r="AI6273">
        <v>87752.561669999996</v>
      </c>
      <c r="AJ6273">
        <v>21784.81236</v>
      </c>
      <c r="AK6273">
        <v>30351.151620000001</v>
      </c>
      <c r="AL6273">
        <v>100791.2539</v>
      </c>
      <c r="AM6273">
        <v>20374.029020000002</v>
      </c>
      <c r="AN6273">
        <v>99845.179019999996</v>
      </c>
      <c r="AO6273">
        <v>26589.24698</v>
      </c>
      <c r="AP6273">
        <v>21180.439109999999</v>
      </c>
    </row>
    <row r="6274" spans="2:42" x14ac:dyDescent="0.3">
      <c r="B6274">
        <v>69.797394379484032</v>
      </c>
      <c r="C6274" s="83">
        <v>43362.333333333336</v>
      </c>
      <c r="D6274">
        <v>296847.62680000003</v>
      </c>
      <c r="E6274">
        <v>29522.422930000001</v>
      </c>
      <c r="F6274">
        <v>89923.295129999999</v>
      </c>
      <c r="G6274">
        <v>68171.488089999999</v>
      </c>
      <c r="H6274">
        <v>48597.37689</v>
      </c>
      <c r="I6274">
        <v>41650.682130000001</v>
      </c>
      <c r="J6274">
        <v>42654.382870000001</v>
      </c>
      <c r="K6274">
        <v>60486.447460000003</v>
      </c>
      <c r="L6274">
        <v>23009.609550000001</v>
      </c>
      <c r="M6274">
        <v>355859.66600000003</v>
      </c>
      <c r="N6274">
        <v>94480.268379999994</v>
      </c>
      <c r="O6274">
        <v>23565.216840000001</v>
      </c>
      <c r="P6274">
        <v>32969.311629999997</v>
      </c>
      <c r="Q6274">
        <v>102032.3671</v>
      </c>
      <c r="R6274">
        <v>21959.322789999998</v>
      </c>
      <c r="S6274">
        <v>111206.8943</v>
      </c>
      <c r="T6274">
        <v>29381.297879999998</v>
      </c>
      <c r="U6274">
        <v>24919.640380000001</v>
      </c>
      <c r="W6274" s="83">
        <f>Bühler!N6306</f>
        <v>45553.333333318122</v>
      </c>
      <c r="X6274" s="83">
        <v>43362.333333333336</v>
      </c>
      <c r="Y6274">
        <v>296847.62680000003</v>
      </c>
      <c r="Z6274">
        <v>29522.422930000001</v>
      </c>
      <c r="AA6274">
        <v>89923.295129999999</v>
      </c>
      <c r="AB6274">
        <v>68171.488089999999</v>
      </c>
      <c r="AC6274">
        <v>48597.37689</v>
      </c>
      <c r="AD6274">
        <v>41650.682130000001</v>
      </c>
      <c r="AE6274">
        <v>42654.382870000001</v>
      </c>
      <c r="AF6274">
        <v>60486.447460000003</v>
      </c>
      <c r="AG6274">
        <v>23009.609550000001</v>
      </c>
      <c r="AH6274">
        <v>355859.66600000003</v>
      </c>
      <c r="AI6274">
        <v>94480.268379999994</v>
      </c>
      <c r="AJ6274">
        <v>23565.216840000001</v>
      </c>
      <c r="AK6274">
        <v>32969.311629999997</v>
      </c>
      <c r="AL6274">
        <v>102032.3671</v>
      </c>
      <c r="AM6274">
        <v>21959.322789999998</v>
      </c>
      <c r="AN6274">
        <v>111206.8943</v>
      </c>
      <c r="AO6274">
        <v>29381.297879999998</v>
      </c>
      <c r="AP6274">
        <v>24919.640380000001</v>
      </c>
    </row>
    <row r="6275" spans="2:42" x14ac:dyDescent="0.3">
      <c r="B6275">
        <v>70.07898419565791</v>
      </c>
      <c r="C6275" s="83">
        <v>43362.375</v>
      </c>
      <c r="D6275">
        <v>299684.1238</v>
      </c>
      <c r="E6275">
        <v>33699.028969999999</v>
      </c>
      <c r="F6275">
        <v>96437.221999999994</v>
      </c>
      <c r="G6275">
        <v>75772.234570000001</v>
      </c>
      <c r="H6275">
        <v>52044.70738</v>
      </c>
      <c r="I6275">
        <v>39909.922610000001</v>
      </c>
      <c r="J6275">
        <v>44040.95016</v>
      </c>
      <c r="K6275">
        <v>62526.291270000002</v>
      </c>
      <c r="L6275">
        <v>26094.451260000002</v>
      </c>
      <c r="M6275">
        <v>357295.34220000001</v>
      </c>
      <c r="N6275">
        <v>99070.826929999996</v>
      </c>
      <c r="O6275">
        <v>24701.183089999999</v>
      </c>
      <c r="P6275">
        <v>35648.828540000002</v>
      </c>
      <c r="Q6275">
        <v>103343.80899999999</v>
      </c>
      <c r="R6275">
        <v>22995.704689999999</v>
      </c>
      <c r="S6275">
        <v>117700.0733</v>
      </c>
      <c r="T6275">
        <v>32349.89602</v>
      </c>
      <c r="U6275">
        <v>25006.507659999999</v>
      </c>
      <c r="W6275" s="83">
        <f>Bühler!N6307</f>
        <v>45553.374999984786</v>
      </c>
      <c r="X6275" s="83">
        <v>43362.375</v>
      </c>
      <c r="Y6275">
        <v>299684.1238</v>
      </c>
      <c r="Z6275">
        <v>33699.028969999999</v>
      </c>
      <c r="AA6275">
        <v>96437.221999999994</v>
      </c>
      <c r="AB6275">
        <v>75772.234570000001</v>
      </c>
      <c r="AC6275">
        <v>52044.70738</v>
      </c>
      <c r="AD6275">
        <v>39909.922610000001</v>
      </c>
      <c r="AE6275">
        <v>44040.95016</v>
      </c>
      <c r="AF6275">
        <v>62526.291270000002</v>
      </c>
      <c r="AG6275">
        <v>26094.451260000002</v>
      </c>
      <c r="AH6275">
        <v>357295.34220000001</v>
      </c>
      <c r="AI6275">
        <v>99070.826929999996</v>
      </c>
      <c r="AJ6275">
        <v>24701.183089999999</v>
      </c>
      <c r="AK6275">
        <v>35648.828540000002</v>
      </c>
      <c r="AL6275">
        <v>103343.80899999999</v>
      </c>
      <c r="AM6275">
        <v>22995.704689999999</v>
      </c>
      <c r="AN6275">
        <v>117700.0733</v>
      </c>
      <c r="AO6275">
        <v>32349.89602</v>
      </c>
      <c r="AP6275">
        <v>25006.507659999999</v>
      </c>
    </row>
    <row r="6276" spans="2:42" x14ac:dyDescent="0.3">
      <c r="B6276">
        <v>70.465903803965716</v>
      </c>
      <c r="C6276" s="83">
        <v>43362.416666666664</v>
      </c>
      <c r="D6276">
        <v>303063.68729999999</v>
      </c>
      <c r="E6276">
        <v>35853.74712</v>
      </c>
      <c r="F6276">
        <v>99601.082840000003</v>
      </c>
      <c r="G6276">
        <v>77470.944080000001</v>
      </c>
      <c r="H6276">
        <v>53177.55545</v>
      </c>
      <c r="I6276">
        <v>38413.827429999998</v>
      </c>
      <c r="J6276">
        <v>43341.915780000003</v>
      </c>
      <c r="K6276">
        <v>63579.331180000001</v>
      </c>
      <c r="L6276">
        <v>28741.142159999999</v>
      </c>
      <c r="M6276">
        <v>359268.03879999998</v>
      </c>
      <c r="N6276">
        <v>103697.933</v>
      </c>
      <c r="O6276">
        <v>25401.389029999998</v>
      </c>
      <c r="P6276">
        <v>36375.501949999998</v>
      </c>
      <c r="Q6276">
        <v>104281.75870000001</v>
      </c>
      <c r="R6276">
        <v>23939.127850000001</v>
      </c>
      <c r="S6276">
        <v>120575.1268</v>
      </c>
      <c r="T6276">
        <v>33920.719239999999</v>
      </c>
      <c r="U6276">
        <v>24227.948410000001</v>
      </c>
      <c r="W6276" s="83">
        <f>Bühler!N6308</f>
        <v>45553.41666665145</v>
      </c>
      <c r="X6276" s="83">
        <v>43362.416666666664</v>
      </c>
      <c r="Y6276">
        <v>303063.68729999999</v>
      </c>
      <c r="Z6276">
        <v>35853.74712</v>
      </c>
      <c r="AA6276">
        <v>99601.082840000003</v>
      </c>
      <c r="AB6276">
        <v>77470.944080000001</v>
      </c>
      <c r="AC6276">
        <v>53177.55545</v>
      </c>
      <c r="AD6276">
        <v>38413.827429999998</v>
      </c>
      <c r="AE6276">
        <v>43341.915780000003</v>
      </c>
      <c r="AF6276">
        <v>63579.331180000001</v>
      </c>
      <c r="AG6276">
        <v>28741.142159999999</v>
      </c>
      <c r="AH6276">
        <v>359268.03879999998</v>
      </c>
      <c r="AI6276">
        <v>103697.933</v>
      </c>
      <c r="AJ6276">
        <v>25401.389029999998</v>
      </c>
      <c r="AK6276">
        <v>36375.501949999998</v>
      </c>
      <c r="AL6276">
        <v>104281.75870000001</v>
      </c>
      <c r="AM6276">
        <v>23939.127850000001</v>
      </c>
      <c r="AN6276">
        <v>120575.1268</v>
      </c>
      <c r="AO6276">
        <v>33920.719239999999</v>
      </c>
      <c r="AP6276">
        <v>24227.948410000001</v>
      </c>
    </row>
    <row r="6277" spans="2:42" x14ac:dyDescent="0.3">
      <c r="B6277">
        <v>70.699771190749843</v>
      </c>
      <c r="C6277" s="83">
        <v>43362.458333333336</v>
      </c>
      <c r="D6277">
        <v>303998.51120000001</v>
      </c>
      <c r="E6277">
        <v>36052.170769999997</v>
      </c>
      <c r="F6277">
        <v>99402.607520000005</v>
      </c>
      <c r="G6277">
        <v>75992.622499999998</v>
      </c>
      <c r="H6277">
        <v>52890.39544</v>
      </c>
      <c r="I6277">
        <v>39044.073349999999</v>
      </c>
      <c r="J6277">
        <v>43909.4689</v>
      </c>
      <c r="K6277">
        <v>63791.016889999999</v>
      </c>
      <c r="L6277">
        <v>30070.356400000001</v>
      </c>
      <c r="M6277">
        <v>360460.40379999997</v>
      </c>
      <c r="N6277">
        <v>105001.85739999999</v>
      </c>
      <c r="O6277">
        <v>26019.183499999999</v>
      </c>
      <c r="P6277">
        <v>35592.408320000002</v>
      </c>
      <c r="Q6277">
        <v>105982.2813</v>
      </c>
      <c r="R6277">
        <v>24576.24999</v>
      </c>
      <c r="S6277">
        <v>122956.8198</v>
      </c>
      <c r="T6277">
        <v>34385.895219999999</v>
      </c>
      <c r="U6277">
        <v>23992.86593</v>
      </c>
      <c r="W6277" s="83">
        <f>Bühler!N6309</f>
        <v>45553.458333318114</v>
      </c>
      <c r="X6277" s="83">
        <v>43362.458333333336</v>
      </c>
      <c r="Y6277">
        <v>303998.51120000001</v>
      </c>
      <c r="Z6277">
        <v>36052.170769999997</v>
      </c>
      <c r="AA6277">
        <v>99402.607520000005</v>
      </c>
      <c r="AB6277">
        <v>75992.622499999998</v>
      </c>
      <c r="AC6277">
        <v>52890.39544</v>
      </c>
      <c r="AD6277">
        <v>39044.073349999999</v>
      </c>
      <c r="AE6277">
        <v>43909.4689</v>
      </c>
      <c r="AF6277">
        <v>63791.016889999999</v>
      </c>
      <c r="AG6277">
        <v>30070.356400000001</v>
      </c>
      <c r="AH6277">
        <v>360460.40379999997</v>
      </c>
      <c r="AI6277">
        <v>105001.85739999999</v>
      </c>
      <c r="AJ6277">
        <v>26019.183499999999</v>
      </c>
      <c r="AK6277">
        <v>35592.408320000002</v>
      </c>
      <c r="AL6277">
        <v>105982.2813</v>
      </c>
      <c r="AM6277">
        <v>24576.24999</v>
      </c>
      <c r="AN6277">
        <v>122956.8198</v>
      </c>
      <c r="AO6277">
        <v>34385.895219999999</v>
      </c>
      <c r="AP6277">
        <v>23992.86593</v>
      </c>
    </row>
    <row r="6278" spans="2:42" x14ac:dyDescent="0.3">
      <c r="B6278">
        <v>69.441080935762599</v>
      </c>
      <c r="C6278" s="83">
        <v>43362.5</v>
      </c>
      <c r="D6278">
        <v>292374.04639999999</v>
      </c>
      <c r="E6278">
        <v>32875.251120000001</v>
      </c>
      <c r="F6278">
        <v>94242.606029999995</v>
      </c>
      <c r="G6278">
        <v>69456.924320000006</v>
      </c>
      <c r="H6278">
        <v>50140.076480000003</v>
      </c>
      <c r="I6278">
        <v>37537.891730000003</v>
      </c>
      <c r="J6278">
        <v>44887.411079999998</v>
      </c>
      <c r="K6278">
        <v>59622.397420000001</v>
      </c>
      <c r="L6278">
        <v>32384.274740000001</v>
      </c>
      <c r="M6278">
        <v>354043.01390000002</v>
      </c>
      <c r="N6278">
        <v>101400.70510000001</v>
      </c>
      <c r="O6278">
        <v>25403.376349999999</v>
      </c>
      <c r="P6278">
        <v>37023.845159999997</v>
      </c>
      <c r="Q6278">
        <v>104903.6406</v>
      </c>
      <c r="R6278">
        <v>25294.160459999999</v>
      </c>
      <c r="S6278">
        <v>116714.55439999999</v>
      </c>
      <c r="T6278">
        <v>33425.995900000002</v>
      </c>
      <c r="U6278">
        <v>20339.236819999998</v>
      </c>
      <c r="W6278" s="83">
        <f>Bühler!N6310</f>
        <v>45553.499999984779</v>
      </c>
      <c r="X6278" s="83">
        <v>43362.5</v>
      </c>
      <c r="Y6278">
        <v>292374.04639999999</v>
      </c>
      <c r="Z6278">
        <v>32875.251120000001</v>
      </c>
      <c r="AA6278">
        <v>94242.606029999995</v>
      </c>
      <c r="AB6278">
        <v>69456.924320000006</v>
      </c>
      <c r="AC6278">
        <v>50140.076480000003</v>
      </c>
      <c r="AD6278">
        <v>37537.891730000003</v>
      </c>
      <c r="AE6278">
        <v>44887.411079999998</v>
      </c>
      <c r="AF6278">
        <v>59622.397420000001</v>
      </c>
      <c r="AG6278">
        <v>32384.274740000001</v>
      </c>
      <c r="AH6278">
        <v>354043.01390000002</v>
      </c>
      <c r="AI6278">
        <v>101400.70510000001</v>
      </c>
      <c r="AJ6278">
        <v>25403.376349999999</v>
      </c>
      <c r="AK6278">
        <v>37023.845159999997</v>
      </c>
      <c r="AL6278">
        <v>104903.6406</v>
      </c>
      <c r="AM6278">
        <v>25294.160459999999</v>
      </c>
      <c r="AN6278">
        <v>116714.55439999999</v>
      </c>
      <c r="AO6278">
        <v>33425.995900000002</v>
      </c>
      <c r="AP6278">
        <v>20339.236819999998</v>
      </c>
    </row>
    <row r="6279" spans="2:42" x14ac:dyDescent="0.3">
      <c r="B6279">
        <v>68.309626079911311</v>
      </c>
      <c r="C6279" s="83">
        <v>43362.541666666664</v>
      </c>
      <c r="D6279">
        <v>291045.30209999997</v>
      </c>
      <c r="E6279">
        <v>33167.577830000002</v>
      </c>
      <c r="F6279">
        <v>91525.742729999998</v>
      </c>
      <c r="G6279">
        <v>63918.092140000001</v>
      </c>
      <c r="H6279">
        <v>50707.883289999998</v>
      </c>
      <c r="I6279">
        <v>37395.678319999999</v>
      </c>
      <c r="J6279">
        <v>44190.027580000002</v>
      </c>
      <c r="K6279">
        <v>62081.356690000001</v>
      </c>
      <c r="L6279">
        <v>30998.246950000001</v>
      </c>
      <c r="M6279">
        <v>348274.32939999999</v>
      </c>
      <c r="N6279">
        <v>101133.5563</v>
      </c>
      <c r="O6279">
        <v>25948.576570000001</v>
      </c>
      <c r="P6279">
        <v>35963.807289999997</v>
      </c>
      <c r="Q6279">
        <v>104321.31020000001</v>
      </c>
      <c r="R6279">
        <v>25959.93867</v>
      </c>
      <c r="S6279">
        <v>115800.5428</v>
      </c>
      <c r="T6279">
        <v>32753.800220000001</v>
      </c>
      <c r="U6279">
        <v>23285.749049999999</v>
      </c>
      <c r="W6279" s="83">
        <f>Bühler!N6311</f>
        <v>45553.541666651443</v>
      </c>
      <c r="X6279" s="83">
        <v>43362.541666666664</v>
      </c>
      <c r="Y6279">
        <v>291045.30209999997</v>
      </c>
      <c r="Z6279">
        <v>33167.577830000002</v>
      </c>
      <c r="AA6279">
        <v>91525.742729999998</v>
      </c>
      <c r="AB6279">
        <v>63918.092140000001</v>
      </c>
      <c r="AC6279">
        <v>50707.883289999998</v>
      </c>
      <c r="AD6279">
        <v>37395.678319999999</v>
      </c>
      <c r="AE6279">
        <v>44190.027580000002</v>
      </c>
      <c r="AF6279">
        <v>62081.356690000001</v>
      </c>
      <c r="AG6279">
        <v>30998.246950000001</v>
      </c>
      <c r="AH6279">
        <v>348274.32939999999</v>
      </c>
      <c r="AI6279">
        <v>101133.5563</v>
      </c>
      <c r="AJ6279">
        <v>25948.576570000001</v>
      </c>
      <c r="AK6279">
        <v>35963.807289999997</v>
      </c>
      <c r="AL6279">
        <v>104321.31020000001</v>
      </c>
      <c r="AM6279">
        <v>25959.93867</v>
      </c>
      <c r="AN6279">
        <v>115800.5428</v>
      </c>
      <c r="AO6279">
        <v>32753.800220000001</v>
      </c>
      <c r="AP6279">
        <v>23285.749049999999</v>
      </c>
    </row>
    <row r="6280" spans="2:42" x14ac:dyDescent="0.3">
      <c r="B6280">
        <v>67.877383155825484</v>
      </c>
      <c r="C6280" s="83">
        <v>43362.583333333336</v>
      </c>
      <c r="D6280">
        <v>294479.30829999998</v>
      </c>
      <c r="E6280">
        <v>36505.10656</v>
      </c>
      <c r="F6280">
        <v>99173.099650000004</v>
      </c>
      <c r="G6280">
        <v>62277.948980000001</v>
      </c>
      <c r="H6280">
        <v>51279.848299999998</v>
      </c>
      <c r="I6280">
        <v>37802.566700000003</v>
      </c>
      <c r="J6280">
        <v>43539.943079999997</v>
      </c>
      <c r="K6280">
        <v>65104.946960000001</v>
      </c>
      <c r="L6280">
        <v>28268.225210000001</v>
      </c>
      <c r="M6280">
        <v>346070.55339999998</v>
      </c>
      <c r="N6280">
        <v>104537.0353</v>
      </c>
      <c r="O6280">
        <v>25483.755870000001</v>
      </c>
      <c r="P6280">
        <v>32757.967629999999</v>
      </c>
      <c r="Q6280">
        <v>103169.7608</v>
      </c>
      <c r="R6280">
        <v>25127.650539999999</v>
      </c>
      <c r="S6280">
        <v>111713.09080000001</v>
      </c>
      <c r="T6280">
        <v>32120.26266</v>
      </c>
      <c r="U6280">
        <v>23895.38723</v>
      </c>
      <c r="W6280" s="83">
        <f>Bühler!N6312</f>
        <v>45553.583333318107</v>
      </c>
      <c r="X6280" s="83">
        <v>43362.583333333336</v>
      </c>
      <c r="Y6280">
        <v>294479.30829999998</v>
      </c>
      <c r="Z6280">
        <v>36505.10656</v>
      </c>
      <c r="AA6280">
        <v>99173.099650000004</v>
      </c>
      <c r="AB6280">
        <v>62277.948980000001</v>
      </c>
      <c r="AC6280">
        <v>51279.848299999998</v>
      </c>
      <c r="AD6280">
        <v>37802.566700000003</v>
      </c>
      <c r="AE6280">
        <v>43539.943079999997</v>
      </c>
      <c r="AF6280">
        <v>65104.946960000001</v>
      </c>
      <c r="AG6280">
        <v>28268.225210000001</v>
      </c>
      <c r="AH6280">
        <v>346070.55339999998</v>
      </c>
      <c r="AI6280">
        <v>104537.0353</v>
      </c>
      <c r="AJ6280">
        <v>25483.755870000001</v>
      </c>
      <c r="AK6280">
        <v>32757.967629999999</v>
      </c>
      <c r="AL6280">
        <v>103169.7608</v>
      </c>
      <c r="AM6280">
        <v>25127.650539999999</v>
      </c>
      <c r="AN6280">
        <v>111713.09080000001</v>
      </c>
      <c r="AO6280">
        <v>32120.26266</v>
      </c>
      <c r="AP6280">
        <v>23895.38723</v>
      </c>
    </row>
    <row r="6281" spans="2:42" x14ac:dyDescent="0.3">
      <c r="B6281">
        <v>67.139625515052828</v>
      </c>
      <c r="C6281" s="83">
        <v>43362.625</v>
      </c>
      <c r="D6281">
        <v>292409.5049</v>
      </c>
      <c r="E6281">
        <v>36341.150329999997</v>
      </c>
      <c r="F6281">
        <v>100041.9746</v>
      </c>
      <c r="G6281">
        <v>60118.016839999997</v>
      </c>
      <c r="H6281">
        <v>49938.294070000004</v>
      </c>
      <c r="I6281">
        <v>38319.40322</v>
      </c>
      <c r="J6281">
        <v>43815.229039999998</v>
      </c>
      <c r="K6281">
        <v>64153.905279999999</v>
      </c>
      <c r="L6281">
        <v>25534.383099999999</v>
      </c>
      <c r="M6281">
        <v>342309.12089999998</v>
      </c>
      <c r="N6281">
        <v>100953.88219999999</v>
      </c>
      <c r="O6281">
        <v>24661.667880000001</v>
      </c>
      <c r="P6281">
        <v>29805.062519999999</v>
      </c>
      <c r="Q6281">
        <v>101229.7044</v>
      </c>
      <c r="R6281">
        <v>24658.53498</v>
      </c>
      <c r="S6281">
        <v>110192.88830000001</v>
      </c>
      <c r="T6281">
        <v>32585.560030000001</v>
      </c>
      <c r="U6281">
        <v>23334.334149999999</v>
      </c>
      <c r="W6281" s="83">
        <f>Bühler!N6313</f>
        <v>45553.624999984771</v>
      </c>
      <c r="X6281" s="83">
        <v>43362.625</v>
      </c>
      <c r="Y6281">
        <v>292409.5049</v>
      </c>
      <c r="Z6281">
        <v>36341.150329999997</v>
      </c>
      <c r="AA6281">
        <v>100041.9746</v>
      </c>
      <c r="AB6281">
        <v>60118.016839999997</v>
      </c>
      <c r="AC6281">
        <v>49938.294070000004</v>
      </c>
      <c r="AD6281">
        <v>38319.40322</v>
      </c>
      <c r="AE6281">
        <v>43815.229039999998</v>
      </c>
      <c r="AF6281">
        <v>64153.905279999999</v>
      </c>
      <c r="AG6281">
        <v>25534.383099999999</v>
      </c>
      <c r="AH6281">
        <v>342309.12089999998</v>
      </c>
      <c r="AI6281">
        <v>100953.88219999999</v>
      </c>
      <c r="AJ6281">
        <v>24661.667880000001</v>
      </c>
      <c r="AK6281">
        <v>29805.062519999999</v>
      </c>
      <c r="AL6281">
        <v>101229.7044</v>
      </c>
      <c r="AM6281">
        <v>24658.53498</v>
      </c>
      <c r="AN6281">
        <v>110192.88830000001</v>
      </c>
      <c r="AO6281">
        <v>32585.560030000001</v>
      </c>
      <c r="AP6281">
        <v>23334.334149999999</v>
      </c>
    </row>
    <row r="6282" spans="2:42" x14ac:dyDescent="0.3">
      <c r="B6282">
        <v>64.879024870275572</v>
      </c>
      <c r="C6282" s="83">
        <v>43362.666666666664</v>
      </c>
      <c r="D6282">
        <v>283872.16340000002</v>
      </c>
      <c r="E6282">
        <v>35445.582049999997</v>
      </c>
      <c r="F6282">
        <v>99315.189629999993</v>
      </c>
      <c r="G6282">
        <v>56959.873390000001</v>
      </c>
      <c r="H6282">
        <v>48259.795700000002</v>
      </c>
      <c r="I6282">
        <v>39728.678619999999</v>
      </c>
      <c r="J6282">
        <v>42709.41171</v>
      </c>
      <c r="K6282">
        <v>60711.976190000001</v>
      </c>
      <c r="L6282">
        <v>24236.85296</v>
      </c>
      <c r="M6282">
        <v>330783.5246</v>
      </c>
      <c r="N6282">
        <v>96630.814960000003</v>
      </c>
      <c r="O6282">
        <v>24235.896499999999</v>
      </c>
      <c r="P6282">
        <v>29297.58898</v>
      </c>
      <c r="Q6282">
        <v>99278.019149999993</v>
      </c>
      <c r="R6282">
        <v>24685.05099</v>
      </c>
      <c r="S6282">
        <v>106595.49310000001</v>
      </c>
      <c r="T6282">
        <v>32105.25821</v>
      </c>
      <c r="U6282">
        <v>21155.95105</v>
      </c>
      <c r="W6282" s="83">
        <f>Bühler!N6314</f>
        <v>45553.666666651436</v>
      </c>
      <c r="X6282" s="83">
        <v>43362.666666666664</v>
      </c>
      <c r="Y6282">
        <v>283872.16340000002</v>
      </c>
      <c r="Z6282">
        <v>35445.582049999997</v>
      </c>
      <c r="AA6282">
        <v>99315.189629999993</v>
      </c>
      <c r="AB6282">
        <v>56959.873390000001</v>
      </c>
      <c r="AC6282">
        <v>48259.795700000002</v>
      </c>
      <c r="AD6282">
        <v>39728.678619999999</v>
      </c>
      <c r="AE6282">
        <v>42709.41171</v>
      </c>
      <c r="AF6282">
        <v>60711.976190000001</v>
      </c>
      <c r="AG6282">
        <v>24236.85296</v>
      </c>
      <c r="AH6282">
        <v>330783.5246</v>
      </c>
      <c r="AI6282">
        <v>96630.814960000003</v>
      </c>
      <c r="AJ6282">
        <v>24235.896499999999</v>
      </c>
      <c r="AK6282">
        <v>29297.58898</v>
      </c>
      <c r="AL6282">
        <v>99278.019149999993</v>
      </c>
      <c r="AM6282">
        <v>24685.05099</v>
      </c>
      <c r="AN6282">
        <v>106595.49310000001</v>
      </c>
      <c r="AO6282">
        <v>32105.25821</v>
      </c>
      <c r="AP6282">
        <v>21155.95105</v>
      </c>
    </row>
    <row r="6283" spans="2:42" x14ac:dyDescent="0.3">
      <c r="B6283">
        <v>63.67446326525684</v>
      </c>
      <c r="C6283" s="83">
        <v>43362.708333333336</v>
      </c>
      <c r="D6283">
        <v>272518.82459999999</v>
      </c>
      <c r="E6283">
        <v>33067.988120000002</v>
      </c>
      <c r="F6283">
        <v>97720.42899</v>
      </c>
      <c r="G6283">
        <v>52589.035409999997</v>
      </c>
      <c r="H6283">
        <v>45512.891940000001</v>
      </c>
      <c r="I6283">
        <v>39421.089449999999</v>
      </c>
      <c r="J6283">
        <v>42177.478600000002</v>
      </c>
      <c r="K6283">
        <v>54381.87659</v>
      </c>
      <c r="L6283">
        <v>24821.029640000001</v>
      </c>
      <c r="M6283">
        <v>324642.1078</v>
      </c>
      <c r="N6283">
        <v>93989.052230000001</v>
      </c>
      <c r="O6283">
        <v>22341.380720000001</v>
      </c>
      <c r="P6283">
        <v>30381.387579999999</v>
      </c>
      <c r="Q6283">
        <v>97862.269530000005</v>
      </c>
      <c r="R6283">
        <v>23985.91951</v>
      </c>
      <c r="S6283">
        <v>102974.2981</v>
      </c>
      <c r="T6283">
        <v>31666.208340000001</v>
      </c>
      <c r="U6283">
        <v>18448.382829999999</v>
      </c>
      <c r="W6283" s="83">
        <f>Bühler!N6315</f>
        <v>45553.7083333181</v>
      </c>
      <c r="X6283" s="83">
        <v>43362.708333333336</v>
      </c>
      <c r="Y6283">
        <v>272518.82459999999</v>
      </c>
      <c r="Z6283">
        <v>33067.988120000002</v>
      </c>
      <c r="AA6283">
        <v>97720.42899</v>
      </c>
      <c r="AB6283">
        <v>52589.035409999997</v>
      </c>
      <c r="AC6283">
        <v>45512.891940000001</v>
      </c>
      <c r="AD6283">
        <v>39421.089449999999</v>
      </c>
      <c r="AE6283">
        <v>42177.478600000002</v>
      </c>
      <c r="AF6283">
        <v>54381.87659</v>
      </c>
      <c r="AG6283">
        <v>24821.029640000001</v>
      </c>
      <c r="AH6283">
        <v>324642.1078</v>
      </c>
      <c r="AI6283">
        <v>93989.052230000001</v>
      </c>
      <c r="AJ6283">
        <v>22341.380720000001</v>
      </c>
      <c r="AK6283">
        <v>30381.387579999999</v>
      </c>
      <c r="AL6283">
        <v>97862.269530000005</v>
      </c>
      <c r="AM6283">
        <v>23985.91951</v>
      </c>
      <c r="AN6283">
        <v>102974.2981</v>
      </c>
      <c r="AO6283">
        <v>31666.208340000001</v>
      </c>
      <c r="AP6283">
        <v>18448.382829999999</v>
      </c>
    </row>
    <row r="6284" spans="2:42" x14ac:dyDescent="0.3">
      <c r="B6284">
        <v>62.347204508184326</v>
      </c>
      <c r="C6284" s="83">
        <v>43362.75</v>
      </c>
      <c r="D6284">
        <v>268349.61670000001</v>
      </c>
      <c r="E6284">
        <v>29804.785039999999</v>
      </c>
      <c r="F6284">
        <v>95725.012199999997</v>
      </c>
      <c r="G6284">
        <v>46405.741549999999</v>
      </c>
      <c r="H6284">
        <v>43303.042659999999</v>
      </c>
      <c r="I6284">
        <v>37015.138319999998</v>
      </c>
      <c r="J6284">
        <v>42166.216769999999</v>
      </c>
      <c r="K6284">
        <v>52685.695879999999</v>
      </c>
      <c r="L6284">
        <v>26149.72625</v>
      </c>
      <c r="M6284">
        <v>317875.1237</v>
      </c>
      <c r="N6284">
        <v>91146.538400000005</v>
      </c>
      <c r="O6284">
        <v>20823.996070000001</v>
      </c>
      <c r="P6284">
        <v>34049.19169</v>
      </c>
      <c r="Q6284">
        <v>96511.653690000006</v>
      </c>
      <c r="R6284">
        <v>22901.95477</v>
      </c>
      <c r="S6284">
        <v>96172.803830000004</v>
      </c>
      <c r="T6284">
        <v>30821.661639999998</v>
      </c>
      <c r="U6284">
        <v>16615.776679999999</v>
      </c>
      <c r="W6284" s="83">
        <f>Bühler!N6316</f>
        <v>45553.749999984764</v>
      </c>
      <c r="X6284" s="83">
        <v>43362.75</v>
      </c>
      <c r="Y6284">
        <v>268349.61670000001</v>
      </c>
      <c r="Z6284">
        <v>29804.785039999999</v>
      </c>
      <c r="AA6284">
        <v>95725.012199999997</v>
      </c>
      <c r="AB6284">
        <v>46405.741549999999</v>
      </c>
      <c r="AC6284">
        <v>43303.042659999999</v>
      </c>
      <c r="AD6284">
        <v>37015.138319999998</v>
      </c>
      <c r="AE6284">
        <v>42166.216769999999</v>
      </c>
      <c r="AF6284">
        <v>52685.695879999999</v>
      </c>
      <c r="AG6284">
        <v>26149.72625</v>
      </c>
      <c r="AH6284">
        <v>317875.1237</v>
      </c>
      <c r="AI6284">
        <v>91146.538400000005</v>
      </c>
      <c r="AJ6284">
        <v>20823.996070000001</v>
      </c>
      <c r="AK6284">
        <v>34049.19169</v>
      </c>
      <c r="AL6284">
        <v>96511.653690000006</v>
      </c>
      <c r="AM6284">
        <v>22901.95477</v>
      </c>
      <c r="AN6284">
        <v>96172.803830000004</v>
      </c>
      <c r="AO6284">
        <v>30821.661639999998</v>
      </c>
      <c r="AP6284">
        <v>16615.776679999999</v>
      </c>
    </row>
    <row r="6285" spans="2:42" x14ac:dyDescent="0.3">
      <c r="B6285">
        <v>62.075749994772913</v>
      </c>
      <c r="C6285" s="83">
        <v>43362.791666666664</v>
      </c>
      <c r="D6285">
        <v>262359.97810000001</v>
      </c>
      <c r="E6285">
        <v>24184.08987</v>
      </c>
      <c r="F6285">
        <v>84912.550629999998</v>
      </c>
      <c r="G6285">
        <v>43893.837440000003</v>
      </c>
      <c r="H6285">
        <v>41375.827879999997</v>
      </c>
      <c r="I6285">
        <v>34266.33754</v>
      </c>
      <c r="J6285">
        <v>41757.291360000003</v>
      </c>
      <c r="K6285">
        <v>51394.966630000003</v>
      </c>
      <c r="L6285">
        <v>26563.007559999998</v>
      </c>
      <c r="M6285">
        <v>316491.12199999997</v>
      </c>
      <c r="N6285">
        <v>88469.176120000004</v>
      </c>
      <c r="O6285">
        <v>20156.32821</v>
      </c>
      <c r="P6285">
        <v>36457.394330000003</v>
      </c>
      <c r="Q6285">
        <v>94372.847370000003</v>
      </c>
      <c r="R6285">
        <v>22559.076069999999</v>
      </c>
      <c r="S6285">
        <v>91991.963409999997</v>
      </c>
      <c r="T6285">
        <v>30811.679830000001</v>
      </c>
      <c r="U6285">
        <v>15955.833049999999</v>
      </c>
      <c r="W6285" s="83">
        <f>Bühler!N6317</f>
        <v>45553.791666651428</v>
      </c>
      <c r="X6285" s="83">
        <v>43362.791666666664</v>
      </c>
      <c r="Y6285">
        <v>262359.97810000001</v>
      </c>
      <c r="Z6285">
        <v>24184.08987</v>
      </c>
      <c r="AA6285">
        <v>84912.550629999998</v>
      </c>
      <c r="AB6285">
        <v>43893.837440000003</v>
      </c>
      <c r="AC6285">
        <v>41375.827879999997</v>
      </c>
      <c r="AD6285">
        <v>34266.33754</v>
      </c>
      <c r="AE6285">
        <v>41757.291360000003</v>
      </c>
      <c r="AF6285">
        <v>51394.966630000003</v>
      </c>
      <c r="AG6285">
        <v>26563.007559999998</v>
      </c>
      <c r="AH6285">
        <v>316491.12199999997</v>
      </c>
      <c r="AI6285">
        <v>88469.176120000004</v>
      </c>
      <c r="AJ6285">
        <v>20156.32821</v>
      </c>
      <c r="AK6285">
        <v>36457.394330000003</v>
      </c>
      <c r="AL6285">
        <v>94372.847370000003</v>
      </c>
      <c r="AM6285">
        <v>22559.076069999999</v>
      </c>
      <c r="AN6285">
        <v>91991.963409999997</v>
      </c>
      <c r="AO6285">
        <v>30811.679830000001</v>
      </c>
      <c r="AP6285">
        <v>15955.833049999999</v>
      </c>
    </row>
    <row r="6286" spans="2:42" x14ac:dyDescent="0.3">
      <c r="B6286">
        <v>60.519995172047629</v>
      </c>
      <c r="C6286" s="83">
        <v>43362.833333333336</v>
      </c>
      <c r="D6286">
        <v>254104.74410000001</v>
      </c>
      <c r="E6286">
        <v>18108.566439999999</v>
      </c>
      <c r="F6286">
        <v>70636.087700000004</v>
      </c>
      <c r="G6286">
        <v>39850.568859999999</v>
      </c>
      <c r="H6286">
        <v>40304.975469999998</v>
      </c>
      <c r="I6286">
        <v>31469.64805</v>
      </c>
      <c r="J6286">
        <v>43857.037230000002</v>
      </c>
      <c r="K6286">
        <v>51374.516960000001</v>
      </c>
      <c r="L6286">
        <v>26022.499400000001</v>
      </c>
      <c r="M6286">
        <v>308559.15840000001</v>
      </c>
      <c r="N6286">
        <v>86931.426099999997</v>
      </c>
      <c r="O6286">
        <v>19105.83498</v>
      </c>
      <c r="P6286">
        <v>37104.421309999998</v>
      </c>
      <c r="Q6286">
        <v>92067.859729999996</v>
      </c>
      <c r="R6286">
        <v>21432.178830000001</v>
      </c>
      <c r="S6286">
        <v>85659.677830000001</v>
      </c>
      <c r="T6286">
        <v>29824.621620000002</v>
      </c>
      <c r="U6286">
        <v>15253.55199</v>
      </c>
      <c r="W6286" s="83">
        <f>Bühler!N6318</f>
        <v>45553.833333318093</v>
      </c>
      <c r="X6286" s="83">
        <v>43362.833333333336</v>
      </c>
      <c r="Y6286">
        <v>254104.74410000001</v>
      </c>
      <c r="Z6286">
        <v>18108.566439999999</v>
      </c>
      <c r="AA6286">
        <v>70636.087700000004</v>
      </c>
      <c r="AB6286">
        <v>39850.568859999999</v>
      </c>
      <c r="AC6286">
        <v>40304.975469999998</v>
      </c>
      <c r="AD6286">
        <v>31469.64805</v>
      </c>
      <c r="AE6286">
        <v>43857.037230000002</v>
      </c>
      <c r="AF6286">
        <v>51374.516960000001</v>
      </c>
      <c r="AG6286">
        <v>26022.499400000001</v>
      </c>
      <c r="AH6286">
        <v>308559.15840000001</v>
      </c>
      <c r="AI6286">
        <v>86931.426099999997</v>
      </c>
      <c r="AJ6286">
        <v>19105.83498</v>
      </c>
      <c r="AK6286">
        <v>37104.421309999998</v>
      </c>
      <c r="AL6286">
        <v>92067.859729999996</v>
      </c>
      <c r="AM6286">
        <v>21432.178830000001</v>
      </c>
      <c r="AN6286">
        <v>85659.677830000001</v>
      </c>
      <c r="AO6286">
        <v>29824.621620000002</v>
      </c>
      <c r="AP6286">
        <v>15253.55199</v>
      </c>
    </row>
    <row r="6287" spans="2:42" x14ac:dyDescent="0.3">
      <c r="B6287">
        <v>58.964807186446713</v>
      </c>
      <c r="C6287" s="83">
        <v>43362.875</v>
      </c>
      <c r="D6287">
        <v>244921.26730000001</v>
      </c>
      <c r="E6287">
        <v>15282.57855</v>
      </c>
      <c r="F6287">
        <v>61654.135869999998</v>
      </c>
      <c r="G6287">
        <v>37307.249300000003</v>
      </c>
      <c r="H6287">
        <v>37745.425620000002</v>
      </c>
      <c r="I6287">
        <v>27527.774560000002</v>
      </c>
      <c r="J6287">
        <v>41788.259039999997</v>
      </c>
      <c r="K6287">
        <v>50966.903969999999</v>
      </c>
      <c r="L6287">
        <v>23967.170020000001</v>
      </c>
      <c r="M6287">
        <v>300630.08480000001</v>
      </c>
      <c r="N6287">
        <v>84506.044209999993</v>
      </c>
      <c r="O6287">
        <v>17972.158329999998</v>
      </c>
      <c r="P6287">
        <v>35541.16575</v>
      </c>
      <c r="Q6287">
        <v>89558.831900000005</v>
      </c>
      <c r="R6287">
        <v>20987.50374</v>
      </c>
      <c r="S6287">
        <v>80790.82905</v>
      </c>
      <c r="T6287">
        <v>27142.793430000002</v>
      </c>
      <c r="U6287">
        <v>13684.515090000001</v>
      </c>
      <c r="W6287" s="83">
        <f>Bühler!N6319</f>
        <v>45553.874999984757</v>
      </c>
      <c r="X6287" s="83">
        <v>43362.875</v>
      </c>
      <c r="Y6287">
        <v>244921.26730000001</v>
      </c>
      <c r="Z6287">
        <v>15282.57855</v>
      </c>
      <c r="AA6287">
        <v>61654.135869999998</v>
      </c>
      <c r="AB6287">
        <v>37307.249300000003</v>
      </c>
      <c r="AC6287">
        <v>37745.425620000002</v>
      </c>
      <c r="AD6287">
        <v>27527.774560000002</v>
      </c>
      <c r="AE6287">
        <v>41788.259039999997</v>
      </c>
      <c r="AF6287">
        <v>50966.903969999999</v>
      </c>
      <c r="AG6287">
        <v>23967.170020000001</v>
      </c>
      <c r="AH6287">
        <v>300630.08480000001</v>
      </c>
      <c r="AI6287">
        <v>84506.044209999993</v>
      </c>
      <c r="AJ6287">
        <v>17972.158329999998</v>
      </c>
      <c r="AK6287">
        <v>35541.16575</v>
      </c>
      <c r="AL6287">
        <v>89558.831900000005</v>
      </c>
      <c r="AM6287">
        <v>20987.50374</v>
      </c>
      <c r="AN6287">
        <v>80790.82905</v>
      </c>
      <c r="AO6287">
        <v>27142.793430000002</v>
      </c>
      <c r="AP6287">
        <v>13684.515090000001</v>
      </c>
    </row>
    <row r="6288" spans="2:42" x14ac:dyDescent="0.3">
      <c r="B6288">
        <v>58.76655796163918</v>
      </c>
      <c r="C6288" s="83">
        <v>43362.916666666664</v>
      </c>
      <c r="D6288">
        <v>243009.31020000001</v>
      </c>
      <c r="E6288">
        <v>14489.92841</v>
      </c>
      <c r="F6288">
        <v>59955.753400000001</v>
      </c>
      <c r="G6288">
        <v>35138.04176</v>
      </c>
      <c r="H6288">
        <v>36778.342980000001</v>
      </c>
      <c r="I6288">
        <v>25012.294310000001</v>
      </c>
      <c r="J6288">
        <v>39557.595800000003</v>
      </c>
      <c r="K6288">
        <v>53353.528709999999</v>
      </c>
      <c r="L6288">
        <v>21481.643550000001</v>
      </c>
      <c r="M6288">
        <v>299619.31780000002</v>
      </c>
      <c r="N6288">
        <v>82219.993300000002</v>
      </c>
      <c r="O6288">
        <v>17320.71704</v>
      </c>
      <c r="P6288">
        <v>35983.787579999997</v>
      </c>
      <c r="Q6288">
        <v>88257.133910000004</v>
      </c>
      <c r="R6288">
        <v>21860.34129</v>
      </c>
      <c r="S6288">
        <v>78871.389490000001</v>
      </c>
      <c r="T6288">
        <v>23325.164669999998</v>
      </c>
      <c r="U6288">
        <v>13309.55422</v>
      </c>
      <c r="W6288" s="83">
        <f>Bühler!N6320</f>
        <v>45553.916666651421</v>
      </c>
      <c r="X6288" s="83">
        <v>43362.916666666664</v>
      </c>
      <c r="Y6288">
        <v>243009.31020000001</v>
      </c>
      <c r="Z6288">
        <v>14489.92841</v>
      </c>
      <c r="AA6288">
        <v>59955.753400000001</v>
      </c>
      <c r="AB6288">
        <v>35138.04176</v>
      </c>
      <c r="AC6288">
        <v>36778.342980000001</v>
      </c>
      <c r="AD6288">
        <v>25012.294310000001</v>
      </c>
      <c r="AE6288">
        <v>39557.595800000003</v>
      </c>
      <c r="AF6288">
        <v>53353.528709999999</v>
      </c>
      <c r="AG6288">
        <v>21481.643550000001</v>
      </c>
      <c r="AH6288">
        <v>299619.31780000002</v>
      </c>
      <c r="AI6288">
        <v>82219.993300000002</v>
      </c>
      <c r="AJ6288">
        <v>17320.71704</v>
      </c>
      <c r="AK6288">
        <v>35983.787579999997</v>
      </c>
      <c r="AL6288">
        <v>88257.133910000004</v>
      </c>
      <c r="AM6288">
        <v>21860.34129</v>
      </c>
      <c r="AN6288">
        <v>78871.389490000001</v>
      </c>
      <c r="AO6288">
        <v>23325.164669999998</v>
      </c>
      <c r="AP6288">
        <v>13309.55422</v>
      </c>
    </row>
    <row r="6289" spans="2:42" x14ac:dyDescent="0.3">
      <c r="B6289">
        <v>58.353492608501597</v>
      </c>
      <c r="C6289" s="83">
        <v>43362.958333333336</v>
      </c>
      <c r="D6289">
        <v>243503.171</v>
      </c>
      <c r="E6289">
        <v>13930.658750000001</v>
      </c>
      <c r="F6289">
        <v>58947.327879999997</v>
      </c>
      <c r="G6289">
        <v>34384.164129999997</v>
      </c>
      <c r="H6289">
        <v>35890.561130000002</v>
      </c>
      <c r="I6289">
        <v>24129.829300000001</v>
      </c>
      <c r="J6289">
        <v>36022.804179999999</v>
      </c>
      <c r="K6289">
        <v>52765.57331</v>
      </c>
      <c r="L6289">
        <v>19321.137129999999</v>
      </c>
      <c r="M6289">
        <v>297513.31800000003</v>
      </c>
      <c r="N6289">
        <v>80904.67297</v>
      </c>
      <c r="O6289">
        <v>17157.762350000001</v>
      </c>
      <c r="P6289">
        <v>31061.223669999999</v>
      </c>
      <c r="Q6289">
        <v>88229.403000000006</v>
      </c>
      <c r="R6289">
        <v>20606.6482</v>
      </c>
      <c r="S6289">
        <v>76705.684810000006</v>
      </c>
      <c r="T6289">
        <v>20811.38607</v>
      </c>
      <c r="U6289">
        <v>12929.76398</v>
      </c>
      <c r="W6289" s="83">
        <f>Bühler!N6321</f>
        <v>45553.958333318085</v>
      </c>
      <c r="X6289" s="83">
        <v>43362.958333333336</v>
      </c>
      <c r="Y6289">
        <v>243503.171</v>
      </c>
      <c r="Z6289">
        <v>13930.658750000001</v>
      </c>
      <c r="AA6289">
        <v>58947.327879999997</v>
      </c>
      <c r="AB6289">
        <v>34384.164129999997</v>
      </c>
      <c r="AC6289">
        <v>35890.561130000002</v>
      </c>
      <c r="AD6289">
        <v>24129.829300000001</v>
      </c>
      <c r="AE6289">
        <v>36022.804179999999</v>
      </c>
      <c r="AF6289">
        <v>52765.57331</v>
      </c>
      <c r="AG6289">
        <v>19321.137129999999</v>
      </c>
      <c r="AH6289">
        <v>297513.31800000003</v>
      </c>
      <c r="AI6289">
        <v>80904.67297</v>
      </c>
      <c r="AJ6289">
        <v>17157.762350000001</v>
      </c>
      <c r="AK6289">
        <v>31061.223669999999</v>
      </c>
      <c r="AL6289">
        <v>88229.403000000006</v>
      </c>
      <c r="AM6289">
        <v>20606.6482</v>
      </c>
      <c r="AN6289">
        <v>76705.684810000006</v>
      </c>
      <c r="AO6289">
        <v>20811.38607</v>
      </c>
      <c r="AP6289">
        <v>12929.76398</v>
      </c>
    </row>
    <row r="6290" spans="2:42" x14ac:dyDescent="0.3">
      <c r="B6290">
        <v>57.595243256497987</v>
      </c>
      <c r="C6290" s="83">
        <v>43363</v>
      </c>
      <c r="D6290">
        <v>243443.57579999999</v>
      </c>
      <c r="E6290">
        <v>13421.638580000001</v>
      </c>
      <c r="F6290">
        <v>57652.866529999999</v>
      </c>
      <c r="G6290">
        <v>33502.334990000003</v>
      </c>
      <c r="H6290">
        <v>34940.388899999998</v>
      </c>
      <c r="I6290">
        <v>21958.20694</v>
      </c>
      <c r="J6290">
        <v>33348.708639999997</v>
      </c>
      <c r="K6290">
        <v>50619.573660000002</v>
      </c>
      <c r="L6290">
        <v>17143.78743</v>
      </c>
      <c r="M6290">
        <v>293647.40919999999</v>
      </c>
      <c r="N6290">
        <v>78874.294160000005</v>
      </c>
      <c r="O6290">
        <v>17542.589739999999</v>
      </c>
      <c r="P6290">
        <v>28935.57789</v>
      </c>
      <c r="Q6290">
        <v>87738.125180000003</v>
      </c>
      <c r="R6290">
        <v>18403.799790000001</v>
      </c>
      <c r="S6290">
        <v>75264.281870000006</v>
      </c>
      <c r="T6290">
        <v>19521.863570000001</v>
      </c>
      <c r="U6290">
        <v>12380.9051</v>
      </c>
      <c r="W6290" s="83">
        <f>Bühler!N6322</f>
        <v>45553.99999998475</v>
      </c>
      <c r="X6290" s="83">
        <v>43363</v>
      </c>
      <c r="Y6290">
        <v>243443.57579999999</v>
      </c>
      <c r="Z6290">
        <v>13421.638580000001</v>
      </c>
      <c r="AA6290">
        <v>57652.866529999999</v>
      </c>
      <c r="AB6290">
        <v>33502.334990000003</v>
      </c>
      <c r="AC6290">
        <v>34940.388899999998</v>
      </c>
      <c r="AD6290">
        <v>21958.20694</v>
      </c>
      <c r="AE6290">
        <v>33348.708639999997</v>
      </c>
      <c r="AF6290">
        <v>50619.573660000002</v>
      </c>
      <c r="AG6290">
        <v>17143.78743</v>
      </c>
      <c r="AH6290">
        <v>293647.40919999999</v>
      </c>
      <c r="AI6290">
        <v>78874.294160000005</v>
      </c>
      <c r="AJ6290">
        <v>17542.589739999999</v>
      </c>
      <c r="AK6290">
        <v>28935.57789</v>
      </c>
      <c r="AL6290">
        <v>87738.125180000003</v>
      </c>
      <c r="AM6290">
        <v>18403.799790000001</v>
      </c>
      <c r="AN6290">
        <v>75264.281870000006</v>
      </c>
      <c r="AO6290">
        <v>19521.863570000001</v>
      </c>
      <c r="AP6290">
        <v>12380.9051</v>
      </c>
    </row>
    <row r="6291" spans="2:42" x14ac:dyDescent="0.3">
      <c r="B6291">
        <v>57.007665620582685</v>
      </c>
      <c r="C6291" s="83">
        <v>43363.041666666664</v>
      </c>
      <c r="D6291">
        <v>242978.8493</v>
      </c>
      <c r="E6291">
        <v>13158.882460000001</v>
      </c>
      <c r="F6291">
        <v>56774.477070000001</v>
      </c>
      <c r="G6291">
        <v>32825.80169</v>
      </c>
      <c r="H6291">
        <v>34171.151400000002</v>
      </c>
      <c r="I6291">
        <v>17764.78702</v>
      </c>
      <c r="J6291">
        <v>32135.125349999998</v>
      </c>
      <c r="K6291">
        <v>49212.247100000001</v>
      </c>
      <c r="L6291">
        <v>15798.72265</v>
      </c>
      <c r="M6291">
        <v>290651.66440000001</v>
      </c>
      <c r="N6291">
        <v>77095.213369999998</v>
      </c>
      <c r="O6291">
        <v>16710.01628</v>
      </c>
      <c r="P6291">
        <v>26151.794389999999</v>
      </c>
      <c r="Q6291">
        <v>88021.622589999999</v>
      </c>
      <c r="R6291">
        <v>16977.68276</v>
      </c>
      <c r="S6291">
        <v>73889.997359999994</v>
      </c>
      <c r="T6291">
        <v>18797.81871</v>
      </c>
      <c r="U6291">
        <v>12276.379070000001</v>
      </c>
      <c r="W6291" s="83">
        <f>Bühler!N6323</f>
        <v>45554.041666651414</v>
      </c>
      <c r="X6291" s="83">
        <v>43363.041666666664</v>
      </c>
      <c r="Y6291">
        <v>242978.8493</v>
      </c>
      <c r="Z6291">
        <v>13158.882460000001</v>
      </c>
      <c r="AA6291">
        <v>56774.477070000001</v>
      </c>
      <c r="AB6291">
        <v>32825.80169</v>
      </c>
      <c r="AC6291">
        <v>34171.151400000002</v>
      </c>
      <c r="AD6291">
        <v>17764.78702</v>
      </c>
      <c r="AE6291">
        <v>32135.125349999998</v>
      </c>
      <c r="AF6291">
        <v>49212.247100000001</v>
      </c>
      <c r="AG6291">
        <v>15798.72265</v>
      </c>
      <c r="AH6291">
        <v>290651.66440000001</v>
      </c>
      <c r="AI6291">
        <v>77095.213369999998</v>
      </c>
      <c r="AJ6291">
        <v>16710.01628</v>
      </c>
      <c r="AK6291">
        <v>26151.794389999999</v>
      </c>
      <c r="AL6291">
        <v>88021.622589999999</v>
      </c>
      <c r="AM6291">
        <v>16977.68276</v>
      </c>
      <c r="AN6291">
        <v>73889.997359999994</v>
      </c>
      <c r="AO6291">
        <v>18797.81871</v>
      </c>
      <c r="AP6291">
        <v>12276.379070000001</v>
      </c>
    </row>
    <row r="6292" spans="2:42" x14ac:dyDescent="0.3">
      <c r="B6292">
        <v>57.097690300401197</v>
      </c>
      <c r="C6292" s="83">
        <v>43363.083333333336</v>
      </c>
      <c r="D6292">
        <v>241130.89610000001</v>
      </c>
      <c r="E6292">
        <v>12926.988590000001</v>
      </c>
      <c r="F6292">
        <v>57603.301780000002</v>
      </c>
      <c r="G6292">
        <v>32300.970969999998</v>
      </c>
      <c r="H6292">
        <v>33934.911699999997</v>
      </c>
      <c r="I6292">
        <v>16064.182769999999</v>
      </c>
      <c r="J6292">
        <v>31683.24051</v>
      </c>
      <c r="K6292">
        <v>47398.716189999999</v>
      </c>
      <c r="L6292">
        <v>15863.231239999999</v>
      </c>
      <c r="M6292">
        <v>291110.65220000001</v>
      </c>
      <c r="N6292">
        <v>77104.646349999995</v>
      </c>
      <c r="O6292">
        <v>16579.9745</v>
      </c>
      <c r="P6292">
        <v>24538.39991</v>
      </c>
      <c r="Q6292">
        <v>90112.394950000002</v>
      </c>
      <c r="R6292">
        <v>15911.92683</v>
      </c>
      <c r="S6292">
        <v>73065.7261</v>
      </c>
      <c r="T6292">
        <v>18379.837940000001</v>
      </c>
      <c r="U6292">
        <v>11900.95197</v>
      </c>
      <c r="W6292" s="83">
        <f>Bühler!N6324</f>
        <v>45554.083333318078</v>
      </c>
      <c r="X6292" s="83">
        <v>43363.083333333336</v>
      </c>
      <c r="Y6292">
        <v>241130.89610000001</v>
      </c>
      <c r="Z6292">
        <v>12926.988590000001</v>
      </c>
      <c r="AA6292">
        <v>57603.301780000002</v>
      </c>
      <c r="AB6292">
        <v>32300.970969999998</v>
      </c>
      <c r="AC6292">
        <v>33934.911699999997</v>
      </c>
      <c r="AD6292">
        <v>16064.182769999999</v>
      </c>
      <c r="AE6292">
        <v>31683.24051</v>
      </c>
      <c r="AF6292">
        <v>47398.716189999999</v>
      </c>
      <c r="AG6292">
        <v>15863.231239999999</v>
      </c>
      <c r="AH6292">
        <v>291110.65220000001</v>
      </c>
      <c r="AI6292">
        <v>77104.646349999995</v>
      </c>
      <c r="AJ6292">
        <v>16579.9745</v>
      </c>
      <c r="AK6292">
        <v>24538.39991</v>
      </c>
      <c r="AL6292">
        <v>90112.394950000002</v>
      </c>
      <c r="AM6292">
        <v>15911.92683</v>
      </c>
      <c r="AN6292">
        <v>73065.7261</v>
      </c>
      <c r="AO6292">
        <v>18379.837940000001</v>
      </c>
      <c r="AP6292">
        <v>11900.95197</v>
      </c>
    </row>
    <row r="6293" spans="2:42" x14ac:dyDescent="0.3">
      <c r="B6293">
        <v>57.809618546377955</v>
      </c>
      <c r="C6293" s="83">
        <v>43363.125</v>
      </c>
      <c r="D6293">
        <v>241652.8199</v>
      </c>
      <c r="E6293">
        <v>12922.13553</v>
      </c>
      <c r="F6293">
        <v>58724.254229999999</v>
      </c>
      <c r="G6293">
        <v>31630.19313</v>
      </c>
      <c r="H6293">
        <v>33794.185279999998</v>
      </c>
      <c r="I6293">
        <v>15813.84989</v>
      </c>
      <c r="J6293">
        <v>31779.027849999999</v>
      </c>
      <c r="K6293">
        <v>46143.20852</v>
      </c>
      <c r="L6293">
        <v>15558.875609999999</v>
      </c>
      <c r="M6293">
        <v>294740.39439999999</v>
      </c>
      <c r="N6293">
        <v>75397.470650000003</v>
      </c>
      <c r="O6293">
        <v>16032.92129</v>
      </c>
      <c r="P6293">
        <v>23870.761719999999</v>
      </c>
      <c r="Q6293">
        <v>93415.772549999994</v>
      </c>
      <c r="R6293">
        <v>15208.204299999999</v>
      </c>
      <c r="S6293">
        <v>72348.487670000002</v>
      </c>
      <c r="T6293">
        <v>18030.74238</v>
      </c>
      <c r="U6293">
        <v>11963.245080000001</v>
      </c>
      <c r="W6293" s="83">
        <f>Bühler!N6325</f>
        <v>45554.124999984742</v>
      </c>
      <c r="X6293" s="83">
        <v>43363.125</v>
      </c>
      <c r="Y6293">
        <v>241652.8199</v>
      </c>
      <c r="Z6293">
        <v>12922.13553</v>
      </c>
      <c r="AA6293">
        <v>58724.254229999999</v>
      </c>
      <c r="AB6293">
        <v>31630.19313</v>
      </c>
      <c r="AC6293">
        <v>33794.185279999998</v>
      </c>
      <c r="AD6293">
        <v>15813.84989</v>
      </c>
      <c r="AE6293">
        <v>31779.027849999999</v>
      </c>
      <c r="AF6293">
        <v>46143.20852</v>
      </c>
      <c r="AG6293">
        <v>15558.875609999999</v>
      </c>
      <c r="AH6293">
        <v>294740.39439999999</v>
      </c>
      <c r="AI6293">
        <v>75397.470650000003</v>
      </c>
      <c r="AJ6293">
        <v>16032.92129</v>
      </c>
      <c r="AK6293">
        <v>23870.761719999999</v>
      </c>
      <c r="AL6293">
        <v>93415.772549999994</v>
      </c>
      <c r="AM6293">
        <v>15208.204299999999</v>
      </c>
      <c r="AN6293">
        <v>72348.487670000002</v>
      </c>
      <c r="AO6293">
        <v>18030.74238</v>
      </c>
      <c r="AP6293">
        <v>11963.245080000001</v>
      </c>
    </row>
    <row r="6294" spans="2:42" x14ac:dyDescent="0.3">
      <c r="B6294">
        <v>59.095852162560789</v>
      </c>
      <c r="C6294" s="83">
        <v>43363.166666666664</v>
      </c>
      <c r="D6294">
        <v>242000.0926</v>
      </c>
      <c r="E6294">
        <v>13272.508690000001</v>
      </c>
      <c r="F6294">
        <v>62313.383179999997</v>
      </c>
      <c r="G6294">
        <v>30758.392790000002</v>
      </c>
      <c r="H6294">
        <v>34122.415209999999</v>
      </c>
      <c r="I6294">
        <v>17381.334190000001</v>
      </c>
      <c r="J6294">
        <v>33889.741900000001</v>
      </c>
      <c r="K6294">
        <v>45341.319219999998</v>
      </c>
      <c r="L6294">
        <v>15689.24857</v>
      </c>
      <c r="M6294">
        <v>301298.2132</v>
      </c>
      <c r="N6294">
        <v>74727.987940000006</v>
      </c>
      <c r="O6294">
        <v>16367.899310000001</v>
      </c>
      <c r="P6294">
        <v>23115.50822</v>
      </c>
      <c r="Q6294">
        <v>96469.442500000005</v>
      </c>
      <c r="R6294">
        <v>14933.75578</v>
      </c>
      <c r="S6294">
        <v>72595.029790000001</v>
      </c>
      <c r="T6294">
        <v>18021.59461</v>
      </c>
      <c r="U6294">
        <v>12095.49251</v>
      </c>
      <c r="W6294" s="83">
        <f>Bühler!N6326</f>
        <v>45554.166666651407</v>
      </c>
      <c r="X6294" s="83">
        <v>43363.166666666664</v>
      </c>
      <c r="Y6294">
        <v>242000.0926</v>
      </c>
      <c r="Z6294">
        <v>13272.508690000001</v>
      </c>
      <c r="AA6294">
        <v>62313.383179999997</v>
      </c>
      <c r="AB6294">
        <v>30758.392790000002</v>
      </c>
      <c r="AC6294">
        <v>34122.415209999999</v>
      </c>
      <c r="AD6294">
        <v>17381.334190000001</v>
      </c>
      <c r="AE6294">
        <v>33889.741900000001</v>
      </c>
      <c r="AF6294">
        <v>45341.319219999998</v>
      </c>
      <c r="AG6294">
        <v>15689.24857</v>
      </c>
      <c r="AH6294">
        <v>301298.2132</v>
      </c>
      <c r="AI6294">
        <v>74727.987940000006</v>
      </c>
      <c r="AJ6294">
        <v>16367.899310000001</v>
      </c>
      <c r="AK6294">
        <v>23115.50822</v>
      </c>
      <c r="AL6294">
        <v>96469.442500000005</v>
      </c>
      <c r="AM6294">
        <v>14933.75578</v>
      </c>
      <c r="AN6294">
        <v>72595.029790000001</v>
      </c>
      <c r="AO6294">
        <v>18021.59461</v>
      </c>
      <c r="AP6294">
        <v>12095.49251</v>
      </c>
    </row>
    <row r="6295" spans="2:42" x14ac:dyDescent="0.3">
      <c r="B6295">
        <v>62.375759663840057</v>
      </c>
      <c r="C6295" s="83">
        <v>43363.208333333336</v>
      </c>
      <c r="D6295">
        <v>255151.09959999999</v>
      </c>
      <c r="E6295">
        <v>15083.3727</v>
      </c>
      <c r="F6295">
        <v>70648.215809999994</v>
      </c>
      <c r="G6295">
        <v>32527.80845</v>
      </c>
      <c r="H6295">
        <v>35904.491880000001</v>
      </c>
      <c r="I6295">
        <v>23997.090039999999</v>
      </c>
      <c r="J6295">
        <v>37221.907019999999</v>
      </c>
      <c r="K6295">
        <v>45848.392440000003</v>
      </c>
      <c r="L6295">
        <v>16160.894200000001</v>
      </c>
      <c r="M6295">
        <v>318020.71120000002</v>
      </c>
      <c r="N6295">
        <v>75116.421879999994</v>
      </c>
      <c r="O6295">
        <v>17549.180710000001</v>
      </c>
      <c r="P6295">
        <v>25054.464940000002</v>
      </c>
      <c r="Q6295">
        <v>99856.115149999998</v>
      </c>
      <c r="R6295">
        <v>16361.519990000001</v>
      </c>
      <c r="S6295">
        <v>75166.432449999993</v>
      </c>
      <c r="T6295">
        <v>19516.82675</v>
      </c>
      <c r="U6295">
        <v>13418.951800000001</v>
      </c>
      <c r="W6295" s="83">
        <f>Bühler!N6327</f>
        <v>45554.208333318071</v>
      </c>
      <c r="X6295" s="83">
        <v>43363.208333333336</v>
      </c>
      <c r="Y6295">
        <v>255151.09959999999</v>
      </c>
      <c r="Z6295">
        <v>15083.3727</v>
      </c>
      <c r="AA6295">
        <v>70648.215809999994</v>
      </c>
      <c r="AB6295">
        <v>32527.80845</v>
      </c>
      <c r="AC6295">
        <v>35904.491880000001</v>
      </c>
      <c r="AD6295">
        <v>23997.090039999999</v>
      </c>
      <c r="AE6295">
        <v>37221.907019999999</v>
      </c>
      <c r="AF6295">
        <v>45848.392440000003</v>
      </c>
      <c r="AG6295">
        <v>16160.894200000001</v>
      </c>
      <c r="AH6295">
        <v>318020.71120000002</v>
      </c>
      <c r="AI6295">
        <v>75116.421879999994</v>
      </c>
      <c r="AJ6295">
        <v>17549.180710000001</v>
      </c>
      <c r="AK6295">
        <v>25054.464940000002</v>
      </c>
      <c r="AL6295">
        <v>99856.115149999998</v>
      </c>
      <c r="AM6295">
        <v>16361.519990000001</v>
      </c>
      <c r="AN6295">
        <v>75166.432449999993</v>
      </c>
      <c r="AO6295">
        <v>19516.82675</v>
      </c>
      <c r="AP6295">
        <v>13418.951800000001</v>
      </c>
    </row>
    <row r="6296" spans="2:42" x14ac:dyDescent="0.3">
      <c r="B6296">
        <v>65.526603196493085</v>
      </c>
      <c r="C6296" s="83">
        <v>43363.25</v>
      </c>
      <c r="D6296">
        <v>269940.83230000001</v>
      </c>
      <c r="E6296">
        <v>19177.377359999999</v>
      </c>
      <c r="F6296">
        <v>81921.890490000005</v>
      </c>
      <c r="G6296">
        <v>44057.2981</v>
      </c>
      <c r="H6296">
        <v>38972.747869999999</v>
      </c>
      <c r="I6296">
        <v>30918.37299</v>
      </c>
      <c r="J6296">
        <v>41844.316529999996</v>
      </c>
      <c r="K6296">
        <v>48235.709219999997</v>
      </c>
      <c r="L6296">
        <v>17738.29234</v>
      </c>
      <c r="M6296">
        <v>334085.18089999998</v>
      </c>
      <c r="N6296">
        <v>81057.725860000006</v>
      </c>
      <c r="O6296">
        <v>19287.739089999999</v>
      </c>
      <c r="P6296">
        <v>26228.174429999999</v>
      </c>
      <c r="Q6296">
        <v>99591.511899999998</v>
      </c>
      <c r="R6296">
        <v>18184.761719999999</v>
      </c>
      <c r="S6296">
        <v>84449.506210000007</v>
      </c>
      <c r="T6296">
        <v>22742.928680000001</v>
      </c>
      <c r="U6296">
        <v>16650.988089999999</v>
      </c>
      <c r="W6296" s="83">
        <f>Bühler!N6328</f>
        <v>45554.249999984735</v>
      </c>
      <c r="X6296" s="83">
        <v>43363.25</v>
      </c>
      <c r="Y6296">
        <v>269940.83230000001</v>
      </c>
      <c r="Z6296">
        <v>19177.377359999999</v>
      </c>
      <c r="AA6296">
        <v>81921.890490000005</v>
      </c>
      <c r="AB6296">
        <v>44057.2981</v>
      </c>
      <c r="AC6296">
        <v>38972.747869999999</v>
      </c>
      <c r="AD6296">
        <v>30918.37299</v>
      </c>
      <c r="AE6296">
        <v>41844.316529999996</v>
      </c>
      <c r="AF6296">
        <v>48235.709219999997</v>
      </c>
      <c r="AG6296">
        <v>17738.29234</v>
      </c>
      <c r="AH6296">
        <v>334085.18089999998</v>
      </c>
      <c r="AI6296">
        <v>81057.725860000006</v>
      </c>
      <c r="AJ6296">
        <v>19287.739089999999</v>
      </c>
      <c r="AK6296">
        <v>26228.174429999999</v>
      </c>
      <c r="AL6296">
        <v>99591.511899999998</v>
      </c>
      <c r="AM6296">
        <v>18184.761719999999</v>
      </c>
      <c r="AN6296">
        <v>84449.506210000007</v>
      </c>
      <c r="AO6296">
        <v>22742.928680000001</v>
      </c>
      <c r="AP6296">
        <v>16650.988089999999</v>
      </c>
    </row>
    <row r="6297" spans="2:42" x14ac:dyDescent="0.3">
      <c r="B6297">
        <v>67.475517033234979</v>
      </c>
      <c r="C6297" s="83">
        <v>43363.291666666664</v>
      </c>
      <c r="D6297">
        <v>283799.58069999999</v>
      </c>
      <c r="E6297">
        <v>23651.73343</v>
      </c>
      <c r="F6297">
        <v>86049.535369999998</v>
      </c>
      <c r="G6297">
        <v>56420.001190000003</v>
      </c>
      <c r="H6297">
        <v>44150.685870000001</v>
      </c>
      <c r="I6297">
        <v>39564.593959999998</v>
      </c>
      <c r="J6297">
        <v>43049.330150000002</v>
      </c>
      <c r="K6297">
        <v>53644.533629999998</v>
      </c>
      <c r="L6297">
        <v>20184.339209999998</v>
      </c>
      <c r="M6297">
        <v>344021.65250000003</v>
      </c>
      <c r="N6297">
        <v>87581.736180000007</v>
      </c>
      <c r="O6297">
        <v>21640.549190000002</v>
      </c>
      <c r="P6297">
        <v>30234.367849999999</v>
      </c>
      <c r="Q6297">
        <v>99338.615839999999</v>
      </c>
      <c r="R6297">
        <v>20349.189549999999</v>
      </c>
      <c r="S6297">
        <v>99753.261129999999</v>
      </c>
      <c r="T6297">
        <v>26955.66116</v>
      </c>
      <c r="U6297">
        <v>21509.401750000001</v>
      </c>
      <c r="W6297" s="83">
        <f>Bühler!N6329</f>
        <v>45554.291666651399</v>
      </c>
      <c r="X6297" s="83">
        <v>43363.291666666664</v>
      </c>
      <c r="Y6297">
        <v>283799.58069999999</v>
      </c>
      <c r="Z6297">
        <v>23651.73343</v>
      </c>
      <c r="AA6297">
        <v>86049.535369999998</v>
      </c>
      <c r="AB6297">
        <v>56420.001190000003</v>
      </c>
      <c r="AC6297">
        <v>44150.685870000001</v>
      </c>
      <c r="AD6297">
        <v>39564.593959999998</v>
      </c>
      <c r="AE6297">
        <v>43049.330150000002</v>
      </c>
      <c r="AF6297">
        <v>53644.533629999998</v>
      </c>
      <c r="AG6297">
        <v>20184.339209999998</v>
      </c>
      <c r="AH6297">
        <v>344021.65250000003</v>
      </c>
      <c r="AI6297">
        <v>87581.736180000007</v>
      </c>
      <c r="AJ6297">
        <v>21640.549190000002</v>
      </c>
      <c r="AK6297">
        <v>30234.367849999999</v>
      </c>
      <c r="AL6297">
        <v>99338.615839999999</v>
      </c>
      <c r="AM6297">
        <v>20349.189549999999</v>
      </c>
      <c r="AN6297">
        <v>99753.261129999999</v>
      </c>
      <c r="AO6297">
        <v>26955.66116</v>
      </c>
      <c r="AP6297">
        <v>21509.401750000001</v>
      </c>
    </row>
    <row r="6298" spans="2:42" x14ac:dyDescent="0.3">
      <c r="B6298">
        <v>68.451165976735112</v>
      </c>
      <c r="C6298" s="83">
        <v>43363.333333333336</v>
      </c>
      <c r="D6298">
        <v>295053.32329999999</v>
      </c>
      <c r="E6298">
        <v>29436.43288</v>
      </c>
      <c r="F6298">
        <v>90012.860390000002</v>
      </c>
      <c r="G6298">
        <v>71753.077000000005</v>
      </c>
      <c r="H6298">
        <v>48848.02349</v>
      </c>
      <c r="I6298">
        <v>42661.749860000004</v>
      </c>
      <c r="J6298">
        <v>43622.131789999999</v>
      </c>
      <c r="K6298">
        <v>59982.603499999997</v>
      </c>
      <c r="L6298">
        <v>23301.682669999998</v>
      </c>
      <c r="M6298">
        <v>348995.96580000001</v>
      </c>
      <c r="N6298">
        <v>96673.308420000001</v>
      </c>
      <c r="O6298">
        <v>23773.793849999998</v>
      </c>
      <c r="P6298">
        <v>32498.674050000001</v>
      </c>
      <c r="Q6298">
        <v>98866.895009999993</v>
      </c>
      <c r="R6298">
        <v>21065.195329999999</v>
      </c>
      <c r="S6298">
        <v>112194.8808</v>
      </c>
      <c r="T6298">
        <v>29547.1054</v>
      </c>
      <c r="U6298">
        <v>24415.924910000002</v>
      </c>
      <c r="W6298" s="83">
        <f>Bühler!N6330</f>
        <v>45554.333333318064</v>
      </c>
      <c r="X6298" s="83">
        <v>43363.333333333336</v>
      </c>
      <c r="Y6298">
        <v>295053.32329999999</v>
      </c>
      <c r="Z6298">
        <v>29436.43288</v>
      </c>
      <c r="AA6298">
        <v>90012.860390000002</v>
      </c>
      <c r="AB6298">
        <v>71753.077000000005</v>
      </c>
      <c r="AC6298">
        <v>48848.02349</v>
      </c>
      <c r="AD6298">
        <v>42661.749860000004</v>
      </c>
      <c r="AE6298">
        <v>43622.131789999999</v>
      </c>
      <c r="AF6298">
        <v>59982.603499999997</v>
      </c>
      <c r="AG6298">
        <v>23301.682669999998</v>
      </c>
      <c r="AH6298">
        <v>348995.96580000001</v>
      </c>
      <c r="AI6298">
        <v>96673.308420000001</v>
      </c>
      <c r="AJ6298">
        <v>23773.793849999998</v>
      </c>
      <c r="AK6298">
        <v>32498.674050000001</v>
      </c>
      <c r="AL6298">
        <v>98866.895009999993</v>
      </c>
      <c r="AM6298">
        <v>21065.195329999999</v>
      </c>
      <c r="AN6298">
        <v>112194.8808</v>
      </c>
      <c r="AO6298">
        <v>29547.1054</v>
      </c>
      <c r="AP6298">
        <v>24415.924910000002</v>
      </c>
    </row>
    <row r="6299" spans="2:42" x14ac:dyDescent="0.3">
      <c r="B6299">
        <v>68.331916783110586</v>
      </c>
      <c r="C6299" s="83">
        <v>43363.375</v>
      </c>
      <c r="D6299">
        <v>297613.897</v>
      </c>
      <c r="E6299">
        <v>33992.922059999997</v>
      </c>
      <c r="F6299">
        <v>95645.65827</v>
      </c>
      <c r="G6299">
        <v>80233.423060000001</v>
      </c>
      <c r="H6299">
        <v>51741.497629999998</v>
      </c>
      <c r="I6299">
        <v>41590.707889999998</v>
      </c>
      <c r="J6299">
        <v>44720.16358</v>
      </c>
      <c r="K6299">
        <v>61494.850599999998</v>
      </c>
      <c r="L6299">
        <v>26012.028429999998</v>
      </c>
      <c r="M6299">
        <v>348387.97779999999</v>
      </c>
      <c r="N6299">
        <v>97325.323709999997</v>
      </c>
      <c r="O6299">
        <v>24784.87024</v>
      </c>
      <c r="P6299">
        <v>34683.953939999999</v>
      </c>
      <c r="Q6299">
        <v>98721.614459999997</v>
      </c>
      <c r="R6299">
        <v>21591.274679999999</v>
      </c>
      <c r="S6299">
        <v>119444.65850000001</v>
      </c>
      <c r="T6299">
        <v>32572.86551</v>
      </c>
      <c r="U6299">
        <v>25127.033759999998</v>
      </c>
      <c r="W6299" s="83">
        <f>Bühler!N6331</f>
        <v>45554.374999984728</v>
      </c>
      <c r="X6299" s="83">
        <v>43363.375</v>
      </c>
      <c r="Y6299">
        <v>297613.897</v>
      </c>
      <c r="Z6299">
        <v>33992.922059999997</v>
      </c>
      <c r="AA6299">
        <v>95645.65827</v>
      </c>
      <c r="AB6299">
        <v>80233.423060000001</v>
      </c>
      <c r="AC6299">
        <v>51741.497629999998</v>
      </c>
      <c r="AD6299">
        <v>41590.707889999998</v>
      </c>
      <c r="AE6299">
        <v>44720.16358</v>
      </c>
      <c r="AF6299">
        <v>61494.850599999998</v>
      </c>
      <c r="AG6299">
        <v>26012.028429999998</v>
      </c>
      <c r="AH6299">
        <v>348387.97779999999</v>
      </c>
      <c r="AI6299">
        <v>97325.323709999997</v>
      </c>
      <c r="AJ6299">
        <v>24784.87024</v>
      </c>
      <c r="AK6299">
        <v>34683.953939999999</v>
      </c>
      <c r="AL6299">
        <v>98721.614459999997</v>
      </c>
      <c r="AM6299">
        <v>21591.274679999999</v>
      </c>
      <c r="AN6299">
        <v>119444.65850000001</v>
      </c>
      <c r="AO6299">
        <v>32572.86551</v>
      </c>
      <c r="AP6299">
        <v>25127.033759999998</v>
      </c>
    </row>
    <row r="6300" spans="2:42" x14ac:dyDescent="0.3">
      <c r="B6300">
        <v>68.987940805957635</v>
      </c>
      <c r="C6300" s="83">
        <v>43363.416666666664</v>
      </c>
      <c r="D6300">
        <v>299715.03110000002</v>
      </c>
      <c r="E6300">
        <v>35874.694880000003</v>
      </c>
      <c r="F6300">
        <v>97953.932990000001</v>
      </c>
      <c r="G6300">
        <v>81661.914040000003</v>
      </c>
      <c r="H6300">
        <v>52693.443749999999</v>
      </c>
      <c r="I6300">
        <v>38995.865559999998</v>
      </c>
      <c r="J6300">
        <v>44649.751470000003</v>
      </c>
      <c r="K6300">
        <v>63744.413869999997</v>
      </c>
      <c r="L6300">
        <v>29143.198079999998</v>
      </c>
      <c r="M6300">
        <v>351732.69420000003</v>
      </c>
      <c r="N6300">
        <v>101450.352</v>
      </c>
      <c r="O6300">
        <v>25229.910029999999</v>
      </c>
      <c r="P6300">
        <v>35834.142119999997</v>
      </c>
      <c r="Q6300">
        <v>99432.10037</v>
      </c>
      <c r="R6300">
        <v>22529.594349999999</v>
      </c>
      <c r="S6300">
        <v>119890.63890000001</v>
      </c>
      <c r="T6300">
        <v>35024.646769999999</v>
      </c>
      <c r="U6300">
        <v>25113.600839999999</v>
      </c>
      <c r="W6300" s="83">
        <f>Bühler!N6332</f>
        <v>45554.416666651392</v>
      </c>
      <c r="X6300" s="83">
        <v>43363.416666666664</v>
      </c>
      <c r="Y6300">
        <v>299715.03110000002</v>
      </c>
      <c r="Z6300">
        <v>35874.694880000003</v>
      </c>
      <c r="AA6300">
        <v>97953.932990000001</v>
      </c>
      <c r="AB6300">
        <v>81661.914040000003</v>
      </c>
      <c r="AC6300">
        <v>52693.443749999999</v>
      </c>
      <c r="AD6300">
        <v>38995.865559999998</v>
      </c>
      <c r="AE6300">
        <v>44649.751470000003</v>
      </c>
      <c r="AF6300">
        <v>63744.413869999997</v>
      </c>
      <c r="AG6300">
        <v>29143.198079999998</v>
      </c>
      <c r="AH6300">
        <v>351732.69420000003</v>
      </c>
      <c r="AI6300">
        <v>101450.352</v>
      </c>
      <c r="AJ6300">
        <v>25229.910029999999</v>
      </c>
      <c r="AK6300">
        <v>35834.142119999997</v>
      </c>
      <c r="AL6300">
        <v>99432.10037</v>
      </c>
      <c r="AM6300">
        <v>22529.594349999999</v>
      </c>
      <c r="AN6300">
        <v>119890.63890000001</v>
      </c>
      <c r="AO6300">
        <v>35024.646769999999</v>
      </c>
      <c r="AP6300">
        <v>25113.600839999999</v>
      </c>
    </row>
    <row r="6301" spans="2:42" x14ac:dyDescent="0.3">
      <c r="B6301">
        <v>69.06543728695793</v>
      </c>
      <c r="C6301" s="83">
        <v>43363.458333333336</v>
      </c>
      <c r="D6301">
        <v>300313.23060000001</v>
      </c>
      <c r="E6301">
        <v>35856.842479999999</v>
      </c>
      <c r="F6301">
        <v>97742.072339999999</v>
      </c>
      <c r="G6301">
        <v>80162.371310000002</v>
      </c>
      <c r="H6301">
        <v>52255.393960000001</v>
      </c>
      <c r="I6301">
        <v>38091.831789999997</v>
      </c>
      <c r="J6301">
        <v>44230.02248</v>
      </c>
      <c r="K6301">
        <v>63213.987289999997</v>
      </c>
      <c r="L6301">
        <v>30338.018039999999</v>
      </c>
      <c r="M6301">
        <v>352127.80739999999</v>
      </c>
      <c r="N6301">
        <v>100914.2944</v>
      </c>
      <c r="O6301">
        <v>25067.332170000001</v>
      </c>
      <c r="P6301">
        <v>34763.938280000002</v>
      </c>
      <c r="Q6301">
        <v>100479.48820000001</v>
      </c>
      <c r="R6301">
        <v>23535.378530000002</v>
      </c>
      <c r="S6301">
        <v>122200.10709999999</v>
      </c>
      <c r="T6301">
        <v>35042.445110000001</v>
      </c>
      <c r="U6301">
        <v>24386.74812</v>
      </c>
      <c r="W6301" s="83">
        <f>Bühler!N6333</f>
        <v>45554.458333318056</v>
      </c>
      <c r="X6301" s="83">
        <v>43363.458333333336</v>
      </c>
      <c r="Y6301">
        <v>300313.23060000001</v>
      </c>
      <c r="Z6301">
        <v>35856.842479999999</v>
      </c>
      <c r="AA6301">
        <v>97742.072339999999</v>
      </c>
      <c r="AB6301">
        <v>80162.371310000002</v>
      </c>
      <c r="AC6301">
        <v>52255.393960000001</v>
      </c>
      <c r="AD6301">
        <v>38091.831789999997</v>
      </c>
      <c r="AE6301">
        <v>44230.02248</v>
      </c>
      <c r="AF6301">
        <v>63213.987289999997</v>
      </c>
      <c r="AG6301">
        <v>30338.018039999999</v>
      </c>
      <c r="AH6301">
        <v>352127.80739999999</v>
      </c>
      <c r="AI6301">
        <v>100914.2944</v>
      </c>
      <c r="AJ6301">
        <v>25067.332170000001</v>
      </c>
      <c r="AK6301">
        <v>34763.938280000002</v>
      </c>
      <c r="AL6301">
        <v>100479.48820000001</v>
      </c>
      <c r="AM6301">
        <v>23535.378530000002</v>
      </c>
      <c r="AN6301">
        <v>122200.10709999999</v>
      </c>
      <c r="AO6301">
        <v>35042.445110000001</v>
      </c>
      <c r="AP6301">
        <v>24386.74812</v>
      </c>
    </row>
    <row r="6302" spans="2:42" x14ac:dyDescent="0.3">
      <c r="B6302">
        <v>68.197987606334237</v>
      </c>
      <c r="C6302" s="83">
        <v>43363.5</v>
      </c>
      <c r="D6302">
        <v>286192.50719999999</v>
      </c>
      <c r="E6302">
        <v>32315.303790000002</v>
      </c>
      <c r="F6302">
        <v>94878.489419999998</v>
      </c>
      <c r="G6302">
        <v>78605.961930000005</v>
      </c>
      <c r="H6302">
        <v>49875.160940000002</v>
      </c>
      <c r="I6302">
        <v>36800.311520000003</v>
      </c>
      <c r="J6302">
        <v>44076.434050000003</v>
      </c>
      <c r="K6302">
        <v>59486.331120000003</v>
      </c>
      <c r="L6302">
        <v>32971.452369999999</v>
      </c>
      <c r="M6302">
        <v>347705.14439999999</v>
      </c>
      <c r="N6302">
        <v>98891.678249999997</v>
      </c>
      <c r="O6302">
        <v>24719.88739</v>
      </c>
      <c r="P6302">
        <v>36739.88003</v>
      </c>
      <c r="Q6302">
        <v>99519.626980000001</v>
      </c>
      <c r="R6302">
        <v>25208.807990000001</v>
      </c>
      <c r="S6302">
        <v>114817.5334</v>
      </c>
      <c r="T6302">
        <v>35135.785170000003</v>
      </c>
      <c r="U6302">
        <v>20263.647120000001</v>
      </c>
      <c r="W6302" s="83">
        <f>Bühler!N6334</f>
        <v>45554.49999998472</v>
      </c>
      <c r="X6302" s="83">
        <v>43363.5</v>
      </c>
      <c r="Y6302">
        <v>286192.50719999999</v>
      </c>
      <c r="Z6302">
        <v>32315.303790000002</v>
      </c>
      <c r="AA6302">
        <v>94878.489419999998</v>
      </c>
      <c r="AB6302">
        <v>78605.961930000005</v>
      </c>
      <c r="AC6302">
        <v>49875.160940000002</v>
      </c>
      <c r="AD6302">
        <v>36800.311520000003</v>
      </c>
      <c r="AE6302">
        <v>44076.434050000003</v>
      </c>
      <c r="AF6302">
        <v>59486.331120000003</v>
      </c>
      <c r="AG6302">
        <v>32971.452369999999</v>
      </c>
      <c r="AH6302">
        <v>347705.14439999999</v>
      </c>
      <c r="AI6302">
        <v>98891.678249999997</v>
      </c>
      <c r="AJ6302">
        <v>24719.88739</v>
      </c>
      <c r="AK6302">
        <v>36739.88003</v>
      </c>
      <c r="AL6302">
        <v>99519.626980000001</v>
      </c>
      <c r="AM6302">
        <v>25208.807990000001</v>
      </c>
      <c r="AN6302">
        <v>114817.5334</v>
      </c>
      <c r="AO6302">
        <v>35135.785170000003</v>
      </c>
      <c r="AP6302">
        <v>20263.647120000001</v>
      </c>
    </row>
    <row r="6303" spans="2:42" x14ac:dyDescent="0.3">
      <c r="B6303">
        <v>67.624278493864537</v>
      </c>
      <c r="C6303" s="83">
        <v>43363.541666666664</v>
      </c>
      <c r="D6303">
        <v>288126.67810000002</v>
      </c>
      <c r="E6303">
        <v>32650.387569999999</v>
      </c>
      <c r="F6303">
        <v>94735.02003</v>
      </c>
      <c r="G6303">
        <v>75044.028539999999</v>
      </c>
      <c r="H6303">
        <v>50473.710400000004</v>
      </c>
      <c r="I6303">
        <v>36962.121570000003</v>
      </c>
      <c r="J6303">
        <v>42756.924160000002</v>
      </c>
      <c r="K6303">
        <v>60537.675640000001</v>
      </c>
      <c r="L6303">
        <v>31722.435710000002</v>
      </c>
      <c r="M6303">
        <v>344780.1078</v>
      </c>
      <c r="N6303">
        <v>100605.20819999999</v>
      </c>
      <c r="O6303">
        <v>24665.89935</v>
      </c>
      <c r="P6303">
        <v>36134.518020000003</v>
      </c>
      <c r="Q6303">
        <v>98520.890150000007</v>
      </c>
      <c r="R6303">
        <v>25458.788649999999</v>
      </c>
      <c r="S6303">
        <v>113794.6759</v>
      </c>
      <c r="T6303">
        <v>34402.949860000001</v>
      </c>
      <c r="U6303">
        <v>21994.575980000001</v>
      </c>
      <c r="W6303" s="83">
        <f>Bühler!N6335</f>
        <v>45554.541666651385</v>
      </c>
      <c r="X6303" s="83">
        <v>43363.541666666664</v>
      </c>
      <c r="Y6303">
        <v>288126.67810000002</v>
      </c>
      <c r="Z6303">
        <v>32650.387569999999</v>
      </c>
      <c r="AA6303">
        <v>94735.02003</v>
      </c>
      <c r="AB6303">
        <v>75044.028539999999</v>
      </c>
      <c r="AC6303">
        <v>50473.710400000004</v>
      </c>
      <c r="AD6303">
        <v>36962.121570000003</v>
      </c>
      <c r="AE6303">
        <v>42756.924160000002</v>
      </c>
      <c r="AF6303">
        <v>60537.675640000001</v>
      </c>
      <c r="AG6303">
        <v>31722.435710000002</v>
      </c>
      <c r="AH6303">
        <v>344780.1078</v>
      </c>
      <c r="AI6303">
        <v>100605.20819999999</v>
      </c>
      <c r="AJ6303">
        <v>24665.89935</v>
      </c>
      <c r="AK6303">
        <v>36134.518020000003</v>
      </c>
      <c r="AL6303">
        <v>98520.890150000007</v>
      </c>
      <c r="AM6303">
        <v>25458.788649999999</v>
      </c>
      <c r="AN6303">
        <v>113794.6759</v>
      </c>
      <c r="AO6303">
        <v>34402.949860000001</v>
      </c>
      <c r="AP6303">
        <v>21994.575980000001</v>
      </c>
    </row>
    <row r="6304" spans="2:42" x14ac:dyDescent="0.3">
      <c r="B6304">
        <v>67.674923233415953</v>
      </c>
      <c r="C6304" s="83">
        <v>43363.583333333336</v>
      </c>
      <c r="D6304">
        <v>292539.71669999999</v>
      </c>
      <c r="E6304">
        <v>35572.840510000002</v>
      </c>
      <c r="F6304">
        <v>97758.34749</v>
      </c>
      <c r="G6304">
        <v>69749.189929999993</v>
      </c>
      <c r="H6304">
        <v>50704.572310000003</v>
      </c>
      <c r="I6304">
        <v>37626.568229999997</v>
      </c>
      <c r="J6304">
        <v>42621.240169999997</v>
      </c>
      <c r="K6304">
        <v>62560.143929999998</v>
      </c>
      <c r="L6304">
        <v>28573.656569999999</v>
      </c>
      <c r="M6304">
        <v>345038.31829999998</v>
      </c>
      <c r="N6304">
        <v>101950.6257</v>
      </c>
      <c r="O6304">
        <v>24674.912799999998</v>
      </c>
      <c r="P6304">
        <v>32260.987690000002</v>
      </c>
      <c r="Q6304">
        <v>97927.807249999998</v>
      </c>
      <c r="R6304">
        <v>24359.173940000001</v>
      </c>
      <c r="S6304">
        <v>108359.13400000001</v>
      </c>
      <c r="T6304">
        <v>33087.281300000002</v>
      </c>
      <c r="U6304">
        <v>23622.353579999999</v>
      </c>
      <c r="W6304" s="83">
        <f>Bühler!N6336</f>
        <v>45554.583333318049</v>
      </c>
      <c r="X6304" s="83">
        <v>43363.583333333336</v>
      </c>
      <c r="Y6304">
        <v>292539.71669999999</v>
      </c>
      <c r="Z6304">
        <v>35572.840510000002</v>
      </c>
      <c r="AA6304">
        <v>97758.34749</v>
      </c>
      <c r="AB6304">
        <v>69749.189929999993</v>
      </c>
      <c r="AC6304">
        <v>50704.572310000003</v>
      </c>
      <c r="AD6304">
        <v>37626.568229999997</v>
      </c>
      <c r="AE6304">
        <v>42621.240169999997</v>
      </c>
      <c r="AF6304">
        <v>62560.143929999998</v>
      </c>
      <c r="AG6304">
        <v>28573.656569999999</v>
      </c>
      <c r="AH6304">
        <v>345038.31829999998</v>
      </c>
      <c r="AI6304">
        <v>101950.6257</v>
      </c>
      <c r="AJ6304">
        <v>24674.912799999998</v>
      </c>
      <c r="AK6304">
        <v>32260.987690000002</v>
      </c>
      <c r="AL6304">
        <v>97927.807249999998</v>
      </c>
      <c r="AM6304">
        <v>24359.173940000001</v>
      </c>
      <c r="AN6304">
        <v>108359.13400000001</v>
      </c>
      <c r="AO6304">
        <v>33087.281300000002</v>
      </c>
      <c r="AP6304">
        <v>23622.353579999999</v>
      </c>
    </row>
    <row r="6305" spans="2:42" x14ac:dyDescent="0.3">
      <c r="B6305">
        <v>66.527340135366941</v>
      </c>
      <c r="C6305" s="83">
        <v>43363.625</v>
      </c>
      <c r="D6305">
        <v>290080.79440000001</v>
      </c>
      <c r="E6305">
        <v>35810.24783</v>
      </c>
      <c r="F6305">
        <v>99233.477490000005</v>
      </c>
      <c r="G6305">
        <v>67173.42</v>
      </c>
      <c r="H6305">
        <v>49526.699159999996</v>
      </c>
      <c r="I6305">
        <v>38259.47825</v>
      </c>
      <c r="J6305">
        <v>42251.13119</v>
      </c>
      <c r="K6305">
        <v>62059.226739999998</v>
      </c>
      <c r="L6305">
        <v>25642.271560000001</v>
      </c>
      <c r="M6305">
        <v>339187.4045</v>
      </c>
      <c r="N6305">
        <v>99131.135429999995</v>
      </c>
      <c r="O6305">
        <v>24522.249090000001</v>
      </c>
      <c r="P6305">
        <v>29630.791300000001</v>
      </c>
      <c r="Q6305">
        <v>97157.765239999993</v>
      </c>
      <c r="R6305">
        <v>23737.272010000001</v>
      </c>
      <c r="S6305">
        <v>106602.9139</v>
      </c>
      <c r="T6305">
        <v>32678.05242</v>
      </c>
      <c r="U6305">
        <v>22880.41012</v>
      </c>
      <c r="W6305" s="83">
        <f>Bühler!N6337</f>
        <v>45554.624999984713</v>
      </c>
      <c r="X6305" s="83">
        <v>43363.625</v>
      </c>
      <c r="Y6305">
        <v>290080.79440000001</v>
      </c>
      <c r="Z6305">
        <v>35810.24783</v>
      </c>
      <c r="AA6305">
        <v>99233.477490000005</v>
      </c>
      <c r="AB6305">
        <v>67173.42</v>
      </c>
      <c r="AC6305">
        <v>49526.699159999996</v>
      </c>
      <c r="AD6305">
        <v>38259.47825</v>
      </c>
      <c r="AE6305">
        <v>42251.13119</v>
      </c>
      <c r="AF6305">
        <v>62059.226739999998</v>
      </c>
      <c r="AG6305">
        <v>25642.271560000001</v>
      </c>
      <c r="AH6305">
        <v>339187.4045</v>
      </c>
      <c r="AI6305">
        <v>99131.135429999995</v>
      </c>
      <c r="AJ6305">
        <v>24522.249090000001</v>
      </c>
      <c r="AK6305">
        <v>29630.791300000001</v>
      </c>
      <c r="AL6305">
        <v>97157.765239999993</v>
      </c>
      <c r="AM6305">
        <v>23737.272010000001</v>
      </c>
      <c r="AN6305">
        <v>106602.9139</v>
      </c>
      <c r="AO6305">
        <v>32678.05242</v>
      </c>
      <c r="AP6305">
        <v>22880.41012</v>
      </c>
    </row>
    <row r="6306" spans="2:42" x14ac:dyDescent="0.3">
      <c r="B6306">
        <v>64.821501160138155</v>
      </c>
      <c r="C6306" s="83">
        <v>43363.666666666664</v>
      </c>
      <c r="D6306">
        <v>282759.78110000002</v>
      </c>
      <c r="E6306">
        <v>34894.867409999999</v>
      </c>
      <c r="F6306">
        <v>97903.977039999998</v>
      </c>
      <c r="G6306">
        <v>63313.684450000001</v>
      </c>
      <c r="H6306">
        <v>47559.946730000003</v>
      </c>
      <c r="I6306">
        <v>39746.0746</v>
      </c>
      <c r="J6306">
        <v>41664.830529999999</v>
      </c>
      <c r="K6306">
        <v>59719.971960000003</v>
      </c>
      <c r="L6306">
        <v>24677.655879999998</v>
      </c>
      <c r="M6306">
        <v>330490.24190000002</v>
      </c>
      <c r="N6306">
        <v>95750.877680000005</v>
      </c>
      <c r="O6306">
        <v>23915.038700000001</v>
      </c>
      <c r="P6306">
        <v>29493.965510000002</v>
      </c>
      <c r="Q6306">
        <v>96544.734760000007</v>
      </c>
      <c r="R6306">
        <v>23364.740669999999</v>
      </c>
      <c r="S6306">
        <v>103774.5576</v>
      </c>
      <c r="T6306">
        <v>31564.271479999999</v>
      </c>
      <c r="U6306">
        <v>20663.522099999998</v>
      </c>
      <c r="W6306" s="83">
        <f>Bühler!N6338</f>
        <v>45554.666666651377</v>
      </c>
      <c r="X6306" s="83">
        <v>43363.666666666664</v>
      </c>
      <c r="Y6306">
        <v>282759.78110000002</v>
      </c>
      <c r="Z6306">
        <v>34894.867409999999</v>
      </c>
      <c r="AA6306">
        <v>97903.977039999998</v>
      </c>
      <c r="AB6306">
        <v>63313.684450000001</v>
      </c>
      <c r="AC6306">
        <v>47559.946730000003</v>
      </c>
      <c r="AD6306">
        <v>39746.0746</v>
      </c>
      <c r="AE6306">
        <v>41664.830529999999</v>
      </c>
      <c r="AF6306">
        <v>59719.971960000003</v>
      </c>
      <c r="AG6306">
        <v>24677.655879999998</v>
      </c>
      <c r="AH6306">
        <v>330490.24190000002</v>
      </c>
      <c r="AI6306">
        <v>95750.877680000005</v>
      </c>
      <c r="AJ6306">
        <v>23915.038700000001</v>
      </c>
      <c r="AK6306">
        <v>29493.965510000002</v>
      </c>
      <c r="AL6306">
        <v>96544.734760000007</v>
      </c>
      <c r="AM6306">
        <v>23364.740669999999</v>
      </c>
      <c r="AN6306">
        <v>103774.5576</v>
      </c>
      <c r="AO6306">
        <v>31564.271479999999</v>
      </c>
      <c r="AP6306">
        <v>20663.522099999998</v>
      </c>
    </row>
    <row r="6307" spans="2:42" x14ac:dyDescent="0.3">
      <c r="B6307">
        <v>63.715190649939416</v>
      </c>
      <c r="C6307" s="83">
        <v>43363.708333333336</v>
      </c>
      <c r="D6307">
        <v>271960.88309999998</v>
      </c>
      <c r="E6307">
        <v>32638.701819999998</v>
      </c>
      <c r="F6307">
        <v>95657.345629999996</v>
      </c>
      <c r="G6307">
        <v>55270.725409999999</v>
      </c>
      <c r="H6307">
        <v>44905.011420000003</v>
      </c>
      <c r="I6307">
        <v>39667.4139</v>
      </c>
      <c r="J6307">
        <v>41557.146529999998</v>
      </c>
      <c r="K6307">
        <v>53692.195390000001</v>
      </c>
      <c r="L6307">
        <v>25288.239089999999</v>
      </c>
      <c r="M6307">
        <v>324849.755</v>
      </c>
      <c r="N6307">
        <v>91661.271760000003</v>
      </c>
      <c r="O6307">
        <v>23020.284489999998</v>
      </c>
      <c r="P6307">
        <v>30120.251329999999</v>
      </c>
      <c r="Q6307">
        <v>95648.09345</v>
      </c>
      <c r="R6307">
        <v>22430.810160000001</v>
      </c>
      <c r="S6307">
        <v>99455.620939999993</v>
      </c>
      <c r="T6307">
        <v>30874.92771</v>
      </c>
      <c r="U6307">
        <v>17631.940719999999</v>
      </c>
      <c r="W6307" s="83">
        <f>Bühler!N6339</f>
        <v>45554.708333318042</v>
      </c>
      <c r="X6307" s="83">
        <v>43363.708333333336</v>
      </c>
      <c r="Y6307">
        <v>271960.88309999998</v>
      </c>
      <c r="Z6307">
        <v>32638.701819999998</v>
      </c>
      <c r="AA6307">
        <v>95657.345629999996</v>
      </c>
      <c r="AB6307">
        <v>55270.725409999999</v>
      </c>
      <c r="AC6307">
        <v>44905.011420000003</v>
      </c>
      <c r="AD6307">
        <v>39667.4139</v>
      </c>
      <c r="AE6307">
        <v>41557.146529999998</v>
      </c>
      <c r="AF6307">
        <v>53692.195390000001</v>
      </c>
      <c r="AG6307">
        <v>25288.239089999999</v>
      </c>
      <c r="AH6307">
        <v>324849.755</v>
      </c>
      <c r="AI6307">
        <v>91661.271760000003</v>
      </c>
      <c r="AJ6307">
        <v>23020.284489999998</v>
      </c>
      <c r="AK6307">
        <v>30120.251329999999</v>
      </c>
      <c r="AL6307">
        <v>95648.09345</v>
      </c>
      <c r="AM6307">
        <v>22430.810160000001</v>
      </c>
      <c r="AN6307">
        <v>99455.620939999993</v>
      </c>
      <c r="AO6307">
        <v>30874.92771</v>
      </c>
      <c r="AP6307">
        <v>17631.940719999999</v>
      </c>
    </row>
    <row r="6308" spans="2:42" x14ac:dyDescent="0.3">
      <c r="B6308">
        <v>62.6794270406862</v>
      </c>
      <c r="C6308" s="83">
        <v>43363.75</v>
      </c>
      <c r="D6308">
        <v>266394.14390000002</v>
      </c>
      <c r="E6308">
        <v>29278.2147</v>
      </c>
      <c r="F6308">
        <v>93161.916970000006</v>
      </c>
      <c r="G6308">
        <v>48161.092409999997</v>
      </c>
      <c r="H6308">
        <v>42287.426140000003</v>
      </c>
      <c r="I6308">
        <v>37741.877200000003</v>
      </c>
      <c r="J6308">
        <v>41644.56306</v>
      </c>
      <c r="K6308">
        <v>51493.537089999998</v>
      </c>
      <c r="L6308">
        <v>27079.267930000002</v>
      </c>
      <c r="M6308">
        <v>319568.94910000003</v>
      </c>
      <c r="N6308">
        <v>88470.616639999993</v>
      </c>
      <c r="O6308">
        <v>21842.626619999999</v>
      </c>
      <c r="P6308">
        <v>33237.354570000003</v>
      </c>
      <c r="Q6308">
        <v>93525.967569999993</v>
      </c>
      <c r="R6308">
        <v>21381.372869999999</v>
      </c>
      <c r="S6308">
        <v>92933.764129999996</v>
      </c>
      <c r="T6308">
        <v>30838.839970000001</v>
      </c>
      <c r="U6308">
        <v>15680.31719</v>
      </c>
      <c r="W6308" s="83">
        <f>Bühler!N6340</f>
        <v>45554.749999984706</v>
      </c>
      <c r="X6308" s="83">
        <v>43363.75</v>
      </c>
      <c r="Y6308">
        <v>266394.14390000002</v>
      </c>
      <c r="Z6308">
        <v>29278.2147</v>
      </c>
      <c r="AA6308">
        <v>93161.916970000006</v>
      </c>
      <c r="AB6308">
        <v>48161.092409999997</v>
      </c>
      <c r="AC6308">
        <v>42287.426140000003</v>
      </c>
      <c r="AD6308">
        <v>37741.877200000003</v>
      </c>
      <c r="AE6308">
        <v>41644.56306</v>
      </c>
      <c r="AF6308">
        <v>51493.537089999998</v>
      </c>
      <c r="AG6308">
        <v>27079.267930000002</v>
      </c>
      <c r="AH6308">
        <v>319568.94910000003</v>
      </c>
      <c r="AI6308">
        <v>88470.616639999993</v>
      </c>
      <c r="AJ6308">
        <v>21842.626619999999</v>
      </c>
      <c r="AK6308">
        <v>33237.354570000003</v>
      </c>
      <c r="AL6308">
        <v>93525.967569999993</v>
      </c>
      <c r="AM6308">
        <v>21381.372869999999</v>
      </c>
      <c r="AN6308">
        <v>92933.764129999996</v>
      </c>
      <c r="AO6308">
        <v>30838.839970000001</v>
      </c>
      <c r="AP6308">
        <v>15680.31719</v>
      </c>
    </row>
    <row r="6309" spans="2:42" x14ac:dyDescent="0.3">
      <c r="B6309">
        <v>61.955087925291842</v>
      </c>
      <c r="C6309" s="83">
        <v>43363.791666666664</v>
      </c>
      <c r="D6309">
        <v>260788.7378</v>
      </c>
      <c r="E6309">
        <v>23476.317569999999</v>
      </c>
      <c r="F6309">
        <v>82665.673550000007</v>
      </c>
      <c r="G6309">
        <v>44388.091869999997</v>
      </c>
      <c r="H6309">
        <v>40954.984850000001</v>
      </c>
      <c r="I6309">
        <v>35144.946750000003</v>
      </c>
      <c r="J6309">
        <v>41261.777249999999</v>
      </c>
      <c r="K6309">
        <v>51249.534200000002</v>
      </c>
      <c r="L6309">
        <v>27998.686839999998</v>
      </c>
      <c r="M6309">
        <v>315875.93050000002</v>
      </c>
      <c r="N6309">
        <v>85977.919460000005</v>
      </c>
      <c r="O6309">
        <v>20534.356960000001</v>
      </c>
      <c r="P6309">
        <v>36249.496789999997</v>
      </c>
      <c r="Q6309">
        <v>91170.112200000003</v>
      </c>
      <c r="R6309">
        <v>20998.562600000001</v>
      </c>
      <c r="S6309">
        <v>89042.471120000002</v>
      </c>
      <c r="T6309">
        <v>31953.97406</v>
      </c>
      <c r="U6309">
        <v>15390.673409999999</v>
      </c>
      <c r="W6309" s="83">
        <f>Bühler!N6341</f>
        <v>45554.79166665137</v>
      </c>
      <c r="X6309" s="83">
        <v>43363.791666666664</v>
      </c>
      <c r="Y6309">
        <v>260788.7378</v>
      </c>
      <c r="Z6309">
        <v>23476.317569999999</v>
      </c>
      <c r="AA6309">
        <v>82665.673550000007</v>
      </c>
      <c r="AB6309">
        <v>44388.091869999997</v>
      </c>
      <c r="AC6309">
        <v>40954.984850000001</v>
      </c>
      <c r="AD6309">
        <v>35144.946750000003</v>
      </c>
      <c r="AE6309">
        <v>41261.777249999999</v>
      </c>
      <c r="AF6309">
        <v>51249.534200000002</v>
      </c>
      <c r="AG6309">
        <v>27998.686839999998</v>
      </c>
      <c r="AH6309">
        <v>315875.93050000002</v>
      </c>
      <c r="AI6309">
        <v>85977.919460000005</v>
      </c>
      <c r="AJ6309">
        <v>20534.356960000001</v>
      </c>
      <c r="AK6309">
        <v>36249.496789999997</v>
      </c>
      <c r="AL6309">
        <v>91170.112200000003</v>
      </c>
      <c r="AM6309">
        <v>20998.562600000001</v>
      </c>
      <c r="AN6309">
        <v>89042.471120000002</v>
      </c>
      <c r="AO6309">
        <v>31953.97406</v>
      </c>
      <c r="AP6309">
        <v>15390.673409999999</v>
      </c>
    </row>
    <row r="6310" spans="2:42" x14ac:dyDescent="0.3">
      <c r="B6310">
        <v>60.346230525861849</v>
      </c>
      <c r="C6310" s="83">
        <v>43363.833333333336</v>
      </c>
      <c r="D6310">
        <v>253655.8334</v>
      </c>
      <c r="E6310">
        <v>18030.56755</v>
      </c>
      <c r="F6310">
        <v>69125.824460000003</v>
      </c>
      <c r="G6310">
        <v>40135.825510000002</v>
      </c>
      <c r="H6310">
        <v>39729.431349999999</v>
      </c>
      <c r="I6310">
        <v>32151.258150000001</v>
      </c>
      <c r="J6310">
        <v>43281.127350000002</v>
      </c>
      <c r="K6310">
        <v>50342.473389999999</v>
      </c>
      <c r="L6310">
        <v>27980.362700000001</v>
      </c>
      <c r="M6310">
        <v>307673.22519999999</v>
      </c>
      <c r="N6310">
        <v>84676.55356</v>
      </c>
      <c r="O6310">
        <v>20735.242119999999</v>
      </c>
      <c r="P6310">
        <v>36450.022349999999</v>
      </c>
      <c r="Q6310">
        <v>87703.725630000001</v>
      </c>
      <c r="R6310">
        <v>19590.409889999999</v>
      </c>
      <c r="S6310">
        <v>83056.736260000005</v>
      </c>
      <c r="T6310">
        <v>31073.883440000001</v>
      </c>
      <c r="U6310">
        <v>15168.010679999999</v>
      </c>
      <c r="W6310" s="83">
        <f>Bühler!N6342</f>
        <v>45554.833333318034</v>
      </c>
      <c r="X6310" s="83">
        <v>43363.833333333336</v>
      </c>
      <c r="Y6310">
        <v>253655.8334</v>
      </c>
      <c r="Z6310">
        <v>18030.56755</v>
      </c>
      <c r="AA6310">
        <v>69125.824460000003</v>
      </c>
      <c r="AB6310">
        <v>40135.825510000002</v>
      </c>
      <c r="AC6310">
        <v>39729.431349999999</v>
      </c>
      <c r="AD6310">
        <v>32151.258150000001</v>
      </c>
      <c r="AE6310">
        <v>43281.127350000002</v>
      </c>
      <c r="AF6310">
        <v>50342.473389999999</v>
      </c>
      <c r="AG6310">
        <v>27980.362700000001</v>
      </c>
      <c r="AH6310">
        <v>307673.22519999999</v>
      </c>
      <c r="AI6310">
        <v>84676.55356</v>
      </c>
      <c r="AJ6310">
        <v>20735.242119999999</v>
      </c>
      <c r="AK6310">
        <v>36450.022349999999</v>
      </c>
      <c r="AL6310">
        <v>87703.725630000001</v>
      </c>
      <c r="AM6310">
        <v>19590.409889999999</v>
      </c>
      <c r="AN6310">
        <v>83056.736260000005</v>
      </c>
      <c r="AO6310">
        <v>31073.883440000001</v>
      </c>
      <c r="AP6310">
        <v>15168.010679999999</v>
      </c>
    </row>
    <row r="6311" spans="2:42" x14ac:dyDescent="0.3">
      <c r="B6311">
        <v>58.412391575339683</v>
      </c>
      <c r="C6311" s="83">
        <v>43363.875</v>
      </c>
      <c r="D6311">
        <v>245125.75339999999</v>
      </c>
      <c r="E6311">
        <v>15025.541440000001</v>
      </c>
      <c r="F6311">
        <v>60236.567280000003</v>
      </c>
      <c r="G6311">
        <v>37421.944510000001</v>
      </c>
      <c r="H6311">
        <v>37547.365080000003</v>
      </c>
      <c r="I6311">
        <v>28192.295180000001</v>
      </c>
      <c r="J6311">
        <v>41863.895579999997</v>
      </c>
      <c r="K6311">
        <v>49260.519979999997</v>
      </c>
      <c r="L6311">
        <v>26026.684639999999</v>
      </c>
      <c r="M6311">
        <v>297813.61239999998</v>
      </c>
      <c r="N6311">
        <v>83020.893909999999</v>
      </c>
      <c r="O6311">
        <v>19607.84995</v>
      </c>
      <c r="P6311">
        <v>34528.666709999998</v>
      </c>
      <c r="Q6311">
        <v>86252.136759999994</v>
      </c>
      <c r="R6311">
        <v>18617.616190000001</v>
      </c>
      <c r="S6311">
        <v>79145.805659999998</v>
      </c>
      <c r="T6311">
        <v>27725.340469999999</v>
      </c>
      <c r="U6311">
        <v>13599.94382</v>
      </c>
      <c r="W6311" s="83">
        <f>Bühler!N6343</f>
        <v>45554.874999984699</v>
      </c>
      <c r="X6311" s="83">
        <v>43363.875</v>
      </c>
      <c r="Y6311">
        <v>245125.75339999999</v>
      </c>
      <c r="Z6311">
        <v>15025.541440000001</v>
      </c>
      <c r="AA6311">
        <v>60236.567280000003</v>
      </c>
      <c r="AB6311">
        <v>37421.944510000001</v>
      </c>
      <c r="AC6311">
        <v>37547.365080000003</v>
      </c>
      <c r="AD6311">
        <v>28192.295180000001</v>
      </c>
      <c r="AE6311">
        <v>41863.895579999997</v>
      </c>
      <c r="AF6311">
        <v>49260.519979999997</v>
      </c>
      <c r="AG6311">
        <v>26026.684639999999</v>
      </c>
      <c r="AH6311">
        <v>297813.61239999998</v>
      </c>
      <c r="AI6311">
        <v>83020.893909999999</v>
      </c>
      <c r="AJ6311">
        <v>19607.84995</v>
      </c>
      <c r="AK6311">
        <v>34528.666709999998</v>
      </c>
      <c r="AL6311">
        <v>86252.136759999994</v>
      </c>
      <c r="AM6311">
        <v>18617.616190000001</v>
      </c>
      <c r="AN6311">
        <v>79145.805659999998</v>
      </c>
      <c r="AO6311">
        <v>27725.340469999999</v>
      </c>
      <c r="AP6311">
        <v>13599.94382</v>
      </c>
    </row>
    <row r="6312" spans="2:42" x14ac:dyDescent="0.3">
      <c r="B6312">
        <v>57.237063682971659</v>
      </c>
      <c r="C6312" s="83">
        <v>43363.916666666664</v>
      </c>
      <c r="D6312">
        <v>244277.01509999999</v>
      </c>
      <c r="E6312">
        <v>14310.39587</v>
      </c>
      <c r="F6312">
        <v>57711.950440000001</v>
      </c>
      <c r="G6312">
        <v>35055.209750000002</v>
      </c>
      <c r="H6312">
        <v>36584.067600000002</v>
      </c>
      <c r="I6312">
        <v>25715.52448</v>
      </c>
      <c r="J6312">
        <v>40045.459020000002</v>
      </c>
      <c r="K6312">
        <v>51618.833980000003</v>
      </c>
      <c r="L6312">
        <v>22993.323520000002</v>
      </c>
      <c r="M6312">
        <v>291821.2427</v>
      </c>
      <c r="N6312">
        <v>81594.566330000001</v>
      </c>
      <c r="O6312">
        <v>19164.137859999999</v>
      </c>
      <c r="P6312">
        <v>35496.430679999998</v>
      </c>
      <c r="Q6312">
        <v>86226.046239999996</v>
      </c>
      <c r="R6312">
        <v>19368.228790000001</v>
      </c>
      <c r="S6312">
        <v>77341.159979999997</v>
      </c>
      <c r="T6312">
        <v>24026.87516</v>
      </c>
      <c r="U6312">
        <v>13470.355509999999</v>
      </c>
      <c r="W6312" s="83">
        <f>Bühler!N6344</f>
        <v>45554.916666651363</v>
      </c>
      <c r="X6312" s="83">
        <v>43363.916666666664</v>
      </c>
      <c r="Y6312">
        <v>244277.01509999999</v>
      </c>
      <c r="Z6312">
        <v>14310.39587</v>
      </c>
      <c r="AA6312">
        <v>57711.950440000001</v>
      </c>
      <c r="AB6312">
        <v>35055.209750000002</v>
      </c>
      <c r="AC6312">
        <v>36584.067600000002</v>
      </c>
      <c r="AD6312">
        <v>25715.52448</v>
      </c>
      <c r="AE6312">
        <v>40045.459020000002</v>
      </c>
      <c r="AF6312">
        <v>51618.833980000003</v>
      </c>
      <c r="AG6312">
        <v>22993.323520000002</v>
      </c>
      <c r="AH6312">
        <v>291821.2427</v>
      </c>
      <c r="AI6312">
        <v>81594.566330000001</v>
      </c>
      <c r="AJ6312">
        <v>19164.137859999999</v>
      </c>
      <c r="AK6312">
        <v>35496.430679999998</v>
      </c>
      <c r="AL6312">
        <v>86226.046239999996</v>
      </c>
      <c r="AM6312">
        <v>19368.228790000001</v>
      </c>
      <c r="AN6312">
        <v>77341.159979999997</v>
      </c>
      <c r="AO6312">
        <v>24026.87516</v>
      </c>
      <c r="AP6312">
        <v>13470.355509999999</v>
      </c>
    </row>
    <row r="6313" spans="2:42" x14ac:dyDescent="0.3">
      <c r="B6313">
        <v>56.440411821886293</v>
      </c>
      <c r="C6313" s="83">
        <v>43363.958333333336</v>
      </c>
      <c r="D6313">
        <v>242344.6195</v>
      </c>
      <c r="E6313">
        <v>13746.27751</v>
      </c>
      <c r="F6313">
        <v>57279.165209999999</v>
      </c>
      <c r="G6313">
        <v>34085.918100000003</v>
      </c>
      <c r="H6313">
        <v>35250.34016</v>
      </c>
      <c r="I6313">
        <v>25148.880880000001</v>
      </c>
      <c r="J6313">
        <v>36299.386729999998</v>
      </c>
      <c r="K6313">
        <v>51068.087469999999</v>
      </c>
      <c r="L6313">
        <v>20183.884989999999</v>
      </c>
      <c r="M6313">
        <v>287759.53999999998</v>
      </c>
      <c r="N6313">
        <v>80476.844230000002</v>
      </c>
      <c r="O6313">
        <v>18856.699069999999</v>
      </c>
      <c r="P6313">
        <v>30822.55818</v>
      </c>
      <c r="Q6313">
        <v>85761.293120000002</v>
      </c>
      <c r="R6313">
        <v>18209.96917</v>
      </c>
      <c r="S6313">
        <v>75785.972179999997</v>
      </c>
      <c r="T6313">
        <v>21918.608700000001</v>
      </c>
      <c r="U6313">
        <v>13042.58671</v>
      </c>
      <c r="W6313" s="83">
        <f>Bühler!N6345</f>
        <v>45554.958333318027</v>
      </c>
      <c r="X6313" s="83">
        <v>43363.958333333336</v>
      </c>
      <c r="Y6313">
        <v>242344.6195</v>
      </c>
      <c r="Z6313">
        <v>13746.27751</v>
      </c>
      <c r="AA6313">
        <v>57279.165209999999</v>
      </c>
      <c r="AB6313">
        <v>34085.918100000003</v>
      </c>
      <c r="AC6313">
        <v>35250.34016</v>
      </c>
      <c r="AD6313">
        <v>25148.880880000001</v>
      </c>
      <c r="AE6313">
        <v>36299.386729999998</v>
      </c>
      <c r="AF6313">
        <v>51068.087469999999</v>
      </c>
      <c r="AG6313">
        <v>20183.884989999999</v>
      </c>
      <c r="AH6313">
        <v>287759.53999999998</v>
      </c>
      <c r="AI6313">
        <v>80476.844230000002</v>
      </c>
      <c r="AJ6313">
        <v>18856.699069999999</v>
      </c>
      <c r="AK6313">
        <v>30822.55818</v>
      </c>
      <c r="AL6313">
        <v>85761.293120000002</v>
      </c>
      <c r="AM6313">
        <v>18209.96917</v>
      </c>
      <c r="AN6313">
        <v>75785.972179999997</v>
      </c>
      <c r="AO6313">
        <v>21918.608700000001</v>
      </c>
      <c r="AP6313">
        <v>13042.58671</v>
      </c>
    </row>
    <row r="6314" spans="2:42" x14ac:dyDescent="0.3">
      <c r="B6314">
        <v>55.387748169714101</v>
      </c>
      <c r="C6314" s="83">
        <v>43364</v>
      </c>
      <c r="D6314">
        <v>242304.35130000001</v>
      </c>
      <c r="E6314">
        <v>13181.12437</v>
      </c>
      <c r="F6314">
        <v>55278.761310000002</v>
      </c>
      <c r="G6314">
        <v>33654.532789999997</v>
      </c>
      <c r="H6314">
        <v>34564.654040000001</v>
      </c>
      <c r="I6314">
        <v>22546.349259999999</v>
      </c>
      <c r="J6314">
        <v>33464.029369999997</v>
      </c>
      <c r="K6314">
        <v>49638.323649999998</v>
      </c>
      <c r="L6314">
        <v>18571.94829</v>
      </c>
      <c r="M6314">
        <v>282392.5698</v>
      </c>
      <c r="N6314">
        <v>79122.381309999997</v>
      </c>
      <c r="O6314">
        <v>18533.282599999999</v>
      </c>
      <c r="P6314">
        <v>27783.976360000001</v>
      </c>
      <c r="Q6314">
        <v>84524.378700000001</v>
      </c>
      <c r="R6314">
        <v>16193.45117</v>
      </c>
      <c r="S6314">
        <v>74041.241089999996</v>
      </c>
      <c r="T6314">
        <v>19737.140449999999</v>
      </c>
      <c r="U6314">
        <v>13073.406360000001</v>
      </c>
      <c r="W6314" s="83">
        <f>Bühler!N6346</f>
        <v>45554.999999984691</v>
      </c>
      <c r="X6314" s="83">
        <v>43364</v>
      </c>
      <c r="Y6314">
        <v>242304.35130000001</v>
      </c>
      <c r="Z6314">
        <v>13181.12437</v>
      </c>
      <c r="AA6314">
        <v>55278.761310000002</v>
      </c>
      <c r="AB6314">
        <v>33654.532789999997</v>
      </c>
      <c r="AC6314">
        <v>34564.654040000001</v>
      </c>
      <c r="AD6314">
        <v>22546.349259999999</v>
      </c>
      <c r="AE6314">
        <v>33464.029369999997</v>
      </c>
      <c r="AF6314">
        <v>49638.323649999998</v>
      </c>
      <c r="AG6314">
        <v>18571.94829</v>
      </c>
      <c r="AH6314">
        <v>282392.5698</v>
      </c>
      <c r="AI6314">
        <v>79122.381309999997</v>
      </c>
      <c r="AJ6314">
        <v>18533.282599999999</v>
      </c>
      <c r="AK6314">
        <v>27783.976360000001</v>
      </c>
      <c r="AL6314">
        <v>84524.378700000001</v>
      </c>
      <c r="AM6314">
        <v>16193.45117</v>
      </c>
      <c r="AN6314">
        <v>74041.241089999996</v>
      </c>
      <c r="AO6314">
        <v>19737.140449999999</v>
      </c>
      <c r="AP6314">
        <v>13073.406360000001</v>
      </c>
    </row>
    <row r="6315" spans="2:42" x14ac:dyDescent="0.3">
      <c r="B6315">
        <v>55.146265610563233</v>
      </c>
      <c r="C6315" s="83">
        <v>43364.041666666664</v>
      </c>
      <c r="D6315">
        <v>241333.4327</v>
      </c>
      <c r="E6315">
        <v>12961.8593</v>
      </c>
      <c r="F6315">
        <v>54885.19328</v>
      </c>
      <c r="G6315">
        <v>32997.700660000002</v>
      </c>
      <c r="H6315">
        <v>34110.125509999998</v>
      </c>
      <c r="I6315">
        <v>18494.25315</v>
      </c>
      <c r="J6315">
        <v>32068.318719999999</v>
      </c>
      <c r="K6315">
        <v>47959.483560000001</v>
      </c>
      <c r="L6315">
        <v>16584.1315</v>
      </c>
      <c r="M6315">
        <v>281161.37910000002</v>
      </c>
      <c r="N6315">
        <v>77367.602729999999</v>
      </c>
      <c r="O6315">
        <v>18842.438699999999</v>
      </c>
      <c r="P6315">
        <v>26119.197120000001</v>
      </c>
      <c r="Q6315">
        <v>85530.62311</v>
      </c>
      <c r="R6315">
        <v>14458.222379999999</v>
      </c>
      <c r="S6315">
        <v>73221.445120000004</v>
      </c>
      <c r="T6315">
        <v>18800.162779999999</v>
      </c>
      <c r="U6315">
        <v>12500.141890000001</v>
      </c>
      <c r="W6315" s="83">
        <f>Bühler!N6347</f>
        <v>45555.041666651356</v>
      </c>
      <c r="X6315" s="83">
        <v>43364.041666666664</v>
      </c>
      <c r="Y6315">
        <v>241333.4327</v>
      </c>
      <c r="Z6315">
        <v>12961.8593</v>
      </c>
      <c r="AA6315">
        <v>54885.19328</v>
      </c>
      <c r="AB6315">
        <v>32997.700660000002</v>
      </c>
      <c r="AC6315">
        <v>34110.125509999998</v>
      </c>
      <c r="AD6315">
        <v>18494.25315</v>
      </c>
      <c r="AE6315">
        <v>32068.318719999999</v>
      </c>
      <c r="AF6315">
        <v>47959.483560000001</v>
      </c>
      <c r="AG6315">
        <v>16584.1315</v>
      </c>
      <c r="AH6315">
        <v>281161.37910000002</v>
      </c>
      <c r="AI6315">
        <v>77367.602729999999</v>
      </c>
      <c r="AJ6315">
        <v>18842.438699999999</v>
      </c>
      <c r="AK6315">
        <v>26119.197120000001</v>
      </c>
      <c r="AL6315">
        <v>85530.62311</v>
      </c>
      <c r="AM6315">
        <v>14458.222379999999</v>
      </c>
      <c r="AN6315">
        <v>73221.445120000004</v>
      </c>
      <c r="AO6315">
        <v>18800.162779999999</v>
      </c>
      <c r="AP6315">
        <v>12500.141890000001</v>
      </c>
    </row>
    <row r="6316" spans="2:42" x14ac:dyDescent="0.3">
      <c r="B6316">
        <v>55.433656367258507</v>
      </c>
      <c r="C6316" s="83">
        <v>43364.083333333336</v>
      </c>
      <c r="D6316">
        <v>240579.66699999999</v>
      </c>
      <c r="E6316">
        <v>12749.950559999999</v>
      </c>
      <c r="F6316">
        <v>55209.05947</v>
      </c>
      <c r="G6316">
        <v>32661.713390000001</v>
      </c>
      <c r="H6316">
        <v>33788.581050000001</v>
      </c>
      <c r="I6316">
        <v>16511.786479999999</v>
      </c>
      <c r="J6316">
        <v>31800.472760000001</v>
      </c>
      <c r="K6316">
        <v>45934.754690000002</v>
      </c>
      <c r="L6316">
        <v>16672.047750000002</v>
      </c>
      <c r="M6316">
        <v>282626.6312</v>
      </c>
      <c r="N6316">
        <v>76052.750639999998</v>
      </c>
      <c r="O6316">
        <v>18064.022389999998</v>
      </c>
      <c r="P6316">
        <v>24313.994320000002</v>
      </c>
      <c r="Q6316">
        <v>87917.182440000004</v>
      </c>
      <c r="R6316">
        <v>14284.63306</v>
      </c>
      <c r="S6316">
        <v>71991.570009999996</v>
      </c>
      <c r="T6316">
        <v>18433.722870000001</v>
      </c>
      <c r="U6316">
        <v>12755.141439999999</v>
      </c>
      <c r="W6316" s="83">
        <f>Bühler!N6348</f>
        <v>45555.08333331802</v>
      </c>
      <c r="X6316" s="83">
        <v>43364.083333333336</v>
      </c>
      <c r="Y6316">
        <v>240579.66699999999</v>
      </c>
      <c r="Z6316">
        <v>12749.950559999999</v>
      </c>
      <c r="AA6316">
        <v>55209.05947</v>
      </c>
      <c r="AB6316">
        <v>32661.713390000001</v>
      </c>
      <c r="AC6316">
        <v>33788.581050000001</v>
      </c>
      <c r="AD6316">
        <v>16511.786479999999</v>
      </c>
      <c r="AE6316">
        <v>31800.472760000001</v>
      </c>
      <c r="AF6316">
        <v>45934.754690000002</v>
      </c>
      <c r="AG6316">
        <v>16672.047750000002</v>
      </c>
      <c r="AH6316">
        <v>282626.6312</v>
      </c>
      <c r="AI6316">
        <v>76052.750639999998</v>
      </c>
      <c r="AJ6316">
        <v>18064.022389999998</v>
      </c>
      <c r="AK6316">
        <v>24313.994320000002</v>
      </c>
      <c r="AL6316">
        <v>87917.182440000004</v>
      </c>
      <c r="AM6316">
        <v>14284.63306</v>
      </c>
      <c r="AN6316">
        <v>71991.570009999996</v>
      </c>
      <c r="AO6316">
        <v>18433.722870000001</v>
      </c>
      <c r="AP6316">
        <v>12755.141439999999</v>
      </c>
    </row>
    <row r="6317" spans="2:42" x14ac:dyDescent="0.3">
      <c r="B6317">
        <v>56.121877209499878</v>
      </c>
      <c r="C6317" s="83">
        <v>43364.125</v>
      </c>
      <c r="D6317">
        <v>241880.25810000001</v>
      </c>
      <c r="E6317">
        <v>12807.68577</v>
      </c>
      <c r="F6317">
        <v>56172.523589999997</v>
      </c>
      <c r="G6317">
        <v>32145.456259999999</v>
      </c>
      <c r="H6317">
        <v>33696.381200000003</v>
      </c>
      <c r="I6317">
        <v>16354.68007</v>
      </c>
      <c r="J6317">
        <v>31738.652620000001</v>
      </c>
      <c r="K6317">
        <v>44861.972600000001</v>
      </c>
      <c r="L6317">
        <v>16309.20233</v>
      </c>
      <c r="M6317">
        <v>286135.50199999998</v>
      </c>
      <c r="N6317">
        <v>75337.788579999993</v>
      </c>
      <c r="O6317">
        <v>17725.802790000002</v>
      </c>
      <c r="P6317">
        <v>23663.559079999999</v>
      </c>
      <c r="Q6317">
        <v>90795.843099999998</v>
      </c>
      <c r="R6317">
        <v>13967.85578</v>
      </c>
      <c r="S6317">
        <v>71692.384109999999</v>
      </c>
      <c r="T6317">
        <v>18299.293470000001</v>
      </c>
      <c r="U6317">
        <v>12139.5779</v>
      </c>
      <c r="W6317" s="83">
        <f>Bühler!N6349</f>
        <v>45555.124999984684</v>
      </c>
      <c r="X6317" s="83">
        <v>43364.125</v>
      </c>
      <c r="Y6317">
        <v>241880.25810000001</v>
      </c>
      <c r="Z6317">
        <v>12807.68577</v>
      </c>
      <c r="AA6317">
        <v>56172.523589999997</v>
      </c>
      <c r="AB6317">
        <v>32145.456259999999</v>
      </c>
      <c r="AC6317">
        <v>33696.381200000003</v>
      </c>
      <c r="AD6317">
        <v>16354.68007</v>
      </c>
      <c r="AE6317">
        <v>31738.652620000001</v>
      </c>
      <c r="AF6317">
        <v>44861.972600000001</v>
      </c>
      <c r="AG6317">
        <v>16309.20233</v>
      </c>
      <c r="AH6317">
        <v>286135.50199999998</v>
      </c>
      <c r="AI6317">
        <v>75337.788579999993</v>
      </c>
      <c r="AJ6317">
        <v>17725.802790000002</v>
      </c>
      <c r="AK6317">
        <v>23663.559079999999</v>
      </c>
      <c r="AL6317">
        <v>90795.843099999998</v>
      </c>
      <c r="AM6317">
        <v>13967.85578</v>
      </c>
      <c r="AN6317">
        <v>71692.384109999999</v>
      </c>
      <c r="AO6317">
        <v>18299.293470000001</v>
      </c>
      <c r="AP6317">
        <v>12139.5779</v>
      </c>
    </row>
    <row r="6318" spans="2:42" x14ac:dyDescent="0.3">
      <c r="B6318">
        <v>57.048289032822481</v>
      </c>
      <c r="C6318" s="83">
        <v>43364.166666666664</v>
      </c>
      <c r="D6318">
        <v>241852.68179999999</v>
      </c>
      <c r="E6318">
        <v>13166.34793</v>
      </c>
      <c r="F6318">
        <v>60340.117409999999</v>
      </c>
      <c r="G6318">
        <v>31190.57907</v>
      </c>
      <c r="H6318">
        <v>34122.080139999998</v>
      </c>
      <c r="I6318">
        <v>17882.07619</v>
      </c>
      <c r="J6318">
        <v>33871.964339999999</v>
      </c>
      <c r="K6318">
        <v>43555.855190000002</v>
      </c>
      <c r="L6318">
        <v>16368.58445</v>
      </c>
      <c r="M6318">
        <v>290858.78149999998</v>
      </c>
      <c r="N6318">
        <v>75151.842730000004</v>
      </c>
      <c r="O6318">
        <v>17222.564719999998</v>
      </c>
      <c r="P6318">
        <v>23441.40755</v>
      </c>
      <c r="Q6318">
        <v>94619.781400000007</v>
      </c>
      <c r="R6318">
        <v>13710.5362</v>
      </c>
      <c r="S6318">
        <v>70659.755539999998</v>
      </c>
      <c r="T6318">
        <v>18432.49267</v>
      </c>
      <c r="U6318">
        <v>12694.81019</v>
      </c>
      <c r="W6318" s="83">
        <f>Bühler!N6350</f>
        <v>45555.166666651348</v>
      </c>
      <c r="X6318" s="83">
        <v>43364.166666666664</v>
      </c>
      <c r="Y6318">
        <v>241852.68179999999</v>
      </c>
      <c r="Z6318">
        <v>13166.34793</v>
      </c>
      <c r="AA6318">
        <v>60340.117409999999</v>
      </c>
      <c r="AB6318">
        <v>31190.57907</v>
      </c>
      <c r="AC6318">
        <v>34122.080139999998</v>
      </c>
      <c r="AD6318">
        <v>17882.07619</v>
      </c>
      <c r="AE6318">
        <v>33871.964339999999</v>
      </c>
      <c r="AF6318">
        <v>43555.855190000002</v>
      </c>
      <c r="AG6318">
        <v>16368.58445</v>
      </c>
      <c r="AH6318">
        <v>290858.78149999998</v>
      </c>
      <c r="AI6318">
        <v>75151.842730000004</v>
      </c>
      <c r="AJ6318">
        <v>17222.564719999998</v>
      </c>
      <c r="AK6318">
        <v>23441.40755</v>
      </c>
      <c r="AL6318">
        <v>94619.781400000007</v>
      </c>
      <c r="AM6318">
        <v>13710.5362</v>
      </c>
      <c r="AN6318">
        <v>70659.755539999998</v>
      </c>
      <c r="AO6318">
        <v>18432.49267</v>
      </c>
      <c r="AP6318">
        <v>12694.81019</v>
      </c>
    </row>
    <row r="6319" spans="2:42" x14ac:dyDescent="0.3">
      <c r="B6319">
        <v>59.790163012643248</v>
      </c>
      <c r="C6319" s="83">
        <v>43364.208333333336</v>
      </c>
      <c r="D6319">
        <v>256524.26420000001</v>
      </c>
      <c r="E6319">
        <v>14914.70808</v>
      </c>
      <c r="F6319">
        <v>68969.365820000006</v>
      </c>
      <c r="G6319">
        <v>32835.683839999998</v>
      </c>
      <c r="H6319">
        <v>35784.372900000002</v>
      </c>
      <c r="I6319">
        <v>25183.4319</v>
      </c>
      <c r="J6319">
        <v>37376.935169999997</v>
      </c>
      <c r="K6319">
        <v>44736.443339999998</v>
      </c>
      <c r="L6319">
        <v>16939.893459999999</v>
      </c>
      <c r="M6319">
        <v>304838.13370000001</v>
      </c>
      <c r="N6319">
        <v>78240.900259999995</v>
      </c>
      <c r="O6319">
        <v>17321.573250000001</v>
      </c>
      <c r="P6319">
        <v>25625.489399999999</v>
      </c>
      <c r="Q6319">
        <v>97446.036030000003</v>
      </c>
      <c r="R6319">
        <v>14952.02087</v>
      </c>
      <c r="S6319">
        <v>73616.343850000005</v>
      </c>
      <c r="T6319">
        <v>19484.090919999999</v>
      </c>
      <c r="U6319">
        <v>13869.35068</v>
      </c>
      <c r="W6319" s="83">
        <f>Bühler!N6351</f>
        <v>45555.208333318013</v>
      </c>
      <c r="X6319" s="83">
        <v>43364.208333333336</v>
      </c>
      <c r="Y6319">
        <v>256524.26420000001</v>
      </c>
      <c r="Z6319">
        <v>14914.70808</v>
      </c>
      <c r="AA6319">
        <v>68969.365820000006</v>
      </c>
      <c r="AB6319">
        <v>32835.683839999998</v>
      </c>
      <c r="AC6319">
        <v>35784.372900000002</v>
      </c>
      <c r="AD6319">
        <v>25183.4319</v>
      </c>
      <c r="AE6319">
        <v>37376.935169999997</v>
      </c>
      <c r="AF6319">
        <v>44736.443339999998</v>
      </c>
      <c r="AG6319">
        <v>16939.893459999999</v>
      </c>
      <c r="AH6319">
        <v>304838.13370000001</v>
      </c>
      <c r="AI6319">
        <v>78240.900259999995</v>
      </c>
      <c r="AJ6319">
        <v>17321.573250000001</v>
      </c>
      <c r="AK6319">
        <v>25625.489399999999</v>
      </c>
      <c r="AL6319">
        <v>97446.036030000003</v>
      </c>
      <c r="AM6319">
        <v>14952.02087</v>
      </c>
      <c r="AN6319">
        <v>73616.343850000005</v>
      </c>
      <c r="AO6319">
        <v>19484.090919999999</v>
      </c>
      <c r="AP6319">
        <v>13869.35068</v>
      </c>
    </row>
    <row r="6320" spans="2:42" x14ac:dyDescent="0.3">
      <c r="B6320">
        <v>62.817273689631691</v>
      </c>
      <c r="C6320" s="83">
        <v>43364.25</v>
      </c>
      <c r="D6320">
        <v>271660.20069999999</v>
      </c>
      <c r="E6320">
        <v>19088.830020000001</v>
      </c>
      <c r="F6320">
        <v>79401.873189999998</v>
      </c>
      <c r="G6320">
        <v>44446.572690000001</v>
      </c>
      <c r="H6320">
        <v>39401.684459999997</v>
      </c>
      <c r="I6320">
        <v>32596.167119999998</v>
      </c>
      <c r="J6320">
        <v>41295.786930000002</v>
      </c>
      <c r="K6320">
        <v>47630.534449999999</v>
      </c>
      <c r="L6320">
        <v>18194.303879999999</v>
      </c>
      <c r="M6320">
        <v>320271.75559999997</v>
      </c>
      <c r="N6320">
        <v>83301.915030000004</v>
      </c>
      <c r="O6320">
        <v>19667.582740000002</v>
      </c>
      <c r="P6320">
        <v>25914.137859999999</v>
      </c>
      <c r="Q6320">
        <v>98412.600109999999</v>
      </c>
      <c r="R6320">
        <v>16448.191149999999</v>
      </c>
      <c r="S6320">
        <v>82694.391759999999</v>
      </c>
      <c r="T6320">
        <v>22201.234949999998</v>
      </c>
      <c r="U6320">
        <v>17343.741569999998</v>
      </c>
      <c r="W6320" s="83">
        <f>Bühler!N6352</f>
        <v>45555.249999984677</v>
      </c>
      <c r="X6320" s="83">
        <v>43364.25</v>
      </c>
      <c r="Y6320">
        <v>271660.20069999999</v>
      </c>
      <c r="Z6320">
        <v>19088.830020000001</v>
      </c>
      <c r="AA6320">
        <v>79401.873189999998</v>
      </c>
      <c r="AB6320">
        <v>44446.572690000001</v>
      </c>
      <c r="AC6320">
        <v>39401.684459999997</v>
      </c>
      <c r="AD6320">
        <v>32596.167119999998</v>
      </c>
      <c r="AE6320">
        <v>41295.786930000002</v>
      </c>
      <c r="AF6320">
        <v>47630.534449999999</v>
      </c>
      <c r="AG6320">
        <v>18194.303879999999</v>
      </c>
      <c r="AH6320">
        <v>320271.75559999997</v>
      </c>
      <c r="AI6320">
        <v>83301.915030000004</v>
      </c>
      <c r="AJ6320">
        <v>19667.582740000002</v>
      </c>
      <c r="AK6320">
        <v>25914.137859999999</v>
      </c>
      <c r="AL6320">
        <v>98412.600109999999</v>
      </c>
      <c r="AM6320">
        <v>16448.191149999999</v>
      </c>
      <c r="AN6320">
        <v>82694.391759999999</v>
      </c>
      <c r="AO6320">
        <v>22201.234949999998</v>
      </c>
      <c r="AP6320">
        <v>17343.741569999998</v>
      </c>
    </row>
    <row r="6321" spans="2:42" x14ac:dyDescent="0.3">
      <c r="B6321">
        <v>64.328448223941706</v>
      </c>
      <c r="C6321" s="83">
        <v>43364.291666666664</v>
      </c>
      <c r="D6321">
        <v>284885.30719999998</v>
      </c>
      <c r="E6321">
        <v>23578.893789999998</v>
      </c>
      <c r="F6321">
        <v>84100.652969999996</v>
      </c>
      <c r="G6321">
        <v>56271.871339999998</v>
      </c>
      <c r="H6321">
        <v>44422.236980000001</v>
      </c>
      <c r="I6321">
        <v>40787.524870000001</v>
      </c>
      <c r="J6321">
        <v>42204.643649999998</v>
      </c>
      <c r="K6321">
        <v>53022.107790000002</v>
      </c>
      <c r="L6321">
        <v>20994.850050000001</v>
      </c>
      <c r="M6321">
        <v>327976.42810000002</v>
      </c>
      <c r="N6321">
        <v>87019.121719999996</v>
      </c>
      <c r="O6321">
        <v>22069.864750000001</v>
      </c>
      <c r="P6321">
        <v>29642.372289999999</v>
      </c>
      <c r="Q6321">
        <v>97545.111309999993</v>
      </c>
      <c r="R6321">
        <v>18925.502260000001</v>
      </c>
      <c r="S6321">
        <v>98079.378159999993</v>
      </c>
      <c r="T6321">
        <v>27053.183580000001</v>
      </c>
      <c r="U6321">
        <v>21640.77923</v>
      </c>
      <c r="W6321" s="83">
        <f>Bühler!N6353</f>
        <v>45555.291666651341</v>
      </c>
      <c r="X6321" s="83">
        <v>43364.291666666664</v>
      </c>
      <c r="Y6321">
        <v>284885.30719999998</v>
      </c>
      <c r="Z6321">
        <v>23578.893789999998</v>
      </c>
      <c r="AA6321">
        <v>84100.652969999996</v>
      </c>
      <c r="AB6321">
        <v>56271.871339999998</v>
      </c>
      <c r="AC6321">
        <v>44422.236980000001</v>
      </c>
      <c r="AD6321">
        <v>40787.524870000001</v>
      </c>
      <c r="AE6321">
        <v>42204.643649999998</v>
      </c>
      <c r="AF6321">
        <v>53022.107790000002</v>
      </c>
      <c r="AG6321">
        <v>20994.850050000001</v>
      </c>
      <c r="AH6321">
        <v>327976.42810000002</v>
      </c>
      <c r="AI6321">
        <v>87019.121719999996</v>
      </c>
      <c r="AJ6321">
        <v>22069.864750000001</v>
      </c>
      <c r="AK6321">
        <v>29642.372289999999</v>
      </c>
      <c r="AL6321">
        <v>97545.111309999993</v>
      </c>
      <c r="AM6321">
        <v>18925.502260000001</v>
      </c>
      <c r="AN6321">
        <v>98079.378159999993</v>
      </c>
      <c r="AO6321">
        <v>27053.183580000001</v>
      </c>
      <c r="AP6321">
        <v>21640.77923</v>
      </c>
    </row>
    <row r="6322" spans="2:42" x14ac:dyDescent="0.3">
      <c r="B6322">
        <v>64.491703160656797</v>
      </c>
      <c r="C6322" s="83">
        <v>43364.333333333336</v>
      </c>
      <c r="D6322">
        <v>293773.01819999999</v>
      </c>
      <c r="E6322">
        <v>29772.852500000001</v>
      </c>
      <c r="F6322">
        <v>89928.237599999993</v>
      </c>
      <c r="G6322">
        <v>70845.280979999996</v>
      </c>
      <c r="H6322">
        <v>48584.014389999997</v>
      </c>
      <c r="I6322">
        <v>43054.111499999999</v>
      </c>
      <c r="J6322">
        <v>42616.48861</v>
      </c>
      <c r="K6322">
        <v>58439.976710000003</v>
      </c>
      <c r="L6322">
        <v>23464.363819999999</v>
      </c>
      <c r="M6322">
        <v>328808.77789999999</v>
      </c>
      <c r="N6322">
        <v>92019.499670000005</v>
      </c>
      <c r="O6322">
        <v>23200.490440000001</v>
      </c>
      <c r="P6322">
        <v>31406.43118</v>
      </c>
      <c r="Q6322">
        <v>97316.943419999996</v>
      </c>
      <c r="R6322">
        <v>20524.07879</v>
      </c>
      <c r="S6322">
        <v>109002.61350000001</v>
      </c>
      <c r="T6322">
        <v>29710.174879999999</v>
      </c>
      <c r="U6322">
        <v>24473.353139999999</v>
      </c>
      <c r="W6322" s="83">
        <f>Bühler!N6354</f>
        <v>45555.333333318005</v>
      </c>
      <c r="X6322" s="83">
        <v>43364.333333333336</v>
      </c>
      <c r="Y6322">
        <v>293773.01819999999</v>
      </c>
      <c r="Z6322">
        <v>29772.852500000001</v>
      </c>
      <c r="AA6322">
        <v>89928.237599999993</v>
      </c>
      <c r="AB6322">
        <v>70845.280979999996</v>
      </c>
      <c r="AC6322">
        <v>48584.014389999997</v>
      </c>
      <c r="AD6322">
        <v>43054.111499999999</v>
      </c>
      <c r="AE6322">
        <v>42616.48861</v>
      </c>
      <c r="AF6322">
        <v>58439.976710000003</v>
      </c>
      <c r="AG6322">
        <v>23464.363819999999</v>
      </c>
      <c r="AH6322">
        <v>328808.77789999999</v>
      </c>
      <c r="AI6322">
        <v>92019.499670000005</v>
      </c>
      <c r="AJ6322">
        <v>23200.490440000001</v>
      </c>
      <c r="AK6322">
        <v>31406.43118</v>
      </c>
      <c r="AL6322">
        <v>97316.943419999996</v>
      </c>
      <c r="AM6322">
        <v>20524.07879</v>
      </c>
      <c r="AN6322">
        <v>109002.61350000001</v>
      </c>
      <c r="AO6322">
        <v>29710.174879999999</v>
      </c>
      <c r="AP6322">
        <v>24473.353139999999</v>
      </c>
    </row>
    <row r="6323" spans="2:42" x14ac:dyDescent="0.3">
      <c r="B6323">
        <v>64.600467711172058</v>
      </c>
      <c r="C6323" s="83">
        <v>43364.375</v>
      </c>
      <c r="D6323">
        <v>295922.8297</v>
      </c>
      <c r="E6323">
        <v>33578.392339999999</v>
      </c>
      <c r="F6323">
        <v>95093.097859999994</v>
      </c>
      <c r="G6323">
        <v>80367.466679999998</v>
      </c>
      <c r="H6323">
        <v>51355.339070000002</v>
      </c>
      <c r="I6323">
        <v>41795.326760000004</v>
      </c>
      <c r="J6323">
        <v>43823.106350000002</v>
      </c>
      <c r="K6323">
        <v>61380.662669999998</v>
      </c>
      <c r="L6323">
        <v>26617.75821</v>
      </c>
      <c r="M6323">
        <v>329363.31030000001</v>
      </c>
      <c r="N6323">
        <v>94248.567129999996</v>
      </c>
      <c r="O6323">
        <v>24008.820070000002</v>
      </c>
      <c r="P6323">
        <v>34099.878479999999</v>
      </c>
      <c r="Q6323">
        <v>98563.04711</v>
      </c>
      <c r="R6323">
        <v>20954.449659999998</v>
      </c>
      <c r="S6323">
        <v>116064.4719</v>
      </c>
      <c r="T6323">
        <v>32075.034879999999</v>
      </c>
      <c r="U6323">
        <v>25604.574799999999</v>
      </c>
      <c r="W6323" s="83">
        <f>Bühler!N6355</f>
        <v>45555.37499998467</v>
      </c>
      <c r="X6323" s="83">
        <v>43364.375</v>
      </c>
      <c r="Y6323">
        <v>295922.8297</v>
      </c>
      <c r="Z6323">
        <v>33578.392339999999</v>
      </c>
      <c r="AA6323">
        <v>95093.097859999994</v>
      </c>
      <c r="AB6323">
        <v>80367.466679999998</v>
      </c>
      <c r="AC6323">
        <v>51355.339070000002</v>
      </c>
      <c r="AD6323">
        <v>41795.326760000004</v>
      </c>
      <c r="AE6323">
        <v>43823.106350000002</v>
      </c>
      <c r="AF6323">
        <v>61380.662669999998</v>
      </c>
      <c r="AG6323">
        <v>26617.75821</v>
      </c>
      <c r="AH6323">
        <v>329363.31030000001</v>
      </c>
      <c r="AI6323">
        <v>94248.567129999996</v>
      </c>
      <c r="AJ6323">
        <v>24008.820070000002</v>
      </c>
      <c r="AK6323">
        <v>34099.878479999999</v>
      </c>
      <c r="AL6323">
        <v>98563.04711</v>
      </c>
      <c r="AM6323">
        <v>20954.449659999998</v>
      </c>
      <c r="AN6323">
        <v>116064.4719</v>
      </c>
      <c r="AO6323">
        <v>32075.034879999999</v>
      </c>
      <c r="AP6323">
        <v>25604.574799999999</v>
      </c>
    </row>
    <row r="6324" spans="2:42" x14ac:dyDescent="0.3">
      <c r="B6324">
        <v>65.022533025655363</v>
      </c>
      <c r="C6324" s="83">
        <v>43364.416666666664</v>
      </c>
      <c r="D6324">
        <v>294580.72580000001</v>
      </c>
      <c r="E6324">
        <v>35584.008779999996</v>
      </c>
      <c r="F6324">
        <v>97335.458230000004</v>
      </c>
      <c r="G6324">
        <v>81807.177280000004</v>
      </c>
      <c r="H6324">
        <v>51744.590600000003</v>
      </c>
      <c r="I6324">
        <v>38779.340219999998</v>
      </c>
      <c r="J6324">
        <v>44132.584410000003</v>
      </c>
      <c r="K6324">
        <v>61634.983310000003</v>
      </c>
      <c r="L6324">
        <v>28963.451880000001</v>
      </c>
      <c r="M6324">
        <v>331515.1961</v>
      </c>
      <c r="N6324">
        <v>97301.96342</v>
      </c>
      <c r="O6324">
        <v>24140.4058</v>
      </c>
      <c r="P6324">
        <v>35448.255980000002</v>
      </c>
      <c r="Q6324">
        <v>98863.847099999999</v>
      </c>
      <c r="R6324">
        <v>22137.689890000001</v>
      </c>
      <c r="S6324">
        <v>116134.5857</v>
      </c>
      <c r="T6324">
        <v>34341.08496</v>
      </c>
      <c r="U6324">
        <v>24672.696209999998</v>
      </c>
      <c r="W6324" s="83">
        <f>Bühler!N6356</f>
        <v>45555.416666651334</v>
      </c>
      <c r="X6324" s="83">
        <v>43364.416666666664</v>
      </c>
      <c r="Y6324">
        <v>294580.72580000001</v>
      </c>
      <c r="Z6324">
        <v>35584.008779999996</v>
      </c>
      <c r="AA6324">
        <v>97335.458230000004</v>
      </c>
      <c r="AB6324">
        <v>81807.177280000004</v>
      </c>
      <c r="AC6324">
        <v>51744.590600000003</v>
      </c>
      <c r="AD6324">
        <v>38779.340219999998</v>
      </c>
      <c r="AE6324">
        <v>44132.584410000003</v>
      </c>
      <c r="AF6324">
        <v>61634.983310000003</v>
      </c>
      <c r="AG6324">
        <v>28963.451880000001</v>
      </c>
      <c r="AH6324">
        <v>331515.1961</v>
      </c>
      <c r="AI6324">
        <v>97301.96342</v>
      </c>
      <c r="AJ6324">
        <v>24140.4058</v>
      </c>
      <c r="AK6324">
        <v>35448.255980000002</v>
      </c>
      <c r="AL6324">
        <v>98863.847099999999</v>
      </c>
      <c r="AM6324">
        <v>22137.689890000001</v>
      </c>
      <c r="AN6324">
        <v>116134.5857</v>
      </c>
      <c r="AO6324">
        <v>34341.08496</v>
      </c>
      <c r="AP6324">
        <v>24672.696209999998</v>
      </c>
    </row>
    <row r="6325" spans="2:42" x14ac:dyDescent="0.3">
      <c r="B6325">
        <v>65.3189007563915</v>
      </c>
      <c r="C6325" s="83">
        <v>43364.458333333336</v>
      </c>
      <c r="D6325">
        <v>290719.75819999998</v>
      </c>
      <c r="E6325">
        <v>35533.40178</v>
      </c>
      <c r="F6325">
        <v>97165.461039999995</v>
      </c>
      <c r="G6325">
        <v>81298.335569999996</v>
      </c>
      <c r="H6325">
        <v>51126.301270000004</v>
      </c>
      <c r="I6325">
        <v>38097.260849999999</v>
      </c>
      <c r="J6325">
        <v>44104.643660000002</v>
      </c>
      <c r="K6325">
        <v>61718.928169999999</v>
      </c>
      <c r="L6325">
        <v>31432.60096</v>
      </c>
      <c r="M6325">
        <v>333026.217</v>
      </c>
      <c r="N6325">
        <v>97591.435169999997</v>
      </c>
      <c r="O6325">
        <v>24954.442500000001</v>
      </c>
      <c r="P6325">
        <v>35207.023889999997</v>
      </c>
      <c r="Q6325">
        <v>99351.218250000005</v>
      </c>
      <c r="R6325">
        <v>23561.069469999999</v>
      </c>
      <c r="S6325">
        <v>118325.0248</v>
      </c>
      <c r="T6325">
        <v>34298.95003</v>
      </c>
      <c r="U6325">
        <v>24076.658060000002</v>
      </c>
      <c r="W6325" s="83">
        <f>Bühler!N6357</f>
        <v>45555.458333317998</v>
      </c>
      <c r="X6325" s="83">
        <v>43364.458333333336</v>
      </c>
      <c r="Y6325">
        <v>290719.75819999998</v>
      </c>
      <c r="Z6325">
        <v>35533.40178</v>
      </c>
      <c r="AA6325">
        <v>97165.461039999995</v>
      </c>
      <c r="AB6325">
        <v>81298.335569999996</v>
      </c>
      <c r="AC6325">
        <v>51126.301270000004</v>
      </c>
      <c r="AD6325">
        <v>38097.260849999999</v>
      </c>
      <c r="AE6325">
        <v>44104.643660000002</v>
      </c>
      <c r="AF6325">
        <v>61718.928169999999</v>
      </c>
      <c r="AG6325">
        <v>31432.60096</v>
      </c>
      <c r="AH6325">
        <v>333026.217</v>
      </c>
      <c r="AI6325">
        <v>97591.435169999997</v>
      </c>
      <c r="AJ6325">
        <v>24954.442500000001</v>
      </c>
      <c r="AK6325">
        <v>35207.023889999997</v>
      </c>
      <c r="AL6325">
        <v>99351.218250000005</v>
      </c>
      <c r="AM6325">
        <v>23561.069469999999</v>
      </c>
      <c r="AN6325">
        <v>118325.0248</v>
      </c>
      <c r="AO6325">
        <v>34298.95003</v>
      </c>
      <c r="AP6325">
        <v>24076.658060000002</v>
      </c>
    </row>
    <row r="6326" spans="2:42" x14ac:dyDescent="0.3">
      <c r="B6326">
        <v>64.156076663347477</v>
      </c>
      <c r="C6326" s="83">
        <v>43364.5</v>
      </c>
      <c r="D6326">
        <v>277440.3554</v>
      </c>
      <c r="E6326">
        <v>32203.648379999999</v>
      </c>
      <c r="F6326">
        <v>95624.583159999995</v>
      </c>
      <c r="G6326">
        <v>78897.253119999994</v>
      </c>
      <c r="H6326">
        <v>48840.696369999998</v>
      </c>
      <c r="I6326">
        <v>36930.126279999997</v>
      </c>
      <c r="J6326">
        <v>43969.481319999999</v>
      </c>
      <c r="K6326">
        <v>57927.476569999999</v>
      </c>
      <c r="L6326">
        <v>33589.578280000002</v>
      </c>
      <c r="M6326">
        <v>327097.59749999997</v>
      </c>
      <c r="N6326">
        <v>95699.629520000002</v>
      </c>
      <c r="O6326">
        <v>24251.176920000002</v>
      </c>
      <c r="P6326">
        <v>36303.660400000001</v>
      </c>
      <c r="Q6326">
        <v>98348.710699999996</v>
      </c>
      <c r="R6326">
        <v>25027.64688</v>
      </c>
      <c r="S6326">
        <v>112027.9797</v>
      </c>
      <c r="T6326">
        <v>33943.237099999998</v>
      </c>
      <c r="U6326">
        <v>18774.69327</v>
      </c>
      <c r="W6326" s="83">
        <f>Bühler!N6358</f>
        <v>45555.499999984662</v>
      </c>
      <c r="X6326" s="83">
        <v>43364.5</v>
      </c>
      <c r="Y6326">
        <v>277440.3554</v>
      </c>
      <c r="Z6326">
        <v>32203.648379999999</v>
      </c>
      <c r="AA6326">
        <v>95624.583159999995</v>
      </c>
      <c r="AB6326">
        <v>78897.253119999994</v>
      </c>
      <c r="AC6326">
        <v>48840.696369999998</v>
      </c>
      <c r="AD6326">
        <v>36930.126279999997</v>
      </c>
      <c r="AE6326">
        <v>43969.481319999999</v>
      </c>
      <c r="AF6326">
        <v>57927.476569999999</v>
      </c>
      <c r="AG6326">
        <v>33589.578280000002</v>
      </c>
      <c r="AH6326">
        <v>327097.59749999997</v>
      </c>
      <c r="AI6326">
        <v>95699.629520000002</v>
      </c>
      <c r="AJ6326">
        <v>24251.176920000002</v>
      </c>
      <c r="AK6326">
        <v>36303.660400000001</v>
      </c>
      <c r="AL6326">
        <v>98348.710699999996</v>
      </c>
      <c r="AM6326">
        <v>25027.64688</v>
      </c>
      <c r="AN6326">
        <v>112027.9797</v>
      </c>
      <c r="AO6326">
        <v>33943.237099999998</v>
      </c>
      <c r="AP6326">
        <v>18774.69327</v>
      </c>
    </row>
    <row r="6327" spans="2:42" x14ac:dyDescent="0.3">
      <c r="B6327">
        <v>63.507165308814344</v>
      </c>
      <c r="C6327" s="83">
        <v>43364.541666666664</v>
      </c>
      <c r="D6327">
        <v>274326.28980000003</v>
      </c>
      <c r="E6327">
        <v>32103.9647</v>
      </c>
      <c r="F6327">
        <v>94596.413690000001</v>
      </c>
      <c r="G6327">
        <v>74231.416840000005</v>
      </c>
      <c r="H6327">
        <v>48039.421549999999</v>
      </c>
      <c r="I6327">
        <v>36868.523930000003</v>
      </c>
      <c r="J6327">
        <v>43196.747609999999</v>
      </c>
      <c r="K6327">
        <v>59174.489099999999</v>
      </c>
      <c r="L6327">
        <v>32399.33496</v>
      </c>
      <c r="M6327">
        <v>323789.14480000001</v>
      </c>
      <c r="N6327">
        <v>95514.864929999996</v>
      </c>
      <c r="O6327">
        <v>24902.6633</v>
      </c>
      <c r="P6327">
        <v>35560.006090000003</v>
      </c>
      <c r="Q6327">
        <v>97107.178910000002</v>
      </c>
      <c r="R6327">
        <v>25619.97925</v>
      </c>
      <c r="S6327">
        <v>111267.4163</v>
      </c>
      <c r="T6327">
        <v>33252.70637</v>
      </c>
      <c r="U6327">
        <v>21579.09664</v>
      </c>
      <c r="W6327" s="83">
        <f>Bühler!N6359</f>
        <v>45555.541666651327</v>
      </c>
      <c r="X6327" s="83">
        <v>43364.541666666664</v>
      </c>
      <c r="Y6327">
        <v>274326.28980000003</v>
      </c>
      <c r="Z6327">
        <v>32103.9647</v>
      </c>
      <c r="AA6327">
        <v>94596.413690000001</v>
      </c>
      <c r="AB6327">
        <v>74231.416840000005</v>
      </c>
      <c r="AC6327">
        <v>48039.421549999999</v>
      </c>
      <c r="AD6327">
        <v>36868.523930000003</v>
      </c>
      <c r="AE6327">
        <v>43196.747609999999</v>
      </c>
      <c r="AF6327">
        <v>59174.489099999999</v>
      </c>
      <c r="AG6327">
        <v>32399.33496</v>
      </c>
      <c r="AH6327">
        <v>323789.14480000001</v>
      </c>
      <c r="AI6327">
        <v>95514.864929999996</v>
      </c>
      <c r="AJ6327">
        <v>24902.6633</v>
      </c>
      <c r="AK6327">
        <v>35560.006090000003</v>
      </c>
      <c r="AL6327">
        <v>97107.178910000002</v>
      </c>
      <c r="AM6327">
        <v>25619.97925</v>
      </c>
      <c r="AN6327">
        <v>111267.4163</v>
      </c>
      <c r="AO6327">
        <v>33252.70637</v>
      </c>
      <c r="AP6327">
        <v>21579.09664</v>
      </c>
    </row>
    <row r="6328" spans="2:42" x14ac:dyDescent="0.3">
      <c r="B6328">
        <v>63.328912234449362</v>
      </c>
      <c r="C6328" s="83">
        <v>43364.583333333336</v>
      </c>
      <c r="D6328">
        <v>273471.7255</v>
      </c>
      <c r="E6328">
        <v>34974.836369999997</v>
      </c>
      <c r="F6328">
        <v>95381.666580000005</v>
      </c>
      <c r="G6328">
        <v>66718.422829999996</v>
      </c>
      <c r="H6328">
        <v>47850.73919</v>
      </c>
      <c r="I6328">
        <v>36715.36954</v>
      </c>
      <c r="J6328">
        <v>42640.457139999999</v>
      </c>
      <c r="K6328">
        <v>61830.195729999999</v>
      </c>
      <c r="L6328">
        <v>28943.4175</v>
      </c>
      <c r="M6328">
        <v>322880.32750000001</v>
      </c>
      <c r="N6328">
        <v>94473.065849999999</v>
      </c>
      <c r="O6328">
        <v>24136.18923</v>
      </c>
      <c r="P6328">
        <v>31944.464980000001</v>
      </c>
      <c r="Q6328">
        <v>96210.650320000001</v>
      </c>
      <c r="R6328">
        <v>24913.762900000002</v>
      </c>
      <c r="S6328">
        <v>106906.26549999999</v>
      </c>
      <c r="T6328">
        <v>31710.343219999999</v>
      </c>
      <c r="U6328">
        <v>21312.809280000001</v>
      </c>
      <c r="W6328" s="83">
        <f>Bühler!N6360</f>
        <v>45555.583333317991</v>
      </c>
      <c r="X6328" s="83">
        <v>43364.583333333336</v>
      </c>
      <c r="Y6328">
        <v>273471.7255</v>
      </c>
      <c r="Z6328">
        <v>34974.836369999997</v>
      </c>
      <c r="AA6328">
        <v>95381.666580000005</v>
      </c>
      <c r="AB6328">
        <v>66718.422829999996</v>
      </c>
      <c r="AC6328">
        <v>47850.73919</v>
      </c>
      <c r="AD6328">
        <v>36715.36954</v>
      </c>
      <c r="AE6328">
        <v>42640.457139999999</v>
      </c>
      <c r="AF6328">
        <v>61830.195729999999</v>
      </c>
      <c r="AG6328">
        <v>28943.4175</v>
      </c>
      <c r="AH6328">
        <v>322880.32750000001</v>
      </c>
      <c r="AI6328">
        <v>94473.065849999999</v>
      </c>
      <c r="AJ6328">
        <v>24136.18923</v>
      </c>
      <c r="AK6328">
        <v>31944.464980000001</v>
      </c>
      <c r="AL6328">
        <v>96210.650320000001</v>
      </c>
      <c r="AM6328">
        <v>24913.762900000002</v>
      </c>
      <c r="AN6328">
        <v>106906.26549999999</v>
      </c>
      <c r="AO6328">
        <v>31710.343219999999</v>
      </c>
      <c r="AP6328">
        <v>21312.809280000001</v>
      </c>
    </row>
    <row r="6329" spans="2:42" x14ac:dyDescent="0.3">
      <c r="B6329">
        <v>62.218451554654344</v>
      </c>
      <c r="C6329" s="83">
        <v>43364.625</v>
      </c>
      <c r="D6329">
        <v>269867.14360000001</v>
      </c>
      <c r="E6329">
        <v>34489.533629999998</v>
      </c>
      <c r="F6329">
        <v>97249.115760000001</v>
      </c>
      <c r="G6329">
        <v>61555.491849999999</v>
      </c>
      <c r="H6329">
        <v>46439.93103</v>
      </c>
      <c r="I6329">
        <v>37319.341209999999</v>
      </c>
      <c r="J6329">
        <v>42274.75073</v>
      </c>
      <c r="K6329">
        <v>59785.873540000001</v>
      </c>
      <c r="L6329">
        <v>26298.879919999999</v>
      </c>
      <c r="M6329">
        <v>317218.68109999999</v>
      </c>
      <c r="N6329">
        <v>92622.203510000007</v>
      </c>
      <c r="O6329">
        <v>23428.903409999999</v>
      </c>
      <c r="P6329">
        <v>28975.47738</v>
      </c>
      <c r="Q6329">
        <v>95123.53774</v>
      </c>
      <c r="R6329">
        <v>24489.206709999999</v>
      </c>
      <c r="S6329">
        <v>103214.58040000001</v>
      </c>
      <c r="T6329">
        <v>30447.54103</v>
      </c>
      <c r="U6329">
        <v>19898.230899999999</v>
      </c>
      <c r="W6329" s="83">
        <f>Bühler!N6361</f>
        <v>45555.624999984655</v>
      </c>
      <c r="X6329" s="83">
        <v>43364.625</v>
      </c>
      <c r="Y6329">
        <v>269867.14360000001</v>
      </c>
      <c r="Z6329">
        <v>34489.533629999998</v>
      </c>
      <c r="AA6329">
        <v>97249.115760000001</v>
      </c>
      <c r="AB6329">
        <v>61555.491849999999</v>
      </c>
      <c r="AC6329">
        <v>46439.93103</v>
      </c>
      <c r="AD6329">
        <v>37319.341209999999</v>
      </c>
      <c r="AE6329">
        <v>42274.75073</v>
      </c>
      <c r="AF6329">
        <v>59785.873540000001</v>
      </c>
      <c r="AG6329">
        <v>26298.879919999999</v>
      </c>
      <c r="AH6329">
        <v>317218.68109999999</v>
      </c>
      <c r="AI6329">
        <v>92622.203510000007</v>
      </c>
      <c r="AJ6329">
        <v>23428.903409999999</v>
      </c>
      <c r="AK6329">
        <v>28975.47738</v>
      </c>
      <c r="AL6329">
        <v>95123.53774</v>
      </c>
      <c r="AM6329">
        <v>24489.206709999999</v>
      </c>
      <c r="AN6329">
        <v>103214.58040000001</v>
      </c>
      <c r="AO6329">
        <v>30447.54103</v>
      </c>
      <c r="AP6329">
        <v>19898.230899999999</v>
      </c>
    </row>
    <row r="6330" spans="2:42" x14ac:dyDescent="0.3">
      <c r="B6330">
        <v>61.540422679274137</v>
      </c>
      <c r="C6330" s="83">
        <v>43364.666666666664</v>
      </c>
      <c r="D6330">
        <v>261681.66279999999</v>
      </c>
      <c r="E6330">
        <v>33321.051319999999</v>
      </c>
      <c r="F6330">
        <v>95374.773199999996</v>
      </c>
      <c r="G6330">
        <v>55944.645129999997</v>
      </c>
      <c r="H6330">
        <v>44960.09117</v>
      </c>
      <c r="I6330">
        <v>38585.818829999997</v>
      </c>
      <c r="J6330">
        <v>41579.02751</v>
      </c>
      <c r="K6330">
        <v>55127.524839999998</v>
      </c>
      <c r="L6330">
        <v>25222.141909999998</v>
      </c>
      <c r="M6330">
        <v>313761.77370000002</v>
      </c>
      <c r="N6330">
        <v>90395.084910000005</v>
      </c>
      <c r="O6330">
        <v>22567.159800000001</v>
      </c>
      <c r="P6330">
        <v>28099.557809999998</v>
      </c>
      <c r="Q6330">
        <v>93559.602159999995</v>
      </c>
      <c r="R6330">
        <v>24465.577829999998</v>
      </c>
      <c r="S6330">
        <v>100026.86599999999</v>
      </c>
      <c r="T6330">
        <v>30828.916499999999</v>
      </c>
      <c r="U6330">
        <v>17415.33079</v>
      </c>
      <c r="W6330" s="83">
        <f>Bühler!N6362</f>
        <v>45555.666666651319</v>
      </c>
      <c r="X6330" s="83">
        <v>43364.666666666664</v>
      </c>
      <c r="Y6330">
        <v>261681.66279999999</v>
      </c>
      <c r="Z6330">
        <v>33321.051319999999</v>
      </c>
      <c r="AA6330">
        <v>95374.773199999996</v>
      </c>
      <c r="AB6330">
        <v>55944.645129999997</v>
      </c>
      <c r="AC6330">
        <v>44960.09117</v>
      </c>
      <c r="AD6330">
        <v>38585.818829999997</v>
      </c>
      <c r="AE6330">
        <v>41579.02751</v>
      </c>
      <c r="AF6330">
        <v>55127.524839999998</v>
      </c>
      <c r="AG6330">
        <v>25222.141909999998</v>
      </c>
      <c r="AH6330">
        <v>313761.77370000002</v>
      </c>
      <c r="AI6330">
        <v>90395.084910000005</v>
      </c>
      <c r="AJ6330">
        <v>22567.159800000001</v>
      </c>
      <c r="AK6330">
        <v>28099.557809999998</v>
      </c>
      <c r="AL6330">
        <v>93559.602159999995</v>
      </c>
      <c r="AM6330">
        <v>24465.577829999998</v>
      </c>
      <c r="AN6330">
        <v>100026.86599999999</v>
      </c>
      <c r="AO6330">
        <v>30828.916499999999</v>
      </c>
      <c r="AP6330">
        <v>17415.33079</v>
      </c>
    </row>
    <row r="6331" spans="2:42" x14ac:dyDescent="0.3">
      <c r="B6331">
        <v>59.873224088581935</v>
      </c>
      <c r="C6331" s="83">
        <v>43364.708333333336</v>
      </c>
      <c r="D6331">
        <v>250709.5098</v>
      </c>
      <c r="E6331">
        <v>31188.64846</v>
      </c>
      <c r="F6331">
        <v>93301.718259999994</v>
      </c>
      <c r="G6331">
        <v>47155.766750000003</v>
      </c>
      <c r="H6331">
        <v>42670.84994</v>
      </c>
      <c r="I6331">
        <v>39256.166160000001</v>
      </c>
      <c r="J6331">
        <v>41407.174200000001</v>
      </c>
      <c r="K6331">
        <v>51654.575839999998</v>
      </c>
      <c r="L6331">
        <v>26300.681939999999</v>
      </c>
      <c r="M6331">
        <v>305261.61780000001</v>
      </c>
      <c r="N6331">
        <v>87965.125830000004</v>
      </c>
      <c r="O6331">
        <v>21317.031080000001</v>
      </c>
      <c r="P6331">
        <v>29532.205249999999</v>
      </c>
      <c r="Q6331">
        <v>91632.582880000002</v>
      </c>
      <c r="R6331">
        <v>23356.42671</v>
      </c>
      <c r="S6331">
        <v>96818.052119999993</v>
      </c>
      <c r="T6331">
        <v>29736.50619</v>
      </c>
      <c r="U6331">
        <v>16160.076639999999</v>
      </c>
      <c r="W6331" s="83">
        <f>Bühler!N6363</f>
        <v>45555.708333317983</v>
      </c>
      <c r="X6331" s="83">
        <v>43364.708333333336</v>
      </c>
      <c r="Y6331">
        <v>250709.5098</v>
      </c>
      <c r="Z6331">
        <v>31188.64846</v>
      </c>
      <c r="AA6331">
        <v>93301.718259999994</v>
      </c>
      <c r="AB6331">
        <v>47155.766750000003</v>
      </c>
      <c r="AC6331">
        <v>42670.84994</v>
      </c>
      <c r="AD6331">
        <v>39256.166160000001</v>
      </c>
      <c r="AE6331">
        <v>41407.174200000001</v>
      </c>
      <c r="AF6331">
        <v>51654.575839999998</v>
      </c>
      <c r="AG6331">
        <v>26300.681939999999</v>
      </c>
      <c r="AH6331">
        <v>305261.61780000001</v>
      </c>
      <c r="AI6331">
        <v>87965.125830000004</v>
      </c>
      <c r="AJ6331">
        <v>21317.031080000001</v>
      </c>
      <c r="AK6331">
        <v>29532.205249999999</v>
      </c>
      <c r="AL6331">
        <v>91632.582880000002</v>
      </c>
      <c r="AM6331">
        <v>23356.42671</v>
      </c>
      <c r="AN6331">
        <v>96818.052119999993</v>
      </c>
      <c r="AO6331">
        <v>29736.50619</v>
      </c>
      <c r="AP6331">
        <v>16160.076639999999</v>
      </c>
    </row>
    <row r="6332" spans="2:42" x14ac:dyDescent="0.3">
      <c r="B6332">
        <v>58.127280837618812</v>
      </c>
      <c r="C6332" s="83">
        <v>43364.75</v>
      </c>
      <c r="D6332">
        <v>243461.59959999999</v>
      </c>
      <c r="E6332">
        <v>28374.31482</v>
      </c>
      <c r="F6332">
        <v>91863.951079999999</v>
      </c>
      <c r="G6332">
        <v>40483.212670000001</v>
      </c>
      <c r="H6332">
        <v>41017.12631</v>
      </c>
      <c r="I6332">
        <v>37422.565159999998</v>
      </c>
      <c r="J6332">
        <v>41440.048309999998</v>
      </c>
      <c r="K6332">
        <v>49990.423949999997</v>
      </c>
      <c r="L6332">
        <v>27699.062750000001</v>
      </c>
      <c r="M6332">
        <v>296359.98489999998</v>
      </c>
      <c r="N6332">
        <v>85956.692469999995</v>
      </c>
      <c r="O6332">
        <v>19899.832829999999</v>
      </c>
      <c r="P6332">
        <v>32712.750789999998</v>
      </c>
      <c r="Q6332">
        <v>89728.025930000003</v>
      </c>
      <c r="R6332">
        <v>22576.637729999999</v>
      </c>
      <c r="S6332">
        <v>90931.26526</v>
      </c>
      <c r="T6332">
        <v>30123.23389</v>
      </c>
      <c r="U6332">
        <v>15067.001819999999</v>
      </c>
      <c r="W6332" s="83">
        <f>Bühler!N6364</f>
        <v>45555.749999984648</v>
      </c>
      <c r="X6332" s="83">
        <v>43364.75</v>
      </c>
      <c r="Y6332">
        <v>243461.59959999999</v>
      </c>
      <c r="Z6332">
        <v>28374.31482</v>
      </c>
      <c r="AA6332">
        <v>91863.951079999999</v>
      </c>
      <c r="AB6332">
        <v>40483.212670000001</v>
      </c>
      <c r="AC6332">
        <v>41017.12631</v>
      </c>
      <c r="AD6332">
        <v>37422.565159999998</v>
      </c>
      <c r="AE6332">
        <v>41440.048309999998</v>
      </c>
      <c r="AF6332">
        <v>49990.423949999997</v>
      </c>
      <c r="AG6332">
        <v>27699.062750000001</v>
      </c>
      <c r="AH6332">
        <v>296359.98489999998</v>
      </c>
      <c r="AI6332">
        <v>85956.692469999995</v>
      </c>
      <c r="AJ6332">
        <v>19899.832829999999</v>
      </c>
      <c r="AK6332">
        <v>32712.750789999998</v>
      </c>
      <c r="AL6332">
        <v>89728.025930000003</v>
      </c>
      <c r="AM6332">
        <v>22576.637729999999</v>
      </c>
      <c r="AN6332">
        <v>90931.26526</v>
      </c>
      <c r="AO6332">
        <v>30123.23389</v>
      </c>
      <c r="AP6332">
        <v>15067.001819999999</v>
      </c>
    </row>
    <row r="6333" spans="2:42" x14ac:dyDescent="0.3">
      <c r="B6333">
        <v>57.00104306043707</v>
      </c>
      <c r="C6333" s="83">
        <v>43364.791666666664</v>
      </c>
      <c r="D6333">
        <v>235314.1537</v>
      </c>
      <c r="E6333">
        <v>22937.64587</v>
      </c>
      <c r="F6333">
        <v>82553.624030000006</v>
      </c>
      <c r="G6333">
        <v>37427.542099999999</v>
      </c>
      <c r="H6333">
        <v>39959.01382</v>
      </c>
      <c r="I6333">
        <v>34857.919529999999</v>
      </c>
      <c r="J6333">
        <v>41678.198429999997</v>
      </c>
      <c r="K6333">
        <v>49643.897729999997</v>
      </c>
      <c r="L6333">
        <v>29100.102449999998</v>
      </c>
      <c r="M6333">
        <v>290617.8995</v>
      </c>
      <c r="N6333">
        <v>84336.002259999994</v>
      </c>
      <c r="O6333">
        <v>18906.458699999999</v>
      </c>
      <c r="P6333">
        <v>35403.384919999997</v>
      </c>
      <c r="Q6333">
        <v>85815.587549999997</v>
      </c>
      <c r="R6333">
        <v>22293.247739999999</v>
      </c>
      <c r="S6333">
        <v>88407.620819999996</v>
      </c>
      <c r="T6333">
        <v>30974.594990000001</v>
      </c>
      <c r="U6333">
        <v>14382.78824</v>
      </c>
      <c r="W6333" s="83">
        <f>Bühler!N6365</f>
        <v>45555.791666651312</v>
      </c>
      <c r="X6333" s="83">
        <v>43364.791666666664</v>
      </c>
      <c r="Y6333">
        <v>235314.1537</v>
      </c>
      <c r="Z6333">
        <v>22937.64587</v>
      </c>
      <c r="AA6333">
        <v>82553.624030000006</v>
      </c>
      <c r="AB6333">
        <v>37427.542099999999</v>
      </c>
      <c r="AC6333">
        <v>39959.01382</v>
      </c>
      <c r="AD6333">
        <v>34857.919529999999</v>
      </c>
      <c r="AE6333">
        <v>41678.198429999997</v>
      </c>
      <c r="AF6333">
        <v>49643.897729999997</v>
      </c>
      <c r="AG6333">
        <v>29100.102449999998</v>
      </c>
      <c r="AH6333">
        <v>290617.8995</v>
      </c>
      <c r="AI6333">
        <v>84336.002259999994</v>
      </c>
      <c r="AJ6333">
        <v>18906.458699999999</v>
      </c>
      <c r="AK6333">
        <v>35403.384919999997</v>
      </c>
      <c r="AL6333">
        <v>85815.587549999997</v>
      </c>
      <c r="AM6333">
        <v>22293.247739999999</v>
      </c>
      <c r="AN6333">
        <v>88407.620819999996</v>
      </c>
      <c r="AO6333">
        <v>30974.594990000001</v>
      </c>
      <c r="AP6333">
        <v>14382.78824</v>
      </c>
    </row>
    <row r="6334" spans="2:42" x14ac:dyDescent="0.3">
      <c r="B6334">
        <v>55.650960341766073</v>
      </c>
      <c r="C6334" s="83">
        <v>43364.833333333336</v>
      </c>
      <c r="D6334">
        <v>227446.2211</v>
      </c>
      <c r="E6334">
        <v>17285.64241</v>
      </c>
      <c r="F6334">
        <v>68398.906300000002</v>
      </c>
      <c r="G6334">
        <v>35534.878019999996</v>
      </c>
      <c r="H6334">
        <v>39551.560579999998</v>
      </c>
      <c r="I6334">
        <v>31846.722010000001</v>
      </c>
      <c r="J6334">
        <v>43618.805740000003</v>
      </c>
      <c r="K6334">
        <v>48464.919529999999</v>
      </c>
      <c r="L6334">
        <v>29721.754059999999</v>
      </c>
      <c r="M6334">
        <v>283734.54820000002</v>
      </c>
      <c r="N6334">
        <v>82252.667170000001</v>
      </c>
      <c r="O6334">
        <v>18744.026089999999</v>
      </c>
      <c r="P6334">
        <v>36526.23459</v>
      </c>
      <c r="Q6334">
        <v>82623.812489999997</v>
      </c>
      <c r="R6334">
        <v>21460.156299999999</v>
      </c>
      <c r="S6334">
        <v>81779.152350000004</v>
      </c>
      <c r="T6334">
        <v>30407.365519999999</v>
      </c>
      <c r="U6334">
        <v>14435.270979999999</v>
      </c>
      <c r="W6334" s="83">
        <f>Bühler!N6366</f>
        <v>45555.833333317976</v>
      </c>
      <c r="X6334" s="83">
        <v>43364.833333333336</v>
      </c>
      <c r="Y6334">
        <v>227446.2211</v>
      </c>
      <c r="Z6334">
        <v>17285.64241</v>
      </c>
      <c r="AA6334">
        <v>68398.906300000002</v>
      </c>
      <c r="AB6334">
        <v>35534.878019999996</v>
      </c>
      <c r="AC6334">
        <v>39551.560579999998</v>
      </c>
      <c r="AD6334">
        <v>31846.722010000001</v>
      </c>
      <c r="AE6334">
        <v>43618.805740000003</v>
      </c>
      <c r="AF6334">
        <v>48464.919529999999</v>
      </c>
      <c r="AG6334">
        <v>29721.754059999999</v>
      </c>
      <c r="AH6334">
        <v>283734.54820000002</v>
      </c>
      <c r="AI6334">
        <v>82252.667170000001</v>
      </c>
      <c r="AJ6334">
        <v>18744.026089999999</v>
      </c>
      <c r="AK6334">
        <v>36526.23459</v>
      </c>
      <c r="AL6334">
        <v>82623.812489999997</v>
      </c>
      <c r="AM6334">
        <v>21460.156299999999</v>
      </c>
      <c r="AN6334">
        <v>81779.152350000004</v>
      </c>
      <c r="AO6334">
        <v>30407.365519999999</v>
      </c>
      <c r="AP6334">
        <v>14435.270979999999</v>
      </c>
    </row>
    <row r="6335" spans="2:42" x14ac:dyDescent="0.3">
      <c r="B6335">
        <v>54.120721329340327</v>
      </c>
      <c r="C6335" s="83">
        <v>43364.875</v>
      </c>
      <c r="D6335">
        <v>220577.8437</v>
      </c>
      <c r="E6335">
        <v>14512.310719999999</v>
      </c>
      <c r="F6335">
        <v>58955.452499999999</v>
      </c>
      <c r="G6335">
        <v>33713.636109999999</v>
      </c>
      <c r="H6335">
        <v>37055.248319999999</v>
      </c>
      <c r="I6335">
        <v>28390.839499999998</v>
      </c>
      <c r="J6335">
        <v>41775.701869999997</v>
      </c>
      <c r="K6335">
        <v>49616.307090000002</v>
      </c>
      <c r="L6335">
        <v>27763.73256</v>
      </c>
      <c r="M6335">
        <v>275932.67609999998</v>
      </c>
      <c r="N6335">
        <v>79383.786770000006</v>
      </c>
      <c r="O6335">
        <v>17873.27882</v>
      </c>
      <c r="P6335">
        <v>34832.014340000002</v>
      </c>
      <c r="Q6335">
        <v>79743.729500000001</v>
      </c>
      <c r="R6335">
        <v>20771.512170000002</v>
      </c>
      <c r="S6335">
        <v>77486.634409999999</v>
      </c>
      <c r="T6335">
        <v>27581.718099999998</v>
      </c>
      <c r="U6335">
        <v>12948.8429</v>
      </c>
      <c r="W6335" s="83">
        <f>Bühler!N6367</f>
        <v>45555.87499998464</v>
      </c>
      <c r="X6335" s="83">
        <v>43364.875</v>
      </c>
      <c r="Y6335">
        <v>220577.8437</v>
      </c>
      <c r="Z6335">
        <v>14512.310719999999</v>
      </c>
      <c r="AA6335">
        <v>58955.452499999999</v>
      </c>
      <c r="AB6335">
        <v>33713.636109999999</v>
      </c>
      <c r="AC6335">
        <v>37055.248319999999</v>
      </c>
      <c r="AD6335">
        <v>28390.839499999998</v>
      </c>
      <c r="AE6335">
        <v>41775.701869999997</v>
      </c>
      <c r="AF6335">
        <v>49616.307090000002</v>
      </c>
      <c r="AG6335">
        <v>27763.73256</v>
      </c>
      <c r="AH6335">
        <v>275932.67609999998</v>
      </c>
      <c r="AI6335">
        <v>79383.786770000006</v>
      </c>
      <c r="AJ6335">
        <v>17873.27882</v>
      </c>
      <c r="AK6335">
        <v>34832.014340000002</v>
      </c>
      <c r="AL6335">
        <v>79743.729500000001</v>
      </c>
      <c r="AM6335">
        <v>20771.512170000002</v>
      </c>
      <c r="AN6335">
        <v>77486.634409999999</v>
      </c>
      <c r="AO6335">
        <v>27581.718099999998</v>
      </c>
      <c r="AP6335">
        <v>12948.8429</v>
      </c>
    </row>
    <row r="6336" spans="2:42" x14ac:dyDescent="0.3">
      <c r="B6336">
        <v>53.560522671854542</v>
      </c>
      <c r="C6336" s="83">
        <v>43364.916666666664</v>
      </c>
      <c r="D6336">
        <v>218304.20370000001</v>
      </c>
      <c r="E6336">
        <v>13827.762549999999</v>
      </c>
      <c r="F6336">
        <v>56038.482649999998</v>
      </c>
      <c r="G6336">
        <v>32678.716329999999</v>
      </c>
      <c r="H6336">
        <v>36147.733480000003</v>
      </c>
      <c r="I6336">
        <v>26253.48114</v>
      </c>
      <c r="J6336">
        <v>40105.250460000003</v>
      </c>
      <c r="K6336">
        <v>51926.092140000001</v>
      </c>
      <c r="L6336">
        <v>24950.272649999999</v>
      </c>
      <c r="M6336">
        <v>273076.5221</v>
      </c>
      <c r="N6336">
        <v>77912.205709999995</v>
      </c>
      <c r="O6336">
        <v>17792.948349999999</v>
      </c>
      <c r="P6336">
        <v>36083.407319999998</v>
      </c>
      <c r="Q6336">
        <v>77890.900540000002</v>
      </c>
      <c r="R6336">
        <v>21500.245459999998</v>
      </c>
      <c r="S6336">
        <v>75710.061830000006</v>
      </c>
      <c r="T6336">
        <v>23780.737130000001</v>
      </c>
      <c r="U6336">
        <v>12978.002469999999</v>
      </c>
      <c r="W6336" s="83">
        <f>Bühler!N6368</f>
        <v>45555.916666651305</v>
      </c>
      <c r="X6336" s="83">
        <v>43364.916666666664</v>
      </c>
      <c r="Y6336">
        <v>218304.20370000001</v>
      </c>
      <c r="Z6336">
        <v>13827.762549999999</v>
      </c>
      <c r="AA6336">
        <v>56038.482649999998</v>
      </c>
      <c r="AB6336">
        <v>32678.716329999999</v>
      </c>
      <c r="AC6336">
        <v>36147.733480000003</v>
      </c>
      <c r="AD6336">
        <v>26253.48114</v>
      </c>
      <c r="AE6336">
        <v>40105.250460000003</v>
      </c>
      <c r="AF6336">
        <v>51926.092140000001</v>
      </c>
      <c r="AG6336">
        <v>24950.272649999999</v>
      </c>
      <c r="AH6336">
        <v>273076.5221</v>
      </c>
      <c r="AI6336">
        <v>77912.205709999995</v>
      </c>
      <c r="AJ6336">
        <v>17792.948349999999</v>
      </c>
      <c r="AK6336">
        <v>36083.407319999998</v>
      </c>
      <c r="AL6336">
        <v>77890.900540000002</v>
      </c>
      <c r="AM6336">
        <v>21500.245459999998</v>
      </c>
      <c r="AN6336">
        <v>75710.061830000006</v>
      </c>
      <c r="AO6336">
        <v>23780.737130000001</v>
      </c>
      <c r="AP6336">
        <v>12978.002469999999</v>
      </c>
    </row>
    <row r="6337" spans="2:42" x14ac:dyDescent="0.3">
      <c r="B6337">
        <v>53.391856500044504</v>
      </c>
      <c r="C6337" s="83">
        <v>43364.958333333336</v>
      </c>
      <c r="D6337">
        <v>215511.91959999999</v>
      </c>
      <c r="E6337">
        <v>13091.05969</v>
      </c>
      <c r="F6337">
        <v>54967.468030000004</v>
      </c>
      <c r="G6337">
        <v>32172.171149999998</v>
      </c>
      <c r="H6337">
        <v>34802.707979999999</v>
      </c>
      <c r="I6337">
        <v>25293.504059999999</v>
      </c>
      <c r="J6337">
        <v>36400.515319999999</v>
      </c>
      <c r="K6337">
        <v>51186.051919999998</v>
      </c>
      <c r="L6337">
        <v>21637.71329</v>
      </c>
      <c r="M6337">
        <v>272216.5833</v>
      </c>
      <c r="N6337">
        <v>76333.816250000003</v>
      </c>
      <c r="O6337">
        <v>17240.631450000001</v>
      </c>
      <c r="P6337">
        <v>31580.944459999999</v>
      </c>
      <c r="Q6337">
        <v>77311.140650000001</v>
      </c>
      <c r="R6337">
        <v>20378.587220000001</v>
      </c>
      <c r="S6337">
        <v>73775.192739999999</v>
      </c>
      <c r="T6337">
        <v>21568.827710000001</v>
      </c>
      <c r="U6337">
        <v>12354.46191</v>
      </c>
      <c r="W6337" s="83">
        <f>Bühler!N6369</f>
        <v>45555.958333317969</v>
      </c>
      <c r="X6337" s="83">
        <v>43364.958333333336</v>
      </c>
      <c r="Y6337">
        <v>215511.91959999999</v>
      </c>
      <c r="Z6337">
        <v>13091.05969</v>
      </c>
      <c r="AA6337">
        <v>54967.468030000004</v>
      </c>
      <c r="AB6337">
        <v>32172.171149999998</v>
      </c>
      <c r="AC6337">
        <v>34802.707979999999</v>
      </c>
      <c r="AD6337">
        <v>25293.504059999999</v>
      </c>
      <c r="AE6337">
        <v>36400.515319999999</v>
      </c>
      <c r="AF6337">
        <v>51186.051919999998</v>
      </c>
      <c r="AG6337">
        <v>21637.71329</v>
      </c>
      <c r="AH6337">
        <v>272216.5833</v>
      </c>
      <c r="AI6337">
        <v>76333.816250000003</v>
      </c>
      <c r="AJ6337">
        <v>17240.631450000001</v>
      </c>
      <c r="AK6337">
        <v>31580.944459999999</v>
      </c>
      <c r="AL6337">
        <v>77311.140650000001</v>
      </c>
      <c r="AM6337">
        <v>20378.587220000001</v>
      </c>
      <c r="AN6337">
        <v>73775.192739999999</v>
      </c>
      <c r="AO6337">
        <v>21568.827710000001</v>
      </c>
      <c r="AP6337">
        <v>12354.46191</v>
      </c>
    </row>
    <row r="6338" spans="2:42" x14ac:dyDescent="0.3">
      <c r="B6338">
        <v>51.658081574973714</v>
      </c>
      <c r="C6338" s="83">
        <v>43365</v>
      </c>
      <c r="D6338">
        <v>212661.9803</v>
      </c>
      <c r="E6338">
        <v>12474.127339999999</v>
      </c>
      <c r="F6338">
        <v>53388.938829999999</v>
      </c>
      <c r="G6338">
        <v>32037.107550000001</v>
      </c>
      <c r="H6338">
        <v>33886.841460000003</v>
      </c>
      <c r="I6338">
        <v>23187.74826</v>
      </c>
      <c r="J6338">
        <v>33192.301500000001</v>
      </c>
      <c r="K6338">
        <v>49632.31336</v>
      </c>
      <c r="L6338">
        <v>18819.035080000001</v>
      </c>
      <c r="M6338">
        <v>263376.9902</v>
      </c>
      <c r="N6338">
        <v>74225.398300000001</v>
      </c>
      <c r="O6338">
        <v>17075.039840000001</v>
      </c>
      <c r="P6338">
        <v>29193.62124</v>
      </c>
      <c r="Q6338">
        <v>74840.306349999999</v>
      </c>
      <c r="R6338">
        <v>18049.429370000002</v>
      </c>
      <c r="S6338">
        <v>72507.788969999994</v>
      </c>
      <c r="T6338">
        <v>20216.082719999999</v>
      </c>
      <c r="U6338">
        <v>12138.45134</v>
      </c>
      <c r="W6338" s="83">
        <f>Bühler!N6370</f>
        <v>45555.999999984633</v>
      </c>
      <c r="X6338" s="83">
        <v>43365</v>
      </c>
      <c r="Y6338">
        <v>212661.9803</v>
      </c>
      <c r="Z6338">
        <v>12474.127339999999</v>
      </c>
      <c r="AA6338">
        <v>53388.938829999999</v>
      </c>
      <c r="AB6338">
        <v>32037.107550000001</v>
      </c>
      <c r="AC6338">
        <v>33886.841460000003</v>
      </c>
      <c r="AD6338">
        <v>23187.74826</v>
      </c>
      <c r="AE6338">
        <v>33192.301500000001</v>
      </c>
      <c r="AF6338">
        <v>49632.31336</v>
      </c>
      <c r="AG6338">
        <v>18819.035080000001</v>
      </c>
      <c r="AH6338">
        <v>263376.9902</v>
      </c>
      <c r="AI6338">
        <v>74225.398300000001</v>
      </c>
      <c r="AJ6338">
        <v>17075.039840000001</v>
      </c>
      <c r="AK6338">
        <v>29193.62124</v>
      </c>
      <c r="AL6338">
        <v>74840.306349999999</v>
      </c>
      <c r="AM6338">
        <v>18049.429370000002</v>
      </c>
      <c r="AN6338">
        <v>72507.788969999994</v>
      </c>
      <c r="AO6338">
        <v>20216.082719999999</v>
      </c>
      <c r="AP6338">
        <v>12138.45134</v>
      </c>
    </row>
    <row r="6339" spans="2:42" x14ac:dyDescent="0.3">
      <c r="B6339">
        <v>50.291534826853457</v>
      </c>
      <c r="C6339" s="83">
        <v>43365.041666666664</v>
      </c>
      <c r="D6339">
        <v>208056.42019999999</v>
      </c>
      <c r="E6339">
        <v>12237.363869999999</v>
      </c>
      <c r="F6339">
        <v>52836.0933</v>
      </c>
      <c r="G6339">
        <v>31622.664270000001</v>
      </c>
      <c r="H6339">
        <v>33518.915670000002</v>
      </c>
      <c r="I6339">
        <v>19364.125820000001</v>
      </c>
      <c r="J6339">
        <v>31841.001410000001</v>
      </c>
      <c r="K6339">
        <v>48355.268389999997</v>
      </c>
      <c r="L6339">
        <v>17037.211719999999</v>
      </c>
      <c r="M6339">
        <v>256409.69760000001</v>
      </c>
      <c r="N6339">
        <v>73440.162160000007</v>
      </c>
      <c r="O6339">
        <v>17021.98619</v>
      </c>
      <c r="P6339">
        <v>25997.185570000001</v>
      </c>
      <c r="Q6339">
        <v>74288.459270000007</v>
      </c>
      <c r="R6339">
        <v>16614.243299999998</v>
      </c>
      <c r="S6339">
        <v>71172.040850000005</v>
      </c>
      <c r="T6339">
        <v>19205.603190000002</v>
      </c>
      <c r="U6339">
        <v>11555.2117</v>
      </c>
      <c r="W6339" s="83">
        <f>Bühler!N6371</f>
        <v>45556.041666651297</v>
      </c>
      <c r="X6339" s="83">
        <v>43365.041666666664</v>
      </c>
      <c r="Y6339">
        <v>208056.42019999999</v>
      </c>
      <c r="Z6339">
        <v>12237.363869999999</v>
      </c>
      <c r="AA6339">
        <v>52836.0933</v>
      </c>
      <c r="AB6339">
        <v>31622.664270000001</v>
      </c>
      <c r="AC6339">
        <v>33518.915670000002</v>
      </c>
      <c r="AD6339">
        <v>19364.125820000001</v>
      </c>
      <c r="AE6339">
        <v>31841.001410000001</v>
      </c>
      <c r="AF6339">
        <v>48355.268389999997</v>
      </c>
      <c r="AG6339">
        <v>17037.211719999999</v>
      </c>
      <c r="AH6339">
        <v>256409.69760000001</v>
      </c>
      <c r="AI6339">
        <v>73440.162160000007</v>
      </c>
      <c r="AJ6339">
        <v>17021.98619</v>
      </c>
      <c r="AK6339">
        <v>25997.185570000001</v>
      </c>
      <c r="AL6339">
        <v>74288.459270000007</v>
      </c>
      <c r="AM6339">
        <v>16614.243299999998</v>
      </c>
      <c r="AN6339">
        <v>71172.040850000005</v>
      </c>
      <c r="AO6339">
        <v>19205.603190000002</v>
      </c>
      <c r="AP6339">
        <v>11555.2117</v>
      </c>
    </row>
    <row r="6340" spans="2:42" x14ac:dyDescent="0.3">
      <c r="B6340">
        <v>49.513654767635728</v>
      </c>
      <c r="C6340" s="83">
        <v>43365.083333333336</v>
      </c>
      <c r="D6340">
        <v>204231.34239999999</v>
      </c>
      <c r="E6340">
        <v>12052.30946</v>
      </c>
      <c r="F6340">
        <v>53507.00821</v>
      </c>
      <c r="G6340">
        <v>30784.731459999999</v>
      </c>
      <c r="H6340">
        <v>32911.329810000003</v>
      </c>
      <c r="I6340">
        <v>16956.806329999999</v>
      </c>
      <c r="J6340">
        <v>31817.597750000001</v>
      </c>
      <c r="K6340">
        <v>46344.130700000002</v>
      </c>
      <c r="L6340">
        <v>16487.603739999999</v>
      </c>
      <c r="M6340">
        <v>252443.7023</v>
      </c>
      <c r="N6340">
        <v>72467.295540000006</v>
      </c>
      <c r="O6340">
        <v>16567.717420000001</v>
      </c>
      <c r="P6340">
        <v>24474.83769</v>
      </c>
      <c r="Q6340">
        <v>73820.285940000002</v>
      </c>
      <c r="R6340">
        <v>15464.128710000001</v>
      </c>
      <c r="S6340">
        <v>70533.034490000005</v>
      </c>
      <c r="T6340">
        <v>18670.011399999999</v>
      </c>
      <c r="U6340">
        <v>11763.67762</v>
      </c>
      <c r="W6340" s="83">
        <f>Bühler!N6372</f>
        <v>45556.083333317962</v>
      </c>
      <c r="X6340" s="83">
        <v>43365.083333333336</v>
      </c>
      <c r="Y6340">
        <v>204231.34239999999</v>
      </c>
      <c r="Z6340">
        <v>12052.30946</v>
      </c>
      <c r="AA6340">
        <v>53507.00821</v>
      </c>
      <c r="AB6340">
        <v>30784.731459999999</v>
      </c>
      <c r="AC6340">
        <v>32911.329810000003</v>
      </c>
      <c r="AD6340">
        <v>16956.806329999999</v>
      </c>
      <c r="AE6340">
        <v>31817.597750000001</v>
      </c>
      <c r="AF6340">
        <v>46344.130700000002</v>
      </c>
      <c r="AG6340">
        <v>16487.603739999999</v>
      </c>
      <c r="AH6340">
        <v>252443.7023</v>
      </c>
      <c r="AI6340">
        <v>72467.295540000006</v>
      </c>
      <c r="AJ6340">
        <v>16567.717420000001</v>
      </c>
      <c r="AK6340">
        <v>24474.83769</v>
      </c>
      <c r="AL6340">
        <v>73820.285940000002</v>
      </c>
      <c r="AM6340">
        <v>15464.128710000001</v>
      </c>
      <c r="AN6340">
        <v>70533.034490000005</v>
      </c>
      <c r="AO6340">
        <v>18670.011399999999</v>
      </c>
      <c r="AP6340">
        <v>11763.67762</v>
      </c>
    </row>
    <row r="6341" spans="2:42" x14ac:dyDescent="0.3">
      <c r="B6341">
        <v>48.287941174398</v>
      </c>
      <c r="C6341" s="83">
        <v>43365.125</v>
      </c>
      <c r="D6341">
        <v>197360.48989999999</v>
      </c>
      <c r="E6341">
        <v>12003.22488</v>
      </c>
      <c r="F6341">
        <v>54445.769110000001</v>
      </c>
      <c r="G6341">
        <v>30063.946550000001</v>
      </c>
      <c r="H6341">
        <v>32566.123469999999</v>
      </c>
      <c r="I6341">
        <v>15980.63948</v>
      </c>
      <c r="J6341">
        <v>31678.716469999999</v>
      </c>
      <c r="K6341">
        <v>44471.122909999998</v>
      </c>
      <c r="L6341">
        <v>15955.60374</v>
      </c>
      <c r="M6341">
        <v>246194.44279999999</v>
      </c>
      <c r="N6341">
        <v>72955.295379999996</v>
      </c>
      <c r="O6341">
        <v>16743.706679999999</v>
      </c>
      <c r="P6341">
        <v>23900.648450000001</v>
      </c>
      <c r="Q6341">
        <v>73635.453710000002</v>
      </c>
      <c r="R6341">
        <v>14838.253140000001</v>
      </c>
      <c r="S6341">
        <v>70057.649050000007</v>
      </c>
      <c r="T6341">
        <v>18177.951089999999</v>
      </c>
      <c r="U6341">
        <v>11379.295239999999</v>
      </c>
      <c r="W6341" s="83">
        <f>Bühler!N6373</f>
        <v>45556.124999984626</v>
      </c>
      <c r="X6341" s="83">
        <v>43365.125</v>
      </c>
      <c r="Y6341">
        <v>197360.48989999999</v>
      </c>
      <c r="Z6341">
        <v>12003.22488</v>
      </c>
      <c r="AA6341">
        <v>54445.769110000001</v>
      </c>
      <c r="AB6341">
        <v>30063.946550000001</v>
      </c>
      <c r="AC6341">
        <v>32566.123469999999</v>
      </c>
      <c r="AD6341">
        <v>15980.63948</v>
      </c>
      <c r="AE6341">
        <v>31678.716469999999</v>
      </c>
      <c r="AF6341">
        <v>44471.122909999998</v>
      </c>
      <c r="AG6341">
        <v>15955.60374</v>
      </c>
      <c r="AH6341">
        <v>246194.44279999999</v>
      </c>
      <c r="AI6341">
        <v>72955.295379999996</v>
      </c>
      <c r="AJ6341">
        <v>16743.706679999999</v>
      </c>
      <c r="AK6341">
        <v>23900.648450000001</v>
      </c>
      <c r="AL6341">
        <v>73635.453710000002</v>
      </c>
      <c r="AM6341">
        <v>14838.253140000001</v>
      </c>
      <c r="AN6341">
        <v>70057.649050000007</v>
      </c>
      <c r="AO6341">
        <v>18177.951089999999</v>
      </c>
      <c r="AP6341">
        <v>11379.295239999999</v>
      </c>
    </row>
    <row r="6342" spans="2:42" x14ac:dyDescent="0.3">
      <c r="B6342">
        <v>47.146722343135067</v>
      </c>
      <c r="C6342" s="83">
        <v>43365.166666666664</v>
      </c>
      <c r="D6342">
        <v>189952.74600000001</v>
      </c>
      <c r="E6342">
        <v>12024.830980000001</v>
      </c>
      <c r="F6342">
        <v>57563.895360000002</v>
      </c>
      <c r="G6342">
        <v>29242.766589999999</v>
      </c>
      <c r="H6342">
        <v>32673.92884</v>
      </c>
      <c r="I6342">
        <v>17031.989150000001</v>
      </c>
      <c r="J6342">
        <v>33819.427519999997</v>
      </c>
      <c r="K6342">
        <v>43195.435109999999</v>
      </c>
      <c r="L6342">
        <v>15222.92489</v>
      </c>
      <c r="M6342">
        <v>240375.97700000001</v>
      </c>
      <c r="N6342">
        <v>72307.754220000003</v>
      </c>
      <c r="O6342">
        <v>16751.030599999998</v>
      </c>
      <c r="P6342">
        <v>22872.09964</v>
      </c>
      <c r="Q6342">
        <v>73551.414600000004</v>
      </c>
      <c r="R6342">
        <v>14660.293890000001</v>
      </c>
      <c r="S6342">
        <v>70497.212090000001</v>
      </c>
      <c r="T6342">
        <v>18219.22107</v>
      </c>
      <c r="U6342">
        <v>11529.262350000001</v>
      </c>
      <c r="W6342" s="83">
        <f>Bühler!N6374</f>
        <v>45556.16666665129</v>
      </c>
      <c r="X6342" s="83">
        <v>43365.166666666664</v>
      </c>
      <c r="Y6342">
        <v>189952.74600000001</v>
      </c>
      <c r="Z6342">
        <v>12024.830980000001</v>
      </c>
      <c r="AA6342">
        <v>57563.895360000002</v>
      </c>
      <c r="AB6342">
        <v>29242.766589999999</v>
      </c>
      <c r="AC6342">
        <v>32673.92884</v>
      </c>
      <c r="AD6342">
        <v>17031.989150000001</v>
      </c>
      <c r="AE6342">
        <v>33819.427519999997</v>
      </c>
      <c r="AF6342">
        <v>43195.435109999999</v>
      </c>
      <c r="AG6342">
        <v>15222.92489</v>
      </c>
      <c r="AH6342">
        <v>240375.97700000001</v>
      </c>
      <c r="AI6342">
        <v>72307.754220000003</v>
      </c>
      <c r="AJ6342">
        <v>16751.030599999998</v>
      </c>
      <c r="AK6342">
        <v>22872.09964</v>
      </c>
      <c r="AL6342">
        <v>73551.414600000004</v>
      </c>
      <c r="AM6342">
        <v>14660.293890000001</v>
      </c>
      <c r="AN6342">
        <v>70497.212090000001</v>
      </c>
      <c r="AO6342">
        <v>18219.22107</v>
      </c>
      <c r="AP6342">
        <v>11529.262350000001</v>
      </c>
    </row>
    <row r="6343" spans="2:42" x14ac:dyDescent="0.3">
      <c r="B6343">
        <v>46.464331665889659</v>
      </c>
      <c r="C6343" s="83">
        <v>43365.208333333336</v>
      </c>
      <c r="D6343">
        <v>187433.7678</v>
      </c>
      <c r="E6343">
        <v>12822.9611</v>
      </c>
      <c r="F6343">
        <v>65139.214699999997</v>
      </c>
      <c r="G6343">
        <v>29626.521250000002</v>
      </c>
      <c r="H6343">
        <v>33381.28254</v>
      </c>
      <c r="I6343">
        <v>23217.47307</v>
      </c>
      <c r="J6343">
        <v>36947.761619999997</v>
      </c>
      <c r="K6343">
        <v>43002.907379999997</v>
      </c>
      <c r="L6343">
        <v>15561.30861</v>
      </c>
      <c r="M6343">
        <v>236896.83110000001</v>
      </c>
      <c r="N6343">
        <v>71398.868119999999</v>
      </c>
      <c r="O6343">
        <v>16613.390439999999</v>
      </c>
      <c r="P6343">
        <v>24109.79925</v>
      </c>
      <c r="Q6343">
        <v>72063.792929999996</v>
      </c>
      <c r="R6343">
        <v>15309.64668</v>
      </c>
      <c r="S6343">
        <v>72059.058709999998</v>
      </c>
      <c r="T6343">
        <v>19011.18015</v>
      </c>
      <c r="U6343">
        <v>12082.321180000001</v>
      </c>
      <c r="W6343" s="83">
        <f>Bühler!N6375</f>
        <v>45556.208333317954</v>
      </c>
      <c r="X6343" s="83">
        <v>43365.208333333336</v>
      </c>
      <c r="Y6343">
        <v>187433.7678</v>
      </c>
      <c r="Z6343">
        <v>12822.9611</v>
      </c>
      <c r="AA6343">
        <v>65139.214699999997</v>
      </c>
      <c r="AB6343">
        <v>29626.521250000002</v>
      </c>
      <c r="AC6343">
        <v>33381.28254</v>
      </c>
      <c r="AD6343">
        <v>23217.47307</v>
      </c>
      <c r="AE6343">
        <v>36947.761619999997</v>
      </c>
      <c r="AF6343">
        <v>43002.907379999997</v>
      </c>
      <c r="AG6343">
        <v>15561.30861</v>
      </c>
      <c r="AH6343">
        <v>236896.83110000001</v>
      </c>
      <c r="AI6343">
        <v>71398.868119999999</v>
      </c>
      <c r="AJ6343">
        <v>16613.390439999999</v>
      </c>
      <c r="AK6343">
        <v>24109.79925</v>
      </c>
      <c r="AL6343">
        <v>72063.792929999996</v>
      </c>
      <c r="AM6343">
        <v>15309.64668</v>
      </c>
      <c r="AN6343">
        <v>72059.058709999998</v>
      </c>
      <c r="AO6343">
        <v>19011.18015</v>
      </c>
      <c r="AP6343">
        <v>12082.321180000001</v>
      </c>
    </row>
    <row r="6344" spans="2:42" x14ac:dyDescent="0.3">
      <c r="B6344">
        <v>46.51736373119428</v>
      </c>
      <c r="C6344" s="83">
        <v>43365.25</v>
      </c>
      <c r="D6344">
        <v>188993.16620000001</v>
      </c>
      <c r="E6344">
        <v>14362.44594</v>
      </c>
      <c r="F6344">
        <v>75775.0867</v>
      </c>
      <c r="G6344">
        <v>30776.276600000001</v>
      </c>
      <c r="H6344">
        <v>34191.865460000001</v>
      </c>
      <c r="I6344">
        <v>25794.300469999998</v>
      </c>
      <c r="J6344">
        <v>40687.583859999999</v>
      </c>
      <c r="K6344">
        <v>40760.793980000002</v>
      </c>
      <c r="L6344">
        <v>16533.105380000001</v>
      </c>
      <c r="M6344">
        <v>237167.2133</v>
      </c>
      <c r="N6344">
        <v>71292.966880000007</v>
      </c>
      <c r="O6344">
        <v>17452.3596</v>
      </c>
      <c r="P6344">
        <v>25168.351719999999</v>
      </c>
      <c r="Q6344">
        <v>69316.216180000003</v>
      </c>
      <c r="R6344">
        <v>16523.961910000002</v>
      </c>
      <c r="S6344">
        <v>76440.582999999999</v>
      </c>
      <c r="T6344">
        <v>20413.475310000002</v>
      </c>
      <c r="U6344">
        <v>12456.406499999999</v>
      </c>
      <c r="W6344" s="83">
        <f>Bühler!N6376</f>
        <v>45556.249999984619</v>
      </c>
      <c r="X6344" s="83">
        <v>43365.25</v>
      </c>
      <c r="Y6344">
        <v>188993.16620000001</v>
      </c>
      <c r="Z6344">
        <v>14362.44594</v>
      </c>
      <c r="AA6344">
        <v>75775.0867</v>
      </c>
      <c r="AB6344">
        <v>30776.276600000001</v>
      </c>
      <c r="AC6344">
        <v>34191.865460000001</v>
      </c>
      <c r="AD6344">
        <v>25794.300469999998</v>
      </c>
      <c r="AE6344">
        <v>40687.583859999999</v>
      </c>
      <c r="AF6344">
        <v>40760.793980000002</v>
      </c>
      <c r="AG6344">
        <v>16533.105380000001</v>
      </c>
      <c r="AH6344">
        <v>237167.2133</v>
      </c>
      <c r="AI6344">
        <v>71292.966880000007</v>
      </c>
      <c r="AJ6344">
        <v>17452.3596</v>
      </c>
      <c r="AK6344">
        <v>25168.351719999999</v>
      </c>
      <c r="AL6344">
        <v>69316.216180000003</v>
      </c>
      <c r="AM6344">
        <v>16523.961910000002</v>
      </c>
      <c r="AN6344">
        <v>76440.582999999999</v>
      </c>
      <c r="AO6344">
        <v>20413.475310000002</v>
      </c>
      <c r="AP6344">
        <v>12456.406499999999</v>
      </c>
    </row>
    <row r="6345" spans="2:42" x14ac:dyDescent="0.3">
      <c r="B6345">
        <v>46.395721719968968</v>
      </c>
      <c r="C6345" s="83">
        <v>43365.291666666664</v>
      </c>
      <c r="D6345">
        <v>187964.13939999999</v>
      </c>
      <c r="E6345">
        <v>16505.496889999999</v>
      </c>
      <c r="F6345">
        <v>79514.032040000006</v>
      </c>
      <c r="G6345">
        <v>31960.474750000001</v>
      </c>
      <c r="H6345">
        <v>34762.374450000003</v>
      </c>
      <c r="I6345">
        <v>27377.42496</v>
      </c>
      <c r="J6345">
        <v>40662.924890000002</v>
      </c>
      <c r="K6345">
        <v>41212.377569999997</v>
      </c>
      <c r="L6345">
        <v>18350.765230000001</v>
      </c>
      <c r="M6345">
        <v>236547.02559999999</v>
      </c>
      <c r="N6345">
        <v>72066.256280000001</v>
      </c>
      <c r="O6345">
        <v>18122.435079999999</v>
      </c>
      <c r="P6345">
        <v>27579.821909999999</v>
      </c>
      <c r="Q6345">
        <v>67105.365569999994</v>
      </c>
      <c r="R6345">
        <v>17291.00058</v>
      </c>
      <c r="S6345">
        <v>83419.874890000006</v>
      </c>
      <c r="T6345">
        <v>21682.407039999998</v>
      </c>
      <c r="U6345">
        <v>12435.020630000001</v>
      </c>
      <c r="W6345" s="83">
        <f>Bühler!N6377</f>
        <v>45556.291666651283</v>
      </c>
      <c r="X6345" s="83">
        <v>43365.291666666664</v>
      </c>
      <c r="Y6345">
        <v>187964.13939999999</v>
      </c>
      <c r="Z6345">
        <v>16505.496889999999</v>
      </c>
      <c r="AA6345">
        <v>79514.032040000006</v>
      </c>
      <c r="AB6345">
        <v>31960.474750000001</v>
      </c>
      <c r="AC6345">
        <v>34762.374450000003</v>
      </c>
      <c r="AD6345">
        <v>27377.42496</v>
      </c>
      <c r="AE6345">
        <v>40662.924890000002</v>
      </c>
      <c r="AF6345">
        <v>41212.377569999997</v>
      </c>
      <c r="AG6345">
        <v>18350.765230000001</v>
      </c>
      <c r="AH6345">
        <v>236547.02559999999</v>
      </c>
      <c r="AI6345">
        <v>72066.256280000001</v>
      </c>
      <c r="AJ6345">
        <v>18122.435079999999</v>
      </c>
      <c r="AK6345">
        <v>27579.821909999999</v>
      </c>
      <c r="AL6345">
        <v>67105.365569999994</v>
      </c>
      <c r="AM6345">
        <v>17291.00058</v>
      </c>
      <c r="AN6345">
        <v>83419.874890000006</v>
      </c>
      <c r="AO6345">
        <v>21682.407039999998</v>
      </c>
      <c r="AP6345">
        <v>12435.020630000001</v>
      </c>
    </row>
    <row r="6346" spans="2:42" x14ac:dyDescent="0.3">
      <c r="B6346">
        <v>45.835237976752985</v>
      </c>
      <c r="C6346" s="83">
        <v>43365.333333333336</v>
      </c>
      <c r="D6346">
        <v>186623.4529</v>
      </c>
      <c r="E6346">
        <v>19435.972320000001</v>
      </c>
      <c r="F6346">
        <v>83115.979240000001</v>
      </c>
      <c r="G6346">
        <v>32837.876880000003</v>
      </c>
      <c r="H6346">
        <v>34292.990189999997</v>
      </c>
      <c r="I6346">
        <v>28466.181759999999</v>
      </c>
      <c r="J6346">
        <v>40650.187120000002</v>
      </c>
      <c r="K6346">
        <v>42494.443670000001</v>
      </c>
      <c r="L6346">
        <v>21066.835179999998</v>
      </c>
      <c r="M6346">
        <v>233689.41810000001</v>
      </c>
      <c r="N6346">
        <v>72801.95577</v>
      </c>
      <c r="O6346">
        <v>18340.051019999999</v>
      </c>
      <c r="P6346">
        <v>30293.922269999999</v>
      </c>
      <c r="Q6346">
        <v>66858.530280000006</v>
      </c>
      <c r="R6346">
        <v>17493.034469999999</v>
      </c>
      <c r="S6346">
        <v>86180.80141</v>
      </c>
      <c r="T6346">
        <v>23538.774809999999</v>
      </c>
      <c r="U6346">
        <v>12257.268179999999</v>
      </c>
      <c r="W6346" s="83">
        <f>Bühler!N6378</f>
        <v>45556.333333317947</v>
      </c>
      <c r="X6346" s="83">
        <v>43365.333333333336</v>
      </c>
      <c r="Y6346">
        <v>186623.4529</v>
      </c>
      <c r="Z6346">
        <v>19435.972320000001</v>
      </c>
      <c r="AA6346">
        <v>83115.979240000001</v>
      </c>
      <c r="AB6346">
        <v>32837.876880000003</v>
      </c>
      <c r="AC6346">
        <v>34292.990189999997</v>
      </c>
      <c r="AD6346">
        <v>28466.181759999999</v>
      </c>
      <c r="AE6346">
        <v>40650.187120000002</v>
      </c>
      <c r="AF6346">
        <v>42494.443670000001</v>
      </c>
      <c r="AG6346">
        <v>21066.835179999998</v>
      </c>
      <c r="AH6346">
        <v>233689.41810000001</v>
      </c>
      <c r="AI6346">
        <v>72801.95577</v>
      </c>
      <c r="AJ6346">
        <v>18340.051019999999</v>
      </c>
      <c r="AK6346">
        <v>30293.922269999999</v>
      </c>
      <c r="AL6346">
        <v>66858.530280000006</v>
      </c>
      <c r="AM6346">
        <v>17493.034469999999</v>
      </c>
      <c r="AN6346">
        <v>86180.80141</v>
      </c>
      <c r="AO6346">
        <v>23538.774809999999</v>
      </c>
      <c r="AP6346">
        <v>12257.268179999999</v>
      </c>
    </row>
    <row r="6347" spans="2:42" x14ac:dyDescent="0.3">
      <c r="B6347">
        <v>45.526002435267529</v>
      </c>
      <c r="C6347" s="83">
        <v>43365.375</v>
      </c>
      <c r="D6347">
        <v>185238.34400000001</v>
      </c>
      <c r="E6347">
        <v>23083.805270000001</v>
      </c>
      <c r="F6347">
        <v>87539.453229999999</v>
      </c>
      <c r="G6347">
        <v>33311.021009999997</v>
      </c>
      <c r="H6347">
        <v>35241.573629999999</v>
      </c>
      <c r="I6347">
        <v>28589.77966</v>
      </c>
      <c r="J6347">
        <v>41048.17239</v>
      </c>
      <c r="K6347">
        <v>43374.13465</v>
      </c>
      <c r="L6347">
        <v>24926.744119999999</v>
      </c>
      <c r="M6347">
        <v>232112.7911</v>
      </c>
      <c r="N6347">
        <v>73659.538759999996</v>
      </c>
      <c r="O6347">
        <v>18263.133610000001</v>
      </c>
      <c r="P6347">
        <v>33731.910060000002</v>
      </c>
      <c r="Q6347">
        <v>66011.487630000003</v>
      </c>
      <c r="R6347">
        <v>17842.603800000001</v>
      </c>
      <c r="S6347">
        <v>88542.318629999994</v>
      </c>
      <c r="T6347">
        <v>26031.746770000002</v>
      </c>
      <c r="U6347">
        <v>12237.28563</v>
      </c>
      <c r="W6347" s="83">
        <f>Bühler!N6379</f>
        <v>45556.374999984611</v>
      </c>
      <c r="X6347" s="83">
        <v>43365.375</v>
      </c>
      <c r="Y6347">
        <v>185238.34400000001</v>
      </c>
      <c r="Z6347">
        <v>23083.805270000001</v>
      </c>
      <c r="AA6347">
        <v>87539.453229999999</v>
      </c>
      <c r="AB6347">
        <v>33311.021009999997</v>
      </c>
      <c r="AC6347">
        <v>35241.573629999999</v>
      </c>
      <c r="AD6347">
        <v>28589.77966</v>
      </c>
      <c r="AE6347">
        <v>41048.17239</v>
      </c>
      <c r="AF6347">
        <v>43374.13465</v>
      </c>
      <c r="AG6347">
        <v>24926.744119999999</v>
      </c>
      <c r="AH6347">
        <v>232112.7911</v>
      </c>
      <c r="AI6347">
        <v>73659.538759999996</v>
      </c>
      <c r="AJ6347">
        <v>18263.133610000001</v>
      </c>
      <c r="AK6347">
        <v>33731.910060000002</v>
      </c>
      <c r="AL6347">
        <v>66011.487630000003</v>
      </c>
      <c r="AM6347">
        <v>17842.603800000001</v>
      </c>
      <c r="AN6347">
        <v>88542.318629999994</v>
      </c>
      <c r="AO6347">
        <v>26031.746770000002</v>
      </c>
      <c r="AP6347">
        <v>12237.28563</v>
      </c>
    </row>
    <row r="6348" spans="2:42" x14ac:dyDescent="0.3">
      <c r="B6348">
        <v>45.273775507844739</v>
      </c>
      <c r="C6348" s="83">
        <v>43365.416666666664</v>
      </c>
      <c r="D6348">
        <v>184475.66310000001</v>
      </c>
      <c r="E6348">
        <v>25195.51182</v>
      </c>
      <c r="F6348">
        <v>89214.404840000003</v>
      </c>
      <c r="G6348">
        <v>33999.660020000003</v>
      </c>
      <c r="H6348">
        <v>35692.434209999999</v>
      </c>
      <c r="I6348">
        <v>28387.579549999999</v>
      </c>
      <c r="J6348">
        <v>40581.557800000002</v>
      </c>
      <c r="K6348">
        <v>44236.417329999997</v>
      </c>
      <c r="L6348">
        <v>28555.14344</v>
      </c>
      <c r="M6348">
        <v>230826.82060000001</v>
      </c>
      <c r="N6348">
        <v>75432.007849999995</v>
      </c>
      <c r="O6348">
        <v>19245.369780000001</v>
      </c>
      <c r="P6348">
        <v>34199.331339999997</v>
      </c>
      <c r="Q6348">
        <v>64996.972540000002</v>
      </c>
      <c r="R6348">
        <v>18681.39127</v>
      </c>
      <c r="S6348">
        <v>88944.155740000002</v>
      </c>
      <c r="T6348">
        <v>28618.52044</v>
      </c>
      <c r="U6348">
        <v>12432.855610000001</v>
      </c>
      <c r="W6348" s="83">
        <f>Bühler!N6380</f>
        <v>45556.416666651276</v>
      </c>
      <c r="X6348" s="83">
        <v>43365.416666666664</v>
      </c>
      <c r="Y6348">
        <v>184475.66310000001</v>
      </c>
      <c r="Z6348">
        <v>25195.51182</v>
      </c>
      <c r="AA6348">
        <v>89214.404840000003</v>
      </c>
      <c r="AB6348">
        <v>33999.660020000003</v>
      </c>
      <c r="AC6348">
        <v>35692.434209999999</v>
      </c>
      <c r="AD6348">
        <v>28387.579549999999</v>
      </c>
      <c r="AE6348">
        <v>40581.557800000002</v>
      </c>
      <c r="AF6348">
        <v>44236.417329999997</v>
      </c>
      <c r="AG6348">
        <v>28555.14344</v>
      </c>
      <c r="AH6348">
        <v>230826.82060000001</v>
      </c>
      <c r="AI6348">
        <v>75432.007849999995</v>
      </c>
      <c r="AJ6348">
        <v>19245.369780000001</v>
      </c>
      <c r="AK6348">
        <v>34199.331339999997</v>
      </c>
      <c r="AL6348">
        <v>64996.972540000002</v>
      </c>
      <c r="AM6348">
        <v>18681.39127</v>
      </c>
      <c r="AN6348">
        <v>88944.155740000002</v>
      </c>
      <c r="AO6348">
        <v>28618.52044</v>
      </c>
      <c r="AP6348">
        <v>12432.855610000001</v>
      </c>
    </row>
    <row r="6349" spans="2:42" x14ac:dyDescent="0.3">
      <c r="B6349">
        <v>45.2473217292074</v>
      </c>
      <c r="C6349" s="83">
        <v>43365.458333333336</v>
      </c>
      <c r="D6349">
        <v>180078.6336</v>
      </c>
      <c r="E6349">
        <v>25527.36721</v>
      </c>
      <c r="F6349">
        <v>89444.585529999997</v>
      </c>
      <c r="G6349">
        <v>34194.408600000002</v>
      </c>
      <c r="H6349">
        <v>35699.531949999997</v>
      </c>
      <c r="I6349">
        <v>28780.31914</v>
      </c>
      <c r="J6349">
        <v>40427.050179999998</v>
      </c>
      <c r="K6349">
        <v>45837.3871</v>
      </c>
      <c r="L6349">
        <v>30234.058700000001</v>
      </c>
      <c r="M6349">
        <v>230691.94690000001</v>
      </c>
      <c r="N6349">
        <v>74461.375570000004</v>
      </c>
      <c r="O6349">
        <v>19220.41978</v>
      </c>
      <c r="P6349">
        <v>33332.053930000002</v>
      </c>
      <c r="Q6349">
        <v>64204.326950000002</v>
      </c>
      <c r="R6349">
        <v>19199.731049999999</v>
      </c>
      <c r="S6349">
        <v>90872.870720000006</v>
      </c>
      <c r="T6349">
        <v>29421.546750000001</v>
      </c>
      <c r="U6349">
        <v>12038.416950000001</v>
      </c>
      <c r="W6349" s="83">
        <f>Bühler!N6381</f>
        <v>45556.45833331794</v>
      </c>
      <c r="X6349" s="83">
        <v>43365.458333333336</v>
      </c>
      <c r="Y6349">
        <v>180078.6336</v>
      </c>
      <c r="Z6349">
        <v>25527.36721</v>
      </c>
      <c r="AA6349">
        <v>89444.585529999997</v>
      </c>
      <c r="AB6349">
        <v>34194.408600000002</v>
      </c>
      <c r="AC6349">
        <v>35699.531949999997</v>
      </c>
      <c r="AD6349">
        <v>28780.31914</v>
      </c>
      <c r="AE6349">
        <v>40427.050179999998</v>
      </c>
      <c r="AF6349">
        <v>45837.3871</v>
      </c>
      <c r="AG6349">
        <v>30234.058700000001</v>
      </c>
      <c r="AH6349">
        <v>230691.94690000001</v>
      </c>
      <c r="AI6349">
        <v>74461.375570000004</v>
      </c>
      <c r="AJ6349">
        <v>19220.41978</v>
      </c>
      <c r="AK6349">
        <v>33332.053930000002</v>
      </c>
      <c r="AL6349">
        <v>64204.326950000002</v>
      </c>
      <c r="AM6349">
        <v>19199.731049999999</v>
      </c>
      <c r="AN6349">
        <v>90872.870720000006</v>
      </c>
      <c r="AO6349">
        <v>29421.546750000001</v>
      </c>
      <c r="AP6349">
        <v>12038.416950000001</v>
      </c>
    </row>
    <row r="6350" spans="2:42" x14ac:dyDescent="0.3">
      <c r="B6350">
        <v>44.390365027533043</v>
      </c>
      <c r="C6350" s="83">
        <v>43365.5</v>
      </c>
      <c r="D6350">
        <v>174375.9902</v>
      </c>
      <c r="E6350">
        <v>24319.649870000001</v>
      </c>
      <c r="F6350">
        <v>88075.738989999998</v>
      </c>
      <c r="G6350">
        <v>33425.081879999998</v>
      </c>
      <c r="H6350">
        <v>35318.739150000001</v>
      </c>
      <c r="I6350">
        <v>28913.868900000001</v>
      </c>
      <c r="J6350">
        <v>40332.112260000002</v>
      </c>
      <c r="K6350">
        <v>45517.115890000001</v>
      </c>
      <c r="L6350">
        <v>32610.315429999999</v>
      </c>
      <c r="M6350">
        <v>226322.78200000001</v>
      </c>
      <c r="N6350">
        <v>75397.608760000003</v>
      </c>
      <c r="O6350">
        <v>19102.594539999998</v>
      </c>
      <c r="P6350">
        <v>33812.363689999998</v>
      </c>
      <c r="Q6350">
        <v>61621.831859999998</v>
      </c>
      <c r="R6350">
        <v>19964.886750000001</v>
      </c>
      <c r="S6350">
        <v>86015.891340000002</v>
      </c>
      <c r="T6350">
        <v>29047.437559999998</v>
      </c>
      <c r="U6350">
        <v>10812.627539999999</v>
      </c>
      <c r="W6350" s="83">
        <f>Bühler!N6382</f>
        <v>45556.499999984604</v>
      </c>
      <c r="X6350" s="83">
        <v>43365.5</v>
      </c>
      <c r="Y6350">
        <v>174375.9902</v>
      </c>
      <c r="Z6350">
        <v>24319.649870000001</v>
      </c>
      <c r="AA6350">
        <v>88075.738989999998</v>
      </c>
      <c r="AB6350">
        <v>33425.081879999998</v>
      </c>
      <c r="AC6350">
        <v>35318.739150000001</v>
      </c>
      <c r="AD6350">
        <v>28913.868900000001</v>
      </c>
      <c r="AE6350">
        <v>40332.112260000002</v>
      </c>
      <c r="AF6350">
        <v>45517.115890000001</v>
      </c>
      <c r="AG6350">
        <v>32610.315429999999</v>
      </c>
      <c r="AH6350">
        <v>226322.78200000001</v>
      </c>
      <c r="AI6350">
        <v>75397.608760000003</v>
      </c>
      <c r="AJ6350">
        <v>19102.594539999998</v>
      </c>
      <c r="AK6350">
        <v>33812.363689999998</v>
      </c>
      <c r="AL6350">
        <v>61621.831859999998</v>
      </c>
      <c r="AM6350">
        <v>19964.886750000001</v>
      </c>
      <c r="AN6350">
        <v>86015.891340000002</v>
      </c>
      <c r="AO6350">
        <v>29047.437559999998</v>
      </c>
      <c r="AP6350">
        <v>10812.627539999999</v>
      </c>
    </row>
    <row r="6351" spans="2:42" x14ac:dyDescent="0.3">
      <c r="B6351">
        <v>43.780265403180735</v>
      </c>
      <c r="C6351" s="83">
        <v>43365.541666666664</v>
      </c>
      <c r="D6351">
        <v>171313.61069999999</v>
      </c>
      <c r="E6351">
        <v>23730.51972</v>
      </c>
      <c r="F6351">
        <v>87125.625530000005</v>
      </c>
      <c r="G6351">
        <v>32537.843690000002</v>
      </c>
      <c r="H6351">
        <v>35026.614849999998</v>
      </c>
      <c r="I6351">
        <v>29454.504860000001</v>
      </c>
      <c r="J6351">
        <v>39749.217499999999</v>
      </c>
      <c r="K6351">
        <v>46048.017269999997</v>
      </c>
      <c r="L6351">
        <v>32680.394629999999</v>
      </c>
      <c r="M6351">
        <v>223212.2096</v>
      </c>
      <c r="N6351">
        <v>74731.950119999994</v>
      </c>
      <c r="O6351">
        <v>18429.101060000001</v>
      </c>
      <c r="P6351">
        <v>33322.656110000004</v>
      </c>
      <c r="Q6351">
        <v>59056.304150000004</v>
      </c>
      <c r="R6351">
        <v>19990.87096</v>
      </c>
      <c r="S6351">
        <v>86197.098190000004</v>
      </c>
      <c r="T6351">
        <v>28908.0337</v>
      </c>
      <c r="U6351">
        <v>11055.781489999999</v>
      </c>
      <c r="W6351" s="83">
        <f>Bühler!N6383</f>
        <v>45556.541666651268</v>
      </c>
      <c r="X6351" s="83">
        <v>43365.541666666664</v>
      </c>
      <c r="Y6351">
        <v>171313.61069999999</v>
      </c>
      <c r="Z6351">
        <v>23730.51972</v>
      </c>
      <c r="AA6351">
        <v>87125.625530000005</v>
      </c>
      <c r="AB6351">
        <v>32537.843690000002</v>
      </c>
      <c r="AC6351">
        <v>35026.614849999998</v>
      </c>
      <c r="AD6351">
        <v>29454.504860000001</v>
      </c>
      <c r="AE6351">
        <v>39749.217499999999</v>
      </c>
      <c r="AF6351">
        <v>46048.017269999997</v>
      </c>
      <c r="AG6351">
        <v>32680.394629999999</v>
      </c>
      <c r="AH6351">
        <v>223212.2096</v>
      </c>
      <c r="AI6351">
        <v>74731.950119999994</v>
      </c>
      <c r="AJ6351">
        <v>18429.101060000001</v>
      </c>
      <c r="AK6351">
        <v>33322.656110000004</v>
      </c>
      <c r="AL6351">
        <v>59056.304150000004</v>
      </c>
      <c r="AM6351">
        <v>19990.87096</v>
      </c>
      <c r="AN6351">
        <v>86197.098190000004</v>
      </c>
      <c r="AO6351">
        <v>28908.0337</v>
      </c>
      <c r="AP6351">
        <v>11055.781489999999</v>
      </c>
    </row>
    <row r="6352" spans="2:42" x14ac:dyDescent="0.3">
      <c r="B6352">
        <v>43.548152602854564</v>
      </c>
      <c r="C6352" s="83">
        <v>43365.583333333336</v>
      </c>
      <c r="D6352">
        <v>169848.0331</v>
      </c>
      <c r="E6352">
        <v>24756.431380000002</v>
      </c>
      <c r="F6352">
        <v>87413.420859999998</v>
      </c>
      <c r="G6352">
        <v>31809.220949999999</v>
      </c>
      <c r="H6352">
        <v>34802.250339999999</v>
      </c>
      <c r="I6352">
        <v>29370.318350000001</v>
      </c>
      <c r="J6352">
        <v>39298.541899999997</v>
      </c>
      <c r="K6352">
        <v>46053.481070000002</v>
      </c>
      <c r="L6352">
        <v>30933.927110000001</v>
      </c>
      <c r="M6352">
        <v>222028.79029999999</v>
      </c>
      <c r="N6352">
        <v>73552.976049999997</v>
      </c>
      <c r="O6352">
        <v>18572.053209999998</v>
      </c>
      <c r="P6352">
        <v>31170.75734</v>
      </c>
      <c r="Q6352">
        <v>58719.700570000001</v>
      </c>
      <c r="R6352">
        <v>19524.706630000001</v>
      </c>
      <c r="S6352">
        <v>82880.946290000007</v>
      </c>
      <c r="T6352">
        <v>28931.18895</v>
      </c>
      <c r="U6352">
        <v>10746.2742</v>
      </c>
      <c r="W6352" s="83">
        <f>Bühler!N6384</f>
        <v>45556.583333317933</v>
      </c>
      <c r="X6352" s="83">
        <v>43365.583333333336</v>
      </c>
      <c r="Y6352">
        <v>169848.0331</v>
      </c>
      <c r="Z6352">
        <v>24756.431380000002</v>
      </c>
      <c r="AA6352">
        <v>87413.420859999998</v>
      </c>
      <c r="AB6352">
        <v>31809.220949999999</v>
      </c>
      <c r="AC6352">
        <v>34802.250339999999</v>
      </c>
      <c r="AD6352">
        <v>29370.318350000001</v>
      </c>
      <c r="AE6352">
        <v>39298.541899999997</v>
      </c>
      <c r="AF6352">
        <v>46053.481070000002</v>
      </c>
      <c r="AG6352">
        <v>30933.927110000001</v>
      </c>
      <c r="AH6352">
        <v>222028.79029999999</v>
      </c>
      <c r="AI6352">
        <v>73552.976049999997</v>
      </c>
      <c r="AJ6352">
        <v>18572.053209999998</v>
      </c>
      <c r="AK6352">
        <v>31170.75734</v>
      </c>
      <c r="AL6352">
        <v>58719.700570000001</v>
      </c>
      <c r="AM6352">
        <v>19524.706630000001</v>
      </c>
      <c r="AN6352">
        <v>82880.946290000007</v>
      </c>
      <c r="AO6352">
        <v>28931.18895</v>
      </c>
      <c r="AP6352">
        <v>10746.2742</v>
      </c>
    </row>
    <row r="6353" spans="2:42" x14ac:dyDescent="0.3">
      <c r="B6353">
        <v>43.31618798434414</v>
      </c>
      <c r="C6353" s="83">
        <v>43365.625</v>
      </c>
      <c r="D6353">
        <v>168678.95209999999</v>
      </c>
      <c r="E6353">
        <v>24954.944</v>
      </c>
      <c r="F6353">
        <v>88976.095230000006</v>
      </c>
      <c r="G6353">
        <v>31619.220809999999</v>
      </c>
      <c r="H6353">
        <v>34735.716119999997</v>
      </c>
      <c r="I6353">
        <v>29963.186959999999</v>
      </c>
      <c r="J6353">
        <v>39260.185140000001</v>
      </c>
      <c r="K6353">
        <v>45789.298130000003</v>
      </c>
      <c r="L6353">
        <v>28953.186249999999</v>
      </c>
      <c r="M6353">
        <v>220846.12650000001</v>
      </c>
      <c r="N6353">
        <v>73161.43187</v>
      </c>
      <c r="O6353">
        <v>17939.386439999998</v>
      </c>
      <c r="P6353">
        <v>29466.957289999998</v>
      </c>
      <c r="Q6353">
        <v>57753.184930000003</v>
      </c>
      <c r="R6353">
        <v>19451.044709999998</v>
      </c>
      <c r="S6353">
        <v>82379.41618</v>
      </c>
      <c r="T6353">
        <v>29152.06724</v>
      </c>
      <c r="U6353">
        <v>10871.875330000001</v>
      </c>
      <c r="W6353" s="83">
        <f>Bühler!N6385</f>
        <v>45556.624999984597</v>
      </c>
      <c r="X6353" s="83">
        <v>43365.625</v>
      </c>
      <c r="Y6353">
        <v>168678.95209999999</v>
      </c>
      <c r="Z6353">
        <v>24954.944</v>
      </c>
      <c r="AA6353">
        <v>88976.095230000006</v>
      </c>
      <c r="AB6353">
        <v>31619.220809999999</v>
      </c>
      <c r="AC6353">
        <v>34735.716119999997</v>
      </c>
      <c r="AD6353">
        <v>29963.186959999999</v>
      </c>
      <c r="AE6353">
        <v>39260.185140000001</v>
      </c>
      <c r="AF6353">
        <v>45789.298130000003</v>
      </c>
      <c r="AG6353">
        <v>28953.186249999999</v>
      </c>
      <c r="AH6353">
        <v>220846.12650000001</v>
      </c>
      <c r="AI6353">
        <v>73161.43187</v>
      </c>
      <c r="AJ6353">
        <v>17939.386439999998</v>
      </c>
      <c r="AK6353">
        <v>29466.957289999998</v>
      </c>
      <c r="AL6353">
        <v>57753.184930000003</v>
      </c>
      <c r="AM6353">
        <v>19451.044709999998</v>
      </c>
      <c r="AN6353">
        <v>82379.41618</v>
      </c>
      <c r="AO6353">
        <v>29152.06724</v>
      </c>
      <c r="AP6353">
        <v>10871.875330000001</v>
      </c>
    </row>
    <row r="6354" spans="2:42" x14ac:dyDescent="0.3">
      <c r="B6354">
        <v>43.15578035484387</v>
      </c>
      <c r="C6354" s="83">
        <v>43365.666666666664</v>
      </c>
      <c r="D6354">
        <v>167724.06359999999</v>
      </c>
      <c r="E6354">
        <v>24724.693920000002</v>
      </c>
      <c r="F6354">
        <v>88381.734150000004</v>
      </c>
      <c r="G6354">
        <v>31635.313999999998</v>
      </c>
      <c r="H6354">
        <v>34528.701000000001</v>
      </c>
      <c r="I6354">
        <v>30092.93749</v>
      </c>
      <c r="J6354">
        <v>38820.946649999998</v>
      </c>
      <c r="K6354">
        <v>44993.230759999999</v>
      </c>
      <c r="L6354">
        <v>27876.16131</v>
      </c>
      <c r="M6354">
        <v>220028.2936</v>
      </c>
      <c r="N6354">
        <v>74112.356969999993</v>
      </c>
      <c r="O6354">
        <v>18094.88769</v>
      </c>
      <c r="P6354">
        <v>29013.543989999998</v>
      </c>
      <c r="Q6354">
        <v>57086.80128</v>
      </c>
      <c r="R6354">
        <v>19130.419900000001</v>
      </c>
      <c r="S6354">
        <v>82890.694669999997</v>
      </c>
      <c r="T6354">
        <v>29204.102630000001</v>
      </c>
      <c r="U6354">
        <v>10542.74181</v>
      </c>
      <c r="W6354" s="83">
        <f>Bühler!N6386</f>
        <v>45556.666666651261</v>
      </c>
      <c r="X6354" s="83">
        <v>43365.666666666664</v>
      </c>
      <c r="Y6354">
        <v>167724.06359999999</v>
      </c>
      <c r="Z6354">
        <v>24724.693920000002</v>
      </c>
      <c r="AA6354">
        <v>88381.734150000004</v>
      </c>
      <c r="AB6354">
        <v>31635.313999999998</v>
      </c>
      <c r="AC6354">
        <v>34528.701000000001</v>
      </c>
      <c r="AD6354">
        <v>30092.93749</v>
      </c>
      <c r="AE6354">
        <v>38820.946649999998</v>
      </c>
      <c r="AF6354">
        <v>44993.230759999999</v>
      </c>
      <c r="AG6354">
        <v>27876.16131</v>
      </c>
      <c r="AH6354">
        <v>220028.2936</v>
      </c>
      <c r="AI6354">
        <v>74112.356969999993</v>
      </c>
      <c r="AJ6354">
        <v>18094.88769</v>
      </c>
      <c r="AK6354">
        <v>29013.543989999998</v>
      </c>
      <c r="AL6354">
        <v>57086.80128</v>
      </c>
      <c r="AM6354">
        <v>19130.419900000001</v>
      </c>
      <c r="AN6354">
        <v>82890.694669999997</v>
      </c>
      <c r="AO6354">
        <v>29204.102630000001</v>
      </c>
      <c r="AP6354">
        <v>10542.74181</v>
      </c>
    </row>
    <row r="6355" spans="2:42" x14ac:dyDescent="0.3">
      <c r="B6355">
        <v>42.346022807554377</v>
      </c>
      <c r="C6355" s="83">
        <v>43365.708333333336</v>
      </c>
      <c r="D6355">
        <v>166455.6519</v>
      </c>
      <c r="E6355">
        <v>24248.133010000001</v>
      </c>
      <c r="F6355">
        <v>87226.938810000007</v>
      </c>
      <c r="G6355">
        <v>31437.903989999999</v>
      </c>
      <c r="H6355">
        <v>34271.665209999999</v>
      </c>
      <c r="I6355">
        <v>29759.36908</v>
      </c>
      <c r="J6355">
        <v>39876.150029999997</v>
      </c>
      <c r="K6355">
        <v>43440.887799999997</v>
      </c>
      <c r="L6355">
        <v>28174.579959999999</v>
      </c>
      <c r="M6355">
        <v>215899.772</v>
      </c>
      <c r="N6355">
        <v>73326.248290000003</v>
      </c>
      <c r="O6355">
        <v>18540.550630000002</v>
      </c>
      <c r="P6355">
        <v>30226.7742</v>
      </c>
      <c r="Q6355">
        <v>55938.594490000003</v>
      </c>
      <c r="R6355">
        <v>19566.130020000001</v>
      </c>
      <c r="S6355">
        <v>84005.371580000006</v>
      </c>
      <c r="T6355">
        <v>28752.470120000002</v>
      </c>
      <c r="U6355">
        <v>10805.058779999999</v>
      </c>
      <c r="W6355" s="83">
        <f>Bühler!N6387</f>
        <v>45556.708333317925</v>
      </c>
      <c r="X6355" s="83">
        <v>43365.708333333336</v>
      </c>
      <c r="Y6355">
        <v>166455.6519</v>
      </c>
      <c r="Z6355">
        <v>24248.133010000001</v>
      </c>
      <c r="AA6355">
        <v>87226.938810000007</v>
      </c>
      <c r="AB6355">
        <v>31437.903989999999</v>
      </c>
      <c r="AC6355">
        <v>34271.665209999999</v>
      </c>
      <c r="AD6355">
        <v>29759.36908</v>
      </c>
      <c r="AE6355">
        <v>39876.150029999997</v>
      </c>
      <c r="AF6355">
        <v>43440.887799999997</v>
      </c>
      <c r="AG6355">
        <v>28174.579959999999</v>
      </c>
      <c r="AH6355">
        <v>215899.772</v>
      </c>
      <c r="AI6355">
        <v>73326.248290000003</v>
      </c>
      <c r="AJ6355">
        <v>18540.550630000002</v>
      </c>
      <c r="AK6355">
        <v>30226.7742</v>
      </c>
      <c r="AL6355">
        <v>55938.594490000003</v>
      </c>
      <c r="AM6355">
        <v>19566.130020000001</v>
      </c>
      <c r="AN6355">
        <v>84005.371580000006</v>
      </c>
      <c r="AO6355">
        <v>28752.470120000002</v>
      </c>
      <c r="AP6355">
        <v>10805.058779999999</v>
      </c>
    </row>
    <row r="6356" spans="2:42" x14ac:dyDescent="0.3">
      <c r="B6356">
        <v>41.501785166015097</v>
      </c>
      <c r="C6356" s="83">
        <v>43365.75</v>
      </c>
      <c r="D6356">
        <v>165326.27489999999</v>
      </c>
      <c r="E6356">
        <v>22734.01053</v>
      </c>
      <c r="F6356">
        <v>85816.066879999998</v>
      </c>
      <c r="G6356">
        <v>31201.317780000001</v>
      </c>
      <c r="H6356">
        <v>33895.715129999997</v>
      </c>
      <c r="I6356">
        <v>29822.487069999999</v>
      </c>
      <c r="J6356">
        <v>39713.880989999998</v>
      </c>
      <c r="K6356">
        <v>43645.138959999997</v>
      </c>
      <c r="L6356">
        <v>28475.161970000001</v>
      </c>
      <c r="M6356">
        <v>211595.45480000001</v>
      </c>
      <c r="N6356">
        <v>73617.258379999999</v>
      </c>
      <c r="O6356">
        <v>17641.19542</v>
      </c>
      <c r="P6356">
        <v>33548.267480000002</v>
      </c>
      <c r="Q6356">
        <v>54099.83455</v>
      </c>
      <c r="R6356">
        <v>19429.81234</v>
      </c>
      <c r="S6356">
        <v>81969.620209999994</v>
      </c>
      <c r="T6356">
        <v>27748.65179</v>
      </c>
      <c r="U6356">
        <v>10872.993909999999</v>
      </c>
      <c r="W6356" s="83">
        <f>Bühler!N6388</f>
        <v>45556.74999998459</v>
      </c>
      <c r="X6356" s="83">
        <v>43365.75</v>
      </c>
      <c r="Y6356">
        <v>165326.27489999999</v>
      </c>
      <c r="Z6356">
        <v>22734.01053</v>
      </c>
      <c r="AA6356">
        <v>85816.066879999998</v>
      </c>
      <c r="AB6356">
        <v>31201.317780000001</v>
      </c>
      <c r="AC6356">
        <v>33895.715129999997</v>
      </c>
      <c r="AD6356">
        <v>29822.487069999999</v>
      </c>
      <c r="AE6356">
        <v>39713.880989999998</v>
      </c>
      <c r="AF6356">
        <v>43645.138959999997</v>
      </c>
      <c r="AG6356">
        <v>28475.161970000001</v>
      </c>
      <c r="AH6356">
        <v>211595.45480000001</v>
      </c>
      <c r="AI6356">
        <v>73617.258379999999</v>
      </c>
      <c r="AJ6356">
        <v>17641.19542</v>
      </c>
      <c r="AK6356">
        <v>33548.267480000002</v>
      </c>
      <c r="AL6356">
        <v>54099.83455</v>
      </c>
      <c r="AM6356">
        <v>19429.81234</v>
      </c>
      <c r="AN6356">
        <v>81969.620209999994</v>
      </c>
      <c r="AO6356">
        <v>27748.65179</v>
      </c>
      <c r="AP6356">
        <v>10872.993909999999</v>
      </c>
    </row>
    <row r="6357" spans="2:42" x14ac:dyDescent="0.3">
      <c r="B6357">
        <v>41.021852724397476</v>
      </c>
      <c r="C6357" s="83">
        <v>43365.791666666664</v>
      </c>
      <c r="D6357">
        <v>164389.37899999999</v>
      </c>
      <c r="E6357">
        <v>19092.024809999999</v>
      </c>
      <c r="F6357">
        <v>77311.999549999993</v>
      </c>
      <c r="G6357">
        <v>31315.561750000001</v>
      </c>
      <c r="H6357">
        <v>33806.351690000003</v>
      </c>
      <c r="I6357">
        <v>29183.20912</v>
      </c>
      <c r="J6357">
        <v>39442.39662</v>
      </c>
      <c r="K6357">
        <v>44624.058819999998</v>
      </c>
      <c r="L6357">
        <v>29758.57229</v>
      </c>
      <c r="M6357">
        <v>209148.53539999999</v>
      </c>
      <c r="N6357">
        <v>73628.980819999997</v>
      </c>
      <c r="O6357">
        <v>17440.771659999999</v>
      </c>
      <c r="P6357">
        <v>35587.040540000002</v>
      </c>
      <c r="Q6357">
        <v>52347.013830000004</v>
      </c>
      <c r="R6357">
        <v>20064.106220000001</v>
      </c>
      <c r="S6357">
        <v>81927.156749999995</v>
      </c>
      <c r="T6357">
        <v>26401.669529999999</v>
      </c>
      <c r="U6357">
        <v>11368.91675</v>
      </c>
      <c r="W6357" s="83">
        <f>Bühler!N6389</f>
        <v>45556.791666651254</v>
      </c>
      <c r="X6357" s="83">
        <v>43365.791666666664</v>
      </c>
      <c r="Y6357">
        <v>164389.37899999999</v>
      </c>
      <c r="Z6357">
        <v>19092.024809999999</v>
      </c>
      <c r="AA6357">
        <v>77311.999549999993</v>
      </c>
      <c r="AB6357">
        <v>31315.561750000001</v>
      </c>
      <c r="AC6357">
        <v>33806.351690000003</v>
      </c>
      <c r="AD6357">
        <v>29183.20912</v>
      </c>
      <c r="AE6357">
        <v>39442.39662</v>
      </c>
      <c r="AF6357">
        <v>44624.058819999998</v>
      </c>
      <c r="AG6357">
        <v>29758.57229</v>
      </c>
      <c r="AH6357">
        <v>209148.53539999999</v>
      </c>
      <c r="AI6357">
        <v>73628.980819999997</v>
      </c>
      <c r="AJ6357">
        <v>17440.771659999999</v>
      </c>
      <c r="AK6357">
        <v>35587.040540000002</v>
      </c>
      <c r="AL6357">
        <v>52347.013830000004</v>
      </c>
      <c r="AM6357">
        <v>20064.106220000001</v>
      </c>
      <c r="AN6357">
        <v>81927.156749999995</v>
      </c>
      <c r="AO6357">
        <v>26401.669529999999</v>
      </c>
      <c r="AP6357">
        <v>11368.91675</v>
      </c>
    </row>
    <row r="6358" spans="2:42" x14ac:dyDescent="0.3">
      <c r="B6358">
        <v>40.711842852018137</v>
      </c>
      <c r="C6358" s="83">
        <v>43365.833333333336</v>
      </c>
      <c r="D6358">
        <v>164507.33230000001</v>
      </c>
      <c r="E6358">
        <v>14376.765460000001</v>
      </c>
      <c r="F6358">
        <v>61816.553160000003</v>
      </c>
      <c r="G6358">
        <v>31541.879430000001</v>
      </c>
      <c r="H6358">
        <v>34092.166550000002</v>
      </c>
      <c r="I6358">
        <v>27082.68806</v>
      </c>
      <c r="J6358">
        <v>42080.298920000001</v>
      </c>
      <c r="K6358">
        <v>43803.399969999999</v>
      </c>
      <c r="L6358">
        <v>30123.08828</v>
      </c>
      <c r="M6358">
        <v>207567.96049999999</v>
      </c>
      <c r="N6358">
        <v>73666.861390000005</v>
      </c>
      <c r="O6358">
        <v>17420.12025</v>
      </c>
      <c r="P6358">
        <v>36776.530500000001</v>
      </c>
      <c r="Q6358">
        <v>50067.848310000001</v>
      </c>
      <c r="R6358">
        <v>19170.759249999999</v>
      </c>
      <c r="S6358">
        <v>78104.164439999993</v>
      </c>
      <c r="T6358">
        <v>24102.750660000002</v>
      </c>
      <c r="U6358">
        <v>11583.890090000001</v>
      </c>
      <c r="W6358" s="83">
        <f>Bühler!N6390</f>
        <v>45556.833333317918</v>
      </c>
      <c r="X6358" s="83">
        <v>43365.833333333336</v>
      </c>
      <c r="Y6358">
        <v>164507.33230000001</v>
      </c>
      <c r="Z6358">
        <v>14376.765460000001</v>
      </c>
      <c r="AA6358">
        <v>61816.553160000003</v>
      </c>
      <c r="AB6358">
        <v>31541.879430000001</v>
      </c>
      <c r="AC6358">
        <v>34092.166550000002</v>
      </c>
      <c r="AD6358">
        <v>27082.68806</v>
      </c>
      <c r="AE6358">
        <v>42080.298920000001</v>
      </c>
      <c r="AF6358">
        <v>43803.399969999999</v>
      </c>
      <c r="AG6358">
        <v>30123.08828</v>
      </c>
      <c r="AH6358">
        <v>207567.96049999999</v>
      </c>
      <c r="AI6358">
        <v>73666.861390000005</v>
      </c>
      <c r="AJ6358">
        <v>17420.12025</v>
      </c>
      <c r="AK6358">
        <v>36776.530500000001</v>
      </c>
      <c r="AL6358">
        <v>50067.848310000001</v>
      </c>
      <c r="AM6358">
        <v>19170.759249999999</v>
      </c>
      <c r="AN6358">
        <v>78104.164439999993</v>
      </c>
      <c r="AO6358">
        <v>24102.750660000002</v>
      </c>
      <c r="AP6358">
        <v>11583.890090000001</v>
      </c>
    </row>
    <row r="6359" spans="2:42" x14ac:dyDescent="0.3">
      <c r="B6359">
        <v>39.808168964424567</v>
      </c>
      <c r="C6359" s="83">
        <v>43365.875</v>
      </c>
      <c r="D6359">
        <v>163487.62340000001</v>
      </c>
      <c r="E6359">
        <v>12433.24257</v>
      </c>
      <c r="F6359">
        <v>53210.739289999998</v>
      </c>
      <c r="G6359">
        <v>31019.517449999999</v>
      </c>
      <c r="H6359">
        <v>33351.47178</v>
      </c>
      <c r="I6359">
        <v>24790.606960000001</v>
      </c>
      <c r="J6359">
        <v>40262.552380000001</v>
      </c>
      <c r="K6359">
        <v>43700.895980000001</v>
      </c>
      <c r="L6359">
        <v>28530.758099999999</v>
      </c>
      <c r="M6359">
        <v>202960.6096</v>
      </c>
      <c r="N6359">
        <v>72169.033240000004</v>
      </c>
      <c r="O6359">
        <v>17156.196110000001</v>
      </c>
      <c r="P6359">
        <v>35188.991880000001</v>
      </c>
      <c r="Q6359">
        <v>49265.66865</v>
      </c>
      <c r="R6359">
        <v>18566.459879999999</v>
      </c>
      <c r="S6359">
        <v>75366.164659999995</v>
      </c>
      <c r="T6359">
        <v>22521.738580000001</v>
      </c>
      <c r="U6359">
        <v>11660.354009999999</v>
      </c>
      <c r="W6359" s="83">
        <f>Bühler!N6391</f>
        <v>45556.874999984582</v>
      </c>
      <c r="X6359" s="83">
        <v>43365.875</v>
      </c>
      <c r="Y6359">
        <v>163487.62340000001</v>
      </c>
      <c r="Z6359">
        <v>12433.24257</v>
      </c>
      <c r="AA6359">
        <v>53210.739289999998</v>
      </c>
      <c r="AB6359">
        <v>31019.517449999999</v>
      </c>
      <c r="AC6359">
        <v>33351.47178</v>
      </c>
      <c r="AD6359">
        <v>24790.606960000001</v>
      </c>
      <c r="AE6359">
        <v>40262.552380000001</v>
      </c>
      <c r="AF6359">
        <v>43700.895980000001</v>
      </c>
      <c r="AG6359">
        <v>28530.758099999999</v>
      </c>
      <c r="AH6359">
        <v>202960.6096</v>
      </c>
      <c r="AI6359">
        <v>72169.033240000004</v>
      </c>
      <c r="AJ6359">
        <v>17156.196110000001</v>
      </c>
      <c r="AK6359">
        <v>35188.991880000001</v>
      </c>
      <c r="AL6359">
        <v>49265.66865</v>
      </c>
      <c r="AM6359">
        <v>18566.459879999999</v>
      </c>
      <c r="AN6359">
        <v>75366.164659999995</v>
      </c>
      <c r="AO6359">
        <v>22521.738580000001</v>
      </c>
      <c r="AP6359">
        <v>11660.354009999999</v>
      </c>
    </row>
    <row r="6360" spans="2:42" x14ac:dyDescent="0.3">
      <c r="B6360">
        <v>39.869513431372646</v>
      </c>
      <c r="C6360" s="83">
        <v>43365.916666666664</v>
      </c>
      <c r="D6360">
        <v>162047.46400000001</v>
      </c>
      <c r="E6360">
        <v>12136.476339999999</v>
      </c>
      <c r="F6360">
        <v>51149.324800000002</v>
      </c>
      <c r="G6360">
        <v>31097.235049999999</v>
      </c>
      <c r="H6360">
        <v>33391.969259999998</v>
      </c>
      <c r="I6360">
        <v>23134.17886</v>
      </c>
      <c r="J6360">
        <v>38142.464529999997</v>
      </c>
      <c r="K6360">
        <v>48514.549180000002</v>
      </c>
      <c r="L6360">
        <v>25205.63409</v>
      </c>
      <c r="M6360">
        <v>203273.37229999999</v>
      </c>
      <c r="N6360">
        <v>70979.427750000003</v>
      </c>
      <c r="O6360">
        <v>16976.09836</v>
      </c>
      <c r="P6360">
        <v>37137.691449999998</v>
      </c>
      <c r="Q6360">
        <v>49067.230629999998</v>
      </c>
      <c r="R6360">
        <v>19439.206399999999</v>
      </c>
      <c r="S6360">
        <v>74006.254629999996</v>
      </c>
      <c r="T6360">
        <v>21485.941429999999</v>
      </c>
      <c r="U6360">
        <v>11639.23647</v>
      </c>
      <c r="W6360" s="83">
        <f>Bühler!N6392</f>
        <v>45556.916666651246</v>
      </c>
      <c r="X6360" s="83">
        <v>43365.916666666664</v>
      </c>
      <c r="Y6360">
        <v>162047.46400000001</v>
      </c>
      <c r="Z6360">
        <v>12136.476339999999</v>
      </c>
      <c r="AA6360">
        <v>51149.324800000002</v>
      </c>
      <c r="AB6360">
        <v>31097.235049999999</v>
      </c>
      <c r="AC6360">
        <v>33391.969259999998</v>
      </c>
      <c r="AD6360">
        <v>23134.17886</v>
      </c>
      <c r="AE6360">
        <v>38142.464529999997</v>
      </c>
      <c r="AF6360">
        <v>48514.549180000002</v>
      </c>
      <c r="AG6360">
        <v>25205.63409</v>
      </c>
      <c r="AH6360">
        <v>203273.37229999999</v>
      </c>
      <c r="AI6360">
        <v>70979.427750000003</v>
      </c>
      <c r="AJ6360">
        <v>16976.09836</v>
      </c>
      <c r="AK6360">
        <v>37137.691449999998</v>
      </c>
      <c r="AL6360">
        <v>49067.230629999998</v>
      </c>
      <c r="AM6360">
        <v>19439.206399999999</v>
      </c>
      <c r="AN6360">
        <v>74006.254629999996</v>
      </c>
      <c r="AO6360">
        <v>21485.941429999999</v>
      </c>
      <c r="AP6360">
        <v>11639.23647</v>
      </c>
    </row>
    <row r="6361" spans="2:42" x14ac:dyDescent="0.3">
      <c r="B6361">
        <v>40.018513316641794</v>
      </c>
      <c r="C6361" s="83">
        <v>43365.958333333336</v>
      </c>
      <c r="D6361">
        <v>161547.20670000001</v>
      </c>
      <c r="E6361">
        <v>11787.86729</v>
      </c>
      <c r="F6361">
        <v>50937.634209999997</v>
      </c>
      <c r="G6361">
        <v>30797.017090000001</v>
      </c>
      <c r="H6361">
        <v>32862.012949999997</v>
      </c>
      <c r="I6361">
        <v>22640.629130000001</v>
      </c>
      <c r="J6361">
        <v>34943.924339999998</v>
      </c>
      <c r="K6361">
        <v>48508.399089999999</v>
      </c>
      <c r="L6361">
        <v>21463.200199999999</v>
      </c>
      <c r="M6361">
        <v>204033.04319999999</v>
      </c>
      <c r="N6361">
        <v>71478.217529999994</v>
      </c>
      <c r="O6361">
        <v>17010.898000000001</v>
      </c>
      <c r="P6361">
        <v>32407.217680000002</v>
      </c>
      <c r="Q6361">
        <v>49490.988579999997</v>
      </c>
      <c r="R6361">
        <v>18748.557870000001</v>
      </c>
      <c r="S6361">
        <v>72218.556750000003</v>
      </c>
      <c r="T6361">
        <v>20544.390449999999</v>
      </c>
      <c r="U6361">
        <v>11309.871359999999</v>
      </c>
      <c r="W6361" s="83">
        <f>Bühler!N6393</f>
        <v>45556.958333317911</v>
      </c>
      <c r="X6361" s="83">
        <v>43365.958333333336</v>
      </c>
      <c r="Y6361">
        <v>161547.20670000001</v>
      </c>
      <c r="Z6361">
        <v>11787.86729</v>
      </c>
      <c r="AA6361">
        <v>50937.634209999997</v>
      </c>
      <c r="AB6361">
        <v>30797.017090000001</v>
      </c>
      <c r="AC6361">
        <v>32862.012949999997</v>
      </c>
      <c r="AD6361">
        <v>22640.629130000001</v>
      </c>
      <c r="AE6361">
        <v>34943.924339999998</v>
      </c>
      <c r="AF6361">
        <v>48508.399089999999</v>
      </c>
      <c r="AG6361">
        <v>21463.200199999999</v>
      </c>
      <c r="AH6361">
        <v>204033.04319999999</v>
      </c>
      <c r="AI6361">
        <v>71478.217529999994</v>
      </c>
      <c r="AJ6361">
        <v>17010.898000000001</v>
      </c>
      <c r="AK6361">
        <v>32407.217680000002</v>
      </c>
      <c r="AL6361">
        <v>49490.988579999997</v>
      </c>
      <c r="AM6361">
        <v>18748.557870000001</v>
      </c>
      <c r="AN6361">
        <v>72218.556750000003</v>
      </c>
      <c r="AO6361">
        <v>20544.390449999999</v>
      </c>
      <c r="AP6361">
        <v>11309.871359999999</v>
      </c>
    </row>
    <row r="6362" spans="2:42" x14ac:dyDescent="0.3">
      <c r="B6362">
        <v>39.540531598895427</v>
      </c>
      <c r="C6362" s="83">
        <v>43366</v>
      </c>
      <c r="D6362">
        <v>161061.52559999999</v>
      </c>
      <c r="E6362">
        <v>11498.12169</v>
      </c>
      <c r="F6362">
        <v>48903.990230000003</v>
      </c>
      <c r="G6362">
        <v>31282.006829999998</v>
      </c>
      <c r="H6362">
        <v>32171.574680000002</v>
      </c>
      <c r="I6362">
        <v>21075.426930000001</v>
      </c>
      <c r="J6362">
        <v>32387.822649999998</v>
      </c>
      <c r="K6362">
        <v>47220.339260000001</v>
      </c>
      <c r="L6362">
        <v>18267.581119999999</v>
      </c>
      <c r="M6362">
        <v>201596.06950000001</v>
      </c>
      <c r="N6362">
        <v>69561.173540000003</v>
      </c>
      <c r="O6362">
        <v>16247.15597</v>
      </c>
      <c r="P6362">
        <v>29384.511839999999</v>
      </c>
      <c r="Q6362">
        <v>48321.066550000003</v>
      </c>
      <c r="R6362">
        <v>16299.52223</v>
      </c>
      <c r="S6362">
        <v>71049.694480000006</v>
      </c>
      <c r="T6362">
        <v>19447.52995</v>
      </c>
      <c r="U6362">
        <v>11038.93489</v>
      </c>
      <c r="W6362" s="83">
        <f>Bühler!N6394</f>
        <v>45556.999999984575</v>
      </c>
      <c r="X6362" s="83">
        <v>43366</v>
      </c>
      <c r="Y6362">
        <v>161061.52559999999</v>
      </c>
      <c r="Z6362">
        <v>11498.12169</v>
      </c>
      <c r="AA6362">
        <v>48903.990230000003</v>
      </c>
      <c r="AB6362">
        <v>31282.006829999998</v>
      </c>
      <c r="AC6362">
        <v>32171.574680000002</v>
      </c>
      <c r="AD6362">
        <v>21075.426930000001</v>
      </c>
      <c r="AE6362">
        <v>32387.822649999998</v>
      </c>
      <c r="AF6362">
        <v>47220.339260000001</v>
      </c>
      <c r="AG6362">
        <v>18267.581119999999</v>
      </c>
      <c r="AH6362">
        <v>201596.06950000001</v>
      </c>
      <c r="AI6362">
        <v>69561.173540000003</v>
      </c>
      <c r="AJ6362">
        <v>16247.15597</v>
      </c>
      <c r="AK6362">
        <v>29384.511839999999</v>
      </c>
      <c r="AL6362">
        <v>48321.066550000003</v>
      </c>
      <c r="AM6362">
        <v>16299.52223</v>
      </c>
      <c r="AN6362">
        <v>71049.694480000006</v>
      </c>
      <c r="AO6362">
        <v>19447.52995</v>
      </c>
      <c r="AP6362">
        <v>11038.93489</v>
      </c>
    </row>
    <row r="6363" spans="2:42" x14ac:dyDescent="0.3">
      <c r="B6363">
        <v>39.275202849175535</v>
      </c>
      <c r="C6363" s="83">
        <v>43366.041666666664</v>
      </c>
      <c r="D6363">
        <v>160697.35430000001</v>
      </c>
      <c r="E6363">
        <v>11199.320369999999</v>
      </c>
      <c r="F6363">
        <v>48681.682849999997</v>
      </c>
      <c r="G6363">
        <v>31004.621169999999</v>
      </c>
      <c r="H6363">
        <v>31769.781660000001</v>
      </c>
      <c r="I6363">
        <v>18089.744200000001</v>
      </c>
      <c r="J6363">
        <v>31332.502990000001</v>
      </c>
      <c r="K6363">
        <v>45525.393020000003</v>
      </c>
      <c r="L6363">
        <v>16229.10432</v>
      </c>
      <c r="M6363">
        <v>200243.29980000001</v>
      </c>
      <c r="N6363">
        <v>67994.994290000002</v>
      </c>
      <c r="O6363">
        <v>16747.15438</v>
      </c>
      <c r="P6363">
        <v>26403.704399999999</v>
      </c>
      <c r="Q6363">
        <v>48545.873729999999</v>
      </c>
      <c r="R6363">
        <v>15165.67294</v>
      </c>
      <c r="S6363">
        <v>70132.42095</v>
      </c>
      <c r="T6363">
        <v>18819.554889999999</v>
      </c>
      <c r="U6363">
        <v>10876.88637</v>
      </c>
      <c r="W6363" s="83">
        <f>Bühler!N6395</f>
        <v>45557.041666651239</v>
      </c>
      <c r="X6363" s="83">
        <v>43366.041666666664</v>
      </c>
      <c r="Y6363">
        <v>160697.35430000001</v>
      </c>
      <c r="Z6363">
        <v>11199.320369999999</v>
      </c>
      <c r="AA6363">
        <v>48681.682849999997</v>
      </c>
      <c r="AB6363">
        <v>31004.621169999999</v>
      </c>
      <c r="AC6363">
        <v>31769.781660000001</v>
      </c>
      <c r="AD6363">
        <v>18089.744200000001</v>
      </c>
      <c r="AE6363">
        <v>31332.502990000001</v>
      </c>
      <c r="AF6363">
        <v>45525.393020000003</v>
      </c>
      <c r="AG6363">
        <v>16229.10432</v>
      </c>
      <c r="AH6363">
        <v>200243.29980000001</v>
      </c>
      <c r="AI6363">
        <v>67994.994290000002</v>
      </c>
      <c r="AJ6363">
        <v>16747.15438</v>
      </c>
      <c r="AK6363">
        <v>26403.704399999999</v>
      </c>
      <c r="AL6363">
        <v>48545.873729999999</v>
      </c>
      <c r="AM6363">
        <v>15165.67294</v>
      </c>
      <c r="AN6363">
        <v>70132.42095</v>
      </c>
      <c r="AO6363">
        <v>18819.554889999999</v>
      </c>
      <c r="AP6363">
        <v>10876.88637</v>
      </c>
    </row>
    <row r="6364" spans="2:42" x14ac:dyDescent="0.3">
      <c r="B6364">
        <v>38.553820799492478</v>
      </c>
      <c r="C6364" s="83">
        <v>43366.083333333336</v>
      </c>
      <c r="D6364">
        <v>160790.5815</v>
      </c>
      <c r="E6364">
        <v>11180.204589999999</v>
      </c>
      <c r="F6364">
        <v>48463.248469999999</v>
      </c>
      <c r="G6364">
        <v>30595.698179999999</v>
      </c>
      <c r="H6364">
        <v>31430.516380000001</v>
      </c>
      <c r="I6364">
        <v>16430.220369999999</v>
      </c>
      <c r="J6364">
        <v>31320.954150000001</v>
      </c>
      <c r="K6364">
        <v>44572.167020000001</v>
      </c>
      <c r="L6364">
        <v>15969.68482</v>
      </c>
      <c r="M6364">
        <v>196565.35769999999</v>
      </c>
      <c r="N6364">
        <v>67448.708230000004</v>
      </c>
      <c r="O6364">
        <v>17007.75963</v>
      </c>
      <c r="P6364">
        <v>24640.996510000001</v>
      </c>
      <c r="Q6364">
        <v>49657.03484</v>
      </c>
      <c r="R6364">
        <v>14154.11198</v>
      </c>
      <c r="S6364">
        <v>69347.907789999997</v>
      </c>
      <c r="T6364">
        <v>18482.254140000001</v>
      </c>
      <c r="U6364">
        <v>11025.954170000001</v>
      </c>
      <c r="W6364" s="83">
        <f>Bühler!N6396</f>
        <v>45557.083333317903</v>
      </c>
      <c r="X6364" s="83">
        <v>43366.083333333336</v>
      </c>
      <c r="Y6364">
        <v>160790.5815</v>
      </c>
      <c r="Z6364">
        <v>11180.204589999999</v>
      </c>
      <c r="AA6364">
        <v>48463.248469999999</v>
      </c>
      <c r="AB6364">
        <v>30595.698179999999</v>
      </c>
      <c r="AC6364">
        <v>31430.516380000001</v>
      </c>
      <c r="AD6364">
        <v>16430.220369999999</v>
      </c>
      <c r="AE6364">
        <v>31320.954150000001</v>
      </c>
      <c r="AF6364">
        <v>44572.167020000001</v>
      </c>
      <c r="AG6364">
        <v>15969.68482</v>
      </c>
      <c r="AH6364">
        <v>196565.35769999999</v>
      </c>
      <c r="AI6364">
        <v>67448.708230000004</v>
      </c>
      <c r="AJ6364">
        <v>17007.75963</v>
      </c>
      <c r="AK6364">
        <v>24640.996510000001</v>
      </c>
      <c r="AL6364">
        <v>49657.03484</v>
      </c>
      <c r="AM6364">
        <v>14154.11198</v>
      </c>
      <c r="AN6364">
        <v>69347.907789999997</v>
      </c>
      <c r="AO6364">
        <v>18482.254140000001</v>
      </c>
      <c r="AP6364">
        <v>11025.954170000001</v>
      </c>
    </row>
    <row r="6365" spans="2:42" x14ac:dyDescent="0.3">
      <c r="B6365">
        <v>38.335073175168219</v>
      </c>
      <c r="C6365" s="83">
        <v>43366.125</v>
      </c>
      <c r="D6365">
        <v>160391.1415</v>
      </c>
      <c r="E6365">
        <v>11167.38608</v>
      </c>
      <c r="F6365">
        <v>48537.066740000002</v>
      </c>
      <c r="G6365">
        <v>30076.67297</v>
      </c>
      <c r="H6365">
        <v>31323.954089999999</v>
      </c>
      <c r="I6365">
        <v>15847.402910000001</v>
      </c>
      <c r="J6365">
        <v>31356.72003</v>
      </c>
      <c r="K6365">
        <v>42586.662300000004</v>
      </c>
      <c r="L6365">
        <v>15586.70074</v>
      </c>
      <c r="M6365">
        <v>195450.0803</v>
      </c>
      <c r="N6365">
        <v>66079.905010000002</v>
      </c>
      <c r="O6365">
        <v>17214.103790000001</v>
      </c>
      <c r="P6365">
        <v>24119.728279999999</v>
      </c>
      <c r="Q6365">
        <v>51397.753570000001</v>
      </c>
      <c r="R6365">
        <v>13351.09225</v>
      </c>
      <c r="S6365">
        <v>68817.1927</v>
      </c>
      <c r="T6365">
        <v>18261.084910000001</v>
      </c>
      <c r="U6365">
        <v>10777.33734</v>
      </c>
      <c r="W6365" s="83">
        <f>Bühler!N6397</f>
        <v>45557.124999984568</v>
      </c>
      <c r="X6365" s="83">
        <v>43366.125</v>
      </c>
      <c r="Y6365">
        <v>160391.1415</v>
      </c>
      <c r="Z6365">
        <v>11167.38608</v>
      </c>
      <c r="AA6365">
        <v>48537.066740000002</v>
      </c>
      <c r="AB6365">
        <v>30076.67297</v>
      </c>
      <c r="AC6365">
        <v>31323.954089999999</v>
      </c>
      <c r="AD6365">
        <v>15847.402910000001</v>
      </c>
      <c r="AE6365">
        <v>31356.72003</v>
      </c>
      <c r="AF6365">
        <v>42586.662300000004</v>
      </c>
      <c r="AG6365">
        <v>15586.70074</v>
      </c>
      <c r="AH6365">
        <v>195450.0803</v>
      </c>
      <c r="AI6365">
        <v>66079.905010000002</v>
      </c>
      <c r="AJ6365">
        <v>17214.103790000001</v>
      </c>
      <c r="AK6365">
        <v>24119.728279999999</v>
      </c>
      <c r="AL6365">
        <v>51397.753570000001</v>
      </c>
      <c r="AM6365">
        <v>13351.09225</v>
      </c>
      <c r="AN6365">
        <v>68817.1927</v>
      </c>
      <c r="AO6365">
        <v>18261.084910000001</v>
      </c>
      <c r="AP6365">
        <v>10777.33734</v>
      </c>
    </row>
    <row r="6366" spans="2:42" x14ac:dyDescent="0.3">
      <c r="B6366">
        <v>38.180372575595868</v>
      </c>
      <c r="C6366" s="83">
        <v>43366.166666666664</v>
      </c>
      <c r="D6366">
        <v>159352.6918</v>
      </c>
      <c r="E6366">
        <v>11200.067639999999</v>
      </c>
      <c r="F6366">
        <v>48349.675909999998</v>
      </c>
      <c r="G6366">
        <v>28840.31079</v>
      </c>
      <c r="H6366">
        <v>31306.359560000001</v>
      </c>
      <c r="I6366">
        <v>16160.28263</v>
      </c>
      <c r="J6366">
        <v>33563.514369999997</v>
      </c>
      <c r="K6366">
        <v>40810.504269999998</v>
      </c>
      <c r="L6366">
        <v>15181.59028</v>
      </c>
      <c r="M6366">
        <v>194661.34450000001</v>
      </c>
      <c r="N6366">
        <v>66157.807809999998</v>
      </c>
      <c r="O6366">
        <v>16857.985659999998</v>
      </c>
      <c r="P6366">
        <v>23497.983039999999</v>
      </c>
      <c r="Q6366">
        <v>51553.530330000001</v>
      </c>
      <c r="R6366">
        <v>13193.68786</v>
      </c>
      <c r="S6366">
        <v>69621.824009999997</v>
      </c>
      <c r="T6366">
        <v>18104.693019999999</v>
      </c>
      <c r="U6366">
        <v>10916.676079999999</v>
      </c>
      <c r="W6366" s="83">
        <f>Bühler!N6398</f>
        <v>45557.166666651232</v>
      </c>
      <c r="X6366" s="83">
        <v>43366.166666666664</v>
      </c>
      <c r="Y6366">
        <v>159352.6918</v>
      </c>
      <c r="Z6366">
        <v>11200.067639999999</v>
      </c>
      <c r="AA6366">
        <v>48349.675909999998</v>
      </c>
      <c r="AB6366">
        <v>28840.31079</v>
      </c>
      <c r="AC6366">
        <v>31306.359560000001</v>
      </c>
      <c r="AD6366">
        <v>16160.28263</v>
      </c>
      <c r="AE6366">
        <v>33563.514369999997</v>
      </c>
      <c r="AF6366">
        <v>40810.504269999998</v>
      </c>
      <c r="AG6366">
        <v>15181.59028</v>
      </c>
      <c r="AH6366">
        <v>194661.34450000001</v>
      </c>
      <c r="AI6366">
        <v>66157.807809999998</v>
      </c>
      <c r="AJ6366">
        <v>16857.985659999998</v>
      </c>
      <c r="AK6366">
        <v>23497.983039999999</v>
      </c>
      <c r="AL6366">
        <v>51553.530330000001</v>
      </c>
      <c r="AM6366">
        <v>13193.68786</v>
      </c>
      <c r="AN6366">
        <v>69621.824009999997</v>
      </c>
      <c r="AO6366">
        <v>18104.693019999999</v>
      </c>
      <c r="AP6366">
        <v>10916.676079999999</v>
      </c>
    </row>
    <row r="6367" spans="2:42" x14ac:dyDescent="0.3">
      <c r="B6367">
        <v>38.184223557181923</v>
      </c>
      <c r="C6367" s="83">
        <v>43366.208333333336</v>
      </c>
      <c r="D6367">
        <v>158747.97159999999</v>
      </c>
      <c r="E6367">
        <v>11324.94101</v>
      </c>
      <c r="F6367">
        <v>49520.840029999999</v>
      </c>
      <c r="G6367">
        <v>28895.098999999998</v>
      </c>
      <c r="H6367">
        <v>31648.599129999999</v>
      </c>
      <c r="I6367">
        <v>19544.352610000002</v>
      </c>
      <c r="J6367">
        <v>36307.070670000001</v>
      </c>
      <c r="K6367">
        <v>41407.254970000002</v>
      </c>
      <c r="L6367">
        <v>15408.98114</v>
      </c>
      <c r="M6367">
        <v>194680.9786</v>
      </c>
      <c r="N6367">
        <v>64445.067439999999</v>
      </c>
      <c r="O6367">
        <v>16607.891670000001</v>
      </c>
      <c r="P6367">
        <v>24731.879860000001</v>
      </c>
      <c r="Q6367">
        <v>51560.105490000002</v>
      </c>
      <c r="R6367">
        <v>13577.57827</v>
      </c>
      <c r="S6367">
        <v>71303.438370000003</v>
      </c>
      <c r="T6367">
        <v>18305.006089999999</v>
      </c>
      <c r="U6367">
        <v>10794.76967</v>
      </c>
      <c r="W6367" s="83">
        <f>Bühler!N6399</f>
        <v>45557.208333317896</v>
      </c>
      <c r="X6367" s="83">
        <v>43366.208333333336</v>
      </c>
      <c r="Y6367">
        <v>158747.97159999999</v>
      </c>
      <c r="Z6367">
        <v>11324.94101</v>
      </c>
      <c r="AA6367">
        <v>49520.840029999999</v>
      </c>
      <c r="AB6367">
        <v>28895.098999999998</v>
      </c>
      <c r="AC6367">
        <v>31648.599129999999</v>
      </c>
      <c r="AD6367">
        <v>19544.352610000002</v>
      </c>
      <c r="AE6367">
        <v>36307.070670000001</v>
      </c>
      <c r="AF6367">
        <v>41407.254970000002</v>
      </c>
      <c r="AG6367">
        <v>15408.98114</v>
      </c>
      <c r="AH6367">
        <v>194680.9786</v>
      </c>
      <c r="AI6367">
        <v>64445.067439999999</v>
      </c>
      <c r="AJ6367">
        <v>16607.891670000001</v>
      </c>
      <c r="AK6367">
        <v>24731.879860000001</v>
      </c>
      <c r="AL6367">
        <v>51560.105490000002</v>
      </c>
      <c r="AM6367">
        <v>13577.57827</v>
      </c>
      <c r="AN6367">
        <v>71303.438370000003</v>
      </c>
      <c r="AO6367">
        <v>18305.006089999999</v>
      </c>
      <c r="AP6367">
        <v>10794.76967</v>
      </c>
    </row>
    <row r="6368" spans="2:42" x14ac:dyDescent="0.3">
      <c r="B6368">
        <v>38.641769678611297</v>
      </c>
      <c r="C6368" s="83">
        <v>43366.25</v>
      </c>
      <c r="D6368">
        <v>159515.80129999999</v>
      </c>
      <c r="E6368">
        <v>11591.200150000001</v>
      </c>
      <c r="F6368">
        <v>52069.352129999999</v>
      </c>
      <c r="G6368">
        <v>29464.604759999998</v>
      </c>
      <c r="H6368">
        <v>31510.70609</v>
      </c>
      <c r="I6368">
        <v>21687.04117</v>
      </c>
      <c r="J6368">
        <v>39725.700980000001</v>
      </c>
      <c r="K6368">
        <v>40289.097099999999</v>
      </c>
      <c r="L6368">
        <v>15926.154549999999</v>
      </c>
      <c r="M6368">
        <v>197013.76209999999</v>
      </c>
      <c r="N6368">
        <v>63994.414599999996</v>
      </c>
      <c r="O6368">
        <v>16415.048699999999</v>
      </c>
      <c r="P6368">
        <v>25892.932049999999</v>
      </c>
      <c r="Q6368">
        <v>51726.555679999998</v>
      </c>
      <c r="R6368">
        <v>13835.805630000001</v>
      </c>
      <c r="S6368">
        <v>75834.844729999997</v>
      </c>
      <c r="T6368">
        <v>19146.938099999999</v>
      </c>
      <c r="U6368">
        <v>11122.61815</v>
      </c>
      <c r="W6368" s="83">
        <f>Bühler!N6400</f>
        <v>45557.24999998456</v>
      </c>
      <c r="X6368" s="83">
        <v>43366.25</v>
      </c>
      <c r="Y6368">
        <v>159515.80129999999</v>
      </c>
      <c r="Z6368">
        <v>11591.200150000001</v>
      </c>
      <c r="AA6368">
        <v>52069.352129999999</v>
      </c>
      <c r="AB6368">
        <v>29464.604759999998</v>
      </c>
      <c r="AC6368">
        <v>31510.70609</v>
      </c>
      <c r="AD6368">
        <v>21687.04117</v>
      </c>
      <c r="AE6368">
        <v>39725.700980000001</v>
      </c>
      <c r="AF6368">
        <v>40289.097099999999</v>
      </c>
      <c r="AG6368">
        <v>15926.154549999999</v>
      </c>
      <c r="AH6368">
        <v>197013.76209999999</v>
      </c>
      <c r="AI6368">
        <v>63994.414599999996</v>
      </c>
      <c r="AJ6368">
        <v>16415.048699999999</v>
      </c>
      <c r="AK6368">
        <v>25892.932049999999</v>
      </c>
      <c r="AL6368">
        <v>51726.555679999998</v>
      </c>
      <c r="AM6368">
        <v>13835.805630000001</v>
      </c>
      <c r="AN6368">
        <v>75834.844729999997</v>
      </c>
      <c r="AO6368">
        <v>19146.938099999999</v>
      </c>
      <c r="AP6368">
        <v>11122.61815</v>
      </c>
    </row>
    <row r="6369" spans="2:42" x14ac:dyDescent="0.3">
      <c r="B6369">
        <v>38.821562922014053</v>
      </c>
      <c r="C6369" s="83">
        <v>43366.291666666664</v>
      </c>
      <c r="D6369">
        <v>159040.74069999999</v>
      </c>
      <c r="E6369">
        <v>11929.23452</v>
      </c>
      <c r="F6369">
        <v>53658.638500000001</v>
      </c>
      <c r="G6369">
        <v>29672.28513</v>
      </c>
      <c r="H6369">
        <v>31451.69</v>
      </c>
      <c r="I6369">
        <v>22782.207060000001</v>
      </c>
      <c r="J6369">
        <v>39677.2958</v>
      </c>
      <c r="K6369">
        <v>39694.819439999999</v>
      </c>
      <c r="L6369">
        <v>17812.78183</v>
      </c>
      <c r="M6369">
        <v>197930.4319</v>
      </c>
      <c r="N6369">
        <v>64551.817900000002</v>
      </c>
      <c r="O6369">
        <v>17141.220270000002</v>
      </c>
      <c r="P6369">
        <v>28643.60124</v>
      </c>
      <c r="Q6369">
        <v>50211.498740000003</v>
      </c>
      <c r="R6369">
        <v>14264.154409999999</v>
      </c>
      <c r="S6369">
        <v>81404.261310000002</v>
      </c>
      <c r="T6369">
        <v>20160.008679999999</v>
      </c>
      <c r="U6369">
        <v>10649.22429</v>
      </c>
      <c r="W6369" s="83">
        <f>Bühler!N6401</f>
        <v>45557.291666651225</v>
      </c>
      <c r="X6369" s="83">
        <v>43366.291666666664</v>
      </c>
      <c r="Y6369">
        <v>159040.74069999999</v>
      </c>
      <c r="Z6369">
        <v>11929.23452</v>
      </c>
      <c r="AA6369">
        <v>53658.638500000001</v>
      </c>
      <c r="AB6369">
        <v>29672.28513</v>
      </c>
      <c r="AC6369">
        <v>31451.69</v>
      </c>
      <c r="AD6369">
        <v>22782.207060000001</v>
      </c>
      <c r="AE6369">
        <v>39677.2958</v>
      </c>
      <c r="AF6369">
        <v>39694.819439999999</v>
      </c>
      <c r="AG6369">
        <v>17812.78183</v>
      </c>
      <c r="AH6369">
        <v>197930.4319</v>
      </c>
      <c r="AI6369">
        <v>64551.817900000002</v>
      </c>
      <c r="AJ6369">
        <v>17141.220270000002</v>
      </c>
      <c r="AK6369">
        <v>28643.60124</v>
      </c>
      <c r="AL6369">
        <v>50211.498740000003</v>
      </c>
      <c r="AM6369">
        <v>14264.154409999999</v>
      </c>
      <c r="AN6369">
        <v>81404.261310000002</v>
      </c>
      <c r="AO6369">
        <v>20160.008679999999</v>
      </c>
      <c r="AP6369">
        <v>10649.22429</v>
      </c>
    </row>
    <row r="6370" spans="2:42" x14ac:dyDescent="0.3">
      <c r="B6370">
        <v>38.336757877865836</v>
      </c>
      <c r="C6370" s="83">
        <v>43366.333333333336</v>
      </c>
      <c r="D6370">
        <v>157459.49679999999</v>
      </c>
      <c r="E6370">
        <v>12320.5933</v>
      </c>
      <c r="F6370">
        <v>54479.719819999998</v>
      </c>
      <c r="G6370">
        <v>29575.556939999999</v>
      </c>
      <c r="H6370">
        <v>31066.638429999999</v>
      </c>
      <c r="I6370">
        <v>23165.086650000001</v>
      </c>
      <c r="J6370">
        <v>39472.22795</v>
      </c>
      <c r="K6370">
        <v>41023.647340000003</v>
      </c>
      <c r="L6370">
        <v>19904.453740000001</v>
      </c>
      <c r="M6370">
        <v>195458.6697</v>
      </c>
      <c r="N6370">
        <v>63329.251830000001</v>
      </c>
      <c r="O6370">
        <v>16883.641670000001</v>
      </c>
      <c r="P6370">
        <v>32051.61046</v>
      </c>
      <c r="Q6370">
        <v>49686.43118</v>
      </c>
      <c r="R6370">
        <v>14128.042030000001</v>
      </c>
      <c r="S6370">
        <v>83117.934630000003</v>
      </c>
      <c r="T6370">
        <v>22739.944630000002</v>
      </c>
      <c r="U6370">
        <v>10519.1836</v>
      </c>
      <c r="W6370" s="83">
        <f>Bühler!N6402</f>
        <v>45557.333333317889</v>
      </c>
      <c r="X6370" s="83">
        <v>43366.333333333336</v>
      </c>
      <c r="Y6370">
        <v>157459.49679999999</v>
      </c>
      <c r="Z6370">
        <v>12320.5933</v>
      </c>
      <c r="AA6370">
        <v>54479.719819999998</v>
      </c>
      <c r="AB6370">
        <v>29575.556939999999</v>
      </c>
      <c r="AC6370">
        <v>31066.638429999999</v>
      </c>
      <c r="AD6370">
        <v>23165.086650000001</v>
      </c>
      <c r="AE6370">
        <v>39472.22795</v>
      </c>
      <c r="AF6370">
        <v>41023.647340000003</v>
      </c>
      <c r="AG6370">
        <v>19904.453740000001</v>
      </c>
      <c r="AH6370">
        <v>195458.6697</v>
      </c>
      <c r="AI6370">
        <v>63329.251830000001</v>
      </c>
      <c r="AJ6370">
        <v>16883.641670000001</v>
      </c>
      <c r="AK6370">
        <v>32051.61046</v>
      </c>
      <c r="AL6370">
        <v>49686.43118</v>
      </c>
      <c r="AM6370">
        <v>14128.042030000001</v>
      </c>
      <c r="AN6370">
        <v>83117.934630000003</v>
      </c>
      <c r="AO6370">
        <v>22739.944630000002</v>
      </c>
      <c r="AP6370">
        <v>10519.1836</v>
      </c>
    </row>
    <row r="6371" spans="2:42" x14ac:dyDescent="0.3">
      <c r="B6371">
        <v>38.051743482842362</v>
      </c>
      <c r="C6371" s="83">
        <v>43366.375</v>
      </c>
      <c r="D6371">
        <v>156952.6545</v>
      </c>
      <c r="E6371">
        <v>12934.66433</v>
      </c>
      <c r="F6371">
        <v>57155.134530000003</v>
      </c>
      <c r="G6371">
        <v>30064.887739999998</v>
      </c>
      <c r="H6371">
        <v>31520.586200000002</v>
      </c>
      <c r="I6371">
        <v>22592.627260000001</v>
      </c>
      <c r="J6371">
        <v>40097.875139999996</v>
      </c>
      <c r="K6371">
        <v>43101.494650000001</v>
      </c>
      <c r="L6371">
        <v>22976.895219999999</v>
      </c>
      <c r="M6371">
        <v>194005.53339999999</v>
      </c>
      <c r="N6371">
        <v>65130.934829999998</v>
      </c>
      <c r="O6371">
        <v>17216.798009999999</v>
      </c>
      <c r="P6371">
        <v>35277.064140000002</v>
      </c>
      <c r="Q6371">
        <v>50167.183089999999</v>
      </c>
      <c r="R6371">
        <v>14608.628350000001</v>
      </c>
      <c r="S6371">
        <v>85057.148629999996</v>
      </c>
      <c r="T6371">
        <v>24925.310750000001</v>
      </c>
      <c r="U6371">
        <v>9941.5477640000008</v>
      </c>
      <c r="W6371" s="83">
        <f>Bühler!N6403</f>
        <v>45557.374999984553</v>
      </c>
      <c r="X6371" s="83">
        <v>43366.375</v>
      </c>
      <c r="Y6371">
        <v>156952.6545</v>
      </c>
      <c r="Z6371">
        <v>12934.66433</v>
      </c>
      <c r="AA6371">
        <v>57155.134530000003</v>
      </c>
      <c r="AB6371">
        <v>30064.887739999998</v>
      </c>
      <c r="AC6371">
        <v>31520.586200000002</v>
      </c>
      <c r="AD6371">
        <v>22592.627260000001</v>
      </c>
      <c r="AE6371">
        <v>40097.875139999996</v>
      </c>
      <c r="AF6371">
        <v>43101.494650000001</v>
      </c>
      <c r="AG6371">
        <v>22976.895219999999</v>
      </c>
      <c r="AH6371">
        <v>194005.53339999999</v>
      </c>
      <c r="AI6371">
        <v>65130.934829999998</v>
      </c>
      <c r="AJ6371">
        <v>17216.798009999999</v>
      </c>
      <c r="AK6371">
        <v>35277.064140000002</v>
      </c>
      <c r="AL6371">
        <v>50167.183089999999</v>
      </c>
      <c r="AM6371">
        <v>14608.628350000001</v>
      </c>
      <c r="AN6371">
        <v>85057.148629999996</v>
      </c>
      <c r="AO6371">
        <v>24925.310750000001</v>
      </c>
      <c r="AP6371">
        <v>9941.5477640000008</v>
      </c>
    </row>
    <row r="6372" spans="2:42" x14ac:dyDescent="0.3">
      <c r="B6372">
        <v>38.096542817520799</v>
      </c>
      <c r="C6372" s="83">
        <v>43366.416666666664</v>
      </c>
      <c r="D6372">
        <v>156284.7488</v>
      </c>
      <c r="E6372">
        <v>13709.606449999999</v>
      </c>
      <c r="F6372">
        <v>59273.295879999998</v>
      </c>
      <c r="G6372">
        <v>30402.474289999998</v>
      </c>
      <c r="H6372">
        <v>32244.64604</v>
      </c>
      <c r="I6372">
        <v>22678.158950000001</v>
      </c>
      <c r="J6372">
        <v>39437.1</v>
      </c>
      <c r="K6372">
        <v>44706.467259999998</v>
      </c>
      <c r="L6372">
        <v>26425.406879999999</v>
      </c>
      <c r="M6372">
        <v>194233.94130000001</v>
      </c>
      <c r="N6372">
        <v>67221.345440000005</v>
      </c>
      <c r="O6372">
        <v>17468.143960000001</v>
      </c>
      <c r="P6372">
        <v>36076.694539999997</v>
      </c>
      <c r="Q6372">
        <v>50415.463389999997</v>
      </c>
      <c r="R6372">
        <v>15743.37401</v>
      </c>
      <c r="S6372">
        <v>85646.412129999997</v>
      </c>
      <c r="T6372">
        <v>27276.272250000002</v>
      </c>
      <c r="U6372">
        <v>10227.00747</v>
      </c>
      <c r="W6372" s="83">
        <f>Bühler!N6404</f>
        <v>45557.416666651217</v>
      </c>
      <c r="X6372" s="83">
        <v>43366.416666666664</v>
      </c>
      <c r="Y6372">
        <v>156284.7488</v>
      </c>
      <c r="Z6372">
        <v>13709.606449999999</v>
      </c>
      <c r="AA6372">
        <v>59273.295879999998</v>
      </c>
      <c r="AB6372">
        <v>30402.474289999998</v>
      </c>
      <c r="AC6372">
        <v>32244.64604</v>
      </c>
      <c r="AD6372">
        <v>22678.158950000001</v>
      </c>
      <c r="AE6372">
        <v>39437.1</v>
      </c>
      <c r="AF6372">
        <v>44706.467259999998</v>
      </c>
      <c r="AG6372">
        <v>26425.406879999999</v>
      </c>
      <c r="AH6372">
        <v>194233.94130000001</v>
      </c>
      <c r="AI6372">
        <v>67221.345440000005</v>
      </c>
      <c r="AJ6372">
        <v>17468.143960000001</v>
      </c>
      <c r="AK6372">
        <v>36076.694539999997</v>
      </c>
      <c r="AL6372">
        <v>50415.463389999997</v>
      </c>
      <c r="AM6372">
        <v>15743.37401</v>
      </c>
      <c r="AN6372">
        <v>85646.412129999997</v>
      </c>
      <c r="AO6372">
        <v>27276.272250000002</v>
      </c>
      <c r="AP6372">
        <v>10227.00747</v>
      </c>
    </row>
    <row r="6373" spans="2:42" x14ac:dyDescent="0.3">
      <c r="B6373">
        <v>38.576841486916493</v>
      </c>
      <c r="C6373" s="83">
        <v>43366.458333333336</v>
      </c>
      <c r="D6373">
        <v>155997.62760000001</v>
      </c>
      <c r="E6373">
        <v>14006.02115</v>
      </c>
      <c r="F6373">
        <v>59481.833120000003</v>
      </c>
      <c r="G6373">
        <v>30952.50576</v>
      </c>
      <c r="H6373">
        <v>32724.79147</v>
      </c>
      <c r="I6373">
        <v>23102.776829999999</v>
      </c>
      <c r="J6373">
        <v>40100.81942</v>
      </c>
      <c r="K6373">
        <v>45800.362840000002</v>
      </c>
      <c r="L6373">
        <v>27417.941139999999</v>
      </c>
      <c r="M6373">
        <v>196682.7279</v>
      </c>
      <c r="N6373">
        <v>67920.357260000004</v>
      </c>
      <c r="O6373">
        <v>17159.615460000001</v>
      </c>
      <c r="P6373">
        <v>35990.469530000002</v>
      </c>
      <c r="Q6373">
        <v>50246.475579999998</v>
      </c>
      <c r="R6373">
        <v>16316.803599999999</v>
      </c>
      <c r="S6373">
        <v>88350.438569999998</v>
      </c>
      <c r="T6373">
        <v>27856.907190000002</v>
      </c>
      <c r="U6373">
        <v>9913.8225170000005</v>
      </c>
      <c r="W6373" s="83">
        <f>Bühler!N6405</f>
        <v>45557.458333317882</v>
      </c>
      <c r="X6373" s="83">
        <v>43366.458333333336</v>
      </c>
      <c r="Y6373">
        <v>155997.62760000001</v>
      </c>
      <c r="Z6373">
        <v>14006.02115</v>
      </c>
      <c r="AA6373">
        <v>59481.833120000003</v>
      </c>
      <c r="AB6373">
        <v>30952.50576</v>
      </c>
      <c r="AC6373">
        <v>32724.79147</v>
      </c>
      <c r="AD6373">
        <v>23102.776829999999</v>
      </c>
      <c r="AE6373">
        <v>40100.81942</v>
      </c>
      <c r="AF6373">
        <v>45800.362840000002</v>
      </c>
      <c r="AG6373">
        <v>27417.941139999999</v>
      </c>
      <c r="AH6373">
        <v>196682.7279</v>
      </c>
      <c r="AI6373">
        <v>67920.357260000004</v>
      </c>
      <c r="AJ6373">
        <v>17159.615460000001</v>
      </c>
      <c r="AK6373">
        <v>35990.469530000002</v>
      </c>
      <c r="AL6373">
        <v>50246.475579999998</v>
      </c>
      <c r="AM6373">
        <v>16316.803599999999</v>
      </c>
      <c r="AN6373">
        <v>88350.438569999998</v>
      </c>
      <c r="AO6373">
        <v>27856.907190000002</v>
      </c>
      <c r="AP6373">
        <v>9913.8225170000005</v>
      </c>
    </row>
    <row r="6374" spans="2:42" x14ac:dyDescent="0.3">
      <c r="B6374">
        <v>38.657185039766716</v>
      </c>
      <c r="C6374" s="83">
        <v>43366.5</v>
      </c>
      <c r="D6374">
        <v>155843.05009999999</v>
      </c>
      <c r="E6374">
        <v>13987.707990000001</v>
      </c>
      <c r="F6374">
        <v>56519.933570000001</v>
      </c>
      <c r="G6374">
        <v>31263.192849999999</v>
      </c>
      <c r="H6374">
        <v>32406.638070000001</v>
      </c>
      <c r="I6374">
        <v>23448.646629999999</v>
      </c>
      <c r="J6374">
        <v>40628.409679999997</v>
      </c>
      <c r="K6374">
        <v>46639.920209999997</v>
      </c>
      <c r="L6374">
        <v>29396.360059999999</v>
      </c>
      <c r="M6374">
        <v>197092.35680000001</v>
      </c>
      <c r="N6374">
        <v>67553.531159999999</v>
      </c>
      <c r="O6374">
        <v>17594.61001</v>
      </c>
      <c r="P6374">
        <v>35806.997430000003</v>
      </c>
      <c r="Q6374">
        <v>49067.476130000003</v>
      </c>
      <c r="R6374">
        <v>17097.07617</v>
      </c>
      <c r="S6374">
        <v>84997.362349999996</v>
      </c>
      <c r="T6374">
        <v>27937.61908</v>
      </c>
      <c r="U6374">
        <v>10113.51513</v>
      </c>
      <c r="W6374" s="83">
        <f>Bühler!N6406</f>
        <v>45557.499999984546</v>
      </c>
      <c r="X6374" s="83">
        <v>43366.5</v>
      </c>
      <c r="Y6374">
        <v>155843.05009999999</v>
      </c>
      <c r="Z6374">
        <v>13987.707990000001</v>
      </c>
      <c r="AA6374">
        <v>56519.933570000001</v>
      </c>
      <c r="AB6374">
        <v>31263.192849999999</v>
      </c>
      <c r="AC6374">
        <v>32406.638070000001</v>
      </c>
      <c r="AD6374">
        <v>23448.646629999999</v>
      </c>
      <c r="AE6374">
        <v>40628.409679999997</v>
      </c>
      <c r="AF6374">
        <v>46639.920209999997</v>
      </c>
      <c r="AG6374">
        <v>29396.360059999999</v>
      </c>
      <c r="AH6374">
        <v>197092.35680000001</v>
      </c>
      <c r="AI6374">
        <v>67553.531159999999</v>
      </c>
      <c r="AJ6374">
        <v>17594.61001</v>
      </c>
      <c r="AK6374">
        <v>35806.997430000003</v>
      </c>
      <c r="AL6374">
        <v>49067.476130000003</v>
      </c>
      <c r="AM6374">
        <v>17097.07617</v>
      </c>
      <c r="AN6374">
        <v>84997.362349999996</v>
      </c>
      <c r="AO6374">
        <v>27937.61908</v>
      </c>
      <c r="AP6374">
        <v>10113.51513</v>
      </c>
    </row>
    <row r="6375" spans="2:42" x14ac:dyDescent="0.3">
      <c r="B6375">
        <v>38.619062909117233</v>
      </c>
      <c r="C6375" s="83">
        <v>43366.541666666664</v>
      </c>
      <c r="D6375">
        <v>156509.04370000001</v>
      </c>
      <c r="E6375">
        <v>14230.663930000001</v>
      </c>
      <c r="F6375">
        <v>49973.698609999999</v>
      </c>
      <c r="G6375">
        <v>31196.641479999998</v>
      </c>
      <c r="H6375">
        <v>32145.214390000001</v>
      </c>
      <c r="I6375">
        <v>23617.363590000001</v>
      </c>
      <c r="J6375">
        <v>39220.80762</v>
      </c>
      <c r="K6375">
        <v>45937.39172</v>
      </c>
      <c r="L6375">
        <v>29578.22481</v>
      </c>
      <c r="M6375">
        <v>196897.99239999999</v>
      </c>
      <c r="N6375">
        <v>67531.686700000006</v>
      </c>
      <c r="O6375">
        <v>17118.407299999999</v>
      </c>
      <c r="P6375">
        <v>34366.053350000002</v>
      </c>
      <c r="Q6375">
        <v>48869.001499999998</v>
      </c>
      <c r="R6375">
        <v>17475.45033</v>
      </c>
      <c r="S6375">
        <v>85712.818639999998</v>
      </c>
      <c r="T6375">
        <v>27472.36781</v>
      </c>
      <c r="U6375">
        <v>9735.0867670000007</v>
      </c>
      <c r="W6375" s="83">
        <f>Bühler!N6407</f>
        <v>45557.54166665121</v>
      </c>
      <c r="X6375" s="83">
        <v>43366.541666666664</v>
      </c>
      <c r="Y6375">
        <v>156509.04370000001</v>
      </c>
      <c r="Z6375">
        <v>14230.663930000001</v>
      </c>
      <c r="AA6375">
        <v>49973.698609999999</v>
      </c>
      <c r="AB6375">
        <v>31196.641479999998</v>
      </c>
      <c r="AC6375">
        <v>32145.214390000001</v>
      </c>
      <c r="AD6375">
        <v>23617.363590000001</v>
      </c>
      <c r="AE6375">
        <v>39220.80762</v>
      </c>
      <c r="AF6375">
        <v>45937.39172</v>
      </c>
      <c r="AG6375">
        <v>29578.22481</v>
      </c>
      <c r="AH6375">
        <v>196897.99239999999</v>
      </c>
      <c r="AI6375">
        <v>67531.686700000006</v>
      </c>
      <c r="AJ6375">
        <v>17118.407299999999</v>
      </c>
      <c r="AK6375">
        <v>34366.053350000002</v>
      </c>
      <c r="AL6375">
        <v>48869.001499999998</v>
      </c>
      <c r="AM6375">
        <v>17475.45033</v>
      </c>
      <c r="AN6375">
        <v>85712.818639999998</v>
      </c>
      <c r="AO6375">
        <v>27472.36781</v>
      </c>
      <c r="AP6375">
        <v>9735.0867670000007</v>
      </c>
    </row>
    <row r="6376" spans="2:42" x14ac:dyDescent="0.3">
      <c r="B6376">
        <v>38.148346023090006</v>
      </c>
      <c r="C6376" s="83">
        <v>43366.583333333336</v>
      </c>
      <c r="D6376">
        <v>157175.79070000001</v>
      </c>
      <c r="E6376">
        <v>14257.410029999999</v>
      </c>
      <c r="F6376">
        <v>49980.599889999998</v>
      </c>
      <c r="G6376">
        <v>30693.209070000001</v>
      </c>
      <c r="H6376">
        <v>31944.877789999999</v>
      </c>
      <c r="I6376">
        <v>23701.779119999999</v>
      </c>
      <c r="J6376">
        <v>38760.384480000001</v>
      </c>
      <c r="K6376">
        <v>44340.045579999998</v>
      </c>
      <c r="L6376">
        <v>28231.818299999999</v>
      </c>
      <c r="M6376">
        <v>194498.0582</v>
      </c>
      <c r="N6376">
        <v>67152.766269999993</v>
      </c>
      <c r="O6376">
        <v>16310.67497</v>
      </c>
      <c r="P6376">
        <v>31831.468440000001</v>
      </c>
      <c r="Q6376">
        <v>49115.569159999999</v>
      </c>
      <c r="R6376">
        <v>16899.387180000002</v>
      </c>
      <c r="S6376">
        <v>82664.672779999994</v>
      </c>
      <c r="T6376">
        <v>27134.81076</v>
      </c>
      <c r="U6376">
        <v>9998.2151080000003</v>
      </c>
      <c r="W6376" s="83">
        <f>Bühler!N6408</f>
        <v>45557.583333317874</v>
      </c>
      <c r="X6376" s="83">
        <v>43366.583333333336</v>
      </c>
      <c r="Y6376">
        <v>157175.79070000001</v>
      </c>
      <c r="Z6376">
        <v>14257.410029999999</v>
      </c>
      <c r="AA6376">
        <v>49980.599889999998</v>
      </c>
      <c r="AB6376">
        <v>30693.209070000001</v>
      </c>
      <c r="AC6376">
        <v>31944.877789999999</v>
      </c>
      <c r="AD6376">
        <v>23701.779119999999</v>
      </c>
      <c r="AE6376">
        <v>38760.384480000001</v>
      </c>
      <c r="AF6376">
        <v>44340.045579999998</v>
      </c>
      <c r="AG6376">
        <v>28231.818299999999</v>
      </c>
      <c r="AH6376">
        <v>194498.0582</v>
      </c>
      <c r="AI6376">
        <v>67152.766269999993</v>
      </c>
      <c r="AJ6376">
        <v>16310.67497</v>
      </c>
      <c r="AK6376">
        <v>31831.468440000001</v>
      </c>
      <c r="AL6376">
        <v>49115.569159999999</v>
      </c>
      <c r="AM6376">
        <v>16899.387180000002</v>
      </c>
      <c r="AN6376">
        <v>82664.672779999994</v>
      </c>
      <c r="AO6376">
        <v>27134.81076</v>
      </c>
      <c r="AP6376">
        <v>9998.2151080000003</v>
      </c>
    </row>
    <row r="6377" spans="2:42" x14ac:dyDescent="0.3">
      <c r="B6377">
        <v>38.658014034157681</v>
      </c>
      <c r="C6377" s="83">
        <v>43366.625</v>
      </c>
      <c r="D6377">
        <v>157682.02110000001</v>
      </c>
      <c r="E6377">
        <v>14265.473959999999</v>
      </c>
      <c r="F6377">
        <v>50611.908020000003</v>
      </c>
      <c r="G6377">
        <v>30680.083760000001</v>
      </c>
      <c r="H6377">
        <v>31828.83337</v>
      </c>
      <c r="I6377">
        <v>24040.67668</v>
      </c>
      <c r="J6377">
        <v>38646.124929999998</v>
      </c>
      <c r="K6377">
        <v>44368.31439</v>
      </c>
      <c r="L6377">
        <v>26108.525000000001</v>
      </c>
      <c r="M6377">
        <v>197096.5834</v>
      </c>
      <c r="N6377">
        <v>65737.319789999994</v>
      </c>
      <c r="O6377">
        <v>16984.740170000001</v>
      </c>
      <c r="P6377">
        <v>29828.389800000001</v>
      </c>
      <c r="Q6377">
        <v>49446.593070000003</v>
      </c>
      <c r="R6377">
        <v>16631.563579999998</v>
      </c>
      <c r="S6377">
        <v>82415.964680000005</v>
      </c>
      <c r="T6377">
        <v>27611.887050000001</v>
      </c>
      <c r="U6377">
        <v>9598.0393650000005</v>
      </c>
      <c r="W6377" s="83">
        <f>Bühler!N6409</f>
        <v>45557.624999984539</v>
      </c>
      <c r="X6377" s="83">
        <v>43366.625</v>
      </c>
      <c r="Y6377">
        <v>157682.02110000001</v>
      </c>
      <c r="Z6377">
        <v>14265.473959999999</v>
      </c>
      <c r="AA6377">
        <v>50611.908020000003</v>
      </c>
      <c r="AB6377">
        <v>30680.083760000001</v>
      </c>
      <c r="AC6377">
        <v>31828.83337</v>
      </c>
      <c r="AD6377">
        <v>24040.67668</v>
      </c>
      <c r="AE6377">
        <v>38646.124929999998</v>
      </c>
      <c r="AF6377">
        <v>44368.31439</v>
      </c>
      <c r="AG6377">
        <v>26108.525000000001</v>
      </c>
      <c r="AH6377">
        <v>197096.5834</v>
      </c>
      <c r="AI6377">
        <v>65737.319789999994</v>
      </c>
      <c r="AJ6377">
        <v>16984.740170000001</v>
      </c>
      <c r="AK6377">
        <v>29828.389800000001</v>
      </c>
      <c r="AL6377">
        <v>49446.593070000003</v>
      </c>
      <c r="AM6377">
        <v>16631.563579999998</v>
      </c>
      <c r="AN6377">
        <v>82415.964680000005</v>
      </c>
      <c r="AO6377">
        <v>27611.887050000001</v>
      </c>
      <c r="AP6377">
        <v>9598.0393650000005</v>
      </c>
    </row>
    <row r="6378" spans="2:42" x14ac:dyDescent="0.3">
      <c r="B6378">
        <v>38.517487853940672</v>
      </c>
      <c r="C6378" s="83">
        <v>43366.666666666664</v>
      </c>
      <c r="D6378">
        <v>158207.8725</v>
      </c>
      <c r="E6378">
        <v>14603.27369</v>
      </c>
      <c r="F6378">
        <v>50070.558340000003</v>
      </c>
      <c r="G6378">
        <v>30397.3092</v>
      </c>
      <c r="H6378">
        <v>31585.76483</v>
      </c>
      <c r="I6378">
        <v>24390.399590000001</v>
      </c>
      <c r="J6378">
        <v>38393.23098</v>
      </c>
      <c r="K6378">
        <v>43427.90135</v>
      </c>
      <c r="L6378">
        <v>25168.718560000001</v>
      </c>
      <c r="M6378">
        <v>196380.11540000001</v>
      </c>
      <c r="N6378">
        <v>65605.956009999994</v>
      </c>
      <c r="O6378">
        <v>17168.885620000001</v>
      </c>
      <c r="P6378">
        <v>28931.841100000001</v>
      </c>
      <c r="Q6378">
        <v>49678.726459999998</v>
      </c>
      <c r="R6378">
        <v>17096.43348</v>
      </c>
      <c r="S6378">
        <v>82908.625230000005</v>
      </c>
      <c r="T6378">
        <v>27020.6495</v>
      </c>
      <c r="U6378">
        <v>10076.19183</v>
      </c>
      <c r="W6378" s="83">
        <f>Bühler!N6410</f>
        <v>45557.666666651203</v>
      </c>
      <c r="X6378" s="83">
        <v>43366.666666666664</v>
      </c>
      <c r="Y6378">
        <v>158207.8725</v>
      </c>
      <c r="Z6378">
        <v>14603.27369</v>
      </c>
      <c r="AA6378">
        <v>50070.558340000003</v>
      </c>
      <c r="AB6378">
        <v>30397.3092</v>
      </c>
      <c r="AC6378">
        <v>31585.76483</v>
      </c>
      <c r="AD6378">
        <v>24390.399590000001</v>
      </c>
      <c r="AE6378">
        <v>38393.23098</v>
      </c>
      <c r="AF6378">
        <v>43427.90135</v>
      </c>
      <c r="AG6378">
        <v>25168.718560000001</v>
      </c>
      <c r="AH6378">
        <v>196380.11540000001</v>
      </c>
      <c r="AI6378">
        <v>65605.956009999994</v>
      </c>
      <c r="AJ6378">
        <v>17168.885620000001</v>
      </c>
      <c r="AK6378">
        <v>28931.841100000001</v>
      </c>
      <c r="AL6378">
        <v>49678.726459999998</v>
      </c>
      <c r="AM6378">
        <v>17096.43348</v>
      </c>
      <c r="AN6378">
        <v>82908.625230000005</v>
      </c>
      <c r="AO6378">
        <v>27020.6495</v>
      </c>
      <c r="AP6378">
        <v>10076.19183</v>
      </c>
    </row>
    <row r="6379" spans="2:42" x14ac:dyDescent="0.3">
      <c r="B6379">
        <v>38.143327651233854</v>
      </c>
      <c r="C6379" s="83">
        <v>43366.708333333336</v>
      </c>
      <c r="D6379">
        <v>159251.85329999999</v>
      </c>
      <c r="E6379">
        <v>14452.741019999999</v>
      </c>
      <c r="F6379">
        <v>49585.921979999999</v>
      </c>
      <c r="G6379">
        <v>30296.206050000001</v>
      </c>
      <c r="H6379">
        <v>31430.500800000002</v>
      </c>
      <c r="I6379">
        <v>24952.439170000001</v>
      </c>
      <c r="J6379">
        <v>38950.866170000001</v>
      </c>
      <c r="K6379">
        <v>42571.553180000003</v>
      </c>
      <c r="L6379">
        <v>25207.262460000002</v>
      </c>
      <c r="M6379">
        <v>194472.47219999999</v>
      </c>
      <c r="N6379">
        <v>65519.059759999996</v>
      </c>
      <c r="O6379">
        <v>16519.175650000001</v>
      </c>
      <c r="P6379">
        <v>28914.206610000001</v>
      </c>
      <c r="Q6379">
        <v>51055.730920000002</v>
      </c>
      <c r="R6379">
        <v>17192.121459999998</v>
      </c>
      <c r="S6379">
        <v>84461.649720000001</v>
      </c>
      <c r="T6379">
        <v>26238.54</v>
      </c>
      <c r="U6379">
        <v>9766.4041190000007</v>
      </c>
      <c r="W6379" s="83">
        <f>Bühler!N6411</f>
        <v>45557.708333317867</v>
      </c>
      <c r="X6379" s="83">
        <v>43366.708333333336</v>
      </c>
      <c r="Y6379">
        <v>159251.85329999999</v>
      </c>
      <c r="Z6379">
        <v>14452.741019999999</v>
      </c>
      <c r="AA6379">
        <v>49585.921979999999</v>
      </c>
      <c r="AB6379">
        <v>30296.206050000001</v>
      </c>
      <c r="AC6379">
        <v>31430.500800000002</v>
      </c>
      <c r="AD6379">
        <v>24952.439170000001</v>
      </c>
      <c r="AE6379">
        <v>38950.866170000001</v>
      </c>
      <c r="AF6379">
        <v>42571.553180000003</v>
      </c>
      <c r="AG6379">
        <v>25207.262460000002</v>
      </c>
      <c r="AH6379">
        <v>194472.47219999999</v>
      </c>
      <c r="AI6379">
        <v>65519.059759999996</v>
      </c>
      <c r="AJ6379">
        <v>16519.175650000001</v>
      </c>
      <c r="AK6379">
        <v>28914.206610000001</v>
      </c>
      <c r="AL6379">
        <v>51055.730920000002</v>
      </c>
      <c r="AM6379">
        <v>17192.121459999998</v>
      </c>
      <c r="AN6379">
        <v>84461.649720000001</v>
      </c>
      <c r="AO6379">
        <v>26238.54</v>
      </c>
      <c r="AP6379">
        <v>9766.4041190000007</v>
      </c>
    </row>
    <row r="6380" spans="2:42" x14ac:dyDescent="0.3">
      <c r="B6380">
        <v>38.174636007373508</v>
      </c>
      <c r="C6380" s="83">
        <v>43366.75</v>
      </c>
      <c r="D6380">
        <v>159851.0056</v>
      </c>
      <c r="E6380">
        <v>13812.738890000001</v>
      </c>
      <c r="F6380">
        <v>49778.658750000002</v>
      </c>
      <c r="G6380">
        <v>30525.333439999999</v>
      </c>
      <c r="H6380">
        <v>31482.422719999999</v>
      </c>
      <c r="I6380">
        <v>24654.401320000001</v>
      </c>
      <c r="J6380">
        <v>39064.837079999998</v>
      </c>
      <c r="K6380">
        <v>43241.125950000001</v>
      </c>
      <c r="L6380">
        <v>25347.035599999999</v>
      </c>
      <c r="M6380">
        <v>194632.0968</v>
      </c>
      <c r="N6380">
        <v>66328.574280000001</v>
      </c>
      <c r="O6380">
        <v>16369.810100000001</v>
      </c>
      <c r="P6380">
        <v>30868.205699999999</v>
      </c>
      <c r="Q6380">
        <v>51010.749179999999</v>
      </c>
      <c r="R6380">
        <v>17671.811720000002</v>
      </c>
      <c r="S6380">
        <v>81733.773929999996</v>
      </c>
      <c r="T6380">
        <v>25506.007130000002</v>
      </c>
      <c r="U6380">
        <v>10503.268770000001</v>
      </c>
      <c r="W6380" s="83">
        <f>Bühler!N6412</f>
        <v>45557.749999984531</v>
      </c>
      <c r="X6380" s="83">
        <v>43366.75</v>
      </c>
      <c r="Y6380">
        <v>159851.0056</v>
      </c>
      <c r="Z6380">
        <v>13812.738890000001</v>
      </c>
      <c r="AA6380">
        <v>49778.658750000002</v>
      </c>
      <c r="AB6380">
        <v>30525.333439999999</v>
      </c>
      <c r="AC6380">
        <v>31482.422719999999</v>
      </c>
      <c r="AD6380">
        <v>24654.401320000001</v>
      </c>
      <c r="AE6380">
        <v>39064.837079999998</v>
      </c>
      <c r="AF6380">
        <v>43241.125950000001</v>
      </c>
      <c r="AG6380">
        <v>25347.035599999999</v>
      </c>
      <c r="AH6380">
        <v>194632.0968</v>
      </c>
      <c r="AI6380">
        <v>66328.574280000001</v>
      </c>
      <c r="AJ6380">
        <v>16369.810100000001</v>
      </c>
      <c r="AK6380">
        <v>30868.205699999999</v>
      </c>
      <c r="AL6380">
        <v>51010.749179999999</v>
      </c>
      <c r="AM6380">
        <v>17671.811720000002</v>
      </c>
      <c r="AN6380">
        <v>81733.773929999996</v>
      </c>
      <c r="AO6380">
        <v>25506.007130000002</v>
      </c>
      <c r="AP6380">
        <v>10503.268770000001</v>
      </c>
    </row>
    <row r="6381" spans="2:42" x14ac:dyDescent="0.3">
      <c r="B6381">
        <v>38.749808481469941</v>
      </c>
      <c r="C6381" s="83">
        <v>43366.791666666664</v>
      </c>
      <c r="D6381">
        <v>161068.46249999999</v>
      </c>
      <c r="E6381">
        <v>12820.12984</v>
      </c>
      <c r="F6381">
        <v>49973.551769999998</v>
      </c>
      <c r="G6381">
        <v>31194.837169999999</v>
      </c>
      <c r="H6381">
        <v>31598.37228</v>
      </c>
      <c r="I6381">
        <v>24845.80603</v>
      </c>
      <c r="J6381">
        <v>38885.03256</v>
      </c>
      <c r="K6381">
        <v>45271.573329999999</v>
      </c>
      <c r="L6381">
        <v>26125.330440000002</v>
      </c>
      <c r="M6381">
        <v>197564.5943</v>
      </c>
      <c r="N6381">
        <v>66853.197929999995</v>
      </c>
      <c r="O6381">
        <v>16356.12544</v>
      </c>
      <c r="P6381">
        <v>31937.892779999998</v>
      </c>
      <c r="Q6381">
        <v>51181.543160000001</v>
      </c>
      <c r="R6381">
        <v>18166.608919999999</v>
      </c>
      <c r="S6381">
        <v>80996.853400000007</v>
      </c>
      <c r="T6381">
        <v>25417.213820000001</v>
      </c>
      <c r="U6381">
        <v>10768.01195</v>
      </c>
      <c r="W6381" s="83">
        <f>Bühler!N6413</f>
        <v>45557.791666651196</v>
      </c>
      <c r="X6381" s="83">
        <v>43366.791666666664</v>
      </c>
      <c r="Y6381">
        <v>161068.46249999999</v>
      </c>
      <c r="Z6381">
        <v>12820.12984</v>
      </c>
      <c r="AA6381">
        <v>49973.551769999998</v>
      </c>
      <c r="AB6381">
        <v>31194.837169999999</v>
      </c>
      <c r="AC6381">
        <v>31598.37228</v>
      </c>
      <c r="AD6381">
        <v>24845.80603</v>
      </c>
      <c r="AE6381">
        <v>38885.03256</v>
      </c>
      <c r="AF6381">
        <v>45271.573329999999</v>
      </c>
      <c r="AG6381">
        <v>26125.330440000002</v>
      </c>
      <c r="AH6381">
        <v>197564.5943</v>
      </c>
      <c r="AI6381">
        <v>66853.197929999995</v>
      </c>
      <c r="AJ6381">
        <v>16356.12544</v>
      </c>
      <c r="AK6381">
        <v>31937.892779999998</v>
      </c>
      <c r="AL6381">
        <v>51181.543160000001</v>
      </c>
      <c r="AM6381">
        <v>18166.608919999999</v>
      </c>
      <c r="AN6381">
        <v>80996.853400000007</v>
      </c>
      <c r="AO6381">
        <v>25417.213820000001</v>
      </c>
      <c r="AP6381">
        <v>10768.01195</v>
      </c>
    </row>
    <row r="6382" spans="2:42" x14ac:dyDescent="0.3">
      <c r="B6382">
        <v>39.052037563050767</v>
      </c>
      <c r="C6382" s="83">
        <v>43366.833333333336</v>
      </c>
      <c r="D6382">
        <v>163711.42569999999</v>
      </c>
      <c r="E6382">
        <v>12340.581</v>
      </c>
      <c r="F6382">
        <v>50106.84042</v>
      </c>
      <c r="G6382">
        <v>32126.909309999999</v>
      </c>
      <c r="H6382">
        <v>32557.602470000002</v>
      </c>
      <c r="I6382">
        <v>24607.718830000002</v>
      </c>
      <c r="J6382">
        <v>41136.080479999997</v>
      </c>
      <c r="K6382">
        <v>45545.321819999997</v>
      </c>
      <c r="L6382">
        <v>25998.067579999999</v>
      </c>
      <c r="M6382">
        <v>199105.49909999999</v>
      </c>
      <c r="N6382">
        <v>67272.884080000003</v>
      </c>
      <c r="O6382">
        <v>16879.133590000001</v>
      </c>
      <c r="P6382">
        <v>33464.679680000001</v>
      </c>
      <c r="Q6382">
        <v>52145.57834</v>
      </c>
      <c r="R6382">
        <v>17318.452069999999</v>
      </c>
      <c r="S6382">
        <v>77793.933420000001</v>
      </c>
      <c r="T6382">
        <v>22402.49092</v>
      </c>
      <c r="U6382">
        <v>11629.71775</v>
      </c>
      <c r="W6382" s="83">
        <f>Bühler!N6414</f>
        <v>45557.83333331786</v>
      </c>
      <c r="X6382" s="83">
        <v>43366.833333333336</v>
      </c>
      <c r="Y6382">
        <v>163711.42569999999</v>
      </c>
      <c r="Z6382">
        <v>12340.581</v>
      </c>
      <c r="AA6382">
        <v>50106.84042</v>
      </c>
      <c r="AB6382">
        <v>32126.909309999999</v>
      </c>
      <c r="AC6382">
        <v>32557.602470000002</v>
      </c>
      <c r="AD6382">
        <v>24607.718830000002</v>
      </c>
      <c r="AE6382">
        <v>41136.080479999997</v>
      </c>
      <c r="AF6382">
        <v>45545.321819999997</v>
      </c>
      <c r="AG6382">
        <v>25998.067579999999</v>
      </c>
      <c r="AH6382">
        <v>199105.49909999999</v>
      </c>
      <c r="AI6382">
        <v>67272.884080000003</v>
      </c>
      <c r="AJ6382">
        <v>16879.133590000001</v>
      </c>
      <c r="AK6382">
        <v>33464.679680000001</v>
      </c>
      <c r="AL6382">
        <v>52145.57834</v>
      </c>
      <c r="AM6382">
        <v>17318.452069999999</v>
      </c>
      <c r="AN6382">
        <v>77793.933420000001</v>
      </c>
      <c r="AO6382">
        <v>22402.49092</v>
      </c>
      <c r="AP6382">
        <v>11629.71775</v>
      </c>
    </row>
    <row r="6383" spans="2:42" x14ac:dyDescent="0.3">
      <c r="B6383">
        <v>39.232201349254694</v>
      </c>
      <c r="C6383" s="83">
        <v>43366.875</v>
      </c>
      <c r="D6383">
        <v>165805.12479999999</v>
      </c>
      <c r="E6383">
        <v>11826.73402</v>
      </c>
      <c r="F6383">
        <v>49359.432309999997</v>
      </c>
      <c r="G6383">
        <v>31902.058239999998</v>
      </c>
      <c r="H6383">
        <v>32446.337729999999</v>
      </c>
      <c r="I6383">
        <v>23983.907370000001</v>
      </c>
      <c r="J6383">
        <v>39686.045469999997</v>
      </c>
      <c r="K6383">
        <v>45430.020239999998</v>
      </c>
      <c r="L6383">
        <v>24575.812379999999</v>
      </c>
      <c r="M6383">
        <v>200024.05809999999</v>
      </c>
      <c r="N6383">
        <v>66972.421539999996</v>
      </c>
      <c r="O6383">
        <v>16957.369330000001</v>
      </c>
      <c r="P6383">
        <v>31826.01123</v>
      </c>
      <c r="Q6383">
        <v>53289.017639999998</v>
      </c>
      <c r="R6383">
        <v>17345.74396</v>
      </c>
      <c r="S6383">
        <v>74852.449099999998</v>
      </c>
      <c r="T6383">
        <v>21045.614880000001</v>
      </c>
      <c r="U6383">
        <v>11572.33987</v>
      </c>
      <c r="W6383" s="83">
        <f>Bühler!N6415</f>
        <v>45557.874999984524</v>
      </c>
      <c r="X6383" s="83">
        <v>43366.875</v>
      </c>
      <c r="Y6383">
        <v>165805.12479999999</v>
      </c>
      <c r="Z6383">
        <v>11826.73402</v>
      </c>
      <c r="AA6383">
        <v>49359.432309999997</v>
      </c>
      <c r="AB6383">
        <v>31902.058239999998</v>
      </c>
      <c r="AC6383">
        <v>32446.337729999999</v>
      </c>
      <c r="AD6383">
        <v>23983.907370000001</v>
      </c>
      <c r="AE6383">
        <v>39686.045469999997</v>
      </c>
      <c r="AF6383">
        <v>45430.020239999998</v>
      </c>
      <c r="AG6383">
        <v>24575.812379999999</v>
      </c>
      <c r="AH6383">
        <v>200024.05809999999</v>
      </c>
      <c r="AI6383">
        <v>66972.421539999996</v>
      </c>
      <c r="AJ6383">
        <v>16957.369330000001</v>
      </c>
      <c r="AK6383">
        <v>31826.01123</v>
      </c>
      <c r="AL6383">
        <v>53289.017639999998</v>
      </c>
      <c r="AM6383">
        <v>17345.74396</v>
      </c>
      <c r="AN6383">
        <v>74852.449099999998</v>
      </c>
      <c r="AO6383">
        <v>21045.614880000001</v>
      </c>
      <c r="AP6383">
        <v>11572.33987</v>
      </c>
    </row>
    <row r="6384" spans="2:42" x14ac:dyDescent="0.3">
      <c r="B6384">
        <v>39.775878803235258</v>
      </c>
      <c r="C6384" s="83">
        <v>43366.916666666664</v>
      </c>
      <c r="D6384">
        <v>167725.0442</v>
      </c>
      <c r="E6384">
        <v>11852.11002</v>
      </c>
      <c r="F6384">
        <v>49308.010739999998</v>
      </c>
      <c r="G6384">
        <v>32154.746749999998</v>
      </c>
      <c r="H6384">
        <v>32675.096450000001</v>
      </c>
      <c r="I6384">
        <v>23346.95163</v>
      </c>
      <c r="J6384">
        <v>37801.977590000002</v>
      </c>
      <c r="K6384">
        <v>47132.231050000002</v>
      </c>
      <c r="L6384">
        <v>20909.039410000001</v>
      </c>
      <c r="M6384">
        <v>202795.97930000001</v>
      </c>
      <c r="N6384">
        <v>67978.922550000003</v>
      </c>
      <c r="O6384">
        <v>17028.333610000001</v>
      </c>
      <c r="P6384">
        <v>30601.39473</v>
      </c>
      <c r="Q6384">
        <v>55282.191400000003</v>
      </c>
      <c r="R6384">
        <v>17989.620490000001</v>
      </c>
      <c r="S6384">
        <v>73544.374609999999</v>
      </c>
      <c r="T6384">
        <v>20224.391660000001</v>
      </c>
      <c r="U6384">
        <v>11793.48869</v>
      </c>
      <c r="W6384" s="83">
        <f>Bühler!N6416</f>
        <v>45557.916666651188</v>
      </c>
      <c r="X6384" s="83">
        <v>43366.916666666664</v>
      </c>
      <c r="Y6384">
        <v>167725.0442</v>
      </c>
      <c r="Z6384">
        <v>11852.11002</v>
      </c>
      <c r="AA6384">
        <v>49308.010739999998</v>
      </c>
      <c r="AB6384">
        <v>32154.746749999998</v>
      </c>
      <c r="AC6384">
        <v>32675.096450000001</v>
      </c>
      <c r="AD6384">
        <v>23346.95163</v>
      </c>
      <c r="AE6384">
        <v>37801.977590000002</v>
      </c>
      <c r="AF6384">
        <v>47132.231050000002</v>
      </c>
      <c r="AG6384">
        <v>20909.039410000001</v>
      </c>
      <c r="AH6384">
        <v>202795.97930000001</v>
      </c>
      <c r="AI6384">
        <v>67978.922550000003</v>
      </c>
      <c r="AJ6384">
        <v>17028.333610000001</v>
      </c>
      <c r="AK6384">
        <v>30601.39473</v>
      </c>
      <c r="AL6384">
        <v>55282.191400000003</v>
      </c>
      <c r="AM6384">
        <v>17989.620490000001</v>
      </c>
      <c r="AN6384">
        <v>73544.374609999999</v>
      </c>
      <c r="AO6384">
        <v>20224.391660000001</v>
      </c>
      <c r="AP6384">
        <v>11793.48869</v>
      </c>
    </row>
    <row r="6385" spans="2:42" x14ac:dyDescent="0.3">
      <c r="B6385">
        <v>40.18771700303293</v>
      </c>
      <c r="C6385" s="83">
        <v>43366.958333333336</v>
      </c>
      <c r="D6385">
        <v>169452.23819999999</v>
      </c>
      <c r="E6385">
        <v>11648.17308</v>
      </c>
      <c r="F6385">
        <v>49400.256170000001</v>
      </c>
      <c r="G6385">
        <v>31904.37874</v>
      </c>
      <c r="H6385">
        <v>32525.591400000001</v>
      </c>
      <c r="I6385">
        <v>23294.567149999999</v>
      </c>
      <c r="J6385">
        <v>34434.214619999999</v>
      </c>
      <c r="K6385">
        <v>47386.94023</v>
      </c>
      <c r="L6385">
        <v>18117.813579999998</v>
      </c>
      <c r="M6385">
        <v>204895.7225</v>
      </c>
      <c r="N6385">
        <v>66976.017760000002</v>
      </c>
      <c r="O6385">
        <v>16856.988840000002</v>
      </c>
      <c r="P6385">
        <v>27662.790079999999</v>
      </c>
      <c r="Q6385">
        <v>57217.285649999998</v>
      </c>
      <c r="R6385">
        <v>17394.577539999998</v>
      </c>
      <c r="S6385">
        <v>71982.617819999999</v>
      </c>
      <c r="T6385">
        <v>19328.767510000001</v>
      </c>
      <c r="U6385">
        <v>11673.222309999999</v>
      </c>
      <c r="W6385" s="83">
        <f>Bühler!N6417</f>
        <v>45557.958333317853</v>
      </c>
      <c r="X6385" s="83">
        <v>43366.958333333336</v>
      </c>
      <c r="Y6385">
        <v>169452.23819999999</v>
      </c>
      <c r="Z6385">
        <v>11648.17308</v>
      </c>
      <c r="AA6385">
        <v>49400.256170000001</v>
      </c>
      <c r="AB6385">
        <v>31904.37874</v>
      </c>
      <c r="AC6385">
        <v>32525.591400000001</v>
      </c>
      <c r="AD6385">
        <v>23294.567149999999</v>
      </c>
      <c r="AE6385">
        <v>34434.214619999999</v>
      </c>
      <c r="AF6385">
        <v>47386.94023</v>
      </c>
      <c r="AG6385">
        <v>18117.813579999998</v>
      </c>
      <c r="AH6385">
        <v>204895.7225</v>
      </c>
      <c r="AI6385">
        <v>66976.017760000002</v>
      </c>
      <c r="AJ6385">
        <v>16856.988840000002</v>
      </c>
      <c r="AK6385">
        <v>27662.790079999999</v>
      </c>
      <c r="AL6385">
        <v>57217.285649999998</v>
      </c>
      <c r="AM6385">
        <v>17394.577539999998</v>
      </c>
      <c r="AN6385">
        <v>71982.617819999999</v>
      </c>
      <c r="AO6385">
        <v>19328.767510000001</v>
      </c>
      <c r="AP6385">
        <v>11673.222309999999</v>
      </c>
    </row>
    <row r="6386" spans="2:42" x14ac:dyDescent="0.3">
      <c r="B6386">
        <v>40.317300520053188</v>
      </c>
      <c r="C6386" s="83">
        <v>43367</v>
      </c>
      <c r="D6386">
        <v>171849.33369999999</v>
      </c>
      <c r="E6386">
        <v>11396.35687</v>
      </c>
      <c r="F6386">
        <v>48069.202940000003</v>
      </c>
      <c r="G6386">
        <v>31507.666679999998</v>
      </c>
      <c r="H6386">
        <v>31823.944660000001</v>
      </c>
      <c r="I6386">
        <v>21137.058690000002</v>
      </c>
      <c r="J6386">
        <v>32421.809140000001</v>
      </c>
      <c r="K6386">
        <v>44913.893340000002</v>
      </c>
      <c r="L6386">
        <v>16837.86477</v>
      </c>
      <c r="M6386">
        <v>205556.39970000001</v>
      </c>
      <c r="N6386">
        <v>66018.186830000006</v>
      </c>
      <c r="O6386">
        <v>16225.77195</v>
      </c>
      <c r="P6386">
        <v>24456.875090000001</v>
      </c>
      <c r="Q6386">
        <v>59729.513619999998</v>
      </c>
      <c r="R6386">
        <v>15593.825129999999</v>
      </c>
      <c r="S6386">
        <v>70886.179740000007</v>
      </c>
      <c r="T6386">
        <v>18544.729530000001</v>
      </c>
      <c r="U6386">
        <v>10858.03506</v>
      </c>
      <c r="W6386" s="83">
        <f>Bühler!N6418</f>
        <v>45557.999999984517</v>
      </c>
      <c r="X6386" s="83">
        <v>43367</v>
      </c>
      <c r="Y6386">
        <v>171849.33369999999</v>
      </c>
      <c r="Z6386">
        <v>11396.35687</v>
      </c>
      <c r="AA6386">
        <v>48069.202940000003</v>
      </c>
      <c r="AB6386">
        <v>31507.666679999998</v>
      </c>
      <c r="AC6386">
        <v>31823.944660000001</v>
      </c>
      <c r="AD6386">
        <v>21137.058690000002</v>
      </c>
      <c r="AE6386">
        <v>32421.809140000001</v>
      </c>
      <c r="AF6386">
        <v>44913.893340000002</v>
      </c>
      <c r="AG6386">
        <v>16837.86477</v>
      </c>
      <c r="AH6386">
        <v>205556.39970000001</v>
      </c>
      <c r="AI6386">
        <v>66018.186830000006</v>
      </c>
      <c r="AJ6386">
        <v>16225.77195</v>
      </c>
      <c r="AK6386">
        <v>24456.875090000001</v>
      </c>
      <c r="AL6386">
        <v>59729.513619999998</v>
      </c>
      <c r="AM6386">
        <v>15593.825129999999</v>
      </c>
      <c r="AN6386">
        <v>70886.179740000007</v>
      </c>
      <c r="AO6386">
        <v>18544.729530000001</v>
      </c>
      <c r="AP6386">
        <v>10858.03506</v>
      </c>
    </row>
    <row r="6387" spans="2:42" x14ac:dyDescent="0.3">
      <c r="B6387">
        <v>40.601137207978624</v>
      </c>
      <c r="C6387" s="83">
        <v>43367.041666666664</v>
      </c>
      <c r="D6387">
        <v>172852.81409999999</v>
      </c>
      <c r="E6387">
        <v>11256.55891</v>
      </c>
      <c r="F6387">
        <v>48005.63912</v>
      </c>
      <c r="G6387">
        <v>31020.051299999999</v>
      </c>
      <c r="H6387">
        <v>31749.185750000001</v>
      </c>
      <c r="I6387">
        <v>17258.301500000001</v>
      </c>
      <c r="J6387">
        <v>31767.80242</v>
      </c>
      <c r="K6387">
        <v>42172.113219999999</v>
      </c>
      <c r="L6387">
        <v>15855.95001</v>
      </c>
      <c r="M6387">
        <v>207003.53150000001</v>
      </c>
      <c r="N6387">
        <v>65343.418539999999</v>
      </c>
      <c r="O6387">
        <v>16071.18879</v>
      </c>
      <c r="P6387">
        <v>23012.37284</v>
      </c>
      <c r="Q6387">
        <v>62726.532910000002</v>
      </c>
      <c r="R6387">
        <v>14468.52499</v>
      </c>
      <c r="S6387">
        <v>69972.779899999994</v>
      </c>
      <c r="T6387">
        <v>18089.609710000001</v>
      </c>
      <c r="U6387">
        <v>11114.92553</v>
      </c>
      <c r="W6387" s="83">
        <f>Bühler!N6419</f>
        <v>45558.041666651181</v>
      </c>
      <c r="X6387" s="83">
        <v>43367.041666666664</v>
      </c>
      <c r="Y6387">
        <v>172852.81409999999</v>
      </c>
      <c r="Z6387">
        <v>11256.55891</v>
      </c>
      <c r="AA6387">
        <v>48005.63912</v>
      </c>
      <c r="AB6387">
        <v>31020.051299999999</v>
      </c>
      <c r="AC6387">
        <v>31749.185750000001</v>
      </c>
      <c r="AD6387">
        <v>17258.301500000001</v>
      </c>
      <c r="AE6387">
        <v>31767.80242</v>
      </c>
      <c r="AF6387">
        <v>42172.113219999999</v>
      </c>
      <c r="AG6387">
        <v>15855.95001</v>
      </c>
      <c r="AH6387">
        <v>207003.53150000001</v>
      </c>
      <c r="AI6387">
        <v>65343.418539999999</v>
      </c>
      <c r="AJ6387">
        <v>16071.18879</v>
      </c>
      <c r="AK6387">
        <v>23012.37284</v>
      </c>
      <c r="AL6387">
        <v>62726.532910000002</v>
      </c>
      <c r="AM6387">
        <v>14468.52499</v>
      </c>
      <c r="AN6387">
        <v>69972.779899999994</v>
      </c>
      <c r="AO6387">
        <v>18089.609710000001</v>
      </c>
      <c r="AP6387">
        <v>11114.92553</v>
      </c>
    </row>
    <row r="6388" spans="2:42" x14ac:dyDescent="0.3">
      <c r="B6388">
        <v>40.680791730095997</v>
      </c>
      <c r="C6388" s="83">
        <v>43367.083333333336</v>
      </c>
      <c r="D6388">
        <v>174431.76519999999</v>
      </c>
      <c r="E6388">
        <v>11242.77749</v>
      </c>
      <c r="F6388">
        <v>49129.32015</v>
      </c>
      <c r="G6388">
        <v>30685.291310000001</v>
      </c>
      <c r="H6388">
        <v>31626.177520000001</v>
      </c>
      <c r="I6388">
        <v>15859.48142</v>
      </c>
      <c r="J6388">
        <v>31329.23216</v>
      </c>
      <c r="K6388">
        <v>41349.612070000003</v>
      </c>
      <c r="L6388">
        <v>15510.838610000001</v>
      </c>
      <c r="M6388">
        <v>207409.64739999999</v>
      </c>
      <c r="N6388">
        <v>63502.981330000002</v>
      </c>
      <c r="O6388">
        <v>15955.551509999999</v>
      </c>
      <c r="P6388">
        <v>22694.98184</v>
      </c>
      <c r="Q6388">
        <v>65244.359779999999</v>
      </c>
      <c r="R6388">
        <v>14471.41912</v>
      </c>
      <c r="S6388">
        <v>69362.619630000001</v>
      </c>
      <c r="T6388">
        <v>17906.680919999999</v>
      </c>
      <c r="U6388">
        <v>10919.56601</v>
      </c>
      <c r="W6388" s="83">
        <f>Bühler!N6420</f>
        <v>45558.083333317845</v>
      </c>
      <c r="X6388" s="83">
        <v>43367.083333333336</v>
      </c>
      <c r="Y6388">
        <v>174431.76519999999</v>
      </c>
      <c r="Z6388">
        <v>11242.77749</v>
      </c>
      <c r="AA6388">
        <v>49129.32015</v>
      </c>
      <c r="AB6388">
        <v>30685.291310000001</v>
      </c>
      <c r="AC6388">
        <v>31626.177520000001</v>
      </c>
      <c r="AD6388">
        <v>15859.48142</v>
      </c>
      <c r="AE6388">
        <v>31329.23216</v>
      </c>
      <c r="AF6388">
        <v>41349.612070000003</v>
      </c>
      <c r="AG6388">
        <v>15510.838610000001</v>
      </c>
      <c r="AH6388">
        <v>207409.64739999999</v>
      </c>
      <c r="AI6388">
        <v>63502.981330000002</v>
      </c>
      <c r="AJ6388">
        <v>15955.551509999999</v>
      </c>
      <c r="AK6388">
        <v>22694.98184</v>
      </c>
      <c r="AL6388">
        <v>65244.359779999999</v>
      </c>
      <c r="AM6388">
        <v>14471.41912</v>
      </c>
      <c r="AN6388">
        <v>69362.619630000001</v>
      </c>
      <c r="AO6388">
        <v>17906.680919999999</v>
      </c>
      <c r="AP6388">
        <v>10919.56601</v>
      </c>
    </row>
    <row r="6389" spans="2:42" x14ac:dyDescent="0.3">
      <c r="B6389">
        <v>42.169357073275052</v>
      </c>
      <c r="C6389" s="83">
        <v>43367.125</v>
      </c>
      <c r="D6389">
        <v>179003.94630000001</v>
      </c>
      <c r="E6389">
        <v>11439.24065</v>
      </c>
      <c r="F6389">
        <v>51350.820449999999</v>
      </c>
      <c r="G6389">
        <v>29811.04897</v>
      </c>
      <c r="H6389">
        <v>31637.639350000001</v>
      </c>
      <c r="I6389">
        <v>15703.442639999999</v>
      </c>
      <c r="J6389">
        <v>31392.270690000001</v>
      </c>
      <c r="K6389">
        <v>41018.755929999999</v>
      </c>
      <c r="L6389">
        <v>15218.947469999999</v>
      </c>
      <c r="M6389">
        <v>214999.0477</v>
      </c>
      <c r="N6389">
        <v>63894.939530000003</v>
      </c>
      <c r="O6389">
        <v>16113.568670000001</v>
      </c>
      <c r="P6389">
        <v>22625.24683</v>
      </c>
      <c r="Q6389">
        <v>69775.820519999994</v>
      </c>
      <c r="R6389">
        <v>14262.67388</v>
      </c>
      <c r="S6389">
        <v>68599.819399999993</v>
      </c>
      <c r="T6389">
        <v>17752.65609</v>
      </c>
      <c r="U6389">
        <v>11238.617480000001</v>
      </c>
      <c r="W6389" s="83">
        <f>Bühler!N6421</f>
        <v>45558.124999984509</v>
      </c>
      <c r="X6389" s="83">
        <v>43367.125</v>
      </c>
      <c r="Y6389">
        <v>179003.94630000001</v>
      </c>
      <c r="Z6389">
        <v>11439.24065</v>
      </c>
      <c r="AA6389">
        <v>51350.820449999999</v>
      </c>
      <c r="AB6389">
        <v>29811.04897</v>
      </c>
      <c r="AC6389">
        <v>31637.639350000001</v>
      </c>
      <c r="AD6389">
        <v>15703.442639999999</v>
      </c>
      <c r="AE6389">
        <v>31392.270690000001</v>
      </c>
      <c r="AF6389">
        <v>41018.755929999999</v>
      </c>
      <c r="AG6389">
        <v>15218.947469999999</v>
      </c>
      <c r="AH6389">
        <v>214999.0477</v>
      </c>
      <c r="AI6389">
        <v>63894.939530000003</v>
      </c>
      <c r="AJ6389">
        <v>16113.568670000001</v>
      </c>
      <c r="AK6389">
        <v>22625.24683</v>
      </c>
      <c r="AL6389">
        <v>69775.820519999994</v>
      </c>
      <c r="AM6389">
        <v>14262.67388</v>
      </c>
      <c r="AN6389">
        <v>68599.819399999993</v>
      </c>
      <c r="AO6389">
        <v>17752.65609</v>
      </c>
      <c r="AP6389">
        <v>11238.617480000001</v>
      </c>
    </row>
    <row r="6390" spans="2:42" x14ac:dyDescent="0.3">
      <c r="B6390">
        <v>45.426512261952894</v>
      </c>
      <c r="C6390" s="83">
        <v>43367.166666666664</v>
      </c>
      <c r="D6390">
        <v>189445.83189999999</v>
      </c>
      <c r="E6390">
        <v>12201.71603</v>
      </c>
      <c r="F6390">
        <v>55248.528680000003</v>
      </c>
      <c r="G6390">
        <v>28901.863730000001</v>
      </c>
      <c r="H6390">
        <v>32386.988979999998</v>
      </c>
      <c r="I6390">
        <v>17763.237799999999</v>
      </c>
      <c r="J6390">
        <v>33615.732900000003</v>
      </c>
      <c r="K6390">
        <v>40477.609020000004</v>
      </c>
      <c r="L6390">
        <v>15596.952289999999</v>
      </c>
      <c r="M6390">
        <v>231605.54380000001</v>
      </c>
      <c r="N6390">
        <v>65671.986239999998</v>
      </c>
      <c r="O6390">
        <v>16319.997820000001</v>
      </c>
      <c r="P6390">
        <v>22171.040649999999</v>
      </c>
      <c r="Q6390">
        <v>76312.071500000005</v>
      </c>
      <c r="R6390">
        <v>14527.40661</v>
      </c>
      <c r="S6390">
        <v>69534.81078</v>
      </c>
      <c r="T6390">
        <v>17546.2929</v>
      </c>
      <c r="U6390">
        <v>11401.575070000001</v>
      </c>
      <c r="W6390" s="83">
        <f>Bühler!N6422</f>
        <v>45558.166666651174</v>
      </c>
      <c r="X6390" s="83">
        <v>43367.166666666664</v>
      </c>
      <c r="Y6390">
        <v>189445.83189999999</v>
      </c>
      <c r="Z6390">
        <v>12201.71603</v>
      </c>
      <c r="AA6390">
        <v>55248.528680000003</v>
      </c>
      <c r="AB6390">
        <v>28901.863730000001</v>
      </c>
      <c r="AC6390">
        <v>32386.988979999998</v>
      </c>
      <c r="AD6390">
        <v>17763.237799999999</v>
      </c>
      <c r="AE6390">
        <v>33615.732900000003</v>
      </c>
      <c r="AF6390">
        <v>40477.609020000004</v>
      </c>
      <c r="AG6390">
        <v>15596.952289999999</v>
      </c>
      <c r="AH6390">
        <v>231605.54380000001</v>
      </c>
      <c r="AI6390">
        <v>65671.986239999998</v>
      </c>
      <c r="AJ6390">
        <v>16319.997820000001</v>
      </c>
      <c r="AK6390">
        <v>22171.040649999999</v>
      </c>
      <c r="AL6390">
        <v>76312.071500000005</v>
      </c>
      <c r="AM6390">
        <v>14527.40661</v>
      </c>
      <c r="AN6390">
        <v>69534.81078</v>
      </c>
      <c r="AO6390">
        <v>17546.2929</v>
      </c>
      <c r="AP6390">
        <v>11401.575070000001</v>
      </c>
    </row>
    <row r="6391" spans="2:42" x14ac:dyDescent="0.3">
      <c r="B6391">
        <v>51.51645490695828</v>
      </c>
      <c r="C6391" s="83">
        <v>43367.208333333336</v>
      </c>
      <c r="D6391">
        <v>219193.264</v>
      </c>
      <c r="E6391">
        <v>14236.10742</v>
      </c>
      <c r="F6391">
        <v>64026.353109999996</v>
      </c>
      <c r="G6391">
        <v>31080.885559999999</v>
      </c>
      <c r="H6391">
        <v>34460.9666</v>
      </c>
      <c r="I6391">
        <v>25221.02808</v>
      </c>
      <c r="J6391">
        <v>37541.157059999998</v>
      </c>
      <c r="K6391">
        <v>42575.959080000001</v>
      </c>
      <c r="L6391">
        <v>17027.147939999999</v>
      </c>
      <c r="M6391">
        <v>262654.91139999998</v>
      </c>
      <c r="N6391">
        <v>69163.07445</v>
      </c>
      <c r="O6391">
        <v>16661.085500000001</v>
      </c>
      <c r="P6391">
        <v>23928.9038</v>
      </c>
      <c r="Q6391">
        <v>82682.756160000004</v>
      </c>
      <c r="R6391">
        <v>15523.574000000001</v>
      </c>
      <c r="S6391">
        <v>72321.485560000001</v>
      </c>
      <c r="T6391">
        <v>18607.013040000002</v>
      </c>
      <c r="U6391">
        <v>13928.207560000001</v>
      </c>
      <c r="W6391" s="83">
        <f>Bühler!N6423</f>
        <v>45558.208333317838</v>
      </c>
      <c r="X6391" s="83">
        <v>43367.208333333336</v>
      </c>
      <c r="Y6391">
        <v>219193.264</v>
      </c>
      <c r="Z6391">
        <v>14236.10742</v>
      </c>
      <c r="AA6391">
        <v>64026.353109999996</v>
      </c>
      <c r="AB6391">
        <v>31080.885559999999</v>
      </c>
      <c r="AC6391">
        <v>34460.9666</v>
      </c>
      <c r="AD6391">
        <v>25221.02808</v>
      </c>
      <c r="AE6391">
        <v>37541.157059999998</v>
      </c>
      <c r="AF6391">
        <v>42575.959080000001</v>
      </c>
      <c r="AG6391">
        <v>17027.147939999999</v>
      </c>
      <c r="AH6391">
        <v>262654.91139999998</v>
      </c>
      <c r="AI6391">
        <v>69163.07445</v>
      </c>
      <c r="AJ6391">
        <v>16661.085500000001</v>
      </c>
      <c r="AK6391">
        <v>23928.9038</v>
      </c>
      <c r="AL6391">
        <v>82682.756160000004</v>
      </c>
      <c r="AM6391">
        <v>15523.574000000001</v>
      </c>
      <c r="AN6391">
        <v>72321.485560000001</v>
      </c>
      <c r="AO6391">
        <v>18607.013040000002</v>
      </c>
      <c r="AP6391">
        <v>13928.207560000001</v>
      </c>
    </row>
    <row r="6392" spans="2:42" x14ac:dyDescent="0.3">
      <c r="B6392">
        <v>57.416826564302845</v>
      </c>
      <c r="C6392" s="83">
        <v>43367.25</v>
      </c>
      <c r="D6392">
        <v>245994.8426</v>
      </c>
      <c r="E6392">
        <v>18234.680039999999</v>
      </c>
      <c r="F6392">
        <v>75696.463789999994</v>
      </c>
      <c r="G6392">
        <v>41586.954460000001</v>
      </c>
      <c r="H6392">
        <v>37835.115559999998</v>
      </c>
      <c r="I6392">
        <v>32913.476119999999</v>
      </c>
      <c r="J6392">
        <v>41768.370970000004</v>
      </c>
      <c r="K6392">
        <v>45015.678119999997</v>
      </c>
      <c r="L6392">
        <v>18752.432120000001</v>
      </c>
      <c r="M6392">
        <v>292737.75770000002</v>
      </c>
      <c r="N6392">
        <v>73406.986610000007</v>
      </c>
      <c r="O6392">
        <v>18339.61836</v>
      </c>
      <c r="P6392">
        <v>24612.021669999998</v>
      </c>
      <c r="Q6392">
        <v>86286.461360000001</v>
      </c>
      <c r="R6392">
        <v>17147.487249999998</v>
      </c>
      <c r="S6392">
        <v>81946.787490000002</v>
      </c>
      <c r="T6392">
        <v>21441.418539999999</v>
      </c>
      <c r="U6392">
        <v>16656.31061</v>
      </c>
      <c r="W6392" s="83">
        <f>Bühler!N6424</f>
        <v>45558.249999984502</v>
      </c>
      <c r="X6392" s="83">
        <v>43367.25</v>
      </c>
      <c r="Y6392">
        <v>245994.8426</v>
      </c>
      <c r="Z6392">
        <v>18234.680039999999</v>
      </c>
      <c r="AA6392">
        <v>75696.463789999994</v>
      </c>
      <c r="AB6392">
        <v>41586.954460000001</v>
      </c>
      <c r="AC6392">
        <v>37835.115559999998</v>
      </c>
      <c r="AD6392">
        <v>32913.476119999999</v>
      </c>
      <c r="AE6392">
        <v>41768.370970000004</v>
      </c>
      <c r="AF6392">
        <v>45015.678119999997</v>
      </c>
      <c r="AG6392">
        <v>18752.432120000001</v>
      </c>
      <c r="AH6392">
        <v>292737.75770000002</v>
      </c>
      <c r="AI6392">
        <v>73406.986610000007</v>
      </c>
      <c r="AJ6392">
        <v>18339.61836</v>
      </c>
      <c r="AK6392">
        <v>24612.021669999998</v>
      </c>
      <c r="AL6392">
        <v>86286.461360000001</v>
      </c>
      <c r="AM6392">
        <v>17147.487249999998</v>
      </c>
      <c r="AN6392">
        <v>81946.787490000002</v>
      </c>
      <c r="AO6392">
        <v>21441.418539999999</v>
      </c>
      <c r="AP6392">
        <v>16656.31061</v>
      </c>
    </row>
    <row r="6393" spans="2:42" x14ac:dyDescent="0.3">
      <c r="B6393">
        <v>60.318985489671867</v>
      </c>
      <c r="C6393" s="83">
        <v>43367.291666666664</v>
      </c>
      <c r="D6393">
        <v>265106.20600000001</v>
      </c>
      <c r="E6393">
        <v>22613.411889999999</v>
      </c>
      <c r="F6393">
        <v>78910.035080000001</v>
      </c>
      <c r="G6393">
        <v>53874.42729</v>
      </c>
      <c r="H6393">
        <v>43181.47812</v>
      </c>
      <c r="I6393">
        <v>41095.4202</v>
      </c>
      <c r="J6393">
        <v>43514.440110000003</v>
      </c>
      <c r="K6393">
        <v>50111.065479999997</v>
      </c>
      <c r="L6393">
        <v>21390.338749999999</v>
      </c>
      <c r="M6393">
        <v>307534.3173</v>
      </c>
      <c r="N6393">
        <v>79334.093370000002</v>
      </c>
      <c r="O6393">
        <v>21068.570080000001</v>
      </c>
      <c r="P6393">
        <v>27768.927090000001</v>
      </c>
      <c r="Q6393">
        <v>88602.193520000001</v>
      </c>
      <c r="R6393">
        <v>20073.383730000001</v>
      </c>
      <c r="S6393">
        <v>98644.308640000003</v>
      </c>
      <c r="T6393">
        <v>26045.06912</v>
      </c>
      <c r="U6393">
        <v>21992.953649999999</v>
      </c>
      <c r="W6393" s="83">
        <f>Bühler!N6425</f>
        <v>45558.291666651166</v>
      </c>
      <c r="X6393" s="83">
        <v>43367.291666666664</v>
      </c>
      <c r="Y6393">
        <v>265106.20600000001</v>
      </c>
      <c r="Z6393">
        <v>22613.411889999999</v>
      </c>
      <c r="AA6393">
        <v>78910.035080000001</v>
      </c>
      <c r="AB6393">
        <v>53874.42729</v>
      </c>
      <c r="AC6393">
        <v>43181.47812</v>
      </c>
      <c r="AD6393">
        <v>41095.4202</v>
      </c>
      <c r="AE6393">
        <v>43514.440110000003</v>
      </c>
      <c r="AF6393">
        <v>50111.065479999997</v>
      </c>
      <c r="AG6393">
        <v>21390.338749999999</v>
      </c>
      <c r="AH6393">
        <v>307534.3173</v>
      </c>
      <c r="AI6393">
        <v>79334.093370000002</v>
      </c>
      <c r="AJ6393">
        <v>21068.570080000001</v>
      </c>
      <c r="AK6393">
        <v>27768.927090000001</v>
      </c>
      <c r="AL6393">
        <v>88602.193520000001</v>
      </c>
      <c r="AM6393">
        <v>20073.383730000001</v>
      </c>
      <c r="AN6393">
        <v>98644.308640000003</v>
      </c>
      <c r="AO6393">
        <v>26045.06912</v>
      </c>
      <c r="AP6393">
        <v>21992.953649999999</v>
      </c>
    </row>
    <row r="6394" spans="2:42" x14ac:dyDescent="0.3">
      <c r="B6394">
        <v>62.694300454554984</v>
      </c>
      <c r="C6394" s="83">
        <v>43367.333333333336</v>
      </c>
      <c r="D6394">
        <v>279058.58309999999</v>
      </c>
      <c r="E6394">
        <v>27772.186870000001</v>
      </c>
      <c r="F6394">
        <v>84431.421830000007</v>
      </c>
      <c r="G6394">
        <v>68607.073319999996</v>
      </c>
      <c r="H6394">
        <v>47767.635589999998</v>
      </c>
      <c r="I6394">
        <v>43307.996679999997</v>
      </c>
      <c r="J6394">
        <v>44467.457459999998</v>
      </c>
      <c r="K6394">
        <v>56749.729399999997</v>
      </c>
      <c r="L6394">
        <v>23785.618600000002</v>
      </c>
      <c r="M6394">
        <v>319644.7807</v>
      </c>
      <c r="N6394">
        <v>88860.035499999998</v>
      </c>
      <c r="O6394">
        <v>22922.521919999999</v>
      </c>
      <c r="P6394">
        <v>29645.496889999999</v>
      </c>
      <c r="Q6394">
        <v>90126.805040000007</v>
      </c>
      <c r="R6394">
        <v>20879.17369</v>
      </c>
      <c r="S6394">
        <v>110415.5653</v>
      </c>
      <c r="T6394">
        <v>28830.286100000001</v>
      </c>
      <c r="U6394">
        <v>24418.008860000002</v>
      </c>
      <c r="W6394" s="83">
        <f>Bühler!N6426</f>
        <v>45558.333333317831</v>
      </c>
      <c r="X6394" s="83">
        <v>43367.333333333336</v>
      </c>
      <c r="Y6394">
        <v>279058.58309999999</v>
      </c>
      <c r="Z6394">
        <v>27772.186870000001</v>
      </c>
      <c r="AA6394">
        <v>84431.421830000007</v>
      </c>
      <c r="AB6394">
        <v>68607.073319999996</v>
      </c>
      <c r="AC6394">
        <v>47767.635589999998</v>
      </c>
      <c r="AD6394">
        <v>43307.996679999997</v>
      </c>
      <c r="AE6394">
        <v>44467.457459999998</v>
      </c>
      <c r="AF6394">
        <v>56749.729399999997</v>
      </c>
      <c r="AG6394">
        <v>23785.618600000002</v>
      </c>
      <c r="AH6394">
        <v>319644.7807</v>
      </c>
      <c r="AI6394">
        <v>88860.035499999998</v>
      </c>
      <c r="AJ6394">
        <v>22922.521919999999</v>
      </c>
      <c r="AK6394">
        <v>29645.496889999999</v>
      </c>
      <c r="AL6394">
        <v>90126.805040000007</v>
      </c>
      <c r="AM6394">
        <v>20879.17369</v>
      </c>
      <c r="AN6394">
        <v>110415.5653</v>
      </c>
      <c r="AO6394">
        <v>28830.286100000001</v>
      </c>
      <c r="AP6394">
        <v>24418.008860000002</v>
      </c>
    </row>
    <row r="6395" spans="2:42" x14ac:dyDescent="0.3">
      <c r="B6395">
        <v>64.245097963000887</v>
      </c>
      <c r="C6395" s="83">
        <v>43367.375</v>
      </c>
      <c r="D6395">
        <v>284576.92050000001</v>
      </c>
      <c r="E6395">
        <v>31946.094720000001</v>
      </c>
      <c r="F6395">
        <v>89966.754270000005</v>
      </c>
      <c r="G6395">
        <v>77544.667539999995</v>
      </c>
      <c r="H6395">
        <v>50633.468339999999</v>
      </c>
      <c r="I6395">
        <v>41582.774490000003</v>
      </c>
      <c r="J6395">
        <v>44480.149810000003</v>
      </c>
      <c r="K6395">
        <v>60167.907429999999</v>
      </c>
      <c r="L6395">
        <v>26620.600890000002</v>
      </c>
      <c r="M6395">
        <v>327551.46960000001</v>
      </c>
      <c r="N6395">
        <v>92079.558980000002</v>
      </c>
      <c r="O6395">
        <v>23329.25445</v>
      </c>
      <c r="P6395">
        <v>32100.93116</v>
      </c>
      <c r="Q6395">
        <v>92684.265230000005</v>
      </c>
      <c r="R6395">
        <v>20880.760829999999</v>
      </c>
      <c r="S6395">
        <v>116102.9262</v>
      </c>
      <c r="T6395">
        <v>31710.497050000002</v>
      </c>
      <c r="U6395">
        <v>25187.599010000002</v>
      </c>
      <c r="W6395" s="83">
        <f>Bühler!N6427</f>
        <v>45558.374999984495</v>
      </c>
      <c r="X6395" s="83">
        <v>43367.375</v>
      </c>
      <c r="Y6395">
        <v>284576.92050000001</v>
      </c>
      <c r="Z6395">
        <v>31946.094720000001</v>
      </c>
      <c r="AA6395">
        <v>89966.754270000005</v>
      </c>
      <c r="AB6395">
        <v>77544.667539999995</v>
      </c>
      <c r="AC6395">
        <v>50633.468339999999</v>
      </c>
      <c r="AD6395">
        <v>41582.774490000003</v>
      </c>
      <c r="AE6395">
        <v>44480.149810000003</v>
      </c>
      <c r="AF6395">
        <v>60167.907429999999</v>
      </c>
      <c r="AG6395">
        <v>26620.600890000002</v>
      </c>
      <c r="AH6395">
        <v>327551.46960000001</v>
      </c>
      <c r="AI6395">
        <v>92079.558980000002</v>
      </c>
      <c r="AJ6395">
        <v>23329.25445</v>
      </c>
      <c r="AK6395">
        <v>32100.93116</v>
      </c>
      <c r="AL6395">
        <v>92684.265230000005</v>
      </c>
      <c r="AM6395">
        <v>20880.760829999999</v>
      </c>
      <c r="AN6395">
        <v>116102.9262</v>
      </c>
      <c r="AO6395">
        <v>31710.497050000002</v>
      </c>
      <c r="AP6395">
        <v>25187.599010000002</v>
      </c>
    </row>
    <row r="6396" spans="2:42" x14ac:dyDescent="0.3">
      <c r="B6396">
        <v>65.311902181210883</v>
      </c>
      <c r="C6396" s="83">
        <v>43367.416666666664</v>
      </c>
      <c r="D6396">
        <v>288654.3493</v>
      </c>
      <c r="E6396">
        <v>33638.003830000001</v>
      </c>
      <c r="F6396">
        <v>91967.417849999998</v>
      </c>
      <c r="G6396">
        <v>80189.376569999993</v>
      </c>
      <c r="H6396">
        <v>51461.281300000002</v>
      </c>
      <c r="I6396">
        <v>38024.117910000001</v>
      </c>
      <c r="J6396">
        <v>43620.316010000002</v>
      </c>
      <c r="K6396">
        <v>62269.302100000001</v>
      </c>
      <c r="L6396">
        <v>29015.777429999998</v>
      </c>
      <c r="M6396">
        <v>332990.53499999997</v>
      </c>
      <c r="N6396">
        <v>93889.630179999993</v>
      </c>
      <c r="O6396">
        <v>24425.34072</v>
      </c>
      <c r="P6396">
        <v>32671.946019999999</v>
      </c>
      <c r="Q6396">
        <v>95684.97236</v>
      </c>
      <c r="R6396">
        <v>22105.92945</v>
      </c>
      <c r="S6396">
        <v>117769.0998</v>
      </c>
      <c r="T6396">
        <v>33353.784399999997</v>
      </c>
      <c r="U6396">
        <v>24006.413069999999</v>
      </c>
      <c r="W6396" s="83">
        <f>Bühler!N6428</f>
        <v>45558.416666651159</v>
      </c>
      <c r="X6396" s="83">
        <v>43367.416666666664</v>
      </c>
      <c r="Y6396">
        <v>288654.3493</v>
      </c>
      <c r="Z6396">
        <v>33638.003830000001</v>
      </c>
      <c r="AA6396">
        <v>91967.417849999998</v>
      </c>
      <c r="AB6396">
        <v>80189.376569999993</v>
      </c>
      <c r="AC6396">
        <v>51461.281300000002</v>
      </c>
      <c r="AD6396">
        <v>38024.117910000001</v>
      </c>
      <c r="AE6396">
        <v>43620.316010000002</v>
      </c>
      <c r="AF6396">
        <v>62269.302100000001</v>
      </c>
      <c r="AG6396">
        <v>29015.777429999998</v>
      </c>
      <c r="AH6396">
        <v>332990.53499999997</v>
      </c>
      <c r="AI6396">
        <v>93889.630179999993</v>
      </c>
      <c r="AJ6396">
        <v>24425.34072</v>
      </c>
      <c r="AK6396">
        <v>32671.946019999999</v>
      </c>
      <c r="AL6396">
        <v>95684.97236</v>
      </c>
      <c r="AM6396">
        <v>22105.92945</v>
      </c>
      <c r="AN6396">
        <v>117769.0998</v>
      </c>
      <c r="AO6396">
        <v>33353.784399999997</v>
      </c>
      <c r="AP6396">
        <v>24006.413069999999</v>
      </c>
    </row>
    <row r="6397" spans="2:42" x14ac:dyDescent="0.3">
      <c r="B6397">
        <v>66.70659156877926</v>
      </c>
      <c r="C6397" s="83">
        <v>43367.458333333336</v>
      </c>
      <c r="D6397">
        <v>290003.9951</v>
      </c>
      <c r="E6397">
        <v>34048.207520000004</v>
      </c>
      <c r="F6397">
        <v>92387.328070000003</v>
      </c>
      <c r="G6397">
        <v>79661.803090000001</v>
      </c>
      <c r="H6397">
        <v>51564.054909999999</v>
      </c>
      <c r="I6397">
        <v>38362.690159999998</v>
      </c>
      <c r="J6397">
        <v>43311.265270000004</v>
      </c>
      <c r="K6397">
        <v>62072.89516</v>
      </c>
      <c r="L6397">
        <v>30289.866600000001</v>
      </c>
      <c r="M6397">
        <v>340101.31189999997</v>
      </c>
      <c r="N6397">
        <v>93653.328559999994</v>
      </c>
      <c r="O6397">
        <v>26472.154009999998</v>
      </c>
      <c r="P6397">
        <v>32001.555670000002</v>
      </c>
      <c r="Q6397">
        <v>97971.383589999998</v>
      </c>
      <c r="R6397">
        <v>22622.61059</v>
      </c>
      <c r="S6397">
        <v>120134.00229999999</v>
      </c>
      <c r="T6397">
        <v>33649.116820000003</v>
      </c>
      <c r="U6397">
        <v>23203.932420000001</v>
      </c>
      <c r="W6397" s="83">
        <f>Bühler!N6429</f>
        <v>45558.458333317823</v>
      </c>
      <c r="X6397" s="83">
        <v>43367.458333333336</v>
      </c>
      <c r="Y6397">
        <v>290003.9951</v>
      </c>
      <c r="Z6397">
        <v>34048.207520000004</v>
      </c>
      <c r="AA6397">
        <v>92387.328070000003</v>
      </c>
      <c r="AB6397">
        <v>79661.803090000001</v>
      </c>
      <c r="AC6397">
        <v>51564.054909999999</v>
      </c>
      <c r="AD6397">
        <v>38362.690159999998</v>
      </c>
      <c r="AE6397">
        <v>43311.265270000004</v>
      </c>
      <c r="AF6397">
        <v>62072.89516</v>
      </c>
      <c r="AG6397">
        <v>30289.866600000001</v>
      </c>
      <c r="AH6397">
        <v>340101.31189999997</v>
      </c>
      <c r="AI6397">
        <v>93653.328559999994</v>
      </c>
      <c r="AJ6397">
        <v>26472.154009999998</v>
      </c>
      <c r="AK6397">
        <v>32001.555670000002</v>
      </c>
      <c r="AL6397">
        <v>97971.383589999998</v>
      </c>
      <c r="AM6397">
        <v>22622.61059</v>
      </c>
      <c r="AN6397">
        <v>120134.00229999999</v>
      </c>
      <c r="AO6397">
        <v>33649.116820000003</v>
      </c>
      <c r="AP6397">
        <v>23203.932420000001</v>
      </c>
    </row>
    <row r="6398" spans="2:42" x14ac:dyDescent="0.3">
      <c r="B6398">
        <v>66.360268678409298</v>
      </c>
      <c r="C6398" s="83">
        <v>43367.5</v>
      </c>
      <c r="D6398">
        <v>278335.63829999999</v>
      </c>
      <c r="E6398">
        <v>30899.003629999999</v>
      </c>
      <c r="F6398">
        <v>87740.762610000005</v>
      </c>
      <c r="G6398">
        <v>79058.042379999999</v>
      </c>
      <c r="H6398">
        <v>49405.90466</v>
      </c>
      <c r="I6398">
        <v>38460.946770000002</v>
      </c>
      <c r="J6398">
        <v>43754.734360000002</v>
      </c>
      <c r="K6398">
        <v>58491.904349999997</v>
      </c>
      <c r="L6398">
        <v>32189.312989999999</v>
      </c>
      <c r="M6398">
        <v>338335.59629999998</v>
      </c>
      <c r="N6398">
        <v>91529.965750000003</v>
      </c>
      <c r="O6398">
        <v>24939.746299999999</v>
      </c>
      <c r="P6398">
        <v>33140.047509999997</v>
      </c>
      <c r="Q6398">
        <v>98360.458410000007</v>
      </c>
      <c r="R6398">
        <v>24493.853950000001</v>
      </c>
      <c r="S6398">
        <v>114594.3612</v>
      </c>
      <c r="T6398">
        <v>33652.388250000004</v>
      </c>
      <c r="U6398">
        <v>19143.584449999998</v>
      </c>
      <c r="W6398" s="83">
        <f>Bühler!N6430</f>
        <v>45558.499999984488</v>
      </c>
      <c r="X6398" s="83">
        <v>43367.5</v>
      </c>
      <c r="Y6398">
        <v>278335.63829999999</v>
      </c>
      <c r="Z6398">
        <v>30899.003629999999</v>
      </c>
      <c r="AA6398">
        <v>87740.762610000005</v>
      </c>
      <c r="AB6398">
        <v>79058.042379999999</v>
      </c>
      <c r="AC6398">
        <v>49405.90466</v>
      </c>
      <c r="AD6398">
        <v>38460.946770000002</v>
      </c>
      <c r="AE6398">
        <v>43754.734360000002</v>
      </c>
      <c r="AF6398">
        <v>58491.904349999997</v>
      </c>
      <c r="AG6398">
        <v>32189.312989999999</v>
      </c>
      <c r="AH6398">
        <v>338335.59629999998</v>
      </c>
      <c r="AI6398">
        <v>91529.965750000003</v>
      </c>
      <c r="AJ6398">
        <v>24939.746299999999</v>
      </c>
      <c r="AK6398">
        <v>33140.047509999997</v>
      </c>
      <c r="AL6398">
        <v>98360.458410000007</v>
      </c>
      <c r="AM6398">
        <v>24493.853950000001</v>
      </c>
      <c r="AN6398">
        <v>114594.3612</v>
      </c>
      <c r="AO6398">
        <v>33652.388250000004</v>
      </c>
      <c r="AP6398">
        <v>19143.584449999998</v>
      </c>
    </row>
    <row r="6399" spans="2:42" x14ac:dyDescent="0.3">
      <c r="B6399">
        <v>65.893763392216187</v>
      </c>
      <c r="C6399" s="83">
        <v>43367.541666666664</v>
      </c>
      <c r="D6399">
        <v>281953.97320000001</v>
      </c>
      <c r="E6399">
        <v>31499.929169999999</v>
      </c>
      <c r="F6399">
        <v>85555.651889999994</v>
      </c>
      <c r="G6399">
        <v>75945.204249999995</v>
      </c>
      <c r="H6399">
        <v>50135.825129999997</v>
      </c>
      <c r="I6399">
        <v>38682.529490000001</v>
      </c>
      <c r="J6399">
        <v>42359.134859999998</v>
      </c>
      <c r="K6399">
        <v>61383.331870000002</v>
      </c>
      <c r="L6399">
        <v>30582.37658</v>
      </c>
      <c r="M6399">
        <v>335957.1348</v>
      </c>
      <c r="N6399">
        <v>93284.432329999996</v>
      </c>
      <c r="O6399">
        <v>25425.993780000001</v>
      </c>
      <c r="P6399">
        <v>33247.867359999997</v>
      </c>
      <c r="Q6399">
        <v>98225.478600000002</v>
      </c>
      <c r="R6399">
        <v>25356.885139999999</v>
      </c>
      <c r="S6399">
        <v>113111.5276</v>
      </c>
      <c r="T6399">
        <v>32875.80384</v>
      </c>
      <c r="U6399">
        <v>21304.68476</v>
      </c>
      <c r="W6399" s="83">
        <f>Bühler!N6431</f>
        <v>45558.541666651152</v>
      </c>
      <c r="X6399" s="83">
        <v>43367.541666666664</v>
      </c>
      <c r="Y6399">
        <v>281953.97320000001</v>
      </c>
      <c r="Z6399">
        <v>31499.929169999999</v>
      </c>
      <c r="AA6399">
        <v>85555.651889999994</v>
      </c>
      <c r="AB6399">
        <v>75945.204249999995</v>
      </c>
      <c r="AC6399">
        <v>50135.825129999997</v>
      </c>
      <c r="AD6399">
        <v>38682.529490000001</v>
      </c>
      <c r="AE6399">
        <v>42359.134859999998</v>
      </c>
      <c r="AF6399">
        <v>61383.331870000002</v>
      </c>
      <c r="AG6399">
        <v>30582.37658</v>
      </c>
      <c r="AH6399">
        <v>335957.1348</v>
      </c>
      <c r="AI6399">
        <v>93284.432329999996</v>
      </c>
      <c r="AJ6399">
        <v>25425.993780000001</v>
      </c>
      <c r="AK6399">
        <v>33247.867359999997</v>
      </c>
      <c r="AL6399">
        <v>98225.478600000002</v>
      </c>
      <c r="AM6399">
        <v>25356.885139999999</v>
      </c>
      <c r="AN6399">
        <v>113111.5276</v>
      </c>
      <c r="AO6399">
        <v>32875.80384</v>
      </c>
      <c r="AP6399">
        <v>21304.68476</v>
      </c>
    </row>
    <row r="6400" spans="2:42" x14ac:dyDescent="0.3">
      <c r="B6400">
        <v>66.16050395865058</v>
      </c>
      <c r="C6400" s="83">
        <v>43367.583333333336</v>
      </c>
      <c r="D6400">
        <v>285517.77970000001</v>
      </c>
      <c r="E6400">
        <v>34271.986120000001</v>
      </c>
      <c r="F6400">
        <v>92837.748200000002</v>
      </c>
      <c r="G6400">
        <v>71084.468559999994</v>
      </c>
      <c r="H6400">
        <v>49874.739300000001</v>
      </c>
      <c r="I6400">
        <v>38322.322930000002</v>
      </c>
      <c r="J6400">
        <v>41841.12401</v>
      </c>
      <c r="K6400">
        <v>63886.728280000003</v>
      </c>
      <c r="L6400">
        <v>27371.40064</v>
      </c>
      <c r="M6400">
        <v>337317.10259999998</v>
      </c>
      <c r="N6400">
        <v>94858.861069999999</v>
      </c>
      <c r="O6400">
        <v>24795.23415</v>
      </c>
      <c r="P6400">
        <v>31012.08468</v>
      </c>
      <c r="Q6400">
        <v>98365.221659999996</v>
      </c>
      <c r="R6400">
        <v>24141.409049999998</v>
      </c>
      <c r="S6400">
        <v>108743.6069</v>
      </c>
      <c r="T6400">
        <v>31939.197219999998</v>
      </c>
      <c r="U6400">
        <v>22199.008089999999</v>
      </c>
      <c r="W6400" s="83">
        <f>Bühler!N6432</f>
        <v>45558.583333317816</v>
      </c>
      <c r="X6400" s="83">
        <v>43367.583333333336</v>
      </c>
      <c r="Y6400">
        <v>285517.77970000001</v>
      </c>
      <c r="Z6400">
        <v>34271.986120000001</v>
      </c>
      <c r="AA6400">
        <v>92837.748200000002</v>
      </c>
      <c r="AB6400">
        <v>71084.468559999994</v>
      </c>
      <c r="AC6400">
        <v>49874.739300000001</v>
      </c>
      <c r="AD6400">
        <v>38322.322930000002</v>
      </c>
      <c r="AE6400">
        <v>41841.12401</v>
      </c>
      <c r="AF6400">
        <v>63886.728280000003</v>
      </c>
      <c r="AG6400">
        <v>27371.40064</v>
      </c>
      <c r="AH6400">
        <v>337317.10259999998</v>
      </c>
      <c r="AI6400">
        <v>94858.861069999999</v>
      </c>
      <c r="AJ6400">
        <v>24795.23415</v>
      </c>
      <c r="AK6400">
        <v>31012.08468</v>
      </c>
      <c r="AL6400">
        <v>98365.221659999996</v>
      </c>
      <c r="AM6400">
        <v>24141.409049999998</v>
      </c>
      <c r="AN6400">
        <v>108743.6069</v>
      </c>
      <c r="AO6400">
        <v>31939.197219999998</v>
      </c>
      <c r="AP6400">
        <v>22199.008089999999</v>
      </c>
    </row>
    <row r="6401" spans="2:42" x14ac:dyDescent="0.3">
      <c r="B6401">
        <v>66.001093217167053</v>
      </c>
      <c r="C6401" s="83">
        <v>43367.625</v>
      </c>
      <c r="D6401">
        <v>285763.76370000001</v>
      </c>
      <c r="E6401">
        <v>34176.390169999999</v>
      </c>
      <c r="F6401">
        <v>94232.108080000005</v>
      </c>
      <c r="G6401">
        <v>68822.627779999995</v>
      </c>
      <c r="H6401">
        <v>49054.728909999998</v>
      </c>
      <c r="I6401">
        <v>39652.046970000003</v>
      </c>
      <c r="J6401">
        <v>41499.164409999998</v>
      </c>
      <c r="K6401">
        <v>61701.563999999998</v>
      </c>
      <c r="L6401">
        <v>24483.6486</v>
      </c>
      <c r="M6401">
        <v>336504.35230000003</v>
      </c>
      <c r="N6401">
        <v>92795.953670000003</v>
      </c>
      <c r="O6401">
        <v>24694.996490000001</v>
      </c>
      <c r="P6401">
        <v>28241.033429999999</v>
      </c>
      <c r="Q6401">
        <v>97082.770380000002</v>
      </c>
      <c r="R6401">
        <v>24151.951870000001</v>
      </c>
      <c r="S6401">
        <v>107335.96060000001</v>
      </c>
      <c r="T6401">
        <v>31006.516749999999</v>
      </c>
      <c r="U6401">
        <v>20981.14141</v>
      </c>
      <c r="W6401" s="83">
        <f>Bühler!N6433</f>
        <v>45558.62499998448</v>
      </c>
      <c r="X6401" s="83">
        <v>43367.625</v>
      </c>
      <c r="Y6401">
        <v>285763.76370000001</v>
      </c>
      <c r="Z6401">
        <v>34176.390169999999</v>
      </c>
      <c r="AA6401">
        <v>94232.108080000005</v>
      </c>
      <c r="AB6401">
        <v>68822.627779999995</v>
      </c>
      <c r="AC6401">
        <v>49054.728909999998</v>
      </c>
      <c r="AD6401">
        <v>39652.046970000003</v>
      </c>
      <c r="AE6401">
        <v>41499.164409999998</v>
      </c>
      <c r="AF6401">
        <v>61701.563999999998</v>
      </c>
      <c r="AG6401">
        <v>24483.6486</v>
      </c>
      <c r="AH6401">
        <v>336504.35230000003</v>
      </c>
      <c r="AI6401">
        <v>92795.953670000003</v>
      </c>
      <c r="AJ6401">
        <v>24694.996490000001</v>
      </c>
      <c r="AK6401">
        <v>28241.033429999999</v>
      </c>
      <c r="AL6401">
        <v>97082.770380000002</v>
      </c>
      <c r="AM6401">
        <v>24151.951870000001</v>
      </c>
      <c r="AN6401">
        <v>107335.96060000001</v>
      </c>
      <c r="AO6401">
        <v>31006.516749999999</v>
      </c>
      <c r="AP6401">
        <v>20981.14141</v>
      </c>
    </row>
    <row r="6402" spans="2:42" x14ac:dyDescent="0.3">
      <c r="B6402">
        <v>64.795976033311476</v>
      </c>
      <c r="C6402" s="83">
        <v>43367.666666666664</v>
      </c>
      <c r="D6402">
        <v>279365.96889999998</v>
      </c>
      <c r="E6402">
        <v>33149.203119999998</v>
      </c>
      <c r="F6402">
        <v>94149.695519999994</v>
      </c>
      <c r="G6402">
        <v>64015.002249999998</v>
      </c>
      <c r="H6402">
        <v>46517.207049999997</v>
      </c>
      <c r="I6402">
        <v>40700.027710000002</v>
      </c>
      <c r="J6402">
        <v>40681.948989999997</v>
      </c>
      <c r="K6402">
        <v>59046.277750000001</v>
      </c>
      <c r="L6402">
        <v>24687.147130000001</v>
      </c>
      <c r="M6402">
        <v>330360.1029</v>
      </c>
      <c r="N6402">
        <v>89720.408729999996</v>
      </c>
      <c r="O6402">
        <v>23759.418180000001</v>
      </c>
      <c r="P6402">
        <v>27280.97149</v>
      </c>
      <c r="Q6402">
        <v>96619.294500000004</v>
      </c>
      <c r="R6402">
        <v>22882.287</v>
      </c>
      <c r="S6402">
        <v>103332.43700000001</v>
      </c>
      <c r="T6402">
        <v>30523.178159999999</v>
      </c>
      <c r="U6402">
        <v>19760.921009999998</v>
      </c>
      <c r="W6402" s="83">
        <f>Bühler!N6434</f>
        <v>45558.666666651145</v>
      </c>
      <c r="X6402" s="83">
        <v>43367.666666666664</v>
      </c>
      <c r="Y6402">
        <v>279365.96889999998</v>
      </c>
      <c r="Z6402">
        <v>33149.203119999998</v>
      </c>
      <c r="AA6402">
        <v>94149.695519999994</v>
      </c>
      <c r="AB6402">
        <v>64015.002249999998</v>
      </c>
      <c r="AC6402">
        <v>46517.207049999997</v>
      </c>
      <c r="AD6402">
        <v>40700.027710000002</v>
      </c>
      <c r="AE6402">
        <v>40681.948989999997</v>
      </c>
      <c r="AF6402">
        <v>59046.277750000001</v>
      </c>
      <c r="AG6402">
        <v>24687.147130000001</v>
      </c>
      <c r="AH6402">
        <v>330360.1029</v>
      </c>
      <c r="AI6402">
        <v>89720.408729999996</v>
      </c>
      <c r="AJ6402">
        <v>23759.418180000001</v>
      </c>
      <c r="AK6402">
        <v>27280.97149</v>
      </c>
      <c r="AL6402">
        <v>96619.294500000004</v>
      </c>
      <c r="AM6402">
        <v>22882.287</v>
      </c>
      <c r="AN6402">
        <v>103332.43700000001</v>
      </c>
      <c r="AO6402">
        <v>30523.178159999999</v>
      </c>
      <c r="AP6402">
        <v>19760.921009999998</v>
      </c>
    </row>
    <row r="6403" spans="2:42" x14ac:dyDescent="0.3">
      <c r="B6403">
        <v>63.527215632410446</v>
      </c>
      <c r="C6403" s="83">
        <v>43367.708333333336</v>
      </c>
      <c r="D6403">
        <v>268888.76380000002</v>
      </c>
      <c r="E6403">
        <v>30962.810669999999</v>
      </c>
      <c r="F6403">
        <v>92542.738089999999</v>
      </c>
      <c r="G6403">
        <v>56486.6973</v>
      </c>
      <c r="H6403">
        <v>44015.435449999997</v>
      </c>
      <c r="I6403">
        <v>41010.345150000001</v>
      </c>
      <c r="J6403">
        <v>40644.433409999998</v>
      </c>
      <c r="K6403">
        <v>52495.397830000002</v>
      </c>
      <c r="L6403">
        <v>24700.505819999998</v>
      </c>
      <c r="M6403">
        <v>323891.37070000003</v>
      </c>
      <c r="N6403">
        <v>87650.724170000001</v>
      </c>
      <c r="O6403">
        <v>20860.76844</v>
      </c>
      <c r="P6403">
        <v>28666.322469999999</v>
      </c>
      <c r="Q6403">
        <v>94971.165219999995</v>
      </c>
      <c r="R6403">
        <v>22450.123250000001</v>
      </c>
      <c r="S6403">
        <v>100906.96339999999</v>
      </c>
      <c r="T6403">
        <v>30056.97927</v>
      </c>
      <c r="U6403">
        <v>16852.35871</v>
      </c>
      <c r="W6403" s="83">
        <f>Bühler!N6435</f>
        <v>45558.708333317809</v>
      </c>
      <c r="X6403" s="83">
        <v>43367.708333333336</v>
      </c>
      <c r="Y6403">
        <v>268888.76380000002</v>
      </c>
      <c r="Z6403">
        <v>30962.810669999999</v>
      </c>
      <c r="AA6403">
        <v>92542.738089999999</v>
      </c>
      <c r="AB6403">
        <v>56486.6973</v>
      </c>
      <c r="AC6403">
        <v>44015.435449999997</v>
      </c>
      <c r="AD6403">
        <v>41010.345150000001</v>
      </c>
      <c r="AE6403">
        <v>40644.433409999998</v>
      </c>
      <c r="AF6403">
        <v>52495.397830000002</v>
      </c>
      <c r="AG6403">
        <v>24700.505819999998</v>
      </c>
      <c r="AH6403">
        <v>323891.37070000003</v>
      </c>
      <c r="AI6403">
        <v>87650.724170000001</v>
      </c>
      <c r="AJ6403">
        <v>20860.76844</v>
      </c>
      <c r="AK6403">
        <v>28666.322469999999</v>
      </c>
      <c r="AL6403">
        <v>94971.165219999995</v>
      </c>
      <c r="AM6403">
        <v>22450.123250000001</v>
      </c>
      <c r="AN6403">
        <v>100906.96339999999</v>
      </c>
      <c r="AO6403">
        <v>30056.97927</v>
      </c>
      <c r="AP6403">
        <v>16852.35871</v>
      </c>
    </row>
    <row r="6404" spans="2:42" x14ac:dyDescent="0.3">
      <c r="B6404">
        <v>62.113242857759374</v>
      </c>
      <c r="C6404" s="83">
        <v>43367.75</v>
      </c>
      <c r="D6404">
        <v>263265.48269999999</v>
      </c>
      <c r="E6404">
        <v>28024.703880000001</v>
      </c>
      <c r="F6404">
        <v>90176.527369999996</v>
      </c>
      <c r="G6404">
        <v>47865.553549999997</v>
      </c>
      <c r="H6404">
        <v>42017.470240000002</v>
      </c>
      <c r="I6404">
        <v>39027.725010000002</v>
      </c>
      <c r="J6404">
        <v>40864.230490000002</v>
      </c>
      <c r="K6404">
        <v>49800.27089</v>
      </c>
      <c r="L6404">
        <v>26044.296569999999</v>
      </c>
      <c r="M6404">
        <v>316682.2781</v>
      </c>
      <c r="N6404">
        <v>86388.731400000004</v>
      </c>
      <c r="O6404">
        <v>19743.92367</v>
      </c>
      <c r="P6404">
        <v>31655.29062</v>
      </c>
      <c r="Q6404">
        <v>92757.797569999995</v>
      </c>
      <c r="R6404">
        <v>21623.403880000002</v>
      </c>
      <c r="S6404">
        <v>94473.474189999994</v>
      </c>
      <c r="T6404">
        <v>29832.875469999999</v>
      </c>
      <c r="U6404">
        <v>16017.95649</v>
      </c>
      <c r="W6404" s="83">
        <f>Bühler!N6436</f>
        <v>45558.749999984473</v>
      </c>
      <c r="X6404" s="83">
        <v>43367.75</v>
      </c>
      <c r="Y6404">
        <v>263265.48269999999</v>
      </c>
      <c r="Z6404">
        <v>28024.703880000001</v>
      </c>
      <c r="AA6404">
        <v>90176.527369999996</v>
      </c>
      <c r="AB6404">
        <v>47865.553549999997</v>
      </c>
      <c r="AC6404">
        <v>42017.470240000002</v>
      </c>
      <c r="AD6404">
        <v>39027.725010000002</v>
      </c>
      <c r="AE6404">
        <v>40864.230490000002</v>
      </c>
      <c r="AF6404">
        <v>49800.27089</v>
      </c>
      <c r="AG6404">
        <v>26044.296569999999</v>
      </c>
      <c r="AH6404">
        <v>316682.2781</v>
      </c>
      <c r="AI6404">
        <v>86388.731400000004</v>
      </c>
      <c r="AJ6404">
        <v>19743.92367</v>
      </c>
      <c r="AK6404">
        <v>31655.29062</v>
      </c>
      <c r="AL6404">
        <v>92757.797569999995</v>
      </c>
      <c r="AM6404">
        <v>21623.403880000002</v>
      </c>
      <c r="AN6404">
        <v>94473.474189999994</v>
      </c>
      <c r="AO6404">
        <v>29832.875469999999</v>
      </c>
      <c r="AP6404">
        <v>16017.95649</v>
      </c>
    </row>
    <row r="6405" spans="2:42" x14ac:dyDescent="0.3">
      <c r="B6405">
        <v>61.502163389731557</v>
      </c>
      <c r="C6405" s="83">
        <v>43367.791666666664</v>
      </c>
      <c r="D6405">
        <v>257951.3518</v>
      </c>
      <c r="E6405">
        <v>22604.35987</v>
      </c>
      <c r="F6405">
        <v>81164.981509999998</v>
      </c>
      <c r="G6405">
        <v>44292.138859999999</v>
      </c>
      <c r="H6405">
        <v>40582.194710000003</v>
      </c>
      <c r="I6405">
        <v>35922.65539</v>
      </c>
      <c r="J6405">
        <v>40877.876969999998</v>
      </c>
      <c r="K6405">
        <v>51431.173909999998</v>
      </c>
      <c r="L6405">
        <v>26988.48587</v>
      </c>
      <c r="M6405">
        <v>313566.71000000002</v>
      </c>
      <c r="N6405">
        <v>84923.726290000006</v>
      </c>
      <c r="O6405">
        <v>19221.331399999999</v>
      </c>
      <c r="P6405">
        <v>33901.784610000002</v>
      </c>
      <c r="Q6405">
        <v>90014.034539999993</v>
      </c>
      <c r="R6405">
        <v>21592.332470000001</v>
      </c>
      <c r="S6405">
        <v>89851.831160000002</v>
      </c>
      <c r="T6405">
        <v>30652.65987</v>
      </c>
      <c r="U6405">
        <v>15191.410959999999</v>
      </c>
      <c r="W6405" s="83">
        <f>Bühler!N6437</f>
        <v>45558.791666651137</v>
      </c>
      <c r="X6405" s="83">
        <v>43367.791666666664</v>
      </c>
      <c r="Y6405">
        <v>257951.3518</v>
      </c>
      <c r="Z6405">
        <v>22604.35987</v>
      </c>
      <c r="AA6405">
        <v>81164.981509999998</v>
      </c>
      <c r="AB6405">
        <v>44292.138859999999</v>
      </c>
      <c r="AC6405">
        <v>40582.194710000003</v>
      </c>
      <c r="AD6405">
        <v>35922.65539</v>
      </c>
      <c r="AE6405">
        <v>40877.876969999998</v>
      </c>
      <c r="AF6405">
        <v>51431.173909999998</v>
      </c>
      <c r="AG6405">
        <v>26988.48587</v>
      </c>
      <c r="AH6405">
        <v>313566.71000000002</v>
      </c>
      <c r="AI6405">
        <v>84923.726290000006</v>
      </c>
      <c r="AJ6405">
        <v>19221.331399999999</v>
      </c>
      <c r="AK6405">
        <v>33901.784610000002</v>
      </c>
      <c r="AL6405">
        <v>90014.034539999993</v>
      </c>
      <c r="AM6405">
        <v>21592.332470000001</v>
      </c>
      <c r="AN6405">
        <v>89851.831160000002</v>
      </c>
      <c r="AO6405">
        <v>30652.65987</v>
      </c>
      <c r="AP6405">
        <v>15191.410959999999</v>
      </c>
    </row>
    <row r="6406" spans="2:42" x14ac:dyDescent="0.3">
      <c r="B6406">
        <v>60.177317554344683</v>
      </c>
      <c r="C6406" s="83">
        <v>43367.833333333336</v>
      </c>
      <c r="D6406">
        <v>249744.47589999999</v>
      </c>
      <c r="E6406">
        <v>17338.508740000001</v>
      </c>
      <c r="F6406">
        <v>69401.153640000004</v>
      </c>
      <c r="G6406">
        <v>40058.153989999999</v>
      </c>
      <c r="H6406">
        <v>39515.530870000002</v>
      </c>
      <c r="I6406">
        <v>32414.17064</v>
      </c>
      <c r="J6406">
        <v>42859.92643</v>
      </c>
      <c r="K6406">
        <v>50651.55186</v>
      </c>
      <c r="L6406">
        <v>26833.853309999999</v>
      </c>
      <c r="M6406">
        <v>306812.0281</v>
      </c>
      <c r="N6406">
        <v>83362.627179999996</v>
      </c>
      <c r="O6406">
        <v>18695.604449999999</v>
      </c>
      <c r="P6406">
        <v>34284.099779999997</v>
      </c>
      <c r="Q6406">
        <v>88039.72623</v>
      </c>
      <c r="R6406">
        <v>20037.78959</v>
      </c>
      <c r="S6406">
        <v>83770.850260000007</v>
      </c>
      <c r="T6406">
        <v>30084.974149999998</v>
      </c>
      <c r="U6406">
        <v>14793.95105</v>
      </c>
      <c r="W6406" s="83">
        <f>Bühler!N6438</f>
        <v>45558.833333317802</v>
      </c>
      <c r="X6406" s="83">
        <v>43367.833333333336</v>
      </c>
      <c r="Y6406">
        <v>249744.47589999999</v>
      </c>
      <c r="Z6406">
        <v>17338.508740000001</v>
      </c>
      <c r="AA6406">
        <v>69401.153640000004</v>
      </c>
      <c r="AB6406">
        <v>40058.153989999999</v>
      </c>
      <c r="AC6406">
        <v>39515.530870000002</v>
      </c>
      <c r="AD6406">
        <v>32414.17064</v>
      </c>
      <c r="AE6406">
        <v>42859.92643</v>
      </c>
      <c r="AF6406">
        <v>50651.55186</v>
      </c>
      <c r="AG6406">
        <v>26833.853309999999</v>
      </c>
      <c r="AH6406">
        <v>306812.0281</v>
      </c>
      <c r="AI6406">
        <v>83362.627179999996</v>
      </c>
      <c r="AJ6406">
        <v>18695.604449999999</v>
      </c>
      <c r="AK6406">
        <v>34284.099779999997</v>
      </c>
      <c r="AL6406">
        <v>88039.72623</v>
      </c>
      <c r="AM6406">
        <v>20037.78959</v>
      </c>
      <c r="AN6406">
        <v>83770.850260000007</v>
      </c>
      <c r="AO6406">
        <v>30084.974149999998</v>
      </c>
      <c r="AP6406">
        <v>14793.95105</v>
      </c>
    </row>
    <row r="6407" spans="2:42" x14ac:dyDescent="0.3">
      <c r="B6407">
        <v>57.858918018639173</v>
      </c>
      <c r="C6407" s="83">
        <v>43367.875</v>
      </c>
      <c r="D6407">
        <v>242257.671</v>
      </c>
      <c r="E6407">
        <v>14547.25188</v>
      </c>
      <c r="F6407">
        <v>61122.849020000001</v>
      </c>
      <c r="G6407">
        <v>37249.164980000001</v>
      </c>
      <c r="H6407">
        <v>36954.739249999999</v>
      </c>
      <c r="I6407">
        <v>27822.655009999999</v>
      </c>
      <c r="J6407">
        <v>41087.709869999999</v>
      </c>
      <c r="K6407">
        <v>48967.132010000001</v>
      </c>
      <c r="L6407">
        <v>25076.211090000001</v>
      </c>
      <c r="M6407">
        <v>294991.74609999999</v>
      </c>
      <c r="N6407">
        <v>79781.578370000003</v>
      </c>
      <c r="O6407">
        <v>17913.4516</v>
      </c>
      <c r="P6407">
        <v>32713.420870000002</v>
      </c>
      <c r="Q6407">
        <v>85718.480049999998</v>
      </c>
      <c r="R6407">
        <v>18776.22739</v>
      </c>
      <c r="S6407">
        <v>78759.565749999994</v>
      </c>
      <c r="T6407">
        <v>27251.45911</v>
      </c>
      <c r="U6407">
        <v>13522.071739999999</v>
      </c>
      <c r="W6407" s="83">
        <f>Bühler!N6439</f>
        <v>45558.874999984466</v>
      </c>
      <c r="X6407" s="83">
        <v>43367.875</v>
      </c>
      <c r="Y6407">
        <v>242257.671</v>
      </c>
      <c r="Z6407">
        <v>14547.25188</v>
      </c>
      <c r="AA6407">
        <v>61122.849020000001</v>
      </c>
      <c r="AB6407">
        <v>37249.164980000001</v>
      </c>
      <c r="AC6407">
        <v>36954.739249999999</v>
      </c>
      <c r="AD6407">
        <v>27822.655009999999</v>
      </c>
      <c r="AE6407">
        <v>41087.709869999999</v>
      </c>
      <c r="AF6407">
        <v>48967.132010000001</v>
      </c>
      <c r="AG6407">
        <v>25076.211090000001</v>
      </c>
      <c r="AH6407">
        <v>294991.74609999999</v>
      </c>
      <c r="AI6407">
        <v>79781.578370000003</v>
      </c>
      <c r="AJ6407">
        <v>17913.4516</v>
      </c>
      <c r="AK6407">
        <v>32713.420870000002</v>
      </c>
      <c r="AL6407">
        <v>85718.480049999998</v>
      </c>
      <c r="AM6407">
        <v>18776.22739</v>
      </c>
      <c r="AN6407">
        <v>78759.565749999994</v>
      </c>
      <c r="AO6407">
        <v>27251.45911</v>
      </c>
      <c r="AP6407">
        <v>13522.071739999999</v>
      </c>
    </row>
    <row r="6408" spans="2:42" x14ac:dyDescent="0.3">
      <c r="B6408">
        <v>57.515538013245539</v>
      </c>
      <c r="C6408" s="83">
        <v>43367.916666666664</v>
      </c>
      <c r="D6408">
        <v>240036.64170000001</v>
      </c>
      <c r="E6408">
        <v>13796.77995</v>
      </c>
      <c r="F6408">
        <v>58503.395510000002</v>
      </c>
      <c r="G6408">
        <v>34758.24757</v>
      </c>
      <c r="H6408">
        <v>36030.976110000003</v>
      </c>
      <c r="I6408">
        <v>25034.024130000002</v>
      </c>
      <c r="J6408">
        <v>38881.774570000001</v>
      </c>
      <c r="K6408">
        <v>51571.627209999999</v>
      </c>
      <c r="L6408">
        <v>22537.06235</v>
      </c>
      <c r="M6408">
        <v>293241.03470000002</v>
      </c>
      <c r="N6408">
        <v>79409.657309999995</v>
      </c>
      <c r="O6408">
        <v>17462.336429999999</v>
      </c>
      <c r="P6408">
        <v>33683.387779999997</v>
      </c>
      <c r="Q6408">
        <v>85026.660940000002</v>
      </c>
      <c r="R6408">
        <v>19600.904620000001</v>
      </c>
      <c r="S6408">
        <v>76457.561579999994</v>
      </c>
      <c r="T6408">
        <v>23079.598859999998</v>
      </c>
      <c r="U6408">
        <v>13521.804550000001</v>
      </c>
      <c r="W6408" s="83">
        <f>Bühler!N6440</f>
        <v>45558.91666665113</v>
      </c>
      <c r="X6408" s="83">
        <v>43367.916666666664</v>
      </c>
      <c r="Y6408">
        <v>240036.64170000001</v>
      </c>
      <c r="Z6408">
        <v>13796.77995</v>
      </c>
      <c r="AA6408">
        <v>58503.395510000002</v>
      </c>
      <c r="AB6408">
        <v>34758.24757</v>
      </c>
      <c r="AC6408">
        <v>36030.976110000003</v>
      </c>
      <c r="AD6408">
        <v>25034.024130000002</v>
      </c>
      <c r="AE6408">
        <v>38881.774570000001</v>
      </c>
      <c r="AF6408">
        <v>51571.627209999999</v>
      </c>
      <c r="AG6408">
        <v>22537.06235</v>
      </c>
      <c r="AH6408">
        <v>293241.03470000002</v>
      </c>
      <c r="AI6408">
        <v>79409.657309999995</v>
      </c>
      <c r="AJ6408">
        <v>17462.336429999999</v>
      </c>
      <c r="AK6408">
        <v>33683.387779999997</v>
      </c>
      <c r="AL6408">
        <v>85026.660940000002</v>
      </c>
      <c r="AM6408">
        <v>19600.904620000001</v>
      </c>
      <c r="AN6408">
        <v>76457.561579999994</v>
      </c>
      <c r="AO6408">
        <v>23079.598859999998</v>
      </c>
      <c r="AP6408">
        <v>13521.804550000001</v>
      </c>
    </row>
    <row r="6409" spans="2:42" x14ac:dyDescent="0.3">
      <c r="B6409">
        <v>57.380823698403837</v>
      </c>
      <c r="C6409" s="83">
        <v>43367.958333333336</v>
      </c>
      <c r="D6409">
        <v>239693.3787</v>
      </c>
      <c r="E6409">
        <v>13294.08877</v>
      </c>
      <c r="F6409">
        <v>55667.976170000002</v>
      </c>
      <c r="G6409">
        <v>33924.523300000001</v>
      </c>
      <c r="H6409">
        <v>35433.017979999997</v>
      </c>
      <c r="I6409">
        <v>23755.724709999999</v>
      </c>
      <c r="J6409">
        <v>35809.352079999997</v>
      </c>
      <c r="K6409">
        <v>50857.104579999999</v>
      </c>
      <c r="L6409">
        <v>19643.057290000001</v>
      </c>
      <c r="M6409">
        <v>292554.19829999999</v>
      </c>
      <c r="N6409">
        <v>78662.806519999998</v>
      </c>
      <c r="O6409">
        <v>16808.474450000002</v>
      </c>
      <c r="P6409">
        <v>28565.297719999999</v>
      </c>
      <c r="Q6409">
        <v>85368.148180000004</v>
      </c>
      <c r="R6409">
        <v>18568.186610000001</v>
      </c>
      <c r="S6409">
        <v>74076.270730000004</v>
      </c>
      <c r="T6409">
        <v>20814.630509999999</v>
      </c>
      <c r="U6409">
        <v>12934.552820000001</v>
      </c>
      <c r="W6409" s="83">
        <f>Bühler!N6441</f>
        <v>45558.958333317794</v>
      </c>
      <c r="X6409" s="83">
        <v>43367.958333333336</v>
      </c>
      <c r="Y6409">
        <v>239693.3787</v>
      </c>
      <c r="Z6409">
        <v>13294.08877</v>
      </c>
      <c r="AA6409">
        <v>55667.976170000002</v>
      </c>
      <c r="AB6409">
        <v>33924.523300000001</v>
      </c>
      <c r="AC6409">
        <v>35433.017979999997</v>
      </c>
      <c r="AD6409">
        <v>23755.724709999999</v>
      </c>
      <c r="AE6409">
        <v>35809.352079999997</v>
      </c>
      <c r="AF6409">
        <v>50857.104579999999</v>
      </c>
      <c r="AG6409">
        <v>19643.057290000001</v>
      </c>
      <c r="AH6409">
        <v>292554.19829999999</v>
      </c>
      <c r="AI6409">
        <v>78662.806519999998</v>
      </c>
      <c r="AJ6409">
        <v>16808.474450000002</v>
      </c>
      <c r="AK6409">
        <v>28565.297719999999</v>
      </c>
      <c r="AL6409">
        <v>85368.148180000004</v>
      </c>
      <c r="AM6409">
        <v>18568.186610000001</v>
      </c>
      <c r="AN6409">
        <v>74076.270730000004</v>
      </c>
      <c r="AO6409">
        <v>20814.630509999999</v>
      </c>
      <c r="AP6409">
        <v>12934.552820000001</v>
      </c>
    </row>
    <row r="6410" spans="2:42" x14ac:dyDescent="0.3">
      <c r="B6410">
        <v>56.689961787437703</v>
      </c>
      <c r="C6410" s="83">
        <v>43368</v>
      </c>
      <c r="D6410">
        <v>237055.42800000001</v>
      </c>
      <c r="E6410">
        <v>12911.14416</v>
      </c>
      <c r="F6410">
        <v>53897.772089999999</v>
      </c>
      <c r="G6410">
        <v>32829.848140000002</v>
      </c>
      <c r="H6410">
        <v>34433.474069999997</v>
      </c>
      <c r="I6410">
        <v>21839.322629999999</v>
      </c>
      <c r="J6410">
        <v>33474.295570000002</v>
      </c>
      <c r="K6410">
        <v>48939.963969999997</v>
      </c>
      <c r="L6410">
        <v>18155.956760000001</v>
      </c>
      <c r="M6410">
        <v>289031.86210000003</v>
      </c>
      <c r="N6410">
        <v>77835.634009999994</v>
      </c>
      <c r="O6410">
        <v>17200.481019999999</v>
      </c>
      <c r="P6410">
        <v>26335.247780000002</v>
      </c>
      <c r="Q6410">
        <v>84873.443499999994</v>
      </c>
      <c r="R6410">
        <v>16746.48314</v>
      </c>
      <c r="S6410">
        <v>73129.109549999994</v>
      </c>
      <c r="T6410">
        <v>19245.430250000001</v>
      </c>
      <c r="U6410">
        <v>12405.05537</v>
      </c>
      <c r="W6410" s="83">
        <f>Bühler!N6442</f>
        <v>45558.999999984459</v>
      </c>
      <c r="X6410" s="83">
        <v>43368</v>
      </c>
      <c r="Y6410">
        <v>237055.42800000001</v>
      </c>
      <c r="Z6410">
        <v>12911.14416</v>
      </c>
      <c r="AA6410">
        <v>53897.772089999999</v>
      </c>
      <c r="AB6410">
        <v>32829.848140000002</v>
      </c>
      <c r="AC6410">
        <v>34433.474069999997</v>
      </c>
      <c r="AD6410">
        <v>21839.322629999999</v>
      </c>
      <c r="AE6410">
        <v>33474.295570000002</v>
      </c>
      <c r="AF6410">
        <v>48939.963969999997</v>
      </c>
      <c r="AG6410">
        <v>18155.956760000001</v>
      </c>
      <c r="AH6410">
        <v>289031.86210000003</v>
      </c>
      <c r="AI6410">
        <v>77835.634009999994</v>
      </c>
      <c r="AJ6410">
        <v>17200.481019999999</v>
      </c>
      <c r="AK6410">
        <v>26335.247780000002</v>
      </c>
      <c r="AL6410">
        <v>84873.443499999994</v>
      </c>
      <c r="AM6410">
        <v>16746.48314</v>
      </c>
      <c r="AN6410">
        <v>73129.109549999994</v>
      </c>
      <c r="AO6410">
        <v>19245.430250000001</v>
      </c>
      <c r="AP6410">
        <v>12405.05537</v>
      </c>
    </row>
    <row r="6411" spans="2:42" x14ac:dyDescent="0.3">
      <c r="B6411">
        <v>56.425374966711026</v>
      </c>
      <c r="C6411" s="83">
        <v>43368.041666666664</v>
      </c>
      <c r="D6411">
        <v>236374.06270000001</v>
      </c>
      <c r="E6411">
        <v>12600.157950000001</v>
      </c>
      <c r="F6411">
        <v>53625.151030000001</v>
      </c>
      <c r="G6411">
        <v>32216.660500000002</v>
      </c>
      <c r="H6411">
        <v>33842.115700000002</v>
      </c>
      <c r="I6411">
        <v>18054.580590000001</v>
      </c>
      <c r="J6411">
        <v>32109.321319999999</v>
      </c>
      <c r="K6411">
        <v>46937.852379999997</v>
      </c>
      <c r="L6411">
        <v>17179.308420000001</v>
      </c>
      <c r="M6411">
        <v>287682.8751</v>
      </c>
      <c r="N6411">
        <v>75930.828519999995</v>
      </c>
      <c r="O6411">
        <v>17189.20894</v>
      </c>
      <c r="P6411">
        <v>24663.045190000001</v>
      </c>
      <c r="Q6411">
        <v>85929.661040000006</v>
      </c>
      <c r="R6411">
        <v>15268.07027</v>
      </c>
      <c r="S6411">
        <v>71553.646859999993</v>
      </c>
      <c r="T6411">
        <v>18745.419140000002</v>
      </c>
      <c r="U6411">
        <v>12179.08596</v>
      </c>
      <c r="W6411" s="83">
        <f>Bühler!N6443</f>
        <v>45559.041666651123</v>
      </c>
      <c r="X6411" s="83">
        <v>43368.041666666664</v>
      </c>
      <c r="Y6411">
        <v>236374.06270000001</v>
      </c>
      <c r="Z6411">
        <v>12600.157950000001</v>
      </c>
      <c r="AA6411">
        <v>53625.151030000001</v>
      </c>
      <c r="AB6411">
        <v>32216.660500000002</v>
      </c>
      <c r="AC6411">
        <v>33842.115700000002</v>
      </c>
      <c r="AD6411">
        <v>18054.580590000001</v>
      </c>
      <c r="AE6411">
        <v>32109.321319999999</v>
      </c>
      <c r="AF6411">
        <v>46937.852379999997</v>
      </c>
      <c r="AG6411">
        <v>17179.308420000001</v>
      </c>
      <c r="AH6411">
        <v>287682.8751</v>
      </c>
      <c r="AI6411">
        <v>75930.828519999995</v>
      </c>
      <c r="AJ6411">
        <v>17189.20894</v>
      </c>
      <c r="AK6411">
        <v>24663.045190000001</v>
      </c>
      <c r="AL6411">
        <v>85929.661040000006</v>
      </c>
      <c r="AM6411">
        <v>15268.07027</v>
      </c>
      <c r="AN6411">
        <v>71553.646859999993</v>
      </c>
      <c r="AO6411">
        <v>18745.419140000002</v>
      </c>
      <c r="AP6411">
        <v>12179.08596</v>
      </c>
    </row>
    <row r="6412" spans="2:42" x14ac:dyDescent="0.3">
      <c r="B6412">
        <v>56.779134818994017</v>
      </c>
      <c r="C6412" s="83">
        <v>43368.083333333336</v>
      </c>
      <c r="D6412">
        <v>236504.1207</v>
      </c>
      <c r="E6412">
        <v>12444.828009999999</v>
      </c>
      <c r="F6412">
        <v>53590.855100000001</v>
      </c>
      <c r="G6412">
        <v>31634.163400000001</v>
      </c>
      <c r="H6412">
        <v>33794.591189999999</v>
      </c>
      <c r="I6412">
        <v>16273.049419999999</v>
      </c>
      <c r="J6412">
        <v>31579.124100000001</v>
      </c>
      <c r="K6412">
        <v>46540.094190000003</v>
      </c>
      <c r="L6412">
        <v>17282.149939999999</v>
      </c>
      <c r="M6412">
        <v>289486.50780000002</v>
      </c>
      <c r="N6412">
        <v>75461.096350000007</v>
      </c>
      <c r="O6412">
        <v>16992.434840000002</v>
      </c>
      <c r="P6412">
        <v>23681.23619</v>
      </c>
      <c r="Q6412">
        <v>87817.165340000007</v>
      </c>
      <c r="R6412">
        <v>15502.15474</v>
      </c>
      <c r="S6412">
        <v>70963.773820000002</v>
      </c>
      <c r="T6412">
        <v>18388.434600000001</v>
      </c>
      <c r="U6412">
        <v>11787.77054</v>
      </c>
      <c r="W6412" s="83">
        <f>Bühler!N6444</f>
        <v>45559.083333317787</v>
      </c>
      <c r="X6412" s="83">
        <v>43368.083333333336</v>
      </c>
      <c r="Y6412">
        <v>236504.1207</v>
      </c>
      <c r="Z6412">
        <v>12444.828009999999</v>
      </c>
      <c r="AA6412">
        <v>53590.855100000001</v>
      </c>
      <c r="AB6412">
        <v>31634.163400000001</v>
      </c>
      <c r="AC6412">
        <v>33794.591189999999</v>
      </c>
      <c r="AD6412">
        <v>16273.049419999999</v>
      </c>
      <c r="AE6412">
        <v>31579.124100000001</v>
      </c>
      <c r="AF6412">
        <v>46540.094190000003</v>
      </c>
      <c r="AG6412">
        <v>17282.149939999999</v>
      </c>
      <c r="AH6412">
        <v>289486.50780000002</v>
      </c>
      <c r="AI6412">
        <v>75461.096350000007</v>
      </c>
      <c r="AJ6412">
        <v>16992.434840000002</v>
      </c>
      <c r="AK6412">
        <v>23681.23619</v>
      </c>
      <c r="AL6412">
        <v>87817.165340000007</v>
      </c>
      <c r="AM6412">
        <v>15502.15474</v>
      </c>
      <c r="AN6412">
        <v>70963.773820000002</v>
      </c>
      <c r="AO6412">
        <v>18388.434600000001</v>
      </c>
      <c r="AP6412">
        <v>11787.77054</v>
      </c>
    </row>
    <row r="6413" spans="2:42" x14ac:dyDescent="0.3">
      <c r="B6413">
        <v>57.617274999470503</v>
      </c>
      <c r="C6413" s="83">
        <v>43368.125</v>
      </c>
      <c r="D6413">
        <v>237651.2126</v>
      </c>
      <c r="E6413">
        <v>12432.41793</v>
      </c>
      <c r="F6413">
        <v>54893.368040000001</v>
      </c>
      <c r="G6413">
        <v>30605.973890000001</v>
      </c>
      <c r="H6413">
        <v>33198.277439999998</v>
      </c>
      <c r="I6413">
        <v>16133.551149999999</v>
      </c>
      <c r="J6413">
        <v>32106.36908</v>
      </c>
      <c r="K6413">
        <v>44879.52001</v>
      </c>
      <c r="L6413">
        <v>16521.79664</v>
      </c>
      <c r="M6413">
        <v>293759.73729999998</v>
      </c>
      <c r="N6413">
        <v>74525.591620000007</v>
      </c>
      <c r="O6413">
        <v>16923.67225</v>
      </c>
      <c r="P6413">
        <v>22471.540570000001</v>
      </c>
      <c r="Q6413">
        <v>89779.898679999998</v>
      </c>
      <c r="R6413">
        <v>14822.41361</v>
      </c>
      <c r="S6413">
        <v>70231.602369999993</v>
      </c>
      <c r="T6413">
        <v>18225.760549999999</v>
      </c>
      <c r="U6413">
        <v>11885.450940000001</v>
      </c>
      <c r="W6413" s="83">
        <f>Bühler!N6445</f>
        <v>45559.124999984451</v>
      </c>
      <c r="X6413" s="83">
        <v>43368.125</v>
      </c>
      <c r="Y6413">
        <v>237651.2126</v>
      </c>
      <c r="Z6413">
        <v>12432.41793</v>
      </c>
      <c r="AA6413">
        <v>54893.368040000001</v>
      </c>
      <c r="AB6413">
        <v>30605.973890000001</v>
      </c>
      <c r="AC6413">
        <v>33198.277439999998</v>
      </c>
      <c r="AD6413">
        <v>16133.551149999999</v>
      </c>
      <c r="AE6413">
        <v>32106.36908</v>
      </c>
      <c r="AF6413">
        <v>44879.52001</v>
      </c>
      <c r="AG6413">
        <v>16521.79664</v>
      </c>
      <c r="AH6413">
        <v>293759.73729999998</v>
      </c>
      <c r="AI6413">
        <v>74525.591620000007</v>
      </c>
      <c r="AJ6413">
        <v>16923.67225</v>
      </c>
      <c r="AK6413">
        <v>22471.540570000001</v>
      </c>
      <c r="AL6413">
        <v>89779.898679999998</v>
      </c>
      <c r="AM6413">
        <v>14822.41361</v>
      </c>
      <c r="AN6413">
        <v>70231.602369999993</v>
      </c>
      <c r="AO6413">
        <v>18225.760549999999</v>
      </c>
      <c r="AP6413">
        <v>11885.450940000001</v>
      </c>
    </row>
    <row r="6414" spans="2:42" x14ac:dyDescent="0.3">
      <c r="B6414">
        <v>59.117967636595033</v>
      </c>
      <c r="C6414" s="83">
        <v>43368.166666666664</v>
      </c>
      <c r="D6414">
        <v>240438.0019</v>
      </c>
      <c r="E6414">
        <v>12866.729520000001</v>
      </c>
      <c r="F6414">
        <v>58092.449189999999</v>
      </c>
      <c r="G6414">
        <v>29915.73258</v>
      </c>
      <c r="H6414">
        <v>33788.566070000001</v>
      </c>
      <c r="I6414">
        <v>17763.76425</v>
      </c>
      <c r="J6414">
        <v>33607.585590000002</v>
      </c>
      <c r="K6414">
        <v>43779.179750000003</v>
      </c>
      <c r="L6414">
        <v>16341.675020000001</v>
      </c>
      <c r="M6414">
        <v>301410.9682</v>
      </c>
      <c r="N6414">
        <v>74770.766820000004</v>
      </c>
      <c r="O6414">
        <v>17245.967980000001</v>
      </c>
      <c r="P6414">
        <v>22693.693210000001</v>
      </c>
      <c r="Q6414">
        <v>93555.043369999999</v>
      </c>
      <c r="R6414">
        <v>14198.46796</v>
      </c>
      <c r="S6414">
        <v>70959.100260000007</v>
      </c>
      <c r="T6414">
        <v>17721.8678</v>
      </c>
      <c r="U6414">
        <v>11857.75325</v>
      </c>
      <c r="W6414" s="83">
        <f>Bühler!N6446</f>
        <v>45559.166666651116</v>
      </c>
      <c r="X6414" s="83">
        <v>43368.166666666664</v>
      </c>
      <c r="Y6414">
        <v>240438.0019</v>
      </c>
      <c r="Z6414">
        <v>12866.729520000001</v>
      </c>
      <c r="AA6414">
        <v>58092.449189999999</v>
      </c>
      <c r="AB6414">
        <v>29915.73258</v>
      </c>
      <c r="AC6414">
        <v>33788.566070000001</v>
      </c>
      <c r="AD6414">
        <v>17763.76425</v>
      </c>
      <c r="AE6414">
        <v>33607.585590000002</v>
      </c>
      <c r="AF6414">
        <v>43779.179750000003</v>
      </c>
      <c r="AG6414">
        <v>16341.675020000001</v>
      </c>
      <c r="AH6414">
        <v>301410.9682</v>
      </c>
      <c r="AI6414">
        <v>74770.766820000004</v>
      </c>
      <c r="AJ6414">
        <v>17245.967980000001</v>
      </c>
      <c r="AK6414">
        <v>22693.693210000001</v>
      </c>
      <c r="AL6414">
        <v>93555.043369999999</v>
      </c>
      <c r="AM6414">
        <v>14198.46796</v>
      </c>
      <c r="AN6414">
        <v>70959.100260000007</v>
      </c>
      <c r="AO6414">
        <v>17721.8678</v>
      </c>
      <c r="AP6414">
        <v>11857.75325</v>
      </c>
    </row>
    <row r="6415" spans="2:42" x14ac:dyDescent="0.3">
      <c r="B6415">
        <v>62.426889608124434</v>
      </c>
      <c r="C6415" s="83">
        <v>43368.208333333336</v>
      </c>
      <c r="D6415">
        <v>254664.54440000001</v>
      </c>
      <c r="E6415">
        <v>14715.077219999999</v>
      </c>
      <c r="F6415">
        <v>66769.742570000002</v>
      </c>
      <c r="G6415">
        <v>32263.032360000001</v>
      </c>
      <c r="H6415">
        <v>35661.114260000002</v>
      </c>
      <c r="I6415">
        <v>24344.24913</v>
      </c>
      <c r="J6415">
        <v>37100.165690000002</v>
      </c>
      <c r="K6415">
        <v>44362.85961</v>
      </c>
      <c r="L6415">
        <v>17422.622169999999</v>
      </c>
      <c r="M6415">
        <v>318281.39549999998</v>
      </c>
      <c r="N6415">
        <v>76938.004230000006</v>
      </c>
      <c r="O6415">
        <v>17373.097659999999</v>
      </c>
      <c r="P6415">
        <v>23936.198479999999</v>
      </c>
      <c r="Q6415">
        <v>96969.204190000004</v>
      </c>
      <c r="R6415">
        <v>15370.798140000001</v>
      </c>
      <c r="S6415">
        <v>73086.340270000001</v>
      </c>
      <c r="T6415">
        <v>19355.754629999999</v>
      </c>
      <c r="U6415">
        <v>14144.615760000001</v>
      </c>
      <c r="W6415" s="83">
        <f>Bühler!N6447</f>
        <v>45559.20833331778</v>
      </c>
      <c r="X6415" s="83">
        <v>43368.208333333336</v>
      </c>
      <c r="Y6415">
        <v>254664.54440000001</v>
      </c>
      <c r="Z6415">
        <v>14715.077219999999</v>
      </c>
      <c r="AA6415">
        <v>66769.742570000002</v>
      </c>
      <c r="AB6415">
        <v>32263.032360000001</v>
      </c>
      <c r="AC6415">
        <v>35661.114260000002</v>
      </c>
      <c r="AD6415">
        <v>24344.24913</v>
      </c>
      <c r="AE6415">
        <v>37100.165690000002</v>
      </c>
      <c r="AF6415">
        <v>44362.85961</v>
      </c>
      <c r="AG6415">
        <v>17422.622169999999</v>
      </c>
      <c r="AH6415">
        <v>318281.39549999998</v>
      </c>
      <c r="AI6415">
        <v>76938.004230000006</v>
      </c>
      <c r="AJ6415">
        <v>17373.097659999999</v>
      </c>
      <c r="AK6415">
        <v>23936.198479999999</v>
      </c>
      <c r="AL6415">
        <v>96969.204190000004</v>
      </c>
      <c r="AM6415">
        <v>15370.798140000001</v>
      </c>
      <c r="AN6415">
        <v>73086.340270000001</v>
      </c>
      <c r="AO6415">
        <v>19355.754629999999</v>
      </c>
      <c r="AP6415">
        <v>14144.615760000001</v>
      </c>
    </row>
    <row r="6416" spans="2:42" x14ac:dyDescent="0.3">
      <c r="B6416">
        <v>64.961250891177215</v>
      </c>
      <c r="C6416" s="83">
        <v>43368.25</v>
      </c>
      <c r="D6416">
        <v>270280.9327</v>
      </c>
      <c r="E6416">
        <v>18800.175670000001</v>
      </c>
      <c r="F6416">
        <v>78255.606159999996</v>
      </c>
      <c r="G6416">
        <v>44289.844620000003</v>
      </c>
      <c r="H6416">
        <v>38845.047610000001</v>
      </c>
      <c r="I6416">
        <v>32489.658210000001</v>
      </c>
      <c r="J6416">
        <v>41271.206270000002</v>
      </c>
      <c r="K6416">
        <v>46976.406510000001</v>
      </c>
      <c r="L6416">
        <v>18899.22465</v>
      </c>
      <c r="M6416">
        <v>331202.7512</v>
      </c>
      <c r="N6416">
        <v>82082.407590000003</v>
      </c>
      <c r="O6416">
        <v>19133.003079999999</v>
      </c>
      <c r="P6416">
        <v>25805.322459999999</v>
      </c>
      <c r="Q6416">
        <v>98159.468810000006</v>
      </c>
      <c r="R6416">
        <v>16869.081150000002</v>
      </c>
      <c r="S6416">
        <v>82565.740909999993</v>
      </c>
      <c r="T6416">
        <v>22553.203420000002</v>
      </c>
      <c r="U6416">
        <v>16874.060130000002</v>
      </c>
      <c r="W6416" s="83">
        <f>Bühler!N6448</f>
        <v>45559.249999984444</v>
      </c>
      <c r="X6416" s="83">
        <v>43368.25</v>
      </c>
      <c r="Y6416">
        <v>270280.9327</v>
      </c>
      <c r="Z6416">
        <v>18800.175670000001</v>
      </c>
      <c r="AA6416">
        <v>78255.606159999996</v>
      </c>
      <c r="AB6416">
        <v>44289.844620000003</v>
      </c>
      <c r="AC6416">
        <v>38845.047610000001</v>
      </c>
      <c r="AD6416">
        <v>32489.658210000001</v>
      </c>
      <c r="AE6416">
        <v>41271.206270000002</v>
      </c>
      <c r="AF6416">
        <v>46976.406510000001</v>
      </c>
      <c r="AG6416">
        <v>18899.22465</v>
      </c>
      <c r="AH6416">
        <v>331202.7512</v>
      </c>
      <c r="AI6416">
        <v>82082.407590000003</v>
      </c>
      <c r="AJ6416">
        <v>19133.003079999999</v>
      </c>
      <c r="AK6416">
        <v>25805.322459999999</v>
      </c>
      <c r="AL6416">
        <v>98159.468810000006</v>
      </c>
      <c r="AM6416">
        <v>16869.081150000002</v>
      </c>
      <c r="AN6416">
        <v>82565.740909999993</v>
      </c>
      <c r="AO6416">
        <v>22553.203420000002</v>
      </c>
      <c r="AP6416">
        <v>16874.060130000002</v>
      </c>
    </row>
    <row r="6417" spans="2:42" x14ac:dyDescent="0.3">
      <c r="B6417">
        <v>67.245971220532567</v>
      </c>
      <c r="C6417" s="83">
        <v>43368.291666666664</v>
      </c>
      <c r="D6417">
        <v>284258.63400000002</v>
      </c>
      <c r="E6417">
        <v>23930.53224</v>
      </c>
      <c r="F6417">
        <v>81961.699600000007</v>
      </c>
      <c r="G6417">
        <v>56907.749060000002</v>
      </c>
      <c r="H6417">
        <v>44431.002869999997</v>
      </c>
      <c r="I6417">
        <v>40879.627410000001</v>
      </c>
      <c r="J6417">
        <v>42784.58584</v>
      </c>
      <c r="K6417">
        <v>52788.499750000003</v>
      </c>
      <c r="L6417">
        <v>21967.09809</v>
      </c>
      <c r="M6417">
        <v>342851.32089999999</v>
      </c>
      <c r="N6417">
        <v>86996.187560000006</v>
      </c>
      <c r="O6417">
        <v>22156.210790000001</v>
      </c>
      <c r="P6417">
        <v>30078.509740000001</v>
      </c>
      <c r="Q6417">
        <v>98000.354569999996</v>
      </c>
      <c r="R6417">
        <v>20180.552749999999</v>
      </c>
      <c r="S6417">
        <v>99241.455520000003</v>
      </c>
      <c r="T6417">
        <v>27060.240519999999</v>
      </c>
      <c r="U6417">
        <v>22199.965939999998</v>
      </c>
      <c r="W6417" s="83">
        <f>Bühler!N6449</f>
        <v>45559.291666651108</v>
      </c>
      <c r="X6417" s="83">
        <v>43368.291666666664</v>
      </c>
      <c r="Y6417">
        <v>284258.63400000002</v>
      </c>
      <c r="Z6417">
        <v>23930.53224</v>
      </c>
      <c r="AA6417">
        <v>81961.699600000007</v>
      </c>
      <c r="AB6417">
        <v>56907.749060000002</v>
      </c>
      <c r="AC6417">
        <v>44431.002869999997</v>
      </c>
      <c r="AD6417">
        <v>40879.627410000001</v>
      </c>
      <c r="AE6417">
        <v>42784.58584</v>
      </c>
      <c r="AF6417">
        <v>52788.499750000003</v>
      </c>
      <c r="AG6417">
        <v>21967.09809</v>
      </c>
      <c r="AH6417">
        <v>342851.32089999999</v>
      </c>
      <c r="AI6417">
        <v>86996.187560000006</v>
      </c>
      <c r="AJ6417">
        <v>22156.210790000001</v>
      </c>
      <c r="AK6417">
        <v>30078.509740000001</v>
      </c>
      <c r="AL6417">
        <v>98000.354569999996</v>
      </c>
      <c r="AM6417">
        <v>20180.552749999999</v>
      </c>
      <c r="AN6417">
        <v>99241.455520000003</v>
      </c>
      <c r="AO6417">
        <v>27060.240519999999</v>
      </c>
      <c r="AP6417">
        <v>22199.965939999998</v>
      </c>
    </row>
    <row r="6418" spans="2:42" x14ac:dyDescent="0.3">
      <c r="B6418">
        <v>67.478452484603324</v>
      </c>
      <c r="C6418" s="83">
        <v>43368.333333333336</v>
      </c>
      <c r="D6418">
        <v>296296.07919999998</v>
      </c>
      <c r="E6418">
        <v>29361.948329999999</v>
      </c>
      <c r="F6418">
        <v>86671.786649999995</v>
      </c>
      <c r="G6418">
        <v>73657.553950000001</v>
      </c>
      <c r="H6418">
        <v>48951.732600000003</v>
      </c>
      <c r="I6418">
        <v>44164.28875</v>
      </c>
      <c r="J6418">
        <v>43903.000780000002</v>
      </c>
      <c r="K6418">
        <v>59216.663280000001</v>
      </c>
      <c r="L6418">
        <v>24803.047760000001</v>
      </c>
      <c r="M6418">
        <v>344036.6188</v>
      </c>
      <c r="N6418">
        <v>92981.504780000003</v>
      </c>
      <c r="O6418">
        <v>23218.064149999998</v>
      </c>
      <c r="P6418">
        <v>31532.874510000001</v>
      </c>
      <c r="Q6418">
        <v>98873.30128</v>
      </c>
      <c r="R6418">
        <v>21673.63566</v>
      </c>
      <c r="S6418">
        <v>112002.4491</v>
      </c>
      <c r="T6418">
        <v>29838.821120000001</v>
      </c>
      <c r="U6418">
        <v>25155.45</v>
      </c>
      <c r="W6418" s="83">
        <f>Bühler!N6450</f>
        <v>45559.333333317772</v>
      </c>
      <c r="X6418" s="83">
        <v>43368.333333333336</v>
      </c>
      <c r="Y6418">
        <v>296296.07919999998</v>
      </c>
      <c r="Z6418">
        <v>29361.948329999999</v>
      </c>
      <c r="AA6418">
        <v>86671.786649999995</v>
      </c>
      <c r="AB6418">
        <v>73657.553950000001</v>
      </c>
      <c r="AC6418">
        <v>48951.732600000003</v>
      </c>
      <c r="AD6418">
        <v>44164.28875</v>
      </c>
      <c r="AE6418">
        <v>43903.000780000002</v>
      </c>
      <c r="AF6418">
        <v>59216.663280000001</v>
      </c>
      <c r="AG6418">
        <v>24803.047760000001</v>
      </c>
      <c r="AH6418">
        <v>344036.6188</v>
      </c>
      <c r="AI6418">
        <v>92981.504780000003</v>
      </c>
      <c r="AJ6418">
        <v>23218.064149999998</v>
      </c>
      <c r="AK6418">
        <v>31532.874510000001</v>
      </c>
      <c r="AL6418">
        <v>98873.30128</v>
      </c>
      <c r="AM6418">
        <v>21673.63566</v>
      </c>
      <c r="AN6418">
        <v>112002.4491</v>
      </c>
      <c r="AO6418">
        <v>29838.821120000001</v>
      </c>
      <c r="AP6418">
        <v>25155.45</v>
      </c>
    </row>
    <row r="6419" spans="2:42" x14ac:dyDescent="0.3">
      <c r="B6419">
        <v>68.222637489567902</v>
      </c>
      <c r="C6419" s="83">
        <v>43368.375</v>
      </c>
      <c r="D6419">
        <v>297851.47450000001</v>
      </c>
      <c r="E6419">
        <v>33307.866979999999</v>
      </c>
      <c r="F6419">
        <v>92820.018049999999</v>
      </c>
      <c r="G6419">
        <v>82857.528579999998</v>
      </c>
      <c r="H6419">
        <v>51764.648560000001</v>
      </c>
      <c r="I6419">
        <v>42670.150629999996</v>
      </c>
      <c r="J6419">
        <v>44648.218110000002</v>
      </c>
      <c r="K6419">
        <v>61856.380819999998</v>
      </c>
      <c r="L6419">
        <v>27994.02579</v>
      </c>
      <c r="M6419">
        <v>347830.821</v>
      </c>
      <c r="N6419">
        <v>99153.601269999999</v>
      </c>
      <c r="O6419">
        <v>25000.020229999998</v>
      </c>
      <c r="P6419">
        <v>32895.072979999997</v>
      </c>
      <c r="Q6419">
        <v>99629.262350000005</v>
      </c>
      <c r="R6419">
        <v>22244.280170000002</v>
      </c>
      <c r="S6419">
        <v>117862.0025</v>
      </c>
      <c r="T6419">
        <v>32572.440419999999</v>
      </c>
      <c r="U6419">
        <v>25892.539919999999</v>
      </c>
      <c r="W6419" s="83">
        <f>Bühler!N6451</f>
        <v>45559.374999984437</v>
      </c>
      <c r="X6419" s="83">
        <v>43368.375</v>
      </c>
      <c r="Y6419">
        <v>297851.47450000001</v>
      </c>
      <c r="Z6419">
        <v>33307.866979999999</v>
      </c>
      <c r="AA6419">
        <v>92820.018049999999</v>
      </c>
      <c r="AB6419">
        <v>82857.528579999998</v>
      </c>
      <c r="AC6419">
        <v>51764.648560000001</v>
      </c>
      <c r="AD6419">
        <v>42670.150629999996</v>
      </c>
      <c r="AE6419">
        <v>44648.218110000002</v>
      </c>
      <c r="AF6419">
        <v>61856.380819999998</v>
      </c>
      <c r="AG6419">
        <v>27994.02579</v>
      </c>
      <c r="AH6419">
        <v>347830.821</v>
      </c>
      <c r="AI6419">
        <v>99153.601269999999</v>
      </c>
      <c r="AJ6419">
        <v>25000.020229999998</v>
      </c>
      <c r="AK6419">
        <v>32895.072979999997</v>
      </c>
      <c r="AL6419">
        <v>99629.262350000005</v>
      </c>
      <c r="AM6419">
        <v>22244.280170000002</v>
      </c>
      <c r="AN6419">
        <v>117862.0025</v>
      </c>
      <c r="AO6419">
        <v>32572.440419999999</v>
      </c>
      <c r="AP6419">
        <v>25892.539919999999</v>
      </c>
    </row>
    <row r="6420" spans="2:42" x14ac:dyDescent="0.3">
      <c r="B6420">
        <v>69.133603923097112</v>
      </c>
      <c r="C6420" s="83">
        <v>43368.416666666664</v>
      </c>
      <c r="D6420">
        <v>300937.8689</v>
      </c>
      <c r="E6420">
        <v>34884.442029999998</v>
      </c>
      <c r="F6420">
        <v>93338.265799999994</v>
      </c>
      <c r="G6420">
        <v>85306.509009999994</v>
      </c>
      <c r="H6420">
        <v>52720.631780000003</v>
      </c>
      <c r="I6420">
        <v>40627.93088</v>
      </c>
      <c r="J6420">
        <v>43641.006430000001</v>
      </c>
      <c r="K6420">
        <v>63454.093849999997</v>
      </c>
      <c r="L6420">
        <v>29086.700349999999</v>
      </c>
      <c r="M6420">
        <v>352475.35269999999</v>
      </c>
      <c r="N6420">
        <v>101638.6039</v>
      </c>
      <c r="O6420">
        <v>25774.327990000002</v>
      </c>
      <c r="P6420">
        <v>33738.670440000002</v>
      </c>
      <c r="Q6420">
        <v>100838.82</v>
      </c>
      <c r="R6420">
        <v>23294.768639999998</v>
      </c>
      <c r="S6420">
        <v>119044.6336</v>
      </c>
      <c r="T6420">
        <v>34409.278890000001</v>
      </c>
      <c r="U6420">
        <v>25616.505639999999</v>
      </c>
      <c r="W6420" s="83">
        <f>Bühler!N6452</f>
        <v>45559.416666651101</v>
      </c>
      <c r="X6420" s="83">
        <v>43368.416666666664</v>
      </c>
      <c r="Y6420">
        <v>300937.8689</v>
      </c>
      <c r="Z6420">
        <v>34884.442029999998</v>
      </c>
      <c r="AA6420">
        <v>93338.265799999994</v>
      </c>
      <c r="AB6420">
        <v>85306.509009999994</v>
      </c>
      <c r="AC6420">
        <v>52720.631780000003</v>
      </c>
      <c r="AD6420">
        <v>40627.93088</v>
      </c>
      <c r="AE6420">
        <v>43641.006430000001</v>
      </c>
      <c r="AF6420">
        <v>63454.093849999997</v>
      </c>
      <c r="AG6420">
        <v>29086.700349999999</v>
      </c>
      <c r="AH6420">
        <v>352475.35269999999</v>
      </c>
      <c r="AI6420">
        <v>101638.6039</v>
      </c>
      <c r="AJ6420">
        <v>25774.327990000002</v>
      </c>
      <c r="AK6420">
        <v>33738.670440000002</v>
      </c>
      <c r="AL6420">
        <v>100838.82</v>
      </c>
      <c r="AM6420">
        <v>23294.768639999998</v>
      </c>
      <c r="AN6420">
        <v>119044.6336</v>
      </c>
      <c r="AO6420">
        <v>34409.278890000001</v>
      </c>
      <c r="AP6420">
        <v>25616.505639999999</v>
      </c>
    </row>
    <row r="6421" spans="2:42" x14ac:dyDescent="0.3">
      <c r="B6421">
        <v>69.52859693961031</v>
      </c>
      <c r="C6421" s="83">
        <v>43368.458333333336</v>
      </c>
      <c r="D6421">
        <v>301443.18800000002</v>
      </c>
      <c r="E6421">
        <v>34898.448389999998</v>
      </c>
      <c r="F6421">
        <v>93790.734450000004</v>
      </c>
      <c r="G6421">
        <v>83539.144090000002</v>
      </c>
      <c r="H6421">
        <v>52224.117980000003</v>
      </c>
      <c r="I6421">
        <v>40133.284899999999</v>
      </c>
      <c r="J6421">
        <v>43297.308089999999</v>
      </c>
      <c r="K6421">
        <v>64187.582419999999</v>
      </c>
      <c r="L6421">
        <v>30348.792700000002</v>
      </c>
      <c r="M6421">
        <v>354489.21130000002</v>
      </c>
      <c r="N6421">
        <v>100974.2403</v>
      </c>
      <c r="O6421">
        <v>26268.88046</v>
      </c>
      <c r="P6421">
        <v>33501.675439999999</v>
      </c>
      <c r="Q6421">
        <v>101091.0797</v>
      </c>
      <c r="R6421">
        <v>23888.65912</v>
      </c>
      <c r="S6421">
        <v>121866.02860000001</v>
      </c>
      <c r="T6421">
        <v>34844.511449999998</v>
      </c>
      <c r="U6421">
        <v>25161.19413</v>
      </c>
      <c r="W6421" s="83">
        <f>Bühler!N6453</f>
        <v>45559.458333317765</v>
      </c>
      <c r="X6421" s="83">
        <v>43368.458333333336</v>
      </c>
      <c r="Y6421">
        <v>301443.18800000002</v>
      </c>
      <c r="Z6421">
        <v>34898.448389999998</v>
      </c>
      <c r="AA6421">
        <v>93790.734450000004</v>
      </c>
      <c r="AB6421">
        <v>83539.144090000002</v>
      </c>
      <c r="AC6421">
        <v>52224.117980000003</v>
      </c>
      <c r="AD6421">
        <v>40133.284899999999</v>
      </c>
      <c r="AE6421">
        <v>43297.308089999999</v>
      </c>
      <c r="AF6421">
        <v>64187.582419999999</v>
      </c>
      <c r="AG6421">
        <v>30348.792700000002</v>
      </c>
      <c r="AH6421">
        <v>354489.21130000002</v>
      </c>
      <c r="AI6421">
        <v>100974.2403</v>
      </c>
      <c r="AJ6421">
        <v>26268.88046</v>
      </c>
      <c r="AK6421">
        <v>33501.675439999999</v>
      </c>
      <c r="AL6421">
        <v>101091.0797</v>
      </c>
      <c r="AM6421">
        <v>23888.65912</v>
      </c>
      <c r="AN6421">
        <v>121866.02860000001</v>
      </c>
      <c r="AO6421">
        <v>34844.511449999998</v>
      </c>
      <c r="AP6421">
        <v>25161.19413</v>
      </c>
    </row>
    <row r="6422" spans="2:42" x14ac:dyDescent="0.3">
      <c r="B6422">
        <v>68.494317129502278</v>
      </c>
      <c r="C6422" s="83">
        <v>43368.5</v>
      </c>
      <c r="D6422">
        <v>286353.15110000002</v>
      </c>
      <c r="E6422">
        <v>31238.285619999999</v>
      </c>
      <c r="F6422">
        <v>88048.035459999999</v>
      </c>
      <c r="G6422">
        <v>81412.181719999993</v>
      </c>
      <c r="H6422">
        <v>49918.07819</v>
      </c>
      <c r="I6422">
        <v>38735.564960000003</v>
      </c>
      <c r="J6422">
        <v>42947.698689999997</v>
      </c>
      <c r="K6422">
        <v>59388.744659999997</v>
      </c>
      <c r="L6422">
        <v>33068.243560000003</v>
      </c>
      <c r="M6422">
        <v>349215.9705</v>
      </c>
      <c r="N6422">
        <v>98843.364449999994</v>
      </c>
      <c r="O6422">
        <v>25126.531299999999</v>
      </c>
      <c r="P6422">
        <v>34992.467640000003</v>
      </c>
      <c r="Q6422">
        <v>99672.835319999998</v>
      </c>
      <c r="R6422">
        <v>26040.41131</v>
      </c>
      <c r="S6422">
        <v>115419.73880000001</v>
      </c>
      <c r="T6422">
        <v>34407.58556</v>
      </c>
      <c r="U6422">
        <v>20614.51958</v>
      </c>
      <c r="W6422" s="83">
        <f>Bühler!N6454</f>
        <v>45559.499999984429</v>
      </c>
      <c r="X6422" s="83">
        <v>43368.5</v>
      </c>
      <c r="Y6422">
        <v>286353.15110000002</v>
      </c>
      <c r="Z6422">
        <v>31238.285619999999</v>
      </c>
      <c r="AA6422">
        <v>88048.035459999999</v>
      </c>
      <c r="AB6422">
        <v>81412.181719999993</v>
      </c>
      <c r="AC6422">
        <v>49918.07819</v>
      </c>
      <c r="AD6422">
        <v>38735.564960000003</v>
      </c>
      <c r="AE6422">
        <v>42947.698689999997</v>
      </c>
      <c r="AF6422">
        <v>59388.744659999997</v>
      </c>
      <c r="AG6422">
        <v>33068.243560000003</v>
      </c>
      <c r="AH6422">
        <v>349215.9705</v>
      </c>
      <c r="AI6422">
        <v>98843.364449999994</v>
      </c>
      <c r="AJ6422">
        <v>25126.531299999999</v>
      </c>
      <c r="AK6422">
        <v>34992.467640000003</v>
      </c>
      <c r="AL6422">
        <v>99672.835319999998</v>
      </c>
      <c r="AM6422">
        <v>26040.41131</v>
      </c>
      <c r="AN6422">
        <v>115419.73880000001</v>
      </c>
      <c r="AO6422">
        <v>34407.58556</v>
      </c>
      <c r="AP6422">
        <v>20614.51958</v>
      </c>
    </row>
    <row r="6423" spans="2:42" x14ac:dyDescent="0.3">
      <c r="B6423">
        <v>68.355940634948553</v>
      </c>
      <c r="C6423" s="83">
        <v>43368.541666666664</v>
      </c>
      <c r="D6423">
        <v>287536.93</v>
      </c>
      <c r="E6423">
        <v>31439.903060000001</v>
      </c>
      <c r="F6423">
        <v>85411.918040000004</v>
      </c>
      <c r="G6423">
        <v>78389.591450000007</v>
      </c>
      <c r="H6423">
        <v>50212.33943</v>
      </c>
      <c r="I6423">
        <v>38098.585140000003</v>
      </c>
      <c r="J6423">
        <v>41012.187639999996</v>
      </c>
      <c r="K6423">
        <v>61199.07402</v>
      </c>
      <c r="L6423">
        <v>30615.299589999999</v>
      </c>
      <c r="M6423">
        <v>348510.46260000003</v>
      </c>
      <c r="N6423">
        <v>99281.274600000004</v>
      </c>
      <c r="O6423">
        <v>24430.96371</v>
      </c>
      <c r="P6423">
        <v>33987.489009999998</v>
      </c>
      <c r="Q6423">
        <v>98472.280790000004</v>
      </c>
      <c r="R6423">
        <v>26159.800009999999</v>
      </c>
      <c r="S6423">
        <v>112892.9391</v>
      </c>
      <c r="T6423">
        <v>33576.952539999998</v>
      </c>
      <c r="U6423">
        <v>21995.104319999999</v>
      </c>
      <c r="W6423" s="83">
        <f>Bühler!N6455</f>
        <v>45559.541666651094</v>
      </c>
      <c r="X6423" s="83">
        <v>43368.541666666664</v>
      </c>
      <c r="Y6423">
        <v>287536.93</v>
      </c>
      <c r="Z6423">
        <v>31439.903060000001</v>
      </c>
      <c r="AA6423">
        <v>85411.918040000004</v>
      </c>
      <c r="AB6423">
        <v>78389.591450000007</v>
      </c>
      <c r="AC6423">
        <v>50212.33943</v>
      </c>
      <c r="AD6423">
        <v>38098.585140000003</v>
      </c>
      <c r="AE6423">
        <v>41012.187639999996</v>
      </c>
      <c r="AF6423">
        <v>61199.07402</v>
      </c>
      <c r="AG6423">
        <v>30615.299589999999</v>
      </c>
      <c r="AH6423">
        <v>348510.46260000003</v>
      </c>
      <c r="AI6423">
        <v>99281.274600000004</v>
      </c>
      <c r="AJ6423">
        <v>24430.96371</v>
      </c>
      <c r="AK6423">
        <v>33987.489009999998</v>
      </c>
      <c r="AL6423">
        <v>98472.280790000004</v>
      </c>
      <c r="AM6423">
        <v>26159.800009999999</v>
      </c>
      <c r="AN6423">
        <v>112892.9391</v>
      </c>
      <c r="AO6423">
        <v>33576.952539999998</v>
      </c>
      <c r="AP6423">
        <v>21995.104319999999</v>
      </c>
    </row>
    <row r="6424" spans="2:42" x14ac:dyDescent="0.3">
      <c r="B6424">
        <v>68.44243490016926</v>
      </c>
      <c r="C6424" s="83">
        <v>43368.583333333336</v>
      </c>
      <c r="D6424">
        <v>292674.75949999999</v>
      </c>
      <c r="E6424">
        <v>34286.88291</v>
      </c>
      <c r="F6424">
        <v>91725.493900000001</v>
      </c>
      <c r="G6424">
        <v>72799.926550000004</v>
      </c>
      <c r="H6424">
        <v>49606.104359999998</v>
      </c>
      <c r="I6424">
        <v>38457.699890000004</v>
      </c>
      <c r="J6424">
        <v>40972.275309999997</v>
      </c>
      <c r="K6424">
        <v>63803.052430000003</v>
      </c>
      <c r="L6424">
        <v>26985.43275</v>
      </c>
      <c r="M6424">
        <v>348951.45069999999</v>
      </c>
      <c r="N6424">
        <v>100385.0291</v>
      </c>
      <c r="O6424">
        <v>23815.211800000001</v>
      </c>
      <c r="P6424">
        <v>30495.429039999999</v>
      </c>
      <c r="Q6424">
        <v>98873.990109999999</v>
      </c>
      <c r="R6424">
        <v>25151.460169999998</v>
      </c>
      <c r="S6424">
        <v>108434.53939999999</v>
      </c>
      <c r="T6424">
        <v>32061.132130000002</v>
      </c>
      <c r="U6424">
        <v>22819.988389999999</v>
      </c>
      <c r="W6424" s="83">
        <f>Bühler!N6456</f>
        <v>45559.583333317758</v>
      </c>
      <c r="X6424" s="83">
        <v>43368.583333333336</v>
      </c>
      <c r="Y6424">
        <v>292674.75949999999</v>
      </c>
      <c r="Z6424">
        <v>34286.88291</v>
      </c>
      <c r="AA6424">
        <v>91725.493900000001</v>
      </c>
      <c r="AB6424">
        <v>72799.926550000004</v>
      </c>
      <c r="AC6424">
        <v>49606.104359999998</v>
      </c>
      <c r="AD6424">
        <v>38457.699890000004</v>
      </c>
      <c r="AE6424">
        <v>40972.275309999997</v>
      </c>
      <c r="AF6424">
        <v>63803.052430000003</v>
      </c>
      <c r="AG6424">
        <v>26985.43275</v>
      </c>
      <c r="AH6424">
        <v>348951.45069999999</v>
      </c>
      <c r="AI6424">
        <v>100385.0291</v>
      </c>
      <c r="AJ6424">
        <v>23815.211800000001</v>
      </c>
      <c r="AK6424">
        <v>30495.429039999999</v>
      </c>
      <c r="AL6424">
        <v>98873.990109999999</v>
      </c>
      <c r="AM6424">
        <v>25151.460169999998</v>
      </c>
      <c r="AN6424">
        <v>108434.53939999999</v>
      </c>
      <c r="AO6424">
        <v>32061.132130000002</v>
      </c>
      <c r="AP6424">
        <v>22819.988389999999</v>
      </c>
    </row>
    <row r="6425" spans="2:42" x14ac:dyDescent="0.3">
      <c r="B6425">
        <v>67.828447341942237</v>
      </c>
      <c r="C6425" s="83">
        <v>43368.625</v>
      </c>
      <c r="D6425">
        <v>288698.7464</v>
      </c>
      <c r="E6425">
        <v>34309.311350000004</v>
      </c>
      <c r="F6425">
        <v>93001.736770000003</v>
      </c>
      <c r="G6425">
        <v>69480.051269999996</v>
      </c>
      <c r="H6425">
        <v>48612.993600000002</v>
      </c>
      <c r="I6425">
        <v>38794.69526</v>
      </c>
      <c r="J6425">
        <v>40780.118889999998</v>
      </c>
      <c r="K6425">
        <v>62974.383629999997</v>
      </c>
      <c r="L6425">
        <v>24859.662560000001</v>
      </c>
      <c r="M6425">
        <v>345821.05579999997</v>
      </c>
      <c r="N6425">
        <v>97588.56366</v>
      </c>
      <c r="O6425">
        <v>22709.251560000001</v>
      </c>
      <c r="P6425">
        <v>28489.437610000001</v>
      </c>
      <c r="Q6425">
        <v>98874.480330000006</v>
      </c>
      <c r="R6425">
        <v>25066.341509999998</v>
      </c>
      <c r="S6425">
        <v>105919.39509999999</v>
      </c>
      <c r="T6425">
        <v>31117.323609999999</v>
      </c>
      <c r="U6425">
        <v>21733.228889999999</v>
      </c>
      <c r="W6425" s="83">
        <f>Bühler!N6457</f>
        <v>45559.624999984422</v>
      </c>
      <c r="X6425" s="83">
        <v>43368.625</v>
      </c>
      <c r="Y6425">
        <v>288698.7464</v>
      </c>
      <c r="Z6425">
        <v>34309.311350000004</v>
      </c>
      <c r="AA6425">
        <v>93001.736770000003</v>
      </c>
      <c r="AB6425">
        <v>69480.051269999996</v>
      </c>
      <c r="AC6425">
        <v>48612.993600000002</v>
      </c>
      <c r="AD6425">
        <v>38794.69526</v>
      </c>
      <c r="AE6425">
        <v>40780.118889999998</v>
      </c>
      <c r="AF6425">
        <v>62974.383629999997</v>
      </c>
      <c r="AG6425">
        <v>24859.662560000001</v>
      </c>
      <c r="AH6425">
        <v>345821.05579999997</v>
      </c>
      <c r="AI6425">
        <v>97588.56366</v>
      </c>
      <c r="AJ6425">
        <v>22709.251560000001</v>
      </c>
      <c r="AK6425">
        <v>28489.437610000001</v>
      </c>
      <c r="AL6425">
        <v>98874.480330000006</v>
      </c>
      <c r="AM6425">
        <v>25066.341509999998</v>
      </c>
      <c r="AN6425">
        <v>105919.39509999999</v>
      </c>
      <c r="AO6425">
        <v>31117.323609999999</v>
      </c>
      <c r="AP6425">
        <v>21733.228889999999</v>
      </c>
    </row>
    <row r="6426" spans="2:42" x14ac:dyDescent="0.3">
      <c r="B6426">
        <v>66.632028362022027</v>
      </c>
      <c r="C6426" s="83">
        <v>43368.666666666664</v>
      </c>
      <c r="D6426">
        <v>283252.27799999999</v>
      </c>
      <c r="E6426">
        <v>33255.709210000001</v>
      </c>
      <c r="F6426">
        <v>92207.271949999995</v>
      </c>
      <c r="G6426">
        <v>65436.476580000002</v>
      </c>
      <c r="H6426">
        <v>46826.235000000001</v>
      </c>
      <c r="I6426">
        <v>40114.908600000002</v>
      </c>
      <c r="J6426">
        <v>39857.659820000001</v>
      </c>
      <c r="K6426">
        <v>59730.813699999999</v>
      </c>
      <c r="L6426">
        <v>24181.121210000001</v>
      </c>
      <c r="M6426">
        <v>339721.15389999998</v>
      </c>
      <c r="N6426">
        <v>93376.729430000007</v>
      </c>
      <c r="O6426">
        <v>23162.083910000001</v>
      </c>
      <c r="P6426">
        <v>28194.37845</v>
      </c>
      <c r="Q6426">
        <v>96436.019849999997</v>
      </c>
      <c r="R6426">
        <v>25097.515810000001</v>
      </c>
      <c r="S6426">
        <v>102188.69749999999</v>
      </c>
      <c r="T6426">
        <v>30571.785680000001</v>
      </c>
      <c r="U6426">
        <v>20233.964499999998</v>
      </c>
      <c r="W6426" s="83">
        <f>Bühler!N6458</f>
        <v>45559.666666651086</v>
      </c>
      <c r="X6426" s="83">
        <v>43368.666666666664</v>
      </c>
      <c r="Y6426">
        <v>283252.27799999999</v>
      </c>
      <c r="Z6426">
        <v>33255.709210000001</v>
      </c>
      <c r="AA6426">
        <v>92207.271949999995</v>
      </c>
      <c r="AB6426">
        <v>65436.476580000002</v>
      </c>
      <c r="AC6426">
        <v>46826.235000000001</v>
      </c>
      <c r="AD6426">
        <v>40114.908600000002</v>
      </c>
      <c r="AE6426">
        <v>39857.659820000001</v>
      </c>
      <c r="AF6426">
        <v>59730.813699999999</v>
      </c>
      <c r="AG6426">
        <v>24181.121210000001</v>
      </c>
      <c r="AH6426">
        <v>339721.15389999998</v>
      </c>
      <c r="AI6426">
        <v>93376.729430000007</v>
      </c>
      <c r="AJ6426">
        <v>23162.083910000001</v>
      </c>
      <c r="AK6426">
        <v>28194.37845</v>
      </c>
      <c r="AL6426">
        <v>96436.019849999997</v>
      </c>
      <c r="AM6426">
        <v>25097.515810000001</v>
      </c>
      <c r="AN6426">
        <v>102188.69749999999</v>
      </c>
      <c r="AO6426">
        <v>30571.785680000001</v>
      </c>
      <c r="AP6426">
        <v>20233.964499999998</v>
      </c>
    </row>
    <row r="6427" spans="2:42" x14ac:dyDescent="0.3">
      <c r="B6427">
        <v>65.58680157369416</v>
      </c>
      <c r="C6427" s="83">
        <v>43368.708333333336</v>
      </c>
      <c r="D6427">
        <v>270781.3995</v>
      </c>
      <c r="E6427">
        <v>31245.09909</v>
      </c>
      <c r="F6427">
        <v>91041.491980000006</v>
      </c>
      <c r="G6427">
        <v>56518.178590000003</v>
      </c>
      <c r="H6427">
        <v>44528.027520000003</v>
      </c>
      <c r="I6427">
        <v>39443.50935</v>
      </c>
      <c r="J6427">
        <v>39893.711060000001</v>
      </c>
      <c r="K6427">
        <v>54229.278169999998</v>
      </c>
      <c r="L6427">
        <v>23919.26237</v>
      </c>
      <c r="M6427">
        <v>334392.10029999999</v>
      </c>
      <c r="N6427">
        <v>91180.36292</v>
      </c>
      <c r="O6427">
        <v>21286.20048</v>
      </c>
      <c r="P6427">
        <v>29088.147199999999</v>
      </c>
      <c r="Q6427">
        <v>93950.362269999998</v>
      </c>
      <c r="R6427">
        <v>23967.032920000001</v>
      </c>
      <c r="S6427">
        <v>98828.943859999999</v>
      </c>
      <c r="T6427">
        <v>30019.670440000002</v>
      </c>
      <c r="U6427">
        <v>17151.88493</v>
      </c>
      <c r="W6427" s="83">
        <f>Bühler!N6459</f>
        <v>45559.708333317751</v>
      </c>
      <c r="X6427" s="83">
        <v>43368.708333333336</v>
      </c>
      <c r="Y6427">
        <v>270781.3995</v>
      </c>
      <c r="Z6427">
        <v>31245.09909</v>
      </c>
      <c r="AA6427">
        <v>91041.491980000006</v>
      </c>
      <c r="AB6427">
        <v>56518.178590000003</v>
      </c>
      <c r="AC6427">
        <v>44528.027520000003</v>
      </c>
      <c r="AD6427">
        <v>39443.50935</v>
      </c>
      <c r="AE6427">
        <v>39893.711060000001</v>
      </c>
      <c r="AF6427">
        <v>54229.278169999998</v>
      </c>
      <c r="AG6427">
        <v>23919.26237</v>
      </c>
      <c r="AH6427">
        <v>334392.10029999999</v>
      </c>
      <c r="AI6427">
        <v>91180.36292</v>
      </c>
      <c r="AJ6427">
        <v>21286.20048</v>
      </c>
      <c r="AK6427">
        <v>29088.147199999999</v>
      </c>
      <c r="AL6427">
        <v>93950.362269999998</v>
      </c>
      <c r="AM6427">
        <v>23967.032920000001</v>
      </c>
      <c r="AN6427">
        <v>98828.943859999999</v>
      </c>
      <c r="AO6427">
        <v>30019.670440000002</v>
      </c>
      <c r="AP6427">
        <v>17151.88493</v>
      </c>
    </row>
    <row r="6428" spans="2:42" x14ac:dyDescent="0.3">
      <c r="B6428">
        <v>64.708462481181428</v>
      </c>
      <c r="C6428" s="83">
        <v>43368.75</v>
      </c>
      <c r="D6428">
        <v>264162.908</v>
      </c>
      <c r="E6428">
        <v>27830.281299999999</v>
      </c>
      <c r="F6428">
        <v>88960.597380000007</v>
      </c>
      <c r="G6428">
        <v>48550.478790000001</v>
      </c>
      <c r="H6428">
        <v>42073.87861</v>
      </c>
      <c r="I6428">
        <v>38279.321049999999</v>
      </c>
      <c r="J6428">
        <v>39899.15352</v>
      </c>
      <c r="K6428">
        <v>52154.105219999998</v>
      </c>
      <c r="L6428">
        <v>25009.993190000001</v>
      </c>
      <c r="M6428">
        <v>329913.91800000001</v>
      </c>
      <c r="N6428">
        <v>89922.055429999993</v>
      </c>
      <c r="O6428">
        <v>20487.865419999998</v>
      </c>
      <c r="P6428">
        <v>32260.012429999999</v>
      </c>
      <c r="Q6428">
        <v>91583.447020000007</v>
      </c>
      <c r="R6428">
        <v>23202.96543</v>
      </c>
      <c r="S6428">
        <v>92654.482910000006</v>
      </c>
      <c r="T6428">
        <v>30240.69024</v>
      </c>
      <c r="U6428">
        <v>15697.42654</v>
      </c>
      <c r="W6428" s="83">
        <f>Bühler!N6460</f>
        <v>45559.749999984415</v>
      </c>
      <c r="X6428" s="83">
        <v>43368.75</v>
      </c>
      <c r="Y6428">
        <v>264162.908</v>
      </c>
      <c r="Z6428">
        <v>27830.281299999999</v>
      </c>
      <c r="AA6428">
        <v>88960.597380000007</v>
      </c>
      <c r="AB6428">
        <v>48550.478790000001</v>
      </c>
      <c r="AC6428">
        <v>42073.87861</v>
      </c>
      <c r="AD6428">
        <v>38279.321049999999</v>
      </c>
      <c r="AE6428">
        <v>39899.15352</v>
      </c>
      <c r="AF6428">
        <v>52154.105219999998</v>
      </c>
      <c r="AG6428">
        <v>25009.993190000001</v>
      </c>
      <c r="AH6428">
        <v>329913.91800000001</v>
      </c>
      <c r="AI6428">
        <v>89922.055429999993</v>
      </c>
      <c r="AJ6428">
        <v>20487.865419999998</v>
      </c>
      <c r="AK6428">
        <v>32260.012429999999</v>
      </c>
      <c r="AL6428">
        <v>91583.447020000007</v>
      </c>
      <c r="AM6428">
        <v>23202.96543</v>
      </c>
      <c r="AN6428">
        <v>92654.482910000006</v>
      </c>
      <c r="AO6428">
        <v>30240.69024</v>
      </c>
      <c r="AP6428">
        <v>15697.42654</v>
      </c>
    </row>
    <row r="6429" spans="2:42" x14ac:dyDescent="0.3">
      <c r="B6429">
        <v>63.407485078346241</v>
      </c>
      <c r="C6429" s="83">
        <v>43368.791666666664</v>
      </c>
      <c r="D6429">
        <v>259844.155</v>
      </c>
      <c r="E6429">
        <v>22707.091540000001</v>
      </c>
      <c r="F6429">
        <v>79232.211190000002</v>
      </c>
      <c r="G6429">
        <v>44807.602989999999</v>
      </c>
      <c r="H6429">
        <v>40532.311950000003</v>
      </c>
      <c r="I6429">
        <v>35016.449549999998</v>
      </c>
      <c r="J6429">
        <v>40639.368499999997</v>
      </c>
      <c r="K6429">
        <v>51593.827060000003</v>
      </c>
      <c r="L6429">
        <v>26145.264510000001</v>
      </c>
      <c r="M6429">
        <v>323280.92849999998</v>
      </c>
      <c r="N6429">
        <v>87650.343479999996</v>
      </c>
      <c r="O6429">
        <v>19478.244890000002</v>
      </c>
      <c r="P6429">
        <v>36122.1976</v>
      </c>
      <c r="Q6429">
        <v>88828.152960000007</v>
      </c>
      <c r="R6429">
        <v>22897.906719999999</v>
      </c>
      <c r="S6429">
        <v>89555.417960000006</v>
      </c>
      <c r="T6429">
        <v>32303.77533</v>
      </c>
      <c r="U6429">
        <v>15073.124250000001</v>
      </c>
      <c r="W6429" s="83">
        <f>Bühler!N6461</f>
        <v>45559.791666651079</v>
      </c>
      <c r="X6429" s="83">
        <v>43368.791666666664</v>
      </c>
      <c r="Y6429">
        <v>259844.155</v>
      </c>
      <c r="Z6429">
        <v>22707.091540000001</v>
      </c>
      <c r="AA6429">
        <v>79232.211190000002</v>
      </c>
      <c r="AB6429">
        <v>44807.602989999999</v>
      </c>
      <c r="AC6429">
        <v>40532.311950000003</v>
      </c>
      <c r="AD6429">
        <v>35016.449549999998</v>
      </c>
      <c r="AE6429">
        <v>40639.368499999997</v>
      </c>
      <c r="AF6429">
        <v>51593.827060000003</v>
      </c>
      <c r="AG6429">
        <v>26145.264510000001</v>
      </c>
      <c r="AH6429">
        <v>323280.92849999998</v>
      </c>
      <c r="AI6429">
        <v>87650.343479999996</v>
      </c>
      <c r="AJ6429">
        <v>19478.244890000002</v>
      </c>
      <c r="AK6429">
        <v>36122.1976</v>
      </c>
      <c r="AL6429">
        <v>88828.152960000007</v>
      </c>
      <c r="AM6429">
        <v>22897.906719999999</v>
      </c>
      <c r="AN6429">
        <v>89555.417960000006</v>
      </c>
      <c r="AO6429">
        <v>32303.77533</v>
      </c>
      <c r="AP6429">
        <v>15073.124250000001</v>
      </c>
    </row>
    <row r="6430" spans="2:42" x14ac:dyDescent="0.3">
      <c r="B6430">
        <v>61.722135617609368</v>
      </c>
      <c r="C6430" s="83">
        <v>43368.833333333336</v>
      </c>
      <c r="D6430">
        <v>251564.2874</v>
      </c>
      <c r="E6430">
        <v>17652.039120000001</v>
      </c>
      <c r="F6430">
        <v>65338.382749999997</v>
      </c>
      <c r="G6430">
        <v>40571.470549999998</v>
      </c>
      <c r="H6430">
        <v>39916.609539999998</v>
      </c>
      <c r="I6430">
        <v>31861.792969999999</v>
      </c>
      <c r="J6430">
        <v>42154.01124</v>
      </c>
      <c r="K6430">
        <v>50423.626450000003</v>
      </c>
      <c r="L6430">
        <v>26864.516970000001</v>
      </c>
      <c r="M6430">
        <v>314688.23100000003</v>
      </c>
      <c r="N6430">
        <v>85743.096369999999</v>
      </c>
      <c r="O6430">
        <v>19022.037039999999</v>
      </c>
      <c r="P6430">
        <v>36977.925539999997</v>
      </c>
      <c r="Q6430">
        <v>87053.563429999995</v>
      </c>
      <c r="R6430">
        <v>22150.563180000001</v>
      </c>
      <c r="S6430">
        <v>83699.812550000002</v>
      </c>
      <c r="T6430">
        <v>31844.893199999999</v>
      </c>
      <c r="U6430">
        <v>14901.311610000001</v>
      </c>
      <c r="W6430" s="83">
        <f>Bühler!N6462</f>
        <v>45559.833333317743</v>
      </c>
      <c r="X6430" s="83">
        <v>43368.833333333336</v>
      </c>
      <c r="Y6430">
        <v>251564.2874</v>
      </c>
      <c r="Z6430">
        <v>17652.039120000001</v>
      </c>
      <c r="AA6430">
        <v>65338.382749999997</v>
      </c>
      <c r="AB6430">
        <v>40571.470549999998</v>
      </c>
      <c r="AC6430">
        <v>39916.609539999998</v>
      </c>
      <c r="AD6430">
        <v>31861.792969999999</v>
      </c>
      <c r="AE6430">
        <v>42154.01124</v>
      </c>
      <c r="AF6430">
        <v>50423.626450000003</v>
      </c>
      <c r="AG6430">
        <v>26864.516970000001</v>
      </c>
      <c r="AH6430">
        <v>314688.23100000003</v>
      </c>
      <c r="AI6430">
        <v>85743.096369999999</v>
      </c>
      <c r="AJ6430">
        <v>19022.037039999999</v>
      </c>
      <c r="AK6430">
        <v>36977.925539999997</v>
      </c>
      <c r="AL6430">
        <v>87053.563429999995</v>
      </c>
      <c r="AM6430">
        <v>22150.563180000001</v>
      </c>
      <c r="AN6430">
        <v>83699.812550000002</v>
      </c>
      <c r="AO6430">
        <v>31844.893199999999</v>
      </c>
      <c r="AP6430">
        <v>14901.311610000001</v>
      </c>
    </row>
    <row r="6431" spans="2:42" x14ac:dyDescent="0.3">
      <c r="B6431">
        <v>59.492528077307391</v>
      </c>
      <c r="C6431" s="83">
        <v>43368.875</v>
      </c>
      <c r="D6431">
        <v>242438.85130000001</v>
      </c>
      <c r="E6431">
        <v>14883.24721</v>
      </c>
      <c r="F6431">
        <v>57243.685680000002</v>
      </c>
      <c r="G6431">
        <v>37446.403079999996</v>
      </c>
      <c r="H6431">
        <v>37413.591460000003</v>
      </c>
      <c r="I6431">
        <v>27740.60051</v>
      </c>
      <c r="J6431">
        <v>40507.26225</v>
      </c>
      <c r="K6431">
        <v>49766.897720000001</v>
      </c>
      <c r="L6431">
        <v>25264.996029999998</v>
      </c>
      <c r="M6431">
        <v>303320.652</v>
      </c>
      <c r="N6431">
        <v>83431.417029999997</v>
      </c>
      <c r="O6431">
        <v>18460.40382</v>
      </c>
      <c r="P6431">
        <v>34509.14961</v>
      </c>
      <c r="Q6431">
        <v>84516.045020000005</v>
      </c>
      <c r="R6431">
        <v>21060.852470000002</v>
      </c>
      <c r="S6431">
        <v>78496.542029999997</v>
      </c>
      <c r="T6431">
        <v>28260.131839999998</v>
      </c>
      <c r="U6431">
        <v>13576.78442</v>
      </c>
      <c r="W6431" s="83">
        <f>Bühler!N6463</f>
        <v>45559.874999984408</v>
      </c>
      <c r="X6431" s="83">
        <v>43368.875</v>
      </c>
      <c r="Y6431">
        <v>242438.85130000001</v>
      </c>
      <c r="Z6431">
        <v>14883.24721</v>
      </c>
      <c r="AA6431">
        <v>57243.685680000002</v>
      </c>
      <c r="AB6431">
        <v>37446.403079999996</v>
      </c>
      <c r="AC6431">
        <v>37413.591460000003</v>
      </c>
      <c r="AD6431">
        <v>27740.60051</v>
      </c>
      <c r="AE6431">
        <v>40507.26225</v>
      </c>
      <c r="AF6431">
        <v>49766.897720000001</v>
      </c>
      <c r="AG6431">
        <v>25264.996029999998</v>
      </c>
      <c r="AH6431">
        <v>303320.652</v>
      </c>
      <c r="AI6431">
        <v>83431.417029999997</v>
      </c>
      <c r="AJ6431">
        <v>18460.40382</v>
      </c>
      <c r="AK6431">
        <v>34509.14961</v>
      </c>
      <c r="AL6431">
        <v>84516.045020000005</v>
      </c>
      <c r="AM6431">
        <v>21060.852470000002</v>
      </c>
      <c r="AN6431">
        <v>78496.542029999997</v>
      </c>
      <c r="AO6431">
        <v>28260.131839999998</v>
      </c>
      <c r="AP6431">
        <v>13576.78442</v>
      </c>
    </row>
    <row r="6432" spans="2:42" x14ac:dyDescent="0.3">
      <c r="B6432">
        <v>58.346901449955837</v>
      </c>
      <c r="C6432" s="83">
        <v>43368.916666666664</v>
      </c>
      <c r="D6432">
        <v>242063.69560000001</v>
      </c>
      <c r="E6432">
        <v>13982.27054</v>
      </c>
      <c r="F6432">
        <v>55059.838060000002</v>
      </c>
      <c r="G6432">
        <v>34939.412219999998</v>
      </c>
      <c r="H6432">
        <v>36133.4159</v>
      </c>
      <c r="I6432">
        <v>25107.12803</v>
      </c>
      <c r="J6432">
        <v>39191.556380000002</v>
      </c>
      <c r="K6432">
        <v>52721.853060000001</v>
      </c>
      <c r="L6432">
        <v>22448.223419999998</v>
      </c>
      <c r="M6432">
        <v>297479.7132</v>
      </c>
      <c r="N6432">
        <v>81488.609800000006</v>
      </c>
      <c r="O6432">
        <v>17748.704379999999</v>
      </c>
      <c r="P6432">
        <v>35367.815690000003</v>
      </c>
      <c r="Q6432">
        <v>83821.999179999999</v>
      </c>
      <c r="R6432">
        <v>21975.0599</v>
      </c>
      <c r="S6432">
        <v>76852.520470000003</v>
      </c>
      <c r="T6432">
        <v>24529.269390000001</v>
      </c>
      <c r="U6432">
        <v>13678.82418</v>
      </c>
      <c r="W6432" s="83">
        <f>Bühler!N6464</f>
        <v>45559.916666651072</v>
      </c>
      <c r="X6432" s="83">
        <v>43368.916666666664</v>
      </c>
      <c r="Y6432">
        <v>242063.69560000001</v>
      </c>
      <c r="Z6432">
        <v>13982.27054</v>
      </c>
      <c r="AA6432">
        <v>55059.838060000002</v>
      </c>
      <c r="AB6432">
        <v>34939.412219999998</v>
      </c>
      <c r="AC6432">
        <v>36133.4159</v>
      </c>
      <c r="AD6432">
        <v>25107.12803</v>
      </c>
      <c r="AE6432">
        <v>39191.556380000002</v>
      </c>
      <c r="AF6432">
        <v>52721.853060000001</v>
      </c>
      <c r="AG6432">
        <v>22448.223419999998</v>
      </c>
      <c r="AH6432">
        <v>297479.7132</v>
      </c>
      <c r="AI6432">
        <v>81488.609800000006</v>
      </c>
      <c r="AJ6432">
        <v>17748.704379999999</v>
      </c>
      <c r="AK6432">
        <v>35367.815690000003</v>
      </c>
      <c r="AL6432">
        <v>83821.999179999999</v>
      </c>
      <c r="AM6432">
        <v>21975.0599</v>
      </c>
      <c r="AN6432">
        <v>76852.520470000003</v>
      </c>
      <c r="AO6432">
        <v>24529.269390000001</v>
      </c>
      <c r="AP6432">
        <v>13678.82418</v>
      </c>
    </row>
    <row r="6433" spans="2:42" x14ac:dyDescent="0.3">
      <c r="B6433">
        <v>58.195882408471952</v>
      </c>
      <c r="C6433" s="83">
        <v>43368.958333333336</v>
      </c>
      <c r="D6433">
        <v>241949.30189999999</v>
      </c>
      <c r="E6433">
        <v>13502.96513</v>
      </c>
      <c r="F6433">
        <v>54574.957569999999</v>
      </c>
      <c r="G6433">
        <v>34021.905350000001</v>
      </c>
      <c r="H6433">
        <v>35193.884389999999</v>
      </c>
      <c r="I6433">
        <v>23656.27592</v>
      </c>
      <c r="J6433">
        <v>36170.593540000002</v>
      </c>
      <c r="K6433">
        <v>51549.95751</v>
      </c>
      <c r="L6433">
        <v>19187.84102</v>
      </c>
      <c r="M6433">
        <v>296709.74770000001</v>
      </c>
      <c r="N6433">
        <v>80592.927460000006</v>
      </c>
      <c r="O6433">
        <v>17195.660250000001</v>
      </c>
      <c r="P6433">
        <v>30637.833009999998</v>
      </c>
      <c r="Q6433">
        <v>83837.754509999999</v>
      </c>
      <c r="R6433">
        <v>21030.005669999999</v>
      </c>
      <c r="S6433">
        <v>74945.367589999994</v>
      </c>
      <c r="T6433">
        <v>22122.01802</v>
      </c>
      <c r="U6433">
        <v>12754.00591</v>
      </c>
      <c r="W6433" s="83">
        <f>Bühler!N6465</f>
        <v>45559.958333317736</v>
      </c>
      <c r="X6433" s="83">
        <v>43368.958333333336</v>
      </c>
      <c r="Y6433">
        <v>241949.30189999999</v>
      </c>
      <c r="Z6433">
        <v>13502.96513</v>
      </c>
      <c r="AA6433">
        <v>54574.957569999999</v>
      </c>
      <c r="AB6433">
        <v>34021.905350000001</v>
      </c>
      <c r="AC6433">
        <v>35193.884389999999</v>
      </c>
      <c r="AD6433">
        <v>23656.27592</v>
      </c>
      <c r="AE6433">
        <v>36170.593540000002</v>
      </c>
      <c r="AF6433">
        <v>51549.95751</v>
      </c>
      <c r="AG6433">
        <v>19187.84102</v>
      </c>
      <c r="AH6433">
        <v>296709.74770000001</v>
      </c>
      <c r="AI6433">
        <v>80592.927460000006</v>
      </c>
      <c r="AJ6433">
        <v>17195.660250000001</v>
      </c>
      <c r="AK6433">
        <v>30637.833009999998</v>
      </c>
      <c r="AL6433">
        <v>83837.754509999999</v>
      </c>
      <c r="AM6433">
        <v>21030.005669999999</v>
      </c>
      <c r="AN6433">
        <v>74945.367589999994</v>
      </c>
      <c r="AO6433">
        <v>22122.01802</v>
      </c>
      <c r="AP6433">
        <v>12754.00591</v>
      </c>
    </row>
    <row r="6434" spans="2:42" x14ac:dyDescent="0.3">
      <c r="B6434">
        <v>57.374608809871724</v>
      </c>
      <c r="C6434" s="83">
        <v>43369</v>
      </c>
      <c r="D6434">
        <v>241188.52420000001</v>
      </c>
      <c r="E6434">
        <v>13046.76713</v>
      </c>
      <c r="F6434">
        <v>52778.40754</v>
      </c>
      <c r="G6434">
        <v>33066.132790000003</v>
      </c>
      <c r="H6434">
        <v>34221.34592</v>
      </c>
      <c r="I6434">
        <v>21854.663120000001</v>
      </c>
      <c r="J6434">
        <v>33321.731619999999</v>
      </c>
      <c r="K6434">
        <v>50054.212570000003</v>
      </c>
      <c r="L6434">
        <v>17686.653689999999</v>
      </c>
      <c r="M6434">
        <v>292522.51189999998</v>
      </c>
      <c r="N6434">
        <v>78582.665259999994</v>
      </c>
      <c r="O6434">
        <v>16704.766439999999</v>
      </c>
      <c r="P6434">
        <v>27223.19169</v>
      </c>
      <c r="Q6434">
        <v>82932.118740000005</v>
      </c>
      <c r="R6434">
        <v>18826.684679999998</v>
      </c>
      <c r="S6434">
        <v>73392.40913</v>
      </c>
      <c r="T6434">
        <v>19920.30602</v>
      </c>
      <c r="U6434">
        <v>12738.210870000001</v>
      </c>
      <c r="W6434" s="83">
        <f>Bühler!N6466</f>
        <v>45559.9999999844</v>
      </c>
      <c r="X6434" s="83">
        <v>43369</v>
      </c>
      <c r="Y6434">
        <v>241188.52420000001</v>
      </c>
      <c r="Z6434">
        <v>13046.76713</v>
      </c>
      <c r="AA6434">
        <v>52778.40754</v>
      </c>
      <c r="AB6434">
        <v>33066.132790000003</v>
      </c>
      <c r="AC6434">
        <v>34221.34592</v>
      </c>
      <c r="AD6434">
        <v>21854.663120000001</v>
      </c>
      <c r="AE6434">
        <v>33321.731619999999</v>
      </c>
      <c r="AF6434">
        <v>50054.212570000003</v>
      </c>
      <c r="AG6434">
        <v>17686.653689999999</v>
      </c>
      <c r="AH6434">
        <v>292522.51189999998</v>
      </c>
      <c r="AI6434">
        <v>78582.665259999994</v>
      </c>
      <c r="AJ6434">
        <v>16704.766439999999</v>
      </c>
      <c r="AK6434">
        <v>27223.19169</v>
      </c>
      <c r="AL6434">
        <v>82932.118740000005</v>
      </c>
      <c r="AM6434">
        <v>18826.684679999998</v>
      </c>
      <c r="AN6434">
        <v>73392.40913</v>
      </c>
      <c r="AO6434">
        <v>19920.30602</v>
      </c>
      <c r="AP6434">
        <v>12738.210870000001</v>
      </c>
    </row>
    <row r="6435" spans="2:42" x14ac:dyDescent="0.3">
      <c r="B6435">
        <v>57.231700599611663</v>
      </c>
      <c r="C6435" s="83">
        <v>43369.041666666664</v>
      </c>
      <c r="D6435">
        <v>238648.9161</v>
      </c>
      <c r="E6435">
        <v>12738.787979999999</v>
      </c>
      <c r="F6435">
        <v>52750.804239999998</v>
      </c>
      <c r="G6435">
        <v>32339.969440000001</v>
      </c>
      <c r="H6435">
        <v>33716.459880000002</v>
      </c>
      <c r="I6435">
        <v>17917.891769999998</v>
      </c>
      <c r="J6435">
        <v>32152.277900000001</v>
      </c>
      <c r="K6435">
        <v>48668.374920000002</v>
      </c>
      <c r="L6435">
        <v>16576.462899999999</v>
      </c>
      <c r="M6435">
        <v>291793.89919999999</v>
      </c>
      <c r="N6435">
        <v>77631.448999999993</v>
      </c>
      <c r="O6435">
        <v>16607.954450000001</v>
      </c>
      <c r="P6435">
        <v>25791.133559999998</v>
      </c>
      <c r="Q6435">
        <v>83282.45018</v>
      </c>
      <c r="R6435">
        <v>17640.1201</v>
      </c>
      <c r="S6435">
        <v>72139.430529999998</v>
      </c>
      <c r="T6435">
        <v>18876.237239999999</v>
      </c>
      <c r="U6435">
        <v>12235.189350000001</v>
      </c>
      <c r="W6435" s="83">
        <f>Bühler!N6467</f>
        <v>45560.041666651065</v>
      </c>
      <c r="X6435" s="83">
        <v>43369.041666666664</v>
      </c>
      <c r="Y6435">
        <v>238648.9161</v>
      </c>
      <c r="Z6435">
        <v>12738.787979999999</v>
      </c>
      <c r="AA6435">
        <v>52750.804239999998</v>
      </c>
      <c r="AB6435">
        <v>32339.969440000001</v>
      </c>
      <c r="AC6435">
        <v>33716.459880000002</v>
      </c>
      <c r="AD6435">
        <v>17917.891769999998</v>
      </c>
      <c r="AE6435">
        <v>32152.277900000001</v>
      </c>
      <c r="AF6435">
        <v>48668.374920000002</v>
      </c>
      <c r="AG6435">
        <v>16576.462899999999</v>
      </c>
      <c r="AH6435">
        <v>291793.89919999999</v>
      </c>
      <c r="AI6435">
        <v>77631.448999999993</v>
      </c>
      <c r="AJ6435">
        <v>16607.954450000001</v>
      </c>
      <c r="AK6435">
        <v>25791.133559999998</v>
      </c>
      <c r="AL6435">
        <v>83282.45018</v>
      </c>
      <c r="AM6435">
        <v>17640.1201</v>
      </c>
      <c r="AN6435">
        <v>72139.430529999998</v>
      </c>
      <c r="AO6435">
        <v>18876.237239999999</v>
      </c>
      <c r="AP6435">
        <v>12235.189350000001</v>
      </c>
    </row>
    <row r="6436" spans="2:42" x14ac:dyDescent="0.3">
      <c r="B6436">
        <v>57.392605339385888</v>
      </c>
      <c r="C6436" s="83">
        <v>43369.083333333336</v>
      </c>
      <c r="D6436">
        <v>239657.56479999999</v>
      </c>
      <c r="E6436">
        <v>12592.44773</v>
      </c>
      <c r="F6436">
        <v>52572.472800000003</v>
      </c>
      <c r="G6436">
        <v>31795.368979999999</v>
      </c>
      <c r="H6436">
        <v>33430.079030000001</v>
      </c>
      <c r="I6436">
        <v>16069.11549</v>
      </c>
      <c r="J6436">
        <v>32112.199720000001</v>
      </c>
      <c r="K6436">
        <v>46658.855989999996</v>
      </c>
      <c r="L6436">
        <v>16082.094569999999</v>
      </c>
      <c r="M6436">
        <v>292614.26659999997</v>
      </c>
      <c r="N6436">
        <v>77374.767019999999</v>
      </c>
      <c r="O6436">
        <v>16817.8073</v>
      </c>
      <c r="P6436">
        <v>24008.962800000001</v>
      </c>
      <c r="Q6436">
        <v>85500.547839999999</v>
      </c>
      <c r="R6436">
        <v>16712.409149999999</v>
      </c>
      <c r="S6436">
        <v>71026.033089999997</v>
      </c>
      <c r="T6436">
        <v>18361.72135</v>
      </c>
      <c r="U6436">
        <v>12097.27673</v>
      </c>
      <c r="W6436" s="83">
        <f>Bühler!N6468</f>
        <v>45560.083333317729</v>
      </c>
      <c r="X6436" s="83">
        <v>43369.083333333336</v>
      </c>
      <c r="Y6436">
        <v>239657.56479999999</v>
      </c>
      <c r="Z6436">
        <v>12592.44773</v>
      </c>
      <c r="AA6436">
        <v>52572.472800000003</v>
      </c>
      <c r="AB6436">
        <v>31795.368979999999</v>
      </c>
      <c r="AC6436">
        <v>33430.079030000001</v>
      </c>
      <c r="AD6436">
        <v>16069.11549</v>
      </c>
      <c r="AE6436">
        <v>32112.199720000001</v>
      </c>
      <c r="AF6436">
        <v>46658.855989999996</v>
      </c>
      <c r="AG6436">
        <v>16082.094569999999</v>
      </c>
      <c r="AH6436">
        <v>292614.26659999997</v>
      </c>
      <c r="AI6436">
        <v>77374.767019999999</v>
      </c>
      <c r="AJ6436">
        <v>16817.8073</v>
      </c>
      <c r="AK6436">
        <v>24008.962800000001</v>
      </c>
      <c r="AL6436">
        <v>85500.547839999999</v>
      </c>
      <c r="AM6436">
        <v>16712.409149999999</v>
      </c>
      <c r="AN6436">
        <v>71026.033089999997</v>
      </c>
      <c r="AO6436">
        <v>18361.72135</v>
      </c>
      <c r="AP6436">
        <v>12097.27673</v>
      </c>
    </row>
    <row r="6437" spans="2:42" x14ac:dyDescent="0.3">
      <c r="B6437">
        <v>57.785332046929867</v>
      </c>
      <c r="C6437" s="83">
        <v>43369.125</v>
      </c>
      <c r="D6437">
        <v>240489.44889999999</v>
      </c>
      <c r="E6437">
        <v>12543.92981</v>
      </c>
      <c r="F6437">
        <v>53700.084049999998</v>
      </c>
      <c r="G6437">
        <v>31056.861509999999</v>
      </c>
      <c r="H6437">
        <v>33362.464769999999</v>
      </c>
      <c r="I6437">
        <v>15848.158659999999</v>
      </c>
      <c r="J6437">
        <v>32274.955720000002</v>
      </c>
      <c r="K6437">
        <v>45328.628859999997</v>
      </c>
      <c r="L6437">
        <v>15510.14674</v>
      </c>
      <c r="M6437">
        <v>294616.57049999997</v>
      </c>
      <c r="N6437">
        <v>75837.257620000004</v>
      </c>
      <c r="O6437">
        <v>16867.307720000001</v>
      </c>
      <c r="P6437">
        <v>23361.932649999999</v>
      </c>
      <c r="Q6437">
        <v>87864.415280000001</v>
      </c>
      <c r="R6437">
        <v>15902.43809</v>
      </c>
      <c r="S6437">
        <v>70557.163369999995</v>
      </c>
      <c r="T6437">
        <v>17799.016060000002</v>
      </c>
      <c r="U6437">
        <v>11844.6612</v>
      </c>
      <c r="W6437" s="83">
        <f>Bühler!N6469</f>
        <v>45560.124999984393</v>
      </c>
      <c r="X6437" s="83">
        <v>43369.125</v>
      </c>
      <c r="Y6437">
        <v>240489.44889999999</v>
      </c>
      <c r="Z6437">
        <v>12543.92981</v>
      </c>
      <c r="AA6437">
        <v>53700.084049999998</v>
      </c>
      <c r="AB6437">
        <v>31056.861509999999</v>
      </c>
      <c r="AC6437">
        <v>33362.464769999999</v>
      </c>
      <c r="AD6437">
        <v>15848.158659999999</v>
      </c>
      <c r="AE6437">
        <v>32274.955720000002</v>
      </c>
      <c r="AF6437">
        <v>45328.628859999997</v>
      </c>
      <c r="AG6437">
        <v>15510.14674</v>
      </c>
      <c r="AH6437">
        <v>294616.57049999997</v>
      </c>
      <c r="AI6437">
        <v>75837.257620000004</v>
      </c>
      <c r="AJ6437">
        <v>16867.307720000001</v>
      </c>
      <c r="AK6437">
        <v>23361.932649999999</v>
      </c>
      <c r="AL6437">
        <v>87864.415280000001</v>
      </c>
      <c r="AM6437">
        <v>15902.43809</v>
      </c>
      <c r="AN6437">
        <v>70557.163369999995</v>
      </c>
      <c r="AO6437">
        <v>17799.016060000002</v>
      </c>
      <c r="AP6437">
        <v>11844.6612</v>
      </c>
    </row>
    <row r="6438" spans="2:42" x14ac:dyDescent="0.3">
      <c r="B6438">
        <v>59.27592435259271</v>
      </c>
      <c r="C6438" s="83">
        <v>43369.166666666664</v>
      </c>
      <c r="D6438">
        <v>241332.70869999999</v>
      </c>
      <c r="E6438">
        <v>12971.23832</v>
      </c>
      <c r="F6438">
        <v>57000.82056</v>
      </c>
      <c r="G6438">
        <v>30251.58553</v>
      </c>
      <c r="H6438">
        <v>33806.580549999999</v>
      </c>
      <c r="I6438">
        <v>18006.287219999998</v>
      </c>
      <c r="J6438">
        <v>34176.32935</v>
      </c>
      <c r="K6438">
        <v>44141.973100000003</v>
      </c>
      <c r="L6438">
        <v>15490.127420000001</v>
      </c>
      <c r="M6438">
        <v>302216.3052</v>
      </c>
      <c r="N6438">
        <v>76359.318509999997</v>
      </c>
      <c r="O6438">
        <v>17447.647430000001</v>
      </c>
      <c r="P6438">
        <v>23140.371780000001</v>
      </c>
      <c r="Q6438">
        <v>90211.172120000003</v>
      </c>
      <c r="R6438">
        <v>15647.36961</v>
      </c>
      <c r="S6438">
        <v>71496.433600000004</v>
      </c>
      <c r="T6438">
        <v>17739.928759999999</v>
      </c>
      <c r="U6438">
        <v>12347.777410000001</v>
      </c>
      <c r="W6438" s="83">
        <f>Bühler!N6470</f>
        <v>45560.166666651057</v>
      </c>
      <c r="X6438" s="83">
        <v>43369.166666666664</v>
      </c>
      <c r="Y6438">
        <v>241332.70869999999</v>
      </c>
      <c r="Z6438">
        <v>12971.23832</v>
      </c>
      <c r="AA6438">
        <v>57000.82056</v>
      </c>
      <c r="AB6438">
        <v>30251.58553</v>
      </c>
      <c r="AC6438">
        <v>33806.580549999999</v>
      </c>
      <c r="AD6438">
        <v>18006.287219999998</v>
      </c>
      <c r="AE6438">
        <v>34176.32935</v>
      </c>
      <c r="AF6438">
        <v>44141.973100000003</v>
      </c>
      <c r="AG6438">
        <v>15490.127420000001</v>
      </c>
      <c r="AH6438">
        <v>302216.3052</v>
      </c>
      <c r="AI6438">
        <v>76359.318509999997</v>
      </c>
      <c r="AJ6438">
        <v>17447.647430000001</v>
      </c>
      <c r="AK6438">
        <v>23140.371780000001</v>
      </c>
      <c r="AL6438">
        <v>90211.172120000003</v>
      </c>
      <c r="AM6438">
        <v>15647.36961</v>
      </c>
      <c r="AN6438">
        <v>71496.433600000004</v>
      </c>
      <c r="AO6438">
        <v>17739.928759999999</v>
      </c>
      <c r="AP6438">
        <v>12347.777410000001</v>
      </c>
    </row>
    <row r="6439" spans="2:42" x14ac:dyDescent="0.3">
      <c r="B6439">
        <v>62.346623549166196</v>
      </c>
      <c r="C6439" s="83">
        <v>43369.208333333336</v>
      </c>
      <c r="D6439">
        <v>257343.9014</v>
      </c>
      <c r="E6439">
        <v>14808.517089999999</v>
      </c>
      <c r="F6439">
        <v>65681.03714</v>
      </c>
      <c r="G6439">
        <v>32226.954600000001</v>
      </c>
      <c r="H6439">
        <v>35552.196859999996</v>
      </c>
      <c r="I6439">
        <v>25149.31349</v>
      </c>
      <c r="J6439">
        <v>37170.752939999998</v>
      </c>
      <c r="K6439">
        <v>44955.276149999998</v>
      </c>
      <c r="L6439">
        <v>16334.013569999999</v>
      </c>
      <c r="M6439">
        <v>317872.1617</v>
      </c>
      <c r="N6439">
        <v>78034.883260000002</v>
      </c>
      <c r="O6439">
        <v>17633.551800000001</v>
      </c>
      <c r="P6439">
        <v>24785.204710000002</v>
      </c>
      <c r="Q6439">
        <v>93183.084959999993</v>
      </c>
      <c r="R6439">
        <v>16860.230820000001</v>
      </c>
      <c r="S6439">
        <v>74257.454610000001</v>
      </c>
      <c r="T6439">
        <v>19358.91344</v>
      </c>
      <c r="U6439">
        <v>13887.94217</v>
      </c>
      <c r="W6439" s="83">
        <f>Bühler!N6471</f>
        <v>45560.208333317722</v>
      </c>
      <c r="X6439" s="83">
        <v>43369.208333333336</v>
      </c>
      <c r="Y6439">
        <v>257343.9014</v>
      </c>
      <c r="Z6439">
        <v>14808.517089999999</v>
      </c>
      <c r="AA6439">
        <v>65681.03714</v>
      </c>
      <c r="AB6439">
        <v>32226.954600000001</v>
      </c>
      <c r="AC6439">
        <v>35552.196859999996</v>
      </c>
      <c r="AD6439">
        <v>25149.31349</v>
      </c>
      <c r="AE6439">
        <v>37170.752939999998</v>
      </c>
      <c r="AF6439">
        <v>44955.276149999998</v>
      </c>
      <c r="AG6439">
        <v>16334.013569999999</v>
      </c>
      <c r="AH6439">
        <v>317872.1617</v>
      </c>
      <c r="AI6439">
        <v>78034.883260000002</v>
      </c>
      <c r="AJ6439">
        <v>17633.551800000001</v>
      </c>
      <c r="AK6439">
        <v>24785.204710000002</v>
      </c>
      <c r="AL6439">
        <v>93183.084959999993</v>
      </c>
      <c r="AM6439">
        <v>16860.230820000001</v>
      </c>
      <c r="AN6439">
        <v>74257.454610000001</v>
      </c>
      <c r="AO6439">
        <v>19358.91344</v>
      </c>
      <c r="AP6439">
        <v>13887.94217</v>
      </c>
    </row>
    <row r="6440" spans="2:42" x14ac:dyDescent="0.3">
      <c r="B6440">
        <v>65.502599115306381</v>
      </c>
      <c r="C6440" s="83">
        <v>43369.25</v>
      </c>
      <c r="D6440">
        <v>272015.36099999998</v>
      </c>
      <c r="E6440">
        <v>19017.24567</v>
      </c>
      <c r="F6440">
        <v>76714.192169999995</v>
      </c>
      <c r="G6440">
        <v>42411.395329999999</v>
      </c>
      <c r="H6440">
        <v>38969.136160000002</v>
      </c>
      <c r="I6440">
        <v>32795.976770000001</v>
      </c>
      <c r="J6440">
        <v>41903.253579999997</v>
      </c>
      <c r="K6440">
        <v>47702.824249999998</v>
      </c>
      <c r="L6440">
        <v>17619.918959999999</v>
      </c>
      <c r="M6440">
        <v>333962.79690000002</v>
      </c>
      <c r="N6440">
        <v>82553.743759999998</v>
      </c>
      <c r="O6440">
        <v>19672.685539999999</v>
      </c>
      <c r="P6440">
        <v>26145.654299999998</v>
      </c>
      <c r="Q6440">
        <v>94969.897819999998</v>
      </c>
      <c r="R6440">
        <v>18792.39372</v>
      </c>
      <c r="S6440">
        <v>83818.646680000005</v>
      </c>
      <c r="T6440">
        <v>22662.55877</v>
      </c>
      <c r="U6440">
        <v>16213.05395</v>
      </c>
      <c r="W6440" s="83">
        <f>Bühler!N6472</f>
        <v>45560.249999984386</v>
      </c>
      <c r="X6440" s="83">
        <v>43369.25</v>
      </c>
      <c r="Y6440">
        <v>272015.36099999998</v>
      </c>
      <c r="Z6440">
        <v>19017.24567</v>
      </c>
      <c r="AA6440">
        <v>76714.192169999995</v>
      </c>
      <c r="AB6440">
        <v>42411.395329999999</v>
      </c>
      <c r="AC6440">
        <v>38969.136160000002</v>
      </c>
      <c r="AD6440">
        <v>32795.976770000001</v>
      </c>
      <c r="AE6440">
        <v>41903.253579999997</v>
      </c>
      <c r="AF6440">
        <v>47702.824249999998</v>
      </c>
      <c r="AG6440">
        <v>17619.918959999999</v>
      </c>
      <c r="AH6440">
        <v>333962.79690000002</v>
      </c>
      <c r="AI6440">
        <v>82553.743759999998</v>
      </c>
      <c r="AJ6440">
        <v>19672.685539999999</v>
      </c>
      <c r="AK6440">
        <v>26145.654299999998</v>
      </c>
      <c r="AL6440">
        <v>94969.897819999998</v>
      </c>
      <c r="AM6440">
        <v>18792.39372</v>
      </c>
      <c r="AN6440">
        <v>83818.646680000005</v>
      </c>
      <c r="AO6440">
        <v>22662.55877</v>
      </c>
      <c r="AP6440">
        <v>16213.05395</v>
      </c>
    </row>
    <row r="6441" spans="2:42" x14ac:dyDescent="0.3">
      <c r="B6441">
        <v>68.198178428423617</v>
      </c>
      <c r="C6441" s="83">
        <v>43369.291666666664</v>
      </c>
      <c r="D6441">
        <v>285586.68540000002</v>
      </c>
      <c r="E6441">
        <v>23928.208640000001</v>
      </c>
      <c r="F6441">
        <v>80738.913100000005</v>
      </c>
      <c r="G6441">
        <v>55257.403850000002</v>
      </c>
      <c r="H6441">
        <v>44348.108970000001</v>
      </c>
      <c r="I6441">
        <v>41325.134290000002</v>
      </c>
      <c r="J6441">
        <v>43533.102079999997</v>
      </c>
      <c r="K6441">
        <v>53823.784119999997</v>
      </c>
      <c r="L6441">
        <v>20605.044860000002</v>
      </c>
      <c r="M6441">
        <v>347706.11729999998</v>
      </c>
      <c r="N6441">
        <v>89211.210300000006</v>
      </c>
      <c r="O6441">
        <v>22262.10555</v>
      </c>
      <c r="P6441">
        <v>30083.106070000002</v>
      </c>
      <c r="Q6441">
        <v>94833.184670000002</v>
      </c>
      <c r="R6441">
        <v>20521.331139999998</v>
      </c>
      <c r="S6441">
        <v>99062.597800000003</v>
      </c>
      <c r="T6441">
        <v>26610.046969999999</v>
      </c>
      <c r="U6441">
        <v>22035.72464</v>
      </c>
      <c r="W6441" s="83">
        <f>Bühler!N6473</f>
        <v>45560.29166665105</v>
      </c>
      <c r="X6441" s="83">
        <v>43369.291666666664</v>
      </c>
      <c r="Y6441">
        <v>285586.68540000002</v>
      </c>
      <c r="Z6441">
        <v>23928.208640000001</v>
      </c>
      <c r="AA6441">
        <v>80738.913100000005</v>
      </c>
      <c r="AB6441">
        <v>55257.403850000002</v>
      </c>
      <c r="AC6441">
        <v>44348.108970000001</v>
      </c>
      <c r="AD6441">
        <v>41325.134290000002</v>
      </c>
      <c r="AE6441">
        <v>43533.102079999997</v>
      </c>
      <c r="AF6441">
        <v>53823.784119999997</v>
      </c>
      <c r="AG6441">
        <v>20605.044860000002</v>
      </c>
      <c r="AH6441">
        <v>347706.11729999998</v>
      </c>
      <c r="AI6441">
        <v>89211.210300000006</v>
      </c>
      <c r="AJ6441">
        <v>22262.10555</v>
      </c>
      <c r="AK6441">
        <v>30083.106070000002</v>
      </c>
      <c r="AL6441">
        <v>94833.184670000002</v>
      </c>
      <c r="AM6441">
        <v>20521.331139999998</v>
      </c>
      <c r="AN6441">
        <v>99062.597800000003</v>
      </c>
      <c r="AO6441">
        <v>26610.046969999999</v>
      </c>
      <c r="AP6441">
        <v>22035.72464</v>
      </c>
    </row>
    <row r="6442" spans="2:42" x14ac:dyDescent="0.3">
      <c r="B6442">
        <v>68.8697657000357</v>
      </c>
      <c r="C6442" s="83">
        <v>43369.333333333336</v>
      </c>
      <c r="D6442">
        <v>296717.61210000003</v>
      </c>
      <c r="E6442">
        <v>29325.04103</v>
      </c>
      <c r="F6442">
        <v>84754.280239999993</v>
      </c>
      <c r="G6442">
        <v>69616.39903</v>
      </c>
      <c r="H6442">
        <v>48985.188320000001</v>
      </c>
      <c r="I6442">
        <v>44198.483639999999</v>
      </c>
      <c r="J6442">
        <v>43937.294260000002</v>
      </c>
      <c r="K6442">
        <v>60043.91156</v>
      </c>
      <c r="L6442">
        <v>23707.977370000001</v>
      </c>
      <c r="M6442">
        <v>351130.18239999999</v>
      </c>
      <c r="N6442">
        <v>95855.392529999997</v>
      </c>
      <c r="O6442">
        <v>23963.585200000001</v>
      </c>
      <c r="P6442">
        <v>31935.525460000001</v>
      </c>
      <c r="Q6442">
        <v>94859.72752</v>
      </c>
      <c r="R6442">
        <v>21842.30891</v>
      </c>
      <c r="S6442">
        <v>110561.92290000001</v>
      </c>
      <c r="T6442">
        <v>29727.260610000001</v>
      </c>
      <c r="U6442">
        <v>25276.316330000001</v>
      </c>
      <c r="W6442" s="83">
        <f>Bühler!N6474</f>
        <v>45560.333333317714</v>
      </c>
      <c r="X6442" s="83">
        <v>43369.333333333336</v>
      </c>
      <c r="Y6442">
        <v>296717.61210000003</v>
      </c>
      <c r="Z6442">
        <v>29325.04103</v>
      </c>
      <c r="AA6442">
        <v>84754.280239999993</v>
      </c>
      <c r="AB6442">
        <v>69616.39903</v>
      </c>
      <c r="AC6442">
        <v>48985.188320000001</v>
      </c>
      <c r="AD6442">
        <v>44198.483639999999</v>
      </c>
      <c r="AE6442">
        <v>43937.294260000002</v>
      </c>
      <c r="AF6442">
        <v>60043.91156</v>
      </c>
      <c r="AG6442">
        <v>23707.977370000001</v>
      </c>
      <c r="AH6442">
        <v>351130.18239999999</v>
      </c>
      <c r="AI6442">
        <v>95855.392529999997</v>
      </c>
      <c r="AJ6442">
        <v>23963.585200000001</v>
      </c>
      <c r="AK6442">
        <v>31935.525460000001</v>
      </c>
      <c r="AL6442">
        <v>94859.72752</v>
      </c>
      <c r="AM6442">
        <v>21842.30891</v>
      </c>
      <c r="AN6442">
        <v>110561.92290000001</v>
      </c>
      <c r="AO6442">
        <v>29727.260610000001</v>
      </c>
      <c r="AP6442">
        <v>25276.316330000001</v>
      </c>
    </row>
    <row r="6443" spans="2:42" x14ac:dyDescent="0.3">
      <c r="B6443">
        <v>69.111098135610447</v>
      </c>
      <c r="C6443" s="83">
        <v>43369.375</v>
      </c>
      <c r="D6443">
        <v>298163.23180000001</v>
      </c>
      <c r="E6443">
        <v>33501.403380000003</v>
      </c>
      <c r="F6443">
        <v>90727.604730000006</v>
      </c>
      <c r="G6443">
        <v>77553.278990000006</v>
      </c>
      <c r="H6443">
        <v>51332.076939999999</v>
      </c>
      <c r="I6443">
        <v>41889.006099999999</v>
      </c>
      <c r="J6443">
        <v>43569.813159999998</v>
      </c>
      <c r="K6443">
        <v>61491.42366</v>
      </c>
      <c r="L6443">
        <v>26643.593540000002</v>
      </c>
      <c r="M6443">
        <v>352360.60769999999</v>
      </c>
      <c r="N6443">
        <v>99061.969450000004</v>
      </c>
      <c r="O6443">
        <v>24993.507369999999</v>
      </c>
      <c r="P6443">
        <v>34837.190979999999</v>
      </c>
      <c r="Q6443">
        <v>95751.954719999994</v>
      </c>
      <c r="R6443">
        <v>22707.16058</v>
      </c>
      <c r="S6443">
        <v>115954.7611</v>
      </c>
      <c r="T6443">
        <v>32717.263180000002</v>
      </c>
      <c r="U6443">
        <v>25580.101040000001</v>
      </c>
      <c r="W6443" s="83">
        <f>Bühler!N6475</f>
        <v>45560.374999984379</v>
      </c>
      <c r="X6443" s="83">
        <v>43369.375</v>
      </c>
      <c r="Y6443">
        <v>298163.23180000001</v>
      </c>
      <c r="Z6443">
        <v>33501.403380000003</v>
      </c>
      <c r="AA6443">
        <v>90727.604730000006</v>
      </c>
      <c r="AB6443">
        <v>77553.278990000006</v>
      </c>
      <c r="AC6443">
        <v>51332.076939999999</v>
      </c>
      <c r="AD6443">
        <v>41889.006099999999</v>
      </c>
      <c r="AE6443">
        <v>43569.813159999998</v>
      </c>
      <c r="AF6443">
        <v>61491.42366</v>
      </c>
      <c r="AG6443">
        <v>26643.593540000002</v>
      </c>
      <c r="AH6443">
        <v>352360.60769999999</v>
      </c>
      <c r="AI6443">
        <v>99061.969450000004</v>
      </c>
      <c r="AJ6443">
        <v>24993.507369999999</v>
      </c>
      <c r="AK6443">
        <v>34837.190979999999</v>
      </c>
      <c r="AL6443">
        <v>95751.954719999994</v>
      </c>
      <c r="AM6443">
        <v>22707.16058</v>
      </c>
      <c r="AN6443">
        <v>115954.7611</v>
      </c>
      <c r="AO6443">
        <v>32717.263180000002</v>
      </c>
      <c r="AP6443">
        <v>25580.101040000001</v>
      </c>
    </row>
    <row r="6444" spans="2:42" x14ac:dyDescent="0.3">
      <c r="B6444">
        <v>69.901133418741296</v>
      </c>
      <c r="C6444" s="83">
        <v>43369.416666666664</v>
      </c>
      <c r="D6444">
        <v>300252.29519999999</v>
      </c>
      <c r="E6444">
        <v>34888.338069999998</v>
      </c>
      <c r="F6444">
        <v>92135.519660000005</v>
      </c>
      <c r="G6444">
        <v>79295.344320000004</v>
      </c>
      <c r="H6444">
        <v>51997.422380000004</v>
      </c>
      <c r="I6444">
        <v>39423.042600000001</v>
      </c>
      <c r="J6444">
        <v>43354.189559999999</v>
      </c>
      <c r="K6444">
        <v>63075.210030000002</v>
      </c>
      <c r="L6444">
        <v>28687.103790000001</v>
      </c>
      <c r="M6444">
        <v>356388.576</v>
      </c>
      <c r="N6444">
        <v>101751.7432</v>
      </c>
      <c r="O6444">
        <v>25640.586480000002</v>
      </c>
      <c r="P6444">
        <v>35653.772629999999</v>
      </c>
      <c r="Q6444">
        <v>97695.641680000001</v>
      </c>
      <c r="R6444">
        <v>23519.801340000002</v>
      </c>
      <c r="S6444">
        <v>117779.04790000001</v>
      </c>
      <c r="T6444">
        <v>34287.36578</v>
      </c>
      <c r="U6444">
        <v>24780.15137</v>
      </c>
      <c r="W6444" s="83">
        <f>Bühler!N6476</f>
        <v>45560.416666651043</v>
      </c>
      <c r="X6444" s="83">
        <v>43369.416666666664</v>
      </c>
      <c r="Y6444">
        <v>300252.29519999999</v>
      </c>
      <c r="Z6444">
        <v>34888.338069999998</v>
      </c>
      <c r="AA6444">
        <v>92135.519660000005</v>
      </c>
      <c r="AB6444">
        <v>79295.344320000004</v>
      </c>
      <c r="AC6444">
        <v>51997.422380000004</v>
      </c>
      <c r="AD6444">
        <v>39423.042600000001</v>
      </c>
      <c r="AE6444">
        <v>43354.189559999999</v>
      </c>
      <c r="AF6444">
        <v>63075.210030000002</v>
      </c>
      <c r="AG6444">
        <v>28687.103790000001</v>
      </c>
      <c r="AH6444">
        <v>356388.576</v>
      </c>
      <c r="AI6444">
        <v>101751.7432</v>
      </c>
      <c r="AJ6444">
        <v>25640.586480000002</v>
      </c>
      <c r="AK6444">
        <v>35653.772629999999</v>
      </c>
      <c r="AL6444">
        <v>97695.641680000001</v>
      </c>
      <c r="AM6444">
        <v>23519.801340000002</v>
      </c>
      <c r="AN6444">
        <v>117779.04790000001</v>
      </c>
      <c r="AO6444">
        <v>34287.36578</v>
      </c>
      <c r="AP6444">
        <v>24780.15137</v>
      </c>
    </row>
    <row r="6445" spans="2:42" x14ac:dyDescent="0.3">
      <c r="B6445">
        <v>70.052122313904775</v>
      </c>
      <c r="C6445" s="83">
        <v>43369.458333333336</v>
      </c>
      <c r="D6445">
        <v>298869.47610000003</v>
      </c>
      <c r="E6445">
        <v>34748.221339999996</v>
      </c>
      <c r="F6445">
        <v>92364.891019999995</v>
      </c>
      <c r="G6445">
        <v>77229.391149999996</v>
      </c>
      <c r="H6445">
        <v>51756.949699999997</v>
      </c>
      <c r="I6445">
        <v>38859.827989999998</v>
      </c>
      <c r="J6445">
        <v>42844.603999999999</v>
      </c>
      <c r="K6445">
        <v>63123.046060000001</v>
      </c>
      <c r="L6445">
        <v>29678.381529999999</v>
      </c>
      <c r="M6445">
        <v>357158.38780000003</v>
      </c>
      <c r="N6445">
        <v>101771.83470000001</v>
      </c>
      <c r="O6445">
        <v>26190.571980000001</v>
      </c>
      <c r="P6445">
        <v>34470.780290000002</v>
      </c>
      <c r="Q6445">
        <v>98830.430699999997</v>
      </c>
      <c r="R6445">
        <v>23639.04968</v>
      </c>
      <c r="S6445">
        <v>119334.2567</v>
      </c>
      <c r="T6445">
        <v>34736.973339999997</v>
      </c>
      <c r="U6445">
        <v>24247.10815</v>
      </c>
      <c r="W6445" s="83">
        <f>Bühler!N6477</f>
        <v>45560.458333317707</v>
      </c>
      <c r="X6445" s="83">
        <v>43369.458333333336</v>
      </c>
      <c r="Y6445">
        <v>298869.47610000003</v>
      </c>
      <c r="Z6445">
        <v>34748.221339999996</v>
      </c>
      <c r="AA6445">
        <v>92364.891019999995</v>
      </c>
      <c r="AB6445">
        <v>77229.391149999996</v>
      </c>
      <c r="AC6445">
        <v>51756.949699999997</v>
      </c>
      <c r="AD6445">
        <v>38859.827989999998</v>
      </c>
      <c r="AE6445">
        <v>42844.603999999999</v>
      </c>
      <c r="AF6445">
        <v>63123.046060000001</v>
      </c>
      <c r="AG6445">
        <v>29678.381529999999</v>
      </c>
      <c r="AH6445">
        <v>357158.38780000003</v>
      </c>
      <c r="AI6445">
        <v>101771.83470000001</v>
      </c>
      <c r="AJ6445">
        <v>26190.571980000001</v>
      </c>
      <c r="AK6445">
        <v>34470.780290000002</v>
      </c>
      <c r="AL6445">
        <v>98830.430699999997</v>
      </c>
      <c r="AM6445">
        <v>23639.04968</v>
      </c>
      <c r="AN6445">
        <v>119334.2567</v>
      </c>
      <c r="AO6445">
        <v>34736.973339999997</v>
      </c>
      <c r="AP6445">
        <v>24247.10815</v>
      </c>
    </row>
    <row r="6446" spans="2:42" x14ac:dyDescent="0.3">
      <c r="B6446">
        <v>69.196843626642234</v>
      </c>
      <c r="C6446" s="83">
        <v>43369.5</v>
      </c>
      <c r="D6446">
        <v>288428.69079999998</v>
      </c>
      <c r="E6446">
        <v>31500.347849999998</v>
      </c>
      <c r="F6446">
        <v>87099.312409999999</v>
      </c>
      <c r="G6446">
        <v>70598.125010000003</v>
      </c>
      <c r="H6446">
        <v>49104.667390000002</v>
      </c>
      <c r="I6446">
        <v>37574.177329999999</v>
      </c>
      <c r="J6446">
        <v>43062.680260000001</v>
      </c>
      <c r="K6446">
        <v>59301.203110000002</v>
      </c>
      <c r="L6446">
        <v>32033.897489999999</v>
      </c>
      <c r="M6446">
        <v>352797.7782</v>
      </c>
      <c r="N6446">
        <v>97095.449280000001</v>
      </c>
      <c r="O6446">
        <v>24747.849040000001</v>
      </c>
      <c r="P6446">
        <v>35398.544520000003</v>
      </c>
      <c r="Q6446">
        <v>97773.509539999999</v>
      </c>
      <c r="R6446">
        <v>24679.700130000001</v>
      </c>
      <c r="S6446">
        <v>112624.7717</v>
      </c>
      <c r="T6446">
        <v>33748.22885</v>
      </c>
      <c r="U6446">
        <v>19058.877090000002</v>
      </c>
      <c r="W6446" s="83">
        <f>Bühler!N6478</f>
        <v>45560.499999984371</v>
      </c>
      <c r="X6446" s="83">
        <v>43369.5</v>
      </c>
      <c r="Y6446">
        <v>288428.69079999998</v>
      </c>
      <c r="Z6446">
        <v>31500.347849999998</v>
      </c>
      <c r="AA6446">
        <v>87099.312409999999</v>
      </c>
      <c r="AB6446">
        <v>70598.125010000003</v>
      </c>
      <c r="AC6446">
        <v>49104.667390000002</v>
      </c>
      <c r="AD6446">
        <v>37574.177329999999</v>
      </c>
      <c r="AE6446">
        <v>43062.680260000001</v>
      </c>
      <c r="AF6446">
        <v>59301.203110000002</v>
      </c>
      <c r="AG6446">
        <v>32033.897489999999</v>
      </c>
      <c r="AH6446">
        <v>352797.7782</v>
      </c>
      <c r="AI6446">
        <v>97095.449280000001</v>
      </c>
      <c r="AJ6446">
        <v>24747.849040000001</v>
      </c>
      <c r="AK6446">
        <v>35398.544520000003</v>
      </c>
      <c r="AL6446">
        <v>97773.509539999999</v>
      </c>
      <c r="AM6446">
        <v>24679.700130000001</v>
      </c>
      <c r="AN6446">
        <v>112624.7717</v>
      </c>
      <c r="AO6446">
        <v>33748.22885</v>
      </c>
      <c r="AP6446">
        <v>19058.877090000002</v>
      </c>
    </row>
    <row r="6447" spans="2:42" x14ac:dyDescent="0.3">
      <c r="B6447">
        <v>68.67164286617728</v>
      </c>
      <c r="C6447" s="83">
        <v>43369.541666666664</v>
      </c>
      <c r="D6447">
        <v>288042.5098</v>
      </c>
      <c r="E6447">
        <v>31467.36621</v>
      </c>
      <c r="F6447">
        <v>85146.59719</v>
      </c>
      <c r="G6447">
        <v>64973.746099999997</v>
      </c>
      <c r="H6447">
        <v>49116.455970000003</v>
      </c>
      <c r="I6447">
        <v>36974.950190000003</v>
      </c>
      <c r="J6447">
        <v>41647.500659999998</v>
      </c>
      <c r="K6447">
        <v>61414.085420000003</v>
      </c>
      <c r="L6447">
        <v>29453.998599999999</v>
      </c>
      <c r="M6447">
        <v>350120.05979999999</v>
      </c>
      <c r="N6447">
        <v>99724.402749999994</v>
      </c>
      <c r="O6447">
        <v>25564.316869999999</v>
      </c>
      <c r="P6447">
        <v>34563.565990000003</v>
      </c>
      <c r="Q6447">
        <v>97054.448409999997</v>
      </c>
      <c r="R6447">
        <v>25562.559980000002</v>
      </c>
      <c r="S6447">
        <v>110464.7359</v>
      </c>
      <c r="T6447">
        <v>33176.125370000002</v>
      </c>
      <c r="U6447">
        <v>21645.279750000002</v>
      </c>
      <c r="W6447" s="83">
        <f>Bühler!N6479</f>
        <v>45560.541666651035</v>
      </c>
      <c r="X6447" s="83">
        <v>43369.541666666664</v>
      </c>
      <c r="Y6447">
        <v>288042.5098</v>
      </c>
      <c r="Z6447">
        <v>31467.36621</v>
      </c>
      <c r="AA6447">
        <v>85146.59719</v>
      </c>
      <c r="AB6447">
        <v>64973.746099999997</v>
      </c>
      <c r="AC6447">
        <v>49116.455970000003</v>
      </c>
      <c r="AD6447">
        <v>36974.950190000003</v>
      </c>
      <c r="AE6447">
        <v>41647.500659999998</v>
      </c>
      <c r="AF6447">
        <v>61414.085420000003</v>
      </c>
      <c r="AG6447">
        <v>29453.998599999999</v>
      </c>
      <c r="AH6447">
        <v>350120.05979999999</v>
      </c>
      <c r="AI6447">
        <v>99724.402749999994</v>
      </c>
      <c r="AJ6447">
        <v>25564.316869999999</v>
      </c>
      <c r="AK6447">
        <v>34563.565990000003</v>
      </c>
      <c r="AL6447">
        <v>97054.448409999997</v>
      </c>
      <c r="AM6447">
        <v>25562.559980000002</v>
      </c>
      <c r="AN6447">
        <v>110464.7359</v>
      </c>
      <c r="AO6447">
        <v>33176.125370000002</v>
      </c>
      <c r="AP6447">
        <v>21645.279750000002</v>
      </c>
    </row>
    <row r="6448" spans="2:42" x14ac:dyDescent="0.3">
      <c r="B6448">
        <v>68.562718032167879</v>
      </c>
      <c r="C6448" s="83">
        <v>43369.583333333336</v>
      </c>
      <c r="D6448">
        <v>292105.23700000002</v>
      </c>
      <c r="E6448">
        <v>34472.306190000003</v>
      </c>
      <c r="F6448">
        <v>91863.260599999994</v>
      </c>
      <c r="G6448">
        <v>62672.854780000001</v>
      </c>
      <c r="H6448">
        <v>49294.668919999996</v>
      </c>
      <c r="I6448">
        <v>37688.486839999998</v>
      </c>
      <c r="J6448">
        <v>41471.335469999998</v>
      </c>
      <c r="K6448">
        <v>64894.1345</v>
      </c>
      <c r="L6448">
        <v>26914.637920000001</v>
      </c>
      <c r="M6448">
        <v>349564.71019999997</v>
      </c>
      <c r="N6448">
        <v>100718.12270000001</v>
      </c>
      <c r="O6448">
        <v>24004.363099999999</v>
      </c>
      <c r="P6448">
        <v>31126.225689999999</v>
      </c>
      <c r="Q6448">
        <v>96529.649770000004</v>
      </c>
      <c r="R6448">
        <v>24541.883760000001</v>
      </c>
      <c r="S6448">
        <v>105591.17260000001</v>
      </c>
      <c r="T6448">
        <v>32545.49338</v>
      </c>
      <c r="U6448">
        <v>22185.190790000001</v>
      </c>
      <c r="W6448" s="83">
        <f>Bühler!N6480</f>
        <v>45560.5833333177</v>
      </c>
      <c r="X6448" s="83">
        <v>43369.583333333336</v>
      </c>
      <c r="Y6448">
        <v>292105.23700000002</v>
      </c>
      <c r="Z6448">
        <v>34472.306190000003</v>
      </c>
      <c r="AA6448">
        <v>91863.260599999994</v>
      </c>
      <c r="AB6448">
        <v>62672.854780000001</v>
      </c>
      <c r="AC6448">
        <v>49294.668919999996</v>
      </c>
      <c r="AD6448">
        <v>37688.486839999998</v>
      </c>
      <c r="AE6448">
        <v>41471.335469999998</v>
      </c>
      <c r="AF6448">
        <v>64894.1345</v>
      </c>
      <c r="AG6448">
        <v>26914.637920000001</v>
      </c>
      <c r="AH6448">
        <v>349564.71019999997</v>
      </c>
      <c r="AI6448">
        <v>100718.12270000001</v>
      </c>
      <c r="AJ6448">
        <v>24004.363099999999</v>
      </c>
      <c r="AK6448">
        <v>31126.225689999999</v>
      </c>
      <c r="AL6448">
        <v>96529.649770000004</v>
      </c>
      <c r="AM6448">
        <v>24541.883760000001</v>
      </c>
      <c r="AN6448">
        <v>105591.17260000001</v>
      </c>
      <c r="AO6448">
        <v>32545.49338</v>
      </c>
      <c r="AP6448">
        <v>22185.190790000001</v>
      </c>
    </row>
    <row r="6449" spans="2:42" x14ac:dyDescent="0.3">
      <c r="B6449">
        <v>68.474614714449856</v>
      </c>
      <c r="C6449" s="83">
        <v>43369.625</v>
      </c>
      <c r="D6449">
        <v>289247.2084</v>
      </c>
      <c r="E6449">
        <v>34276.791400000002</v>
      </c>
      <c r="F6449">
        <v>92925.935840000006</v>
      </c>
      <c r="G6449">
        <v>60395.068529999997</v>
      </c>
      <c r="H6449">
        <v>48291.652009999998</v>
      </c>
      <c r="I6449">
        <v>38459.008450000001</v>
      </c>
      <c r="J6449">
        <v>41047.766150000003</v>
      </c>
      <c r="K6449">
        <v>63206.668440000001</v>
      </c>
      <c r="L6449">
        <v>24832.401760000001</v>
      </c>
      <c r="M6449">
        <v>349115.5184</v>
      </c>
      <c r="N6449">
        <v>95762.890580000007</v>
      </c>
      <c r="O6449">
        <v>23151.624759999999</v>
      </c>
      <c r="P6449">
        <v>27990.72754</v>
      </c>
      <c r="Q6449">
        <v>95734.780970000007</v>
      </c>
      <c r="R6449">
        <v>23821.752349999999</v>
      </c>
      <c r="S6449">
        <v>103913.61380000001</v>
      </c>
      <c r="T6449">
        <v>31945.731169999999</v>
      </c>
      <c r="U6449">
        <v>22084.61951</v>
      </c>
      <c r="W6449" s="83">
        <f>Bühler!N6481</f>
        <v>45560.624999984364</v>
      </c>
      <c r="X6449" s="83">
        <v>43369.625</v>
      </c>
      <c r="Y6449">
        <v>289247.2084</v>
      </c>
      <c r="Z6449">
        <v>34276.791400000002</v>
      </c>
      <c r="AA6449">
        <v>92925.935840000006</v>
      </c>
      <c r="AB6449">
        <v>60395.068529999997</v>
      </c>
      <c r="AC6449">
        <v>48291.652009999998</v>
      </c>
      <c r="AD6449">
        <v>38459.008450000001</v>
      </c>
      <c r="AE6449">
        <v>41047.766150000003</v>
      </c>
      <c r="AF6449">
        <v>63206.668440000001</v>
      </c>
      <c r="AG6449">
        <v>24832.401760000001</v>
      </c>
      <c r="AH6449">
        <v>349115.5184</v>
      </c>
      <c r="AI6449">
        <v>95762.890580000007</v>
      </c>
      <c r="AJ6449">
        <v>23151.624759999999</v>
      </c>
      <c r="AK6449">
        <v>27990.72754</v>
      </c>
      <c r="AL6449">
        <v>95734.780970000007</v>
      </c>
      <c r="AM6449">
        <v>23821.752349999999</v>
      </c>
      <c r="AN6449">
        <v>103913.61380000001</v>
      </c>
      <c r="AO6449">
        <v>31945.731169999999</v>
      </c>
      <c r="AP6449">
        <v>22084.61951</v>
      </c>
    </row>
    <row r="6450" spans="2:42" x14ac:dyDescent="0.3">
      <c r="B6450">
        <v>67.153209953069023</v>
      </c>
      <c r="C6450" s="83">
        <v>43369.666666666664</v>
      </c>
      <c r="D6450">
        <v>282106.77439999999</v>
      </c>
      <c r="E6450">
        <v>33078.251660000002</v>
      </c>
      <c r="F6450">
        <v>92750.124379999994</v>
      </c>
      <c r="G6450">
        <v>57055.429029999999</v>
      </c>
      <c r="H6450">
        <v>46669.509310000001</v>
      </c>
      <c r="I6450">
        <v>39514.074619999999</v>
      </c>
      <c r="J6450">
        <v>40227.727270000003</v>
      </c>
      <c r="K6450">
        <v>59882.619180000002</v>
      </c>
      <c r="L6450">
        <v>24114.317190000002</v>
      </c>
      <c r="M6450">
        <v>342378.38069999998</v>
      </c>
      <c r="N6450">
        <v>93605.18591</v>
      </c>
      <c r="O6450">
        <v>22145.802940000001</v>
      </c>
      <c r="P6450">
        <v>27440.724539999999</v>
      </c>
      <c r="Q6450">
        <v>95175.161659999998</v>
      </c>
      <c r="R6450">
        <v>23880.410749999999</v>
      </c>
      <c r="S6450">
        <v>101138.9758</v>
      </c>
      <c r="T6450">
        <v>32001.976999999999</v>
      </c>
      <c r="U6450">
        <v>19942.549480000001</v>
      </c>
      <c r="W6450" s="83">
        <f>Bühler!N6482</f>
        <v>45560.666666651028</v>
      </c>
      <c r="X6450" s="83">
        <v>43369.666666666664</v>
      </c>
      <c r="Y6450">
        <v>282106.77439999999</v>
      </c>
      <c r="Z6450">
        <v>33078.251660000002</v>
      </c>
      <c r="AA6450">
        <v>92750.124379999994</v>
      </c>
      <c r="AB6450">
        <v>57055.429029999999</v>
      </c>
      <c r="AC6450">
        <v>46669.509310000001</v>
      </c>
      <c r="AD6450">
        <v>39514.074619999999</v>
      </c>
      <c r="AE6450">
        <v>40227.727270000003</v>
      </c>
      <c r="AF6450">
        <v>59882.619180000002</v>
      </c>
      <c r="AG6450">
        <v>24114.317190000002</v>
      </c>
      <c r="AH6450">
        <v>342378.38069999998</v>
      </c>
      <c r="AI6450">
        <v>93605.18591</v>
      </c>
      <c r="AJ6450">
        <v>22145.802940000001</v>
      </c>
      <c r="AK6450">
        <v>27440.724539999999</v>
      </c>
      <c r="AL6450">
        <v>95175.161659999998</v>
      </c>
      <c r="AM6450">
        <v>23880.410749999999</v>
      </c>
      <c r="AN6450">
        <v>101138.9758</v>
      </c>
      <c r="AO6450">
        <v>32001.976999999999</v>
      </c>
      <c r="AP6450">
        <v>19942.549480000001</v>
      </c>
    </row>
    <row r="6451" spans="2:42" x14ac:dyDescent="0.3">
      <c r="B6451">
        <v>66.480690263807972</v>
      </c>
      <c r="C6451" s="83">
        <v>43369.708333333336</v>
      </c>
      <c r="D6451">
        <v>271661.82020000002</v>
      </c>
      <c r="E6451">
        <v>31179.141739999999</v>
      </c>
      <c r="F6451">
        <v>91306.712409999993</v>
      </c>
      <c r="G6451">
        <v>52381.01442</v>
      </c>
      <c r="H6451">
        <v>44323.694589999999</v>
      </c>
      <c r="I6451">
        <v>38456.44111</v>
      </c>
      <c r="J6451">
        <v>39733.764130000003</v>
      </c>
      <c r="K6451">
        <v>54913.39632</v>
      </c>
      <c r="L6451">
        <v>24512.192899999998</v>
      </c>
      <c r="M6451">
        <v>338949.56170000002</v>
      </c>
      <c r="N6451">
        <v>90728.385649999997</v>
      </c>
      <c r="O6451">
        <v>21792.126530000001</v>
      </c>
      <c r="P6451">
        <v>29049.81093</v>
      </c>
      <c r="Q6451">
        <v>93194.234509999995</v>
      </c>
      <c r="R6451">
        <v>23548.25388</v>
      </c>
      <c r="S6451">
        <v>98150.030610000002</v>
      </c>
      <c r="T6451">
        <v>30741.508460000001</v>
      </c>
      <c r="U6451">
        <v>17089.362130000001</v>
      </c>
      <c r="W6451" s="83">
        <f>Bühler!N6483</f>
        <v>45560.708333317692</v>
      </c>
      <c r="X6451" s="83">
        <v>43369.708333333336</v>
      </c>
      <c r="Y6451">
        <v>271661.82020000002</v>
      </c>
      <c r="Z6451">
        <v>31179.141739999999</v>
      </c>
      <c r="AA6451">
        <v>91306.712409999993</v>
      </c>
      <c r="AB6451">
        <v>52381.01442</v>
      </c>
      <c r="AC6451">
        <v>44323.694589999999</v>
      </c>
      <c r="AD6451">
        <v>38456.44111</v>
      </c>
      <c r="AE6451">
        <v>39733.764130000003</v>
      </c>
      <c r="AF6451">
        <v>54913.39632</v>
      </c>
      <c r="AG6451">
        <v>24512.192899999998</v>
      </c>
      <c r="AH6451">
        <v>338949.56170000002</v>
      </c>
      <c r="AI6451">
        <v>90728.385649999997</v>
      </c>
      <c r="AJ6451">
        <v>21792.126530000001</v>
      </c>
      <c r="AK6451">
        <v>29049.81093</v>
      </c>
      <c r="AL6451">
        <v>93194.234509999995</v>
      </c>
      <c r="AM6451">
        <v>23548.25388</v>
      </c>
      <c r="AN6451">
        <v>98150.030610000002</v>
      </c>
      <c r="AO6451">
        <v>30741.508460000001</v>
      </c>
      <c r="AP6451">
        <v>17089.362130000001</v>
      </c>
    </row>
    <row r="6452" spans="2:42" x14ac:dyDescent="0.3">
      <c r="B6452">
        <v>65.099337494634128</v>
      </c>
      <c r="C6452" s="83">
        <v>43369.75</v>
      </c>
      <c r="D6452">
        <v>264401.13500000001</v>
      </c>
      <c r="E6452">
        <v>28038.130519999999</v>
      </c>
      <c r="F6452">
        <v>89362.30128</v>
      </c>
      <c r="G6452">
        <v>46491.230049999998</v>
      </c>
      <c r="H6452">
        <v>42124.89849</v>
      </c>
      <c r="I6452">
        <v>36402.844669999999</v>
      </c>
      <c r="J6452">
        <v>39492.427969999997</v>
      </c>
      <c r="K6452">
        <v>51584.170709999999</v>
      </c>
      <c r="L6452">
        <v>25855.434359999999</v>
      </c>
      <c r="M6452">
        <v>331906.78110000002</v>
      </c>
      <c r="N6452">
        <v>89078.858070000002</v>
      </c>
      <c r="O6452">
        <v>19964.856250000001</v>
      </c>
      <c r="P6452">
        <v>32400.747449999999</v>
      </c>
      <c r="Q6452">
        <v>91921.904920000001</v>
      </c>
      <c r="R6452">
        <v>22263.45595</v>
      </c>
      <c r="S6452">
        <v>91995.788860000001</v>
      </c>
      <c r="T6452">
        <v>30373.658579999999</v>
      </c>
      <c r="U6452">
        <v>15319.44925</v>
      </c>
      <c r="W6452" s="83">
        <f>Bühler!N6484</f>
        <v>45560.749999984357</v>
      </c>
      <c r="X6452" s="83">
        <v>43369.75</v>
      </c>
      <c r="Y6452">
        <v>264401.13500000001</v>
      </c>
      <c r="Z6452">
        <v>28038.130519999999</v>
      </c>
      <c r="AA6452">
        <v>89362.30128</v>
      </c>
      <c r="AB6452">
        <v>46491.230049999998</v>
      </c>
      <c r="AC6452">
        <v>42124.89849</v>
      </c>
      <c r="AD6452">
        <v>36402.844669999999</v>
      </c>
      <c r="AE6452">
        <v>39492.427969999997</v>
      </c>
      <c r="AF6452">
        <v>51584.170709999999</v>
      </c>
      <c r="AG6452">
        <v>25855.434359999999</v>
      </c>
      <c r="AH6452">
        <v>331906.78110000002</v>
      </c>
      <c r="AI6452">
        <v>89078.858070000002</v>
      </c>
      <c r="AJ6452">
        <v>19964.856250000001</v>
      </c>
      <c r="AK6452">
        <v>32400.747449999999</v>
      </c>
      <c r="AL6452">
        <v>91921.904920000001</v>
      </c>
      <c r="AM6452">
        <v>22263.45595</v>
      </c>
      <c r="AN6452">
        <v>91995.788860000001</v>
      </c>
      <c r="AO6452">
        <v>30373.658579999999</v>
      </c>
      <c r="AP6452">
        <v>15319.44925</v>
      </c>
    </row>
    <row r="6453" spans="2:42" x14ac:dyDescent="0.3">
      <c r="B6453">
        <v>64.771802548240913</v>
      </c>
      <c r="C6453" s="83">
        <v>43369.791666666664</v>
      </c>
      <c r="D6453">
        <v>260584.36790000001</v>
      </c>
      <c r="E6453">
        <v>23083.504929999999</v>
      </c>
      <c r="F6453">
        <v>79736.433839999998</v>
      </c>
      <c r="G6453">
        <v>43879.71473</v>
      </c>
      <c r="H6453">
        <v>40724.315649999997</v>
      </c>
      <c r="I6453">
        <v>34131.134760000001</v>
      </c>
      <c r="J6453">
        <v>40394.621720000003</v>
      </c>
      <c r="K6453">
        <v>51533.682589999997</v>
      </c>
      <c r="L6453">
        <v>26926.521680000002</v>
      </c>
      <c r="M6453">
        <v>330236.85519999999</v>
      </c>
      <c r="N6453">
        <v>86703.515459999995</v>
      </c>
      <c r="O6453">
        <v>19411.109270000001</v>
      </c>
      <c r="P6453">
        <v>35299.868090000004</v>
      </c>
      <c r="Q6453">
        <v>89146.530199999994</v>
      </c>
      <c r="R6453">
        <v>22232.910179999999</v>
      </c>
      <c r="S6453">
        <v>89065.834600000002</v>
      </c>
      <c r="T6453">
        <v>31402.539349999999</v>
      </c>
      <c r="U6453">
        <v>15277.99898</v>
      </c>
      <c r="W6453" s="83">
        <f>Bühler!N6485</f>
        <v>45560.791666651021</v>
      </c>
      <c r="X6453" s="83">
        <v>43369.791666666664</v>
      </c>
      <c r="Y6453">
        <v>260584.36790000001</v>
      </c>
      <c r="Z6453">
        <v>23083.504929999999</v>
      </c>
      <c r="AA6453">
        <v>79736.433839999998</v>
      </c>
      <c r="AB6453">
        <v>43879.71473</v>
      </c>
      <c r="AC6453">
        <v>40724.315649999997</v>
      </c>
      <c r="AD6453">
        <v>34131.134760000001</v>
      </c>
      <c r="AE6453">
        <v>40394.621720000003</v>
      </c>
      <c r="AF6453">
        <v>51533.682589999997</v>
      </c>
      <c r="AG6453">
        <v>26926.521680000002</v>
      </c>
      <c r="AH6453">
        <v>330236.85519999999</v>
      </c>
      <c r="AI6453">
        <v>86703.515459999995</v>
      </c>
      <c r="AJ6453">
        <v>19411.109270000001</v>
      </c>
      <c r="AK6453">
        <v>35299.868090000004</v>
      </c>
      <c r="AL6453">
        <v>89146.530199999994</v>
      </c>
      <c r="AM6453">
        <v>22232.910179999999</v>
      </c>
      <c r="AN6453">
        <v>89065.834600000002</v>
      </c>
      <c r="AO6453">
        <v>31402.539349999999</v>
      </c>
      <c r="AP6453">
        <v>15277.99898</v>
      </c>
    </row>
    <row r="6454" spans="2:42" x14ac:dyDescent="0.3">
      <c r="B6454">
        <v>63.576776771594716</v>
      </c>
      <c r="C6454" s="83">
        <v>43369.833333333336</v>
      </c>
      <c r="D6454">
        <v>252520.8253</v>
      </c>
      <c r="E6454">
        <v>17802.44499</v>
      </c>
      <c r="F6454">
        <v>65297.433490000003</v>
      </c>
      <c r="G6454">
        <v>40154.097950000003</v>
      </c>
      <c r="H6454">
        <v>39966.451220000003</v>
      </c>
      <c r="I6454">
        <v>31139.425739999999</v>
      </c>
      <c r="J6454">
        <v>42197.133240000003</v>
      </c>
      <c r="K6454">
        <v>51753.211179999998</v>
      </c>
      <c r="L6454">
        <v>26364.07546</v>
      </c>
      <c r="M6454">
        <v>324144.05650000001</v>
      </c>
      <c r="N6454">
        <v>85425.361770000003</v>
      </c>
      <c r="O6454">
        <v>18381.459610000002</v>
      </c>
      <c r="P6454">
        <v>36265.821759999999</v>
      </c>
      <c r="Q6454">
        <v>86130.522540000005</v>
      </c>
      <c r="R6454">
        <v>21814.326590000001</v>
      </c>
      <c r="S6454">
        <v>83484.788260000001</v>
      </c>
      <c r="T6454">
        <v>30555.03082</v>
      </c>
      <c r="U6454">
        <v>14899.886339999999</v>
      </c>
      <c r="W6454" s="83">
        <f>Bühler!N6486</f>
        <v>45560.833333317685</v>
      </c>
      <c r="X6454" s="83">
        <v>43369.833333333336</v>
      </c>
      <c r="Y6454">
        <v>252520.8253</v>
      </c>
      <c r="Z6454">
        <v>17802.44499</v>
      </c>
      <c r="AA6454">
        <v>65297.433490000003</v>
      </c>
      <c r="AB6454">
        <v>40154.097950000003</v>
      </c>
      <c r="AC6454">
        <v>39966.451220000003</v>
      </c>
      <c r="AD6454">
        <v>31139.425739999999</v>
      </c>
      <c r="AE6454">
        <v>42197.133240000003</v>
      </c>
      <c r="AF6454">
        <v>51753.211179999998</v>
      </c>
      <c r="AG6454">
        <v>26364.07546</v>
      </c>
      <c r="AH6454">
        <v>324144.05650000001</v>
      </c>
      <c r="AI6454">
        <v>85425.361770000003</v>
      </c>
      <c r="AJ6454">
        <v>18381.459610000002</v>
      </c>
      <c r="AK6454">
        <v>36265.821759999999</v>
      </c>
      <c r="AL6454">
        <v>86130.522540000005</v>
      </c>
      <c r="AM6454">
        <v>21814.326590000001</v>
      </c>
      <c r="AN6454">
        <v>83484.788260000001</v>
      </c>
      <c r="AO6454">
        <v>30555.03082</v>
      </c>
      <c r="AP6454">
        <v>14899.886339999999</v>
      </c>
    </row>
    <row r="6455" spans="2:42" x14ac:dyDescent="0.3">
      <c r="B6455">
        <v>62.021288970343853</v>
      </c>
      <c r="C6455" s="83">
        <v>43369.875</v>
      </c>
      <c r="D6455">
        <v>244540.0447</v>
      </c>
      <c r="E6455">
        <v>15048.07627</v>
      </c>
      <c r="F6455">
        <v>56898.336580000003</v>
      </c>
      <c r="G6455">
        <v>37345.267760000002</v>
      </c>
      <c r="H6455">
        <v>37158.176449999999</v>
      </c>
      <c r="I6455">
        <v>27277.499019999999</v>
      </c>
      <c r="J6455">
        <v>40575.760249999999</v>
      </c>
      <c r="K6455">
        <v>50193.2163</v>
      </c>
      <c r="L6455">
        <v>24706.151389999999</v>
      </c>
      <c r="M6455">
        <v>316213.45429999998</v>
      </c>
      <c r="N6455">
        <v>82146.918189999997</v>
      </c>
      <c r="O6455">
        <v>17369.53399</v>
      </c>
      <c r="P6455">
        <v>34417.474990000002</v>
      </c>
      <c r="Q6455">
        <v>84412.898560000001</v>
      </c>
      <c r="R6455">
        <v>20629.982660000001</v>
      </c>
      <c r="S6455">
        <v>78356.706300000005</v>
      </c>
      <c r="T6455">
        <v>27133.042700000002</v>
      </c>
      <c r="U6455">
        <v>13626.73482</v>
      </c>
      <c r="W6455" s="83">
        <f>Bühler!N6487</f>
        <v>45560.874999984349</v>
      </c>
      <c r="X6455" s="83">
        <v>43369.875</v>
      </c>
      <c r="Y6455">
        <v>244540.0447</v>
      </c>
      <c r="Z6455">
        <v>15048.07627</v>
      </c>
      <c r="AA6455">
        <v>56898.336580000003</v>
      </c>
      <c r="AB6455">
        <v>37345.267760000002</v>
      </c>
      <c r="AC6455">
        <v>37158.176449999999</v>
      </c>
      <c r="AD6455">
        <v>27277.499019999999</v>
      </c>
      <c r="AE6455">
        <v>40575.760249999999</v>
      </c>
      <c r="AF6455">
        <v>50193.2163</v>
      </c>
      <c r="AG6455">
        <v>24706.151389999999</v>
      </c>
      <c r="AH6455">
        <v>316213.45429999998</v>
      </c>
      <c r="AI6455">
        <v>82146.918189999997</v>
      </c>
      <c r="AJ6455">
        <v>17369.53399</v>
      </c>
      <c r="AK6455">
        <v>34417.474990000002</v>
      </c>
      <c r="AL6455">
        <v>84412.898560000001</v>
      </c>
      <c r="AM6455">
        <v>20629.982660000001</v>
      </c>
      <c r="AN6455">
        <v>78356.706300000005</v>
      </c>
      <c r="AO6455">
        <v>27133.042700000002</v>
      </c>
      <c r="AP6455">
        <v>13626.73482</v>
      </c>
    </row>
    <row r="6456" spans="2:42" x14ac:dyDescent="0.3">
      <c r="B6456">
        <v>61.353485679777457</v>
      </c>
      <c r="C6456" s="83">
        <v>43369.916666666664</v>
      </c>
      <c r="D6456">
        <v>243215.5067</v>
      </c>
      <c r="E6456">
        <v>14350.84669</v>
      </c>
      <c r="F6456">
        <v>54494.593139999997</v>
      </c>
      <c r="G6456">
        <v>34907.8842</v>
      </c>
      <c r="H6456">
        <v>36234.929239999998</v>
      </c>
      <c r="I6456">
        <v>24556.214039999999</v>
      </c>
      <c r="J6456">
        <v>39251.940979999999</v>
      </c>
      <c r="K6456">
        <v>52098.366650000004</v>
      </c>
      <c r="L6456">
        <v>21906.686760000001</v>
      </c>
      <c r="M6456">
        <v>312808.68170000002</v>
      </c>
      <c r="N6456">
        <v>80632.335579999999</v>
      </c>
      <c r="O6456">
        <v>17238.829829999999</v>
      </c>
      <c r="P6456">
        <v>35064.397149999997</v>
      </c>
      <c r="Q6456">
        <v>83345.567880000002</v>
      </c>
      <c r="R6456">
        <v>21599.306209999999</v>
      </c>
      <c r="S6456">
        <v>76142.465330000006</v>
      </c>
      <c r="T6456">
        <v>23407.871419999999</v>
      </c>
      <c r="U6456">
        <v>13602.05107</v>
      </c>
      <c r="W6456" s="83">
        <f>Bühler!N6488</f>
        <v>45560.916666651014</v>
      </c>
      <c r="X6456" s="83">
        <v>43369.916666666664</v>
      </c>
      <c r="Y6456">
        <v>243215.5067</v>
      </c>
      <c r="Z6456">
        <v>14350.84669</v>
      </c>
      <c r="AA6456">
        <v>54494.593139999997</v>
      </c>
      <c r="AB6456">
        <v>34907.8842</v>
      </c>
      <c r="AC6456">
        <v>36234.929239999998</v>
      </c>
      <c r="AD6456">
        <v>24556.214039999999</v>
      </c>
      <c r="AE6456">
        <v>39251.940979999999</v>
      </c>
      <c r="AF6456">
        <v>52098.366650000004</v>
      </c>
      <c r="AG6456">
        <v>21906.686760000001</v>
      </c>
      <c r="AH6456">
        <v>312808.68170000002</v>
      </c>
      <c r="AI6456">
        <v>80632.335579999999</v>
      </c>
      <c r="AJ6456">
        <v>17238.829829999999</v>
      </c>
      <c r="AK6456">
        <v>35064.397149999997</v>
      </c>
      <c r="AL6456">
        <v>83345.567880000002</v>
      </c>
      <c r="AM6456">
        <v>21599.306209999999</v>
      </c>
      <c r="AN6456">
        <v>76142.465330000006</v>
      </c>
      <c r="AO6456">
        <v>23407.871419999999</v>
      </c>
      <c r="AP6456">
        <v>13602.05107</v>
      </c>
    </row>
    <row r="6457" spans="2:42" x14ac:dyDescent="0.3">
      <c r="B6457">
        <v>61.554094594576668</v>
      </c>
      <c r="C6457" s="83">
        <v>43369.958333333336</v>
      </c>
      <c r="D6457">
        <v>242492.75169999999</v>
      </c>
      <c r="E6457">
        <v>13987.31342</v>
      </c>
      <c r="F6457">
        <v>53795.546970000003</v>
      </c>
      <c r="G6457">
        <v>34104.850509999997</v>
      </c>
      <c r="H6457">
        <v>35135.248489999998</v>
      </c>
      <c r="I6457">
        <v>23432.282340000002</v>
      </c>
      <c r="J6457">
        <v>35734.68694</v>
      </c>
      <c r="K6457">
        <v>51393.032279999999</v>
      </c>
      <c r="L6457">
        <v>19263.530200000001</v>
      </c>
      <c r="M6457">
        <v>313831.47950000002</v>
      </c>
      <c r="N6457">
        <v>79758.033370000005</v>
      </c>
      <c r="O6457">
        <v>17173.484339999999</v>
      </c>
      <c r="P6457">
        <v>30319.649560000002</v>
      </c>
      <c r="Q6457">
        <v>83807.323369999998</v>
      </c>
      <c r="R6457">
        <v>20348.137890000002</v>
      </c>
      <c r="S6457">
        <v>74311.349369999996</v>
      </c>
      <c r="T6457">
        <v>21176.468420000001</v>
      </c>
      <c r="U6457">
        <v>13134.177519999999</v>
      </c>
      <c r="W6457" s="83">
        <f>Bühler!N6489</f>
        <v>45560.958333317678</v>
      </c>
      <c r="X6457" s="83">
        <v>43369.958333333336</v>
      </c>
      <c r="Y6457">
        <v>242492.75169999999</v>
      </c>
      <c r="Z6457">
        <v>13987.31342</v>
      </c>
      <c r="AA6457">
        <v>53795.546970000003</v>
      </c>
      <c r="AB6457">
        <v>34104.850509999997</v>
      </c>
      <c r="AC6457">
        <v>35135.248489999998</v>
      </c>
      <c r="AD6457">
        <v>23432.282340000002</v>
      </c>
      <c r="AE6457">
        <v>35734.68694</v>
      </c>
      <c r="AF6457">
        <v>51393.032279999999</v>
      </c>
      <c r="AG6457">
        <v>19263.530200000001</v>
      </c>
      <c r="AH6457">
        <v>313831.47950000002</v>
      </c>
      <c r="AI6457">
        <v>79758.033370000005</v>
      </c>
      <c r="AJ6457">
        <v>17173.484339999999</v>
      </c>
      <c r="AK6457">
        <v>30319.649560000002</v>
      </c>
      <c r="AL6457">
        <v>83807.323369999998</v>
      </c>
      <c r="AM6457">
        <v>20348.137890000002</v>
      </c>
      <c r="AN6457">
        <v>74311.349369999996</v>
      </c>
      <c r="AO6457">
        <v>21176.468420000001</v>
      </c>
      <c r="AP6457">
        <v>13134.177519999999</v>
      </c>
    </row>
    <row r="6458" spans="2:42" x14ac:dyDescent="0.3">
      <c r="B6458">
        <v>60.967484720272218</v>
      </c>
      <c r="C6458" s="83">
        <v>43370</v>
      </c>
      <c r="D6458">
        <v>241895.78030000001</v>
      </c>
      <c r="E6458">
        <v>13751.47155</v>
      </c>
      <c r="F6458">
        <v>52238.048880000002</v>
      </c>
      <c r="G6458">
        <v>33540.807529999998</v>
      </c>
      <c r="H6458">
        <v>34528.985910000003</v>
      </c>
      <c r="I6458">
        <v>21319.465179999999</v>
      </c>
      <c r="J6458">
        <v>33192.789400000001</v>
      </c>
      <c r="K6458">
        <v>48984.387360000001</v>
      </c>
      <c r="L6458">
        <v>17553.34087</v>
      </c>
      <c r="M6458">
        <v>310840.66879999998</v>
      </c>
      <c r="N6458">
        <v>77848.896489999999</v>
      </c>
      <c r="O6458">
        <v>17297.205900000001</v>
      </c>
      <c r="P6458">
        <v>28391.327440000001</v>
      </c>
      <c r="Q6458">
        <v>82196.277650000004</v>
      </c>
      <c r="R6458">
        <v>18354.888859999999</v>
      </c>
      <c r="S6458">
        <v>73204.271540000002</v>
      </c>
      <c r="T6458">
        <v>19298.269609999999</v>
      </c>
      <c r="U6458">
        <v>12799.16034</v>
      </c>
      <c r="W6458" s="83">
        <f>Bühler!N6490</f>
        <v>45560.999999984342</v>
      </c>
      <c r="X6458" s="83">
        <v>43370</v>
      </c>
      <c r="Y6458">
        <v>241895.78030000001</v>
      </c>
      <c r="Z6458">
        <v>13751.47155</v>
      </c>
      <c r="AA6458">
        <v>52238.048880000002</v>
      </c>
      <c r="AB6458">
        <v>33540.807529999998</v>
      </c>
      <c r="AC6458">
        <v>34528.985910000003</v>
      </c>
      <c r="AD6458">
        <v>21319.465179999999</v>
      </c>
      <c r="AE6458">
        <v>33192.789400000001</v>
      </c>
      <c r="AF6458">
        <v>48984.387360000001</v>
      </c>
      <c r="AG6458">
        <v>17553.34087</v>
      </c>
      <c r="AH6458">
        <v>310840.66879999998</v>
      </c>
      <c r="AI6458">
        <v>77848.896489999999</v>
      </c>
      <c r="AJ6458">
        <v>17297.205900000001</v>
      </c>
      <c r="AK6458">
        <v>28391.327440000001</v>
      </c>
      <c r="AL6458">
        <v>82196.277650000004</v>
      </c>
      <c r="AM6458">
        <v>18354.888859999999</v>
      </c>
      <c r="AN6458">
        <v>73204.271540000002</v>
      </c>
      <c r="AO6458">
        <v>19298.269609999999</v>
      </c>
      <c r="AP6458">
        <v>12799.16034</v>
      </c>
    </row>
    <row r="6459" spans="2:42" x14ac:dyDescent="0.3">
      <c r="B6459">
        <v>60.65698925088509</v>
      </c>
      <c r="C6459" s="83">
        <v>43370.041666666664</v>
      </c>
      <c r="D6459">
        <v>240574.4644</v>
      </c>
      <c r="E6459">
        <v>13323.90753</v>
      </c>
      <c r="F6459">
        <v>52144.410190000002</v>
      </c>
      <c r="G6459">
        <v>32852.500209999998</v>
      </c>
      <c r="H6459">
        <v>33740.968240000002</v>
      </c>
      <c r="I6459">
        <v>17342.48906</v>
      </c>
      <c r="J6459">
        <v>32285.324079999999</v>
      </c>
      <c r="K6459">
        <v>47718.16807</v>
      </c>
      <c r="L6459">
        <v>16137.268969999999</v>
      </c>
      <c r="M6459">
        <v>309257.61810000002</v>
      </c>
      <c r="N6459">
        <v>76885.638460000002</v>
      </c>
      <c r="O6459">
        <v>16500.576939999999</v>
      </c>
      <c r="P6459">
        <v>25602.761589999998</v>
      </c>
      <c r="Q6459">
        <v>83406.341119999997</v>
      </c>
      <c r="R6459">
        <v>17158.345549999998</v>
      </c>
      <c r="S6459">
        <v>72228.765700000004</v>
      </c>
      <c r="T6459">
        <v>18546.129209999999</v>
      </c>
      <c r="U6459">
        <v>12434.77562</v>
      </c>
      <c r="W6459" s="83">
        <f>Bühler!N6491</f>
        <v>45561.041666651006</v>
      </c>
      <c r="X6459" s="83">
        <v>43370.041666666664</v>
      </c>
      <c r="Y6459">
        <v>240574.4644</v>
      </c>
      <c r="Z6459">
        <v>13323.90753</v>
      </c>
      <c r="AA6459">
        <v>52144.410190000002</v>
      </c>
      <c r="AB6459">
        <v>32852.500209999998</v>
      </c>
      <c r="AC6459">
        <v>33740.968240000002</v>
      </c>
      <c r="AD6459">
        <v>17342.48906</v>
      </c>
      <c r="AE6459">
        <v>32285.324079999999</v>
      </c>
      <c r="AF6459">
        <v>47718.16807</v>
      </c>
      <c r="AG6459">
        <v>16137.268969999999</v>
      </c>
      <c r="AH6459">
        <v>309257.61810000002</v>
      </c>
      <c r="AI6459">
        <v>76885.638460000002</v>
      </c>
      <c r="AJ6459">
        <v>16500.576939999999</v>
      </c>
      <c r="AK6459">
        <v>25602.761589999998</v>
      </c>
      <c r="AL6459">
        <v>83406.341119999997</v>
      </c>
      <c r="AM6459">
        <v>17158.345549999998</v>
      </c>
      <c r="AN6459">
        <v>72228.765700000004</v>
      </c>
      <c r="AO6459">
        <v>18546.129209999999</v>
      </c>
      <c r="AP6459">
        <v>12434.77562</v>
      </c>
    </row>
    <row r="6460" spans="2:42" x14ac:dyDescent="0.3">
      <c r="B6460">
        <v>60.24993958912269</v>
      </c>
      <c r="C6460" s="83">
        <v>43370.083333333336</v>
      </c>
      <c r="D6460">
        <v>240355.58859999999</v>
      </c>
      <c r="E6460">
        <v>12980.262500000001</v>
      </c>
      <c r="F6460">
        <v>52468.22378</v>
      </c>
      <c r="G6460">
        <v>32343.34218</v>
      </c>
      <c r="H6460">
        <v>33750.952290000001</v>
      </c>
      <c r="I6460">
        <v>15806.40739</v>
      </c>
      <c r="J6460">
        <v>31966.189569999999</v>
      </c>
      <c r="K6460">
        <v>46846.658150000003</v>
      </c>
      <c r="L6460">
        <v>15795.173489999999</v>
      </c>
      <c r="M6460">
        <v>307182.28909999999</v>
      </c>
      <c r="N6460">
        <v>75082.727480000001</v>
      </c>
      <c r="O6460">
        <v>17152.688910000001</v>
      </c>
      <c r="P6460">
        <v>24247.97596</v>
      </c>
      <c r="Q6460">
        <v>85811.325880000004</v>
      </c>
      <c r="R6460">
        <v>15872.123320000001</v>
      </c>
      <c r="S6460">
        <v>71277.824859999993</v>
      </c>
      <c r="T6460">
        <v>18352.893550000001</v>
      </c>
      <c r="U6460">
        <v>12339.62048</v>
      </c>
      <c r="W6460" s="83">
        <f>Bühler!N6492</f>
        <v>45561.083333317671</v>
      </c>
      <c r="X6460" s="83">
        <v>43370.083333333336</v>
      </c>
      <c r="Y6460">
        <v>240355.58859999999</v>
      </c>
      <c r="Z6460">
        <v>12980.262500000001</v>
      </c>
      <c r="AA6460">
        <v>52468.22378</v>
      </c>
      <c r="AB6460">
        <v>32343.34218</v>
      </c>
      <c r="AC6460">
        <v>33750.952290000001</v>
      </c>
      <c r="AD6460">
        <v>15806.40739</v>
      </c>
      <c r="AE6460">
        <v>31966.189569999999</v>
      </c>
      <c r="AF6460">
        <v>46846.658150000003</v>
      </c>
      <c r="AG6460">
        <v>15795.173489999999</v>
      </c>
      <c r="AH6460">
        <v>307182.28909999999</v>
      </c>
      <c r="AI6460">
        <v>75082.727480000001</v>
      </c>
      <c r="AJ6460">
        <v>17152.688910000001</v>
      </c>
      <c r="AK6460">
        <v>24247.97596</v>
      </c>
      <c r="AL6460">
        <v>85811.325880000004</v>
      </c>
      <c r="AM6460">
        <v>15872.123320000001</v>
      </c>
      <c r="AN6460">
        <v>71277.824859999993</v>
      </c>
      <c r="AO6460">
        <v>18352.893550000001</v>
      </c>
      <c r="AP6460">
        <v>12339.62048</v>
      </c>
    </row>
    <row r="6461" spans="2:42" x14ac:dyDescent="0.3">
      <c r="B6461">
        <v>60.490546022062176</v>
      </c>
      <c r="C6461" s="83">
        <v>43370.125</v>
      </c>
      <c r="D6461">
        <v>241643.11739999999</v>
      </c>
      <c r="E6461">
        <v>12907.2876</v>
      </c>
      <c r="F6461">
        <v>53341.01973</v>
      </c>
      <c r="G6461">
        <v>31860.318380000001</v>
      </c>
      <c r="H6461">
        <v>33452.447260000001</v>
      </c>
      <c r="I6461">
        <v>15630.64424</v>
      </c>
      <c r="J6461">
        <v>32111.14228</v>
      </c>
      <c r="K6461">
        <v>45635.51586</v>
      </c>
      <c r="L6461">
        <v>16162.246139999999</v>
      </c>
      <c r="M6461">
        <v>308409.01289999997</v>
      </c>
      <c r="N6461">
        <v>74557.288700000005</v>
      </c>
      <c r="O6461">
        <v>16789.798480000001</v>
      </c>
      <c r="P6461">
        <v>23108.06855</v>
      </c>
      <c r="Q6461">
        <v>87780.153860000006</v>
      </c>
      <c r="R6461">
        <v>15479.80575</v>
      </c>
      <c r="S6461">
        <v>70712.550310000006</v>
      </c>
      <c r="T6461">
        <v>17928.871429999999</v>
      </c>
      <c r="U6461">
        <v>12025.679459999999</v>
      </c>
      <c r="W6461" s="83">
        <f>Bühler!N6493</f>
        <v>45561.124999984335</v>
      </c>
      <c r="X6461" s="83">
        <v>43370.125</v>
      </c>
      <c r="Y6461">
        <v>241643.11739999999</v>
      </c>
      <c r="Z6461">
        <v>12907.2876</v>
      </c>
      <c r="AA6461">
        <v>53341.01973</v>
      </c>
      <c r="AB6461">
        <v>31860.318380000001</v>
      </c>
      <c r="AC6461">
        <v>33452.447260000001</v>
      </c>
      <c r="AD6461">
        <v>15630.64424</v>
      </c>
      <c r="AE6461">
        <v>32111.14228</v>
      </c>
      <c r="AF6461">
        <v>45635.51586</v>
      </c>
      <c r="AG6461">
        <v>16162.246139999999</v>
      </c>
      <c r="AH6461">
        <v>308409.01289999997</v>
      </c>
      <c r="AI6461">
        <v>74557.288700000005</v>
      </c>
      <c r="AJ6461">
        <v>16789.798480000001</v>
      </c>
      <c r="AK6461">
        <v>23108.06855</v>
      </c>
      <c r="AL6461">
        <v>87780.153860000006</v>
      </c>
      <c r="AM6461">
        <v>15479.80575</v>
      </c>
      <c r="AN6461">
        <v>70712.550310000006</v>
      </c>
      <c r="AO6461">
        <v>17928.871429999999</v>
      </c>
      <c r="AP6461">
        <v>12025.679459999999</v>
      </c>
    </row>
    <row r="6462" spans="2:42" x14ac:dyDescent="0.3">
      <c r="B6462">
        <v>61.778884016165819</v>
      </c>
      <c r="C6462" s="83">
        <v>43370.166666666664</v>
      </c>
      <c r="D6462">
        <v>243879.15179999999</v>
      </c>
      <c r="E6462">
        <v>13328.679340000001</v>
      </c>
      <c r="F6462">
        <v>56904.722710000002</v>
      </c>
      <c r="G6462">
        <v>30818.188689999999</v>
      </c>
      <c r="H6462">
        <v>34032.599629999997</v>
      </c>
      <c r="I6462">
        <v>17800.235939999999</v>
      </c>
      <c r="J6462">
        <v>34123.955609999997</v>
      </c>
      <c r="K6462">
        <v>44072.96357</v>
      </c>
      <c r="L6462">
        <v>15905.560589999999</v>
      </c>
      <c r="M6462">
        <v>314977.56079999998</v>
      </c>
      <c r="N6462">
        <v>74551.283800000005</v>
      </c>
      <c r="O6462">
        <v>17689.320899999999</v>
      </c>
      <c r="P6462">
        <v>22427.57951</v>
      </c>
      <c r="Q6462">
        <v>92071.269350000002</v>
      </c>
      <c r="R6462">
        <v>15153.221809999999</v>
      </c>
      <c r="S6462">
        <v>71493.334340000001</v>
      </c>
      <c r="T6462">
        <v>18095.8171</v>
      </c>
      <c r="U6462">
        <v>12647.43483</v>
      </c>
      <c r="W6462" s="83">
        <f>Bühler!N6494</f>
        <v>45561.166666650999</v>
      </c>
      <c r="X6462" s="83">
        <v>43370.166666666664</v>
      </c>
      <c r="Y6462">
        <v>243879.15179999999</v>
      </c>
      <c r="Z6462">
        <v>13328.679340000001</v>
      </c>
      <c r="AA6462">
        <v>56904.722710000002</v>
      </c>
      <c r="AB6462">
        <v>30818.188689999999</v>
      </c>
      <c r="AC6462">
        <v>34032.599629999997</v>
      </c>
      <c r="AD6462">
        <v>17800.235939999999</v>
      </c>
      <c r="AE6462">
        <v>34123.955609999997</v>
      </c>
      <c r="AF6462">
        <v>44072.96357</v>
      </c>
      <c r="AG6462">
        <v>15905.560589999999</v>
      </c>
      <c r="AH6462">
        <v>314977.56079999998</v>
      </c>
      <c r="AI6462">
        <v>74551.283800000005</v>
      </c>
      <c r="AJ6462">
        <v>17689.320899999999</v>
      </c>
      <c r="AK6462">
        <v>22427.57951</v>
      </c>
      <c r="AL6462">
        <v>92071.269350000002</v>
      </c>
      <c r="AM6462">
        <v>15153.221809999999</v>
      </c>
      <c r="AN6462">
        <v>71493.334340000001</v>
      </c>
      <c r="AO6462">
        <v>18095.8171</v>
      </c>
      <c r="AP6462">
        <v>12647.43483</v>
      </c>
    </row>
    <row r="6463" spans="2:42" x14ac:dyDescent="0.3">
      <c r="B6463">
        <v>64.834144001274439</v>
      </c>
      <c r="C6463" s="83">
        <v>43370.208333333336</v>
      </c>
      <c r="D6463">
        <v>257079.40960000001</v>
      </c>
      <c r="E6463">
        <v>15160.169330000001</v>
      </c>
      <c r="F6463">
        <v>66137.485029999996</v>
      </c>
      <c r="G6463">
        <v>32699.907469999998</v>
      </c>
      <c r="H6463">
        <v>36125.881809999999</v>
      </c>
      <c r="I6463">
        <v>25039.795979999999</v>
      </c>
      <c r="J6463">
        <v>37424.11348</v>
      </c>
      <c r="K6463">
        <v>44495.881829999998</v>
      </c>
      <c r="L6463">
        <v>17016.66186</v>
      </c>
      <c r="M6463">
        <v>330554.701</v>
      </c>
      <c r="N6463">
        <v>76710.486680000002</v>
      </c>
      <c r="O6463">
        <v>17953.868920000001</v>
      </c>
      <c r="P6463">
        <v>24412.793750000001</v>
      </c>
      <c r="Q6463">
        <v>94880.840360000002</v>
      </c>
      <c r="R6463">
        <v>16734.38119</v>
      </c>
      <c r="S6463">
        <v>74379.61808</v>
      </c>
      <c r="T6463">
        <v>19393.709869999999</v>
      </c>
      <c r="U6463">
        <v>14072.013209999999</v>
      </c>
      <c r="W6463" s="83">
        <f>Bühler!N6495</f>
        <v>45561.208333317663</v>
      </c>
      <c r="X6463" s="83">
        <v>43370.208333333336</v>
      </c>
      <c r="Y6463">
        <v>257079.40960000001</v>
      </c>
      <c r="Z6463">
        <v>15160.169330000001</v>
      </c>
      <c r="AA6463">
        <v>66137.485029999996</v>
      </c>
      <c r="AB6463">
        <v>32699.907469999998</v>
      </c>
      <c r="AC6463">
        <v>36125.881809999999</v>
      </c>
      <c r="AD6463">
        <v>25039.795979999999</v>
      </c>
      <c r="AE6463">
        <v>37424.11348</v>
      </c>
      <c r="AF6463">
        <v>44495.881829999998</v>
      </c>
      <c r="AG6463">
        <v>17016.66186</v>
      </c>
      <c r="AH6463">
        <v>330554.701</v>
      </c>
      <c r="AI6463">
        <v>76710.486680000002</v>
      </c>
      <c r="AJ6463">
        <v>17953.868920000001</v>
      </c>
      <c r="AK6463">
        <v>24412.793750000001</v>
      </c>
      <c r="AL6463">
        <v>94880.840360000002</v>
      </c>
      <c r="AM6463">
        <v>16734.38119</v>
      </c>
      <c r="AN6463">
        <v>74379.61808</v>
      </c>
      <c r="AO6463">
        <v>19393.709869999999</v>
      </c>
      <c r="AP6463">
        <v>14072.013209999999</v>
      </c>
    </row>
    <row r="6464" spans="2:42" x14ac:dyDescent="0.3">
      <c r="B6464">
        <v>68.032254885290939</v>
      </c>
      <c r="C6464" s="83">
        <v>43370.25</v>
      </c>
      <c r="D6464">
        <v>271158.24579999998</v>
      </c>
      <c r="E6464">
        <v>19301.823219999998</v>
      </c>
      <c r="F6464">
        <v>76685.569640000002</v>
      </c>
      <c r="G6464">
        <v>45045.441449999998</v>
      </c>
      <c r="H6464">
        <v>39055.699059999999</v>
      </c>
      <c r="I6464">
        <v>32923.946880000003</v>
      </c>
      <c r="J6464">
        <v>42119.319759999998</v>
      </c>
      <c r="K6464">
        <v>47699.582340000001</v>
      </c>
      <c r="L6464">
        <v>18341.678510000002</v>
      </c>
      <c r="M6464">
        <v>346860.1617</v>
      </c>
      <c r="N6464">
        <v>82910.848010000002</v>
      </c>
      <c r="O6464">
        <v>19537.711050000002</v>
      </c>
      <c r="P6464">
        <v>25583.13089</v>
      </c>
      <c r="Q6464">
        <v>95501.047279999999</v>
      </c>
      <c r="R6464">
        <v>18281.125090000001</v>
      </c>
      <c r="S6464">
        <v>84187.166819999999</v>
      </c>
      <c r="T6464">
        <v>22706.511480000001</v>
      </c>
      <c r="U6464">
        <v>18099.44829</v>
      </c>
      <c r="W6464" s="83">
        <f>Bühler!N6496</f>
        <v>45561.249999984328</v>
      </c>
      <c r="X6464" s="83">
        <v>43370.25</v>
      </c>
      <c r="Y6464">
        <v>271158.24579999998</v>
      </c>
      <c r="Z6464">
        <v>19301.823219999998</v>
      </c>
      <c r="AA6464">
        <v>76685.569640000002</v>
      </c>
      <c r="AB6464">
        <v>45045.441449999998</v>
      </c>
      <c r="AC6464">
        <v>39055.699059999999</v>
      </c>
      <c r="AD6464">
        <v>32923.946880000003</v>
      </c>
      <c r="AE6464">
        <v>42119.319759999998</v>
      </c>
      <c r="AF6464">
        <v>47699.582340000001</v>
      </c>
      <c r="AG6464">
        <v>18341.678510000002</v>
      </c>
      <c r="AH6464">
        <v>346860.1617</v>
      </c>
      <c r="AI6464">
        <v>82910.848010000002</v>
      </c>
      <c r="AJ6464">
        <v>19537.711050000002</v>
      </c>
      <c r="AK6464">
        <v>25583.13089</v>
      </c>
      <c r="AL6464">
        <v>95501.047279999999</v>
      </c>
      <c r="AM6464">
        <v>18281.125090000001</v>
      </c>
      <c r="AN6464">
        <v>84187.166819999999</v>
      </c>
      <c r="AO6464">
        <v>22706.511480000001</v>
      </c>
      <c r="AP6464">
        <v>18099.44829</v>
      </c>
    </row>
    <row r="6465" spans="2:42" x14ac:dyDescent="0.3">
      <c r="B6465">
        <v>70.258677526662339</v>
      </c>
      <c r="C6465" s="83">
        <v>43370.291666666664</v>
      </c>
      <c r="D6465">
        <v>286982.13870000001</v>
      </c>
      <c r="E6465">
        <v>23680.50246</v>
      </c>
      <c r="F6465">
        <v>80950.021359999999</v>
      </c>
      <c r="G6465">
        <v>58476.425159999999</v>
      </c>
      <c r="H6465">
        <v>44535.581189999997</v>
      </c>
      <c r="I6465">
        <v>41400.301979999997</v>
      </c>
      <c r="J6465">
        <v>43455.519679999998</v>
      </c>
      <c r="K6465">
        <v>53809.509080000003</v>
      </c>
      <c r="L6465">
        <v>21395.416980000002</v>
      </c>
      <c r="M6465">
        <v>358211.50260000001</v>
      </c>
      <c r="N6465">
        <v>89638.398950000003</v>
      </c>
      <c r="O6465">
        <v>22397.721259999998</v>
      </c>
      <c r="P6465">
        <v>30166.824799999999</v>
      </c>
      <c r="Q6465">
        <v>96081.782229999997</v>
      </c>
      <c r="R6465">
        <v>20662.24596</v>
      </c>
      <c r="S6465">
        <v>99949.472269999998</v>
      </c>
      <c r="T6465">
        <v>26801.64444</v>
      </c>
      <c r="U6465">
        <v>23167.018110000001</v>
      </c>
      <c r="W6465" s="83">
        <f>Bühler!N6497</f>
        <v>45561.291666650992</v>
      </c>
      <c r="X6465" s="83">
        <v>43370.291666666664</v>
      </c>
      <c r="Y6465">
        <v>286982.13870000001</v>
      </c>
      <c r="Z6465">
        <v>23680.50246</v>
      </c>
      <c r="AA6465">
        <v>80950.021359999999</v>
      </c>
      <c r="AB6465">
        <v>58476.425159999999</v>
      </c>
      <c r="AC6465">
        <v>44535.581189999997</v>
      </c>
      <c r="AD6465">
        <v>41400.301979999997</v>
      </c>
      <c r="AE6465">
        <v>43455.519679999998</v>
      </c>
      <c r="AF6465">
        <v>53809.509080000003</v>
      </c>
      <c r="AG6465">
        <v>21395.416980000002</v>
      </c>
      <c r="AH6465">
        <v>358211.50260000001</v>
      </c>
      <c r="AI6465">
        <v>89638.398950000003</v>
      </c>
      <c r="AJ6465">
        <v>22397.721259999998</v>
      </c>
      <c r="AK6465">
        <v>30166.824799999999</v>
      </c>
      <c r="AL6465">
        <v>96081.782229999997</v>
      </c>
      <c r="AM6465">
        <v>20662.24596</v>
      </c>
      <c r="AN6465">
        <v>99949.472269999998</v>
      </c>
      <c r="AO6465">
        <v>26801.64444</v>
      </c>
      <c r="AP6465">
        <v>23167.018110000001</v>
      </c>
    </row>
    <row r="6466" spans="2:42" x14ac:dyDescent="0.3">
      <c r="B6466">
        <v>70.860946423630722</v>
      </c>
      <c r="C6466" s="83">
        <v>43370.333333333336</v>
      </c>
      <c r="D6466">
        <v>297429.40870000003</v>
      </c>
      <c r="E6466">
        <v>29119.44903</v>
      </c>
      <c r="F6466">
        <v>85385.469379999995</v>
      </c>
      <c r="G6466">
        <v>74222.405710000006</v>
      </c>
      <c r="H6466">
        <v>49376.735520000002</v>
      </c>
      <c r="I6466">
        <v>43875.412980000001</v>
      </c>
      <c r="J6466">
        <v>43537.111980000001</v>
      </c>
      <c r="K6466">
        <v>59917.778299999998</v>
      </c>
      <c r="L6466">
        <v>24304.09546</v>
      </c>
      <c r="M6466">
        <v>361282.15029999998</v>
      </c>
      <c r="N6466">
        <v>94794.272800000006</v>
      </c>
      <c r="O6466">
        <v>24696.229579999999</v>
      </c>
      <c r="P6466">
        <v>31912.749059999998</v>
      </c>
      <c r="Q6466">
        <v>96427.438399999999</v>
      </c>
      <c r="R6466">
        <v>21342.223620000001</v>
      </c>
      <c r="S6466">
        <v>111916.9904</v>
      </c>
      <c r="T6466">
        <v>30295.177189999999</v>
      </c>
      <c r="U6466">
        <v>25917.385699999999</v>
      </c>
      <c r="W6466" s="83">
        <f>Bühler!N6498</f>
        <v>45561.333333317656</v>
      </c>
      <c r="X6466" s="83">
        <v>43370.333333333336</v>
      </c>
      <c r="Y6466">
        <v>297429.40870000003</v>
      </c>
      <c r="Z6466">
        <v>29119.44903</v>
      </c>
      <c r="AA6466">
        <v>85385.469379999995</v>
      </c>
      <c r="AB6466">
        <v>74222.405710000006</v>
      </c>
      <c r="AC6466">
        <v>49376.735520000002</v>
      </c>
      <c r="AD6466">
        <v>43875.412980000001</v>
      </c>
      <c r="AE6466">
        <v>43537.111980000001</v>
      </c>
      <c r="AF6466">
        <v>59917.778299999998</v>
      </c>
      <c r="AG6466">
        <v>24304.09546</v>
      </c>
      <c r="AH6466">
        <v>361282.15029999998</v>
      </c>
      <c r="AI6466">
        <v>94794.272800000006</v>
      </c>
      <c r="AJ6466">
        <v>24696.229579999999</v>
      </c>
      <c r="AK6466">
        <v>31912.749059999998</v>
      </c>
      <c r="AL6466">
        <v>96427.438399999999</v>
      </c>
      <c r="AM6466">
        <v>21342.223620000001</v>
      </c>
      <c r="AN6466">
        <v>111916.9904</v>
      </c>
      <c r="AO6466">
        <v>30295.177189999999</v>
      </c>
      <c r="AP6466">
        <v>25917.385699999999</v>
      </c>
    </row>
    <row r="6467" spans="2:42" x14ac:dyDescent="0.3">
      <c r="B6467">
        <v>70.923323789424614</v>
      </c>
      <c r="C6467" s="83">
        <v>43370.375</v>
      </c>
      <c r="D6467">
        <v>297460.15519999998</v>
      </c>
      <c r="E6467">
        <v>33582.401389999999</v>
      </c>
      <c r="F6467">
        <v>90278.839699999997</v>
      </c>
      <c r="G6467">
        <v>81898.550310000006</v>
      </c>
      <c r="H6467">
        <v>51805.989260000002</v>
      </c>
      <c r="I6467">
        <v>41571.132850000002</v>
      </c>
      <c r="J6467">
        <v>42814.544159999998</v>
      </c>
      <c r="K6467">
        <v>61891.596089999999</v>
      </c>
      <c r="L6467">
        <v>27427.59719</v>
      </c>
      <c r="M6467">
        <v>361600.17920000001</v>
      </c>
      <c r="N6467">
        <v>95634.567169999995</v>
      </c>
      <c r="O6467">
        <v>26142.664150000001</v>
      </c>
      <c r="P6467">
        <v>34036.917690000002</v>
      </c>
      <c r="Q6467">
        <v>96604.897509999995</v>
      </c>
      <c r="R6467">
        <v>21931.21328</v>
      </c>
      <c r="S6467">
        <v>118305.3009</v>
      </c>
      <c r="T6467">
        <v>33184.813620000001</v>
      </c>
      <c r="U6467">
        <v>26117.761299999998</v>
      </c>
      <c r="W6467" s="83">
        <f>Bühler!N6499</f>
        <v>45561.37499998432</v>
      </c>
      <c r="X6467" s="83">
        <v>43370.375</v>
      </c>
      <c r="Y6467">
        <v>297460.15519999998</v>
      </c>
      <c r="Z6467">
        <v>33582.401389999999</v>
      </c>
      <c r="AA6467">
        <v>90278.839699999997</v>
      </c>
      <c r="AB6467">
        <v>81898.550310000006</v>
      </c>
      <c r="AC6467">
        <v>51805.989260000002</v>
      </c>
      <c r="AD6467">
        <v>41571.132850000002</v>
      </c>
      <c r="AE6467">
        <v>42814.544159999998</v>
      </c>
      <c r="AF6467">
        <v>61891.596089999999</v>
      </c>
      <c r="AG6467">
        <v>27427.59719</v>
      </c>
      <c r="AH6467">
        <v>361600.17920000001</v>
      </c>
      <c r="AI6467">
        <v>95634.567169999995</v>
      </c>
      <c r="AJ6467">
        <v>26142.664150000001</v>
      </c>
      <c r="AK6467">
        <v>34036.917690000002</v>
      </c>
      <c r="AL6467">
        <v>96604.897509999995</v>
      </c>
      <c r="AM6467">
        <v>21931.21328</v>
      </c>
      <c r="AN6467">
        <v>118305.3009</v>
      </c>
      <c r="AO6467">
        <v>33184.813620000001</v>
      </c>
      <c r="AP6467">
        <v>26117.761299999998</v>
      </c>
    </row>
    <row r="6468" spans="2:42" x14ac:dyDescent="0.3">
      <c r="B6468">
        <v>71.870712057981322</v>
      </c>
      <c r="C6468" s="83">
        <v>43370.416666666664</v>
      </c>
      <c r="D6468">
        <v>300708.56439999997</v>
      </c>
      <c r="E6468">
        <v>34992.720659999999</v>
      </c>
      <c r="F6468">
        <v>93132.653619999997</v>
      </c>
      <c r="G6468">
        <v>83980.728170000002</v>
      </c>
      <c r="H6468">
        <v>52629.732649999998</v>
      </c>
      <c r="I6468">
        <v>38623.056920000003</v>
      </c>
      <c r="J6468">
        <v>42673.886469999998</v>
      </c>
      <c r="K6468">
        <v>64266.141929999998</v>
      </c>
      <c r="L6468">
        <v>29352.69731</v>
      </c>
      <c r="M6468">
        <v>366430.40639999998</v>
      </c>
      <c r="N6468">
        <v>97821.382949999999</v>
      </c>
      <c r="O6468">
        <v>27000.354940000001</v>
      </c>
      <c r="P6468">
        <v>35007.797709999999</v>
      </c>
      <c r="Q6468">
        <v>97553.931360000002</v>
      </c>
      <c r="R6468">
        <v>22928.838919999998</v>
      </c>
      <c r="S6468">
        <v>118357.4883</v>
      </c>
      <c r="T6468">
        <v>34509.123930000002</v>
      </c>
      <c r="U6468">
        <v>25871.598709999998</v>
      </c>
      <c r="W6468" s="83">
        <f>Bühler!N6500</f>
        <v>45561.416666650985</v>
      </c>
      <c r="X6468" s="83">
        <v>43370.416666666664</v>
      </c>
      <c r="Y6468">
        <v>300708.56439999997</v>
      </c>
      <c r="Z6468">
        <v>34992.720659999999</v>
      </c>
      <c r="AA6468">
        <v>93132.653619999997</v>
      </c>
      <c r="AB6468">
        <v>83980.728170000002</v>
      </c>
      <c r="AC6468">
        <v>52629.732649999998</v>
      </c>
      <c r="AD6468">
        <v>38623.056920000003</v>
      </c>
      <c r="AE6468">
        <v>42673.886469999998</v>
      </c>
      <c r="AF6468">
        <v>64266.141929999998</v>
      </c>
      <c r="AG6468">
        <v>29352.69731</v>
      </c>
      <c r="AH6468">
        <v>366430.40639999998</v>
      </c>
      <c r="AI6468">
        <v>97821.382949999999</v>
      </c>
      <c r="AJ6468">
        <v>27000.354940000001</v>
      </c>
      <c r="AK6468">
        <v>35007.797709999999</v>
      </c>
      <c r="AL6468">
        <v>97553.931360000002</v>
      </c>
      <c r="AM6468">
        <v>22928.838919999998</v>
      </c>
      <c r="AN6468">
        <v>118357.4883</v>
      </c>
      <c r="AO6468">
        <v>34509.123930000002</v>
      </c>
      <c r="AP6468">
        <v>25871.598709999998</v>
      </c>
    </row>
    <row r="6469" spans="2:42" x14ac:dyDescent="0.3">
      <c r="B6469">
        <v>71.824695965245866</v>
      </c>
      <c r="C6469" s="83">
        <v>43370.458333333336</v>
      </c>
      <c r="D6469">
        <v>298856.17090000003</v>
      </c>
      <c r="E6469">
        <v>34867.158660000001</v>
      </c>
      <c r="F6469">
        <v>92347.043239999999</v>
      </c>
      <c r="G6469">
        <v>82146.831640000004</v>
      </c>
      <c r="H6469">
        <v>52222.991459999997</v>
      </c>
      <c r="I6469">
        <v>38495.532160000002</v>
      </c>
      <c r="J6469">
        <v>42439.13063</v>
      </c>
      <c r="K6469">
        <v>63986.118470000001</v>
      </c>
      <c r="L6469">
        <v>31357.093400000002</v>
      </c>
      <c r="M6469">
        <v>366195.79489999998</v>
      </c>
      <c r="N6469">
        <v>99715.572549999997</v>
      </c>
      <c r="O6469">
        <v>27050.958330000001</v>
      </c>
      <c r="P6469">
        <v>33784.784789999998</v>
      </c>
      <c r="Q6469">
        <v>97277.375639999998</v>
      </c>
      <c r="R6469">
        <v>23354.198420000001</v>
      </c>
      <c r="S6469">
        <v>120610.201</v>
      </c>
      <c r="T6469">
        <v>34385.126329999999</v>
      </c>
      <c r="U6469">
        <v>24686.22494</v>
      </c>
      <c r="W6469" s="83">
        <f>Bühler!N6501</f>
        <v>45561.458333317649</v>
      </c>
      <c r="X6469" s="83">
        <v>43370.458333333336</v>
      </c>
      <c r="Y6469">
        <v>298856.17090000003</v>
      </c>
      <c r="Z6469">
        <v>34867.158660000001</v>
      </c>
      <c r="AA6469">
        <v>92347.043239999999</v>
      </c>
      <c r="AB6469">
        <v>82146.831640000004</v>
      </c>
      <c r="AC6469">
        <v>52222.991459999997</v>
      </c>
      <c r="AD6469">
        <v>38495.532160000002</v>
      </c>
      <c r="AE6469">
        <v>42439.13063</v>
      </c>
      <c r="AF6469">
        <v>63986.118470000001</v>
      </c>
      <c r="AG6469">
        <v>31357.093400000002</v>
      </c>
      <c r="AH6469">
        <v>366195.79489999998</v>
      </c>
      <c r="AI6469">
        <v>99715.572549999997</v>
      </c>
      <c r="AJ6469">
        <v>27050.958330000001</v>
      </c>
      <c r="AK6469">
        <v>33784.784789999998</v>
      </c>
      <c r="AL6469">
        <v>97277.375639999998</v>
      </c>
      <c r="AM6469">
        <v>23354.198420000001</v>
      </c>
      <c r="AN6469">
        <v>120610.201</v>
      </c>
      <c r="AO6469">
        <v>34385.126329999999</v>
      </c>
      <c r="AP6469">
        <v>24686.22494</v>
      </c>
    </row>
    <row r="6470" spans="2:42" x14ac:dyDescent="0.3">
      <c r="B6470">
        <v>71.363143560626611</v>
      </c>
      <c r="C6470" s="83">
        <v>43370.5</v>
      </c>
      <c r="D6470">
        <v>286032.15990000003</v>
      </c>
      <c r="E6470">
        <v>31205.038089999998</v>
      </c>
      <c r="F6470">
        <v>91412.147129999998</v>
      </c>
      <c r="G6470">
        <v>80815.345149999994</v>
      </c>
      <c r="H6470">
        <v>49696.456400000003</v>
      </c>
      <c r="I6470">
        <v>36503.016080000001</v>
      </c>
      <c r="J6470">
        <v>42285.384290000002</v>
      </c>
      <c r="K6470">
        <v>59799.949679999998</v>
      </c>
      <c r="L6470">
        <v>33545.48272</v>
      </c>
      <c r="M6470">
        <v>363842.58549999999</v>
      </c>
      <c r="N6470">
        <v>97062.27347</v>
      </c>
      <c r="O6470">
        <v>26211.270909999999</v>
      </c>
      <c r="P6470">
        <v>35122.6584</v>
      </c>
      <c r="Q6470">
        <v>98108.349759999997</v>
      </c>
      <c r="R6470">
        <v>24836.802370000001</v>
      </c>
      <c r="S6470">
        <v>113724.1171</v>
      </c>
      <c r="T6470">
        <v>33918.077230000003</v>
      </c>
      <c r="U6470">
        <v>20363.506600000001</v>
      </c>
      <c r="W6470" s="83">
        <f>Bühler!N6502</f>
        <v>45561.499999984313</v>
      </c>
      <c r="X6470" s="83">
        <v>43370.5</v>
      </c>
      <c r="Y6470">
        <v>286032.15990000003</v>
      </c>
      <c r="Z6470">
        <v>31205.038089999998</v>
      </c>
      <c r="AA6470">
        <v>91412.147129999998</v>
      </c>
      <c r="AB6470">
        <v>80815.345149999994</v>
      </c>
      <c r="AC6470">
        <v>49696.456400000003</v>
      </c>
      <c r="AD6470">
        <v>36503.016080000001</v>
      </c>
      <c r="AE6470">
        <v>42285.384290000002</v>
      </c>
      <c r="AF6470">
        <v>59799.949679999998</v>
      </c>
      <c r="AG6470">
        <v>33545.48272</v>
      </c>
      <c r="AH6470">
        <v>363842.58549999999</v>
      </c>
      <c r="AI6470">
        <v>97062.27347</v>
      </c>
      <c r="AJ6470">
        <v>26211.270909999999</v>
      </c>
      <c r="AK6470">
        <v>35122.6584</v>
      </c>
      <c r="AL6470">
        <v>98108.349759999997</v>
      </c>
      <c r="AM6470">
        <v>24836.802370000001</v>
      </c>
      <c r="AN6470">
        <v>113724.1171</v>
      </c>
      <c r="AO6470">
        <v>33918.077230000003</v>
      </c>
      <c r="AP6470">
        <v>20363.506600000001</v>
      </c>
    </row>
    <row r="6471" spans="2:42" x14ac:dyDescent="0.3">
      <c r="B6471">
        <v>71.150469115553364</v>
      </c>
      <c r="C6471" s="83">
        <v>43370.541666666664</v>
      </c>
      <c r="D6471">
        <v>286526.48800000001</v>
      </c>
      <c r="E6471">
        <v>31084.686239999999</v>
      </c>
      <c r="F6471">
        <v>90713.516640000002</v>
      </c>
      <c r="G6471">
        <v>77211.860939999999</v>
      </c>
      <c r="H6471">
        <v>50261.171309999998</v>
      </c>
      <c r="I6471">
        <v>36831.948149999997</v>
      </c>
      <c r="J6471">
        <v>40908.83812</v>
      </c>
      <c r="K6471">
        <v>60742.861060000003</v>
      </c>
      <c r="L6471">
        <v>31540.057720000001</v>
      </c>
      <c r="M6471">
        <v>362758.272</v>
      </c>
      <c r="N6471">
        <v>96632.409849999996</v>
      </c>
      <c r="O6471">
        <v>25428.643759999999</v>
      </c>
      <c r="P6471">
        <v>34066.406759999998</v>
      </c>
      <c r="Q6471">
        <v>98023.768219999998</v>
      </c>
      <c r="R6471">
        <v>25384.430049999999</v>
      </c>
      <c r="S6471">
        <v>113505.2396</v>
      </c>
      <c r="T6471">
        <v>33506.609830000001</v>
      </c>
      <c r="U6471">
        <v>21717.10626</v>
      </c>
      <c r="W6471" s="83">
        <f>Bühler!N6503</f>
        <v>45561.541666650977</v>
      </c>
      <c r="X6471" s="83">
        <v>43370.541666666664</v>
      </c>
      <c r="Y6471">
        <v>286526.48800000001</v>
      </c>
      <c r="Z6471">
        <v>31084.686239999999</v>
      </c>
      <c r="AA6471">
        <v>90713.516640000002</v>
      </c>
      <c r="AB6471">
        <v>77211.860939999999</v>
      </c>
      <c r="AC6471">
        <v>50261.171309999998</v>
      </c>
      <c r="AD6471">
        <v>36831.948149999997</v>
      </c>
      <c r="AE6471">
        <v>40908.83812</v>
      </c>
      <c r="AF6471">
        <v>60742.861060000003</v>
      </c>
      <c r="AG6471">
        <v>31540.057720000001</v>
      </c>
      <c r="AH6471">
        <v>362758.272</v>
      </c>
      <c r="AI6471">
        <v>96632.409849999996</v>
      </c>
      <c r="AJ6471">
        <v>25428.643759999999</v>
      </c>
      <c r="AK6471">
        <v>34066.406759999998</v>
      </c>
      <c r="AL6471">
        <v>98023.768219999998</v>
      </c>
      <c r="AM6471">
        <v>25384.430049999999</v>
      </c>
      <c r="AN6471">
        <v>113505.2396</v>
      </c>
      <c r="AO6471">
        <v>33506.609830000001</v>
      </c>
      <c r="AP6471">
        <v>21717.10626</v>
      </c>
    </row>
    <row r="6472" spans="2:42" x14ac:dyDescent="0.3">
      <c r="B6472">
        <v>71.369905947134143</v>
      </c>
      <c r="C6472" s="83">
        <v>43370.583333333336</v>
      </c>
      <c r="D6472">
        <v>289353.09740000003</v>
      </c>
      <c r="E6472">
        <v>34531.627139999997</v>
      </c>
      <c r="F6472">
        <v>93555.299129999999</v>
      </c>
      <c r="G6472">
        <v>70983.605339999995</v>
      </c>
      <c r="H6472">
        <v>50289.604350000001</v>
      </c>
      <c r="I6472">
        <v>37088.90122</v>
      </c>
      <c r="J6472">
        <v>40702.681759999999</v>
      </c>
      <c r="K6472">
        <v>63103.337169999999</v>
      </c>
      <c r="L6472">
        <v>28190.813979999999</v>
      </c>
      <c r="M6472">
        <v>363877.06329999998</v>
      </c>
      <c r="N6472">
        <v>98293.092900000003</v>
      </c>
      <c r="O6472">
        <v>25228.7696</v>
      </c>
      <c r="P6472">
        <v>30407.76441</v>
      </c>
      <c r="Q6472">
        <v>97655.865439999994</v>
      </c>
      <c r="R6472">
        <v>23639.562750000001</v>
      </c>
      <c r="S6472">
        <v>108195.0233</v>
      </c>
      <c r="T6472">
        <v>32517.40554</v>
      </c>
      <c r="U6472">
        <v>22921.441269999999</v>
      </c>
      <c r="W6472" s="83">
        <f>Bühler!N6504</f>
        <v>45561.583333317642</v>
      </c>
      <c r="X6472" s="83">
        <v>43370.583333333336</v>
      </c>
      <c r="Y6472">
        <v>289353.09740000003</v>
      </c>
      <c r="Z6472">
        <v>34531.627139999997</v>
      </c>
      <c r="AA6472">
        <v>93555.299129999999</v>
      </c>
      <c r="AB6472">
        <v>70983.605339999995</v>
      </c>
      <c r="AC6472">
        <v>50289.604350000001</v>
      </c>
      <c r="AD6472">
        <v>37088.90122</v>
      </c>
      <c r="AE6472">
        <v>40702.681759999999</v>
      </c>
      <c r="AF6472">
        <v>63103.337169999999</v>
      </c>
      <c r="AG6472">
        <v>28190.813979999999</v>
      </c>
      <c r="AH6472">
        <v>363877.06329999998</v>
      </c>
      <c r="AI6472">
        <v>98293.092900000003</v>
      </c>
      <c r="AJ6472">
        <v>25228.7696</v>
      </c>
      <c r="AK6472">
        <v>30407.76441</v>
      </c>
      <c r="AL6472">
        <v>97655.865439999994</v>
      </c>
      <c r="AM6472">
        <v>23639.562750000001</v>
      </c>
      <c r="AN6472">
        <v>108195.0233</v>
      </c>
      <c r="AO6472">
        <v>32517.40554</v>
      </c>
      <c r="AP6472">
        <v>22921.441269999999</v>
      </c>
    </row>
    <row r="6473" spans="2:42" x14ac:dyDescent="0.3">
      <c r="B6473">
        <v>70.645327446026883</v>
      </c>
      <c r="C6473" s="83">
        <v>43370.625</v>
      </c>
      <c r="D6473">
        <v>286763.33960000001</v>
      </c>
      <c r="E6473">
        <v>34408.42325</v>
      </c>
      <c r="F6473">
        <v>93845.746249999997</v>
      </c>
      <c r="G6473">
        <v>68454.669120000006</v>
      </c>
      <c r="H6473">
        <v>49130.69212</v>
      </c>
      <c r="I6473">
        <v>37593.345309999997</v>
      </c>
      <c r="J6473">
        <v>40426.6587</v>
      </c>
      <c r="K6473">
        <v>62307.122909999998</v>
      </c>
      <c r="L6473">
        <v>25670.451150000001</v>
      </c>
      <c r="M6473">
        <v>360182.82419999997</v>
      </c>
      <c r="N6473">
        <v>97164.031159999999</v>
      </c>
      <c r="O6473">
        <v>24258.016599999999</v>
      </c>
      <c r="P6473">
        <v>28142.442790000001</v>
      </c>
      <c r="Q6473">
        <v>96773.096780000007</v>
      </c>
      <c r="R6473">
        <v>23213.896820000002</v>
      </c>
      <c r="S6473">
        <v>105953.7552</v>
      </c>
      <c r="T6473">
        <v>31620.551640000001</v>
      </c>
      <c r="U6473">
        <v>21478.438689999999</v>
      </c>
      <c r="W6473" s="83">
        <f>Bühler!N6505</f>
        <v>45561.624999984306</v>
      </c>
      <c r="X6473" s="83">
        <v>43370.625</v>
      </c>
      <c r="Y6473">
        <v>286763.33960000001</v>
      </c>
      <c r="Z6473">
        <v>34408.42325</v>
      </c>
      <c r="AA6473">
        <v>93845.746249999997</v>
      </c>
      <c r="AB6473">
        <v>68454.669120000006</v>
      </c>
      <c r="AC6473">
        <v>49130.69212</v>
      </c>
      <c r="AD6473">
        <v>37593.345309999997</v>
      </c>
      <c r="AE6473">
        <v>40426.6587</v>
      </c>
      <c r="AF6473">
        <v>62307.122909999998</v>
      </c>
      <c r="AG6473">
        <v>25670.451150000001</v>
      </c>
      <c r="AH6473">
        <v>360182.82419999997</v>
      </c>
      <c r="AI6473">
        <v>97164.031159999999</v>
      </c>
      <c r="AJ6473">
        <v>24258.016599999999</v>
      </c>
      <c r="AK6473">
        <v>28142.442790000001</v>
      </c>
      <c r="AL6473">
        <v>96773.096780000007</v>
      </c>
      <c r="AM6473">
        <v>23213.896820000002</v>
      </c>
      <c r="AN6473">
        <v>105953.7552</v>
      </c>
      <c r="AO6473">
        <v>31620.551640000001</v>
      </c>
      <c r="AP6473">
        <v>21478.438689999999</v>
      </c>
    </row>
    <row r="6474" spans="2:42" x14ac:dyDescent="0.3">
      <c r="B6474">
        <v>69.034442829134477</v>
      </c>
      <c r="C6474" s="83">
        <v>43370.666666666664</v>
      </c>
      <c r="D6474">
        <v>280965.20730000001</v>
      </c>
      <c r="E6474">
        <v>33425.815560000003</v>
      </c>
      <c r="F6474">
        <v>93254.056899999996</v>
      </c>
      <c r="G6474">
        <v>63874.059609999997</v>
      </c>
      <c r="H6474">
        <v>46882.149270000002</v>
      </c>
      <c r="I6474">
        <v>38797.372450000003</v>
      </c>
      <c r="J6474">
        <v>40077.845860000001</v>
      </c>
      <c r="K6474">
        <v>59354.60555</v>
      </c>
      <c r="L6474">
        <v>24273.194289999999</v>
      </c>
      <c r="M6474">
        <v>351969.78320000001</v>
      </c>
      <c r="N6474">
        <v>94519.128899999996</v>
      </c>
      <c r="O6474">
        <v>24099.131130000002</v>
      </c>
      <c r="P6474">
        <v>27859.654109999999</v>
      </c>
      <c r="Q6474">
        <v>95600.271219999995</v>
      </c>
      <c r="R6474">
        <v>22677.372520000001</v>
      </c>
      <c r="S6474">
        <v>103291.6537</v>
      </c>
      <c r="T6474">
        <v>31311.34909</v>
      </c>
      <c r="U6474">
        <v>19827.36364</v>
      </c>
      <c r="W6474" s="83">
        <f>Bühler!N6506</f>
        <v>45561.66666665097</v>
      </c>
      <c r="X6474" s="83">
        <v>43370.666666666664</v>
      </c>
      <c r="Y6474">
        <v>280965.20730000001</v>
      </c>
      <c r="Z6474">
        <v>33425.815560000003</v>
      </c>
      <c r="AA6474">
        <v>93254.056899999996</v>
      </c>
      <c r="AB6474">
        <v>63874.059609999997</v>
      </c>
      <c r="AC6474">
        <v>46882.149270000002</v>
      </c>
      <c r="AD6474">
        <v>38797.372450000003</v>
      </c>
      <c r="AE6474">
        <v>40077.845860000001</v>
      </c>
      <c r="AF6474">
        <v>59354.60555</v>
      </c>
      <c r="AG6474">
        <v>24273.194289999999</v>
      </c>
      <c r="AH6474">
        <v>351969.78320000001</v>
      </c>
      <c r="AI6474">
        <v>94519.128899999996</v>
      </c>
      <c r="AJ6474">
        <v>24099.131130000002</v>
      </c>
      <c r="AK6474">
        <v>27859.654109999999</v>
      </c>
      <c r="AL6474">
        <v>95600.271219999995</v>
      </c>
      <c r="AM6474">
        <v>22677.372520000001</v>
      </c>
      <c r="AN6474">
        <v>103291.6537</v>
      </c>
      <c r="AO6474">
        <v>31311.34909</v>
      </c>
      <c r="AP6474">
        <v>19827.36364</v>
      </c>
    </row>
    <row r="6475" spans="2:42" x14ac:dyDescent="0.3">
      <c r="B6475">
        <v>67.600595568078333</v>
      </c>
      <c r="C6475" s="83">
        <v>43370.708333333336</v>
      </c>
      <c r="D6475">
        <v>270941.09120000002</v>
      </c>
      <c r="E6475">
        <v>31280.663639999999</v>
      </c>
      <c r="F6475">
        <v>91367.146599999993</v>
      </c>
      <c r="G6475">
        <v>56419.550309999999</v>
      </c>
      <c r="H6475">
        <v>44454.217790000002</v>
      </c>
      <c r="I6475">
        <v>38706.388330000002</v>
      </c>
      <c r="J6475">
        <v>40116.695220000001</v>
      </c>
      <c r="K6475">
        <v>53944.226779999997</v>
      </c>
      <c r="L6475">
        <v>24674.809529999999</v>
      </c>
      <c r="M6475">
        <v>344659.36119999998</v>
      </c>
      <c r="N6475">
        <v>92164.934550000005</v>
      </c>
      <c r="O6475">
        <v>22975.294419999998</v>
      </c>
      <c r="P6475">
        <v>28736.085579999999</v>
      </c>
      <c r="Q6475">
        <v>94491.032420000003</v>
      </c>
      <c r="R6475">
        <v>21938.828600000001</v>
      </c>
      <c r="S6475">
        <v>100123.59420000001</v>
      </c>
      <c r="T6475">
        <v>30590.140500000001</v>
      </c>
      <c r="U6475">
        <v>16872.808590000001</v>
      </c>
      <c r="W6475" s="83">
        <f>Bühler!N6507</f>
        <v>45561.708333317634</v>
      </c>
      <c r="X6475" s="83">
        <v>43370.708333333336</v>
      </c>
      <c r="Y6475">
        <v>270941.09120000002</v>
      </c>
      <c r="Z6475">
        <v>31280.663639999999</v>
      </c>
      <c r="AA6475">
        <v>91367.146599999993</v>
      </c>
      <c r="AB6475">
        <v>56419.550309999999</v>
      </c>
      <c r="AC6475">
        <v>44454.217790000002</v>
      </c>
      <c r="AD6475">
        <v>38706.388330000002</v>
      </c>
      <c r="AE6475">
        <v>40116.695220000001</v>
      </c>
      <c r="AF6475">
        <v>53944.226779999997</v>
      </c>
      <c r="AG6475">
        <v>24674.809529999999</v>
      </c>
      <c r="AH6475">
        <v>344659.36119999998</v>
      </c>
      <c r="AI6475">
        <v>92164.934550000005</v>
      </c>
      <c r="AJ6475">
        <v>22975.294419999998</v>
      </c>
      <c r="AK6475">
        <v>28736.085579999999</v>
      </c>
      <c r="AL6475">
        <v>94491.032420000003</v>
      </c>
      <c r="AM6475">
        <v>21938.828600000001</v>
      </c>
      <c r="AN6475">
        <v>100123.59420000001</v>
      </c>
      <c r="AO6475">
        <v>30590.140500000001</v>
      </c>
      <c r="AP6475">
        <v>16872.808590000001</v>
      </c>
    </row>
    <row r="6476" spans="2:42" x14ac:dyDescent="0.3">
      <c r="B6476">
        <v>66.514283973859662</v>
      </c>
      <c r="C6476" s="83">
        <v>43370.75</v>
      </c>
      <c r="D6476">
        <v>263581.36629999999</v>
      </c>
      <c r="E6476">
        <v>28441.72928</v>
      </c>
      <c r="F6476">
        <v>90047.335479999994</v>
      </c>
      <c r="G6476">
        <v>48573.937429999998</v>
      </c>
      <c r="H6476">
        <v>42061.271000000001</v>
      </c>
      <c r="I6476">
        <v>37003.164049999999</v>
      </c>
      <c r="J6476">
        <v>40379.310700000002</v>
      </c>
      <c r="K6476">
        <v>51973.252569999997</v>
      </c>
      <c r="L6476">
        <v>26380.483540000001</v>
      </c>
      <c r="M6476">
        <v>339120.83809999999</v>
      </c>
      <c r="N6476">
        <v>89084.729349999994</v>
      </c>
      <c r="O6476">
        <v>21094.57807</v>
      </c>
      <c r="P6476">
        <v>31707.081470000001</v>
      </c>
      <c r="Q6476">
        <v>92451.093930000003</v>
      </c>
      <c r="R6476">
        <v>20832.078679999999</v>
      </c>
      <c r="S6476">
        <v>93504.848719999995</v>
      </c>
      <c r="T6476">
        <v>30619.606309999999</v>
      </c>
      <c r="U6476">
        <v>15149.457259999999</v>
      </c>
      <c r="W6476" s="83">
        <f>Bühler!N6508</f>
        <v>45561.749999984298</v>
      </c>
      <c r="X6476" s="83">
        <v>43370.75</v>
      </c>
      <c r="Y6476">
        <v>263581.36629999999</v>
      </c>
      <c r="Z6476">
        <v>28441.72928</v>
      </c>
      <c r="AA6476">
        <v>90047.335479999994</v>
      </c>
      <c r="AB6476">
        <v>48573.937429999998</v>
      </c>
      <c r="AC6476">
        <v>42061.271000000001</v>
      </c>
      <c r="AD6476">
        <v>37003.164049999999</v>
      </c>
      <c r="AE6476">
        <v>40379.310700000002</v>
      </c>
      <c r="AF6476">
        <v>51973.252569999997</v>
      </c>
      <c r="AG6476">
        <v>26380.483540000001</v>
      </c>
      <c r="AH6476">
        <v>339120.83809999999</v>
      </c>
      <c r="AI6476">
        <v>89084.729349999994</v>
      </c>
      <c r="AJ6476">
        <v>21094.57807</v>
      </c>
      <c r="AK6476">
        <v>31707.081470000001</v>
      </c>
      <c r="AL6476">
        <v>92451.093930000003</v>
      </c>
      <c r="AM6476">
        <v>20832.078679999999</v>
      </c>
      <c r="AN6476">
        <v>93504.848719999995</v>
      </c>
      <c r="AO6476">
        <v>30619.606309999999</v>
      </c>
      <c r="AP6476">
        <v>15149.457259999999</v>
      </c>
    </row>
    <row r="6477" spans="2:42" x14ac:dyDescent="0.3">
      <c r="B6477">
        <v>65.573238651952195</v>
      </c>
      <c r="C6477" s="83">
        <v>43370.791666666664</v>
      </c>
      <c r="D6477">
        <v>258592.0563</v>
      </c>
      <c r="E6477">
        <v>23315.337080000001</v>
      </c>
      <c r="F6477">
        <v>79553.570189999999</v>
      </c>
      <c r="G6477">
        <v>45341.207589999998</v>
      </c>
      <c r="H6477">
        <v>41089.373760000002</v>
      </c>
      <c r="I6477">
        <v>34401.881399999998</v>
      </c>
      <c r="J6477">
        <v>41270.643940000002</v>
      </c>
      <c r="K6477">
        <v>51173.190089999996</v>
      </c>
      <c r="L6477">
        <v>27711.36479</v>
      </c>
      <c r="M6477">
        <v>334322.95020000002</v>
      </c>
      <c r="N6477">
        <v>87621.067679999993</v>
      </c>
      <c r="O6477">
        <v>20375.866129999999</v>
      </c>
      <c r="P6477">
        <v>35212.452539999998</v>
      </c>
      <c r="Q6477">
        <v>90268.95895</v>
      </c>
      <c r="R6477">
        <v>20602.666730000001</v>
      </c>
      <c r="S6477">
        <v>90013.445850000004</v>
      </c>
      <c r="T6477">
        <v>31855.248449999999</v>
      </c>
      <c r="U6477">
        <v>14773.84943</v>
      </c>
      <c r="W6477" s="83">
        <f>Bühler!N6509</f>
        <v>45561.791666650963</v>
      </c>
      <c r="X6477" s="83">
        <v>43370.791666666664</v>
      </c>
      <c r="Y6477">
        <v>258592.0563</v>
      </c>
      <c r="Z6477">
        <v>23315.337080000001</v>
      </c>
      <c r="AA6477">
        <v>79553.570189999999</v>
      </c>
      <c r="AB6477">
        <v>45341.207589999998</v>
      </c>
      <c r="AC6477">
        <v>41089.373760000002</v>
      </c>
      <c r="AD6477">
        <v>34401.881399999998</v>
      </c>
      <c r="AE6477">
        <v>41270.643940000002</v>
      </c>
      <c r="AF6477">
        <v>51173.190089999996</v>
      </c>
      <c r="AG6477">
        <v>27711.36479</v>
      </c>
      <c r="AH6477">
        <v>334322.95020000002</v>
      </c>
      <c r="AI6477">
        <v>87621.067679999993</v>
      </c>
      <c r="AJ6477">
        <v>20375.866129999999</v>
      </c>
      <c r="AK6477">
        <v>35212.452539999998</v>
      </c>
      <c r="AL6477">
        <v>90268.95895</v>
      </c>
      <c r="AM6477">
        <v>20602.666730000001</v>
      </c>
      <c r="AN6477">
        <v>90013.445850000004</v>
      </c>
      <c r="AO6477">
        <v>31855.248449999999</v>
      </c>
      <c r="AP6477">
        <v>14773.84943</v>
      </c>
    </row>
    <row r="6478" spans="2:42" x14ac:dyDescent="0.3">
      <c r="B6478">
        <v>63.825905767415989</v>
      </c>
      <c r="C6478" s="83">
        <v>43370.833333333336</v>
      </c>
      <c r="D6478">
        <v>251169.79060000001</v>
      </c>
      <c r="E6478">
        <v>18368.80128</v>
      </c>
      <c r="F6478">
        <v>66146.169540000003</v>
      </c>
      <c r="G6478">
        <v>41205.836360000001</v>
      </c>
      <c r="H6478">
        <v>40272.090929999998</v>
      </c>
      <c r="I6478">
        <v>31209.920259999999</v>
      </c>
      <c r="J6478">
        <v>42963.555330000003</v>
      </c>
      <c r="K6478">
        <v>50235.741609999997</v>
      </c>
      <c r="L6478">
        <v>27740.620289999999</v>
      </c>
      <c r="M6478">
        <v>325414.23229999997</v>
      </c>
      <c r="N6478">
        <v>85726.217399999994</v>
      </c>
      <c r="O6478">
        <v>18963.515100000001</v>
      </c>
      <c r="P6478">
        <v>35494.640939999997</v>
      </c>
      <c r="Q6478">
        <v>88449.291280000005</v>
      </c>
      <c r="R6478">
        <v>19256.289349999999</v>
      </c>
      <c r="S6478">
        <v>83949.104130000007</v>
      </c>
      <c r="T6478">
        <v>31396.74008</v>
      </c>
      <c r="U6478">
        <v>14762.341560000001</v>
      </c>
      <c r="W6478" s="83">
        <f>Bühler!N6510</f>
        <v>45561.833333317627</v>
      </c>
      <c r="X6478" s="83">
        <v>43370.833333333336</v>
      </c>
      <c r="Y6478">
        <v>251169.79060000001</v>
      </c>
      <c r="Z6478">
        <v>18368.80128</v>
      </c>
      <c r="AA6478">
        <v>66146.169540000003</v>
      </c>
      <c r="AB6478">
        <v>41205.836360000001</v>
      </c>
      <c r="AC6478">
        <v>40272.090929999998</v>
      </c>
      <c r="AD6478">
        <v>31209.920259999999</v>
      </c>
      <c r="AE6478">
        <v>42963.555330000003</v>
      </c>
      <c r="AF6478">
        <v>50235.741609999997</v>
      </c>
      <c r="AG6478">
        <v>27740.620289999999</v>
      </c>
      <c r="AH6478">
        <v>325414.23229999997</v>
      </c>
      <c r="AI6478">
        <v>85726.217399999994</v>
      </c>
      <c r="AJ6478">
        <v>18963.515100000001</v>
      </c>
      <c r="AK6478">
        <v>35494.640939999997</v>
      </c>
      <c r="AL6478">
        <v>88449.291280000005</v>
      </c>
      <c r="AM6478">
        <v>19256.289349999999</v>
      </c>
      <c r="AN6478">
        <v>83949.104130000007</v>
      </c>
      <c r="AO6478">
        <v>31396.74008</v>
      </c>
      <c r="AP6478">
        <v>14762.341560000001</v>
      </c>
    </row>
    <row r="6479" spans="2:42" x14ac:dyDescent="0.3">
      <c r="B6479">
        <v>61.549723574253044</v>
      </c>
      <c r="C6479" s="83">
        <v>43370.875</v>
      </c>
      <c r="D6479">
        <v>241970.59080000001</v>
      </c>
      <c r="E6479">
        <v>15374.62033</v>
      </c>
      <c r="F6479">
        <v>57316.646209999999</v>
      </c>
      <c r="G6479">
        <v>38209.062259999999</v>
      </c>
      <c r="H6479">
        <v>37721.496220000001</v>
      </c>
      <c r="I6479">
        <v>27032.579249999999</v>
      </c>
      <c r="J6479">
        <v>40840.955600000001</v>
      </c>
      <c r="K6479">
        <v>49409.486649999999</v>
      </c>
      <c r="L6479">
        <v>25681.1561</v>
      </c>
      <c r="M6479">
        <v>313809.19400000002</v>
      </c>
      <c r="N6479">
        <v>83265.980989999996</v>
      </c>
      <c r="O6479">
        <v>17634.347900000001</v>
      </c>
      <c r="P6479">
        <v>33460.515079999997</v>
      </c>
      <c r="Q6479">
        <v>85772.471999999994</v>
      </c>
      <c r="R6479">
        <v>18238.21602</v>
      </c>
      <c r="S6479">
        <v>79164.366410000002</v>
      </c>
      <c r="T6479">
        <v>27682.75445</v>
      </c>
      <c r="U6479">
        <v>13860.917949999999</v>
      </c>
      <c r="W6479" s="83">
        <f>Bühler!N6511</f>
        <v>45561.874999984291</v>
      </c>
      <c r="X6479" s="83">
        <v>43370.875</v>
      </c>
      <c r="Y6479">
        <v>241970.59080000001</v>
      </c>
      <c r="Z6479">
        <v>15374.62033</v>
      </c>
      <c r="AA6479">
        <v>57316.646209999999</v>
      </c>
      <c r="AB6479">
        <v>38209.062259999999</v>
      </c>
      <c r="AC6479">
        <v>37721.496220000001</v>
      </c>
      <c r="AD6479">
        <v>27032.579249999999</v>
      </c>
      <c r="AE6479">
        <v>40840.955600000001</v>
      </c>
      <c r="AF6479">
        <v>49409.486649999999</v>
      </c>
      <c r="AG6479">
        <v>25681.1561</v>
      </c>
      <c r="AH6479">
        <v>313809.19400000002</v>
      </c>
      <c r="AI6479">
        <v>83265.980989999996</v>
      </c>
      <c r="AJ6479">
        <v>17634.347900000001</v>
      </c>
      <c r="AK6479">
        <v>33460.515079999997</v>
      </c>
      <c r="AL6479">
        <v>85772.471999999994</v>
      </c>
      <c r="AM6479">
        <v>18238.21602</v>
      </c>
      <c r="AN6479">
        <v>79164.366410000002</v>
      </c>
      <c r="AO6479">
        <v>27682.75445</v>
      </c>
      <c r="AP6479">
        <v>13860.917949999999</v>
      </c>
    </row>
    <row r="6480" spans="2:42" x14ac:dyDescent="0.3">
      <c r="B6480">
        <v>60.992230710838392</v>
      </c>
      <c r="C6480" s="83">
        <v>43370.916666666664</v>
      </c>
      <c r="D6480">
        <v>240415.43599999999</v>
      </c>
      <c r="E6480">
        <v>14454.71502</v>
      </c>
      <c r="F6480">
        <v>55123.221790000003</v>
      </c>
      <c r="G6480">
        <v>35631.565519999996</v>
      </c>
      <c r="H6480">
        <v>36495.824679999998</v>
      </c>
      <c r="I6480">
        <v>25132.19125</v>
      </c>
      <c r="J6480">
        <v>38944.78903</v>
      </c>
      <c r="K6480">
        <v>51350.057489999999</v>
      </c>
      <c r="L6480">
        <v>22779.29592</v>
      </c>
      <c r="M6480">
        <v>310966.83539999998</v>
      </c>
      <c r="N6480">
        <v>81056.390180000002</v>
      </c>
      <c r="O6480">
        <v>17394.956579999998</v>
      </c>
      <c r="P6480">
        <v>34539.505940000003</v>
      </c>
      <c r="Q6480">
        <v>85282.668080000003</v>
      </c>
      <c r="R6480">
        <v>19183.29809</v>
      </c>
      <c r="S6480">
        <v>77406.880789999996</v>
      </c>
      <c r="T6480">
        <v>23467.898219999999</v>
      </c>
      <c r="U6480">
        <v>13496.31568</v>
      </c>
      <c r="W6480" s="83">
        <f>Bühler!N6512</f>
        <v>45561.916666650955</v>
      </c>
      <c r="X6480" s="83">
        <v>43370.916666666664</v>
      </c>
      <c r="Y6480">
        <v>240415.43599999999</v>
      </c>
      <c r="Z6480">
        <v>14454.71502</v>
      </c>
      <c r="AA6480">
        <v>55123.221790000003</v>
      </c>
      <c r="AB6480">
        <v>35631.565519999996</v>
      </c>
      <c r="AC6480">
        <v>36495.824679999998</v>
      </c>
      <c r="AD6480">
        <v>25132.19125</v>
      </c>
      <c r="AE6480">
        <v>38944.78903</v>
      </c>
      <c r="AF6480">
        <v>51350.057489999999</v>
      </c>
      <c r="AG6480">
        <v>22779.29592</v>
      </c>
      <c r="AH6480">
        <v>310966.83539999998</v>
      </c>
      <c r="AI6480">
        <v>81056.390180000002</v>
      </c>
      <c r="AJ6480">
        <v>17394.956579999998</v>
      </c>
      <c r="AK6480">
        <v>34539.505940000003</v>
      </c>
      <c r="AL6480">
        <v>85282.668080000003</v>
      </c>
      <c r="AM6480">
        <v>19183.29809</v>
      </c>
      <c r="AN6480">
        <v>77406.880789999996</v>
      </c>
      <c r="AO6480">
        <v>23467.898219999999</v>
      </c>
      <c r="AP6480">
        <v>13496.31568</v>
      </c>
    </row>
    <row r="6481" spans="2:42" x14ac:dyDescent="0.3">
      <c r="B6481">
        <v>60.907798497084706</v>
      </c>
      <c r="C6481" s="83">
        <v>43370.958333333336</v>
      </c>
      <c r="D6481">
        <v>241044.97150000001</v>
      </c>
      <c r="E6481">
        <v>13906.690259999999</v>
      </c>
      <c r="F6481">
        <v>54276.15999</v>
      </c>
      <c r="G6481">
        <v>34850.138140000003</v>
      </c>
      <c r="H6481">
        <v>35321.366670000003</v>
      </c>
      <c r="I6481">
        <v>23871.567139999999</v>
      </c>
      <c r="J6481">
        <v>36027.035660000001</v>
      </c>
      <c r="K6481">
        <v>50763.77332</v>
      </c>
      <c r="L6481">
        <v>19626.912619999999</v>
      </c>
      <c r="M6481">
        <v>310536.36060000001</v>
      </c>
      <c r="N6481">
        <v>79994.315350000004</v>
      </c>
      <c r="O6481">
        <v>17544.65019</v>
      </c>
      <c r="P6481">
        <v>30228.39186</v>
      </c>
      <c r="Q6481">
        <v>84957.222229999999</v>
      </c>
      <c r="R6481">
        <v>18070.652569999998</v>
      </c>
      <c r="S6481">
        <v>76372.622229999994</v>
      </c>
      <c r="T6481">
        <v>21031.959579999999</v>
      </c>
      <c r="U6481">
        <v>13151.17124</v>
      </c>
      <c r="W6481" s="83">
        <f>Bühler!N6513</f>
        <v>45561.95833331762</v>
      </c>
      <c r="X6481" s="83">
        <v>43370.958333333336</v>
      </c>
      <c r="Y6481">
        <v>241044.97150000001</v>
      </c>
      <c r="Z6481">
        <v>13906.690259999999</v>
      </c>
      <c r="AA6481">
        <v>54276.15999</v>
      </c>
      <c r="AB6481">
        <v>34850.138140000003</v>
      </c>
      <c r="AC6481">
        <v>35321.366670000003</v>
      </c>
      <c r="AD6481">
        <v>23871.567139999999</v>
      </c>
      <c r="AE6481">
        <v>36027.035660000001</v>
      </c>
      <c r="AF6481">
        <v>50763.77332</v>
      </c>
      <c r="AG6481">
        <v>19626.912619999999</v>
      </c>
      <c r="AH6481">
        <v>310536.36060000001</v>
      </c>
      <c r="AI6481">
        <v>79994.315350000004</v>
      </c>
      <c r="AJ6481">
        <v>17544.65019</v>
      </c>
      <c r="AK6481">
        <v>30228.39186</v>
      </c>
      <c r="AL6481">
        <v>84957.222229999999</v>
      </c>
      <c r="AM6481">
        <v>18070.652569999998</v>
      </c>
      <c r="AN6481">
        <v>76372.622229999994</v>
      </c>
      <c r="AO6481">
        <v>21031.959579999999</v>
      </c>
      <c r="AP6481">
        <v>13151.17124</v>
      </c>
    </row>
    <row r="6482" spans="2:42" x14ac:dyDescent="0.3">
      <c r="B6482">
        <v>60.474471148854619</v>
      </c>
      <c r="C6482" s="83">
        <v>43371</v>
      </c>
      <c r="D6482">
        <v>238791.4204</v>
      </c>
      <c r="E6482">
        <v>13444.54701</v>
      </c>
      <c r="F6482">
        <v>52834.525000000001</v>
      </c>
      <c r="G6482">
        <v>33945.134319999997</v>
      </c>
      <c r="H6482">
        <v>34438.505169999997</v>
      </c>
      <c r="I6482">
        <v>21991.889029999998</v>
      </c>
      <c r="J6482">
        <v>32916.932260000001</v>
      </c>
      <c r="K6482">
        <v>50328.427479999998</v>
      </c>
      <c r="L6482">
        <v>17947.81511</v>
      </c>
      <c r="M6482">
        <v>308327.05570000003</v>
      </c>
      <c r="N6482">
        <v>78282.022899999996</v>
      </c>
      <c r="O6482">
        <v>17943.346320000001</v>
      </c>
      <c r="P6482">
        <v>26842.292229999999</v>
      </c>
      <c r="Q6482">
        <v>83472.3217</v>
      </c>
      <c r="R6482">
        <v>16200.87025</v>
      </c>
      <c r="S6482">
        <v>74694.527480000004</v>
      </c>
      <c r="T6482">
        <v>19569.165069999999</v>
      </c>
      <c r="U6482">
        <v>12773.10975</v>
      </c>
      <c r="W6482" s="83">
        <f>Bühler!N6514</f>
        <v>45561.999999984284</v>
      </c>
      <c r="X6482" s="83">
        <v>43371</v>
      </c>
      <c r="Y6482">
        <v>238791.4204</v>
      </c>
      <c r="Z6482">
        <v>13444.54701</v>
      </c>
      <c r="AA6482">
        <v>52834.525000000001</v>
      </c>
      <c r="AB6482">
        <v>33945.134319999997</v>
      </c>
      <c r="AC6482">
        <v>34438.505169999997</v>
      </c>
      <c r="AD6482">
        <v>21991.889029999998</v>
      </c>
      <c r="AE6482">
        <v>32916.932260000001</v>
      </c>
      <c r="AF6482">
        <v>50328.427479999998</v>
      </c>
      <c r="AG6482">
        <v>17947.81511</v>
      </c>
      <c r="AH6482">
        <v>308327.05570000003</v>
      </c>
      <c r="AI6482">
        <v>78282.022899999996</v>
      </c>
      <c r="AJ6482">
        <v>17943.346320000001</v>
      </c>
      <c r="AK6482">
        <v>26842.292229999999</v>
      </c>
      <c r="AL6482">
        <v>83472.3217</v>
      </c>
      <c r="AM6482">
        <v>16200.87025</v>
      </c>
      <c r="AN6482">
        <v>74694.527480000004</v>
      </c>
      <c r="AO6482">
        <v>19569.165069999999</v>
      </c>
      <c r="AP6482">
        <v>12773.10975</v>
      </c>
    </row>
    <row r="6483" spans="2:42" x14ac:dyDescent="0.3">
      <c r="B6483">
        <v>60.021472492965849</v>
      </c>
      <c r="C6483" s="83">
        <v>43371.041666666664</v>
      </c>
      <c r="D6483">
        <v>236686.57019999999</v>
      </c>
      <c r="E6483">
        <v>13160.51684</v>
      </c>
      <c r="F6483">
        <v>52344.239500000003</v>
      </c>
      <c r="G6483">
        <v>33233.26427</v>
      </c>
      <c r="H6483">
        <v>33983.033929999998</v>
      </c>
      <c r="I6483">
        <v>18607.153289999998</v>
      </c>
      <c r="J6483">
        <v>32102.705180000001</v>
      </c>
      <c r="K6483">
        <v>48822.737639999999</v>
      </c>
      <c r="L6483">
        <v>16807.743920000001</v>
      </c>
      <c r="M6483">
        <v>306017.45730000001</v>
      </c>
      <c r="N6483">
        <v>77422.522280000005</v>
      </c>
      <c r="O6483">
        <v>18296.704710000002</v>
      </c>
      <c r="P6483">
        <v>25347.662550000001</v>
      </c>
      <c r="Q6483">
        <v>84503.748609999995</v>
      </c>
      <c r="R6483">
        <v>14703.80284</v>
      </c>
      <c r="S6483">
        <v>73914.592730000004</v>
      </c>
      <c r="T6483">
        <v>18621.435270000002</v>
      </c>
      <c r="U6483">
        <v>12997.834140000001</v>
      </c>
      <c r="W6483" s="83">
        <f>Bühler!N6515</f>
        <v>45562.041666650948</v>
      </c>
      <c r="X6483" s="83">
        <v>43371.041666666664</v>
      </c>
      <c r="Y6483">
        <v>236686.57019999999</v>
      </c>
      <c r="Z6483">
        <v>13160.51684</v>
      </c>
      <c r="AA6483">
        <v>52344.239500000003</v>
      </c>
      <c r="AB6483">
        <v>33233.26427</v>
      </c>
      <c r="AC6483">
        <v>33983.033929999998</v>
      </c>
      <c r="AD6483">
        <v>18607.153289999998</v>
      </c>
      <c r="AE6483">
        <v>32102.705180000001</v>
      </c>
      <c r="AF6483">
        <v>48822.737639999999</v>
      </c>
      <c r="AG6483">
        <v>16807.743920000001</v>
      </c>
      <c r="AH6483">
        <v>306017.45730000001</v>
      </c>
      <c r="AI6483">
        <v>77422.522280000005</v>
      </c>
      <c r="AJ6483">
        <v>18296.704710000002</v>
      </c>
      <c r="AK6483">
        <v>25347.662550000001</v>
      </c>
      <c r="AL6483">
        <v>84503.748609999995</v>
      </c>
      <c r="AM6483">
        <v>14703.80284</v>
      </c>
      <c r="AN6483">
        <v>73914.592730000004</v>
      </c>
      <c r="AO6483">
        <v>18621.435270000002</v>
      </c>
      <c r="AP6483">
        <v>12997.834140000001</v>
      </c>
    </row>
    <row r="6484" spans="2:42" x14ac:dyDescent="0.3">
      <c r="B6484">
        <v>59.583564904633384</v>
      </c>
      <c r="C6484" s="83">
        <v>43371.083333333336</v>
      </c>
      <c r="D6484">
        <v>236119.08910000001</v>
      </c>
      <c r="E6484">
        <v>13054.937029999999</v>
      </c>
      <c r="F6484">
        <v>53026.961230000001</v>
      </c>
      <c r="G6484">
        <v>32750.51816</v>
      </c>
      <c r="H6484">
        <v>33743.594069999999</v>
      </c>
      <c r="I6484">
        <v>16407.19846</v>
      </c>
      <c r="J6484">
        <v>31794.026279999998</v>
      </c>
      <c r="K6484">
        <v>46629.702279999998</v>
      </c>
      <c r="L6484">
        <v>16379.50865</v>
      </c>
      <c r="M6484">
        <v>303784.8002</v>
      </c>
      <c r="N6484">
        <v>76003.387619999994</v>
      </c>
      <c r="O6484">
        <v>18800.513569999999</v>
      </c>
      <c r="P6484">
        <v>23774.276229999999</v>
      </c>
      <c r="Q6484">
        <v>87052.587790000005</v>
      </c>
      <c r="R6484">
        <v>14433.331179999999</v>
      </c>
      <c r="S6484">
        <v>72592.489870000005</v>
      </c>
      <c r="T6484">
        <v>18314.697680000001</v>
      </c>
      <c r="U6484">
        <v>12516.24108</v>
      </c>
      <c r="W6484" s="83">
        <f>Bühler!N6516</f>
        <v>45562.083333317612</v>
      </c>
      <c r="X6484" s="83">
        <v>43371.083333333336</v>
      </c>
      <c r="Y6484">
        <v>236119.08910000001</v>
      </c>
      <c r="Z6484">
        <v>13054.937029999999</v>
      </c>
      <c r="AA6484">
        <v>53026.961230000001</v>
      </c>
      <c r="AB6484">
        <v>32750.51816</v>
      </c>
      <c r="AC6484">
        <v>33743.594069999999</v>
      </c>
      <c r="AD6484">
        <v>16407.19846</v>
      </c>
      <c r="AE6484">
        <v>31794.026279999998</v>
      </c>
      <c r="AF6484">
        <v>46629.702279999998</v>
      </c>
      <c r="AG6484">
        <v>16379.50865</v>
      </c>
      <c r="AH6484">
        <v>303784.8002</v>
      </c>
      <c r="AI6484">
        <v>76003.387619999994</v>
      </c>
      <c r="AJ6484">
        <v>18800.513569999999</v>
      </c>
      <c r="AK6484">
        <v>23774.276229999999</v>
      </c>
      <c r="AL6484">
        <v>87052.587790000005</v>
      </c>
      <c r="AM6484">
        <v>14433.331179999999</v>
      </c>
      <c r="AN6484">
        <v>72592.489870000005</v>
      </c>
      <c r="AO6484">
        <v>18314.697680000001</v>
      </c>
      <c r="AP6484">
        <v>12516.24108</v>
      </c>
    </row>
    <row r="6485" spans="2:42" x14ac:dyDescent="0.3">
      <c r="B6485">
        <v>60.189041295562333</v>
      </c>
      <c r="C6485" s="83">
        <v>43371.125</v>
      </c>
      <c r="D6485">
        <v>237546.34160000001</v>
      </c>
      <c r="E6485">
        <v>13005.959199999999</v>
      </c>
      <c r="F6485">
        <v>54289.596550000002</v>
      </c>
      <c r="G6485">
        <v>31809.199929999999</v>
      </c>
      <c r="H6485">
        <v>33623.442219999997</v>
      </c>
      <c r="I6485">
        <v>15838.84757</v>
      </c>
      <c r="J6485">
        <v>32140.379229999999</v>
      </c>
      <c r="K6485">
        <v>45401.667509999999</v>
      </c>
      <c r="L6485">
        <v>15872.60743</v>
      </c>
      <c r="M6485">
        <v>306871.80119999999</v>
      </c>
      <c r="N6485">
        <v>75223.869040000005</v>
      </c>
      <c r="O6485">
        <v>18044.75447</v>
      </c>
      <c r="P6485">
        <v>22977.16792</v>
      </c>
      <c r="Q6485">
        <v>89111.944810000001</v>
      </c>
      <c r="R6485">
        <v>13885.262350000001</v>
      </c>
      <c r="S6485">
        <v>72499.246719999996</v>
      </c>
      <c r="T6485">
        <v>17830.36118</v>
      </c>
      <c r="U6485">
        <v>12664.592710000001</v>
      </c>
      <c r="W6485" s="83">
        <f>Bühler!N6517</f>
        <v>45562.124999984277</v>
      </c>
      <c r="X6485" s="83">
        <v>43371.125</v>
      </c>
      <c r="Y6485">
        <v>237546.34160000001</v>
      </c>
      <c r="Z6485">
        <v>13005.959199999999</v>
      </c>
      <c r="AA6485">
        <v>54289.596550000002</v>
      </c>
      <c r="AB6485">
        <v>31809.199929999999</v>
      </c>
      <c r="AC6485">
        <v>33623.442219999997</v>
      </c>
      <c r="AD6485">
        <v>15838.84757</v>
      </c>
      <c r="AE6485">
        <v>32140.379229999999</v>
      </c>
      <c r="AF6485">
        <v>45401.667509999999</v>
      </c>
      <c r="AG6485">
        <v>15872.60743</v>
      </c>
      <c r="AH6485">
        <v>306871.80119999999</v>
      </c>
      <c r="AI6485">
        <v>75223.869040000005</v>
      </c>
      <c r="AJ6485">
        <v>18044.75447</v>
      </c>
      <c r="AK6485">
        <v>22977.16792</v>
      </c>
      <c r="AL6485">
        <v>89111.944810000001</v>
      </c>
      <c r="AM6485">
        <v>13885.262350000001</v>
      </c>
      <c r="AN6485">
        <v>72499.246719999996</v>
      </c>
      <c r="AO6485">
        <v>17830.36118</v>
      </c>
      <c r="AP6485">
        <v>12664.592710000001</v>
      </c>
    </row>
    <row r="6486" spans="2:42" x14ac:dyDescent="0.3">
      <c r="B6486">
        <v>61.282154503771196</v>
      </c>
      <c r="C6486" s="83">
        <v>43371.166666666664</v>
      </c>
      <c r="D6486">
        <v>238351.29560000001</v>
      </c>
      <c r="E6486">
        <v>13254.09526</v>
      </c>
      <c r="F6486">
        <v>57659.969749999997</v>
      </c>
      <c r="G6486">
        <v>31117.923330000001</v>
      </c>
      <c r="H6486">
        <v>34180.048699999999</v>
      </c>
      <c r="I6486">
        <v>17563.866900000001</v>
      </c>
      <c r="J6486">
        <v>34013.050450000002</v>
      </c>
      <c r="K6486">
        <v>44060.21183</v>
      </c>
      <c r="L6486">
        <v>16091.64565</v>
      </c>
      <c r="M6486">
        <v>312445.00209999998</v>
      </c>
      <c r="N6486">
        <v>72967.503800000006</v>
      </c>
      <c r="O6486">
        <v>18494.64818</v>
      </c>
      <c r="P6486">
        <v>22931.529620000001</v>
      </c>
      <c r="Q6486">
        <v>92411.152430000002</v>
      </c>
      <c r="R6486">
        <v>13611.489530000001</v>
      </c>
      <c r="S6486">
        <v>71521.581090000007</v>
      </c>
      <c r="T6486">
        <v>18048.205409999999</v>
      </c>
      <c r="U6486">
        <v>12728.92362</v>
      </c>
      <c r="W6486" s="83">
        <f>Bühler!N6518</f>
        <v>45562.166666650941</v>
      </c>
      <c r="X6486" s="83">
        <v>43371.166666666664</v>
      </c>
      <c r="Y6486">
        <v>238351.29560000001</v>
      </c>
      <c r="Z6486">
        <v>13254.09526</v>
      </c>
      <c r="AA6486">
        <v>57659.969749999997</v>
      </c>
      <c r="AB6486">
        <v>31117.923330000001</v>
      </c>
      <c r="AC6486">
        <v>34180.048699999999</v>
      </c>
      <c r="AD6486">
        <v>17563.866900000001</v>
      </c>
      <c r="AE6486">
        <v>34013.050450000002</v>
      </c>
      <c r="AF6486">
        <v>44060.21183</v>
      </c>
      <c r="AG6486">
        <v>16091.64565</v>
      </c>
      <c r="AH6486">
        <v>312445.00209999998</v>
      </c>
      <c r="AI6486">
        <v>72967.503800000006</v>
      </c>
      <c r="AJ6486">
        <v>18494.64818</v>
      </c>
      <c r="AK6486">
        <v>22931.529620000001</v>
      </c>
      <c r="AL6486">
        <v>92411.152430000002</v>
      </c>
      <c r="AM6486">
        <v>13611.489530000001</v>
      </c>
      <c r="AN6486">
        <v>71521.581090000007</v>
      </c>
      <c r="AO6486">
        <v>18048.205409999999</v>
      </c>
      <c r="AP6486">
        <v>12728.92362</v>
      </c>
    </row>
    <row r="6487" spans="2:42" x14ac:dyDescent="0.3">
      <c r="B6487">
        <v>63.138226754778799</v>
      </c>
      <c r="C6487" s="83">
        <v>43371.208333333336</v>
      </c>
      <c r="D6487">
        <v>252636.37669999999</v>
      </c>
      <c r="E6487">
        <v>14739.372660000001</v>
      </c>
      <c r="F6487">
        <v>66366.111659999995</v>
      </c>
      <c r="G6487">
        <v>33130.813320000001</v>
      </c>
      <c r="H6487">
        <v>35909.537799999998</v>
      </c>
      <c r="I6487">
        <v>24760.52865</v>
      </c>
      <c r="J6487">
        <v>37638.097349999996</v>
      </c>
      <c r="K6487">
        <v>45186.052109999997</v>
      </c>
      <c r="L6487">
        <v>17235.70062</v>
      </c>
      <c r="M6487">
        <v>321908.12400000001</v>
      </c>
      <c r="N6487">
        <v>75459.669049999997</v>
      </c>
      <c r="O6487">
        <v>18508.528730000002</v>
      </c>
      <c r="P6487">
        <v>24769.322670000001</v>
      </c>
      <c r="Q6487">
        <v>94415.122940000001</v>
      </c>
      <c r="R6487">
        <v>14700.685030000001</v>
      </c>
      <c r="S6487">
        <v>74765.227799999993</v>
      </c>
      <c r="T6487">
        <v>19166.47206</v>
      </c>
      <c r="U6487">
        <v>15079.99041</v>
      </c>
      <c r="W6487" s="83">
        <f>Bühler!N6519</f>
        <v>45562.208333317605</v>
      </c>
      <c r="X6487" s="83">
        <v>43371.208333333336</v>
      </c>
      <c r="Y6487">
        <v>252636.37669999999</v>
      </c>
      <c r="Z6487">
        <v>14739.372660000001</v>
      </c>
      <c r="AA6487">
        <v>66366.111659999995</v>
      </c>
      <c r="AB6487">
        <v>33130.813320000001</v>
      </c>
      <c r="AC6487">
        <v>35909.537799999998</v>
      </c>
      <c r="AD6487">
        <v>24760.52865</v>
      </c>
      <c r="AE6487">
        <v>37638.097349999996</v>
      </c>
      <c r="AF6487">
        <v>45186.052109999997</v>
      </c>
      <c r="AG6487">
        <v>17235.70062</v>
      </c>
      <c r="AH6487">
        <v>321908.12400000001</v>
      </c>
      <c r="AI6487">
        <v>75459.669049999997</v>
      </c>
      <c r="AJ6487">
        <v>18508.528730000002</v>
      </c>
      <c r="AK6487">
        <v>24769.322670000001</v>
      </c>
      <c r="AL6487">
        <v>94415.122940000001</v>
      </c>
      <c r="AM6487">
        <v>14700.685030000001</v>
      </c>
      <c r="AN6487">
        <v>74765.227799999993</v>
      </c>
      <c r="AO6487">
        <v>19166.47206</v>
      </c>
      <c r="AP6487">
        <v>15079.99041</v>
      </c>
    </row>
    <row r="6488" spans="2:42" x14ac:dyDescent="0.3">
      <c r="B6488">
        <v>65.901628149441322</v>
      </c>
      <c r="C6488" s="83">
        <v>43371.25</v>
      </c>
      <c r="D6488">
        <v>267861.90429999999</v>
      </c>
      <c r="E6488">
        <v>19110.021229999998</v>
      </c>
      <c r="F6488">
        <v>77827.737590000004</v>
      </c>
      <c r="G6488">
        <v>45378.194309999999</v>
      </c>
      <c r="H6488">
        <v>39504.942669999997</v>
      </c>
      <c r="I6488">
        <v>32167.679550000001</v>
      </c>
      <c r="J6488">
        <v>41993.576959999999</v>
      </c>
      <c r="K6488">
        <v>48082.840259999997</v>
      </c>
      <c r="L6488">
        <v>18245.717489999999</v>
      </c>
      <c r="M6488">
        <v>335997.23300000001</v>
      </c>
      <c r="N6488">
        <v>80104.531159999999</v>
      </c>
      <c r="O6488">
        <v>20530.833030000002</v>
      </c>
      <c r="P6488">
        <v>25518.670890000001</v>
      </c>
      <c r="Q6488">
        <v>95640.54307</v>
      </c>
      <c r="R6488">
        <v>16420.13336</v>
      </c>
      <c r="S6488">
        <v>83741.860069999995</v>
      </c>
      <c r="T6488">
        <v>22333.530030000002</v>
      </c>
      <c r="U6488">
        <v>18187.769479999999</v>
      </c>
      <c r="W6488" s="83">
        <f>Bühler!N6520</f>
        <v>45562.249999984269</v>
      </c>
      <c r="X6488" s="83">
        <v>43371.25</v>
      </c>
      <c r="Y6488">
        <v>267861.90429999999</v>
      </c>
      <c r="Z6488">
        <v>19110.021229999998</v>
      </c>
      <c r="AA6488">
        <v>77827.737590000004</v>
      </c>
      <c r="AB6488">
        <v>45378.194309999999</v>
      </c>
      <c r="AC6488">
        <v>39504.942669999997</v>
      </c>
      <c r="AD6488">
        <v>32167.679550000001</v>
      </c>
      <c r="AE6488">
        <v>41993.576959999999</v>
      </c>
      <c r="AF6488">
        <v>48082.840259999997</v>
      </c>
      <c r="AG6488">
        <v>18245.717489999999</v>
      </c>
      <c r="AH6488">
        <v>335997.23300000001</v>
      </c>
      <c r="AI6488">
        <v>80104.531159999999</v>
      </c>
      <c r="AJ6488">
        <v>20530.833030000002</v>
      </c>
      <c r="AK6488">
        <v>25518.670890000001</v>
      </c>
      <c r="AL6488">
        <v>95640.54307</v>
      </c>
      <c r="AM6488">
        <v>16420.13336</v>
      </c>
      <c r="AN6488">
        <v>83741.860069999995</v>
      </c>
      <c r="AO6488">
        <v>22333.530030000002</v>
      </c>
      <c r="AP6488">
        <v>18187.769479999999</v>
      </c>
    </row>
    <row r="6489" spans="2:42" x14ac:dyDescent="0.3">
      <c r="B6489">
        <v>67.962120618235474</v>
      </c>
      <c r="C6489" s="83">
        <v>43371.291666666664</v>
      </c>
      <c r="D6489">
        <v>281676.31310000003</v>
      </c>
      <c r="E6489">
        <v>23738.723279999998</v>
      </c>
      <c r="F6489">
        <v>82106.081739999994</v>
      </c>
      <c r="G6489">
        <v>58777.73545</v>
      </c>
      <c r="H6489">
        <v>44599.14918</v>
      </c>
      <c r="I6489">
        <v>40965.793360000003</v>
      </c>
      <c r="J6489">
        <v>43350.586539999997</v>
      </c>
      <c r="K6489">
        <v>53981.811289999998</v>
      </c>
      <c r="L6489">
        <v>21166.107739999999</v>
      </c>
      <c r="M6489">
        <v>346502.5845</v>
      </c>
      <c r="N6489">
        <v>85676.429340000002</v>
      </c>
      <c r="O6489">
        <v>22810.928049999999</v>
      </c>
      <c r="P6489">
        <v>29304.578839999998</v>
      </c>
      <c r="Q6489">
        <v>94847.265799999994</v>
      </c>
      <c r="R6489">
        <v>18893.920839999999</v>
      </c>
      <c r="S6489">
        <v>99791.927670000005</v>
      </c>
      <c r="T6489">
        <v>27197.476309999998</v>
      </c>
      <c r="U6489">
        <v>23255.696029999999</v>
      </c>
      <c r="W6489" s="83">
        <f>Bühler!N6521</f>
        <v>45562.291666650934</v>
      </c>
      <c r="X6489" s="83">
        <v>43371.291666666664</v>
      </c>
      <c r="Y6489">
        <v>281676.31310000003</v>
      </c>
      <c r="Z6489">
        <v>23738.723279999998</v>
      </c>
      <c r="AA6489">
        <v>82106.081739999994</v>
      </c>
      <c r="AB6489">
        <v>58777.73545</v>
      </c>
      <c r="AC6489">
        <v>44599.14918</v>
      </c>
      <c r="AD6489">
        <v>40965.793360000003</v>
      </c>
      <c r="AE6489">
        <v>43350.586539999997</v>
      </c>
      <c r="AF6489">
        <v>53981.811289999998</v>
      </c>
      <c r="AG6489">
        <v>21166.107739999999</v>
      </c>
      <c r="AH6489">
        <v>346502.5845</v>
      </c>
      <c r="AI6489">
        <v>85676.429340000002</v>
      </c>
      <c r="AJ6489">
        <v>22810.928049999999</v>
      </c>
      <c r="AK6489">
        <v>29304.578839999998</v>
      </c>
      <c r="AL6489">
        <v>94847.265799999994</v>
      </c>
      <c r="AM6489">
        <v>18893.920839999999</v>
      </c>
      <c r="AN6489">
        <v>99791.927670000005</v>
      </c>
      <c r="AO6489">
        <v>27197.476309999998</v>
      </c>
      <c r="AP6489">
        <v>23255.696029999999</v>
      </c>
    </row>
    <row r="6490" spans="2:42" x14ac:dyDescent="0.3">
      <c r="B6490">
        <v>68.107795738984649</v>
      </c>
      <c r="C6490" s="83">
        <v>43371.333333333336</v>
      </c>
      <c r="D6490">
        <v>290332.82699999999</v>
      </c>
      <c r="E6490">
        <v>29587.649829999998</v>
      </c>
      <c r="F6490">
        <v>87148.696469999995</v>
      </c>
      <c r="G6490">
        <v>73578.170490000004</v>
      </c>
      <c r="H6490">
        <v>48675.518360000002</v>
      </c>
      <c r="I6490">
        <v>43326.304960000001</v>
      </c>
      <c r="J6490">
        <v>43679.127950000002</v>
      </c>
      <c r="K6490">
        <v>59284.312389999999</v>
      </c>
      <c r="L6490">
        <v>24193.552919999998</v>
      </c>
      <c r="M6490">
        <v>347245.30420000001</v>
      </c>
      <c r="N6490">
        <v>91695.17654</v>
      </c>
      <c r="O6490">
        <v>24546.815279999999</v>
      </c>
      <c r="P6490">
        <v>31230.287349999999</v>
      </c>
      <c r="Q6490">
        <v>94383.755659999995</v>
      </c>
      <c r="R6490">
        <v>20365.65236</v>
      </c>
      <c r="S6490">
        <v>110853.6532</v>
      </c>
      <c r="T6490">
        <v>30211.99626</v>
      </c>
      <c r="U6490">
        <v>25605.778979999999</v>
      </c>
      <c r="W6490" s="83">
        <f>Bühler!N6522</f>
        <v>45562.333333317598</v>
      </c>
      <c r="X6490" s="83">
        <v>43371.333333333336</v>
      </c>
      <c r="Y6490">
        <v>290332.82699999999</v>
      </c>
      <c r="Z6490">
        <v>29587.649829999998</v>
      </c>
      <c r="AA6490">
        <v>87148.696469999995</v>
      </c>
      <c r="AB6490">
        <v>73578.170490000004</v>
      </c>
      <c r="AC6490">
        <v>48675.518360000002</v>
      </c>
      <c r="AD6490">
        <v>43326.304960000001</v>
      </c>
      <c r="AE6490">
        <v>43679.127950000002</v>
      </c>
      <c r="AF6490">
        <v>59284.312389999999</v>
      </c>
      <c r="AG6490">
        <v>24193.552919999998</v>
      </c>
      <c r="AH6490">
        <v>347245.30420000001</v>
      </c>
      <c r="AI6490">
        <v>91695.17654</v>
      </c>
      <c r="AJ6490">
        <v>24546.815279999999</v>
      </c>
      <c r="AK6490">
        <v>31230.287349999999</v>
      </c>
      <c r="AL6490">
        <v>94383.755659999995</v>
      </c>
      <c r="AM6490">
        <v>20365.65236</v>
      </c>
      <c r="AN6490">
        <v>110853.6532</v>
      </c>
      <c r="AO6490">
        <v>30211.99626</v>
      </c>
      <c r="AP6490">
        <v>25605.778979999999</v>
      </c>
    </row>
    <row r="6491" spans="2:42" x14ac:dyDescent="0.3">
      <c r="B6491">
        <v>68.170172320228886</v>
      </c>
      <c r="C6491" s="83">
        <v>43371.375</v>
      </c>
      <c r="D6491">
        <v>292005.04960000003</v>
      </c>
      <c r="E6491">
        <v>33081.685879999997</v>
      </c>
      <c r="F6491">
        <v>92052.229319999999</v>
      </c>
      <c r="G6491">
        <v>82888.395269999994</v>
      </c>
      <c r="H6491">
        <v>51571.486429999997</v>
      </c>
      <c r="I6491">
        <v>40870.762089999997</v>
      </c>
      <c r="J6491">
        <v>44018.636440000002</v>
      </c>
      <c r="K6491">
        <v>61434.408069999998</v>
      </c>
      <c r="L6491">
        <v>27245.558389999998</v>
      </c>
      <c r="M6491">
        <v>347563.32909999997</v>
      </c>
      <c r="N6491">
        <v>94167.606849999996</v>
      </c>
      <c r="O6491">
        <v>25682.395280000001</v>
      </c>
      <c r="P6491">
        <v>33482.701840000002</v>
      </c>
      <c r="Q6491">
        <v>95073.473710000006</v>
      </c>
      <c r="R6491">
        <v>20663.88207</v>
      </c>
      <c r="S6491">
        <v>117496.637</v>
      </c>
      <c r="T6491">
        <v>32323.547790000001</v>
      </c>
      <c r="U6491">
        <v>26006.994009999999</v>
      </c>
      <c r="W6491" s="83">
        <f>Bühler!N6523</f>
        <v>45562.374999984262</v>
      </c>
      <c r="X6491" s="83">
        <v>43371.375</v>
      </c>
      <c r="Y6491">
        <v>292005.04960000003</v>
      </c>
      <c r="Z6491">
        <v>33081.685879999997</v>
      </c>
      <c r="AA6491">
        <v>92052.229319999999</v>
      </c>
      <c r="AB6491">
        <v>82888.395269999994</v>
      </c>
      <c r="AC6491">
        <v>51571.486429999997</v>
      </c>
      <c r="AD6491">
        <v>40870.762089999997</v>
      </c>
      <c r="AE6491">
        <v>44018.636440000002</v>
      </c>
      <c r="AF6491">
        <v>61434.408069999998</v>
      </c>
      <c r="AG6491">
        <v>27245.558389999998</v>
      </c>
      <c r="AH6491">
        <v>347563.32909999997</v>
      </c>
      <c r="AI6491">
        <v>94167.606849999996</v>
      </c>
      <c r="AJ6491">
        <v>25682.395280000001</v>
      </c>
      <c r="AK6491">
        <v>33482.701840000002</v>
      </c>
      <c r="AL6491">
        <v>95073.473710000006</v>
      </c>
      <c r="AM6491">
        <v>20663.88207</v>
      </c>
      <c r="AN6491">
        <v>117496.637</v>
      </c>
      <c r="AO6491">
        <v>32323.547790000001</v>
      </c>
      <c r="AP6491">
        <v>26006.994009999999</v>
      </c>
    </row>
    <row r="6492" spans="2:42" x14ac:dyDescent="0.3">
      <c r="B6492">
        <v>68.934931610275399</v>
      </c>
      <c r="C6492" s="83">
        <v>43371.416666666664</v>
      </c>
      <c r="D6492">
        <v>293090.63189999998</v>
      </c>
      <c r="E6492">
        <v>34595.784189999998</v>
      </c>
      <c r="F6492">
        <v>94151.779020000002</v>
      </c>
      <c r="G6492">
        <v>83367.341700000004</v>
      </c>
      <c r="H6492">
        <v>51954.643730000003</v>
      </c>
      <c r="I6492">
        <v>37757.887849999999</v>
      </c>
      <c r="J6492">
        <v>43424.857620000002</v>
      </c>
      <c r="K6492">
        <v>62415.793010000001</v>
      </c>
      <c r="L6492">
        <v>29619.848969999999</v>
      </c>
      <c r="M6492">
        <v>351462.42859999998</v>
      </c>
      <c r="N6492">
        <v>96514.021810000006</v>
      </c>
      <c r="O6492">
        <v>25434.962029999999</v>
      </c>
      <c r="P6492">
        <v>34393.932610000003</v>
      </c>
      <c r="Q6492">
        <v>95905.884340000004</v>
      </c>
      <c r="R6492">
        <v>21859.922490000001</v>
      </c>
      <c r="S6492">
        <v>117222.7156</v>
      </c>
      <c r="T6492">
        <v>34183.00879</v>
      </c>
      <c r="U6492">
        <v>25117.529490000001</v>
      </c>
      <c r="W6492" s="83">
        <f>Bühler!N6524</f>
        <v>45562.416666650926</v>
      </c>
      <c r="X6492" s="83">
        <v>43371.416666666664</v>
      </c>
      <c r="Y6492">
        <v>293090.63189999998</v>
      </c>
      <c r="Z6492">
        <v>34595.784189999998</v>
      </c>
      <c r="AA6492">
        <v>94151.779020000002</v>
      </c>
      <c r="AB6492">
        <v>83367.341700000004</v>
      </c>
      <c r="AC6492">
        <v>51954.643730000003</v>
      </c>
      <c r="AD6492">
        <v>37757.887849999999</v>
      </c>
      <c r="AE6492">
        <v>43424.857620000002</v>
      </c>
      <c r="AF6492">
        <v>62415.793010000001</v>
      </c>
      <c r="AG6492">
        <v>29619.848969999999</v>
      </c>
      <c r="AH6492">
        <v>351462.42859999998</v>
      </c>
      <c r="AI6492">
        <v>96514.021810000006</v>
      </c>
      <c r="AJ6492">
        <v>25434.962029999999</v>
      </c>
      <c r="AK6492">
        <v>34393.932610000003</v>
      </c>
      <c r="AL6492">
        <v>95905.884340000004</v>
      </c>
      <c r="AM6492">
        <v>21859.922490000001</v>
      </c>
      <c r="AN6492">
        <v>117222.7156</v>
      </c>
      <c r="AO6492">
        <v>34183.00879</v>
      </c>
      <c r="AP6492">
        <v>25117.529490000001</v>
      </c>
    </row>
    <row r="6493" spans="2:42" x14ac:dyDescent="0.3">
      <c r="B6493">
        <v>69.555104597195069</v>
      </c>
      <c r="C6493" s="83">
        <v>43371.458333333336</v>
      </c>
      <c r="D6493">
        <v>286667.91580000002</v>
      </c>
      <c r="E6493">
        <v>34289.959560000003</v>
      </c>
      <c r="F6493">
        <v>93816.196400000001</v>
      </c>
      <c r="G6493">
        <v>82439.272599999997</v>
      </c>
      <c r="H6493">
        <v>51165.917280000001</v>
      </c>
      <c r="I6493">
        <v>36412.349900000001</v>
      </c>
      <c r="J6493">
        <v>43093.760009999998</v>
      </c>
      <c r="K6493">
        <v>62804.656329999998</v>
      </c>
      <c r="L6493">
        <v>30796.157070000001</v>
      </c>
      <c r="M6493">
        <v>354624.35969999997</v>
      </c>
      <c r="N6493">
        <v>95652.271070000003</v>
      </c>
      <c r="O6493">
        <v>26293.813200000001</v>
      </c>
      <c r="P6493">
        <v>33517.826589999997</v>
      </c>
      <c r="Q6493">
        <v>96906.96832</v>
      </c>
      <c r="R6493">
        <v>23139.195520000001</v>
      </c>
      <c r="S6493">
        <v>119172.7589</v>
      </c>
      <c r="T6493">
        <v>33988.98805</v>
      </c>
      <c r="U6493">
        <v>24227.552919999998</v>
      </c>
      <c r="W6493" s="83">
        <f>Bühler!N6525</f>
        <v>45562.458333317591</v>
      </c>
      <c r="X6493" s="83">
        <v>43371.458333333336</v>
      </c>
      <c r="Y6493">
        <v>286667.91580000002</v>
      </c>
      <c r="Z6493">
        <v>34289.959560000003</v>
      </c>
      <c r="AA6493">
        <v>93816.196400000001</v>
      </c>
      <c r="AB6493">
        <v>82439.272599999997</v>
      </c>
      <c r="AC6493">
        <v>51165.917280000001</v>
      </c>
      <c r="AD6493">
        <v>36412.349900000001</v>
      </c>
      <c r="AE6493">
        <v>43093.760009999998</v>
      </c>
      <c r="AF6493">
        <v>62804.656329999998</v>
      </c>
      <c r="AG6493">
        <v>30796.157070000001</v>
      </c>
      <c r="AH6493">
        <v>354624.35969999997</v>
      </c>
      <c r="AI6493">
        <v>95652.271070000003</v>
      </c>
      <c r="AJ6493">
        <v>26293.813200000001</v>
      </c>
      <c r="AK6493">
        <v>33517.826589999997</v>
      </c>
      <c r="AL6493">
        <v>96906.96832</v>
      </c>
      <c r="AM6493">
        <v>23139.195520000001</v>
      </c>
      <c r="AN6493">
        <v>119172.7589</v>
      </c>
      <c r="AO6493">
        <v>33988.98805</v>
      </c>
      <c r="AP6493">
        <v>24227.552919999998</v>
      </c>
    </row>
    <row r="6494" spans="2:42" x14ac:dyDescent="0.3">
      <c r="B6494">
        <v>68.414153807321114</v>
      </c>
      <c r="C6494" s="83">
        <v>43371.5</v>
      </c>
      <c r="D6494">
        <v>272615.97720000002</v>
      </c>
      <c r="E6494">
        <v>30954.883740000001</v>
      </c>
      <c r="F6494">
        <v>92700.150139999998</v>
      </c>
      <c r="G6494">
        <v>81144.95074</v>
      </c>
      <c r="H6494">
        <v>49052.796860000002</v>
      </c>
      <c r="I6494">
        <v>35867.350229999996</v>
      </c>
      <c r="J6494">
        <v>43059.757949999999</v>
      </c>
      <c r="K6494">
        <v>58552.646979999998</v>
      </c>
      <c r="L6494">
        <v>34142.876989999997</v>
      </c>
      <c r="M6494">
        <v>348807.26049999997</v>
      </c>
      <c r="N6494">
        <v>93937.758230000007</v>
      </c>
      <c r="O6494">
        <v>25867.14877</v>
      </c>
      <c r="P6494">
        <v>34493.836990000003</v>
      </c>
      <c r="Q6494">
        <v>96283.622870000007</v>
      </c>
      <c r="R6494">
        <v>25018.14817</v>
      </c>
      <c r="S6494">
        <v>112378.7671</v>
      </c>
      <c r="T6494">
        <v>33921.201110000002</v>
      </c>
      <c r="U6494">
        <v>19255.156650000001</v>
      </c>
      <c r="W6494" s="83">
        <f>Bühler!N6526</f>
        <v>45562.499999984255</v>
      </c>
      <c r="X6494" s="83">
        <v>43371.5</v>
      </c>
      <c r="Y6494">
        <v>272615.97720000002</v>
      </c>
      <c r="Z6494">
        <v>30954.883740000001</v>
      </c>
      <c r="AA6494">
        <v>92700.150139999998</v>
      </c>
      <c r="AB6494">
        <v>81144.95074</v>
      </c>
      <c r="AC6494">
        <v>49052.796860000002</v>
      </c>
      <c r="AD6494">
        <v>35867.350229999996</v>
      </c>
      <c r="AE6494">
        <v>43059.757949999999</v>
      </c>
      <c r="AF6494">
        <v>58552.646979999998</v>
      </c>
      <c r="AG6494">
        <v>34142.876989999997</v>
      </c>
      <c r="AH6494">
        <v>348807.26049999997</v>
      </c>
      <c r="AI6494">
        <v>93937.758230000007</v>
      </c>
      <c r="AJ6494">
        <v>25867.14877</v>
      </c>
      <c r="AK6494">
        <v>34493.836990000003</v>
      </c>
      <c r="AL6494">
        <v>96283.622870000007</v>
      </c>
      <c r="AM6494">
        <v>25018.14817</v>
      </c>
      <c r="AN6494">
        <v>112378.7671</v>
      </c>
      <c r="AO6494">
        <v>33921.201110000002</v>
      </c>
      <c r="AP6494">
        <v>19255.156650000001</v>
      </c>
    </row>
    <row r="6495" spans="2:42" x14ac:dyDescent="0.3">
      <c r="B6495">
        <v>67.771456595997932</v>
      </c>
      <c r="C6495" s="83">
        <v>43371.541666666664</v>
      </c>
      <c r="D6495">
        <v>271154.98550000001</v>
      </c>
      <c r="E6495">
        <v>30667.554670000001</v>
      </c>
      <c r="F6495">
        <v>91883.579679999995</v>
      </c>
      <c r="G6495">
        <v>76104.045700000002</v>
      </c>
      <c r="H6495">
        <v>47843.58337</v>
      </c>
      <c r="I6495">
        <v>36097.789279999997</v>
      </c>
      <c r="J6495">
        <v>41359.538220000002</v>
      </c>
      <c r="K6495">
        <v>59707.747940000001</v>
      </c>
      <c r="L6495">
        <v>33122.852059999997</v>
      </c>
      <c r="M6495">
        <v>345530.49040000001</v>
      </c>
      <c r="N6495">
        <v>93044.803570000004</v>
      </c>
      <c r="O6495">
        <v>25778.70779</v>
      </c>
      <c r="P6495">
        <v>33158.895940000002</v>
      </c>
      <c r="Q6495">
        <v>95460.560570000001</v>
      </c>
      <c r="R6495">
        <v>25780.174060000001</v>
      </c>
      <c r="S6495">
        <v>111355.96610000001</v>
      </c>
      <c r="T6495">
        <v>32501.81897</v>
      </c>
      <c r="U6495">
        <v>20912.50834</v>
      </c>
      <c r="W6495" s="83">
        <f>Bühler!N6527</f>
        <v>45562.541666650919</v>
      </c>
      <c r="X6495" s="83">
        <v>43371.541666666664</v>
      </c>
      <c r="Y6495">
        <v>271154.98550000001</v>
      </c>
      <c r="Z6495">
        <v>30667.554670000001</v>
      </c>
      <c r="AA6495">
        <v>91883.579679999995</v>
      </c>
      <c r="AB6495">
        <v>76104.045700000002</v>
      </c>
      <c r="AC6495">
        <v>47843.58337</v>
      </c>
      <c r="AD6495">
        <v>36097.789279999997</v>
      </c>
      <c r="AE6495">
        <v>41359.538220000002</v>
      </c>
      <c r="AF6495">
        <v>59707.747940000001</v>
      </c>
      <c r="AG6495">
        <v>33122.852059999997</v>
      </c>
      <c r="AH6495">
        <v>345530.49040000001</v>
      </c>
      <c r="AI6495">
        <v>93044.803570000004</v>
      </c>
      <c r="AJ6495">
        <v>25778.70779</v>
      </c>
      <c r="AK6495">
        <v>33158.895940000002</v>
      </c>
      <c r="AL6495">
        <v>95460.560570000001</v>
      </c>
      <c r="AM6495">
        <v>25780.174060000001</v>
      </c>
      <c r="AN6495">
        <v>111355.96610000001</v>
      </c>
      <c r="AO6495">
        <v>32501.81897</v>
      </c>
      <c r="AP6495">
        <v>20912.50834</v>
      </c>
    </row>
    <row r="6496" spans="2:42" x14ac:dyDescent="0.3">
      <c r="B6496">
        <v>67.353850308695598</v>
      </c>
      <c r="C6496" s="83">
        <v>43371.583333333336</v>
      </c>
      <c r="D6496">
        <v>270719.13660000003</v>
      </c>
      <c r="E6496">
        <v>33531.100050000001</v>
      </c>
      <c r="F6496">
        <v>93821.661760000003</v>
      </c>
      <c r="G6496">
        <v>67618.556519999998</v>
      </c>
      <c r="H6496">
        <v>47220.989869999998</v>
      </c>
      <c r="I6496">
        <v>35533.559979999998</v>
      </c>
      <c r="J6496">
        <v>41540.894780000002</v>
      </c>
      <c r="K6496">
        <v>61536.32645</v>
      </c>
      <c r="L6496">
        <v>28700.523939999999</v>
      </c>
      <c r="M6496">
        <v>343401.33880000003</v>
      </c>
      <c r="N6496">
        <v>91940.313150000002</v>
      </c>
      <c r="O6496">
        <v>25261.356090000001</v>
      </c>
      <c r="P6496">
        <v>29703.663049999999</v>
      </c>
      <c r="Q6496">
        <v>93911.696290000007</v>
      </c>
      <c r="R6496">
        <v>25086.2284</v>
      </c>
      <c r="S6496">
        <v>106498.1422</v>
      </c>
      <c r="T6496">
        <v>30714.039000000001</v>
      </c>
      <c r="U6496">
        <v>20930.988389999999</v>
      </c>
      <c r="W6496" s="83">
        <f>Bühler!N6528</f>
        <v>45562.583333317583</v>
      </c>
      <c r="X6496" s="83">
        <v>43371.583333333336</v>
      </c>
      <c r="Y6496">
        <v>270719.13660000003</v>
      </c>
      <c r="Z6496">
        <v>33531.100050000001</v>
      </c>
      <c r="AA6496">
        <v>93821.661760000003</v>
      </c>
      <c r="AB6496">
        <v>67618.556519999998</v>
      </c>
      <c r="AC6496">
        <v>47220.989869999998</v>
      </c>
      <c r="AD6496">
        <v>35533.559979999998</v>
      </c>
      <c r="AE6496">
        <v>41540.894780000002</v>
      </c>
      <c r="AF6496">
        <v>61536.32645</v>
      </c>
      <c r="AG6496">
        <v>28700.523939999999</v>
      </c>
      <c r="AH6496">
        <v>343401.33880000003</v>
      </c>
      <c r="AI6496">
        <v>91940.313150000002</v>
      </c>
      <c r="AJ6496">
        <v>25261.356090000001</v>
      </c>
      <c r="AK6496">
        <v>29703.663049999999</v>
      </c>
      <c r="AL6496">
        <v>93911.696290000007</v>
      </c>
      <c r="AM6496">
        <v>25086.2284</v>
      </c>
      <c r="AN6496">
        <v>106498.1422</v>
      </c>
      <c r="AO6496">
        <v>30714.039000000001</v>
      </c>
      <c r="AP6496">
        <v>20930.988389999999</v>
      </c>
    </row>
    <row r="6497" spans="2:42" x14ac:dyDescent="0.3">
      <c r="B6497">
        <v>66.264555444807215</v>
      </c>
      <c r="C6497" s="83">
        <v>43371.625</v>
      </c>
      <c r="D6497">
        <v>267964.47629999998</v>
      </c>
      <c r="E6497">
        <v>33299.348689999999</v>
      </c>
      <c r="F6497">
        <v>95042.567540000004</v>
      </c>
      <c r="G6497">
        <v>62224.578479999996</v>
      </c>
      <c r="H6497">
        <v>46060.20723</v>
      </c>
      <c r="I6497">
        <v>36346.575929999999</v>
      </c>
      <c r="J6497">
        <v>41298.380169999997</v>
      </c>
      <c r="K6497">
        <v>59467.21832</v>
      </c>
      <c r="L6497">
        <v>26309.766220000001</v>
      </c>
      <c r="M6497">
        <v>337847.60560000001</v>
      </c>
      <c r="N6497">
        <v>89830.144260000001</v>
      </c>
      <c r="O6497">
        <v>24358.969160000001</v>
      </c>
      <c r="P6497">
        <v>27209.404409999999</v>
      </c>
      <c r="Q6497">
        <v>92854.05889</v>
      </c>
      <c r="R6497">
        <v>24218.043249999999</v>
      </c>
      <c r="S6497">
        <v>102503.9448</v>
      </c>
      <c r="T6497">
        <v>29637.70103</v>
      </c>
      <c r="U6497">
        <v>19043.507669999999</v>
      </c>
      <c r="W6497" s="83">
        <f>Bühler!N6529</f>
        <v>45562.624999984248</v>
      </c>
      <c r="X6497" s="83">
        <v>43371.625</v>
      </c>
      <c r="Y6497">
        <v>267964.47629999998</v>
      </c>
      <c r="Z6497">
        <v>33299.348689999999</v>
      </c>
      <c r="AA6497">
        <v>95042.567540000004</v>
      </c>
      <c r="AB6497">
        <v>62224.578479999996</v>
      </c>
      <c r="AC6497">
        <v>46060.20723</v>
      </c>
      <c r="AD6497">
        <v>36346.575929999999</v>
      </c>
      <c r="AE6497">
        <v>41298.380169999997</v>
      </c>
      <c r="AF6497">
        <v>59467.21832</v>
      </c>
      <c r="AG6497">
        <v>26309.766220000001</v>
      </c>
      <c r="AH6497">
        <v>337847.60560000001</v>
      </c>
      <c r="AI6497">
        <v>89830.144260000001</v>
      </c>
      <c r="AJ6497">
        <v>24358.969160000001</v>
      </c>
      <c r="AK6497">
        <v>27209.404409999999</v>
      </c>
      <c r="AL6497">
        <v>92854.05889</v>
      </c>
      <c r="AM6497">
        <v>24218.043249999999</v>
      </c>
      <c r="AN6497">
        <v>102503.9448</v>
      </c>
      <c r="AO6497">
        <v>29637.70103</v>
      </c>
      <c r="AP6497">
        <v>19043.507669999999</v>
      </c>
    </row>
    <row r="6498" spans="2:42" x14ac:dyDescent="0.3">
      <c r="B6498">
        <v>65.263083245612208</v>
      </c>
      <c r="C6498" s="83">
        <v>43371.666666666664</v>
      </c>
      <c r="D6498">
        <v>258460.86859999999</v>
      </c>
      <c r="E6498">
        <v>31640.39921</v>
      </c>
      <c r="F6498">
        <v>94672.450970000005</v>
      </c>
      <c r="G6498">
        <v>56258.844080000003</v>
      </c>
      <c r="H6498">
        <v>44595.571649999998</v>
      </c>
      <c r="I6498">
        <v>37248.677640000002</v>
      </c>
      <c r="J6498">
        <v>40401.883970000003</v>
      </c>
      <c r="K6498">
        <v>56183.843610000004</v>
      </c>
      <c r="L6498">
        <v>25077.834709999999</v>
      </c>
      <c r="M6498">
        <v>332741.63329999999</v>
      </c>
      <c r="N6498">
        <v>87896.999070000005</v>
      </c>
      <c r="O6498">
        <v>23198.147669999998</v>
      </c>
      <c r="P6498">
        <v>26649.51901</v>
      </c>
      <c r="Q6498">
        <v>91313.375100000005</v>
      </c>
      <c r="R6498">
        <v>24189.529910000001</v>
      </c>
      <c r="S6498">
        <v>99092.887600000002</v>
      </c>
      <c r="T6498">
        <v>29391.354299999999</v>
      </c>
      <c r="U6498">
        <v>16334.33145</v>
      </c>
      <c r="W6498" s="83">
        <f>Bühler!N6530</f>
        <v>45562.666666650912</v>
      </c>
      <c r="X6498" s="83">
        <v>43371.666666666664</v>
      </c>
      <c r="Y6498">
        <v>258460.86859999999</v>
      </c>
      <c r="Z6498">
        <v>31640.39921</v>
      </c>
      <c r="AA6498">
        <v>94672.450970000005</v>
      </c>
      <c r="AB6498">
        <v>56258.844080000003</v>
      </c>
      <c r="AC6498">
        <v>44595.571649999998</v>
      </c>
      <c r="AD6498">
        <v>37248.677640000002</v>
      </c>
      <c r="AE6498">
        <v>40401.883970000003</v>
      </c>
      <c r="AF6498">
        <v>56183.843610000004</v>
      </c>
      <c r="AG6498">
        <v>25077.834709999999</v>
      </c>
      <c r="AH6498">
        <v>332741.63329999999</v>
      </c>
      <c r="AI6498">
        <v>87896.999070000005</v>
      </c>
      <c r="AJ6498">
        <v>23198.147669999998</v>
      </c>
      <c r="AK6498">
        <v>26649.51901</v>
      </c>
      <c r="AL6498">
        <v>91313.375100000005</v>
      </c>
      <c r="AM6498">
        <v>24189.529910000001</v>
      </c>
      <c r="AN6498">
        <v>99092.887600000002</v>
      </c>
      <c r="AO6498">
        <v>29391.354299999999</v>
      </c>
      <c r="AP6498">
        <v>16334.33145</v>
      </c>
    </row>
    <row r="6499" spans="2:42" x14ac:dyDescent="0.3">
      <c r="B6499">
        <v>63.586524153781198</v>
      </c>
      <c r="C6499" s="83">
        <v>43371.708333333336</v>
      </c>
      <c r="D6499">
        <v>248193.0797</v>
      </c>
      <c r="E6499">
        <v>29833.50777</v>
      </c>
      <c r="F6499">
        <v>92075.522989999998</v>
      </c>
      <c r="G6499">
        <v>47573.773869999997</v>
      </c>
      <c r="H6499">
        <v>42666.293089999999</v>
      </c>
      <c r="I6499">
        <v>37494.321830000001</v>
      </c>
      <c r="J6499">
        <v>39949.615740000001</v>
      </c>
      <c r="K6499">
        <v>51979.820760000002</v>
      </c>
      <c r="L6499">
        <v>25617.771089999998</v>
      </c>
      <c r="M6499">
        <v>324193.75319999998</v>
      </c>
      <c r="N6499">
        <v>85347.748730000007</v>
      </c>
      <c r="O6499">
        <v>22991.162380000002</v>
      </c>
      <c r="P6499">
        <v>28214.85413</v>
      </c>
      <c r="Q6499">
        <v>89294.316049999994</v>
      </c>
      <c r="R6499">
        <v>22972.521290000001</v>
      </c>
      <c r="S6499">
        <v>95935.41274</v>
      </c>
      <c r="T6499">
        <v>29164.99626</v>
      </c>
      <c r="U6499">
        <v>15219.81853</v>
      </c>
      <c r="W6499" s="83">
        <f>Bühler!N6531</f>
        <v>45562.708333317576</v>
      </c>
      <c r="X6499" s="83">
        <v>43371.708333333336</v>
      </c>
      <c r="Y6499">
        <v>248193.0797</v>
      </c>
      <c r="Z6499">
        <v>29833.50777</v>
      </c>
      <c r="AA6499">
        <v>92075.522989999998</v>
      </c>
      <c r="AB6499">
        <v>47573.773869999997</v>
      </c>
      <c r="AC6499">
        <v>42666.293089999999</v>
      </c>
      <c r="AD6499">
        <v>37494.321830000001</v>
      </c>
      <c r="AE6499">
        <v>39949.615740000001</v>
      </c>
      <c r="AF6499">
        <v>51979.820760000002</v>
      </c>
      <c r="AG6499">
        <v>25617.771089999998</v>
      </c>
      <c r="AH6499">
        <v>324193.75319999998</v>
      </c>
      <c r="AI6499">
        <v>85347.748730000007</v>
      </c>
      <c r="AJ6499">
        <v>22991.162380000002</v>
      </c>
      <c r="AK6499">
        <v>28214.85413</v>
      </c>
      <c r="AL6499">
        <v>89294.316049999994</v>
      </c>
      <c r="AM6499">
        <v>22972.521290000001</v>
      </c>
      <c r="AN6499">
        <v>95935.41274</v>
      </c>
      <c r="AO6499">
        <v>29164.99626</v>
      </c>
      <c r="AP6499">
        <v>15219.81853</v>
      </c>
    </row>
    <row r="6500" spans="2:42" x14ac:dyDescent="0.3">
      <c r="B6500">
        <v>62.152420678422089</v>
      </c>
      <c r="C6500" s="83">
        <v>43371.75</v>
      </c>
      <c r="D6500">
        <v>241925.15239999999</v>
      </c>
      <c r="E6500">
        <v>27202.093010000001</v>
      </c>
      <c r="F6500">
        <v>90500.491240000003</v>
      </c>
      <c r="G6500">
        <v>40642.073250000001</v>
      </c>
      <c r="H6500">
        <v>40928.812669999999</v>
      </c>
      <c r="I6500">
        <v>35602.628129999997</v>
      </c>
      <c r="J6500">
        <v>40059.263509999997</v>
      </c>
      <c r="K6500">
        <v>49767.830600000001</v>
      </c>
      <c r="L6500">
        <v>26737.716179999999</v>
      </c>
      <c r="M6500">
        <v>316882.02490000002</v>
      </c>
      <c r="N6500">
        <v>83433.330950000003</v>
      </c>
      <c r="O6500">
        <v>20707.49512</v>
      </c>
      <c r="P6500">
        <v>31376.102490000001</v>
      </c>
      <c r="Q6500">
        <v>87376.04853</v>
      </c>
      <c r="R6500">
        <v>22155.036100000001</v>
      </c>
      <c r="S6500">
        <v>90502.497659999994</v>
      </c>
      <c r="T6500">
        <v>29259.691729999999</v>
      </c>
      <c r="U6500">
        <v>14026.586240000001</v>
      </c>
      <c r="W6500" s="83">
        <f>Bühler!N6532</f>
        <v>45562.74999998424</v>
      </c>
      <c r="X6500" s="83">
        <v>43371.75</v>
      </c>
      <c r="Y6500">
        <v>241925.15239999999</v>
      </c>
      <c r="Z6500">
        <v>27202.093010000001</v>
      </c>
      <c r="AA6500">
        <v>90500.491240000003</v>
      </c>
      <c r="AB6500">
        <v>40642.073250000001</v>
      </c>
      <c r="AC6500">
        <v>40928.812669999999</v>
      </c>
      <c r="AD6500">
        <v>35602.628129999997</v>
      </c>
      <c r="AE6500">
        <v>40059.263509999997</v>
      </c>
      <c r="AF6500">
        <v>49767.830600000001</v>
      </c>
      <c r="AG6500">
        <v>26737.716179999999</v>
      </c>
      <c r="AH6500">
        <v>316882.02490000002</v>
      </c>
      <c r="AI6500">
        <v>83433.330950000003</v>
      </c>
      <c r="AJ6500">
        <v>20707.49512</v>
      </c>
      <c r="AK6500">
        <v>31376.102490000001</v>
      </c>
      <c r="AL6500">
        <v>87376.04853</v>
      </c>
      <c r="AM6500">
        <v>22155.036100000001</v>
      </c>
      <c r="AN6500">
        <v>90502.497659999994</v>
      </c>
      <c r="AO6500">
        <v>29259.691729999999</v>
      </c>
      <c r="AP6500">
        <v>14026.586240000001</v>
      </c>
    </row>
    <row r="6501" spans="2:42" x14ac:dyDescent="0.3">
      <c r="B6501">
        <v>60.703449810612774</v>
      </c>
      <c r="C6501" s="83">
        <v>43371.791666666664</v>
      </c>
      <c r="D6501">
        <v>232667.3798</v>
      </c>
      <c r="E6501">
        <v>22183.676820000001</v>
      </c>
      <c r="F6501">
        <v>80852.724530000007</v>
      </c>
      <c r="G6501">
        <v>38051.521560000001</v>
      </c>
      <c r="H6501">
        <v>40340.224609999997</v>
      </c>
      <c r="I6501">
        <v>33851.416490000003</v>
      </c>
      <c r="J6501">
        <v>40748.123619999998</v>
      </c>
      <c r="K6501">
        <v>49444.885069999997</v>
      </c>
      <c r="L6501">
        <v>28806.996889999999</v>
      </c>
      <c r="M6501">
        <v>309494.49570000003</v>
      </c>
      <c r="N6501">
        <v>82479.249370000005</v>
      </c>
      <c r="O6501">
        <v>19718.578280000002</v>
      </c>
      <c r="P6501">
        <v>34151.536840000001</v>
      </c>
      <c r="Q6501">
        <v>83764.302540000004</v>
      </c>
      <c r="R6501">
        <v>22087.79147</v>
      </c>
      <c r="S6501">
        <v>88801.025670000003</v>
      </c>
      <c r="T6501">
        <v>30159.523929999999</v>
      </c>
      <c r="U6501">
        <v>13365.65295</v>
      </c>
      <c r="W6501" s="83">
        <f>Bühler!N6533</f>
        <v>45562.791666650905</v>
      </c>
      <c r="X6501" s="83">
        <v>43371.791666666664</v>
      </c>
      <c r="Y6501">
        <v>232667.3798</v>
      </c>
      <c r="Z6501">
        <v>22183.676820000001</v>
      </c>
      <c r="AA6501">
        <v>80852.724530000007</v>
      </c>
      <c r="AB6501">
        <v>38051.521560000001</v>
      </c>
      <c r="AC6501">
        <v>40340.224609999997</v>
      </c>
      <c r="AD6501">
        <v>33851.416490000003</v>
      </c>
      <c r="AE6501">
        <v>40748.123619999998</v>
      </c>
      <c r="AF6501">
        <v>49444.885069999997</v>
      </c>
      <c r="AG6501">
        <v>28806.996889999999</v>
      </c>
      <c r="AH6501">
        <v>309494.49570000003</v>
      </c>
      <c r="AI6501">
        <v>82479.249370000005</v>
      </c>
      <c r="AJ6501">
        <v>19718.578280000002</v>
      </c>
      <c r="AK6501">
        <v>34151.536840000001</v>
      </c>
      <c r="AL6501">
        <v>83764.302540000004</v>
      </c>
      <c r="AM6501">
        <v>22087.79147</v>
      </c>
      <c r="AN6501">
        <v>88801.025670000003</v>
      </c>
      <c r="AO6501">
        <v>30159.523929999999</v>
      </c>
      <c r="AP6501">
        <v>13365.65295</v>
      </c>
    </row>
    <row r="6502" spans="2:42" x14ac:dyDescent="0.3">
      <c r="B6502">
        <v>59.168600137171858</v>
      </c>
      <c r="C6502" s="83">
        <v>43371.833333333336</v>
      </c>
      <c r="D6502">
        <v>225065.8841</v>
      </c>
      <c r="E6502">
        <v>16778.676660000001</v>
      </c>
      <c r="F6502">
        <v>66386.450450000004</v>
      </c>
      <c r="G6502">
        <v>36117.113060000003</v>
      </c>
      <c r="H6502">
        <v>39780.241439999998</v>
      </c>
      <c r="I6502">
        <v>29889.380570000001</v>
      </c>
      <c r="J6502">
        <v>42105.194309999999</v>
      </c>
      <c r="K6502">
        <v>49002.787129999997</v>
      </c>
      <c r="L6502">
        <v>28971.13176</v>
      </c>
      <c r="M6502">
        <v>301669.11629999999</v>
      </c>
      <c r="N6502">
        <v>81466.477970000007</v>
      </c>
      <c r="O6502">
        <v>19014.882989999998</v>
      </c>
      <c r="P6502">
        <v>35239.245069999997</v>
      </c>
      <c r="Q6502">
        <v>80732.525439999998</v>
      </c>
      <c r="R6502">
        <v>20953.20132</v>
      </c>
      <c r="S6502">
        <v>82073.136299999998</v>
      </c>
      <c r="T6502">
        <v>30045.4735</v>
      </c>
      <c r="U6502">
        <v>13542.2613</v>
      </c>
      <c r="W6502" s="83">
        <f>Bühler!N6534</f>
        <v>45562.833333317569</v>
      </c>
      <c r="X6502" s="83">
        <v>43371.833333333336</v>
      </c>
      <c r="Y6502">
        <v>225065.8841</v>
      </c>
      <c r="Z6502">
        <v>16778.676660000001</v>
      </c>
      <c r="AA6502">
        <v>66386.450450000004</v>
      </c>
      <c r="AB6502">
        <v>36117.113060000003</v>
      </c>
      <c r="AC6502">
        <v>39780.241439999998</v>
      </c>
      <c r="AD6502">
        <v>29889.380570000001</v>
      </c>
      <c r="AE6502">
        <v>42105.194309999999</v>
      </c>
      <c r="AF6502">
        <v>49002.787129999997</v>
      </c>
      <c r="AG6502">
        <v>28971.13176</v>
      </c>
      <c r="AH6502">
        <v>301669.11629999999</v>
      </c>
      <c r="AI6502">
        <v>81466.477970000007</v>
      </c>
      <c r="AJ6502">
        <v>19014.882989999998</v>
      </c>
      <c r="AK6502">
        <v>35239.245069999997</v>
      </c>
      <c r="AL6502">
        <v>80732.525439999998</v>
      </c>
      <c r="AM6502">
        <v>20953.20132</v>
      </c>
      <c r="AN6502">
        <v>82073.136299999998</v>
      </c>
      <c r="AO6502">
        <v>30045.4735</v>
      </c>
      <c r="AP6502">
        <v>13542.2613</v>
      </c>
    </row>
    <row r="6503" spans="2:42" x14ac:dyDescent="0.3">
      <c r="B6503">
        <v>57.62300629159644</v>
      </c>
      <c r="C6503" s="83">
        <v>43371.875</v>
      </c>
      <c r="D6503">
        <v>218420.77359999999</v>
      </c>
      <c r="E6503">
        <v>14065.555189999999</v>
      </c>
      <c r="F6503">
        <v>57185.249259999997</v>
      </c>
      <c r="G6503">
        <v>33940.570500000002</v>
      </c>
      <c r="H6503">
        <v>37270.846949999999</v>
      </c>
      <c r="I6503">
        <v>25743.707750000001</v>
      </c>
      <c r="J6503">
        <v>41257.424939999997</v>
      </c>
      <c r="K6503">
        <v>49466.215270000001</v>
      </c>
      <c r="L6503">
        <v>26970.86982</v>
      </c>
      <c r="M6503">
        <v>293788.95809999999</v>
      </c>
      <c r="N6503">
        <v>79502.533599999995</v>
      </c>
      <c r="O6503">
        <v>18667.036779999999</v>
      </c>
      <c r="P6503">
        <v>33291.949560000001</v>
      </c>
      <c r="Q6503">
        <v>77405.999410000004</v>
      </c>
      <c r="R6503">
        <v>19681.538089999998</v>
      </c>
      <c r="S6503">
        <v>77366.651370000007</v>
      </c>
      <c r="T6503">
        <v>27405.910019999999</v>
      </c>
      <c r="U6503">
        <v>12709.22586</v>
      </c>
      <c r="W6503" s="83">
        <f>Bühler!N6535</f>
        <v>45562.874999984233</v>
      </c>
      <c r="X6503" s="83">
        <v>43371.875</v>
      </c>
      <c r="Y6503">
        <v>218420.77359999999</v>
      </c>
      <c r="Z6503">
        <v>14065.555189999999</v>
      </c>
      <c r="AA6503">
        <v>57185.249259999997</v>
      </c>
      <c r="AB6503">
        <v>33940.570500000002</v>
      </c>
      <c r="AC6503">
        <v>37270.846949999999</v>
      </c>
      <c r="AD6503">
        <v>25743.707750000001</v>
      </c>
      <c r="AE6503">
        <v>41257.424939999997</v>
      </c>
      <c r="AF6503">
        <v>49466.215270000001</v>
      </c>
      <c r="AG6503">
        <v>26970.86982</v>
      </c>
      <c r="AH6503">
        <v>293788.95809999999</v>
      </c>
      <c r="AI6503">
        <v>79502.533599999995</v>
      </c>
      <c r="AJ6503">
        <v>18667.036779999999</v>
      </c>
      <c r="AK6503">
        <v>33291.949560000001</v>
      </c>
      <c r="AL6503">
        <v>77405.999410000004</v>
      </c>
      <c r="AM6503">
        <v>19681.538089999998</v>
      </c>
      <c r="AN6503">
        <v>77366.651370000007</v>
      </c>
      <c r="AO6503">
        <v>27405.910019999999</v>
      </c>
      <c r="AP6503">
        <v>12709.22586</v>
      </c>
    </row>
    <row r="6504" spans="2:42" x14ac:dyDescent="0.3">
      <c r="B6504">
        <v>57.018209791396878</v>
      </c>
      <c r="C6504" s="83">
        <v>43371.916666666664</v>
      </c>
      <c r="D6504">
        <v>217177.85149999999</v>
      </c>
      <c r="E6504">
        <v>13341.37643</v>
      </c>
      <c r="F6504">
        <v>54494.346969999999</v>
      </c>
      <c r="G6504">
        <v>32999.77966</v>
      </c>
      <c r="H6504">
        <v>36081.118280000002</v>
      </c>
      <c r="I6504">
        <v>24520.03861</v>
      </c>
      <c r="J6504">
        <v>39252.046560000003</v>
      </c>
      <c r="K6504">
        <v>51751.330040000001</v>
      </c>
      <c r="L6504">
        <v>24612.026969999999</v>
      </c>
      <c r="M6504">
        <v>290705.42349999998</v>
      </c>
      <c r="N6504">
        <v>78323.254000000001</v>
      </c>
      <c r="O6504">
        <v>18298.6983</v>
      </c>
      <c r="P6504">
        <v>34771.892160000003</v>
      </c>
      <c r="Q6504">
        <v>76097.412840000005</v>
      </c>
      <c r="R6504">
        <v>20675.959589999999</v>
      </c>
      <c r="S6504">
        <v>75449.002649999995</v>
      </c>
      <c r="T6504">
        <v>23554.539680000002</v>
      </c>
      <c r="U6504">
        <v>12882.68288</v>
      </c>
      <c r="W6504" s="83">
        <f>Bühler!N6536</f>
        <v>45562.916666650897</v>
      </c>
      <c r="X6504" s="83">
        <v>43371.916666666664</v>
      </c>
      <c r="Y6504">
        <v>217177.85149999999</v>
      </c>
      <c r="Z6504">
        <v>13341.37643</v>
      </c>
      <c r="AA6504">
        <v>54494.346969999999</v>
      </c>
      <c r="AB6504">
        <v>32999.77966</v>
      </c>
      <c r="AC6504">
        <v>36081.118280000002</v>
      </c>
      <c r="AD6504">
        <v>24520.03861</v>
      </c>
      <c r="AE6504">
        <v>39252.046560000003</v>
      </c>
      <c r="AF6504">
        <v>51751.330040000001</v>
      </c>
      <c r="AG6504">
        <v>24612.026969999999</v>
      </c>
      <c r="AH6504">
        <v>290705.42349999998</v>
      </c>
      <c r="AI6504">
        <v>78323.254000000001</v>
      </c>
      <c r="AJ6504">
        <v>18298.6983</v>
      </c>
      <c r="AK6504">
        <v>34771.892160000003</v>
      </c>
      <c r="AL6504">
        <v>76097.412840000005</v>
      </c>
      <c r="AM6504">
        <v>20675.959589999999</v>
      </c>
      <c r="AN6504">
        <v>75449.002649999995</v>
      </c>
      <c r="AO6504">
        <v>23554.539680000002</v>
      </c>
      <c r="AP6504">
        <v>12882.68288</v>
      </c>
    </row>
    <row r="6505" spans="2:42" x14ac:dyDescent="0.3">
      <c r="B6505">
        <v>56.263956896098762</v>
      </c>
      <c r="C6505" s="83">
        <v>43371.958333333336</v>
      </c>
      <c r="D6505">
        <v>215362.47010000001</v>
      </c>
      <c r="E6505">
        <v>12861.123449999999</v>
      </c>
      <c r="F6505">
        <v>53178.218800000002</v>
      </c>
      <c r="G6505">
        <v>32827.764640000001</v>
      </c>
      <c r="H6505">
        <v>34799.408459999999</v>
      </c>
      <c r="I6505">
        <v>23365.65034</v>
      </c>
      <c r="J6505">
        <v>35602.821969999997</v>
      </c>
      <c r="K6505">
        <v>51177.287170000003</v>
      </c>
      <c r="L6505">
        <v>21302.329989999998</v>
      </c>
      <c r="M6505">
        <v>286859.89049999998</v>
      </c>
      <c r="N6505">
        <v>76044.630019999997</v>
      </c>
      <c r="O6505">
        <v>17640.003519999998</v>
      </c>
      <c r="P6505">
        <v>30374.364890000001</v>
      </c>
      <c r="Q6505">
        <v>75312.011240000007</v>
      </c>
      <c r="R6505">
        <v>19411.163570000001</v>
      </c>
      <c r="S6505">
        <v>73634.400240000003</v>
      </c>
      <c r="T6505">
        <v>21180.662270000001</v>
      </c>
      <c r="U6505">
        <v>12273.203450000001</v>
      </c>
      <c r="W6505" s="83">
        <f>Bühler!N6537</f>
        <v>45562.958333317561</v>
      </c>
      <c r="X6505" s="83">
        <v>43371.958333333336</v>
      </c>
      <c r="Y6505">
        <v>215362.47010000001</v>
      </c>
      <c r="Z6505">
        <v>12861.123449999999</v>
      </c>
      <c r="AA6505">
        <v>53178.218800000002</v>
      </c>
      <c r="AB6505">
        <v>32827.764640000001</v>
      </c>
      <c r="AC6505">
        <v>34799.408459999999</v>
      </c>
      <c r="AD6505">
        <v>23365.65034</v>
      </c>
      <c r="AE6505">
        <v>35602.821969999997</v>
      </c>
      <c r="AF6505">
        <v>51177.287170000003</v>
      </c>
      <c r="AG6505">
        <v>21302.329989999998</v>
      </c>
      <c r="AH6505">
        <v>286859.89049999998</v>
      </c>
      <c r="AI6505">
        <v>76044.630019999997</v>
      </c>
      <c r="AJ6505">
        <v>17640.003519999998</v>
      </c>
      <c r="AK6505">
        <v>30374.364890000001</v>
      </c>
      <c r="AL6505">
        <v>75312.011240000007</v>
      </c>
      <c r="AM6505">
        <v>19411.163570000001</v>
      </c>
      <c r="AN6505">
        <v>73634.400240000003</v>
      </c>
      <c r="AO6505">
        <v>21180.662270000001</v>
      </c>
      <c r="AP6505">
        <v>12273.203450000001</v>
      </c>
    </row>
    <row r="6506" spans="2:42" x14ac:dyDescent="0.3">
      <c r="B6506">
        <v>54.493877367332388</v>
      </c>
      <c r="C6506" s="83">
        <v>43372</v>
      </c>
      <c r="D6506">
        <v>211237.8786</v>
      </c>
      <c r="E6506">
        <v>12293.02937</v>
      </c>
      <c r="F6506">
        <v>51473.960370000001</v>
      </c>
      <c r="G6506">
        <v>32026.309290000001</v>
      </c>
      <c r="H6506">
        <v>33834.900730000001</v>
      </c>
      <c r="I6506">
        <v>21544.40929</v>
      </c>
      <c r="J6506">
        <v>32178.814040000001</v>
      </c>
      <c r="K6506">
        <v>49827.148780000003</v>
      </c>
      <c r="L6506">
        <v>18119.85385</v>
      </c>
      <c r="M6506">
        <v>277835.19959999999</v>
      </c>
      <c r="N6506">
        <v>73824.694520000005</v>
      </c>
      <c r="O6506">
        <v>17567.50546</v>
      </c>
      <c r="P6506">
        <v>28507.50186</v>
      </c>
      <c r="Q6506">
        <v>71963.532990000007</v>
      </c>
      <c r="R6506">
        <v>17423.366989999999</v>
      </c>
      <c r="S6506">
        <v>72505.747870000007</v>
      </c>
      <c r="T6506">
        <v>19919.100780000001</v>
      </c>
      <c r="U6506">
        <v>12069.21097</v>
      </c>
      <c r="W6506" s="83">
        <f>Bühler!N6538</f>
        <v>45562.999999984226</v>
      </c>
      <c r="X6506" s="83">
        <v>43372</v>
      </c>
      <c r="Y6506">
        <v>211237.8786</v>
      </c>
      <c r="Z6506">
        <v>12293.02937</v>
      </c>
      <c r="AA6506">
        <v>51473.960370000001</v>
      </c>
      <c r="AB6506">
        <v>32026.309290000001</v>
      </c>
      <c r="AC6506">
        <v>33834.900730000001</v>
      </c>
      <c r="AD6506">
        <v>21544.40929</v>
      </c>
      <c r="AE6506">
        <v>32178.814040000001</v>
      </c>
      <c r="AF6506">
        <v>49827.148780000003</v>
      </c>
      <c r="AG6506">
        <v>18119.85385</v>
      </c>
      <c r="AH6506">
        <v>277835.19959999999</v>
      </c>
      <c r="AI6506">
        <v>73824.694520000005</v>
      </c>
      <c r="AJ6506">
        <v>17567.50546</v>
      </c>
      <c r="AK6506">
        <v>28507.50186</v>
      </c>
      <c r="AL6506">
        <v>71963.532990000007</v>
      </c>
      <c r="AM6506">
        <v>17423.366989999999</v>
      </c>
      <c r="AN6506">
        <v>72505.747870000007</v>
      </c>
      <c r="AO6506">
        <v>19919.100780000001</v>
      </c>
      <c r="AP6506">
        <v>12069.21097</v>
      </c>
    </row>
    <row r="6507" spans="2:42" x14ac:dyDescent="0.3">
      <c r="B6507">
        <v>52.800812096122016</v>
      </c>
      <c r="C6507" s="83">
        <v>43372.041666666664</v>
      </c>
      <c r="D6507">
        <v>207244.73209999999</v>
      </c>
      <c r="E6507">
        <v>11952.999379999999</v>
      </c>
      <c r="F6507">
        <v>51379.882440000001</v>
      </c>
      <c r="G6507">
        <v>31673.304380000001</v>
      </c>
      <c r="H6507">
        <v>33309.391790000001</v>
      </c>
      <c r="I6507">
        <v>18192.52493</v>
      </c>
      <c r="J6507">
        <v>31209.189480000001</v>
      </c>
      <c r="K6507">
        <v>47987.74078</v>
      </c>
      <c r="L6507">
        <v>16662.108130000001</v>
      </c>
      <c r="M6507">
        <v>269203.16330000001</v>
      </c>
      <c r="N6507">
        <v>72915.453410000002</v>
      </c>
      <c r="O6507">
        <v>16924.945790000002</v>
      </c>
      <c r="P6507">
        <v>25231.83325</v>
      </c>
      <c r="Q6507">
        <v>71699.252590000004</v>
      </c>
      <c r="R6507">
        <v>16135.53535</v>
      </c>
      <c r="S6507">
        <v>71208.472210000007</v>
      </c>
      <c r="T6507">
        <v>18890.141919999998</v>
      </c>
      <c r="U6507">
        <v>11706.64993</v>
      </c>
      <c r="W6507" s="83">
        <f>Bühler!N6539</f>
        <v>45563.04166665089</v>
      </c>
      <c r="X6507" s="83">
        <v>43372.041666666664</v>
      </c>
      <c r="Y6507">
        <v>207244.73209999999</v>
      </c>
      <c r="Z6507">
        <v>11952.999379999999</v>
      </c>
      <c r="AA6507">
        <v>51379.882440000001</v>
      </c>
      <c r="AB6507">
        <v>31673.304380000001</v>
      </c>
      <c r="AC6507">
        <v>33309.391790000001</v>
      </c>
      <c r="AD6507">
        <v>18192.52493</v>
      </c>
      <c r="AE6507">
        <v>31209.189480000001</v>
      </c>
      <c r="AF6507">
        <v>47987.74078</v>
      </c>
      <c r="AG6507">
        <v>16662.108130000001</v>
      </c>
      <c r="AH6507">
        <v>269203.16330000001</v>
      </c>
      <c r="AI6507">
        <v>72915.453410000002</v>
      </c>
      <c r="AJ6507">
        <v>16924.945790000002</v>
      </c>
      <c r="AK6507">
        <v>25231.83325</v>
      </c>
      <c r="AL6507">
        <v>71699.252590000004</v>
      </c>
      <c r="AM6507">
        <v>16135.53535</v>
      </c>
      <c r="AN6507">
        <v>71208.472210000007</v>
      </c>
      <c r="AO6507">
        <v>18890.141919999998</v>
      </c>
      <c r="AP6507">
        <v>11706.64993</v>
      </c>
    </row>
    <row r="6508" spans="2:42" x14ac:dyDescent="0.3">
      <c r="B6508">
        <v>51.787215486201511</v>
      </c>
      <c r="C6508" s="83">
        <v>43372.083333333336</v>
      </c>
      <c r="D6508">
        <v>203272.54980000001</v>
      </c>
      <c r="E6508">
        <v>11826.941559999999</v>
      </c>
      <c r="F6508">
        <v>51483.193229999997</v>
      </c>
      <c r="G6508">
        <v>31069.875100000001</v>
      </c>
      <c r="H6508">
        <v>33026.021390000002</v>
      </c>
      <c r="I6508">
        <v>15866.21097</v>
      </c>
      <c r="J6508">
        <v>31180.38132</v>
      </c>
      <c r="K6508">
        <v>46040.123930000002</v>
      </c>
      <c r="L6508">
        <v>16202.06097</v>
      </c>
      <c r="M6508">
        <v>264035.3751</v>
      </c>
      <c r="N6508">
        <v>71500.539290000001</v>
      </c>
      <c r="O6508">
        <v>16860.122189999998</v>
      </c>
      <c r="P6508">
        <v>23676.58583</v>
      </c>
      <c r="Q6508">
        <v>72157.496539999993</v>
      </c>
      <c r="R6508">
        <v>14868.22833</v>
      </c>
      <c r="S6508">
        <v>70468.030199999994</v>
      </c>
      <c r="T6508">
        <v>18419.148420000001</v>
      </c>
      <c r="U6508">
        <v>11952.152700000001</v>
      </c>
      <c r="W6508" s="83">
        <f>Bühler!N6540</f>
        <v>45563.083333317554</v>
      </c>
      <c r="X6508" s="83">
        <v>43372.083333333336</v>
      </c>
      <c r="Y6508">
        <v>203272.54980000001</v>
      </c>
      <c r="Z6508">
        <v>11826.941559999999</v>
      </c>
      <c r="AA6508">
        <v>51483.193229999997</v>
      </c>
      <c r="AB6508">
        <v>31069.875100000001</v>
      </c>
      <c r="AC6508">
        <v>33026.021390000002</v>
      </c>
      <c r="AD6508">
        <v>15866.21097</v>
      </c>
      <c r="AE6508">
        <v>31180.38132</v>
      </c>
      <c r="AF6508">
        <v>46040.123930000002</v>
      </c>
      <c r="AG6508">
        <v>16202.06097</v>
      </c>
      <c r="AH6508">
        <v>264035.3751</v>
      </c>
      <c r="AI6508">
        <v>71500.539290000001</v>
      </c>
      <c r="AJ6508">
        <v>16860.122189999998</v>
      </c>
      <c r="AK6508">
        <v>23676.58583</v>
      </c>
      <c r="AL6508">
        <v>72157.496539999993</v>
      </c>
      <c r="AM6508">
        <v>14868.22833</v>
      </c>
      <c r="AN6508">
        <v>70468.030199999994</v>
      </c>
      <c r="AO6508">
        <v>18419.148420000001</v>
      </c>
      <c r="AP6508">
        <v>11952.152700000001</v>
      </c>
    </row>
    <row r="6509" spans="2:42" x14ac:dyDescent="0.3">
      <c r="B6509">
        <v>51.194321800677926</v>
      </c>
      <c r="C6509" s="83">
        <v>43372.125</v>
      </c>
      <c r="D6509">
        <v>197436.9191</v>
      </c>
      <c r="E6509">
        <v>11783.32784</v>
      </c>
      <c r="F6509">
        <v>52277.914879999997</v>
      </c>
      <c r="G6509">
        <v>30369.844059999999</v>
      </c>
      <c r="H6509">
        <v>32529.392970000001</v>
      </c>
      <c r="I6509">
        <v>15302.98803</v>
      </c>
      <c r="J6509">
        <v>31588.4221</v>
      </c>
      <c r="K6509">
        <v>44840.305039999999</v>
      </c>
      <c r="L6509">
        <v>15922.19729</v>
      </c>
      <c r="M6509">
        <v>261012.52660000001</v>
      </c>
      <c r="N6509">
        <v>70255.232539999997</v>
      </c>
      <c r="O6509">
        <v>17110.957170000001</v>
      </c>
      <c r="P6509">
        <v>23274.49394</v>
      </c>
      <c r="Q6509">
        <v>70750.329790000003</v>
      </c>
      <c r="R6509">
        <v>14166.76053</v>
      </c>
      <c r="S6509">
        <v>69900.337350000002</v>
      </c>
      <c r="T6509">
        <v>18109.778750000001</v>
      </c>
      <c r="U6509">
        <v>11493.55724</v>
      </c>
      <c r="W6509" s="83">
        <f>Bühler!N6541</f>
        <v>45563.124999984218</v>
      </c>
      <c r="X6509" s="83">
        <v>43372.125</v>
      </c>
      <c r="Y6509">
        <v>197436.9191</v>
      </c>
      <c r="Z6509">
        <v>11783.32784</v>
      </c>
      <c r="AA6509">
        <v>52277.914879999997</v>
      </c>
      <c r="AB6509">
        <v>30369.844059999999</v>
      </c>
      <c r="AC6509">
        <v>32529.392970000001</v>
      </c>
      <c r="AD6509">
        <v>15302.98803</v>
      </c>
      <c r="AE6509">
        <v>31588.4221</v>
      </c>
      <c r="AF6509">
        <v>44840.305039999999</v>
      </c>
      <c r="AG6509">
        <v>15922.19729</v>
      </c>
      <c r="AH6509">
        <v>261012.52660000001</v>
      </c>
      <c r="AI6509">
        <v>70255.232539999997</v>
      </c>
      <c r="AJ6509">
        <v>17110.957170000001</v>
      </c>
      <c r="AK6509">
        <v>23274.49394</v>
      </c>
      <c r="AL6509">
        <v>70750.329790000003</v>
      </c>
      <c r="AM6509">
        <v>14166.76053</v>
      </c>
      <c r="AN6509">
        <v>69900.337350000002</v>
      </c>
      <c r="AO6509">
        <v>18109.778750000001</v>
      </c>
      <c r="AP6509">
        <v>11493.55724</v>
      </c>
    </row>
    <row r="6510" spans="2:42" x14ac:dyDescent="0.3">
      <c r="B6510">
        <v>50.373722149843466</v>
      </c>
      <c r="C6510" s="83">
        <v>43372.166666666664</v>
      </c>
      <c r="D6510">
        <v>189122.79240000001</v>
      </c>
      <c r="E6510">
        <v>11927.98587</v>
      </c>
      <c r="F6510">
        <v>55369.631269999998</v>
      </c>
      <c r="G6510">
        <v>29515.878789999999</v>
      </c>
      <c r="H6510">
        <v>32751.31954</v>
      </c>
      <c r="I6510">
        <v>16879.402719999998</v>
      </c>
      <c r="J6510">
        <v>33555.019990000001</v>
      </c>
      <c r="K6510">
        <v>43381.262860000003</v>
      </c>
      <c r="L6510">
        <v>15669.097669999999</v>
      </c>
      <c r="M6510">
        <v>256828.72690000001</v>
      </c>
      <c r="N6510">
        <v>69514.544689999995</v>
      </c>
      <c r="O6510">
        <v>17062.272229999999</v>
      </c>
      <c r="P6510">
        <v>22575.2196</v>
      </c>
      <c r="Q6510">
        <v>70354.28082</v>
      </c>
      <c r="R6510">
        <v>14733.307930000001</v>
      </c>
      <c r="S6510">
        <v>70639.081969999999</v>
      </c>
      <c r="T6510">
        <v>18003.57908</v>
      </c>
      <c r="U6510">
        <v>11887.64184</v>
      </c>
      <c r="W6510" s="83">
        <f>Bühler!N6542</f>
        <v>45563.166666650883</v>
      </c>
      <c r="X6510" s="83">
        <v>43372.166666666664</v>
      </c>
      <c r="Y6510">
        <v>189122.79240000001</v>
      </c>
      <c r="Z6510">
        <v>11927.98587</v>
      </c>
      <c r="AA6510">
        <v>55369.631269999998</v>
      </c>
      <c r="AB6510">
        <v>29515.878789999999</v>
      </c>
      <c r="AC6510">
        <v>32751.31954</v>
      </c>
      <c r="AD6510">
        <v>16879.402719999998</v>
      </c>
      <c r="AE6510">
        <v>33555.019990000001</v>
      </c>
      <c r="AF6510">
        <v>43381.262860000003</v>
      </c>
      <c r="AG6510">
        <v>15669.097669999999</v>
      </c>
      <c r="AH6510">
        <v>256828.72690000001</v>
      </c>
      <c r="AI6510">
        <v>69514.544689999995</v>
      </c>
      <c r="AJ6510">
        <v>17062.272229999999</v>
      </c>
      <c r="AK6510">
        <v>22575.2196</v>
      </c>
      <c r="AL6510">
        <v>70354.28082</v>
      </c>
      <c r="AM6510">
        <v>14733.307930000001</v>
      </c>
      <c r="AN6510">
        <v>70639.081969999999</v>
      </c>
      <c r="AO6510">
        <v>18003.57908</v>
      </c>
      <c r="AP6510">
        <v>11887.64184</v>
      </c>
    </row>
    <row r="6511" spans="2:42" x14ac:dyDescent="0.3">
      <c r="B6511">
        <v>49.850940822826281</v>
      </c>
      <c r="C6511" s="83">
        <v>43372.208333333336</v>
      </c>
      <c r="D6511">
        <v>185210.85019999999</v>
      </c>
      <c r="E6511">
        <v>12621.91418</v>
      </c>
      <c r="F6511">
        <v>63534.385970000003</v>
      </c>
      <c r="G6511">
        <v>29867.545979999999</v>
      </c>
      <c r="H6511">
        <v>33538.372049999998</v>
      </c>
      <c r="I6511">
        <v>22969.807840000001</v>
      </c>
      <c r="J6511">
        <v>35898.115400000002</v>
      </c>
      <c r="K6511">
        <v>41994.586040000002</v>
      </c>
      <c r="L6511">
        <v>16162.69558</v>
      </c>
      <c r="M6511">
        <v>254163.34390000001</v>
      </c>
      <c r="N6511">
        <v>67411.429480000006</v>
      </c>
      <c r="O6511">
        <v>17455.796439999998</v>
      </c>
      <c r="P6511">
        <v>23709.0108</v>
      </c>
      <c r="Q6511">
        <v>69705.497829999993</v>
      </c>
      <c r="R6511">
        <v>15502.086939999999</v>
      </c>
      <c r="S6511">
        <v>72363.652480000004</v>
      </c>
      <c r="T6511">
        <v>18804.496350000001</v>
      </c>
      <c r="U6511">
        <v>12141.0429</v>
      </c>
      <c r="W6511" s="83">
        <f>Bühler!N6543</f>
        <v>45563.208333317547</v>
      </c>
      <c r="X6511" s="83">
        <v>43372.208333333336</v>
      </c>
      <c r="Y6511">
        <v>185210.85019999999</v>
      </c>
      <c r="Z6511">
        <v>12621.91418</v>
      </c>
      <c r="AA6511">
        <v>63534.385970000003</v>
      </c>
      <c r="AB6511">
        <v>29867.545979999999</v>
      </c>
      <c r="AC6511">
        <v>33538.372049999998</v>
      </c>
      <c r="AD6511">
        <v>22969.807840000001</v>
      </c>
      <c r="AE6511">
        <v>35898.115400000002</v>
      </c>
      <c r="AF6511">
        <v>41994.586040000002</v>
      </c>
      <c r="AG6511">
        <v>16162.69558</v>
      </c>
      <c r="AH6511">
        <v>254163.34390000001</v>
      </c>
      <c r="AI6511">
        <v>67411.429480000006</v>
      </c>
      <c r="AJ6511">
        <v>17455.796439999998</v>
      </c>
      <c r="AK6511">
        <v>23709.0108</v>
      </c>
      <c r="AL6511">
        <v>69705.497829999993</v>
      </c>
      <c r="AM6511">
        <v>15502.086939999999</v>
      </c>
      <c r="AN6511">
        <v>72363.652480000004</v>
      </c>
      <c r="AO6511">
        <v>18804.496350000001</v>
      </c>
      <c r="AP6511">
        <v>12141.0429</v>
      </c>
    </row>
    <row r="6512" spans="2:42" x14ac:dyDescent="0.3">
      <c r="B6512">
        <v>50.057873835469323</v>
      </c>
      <c r="C6512" s="83">
        <v>43372.25</v>
      </c>
      <c r="D6512">
        <v>186486.65830000001</v>
      </c>
      <c r="E6512">
        <v>14307.0136</v>
      </c>
      <c r="F6512">
        <v>74468.668120000002</v>
      </c>
      <c r="G6512">
        <v>31079.478370000001</v>
      </c>
      <c r="H6512">
        <v>34317.91732</v>
      </c>
      <c r="I6512">
        <v>25555.97147</v>
      </c>
      <c r="J6512">
        <v>39259.74699</v>
      </c>
      <c r="K6512">
        <v>40469.056790000002</v>
      </c>
      <c r="L6512">
        <v>16938.98199</v>
      </c>
      <c r="M6512">
        <v>255218.3849</v>
      </c>
      <c r="N6512">
        <v>68550.352750000005</v>
      </c>
      <c r="O6512">
        <v>17593.396990000001</v>
      </c>
      <c r="P6512">
        <v>24597.58625</v>
      </c>
      <c r="Q6512">
        <v>67787.46312</v>
      </c>
      <c r="R6512">
        <v>16416.661820000001</v>
      </c>
      <c r="S6512">
        <v>76964.406080000001</v>
      </c>
      <c r="T6512">
        <v>20082.909960000001</v>
      </c>
      <c r="U6512">
        <v>12876.06619</v>
      </c>
      <c r="W6512" s="83">
        <f>Bühler!N6544</f>
        <v>45563.249999984211</v>
      </c>
      <c r="X6512" s="83">
        <v>43372.25</v>
      </c>
      <c r="Y6512">
        <v>186486.65830000001</v>
      </c>
      <c r="Z6512">
        <v>14307.0136</v>
      </c>
      <c r="AA6512">
        <v>74468.668120000002</v>
      </c>
      <c r="AB6512">
        <v>31079.478370000001</v>
      </c>
      <c r="AC6512">
        <v>34317.91732</v>
      </c>
      <c r="AD6512">
        <v>25555.97147</v>
      </c>
      <c r="AE6512">
        <v>39259.74699</v>
      </c>
      <c r="AF6512">
        <v>40469.056790000002</v>
      </c>
      <c r="AG6512">
        <v>16938.98199</v>
      </c>
      <c r="AH6512">
        <v>255218.3849</v>
      </c>
      <c r="AI6512">
        <v>68550.352750000005</v>
      </c>
      <c r="AJ6512">
        <v>17593.396990000001</v>
      </c>
      <c r="AK6512">
        <v>24597.58625</v>
      </c>
      <c r="AL6512">
        <v>67787.46312</v>
      </c>
      <c r="AM6512">
        <v>16416.661820000001</v>
      </c>
      <c r="AN6512">
        <v>76964.406080000001</v>
      </c>
      <c r="AO6512">
        <v>20082.909960000001</v>
      </c>
      <c r="AP6512">
        <v>12876.06619</v>
      </c>
    </row>
    <row r="6513" spans="2:42" x14ac:dyDescent="0.3">
      <c r="B6513">
        <v>49.984654934928962</v>
      </c>
      <c r="C6513" s="83">
        <v>43372.291666666664</v>
      </c>
      <c r="D6513">
        <v>187399.56409999999</v>
      </c>
      <c r="E6513">
        <v>16518.42844</v>
      </c>
      <c r="F6513">
        <v>77352.566690000007</v>
      </c>
      <c r="G6513">
        <v>32589.244060000001</v>
      </c>
      <c r="H6513">
        <v>34904.830990000002</v>
      </c>
      <c r="I6513">
        <v>27839.104759999998</v>
      </c>
      <c r="J6513">
        <v>39942.925669999997</v>
      </c>
      <c r="K6513">
        <v>41446.914680000002</v>
      </c>
      <c r="L6513">
        <v>19479.977279999999</v>
      </c>
      <c r="M6513">
        <v>254845.0808</v>
      </c>
      <c r="N6513">
        <v>70503.023490000007</v>
      </c>
      <c r="O6513">
        <v>18256.72107</v>
      </c>
      <c r="P6513">
        <v>26985.788680000001</v>
      </c>
      <c r="Q6513">
        <v>65223.719819999998</v>
      </c>
      <c r="R6513">
        <v>17322.858759999999</v>
      </c>
      <c r="S6513">
        <v>84339.659660000005</v>
      </c>
      <c r="T6513">
        <v>21732.011460000002</v>
      </c>
      <c r="U6513">
        <v>12920.31565</v>
      </c>
      <c r="W6513" s="83">
        <f>Bühler!N6545</f>
        <v>45563.291666650875</v>
      </c>
      <c r="X6513" s="83">
        <v>43372.291666666664</v>
      </c>
      <c r="Y6513">
        <v>187399.56409999999</v>
      </c>
      <c r="Z6513">
        <v>16518.42844</v>
      </c>
      <c r="AA6513">
        <v>77352.566690000007</v>
      </c>
      <c r="AB6513">
        <v>32589.244060000001</v>
      </c>
      <c r="AC6513">
        <v>34904.830990000002</v>
      </c>
      <c r="AD6513">
        <v>27839.104759999998</v>
      </c>
      <c r="AE6513">
        <v>39942.925669999997</v>
      </c>
      <c r="AF6513">
        <v>41446.914680000002</v>
      </c>
      <c r="AG6513">
        <v>19479.977279999999</v>
      </c>
      <c r="AH6513">
        <v>254845.0808</v>
      </c>
      <c r="AI6513">
        <v>70503.023490000007</v>
      </c>
      <c r="AJ6513">
        <v>18256.72107</v>
      </c>
      <c r="AK6513">
        <v>26985.788680000001</v>
      </c>
      <c r="AL6513">
        <v>65223.719819999998</v>
      </c>
      <c r="AM6513">
        <v>17322.858759999999</v>
      </c>
      <c r="AN6513">
        <v>84339.659660000005</v>
      </c>
      <c r="AO6513">
        <v>21732.011460000002</v>
      </c>
      <c r="AP6513">
        <v>12920.31565</v>
      </c>
    </row>
    <row r="6514" spans="2:42" x14ac:dyDescent="0.3">
      <c r="B6514">
        <v>49.43109519544906</v>
      </c>
      <c r="C6514" s="83">
        <v>43372.333333333336</v>
      </c>
      <c r="D6514">
        <v>185780.18890000001</v>
      </c>
      <c r="E6514">
        <v>19295.332880000002</v>
      </c>
      <c r="F6514">
        <v>81755.899919999996</v>
      </c>
      <c r="G6514">
        <v>33541.167229999999</v>
      </c>
      <c r="H6514">
        <v>34518.498959999997</v>
      </c>
      <c r="I6514">
        <v>28403.426899999999</v>
      </c>
      <c r="J6514">
        <v>39382.373520000001</v>
      </c>
      <c r="K6514">
        <v>42438.779029999998</v>
      </c>
      <c r="L6514">
        <v>22241.403460000001</v>
      </c>
      <c r="M6514">
        <v>252022.7751</v>
      </c>
      <c r="N6514">
        <v>70847.554359999995</v>
      </c>
      <c r="O6514">
        <v>18163.346880000001</v>
      </c>
      <c r="P6514">
        <v>29260.115819999999</v>
      </c>
      <c r="Q6514">
        <v>63478.165840000001</v>
      </c>
      <c r="R6514">
        <v>16577.597539999999</v>
      </c>
      <c r="S6514">
        <v>87089.214869999996</v>
      </c>
      <c r="T6514">
        <v>22974.141909999998</v>
      </c>
      <c r="U6514">
        <v>12909.76612</v>
      </c>
      <c r="W6514" s="83">
        <f>Bühler!N6546</f>
        <v>45563.33333331754</v>
      </c>
      <c r="X6514" s="83">
        <v>43372.333333333336</v>
      </c>
      <c r="Y6514">
        <v>185780.18890000001</v>
      </c>
      <c r="Z6514">
        <v>19295.332880000002</v>
      </c>
      <c r="AA6514">
        <v>81755.899919999996</v>
      </c>
      <c r="AB6514">
        <v>33541.167229999999</v>
      </c>
      <c r="AC6514">
        <v>34518.498959999997</v>
      </c>
      <c r="AD6514">
        <v>28403.426899999999</v>
      </c>
      <c r="AE6514">
        <v>39382.373520000001</v>
      </c>
      <c r="AF6514">
        <v>42438.779029999998</v>
      </c>
      <c r="AG6514">
        <v>22241.403460000001</v>
      </c>
      <c r="AH6514">
        <v>252022.7751</v>
      </c>
      <c r="AI6514">
        <v>70847.554359999995</v>
      </c>
      <c r="AJ6514">
        <v>18163.346880000001</v>
      </c>
      <c r="AK6514">
        <v>29260.115819999999</v>
      </c>
      <c r="AL6514">
        <v>63478.165840000001</v>
      </c>
      <c r="AM6514">
        <v>16577.597539999999</v>
      </c>
      <c r="AN6514">
        <v>87089.214869999996</v>
      </c>
      <c r="AO6514">
        <v>22974.141909999998</v>
      </c>
      <c r="AP6514">
        <v>12909.76612</v>
      </c>
    </row>
    <row r="6515" spans="2:42" x14ac:dyDescent="0.3">
      <c r="B6515">
        <v>48.995177891904106</v>
      </c>
      <c r="C6515" s="83">
        <v>43372.375</v>
      </c>
      <c r="D6515">
        <v>184278.2187</v>
      </c>
      <c r="E6515">
        <v>22742.331040000001</v>
      </c>
      <c r="F6515">
        <v>86071.332219999997</v>
      </c>
      <c r="G6515">
        <v>33923.315410000003</v>
      </c>
      <c r="H6515">
        <v>35216.273419999998</v>
      </c>
      <c r="I6515">
        <v>28039.015159999999</v>
      </c>
      <c r="J6515">
        <v>40188.8819</v>
      </c>
      <c r="K6515">
        <v>43647.520129999997</v>
      </c>
      <c r="L6515">
        <v>25162.33482</v>
      </c>
      <c r="M6515">
        <v>249800.2654</v>
      </c>
      <c r="N6515">
        <v>70638.374859999996</v>
      </c>
      <c r="O6515">
        <v>18395.123</v>
      </c>
      <c r="P6515">
        <v>32919.063370000003</v>
      </c>
      <c r="Q6515">
        <v>62898.14847</v>
      </c>
      <c r="R6515">
        <v>17019.349630000001</v>
      </c>
      <c r="S6515">
        <v>88764.848159999994</v>
      </c>
      <c r="T6515">
        <v>25634.472549999999</v>
      </c>
      <c r="U6515">
        <v>12535.01715</v>
      </c>
      <c r="W6515" s="83">
        <f>Bühler!N6547</f>
        <v>45563.374999984204</v>
      </c>
      <c r="X6515" s="83">
        <v>43372.375</v>
      </c>
      <c r="Y6515">
        <v>184278.2187</v>
      </c>
      <c r="Z6515">
        <v>22742.331040000001</v>
      </c>
      <c r="AA6515">
        <v>86071.332219999997</v>
      </c>
      <c r="AB6515">
        <v>33923.315410000003</v>
      </c>
      <c r="AC6515">
        <v>35216.273419999998</v>
      </c>
      <c r="AD6515">
        <v>28039.015159999999</v>
      </c>
      <c r="AE6515">
        <v>40188.8819</v>
      </c>
      <c r="AF6515">
        <v>43647.520129999997</v>
      </c>
      <c r="AG6515">
        <v>25162.33482</v>
      </c>
      <c r="AH6515">
        <v>249800.2654</v>
      </c>
      <c r="AI6515">
        <v>70638.374859999996</v>
      </c>
      <c r="AJ6515">
        <v>18395.123</v>
      </c>
      <c r="AK6515">
        <v>32919.063370000003</v>
      </c>
      <c r="AL6515">
        <v>62898.14847</v>
      </c>
      <c r="AM6515">
        <v>17019.349630000001</v>
      </c>
      <c r="AN6515">
        <v>88764.848159999994</v>
      </c>
      <c r="AO6515">
        <v>25634.472549999999</v>
      </c>
      <c r="AP6515">
        <v>12535.01715</v>
      </c>
    </row>
    <row r="6516" spans="2:42" x14ac:dyDescent="0.3">
      <c r="B6516">
        <v>49.004203861070813</v>
      </c>
      <c r="C6516" s="83">
        <v>43372.416666666664</v>
      </c>
      <c r="D6516">
        <v>183131.9038</v>
      </c>
      <c r="E6516">
        <v>24358.368770000001</v>
      </c>
      <c r="F6516">
        <v>87327.871759999995</v>
      </c>
      <c r="G6516">
        <v>34581.529949999996</v>
      </c>
      <c r="H6516">
        <v>35532.146330000003</v>
      </c>
      <c r="I6516">
        <v>27050.437730000001</v>
      </c>
      <c r="J6516">
        <v>39435.486969999998</v>
      </c>
      <c r="K6516">
        <v>44189.283040000002</v>
      </c>
      <c r="L6516">
        <v>28085.72867</v>
      </c>
      <c r="M6516">
        <v>249846.28400000001</v>
      </c>
      <c r="N6516">
        <v>72247.840410000004</v>
      </c>
      <c r="O6516">
        <v>18910.701290000001</v>
      </c>
      <c r="P6516">
        <v>33700.734129999997</v>
      </c>
      <c r="Q6516">
        <v>62646.424290000003</v>
      </c>
      <c r="R6516">
        <v>17755.845450000001</v>
      </c>
      <c r="S6516">
        <v>89025.467600000004</v>
      </c>
      <c r="T6516">
        <v>27796.636330000001</v>
      </c>
      <c r="U6516">
        <v>12419.614030000001</v>
      </c>
      <c r="W6516" s="83">
        <f>Bühler!N6548</f>
        <v>45563.416666650868</v>
      </c>
      <c r="X6516" s="83">
        <v>43372.416666666664</v>
      </c>
      <c r="Y6516">
        <v>183131.9038</v>
      </c>
      <c r="Z6516">
        <v>24358.368770000001</v>
      </c>
      <c r="AA6516">
        <v>87327.871759999995</v>
      </c>
      <c r="AB6516">
        <v>34581.529949999996</v>
      </c>
      <c r="AC6516">
        <v>35532.146330000003</v>
      </c>
      <c r="AD6516">
        <v>27050.437730000001</v>
      </c>
      <c r="AE6516">
        <v>39435.486969999998</v>
      </c>
      <c r="AF6516">
        <v>44189.283040000002</v>
      </c>
      <c r="AG6516">
        <v>28085.72867</v>
      </c>
      <c r="AH6516">
        <v>249846.28400000001</v>
      </c>
      <c r="AI6516">
        <v>72247.840410000004</v>
      </c>
      <c r="AJ6516">
        <v>18910.701290000001</v>
      </c>
      <c r="AK6516">
        <v>33700.734129999997</v>
      </c>
      <c r="AL6516">
        <v>62646.424290000003</v>
      </c>
      <c r="AM6516">
        <v>17755.845450000001</v>
      </c>
      <c r="AN6516">
        <v>89025.467600000004</v>
      </c>
      <c r="AO6516">
        <v>27796.636330000001</v>
      </c>
      <c r="AP6516">
        <v>12419.614030000001</v>
      </c>
    </row>
    <row r="6517" spans="2:42" x14ac:dyDescent="0.3">
      <c r="B6517">
        <v>49.219487149491812</v>
      </c>
      <c r="C6517" s="83">
        <v>43372.458333333336</v>
      </c>
      <c r="D6517">
        <v>179656.66390000001</v>
      </c>
      <c r="E6517">
        <v>24268.390220000001</v>
      </c>
      <c r="F6517">
        <v>88719.966050000003</v>
      </c>
      <c r="G6517">
        <v>34654.42035</v>
      </c>
      <c r="H6517">
        <v>35640.077160000001</v>
      </c>
      <c r="I6517">
        <v>27075.962810000001</v>
      </c>
      <c r="J6517">
        <v>38877.814989999999</v>
      </c>
      <c r="K6517">
        <v>45482.696680000001</v>
      </c>
      <c r="L6517">
        <v>30314.59693</v>
      </c>
      <c r="M6517">
        <v>250943.89859999999</v>
      </c>
      <c r="N6517">
        <v>72345.81826</v>
      </c>
      <c r="O6517">
        <v>19218.81941</v>
      </c>
      <c r="P6517">
        <v>32429.996569999999</v>
      </c>
      <c r="Q6517">
        <v>63314.080840000002</v>
      </c>
      <c r="R6517">
        <v>18126.52187</v>
      </c>
      <c r="S6517">
        <v>90854.459870000006</v>
      </c>
      <c r="T6517">
        <v>28876.52822</v>
      </c>
      <c r="U6517">
        <v>11530.93483</v>
      </c>
      <c r="W6517" s="83">
        <f>Bühler!N6549</f>
        <v>45563.458333317532</v>
      </c>
      <c r="X6517" s="83">
        <v>43372.458333333336</v>
      </c>
      <c r="Y6517">
        <v>179656.66390000001</v>
      </c>
      <c r="Z6517">
        <v>24268.390220000001</v>
      </c>
      <c r="AA6517">
        <v>88719.966050000003</v>
      </c>
      <c r="AB6517">
        <v>34654.42035</v>
      </c>
      <c r="AC6517">
        <v>35640.077160000001</v>
      </c>
      <c r="AD6517">
        <v>27075.962810000001</v>
      </c>
      <c r="AE6517">
        <v>38877.814989999999</v>
      </c>
      <c r="AF6517">
        <v>45482.696680000001</v>
      </c>
      <c r="AG6517">
        <v>30314.59693</v>
      </c>
      <c r="AH6517">
        <v>250943.89859999999</v>
      </c>
      <c r="AI6517">
        <v>72345.81826</v>
      </c>
      <c r="AJ6517">
        <v>19218.81941</v>
      </c>
      <c r="AK6517">
        <v>32429.996569999999</v>
      </c>
      <c r="AL6517">
        <v>63314.080840000002</v>
      </c>
      <c r="AM6517">
        <v>18126.52187</v>
      </c>
      <c r="AN6517">
        <v>90854.459870000006</v>
      </c>
      <c r="AO6517">
        <v>28876.52822</v>
      </c>
      <c r="AP6517">
        <v>11530.93483</v>
      </c>
    </row>
    <row r="6518" spans="2:42" x14ac:dyDescent="0.3">
      <c r="B6518">
        <v>48.370394283196745</v>
      </c>
      <c r="C6518" s="83">
        <v>43372.5</v>
      </c>
      <c r="D6518">
        <v>173858.73360000001</v>
      </c>
      <c r="E6518">
        <v>23338.014169999999</v>
      </c>
      <c r="F6518">
        <v>88113.346709999998</v>
      </c>
      <c r="G6518">
        <v>33645.912929999999</v>
      </c>
      <c r="H6518">
        <v>35402.927499999998</v>
      </c>
      <c r="I6518">
        <v>27409.15597</v>
      </c>
      <c r="J6518">
        <v>38559.8217</v>
      </c>
      <c r="K6518">
        <v>45182.371919999998</v>
      </c>
      <c r="L6518">
        <v>32459.468639999999</v>
      </c>
      <c r="M6518">
        <v>246614.8272</v>
      </c>
      <c r="N6518">
        <v>72526.925359999994</v>
      </c>
      <c r="O6518">
        <v>18953.08857</v>
      </c>
      <c r="P6518">
        <v>32908.784489999998</v>
      </c>
      <c r="Q6518">
        <v>61217.306799999998</v>
      </c>
      <c r="R6518">
        <v>19238.995009999999</v>
      </c>
      <c r="S6518">
        <v>86053.283290000007</v>
      </c>
      <c r="T6518">
        <v>28074.371719999999</v>
      </c>
      <c r="U6518">
        <v>11034.884099999999</v>
      </c>
      <c r="W6518" s="83">
        <f>Bühler!N6550</f>
        <v>45563.499999984197</v>
      </c>
      <c r="X6518" s="83">
        <v>43372.5</v>
      </c>
      <c r="Y6518">
        <v>173858.73360000001</v>
      </c>
      <c r="Z6518">
        <v>23338.014169999999</v>
      </c>
      <c r="AA6518">
        <v>88113.346709999998</v>
      </c>
      <c r="AB6518">
        <v>33645.912929999999</v>
      </c>
      <c r="AC6518">
        <v>35402.927499999998</v>
      </c>
      <c r="AD6518">
        <v>27409.15597</v>
      </c>
      <c r="AE6518">
        <v>38559.8217</v>
      </c>
      <c r="AF6518">
        <v>45182.371919999998</v>
      </c>
      <c r="AG6518">
        <v>32459.468639999999</v>
      </c>
      <c r="AH6518">
        <v>246614.8272</v>
      </c>
      <c r="AI6518">
        <v>72526.925359999994</v>
      </c>
      <c r="AJ6518">
        <v>18953.08857</v>
      </c>
      <c r="AK6518">
        <v>32908.784489999998</v>
      </c>
      <c r="AL6518">
        <v>61217.306799999998</v>
      </c>
      <c r="AM6518">
        <v>19238.995009999999</v>
      </c>
      <c r="AN6518">
        <v>86053.283290000007</v>
      </c>
      <c r="AO6518">
        <v>28074.371719999999</v>
      </c>
      <c r="AP6518">
        <v>11034.884099999999</v>
      </c>
    </row>
    <row r="6519" spans="2:42" x14ac:dyDescent="0.3">
      <c r="B6519">
        <v>48.078889818850328</v>
      </c>
      <c r="C6519" s="83">
        <v>43372.541666666664</v>
      </c>
      <c r="D6519">
        <v>170123.3333</v>
      </c>
      <c r="E6519">
        <v>22951.75347</v>
      </c>
      <c r="F6519">
        <v>87402.451419999998</v>
      </c>
      <c r="G6519">
        <v>32797.829400000002</v>
      </c>
      <c r="H6519">
        <v>35130.70981</v>
      </c>
      <c r="I6519">
        <v>27583.951430000001</v>
      </c>
      <c r="J6519">
        <v>37541.719080000003</v>
      </c>
      <c r="K6519">
        <v>45726.636870000002</v>
      </c>
      <c r="L6519">
        <v>32576.169959999999</v>
      </c>
      <c r="M6519">
        <v>245128.60149999999</v>
      </c>
      <c r="N6519">
        <v>71620.607350000006</v>
      </c>
      <c r="O6519">
        <v>18064.939719999998</v>
      </c>
      <c r="P6519">
        <v>32472.728060000001</v>
      </c>
      <c r="Q6519">
        <v>58671.189109999999</v>
      </c>
      <c r="R6519">
        <v>20040.408749999999</v>
      </c>
      <c r="S6519">
        <v>86063.426290000003</v>
      </c>
      <c r="T6519">
        <v>27176.12701</v>
      </c>
      <c r="U6519">
        <v>10672.2534</v>
      </c>
      <c r="W6519" s="83">
        <f>Bühler!N6551</f>
        <v>45563.541666650861</v>
      </c>
      <c r="X6519" s="83">
        <v>43372.541666666664</v>
      </c>
      <c r="Y6519">
        <v>170123.3333</v>
      </c>
      <c r="Z6519">
        <v>22951.75347</v>
      </c>
      <c r="AA6519">
        <v>87402.451419999998</v>
      </c>
      <c r="AB6519">
        <v>32797.829400000002</v>
      </c>
      <c r="AC6519">
        <v>35130.70981</v>
      </c>
      <c r="AD6519">
        <v>27583.951430000001</v>
      </c>
      <c r="AE6519">
        <v>37541.719080000003</v>
      </c>
      <c r="AF6519">
        <v>45726.636870000002</v>
      </c>
      <c r="AG6519">
        <v>32576.169959999999</v>
      </c>
      <c r="AH6519">
        <v>245128.60149999999</v>
      </c>
      <c r="AI6519">
        <v>71620.607350000006</v>
      </c>
      <c r="AJ6519">
        <v>18064.939719999998</v>
      </c>
      <c r="AK6519">
        <v>32472.728060000001</v>
      </c>
      <c r="AL6519">
        <v>58671.189109999999</v>
      </c>
      <c r="AM6519">
        <v>20040.408749999999</v>
      </c>
      <c r="AN6519">
        <v>86063.426290000003</v>
      </c>
      <c r="AO6519">
        <v>27176.12701</v>
      </c>
      <c r="AP6519">
        <v>10672.2534</v>
      </c>
    </row>
    <row r="6520" spans="2:42" x14ac:dyDescent="0.3">
      <c r="B6520">
        <v>47.675362961554093</v>
      </c>
      <c r="C6520" s="83">
        <v>43372.583333333336</v>
      </c>
      <c r="D6520">
        <v>168964.10860000001</v>
      </c>
      <c r="E6520">
        <v>23884.12715</v>
      </c>
      <c r="F6520">
        <v>88137.282460000002</v>
      </c>
      <c r="G6520">
        <v>31910.910820000001</v>
      </c>
      <c r="H6520">
        <v>34676.503270000001</v>
      </c>
      <c r="I6520">
        <v>27930.46126</v>
      </c>
      <c r="J6520">
        <v>37467.888140000003</v>
      </c>
      <c r="K6520">
        <v>45499.965579999996</v>
      </c>
      <c r="L6520">
        <v>30438.003710000001</v>
      </c>
      <c r="M6520">
        <v>243071.2334</v>
      </c>
      <c r="N6520">
        <v>71380.966119999997</v>
      </c>
      <c r="O6520">
        <v>17883.28298</v>
      </c>
      <c r="P6520">
        <v>29854.425589999999</v>
      </c>
      <c r="Q6520">
        <v>57852.967210000003</v>
      </c>
      <c r="R6520">
        <v>19238.788410000001</v>
      </c>
      <c r="S6520">
        <v>82713.996499999994</v>
      </c>
      <c r="T6520">
        <v>27548.751199999999</v>
      </c>
      <c r="U6520">
        <v>11054.43663</v>
      </c>
      <c r="W6520" s="83">
        <f>Bühler!N6552</f>
        <v>45563.583333317525</v>
      </c>
      <c r="X6520" s="83">
        <v>43372.583333333336</v>
      </c>
      <c r="Y6520">
        <v>168964.10860000001</v>
      </c>
      <c r="Z6520">
        <v>23884.12715</v>
      </c>
      <c r="AA6520">
        <v>88137.282460000002</v>
      </c>
      <c r="AB6520">
        <v>31910.910820000001</v>
      </c>
      <c r="AC6520">
        <v>34676.503270000001</v>
      </c>
      <c r="AD6520">
        <v>27930.46126</v>
      </c>
      <c r="AE6520">
        <v>37467.888140000003</v>
      </c>
      <c r="AF6520">
        <v>45499.965579999996</v>
      </c>
      <c r="AG6520">
        <v>30438.003710000001</v>
      </c>
      <c r="AH6520">
        <v>243071.2334</v>
      </c>
      <c r="AI6520">
        <v>71380.966119999997</v>
      </c>
      <c r="AJ6520">
        <v>17883.28298</v>
      </c>
      <c r="AK6520">
        <v>29854.425589999999</v>
      </c>
      <c r="AL6520">
        <v>57852.967210000003</v>
      </c>
      <c r="AM6520">
        <v>19238.788410000001</v>
      </c>
      <c r="AN6520">
        <v>82713.996499999994</v>
      </c>
      <c r="AO6520">
        <v>27548.751199999999</v>
      </c>
      <c r="AP6520">
        <v>11054.43663</v>
      </c>
    </row>
    <row r="6521" spans="2:42" x14ac:dyDescent="0.3">
      <c r="B6521">
        <v>47.441207841184685</v>
      </c>
      <c r="C6521" s="83">
        <v>43372.625</v>
      </c>
      <c r="D6521">
        <v>168318.7107</v>
      </c>
      <c r="E6521">
        <v>23996.470239999999</v>
      </c>
      <c r="F6521">
        <v>89072.526169999997</v>
      </c>
      <c r="G6521">
        <v>31653.87283</v>
      </c>
      <c r="H6521">
        <v>34495.939140000002</v>
      </c>
      <c r="I6521">
        <v>28010.950390000002</v>
      </c>
      <c r="J6521">
        <v>37208.736199999999</v>
      </c>
      <c r="K6521">
        <v>45053.536269999997</v>
      </c>
      <c r="L6521">
        <v>28262.41228</v>
      </c>
      <c r="M6521">
        <v>241877.4014</v>
      </c>
      <c r="N6521">
        <v>70930.351800000004</v>
      </c>
      <c r="O6521">
        <v>17198.39961</v>
      </c>
      <c r="P6521">
        <v>27817.23259</v>
      </c>
      <c r="Q6521">
        <v>57417.983030000003</v>
      </c>
      <c r="R6521">
        <v>19583.951959999999</v>
      </c>
      <c r="S6521">
        <v>81927.645879999996</v>
      </c>
      <c r="T6521">
        <v>27262.219369999999</v>
      </c>
      <c r="U6521">
        <v>10804.69025</v>
      </c>
      <c r="W6521" s="83">
        <f>Bühler!N6553</f>
        <v>45563.624999984189</v>
      </c>
      <c r="X6521" s="83">
        <v>43372.625</v>
      </c>
      <c r="Y6521">
        <v>168318.7107</v>
      </c>
      <c r="Z6521">
        <v>23996.470239999999</v>
      </c>
      <c r="AA6521">
        <v>89072.526169999997</v>
      </c>
      <c r="AB6521">
        <v>31653.87283</v>
      </c>
      <c r="AC6521">
        <v>34495.939140000002</v>
      </c>
      <c r="AD6521">
        <v>28010.950390000002</v>
      </c>
      <c r="AE6521">
        <v>37208.736199999999</v>
      </c>
      <c r="AF6521">
        <v>45053.536269999997</v>
      </c>
      <c r="AG6521">
        <v>28262.41228</v>
      </c>
      <c r="AH6521">
        <v>241877.4014</v>
      </c>
      <c r="AI6521">
        <v>70930.351800000004</v>
      </c>
      <c r="AJ6521">
        <v>17198.39961</v>
      </c>
      <c r="AK6521">
        <v>27817.23259</v>
      </c>
      <c r="AL6521">
        <v>57417.983030000003</v>
      </c>
      <c r="AM6521">
        <v>19583.951959999999</v>
      </c>
      <c r="AN6521">
        <v>81927.645879999996</v>
      </c>
      <c r="AO6521">
        <v>27262.219369999999</v>
      </c>
      <c r="AP6521">
        <v>10804.69025</v>
      </c>
    </row>
    <row r="6522" spans="2:42" x14ac:dyDescent="0.3">
      <c r="B6522">
        <v>46.801866580230175</v>
      </c>
      <c r="C6522" s="83">
        <v>43372.666666666664</v>
      </c>
      <c r="D6522">
        <v>167315.75779999999</v>
      </c>
      <c r="E6522">
        <v>23896.621719999999</v>
      </c>
      <c r="F6522">
        <v>88489.512740000006</v>
      </c>
      <c r="G6522">
        <v>31645.48328</v>
      </c>
      <c r="H6522">
        <v>34325.621930000001</v>
      </c>
      <c r="I6522">
        <v>28275.076830000002</v>
      </c>
      <c r="J6522">
        <v>37042.277979999999</v>
      </c>
      <c r="K6522">
        <v>44813.748079999998</v>
      </c>
      <c r="L6522">
        <v>27589.35932</v>
      </c>
      <c r="M6522">
        <v>238617.7415</v>
      </c>
      <c r="N6522">
        <v>71887.707190000001</v>
      </c>
      <c r="O6522">
        <v>16927.51958</v>
      </c>
      <c r="P6522">
        <v>27747.44094</v>
      </c>
      <c r="Q6522">
        <v>56722.867480000001</v>
      </c>
      <c r="R6522">
        <v>18815.532859999999</v>
      </c>
      <c r="S6522">
        <v>81940.118409999995</v>
      </c>
      <c r="T6522">
        <v>27061.524140000001</v>
      </c>
      <c r="U6522">
        <v>10851.383529999999</v>
      </c>
      <c r="W6522" s="83">
        <f>Bühler!N6554</f>
        <v>45563.666666650854</v>
      </c>
      <c r="X6522" s="83">
        <v>43372.666666666664</v>
      </c>
      <c r="Y6522">
        <v>167315.75779999999</v>
      </c>
      <c r="Z6522">
        <v>23896.621719999999</v>
      </c>
      <c r="AA6522">
        <v>88489.512740000006</v>
      </c>
      <c r="AB6522">
        <v>31645.48328</v>
      </c>
      <c r="AC6522">
        <v>34325.621930000001</v>
      </c>
      <c r="AD6522">
        <v>28275.076830000002</v>
      </c>
      <c r="AE6522">
        <v>37042.277979999999</v>
      </c>
      <c r="AF6522">
        <v>44813.748079999998</v>
      </c>
      <c r="AG6522">
        <v>27589.35932</v>
      </c>
      <c r="AH6522">
        <v>238617.7415</v>
      </c>
      <c r="AI6522">
        <v>71887.707190000001</v>
      </c>
      <c r="AJ6522">
        <v>16927.51958</v>
      </c>
      <c r="AK6522">
        <v>27747.44094</v>
      </c>
      <c r="AL6522">
        <v>56722.867480000001</v>
      </c>
      <c r="AM6522">
        <v>18815.532859999999</v>
      </c>
      <c r="AN6522">
        <v>81940.118409999995</v>
      </c>
      <c r="AO6522">
        <v>27061.524140000001</v>
      </c>
      <c r="AP6522">
        <v>10851.383529999999</v>
      </c>
    </row>
    <row r="6523" spans="2:42" x14ac:dyDescent="0.3">
      <c r="B6523">
        <v>45.035559538857058</v>
      </c>
      <c r="C6523" s="83">
        <v>43372.708333333336</v>
      </c>
      <c r="D6523">
        <v>165946.01439999999</v>
      </c>
      <c r="E6523">
        <v>23476.741740000001</v>
      </c>
      <c r="F6523">
        <v>86924.728810000001</v>
      </c>
      <c r="G6523">
        <v>31666.387449999998</v>
      </c>
      <c r="H6523">
        <v>33959.020779999999</v>
      </c>
      <c r="I6523">
        <v>28432.55056</v>
      </c>
      <c r="J6523">
        <v>37847.07129</v>
      </c>
      <c r="K6523">
        <v>44414.548629999998</v>
      </c>
      <c r="L6523">
        <v>27636.163789999999</v>
      </c>
      <c r="M6523">
        <v>229612.28450000001</v>
      </c>
      <c r="N6523">
        <v>72185.651790000004</v>
      </c>
      <c r="O6523">
        <v>16502.196019999999</v>
      </c>
      <c r="P6523">
        <v>28726.396659999999</v>
      </c>
      <c r="Q6523">
        <v>54705.694409999996</v>
      </c>
      <c r="R6523">
        <v>18899.10483</v>
      </c>
      <c r="S6523">
        <v>83540.519369999995</v>
      </c>
      <c r="T6523">
        <v>27440.123049999998</v>
      </c>
      <c r="U6523">
        <v>10921.00986</v>
      </c>
      <c r="W6523" s="83">
        <f>Bühler!N6555</f>
        <v>45563.708333317518</v>
      </c>
      <c r="X6523" s="83">
        <v>43372.708333333336</v>
      </c>
      <c r="Y6523">
        <v>165946.01439999999</v>
      </c>
      <c r="Z6523">
        <v>23476.741740000001</v>
      </c>
      <c r="AA6523">
        <v>86924.728810000001</v>
      </c>
      <c r="AB6523">
        <v>31666.387449999998</v>
      </c>
      <c r="AC6523">
        <v>33959.020779999999</v>
      </c>
      <c r="AD6523">
        <v>28432.55056</v>
      </c>
      <c r="AE6523">
        <v>37847.07129</v>
      </c>
      <c r="AF6523">
        <v>44414.548629999998</v>
      </c>
      <c r="AG6523">
        <v>27636.163789999999</v>
      </c>
      <c r="AH6523">
        <v>229612.28450000001</v>
      </c>
      <c r="AI6523">
        <v>72185.651790000004</v>
      </c>
      <c r="AJ6523">
        <v>16502.196019999999</v>
      </c>
      <c r="AK6523">
        <v>28726.396659999999</v>
      </c>
      <c r="AL6523">
        <v>54705.694409999996</v>
      </c>
      <c r="AM6523">
        <v>18899.10483</v>
      </c>
      <c r="AN6523">
        <v>83540.519369999995</v>
      </c>
      <c r="AO6523">
        <v>27440.123049999998</v>
      </c>
      <c r="AP6523">
        <v>10921.00986</v>
      </c>
    </row>
    <row r="6524" spans="2:42" x14ac:dyDescent="0.3">
      <c r="B6524">
        <v>44.5069867251418</v>
      </c>
      <c r="C6524" s="83">
        <v>43372.75</v>
      </c>
      <c r="D6524">
        <v>164478.16260000001</v>
      </c>
      <c r="E6524">
        <v>22087.489860000001</v>
      </c>
      <c r="F6524">
        <v>84423.944029999999</v>
      </c>
      <c r="G6524">
        <v>31555.05356</v>
      </c>
      <c r="H6524">
        <v>33398.379059999999</v>
      </c>
      <c r="I6524">
        <v>27530.286980000001</v>
      </c>
      <c r="J6524">
        <v>37996.930869999997</v>
      </c>
      <c r="K6524">
        <v>43869.225570000002</v>
      </c>
      <c r="L6524">
        <v>28362.70219</v>
      </c>
      <c r="M6524">
        <v>226917.3738</v>
      </c>
      <c r="N6524">
        <v>71806.790009999997</v>
      </c>
      <c r="O6524">
        <v>15970.087390000001</v>
      </c>
      <c r="P6524">
        <v>32347.029849999999</v>
      </c>
      <c r="Q6524">
        <v>53450.294379999999</v>
      </c>
      <c r="R6524">
        <v>19084.223900000001</v>
      </c>
      <c r="S6524">
        <v>81352.808550000002</v>
      </c>
      <c r="T6524">
        <v>26743.944640000002</v>
      </c>
      <c r="U6524">
        <v>10866.21506</v>
      </c>
      <c r="W6524" s="83">
        <f>Bühler!N6556</f>
        <v>45563.749999984182</v>
      </c>
      <c r="X6524" s="83">
        <v>43372.75</v>
      </c>
      <c r="Y6524">
        <v>164478.16260000001</v>
      </c>
      <c r="Z6524">
        <v>22087.489860000001</v>
      </c>
      <c r="AA6524">
        <v>84423.944029999999</v>
      </c>
      <c r="AB6524">
        <v>31555.05356</v>
      </c>
      <c r="AC6524">
        <v>33398.379059999999</v>
      </c>
      <c r="AD6524">
        <v>27530.286980000001</v>
      </c>
      <c r="AE6524">
        <v>37996.930869999997</v>
      </c>
      <c r="AF6524">
        <v>43869.225570000002</v>
      </c>
      <c r="AG6524">
        <v>28362.70219</v>
      </c>
      <c r="AH6524">
        <v>226917.3738</v>
      </c>
      <c r="AI6524">
        <v>71806.790009999997</v>
      </c>
      <c r="AJ6524">
        <v>15970.087390000001</v>
      </c>
      <c r="AK6524">
        <v>32347.029849999999</v>
      </c>
      <c r="AL6524">
        <v>53450.294379999999</v>
      </c>
      <c r="AM6524">
        <v>19084.223900000001</v>
      </c>
      <c r="AN6524">
        <v>81352.808550000002</v>
      </c>
      <c r="AO6524">
        <v>26743.944640000002</v>
      </c>
      <c r="AP6524">
        <v>10866.21506</v>
      </c>
    </row>
    <row r="6525" spans="2:42" x14ac:dyDescent="0.3">
      <c r="B6525">
        <v>44.280807375773442</v>
      </c>
      <c r="C6525" s="83">
        <v>43372.791666666664</v>
      </c>
      <c r="D6525">
        <v>163453.3413</v>
      </c>
      <c r="E6525">
        <v>18404.696759999999</v>
      </c>
      <c r="F6525">
        <v>75081.182570000004</v>
      </c>
      <c r="G6525">
        <v>31956.38753</v>
      </c>
      <c r="H6525">
        <v>33896.62457</v>
      </c>
      <c r="I6525">
        <v>27620.006669999999</v>
      </c>
      <c r="J6525">
        <v>38477.543369999999</v>
      </c>
      <c r="K6525">
        <v>44136.793680000002</v>
      </c>
      <c r="L6525">
        <v>30400.39184</v>
      </c>
      <c r="M6525">
        <v>225764.20600000001</v>
      </c>
      <c r="N6525">
        <v>72184.211259999996</v>
      </c>
      <c r="O6525">
        <v>16324.18316</v>
      </c>
      <c r="P6525">
        <v>34411.464220000002</v>
      </c>
      <c r="Q6525">
        <v>51617.168129999998</v>
      </c>
      <c r="R6525">
        <v>19996.683059999999</v>
      </c>
      <c r="S6525">
        <v>81836.230580000003</v>
      </c>
      <c r="T6525">
        <v>26055.248800000001</v>
      </c>
      <c r="U6525">
        <v>11159.88416</v>
      </c>
      <c r="W6525" s="83">
        <f>Bühler!N6557</f>
        <v>45563.791666650846</v>
      </c>
      <c r="X6525" s="83">
        <v>43372.791666666664</v>
      </c>
      <c r="Y6525">
        <v>163453.3413</v>
      </c>
      <c r="Z6525">
        <v>18404.696759999999</v>
      </c>
      <c r="AA6525">
        <v>75081.182570000004</v>
      </c>
      <c r="AB6525">
        <v>31956.38753</v>
      </c>
      <c r="AC6525">
        <v>33896.62457</v>
      </c>
      <c r="AD6525">
        <v>27620.006669999999</v>
      </c>
      <c r="AE6525">
        <v>38477.543369999999</v>
      </c>
      <c r="AF6525">
        <v>44136.793680000002</v>
      </c>
      <c r="AG6525">
        <v>30400.39184</v>
      </c>
      <c r="AH6525">
        <v>225764.20600000001</v>
      </c>
      <c r="AI6525">
        <v>72184.211259999996</v>
      </c>
      <c r="AJ6525">
        <v>16324.18316</v>
      </c>
      <c r="AK6525">
        <v>34411.464220000002</v>
      </c>
      <c r="AL6525">
        <v>51617.168129999998</v>
      </c>
      <c r="AM6525">
        <v>19996.683059999999</v>
      </c>
      <c r="AN6525">
        <v>81836.230580000003</v>
      </c>
      <c r="AO6525">
        <v>26055.248800000001</v>
      </c>
      <c r="AP6525">
        <v>11159.88416</v>
      </c>
    </row>
    <row r="6526" spans="2:42" x14ac:dyDescent="0.3">
      <c r="B6526">
        <v>43.900727608637681</v>
      </c>
      <c r="C6526" s="83">
        <v>43372.833333333336</v>
      </c>
      <c r="D6526">
        <v>163848.9534</v>
      </c>
      <c r="E6526">
        <v>13918.86879</v>
      </c>
      <c r="F6526">
        <v>60258.595889999997</v>
      </c>
      <c r="G6526">
        <v>32095.21416</v>
      </c>
      <c r="H6526">
        <v>34221.864049999996</v>
      </c>
      <c r="I6526">
        <v>26358.84462</v>
      </c>
      <c r="J6526">
        <v>39919.011960000003</v>
      </c>
      <c r="K6526">
        <v>43768.934430000001</v>
      </c>
      <c r="L6526">
        <v>31096.928530000001</v>
      </c>
      <c r="M6526">
        <v>223826.38209999999</v>
      </c>
      <c r="N6526">
        <v>72725.324349999995</v>
      </c>
      <c r="O6526">
        <v>16093.64098</v>
      </c>
      <c r="P6526">
        <v>35881.372340000002</v>
      </c>
      <c r="Q6526">
        <v>49903.256889999997</v>
      </c>
      <c r="R6526">
        <v>19313.68518</v>
      </c>
      <c r="S6526">
        <v>78193.876300000004</v>
      </c>
      <c r="T6526">
        <v>23795.621660000001</v>
      </c>
      <c r="U6526">
        <v>11784.62313</v>
      </c>
      <c r="W6526" s="83">
        <f>Bühler!N6558</f>
        <v>45563.833333317511</v>
      </c>
      <c r="X6526" s="83">
        <v>43372.833333333336</v>
      </c>
      <c r="Y6526">
        <v>163848.9534</v>
      </c>
      <c r="Z6526">
        <v>13918.86879</v>
      </c>
      <c r="AA6526">
        <v>60258.595889999997</v>
      </c>
      <c r="AB6526">
        <v>32095.21416</v>
      </c>
      <c r="AC6526">
        <v>34221.864049999996</v>
      </c>
      <c r="AD6526">
        <v>26358.84462</v>
      </c>
      <c r="AE6526">
        <v>39919.011960000003</v>
      </c>
      <c r="AF6526">
        <v>43768.934430000001</v>
      </c>
      <c r="AG6526">
        <v>31096.928530000001</v>
      </c>
      <c r="AH6526">
        <v>223826.38209999999</v>
      </c>
      <c r="AI6526">
        <v>72725.324349999995</v>
      </c>
      <c r="AJ6526">
        <v>16093.64098</v>
      </c>
      <c r="AK6526">
        <v>35881.372340000002</v>
      </c>
      <c r="AL6526">
        <v>49903.256889999997</v>
      </c>
      <c r="AM6526">
        <v>19313.68518</v>
      </c>
      <c r="AN6526">
        <v>78193.876300000004</v>
      </c>
      <c r="AO6526">
        <v>23795.621660000001</v>
      </c>
      <c r="AP6526">
        <v>11784.62313</v>
      </c>
    </row>
    <row r="6527" spans="2:42" x14ac:dyDescent="0.3">
      <c r="B6527">
        <v>43.4104931474563</v>
      </c>
      <c r="C6527" s="83">
        <v>43372.875</v>
      </c>
      <c r="D6527">
        <v>163442.23300000001</v>
      </c>
      <c r="E6527">
        <v>12076.701719999999</v>
      </c>
      <c r="F6527">
        <v>51840.818850000003</v>
      </c>
      <c r="G6527">
        <v>31555.122650000001</v>
      </c>
      <c r="H6527">
        <v>33080.472569999998</v>
      </c>
      <c r="I6527">
        <v>23882.123609999999</v>
      </c>
      <c r="J6527">
        <v>38435.585780000001</v>
      </c>
      <c r="K6527">
        <v>44808.859199999999</v>
      </c>
      <c r="L6527">
        <v>29291.42829</v>
      </c>
      <c r="M6527">
        <v>221326.9382</v>
      </c>
      <c r="N6527">
        <v>70990.230389999997</v>
      </c>
      <c r="O6527">
        <v>16221.038280000001</v>
      </c>
      <c r="P6527">
        <v>34160.254829999998</v>
      </c>
      <c r="Q6527">
        <v>48608.103620000002</v>
      </c>
      <c r="R6527">
        <v>18562.472119999999</v>
      </c>
      <c r="S6527">
        <v>75171.796549999999</v>
      </c>
      <c r="T6527">
        <v>22135.751619999999</v>
      </c>
      <c r="U6527">
        <v>11564.63848</v>
      </c>
      <c r="W6527" s="83">
        <f>Bühler!N6559</f>
        <v>45563.874999984175</v>
      </c>
      <c r="X6527" s="83">
        <v>43372.875</v>
      </c>
      <c r="Y6527">
        <v>163442.23300000001</v>
      </c>
      <c r="Z6527">
        <v>12076.701719999999</v>
      </c>
      <c r="AA6527">
        <v>51840.818850000003</v>
      </c>
      <c r="AB6527">
        <v>31555.122650000001</v>
      </c>
      <c r="AC6527">
        <v>33080.472569999998</v>
      </c>
      <c r="AD6527">
        <v>23882.123609999999</v>
      </c>
      <c r="AE6527">
        <v>38435.585780000001</v>
      </c>
      <c r="AF6527">
        <v>44808.859199999999</v>
      </c>
      <c r="AG6527">
        <v>29291.42829</v>
      </c>
      <c r="AH6527">
        <v>221326.9382</v>
      </c>
      <c r="AI6527">
        <v>70990.230389999997</v>
      </c>
      <c r="AJ6527">
        <v>16221.038280000001</v>
      </c>
      <c r="AK6527">
        <v>34160.254829999998</v>
      </c>
      <c r="AL6527">
        <v>48608.103620000002</v>
      </c>
      <c r="AM6527">
        <v>18562.472119999999</v>
      </c>
      <c r="AN6527">
        <v>75171.796549999999</v>
      </c>
      <c r="AO6527">
        <v>22135.751619999999</v>
      </c>
      <c r="AP6527">
        <v>11564.63848</v>
      </c>
    </row>
    <row r="6528" spans="2:42" x14ac:dyDescent="0.3">
      <c r="B6528">
        <v>43.103942236815101</v>
      </c>
      <c r="C6528" s="83">
        <v>43372.916666666664</v>
      </c>
      <c r="D6528">
        <v>162318.23879999999</v>
      </c>
      <c r="E6528">
        <v>11920.80387</v>
      </c>
      <c r="F6528">
        <v>49981.222269999998</v>
      </c>
      <c r="G6528">
        <v>31623.577720000001</v>
      </c>
      <c r="H6528">
        <v>33203.005149999997</v>
      </c>
      <c r="I6528">
        <v>22085.663619999999</v>
      </c>
      <c r="J6528">
        <v>37044.664980000001</v>
      </c>
      <c r="K6528">
        <v>48768.94051</v>
      </c>
      <c r="L6528">
        <v>25715.321179999999</v>
      </c>
      <c r="M6528">
        <v>219763.9987</v>
      </c>
      <c r="N6528">
        <v>70202.633470000001</v>
      </c>
      <c r="O6528">
        <v>15812.956099999999</v>
      </c>
      <c r="P6528">
        <v>35811.650150000001</v>
      </c>
      <c r="Q6528">
        <v>48993.191400000003</v>
      </c>
      <c r="R6528">
        <v>19548.006280000001</v>
      </c>
      <c r="S6528">
        <v>73865.741469999994</v>
      </c>
      <c r="T6528">
        <v>21525.943599999999</v>
      </c>
      <c r="U6528">
        <v>11769.902</v>
      </c>
      <c r="W6528" s="83">
        <f>Bühler!N6560</f>
        <v>45563.916666650839</v>
      </c>
      <c r="X6528" s="83">
        <v>43372.916666666664</v>
      </c>
      <c r="Y6528">
        <v>162318.23879999999</v>
      </c>
      <c r="Z6528">
        <v>11920.80387</v>
      </c>
      <c r="AA6528">
        <v>49981.222269999998</v>
      </c>
      <c r="AB6528">
        <v>31623.577720000001</v>
      </c>
      <c r="AC6528">
        <v>33203.005149999997</v>
      </c>
      <c r="AD6528">
        <v>22085.663619999999</v>
      </c>
      <c r="AE6528">
        <v>37044.664980000001</v>
      </c>
      <c r="AF6528">
        <v>48768.94051</v>
      </c>
      <c r="AG6528">
        <v>25715.321179999999</v>
      </c>
      <c r="AH6528">
        <v>219763.9987</v>
      </c>
      <c r="AI6528">
        <v>70202.633470000001</v>
      </c>
      <c r="AJ6528">
        <v>15812.956099999999</v>
      </c>
      <c r="AK6528">
        <v>35811.650150000001</v>
      </c>
      <c r="AL6528">
        <v>48993.191400000003</v>
      </c>
      <c r="AM6528">
        <v>19548.006280000001</v>
      </c>
      <c r="AN6528">
        <v>73865.741469999994</v>
      </c>
      <c r="AO6528">
        <v>21525.943599999999</v>
      </c>
      <c r="AP6528">
        <v>11769.902</v>
      </c>
    </row>
    <row r="6529" spans="2:42" x14ac:dyDescent="0.3">
      <c r="B6529">
        <v>43.154062269558516</v>
      </c>
      <c r="C6529" s="83">
        <v>43372.958333333336</v>
      </c>
      <c r="D6529">
        <v>161590.71650000001</v>
      </c>
      <c r="E6529">
        <v>11539.862789999999</v>
      </c>
      <c r="F6529">
        <v>49303.420160000001</v>
      </c>
      <c r="G6529">
        <v>31352.637030000002</v>
      </c>
      <c r="H6529">
        <v>32535.95837</v>
      </c>
      <c r="I6529">
        <v>21637.925620000002</v>
      </c>
      <c r="J6529">
        <v>34107.266389999997</v>
      </c>
      <c r="K6529">
        <v>48127.87962</v>
      </c>
      <c r="L6529">
        <v>21925.208569999999</v>
      </c>
      <c r="M6529">
        <v>220019.53400000001</v>
      </c>
      <c r="N6529">
        <v>68248.196790000002</v>
      </c>
      <c r="O6529">
        <v>15974.5854</v>
      </c>
      <c r="P6529">
        <v>31402.96285</v>
      </c>
      <c r="Q6529">
        <v>48973.26758</v>
      </c>
      <c r="R6529">
        <v>18407.980439999999</v>
      </c>
      <c r="S6529">
        <v>72004.182390000002</v>
      </c>
      <c r="T6529">
        <v>20684.002799999998</v>
      </c>
      <c r="U6529">
        <v>11512.2726</v>
      </c>
      <c r="W6529" s="83">
        <f>Bühler!N6561</f>
        <v>45563.958333317503</v>
      </c>
      <c r="X6529" s="83">
        <v>43372.958333333336</v>
      </c>
      <c r="Y6529">
        <v>161590.71650000001</v>
      </c>
      <c r="Z6529">
        <v>11539.862789999999</v>
      </c>
      <c r="AA6529">
        <v>49303.420160000001</v>
      </c>
      <c r="AB6529">
        <v>31352.637030000002</v>
      </c>
      <c r="AC6529">
        <v>32535.95837</v>
      </c>
      <c r="AD6529">
        <v>21637.925620000002</v>
      </c>
      <c r="AE6529">
        <v>34107.266389999997</v>
      </c>
      <c r="AF6529">
        <v>48127.87962</v>
      </c>
      <c r="AG6529">
        <v>21925.208569999999</v>
      </c>
      <c r="AH6529">
        <v>220019.53400000001</v>
      </c>
      <c r="AI6529">
        <v>68248.196790000002</v>
      </c>
      <c r="AJ6529">
        <v>15974.5854</v>
      </c>
      <c r="AK6529">
        <v>31402.96285</v>
      </c>
      <c r="AL6529">
        <v>48973.26758</v>
      </c>
      <c r="AM6529">
        <v>18407.980439999999</v>
      </c>
      <c r="AN6529">
        <v>72004.182390000002</v>
      </c>
      <c r="AO6529">
        <v>20684.002799999998</v>
      </c>
      <c r="AP6529">
        <v>11512.2726</v>
      </c>
    </row>
    <row r="6530" spans="2:42" x14ac:dyDescent="0.3">
      <c r="B6530">
        <v>42.42467889216946</v>
      </c>
      <c r="C6530" s="83">
        <v>43373</v>
      </c>
      <c r="D6530">
        <v>161181.4988</v>
      </c>
      <c r="E6530">
        <v>11246.190850000001</v>
      </c>
      <c r="F6530">
        <v>47814.372239999997</v>
      </c>
      <c r="G6530">
        <v>31613.82733</v>
      </c>
      <c r="H6530">
        <v>32070.030149999999</v>
      </c>
      <c r="I6530">
        <v>20198.718560000001</v>
      </c>
      <c r="J6530">
        <v>32306.880700000002</v>
      </c>
      <c r="K6530">
        <v>47065.614370000003</v>
      </c>
      <c r="L6530">
        <v>19322.283749999999</v>
      </c>
      <c r="M6530">
        <v>216300.79740000001</v>
      </c>
      <c r="N6530">
        <v>66305.28155</v>
      </c>
      <c r="O6530">
        <v>15994.001329999999</v>
      </c>
      <c r="P6530">
        <v>28950.062580000002</v>
      </c>
      <c r="Q6530">
        <v>48122.72135</v>
      </c>
      <c r="R6530">
        <v>16236.01556</v>
      </c>
      <c r="S6530">
        <v>71317.089770000006</v>
      </c>
      <c r="T6530">
        <v>19124.658960000001</v>
      </c>
      <c r="U6530">
        <v>11310.7945</v>
      </c>
      <c r="W6530" s="83">
        <f>Bühler!N6562</f>
        <v>45563.999999984168</v>
      </c>
      <c r="X6530" s="83">
        <v>43373</v>
      </c>
      <c r="Y6530">
        <v>161181.4988</v>
      </c>
      <c r="Z6530">
        <v>11246.190850000001</v>
      </c>
      <c r="AA6530">
        <v>47814.372239999997</v>
      </c>
      <c r="AB6530">
        <v>31613.82733</v>
      </c>
      <c r="AC6530">
        <v>32070.030149999999</v>
      </c>
      <c r="AD6530">
        <v>20198.718560000001</v>
      </c>
      <c r="AE6530">
        <v>32306.880700000002</v>
      </c>
      <c r="AF6530">
        <v>47065.614370000003</v>
      </c>
      <c r="AG6530">
        <v>19322.283749999999</v>
      </c>
      <c r="AH6530">
        <v>216300.79740000001</v>
      </c>
      <c r="AI6530">
        <v>66305.28155</v>
      </c>
      <c r="AJ6530">
        <v>15994.001329999999</v>
      </c>
      <c r="AK6530">
        <v>28950.062580000002</v>
      </c>
      <c r="AL6530">
        <v>48122.72135</v>
      </c>
      <c r="AM6530">
        <v>16236.01556</v>
      </c>
      <c r="AN6530">
        <v>71317.089770000006</v>
      </c>
      <c r="AO6530">
        <v>19124.658960000001</v>
      </c>
      <c r="AP6530">
        <v>11310.7945</v>
      </c>
    </row>
    <row r="6531" spans="2:42" x14ac:dyDescent="0.3">
      <c r="B6531">
        <v>42.013673334918636</v>
      </c>
      <c r="C6531" s="83">
        <v>43373.041666666664</v>
      </c>
      <c r="D6531">
        <v>160653.5962</v>
      </c>
      <c r="E6531">
        <v>11024.81638</v>
      </c>
      <c r="F6531">
        <v>47411.823499999999</v>
      </c>
      <c r="G6531">
        <v>31421.902740000001</v>
      </c>
      <c r="H6531">
        <v>31554.227019999998</v>
      </c>
      <c r="I6531">
        <v>17257.832149999998</v>
      </c>
      <c r="J6531">
        <v>31634.867170000001</v>
      </c>
      <c r="K6531">
        <v>45760.323089999998</v>
      </c>
      <c r="L6531">
        <v>17192.52678</v>
      </c>
      <c r="M6531">
        <v>214205.29939999999</v>
      </c>
      <c r="N6531">
        <v>66433.773019999993</v>
      </c>
      <c r="O6531">
        <v>15858.02527</v>
      </c>
      <c r="P6531">
        <v>26055.981749999999</v>
      </c>
      <c r="Q6531">
        <v>48475.868920000001</v>
      </c>
      <c r="R6531">
        <v>15377.746719999999</v>
      </c>
      <c r="S6531">
        <v>70342.208559999999</v>
      </c>
      <c r="T6531">
        <v>18398.664239999998</v>
      </c>
      <c r="U6531">
        <v>11166.02413</v>
      </c>
      <c r="W6531" s="83">
        <f>Bühler!N6563</f>
        <v>45564.041666650832</v>
      </c>
      <c r="X6531" s="83">
        <v>43373.041666666664</v>
      </c>
      <c r="Y6531">
        <v>160653.5962</v>
      </c>
      <c r="Z6531">
        <v>11024.81638</v>
      </c>
      <c r="AA6531">
        <v>47411.823499999999</v>
      </c>
      <c r="AB6531">
        <v>31421.902740000001</v>
      </c>
      <c r="AC6531">
        <v>31554.227019999998</v>
      </c>
      <c r="AD6531">
        <v>17257.832149999998</v>
      </c>
      <c r="AE6531">
        <v>31634.867170000001</v>
      </c>
      <c r="AF6531">
        <v>45760.323089999998</v>
      </c>
      <c r="AG6531">
        <v>17192.52678</v>
      </c>
      <c r="AH6531">
        <v>214205.29939999999</v>
      </c>
      <c r="AI6531">
        <v>66433.773019999993</v>
      </c>
      <c r="AJ6531">
        <v>15858.02527</v>
      </c>
      <c r="AK6531">
        <v>26055.981749999999</v>
      </c>
      <c r="AL6531">
        <v>48475.868920000001</v>
      </c>
      <c r="AM6531">
        <v>15377.746719999999</v>
      </c>
      <c r="AN6531">
        <v>70342.208559999999</v>
      </c>
      <c r="AO6531">
        <v>18398.664239999998</v>
      </c>
      <c r="AP6531">
        <v>11166.02413</v>
      </c>
    </row>
    <row r="6532" spans="2:42" x14ac:dyDescent="0.3">
      <c r="B6532">
        <v>42.113224546196285</v>
      </c>
      <c r="C6532" s="83">
        <v>43373.083333333336</v>
      </c>
      <c r="D6532">
        <v>160104.3768</v>
      </c>
      <c r="E6532">
        <v>10990.378779999999</v>
      </c>
      <c r="F6532">
        <v>46951.798329999998</v>
      </c>
      <c r="G6532">
        <v>30923.492330000001</v>
      </c>
      <c r="H6532">
        <v>31307.280490000001</v>
      </c>
      <c r="I6532">
        <v>14460.42704</v>
      </c>
      <c r="J6532">
        <v>31462.2484</v>
      </c>
      <c r="K6532">
        <v>44471.470110000002</v>
      </c>
      <c r="L6532">
        <v>17350.290260000002</v>
      </c>
      <c r="M6532">
        <v>214712.8579</v>
      </c>
      <c r="N6532">
        <v>64605.742729999998</v>
      </c>
      <c r="O6532">
        <v>15968.408750000001</v>
      </c>
      <c r="P6532">
        <v>24412.18145</v>
      </c>
      <c r="Q6532">
        <v>50130.310250000002</v>
      </c>
      <c r="R6532">
        <v>14212.787979999999</v>
      </c>
      <c r="S6532">
        <v>69705.266340000002</v>
      </c>
      <c r="T6532">
        <v>18043.538970000001</v>
      </c>
      <c r="U6532">
        <v>11112.70667</v>
      </c>
      <c r="W6532" s="83">
        <f>Bühler!N6564</f>
        <v>45564.083333317496</v>
      </c>
      <c r="X6532" s="83">
        <v>43373.083333333336</v>
      </c>
      <c r="Y6532">
        <v>160104.3768</v>
      </c>
      <c r="Z6532">
        <v>10990.378779999999</v>
      </c>
      <c r="AA6532">
        <v>46951.798329999998</v>
      </c>
      <c r="AB6532">
        <v>30923.492330000001</v>
      </c>
      <c r="AC6532">
        <v>31307.280490000001</v>
      </c>
      <c r="AD6532">
        <v>14460.42704</v>
      </c>
      <c r="AE6532">
        <v>31462.2484</v>
      </c>
      <c r="AF6532">
        <v>44471.470110000002</v>
      </c>
      <c r="AG6532">
        <v>17350.290260000002</v>
      </c>
      <c r="AH6532">
        <v>214712.8579</v>
      </c>
      <c r="AI6532">
        <v>64605.742729999998</v>
      </c>
      <c r="AJ6532">
        <v>15968.408750000001</v>
      </c>
      <c r="AK6532">
        <v>24412.18145</v>
      </c>
      <c r="AL6532">
        <v>50130.310250000002</v>
      </c>
      <c r="AM6532">
        <v>14212.787979999999</v>
      </c>
      <c r="AN6532">
        <v>69705.266340000002</v>
      </c>
      <c r="AO6532">
        <v>18043.538970000001</v>
      </c>
      <c r="AP6532">
        <v>11112.70667</v>
      </c>
    </row>
    <row r="6533" spans="2:42" x14ac:dyDescent="0.3">
      <c r="B6533">
        <v>42.170227158454097</v>
      </c>
      <c r="C6533" s="83">
        <v>43373.125</v>
      </c>
      <c r="D6533">
        <v>159581.10829999999</v>
      </c>
      <c r="E6533">
        <v>10991.129660000001</v>
      </c>
      <c r="F6533">
        <v>47151.549639999997</v>
      </c>
      <c r="G6533">
        <v>30350.506079999999</v>
      </c>
      <c r="H6533">
        <v>31312.364269999998</v>
      </c>
      <c r="I6533">
        <v>13758.40178</v>
      </c>
      <c r="J6533">
        <v>31271.96485</v>
      </c>
      <c r="K6533">
        <v>42869.828970000002</v>
      </c>
      <c r="L6533">
        <v>17520.04765</v>
      </c>
      <c r="M6533">
        <v>215003.48379999999</v>
      </c>
      <c r="N6533">
        <v>63763.58567</v>
      </c>
      <c r="O6533">
        <v>15697.703890000001</v>
      </c>
      <c r="P6533">
        <v>23564.612229999999</v>
      </c>
      <c r="Q6533">
        <v>50832.035640000002</v>
      </c>
      <c r="R6533">
        <v>13703.01571</v>
      </c>
      <c r="S6533">
        <v>69057.980049999998</v>
      </c>
      <c r="T6533">
        <v>17780.269100000001</v>
      </c>
      <c r="U6533">
        <v>11146.18138</v>
      </c>
      <c r="W6533" s="83">
        <f>Bühler!N6565</f>
        <v>45564.12499998416</v>
      </c>
      <c r="X6533" s="83">
        <v>43373.125</v>
      </c>
      <c r="Y6533">
        <v>159581.10829999999</v>
      </c>
      <c r="Z6533">
        <v>10991.129660000001</v>
      </c>
      <c r="AA6533">
        <v>47151.549639999997</v>
      </c>
      <c r="AB6533">
        <v>30350.506079999999</v>
      </c>
      <c r="AC6533">
        <v>31312.364269999998</v>
      </c>
      <c r="AD6533">
        <v>13758.40178</v>
      </c>
      <c r="AE6533">
        <v>31271.96485</v>
      </c>
      <c r="AF6533">
        <v>42869.828970000002</v>
      </c>
      <c r="AG6533">
        <v>17520.04765</v>
      </c>
      <c r="AH6533">
        <v>215003.48379999999</v>
      </c>
      <c r="AI6533">
        <v>63763.58567</v>
      </c>
      <c r="AJ6533">
        <v>15697.703890000001</v>
      </c>
      <c r="AK6533">
        <v>23564.612229999999</v>
      </c>
      <c r="AL6533">
        <v>50832.035640000002</v>
      </c>
      <c r="AM6533">
        <v>13703.01571</v>
      </c>
      <c r="AN6533">
        <v>69057.980049999998</v>
      </c>
      <c r="AO6533">
        <v>17780.269100000001</v>
      </c>
      <c r="AP6533">
        <v>11146.18138</v>
      </c>
    </row>
    <row r="6534" spans="2:42" x14ac:dyDescent="0.3">
      <c r="B6534">
        <v>41.921034437587245</v>
      </c>
      <c r="C6534" s="83">
        <v>43373.166666666664</v>
      </c>
      <c r="D6534">
        <v>158872.66409999999</v>
      </c>
      <c r="E6534">
        <v>11020.65474</v>
      </c>
      <c r="F6534">
        <v>47017.276440000001</v>
      </c>
      <c r="G6534">
        <v>29248.737059999999</v>
      </c>
      <c r="H6534">
        <v>31148.24094</v>
      </c>
      <c r="I6534">
        <v>14512.809600000001</v>
      </c>
      <c r="J6534">
        <v>33183.278050000001</v>
      </c>
      <c r="K6534">
        <v>41217.041929999999</v>
      </c>
      <c r="L6534">
        <v>16591.033149999999</v>
      </c>
      <c r="M6534">
        <v>213732.98310000001</v>
      </c>
      <c r="N6534">
        <v>62021.003170000004</v>
      </c>
      <c r="O6534">
        <v>15847.00872</v>
      </c>
      <c r="P6534">
        <v>22658.054919999999</v>
      </c>
      <c r="Q6534">
        <v>51119.292719999998</v>
      </c>
      <c r="R6534">
        <v>13328.95513</v>
      </c>
      <c r="S6534">
        <v>69552.908880000003</v>
      </c>
      <c r="T6534">
        <v>17725.319960000001</v>
      </c>
      <c r="U6534">
        <v>10948.013370000001</v>
      </c>
      <c r="W6534" s="83">
        <f>Bühler!N6566</f>
        <v>45564.166666650824</v>
      </c>
      <c r="X6534" s="83">
        <v>43373.166666666664</v>
      </c>
      <c r="Y6534">
        <v>158872.66409999999</v>
      </c>
      <c r="Z6534">
        <v>11020.65474</v>
      </c>
      <c r="AA6534">
        <v>47017.276440000001</v>
      </c>
      <c r="AB6534">
        <v>29248.737059999999</v>
      </c>
      <c r="AC6534">
        <v>31148.24094</v>
      </c>
      <c r="AD6534">
        <v>14512.809600000001</v>
      </c>
      <c r="AE6534">
        <v>33183.278050000001</v>
      </c>
      <c r="AF6534">
        <v>41217.041929999999</v>
      </c>
      <c r="AG6534">
        <v>16591.033149999999</v>
      </c>
      <c r="AH6534">
        <v>213732.98310000001</v>
      </c>
      <c r="AI6534">
        <v>62021.003170000004</v>
      </c>
      <c r="AJ6534">
        <v>15847.00872</v>
      </c>
      <c r="AK6534">
        <v>22658.054919999999</v>
      </c>
      <c r="AL6534">
        <v>51119.292719999998</v>
      </c>
      <c r="AM6534">
        <v>13328.95513</v>
      </c>
      <c r="AN6534">
        <v>69552.908880000003</v>
      </c>
      <c r="AO6534">
        <v>17725.319960000001</v>
      </c>
      <c r="AP6534">
        <v>10948.013370000001</v>
      </c>
    </row>
    <row r="6535" spans="2:42" x14ac:dyDescent="0.3">
      <c r="B6535">
        <v>41.526948007425709</v>
      </c>
      <c r="C6535" s="83">
        <v>43373.208333333336</v>
      </c>
      <c r="D6535">
        <v>157920.00229999999</v>
      </c>
      <c r="E6535">
        <v>11130.09316</v>
      </c>
      <c r="F6535">
        <v>47896.483359999998</v>
      </c>
      <c r="G6535">
        <v>29306.370930000001</v>
      </c>
      <c r="H6535">
        <v>31666.038229999998</v>
      </c>
      <c r="I6535">
        <v>18213.21441</v>
      </c>
      <c r="J6535">
        <v>35974.625959999998</v>
      </c>
      <c r="K6535">
        <v>41024.19857</v>
      </c>
      <c r="L6535">
        <v>16743.357759999999</v>
      </c>
      <c r="M6535">
        <v>211723.74669999999</v>
      </c>
      <c r="N6535">
        <v>62469.692060000001</v>
      </c>
      <c r="O6535">
        <v>15914.663189999999</v>
      </c>
      <c r="P6535">
        <v>24039.587049999998</v>
      </c>
      <c r="Q6535">
        <v>51015.373319999999</v>
      </c>
      <c r="R6535">
        <v>13515.89784</v>
      </c>
      <c r="S6535">
        <v>71480.868119999999</v>
      </c>
      <c r="T6535">
        <v>17908.580119999999</v>
      </c>
      <c r="U6535">
        <v>11130.86407</v>
      </c>
      <c r="W6535" s="83">
        <f>Bühler!N6567</f>
        <v>45564.208333317489</v>
      </c>
      <c r="X6535" s="83">
        <v>43373.208333333336</v>
      </c>
      <c r="Y6535">
        <v>157920.00229999999</v>
      </c>
      <c r="Z6535">
        <v>11130.09316</v>
      </c>
      <c r="AA6535">
        <v>47896.483359999998</v>
      </c>
      <c r="AB6535">
        <v>29306.370930000001</v>
      </c>
      <c r="AC6535">
        <v>31666.038229999998</v>
      </c>
      <c r="AD6535">
        <v>18213.21441</v>
      </c>
      <c r="AE6535">
        <v>35974.625959999998</v>
      </c>
      <c r="AF6535">
        <v>41024.19857</v>
      </c>
      <c r="AG6535">
        <v>16743.357759999999</v>
      </c>
      <c r="AH6535">
        <v>211723.74669999999</v>
      </c>
      <c r="AI6535">
        <v>62469.692060000001</v>
      </c>
      <c r="AJ6535">
        <v>15914.663189999999</v>
      </c>
      <c r="AK6535">
        <v>24039.587049999998</v>
      </c>
      <c r="AL6535">
        <v>51015.373319999999</v>
      </c>
      <c r="AM6535">
        <v>13515.89784</v>
      </c>
      <c r="AN6535">
        <v>71480.868119999999</v>
      </c>
      <c r="AO6535">
        <v>17908.580119999999</v>
      </c>
      <c r="AP6535">
        <v>11130.86407</v>
      </c>
    </row>
    <row r="6536" spans="2:42" x14ac:dyDescent="0.3">
      <c r="B6536">
        <v>41.401507638282339</v>
      </c>
      <c r="C6536" s="83">
        <v>43373.25</v>
      </c>
      <c r="D6536">
        <v>158873.94579999999</v>
      </c>
      <c r="E6536">
        <v>11509.72769</v>
      </c>
      <c r="F6536">
        <v>50918.883379999999</v>
      </c>
      <c r="G6536">
        <v>30020.537970000001</v>
      </c>
      <c r="H6536">
        <v>31618.189859999999</v>
      </c>
      <c r="I6536">
        <v>20717.623080000001</v>
      </c>
      <c r="J6536">
        <v>39630.53226</v>
      </c>
      <c r="K6536">
        <v>39707.420579999998</v>
      </c>
      <c r="L6536">
        <v>17634.821739999999</v>
      </c>
      <c r="M6536">
        <v>211084.19320000001</v>
      </c>
      <c r="N6536">
        <v>63072.385860000002</v>
      </c>
      <c r="O6536">
        <v>15970.040720000001</v>
      </c>
      <c r="P6536">
        <v>25255.04019</v>
      </c>
      <c r="Q6536">
        <v>50706.085850000003</v>
      </c>
      <c r="R6536">
        <v>14057.9138</v>
      </c>
      <c r="S6536">
        <v>76110.73947</v>
      </c>
      <c r="T6536">
        <v>18794.903030000001</v>
      </c>
      <c r="U6536">
        <v>11154.03665</v>
      </c>
      <c r="W6536" s="83">
        <f>Bühler!N6568</f>
        <v>45564.249999984153</v>
      </c>
      <c r="X6536" s="83">
        <v>43373.25</v>
      </c>
      <c r="Y6536">
        <v>158873.94579999999</v>
      </c>
      <c r="Z6536">
        <v>11509.72769</v>
      </c>
      <c r="AA6536">
        <v>50918.883379999999</v>
      </c>
      <c r="AB6536">
        <v>30020.537970000001</v>
      </c>
      <c r="AC6536">
        <v>31618.189859999999</v>
      </c>
      <c r="AD6536">
        <v>20717.623080000001</v>
      </c>
      <c r="AE6536">
        <v>39630.53226</v>
      </c>
      <c r="AF6536">
        <v>39707.420579999998</v>
      </c>
      <c r="AG6536">
        <v>17634.821739999999</v>
      </c>
      <c r="AH6536">
        <v>211084.19320000001</v>
      </c>
      <c r="AI6536">
        <v>63072.385860000002</v>
      </c>
      <c r="AJ6536">
        <v>15970.040720000001</v>
      </c>
      <c r="AK6536">
        <v>25255.04019</v>
      </c>
      <c r="AL6536">
        <v>50706.085850000003</v>
      </c>
      <c r="AM6536">
        <v>14057.9138</v>
      </c>
      <c r="AN6536">
        <v>76110.73947</v>
      </c>
      <c r="AO6536">
        <v>18794.903030000001</v>
      </c>
      <c r="AP6536">
        <v>11154.03665</v>
      </c>
    </row>
    <row r="6537" spans="2:42" x14ac:dyDescent="0.3">
      <c r="B6537">
        <v>41.636036929995058</v>
      </c>
      <c r="C6537" s="83">
        <v>43373.291666666664</v>
      </c>
      <c r="D6537">
        <v>158737.55499999999</v>
      </c>
      <c r="E6537">
        <v>11792.23149</v>
      </c>
      <c r="F6537">
        <v>53925.796900000001</v>
      </c>
      <c r="G6537">
        <v>30363.852169999998</v>
      </c>
      <c r="H6537">
        <v>31710.822680000001</v>
      </c>
      <c r="I6537">
        <v>22614.171760000001</v>
      </c>
      <c r="J6537">
        <v>40213.890679999997</v>
      </c>
      <c r="K6537">
        <v>39389.74063</v>
      </c>
      <c r="L6537">
        <v>19153.65466</v>
      </c>
      <c r="M6537">
        <v>212279.93290000001</v>
      </c>
      <c r="N6537">
        <v>62947.836569999999</v>
      </c>
      <c r="O6537">
        <v>16686.464100000001</v>
      </c>
      <c r="P6537">
        <v>28045.03615</v>
      </c>
      <c r="Q6537">
        <v>49999.402430000002</v>
      </c>
      <c r="R6537">
        <v>14519.185890000001</v>
      </c>
      <c r="S6537">
        <v>82383.382150000005</v>
      </c>
      <c r="T6537">
        <v>19831.150369999999</v>
      </c>
      <c r="U6537">
        <v>11197.12801</v>
      </c>
      <c r="W6537" s="83">
        <f>Bühler!N6569</f>
        <v>45564.291666650817</v>
      </c>
      <c r="X6537" s="83">
        <v>43373.291666666664</v>
      </c>
      <c r="Y6537">
        <v>158737.55499999999</v>
      </c>
      <c r="Z6537">
        <v>11792.23149</v>
      </c>
      <c r="AA6537">
        <v>53925.796900000001</v>
      </c>
      <c r="AB6537">
        <v>30363.852169999998</v>
      </c>
      <c r="AC6537">
        <v>31710.822680000001</v>
      </c>
      <c r="AD6537">
        <v>22614.171760000001</v>
      </c>
      <c r="AE6537">
        <v>40213.890679999997</v>
      </c>
      <c r="AF6537">
        <v>39389.74063</v>
      </c>
      <c r="AG6537">
        <v>19153.65466</v>
      </c>
      <c r="AH6537">
        <v>212279.93290000001</v>
      </c>
      <c r="AI6537">
        <v>62947.836569999999</v>
      </c>
      <c r="AJ6537">
        <v>16686.464100000001</v>
      </c>
      <c r="AK6537">
        <v>28045.03615</v>
      </c>
      <c r="AL6537">
        <v>49999.402430000002</v>
      </c>
      <c r="AM6537">
        <v>14519.185890000001</v>
      </c>
      <c r="AN6537">
        <v>82383.382150000005</v>
      </c>
      <c r="AO6537">
        <v>19831.150369999999</v>
      </c>
      <c r="AP6537">
        <v>11197.12801</v>
      </c>
    </row>
    <row r="6538" spans="2:42" x14ac:dyDescent="0.3">
      <c r="B6538">
        <v>41.254678641130837</v>
      </c>
      <c r="C6538" s="83">
        <v>43373.333333333336</v>
      </c>
      <c r="D6538">
        <v>157184.85819999999</v>
      </c>
      <c r="E6538">
        <v>12153.36018</v>
      </c>
      <c r="F6538">
        <v>54620.537239999998</v>
      </c>
      <c r="G6538">
        <v>30087.5324</v>
      </c>
      <c r="H6538">
        <v>31055.939419999999</v>
      </c>
      <c r="I6538">
        <v>22864.48445</v>
      </c>
      <c r="J6538">
        <v>39605.641909999998</v>
      </c>
      <c r="K6538">
        <v>40525.879710000001</v>
      </c>
      <c r="L6538">
        <v>21586.05154</v>
      </c>
      <c r="M6538">
        <v>210335.59049999999</v>
      </c>
      <c r="N6538">
        <v>63808.764060000001</v>
      </c>
      <c r="O6538">
        <v>16215.2065</v>
      </c>
      <c r="P6538">
        <v>31540.077669999999</v>
      </c>
      <c r="Q6538">
        <v>49502.436739999997</v>
      </c>
      <c r="R6538">
        <v>14111.12363</v>
      </c>
      <c r="S6538">
        <v>83921.411080000005</v>
      </c>
      <c r="T6538">
        <v>22191.64863</v>
      </c>
      <c r="U6538">
        <v>10391.5944</v>
      </c>
      <c r="W6538" s="83">
        <f>Bühler!N6570</f>
        <v>45564.333333317481</v>
      </c>
      <c r="X6538" s="83">
        <v>43373.333333333336</v>
      </c>
      <c r="Y6538">
        <v>157184.85819999999</v>
      </c>
      <c r="Z6538">
        <v>12153.36018</v>
      </c>
      <c r="AA6538">
        <v>54620.537239999998</v>
      </c>
      <c r="AB6538">
        <v>30087.5324</v>
      </c>
      <c r="AC6538">
        <v>31055.939419999999</v>
      </c>
      <c r="AD6538">
        <v>22864.48445</v>
      </c>
      <c r="AE6538">
        <v>39605.641909999998</v>
      </c>
      <c r="AF6538">
        <v>40525.879710000001</v>
      </c>
      <c r="AG6538">
        <v>21586.05154</v>
      </c>
      <c r="AH6538">
        <v>210335.59049999999</v>
      </c>
      <c r="AI6538">
        <v>63808.764060000001</v>
      </c>
      <c r="AJ6538">
        <v>16215.2065</v>
      </c>
      <c r="AK6538">
        <v>31540.077669999999</v>
      </c>
      <c r="AL6538">
        <v>49502.436739999997</v>
      </c>
      <c r="AM6538">
        <v>14111.12363</v>
      </c>
      <c r="AN6538">
        <v>83921.411080000005</v>
      </c>
      <c r="AO6538">
        <v>22191.64863</v>
      </c>
      <c r="AP6538">
        <v>10391.5944</v>
      </c>
    </row>
    <row r="6539" spans="2:42" x14ac:dyDescent="0.3">
      <c r="B6539">
        <v>40.869147842618972</v>
      </c>
      <c r="C6539" s="83">
        <v>43373.375</v>
      </c>
      <c r="D6539">
        <v>155690.15539999999</v>
      </c>
      <c r="E6539">
        <v>12804.46408</v>
      </c>
      <c r="F6539">
        <v>56436.051809999997</v>
      </c>
      <c r="G6539">
        <v>30347.755099999998</v>
      </c>
      <c r="H6539">
        <v>31421.015670000001</v>
      </c>
      <c r="I6539">
        <v>22987.00822</v>
      </c>
      <c r="J6539">
        <v>38929.267699999997</v>
      </c>
      <c r="K6539">
        <v>42430.650930000003</v>
      </c>
      <c r="L6539">
        <v>24937.227330000002</v>
      </c>
      <c r="M6539">
        <v>208369.97469999999</v>
      </c>
      <c r="N6539">
        <v>63879.468439999997</v>
      </c>
      <c r="O6539">
        <v>16826.17886</v>
      </c>
      <c r="P6539">
        <v>34713.16618</v>
      </c>
      <c r="Q6539">
        <v>49768.87743</v>
      </c>
      <c r="R6539">
        <v>14762.52938</v>
      </c>
      <c r="S6539">
        <v>85631.057440000004</v>
      </c>
      <c r="T6539">
        <v>25115.724050000001</v>
      </c>
      <c r="U6539">
        <v>10428.741040000001</v>
      </c>
      <c r="W6539" s="83">
        <f>Bühler!N6571</f>
        <v>45564.374999984146</v>
      </c>
      <c r="X6539" s="83">
        <v>43373.375</v>
      </c>
      <c r="Y6539">
        <v>155690.15539999999</v>
      </c>
      <c r="Z6539">
        <v>12804.46408</v>
      </c>
      <c r="AA6539">
        <v>56436.051809999997</v>
      </c>
      <c r="AB6539">
        <v>30347.755099999998</v>
      </c>
      <c r="AC6539">
        <v>31421.015670000001</v>
      </c>
      <c r="AD6539">
        <v>22987.00822</v>
      </c>
      <c r="AE6539">
        <v>38929.267699999997</v>
      </c>
      <c r="AF6539">
        <v>42430.650930000003</v>
      </c>
      <c r="AG6539">
        <v>24937.227330000002</v>
      </c>
      <c r="AH6539">
        <v>208369.97469999999</v>
      </c>
      <c r="AI6539">
        <v>63879.468439999997</v>
      </c>
      <c r="AJ6539">
        <v>16826.17886</v>
      </c>
      <c r="AK6539">
        <v>34713.16618</v>
      </c>
      <c r="AL6539">
        <v>49768.87743</v>
      </c>
      <c r="AM6539">
        <v>14762.52938</v>
      </c>
      <c r="AN6539">
        <v>85631.057440000004</v>
      </c>
      <c r="AO6539">
        <v>25115.724050000001</v>
      </c>
      <c r="AP6539">
        <v>10428.741040000001</v>
      </c>
    </row>
    <row r="6540" spans="2:42" x14ac:dyDescent="0.3">
      <c r="B6540">
        <v>41.389443696721351</v>
      </c>
      <c r="C6540" s="83">
        <v>43373.416666666664</v>
      </c>
      <c r="D6540">
        <v>155246.34270000001</v>
      </c>
      <c r="E6540">
        <v>13500.657950000001</v>
      </c>
      <c r="F6540">
        <v>57511.523759999996</v>
      </c>
      <c r="G6540">
        <v>30835.602610000002</v>
      </c>
      <c r="H6540">
        <v>32117.63623</v>
      </c>
      <c r="I6540">
        <v>22493.585800000001</v>
      </c>
      <c r="J6540">
        <v>38158.086450000003</v>
      </c>
      <c r="K6540">
        <v>44476.723100000003</v>
      </c>
      <c r="L6540">
        <v>27411.552339999998</v>
      </c>
      <c r="M6540">
        <v>211022.6856</v>
      </c>
      <c r="N6540">
        <v>65125.598420000002</v>
      </c>
      <c r="O6540">
        <v>17215.391650000001</v>
      </c>
      <c r="P6540">
        <v>35891.23803</v>
      </c>
      <c r="Q6540">
        <v>49855.895279999997</v>
      </c>
      <c r="R6540">
        <v>15676.590560000001</v>
      </c>
      <c r="S6540">
        <v>85787.421600000001</v>
      </c>
      <c r="T6540">
        <v>27290.800759999998</v>
      </c>
      <c r="U6540">
        <v>10075.38047</v>
      </c>
      <c r="W6540" s="83">
        <f>Bühler!N6572</f>
        <v>45564.41666665081</v>
      </c>
      <c r="X6540" s="83">
        <v>43373.416666666664</v>
      </c>
      <c r="Y6540">
        <v>155246.34270000001</v>
      </c>
      <c r="Z6540">
        <v>13500.657950000001</v>
      </c>
      <c r="AA6540">
        <v>57511.523759999996</v>
      </c>
      <c r="AB6540">
        <v>30835.602610000002</v>
      </c>
      <c r="AC6540">
        <v>32117.63623</v>
      </c>
      <c r="AD6540">
        <v>22493.585800000001</v>
      </c>
      <c r="AE6540">
        <v>38158.086450000003</v>
      </c>
      <c r="AF6540">
        <v>44476.723100000003</v>
      </c>
      <c r="AG6540">
        <v>27411.552339999998</v>
      </c>
      <c r="AH6540">
        <v>211022.6856</v>
      </c>
      <c r="AI6540">
        <v>65125.598420000002</v>
      </c>
      <c r="AJ6540">
        <v>17215.391650000001</v>
      </c>
      <c r="AK6540">
        <v>35891.23803</v>
      </c>
      <c r="AL6540">
        <v>49855.895279999997</v>
      </c>
      <c r="AM6540">
        <v>15676.590560000001</v>
      </c>
      <c r="AN6540">
        <v>85787.421600000001</v>
      </c>
      <c r="AO6540">
        <v>27290.800759999998</v>
      </c>
      <c r="AP6540">
        <v>10075.38047</v>
      </c>
    </row>
    <row r="6541" spans="2:42" x14ac:dyDescent="0.3">
      <c r="B6541">
        <v>42.220081366161295</v>
      </c>
      <c r="C6541" s="83">
        <v>43373.458333333336</v>
      </c>
      <c r="D6541">
        <v>154428.21249999999</v>
      </c>
      <c r="E6541">
        <v>13705.078589999999</v>
      </c>
      <c r="F6541">
        <v>58025.186159999997</v>
      </c>
      <c r="G6541">
        <v>31109.125889999999</v>
      </c>
      <c r="H6541">
        <v>32558.087769999998</v>
      </c>
      <c r="I6541">
        <v>22712.436720000002</v>
      </c>
      <c r="J6541">
        <v>38400.217700000001</v>
      </c>
      <c r="K6541">
        <v>45805.300450000002</v>
      </c>
      <c r="L6541">
        <v>28489.953809999999</v>
      </c>
      <c r="M6541">
        <v>215257.66380000001</v>
      </c>
      <c r="N6541">
        <v>63726.92499</v>
      </c>
      <c r="O6541">
        <v>17316.782350000001</v>
      </c>
      <c r="P6541">
        <v>35354.976990000003</v>
      </c>
      <c r="Q6541">
        <v>49184.52044</v>
      </c>
      <c r="R6541">
        <v>16041.45277</v>
      </c>
      <c r="S6541">
        <v>88739.944499999998</v>
      </c>
      <c r="T6541">
        <v>28371.056919999999</v>
      </c>
      <c r="U6541">
        <v>10289.281300000001</v>
      </c>
      <c r="W6541" s="83">
        <f>Bühler!N6573</f>
        <v>45564.458333317474</v>
      </c>
      <c r="X6541" s="83">
        <v>43373.458333333336</v>
      </c>
      <c r="Y6541">
        <v>154428.21249999999</v>
      </c>
      <c r="Z6541">
        <v>13705.078589999999</v>
      </c>
      <c r="AA6541">
        <v>58025.186159999997</v>
      </c>
      <c r="AB6541">
        <v>31109.125889999999</v>
      </c>
      <c r="AC6541">
        <v>32558.087769999998</v>
      </c>
      <c r="AD6541">
        <v>22712.436720000002</v>
      </c>
      <c r="AE6541">
        <v>38400.217700000001</v>
      </c>
      <c r="AF6541">
        <v>45805.300450000002</v>
      </c>
      <c r="AG6541">
        <v>28489.953809999999</v>
      </c>
      <c r="AH6541">
        <v>215257.66380000001</v>
      </c>
      <c r="AI6541">
        <v>63726.92499</v>
      </c>
      <c r="AJ6541">
        <v>17316.782350000001</v>
      </c>
      <c r="AK6541">
        <v>35354.976990000003</v>
      </c>
      <c r="AL6541">
        <v>49184.52044</v>
      </c>
      <c r="AM6541">
        <v>16041.45277</v>
      </c>
      <c r="AN6541">
        <v>88739.944499999998</v>
      </c>
      <c r="AO6541">
        <v>28371.056919999999</v>
      </c>
      <c r="AP6541">
        <v>10289.281300000001</v>
      </c>
    </row>
    <row r="6542" spans="2:42" x14ac:dyDescent="0.3">
      <c r="B6542">
        <v>42.102767833054671</v>
      </c>
      <c r="C6542" s="83">
        <v>43373.5</v>
      </c>
      <c r="D6542">
        <v>154625.4258</v>
      </c>
      <c r="E6542">
        <v>13740.78752</v>
      </c>
      <c r="F6542">
        <v>54936.855510000001</v>
      </c>
      <c r="G6542">
        <v>31429.19845</v>
      </c>
      <c r="H6542">
        <v>32327.619449999998</v>
      </c>
      <c r="I6542">
        <v>23181.012289999999</v>
      </c>
      <c r="J6542">
        <v>38831.307540000002</v>
      </c>
      <c r="K6542">
        <v>46865.209060000001</v>
      </c>
      <c r="L6542">
        <v>30767.822349999999</v>
      </c>
      <c r="M6542">
        <v>214659.5447</v>
      </c>
      <c r="N6542">
        <v>63765.102350000001</v>
      </c>
      <c r="O6542">
        <v>17727.247200000002</v>
      </c>
      <c r="P6542">
        <v>35360.098720000002</v>
      </c>
      <c r="Q6542">
        <v>49004.231399999997</v>
      </c>
      <c r="R6542">
        <v>16963.228899999998</v>
      </c>
      <c r="S6542">
        <v>85115.056800000006</v>
      </c>
      <c r="T6542">
        <v>27433.23777</v>
      </c>
      <c r="U6542">
        <v>9698.2104060000001</v>
      </c>
      <c r="W6542" s="83">
        <f>Bühler!N6574</f>
        <v>45564.499999984138</v>
      </c>
      <c r="X6542" s="83">
        <v>43373.5</v>
      </c>
      <c r="Y6542">
        <v>154625.4258</v>
      </c>
      <c r="Z6542">
        <v>13740.78752</v>
      </c>
      <c r="AA6542">
        <v>54936.855510000001</v>
      </c>
      <c r="AB6542">
        <v>31429.19845</v>
      </c>
      <c r="AC6542">
        <v>32327.619449999998</v>
      </c>
      <c r="AD6542">
        <v>23181.012289999999</v>
      </c>
      <c r="AE6542">
        <v>38831.307540000002</v>
      </c>
      <c r="AF6542">
        <v>46865.209060000001</v>
      </c>
      <c r="AG6542">
        <v>30767.822349999999</v>
      </c>
      <c r="AH6542">
        <v>214659.5447</v>
      </c>
      <c r="AI6542">
        <v>63765.102350000001</v>
      </c>
      <c r="AJ6542">
        <v>17727.247200000002</v>
      </c>
      <c r="AK6542">
        <v>35360.098720000002</v>
      </c>
      <c r="AL6542">
        <v>49004.231399999997</v>
      </c>
      <c r="AM6542">
        <v>16963.228899999998</v>
      </c>
      <c r="AN6542">
        <v>85115.056800000006</v>
      </c>
      <c r="AO6542">
        <v>27433.23777</v>
      </c>
      <c r="AP6542">
        <v>9698.2104060000001</v>
      </c>
    </row>
    <row r="6543" spans="2:42" x14ac:dyDescent="0.3">
      <c r="B6543">
        <v>41.770464335028613</v>
      </c>
      <c r="C6543" s="83">
        <v>43373.541666666664</v>
      </c>
      <c r="D6543">
        <v>155683.6556</v>
      </c>
      <c r="E6543">
        <v>13774.78968</v>
      </c>
      <c r="F6543">
        <v>48941.311730000001</v>
      </c>
      <c r="G6543">
        <v>31265.57199</v>
      </c>
      <c r="H6543">
        <v>32034.596020000001</v>
      </c>
      <c r="I6543">
        <v>23731.816559999999</v>
      </c>
      <c r="J6543">
        <v>37854.197679999997</v>
      </c>
      <c r="K6543">
        <v>45476.512580000002</v>
      </c>
      <c r="L6543">
        <v>31325.901709999998</v>
      </c>
      <c r="M6543">
        <v>212965.30650000001</v>
      </c>
      <c r="N6543">
        <v>64067.2425</v>
      </c>
      <c r="O6543">
        <v>17534.421719999998</v>
      </c>
      <c r="P6543">
        <v>33964.81063</v>
      </c>
      <c r="Q6543">
        <v>48359.683559999998</v>
      </c>
      <c r="R6543">
        <v>17631.88132</v>
      </c>
      <c r="S6543">
        <v>86041.614419999998</v>
      </c>
      <c r="T6543">
        <v>27474.295340000001</v>
      </c>
      <c r="U6543">
        <v>9923.1341809999994</v>
      </c>
      <c r="W6543" s="83">
        <f>Bühler!N6575</f>
        <v>45564.541666650803</v>
      </c>
      <c r="X6543" s="83">
        <v>43373.541666666664</v>
      </c>
      <c r="Y6543">
        <v>155683.6556</v>
      </c>
      <c r="Z6543">
        <v>13774.78968</v>
      </c>
      <c r="AA6543">
        <v>48941.311730000001</v>
      </c>
      <c r="AB6543">
        <v>31265.57199</v>
      </c>
      <c r="AC6543">
        <v>32034.596020000001</v>
      </c>
      <c r="AD6543">
        <v>23731.816559999999</v>
      </c>
      <c r="AE6543">
        <v>37854.197679999997</v>
      </c>
      <c r="AF6543">
        <v>45476.512580000002</v>
      </c>
      <c r="AG6543">
        <v>31325.901709999998</v>
      </c>
      <c r="AH6543">
        <v>212965.30650000001</v>
      </c>
      <c r="AI6543">
        <v>64067.2425</v>
      </c>
      <c r="AJ6543">
        <v>17534.421719999998</v>
      </c>
      <c r="AK6543">
        <v>33964.81063</v>
      </c>
      <c r="AL6543">
        <v>48359.683559999998</v>
      </c>
      <c r="AM6543">
        <v>17631.88132</v>
      </c>
      <c r="AN6543">
        <v>86041.614419999998</v>
      </c>
      <c r="AO6543">
        <v>27474.295340000001</v>
      </c>
      <c r="AP6543">
        <v>9923.1341809999994</v>
      </c>
    </row>
    <row r="6544" spans="2:42" x14ac:dyDescent="0.3">
      <c r="B6544">
        <v>41.665033257534468</v>
      </c>
      <c r="C6544" s="83">
        <v>43373.583333333336</v>
      </c>
      <c r="D6544">
        <v>155662.15160000001</v>
      </c>
      <c r="E6544">
        <v>14019.320540000001</v>
      </c>
      <c r="F6544">
        <v>48644.602559999999</v>
      </c>
      <c r="G6544">
        <v>30797.671740000002</v>
      </c>
      <c r="H6544">
        <v>31851.296539999999</v>
      </c>
      <c r="I6544">
        <v>23246.270820000002</v>
      </c>
      <c r="J6544">
        <v>37648.963250000001</v>
      </c>
      <c r="K6544">
        <v>43159.821409999997</v>
      </c>
      <c r="L6544">
        <v>29224.34533</v>
      </c>
      <c r="M6544">
        <v>212427.7697</v>
      </c>
      <c r="N6544">
        <v>63363.917390000002</v>
      </c>
      <c r="O6544">
        <v>16962.66387</v>
      </c>
      <c r="P6544">
        <v>31051.41634</v>
      </c>
      <c r="Q6544">
        <v>48687.633809999999</v>
      </c>
      <c r="R6544">
        <v>16906.567019999999</v>
      </c>
      <c r="S6544">
        <v>82734.125799999994</v>
      </c>
      <c r="T6544">
        <v>27102.864860000001</v>
      </c>
      <c r="U6544">
        <v>9632.0289209999992</v>
      </c>
      <c r="W6544" s="83">
        <f>Bühler!N6576</f>
        <v>45564.583333317467</v>
      </c>
      <c r="X6544" s="83">
        <v>43373.583333333336</v>
      </c>
      <c r="Y6544">
        <v>155662.15160000001</v>
      </c>
      <c r="Z6544">
        <v>14019.320540000001</v>
      </c>
      <c r="AA6544">
        <v>48644.602559999999</v>
      </c>
      <c r="AB6544">
        <v>30797.671740000002</v>
      </c>
      <c r="AC6544">
        <v>31851.296539999999</v>
      </c>
      <c r="AD6544">
        <v>23246.270820000002</v>
      </c>
      <c r="AE6544">
        <v>37648.963250000001</v>
      </c>
      <c r="AF6544">
        <v>43159.821409999997</v>
      </c>
      <c r="AG6544">
        <v>29224.34533</v>
      </c>
      <c r="AH6544">
        <v>212427.7697</v>
      </c>
      <c r="AI6544">
        <v>63363.917390000002</v>
      </c>
      <c r="AJ6544">
        <v>16962.66387</v>
      </c>
      <c r="AK6544">
        <v>31051.41634</v>
      </c>
      <c r="AL6544">
        <v>48687.633809999999</v>
      </c>
      <c r="AM6544">
        <v>16906.567019999999</v>
      </c>
      <c r="AN6544">
        <v>82734.125799999994</v>
      </c>
      <c r="AO6544">
        <v>27102.864860000001</v>
      </c>
      <c r="AP6544">
        <v>9632.0289209999992</v>
      </c>
    </row>
    <row r="6545" spans="2:42" x14ac:dyDescent="0.3">
      <c r="B6545">
        <v>41.407265683551444</v>
      </c>
      <c r="C6545" s="83">
        <v>43373.625</v>
      </c>
      <c r="D6545">
        <v>156508.4296</v>
      </c>
      <c r="E6545">
        <v>14078.075440000001</v>
      </c>
      <c r="F6545">
        <v>48789.720739999997</v>
      </c>
      <c r="G6545">
        <v>30687.675299999999</v>
      </c>
      <c r="H6545">
        <v>32091.615819999999</v>
      </c>
      <c r="I6545">
        <v>23658.48359</v>
      </c>
      <c r="J6545">
        <v>37500.532209999998</v>
      </c>
      <c r="K6545">
        <v>43246.548600000002</v>
      </c>
      <c r="L6545">
        <v>27845.386409999999</v>
      </c>
      <c r="M6545">
        <v>211113.55040000001</v>
      </c>
      <c r="N6545">
        <v>64492.754359999999</v>
      </c>
      <c r="O6545">
        <v>16493.824000000001</v>
      </c>
      <c r="P6545">
        <v>28898.963940000001</v>
      </c>
      <c r="Q6545">
        <v>48913.651760000001</v>
      </c>
      <c r="R6545">
        <v>16877.187689999999</v>
      </c>
      <c r="S6545">
        <v>82619.671199999997</v>
      </c>
      <c r="T6545">
        <v>26904.373250000001</v>
      </c>
      <c r="U6545">
        <v>9751.9948700000004</v>
      </c>
      <c r="W6545" s="83">
        <f>Bühler!N6577</f>
        <v>45564.624999984131</v>
      </c>
      <c r="X6545" s="83">
        <v>43373.625</v>
      </c>
      <c r="Y6545">
        <v>156508.4296</v>
      </c>
      <c r="Z6545">
        <v>14078.075440000001</v>
      </c>
      <c r="AA6545">
        <v>48789.720739999997</v>
      </c>
      <c r="AB6545">
        <v>30687.675299999999</v>
      </c>
      <c r="AC6545">
        <v>32091.615819999999</v>
      </c>
      <c r="AD6545">
        <v>23658.48359</v>
      </c>
      <c r="AE6545">
        <v>37500.532209999998</v>
      </c>
      <c r="AF6545">
        <v>43246.548600000002</v>
      </c>
      <c r="AG6545">
        <v>27845.386409999999</v>
      </c>
      <c r="AH6545">
        <v>211113.55040000001</v>
      </c>
      <c r="AI6545">
        <v>64492.754359999999</v>
      </c>
      <c r="AJ6545">
        <v>16493.824000000001</v>
      </c>
      <c r="AK6545">
        <v>28898.963940000001</v>
      </c>
      <c r="AL6545">
        <v>48913.651760000001</v>
      </c>
      <c r="AM6545">
        <v>16877.187689999999</v>
      </c>
      <c r="AN6545">
        <v>82619.671199999997</v>
      </c>
      <c r="AO6545">
        <v>26904.373250000001</v>
      </c>
      <c r="AP6545">
        <v>9751.9948700000004</v>
      </c>
    </row>
    <row r="6546" spans="2:42" x14ac:dyDescent="0.3">
      <c r="B6546">
        <v>41.803834762249032</v>
      </c>
      <c r="C6546" s="83">
        <v>43373.666666666664</v>
      </c>
      <c r="D6546">
        <v>156804.5509</v>
      </c>
      <c r="E6546">
        <v>14022.54494</v>
      </c>
      <c r="F6546">
        <v>49174.087950000001</v>
      </c>
      <c r="G6546">
        <v>30484.304100000001</v>
      </c>
      <c r="H6546">
        <v>31745.787179999999</v>
      </c>
      <c r="I6546">
        <v>24108.99134</v>
      </c>
      <c r="J6546">
        <v>36976.199139999997</v>
      </c>
      <c r="K6546">
        <v>43890.900430000002</v>
      </c>
      <c r="L6546">
        <v>26688.133320000001</v>
      </c>
      <c r="M6546">
        <v>213135.44450000001</v>
      </c>
      <c r="N6546">
        <v>64585.081749999998</v>
      </c>
      <c r="O6546">
        <v>16320.55719</v>
      </c>
      <c r="P6546">
        <v>27795.7199</v>
      </c>
      <c r="Q6546">
        <v>49413.249490000002</v>
      </c>
      <c r="R6546">
        <v>16909.60197</v>
      </c>
      <c r="S6546">
        <v>83034.811730000001</v>
      </c>
      <c r="T6546">
        <v>26048.990760000001</v>
      </c>
      <c r="U6546">
        <v>9585.4028180000005</v>
      </c>
      <c r="W6546" s="83">
        <f>Bühler!N6578</f>
        <v>45564.666666650795</v>
      </c>
      <c r="X6546" s="83">
        <v>43373.666666666664</v>
      </c>
      <c r="Y6546">
        <v>156804.5509</v>
      </c>
      <c r="Z6546">
        <v>14022.54494</v>
      </c>
      <c r="AA6546">
        <v>49174.087950000001</v>
      </c>
      <c r="AB6546">
        <v>30484.304100000001</v>
      </c>
      <c r="AC6546">
        <v>31745.787179999999</v>
      </c>
      <c r="AD6546">
        <v>24108.99134</v>
      </c>
      <c r="AE6546">
        <v>36976.199139999997</v>
      </c>
      <c r="AF6546">
        <v>43890.900430000002</v>
      </c>
      <c r="AG6546">
        <v>26688.133320000001</v>
      </c>
      <c r="AH6546">
        <v>213135.44450000001</v>
      </c>
      <c r="AI6546">
        <v>64585.081749999998</v>
      </c>
      <c r="AJ6546">
        <v>16320.55719</v>
      </c>
      <c r="AK6546">
        <v>27795.7199</v>
      </c>
      <c r="AL6546">
        <v>49413.249490000002</v>
      </c>
      <c r="AM6546">
        <v>16909.60197</v>
      </c>
      <c r="AN6546">
        <v>83034.811730000001</v>
      </c>
      <c r="AO6546">
        <v>26048.990760000001</v>
      </c>
      <c r="AP6546">
        <v>9585.4028180000005</v>
      </c>
    </row>
    <row r="6547" spans="2:42" x14ac:dyDescent="0.3">
      <c r="B6547">
        <v>41.234406446892841</v>
      </c>
      <c r="C6547" s="83">
        <v>43373.708333333336</v>
      </c>
      <c r="D6547">
        <v>158777.72959999999</v>
      </c>
      <c r="E6547">
        <v>13813.541359999999</v>
      </c>
      <c r="F6547">
        <v>48195.690620000001</v>
      </c>
      <c r="G6547">
        <v>30404.55069</v>
      </c>
      <c r="H6547">
        <v>31501.741450000001</v>
      </c>
      <c r="I6547">
        <v>23895.389709999999</v>
      </c>
      <c r="J6547">
        <v>37477.829579999998</v>
      </c>
      <c r="K6547">
        <v>42573.659570000003</v>
      </c>
      <c r="L6547">
        <v>26498.000909999999</v>
      </c>
      <c r="M6547">
        <v>210232.2334</v>
      </c>
      <c r="N6547">
        <v>64533.034390000001</v>
      </c>
      <c r="O6547">
        <v>16745.88236</v>
      </c>
      <c r="P6547">
        <v>27525.19253</v>
      </c>
      <c r="Q6547">
        <v>50345.660989999997</v>
      </c>
      <c r="R6547">
        <v>16981.72551</v>
      </c>
      <c r="S6547">
        <v>84288.857010000007</v>
      </c>
      <c r="T6547">
        <v>25580.04075</v>
      </c>
      <c r="U6547">
        <v>10133.270689999999</v>
      </c>
      <c r="W6547" s="83">
        <f>Bühler!N6579</f>
        <v>45564.70833331746</v>
      </c>
      <c r="X6547" s="83">
        <v>43373.708333333336</v>
      </c>
      <c r="Y6547">
        <v>158777.72959999999</v>
      </c>
      <c r="Z6547">
        <v>13813.541359999999</v>
      </c>
      <c r="AA6547">
        <v>48195.690620000001</v>
      </c>
      <c r="AB6547">
        <v>30404.55069</v>
      </c>
      <c r="AC6547">
        <v>31501.741450000001</v>
      </c>
      <c r="AD6547">
        <v>23895.389709999999</v>
      </c>
      <c r="AE6547">
        <v>37477.829579999998</v>
      </c>
      <c r="AF6547">
        <v>42573.659570000003</v>
      </c>
      <c r="AG6547">
        <v>26498.000909999999</v>
      </c>
      <c r="AH6547">
        <v>210232.2334</v>
      </c>
      <c r="AI6547">
        <v>64533.034390000001</v>
      </c>
      <c r="AJ6547">
        <v>16745.88236</v>
      </c>
      <c r="AK6547">
        <v>27525.19253</v>
      </c>
      <c r="AL6547">
        <v>50345.660989999997</v>
      </c>
      <c r="AM6547">
        <v>16981.72551</v>
      </c>
      <c r="AN6547">
        <v>84288.857010000007</v>
      </c>
      <c r="AO6547">
        <v>25580.04075</v>
      </c>
      <c r="AP6547">
        <v>10133.270689999999</v>
      </c>
    </row>
    <row r="6548" spans="2:42" x14ac:dyDescent="0.3">
      <c r="B6548">
        <v>40.916798466101724</v>
      </c>
      <c r="C6548" s="83">
        <v>43373.75</v>
      </c>
      <c r="D6548">
        <v>159927.3351</v>
      </c>
      <c r="E6548">
        <v>13263.40612</v>
      </c>
      <c r="F6548">
        <v>48412.444439999999</v>
      </c>
      <c r="G6548">
        <v>30779.77549</v>
      </c>
      <c r="H6548">
        <v>31460.83222</v>
      </c>
      <c r="I6548">
        <v>23485.275860000002</v>
      </c>
      <c r="J6548">
        <v>37656.652589999998</v>
      </c>
      <c r="K6548">
        <v>43197.570330000002</v>
      </c>
      <c r="L6548">
        <v>25840.253580000001</v>
      </c>
      <c r="M6548">
        <v>208612.9198</v>
      </c>
      <c r="N6548">
        <v>63995.822220000002</v>
      </c>
      <c r="O6548">
        <v>16228.92455</v>
      </c>
      <c r="P6548">
        <v>30034.427609999999</v>
      </c>
      <c r="Q6548">
        <v>51469.259100000003</v>
      </c>
      <c r="R6548">
        <v>17466.088240000001</v>
      </c>
      <c r="S6548">
        <v>82159.063429999995</v>
      </c>
      <c r="T6548">
        <v>24802.36939</v>
      </c>
      <c r="U6548">
        <v>10300.52665</v>
      </c>
      <c r="W6548" s="83">
        <f>Bühler!N6580</f>
        <v>45564.749999984124</v>
      </c>
      <c r="X6548" s="83">
        <v>43373.75</v>
      </c>
      <c r="Y6548">
        <v>159927.3351</v>
      </c>
      <c r="Z6548">
        <v>13263.40612</v>
      </c>
      <c r="AA6548">
        <v>48412.444439999999</v>
      </c>
      <c r="AB6548">
        <v>30779.77549</v>
      </c>
      <c r="AC6548">
        <v>31460.83222</v>
      </c>
      <c r="AD6548">
        <v>23485.275860000002</v>
      </c>
      <c r="AE6548">
        <v>37656.652589999998</v>
      </c>
      <c r="AF6548">
        <v>43197.570330000002</v>
      </c>
      <c r="AG6548">
        <v>25840.253580000001</v>
      </c>
      <c r="AH6548">
        <v>208612.9198</v>
      </c>
      <c r="AI6548">
        <v>63995.822220000002</v>
      </c>
      <c r="AJ6548">
        <v>16228.92455</v>
      </c>
      <c r="AK6548">
        <v>30034.427609999999</v>
      </c>
      <c r="AL6548">
        <v>51469.259100000003</v>
      </c>
      <c r="AM6548">
        <v>17466.088240000001</v>
      </c>
      <c r="AN6548">
        <v>82159.063429999995</v>
      </c>
      <c r="AO6548">
        <v>24802.36939</v>
      </c>
      <c r="AP6548">
        <v>10300.52665</v>
      </c>
    </row>
    <row r="6549" spans="2:42" x14ac:dyDescent="0.3">
      <c r="B6549">
        <v>41.798217308277763</v>
      </c>
      <c r="C6549" s="83">
        <v>43373.791666666664</v>
      </c>
      <c r="D6549">
        <v>160817.4999</v>
      </c>
      <c r="E6549">
        <v>12623.004999999999</v>
      </c>
      <c r="F6549">
        <v>48410.092389999998</v>
      </c>
      <c r="G6549">
        <v>31758.44513</v>
      </c>
      <c r="H6549">
        <v>32075.321110000001</v>
      </c>
      <c r="I6549">
        <v>23621.836899999998</v>
      </c>
      <c r="J6549">
        <v>38340.538529999998</v>
      </c>
      <c r="K6549">
        <v>45358.741470000001</v>
      </c>
      <c r="L6549">
        <v>26809.862389999998</v>
      </c>
      <c r="M6549">
        <v>213106.80410000001</v>
      </c>
      <c r="N6549">
        <v>65173.696179999999</v>
      </c>
      <c r="O6549">
        <v>16346.07525</v>
      </c>
      <c r="P6549">
        <v>31056.270659999998</v>
      </c>
      <c r="Q6549">
        <v>51863.468650000003</v>
      </c>
      <c r="R6549">
        <v>18373.962200000002</v>
      </c>
      <c r="S6549">
        <v>81799.858139999997</v>
      </c>
      <c r="T6549">
        <v>24552.028679999999</v>
      </c>
      <c r="U6549">
        <v>11146.992700000001</v>
      </c>
      <c r="W6549" s="83">
        <f>Bühler!N6581</f>
        <v>45564.791666650788</v>
      </c>
      <c r="X6549" s="83">
        <v>43373.791666666664</v>
      </c>
      <c r="Y6549">
        <v>160817.4999</v>
      </c>
      <c r="Z6549">
        <v>12623.004999999999</v>
      </c>
      <c r="AA6549">
        <v>48410.092389999998</v>
      </c>
      <c r="AB6549">
        <v>31758.44513</v>
      </c>
      <c r="AC6549">
        <v>32075.321110000001</v>
      </c>
      <c r="AD6549">
        <v>23621.836899999998</v>
      </c>
      <c r="AE6549">
        <v>38340.538529999998</v>
      </c>
      <c r="AF6549">
        <v>45358.741470000001</v>
      </c>
      <c r="AG6549">
        <v>26809.862389999998</v>
      </c>
      <c r="AH6549">
        <v>213106.80410000001</v>
      </c>
      <c r="AI6549">
        <v>65173.696179999999</v>
      </c>
      <c r="AJ6549">
        <v>16346.07525</v>
      </c>
      <c r="AK6549">
        <v>31056.270659999998</v>
      </c>
      <c r="AL6549">
        <v>51863.468650000003</v>
      </c>
      <c r="AM6549">
        <v>18373.962200000002</v>
      </c>
      <c r="AN6549">
        <v>81799.858139999997</v>
      </c>
      <c r="AO6549">
        <v>24552.028679999999</v>
      </c>
      <c r="AP6549">
        <v>11146.992700000001</v>
      </c>
    </row>
    <row r="6550" spans="2:42" x14ac:dyDescent="0.3">
      <c r="B6550">
        <v>42.499197359982716</v>
      </c>
      <c r="C6550" s="83">
        <v>43373.833333333336</v>
      </c>
      <c r="D6550">
        <v>163268.76430000001</v>
      </c>
      <c r="E6550">
        <v>12126.49288</v>
      </c>
      <c r="F6550">
        <v>48873.2235</v>
      </c>
      <c r="G6550">
        <v>32704.387999999999</v>
      </c>
      <c r="H6550">
        <v>32899.592859999997</v>
      </c>
      <c r="I6550">
        <v>23731.99871</v>
      </c>
      <c r="J6550">
        <v>39624.141530000001</v>
      </c>
      <c r="K6550">
        <v>45303.766309999999</v>
      </c>
      <c r="L6550">
        <v>27097.560300000001</v>
      </c>
      <c r="M6550">
        <v>216680.7273</v>
      </c>
      <c r="N6550">
        <v>67351.486990000005</v>
      </c>
      <c r="O6550">
        <v>16262.493130000001</v>
      </c>
      <c r="P6550">
        <v>32126.926390000001</v>
      </c>
      <c r="Q6550">
        <v>53509.568740000002</v>
      </c>
      <c r="R6550">
        <v>17646.63579</v>
      </c>
      <c r="S6550">
        <v>78571.94068</v>
      </c>
      <c r="T6550">
        <v>22320.683260000002</v>
      </c>
      <c r="U6550">
        <v>11546.192129999999</v>
      </c>
      <c r="W6550" s="83">
        <f>Bühler!N6582</f>
        <v>45564.833333317452</v>
      </c>
      <c r="X6550" s="83">
        <v>43373.833333333336</v>
      </c>
      <c r="Y6550">
        <v>163268.76430000001</v>
      </c>
      <c r="Z6550">
        <v>12126.49288</v>
      </c>
      <c r="AA6550">
        <v>48873.2235</v>
      </c>
      <c r="AB6550">
        <v>32704.387999999999</v>
      </c>
      <c r="AC6550">
        <v>32899.592859999997</v>
      </c>
      <c r="AD6550">
        <v>23731.99871</v>
      </c>
      <c r="AE6550">
        <v>39624.141530000001</v>
      </c>
      <c r="AF6550">
        <v>45303.766309999999</v>
      </c>
      <c r="AG6550">
        <v>27097.560300000001</v>
      </c>
      <c r="AH6550">
        <v>216680.7273</v>
      </c>
      <c r="AI6550">
        <v>67351.486990000005</v>
      </c>
      <c r="AJ6550">
        <v>16262.493130000001</v>
      </c>
      <c r="AK6550">
        <v>32126.926390000001</v>
      </c>
      <c r="AL6550">
        <v>53509.568740000002</v>
      </c>
      <c r="AM6550">
        <v>17646.63579</v>
      </c>
      <c r="AN6550">
        <v>78571.94068</v>
      </c>
      <c r="AO6550">
        <v>22320.683260000002</v>
      </c>
      <c r="AP6550">
        <v>11546.192129999999</v>
      </c>
    </row>
    <row r="6551" spans="2:42" x14ac:dyDescent="0.3">
      <c r="B6551">
        <v>42.543212164621778</v>
      </c>
      <c r="C6551" s="83">
        <v>43373.875</v>
      </c>
      <c r="D6551">
        <v>165213.23439999999</v>
      </c>
      <c r="E6551">
        <v>11608.08727</v>
      </c>
      <c r="F6551">
        <v>47777.357239999998</v>
      </c>
      <c r="G6551">
        <v>32462.1188</v>
      </c>
      <c r="H6551">
        <v>32646.741689999999</v>
      </c>
      <c r="I6551">
        <v>22569.102149999999</v>
      </c>
      <c r="J6551">
        <v>38243.195079999998</v>
      </c>
      <c r="K6551">
        <v>45574.359550000001</v>
      </c>
      <c r="L6551">
        <v>25119.017759999999</v>
      </c>
      <c r="M6551">
        <v>216905.13529999999</v>
      </c>
      <c r="N6551">
        <v>66848.670710000006</v>
      </c>
      <c r="O6551">
        <v>16266.01388</v>
      </c>
      <c r="P6551">
        <v>30667.357840000001</v>
      </c>
      <c r="Q6551">
        <v>54320.510119999999</v>
      </c>
      <c r="R6551">
        <v>17155.916720000001</v>
      </c>
      <c r="S6551">
        <v>75111.970449999993</v>
      </c>
      <c r="T6551">
        <v>21424.699229999998</v>
      </c>
      <c r="U6551">
        <v>11805.63343</v>
      </c>
      <c r="W6551" s="83">
        <f>Bühler!N6583</f>
        <v>45564.874999984117</v>
      </c>
      <c r="X6551" s="83">
        <v>43373.875</v>
      </c>
      <c r="Y6551">
        <v>165213.23439999999</v>
      </c>
      <c r="Z6551">
        <v>11608.08727</v>
      </c>
      <c r="AA6551">
        <v>47777.357239999998</v>
      </c>
      <c r="AB6551">
        <v>32462.1188</v>
      </c>
      <c r="AC6551">
        <v>32646.741689999999</v>
      </c>
      <c r="AD6551">
        <v>22569.102149999999</v>
      </c>
      <c r="AE6551">
        <v>38243.195079999998</v>
      </c>
      <c r="AF6551">
        <v>45574.359550000001</v>
      </c>
      <c r="AG6551">
        <v>25119.017759999999</v>
      </c>
      <c r="AH6551">
        <v>216905.13529999999</v>
      </c>
      <c r="AI6551">
        <v>66848.670710000006</v>
      </c>
      <c r="AJ6551">
        <v>16266.01388</v>
      </c>
      <c r="AK6551">
        <v>30667.357840000001</v>
      </c>
      <c r="AL6551">
        <v>54320.510119999999</v>
      </c>
      <c r="AM6551">
        <v>17155.916720000001</v>
      </c>
      <c r="AN6551">
        <v>75111.970449999993</v>
      </c>
      <c r="AO6551">
        <v>21424.699229999998</v>
      </c>
      <c r="AP6551">
        <v>11805.63343</v>
      </c>
    </row>
    <row r="6552" spans="2:42" x14ac:dyDescent="0.3">
      <c r="B6552">
        <v>42.492690638593388</v>
      </c>
      <c r="C6552" s="83">
        <v>43373.916666666664</v>
      </c>
      <c r="D6552">
        <v>166537.51920000001</v>
      </c>
      <c r="E6552">
        <v>11610.33647</v>
      </c>
      <c r="F6552">
        <v>47511.581290000002</v>
      </c>
      <c r="G6552">
        <v>32553.192780000001</v>
      </c>
      <c r="H6552">
        <v>32758.13996</v>
      </c>
      <c r="I6552">
        <v>21292.380079999999</v>
      </c>
      <c r="J6552">
        <v>37136.552230000001</v>
      </c>
      <c r="K6552">
        <v>46865.132870000001</v>
      </c>
      <c r="L6552">
        <v>21976.996210000001</v>
      </c>
      <c r="M6552">
        <v>216647.55300000001</v>
      </c>
      <c r="N6552">
        <v>66751.516619999995</v>
      </c>
      <c r="O6552">
        <v>16896.33553</v>
      </c>
      <c r="P6552">
        <v>29533.819950000001</v>
      </c>
      <c r="Q6552">
        <v>56087.314230000004</v>
      </c>
      <c r="R6552">
        <v>18166.829989999998</v>
      </c>
      <c r="S6552">
        <v>73734.613870000001</v>
      </c>
      <c r="T6552">
        <v>20819.344509999999</v>
      </c>
      <c r="U6552">
        <v>11781.36767</v>
      </c>
      <c r="W6552" s="83">
        <f>Bühler!N6584</f>
        <v>45564.916666650781</v>
      </c>
      <c r="X6552" s="83">
        <v>43373.916666666664</v>
      </c>
      <c r="Y6552">
        <v>166537.51920000001</v>
      </c>
      <c r="Z6552">
        <v>11610.33647</v>
      </c>
      <c r="AA6552">
        <v>47511.581290000002</v>
      </c>
      <c r="AB6552">
        <v>32553.192780000001</v>
      </c>
      <c r="AC6552">
        <v>32758.13996</v>
      </c>
      <c r="AD6552">
        <v>21292.380079999999</v>
      </c>
      <c r="AE6552">
        <v>37136.552230000001</v>
      </c>
      <c r="AF6552">
        <v>46865.132870000001</v>
      </c>
      <c r="AG6552">
        <v>21976.996210000001</v>
      </c>
      <c r="AH6552">
        <v>216647.55300000001</v>
      </c>
      <c r="AI6552">
        <v>66751.516619999995</v>
      </c>
      <c r="AJ6552">
        <v>16896.33553</v>
      </c>
      <c r="AK6552">
        <v>29533.819950000001</v>
      </c>
      <c r="AL6552">
        <v>56087.314230000004</v>
      </c>
      <c r="AM6552">
        <v>18166.829989999998</v>
      </c>
      <c r="AN6552">
        <v>73734.613870000001</v>
      </c>
      <c r="AO6552">
        <v>20819.344509999999</v>
      </c>
      <c r="AP6552">
        <v>11781.36767</v>
      </c>
    </row>
    <row r="6553" spans="2:42" x14ac:dyDescent="0.3">
      <c r="B6553">
        <v>43.153086132880112</v>
      </c>
      <c r="C6553" s="83">
        <v>43373.958333333336</v>
      </c>
      <c r="D6553">
        <v>168432.55119999999</v>
      </c>
      <c r="E6553">
        <v>11466.217919999999</v>
      </c>
      <c r="F6553">
        <v>47685.78787</v>
      </c>
      <c r="G6553">
        <v>32660.373879999999</v>
      </c>
      <c r="H6553">
        <v>32375.005639999999</v>
      </c>
      <c r="I6553">
        <v>20843.746149999999</v>
      </c>
      <c r="J6553">
        <v>33531.078829999999</v>
      </c>
      <c r="K6553">
        <v>46814.272149999997</v>
      </c>
      <c r="L6553">
        <v>19030.12933</v>
      </c>
      <c r="M6553">
        <v>220014.55720000001</v>
      </c>
      <c r="N6553">
        <v>67324.198929999999</v>
      </c>
      <c r="O6553">
        <v>17401.11393</v>
      </c>
      <c r="P6553">
        <v>26808.023150000001</v>
      </c>
      <c r="Q6553">
        <v>57993.959699999999</v>
      </c>
      <c r="R6553">
        <v>17147.387009999999</v>
      </c>
      <c r="S6553">
        <v>72205.091050000003</v>
      </c>
      <c r="T6553">
        <v>19503.348669999999</v>
      </c>
      <c r="U6553">
        <v>11830.41275</v>
      </c>
      <c r="W6553" s="83">
        <f>Bühler!N6585</f>
        <v>45564.958333317445</v>
      </c>
      <c r="X6553" s="83">
        <v>43373.958333333336</v>
      </c>
      <c r="Y6553">
        <v>168432.55119999999</v>
      </c>
      <c r="Z6553">
        <v>11466.217919999999</v>
      </c>
      <c r="AA6553">
        <v>47685.78787</v>
      </c>
      <c r="AB6553">
        <v>32660.373879999999</v>
      </c>
      <c r="AC6553">
        <v>32375.005639999999</v>
      </c>
      <c r="AD6553">
        <v>20843.746149999999</v>
      </c>
      <c r="AE6553">
        <v>33531.078829999999</v>
      </c>
      <c r="AF6553">
        <v>46814.272149999997</v>
      </c>
      <c r="AG6553">
        <v>19030.12933</v>
      </c>
      <c r="AH6553">
        <v>220014.55720000001</v>
      </c>
      <c r="AI6553">
        <v>67324.198929999999</v>
      </c>
      <c r="AJ6553">
        <v>17401.11393</v>
      </c>
      <c r="AK6553">
        <v>26808.023150000001</v>
      </c>
      <c r="AL6553">
        <v>57993.959699999999</v>
      </c>
      <c r="AM6553">
        <v>17147.387009999999</v>
      </c>
      <c r="AN6553">
        <v>72205.091050000003</v>
      </c>
      <c r="AO6553">
        <v>19503.348669999999</v>
      </c>
      <c r="AP6553">
        <v>11830.41275</v>
      </c>
    </row>
    <row r="6554" spans="2:42" x14ac:dyDescent="0.3">
      <c r="B6554">
        <v>43.185467301829178</v>
      </c>
      <c r="C6554" s="83">
        <v>43374</v>
      </c>
      <c r="D6554">
        <v>171016.72089999999</v>
      </c>
      <c r="E6554">
        <v>11318.052110000001</v>
      </c>
      <c r="F6554">
        <v>46308.736270000001</v>
      </c>
      <c r="G6554">
        <v>31666.171320000001</v>
      </c>
      <c r="H6554">
        <v>32120.638070000001</v>
      </c>
      <c r="I6554">
        <v>18982.637620000001</v>
      </c>
      <c r="J6554">
        <v>31442.449120000001</v>
      </c>
      <c r="K6554">
        <v>44668.506289999998</v>
      </c>
      <c r="L6554">
        <v>17541.943780000001</v>
      </c>
      <c r="M6554">
        <v>220179.65150000001</v>
      </c>
      <c r="N6554">
        <v>65631.498070000001</v>
      </c>
      <c r="O6554">
        <v>17658.148160000001</v>
      </c>
      <c r="P6554">
        <v>23861.206259999999</v>
      </c>
      <c r="Q6554">
        <v>60936.602989999999</v>
      </c>
      <c r="R6554">
        <v>15811.92477</v>
      </c>
      <c r="S6554">
        <v>71096.13205</v>
      </c>
      <c r="T6554">
        <v>18745.346089999999</v>
      </c>
      <c r="U6554">
        <v>10919.85022</v>
      </c>
      <c r="W6554" s="83">
        <f>Bühler!N6586</f>
        <v>45564.999999984109</v>
      </c>
      <c r="X6554" s="83">
        <v>43374</v>
      </c>
      <c r="Y6554">
        <v>171016.72089999999</v>
      </c>
      <c r="Z6554">
        <v>11318.052110000001</v>
      </c>
      <c r="AA6554">
        <v>46308.736270000001</v>
      </c>
      <c r="AB6554">
        <v>31666.171320000001</v>
      </c>
      <c r="AC6554">
        <v>32120.638070000001</v>
      </c>
      <c r="AD6554">
        <v>18982.637620000001</v>
      </c>
      <c r="AE6554">
        <v>31442.449120000001</v>
      </c>
      <c r="AF6554">
        <v>44668.506289999998</v>
      </c>
      <c r="AG6554">
        <v>17541.943780000001</v>
      </c>
      <c r="AH6554">
        <v>220179.65150000001</v>
      </c>
      <c r="AI6554">
        <v>65631.498070000001</v>
      </c>
      <c r="AJ6554">
        <v>17658.148160000001</v>
      </c>
      <c r="AK6554">
        <v>23861.206259999999</v>
      </c>
      <c r="AL6554">
        <v>60936.602989999999</v>
      </c>
      <c r="AM6554">
        <v>15811.92477</v>
      </c>
      <c r="AN6554">
        <v>71096.13205</v>
      </c>
      <c r="AO6554">
        <v>18745.346089999999</v>
      </c>
      <c r="AP6554">
        <v>10919.85022</v>
      </c>
    </row>
    <row r="6555" spans="2:42" x14ac:dyDescent="0.3">
      <c r="B6555">
        <v>43.310486308967604</v>
      </c>
      <c r="C6555" s="83">
        <v>43374.041666666664</v>
      </c>
      <c r="D6555">
        <v>172469.66769999999</v>
      </c>
      <c r="E6555">
        <v>11188.38493</v>
      </c>
      <c r="F6555">
        <v>46581.702190000004</v>
      </c>
      <c r="G6555">
        <v>31303.449489999999</v>
      </c>
      <c r="H6555">
        <v>31801.683590000001</v>
      </c>
      <c r="I6555">
        <v>15460.697319999999</v>
      </c>
      <c r="J6555">
        <v>30746.085330000002</v>
      </c>
      <c r="K6555">
        <v>42769.45953</v>
      </c>
      <c r="L6555">
        <v>16936.999640000002</v>
      </c>
      <c r="M6555">
        <v>220817.05669999999</v>
      </c>
      <c r="N6555">
        <v>65811.01655</v>
      </c>
      <c r="O6555">
        <v>17021.01557</v>
      </c>
      <c r="P6555">
        <v>22872.65508</v>
      </c>
      <c r="Q6555">
        <v>64020.266389999997</v>
      </c>
      <c r="R6555">
        <v>14675.02124</v>
      </c>
      <c r="S6555">
        <v>70215.959780000005</v>
      </c>
      <c r="T6555">
        <v>18316.507610000001</v>
      </c>
      <c r="U6555">
        <v>11398.99798</v>
      </c>
      <c r="W6555" s="83">
        <f>Bühler!N6587</f>
        <v>45565.041666650774</v>
      </c>
      <c r="X6555" s="83">
        <v>43374.041666666664</v>
      </c>
      <c r="Y6555">
        <v>172469.66769999999</v>
      </c>
      <c r="Z6555">
        <v>11188.38493</v>
      </c>
      <c r="AA6555">
        <v>46581.702190000004</v>
      </c>
      <c r="AB6555">
        <v>31303.449489999999</v>
      </c>
      <c r="AC6555">
        <v>31801.683590000001</v>
      </c>
      <c r="AD6555">
        <v>15460.697319999999</v>
      </c>
      <c r="AE6555">
        <v>30746.085330000002</v>
      </c>
      <c r="AF6555">
        <v>42769.45953</v>
      </c>
      <c r="AG6555">
        <v>16936.999640000002</v>
      </c>
      <c r="AH6555">
        <v>220817.05669999999</v>
      </c>
      <c r="AI6555">
        <v>65811.01655</v>
      </c>
      <c r="AJ6555">
        <v>17021.01557</v>
      </c>
      <c r="AK6555">
        <v>22872.65508</v>
      </c>
      <c r="AL6555">
        <v>64020.266389999997</v>
      </c>
      <c r="AM6555">
        <v>14675.02124</v>
      </c>
      <c r="AN6555">
        <v>70215.959780000005</v>
      </c>
      <c r="AO6555">
        <v>18316.507610000001</v>
      </c>
      <c r="AP6555">
        <v>11398.99798</v>
      </c>
    </row>
    <row r="6556" spans="2:42" x14ac:dyDescent="0.3">
      <c r="B6556">
        <v>43.943850184183738</v>
      </c>
      <c r="C6556" s="83">
        <v>43374.083333333336</v>
      </c>
      <c r="D6556">
        <v>174673.91930000001</v>
      </c>
      <c r="E6556">
        <v>11269.402470000001</v>
      </c>
      <c r="F6556">
        <v>47155.326500000003</v>
      </c>
      <c r="G6556">
        <v>30850.903679999999</v>
      </c>
      <c r="H6556">
        <v>31608.231909999999</v>
      </c>
      <c r="I6556">
        <v>14150.898380000001</v>
      </c>
      <c r="J6556">
        <v>30686.8603</v>
      </c>
      <c r="K6556">
        <v>41030.153780000001</v>
      </c>
      <c r="L6556">
        <v>16466.06554</v>
      </c>
      <c r="M6556">
        <v>224046.24110000001</v>
      </c>
      <c r="N6556">
        <v>65150.608560000001</v>
      </c>
      <c r="O6556">
        <v>16943.21026</v>
      </c>
      <c r="P6556">
        <v>22255.574240000002</v>
      </c>
      <c r="Q6556">
        <v>66906.490699999995</v>
      </c>
      <c r="R6556">
        <v>14575.36587</v>
      </c>
      <c r="S6556">
        <v>69812.095709999994</v>
      </c>
      <c r="T6556">
        <v>18114.14459</v>
      </c>
      <c r="U6556">
        <v>10921.178110000001</v>
      </c>
      <c r="W6556" s="83">
        <f>Bühler!N6588</f>
        <v>45565.083333317438</v>
      </c>
      <c r="X6556" s="83">
        <v>43374.083333333336</v>
      </c>
      <c r="Y6556">
        <v>174673.91930000001</v>
      </c>
      <c r="Z6556">
        <v>11269.402470000001</v>
      </c>
      <c r="AA6556">
        <v>47155.326500000003</v>
      </c>
      <c r="AB6556">
        <v>30850.903679999999</v>
      </c>
      <c r="AC6556">
        <v>31608.231909999999</v>
      </c>
      <c r="AD6556">
        <v>14150.898380000001</v>
      </c>
      <c r="AE6556">
        <v>30686.8603</v>
      </c>
      <c r="AF6556">
        <v>41030.153780000001</v>
      </c>
      <c r="AG6556">
        <v>16466.06554</v>
      </c>
      <c r="AH6556">
        <v>224046.24110000001</v>
      </c>
      <c r="AI6556">
        <v>65150.608560000001</v>
      </c>
      <c r="AJ6556">
        <v>16943.21026</v>
      </c>
      <c r="AK6556">
        <v>22255.574240000002</v>
      </c>
      <c r="AL6556">
        <v>66906.490699999995</v>
      </c>
      <c r="AM6556">
        <v>14575.36587</v>
      </c>
      <c r="AN6556">
        <v>69812.095709999994</v>
      </c>
      <c r="AO6556">
        <v>18114.14459</v>
      </c>
      <c r="AP6556">
        <v>10921.178110000001</v>
      </c>
    </row>
    <row r="6557" spans="2:42" x14ac:dyDescent="0.3">
      <c r="B6557">
        <v>45.513013568506743</v>
      </c>
      <c r="C6557" s="83">
        <v>43374.125</v>
      </c>
      <c r="D6557">
        <v>179233.60639999999</v>
      </c>
      <c r="E6557">
        <v>11414.79933</v>
      </c>
      <c r="F6557">
        <v>49156.506730000001</v>
      </c>
      <c r="G6557">
        <v>29876.11652</v>
      </c>
      <c r="H6557">
        <v>31905.731240000001</v>
      </c>
      <c r="I6557">
        <v>14155.513559999999</v>
      </c>
      <c r="J6557">
        <v>30944.523069999999</v>
      </c>
      <c r="K6557">
        <v>40371.441400000003</v>
      </c>
      <c r="L6557">
        <v>16386.538850000001</v>
      </c>
      <c r="M6557">
        <v>232046.56779999999</v>
      </c>
      <c r="N6557">
        <v>65083.878149999997</v>
      </c>
      <c r="O6557">
        <v>16765.59678</v>
      </c>
      <c r="P6557">
        <v>22215.465670000001</v>
      </c>
      <c r="Q6557">
        <v>71622.336509999994</v>
      </c>
      <c r="R6557">
        <v>14617.67086</v>
      </c>
      <c r="S6557">
        <v>68922.377280000001</v>
      </c>
      <c r="T6557">
        <v>17981.358749999999</v>
      </c>
      <c r="U6557">
        <v>11317.604520000001</v>
      </c>
      <c r="W6557" s="83">
        <f>Bühler!N6589</f>
        <v>45565.124999984102</v>
      </c>
      <c r="X6557" s="83">
        <v>43374.125</v>
      </c>
      <c r="Y6557">
        <v>179233.60639999999</v>
      </c>
      <c r="Z6557">
        <v>11414.79933</v>
      </c>
      <c r="AA6557">
        <v>49156.506730000001</v>
      </c>
      <c r="AB6557">
        <v>29876.11652</v>
      </c>
      <c r="AC6557">
        <v>31905.731240000001</v>
      </c>
      <c r="AD6557">
        <v>14155.513559999999</v>
      </c>
      <c r="AE6557">
        <v>30944.523069999999</v>
      </c>
      <c r="AF6557">
        <v>40371.441400000003</v>
      </c>
      <c r="AG6557">
        <v>16386.538850000001</v>
      </c>
      <c r="AH6557">
        <v>232046.56779999999</v>
      </c>
      <c r="AI6557">
        <v>65083.878149999997</v>
      </c>
      <c r="AJ6557">
        <v>16765.59678</v>
      </c>
      <c r="AK6557">
        <v>22215.465670000001</v>
      </c>
      <c r="AL6557">
        <v>71622.336509999994</v>
      </c>
      <c r="AM6557">
        <v>14617.67086</v>
      </c>
      <c r="AN6557">
        <v>68922.377280000001</v>
      </c>
      <c r="AO6557">
        <v>17981.358749999999</v>
      </c>
      <c r="AP6557">
        <v>11317.604520000001</v>
      </c>
    </row>
    <row r="6558" spans="2:42" x14ac:dyDescent="0.3">
      <c r="B6558">
        <v>48.813210700640049</v>
      </c>
      <c r="C6558" s="83">
        <v>43374.166666666664</v>
      </c>
      <c r="D6558">
        <v>189525.5845</v>
      </c>
      <c r="E6558">
        <v>12216.30804</v>
      </c>
      <c r="F6558">
        <v>52924.807180000003</v>
      </c>
      <c r="G6558">
        <v>29222.737860000001</v>
      </c>
      <c r="H6558">
        <v>32538.985830000001</v>
      </c>
      <c r="I6558">
        <v>16564.863700000002</v>
      </c>
      <c r="J6558">
        <v>32751.87744</v>
      </c>
      <c r="K6558">
        <v>39776.708379999996</v>
      </c>
      <c r="L6558">
        <v>15981.89042</v>
      </c>
      <c r="M6558">
        <v>248872.51180000001</v>
      </c>
      <c r="N6558">
        <v>65444.4594</v>
      </c>
      <c r="O6558">
        <v>17646.720160000001</v>
      </c>
      <c r="P6558">
        <v>21728.105100000001</v>
      </c>
      <c r="Q6558">
        <v>77907.69743</v>
      </c>
      <c r="R6558">
        <v>14817.429760000001</v>
      </c>
      <c r="S6558">
        <v>69669.890719999996</v>
      </c>
      <c r="T6558">
        <v>17606.70938</v>
      </c>
      <c r="U6558">
        <v>11273.462869999999</v>
      </c>
      <c r="W6558" s="83">
        <f>Bühler!N6590</f>
        <v>45565.166666650766</v>
      </c>
      <c r="X6558" s="83">
        <v>43374.166666666664</v>
      </c>
      <c r="Y6558">
        <v>189525.5845</v>
      </c>
      <c r="Z6558">
        <v>12216.30804</v>
      </c>
      <c r="AA6558">
        <v>52924.807180000003</v>
      </c>
      <c r="AB6558">
        <v>29222.737860000001</v>
      </c>
      <c r="AC6558">
        <v>32538.985830000001</v>
      </c>
      <c r="AD6558">
        <v>16564.863700000002</v>
      </c>
      <c r="AE6558">
        <v>32751.87744</v>
      </c>
      <c r="AF6558">
        <v>39776.708379999996</v>
      </c>
      <c r="AG6558">
        <v>15981.89042</v>
      </c>
      <c r="AH6558">
        <v>248872.51180000001</v>
      </c>
      <c r="AI6558">
        <v>65444.4594</v>
      </c>
      <c r="AJ6558">
        <v>17646.720160000001</v>
      </c>
      <c r="AK6558">
        <v>21728.105100000001</v>
      </c>
      <c r="AL6558">
        <v>77907.69743</v>
      </c>
      <c r="AM6558">
        <v>14817.429760000001</v>
      </c>
      <c r="AN6558">
        <v>69669.890719999996</v>
      </c>
      <c r="AO6558">
        <v>17606.70938</v>
      </c>
      <c r="AP6558">
        <v>11273.462869999999</v>
      </c>
    </row>
    <row r="6559" spans="2:42" x14ac:dyDescent="0.3">
      <c r="B6559">
        <v>54.22997390896731</v>
      </c>
      <c r="C6559" s="83">
        <v>43374.208333333336</v>
      </c>
      <c r="D6559">
        <v>220961.3743</v>
      </c>
      <c r="E6559">
        <v>14137.351479999999</v>
      </c>
      <c r="F6559">
        <v>62918.315589999998</v>
      </c>
      <c r="G6559">
        <v>31572.363549999998</v>
      </c>
      <c r="H6559">
        <v>34741.63306</v>
      </c>
      <c r="I6559">
        <v>24118.12859</v>
      </c>
      <c r="J6559">
        <v>36467.475839999999</v>
      </c>
      <c r="K6559">
        <v>41775.375939999998</v>
      </c>
      <c r="L6559">
        <v>16121.41833</v>
      </c>
      <c r="M6559">
        <v>276489.69669999997</v>
      </c>
      <c r="N6559">
        <v>68384.298079999993</v>
      </c>
      <c r="O6559">
        <v>17883.889899999998</v>
      </c>
      <c r="P6559">
        <v>23730.964499999998</v>
      </c>
      <c r="Q6559">
        <v>83590.905029999994</v>
      </c>
      <c r="R6559">
        <v>15594.008390000001</v>
      </c>
      <c r="S6559">
        <v>72583.292090000003</v>
      </c>
      <c r="T6559">
        <v>19156.619780000001</v>
      </c>
      <c r="U6559">
        <v>13260.67079</v>
      </c>
      <c r="W6559" s="83">
        <f>Bühler!N6591</f>
        <v>45565.208333317431</v>
      </c>
      <c r="X6559" s="83">
        <v>43374.208333333336</v>
      </c>
      <c r="Y6559">
        <v>220961.3743</v>
      </c>
      <c r="Z6559">
        <v>14137.351479999999</v>
      </c>
      <c r="AA6559">
        <v>62918.315589999998</v>
      </c>
      <c r="AB6559">
        <v>31572.363549999998</v>
      </c>
      <c r="AC6559">
        <v>34741.63306</v>
      </c>
      <c r="AD6559">
        <v>24118.12859</v>
      </c>
      <c r="AE6559">
        <v>36467.475839999999</v>
      </c>
      <c r="AF6559">
        <v>41775.375939999998</v>
      </c>
      <c r="AG6559">
        <v>16121.41833</v>
      </c>
      <c r="AH6559">
        <v>276489.69669999997</v>
      </c>
      <c r="AI6559">
        <v>68384.298079999993</v>
      </c>
      <c r="AJ6559">
        <v>17883.889899999998</v>
      </c>
      <c r="AK6559">
        <v>23730.964499999998</v>
      </c>
      <c r="AL6559">
        <v>83590.905029999994</v>
      </c>
      <c r="AM6559">
        <v>15594.008390000001</v>
      </c>
      <c r="AN6559">
        <v>72583.292090000003</v>
      </c>
      <c r="AO6559">
        <v>19156.619780000001</v>
      </c>
      <c r="AP6559">
        <v>13260.67079</v>
      </c>
    </row>
    <row r="6560" spans="2:42" x14ac:dyDescent="0.3">
      <c r="B6560">
        <v>59.379041675477374</v>
      </c>
      <c r="C6560" s="83">
        <v>43374.25</v>
      </c>
      <c r="D6560">
        <v>247078.4804</v>
      </c>
      <c r="E6560">
        <v>18419.801490000002</v>
      </c>
      <c r="F6560">
        <v>74180.858489999999</v>
      </c>
      <c r="G6560">
        <v>42603.913549999997</v>
      </c>
      <c r="H6560">
        <v>38071.591630000003</v>
      </c>
      <c r="I6560">
        <v>32039.744500000001</v>
      </c>
      <c r="J6560">
        <v>40762.474090000003</v>
      </c>
      <c r="K6560">
        <v>45147.614099999999</v>
      </c>
      <c r="L6560">
        <v>17371.816190000001</v>
      </c>
      <c r="M6560">
        <v>302742.0454</v>
      </c>
      <c r="N6560">
        <v>73573.102180000002</v>
      </c>
      <c r="O6560">
        <v>19629.130089999999</v>
      </c>
      <c r="P6560">
        <v>24447.50662</v>
      </c>
      <c r="Q6560">
        <v>87687.766940000001</v>
      </c>
      <c r="R6560">
        <v>17235.556359999999</v>
      </c>
      <c r="S6560">
        <v>82822.537599999996</v>
      </c>
      <c r="T6560">
        <v>22102.0903</v>
      </c>
      <c r="U6560">
        <v>16327.980680000001</v>
      </c>
      <c r="W6560" s="83">
        <f>Bühler!N6592</f>
        <v>45565.249999984095</v>
      </c>
      <c r="X6560" s="83">
        <v>43374.25</v>
      </c>
      <c r="Y6560">
        <v>247078.4804</v>
      </c>
      <c r="Z6560">
        <v>18419.801490000002</v>
      </c>
      <c r="AA6560">
        <v>74180.858489999999</v>
      </c>
      <c r="AB6560">
        <v>42603.913549999997</v>
      </c>
      <c r="AC6560">
        <v>38071.591630000003</v>
      </c>
      <c r="AD6560">
        <v>32039.744500000001</v>
      </c>
      <c r="AE6560">
        <v>40762.474090000003</v>
      </c>
      <c r="AF6560">
        <v>45147.614099999999</v>
      </c>
      <c r="AG6560">
        <v>17371.816190000001</v>
      </c>
      <c r="AH6560">
        <v>302742.0454</v>
      </c>
      <c r="AI6560">
        <v>73573.102180000002</v>
      </c>
      <c r="AJ6560">
        <v>19629.130089999999</v>
      </c>
      <c r="AK6560">
        <v>24447.50662</v>
      </c>
      <c r="AL6560">
        <v>87687.766940000001</v>
      </c>
      <c r="AM6560">
        <v>17235.556359999999</v>
      </c>
      <c r="AN6560">
        <v>82822.537599999996</v>
      </c>
      <c r="AO6560">
        <v>22102.0903</v>
      </c>
      <c r="AP6560">
        <v>16327.980680000001</v>
      </c>
    </row>
    <row r="6561" spans="2:42" x14ac:dyDescent="0.3">
      <c r="B6561">
        <v>62.296566770738572</v>
      </c>
      <c r="C6561" s="83">
        <v>43374.291666666664</v>
      </c>
      <c r="D6561">
        <v>266857.93810000003</v>
      </c>
      <c r="E6561">
        <v>22852.46039</v>
      </c>
      <c r="F6561">
        <v>78495.709400000007</v>
      </c>
      <c r="G6561">
        <v>56404.13121</v>
      </c>
      <c r="H6561">
        <v>43999.883719999998</v>
      </c>
      <c r="I6561">
        <v>41151.379800000002</v>
      </c>
      <c r="J6561">
        <v>41682.535629999998</v>
      </c>
      <c r="K6561">
        <v>51065.888149999999</v>
      </c>
      <c r="L6561">
        <v>19887.95392</v>
      </c>
      <c r="M6561">
        <v>317616.94890000002</v>
      </c>
      <c r="N6561">
        <v>81444.778340000004</v>
      </c>
      <c r="O6561">
        <v>22345.963830000001</v>
      </c>
      <c r="P6561">
        <v>27551.281210000001</v>
      </c>
      <c r="Q6561">
        <v>89364.712280000007</v>
      </c>
      <c r="R6561">
        <v>20431.872820000001</v>
      </c>
      <c r="S6561">
        <v>99551.472750000001</v>
      </c>
      <c r="T6561">
        <v>26750.280719999999</v>
      </c>
      <c r="U6561">
        <v>21777.530940000001</v>
      </c>
      <c r="W6561" s="83">
        <f>Bühler!N6593</f>
        <v>45565.291666650759</v>
      </c>
      <c r="X6561" s="83">
        <v>43374.291666666664</v>
      </c>
      <c r="Y6561">
        <v>266857.93810000003</v>
      </c>
      <c r="Z6561">
        <v>22852.46039</v>
      </c>
      <c r="AA6561">
        <v>78495.709400000007</v>
      </c>
      <c r="AB6561">
        <v>56404.13121</v>
      </c>
      <c r="AC6561">
        <v>43999.883719999998</v>
      </c>
      <c r="AD6561">
        <v>41151.379800000002</v>
      </c>
      <c r="AE6561">
        <v>41682.535629999998</v>
      </c>
      <c r="AF6561">
        <v>51065.888149999999</v>
      </c>
      <c r="AG6561">
        <v>19887.95392</v>
      </c>
      <c r="AH6561">
        <v>317616.94890000002</v>
      </c>
      <c r="AI6561">
        <v>81444.778340000004</v>
      </c>
      <c r="AJ6561">
        <v>22345.963830000001</v>
      </c>
      <c r="AK6561">
        <v>27551.281210000001</v>
      </c>
      <c r="AL6561">
        <v>89364.712280000007</v>
      </c>
      <c r="AM6561">
        <v>20431.872820000001</v>
      </c>
      <c r="AN6561">
        <v>99551.472750000001</v>
      </c>
      <c r="AO6561">
        <v>26750.280719999999</v>
      </c>
      <c r="AP6561">
        <v>21777.530940000001</v>
      </c>
    </row>
    <row r="6562" spans="2:42" x14ac:dyDescent="0.3">
      <c r="B6562">
        <v>64.078897238475747</v>
      </c>
      <c r="C6562" s="83">
        <v>43374.333333333336</v>
      </c>
      <c r="D6562">
        <v>280632.90179999999</v>
      </c>
      <c r="E6562">
        <v>28573.22</v>
      </c>
      <c r="F6562">
        <v>83897.645050000006</v>
      </c>
      <c r="G6562">
        <v>72973.72481</v>
      </c>
      <c r="H6562">
        <v>48422.49037</v>
      </c>
      <c r="I6562">
        <v>43548.511039999998</v>
      </c>
      <c r="J6562">
        <v>41601.905959999996</v>
      </c>
      <c r="K6562">
        <v>58149.069940000001</v>
      </c>
      <c r="L6562">
        <v>22565.975900000001</v>
      </c>
      <c r="M6562">
        <v>326704.10080000001</v>
      </c>
      <c r="N6562">
        <v>87530.071259999997</v>
      </c>
      <c r="O6562">
        <v>22897.26583</v>
      </c>
      <c r="P6562">
        <v>29120.299650000001</v>
      </c>
      <c r="Q6562">
        <v>92288.178140000004</v>
      </c>
      <c r="R6562">
        <v>20870.652419999999</v>
      </c>
      <c r="S6562">
        <v>112069.0157</v>
      </c>
      <c r="T6562">
        <v>29705.773410000002</v>
      </c>
      <c r="U6562">
        <v>24864.926609999999</v>
      </c>
      <c r="W6562" s="83">
        <f>Bühler!N6594</f>
        <v>45565.333333317423</v>
      </c>
      <c r="X6562" s="83">
        <v>43374.333333333336</v>
      </c>
      <c r="Y6562">
        <v>280632.90179999999</v>
      </c>
      <c r="Z6562">
        <v>28573.22</v>
      </c>
      <c r="AA6562">
        <v>83897.645050000006</v>
      </c>
      <c r="AB6562">
        <v>72973.72481</v>
      </c>
      <c r="AC6562">
        <v>48422.49037</v>
      </c>
      <c r="AD6562">
        <v>43548.511039999998</v>
      </c>
      <c r="AE6562">
        <v>41601.905959999996</v>
      </c>
      <c r="AF6562">
        <v>58149.069940000001</v>
      </c>
      <c r="AG6562">
        <v>22565.975900000001</v>
      </c>
      <c r="AH6562">
        <v>326704.10080000001</v>
      </c>
      <c r="AI6562">
        <v>87530.071259999997</v>
      </c>
      <c r="AJ6562">
        <v>22897.26583</v>
      </c>
      <c r="AK6562">
        <v>29120.299650000001</v>
      </c>
      <c r="AL6562">
        <v>92288.178140000004</v>
      </c>
      <c r="AM6562">
        <v>20870.652419999999</v>
      </c>
      <c r="AN6562">
        <v>112069.0157</v>
      </c>
      <c r="AO6562">
        <v>29705.773410000002</v>
      </c>
      <c r="AP6562">
        <v>24864.926609999999</v>
      </c>
    </row>
    <row r="6563" spans="2:42" x14ac:dyDescent="0.3">
      <c r="B6563">
        <v>65.180737737798381</v>
      </c>
      <c r="C6563" s="83">
        <v>43374.375</v>
      </c>
      <c r="D6563">
        <v>285776.04080000002</v>
      </c>
      <c r="E6563">
        <v>32197.964199999999</v>
      </c>
      <c r="F6563">
        <v>88815.623529999997</v>
      </c>
      <c r="G6563">
        <v>82402.755789999996</v>
      </c>
      <c r="H6563">
        <v>51428.56914</v>
      </c>
      <c r="I6563">
        <v>41110.051639999998</v>
      </c>
      <c r="J6563">
        <v>42119.478569999999</v>
      </c>
      <c r="K6563">
        <v>60998.440640000001</v>
      </c>
      <c r="L6563">
        <v>24855.952649999999</v>
      </c>
      <c r="M6563">
        <v>332321.79749999999</v>
      </c>
      <c r="N6563">
        <v>91280.903640000004</v>
      </c>
      <c r="O6563">
        <v>23357.629980000002</v>
      </c>
      <c r="P6563">
        <v>30947.9067</v>
      </c>
      <c r="Q6563">
        <v>93739.063810000007</v>
      </c>
      <c r="R6563">
        <v>21097.207299999998</v>
      </c>
      <c r="S6563">
        <v>118331.0438</v>
      </c>
      <c r="T6563">
        <v>32615.0658</v>
      </c>
      <c r="U6563">
        <v>25573.311699999998</v>
      </c>
      <c r="W6563" s="83">
        <f>Bühler!N6595</f>
        <v>45565.374999984087</v>
      </c>
      <c r="X6563" s="83">
        <v>43374.375</v>
      </c>
      <c r="Y6563">
        <v>285776.04080000002</v>
      </c>
      <c r="Z6563">
        <v>32197.964199999999</v>
      </c>
      <c r="AA6563">
        <v>88815.623529999997</v>
      </c>
      <c r="AB6563">
        <v>82402.755789999996</v>
      </c>
      <c r="AC6563">
        <v>51428.56914</v>
      </c>
      <c r="AD6563">
        <v>41110.051639999998</v>
      </c>
      <c r="AE6563">
        <v>42119.478569999999</v>
      </c>
      <c r="AF6563">
        <v>60998.440640000001</v>
      </c>
      <c r="AG6563">
        <v>24855.952649999999</v>
      </c>
      <c r="AH6563">
        <v>332321.79749999999</v>
      </c>
      <c r="AI6563">
        <v>91280.903640000004</v>
      </c>
      <c r="AJ6563">
        <v>23357.629980000002</v>
      </c>
      <c r="AK6563">
        <v>30947.9067</v>
      </c>
      <c r="AL6563">
        <v>93739.063810000007</v>
      </c>
      <c r="AM6563">
        <v>21097.207299999998</v>
      </c>
      <c r="AN6563">
        <v>118331.0438</v>
      </c>
      <c r="AO6563">
        <v>32615.0658</v>
      </c>
      <c r="AP6563">
        <v>25573.311699999998</v>
      </c>
    </row>
    <row r="6564" spans="2:42" x14ac:dyDescent="0.3">
      <c r="B6564">
        <v>66.904408232135552</v>
      </c>
      <c r="C6564" s="83">
        <v>43374.416666666664</v>
      </c>
      <c r="D6564">
        <v>288405.37229999999</v>
      </c>
      <c r="E6564">
        <v>34338.576500000003</v>
      </c>
      <c r="F6564">
        <v>90990.331399999995</v>
      </c>
      <c r="G6564">
        <v>85255.492169999998</v>
      </c>
      <c r="H6564">
        <v>52162.493690000003</v>
      </c>
      <c r="I6564">
        <v>38769.176079999997</v>
      </c>
      <c r="J6564">
        <v>42272.241399999999</v>
      </c>
      <c r="K6564">
        <v>62948.401409999999</v>
      </c>
      <c r="L6564">
        <v>28198.835660000001</v>
      </c>
      <c r="M6564">
        <v>341109.87349999999</v>
      </c>
      <c r="N6564">
        <v>93896.821290000007</v>
      </c>
      <c r="O6564">
        <v>24105.22206</v>
      </c>
      <c r="P6564">
        <v>32199.4715</v>
      </c>
      <c r="Q6564">
        <v>95550.77274</v>
      </c>
      <c r="R6564">
        <v>21866.408469999998</v>
      </c>
      <c r="S6564">
        <v>119614.83199999999</v>
      </c>
      <c r="T6564">
        <v>34511.77781</v>
      </c>
      <c r="U6564">
        <v>24314.764739999999</v>
      </c>
      <c r="W6564" s="83">
        <f>Bühler!N6596</f>
        <v>45565.416666650752</v>
      </c>
      <c r="X6564" s="83">
        <v>43374.416666666664</v>
      </c>
      <c r="Y6564">
        <v>288405.37229999999</v>
      </c>
      <c r="Z6564">
        <v>34338.576500000003</v>
      </c>
      <c r="AA6564">
        <v>90990.331399999995</v>
      </c>
      <c r="AB6564">
        <v>85255.492169999998</v>
      </c>
      <c r="AC6564">
        <v>52162.493690000003</v>
      </c>
      <c r="AD6564">
        <v>38769.176079999997</v>
      </c>
      <c r="AE6564">
        <v>42272.241399999999</v>
      </c>
      <c r="AF6564">
        <v>62948.401409999999</v>
      </c>
      <c r="AG6564">
        <v>28198.835660000001</v>
      </c>
      <c r="AH6564">
        <v>341109.87349999999</v>
      </c>
      <c r="AI6564">
        <v>93896.821290000007</v>
      </c>
      <c r="AJ6564">
        <v>24105.22206</v>
      </c>
      <c r="AK6564">
        <v>32199.4715</v>
      </c>
      <c r="AL6564">
        <v>95550.77274</v>
      </c>
      <c r="AM6564">
        <v>21866.408469999998</v>
      </c>
      <c r="AN6564">
        <v>119614.83199999999</v>
      </c>
      <c r="AO6564">
        <v>34511.77781</v>
      </c>
      <c r="AP6564">
        <v>24314.764739999999</v>
      </c>
    </row>
    <row r="6565" spans="2:42" x14ac:dyDescent="0.3">
      <c r="B6565">
        <v>68.159898230632777</v>
      </c>
      <c r="C6565" s="83">
        <v>43374.458333333336</v>
      </c>
      <c r="D6565">
        <v>290090.45819999999</v>
      </c>
      <c r="E6565">
        <v>34638.415549999998</v>
      </c>
      <c r="F6565">
        <v>90453.992910000001</v>
      </c>
      <c r="G6565">
        <v>84034.617530000003</v>
      </c>
      <c r="H6565">
        <v>51786.594810000002</v>
      </c>
      <c r="I6565">
        <v>38122.757100000003</v>
      </c>
      <c r="J6565">
        <v>42090.957540000003</v>
      </c>
      <c r="K6565">
        <v>62912.330199999997</v>
      </c>
      <c r="L6565">
        <v>29477.597610000001</v>
      </c>
      <c r="M6565">
        <v>347510.94699999999</v>
      </c>
      <c r="N6565">
        <v>93512.559410000002</v>
      </c>
      <c r="O6565">
        <v>24830.14905</v>
      </c>
      <c r="P6565">
        <v>31577.7925</v>
      </c>
      <c r="Q6565">
        <v>97199.112670000002</v>
      </c>
      <c r="R6565">
        <v>22395.38006</v>
      </c>
      <c r="S6565">
        <v>121428.5928</v>
      </c>
      <c r="T6565">
        <v>34627.012849999999</v>
      </c>
      <c r="U6565">
        <v>23671.295139999998</v>
      </c>
      <c r="W6565" s="83">
        <f>Bühler!N6597</f>
        <v>45565.458333317416</v>
      </c>
      <c r="X6565" s="83">
        <v>43374.458333333336</v>
      </c>
      <c r="Y6565">
        <v>290090.45819999999</v>
      </c>
      <c r="Z6565">
        <v>34638.415549999998</v>
      </c>
      <c r="AA6565">
        <v>90453.992910000001</v>
      </c>
      <c r="AB6565">
        <v>84034.617530000003</v>
      </c>
      <c r="AC6565">
        <v>51786.594810000002</v>
      </c>
      <c r="AD6565">
        <v>38122.757100000003</v>
      </c>
      <c r="AE6565">
        <v>42090.957540000003</v>
      </c>
      <c r="AF6565">
        <v>62912.330199999997</v>
      </c>
      <c r="AG6565">
        <v>29477.597610000001</v>
      </c>
      <c r="AH6565">
        <v>347510.94699999999</v>
      </c>
      <c r="AI6565">
        <v>93512.559410000002</v>
      </c>
      <c r="AJ6565">
        <v>24830.14905</v>
      </c>
      <c r="AK6565">
        <v>31577.7925</v>
      </c>
      <c r="AL6565">
        <v>97199.112670000002</v>
      </c>
      <c r="AM6565">
        <v>22395.38006</v>
      </c>
      <c r="AN6565">
        <v>121428.5928</v>
      </c>
      <c r="AO6565">
        <v>34627.012849999999</v>
      </c>
      <c r="AP6565">
        <v>23671.295139999998</v>
      </c>
    </row>
    <row r="6566" spans="2:42" x14ac:dyDescent="0.3">
      <c r="B6566">
        <v>67.917442319954773</v>
      </c>
      <c r="C6566" s="83">
        <v>43374.5</v>
      </c>
      <c r="D6566">
        <v>278220.09600000002</v>
      </c>
      <c r="E6566">
        <v>31417.77404</v>
      </c>
      <c r="F6566">
        <v>85672.785640000002</v>
      </c>
      <c r="G6566">
        <v>82880.263049999994</v>
      </c>
      <c r="H6566">
        <v>49977.761010000002</v>
      </c>
      <c r="I6566">
        <v>37007.604930000001</v>
      </c>
      <c r="J6566">
        <v>42015.558199999999</v>
      </c>
      <c r="K6566">
        <v>58280.844290000001</v>
      </c>
      <c r="L6566">
        <v>31349.60586</v>
      </c>
      <c r="M6566">
        <v>346274.79369999998</v>
      </c>
      <c r="N6566">
        <v>91663.206770000004</v>
      </c>
      <c r="O6566">
        <v>23914.302739999999</v>
      </c>
      <c r="P6566">
        <v>32339.748439999999</v>
      </c>
      <c r="Q6566">
        <v>97471.277589999998</v>
      </c>
      <c r="R6566">
        <v>24380.425739999999</v>
      </c>
      <c r="S6566">
        <v>115949.1033</v>
      </c>
      <c r="T6566">
        <v>34105.668290000001</v>
      </c>
      <c r="U6566">
        <v>19145.71819</v>
      </c>
      <c r="W6566" s="83">
        <f>Bühler!N6598</f>
        <v>45565.49999998408</v>
      </c>
      <c r="X6566" s="83">
        <v>43374.5</v>
      </c>
      <c r="Y6566">
        <v>278220.09600000002</v>
      </c>
      <c r="Z6566">
        <v>31417.77404</v>
      </c>
      <c r="AA6566">
        <v>85672.785640000002</v>
      </c>
      <c r="AB6566">
        <v>82880.263049999994</v>
      </c>
      <c r="AC6566">
        <v>49977.761010000002</v>
      </c>
      <c r="AD6566">
        <v>37007.604930000001</v>
      </c>
      <c r="AE6566">
        <v>42015.558199999999</v>
      </c>
      <c r="AF6566">
        <v>58280.844290000001</v>
      </c>
      <c r="AG6566">
        <v>31349.60586</v>
      </c>
      <c r="AH6566">
        <v>346274.79369999998</v>
      </c>
      <c r="AI6566">
        <v>91663.206770000004</v>
      </c>
      <c r="AJ6566">
        <v>23914.302739999999</v>
      </c>
      <c r="AK6566">
        <v>32339.748439999999</v>
      </c>
      <c r="AL6566">
        <v>97471.277589999998</v>
      </c>
      <c r="AM6566">
        <v>24380.425739999999</v>
      </c>
      <c r="AN6566">
        <v>115949.1033</v>
      </c>
      <c r="AO6566">
        <v>34105.668290000001</v>
      </c>
      <c r="AP6566">
        <v>19145.71819</v>
      </c>
    </row>
    <row r="6567" spans="2:42" x14ac:dyDescent="0.3">
      <c r="B6567">
        <v>68.290429581702696</v>
      </c>
      <c r="C6567" s="83">
        <v>43374.541666666664</v>
      </c>
      <c r="D6567">
        <v>279753.87400000001</v>
      </c>
      <c r="E6567">
        <v>31604.095150000001</v>
      </c>
      <c r="F6567">
        <v>82837.031090000004</v>
      </c>
      <c r="G6567">
        <v>79335.08627</v>
      </c>
      <c r="H6567">
        <v>50293.675139999999</v>
      </c>
      <c r="I6567">
        <v>37530.698550000001</v>
      </c>
      <c r="J6567">
        <v>40964.577409999998</v>
      </c>
      <c r="K6567">
        <v>61035.759850000002</v>
      </c>
      <c r="L6567">
        <v>30211.93274</v>
      </c>
      <c r="M6567">
        <v>348176.45669999998</v>
      </c>
      <c r="N6567">
        <v>90900.703989999995</v>
      </c>
      <c r="O6567">
        <v>24279.888569999999</v>
      </c>
      <c r="P6567">
        <v>31758.096720000001</v>
      </c>
      <c r="Q6567">
        <v>96494.009890000001</v>
      </c>
      <c r="R6567">
        <v>25464.38969</v>
      </c>
      <c r="S6567">
        <v>114347.6703</v>
      </c>
      <c r="T6567">
        <v>33461.271760000003</v>
      </c>
      <c r="U6567">
        <v>22136.1005</v>
      </c>
      <c r="W6567" s="83">
        <f>Bühler!N6599</f>
        <v>45565.541666650744</v>
      </c>
      <c r="X6567" s="83">
        <v>43374.541666666664</v>
      </c>
      <c r="Y6567">
        <v>279753.87400000001</v>
      </c>
      <c r="Z6567">
        <v>31604.095150000001</v>
      </c>
      <c r="AA6567">
        <v>82837.031090000004</v>
      </c>
      <c r="AB6567">
        <v>79335.08627</v>
      </c>
      <c r="AC6567">
        <v>50293.675139999999</v>
      </c>
      <c r="AD6567">
        <v>37530.698550000001</v>
      </c>
      <c r="AE6567">
        <v>40964.577409999998</v>
      </c>
      <c r="AF6567">
        <v>61035.759850000002</v>
      </c>
      <c r="AG6567">
        <v>30211.93274</v>
      </c>
      <c r="AH6567">
        <v>348176.45669999998</v>
      </c>
      <c r="AI6567">
        <v>90900.703989999995</v>
      </c>
      <c r="AJ6567">
        <v>24279.888569999999</v>
      </c>
      <c r="AK6567">
        <v>31758.096720000001</v>
      </c>
      <c r="AL6567">
        <v>96494.009890000001</v>
      </c>
      <c r="AM6567">
        <v>25464.38969</v>
      </c>
      <c r="AN6567">
        <v>114347.6703</v>
      </c>
      <c r="AO6567">
        <v>33461.271760000003</v>
      </c>
      <c r="AP6567">
        <v>22136.1005</v>
      </c>
    </row>
    <row r="6568" spans="2:42" x14ac:dyDescent="0.3">
      <c r="B6568">
        <v>68.68328470041115</v>
      </c>
      <c r="C6568" s="83">
        <v>43374.583333333336</v>
      </c>
      <c r="D6568">
        <v>286542.14270000003</v>
      </c>
      <c r="E6568">
        <v>34040.403539999999</v>
      </c>
      <c r="F6568">
        <v>89437.742880000005</v>
      </c>
      <c r="G6568">
        <v>74375.502399999998</v>
      </c>
      <c r="H6568">
        <v>50042.522850000001</v>
      </c>
      <c r="I6568">
        <v>37483.037689999997</v>
      </c>
      <c r="J6568">
        <v>40787.202920000003</v>
      </c>
      <c r="K6568">
        <v>63331.261279999999</v>
      </c>
      <c r="L6568">
        <v>27078.0177</v>
      </c>
      <c r="M6568">
        <v>350179.41529999999</v>
      </c>
      <c r="N6568">
        <v>94267.71514</v>
      </c>
      <c r="O6568">
        <v>24342.643889999999</v>
      </c>
      <c r="P6568">
        <v>29373.442139999999</v>
      </c>
      <c r="Q6568">
        <v>96755.300459999999</v>
      </c>
      <c r="R6568">
        <v>23850.570889999999</v>
      </c>
      <c r="S6568">
        <v>109755.2479</v>
      </c>
      <c r="T6568">
        <v>32422.712940000001</v>
      </c>
      <c r="U6568">
        <v>22821.88031</v>
      </c>
      <c r="W6568" s="83">
        <f>Bühler!N6600</f>
        <v>45565.583333317409</v>
      </c>
      <c r="X6568" s="83">
        <v>43374.583333333336</v>
      </c>
      <c r="Y6568">
        <v>286542.14270000003</v>
      </c>
      <c r="Z6568">
        <v>34040.403539999999</v>
      </c>
      <c r="AA6568">
        <v>89437.742880000005</v>
      </c>
      <c r="AB6568">
        <v>74375.502399999998</v>
      </c>
      <c r="AC6568">
        <v>50042.522850000001</v>
      </c>
      <c r="AD6568">
        <v>37483.037689999997</v>
      </c>
      <c r="AE6568">
        <v>40787.202920000003</v>
      </c>
      <c r="AF6568">
        <v>63331.261279999999</v>
      </c>
      <c r="AG6568">
        <v>27078.0177</v>
      </c>
      <c r="AH6568">
        <v>350179.41529999999</v>
      </c>
      <c r="AI6568">
        <v>94267.71514</v>
      </c>
      <c r="AJ6568">
        <v>24342.643889999999</v>
      </c>
      <c r="AK6568">
        <v>29373.442139999999</v>
      </c>
      <c r="AL6568">
        <v>96755.300459999999</v>
      </c>
      <c r="AM6568">
        <v>23850.570889999999</v>
      </c>
      <c r="AN6568">
        <v>109755.2479</v>
      </c>
      <c r="AO6568">
        <v>32422.712940000001</v>
      </c>
      <c r="AP6568">
        <v>22821.88031</v>
      </c>
    </row>
    <row r="6569" spans="2:42" x14ac:dyDescent="0.3">
      <c r="B6569">
        <v>68.012638103833154</v>
      </c>
      <c r="C6569" s="83">
        <v>43374.625</v>
      </c>
      <c r="D6569">
        <v>285668.91739999998</v>
      </c>
      <c r="E6569">
        <v>34186.663860000001</v>
      </c>
      <c r="F6569">
        <v>91973.005239999999</v>
      </c>
      <c r="G6569">
        <v>71510.104089999993</v>
      </c>
      <c r="H6569">
        <v>48935.910210000002</v>
      </c>
      <c r="I6569">
        <v>38283.390399999997</v>
      </c>
      <c r="J6569">
        <v>40414.387239999996</v>
      </c>
      <c r="K6569">
        <v>62115.564149999998</v>
      </c>
      <c r="L6569">
        <v>24358.108939999998</v>
      </c>
      <c r="M6569">
        <v>346760.14620000002</v>
      </c>
      <c r="N6569">
        <v>91033.731589999996</v>
      </c>
      <c r="O6569">
        <v>24160.749940000002</v>
      </c>
      <c r="P6569">
        <v>27097.273120000002</v>
      </c>
      <c r="Q6569">
        <v>96991.293869999994</v>
      </c>
      <c r="R6569">
        <v>23842.921139999999</v>
      </c>
      <c r="S6569">
        <v>108047.076</v>
      </c>
      <c r="T6569">
        <v>31691.345679999999</v>
      </c>
      <c r="U6569">
        <v>21715.025160000001</v>
      </c>
      <c r="W6569" s="83">
        <f>Bühler!N6601</f>
        <v>45565.624999984073</v>
      </c>
      <c r="X6569" s="83">
        <v>43374.625</v>
      </c>
      <c r="Y6569">
        <v>285668.91739999998</v>
      </c>
      <c r="Z6569">
        <v>34186.663860000001</v>
      </c>
      <c r="AA6569">
        <v>91973.005239999999</v>
      </c>
      <c r="AB6569">
        <v>71510.104089999993</v>
      </c>
      <c r="AC6569">
        <v>48935.910210000002</v>
      </c>
      <c r="AD6569">
        <v>38283.390399999997</v>
      </c>
      <c r="AE6569">
        <v>40414.387239999996</v>
      </c>
      <c r="AF6569">
        <v>62115.564149999998</v>
      </c>
      <c r="AG6569">
        <v>24358.108939999998</v>
      </c>
      <c r="AH6569">
        <v>346760.14620000002</v>
      </c>
      <c r="AI6569">
        <v>91033.731589999996</v>
      </c>
      <c r="AJ6569">
        <v>24160.749940000002</v>
      </c>
      <c r="AK6569">
        <v>27097.273120000002</v>
      </c>
      <c r="AL6569">
        <v>96991.293869999994</v>
      </c>
      <c r="AM6569">
        <v>23842.921139999999</v>
      </c>
      <c r="AN6569">
        <v>108047.076</v>
      </c>
      <c r="AO6569">
        <v>31691.345679999999</v>
      </c>
      <c r="AP6569">
        <v>21715.025160000001</v>
      </c>
    </row>
    <row r="6570" spans="2:42" x14ac:dyDescent="0.3">
      <c r="B6570">
        <v>67.522133796798585</v>
      </c>
      <c r="C6570" s="83">
        <v>43374.666666666664</v>
      </c>
      <c r="D6570">
        <v>278926.11680000002</v>
      </c>
      <c r="E6570">
        <v>33041.287949999998</v>
      </c>
      <c r="F6570">
        <v>91738.490229999996</v>
      </c>
      <c r="G6570">
        <v>66445.387229999993</v>
      </c>
      <c r="H6570">
        <v>46858.24452</v>
      </c>
      <c r="I6570">
        <v>39466.833469999998</v>
      </c>
      <c r="J6570">
        <v>39411.698629999999</v>
      </c>
      <c r="K6570">
        <v>58495.968240000002</v>
      </c>
      <c r="L6570">
        <v>23181.655139999999</v>
      </c>
      <c r="M6570">
        <v>344259.32650000002</v>
      </c>
      <c r="N6570">
        <v>89120.737500000003</v>
      </c>
      <c r="O6570">
        <v>23867.500690000001</v>
      </c>
      <c r="P6570">
        <v>26361.618009999998</v>
      </c>
      <c r="Q6570">
        <v>96628.014030000006</v>
      </c>
      <c r="R6570">
        <v>22719.54232</v>
      </c>
      <c r="S6570">
        <v>104238.03479999999</v>
      </c>
      <c r="T6570">
        <v>31309.870340000001</v>
      </c>
      <c r="U6570">
        <v>19991.047190000001</v>
      </c>
      <c r="W6570" s="83">
        <f>Bühler!N6602</f>
        <v>45565.666666650737</v>
      </c>
      <c r="X6570" s="83">
        <v>43374.666666666664</v>
      </c>
      <c r="Y6570">
        <v>278926.11680000002</v>
      </c>
      <c r="Z6570">
        <v>33041.287949999998</v>
      </c>
      <c r="AA6570">
        <v>91738.490229999996</v>
      </c>
      <c r="AB6570">
        <v>66445.387229999993</v>
      </c>
      <c r="AC6570">
        <v>46858.24452</v>
      </c>
      <c r="AD6570">
        <v>39466.833469999998</v>
      </c>
      <c r="AE6570">
        <v>39411.698629999999</v>
      </c>
      <c r="AF6570">
        <v>58495.968240000002</v>
      </c>
      <c r="AG6570">
        <v>23181.655139999999</v>
      </c>
      <c r="AH6570">
        <v>344259.32650000002</v>
      </c>
      <c r="AI6570">
        <v>89120.737500000003</v>
      </c>
      <c r="AJ6570">
        <v>23867.500690000001</v>
      </c>
      <c r="AK6570">
        <v>26361.618009999998</v>
      </c>
      <c r="AL6570">
        <v>96628.014030000006</v>
      </c>
      <c r="AM6570">
        <v>22719.54232</v>
      </c>
      <c r="AN6570">
        <v>104238.03479999999</v>
      </c>
      <c r="AO6570">
        <v>31309.870340000001</v>
      </c>
      <c r="AP6570">
        <v>19991.047190000001</v>
      </c>
    </row>
    <row r="6571" spans="2:42" x14ac:dyDescent="0.3">
      <c r="B6571">
        <v>66.453122620800627</v>
      </c>
      <c r="C6571" s="83">
        <v>43374.708333333336</v>
      </c>
      <c r="D6571">
        <v>268657.89870000002</v>
      </c>
      <c r="E6571">
        <v>30809.068780000001</v>
      </c>
      <c r="F6571">
        <v>90629.952229999995</v>
      </c>
      <c r="G6571">
        <v>58752.801579999999</v>
      </c>
      <c r="H6571">
        <v>44196.83844</v>
      </c>
      <c r="I6571">
        <v>38864.931519999998</v>
      </c>
      <c r="J6571">
        <v>39731.54666</v>
      </c>
      <c r="K6571">
        <v>52886.859700000001</v>
      </c>
      <c r="L6571">
        <v>23508.10583</v>
      </c>
      <c r="M6571">
        <v>338809.00900000002</v>
      </c>
      <c r="N6571">
        <v>84670.936820000003</v>
      </c>
      <c r="O6571">
        <v>22964.670040000001</v>
      </c>
      <c r="P6571">
        <v>27836.435140000001</v>
      </c>
      <c r="Q6571">
        <v>94733.51986</v>
      </c>
      <c r="R6571">
        <v>22359.014940000001</v>
      </c>
      <c r="S6571">
        <v>101380.1547</v>
      </c>
      <c r="T6571">
        <v>30421.395329999999</v>
      </c>
      <c r="U6571">
        <v>17542.735980000001</v>
      </c>
      <c r="W6571" s="83">
        <f>Bühler!N6603</f>
        <v>45565.708333317401</v>
      </c>
      <c r="X6571" s="83">
        <v>43374.708333333336</v>
      </c>
      <c r="Y6571">
        <v>268657.89870000002</v>
      </c>
      <c r="Z6571">
        <v>30809.068780000001</v>
      </c>
      <c r="AA6571">
        <v>90629.952229999995</v>
      </c>
      <c r="AB6571">
        <v>58752.801579999999</v>
      </c>
      <c r="AC6571">
        <v>44196.83844</v>
      </c>
      <c r="AD6571">
        <v>38864.931519999998</v>
      </c>
      <c r="AE6571">
        <v>39731.54666</v>
      </c>
      <c r="AF6571">
        <v>52886.859700000001</v>
      </c>
      <c r="AG6571">
        <v>23508.10583</v>
      </c>
      <c r="AH6571">
        <v>338809.00900000002</v>
      </c>
      <c r="AI6571">
        <v>84670.936820000003</v>
      </c>
      <c r="AJ6571">
        <v>22964.670040000001</v>
      </c>
      <c r="AK6571">
        <v>27836.435140000001</v>
      </c>
      <c r="AL6571">
        <v>94733.51986</v>
      </c>
      <c r="AM6571">
        <v>22359.014940000001</v>
      </c>
      <c r="AN6571">
        <v>101380.1547</v>
      </c>
      <c r="AO6571">
        <v>30421.395329999999</v>
      </c>
      <c r="AP6571">
        <v>17542.735980000001</v>
      </c>
    </row>
    <row r="6572" spans="2:42" x14ac:dyDescent="0.3">
      <c r="B6572">
        <v>65.4060030083659</v>
      </c>
      <c r="C6572" s="83">
        <v>43374.75</v>
      </c>
      <c r="D6572">
        <v>261283.40900000001</v>
      </c>
      <c r="E6572">
        <v>27798.302589999999</v>
      </c>
      <c r="F6572">
        <v>88778.995670000004</v>
      </c>
      <c r="G6572">
        <v>49514.377999999997</v>
      </c>
      <c r="H6572">
        <v>42136.81798</v>
      </c>
      <c r="I6572">
        <v>37069.074180000003</v>
      </c>
      <c r="J6572">
        <v>39310.0049</v>
      </c>
      <c r="K6572">
        <v>51123.226390000003</v>
      </c>
      <c r="L6572">
        <v>24648.616290000002</v>
      </c>
      <c r="M6572">
        <v>333470.30489999999</v>
      </c>
      <c r="N6572">
        <v>83602.460760000002</v>
      </c>
      <c r="O6572">
        <v>20479.684710000001</v>
      </c>
      <c r="P6572">
        <v>30893.563440000002</v>
      </c>
      <c r="Q6572">
        <v>92382.611350000006</v>
      </c>
      <c r="R6572">
        <v>21458.838660000001</v>
      </c>
      <c r="S6572">
        <v>94644.560190000004</v>
      </c>
      <c r="T6572">
        <v>30124.919409999999</v>
      </c>
      <c r="U6572">
        <v>16447.083910000001</v>
      </c>
      <c r="W6572" s="83">
        <f>Bühler!N6604</f>
        <v>45565.749999984066</v>
      </c>
      <c r="X6572" s="83">
        <v>43374.75</v>
      </c>
      <c r="Y6572">
        <v>261283.40900000001</v>
      </c>
      <c r="Z6572">
        <v>27798.302589999999</v>
      </c>
      <c r="AA6572">
        <v>88778.995670000004</v>
      </c>
      <c r="AB6572">
        <v>49514.377999999997</v>
      </c>
      <c r="AC6572">
        <v>42136.81798</v>
      </c>
      <c r="AD6572">
        <v>37069.074180000003</v>
      </c>
      <c r="AE6572">
        <v>39310.0049</v>
      </c>
      <c r="AF6572">
        <v>51123.226390000003</v>
      </c>
      <c r="AG6572">
        <v>24648.616290000002</v>
      </c>
      <c r="AH6572">
        <v>333470.30489999999</v>
      </c>
      <c r="AI6572">
        <v>83602.460760000002</v>
      </c>
      <c r="AJ6572">
        <v>20479.684710000001</v>
      </c>
      <c r="AK6572">
        <v>30893.563440000002</v>
      </c>
      <c r="AL6572">
        <v>92382.611350000006</v>
      </c>
      <c r="AM6572">
        <v>21458.838660000001</v>
      </c>
      <c r="AN6572">
        <v>94644.560190000004</v>
      </c>
      <c r="AO6572">
        <v>30124.919409999999</v>
      </c>
      <c r="AP6572">
        <v>16447.083910000001</v>
      </c>
    </row>
    <row r="6573" spans="2:42" x14ac:dyDescent="0.3">
      <c r="B6573">
        <v>64.635122406947147</v>
      </c>
      <c r="C6573" s="83">
        <v>43374.791666666664</v>
      </c>
      <c r="D6573">
        <v>257032.26759999999</v>
      </c>
      <c r="E6573">
        <v>22645.682239999998</v>
      </c>
      <c r="F6573">
        <v>78763.004279999994</v>
      </c>
      <c r="G6573">
        <v>46036.069620000002</v>
      </c>
      <c r="H6573">
        <v>41230.709150000002</v>
      </c>
      <c r="I6573">
        <v>34611.299200000001</v>
      </c>
      <c r="J6573">
        <v>40082.025900000001</v>
      </c>
      <c r="K6573">
        <v>52215.738469999997</v>
      </c>
      <c r="L6573">
        <v>25484.820729999999</v>
      </c>
      <c r="M6573">
        <v>329539.99609999999</v>
      </c>
      <c r="N6573">
        <v>82493.008579999994</v>
      </c>
      <c r="O6573">
        <v>18811.4614</v>
      </c>
      <c r="P6573">
        <v>32555.721409999998</v>
      </c>
      <c r="Q6573">
        <v>89858.775810000006</v>
      </c>
      <c r="R6573">
        <v>21677.58627</v>
      </c>
      <c r="S6573">
        <v>90479.880359999996</v>
      </c>
      <c r="T6573">
        <v>31117.716349999999</v>
      </c>
      <c r="U6573">
        <v>15875.372660000001</v>
      </c>
      <c r="W6573" s="83">
        <f>Bühler!N6605</f>
        <v>45565.79166665073</v>
      </c>
      <c r="X6573" s="83">
        <v>43374.791666666664</v>
      </c>
      <c r="Y6573">
        <v>257032.26759999999</v>
      </c>
      <c r="Z6573">
        <v>22645.682239999998</v>
      </c>
      <c r="AA6573">
        <v>78763.004279999994</v>
      </c>
      <c r="AB6573">
        <v>46036.069620000002</v>
      </c>
      <c r="AC6573">
        <v>41230.709150000002</v>
      </c>
      <c r="AD6573">
        <v>34611.299200000001</v>
      </c>
      <c r="AE6573">
        <v>40082.025900000001</v>
      </c>
      <c r="AF6573">
        <v>52215.738469999997</v>
      </c>
      <c r="AG6573">
        <v>25484.820729999999</v>
      </c>
      <c r="AH6573">
        <v>329539.99609999999</v>
      </c>
      <c r="AI6573">
        <v>82493.008579999994</v>
      </c>
      <c r="AJ6573">
        <v>18811.4614</v>
      </c>
      <c r="AK6573">
        <v>32555.721409999998</v>
      </c>
      <c r="AL6573">
        <v>89858.775810000006</v>
      </c>
      <c r="AM6573">
        <v>21677.58627</v>
      </c>
      <c r="AN6573">
        <v>90479.880359999996</v>
      </c>
      <c r="AO6573">
        <v>31117.716349999999</v>
      </c>
      <c r="AP6573">
        <v>15875.372660000001</v>
      </c>
    </row>
    <row r="6574" spans="2:42" x14ac:dyDescent="0.3">
      <c r="B6574">
        <v>63.612416194866903</v>
      </c>
      <c r="C6574" s="83">
        <v>43374.833333333336</v>
      </c>
      <c r="D6574">
        <v>247816.103</v>
      </c>
      <c r="E6574">
        <v>17283.923900000002</v>
      </c>
      <c r="F6574">
        <v>64944.59491</v>
      </c>
      <c r="G6574">
        <v>41337.509729999998</v>
      </c>
      <c r="H6574">
        <v>39634.670740000001</v>
      </c>
      <c r="I6574">
        <v>31144.512220000001</v>
      </c>
      <c r="J6574">
        <v>41430.751819999998</v>
      </c>
      <c r="K6574">
        <v>50054.48515</v>
      </c>
      <c r="L6574">
        <v>24909.348669999999</v>
      </c>
      <c r="M6574">
        <v>324325.76289999997</v>
      </c>
      <c r="N6574">
        <v>80550.196290000007</v>
      </c>
      <c r="O6574">
        <v>17928.13163</v>
      </c>
      <c r="P6574">
        <v>33103.801879999999</v>
      </c>
      <c r="Q6574">
        <v>88035.756129999994</v>
      </c>
      <c r="R6574">
        <v>20029.434880000001</v>
      </c>
      <c r="S6574">
        <v>83998.384529999996</v>
      </c>
      <c r="T6574">
        <v>30585.72237</v>
      </c>
      <c r="U6574">
        <v>15384.27024</v>
      </c>
      <c r="W6574" s="83">
        <f>Bühler!N6606</f>
        <v>45565.833333317394</v>
      </c>
      <c r="X6574" s="83">
        <v>43374.833333333336</v>
      </c>
      <c r="Y6574">
        <v>247816.103</v>
      </c>
      <c r="Z6574">
        <v>17283.923900000002</v>
      </c>
      <c r="AA6574">
        <v>64944.59491</v>
      </c>
      <c r="AB6574">
        <v>41337.509729999998</v>
      </c>
      <c r="AC6574">
        <v>39634.670740000001</v>
      </c>
      <c r="AD6574">
        <v>31144.512220000001</v>
      </c>
      <c r="AE6574">
        <v>41430.751819999998</v>
      </c>
      <c r="AF6574">
        <v>50054.48515</v>
      </c>
      <c r="AG6574">
        <v>24909.348669999999</v>
      </c>
      <c r="AH6574">
        <v>324325.76289999997</v>
      </c>
      <c r="AI6574">
        <v>80550.196290000007</v>
      </c>
      <c r="AJ6574">
        <v>17928.13163</v>
      </c>
      <c r="AK6574">
        <v>33103.801879999999</v>
      </c>
      <c r="AL6574">
        <v>88035.756129999994</v>
      </c>
      <c r="AM6574">
        <v>20029.434880000001</v>
      </c>
      <c r="AN6574">
        <v>83998.384529999996</v>
      </c>
      <c r="AO6574">
        <v>30585.72237</v>
      </c>
      <c r="AP6574">
        <v>15384.27024</v>
      </c>
    </row>
    <row r="6575" spans="2:42" x14ac:dyDescent="0.3">
      <c r="B6575">
        <v>61.358232852432266</v>
      </c>
      <c r="C6575" s="83">
        <v>43374.875</v>
      </c>
      <c r="D6575">
        <v>238563.21239999999</v>
      </c>
      <c r="E6575">
        <v>14611.296329999999</v>
      </c>
      <c r="F6575">
        <v>56635.346279999998</v>
      </c>
      <c r="G6575">
        <v>38081.695820000001</v>
      </c>
      <c r="H6575">
        <v>37321.701950000002</v>
      </c>
      <c r="I6575">
        <v>26316.385300000002</v>
      </c>
      <c r="J6575">
        <v>39332.823190000003</v>
      </c>
      <c r="K6575">
        <v>48412.035539999997</v>
      </c>
      <c r="L6575">
        <v>23124.325280000001</v>
      </c>
      <c r="M6575">
        <v>312832.88500000001</v>
      </c>
      <c r="N6575">
        <v>77861.132410000006</v>
      </c>
      <c r="O6575">
        <v>16867.70449</v>
      </c>
      <c r="P6575">
        <v>31999.57646</v>
      </c>
      <c r="Q6575">
        <v>85008.872669999997</v>
      </c>
      <c r="R6575">
        <v>18751.118210000001</v>
      </c>
      <c r="S6575">
        <v>78923.26814</v>
      </c>
      <c r="T6575">
        <v>27540.252570000001</v>
      </c>
      <c r="U6575">
        <v>13584.117</v>
      </c>
      <c r="W6575" s="83">
        <f>Bühler!N6607</f>
        <v>45565.874999984058</v>
      </c>
      <c r="X6575" s="83">
        <v>43374.875</v>
      </c>
      <c r="Y6575">
        <v>238563.21239999999</v>
      </c>
      <c r="Z6575">
        <v>14611.296329999999</v>
      </c>
      <c r="AA6575">
        <v>56635.346279999998</v>
      </c>
      <c r="AB6575">
        <v>38081.695820000001</v>
      </c>
      <c r="AC6575">
        <v>37321.701950000002</v>
      </c>
      <c r="AD6575">
        <v>26316.385300000002</v>
      </c>
      <c r="AE6575">
        <v>39332.823190000003</v>
      </c>
      <c r="AF6575">
        <v>48412.035539999997</v>
      </c>
      <c r="AG6575">
        <v>23124.325280000001</v>
      </c>
      <c r="AH6575">
        <v>312832.88500000001</v>
      </c>
      <c r="AI6575">
        <v>77861.132410000006</v>
      </c>
      <c r="AJ6575">
        <v>16867.70449</v>
      </c>
      <c r="AK6575">
        <v>31999.57646</v>
      </c>
      <c r="AL6575">
        <v>85008.872669999997</v>
      </c>
      <c r="AM6575">
        <v>18751.118210000001</v>
      </c>
      <c r="AN6575">
        <v>78923.26814</v>
      </c>
      <c r="AO6575">
        <v>27540.252570000001</v>
      </c>
      <c r="AP6575">
        <v>13584.117</v>
      </c>
    </row>
    <row r="6576" spans="2:42" x14ac:dyDescent="0.3">
      <c r="B6576">
        <v>60.733079622769587</v>
      </c>
      <c r="C6576" s="83">
        <v>43374.916666666664</v>
      </c>
      <c r="D6576">
        <v>238276.19570000001</v>
      </c>
      <c r="E6576">
        <v>13724.174859999999</v>
      </c>
      <c r="F6576">
        <v>54395.29653</v>
      </c>
      <c r="G6576">
        <v>35676.668310000001</v>
      </c>
      <c r="H6576">
        <v>36143.086960000001</v>
      </c>
      <c r="I6576">
        <v>24268.82807</v>
      </c>
      <c r="J6576">
        <v>37322.351130000003</v>
      </c>
      <c r="K6576">
        <v>51073.508500000004</v>
      </c>
      <c r="L6576">
        <v>21069.051039999998</v>
      </c>
      <c r="M6576">
        <v>309645.56229999999</v>
      </c>
      <c r="N6576">
        <v>76290.559359999999</v>
      </c>
      <c r="O6576">
        <v>17117.622100000001</v>
      </c>
      <c r="P6576">
        <v>32261.57114</v>
      </c>
      <c r="Q6576">
        <v>83638.179619999995</v>
      </c>
      <c r="R6576">
        <v>19781.055349999999</v>
      </c>
      <c r="S6576">
        <v>76441.348299999998</v>
      </c>
      <c r="T6576">
        <v>23433.804189999999</v>
      </c>
      <c r="U6576">
        <v>13676.03414</v>
      </c>
      <c r="W6576" s="83">
        <f>Bühler!N6608</f>
        <v>45565.916666650723</v>
      </c>
      <c r="X6576" s="83">
        <v>43374.916666666664</v>
      </c>
      <c r="Y6576">
        <v>238276.19570000001</v>
      </c>
      <c r="Z6576">
        <v>13724.174859999999</v>
      </c>
      <c r="AA6576">
        <v>54395.29653</v>
      </c>
      <c r="AB6576">
        <v>35676.668310000001</v>
      </c>
      <c r="AC6576">
        <v>36143.086960000001</v>
      </c>
      <c r="AD6576">
        <v>24268.82807</v>
      </c>
      <c r="AE6576">
        <v>37322.351130000003</v>
      </c>
      <c r="AF6576">
        <v>51073.508500000004</v>
      </c>
      <c r="AG6576">
        <v>21069.051039999998</v>
      </c>
      <c r="AH6576">
        <v>309645.56229999999</v>
      </c>
      <c r="AI6576">
        <v>76290.559359999999</v>
      </c>
      <c r="AJ6576">
        <v>17117.622100000001</v>
      </c>
      <c r="AK6576">
        <v>32261.57114</v>
      </c>
      <c r="AL6576">
        <v>83638.179619999995</v>
      </c>
      <c r="AM6576">
        <v>19781.055349999999</v>
      </c>
      <c r="AN6576">
        <v>76441.348299999998</v>
      </c>
      <c r="AO6576">
        <v>23433.804189999999</v>
      </c>
      <c r="AP6576">
        <v>13676.03414</v>
      </c>
    </row>
    <row r="6577" spans="2:42" x14ac:dyDescent="0.3">
      <c r="B6577">
        <v>60.227102094042678</v>
      </c>
      <c r="C6577" s="83">
        <v>43374.958333333336</v>
      </c>
      <c r="D6577">
        <v>236690.9608</v>
      </c>
      <c r="E6577">
        <v>13213.51319</v>
      </c>
      <c r="F6577">
        <v>53532.700779999999</v>
      </c>
      <c r="G6577">
        <v>34471.756789999999</v>
      </c>
      <c r="H6577">
        <v>35177.258020000001</v>
      </c>
      <c r="I6577">
        <v>23312.825509999999</v>
      </c>
      <c r="J6577">
        <v>34358.966930000002</v>
      </c>
      <c r="K6577">
        <v>51029.805310000003</v>
      </c>
      <c r="L6577">
        <v>18738.198329999999</v>
      </c>
      <c r="M6577">
        <v>307065.8529</v>
      </c>
      <c r="N6577">
        <v>75688.226190000001</v>
      </c>
      <c r="O6577">
        <v>16435.522649999999</v>
      </c>
      <c r="P6577">
        <v>27467.12859</v>
      </c>
      <c r="Q6577">
        <v>83912.422659999997</v>
      </c>
      <c r="R6577">
        <v>18568.28458</v>
      </c>
      <c r="S6577">
        <v>73964.873949999994</v>
      </c>
      <c r="T6577">
        <v>21363.267899999999</v>
      </c>
      <c r="U6577">
        <v>13069.041800000001</v>
      </c>
      <c r="W6577" s="83">
        <f>Bühler!N6609</f>
        <v>45565.958333317387</v>
      </c>
      <c r="X6577" s="83">
        <v>43374.958333333336</v>
      </c>
      <c r="Y6577">
        <v>236690.9608</v>
      </c>
      <c r="Z6577">
        <v>13213.51319</v>
      </c>
      <c r="AA6577">
        <v>53532.700779999999</v>
      </c>
      <c r="AB6577">
        <v>34471.756789999999</v>
      </c>
      <c r="AC6577">
        <v>35177.258020000001</v>
      </c>
      <c r="AD6577">
        <v>23312.825509999999</v>
      </c>
      <c r="AE6577">
        <v>34358.966930000002</v>
      </c>
      <c r="AF6577">
        <v>51029.805310000003</v>
      </c>
      <c r="AG6577">
        <v>18738.198329999999</v>
      </c>
      <c r="AH6577">
        <v>307065.8529</v>
      </c>
      <c r="AI6577">
        <v>75688.226190000001</v>
      </c>
      <c r="AJ6577">
        <v>16435.522649999999</v>
      </c>
      <c r="AK6577">
        <v>27467.12859</v>
      </c>
      <c r="AL6577">
        <v>83912.422659999997</v>
      </c>
      <c r="AM6577">
        <v>18568.28458</v>
      </c>
      <c r="AN6577">
        <v>73964.873949999994</v>
      </c>
      <c r="AO6577">
        <v>21363.267899999999</v>
      </c>
      <c r="AP6577">
        <v>13069.041800000001</v>
      </c>
    </row>
    <row r="6578" spans="2:42" x14ac:dyDescent="0.3">
      <c r="B6578">
        <v>59.408890749648492</v>
      </c>
      <c r="C6578" s="83">
        <v>43375</v>
      </c>
      <c r="D6578">
        <v>235225.7597</v>
      </c>
      <c r="E6578">
        <v>12847.85801</v>
      </c>
      <c r="F6578">
        <v>51900.298790000001</v>
      </c>
      <c r="G6578">
        <v>33559.938609999997</v>
      </c>
      <c r="H6578">
        <v>34720.609799999998</v>
      </c>
      <c r="I6578">
        <v>21395.237700000001</v>
      </c>
      <c r="J6578">
        <v>31977.546770000001</v>
      </c>
      <c r="K6578">
        <v>49664.386899999998</v>
      </c>
      <c r="L6578">
        <v>16908.672149999999</v>
      </c>
      <c r="M6578">
        <v>302894.22989999998</v>
      </c>
      <c r="N6578">
        <v>74026.221749999997</v>
      </c>
      <c r="O6578">
        <v>16032.62293</v>
      </c>
      <c r="P6578">
        <v>25821.970430000001</v>
      </c>
      <c r="Q6578">
        <v>83451.389660000001</v>
      </c>
      <c r="R6578">
        <v>16450.261159999998</v>
      </c>
      <c r="S6578">
        <v>73163.029439999998</v>
      </c>
      <c r="T6578">
        <v>19507.15812</v>
      </c>
      <c r="U6578">
        <v>12775.887129999999</v>
      </c>
      <c r="W6578" s="83">
        <f>Bühler!N6610</f>
        <v>45565.999999984051</v>
      </c>
      <c r="X6578" s="83">
        <v>43375</v>
      </c>
      <c r="Y6578">
        <v>235225.7597</v>
      </c>
      <c r="Z6578">
        <v>12847.85801</v>
      </c>
      <c r="AA6578">
        <v>51900.298790000001</v>
      </c>
      <c r="AB6578">
        <v>33559.938609999997</v>
      </c>
      <c r="AC6578">
        <v>34720.609799999998</v>
      </c>
      <c r="AD6578">
        <v>21395.237700000001</v>
      </c>
      <c r="AE6578">
        <v>31977.546770000001</v>
      </c>
      <c r="AF6578">
        <v>49664.386899999998</v>
      </c>
      <c r="AG6578">
        <v>16908.672149999999</v>
      </c>
      <c r="AH6578">
        <v>302894.22989999998</v>
      </c>
      <c r="AI6578">
        <v>74026.221749999997</v>
      </c>
      <c r="AJ6578">
        <v>16032.62293</v>
      </c>
      <c r="AK6578">
        <v>25821.970430000001</v>
      </c>
      <c r="AL6578">
        <v>83451.389660000001</v>
      </c>
      <c r="AM6578">
        <v>16450.261159999998</v>
      </c>
      <c r="AN6578">
        <v>73163.029439999998</v>
      </c>
      <c r="AO6578">
        <v>19507.15812</v>
      </c>
      <c r="AP6578">
        <v>12775.887129999999</v>
      </c>
    </row>
    <row r="6579" spans="2:42" x14ac:dyDescent="0.3">
      <c r="B6579">
        <v>59.375210288018906</v>
      </c>
      <c r="C6579" s="83">
        <v>43375.041666666664</v>
      </c>
      <c r="D6579">
        <v>234418.7879</v>
      </c>
      <c r="E6579">
        <v>12509.74417</v>
      </c>
      <c r="F6579">
        <v>51879.304900000003</v>
      </c>
      <c r="G6579">
        <v>32625.98661</v>
      </c>
      <c r="H6579">
        <v>33879.692159999999</v>
      </c>
      <c r="I6579">
        <v>17522.13204</v>
      </c>
      <c r="J6579">
        <v>31098.951010000001</v>
      </c>
      <c r="K6579">
        <v>47974.498229999997</v>
      </c>
      <c r="L6579">
        <v>16358.36543</v>
      </c>
      <c r="M6579">
        <v>302722.51120000001</v>
      </c>
      <c r="N6579">
        <v>73007.796440000006</v>
      </c>
      <c r="O6579">
        <v>16071.31682</v>
      </c>
      <c r="P6579">
        <v>24239.040239999998</v>
      </c>
      <c r="Q6579">
        <v>84922.3609</v>
      </c>
      <c r="R6579">
        <v>15242.043739999999</v>
      </c>
      <c r="S6579">
        <v>71887.239719999998</v>
      </c>
      <c r="T6579">
        <v>19001.285619999999</v>
      </c>
      <c r="U6579">
        <v>12265.733539999999</v>
      </c>
      <c r="W6579" s="83">
        <f>Bühler!N6611</f>
        <v>45566.041666650715</v>
      </c>
      <c r="X6579" s="83">
        <v>43375.041666666664</v>
      </c>
      <c r="Y6579">
        <v>234418.7879</v>
      </c>
      <c r="Z6579">
        <v>12509.74417</v>
      </c>
      <c r="AA6579">
        <v>51879.304900000003</v>
      </c>
      <c r="AB6579">
        <v>32625.98661</v>
      </c>
      <c r="AC6579">
        <v>33879.692159999999</v>
      </c>
      <c r="AD6579">
        <v>17522.13204</v>
      </c>
      <c r="AE6579">
        <v>31098.951010000001</v>
      </c>
      <c r="AF6579">
        <v>47974.498229999997</v>
      </c>
      <c r="AG6579">
        <v>16358.36543</v>
      </c>
      <c r="AH6579">
        <v>302722.51120000001</v>
      </c>
      <c r="AI6579">
        <v>73007.796440000006</v>
      </c>
      <c r="AJ6579">
        <v>16071.31682</v>
      </c>
      <c r="AK6579">
        <v>24239.040239999998</v>
      </c>
      <c r="AL6579">
        <v>84922.3609</v>
      </c>
      <c r="AM6579">
        <v>15242.043739999999</v>
      </c>
      <c r="AN6579">
        <v>71887.239719999998</v>
      </c>
      <c r="AO6579">
        <v>19001.285619999999</v>
      </c>
      <c r="AP6579">
        <v>12265.733539999999</v>
      </c>
    </row>
    <row r="6580" spans="2:42" x14ac:dyDescent="0.3">
      <c r="B6580">
        <v>59.254733058436095</v>
      </c>
      <c r="C6580" s="83">
        <v>43375.083333333336</v>
      </c>
      <c r="D6580">
        <v>234786.53700000001</v>
      </c>
      <c r="E6580">
        <v>12408.323130000001</v>
      </c>
      <c r="F6580">
        <v>51375.262170000002</v>
      </c>
      <c r="G6580">
        <v>32036.830430000002</v>
      </c>
      <c r="H6580">
        <v>33812.30444</v>
      </c>
      <c r="I6580">
        <v>15919.874519999999</v>
      </c>
      <c r="J6580">
        <v>30887.518479999999</v>
      </c>
      <c r="K6580">
        <v>46814.55515</v>
      </c>
      <c r="L6580">
        <v>16159.627039999999</v>
      </c>
      <c r="M6580">
        <v>302108.26209999999</v>
      </c>
      <c r="N6580">
        <v>71877.887260000003</v>
      </c>
      <c r="O6580">
        <v>16487.16545</v>
      </c>
      <c r="P6580">
        <v>23239.608029999999</v>
      </c>
      <c r="Q6580">
        <v>86121.591759999996</v>
      </c>
      <c r="R6580">
        <v>15614.08251</v>
      </c>
      <c r="S6580">
        <v>71163.02231</v>
      </c>
      <c r="T6580">
        <v>18697.957109999999</v>
      </c>
      <c r="U6580">
        <v>12060.388940000001</v>
      </c>
      <c r="W6580" s="83">
        <f>Bühler!N6612</f>
        <v>45566.08333331738</v>
      </c>
      <c r="X6580" s="83">
        <v>43375.083333333336</v>
      </c>
      <c r="Y6580">
        <v>234786.53700000001</v>
      </c>
      <c r="Z6580">
        <v>12408.323130000001</v>
      </c>
      <c r="AA6580">
        <v>51375.262170000002</v>
      </c>
      <c r="AB6580">
        <v>32036.830430000002</v>
      </c>
      <c r="AC6580">
        <v>33812.30444</v>
      </c>
      <c r="AD6580">
        <v>15919.874519999999</v>
      </c>
      <c r="AE6580">
        <v>30887.518479999999</v>
      </c>
      <c r="AF6580">
        <v>46814.55515</v>
      </c>
      <c r="AG6580">
        <v>16159.627039999999</v>
      </c>
      <c r="AH6580">
        <v>302108.26209999999</v>
      </c>
      <c r="AI6580">
        <v>71877.887260000003</v>
      </c>
      <c r="AJ6580">
        <v>16487.16545</v>
      </c>
      <c r="AK6580">
        <v>23239.608029999999</v>
      </c>
      <c r="AL6580">
        <v>86121.591759999996</v>
      </c>
      <c r="AM6580">
        <v>15614.08251</v>
      </c>
      <c r="AN6580">
        <v>71163.02231</v>
      </c>
      <c r="AO6580">
        <v>18697.957109999999</v>
      </c>
      <c r="AP6580">
        <v>12060.388940000001</v>
      </c>
    </row>
    <row r="6581" spans="2:42" x14ac:dyDescent="0.3">
      <c r="B6581">
        <v>60.074465860358828</v>
      </c>
      <c r="C6581" s="83">
        <v>43375.125</v>
      </c>
      <c r="D6581">
        <v>235866.74119999999</v>
      </c>
      <c r="E6581">
        <v>12383.35442</v>
      </c>
      <c r="F6581">
        <v>53050.573880000004</v>
      </c>
      <c r="G6581">
        <v>31192.474630000001</v>
      </c>
      <c r="H6581">
        <v>33401.099620000001</v>
      </c>
      <c r="I6581">
        <v>15994.35224</v>
      </c>
      <c r="J6581">
        <v>31179.301019999999</v>
      </c>
      <c r="K6581">
        <v>44611.291810000002</v>
      </c>
      <c r="L6581">
        <v>15435.35339</v>
      </c>
      <c r="M6581">
        <v>306287.6422</v>
      </c>
      <c r="N6581">
        <v>71257.188110000003</v>
      </c>
      <c r="O6581">
        <v>16015.568429999999</v>
      </c>
      <c r="P6581">
        <v>22037.53053</v>
      </c>
      <c r="Q6581">
        <v>89173.480800000005</v>
      </c>
      <c r="R6581">
        <v>14943.012339999999</v>
      </c>
      <c r="S6581">
        <v>70638.140050000002</v>
      </c>
      <c r="T6581">
        <v>18552.683990000001</v>
      </c>
      <c r="U6581">
        <v>12082.909180000001</v>
      </c>
      <c r="W6581" s="83">
        <f>Bühler!N6613</f>
        <v>45566.124999984044</v>
      </c>
      <c r="X6581" s="83">
        <v>43375.125</v>
      </c>
      <c r="Y6581">
        <v>235866.74119999999</v>
      </c>
      <c r="Z6581">
        <v>12383.35442</v>
      </c>
      <c r="AA6581">
        <v>53050.573880000004</v>
      </c>
      <c r="AB6581">
        <v>31192.474630000001</v>
      </c>
      <c r="AC6581">
        <v>33401.099620000001</v>
      </c>
      <c r="AD6581">
        <v>15994.35224</v>
      </c>
      <c r="AE6581">
        <v>31179.301019999999</v>
      </c>
      <c r="AF6581">
        <v>44611.291810000002</v>
      </c>
      <c r="AG6581">
        <v>15435.35339</v>
      </c>
      <c r="AH6581">
        <v>306287.6422</v>
      </c>
      <c r="AI6581">
        <v>71257.188110000003</v>
      </c>
      <c r="AJ6581">
        <v>16015.568429999999</v>
      </c>
      <c r="AK6581">
        <v>22037.53053</v>
      </c>
      <c r="AL6581">
        <v>89173.480800000005</v>
      </c>
      <c r="AM6581">
        <v>14943.012339999999</v>
      </c>
      <c r="AN6581">
        <v>70638.140050000002</v>
      </c>
      <c r="AO6581">
        <v>18552.683990000001</v>
      </c>
      <c r="AP6581">
        <v>12082.909180000001</v>
      </c>
    </row>
    <row r="6582" spans="2:42" x14ac:dyDescent="0.3">
      <c r="B6582">
        <v>61.945535209488021</v>
      </c>
      <c r="C6582" s="83">
        <v>43375.166666666664</v>
      </c>
      <c r="D6582">
        <v>237459.21239999999</v>
      </c>
      <c r="E6582">
        <v>12913.3773</v>
      </c>
      <c r="F6582">
        <v>56128.47939</v>
      </c>
      <c r="G6582">
        <v>30506.902340000001</v>
      </c>
      <c r="H6582">
        <v>34148.970280000001</v>
      </c>
      <c r="I6582">
        <v>18054.034640000002</v>
      </c>
      <c r="J6582">
        <v>33413.697220000002</v>
      </c>
      <c r="K6582">
        <v>43283.421820000003</v>
      </c>
      <c r="L6582">
        <v>15825.087149999999</v>
      </c>
      <c r="M6582">
        <v>315827.22629999998</v>
      </c>
      <c r="N6582">
        <v>71706.784020000006</v>
      </c>
      <c r="O6582">
        <v>15655.050859999999</v>
      </c>
      <c r="P6582">
        <v>22076.530119999999</v>
      </c>
      <c r="Q6582">
        <v>93286.953380000006</v>
      </c>
      <c r="R6582">
        <v>14540.289150000001</v>
      </c>
      <c r="S6582">
        <v>71336.488389999999</v>
      </c>
      <c r="T6582">
        <v>18149.734130000001</v>
      </c>
      <c r="U6582">
        <v>12250.70614</v>
      </c>
      <c r="W6582" s="83">
        <f>Bühler!N6614</f>
        <v>45566.166666650708</v>
      </c>
      <c r="X6582" s="83">
        <v>43375.166666666664</v>
      </c>
      <c r="Y6582">
        <v>237459.21239999999</v>
      </c>
      <c r="Z6582">
        <v>12913.3773</v>
      </c>
      <c r="AA6582">
        <v>56128.47939</v>
      </c>
      <c r="AB6582">
        <v>30506.902340000001</v>
      </c>
      <c r="AC6582">
        <v>34148.970280000001</v>
      </c>
      <c r="AD6582">
        <v>18054.034640000002</v>
      </c>
      <c r="AE6582">
        <v>33413.697220000002</v>
      </c>
      <c r="AF6582">
        <v>43283.421820000003</v>
      </c>
      <c r="AG6582">
        <v>15825.087149999999</v>
      </c>
      <c r="AH6582">
        <v>315827.22629999998</v>
      </c>
      <c r="AI6582">
        <v>71706.784020000006</v>
      </c>
      <c r="AJ6582">
        <v>15655.050859999999</v>
      </c>
      <c r="AK6582">
        <v>22076.530119999999</v>
      </c>
      <c r="AL6582">
        <v>93286.953380000006</v>
      </c>
      <c r="AM6582">
        <v>14540.289150000001</v>
      </c>
      <c r="AN6582">
        <v>71336.488389999999</v>
      </c>
      <c r="AO6582">
        <v>18149.734130000001</v>
      </c>
      <c r="AP6582">
        <v>12250.70614</v>
      </c>
    </row>
    <row r="6583" spans="2:42" x14ac:dyDescent="0.3">
      <c r="B6583">
        <v>65.011449967298176</v>
      </c>
      <c r="C6583" s="83">
        <v>43375.208333333336</v>
      </c>
      <c r="D6583">
        <v>253252.3376</v>
      </c>
      <c r="E6583">
        <v>14810.63092</v>
      </c>
      <c r="F6583">
        <v>65314.429730000003</v>
      </c>
      <c r="G6583">
        <v>32968.61767</v>
      </c>
      <c r="H6583">
        <v>35857.802900000002</v>
      </c>
      <c r="I6583">
        <v>25709.17122</v>
      </c>
      <c r="J6583">
        <v>36411.096790000003</v>
      </c>
      <c r="K6583">
        <v>44020.015939999997</v>
      </c>
      <c r="L6583">
        <v>16297.891180000001</v>
      </c>
      <c r="M6583">
        <v>331458.68949999998</v>
      </c>
      <c r="N6583">
        <v>73780.821240000005</v>
      </c>
      <c r="O6583">
        <v>16696.877100000002</v>
      </c>
      <c r="P6583">
        <v>23409.56667</v>
      </c>
      <c r="Q6583">
        <v>95815.073539999998</v>
      </c>
      <c r="R6583">
        <v>15734.65014</v>
      </c>
      <c r="S6583">
        <v>73845.754780000003</v>
      </c>
      <c r="T6583">
        <v>19794.075949999999</v>
      </c>
      <c r="U6583">
        <v>13836.843580000001</v>
      </c>
      <c r="W6583" s="83">
        <f>Bühler!N6615</f>
        <v>45566.208333317372</v>
      </c>
      <c r="X6583" s="83">
        <v>43375.208333333336</v>
      </c>
      <c r="Y6583">
        <v>253252.3376</v>
      </c>
      <c r="Z6583">
        <v>14810.63092</v>
      </c>
      <c r="AA6583">
        <v>65314.429730000003</v>
      </c>
      <c r="AB6583">
        <v>32968.61767</v>
      </c>
      <c r="AC6583">
        <v>35857.802900000002</v>
      </c>
      <c r="AD6583">
        <v>25709.17122</v>
      </c>
      <c r="AE6583">
        <v>36411.096790000003</v>
      </c>
      <c r="AF6583">
        <v>44020.015939999997</v>
      </c>
      <c r="AG6583">
        <v>16297.891180000001</v>
      </c>
      <c r="AH6583">
        <v>331458.68949999998</v>
      </c>
      <c r="AI6583">
        <v>73780.821240000005</v>
      </c>
      <c r="AJ6583">
        <v>16696.877100000002</v>
      </c>
      <c r="AK6583">
        <v>23409.56667</v>
      </c>
      <c r="AL6583">
        <v>95815.073539999998</v>
      </c>
      <c r="AM6583">
        <v>15734.65014</v>
      </c>
      <c r="AN6583">
        <v>73845.754780000003</v>
      </c>
      <c r="AO6583">
        <v>19794.075949999999</v>
      </c>
      <c r="AP6583">
        <v>13836.843580000001</v>
      </c>
    </row>
    <row r="6584" spans="2:42" x14ac:dyDescent="0.3">
      <c r="B6584">
        <v>68.10160407312226</v>
      </c>
      <c r="C6584" s="83">
        <v>43375.25</v>
      </c>
      <c r="D6584">
        <v>269345.88050000003</v>
      </c>
      <c r="E6584">
        <v>18890.562549999999</v>
      </c>
      <c r="F6584">
        <v>76898.696100000001</v>
      </c>
      <c r="G6584">
        <v>45841.175929999998</v>
      </c>
      <c r="H6584">
        <v>39226.842420000001</v>
      </c>
      <c r="I6584">
        <v>33833.508119999999</v>
      </c>
      <c r="J6584">
        <v>40607.060899999997</v>
      </c>
      <c r="K6584">
        <v>46824.758809999999</v>
      </c>
      <c r="L6584">
        <v>18129.99439</v>
      </c>
      <c r="M6584">
        <v>347213.73619999998</v>
      </c>
      <c r="N6584">
        <v>78959.705419999998</v>
      </c>
      <c r="O6584">
        <v>19039.677350000002</v>
      </c>
      <c r="P6584">
        <v>25742.308779999999</v>
      </c>
      <c r="Q6584">
        <v>96894.472099999999</v>
      </c>
      <c r="R6584">
        <v>16876.48659</v>
      </c>
      <c r="S6584">
        <v>83828.299429999999</v>
      </c>
      <c r="T6584">
        <v>22756.659950000001</v>
      </c>
      <c r="U6584">
        <v>16965.00159</v>
      </c>
      <c r="W6584" s="83">
        <f>Bühler!N6616</f>
        <v>45566.249999984037</v>
      </c>
      <c r="X6584" s="83">
        <v>43375.25</v>
      </c>
      <c r="Y6584">
        <v>269345.88050000003</v>
      </c>
      <c r="Z6584">
        <v>18890.562549999999</v>
      </c>
      <c r="AA6584">
        <v>76898.696100000001</v>
      </c>
      <c r="AB6584">
        <v>45841.175929999998</v>
      </c>
      <c r="AC6584">
        <v>39226.842420000001</v>
      </c>
      <c r="AD6584">
        <v>33833.508119999999</v>
      </c>
      <c r="AE6584">
        <v>40607.060899999997</v>
      </c>
      <c r="AF6584">
        <v>46824.758809999999</v>
      </c>
      <c r="AG6584">
        <v>18129.99439</v>
      </c>
      <c r="AH6584">
        <v>347213.73619999998</v>
      </c>
      <c r="AI6584">
        <v>78959.705419999998</v>
      </c>
      <c r="AJ6584">
        <v>19039.677350000002</v>
      </c>
      <c r="AK6584">
        <v>25742.308779999999</v>
      </c>
      <c r="AL6584">
        <v>96894.472099999999</v>
      </c>
      <c r="AM6584">
        <v>16876.48659</v>
      </c>
      <c r="AN6584">
        <v>83828.299429999999</v>
      </c>
      <c r="AO6584">
        <v>22756.659950000001</v>
      </c>
      <c r="AP6584">
        <v>16965.00159</v>
      </c>
    </row>
    <row r="6585" spans="2:42" x14ac:dyDescent="0.3">
      <c r="B6585">
        <v>70.141959192150054</v>
      </c>
      <c r="C6585" s="83">
        <v>43375.291666666664</v>
      </c>
      <c r="D6585">
        <v>284304.17440000002</v>
      </c>
      <c r="E6585">
        <v>23769.26888</v>
      </c>
      <c r="F6585">
        <v>80728.773390000002</v>
      </c>
      <c r="G6585">
        <v>59750.65294</v>
      </c>
      <c r="H6585">
        <v>45111.2327</v>
      </c>
      <c r="I6585">
        <v>42690.443599999999</v>
      </c>
      <c r="J6585">
        <v>42258.216489999999</v>
      </c>
      <c r="K6585">
        <v>53484.202230000003</v>
      </c>
      <c r="L6585">
        <v>21152.362369999999</v>
      </c>
      <c r="M6585">
        <v>357616.41810000001</v>
      </c>
      <c r="N6585">
        <v>85839.04191</v>
      </c>
      <c r="O6585">
        <v>21313.136490000001</v>
      </c>
      <c r="P6585">
        <v>29659.064259999999</v>
      </c>
      <c r="Q6585">
        <v>96524.021529999998</v>
      </c>
      <c r="R6585">
        <v>20702.666209999999</v>
      </c>
      <c r="S6585">
        <v>101109.57799999999</v>
      </c>
      <c r="T6585">
        <v>27644.98833</v>
      </c>
      <c r="U6585">
        <v>22130.234659999998</v>
      </c>
      <c r="W6585" s="83">
        <f>Bühler!N6617</f>
        <v>45566.291666650701</v>
      </c>
      <c r="X6585" s="83">
        <v>43375.291666666664</v>
      </c>
      <c r="Y6585">
        <v>284304.17440000002</v>
      </c>
      <c r="Z6585">
        <v>23769.26888</v>
      </c>
      <c r="AA6585">
        <v>80728.773390000002</v>
      </c>
      <c r="AB6585">
        <v>59750.65294</v>
      </c>
      <c r="AC6585">
        <v>45111.2327</v>
      </c>
      <c r="AD6585">
        <v>42690.443599999999</v>
      </c>
      <c r="AE6585">
        <v>42258.216489999999</v>
      </c>
      <c r="AF6585">
        <v>53484.202230000003</v>
      </c>
      <c r="AG6585">
        <v>21152.362369999999</v>
      </c>
      <c r="AH6585">
        <v>357616.41810000001</v>
      </c>
      <c r="AI6585">
        <v>85839.04191</v>
      </c>
      <c r="AJ6585">
        <v>21313.136490000001</v>
      </c>
      <c r="AK6585">
        <v>29659.064259999999</v>
      </c>
      <c r="AL6585">
        <v>96524.021529999998</v>
      </c>
      <c r="AM6585">
        <v>20702.666209999999</v>
      </c>
      <c r="AN6585">
        <v>101109.57799999999</v>
      </c>
      <c r="AO6585">
        <v>27644.98833</v>
      </c>
      <c r="AP6585">
        <v>22130.234659999998</v>
      </c>
    </row>
    <row r="6586" spans="2:42" x14ac:dyDescent="0.3">
      <c r="B6586">
        <v>70.959178257756733</v>
      </c>
      <c r="C6586" s="83">
        <v>43375.333333333336</v>
      </c>
      <c r="D6586">
        <v>296006.32419999997</v>
      </c>
      <c r="E6586">
        <v>29446.325049999999</v>
      </c>
      <c r="F6586">
        <v>86298.533909999998</v>
      </c>
      <c r="G6586">
        <v>77343.203500000003</v>
      </c>
      <c r="H6586">
        <v>49635.319609999999</v>
      </c>
      <c r="I6586">
        <v>45391.800810000001</v>
      </c>
      <c r="J6586">
        <v>42091.188699999999</v>
      </c>
      <c r="K6586">
        <v>59880.940340000001</v>
      </c>
      <c r="L6586">
        <v>23889.615559999998</v>
      </c>
      <c r="M6586">
        <v>361782.98200000002</v>
      </c>
      <c r="N6586">
        <v>90704.852650000001</v>
      </c>
      <c r="O6586">
        <v>22307.664529999998</v>
      </c>
      <c r="P6586">
        <v>31270.271120000001</v>
      </c>
      <c r="Q6586">
        <v>97494.454020000005</v>
      </c>
      <c r="R6586">
        <v>21784.921559999999</v>
      </c>
      <c r="S6586">
        <v>113058.9038</v>
      </c>
      <c r="T6586">
        <v>30517.968290000001</v>
      </c>
      <c r="U6586">
        <v>25211.572520000002</v>
      </c>
      <c r="W6586" s="83">
        <f>Bühler!N6618</f>
        <v>45566.333333317365</v>
      </c>
      <c r="X6586" s="83">
        <v>43375.333333333336</v>
      </c>
      <c r="Y6586">
        <v>296006.32419999997</v>
      </c>
      <c r="Z6586">
        <v>29446.325049999999</v>
      </c>
      <c r="AA6586">
        <v>86298.533909999998</v>
      </c>
      <c r="AB6586">
        <v>77343.203500000003</v>
      </c>
      <c r="AC6586">
        <v>49635.319609999999</v>
      </c>
      <c r="AD6586">
        <v>45391.800810000001</v>
      </c>
      <c r="AE6586">
        <v>42091.188699999999</v>
      </c>
      <c r="AF6586">
        <v>59880.940340000001</v>
      </c>
      <c r="AG6586">
        <v>23889.615559999998</v>
      </c>
      <c r="AH6586">
        <v>361782.98200000002</v>
      </c>
      <c r="AI6586">
        <v>90704.852650000001</v>
      </c>
      <c r="AJ6586">
        <v>22307.664529999998</v>
      </c>
      <c r="AK6586">
        <v>31270.271120000001</v>
      </c>
      <c r="AL6586">
        <v>97494.454020000005</v>
      </c>
      <c r="AM6586">
        <v>21784.921559999999</v>
      </c>
      <c r="AN6586">
        <v>113058.9038</v>
      </c>
      <c r="AO6586">
        <v>30517.968290000001</v>
      </c>
      <c r="AP6586">
        <v>25211.572520000002</v>
      </c>
    </row>
    <row r="6587" spans="2:42" x14ac:dyDescent="0.3">
      <c r="B6587">
        <v>71.300475342662565</v>
      </c>
      <c r="C6587" s="83">
        <v>43375.375</v>
      </c>
      <c r="D6587">
        <v>297765.9926</v>
      </c>
      <c r="E6587">
        <v>33661.524619999997</v>
      </c>
      <c r="F6587">
        <v>90589.013290000003</v>
      </c>
      <c r="G6587">
        <v>85633.974159999998</v>
      </c>
      <c r="H6587">
        <v>52638.138959999997</v>
      </c>
      <c r="I6587">
        <v>42970.43131</v>
      </c>
      <c r="J6587">
        <v>41824.093030000004</v>
      </c>
      <c r="K6587">
        <v>61591.782050000002</v>
      </c>
      <c r="L6587">
        <v>26692.556509999999</v>
      </c>
      <c r="M6587">
        <v>363523.07370000001</v>
      </c>
      <c r="N6587">
        <v>93481.513460000002</v>
      </c>
      <c r="O6587">
        <v>23655.609199999999</v>
      </c>
      <c r="P6587">
        <v>32752.721740000001</v>
      </c>
      <c r="Q6587">
        <v>99257.272689999998</v>
      </c>
      <c r="R6587">
        <v>22338.520369999998</v>
      </c>
      <c r="S6587">
        <v>118042.28909999999</v>
      </c>
      <c r="T6587">
        <v>33060.42297</v>
      </c>
      <c r="U6587">
        <v>25425.299419999999</v>
      </c>
      <c r="W6587" s="83">
        <f>Bühler!N6619</f>
        <v>45566.374999984029</v>
      </c>
      <c r="X6587" s="83">
        <v>43375.375</v>
      </c>
      <c r="Y6587">
        <v>297765.9926</v>
      </c>
      <c r="Z6587">
        <v>33661.524619999997</v>
      </c>
      <c r="AA6587">
        <v>90589.013290000003</v>
      </c>
      <c r="AB6587">
        <v>85633.974159999998</v>
      </c>
      <c r="AC6587">
        <v>52638.138959999997</v>
      </c>
      <c r="AD6587">
        <v>42970.43131</v>
      </c>
      <c r="AE6587">
        <v>41824.093030000004</v>
      </c>
      <c r="AF6587">
        <v>61591.782050000002</v>
      </c>
      <c r="AG6587">
        <v>26692.556509999999</v>
      </c>
      <c r="AH6587">
        <v>363523.07370000001</v>
      </c>
      <c r="AI6587">
        <v>93481.513460000002</v>
      </c>
      <c r="AJ6587">
        <v>23655.609199999999</v>
      </c>
      <c r="AK6587">
        <v>32752.721740000001</v>
      </c>
      <c r="AL6587">
        <v>99257.272689999998</v>
      </c>
      <c r="AM6587">
        <v>22338.520369999998</v>
      </c>
      <c r="AN6587">
        <v>118042.28909999999</v>
      </c>
      <c r="AO6587">
        <v>33060.42297</v>
      </c>
      <c r="AP6587">
        <v>25425.299419999999</v>
      </c>
    </row>
    <row r="6588" spans="2:42" x14ac:dyDescent="0.3">
      <c r="B6588">
        <v>71.665542457979853</v>
      </c>
      <c r="C6588" s="83">
        <v>43375.416666666664</v>
      </c>
      <c r="D6588">
        <v>299887.83600000001</v>
      </c>
      <c r="E6588">
        <v>35043.457349999997</v>
      </c>
      <c r="F6588">
        <v>91514.463770000002</v>
      </c>
      <c r="G6588">
        <v>88059.871610000002</v>
      </c>
      <c r="H6588">
        <v>52834.251759999999</v>
      </c>
      <c r="I6588">
        <v>39782.975899999998</v>
      </c>
      <c r="J6588">
        <v>41980.805509999998</v>
      </c>
      <c r="K6588">
        <v>62594.933190000003</v>
      </c>
      <c r="L6588">
        <v>29014.365280000002</v>
      </c>
      <c r="M6588">
        <v>365384.35609999998</v>
      </c>
      <c r="N6588">
        <v>97181.453640000007</v>
      </c>
      <c r="O6588">
        <v>24207.152610000001</v>
      </c>
      <c r="P6588">
        <v>33662.435149999998</v>
      </c>
      <c r="Q6588">
        <v>100757.197</v>
      </c>
      <c r="R6588">
        <v>23271.66733</v>
      </c>
      <c r="S6588">
        <v>118661.7727</v>
      </c>
      <c r="T6588">
        <v>35075.853569999999</v>
      </c>
      <c r="U6588">
        <v>25006.392360000002</v>
      </c>
      <c r="W6588" s="83">
        <f>Bühler!N6620</f>
        <v>45566.416666650694</v>
      </c>
      <c r="X6588" s="83">
        <v>43375.416666666664</v>
      </c>
      <c r="Y6588">
        <v>299887.83600000001</v>
      </c>
      <c r="Z6588">
        <v>35043.457349999997</v>
      </c>
      <c r="AA6588">
        <v>91514.463770000002</v>
      </c>
      <c r="AB6588">
        <v>88059.871610000002</v>
      </c>
      <c r="AC6588">
        <v>52834.251759999999</v>
      </c>
      <c r="AD6588">
        <v>39782.975899999998</v>
      </c>
      <c r="AE6588">
        <v>41980.805509999998</v>
      </c>
      <c r="AF6588">
        <v>62594.933190000003</v>
      </c>
      <c r="AG6588">
        <v>29014.365280000002</v>
      </c>
      <c r="AH6588">
        <v>365384.35609999998</v>
      </c>
      <c r="AI6588">
        <v>97181.453640000007</v>
      </c>
      <c r="AJ6588">
        <v>24207.152610000001</v>
      </c>
      <c r="AK6588">
        <v>33662.435149999998</v>
      </c>
      <c r="AL6588">
        <v>100757.197</v>
      </c>
      <c r="AM6588">
        <v>23271.66733</v>
      </c>
      <c r="AN6588">
        <v>118661.7727</v>
      </c>
      <c r="AO6588">
        <v>35075.853569999999</v>
      </c>
      <c r="AP6588">
        <v>25006.392360000002</v>
      </c>
    </row>
    <row r="6589" spans="2:42" x14ac:dyDescent="0.3">
      <c r="B6589">
        <v>72.055263183141662</v>
      </c>
      <c r="C6589" s="83">
        <v>43375.458333333336</v>
      </c>
      <c r="D6589">
        <v>297158.3738</v>
      </c>
      <c r="E6589">
        <v>34745.029770000001</v>
      </c>
      <c r="F6589">
        <v>92505.419250000006</v>
      </c>
      <c r="G6589">
        <v>86481.622140000007</v>
      </c>
      <c r="H6589">
        <v>52028.62543</v>
      </c>
      <c r="I6589">
        <v>38987.709139999999</v>
      </c>
      <c r="J6589">
        <v>41907.850930000001</v>
      </c>
      <c r="K6589">
        <v>63664.679320000003</v>
      </c>
      <c r="L6589">
        <v>29573.484280000001</v>
      </c>
      <c r="M6589">
        <v>367371.33409999998</v>
      </c>
      <c r="N6589">
        <v>97083.869680000003</v>
      </c>
      <c r="O6589">
        <v>24241.35255</v>
      </c>
      <c r="P6589">
        <v>32717.546900000001</v>
      </c>
      <c r="Q6589">
        <v>100156.4759</v>
      </c>
      <c r="R6589">
        <v>23941.493419999999</v>
      </c>
      <c r="S6589">
        <v>120533.6776</v>
      </c>
      <c r="T6589">
        <v>35013.298199999997</v>
      </c>
      <c r="U6589">
        <v>24188.565780000001</v>
      </c>
      <c r="W6589" s="83">
        <f>Bühler!N6621</f>
        <v>45566.458333317358</v>
      </c>
      <c r="X6589" s="83">
        <v>43375.458333333336</v>
      </c>
      <c r="Y6589">
        <v>297158.3738</v>
      </c>
      <c r="Z6589">
        <v>34745.029770000001</v>
      </c>
      <c r="AA6589">
        <v>92505.419250000006</v>
      </c>
      <c r="AB6589">
        <v>86481.622140000007</v>
      </c>
      <c r="AC6589">
        <v>52028.62543</v>
      </c>
      <c r="AD6589">
        <v>38987.709139999999</v>
      </c>
      <c r="AE6589">
        <v>41907.850930000001</v>
      </c>
      <c r="AF6589">
        <v>63664.679320000003</v>
      </c>
      <c r="AG6589">
        <v>29573.484280000001</v>
      </c>
      <c r="AH6589">
        <v>367371.33409999998</v>
      </c>
      <c r="AI6589">
        <v>97083.869680000003</v>
      </c>
      <c r="AJ6589">
        <v>24241.35255</v>
      </c>
      <c r="AK6589">
        <v>32717.546900000001</v>
      </c>
      <c r="AL6589">
        <v>100156.4759</v>
      </c>
      <c r="AM6589">
        <v>23941.493419999999</v>
      </c>
      <c r="AN6589">
        <v>120533.6776</v>
      </c>
      <c r="AO6589">
        <v>35013.298199999997</v>
      </c>
      <c r="AP6589">
        <v>24188.565780000001</v>
      </c>
    </row>
    <row r="6590" spans="2:42" x14ac:dyDescent="0.3">
      <c r="B6590">
        <v>71.211227621979276</v>
      </c>
      <c r="C6590" s="83">
        <v>43375.5</v>
      </c>
      <c r="D6590">
        <v>285851.37729999999</v>
      </c>
      <c r="E6590">
        <v>31172.541109999998</v>
      </c>
      <c r="F6590">
        <v>87149.280119999996</v>
      </c>
      <c r="G6590">
        <v>84113.720709999994</v>
      </c>
      <c r="H6590">
        <v>49891.418610000001</v>
      </c>
      <c r="I6590">
        <v>37488.4352</v>
      </c>
      <c r="J6590">
        <v>41704.412989999997</v>
      </c>
      <c r="K6590">
        <v>58224.639900000002</v>
      </c>
      <c r="L6590">
        <v>31758.505069999999</v>
      </c>
      <c r="M6590">
        <v>363068.04719999997</v>
      </c>
      <c r="N6590">
        <v>93405.868489999993</v>
      </c>
      <c r="O6590">
        <v>23094.440159999998</v>
      </c>
      <c r="P6590">
        <v>34291.625970000001</v>
      </c>
      <c r="Q6590">
        <v>99878.446200000006</v>
      </c>
      <c r="R6590">
        <v>26211.629970000002</v>
      </c>
      <c r="S6590">
        <v>113965.6249</v>
      </c>
      <c r="T6590">
        <v>34640.209990000003</v>
      </c>
      <c r="U6590">
        <v>19488.742160000002</v>
      </c>
      <c r="W6590" s="83">
        <f>Bühler!N6622</f>
        <v>45566.499999984022</v>
      </c>
      <c r="X6590" s="83">
        <v>43375.5</v>
      </c>
      <c r="Y6590">
        <v>285851.37729999999</v>
      </c>
      <c r="Z6590">
        <v>31172.541109999998</v>
      </c>
      <c r="AA6590">
        <v>87149.280119999996</v>
      </c>
      <c r="AB6590">
        <v>84113.720709999994</v>
      </c>
      <c r="AC6590">
        <v>49891.418610000001</v>
      </c>
      <c r="AD6590">
        <v>37488.4352</v>
      </c>
      <c r="AE6590">
        <v>41704.412989999997</v>
      </c>
      <c r="AF6590">
        <v>58224.639900000002</v>
      </c>
      <c r="AG6590">
        <v>31758.505069999999</v>
      </c>
      <c r="AH6590">
        <v>363068.04719999997</v>
      </c>
      <c r="AI6590">
        <v>93405.868489999993</v>
      </c>
      <c r="AJ6590">
        <v>23094.440159999998</v>
      </c>
      <c r="AK6590">
        <v>34291.625970000001</v>
      </c>
      <c r="AL6590">
        <v>99878.446200000006</v>
      </c>
      <c r="AM6590">
        <v>26211.629970000002</v>
      </c>
      <c r="AN6590">
        <v>113965.6249</v>
      </c>
      <c r="AO6590">
        <v>34640.209990000003</v>
      </c>
      <c r="AP6590">
        <v>19488.742160000002</v>
      </c>
    </row>
    <row r="6591" spans="2:42" x14ac:dyDescent="0.3">
      <c r="B6591">
        <v>71.102465542795429</v>
      </c>
      <c r="C6591" s="83">
        <v>43375.541666666664</v>
      </c>
      <c r="D6591">
        <v>284569.73879999999</v>
      </c>
      <c r="E6591">
        <v>31528.038710000001</v>
      </c>
      <c r="F6591">
        <v>84484.444829999993</v>
      </c>
      <c r="G6591">
        <v>80092.366529999999</v>
      </c>
      <c r="H6591">
        <v>50237.316599999998</v>
      </c>
      <c r="I6591">
        <v>37364.820720000003</v>
      </c>
      <c r="J6591">
        <v>39993.823020000003</v>
      </c>
      <c r="K6591">
        <v>60764.077120000002</v>
      </c>
      <c r="L6591">
        <v>30016.085139999999</v>
      </c>
      <c r="M6591">
        <v>362513.52740000002</v>
      </c>
      <c r="N6591">
        <v>94546.256469999993</v>
      </c>
      <c r="O6591">
        <v>22697.577649999999</v>
      </c>
      <c r="P6591">
        <v>33389.508399999999</v>
      </c>
      <c r="Q6591">
        <v>98930.665720000005</v>
      </c>
      <c r="R6591">
        <v>26694.191940000001</v>
      </c>
      <c r="S6591">
        <v>111588.6443</v>
      </c>
      <c r="T6591">
        <v>33996.15825</v>
      </c>
      <c r="U6591">
        <v>21712.562620000001</v>
      </c>
      <c r="W6591" s="83">
        <f>Bühler!N6623</f>
        <v>45566.541666650686</v>
      </c>
      <c r="X6591" s="83">
        <v>43375.541666666664</v>
      </c>
      <c r="Y6591">
        <v>284569.73879999999</v>
      </c>
      <c r="Z6591">
        <v>31528.038710000001</v>
      </c>
      <c r="AA6591">
        <v>84484.444829999993</v>
      </c>
      <c r="AB6591">
        <v>80092.366529999999</v>
      </c>
      <c r="AC6591">
        <v>50237.316599999998</v>
      </c>
      <c r="AD6591">
        <v>37364.820720000003</v>
      </c>
      <c r="AE6591">
        <v>39993.823020000003</v>
      </c>
      <c r="AF6591">
        <v>60764.077120000002</v>
      </c>
      <c r="AG6591">
        <v>30016.085139999999</v>
      </c>
      <c r="AH6591">
        <v>362513.52740000002</v>
      </c>
      <c r="AI6591">
        <v>94546.256469999993</v>
      </c>
      <c r="AJ6591">
        <v>22697.577649999999</v>
      </c>
      <c r="AK6591">
        <v>33389.508399999999</v>
      </c>
      <c r="AL6591">
        <v>98930.665720000005</v>
      </c>
      <c r="AM6591">
        <v>26694.191940000001</v>
      </c>
      <c r="AN6591">
        <v>111588.6443</v>
      </c>
      <c r="AO6591">
        <v>33996.15825</v>
      </c>
      <c r="AP6591">
        <v>21712.562620000001</v>
      </c>
    </row>
    <row r="6592" spans="2:42" x14ac:dyDescent="0.3">
      <c r="B6592">
        <v>70.945414608986013</v>
      </c>
      <c r="C6592" s="83">
        <v>43375.583333333336</v>
      </c>
      <c r="D6592">
        <v>289513.08960000001</v>
      </c>
      <c r="E6592">
        <v>34482.88293</v>
      </c>
      <c r="F6592">
        <v>91394.062779999993</v>
      </c>
      <c r="G6592">
        <v>74225.718259999994</v>
      </c>
      <c r="H6592">
        <v>50300.140059999998</v>
      </c>
      <c r="I6592">
        <v>37753.852879999999</v>
      </c>
      <c r="J6592">
        <v>39855.20695</v>
      </c>
      <c r="K6592">
        <v>64549.026140000002</v>
      </c>
      <c r="L6592">
        <v>27105.114560000002</v>
      </c>
      <c r="M6592">
        <v>361712.80849999998</v>
      </c>
      <c r="N6592">
        <v>95650.87831</v>
      </c>
      <c r="O6592">
        <v>22565.381170000001</v>
      </c>
      <c r="P6592">
        <v>29691.762699999999</v>
      </c>
      <c r="Q6592">
        <v>99198.358009999996</v>
      </c>
      <c r="R6592">
        <v>25505.916710000001</v>
      </c>
      <c r="S6592">
        <v>107517.8269</v>
      </c>
      <c r="T6592">
        <v>32789.002310000003</v>
      </c>
      <c r="U6592">
        <v>21781.159589999999</v>
      </c>
      <c r="W6592" s="83">
        <f>Bühler!N6624</f>
        <v>45566.58333331735</v>
      </c>
      <c r="X6592" s="83">
        <v>43375.583333333336</v>
      </c>
      <c r="Y6592">
        <v>289513.08960000001</v>
      </c>
      <c r="Z6592">
        <v>34482.88293</v>
      </c>
      <c r="AA6592">
        <v>91394.062779999993</v>
      </c>
      <c r="AB6592">
        <v>74225.718259999994</v>
      </c>
      <c r="AC6592">
        <v>50300.140059999998</v>
      </c>
      <c r="AD6592">
        <v>37753.852879999999</v>
      </c>
      <c r="AE6592">
        <v>39855.20695</v>
      </c>
      <c r="AF6592">
        <v>64549.026140000002</v>
      </c>
      <c r="AG6592">
        <v>27105.114560000002</v>
      </c>
      <c r="AH6592">
        <v>361712.80849999998</v>
      </c>
      <c r="AI6592">
        <v>95650.87831</v>
      </c>
      <c r="AJ6592">
        <v>22565.381170000001</v>
      </c>
      <c r="AK6592">
        <v>29691.762699999999</v>
      </c>
      <c r="AL6592">
        <v>99198.358009999996</v>
      </c>
      <c r="AM6592">
        <v>25505.916710000001</v>
      </c>
      <c r="AN6592">
        <v>107517.8269</v>
      </c>
      <c r="AO6592">
        <v>32789.002310000003</v>
      </c>
      <c r="AP6592">
        <v>21781.159589999999</v>
      </c>
    </row>
    <row r="6593" spans="2:42" x14ac:dyDescent="0.3">
      <c r="B6593">
        <v>70.287339792959457</v>
      </c>
      <c r="C6593" s="83">
        <v>43375.625</v>
      </c>
      <c r="D6593">
        <v>286729.79190000001</v>
      </c>
      <c r="E6593">
        <v>34306.454740000001</v>
      </c>
      <c r="F6593">
        <v>92732.872040000002</v>
      </c>
      <c r="G6593">
        <v>71219.420469999997</v>
      </c>
      <c r="H6593">
        <v>48923.535620000002</v>
      </c>
      <c r="I6593">
        <v>37978.208689999999</v>
      </c>
      <c r="J6593">
        <v>39728.979789999998</v>
      </c>
      <c r="K6593">
        <v>63652.965040000003</v>
      </c>
      <c r="L6593">
        <v>24509.58941</v>
      </c>
      <c r="M6593">
        <v>358357.63620000001</v>
      </c>
      <c r="N6593">
        <v>94363.084870000006</v>
      </c>
      <c r="O6593">
        <v>22230.257170000001</v>
      </c>
      <c r="P6593">
        <v>27756.401760000001</v>
      </c>
      <c r="Q6593">
        <v>98874.386400000003</v>
      </c>
      <c r="R6593">
        <v>25238.940780000001</v>
      </c>
      <c r="S6593">
        <v>105440.9504</v>
      </c>
      <c r="T6593">
        <v>32348.473859999998</v>
      </c>
      <c r="U6593">
        <v>22159.793559999998</v>
      </c>
      <c r="W6593" s="83">
        <f>Bühler!N6625</f>
        <v>45566.624999984015</v>
      </c>
      <c r="X6593" s="83">
        <v>43375.625</v>
      </c>
      <c r="Y6593">
        <v>286729.79190000001</v>
      </c>
      <c r="Z6593">
        <v>34306.454740000001</v>
      </c>
      <c r="AA6593">
        <v>92732.872040000002</v>
      </c>
      <c r="AB6593">
        <v>71219.420469999997</v>
      </c>
      <c r="AC6593">
        <v>48923.535620000002</v>
      </c>
      <c r="AD6593">
        <v>37978.208689999999</v>
      </c>
      <c r="AE6593">
        <v>39728.979789999998</v>
      </c>
      <c r="AF6593">
        <v>63652.965040000003</v>
      </c>
      <c r="AG6593">
        <v>24509.58941</v>
      </c>
      <c r="AH6593">
        <v>358357.63620000001</v>
      </c>
      <c r="AI6593">
        <v>94363.084870000006</v>
      </c>
      <c r="AJ6593">
        <v>22230.257170000001</v>
      </c>
      <c r="AK6593">
        <v>27756.401760000001</v>
      </c>
      <c r="AL6593">
        <v>98874.386400000003</v>
      </c>
      <c r="AM6593">
        <v>25238.940780000001</v>
      </c>
      <c r="AN6593">
        <v>105440.9504</v>
      </c>
      <c r="AO6593">
        <v>32348.473859999998</v>
      </c>
      <c r="AP6593">
        <v>22159.793559999998</v>
      </c>
    </row>
    <row r="6594" spans="2:42" x14ac:dyDescent="0.3">
      <c r="B6594">
        <v>68.793383554135218</v>
      </c>
      <c r="C6594" s="83">
        <v>43375.666666666664</v>
      </c>
      <c r="D6594">
        <v>279835.75160000002</v>
      </c>
      <c r="E6594">
        <v>33347.699350000003</v>
      </c>
      <c r="F6594">
        <v>93001.329119999995</v>
      </c>
      <c r="G6594">
        <v>66803.488530000002</v>
      </c>
      <c r="H6594">
        <v>47037.497459999999</v>
      </c>
      <c r="I6594">
        <v>39607.362789999999</v>
      </c>
      <c r="J6594">
        <v>39047.661350000002</v>
      </c>
      <c r="K6594">
        <v>59738.751559999997</v>
      </c>
      <c r="L6594">
        <v>23453.45246</v>
      </c>
      <c r="M6594">
        <v>350740.75060000003</v>
      </c>
      <c r="N6594">
        <v>92344.83</v>
      </c>
      <c r="O6594">
        <v>22726.521290000001</v>
      </c>
      <c r="P6594">
        <v>27283.89169</v>
      </c>
      <c r="Q6594">
        <v>97299.823990000004</v>
      </c>
      <c r="R6594">
        <v>25532.08281</v>
      </c>
      <c r="S6594">
        <v>102157.1808</v>
      </c>
      <c r="T6594">
        <v>31864.153610000001</v>
      </c>
      <c r="U6594">
        <v>20033.96789</v>
      </c>
      <c r="W6594" s="83">
        <f>Bühler!N6626</f>
        <v>45566.666666650679</v>
      </c>
      <c r="X6594" s="83">
        <v>43375.666666666664</v>
      </c>
      <c r="Y6594">
        <v>279835.75160000002</v>
      </c>
      <c r="Z6594">
        <v>33347.699350000003</v>
      </c>
      <c r="AA6594">
        <v>93001.329119999995</v>
      </c>
      <c r="AB6594">
        <v>66803.488530000002</v>
      </c>
      <c r="AC6594">
        <v>47037.497459999999</v>
      </c>
      <c r="AD6594">
        <v>39607.362789999999</v>
      </c>
      <c r="AE6594">
        <v>39047.661350000002</v>
      </c>
      <c r="AF6594">
        <v>59738.751559999997</v>
      </c>
      <c r="AG6594">
        <v>23453.45246</v>
      </c>
      <c r="AH6594">
        <v>350740.75060000003</v>
      </c>
      <c r="AI6594">
        <v>92344.83</v>
      </c>
      <c r="AJ6594">
        <v>22726.521290000001</v>
      </c>
      <c r="AK6594">
        <v>27283.89169</v>
      </c>
      <c r="AL6594">
        <v>97299.823990000004</v>
      </c>
      <c r="AM6594">
        <v>25532.08281</v>
      </c>
      <c r="AN6594">
        <v>102157.1808</v>
      </c>
      <c r="AO6594">
        <v>31864.153610000001</v>
      </c>
      <c r="AP6594">
        <v>20033.96789</v>
      </c>
    </row>
    <row r="6595" spans="2:42" x14ac:dyDescent="0.3">
      <c r="B6595">
        <v>67.572627510541778</v>
      </c>
      <c r="C6595" s="83">
        <v>43375.708333333336</v>
      </c>
      <c r="D6595">
        <v>271037.62310000003</v>
      </c>
      <c r="E6595">
        <v>31422.230930000002</v>
      </c>
      <c r="F6595">
        <v>91024.057750000007</v>
      </c>
      <c r="G6595">
        <v>58239.030379999997</v>
      </c>
      <c r="H6595">
        <v>44405.226779999997</v>
      </c>
      <c r="I6595">
        <v>39064.427559999996</v>
      </c>
      <c r="J6595">
        <v>38509.850030000001</v>
      </c>
      <c r="K6595">
        <v>55118.232539999997</v>
      </c>
      <c r="L6595">
        <v>23344.739079999999</v>
      </c>
      <c r="M6595">
        <v>344516.76699999999</v>
      </c>
      <c r="N6595">
        <v>89749.002770000006</v>
      </c>
      <c r="O6595">
        <v>22793.88738</v>
      </c>
      <c r="P6595">
        <v>28299.441630000001</v>
      </c>
      <c r="Q6595">
        <v>95576.927609999999</v>
      </c>
      <c r="R6595">
        <v>24080.564590000002</v>
      </c>
      <c r="S6595">
        <v>98586.09534</v>
      </c>
      <c r="T6595">
        <v>31046.967789999999</v>
      </c>
      <c r="U6595">
        <v>18219.388749999998</v>
      </c>
      <c r="W6595" s="83">
        <f>Bühler!N6627</f>
        <v>45566.708333317343</v>
      </c>
      <c r="X6595" s="83">
        <v>43375.708333333336</v>
      </c>
      <c r="Y6595">
        <v>271037.62310000003</v>
      </c>
      <c r="Z6595">
        <v>31422.230930000002</v>
      </c>
      <c r="AA6595">
        <v>91024.057750000007</v>
      </c>
      <c r="AB6595">
        <v>58239.030379999997</v>
      </c>
      <c r="AC6595">
        <v>44405.226779999997</v>
      </c>
      <c r="AD6595">
        <v>39064.427559999996</v>
      </c>
      <c r="AE6595">
        <v>38509.850030000001</v>
      </c>
      <c r="AF6595">
        <v>55118.232539999997</v>
      </c>
      <c r="AG6595">
        <v>23344.739079999999</v>
      </c>
      <c r="AH6595">
        <v>344516.76699999999</v>
      </c>
      <c r="AI6595">
        <v>89749.002770000006</v>
      </c>
      <c r="AJ6595">
        <v>22793.88738</v>
      </c>
      <c r="AK6595">
        <v>28299.441630000001</v>
      </c>
      <c r="AL6595">
        <v>95576.927609999999</v>
      </c>
      <c r="AM6595">
        <v>24080.564590000002</v>
      </c>
      <c r="AN6595">
        <v>98586.09534</v>
      </c>
      <c r="AO6595">
        <v>31046.967789999999</v>
      </c>
      <c r="AP6595">
        <v>18219.388749999998</v>
      </c>
    </row>
    <row r="6596" spans="2:42" x14ac:dyDescent="0.3">
      <c r="B6596">
        <v>66.477445072236563</v>
      </c>
      <c r="C6596" s="83">
        <v>43375.75</v>
      </c>
      <c r="D6596">
        <v>263386.91810000001</v>
      </c>
      <c r="E6596">
        <v>27992.130359999999</v>
      </c>
      <c r="F6596">
        <v>89212.854609999995</v>
      </c>
      <c r="G6596">
        <v>49954.613160000001</v>
      </c>
      <c r="H6596">
        <v>42121.297359999997</v>
      </c>
      <c r="I6596">
        <v>37197.881759999997</v>
      </c>
      <c r="J6596">
        <v>38543.67873</v>
      </c>
      <c r="K6596">
        <v>52770.052080000001</v>
      </c>
      <c r="L6596">
        <v>24911.16692</v>
      </c>
      <c r="M6596">
        <v>338933.01620000001</v>
      </c>
      <c r="N6596">
        <v>85682.495739999998</v>
      </c>
      <c r="O6596">
        <v>20396.448919999999</v>
      </c>
      <c r="P6596">
        <v>31704.37845</v>
      </c>
      <c r="Q6596">
        <v>93164.031040000002</v>
      </c>
      <c r="R6596">
        <v>23283.980009999999</v>
      </c>
      <c r="S6596">
        <v>92748.243180000005</v>
      </c>
      <c r="T6596">
        <v>30781.31007</v>
      </c>
      <c r="U6596">
        <v>16599.006420000002</v>
      </c>
      <c r="W6596" s="83">
        <f>Bühler!N6628</f>
        <v>45566.749999984007</v>
      </c>
      <c r="X6596" s="83">
        <v>43375.75</v>
      </c>
      <c r="Y6596">
        <v>263386.91810000001</v>
      </c>
      <c r="Z6596">
        <v>27992.130359999999</v>
      </c>
      <c r="AA6596">
        <v>89212.854609999995</v>
      </c>
      <c r="AB6596">
        <v>49954.613160000001</v>
      </c>
      <c r="AC6596">
        <v>42121.297359999997</v>
      </c>
      <c r="AD6596">
        <v>37197.881759999997</v>
      </c>
      <c r="AE6596">
        <v>38543.67873</v>
      </c>
      <c r="AF6596">
        <v>52770.052080000001</v>
      </c>
      <c r="AG6596">
        <v>24911.16692</v>
      </c>
      <c r="AH6596">
        <v>338933.01620000001</v>
      </c>
      <c r="AI6596">
        <v>85682.495739999998</v>
      </c>
      <c r="AJ6596">
        <v>20396.448919999999</v>
      </c>
      <c r="AK6596">
        <v>31704.37845</v>
      </c>
      <c r="AL6596">
        <v>93164.031040000002</v>
      </c>
      <c r="AM6596">
        <v>23283.980009999999</v>
      </c>
      <c r="AN6596">
        <v>92748.243180000005</v>
      </c>
      <c r="AO6596">
        <v>30781.31007</v>
      </c>
      <c r="AP6596">
        <v>16599.006420000002</v>
      </c>
    </row>
    <row r="6597" spans="2:42" x14ac:dyDescent="0.3">
      <c r="B6597">
        <v>65.364408676702894</v>
      </c>
      <c r="C6597" s="83">
        <v>43375.791666666664</v>
      </c>
      <c r="D6597">
        <v>259018.584</v>
      </c>
      <c r="E6597">
        <v>23178.672760000001</v>
      </c>
      <c r="F6597">
        <v>80117.241380000007</v>
      </c>
      <c r="G6597">
        <v>46313.521610000003</v>
      </c>
      <c r="H6597">
        <v>41434.757169999997</v>
      </c>
      <c r="I6597">
        <v>34584.337169999999</v>
      </c>
      <c r="J6597">
        <v>39476.123540000001</v>
      </c>
      <c r="K6597">
        <v>52834.054839999997</v>
      </c>
      <c r="L6597">
        <v>26501.622080000001</v>
      </c>
      <c r="M6597">
        <v>333258.23759999999</v>
      </c>
      <c r="N6597">
        <v>83288.151079999996</v>
      </c>
      <c r="O6597">
        <v>19638.586009999999</v>
      </c>
      <c r="P6597">
        <v>35061.65552</v>
      </c>
      <c r="Q6597">
        <v>90103.958169999998</v>
      </c>
      <c r="R6597">
        <v>23192.931949999998</v>
      </c>
      <c r="S6597">
        <v>89634.891910000006</v>
      </c>
      <c r="T6597">
        <v>31822.44644</v>
      </c>
      <c r="U6597">
        <v>16197.94089</v>
      </c>
      <c r="W6597" s="83">
        <f>Bühler!N6629</f>
        <v>45566.791666650672</v>
      </c>
      <c r="X6597" s="83">
        <v>43375.791666666664</v>
      </c>
      <c r="Y6597">
        <v>259018.584</v>
      </c>
      <c r="Z6597">
        <v>23178.672760000001</v>
      </c>
      <c r="AA6597">
        <v>80117.241380000007</v>
      </c>
      <c r="AB6597">
        <v>46313.521610000003</v>
      </c>
      <c r="AC6597">
        <v>41434.757169999997</v>
      </c>
      <c r="AD6597">
        <v>34584.337169999999</v>
      </c>
      <c r="AE6597">
        <v>39476.123540000001</v>
      </c>
      <c r="AF6597">
        <v>52834.054839999997</v>
      </c>
      <c r="AG6597">
        <v>26501.622080000001</v>
      </c>
      <c r="AH6597">
        <v>333258.23759999999</v>
      </c>
      <c r="AI6597">
        <v>83288.151079999996</v>
      </c>
      <c r="AJ6597">
        <v>19638.586009999999</v>
      </c>
      <c r="AK6597">
        <v>35061.65552</v>
      </c>
      <c r="AL6597">
        <v>90103.958169999998</v>
      </c>
      <c r="AM6597">
        <v>23192.931949999998</v>
      </c>
      <c r="AN6597">
        <v>89634.891910000006</v>
      </c>
      <c r="AO6597">
        <v>31822.44644</v>
      </c>
      <c r="AP6597">
        <v>16197.94089</v>
      </c>
    </row>
    <row r="6598" spans="2:42" x14ac:dyDescent="0.3">
      <c r="B6598">
        <v>63.827568993066855</v>
      </c>
      <c r="C6598" s="83">
        <v>43375.833333333336</v>
      </c>
      <c r="D6598">
        <v>250131.68470000001</v>
      </c>
      <c r="E6598">
        <v>17946.72812</v>
      </c>
      <c r="F6598">
        <v>65989.591939999998</v>
      </c>
      <c r="G6598">
        <v>41786.034240000001</v>
      </c>
      <c r="H6598">
        <v>40212.858130000001</v>
      </c>
      <c r="I6598">
        <v>31395.53426</v>
      </c>
      <c r="J6598">
        <v>39924.260889999998</v>
      </c>
      <c r="K6598">
        <v>51179.519509999998</v>
      </c>
      <c r="L6598">
        <v>26161.42438</v>
      </c>
      <c r="M6598">
        <v>325422.71220000001</v>
      </c>
      <c r="N6598">
        <v>81695.919259999995</v>
      </c>
      <c r="O6598">
        <v>19100.295910000001</v>
      </c>
      <c r="P6598">
        <v>35875.66876</v>
      </c>
      <c r="Q6598">
        <v>87699.220759999997</v>
      </c>
      <c r="R6598">
        <v>21807.126260000001</v>
      </c>
      <c r="S6598">
        <v>83424.88751</v>
      </c>
      <c r="T6598">
        <v>30675.476490000001</v>
      </c>
      <c r="U6598">
        <v>15439.300370000001</v>
      </c>
      <c r="W6598" s="83">
        <f>Bühler!N6630</f>
        <v>45566.833333317336</v>
      </c>
      <c r="X6598" s="83">
        <v>43375.833333333336</v>
      </c>
      <c r="Y6598">
        <v>250131.68470000001</v>
      </c>
      <c r="Z6598">
        <v>17946.72812</v>
      </c>
      <c r="AA6598">
        <v>65989.591939999998</v>
      </c>
      <c r="AB6598">
        <v>41786.034240000001</v>
      </c>
      <c r="AC6598">
        <v>40212.858130000001</v>
      </c>
      <c r="AD6598">
        <v>31395.53426</v>
      </c>
      <c r="AE6598">
        <v>39924.260889999998</v>
      </c>
      <c r="AF6598">
        <v>51179.519509999998</v>
      </c>
      <c r="AG6598">
        <v>26161.42438</v>
      </c>
      <c r="AH6598">
        <v>325422.71220000001</v>
      </c>
      <c r="AI6598">
        <v>81695.919259999995</v>
      </c>
      <c r="AJ6598">
        <v>19100.295910000001</v>
      </c>
      <c r="AK6598">
        <v>35875.66876</v>
      </c>
      <c r="AL6598">
        <v>87699.220759999997</v>
      </c>
      <c r="AM6598">
        <v>21807.126260000001</v>
      </c>
      <c r="AN6598">
        <v>83424.88751</v>
      </c>
      <c r="AO6598">
        <v>30675.476490000001</v>
      </c>
      <c r="AP6598">
        <v>15439.300370000001</v>
      </c>
    </row>
    <row r="6599" spans="2:42" x14ac:dyDescent="0.3">
      <c r="B6599">
        <v>61.796972455671849</v>
      </c>
      <c r="C6599" s="83">
        <v>43375.875</v>
      </c>
      <c r="D6599">
        <v>239572.7536</v>
      </c>
      <c r="E6599">
        <v>14825.929270000001</v>
      </c>
      <c r="F6599">
        <v>58244.33786</v>
      </c>
      <c r="G6599">
        <v>38373.670400000003</v>
      </c>
      <c r="H6599">
        <v>37261.607320000003</v>
      </c>
      <c r="I6599">
        <v>26997.118190000001</v>
      </c>
      <c r="J6599">
        <v>37937.513850000003</v>
      </c>
      <c r="K6599">
        <v>49420.01096</v>
      </c>
      <c r="L6599">
        <v>24149.697169999999</v>
      </c>
      <c r="M6599">
        <v>315069.78409999999</v>
      </c>
      <c r="N6599">
        <v>78308.776459999994</v>
      </c>
      <c r="O6599">
        <v>17569.49365</v>
      </c>
      <c r="P6599">
        <v>33098.370759999998</v>
      </c>
      <c r="Q6599">
        <v>85544.898010000004</v>
      </c>
      <c r="R6599">
        <v>20309.05042</v>
      </c>
      <c r="S6599">
        <v>78161.357470000003</v>
      </c>
      <c r="T6599">
        <v>27270.410629999998</v>
      </c>
      <c r="U6599">
        <v>13762.72993</v>
      </c>
      <c r="W6599" s="83">
        <f>Bühler!N6631</f>
        <v>45566.874999984</v>
      </c>
      <c r="X6599" s="83">
        <v>43375.875</v>
      </c>
      <c r="Y6599">
        <v>239572.7536</v>
      </c>
      <c r="Z6599">
        <v>14825.929270000001</v>
      </c>
      <c r="AA6599">
        <v>58244.33786</v>
      </c>
      <c r="AB6599">
        <v>38373.670400000003</v>
      </c>
      <c r="AC6599">
        <v>37261.607320000003</v>
      </c>
      <c r="AD6599">
        <v>26997.118190000001</v>
      </c>
      <c r="AE6599">
        <v>37937.513850000003</v>
      </c>
      <c r="AF6599">
        <v>49420.01096</v>
      </c>
      <c r="AG6599">
        <v>24149.697169999999</v>
      </c>
      <c r="AH6599">
        <v>315069.78409999999</v>
      </c>
      <c r="AI6599">
        <v>78308.776459999994</v>
      </c>
      <c r="AJ6599">
        <v>17569.49365</v>
      </c>
      <c r="AK6599">
        <v>33098.370759999998</v>
      </c>
      <c r="AL6599">
        <v>85544.898010000004</v>
      </c>
      <c r="AM6599">
        <v>20309.05042</v>
      </c>
      <c r="AN6599">
        <v>78161.357470000003</v>
      </c>
      <c r="AO6599">
        <v>27270.410629999998</v>
      </c>
      <c r="AP6599">
        <v>13762.72993</v>
      </c>
    </row>
    <row r="6600" spans="2:42" x14ac:dyDescent="0.3">
      <c r="B6600">
        <v>60.79459829896814</v>
      </c>
      <c r="C6600" s="83">
        <v>43375.916666666664</v>
      </c>
      <c r="D6600">
        <v>237732.2261</v>
      </c>
      <c r="E6600">
        <v>13898.14529</v>
      </c>
      <c r="F6600">
        <v>55620.986190000003</v>
      </c>
      <c r="G6600">
        <v>35683.854019999999</v>
      </c>
      <c r="H6600">
        <v>36112.115590000001</v>
      </c>
      <c r="I6600">
        <v>24504.675620000002</v>
      </c>
      <c r="J6600">
        <v>36768.177600000003</v>
      </c>
      <c r="K6600">
        <v>52942.123769999998</v>
      </c>
      <c r="L6600">
        <v>21208.817910000002</v>
      </c>
      <c r="M6600">
        <v>309959.2132</v>
      </c>
      <c r="N6600">
        <v>76006.577260000005</v>
      </c>
      <c r="O6600">
        <v>16638.737969999998</v>
      </c>
      <c r="P6600">
        <v>33583.149949999999</v>
      </c>
      <c r="Q6600">
        <v>84367.164340000003</v>
      </c>
      <c r="R6600">
        <v>21104.33813</v>
      </c>
      <c r="S6600">
        <v>76249.797439999995</v>
      </c>
      <c r="T6600">
        <v>23955.655119999999</v>
      </c>
      <c r="U6600">
        <v>13602.632739999999</v>
      </c>
      <c r="W6600" s="83">
        <f>Bühler!N6632</f>
        <v>45566.916666650664</v>
      </c>
      <c r="X6600" s="83">
        <v>43375.916666666664</v>
      </c>
      <c r="Y6600">
        <v>237732.2261</v>
      </c>
      <c r="Z6600">
        <v>13898.14529</v>
      </c>
      <c r="AA6600">
        <v>55620.986190000003</v>
      </c>
      <c r="AB6600">
        <v>35683.854019999999</v>
      </c>
      <c r="AC6600">
        <v>36112.115590000001</v>
      </c>
      <c r="AD6600">
        <v>24504.675620000002</v>
      </c>
      <c r="AE6600">
        <v>36768.177600000003</v>
      </c>
      <c r="AF6600">
        <v>52942.123769999998</v>
      </c>
      <c r="AG6600">
        <v>21208.817910000002</v>
      </c>
      <c r="AH6600">
        <v>309959.2132</v>
      </c>
      <c r="AI6600">
        <v>76006.577260000005</v>
      </c>
      <c r="AJ6600">
        <v>16638.737969999998</v>
      </c>
      <c r="AK6600">
        <v>33583.149949999999</v>
      </c>
      <c r="AL6600">
        <v>84367.164340000003</v>
      </c>
      <c r="AM6600">
        <v>21104.33813</v>
      </c>
      <c r="AN6600">
        <v>76249.797439999995</v>
      </c>
      <c r="AO6600">
        <v>23955.655119999999</v>
      </c>
      <c r="AP6600">
        <v>13602.632739999999</v>
      </c>
    </row>
    <row r="6601" spans="2:42" x14ac:dyDescent="0.3">
      <c r="B6601">
        <v>60.889900330483293</v>
      </c>
      <c r="C6601" s="83">
        <v>43375.958333333336</v>
      </c>
      <c r="D6601">
        <v>237947.57190000001</v>
      </c>
      <c r="E6601">
        <v>13515.06582</v>
      </c>
      <c r="F6601">
        <v>54695.313800000004</v>
      </c>
      <c r="G6601">
        <v>34686.068359999997</v>
      </c>
      <c r="H6601">
        <v>34960.225709999999</v>
      </c>
      <c r="I6601">
        <v>23203.727029999998</v>
      </c>
      <c r="J6601">
        <v>34434.462079999998</v>
      </c>
      <c r="K6601">
        <v>52241.774160000001</v>
      </c>
      <c r="L6601">
        <v>18479.706600000001</v>
      </c>
      <c r="M6601">
        <v>310445.10739999998</v>
      </c>
      <c r="N6601">
        <v>74278.045729999998</v>
      </c>
      <c r="O6601">
        <v>17073.712019999999</v>
      </c>
      <c r="P6601">
        <v>29209.803080000002</v>
      </c>
      <c r="Q6601">
        <v>85378.396110000001</v>
      </c>
      <c r="R6601">
        <v>20192.730070000001</v>
      </c>
      <c r="S6601">
        <v>74076.937600000005</v>
      </c>
      <c r="T6601">
        <v>21330.076949999999</v>
      </c>
      <c r="U6601">
        <v>13001.934740000001</v>
      </c>
      <c r="W6601" s="83">
        <f>Bühler!N6633</f>
        <v>45566.958333317329</v>
      </c>
      <c r="X6601" s="83">
        <v>43375.958333333336</v>
      </c>
      <c r="Y6601">
        <v>237947.57190000001</v>
      </c>
      <c r="Z6601">
        <v>13515.06582</v>
      </c>
      <c r="AA6601">
        <v>54695.313800000004</v>
      </c>
      <c r="AB6601">
        <v>34686.068359999997</v>
      </c>
      <c r="AC6601">
        <v>34960.225709999999</v>
      </c>
      <c r="AD6601">
        <v>23203.727029999998</v>
      </c>
      <c r="AE6601">
        <v>34434.462079999998</v>
      </c>
      <c r="AF6601">
        <v>52241.774160000001</v>
      </c>
      <c r="AG6601">
        <v>18479.706600000001</v>
      </c>
      <c r="AH6601">
        <v>310445.10739999998</v>
      </c>
      <c r="AI6601">
        <v>74278.045729999998</v>
      </c>
      <c r="AJ6601">
        <v>17073.712019999999</v>
      </c>
      <c r="AK6601">
        <v>29209.803080000002</v>
      </c>
      <c r="AL6601">
        <v>85378.396110000001</v>
      </c>
      <c r="AM6601">
        <v>20192.730070000001</v>
      </c>
      <c r="AN6601">
        <v>74076.937600000005</v>
      </c>
      <c r="AO6601">
        <v>21330.076949999999</v>
      </c>
      <c r="AP6601">
        <v>13001.934740000001</v>
      </c>
    </row>
    <row r="6602" spans="2:42" x14ac:dyDescent="0.3">
      <c r="B6602">
        <v>60.373099233196982</v>
      </c>
      <c r="C6602" s="83">
        <v>43376</v>
      </c>
      <c r="D6602">
        <v>238009.1943</v>
      </c>
      <c r="E6602">
        <v>13040.300579999999</v>
      </c>
      <c r="F6602">
        <v>53357.586389999997</v>
      </c>
      <c r="G6602">
        <v>33457.892659999998</v>
      </c>
      <c r="H6602">
        <v>34051.7552</v>
      </c>
      <c r="I6602">
        <v>21464.68779</v>
      </c>
      <c r="J6602">
        <v>32537.68075</v>
      </c>
      <c r="K6602">
        <v>50275.731169999999</v>
      </c>
      <c r="L6602">
        <v>16616.378700000001</v>
      </c>
      <c r="M6602">
        <v>307810.2144</v>
      </c>
      <c r="N6602">
        <v>73669.032149999999</v>
      </c>
      <c r="O6602">
        <v>16966.606759999999</v>
      </c>
      <c r="P6602">
        <v>25888.941859999999</v>
      </c>
      <c r="Q6602">
        <v>84380.878800000006</v>
      </c>
      <c r="R6602">
        <v>18089.197670000001</v>
      </c>
      <c r="S6602">
        <v>73032.729139999996</v>
      </c>
      <c r="T6602">
        <v>19664.844959999999</v>
      </c>
      <c r="U6602">
        <v>12679.45717</v>
      </c>
      <c r="W6602" s="83">
        <f>Bühler!N6634</f>
        <v>45566.999999983993</v>
      </c>
      <c r="X6602" s="83">
        <v>43376</v>
      </c>
      <c r="Y6602">
        <v>238009.1943</v>
      </c>
      <c r="Z6602">
        <v>13040.300579999999</v>
      </c>
      <c r="AA6602">
        <v>53357.586389999997</v>
      </c>
      <c r="AB6602">
        <v>33457.892659999998</v>
      </c>
      <c r="AC6602">
        <v>34051.7552</v>
      </c>
      <c r="AD6602">
        <v>21464.68779</v>
      </c>
      <c r="AE6602">
        <v>32537.68075</v>
      </c>
      <c r="AF6602">
        <v>50275.731169999999</v>
      </c>
      <c r="AG6602">
        <v>16616.378700000001</v>
      </c>
      <c r="AH6602">
        <v>307810.2144</v>
      </c>
      <c r="AI6602">
        <v>73669.032149999999</v>
      </c>
      <c r="AJ6602">
        <v>16966.606759999999</v>
      </c>
      <c r="AK6602">
        <v>25888.941859999999</v>
      </c>
      <c r="AL6602">
        <v>84380.878800000006</v>
      </c>
      <c r="AM6602">
        <v>18089.197670000001</v>
      </c>
      <c r="AN6602">
        <v>73032.729139999996</v>
      </c>
      <c r="AO6602">
        <v>19664.844959999999</v>
      </c>
      <c r="AP6602">
        <v>12679.45717</v>
      </c>
    </row>
    <row r="6603" spans="2:42" x14ac:dyDescent="0.3">
      <c r="B6603">
        <v>60.33677597683338</v>
      </c>
      <c r="C6603" s="83">
        <v>43376.041666666664</v>
      </c>
      <c r="D6603">
        <v>236694.6819</v>
      </c>
      <c r="E6603">
        <v>12667.140299999999</v>
      </c>
      <c r="F6603">
        <v>53310.834909999998</v>
      </c>
      <c r="G6603">
        <v>32628.35194</v>
      </c>
      <c r="H6603">
        <v>33780.733789999998</v>
      </c>
      <c r="I6603">
        <v>17707.937760000001</v>
      </c>
      <c r="J6603">
        <v>31306.69256</v>
      </c>
      <c r="K6603">
        <v>48627.247130000003</v>
      </c>
      <c r="L6603">
        <v>15643.06983</v>
      </c>
      <c r="M6603">
        <v>307625.02149999997</v>
      </c>
      <c r="N6603">
        <v>72376.623179999995</v>
      </c>
      <c r="O6603">
        <v>17106.812689999999</v>
      </c>
      <c r="P6603">
        <v>25028.468430000001</v>
      </c>
      <c r="Q6603">
        <v>84368.964430000007</v>
      </c>
      <c r="R6603">
        <v>17084.560959999999</v>
      </c>
      <c r="S6603">
        <v>72085.491450000001</v>
      </c>
      <c r="T6603">
        <v>18771.806430000001</v>
      </c>
      <c r="U6603">
        <v>12286.440759999999</v>
      </c>
      <c r="W6603" s="83">
        <f>Bühler!N6635</f>
        <v>45567.041666650657</v>
      </c>
      <c r="X6603" s="83">
        <v>43376.041666666664</v>
      </c>
      <c r="Y6603">
        <v>236694.6819</v>
      </c>
      <c r="Z6603">
        <v>12667.140299999999</v>
      </c>
      <c r="AA6603">
        <v>53310.834909999998</v>
      </c>
      <c r="AB6603">
        <v>32628.35194</v>
      </c>
      <c r="AC6603">
        <v>33780.733789999998</v>
      </c>
      <c r="AD6603">
        <v>17707.937760000001</v>
      </c>
      <c r="AE6603">
        <v>31306.69256</v>
      </c>
      <c r="AF6603">
        <v>48627.247130000003</v>
      </c>
      <c r="AG6603">
        <v>15643.06983</v>
      </c>
      <c r="AH6603">
        <v>307625.02149999997</v>
      </c>
      <c r="AI6603">
        <v>72376.623179999995</v>
      </c>
      <c r="AJ6603">
        <v>17106.812689999999</v>
      </c>
      <c r="AK6603">
        <v>25028.468430000001</v>
      </c>
      <c r="AL6603">
        <v>84368.964430000007</v>
      </c>
      <c r="AM6603">
        <v>17084.560959999999</v>
      </c>
      <c r="AN6603">
        <v>72085.491450000001</v>
      </c>
      <c r="AO6603">
        <v>18771.806430000001</v>
      </c>
      <c r="AP6603">
        <v>12286.440759999999</v>
      </c>
    </row>
    <row r="6604" spans="2:42" x14ac:dyDescent="0.3">
      <c r="B6604">
        <v>60.104682849089777</v>
      </c>
      <c r="C6604" s="83">
        <v>43376.083333333336</v>
      </c>
      <c r="D6604">
        <v>235261.25320000001</v>
      </c>
      <c r="E6604">
        <v>12578.296909999999</v>
      </c>
      <c r="F6604">
        <v>53164.18808</v>
      </c>
      <c r="G6604">
        <v>31992.632730000001</v>
      </c>
      <c r="H6604">
        <v>33603.429230000002</v>
      </c>
      <c r="I6604">
        <v>15624.318020000001</v>
      </c>
      <c r="J6604">
        <v>31154.210470000002</v>
      </c>
      <c r="K6604">
        <v>47035.490039999997</v>
      </c>
      <c r="L6604">
        <v>15277.01369</v>
      </c>
      <c r="M6604">
        <v>306441.70250000001</v>
      </c>
      <c r="N6604">
        <v>71803.586030000006</v>
      </c>
      <c r="O6604">
        <v>16676.764330000002</v>
      </c>
      <c r="P6604">
        <v>23379.107599999999</v>
      </c>
      <c r="Q6604">
        <v>86579.503259999998</v>
      </c>
      <c r="R6604">
        <v>16918.713650000002</v>
      </c>
      <c r="S6604">
        <v>71156.588430000003</v>
      </c>
      <c r="T6604">
        <v>18282.00835</v>
      </c>
      <c r="U6604">
        <v>12125.845069999999</v>
      </c>
      <c r="W6604" s="83">
        <f>Bühler!N6636</f>
        <v>45567.083333317321</v>
      </c>
      <c r="X6604" s="83">
        <v>43376.083333333336</v>
      </c>
      <c r="Y6604">
        <v>235261.25320000001</v>
      </c>
      <c r="Z6604">
        <v>12578.296909999999</v>
      </c>
      <c r="AA6604">
        <v>53164.18808</v>
      </c>
      <c r="AB6604">
        <v>31992.632730000001</v>
      </c>
      <c r="AC6604">
        <v>33603.429230000002</v>
      </c>
      <c r="AD6604">
        <v>15624.318020000001</v>
      </c>
      <c r="AE6604">
        <v>31154.210470000002</v>
      </c>
      <c r="AF6604">
        <v>47035.490039999997</v>
      </c>
      <c r="AG6604">
        <v>15277.01369</v>
      </c>
      <c r="AH6604">
        <v>306441.70250000001</v>
      </c>
      <c r="AI6604">
        <v>71803.586030000006</v>
      </c>
      <c r="AJ6604">
        <v>16676.764330000002</v>
      </c>
      <c r="AK6604">
        <v>23379.107599999999</v>
      </c>
      <c r="AL6604">
        <v>86579.503259999998</v>
      </c>
      <c r="AM6604">
        <v>16918.713650000002</v>
      </c>
      <c r="AN6604">
        <v>71156.588430000003</v>
      </c>
      <c r="AO6604">
        <v>18282.00835</v>
      </c>
      <c r="AP6604">
        <v>12125.845069999999</v>
      </c>
    </row>
    <row r="6605" spans="2:42" x14ac:dyDescent="0.3">
      <c r="B6605">
        <v>60.563859853110557</v>
      </c>
      <c r="C6605" s="83">
        <v>43376.125</v>
      </c>
      <c r="D6605">
        <v>237361.94709999999</v>
      </c>
      <c r="E6605">
        <v>12511.03261</v>
      </c>
      <c r="F6605">
        <v>54710.090170000003</v>
      </c>
      <c r="G6605">
        <v>31067.52043</v>
      </c>
      <c r="H6605">
        <v>33545.364500000003</v>
      </c>
      <c r="I6605">
        <v>15711.871209999999</v>
      </c>
      <c r="J6605">
        <v>31200.149259999998</v>
      </c>
      <c r="K6605">
        <v>46183.708760000001</v>
      </c>
      <c r="L6605">
        <v>15098.4948</v>
      </c>
      <c r="M6605">
        <v>308782.80099999998</v>
      </c>
      <c r="N6605">
        <v>73353.746799999994</v>
      </c>
      <c r="O6605">
        <v>16658.210200000001</v>
      </c>
      <c r="P6605">
        <v>22854.35168</v>
      </c>
      <c r="Q6605">
        <v>88899.863410000005</v>
      </c>
      <c r="R6605">
        <v>16386.26079</v>
      </c>
      <c r="S6605">
        <v>70666.177309999999</v>
      </c>
      <c r="T6605">
        <v>17962.33525</v>
      </c>
      <c r="U6605">
        <v>11950.983840000001</v>
      </c>
      <c r="W6605" s="83">
        <f>Bühler!N6637</f>
        <v>45567.124999983986</v>
      </c>
      <c r="X6605" s="83">
        <v>43376.125</v>
      </c>
      <c r="Y6605">
        <v>237361.94709999999</v>
      </c>
      <c r="Z6605">
        <v>12511.03261</v>
      </c>
      <c r="AA6605">
        <v>54710.090170000003</v>
      </c>
      <c r="AB6605">
        <v>31067.52043</v>
      </c>
      <c r="AC6605">
        <v>33545.364500000003</v>
      </c>
      <c r="AD6605">
        <v>15711.871209999999</v>
      </c>
      <c r="AE6605">
        <v>31200.149259999998</v>
      </c>
      <c r="AF6605">
        <v>46183.708760000001</v>
      </c>
      <c r="AG6605">
        <v>15098.4948</v>
      </c>
      <c r="AH6605">
        <v>308782.80099999998</v>
      </c>
      <c r="AI6605">
        <v>73353.746799999994</v>
      </c>
      <c r="AJ6605">
        <v>16658.210200000001</v>
      </c>
      <c r="AK6605">
        <v>22854.35168</v>
      </c>
      <c r="AL6605">
        <v>88899.863410000005</v>
      </c>
      <c r="AM6605">
        <v>16386.26079</v>
      </c>
      <c r="AN6605">
        <v>70666.177309999999</v>
      </c>
      <c r="AO6605">
        <v>17962.33525</v>
      </c>
      <c r="AP6605">
        <v>11950.983840000001</v>
      </c>
    </row>
    <row r="6606" spans="2:42" x14ac:dyDescent="0.3">
      <c r="B6606">
        <v>62.098790590144382</v>
      </c>
      <c r="C6606" s="83">
        <v>43376.166666666664</v>
      </c>
      <c r="D6606">
        <v>239154.90549999999</v>
      </c>
      <c r="E6606">
        <v>13000.19801</v>
      </c>
      <c r="F6606">
        <v>57996.572169999999</v>
      </c>
      <c r="G6606">
        <v>30676.332119999999</v>
      </c>
      <c r="H6606">
        <v>33860.817660000001</v>
      </c>
      <c r="I6606">
        <v>17365.889589999999</v>
      </c>
      <c r="J6606">
        <v>33172.237950000002</v>
      </c>
      <c r="K6606">
        <v>44502.947180000003</v>
      </c>
      <c r="L6606">
        <v>15106.375319999999</v>
      </c>
      <c r="M6606">
        <v>316608.59370000003</v>
      </c>
      <c r="N6606">
        <v>73702.747430000003</v>
      </c>
      <c r="O6606">
        <v>16369.70752</v>
      </c>
      <c r="P6606">
        <v>22503.64142</v>
      </c>
      <c r="Q6606">
        <v>92139.626059999995</v>
      </c>
      <c r="R6606">
        <v>16168.330540000001</v>
      </c>
      <c r="S6606">
        <v>71459.030979999996</v>
      </c>
      <c r="T6606">
        <v>18023.97897</v>
      </c>
      <c r="U6606">
        <v>12514.780790000001</v>
      </c>
      <c r="W6606" s="83">
        <f>Bühler!N6638</f>
        <v>45567.16666665065</v>
      </c>
      <c r="X6606" s="83">
        <v>43376.166666666664</v>
      </c>
      <c r="Y6606">
        <v>239154.90549999999</v>
      </c>
      <c r="Z6606">
        <v>13000.19801</v>
      </c>
      <c r="AA6606">
        <v>57996.572169999999</v>
      </c>
      <c r="AB6606">
        <v>30676.332119999999</v>
      </c>
      <c r="AC6606">
        <v>33860.817660000001</v>
      </c>
      <c r="AD6606">
        <v>17365.889589999999</v>
      </c>
      <c r="AE6606">
        <v>33172.237950000002</v>
      </c>
      <c r="AF6606">
        <v>44502.947180000003</v>
      </c>
      <c r="AG6606">
        <v>15106.375319999999</v>
      </c>
      <c r="AH6606">
        <v>316608.59370000003</v>
      </c>
      <c r="AI6606">
        <v>73702.747430000003</v>
      </c>
      <c r="AJ6606">
        <v>16369.70752</v>
      </c>
      <c r="AK6606">
        <v>22503.64142</v>
      </c>
      <c r="AL6606">
        <v>92139.626059999995</v>
      </c>
      <c r="AM6606">
        <v>16168.330540000001</v>
      </c>
      <c r="AN6606">
        <v>71459.030979999996</v>
      </c>
      <c r="AO6606">
        <v>18023.97897</v>
      </c>
      <c r="AP6606">
        <v>12514.780790000001</v>
      </c>
    </row>
    <row r="6607" spans="2:42" x14ac:dyDescent="0.3">
      <c r="B6607">
        <v>64.990255319191789</v>
      </c>
      <c r="C6607" s="83">
        <v>43376.208333333336</v>
      </c>
      <c r="D6607">
        <v>255774.73540000001</v>
      </c>
      <c r="E6607">
        <v>14866.010689999999</v>
      </c>
      <c r="F6607">
        <v>66415.051609999995</v>
      </c>
      <c r="G6607">
        <v>32684.977009999999</v>
      </c>
      <c r="H6607">
        <v>35951.32965</v>
      </c>
      <c r="I6607">
        <v>25087.173460000002</v>
      </c>
      <c r="J6607">
        <v>36430.51973</v>
      </c>
      <c r="K6607">
        <v>45098.512360000001</v>
      </c>
      <c r="L6607">
        <v>15797.438249999999</v>
      </c>
      <c r="M6607">
        <v>331350.62929999997</v>
      </c>
      <c r="N6607">
        <v>73934.507889999993</v>
      </c>
      <c r="O6607">
        <v>16756.8681</v>
      </c>
      <c r="P6607">
        <v>24265.72579</v>
      </c>
      <c r="Q6607">
        <v>94083.663379999998</v>
      </c>
      <c r="R6607">
        <v>17125.323769999999</v>
      </c>
      <c r="S6607">
        <v>73797.883660000007</v>
      </c>
      <c r="T6607">
        <v>19541.191070000001</v>
      </c>
      <c r="U6607">
        <v>13387.15776</v>
      </c>
      <c r="W6607" s="83">
        <f>Bühler!N6639</f>
        <v>45567.208333317314</v>
      </c>
      <c r="X6607" s="83">
        <v>43376.208333333336</v>
      </c>
      <c r="Y6607">
        <v>255774.73540000001</v>
      </c>
      <c r="Z6607">
        <v>14866.010689999999</v>
      </c>
      <c r="AA6607">
        <v>66415.051609999995</v>
      </c>
      <c r="AB6607">
        <v>32684.977009999999</v>
      </c>
      <c r="AC6607">
        <v>35951.32965</v>
      </c>
      <c r="AD6607">
        <v>25087.173460000002</v>
      </c>
      <c r="AE6607">
        <v>36430.51973</v>
      </c>
      <c r="AF6607">
        <v>45098.512360000001</v>
      </c>
      <c r="AG6607">
        <v>15797.438249999999</v>
      </c>
      <c r="AH6607">
        <v>331350.62929999997</v>
      </c>
      <c r="AI6607">
        <v>73934.507889999993</v>
      </c>
      <c r="AJ6607">
        <v>16756.8681</v>
      </c>
      <c r="AK6607">
        <v>24265.72579</v>
      </c>
      <c r="AL6607">
        <v>94083.663379999998</v>
      </c>
      <c r="AM6607">
        <v>17125.323769999999</v>
      </c>
      <c r="AN6607">
        <v>73797.883660000007</v>
      </c>
      <c r="AO6607">
        <v>19541.191070000001</v>
      </c>
      <c r="AP6607">
        <v>13387.15776</v>
      </c>
    </row>
    <row r="6608" spans="2:42" x14ac:dyDescent="0.3">
      <c r="B6608">
        <v>67.688042060826774</v>
      </c>
      <c r="C6608" s="83">
        <v>43376.25</v>
      </c>
      <c r="D6608">
        <v>271692.90269999998</v>
      </c>
      <c r="E6608">
        <v>19257.487580000001</v>
      </c>
      <c r="F6608">
        <v>78674.696129999997</v>
      </c>
      <c r="G6608">
        <v>43671.190060000001</v>
      </c>
      <c r="H6608">
        <v>39279.680789999999</v>
      </c>
      <c r="I6608">
        <v>32497.272690000002</v>
      </c>
      <c r="J6608">
        <v>40924.886700000003</v>
      </c>
      <c r="K6608">
        <v>47736.960019999999</v>
      </c>
      <c r="L6608">
        <v>17348.65436</v>
      </c>
      <c r="M6608">
        <v>345105.20419999998</v>
      </c>
      <c r="N6608">
        <v>77025.637270000007</v>
      </c>
      <c r="O6608">
        <v>18876.280360000001</v>
      </c>
      <c r="P6608">
        <v>25901.202069999999</v>
      </c>
      <c r="Q6608">
        <v>95008.065629999997</v>
      </c>
      <c r="R6608">
        <v>19145.288670000002</v>
      </c>
      <c r="S6608">
        <v>84066.694369999997</v>
      </c>
      <c r="T6608">
        <v>22920.532739999999</v>
      </c>
      <c r="U6608">
        <v>16487.41042</v>
      </c>
      <c r="W6608" s="83">
        <f>Bühler!N6640</f>
        <v>45567.249999983978</v>
      </c>
      <c r="X6608" s="83">
        <v>43376.25</v>
      </c>
      <c r="Y6608">
        <v>271692.90269999998</v>
      </c>
      <c r="Z6608">
        <v>19257.487580000001</v>
      </c>
      <c r="AA6608">
        <v>78674.696129999997</v>
      </c>
      <c r="AB6608">
        <v>43671.190060000001</v>
      </c>
      <c r="AC6608">
        <v>39279.680789999999</v>
      </c>
      <c r="AD6608">
        <v>32497.272690000002</v>
      </c>
      <c r="AE6608">
        <v>40924.886700000003</v>
      </c>
      <c r="AF6608">
        <v>47736.960019999999</v>
      </c>
      <c r="AG6608">
        <v>17348.65436</v>
      </c>
      <c r="AH6608">
        <v>345105.20419999998</v>
      </c>
      <c r="AI6608">
        <v>77025.637270000007</v>
      </c>
      <c r="AJ6608">
        <v>18876.280360000001</v>
      </c>
      <c r="AK6608">
        <v>25901.202069999999</v>
      </c>
      <c r="AL6608">
        <v>95008.065629999997</v>
      </c>
      <c r="AM6608">
        <v>19145.288670000002</v>
      </c>
      <c r="AN6608">
        <v>84066.694369999997</v>
      </c>
      <c r="AO6608">
        <v>22920.532739999999</v>
      </c>
      <c r="AP6608">
        <v>16487.41042</v>
      </c>
    </row>
    <row r="6609" spans="2:42" x14ac:dyDescent="0.3">
      <c r="B6609">
        <v>69.278398622225566</v>
      </c>
      <c r="C6609" s="83">
        <v>43376.291666666664</v>
      </c>
      <c r="D6609">
        <v>285942.39250000002</v>
      </c>
      <c r="E6609">
        <v>23880.311180000001</v>
      </c>
      <c r="F6609">
        <v>82782.246400000004</v>
      </c>
      <c r="G6609">
        <v>57331.924440000003</v>
      </c>
      <c r="H6609">
        <v>45054.571819999997</v>
      </c>
      <c r="I6609">
        <v>41390.16762</v>
      </c>
      <c r="J6609">
        <v>42241.026330000001</v>
      </c>
      <c r="K6609">
        <v>53752.632660000003</v>
      </c>
      <c r="L6609">
        <v>20222.717690000001</v>
      </c>
      <c r="M6609">
        <v>353213.58360000001</v>
      </c>
      <c r="N6609">
        <v>85107.793890000001</v>
      </c>
      <c r="O6609">
        <v>21279.374759999999</v>
      </c>
      <c r="P6609">
        <v>29968.827410000002</v>
      </c>
      <c r="Q6609">
        <v>95208.666580000005</v>
      </c>
      <c r="R6609">
        <v>21094.168399999999</v>
      </c>
      <c r="S6609">
        <v>100283.7298</v>
      </c>
      <c r="T6609">
        <v>27381.001250000001</v>
      </c>
      <c r="U6609">
        <v>21888.893459999999</v>
      </c>
      <c r="W6609" s="83">
        <f>Bühler!N6641</f>
        <v>45567.291666650643</v>
      </c>
      <c r="X6609" s="83">
        <v>43376.291666666664</v>
      </c>
      <c r="Y6609">
        <v>285942.39250000002</v>
      </c>
      <c r="Z6609">
        <v>23880.311180000001</v>
      </c>
      <c r="AA6609">
        <v>82782.246400000004</v>
      </c>
      <c r="AB6609">
        <v>57331.924440000003</v>
      </c>
      <c r="AC6609">
        <v>45054.571819999997</v>
      </c>
      <c r="AD6609">
        <v>41390.16762</v>
      </c>
      <c r="AE6609">
        <v>42241.026330000001</v>
      </c>
      <c r="AF6609">
        <v>53752.632660000003</v>
      </c>
      <c r="AG6609">
        <v>20222.717690000001</v>
      </c>
      <c r="AH6609">
        <v>353213.58360000001</v>
      </c>
      <c r="AI6609">
        <v>85107.793890000001</v>
      </c>
      <c r="AJ6609">
        <v>21279.374759999999</v>
      </c>
      <c r="AK6609">
        <v>29968.827410000002</v>
      </c>
      <c r="AL6609">
        <v>95208.666580000005</v>
      </c>
      <c r="AM6609">
        <v>21094.168399999999</v>
      </c>
      <c r="AN6609">
        <v>100283.7298</v>
      </c>
      <c r="AO6609">
        <v>27381.001250000001</v>
      </c>
      <c r="AP6609">
        <v>21888.893459999999</v>
      </c>
    </row>
    <row r="6610" spans="2:42" x14ac:dyDescent="0.3">
      <c r="B6610">
        <v>69.666601106512402</v>
      </c>
      <c r="C6610" s="83">
        <v>43376.333333333336</v>
      </c>
      <c r="D6610">
        <v>296742.64600000001</v>
      </c>
      <c r="E6610">
        <v>29334.300210000001</v>
      </c>
      <c r="F6610">
        <v>86992.609599999996</v>
      </c>
      <c r="G6610">
        <v>72711.189119999995</v>
      </c>
      <c r="H6610">
        <v>49586.856619999999</v>
      </c>
      <c r="I6610">
        <v>44077.999770000002</v>
      </c>
      <c r="J6610">
        <v>41735.345560000002</v>
      </c>
      <c r="K6610">
        <v>60829.136780000001</v>
      </c>
      <c r="L6610">
        <v>23178.8246</v>
      </c>
      <c r="M6610">
        <v>355192.82089999999</v>
      </c>
      <c r="N6610">
        <v>91370.217879999997</v>
      </c>
      <c r="O6610">
        <v>22425.26468</v>
      </c>
      <c r="P6610">
        <v>31904.273850000001</v>
      </c>
      <c r="Q6610">
        <v>95313.622879999995</v>
      </c>
      <c r="R6610">
        <v>21950.03786</v>
      </c>
      <c r="S6610">
        <v>111783.891</v>
      </c>
      <c r="T6610">
        <v>30254.024539999999</v>
      </c>
      <c r="U6610">
        <v>25278.567589999999</v>
      </c>
      <c r="W6610" s="83">
        <f>Bühler!N6642</f>
        <v>45567.333333317307</v>
      </c>
      <c r="X6610" s="83">
        <v>43376.333333333336</v>
      </c>
      <c r="Y6610">
        <v>296742.64600000001</v>
      </c>
      <c r="Z6610">
        <v>29334.300210000001</v>
      </c>
      <c r="AA6610">
        <v>86992.609599999996</v>
      </c>
      <c r="AB6610">
        <v>72711.189119999995</v>
      </c>
      <c r="AC6610">
        <v>49586.856619999999</v>
      </c>
      <c r="AD6610">
        <v>44077.999770000002</v>
      </c>
      <c r="AE6610">
        <v>41735.345560000002</v>
      </c>
      <c r="AF6610">
        <v>60829.136780000001</v>
      </c>
      <c r="AG6610">
        <v>23178.8246</v>
      </c>
      <c r="AH6610">
        <v>355192.82089999999</v>
      </c>
      <c r="AI6610">
        <v>91370.217879999997</v>
      </c>
      <c r="AJ6610">
        <v>22425.26468</v>
      </c>
      <c r="AK6610">
        <v>31904.273850000001</v>
      </c>
      <c r="AL6610">
        <v>95313.622879999995</v>
      </c>
      <c r="AM6610">
        <v>21950.03786</v>
      </c>
      <c r="AN6610">
        <v>111783.891</v>
      </c>
      <c r="AO6610">
        <v>30254.024539999999</v>
      </c>
      <c r="AP6610">
        <v>25278.567589999999</v>
      </c>
    </row>
    <row r="6611" spans="2:42" x14ac:dyDescent="0.3">
      <c r="B6611">
        <v>69.852920763500791</v>
      </c>
      <c r="C6611" s="83">
        <v>43376.375</v>
      </c>
      <c r="D6611">
        <v>299377.08309999999</v>
      </c>
      <c r="E6611">
        <v>33269.576050000003</v>
      </c>
      <c r="F6611">
        <v>91946.592969999998</v>
      </c>
      <c r="G6611">
        <v>80079.226410000003</v>
      </c>
      <c r="H6611">
        <v>51708.035510000002</v>
      </c>
      <c r="I6611">
        <v>41562.166140000001</v>
      </c>
      <c r="J6611">
        <v>41412.16274</v>
      </c>
      <c r="K6611">
        <v>61831.282120000003</v>
      </c>
      <c r="L6611">
        <v>26215.639340000002</v>
      </c>
      <c r="M6611">
        <v>356142.76539999997</v>
      </c>
      <c r="N6611">
        <v>94734.801059999998</v>
      </c>
      <c r="O6611">
        <v>23356.143459999999</v>
      </c>
      <c r="P6611">
        <v>33942.645799999998</v>
      </c>
      <c r="Q6611">
        <v>96171.787760000007</v>
      </c>
      <c r="R6611">
        <v>23028.786619999999</v>
      </c>
      <c r="S6611">
        <v>116125.2337</v>
      </c>
      <c r="T6611">
        <v>32924.985079999999</v>
      </c>
      <c r="U6611">
        <v>25054.530839999999</v>
      </c>
      <c r="W6611" s="83">
        <f>Bühler!N6643</f>
        <v>45567.374999983971</v>
      </c>
      <c r="X6611" s="83">
        <v>43376.375</v>
      </c>
      <c r="Y6611">
        <v>299377.08309999999</v>
      </c>
      <c r="Z6611">
        <v>33269.576050000003</v>
      </c>
      <c r="AA6611">
        <v>91946.592969999998</v>
      </c>
      <c r="AB6611">
        <v>80079.226410000003</v>
      </c>
      <c r="AC6611">
        <v>51708.035510000002</v>
      </c>
      <c r="AD6611">
        <v>41562.166140000001</v>
      </c>
      <c r="AE6611">
        <v>41412.16274</v>
      </c>
      <c r="AF6611">
        <v>61831.282120000003</v>
      </c>
      <c r="AG6611">
        <v>26215.639340000002</v>
      </c>
      <c r="AH6611">
        <v>356142.76539999997</v>
      </c>
      <c r="AI6611">
        <v>94734.801059999998</v>
      </c>
      <c r="AJ6611">
        <v>23356.143459999999</v>
      </c>
      <c r="AK6611">
        <v>33942.645799999998</v>
      </c>
      <c r="AL6611">
        <v>96171.787760000007</v>
      </c>
      <c r="AM6611">
        <v>23028.786619999999</v>
      </c>
      <c r="AN6611">
        <v>116125.2337</v>
      </c>
      <c r="AO6611">
        <v>32924.985079999999</v>
      </c>
      <c r="AP6611">
        <v>25054.530839999999</v>
      </c>
    </row>
    <row r="6612" spans="2:42" x14ac:dyDescent="0.3">
      <c r="B6612">
        <v>70.347660854112533</v>
      </c>
      <c r="C6612" s="83">
        <v>43376.416666666664</v>
      </c>
      <c r="D6612">
        <v>300063.74570000003</v>
      </c>
      <c r="E6612">
        <v>34698.221960000003</v>
      </c>
      <c r="F6612">
        <v>92863.015069999994</v>
      </c>
      <c r="G6612">
        <v>81948.913490000006</v>
      </c>
      <c r="H6612">
        <v>51998.006589999997</v>
      </c>
      <c r="I6612">
        <v>38254.791169999997</v>
      </c>
      <c r="J6612">
        <v>40767.60944</v>
      </c>
      <c r="K6612">
        <v>62336.514569999999</v>
      </c>
      <c r="L6612">
        <v>28618.155439999999</v>
      </c>
      <c r="M6612">
        <v>358665.18109999999</v>
      </c>
      <c r="N6612">
        <v>99255.12844</v>
      </c>
      <c r="O6612">
        <v>23632.447029999999</v>
      </c>
      <c r="P6612">
        <v>34938.902880000001</v>
      </c>
      <c r="Q6612">
        <v>97081.625939999998</v>
      </c>
      <c r="R6612">
        <v>23425.48847</v>
      </c>
      <c r="S6612">
        <v>117528.1563</v>
      </c>
      <c r="T6612">
        <v>34533.630570000001</v>
      </c>
      <c r="U6612">
        <v>24763.749510000001</v>
      </c>
      <c r="W6612" s="83">
        <f>Bühler!N6644</f>
        <v>45567.416666650635</v>
      </c>
      <c r="X6612" s="83">
        <v>43376.416666666664</v>
      </c>
      <c r="Y6612">
        <v>300063.74570000003</v>
      </c>
      <c r="Z6612">
        <v>34698.221960000003</v>
      </c>
      <c r="AA6612">
        <v>92863.015069999994</v>
      </c>
      <c r="AB6612">
        <v>81948.913490000006</v>
      </c>
      <c r="AC6612">
        <v>51998.006589999997</v>
      </c>
      <c r="AD6612">
        <v>38254.791169999997</v>
      </c>
      <c r="AE6612">
        <v>40767.60944</v>
      </c>
      <c r="AF6612">
        <v>62336.514569999999</v>
      </c>
      <c r="AG6612">
        <v>28618.155439999999</v>
      </c>
      <c r="AH6612">
        <v>358665.18109999999</v>
      </c>
      <c r="AI6612">
        <v>99255.12844</v>
      </c>
      <c r="AJ6612">
        <v>23632.447029999999</v>
      </c>
      <c r="AK6612">
        <v>34938.902880000001</v>
      </c>
      <c r="AL6612">
        <v>97081.625939999998</v>
      </c>
      <c r="AM6612">
        <v>23425.48847</v>
      </c>
      <c r="AN6612">
        <v>117528.1563</v>
      </c>
      <c r="AO6612">
        <v>34533.630570000001</v>
      </c>
      <c r="AP6612">
        <v>24763.749510000001</v>
      </c>
    </row>
    <row r="6613" spans="2:42" x14ac:dyDescent="0.3">
      <c r="B6613">
        <v>70.622339552778385</v>
      </c>
      <c r="C6613" s="83">
        <v>43376.458333333336</v>
      </c>
      <c r="D6613">
        <v>298844.60749999998</v>
      </c>
      <c r="E6613">
        <v>34713.043819999999</v>
      </c>
      <c r="F6613">
        <v>92710.582030000005</v>
      </c>
      <c r="G6613">
        <v>79508.467579999997</v>
      </c>
      <c r="H6613">
        <v>51556.720099999999</v>
      </c>
      <c r="I6613">
        <v>37906.699330000003</v>
      </c>
      <c r="J6613">
        <v>40461.172200000001</v>
      </c>
      <c r="K6613">
        <v>62852.507339999996</v>
      </c>
      <c r="L6613">
        <v>29554.643339999999</v>
      </c>
      <c r="M6613">
        <v>360065.62119999999</v>
      </c>
      <c r="N6613">
        <v>99738.991699999999</v>
      </c>
      <c r="O6613">
        <v>23370.37758</v>
      </c>
      <c r="P6613">
        <v>33308.924830000004</v>
      </c>
      <c r="Q6613">
        <v>98002.826530000006</v>
      </c>
      <c r="R6613">
        <v>23666.534599999999</v>
      </c>
      <c r="S6613">
        <v>119478.6651</v>
      </c>
      <c r="T6613">
        <v>35130.529880000002</v>
      </c>
      <c r="U6613">
        <v>23615.751970000001</v>
      </c>
      <c r="W6613" s="83">
        <f>Bühler!N6645</f>
        <v>45567.4583333173</v>
      </c>
      <c r="X6613" s="83">
        <v>43376.458333333336</v>
      </c>
      <c r="Y6613">
        <v>298844.60749999998</v>
      </c>
      <c r="Z6613">
        <v>34713.043819999999</v>
      </c>
      <c r="AA6613">
        <v>92710.582030000005</v>
      </c>
      <c r="AB6613">
        <v>79508.467579999997</v>
      </c>
      <c r="AC6613">
        <v>51556.720099999999</v>
      </c>
      <c r="AD6613">
        <v>37906.699330000003</v>
      </c>
      <c r="AE6613">
        <v>40461.172200000001</v>
      </c>
      <c r="AF6613">
        <v>62852.507339999996</v>
      </c>
      <c r="AG6613">
        <v>29554.643339999999</v>
      </c>
      <c r="AH6613">
        <v>360065.62119999999</v>
      </c>
      <c r="AI6613">
        <v>99738.991699999999</v>
      </c>
      <c r="AJ6613">
        <v>23370.37758</v>
      </c>
      <c r="AK6613">
        <v>33308.924830000004</v>
      </c>
      <c r="AL6613">
        <v>98002.826530000006</v>
      </c>
      <c r="AM6613">
        <v>23666.534599999999</v>
      </c>
      <c r="AN6613">
        <v>119478.6651</v>
      </c>
      <c r="AO6613">
        <v>35130.529880000002</v>
      </c>
      <c r="AP6613">
        <v>23615.751970000001</v>
      </c>
    </row>
    <row r="6614" spans="2:42" x14ac:dyDescent="0.3">
      <c r="B6614">
        <v>69.900549596116932</v>
      </c>
      <c r="C6614" s="83">
        <v>43376.5</v>
      </c>
      <c r="D6614">
        <v>287397.19319999998</v>
      </c>
      <c r="E6614">
        <v>31153.997899999998</v>
      </c>
      <c r="F6614">
        <v>87788.835720000003</v>
      </c>
      <c r="G6614">
        <v>72462.461490000002</v>
      </c>
      <c r="H6614">
        <v>48698.31</v>
      </c>
      <c r="I6614">
        <v>36251.747150000003</v>
      </c>
      <c r="J6614">
        <v>41578.194280000003</v>
      </c>
      <c r="K6614">
        <v>59015.048089999997</v>
      </c>
      <c r="L6614">
        <v>32188.58325</v>
      </c>
      <c r="M6614">
        <v>356385.59940000001</v>
      </c>
      <c r="N6614">
        <v>93198.196219999998</v>
      </c>
      <c r="O6614">
        <v>23118.5203</v>
      </c>
      <c r="P6614">
        <v>34418.090210000002</v>
      </c>
      <c r="Q6614">
        <v>97765.335519999993</v>
      </c>
      <c r="R6614">
        <v>24538.41691</v>
      </c>
      <c r="S6614">
        <v>112368.6447</v>
      </c>
      <c r="T6614">
        <v>34417.749510000001</v>
      </c>
      <c r="U6614">
        <v>19214.403920000001</v>
      </c>
      <c r="W6614" s="83">
        <f>Bühler!N6646</f>
        <v>45567.499999983964</v>
      </c>
      <c r="X6614" s="83">
        <v>43376.5</v>
      </c>
      <c r="Y6614">
        <v>287397.19319999998</v>
      </c>
      <c r="Z6614">
        <v>31153.997899999998</v>
      </c>
      <c r="AA6614">
        <v>87788.835720000003</v>
      </c>
      <c r="AB6614">
        <v>72462.461490000002</v>
      </c>
      <c r="AC6614">
        <v>48698.31</v>
      </c>
      <c r="AD6614">
        <v>36251.747150000003</v>
      </c>
      <c r="AE6614">
        <v>41578.194280000003</v>
      </c>
      <c r="AF6614">
        <v>59015.048089999997</v>
      </c>
      <c r="AG6614">
        <v>32188.58325</v>
      </c>
      <c r="AH6614">
        <v>356385.59940000001</v>
      </c>
      <c r="AI6614">
        <v>93198.196219999998</v>
      </c>
      <c r="AJ6614">
        <v>23118.5203</v>
      </c>
      <c r="AK6614">
        <v>34418.090210000002</v>
      </c>
      <c r="AL6614">
        <v>97765.335519999993</v>
      </c>
      <c r="AM6614">
        <v>24538.41691</v>
      </c>
      <c r="AN6614">
        <v>112368.6447</v>
      </c>
      <c r="AO6614">
        <v>34417.749510000001</v>
      </c>
      <c r="AP6614">
        <v>19214.403920000001</v>
      </c>
    </row>
    <row r="6615" spans="2:42" x14ac:dyDescent="0.3">
      <c r="B6615">
        <v>69.644903307099739</v>
      </c>
      <c r="C6615" s="83">
        <v>43376.541666666664</v>
      </c>
      <c r="D6615">
        <v>287387.31410000002</v>
      </c>
      <c r="E6615">
        <v>31416.756140000001</v>
      </c>
      <c r="F6615">
        <v>85177.031669999997</v>
      </c>
      <c r="G6615">
        <v>66459.408509999994</v>
      </c>
      <c r="H6615">
        <v>48815.234709999997</v>
      </c>
      <c r="I6615">
        <v>36268.996070000001</v>
      </c>
      <c r="J6615">
        <v>40146.848310000001</v>
      </c>
      <c r="K6615">
        <v>61204.111669999998</v>
      </c>
      <c r="L6615">
        <v>30597.20433</v>
      </c>
      <c r="M6615">
        <v>355082.19540000003</v>
      </c>
      <c r="N6615">
        <v>95502.355670000004</v>
      </c>
      <c r="O6615">
        <v>22622.294279999998</v>
      </c>
      <c r="P6615">
        <v>33328.79161</v>
      </c>
      <c r="Q6615">
        <v>96857.461809999993</v>
      </c>
      <c r="R6615">
        <v>25577.17353</v>
      </c>
      <c r="S6615">
        <v>110685.1431</v>
      </c>
      <c r="T6615">
        <v>33557.808570000001</v>
      </c>
      <c r="U6615">
        <v>22081.257269999998</v>
      </c>
      <c r="W6615" s="83">
        <f>Bühler!N6647</f>
        <v>45567.541666650628</v>
      </c>
      <c r="X6615" s="83">
        <v>43376.541666666664</v>
      </c>
      <c r="Y6615">
        <v>287387.31410000002</v>
      </c>
      <c r="Z6615">
        <v>31416.756140000001</v>
      </c>
      <c r="AA6615">
        <v>85177.031669999997</v>
      </c>
      <c r="AB6615">
        <v>66459.408509999994</v>
      </c>
      <c r="AC6615">
        <v>48815.234709999997</v>
      </c>
      <c r="AD6615">
        <v>36268.996070000001</v>
      </c>
      <c r="AE6615">
        <v>40146.848310000001</v>
      </c>
      <c r="AF6615">
        <v>61204.111669999998</v>
      </c>
      <c r="AG6615">
        <v>30597.20433</v>
      </c>
      <c r="AH6615">
        <v>355082.19540000003</v>
      </c>
      <c r="AI6615">
        <v>95502.355670000004</v>
      </c>
      <c r="AJ6615">
        <v>22622.294279999998</v>
      </c>
      <c r="AK6615">
        <v>33328.79161</v>
      </c>
      <c r="AL6615">
        <v>96857.461809999993</v>
      </c>
      <c r="AM6615">
        <v>25577.17353</v>
      </c>
      <c r="AN6615">
        <v>110685.1431</v>
      </c>
      <c r="AO6615">
        <v>33557.808570000001</v>
      </c>
      <c r="AP6615">
        <v>22081.257269999998</v>
      </c>
    </row>
    <row r="6616" spans="2:42" x14ac:dyDescent="0.3">
      <c r="B6616">
        <v>69.949347799991031</v>
      </c>
      <c r="C6616" s="83">
        <v>43376.583333333336</v>
      </c>
      <c r="D6616">
        <v>293061.70209999999</v>
      </c>
      <c r="E6616">
        <v>34607.917659999999</v>
      </c>
      <c r="F6616">
        <v>92429.728409999996</v>
      </c>
      <c r="G6616">
        <v>63990.567139999999</v>
      </c>
      <c r="H6616">
        <v>49227.552860000003</v>
      </c>
      <c r="I6616">
        <v>36561.291599999997</v>
      </c>
      <c r="J6616">
        <v>39628.137289999999</v>
      </c>
      <c r="K6616">
        <v>63867.282350000001</v>
      </c>
      <c r="L6616">
        <v>27832.272430000001</v>
      </c>
      <c r="M6616">
        <v>356634.39539999998</v>
      </c>
      <c r="N6616">
        <v>96813.865770000004</v>
      </c>
      <c r="O6616">
        <v>22316.16692</v>
      </c>
      <c r="P6616">
        <v>30229.4391</v>
      </c>
      <c r="Q6616">
        <v>96594.386509999997</v>
      </c>
      <c r="R6616">
        <v>24666.946039999999</v>
      </c>
      <c r="S6616">
        <v>106354.54270000001</v>
      </c>
      <c r="T6616">
        <v>32756.282859999999</v>
      </c>
      <c r="U6616">
        <v>22946.001199999999</v>
      </c>
      <c r="W6616" s="83">
        <f>Bühler!N6648</f>
        <v>45567.583333317292</v>
      </c>
      <c r="X6616" s="83">
        <v>43376.583333333336</v>
      </c>
      <c r="Y6616">
        <v>293061.70209999999</v>
      </c>
      <c r="Z6616">
        <v>34607.917659999999</v>
      </c>
      <c r="AA6616">
        <v>92429.728409999996</v>
      </c>
      <c r="AB6616">
        <v>63990.567139999999</v>
      </c>
      <c r="AC6616">
        <v>49227.552860000003</v>
      </c>
      <c r="AD6616">
        <v>36561.291599999997</v>
      </c>
      <c r="AE6616">
        <v>39628.137289999999</v>
      </c>
      <c r="AF6616">
        <v>63867.282350000001</v>
      </c>
      <c r="AG6616">
        <v>27832.272430000001</v>
      </c>
      <c r="AH6616">
        <v>356634.39539999998</v>
      </c>
      <c r="AI6616">
        <v>96813.865770000004</v>
      </c>
      <c r="AJ6616">
        <v>22316.16692</v>
      </c>
      <c r="AK6616">
        <v>30229.4391</v>
      </c>
      <c r="AL6616">
        <v>96594.386509999997</v>
      </c>
      <c r="AM6616">
        <v>24666.946039999999</v>
      </c>
      <c r="AN6616">
        <v>106354.54270000001</v>
      </c>
      <c r="AO6616">
        <v>32756.282859999999</v>
      </c>
      <c r="AP6616">
        <v>22946.001199999999</v>
      </c>
    </row>
    <row r="6617" spans="2:42" x14ac:dyDescent="0.3">
      <c r="B6617">
        <v>69.05618097401306</v>
      </c>
      <c r="C6617" s="83">
        <v>43376.625</v>
      </c>
      <c r="D6617">
        <v>289408.3149</v>
      </c>
      <c r="E6617">
        <v>34486.093209999999</v>
      </c>
      <c r="F6617">
        <v>94093.019230000005</v>
      </c>
      <c r="G6617">
        <v>62023.84042</v>
      </c>
      <c r="H6617">
        <v>48104.30962</v>
      </c>
      <c r="I6617">
        <v>36845.360180000003</v>
      </c>
      <c r="J6617">
        <v>39097.716869999997</v>
      </c>
      <c r="K6617">
        <v>62085.796569999999</v>
      </c>
      <c r="L6617">
        <v>24610.227470000002</v>
      </c>
      <c r="M6617">
        <v>352080.61440000002</v>
      </c>
      <c r="N6617">
        <v>93425.346269999995</v>
      </c>
      <c r="O6617">
        <v>22475.899119999998</v>
      </c>
      <c r="P6617">
        <v>26986.91591</v>
      </c>
      <c r="Q6617">
        <v>96888.786559999993</v>
      </c>
      <c r="R6617">
        <v>24039.860909999999</v>
      </c>
      <c r="S6617">
        <v>104986.30469999999</v>
      </c>
      <c r="T6617">
        <v>32570.481370000001</v>
      </c>
      <c r="U6617">
        <v>22399.463039999999</v>
      </c>
      <c r="W6617" s="83">
        <f>Bühler!N6649</f>
        <v>45567.624999983957</v>
      </c>
      <c r="X6617" s="83">
        <v>43376.625</v>
      </c>
      <c r="Y6617">
        <v>289408.3149</v>
      </c>
      <c r="Z6617">
        <v>34486.093209999999</v>
      </c>
      <c r="AA6617">
        <v>94093.019230000005</v>
      </c>
      <c r="AB6617">
        <v>62023.84042</v>
      </c>
      <c r="AC6617">
        <v>48104.30962</v>
      </c>
      <c r="AD6617">
        <v>36845.360180000003</v>
      </c>
      <c r="AE6617">
        <v>39097.716869999997</v>
      </c>
      <c r="AF6617">
        <v>62085.796569999999</v>
      </c>
      <c r="AG6617">
        <v>24610.227470000002</v>
      </c>
      <c r="AH6617">
        <v>352080.61440000002</v>
      </c>
      <c r="AI6617">
        <v>93425.346269999995</v>
      </c>
      <c r="AJ6617">
        <v>22475.899119999998</v>
      </c>
      <c r="AK6617">
        <v>26986.91591</v>
      </c>
      <c r="AL6617">
        <v>96888.786559999993</v>
      </c>
      <c r="AM6617">
        <v>24039.860909999999</v>
      </c>
      <c r="AN6617">
        <v>104986.30469999999</v>
      </c>
      <c r="AO6617">
        <v>32570.481370000001</v>
      </c>
      <c r="AP6617">
        <v>22399.463039999999</v>
      </c>
    </row>
    <row r="6618" spans="2:42" x14ac:dyDescent="0.3">
      <c r="B6618">
        <v>68.246669951838328</v>
      </c>
      <c r="C6618" s="83">
        <v>43376.666666666664</v>
      </c>
      <c r="D6618">
        <v>283764.65789999999</v>
      </c>
      <c r="E6618">
        <v>33708.601430000002</v>
      </c>
      <c r="F6618">
        <v>94166.289850000001</v>
      </c>
      <c r="G6618">
        <v>58157.453829999999</v>
      </c>
      <c r="H6618">
        <v>46224.167240000002</v>
      </c>
      <c r="I6618">
        <v>37318.338929999998</v>
      </c>
      <c r="J6618">
        <v>38615.527150000002</v>
      </c>
      <c r="K6618">
        <v>59776.938289999998</v>
      </c>
      <c r="L6618">
        <v>23870.10269</v>
      </c>
      <c r="M6618">
        <v>347953.34970000002</v>
      </c>
      <c r="N6618">
        <v>90625.79866</v>
      </c>
      <c r="O6618">
        <v>22266.627069999999</v>
      </c>
      <c r="P6618">
        <v>26794.144420000001</v>
      </c>
      <c r="Q6618">
        <v>97198.745030000005</v>
      </c>
      <c r="R6618">
        <v>24496.727739999998</v>
      </c>
      <c r="S6618">
        <v>101684.1462</v>
      </c>
      <c r="T6618">
        <v>32260.693800000001</v>
      </c>
      <c r="U6618">
        <v>20462.746139999999</v>
      </c>
      <c r="W6618" s="83">
        <f>Bühler!N6650</f>
        <v>45567.666666650621</v>
      </c>
      <c r="X6618" s="83">
        <v>43376.666666666664</v>
      </c>
      <c r="Y6618">
        <v>283764.65789999999</v>
      </c>
      <c r="Z6618">
        <v>33708.601430000002</v>
      </c>
      <c r="AA6618">
        <v>94166.289850000001</v>
      </c>
      <c r="AB6618">
        <v>58157.453829999999</v>
      </c>
      <c r="AC6618">
        <v>46224.167240000002</v>
      </c>
      <c r="AD6618">
        <v>37318.338929999998</v>
      </c>
      <c r="AE6618">
        <v>38615.527150000002</v>
      </c>
      <c r="AF6618">
        <v>59776.938289999998</v>
      </c>
      <c r="AG6618">
        <v>23870.10269</v>
      </c>
      <c r="AH6618">
        <v>347953.34970000002</v>
      </c>
      <c r="AI6618">
        <v>90625.79866</v>
      </c>
      <c r="AJ6618">
        <v>22266.627069999999</v>
      </c>
      <c r="AK6618">
        <v>26794.144420000001</v>
      </c>
      <c r="AL6618">
        <v>97198.745030000005</v>
      </c>
      <c r="AM6618">
        <v>24496.727739999998</v>
      </c>
      <c r="AN6618">
        <v>101684.1462</v>
      </c>
      <c r="AO6618">
        <v>32260.693800000001</v>
      </c>
      <c r="AP6618">
        <v>20462.746139999999</v>
      </c>
    </row>
    <row r="6619" spans="2:42" x14ac:dyDescent="0.3">
      <c r="B6619">
        <v>67.114652730795683</v>
      </c>
      <c r="C6619" s="83">
        <v>43376.708333333336</v>
      </c>
      <c r="D6619">
        <v>271747.73719999997</v>
      </c>
      <c r="E6619">
        <v>31632.678769999999</v>
      </c>
      <c r="F6619">
        <v>92724.203599999993</v>
      </c>
      <c r="G6619">
        <v>53519.52592</v>
      </c>
      <c r="H6619">
        <v>44195.309950000003</v>
      </c>
      <c r="I6619">
        <v>37024.703659999999</v>
      </c>
      <c r="J6619">
        <v>38479.29206</v>
      </c>
      <c r="K6619">
        <v>54838.562059999997</v>
      </c>
      <c r="L6619">
        <v>24337.030439999999</v>
      </c>
      <c r="M6619">
        <v>342181.79800000001</v>
      </c>
      <c r="N6619">
        <v>86600.630669999999</v>
      </c>
      <c r="O6619">
        <v>21938.726409999999</v>
      </c>
      <c r="P6619">
        <v>27858.72536</v>
      </c>
      <c r="Q6619">
        <v>95537.723719999995</v>
      </c>
      <c r="R6619">
        <v>24337.10153</v>
      </c>
      <c r="S6619">
        <v>98950.736430000004</v>
      </c>
      <c r="T6619">
        <v>31508.883320000001</v>
      </c>
      <c r="U6619">
        <v>17634.215960000001</v>
      </c>
      <c r="W6619" s="83">
        <f>Bühler!N6651</f>
        <v>45567.708333317285</v>
      </c>
      <c r="X6619" s="83">
        <v>43376.708333333336</v>
      </c>
      <c r="Y6619">
        <v>271747.73719999997</v>
      </c>
      <c r="Z6619">
        <v>31632.678769999999</v>
      </c>
      <c r="AA6619">
        <v>92724.203599999993</v>
      </c>
      <c r="AB6619">
        <v>53519.52592</v>
      </c>
      <c r="AC6619">
        <v>44195.309950000003</v>
      </c>
      <c r="AD6619">
        <v>37024.703659999999</v>
      </c>
      <c r="AE6619">
        <v>38479.29206</v>
      </c>
      <c r="AF6619">
        <v>54838.562059999997</v>
      </c>
      <c r="AG6619">
        <v>24337.030439999999</v>
      </c>
      <c r="AH6619">
        <v>342181.79800000001</v>
      </c>
      <c r="AI6619">
        <v>86600.630669999999</v>
      </c>
      <c r="AJ6619">
        <v>21938.726409999999</v>
      </c>
      <c r="AK6619">
        <v>27858.72536</v>
      </c>
      <c r="AL6619">
        <v>95537.723719999995</v>
      </c>
      <c r="AM6619">
        <v>24337.10153</v>
      </c>
      <c r="AN6619">
        <v>98950.736430000004</v>
      </c>
      <c r="AO6619">
        <v>31508.883320000001</v>
      </c>
      <c r="AP6619">
        <v>17634.215960000001</v>
      </c>
    </row>
    <row r="6620" spans="2:42" x14ac:dyDescent="0.3">
      <c r="B6620">
        <v>66.035567152702058</v>
      </c>
      <c r="C6620" s="83">
        <v>43376.75</v>
      </c>
      <c r="D6620">
        <v>265907.28139999998</v>
      </c>
      <c r="E6620">
        <v>28352.75736</v>
      </c>
      <c r="F6620">
        <v>90142.581019999998</v>
      </c>
      <c r="G6620">
        <v>47736.129699999998</v>
      </c>
      <c r="H6620">
        <v>42129.135060000001</v>
      </c>
      <c r="I6620">
        <v>35576.541100000002</v>
      </c>
      <c r="J6620">
        <v>38323.194210000001</v>
      </c>
      <c r="K6620">
        <v>51948.050999999999</v>
      </c>
      <c r="L6620">
        <v>25432.81799</v>
      </c>
      <c r="M6620">
        <v>336680.1165</v>
      </c>
      <c r="N6620">
        <v>84822.55171</v>
      </c>
      <c r="O6620">
        <v>20082.819619999998</v>
      </c>
      <c r="P6620">
        <v>31144.255130000001</v>
      </c>
      <c r="Q6620">
        <v>94012.700800000006</v>
      </c>
      <c r="R6620">
        <v>22958.570309999999</v>
      </c>
      <c r="S6620">
        <v>92765.959260000003</v>
      </c>
      <c r="T6620">
        <v>30982.22911</v>
      </c>
      <c r="U6620">
        <v>16042.433440000001</v>
      </c>
      <c r="W6620" s="83">
        <f>Bühler!N6652</f>
        <v>45567.749999983949</v>
      </c>
      <c r="X6620" s="83">
        <v>43376.75</v>
      </c>
      <c r="Y6620">
        <v>265907.28139999998</v>
      </c>
      <c r="Z6620">
        <v>28352.75736</v>
      </c>
      <c r="AA6620">
        <v>90142.581019999998</v>
      </c>
      <c r="AB6620">
        <v>47736.129699999998</v>
      </c>
      <c r="AC6620">
        <v>42129.135060000001</v>
      </c>
      <c r="AD6620">
        <v>35576.541100000002</v>
      </c>
      <c r="AE6620">
        <v>38323.194210000001</v>
      </c>
      <c r="AF6620">
        <v>51948.050999999999</v>
      </c>
      <c r="AG6620">
        <v>25432.81799</v>
      </c>
      <c r="AH6620">
        <v>336680.1165</v>
      </c>
      <c r="AI6620">
        <v>84822.55171</v>
      </c>
      <c r="AJ6620">
        <v>20082.819619999998</v>
      </c>
      <c r="AK6620">
        <v>31144.255130000001</v>
      </c>
      <c r="AL6620">
        <v>94012.700800000006</v>
      </c>
      <c r="AM6620">
        <v>22958.570309999999</v>
      </c>
      <c r="AN6620">
        <v>92765.959260000003</v>
      </c>
      <c r="AO6620">
        <v>30982.22911</v>
      </c>
      <c r="AP6620">
        <v>16042.433440000001</v>
      </c>
    </row>
    <row r="6621" spans="2:42" x14ac:dyDescent="0.3">
      <c r="B6621">
        <v>65.128278334899321</v>
      </c>
      <c r="C6621" s="83">
        <v>43376.791666666664</v>
      </c>
      <c r="D6621">
        <v>260947.64970000001</v>
      </c>
      <c r="E6621">
        <v>23122.44803</v>
      </c>
      <c r="F6621">
        <v>80453.411739999996</v>
      </c>
      <c r="G6621">
        <v>45264.283029999999</v>
      </c>
      <c r="H6621">
        <v>41371.937330000001</v>
      </c>
      <c r="I6621">
        <v>33150.560100000002</v>
      </c>
      <c r="J6621">
        <v>39388.830020000001</v>
      </c>
      <c r="K6621">
        <v>51434.24669</v>
      </c>
      <c r="L6621">
        <v>26536.102330000002</v>
      </c>
      <c r="M6621">
        <v>332054.33500000002</v>
      </c>
      <c r="N6621">
        <v>83480.150349999996</v>
      </c>
      <c r="O6621">
        <v>19821.06509</v>
      </c>
      <c r="P6621">
        <v>33733.169479999997</v>
      </c>
      <c r="Q6621">
        <v>91046.9476</v>
      </c>
      <c r="R6621">
        <v>22500.553349999998</v>
      </c>
      <c r="S6621">
        <v>90008.679709999997</v>
      </c>
      <c r="T6621">
        <v>31781.12557</v>
      </c>
      <c r="U6621">
        <v>16302.85605</v>
      </c>
      <c r="W6621" s="83">
        <f>Bühler!N6653</f>
        <v>45567.791666650613</v>
      </c>
      <c r="X6621" s="83">
        <v>43376.791666666664</v>
      </c>
      <c r="Y6621">
        <v>260947.64970000001</v>
      </c>
      <c r="Z6621">
        <v>23122.44803</v>
      </c>
      <c r="AA6621">
        <v>80453.411739999996</v>
      </c>
      <c r="AB6621">
        <v>45264.283029999999</v>
      </c>
      <c r="AC6621">
        <v>41371.937330000001</v>
      </c>
      <c r="AD6621">
        <v>33150.560100000002</v>
      </c>
      <c r="AE6621">
        <v>39388.830020000001</v>
      </c>
      <c r="AF6621">
        <v>51434.24669</v>
      </c>
      <c r="AG6621">
        <v>26536.102330000002</v>
      </c>
      <c r="AH6621">
        <v>332054.33500000002</v>
      </c>
      <c r="AI6621">
        <v>83480.150349999996</v>
      </c>
      <c r="AJ6621">
        <v>19821.06509</v>
      </c>
      <c r="AK6621">
        <v>33733.169479999997</v>
      </c>
      <c r="AL6621">
        <v>91046.9476</v>
      </c>
      <c r="AM6621">
        <v>22500.553349999998</v>
      </c>
      <c r="AN6621">
        <v>90008.679709999997</v>
      </c>
      <c r="AO6621">
        <v>31781.12557</v>
      </c>
      <c r="AP6621">
        <v>16302.85605</v>
      </c>
    </row>
    <row r="6622" spans="2:42" x14ac:dyDescent="0.3">
      <c r="B6622">
        <v>63.218367481929945</v>
      </c>
      <c r="C6622" s="83">
        <v>43376.833333333336</v>
      </c>
      <c r="D6622">
        <v>252067.2408</v>
      </c>
      <c r="E6622">
        <v>17759.899440000001</v>
      </c>
      <c r="F6622">
        <v>66996.374720000007</v>
      </c>
      <c r="G6622">
        <v>41339.664080000002</v>
      </c>
      <c r="H6622">
        <v>40412.263270000003</v>
      </c>
      <c r="I6622">
        <v>30024.790489999999</v>
      </c>
      <c r="J6622">
        <v>40236.0386</v>
      </c>
      <c r="K6622">
        <v>51571.456590000002</v>
      </c>
      <c r="L6622">
        <v>26253.226839999999</v>
      </c>
      <c r="M6622">
        <v>322316.71879999997</v>
      </c>
      <c r="N6622">
        <v>82689.549069999994</v>
      </c>
      <c r="O6622">
        <v>19231.370620000002</v>
      </c>
      <c r="P6622">
        <v>34936.783199999998</v>
      </c>
      <c r="Q6622">
        <v>88902.094599999997</v>
      </c>
      <c r="R6622">
        <v>21096.379789999999</v>
      </c>
      <c r="S6622">
        <v>84161.014469999995</v>
      </c>
      <c r="T6622">
        <v>31088.22048</v>
      </c>
      <c r="U6622">
        <v>15318.732169999999</v>
      </c>
      <c r="W6622" s="83">
        <f>Bühler!N6654</f>
        <v>45567.833333317278</v>
      </c>
      <c r="X6622" s="83">
        <v>43376.833333333336</v>
      </c>
      <c r="Y6622">
        <v>252067.2408</v>
      </c>
      <c r="Z6622">
        <v>17759.899440000001</v>
      </c>
      <c r="AA6622">
        <v>66996.374720000007</v>
      </c>
      <c r="AB6622">
        <v>41339.664080000002</v>
      </c>
      <c r="AC6622">
        <v>40412.263270000003</v>
      </c>
      <c r="AD6622">
        <v>30024.790489999999</v>
      </c>
      <c r="AE6622">
        <v>40236.0386</v>
      </c>
      <c r="AF6622">
        <v>51571.456590000002</v>
      </c>
      <c r="AG6622">
        <v>26253.226839999999</v>
      </c>
      <c r="AH6622">
        <v>322316.71879999997</v>
      </c>
      <c r="AI6622">
        <v>82689.549069999994</v>
      </c>
      <c r="AJ6622">
        <v>19231.370620000002</v>
      </c>
      <c r="AK6622">
        <v>34936.783199999998</v>
      </c>
      <c r="AL6622">
        <v>88902.094599999997</v>
      </c>
      <c r="AM6622">
        <v>21096.379789999999</v>
      </c>
      <c r="AN6622">
        <v>84161.014469999995</v>
      </c>
      <c r="AO6622">
        <v>31088.22048</v>
      </c>
      <c r="AP6622">
        <v>15318.732169999999</v>
      </c>
    </row>
    <row r="6623" spans="2:42" x14ac:dyDescent="0.3">
      <c r="B6623">
        <v>61.054342604643409</v>
      </c>
      <c r="C6623" s="83">
        <v>43376.875</v>
      </c>
      <c r="D6623">
        <v>242831.08009999999</v>
      </c>
      <c r="E6623">
        <v>15051.204820000001</v>
      </c>
      <c r="F6623">
        <v>58584.896209999999</v>
      </c>
      <c r="G6623">
        <v>38418.995699999999</v>
      </c>
      <c r="H6623">
        <v>37536.924619999998</v>
      </c>
      <c r="I6623">
        <v>26006.598180000001</v>
      </c>
      <c r="J6623">
        <v>38497.704169999997</v>
      </c>
      <c r="K6623">
        <v>50149.946989999997</v>
      </c>
      <c r="L6623">
        <v>23977.03786</v>
      </c>
      <c r="M6623">
        <v>311283.51079999999</v>
      </c>
      <c r="N6623">
        <v>79145.821540000004</v>
      </c>
      <c r="O6623">
        <v>17488.256150000001</v>
      </c>
      <c r="P6623">
        <v>33145.468580000001</v>
      </c>
      <c r="Q6623">
        <v>86492.478319999995</v>
      </c>
      <c r="R6623">
        <v>19746.77562</v>
      </c>
      <c r="S6623">
        <v>78522.221090000006</v>
      </c>
      <c r="T6623">
        <v>27523.000510000002</v>
      </c>
      <c r="U6623">
        <v>13868.921679999999</v>
      </c>
      <c r="W6623" s="83">
        <f>Bühler!N6655</f>
        <v>45567.874999983942</v>
      </c>
      <c r="X6623" s="83">
        <v>43376.875</v>
      </c>
      <c r="Y6623">
        <v>242831.08009999999</v>
      </c>
      <c r="Z6623">
        <v>15051.204820000001</v>
      </c>
      <c r="AA6623">
        <v>58584.896209999999</v>
      </c>
      <c r="AB6623">
        <v>38418.995699999999</v>
      </c>
      <c r="AC6623">
        <v>37536.924619999998</v>
      </c>
      <c r="AD6623">
        <v>26006.598180000001</v>
      </c>
      <c r="AE6623">
        <v>38497.704169999997</v>
      </c>
      <c r="AF6623">
        <v>50149.946989999997</v>
      </c>
      <c r="AG6623">
        <v>23977.03786</v>
      </c>
      <c r="AH6623">
        <v>311283.51079999999</v>
      </c>
      <c r="AI6623">
        <v>79145.821540000004</v>
      </c>
      <c r="AJ6623">
        <v>17488.256150000001</v>
      </c>
      <c r="AK6623">
        <v>33145.468580000001</v>
      </c>
      <c r="AL6623">
        <v>86492.478319999995</v>
      </c>
      <c r="AM6623">
        <v>19746.77562</v>
      </c>
      <c r="AN6623">
        <v>78522.221090000006</v>
      </c>
      <c r="AO6623">
        <v>27523.000510000002</v>
      </c>
      <c r="AP6623">
        <v>13868.921679999999</v>
      </c>
    </row>
    <row r="6624" spans="2:42" x14ac:dyDescent="0.3">
      <c r="B6624">
        <v>60.674190815849492</v>
      </c>
      <c r="C6624" s="83">
        <v>43376.916666666664</v>
      </c>
      <c r="D6624">
        <v>242235.05679999999</v>
      </c>
      <c r="E6624">
        <v>14199.414409999999</v>
      </c>
      <c r="F6624">
        <v>55909.392590000003</v>
      </c>
      <c r="G6624">
        <v>35752.998970000001</v>
      </c>
      <c r="H6624">
        <v>36055.843990000001</v>
      </c>
      <c r="I6624">
        <v>24007.616190000001</v>
      </c>
      <c r="J6624">
        <v>37427.209009999999</v>
      </c>
      <c r="K6624">
        <v>52107.240539999999</v>
      </c>
      <c r="L6624">
        <v>21071.563020000001</v>
      </c>
      <c r="M6624">
        <v>309345.31969999999</v>
      </c>
      <c r="N6624">
        <v>77856.618650000004</v>
      </c>
      <c r="O6624">
        <v>16991.371230000001</v>
      </c>
      <c r="P6624">
        <v>33717.368609999998</v>
      </c>
      <c r="Q6624">
        <v>85503.408530000001</v>
      </c>
      <c r="R6624">
        <v>20799.04279</v>
      </c>
      <c r="S6624">
        <v>76234.640010000003</v>
      </c>
      <c r="T6624">
        <v>23944.32689</v>
      </c>
      <c r="U6624">
        <v>13273.288130000001</v>
      </c>
      <c r="W6624" s="83">
        <f>Bühler!N6656</f>
        <v>45567.916666650606</v>
      </c>
      <c r="X6624" s="83">
        <v>43376.916666666664</v>
      </c>
      <c r="Y6624">
        <v>242235.05679999999</v>
      </c>
      <c r="Z6624">
        <v>14199.414409999999</v>
      </c>
      <c r="AA6624">
        <v>55909.392590000003</v>
      </c>
      <c r="AB6624">
        <v>35752.998970000001</v>
      </c>
      <c r="AC6624">
        <v>36055.843990000001</v>
      </c>
      <c r="AD6624">
        <v>24007.616190000001</v>
      </c>
      <c r="AE6624">
        <v>37427.209009999999</v>
      </c>
      <c r="AF6624">
        <v>52107.240539999999</v>
      </c>
      <c r="AG6624">
        <v>21071.563020000001</v>
      </c>
      <c r="AH6624">
        <v>309345.31969999999</v>
      </c>
      <c r="AI6624">
        <v>77856.618650000004</v>
      </c>
      <c r="AJ6624">
        <v>16991.371230000001</v>
      </c>
      <c r="AK6624">
        <v>33717.368609999998</v>
      </c>
      <c r="AL6624">
        <v>85503.408530000001</v>
      </c>
      <c r="AM6624">
        <v>20799.04279</v>
      </c>
      <c r="AN6624">
        <v>76234.640010000003</v>
      </c>
      <c r="AO6624">
        <v>23944.32689</v>
      </c>
      <c r="AP6624">
        <v>13273.288130000001</v>
      </c>
    </row>
    <row r="6625" spans="2:42" x14ac:dyDescent="0.3">
      <c r="B6625">
        <v>60.306455290252032</v>
      </c>
      <c r="C6625" s="83">
        <v>43376.958333333336</v>
      </c>
      <c r="D6625">
        <v>243243.00930000001</v>
      </c>
      <c r="E6625">
        <v>13644.6337</v>
      </c>
      <c r="F6625">
        <v>54756.364509999999</v>
      </c>
      <c r="G6625">
        <v>34652.820800000001</v>
      </c>
      <c r="H6625">
        <v>35255.473239999999</v>
      </c>
      <c r="I6625">
        <v>22946.72191</v>
      </c>
      <c r="J6625">
        <v>34511.269269999997</v>
      </c>
      <c r="K6625">
        <v>51428.716390000001</v>
      </c>
      <c r="L6625">
        <v>17886.870070000001</v>
      </c>
      <c r="M6625">
        <v>307470.4325</v>
      </c>
      <c r="N6625">
        <v>77821.682480000003</v>
      </c>
      <c r="O6625">
        <v>17311.782640000001</v>
      </c>
      <c r="P6625">
        <v>28982.732489999999</v>
      </c>
      <c r="Q6625">
        <v>84616.467059999995</v>
      </c>
      <c r="R6625">
        <v>19401.556100000002</v>
      </c>
      <c r="S6625">
        <v>74401.721000000005</v>
      </c>
      <c r="T6625">
        <v>21132.161220000002</v>
      </c>
      <c r="U6625">
        <v>13438.850930000001</v>
      </c>
      <c r="W6625" s="83">
        <f>Bühler!N6657</f>
        <v>45567.95833331727</v>
      </c>
      <c r="X6625" s="83">
        <v>43376.958333333336</v>
      </c>
      <c r="Y6625">
        <v>243243.00930000001</v>
      </c>
      <c r="Z6625">
        <v>13644.6337</v>
      </c>
      <c r="AA6625">
        <v>54756.364509999999</v>
      </c>
      <c r="AB6625">
        <v>34652.820800000001</v>
      </c>
      <c r="AC6625">
        <v>35255.473239999999</v>
      </c>
      <c r="AD6625">
        <v>22946.72191</v>
      </c>
      <c r="AE6625">
        <v>34511.269269999997</v>
      </c>
      <c r="AF6625">
        <v>51428.716390000001</v>
      </c>
      <c r="AG6625">
        <v>17886.870070000001</v>
      </c>
      <c r="AH6625">
        <v>307470.4325</v>
      </c>
      <c r="AI6625">
        <v>77821.682480000003</v>
      </c>
      <c r="AJ6625">
        <v>17311.782640000001</v>
      </c>
      <c r="AK6625">
        <v>28982.732489999999</v>
      </c>
      <c r="AL6625">
        <v>84616.467059999995</v>
      </c>
      <c r="AM6625">
        <v>19401.556100000002</v>
      </c>
      <c r="AN6625">
        <v>74401.721000000005</v>
      </c>
      <c r="AO6625">
        <v>21132.161220000002</v>
      </c>
      <c r="AP6625">
        <v>13438.850930000001</v>
      </c>
    </row>
    <row r="6626" spans="2:42" x14ac:dyDescent="0.3">
      <c r="B6626">
        <v>59.302099066918437</v>
      </c>
      <c r="C6626" s="83">
        <v>43377</v>
      </c>
      <c r="D6626">
        <v>240189.40400000001</v>
      </c>
      <c r="E6626">
        <v>13280.56349</v>
      </c>
      <c r="F6626">
        <v>52025.66992</v>
      </c>
      <c r="G6626">
        <v>33538.603020000002</v>
      </c>
      <c r="H6626">
        <v>34898.875339999999</v>
      </c>
      <c r="I6626">
        <v>21155.68129</v>
      </c>
      <c r="J6626">
        <v>31540.014159999999</v>
      </c>
      <c r="K6626">
        <v>49806.206030000001</v>
      </c>
      <c r="L6626">
        <v>15298.898660000001</v>
      </c>
      <c r="M6626">
        <v>302349.7561</v>
      </c>
      <c r="N6626">
        <v>77245.646340000007</v>
      </c>
      <c r="O6626">
        <v>17118.304069999998</v>
      </c>
      <c r="P6626">
        <v>27325.577929999999</v>
      </c>
      <c r="Q6626">
        <v>85025.052410000004</v>
      </c>
      <c r="R6626">
        <v>17176.898720000001</v>
      </c>
      <c r="S6626">
        <v>74187.17684</v>
      </c>
      <c r="T6626">
        <v>21666.283329999998</v>
      </c>
      <c r="U6626">
        <v>12364.4815</v>
      </c>
      <c r="W6626" s="83">
        <f>Bühler!N6658</f>
        <v>45567.999999983935</v>
      </c>
      <c r="X6626" s="83">
        <v>43377</v>
      </c>
      <c r="Y6626">
        <v>240189.40400000001</v>
      </c>
      <c r="Z6626">
        <v>13280.56349</v>
      </c>
      <c r="AA6626">
        <v>52025.66992</v>
      </c>
      <c r="AB6626">
        <v>33538.603020000002</v>
      </c>
      <c r="AC6626">
        <v>34898.875339999999</v>
      </c>
      <c r="AD6626">
        <v>21155.68129</v>
      </c>
      <c r="AE6626">
        <v>31540.014159999999</v>
      </c>
      <c r="AF6626">
        <v>49806.206030000001</v>
      </c>
      <c r="AG6626">
        <v>15298.898660000001</v>
      </c>
      <c r="AH6626">
        <v>302349.7561</v>
      </c>
      <c r="AI6626">
        <v>77245.646340000007</v>
      </c>
      <c r="AJ6626">
        <v>17118.304069999998</v>
      </c>
      <c r="AK6626">
        <v>27325.577929999999</v>
      </c>
      <c r="AL6626">
        <v>85025.052410000004</v>
      </c>
      <c r="AM6626">
        <v>17176.898720000001</v>
      </c>
      <c r="AN6626">
        <v>74187.17684</v>
      </c>
      <c r="AO6626">
        <v>21666.283329999998</v>
      </c>
      <c r="AP6626">
        <v>12364.4815</v>
      </c>
    </row>
    <row r="6627" spans="2:42" x14ac:dyDescent="0.3">
      <c r="B6627">
        <v>58.633225905603815</v>
      </c>
      <c r="C6627" s="83">
        <v>43377.041666666664</v>
      </c>
      <c r="D6627">
        <v>240258.891</v>
      </c>
      <c r="E6627">
        <v>12956.10058</v>
      </c>
      <c r="F6627">
        <v>52378.899429999998</v>
      </c>
      <c r="G6627">
        <v>32858.744189999998</v>
      </c>
      <c r="H6627">
        <v>34164.409740000003</v>
      </c>
      <c r="I6627">
        <v>17263.72436</v>
      </c>
      <c r="J6627">
        <v>30877.703229999999</v>
      </c>
      <c r="K6627">
        <v>48443.643210000002</v>
      </c>
      <c r="L6627">
        <v>16019.91714</v>
      </c>
      <c r="M6627">
        <v>298939.52879999997</v>
      </c>
      <c r="N6627">
        <v>76919.698799999998</v>
      </c>
      <c r="O6627">
        <v>17316.213360000002</v>
      </c>
      <c r="P6627">
        <v>25475.157589999999</v>
      </c>
      <c r="Q6627">
        <v>85055.040439999997</v>
      </c>
      <c r="R6627">
        <v>16175.158869999999</v>
      </c>
      <c r="S6627">
        <v>73082.060570000001</v>
      </c>
      <c r="T6627">
        <v>20869.077089999999</v>
      </c>
      <c r="U6627">
        <v>12576.759260000001</v>
      </c>
      <c r="W6627" s="83">
        <f>Bühler!N6659</f>
        <v>45568.041666650599</v>
      </c>
      <c r="X6627" s="83">
        <v>43377.041666666664</v>
      </c>
      <c r="Y6627">
        <v>240258.891</v>
      </c>
      <c r="Z6627">
        <v>12956.10058</v>
      </c>
      <c r="AA6627">
        <v>52378.899429999998</v>
      </c>
      <c r="AB6627">
        <v>32858.744189999998</v>
      </c>
      <c r="AC6627">
        <v>34164.409740000003</v>
      </c>
      <c r="AD6627">
        <v>17263.72436</v>
      </c>
      <c r="AE6627">
        <v>30877.703229999999</v>
      </c>
      <c r="AF6627">
        <v>48443.643210000002</v>
      </c>
      <c r="AG6627">
        <v>16019.91714</v>
      </c>
      <c r="AH6627">
        <v>298939.52879999997</v>
      </c>
      <c r="AI6627">
        <v>76919.698799999998</v>
      </c>
      <c r="AJ6627">
        <v>17316.213360000002</v>
      </c>
      <c r="AK6627">
        <v>25475.157589999999</v>
      </c>
      <c r="AL6627">
        <v>85055.040439999997</v>
      </c>
      <c r="AM6627">
        <v>16175.158869999999</v>
      </c>
      <c r="AN6627">
        <v>73082.060570000001</v>
      </c>
      <c r="AO6627">
        <v>20869.077089999999</v>
      </c>
      <c r="AP6627">
        <v>12576.759260000001</v>
      </c>
    </row>
    <row r="6628" spans="2:42" x14ac:dyDescent="0.3">
      <c r="B6628">
        <v>58.78235981156746</v>
      </c>
      <c r="C6628" s="83">
        <v>43377.083333333336</v>
      </c>
      <c r="D6628">
        <v>239970.9584</v>
      </c>
      <c r="E6628">
        <v>12759.710660000001</v>
      </c>
      <c r="F6628">
        <v>52324.379610000004</v>
      </c>
      <c r="G6628">
        <v>32267.68303</v>
      </c>
      <c r="H6628">
        <v>34057.987999999998</v>
      </c>
      <c r="I6628">
        <v>15692.49395</v>
      </c>
      <c r="J6628">
        <v>30765.453140000001</v>
      </c>
      <c r="K6628">
        <v>46732.43017</v>
      </c>
      <c r="L6628">
        <v>15362.24476</v>
      </c>
      <c r="M6628">
        <v>299699.88299999997</v>
      </c>
      <c r="N6628">
        <v>75567.102079999997</v>
      </c>
      <c r="O6628">
        <v>17381.60859</v>
      </c>
      <c r="P6628">
        <v>24415.05154</v>
      </c>
      <c r="Q6628">
        <v>87209.415299999993</v>
      </c>
      <c r="R6628">
        <v>15909.27226</v>
      </c>
      <c r="S6628">
        <v>72336.525429999994</v>
      </c>
      <c r="T6628">
        <v>20642.028289999998</v>
      </c>
      <c r="U6628">
        <v>12312.26424</v>
      </c>
      <c r="W6628" s="83">
        <f>Bühler!N6660</f>
        <v>45568.083333317263</v>
      </c>
      <c r="X6628" s="83">
        <v>43377.083333333336</v>
      </c>
      <c r="Y6628">
        <v>239970.9584</v>
      </c>
      <c r="Z6628">
        <v>12759.710660000001</v>
      </c>
      <c r="AA6628">
        <v>52324.379610000004</v>
      </c>
      <c r="AB6628">
        <v>32267.68303</v>
      </c>
      <c r="AC6628">
        <v>34057.987999999998</v>
      </c>
      <c r="AD6628">
        <v>15692.49395</v>
      </c>
      <c r="AE6628">
        <v>30765.453140000001</v>
      </c>
      <c r="AF6628">
        <v>46732.43017</v>
      </c>
      <c r="AG6628">
        <v>15362.24476</v>
      </c>
      <c r="AH6628">
        <v>299699.88299999997</v>
      </c>
      <c r="AI6628">
        <v>75567.102079999997</v>
      </c>
      <c r="AJ6628">
        <v>17381.60859</v>
      </c>
      <c r="AK6628">
        <v>24415.05154</v>
      </c>
      <c r="AL6628">
        <v>87209.415299999993</v>
      </c>
      <c r="AM6628">
        <v>15909.27226</v>
      </c>
      <c r="AN6628">
        <v>72336.525429999994</v>
      </c>
      <c r="AO6628">
        <v>20642.028289999998</v>
      </c>
      <c r="AP6628">
        <v>12312.26424</v>
      </c>
    </row>
    <row r="6629" spans="2:42" x14ac:dyDescent="0.3">
      <c r="B6629">
        <v>59.357393204624138</v>
      </c>
      <c r="C6629" s="83">
        <v>43377.125</v>
      </c>
      <c r="D6629">
        <v>239657.4137</v>
      </c>
      <c r="E6629">
        <v>12864.08632</v>
      </c>
      <c r="F6629">
        <v>53280.248529999997</v>
      </c>
      <c r="G6629">
        <v>31480.388330000002</v>
      </c>
      <c r="H6629">
        <v>34008.533779999998</v>
      </c>
      <c r="I6629">
        <v>15384.6178</v>
      </c>
      <c r="J6629">
        <v>31113.590889999999</v>
      </c>
      <c r="K6629">
        <v>45786.250899999999</v>
      </c>
      <c r="L6629">
        <v>14815.31645</v>
      </c>
      <c r="M6629">
        <v>302631.67139999999</v>
      </c>
      <c r="N6629">
        <v>73140.099239999996</v>
      </c>
      <c r="O6629">
        <v>17010.817220000001</v>
      </c>
      <c r="P6629">
        <v>23491.398570000001</v>
      </c>
      <c r="Q6629">
        <v>88805.224900000001</v>
      </c>
      <c r="R6629">
        <v>15621.113719999999</v>
      </c>
      <c r="S6629">
        <v>71935.810889999993</v>
      </c>
      <c r="T6629">
        <v>20238.478780000001</v>
      </c>
      <c r="U6629">
        <v>12243.62556</v>
      </c>
      <c r="W6629" s="83">
        <f>Bühler!N6661</f>
        <v>45568.124999983927</v>
      </c>
      <c r="X6629" s="83">
        <v>43377.125</v>
      </c>
      <c r="Y6629">
        <v>239657.4137</v>
      </c>
      <c r="Z6629">
        <v>12864.08632</v>
      </c>
      <c r="AA6629">
        <v>53280.248529999997</v>
      </c>
      <c r="AB6629">
        <v>31480.388330000002</v>
      </c>
      <c r="AC6629">
        <v>34008.533779999998</v>
      </c>
      <c r="AD6629">
        <v>15384.6178</v>
      </c>
      <c r="AE6629">
        <v>31113.590889999999</v>
      </c>
      <c r="AF6629">
        <v>45786.250899999999</v>
      </c>
      <c r="AG6629">
        <v>14815.31645</v>
      </c>
      <c r="AH6629">
        <v>302631.67139999999</v>
      </c>
      <c r="AI6629">
        <v>73140.099239999996</v>
      </c>
      <c r="AJ6629">
        <v>17010.817220000001</v>
      </c>
      <c r="AK6629">
        <v>23491.398570000001</v>
      </c>
      <c r="AL6629">
        <v>88805.224900000001</v>
      </c>
      <c r="AM6629">
        <v>15621.113719999999</v>
      </c>
      <c r="AN6629">
        <v>71935.810889999993</v>
      </c>
      <c r="AO6629">
        <v>20238.478780000001</v>
      </c>
      <c r="AP6629">
        <v>12243.62556</v>
      </c>
    </row>
    <row r="6630" spans="2:42" x14ac:dyDescent="0.3">
      <c r="B6630">
        <v>60.969791806209656</v>
      </c>
      <c r="C6630" s="83">
        <v>43377.166666666664</v>
      </c>
      <c r="D6630">
        <v>241009.61189999999</v>
      </c>
      <c r="E6630">
        <v>13362.33677</v>
      </c>
      <c r="F6630">
        <v>57010.1607</v>
      </c>
      <c r="G6630">
        <v>30647.035830000001</v>
      </c>
      <c r="H6630">
        <v>34805.103840000003</v>
      </c>
      <c r="I6630">
        <v>17572.0664</v>
      </c>
      <c r="J6630">
        <v>32909.991750000001</v>
      </c>
      <c r="K6630">
        <v>44178.993490000001</v>
      </c>
      <c r="L6630">
        <v>15098.97313</v>
      </c>
      <c r="M6630">
        <v>310852.4314</v>
      </c>
      <c r="N6630">
        <v>73477.782089999993</v>
      </c>
      <c r="O6630">
        <v>17158.116099999999</v>
      </c>
      <c r="P6630">
        <v>22567.08093</v>
      </c>
      <c r="Q6630">
        <v>92390.955409999995</v>
      </c>
      <c r="R6630">
        <v>15594.535529999999</v>
      </c>
      <c r="S6630">
        <v>72540.926940000005</v>
      </c>
      <c r="T6630">
        <v>20073.891739999999</v>
      </c>
      <c r="U6630">
        <v>12312.193859999999</v>
      </c>
      <c r="W6630" s="83">
        <f>Bühler!N6662</f>
        <v>45568.166666650592</v>
      </c>
      <c r="X6630" s="83">
        <v>43377.166666666664</v>
      </c>
      <c r="Y6630">
        <v>241009.61189999999</v>
      </c>
      <c r="Z6630">
        <v>13362.33677</v>
      </c>
      <c r="AA6630">
        <v>57010.1607</v>
      </c>
      <c r="AB6630">
        <v>30647.035830000001</v>
      </c>
      <c r="AC6630">
        <v>34805.103840000003</v>
      </c>
      <c r="AD6630">
        <v>17572.0664</v>
      </c>
      <c r="AE6630">
        <v>32909.991750000001</v>
      </c>
      <c r="AF6630">
        <v>44178.993490000001</v>
      </c>
      <c r="AG6630">
        <v>15098.97313</v>
      </c>
      <c r="AH6630">
        <v>310852.4314</v>
      </c>
      <c r="AI6630">
        <v>73477.782089999993</v>
      </c>
      <c r="AJ6630">
        <v>17158.116099999999</v>
      </c>
      <c r="AK6630">
        <v>22567.08093</v>
      </c>
      <c r="AL6630">
        <v>92390.955409999995</v>
      </c>
      <c r="AM6630">
        <v>15594.535529999999</v>
      </c>
      <c r="AN6630">
        <v>72540.926940000005</v>
      </c>
      <c r="AO6630">
        <v>20073.891739999999</v>
      </c>
      <c r="AP6630">
        <v>12312.193859999999</v>
      </c>
    </row>
    <row r="6631" spans="2:42" x14ac:dyDescent="0.3">
      <c r="B6631">
        <v>63.815784017748776</v>
      </c>
      <c r="C6631" s="83">
        <v>43377.208333333336</v>
      </c>
      <c r="D6631">
        <v>256876.81890000001</v>
      </c>
      <c r="E6631">
        <v>15413.27838</v>
      </c>
      <c r="F6631">
        <v>66817.192389999997</v>
      </c>
      <c r="G6631">
        <v>32739.086630000002</v>
      </c>
      <c r="H6631">
        <v>36425.40885</v>
      </c>
      <c r="I6631">
        <v>25161.969570000001</v>
      </c>
      <c r="J6631">
        <v>36023.317969999996</v>
      </c>
      <c r="K6631">
        <v>44862.574350000003</v>
      </c>
      <c r="L6631">
        <v>16434.194769999998</v>
      </c>
      <c r="M6631">
        <v>325362.62689999997</v>
      </c>
      <c r="N6631">
        <v>75146.367870000002</v>
      </c>
      <c r="O6631">
        <v>17513.075270000001</v>
      </c>
      <c r="P6631">
        <v>24309.766899999999</v>
      </c>
      <c r="Q6631">
        <v>95638.384860000006</v>
      </c>
      <c r="R6631">
        <v>16602.051210000001</v>
      </c>
      <c r="S6631">
        <v>75186.950689999998</v>
      </c>
      <c r="T6631">
        <v>21648.22694</v>
      </c>
      <c r="U6631">
        <v>13973.269029999999</v>
      </c>
      <c r="W6631" s="83">
        <f>Bühler!N6663</f>
        <v>45568.208333317256</v>
      </c>
      <c r="X6631" s="83">
        <v>43377.208333333336</v>
      </c>
      <c r="Y6631">
        <v>256876.81890000001</v>
      </c>
      <c r="Z6631">
        <v>15413.27838</v>
      </c>
      <c r="AA6631">
        <v>66817.192389999997</v>
      </c>
      <c r="AB6631">
        <v>32739.086630000002</v>
      </c>
      <c r="AC6631">
        <v>36425.40885</v>
      </c>
      <c r="AD6631">
        <v>25161.969570000001</v>
      </c>
      <c r="AE6631">
        <v>36023.317969999996</v>
      </c>
      <c r="AF6631">
        <v>44862.574350000003</v>
      </c>
      <c r="AG6631">
        <v>16434.194769999998</v>
      </c>
      <c r="AH6631">
        <v>325362.62689999997</v>
      </c>
      <c r="AI6631">
        <v>75146.367870000002</v>
      </c>
      <c r="AJ6631">
        <v>17513.075270000001</v>
      </c>
      <c r="AK6631">
        <v>24309.766899999999</v>
      </c>
      <c r="AL6631">
        <v>95638.384860000006</v>
      </c>
      <c r="AM6631">
        <v>16602.051210000001</v>
      </c>
      <c r="AN6631">
        <v>75186.950689999998</v>
      </c>
      <c r="AO6631">
        <v>21648.22694</v>
      </c>
      <c r="AP6631">
        <v>13973.269029999999</v>
      </c>
    </row>
    <row r="6632" spans="2:42" x14ac:dyDescent="0.3">
      <c r="B6632">
        <v>67.043164448721384</v>
      </c>
      <c r="C6632" s="83">
        <v>43377.25</v>
      </c>
      <c r="D6632">
        <v>272211.36780000001</v>
      </c>
      <c r="E6632">
        <v>19551.564620000001</v>
      </c>
      <c r="F6632">
        <v>78530.175950000004</v>
      </c>
      <c r="G6632">
        <v>45665.985780000003</v>
      </c>
      <c r="H6632">
        <v>40312.111169999996</v>
      </c>
      <c r="I6632">
        <v>33524.142720000003</v>
      </c>
      <c r="J6632">
        <v>40627.217270000001</v>
      </c>
      <c r="K6632">
        <v>48129.41317</v>
      </c>
      <c r="L6632">
        <v>18163.840560000001</v>
      </c>
      <c r="M6632">
        <v>341817.3174</v>
      </c>
      <c r="N6632">
        <v>79230.311759999997</v>
      </c>
      <c r="O6632">
        <v>19319.95782</v>
      </c>
      <c r="P6632">
        <v>25712.28197</v>
      </c>
      <c r="Q6632">
        <v>96663.078949999996</v>
      </c>
      <c r="R6632">
        <v>18229.128260000001</v>
      </c>
      <c r="S6632">
        <v>84684.790609999996</v>
      </c>
      <c r="T6632">
        <v>25178.61765</v>
      </c>
      <c r="U6632">
        <v>17049.252349999999</v>
      </c>
      <c r="W6632" s="83">
        <f>Bühler!N6664</f>
        <v>45568.24999998392</v>
      </c>
      <c r="X6632" s="83">
        <v>43377.25</v>
      </c>
      <c r="Y6632">
        <v>272211.36780000001</v>
      </c>
      <c r="Z6632">
        <v>19551.564620000001</v>
      </c>
      <c r="AA6632">
        <v>78530.175950000004</v>
      </c>
      <c r="AB6632">
        <v>45665.985780000003</v>
      </c>
      <c r="AC6632">
        <v>40312.111169999996</v>
      </c>
      <c r="AD6632">
        <v>33524.142720000003</v>
      </c>
      <c r="AE6632">
        <v>40627.217270000001</v>
      </c>
      <c r="AF6632">
        <v>48129.41317</v>
      </c>
      <c r="AG6632">
        <v>18163.840560000001</v>
      </c>
      <c r="AH6632">
        <v>341817.3174</v>
      </c>
      <c r="AI6632">
        <v>79230.311759999997</v>
      </c>
      <c r="AJ6632">
        <v>19319.95782</v>
      </c>
      <c r="AK6632">
        <v>25712.28197</v>
      </c>
      <c r="AL6632">
        <v>96663.078949999996</v>
      </c>
      <c r="AM6632">
        <v>18229.128260000001</v>
      </c>
      <c r="AN6632">
        <v>84684.790609999996</v>
      </c>
      <c r="AO6632">
        <v>25178.61765</v>
      </c>
      <c r="AP6632">
        <v>17049.252349999999</v>
      </c>
    </row>
    <row r="6633" spans="2:42" x14ac:dyDescent="0.3">
      <c r="B6633">
        <v>69.46620370629968</v>
      </c>
      <c r="C6633" s="83">
        <v>43377.291666666664</v>
      </c>
      <c r="D6633">
        <v>285918.97930000001</v>
      </c>
      <c r="E6633">
        <v>24299.16936</v>
      </c>
      <c r="F6633">
        <v>81944.330990000002</v>
      </c>
      <c r="G6633">
        <v>60134.870999999999</v>
      </c>
      <c r="H6633">
        <v>46214.239410000002</v>
      </c>
      <c r="I6633">
        <v>42641.357909999999</v>
      </c>
      <c r="J6633">
        <v>42199.004829999998</v>
      </c>
      <c r="K6633">
        <v>54461.955309999998</v>
      </c>
      <c r="L6633">
        <v>20652.367030000001</v>
      </c>
      <c r="M6633">
        <v>354171.10149999999</v>
      </c>
      <c r="N6633">
        <v>86498.701270000005</v>
      </c>
      <c r="O6633">
        <v>22093.12314</v>
      </c>
      <c r="P6633">
        <v>30123.938900000001</v>
      </c>
      <c r="Q6633">
        <v>96816.580759999997</v>
      </c>
      <c r="R6633">
        <v>20510.79895</v>
      </c>
      <c r="S6633">
        <v>100672.92170000001</v>
      </c>
      <c r="T6633">
        <v>28520.723590000001</v>
      </c>
      <c r="U6633">
        <v>22471.282200000001</v>
      </c>
      <c r="W6633" s="83">
        <f>Bühler!N6665</f>
        <v>45568.291666650584</v>
      </c>
      <c r="X6633" s="83">
        <v>43377.291666666664</v>
      </c>
      <c r="Y6633">
        <v>285918.97930000001</v>
      </c>
      <c r="Z6633">
        <v>24299.16936</v>
      </c>
      <c r="AA6633">
        <v>81944.330990000002</v>
      </c>
      <c r="AB6633">
        <v>60134.870999999999</v>
      </c>
      <c r="AC6633">
        <v>46214.239410000002</v>
      </c>
      <c r="AD6633">
        <v>42641.357909999999</v>
      </c>
      <c r="AE6633">
        <v>42199.004829999998</v>
      </c>
      <c r="AF6633">
        <v>54461.955309999998</v>
      </c>
      <c r="AG6633">
        <v>20652.367030000001</v>
      </c>
      <c r="AH6633">
        <v>354171.10149999999</v>
      </c>
      <c r="AI6633">
        <v>86498.701270000005</v>
      </c>
      <c r="AJ6633">
        <v>22093.12314</v>
      </c>
      <c r="AK6633">
        <v>30123.938900000001</v>
      </c>
      <c r="AL6633">
        <v>96816.580759999997</v>
      </c>
      <c r="AM6633">
        <v>20510.79895</v>
      </c>
      <c r="AN6633">
        <v>100672.92170000001</v>
      </c>
      <c r="AO6633">
        <v>28520.723590000001</v>
      </c>
      <c r="AP6633">
        <v>22471.282200000001</v>
      </c>
    </row>
    <row r="6634" spans="2:42" x14ac:dyDescent="0.3">
      <c r="B6634">
        <v>69.830423606060307</v>
      </c>
      <c r="C6634" s="83">
        <v>43377.333333333336</v>
      </c>
      <c r="D6634">
        <v>295467.32510000002</v>
      </c>
      <c r="E6634">
        <v>29350.609199999999</v>
      </c>
      <c r="F6634">
        <v>86323.926340000005</v>
      </c>
      <c r="G6634">
        <v>76292.113039999997</v>
      </c>
      <c r="H6634">
        <v>50098.041469999996</v>
      </c>
      <c r="I6634">
        <v>44934.437019999998</v>
      </c>
      <c r="J6634">
        <v>42033.286</v>
      </c>
      <c r="K6634">
        <v>60340.957719999999</v>
      </c>
      <c r="L6634">
        <v>23923.912</v>
      </c>
      <c r="M6634">
        <v>356028.06439999997</v>
      </c>
      <c r="N6634">
        <v>94266.204400000002</v>
      </c>
      <c r="O6634">
        <v>23478.343290000001</v>
      </c>
      <c r="P6634">
        <v>31857.374360000002</v>
      </c>
      <c r="Q6634">
        <v>96916.12573</v>
      </c>
      <c r="R6634">
        <v>21551.55889</v>
      </c>
      <c r="S6634">
        <v>112629.70020000001</v>
      </c>
      <c r="T6634">
        <v>31448.946650000002</v>
      </c>
      <c r="U6634">
        <v>25270.40885</v>
      </c>
      <c r="W6634" s="83">
        <f>Bühler!N6666</f>
        <v>45568.333333317249</v>
      </c>
      <c r="X6634" s="83">
        <v>43377.333333333336</v>
      </c>
      <c r="Y6634">
        <v>295467.32510000002</v>
      </c>
      <c r="Z6634">
        <v>29350.609199999999</v>
      </c>
      <c r="AA6634">
        <v>86323.926340000005</v>
      </c>
      <c r="AB6634">
        <v>76292.113039999997</v>
      </c>
      <c r="AC6634">
        <v>50098.041469999996</v>
      </c>
      <c r="AD6634">
        <v>44934.437019999998</v>
      </c>
      <c r="AE6634">
        <v>42033.286</v>
      </c>
      <c r="AF6634">
        <v>60340.957719999999</v>
      </c>
      <c r="AG6634">
        <v>23923.912</v>
      </c>
      <c r="AH6634">
        <v>356028.06439999997</v>
      </c>
      <c r="AI6634">
        <v>94266.204400000002</v>
      </c>
      <c r="AJ6634">
        <v>23478.343290000001</v>
      </c>
      <c r="AK6634">
        <v>31857.374360000002</v>
      </c>
      <c r="AL6634">
        <v>96916.12573</v>
      </c>
      <c r="AM6634">
        <v>21551.55889</v>
      </c>
      <c r="AN6634">
        <v>112629.70020000001</v>
      </c>
      <c r="AO6634">
        <v>31448.946650000002</v>
      </c>
      <c r="AP6634">
        <v>25270.40885</v>
      </c>
    </row>
    <row r="6635" spans="2:42" x14ac:dyDescent="0.3">
      <c r="B6635">
        <v>69.717596696668707</v>
      </c>
      <c r="C6635" s="83">
        <v>43377.375</v>
      </c>
      <c r="D6635">
        <v>297744.4167</v>
      </c>
      <c r="E6635">
        <v>33540.420310000001</v>
      </c>
      <c r="F6635">
        <v>92939.586070000005</v>
      </c>
      <c r="G6635">
        <v>84254.189740000002</v>
      </c>
      <c r="H6635">
        <v>52796.26051</v>
      </c>
      <c r="I6635">
        <v>42486.034319999999</v>
      </c>
      <c r="J6635">
        <v>42474.762190000001</v>
      </c>
      <c r="K6635">
        <v>61713.890010000003</v>
      </c>
      <c r="L6635">
        <v>26473.739160000001</v>
      </c>
      <c r="M6635">
        <v>355452.82020000002</v>
      </c>
      <c r="N6635">
        <v>97700.616009999998</v>
      </c>
      <c r="O6635">
        <v>24286.526539999999</v>
      </c>
      <c r="P6635">
        <v>33727.96443</v>
      </c>
      <c r="Q6635">
        <v>97770.429550000001</v>
      </c>
      <c r="R6635">
        <v>21939.859280000001</v>
      </c>
      <c r="S6635">
        <v>118969.74890000001</v>
      </c>
      <c r="T6635">
        <v>33383.170639999997</v>
      </c>
      <c r="U6635">
        <v>25542.787619999999</v>
      </c>
      <c r="W6635" s="83">
        <f>Bühler!N6667</f>
        <v>45568.374999983913</v>
      </c>
      <c r="X6635" s="83">
        <v>43377.375</v>
      </c>
      <c r="Y6635">
        <v>297744.4167</v>
      </c>
      <c r="Z6635">
        <v>33540.420310000001</v>
      </c>
      <c r="AA6635">
        <v>92939.586070000005</v>
      </c>
      <c r="AB6635">
        <v>84254.189740000002</v>
      </c>
      <c r="AC6635">
        <v>52796.26051</v>
      </c>
      <c r="AD6635">
        <v>42486.034319999999</v>
      </c>
      <c r="AE6635">
        <v>42474.762190000001</v>
      </c>
      <c r="AF6635">
        <v>61713.890010000003</v>
      </c>
      <c r="AG6635">
        <v>26473.739160000001</v>
      </c>
      <c r="AH6635">
        <v>355452.82020000002</v>
      </c>
      <c r="AI6635">
        <v>97700.616009999998</v>
      </c>
      <c r="AJ6635">
        <v>24286.526539999999</v>
      </c>
      <c r="AK6635">
        <v>33727.96443</v>
      </c>
      <c r="AL6635">
        <v>97770.429550000001</v>
      </c>
      <c r="AM6635">
        <v>21939.859280000001</v>
      </c>
      <c r="AN6635">
        <v>118969.74890000001</v>
      </c>
      <c r="AO6635">
        <v>33383.170639999997</v>
      </c>
      <c r="AP6635">
        <v>25542.787619999999</v>
      </c>
    </row>
    <row r="6636" spans="2:42" x14ac:dyDescent="0.3">
      <c r="B6636">
        <v>70.305261476436712</v>
      </c>
      <c r="C6636" s="83">
        <v>43377.416666666664</v>
      </c>
      <c r="D6636">
        <v>299476.93170000002</v>
      </c>
      <c r="E6636">
        <v>35243.830220000003</v>
      </c>
      <c r="F6636">
        <v>93670.269369999995</v>
      </c>
      <c r="G6636">
        <v>85613.305630000003</v>
      </c>
      <c r="H6636">
        <v>53525.444710000003</v>
      </c>
      <c r="I6636">
        <v>39298.17527</v>
      </c>
      <c r="J6636">
        <v>41836.205110000003</v>
      </c>
      <c r="K6636">
        <v>62677.98575</v>
      </c>
      <c r="L6636">
        <v>29107.18462</v>
      </c>
      <c r="M6636">
        <v>358449.00929999998</v>
      </c>
      <c r="N6636">
        <v>99367.544620000001</v>
      </c>
      <c r="O6636">
        <v>24314.103579999999</v>
      </c>
      <c r="P6636">
        <v>34018.324589999997</v>
      </c>
      <c r="Q6636">
        <v>97705.896099999998</v>
      </c>
      <c r="R6636">
        <v>22905.454949999999</v>
      </c>
      <c r="S6636">
        <v>118715.9491</v>
      </c>
      <c r="T6636">
        <v>34708.367279999999</v>
      </c>
      <c r="U6636">
        <v>24626.284299999999</v>
      </c>
      <c r="W6636" s="83">
        <f>Bühler!N6668</f>
        <v>45568.416666650577</v>
      </c>
      <c r="X6636" s="83">
        <v>43377.416666666664</v>
      </c>
      <c r="Y6636">
        <v>299476.93170000002</v>
      </c>
      <c r="Z6636">
        <v>35243.830220000003</v>
      </c>
      <c r="AA6636">
        <v>93670.269369999995</v>
      </c>
      <c r="AB6636">
        <v>85613.305630000003</v>
      </c>
      <c r="AC6636">
        <v>53525.444710000003</v>
      </c>
      <c r="AD6636">
        <v>39298.17527</v>
      </c>
      <c r="AE6636">
        <v>41836.205110000003</v>
      </c>
      <c r="AF6636">
        <v>62677.98575</v>
      </c>
      <c r="AG6636">
        <v>29107.18462</v>
      </c>
      <c r="AH6636">
        <v>358449.00929999998</v>
      </c>
      <c r="AI6636">
        <v>99367.544620000001</v>
      </c>
      <c r="AJ6636">
        <v>24314.103579999999</v>
      </c>
      <c r="AK6636">
        <v>34018.324589999997</v>
      </c>
      <c r="AL6636">
        <v>97705.896099999998</v>
      </c>
      <c r="AM6636">
        <v>22905.454949999999</v>
      </c>
      <c r="AN6636">
        <v>118715.9491</v>
      </c>
      <c r="AO6636">
        <v>34708.367279999999</v>
      </c>
      <c r="AP6636">
        <v>24626.284299999999</v>
      </c>
    </row>
    <row r="6637" spans="2:42" x14ac:dyDescent="0.3">
      <c r="B6637">
        <v>71.62784174817655</v>
      </c>
      <c r="C6637" s="83">
        <v>43377.458333333336</v>
      </c>
      <c r="D6637">
        <v>297179.03980000003</v>
      </c>
      <c r="E6637">
        <v>35183.393300000003</v>
      </c>
      <c r="F6637">
        <v>93885.968659999999</v>
      </c>
      <c r="G6637">
        <v>83924.180810000005</v>
      </c>
      <c r="H6637">
        <v>52903.516360000001</v>
      </c>
      <c r="I6637">
        <v>38383.804300000003</v>
      </c>
      <c r="J6637">
        <v>41280.782749999998</v>
      </c>
      <c r="K6637">
        <v>63924.775909999997</v>
      </c>
      <c r="L6637">
        <v>30425.699619999999</v>
      </c>
      <c r="M6637">
        <v>365192.14030000003</v>
      </c>
      <c r="N6637">
        <v>99396.65264</v>
      </c>
      <c r="O6637">
        <v>24549.952369999999</v>
      </c>
      <c r="P6637">
        <v>33106.701979999998</v>
      </c>
      <c r="Q6637">
        <v>98455.819680000001</v>
      </c>
      <c r="R6637">
        <v>23101.783039999998</v>
      </c>
      <c r="S6637">
        <v>120557.5477</v>
      </c>
      <c r="T6637">
        <v>35057.684200000003</v>
      </c>
      <c r="U6637">
        <v>23960.256789999999</v>
      </c>
      <c r="W6637" s="83">
        <f>Bühler!N6669</f>
        <v>45568.458333317241</v>
      </c>
      <c r="X6637" s="83">
        <v>43377.458333333336</v>
      </c>
      <c r="Y6637">
        <v>297179.03980000003</v>
      </c>
      <c r="Z6637">
        <v>35183.393300000003</v>
      </c>
      <c r="AA6637">
        <v>93885.968659999999</v>
      </c>
      <c r="AB6637">
        <v>83924.180810000005</v>
      </c>
      <c r="AC6637">
        <v>52903.516360000001</v>
      </c>
      <c r="AD6637">
        <v>38383.804300000003</v>
      </c>
      <c r="AE6637">
        <v>41280.782749999998</v>
      </c>
      <c r="AF6637">
        <v>63924.775909999997</v>
      </c>
      <c r="AG6637">
        <v>30425.699619999999</v>
      </c>
      <c r="AH6637">
        <v>365192.14030000003</v>
      </c>
      <c r="AI6637">
        <v>99396.65264</v>
      </c>
      <c r="AJ6637">
        <v>24549.952369999999</v>
      </c>
      <c r="AK6637">
        <v>33106.701979999998</v>
      </c>
      <c r="AL6637">
        <v>98455.819680000001</v>
      </c>
      <c r="AM6637">
        <v>23101.783039999998</v>
      </c>
      <c r="AN6637">
        <v>120557.5477</v>
      </c>
      <c r="AO6637">
        <v>35057.684200000003</v>
      </c>
      <c r="AP6637">
        <v>23960.256789999999</v>
      </c>
    </row>
    <row r="6638" spans="2:42" x14ac:dyDescent="0.3">
      <c r="B6638">
        <v>70.810680366583128</v>
      </c>
      <c r="C6638" s="83">
        <v>43377.5</v>
      </c>
      <c r="D6638">
        <v>284954.62959999999</v>
      </c>
      <c r="E6638">
        <v>31518.562819999999</v>
      </c>
      <c r="F6638">
        <v>92213.871429999999</v>
      </c>
      <c r="G6638">
        <v>82650.706550000003</v>
      </c>
      <c r="H6638">
        <v>50640.813990000002</v>
      </c>
      <c r="I6638">
        <v>37531.545189999997</v>
      </c>
      <c r="J6638">
        <v>41124.554859999997</v>
      </c>
      <c r="K6638">
        <v>59209.243840000003</v>
      </c>
      <c r="L6638">
        <v>32439.525020000001</v>
      </c>
      <c r="M6638">
        <v>361025.87050000002</v>
      </c>
      <c r="N6638">
        <v>96187.109429999997</v>
      </c>
      <c r="O6638">
        <v>23884.370800000001</v>
      </c>
      <c r="P6638">
        <v>34297.170720000002</v>
      </c>
      <c r="Q6638">
        <v>97490.765350000001</v>
      </c>
      <c r="R6638">
        <v>24196.100259999999</v>
      </c>
      <c r="S6638">
        <v>113565.4967</v>
      </c>
      <c r="T6638">
        <v>34540.733800000002</v>
      </c>
      <c r="U6638">
        <v>19716.855449999999</v>
      </c>
      <c r="W6638" s="83">
        <f>Bühler!N6670</f>
        <v>45568.499999983906</v>
      </c>
      <c r="X6638" s="83">
        <v>43377.5</v>
      </c>
      <c r="Y6638">
        <v>284954.62959999999</v>
      </c>
      <c r="Z6638">
        <v>31518.562819999999</v>
      </c>
      <c r="AA6638">
        <v>92213.871429999999</v>
      </c>
      <c r="AB6638">
        <v>82650.706550000003</v>
      </c>
      <c r="AC6638">
        <v>50640.813990000002</v>
      </c>
      <c r="AD6638">
        <v>37531.545189999997</v>
      </c>
      <c r="AE6638">
        <v>41124.554859999997</v>
      </c>
      <c r="AF6638">
        <v>59209.243840000003</v>
      </c>
      <c r="AG6638">
        <v>32439.525020000001</v>
      </c>
      <c r="AH6638">
        <v>361025.87050000002</v>
      </c>
      <c r="AI6638">
        <v>96187.109429999997</v>
      </c>
      <c r="AJ6638">
        <v>23884.370800000001</v>
      </c>
      <c r="AK6638">
        <v>34297.170720000002</v>
      </c>
      <c r="AL6638">
        <v>97490.765350000001</v>
      </c>
      <c r="AM6638">
        <v>24196.100259999999</v>
      </c>
      <c r="AN6638">
        <v>113565.4967</v>
      </c>
      <c r="AO6638">
        <v>34540.733800000002</v>
      </c>
      <c r="AP6638">
        <v>19716.855449999999</v>
      </c>
    </row>
    <row r="6639" spans="2:42" x14ac:dyDescent="0.3">
      <c r="B6639">
        <v>70.454447947227123</v>
      </c>
      <c r="C6639" s="83">
        <v>43377.541666666664</v>
      </c>
      <c r="D6639">
        <v>285063.00170000002</v>
      </c>
      <c r="E6639">
        <v>31630.688709999999</v>
      </c>
      <c r="F6639">
        <v>91360.843229999999</v>
      </c>
      <c r="G6639">
        <v>78467.722720000005</v>
      </c>
      <c r="H6639">
        <v>50971.427810000001</v>
      </c>
      <c r="I6639">
        <v>37450.231220000001</v>
      </c>
      <c r="J6639">
        <v>39536.077210000003</v>
      </c>
      <c r="K6639">
        <v>59794.476609999998</v>
      </c>
      <c r="L6639">
        <v>31004.672879999998</v>
      </c>
      <c r="M6639">
        <v>359209.63150000002</v>
      </c>
      <c r="N6639">
        <v>97226.926340000005</v>
      </c>
      <c r="O6639">
        <v>23110.15624</v>
      </c>
      <c r="P6639">
        <v>33962.393539999997</v>
      </c>
      <c r="Q6639">
        <v>96562.687279999998</v>
      </c>
      <c r="R6639">
        <v>25386.301650000001</v>
      </c>
      <c r="S6639">
        <v>113127.9292</v>
      </c>
      <c r="T6639">
        <v>33689.527529999999</v>
      </c>
      <c r="U6639">
        <v>21564.968379999998</v>
      </c>
      <c r="W6639" s="83">
        <f>Bühler!N6671</f>
        <v>45568.54166665057</v>
      </c>
      <c r="X6639" s="83">
        <v>43377.541666666664</v>
      </c>
      <c r="Y6639">
        <v>285063.00170000002</v>
      </c>
      <c r="Z6639">
        <v>31630.688709999999</v>
      </c>
      <c r="AA6639">
        <v>91360.843229999999</v>
      </c>
      <c r="AB6639">
        <v>78467.722720000005</v>
      </c>
      <c r="AC6639">
        <v>50971.427810000001</v>
      </c>
      <c r="AD6639">
        <v>37450.231220000001</v>
      </c>
      <c r="AE6639">
        <v>39536.077210000003</v>
      </c>
      <c r="AF6639">
        <v>59794.476609999998</v>
      </c>
      <c r="AG6639">
        <v>31004.672879999998</v>
      </c>
      <c r="AH6639">
        <v>359209.63150000002</v>
      </c>
      <c r="AI6639">
        <v>97226.926340000005</v>
      </c>
      <c r="AJ6639">
        <v>23110.15624</v>
      </c>
      <c r="AK6639">
        <v>33962.393539999997</v>
      </c>
      <c r="AL6639">
        <v>96562.687279999998</v>
      </c>
      <c r="AM6639">
        <v>25386.301650000001</v>
      </c>
      <c r="AN6639">
        <v>113127.9292</v>
      </c>
      <c r="AO6639">
        <v>33689.527529999999</v>
      </c>
      <c r="AP6639">
        <v>21564.968379999998</v>
      </c>
    </row>
    <row r="6640" spans="2:42" x14ac:dyDescent="0.3">
      <c r="B6640">
        <v>70.27151829006236</v>
      </c>
      <c r="C6640" s="83">
        <v>43377.583333333336</v>
      </c>
      <c r="D6640">
        <v>288344.60700000002</v>
      </c>
      <c r="E6640">
        <v>34524.212019999999</v>
      </c>
      <c r="F6640">
        <v>94380.117020000005</v>
      </c>
      <c r="G6640">
        <v>72031.443459999995</v>
      </c>
      <c r="H6640">
        <v>50816.544869999998</v>
      </c>
      <c r="I6640">
        <v>37686.96514</v>
      </c>
      <c r="J6640">
        <v>39535.959649999997</v>
      </c>
      <c r="K6640">
        <v>63150.213680000001</v>
      </c>
      <c r="L6640">
        <v>28000.144230000002</v>
      </c>
      <c r="M6640">
        <v>358276.97080000001</v>
      </c>
      <c r="N6640">
        <v>98149.584529999993</v>
      </c>
      <c r="O6640">
        <v>22951.696739999999</v>
      </c>
      <c r="P6640">
        <v>29941.087749999999</v>
      </c>
      <c r="Q6640">
        <v>96781.374689999997</v>
      </c>
      <c r="R6640">
        <v>23141.318520000001</v>
      </c>
      <c r="S6640">
        <v>108177.03690000001</v>
      </c>
      <c r="T6640">
        <v>32332.5978</v>
      </c>
      <c r="U6640">
        <v>22726.284879999999</v>
      </c>
      <c r="W6640" s="83">
        <f>Bühler!N6672</f>
        <v>45568.583333317234</v>
      </c>
      <c r="X6640" s="83">
        <v>43377.583333333336</v>
      </c>
      <c r="Y6640">
        <v>288344.60700000002</v>
      </c>
      <c r="Z6640">
        <v>34524.212019999999</v>
      </c>
      <c r="AA6640">
        <v>94380.117020000005</v>
      </c>
      <c r="AB6640">
        <v>72031.443459999995</v>
      </c>
      <c r="AC6640">
        <v>50816.544869999998</v>
      </c>
      <c r="AD6640">
        <v>37686.96514</v>
      </c>
      <c r="AE6640">
        <v>39535.959649999997</v>
      </c>
      <c r="AF6640">
        <v>63150.213680000001</v>
      </c>
      <c r="AG6640">
        <v>28000.144230000002</v>
      </c>
      <c r="AH6640">
        <v>358276.97080000001</v>
      </c>
      <c r="AI6640">
        <v>98149.584529999993</v>
      </c>
      <c r="AJ6640">
        <v>22951.696739999999</v>
      </c>
      <c r="AK6640">
        <v>29941.087749999999</v>
      </c>
      <c r="AL6640">
        <v>96781.374689999997</v>
      </c>
      <c r="AM6640">
        <v>23141.318520000001</v>
      </c>
      <c r="AN6640">
        <v>108177.03690000001</v>
      </c>
      <c r="AO6640">
        <v>32332.5978</v>
      </c>
      <c r="AP6640">
        <v>22726.284879999999</v>
      </c>
    </row>
    <row r="6641" spans="2:42" x14ac:dyDescent="0.3">
      <c r="B6641">
        <v>69.655993916747335</v>
      </c>
      <c r="C6641" s="83">
        <v>43377.625</v>
      </c>
      <c r="D6641">
        <v>287844.06709999999</v>
      </c>
      <c r="E6641">
        <v>34574.426099999997</v>
      </c>
      <c r="F6641">
        <v>94451.965609999999</v>
      </c>
      <c r="G6641">
        <v>69478.841920000006</v>
      </c>
      <c r="H6641">
        <v>49419.957260000003</v>
      </c>
      <c r="I6641">
        <v>37773.08642</v>
      </c>
      <c r="J6641">
        <v>38917.705609999997</v>
      </c>
      <c r="K6641">
        <v>62201.417309999997</v>
      </c>
      <c r="L6641">
        <v>25244.241880000001</v>
      </c>
      <c r="M6641">
        <v>355138.74050000001</v>
      </c>
      <c r="N6641">
        <v>96403.518249999994</v>
      </c>
      <c r="O6641">
        <v>22550.99121</v>
      </c>
      <c r="P6641">
        <v>28235.604009999999</v>
      </c>
      <c r="Q6641">
        <v>96025.349919999993</v>
      </c>
      <c r="R6641">
        <v>22576.972430000002</v>
      </c>
      <c r="S6641">
        <v>105291.0938</v>
      </c>
      <c r="T6641">
        <v>31721.392589999999</v>
      </c>
      <c r="U6641">
        <v>21923.998609999999</v>
      </c>
      <c r="W6641" s="83">
        <f>Bühler!N6673</f>
        <v>45568.624999983898</v>
      </c>
      <c r="X6641" s="83">
        <v>43377.625</v>
      </c>
      <c r="Y6641">
        <v>287844.06709999999</v>
      </c>
      <c r="Z6641">
        <v>34574.426099999997</v>
      </c>
      <c r="AA6641">
        <v>94451.965609999999</v>
      </c>
      <c r="AB6641">
        <v>69478.841920000006</v>
      </c>
      <c r="AC6641">
        <v>49419.957260000003</v>
      </c>
      <c r="AD6641">
        <v>37773.08642</v>
      </c>
      <c r="AE6641">
        <v>38917.705609999997</v>
      </c>
      <c r="AF6641">
        <v>62201.417309999997</v>
      </c>
      <c r="AG6641">
        <v>25244.241880000001</v>
      </c>
      <c r="AH6641">
        <v>355138.74050000001</v>
      </c>
      <c r="AI6641">
        <v>96403.518249999994</v>
      </c>
      <c r="AJ6641">
        <v>22550.99121</v>
      </c>
      <c r="AK6641">
        <v>28235.604009999999</v>
      </c>
      <c r="AL6641">
        <v>96025.349919999993</v>
      </c>
      <c r="AM6641">
        <v>22576.972430000002</v>
      </c>
      <c r="AN6641">
        <v>105291.0938</v>
      </c>
      <c r="AO6641">
        <v>31721.392589999999</v>
      </c>
      <c r="AP6641">
        <v>21923.998609999999</v>
      </c>
    </row>
    <row r="6642" spans="2:42" x14ac:dyDescent="0.3">
      <c r="B6642">
        <v>68.374000359937284</v>
      </c>
      <c r="C6642" s="83">
        <v>43377.666666666664</v>
      </c>
      <c r="D6642">
        <v>282029.54519999999</v>
      </c>
      <c r="E6642">
        <v>33581.396520000002</v>
      </c>
      <c r="F6642">
        <v>93727.414499999999</v>
      </c>
      <c r="G6642">
        <v>64928.531289999999</v>
      </c>
      <c r="H6642">
        <v>47555.026669999999</v>
      </c>
      <c r="I6642">
        <v>39234.991379999999</v>
      </c>
      <c r="J6642">
        <v>38114.364379999999</v>
      </c>
      <c r="K6642">
        <v>60014.713730000003</v>
      </c>
      <c r="L6642">
        <v>24015.546350000001</v>
      </c>
      <c r="M6642">
        <v>348602.53950000001</v>
      </c>
      <c r="N6642">
        <v>93517.922579999999</v>
      </c>
      <c r="O6642">
        <v>22201.335630000001</v>
      </c>
      <c r="P6642">
        <v>27284.024600000001</v>
      </c>
      <c r="Q6642">
        <v>96228.674559999999</v>
      </c>
      <c r="R6642">
        <v>22719.632549999998</v>
      </c>
      <c r="S6642">
        <v>103259.7923</v>
      </c>
      <c r="T6642">
        <v>31262.616620000001</v>
      </c>
      <c r="U6642">
        <v>19883.718730000001</v>
      </c>
      <c r="W6642" s="83">
        <f>Bühler!N6674</f>
        <v>45568.666666650563</v>
      </c>
      <c r="X6642" s="83">
        <v>43377.666666666664</v>
      </c>
      <c r="Y6642">
        <v>282029.54519999999</v>
      </c>
      <c r="Z6642">
        <v>33581.396520000002</v>
      </c>
      <c r="AA6642">
        <v>93727.414499999999</v>
      </c>
      <c r="AB6642">
        <v>64928.531289999999</v>
      </c>
      <c r="AC6642">
        <v>47555.026669999999</v>
      </c>
      <c r="AD6642">
        <v>39234.991379999999</v>
      </c>
      <c r="AE6642">
        <v>38114.364379999999</v>
      </c>
      <c r="AF6642">
        <v>60014.713730000003</v>
      </c>
      <c r="AG6642">
        <v>24015.546350000001</v>
      </c>
      <c r="AH6642">
        <v>348602.53950000001</v>
      </c>
      <c r="AI6642">
        <v>93517.922579999999</v>
      </c>
      <c r="AJ6642">
        <v>22201.335630000001</v>
      </c>
      <c r="AK6642">
        <v>27284.024600000001</v>
      </c>
      <c r="AL6642">
        <v>96228.674559999999</v>
      </c>
      <c r="AM6642">
        <v>22719.632549999998</v>
      </c>
      <c r="AN6642">
        <v>103259.7923</v>
      </c>
      <c r="AO6642">
        <v>31262.616620000001</v>
      </c>
      <c r="AP6642">
        <v>19883.718730000001</v>
      </c>
    </row>
    <row r="6643" spans="2:42" x14ac:dyDescent="0.3">
      <c r="B6643">
        <v>67.024200412574999</v>
      </c>
      <c r="C6643" s="83">
        <v>43377.708333333336</v>
      </c>
      <c r="D6643">
        <v>269245.69669999997</v>
      </c>
      <c r="E6643">
        <v>31669.36074</v>
      </c>
      <c r="F6643">
        <v>92677.339019999999</v>
      </c>
      <c r="G6643">
        <v>57396.623319999999</v>
      </c>
      <c r="H6643">
        <v>45276.113469999997</v>
      </c>
      <c r="I6643">
        <v>38841.28731</v>
      </c>
      <c r="J6643">
        <v>37741.214930000002</v>
      </c>
      <c r="K6643">
        <v>55418.16545</v>
      </c>
      <c r="L6643">
        <v>24468.293949999999</v>
      </c>
      <c r="M6643">
        <v>341720.6299</v>
      </c>
      <c r="N6643">
        <v>89313.182339999999</v>
      </c>
      <c r="O6643">
        <v>21155.197830000001</v>
      </c>
      <c r="P6643">
        <v>28293.449629999999</v>
      </c>
      <c r="Q6643">
        <v>94938.667459999997</v>
      </c>
      <c r="R6643">
        <v>21681.906879999999</v>
      </c>
      <c r="S6643">
        <v>99794.458230000004</v>
      </c>
      <c r="T6643">
        <v>31464.194739999999</v>
      </c>
      <c r="U6643">
        <v>17235.791659999999</v>
      </c>
      <c r="W6643" s="83">
        <f>Bühler!N6675</f>
        <v>45568.708333317227</v>
      </c>
      <c r="X6643" s="83">
        <v>43377.708333333336</v>
      </c>
      <c r="Y6643">
        <v>269245.69669999997</v>
      </c>
      <c r="Z6643">
        <v>31669.36074</v>
      </c>
      <c r="AA6643">
        <v>92677.339019999999</v>
      </c>
      <c r="AB6643">
        <v>57396.623319999999</v>
      </c>
      <c r="AC6643">
        <v>45276.113469999997</v>
      </c>
      <c r="AD6643">
        <v>38841.28731</v>
      </c>
      <c r="AE6643">
        <v>37741.214930000002</v>
      </c>
      <c r="AF6643">
        <v>55418.16545</v>
      </c>
      <c r="AG6643">
        <v>24468.293949999999</v>
      </c>
      <c r="AH6643">
        <v>341720.6299</v>
      </c>
      <c r="AI6643">
        <v>89313.182339999999</v>
      </c>
      <c r="AJ6643">
        <v>21155.197830000001</v>
      </c>
      <c r="AK6643">
        <v>28293.449629999999</v>
      </c>
      <c r="AL6643">
        <v>94938.667459999997</v>
      </c>
      <c r="AM6643">
        <v>21681.906879999999</v>
      </c>
      <c r="AN6643">
        <v>99794.458230000004</v>
      </c>
      <c r="AO6643">
        <v>31464.194739999999</v>
      </c>
      <c r="AP6643">
        <v>17235.791659999999</v>
      </c>
    </row>
    <row r="6644" spans="2:42" x14ac:dyDescent="0.3">
      <c r="B6644">
        <v>65.915849700617073</v>
      </c>
      <c r="C6644" s="83">
        <v>43377.75</v>
      </c>
      <c r="D6644">
        <v>264355.9938</v>
      </c>
      <c r="E6644">
        <v>28416.42798</v>
      </c>
      <c r="F6644">
        <v>90766.158160000006</v>
      </c>
      <c r="G6644">
        <v>49707.230960000001</v>
      </c>
      <c r="H6644">
        <v>42781.217960000002</v>
      </c>
      <c r="I6644">
        <v>37231.040130000001</v>
      </c>
      <c r="J6644">
        <v>38257.514179999998</v>
      </c>
      <c r="K6644">
        <v>52328.369680000003</v>
      </c>
      <c r="L6644">
        <v>26448.15481</v>
      </c>
      <c r="M6644">
        <v>336069.74109999998</v>
      </c>
      <c r="N6644">
        <v>85549.178549999997</v>
      </c>
      <c r="O6644">
        <v>20307.78066</v>
      </c>
      <c r="P6644">
        <v>30887.530070000001</v>
      </c>
      <c r="Q6644">
        <v>92909.402499999997</v>
      </c>
      <c r="R6644">
        <v>21031.460169999998</v>
      </c>
      <c r="S6644">
        <v>93781.547430000006</v>
      </c>
      <c r="T6644">
        <v>32044.069049999998</v>
      </c>
      <c r="U6644">
        <v>15784.664070000001</v>
      </c>
      <c r="W6644" s="83">
        <f>Bühler!N6676</f>
        <v>45568.749999983891</v>
      </c>
      <c r="X6644" s="83">
        <v>43377.75</v>
      </c>
      <c r="Y6644">
        <v>264355.9938</v>
      </c>
      <c r="Z6644">
        <v>28416.42798</v>
      </c>
      <c r="AA6644">
        <v>90766.158160000006</v>
      </c>
      <c r="AB6644">
        <v>49707.230960000001</v>
      </c>
      <c r="AC6644">
        <v>42781.217960000002</v>
      </c>
      <c r="AD6644">
        <v>37231.040130000001</v>
      </c>
      <c r="AE6644">
        <v>38257.514179999998</v>
      </c>
      <c r="AF6644">
        <v>52328.369680000003</v>
      </c>
      <c r="AG6644">
        <v>26448.15481</v>
      </c>
      <c r="AH6644">
        <v>336069.74109999998</v>
      </c>
      <c r="AI6644">
        <v>85549.178549999997</v>
      </c>
      <c r="AJ6644">
        <v>20307.78066</v>
      </c>
      <c r="AK6644">
        <v>30887.530070000001</v>
      </c>
      <c r="AL6644">
        <v>92909.402499999997</v>
      </c>
      <c r="AM6644">
        <v>21031.460169999998</v>
      </c>
      <c r="AN6644">
        <v>93781.547430000006</v>
      </c>
      <c r="AO6644">
        <v>32044.069049999998</v>
      </c>
      <c r="AP6644">
        <v>15784.664070000001</v>
      </c>
    </row>
    <row r="6645" spans="2:42" x14ac:dyDescent="0.3">
      <c r="B6645">
        <v>64.547280363877348</v>
      </c>
      <c r="C6645" s="83">
        <v>43377.791666666664</v>
      </c>
      <c r="D6645">
        <v>258937.2874</v>
      </c>
      <c r="E6645">
        <v>23616.290249999998</v>
      </c>
      <c r="F6645">
        <v>79770.07892</v>
      </c>
      <c r="G6645">
        <v>46558.612059999999</v>
      </c>
      <c r="H6645">
        <v>41833.297330000001</v>
      </c>
      <c r="I6645">
        <v>35124.788650000002</v>
      </c>
      <c r="J6645">
        <v>39390.912530000001</v>
      </c>
      <c r="K6645">
        <v>51549.785349999998</v>
      </c>
      <c r="L6645">
        <v>28130.279910000001</v>
      </c>
      <c r="M6645">
        <v>329092.13640000002</v>
      </c>
      <c r="N6645">
        <v>84358.609160000007</v>
      </c>
      <c r="O6645">
        <v>19330.517159999999</v>
      </c>
      <c r="P6645">
        <v>34084.213089999997</v>
      </c>
      <c r="Q6645">
        <v>90071.397089999999</v>
      </c>
      <c r="R6645">
        <v>20850.313050000001</v>
      </c>
      <c r="S6645">
        <v>90635.423129999996</v>
      </c>
      <c r="T6645">
        <v>33269.696750000003</v>
      </c>
      <c r="U6645">
        <v>15663.882589999999</v>
      </c>
      <c r="W6645" s="83">
        <f>Bühler!N6677</f>
        <v>45568.791666650555</v>
      </c>
      <c r="X6645" s="83">
        <v>43377.791666666664</v>
      </c>
      <c r="Y6645">
        <v>258937.2874</v>
      </c>
      <c r="Z6645">
        <v>23616.290249999998</v>
      </c>
      <c r="AA6645">
        <v>79770.07892</v>
      </c>
      <c r="AB6645">
        <v>46558.612059999999</v>
      </c>
      <c r="AC6645">
        <v>41833.297330000001</v>
      </c>
      <c r="AD6645">
        <v>35124.788650000002</v>
      </c>
      <c r="AE6645">
        <v>39390.912530000001</v>
      </c>
      <c r="AF6645">
        <v>51549.785349999998</v>
      </c>
      <c r="AG6645">
        <v>28130.279910000001</v>
      </c>
      <c r="AH6645">
        <v>329092.13640000002</v>
      </c>
      <c r="AI6645">
        <v>84358.609160000007</v>
      </c>
      <c r="AJ6645">
        <v>19330.517159999999</v>
      </c>
      <c r="AK6645">
        <v>34084.213089999997</v>
      </c>
      <c r="AL6645">
        <v>90071.397089999999</v>
      </c>
      <c r="AM6645">
        <v>20850.313050000001</v>
      </c>
      <c r="AN6645">
        <v>90635.423129999996</v>
      </c>
      <c r="AO6645">
        <v>33269.696750000003</v>
      </c>
      <c r="AP6645">
        <v>15663.882589999999</v>
      </c>
    </row>
    <row r="6646" spans="2:42" x14ac:dyDescent="0.3">
      <c r="B6646">
        <v>62.845020602234783</v>
      </c>
      <c r="C6646" s="83">
        <v>43377.833333333336</v>
      </c>
      <c r="D6646">
        <v>249896.2352</v>
      </c>
      <c r="E6646">
        <v>18139.806199999999</v>
      </c>
      <c r="F6646">
        <v>64361.085709999999</v>
      </c>
      <c r="G6646">
        <v>42229.666420000001</v>
      </c>
      <c r="H6646">
        <v>40734.366779999997</v>
      </c>
      <c r="I6646">
        <v>31987.231479999999</v>
      </c>
      <c r="J6646">
        <v>40195.660320000003</v>
      </c>
      <c r="K6646">
        <v>51081.439100000003</v>
      </c>
      <c r="L6646">
        <v>27259.474679999999</v>
      </c>
      <c r="M6646">
        <v>320413.22230000002</v>
      </c>
      <c r="N6646">
        <v>82303.779939999993</v>
      </c>
      <c r="O6646">
        <v>18386.139749999998</v>
      </c>
      <c r="P6646">
        <v>34843.66678</v>
      </c>
      <c r="Q6646">
        <v>88203.238809999995</v>
      </c>
      <c r="R6646">
        <v>19245.88293</v>
      </c>
      <c r="S6646">
        <v>84853.118640000001</v>
      </c>
      <c r="T6646">
        <v>32037.384880000001</v>
      </c>
      <c r="U6646">
        <v>15118.45585</v>
      </c>
      <c r="W6646" s="83">
        <f>Bühler!N6678</f>
        <v>45568.83333331722</v>
      </c>
      <c r="X6646" s="83">
        <v>43377.833333333336</v>
      </c>
      <c r="Y6646">
        <v>249896.2352</v>
      </c>
      <c r="Z6646">
        <v>18139.806199999999</v>
      </c>
      <c r="AA6646">
        <v>64361.085709999999</v>
      </c>
      <c r="AB6646">
        <v>42229.666420000001</v>
      </c>
      <c r="AC6646">
        <v>40734.366779999997</v>
      </c>
      <c r="AD6646">
        <v>31987.231479999999</v>
      </c>
      <c r="AE6646">
        <v>40195.660320000003</v>
      </c>
      <c r="AF6646">
        <v>51081.439100000003</v>
      </c>
      <c r="AG6646">
        <v>27259.474679999999</v>
      </c>
      <c r="AH6646">
        <v>320413.22230000002</v>
      </c>
      <c r="AI6646">
        <v>82303.779939999993</v>
      </c>
      <c r="AJ6646">
        <v>18386.139749999998</v>
      </c>
      <c r="AK6646">
        <v>34843.66678</v>
      </c>
      <c r="AL6646">
        <v>88203.238809999995</v>
      </c>
      <c r="AM6646">
        <v>19245.88293</v>
      </c>
      <c r="AN6646">
        <v>84853.118640000001</v>
      </c>
      <c r="AO6646">
        <v>32037.384880000001</v>
      </c>
      <c r="AP6646">
        <v>15118.45585</v>
      </c>
    </row>
    <row r="6647" spans="2:42" x14ac:dyDescent="0.3">
      <c r="B6647">
        <v>60.810091526676636</v>
      </c>
      <c r="C6647" s="83">
        <v>43377.875</v>
      </c>
      <c r="D6647">
        <v>241945.84299999999</v>
      </c>
      <c r="E6647">
        <v>15198.711429999999</v>
      </c>
      <c r="F6647">
        <v>55994.508300000001</v>
      </c>
      <c r="G6647">
        <v>38954.46286</v>
      </c>
      <c r="H6647">
        <v>38464.887439999999</v>
      </c>
      <c r="I6647">
        <v>27037.979719999999</v>
      </c>
      <c r="J6647">
        <v>38747.484729999996</v>
      </c>
      <c r="K6647">
        <v>48744.6414</v>
      </c>
      <c r="L6647">
        <v>25298.141339999998</v>
      </c>
      <c r="M6647">
        <v>310038.20490000001</v>
      </c>
      <c r="N6647">
        <v>79525.511840000006</v>
      </c>
      <c r="O6647">
        <v>17288.17067</v>
      </c>
      <c r="P6647">
        <v>33168.32516</v>
      </c>
      <c r="Q6647">
        <v>85796.228860000003</v>
      </c>
      <c r="R6647">
        <v>18126.278190000001</v>
      </c>
      <c r="S6647">
        <v>79758.823470000003</v>
      </c>
      <c r="T6647">
        <v>29079.68763</v>
      </c>
      <c r="U6647">
        <v>13480.66872</v>
      </c>
      <c r="W6647" s="83">
        <f>Bühler!N6679</f>
        <v>45568.874999983884</v>
      </c>
      <c r="X6647" s="83">
        <v>43377.875</v>
      </c>
      <c r="Y6647">
        <v>241945.84299999999</v>
      </c>
      <c r="Z6647">
        <v>15198.711429999999</v>
      </c>
      <c r="AA6647">
        <v>55994.508300000001</v>
      </c>
      <c r="AB6647">
        <v>38954.46286</v>
      </c>
      <c r="AC6647">
        <v>38464.887439999999</v>
      </c>
      <c r="AD6647">
        <v>27037.979719999999</v>
      </c>
      <c r="AE6647">
        <v>38747.484729999996</v>
      </c>
      <c r="AF6647">
        <v>48744.6414</v>
      </c>
      <c r="AG6647">
        <v>25298.141339999998</v>
      </c>
      <c r="AH6647">
        <v>310038.20490000001</v>
      </c>
      <c r="AI6647">
        <v>79525.511840000006</v>
      </c>
      <c r="AJ6647">
        <v>17288.17067</v>
      </c>
      <c r="AK6647">
        <v>33168.32516</v>
      </c>
      <c r="AL6647">
        <v>85796.228860000003</v>
      </c>
      <c r="AM6647">
        <v>18126.278190000001</v>
      </c>
      <c r="AN6647">
        <v>79758.823470000003</v>
      </c>
      <c r="AO6647">
        <v>29079.68763</v>
      </c>
      <c r="AP6647">
        <v>13480.66872</v>
      </c>
    </row>
    <row r="6648" spans="2:42" x14ac:dyDescent="0.3">
      <c r="B6648">
        <v>60.574216183124058</v>
      </c>
      <c r="C6648" s="83">
        <v>43377.916666666664</v>
      </c>
      <c r="D6648">
        <v>240701.27369999999</v>
      </c>
      <c r="E6648">
        <v>14286.334269999999</v>
      </c>
      <c r="F6648">
        <v>53371.545940000004</v>
      </c>
      <c r="G6648">
        <v>36038.961660000001</v>
      </c>
      <c r="H6648">
        <v>36775.064109999999</v>
      </c>
      <c r="I6648">
        <v>25080.445360000002</v>
      </c>
      <c r="J6648">
        <v>37343.908920000002</v>
      </c>
      <c r="K6648">
        <v>51388.527430000002</v>
      </c>
      <c r="L6648">
        <v>22553.095450000001</v>
      </c>
      <c r="M6648">
        <v>308835.60239999997</v>
      </c>
      <c r="N6648">
        <v>78079.604500000001</v>
      </c>
      <c r="O6648">
        <v>17448.412919999999</v>
      </c>
      <c r="P6648">
        <v>34309.775459999997</v>
      </c>
      <c r="Q6648">
        <v>84418.302819999997</v>
      </c>
      <c r="R6648">
        <v>19003.163639999999</v>
      </c>
      <c r="S6648">
        <v>78007.393160000007</v>
      </c>
      <c r="T6648">
        <v>25221.255539999998</v>
      </c>
      <c r="U6648">
        <v>13534.00794</v>
      </c>
      <c r="W6648" s="83">
        <f>Bühler!N6680</f>
        <v>45568.916666650548</v>
      </c>
      <c r="X6648" s="83">
        <v>43377.916666666664</v>
      </c>
      <c r="Y6648">
        <v>240701.27369999999</v>
      </c>
      <c r="Z6648">
        <v>14286.334269999999</v>
      </c>
      <c r="AA6648">
        <v>53371.545940000004</v>
      </c>
      <c r="AB6648">
        <v>36038.961660000001</v>
      </c>
      <c r="AC6648">
        <v>36775.064109999999</v>
      </c>
      <c r="AD6648">
        <v>25080.445360000002</v>
      </c>
      <c r="AE6648">
        <v>37343.908920000002</v>
      </c>
      <c r="AF6648">
        <v>51388.527430000002</v>
      </c>
      <c r="AG6648">
        <v>22553.095450000001</v>
      </c>
      <c r="AH6648">
        <v>308835.60239999997</v>
      </c>
      <c r="AI6648">
        <v>78079.604500000001</v>
      </c>
      <c r="AJ6648">
        <v>17448.412919999999</v>
      </c>
      <c r="AK6648">
        <v>34309.775459999997</v>
      </c>
      <c r="AL6648">
        <v>84418.302819999997</v>
      </c>
      <c r="AM6648">
        <v>19003.163639999999</v>
      </c>
      <c r="AN6648">
        <v>78007.393160000007</v>
      </c>
      <c r="AO6648">
        <v>25221.255539999998</v>
      </c>
      <c r="AP6648">
        <v>13534.00794</v>
      </c>
    </row>
    <row r="6649" spans="2:42" x14ac:dyDescent="0.3">
      <c r="B6649">
        <v>59.879385882716278</v>
      </c>
      <c r="C6649" s="83">
        <v>43377.958333333336</v>
      </c>
      <c r="D6649">
        <v>240616.68859999999</v>
      </c>
      <c r="E6649">
        <v>13763.40814</v>
      </c>
      <c r="F6649">
        <v>52647.454940000003</v>
      </c>
      <c r="G6649">
        <v>35182.071239999997</v>
      </c>
      <c r="H6649">
        <v>35575.655709999999</v>
      </c>
      <c r="I6649">
        <v>24207.915840000001</v>
      </c>
      <c r="J6649">
        <v>34047.343529999998</v>
      </c>
      <c r="K6649">
        <v>51030.451419999998</v>
      </c>
      <c r="L6649">
        <v>19619.745279999999</v>
      </c>
      <c r="M6649">
        <v>305293.03350000002</v>
      </c>
      <c r="N6649">
        <v>77496.888460000002</v>
      </c>
      <c r="O6649">
        <v>17297.821240000001</v>
      </c>
      <c r="P6649">
        <v>29808.795239999999</v>
      </c>
      <c r="Q6649">
        <v>84040.986480000007</v>
      </c>
      <c r="R6649">
        <v>18237.122790000001</v>
      </c>
      <c r="S6649">
        <v>76568.523260000002</v>
      </c>
      <c r="T6649">
        <v>23977.964619999999</v>
      </c>
      <c r="U6649">
        <v>12889.978150000001</v>
      </c>
      <c r="W6649" s="83">
        <f>Bühler!N6681</f>
        <v>45568.958333317212</v>
      </c>
      <c r="X6649" s="83">
        <v>43377.958333333336</v>
      </c>
      <c r="Y6649">
        <v>240616.68859999999</v>
      </c>
      <c r="Z6649">
        <v>13763.40814</v>
      </c>
      <c r="AA6649">
        <v>52647.454940000003</v>
      </c>
      <c r="AB6649">
        <v>35182.071239999997</v>
      </c>
      <c r="AC6649">
        <v>35575.655709999999</v>
      </c>
      <c r="AD6649">
        <v>24207.915840000001</v>
      </c>
      <c r="AE6649">
        <v>34047.343529999998</v>
      </c>
      <c r="AF6649">
        <v>51030.451419999998</v>
      </c>
      <c r="AG6649">
        <v>19619.745279999999</v>
      </c>
      <c r="AH6649">
        <v>305293.03350000002</v>
      </c>
      <c r="AI6649">
        <v>77496.888460000002</v>
      </c>
      <c r="AJ6649">
        <v>17297.821240000001</v>
      </c>
      <c r="AK6649">
        <v>29808.795239999999</v>
      </c>
      <c r="AL6649">
        <v>84040.986480000007</v>
      </c>
      <c r="AM6649">
        <v>18237.122790000001</v>
      </c>
      <c r="AN6649">
        <v>76568.523260000002</v>
      </c>
      <c r="AO6649">
        <v>23977.964619999999</v>
      </c>
      <c r="AP6649">
        <v>12889.978150000001</v>
      </c>
    </row>
    <row r="6650" spans="2:42" x14ac:dyDescent="0.3">
      <c r="B6650">
        <v>58.591385186122245</v>
      </c>
      <c r="C6650" s="83">
        <v>43378</v>
      </c>
      <c r="D6650">
        <v>237826.1453</v>
      </c>
      <c r="E6650">
        <v>13272.09296</v>
      </c>
      <c r="F6650">
        <v>51609.728690000004</v>
      </c>
      <c r="G6650">
        <v>34387.196859999996</v>
      </c>
      <c r="H6650">
        <v>35007.834300000002</v>
      </c>
      <c r="I6650">
        <v>22002.366119999999</v>
      </c>
      <c r="J6650">
        <v>31751.933560000001</v>
      </c>
      <c r="K6650">
        <v>49439.50589</v>
      </c>
      <c r="L6650">
        <v>17708.969349999999</v>
      </c>
      <c r="M6650">
        <v>298726.20529999997</v>
      </c>
      <c r="N6650">
        <v>76910.901249999995</v>
      </c>
      <c r="O6650">
        <v>17357.72883</v>
      </c>
      <c r="P6650">
        <v>27165.476320000002</v>
      </c>
      <c r="Q6650">
        <v>83084.759529999996</v>
      </c>
      <c r="R6650">
        <v>16145.429749999999</v>
      </c>
      <c r="S6650">
        <v>75158.516589999999</v>
      </c>
      <c r="T6650">
        <v>22074.621800000001</v>
      </c>
      <c r="U6650">
        <v>12610.151320000001</v>
      </c>
      <c r="W6650" s="83">
        <f>Bühler!N6682</f>
        <v>45568.999999983876</v>
      </c>
      <c r="X6650" s="83">
        <v>43378</v>
      </c>
      <c r="Y6650">
        <v>237826.1453</v>
      </c>
      <c r="Z6650">
        <v>13272.09296</v>
      </c>
      <c r="AA6650">
        <v>51609.728690000004</v>
      </c>
      <c r="AB6650">
        <v>34387.196859999996</v>
      </c>
      <c r="AC6650">
        <v>35007.834300000002</v>
      </c>
      <c r="AD6650">
        <v>22002.366119999999</v>
      </c>
      <c r="AE6650">
        <v>31751.933560000001</v>
      </c>
      <c r="AF6650">
        <v>49439.50589</v>
      </c>
      <c r="AG6650">
        <v>17708.969349999999</v>
      </c>
      <c r="AH6650">
        <v>298726.20529999997</v>
      </c>
      <c r="AI6650">
        <v>76910.901249999995</v>
      </c>
      <c r="AJ6650">
        <v>17357.72883</v>
      </c>
      <c r="AK6650">
        <v>27165.476320000002</v>
      </c>
      <c r="AL6650">
        <v>83084.759529999996</v>
      </c>
      <c r="AM6650">
        <v>16145.429749999999</v>
      </c>
      <c r="AN6650">
        <v>75158.516589999999</v>
      </c>
      <c r="AO6650">
        <v>22074.621800000001</v>
      </c>
      <c r="AP6650">
        <v>12610.151320000001</v>
      </c>
    </row>
    <row r="6651" spans="2:42" x14ac:dyDescent="0.3">
      <c r="B6651">
        <v>58.044376122425994</v>
      </c>
      <c r="C6651" s="83">
        <v>43378.041666666664</v>
      </c>
      <c r="D6651">
        <v>237463.712</v>
      </c>
      <c r="E6651">
        <v>12997.21629</v>
      </c>
      <c r="F6651">
        <v>51855.834349999997</v>
      </c>
      <c r="G6651">
        <v>33393.639580000003</v>
      </c>
      <c r="H6651">
        <v>34295.119339999997</v>
      </c>
      <c r="I6651">
        <v>18538.554970000001</v>
      </c>
      <c r="J6651">
        <v>30759.741880000001</v>
      </c>
      <c r="K6651">
        <v>47463.267890000003</v>
      </c>
      <c r="L6651">
        <v>16857.394789999998</v>
      </c>
      <c r="M6651">
        <v>295937.29800000001</v>
      </c>
      <c r="N6651">
        <v>75405.695510000005</v>
      </c>
      <c r="O6651">
        <v>17349.854319999999</v>
      </c>
      <c r="P6651">
        <v>25321.539519999998</v>
      </c>
      <c r="Q6651">
        <v>83917.772949999999</v>
      </c>
      <c r="R6651">
        <v>15275.72766</v>
      </c>
      <c r="S6651">
        <v>74305.300529999993</v>
      </c>
      <c r="T6651">
        <v>21205.8099</v>
      </c>
      <c r="U6651">
        <v>12248.856820000001</v>
      </c>
      <c r="W6651" s="83">
        <f>Bühler!N6683</f>
        <v>45569.041666650541</v>
      </c>
      <c r="X6651" s="83">
        <v>43378.041666666664</v>
      </c>
      <c r="Y6651">
        <v>237463.712</v>
      </c>
      <c r="Z6651">
        <v>12997.21629</v>
      </c>
      <c r="AA6651">
        <v>51855.834349999997</v>
      </c>
      <c r="AB6651">
        <v>33393.639580000003</v>
      </c>
      <c r="AC6651">
        <v>34295.119339999997</v>
      </c>
      <c r="AD6651">
        <v>18538.554970000001</v>
      </c>
      <c r="AE6651">
        <v>30759.741880000001</v>
      </c>
      <c r="AF6651">
        <v>47463.267890000003</v>
      </c>
      <c r="AG6651">
        <v>16857.394789999998</v>
      </c>
      <c r="AH6651">
        <v>295937.29800000001</v>
      </c>
      <c r="AI6651">
        <v>75405.695510000005</v>
      </c>
      <c r="AJ6651">
        <v>17349.854319999999</v>
      </c>
      <c r="AK6651">
        <v>25321.539519999998</v>
      </c>
      <c r="AL6651">
        <v>83917.772949999999</v>
      </c>
      <c r="AM6651">
        <v>15275.72766</v>
      </c>
      <c r="AN6651">
        <v>74305.300529999993</v>
      </c>
      <c r="AO6651">
        <v>21205.8099</v>
      </c>
      <c r="AP6651">
        <v>12248.856820000001</v>
      </c>
    </row>
    <row r="6652" spans="2:42" x14ac:dyDescent="0.3">
      <c r="B6652">
        <v>58.097439295124367</v>
      </c>
      <c r="C6652" s="83">
        <v>43378.083333333336</v>
      </c>
      <c r="D6652">
        <v>237000.00469999999</v>
      </c>
      <c r="E6652">
        <v>12893.07015</v>
      </c>
      <c r="F6652">
        <v>52150.100039999998</v>
      </c>
      <c r="G6652">
        <v>33372.934759999996</v>
      </c>
      <c r="H6652">
        <v>34296.766109999997</v>
      </c>
      <c r="I6652">
        <v>16614.678319999999</v>
      </c>
      <c r="J6652">
        <v>30433.972310000001</v>
      </c>
      <c r="K6652">
        <v>46410.722589999998</v>
      </c>
      <c r="L6652">
        <v>16476.099699999999</v>
      </c>
      <c r="M6652">
        <v>296207.83880000003</v>
      </c>
      <c r="N6652">
        <v>75494.270520000005</v>
      </c>
      <c r="O6652">
        <v>17626.46701</v>
      </c>
      <c r="P6652">
        <v>24113.122200000002</v>
      </c>
      <c r="Q6652">
        <v>86102.023830000006</v>
      </c>
      <c r="R6652">
        <v>15274.641750000001</v>
      </c>
      <c r="S6652">
        <v>73144.089909999995</v>
      </c>
      <c r="T6652">
        <v>20672.339800000002</v>
      </c>
      <c r="U6652">
        <v>12378.15717</v>
      </c>
      <c r="W6652" s="83">
        <f>Bühler!N6684</f>
        <v>45569.083333317205</v>
      </c>
      <c r="X6652" s="83">
        <v>43378.083333333336</v>
      </c>
      <c r="Y6652">
        <v>237000.00469999999</v>
      </c>
      <c r="Z6652">
        <v>12893.07015</v>
      </c>
      <c r="AA6652">
        <v>52150.100039999998</v>
      </c>
      <c r="AB6652">
        <v>33372.934759999996</v>
      </c>
      <c r="AC6652">
        <v>34296.766109999997</v>
      </c>
      <c r="AD6652">
        <v>16614.678319999999</v>
      </c>
      <c r="AE6652">
        <v>30433.972310000001</v>
      </c>
      <c r="AF6652">
        <v>46410.722589999998</v>
      </c>
      <c r="AG6652">
        <v>16476.099699999999</v>
      </c>
      <c r="AH6652">
        <v>296207.83880000003</v>
      </c>
      <c r="AI6652">
        <v>75494.270520000005</v>
      </c>
      <c r="AJ6652">
        <v>17626.46701</v>
      </c>
      <c r="AK6652">
        <v>24113.122200000002</v>
      </c>
      <c r="AL6652">
        <v>86102.023830000006</v>
      </c>
      <c r="AM6652">
        <v>15274.641750000001</v>
      </c>
      <c r="AN6652">
        <v>73144.089909999995</v>
      </c>
      <c r="AO6652">
        <v>20672.339800000002</v>
      </c>
      <c r="AP6652">
        <v>12378.15717</v>
      </c>
    </row>
    <row r="6653" spans="2:42" x14ac:dyDescent="0.3">
      <c r="B6653">
        <v>59.101021972113735</v>
      </c>
      <c r="C6653" s="83">
        <v>43378.125</v>
      </c>
      <c r="D6653">
        <v>239035.38620000001</v>
      </c>
      <c r="E6653">
        <v>12872.611339999999</v>
      </c>
      <c r="F6653">
        <v>53190.769269999997</v>
      </c>
      <c r="G6653">
        <v>32598.782309999999</v>
      </c>
      <c r="H6653">
        <v>34439.925150000003</v>
      </c>
      <c r="I6653">
        <v>16896.610229999998</v>
      </c>
      <c r="J6653">
        <v>30588.364320000001</v>
      </c>
      <c r="K6653">
        <v>45422.885649999997</v>
      </c>
      <c r="L6653">
        <v>15995.33094</v>
      </c>
      <c r="M6653">
        <v>301324.57130000001</v>
      </c>
      <c r="N6653">
        <v>74143.204729999998</v>
      </c>
      <c r="O6653">
        <v>17652.33481</v>
      </c>
      <c r="P6653">
        <v>23315.538509999998</v>
      </c>
      <c r="Q6653">
        <v>88693.081099999996</v>
      </c>
      <c r="R6653">
        <v>14887.845810000001</v>
      </c>
      <c r="S6653">
        <v>72560.549039999998</v>
      </c>
      <c r="T6653">
        <v>20359.0926</v>
      </c>
      <c r="U6653">
        <v>12130.56796</v>
      </c>
      <c r="W6653" s="83">
        <f>Bühler!N6685</f>
        <v>45569.124999983869</v>
      </c>
      <c r="X6653" s="83">
        <v>43378.125</v>
      </c>
      <c r="Y6653">
        <v>239035.38620000001</v>
      </c>
      <c r="Z6653">
        <v>12872.611339999999</v>
      </c>
      <c r="AA6653">
        <v>53190.769269999997</v>
      </c>
      <c r="AB6653">
        <v>32598.782309999999</v>
      </c>
      <c r="AC6653">
        <v>34439.925150000003</v>
      </c>
      <c r="AD6653">
        <v>16896.610229999998</v>
      </c>
      <c r="AE6653">
        <v>30588.364320000001</v>
      </c>
      <c r="AF6653">
        <v>45422.885649999997</v>
      </c>
      <c r="AG6653">
        <v>15995.33094</v>
      </c>
      <c r="AH6653">
        <v>301324.57130000001</v>
      </c>
      <c r="AI6653">
        <v>74143.204729999998</v>
      </c>
      <c r="AJ6653">
        <v>17652.33481</v>
      </c>
      <c r="AK6653">
        <v>23315.538509999998</v>
      </c>
      <c r="AL6653">
        <v>88693.081099999996</v>
      </c>
      <c r="AM6653">
        <v>14887.845810000001</v>
      </c>
      <c r="AN6653">
        <v>72560.549039999998</v>
      </c>
      <c r="AO6653">
        <v>20359.0926</v>
      </c>
      <c r="AP6653">
        <v>12130.56796</v>
      </c>
    </row>
    <row r="6654" spans="2:42" x14ac:dyDescent="0.3">
      <c r="B6654">
        <v>60.110570855008923</v>
      </c>
      <c r="C6654" s="83">
        <v>43378.166666666664</v>
      </c>
      <c r="D6654">
        <v>240467.9369</v>
      </c>
      <c r="E6654">
        <v>13310.50878</v>
      </c>
      <c r="F6654">
        <v>56758.174429999999</v>
      </c>
      <c r="G6654">
        <v>31754.247480000002</v>
      </c>
      <c r="H6654">
        <v>34729.358639999999</v>
      </c>
      <c r="I6654">
        <v>19209.780149999999</v>
      </c>
      <c r="J6654">
        <v>32885.391609999999</v>
      </c>
      <c r="K6654">
        <v>43943.91934</v>
      </c>
      <c r="L6654">
        <v>16113.525180000001</v>
      </c>
      <c r="M6654">
        <v>306471.72230000002</v>
      </c>
      <c r="N6654">
        <v>72771.693610000002</v>
      </c>
      <c r="O6654">
        <v>17779.96859</v>
      </c>
      <c r="P6654">
        <v>23005.69541</v>
      </c>
      <c r="Q6654">
        <v>92344.737410000002</v>
      </c>
      <c r="R6654">
        <v>14503.9148</v>
      </c>
      <c r="S6654">
        <v>72530.370039999994</v>
      </c>
      <c r="T6654">
        <v>20351.51973</v>
      </c>
      <c r="U6654">
        <v>12662.51777</v>
      </c>
      <c r="W6654" s="83">
        <f>Bühler!N6686</f>
        <v>45569.166666650533</v>
      </c>
      <c r="X6654" s="83">
        <v>43378.166666666664</v>
      </c>
      <c r="Y6654">
        <v>240467.9369</v>
      </c>
      <c r="Z6654">
        <v>13310.50878</v>
      </c>
      <c r="AA6654">
        <v>56758.174429999999</v>
      </c>
      <c r="AB6654">
        <v>31754.247480000002</v>
      </c>
      <c r="AC6654">
        <v>34729.358639999999</v>
      </c>
      <c r="AD6654">
        <v>19209.780149999999</v>
      </c>
      <c r="AE6654">
        <v>32885.391609999999</v>
      </c>
      <c r="AF6654">
        <v>43943.91934</v>
      </c>
      <c r="AG6654">
        <v>16113.525180000001</v>
      </c>
      <c r="AH6654">
        <v>306471.72230000002</v>
      </c>
      <c r="AI6654">
        <v>72771.693610000002</v>
      </c>
      <c r="AJ6654">
        <v>17779.96859</v>
      </c>
      <c r="AK6654">
        <v>23005.69541</v>
      </c>
      <c r="AL6654">
        <v>92344.737410000002</v>
      </c>
      <c r="AM6654">
        <v>14503.9148</v>
      </c>
      <c r="AN6654">
        <v>72530.370039999994</v>
      </c>
      <c r="AO6654">
        <v>20351.51973</v>
      </c>
      <c r="AP6654">
        <v>12662.51777</v>
      </c>
    </row>
    <row r="6655" spans="2:42" x14ac:dyDescent="0.3">
      <c r="B6655">
        <v>62.614467113957915</v>
      </c>
      <c r="C6655" s="83">
        <v>43378.208333333336</v>
      </c>
      <c r="D6655">
        <v>254554.44589999999</v>
      </c>
      <c r="E6655">
        <v>15230.02989</v>
      </c>
      <c r="F6655">
        <v>66298.315409999996</v>
      </c>
      <c r="G6655">
        <v>33631.766259999997</v>
      </c>
      <c r="H6655">
        <v>36459.544479999997</v>
      </c>
      <c r="I6655">
        <v>26888.703539999999</v>
      </c>
      <c r="J6655">
        <v>36108.690450000002</v>
      </c>
      <c r="K6655">
        <v>44807.387499999997</v>
      </c>
      <c r="L6655">
        <v>17754.469730000001</v>
      </c>
      <c r="M6655">
        <v>319237.75309999997</v>
      </c>
      <c r="N6655">
        <v>74820.843760000003</v>
      </c>
      <c r="O6655">
        <v>18137.352729999999</v>
      </c>
      <c r="P6655">
        <v>24508.480810000001</v>
      </c>
      <c r="Q6655">
        <v>94371.984230000002</v>
      </c>
      <c r="R6655">
        <v>15537.91239</v>
      </c>
      <c r="S6655">
        <v>75436.757949999999</v>
      </c>
      <c r="T6655">
        <v>21662.40191</v>
      </c>
      <c r="U6655">
        <v>13739.374690000001</v>
      </c>
      <c r="W6655" s="83">
        <f>Bühler!N6687</f>
        <v>45569.208333317198</v>
      </c>
      <c r="X6655" s="83">
        <v>43378.208333333336</v>
      </c>
      <c r="Y6655">
        <v>254554.44589999999</v>
      </c>
      <c r="Z6655">
        <v>15230.02989</v>
      </c>
      <c r="AA6655">
        <v>66298.315409999996</v>
      </c>
      <c r="AB6655">
        <v>33631.766259999997</v>
      </c>
      <c r="AC6655">
        <v>36459.544479999997</v>
      </c>
      <c r="AD6655">
        <v>26888.703539999999</v>
      </c>
      <c r="AE6655">
        <v>36108.690450000002</v>
      </c>
      <c r="AF6655">
        <v>44807.387499999997</v>
      </c>
      <c r="AG6655">
        <v>17754.469730000001</v>
      </c>
      <c r="AH6655">
        <v>319237.75309999997</v>
      </c>
      <c r="AI6655">
        <v>74820.843760000003</v>
      </c>
      <c r="AJ6655">
        <v>18137.352729999999</v>
      </c>
      <c r="AK6655">
        <v>24508.480810000001</v>
      </c>
      <c r="AL6655">
        <v>94371.984230000002</v>
      </c>
      <c r="AM6655">
        <v>15537.91239</v>
      </c>
      <c r="AN6655">
        <v>75436.757949999999</v>
      </c>
      <c r="AO6655">
        <v>21662.40191</v>
      </c>
      <c r="AP6655">
        <v>13739.374690000001</v>
      </c>
    </row>
    <row r="6656" spans="2:42" x14ac:dyDescent="0.3">
      <c r="B6656">
        <v>65.034058668085592</v>
      </c>
      <c r="C6656" s="83">
        <v>43378.25</v>
      </c>
      <c r="D6656">
        <v>269349.05089999997</v>
      </c>
      <c r="E6656">
        <v>19574.10009</v>
      </c>
      <c r="F6656">
        <v>78034.4519</v>
      </c>
      <c r="G6656">
        <v>46892.020859999997</v>
      </c>
      <c r="H6656">
        <v>40276.098709999998</v>
      </c>
      <c r="I6656">
        <v>34606.871339999998</v>
      </c>
      <c r="J6656">
        <v>40449.569360000001</v>
      </c>
      <c r="K6656">
        <v>48174.083789999997</v>
      </c>
      <c r="L6656">
        <v>18957.980469999999</v>
      </c>
      <c r="M6656">
        <v>331573.95919999998</v>
      </c>
      <c r="N6656">
        <v>79603.625369999994</v>
      </c>
      <c r="O6656">
        <v>19707.878209999999</v>
      </c>
      <c r="P6656">
        <v>25743.426189999998</v>
      </c>
      <c r="Q6656">
        <v>95097.061879999994</v>
      </c>
      <c r="R6656">
        <v>16362.53865</v>
      </c>
      <c r="S6656">
        <v>84728.351460000005</v>
      </c>
      <c r="T6656">
        <v>24850.574720000001</v>
      </c>
      <c r="U6656">
        <v>17391.57806</v>
      </c>
      <c r="W6656" s="83">
        <f>Bühler!N6688</f>
        <v>45569.249999983862</v>
      </c>
      <c r="X6656" s="83">
        <v>43378.25</v>
      </c>
      <c r="Y6656">
        <v>269349.05089999997</v>
      </c>
      <c r="Z6656">
        <v>19574.10009</v>
      </c>
      <c r="AA6656">
        <v>78034.4519</v>
      </c>
      <c r="AB6656">
        <v>46892.020859999997</v>
      </c>
      <c r="AC6656">
        <v>40276.098709999998</v>
      </c>
      <c r="AD6656">
        <v>34606.871339999998</v>
      </c>
      <c r="AE6656">
        <v>40449.569360000001</v>
      </c>
      <c r="AF6656">
        <v>48174.083789999997</v>
      </c>
      <c r="AG6656">
        <v>18957.980469999999</v>
      </c>
      <c r="AH6656">
        <v>331573.95919999998</v>
      </c>
      <c r="AI6656">
        <v>79603.625369999994</v>
      </c>
      <c r="AJ6656">
        <v>19707.878209999999</v>
      </c>
      <c r="AK6656">
        <v>25743.426189999998</v>
      </c>
      <c r="AL6656">
        <v>95097.061879999994</v>
      </c>
      <c r="AM6656">
        <v>16362.53865</v>
      </c>
      <c r="AN6656">
        <v>84728.351460000005</v>
      </c>
      <c r="AO6656">
        <v>24850.574720000001</v>
      </c>
      <c r="AP6656">
        <v>17391.57806</v>
      </c>
    </row>
    <row r="6657" spans="2:42" x14ac:dyDescent="0.3">
      <c r="B6657">
        <v>66.97768312990739</v>
      </c>
      <c r="C6657" s="83">
        <v>43378.291666666664</v>
      </c>
      <c r="D6657">
        <v>281595.78879999998</v>
      </c>
      <c r="E6657">
        <v>24143.308130000001</v>
      </c>
      <c r="F6657">
        <v>82321.486260000005</v>
      </c>
      <c r="G6657">
        <v>61130.60701</v>
      </c>
      <c r="H6657">
        <v>45909.878660000002</v>
      </c>
      <c r="I6657">
        <v>43783.012710000003</v>
      </c>
      <c r="J6657">
        <v>42804.290730000001</v>
      </c>
      <c r="K6657">
        <v>53861.123209999998</v>
      </c>
      <c r="L6657">
        <v>21731.711299999999</v>
      </c>
      <c r="M6657">
        <v>341483.46309999999</v>
      </c>
      <c r="N6657">
        <v>85290.618319999994</v>
      </c>
      <c r="O6657">
        <v>22560.522300000001</v>
      </c>
      <c r="P6657">
        <v>29377.721010000001</v>
      </c>
      <c r="Q6657">
        <v>94900.483229999998</v>
      </c>
      <c r="R6657">
        <v>19732.495439999999</v>
      </c>
      <c r="S6657">
        <v>101004.0566</v>
      </c>
      <c r="T6657">
        <v>29022.209719999999</v>
      </c>
      <c r="U6657">
        <v>22446.310119999998</v>
      </c>
      <c r="W6657" s="83">
        <f>Bühler!N6689</f>
        <v>45569.291666650526</v>
      </c>
      <c r="X6657" s="83">
        <v>43378.291666666664</v>
      </c>
      <c r="Y6657">
        <v>281595.78879999998</v>
      </c>
      <c r="Z6657">
        <v>24143.308130000001</v>
      </c>
      <c r="AA6657">
        <v>82321.486260000005</v>
      </c>
      <c r="AB6657">
        <v>61130.60701</v>
      </c>
      <c r="AC6657">
        <v>45909.878660000002</v>
      </c>
      <c r="AD6657">
        <v>43783.012710000003</v>
      </c>
      <c r="AE6657">
        <v>42804.290730000001</v>
      </c>
      <c r="AF6657">
        <v>53861.123209999998</v>
      </c>
      <c r="AG6657">
        <v>21731.711299999999</v>
      </c>
      <c r="AH6657">
        <v>341483.46309999999</v>
      </c>
      <c r="AI6657">
        <v>85290.618319999994</v>
      </c>
      <c r="AJ6657">
        <v>22560.522300000001</v>
      </c>
      <c r="AK6657">
        <v>29377.721010000001</v>
      </c>
      <c r="AL6657">
        <v>94900.483229999998</v>
      </c>
      <c r="AM6657">
        <v>19732.495439999999</v>
      </c>
      <c r="AN6657">
        <v>101004.0566</v>
      </c>
      <c r="AO6657">
        <v>29022.209719999999</v>
      </c>
      <c r="AP6657">
        <v>22446.310119999998</v>
      </c>
    </row>
    <row r="6658" spans="2:42" x14ac:dyDescent="0.3">
      <c r="B6658">
        <v>67.065632362073558</v>
      </c>
      <c r="C6658" s="83">
        <v>43378.333333333336</v>
      </c>
      <c r="D6658">
        <v>293870.13280000002</v>
      </c>
      <c r="E6658">
        <v>29951.764009999999</v>
      </c>
      <c r="F6658">
        <v>87630.139190000002</v>
      </c>
      <c r="G6658">
        <v>76814.28155</v>
      </c>
      <c r="H6658">
        <v>50267.596010000001</v>
      </c>
      <c r="I6658">
        <v>46049.002610000003</v>
      </c>
      <c r="J6658">
        <v>42431.379520000002</v>
      </c>
      <c r="K6658">
        <v>59176.42138</v>
      </c>
      <c r="L6658">
        <v>24263.867389999999</v>
      </c>
      <c r="M6658">
        <v>341931.86930000002</v>
      </c>
      <c r="N6658">
        <v>89329.532059999998</v>
      </c>
      <c r="O6658">
        <v>24056.541440000001</v>
      </c>
      <c r="P6658">
        <v>31031.300220000001</v>
      </c>
      <c r="Q6658">
        <v>95101.183269999994</v>
      </c>
      <c r="R6658">
        <v>20537.318899999998</v>
      </c>
      <c r="S6658">
        <v>112446.59269999999</v>
      </c>
      <c r="T6658">
        <v>31985.449349999999</v>
      </c>
      <c r="U6658">
        <v>25182.145519999998</v>
      </c>
      <c r="W6658" s="83">
        <f>Bühler!N6690</f>
        <v>45569.33333331719</v>
      </c>
      <c r="X6658" s="83">
        <v>43378.333333333336</v>
      </c>
      <c r="Y6658">
        <v>293870.13280000002</v>
      </c>
      <c r="Z6658">
        <v>29951.764009999999</v>
      </c>
      <c r="AA6658">
        <v>87630.139190000002</v>
      </c>
      <c r="AB6658">
        <v>76814.28155</v>
      </c>
      <c r="AC6658">
        <v>50267.596010000001</v>
      </c>
      <c r="AD6658">
        <v>46049.002610000003</v>
      </c>
      <c r="AE6658">
        <v>42431.379520000002</v>
      </c>
      <c r="AF6658">
        <v>59176.42138</v>
      </c>
      <c r="AG6658">
        <v>24263.867389999999</v>
      </c>
      <c r="AH6658">
        <v>341931.86930000002</v>
      </c>
      <c r="AI6658">
        <v>89329.532059999998</v>
      </c>
      <c r="AJ6658">
        <v>24056.541440000001</v>
      </c>
      <c r="AK6658">
        <v>31031.300220000001</v>
      </c>
      <c r="AL6658">
        <v>95101.183269999994</v>
      </c>
      <c r="AM6658">
        <v>20537.318899999998</v>
      </c>
      <c r="AN6658">
        <v>112446.59269999999</v>
      </c>
      <c r="AO6658">
        <v>31985.449349999999</v>
      </c>
      <c r="AP6658">
        <v>25182.145519999998</v>
      </c>
    </row>
    <row r="6659" spans="2:42" x14ac:dyDescent="0.3">
      <c r="B6659">
        <v>66.584595451068026</v>
      </c>
      <c r="C6659" s="83">
        <v>43378.375</v>
      </c>
      <c r="D6659">
        <v>293726.85800000001</v>
      </c>
      <c r="E6659">
        <v>33514.076130000001</v>
      </c>
      <c r="F6659">
        <v>92917.780669999993</v>
      </c>
      <c r="G6659">
        <v>86275.415129999994</v>
      </c>
      <c r="H6659">
        <v>52635.77334</v>
      </c>
      <c r="I6659">
        <v>42754.543460000001</v>
      </c>
      <c r="J6659">
        <v>42376.729180000002</v>
      </c>
      <c r="K6659">
        <v>60878.212290000003</v>
      </c>
      <c r="L6659">
        <v>27399.89184</v>
      </c>
      <c r="M6659">
        <v>339479.31880000001</v>
      </c>
      <c r="N6659">
        <v>92397.301030000002</v>
      </c>
      <c r="O6659">
        <v>24563.92007</v>
      </c>
      <c r="P6659">
        <v>33250.286379999998</v>
      </c>
      <c r="Q6659">
        <v>95225.447950000002</v>
      </c>
      <c r="R6659">
        <v>20603.437610000001</v>
      </c>
      <c r="S6659">
        <v>118660.7062</v>
      </c>
      <c r="T6659">
        <v>34433.104959999997</v>
      </c>
      <c r="U6659">
        <v>24662.82389</v>
      </c>
      <c r="W6659" s="83">
        <f>Bühler!N6691</f>
        <v>45569.374999983855</v>
      </c>
      <c r="X6659" s="83">
        <v>43378.375</v>
      </c>
      <c r="Y6659">
        <v>293726.85800000001</v>
      </c>
      <c r="Z6659">
        <v>33514.076130000001</v>
      </c>
      <c r="AA6659">
        <v>92917.780669999993</v>
      </c>
      <c r="AB6659">
        <v>86275.415129999994</v>
      </c>
      <c r="AC6659">
        <v>52635.77334</v>
      </c>
      <c r="AD6659">
        <v>42754.543460000001</v>
      </c>
      <c r="AE6659">
        <v>42376.729180000002</v>
      </c>
      <c r="AF6659">
        <v>60878.212290000003</v>
      </c>
      <c r="AG6659">
        <v>27399.89184</v>
      </c>
      <c r="AH6659">
        <v>339479.31880000001</v>
      </c>
      <c r="AI6659">
        <v>92397.301030000002</v>
      </c>
      <c r="AJ6659">
        <v>24563.92007</v>
      </c>
      <c r="AK6659">
        <v>33250.286379999998</v>
      </c>
      <c r="AL6659">
        <v>95225.447950000002</v>
      </c>
      <c r="AM6659">
        <v>20603.437610000001</v>
      </c>
      <c r="AN6659">
        <v>118660.7062</v>
      </c>
      <c r="AO6659">
        <v>34433.104959999997</v>
      </c>
      <c r="AP6659">
        <v>24662.82389</v>
      </c>
    </row>
    <row r="6660" spans="2:42" x14ac:dyDescent="0.3">
      <c r="B6660">
        <v>66.276505705123469</v>
      </c>
      <c r="C6660" s="83">
        <v>43378.416666666664</v>
      </c>
      <c r="D6660">
        <v>293751.72360000003</v>
      </c>
      <c r="E6660">
        <v>34924.237739999997</v>
      </c>
      <c r="F6660">
        <v>94176.934550000005</v>
      </c>
      <c r="G6660">
        <v>87416.386580000006</v>
      </c>
      <c r="H6660">
        <v>52485.963089999997</v>
      </c>
      <c r="I6660">
        <v>39551.457150000002</v>
      </c>
      <c r="J6660">
        <v>41700.128839999998</v>
      </c>
      <c r="K6660">
        <v>61783.053999999996</v>
      </c>
      <c r="L6660">
        <v>29825.4378</v>
      </c>
      <c r="M6660">
        <v>337908.53360000002</v>
      </c>
      <c r="N6660">
        <v>93765.731979999997</v>
      </c>
      <c r="O6660">
        <v>24404.660550000001</v>
      </c>
      <c r="P6660">
        <v>33957.958579999999</v>
      </c>
      <c r="Q6660">
        <v>95606.606090000001</v>
      </c>
      <c r="R6660">
        <v>21479.429690000001</v>
      </c>
      <c r="S6660">
        <v>118464.65850000001</v>
      </c>
      <c r="T6660">
        <v>35783.417880000001</v>
      </c>
      <c r="U6660">
        <v>23933.16332</v>
      </c>
      <c r="W6660" s="83">
        <f>Bühler!N6692</f>
        <v>45569.416666650519</v>
      </c>
      <c r="X6660" s="83">
        <v>43378.416666666664</v>
      </c>
      <c r="Y6660">
        <v>293751.72360000003</v>
      </c>
      <c r="Z6660">
        <v>34924.237739999997</v>
      </c>
      <c r="AA6660">
        <v>94176.934550000005</v>
      </c>
      <c r="AB6660">
        <v>87416.386580000006</v>
      </c>
      <c r="AC6660">
        <v>52485.963089999997</v>
      </c>
      <c r="AD6660">
        <v>39551.457150000002</v>
      </c>
      <c r="AE6660">
        <v>41700.128839999998</v>
      </c>
      <c r="AF6660">
        <v>61783.053999999996</v>
      </c>
      <c r="AG6660">
        <v>29825.4378</v>
      </c>
      <c r="AH6660">
        <v>337908.53360000002</v>
      </c>
      <c r="AI6660">
        <v>93765.731979999997</v>
      </c>
      <c r="AJ6660">
        <v>24404.660550000001</v>
      </c>
      <c r="AK6660">
        <v>33957.958579999999</v>
      </c>
      <c r="AL6660">
        <v>95606.606090000001</v>
      </c>
      <c r="AM6660">
        <v>21479.429690000001</v>
      </c>
      <c r="AN6660">
        <v>118464.65850000001</v>
      </c>
      <c r="AO6660">
        <v>35783.417880000001</v>
      </c>
      <c r="AP6660">
        <v>23933.16332</v>
      </c>
    </row>
    <row r="6661" spans="2:42" x14ac:dyDescent="0.3">
      <c r="B6661">
        <v>66.76158000671262</v>
      </c>
      <c r="C6661" s="83">
        <v>43378.458333333336</v>
      </c>
      <c r="D6661">
        <v>286947.46649999998</v>
      </c>
      <c r="E6661">
        <v>34678.366260000003</v>
      </c>
      <c r="F6661">
        <v>95107.691560000007</v>
      </c>
      <c r="G6661">
        <v>85927.524059999996</v>
      </c>
      <c r="H6661">
        <v>51747.942260000003</v>
      </c>
      <c r="I6661">
        <v>37861.442080000001</v>
      </c>
      <c r="J6661">
        <v>40973.195590000003</v>
      </c>
      <c r="K6661">
        <v>61530.397669999998</v>
      </c>
      <c r="L6661">
        <v>30584.815849999999</v>
      </c>
      <c r="M6661">
        <v>340381.66859999998</v>
      </c>
      <c r="N6661">
        <v>92076.890660000005</v>
      </c>
      <c r="O6661">
        <v>24841.789929999999</v>
      </c>
      <c r="P6661">
        <v>33291.374210000002</v>
      </c>
      <c r="Q6661">
        <v>95633.065170000002</v>
      </c>
      <c r="R6661">
        <v>22283.52594</v>
      </c>
      <c r="S6661">
        <v>119582.8158</v>
      </c>
      <c r="T6661">
        <v>35409.920590000002</v>
      </c>
      <c r="U6661">
        <v>22874.465660000002</v>
      </c>
      <c r="W6661" s="83">
        <f>Bühler!N6693</f>
        <v>45569.458333317183</v>
      </c>
      <c r="X6661" s="83">
        <v>43378.458333333336</v>
      </c>
      <c r="Y6661">
        <v>286947.46649999998</v>
      </c>
      <c r="Z6661">
        <v>34678.366260000003</v>
      </c>
      <c r="AA6661">
        <v>95107.691560000007</v>
      </c>
      <c r="AB6661">
        <v>85927.524059999996</v>
      </c>
      <c r="AC6661">
        <v>51747.942260000003</v>
      </c>
      <c r="AD6661">
        <v>37861.442080000001</v>
      </c>
      <c r="AE6661">
        <v>40973.195590000003</v>
      </c>
      <c r="AF6661">
        <v>61530.397669999998</v>
      </c>
      <c r="AG6661">
        <v>30584.815849999999</v>
      </c>
      <c r="AH6661">
        <v>340381.66859999998</v>
      </c>
      <c r="AI6661">
        <v>92076.890660000005</v>
      </c>
      <c r="AJ6661">
        <v>24841.789929999999</v>
      </c>
      <c r="AK6661">
        <v>33291.374210000002</v>
      </c>
      <c r="AL6661">
        <v>95633.065170000002</v>
      </c>
      <c r="AM6661">
        <v>22283.52594</v>
      </c>
      <c r="AN6661">
        <v>119582.8158</v>
      </c>
      <c r="AO6661">
        <v>35409.920590000002</v>
      </c>
      <c r="AP6661">
        <v>22874.465660000002</v>
      </c>
    </row>
    <row r="6662" spans="2:42" x14ac:dyDescent="0.3">
      <c r="B6662">
        <v>65.836857711068006</v>
      </c>
      <c r="C6662" s="83">
        <v>43378.5</v>
      </c>
      <c r="D6662">
        <v>273015.97960000002</v>
      </c>
      <c r="E6662">
        <v>31071.265360000001</v>
      </c>
      <c r="F6662">
        <v>94541.389890000006</v>
      </c>
      <c r="G6662">
        <v>83038.178539999994</v>
      </c>
      <c r="H6662">
        <v>49427.916749999997</v>
      </c>
      <c r="I6662">
        <v>36541.13177</v>
      </c>
      <c r="J6662">
        <v>40948.985610000003</v>
      </c>
      <c r="K6662">
        <v>56875.922169999998</v>
      </c>
      <c r="L6662">
        <v>33919.380420000001</v>
      </c>
      <c r="M6662">
        <v>335667.00309999997</v>
      </c>
      <c r="N6662">
        <v>88866.582339999994</v>
      </c>
      <c r="O6662">
        <v>24438.54493</v>
      </c>
      <c r="P6662">
        <v>34635.217470000003</v>
      </c>
      <c r="Q6662">
        <v>94778.527310000005</v>
      </c>
      <c r="R6662">
        <v>24898.44225</v>
      </c>
      <c r="S6662">
        <v>112633.8407</v>
      </c>
      <c r="T6662">
        <v>34905.125410000001</v>
      </c>
      <c r="U6662">
        <v>18457.230970000001</v>
      </c>
      <c r="W6662" s="83">
        <f>Bühler!N6694</f>
        <v>45569.499999983847</v>
      </c>
      <c r="X6662" s="83">
        <v>43378.5</v>
      </c>
      <c r="Y6662">
        <v>273015.97960000002</v>
      </c>
      <c r="Z6662">
        <v>31071.265360000001</v>
      </c>
      <c r="AA6662">
        <v>94541.389890000006</v>
      </c>
      <c r="AB6662">
        <v>83038.178539999994</v>
      </c>
      <c r="AC6662">
        <v>49427.916749999997</v>
      </c>
      <c r="AD6662">
        <v>36541.13177</v>
      </c>
      <c r="AE6662">
        <v>40948.985610000003</v>
      </c>
      <c r="AF6662">
        <v>56875.922169999998</v>
      </c>
      <c r="AG6662">
        <v>33919.380420000001</v>
      </c>
      <c r="AH6662">
        <v>335667.00309999997</v>
      </c>
      <c r="AI6662">
        <v>88866.582339999994</v>
      </c>
      <c r="AJ6662">
        <v>24438.54493</v>
      </c>
      <c r="AK6662">
        <v>34635.217470000003</v>
      </c>
      <c r="AL6662">
        <v>94778.527310000005</v>
      </c>
      <c r="AM6662">
        <v>24898.44225</v>
      </c>
      <c r="AN6662">
        <v>112633.8407</v>
      </c>
      <c r="AO6662">
        <v>34905.125410000001</v>
      </c>
      <c r="AP6662">
        <v>18457.230970000001</v>
      </c>
    </row>
    <row r="6663" spans="2:42" x14ac:dyDescent="0.3">
      <c r="B6663">
        <v>64.957600322800047</v>
      </c>
      <c r="C6663" s="83">
        <v>43378.541666666664</v>
      </c>
      <c r="D6663">
        <v>271951.58020000003</v>
      </c>
      <c r="E6663">
        <v>31020.273499999999</v>
      </c>
      <c r="F6663">
        <v>93520.882320000004</v>
      </c>
      <c r="G6663">
        <v>78556.194380000001</v>
      </c>
      <c r="H6663">
        <v>48513.983869999996</v>
      </c>
      <c r="I6663">
        <v>36432.464959999998</v>
      </c>
      <c r="J6663">
        <v>39940.337599999999</v>
      </c>
      <c r="K6663">
        <v>58201.358220000002</v>
      </c>
      <c r="L6663">
        <v>32621.26484</v>
      </c>
      <c r="M6663">
        <v>331184.13890000002</v>
      </c>
      <c r="N6663">
        <v>89179.706590000002</v>
      </c>
      <c r="O6663">
        <v>23521.758580000002</v>
      </c>
      <c r="P6663">
        <v>33492.060400000002</v>
      </c>
      <c r="Q6663">
        <v>93123.872879999995</v>
      </c>
      <c r="R6663">
        <v>25418.594570000001</v>
      </c>
      <c r="S6663">
        <v>112220.3235</v>
      </c>
      <c r="T6663">
        <v>33718.60426</v>
      </c>
      <c r="U6663">
        <v>20135.229350000001</v>
      </c>
      <c r="W6663" s="83">
        <f>Bühler!N6695</f>
        <v>45569.541666650512</v>
      </c>
      <c r="X6663" s="83">
        <v>43378.541666666664</v>
      </c>
      <c r="Y6663">
        <v>271951.58020000003</v>
      </c>
      <c r="Z6663">
        <v>31020.273499999999</v>
      </c>
      <c r="AA6663">
        <v>93520.882320000004</v>
      </c>
      <c r="AB6663">
        <v>78556.194380000001</v>
      </c>
      <c r="AC6663">
        <v>48513.983869999996</v>
      </c>
      <c r="AD6663">
        <v>36432.464959999998</v>
      </c>
      <c r="AE6663">
        <v>39940.337599999999</v>
      </c>
      <c r="AF6663">
        <v>58201.358220000002</v>
      </c>
      <c r="AG6663">
        <v>32621.26484</v>
      </c>
      <c r="AH6663">
        <v>331184.13890000002</v>
      </c>
      <c r="AI6663">
        <v>89179.706590000002</v>
      </c>
      <c r="AJ6663">
        <v>23521.758580000002</v>
      </c>
      <c r="AK6663">
        <v>33492.060400000002</v>
      </c>
      <c r="AL6663">
        <v>93123.872879999995</v>
      </c>
      <c r="AM6663">
        <v>25418.594570000001</v>
      </c>
      <c r="AN6663">
        <v>112220.3235</v>
      </c>
      <c r="AO6663">
        <v>33718.60426</v>
      </c>
      <c r="AP6663">
        <v>20135.229350000001</v>
      </c>
    </row>
    <row r="6664" spans="2:42" x14ac:dyDescent="0.3">
      <c r="B6664">
        <v>64.70542433226349</v>
      </c>
      <c r="C6664" s="83">
        <v>43378.583333333336</v>
      </c>
      <c r="D6664">
        <v>272113.2769</v>
      </c>
      <c r="E6664">
        <v>33685.191780000001</v>
      </c>
      <c r="F6664">
        <v>94989.392789999998</v>
      </c>
      <c r="G6664">
        <v>70521.038979999998</v>
      </c>
      <c r="H6664">
        <v>47800.076280000001</v>
      </c>
      <c r="I6664">
        <v>36361.453459999997</v>
      </c>
      <c r="J6664">
        <v>39255.598250000003</v>
      </c>
      <c r="K6664">
        <v>60174.50129</v>
      </c>
      <c r="L6664">
        <v>29712.135610000001</v>
      </c>
      <c r="M6664">
        <v>329898.42810000002</v>
      </c>
      <c r="N6664">
        <v>88546.654819999996</v>
      </c>
      <c r="O6664">
        <v>23378.73386</v>
      </c>
      <c r="P6664">
        <v>29971.260010000002</v>
      </c>
      <c r="Q6664">
        <v>92806.451920000007</v>
      </c>
      <c r="R6664">
        <v>24548.560819999999</v>
      </c>
      <c r="S6664">
        <v>107576.1027</v>
      </c>
      <c r="T6664">
        <v>31864.449420000001</v>
      </c>
      <c r="U6664">
        <v>20423.60773</v>
      </c>
      <c r="W6664" s="83">
        <f>Bühler!N6696</f>
        <v>45569.583333317176</v>
      </c>
      <c r="X6664" s="83">
        <v>43378.583333333336</v>
      </c>
      <c r="Y6664">
        <v>272113.2769</v>
      </c>
      <c r="Z6664">
        <v>33685.191780000001</v>
      </c>
      <c r="AA6664">
        <v>94989.392789999998</v>
      </c>
      <c r="AB6664">
        <v>70521.038979999998</v>
      </c>
      <c r="AC6664">
        <v>47800.076280000001</v>
      </c>
      <c r="AD6664">
        <v>36361.453459999997</v>
      </c>
      <c r="AE6664">
        <v>39255.598250000003</v>
      </c>
      <c r="AF6664">
        <v>60174.50129</v>
      </c>
      <c r="AG6664">
        <v>29712.135610000001</v>
      </c>
      <c r="AH6664">
        <v>329898.42810000002</v>
      </c>
      <c r="AI6664">
        <v>88546.654819999996</v>
      </c>
      <c r="AJ6664">
        <v>23378.73386</v>
      </c>
      <c r="AK6664">
        <v>29971.260010000002</v>
      </c>
      <c r="AL6664">
        <v>92806.451920000007</v>
      </c>
      <c r="AM6664">
        <v>24548.560819999999</v>
      </c>
      <c r="AN6664">
        <v>107576.1027</v>
      </c>
      <c r="AO6664">
        <v>31864.449420000001</v>
      </c>
      <c r="AP6664">
        <v>20423.60773</v>
      </c>
    </row>
    <row r="6665" spans="2:42" x14ac:dyDescent="0.3">
      <c r="B6665">
        <v>64.521215976846591</v>
      </c>
      <c r="C6665" s="83">
        <v>43378.625</v>
      </c>
      <c r="D6665">
        <v>267843.38459999999</v>
      </c>
      <c r="E6665">
        <v>33467.842629999999</v>
      </c>
      <c r="F6665">
        <v>95333.836139999999</v>
      </c>
      <c r="G6665">
        <v>64825.038220000002</v>
      </c>
      <c r="H6665">
        <v>46337.168299999998</v>
      </c>
      <c r="I6665">
        <v>37244.905619999998</v>
      </c>
      <c r="J6665">
        <v>38696.882420000002</v>
      </c>
      <c r="K6665">
        <v>58520.745580000003</v>
      </c>
      <c r="L6665">
        <v>27181.768220000002</v>
      </c>
      <c r="M6665">
        <v>328959.24800000002</v>
      </c>
      <c r="N6665">
        <v>87793.49914</v>
      </c>
      <c r="O6665">
        <v>22483.45981</v>
      </c>
      <c r="P6665">
        <v>26909.179349999999</v>
      </c>
      <c r="Q6665">
        <v>91943.930269999997</v>
      </c>
      <c r="R6665">
        <v>24056.993869999998</v>
      </c>
      <c r="S6665">
        <v>103444.7822</v>
      </c>
      <c r="T6665">
        <v>31153.013200000001</v>
      </c>
      <c r="U6665">
        <v>18343.218990000001</v>
      </c>
      <c r="W6665" s="83">
        <f>Bühler!N6697</f>
        <v>45569.62499998384</v>
      </c>
      <c r="X6665" s="83">
        <v>43378.625</v>
      </c>
      <c r="Y6665">
        <v>267843.38459999999</v>
      </c>
      <c r="Z6665">
        <v>33467.842629999999</v>
      </c>
      <c r="AA6665">
        <v>95333.836139999999</v>
      </c>
      <c r="AB6665">
        <v>64825.038220000002</v>
      </c>
      <c r="AC6665">
        <v>46337.168299999998</v>
      </c>
      <c r="AD6665">
        <v>37244.905619999998</v>
      </c>
      <c r="AE6665">
        <v>38696.882420000002</v>
      </c>
      <c r="AF6665">
        <v>58520.745580000003</v>
      </c>
      <c r="AG6665">
        <v>27181.768220000002</v>
      </c>
      <c r="AH6665">
        <v>328959.24800000002</v>
      </c>
      <c r="AI6665">
        <v>87793.49914</v>
      </c>
      <c r="AJ6665">
        <v>22483.45981</v>
      </c>
      <c r="AK6665">
        <v>26909.179349999999</v>
      </c>
      <c r="AL6665">
        <v>91943.930269999997</v>
      </c>
      <c r="AM6665">
        <v>24056.993869999998</v>
      </c>
      <c r="AN6665">
        <v>103444.7822</v>
      </c>
      <c r="AO6665">
        <v>31153.013200000001</v>
      </c>
      <c r="AP6665">
        <v>18343.218990000001</v>
      </c>
    </row>
    <row r="6666" spans="2:42" x14ac:dyDescent="0.3">
      <c r="B6666">
        <v>63.771071238510821</v>
      </c>
      <c r="C6666" s="83">
        <v>43378.666666666664</v>
      </c>
      <c r="D6666">
        <v>259712.08050000001</v>
      </c>
      <c r="E6666">
        <v>32064.492829999999</v>
      </c>
      <c r="F6666">
        <v>94755.936499999996</v>
      </c>
      <c r="G6666">
        <v>58608.493990000003</v>
      </c>
      <c r="H6666">
        <v>45313.807840000001</v>
      </c>
      <c r="I6666">
        <v>37810.802259999997</v>
      </c>
      <c r="J6666">
        <v>37793.236400000002</v>
      </c>
      <c r="K6666">
        <v>55701.020790000002</v>
      </c>
      <c r="L6666">
        <v>26096.138149999999</v>
      </c>
      <c r="M6666">
        <v>325134.66029999999</v>
      </c>
      <c r="N6666">
        <v>85611.984479999999</v>
      </c>
      <c r="O6666">
        <v>21956.25475</v>
      </c>
      <c r="P6666">
        <v>26648.238679999999</v>
      </c>
      <c r="Q6666">
        <v>90520.952099999995</v>
      </c>
      <c r="R6666">
        <v>23654.966039999999</v>
      </c>
      <c r="S6666">
        <v>99792.782389999993</v>
      </c>
      <c r="T6666">
        <v>30587.53255</v>
      </c>
      <c r="U6666">
        <v>16793.684819999999</v>
      </c>
      <c r="W6666" s="83">
        <f>Bühler!N6698</f>
        <v>45569.666666650504</v>
      </c>
      <c r="X6666" s="83">
        <v>43378.666666666664</v>
      </c>
      <c r="Y6666">
        <v>259712.08050000001</v>
      </c>
      <c r="Z6666">
        <v>32064.492829999999</v>
      </c>
      <c r="AA6666">
        <v>94755.936499999996</v>
      </c>
      <c r="AB6666">
        <v>58608.493990000003</v>
      </c>
      <c r="AC6666">
        <v>45313.807840000001</v>
      </c>
      <c r="AD6666">
        <v>37810.802259999997</v>
      </c>
      <c r="AE6666">
        <v>37793.236400000002</v>
      </c>
      <c r="AF6666">
        <v>55701.020790000002</v>
      </c>
      <c r="AG6666">
        <v>26096.138149999999</v>
      </c>
      <c r="AH6666">
        <v>325134.66029999999</v>
      </c>
      <c r="AI6666">
        <v>85611.984479999999</v>
      </c>
      <c r="AJ6666">
        <v>21956.25475</v>
      </c>
      <c r="AK6666">
        <v>26648.238679999999</v>
      </c>
      <c r="AL6666">
        <v>90520.952099999995</v>
      </c>
      <c r="AM6666">
        <v>23654.966039999999</v>
      </c>
      <c r="AN6666">
        <v>99792.782389999993</v>
      </c>
      <c r="AO6666">
        <v>30587.53255</v>
      </c>
      <c r="AP6666">
        <v>16793.684819999999</v>
      </c>
    </row>
    <row r="6667" spans="2:42" x14ac:dyDescent="0.3">
      <c r="B6667">
        <v>62.66517753992904</v>
      </c>
      <c r="C6667" s="83">
        <v>43378.708333333336</v>
      </c>
      <c r="D6667">
        <v>249709.69099999999</v>
      </c>
      <c r="E6667">
        <v>30046.932209999999</v>
      </c>
      <c r="F6667">
        <v>94014.526930000007</v>
      </c>
      <c r="G6667">
        <v>49085.550730000003</v>
      </c>
      <c r="H6667">
        <v>43782.642959999997</v>
      </c>
      <c r="I6667">
        <v>38040.932910000003</v>
      </c>
      <c r="J6667">
        <v>37984.398179999997</v>
      </c>
      <c r="K6667">
        <v>51685.674899999998</v>
      </c>
      <c r="L6667">
        <v>25869.518609999999</v>
      </c>
      <c r="M6667">
        <v>319496.29849999998</v>
      </c>
      <c r="N6667">
        <v>82634.182969999994</v>
      </c>
      <c r="O6667">
        <v>21736.67009</v>
      </c>
      <c r="P6667">
        <v>27709.605670000001</v>
      </c>
      <c r="Q6667">
        <v>88637.423349999997</v>
      </c>
      <c r="R6667">
        <v>22299.482759999999</v>
      </c>
      <c r="S6667">
        <v>97069.886769999997</v>
      </c>
      <c r="T6667">
        <v>30651.21024</v>
      </c>
      <c r="U6667">
        <v>15492.1651</v>
      </c>
      <c r="W6667" s="83">
        <f>Bühler!N6699</f>
        <v>45569.708333317169</v>
      </c>
      <c r="X6667" s="83">
        <v>43378.708333333336</v>
      </c>
      <c r="Y6667">
        <v>249709.69099999999</v>
      </c>
      <c r="Z6667">
        <v>30046.932209999999</v>
      </c>
      <c r="AA6667">
        <v>94014.526930000007</v>
      </c>
      <c r="AB6667">
        <v>49085.550730000003</v>
      </c>
      <c r="AC6667">
        <v>43782.642959999997</v>
      </c>
      <c r="AD6667">
        <v>38040.932910000003</v>
      </c>
      <c r="AE6667">
        <v>37984.398179999997</v>
      </c>
      <c r="AF6667">
        <v>51685.674899999998</v>
      </c>
      <c r="AG6667">
        <v>25869.518609999999</v>
      </c>
      <c r="AH6667">
        <v>319496.29849999998</v>
      </c>
      <c r="AI6667">
        <v>82634.182969999994</v>
      </c>
      <c r="AJ6667">
        <v>21736.67009</v>
      </c>
      <c r="AK6667">
        <v>27709.605670000001</v>
      </c>
      <c r="AL6667">
        <v>88637.423349999997</v>
      </c>
      <c r="AM6667">
        <v>22299.482759999999</v>
      </c>
      <c r="AN6667">
        <v>97069.886769999997</v>
      </c>
      <c r="AO6667">
        <v>30651.21024</v>
      </c>
      <c r="AP6667">
        <v>15492.1651</v>
      </c>
    </row>
    <row r="6668" spans="2:42" x14ac:dyDescent="0.3">
      <c r="B6668">
        <v>61.420542746955988</v>
      </c>
      <c r="C6668" s="83">
        <v>43378.75</v>
      </c>
      <c r="D6668">
        <v>242388.62659999999</v>
      </c>
      <c r="E6668">
        <v>27260.756740000001</v>
      </c>
      <c r="F6668">
        <v>91721.711240000004</v>
      </c>
      <c r="G6668">
        <v>41730.13104</v>
      </c>
      <c r="H6668">
        <v>41701.03787</v>
      </c>
      <c r="I6668">
        <v>36743.645149999997</v>
      </c>
      <c r="J6668">
        <v>38067.149239999999</v>
      </c>
      <c r="K6668">
        <v>49660.365790000003</v>
      </c>
      <c r="L6668">
        <v>27286.544109999999</v>
      </c>
      <c r="M6668">
        <v>313150.5699</v>
      </c>
      <c r="N6668">
        <v>81142.274069999999</v>
      </c>
      <c r="O6668">
        <v>20500.524249999999</v>
      </c>
      <c r="P6668">
        <v>30702.406360000001</v>
      </c>
      <c r="Q6668">
        <v>86019.278810000003</v>
      </c>
      <c r="R6668">
        <v>21463.015329999998</v>
      </c>
      <c r="S6668">
        <v>91497.884449999998</v>
      </c>
      <c r="T6668">
        <v>31150.764660000001</v>
      </c>
      <c r="U6668">
        <v>14495.725769999999</v>
      </c>
      <c r="W6668" s="83">
        <f>Bühler!N6700</f>
        <v>45569.749999983833</v>
      </c>
      <c r="X6668" s="83">
        <v>43378.75</v>
      </c>
      <c r="Y6668">
        <v>242388.62659999999</v>
      </c>
      <c r="Z6668">
        <v>27260.756740000001</v>
      </c>
      <c r="AA6668">
        <v>91721.711240000004</v>
      </c>
      <c r="AB6668">
        <v>41730.13104</v>
      </c>
      <c r="AC6668">
        <v>41701.03787</v>
      </c>
      <c r="AD6668">
        <v>36743.645149999997</v>
      </c>
      <c r="AE6668">
        <v>38067.149239999999</v>
      </c>
      <c r="AF6668">
        <v>49660.365790000003</v>
      </c>
      <c r="AG6668">
        <v>27286.544109999999</v>
      </c>
      <c r="AH6668">
        <v>313150.5699</v>
      </c>
      <c r="AI6668">
        <v>81142.274069999999</v>
      </c>
      <c r="AJ6668">
        <v>20500.524249999999</v>
      </c>
      <c r="AK6668">
        <v>30702.406360000001</v>
      </c>
      <c r="AL6668">
        <v>86019.278810000003</v>
      </c>
      <c r="AM6668">
        <v>21463.015329999998</v>
      </c>
      <c r="AN6668">
        <v>91497.884449999998</v>
      </c>
      <c r="AO6668">
        <v>31150.764660000001</v>
      </c>
      <c r="AP6668">
        <v>14495.725769999999</v>
      </c>
    </row>
    <row r="6669" spans="2:42" x14ac:dyDescent="0.3">
      <c r="B6669">
        <v>60.573059148909387</v>
      </c>
      <c r="C6669" s="83">
        <v>43378.791666666664</v>
      </c>
      <c r="D6669">
        <v>234712.3829</v>
      </c>
      <c r="E6669">
        <v>22407.832060000001</v>
      </c>
      <c r="F6669">
        <v>82276.519390000001</v>
      </c>
      <c r="G6669">
        <v>39317.880219999999</v>
      </c>
      <c r="H6669">
        <v>41247.217479999999</v>
      </c>
      <c r="I6669">
        <v>34168.481010000003</v>
      </c>
      <c r="J6669">
        <v>39444.474110000003</v>
      </c>
      <c r="K6669">
        <v>49429.770499999999</v>
      </c>
      <c r="L6669">
        <v>29219.383140000002</v>
      </c>
      <c r="M6669">
        <v>308829.70329999999</v>
      </c>
      <c r="N6669">
        <v>79943.872719999999</v>
      </c>
      <c r="O6669">
        <v>19895.009689999999</v>
      </c>
      <c r="P6669">
        <v>33593.978999999999</v>
      </c>
      <c r="Q6669">
        <v>83144.493419999999</v>
      </c>
      <c r="R6669">
        <v>21801.107680000001</v>
      </c>
      <c r="S6669">
        <v>89918.713870000007</v>
      </c>
      <c r="T6669">
        <v>32862.017849999997</v>
      </c>
      <c r="U6669">
        <v>14097.280360000001</v>
      </c>
      <c r="W6669" s="83">
        <f>Bühler!N6701</f>
        <v>45569.791666650497</v>
      </c>
      <c r="X6669" s="83">
        <v>43378.791666666664</v>
      </c>
      <c r="Y6669">
        <v>234712.3829</v>
      </c>
      <c r="Z6669">
        <v>22407.832060000001</v>
      </c>
      <c r="AA6669">
        <v>82276.519390000001</v>
      </c>
      <c r="AB6669">
        <v>39317.880219999999</v>
      </c>
      <c r="AC6669">
        <v>41247.217479999999</v>
      </c>
      <c r="AD6669">
        <v>34168.481010000003</v>
      </c>
      <c r="AE6669">
        <v>39444.474110000003</v>
      </c>
      <c r="AF6669">
        <v>49429.770499999999</v>
      </c>
      <c r="AG6669">
        <v>29219.383140000002</v>
      </c>
      <c r="AH6669">
        <v>308829.70329999999</v>
      </c>
      <c r="AI6669">
        <v>79943.872719999999</v>
      </c>
      <c r="AJ6669">
        <v>19895.009689999999</v>
      </c>
      <c r="AK6669">
        <v>33593.978999999999</v>
      </c>
      <c r="AL6669">
        <v>83144.493419999999</v>
      </c>
      <c r="AM6669">
        <v>21801.107680000001</v>
      </c>
      <c r="AN6669">
        <v>89918.713870000007</v>
      </c>
      <c r="AO6669">
        <v>32862.017849999997</v>
      </c>
      <c r="AP6669">
        <v>14097.280360000001</v>
      </c>
    </row>
    <row r="6670" spans="2:42" x14ac:dyDescent="0.3">
      <c r="B6670">
        <v>58.626534697363553</v>
      </c>
      <c r="C6670" s="83">
        <v>43378.833333333336</v>
      </c>
      <c r="D6670">
        <v>226335.19039999999</v>
      </c>
      <c r="E6670">
        <v>17131.672740000002</v>
      </c>
      <c r="F6670">
        <v>66666.383759999997</v>
      </c>
      <c r="G6670">
        <v>37133.205970000003</v>
      </c>
      <c r="H6670">
        <v>40577.77837</v>
      </c>
      <c r="I6670">
        <v>30908.86997</v>
      </c>
      <c r="J6670">
        <v>39854.844770000003</v>
      </c>
      <c r="K6670">
        <v>47831.86492</v>
      </c>
      <c r="L6670">
        <v>29238.967860000001</v>
      </c>
      <c r="M6670">
        <v>298905.41389999999</v>
      </c>
      <c r="N6670">
        <v>78700.431450000004</v>
      </c>
      <c r="O6670">
        <v>19503.1237</v>
      </c>
      <c r="P6670">
        <v>34797.952319999997</v>
      </c>
      <c r="Q6670">
        <v>79949.566709999999</v>
      </c>
      <c r="R6670">
        <v>20304.69945</v>
      </c>
      <c r="S6670">
        <v>83310.003479999999</v>
      </c>
      <c r="T6670">
        <v>31521.190719999999</v>
      </c>
      <c r="U6670">
        <v>13656.80565</v>
      </c>
      <c r="W6670" s="83">
        <f>Bühler!N6702</f>
        <v>45569.833333317161</v>
      </c>
      <c r="X6670" s="83">
        <v>43378.833333333336</v>
      </c>
      <c r="Y6670">
        <v>226335.19039999999</v>
      </c>
      <c r="Z6670">
        <v>17131.672740000002</v>
      </c>
      <c r="AA6670">
        <v>66666.383759999997</v>
      </c>
      <c r="AB6670">
        <v>37133.205970000003</v>
      </c>
      <c r="AC6670">
        <v>40577.77837</v>
      </c>
      <c r="AD6670">
        <v>30908.86997</v>
      </c>
      <c r="AE6670">
        <v>39854.844770000003</v>
      </c>
      <c r="AF6670">
        <v>47831.86492</v>
      </c>
      <c r="AG6670">
        <v>29238.967860000001</v>
      </c>
      <c r="AH6670">
        <v>298905.41389999999</v>
      </c>
      <c r="AI6670">
        <v>78700.431450000004</v>
      </c>
      <c r="AJ6670">
        <v>19503.1237</v>
      </c>
      <c r="AK6670">
        <v>34797.952319999997</v>
      </c>
      <c r="AL6670">
        <v>79949.566709999999</v>
      </c>
      <c r="AM6670">
        <v>20304.69945</v>
      </c>
      <c r="AN6670">
        <v>83310.003479999999</v>
      </c>
      <c r="AO6670">
        <v>31521.190719999999</v>
      </c>
      <c r="AP6670">
        <v>13656.80565</v>
      </c>
    </row>
    <row r="6671" spans="2:42" x14ac:dyDescent="0.3">
      <c r="B6671">
        <v>56.511928818477891</v>
      </c>
      <c r="C6671" s="83">
        <v>43378.875</v>
      </c>
      <c r="D6671">
        <v>219183.63080000001</v>
      </c>
      <c r="E6671">
        <v>14566.41914</v>
      </c>
      <c r="F6671">
        <v>56201.007310000001</v>
      </c>
      <c r="G6671">
        <v>34656.781360000001</v>
      </c>
      <c r="H6671">
        <v>37932.981910000002</v>
      </c>
      <c r="I6671">
        <v>27213.659940000001</v>
      </c>
      <c r="J6671">
        <v>38217.591390000001</v>
      </c>
      <c r="K6671">
        <v>48098.394200000002</v>
      </c>
      <c r="L6671">
        <v>27279.399130000002</v>
      </c>
      <c r="M6671">
        <v>288124.16700000002</v>
      </c>
      <c r="N6671">
        <v>76690.214510000005</v>
      </c>
      <c r="O6671">
        <v>18226.830460000001</v>
      </c>
      <c r="P6671">
        <v>33344.108050000003</v>
      </c>
      <c r="Q6671">
        <v>77027.582550000006</v>
      </c>
      <c r="R6671">
        <v>19233.34446</v>
      </c>
      <c r="S6671">
        <v>78173.085049999994</v>
      </c>
      <c r="T6671">
        <v>28412.038280000001</v>
      </c>
      <c r="U6671">
        <v>12688.44903</v>
      </c>
      <c r="W6671" s="83">
        <f>Bühler!N6703</f>
        <v>45569.874999983826</v>
      </c>
      <c r="X6671" s="83">
        <v>43378.875</v>
      </c>
      <c r="Y6671">
        <v>219183.63080000001</v>
      </c>
      <c r="Z6671">
        <v>14566.41914</v>
      </c>
      <c r="AA6671">
        <v>56201.007310000001</v>
      </c>
      <c r="AB6671">
        <v>34656.781360000001</v>
      </c>
      <c r="AC6671">
        <v>37932.981910000002</v>
      </c>
      <c r="AD6671">
        <v>27213.659940000001</v>
      </c>
      <c r="AE6671">
        <v>38217.591390000001</v>
      </c>
      <c r="AF6671">
        <v>48098.394200000002</v>
      </c>
      <c r="AG6671">
        <v>27279.399130000002</v>
      </c>
      <c r="AH6671">
        <v>288124.16700000002</v>
      </c>
      <c r="AI6671">
        <v>76690.214510000005</v>
      </c>
      <c r="AJ6671">
        <v>18226.830460000001</v>
      </c>
      <c r="AK6671">
        <v>33344.108050000003</v>
      </c>
      <c r="AL6671">
        <v>77027.582550000006</v>
      </c>
      <c r="AM6671">
        <v>19233.34446</v>
      </c>
      <c r="AN6671">
        <v>78173.085049999994</v>
      </c>
      <c r="AO6671">
        <v>28412.038280000001</v>
      </c>
      <c r="AP6671">
        <v>12688.44903</v>
      </c>
    </row>
    <row r="6672" spans="2:42" x14ac:dyDescent="0.3">
      <c r="B6672">
        <v>55.574358620031418</v>
      </c>
      <c r="C6672" s="83">
        <v>43378.916666666664</v>
      </c>
      <c r="D6672">
        <v>217382.4271</v>
      </c>
      <c r="E6672">
        <v>13799.820890000001</v>
      </c>
      <c r="F6672">
        <v>53261.95493</v>
      </c>
      <c r="G6672">
        <v>33624.192799999997</v>
      </c>
      <c r="H6672">
        <v>36410.145750000003</v>
      </c>
      <c r="I6672">
        <v>25834.986540000002</v>
      </c>
      <c r="J6672">
        <v>36713.043870000001</v>
      </c>
      <c r="K6672">
        <v>51328.613839999998</v>
      </c>
      <c r="L6672">
        <v>24396.673849999999</v>
      </c>
      <c r="M6672">
        <v>283343.99690000003</v>
      </c>
      <c r="N6672">
        <v>75013.727230000004</v>
      </c>
      <c r="O6672">
        <v>17898.357650000002</v>
      </c>
      <c r="P6672">
        <v>34320.238129999998</v>
      </c>
      <c r="Q6672">
        <v>74572.193400000004</v>
      </c>
      <c r="R6672">
        <v>20703.088960000001</v>
      </c>
      <c r="S6672">
        <v>76160.592390000005</v>
      </c>
      <c r="T6672">
        <v>24643.898590000001</v>
      </c>
      <c r="U6672">
        <v>12408.8238</v>
      </c>
      <c r="W6672" s="83">
        <f>Bühler!N6704</f>
        <v>45569.91666665049</v>
      </c>
      <c r="X6672" s="83">
        <v>43378.916666666664</v>
      </c>
      <c r="Y6672">
        <v>217382.4271</v>
      </c>
      <c r="Z6672">
        <v>13799.820890000001</v>
      </c>
      <c r="AA6672">
        <v>53261.95493</v>
      </c>
      <c r="AB6672">
        <v>33624.192799999997</v>
      </c>
      <c r="AC6672">
        <v>36410.145750000003</v>
      </c>
      <c r="AD6672">
        <v>25834.986540000002</v>
      </c>
      <c r="AE6672">
        <v>36713.043870000001</v>
      </c>
      <c r="AF6672">
        <v>51328.613839999998</v>
      </c>
      <c r="AG6672">
        <v>24396.673849999999</v>
      </c>
      <c r="AH6672">
        <v>283343.99690000003</v>
      </c>
      <c r="AI6672">
        <v>75013.727230000004</v>
      </c>
      <c r="AJ6672">
        <v>17898.357650000002</v>
      </c>
      <c r="AK6672">
        <v>34320.238129999998</v>
      </c>
      <c r="AL6672">
        <v>74572.193400000004</v>
      </c>
      <c r="AM6672">
        <v>20703.088960000001</v>
      </c>
      <c r="AN6672">
        <v>76160.592390000005</v>
      </c>
      <c r="AO6672">
        <v>24643.898590000001</v>
      </c>
      <c r="AP6672">
        <v>12408.8238</v>
      </c>
    </row>
    <row r="6673" spans="2:42" x14ac:dyDescent="0.3">
      <c r="B6673">
        <v>55.063511607358777</v>
      </c>
      <c r="C6673" s="83">
        <v>43378.958333333336</v>
      </c>
      <c r="D6673">
        <v>214464.93239999999</v>
      </c>
      <c r="E6673">
        <v>13101.40905</v>
      </c>
      <c r="F6673">
        <v>52049.116220000004</v>
      </c>
      <c r="G6673">
        <v>33121.439890000001</v>
      </c>
      <c r="H6673">
        <v>35336.252959999998</v>
      </c>
      <c r="I6673">
        <v>24504.466619999999</v>
      </c>
      <c r="J6673">
        <v>33737.602899999998</v>
      </c>
      <c r="K6673">
        <v>50313.967239999998</v>
      </c>
      <c r="L6673">
        <v>21068.020830000001</v>
      </c>
      <c r="M6673">
        <v>280739.46059999999</v>
      </c>
      <c r="N6673">
        <v>74596.553419999997</v>
      </c>
      <c r="O6673">
        <v>17480.792509999999</v>
      </c>
      <c r="P6673">
        <v>30207.424159999999</v>
      </c>
      <c r="Q6673">
        <v>74172.569350000005</v>
      </c>
      <c r="R6673">
        <v>19132.394639999999</v>
      </c>
      <c r="S6673">
        <v>74382.293059999996</v>
      </c>
      <c r="T6673">
        <v>23788.964629999999</v>
      </c>
      <c r="U6673">
        <v>11936.88558</v>
      </c>
      <c r="W6673" s="83">
        <f>Bühler!N6705</f>
        <v>45569.958333317154</v>
      </c>
      <c r="X6673" s="83">
        <v>43378.958333333336</v>
      </c>
      <c r="Y6673">
        <v>214464.93239999999</v>
      </c>
      <c r="Z6673">
        <v>13101.40905</v>
      </c>
      <c r="AA6673">
        <v>52049.116220000004</v>
      </c>
      <c r="AB6673">
        <v>33121.439890000001</v>
      </c>
      <c r="AC6673">
        <v>35336.252959999998</v>
      </c>
      <c r="AD6673">
        <v>24504.466619999999</v>
      </c>
      <c r="AE6673">
        <v>33737.602899999998</v>
      </c>
      <c r="AF6673">
        <v>50313.967239999998</v>
      </c>
      <c r="AG6673">
        <v>21068.020830000001</v>
      </c>
      <c r="AH6673">
        <v>280739.46059999999</v>
      </c>
      <c r="AI6673">
        <v>74596.553419999997</v>
      </c>
      <c r="AJ6673">
        <v>17480.792509999999</v>
      </c>
      <c r="AK6673">
        <v>30207.424159999999</v>
      </c>
      <c r="AL6673">
        <v>74172.569350000005</v>
      </c>
      <c r="AM6673">
        <v>19132.394639999999</v>
      </c>
      <c r="AN6673">
        <v>74382.293059999996</v>
      </c>
      <c r="AO6673">
        <v>23788.964629999999</v>
      </c>
      <c r="AP6673">
        <v>11936.88558</v>
      </c>
    </row>
    <row r="6674" spans="2:42" x14ac:dyDescent="0.3">
      <c r="B6674">
        <v>53.252784208017161</v>
      </c>
      <c r="C6674" s="83">
        <v>43379</v>
      </c>
      <c r="D6674">
        <v>211714.88219999999</v>
      </c>
      <c r="E6674">
        <v>12757.01021</v>
      </c>
      <c r="F6674">
        <v>49853.379009999997</v>
      </c>
      <c r="G6674">
        <v>32537.439439999998</v>
      </c>
      <c r="H6674">
        <v>34609.681499999999</v>
      </c>
      <c r="I6674">
        <v>22314.056329999999</v>
      </c>
      <c r="J6674">
        <v>31628.364229999999</v>
      </c>
      <c r="K6674">
        <v>48900.773650000003</v>
      </c>
      <c r="L6674">
        <v>18720.760869999998</v>
      </c>
      <c r="M6674">
        <v>271507.52789999999</v>
      </c>
      <c r="N6674">
        <v>72713.642909999995</v>
      </c>
      <c r="O6674">
        <v>17990.436409999998</v>
      </c>
      <c r="P6674">
        <v>28161.43996</v>
      </c>
      <c r="Q6674">
        <v>71472.21716</v>
      </c>
      <c r="R6674">
        <v>16844.808949999999</v>
      </c>
      <c r="S6674">
        <v>73010.213050000006</v>
      </c>
      <c r="T6674">
        <v>23968.3393</v>
      </c>
      <c r="U6674">
        <v>11324.33826</v>
      </c>
      <c r="W6674" s="83">
        <f>Bühler!N6706</f>
        <v>45569.999999983818</v>
      </c>
      <c r="X6674" s="83">
        <v>43379</v>
      </c>
      <c r="Y6674">
        <v>211714.88219999999</v>
      </c>
      <c r="Z6674">
        <v>12757.01021</v>
      </c>
      <c r="AA6674">
        <v>49853.379009999997</v>
      </c>
      <c r="AB6674">
        <v>32537.439439999998</v>
      </c>
      <c r="AC6674">
        <v>34609.681499999999</v>
      </c>
      <c r="AD6674">
        <v>22314.056329999999</v>
      </c>
      <c r="AE6674">
        <v>31628.364229999999</v>
      </c>
      <c r="AF6674">
        <v>48900.773650000003</v>
      </c>
      <c r="AG6674">
        <v>18720.760869999998</v>
      </c>
      <c r="AH6674">
        <v>271507.52789999999</v>
      </c>
      <c r="AI6674">
        <v>72713.642909999995</v>
      </c>
      <c r="AJ6674">
        <v>17990.436409999998</v>
      </c>
      <c r="AK6674">
        <v>28161.43996</v>
      </c>
      <c r="AL6674">
        <v>71472.21716</v>
      </c>
      <c r="AM6674">
        <v>16844.808949999999</v>
      </c>
      <c r="AN6674">
        <v>73010.213050000006</v>
      </c>
      <c r="AO6674">
        <v>23968.3393</v>
      </c>
      <c r="AP6674">
        <v>11324.33826</v>
      </c>
    </row>
    <row r="6675" spans="2:42" x14ac:dyDescent="0.3">
      <c r="B6675">
        <v>52.319340838814774</v>
      </c>
      <c r="C6675" s="83">
        <v>43379.041666666664</v>
      </c>
      <c r="D6675">
        <v>207346.80129999999</v>
      </c>
      <c r="E6675">
        <v>12294.7978</v>
      </c>
      <c r="F6675">
        <v>50172.935109999999</v>
      </c>
      <c r="G6675">
        <v>31681.501749999999</v>
      </c>
      <c r="H6675">
        <v>34073.207450000002</v>
      </c>
      <c r="I6675">
        <v>18463.857940000002</v>
      </c>
      <c r="J6675">
        <v>31093.220209999999</v>
      </c>
      <c r="K6675">
        <v>47541.951699999998</v>
      </c>
      <c r="L6675">
        <v>17466.32042</v>
      </c>
      <c r="M6675">
        <v>266748.3983</v>
      </c>
      <c r="N6675">
        <v>71637.094519999999</v>
      </c>
      <c r="O6675">
        <v>17629.61709</v>
      </c>
      <c r="P6675">
        <v>25065.89014</v>
      </c>
      <c r="Q6675">
        <v>71553.956409999999</v>
      </c>
      <c r="R6675">
        <v>16161.79844</v>
      </c>
      <c r="S6675">
        <v>71907.937210000004</v>
      </c>
      <c r="T6675">
        <v>23155.6319</v>
      </c>
      <c r="U6675">
        <v>10971.23929</v>
      </c>
      <c r="W6675" s="83">
        <f>Bühler!N6707</f>
        <v>45570.041666650483</v>
      </c>
      <c r="X6675" s="83">
        <v>43379.041666666664</v>
      </c>
      <c r="Y6675">
        <v>207346.80129999999</v>
      </c>
      <c r="Z6675">
        <v>12294.7978</v>
      </c>
      <c r="AA6675">
        <v>50172.935109999999</v>
      </c>
      <c r="AB6675">
        <v>31681.501749999999</v>
      </c>
      <c r="AC6675">
        <v>34073.207450000002</v>
      </c>
      <c r="AD6675">
        <v>18463.857940000002</v>
      </c>
      <c r="AE6675">
        <v>31093.220209999999</v>
      </c>
      <c r="AF6675">
        <v>47541.951699999998</v>
      </c>
      <c r="AG6675">
        <v>17466.32042</v>
      </c>
      <c r="AH6675">
        <v>266748.3983</v>
      </c>
      <c r="AI6675">
        <v>71637.094519999999</v>
      </c>
      <c r="AJ6675">
        <v>17629.61709</v>
      </c>
      <c r="AK6675">
        <v>25065.89014</v>
      </c>
      <c r="AL6675">
        <v>71553.956409999999</v>
      </c>
      <c r="AM6675">
        <v>16161.79844</v>
      </c>
      <c r="AN6675">
        <v>71907.937210000004</v>
      </c>
      <c r="AO6675">
        <v>23155.6319</v>
      </c>
      <c r="AP6675">
        <v>10971.23929</v>
      </c>
    </row>
    <row r="6676" spans="2:42" x14ac:dyDescent="0.3">
      <c r="B6676">
        <v>51.555400716674825</v>
      </c>
      <c r="C6676" s="83">
        <v>43379.083333333336</v>
      </c>
      <c r="D6676">
        <v>201821.54749999999</v>
      </c>
      <c r="E6676">
        <v>12180.16066</v>
      </c>
      <c r="F6676">
        <v>50305.902260000003</v>
      </c>
      <c r="G6676">
        <v>31138.411629999999</v>
      </c>
      <c r="H6676">
        <v>33964.148119999998</v>
      </c>
      <c r="I6676">
        <v>16217.603800000001</v>
      </c>
      <c r="J6676">
        <v>31042.726999999999</v>
      </c>
      <c r="K6676">
        <v>46467.867059999997</v>
      </c>
      <c r="L6676">
        <v>16451.9221</v>
      </c>
      <c r="M6676">
        <v>262853.47529999999</v>
      </c>
      <c r="N6676">
        <v>70028.292780000003</v>
      </c>
      <c r="O6676">
        <v>17424.861980000001</v>
      </c>
      <c r="P6676">
        <v>24503.19829</v>
      </c>
      <c r="Q6676">
        <v>72394.946880000003</v>
      </c>
      <c r="R6676">
        <v>15017.681490000001</v>
      </c>
      <c r="S6676">
        <v>70687.811310000005</v>
      </c>
      <c r="T6676">
        <v>22577.337479999998</v>
      </c>
      <c r="U6676">
        <v>10876.03832</v>
      </c>
      <c r="W6676" s="83">
        <f>Bühler!N6708</f>
        <v>45570.083333317147</v>
      </c>
      <c r="X6676" s="83">
        <v>43379.083333333336</v>
      </c>
      <c r="Y6676">
        <v>201821.54749999999</v>
      </c>
      <c r="Z6676">
        <v>12180.16066</v>
      </c>
      <c r="AA6676">
        <v>50305.902260000003</v>
      </c>
      <c r="AB6676">
        <v>31138.411629999999</v>
      </c>
      <c r="AC6676">
        <v>33964.148119999998</v>
      </c>
      <c r="AD6676">
        <v>16217.603800000001</v>
      </c>
      <c r="AE6676">
        <v>31042.726999999999</v>
      </c>
      <c r="AF6676">
        <v>46467.867059999997</v>
      </c>
      <c r="AG6676">
        <v>16451.9221</v>
      </c>
      <c r="AH6676">
        <v>262853.47529999999</v>
      </c>
      <c r="AI6676">
        <v>70028.292780000003</v>
      </c>
      <c r="AJ6676">
        <v>17424.861980000001</v>
      </c>
      <c r="AK6676">
        <v>24503.19829</v>
      </c>
      <c r="AL6676">
        <v>72394.946880000003</v>
      </c>
      <c r="AM6676">
        <v>15017.681490000001</v>
      </c>
      <c r="AN6676">
        <v>70687.811310000005</v>
      </c>
      <c r="AO6676">
        <v>22577.337479999998</v>
      </c>
      <c r="AP6676">
        <v>10876.03832</v>
      </c>
    </row>
    <row r="6677" spans="2:42" x14ac:dyDescent="0.3">
      <c r="B6677">
        <v>50.883306096415808</v>
      </c>
      <c r="C6677" s="83">
        <v>43379.125</v>
      </c>
      <c r="D6677">
        <v>195763.80679999999</v>
      </c>
      <c r="E6677">
        <v>12081.04775</v>
      </c>
      <c r="F6677">
        <v>50868.190920000001</v>
      </c>
      <c r="G6677">
        <v>30495.72465</v>
      </c>
      <c r="H6677">
        <v>33669.069430000003</v>
      </c>
      <c r="I6677">
        <v>15739.32058</v>
      </c>
      <c r="J6677">
        <v>31317.318469999998</v>
      </c>
      <c r="K6677">
        <v>44370.899879999997</v>
      </c>
      <c r="L6677">
        <v>16037.75605</v>
      </c>
      <c r="M6677">
        <v>259426.8235</v>
      </c>
      <c r="N6677">
        <v>68076.634779999993</v>
      </c>
      <c r="O6677">
        <v>17275.254809999999</v>
      </c>
      <c r="P6677">
        <v>24199.144049999999</v>
      </c>
      <c r="Q6677">
        <v>72292.359899999996</v>
      </c>
      <c r="R6677">
        <v>14366.448109999999</v>
      </c>
      <c r="S6677">
        <v>70638.993799999997</v>
      </c>
      <c r="T6677">
        <v>22212.03728</v>
      </c>
      <c r="U6677">
        <v>10943.367109999999</v>
      </c>
      <c r="W6677" s="83">
        <f>Bühler!N6709</f>
        <v>45570.124999983811</v>
      </c>
      <c r="X6677" s="83">
        <v>43379.125</v>
      </c>
      <c r="Y6677">
        <v>195763.80679999999</v>
      </c>
      <c r="Z6677">
        <v>12081.04775</v>
      </c>
      <c r="AA6677">
        <v>50868.190920000001</v>
      </c>
      <c r="AB6677">
        <v>30495.72465</v>
      </c>
      <c r="AC6677">
        <v>33669.069430000003</v>
      </c>
      <c r="AD6677">
        <v>15739.32058</v>
      </c>
      <c r="AE6677">
        <v>31317.318469999998</v>
      </c>
      <c r="AF6677">
        <v>44370.899879999997</v>
      </c>
      <c r="AG6677">
        <v>16037.75605</v>
      </c>
      <c r="AH6677">
        <v>259426.8235</v>
      </c>
      <c r="AI6677">
        <v>68076.634779999993</v>
      </c>
      <c r="AJ6677">
        <v>17275.254809999999</v>
      </c>
      <c r="AK6677">
        <v>24199.144049999999</v>
      </c>
      <c r="AL6677">
        <v>72292.359899999996</v>
      </c>
      <c r="AM6677">
        <v>14366.448109999999</v>
      </c>
      <c r="AN6677">
        <v>70638.993799999997</v>
      </c>
      <c r="AO6677">
        <v>22212.03728</v>
      </c>
      <c r="AP6677">
        <v>10943.367109999999</v>
      </c>
    </row>
    <row r="6678" spans="2:42" x14ac:dyDescent="0.3">
      <c r="B6678">
        <v>49.799156485676235</v>
      </c>
      <c r="C6678" s="83">
        <v>43379.166666666664</v>
      </c>
      <c r="D6678">
        <v>188039.337</v>
      </c>
      <c r="E6678">
        <v>12177.323829999999</v>
      </c>
      <c r="F6678">
        <v>55609.248229999997</v>
      </c>
      <c r="G6678">
        <v>29505.615249999999</v>
      </c>
      <c r="H6678">
        <v>33612.682430000001</v>
      </c>
      <c r="I6678">
        <v>17107.087520000001</v>
      </c>
      <c r="J6678">
        <v>33066.632590000001</v>
      </c>
      <c r="K6678">
        <v>42619.878470000003</v>
      </c>
      <c r="L6678">
        <v>15938.4696</v>
      </c>
      <c r="M6678">
        <v>253899.32320000001</v>
      </c>
      <c r="N6678">
        <v>66923.03499</v>
      </c>
      <c r="O6678">
        <v>17633.011259999999</v>
      </c>
      <c r="P6678">
        <v>23214.289949999998</v>
      </c>
      <c r="Q6678">
        <v>71628.805410000001</v>
      </c>
      <c r="R6678">
        <v>15112.67835</v>
      </c>
      <c r="S6678">
        <v>70650.576159999997</v>
      </c>
      <c r="T6678">
        <v>21825.250830000001</v>
      </c>
      <c r="U6678">
        <v>11084.23731</v>
      </c>
      <c r="W6678" s="83">
        <f>Bühler!N6710</f>
        <v>45570.166666650475</v>
      </c>
      <c r="X6678" s="83">
        <v>43379.166666666664</v>
      </c>
      <c r="Y6678">
        <v>188039.337</v>
      </c>
      <c r="Z6678">
        <v>12177.323829999999</v>
      </c>
      <c r="AA6678">
        <v>55609.248229999997</v>
      </c>
      <c r="AB6678">
        <v>29505.615249999999</v>
      </c>
      <c r="AC6678">
        <v>33612.682430000001</v>
      </c>
      <c r="AD6678">
        <v>17107.087520000001</v>
      </c>
      <c r="AE6678">
        <v>33066.632590000001</v>
      </c>
      <c r="AF6678">
        <v>42619.878470000003</v>
      </c>
      <c r="AG6678">
        <v>15938.4696</v>
      </c>
      <c r="AH6678">
        <v>253899.32320000001</v>
      </c>
      <c r="AI6678">
        <v>66923.03499</v>
      </c>
      <c r="AJ6678">
        <v>17633.011259999999</v>
      </c>
      <c r="AK6678">
        <v>23214.289949999998</v>
      </c>
      <c r="AL6678">
        <v>71628.805410000001</v>
      </c>
      <c r="AM6678">
        <v>15112.67835</v>
      </c>
      <c r="AN6678">
        <v>70650.576159999997</v>
      </c>
      <c r="AO6678">
        <v>21825.250830000001</v>
      </c>
      <c r="AP6678">
        <v>11084.23731</v>
      </c>
    </row>
    <row r="6679" spans="2:42" x14ac:dyDescent="0.3">
      <c r="B6679">
        <v>48.898320314177973</v>
      </c>
      <c r="C6679" s="83">
        <v>43379.208333333336</v>
      </c>
      <c r="D6679">
        <v>183459.9798</v>
      </c>
      <c r="E6679">
        <v>12755.91898</v>
      </c>
      <c r="F6679">
        <v>63540.753360000002</v>
      </c>
      <c r="G6679">
        <v>29847.98962</v>
      </c>
      <c r="H6679">
        <v>34393.933010000001</v>
      </c>
      <c r="I6679">
        <v>23280.427250000001</v>
      </c>
      <c r="J6679">
        <v>35456.353020000002</v>
      </c>
      <c r="K6679">
        <v>42174.148930000003</v>
      </c>
      <c r="L6679">
        <v>16342.744199999999</v>
      </c>
      <c r="M6679">
        <v>249306.44029999999</v>
      </c>
      <c r="N6679">
        <v>66158.910409999997</v>
      </c>
      <c r="O6679">
        <v>17386.78342</v>
      </c>
      <c r="P6679">
        <v>23659.485120000001</v>
      </c>
      <c r="Q6679">
        <v>71278.97451</v>
      </c>
      <c r="R6679">
        <v>16023.43053</v>
      </c>
      <c r="S6679">
        <v>72763.35484</v>
      </c>
      <c r="T6679">
        <v>23083.409749999999</v>
      </c>
      <c r="U6679">
        <v>11513.530930000001</v>
      </c>
      <c r="W6679" s="83">
        <f>Bühler!N6711</f>
        <v>45570.208333317139</v>
      </c>
      <c r="X6679" s="83">
        <v>43379.208333333336</v>
      </c>
      <c r="Y6679">
        <v>183459.9798</v>
      </c>
      <c r="Z6679">
        <v>12755.91898</v>
      </c>
      <c r="AA6679">
        <v>63540.753360000002</v>
      </c>
      <c r="AB6679">
        <v>29847.98962</v>
      </c>
      <c r="AC6679">
        <v>34393.933010000001</v>
      </c>
      <c r="AD6679">
        <v>23280.427250000001</v>
      </c>
      <c r="AE6679">
        <v>35456.353020000002</v>
      </c>
      <c r="AF6679">
        <v>42174.148930000003</v>
      </c>
      <c r="AG6679">
        <v>16342.744199999999</v>
      </c>
      <c r="AH6679">
        <v>249306.44029999999</v>
      </c>
      <c r="AI6679">
        <v>66158.910409999997</v>
      </c>
      <c r="AJ6679">
        <v>17386.78342</v>
      </c>
      <c r="AK6679">
        <v>23659.485120000001</v>
      </c>
      <c r="AL6679">
        <v>71278.97451</v>
      </c>
      <c r="AM6679">
        <v>16023.43053</v>
      </c>
      <c r="AN6679">
        <v>72763.35484</v>
      </c>
      <c r="AO6679">
        <v>23083.409749999999</v>
      </c>
      <c r="AP6679">
        <v>11513.530930000001</v>
      </c>
    </row>
    <row r="6680" spans="2:42" x14ac:dyDescent="0.3">
      <c r="B6680">
        <v>48.91125449782794</v>
      </c>
      <c r="C6680" s="83">
        <v>43379.25</v>
      </c>
      <c r="D6680">
        <v>185119.46919999999</v>
      </c>
      <c r="E6680">
        <v>14764.90704</v>
      </c>
      <c r="F6680">
        <v>75753.502890000003</v>
      </c>
      <c r="G6680">
        <v>31304.29492</v>
      </c>
      <c r="H6680">
        <v>35314.35241</v>
      </c>
      <c r="I6680">
        <v>26034.812010000001</v>
      </c>
      <c r="J6680">
        <v>38921.537579999997</v>
      </c>
      <c r="K6680">
        <v>40221.554349999999</v>
      </c>
      <c r="L6680">
        <v>17403.500940000002</v>
      </c>
      <c r="M6680">
        <v>249372.3848</v>
      </c>
      <c r="N6680">
        <v>64321.101549999999</v>
      </c>
      <c r="O6680">
        <v>18047.744470000001</v>
      </c>
      <c r="P6680">
        <v>25096.67453</v>
      </c>
      <c r="Q6680">
        <v>69872.584170000002</v>
      </c>
      <c r="R6680">
        <v>16094.02238</v>
      </c>
      <c r="S6680">
        <v>78097.324590000004</v>
      </c>
      <c r="T6680">
        <v>24650.65292</v>
      </c>
      <c r="U6680">
        <v>11955.611650000001</v>
      </c>
      <c r="W6680" s="83">
        <f>Bühler!N6712</f>
        <v>45570.249999983804</v>
      </c>
      <c r="X6680" s="83">
        <v>43379.25</v>
      </c>
      <c r="Y6680">
        <v>185119.46919999999</v>
      </c>
      <c r="Z6680">
        <v>14764.90704</v>
      </c>
      <c r="AA6680">
        <v>75753.502890000003</v>
      </c>
      <c r="AB6680">
        <v>31304.29492</v>
      </c>
      <c r="AC6680">
        <v>35314.35241</v>
      </c>
      <c r="AD6680">
        <v>26034.812010000001</v>
      </c>
      <c r="AE6680">
        <v>38921.537579999997</v>
      </c>
      <c r="AF6680">
        <v>40221.554349999999</v>
      </c>
      <c r="AG6680">
        <v>17403.500940000002</v>
      </c>
      <c r="AH6680">
        <v>249372.3848</v>
      </c>
      <c r="AI6680">
        <v>64321.101549999999</v>
      </c>
      <c r="AJ6680">
        <v>18047.744470000001</v>
      </c>
      <c r="AK6680">
        <v>25096.67453</v>
      </c>
      <c r="AL6680">
        <v>69872.584170000002</v>
      </c>
      <c r="AM6680">
        <v>16094.02238</v>
      </c>
      <c r="AN6680">
        <v>78097.324590000004</v>
      </c>
      <c r="AO6680">
        <v>24650.65292</v>
      </c>
      <c r="AP6680">
        <v>11955.611650000001</v>
      </c>
    </row>
    <row r="6681" spans="2:42" x14ac:dyDescent="0.3">
      <c r="B6681">
        <v>48.713931865388219</v>
      </c>
      <c r="C6681" s="83">
        <v>43379.291666666664</v>
      </c>
      <c r="D6681">
        <v>185713.98449999999</v>
      </c>
      <c r="E6681">
        <v>16947.43606</v>
      </c>
      <c r="F6681">
        <v>78717.070070000002</v>
      </c>
      <c r="G6681">
        <v>32514.188099999999</v>
      </c>
      <c r="H6681">
        <v>36024.596890000001</v>
      </c>
      <c r="I6681">
        <v>28159.960200000001</v>
      </c>
      <c r="J6681">
        <v>40060.344819999998</v>
      </c>
      <c r="K6681">
        <v>40481.225740000002</v>
      </c>
      <c r="L6681">
        <v>19228.242490000001</v>
      </c>
      <c r="M6681">
        <v>248366.342</v>
      </c>
      <c r="N6681">
        <v>64843.856079999998</v>
      </c>
      <c r="O6681">
        <v>18077.923879999998</v>
      </c>
      <c r="P6681">
        <v>27504.729210000001</v>
      </c>
      <c r="Q6681">
        <v>67507.008159999998</v>
      </c>
      <c r="R6681">
        <v>17163.632870000001</v>
      </c>
      <c r="S6681">
        <v>85563.935889999993</v>
      </c>
      <c r="T6681">
        <v>23006.45434</v>
      </c>
      <c r="U6681">
        <v>12309.225280000001</v>
      </c>
      <c r="W6681" s="83">
        <f>Bühler!N6713</f>
        <v>45570.291666650468</v>
      </c>
      <c r="X6681" s="83">
        <v>43379.291666666664</v>
      </c>
      <c r="Y6681">
        <v>185713.98449999999</v>
      </c>
      <c r="Z6681">
        <v>16947.43606</v>
      </c>
      <c r="AA6681">
        <v>78717.070070000002</v>
      </c>
      <c r="AB6681">
        <v>32514.188099999999</v>
      </c>
      <c r="AC6681">
        <v>36024.596890000001</v>
      </c>
      <c r="AD6681">
        <v>28159.960200000001</v>
      </c>
      <c r="AE6681">
        <v>40060.344819999998</v>
      </c>
      <c r="AF6681">
        <v>40481.225740000002</v>
      </c>
      <c r="AG6681">
        <v>19228.242490000001</v>
      </c>
      <c r="AH6681">
        <v>248366.342</v>
      </c>
      <c r="AI6681">
        <v>64843.856079999998</v>
      </c>
      <c r="AJ6681">
        <v>18077.923879999998</v>
      </c>
      <c r="AK6681">
        <v>27504.729210000001</v>
      </c>
      <c r="AL6681">
        <v>67507.008159999998</v>
      </c>
      <c r="AM6681">
        <v>17163.632870000001</v>
      </c>
      <c r="AN6681">
        <v>85563.935889999993</v>
      </c>
      <c r="AO6681">
        <v>23006.45434</v>
      </c>
      <c r="AP6681">
        <v>12309.225280000001</v>
      </c>
    </row>
    <row r="6682" spans="2:42" x14ac:dyDescent="0.3">
      <c r="B6682">
        <v>48.398297693841883</v>
      </c>
      <c r="C6682" s="83">
        <v>43379.333333333336</v>
      </c>
      <c r="D6682">
        <v>183271.19649999999</v>
      </c>
      <c r="E6682">
        <v>19927.629919999999</v>
      </c>
      <c r="F6682">
        <v>83159.108999999997</v>
      </c>
      <c r="G6682">
        <v>33052.837829999997</v>
      </c>
      <c r="H6682">
        <v>35584.304300000003</v>
      </c>
      <c r="I6682">
        <v>28605.083689999999</v>
      </c>
      <c r="J6682">
        <v>39060.018819999998</v>
      </c>
      <c r="K6682">
        <v>41259.062409999999</v>
      </c>
      <c r="L6682">
        <v>21450.724869999998</v>
      </c>
      <c r="M6682">
        <v>246757.09179999999</v>
      </c>
      <c r="N6682">
        <v>67021.102220000001</v>
      </c>
      <c r="O6682">
        <v>18549.700509999999</v>
      </c>
      <c r="P6682">
        <v>29536.84001</v>
      </c>
      <c r="Q6682">
        <v>65399.661440000003</v>
      </c>
      <c r="R6682">
        <v>16186.37212</v>
      </c>
      <c r="S6682">
        <v>87625.252800000002</v>
      </c>
      <c r="T6682">
        <v>24516.167150000001</v>
      </c>
      <c r="U6682">
        <v>11427.35267</v>
      </c>
      <c r="W6682" s="83">
        <f>Bühler!N6714</f>
        <v>45570.333333317132</v>
      </c>
      <c r="X6682" s="83">
        <v>43379.333333333336</v>
      </c>
      <c r="Y6682">
        <v>183271.19649999999</v>
      </c>
      <c r="Z6682">
        <v>19927.629919999999</v>
      </c>
      <c r="AA6682">
        <v>83159.108999999997</v>
      </c>
      <c r="AB6682">
        <v>33052.837829999997</v>
      </c>
      <c r="AC6682">
        <v>35584.304300000003</v>
      </c>
      <c r="AD6682">
        <v>28605.083689999999</v>
      </c>
      <c r="AE6682">
        <v>39060.018819999998</v>
      </c>
      <c r="AF6682">
        <v>41259.062409999999</v>
      </c>
      <c r="AG6682">
        <v>21450.724869999998</v>
      </c>
      <c r="AH6682">
        <v>246757.09179999999</v>
      </c>
      <c r="AI6682">
        <v>67021.102220000001</v>
      </c>
      <c r="AJ6682">
        <v>18549.700509999999</v>
      </c>
      <c r="AK6682">
        <v>29536.84001</v>
      </c>
      <c r="AL6682">
        <v>65399.661440000003</v>
      </c>
      <c r="AM6682">
        <v>16186.37212</v>
      </c>
      <c r="AN6682">
        <v>87625.252800000002</v>
      </c>
      <c r="AO6682">
        <v>24516.167150000001</v>
      </c>
      <c r="AP6682">
        <v>11427.35267</v>
      </c>
    </row>
    <row r="6683" spans="2:42" x14ac:dyDescent="0.3">
      <c r="B6683">
        <v>47.714745020105248</v>
      </c>
      <c r="C6683" s="83">
        <v>43379.375</v>
      </c>
      <c r="D6683">
        <v>181513.94889999999</v>
      </c>
      <c r="E6683">
        <v>23058.63726</v>
      </c>
      <c r="F6683">
        <v>88346.457840000003</v>
      </c>
      <c r="G6683">
        <v>33905.599920000001</v>
      </c>
      <c r="H6683">
        <v>35952.930030000003</v>
      </c>
      <c r="I6683">
        <v>28221.926240000001</v>
      </c>
      <c r="J6683">
        <v>38867.096799999999</v>
      </c>
      <c r="K6683">
        <v>41505.425150000003</v>
      </c>
      <c r="L6683">
        <v>24382.513299999999</v>
      </c>
      <c r="M6683">
        <v>243272.0215</v>
      </c>
      <c r="N6683">
        <v>67345.043030000001</v>
      </c>
      <c r="O6683">
        <v>18174.777119999999</v>
      </c>
      <c r="P6683">
        <v>31823.590230000002</v>
      </c>
      <c r="Q6683">
        <v>65648.010259999995</v>
      </c>
      <c r="R6683">
        <v>16523.87083</v>
      </c>
      <c r="S6683">
        <v>89972.574040000007</v>
      </c>
      <c r="T6683">
        <v>26769.070210000002</v>
      </c>
      <c r="U6683">
        <v>11465.06163</v>
      </c>
      <c r="W6683" s="83">
        <f>Bühler!N6715</f>
        <v>45570.374999983796</v>
      </c>
      <c r="X6683" s="83">
        <v>43379.375</v>
      </c>
      <c r="Y6683">
        <v>181513.94889999999</v>
      </c>
      <c r="Z6683">
        <v>23058.63726</v>
      </c>
      <c r="AA6683">
        <v>88346.457840000003</v>
      </c>
      <c r="AB6683">
        <v>33905.599920000001</v>
      </c>
      <c r="AC6683">
        <v>35952.930030000003</v>
      </c>
      <c r="AD6683">
        <v>28221.926240000001</v>
      </c>
      <c r="AE6683">
        <v>38867.096799999999</v>
      </c>
      <c r="AF6683">
        <v>41505.425150000003</v>
      </c>
      <c r="AG6683">
        <v>24382.513299999999</v>
      </c>
      <c r="AH6683">
        <v>243272.0215</v>
      </c>
      <c r="AI6683">
        <v>67345.043030000001</v>
      </c>
      <c r="AJ6683">
        <v>18174.777119999999</v>
      </c>
      <c r="AK6683">
        <v>31823.590230000002</v>
      </c>
      <c r="AL6683">
        <v>65648.010259999995</v>
      </c>
      <c r="AM6683">
        <v>16523.87083</v>
      </c>
      <c r="AN6683">
        <v>89972.574040000007</v>
      </c>
      <c r="AO6683">
        <v>26769.070210000002</v>
      </c>
      <c r="AP6683">
        <v>11465.06163</v>
      </c>
    </row>
    <row r="6684" spans="2:42" x14ac:dyDescent="0.3">
      <c r="B6684">
        <v>47.433703741435082</v>
      </c>
      <c r="C6684" s="83">
        <v>43379.416666666664</v>
      </c>
      <c r="D6684">
        <v>179711.55290000001</v>
      </c>
      <c r="E6684">
        <v>24422.826659999999</v>
      </c>
      <c r="F6684">
        <v>88627.574689999994</v>
      </c>
      <c r="G6684">
        <v>33705.964010000003</v>
      </c>
      <c r="H6684">
        <v>36751.6247</v>
      </c>
      <c r="I6684">
        <v>27105.278679999999</v>
      </c>
      <c r="J6684">
        <v>38676.9542</v>
      </c>
      <c r="K6684">
        <v>43384.253320000003</v>
      </c>
      <c r="L6684">
        <v>27212.707320000001</v>
      </c>
      <c r="M6684">
        <v>241839.14199999999</v>
      </c>
      <c r="N6684">
        <v>68577.243969999996</v>
      </c>
      <c r="O6684">
        <v>19118.74986</v>
      </c>
      <c r="P6684">
        <v>32732.67136</v>
      </c>
      <c r="Q6684">
        <v>65191.478219999997</v>
      </c>
      <c r="R6684">
        <v>17076.581719999998</v>
      </c>
      <c r="S6684">
        <v>88805.583910000001</v>
      </c>
      <c r="T6684">
        <v>28713.743859999999</v>
      </c>
      <c r="U6684">
        <v>11573.826440000001</v>
      </c>
      <c r="W6684" s="83">
        <f>Bühler!N6716</f>
        <v>45570.416666650461</v>
      </c>
      <c r="X6684" s="83">
        <v>43379.416666666664</v>
      </c>
      <c r="Y6684">
        <v>179711.55290000001</v>
      </c>
      <c r="Z6684">
        <v>24422.826659999999</v>
      </c>
      <c r="AA6684">
        <v>88627.574689999994</v>
      </c>
      <c r="AB6684">
        <v>33705.964010000003</v>
      </c>
      <c r="AC6684">
        <v>36751.6247</v>
      </c>
      <c r="AD6684">
        <v>27105.278679999999</v>
      </c>
      <c r="AE6684">
        <v>38676.9542</v>
      </c>
      <c r="AF6684">
        <v>43384.253320000003</v>
      </c>
      <c r="AG6684">
        <v>27212.707320000001</v>
      </c>
      <c r="AH6684">
        <v>241839.14199999999</v>
      </c>
      <c r="AI6684">
        <v>68577.243969999996</v>
      </c>
      <c r="AJ6684">
        <v>19118.74986</v>
      </c>
      <c r="AK6684">
        <v>32732.67136</v>
      </c>
      <c r="AL6684">
        <v>65191.478219999997</v>
      </c>
      <c r="AM6684">
        <v>17076.581719999998</v>
      </c>
      <c r="AN6684">
        <v>88805.583910000001</v>
      </c>
      <c r="AO6684">
        <v>28713.743859999999</v>
      </c>
      <c r="AP6684">
        <v>11573.826440000001</v>
      </c>
    </row>
    <row r="6685" spans="2:42" x14ac:dyDescent="0.3">
      <c r="B6685">
        <v>46.890786672978322</v>
      </c>
      <c r="C6685" s="83">
        <v>43379.458333333336</v>
      </c>
      <c r="D6685">
        <v>178007.76860000001</v>
      </c>
      <c r="E6685">
        <v>24478.145250000001</v>
      </c>
      <c r="F6685">
        <v>89377.385540000003</v>
      </c>
      <c r="G6685">
        <v>33841.891380000001</v>
      </c>
      <c r="H6685">
        <v>37077.598890000001</v>
      </c>
      <c r="I6685">
        <v>27488.787629999999</v>
      </c>
      <c r="J6685">
        <v>38021.930130000001</v>
      </c>
      <c r="K6685">
        <v>44156.090199999999</v>
      </c>
      <c r="L6685">
        <v>28683.492279999999</v>
      </c>
      <c r="M6685">
        <v>239071.09760000001</v>
      </c>
      <c r="N6685">
        <v>69905.573480000006</v>
      </c>
      <c r="O6685">
        <v>19243.53759</v>
      </c>
      <c r="P6685">
        <v>31681.561129999998</v>
      </c>
      <c r="Q6685">
        <v>63829.68449</v>
      </c>
      <c r="R6685">
        <v>17511.073830000001</v>
      </c>
      <c r="S6685">
        <v>90747.230630000005</v>
      </c>
      <c r="T6685">
        <v>28837.534309999999</v>
      </c>
      <c r="U6685">
        <v>11266.025540000001</v>
      </c>
      <c r="W6685" s="83">
        <f>Bühler!N6717</f>
        <v>45570.458333317125</v>
      </c>
      <c r="X6685" s="83">
        <v>43379.458333333336</v>
      </c>
      <c r="Y6685">
        <v>178007.76860000001</v>
      </c>
      <c r="Z6685">
        <v>24478.145250000001</v>
      </c>
      <c r="AA6685">
        <v>89377.385540000003</v>
      </c>
      <c r="AB6685">
        <v>33841.891380000001</v>
      </c>
      <c r="AC6685">
        <v>37077.598890000001</v>
      </c>
      <c r="AD6685">
        <v>27488.787629999999</v>
      </c>
      <c r="AE6685">
        <v>38021.930130000001</v>
      </c>
      <c r="AF6685">
        <v>44156.090199999999</v>
      </c>
      <c r="AG6685">
        <v>28683.492279999999</v>
      </c>
      <c r="AH6685">
        <v>239071.09760000001</v>
      </c>
      <c r="AI6685">
        <v>69905.573480000006</v>
      </c>
      <c r="AJ6685">
        <v>19243.53759</v>
      </c>
      <c r="AK6685">
        <v>31681.561129999998</v>
      </c>
      <c r="AL6685">
        <v>63829.68449</v>
      </c>
      <c r="AM6685">
        <v>17511.073830000001</v>
      </c>
      <c r="AN6685">
        <v>90747.230630000005</v>
      </c>
      <c r="AO6685">
        <v>28837.534309999999</v>
      </c>
      <c r="AP6685">
        <v>11266.025540000001</v>
      </c>
    </row>
    <row r="6686" spans="2:42" x14ac:dyDescent="0.3">
      <c r="B6686">
        <v>46.494908978662544</v>
      </c>
      <c r="C6686" s="83">
        <v>43379.5</v>
      </c>
      <c r="D6686">
        <v>171418.7139</v>
      </c>
      <c r="E6686">
        <v>23352.975979999999</v>
      </c>
      <c r="F6686">
        <v>88601.603770000002</v>
      </c>
      <c r="G6686">
        <v>33559.722220000003</v>
      </c>
      <c r="H6686">
        <v>36137.300750000002</v>
      </c>
      <c r="I6686">
        <v>28061.191210000001</v>
      </c>
      <c r="J6686">
        <v>38365.936670000003</v>
      </c>
      <c r="K6686">
        <v>44176.235699999997</v>
      </c>
      <c r="L6686">
        <v>31032.207109999999</v>
      </c>
      <c r="M6686">
        <v>237052.7285</v>
      </c>
      <c r="N6686">
        <v>69146.186199999996</v>
      </c>
      <c r="O6686">
        <v>19748.309829999998</v>
      </c>
      <c r="P6686">
        <v>32264.089899999999</v>
      </c>
      <c r="Q6686">
        <v>61231.445720000003</v>
      </c>
      <c r="R6686">
        <v>18602.312900000001</v>
      </c>
      <c r="S6686">
        <v>87259.066009999995</v>
      </c>
      <c r="T6686">
        <v>28633.459760000002</v>
      </c>
      <c r="U6686">
        <v>10518.002179999999</v>
      </c>
      <c r="W6686" s="83">
        <f>Bühler!N6718</f>
        <v>45570.499999983789</v>
      </c>
      <c r="X6686" s="83">
        <v>43379.5</v>
      </c>
      <c r="Y6686">
        <v>171418.7139</v>
      </c>
      <c r="Z6686">
        <v>23352.975979999999</v>
      </c>
      <c r="AA6686">
        <v>88601.603770000002</v>
      </c>
      <c r="AB6686">
        <v>33559.722220000003</v>
      </c>
      <c r="AC6686">
        <v>36137.300750000002</v>
      </c>
      <c r="AD6686">
        <v>28061.191210000001</v>
      </c>
      <c r="AE6686">
        <v>38365.936670000003</v>
      </c>
      <c r="AF6686">
        <v>44176.235699999997</v>
      </c>
      <c r="AG6686">
        <v>31032.207109999999</v>
      </c>
      <c r="AH6686">
        <v>237052.7285</v>
      </c>
      <c r="AI6686">
        <v>69146.186199999996</v>
      </c>
      <c r="AJ6686">
        <v>19748.309829999998</v>
      </c>
      <c r="AK6686">
        <v>32264.089899999999</v>
      </c>
      <c r="AL6686">
        <v>61231.445720000003</v>
      </c>
      <c r="AM6686">
        <v>18602.312900000001</v>
      </c>
      <c r="AN6686">
        <v>87259.066009999995</v>
      </c>
      <c r="AO6686">
        <v>28633.459760000002</v>
      </c>
      <c r="AP6686">
        <v>10518.002179999999</v>
      </c>
    </row>
    <row r="6687" spans="2:42" x14ac:dyDescent="0.3">
      <c r="B6687">
        <v>45.059013356530819</v>
      </c>
      <c r="C6687" s="83">
        <v>43379.541666666664</v>
      </c>
      <c r="D6687">
        <v>168587.2212</v>
      </c>
      <c r="E6687">
        <v>22941.878110000001</v>
      </c>
      <c r="F6687">
        <v>87755.431729999997</v>
      </c>
      <c r="G6687">
        <v>33153.516320000002</v>
      </c>
      <c r="H6687">
        <v>35930.472459999997</v>
      </c>
      <c r="I6687">
        <v>28455.915219999999</v>
      </c>
      <c r="J6687">
        <v>37368.277260000003</v>
      </c>
      <c r="K6687">
        <v>44841.561029999997</v>
      </c>
      <c r="L6687">
        <v>30761.176340000002</v>
      </c>
      <c r="M6687">
        <v>229731.86300000001</v>
      </c>
      <c r="N6687">
        <v>68390.078399999999</v>
      </c>
      <c r="O6687">
        <v>19092.32532</v>
      </c>
      <c r="P6687">
        <v>31731.398509999999</v>
      </c>
      <c r="Q6687">
        <v>58686.785040000002</v>
      </c>
      <c r="R6687">
        <v>19405.77923</v>
      </c>
      <c r="S6687">
        <v>86626.264139999999</v>
      </c>
      <c r="T6687">
        <v>28412.916399999998</v>
      </c>
      <c r="U6687">
        <v>10308.513199999999</v>
      </c>
      <c r="W6687" s="83">
        <f>Bühler!N6719</f>
        <v>45570.541666650453</v>
      </c>
      <c r="X6687" s="83">
        <v>43379.541666666664</v>
      </c>
      <c r="Y6687">
        <v>168587.2212</v>
      </c>
      <c r="Z6687">
        <v>22941.878110000001</v>
      </c>
      <c r="AA6687">
        <v>87755.431729999997</v>
      </c>
      <c r="AB6687">
        <v>33153.516320000002</v>
      </c>
      <c r="AC6687">
        <v>35930.472459999997</v>
      </c>
      <c r="AD6687">
        <v>28455.915219999999</v>
      </c>
      <c r="AE6687">
        <v>37368.277260000003</v>
      </c>
      <c r="AF6687">
        <v>44841.561029999997</v>
      </c>
      <c r="AG6687">
        <v>30761.176340000002</v>
      </c>
      <c r="AH6687">
        <v>229731.86300000001</v>
      </c>
      <c r="AI6687">
        <v>68390.078399999999</v>
      </c>
      <c r="AJ6687">
        <v>19092.32532</v>
      </c>
      <c r="AK6687">
        <v>31731.398509999999</v>
      </c>
      <c r="AL6687">
        <v>58686.785040000002</v>
      </c>
      <c r="AM6687">
        <v>19405.77923</v>
      </c>
      <c r="AN6687">
        <v>86626.264139999999</v>
      </c>
      <c r="AO6687">
        <v>28412.916399999998</v>
      </c>
      <c r="AP6687">
        <v>10308.513199999999</v>
      </c>
    </row>
    <row r="6688" spans="2:42" x14ac:dyDescent="0.3">
      <c r="B6688">
        <v>43.818693978924713</v>
      </c>
      <c r="C6688" s="83">
        <v>43379.583333333336</v>
      </c>
      <c r="D6688">
        <v>168098.44589999999</v>
      </c>
      <c r="E6688">
        <v>23874.999530000001</v>
      </c>
      <c r="F6688">
        <v>87460.189570000002</v>
      </c>
      <c r="G6688">
        <v>32484.537270000001</v>
      </c>
      <c r="H6688">
        <v>36111.420870000002</v>
      </c>
      <c r="I6688">
        <v>28709.220359999999</v>
      </c>
      <c r="J6688">
        <v>36580.566729999999</v>
      </c>
      <c r="K6688">
        <v>44864.94425</v>
      </c>
      <c r="L6688">
        <v>29009.50648</v>
      </c>
      <c r="M6688">
        <v>223408.13639999999</v>
      </c>
      <c r="N6688">
        <v>67908.243539999996</v>
      </c>
      <c r="O6688">
        <v>18851.523969999998</v>
      </c>
      <c r="P6688">
        <v>29171.223959999999</v>
      </c>
      <c r="Q6688">
        <v>57043.219239999999</v>
      </c>
      <c r="R6688">
        <v>18635.001199999999</v>
      </c>
      <c r="S6688">
        <v>83999.966920000006</v>
      </c>
      <c r="T6688">
        <v>28386.64013</v>
      </c>
      <c r="U6688">
        <v>10486.3053</v>
      </c>
      <c r="W6688" s="83">
        <f>Bühler!N6720</f>
        <v>45570.583333317118</v>
      </c>
      <c r="X6688" s="83">
        <v>43379.583333333336</v>
      </c>
      <c r="Y6688">
        <v>168098.44589999999</v>
      </c>
      <c r="Z6688">
        <v>23874.999530000001</v>
      </c>
      <c r="AA6688">
        <v>87460.189570000002</v>
      </c>
      <c r="AB6688">
        <v>32484.537270000001</v>
      </c>
      <c r="AC6688">
        <v>36111.420870000002</v>
      </c>
      <c r="AD6688">
        <v>28709.220359999999</v>
      </c>
      <c r="AE6688">
        <v>36580.566729999999</v>
      </c>
      <c r="AF6688">
        <v>44864.94425</v>
      </c>
      <c r="AG6688">
        <v>29009.50648</v>
      </c>
      <c r="AH6688">
        <v>223408.13639999999</v>
      </c>
      <c r="AI6688">
        <v>67908.243539999996</v>
      </c>
      <c r="AJ6688">
        <v>18851.523969999998</v>
      </c>
      <c r="AK6688">
        <v>29171.223959999999</v>
      </c>
      <c r="AL6688">
        <v>57043.219239999999</v>
      </c>
      <c r="AM6688">
        <v>18635.001199999999</v>
      </c>
      <c r="AN6688">
        <v>83999.966920000006</v>
      </c>
      <c r="AO6688">
        <v>28386.64013</v>
      </c>
      <c r="AP6688">
        <v>10486.3053</v>
      </c>
    </row>
    <row r="6689" spans="2:42" x14ac:dyDescent="0.3">
      <c r="B6689">
        <v>44.444080259061856</v>
      </c>
      <c r="C6689" s="83">
        <v>43379.625</v>
      </c>
      <c r="D6689">
        <v>166869.9185</v>
      </c>
      <c r="E6689">
        <v>23984.151529999999</v>
      </c>
      <c r="F6689">
        <v>87391.003089999998</v>
      </c>
      <c r="G6689">
        <v>32306.348419999998</v>
      </c>
      <c r="H6689">
        <v>35644.271719999997</v>
      </c>
      <c r="I6689">
        <v>29347.443029999999</v>
      </c>
      <c r="J6689">
        <v>36430.297760000001</v>
      </c>
      <c r="K6689">
        <v>44964.703289999998</v>
      </c>
      <c r="L6689">
        <v>26680.684239999999</v>
      </c>
      <c r="M6689">
        <v>226596.64730000001</v>
      </c>
      <c r="N6689">
        <v>67113.894190000006</v>
      </c>
      <c r="O6689">
        <v>18085.980790000001</v>
      </c>
      <c r="P6689">
        <v>27799.454000000002</v>
      </c>
      <c r="Q6689">
        <v>57080.613340000004</v>
      </c>
      <c r="R6689">
        <v>18594.429459999999</v>
      </c>
      <c r="S6689">
        <v>82961.657640000005</v>
      </c>
      <c r="T6689">
        <v>28904.227940000001</v>
      </c>
      <c r="U6689">
        <v>10182.896350000001</v>
      </c>
      <c r="W6689" s="83">
        <f>Bühler!N6721</f>
        <v>45570.624999983782</v>
      </c>
      <c r="X6689" s="83">
        <v>43379.625</v>
      </c>
      <c r="Y6689">
        <v>166869.9185</v>
      </c>
      <c r="Z6689">
        <v>23984.151529999999</v>
      </c>
      <c r="AA6689">
        <v>87391.003089999998</v>
      </c>
      <c r="AB6689">
        <v>32306.348419999998</v>
      </c>
      <c r="AC6689">
        <v>35644.271719999997</v>
      </c>
      <c r="AD6689">
        <v>29347.443029999999</v>
      </c>
      <c r="AE6689">
        <v>36430.297760000001</v>
      </c>
      <c r="AF6689">
        <v>44964.703289999998</v>
      </c>
      <c r="AG6689">
        <v>26680.684239999999</v>
      </c>
      <c r="AH6689">
        <v>226596.64730000001</v>
      </c>
      <c r="AI6689">
        <v>67113.894190000006</v>
      </c>
      <c r="AJ6689">
        <v>18085.980790000001</v>
      </c>
      <c r="AK6689">
        <v>27799.454000000002</v>
      </c>
      <c r="AL6689">
        <v>57080.613340000004</v>
      </c>
      <c r="AM6689">
        <v>18594.429459999999</v>
      </c>
      <c r="AN6689">
        <v>82961.657640000005</v>
      </c>
      <c r="AO6689">
        <v>28904.227940000001</v>
      </c>
      <c r="AP6689">
        <v>10182.896350000001</v>
      </c>
    </row>
    <row r="6690" spans="2:42" x14ac:dyDescent="0.3">
      <c r="B6690">
        <v>44.694902587626935</v>
      </c>
      <c r="C6690" s="83">
        <v>43379.666666666664</v>
      </c>
      <c r="D6690">
        <v>165620.51010000001</v>
      </c>
      <c r="E6690">
        <v>23770.480749999999</v>
      </c>
      <c r="F6690">
        <v>86800.624509999994</v>
      </c>
      <c r="G6690">
        <v>32385.5209</v>
      </c>
      <c r="H6690">
        <v>35686.455150000002</v>
      </c>
      <c r="I6690">
        <v>29687.556</v>
      </c>
      <c r="J6690">
        <v>36043.456530000003</v>
      </c>
      <c r="K6690">
        <v>44888.314160000002</v>
      </c>
      <c r="L6690">
        <v>25522.543710000002</v>
      </c>
      <c r="M6690">
        <v>227875.4565</v>
      </c>
      <c r="N6690">
        <v>67890.432750000007</v>
      </c>
      <c r="O6690">
        <v>17802.76743</v>
      </c>
      <c r="P6690">
        <v>28152.815869999999</v>
      </c>
      <c r="Q6690">
        <v>56685.760269999999</v>
      </c>
      <c r="R6690">
        <v>18129.625510000002</v>
      </c>
      <c r="S6690">
        <v>83390.372799999997</v>
      </c>
      <c r="T6690">
        <v>28616.184590000001</v>
      </c>
      <c r="U6690">
        <v>10589.931210000001</v>
      </c>
      <c r="W6690" s="83">
        <f>Bühler!N6722</f>
        <v>45570.666666650446</v>
      </c>
      <c r="X6690" s="83">
        <v>43379.666666666664</v>
      </c>
      <c r="Y6690">
        <v>165620.51010000001</v>
      </c>
      <c r="Z6690">
        <v>23770.480749999999</v>
      </c>
      <c r="AA6690">
        <v>86800.624509999994</v>
      </c>
      <c r="AB6690">
        <v>32385.5209</v>
      </c>
      <c r="AC6690">
        <v>35686.455150000002</v>
      </c>
      <c r="AD6690">
        <v>29687.556</v>
      </c>
      <c r="AE6690">
        <v>36043.456530000003</v>
      </c>
      <c r="AF6690">
        <v>44888.314160000002</v>
      </c>
      <c r="AG6690">
        <v>25522.543710000002</v>
      </c>
      <c r="AH6690">
        <v>227875.4565</v>
      </c>
      <c r="AI6690">
        <v>67890.432750000007</v>
      </c>
      <c r="AJ6690">
        <v>17802.76743</v>
      </c>
      <c r="AK6690">
        <v>28152.815869999999</v>
      </c>
      <c r="AL6690">
        <v>56685.760269999999</v>
      </c>
      <c r="AM6690">
        <v>18129.625510000002</v>
      </c>
      <c r="AN6690">
        <v>83390.372799999997</v>
      </c>
      <c r="AO6690">
        <v>28616.184590000001</v>
      </c>
      <c r="AP6690">
        <v>10589.931210000001</v>
      </c>
    </row>
    <row r="6691" spans="2:42" x14ac:dyDescent="0.3">
      <c r="B6691">
        <v>44.563137669523677</v>
      </c>
      <c r="C6691" s="83">
        <v>43379.708333333336</v>
      </c>
      <c r="D6691">
        <v>162873.1036</v>
      </c>
      <c r="E6691">
        <v>23488.847580000001</v>
      </c>
      <c r="F6691">
        <v>87424.524470000004</v>
      </c>
      <c r="G6691">
        <v>32121.60758</v>
      </c>
      <c r="H6691">
        <v>35970.550199999998</v>
      </c>
      <c r="I6691">
        <v>29929.001499999998</v>
      </c>
      <c r="J6691">
        <v>36377.182240000002</v>
      </c>
      <c r="K6691">
        <v>43383.9012</v>
      </c>
      <c r="L6691">
        <v>25742.369890000002</v>
      </c>
      <c r="M6691">
        <v>227203.6575</v>
      </c>
      <c r="N6691">
        <v>68257.100349999993</v>
      </c>
      <c r="O6691">
        <v>17815.441200000001</v>
      </c>
      <c r="P6691">
        <v>30067.275389999999</v>
      </c>
      <c r="Q6691">
        <v>55048.587169999999</v>
      </c>
      <c r="R6691">
        <v>18320.57516</v>
      </c>
      <c r="S6691">
        <v>85032.53284</v>
      </c>
      <c r="T6691">
        <v>28465.36419</v>
      </c>
      <c r="U6691">
        <v>10738.976000000001</v>
      </c>
      <c r="W6691" s="83">
        <f>Bühler!N6723</f>
        <v>45570.70833331711</v>
      </c>
      <c r="X6691" s="83">
        <v>43379.708333333336</v>
      </c>
      <c r="Y6691">
        <v>162873.1036</v>
      </c>
      <c r="Z6691">
        <v>23488.847580000001</v>
      </c>
      <c r="AA6691">
        <v>87424.524470000004</v>
      </c>
      <c r="AB6691">
        <v>32121.60758</v>
      </c>
      <c r="AC6691">
        <v>35970.550199999998</v>
      </c>
      <c r="AD6691">
        <v>29929.001499999998</v>
      </c>
      <c r="AE6691">
        <v>36377.182240000002</v>
      </c>
      <c r="AF6691">
        <v>43383.9012</v>
      </c>
      <c r="AG6691">
        <v>25742.369890000002</v>
      </c>
      <c r="AH6691">
        <v>227203.6575</v>
      </c>
      <c r="AI6691">
        <v>68257.100349999993</v>
      </c>
      <c r="AJ6691">
        <v>17815.441200000001</v>
      </c>
      <c r="AK6691">
        <v>30067.275389999999</v>
      </c>
      <c r="AL6691">
        <v>55048.587169999999</v>
      </c>
      <c r="AM6691">
        <v>18320.57516</v>
      </c>
      <c r="AN6691">
        <v>85032.53284</v>
      </c>
      <c r="AO6691">
        <v>28465.36419</v>
      </c>
      <c r="AP6691">
        <v>10738.976000000001</v>
      </c>
    </row>
    <row r="6692" spans="2:42" x14ac:dyDescent="0.3">
      <c r="B6692">
        <v>44.115233427966189</v>
      </c>
      <c r="C6692" s="83">
        <v>43379.75</v>
      </c>
      <c r="D6692">
        <v>161665.1367</v>
      </c>
      <c r="E6692">
        <v>22391.066449999998</v>
      </c>
      <c r="F6692">
        <v>85665.401939999996</v>
      </c>
      <c r="G6692">
        <v>31849.460899999998</v>
      </c>
      <c r="H6692">
        <v>34958.913419999997</v>
      </c>
      <c r="I6692">
        <v>30082.957249999999</v>
      </c>
      <c r="J6692">
        <v>36947.525379999999</v>
      </c>
      <c r="K6692">
        <v>43246.529880000002</v>
      </c>
      <c r="L6692">
        <v>27123.064419999999</v>
      </c>
      <c r="M6692">
        <v>224920.03279999999</v>
      </c>
      <c r="N6692">
        <v>67612.221380000003</v>
      </c>
      <c r="O6692">
        <v>18024.258900000001</v>
      </c>
      <c r="P6692">
        <v>32557.17338</v>
      </c>
      <c r="Q6692">
        <v>53601.289850000001</v>
      </c>
      <c r="R6692">
        <v>18796.165229999999</v>
      </c>
      <c r="S6692">
        <v>84353.196630000006</v>
      </c>
      <c r="T6692">
        <v>28512.85756</v>
      </c>
      <c r="U6692">
        <v>10820.27468</v>
      </c>
      <c r="W6692" s="83">
        <f>Bühler!N6724</f>
        <v>45570.749999983775</v>
      </c>
      <c r="X6692" s="83">
        <v>43379.75</v>
      </c>
      <c r="Y6692">
        <v>161665.1367</v>
      </c>
      <c r="Z6692">
        <v>22391.066449999998</v>
      </c>
      <c r="AA6692">
        <v>85665.401939999996</v>
      </c>
      <c r="AB6692">
        <v>31849.460899999998</v>
      </c>
      <c r="AC6692">
        <v>34958.913419999997</v>
      </c>
      <c r="AD6692">
        <v>30082.957249999999</v>
      </c>
      <c r="AE6692">
        <v>36947.525379999999</v>
      </c>
      <c r="AF6692">
        <v>43246.529880000002</v>
      </c>
      <c r="AG6692">
        <v>27123.064419999999</v>
      </c>
      <c r="AH6692">
        <v>224920.03279999999</v>
      </c>
      <c r="AI6692">
        <v>67612.221380000003</v>
      </c>
      <c r="AJ6692">
        <v>18024.258900000001</v>
      </c>
      <c r="AK6692">
        <v>32557.17338</v>
      </c>
      <c r="AL6692">
        <v>53601.289850000001</v>
      </c>
      <c r="AM6692">
        <v>18796.165229999999</v>
      </c>
      <c r="AN6692">
        <v>84353.196630000006</v>
      </c>
      <c r="AO6692">
        <v>28512.85756</v>
      </c>
      <c r="AP6692">
        <v>10820.27468</v>
      </c>
    </row>
    <row r="6693" spans="2:42" x14ac:dyDescent="0.3">
      <c r="B6693">
        <v>43.216611863615</v>
      </c>
      <c r="C6693" s="83">
        <v>43379.791666666664</v>
      </c>
      <c r="D6693">
        <v>162077.8603</v>
      </c>
      <c r="E6693">
        <v>18581.754430000001</v>
      </c>
      <c r="F6693">
        <v>74577.082349999997</v>
      </c>
      <c r="G6693">
        <v>32193.008890000001</v>
      </c>
      <c r="H6693">
        <v>35510.211049999998</v>
      </c>
      <c r="I6693">
        <v>29016.807560000001</v>
      </c>
      <c r="J6693">
        <v>38175.449670000002</v>
      </c>
      <c r="K6693">
        <v>43173.649299999997</v>
      </c>
      <c r="L6693">
        <v>29542.32993</v>
      </c>
      <c r="M6693">
        <v>220338.44099999999</v>
      </c>
      <c r="N6693">
        <v>68223.803750000006</v>
      </c>
      <c r="O6693">
        <v>18134.165929999999</v>
      </c>
      <c r="P6693">
        <v>35166.74654</v>
      </c>
      <c r="Q6693">
        <v>51757.601280000003</v>
      </c>
      <c r="R6693">
        <v>19881.203150000001</v>
      </c>
      <c r="S6693">
        <v>83882.691730000006</v>
      </c>
      <c r="T6693">
        <v>27777.485809999998</v>
      </c>
      <c r="U6693">
        <v>11230.88449</v>
      </c>
      <c r="W6693" s="83">
        <f>Bühler!N6725</f>
        <v>45570.791666650439</v>
      </c>
      <c r="X6693" s="83">
        <v>43379.791666666664</v>
      </c>
      <c r="Y6693">
        <v>162077.8603</v>
      </c>
      <c r="Z6693">
        <v>18581.754430000001</v>
      </c>
      <c r="AA6693">
        <v>74577.082349999997</v>
      </c>
      <c r="AB6693">
        <v>32193.008890000001</v>
      </c>
      <c r="AC6693">
        <v>35510.211049999998</v>
      </c>
      <c r="AD6693">
        <v>29016.807560000001</v>
      </c>
      <c r="AE6693">
        <v>38175.449670000002</v>
      </c>
      <c r="AF6693">
        <v>43173.649299999997</v>
      </c>
      <c r="AG6693">
        <v>29542.32993</v>
      </c>
      <c r="AH6693">
        <v>220338.44099999999</v>
      </c>
      <c r="AI6693">
        <v>68223.803750000006</v>
      </c>
      <c r="AJ6693">
        <v>18134.165929999999</v>
      </c>
      <c r="AK6693">
        <v>35166.74654</v>
      </c>
      <c r="AL6693">
        <v>51757.601280000003</v>
      </c>
      <c r="AM6693">
        <v>19881.203150000001</v>
      </c>
      <c r="AN6693">
        <v>83882.691730000006</v>
      </c>
      <c r="AO6693">
        <v>27777.485809999998</v>
      </c>
      <c r="AP6693">
        <v>11230.88449</v>
      </c>
    </row>
    <row r="6694" spans="2:42" x14ac:dyDescent="0.3">
      <c r="B6694">
        <v>42.913573322929572</v>
      </c>
      <c r="C6694" s="83">
        <v>43379.833333333336</v>
      </c>
      <c r="D6694">
        <v>162234.60500000001</v>
      </c>
      <c r="E6694">
        <v>14408.07235</v>
      </c>
      <c r="F6694">
        <v>57192.482779999998</v>
      </c>
      <c r="G6694">
        <v>32801.209990000003</v>
      </c>
      <c r="H6694">
        <v>35916.310279999998</v>
      </c>
      <c r="I6694">
        <v>27703.88653</v>
      </c>
      <c r="J6694">
        <v>38844.275079999999</v>
      </c>
      <c r="K6694">
        <v>44811.290639999999</v>
      </c>
      <c r="L6694">
        <v>29720.491249999999</v>
      </c>
      <c r="M6694">
        <v>218793.40919999999</v>
      </c>
      <c r="N6694">
        <v>68878.901299999998</v>
      </c>
      <c r="O6694">
        <v>17241.372360000001</v>
      </c>
      <c r="P6694">
        <v>35547.678169999999</v>
      </c>
      <c r="Q6694">
        <v>50534.936979999999</v>
      </c>
      <c r="R6694">
        <v>18650.997749999999</v>
      </c>
      <c r="S6694">
        <v>79241.272880000004</v>
      </c>
      <c r="T6694">
        <v>25113.72219</v>
      </c>
      <c r="U6694">
        <v>11315.70433</v>
      </c>
      <c r="W6694" s="83">
        <f>Bühler!N6726</f>
        <v>45570.833333317103</v>
      </c>
      <c r="X6694" s="83">
        <v>43379.833333333336</v>
      </c>
      <c r="Y6694">
        <v>162234.60500000001</v>
      </c>
      <c r="Z6694">
        <v>14408.07235</v>
      </c>
      <c r="AA6694">
        <v>57192.482779999998</v>
      </c>
      <c r="AB6694">
        <v>32801.209990000003</v>
      </c>
      <c r="AC6694">
        <v>35916.310279999998</v>
      </c>
      <c r="AD6694">
        <v>27703.88653</v>
      </c>
      <c r="AE6694">
        <v>38844.275079999999</v>
      </c>
      <c r="AF6694">
        <v>44811.290639999999</v>
      </c>
      <c r="AG6694">
        <v>29720.491249999999</v>
      </c>
      <c r="AH6694">
        <v>218793.40919999999</v>
      </c>
      <c r="AI6694">
        <v>68878.901299999998</v>
      </c>
      <c r="AJ6694">
        <v>17241.372360000001</v>
      </c>
      <c r="AK6694">
        <v>35547.678169999999</v>
      </c>
      <c r="AL6694">
        <v>50534.936979999999</v>
      </c>
      <c r="AM6694">
        <v>18650.997749999999</v>
      </c>
      <c r="AN6694">
        <v>79241.272880000004</v>
      </c>
      <c r="AO6694">
        <v>25113.72219</v>
      </c>
      <c r="AP6694">
        <v>11315.70433</v>
      </c>
    </row>
    <row r="6695" spans="2:42" x14ac:dyDescent="0.3">
      <c r="B6695">
        <v>42.832153544478949</v>
      </c>
      <c r="C6695" s="83">
        <v>43379.875</v>
      </c>
      <c r="D6695">
        <v>160467.5336</v>
      </c>
      <c r="E6695">
        <v>12417.41706</v>
      </c>
      <c r="F6695">
        <v>49066.528429999998</v>
      </c>
      <c r="G6695">
        <v>32007.916819999999</v>
      </c>
      <c r="H6695">
        <v>34324.853669999997</v>
      </c>
      <c r="I6695">
        <v>24552.286270000001</v>
      </c>
      <c r="J6695">
        <v>37025.498899999999</v>
      </c>
      <c r="K6695">
        <v>44414.488539999998</v>
      </c>
      <c r="L6695">
        <v>28180.441180000002</v>
      </c>
      <c r="M6695">
        <v>218378.29319999999</v>
      </c>
      <c r="N6695">
        <v>67282.720419999998</v>
      </c>
      <c r="O6695">
        <v>17016.679410000001</v>
      </c>
      <c r="P6695">
        <v>34168.887280000003</v>
      </c>
      <c r="Q6695">
        <v>49425.658880000003</v>
      </c>
      <c r="R6695">
        <v>18083.108950000002</v>
      </c>
      <c r="S6695">
        <v>76276.748619999998</v>
      </c>
      <c r="T6695">
        <v>24209.761310000002</v>
      </c>
      <c r="U6695">
        <v>11095.38083</v>
      </c>
      <c r="W6695" s="83">
        <f>Bühler!N6727</f>
        <v>45570.874999983767</v>
      </c>
      <c r="X6695" s="83">
        <v>43379.875</v>
      </c>
      <c r="Y6695">
        <v>160467.5336</v>
      </c>
      <c r="Z6695">
        <v>12417.41706</v>
      </c>
      <c r="AA6695">
        <v>49066.528429999998</v>
      </c>
      <c r="AB6695">
        <v>32007.916819999999</v>
      </c>
      <c r="AC6695">
        <v>34324.853669999997</v>
      </c>
      <c r="AD6695">
        <v>24552.286270000001</v>
      </c>
      <c r="AE6695">
        <v>37025.498899999999</v>
      </c>
      <c r="AF6695">
        <v>44414.488539999998</v>
      </c>
      <c r="AG6695">
        <v>28180.441180000002</v>
      </c>
      <c r="AH6695">
        <v>218378.29319999999</v>
      </c>
      <c r="AI6695">
        <v>67282.720419999998</v>
      </c>
      <c r="AJ6695">
        <v>17016.679410000001</v>
      </c>
      <c r="AK6695">
        <v>34168.887280000003</v>
      </c>
      <c r="AL6695">
        <v>49425.658880000003</v>
      </c>
      <c r="AM6695">
        <v>18083.108950000002</v>
      </c>
      <c r="AN6695">
        <v>76276.748619999998</v>
      </c>
      <c r="AO6695">
        <v>24209.761310000002</v>
      </c>
      <c r="AP6695">
        <v>11095.38083</v>
      </c>
    </row>
    <row r="6696" spans="2:42" x14ac:dyDescent="0.3">
      <c r="B6696">
        <v>42.740666366038326</v>
      </c>
      <c r="C6696" s="83">
        <v>43379.916666666664</v>
      </c>
      <c r="D6696">
        <v>160476.67180000001</v>
      </c>
      <c r="E6696">
        <v>12025.267099999999</v>
      </c>
      <c r="F6696">
        <v>47008.12977</v>
      </c>
      <c r="G6696">
        <v>31688.771769999999</v>
      </c>
      <c r="H6696">
        <v>34375.221510000003</v>
      </c>
      <c r="I6696">
        <v>22503.715039999999</v>
      </c>
      <c r="J6696">
        <v>35476.821559999997</v>
      </c>
      <c r="K6696">
        <v>48194.692199999998</v>
      </c>
      <c r="L6696">
        <v>25601.544699999999</v>
      </c>
      <c r="M6696">
        <v>217911.84890000001</v>
      </c>
      <c r="N6696">
        <v>66860.328519999995</v>
      </c>
      <c r="O6696">
        <v>17115.778999999999</v>
      </c>
      <c r="P6696">
        <v>35832.452969999998</v>
      </c>
      <c r="Q6696">
        <v>48838.179770000002</v>
      </c>
      <c r="R6696">
        <v>19705.520909999999</v>
      </c>
      <c r="S6696">
        <v>75869.298720000006</v>
      </c>
      <c r="T6696">
        <v>23161.263309999998</v>
      </c>
      <c r="U6696">
        <v>11088.08704</v>
      </c>
      <c r="W6696" s="83">
        <f>Bühler!N6728</f>
        <v>45570.916666650432</v>
      </c>
      <c r="X6696" s="83">
        <v>43379.916666666664</v>
      </c>
      <c r="Y6696">
        <v>160476.67180000001</v>
      </c>
      <c r="Z6696">
        <v>12025.267099999999</v>
      </c>
      <c r="AA6696">
        <v>47008.12977</v>
      </c>
      <c r="AB6696">
        <v>31688.771769999999</v>
      </c>
      <c r="AC6696">
        <v>34375.221510000003</v>
      </c>
      <c r="AD6696">
        <v>22503.715039999999</v>
      </c>
      <c r="AE6696">
        <v>35476.821559999997</v>
      </c>
      <c r="AF6696">
        <v>48194.692199999998</v>
      </c>
      <c r="AG6696">
        <v>25601.544699999999</v>
      </c>
      <c r="AH6696">
        <v>217911.84890000001</v>
      </c>
      <c r="AI6696">
        <v>66860.328519999995</v>
      </c>
      <c r="AJ6696">
        <v>17115.778999999999</v>
      </c>
      <c r="AK6696">
        <v>35832.452969999998</v>
      </c>
      <c r="AL6696">
        <v>48838.179770000002</v>
      </c>
      <c r="AM6696">
        <v>19705.520909999999</v>
      </c>
      <c r="AN6696">
        <v>75869.298720000006</v>
      </c>
      <c r="AO6696">
        <v>23161.263309999998</v>
      </c>
      <c r="AP6696">
        <v>11088.08704</v>
      </c>
    </row>
    <row r="6697" spans="2:42" x14ac:dyDescent="0.3">
      <c r="B6697">
        <v>43.011872177209696</v>
      </c>
      <c r="C6697" s="83">
        <v>43379.958333333336</v>
      </c>
      <c r="D6697">
        <v>160882.25719999999</v>
      </c>
      <c r="E6697">
        <v>11738.078960000001</v>
      </c>
      <c r="F6697">
        <v>45817.792569999998</v>
      </c>
      <c r="G6697">
        <v>31786.319009999999</v>
      </c>
      <c r="H6697">
        <v>33937.690580000002</v>
      </c>
      <c r="I6697">
        <v>21934.939429999999</v>
      </c>
      <c r="J6697">
        <v>33110.780619999998</v>
      </c>
      <c r="K6697">
        <v>47550.353450000002</v>
      </c>
      <c r="L6697">
        <v>21475.432629999999</v>
      </c>
      <c r="M6697">
        <v>219294.58259999999</v>
      </c>
      <c r="N6697">
        <v>66059.478539999996</v>
      </c>
      <c r="O6697">
        <v>16948.492429999998</v>
      </c>
      <c r="P6697">
        <v>30015.595239999999</v>
      </c>
      <c r="Q6697">
        <v>48339.503649999999</v>
      </c>
      <c r="R6697">
        <v>18512.42628</v>
      </c>
      <c r="S6697">
        <v>74017.397849999994</v>
      </c>
      <c r="T6697">
        <v>25527.405790000001</v>
      </c>
      <c r="U6697">
        <v>10573.487709999999</v>
      </c>
      <c r="W6697" s="83">
        <f>Bühler!N6729</f>
        <v>45570.958333317096</v>
      </c>
      <c r="X6697" s="83">
        <v>43379.958333333336</v>
      </c>
      <c r="Y6697">
        <v>160882.25719999999</v>
      </c>
      <c r="Z6697">
        <v>11738.078960000001</v>
      </c>
      <c r="AA6697">
        <v>45817.792569999998</v>
      </c>
      <c r="AB6697">
        <v>31786.319009999999</v>
      </c>
      <c r="AC6697">
        <v>33937.690580000002</v>
      </c>
      <c r="AD6697">
        <v>21934.939429999999</v>
      </c>
      <c r="AE6697">
        <v>33110.780619999998</v>
      </c>
      <c r="AF6697">
        <v>47550.353450000002</v>
      </c>
      <c r="AG6697">
        <v>21475.432629999999</v>
      </c>
      <c r="AH6697">
        <v>219294.58259999999</v>
      </c>
      <c r="AI6697">
        <v>66059.478539999996</v>
      </c>
      <c r="AJ6697">
        <v>16948.492429999998</v>
      </c>
      <c r="AK6697">
        <v>30015.595239999999</v>
      </c>
      <c r="AL6697">
        <v>48339.503649999999</v>
      </c>
      <c r="AM6697">
        <v>18512.42628</v>
      </c>
      <c r="AN6697">
        <v>74017.397849999994</v>
      </c>
      <c r="AO6697">
        <v>25527.405790000001</v>
      </c>
      <c r="AP6697">
        <v>10573.487709999999</v>
      </c>
    </row>
    <row r="6698" spans="2:42" x14ac:dyDescent="0.3">
      <c r="B6698">
        <v>42.798058330675232</v>
      </c>
      <c r="C6698" s="83">
        <v>43380</v>
      </c>
      <c r="D6698">
        <v>160468.0993</v>
      </c>
      <c r="E6698">
        <v>11419.47407</v>
      </c>
      <c r="F6698">
        <v>45135.921179999998</v>
      </c>
      <c r="G6698">
        <v>31701.475210000001</v>
      </c>
      <c r="H6698">
        <v>33368.458409999999</v>
      </c>
      <c r="I6698">
        <v>20243.872589999999</v>
      </c>
      <c r="J6698">
        <v>32052.296770000001</v>
      </c>
      <c r="K6698">
        <v>46747.08365</v>
      </c>
      <c r="L6698">
        <v>18310.83123</v>
      </c>
      <c r="M6698">
        <v>218204.45989999999</v>
      </c>
      <c r="N6698">
        <v>64784.956310000001</v>
      </c>
      <c r="O6698">
        <v>17078.504649999999</v>
      </c>
      <c r="P6698">
        <v>27290.33769</v>
      </c>
      <c r="Q6698">
        <v>48577.199059999999</v>
      </c>
      <c r="R6698">
        <v>16664.00217</v>
      </c>
      <c r="S6698">
        <v>73104.394400000005</v>
      </c>
      <c r="T6698">
        <v>24180.84403</v>
      </c>
      <c r="U6698">
        <v>10430.485570000001</v>
      </c>
      <c r="W6698" s="83">
        <f>Bühler!N6730</f>
        <v>45570.99999998376</v>
      </c>
      <c r="X6698" s="83">
        <v>43380</v>
      </c>
      <c r="Y6698">
        <v>160468.0993</v>
      </c>
      <c r="Z6698">
        <v>11419.47407</v>
      </c>
      <c r="AA6698">
        <v>45135.921179999998</v>
      </c>
      <c r="AB6698">
        <v>31701.475210000001</v>
      </c>
      <c r="AC6698">
        <v>33368.458409999999</v>
      </c>
      <c r="AD6698">
        <v>20243.872589999999</v>
      </c>
      <c r="AE6698">
        <v>32052.296770000001</v>
      </c>
      <c r="AF6698">
        <v>46747.08365</v>
      </c>
      <c r="AG6698">
        <v>18310.83123</v>
      </c>
      <c r="AH6698">
        <v>218204.45989999999</v>
      </c>
      <c r="AI6698">
        <v>64784.956310000001</v>
      </c>
      <c r="AJ6698">
        <v>17078.504649999999</v>
      </c>
      <c r="AK6698">
        <v>27290.33769</v>
      </c>
      <c r="AL6698">
        <v>48577.199059999999</v>
      </c>
      <c r="AM6698">
        <v>16664.00217</v>
      </c>
      <c r="AN6698">
        <v>73104.394400000005</v>
      </c>
      <c r="AO6698">
        <v>24180.84403</v>
      </c>
      <c r="AP6698">
        <v>10430.485570000001</v>
      </c>
    </row>
    <row r="6699" spans="2:42" x14ac:dyDescent="0.3">
      <c r="B6699">
        <v>42.557703738174396</v>
      </c>
      <c r="C6699" s="83">
        <v>43380.041666666664</v>
      </c>
      <c r="D6699">
        <v>159591.28450000001</v>
      </c>
      <c r="E6699">
        <v>11260.66251</v>
      </c>
      <c r="F6699">
        <v>45607.776539999999</v>
      </c>
      <c r="G6699">
        <v>31184.181809999998</v>
      </c>
      <c r="H6699">
        <v>32813.085279999999</v>
      </c>
      <c r="I6699">
        <v>17290.701730000001</v>
      </c>
      <c r="J6699">
        <v>31645.88077</v>
      </c>
      <c r="K6699">
        <v>45742.736400000002</v>
      </c>
      <c r="L6699">
        <v>17102.57562</v>
      </c>
      <c r="M6699">
        <v>216979.02009999999</v>
      </c>
      <c r="N6699">
        <v>64184.617469999997</v>
      </c>
      <c r="O6699">
        <v>17111.662629999999</v>
      </c>
      <c r="P6699">
        <v>25866.597300000001</v>
      </c>
      <c r="Q6699">
        <v>49023.53888</v>
      </c>
      <c r="R6699">
        <v>15904.647629999999</v>
      </c>
      <c r="S6699">
        <v>72037.207760000005</v>
      </c>
      <c r="T6699">
        <v>23474.255969999998</v>
      </c>
      <c r="U6699">
        <v>10317.36166</v>
      </c>
      <c r="W6699" s="83">
        <f>Bühler!N6731</f>
        <v>45571.041666650424</v>
      </c>
      <c r="X6699" s="83">
        <v>43380.041666666664</v>
      </c>
      <c r="Y6699">
        <v>159591.28450000001</v>
      </c>
      <c r="Z6699">
        <v>11260.66251</v>
      </c>
      <c r="AA6699">
        <v>45607.776539999999</v>
      </c>
      <c r="AB6699">
        <v>31184.181809999998</v>
      </c>
      <c r="AC6699">
        <v>32813.085279999999</v>
      </c>
      <c r="AD6699">
        <v>17290.701730000001</v>
      </c>
      <c r="AE6699">
        <v>31645.88077</v>
      </c>
      <c r="AF6699">
        <v>45742.736400000002</v>
      </c>
      <c r="AG6699">
        <v>17102.57562</v>
      </c>
      <c r="AH6699">
        <v>216979.02009999999</v>
      </c>
      <c r="AI6699">
        <v>64184.617469999997</v>
      </c>
      <c r="AJ6699">
        <v>17111.662629999999</v>
      </c>
      <c r="AK6699">
        <v>25866.597300000001</v>
      </c>
      <c r="AL6699">
        <v>49023.53888</v>
      </c>
      <c r="AM6699">
        <v>15904.647629999999</v>
      </c>
      <c r="AN6699">
        <v>72037.207760000005</v>
      </c>
      <c r="AO6699">
        <v>23474.255969999998</v>
      </c>
      <c r="AP6699">
        <v>10317.36166</v>
      </c>
    </row>
    <row r="6700" spans="2:42" x14ac:dyDescent="0.3">
      <c r="B6700">
        <v>42.382973370206862</v>
      </c>
      <c r="C6700" s="83">
        <v>43380.083333333336</v>
      </c>
      <c r="D6700">
        <v>159172.9357</v>
      </c>
      <c r="E6700">
        <v>11166.812900000001</v>
      </c>
      <c r="F6700">
        <v>45330.227590000002</v>
      </c>
      <c r="G6700">
        <v>30743.619750000002</v>
      </c>
      <c r="H6700">
        <v>32626.615590000001</v>
      </c>
      <c r="I6700">
        <v>15472.692510000001</v>
      </c>
      <c r="J6700">
        <v>31027.56741</v>
      </c>
      <c r="K6700">
        <v>44151.414420000001</v>
      </c>
      <c r="L6700">
        <v>16385.391019999999</v>
      </c>
      <c r="M6700">
        <v>216088.16320000001</v>
      </c>
      <c r="N6700">
        <v>64379.855389999997</v>
      </c>
      <c r="O6700">
        <v>16733.27462</v>
      </c>
      <c r="P6700">
        <v>24640.10759</v>
      </c>
      <c r="Q6700">
        <v>50581.12283</v>
      </c>
      <c r="R6700">
        <v>14600.34146</v>
      </c>
      <c r="S6700">
        <v>70934.462220000001</v>
      </c>
      <c r="T6700">
        <v>23220.65956</v>
      </c>
      <c r="U6700">
        <v>10258.105229999999</v>
      </c>
      <c r="W6700" s="83">
        <f>Bühler!N6732</f>
        <v>45571.083333317089</v>
      </c>
      <c r="X6700" s="83">
        <v>43380.083333333336</v>
      </c>
      <c r="Y6700">
        <v>159172.9357</v>
      </c>
      <c r="Z6700">
        <v>11166.812900000001</v>
      </c>
      <c r="AA6700">
        <v>45330.227590000002</v>
      </c>
      <c r="AB6700">
        <v>30743.619750000002</v>
      </c>
      <c r="AC6700">
        <v>32626.615590000001</v>
      </c>
      <c r="AD6700">
        <v>15472.692510000001</v>
      </c>
      <c r="AE6700">
        <v>31027.56741</v>
      </c>
      <c r="AF6700">
        <v>44151.414420000001</v>
      </c>
      <c r="AG6700">
        <v>16385.391019999999</v>
      </c>
      <c r="AH6700">
        <v>216088.16320000001</v>
      </c>
      <c r="AI6700">
        <v>64379.855389999997</v>
      </c>
      <c r="AJ6700">
        <v>16733.27462</v>
      </c>
      <c r="AK6700">
        <v>24640.10759</v>
      </c>
      <c r="AL6700">
        <v>50581.12283</v>
      </c>
      <c r="AM6700">
        <v>14600.34146</v>
      </c>
      <c r="AN6700">
        <v>70934.462220000001</v>
      </c>
      <c r="AO6700">
        <v>23220.65956</v>
      </c>
      <c r="AP6700">
        <v>10258.105229999999</v>
      </c>
    </row>
    <row r="6701" spans="2:42" x14ac:dyDescent="0.3">
      <c r="B6701">
        <v>42.610153294975319</v>
      </c>
      <c r="C6701" s="83">
        <v>43380.125</v>
      </c>
      <c r="D6701">
        <v>158826.74890000001</v>
      </c>
      <c r="E6701">
        <v>11163.127699999999</v>
      </c>
      <c r="F6701">
        <v>44559.020239999998</v>
      </c>
      <c r="G6701">
        <v>30325.052449999999</v>
      </c>
      <c r="H6701">
        <v>32691.43489</v>
      </c>
      <c r="I6701">
        <v>14798.97285</v>
      </c>
      <c r="J6701">
        <v>31069.923169999998</v>
      </c>
      <c r="K6701">
        <v>43151.921419999999</v>
      </c>
      <c r="L6701">
        <v>16016.308590000001</v>
      </c>
      <c r="M6701">
        <v>217246.43239999999</v>
      </c>
      <c r="N6701">
        <v>63209.872109999997</v>
      </c>
      <c r="O6701">
        <v>17112.972809999999</v>
      </c>
      <c r="P6701">
        <v>23173.401089999999</v>
      </c>
      <c r="Q6701">
        <v>51617.044620000001</v>
      </c>
      <c r="R6701">
        <v>13998.84469</v>
      </c>
      <c r="S6701">
        <v>70356.635779999997</v>
      </c>
      <c r="T6701">
        <v>22802.081910000001</v>
      </c>
      <c r="U6701">
        <v>10287.202789999999</v>
      </c>
      <c r="W6701" s="83">
        <f>Bühler!N6733</f>
        <v>45571.124999983753</v>
      </c>
      <c r="X6701" s="83">
        <v>43380.125</v>
      </c>
      <c r="Y6701">
        <v>158826.74890000001</v>
      </c>
      <c r="Z6701">
        <v>11163.127699999999</v>
      </c>
      <c r="AA6701">
        <v>44559.020239999998</v>
      </c>
      <c r="AB6701">
        <v>30325.052449999999</v>
      </c>
      <c r="AC6701">
        <v>32691.43489</v>
      </c>
      <c r="AD6701">
        <v>14798.97285</v>
      </c>
      <c r="AE6701">
        <v>31069.923169999998</v>
      </c>
      <c r="AF6701">
        <v>43151.921419999999</v>
      </c>
      <c r="AG6701">
        <v>16016.308590000001</v>
      </c>
      <c r="AH6701">
        <v>217246.43239999999</v>
      </c>
      <c r="AI6701">
        <v>63209.872109999997</v>
      </c>
      <c r="AJ6701">
        <v>17112.972809999999</v>
      </c>
      <c r="AK6701">
        <v>23173.401089999999</v>
      </c>
      <c r="AL6701">
        <v>51617.044620000001</v>
      </c>
      <c r="AM6701">
        <v>13998.84469</v>
      </c>
      <c r="AN6701">
        <v>70356.635779999997</v>
      </c>
      <c r="AO6701">
        <v>22802.081910000001</v>
      </c>
      <c r="AP6701">
        <v>10287.202789999999</v>
      </c>
    </row>
    <row r="6702" spans="2:42" x14ac:dyDescent="0.3">
      <c r="B6702">
        <v>42.257745064834715</v>
      </c>
      <c r="C6702" s="83">
        <v>43380.166666666664</v>
      </c>
      <c r="D6702">
        <v>157836.166</v>
      </c>
      <c r="E6702">
        <v>11177.653990000001</v>
      </c>
      <c r="F6702">
        <v>44470.464260000001</v>
      </c>
      <c r="G6702">
        <v>29210.365709999998</v>
      </c>
      <c r="H6702">
        <v>32367.784769999998</v>
      </c>
      <c r="I6702">
        <v>15653.536330000001</v>
      </c>
      <c r="J6702">
        <v>32619.501779999999</v>
      </c>
      <c r="K6702">
        <v>42204.155809999997</v>
      </c>
      <c r="L6702">
        <v>15368.032020000001</v>
      </c>
      <c r="M6702">
        <v>215449.69089999999</v>
      </c>
      <c r="N6702">
        <v>61345.929179999999</v>
      </c>
      <c r="O6702">
        <v>17368.750970000001</v>
      </c>
      <c r="P6702">
        <v>22633.883699999998</v>
      </c>
      <c r="Q6702">
        <v>52094.840629999999</v>
      </c>
      <c r="R6702">
        <v>13840.273370000001</v>
      </c>
      <c r="S6702">
        <v>70132.728940000001</v>
      </c>
      <c r="T6702">
        <v>22442.679400000001</v>
      </c>
      <c r="U6702">
        <v>10323.869189999999</v>
      </c>
      <c r="W6702" s="83">
        <f>Bühler!N6734</f>
        <v>45571.166666650417</v>
      </c>
      <c r="X6702" s="83">
        <v>43380.166666666664</v>
      </c>
      <c r="Y6702">
        <v>157836.166</v>
      </c>
      <c r="Z6702">
        <v>11177.653990000001</v>
      </c>
      <c r="AA6702">
        <v>44470.464260000001</v>
      </c>
      <c r="AB6702">
        <v>29210.365709999998</v>
      </c>
      <c r="AC6702">
        <v>32367.784769999998</v>
      </c>
      <c r="AD6702">
        <v>15653.536330000001</v>
      </c>
      <c r="AE6702">
        <v>32619.501779999999</v>
      </c>
      <c r="AF6702">
        <v>42204.155809999997</v>
      </c>
      <c r="AG6702">
        <v>15368.032020000001</v>
      </c>
      <c r="AH6702">
        <v>215449.69089999999</v>
      </c>
      <c r="AI6702">
        <v>61345.929179999999</v>
      </c>
      <c r="AJ6702">
        <v>17368.750970000001</v>
      </c>
      <c r="AK6702">
        <v>22633.883699999998</v>
      </c>
      <c r="AL6702">
        <v>52094.840629999999</v>
      </c>
      <c r="AM6702">
        <v>13840.273370000001</v>
      </c>
      <c r="AN6702">
        <v>70132.728940000001</v>
      </c>
      <c r="AO6702">
        <v>22442.679400000001</v>
      </c>
      <c r="AP6702">
        <v>10323.869189999999</v>
      </c>
    </row>
    <row r="6703" spans="2:42" x14ac:dyDescent="0.3">
      <c r="B6703">
        <v>42.107546858425401</v>
      </c>
      <c r="C6703" s="83">
        <v>43380.208333333336</v>
      </c>
      <c r="D6703">
        <v>158086.81049999999</v>
      </c>
      <c r="E6703">
        <v>11243.272709999999</v>
      </c>
      <c r="F6703">
        <v>46012.392</v>
      </c>
      <c r="G6703">
        <v>29399.023969999998</v>
      </c>
      <c r="H6703">
        <v>32498.299370000001</v>
      </c>
      <c r="I6703">
        <v>19508.490559999998</v>
      </c>
      <c r="J6703">
        <v>35607.455419999998</v>
      </c>
      <c r="K6703">
        <v>41315.9974</v>
      </c>
      <c r="L6703">
        <v>16199.86465</v>
      </c>
      <c r="M6703">
        <v>214683.91039999999</v>
      </c>
      <c r="N6703">
        <v>60920.693509999997</v>
      </c>
      <c r="O6703">
        <v>17079.135439999998</v>
      </c>
      <c r="P6703">
        <v>24214.405490000001</v>
      </c>
      <c r="Q6703">
        <v>51762.406219999997</v>
      </c>
      <c r="R6703">
        <v>13998.89805</v>
      </c>
      <c r="S6703">
        <v>71724.765790000005</v>
      </c>
      <c r="T6703">
        <v>22663.227879999999</v>
      </c>
      <c r="U6703">
        <v>10398.811830000001</v>
      </c>
      <c r="W6703" s="83">
        <f>Bühler!N6735</f>
        <v>45571.208333317081</v>
      </c>
      <c r="X6703" s="83">
        <v>43380.208333333336</v>
      </c>
      <c r="Y6703">
        <v>158086.81049999999</v>
      </c>
      <c r="Z6703">
        <v>11243.272709999999</v>
      </c>
      <c r="AA6703">
        <v>46012.392</v>
      </c>
      <c r="AB6703">
        <v>29399.023969999998</v>
      </c>
      <c r="AC6703">
        <v>32498.299370000001</v>
      </c>
      <c r="AD6703">
        <v>19508.490559999998</v>
      </c>
      <c r="AE6703">
        <v>35607.455419999998</v>
      </c>
      <c r="AF6703">
        <v>41315.9974</v>
      </c>
      <c r="AG6703">
        <v>16199.86465</v>
      </c>
      <c r="AH6703">
        <v>214683.91039999999</v>
      </c>
      <c r="AI6703">
        <v>60920.693509999997</v>
      </c>
      <c r="AJ6703">
        <v>17079.135439999998</v>
      </c>
      <c r="AK6703">
        <v>24214.405490000001</v>
      </c>
      <c r="AL6703">
        <v>51762.406219999997</v>
      </c>
      <c r="AM6703">
        <v>13998.89805</v>
      </c>
      <c r="AN6703">
        <v>71724.765790000005</v>
      </c>
      <c r="AO6703">
        <v>22663.227879999999</v>
      </c>
      <c r="AP6703">
        <v>10398.811830000001</v>
      </c>
    </row>
    <row r="6704" spans="2:42" x14ac:dyDescent="0.3">
      <c r="B6704">
        <v>42.338357522078546</v>
      </c>
      <c r="C6704" s="83">
        <v>43380.25</v>
      </c>
      <c r="D6704">
        <v>158730.88810000001</v>
      </c>
      <c r="E6704">
        <v>11705.732669999999</v>
      </c>
      <c r="F6704">
        <v>47659.902959999999</v>
      </c>
      <c r="G6704">
        <v>29780.659029999999</v>
      </c>
      <c r="H6704">
        <v>33150.659189999998</v>
      </c>
      <c r="I6704">
        <v>21969.20822</v>
      </c>
      <c r="J6704">
        <v>38953.112699999998</v>
      </c>
      <c r="K6704">
        <v>40147.093869999997</v>
      </c>
      <c r="L6704">
        <v>17394.487410000002</v>
      </c>
      <c r="M6704">
        <v>215860.69080000001</v>
      </c>
      <c r="N6704">
        <v>61325.680690000001</v>
      </c>
      <c r="O6704">
        <v>16803.090660000002</v>
      </c>
      <c r="P6704">
        <v>25908.32231</v>
      </c>
      <c r="Q6704">
        <v>52131.321530000001</v>
      </c>
      <c r="R6704">
        <v>13871.10037</v>
      </c>
      <c r="S6704">
        <v>76646.088839999997</v>
      </c>
      <c r="T6704">
        <v>23640.92598</v>
      </c>
      <c r="U6704">
        <v>10594.553970000001</v>
      </c>
      <c r="W6704" s="83">
        <f>Bühler!N6736</f>
        <v>45571.249999983746</v>
      </c>
      <c r="X6704" s="83">
        <v>43380.25</v>
      </c>
      <c r="Y6704">
        <v>158730.88810000001</v>
      </c>
      <c r="Z6704">
        <v>11705.732669999999</v>
      </c>
      <c r="AA6704">
        <v>47659.902959999999</v>
      </c>
      <c r="AB6704">
        <v>29780.659029999999</v>
      </c>
      <c r="AC6704">
        <v>33150.659189999998</v>
      </c>
      <c r="AD6704">
        <v>21969.20822</v>
      </c>
      <c r="AE6704">
        <v>38953.112699999998</v>
      </c>
      <c r="AF6704">
        <v>40147.093869999997</v>
      </c>
      <c r="AG6704">
        <v>17394.487410000002</v>
      </c>
      <c r="AH6704">
        <v>215860.69080000001</v>
      </c>
      <c r="AI6704">
        <v>61325.680690000001</v>
      </c>
      <c r="AJ6704">
        <v>16803.090660000002</v>
      </c>
      <c r="AK6704">
        <v>25908.32231</v>
      </c>
      <c r="AL6704">
        <v>52131.321530000001</v>
      </c>
      <c r="AM6704">
        <v>13871.10037</v>
      </c>
      <c r="AN6704">
        <v>76646.088839999997</v>
      </c>
      <c r="AO6704">
        <v>23640.92598</v>
      </c>
      <c r="AP6704">
        <v>10594.553970000001</v>
      </c>
    </row>
    <row r="6705" spans="2:42" x14ac:dyDescent="0.3">
      <c r="B6705">
        <v>42.243888701908745</v>
      </c>
      <c r="C6705" s="83">
        <v>43380.291666666664</v>
      </c>
      <c r="D6705">
        <v>158675.3144</v>
      </c>
      <c r="E6705">
        <v>11977.76251</v>
      </c>
      <c r="F6705">
        <v>49301.006560000002</v>
      </c>
      <c r="G6705">
        <v>30192.586179999998</v>
      </c>
      <c r="H6705">
        <v>33525.257899999997</v>
      </c>
      <c r="I6705">
        <v>24340.789420000001</v>
      </c>
      <c r="J6705">
        <v>39588.35555</v>
      </c>
      <c r="K6705">
        <v>39882.063840000003</v>
      </c>
      <c r="L6705">
        <v>18416.587009999999</v>
      </c>
      <c r="M6705">
        <v>215379.0447</v>
      </c>
      <c r="N6705">
        <v>60530.212679999997</v>
      </c>
      <c r="O6705">
        <v>16807.52217</v>
      </c>
      <c r="P6705">
        <v>28553.6623</v>
      </c>
      <c r="Q6705">
        <v>51378.581120000003</v>
      </c>
      <c r="R6705">
        <v>14652.62478</v>
      </c>
      <c r="S6705">
        <v>82387.927110000004</v>
      </c>
      <c r="T6705">
        <v>21983.74295</v>
      </c>
      <c r="U6705">
        <v>10638.889080000001</v>
      </c>
      <c r="W6705" s="83">
        <f>Bühler!N6737</f>
        <v>45571.29166665041</v>
      </c>
      <c r="X6705" s="83">
        <v>43380.291666666664</v>
      </c>
      <c r="Y6705">
        <v>158675.3144</v>
      </c>
      <c r="Z6705">
        <v>11977.76251</v>
      </c>
      <c r="AA6705">
        <v>49301.006560000002</v>
      </c>
      <c r="AB6705">
        <v>30192.586179999998</v>
      </c>
      <c r="AC6705">
        <v>33525.257899999997</v>
      </c>
      <c r="AD6705">
        <v>24340.789420000001</v>
      </c>
      <c r="AE6705">
        <v>39588.35555</v>
      </c>
      <c r="AF6705">
        <v>39882.063840000003</v>
      </c>
      <c r="AG6705">
        <v>18416.587009999999</v>
      </c>
      <c r="AH6705">
        <v>215379.0447</v>
      </c>
      <c r="AI6705">
        <v>60530.212679999997</v>
      </c>
      <c r="AJ6705">
        <v>16807.52217</v>
      </c>
      <c r="AK6705">
        <v>28553.6623</v>
      </c>
      <c r="AL6705">
        <v>51378.581120000003</v>
      </c>
      <c r="AM6705">
        <v>14652.62478</v>
      </c>
      <c r="AN6705">
        <v>82387.927110000004</v>
      </c>
      <c r="AO6705">
        <v>21983.74295</v>
      </c>
      <c r="AP6705">
        <v>10638.889080000001</v>
      </c>
    </row>
    <row r="6706" spans="2:42" x14ac:dyDescent="0.3">
      <c r="B6706">
        <v>41.777175451216323</v>
      </c>
      <c r="C6706" s="83">
        <v>43380.333333333336</v>
      </c>
      <c r="D6706">
        <v>156601.07949999999</v>
      </c>
      <c r="E6706">
        <v>12345.70966</v>
      </c>
      <c r="F6706">
        <v>49696.813280000002</v>
      </c>
      <c r="G6706">
        <v>29848.616699999999</v>
      </c>
      <c r="H6706">
        <v>32353.297600000002</v>
      </c>
      <c r="I6706">
        <v>24132.38881</v>
      </c>
      <c r="J6706">
        <v>38770.232810000001</v>
      </c>
      <c r="K6706">
        <v>39508.27635</v>
      </c>
      <c r="L6706">
        <v>20059.050609999998</v>
      </c>
      <c r="M6706">
        <v>212999.52290000001</v>
      </c>
      <c r="N6706">
        <v>60307.642540000001</v>
      </c>
      <c r="O6706">
        <v>16276.63502</v>
      </c>
      <c r="P6706">
        <v>30856.97813</v>
      </c>
      <c r="Q6706">
        <v>51362.797339999997</v>
      </c>
      <c r="R6706">
        <v>14043.97624</v>
      </c>
      <c r="S6706">
        <v>85327.665240000002</v>
      </c>
      <c r="T6706">
        <v>24280.449379999998</v>
      </c>
      <c r="U6706">
        <v>9861.6651450000008</v>
      </c>
      <c r="W6706" s="83">
        <f>Bühler!N6738</f>
        <v>45571.333333317074</v>
      </c>
      <c r="X6706" s="83">
        <v>43380.333333333336</v>
      </c>
      <c r="Y6706">
        <v>156601.07949999999</v>
      </c>
      <c r="Z6706">
        <v>12345.70966</v>
      </c>
      <c r="AA6706">
        <v>49696.813280000002</v>
      </c>
      <c r="AB6706">
        <v>29848.616699999999</v>
      </c>
      <c r="AC6706">
        <v>32353.297600000002</v>
      </c>
      <c r="AD6706">
        <v>24132.38881</v>
      </c>
      <c r="AE6706">
        <v>38770.232810000001</v>
      </c>
      <c r="AF6706">
        <v>39508.27635</v>
      </c>
      <c r="AG6706">
        <v>20059.050609999998</v>
      </c>
      <c r="AH6706">
        <v>212999.52290000001</v>
      </c>
      <c r="AI6706">
        <v>60307.642540000001</v>
      </c>
      <c r="AJ6706">
        <v>16276.63502</v>
      </c>
      <c r="AK6706">
        <v>30856.97813</v>
      </c>
      <c r="AL6706">
        <v>51362.797339999997</v>
      </c>
      <c r="AM6706">
        <v>14043.97624</v>
      </c>
      <c r="AN6706">
        <v>85327.665240000002</v>
      </c>
      <c r="AO6706">
        <v>24280.449379999998</v>
      </c>
      <c r="AP6706">
        <v>9861.6651450000008</v>
      </c>
    </row>
    <row r="6707" spans="2:42" x14ac:dyDescent="0.3">
      <c r="B6707">
        <v>41.099929164115096</v>
      </c>
      <c r="C6707" s="83">
        <v>43380.375</v>
      </c>
      <c r="D6707">
        <v>155527.8512</v>
      </c>
      <c r="E6707">
        <v>12794.22912</v>
      </c>
      <c r="F6707">
        <v>50986.624620000002</v>
      </c>
      <c r="G6707">
        <v>29892.041099999999</v>
      </c>
      <c r="H6707">
        <v>32875.783049999998</v>
      </c>
      <c r="I6707">
        <v>23652.69887</v>
      </c>
      <c r="J6707">
        <v>38548.403160000002</v>
      </c>
      <c r="K6707">
        <v>41622.505850000001</v>
      </c>
      <c r="L6707">
        <v>23319.298650000001</v>
      </c>
      <c r="M6707">
        <v>209546.60550000001</v>
      </c>
      <c r="N6707">
        <v>60972.344929999999</v>
      </c>
      <c r="O6707">
        <v>16752.00735</v>
      </c>
      <c r="P6707">
        <v>34113.807269999998</v>
      </c>
      <c r="Q6707">
        <v>51200.921260000003</v>
      </c>
      <c r="R6707">
        <v>14508.3513</v>
      </c>
      <c r="S6707">
        <v>86668.536940000005</v>
      </c>
      <c r="T6707">
        <v>26045.360649999999</v>
      </c>
      <c r="U6707">
        <v>9650.6831380000003</v>
      </c>
      <c r="W6707" s="83">
        <f>Bühler!N6739</f>
        <v>45571.374999983738</v>
      </c>
      <c r="X6707" s="83">
        <v>43380.375</v>
      </c>
      <c r="Y6707">
        <v>155527.8512</v>
      </c>
      <c r="Z6707">
        <v>12794.22912</v>
      </c>
      <c r="AA6707">
        <v>50986.624620000002</v>
      </c>
      <c r="AB6707">
        <v>29892.041099999999</v>
      </c>
      <c r="AC6707">
        <v>32875.783049999998</v>
      </c>
      <c r="AD6707">
        <v>23652.69887</v>
      </c>
      <c r="AE6707">
        <v>38548.403160000002</v>
      </c>
      <c r="AF6707">
        <v>41622.505850000001</v>
      </c>
      <c r="AG6707">
        <v>23319.298650000001</v>
      </c>
      <c r="AH6707">
        <v>209546.60550000001</v>
      </c>
      <c r="AI6707">
        <v>60972.344929999999</v>
      </c>
      <c r="AJ6707">
        <v>16752.00735</v>
      </c>
      <c r="AK6707">
        <v>34113.807269999998</v>
      </c>
      <c r="AL6707">
        <v>51200.921260000003</v>
      </c>
      <c r="AM6707">
        <v>14508.3513</v>
      </c>
      <c r="AN6707">
        <v>86668.536940000005</v>
      </c>
      <c r="AO6707">
        <v>26045.360649999999</v>
      </c>
      <c r="AP6707">
        <v>9650.6831380000003</v>
      </c>
    </row>
    <row r="6708" spans="2:42" x14ac:dyDescent="0.3">
      <c r="B6708">
        <v>40.984202166930743</v>
      </c>
      <c r="C6708" s="83">
        <v>43380.416666666664</v>
      </c>
      <c r="D6708">
        <v>155409.5576</v>
      </c>
      <c r="E6708">
        <v>13227.25935</v>
      </c>
      <c r="F6708">
        <v>50845.605600000003</v>
      </c>
      <c r="G6708">
        <v>30152.458709999999</v>
      </c>
      <c r="H6708">
        <v>33765.33653</v>
      </c>
      <c r="I6708">
        <v>23313.88264</v>
      </c>
      <c r="J6708">
        <v>37697.966390000001</v>
      </c>
      <c r="K6708">
        <v>43877.633869999998</v>
      </c>
      <c r="L6708">
        <v>26148.603940000001</v>
      </c>
      <c r="M6708">
        <v>208956.5753</v>
      </c>
      <c r="N6708">
        <v>62262.671390000003</v>
      </c>
      <c r="O6708">
        <v>16660.651829999999</v>
      </c>
      <c r="P6708">
        <v>34338.149279999998</v>
      </c>
      <c r="Q6708">
        <v>50835.980759999999</v>
      </c>
      <c r="R6708">
        <v>15269.967070000001</v>
      </c>
      <c r="S6708">
        <v>86182.340039999995</v>
      </c>
      <c r="T6708">
        <v>27578.901170000001</v>
      </c>
      <c r="U6708">
        <v>9730.2409489999991</v>
      </c>
      <c r="W6708" s="83">
        <f>Bühler!N6740</f>
        <v>45571.416666650402</v>
      </c>
      <c r="X6708" s="83">
        <v>43380.416666666664</v>
      </c>
      <c r="Y6708">
        <v>155409.5576</v>
      </c>
      <c r="Z6708">
        <v>13227.25935</v>
      </c>
      <c r="AA6708">
        <v>50845.605600000003</v>
      </c>
      <c r="AB6708">
        <v>30152.458709999999</v>
      </c>
      <c r="AC6708">
        <v>33765.33653</v>
      </c>
      <c r="AD6708">
        <v>23313.88264</v>
      </c>
      <c r="AE6708">
        <v>37697.966390000001</v>
      </c>
      <c r="AF6708">
        <v>43877.633869999998</v>
      </c>
      <c r="AG6708">
        <v>26148.603940000001</v>
      </c>
      <c r="AH6708">
        <v>208956.5753</v>
      </c>
      <c r="AI6708">
        <v>62262.671390000003</v>
      </c>
      <c r="AJ6708">
        <v>16660.651829999999</v>
      </c>
      <c r="AK6708">
        <v>34338.149279999998</v>
      </c>
      <c r="AL6708">
        <v>50835.980759999999</v>
      </c>
      <c r="AM6708">
        <v>15269.967070000001</v>
      </c>
      <c r="AN6708">
        <v>86182.340039999995</v>
      </c>
      <c r="AO6708">
        <v>27578.901170000001</v>
      </c>
      <c r="AP6708">
        <v>9730.2409489999991</v>
      </c>
    </row>
    <row r="6709" spans="2:42" x14ac:dyDescent="0.3">
      <c r="B6709">
        <v>41.344341447421847</v>
      </c>
      <c r="C6709" s="83">
        <v>43380.458333333336</v>
      </c>
      <c r="D6709">
        <v>155546.86929999999</v>
      </c>
      <c r="E6709">
        <v>13590.81278</v>
      </c>
      <c r="F6709">
        <v>51527.19702</v>
      </c>
      <c r="G6709">
        <v>30713.883529999999</v>
      </c>
      <c r="H6709">
        <v>33616.645940000002</v>
      </c>
      <c r="I6709">
        <v>23237.657070000001</v>
      </c>
      <c r="J6709">
        <v>37391.930130000001</v>
      </c>
      <c r="K6709">
        <v>45518.367270000002</v>
      </c>
      <c r="L6709">
        <v>28000.072370000002</v>
      </c>
      <c r="M6709">
        <v>210792.73329999999</v>
      </c>
      <c r="N6709">
        <v>62021.911599999999</v>
      </c>
      <c r="O6709">
        <v>16964.32202</v>
      </c>
      <c r="P6709">
        <v>33820.83223</v>
      </c>
      <c r="Q6709">
        <v>50822.445939999998</v>
      </c>
      <c r="R6709">
        <v>15935.423339999999</v>
      </c>
      <c r="S6709">
        <v>88058.770550000001</v>
      </c>
      <c r="T6709">
        <v>27899.27031</v>
      </c>
      <c r="U6709">
        <v>9612.8226570000006</v>
      </c>
      <c r="W6709" s="83">
        <f>Bühler!N6741</f>
        <v>45571.458333317067</v>
      </c>
      <c r="X6709" s="83">
        <v>43380.458333333336</v>
      </c>
      <c r="Y6709">
        <v>155546.86929999999</v>
      </c>
      <c r="Z6709">
        <v>13590.81278</v>
      </c>
      <c r="AA6709">
        <v>51527.19702</v>
      </c>
      <c r="AB6709">
        <v>30713.883529999999</v>
      </c>
      <c r="AC6709">
        <v>33616.645940000002</v>
      </c>
      <c r="AD6709">
        <v>23237.657070000001</v>
      </c>
      <c r="AE6709">
        <v>37391.930130000001</v>
      </c>
      <c r="AF6709">
        <v>45518.367270000002</v>
      </c>
      <c r="AG6709">
        <v>28000.072370000002</v>
      </c>
      <c r="AH6709">
        <v>210792.73329999999</v>
      </c>
      <c r="AI6709">
        <v>62021.911599999999</v>
      </c>
      <c r="AJ6709">
        <v>16964.32202</v>
      </c>
      <c r="AK6709">
        <v>33820.83223</v>
      </c>
      <c r="AL6709">
        <v>50822.445939999998</v>
      </c>
      <c r="AM6709">
        <v>15935.423339999999</v>
      </c>
      <c r="AN6709">
        <v>88058.770550000001</v>
      </c>
      <c r="AO6709">
        <v>27899.27031</v>
      </c>
      <c r="AP6709">
        <v>9612.8226570000006</v>
      </c>
    </row>
    <row r="6710" spans="2:42" x14ac:dyDescent="0.3">
      <c r="B6710">
        <v>41.4003156916081</v>
      </c>
      <c r="C6710" s="83">
        <v>43380.5</v>
      </c>
      <c r="D6710">
        <v>155062.5312</v>
      </c>
      <c r="E6710">
        <v>13591.22874</v>
      </c>
      <c r="F6710">
        <v>49739.408190000002</v>
      </c>
      <c r="G6710">
        <v>31298.57185</v>
      </c>
      <c r="H6710">
        <v>33063.502289999997</v>
      </c>
      <c r="I6710">
        <v>22988.67742</v>
      </c>
      <c r="J6710">
        <v>38153.746350000001</v>
      </c>
      <c r="K6710">
        <v>45744.122360000001</v>
      </c>
      <c r="L6710">
        <v>30067.70465</v>
      </c>
      <c r="M6710">
        <v>211078.11610000001</v>
      </c>
      <c r="N6710">
        <v>62277.597739999997</v>
      </c>
      <c r="O6710">
        <v>16326.84929</v>
      </c>
      <c r="P6710">
        <v>33937.853510000001</v>
      </c>
      <c r="Q6710">
        <v>49247.264940000001</v>
      </c>
      <c r="R6710">
        <v>17006.91648</v>
      </c>
      <c r="S6710">
        <v>84869.989060000007</v>
      </c>
      <c r="T6710">
        <v>28162.938279999998</v>
      </c>
      <c r="U6710">
        <v>9171.4906749999991</v>
      </c>
      <c r="W6710" s="83">
        <f>Bühler!N6742</f>
        <v>45571.499999983731</v>
      </c>
      <c r="X6710" s="83">
        <v>43380.5</v>
      </c>
      <c r="Y6710">
        <v>155062.5312</v>
      </c>
      <c r="Z6710">
        <v>13591.22874</v>
      </c>
      <c r="AA6710">
        <v>49739.408190000002</v>
      </c>
      <c r="AB6710">
        <v>31298.57185</v>
      </c>
      <c r="AC6710">
        <v>33063.502289999997</v>
      </c>
      <c r="AD6710">
        <v>22988.67742</v>
      </c>
      <c r="AE6710">
        <v>38153.746350000001</v>
      </c>
      <c r="AF6710">
        <v>45744.122360000001</v>
      </c>
      <c r="AG6710">
        <v>30067.70465</v>
      </c>
      <c r="AH6710">
        <v>211078.11610000001</v>
      </c>
      <c r="AI6710">
        <v>62277.597739999997</v>
      </c>
      <c r="AJ6710">
        <v>16326.84929</v>
      </c>
      <c r="AK6710">
        <v>33937.853510000001</v>
      </c>
      <c r="AL6710">
        <v>49247.264940000001</v>
      </c>
      <c r="AM6710">
        <v>17006.91648</v>
      </c>
      <c r="AN6710">
        <v>84869.989060000007</v>
      </c>
      <c r="AO6710">
        <v>28162.938279999998</v>
      </c>
      <c r="AP6710">
        <v>9171.4906749999991</v>
      </c>
    </row>
    <row r="6711" spans="2:42" x14ac:dyDescent="0.3">
      <c r="B6711">
        <v>41.705286460406697</v>
      </c>
      <c r="C6711" s="83">
        <v>43380.541666666664</v>
      </c>
      <c r="D6711">
        <v>155400.06169999999</v>
      </c>
      <c r="E6711">
        <v>13583.33885</v>
      </c>
      <c r="F6711">
        <v>45830.313820000003</v>
      </c>
      <c r="G6711">
        <v>30955.134170000001</v>
      </c>
      <c r="H6711">
        <v>32908.816019999998</v>
      </c>
      <c r="I6711">
        <v>23001.60442</v>
      </c>
      <c r="J6711">
        <v>36499.44829</v>
      </c>
      <c r="K6711">
        <v>44761.063029999998</v>
      </c>
      <c r="L6711">
        <v>30225.866419999998</v>
      </c>
      <c r="M6711">
        <v>212632.9993</v>
      </c>
      <c r="N6711">
        <v>61675.70177</v>
      </c>
      <c r="O6711">
        <v>16676.11363</v>
      </c>
      <c r="P6711">
        <v>32565.829389999999</v>
      </c>
      <c r="Q6711">
        <v>48508.749600000003</v>
      </c>
      <c r="R6711">
        <v>17595.05848</v>
      </c>
      <c r="S6711">
        <v>85307.664369999999</v>
      </c>
      <c r="T6711">
        <v>28156.642199999998</v>
      </c>
      <c r="U6711">
        <v>9142.3433280000008</v>
      </c>
      <c r="W6711" s="83">
        <f>Bühler!N6743</f>
        <v>45571.541666650395</v>
      </c>
      <c r="X6711" s="83">
        <v>43380.541666666664</v>
      </c>
      <c r="Y6711">
        <v>155400.06169999999</v>
      </c>
      <c r="Z6711">
        <v>13583.33885</v>
      </c>
      <c r="AA6711">
        <v>45830.313820000003</v>
      </c>
      <c r="AB6711">
        <v>30955.134170000001</v>
      </c>
      <c r="AC6711">
        <v>32908.816019999998</v>
      </c>
      <c r="AD6711">
        <v>23001.60442</v>
      </c>
      <c r="AE6711">
        <v>36499.44829</v>
      </c>
      <c r="AF6711">
        <v>44761.063029999998</v>
      </c>
      <c r="AG6711">
        <v>30225.866419999998</v>
      </c>
      <c r="AH6711">
        <v>212632.9993</v>
      </c>
      <c r="AI6711">
        <v>61675.70177</v>
      </c>
      <c r="AJ6711">
        <v>16676.11363</v>
      </c>
      <c r="AK6711">
        <v>32565.829389999999</v>
      </c>
      <c r="AL6711">
        <v>48508.749600000003</v>
      </c>
      <c r="AM6711">
        <v>17595.05848</v>
      </c>
      <c r="AN6711">
        <v>85307.664369999999</v>
      </c>
      <c r="AO6711">
        <v>28156.642199999998</v>
      </c>
      <c r="AP6711">
        <v>9142.3433280000008</v>
      </c>
    </row>
    <row r="6712" spans="2:42" x14ac:dyDescent="0.3">
      <c r="B6712">
        <v>41.523486633197393</v>
      </c>
      <c r="C6712" s="83">
        <v>43380.583333333336</v>
      </c>
      <c r="D6712">
        <v>155603.13769999999</v>
      </c>
      <c r="E6712">
        <v>13621.76139</v>
      </c>
      <c r="F6712">
        <v>45355.218869999997</v>
      </c>
      <c r="G6712">
        <v>30407.593690000002</v>
      </c>
      <c r="H6712">
        <v>32633.62083</v>
      </c>
      <c r="I6712">
        <v>22959.090909999999</v>
      </c>
      <c r="J6712">
        <v>35594.979379999997</v>
      </c>
      <c r="K6712">
        <v>43729.573349999999</v>
      </c>
      <c r="L6712">
        <v>28530.9748</v>
      </c>
      <c r="M6712">
        <v>211706.09899999999</v>
      </c>
      <c r="N6712">
        <v>60731.394130000001</v>
      </c>
      <c r="O6712">
        <v>16413.457399999999</v>
      </c>
      <c r="P6712">
        <v>30435.568190000002</v>
      </c>
      <c r="Q6712">
        <v>48580.456480000001</v>
      </c>
      <c r="R6712">
        <v>16824.569200000002</v>
      </c>
      <c r="S6712">
        <v>82888.518030000007</v>
      </c>
      <c r="T6712">
        <v>27875.217400000001</v>
      </c>
      <c r="U6712">
        <v>9414.4458979999999</v>
      </c>
      <c r="W6712" s="83">
        <f>Bühler!N6744</f>
        <v>45571.583333317059</v>
      </c>
      <c r="X6712" s="83">
        <v>43380.583333333336</v>
      </c>
      <c r="Y6712">
        <v>155603.13769999999</v>
      </c>
      <c r="Z6712">
        <v>13621.76139</v>
      </c>
      <c r="AA6712">
        <v>45355.218869999997</v>
      </c>
      <c r="AB6712">
        <v>30407.593690000002</v>
      </c>
      <c r="AC6712">
        <v>32633.62083</v>
      </c>
      <c r="AD6712">
        <v>22959.090909999999</v>
      </c>
      <c r="AE6712">
        <v>35594.979379999997</v>
      </c>
      <c r="AF6712">
        <v>43729.573349999999</v>
      </c>
      <c r="AG6712">
        <v>28530.9748</v>
      </c>
      <c r="AH6712">
        <v>211706.09899999999</v>
      </c>
      <c r="AI6712">
        <v>60731.394130000001</v>
      </c>
      <c r="AJ6712">
        <v>16413.457399999999</v>
      </c>
      <c r="AK6712">
        <v>30435.568190000002</v>
      </c>
      <c r="AL6712">
        <v>48580.456480000001</v>
      </c>
      <c r="AM6712">
        <v>16824.569200000002</v>
      </c>
      <c r="AN6712">
        <v>82888.518030000007</v>
      </c>
      <c r="AO6712">
        <v>27875.217400000001</v>
      </c>
      <c r="AP6712">
        <v>9414.4458979999999</v>
      </c>
    </row>
    <row r="6713" spans="2:42" x14ac:dyDescent="0.3">
      <c r="B6713">
        <v>41.710687927858466</v>
      </c>
      <c r="C6713" s="83">
        <v>43380.625</v>
      </c>
      <c r="D6713">
        <v>155534.16500000001</v>
      </c>
      <c r="E6713">
        <v>13770.81049</v>
      </c>
      <c r="F6713">
        <v>45021.173159999998</v>
      </c>
      <c r="G6713">
        <v>30191.986250000002</v>
      </c>
      <c r="H6713">
        <v>32314.655299999999</v>
      </c>
      <c r="I6713">
        <v>23260.676090000001</v>
      </c>
      <c r="J6713">
        <v>35548.00361</v>
      </c>
      <c r="K6713">
        <v>43526.801590000003</v>
      </c>
      <c r="L6713">
        <v>27109.517650000002</v>
      </c>
      <c r="M6713">
        <v>212660.5385</v>
      </c>
      <c r="N6713">
        <v>60281.919139999998</v>
      </c>
      <c r="O6713">
        <v>16416.521779999999</v>
      </c>
      <c r="P6713">
        <v>28944.190620000001</v>
      </c>
      <c r="Q6713">
        <v>48594.110999999997</v>
      </c>
      <c r="R6713">
        <v>16717.080580000002</v>
      </c>
      <c r="S6713">
        <v>80929.706179999994</v>
      </c>
      <c r="T6713">
        <v>27857.082439999998</v>
      </c>
      <c r="U6713">
        <v>9381.5701250000002</v>
      </c>
      <c r="W6713" s="83">
        <f>Bühler!N6745</f>
        <v>45571.624999983724</v>
      </c>
      <c r="X6713" s="83">
        <v>43380.625</v>
      </c>
      <c r="Y6713">
        <v>155534.16500000001</v>
      </c>
      <c r="Z6713">
        <v>13770.81049</v>
      </c>
      <c r="AA6713">
        <v>45021.173159999998</v>
      </c>
      <c r="AB6713">
        <v>30191.986250000002</v>
      </c>
      <c r="AC6713">
        <v>32314.655299999999</v>
      </c>
      <c r="AD6713">
        <v>23260.676090000001</v>
      </c>
      <c r="AE6713">
        <v>35548.00361</v>
      </c>
      <c r="AF6713">
        <v>43526.801590000003</v>
      </c>
      <c r="AG6713">
        <v>27109.517650000002</v>
      </c>
      <c r="AH6713">
        <v>212660.5385</v>
      </c>
      <c r="AI6713">
        <v>60281.919139999998</v>
      </c>
      <c r="AJ6713">
        <v>16416.521779999999</v>
      </c>
      <c r="AK6713">
        <v>28944.190620000001</v>
      </c>
      <c r="AL6713">
        <v>48594.110999999997</v>
      </c>
      <c r="AM6713">
        <v>16717.080580000002</v>
      </c>
      <c r="AN6713">
        <v>80929.706179999994</v>
      </c>
      <c r="AO6713">
        <v>27857.082439999998</v>
      </c>
      <c r="AP6713">
        <v>9381.5701250000002</v>
      </c>
    </row>
    <row r="6714" spans="2:42" x14ac:dyDescent="0.3">
      <c r="B6714">
        <v>41.661005261932928</v>
      </c>
      <c r="C6714" s="83">
        <v>43380.666666666664</v>
      </c>
      <c r="D6714">
        <v>155864.3259</v>
      </c>
      <c r="E6714">
        <v>13705.920630000001</v>
      </c>
      <c r="F6714">
        <v>45036.119180000002</v>
      </c>
      <c r="G6714">
        <v>30579.65612</v>
      </c>
      <c r="H6714">
        <v>32408.276529999999</v>
      </c>
      <c r="I6714">
        <v>23571.037540000001</v>
      </c>
      <c r="J6714">
        <v>35068.836109999997</v>
      </c>
      <c r="K6714">
        <v>42473.212359999998</v>
      </c>
      <c r="L6714">
        <v>26060.99293</v>
      </c>
      <c r="M6714">
        <v>212407.23310000001</v>
      </c>
      <c r="N6714">
        <v>59270.637419999999</v>
      </c>
      <c r="O6714">
        <v>16169.69226</v>
      </c>
      <c r="P6714">
        <v>27790.804950000002</v>
      </c>
      <c r="Q6714">
        <v>49481.261339999997</v>
      </c>
      <c r="R6714">
        <v>16269.925670000001</v>
      </c>
      <c r="S6714">
        <v>82998.301300000006</v>
      </c>
      <c r="T6714">
        <v>27706.049139999999</v>
      </c>
      <c r="U6714">
        <v>9616.6565580000006</v>
      </c>
      <c r="W6714" s="83">
        <f>Bühler!N6746</f>
        <v>45571.666666650388</v>
      </c>
      <c r="X6714" s="83">
        <v>43380.666666666664</v>
      </c>
      <c r="Y6714">
        <v>155864.3259</v>
      </c>
      <c r="Z6714">
        <v>13705.920630000001</v>
      </c>
      <c r="AA6714">
        <v>45036.119180000002</v>
      </c>
      <c r="AB6714">
        <v>30579.65612</v>
      </c>
      <c r="AC6714">
        <v>32408.276529999999</v>
      </c>
      <c r="AD6714">
        <v>23571.037540000001</v>
      </c>
      <c r="AE6714">
        <v>35068.836109999997</v>
      </c>
      <c r="AF6714">
        <v>42473.212359999998</v>
      </c>
      <c r="AG6714">
        <v>26060.99293</v>
      </c>
      <c r="AH6714">
        <v>212407.23310000001</v>
      </c>
      <c r="AI6714">
        <v>59270.637419999999</v>
      </c>
      <c r="AJ6714">
        <v>16169.69226</v>
      </c>
      <c r="AK6714">
        <v>27790.804950000002</v>
      </c>
      <c r="AL6714">
        <v>49481.261339999997</v>
      </c>
      <c r="AM6714">
        <v>16269.925670000001</v>
      </c>
      <c r="AN6714">
        <v>82998.301300000006</v>
      </c>
      <c r="AO6714">
        <v>27706.049139999999</v>
      </c>
      <c r="AP6714">
        <v>9616.6565580000006</v>
      </c>
    </row>
    <row r="6715" spans="2:42" x14ac:dyDescent="0.3">
      <c r="B6715">
        <v>41.600917310095532</v>
      </c>
      <c r="C6715" s="83">
        <v>43380.708333333336</v>
      </c>
      <c r="D6715">
        <v>156165.95420000001</v>
      </c>
      <c r="E6715">
        <v>13658.906059999999</v>
      </c>
      <c r="F6715">
        <v>45464.01539</v>
      </c>
      <c r="G6715">
        <v>31035.31047</v>
      </c>
      <c r="H6715">
        <v>32538.807499999999</v>
      </c>
      <c r="I6715">
        <v>24257.451150000001</v>
      </c>
      <c r="J6715">
        <v>35531.431429999997</v>
      </c>
      <c r="K6715">
        <v>43124.62586</v>
      </c>
      <c r="L6715">
        <v>25835.623920000002</v>
      </c>
      <c r="M6715">
        <v>212100.87669999999</v>
      </c>
      <c r="N6715">
        <v>59242.183490000003</v>
      </c>
      <c r="O6715">
        <v>15511.58331</v>
      </c>
      <c r="P6715">
        <v>27753.76642</v>
      </c>
      <c r="Q6715">
        <v>50557.7209</v>
      </c>
      <c r="R6715">
        <v>16294.69159</v>
      </c>
      <c r="S6715">
        <v>84769.986699999994</v>
      </c>
      <c r="T6715">
        <v>27657.14529</v>
      </c>
      <c r="U6715">
        <v>9448.9758860000002</v>
      </c>
      <c r="W6715" s="83">
        <f>Bühler!N6747</f>
        <v>45571.708333317052</v>
      </c>
      <c r="X6715" s="83">
        <v>43380.708333333336</v>
      </c>
      <c r="Y6715">
        <v>156165.95420000001</v>
      </c>
      <c r="Z6715">
        <v>13658.906059999999</v>
      </c>
      <c r="AA6715">
        <v>45464.01539</v>
      </c>
      <c r="AB6715">
        <v>31035.31047</v>
      </c>
      <c r="AC6715">
        <v>32538.807499999999</v>
      </c>
      <c r="AD6715">
        <v>24257.451150000001</v>
      </c>
      <c r="AE6715">
        <v>35531.431429999997</v>
      </c>
      <c r="AF6715">
        <v>43124.62586</v>
      </c>
      <c r="AG6715">
        <v>25835.623920000002</v>
      </c>
      <c r="AH6715">
        <v>212100.87669999999</v>
      </c>
      <c r="AI6715">
        <v>59242.183490000003</v>
      </c>
      <c r="AJ6715">
        <v>15511.58331</v>
      </c>
      <c r="AK6715">
        <v>27753.76642</v>
      </c>
      <c r="AL6715">
        <v>50557.7209</v>
      </c>
      <c r="AM6715">
        <v>16294.69159</v>
      </c>
      <c r="AN6715">
        <v>84769.986699999994</v>
      </c>
      <c r="AO6715">
        <v>27657.14529</v>
      </c>
      <c r="AP6715">
        <v>9448.9758860000002</v>
      </c>
    </row>
    <row r="6716" spans="2:42" x14ac:dyDescent="0.3">
      <c r="B6716">
        <v>41.498367059700143</v>
      </c>
      <c r="C6716" s="83">
        <v>43380.75</v>
      </c>
      <c r="D6716">
        <v>158226.45329999999</v>
      </c>
      <c r="E6716">
        <v>13298.60311</v>
      </c>
      <c r="F6716">
        <v>44946.651749999997</v>
      </c>
      <c r="G6716">
        <v>31324.356660000001</v>
      </c>
      <c r="H6716">
        <v>32203.791249999998</v>
      </c>
      <c r="I6716">
        <v>24334.95451</v>
      </c>
      <c r="J6716">
        <v>36428.142290000003</v>
      </c>
      <c r="K6716">
        <v>43690.057200000003</v>
      </c>
      <c r="L6716">
        <v>26330.444319999999</v>
      </c>
      <c r="M6716">
        <v>211578.02770000001</v>
      </c>
      <c r="N6716">
        <v>60290.524949999999</v>
      </c>
      <c r="O6716">
        <v>15473.714840000001</v>
      </c>
      <c r="P6716">
        <v>29176.337930000002</v>
      </c>
      <c r="Q6716">
        <v>51209.051119999996</v>
      </c>
      <c r="R6716">
        <v>16938.098190000001</v>
      </c>
      <c r="S6716">
        <v>84148.870739999998</v>
      </c>
      <c r="T6716">
        <v>27583.773740000001</v>
      </c>
      <c r="U6716">
        <v>9745.0588439999992</v>
      </c>
      <c r="W6716" s="83">
        <f>Bühler!N6748</f>
        <v>45571.749999983716</v>
      </c>
      <c r="X6716" s="83">
        <v>43380.75</v>
      </c>
      <c r="Y6716">
        <v>158226.45329999999</v>
      </c>
      <c r="Z6716">
        <v>13298.60311</v>
      </c>
      <c r="AA6716">
        <v>44946.651749999997</v>
      </c>
      <c r="AB6716">
        <v>31324.356660000001</v>
      </c>
      <c r="AC6716">
        <v>32203.791249999998</v>
      </c>
      <c r="AD6716">
        <v>24334.95451</v>
      </c>
      <c r="AE6716">
        <v>36428.142290000003</v>
      </c>
      <c r="AF6716">
        <v>43690.057200000003</v>
      </c>
      <c r="AG6716">
        <v>26330.444319999999</v>
      </c>
      <c r="AH6716">
        <v>211578.02770000001</v>
      </c>
      <c r="AI6716">
        <v>60290.524949999999</v>
      </c>
      <c r="AJ6716">
        <v>15473.714840000001</v>
      </c>
      <c r="AK6716">
        <v>29176.337930000002</v>
      </c>
      <c r="AL6716">
        <v>51209.051119999996</v>
      </c>
      <c r="AM6716">
        <v>16938.098190000001</v>
      </c>
      <c r="AN6716">
        <v>84148.870739999998</v>
      </c>
      <c r="AO6716">
        <v>27583.773740000001</v>
      </c>
      <c r="AP6716">
        <v>9745.0588439999992</v>
      </c>
    </row>
    <row r="6717" spans="2:42" x14ac:dyDescent="0.3">
      <c r="B6717">
        <v>41.609242911786907</v>
      </c>
      <c r="C6717" s="83">
        <v>43380.791666666664</v>
      </c>
      <c r="D6717">
        <v>160842.8518</v>
      </c>
      <c r="E6717">
        <v>12866.18564</v>
      </c>
      <c r="F6717">
        <v>45261.210729999999</v>
      </c>
      <c r="G6717">
        <v>32407.029190000001</v>
      </c>
      <c r="H6717">
        <v>33133.459990000003</v>
      </c>
      <c r="I6717">
        <v>24866.471320000001</v>
      </c>
      <c r="J6717">
        <v>38509.483289999996</v>
      </c>
      <c r="K6717">
        <v>44698.312940000003</v>
      </c>
      <c r="L6717">
        <v>27111.082640000001</v>
      </c>
      <c r="M6717">
        <v>212143.32449999999</v>
      </c>
      <c r="N6717">
        <v>62378.996749999998</v>
      </c>
      <c r="O6717">
        <v>15837.626259999999</v>
      </c>
      <c r="P6717">
        <v>30325.469229999999</v>
      </c>
      <c r="Q6717">
        <v>52109.727610000002</v>
      </c>
      <c r="R6717">
        <v>18027.405009999999</v>
      </c>
      <c r="S6717">
        <v>84299.275309999997</v>
      </c>
      <c r="T6717">
        <v>27477.39817</v>
      </c>
      <c r="U6717">
        <v>10375.733969999999</v>
      </c>
      <c r="W6717" s="83">
        <f>Bühler!N6749</f>
        <v>45571.791666650381</v>
      </c>
      <c r="X6717" s="83">
        <v>43380.791666666664</v>
      </c>
      <c r="Y6717">
        <v>160842.8518</v>
      </c>
      <c r="Z6717">
        <v>12866.18564</v>
      </c>
      <c r="AA6717">
        <v>45261.210729999999</v>
      </c>
      <c r="AB6717">
        <v>32407.029190000001</v>
      </c>
      <c r="AC6717">
        <v>33133.459990000003</v>
      </c>
      <c r="AD6717">
        <v>24866.471320000001</v>
      </c>
      <c r="AE6717">
        <v>38509.483289999996</v>
      </c>
      <c r="AF6717">
        <v>44698.312940000003</v>
      </c>
      <c r="AG6717">
        <v>27111.082640000001</v>
      </c>
      <c r="AH6717">
        <v>212143.32449999999</v>
      </c>
      <c r="AI6717">
        <v>62378.996749999998</v>
      </c>
      <c r="AJ6717">
        <v>15837.626259999999</v>
      </c>
      <c r="AK6717">
        <v>30325.469229999999</v>
      </c>
      <c r="AL6717">
        <v>52109.727610000002</v>
      </c>
      <c r="AM6717">
        <v>18027.405009999999</v>
      </c>
      <c r="AN6717">
        <v>84299.275309999997</v>
      </c>
      <c r="AO6717">
        <v>27477.39817</v>
      </c>
      <c r="AP6717">
        <v>10375.733969999999</v>
      </c>
    </row>
    <row r="6718" spans="2:42" x14ac:dyDescent="0.3">
      <c r="B6718">
        <v>42.014402671889918</v>
      </c>
      <c r="C6718" s="83">
        <v>43380.833333333336</v>
      </c>
      <c r="D6718">
        <v>162869.8088</v>
      </c>
      <c r="E6718">
        <v>12259.003339999999</v>
      </c>
      <c r="F6718">
        <v>45808.598330000001</v>
      </c>
      <c r="G6718">
        <v>32724.92323</v>
      </c>
      <c r="H6718">
        <v>34120.235269999997</v>
      </c>
      <c r="I6718">
        <v>24174.544959999999</v>
      </c>
      <c r="J6718">
        <v>38959.633849999998</v>
      </c>
      <c r="K6718">
        <v>43841.011310000002</v>
      </c>
      <c r="L6718">
        <v>26085.317719999999</v>
      </c>
      <c r="M6718">
        <v>214209.01790000001</v>
      </c>
      <c r="N6718">
        <v>64465.930780000002</v>
      </c>
      <c r="O6718">
        <v>16137.59325</v>
      </c>
      <c r="P6718">
        <v>30856.052739999999</v>
      </c>
      <c r="Q6718">
        <v>53178.761850000003</v>
      </c>
      <c r="R6718">
        <v>17403.083299999998</v>
      </c>
      <c r="S6718">
        <v>79761.149009999994</v>
      </c>
      <c r="T6718">
        <v>24997.81093</v>
      </c>
      <c r="U6718">
        <v>10913.901019999999</v>
      </c>
      <c r="W6718" s="83">
        <f>Bühler!N6750</f>
        <v>45571.833333317045</v>
      </c>
      <c r="X6718" s="83">
        <v>43380.833333333336</v>
      </c>
      <c r="Y6718">
        <v>162869.8088</v>
      </c>
      <c r="Z6718">
        <v>12259.003339999999</v>
      </c>
      <c r="AA6718">
        <v>45808.598330000001</v>
      </c>
      <c r="AB6718">
        <v>32724.92323</v>
      </c>
      <c r="AC6718">
        <v>34120.235269999997</v>
      </c>
      <c r="AD6718">
        <v>24174.544959999999</v>
      </c>
      <c r="AE6718">
        <v>38959.633849999998</v>
      </c>
      <c r="AF6718">
        <v>43841.011310000002</v>
      </c>
      <c r="AG6718">
        <v>26085.317719999999</v>
      </c>
      <c r="AH6718">
        <v>214209.01790000001</v>
      </c>
      <c r="AI6718">
        <v>64465.930780000002</v>
      </c>
      <c r="AJ6718">
        <v>16137.59325</v>
      </c>
      <c r="AK6718">
        <v>30856.052739999999</v>
      </c>
      <c r="AL6718">
        <v>53178.761850000003</v>
      </c>
      <c r="AM6718">
        <v>17403.083299999998</v>
      </c>
      <c r="AN6718">
        <v>79761.149009999994</v>
      </c>
      <c r="AO6718">
        <v>24997.81093</v>
      </c>
      <c r="AP6718">
        <v>10913.901019999999</v>
      </c>
    </row>
    <row r="6719" spans="2:42" x14ac:dyDescent="0.3">
      <c r="B6719">
        <v>42.904147429577186</v>
      </c>
      <c r="C6719" s="83">
        <v>43380.875</v>
      </c>
      <c r="D6719">
        <v>164448.3057</v>
      </c>
      <c r="E6719">
        <v>11883.45292</v>
      </c>
      <c r="F6719">
        <v>45790.918559999998</v>
      </c>
      <c r="G6719">
        <v>32547.52246</v>
      </c>
      <c r="H6719">
        <v>33583.438730000002</v>
      </c>
      <c r="I6719">
        <v>22988.010859999999</v>
      </c>
      <c r="J6719">
        <v>37243.925340000002</v>
      </c>
      <c r="K6719">
        <v>43814.709219999997</v>
      </c>
      <c r="L6719">
        <v>24018.545750000001</v>
      </c>
      <c r="M6719">
        <v>218745.35159999999</v>
      </c>
      <c r="N6719">
        <v>64589.620439999999</v>
      </c>
      <c r="O6719">
        <v>15673.83546</v>
      </c>
      <c r="P6719">
        <v>30079.357929999998</v>
      </c>
      <c r="Q6719">
        <v>55098.913529999998</v>
      </c>
      <c r="R6719">
        <v>17077.268520000001</v>
      </c>
      <c r="S6719">
        <v>76035.244720000002</v>
      </c>
      <c r="T6719">
        <v>23773.154890000002</v>
      </c>
      <c r="U6719">
        <v>10928.7801</v>
      </c>
      <c r="W6719" s="83">
        <f>Bühler!N6751</f>
        <v>45571.874999983709</v>
      </c>
      <c r="X6719" s="83">
        <v>43380.875</v>
      </c>
      <c r="Y6719">
        <v>164448.3057</v>
      </c>
      <c r="Z6719">
        <v>11883.45292</v>
      </c>
      <c r="AA6719">
        <v>45790.918559999998</v>
      </c>
      <c r="AB6719">
        <v>32547.52246</v>
      </c>
      <c r="AC6719">
        <v>33583.438730000002</v>
      </c>
      <c r="AD6719">
        <v>22988.010859999999</v>
      </c>
      <c r="AE6719">
        <v>37243.925340000002</v>
      </c>
      <c r="AF6719">
        <v>43814.709219999997</v>
      </c>
      <c r="AG6719">
        <v>24018.545750000001</v>
      </c>
      <c r="AH6719">
        <v>218745.35159999999</v>
      </c>
      <c r="AI6719">
        <v>64589.620439999999</v>
      </c>
      <c r="AJ6719">
        <v>15673.83546</v>
      </c>
      <c r="AK6719">
        <v>30079.357929999998</v>
      </c>
      <c r="AL6719">
        <v>55098.913529999998</v>
      </c>
      <c r="AM6719">
        <v>17077.268520000001</v>
      </c>
      <c r="AN6719">
        <v>76035.244720000002</v>
      </c>
      <c r="AO6719">
        <v>23773.154890000002</v>
      </c>
      <c r="AP6719">
        <v>10928.7801</v>
      </c>
    </row>
    <row r="6720" spans="2:42" x14ac:dyDescent="0.3">
      <c r="B6720">
        <v>43.14553241036495</v>
      </c>
      <c r="C6720" s="83">
        <v>43380.916666666664</v>
      </c>
      <c r="D6720">
        <v>165480.5895</v>
      </c>
      <c r="E6720">
        <v>11824.26944</v>
      </c>
      <c r="F6720">
        <v>45403.972479999997</v>
      </c>
      <c r="G6720">
        <v>32732.391490000002</v>
      </c>
      <c r="H6720">
        <v>33512.124100000001</v>
      </c>
      <c r="I6720">
        <v>21531.245940000001</v>
      </c>
      <c r="J6720">
        <v>36027.923490000001</v>
      </c>
      <c r="K6720">
        <v>46735.660129999997</v>
      </c>
      <c r="L6720">
        <v>21834.07199</v>
      </c>
      <c r="M6720">
        <v>219976.0448</v>
      </c>
      <c r="N6720">
        <v>65095.72365</v>
      </c>
      <c r="O6720">
        <v>16175.89567</v>
      </c>
      <c r="P6720">
        <v>29578.914820000002</v>
      </c>
      <c r="Q6720">
        <v>56466.439780000001</v>
      </c>
      <c r="R6720">
        <v>18019.827529999999</v>
      </c>
      <c r="S6720">
        <v>74276.636039999998</v>
      </c>
      <c r="T6720">
        <v>22555.0946</v>
      </c>
      <c r="U6720">
        <v>11038.20017</v>
      </c>
      <c r="W6720" s="83">
        <f>Bühler!N6752</f>
        <v>45571.916666650373</v>
      </c>
      <c r="X6720" s="83">
        <v>43380.916666666664</v>
      </c>
      <c r="Y6720">
        <v>165480.5895</v>
      </c>
      <c r="Z6720">
        <v>11824.26944</v>
      </c>
      <c r="AA6720">
        <v>45403.972479999997</v>
      </c>
      <c r="AB6720">
        <v>32732.391490000002</v>
      </c>
      <c r="AC6720">
        <v>33512.124100000001</v>
      </c>
      <c r="AD6720">
        <v>21531.245940000001</v>
      </c>
      <c r="AE6720">
        <v>36027.923490000001</v>
      </c>
      <c r="AF6720">
        <v>46735.660129999997</v>
      </c>
      <c r="AG6720">
        <v>21834.07199</v>
      </c>
      <c r="AH6720">
        <v>219976.0448</v>
      </c>
      <c r="AI6720">
        <v>65095.72365</v>
      </c>
      <c r="AJ6720">
        <v>16175.89567</v>
      </c>
      <c r="AK6720">
        <v>29578.914820000002</v>
      </c>
      <c r="AL6720">
        <v>56466.439780000001</v>
      </c>
      <c r="AM6720">
        <v>18019.827529999999</v>
      </c>
      <c r="AN6720">
        <v>74276.636039999998</v>
      </c>
      <c r="AO6720">
        <v>22555.0946</v>
      </c>
      <c r="AP6720">
        <v>11038.20017</v>
      </c>
    </row>
    <row r="6721" spans="2:42" x14ac:dyDescent="0.3">
      <c r="B6721">
        <v>43.811769465231357</v>
      </c>
      <c r="C6721" s="83">
        <v>43380.958333333336</v>
      </c>
      <c r="D6721">
        <v>167431.23060000001</v>
      </c>
      <c r="E6721">
        <v>11757.28443</v>
      </c>
      <c r="F6721">
        <v>45222.528550000003</v>
      </c>
      <c r="G6721">
        <v>32362.43922</v>
      </c>
      <c r="H6721">
        <v>33388.531450000002</v>
      </c>
      <c r="I6721">
        <v>20691.11579</v>
      </c>
      <c r="J6721">
        <v>33423.157050000002</v>
      </c>
      <c r="K6721">
        <v>46215.932059999999</v>
      </c>
      <c r="L6721">
        <v>19206.179250000001</v>
      </c>
      <c r="M6721">
        <v>223372.83199999999</v>
      </c>
      <c r="N6721">
        <v>64808.593589999997</v>
      </c>
      <c r="O6721">
        <v>16253.552820000001</v>
      </c>
      <c r="P6721">
        <v>26031.172210000001</v>
      </c>
      <c r="Q6721">
        <v>58235.515579999999</v>
      </c>
      <c r="R6721">
        <v>17310.132539999999</v>
      </c>
      <c r="S6721">
        <v>72644.201520000002</v>
      </c>
      <c r="T6721">
        <v>25143.75849</v>
      </c>
      <c r="U6721">
        <v>10984.67484</v>
      </c>
      <c r="W6721" s="83">
        <f>Bühler!N6753</f>
        <v>45571.958333317038</v>
      </c>
      <c r="X6721" s="83">
        <v>43380.958333333336</v>
      </c>
      <c r="Y6721">
        <v>167431.23060000001</v>
      </c>
      <c r="Z6721">
        <v>11757.28443</v>
      </c>
      <c r="AA6721">
        <v>45222.528550000003</v>
      </c>
      <c r="AB6721">
        <v>32362.43922</v>
      </c>
      <c r="AC6721">
        <v>33388.531450000002</v>
      </c>
      <c r="AD6721">
        <v>20691.11579</v>
      </c>
      <c r="AE6721">
        <v>33423.157050000002</v>
      </c>
      <c r="AF6721">
        <v>46215.932059999999</v>
      </c>
      <c r="AG6721">
        <v>19206.179250000001</v>
      </c>
      <c r="AH6721">
        <v>223372.83199999999</v>
      </c>
      <c r="AI6721">
        <v>64808.593589999997</v>
      </c>
      <c r="AJ6721">
        <v>16253.552820000001</v>
      </c>
      <c r="AK6721">
        <v>26031.172210000001</v>
      </c>
      <c r="AL6721">
        <v>58235.515579999999</v>
      </c>
      <c r="AM6721">
        <v>17310.132539999999</v>
      </c>
      <c r="AN6721">
        <v>72644.201520000002</v>
      </c>
      <c r="AO6721">
        <v>25143.75849</v>
      </c>
      <c r="AP6721">
        <v>10984.67484</v>
      </c>
    </row>
    <row r="6722" spans="2:42" x14ac:dyDescent="0.3">
      <c r="B6722">
        <v>44.000126617282625</v>
      </c>
      <c r="C6722" s="83">
        <v>43381</v>
      </c>
      <c r="D6722">
        <v>169435.21419999999</v>
      </c>
      <c r="E6722">
        <v>11632.049779999999</v>
      </c>
      <c r="F6722">
        <v>45333.213259999997</v>
      </c>
      <c r="G6722">
        <v>31929.446169999999</v>
      </c>
      <c r="H6722">
        <v>32863.053500000002</v>
      </c>
      <c r="I6722">
        <v>19155.346750000001</v>
      </c>
      <c r="J6722">
        <v>31085.90382</v>
      </c>
      <c r="K6722">
        <v>44621.966679999998</v>
      </c>
      <c r="L6722">
        <v>17576.320029999999</v>
      </c>
      <c r="M6722">
        <v>224333.16459999999</v>
      </c>
      <c r="N6722">
        <v>64907.279210000001</v>
      </c>
      <c r="O6722">
        <v>16164.3735</v>
      </c>
      <c r="P6722">
        <v>23853.376110000001</v>
      </c>
      <c r="Q6722">
        <v>60627.237399999998</v>
      </c>
      <c r="R6722">
        <v>16052.21449</v>
      </c>
      <c r="S6722">
        <v>71634.915789999999</v>
      </c>
      <c r="T6722">
        <v>23673.415860000001</v>
      </c>
      <c r="U6722">
        <v>10759.14644</v>
      </c>
      <c r="W6722" s="83">
        <f>Bühler!N6754</f>
        <v>45571.999999983702</v>
      </c>
      <c r="X6722" s="83">
        <v>43381</v>
      </c>
      <c r="Y6722">
        <v>169435.21419999999</v>
      </c>
      <c r="Z6722">
        <v>11632.049779999999</v>
      </c>
      <c r="AA6722">
        <v>45333.213259999997</v>
      </c>
      <c r="AB6722">
        <v>31929.446169999999</v>
      </c>
      <c r="AC6722">
        <v>32863.053500000002</v>
      </c>
      <c r="AD6722">
        <v>19155.346750000001</v>
      </c>
      <c r="AE6722">
        <v>31085.90382</v>
      </c>
      <c r="AF6722">
        <v>44621.966679999998</v>
      </c>
      <c r="AG6722">
        <v>17576.320029999999</v>
      </c>
      <c r="AH6722">
        <v>224333.16459999999</v>
      </c>
      <c r="AI6722">
        <v>64907.279210000001</v>
      </c>
      <c r="AJ6722">
        <v>16164.3735</v>
      </c>
      <c r="AK6722">
        <v>23853.376110000001</v>
      </c>
      <c r="AL6722">
        <v>60627.237399999998</v>
      </c>
      <c r="AM6722">
        <v>16052.21449</v>
      </c>
      <c r="AN6722">
        <v>71634.915789999999</v>
      </c>
      <c r="AO6722">
        <v>23673.415860000001</v>
      </c>
      <c r="AP6722">
        <v>10759.14644</v>
      </c>
    </row>
    <row r="6723" spans="2:42" x14ac:dyDescent="0.3">
      <c r="B6723">
        <v>44.442148678202145</v>
      </c>
      <c r="C6723" s="83">
        <v>43381.041666666664</v>
      </c>
      <c r="D6723">
        <v>169799.29860000001</v>
      </c>
      <c r="E6723">
        <v>11498.68053</v>
      </c>
      <c r="F6723">
        <v>46432.877330000003</v>
      </c>
      <c r="G6723">
        <v>31635.686229999999</v>
      </c>
      <c r="H6723">
        <v>32657.628860000001</v>
      </c>
      <c r="I6723">
        <v>15660.65144</v>
      </c>
      <c r="J6723">
        <v>30206.80961</v>
      </c>
      <c r="K6723">
        <v>42258.56379</v>
      </c>
      <c r="L6723">
        <v>16090.71019</v>
      </c>
      <c r="M6723">
        <v>226586.79920000001</v>
      </c>
      <c r="N6723">
        <v>64621.647019999997</v>
      </c>
      <c r="O6723">
        <v>15999.002560000001</v>
      </c>
      <c r="P6723">
        <v>22540.513510000001</v>
      </c>
      <c r="Q6723">
        <v>63899.27779</v>
      </c>
      <c r="R6723">
        <v>15179.21969</v>
      </c>
      <c r="S6723">
        <v>70951.442939999994</v>
      </c>
      <c r="T6723">
        <v>23212.88967</v>
      </c>
      <c r="U6723">
        <v>10629.270920000001</v>
      </c>
      <c r="W6723" s="83">
        <f>Bühler!N6755</f>
        <v>45572.041666650366</v>
      </c>
      <c r="X6723" s="83">
        <v>43381.041666666664</v>
      </c>
      <c r="Y6723">
        <v>169799.29860000001</v>
      </c>
      <c r="Z6723">
        <v>11498.68053</v>
      </c>
      <c r="AA6723">
        <v>46432.877330000003</v>
      </c>
      <c r="AB6723">
        <v>31635.686229999999</v>
      </c>
      <c r="AC6723">
        <v>32657.628860000001</v>
      </c>
      <c r="AD6723">
        <v>15660.65144</v>
      </c>
      <c r="AE6723">
        <v>30206.80961</v>
      </c>
      <c r="AF6723">
        <v>42258.56379</v>
      </c>
      <c r="AG6723">
        <v>16090.71019</v>
      </c>
      <c r="AH6723">
        <v>226586.79920000001</v>
      </c>
      <c r="AI6723">
        <v>64621.647019999997</v>
      </c>
      <c r="AJ6723">
        <v>15999.002560000001</v>
      </c>
      <c r="AK6723">
        <v>22540.513510000001</v>
      </c>
      <c r="AL6723">
        <v>63899.27779</v>
      </c>
      <c r="AM6723">
        <v>15179.21969</v>
      </c>
      <c r="AN6723">
        <v>70951.442939999994</v>
      </c>
      <c r="AO6723">
        <v>23212.88967</v>
      </c>
      <c r="AP6723">
        <v>10629.270920000001</v>
      </c>
    </row>
    <row r="6724" spans="2:42" x14ac:dyDescent="0.3">
      <c r="B6724">
        <v>44.772126516077734</v>
      </c>
      <c r="C6724" s="83">
        <v>43381.083333333336</v>
      </c>
      <c r="D6724">
        <v>171063.62719999999</v>
      </c>
      <c r="E6724">
        <v>11442.466350000001</v>
      </c>
      <c r="F6724">
        <v>47298.173369999997</v>
      </c>
      <c r="G6724">
        <v>31275.57418</v>
      </c>
      <c r="H6724">
        <v>32506.474920000001</v>
      </c>
      <c r="I6724">
        <v>14242.74935</v>
      </c>
      <c r="J6724">
        <v>30093.031920000001</v>
      </c>
      <c r="K6724">
        <v>40814.93146</v>
      </c>
      <c r="L6724">
        <v>16086.98129</v>
      </c>
      <c r="M6724">
        <v>228269.1801</v>
      </c>
      <c r="N6724">
        <v>63559.365019999997</v>
      </c>
      <c r="O6724">
        <v>15700.63055</v>
      </c>
      <c r="P6724">
        <v>22085.435089999999</v>
      </c>
      <c r="Q6724">
        <v>67408.181289999993</v>
      </c>
      <c r="R6724">
        <v>14829.129489999999</v>
      </c>
      <c r="S6724">
        <v>70461.581749999998</v>
      </c>
      <c r="T6724">
        <v>22664.719519999999</v>
      </c>
      <c r="U6724">
        <v>11002.44505</v>
      </c>
      <c r="W6724" s="83">
        <f>Bühler!N6756</f>
        <v>45572.08333331703</v>
      </c>
      <c r="X6724" s="83">
        <v>43381.083333333336</v>
      </c>
      <c r="Y6724">
        <v>171063.62719999999</v>
      </c>
      <c r="Z6724">
        <v>11442.466350000001</v>
      </c>
      <c r="AA6724">
        <v>47298.173369999997</v>
      </c>
      <c r="AB6724">
        <v>31275.57418</v>
      </c>
      <c r="AC6724">
        <v>32506.474920000001</v>
      </c>
      <c r="AD6724">
        <v>14242.74935</v>
      </c>
      <c r="AE6724">
        <v>30093.031920000001</v>
      </c>
      <c r="AF6724">
        <v>40814.93146</v>
      </c>
      <c r="AG6724">
        <v>16086.98129</v>
      </c>
      <c r="AH6724">
        <v>228269.1801</v>
      </c>
      <c r="AI6724">
        <v>63559.365019999997</v>
      </c>
      <c r="AJ6724">
        <v>15700.63055</v>
      </c>
      <c r="AK6724">
        <v>22085.435089999999</v>
      </c>
      <c r="AL6724">
        <v>67408.181289999993</v>
      </c>
      <c r="AM6724">
        <v>14829.129489999999</v>
      </c>
      <c r="AN6724">
        <v>70461.581749999998</v>
      </c>
      <c r="AO6724">
        <v>22664.719519999999</v>
      </c>
      <c r="AP6724">
        <v>11002.44505</v>
      </c>
    </row>
    <row r="6725" spans="2:42" x14ac:dyDescent="0.3">
      <c r="B6725">
        <v>46.695418098745868</v>
      </c>
      <c r="C6725" s="83">
        <v>43381.125</v>
      </c>
      <c r="D6725">
        <v>176824.21189999999</v>
      </c>
      <c r="E6725">
        <v>11700.79211</v>
      </c>
      <c r="F6725">
        <v>48799.679120000001</v>
      </c>
      <c r="G6725">
        <v>30221.999629999998</v>
      </c>
      <c r="H6725">
        <v>32659.416389999999</v>
      </c>
      <c r="I6725">
        <v>14191.06949</v>
      </c>
      <c r="J6725">
        <v>29950.672480000001</v>
      </c>
      <c r="K6725">
        <v>40404.413780000003</v>
      </c>
      <c r="L6725">
        <v>15902.303180000001</v>
      </c>
      <c r="M6725">
        <v>238075.01749999999</v>
      </c>
      <c r="N6725">
        <v>62668.389069999997</v>
      </c>
      <c r="O6725">
        <v>15982.64956</v>
      </c>
      <c r="P6725">
        <v>22476.61881</v>
      </c>
      <c r="Q6725">
        <v>73073.17095</v>
      </c>
      <c r="R6725">
        <v>14929.82674</v>
      </c>
      <c r="S6725">
        <v>69727.597139999998</v>
      </c>
      <c r="T6725">
        <v>22385.998500000002</v>
      </c>
      <c r="U6725">
        <v>10905.190989999999</v>
      </c>
      <c r="W6725" s="83">
        <f>Bühler!N6757</f>
        <v>45572.124999983695</v>
      </c>
      <c r="X6725" s="83">
        <v>43381.125</v>
      </c>
      <c r="Y6725">
        <v>176824.21189999999</v>
      </c>
      <c r="Z6725">
        <v>11700.79211</v>
      </c>
      <c r="AA6725">
        <v>48799.679120000001</v>
      </c>
      <c r="AB6725">
        <v>30221.999629999998</v>
      </c>
      <c r="AC6725">
        <v>32659.416389999999</v>
      </c>
      <c r="AD6725">
        <v>14191.06949</v>
      </c>
      <c r="AE6725">
        <v>29950.672480000001</v>
      </c>
      <c r="AF6725">
        <v>40404.413780000003</v>
      </c>
      <c r="AG6725">
        <v>15902.303180000001</v>
      </c>
      <c r="AH6725">
        <v>238075.01749999999</v>
      </c>
      <c r="AI6725">
        <v>62668.389069999997</v>
      </c>
      <c r="AJ6725">
        <v>15982.64956</v>
      </c>
      <c r="AK6725">
        <v>22476.61881</v>
      </c>
      <c r="AL6725">
        <v>73073.17095</v>
      </c>
      <c r="AM6725">
        <v>14929.82674</v>
      </c>
      <c r="AN6725">
        <v>69727.597139999998</v>
      </c>
      <c r="AO6725">
        <v>22385.998500000002</v>
      </c>
      <c r="AP6725">
        <v>10905.190989999999</v>
      </c>
    </row>
    <row r="6726" spans="2:42" x14ac:dyDescent="0.3">
      <c r="B6726">
        <v>50.5453621374999</v>
      </c>
      <c r="C6726" s="83">
        <v>43381.166666666664</v>
      </c>
      <c r="D6726">
        <v>186961.73869999999</v>
      </c>
      <c r="E6726">
        <v>12379.45508</v>
      </c>
      <c r="F6726">
        <v>52505.468560000001</v>
      </c>
      <c r="G6726">
        <v>29663.906510000001</v>
      </c>
      <c r="H6726">
        <v>33792.308539999998</v>
      </c>
      <c r="I6726">
        <v>16487.874629999998</v>
      </c>
      <c r="J6726">
        <v>32006.74108</v>
      </c>
      <c r="K6726">
        <v>39862.227639999997</v>
      </c>
      <c r="L6726">
        <v>16370.794019999999</v>
      </c>
      <c r="M6726">
        <v>257703.82759999999</v>
      </c>
      <c r="N6726">
        <v>61830.363420000001</v>
      </c>
      <c r="O6726">
        <v>16261.86944</v>
      </c>
      <c r="P6726">
        <v>21744.57244</v>
      </c>
      <c r="Q6726">
        <v>79237.885060000001</v>
      </c>
      <c r="R6726">
        <v>15049.06645</v>
      </c>
      <c r="S6726">
        <v>70602.333729999998</v>
      </c>
      <c r="T6726">
        <v>22009.782429999999</v>
      </c>
      <c r="U6726">
        <v>11125.19752</v>
      </c>
      <c r="W6726" s="83">
        <f>Bühler!N6758</f>
        <v>45572.166666650359</v>
      </c>
      <c r="X6726" s="83">
        <v>43381.166666666664</v>
      </c>
      <c r="Y6726">
        <v>186961.73869999999</v>
      </c>
      <c r="Z6726">
        <v>12379.45508</v>
      </c>
      <c r="AA6726">
        <v>52505.468560000001</v>
      </c>
      <c r="AB6726">
        <v>29663.906510000001</v>
      </c>
      <c r="AC6726">
        <v>33792.308539999998</v>
      </c>
      <c r="AD6726">
        <v>16487.874629999998</v>
      </c>
      <c r="AE6726">
        <v>32006.74108</v>
      </c>
      <c r="AF6726">
        <v>39862.227639999997</v>
      </c>
      <c r="AG6726">
        <v>16370.794019999999</v>
      </c>
      <c r="AH6726">
        <v>257703.82759999999</v>
      </c>
      <c r="AI6726">
        <v>61830.363420000001</v>
      </c>
      <c r="AJ6726">
        <v>16261.86944</v>
      </c>
      <c r="AK6726">
        <v>21744.57244</v>
      </c>
      <c r="AL6726">
        <v>79237.885060000001</v>
      </c>
      <c r="AM6726">
        <v>15049.06645</v>
      </c>
      <c r="AN6726">
        <v>70602.333729999998</v>
      </c>
      <c r="AO6726">
        <v>22009.782429999999</v>
      </c>
      <c r="AP6726">
        <v>11125.19752</v>
      </c>
    </row>
    <row r="6727" spans="2:42" x14ac:dyDescent="0.3">
      <c r="B6727">
        <v>56.092983638351292</v>
      </c>
      <c r="C6727" s="83">
        <v>43381.208333333336</v>
      </c>
      <c r="D6727">
        <v>216820.12049999999</v>
      </c>
      <c r="E6727">
        <v>14569.158509999999</v>
      </c>
      <c r="F6727">
        <v>64349.556400000001</v>
      </c>
      <c r="G6727">
        <v>31923.768359999998</v>
      </c>
      <c r="H6727">
        <v>35640.596160000001</v>
      </c>
      <c r="I6727">
        <v>24007.990239999999</v>
      </c>
      <c r="J6727">
        <v>35307.337229999997</v>
      </c>
      <c r="K6727">
        <v>41902.633889999997</v>
      </c>
      <c r="L6727">
        <v>17155.92067</v>
      </c>
      <c r="M6727">
        <v>285988.18910000002</v>
      </c>
      <c r="N6727">
        <v>63186.96905</v>
      </c>
      <c r="O6727">
        <v>17047.84636</v>
      </c>
      <c r="P6727">
        <v>23086.355609999999</v>
      </c>
      <c r="Q6727">
        <v>85215.308659999995</v>
      </c>
      <c r="R6727">
        <v>15612.51154</v>
      </c>
      <c r="S6727">
        <v>73518.175600000002</v>
      </c>
      <c r="T6727">
        <v>23229.188910000001</v>
      </c>
      <c r="U6727">
        <v>13164.099249999999</v>
      </c>
      <c r="W6727" s="83">
        <f>Bühler!N6759</f>
        <v>45572.208333317023</v>
      </c>
      <c r="X6727" s="83">
        <v>43381.208333333336</v>
      </c>
      <c r="Y6727">
        <v>216820.12049999999</v>
      </c>
      <c r="Z6727">
        <v>14569.158509999999</v>
      </c>
      <c r="AA6727">
        <v>64349.556400000001</v>
      </c>
      <c r="AB6727">
        <v>31923.768359999998</v>
      </c>
      <c r="AC6727">
        <v>35640.596160000001</v>
      </c>
      <c r="AD6727">
        <v>24007.990239999999</v>
      </c>
      <c r="AE6727">
        <v>35307.337229999997</v>
      </c>
      <c r="AF6727">
        <v>41902.633889999997</v>
      </c>
      <c r="AG6727">
        <v>17155.92067</v>
      </c>
      <c r="AH6727">
        <v>285988.18910000002</v>
      </c>
      <c r="AI6727">
        <v>63186.96905</v>
      </c>
      <c r="AJ6727">
        <v>17047.84636</v>
      </c>
      <c r="AK6727">
        <v>23086.355609999999</v>
      </c>
      <c r="AL6727">
        <v>85215.308659999995</v>
      </c>
      <c r="AM6727">
        <v>15612.51154</v>
      </c>
      <c r="AN6727">
        <v>73518.175600000002</v>
      </c>
      <c r="AO6727">
        <v>23229.188910000001</v>
      </c>
      <c r="AP6727">
        <v>13164.099249999999</v>
      </c>
    </row>
    <row r="6728" spans="2:42" x14ac:dyDescent="0.3">
      <c r="B6728">
        <v>61.859564356568384</v>
      </c>
      <c r="C6728" s="83">
        <v>43381.25</v>
      </c>
      <c r="D6728">
        <v>243725.7752</v>
      </c>
      <c r="E6728">
        <v>18318.469130000001</v>
      </c>
      <c r="F6728">
        <v>77847.020969999998</v>
      </c>
      <c r="G6728">
        <v>43740.26109</v>
      </c>
      <c r="H6728">
        <v>39634.37472</v>
      </c>
      <c r="I6728">
        <v>31714.29681</v>
      </c>
      <c r="J6728">
        <v>39973.493490000001</v>
      </c>
      <c r="K6728">
        <v>45109.563529999999</v>
      </c>
      <c r="L6728">
        <v>19475.960340000001</v>
      </c>
      <c r="M6728">
        <v>315388.9068</v>
      </c>
      <c r="N6728">
        <v>69533.350090000007</v>
      </c>
      <c r="O6728">
        <v>18347.536069999998</v>
      </c>
      <c r="P6728">
        <v>24319.249879999999</v>
      </c>
      <c r="Q6728">
        <v>90840.928589999996</v>
      </c>
      <c r="R6728">
        <v>17070.996210000001</v>
      </c>
      <c r="S6728">
        <v>83260.321920000002</v>
      </c>
      <c r="T6728">
        <v>26018.32144</v>
      </c>
      <c r="U6728">
        <v>16513.808290000001</v>
      </c>
      <c r="W6728" s="83">
        <f>Bühler!N6760</f>
        <v>45572.249999983687</v>
      </c>
      <c r="X6728" s="83">
        <v>43381.25</v>
      </c>
      <c r="Y6728">
        <v>243725.7752</v>
      </c>
      <c r="Z6728">
        <v>18318.469130000001</v>
      </c>
      <c r="AA6728">
        <v>77847.020969999998</v>
      </c>
      <c r="AB6728">
        <v>43740.26109</v>
      </c>
      <c r="AC6728">
        <v>39634.37472</v>
      </c>
      <c r="AD6728">
        <v>31714.29681</v>
      </c>
      <c r="AE6728">
        <v>39973.493490000001</v>
      </c>
      <c r="AF6728">
        <v>45109.563529999999</v>
      </c>
      <c r="AG6728">
        <v>19475.960340000001</v>
      </c>
      <c r="AH6728">
        <v>315388.9068</v>
      </c>
      <c r="AI6728">
        <v>69533.350090000007</v>
      </c>
      <c r="AJ6728">
        <v>18347.536069999998</v>
      </c>
      <c r="AK6728">
        <v>24319.249879999999</v>
      </c>
      <c r="AL6728">
        <v>90840.928589999996</v>
      </c>
      <c r="AM6728">
        <v>17070.996210000001</v>
      </c>
      <c r="AN6728">
        <v>83260.321920000002</v>
      </c>
      <c r="AO6728">
        <v>26018.32144</v>
      </c>
      <c r="AP6728">
        <v>16513.808290000001</v>
      </c>
    </row>
    <row r="6729" spans="2:42" x14ac:dyDescent="0.3">
      <c r="B6729">
        <v>65.306058580802116</v>
      </c>
      <c r="C6729" s="83">
        <v>43381.291666666664</v>
      </c>
      <c r="D6729">
        <v>261502.8922</v>
      </c>
      <c r="E6729">
        <v>23090.991000000002</v>
      </c>
      <c r="F6729">
        <v>81599.662200000006</v>
      </c>
      <c r="G6729">
        <v>58115.83483</v>
      </c>
      <c r="H6729">
        <v>45437.664389999998</v>
      </c>
      <c r="I6729">
        <v>40653.784729999999</v>
      </c>
      <c r="J6729">
        <v>41806.652730000002</v>
      </c>
      <c r="K6729">
        <v>50763.02375</v>
      </c>
      <c r="L6729">
        <v>21951.787049999999</v>
      </c>
      <c r="M6729">
        <v>332960.74160000001</v>
      </c>
      <c r="N6729">
        <v>77834.221529999995</v>
      </c>
      <c r="O6729">
        <v>21115.651740000001</v>
      </c>
      <c r="P6729">
        <v>27722.4764</v>
      </c>
      <c r="Q6729">
        <v>92836.264479999998</v>
      </c>
      <c r="R6729">
        <v>20398.21183</v>
      </c>
      <c r="S6729">
        <v>100051.13099999999</v>
      </c>
      <c r="T6729">
        <v>27635.497060000002</v>
      </c>
      <c r="U6729">
        <v>22190.456620000001</v>
      </c>
      <c r="W6729" s="83">
        <f>Bühler!N6761</f>
        <v>45572.291666650352</v>
      </c>
      <c r="X6729" s="83">
        <v>43381.291666666664</v>
      </c>
      <c r="Y6729">
        <v>261502.8922</v>
      </c>
      <c r="Z6729">
        <v>23090.991000000002</v>
      </c>
      <c r="AA6729">
        <v>81599.662200000006</v>
      </c>
      <c r="AB6729">
        <v>58115.83483</v>
      </c>
      <c r="AC6729">
        <v>45437.664389999998</v>
      </c>
      <c r="AD6729">
        <v>40653.784729999999</v>
      </c>
      <c r="AE6729">
        <v>41806.652730000002</v>
      </c>
      <c r="AF6729">
        <v>50763.02375</v>
      </c>
      <c r="AG6729">
        <v>21951.787049999999</v>
      </c>
      <c r="AH6729">
        <v>332960.74160000001</v>
      </c>
      <c r="AI6729">
        <v>77834.221529999995</v>
      </c>
      <c r="AJ6729">
        <v>21115.651740000001</v>
      </c>
      <c r="AK6729">
        <v>27722.4764</v>
      </c>
      <c r="AL6729">
        <v>92836.264479999998</v>
      </c>
      <c r="AM6729">
        <v>20398.21183</v>
      </c>
      <c r="AN6729">
        <v>100051.13099999999</v>
      </c>
      <c r="AO6729">
        <v>27635.497060000002</v>
      </c>
      <c r="AP6729">
        <v>22190.456620000001</v>
      </c>
    </row>
    <row r="6730" spans="2:42" x14ac:dyDescent="0.3">
      <c r="B6730">
        <v>67.394150290340903</v>
      </c>
      <c r="C6730" s="83">
        <v>43381.333333333336</v>
      </c>
      <c r="D6730">
        <v>276572.9877</v>
      </c>
      <c r="E6730">
        <v>28523.793689999999</v>
      </c>
      <c r="F6730">
        <v>87090.460690000007</v>
      </c>
      <c r="G6730">
        <v>75145.614749999993</v>
      </c>
      <c r="H6730">
        <v>49901.658190000002</v>
      </c>
      <c r="I6730">
        <v>43828.064659999996</v>
      </c>
      <c r="J6730">
        <v>41801.126790000002</v>
      </c>
      <c r="K6730">
        <v>57578.519699999997</v>
      </c>
      <c r="L6730">
        <v>24020.037990000001</v>
      </c>
      <c r="M6730">
        <v>343606.80690000003</v>
      </c>
      <c r="N6730">
        <v>86551.40625</v>
      </c>
      <c r="O6730">
        <v>22509.139719999999</v>
      </c>
      <c r="P6730">
        <v>29398.115740000001</v>
      </c>
      <c r="Q6730">
        <v>94341.913990000001</v>
      </c>
      <c r="R6730">
        <v>20702.641169999999</v>
      </c>
      <c r="S6730">
        <v>114170.4875</v>
      </c>
      <c r="T6730">
        <v>30620.957480000001</v>
      </c>
      <c r="U6730">
        <v>25518.902190000001</v>
      </c>
      <c r="W6730" s="83">
        <f>Bühler!N6762</f>
        <v>45572.333333317016</v>
      </c>
      <c r="X6730" s="83">
        <v>43381.333333333336</v>
      </c>
      <c r="Y6730">
        <v>276572.9877</v>
      </c>
      <c r="Z6730">
        <v>28523.793689999999</v>
      </c>
      <c r="AA6730">
        <v>87090.460690000007</v>
      </c>
      <c r="AB6730">
        <v>75145.614749999993</v>
      </c>
      <c r="AC6730">
        <v>49901.658190000002</v>
      </c>
      <c r="AD6730">
        <v>43828.064659999996</v>
      </c>
      <c r="AE6730">
        <v>41801.126790000002</v>
      </c>
      <c r="AF6730">
        <v>57578.519699999997</v>
      </c>
      <c r="AG6730">
        <v>24020.037990000001</v>
      </c>
      <c r="AH6730">
        <v>343606.80690000003</v>
      </c>
      <c r="AI6730">
        <v>86551.40625</v>
      </c>
      <c r="AJ6730">
        <v>22509.139719999999</v>
      </c>
      <c r="AK6730">
        <v>29398.115740000001</v>
      </c>
      <c r="AL6730">
        <v>94341.913990000001</v>
      </c>
      <c r="AM6730">
        <v>20702.641169999999</v>
      </c>
      <c r="AN6730">
        <v>114170.4875</v>
      </c>
      <c r="AO6730">
        <v>30620.957480000001</v>
      </c>
      <c r="AP6730">
        <v>25518.902190000001</v>
      </c>
    </row>
    <row r="6731" spans="2:42" x14ac:dyDescent="0.3">
      <c r="B6731">
        <v>68.141965131958059</v>
      </c>
      <c r="C6731" s="83">
        <v>43381.375</v>
      </c>
      <c r="D6731">
        <v>282021.32750000001</v>
      </c>
      <c r="E6731">
        <v>32912.613709999998</v>
      </c>
      <c r="F6731">
        <v>93684.236439999993</v>
      </c>
      <c r="G6731">
        <v>86129.135999999999</v>
      </c>
      <c r="H6731">
        <v>53659.056620000003</v>
      </c>
      <c r="I6731">
        <v>41666.61851</v>
      </c>
      <c r="J6731">
        <v>42107.716549999997</v>
      </c>
      <c r="K6731">
        <v>60322.911480000002</v>
      </c>
      <c r="L6731">
        <v>25909.834729999999</v>
      </c>
      <c r="M6731">
        <v>347419.51569999999</v>
      </c>
      <c r="N6731">
        <v>90016.143020000003</v>
      </c>
      <c r="O6731">
        <v>22985.634880000001</v>
      </c>
      <c r="P6731">
        <v>31111.683209999999</v>
      </c>
      <c r="Q6731">
        <v>96727.783230000001</v>
      </c>
      <c r="R6731">
        <v>20852.02981</v>
      </c>
      <c r="S6731">
        <v>120965.3092</v>
      </c>
      <c r="T6731">
        <v>33435.815549999999</v>
      </c>
      <c r="U6731">
        <v>26593.599249999999</v>
      </c>
      <c r="W6731" s="83">
        <f>Bühler!N6763</f>
        <v>45572.37499998368</v>
      </c>
      <c r="X6731" s="83">
        <v>43381.375</v>
      </c>
      <c r="Y6731">
        <v>282021.32750000001</v>
      </c>
      <c r="Z6731">
        <v>32912.613709999998</v>
      </c>
      <c r="AA6731">
        <v>93684.236439999993</v>
      </c>
      <c r="AB6731">
        <v>86129.135999999999</v>
      </c>
      <c r="AC6731">
        <v>53659.056620000003</v>
      </c>
      <c r="AD6731">
        <v>41666.61851</v>
      </c>
      <c r="AE6731">
        <v>42107.716549999997</v>
      </c>
      <c r="AF6731">
        <v>60322.911480000002</v>
      </c>
      <c r="AG6731">
        <v>25909.834729999999</v>
      </c>
      <c r="AH6731">
        <v>347419.51569999999</v>
      </c>
      <c r="AI6731">
        <v>90016.143020000003</v>
      </c>
      <c r="AJ6731">
        <v>22985.634880000001</v>
      </c>
      <c r="AK6731">
        <v>31111.683209999999</v>
      </c>
      <c r="AL6731">
        <v>96727.783230000001</v>
      </c>
      <c r="AM6731">
        <v>20852.02981</v>
      </c>
      <c r="AN6731">
        <v>120965.3092</v>
      </c>
      <c r="AO6731">
        <v>33435.815549999999</v>
      </c>
      <c r="AP6731">
        <v>26593.599249999999</v>
      </c>
    </row>
    <row r="6732" spans="2:42" x14ac:dyDescent="0.3">
      <c r="B6732">
        <v>69.759177298712785</v>
      </c>
      <c r="C6732" s="83">
        <v>43381.416666666664</v>
      </c>
      <c r="D6732">
        <v>288126.94020000001</v>
      </c>
      <c r="E6732">
        <v>34377.411890000003</v>
      </c>
      <c r="F6732">
        <v>94670.435559999998</v>
      </c>
      <c r="G6732">
        <v>89362.733420000004</v>
      </c>
      <c r="H6732">
        <v>54486.820749999999</v>
      </c>
      <c r="I6732">
        <v>39503.137750000002</v>
      </c>
      <c r="J6732">
        <v>41515.2814</v>
      </c>
      <c r="K6732">
        <v>61528.083689999999</v>
      </c>
      <c r="L6732">
        <v>28993.784940000001</v>
      </c>
      <c r="M6732">
        <v>355664.8175</v>
      </c>
      <c r="N6732">
        <v>91518.773109999995</v>
      </c>
      <c r="O6732">
        <v>23638.13264</v>
      </c>
      <c r="P6732">
        <v>31826.919969999999</v>
      </c>
      <c r="Q6732">
        <v>98503.41059</v>
      </c>
      <c r="R6732">
        <v>21589.490709999998</v>
      </c>
      <c r="S6732">
        <v>123367.78909999999</v>
      </c>
      <c r="T6732">
        <v>35106.291340000003</v>
      </c>
      <c r="U6732">
        <v>25146.553909999999</v>
      </c>
      <c r="W6732" s="83">
        <f>Bühler!N6764</f>
        <v>45572.416666650344</v>
      </c>
      <c r="X6732" s="83">
        <v>43381.416666666664</v>
      </c>
      <c r="Y6732">
        <v>288126.94020000001</v>
      </c>
      <c r="Z6732">
        <v>34377.411890000003</v>
      </c>
      <c r="AA6732">
        <v>94670.435559999998</v>
      </c>
      <c r="AB6732">
        <v>89362.733420000004</v>
      </c>
      <c r="AC6732">
        <v>54486.820749999999</v>
      </c>
      <c r="AD6732">
        <v>39503.137750000002</v>
      </c>
      <c r="AE6732">
        <v>41515.2814</v>
      </c>
      <c r="AF6732">
        <v>61528.083689999999</v>
      </c>
      <c r="AG6732">
        <v>28993.784940000001</v>
      </c>
      <c r="AH6732">
        <v>355664.8175</v>
      </c>
      <c r="AI6732">
        <v>91518.773109999995</v>
      </c>
      <c r="AJ6732">
        <v>23638.13264</v>
      </c>
      <c r="AK6732">
        <v>31826.919969999999</v>
      </c>
      <c r="AL6732">
        <v>98503.41059</v>
      </c>
      <c r="AM6732">
        <v>21589.490709999998</v>
      </c>
      <c r="AN6732">
        <v>123367.78909999999</v>
      </c>
      <c r="AO6732">
        <v>35106.291340000003</v>
      </c>
      <c r="AP6732">
        <v>25146.553909999999</v>
      </c>
    </row>
    <row r="6733" spans="2:42" x14ac:dyDescent="0.3">
      <c r="B6733">
        <v>70.41665550395561</v>
      </c>
      <c r="C6733" s="83">
        <v>43381.458333333336</v>
      </c>
      <c r="D6733">
        <v>287764.50780000002</v>
      </c>
      <c r="E6733">
        <v>34592.502390000001</v>
      </c>
      <c r="F6733">
        <v>95055.529120000007</v>
      </c>
      <c r="G6733">
        <v>88046.911949999994</v>
      </c>
      <c r="H6733">
        <v>54174.898659999999</v>
      </c>
      <c r="I6733">
        <v>39051.07273</v>
      </c>
      <c r="J6733">
        <v>41164.974150000002</v>
      </c>
      <c r="K6733">
        <v>62039.683870000001</v>
      </c>
      <c r="L6733">
        <v>30139.789519999998</v>
      </c>
      <c r="M6733">
        <v>359016.94799999997</v>
      </c>
      <c r="N6733">
        <v>92156.915720000005</v>
      </c>
      <c r="O6733">
        <v>23798.342069999999</v>
      </c>
      <c r="P6733">
        <v>31502.66691</v>
      </c>
      <c r="Q6733">
        <v>99052.656419999999</v>
      </c>
      <c r="R6733">
        <v>21947.225399999999</v>
      </c>
      <c r="S6733">
        <v>125560.4409</v>
      </c>
      <c r="T6733">
        <v>35505.428310000003</v>
      </c>
      <c r="U6733">
        <v>24650.164690000001</v>
      </c>
      <c r="W6733" s="83">
        <f>Bühler!N6765</f>
        <v>45572.458333317009</v>
      </c>
      <c r="X6733" s="83">
        <v>43381.458333333336</v>
      </c>
      <c r="Y6733">
        <v>287764.50780000002</v>
      </c>
      <c r="Z6733">
        <v>34592.502390000001</v>
      </c>
      <c r="AA6733">
        <v>95055.529120000007</v>
      </c>
      <c r="AB6733">
        <v>88046.911949999994</v>
      </c>
      <c r="AC6733">
        <v>54174.898659999999</v>
      </c>
      <c r="AD6733">
        <v>39051.07273</v>
      </c>
      <c r="AE6733">
        <v>41164.974150000002</v>
      </c>
      <c r="AF6733">
        <v>62039.683870000001</v>
      </c>
      <c r="AG6733">
        <v>30139.789519999998</v>
      </c>
      <c r="AH6733">
        <v>359016.94799999997</v>
      </c>
      <c r="AI6733">
        <v>92156.915720000005</v>
      </c>
      <c r="AJ6733">
        <v>23798.342069999999</v>
      </c>
      <c r="AK6733">
        <v>31502.66691</v>
      </c>
      <c r="AL6733">
        <v>99052.656419999999</v>
      </c>
      <c r="AM6733">
        <v>21947.225399999999</v>
      </c>
      <c r="AN6733">
        <v>125560.4409</v>
      </c>
      <c r="AO6733">
        <v>35505.428310000003</v>
      </c>
      <c r="AP6733">
        <v>24650.164690000001</v>
      </c>
    </row>
    <row r="6734" spans="2:42" x14ac:dyDescent="0.3">
      <c r="B6734">
        <v>69.96218499369013</v>
      </c>
      <c r="C6734" s="83">
        <v>43381.5</v>
      </c>
      <c r="D6734">
        <v>277677.58529999998</v>
      </c>
      <c r="E6734">
        <v>31526.23963</v>
      </c>
      <c r="F6734">
        <v>89578.028749999998</v>
      </c>
      <c r="G6734">
        <v>86481.110570000004</v>
      </c>
      <c r="H6734">
        <v>51645.350570000002</v>
      </c>
      <c r="I6734">
        <v>38445.009769999997</v>
      </c>
      <c r="J6734">
        <v>41225.52607</v>
      </c>
      <c r="K6734">
        <v>58020.823049999999</v>
      </c>
      <c r="L6734">
        <v>32275.301800000001</v>
      </c>
      <c r="M6734">
        <v>356699.84539999999</v>
      </c>
      <c r="N6734">
        <v>89135.559200000003</v>
      </c>
      <c r="O6734">
        <v>23556.347300000001</v>
      </c>
      <c r="P6734">
        <v>32157.836640000001</v>
      </c>
      <c r="Q6734">
        <v>98980.709650000004</v>
      </c>
      <c r="R6734">
        <v>24012.798879999998</v>
      </c>
      <c r="S6734">
        <v>120051.82610000001</v>
      </c>
      <c r="T6734">
        <v>35361.949630000003</v>
      </c>
      <c r="U6734">
        <v>20697.40827</v>
      </c>
      <c r="W6734" s="83">
        <f>Bühler!N6766</f>
        <v>45572.499999983673</v>
      </c>
      <c r="X6734" s="83">
        <v>43381.5</v>
      </c>
      <c r="Y6734">
        <v>277677.58529999998</v>
      </c>
      <c r="Z6734">
        <v>31526.23963</v>
      </c>
      <c r="AA6734">
        <v>89578.028749999998</v>
      </c>
      <c r="AB6734">
        <v>86481.110570000004</v>
      </c>
      <c r="AC6734">
        <v>51645.350570000002</v>
      </c>
      <c r="AD6734">
        <v>38445.009769999997</v>
      </c>
      <c r="AE6734">
        <v>41225.52607</v>
      </c>
      <c r="AF6734">
        <v>58020.823049999999</v>
      </c>
      <c r="AG6734">
        <v>32275.301800000001</v>
      </c>
      <c r="AH6734">
        <v>356699.84539999999</v>
      </c>
      <c r="AI6734">
        <v>89135.559200000003</v>
      </c>
      <c r="AJ6734">
        <v>23556.347300000001</v>
      </c>
      <c r="AK6734">
        <v>32157.836640000001</v>
      </c>
      <c r="AL6734">
        <v>98980.709650000004</v>
      </c>
      <c r="AM6734">
        <v>24012.798879999998</v>
      </c>
      <c r="AN6734">
        <v>120051.82610000001</v>
      </c>
      <c r="AO6734">
        <v>35361.949630000003</v>
      </c>
      <c r="AP6734">
        <v>20697.40827</v>
      </c>
    </row>
    <row r="6735" spans="2:42" x14ac:dyDescent="0.3">
      <c r="B6735">
        <v>69.911176360395856</v>
      </c>
      <c r="C6735" s="83">
        <v>43381.541666666664</v>
      </c>
      <c r="D6735">
        <v>280605.5809</v>
      </c>
      <c r="E6735">
        <v>31886.110789999999</v>
      </c>
      <c r="F6735">
        <v>86783.632039999997</v>
      </c>
      <c r="G6735">
        <v>83523.196469999995</v>
      </c>
      <c r="H6735">
        <v>52376.639710000003</v>
      </c>
      <c r="I6735">
        <v>38640.281569999999</v>
      </c>
      <c r="J6735">
        <v>40267.13048</v>
      </c>
      <c r="K6735">
        <v>61072.109299999996</v>
      </c>
      <c r="L6735">
        <v>30498.734779999999</v>
      </c>
      <c r="M6735">
        <v>356439.77960000001</v>
      </c>
      <c r="N6735">
        <v>87965.963650000005</v>
      </c>
      <c r="O6735">
        <v>23940.476770000001</v>
      </c>
      <c r="P6735">
        <v>31779.174660000001</v>
      </c>
      <c r="Q6735">
        <v>98354.55184</v>
      </c>
      <c r="R6735">
        <v>25279.996009999999</v>
      </c>
      <c r="S6735">
        <v>117759.45940000001</v>
      </c>
      <c r="T6735">
        <v>34444.567669999997</v>
      </c>
      <c r="U6735">
        <v>22845.79365</v>
      </c>
      <c r="W6735" s="83">
        <f>Bühler!N6767</f>
        <v>45572.541666650337</v>
      </c>
      <c r="X6735" s="83">
        <v>43381.541666666664</v>
      </c>
      <c r="Y6735">
        <v>280605.5809</v>
      </c>
      <c r="Z6735">
        <v>31886.110789999999</v>
      </c>
      <c r="AA6735">
        <v>86783.632039999997</v>
      </c>
      <c r="AB6735">
        <v>83523.196469999995</v>
      </c>
      <c r="AC6735">
        <v>52376.639710000003</v>
      </c>
      <c r="AD6735">
        <v>38640.281569999999</v>
      </c>
      <c r="AE6735">
        <v>40267.13048</v>
      </c>
      <c r="AF6735">
        <v>61072.109299999996</v>
      </c>
      <c r="AG6735">
        <v>30498.734779999999</v>
      </c>
      <c r="AH6735">
        <v>356439.77960000001</v>
      </c>
      <c r="AI6735">
        <v>87965.963650000005</v>
      </c>
      <c r="AJ6735">
        <v>23940.476770000001</v>
      </c>
      <c r="AK6735">
        <v>31779.174660000001</v>
      </c>
      <c r="AL6735">
        <v>98354.55184</v>
      </c>
      <c r="AM6735">
        <v>25279.996009999999</v>
      </c>
      <c r="AN6735">
        <v>117759.45940000001</v>
      </c>
      <c r="AO6735">
        <v>34444.567669999997</v>
      </c>
      <c r="AP6735">
        <v>22845.79365</v>
      </c>
    </row>
    <row r="6736" spans="2:42" x14ac:dyDescent="0.3">
      <c r="B6736">
        <v>70.211447539476112</v>
      </c>
      <c r="C6736" s="83">
        <v>43381.583333333336</v>
      </c>
      <c r="D6736">
        <v>284928.8173</v>
      </c>
      <c r="E6736">
        <v>34079.29855</v>
      </c>
      <c r="F6736">
        <v>93965.432000000001</v>
      </c>
      <c r="G6736">
        <v>78424.512919999994</v>
      </c>
      <c r="H6736">
        <v>52034.814859999999</v>
      </c>
      <c r="I6736">
        <v>39041.16042</v>
      </c>
      <c r="J6736">
        <v>39994.553500000002</v>
      </c>
      <c r="K6736">
        <v>62966.936800000003</v>
      </c>
      <c r="L6736">
        <v>26981.90266</v>
      </c>
      <c r="M6736">
        <v>357970.70209999999</v>
      </c>
      <c r="N6736">
        <v>88701.866760000004</v>
      </c>
      <c r="O6736">
        <v>22898.569800000001</v>
      </c>
      <c r="P6736">
        <v>29551.40525</v>
      </c>
      <c r="Q6736">
        <v>98394.423880000002</v>
      </c>
      <c r="R6736">
        <v>23910.610720000001</v>
      </c>
      <c r="S6736">
        <v>113223.72470000001</v>
      </c>
      <c r="T6736">
        <v>33268.248760000002</v>
      </c>
      <c r="U6736">
        <v>23665.48128</v>
      </c>
      <c r="W6736" s="83">
        <f>Bühler!N6768</f>
        <v>45572.583333317001</v>
      </c>
      <c r="X6736" s="83">
        <v>43381.583333333336</v>
      </c>
      <c r="Y6736">
        <v>284928.8173</v>
      </c>
      <c r="Z6736">
        <v>34079.29855</v>
      </c>
      <c r="AA6736">
        <v>93965.432000000001</v>
      </c>
      <c r="AB6736">
        <v>78424.512919999994</v>
      </c>
      <c r="AC6736">
        <v>52034.814859999999</v>
      </c>
      <c r="AD6736">
        <v>39041.16042</v>
      </c>
      <c r="AE6736">
        <v>39994.553500000002</v>
      </c>
      <c r="AF6736">
        <v>62966.936800000003</v>
      </c>
      <c r="AG6736">
        <v>26981.90266</v>
      </c>
      <c r="AH6736">
        <v>357970.70209999999</v>
      </c>
      <c r="AI6736">
        <v>88701.866760000004</v>
      </c>
      <c r="AJ6736">
        <v>22898.569800000001</v>
      </c>
      <c r="AK6736">
        <v>29551.40525</v>
      </c>
      <c r="AL6736">
        <v>98394.423880000002</v>
      </c>
      <c r="AM6736">
        <v>23910.610720000001</v>
      </c>
      <c r="AN6736">
        <v>113223.72470000001</v>
      </c>
      <c r="AO6736">
        <v>33268.248760000002</v>
      </c>
      <c r="AP6736">
        <v>23665.48128</v>
      </c>
    </row>
    <row r="6737" spans="2:42" x14ac:dyDescent="0.3">
      <c r="B6737">
        <v>70.042515071900056</v>
      </c>
      <c r="C6737" s="83">
        <v>43381.625</v>
      </c>
      <c r="D6737">
        <v>283663.67839999998</v>
      </c>
      <c r="E6737">
        <v>34105.919620000001</v>
      </c>
      <c r="F6737">
        <v>96639.172309999994</v>
      </c>
      <c r="G6737">
        <v>76330.738570000001</v>
      </c>
      <c r="H6737">
        <v>50958.004540000002</v>
      </c>
      <c r="I6737">
        <v>39189.57602</v>
      </c>
      <c r="J6737">
        <v>39498.59996</v>
      </c>
      <c r="K6737">
        <v>61763.58928</v>
      </c>
      <c r="L6737">
        <v>24298.88178</v>
      </c>
      <c r="M6737">
        <v>357109.4056</v>
      </c>
      <c r="N6737">
        <v>88713.482199999999</v>
      </c>
      <c r="O6737">
        <v>22789.580190000001</v>
      </c>
      <c r="P6737">
        <v>27870.76813</v>
      </c>
      <c r="Q6737">
        <v>97807.470459999997</v>
      </c>
      <c r="R6737">
        <v>23672.588230000001</v>
      </c>
      <c r="S6737">
        <v>112523.6539</v>
      </c>
      <c r="T6737">
        <v>33156.982770000002</v>
      </c>
      <c r="U6737">
        <v>22423.290150000001</v>
      </c>
      <c r="W6737" s="83">
        <f>Bühler!N6769</f>
        <v>45572.624999983665</v>
      </c>
      <c r="X6737" s="83">
        <v>43381.625</v>
      </c>
      <c r="Y6737">
        <v>283663.67839999998</v>
      </c>
      <c r="Z6737">
        <v>34105.919620000001</v>
      </c>
      <c r="AA6737">
        <v>96639.172309999994</v>
      </c>
      <c r="AB6737">
        <v>76330.738570000001</v>
      </c>
      <c r="AC6737">
        <v>50958.004540000002</v>
      </c>
      <c r="AD6737">
        <v>39189.57602</v>
      </c>
      <c r="AE6737">
        <v>39498.59996</v>
      </c>
      <c r="AF6737">
        <v>61763.58928</v>
      </c>
      <c r="AG6737">
        <v>24298.88178</v>
      </c>
      <c r="AH6737">
        <v>357109.4056</v>
      </c>
      <c r="AI6737">
        <v>88713.482199999999</v>
      </c>
      <c r="AJ6737">
        <v>22789.580190000001</v>
      </c>
      <c r="AK6737">
        <v>27870.76813</v>
      </c>
      <c r="AL6737">
        <v>97807.470459999997</v>
      </c>
      <c r="AM6737">
        <v>23672.588230000001</v>
      </c>
      <c r="AN6737">
        <v>112523.6539</v>
      </c>
      <c r="AO6737">
        <v>33156.982770000002</v>
      </c>
      <c r="AP6737">
        <v>22423.290150000001</v>
      </c>
    </row>
    <row r="6738" spans="2:42" x14ac:dyDescent="0.3">
      <c r="B6738">
        <v>69.275406016414991</v>
      </c>
      <c r="C6738" s="83">
        <v>43381.666666666664</v>
      </c>
      <c r="D6738">
        <v>277253.93979999999</v>
      </c>
      <c r="E6738">
        <v>33212.017350000002</v>
      </c>
      <c r="F6738">
        <v>95716.245909999998</v>
      </c>
      <c r="G6738">
        <v>71157.479510000005</v>
      </c>
      <c r="H6738">
        <v>48901.988380000003</v>
      </c>
      <c r="I6738">
        <v>39718.915560000001</v>
      </c>
      <c r="J6738">
        <v>38704.184260000002</v>
      </c>
      <c r="K6738">
        <v>58809.624759999999</v>
      </c>
      <c r="L6738">
        <v>24090.651440000001</v>
      </c>
      <c r="M6738">
        <v>353198.3259</v>
      </c>
      <c r="N6738">
        <v>87395.886050000001</v>
      </c>
      <c r="O6738">
        <v>22734.084180000002</v>
      </c>
      <c r="P6738">
        <v>26711.95033</v>
      </c>
      <c r="Q6738">
        <v>96703.587509999998</v>
      </c>
      <c r="R6738">
        <v>22800.998820000001</v>
      </c>
      <c r="S6738">
        <v>108580.3585</v>
      </c>
      <c r="T6738">
        <v>32515.391049999998</v>
      </c>
      <c r="U6738">
        <v>20267.547350000001</v>
      </c>
      <c r="W6738" s="83">
        <f>Bühler!N6770</f>
        <v>45572.66666665033</v>
      </c>
      <c r="X6738" s="83">
        <v>43381.666666666664</v>
      </c>
      <c r="Y6738">
        <v>277253.93979999999</v>
      </c>
      <c r="Z6738">
        <v>33212.017350000002</v>
      </c>
      <c r="AA6738">
        <v>95716.245909999998</v>
      </c>
      <c r="AB6738">
        <v>71157.479510000005</v>
      </c>
      <c r="AC6738">
        <v>48901.988380000003</v>
      </c>
      <c r="AD6738">
        <v>39718.915560000001</v>
      </c>
      <c r="AE6738">
        <v>38704.184260000002</v>
      </c>
      <c r="AF6738">
        <v>58809.624759999999</v>
      </c>
      <c r="AG6738">
        <v>24090.651440000001</v>
      </c>
      <c r="AH6738">
        <v>353198.3259</v>
      </c>
      <c r="AI6738">
        <v>87395.886050000001</v>
      </c>
      <c r="AJ6738">
        <v>22734.084180000002</v>
      </c>
      <c r="AK6738">
        <v>26711.95033</v>
      </c>
      <c r="AL6738">
        <v>96703.587509999998</v>
      </c>
      <c r="AM6738">
        <v>22800.998820000001</v>
      </c>
      <c r="AN6738">
        <v>108580.3585</v>
      </c>
      <c r="AO6738">
        <v>32515.391049999998</v>
      </c>
      <c r="AP6738">
        <v>20267.547350000001</v>
      </c>
    </row>
    <row r="6739" spans="2:42" x14ac:dyDescent="0.3">
      <c r="B6739">
        <v>68.412130198787096</v>
      </c>
      <c r="C6739" s="83">
        <v>43381.708333333336</v>
      </c>
      <c r="D6739">
        <v>267031.32900000003</v>
      </c>
      <c r="E6739">
        <v>30973.978640000001</v>
      </c>
      <c r="F6739">
        <v>96231.253779999999</v>
      </c>
      <c r="G6739">
        <v>62184.890440000003</v>
      </c>
      <c r="H6739">
        <v>46764.236629999999</v>
      </c>
      <c r="I6739">
        <v>39754.480519999997</v>
      </c>
      <c r="J6739">
        <v>38812.106690000001</v>
      </c>
      <c r="K6739">
        <v>53169.795319999997</v>
      </c>
      <c r="L6739">
        <v>24300.042369999999</v>
      </c>
      <c r="M6739">
        <v>348796.94319999998</v>
      </c>
      <c r="N6739">
        <v>83834.419169999994</v>
      </c>
      <c r="O6739">
        <v>20909.97824</v>
      </c>
      <c r="P6739">
        <v>28075.018059999999</v>
      </c>
      <c r="Q6739">
        <v>95814.096820000006</v>
      </c>
      <c r="R6739">
        <v>21895.24195</v>
      </c>
      <c r="S6739">
        <v>105967.39139999999</v>
      </c>
      <c r="T6739">
        <v>32228.875049999999</v>
      </c>
      <c r="U6739">
        <v>17741.65251</v>
      </c>
      <c r="W6739" s="83">
        <f>Bühler!N6771</f>
        <v>45572.708333316994</v>
      </c>
      <c r="X6739" s="83">
        <v>43381.708333333336</v>
      </c>
      <c r="Y6739">
        <v>267031.32900000003</v>
      </c>
      <c r="Z6739">
        <v>30973.978640000001</v>
      </c>
      <c r="AA6739">
        <v>96231.253779999999</v>
      </c>
      <c r="AB6739">
        <v>62184.890440000003</v>
      </c>
      <c r="AC6739">
        <v>46764.236629999999</v>
      </c>
      <c r="AD6739">
        <v>39754.480519999997</v>
      </c>
      <c r="AE6739">
        <v>38812.106690000001</v>
      </c>
      <c r="AF6739">
        <v>53169.795319999997</v>
      </c>
      <c r="AG6739">
        <v>24300.042369999999</v>
      </c>
      <c r="AH6739">
        <v>348796.94319999998</v>
      </c>
      <c r="AI6739">
        <v>83834.419169999994</v>
      </c>
      <c r="AJ6739">
        <v>20909.97824</v>
      </c>
      <c r="AK6739">
        <v>28075.018059999999</v>
      </c>
      <c r="AL6739">
        <v>95814.096820000006</v>
      </c>
      <c r="AM6739">
        <v>21895.24195</v>
      </c>
      <c r="AN6739">
        <v>105967.39139999999</v>
      </c>
      <c r="AO6739">
        <v>32228.875049999999</v>
      </c>
      <c r="AP6739">
        <v>17741.65251</v>
      </c>
    </row>
    <row r="6740" spans="2:42" x14ac:dyDescent="0.3">
      <c r="B6740">
        <v>67.184899325747736</v>
      </c>
      <c r="C6740" s="83">
        <v>43381.75</v>
      </c>
      <c r="D6740">
        <v>260455.3603</v>
      </c>
      <c r="E6740">
        <v>28120.191930000001</v>
      </c>
      <c r="F6740">
        <v>93476.489799999996</v>
      </c>
      <c r="G6740">
        <v>52148.018080000002</v>
      </c>
      <c r="H6740">
        <v>44163.34072</v>
      </c>
      <c r="I6740">
        <v>37606.75462</v>
      </c>
      <c r="J6740">
        <v>39198.84218</v>
      </c>
      <c r="K6740">
        <v>50788.689480000001</v>
      </c>
      <c r="L6740">
        <v>25621.587490000002</v>
      </c>
      <c r="M6740">
        <v>342539.94790000003</v>
      </c>
      <c r="N6740">
        <v>81338.057709999994</v>
      </c>
      <c r="O6740">
        <v>19762.510979999999</v>
      </c>
      <c r="P6740">
        <v>31211.879710000001</v>
      </c>
      <c r="Q6740">
        <v>94471.625719999996</v>
      </c>
      <c r="R6740">
        <v>21172.795539999999</v>
      </c>
      <c r="S6740">
        <v>99597.073369999998</v>
      </c>
      <c r="T6740">
        <v>32119.496620000002</v>
      </c>
      <c r="U6740">
        <v>16532.996660000001</v>
      </c>
      <c r="W6740" s="83">
        <f>Bühler!N6772</f>
        <v>45572.749999983658</v>
      </c>
      <c r="X6740" s="83">
        <v>43381.75</v>
      </c>
      <c r="Y6740">
        <v>260455.3603</v>
      </c>
      <c r="Z6740">
        <v>28120.191930000001</v>
      </c>
      <c r="AA6740">
        <v>93476.489799999996</v>
      </c>
      <c r="AB6740">
        <v>52148.018080000002</v>
      </c>
      <c r="AC6740">
        <v>44163.34072</v>
      </c>
      <c r="AD6740">
        <v>37606.75462</v>
      </c>
      <c r="AE6740">
        <v>39198.84218</v>
      </c>
      <c r="AF6740">
        <v>50788.689480000001</v>
      </c>
      <c r="AG6740">
        <v>25621.587490000002</v>
      </c>
      <c r="AH6740">
        <v>342539.94790000003</v>
      </c>
      <c r="AI6740">
        <v>81338.057709999994</v>
      </c>
      <c r="AJ6740">
        <v>19762.510979999999</v>
      </c>
      <c r="AK6740">
        <v>31211.879710000001</v>
      </c>
      <c r="AL6740">
        <v>94471.625719999996</v>
      </c>
      <c r="AM6740">
        <v>21172.795539999999</v>
      </c>
      <c r="AN6740">
        <v>99597.073369999998</v>
      </c>
      <c r="AO6740">
        <v>32119.496620000002</v>
      </c>
      <c r="AP6740">
        <v>16532.996660000001</v>
      </c>
    </row>
    <row r="6741" spans="2:42" x14ac:dyDescent="0.3">
      <c r="B6741">
        <v>65.936449856223803</v>
      </c>
      <c r="C6741" s="83">
        <v>43381.791666666664</v>
      </c>
      <c r="D6741">
        <v>255981.64809999999</v>
      </c>
      <c r="E6741">
        <v>23412.764569999999</v>
      </c>
      <c r="F6741">
        <v>81975.358569999997</v>
      </c>
      <c r="G6741">
        <v>48239.054510000002</v>
      </c>
      <c r="H6741">
        <v>43172.559009999997</v>
      </c>
      <c r="I6741">
        <v>34856.716800000002</v>
      </c>
      <c r="J6741">
        <v>40491.503149999997</v>
      </c>
      <c r="K6741">
        <v>52065.842620000003</v>
      </c>
      <c r="L6741">
        <v>27754.69686</v>
      </c>
      <c r="M6741">
        <v>336174.77029999997</v>
      </c>
      <c r="N6741">
        <v>80675.065050000005</v>
      </c>
      <c r="O6741">
        <v>19433.48904</v>
      </c>
      <c r="P6741">
        <v>34118.866959999999</v>
      </c>
      <c r="Q6741">
        <v>92674.807400000005</v>
      </c>
      <c r="R6741">
        <v>21502.62226</v>
      </c>
      <c r="S6741">
        <v>95489.918690000006</v>
      </c>
      <c r="T6741">
        <v>33033.85353</v>
      </c>
      <c r="U6741">
        <v>16323.71391</v>
      </c>
      <c r="W6741" s="83">
        <f>Bühler!N6773</f>
        <v>45572.791666650322</v>
      </c>
      <c r="X6741" s="83">
        <v>43381.791666666664</v>
      </c>
      <c r="Y6741">
        <v>255981.64809999999</v>
      </c>
      <c r="Z6741">
        <v>23412.764569999999</v>
      </c>
      <c r="AA6741">
        <v>81975.358569999997</v>
      </c>
      <c r="AB6741">
        <v>48239.054510000002</v>
      </c>
      <c r="AC6741">
        <v>43172.559009999997</v>
      </c>
      <c r="AD6741">
        <v>34856.716800000002</v>
      </c>
      <c r="AE6741">
        <v>40491.503149999997</v>
      </c>
      <c r="AF6741">
        <v>52065.842620000003</v>
      </c>
      <c r="AG6741">
        <v>27754.69686</v>
      </c>
      <c r="AH6741">
        <v>336174.77029999997</v>
      </c>
      <c r="AI6741">
        <v>80675.065050000005</v>
      </c>
      <c r="AJ6741">
        <v>19433.48904</v>
      </c>
      <c r="AK6741">
        <v>34118.866959999999</v>
      </c>
      <c r="AL6741">
        <v>92674.807400000005</v>
      </c>
      <c r="AM6741">
        <v>21502.62226</v>
      </c>
      <c r="AN6741">
        <v>95489.918690000006</v>
      </c>
      <c r="AO6741">
        <v>33033.85353</v>
      </c>
      <c r="AP6741">
        <v>16323.71391</v>
      </c>
    </row>
    <row r="6742" spans="2:42" x14ac:dyDescent="0.3">
      <c r="B6742">
        <v>64.741169944331219</v>
      </c>
      <c r="C6742" s="83">
        <v>43381.833333333336</v>
      </c>
      <c r="D6742">
        <v>247294.47219999999</v>
      </c>
      <c r="E6742">
        <v>17815.926869999999</v>
      </c>
      <c r="F6742">
        <v>64909.747239999997</v>
      </c>
      <c r="G6742">
        <v>43034.966690000001</v>
      </c>
      <c r="H6742">
        <v>41299.940750000002</v>
      </c>
      <c r="I6742">
        <v>31246.815999999999</v>
      </c>
      <c r="J6742">
        <v>40221.022570000001</v>
      </c>
      <c r="K6742">
        <v>50964.213929999998</v>
      </c>
      <c r="L6742">
        <v>26849.78846</v>
      </c>
      <c r="M6742">
        <v>330080.67589999997</v>
      </c>
      <c r="N6742">
        <v>77249.642000000007</v>
      </c>
      <c r="O6742">
        <v>18982.301159999999</v>
      </c>
      <c r="P6742">
        <v>33999.603329999998</v>
      </c>
      <c r="Q6742">
        <v>90103.728919999994</v>
      </c>
      <c r="R6742">
        <v>19753.94354</v>
      </c>
      <c r="S6742">
        <v>87753.24368</v>
      </c>
      <c r="T6742">
        <v>31741.53285</v>
      </c>
      <c r="U6742">
        <v>15063.52183</v>
      </c>
      <c r="W6742" s="83">
        <f>Bühler!N6774</f>
        <v>45572.833333316987</v>
      </c>
      <c r="X6742" s="83">
        <v>43381.833333333336</v>
      </c>
      <c r="Y6742">
        <v>247294.47219999999</v>
      </c>
      <c r="Z6742">
        <v>17815.926869999999</v>
      </c>
      <c r="AA6742">
        <v>64909.747239999997</v>
      </c>
      <c r="AB6742">
        <v>43034.966690000001</v>
      </c>
      <c r="AC6742">
        <v>41299.940750000002</v>
      </c>
      <c r="AD6742">
        <v>31246.815999999999</v>
      </c>
      <c r="AE6742">
        <v>40221.022570000001</v>
      </c>
      <c r="AF6742">
        <v>50964.213929999998</v>
      </c>
      <c r="AG6742">
        <v>26849.78846</v>
      </c>
      <c r="AH6742">
        <v>330080.67589999997</v>
      </c>
      <c r="AI6742">
        <v>77249.642000000007</v>
      </c>
      <c r="AJ6742">
        <v>18982.301159999999</v>
      </c>
      <c r="AK6742">
        <v>33999.603329999998</v>
      </c>
      <c r="AL6742">
        <v>90103.728919999994</v>
      </c>
      <c r="AM6742">
        <v>19753.94354</v>
      </c>
      <c r="AN6742">
        <v>87753.24368</v>
      </c>
      <c r="AO6742">
        <v>31741.53285</v>
      </c>
      <c r="AP6742">
        <v>15063.52183</v>
      </c>
    </row>
    <row r="6743" spans="2:42" x14ac:dyDescent="0.3">
      <c r="B6743">
        <v>62.457650701653556</v>
      </c>
      <c r="C6743" s="83">
        <v>43381.875</v>
      </c>
      <c r="D6743">
        <v>235450.8873</v>
      </c>
      <c r="E6743">
        <v>14959.20161</v>
      </c>
      <c r="F6743">
        <v>57070.969060000003</v>
      </c>
      <c r="G6743">
        <v>39456.437689999999</v>
      </c>
      <c r="H6743">
        <v>38971.955600000001</v>
      </c>
      <c r="I6743">
        <v>26663.084220000001</v>
      </c>
      <c r="J6743">
        <v>38284.86507</v>
      </c>
      <c r="K6743">
        <v>48248.45048</v>
      </c>
      <c r="L6743">
        <v>25003.018069999998</v>
      </c>
      <c r="M6743">
        <v>318438.22989999998</v>
      </c>
      <c r="N6743">
        <v>74795.803190000006</v>
      </c>
      <c r="O6743">
        <v>17970.696250000001</v>
      </c>
      <c r="P6743">
        <v>32353.541799999999</v>
      </c>
      <c r="Q6743">
        <v>88110.584709999996</v>
      </c>
      <c r="R6743">
        <v>18665.713609999999</v>
      </c>
      <c r="S6743">
        <v>82144.792870000005</v>
      </c>
      <c r="T6743">
        <v>28519.838489999998</v>
      </c>
      <c r="U6743">
        <v>13808.753210000001</v>
      </c>
      <c r="W6743" s="83">
        <f>Bühler!N6775</f>
        <v>45572.874999983651</v>
      </c>
      <c r="X6743" s="83">
        <v>43381.875</v>
      </c>
      <c r="Y6743">
        <v>235450.8873</v>
      </c>
      <c r="Z6743">
        <v>14959.20161</v>
      </c>
      <c r="AA6743">
        <v>57070.969060000003</v>
      </c>
      <c r="AB6743">
        <v>39456.437689999999</v>
      </c>
      <c r="AC6743">
        <v>38971.955600000001</v>
      </c>
      <c r="AD6743">
        <v>26663.084220000001</v>
      </c>
      <c r="AE6743">
        <v>38284.86507</v>
      </c>
      <c r="AF6743">
        <v>48248.45048</v>
      </c>
      <c r="AG6743">
        <v>25003.018069999998</v>
      </c>
      <c r="AH6743">
        <v>318438.22989999998</v>
      </c>
      <c r="AI6743">
        <v>74795.803190000006</v>
      </c>
      <c r="AJ6743">
        <v>17970.696250000001</v>
      </c>
      <c r="AK6743">
        <v>32353.541799999999</v>
      </c>
      <c r="AL6743">
        <v>88110.584709999996</v>
      </c>
      <c r="AM6743">
        <v>18665.713609999999</v>
      </c>
      <c r="AN6743">
        <v>82144.792870000005</v>
      </c>
      <c r="AO6743">
        <v>28519.838489999998</v>
      </c>
      <c r="AP6743">
        <v>13808.753210000001</v>
      </c>
    </row>
    <row r="6744" spans="2:42" x14ac:dyDescent="0.3">
      <c r="B6744">
        <v>62.14982603542304</v>
      </c>
      <c r="C6744" s="83">
        <v>43381.916666666664</v>
      </c>
      <c r="D6744">
        <v>234762.05840000001</v>
      </c>
      <c r="E6744">
        <v>14297.958640000001</v>
      </c>
      <c r="F6744">
        <v>54733.547180000001</v>
      </c>
      <c r="G6744">
        <v>36665.951889999997</v>
      </c>
      <c r="H6744">
        <v>37329.360159999997</v>
      </c>
      <c r="I6744">
        <v>23833.376799999998</v>
      </c>
      <c r="J6744">
        <v>36446.317909999998</v>
      </c>
      <c r="K6744">
        <v>51571.55257</v>
      </c>
      <c r="L6744">
        <v>22374.08022</v>
      </c>
      <c r="M6744">
        <v>316868.79619999998</v>
      </c>
      <c r="N6744">
        <v>73990.989390000002</v>
      </c>
      <c r="O6744">
        <v>17449.881789999999</v>
      </c>
      <c r="P6744">
        <v>32984.167829999999</v>
      </c>
      <c r="Q6744">
        <v>86799.758379999999</v>
      </c>
      <c r="R6744">
        <v>19845.33754</v>
      </c>
      <c r="S6744">
        <v>79795.466459999996</v>
      </c>
      <c r="T6744">
        <v>24287.49264</v>
      </c>
      <c r="U6744">
        <v>13402.471439999999</v>
      </c>
      <c r="W6744" s="83">
        <f>Bühler!N6776</f>
        <v>45572.916666650315</v>
      </c>
      <c r="X6744" s="83">
        <v>43381.916666666664</v>
      </c>
      <c r="Y6744">
        <v>234762.05840000001</v>
      </c>
      <c r="Z6744">
        <v>14297.958640000001</v>
      </c>
      <c r="AA6744">
        <v>54733.547180000001</v>
      </c>
      <c r="AB6744">
        <v>36665.951889999997</v>
      </c>
      <c r="AC6744">
        <v>37329.360159999997</v>
      </c>
      <c r="AD6744">
        <v>23833.376799999998</v>
      </c>
      <c r="AE6744">
        <v>36446.317909999998</v>
      </c>
      <c r="AF6744">
        <v>51571.55257</v>
      </c>
      <c r="AG6744">
        <v>22374.08022</v>
      </c>
      <c r="AH6744">
        <v>316868.79619999998</v>
      </c>
      <c r="AI6744">
        <v>73990.989390000002</v>
      </c>
      <c r="AJ6744">
        <v>17449.881789999999</v>
      </c>
      <c r="AK6744">
        <v>32984.167829999999</v>
      </c>
      <c r="AL6744">
        <v>86799.758379999999</v>
      </c>
      <c r="AM6744">
        <v>19845.33754</v>
      </c>
      <c r="AN6744">
        <v>79795.466459999996</v>
      </c>
      <c r="AO6744">
        <v>24287.49264</v>
      </c>
      <c r="AP6744">
        <v>13402.471439999999</v>
      </c>
    </row>
    <row r="6745" spans="2:42" x14ac:dyDescent="0.3">
      <c r="B6745">
        <v>62.490140314978426</v>
      </c>
      <c r="C6745" s="83">
        <v>43381.958333333336</v>
      </c>
      <c r="D6745">
        <v>234784.53150000001</v>
      </c>
      <c r="E6745">
        <v>13791.071819999999</v>
      </c>
      <c r="F6745">
        <v>53551.782059999998</v>
      </c>
      <c r="G6745">
        <v>35539.907209999998</v>
      </c>
      <c r="H6745">
        <v>36315.033710000003</v>
      </c>
      <c r="I6745">
        <v>22632.025839999998</v>
      </c>
      <c r="J6745">
        <v>33618.455629999997</v>
      </c>
      <c r="K6745">
        <v>50790.062149999998</v>
      </c>
      <c r="L6745">
        <v>19799.67539</v>
      </c>
      <c r="M6745">
        <v>318603.87709999998</v>
      </c>
      <c r="N6745">
        <v>74039.874989999997</v>
      </c>
      <c r="O6745">
        <v>16840.606039999999</v>
      </c>
      <c r="P6745">
        <v>28174.21614</v>
      </c>
      <c r="Q6745">
        <v>86428.621050000002</v>
      </c>
      <c r="R6745">
        <v>18533.365280000002</v>
      </c>
      <c r="S6745">
        <v>77423.618740000005</v>
      </c>
      <c r="T6745">
        <v>25244.344489999999</v>
      </c>
      <c r="U6745">
        <v>12885.07272</v>
      </c>
      <c r="W6745" s="83">
        <f>Bühler!N6777</f>
        <v>45572.958333316979</v>
      </c>
      <c r="X6745" s="83">
        <v>43381.958333333336</v>
      </c>
      <c r="Y6745">
        <v>234784.53150000001</v>
      </c>
      <c r="Z6745">
        <v>13791.071819999999</v>
      </c>
      <c r="AA6745">
        <v>53551.782059999998</v>
      </c>
      <c r="AB6745">
        <v>35539.907209999998</v>
      </c>
      <c r="AC6745">
        <v>36315.033710000003</v>
      </c>
      <c r="AD6745">
        <v>22632.025839999998</v>
      </c>
      <c r="AE6745">
        <v>33618.455629999997</v>
      </c>
      <c r="AF6745">
        <v>50790.062149999998</v>
      </c>
      <c r="AG6745">
        <v>19799.67539</v>
      </c>
      <c r="AH6745">
        <v>318603.87709999998</v>
      </c>
      <c r="AI6745">
        <v>74039.874989999997</v>
      </c>
      <c r="AJ6745">
        <v>16840.606039999999</v>
      </c>
      <c r="AK6745">
        <v>28174.21614</v>
      </c>
      <c r="AL6745">
        <v>86428.621050000002</v>
      </c>
      <c r="AM6745">
        <v>18533.365280000002</v>
      </c>
      <c r="AN6745">
        <v>77423.618740000005</v>
      </c>
      <c r="AO6745">
        <v>25244.344489999999</v>
      </c>
      <c r="AP6745">
        <v>12885.07272</v>
      </c>
    </row>
    <row r="6746" spans="2:42" x14ac:dyDescent="0.3">
      <c r="B6746">
        <v>61.649779250957636</v>
      </c>
      <c r="C6746" s="83">
        <v>43382</v>
      </c>
      <c r="D6746">
        <v>233104.34650000001</v>
      </c>
      <c r="E6746">
        <v>13402.892309999999</v>
      </c>
      <c r="F6746">
        <v>52736.168729999998</v>
      </c>
      <c r="G6746">
        <v>34328.750800000002</v>
      </c>
      <c r="H6746">
        <v>36007.488640000003</v>
      </c>
      <c r="I6746">
        <v>20879.36202</v>
      </c>
      <c r="J6746">
        <v>31351.775519999999</v>
      </c>
      <c r="K6746">
        <v>48881.040760000004</v>
      </c>
      <c r="L6746">
        <v>17940.87934</v>
      </c>
      <c r="M6746">
        <v>314319.32449999999</v>
      </c>
      <c r="N6746">
        <v>72858.169139999998</v>
      </c>
      <c r="O6746">
        <v>16765.422930000001</v>
      </c>
      <c r="P6746">
        <v>26352.700379999998</v>
      </c>
      <c r="Q6746">
        <v>85864.621549999996</v>
      </c>
      <c r="R6746">
        <v>16786.559280000001</v>
      </c>
      <c r="S6746">
        <v>76486.261029999994</v>
      </c>
      <c r="T6746">
        <v>23644.962240000001</v>
      </c>
      <c r="U6746">
        <v>12295.73306</v>
      </c>
      <c r="W6746" s="83">
        <f>Bühler!N6778</f>
        <v>45572.999999983644</v>
      </c>
      <c r="X6746" s="83">
        <v>43382</v>
      </c>
      <c r="Y6746">
        <v>233104.34650000001</v>
      </c>
      <c r="Z6746">
        <v>13402.892309999999</v>
      </c>
      <c r="AA6746">
        <v>52736.168729999998</v>
      </c>
      <c r="AB6746">
        <v>34328.750800000002</v>
      </c>
      <c r="AC6746">
        <v>36007.488640000003</v>
      </c>
      <c r="AD6746">
        <v>20879.36202</v>
      </c>
      <c r="AE6746">
        <v>31351.775519999999</v>
      </c>
      <c r="AF6746">
        <v>48881.040760000004</v>
      </c>
      <c r="AG6746">
        <v>17940.87934</v>
      </c>
      <c r="AH6746">
        <v>314319.32449999999</v>
      </c>
      <c r="AI6746">
        <v>72858.169139999998</v>
      </c>
      <c r="AJ6746">
        <v>16765.422930000001</v>
      </c>
      <c r="AK6746">
        <v>26352.700379999998</v>
      </c>
      <c r="AL6746">
        <v>85864.621549999996</v>
      </c>
      <c r="AM6746">
        <v>16786.559280000001</v>
      </c>
      <c r="AN6746">
        <v>76486.261029999994</v>
      </c>
      <c r="AO6746">
        <v>23644.962240000001</v>
      </c>
      <c r="AP6746">
        <v>12295.73306</v>
      </c>
    </row>
    <row r="6747" spans="2:42" x14ac:dyDescent="0.3">
      <c r="B6747">
        <v>60.60130456436206</v>
      </c>
      <c r="C6747" s="83">
        <v>43382.041666666664</v>
      </c>
      <c r="D6747">
        <v>233230.27470000001</v>
      </c>
      <c r="E6747">
        <v>13218.265740000001</v>
      </c>
      <c r="F6747">
        <v>53059.387710000003</v>
      </c>
      <c r="G6747">
        <v>33572.663130000001</v>
      </c>
      <c r="H6747">
        <v>35195.337030000002</v>
      </c>
      <c r="I6747">
        <v>17171.830969999999</v>
      </c>
      <c r="J6747">
        <v>30474.717240000002</v>
      </c>
      <c r="K6747">
        <v>47918.347150000001</v>
      </c>
      <c r="L6747">
        <v>17469.7546</v>
      </c>
      <c r="M6747">
        <v>308973.71159999998</v>
      </c>
      <c r="N6747">
        <v>71743.847020000001</v>
      </c>
      <c r="O6747">
        <v>16878.60426</v>
      </c>
      <c r="P6747">
        <v>24756.469779999999</v>
      </c>
      <c r="Q6747">
        <v>86437.208660000004</v>
      </c>
      <c r="R6747">
        <v>15796.306549999999</v>
      </c>
      <c r="S6747">
        <v>74876.655650000001</v>
      </c>
      <c r="T6747">
        <v>23074.851419999999</v>
      </c>
      <c r="U6747">
        <v>12028.43261</v>
      </c>
      <c r="W6747" s="83">
        <f>Bühler!N6779</f>
        <v>45573.041666650308</v>
      </c>
      <c r="X6747" s="83">
        <v>43382.041666666664</v>
      </c>
      <c r="Y6747">
        <v>233230.27470000001</v>
      </c>
      <c r="Z6747">
        <v>13218.265740000001</v>
      </c>
      <c r="AA6747">
        <v>53059.387710000003</v>
      </c>
      <c r="AB6747">
        <v>33572.663130000001</v>
      </c>
      <c r="AC6747">
        <v>35195.337030000002</v>
      </c>
      <c r="AD6747">
        <v>17171.830969999999</v>
      </c>
      <c r="AE6747">
        <v>30474.717240000002</v>
      </c>
      <c r="AF6747">
        <v>47918.347150000001</v>
      </c>
      <c r="AG6747">
        <v>17469.7546</v>
      </c>
      <c r="AH6747">
        <v>308973.71159999998</v>
      </c>
      <c r="AI6747">
        <v>71743.847020000001</v>
      </c>
      <c r="AJ6747">
        <v>16878.60426</v>
      </c>
      <c r="AK6747">
        <v>24756.469779999999</v>
      </c>
      <c r="AL6747">
        <v>86437.208660000004</v>
      </c>
      <c r="AM6747">
        <v>15796.306549999999</v>
      </c>
      <c r="AN6747">
        <v>74876.655650000001</v>
      </c>
      <c r="AO6747">
        <v>23074.851419999999</v>
      </c>
      <c r="AP6747">
        <v>12028.43261</v>
      </c>
    </row>
    <row r="6748" spans="2:42" x14ac:dyDescent="0.3">
      <c r="B6748">
        <v>60.974235789651011</v>
      </c>
      <c r="C6748" s="83">
        <v>43382.083333333336</v>
      </c>
      <c r="D6748">
        <v>231520.3658</v>
      </c>
      <c r="E6748">
        <v>13048.14854</v>
      </c>
      <c r="F6748">
        <v>52862.249830000001</v>
      </c>
      <c r="G6748">
        <v>32940.71499</v>
      </c>
      <c r="H6748">
        <v>34969.841959999998</v>
      </c>
      <c r="I6748">
        <v>15641.622799999999</v>
      </c>
      <c r="J6748">
        <v>29890.250479999999</v>
      </c>
      <c r="K6748">
        <v>46841.374230000001</v>
      </c>
      <c r="L6748">
        <v>17247.981629999998</v>
      </c>
      <c r="M6748">
        <v>310875.08889999997</v>
      </c>
      <c r="N6748">
        <v>71016.406940000001</v>
      </c>
      <c r="O6748">
        <v>15900.41971</v>
      </c>
      <c r="P6748">
        <v>23891.08222</v>
      </c>
      <c r="Q6748">
        <v>88820.879149999993</v>
      </c>
      <c r="R6748">
        <v>16012.71441</v>
      </c>
      <c r="S6748">
        <v>74269.992280000006</v>
      </c>
      <c r="T6748">
        <v>22782.715789999998</v>
      </c>
      <c r="U6748">
        <v>11679.07791</v>
      </c>
      <c r="W6748" s="83">
        <f>Bühler!N6780</f>
        <v>45573.083333316972</v>
      </c>
      <c r="X6748" s="83">
        <v>43382.083333333336</v>
      </c>
      <c r="Y6748">
        <v>231520.3658</v>
      </c>
      <c r="Z6748">
        <v>13048.14854</v>
      </c>
      <c r="AA6748">
        <v>52862.249830000001</v>
      </c>
      <c r="AB6748">
        <v>32940.71499</v>
      </c>
      <c r="AC6748">
        <v>34969.841959999998</v>
      </c>
      <c r="AD6748">
        <v>15641.622799999999</v>
      </c>
      <c r="AE6748">
        <v>29890.250479999999</v>
      </c>
      <c r="AF6748">
        <v>46841.374230000001</v>
      </c>
      <c r="AG6748">
        <v>17247.981629999998</v>
      </c>
      <c r="AH6748">
        <v>310875.08889999997</v>
      </c>
      <c r="AI6748">
        <v>71016.406940000001</v>
      </c>
      <c r="AJ6748">
        <v>15900.41971</v>
      </c>
      <c r="AK6748">
        <v>23891.08222</v>
      </c>
      <c r="AL6748">
        <v>88820.879149999993</v>
      </c>
      <c r="AM6748">
        <v>16012.71441</v>
      </c>
      <c r="AN6748">
        <v>74269.992280000006</v>
      </c>
      <c r="AO6748">
        <v>22782.715789999998</v>
      </c>
      <c r="AP6748">
        <v>11679.07791</v>
      </c>
    </row>
    <row r="6749" spans="2:42" x14ac:dyDescent="0.3">
      <c r="B6749">
        <v>61.904309243500897</v>
      </c>
      <c r="C6749" s="83">
        <v>43382.125</v>
      </c>
      <c r="D6749">
        <v>233586.0324</v>
      </c>
      <c r="E6749">
        <v>13065.911550000001</v>
      </c>
      <c r="F6749">
        <v>53889.39647</v>
      </c>
      <c r="G6749">
        <v>32111.097300000001</v>
      </c>
      <c r="H6749">
        <v>34691.371039999998</v>
      </c>
      <c r="I6749">
        <v>15274.15244</v>
      </c>
      <c r="J6749">
        <v>29829.868569999999</v>
      </c>
      <c r="K6749">
        <v>45127.891669999997</v>
      </c>
      <c r="L6749">
        <v>17287.14085</v>
      </c>
      <c r="M6749">
        <v>315617.03710000002</v>
      </c>
      <c r="N6749">
        <v>71141.725359999997</v>
      </c>
      <c r="O6749">
        <v>16426.197939999998</v>
      </c>
      <c r="P6749">
        <v>22413.01571</v>
      </c>
      <c r="Q6749">
        <v>92142.332720000006</v>
      </c>
      <c r="R6749">
        <v>15314.644979999999</v>
      </c>
      <c r="S6749">
        <v>73504.068610000002</v>
      </c>
      <c r="T6749">
        <v>22664.573899999999</v>
      </c>
      <c r="U6749">
        <v>11568.900310000001</v>
      </c>
      <c r="W6749" s="83">
        <f>Bühler!N6781</f>
        <v>45573.124999983636</v>
      </c>
      <c r="X6749" s="83">
        <v>43382.125</v>
      </c>
      <c r="Y6749">
        <v>233586.0324</v>
      </c>
      <c r="Z6749">
        <v>13065.911550000001</v>
      </c>
      <c r="AA6749">
        <v>53889.39647</v>
      </c>
      <c r="AB6749">
        <v>32111.097300000001</v>
      </c>
      <c r="AC6749">
        <v>34691.371039999998</v>
      </c>
      <c r="AD6749">
        <v>15274.15244</v>
      </c>
      <c r="AE6749">
        <v>29829.868569999999</v>
      </c>
      <c r="AF6749">
        <v>45127.891669999997</v>
      </c>
      <c r="AG6749">
        <v>17287.14085</v>
      </c>
      <c r="AH6749">
        <v>315617.03710000002</v>
      </c>
      <c r="AI6749">
        <v>71141.725359999997</v>
      </c>
      <c r="AJ6749">
        <v>16426.197939999998</v>
      </c>
      <c r="AK6749">
        <v>22413.01571</v>
      </c>
      <c r="AL6749">
        <v>92142.332720000006</v>
      </c>
      <c r="AM6749">
        <v>15314.644979999999</v>
      </c>
      <c r="AN6749">
        <v>73504.068610000002</v>
      </c>
      <c r="AO6749">
        <v>22664.573899999999</v>
      </c>
      <c r="AP6749">
        <v>11568.900310000001</v>
      </c>
    </row>
    <row r="6750" spans="2:42" x14ac:dyDescent="0.3">
      <c r="B6750">
        <v>63.159826563939795</v>
      </c>
      <c r="C6750" s="83">
        <v>43382.166666666664</v>
      </c>
      <c r="D6750">
        <v>235794.4896</v>
      </c>
      <c r="E6750">
        <v>13422.605890000001</v>
      </c>
      <c r="F6750">
        <v>57469.930370000002</v>
      </c>
      <c r="G6750">
        <v>31496.225030000001</v>
      </c>
      <c r="H6750">
        <v>35490.986550000001</v>
      </c>
      <c r="I6750">
        <v>17173.506229999999</v>
      </c>
      <c r="J6750">
        <v>31781.25116</v>
      </c>
      <c r="K6750">
        <v>43118.591370000002</v>
      </c>
      <c r="L6750">
        <v>16979.04306</v>
      </c>
      <c r="M6750">
        <v>322018.2499</v>
      </c>
      <c r="N6750">
        <v>70148.11275</v>
      </c>
      <c r="O6750">
        <v>16761.201290000001</v>
      </c>
      <c r="P6750">
        <v>22492.440480000001</v>
      </c>
      <c r="Q6750">
        <v>96132.99437</v>
      </c>
      <c r="R6750">
        <v>14789.90856</v>
      </c>
      <c r="S6750">
        <v>74088.183390000006</v>
      </c>
      <c r="T6750">
        <v>22149.69067</v>
      </c>
      <c r="U6750">
        <v>11911.933080000001</v>
      </c>
      <c r="W6750" s="83">
        <f>Bühler!N6782</f>
        <v>45573.166666650301</v>
      </c>
      <c r="X6750" s="83">
        <v>43382.166666666664</v>
      </c>
      <c r="Y6750">
        <v>235794.4896</v>
      </c>
      <c r="Z6750">
        <v>13422.605890000001</v>
      </c>
      <c r="AA6750">
        <v>57469.930370000002</v>
      </c>
      <c r="AB6750">
        <v>31496.225030000001</v>
      </c>
      <c r="AC6750">
        <v>35490.986550000001</v>
      </c>
      <c r="AD6750">
        <v>17173.506229999999</v>
      </c>
      <c r="AE6750">
        <v>31781.25116</v>
      </c>
      <c r="AF6750">
        <v>43118.591370000002</v>
      </c>
      <c r="AG6750">
        <v>16979.04306</v>
      </c>
      <c r="AH6750">
        <v>322018.2499</v>
      </c>
      <c r="AI6750">
        <v>70148.11275</v>
      </c>
      <c r="AJ6750">
        <v>16761.201290000001</v>
      </c>
      <c r="AK6750">
        <v>22492.440480000001</v>
      </c>
      <c r="AL6750">
        <v>96132.99437</v>
      </c>
      <c r="AM6750">
        <v>14789.90856</v>
      </c>
      <c r="AN6750">
        <v>74088.183390000006</v>
      </c>
      <c r="AO6750">
        <v>22149.69067</v>
      </c>
      <c r="AP6750">
        <v>11911.933080000001</v>
      </c>
    </row>
    <row r="6751" spans="2:42" x14ac:dyDescent="0.3">
      <c r="B6751">
        <v>65.580443995193889</v>
      </c>
      <c r="C6751" s="83">
        <v>43382.208333333336</v>
      </c>
      <c r="D6751">
        <v>251207.18350000001</v>
      </c>
      <c r="E6751">
        <v>15278.387860000001</v>
      </c>
      <c r="F6751">
        <v>67748.250969999994</v>
      </c>
      <c r="G6751">
        <v>33938.399960000002</v>
      </c>
      <c r="H6751">
        <v>37335.480600000003</v>
      </c>
      <c r="I6751">
        <v>23995.814640000001</v>
      </c>
      <c r="J6751">
        <v>34871.857609999999</v>
      </c>
      <c r="K6751">
        <v>45195.332069999997</v>
      </c>
      <c r="L6751">
        <v>17572.920679999999</v>
      </c>
      <c r="M6751">
        <v>334359.68640000001</v>
      </c>
      <c r="N6751">
        <v>71235.904389999996</v>
      </c>
      <c r="O6751">
        <v>17106.85324</v>
      </c>
      <c r="P6751">
        <v>24071.857090000001</v>
      </c>
      <c r="Q6751">
        <v>99607.920190000004</v>
      </c>
      <c r="R6751">
        <v>15596.048409999999</v>
      </c>
      <c r="S6751">
        <v>76028.285810000001</v>
      </c>
      <c r="T6751">
        <v>23516.227279999999</v>
      </c>
      <c r="U6751">
        <v>13780.20541</v>
      </c>
      <c r="W6751" s="83">
        <f>Bühler!N6783</f>
        <v>45573.208333316965</v>
      </c>
      <c r="X6751" s="83">
        <v>43382.208333333336</v>
      </c>
      <c r="Y6751">
        <v>251207.18350000001</v>
      </c>
      <c r="Z6751">
        <v>15278.387860000001</v>
      </c>
      <c r="AA6751">
        <v>67748.250969999994</v>
      </c>
      <c r="AB6751">
        <v>33938.399960000002</v>
      </c>
      <c r="AC6751">
        <v>37335.480600000003</v>
      </c>
      <c r="AD6751">
        <v>23995.814640000001</v>
      </c>
      <c r="AE6751">
        <v>34871.857609999999</v>
      </c>
      <c r="AF6751">
        <v>45195.332069999997</v>
      </c>
      <c r="AG6751">
        <v>17572.920679999999</v>
      </c>
      <c r="AH6751">
        <v>334359.68640000001</v>
      </c>
      <c r="AI6751">
        <v>71235.904389999996</v>
      </c>
      <c r="AJ6751">
        <v>17106.85324</v>
      </c>
      <c r="AK6751">
        <v>24071.857090000001</v>
      </c>
      <c r="AL6751">
        <v>99607.920190000004</v>
      </c>
      <c r="AM6751">
        <v>15596.048409999999</v>
      </c>
      <c r="AN6751">
        <v>76028.285810000001</v>
      </c>
      <c r="AO6751">
        <v>23516.227279999999</v>
      </c>
      <c r="AP6751">
        <v>13780.20541</v>
      </c>
    </row>
    <row r="6752" spans="2:42" x14ac:dyDescent="0.3">
      <c r="B6752">
        <v>69.058787934441654</v>
      </c>
      <c r="C6752" s="83">
        <v>43382.25</v>
      </c>
      <c r="D6752">
        <v>266334.13819999999</v>
      </c>
      <c r="E6752">
        <v>19502.656070000001</v>
      </c>
      <c r="F6752">
        <v>81142.203529999999</v>
      </c>
      <c r="G6752">
        <v>46999.567660000001</v>
      </c>
      <c r="H6752">
        <v>40720.012560000003</v>
      </c>
      <c r="I6752">
        <v>31863.469939999999</v>
      </c>
      <c r="J6752">
        <v>39767.520400000001</v>
      </c>
      <c r="K6752">
        <v>47772.280019999998</v>
      </c>
      <c r="L6752">
        <v>18515.494409999999</v>
      </c>
      <c r="M6752">
        <v>352093.90590000001</v>
      </c>
      <c r="N6752">
        <v>75363.177410000004</v>
      </c>
      <c r="O6752">
        <v>18825.746340000002</v>
      </c>
      <c r="P6752">
        <v>26286.778190000001</v>
      </c>
      <c r="Q6752">
        <v>100715.5334</v>
      </c>
      <c r="R6752">
        <v>16863.286800000002</v>
      </c>
      <c r="S6752">
        <v>85621.145510000002</v>
      </c>
      <c r="T6752">
        <v>26513.841830000001</v>
      </c>
      <c r="U6752">
        <v>17052.984369999998</v>
      </c>
      <c r="W6752" s="83">
        <f>Bühler!N6784</f>
        <v>45573.249999983629</v>
      </c>
      <c r="X6752" s="83">
        <v>43382.25</v>
      </c>
      <c r="Y6752">
        <v>266334.13819999999</v>
      </c>
      <c r="Z6752">
        <v>19502.656070000001</v>
      </c>
      <c r="AA6752">
        <v>81142.203529999999</v>
      </c>
      <c r="AB6752">
        <v>46999.567660000001</v>
      </c>
      <c r="AC6752">
        <v>40720.012560000003</v>
      </c>
      <c r="AD6752">
        <v>31863.469939999999</v>
      </c>
      <c r="AE6752">
        <v>39767.520400000001</v>
      </c>
      <c r="AF6752">
        <v>47772.280019999998</v>
      </c>
      <c r="AG6752">
        <v>18515.494409999999</v>
      </c>
      <c r="AH6752">
        <v>352093.90590000001</v>
      </c>
      <c r="AI6752">
        <v>75363.177410000004</v>
      </c>
      <c r="AJ6752">
        <v>18825.746340000002</v>
      </c>
      <c r="AK6752">
        <v>26286.778190000001</v>
      </c>
      <c r="AL6752">
        <v>100715.5334</v>
      </c>
      <c r="AM6752">
        <v>16863.286800000002</v>
      </c>
      <c r="AN6752">
        <v>85621.145510000002</v>
      </c>
      <c r="AO6752">
        <v>26513.841830000001</v>
      </c>
      <c r="AP6752">
        <v>17052.984369999998</v>
      </c>
    </row>
    <row r="6753" spans="2:42" x14ac:dyDescent="0.3">
      <c r="B6753">
        <v>71.974239582652118</v>
      </c>
      <c r="C6753" s="83">
        <v>43382.291666666664</v>
      </c>
      <c r="D6753">
        <v>282477.11320000002</v>
      </c>
      <c r="E6753">
        <v>24334.047269999999</v>
      </c>
      <c r="F6753">
        <v>84871.444749999995</v>
      </c>
      <c r="G6753">
        <v>61997.016649999998</v>
      </c>
      <c r="H6753">
        <v>47344.961620000002</v>
      </c>
      <c r="I6753">
        <v>40329.083350000001</v>
      </c>
      <c r="J6753">
        <v>42099.179759999999</v>
      </c>
      <c r="K6753">
        <v>53008.232239999998</v>
      </c>
      <c r="L6753">
        <v>21468.662690000001</v>
      </c>
      <c r="M6753">
        <v>366958.23800000001</v>
      </c>
      <c r="N6753">
        <v>83144.942190000002</v>
      </c>
      <c r="O6753">
        <v>21117.044020000001</v>
      </c>
      <c r="P6753">
        <v>30933.416710000001</v>
      </c>
      <c r="Q6753">
        <v>100380.3999</v>
      </c>
      <c r="R6753">
        <v>20699.812679999999</v>
      </c>
      <c r="S6753">
        <v>102430.00870000001</v>
      </c>
      <c r="T6753">
        <v>28982.425319999998</v>
      </c>
      <c r="U6753">
        <v>22774.95434</v>
      </c>
      <c r="W6753" s="83">
        <f>Bühler!N6785</f>
        <v>45573.291666650293</v>
      </c>
      <c r="X6753" s="83">
        <v>43382.291666666664</v>
      </c>
      <c r="Y6753">
        <v>282477.11320000002</v>
      </c>
      <c r="Z6753">
        <v>24334.047269999999</v>
      </c>
      <c r="AA6753">
        <v>84871.444749999995</v>
      </c>
      <c r="AB6753">
        <v>61997.016649999998</v>
      </c>
      <c r="AC6753">
        <v>47344.961620000002</v>
      </c>
      <c r="AD6753">
        <v>40329.083350000001</v>
      </c>
      <c r="AE6753">
        <v>42099.179759999999</v>
      </c>
      <c r="AF6753">
        <v>53008.232239999998</v>
      </c>
      <c r="AG6753">
        <v>21468.662690000001</v>
      </c>
      <c r="AH6753">
        <v>366958.23800000001</v>
      </c>
      <c r="AI6753">
        <v>83144.942190000002</v>
      </c>
      <c r="AJ6753">
        <v>21117.044020000001</v>
      </c>
      <c r="AK6753">
        <v>30933.416710000001</v>
      </c>
      <c r="AL6753">
        <v>100380.3999</v>
      </c>
      <c r="AM6753">
        <v>20699.812679999999</v>
      </c>
      <c r="AN6753">
        <v>102430.00870000001</v>
      </c>
      <c r="AO6753">
        <v>28982.425319999998</v>
      </c>
      <c r="AP6753">
        <v>22774.95434</v>
      </c>
    </row>
    <row r="6754" spans="2:42" x14ac:dyDescent="0.3">
      <c r="B6754">
        <v>72.129013047273503</v>
      </c>
      <c r="C6754" s="83">
        <v>43382.333333333336</v>
      </c>
      <c r="D6754">
        <v>295156.93219999998</v>
      </c>
      <c r="E6754">
        <v>30197.280879999998</v>
      </c>
      <c r="F6754">
        <v>92579.6823</v>
      </c>
      <c r="G6754">
        <v>81077.777340000001</v>
      </c>
      <c r="H6754">
        <v>51700.033450000003</v>
      </c>
      <c r="I6754">
        <v>44335.40885</v>
      </c>
      <c r="J6754">
        <v>41797.933319999996</v>
      </c>
      <c r="K6754">
        <v>59283.855609999999</v>
      </c>
      <c r="L6754">
        <v>24307.36033</v>
      </c>
      <c r="M6754">
        <v>367747.34529999999</v>
      </c>
      <c r="N6754">
        <v>91325.674870000003</v>
      </c>
      <c r="O6754">
        <v>23571.922439999998</v>
      </c>
      <c r="P6754">
        <v>32875.395020000004</v>
      </c>
      <c r="Q6754">
        <v>100552.0695</v>
      </c>
      <c r="R6754">
        <v>22048.568500000001</v>
      </c>
      <c r="S6754">
        <v>116732.0876</v>
      </c>
      <c r="T6754">
        <v>31887.76586</v>
      </c>
      <c r="U6754">
        <v>26140.741549999999</v>
      </c>
      <c r="W6754" s="83">
        <f>Bühler!N6786</f>
        <v>45573.333333316958</v>
      </c>
      <c r="X6754" s="83">
        <v>43382.333333333336</v>
      </c>
      <c r="Y6754">
        <v>295156.93219999998</v>
      </c>
      <c r="Z6754">
        <v>30197.280879999998</v>
      </c>
      <c r="AA6754">
        <v>92579.6823</v>
      </c>
      <c r="AB6754">
        <v>81077.777340000001</v>
      </c>
      <c r="AC6754">
        <v>51700.033450000003</v>
      </c>
      <c r="AD6754">
        <v>44335.40885</v>
      </c>
      <c r="AE6754">
        <v>41797.933319999996</v>
      </c>
      <c r="AF6754">
        <v>59283.855609999999</v>
      </c>
      <c r="AG6754">
        <v>24307.36033</v>
      </c>
      <c r="AH6754">
        <v>367747.34529999999</v>
      </c>
      <c r="AI6754">
        <v>91325.674870000003</v>
      </c>
      <c r="AJ6754">
        <v>23571.922439999998</v>
      </c>
      <c r="AK6754">
        <v>32875.395020000004</v>
      </c>
      <c r="AL6754">
        <v>100552.0695</v>
      </c>
      <c r="AM6754">
        <v>22048.568500000001</v>
      </c>
      <c r="AN6754">
        <v>116732.0876</v>
      </c>
      <c r="AO6754">
        <v>31887.76586</v>
      </c>
      <c r="AP6754">
        <v>26140.741549999999</v>
      </c>
    </row>
    <row r="6755" spans="2:42" x14ac:dyDescent="0.3">
      <c r="B6755">
        <v>71.878772050387639</v>
      </c>
      <c r="C6755" s="83">
        <v>43382.375</v>
      </c>
      <c r="D6755">
        <v>297582.51949999999</v>
      </c>
      <c r="E6755">
        <v>34194.876530000001</v>
      </c>
      <c r="F6755">
        <v>97721.670440000002</v>
      </c>
      <c r="G6755">
        <v>89828.880579999997</v>
      </c>
      <c r="H6755">
        <v>54012.177559999996</v>
      </c>
      <c r="I6755">
        <v>42367.042370000003</v>
      </c>
      <c r="J6755">
        <v>42124.188880000002</v>
      </c>
      <c r="K6755">
        <v>61342.984669999998</v>
      </c>
      <c r="L6755">
        <v>28044.95751</v>
      </c>
      <c r="M6755">
        <v>366471.5</v>
      </c>
      <c r="N6755">
        <v>93373.544980000006</v>
      </c>
      <c r="O6755">
        <v>24076.69339</v>
      </c>
      <c r="P6755">
        <v>33442.984709999997</v>
      </c>
      <c r="Q6755">
        <v>101079.38189999999</v>
      </c>
      <c r="R6755">
        <v>22697.172159999998</v>
      </c>
      <c r="S6755">
        <v>122625.3798</v>
      </c>
      <c r="T6755">
        <v>34590.69339</v>
      </c>
      <c r="U6755">
        <v>26341.642479999999</v>
      </c>
      <c r="W6755" s="83">
        <f>Bühler!N6787</f>
        <v>45573.374999983622</v>
      </c>
      <c r="X6755" s="83">
        <v>43382.375</v>
      </c>
      <c r="Y6755">
        <v>297582.51949999999</v>
      </c>
      <c r="Z6755">
        <v>34194.876530000001</v>
      </c>
      <c r="AA6755">
        <v>97721.670440000002</v>
      </c>
      <c r="AB6755">
        <v>89828.880579999997</v>
      </c>
      <c r="AC6755">
        <v>54012.177559999996</v>
      </c>
      <c r="AD6755">
        <v>42367.042370000003</v>
      </c>
      <c r="AE6755">
        <v>42124.188880000002</v>
      </c>
      <c r="AF6755">
        <v>61342.984669999998</v>
      </c>
      <c r="AG6755">
        <v>28044.95751</v>
      </c>
      <c r="AH6755">
        <v>366471.5</v>
      </c>
      <c r="AI6755">
        <v>93373.544980000006</v>
      </c>
      <c r="AJ6755">
        <v>24076.69339</v>
      </c>
      <c r="AK6755">
        <v>33442.984709999997</v>
      </c>
      <c r="AL6755">
        <v>101079.38189999999</v>
      </c>
      <c r="AM6755">
        <v>22697.172159999998</v>
      </c>
      <c r="AN6755">
        <v>122625.3798</v>
      </c>
      <c r="AO6755">
        <v>34590.69339</v>
      </c>
      <c r="AP6755">
        <v>26341.642479999999</v>
      </c>
    </row>
    <row r="6756" spans="2:42" x14ac:dyDescent="0.3">
      <c r="B6756">
        <v>72.048774133733261</v>
      </c>
      <c r="C6756" s="83">
        <v>43382.416666666664</v>
      </c>
      <c r="D6756">
        <v>299399.27439999999</v>
      </c>
      <c r="E6756">
        <v>35223.603860000003</v>
      </c>
      <c r="F6756">
        <v>97782.727610000002</v>
      </c>
      <c r="G6756">
        <v>91779.099350000004</v>
      </c>
      <c r="H6756">
        <v>54911.692560000003</v>
      </c>
      <c r="I6756">
        <v>39637.52003</v>
      </c>
      <c r="J6756">
        <v>41883.72309</v>
      </c>
      <c r="K6756">
        <v>61959.834170000002</v>
      </c>
      <c r="L6756">
        <v>30715.019</v>
      </c>
      <c r="M6756">
        <v>367338.2499</v>
      </c>
      <c r="N6756">
        <v>96078.481960000005</v>
      </c>
      <c r="O6756">
        <v>23914.434310000001</v>
      </c>
      <c r="P6756">
        <v>34360.212319999999</v>
      </c>
      <c r="Q6756">
        <v>101906.68919999999</v>
      </c>
      <c r="R6756">
        <v>23370.327959999999</v>
      </c>
      <c r="S6756">
        <v>123229.0561</v>
      </c>
      <c r="T6756">
        <v>36140.38147</v>
      </c>
      <c r="U6756">
        <v>25988.910230000001</v>
      </c>
      <c r="W6756" s="83">
        <f>Bühler!N6788</f>
        <v>45573.416666650286</v>
      </c>
      <c r="X6756" s="83">
        <v>43382.416666666664</v>
      </c>
      <c r="Y6756">
        <v>299399.27439999999</v>
      </c>
      <c r="Z6756">
        <v>35223.603860000003</v>
      </c>
      <c r="AA6756">
        <v>97782.727610000002</v>
      </c>
      <c r="AB6756">
        <v>91779.099350000004</v>
      </c>
      <c r="AC6756">
        <v>54911.692560000003</v>
      </c>
      <c r="AD6756">
        <v>39637.52003</v>
      </c>
      <c r="AE6756">
        <v>41883.72309</v>
      </c>
      <c r="AF6756">
        <v>61959.834170000002</v>
      </c>
      <c r="AG6756">
        <v>30715.019</v>
      </c>
      <c r="AH6756">
        <v>367338.2499</v>
      </c>
      <c r="AI6756">
        <v>96078.481960000005</v>
      </c>
      <c r="AJ6756">
        <v>23914.434310000001</v>
      </c>
      <c r="AK6756">
        <v>34360.212319999999</v>
      </c>
      <c r="AL6756">
        <v>101906.68919999999</v>
      </c>
      <c r="AM6756">
        <v>23370.327959999999</v>
      </c>
      <c r="AN6756">
        <v>123229.0561</v>
      </c>
      <c r="AO6756">
        <v>36140.38147</v>
      </c>
      <c r="AP6756">
        <v>25988.910230000001</v>
      </c>
    </row>
    <row r="6757" spans="2:42" x14ac:dyDescent="0.3">
      <c r="B6757">
        <v>72.188431111389576</v>
      </c>
      <c r="C6757" s="83">
        <v>43382.458333333336</v>
      </c>
      <c r="D6757">
        <v>299602.89860000001</v>
      </c>
      <c r="E6757">
        <v>35374.442040000002</v>
      </c>
      <c r="F6757">
        <v>98435.53628</v>
      </c>
      <c r="G6757">
        <v>89451.503630000007</v>
      </c>
      <c r="H6757">
        <v>54379.996120000003</v>
      </c>
      <c r="I6757">
        <v>38683.406640000001</v>
      </c>
      <c r="J6757">
        <v>41738.443670000001</v>
      </c>
      <c r="K6757">
        <v>63023.978940000001</v>
      </c>
      <c r="L6757">
        <v>30478.2395</v>
      </c>
      <c r="M6757">
        <v>368050.28629999998</v>
      </c>
      <c r="N6757">
        <v>94662.536659999998</v>
      </c>
      <c r="O6757">
        <v>24047.38348</v>
      </c>
      <c r="P6757">
        <v>33371.946940000002</v>
      </c>
      <c r="Q6757">
        <v>101296.7421</v>
      </c>
      <c r="R6757">
        <v>24252.108260000001</v>
      </c>
      <c r="S6757">
        <v>125748.26330000001</v>
      </c>
      <c r="T6757">
        <v>36485.722500000003</v>
      </c>
      <c r="U6757">
        <v>24989.740089999999</v>
      </c>
      <c r="W6757" s="83">
        <f>Bühler!N6789</f>
        <v>45573.45833331695</v>
      </c>
      <c r="X6757" s="83">
        <v>43382.458333333336</v>
      </c>
      <c r="Y6757">
        <v>299602.89860000001</v>
      </c>
      <c r="Z6757">
        <v>35374.442040000002</v>
      </c>
      <c r="AA6757">
        <v>98435.53628</v>
      </c>
      <c r="AB6757">
        <v>89451.503630000007</v>
      </c>
      <c r="AC6757">
        <v>54379.996120000003</v>
      </c>
      <c r="AD6757">
        <v>38683.406640000001</v>
      </c>
      <c r="AE6757">
        <v>41738.443670000001</v>
      </c>
      <c r="AF6757">
        <v>63023.978940000001</v>
      </c>
      <c r="AG6757">
        <v>30478.2395</v>
      </c>
      <c r="AH6757">
        <v>368050.28629999998</v>
      </c>
      <c r="AI6757">
        <v>94662.536659999998</v>
      </c>
      <c r="AJ6757">
        <v>24047.38348</v>
      </c>
      <c r="AK6757">
        <v>33371.946940000002</v>
      </c>
      <c r="AL6757">
        <v>101296.7421</v>
      </c>
      <c r="AM6757">
        <v>24252.108260000001</v>
      </c>
      <c r="AN6757">
        <v>125748.26330000001</v>
      </c>
      <c r="AO6757">
        <v>36485.722500000003</v>
      </c>
      <c r="AP6757">
        <v>24989.740089999999</v>
      </c>
    </row>
    <row r="6758" spans="2:42" x14ac:dyDescent="0.3">
      <c r="B6758">
        <v>71.734857360991342</v>
      </c>
      <c r="C6758" s="83">
        <v>43382.5</v>
      </c>
      <c r="D6758">
        <v>286260.68599999999</v>
      </c>
      <c r="E6758">
        <v>31717.886149999998</v>
      </c>
      <c r="F6758">
        <v>91929.845119999998</v>
      </c>
      <c r="G6758">
        <v>86985.154219999997</v>
      </c>
      <c r="H6758">
        <v>51799.822650000002</v>
      </c>
      <c r="I6758">
        <v>37363.193870000003</v>
      </c>
      <c r="J6758">
        <v>41374.962460000002</v>
      </c>
      <c r="K6758">
        <v>59100.06207</v>
      </c>
      <c r="L6758">
        <v>33277.364650000003</v>
      </c>
      <c r="M6758">
        <v>365737.75579999998</v>
      </c>
      <c r="N6758">
        <v>92302.77188</v>
      </c>
      <c r="O6758">
        <v>23190.03786</v>
      </c>
      <c r="P6758">
        <v>35153.101369999997</v>
      </c>
      <c r="Q6758">
        <v>100629.8395</v>
      </c>
      <c r="R6758">
        <v>26477.781480000001</v>
      </c>
      <c r="S6758">
        <v>119343.7904</v>
      </c>
      <c r="T6758">
        <v>36515.163399999998</v>
      </c>
      <c r="U6758">
        <v>21109.18506</v>
      </c>
      <c r="W6758" s="83">
        <f>Bühler!N6790</f>
        <v>45573.499999983615</v>
      </c>
      <c r="X6758" s="83">
        <v>43382.5</v>
      </c>
      <c r="Y6758">
        <v>286260.68599999999</v>
      </c>
      <c r="Z6758">
        <v>31717.886149999998</v>
      </c>
      <c r="AA6758">
        <v>91929.845119999998</v>
      </c>
      <c r="AB6758">
        <v>86985.154219999997</v>
      </c>
      <c r="AC6758">
        <v>51799.822650000002</v>
      </c>
      <c r="AD6758">
        <v>37363.193870000003</v>
      </c>
      <c r="AE6758">
        <v>41374.962460000002</v>
      </c>
      <c r="AF6758">
        <v>59100.06207</v>
      </c>
      <c r="AG6758">
        <v>33277.364650000003</v>
      </c>
      <c r="AH6758">
        <v>365737.75579999998</v>
      </c>
      <c r="AI6758">
        <v>92302.77188</v>
      </c>
      <c r="AJ6758">
        <v>23190.03786</v>
      </c>
      <c r="AK6758">
        <v>35153.101369999997</v>
      </c>
      <c r="AL6758">
        <v>100629.8395</v>
      </c>
      <c r="AM6758">
        <v>26477.781480000001</v>
      </c>
      <c r="AN6758">
        <v>119343.7904</v>
      </c>
      <c r="AO6758">
        <v>36515.163399999998</v>
      </c>
      <c r="AP6758">
        <v>21109.18506</v>
      </c>
    </row>
    <row r="6759" spans="2:42" x14ac:dyDescent="0.3">
      <c r="B6759">
        <v>71.847273911686884</v>
      </c>
      <c r="C6759" s="83">
        <v>43382.541666666664</v>
      </c>
      <c r="D6759">
        <v>289561.27340000001</v>
      </c>
      <c r="E6759">
        <v>31965.429670000001</v>
      </c>
      <c r="F6759">
        <v>89365.377930000002</v>
      </c>
      <c r="G6759">
        <v>83028.034440000003</v>
      </c>
      <c r="H6759">
        <v>52409.012470000001</v>
      </c>
      <c r="I6759">
        <v>36915.322200000002</v>
      </c>
      <c r="J6759">
        <v>39851.593099999998</v>
      </c>
      <c r="K6759">
        <v>60194.611749999996</v>
      </c>
      <c r="L6759">
        <v>31947.877639999999</v>
      </c>
      <c r="M6759">
        <v>366310.90779999999</v>
      </c>
      <c r="N6759">
        <v>92743.252439999997</v>
      </c>
      <c r="O6759">
        <v>23348.814780000001</v>
      </c>
      <c r="P6759">
        <v>33761.521800000002</v>
      </c>
      <c r="Q6759">
        <v>99216.428279999993</v>
      </c>
      <c r="R6759">
        <v>27278.954590000001</v>
      </c>
      <c r="S6759">
        <v>115934.8269</v>
      </c>
      <c r="T6759">
        <v>35106.428030000003</v>
      </c>
      <c r="U6759">
        <v>21852.605019999999</v>
      </c>
      <c r="W6759" s="83">
        <f>Bühler!N6791</f>
        <v>45573.541666650279</v>
      </c>
      <c r="X6759" s="83">
        <v>43382.541666666664</v>
      </c>
      <c r="Y6759">
        <v>289561.27340000001</v>
      </c>
      <c r="Z6759">
        <v>31965.429670000001</v>
      </c>
      <c r="AA6759">
        <v>89365.377930000002</v>
      </c>
      <c r="AB6759">
        <v>83028.034440000003</v>
      </c>
      <c r="AC6759">
        <v>52409.012470000001</v>
      </c>
      <c r="AD6759">
        <v>36915.322200000002</v>
      </c>
      <c r="AE6759">
        <v>39851.593099999998</v>
      </c>
      <c r="AF6759">
        <v>60194.611749999996</v>
      </c>
      <c r="AG6759">
        <v>31947.877639999999</v>
      </c>
      <c r="AH6759">
        <v>366310.90779999999</v>
      </c>
      <c r="AI6759">
        <v>92743.252439999997</v>
      </c>
      <c r="AJ6759">
        <v>23348.814780000001</v>
      </c>
      <c r="AK6759">
        <v>33761.521800000002</v>
      </c>
      <c r="AL6759">
        <v>99216.428279999993</v>
      </c>
      <c r="AM6759">
        <v>27278.954590000001</v>
      </c>
      <c r="AN6759">
        <v>115934.8269</v>
      </c>
      <c r="AO6759">
        <v>35106.428030000003</v>
      </c>
      <c r="AP6759">
        <v>21852.605019999999</v>
      </c>
    </row>
    <row r="6760" spans="2:42" x14ac:dyDescent="0.3">
      <c r="B6760">
        <v>72.099859358687425</v>
      </c>
      <c r="C6760" s="83">
        <v>43382.583333333336</v>
      </c>
      <c r="D6760">
        <v>291492.33960000001</v>
      </c>
      <c r="E6760">
        <v>35118.402269999999</v>
      </c>
      <c r="F6760">
        <v>97125.176420000003</v>
      </c>
      <c r="G6760">
        <v>78372.394620000006</v>
      </c>
      <c r="H6760">
        <v>51907.88321</v>
      </c>
      <c r="I6760">
        <v>37446.524839999998</v>
      </c>
      <c r="J6760">
        <v>39555.788030000003</v>
      </c>
      <c r="K6760">
        <v>63668.184050000003</v>
      </c>
      <c r="L6760">
        <v>28295.124449999999</v>
      </c>
      <c r="M6760">
        <v>367598.70620000002</v>
      </c>
      <c r="N6760">
        <v>94593.317039999994</v>
      </c>
      <c r="O6760">
        <v>23297.584930000001</v>
      </c>
      <c r="P6760">
        <v>30332.175009999999</v>
      </c>
      <c r="Q6760">
        <v>99433.630120000002</v>
      </c>
      <c r="R6760">
        <v>26178.809499999999</v>
      </c>
      <c r="S6760">
        <v>112551.1345</v>
      </c>
      <c r="T6760">
        <v>34837.099020000001</v>
      </c>
      <c r="U6760">
        <v>22979.467619999999</v>
      </c>
      <c r="W6760" s="83">
        <f>Bühler!N6792</f>
        <v>45573.583333316943</v>
      </c>
      <c r="X6760" s="83">
        <v>43382.583333333336</v>
      </c>
      <c r="Y6760">
        <v>291492.33960000001</v>
      </c>
      <c r="Z6760">
        <v>35118.402269999999</v>
      </c>
      <c r="AA6760">
        <v>97125.176420000003</v>
      </c>
      <c r="AB6760">
        <v>78372.394620000006</v>
      </c>
      <c r="AC6760">
        <v>51907.88321</v>
      </c>
      <c r="AD6760">
        <v>37446.524839999998</v>
      </c>
      <c r="AE6760">
        <v>39555.788030000003</v>
      </c>
      <c r="AF6760">
        <v>63668.184050000003</v>
      </c>
      <c r="AG6760">
        <v>28295.124449999999</v>
      </c>
      <c r="AH6760">
        <v>367598.70620000002</v>
      </c>
      <c r="AI6760">
        <v>94593.317039999994</v>
      </c>
      <c r="AJ6760">
        <v>23297.584930000001</v>
      </c>
      <c r="AK6760">
        <v>30332.175009999999</v>
      </c>
      <c r="AL6760">
        <v>99433.630120000002</v>
      </c>
      <c r="AM6760">
        <v>26178.809499999999</v>
      </c>
      <c r="AN6760">
        <v>112551.1345</v>
      </c>
      <c r="AO6760">
        <v>34837.099020000001</v>
      </c>
      <c r="AP6760">
        <v>22979.467619999999</v>
      </c>
    </row>
    <row r="6761" spans="2:42" x14ac:dyDescent="0.3">
      <c r="B6761">
        <v>71.554331191302637</v>
      </c>
      <c r="C6761" s="83">
        <v>43382.625</v>
      </c>
      <c r="D6761">
        <v>290197.4424</v>
      </c>
      <c r="E6761">
        <v>34869.765679999997</v>
      </c>
      <c r="F6761">
        <v>97958.215660000002</v>
      </c>
      <c r="G6761">
        <v>74964.453550000006</v>
      </c>
      <c r="H6761">
        <v>50933.525139999998</v>
      </c>
      <c r="I6761">
        <v>38608.502379999998</v>
      </c>
      <c r="J6761">
        <v>39213.146189999999</v>
      </c>
      <c r="K6761">
        <v>63328.684639999999</v>
      </c>
      <c r="L6761">
        <v>25665.464660000001</v>
      </c>
      <c r="M6761">
        <v>364817.3492</v>
      </c>
      <c r="N6761">
        <v>93517.016040000002</v>
      </c>
      <c r="O6761">
        <v>23457.966649999998</v>
      </c>
      <c r="P6761">
        <v>28445.973150000002</v>
      </c>
      <c r="Q6761">
        <v>100073.936</v>
      </c>
      <c r="R6761">
        <v>25533.94628</v>
      </c>
      <c r="S6761">
        <v>110412.85950000001</v>
      </c>
      <c r="T6761">
        <v>34075.310830000002</v>
      </c>
      <c r="U6761">
        <v>22019.97898</v>
      </c>
      <c r="W6761" s="83">
        <f>Bühler!N6793</f>
        <v>45573.624999983607</v>
      </c>
      <c r="X6761" s="83">
        <v>43382.625</v>
      </c>
      <c r="Y6761">
        <v>290197.4424</v>
      </c>
      <c r="Z6761">
        <v>34869.765679999997</v>
      </c>
      <c r="AA6761">
        <v>97958.215660000002</v>
      </c>
      <c r="AB6761">
        <v>74964.453550000006</v>
      </c>
      <c r="AC6761">
        <v>50933.525139999998</v>
      </c>
      <c r="AD6761">
        <v>38608.502379999998</v>
      </c>
      <c r="AE6761">
        <v>39213.146189999999</v>
      </c>
      <c r="AF6761">
        <v>63328.684639999999</v>
      </c>
      <c r="AG6761">
        <v>25665.464660000001</v>
      </c>
      <c r="AH6761">
        <v>364817.3492</v>
      </c>
      <c r="AI6761">
        <v>93517.016040000002</v>
      </c>
      <c r="AJ6761">
        <v>23457.966649999998</v>
      </c>
      <c r="AK6761">
        <v>28445.973150000002</v>
      </c>
      <c r="AL6761">
        <v>100073.936</v>
      </c>
      <c r="AM6761">
        <v>25533.94628</v>
      </c>
      <c r="AN6761">
        <v>110412.85950000001</v>
      </c>
      <c r="AO6761">
        <v>34075.310830000002</v>
      </c>
      <c r="AP6761">
        <v>22019.97898</v>
      </c>
    </row>
    <row r="6762" spans="2:42" x14ac:dyDescent="0.3">
      <c r="B6762">
        <v>70.491247209478999</v>
      </c>
      <c r="C6762" s="83">
        <v>43382.666666666664</v>
      </c>
      <c r="D6762">
        <v>282725.8308</v>
      </c>
      <c r="E6762">
        <v>34027.916490000003</v>
      </c>
      <c r="F6762">
        <v>97438.023209999999</v>
      </c>
      <c r="G6762">
        <v>70512.494829999996</v>
      </c>
      <c r="H6762">
        <v>49092.169880000001</v>
      </c>
      <c r="I6762">
        <v>39425.848149999998</v>
      </c>
      <c r="J6762">
        <v>38507.646079999999</v>
      </c>
      <c r="K6762">
        <v>60089.753629999999</v>
      </c>
      <c r="L6762">
        <v>24249.203219999999</v>
      </c>
      <c r="M6762">
        <v>359397.2513</v>
      </c>
      <c r="N6762">
        <v>92101.559670000002</v>
      </c>
      <c r="O6762">
        <v>22746.433720000001</v>
      </c>
      <c r="P6762">
        <v>27622.4928</v>
      </c>
      <c r="Q6762">
        <v>98190.10454</v>
      </c>
      <c r="R6762">
        <v>25639.81494</v>
      </c>
      <c r="S6762">
        <v>106281.6345</v>
      </c>
      <c r="T6762">
        <v>33155.636180000001</v>
      </c>
      <c r="U6762">
        <v>20878.249889999999</v>
      </c>
      <c r="W6762" s="83">
        <f>Bühler!N6794</f>
        <v>45573.666666650272</v>
      </c>
      <c r="X6762" s="83">
        <v>43382.666666666664</v>
      </c>
      <c r="Y6762">
        <v>282725.8308</v>
      </c>
      <c r="Z6762">
        <v>34027.916490000003</v>
      </c>
      <c r="AA6762">
        <v>97438.023209999999</v>
      </c>
      <c r="AB6762">
        <v>70512.494829999996</v>
      </c>
      <c r="AC6762">
        <v>49092.169880000001</v>
      </c>
      <c r="AD6762">
        <v>39425.848149999998</v>
      </c>
      <c r="AE6762">
        <v>38507.646079999999</v>
      </c>
      <c r="AF6762">
        <v>60089.753629999999</v>
      </c>
      <c r="AG6762">
        <v>24249.203219999999</v>
      </c>
      <c r="AH6762">
        <v>359397.2513</v>
      </c>
      <c r="AI6762">
        <v>92101.559670000002</v>
      </c>
      <c r="AJ6762">
        <v>22746.433720000001</v>
      </c>
      <c r="AK6762">
        <v>27622.4928</v>
      </c>
      <c r="AL6762">
        <v>98190.10454</v>
      </c>
      <c r="AM6762">
        <v>25639.81494</v>
      </c>
      <c r="AN6762">
        <v>106281.6345</v>
      </c>
      <c r="AO6762">
        <v>33155.636180000001</v>
      </c>
      <c r="AP6762">
        <v>20878.249889999999</v>
      </c>
    </row>
    <row r="6763" spans="2:42" x14ac:dyDescent="0.3">
      <c r="B6763">
        <v>69.240329997862432</v>
      </c>
      <c r="C6763" s="83">
        <v>43382.708333333336</v>
      </c>
      <c r="D6763">
        <v>272196.72289999999</v>
      </c>
      <c r="E6763">
        <v>31943.582139999999</v>
      </c>
      <c r="F6763">
        <v>97027.373940000005</v>
      </c>
      <c r="G6763">
        <v>61156.027260000003</v>
      </c>
      <c r="H6763">
        <v>46982.664250000002</v>
      </c>
      <c r="I6763">
        <v>38035.390549999996</v>
      </c>
      <c r="J6763">
        <v>38129.117030000001</v>
      </c>
      <c r="K6763">
        <v>53888.954259999999</v>
      </c>
      <c r="L6763">
        <v>24087.80962</v>
      </c>
      <c r="M6763">
        <v>353019.49200000003</v>
      </c>
      <c r="N6763">
        <v>87356.71041</v>
      </c>
      <c r="O6763">
        <v>21523.352129999999</v>
      </c>
      <c r="P6763">
        <v>28695.13841</v>
      </c>
      <c r="Q6763">
        <v>96328.703519999995</v>
      </c>
      <c r="R6763">
        <v>23494.962899999999</v>
      </c>
      <c r="S6763">
        <v>103003.0214</v>
      </c>
      <c r="T6763">
        <v>32668.249469999999</v>
      </c>
      <c r="U6763">
        <v>18109.51756</v>
      </c>
      <c r="W6763" s="83">
        <f>Bühler!N6795</f>
        <v>45573.708333316936</v>
      </c>
      <c r="X6763" s="83">
        <v>43382.708333333336</v>
      </c>
      <c r="Y6763">
        <v>272196.72289999999</v>
      </c>
      <c r="Z6763">
        <v>31943.582139999999</v>
      </c>
      <c r="AA6763">
        <v>97027.373940000005</v>
      </c>
      <c r="AB6763">
        <v>61156.027260000003</v>
      </c>
      <c r="AC6763">
        <v>46982.664250000002</v>
      </c>
      <c r="AD6763">
        <v>38035.390549999996</v>
      </c>
      <c r="AE6763">
        <v>38129.117030000001</v>
      </c>
      <c r="AF6763">
        <v>53888.954259999999</v>
      </c>
      <c r="AG6763">
        <v>24087.80962</v>
      </c>
      <c r="AH6763">
        <v>353019.49200000003</v>
      </c>
      <c r="AI6763">
        <v>87356.71041</v>
      </c>
      <c r="AJ6763">
        <v>21523.352129999999</v>
      </c>
      <c r="AK6763">
        <v>28695.13841</v>
      </c>
      <c r="AL6763">
        <v>96328.703519999995</v>
      </c>
      <c r="AM6763">
        <v>23494.962899999999</v>
      </c>
      <c r="AN6763">
        <v>103003.0214</v>
      </c>
      <c r="AO6763">
        <v>32668.249469999999</v>
      </c>
      <c r="AP6763">
        <v>18109.51756</v>
      </c>
    </row>
    <row r="6764" spans="2:42" x14ac:dyDescent="0.3">
      <c r="B6764">
        <v>67.914252419520167</v>
      </c>
      <c r="C6764" s="83">
        <v>43382.75</v>
      </c>
      <c r="D6764">
        <v>265017.2292</v>
      </c>
      <c r="E6764">
        <v>28562.529170000002</v>
      </c>
      <c r="F6764">
        <v>94717.75692</v>
      </c>
      <c r="G6764">
        <v>51742.781219999997</v>
      </c>
      <c r="H6764">
        <v>44581.965819999998</v>
      </c>
      <c r="I6764">
        <v>36933.279979999999</v>
      </c>
      <c r="J6764">
        <v>38426.51253</v>
      </c>
      <c r="K6764">
        <v>52794.903079999996</v>
      </c>
      <c r="L6764">
        <v>25853.891599999999</v>
      </c>
      <c r="M6764">
        <v>346258.53009999997</v>
      </c>
      <c r="N6764">
        <v>85213.688070000004</v>
      </c>
      <c r="O6764">
        <v>20276.712019999999</v>
      </c>
      <c r="P6764">
        <v>32164.774939999999</v>
      </c>
      <c r="Q6764">
        <v>94747.224780000004</v>
      </c>
      <c r="R6764">
        <v>23220.484130000001</v>
      </c>
      <c r="S6764">
        <v>96902.457399999999</v>
      </c>
      <c r="T6764">
        <v>32489.133730000001</v>
      </c>
      <c r="U6764">
        <v>15929.104950000001</v>
      </c>
      <c r="W6764" s="83">
        <f>Bühler!N6796</f>
        <v>45573.7499999836</v>
      </c>
      <c r="X6764" s="83">
        <v>43382.75</v>
      </c>
      <c r="Y6764">
        <v>265017.2292</v>
      </c>
      <c r="Z6764">
        <v>28562.529170000002</v>
      </c>
      <c r="AA6764">
        <v>94717.75692</v>
      </c>
      <c r="AB6764">
        <v>51742.781219999997</v>
      </c>
      <c r="AC6764">
        <v>44581.965819999998</v>
      </c>
      <c r="AD6764">
        <v>36933.279979999999</v>
      </c>
      <c r="AE6764">
        <v>38426.51253</v>
      </c>
      <c r="AF6764">
        <v>52794.903079999996</v>
      </c>
      <c r="AG6764">
        <v>25853.891599999999</v>
      </c>
      <c r="AH6764">
        <v>346258.53009999997</v>
      </c>
      <c r="AI6764">
        <v>85213.688070000004</v>
      </c>
      <c r="AJ6764">
        <v>20276.712019999999</v>
      </c>
      <c r="AK6764">
        <v>32164.774939999999</v>
      </c>
      <c r="AL6764">
        <v>94747.224780000004</v>
      </c>
      <c r="AM6764">
        <v>23220.484130000001</v>
      </c>
      <c r="AN6764">
        <v>96902.457399999999</v>
      </c>
      <c r="AO6764">
        <v>32489.133730000001</v>
      </c>
      <c r="AP6764">
        <v>15929.104950000001</v>
      </c>
    </row>
    <row r="6765" spans="2:42" x14ac:dyDescent="0.3">
      <c r="B6765">
        <v>66.904998488067079</v>
      </c>
      <c r="C6765" s="83">
        <v>43382.791666666664</v>
      </c>
      <c r="D6765">
        <v>259526.83290000001</v>
      </c>
      <c r="E6765">
        <v>23585.027119999999</v>
      </c>
      <c r="F6765">
        <v>82987.847299999994</v>
      </c>
      <c r="G6765">
        <v>47697.906849999999</v>
      </c>
      <c r="H6765">
        <v>43379.963459999999</v>
      </c>
      <c r="I6765">
        <v>34610.00402</v>
      </c>
      <c r="J6765">
        <v>39395.330609999997</v>
      </c>
      <c r="K6765">
        <v>52448.649790000003</v>
      </c>
      <c r="L6765">
        <v>27694.844949999999</v>
      </c>
      <c r="M6765">
        <v>341112.88290000003</v>
      </c>
      <c r="N6765">
        <v>83211.248869999996</v>
      </c>
      <c r="O6765">
        <v>19496.825769999999</v>
      </c>
      <c r="P6765">
        <v>36156.296119999999</v>
      </c>
      <c r="Q6765">
        <v>92393.701520000002</v>
      </c>
      <c r="R6765">
        <v>23280.63034</v>
      </c>
      <c r="S6765">
        <v>94109.99841</v>
      </c>
      <c r="T6765">
        <v>34295.505649999999</v>
      </c>
      <c r="U6765">
        <v>16192.391540000001</v>
      </c>
      <c r="W6765" s="83">
        <f>Bühler!N6797</f>
        <v>45573.791666650264</v>
      </c>
      <c r="X6765" s="83">
        <v>43382.791666666664</v>
      </c>
      <c r="Y6765">
        <v>259526.83290000001</v>
      </c>
      <c r="Z6765">
        <v>23585.027119999999</v>
      </c>
      <c r="AA6765">
        <v>82987.847299999994</v>
      </c>
      <c r="AB6765">
        <v>47697.906849999999</v>
      </c>
      <c r="AC6765">
        <v>43379.963459999999</v>
      </c>
      <c r="AD6765">
        <v>34610.00402</v>
      </c>
      <c r="AE6765">
        <v>39395.330609999997</v>
      </c>
      <c r="AF6765">
        <v>52448.649790000003</v>
      </c>
      <c r="AG6765">
        <v>27694.844949999999</v>
      </c>
      <c r="AH6765">
        <v>341112.88290000003</v>
      </c>
      <c r="AI6765">
        <v>83211.248869999996</v>
      </c>
      <c r="AJ6765">
        <v>19496.825769999999</v>
      </c>
      <c r="AK6765">
        <v>36156.296119999999</v>
      </c>
      <c r="AL6765">
        <v>92393.701520000002</v>
      </c>
      <c r="AM6765">
        <v>23280.63034</v>
      </c>
      <c r="AN6765">
        <v>94109.99841</v>
      </c>
      <c r="AO6765">
        <v>34295.505649999999</v>
      </c>
      <c r="AP6765">
        <v>16192.391540000001</v>
      </c>
    </row>
    <row r="6766" spans="2:42" x14ac:dyDescent="0.3">
      <c r="B6766">
        <v>65.310291049656996</v>
      </c>
      <c r="C6766" s="83">
        <v>43382.833333333336</v>
      </c>
      <c r="D6766">
        <v>250191.80059999999</v>
      </c>
      <c r="E6766">
        <v>18527.361840000001</v>
      </c>
      <c r="F6766">
        <v>65361.464050000002</v>
      </c>
      <c r="G6766">
        <v>43086.580560000002</v>
      </c>
      <c r="H6766">
        <v>41935.941429999999</v>
      </c>
      <c r="I6766">
        <v>30901.194749999999</v>
      </c>
      <c r="J6766">
        <v>39634.035340000002</v>
      </c>
      <c r="K6766">
        <v>50876.838880000003</v>
      </c>
      <c r="L6766">
        <v>26504.436529999999</v>
      </c>
      <c r="M6766">
        <v>332982.32069999998</v>
      </c>
      <c r="N6766">
        <v>80021.614379999999</v>
      </c>
      <c r="O6766">
        <v>19313.116699999999</v>
      </c>
      <c r="P6766">
        <v>36578.788090000002</v>
      </c>
      <c r="Q6766">
        <v>90118.460479999994</v>
      </c>
      <c r="R6766">
        <v>21851.98315</v>
      </c>
      <c r="S6766">
        <v>86462.089460000003</v>
      </c>
      <c r="T6766">
        <v>33389.558649999999</v>
      </c>
      <c r="U6766">
        <v>14786.55946</v>
      </c>
      <c r="W6766" s="83">
        <f>Bühler!N6798</f>
        <v>45573.833333316928</v>
      </c>
      <c r="X6766" s="83">
        <v>43382.833333333336</v>
      </c>
      <c r="Y6766">
        <v>250191.80059999999</v>
      </c>
      <c r="Z6766">
        <v>18527.361840000001</v>
      </c>
      <c r="AA6766">
        <v>65361.464050000002</v>
      </c>
      <c r="AB6766">
        <v>43086.580560000002</v>
      </c>
      <c r="AC6766">
        <v>41935.941429999999</v>
      </c>
      <c r="AD6766">
        <v>30901.194749999999</v>
      </c>
      <c r="AE6766">
        <v>39634.035340000002</v>
      </c>
      <c r="AF6766">
        <v>50876.838880000003</v>
      </c>
      <c r="AG6766">
        <v>26504.436529999999</v>
      </c>
      <c r="AH6766">
        <v>332982.32069999998</v>
      </c>
      <c r="AI6766">
        <v>80021.614379999999</v>
      </c>
      <c r="AJ6766">
        <v>19313.116699999999</v>
      </c>
      <c r="AK6766">
        <v>36578.788090000002</v>
      </c>
      <c r="AL6766">
        <v>90118.460479999994</v>
      </c>
      <c r="AM6766">
        <v>21851.98315</v>
      </c>
      <c r="AN6766">
        <v>86462.089460000003</v>
      </c>
      <c r="AO6766">
        <v>33389.558649999999</v>
      </c>
      <c r="AP6766">
        <v>14786.55946</v>
      </c>
    </row>
    <row r="6767" spans="2:42" x14ac:dyDescent="0.3">
      <c r="B6767">
        <v>63.165149262606391</v>
      </c>
      <c r="C6767" s="83">
        <v>43382.875</v>
      </c>
      <c r="D6767">
        <v>238453.05379999999</v>
      </c>
      <c r="E6767">
        <v>15335.25438</v>
      </c>
      <c r="F6767">
        <v>57146.452720000001</v>
      </c>
      <c r="G6767">
        <v>38932.395969999998</v>
      </c>
      <c r="H6767">
        <v>38971.282180000002</v>
      </c>
      <c r="I6767">
        <v>26848.095549999998</v>
      </c>
      <c r="J6767">
        <v>38251.500469999999</v>
      </c>
      <c r="K6767">
        <v>50215.656300000002</v>
      </c>
      <c r="L6767">
        <v>24837.68406</v>
      </c>
      <c r="M6767">
        <v>322045.38750000001</v>
      </c>
      <c r="N6767">
        <v>77439.945139999996</v>
      </c>
      <c r="O6767">
        <v>17557.93259</v>
      </c>
      <c r="P6767">
        <v>34206.699209999999</v>
      </c>
      <c r="Q6767">
        <v>87905.26801</v>
      </c>
      <c r="R6767">
        <v>20405.312000000002</v>
      </c>
      <c r="S6767">
        <v>80326.358529999998</v>
      </c>
      <c r="T6767">
        <v>29643.135409999999</v>
      </c>
      <c r="U6767">
        <v>13311.663</v>
      </c>
      <c r="W6767" s="83">
        <f>Bühler!N6799</f>
        <v>45573.874999983593</v>
      </c>
      <c r="X6767" s="83">
        <v>43382.875</v>
      </c>
      <c r="Y6767">
        <v>238453.05379999999</v>
      </c>
      <c r="Z6767">
        <v>15335.25438</v>
      </c>
      <c r="AA6767">
        <v>57146.452720000001</v>
      </c>
      <c r="AB6767">
        <v>38932.395969999998</v>
      </c>
      <c r="AC6767">
        <v>38971.282180000002</v>
      </c>
      <c r="AD6767">
        <v>26848.095549999998</v>
      </c>
      <c r="AE6767">
        <v>38251.500469999999</v>
      </c>
      <c r="AF6767">
        <v>50215.656300000002</v>
      </c>
      <c r="AG6767">
        <v>24837.68406</v>
      </c>
      <c r="AH6767">
        <v>322045.38750000001</v>
      </c>
      <c r="AI6767">
        <v>77439.945139999996</v>
      </c>
      <c r="AJ6767">
        <v>17557.93259</v>
      </c>
      <c r="AK6767">
        <v>34206.699209999999</v>
      </c>
      <c r="AL6767">
        <v>87905.26801</v>
      </c>
      <c r="AM6767">
        <v>20405.312000000002</v>
      </c>
      <c r="AN6767">
        <v>80326.358529999998</v>
      </c>
      <c r="AO6767">
        <v>29643.135409999999</v>
      </c>
      <c r="AP6767">
        <v>13311.663</v>
      </c>
    </row>
    <row r="6768" spans="2:42" x14ac:dyDescent="0.3">
      <c r="B6768">
        <v>62.15010235381088</v>
      </c>
      <c r="C6768" s="83">
        <v>43382.916666666664</v>
      </c>
      <c r="D6768">
        <v>235704.76240000001</v>
      </c>
      <c r="E6768">
        <v>14456.603359999999</v>
      </c>
      <c r="F6768">
        <v>54722.336430000003</v>
      </c>
      <c r="G6768">
        <v>36465.33625</v>
      </c>
      <c r="H6768">
        <v>37240.342579999997</v>
      </c>
      <c r="I6768">
        <v>24395.551520000001</v>
      </c>
      <c r="J6768">
        <v>36785.311569999998</v>
      </c>
      <c r="K6768">
        <v>53288.15137</v>
      </c>
      <c r="L6768">
        <v>22101.41791</v>
      </c>
      <c r="M6768">
        <v>316870.20500000002</v>
      </c>
      <c r="N6768">
        <v>75530.015100000004</v>
      </c>
      <c r="O6768">
        <v>17290.509539999999</v>
      </c>
      <c r="P6768">
        <v>34899.397510000003</v>
      </c>
      <c r="Q6768">
        <v>86620.460600000006</v>
      </c>
      <c r="R6768">
        <v>21337.872820000001</v>
      </c>
      <c r="S6768">
        <v>78482.935389999999</v>
      </c>
      <c r="T6768">
        <v>25340.42971</v>
      </c>
      <c r="U6768">
        <v>13151.44089</v>
      </c>
      <c r="W6768" s="83">
        <f>Bühler!N6800</f>
        <v>45573.916666650257</v>
      </c>
      <c r="X6768" s="83">
        <v>43382.916666666664</v>
      </c>
      <c r="Y6768">
        <v>235704.76240000001</v>
      </c>
      <c r="Z6768">
        <v>14456.603359999999</v>
      </c>
      <c r="AA6768">
        <v>54722.336430000003</v>
      </c>
      <c r="AB6768">
        <v>36465.33625</v>
      </c>
      <c r="AC6768">
        <v>37240.342579999997</v>
      </c>
      <c r="AD6768">
        <v>24395.551520000001</v>
      </c>
      <c r="AE6768">
        <v>36785.311569999998</v>
      </c>
      <c r="AF6768">
        <v>53288.15137</v>
      </c>
      <c r="AG6768">
        <v>22101.41791</v>
      </c>
      <c r="AH6768">
        <v>316870.20500000002</v>
      </c>
      <c r="AI6768">
        <v>75530.015100000004</v>
      </c>
      <c r="AJ6768">
        <v>17290.509539999999</v>
      </c>
      <c r="AK6768">
        <v>34899.397510000003</v>
      </c>
      <c r="AL6768">
        <v>86620.460600000006</v>
      </c>
      <c r="AM6768">
        <v>21337.872820000001</v>
      </c>
      <c r="AN6768">
        <v>78482.935389999999</v>
      </c>
      <c r="AO6768">
        <v>25340.42971</v>
      </c>
      <c r="AP6768">
        <v>13151.44089</v>
      </c>
    </row>
    <row r="6769" spans="2:42" x14ac:dyDescent="0.3">
      <c r="B6769">
        <v>61.534393768237287</v>
      </c>
      <c r="C6769" s="83">
        <v>43382.958333333336</v>
      </c>
      <c r="D6769">
        <v>236471.84599999999</v>
      </c>
      <c r="E6769">
        <v>13938.77966</v>
      </c>
      <c r="F6769">
        <v>53482.538030000003</v>
      </c>
      <c r="G6769">
        <v>35213.165719999997</v>
      </c>
      <c r="H6769">
        <v>36122.564579999998</v>
      </c>
      <c r="I6769">
        <v>23194.957170000001</v>
      </c>
      <c r="J6769">
        <v>33694.783439999999</v>
      </c>
      <c r="K6769">
        <v>51901.477270000003</v>
      </c>
      <c r="L6769">
        <v>19158.081279999999</v>
      </c>
      <c r="M6769">
        <v>313731.0355</v>
      </c>
      <c r="N6769">
        <v>75471.277149999994</v>
      </c>
      <c r="O6769">
        <v>17226.524519999999</v>
      </c>
      <c r="P6769">
        <v>30172.260679999999</v>
      </c>
      <c r="Q6769">
        <v>86073.602960000004</v>
      </c>
      <c r="R6769">
        <v>20334.66732</v>
      </c>
      <c r="S6769">
        <v>76695.208499999993</v>
      </c>
      <c r="T6769">
        <v>25997.188849999999</v>
      </c>
      <c r="U6769">
        <v>12413.71514</v>
      </c>
      <c r="W6769" s="83">
        <f>Bühler!N6801</f>
        <v>45573.958333316921</v>
      </c>
      <c r="X6769" s="83">
        <v>43382.958333333336</v>
      </c>
      <c r="Y6769">
        <v>236471.84599999999</v>
      </c>
      <c r="Z6769">
        <v>13938.77966</v>
      </c>
      <c r="AA6769">
        <v>53482.538030000003</v>
      </c>
      <c r="AB6769">
        <v>35213.165719999997</v>
      </c>
      <c r="AC6769">
        <v>36122.564579999998</v>
      </c>
      <c r="AD6769">
        <v>23194.957170000001</v>
      </c>
      <c r="AE6769">
        <v>33694.783439999999</v>
      </c>
      <c r="AF6769">
        <v>51901.477270000003</v>
      </c>
      <c r="AG6769">
        <v>19158.081279999999</v>
      </c>
      <c r="AH6769">
        <v>313731.0355</v>
      </c>
      <c r="AI6769">
        <v>75471.277149999994</v>
      </c>
      <c r="AJ6769">
        <v>17226.524519999999</v>
      </c>
      <c r="AK6769">
        <v>30172.260679999999</v>
      </c>
      <c r="AL6769">
        <v>86073.602960000004</v>
      </c>
      <c r="AM6769">
        <v>20334.66732</v>
      </c>
      <c r="AN6769">
        <v>76695.208499999993</v>
      </c>
      <c r="AO6769">
        <v>25997.188849999999</v>
      </c>
      <c r="AP6769">
        <v>12413.71514</v>
      </c>
    </row>
    <row r="6770" spans="2:42" x14ac:dyDescent="0.3">
      <c r="B6770">
        <v>60.464877518786388</v>
      </c>
      <c r="C6770" s="83">
        <v>43383</v>
      </c>
      <c r="D6770">
        <v>235012.42300000001</v>
      </c>
      <c r="E6770">
        <v>13426.283450000001</v>
      </c>
      <c r="F6770">
        <v>52426.262799999997</v>
      </c>
      <c r="G6770">
        <v>34173.490850000002</v>
      </c>
      <c r="H6770">
        <v>35525.686809999999</v>
      </c>
      <c r="I6770">
        <v>21307.64457</v>
      </c>
      <c r="J6770">
        <v>30970.12961</v>
      </c>
      <c r="K6770">
        <v>50683.845430000001</v>
      </c>
      <c r="L6770">
        <v>18006.590960000001</v>
      </c>
      <c r="M6770">
        <v>308278.14289999998</v>
      </c>
      <c r="N6770">
        <v>74186.505109999998</v>
      </c>
      <c r="O6770">
        <v>16770.940549999999</v>
      </c>
      <c r="P6770">
        <v>26669.49207</v>
      </c>
      <c r="Q6770">
        <v>86956.714110000001</v>
      </c>
      <c r="R6770">
        <v>18463.373530000001</v>
      </c>
      <c r="S6770">
        <v>75117.494359999997</v>
      </c>
      <c r="T6770">
        <v>24190.556680000002</v>
      </c>
      <c r="U6770">
        <v>12048.676649999999</v>
      </c>
      <c r="W6770" s="83">
        <f>Bühler!N6802</f>
        <v>45573.999999983585</v>
      </c>
      <c r="X6770" s="83">
        <v>43383</v>
      </c>
      <c r="Y6770">
        <v>235012.42300000001</v>
      </c>
      <c r="Z6770">
        <v>13426.283450000001</v>
      </c>
      <c r="AA6770">
        <v>52426.262799999997</v>
      </c>
      <c r="AB6770">
        <v>34173.490850000002</v>
      </c>
      <c r="AC6770">
        <v>35525.686809999999</v>
      </c>
      <c r="AD6770">
        <v>21307.64457</v>
      </c>
      <c r="AE6770">
        <v>30970.12961</v>
      </c>
      <c r="AF6770">
        <v>50683.845430000001</v>
      </c>
      <c r="AG6770">
        <v>18006.590960000001</v>
      </c>
      <c r="AH6770">
        <v>308278.14289999998</v>
      </c>
      <c r="AI6770">
        <v>74186.505109999998</v>
      </c>
      <c r="AJ6770">
        <v>16770.940549999999</v>
      </c>
      <c r="AK6770">
        <v>26669.49207</v>
      </c>
      <c r="AL6770">
        <v>86956.714110000001</v>
      </c>
      <c r="AM6770">
        <v>18463.373530000001</v>
      </c>
      <c r="AN6770">
        <v>75117.494359999997</v>
      </c>
      <c r="AO6770">
        <v>24190.556680000002</v>
      </c>
      <c r="AP6770">
        <v>12048.676649999999</v>
      </c>
    </row>
    <row r="6771" spans="2:42" x14ac:dyDescent="0.3">
      <c r="B6771">
        <v>59.436464178709528</v>
      </c>
      <c r="C6771" s="83">
        <v>43383.041666666664</v>
      </c>
      <c r="D6771">
        <v>235486.6513</v>
      </c>
      <c r="E6771">
        <v>13183.09871</v>
      </c>
      <c r="F6771">
        <v>52818.380570000001</v>
      </c>
      <c r="G6771">
        <v>33348.524660000003</v>
      </c>
      <c r="H6771">
        <v>34898.90236</v>
      </c>
      <c r="I6771">
        <v>17638.691470000002</v>
      </c>
      <c r="J6771">
        <v>29880.63881</v>
      </c>
      <c r="K6771">
        <v>49534.63841</v>
      </c>
      <c r="L6771">
        <v>17386.500810000001</v>
      </c>
      <c r="M6771">
        <v>303034.81209999998</v>
      </c>
      <c r="N6771">
        <v>73575.455130000002</v>
      </c>
      <c r="O6771">
        <v>16667.46142</v>
      </c>
      <c r="P6771">
        <v>25423.810420000002</v>
      </c>
      <c r="Q6771">
        <v>86472.138519999993</v>
      </c>
      <c r="R6771">
        <v>17489.13003</v>
      </c>
      <c r="S6771">
        <v>73939.151599999997</v>
      </c>
      <c r="T6771">
        <v>23438.089100000001</v>
      </c>
      <c r="U6771">
        <v>11660.741980000001</v>
      </c>
      <c r="W6771" s="83">
        <f>Bühler!N6803</f>
        <v>45574.04166665025</v>
      </c>
      <c r="X6771" s="83">
        <v>43383.041666666664</v>
      </c>
      <c r="Y6771">
        <v>235486.6513</v>
      </c>
      <c r="Z6771">
        <v>13183.09871</v>
      </c>
      <c r="AA6771">
        <v>52818.380570000001</v>
      </c>
      <c r="AB6771">
        <v>33348.524660000003</v>
      </c>
      <c r="AC6771">
        <v>34898.90236</v>
      </c>
      <c r="AD6771">
        <v>17638.691470000002</v>
      </c>
      <c r="AE6771">
        <v>29880.63881</v>
      </c>
      <c r="AF6771">
        <v>49534.63841</v>
      </c>
      <c r="AG6771">
        <v>17386.500810000001</v>
      </c>
      <c r="AH6771">
        <v>303034.81209999998</v>
      </c>
      <c r="AI6771">
        <v>73575.455130000002</v>
      </c>
      <c r="AJ6771">
        <v>16667.46142</v>
      </c>
      <c r="AK6771">
        <v>25423.810420000002</v>
      </c>
      <c r="AL6771">
        <v>86472.138519999993</v>
      </c>
      <c r="AM6771">
        <v>17489.13003</v>
      </c>
      <c r="AN6771">
        <v>73939.151599999997</v>
      </c>
      <c r="AO6771">
        <v>23438.089100000001</v>
      </c>
      <c r="AP6771">
        <v>11660.741980000001</v>
      </c>
    </row>
    <row r="6772" spans="2:42" x14ac:dyDescent="0.3">
      <c r="B6772">
        <v>59.063493627869214</v>
      </c>
      <c r="C6772" s="83">
        <v>43383.083333333336</v>
      </c>
      <c r="D6772">
        <v>235981.66250000001</v>
      </c>
      <c r="E6772">
        <v>13090.14482</v>
      </c>
      <c r="F6772">
        <v>52827.924659999997</v>
      </c>
      <c r="G6772">
        <v>32579.719980000002</v>
      </c>
      <c r="H6772">
        <v>34643.71284</v>
      </c>
      <c r="I6772">
        <v>15970.1448</v>
      </c>
      <c r="J6772">
        <v>29580.78988</v>
      </c>
      <c r="K6772">
        <v>47862.575049999999</v>
      </c>
      <c r="L6772">
        <v>16796.796709999999</v>
      </c>
      <c r="M6772">
        <v>301133.23430000001</v>
      </c>
      <c r="N6772">
        <v>72647.108890000003</v>
      </c>
      <c r="O6772">
        <v>16396.998179999999</v>
      </c>
      <c r="P6772">
        <v>24107.358980000001</v>
      </c>
      <c r="Q6772">
        <v>89290.977379999997</v>
      </c>
      <c r="R6772">
        <v>17269.85482</v>
      </c>
      <c r="S6772">
        <v>72875.11047</v>
      </c>
      <c r="T6772">
        <v>22919.59448</v>
      </c>
      <c r="U6772">
        <v>11548.196089999999</v>
      </c>
      <c r="W6772" s="83">
        <f>Bühler!N6804</f>
        <v>45574.083333316914</v>
      </c>
      <c r="X6772" s="83">
        <v>43383.083333333336</v>
      </c>
      <c r="Y6772">
        <v>235981.66250000001</v>
      </c>
      <c r="Z6772">
        <v>13090.14482</v>
      </c>
      <c r="AA6772">
        <v>52827.924659999997</v>
      </c>
      <c r="AB6772">
        <v>32579.719980000002</v>
      </c>
      <c r="AC6772">
        <v>34643.71284</v>
      </c>
      <c r="AD6772">
        <v>15970.1448</v>
      </c>
      <c r="AE6772">
        <v>29580.78988</v>
      </c>
      <c r="AF6772">
        <v>47862.575049999999</v>
      </c>
      <c r="AG6772">
        <v>16796.796709999999</v>
      </c>
      <c r="AH6772">
        <v>301133.23430000001</v>
      </c>
      <c r="AI6772">
        <v>72647.108890000003</v>
      </c>
      <c r="AJ6772">
        <v>16396.998179999999</v>
      </c>
      <c r="AK6772">
        <v>24107.358980000001</v>
      </c>
      <c r="AL6772">
        <v>89290.977379999997</v>
      </c>
      <c r="AM6772">
        <v>17269.85482</v>
      </c>
      <c r="AN6772">
        <v>72875.11047</v>
      </c>
      <c r="AO6772">
        <v>22919.59448</v>
      </c>
      <c r="AP6772">
        <v>11548.196089999999</v>
      </c>
    </row>
    <row r="6773" spans="2:42" x14ac:dyDescent="0.3">
      <c r="B6773">
        <v>59.719862950632347</v>
      </c>
      <c r="C6773" s="83">
        <v>43383.125</v>
      </c>
      <c r="D6773">
        <v>236850.84570000001</v>
      </c>
      <c r="E6773">
        <v>13006.661690000001</v>
      </c>
      <c r="F6773">
        <v>53304.858910000003</v>
      </c>
      <c r="G6773">
        <v>31766.178919999998</v>
      </c>
      <c r="H6773">
        <v>34951.937960000003</v>
      </c>
      <c r="I6773">
        <v>15804.835580000001</v>
      </c>
      <c r="J6773">
        <v>29764.782009999999</v>
      </c>
      <c r="K6773">
        <v>46217.656739999999</v>
      </c>
      <c r="L6773">
        <v>16299.09708</v>
      </c>
      <c r="M6773">
        <v>304479.71120000002</v>
      </c>
      <c r="N6773">
        <v>72310.230689999997</v>
      </c>
      <c r="O6773">
        <v>16588.654630000001</v>
      </c>
      <c r="P6773">
        <v>23267.79478</v>
      </c>
      <c r="Q6773">
        <v>91864.271680000005</v>
      </c>
      <c r="R6773">
        <v>16724.864850000002</v>
      </c>
      <c r="S6773">
        <v>72258.618149999995</v>
      </c>
      <c r="T6773">
        <v>22573.78657</v>
      </c>
      <c r="U6773">
        <v>11372.95369</v>
      </c>
      <c r="W6773" s="83">
        <f>Bühler!N6805</f>
        <v>45574.124999983578</v>
      </c>
      <c r="X6773" s="83">
        <v>43383.125</v>
      </c>
      <c r="Y6773">
        <v>236850.84570000001</v>
      </c>
      <c r="Z6773">
        <v>13006.661690000001</v>
      </c>
      <c r="AA6773">
        <v>53304.858910000003</v>
      </c>
      <c r="AB6773">
        <v>31766.178919999998</v>
      </c>
      <c r="AC6773">
        <v>34951.937960000003</v>
      </c>
      <c r="AD6773">
        <v>15804.835580000001</v>
      </c>
      <c r="AE6773">
        <v>29764.782009999999</v>
      </c>
      <c r="AF6773">
        <v>46217.656739999999</v>
      </c>
      <c r="AG6773">
        <v>16299.09708</v>
      </c>
      <c r="AH6773">
        <v>304479.71120000002</v>
      </c>
      <c r="AI6773">
        <v>72310.230689999997</v>
      </c>
      <c r="AJ6773">
        <v>16588.654630000001</v>
      </c>
      <c r="AK6773">
        <v>23267.79478</v>
      </c>
      <c r="AL6773">
        <v>91864.271680000005</v>
      </c>
      <c r="AM6773">
        <v>16724.864850000002</v>
      </c>
      <c r="AN6773">
        <v>72258.618149999995</v>
      </c>
      <c r="AO6773">
        <v>22573.78657</v>
      </c>
      <c r="AP6773">
        <v>11372.95369</v>
      </c>
    </row>
    <row r="6774" spans="2:42" x14ac:dyDescent="0.3">
      <c r="B6774">
        <v>61.07512071572522</v>
      </c>
      <c r="C6774" s="83">
        <v>43383.166666666664</v>
      </c>
      <c r="D6774">
        <v>238271.99350000001</v>
      </c>
      <c r="E6774">
        <v>13496.92813</v>
      </c>
      <c r="F6774">
        <v>56698.881390000002</v>
      </c>
      <c r="G6774">
        <v>31334.004929999999</v>
      </c>
      <c r="H6774">
        <v>35270.399689999998</v>
      </c>
      <c r="I6774">
        <v>17649.861819999998</v>
      </c>
      <c r="J6774">
        <v>31776.501550000001</v>
      </c>
      <c r="K6774">
        <v>44816.520839999997</v>
      </c>
      <c r="L6774">
        <v>16488.275180000001</v>
      </c>
      <c r="M6774">
        <v>311389.4473</v>
      </c>
      <c r="N6774">
        <v>71223.948130000004</v>
      </c>
      <c r="O6774">
        <v>16729.505020000001</v>
      </c>
      <c r="P6774">
        <v>22969.385259999999</v>
      </c>
      <c r="Q6774">
        <v>94990.669250000006</v>
      </c>
      <c r="R6774">
        <v>16575.189760000001</v>
      </c>
      <c r="S6774">
        <v>73239.337419999996</v>
      </c>
      <c r="T6774">
        <v>22475.650249999999</v>
      </c>
      <c r="U6774">
        <v>11835.14594</v>
      </c>
      <c r="W6774" s="83">
        <f>Bühler!N6806</f>
        <v>45574.166666650242</v>
      </c>
      <c r="X6774" s="83">
        <v>43383.166666666664</v>
      </c>
      <c r="Y6774">
        <v>238271.99350000001</v>
      </c>
      <c r="Z6774">
        <v>13496.92813</v>
      </c>
      <c r="AA6774">
        <v>56698.881390000002</v>
      </c>
      <c r="AB6774">
        <v>31334.004929999999</v>
      </c>
      <c r="AC6774">
        <v>35270.399689999998</v>
      </c>
      <c r="AD6774">
        <v>17649.861819999998</v>
      </c>
      <c r="AE6774">
        <v>31776.501550000001</v>
      </c>
      <c r="AF6774">
        <v>44816.520839999997</v>
      </c>
      <c r="AG6774">
        <v>16488.275180000001</v>
      </c>
      <c r="AH6774">
        <v>311389.4473</v>
      </c>
      <c r="AI6774">
        <v>71223.948130000004</v>
      </c>
      <c r="AJ6774">
        <v>16729.505020000001</v>
      </c>
      <c r="AK6774">
        <v>22969.385259999999</v>
      </c>
      <c r="AL6774">
        <v>94990.669250000006</v>
      </c>
      <c r="AM6774">
        <v>16575.189760000001</v>
      </c>
      <c r="AN6774">
        <v>73239.337419999996</v>
      </c>
      <c r="AO6774">
        <v>22475.650249999999</v>
      </c>
      <c r="AP6774">
        <v>11835.14594</v>
      </c>
    </row>
    <row r="6775" spans="2:42" x14ac:dyDescent="0.3">
      <c r="B6775">
        <v>64.695138415581354</v>
      </c>
      <c r="C6775" s="83">
        <v>43383.208333333336</v>
      </c>
      <c r="D6775">
        <v>253898.35920000001</v>
      </c>
      <c r="E6775">
        <v>15572.153490000001</v>
      </c>
      <c r="F6775">
        <v>67570.226540000003</v>
      </c>
      <c r="G6775">
        <v>33361.484819999998</v>
      </c>
      <c r="H6775">
        <v>37123.377090000002</v>
      </c>
      <c r="I6775">
        <v>24740.01714</v>
      </c>
      <c r="J6775">
        <v>35195.281620000002</v>
      </c>
      <c r="K6775">
        <v>45707.785329999999</v>
      </c>
      <c r="L6775">
        <v>17905.933059999999</v>
      </c>
      <c r="M6775">
        <v>329845.98570000002</v>
      </c>
      <c r="N6775">
        <v>72655.049440000003</v>
      </c>
      <c r="O6775">
        <v>17550.61433</v>
      </c>
      <c r="P6775">
        <v>25052.570940000001</v>
      </c>
      <c r="Q6775">
        <v>97858.190090000004</v>
      </c>
      <c r="R6775">
        <v>17289.23675</v>
      </c>
      <c r="S6775">
        <v>75587.49944</v>
      </c>
      <c r="T6775">
        <v>23990.959699999999</v>
      </c>
      <c r="U6775">
        <v>13583.765509999999</v>
      </c>
      <c r="W6775" s="83">
        <f>Bühler!N6807</f>
        <v>45574.208333316907</v>
      </c>
      <c r="X6775" s="83">
        <v>43383.208333333336</v>
      </c>
      <c r="Y6775">
        <v>253898.35920000001</v>
      </c>
      <c r="Z6775">
        <v>15572.153490000001</v>
      </c>
      <c r="AA6775">
        <v>67570.226540000003</v>
      </c>
      <c r="AB6775">
        <v>33361.484819999998</v>
      </c>
      <c r="AC6775">
        <v>37123.377090000002</v>
      </c>
      <c r="AD6775">
        <v>24740.01714</v>
      </c>
      <c r="AE6775">
        <v>35195.281620000002</v>
      </c>
      <c r="AF6775">
        <v>45707.785329999999</v>
      </c>
      <c r="AG6775">
        <v>17905.933059999999</v>
      </c>
      <c r="AH6775">
        <v>329845.98570000002</v>
      </c>
      <c r="AI6775">
        <v>72655.049440000003</v>
      </c>
      <c r="AJ6775">
        <v>17550.61433</v>
      </c>
      <c r="AK6775">
        <v>25052.570940000001</v>
      </c>
      <c r="AL6775">
        <v>97858.190090000004</v>
      </c>
      <c r="AM6775">
        <v>17289.23675</v>
      </c>
      <c r="AN6775">
        <v>75587.49944</v>
      </c>
      <c r="AO6775">
        <v>23990.959699999999</v>
      </c>
      <c r="AP6775">
        <v>13583.765509999999</v>
      </c>
    </row>
    <row r="6776" spans="2:42" x14ac:dyDescent="0.3">
      <c r="B6776">
        <v>67.932987504464037</v>
      </c>
      <c r="C6776" s="83">
        <v>43383.25</v>
      </c>
      <c r="D6776">
        <v>270469.98009999999</v>
      </c>
      <c r="E6776">
        <v>19859.57663</v>
      </c>
      <c r="F6776">
        <v>79574.128450000004</v>
      </c>
      <c r="G6776">
        <v>44594.234129999997</v>
      </c>
      <c r="H6776">
        <v>40968.748399999997</v>
      </c>
      <c r="I6776">
        <v>32328.638859999999</v>
      </c>
      <c r="J6776">
        <v>39605.222280000002</v>
      </c>
      <c r="K6776">
        <v>48450.317289999999</v>
      </c>
      <c r="L6776">
        <v>19052.594590000001</v>
      </c>
      <c r="M6776">
        <v>346354.0503</v>
      </c>
      <c r="N6776">
        <v>76253.510970000003</v>
      </c>
      <c r="O6776">
        <v>18890.098969999999</v>
      </c>
      <c r="P6776">
        <v>26780.689699999999</v>
      </c>
      <c r="Q6776">
        <v>99283.229290000003</v>
      </c>
      <c r="R6776">
        <v>19034.027549999999</v>
      </c>
      <c r="S6776">
        <v>84959.423129999996</v>
      </c>
      <c r="T6776">
        <v>27124.58639</v>
      </c>
      <c r="U6776">
        <v>16285.429190000001</v>
      </c>
      <c r="W6776" s="83">
        <f>Bühler!N6808</f>
        <v>45574.249999983571</v>
      </c>
      <c r="X6776" s="83">
        <v>43383.25</v>
      </c>
      <c r="Y6776">
        <v>270469.98009999999</v>
      </c>
      <c r="Z6776">
        <v>19859.57663</v>
      </c>
      <c r="AA6776">
        <v>79574.128450000004</v>
      </c>
      <c r="AB6776">
        <v>44594.234129999997</v>
      </c>
      <c r="AC6776">
        <v>40968.748399999997</v>
      </c>
      <c r="AD6776">
        <v>32328.638859999999</v>
      </c>
      <c r="AE6776">
        <v>39605.222280000002</v>
      </c>
      <c r="AF6776">
        <v>48450.317289999999</v>
      </c>
      <c r="AG6776">
        <v>19052.594590000001</v>
      </c>
      <c r="AH6776">
        <v>346354.0503</v>
      </c>
      <c r="AI6776">
        <v>76253.510970000003</v>
      </c>
      <c r="AJ6776">
        <v>18890.098969999999</v>
      </c>
      <c r="AK6776">
        <v>26780.689699999999</v>
      </c>
      <c r="AL6776">
        <v>99283.229290000003</v>
      </c>
      <c r="AM6776">
        <v>19034.027549999999</v>
      </c>
      <c r="AN6776">
        <v>84959.423129999996</v>
      </c>
      <c r="AO6776">
        <v>27124.58639</v>
      </c>
      <c r="AP6776">
        <v>16285.429190000001</v>
      </c>
    </row>
    <row r="6777" spans="2:42" x14ac:dyDescent="0.3">
      <c r="B6777">
        <v>70.141862653315243</v>
      </c>
      <c r="C6777" s="83">
        <v>43383.291666666664</v>
      </c>
      <c r="D6777">
        <v>284638.53029999998</v>
      </c>
      <c r="E6777">
        <v>24739.545750000001</v>
      </c>
      <c r="F6777">
        <v>82767.125570000004</v>
      </c>
      <c r="G6777">
        <v>59272.273520000002</v>
      </c>
      <c r="H6777">
        <v>47008.236929999999</v>
      </c>
      <c r="I6777">
        <v>41933.008300000001</v>
      </c>
      <c r="J6777">
        <v>41559.94814</v>
      </c>
      <c r="K6777">
        <v>54524.865019999997</v>
      </c>
      <c r="L6777">
        <v>22192.889620000002</v>
      </c>
      <c r="M6777">
        <v>357615.92589999997</v>
      </c>
      <c r="N6777">
        <v>83713.393660000002</v>
      </c>
      <c r="O6777">
        <v>21678.596590000001</v>
      </c>
      <c r="P6777">
        <v>31107.146369999999</v>
      </c>
      <c r="Q6777">
        <v>98520.480129999996</v>
      </c>
      <c r="R6777">
        <v>21572.9254</v>
      </c>
      <c r="S6777">
        <v>100761.38710000001</v>
      </c>
      <c r="T6777">
        <v>29793.222180000001</v>
      </c>
      <c r="U6777">
        <v>22689.589250000001</v>
      </c>
      <c r="W6777" s="83">
        <f>Bühler!N6809</f>
        <v>45574.291666650235</v>
      </c>
      <c r="X6777" s="83">
        <v>43383.291666666664</v>
      </c>
      <c r="Y6777">
        <v>284638.53029999998</v>
      </c>
      <c r="Z6777">
        <v>24739.545750000001</v>
      </c>
      <c r="AA6777">
        <v>82767.125570000004</v>
      </c>
      <c r="AB6777">
        <v>59272.273520000002</v>
      </c>
      <c r="AC6777">
        <v>47008.236929999999</v>
      </c>
      <c r="AD6777">
        <v>41933.008300000001</v>
      </c>
      <c r="AE6777">
        <v>41559.94814</v>
      </c>
      <c r="AF6777">
        <v>54524.865019999997</v>
      </c>
      <c r="AG6777">
        <v>22192.889620000002</v>
      </c>
      <c r="AH6777">
        <v>357615.92589999997</v>
      </c>
      <c r="AI6777">
        <v>83713.393660000002</v>
      </c>
      <c r="AJ6777">
        <v>21678.596590000001</v>
      </c>
      <c r="AK6777">
        <v>31107.146369999999</v>
      </c>
      <c r="AL6777">
        <v>98520.480129999996</v>
      </c>
      <c r="AM6777">
        <v>21572.9254</v>
      </c>
      <c r="AN6777">
        <v>100761.38710000001</v>
      </c>
      <c r="AO6777">
        <v>29793.222180000001</v>
      </c>
      <c r="AP6777">
        <v>22689.589250000001</v>
      </c>
    </row>
    <row r="6778" spans="2:42" x14ac:dyDescent="0.3">
      <c r="B6778">
        <v>70.642113028415636</v>
      </c>
      <c r="C6778" s="83">
        <v>43383.333333333336</v>
      </c>
      <c r="D6778">
        <v>296636.77279999998</v>
      </c>
      <c r="E6778">
        <v>30372.079239999999</v>
      </c>
      <c r="F6778">
        <v>90236.991869999998</v>
      </c>
      <c r="G6778">
        <v>75002.720329999996</v>
      </c>
      <c r="H6778">
        <v>51382.390659999997</v>
      </c>
      <c r="I6778">
        <v>46360.459490000001</v>
      </c>
      <c r="J6778">
        <v>40890.688679999999</v>
      </c>
      <c r="K6778">
        <v>60983.591710000001</v>
      </c>
      <c r="L6778">
        <v>25641.09996</v>
      </c>
      <c r="M6778">
        <v>360166.43560000003</v>
      </c>
      <c r="N6778">
        <v>91447.365659999996</v>
      </c>
      <c r="O6778">
        <v>23300.35715</v>
      </c>
      <c r="P6778">
        <v>33371.02216</v>
      </c>
      <c r="Q6778">
        <v>98793.151549999995</v>
      </c>
      <c r="R6778">
        <v>22400.603459999998</v>
      </c>
      <c r="S6778">
        <v>113818.7692</v>
      </c>
      <c r="T6778">
        <v>33358.770329999999</v>
      </c>
      <c r="U6778">
        <v>25609.289120000001</v>
      </c>
      <c r="W6778" s="83">
        <f>Bühler!N6810</f>
        <v>45574.333333316899</v>
      </c>
      <c r="X6778" s="83">
        <v>43383.333333333336</v>
      </c>
      <c r="Y6778">
        <v>296636.77279999998</v>
      </c>
      <c r="Z6778">
        <v>30372.079239999999</v>
      </c>
      <c r="AA6778">
        <v>90236.991869999998</v>
      </c>
      <c r="AB6778">
        <v>75002.720329999996</v>
      </c>
      <c r="AC6778">
        <v>51382.390659999997</v>
      </c>
      <c r="AD6778">
        <v>46360.459490000001</v>
      </c>
      <c r="AE6778">
        <v>40890.688679999999</v>
      </c>
      <c r="AF6778">
        <v>60983.591710000001</v>
      </c>
      <c r="AG6778">
        <v>25641.09996</v>
      </c>
      <c r="AH6778">
        <v>360166.43560000003</v>
      </c>
      <c r="AI6778">
        <v>91447.365659999996</v>
      </c>
      <c r="AJ6778">
        <v>23300.35715</v>
      </c>
      <c r="AK6778">
        <v>33371.02216</v>
      </c>
      <c r="AL6778">
        <v>98793.151549999995</v>
      </c>
      <c r="AM6778">
        <v>22400.603459999998</v>
      </c>
      <c r="AN6778">
        <v>113818.7692</v>
      </c>
      <c r="AO6778">
        <v>33358.770329999999</v>
      </c>
      <c r="AP6778">
        <v>25609.289120000001</v>
      </c>
    </row>
    <row r="6779" spans="2:42" x14ac:dyDescent="0.3">
      <c r="B6779">
        <v>70.812832268599166</v>
      </c>
      <c r="C6779" s="83">
        <v>43383.375</v>
      </c>
      <c r="D6779">
        <v>298351.69750000001</v>
      </c>
      <c r="E6779">
        <v>34062.128559999997</v>
      </c>
      <c r="F6779">
        <v>95900.481690000001</v>
      </c>
      <c r="G6779">
        <v>83066.408890000006</v>
      </c>
      <c r="H6779">
        <v>53558.649969999999</v>
      </c>
      <c r="I6779">
        <v>42673.252280000001</v>
      </c>
      <c r="J6779">
        <v>41473.37702</v>
      </c>
      <c r="K6779">
        <v>61997.219879999997</v>
      </c>
      <c r="L6779">
        <v>28570.343270000001</v>
      </c>
      <c r="M6779">
        <v>361036.8419</v>
      </c>
      <c r="N6779">
        <v>92675.608470000006</v>
      </c>
      <c r="O6779">
        <v>23896.85428</v>
      </c>
      <c r="P6779">
        <v>34958.001770000003</v>
      </c>
      <c r="Q6779">
        <v>99596.061719999998</v>
      </c>
      <c r="R6779">
        <v>23119.976320000002</v>
      </c>
      <c r="S6779">
        <v>118515.8466</v>
      </c>
      <c r="T6779">
        <v>34911.056279999997</v>
      </c>
      <c r="U6779">
        <v>25743.979319999999</v>
      </c>
      <c r="W6779" s="83">
        <f>Bühler!N6811</f>
        <v>45574.374999983564</v>
      </c>
      <c r="X6779" s="83">
        <v>43383.375</v>
      </c>
      <c r="Y6779">
        <v>298351.69750000001</v>
      </c>
      <c r="Z6779">
        <v>34062.128559999997</v>
      </c>
      <c r="AA6779">
        <v>95900.481690000001</v>
      </c>
      <c r="AB6779">
        <v>83066.408890000006</v>
      </c>
      <c r="AC6779">
        <v>53558.649969999999</v>
      </c>
      <c r="AD6779">
        <v>42673.252280000001</v>
      </c>
      <c r="AE6779">
        <v>41473.37702</v>
      </c>
      <c r="AF6779">
        <v>61997.219879999997</v>
      </c>
      <c r="AG6779">
        <v>28570.343270000001</v>
      </c>
      <c r="AH6779">
        <v>361036.8419</v>
      </c>
      <c r="AI6779">
        <v>92675.608470000006</v>
      </c>
      <c r="AJ6779">
        <v>23896.85428</v>
      </c>
      <c r="AK6779">
        <v>34958.001770000003</v>
      </c>
      <c r="AL6779">
        <v>99596.061719999998</v>
      </c>
      <c r="AM6779">
        <v>23119.976320000002</v>
      </c>
      <c r="AN6779">
        <v>118515.8466</v>
      </c>
      <c r="AO6779">
        <v>34911.056279999997</v>
      </c>
      <c r="AP6779">
        <v>25743.979319999999</v>
      </c>
    </row>
    <row r="6780" spans="2:42" x14ac:dyDescent="0.3">
      <c r="B6780">
        <v>70.933333485787628</v>
      </c>
      <c r="C6780" s="83">
        <v>43383.416666666664</v>
      </c>
      <c r="D6780">
        <v>300317.97210000001</v>
      </c>
      <c r="E6780">
        <v>35414.313300000002</v>
      </c>
      <c r="F6780">
        <v>96834.090429999997</v>
      </c>
      <c r="G6780">
        <v>84686.095870000005</v>
      </c>
      <c r="H6780">
        <v>54046.96746</v>
      </c>
      <c r="I6780">
        <v>39583.43389</v>
      </c>
      <c r="J6780">
        <v>40218.092089999998</v>
      </c>
      <c r="K6780">
        <v>63312.524660000003</v>
      </c>
      <c r="L6780">
        <v>30423.92267</v>
      </c>
      <c r="M6780">
        <v>361651.2133</v>
      </c>
      <c r="N6780">
        <v>95586.629589999997</v>
      </c>
      <c r="O6780">
        <v>23932.1698</v>
      </c>
      <c r="P6780">
        <v>35374.834040000002</v>
      </c>
      <c r="Q6780">
        <v>100360.6724</v>
      </c>
      <c r="R6780">
        <v>23661.176889999999</v>
      </c>
      <c r="S6780">
        <v>119474.2885</v>
      </c>
      <c r="T6780">
        <v>36501.016510000001</v>
      </c>
      <c r="U6780">
        <v>25077.55341</v>
      </c>
      <c r="W6780" s="83">
        <f>Bühler!N6812</f>
        <v>45574.416666650228</v>
      </c>
      <c r="X6780" s="83">
        <v>43383.416666666664</v>
      </c>
      <c r="Y6780">
        <v>300317.97210000001</v>
      </c>
      <c r="Z6780">
        <v>35414.313300000002</v>
      </c>
      <c r="AA6780">
        <v>96834.090429999997</v>
      </c>
      <c r="AB6780">
        <v>84686.095870000005</v>
      </c>
      <c r="AC6780">
        <v>54046.96746</v>
      </c>
      <c r="AD6780">
        <v>39583.43389</v>
      </c>
      <c r="AE6780">
        <v>40218.092089999998</v>
      </c>
      <c r="AF6780">
        <v>63312.524660000003</v>
      </c>
      <c r="AG6780">
        <v>30423.92267</v>
      </c>
      <c r="AH6780">
        <v>361651.2133</v>
      </c>
      <c r="AI6780">
        <v>95586.629589999997</v>
      </c>
      <c r="AJ6780">
        <v>23932.1698</v>
      </c>
      <c r="AK6780">
        <v>35374.834040000002</v>
      </c>
      <c r="AL6780">
        <v>100360.6724</v>
      </c>
      <c r="AM6780">
        <v>23661.176889999999</v>
      </c>
      <c r="AN6780">
        <v>119474.2885</v>
      </c>
      <c r="AO6780">
        <v>36501.016510000001</v>
      </c>
      <c r="AP6780">
        <v>25077.55341</v>
      </c>
    </row>
    <row r="6781" spans="2:42" x14ac:dyDescent="0.3">
      <c r="B6781">
        <v>71.169573311495284</v>
      </c>
      <c r="C6781" s="83">
        <v>43383.458333333336</v>
      </c>
      <c r="D6781">
        <v>301334.85119999998</v>
      </c>
      <c r="E6781">
        <v>35234.055939999998</v>
      </c>
      <c r="F6781">
        <v>96025.052190000002</v>
      </c>
      <c r="G6781">
        <v>82194.682570000004</v>
      </c>
      <c r="H6781">
        <v>53723.3701</v>
      </c>
      <c r="I6781">
        <v>39440.614110000002</v>
      </c>
      <c r="J6781">
        <v>39640.375019999999</v>
      </c>
      <c r="K6781">
        <v>64064.957499999997</v>
      </c>
      <c r="L6781">
        <v>31246.17614</v>
      </c>
      <c r="M6781">
        <v>362855.6741</v>
      </c>
      <c r="N6781">
        <v>95571.197709999993</v>
      </c>
      <c r="O6781">
        <v>23665.412189999999</v>
      </c>
      <c r="P6781">
        <v>34182.089189999999</v>
      </c>
      <c r="Q6781">
        <v>100098.5402</v>
      </c>
      <c r="R6781">
        <v>23513.04192</v>
      </c>
      <c r="S6781">
        <v>121026.50380000001</v>
      </c>
      <c r="T6781">
        <v>36833.80472</v>
      </c>
      <c r="U6781">
        <v>23976.11981</v>
      </c>
      <c r="W6781" s="83">
        <f>Bühler!N6813</f>
        <v>45574.458333316892</v>
      </c>
      <c r="X6781" s="83">
        <v>43383.458333333336</v>
      </c>
      <c r="Y6781">
        <v>301334.85119999998</v>
      </c>
      <c r="Z6781">
        <v>35234.055939999998</v>
      </c>
      <c r="AA6781">
        <v>96025.052190000002</v>
      </c>
      <c r="AB6781">
        <v>82194.682570000004</v>
      </c>
      <c r="AC6781">
        <v>53723.3701</v>
      </c>
      <c r="AD6781">
        <v>39440.614110000002</v>
      </c>
      <c r="AE6781">
        <v>39640.375019999999</v>
      </c>
      <c r="AF6781">
        <v>64064.957499999997</v>
      </c>
      <c r="AG6781">
        <v>31246.17614</v>
      </c>
      <c r="AH6781">
        <v>362855.6741</v>
      </c>
      <c r="AI6781">
        <v>95571.197709999993</v>
      </c>
      <c r="AJ6781">
        <v>23665.412189999999</v>
      </c>
      <c r="AK6781">
        <v>34182.089189999999</v>
      </c>
      <c r="AL6781">
        <v>100098.5402</v>
      </c>
      <c r="AM6781">
        <v>23513.04192</v>
      </c>
      <c r="AN6781">
        <v>121026.50380000001</v>
      </c>
      <c r="AO6781">
        <v>36833.80472</v>
      </c>
      <c r="AP6781">
        <v>23976.11981</v>
      </c>
    </row>
    <row r="6782" spans="2:42" x14ac:dyDescent="0.3">
      <c r="B6782">
        <v>70.393650448683445</v>
      </c>
      <c r="C6782" s="83">
        <v>43383.5</v>
      </c>
      <c r="D6782">
        <v>286452.05489999999</v>
      </c>
      <c r="E6782">
        <v>31622.171060000001</v>
      </c>
      <c r="F6782">
        <v>91024.066940000004</v>
      </c>
      <c r="G6782">
        <v>74363.828450000001</v>
      </c>
      <c r="H6782">
        <v>50314.543949999999</v>
      </c>
      <c r="I6782">
        <v>37903.154739999998</v>
      </c>
      <c r="J6782">
        <v>39763.971389999999</v>
      </c>
      <c r="K6782">
        <v>58614.355909999998</v>
      </c>
      <c r="L6782">
        <v>33690.503060000003</v>
      </c>
      <c r="M6782">
        <v>358899.65749999997</v>
      </c>
      <c r="N6782">
        <v>91711.138630000001</v>
      </c>
      <c r="O6782">
        <v>23260.8874</v>
      </c>
      <c r="P6782">
        <v>35074.099139999998</v>
      </c>
      <c r="Q6782">
        <v>98773.704660000003</v>
      </c>
      <c r="R6782">
        <v>24615.547579999999</v>
      </c>
      <c r="S6782">
        <v>114064.084</v>
      </c>
      <c r="T6782">
        <v>35625.646529999998</v>
      </c>
      <c r="U6782">
        <v>19870.21889</v>
      </c>
      <c r="W6782" s="83">
        <f>Bühler!N6814</f>
        <v>45574.499999983556</v>
      </c>
      <c r="X6782" s="83">
        <v>43383.5</v>
      </c>
      <c r="Y6782">
        <v>286452.05489999999</v>
      </c>
      <c r="Z6782">
        <v>31622.171060000001</v>
      </c>
      <c r="AA6782">
        <v>91024.066940000004</v>
      </c>
      <c r="AB6782">
        <v>74363.828450000001</v>
      </c>
      <c r="AC6782">
        <v>50314.543949999999</v>
      </c>
      <c r="AD6782">
        <v>37903.154739999998</v>
      </c>
      <c r="AE6782">
        <v>39763.971389999999</v>
      </c>
      <c r="AF6782">
        <v>58614.355909999998</v>
      </c>
      <c r="AG6782">
        <v>33690.503060000003</v>
      </c>
      <c r="AH6782">
        <v>358899.65749999997</v>
      </c>
      <c r="AI6782">
        <v>91711.138630000001</v>
      </c>
      <c r="AJ6782">
        <v>23260.8874</v>
      </c>
      <c r="AK6782">
        <v>35074.099139999998</v>
      </c>
      <c r="AL6782">
        <v>98773.704660000003</v>
      </c>
      <c r="AM6782">
        <v>24615.547579999999</v>
      </c>
      <c r="AN6782">
        <v>114064.084</v>
      </c>
      <c r="AO6782">
        <v>35625.646529999998</v>
      </c>
      <c r="AP6782">
        <v>19870.21889</v>
      </c>
    </row>
    <row r="6783" spans="2:42" x14ac:dyDescent="0.3">
      <c r="B6783">
        <v>69.846435656454403</v>
      </c>
      <c r="C6783" s="83">
        <v>43383.541666666664</v>
      </c>
      <c r="D6783">
        <v>287126.13219999999</v>
      </c>
      <c r="E6783">
        <v>31763.28513</v>
      </c>
      <c r="F6783">
        <v>88104.271720000004</v>
      </c>
      <c r="G6783">
        <v>68330.839229999998</v>
      </c>
      <c r="H6783">
        <v>50860.46155</v>
      </c>
      <c r="I6783">
        <v>37396.435250000002</v>
      </c>
      <c r="J6783">
        <v>38673.1636</v>
      </c>
      <c r="K6783">
        <v>60526.576139999997</v>
      </c>
      <c r="L6783">
        <v>32729.897359999999</v>
      </c>
      <c r="M6783">
        <v>356109.70130000002</v>
      </c>
      <c r="N6783">
        <v>91063.615590000001</v>
      </c>
      <c r="O6783">
        <v>23341.764520000001</v>
      </c>
      <c r="P6783">
        <v>33572.284959999997</v>
      </c>
      <c r="Q6783">
        <v>97048.828229999999</v>
      </c>
      <c r="R6783">
        <v>25810.935509999999</v>
      </c>
      <c r="S6783">
        <v>112777.57309999999</v>
      </c>
      <c r="T6783">
        <v>35213.092640000003</v>
      </c>
      <c r="U6783">
        <v>22054.852640000001</v>
      </c>
      <c r="W6783" s="83">
        <f>Bühler!N6815</f>
        <v>45574.541666650221</v>
      </c>
      <c r="X6783" s="83">
        <v>43383.541666666664</v>
      </c>
      <c r="Y6783">
        <v>287126.13219999999</v>
      </c>
      <c r="Z6783">
        <v>31763.28513</v>
      </c>
      <c r="AA6783">
        <v>88104.271720000004</v>
      </c>
      <c r="AB6783">
        <v>68330.839229999998</v>
      </c>
      <c r="AC6783">
        <v>50860.46155</v>
      </c>
      <c r="AD6783">
        <v>37396.435250000002</v>
      </c>
      <c r="AE6783">
        <v>38673.1636</v>
      </c>
      <c r="AF6783">
        <v>60526.576139999997</v>
      </c>
      <c r="AG6783">
        <v>32729.897359999999</v>
      </c>
      <c r="AH6783">
        <v>356109.70130000002</v>
      </c>
      <c r="AI6783">
        <v>91063.615590000001</v>
      </c>
      <c r="AJ6783">
        <v>23341.764520000001</v>
      </c>
      <c r="AK6783">
        <v>33572.284959999997</v>
      </c>
      <c r="AL6783">
        <v>97048.828229999999</v>
      </c>
      <c r="AM6783">
        <v>25810.935509999999</v>
      </c>
      <c r="AN6783">
        <v>112777.57309999999</v>
      </c>
      <c r="AO6783">
        <v>35213.092640000003</v>
      </c>
      <c r="AP6783">
        <v>22054.852640000001</v>
      </c>
    </row>
    <row r="6784" spans="2:42" x14ac:dyDescent="0.3">
      <c r="B6784">
        <v>70.158657605808187</v>
      </c>
      <c r="C6784" s="83">
        <v>43383.583333333336</v>
      </c>
      <c r="D6784">
        <v>289289.40950000001</v>
      </c>
      <c r="E6784">
        <v>34637.369749999998</v>
      </c>
      <c r="F6784">
        <v>94668.117670000007</v>
      </c>
      <c r="G6784">
        <v>66338.883140000005</v>
      </c>
      <c r="H6784">
        <v>50564.223310000001</v>
      </c>
      <c r="I6784">
        <v>37926.083299999998</v>
      </c>
      <c r="J6784">
        <v>38623.587460000002</v>
      </c>
      <c r="K6784">
        <v>64836.626129999997</v>
      </c>
      <c r="L6784">
        <v>29437.525679999999</v>
      </c>
      <c r="M6784">
        <v>357701.55440000002</v>
      </c>
      <c r="N6784">
        <v>94234.000100000005</v>
      </c>
      <c r="O6784">
        <v>23480.431229999998</v>
      </c>
      <c r="P6784">
        <v>30477.64918</v>
      </c>
      <c r="Q6784">
        <v>96503.685240000006</v>
      </c>
      <c r="R6784">
        <v>24679.781279999999</v>
      </c>
      <c r="S6784">
        <v>107506.42140000001</v>
      </c>
      <c r="T6784">
        <v>34234.465759999999</v>
      </c>
      <c r="U6784">
        <v>22905.936880000001</v>
      </c>
      <c r="W6784" s="83">
        <f>Bühler!N6816</f>
        <v>45574.583333316885</v>
      </c>
      <c r="X6784" s="83">
        <v>43383.583333333336</v>
      </c>
      <c r="Y6784">
        <v>289289.40950000001</v>
      </c>
      <c r="Z6784">
        <v>34637.369749999998</v>
      </c>
      <c r="AA6784">
        <v>94668.117670000007</v>
      </c>
      <c r="AB6784">
        <v>66338.883140000005</v>
      </c>
      <c r="AC6784">
        <v>50564.223310000001</v>
      </c>
      <c r="AD6784">
        <v>37926.083299999998</v>
      </c>
      <c r="AE6784">
        <v>38623.587460000002</v>
      </c>
      <c r="AF6784">
        <v>64836.626129999997</v>
      </c>
      <c r="AG6784">
        <v>29437.525679999999</v>
      </c>
      <c r="AH6784">
        <v>357701.55440000002</v>
      </c>
      <c r="AI6784">
        <v>94234.000100000005</v>
      </c>
      <c r="AJ6784">
        <v>23480.431229999998</v>
      </c>
      <c r="AK6784">
        <v>30477.64918</v>
      </c>
      <c r="AL6784">
        <v>96503.685240000006</v>
      </c>
      <c r="AM6784">
        <v>24679.781279999999</v>
      </c>
      <c r="AN6784">
        <v>107506.42140000001</v>
      </c>
      <c r="AO6784">
        <v>34234.465759999999</v>
      </c>
      <c r="AP6784">
        <v>22905.936880000001</v>
      </c>
    </row>
    <row r="6785" spans="2:42" x14ac:dyDescent="0.3">
      <c r="B6785">
        <v>69.284868175575085</v>
      </c>
      <c r="C6785" s="83">
        <v>43383.625</v>
      </c>
      <c r="D6785">
        <v>289119.26990000001</v>
      </c>
      <c r="E6785">
        <v>34388.375670000001</v>
      </c>
      <c r="F6785">
        <v>95512.235050000003</v>
      </c>
      <c r="G6785">
        <v>64382.973080000003</v>
      </c>
      <c r="H6785">
        <v>49960.597800000003</v>
      </c>
      <c r="I6785">
        <v>38195.047700000003</v>
      </c>
      <c r="J6785">
        <v>38293.803330000002</v>
      </c>
      <c r="K6785">
        <v>63243.485030000003</v>
      </c>
      <c r="L6785">
        <v>26614.285769999999</v>
      </c>
      <c r="M6785">
        <v>353246.56839999999</v>
      </c>
      <c r="N6785">
        <v>91421.455199999997</v>
      </c>
      <c r="O6785">
        <v>23015.283049999998</v>
      </c>
      <c r="P6785">
        <v>27867.461930000001</v>
      </c>
      <c r="Q6785">
        <v>96717.39142</v>
      </c>
      <c r="R6785">
        <v>23922.888449999999</v>
      </c>
      <c r="S6785">
        <v>106264.6054</v>
      </c>
      <c r="T6785">
        <v>34107.039640000003</v>
      </c>
      <c r="U6785">
        <v>22147.292010000001</v>
      </c>
      <c r="W6785" s="83">
        <f>Bühler!N6817</f>
        <v>45574.624999983549</v>
      </c>
      <c r="X6785" s="83">
        <v>43383.625</v>
      </c>
      <c r="Y6785">
        <v>289119.26990000001</v>
      </c>
      <c r="Z6785">
        <v>34388.375670000001</v>
      </c>
      <c r="AA6785">
        <v>95512.235050000003</v>
      </c>
      <c r="AB6785">
        <v>64382.973080000003</v>
      </c>
      <c r="AC6785">
        <v>49960.597800000003</v>
      </c>
      <c r="AD6785">
        <v>38195.047700000003</v>
      </c>
      <c r="AE6785">
        <v>38293.803330000002</v>
      </c>
      <c r="AF6785">
        <v>63243.485030000003</v>
      </c>
      <c r="AG6785">
        <v>26614.285769999999</v>
      </c>
      <c r="AH6785">
        <v>353246.56839999999</v>
      </c>
      <c r="AI6785">
        <v>91421.455199999997</v>
      </c>
      <c r="AJ6785">
        <v>23015.283049999998</v>
      </c>
      <c r="AK6785">
        <v>27867.461930000001</v>
      </c>
      <c r="AL6785">
        <v>96717.39142</v>
      </c>
      <c r="AM6785">
        <v>23922.888449999999</v>
      </c>
      <c r="AN6785">
        <v>106264.6054</v>
      </c>
      <c r="AO6785">
        <v>34107.039640000003</v>
      </c>
      <c r="AP6785">
        <v>22147.292010000001</v>
      </c>
    </row>
    <row r="6786" spans="2:42" x14ac:dyDescent="0.3">
      <c r="B6786">
        <v>68.06644818741502</v>
      </c>
      <c r="C6786" s="83">
        <v>43383.666666666664</v>
      </c>
      <c r="D6786">
        <v>283266.40350000001</v>
      </c>
      <c r="E6786">
        <v>33690.275500000003</v>
      </c>
      <c r="F6786">
        <v>94869.654760000005</v>
      </c>
      <c r="G6786">
        <v>60908.112209999999</v>
      </c>
      <c r="H6786">
        <v>48239.345079999999</v>
      </c>
      <c r="I6786">
        <v>39075.433550000002</v>
      </c>
      <c r="J6786">
        <v>37494.505449999997</v>
      </c>
      <c r="K6786">
        <v>59265.751190000003</v>
      </c>
      <c r="L6786">
        <v>25449.77507</v>
      </c>
      <c r="M6786">
        <v>347034.4951</v>
      </c>
      <c r="N6786">
        <v>89484.611449999997</v>
      </c>
      <c r="O6786">
        <v>22514.824960000002</v>
      </c>
      <c r="P6786">
        <v>27133.762839999999</v>
      </c>
      <c r="Q6786">
        <v>95831.592449999996</v>
      </c>
      <c r="R6786">
        <v>24131.196929999998</v>
      </c>
      <c r="S6786">
        <v>103409.5095</v>
      </c>
      <c r="T6786">
        <v>33713.096519999999</v>
      </c>
      <c r="U6786">
        <v>19931.048620000001</v>
      </c>
      <c r="W6786" s="83">
        <f>Bühler!N6818</f>
        <v>45574.666666650213</v>
      </c>
      <c r="X6786" s="83">
        <v>43383.666666666664</v>
      </c>
      <c r="Y6786">
        <v>283266.40350000001</v>
      </c>
      <c r="Z6786">
        <v>33690.275500000003</v>
      </c>
      <c r="AA6786">
        <v>94869.654760000005</v>
      </c>
      <c r="AB6786">
        <v>60908.112209999999</v>
      </c>
      <c r="AC6786">
        <v>48239.345079999999</v>
      </c>
      <c r="AD6786">
        <v>39075.433550000002</v>
      </c>
      <c r="AE6786">
        <v>37494.505449999997</v>
      </c>
      <c r="AF6786">
        <v>59265.751190000003</v>
      </c>
      <c r="AG6786">
        <v>25449.77507</v>
      </c>
      <c r="AH6786">
        <v>347034.4951</v>
      </c>
      <c r="AI6786">
        <v>89484.611449999997</v>
      </c>
      <c r="AJ6786">
        <v>22514.824960000002</v>
      </c>
      <c r="AK6786">
        <v>27133.762839999999</v>
      </c>
      <c r="AL6786">
        <v>95831.592449999996</v>
      </c>
      <c r="AM6786">
        <v>24131.196929999998</v>
      </c>
      <c r="AN6786">
        <v>103409.5095</v>
      </c>
      <c r="AO6786">
        <v>33713.096519999999</v>
      </c>
      <c r="AP6786">
        <v>19931.048620000001</v>
      </c>
    </row>
    <row r="6787" spans="2:42" x14ac:dyDescent="0.3">
      <c r="B6787">
        <v>66.684793739285823</v>
      </c>
      <c r="C6787" s="83">
        <v>43383.708333333336</v>
      </c>
      <c r="D6787">
        <v>271633.2501</v>
      </c>
      <c r="E6787">
        <v>31438.74208</v>
      </c>
      <c r="F6787">
        <v>95849.890270000004</v>
      </c>
      <c r="G6787">
        <v>55932.684809999999</v>
      </c>
      <c r="H6787">
        <v>46727.458700000003</v>
      </c>
      <c r="I6787">
        <v>39118.183649999999</v>
      </c>
      <c r="J6787">
        <v>37062.877979999997</v>
      </c>
      <c r="K6787">
        <v>53891.311130000002</v>
      </c>
      <c r="L6787">
        <v>25985.81912</v>
      </c>
      <c r="M6787">
        <v>339990.1764</v>
      </c>
      <c r="N6787">
        <v>84979.568710000007</v>
      </c>
      <c r="O6787">
        <v>21546.692869999999</v>
      </c>
      <c r="P6787">
        <v>28442.032589999999</v>
      </c>
      <c r="Q6787">
        <v>95514.957909999997</v>
      </c>
      <c r="R6787">
        <v>23326.727029999998</v>
      </c>
      <c r="S6787">
        <v>101076.5672</v>
      </c>
      <c r="T6787">
        <v>33465.720789999999</v>
      </c>
      <c r="U6787">
        <v>17183.713159999999</v>
      </c>
      <c r="W6787" s="83">
        <f>Bühler!N6819</f>
        <v>45574.708333316878</v>
      </c>
      <c r="X6787" s="83">
        <v>43383.708333333336</v>
      </c>
      <c r="Y6787">
        <v>271633.2501</v>
      </c>
      <c r="Z6787">
        <v>31438.74208</v>
      </c>
      <c r="AA6787">
        <v>95849.890270000004</v>
      </c>
      <c r="AB6787">
        <v>55932.684809999999</v>
      </c>
      <c r="AC6787">
        <v>46727.458700000003</v>
      </c>
      <c r="AD6787">
        <v>39118.183649999999</v>
      </c>
      <c r="AE6787">
        <v>37062.877979999997</v>
      </c>
      <c r="AF6787">
        <v>53891.311130000002</v>
      </c>
      <c r="AG6787">
        <v>25985.81912</v>
      </c>
      <c r="AH6787">
        <v>339990.1764</v>
      </c>
      <c r="AI6787">
        <v>84979.568710000007</v>
      </c>
      <c r="AJ6787">
        <v>21546.692869999999</v>
      </c>
      <c r="AK6787">
        <v>28442.032589999999</v>
      </c>
      <c r="AL6787">
        <v>95514.957909999997</v>
      </c>
      <c r="AM6787">
        <v>23326.727029999998</v>
      </c>
      <c r="AN6787">
        <v>101076.5672</v>
      </c>
      <c r="AO6787">
        <v>33465.720789999999</v>
      </c>
      <c r="AP6787">
        <v>17183.713159999999</v>
      </c>
    </row>
    <row r="6788" spans="2:42" x14ac:dyDescent="0.3">
      <c r="B6788">
        <v>65.544336784191017</v>
      </c>
      <c r="C6788" s="83">
        <v>43383.75</v>
      </c>
      <c r="D6788">
        <v>264231.9999</v>
      </c>
      <c r="E6788">
        <v>28690.05791</v>
      </c>
      <c r="F6788">
        <v>93257.894339999999</v>
      </c>
      <c r="G6788">
        <v>49432.971219999999</v>
      </c>
      <c r="H6788">
        <v>43795.712500000001</v>
      </c>
      <c r="I6788">
        <v>37621.903579999998</v>
      </c>
      <c r="J6788">
        <v>37561.023860000001</v>
      </c>
      <c r="K6788">
        <v>51985.422270000003</v>
      </c>
      <c r="L6788">
        <v>27169.089029999999</v>
      </c>
      <c r="M6788">
        <v>334175.59499999997</v>
      </c>
      <c r="N6788">
        <v>84431.276280000005</v>
      </c>
      <c r="O6788">
        <v>20105.138869999999</v>
      </c>
      <c r="P6788">
        <v>32352.267019999999</v>
      </c>
      <c r="Q6788">
        <v>93955.193960000004</v>
      </c>
      <c r="R6788">
        <v>22171.516309999999</v>
      </c>
      <c r="S6788">
        <v>95463.705319999994</v>
      </c>
      <c r="T6788">
        <v>33896.445290000003</v>
      </c>
      <c r="U6788">
        <v>15810.08545</v>
      </c>
      <c r="W6788" s="83">
        <f>Bühler!N6820</f>
        <v>45574.749999983542</v>
      </c>
      <c r="X6788" s="83">
        <v>43383.75</v>
      </c>
      <c r="Y6788">
        <v>264231.9999</v>
      </c>
      <c r="Z6788">
        <v>28690.05791</v>
      </c>
      <c r="AA6788">
        <v>93257.894339999999</v>
      </c>
      <c r="AB6788">
        <v>49432.971219999999</v>
      </c>
      <c r="AC6788">
        <v>43795.712500000001</v>
      </c>
      <c r="AD6788">
        <v>37621.903579999998</v>
      </c>
      <c r="AE6788">
        <v>37561.023860000001</v>
      </c>
      <c r="AF6788">
        <v>51985.422270000003</v>
      </c>
      <c r="AG6788">
        <v>27169.089029999999</v>
      </c>
      <c r="AH6788">
        <v>334175.59499999997</v>
      </c>
      <c r="AI6788">
        <v>84431.276280000005</v>
      </c>
      <c r="AJ6788">
        <v>20105.138869999999</v>
      </c>
      <c r="AK6788">
        <v>32352.267019999999</v>
      </c>
      <c r="AL6788">
        <v>93955.193960000004</v>
      </c>
      <c r="AM6788">
        <v>22171.516309999999</v>
      </c>
      <c r="AN6788">
        <v>95463.705319999994</v>
      </c>
      <c r="AO6788">
        <v>33896.445290000003</v>
      </c>
      <c r="AP6788">
        <v>15810.08545</v>
      </c>
    </row>
    <row r="6789" spans="2:42" x14ac:dyDescent="0.3">
      <c r="B6789">
        <v>64.577261124707732</v>
      </c>
      <c r="C6789" s="83">
        <v>43383.791666666664</v>
      </c>
      <c r="D6789">
        <v>260026.14129999999</v>
      </c>
      <c r="E6789">
        <v>23938.294519999999</v>
      </c>
      <c r="F6789">
        <v>82248.426059999998</v>
      </c>
      <c r="G6789">
        <v>46759.20162</v>
      </c>
      <c r="H6789">
        <v>43620.978159999999</v>
      </c>
      <c r="I6789">
        <v>35736.515050000002</v>
      </c>
      <c r="J6789">
        <v>39635.605490000002</v>
      </c>
      <c r="K6789">
        <v>50698.703350000003</v>
      </c>
      <c r="L6789">
        <v>28315.465950000002</v>
      </c>
      <c r="M6789">
        <v>329244.99229999998</v>
      </c>
      <c r="N6789">
        <v>82288.773419999998</v>
      </c>
      <c r="O6789">
        <v>19597.51454</v>
      </c>
      <c r="P6789">
        <v>34782.041539999998</v>
      </c>
      <c r="Q6789">
        <v>90851.469960000002</v>
      </c>
      <c r="R6789">
        <v>22646.495610000002</v>
      </c>
      <c r="S6789">
        <v>93075.517670000001</v>
      </c>
      <c r="T6789">
        <v>34815.752469999999</v>
      </c>
      <c r="U6789">
        <v>15796.76046</v>
      </c>
      <c r="W6789" s="83">
        <f>Bühler!N6821</f>
        <v>45574.791666650206</v>
      </c>
      <c r="X6789" s="83">
        <v>43383.791666666664</v>
      </c>
      <c r="Y6789">
        <v>260026.14129999999</v>
      </c>
      <c r="Z6789">
        <v>23938.294519999999</v>
      </c>
      <c r="AA6789">
        <v>82248.426059999998</v>
      </c>
      <c r="AB6789">
        <v>46759.20162</v>
      </c>
      <c r="AC6789">
        <v>43620.978159999999</v>
      </c>
      <c r="AD6789">
        <v>35736.515050000002</v>
      </c>
      <c r="AE6789">
        <v>39635.605490000002</v>
      </c>
      <c r="AF6789">
        <v>50698.703350000003</v>
      </c>
      <c r="AG6789">
        <v>28315.465950000002</v>
      </c>
      <c r="AH6789">
        <v>329244.99229999998</v>
      </c>
      <c r="AI6789">
        <v>82288.773419999998</v>
      </c>
      <c r="AJ6789">
        <v>19597.51454</v>
      </c>
      <c r="AK6789">
        <v>34782.041539999998</v>
      </c>
      <c r="AL6789">
        <v>90851.469960000002</v>
      </c>
      <c r="AM6789">
        <v>22646.495610000002</v>
      </c>
      <c r="AN6789">
        <v>93075.517670000001</v>
      </c>
      <c r="AO6789">
        <v>34815.752469999999</v>
      </c>
      <c r="AP6789">
        <v>15796.76046</v>
      </c>
    </row>
    <row r="6790" spans="2:42" x14ac:dyDescent="0.3">
      <c r="B6790">
        <v>63.018244379889687</v>
      </c>
      <c r="C6790" s="83">
        <v>43383.833333333336</v>
      </c>
      <c r="D6790">
        <v>252541.12270000001</v>
      </c>
      <c r="E6790">
        <v>18302.28772</v>
      </c>
      <c r="F6790">
        <v>64436.007669999999</v>
      </c>
      <c r="G6790">
        <v>42228.417990000002</v>
      </c>
      <c r="H6790">
        <v>41759.650199999996</v>
      </c>
      <c r="I6790">
        <v>31782.100129999999</v>
      </c>
      <c r="J6790">
        <v>39657.848389999999</v>
      </c>
      <c r="K6790">
        <v>51306.409800000001</v>
      </c>
      <c r="L6790">
        <v>27845.020479999999</v>
      </c>
      <c r="M6790">
        <v>321296.39789999998</v>
      </c>
      <c r="N6790">
        <v>79806.776840000006</v>
      </c>
      <c r="O6790">
        <v>18663.023519999999</v>
      </c>
      <c r="P6790">
        <v>35707.252860000001</v>
      </c>
      <c r="Q6790">
        <v>88322.876510000002</v>
      </c>
      <c r="R6790">
        <v>20970.356360000002</v>
      </c>
      <c r="S6790">
        <v>85814.830480000004</v>
      </c>
      <c r="T6790">
        <v>33662.651550000002</v>
      </c>
      <c r="U6790">
        <v>14923.11125</v>
      </c>
      <c r="W6790" s="83">
        <f>Bühler!N6822</f>
        <v>45574.83333331687</v>
      </c>
      <c r="X6790" s="83">
        <v>43383.833333333336</v>
      </c>
      <c r="Y6790">
        <v>252541.12270000001</v>
      </c>
      <c r="Z6790">
        <v>18302.28772</v>
      </c>
      <c r="AA6790">
        <v>64436.007669999999</v>
      </c>
      <c r="AB6790">
        <v>42228.417990000002</v>
      </c>
      <c r="AC6790">
        <v>41759.650199999996</v>
      </c>
      <c r="AD6790">
        <v>31782.100129999999</v>
      </c>
      <c r="AE6790">
        <v>39657.848389999999</v>
      </c>
      <c r="AF6790">
        <v>51306.409800000001</v>
      </c>
      <c r="AG6790">
        <v>27845.020479999999</v>
      </c>
      <c r="AH6790">
        <v>321296.39789999998</v>
      </c>
      <c r="AI6790">
        <v>79806.776840000006</v>
      </c>
      <c r="AJ6790">
        <v>18663.023519999999</v>
      </c>
      <c r="AK6790">
        <v>35707.252860000001</v>
      </c>
      <c r="AL6790">
        <v>88322.876510000002</v>
      </c>
      <c r="AM6790">
        <v>20970.356360000002</v>
      </c>
      <c r="AN6790">
        <v>85814.830480000004</v>
      </c>
      <c r="AO6790">
        <v>33662.651550000002</v>
      </c>
      <c r="AP6790">
        <v>14923.11125</v>
      </c>
    </row>
    <row r="6791" spans="2:42" x14ac:dyDescent="0.3">
      <c r="B6791">
        <v>61.412529592163956</v>
      </c>
      <c r="C6791" s="83">
        <v>43383.875</v>
      </c>
      <c r="D6791">
        <v>243859.08600000001</v>
      </c>
      <c r="E6791">
        <v>15516.71968</v>
      </c>
      <c r="F6791">
        <v>56503.61376</v>
      </c>
      <c r="G6791">
        <v>39132.400300000001</v>
      </c>
      <c r="H6791">
        <v>39042.488400000002</v>
      </c>
      <c r="I6791">
        <v>26662.505270000001</v>
      </c>
      <c r="J6791">
        <v>37823.591</v>
      </c>
      <c r="K6791">
        <v>49558.235390000002</v>
      </c>
      <c r="L6791">
        <v>26045.804270000001</v>
      </c>
      <c r="M6791">
        <v>313109.71509999997</v>
      </c>
      <c r="N6791">
        <v>76740.665229999999</v>
      </c>
      <c r="O6791">
        <v>17710.21531</v>
      </c>
      <c r="P6791">
        <v>33455.600870000002</v>
      </c>
      <c r="Q6791">
        <v>85914.193490000005</v>
      </c>
      <c r="R6791">
        <v>19785.170549999999</v>
      </c>
      <c r="S6791">
        <v>80144.392590000003</v>
      </c>
      <c r="T6791">
        <v>31234.309539999998</v>
      </c>
      <c r="U6791">
        <v>13721.501619999999</v>
      </c>
      <c r="W6791" s="83">
        <f>Bühler!N6823</f>
        <v>45574.874999983535</v>
      </c>
      <c r="X6791" s="83">
        <v>43383.875</v>
      </c>
      <c r="Y6791">
        <v>243859.08600000001</v>
      </c>
      <c r="Z6791">
        <v>15516.71968</v>
      </c>
      <c r="AA6791">
        <v>56503.61376</v>
      </c>
      <c r="AB6791">
        <v>39132.400300000001</v>
      </c>
      <c r="AC6791">
        <v>39042.488400000002</v>
      </c>
      <c r="AD6791">
        <v>26662.505270000001</v>
      </c>
      <c r="AE6791">
        <v>37823.591</v>
      </c>
      <c r="AF6791">
        <v>49558.235390000002</v>
      </c>
      <c r="AG6791">
        <v>26045.804270000001</v>
      </c>
      <c r="AH6791">
        <v>313109.71509999997</v>
      </c>
      <c r="AI6791">
        <v>76740.665229999999</v>
      </c>
      <c r="AJ6791">
        <v>17710.21531</v>
      </c>
      <c r="AK6791">
        <v>33455.600870000002</v>
      </c>
      <c r="AL6791">
        <v>85914.193490000005</v>
      </c>
      <c r="AM6791">
        <v>19785.170549999999</v>
      </c>
      <c r="AN6791">
        <v>80144.392590000003</v>
      </c>
      <c r="AO6791">
        <v>31234.309539999998</v>
      </c>
      <c r="AP6791">
        <v>13721.501619999999</v>
      </c>
    </row>
    <row r="6792" spans="2:42" x14ac:dyDescent="0.3">
      <c r="B6792">
        <v>61.047855634291594</v>
      </c>
      <c r="C6792" s="83">
        <v>43383.916666666664</v>
      </c>
      <c r="D6792">
        <v>242034.58249999999</v>
      </c>
      <c r="E6792">
        <v>14495.75397</v>
      </c>
      <c r="F6792">
        <v>53376.856379999997</v>
      </c>
      <c r="G6792">
        <v>36532.102720000003</v>
      </c>
      <c r="H6792">
        <v>37410.292829999999</v>
      </c>
      <c r="I6792">
        <v>24054.059840000002</v>
      </c>
      <c r="J6792">
        <v>36299.635860000002</v>
      </c>
      <c r="K6792">
        <v>51781.25819</v>
      </c>
      <c r="L6792">
        <v>22618.087609999999</v>
      </c>
      <c r="M6792">
        <v>311250.43719999999</v>
      </c>
      <c r="N6792">
        <v>76190.145999999993</v>
      </c>
      <c r="O6792">
        <v>17480.329470000001</v>
      </c>
      <c r="P6792">
        <v>34355.104939999997</v>
      </c>
      <c r="Q6792">
        <v>84961.916580000005</v>
      </c>
      <c r="R6792">
        <v>21304.582279999999</v>
      </c>
      <c r="S6792">
        <v>77728.883180000004</v>
      </c>
      <c r="T6792">
        <v>26636.70278</v>
      </c>
      <c r="U6792">
        <v>13589.132729999999</v>
      </c>
      <c r="W6792" s="83">
        <f>Bühler!N6824</f>
        <v>45574.916666650199</v>
      </c>
      <c r="X6792" s="83">
        <v>43383.916666666664</v>
      </c>
      <c r="Y6792">
        <v>242034.58249999999</v>
      </c>
      <c r="Z6792">
        <v>14495.75397</v>
      </c>
      <c r="AA6792">
        <v>53376.856379999997</v>
      </c>
      <c r="AB6792">
        <v>36532.102720000003</v>
      </c>
      <c r="AC6792">
        <v>37410.292829999999</v>
      </c>
      <c r="AD6792">
        <v>24054.059840000002</v>
      </c>
      <c r="AE6792">
        <v>36299.635860000002</v>
      </c>
      <c r="AF6792">
        <v>51781.25819</v>
      </c>
      <c r="AG6792">
        <v>22618.087609999999</v>
      </c>
      <c r="AH6792">
        <v>311250.43719999999</v>
      </c>
      <c r="AI6792">
        <v>76190.145999999993</v>
      </c>
      <c r="AJ6792">
        <v>17480.329470000001</v>
      </c>
      <c r="AK6792">
        <v>34355.104939999997</v>
      </c>
      <c r="AL6792">
        <v>84961.916580000005</v>
      </c>
      <c r="AM6792">
        <v>21304.582279999999</v>
      </c>
      <c r="AN6792">
        <v>77728.883180000004</v>
      </c>
      <c r="AO6792">
        <v>26636.70278</v>
      </c>
      <c r="AP6792">
        <v>13589.132729999999</v>
      </c>
    </row>
    <row r="6793" spans="2:42" x14ac:dyDescent="0.3">
      <c r="B6793">
        <v>61.101713908835912</v>
      </c>
      <c r="C6793" s="83">
        <v>43383.958333333336</v>
      </c>
      <c r="D6793">
        <v>241206.12469999999</v>
      </c>
      <c r="E6793">
        <v>14068.376340000001</v>
      </c>
      <c r="F6793">
        <v>52419.296840000003</v>
      </c>
      <c r="G6793">
        <v>35432.125520000001</v>
      </c>
      <c r="H6793">
        <v>36404.082560000003</v>
      </c>
      <c r="I6793">
        <v>23273.168839999998</v>
      </c>
      <c r="J6793">
        <v>34136.313730000002</v>
      </c>
      <c r="K6793">
        <v>51311.311849999998</v>
      </c>
      <c r="L6793">
        <v>19601.0285</v>
      </c>
      <c r="M6793">
        <v>311525.0318</v>
      </c>
      <c r="N6793">
        <v>75522.772200000007</v>
      </c>
      <c r="O6793">
        <v>17483.61433</v>
      </c>
      <c r="P6793">
        <v>29799.053489999998</v>
      </c>
      <c r="Q6793">
        <v>84519.803379999998</v>
      </c>
      <c r="R6793">
        <v>19909.654589999998</v>
      </c>
      <c r="S6793">
        <v>76148.082689999996</v>
      </c>
      <c r="T6793">
        <v>27049.616119999999</v>
      </c>
      <c r="U6793">
        <v>13157.90436</v>
      </c>
      <c r="W6793" s="83">
        <f>Bühler!N6825</f>
        <v>45574.958333316863</v>
      </c>
      <c r="X6793" s="83">
        <v>43383.958333333336</v>
      </c>
      <c r="Y6793">
        <v>241206.12469999999</v>
      </c>
      <c r="Z6793">
        <v>14068.376340000001</v>
      </c>
      <c r="AA6793">
        <v>52419.296840000003</v>
      </c>
      <c r="AB6793">
        <v>35432.125520000001</v>
      </c>
      <c r="AC6793">
        <v>36404.082560000003</v>
      </c>
      <c r="AD6793">
        <v>23273.168839999998</v>
      </c>
      <c r="AE6793">
        <v>34136.313730000002</v>
      </c>
      <c r="AF6793">
        <v>51311.311849999998</v>
      </c>
      <c r="AG6793">
        <v>19601.0285</v>
      </c>
      <c r="AH6793">
        <v>311525.0318</v>
      </c>
      <c r="AI6793">
        <v>75522.772200000007</v>
      </c>
      <c r="AJ6793">
        <v>17483.61433</v>
      </c>
      <c r="AK6793">
        <v>29799.053489999998</v>
      </c>
      <c r="AL6793">
        <v>84519.803379999998</v>
      </c>
      <c r="AM6793">
        <v>19909.654589999998</v>
      </c>
      <c r="AN6793">
        <v>76148.082689999996</v>
      </c>
      <c r="AO6793">
        <v>27049.616119999999</v>
      </c>
      <c r="AP6793">
        <v>13157.90436</v>
      </c>
    </row>
    <row r="6794" spans="2:42" x14ac:dyDescent="0.3">
      <c r="B6794">
        <v>60.849066286275374</v>
      </c>
      <c r="C6794" s="83">
        <v>43384</v>
      </c>
      <c r="D6794">
        <v>240707.2138</v>
      </c>
      <c r="E6794">
        <v>13647.13695</v>
      </c>
      <c r="F6794">
        <v>52047.55863</v>
      </c>
      <c r="G6794">
        <v>34523.433100000002</v>
      </c>
      <c r="H6794">
        <v>35883.576880000001</v>
      </c>
      <c r="I6794">
        <v>21349.186280000002</v>
      </c>
      <c r="J6794">
        <v>31640.984209999999</v>
      </c>
      <c r="K6794">
        <v>49976.423349999997</v>
      </c>
      <c r="L6794">
        <v>17680.097259999999</v>
      </c>
      <c r="M6794">
        <v>310236.91639999999</v>
      </c>
      <c r="N6794">
        <v>75018.002949999995</v>
      </c>
      <c r="O6794">
        <v>17743.38393</v>
      </c>
      <c r="P6794">
        <v>28352.275460000001</v>
      </c>
      <c r="Q6794">
        <v>84022.410969999997</v>
      </c>
      <c r="R6794">
        <v>18419.577939999999</v>
      </c>
      <c r="S6794">
        <v>75121.996220000001</v>
      </c>
      <c r="T6794">
        <v>24535.898420000001</v>
      </c>
      <c r="U6794">
        <v>12582.89579</v>
      </c>
      <c r="W6794" s="83">
        <f>Bühler!N6826</f>
        <v>45574.999999983527</v>
      </c>
      <c r="X6794" s="83">
        <v>43384</v>
      </c>
      <c r="Y6794">
        <v>240707.2138</v>
      </c>
      <c r="Z6794">
        <v>13647.13695</v>
      </c>
      <c r="AA6794">
        <v>52047.55863</v>
      </c>
      <c r="AB6794">
        <v>34523.433100000002</v>
      </c>
      <c r="AC6794">
        <v>35883.576880000001</v>
      </c>
      <c r="AD6794">
        <v>21349.186280000002</v>
      </c>
      <c r="AE6794">
        <v>31640.984209999999</v>
      </c>
      <c r="AF6794">
        <v>49976.423349999997</v>
      </c>
      <c r="AG6794">
        <v>17680.097259999999</v>
      </c>
      <c r="AH6794">
        <v>310236.91639999999</v>
      </c>
      <c r="AI6794">
        <v>75018.002949999995</v>
      </c>
      <c r="AJ6794">
        <v>17743.38393</v>
      </c>
      <c r="AK6794">
        <v>28352.275460000001</v>
      </c>
      <c r="AL6794">
        <v>84022.410969999997</v>
      </c>
      <c r="AM6794">
        <v>18419.577939999999</v>
      </c>
      <c r="AN6794">
        <v>75121.996220000001</v>
      </c>
      <c r="AO6794">
        <v>24535.898420000001</v>
      </c>
      <c r="AP6794">
        <v>12582.89579</v>
      </c>
    </row>
    <row r="6795" spans="2:42" x14ac:dyDescent="0.3">
      <c r="B6795">
        <v>59.349308695041174</v>
      </c>
      <c r="C6795" s="83">
        <v>43384.041666666664</v>
      </c>
      <c r="D6795">
        <v>239380.75219999999</v>
      </c>
      <c r="E6795">
        <v>13449.903109999999</v>
      </c>
      <c r="F6795">
        <v>52679.83556</v>
      </c>
      <c r="G6795">
        <v>33928.001349999999</v>
      </c>
      <c r="H6795">
        <v>35071.603020000002</v>
      </c>
      <c r="I6795">
        <v>17689.171020000002</v>
      </c>
      <c r="J6795">
        <v>30923.453219999999</v>
      </c>
      <c r="K6795">
        <v>48853.218079999999</v>
      </c>
      <c r="L6795">
        <v>17189.065129999999</v>
      </c>
      <c r="M6795">
        <v>302590.45280000003</v>
      </c>
      <c r="N6795">
        <v>73589.884940000004</v>
      </c>
      <c r="O6795">
        <v>18002.760279999999</v>
      </c>
      <c r="P6795">
        <v>25836.549429999999</v>
      </c>
      <c r="Q6795">
        <v>84238.898300000001</v>
      </c>
      <c r="R6795">
        <v>17362.34317</v>
      </c>
      <c r="S6795">
        <v>74078.400039999993</v>
      </c>
      <c r="T6795">
        <v>23598.80759</v>
      </c>
      <c r="U6795">
        <v>12357.424919999999</v>
      </c>
      <c r="W6795" s="83">
        <f>Bühler!N6827</f>
        <v>45575.041666650191</v>
      </c>
      <c r="X6795" s="83">
        <v>43384.041666666664</v>
      </c>
      <c r="Y6795">
        <v>239380.75219999999</v>
      </c>
      <c r="Z6795">
        <v>13449.903109999999</v>
      </c>
      <c r="AA6795">
        <v>52679.83556</v>
      </c>
      <c r="AB6795">
        <v>33928.001349999999</v>
      </c>
      <c r="AC6795">
        <v>35071.603020000002</v>
      </c>
      <c r="AD6795">
        <v>17689.171020000002</v>
      </c>
      <c r="AE6795">
        <v>30923.453219999999</v>
      </c>
      <c r="AF6795">
        <v>48853.218079999999</v>
      </c>
      <c r="AG6795">
        <v>17189.065129999999</v>
      </c>
      <c r="AH6795">
        <v>302590.45280000003</v>
      </c>
      <c r="AI6795">
        <v>73589.884940000004</v>
      </c>
      <c r="AJ6795">
        <v>18002.760279999999</v>
      </c>
      <c r="AK6795">
        <v>25836.549429999999</v>
      </c>
      <c r="AL6795">
        <v>84238.898300000001</v>
      </c>
      <c r="AM6795">
        <v>17362.34317</v>
      </c>
      <c r="AN6795">
        <v>74078.400039999993</v>
      </c>
      <c r="AO6795">
        <v>23598.80759</v>
      </c>
      <c r="AP6795">
        <v>12357.424919999999</v>
      </c>
    </row>
    <row r="6796" spans="2:42" x14ac:dyDescent="0.3">
      <c r="B6796">
        <v>59.381479290863346</v>
      </c>
      <c r="C6796" s="83">
        <v>43384.083333333336</v>
      </c>
      <c r="D6796">
        <v>239193.45759999999</v>
      </c>
      <c r="E6796">
        <v>13132.99667</v>
      </c>
      <c r="F6796">
        <v>52905.604870000003</v>
      </c>
      <c r="G6796">
        <v>33358.905639999997</v>
      </c>
      <c r="H6796">
        <v>34943.173170000002</v>
      </c>
      <c r="I6796">
        <v>16043.13319</v>
      </c>
      <c r="J6796">
        <v>30611.246330000002</v>
      </c>
      <c r="K6796">
        <v>47096.903910000001</v>
      </c>
      <c r="L6796">
        <v>16764.309010000001</v>
      </c>
      <c r="M6796">
        <v>302754.47350000002</v>
      </c>
      <c r="N6796">
        <v>73550.406780000005</v>
      </c>
      <c r="O6796">
        <v>17717.659019999999</v>
      </c>
      <c r="P6796">
        <v>24627.280569999999</v>
      </c>
      <c r="Q6796">
        <v>86428.487040000007</v>
      </c>
      <c r="R6796">
        <v>16951.12513</v>
      </c>
      <c r="S6796">
        <v>73099.584310000006</v>
      </c>
      <c r="T6796">
        <v>23379.25216</v>
      </c>
      <c r="U6796">
        <v>12412.75308</v>
      </c>
      <c r="W6796" s="83">
        <f>Bühler!N6828</f>
        <v>45575.083333316856</v>
      </c>
      <c r="X6796" s="83">
        <v>43384.083333333336</v>
      </c>
      <c r="Y6796">
        <v>239193.45759999999</v>
      </c>
      <c r="Z6796">
        <v>13132.99667</v>
      </c>
      <c r="AA6796">
        <v>52905.604870000003</v>
      </c>
      <c r="AB6796">
        <v>33358.905639999997</v>
      </c>
      <c r="AC6796">
        <v>34943.173170000002</v>
      </c>
      <c r="AD6796">
        <v>16043.13319</v>
      </c>
      <c r="AE6796">
        <v>30611.246330000002</v>
      </c>
      <c r="AF6796">
        <v>47096.903910000001</v>
      </c>
      <c r="AG6796">
        <v>16764.309010000001</v>
      </c>
      <c r="AH6796">
        <v>302754.47350000002</v>
      </c>
      <c r="AI6796">
        <v>73550.406780000005</v>
      </c>
      <c r="AJ6796">
        <v>17717.659019999999</v>
      </c>
      <c r="AK6796">
        <v>24627.280569999999</v>
      </c>
      <c r="AL6796">
        <v>86428.487040000007</v>
      </c>
      <c r="AM6796">
        <v>16951.12513</v>
      </c>
      <c r="AN6796">
        <v>73099.584310000006</v>
      </c>
      <c r="AO6796">
        <v>23379.25216</v>
      </c>
      <c r="AP6796">
        <v>12412.75308</v>
      </c>
    </row>
    <row r="6797" spans="2:42" x14ac:dyDescent="0.3">
      <c r="B6797">
        <v>60.488938734801579</v>
      </c>
      <c r="C6797" s="83">
        <v>43384.125</v>
      </c>
      <c r="D6797">
        <v>239899.4693</v>
      </c>
      <c r="E6797">
        <v>13224.880929999999</v>
      </c>
      <c r="F6797">
        <v>53213.84964</v>
      </c>
      <c r="G6797">
        <v>32519.489750000001</v>
      </c>
      <c r="H6797">
        <v>34854.55431</v>
      </c>
      <c r="I6797">
        <v>15954.886839999999</v>
      </c>
      <c r="J6797">
        <v>30760.736680000002</v>
      </c>
      <c r="K6797">
        <v>46008.851170000002</v>
      </c>
      <c r="L6797">
        <v>17010.70376</v>
      </c>
      <c r="M6797">
        <v>308400.81819999998</v>
      </c>
      <c r="N6797">
        <v>73235.462629999995</v>
      </c>
      <c r="O6797">
        <v>17353.7222</v>
      </c>
      <c r="P6797">
        <v>23331.046300000002</v>
      </c>
      <c r="Q6797">
        <v>89081.278709999999</v>
      </c>
      <c r="R6797">
        <v>16724.807809999998</v>
      </c>
      <c r="S6797">
        <v>72496.923309999998</v>
      </c>
      <c r="T6797">
        <v>23057.132430000001</v>
      </c>
      <c r="U6797">
        <v>12440.18318</v>
      </c>
      <c r="W6797" s="83">
        <f>Bühler!N6829</f>
        <v>45575.12499998352</v>
      </c>
      <c r="X6797" s="83">
        <v>43384.125</v>
      </c>
      <c r="Y6797">
        <v>239899.4693</v>
      </c>
      <c r="Z6797">
        <v>13224.880929999999</v>
      </c>
      <c r="AA6797">
        <v>53213.84964</v>
      </c>
      <c r="AB6797">
        <v>32519.489750000001</v>
      </c>
      <c r="AC6797">
        <v>34854.55431</v>
      </c>
      <c r="AD6797">
        <v>15954.886839999999</v>
      </c>
      <c r="AE6797">
        <v>30760.736680000002</v>
      </c>
      <c r="AF6797">
        <v>46008.851170000002</v>
      </c>
      <c r="AG6797">
        <v>17010.70376</v>
      </c>
      <c r="AH6797">
        <v>308400.81819999998</v>
      </c>
      <c r="AI6797">
        <v>73235.462629999995</v>
      </c>
      <c r="AJ6797">
        <v>17353.7222</v>
      </c>
      <c r="AK6797">
        <v>23331.046300000002</v>
      </c>
      <c r="AL6797">
        <v>89081.278709999999</v>
      </c>
      <c r="AM6797">
        <v>16724.807809999998</v>
      </c>
      <c r="AN6797">
        <v>72496.923309999998</v>
      </c>
      <c r="AO6797">
        <v>23057.132430000001</v>
      </c>
      <c r="AP6797">
        <v>12440.18318</v>
      </c>
    </row>
    <row r="6798" spans="2:42" x14ac:dyDescent="0.3">
      <c r="B6798">
        <v>61.956867146608921</v>
      </c>
      <c r="C6798" s="83">
        <v>43384.166666666664</v>
      </c>
      <c r="D6798">
        <v>241989.01860000001</v>
      </c>
      <c r="E6798">
        <v>13667.67865</v>
      </c>
      <c r="F6798">
        <v>56648.393580000004</v>
      </c>
      <c r="G6798">
        <v>31750.467769999999</v>
      </c>
      <c r="H6798">
        <v>35517.786919999999</v>
      </c>
      <c r="I6798">
        <v>17790.14356</v>
      </c>
      <c r="J6798">
        <v>32403.677619999999</v>
      </c>
      <c r="K6798">
        <v>44458.860249999998</v>
      </c>
      <c r="L6798">
        <v>16871.575280000001</v>
      </c>
      <c r="M6798">
        <v>315885.00180000003</v>
      </c>
      <c r="N6798">
        <v>73214.062539999999</v>
      </c>
      <c r="O6798">
        <v>17896.328679999999</v>
      </c>
      <c r="P6798">
        <v>22854.065149999999</v>
      </c>
      <c r="Q6798">
        <v>93427.926219999994</v>
      </c>
      <c r="R6798">
        <v>16208.723819999999</v>
      </c>
      <c r="S6798">
        <v>73136.240099999995</v>
      </c>
      <c r="T6798">
        <v>23134.542669999999</v>
      </c>
      <c r="U6798">
        <v>12640.44555</v>
      </c>
      <c r="W6798" s="83">
        <f>Bühler!N6830</f>
        <v>45575.166666650184</v>
      </c>
      <c r="X6798" s="83">
        <v>43384.166666666664</v>
      </c>
      <c r="Y6798">
        <v>241989.01860000001</v>
      </c>
      <c r="Z6798">
        <v>13667.67865</v>
      </c>
      <c r="AA6798">
        <v>56648.393580000004</v>
      </c>
      <c r="AB6798">
        <v>31750.467769999999</v>
      </c>
      <c r="AC6798">
        <v>35517.786919999999</v>
      </c>
      <c r="AD6798">
        <v>17790.14356</v>
      </c>
      <c r="AE6798">
        <v>32403.677619999999</v>
      </c>
      <c r="AF6798">
        <v>44458.860249999998</v>
      </c>
      <c r="AG6798">
        <v>16871.575280000001</v>
      </c>
      <c r="AH6798">
        <v>315885.00180000003</v>
      </c>
      <c r="AI6798">
        <v>73214.062539999999</v>
      </c>
      <c r="AJ6798">
        <v>17896.328679999999</v>
      </c>
      <c r="AK6798">
        <v>22854.065149999999</v>
      </c>
      <c r="AL6798">
        <v>93427.926219999994</v>
      </c>
      <c r="AM6798">
        <v>16208.723819999999</v>
      </c>
      <c r="AN6798">
        <v>73136.240099999995</v>
      </c>
      <c r="AO6798">
        <v>23134.542669999999</v>
      </c>
      <c r="AP6798">
        <v>12640.44555</v>
      </c>
    </row>
    <row r="6799" spans="2:42" x14ac:dyDescent="0.3">
      <c r="B6799">
        <v>65.169553296012282</v>
      </c>
      <c r="C6799" s="83">
        <v>43384.208333333336</v>
      </c>
      <c r="D6799">
        <v>256326.10819999999</v>
      </c>
      <c r="E6799">
        <v>15808.4768</v>
      </c>
      <c r="F6799">
        <v>67473.971019999997</v>
      </c>
      <c r="G6799">
        <v>33942.858390000001</v>
      </c>
      <c r="H6799">
        <v>36983.263400000003</v>
      </c>
      <c r="I6799">
        <v>25074.530340000001</v>
      </c>
      <c r="J6799">
        <v>35413.456660000003</v>
      </c>
      <c r="K6799">
        <v>44729.460229999997</v>
      </c>
      <c r="L6799">
        <v>18136.97466</v>
      </c>
      <c r="M6799">
        <v>332264.77399999998</v>
      </c>
      <c r="N6799">
        <v>73933.53688</v>
      </c>
      <c r="O6799">
        <v>18268.876749999999</v>
      </c>
      <c r="P6799">
        <v>24769.631069999999</v>
      </c>
      <c r="Q6799">
        <v>96108.466969999994</v>
      </c>
      <c r="R6799">
        <v>17333.89992</v>
      </c>
      <c r="S6799">
        <v>75910.013229999997</v>
      </c>
      <c r="T6799">
        <v>24563.253489999999</v>
      </c>
      <c r="U6799">
        <v>14596.78903</v>
      </c>
      <c r="W6799" s="83">
        <f>Bühler!N6831</f>
        <v>45575.208333316848</v>
      </c>
      <c r="X6799" s="83">
        <v>43384.208333333336</v>
      </c>
      <c r="Y6799">
        <v>256326.10819999999</v>
      </c>
      <c r="Z6799">
        <v>15808.4768</v>
      </c>
      <c r="AA6799">
        <v>67473.971019999997</v>
      </c>
      <c r="AB6799">
        <v>33942.858390000001</v>
      </c>
      <c r="AC6799">
        <v>36983.263400000003</v>
      </c>
      <c r="AD6799">
        <v>25074.530340000001</v>
      </c>
      <c r="AE6799">
        <v>35413.456660000003</v>
      </c>
      <c r="AF6799">
        <v>44729.460229999997</v>
      </c>
      <c r="AG6799">
        <v>18136.97466</v>
      </c>
      <c r="AH6799">
        <v>332264.77399999998</v>
      </c>
      <c r="AI6799">
        <v>73933.53688</v>
      </c>
      <c r="AJ6799">
        <v>18268.876749999999</v>
      </c>
      <c r="AK6799">
        <v>24769.631069999999</v>
      </c>
      <c r="AL6799">
        <v>96108.466969999994</v>
      </c>
      <c r="AM6799">
        <v>17333.89992</v>
      </c>
      <c r="AN6799">
        <v>75910.013229999997</v>
      </c>
      <c r="AO6799">
        <v>24563.253489999999</v>
      </c>
      <c r="AP6799">
        <v>14596.78903</v>
      </c>
    </row>
    <row r="6800" spans="2:42" x14ac:dyDescent="0.3">
      <c r="B6800">
        <v>68.831761702950246</v>
      </c>
      <c r="C6800" s="83">
        <v>43384.25</v>
      </c>
      <c r="D6800">
        <v>270998.22529999999</v>
      </c>
      <c r="E6800">
        <v>19937.846560000002</v>
      </c>
      <c r="F6800">
        <v>80393.684240000002</v>
      </c>
      <c r="G6800">
        <v>47061.534399999997</v>
      </c>
      <c r="H6800">
        <v>41274.924890000002</v>
      </c>
      <c r="I6800">
        <v>33405.854489999998</v>
      </c>
      <c r="J6800">
        <v>39690.802969999997</v>
      </c>
      <c r="K6800">
        <v>48031.822840000001</v>
      </c>
      <c r="L6800">
        <v>19436.291140000001</v>
      </c>
      <c r="M6800">
        <v>350936.4203</v>
      </c>
      <c r="N6800">
        <v>77269.221770000004</v>
      </c>
      <c r="O6800">
        <v>20075.40883</v>
      </c>
      <c r="P6800">
        <v>25909.87976</v>
      </c>
      <c r="Q6800">
        <v>97894.893479999999</v>
      </c>
      <c r="R6800">
        <v>18671.711619999998</v>
      </c>
      <c r="S6800">
        <v>85972.641889999999</v>
      </c>
      <c r="T6800">
        <v>28016.091619999999</v>
      </c>
      <c r="U6800">
        <v>18407.727159999999</v>
      </c>
      <c r="W6800" s="83">
        <f>Bühler!N6832</f>
        <v>45575.249999983513</v>
      </c>
      <c r="X6800" s="83">
        <v>43384.25</v>
      </c>
      <c r="Y6800">
        <v>270998.22529999999</v>
      </c>
      <c r="Z6800">
        <v>19937.846560000002</v>
      </c>
      <c r="AA6800">
        <v>80393.684240000002</v>
      </c>
      <c r="AB6800">
        <v>47061.534399999997</v>
      </c>
      <c r="AC6800">
        <v>41274.924890000002</v>
      </c>
      <c r="AD6800">
        <v>33405.854489999998</v>
      </c>
      <c r="AE6800">
        <v>39690.802969999997</v>
      </c>
      <c r="AF6800">
        <v>48031.822840000001</v>
      </c>
      <c r="AG6800">
        <v>19436.291140000001</v>
      </c>
      <c r="AH6800">
        <v>350936.4203</v>
      </c>
      <c r="AI6800">
        <v>77269.221770000004</v>
      </c>
      <c r="AJ6800">
        <v>20075.40883</v>
      </c>
      <c r="AK6800">
        <v>25909.87976</v>
      </c>
      <c r="AL6800">
        <v>97894.893479999999</v>
      </c>
      <c r="AM6800">
        <v>18671.711619999998</v>
      </c>
      <c r="AN6800">
        <v>85972.641889999999</v>
      </c>
      <c r="AO6800">
        <v>28016.091619999999</v>
      </c>
      <c r="AP6800">
        <v>18407.727159999999</v>
      </c>
    </row>
    <row r="6801" spans="2:42" x14ac:dyDescent="0.3">
      <c r="B6801">
        <v>71.009047136542435</v>
      </c>
      <c r="C6801" s="83">
        <v>43384.291666666664</v>
      </c>
      <c r="D6801">
        <v>288157.04830000002</v>
      </c>
      <c r="E6801">
        <v>24607.561010000001</v>
      </c>
      <c r="F6801">
        <v>83698.056679999994</v>
      </c>
      <c r="G6801">
        <v>61949.801959999997</v>
      </c>
      <c r="H6801">
        <v>47401.391860000003</v>
      </c>
      <c r="I6801">
        <v>42647.135159999998</v>
      </c>
      <c r="J6801">
        <v>41670.604910000002</v>
      </c>
      <c r="K6801">
        <v>54918.856890000003</v>
      </c>
      <c r="L6801">
        <v>22322.095209999999</v>
      </c>
      <c r="M6801">
        <v>362037.23680000001</v>
      </c>
      <c r="N6801">
        <v>84753.145950000006</v>
      </c>
      <c r="O6801">
        <v>23267.580089999999</v>
      </c>
      <c r="P6801">
        <v>30648.744360000001</v>
      </c>
      <c r="Q6801">
        <v>97561.471380000003</v>
      </c>
      <c r="R6801">
        <v>21096.31438</v>
      </c>
      <c r="S6801">
        <v>102582.8438</v>
      </c>
      <c r="T6801">
        <v>31050.537410000001</v>
      </c>
      <c r="U6801">
        <v>24035.186750000001</v>
      </c>
      <c r="W6801" s="83">
        <f>Bühler!N6833</f>
        <v>45575.291666650177</v>
      </c>
      <c r="X6801" s="83">
        <v>43384.291666666664</v>
      </c>
      <c r="Y6801">
        <v>288157.04830000002</v>
      </c>
      <c r="Z6801">
        <v>24607.561010000001</v>
      </c>
      <c r="AA6801">
        <v>83698.056679999994</v>
      </c>
      <c r="AB6801">
        <v>61949.801959999997</v>
      </c>
      <c r="AC6801">
        <v>47401.391860000003</v>
      </c>
      <c r="AD6801">
        <v>42647.135159999998</v>
      </c>
      <c r="AE6801">
        <v>41670.604910000002</v>
      </c>
      <c r="AF6801">
        <v>54918.856890000003</v>
      </c>
      <c r="AG6801">
        <v>22322.095209999999</v>
      </c>
      <c r="AH6801">
        <v>362037.23680000001</v>
      </c>
      <c r="AI6801">
        <v>84753.145950000006</v>
      </c>
      <c r="AJ6801">
        <v>23267.580089999999</v>
      </c>
      <c r="AK6801">
        <v>30648.744360000001</v>
      </c>
      <c r="AL6801">
        <v>97561.471380000003</v>
      </c>
      <c r="AM6801">
        <v>21096.31438</v>
      </c>
      <c r="AN6801">
        <v>102582.8438</v>
      </c>
      <c r="AO6801">
        <v>31050.537410000001</v>
      </c>
      <c r="AP6801">
        <v>24035.186750000001</v>
      </c>
    </row>
    <row r="6802" spans="2:42" x14ac:dyDescent="0.3">
      <c r="B6802">
        <v>71.645370803779912</v>
      </c>
      <c r="C6802" s="83">
        <v>43384.333333333336</v>
      </c>
      <c r="D6802">
        <v>298228.91899999999</v>
      </c>
      <c r="E6802">
        <v>29994.834480000001</v>
      </c>
      <c r="F6802">
        <v>88795.376520000005</v>
      </c>
      <c r="G6802">
        <v>79235.428809999998</v>
      </c>
      <c r="H6802">
        <v>51404.392769999999</v>
      </c>
      <c r="I6802">
        <v>44872.356010000003</v>
      </c>
      <c r="J6802">
        <v>41673.898719999997</v>
      </c>
      <c r="K6802">
        <v>60895.690790000001</v>
      </c>
      <c r="L6802">
        <v>25153.652859999998</v>
      </c>
      <c r="M6802">
        <v>365281.51160000003</v>
      </c>
      <c r="N6802">
        <v>92382.543309999994</v>
      </c>
      <c r="O6802">
        <v>25143.757819999999</v>
      </c>
      <c r="P6802">
        <v>32367.092799999999</v>
      </c>
      <c r="Q6802">
        <v>98784.004639999999</v>
      </c>
      <c r="R6802">
        <v>21856.84533</v>
      </c>
      <c r="S6802">
        <v>115365.57799999999</v>
      </c>
      <c r="T6802">
        <v>33924.724580000002</v>
      </c>
      <c r="U6802">
        <v>26488.747749999999</v>
      </c>
      <c r="W6802" s="83">
        <f>Bühler!N6834</f>
        <v>45575.333333316841</v>
      </c>
      <c r="X6802" s="83">
        <v>43384.333333333336</v>
      </c>
      <c r="Y6802">
        <v>298228.91899999999</v>
      </c>
      <c r="Z6802">
        <v>29994.834480000001</v>
      </c>
      <c r="AA6802">
        <v>88795.376520000005</v>
      </c>
      <c r="AB6802">
        <v>79235.428809999998</v>
      </c>
      <c r="AC6802">
        <v>51404.392769999999</v>
      </c>
      <c r="AD6802">
        <v>44872.356010000003</v>
      </c>
      <c r="AE6802">
        <v>41673.898719999997</v>
      </c>
      <c r="AF6802">
        <v>60895.690790000001</v>
      </c>
      <c r="AG6802">
        <v>25153.652859999998</v>
      </c>
      <c r="AH6802">
        <v>365281.51160000003</v>
      </c>
      <c r="AI6802">
        <v>92382.543309999994</v>
      </c>
      <c r="AJ6802">
        <v>25143.757819999999</v>
      </c>
      <c r="AK6802">
        <v>32367.092799999999</v>
      </c>
      <c r="AL6802">
        <v>98784.004639999999</v>
      </c>
      <c r="AM6802">
        <v>21856.84533</v>
      </c>
      <c r="AN6802">
        <v>115365.57799999999</v>
      </c>
      <c r="AO6802">
        <v>33924.724580000002</v>
      </c>
      <c r="AP6802">
        <v>26488.747749999999</v>
      </c>
    </row>
    <row r="6803" spans="2:42" x14ac:dyDescent="0.3">
      <c r="B6803">
        <v>71.693707633616754</v>
      </c>
      <c r="C6803" s="83">
        <v>43384.375</v>
      </c>
      <c r="D6803">
        <v>299643.94010000001</v>
      </c>
      <c r="E6803">
        <v>34169.756020000001</v>
      </c>
      <c r="F6803">
        <v>95570.737460000004</v>
      </c>
      <c r="G6803">
        <v>87029.708039999998</v>
      </c>
      <c r="H6803">
        <v>53802.853580000003</v>
      </c>
      <c r="I6803">
        <v>41991.208850000003</v>
      </c>
      <c r="J6803">
        <v>41522.251369999998</v>
      </c>
      <c r="K6803">
        <v>61334.39054</v>
      </c>
      <c r="L6803">
        <v>27372.258379999999</v>
      </c>
      <c r="M6803">
        <v>365527.95529999997</v>
      </c>
      <c r="N6803">
        <v>93981.145449999996</v>
      </c>
      <c r="O6803">
        <v>25614.382399999999</v>
      </c>
      <c r="P6803">
        <v>33687.481789999998</v>
      </c>
      <c r="Q6803">
        <v>98237.573189999996</v>
      </c>
      <c r="R6803">
        <v>21947.12095</v>
      </c>
      <c r="S6803">
        <v>121767.5206</v>
      </c>
      <c r="T6803">
        <v>35205.268819999998</v>
      </c>
      <c r="U6803">
        <v>27021.568510000001</v>
      </c>
      <c r="W6803" s="83">
        <f>Bühler!N6835</f>
        <v>45575.374999983505</v>
      </c>
      <c r="X6803" s="83">
        <v>43384.375</v>
      </c>
      <c r="Y6803">
        <v>299643.94010000001</v>
      </c>
      <c r="Z6803">
        <v>34169.756020000001</v>
      </c>
      <c r="AA6803">
        <v>95570.737460000004</v>
      </c>
      <c r="AB6803">
        <v>87029.708039999998</v>
      </c>
      <c r="AC6803">
        <v>53802.853580000003</v>
      </c>
      <c r="AD6803">
        <v>41991.208850000003</v>
      </c>
      <c r="AE6803">
        <v>41522.251369999998</v>
      </c>
      <c r="AF6803">
        <v>61334.39054</v>
      </c>
      <c r="AG6803">
        <v>27372.258379999999</v>
      </c>
      <c r="AH6803">
        <v>365527.95529999997</v>
      </c>
      <c r="AI6803">
        <v>93981.145449999996</v>
      </c>
      <c r="AJ6803">
        <v>25614.382399999999</v>
      </c>
      <c r="AK6803">
        <v>33687.481789999998</v>
      </c>
      <c r="AL6803">
        <v>98237.573189999996</v>
      </c>
      <c r="AM6803">
        <v>21947.12095</v>
      </c>
      <c r="AN6803">
        <v>121767.5206</v>
      </c>
      <c r="AO6803">
        <v>35205.268819999998</v>
      </c>
      <c r="AP6803">
        <v>27021.568510000001</v>
      </c>
    </row>
    <row r="6804" spans="2:42" x14ac:dyDescent="0.3">
      <c r="B6804">
        <v>71.852846646327933</v>
      </c>
      <c r="C6804" s="83">
        <v>43384.416666666664</v>
      </c>
      <c r="D6804">
        <v>302278.02590000001</v>
      </c>
      <c r="E6804">
        <v>35525.693059999998</v>
      </c>
      <c r="F6804">
        <v>95122.926590000003</v>
      </c>
      <c r="G6804">
        <v>87977.360419999997</v>
      </c>
      <c r="H6804">
        <v>54119.935310000001</v>
      </c>
      <c r="I6804">
        <v>38909.312700000002</v>
      </c>
      <c r="J6804">
        <v>40448.762600000002</v>
      </c>
      <c r="K6804">
        <v>62647.816270000003</v>
      </c>
      <c r="L6804">
        <v>29116.072230000002</v>
      </c>
      <c r="M6804">
        <v>366339.32020000002</v>
      </c>
      <c r="N6804">
        <v>95331.884319999997</v>
      </c>
      <c r="O6804">
        <v>25532.877909999999</v>
      </c>
      <c r="P6804">
        <v>34773.344089999999</v>
      </c>
      <c r="Q6804">
        <v>97532.649350000007</v>
      </c>
      <c r="R6804">
        <v>22746.401699999999</v>
      </c>
      <c r="S6804">
        <v>120936.02370000001</v>
      </c>
      <c r="T6804">
        <v>36292.630169999997</v>
      </c>
      <c r="U6804">
        <v>26254.138569999999</v>
      </c>
      <c r="W6804" s="83">
        <f>Bühler!N6836</f>
        <v>45575.41666665017</v>
      </c>
      <c r="X6804" s="83">
        <v>43384.416666666664</v>
      </c>
      <c r="Y6804">
        <v>302278.02590000001</v>
      </c>
      <c r="Z6804">
        <v>35525.693059999998</v>
      </c>
      <c r="AA6804">
        <v>95122.926590000003</v>
      </c>
      <c r="AB6804">
        <v>87977.360419999997</v>
      </c>
      <c r="AC6804">
        <v>54119.935310000001</v>
      </c>
      <c r="AD6804">
        <v>38909.312700000002</v>
      </c>
      <c r="AE6804">
        <v>40448.762600000002</v>
      </c>
      <c r="AF6804">
        <v>62647.816270000003</v>
      </c>
      <c r="AG6804">
        <v>29116.072230000002</v>
      </c>
      <c r="AH6804">
        <v>366339.32020000002</v>
      </c>
      <c r="AI6804">
        <v>95331.884319999997</v>
      </c>
      <c r="AJ6804">
        <v>25532.877909999999</v>
      </c>
      <c r="AK6804">
        <v>34773.344089999999</v>
      </c>
      <c r="AL6804">
        <v>97532.649350000007</v>
      </c>
      <c r="AM6804">
        <v>22746.401699999999</v>
      </c>
      <c r="AN6804">
        <v>120936.02370000001</v>
      </c>
      <c r="AO6804">
        <v>36292.630169999997</v>
      </c>
      <c r="AP6804">
        <v>26254.138569999999</v>
      </c>
    </row>
    <row r="6805" spans="2:42" x14ac:dyDescent="0.3">
      <c r="B6805">
        <v>72.404700794475701</v>
      </c>
      <c r="C6805" s="83">
        <v>43384.458333333336</v>
      </c>
      <c r="D6805">
        <v>299667.08590000001</v>
      </c>
      <c r="E6805">
        <v>35221.265650000001</v>
      </c>
      <c r="F6805">
        <v>95432.137619999994</v>
      </c>
      <c r="G6805">
        <v>85540.755789999996</v>
      </c>
      <c r="H6805">
        <v>53423.237070000003</v>
      </c>
      <c r="I6805">
        <v>37352.96153</v>
      </c>
      <c r="J6805">
        <v>39692.272190000003</v>
      </c>
      <c r="K6805">
        <v>63997.860919999999</v>
      </c>
      <c r="L6805">
        <v>30705.162670000002</v>
      </c>
      <c r="M6805">
        <v>369152.93</v>
      </c>
      <c r="N6805">
        <v>95069.318499999994</v>
      </c>
      <c r="O6805">
        <v>25899.203560000002</v>
      </c>
      <c r="P6805">
        <v>33661.001850000001</v>
      </c>
      <c r="Q6805">
        <v>97820.749620000002</v>
      </c>
      <c r="R6805">
        <v>23242.28371</v>
      </c>
      <c r="S6805">
        <v>122487.27899999999</v>
      </c>
      <c r="T6805">
        <v>35888.204689999999</v>
      </c>
      <c r="U6805">
        <v>25511.91087</v>
      </c>
      <c r="W6805" s="83">
        <f>Bühler!N6837</f>
        <v>45575.458333316834</v>
      </c>
      <c r="X6805" s="83">
        <v>43384.458333333336</v>
      </c>
      <c r="Y6805">
        <v>299667.08590000001</v>
      </c>
      <c r="Z6805">
        <v>35221.265650000001</v>
      </c>
      <c r="AA6805">
        <v>95432.137619999994</v>
      </c>
      <c r="AB6805">
        <v>85540.755789999996</v>
      </c>
      <c r="AC6805">
        <v>53423.237070000003</v>
      </c>
      <c r="AD6805">
        <v>37352.96153</v>
      </c>
      <c r="AE6805">
        <v>39692.272190000003</v>
      </c>
      <c r="AF6805">
        <v>63997.860919999999</v>
      </c>
      <c r="AG6805">
        <v>30705.162670000002</v>
      </c>
      <c r="AH6805">
        <v>369152.93</v>
      </c>
      <c r="AI6805">
        <v>95069.318499999994</v>
      </c>
      <c r="AJ6805">
        <v>25899.203560000002</v>
      </c>
      <c r="AK6805">
        <v>33661.001850000001</v>
      </c>
      <c r="AL6805">
        <v>97820.749620000002</v>
      </c>
      <c r="AM6805">
        <v>23242.28371</v>
      </c>
      <c r="AN6805">
        <v>122487.27899999999</v>
      </c>
      <c r="AO6805">
        <v>35888.204689999999</v>
      </c>
      <c r="AP6805">
        <v>25511.91087</v>
      </c>
    </row>
    <row r="6806" spans="2:42" x14ac:dyDescent="0.3">
      <c r="B6806">
        <v>71.817374175221929</v>
      </c>
      <c r="C6806" s="83">
        <v>43384.5</v>
      </c>
      <c r="D6806">
        <v>284659.78769999999</v>
      </c>
      <c r="E6806">
        <v>31526.391950000001</v>
      </c>
      <c r="F6806">
        <v>93635.306890000007</v>
      </c>
      <c r="G6806">
        <v>83333.859859999997</v>
      </c>
      <c r="H6806">
        <v>51146.81854</v>
      </c>
      <c r="I6806">
        <v>36094.517160000003</v>
      </c>
      <c r="J6806">
        <v>39890.990980000002</v>
      </c>
      <c r="K6806">
        <v>59318.306879999996</v>
      </c>
      <c r="L6806">
        <v>33824.673540000003</v>
      </c>
      <c r="M6806">
        <v>366158.46500000003</v>
      </c>
      <c r="N6806">
        <v>92969.239060000007</v>
      </c>
      <c r="O6806">
        <v>25157.76959</v>
      </c>
      <c r="P6806">
        <v>34730.103020000002</v>
      </c>
      <c r="Q6806">
        <v>97380.560700000002</v>
      </c>
      <c r="R6806">
        <v>24518.835350000001</v>
      </c>
      <c r="S6806">
        <v>115398.0273</v>
      </c>
      <c r="T6806">
        <v>35557.083610000001</v>
      </c>
      <c r="U6806">
        <v>20249.878489999999</v>
      </c>
      <c r="W6806" s="83">
        <f>Bühler!N6838</f>
        <v>45575.499999983498</v>
      </c>
      <c r="X6806" s="83">
        <v>43384.5</v>
      </c>
      <c r="Y6806">
        <v>284659.78769999999</v>
      </c>
      <c r="Z6806">
        <v>31526.391950000001</v>
      </c>
      <c r="AA6806">
        <v>93635.306890000007</v>
      </c>
      <c r="AB6806">
        <v>83333.859859999997</v>
      </c>
      <c r="AC6806">
        <v>51146.81854</v>
      </c>
      <c r="AD6806">
        <v>36094.517160000003</v>
      </c>
      <c r="AE6806">
        <v>39890.990980000002</v>
      </c>
      <c r="AF6806">
        <v>59318.306879999996</v>
      </c>
      <c r="AG6806">
        <v>33824.673540000003</v>
      </c>
      <c r="AH6806">
        <v>366158.46500000003</v>
      </c>
      <c r="AI6806">
        <v>92969.239060000007</v>
      </c>
      <c r="AJ6806">
        <v>25157.76959</v>
      </c>
      <c r="AK6806">
        <v>34730.103020000002</v>
      </c>
      <c r="AL6806">
        <v>97380.560700000002</v>
      </c>
      <c r="AM6806">
        <v>24518.835350000001</v>
      </c>
      <c r="AN6806">
        <v>115398.0273</v>
      </c>
      <c r="AO6806">
        <v>35557.083610000001</v>
      </c>
      <c r="AP6806">
        <v>20249.878489999999</v>
      </c>
    </row>
    <row r="6807" spans="2:42" x14ac:dyDescent="0.3">
      <c r="B6807">
        <v>71.270623561795148</v>
      </c>
      <c r="C6807" s="83">
        <v>43384.541666666664</v>
      </c>
      <c r="D6807">
        <v>284735.5306</v>
      </c>
      <c r="E6807">
        <v>31713.39</v>
      </c>
      <c r="F6807">
        <v>93512.295929999993</v>
      </c>
      <c r="G6807">
        <v>79982.450270000001</v>
      </c>
      <c r="H6807">
        <v>51569.244379999996</v>
      </c>
      <c r="I6807">
        <v>36379.834490000001</v>
      </c>
      <c r="J6807">
        <v>39146.532570000003</v>
      </c>
      <c r="K6807">
        <v>59610.806810000002</v>
      </c>
      <c r="L6807">
        <v>32905.371529999997</v>
      </c>
      <c r="M6807">
        <v>363370.87540000002</v>
      </c>
      <c r="N6807">
        <v>92369.952730000005</v>
      </c>
      <c r="O6807">
        <v>24238.9902</v>
      </c>
      <c r="P6807">
        <v>34138.266430000003</v>
      </c>
      <c r="Q6807">
        <v>96386.124020000003</v>
      </c>
      <c r="R6807">
        <v>25219.194670000001</v>
      </c>
      <c r="S6807">
        <v>115705.1251</v>
      </c>
      <c r="T6807">
        <v>34552.222699999998</v>
      </c>
      <c r="U6807">
        <v>21866.084060000001</v>
      </c>
      <c r="W6807" s="83">
        <f>Bühler!N6839</f>
        <v>45575.541666650162</v>
      </c>
      <c r="X6807" s="83">
        <v>43384.541666666664</v>
      </c>
      <c r="Y6807">
        <v>284735.5306</v>
      </c>
      <c r="Z6807">
        <v>31713.39</v>
      </c>
      <c r="AA6807">
        <v>93512.295929999993</v>
      </c>
      <c r="AB6807">
        <v>79982.450270000001</v>
      </c>
      <c r="AC6807">
        <v>51569.244379999996</v>
      </c>
      <c r="AD6807">
        <v>36379.834490000001</v>
      </c>
      <c r="AE6807">
        <v>39146.532570000003</v>
      </c>
      <c r="AF6807">
        <v>59610.806810000002</v>
      </c>
      <c r="AG6807">
        <v>32905.371529999997</v>
      </c>
      <c r="AH6807">
        <v>363370.87540000002</v>
      </c>
      <c r="AI6807">
        <v>92369.952730000005</v>
      </c>
      <c r="AJ6807">
        <v>24238.9902</v>
      </c>
      <c r="AK6807">
        <v>34138.266430000003</v>
      </c>
      <c r="AL6807">
        <v>96386.124020000003</v>
      </c>
      <c r="AM6807">
        <v>25219.194670000001</v>
      </c>
      <c r="AN6807">
        <v>115705.1251</v>
      </c>
      <c r="AO6807">
        <v>34552.222699999998</v>
      </c>
      <c r="AP6807">
        <v>21866.084060000001</v>
      </c>
    </row>
    <row r="6808" spans="2:42" x14ac:dyDescent="0.3">
      <c r="B6808">
        <v>70.911983555691137</v>
      </c>
      <c r="C6808" s="83">
        <v>43384.583333333336</v>
      </c>
      <c r="D6808">
        <v>289715.97840000002</v>
      </c>
      <c r="E6808">
        <v>34798.440900000001</v>
      </c>
      <c r="F6808">
        <v>95904.626260000005</v>
      </c>
      <c r="G6808">
        <v>74583.655639999997</v>
      </c>
      <c r="H6808">
        <v>51822.08872</v>
      </c>
      <c r="I6808">
        <v>37054.490760000001</v>
      </c>
      <c r="J6808">
        <v>38490.765579999999</v>
      </c>
      <c r="K6808">
        <v>62918.72853</v>
      </c>
      <c r="L6808">
        <v>29565.873299999999</v>
      </c>
      <c r="M6808">
        <v>361542.36139999999</v>
      </c>
      <c r="N6808">
        <v>93087.328689999995</v>
      </c>
      <c r="O6808">
        <v>23934.32647</v>
      </c>
      <c r="P6808">
        <v>30417.183819999998</v>
      </c>
      <c r="Q6808">
        <v>96212.416649999999</v>
      </c>
      <c r="R6808">
        <v>23283.592410000001</v>
      </c>
      <c r="S6808">
        <v>110356.2629</v>
      </c>
      <c r="T6808">
        <v>33856.937859999998</v>
      </c>
      <c r="U6808">
        <v>22837.635780000001</v>
      </c>
      <c r="W6808" s="83">
        <f>Bühler!N6840</f>
        <v>45575.583333316827</v>
      </c>
      <c r="X6808" s="83">
        <v>43384.583333333336</v>
      </c>
      <c r="Y6808">
        <v>289715.97840000002</v>
      </c>
      <c r="Z6808">
        <v>34798.440900000001</v>
      </c>
      <c r="AA6808">
        <v>95904.626260000005</v>
      </c>
      <c r="AB6808">
        <v>74583.655639999997</v>
      </c>
      <c r="AC6808">
        <v>51822.08872</v>
      </c>
      <c r="AD6808">
        <v>37054.490760000001</v>
      </c>
      <c r="AE6808">
        <v>38490.765579999999</v>
      </c>
      <c r="AF6808">
        <v>62918.72853</v>
      </c>
      <c r="AG6808">
        <v>29565.873299999999</v>
      </c>
      <c r="AH6808">
        <v>361542.36139999999</v>
      </c>
      <c r="AI6808">
        <v>93087.328689999995</v>
      </c>
      <c r="AJ6808">
        <v>23934.32647</v>
      </c>
      <c r="AK6808">
        <v>30417.183819999998</v>
      </c>
      <c r="AL6808">
        <v>96212.416649999999</v>
      </c>
      <c r="AM6808">
        <v>23283.592410000001</v>
      </c>
      <c r="AN6808">
        <v>110356.2629</v>
      </c>
      <c r="AO6808">
        <v>33856.937859999998</v>
      </c>
      <c r="AP6808">
        <v>22837.635780000001</v>
      </c>
    </row>
    <row r="6809" spans="2:42" x14ac:dyDescent="0.3">
      <c r="B6809">
        <v>70.361732458235835</v>
      </c>
      <c r="C6809" s="83">
        <v>43384.625</v>
      </c>
      <c r="D6809">
        <v>287636.8958</v>
      </c>
      <c r="E6809">
        <v>34821.94425</v>
      </c>
      <c r="F6809">
        <v>95967.403810000003</v>
      </c>
      <c r="G6809">
        <v>71893.103340000001</v>
      </c>
      <c r="H6809">
        <v>50124.895040000003</v>
      </c>
      <c r="I6809">
        <v>37521.822119999997</v>
      </c>
      <c r="J6809">
        <v>38191.892449999999</v>
      </c>
      <c r="K6809">
        <v>62068.167730000001</v>
      </c>
      <c r="L6809">
        <v>26773.140220000001</v>
      </c>
      <c r="M6809">
        <v>358736.92469999997</v>
      </c>
      <c r="N6809">
        <v>92277.400559999995</v>
      </c>
      <c r="O6809">
        <v>23925.400699999998</v>
      </c>
      <c r="P6809">
        <v>28497.587240000001</v>
      </c>
      <c r="Q6809">
        <v>95803.453500000003</v>
      </c>
      <c r="R6809">
        <v>22668.741460000001</v>
      </c>
      <c r="S6809">
        <v>108162.6697</v>
      </c>
      <c r="T6809">
        <v>33443.970350000003</v>
      </c>
      <c r="U6809">
        <v>21974.939060000001</v>
      </c>
      <c r="W6809" s="83">
        <f>Bühler!N6841</f>
        <v>45575.624999983491</v>
      </c>
      <c r="X6809" s="83">
        <v>43384.625</v>
      </c>
      <c r="Y6809">
        <v>287636.8958</v>
      </c>
      <c r="Z6809">
        <v>34821.94425</v>
      </c>
      <c r="AA6809">
        <v>95967.403810000003</v>
      </c>
      <c r="AB6809">
        <v>71893.103340000001</v>
      </c>
      <c r="AC6809">
        <v>50124.895040000003</v>
      </c>
      <c r="AD6809">
        <v>37521.822119999997</v>
      </c>
      <c r="AE6809">
        <v>38191.892449999999</v>
      </c>
      <c r="AF6809">
        <v>62068.167730000001</v>
      </c>
      <c r="AG6809">
        <v>26773.140220000001</v>
      </c>
      <c r="AH6809">
        <v>358736.92469999997</v>
      </c>
      <c r="AI6809">
        <v>92277.400559999995</v>
      </c>
      <c r="AJ6809">
        <v>23925.400699999998</v>
      </c>
      <c r="AK6809">
        <v>28497.587240000001</v>
      </c>
      <c r="AL6809">
        <v>95803.453500000003</v>
      </c>
      <c r="AM6809">
        <v>22668.741460000001</v>
      </c>
      <c r="AN6809">
        <v>108162.6697</v>
      </c>
      <c r="AO6809">
        <v>33443.970350000003</v>
      </c>
      <c r="AP6809">
        <v>21974.939060000001</v>
      </c>
    </row>
    <row r="6810" spans="2:42" x14ac:dyDescent="0.3">
      <c r="B6810">
        <v>69.01507259240519</v>
      </c>
      <c r="C6810" s="83">
        <v>43384.666666666664</v>
      </c>
      <c r="D6810">
        <v>281212.82400000002</v>
      </c>
      <c r="E6810">
        <v>34056.880700000002</v>
      </c>
      <c r="F6810">
        <v>95016.938089999996</v>
      </c>
      <c r="G6810">
        <v>67280.846789999996</v>
      </c>
      <c r="H6810">
        <v>48340.158060000002</v>
      </c>
      <c r="I6810">
        <v>38560.354339999998</v>
      </c>
      <c r="J6810">
        <v>37397.796280000002</v>
      </c>
      <c r="K6810">
        <v>59875.309979999998</v>
      </c>
      <c r="L6810">
        <v>25310.043229999999</v>
      </c>
      <c r="M6810">
        <v>351871.02470000001</v>
      </c>
      <c r="N6810">
        <v>90605.744659999997</v>
      </c>
      <c r="O6810">
        <v>23808.161520000001</v>
      </c>
      <c r="P6810">
        <v>28013.236239999998</v>
      </c>
      <c r="Q6810">
        <v>95251.553570000004</v>
      </c>
      <c r="R6810">
        <v>22172.022919999999</v>
      </c>
      <c r="S6810">
        <v>105300.99370000001</v>
      </c>
      <c r="T6810">
        <v>33375.922250000003</v>
      </c>
      <c r="U6810">
        <v>19882.635999999999</v>
      </c>
      <c r="W6810" s="83">
        <f>Bühler!N6842</f>
        <v>45575.666666650155</v>
      </c>
      <c r="X6810" s="83">
        <v>43384.666666666664</v>
      </c>
      <c r="Y6810">
        <v>281212.82400000002</v>
      </c>
      <c r="Z6810">
        <v>34056.880700000002</v>
      </c>
      <c r="AA6810">
        <v>95016.938089999996</v>
      </c>
      <c r="AB6810">
        <v>67280.846789999996</v>
      </c>
      <c r="AC6810">
        <v>48340.158060000002</v>
      </c>
      <c r="AD6810">
        <v>38560.354339999998</v>
      </c>
      <c r="AE6810">
        <v>37397.796280000002</v>
      </c>
      <c r="AF6810">
        <v>59875.309979999998</v>
      </c>
      <c r="AG6810">
        <v>25310.043229999999</v>
      </c>
      <c r="AH6810">
        <v>351871.02470000001</v>
      </c>
      <c r="AI6810">
        <v>90605.744659999997</v>
      </c>
      <c r="AJ6810">
        <v>23808.161520000001</v>
      </c>
      <c r="AK6810">
        <v>28013.236239999998</v>
      </c>
      <c r="AL6810">
        <v>95251.553570000004</v>
      </c>
      <c r="AM6810">
        <v>22172.022919999999</v>
      </c>
      <c r="AN6810">
        <v>105300.99370000001</v>
      </c>
      <c r="AO6810">
        <v>33375.922250000003</v>
      </c>
      <c r="AP6810">
        <v>19882.635999999999</v>
      </c>
    </row>
    <row r="6811" spans="2:42" x14ac:dyDescent="0.3">
      <c r="B6811">
        <v>68.212879986690893</v>
      </c>
      <c r="C6811" s="83">
        <v>43384.708333333336</v>
      </c>
      <c r="D6811">
        <v>269731.50939999998</v>
      </c>
      <c r="E6811">
        <v>31653.847679999999</v>
      </c>
      <c r="F6811">
        <v>94759.305429999993</v>
      </c>
      <c r="G6811">
        <v>59668.541360000003</v>
      </c>
      <c r="H6811">
        <v>46354.276059999997</v>
      </c>
      <c r="I6811">
        <v>38318.618340000001</v>
      </c>
      <c r="J6811">
        <v>37575.130649999999</v>
      </c>
      <c r="K6811">
        <v>53641.859929999999</v>
      </c>
      <c r="L6811">
        <v>25884.28111</v>
      </c>
      <c r="M6811">
        <v>347781.07270000002</v>
      </c>
      <c r="N6811">
        <v>86880.260380000007</v>
      </c>
      <c r="O6811">
        <v>22205.92438</v>
      </c>
      <c r="P6811">
        <v>28652.893530000001</v>
      </c>
      <c r="Q6811">
        <v>94013.458740000002</v>
      </c>
      <c r="R6811">
        <v>20847.270799999998</v>
      </c>
      <c r="S6811">
        <v>102214.06170000001</v>
      </c>
      <c r="T6811">
        <v>32949.477480000001</v>
      </c>
      <c r="U6811">
        <v>17083.41041</v>
      </c>
      <c r="W6811" s="83">
        <f>Bühler!N6843</f>
        <v>45575.708333316819</v>
      </c>
      <c r="X6811" s="83">
        <v>43384.708333333336</v>
      </c>
      <c r="Y6811">
        <v>269731.50939999998</v>
      </c>
      <c r="Z6811">
        <v>31653.847679999999</v>
      </c>
      <c r="AA6811">
        <v>94759.305429999993</v>
      </c>
      <c r="AB6811">
        <v>59668.541360000003</v>
      </c>
      <c r="AC6811">
        <v>46354.276059999997</v>
      </c>
      <c r="AD6811">
        <v>38318.618340000001</v>
      </c>
      <c r="AE6811">
        <v>37575.130649999999</v>
      </c>
      <c r="AF6811">
        <v>53641.859929999999</v>
      </c>
      <c r="AG6811">
        <v>25884.28111</v>
      </c>
      <c r="AH6811">
        <v>347781.07270000002</v>
      </c>
      <c r="AI6811">
        <v>86880.260380000007</v>
      </c>
      <c r="AJ6811">
        <v>22205.92438</v>
      </c>
      <c r="AK6811">
        <v>28652.893530000001</v>
      </c>
      <c r="AL6811">
        <v>94013.458740000002</v>
      </c>
      <c r="AM6811">
        <v>20847.270799999998</v>
      </c>
      <c r="AN6811">
        <v>102214.06170000001</v>
      </c>
      <c r="AO6811">
        <v>32949.477480000001</v>
      </c>
      <c r="AP6811">
        <v>17083.41041</v>
      </c>
    </row>
    <row r="6812" spans="2:42" x14ac:dyDescent="0.3">
      <c r="B6812">
        <v>66.857847995374442</v>
      </c>
      <c r="C6812" s="83">
        <v>43384.75</v>
      </c>
      <c r="D6812">
        <v>263034.3775</v>
      </c>
      <c r="E6812">
        <v>28699.326369999999</v>
      </c>
      <c r="F6812">
        <v>92873.895910000007</v>
      </c>
      <c r="G6812">
        <v>51293.332670000003</v>
      </c>
      <c r="H6812">
        <v>43717.83466</v>
      </c>
      <c r="I6812">
        <v>36708.300069999998</v>
      </c>
      <c r="J6812">
        <v>37844.291570000001</v>
      </c>
      <c r="K6812">
        <v>51749.284749999999</v>
      </c>
      <c r="L6812">
        <v>26899.40266</v>
      </c>
      <c r="M6812">
        <v>340872.4877</v>
      </c>
      <c r="N6812">
        <v>84210.932249999998</v>
      </c>
      <c r="O6812">
        <v>22010.241559999999</v>
      </c>
      <c r="P6812">
        <v>31687.076959999999</v>
      </c>
      <c r="Q6812">
        <v>92031.410109999997</v>
      </c>
      <c r="R6812">
        <v>20507.276089999999</v>
      </c>
      <c r="S6812">
        <v>96186.624249999993</v>
      </c>
      <c r="T6812">
        <v>33878.142260000001</v>
      </c>
      <c r="U6812">
        <v>15699.04286</v>
      </c>
      <c r="W6812" s="83">
        <f>Bühler!N6844</f>
        <v>45575.749999983484</v>
      </c>
      <c r="X6812" s="83">
        <v>43384.75</v>
      </c>
      <c r="Y6812">
        <v>263034.3775</v>
      </c>
      <c r="Z6812">
        <v>28699.326369999999</v>
      </c>
      <c r="AA6812">
        <v>92873.895910000007</v>
      </c>
      <c r="AB6812">
        <v>51293.332670000003</v>
      </c>
      <c r="AC6812">
        <v>43717.83466</v>
      </c>
      <c r="AD6812">
        <v>36708.300069999998</v>
      </c>
      <c r="AE6812">
        <v>37844.291570000001</v>
      </c>
      <c r="AF6812">
        <v>51749.284749999999</v>
      </c>
      <c r="AG6812">
        <v>26899.40266</v>
      </c>
      <c r="AH6812">
        <v>340872.4877</v>
      </c>
      <c r="AI6812">
        <v>84210.932249999998</v>
      </c>
      <c r="AJ6812">
        <v>22010.241559999999</v>
      </c>
      <c r="AK6812">
        <v>31687.076959999999</v>
      </c>
      <c r="AL6812">
        <v>92031.410109999997</v>
      </c>
      <c r="AM6812">
        <v>20507.276089999999</v>
      </c>
      <c r="AN6812">
        <v>96186.624249999993</v>
      </c>
      <c r="AO6812">
        <v>33878.142260000001</v>
      </c>
      <c r="AP6812">
        <v>15699.04286</v>
      </c>
    </row>
    <row r="6813" spans="2:42" x14ac:dyDescent="0.3">
      <c r="B6813">
        <v>65.244517544938446</v>
      </c>
      <c r="C6813" s="83">
        <v>43384.791666666664</v>
      </c>
      <c r="D6813">
        <v>259955.82120000001</v>
      </c>
      <c r="E6813">
        <v>24353.008030000001</v>
      </c>
      <c r="F6813">
        <v>81435.647809999995</v>
      </c>
      <c r="G6813">
        <v>48245.261259999999</v>
      </c>
      <c r="H6813">
        <v>43183.145250000001</v>
      </c>
      <c r="I6813">
        <v>34019.838259999997</v>
      </c>
      <c r="J6813">
        <v>39501.660089999998</v>
      </c>
      <c r="K6813">
        <v>51663.811659999999</v>
      </c>
      <c r="L6813">
        <v>27921.067770000001</v>
      </c>
      <c r="M6813">
        <v>332646.9767</v>
      </c>
      <c r="N6813">
        <v>82432.627770000006</v>
      </c>
      <c r="O6813">
        <v>20548.198629999999</v>
      </c>
      <c r="P6813">
        <v>34895.422330000001</v>
      </c>
      <c r="Q6813">
        <v>90291.393219999998</v>
      </c>
      <c r="R6813">
        <v>20623.41217</v>
      </c>
      <c r="S6813">
        <v>93687.370739999998</v>
      </c>
      <c r="T6813">
        <v>36027.124000000003</v>
      </c>
      <c r="U6813">
        <v>15453.76391</v>
      </c>
      <c r="W6813" s="83">
        <f>Bühler!N6845</f>
        <v>45575.791666650148</v>
      </c>
      <c r="X6813" s="83">
        <v>43384.791666666664</v>
      </c>
      <c r="Y6813">
        <v>259955.82120000001</v>
      </c>
      <c r="Z6813">
        <v>24353.008030000001</v>
      </c>
      <c r="AA6813">
        <v>81435.647809999995</v>
      </c>
      <c r="AB6813">
        <v>48245.261259999999</v>
      </c>
      <c r="AC6813">
        <v>43183.145250000001</v>
      </c>
      <c r="AD6813">
        <v>34019.838259999997</v>
      </c>
      <c r="AE6813">
        <v>39501.660089999998</v>
      </c>
      <c r="AF6813">
        <v>51663.811659999999</v>
      </c>
      <c r="AG6813">
        <v>27921.067770000001</v>
      </c>
      <c r="AH6813">
        <v>332646.9767</v>
      </c>
      <c r="AI6813">
        <v>82432.627770000006</v>
      </c>
      <c r="AJ6813">
        <v>20548.198629999999</v>
      </c>
      <c r="AK6813">
        <v>34895.422330000001</v>
      </c>
      <c r="AL6813">
        <v>90291.393219999998</v>
      </c>
      <c r="AM6813">
        <v>20623.41217</v>
      </c>
      <c r="AN6813">
        <v>93687.370739999998</v>
      </c>
      <c r="AO6813">
        <v>36027.124000000003</v>
      </c>
      <c r="AP6813">
        <v>15453.76391</v>
      </c>
    </row>
    <row r="6814" spans="2:42" x14ac:dyDescent="0.3">
      <c r="B6814">
        <v>63.230306346662495</v>
      </c>
      <c r="C6814" s="83">
        <v>43384.833333333336</v>
      </c>
      <c r="D6814">
        <v>249419.96040000001</v>
      </c>
      <c r="E6814">
        <v>18805.230769999998</v>
      </c>
      <c r="F6814">
        <v>63729.526550000002</v>
      </c>
      <c r="G6814">
        <v>43047.723579999998</v>
      </c>
      <c r="H6814">
        <v>41433.169349999996</v>
      </c>
      <c r="I6814">
        <v>30966.794290000002</v>
      </c>
      <c r="J6814">
        <v>39291.947780000002</v>
      </c>
      <c r="K6814">
        <v>51556.974580000002</v>
      </c>
      <c r="L6814">
        <v>26743.303329999999</v>
      </c>
      <c r="M6814">
        <v>322377.58870000002</v>
      </c>
      <c r="N6814">
        <v>80658.398159999997</v>
      </c>
      <c r="O6814">
        <v>19601.166539999998</v>
      </c>
      <c r="P6814">
        <v>35380.150759999997</v>
      </c>
      <c r="Q6814">
        <v>88202.447849999997</v>
      </c>
      <c r="R6814">
        <v>18933.294020000001</v>
      </c>
      <c r="S6814">
        <v>86321.859830000001</v>
      </c>
      <c r="T6814">
        <v>34098.125370000002</v>
      </c>
      <c r="U6814">
        <v>14646.648429999999</v>
      </c>
      <c r="W6814" s="83">
        <f>Bühler!N6846</f>
        <v>45575.833333316812</v>
      </c>
      <c r="X6814" s="83">
        <v>43384.833333333336</v>
      </c>
      <c r="Y6814">
        <v>249419.96040000001</v>
      </c>
      <c r="Z6814">
        <v>18805.230769999998</v>
      </c>
      <c r="AA6814">
        <v>63729.526550000002</v>
      </c>
      <c r="AB6814">
        <v>43047.723579999998</v>
      </c>
      <c r="AC6814">
        <v>41433.169349999996</v>
      </c>
      <c r="AD6814">
        <v>30966.794290000002</v>
      </c>
      <c r="AE6814">
        <v>39291.947780000002</v>
      </c>
      <c r="AF6814">
        <v>51556.974580000002</v>
      </c>
      <c r="AG6814">
        <v>26743.303329999999</v>
      </c>
      <c r="AH6814">
        <v>322377.58870000002</v>
      </c>
      <c r="AI6814">
        <v>80658.398159999997</v>
      </c>
      <c r="AJ6814">
        <v>19601.166539999998</v>
      </c>
      <c r="AK6814">
        <v>35380.150759999997</v>
      </c>
      <c r="AL6814">
        <v>88202.447849999997</v>
      </c>
      <c r="AM6814">
        <v>18933.294020000001</v>
      </c>
      <c r="AN6814">
        <v>86321.859830000001</v>
      </c>
      <c r="AO6814">
        <v>34098.125370000002</v>
      </c>
      <c r="AP6814">
        <v>14646.648429999999</v>
      </c>
    </row>
    <row r="6815" spans="2:42" x14ac:dyDescent="0.3">
      <c r="B6815">
        <v>61.952960618907419</v>
      </c>
      <c r="C6815" s="83">
        <v>43384.875</v>
      </c>
      <c r="D6815">
        <v>239561.8431</v>
      </c>
      <c r="E6815">
        <v>15924.539360000001</v>
      </c>
      <c r="F6815">
        <v>55781.823850000001</v>
      </c>
      <c r="G6815">
        <v>39781.477529999996</v>
      </c>
      <c r="H6815">
        <v>39244.335639999998</v>
      </c>
      <c r="I6815">
        <v>26920.579809999999</v>
      </c>
      <c r="J6815">
        <v>37599.043010000001</v>
      </c>
      <c r="K6815">
        <v>49049.928959999997</v>
      </c>
      <c r="L6815">
        <v>25355.031559999999</v>
      </c>
      <c r="M6815">
        <v>315865.0845</v>
      </c>
      <c r="N6815">
        <v>78082.034109999993</v>
      </c>
      <c r="O6815">
        <v>18865.690259999999</v>
      </c>
      <c r="P6815">
        <v>33542.459479999998</v>
      </c>
      <c r="Q6815">
        <v>86014.860660000006</v>
      </c>
      <c r="R6815">
        <v>17955.991539999999</v>
      </c>
      <c r="S6815">
        <v>81205.079459999994</v>
      </c>
      <c r="T6815">
        <v>31542.754700000001</v>
      </c>
      <c r="U6815">
        <v>13201.72408</v>
      </c>
      <c r="W6815" s="83">
        <f>Bühler!N6847</f>
        <v>45575.874999983476</v>
      </c>
      <c r="X6815" s="83">
        <v>43384.875</v>
      </c>
      <c r="Y6815">
        <v>239561.8431</v>
      </c>
      <c r="Z6815">
        <v>15924.539360000001</v>
      </c>
      <c r="AA6815">
        <v>55781.823850000001</v>
      </c>
      <c r="AB6815">
        <v>39781.477529999996</v>
      </c>
      <c r="AC6815">
        <v>39244.335639999998</v>
      </c>
      <c r="AD6815">
        <v>26920.579809999999</v>
      </c>
      <c r="AE6815">
        <v>37599.043010000001</v>
      </c>
      <c r="AF6815">
        <v>49049.928959999997</v>
      </c>
      <c r="AG6815">
        <v>25355.031559999999</v>
      </c>
      <c r="AH6815">
        <v>315865.0845</v>
      </c>
      <c r="AI6815">
        <v>78082.034109999993</v>
      </c>
      <c r="AJ6815">
        <v>18865.690259999999</v>
      </c>
      <c r="AK6815">
        <v>33542.459479999998</v>
      </c>
      <c r="AL6815">
        <v>86014.860660000006</v>
      </c>
      <c r="AM6815">
        <v>17955.991539999999</v>
      </c>
      <c r="AN6815">
        <v>81205.079459999994</v>
      </c>
      <c r="AO6815">
        <v>31542.754700000001</v>
      </c>
      <c r="AP6815">
        <v>13201.72408</v>
      </c>
    </row>
    <row r="6816" spans="2:42" x14ac:dyDescent="0.3">
      <c r="B6816">
        <v>61.454277028691784</v>
      </c>
      <c r="C6816" s="83">
        <v>43384.916666666664</v>
      </c>
      <c r="D6816">
        <v>238949.54870000001</v>
      </c>
      <c r="E6816">
        <v>14603.820830000001</v>
      </c>
      <c r="F6816">
        <v>52946.074509999999</v>
      </c>
      <c r="G6816">
        <v>36767.097040000001</v>
      </c>
      <c r="H6816">
        <v>37256.773500000003</v>
      </c>
      <c r="I6816">
        <v>25290.530330000001</v>
      </c>
      <c r="J6816">
        <v>36381.358829999997</v>
      </c>
      <c r="K6816">
        <v>51320.898889999997</v>
      </c>
      <c r="L6816">
        <v>22623.968540000002</v>
      </c>
      <c r="M6816">
        <v>313322.56300000002</v>
      </c>
      <c r="N6816">
        <v>75771.489690000002</v>
      </c>
      <c r="O6816">
        <v>18988.358749999999</v>
      </c>
      <c r="P6816">
        <v>34230.626559999997</v>
      </c>
      <c r="Q6816">
        <v>85090.259210000004</v>
      </c>
      <c r="R6816">
        <v>19402.913629999999</v>
      </c>
      <c r="S6816">
        <v>79247.637000000002</v>
      </c>
      <c r="T6816">
        <v>26939.01484</v>
      </c>
      <c r="U6816">
        <v>13178.46441</v>
      </c>
      <c r="W6816" s="83">
        <f>Bühler!N6848</f>
        <v>45575.916666650141</v>
      </c>
      <c r="X6816" s="83">
        <v>43384.916666666664</v>
      </c>
      <c r="Y6816">
        <v>238949.54870000001</v>
      </c>
      <c r="Z6816">
        <v>14603.820830000001</v>
      </c>
      <c r="AA6816">
        <v>52946.074509999999</v>
      </c>
      <c r="AB6816">
        <v>36767.097040000001</v>
      </c>
      <c r="AC6816">
        <v>37256.773500000003</v>
      </c>
      <c r="AD6816">
        <v>25290.530330000001</v>
      </c>
      <c r="AE6816">
        <v>36381.358829999997</v>
      </c>
      <c r="AF6816">
        <v>51320.898889999997</v>
      </c>
      <c r="AG6816">
        <v>22623.968540000002</v>
      </c>
      <c r="AH6816">
        <v>313322.56300000002</v>
      </c>
      <c r="AI6816">
        <v>75771.489690000002</v>
      </c>
      <c r="AJ6816">
        <v>18988.358749999999</v>
      </c>
      <c r="AK6816">
        <v>34230.626559999997</v>
      </c>
      <c r="AL6816">
        <v>85090.259210000004</v>
      </c>
      <c r="AM6816">
        <v>19402.913629999999</v>
      </c>
      <c r="AN6816">
        <v>79247.637000000002</v>
      </c>
      <c r="AO6816">
        <v>26939.01484</v>
      </c>
      <c r="AP6816">
        <v>13178.46441</v>
      </c>
    </row>
    <row r="6817" spans="2:42" x14ac:dyDescent="0.3">
      <c r="B6817">
        <v>61.318961101562337</v>
      </c>
      <c r="C6817" s="83">
        <v>43384.958333333336</v>
      </c>
      <c r="D6817">
        <v>238902.1643</v>
      </c>
      <c r="E6817">
        <v>14033.741379999999</v>
      </c>
      <c r="F6817">
        <v>52023.971469999997</v>
      </c>
      <c r="G6817">
        <v>35897.436820000003</v>
      </c>
      <c r="H6817">
        <v>36097.116950000003</v>
      </c>
      <c r="I6817">
        <v>23977.313480000001</v>
      </c>
      <c r="J6817">
        <v>33858.0749</v>
      </c>
      <c r="K6817">
        <v>50921.456330000001</v>
      </c>
      <c r="L6817">
        <v>19702.53917</v>
      </c>
      <c r="M6817">
        <v>312632.6593</v>
      </c>
      <c r="N6817">
        <v>74789.094819999998</v>
      </c>
      <c r="O6817">
        <v>18752.768359999998</v>
      </c>
      <c r="P6817">
        <v>29890.766889999999</v>
      </c>
      <c r="Q6817">
        <v>84145.972540000002</v>
      </c>
      <c r="R6817">
        <v>18194.91635</v>
      </c>
      <c r="S6817">
        <v>78141.032210000005</v>
      </c>
      <c r="T6817">
        <v>27074.810570000001</v>
      </c>
      <c r="U6817">
        <v>12697.086359999999</v>
      </c>
      <c r="W6817" s="83">
        <f>Bühler!N6849</f>
        <v>45575.958333316805</v>
      </c>
      <c r="X6817" s="83">
        <v>43384.958333333336</v>
      </c>
      <c r="Y6817">
        <v>238902.1643</v>
      </c>
      <c r="Z6817">
        <v>14033.741379999999</v>
      </c>
      <c r="AA6817">
        <v>52023.971469999997</v>
      </c>
      <c r="AB6817">
        <v>35897.436820000003</v>
      </c>
      <c r="AC6817">
        <v>36097.116950000003</v>
      </c>
      <c r="AD6817">
        <v>23977.313480000001</v>
      </c>
      <c r="AE6817">
        <v>33858.0749</v>
      </c>
      <c r="AF6817">
        <v>50921.456330000001</v>
      </c>
      <c r="AG6817">
        <v>19702.53917</v>
      </c>
      <c r="AH6817">
        <v>312632.6593</v>
      </c>
      <c r="AI6817">
        <v>74789.094819999998</v>
      </c>
      <c r="AJ6817">
        <v>18752.768359999998</v>
      </c>
      <c r="AK6817">
        <v>29890.766889999999</v>
      </c>
      <c r="AL6817">
        <v>84145.972540000002</v>
      </c>
      <c r="AM6817">
        <v>18194.91635</v>
      </c>
      <c r="AN6817">
        <v>78141.032210000005</v>
      </c>
      <c r="AO6817">
        <v>27074.810570000001</v>
      </c>
      <c r="AP6817">
        <v>12697.086359999999</v>
      </c>
    </row>
    <row r="6818" spans="2:42" x14ac:dyDescent="0.3">
      <c r="B6818">
        <v>60.252739176104868</v>
      </c>
      <c r="C6818" s="83">
        <v>43385</v>
      </c>
      <c r="D6818">
        <v>239602.72750000001</v>
      </c>
      <c r="E6818">
        <v>13609.92691</v>
      </c>
      <c r="F6818">
        <v>51334.500099999997</v>
      </c>
      <c r="G6818">
        <v>34947.560460000001</v>
      </c>
      <c r="H6818">
        <v>35651.446499999998</v>
      </c>
      <c r="I6818">
        <v>21979.543369999999</v>
      </c>
      <c r="J6818">
        <v>31402.894560000001</v>
      </c>
      <c r="K6818">
        <v>49260.572650000002</v>
      </c>
      <c r="L6818">
        <v>17771.11591</v>
      </c>
      <c r="M6818">
        <v>307196.56270000001</v>
      </c>
      <c r="N6818">
        <v>75206.992119999995</v>
      </c>
      <c r="O6818">
        <v>18827.778330000001</v>
      </c>
      <c r="P6818">
        <v>26680.57876</v>
      </c>
      <c r="Q6818">
        <v>83502.631710000001</v>
      </c>
      <c r="R6818">
        <v>16798.46284</v>
      </c>
      <c r="S6818">
        <v>76219.321849999993</v>
      </c>
      <c r="T6818">
        <v>25162.530989999999</v>
      </c>
      <c r="U6818">
        <v>12492.421560000001</v>
      </c>
      <c r="W6818" s="83">
        <f>Bühler!N6850</f>
        <v>45575.999999983469</v>
      </c>
      <c r="X6818" s="83">
        <v>43385</v>
      </c>
      <c r="Y6818">
        <v>239602.72750000001</v>
      </c>
      <c r="Z6818">
        <v>13609.92691</v>
      </c>
      <c r="AA6818">
        <v>51334.500099999997</v>
      </c>
      <c r="AB6818">
        <v>34947.560460000001</v>
      </c>
      <c r="AC6818">
        <v>35651.446499999998</v>
      </c>
      <c r="AD6818">
        <v>21979.543369999999</v>
      </c>
      <c r="AE6818">
        <v>31402.894560000001</v>
      </c>
      <c r="AF6818">
        <v>49260.572650000002</v>
      </c>
      <c r="AG6818">
        <v>17771.11591</v>
      </c>
      <c r="AH6818">
        <v>307196.56270000001</v>
      </c>
      <c r="AI6818">
        <v>75206.992119999995</v>
      </c>
      <c r="AJ6818">
        <v>18827.778330000001</v>
      </c>
      <c r="AK6818">
        <v>26680.57876</v>
      </c>
      <c r="AL6818">
        <v>83502.631710000001</v>
      </c>
      <c r="AM6818">
        <v>16798.46284</v>
      </c>
      <c r="AN6818">
        <v>76219.321849999993</v>
      </c>
      <c r="AO6818">
        <v>25162.530989999999</v>
      </c>
      <c r="AP6818">
        <v>12492.421560000001</v>
      </c>
    </row>
    <row r="6819" spans="2:42" x14ac:dyDescent="0.3">
      <c r="B6819">
        <v>59.335769780518589</v>
      </c>
      <c r="C6819" s="83">
        <v>43385.041666666664</v>
      </c>
      <c r="D6819">
        <v>238080.61050000001</v>
      </c>
      <c r="E6819">
        <v>13371.991019999999</v>
      </c>
      <c r="F6819">
        <v>51971.99495</v>
      </c>
      <c r="G6819">
        <v>34202.000659999998</v>
      </c>
      <c r="H6819">
        <v>34918.110509999999</v>
      </c>
      <c r="I6819">
        <v>18116.60439</v>
      </c>
      <c r="J6819">
        <v>30390.88176</v>
      </c>
      <c r="K6819">
        <v>47585.836810000001</v>
      </c>
      <c r="L6819">
        <v>17620.618200000001</v>
      </c>
      <c r="M6819">
        <v>302521.42509999999</v>
      </c>
      <c r="N6819">
        <v>74059.803960000005</v>
      </c>
      <c r="O6819">
        <v>19018.139230000001</v>
      </c>
      <c r="P6819">
        <v>25389.43262</v>
      </c>
      <c r="Q6819">
        <v>84332.124330000006</v>
      </c>
      <c r="R6819">
        <v>15619.77779</v>
      </c>
      <c r="S6819">
        <v>75575.782630000002</v>
      </c>
      <c r="T6819">
        <v>24194.390520000001</v>
      </c>
      <c r="U6819">
        <v>12334.907230000001</v>
      </c>
      <c r="W6819" s="83">
        <f>Bühler!N6851</f>
        <v>45576.041666650133</v>
      </c>
      <c r="X6819" s="83">
        <v>43385.041666666664</v>
      </c>
      <c r="Y6819">
        <v>238080.61050000001</v>
      </c>
      <c r="Z6819">
        <v>13371.991019999999</v>
      </c>
      <c r="AA6819">
        <v>51971.99495</v>
      </c>
      <c r="AB6819">
        <v>34202.000659999998</v>
      </c>
      <c r="AC6819">
        <v>34918.110509999999</v>
      </c>
      <c r="AD6819">
        <v>18116.60439</v>
      </c>
      <c r="AE6819">
        <v>30390.88176</v>
      </c>
      <c r="AF6819">
        <v>47585.836810000001</v>
      </c>
      <c r="AG6819">
        <v>17620.618200000001</v>
      </c>
      <c r="AH6819">
        <v>302521.42509999999</v>
      </c>
      <c r="AI6819">
        <v>74059.803960000005</v>
      </c>
      <c r="AJ6819">
        <v>19018.139230000001</v>
      </c>
      <c r="AK6819">
        <v>25389.43262</v>
      </c>
      <c r="AL6819">
        <v>84332.124330000006</v>
      </c>
      <c r="AM6819">
        <v>15619.77779</v>
      </c>
      <c r="AN6819">
        <v>75575.782630000002</v>
      </c>
      <c r="AO6819">
        <v>24194.390520000001</v>
      </c>
      <c r="AP6819">
        <v>12334.907230000001</v>
      </c>
    </row>
    <row r="6820" spans="2:42" x14ac:dyDescent="0.3">
      <c r="B6820">
        <v>59.213730100687862</v>
      </c>
      <c r="C6820" s="83">
        <v>43385.083333333336</v>
      </c>
      <c r="D6820">
        <v>237383.8982</v>
      </c>
      <c r="E6820">
        <v>13131.69025</v>
      </c>
      <c r="F6820">
        <v>52453.190349999997</v>
      </c>
      <c r="G6820">
        <v>33703.819040000002</v>
      </c>
      <c r="H6820">
        <v>34957.879240000002</v>
      </c>
      <c r="I6820">
        <v>16123.666429999999</v>
      </c>
      <c r="J6820">
        <v>30218.23561</v>
      </c>
      <c r="K6820">
        <v>45877.092940000002</v>
      </c>
      <c r="L6820">
        <v>16750.949000000001</v>
      </c>
      <c r="M6820">
        <v>301899.20990000002</v>
      </c>
      <c r="N6820">
        <v>72347.990439999994</v>
      </c>
      <c r="O6820">
        <v>18938.454140000002</v>
      </c>
      <c r="P6820">
        <v>23937.854350000001</v>
      </c>
      <c r="Q6820">
        <v>86499.682740000004</v>
      </c>
      <c r="R6820">
        <v>15545.47759</v>
      </c>
      <c r="S6820">
        <v>74295.287609999999</v>
      </c>
      <c r="T6820">
        <v>23771.400369999999</v>
      </c>
      <c r="U6820">
        <v>12248.201209999999</v>
      </c>
      <c r="W6820" s="83">
        <f>Bühler!N6852</f>
        <v>45576.083333316798</v>
      </c>
      <c r="X6820" s="83">
        <v>43385.083333333336</v>
      </c>
      <c r="Y6820">
        <v>237383.8982</v>
      </c>
      <c r="Z6820">
        <v>13131.69025</v>
      </c>
      <c r="AA6820">
        <v>52453.190349999997</v>
      </c>
      <c r="AB6820">
        <v>33703.819040000002</v>
      </c>
      <c r="AC6820">
        <v>34957.879240000002</v>
      </c>
      <c r="AD6820">
        <v>16123.666429999999</v>
      </c>
      <c r="AE6820">
        <v>30218.23561</v>
      </c>
      <c r="AF6820">
        <v>45877.092940000002</v>
      </c>
      <c r="AG6820">
        <v>16750.949000000001</v>
      </c>
      <c r="AH6820">
        <v>301899.20990000002</v>
      </c>
      <c r="AI6820">
        <v>72347.990439999994</v>
      </c>
      <c r="AJ6820">
        <v>18938.454140000002</v>
      </c>
      <c r="AK6820">
        <v>23937.854350000001</v>
      </c>
      <c r="AL6820">
        <v>86499.682740000004</v>
      </c>
      <c r="AM6820">
        <v>15545.47759</v>
      </c>
      <c r="AN6820">
        <v>74295.287609999999</v>
      </c>
      <c r="AO6820">
        <v>23771.400369999999</v>
      </c>
      <c r="AP6820">
        <v>12248.201209999999</v>
      </c>
    </row>
    <row r="6821" spans="2:42" x14ac:dyDescent="0.3">
      <c r="B6821">
        <v>59.717223333324434</v>
      </c>
      <c r="C6821" s="83">
        <v>43385.125</v>
      </c>
      <c r="D6821">
        <v>238356.14939999999</v>
      </c>
      <c r="E6821">
        <v>13203.04694</v>
      </c>
      <c r="F6821">
        <v>53065.118799999997</v>
      </c>
      <c r="G6821">
        <v>33070.013859999999</v>
      </c>
      <c r="H6821">
        <v>35140.818429999999</v>
      </c>
      <c r="I6821">
        <v>15934.44759</v>
      </c>
      <c r="J6821">
        <v>30666.30312</v>
      </c>
      <c r="K6821">
        <v>45100.614820000003</v>
      </c>
      <c r="L6821">
        <v>17370.331870000002</v>
      </c>
      <c r="M6821">
        <v>304466.25319999998</v>
      </c>
      <c r="N6821">
        <v>71414.154129999995</v>
      </c>
      <c r="O6821">
        <v>18715.306100000002</v>
      </c>
      <c r="P6821">
        <v>23291.51728</v>
      </c>
      <c r="Q6821">
        <v>88869.694529999993</v>
      </c>
      <c r="R6821">
        <v>15203.305770000001</v>
      </c>
      <c r="S6821">
        <v>74267.633719999998</v>
      </c>
      <c r="T6821">
        <v>23308.371340000002</v>
      </c>
      <c r="U6821">
        <v>12454.270119999999</v>
      </c>
      <c r="W6821" s="83">
        <f>Bühler!N6853</f>
        <v>45576.124999983462</v>
      </c>
      <c r="X6821" s="83">
        <v>43385.125</v>
      </c>
      <c r="Y6821">
        <v>238356.14939999999</v>
      </c>
      <c r="Z6821">
        <v>13203.04694</v>
      </c>
      <c r="AA6821">
        <v>53065.118799999997</v>
      </c>
      <c r="AB6821">
        <v>33070.013859999999</v>
      </c>
      <c r="AC6821">
        <v>35140.818429999999</v>
      </c>
      <c r="AD6821">
        <v>15934.44759</v>
      </c>
      <c r="AE6821">
        <v>30666.30312</v>
      </c>
      <c r="AF6821">
        <v>45100.614820000003</v>
      </c>
      <c r="AG6821">
        <v>17370.331870000002</v>
      </c>
      <c r="AH6821">
        <v>304466.25319999998</v>
      </c>
      <c r="AI6821">
        <v>71414.154129999995</v>
      </c>
      <c r="AJ6821">
        <v>18715.306100000002</v>
      </c>
      <c r="AK6821">
        <v>23291.51728</v>
      </c>
      <c r="AL6821">
        <v>88869.694529999993</v>
      </c>
      <c r="AM6821">
        <v>15203.305770000001</v>
      </c>
      <c r="AN6821">
        <v>74267.633719999998</v>
      </c>
      <c r="AO6821">
        <v>23308.371340000002</v>
      </c>
      <c r="AP6821">
        <v>12454.270119999999</v>
      </c>
    </row>
    <row r="6822" spans="2:42" x14ac:dyDescent="0.3">
      <c r="B6822">
        <v>60.497005474334919</v>
      </c>
      <c r="C6822" s="83">
        <v>43385.166666666664</v>
      </c>
      <c r="D6822">
        <v>239740.70559999999</v>
      </c>
      <c r="E6822">
        <v>13680.479369999999</v>
      </c>
      <c r="F6822">
        <v>56511.015169999999</v>
      </c>
      <c r="G6822">
        <v>32353.57187</v>
      </c>
      <c r="H6822">
        <v>35288.975579999998</v>
      </c>
      <c r="I6822">
        <v>18177.525720000001</v>
      </c>
      <c r="J6822">
        <v>32583.285459999999</v>
      </c>
      <c r="K6822">
        <v>43561.600870000002</v>
      </c>
      <c r="L6822">
        <v>17592.644110000001</v>
      </c>
      <c r="M6822">
        <v>308441.94620000001</v>
      </c>
      <c r="N6822">
        <v>69938.687900000004</v>
      </c>
      <c r="O6822">
        <v>19013.212080000001</v>
      </c>
      <c r="P6822">
        <v>23284.32833</v>
      </c>
      <c r="Q6822">
        <v>92665.886280000006</v>
      </c>
      <c r="R6822">
        <v>14812.61483</v>
      </c>
      <c r="S6822">
        <v>73279.345019999993</v>
      </c>
      <c r="T6822">
        <v>23512.23906</v>
      </c>
      <c r="U6822">
        <v>12673.050569999999</v>
      </c>
      <c r="W6822" s="83">
        <f>Bühler!N6854</f>
        <v>45576.166666650126</v>
      </c>
      <c r="X6822" s="83">
        <v>43385.166666666664</v>
      </c>
      <c r="Y6822">
        <v>239740.70559999999</v>
      </c>
      <c r="Z6822">
        <v>13680.479369999999</v>
      </c>
      <c r="AA6822">
        <v>56511.015169999999</v>
      </c>
      <c r="AB6822">
        <v>32353.57187</v>
      </c>
      <c r="AC6822">
        <v>35288.975579999998</v>
      </c>
      <c r="AD6822">
        <v>18177.525720000001</v>
      </c>
      <c r="AE6822">
        <v>32583.285459999999</v>
      </c>
      <c r="AF6822">
        <v>43561.600870000002</v>
      </c>
      <c r="AG6822">
        <v>17592.644110000001</v>
      </c>
      <c r="AH6822">
        <v>308441.94620000001</v>
      </c>
      <c r="AI6822">
        <v>69938.687900000004</v>
      </c>
      <c r="AJ6822">
        <v>19013.212080000001</v>
      </c>
      <c r="AK6822">
        <v>23284.32833</v>
      </c>
      <c r="AL6822">
        <v>92665.886280000006</v>
      </c>
      <c r="AM6822">
        <v>14812.61483</v>
      </c>
      <c r="AN6822">
        <v>73279.345019999993</v>
      </c>
      <c r="AO6822">
        <v>23512.23906</v>
      </c>
      <c r="AP6822">
        <v>12673.050569999999</v>
      </c>
    </row>
    <row r="6823" spans="2:42" x14ac:dyDescent="0.3">
      <c r="B6823">
        <v>63.407055792389798</v>
      </c>
      <c r="C6823" s="83">
        <v>43385.208333333336</v>
      </c>
      <c r="D6823">
        <v>253508.52189999999</v>
      </c>
      <c r="E6823">
        <v>15651.849130000001</v>
      </c>
      <c r="F6823">
        <v>67254.772450000004</v>
      </c>
      <c r="G6823">
        <v>34488.741679999999</v>
      </c>
      <c r="H6823">
        <v>37277.363510000003</v>
      </c>
      <c r="I6823">
        <v>26757.972659999999</v>
      </c>
      <c r="J6823">
        <v>35867.415800000002</v>
      </c>
      <c r="K6823">
        <v>44880.289539999998</v>
      </c>
      <c r="L6823">
        <v>18474.87847</v>
      </c>
      <c r="M6823">
        <v>323278.73979999998</v>
      </c>
      <c r="N6823">
        <v>72404.372889999999</v>
      </c>
      <c r="O6823">
        <v>19352.105520000001</v>
      </c>
      <c r="P6823">
        <v>25219.471979999998</v>
      </c>
      <c r="Q6823">
        <v>95018.859840000005</v>
      </c>
      <c r="R6823">
        <v>15808.06076</v>
      </c>
      <c r="S6823">
        <v>76499.928249999997</v>
      </c>
      <c r="T6823">
        <v>24952.16692</v>
      </c>
      <c r="U6823">
        <v>14723.310729999999</v>
      </c>
      <c r="W6823" s="83">
        <f>Bühler!N6855</f>
        <v>45576.20833331679</v>
      </c>
      <c r="X6823" s="83">
        <v>43385.208333333336</v>
      </c>
      <c r="Y6823">
        <v>253508.52189999999</v>
      </c>
      <c r="Z6823">
        <v>15651.849130000001</v>
      </c>
      <c r="AA6823">
        <v>67254.772450000004</v>
      </c>
      <c r="AB6823">
        <v>34488.741679999999</v>
      </c>
      <c r="AC6823">
        <v>37277.363510000003</v>
      </c>
      <c r="AD6823">
        <v>26757.972659999999</v>
      </c>
      <c r="AE6823">
        <v>35867.415800000002</v>
      </c>
      <c r="AF6823">
        <v>44880.289539999998</v>
      </c>
      <c r="AG6823">
        <v>18474.87847</v>
      </c>
      <c r="AH6823">
        <v>323278.73979999998</v>
      </c>
      <c r="AI6823">
        <v>72404.372889999999</v>
      </c>
      <c r="AJ6823">
        <v>19352.105520000001</v>
      </c>
      <c r="AK6823">
        <v>25219.471979999998</v>
      </c>
      <c r="AL6823">
        <v>95018.859840000005</v>
      </c>
      <c r="AM6823">
        <v>15808.06076</v>
      </c>
      <c r="AN6823">
        <v>76499.928249999997</v>
      </c>
      <c r="AO6823">
        <v>24952.16692</v>
      </c>
      <c r="AP6823">
        <v>14723.310729999999</v>
      </c>
    </row>
    <row r="6824" spans="2:42" x14ac:dyDescent="0.3">
      <c r="B6824">
        <v>66.323531905537294</v>
      </c>
      <c r="C6824" s="83">
        <v>43385.25</v>
      </c>
      <c r="D6824">
        <v>267606.42300000001</v>
      </c>
      <c r="E6824">
        <v>20148.31466</v>
      </c>
      <c r="F6824">
        <v>79542.330919999993</v>
      </c>
      <c r="G6824">
        <v>47992.990660000003</v>
      </c>
      <c r="H6824">
        <v>41352.225789999997</v>
      </c>
      <c r="I6824">
        <v>34955.473239999999</v>
      </c>
      <c r="J6824">
        <v>40227.722569999998</v>
      </c>
      <c r="K6824">
        <v>47880.792569999998</v>
      </c>
      <c r="L6824">
        <v>19462.006150000001</v>
      </c>
      <c r="M6824">
        <v>338148.29509999999</v>
      </c>
      <c r="N6824">
        <v>75045.2552</v>
      </c>
      <c r="O6824">
        <v>20725.077259999998</v>
      </c>
      <c r="P6824">
        <v>26142.254099999998</v>
      </c>
      <c r="Q6824">
        <v>95331.171849999999</v>
      </c>
      <c r="R6824">
        <v>16556.890810000001</v>
      </c>
      <c r="S6824">
        <v>85563.289550000001</v>
      </c>
      <c r="T6824">
        <v>27806.774369999999</v>
      </c>
      <c r="U6824">
        <v>18186.321189999999</v>
      </c>
      <c r="W6824" s="83">
        <f>Bühler!N6856</f>
        <v>45576.249999983454</v>
      </c>
      <c r="X6824" s="83">
        <v>43385.25</v>
      </c>
      <c r="Y6824">
        <v>267606.42300000001</v>
      </c>
      <c r="Z6824">
        <v>20148.31466</v>
      </c>
      <c r="AA6824">
        <v>79542.330919999993</v>
      </c>
      <c r="AB6824">
        <v>47992.990660000003</v>
      </c>
      <c r="AC6824">
        <v>41352.225789999997</v>
      </c>
      <c r="AD6824">
        <v>34955.473239999999</v>
      </c>
      <c r="AE6824">
        <v>40227.722569999998</v>
      </c>
      <c r="AF6824">
        <v>47880.792569999998</v>
      </c>
      <c r="AG6824">
        <v>19462.006150000001</v>
      </c>
      <c r="AH6824">
        <v>338148.29509999999</v>
      </c>
      <c r="AI6824">
        <v>75045.2552</v>
      </c>
      <c r="AJ6824">
        <v>20725.077259999998</v>
      </c>
      <c r="AK6824">
        <v>26142.254099999998</v>
      </c>
      <c r="AL6824">
        <v>95331.171849999999</v>
      </c>
      <c r="AM6824">
        <v>16556.890810000001</v>
      </c>
      <c r="AN6824">
        <v>85563.289550000001</v>
      </c>
      <c r="AO6824">
        <v>27806.774369999999</v>
      </c>
      <c r="AP6824">
        <v>18186.321189999999</v>
      </c>
    </row>
    <row r="6825" spans="2:42" x14ac:dyDescent="0.3">
      <c r="B6825">
        <v>68.765318840081392</v>
      </c>
      <c r="C6825" s="83">
        <v>43385.291666666664</v>
      </c>
      <c r="D6825">
        <v>282173.98190000001</v>
      </c>
      <c r="E6825">
        <v>24962.916160000001</v>
      </c>
      <c r="F6825">
        <v>84105.698430000004</v>
      </c>
      <c r="G6825">
        <v>62658.398589999997</v>
      </c>
      <c r="H6825">
        <v>47439.485869999997</v>
      </c>
      <c r="I6825">
        <v>44076.346949999999</v>
      </c>
      <c r="J6825">
        <v>42483.885029999998</v>
      </c>
      <c r="K6825">
        <v>53697.094319999997</v>
      </c>
      <c r="L6825">
        <v>21991.002229999998</v>
      </c>
      <c r="M6825">
        <v>350597.66360000003</v>
      </c>
      <c r="N6825">
        <v>79241.242920000004</v>
      </c>
      <c r="O6825">
        <v>23324.563559999999</v>
      </c>
      <c r="P6825">
        <v>30141.17986</v>
      </c>
      <c r="Q6825">
        <v>95134.831130000006</v>
      </c>
      <c r="R6825">
        <v>19564.092499999999</v>
      </c>
      <c r="S6825">
        <v>102185.63890000001</v>
      </c>
      <c r="T6825">
        <v>30951.90958</v>
      </c>
      <c r="U6825">
        <v>23668.854800000001</v>
      </c>
      <c r="W6825" s="83">
        <f>Bühler!N6857</f>
        <v>45576.291666650119</v>
      </c>
      <c r="X6825" s="83">
        <v>43385.291666666664</v>
      </c>
      <c r="Y6825">
        <v>282173.98190000001</v>
      </c>
      <c r="Z6825">
        <v>24962.916160000001</v>
      </c>
      <c r="AA6825">
        <v>84105.698430000004</v>
      </c>
      <c r="AB6825">
        <v>62658.398589999997</v>
      </c>
      <c r="AC6825">
        <v>47439.485869999997</v>
      </c>
      <c r="AD6825">
        <v>44076.346949999999</v>
      </c>
      <c r="AE6825">
        <v>42483.885029999998</v>
      </c>
      <c r="AF6825">
        <v>53697.094319999997</v>
      </c>
      <c r="AG6825">
        <v>21991.002229999998</v>
      </c>
      <c r="AH6825">
        <v>350597.66360000003</v>
      </c>
      <c r="AI6825">
        <v>79241.242920000004</v>
      </c>
      <c r="AJ6825">
        <v>23324.563559999999</v>
      </c>
      <c r="AK6825">
        <v>30141.17986</v>
      </c>
      <c r="AL6825">
        <v>95134.831130000006</v>
      </c>
      <c r="AM6825">
        <v>19564.092499999999</v>
      </c>
      <c r="AN6825">
        <v>102185.63890000001</v>
      </c>
      <c r="AO6825">
        <v>30951.90958</v>
      </c>
      <c r="AP6825">
        <v>23668.854800000001</v>
      </c>
    </row>
    <row r="6826" spans="2:42" x14ac:dyDescent="0.3">
      <c r="B6826">
        <v>69.109751907246931</v>
      </c>
      <c r="C6826" s="83">
        <v>43385.333333333336</v>
      </c>
      <c r="D6826">
        <v>291656.31650000002</v>
      </c>
      <c r="E6826">
        <v>31173.320350000002</v>
      </c>
      <c r="F6826">
        <v>90000.339749999999</v>
      </c>
      <c r="G6826">
        <v>79231.371859999999</v>
      </c>
      <c r="H6826">
        <v>51496.455869999998</v>
      </c>
      <c r="I6826">
        <v>46704.285400000001</v>
      </c>
      <c r="J6826">
        <v>42222.123699999996</v>
      </c>
      <c r="K6826">
        <v>58188.84276</v>
      </c>
      <c r="L6826">
        <v>24530.782179999998</v>
      </c>
      <c r="M6826">
        <v>352353.74400000001</v>
      </c>
      <c r="N6826">
        <v>84845.486940000003</v>
      </c>
      <c r="O6826">
        <v>24659.938750000001</v>
      </c>
      <c r="P6826">
        <v>31224.21573</v>
      </c>
      <c r="Q6826">
        <v>94692.333230000004</v>
      </c>
      <c r="R6826">
        <v>20763.660370000001</v>
      </c>
      <c r="S6826">
        <v>113912.5635</v>
      </c>
      <c r="T6826">
        <v>33797.829460000001</v>
      </c>
      <c r="U6826">
        <v>26378.269469999999</v>
      </c>
      <c r="W6826" s="83">
        <f>Bühler!N6858</f>
        <v>45576.333333316783</v>
      </c>
      <c r="X6826" s="83">
        <v>43385.333333333336</v>
      </c>
      <c r="Y6826">
        <v>291656.31650000002</v>
      </c>
      <c r="Z6826">
        <v>31173.320350000002</v>
      </c>
      <c r="AA6826">
        <v>90000.339749999999</v>
      </c>
      <c r="AB6826">
        <v>79231.371859999999</v>
      </c>
      <c r="AC6826">
        <v>51496.455869999998</v>
      </c>
      <c r="AD6826">
        <v>46704.285400000001</v>
      </c>
      <c r="AE6826">
        <v>42222.123699999996</v>
      </c>
      <c r="AF6826">
        <v>58188.84276</v>
      </c>
      <c r="AG6826">
        <v>24530.782179999998</v>
      </c>
      <c r="AH6826">
        <v>352353.74400000001</v>
      </c>
      <c r="AI6826">
        <v>84845.486940000003</v>
      </c>
      <c r="AJ6826">
        <v>24659.938750000001</v>
      </c>
      <c r="AK6826">
        <v>31224.21573</v>
      </c>
      <c r="AL6826">
        <v>94692.333230000004</v>
      </c>
      <c r="AM6826">
        <v>20763.660370000001</v>
      </c>
      <c r="AN6826">
        <v>113912.5635</v>
      </c>
      <c r="AO6826">
        <v>33797.829460000001</v>
      </c>
      <c r="AP6826">
        <v>26378.269469999999</v>
      </c>
    </row>
    <row r="6827" spans="2:42" x14ac:dyDescent="0.3">
      <c r="B6827">
        <v>68.991994142512965</v>
      </c>
      <c r="C6827" s="83">
        <v>43385.375</v>
      </c>
      <c r="D6827">
        <v>293718.29739999998</v>
      </c>
      <c r="E6827">
        <v>34473.165630000003</v>
      </c>
      <c r="F6827">
        <v>94766.286869999996</v>
      </c>
      <c r="G6827">
        <v>88174.259569999995</v>
      </c>
      <c r="H6827">
        <v>53987.237959999999</v>
      </c>
      <c r="I6827">
        <v>43237.1518</v>
      </c>
      <c r="J6827">
        <v>41734.534110000001</v>
      </c>
      <c r="K6827">
        <v>60245.811540000002</v>
      </c>
      <c r="L6827">
        <v>27170.404610000001</v>
      </c>
      <c r="M6827">
        <v>351753.36</v>
      </c>
      <c r="N6827">
        <v>89897.713870000007</v>
      </c>
      <c r="O6827">
        <v>25289.70001</v>
      </c>
      <c r="P6827">
        <v>33210.488920000003</v>
      </c>
      <c r="Q6827">
        <v>95331.924610000002</v>
      </c>
      <c r="R6827">
        <v>20374.712490000002</v>
      </c>
      <c r="S6827">
        <v>118993.1676</v>
      </c>
      <c r="T6827">
        <v>35368.31366</v>
      </c>
      <c r="U6827">
        <v>25945.530920000001</v>
      </c>
      <c r="W6827" s="83">
        <f>Bühler!N6859</f>
        <v>45576.374999983447</v>
      </c>
      <c r="X6827" s="83">
        <v>43385.375</v>
      </c>
      <c r="Y6827">
        <v>293718.29739999998</v>
      </c>
      <c r="Z6827">
        <v>34473.165630000003</v>
      </c>
      <c r="AA6827">
        <v>94766.286869999996</v>
      </c>
      <c r="AB6827">
        <v>88174.259569999995</v>
      </c>
      <c r="AC6827">
        <v>53987.237959999999</v>
      </c>
      <c r="AD6827">
        <v>43237.1518</v>
      </c>
      <c r="AE6827">
        <v>41734.534110000001</v>
      </c>
      <c r="AF6827">
        <v>60245.811540000002</v>
      </c>
      <c r="AG6827">
        <v>27170.404610000001</v>
      </c>
      <c r="AH6827">
        <v>351753.36</v>
      </c>
      <c r="AI6827">
        <v>89897.713870000007</v>
      </c>
      <c r="AJ6827">
        <v>25289.70001</v>
      </c>
      <c r="AK6827">
        <v>33210.488920000003</v>
      </c>
      <c r="AL6827">
        <v>95331.924610000002</v>
      </c>
      <c r="AM6827">
        <v>20374.712490000002</v>
      </c>
      <c r="AN6827">
        <v>118993.1676</v>
      </c>
      <c r="AO6827">
        <v>35368.31366</v>
      </c>
      <c r="AP6827">
        <v>25945.530920000001</v>
      </c>
    </row>
    <row r="6828" spans="2:42" x14ac:dyDescent="0.3">
      <c r="B6828">
        <v>68.65084774998175</v>
      </c>
      <c r="C6828" s="83">
        <v>43385.416666666664</v>
      </c>
      <c r="D6828">
        <v>294367.9056</v>
      </c>
      <c r="E6828">
        <v>35633.228999999999</v>
      </c>
      <c r="F6828">
        <v>95508.887170000002</v>
      </c>
      <c r="G6828">
        <v>88120.166240000006</v>
      </c>
      <c r="H6828">
        <v>53653.068229999997</v>
      </c>
      <c r="I6828">
        <v>39005.568050000002</v>
      </c>
      <c r="J6828">
        <v>39858.686199999996</v>
      </c>
      <c r="K6828">
        <v>61188.267769999999</v>
      </c>
      <c r="L6828">
        <v>29359.69946</v>
      </c>
      <c r="M6828">
        <v>350014.03659999999</v>
      </c>
      <c r="N6828">
        <v>89877.760609999998</v>
      </c>
      <c r="O6828">
        <v>25019.696540000001</v>
      </c>
      <c r="P6828">
        <v>33955.708270000003</v>
      </c>
      <c r="Q6828">
        <v>95491.655469999998</v>
      </c>
      <c r="R6828">
        <v>21435.56007</v>
      </c>
      <c r="S6828">
        <v>118898.06449999999</v>
      </c>
      <c r="T6828">
        <v>36534.391839999997</v>
      </c>
      <c r="U6828">
        <v>25315.175910000002</v>
      </c>
      <c r="W6828" s="83">
        <f>Bühler!N6860</f>
        <v>45576.416666650111</v>
      </c>
      <c r="X6828" s="83">
        <v>43385.416666666664</v>
      </c>
      <c r="Y6828">
        <v>294367.9056</v>
      </c>
      <c r="Z6828">
        <v>35633.228999999999</v>
      </c>
      <c r="AA6828">
        <v>95508.887170000002</v>
      </c>
      <c r="AB6828">
        <v>88120.166240000006</v>
      </c>
      <c r="AC6828">
        <v>53653.068229999997</v>
      </c>
      <c r="AD6828">
        <v>39005.568050000002</v>
      </c>
      <c r="AE6828">
        <v>39858.686199999996</v>
      </c>
      <c r="AF6828">
        <v>61188.267769999999</v>
      </c>
      <c r="AG6828">
        <v>29359.69946</v>
      </c>
      <c r="AH6828">
        <v>350014.03659999999</v>
      </c>
      <c r="AI6828">
        <v>89877.760609999998</v>
      </c>
      <c r="AJ6828">
        <v>25019.696540000001</v>
      </c>
      <c r="AK6828">
        <v>33955.708270000003</v>
      </c>
      <c r="AL6828">
        <v>95491.655469999998</v>
      </c>
      <c r="AM6828">
        <v>21435.56007</v>
      </c>
      <c r="AN6828">
        <v>118898.06449999999</v>
      </c>
      <c r="AO6828">
        <v>36534.391839999997</v>
      </c>
      <c r="AP6828">
        <v>25315.175910000002</v>
      </c>
    </row>
    <row r="6829" spans="2:42" x14ac:dyDescent="0.3">
      <c r="B6829">
        <v>69.145935356862324</v>
      </c>
      <c r="C6829" s="83">
        <v>43385.458333333336</v>
      </c>
      <c r="D6829">
        <v>289709.90990000003</v>
      </c>
      <c r="E6829">
        <v>35189.593919999999</v>
      </c>
      <c r="F6829">
        <v>96277.050340000002</v>
      </c>
      <c r="G6829">
        <v>87071.72219</v>
      </c>
      <c r="H6829">
        <v>52954.842149999997</v>
      </c>
      <c r="I6829">
        <v>37610.043749999997</v>
      </c>
      <c r="J6829">
        <v>39578.655209999997</v>
      </c>
      <c r="K6829">
        <v>61281.601690000003</v>
      </c>
      <c r="L6829">
        <v>30409.832470000001</v>
      </c>
      <c r="M6829">
        <v>352538.22409999999</v>
      </c>
      <c r="N6829">
        <v>89048.736610000007</v>
      </c>
      <c r="O6829">
        <v>25433.121439999999</v>
      </c>
      <c r="P6829">
        <v>33364.946470000003</v>
      </c>
      <c r="Q6829">
        <v>95494.114400000006</v>
      </c>
      <c r="R6829">
        <v>22489.111809999999</v>
      </c>
      <c r="S6829">
        <v>120319.5658</v>
      </c>
      <c r="T6829">
        <v>36007.597869999998</v>
      </c>
      <c r="U6829">
        <v>24043.061559999998</v>
      </c>
      <c r="W6829" s="83">
        <f>Bühler!N6861</f>
        <v>45576.458333316776</v>
      </c>
      <c r="X6829" s="83">
        <v>43385.458333333336</v>
      </c>
      <c r="Y6829">
        <v>289709.90990000003</v>
      </c>
      <c r="Z6829">
        <v>35189.593919999999</v>
      </c>
      <c r="AA6829">
        <v>96277.050340000002</v>
      </c>
      <c r="AB6829">
        <v>87071.72219</v>
      </c>
      <c r="AC6829">
        <v>52954.842149999997</v>
      </c>
      <c r="AD6829">
        <v>37610.043749999997</v>
      </c>
      <c r="AE6829">
        <v>39578.655209999997</v>
      </c>
      <c r="AF6829">
        <v>61281.601690000003</v>
      </c>
      <c r="AG6829">
        <v>30409.832470000001</v>
      </c>
      <c r="AH6829">
        <v>352538.22409999999</v>
      </c>
      <c r="AI6829">
        <v>89048.736610000007</v>
      </c>
      <c r="AJ6829">
        <v>25433.121439999999</v>
      </c>
      <c r="AK6829">
        <v>33364.946470000003</v>
      </c>
      <c r="AL6829">
        <v>95494.114400000006</v>
      </c>
      <c r="AM6829">
        <v>22489.111809999999</v>
      </c>
      <c r="AN6829">
        <v>120319.5658</v>
      </c>
      <c r="AO6829">
        <v>36007.597869999998</v>
      </c>
      <c r="AP6829">
        <v>24043.061559999998</v>
      </c>
    </row>
    <row r="6830" spans="2:42" x14ac:dyDescent="0.3">
      <c r="B6830">
        <v>67.79621598274943</v>
      </c>
      <c r="C6830" s="83">
        <v>43385.5</v>
      </c>
      <c r="D6830">
        <v>274014.03370000003</v>
      </c>
      <c r="E6830">
        <v>31484.204750000001</v>
      </c>
      <c r="F6830">
        <v>95556.385840000003</v>
      </c>
      <c r="G6830">
        <v>84289.04754</v>
      </c>
      <c r="H6830">
        <v>50072.931420000001</v>
      </c>
      <c r="I6830">
        <v>36243.579400000002</v>
      </c>
      <c r="J6830">
        <v>40354.44298</v>
      </c>
      <c r="K6830">
        <v>56967.15408</v>
      </c>
      <c r="L6830">
        <v>33319.787190000003</v>
      </c>
      <c r="M6830">
        <v>345656.72529999999</v>
      </c>
      <c r="N6830">
        <v>87128.646680000005</v>
      </c>
      <c r="O6830">
        <v>24445.750230000001</v>
      </c>
      <c r="P6830">
        <v>34096.513250000004</v>
      </c>
      <c r="Q6830">
        <v>94213.060630000007</v>
      </c>
      <c r="R6830">
        <v>24652.52605</v>
      </c>
      <c r="S6830">
        <v>113636.0828</v>
      </c>
      <c r="T6830">
        <v>36231.317600000002</v>
      </c>
      <c r="U6830">
        <v>19102.65524</v>
      </c>
      <c r="W6830" s="83">
        <f>Bühler!N6862</f>
        <v>45576.49999998344</v>
      </c>
      <c r="X6830" s="83">
        <v>43385.5</v>
      </c>
      <c r="Y6830">
        <v>274014.03370000003</v>
      </c>
      <c r="Z6830">
        <v>31484.204750000001</v>
      </c>
      <c r="AA6830">
        <v>95556.385840000003</v>
      </c>
      <c r="AB6830">
        <v>84289.04754</v>
      </c>
      <c r="AC6830">
        <v>50072.931420000001</v>
      </c>
      <c r="AD6830">
        <v>36243.579400000002</v>
      </c>
      <c r="AE6830">
        <v>40354.44298</v>
      </c>
      <c r="AF6830">
        <v>56967.15408</v>
      </c>
      <c r="AG6830">
        <v>33319.787190000003</v>
      </c>
      <c r="AH6830">
        <v>345656.72529999999</v>
      </c>
      <c r="AI6830">
        <v>87128.646680000005</v>
      </c>
      <c r="AJ6830">
        <v>24445.750230000001</v>
      </c>
      <c r="AK6830">
        <v>34096.513250000004</v>
      </c>
      <c r="AL6830">
        <v>94213.060630000007</v>
      </c>
      <c r="AM6830">
        <v>24652.52605</v>
      </c>
      <c r="AN6830">
        <v>113636.0828</v>
      </c>
      <c r="AO6830">
        <v>36231.317600000002</v>
      </c>
      <c r="AP6830">
        <v>19102.65524</v>
      </c>
    </row>
    <row r="6831" spans="2:42" x14ac:dyDescent="0.3">
      <c r="B6831">
        <v>66.702381793023093</v>
      </c>
      <c r="C6831" s="83">
        <v>43385.541666666664</v>
      </c>
      <c r="D6831">
        <v>272604.79969999997</v>
      </c>
      <c r="E6831">
        <v>31277.615170000001</v>
      </c>
      <c r="F6831">
        <v>94950.880449999997</v>
      </c>
      <c r="G6831">
        <v>79527.289309999993</v>
      </c>
      <c r="H6831">
        <v>49297.455929999996</v>
      </c>
      <c r="I6831">
        <v>35660.803359999998</v>
      </c>
      <c r="J6831">
        <v>39012.451520000002</v>
      </c>
      <c r="K6831">
        <v>58066.164770000003</v>
      </c>
      <c r="L6831">
        <v>32157.807000000001</v>
      </c>
      <c r="M6831">
        <v>340079.84850000002</v>
      </c>
      <c r="N6831">
        <v>87627.636039999998</v>
      </c>
      <c r="O6831">
        <v>23583.232619999999</v>
      </c>
      <c r="P6831">
        <v>33215.39198</v>
      </c>
      <c r="Q6831">
        <v>92888.952600000004</v>
      </c>
      <c r="R6831">
        <v>25762.57691</v>
      </c>
      <c r="S6831">
        <v>113339.4183</v>
      </c>
      <c r="T6831">
        <v>34662.359949999998</v>
      </c>
      <c r="U6831">
        <v>20515.070919999998</v>
      </c>
      <c r="W6831" s="83">
        <f>Bühler!N6863</f>
        <v>45576.541666650104</v>
      </c>
      <c r="X6831" s="83">
        <v>43385.541666666664</v>
      </c>
      <c r="Y6831">
        <v>272604.79969999997</v>
      </c>
      <c r="Z6831">
        <v>31277.615170000001</v>
      </c>
      <c r="AA6831">
        <v>94950.880449999997</v>
      </c>
      <c r="AB6831">
        <v>79527.289309999993</v>
      </c>
      <c r="AC6831">
        <v>49297.455929999996</v>
      </c>
      <c r="AD6831">
        <v>35660.803359999998</v>
      </c>
      <c r="AE6831">
        <v>39012.451520000002</v>
      </c>
      <c r="AF6831">
        <v>58066.164770000003</v>
      </c>
      <c r="AG6831">
        <v>32157.807000000001</v>
      </c>
      <c r="AH6831">
        <v>340079.84850000002</v>
      </c>
      <c r="AI6831">
        <v>87627.636039999998</v>
      </c>
      <c r="AJ6831">
        <v>23583.232619999999</v>
      </c>
      <c r="AK6831">
        <v>33215.39198</v>
      </c>
      <c r="AL6831">
        <v>92888.952600000004</v>
      </c>
      <c r="AM6831">
        <v>25762.57691</v>
      </c>
      <c r="AN6831">
        <v>113339.4183</v>
      </c>
      <c r="AO6831">
        <v>34662.359949999998</v>
      </c>
      <c r="AP6831">
        <v>20515.070919999998</v>
      </c>
    </row>
    <row r="6832" spans="2:42" x14ac:dyDescent="0.3">
      <c r="B6832">
        <v>66.355362104878722</v>
      </c>
      <c r="C6832" s="83">
        <v>43385.583333333336</v>
      </c>
      <c r="D6832">
        <v>271543.08659999998</v>
      </c>
      <c r="E6832">
        <v>34050.618929999997</v>
      </c>
      <c r="F6832">
        <v>96809.649959999995</v>
      </c>
      <c r="G6832">
        <v>71545.428830000004</v>
      </c>
      <c r="H6832">
        <v>48773.712350000002</v>
      </c>
      <c r="I6832">
        <v>34488.891049999998</v>
      </c>
      <c r="J6832">
        <v>38162.417699999998</v>
      </c>
      <c r="K6832">
        <v>61578.182919999999</v>
      </c>
      <c r="L6832">
        <v>28620.35052</v>
      </c>
      <c r="M6832">
        <v>338310.58029999997</v>
      </c>
      <c r="N6832">
        <v>86286.247210000001</v>
      </c>
      <c r="O6832">
        <v>23155.969840000002</v>
      </c>
      <c r="P6832">
        <v>29447.911929999998</v>
      </c>
      <c r="Q6832">
        <v>92274.843919999999</v>
      </c>
      <c r="R6832">
        <v>25226.81163</v>
      </c>
      <c r="S6832">
        <v>108717.2228</v>
      </c>
      <c r="T6832">
        <v>32457.589830000001</v>
      </c>
      <c r="U6832">
        <v>20647.00302</v>
      </c>
      <c r="W6832" s="83">
        <f>Bühler!N6864</f>
        <v>45576.583333316768</v>
      </c>
      <c r="X6832" s="83">
        <v>43385.583333333336</v>
      </c>
      <c r="Y6832">
        <v>271543.08659999998</v>
      </c>
      <c r="Z6832">
        <v>34050.618929999997</v>
      </c>
      <c r="AA6832">
        <v>96809.649959999995</v>
      </c>
      <c r="AB6832">
        <v>71545.428830000004</v>
      </c>
      <c r="AC6832">
        <v>48773.712350000002</v>
      </c>
      <c r="AD6832">
        <v>34488.891049999998</v>
      </c>
      <c r="AE6832">
        <v>38162.417699999998</v>
      </c>
      <c r="AF6832">
        <v>61578.182919999999</v>
      </c>
      <c r="AG6832">
        <v>28620.35052</v>
      </c>
      <c r="AH6832">
        <v>338310.58029999997</v>
      </c>
      <c r="AI6832">
        <v>86286.247210000001</v>
      </c>
      <c r="AJ6832">
        <v>23155.969840000002</v>
      </c>
      <c r="AK6832">
        <v>29447.911929999998</v>
      </c>
      <c r="AL6832">
        <v>92274.843919999999</v>
      </c>
      <c r="AM6832">
        <v>25226.81163</v>
      </c>
      <c r="AN6832">
        <v>108717.2228</v>
      </c>
      <c r="AO6832">
        <v>32457.589830000001</v>
      </c>
      <c r="AP6832">
        <v>20647.00302</v>
      </c>
    </row>
    <row r="6833" spans="2:42" x14ac:dyDescent="0.3">
      <c r="B6833">
        <v>65.926283818728677</v>
      </c>
      <c r="C6833" s="83">
        <v>43385.625</v>
      </c>
      <c r="D6833">
        <v>268039.6862</v>
      </c>
      <c r="E6833">
        <v>33540.049939999997</v>
      </c>
      <c r="F6833">
        <v>96359.83352</v>
      </c>
      <c r="G6833">
        <v>65805.871769999998</v>
      </c>
      <c r="H6833">
        <v>47101.517910000002</v>
      </c>
      <c r="I6833">
        <v>34963.041980000002</v>
      </c>
      <c r="J6833">
        <v>37569.373050000002</v>
      </c>
      <c r="K6833">
        <v>59426.996550000003</v>
      </c>
      <c r="L6833">
        <v>25447.86968</v>
      </c>
      <c r="M6833">
        <v>336122.93910000002</v>
      </c>
      <c r="N6833">
        <v>83804.830329999997</v>
      </c>
      <c r="O6833">
        <v>22495.504949999999</v>
      </c>
      <c r="P6833">
        <v>26672.017250000001</v>
      </c>
      <c r="Q6833">
        <v>91317.341499999995</v>
      </c>
      <c r="R6833">
        <v>24248.009320000001</v>
      </c>
      <c r="S6833">
        <v>104451.55740000001</v>
      </c>
      <c r="T6833">
        <v>31917.348180000001</v>
      </c>
      <c r="U6833">
        <v>18300.324949999998</v>
      </c>
      <c r="W6833" s="83">
        <f>Bühler!N6865</f>
        <v>45576.624999983433</v>
      </c>
      <c r="X6833" s="83">
        <v>43385.625</v>
      </c>
      <c r="Y6833">
        <v>268039.6862</v>
      </c>
      <c r="Z6833">
        <v>33540.049939999997</v>
      </c>
      <c r="AA6833">
        <v>96359.83352</v>
      </c>
      <c r="AB6833">
        <v>65805.871769999998</v>
      </c>
      <c r="AC6833">
        <v>47101.517910000002</v>
      </c>
      <c r="AD6833">
        <v>34963.041980000002</v>
      </c>
      <c r="AE6833">
        <v>37569.373050000002</v>
      </c>
      <c r="AF6833">
        <v>59426.996550000003</v>
      </c>
      <c r="AG6833">
        <v>25447.86968</v>
      </c>
      <c r="AH6833">
        <v>336122.93910000002</v>
      </c>
      <c r="AI6833">
        <v>83804.830329999997</v>
      </c>
      <c r="AJ6833">
        <v>22495.504949999999</v>
      </c>
      <c r="AK6833">
        <v>26672.017250000001</v>
      </c>
      <c r="AL6833">
        <v>91317.341499999995</v>
      </c>
      <c r="AM6833">
        <v>24248.009320000001</v>
      </c>
      <c r="AN6833">
        <v>104451.55740000001</v>
      </c>
      <c r="AO6833">
        <v>31917.348180000001</v>
      </c>
      <c r="AP6833">
        <v>18300.324949999998</v>
      </c>
    </row>
    <row r="6834" spans="2:42" x14ac:dyDescent="0.3">
      <c r="B6834">
        <v>64.852128566406392</v>
      </c>
      <c r="C6834" s="83">
        <v>43385.666666666664</v>
      </c>
      <c r="D6834">
        <v>259134.28899999999</v>
      </c>
      <c r="E6834">
        <v>31908.264999999999</v>
      </c>
      <c r="F6834">
        <v>95409.494770000005</v>
      </c>
      <c r="G6834">
        <v>59698.691659999997</v>
      </c>
      <c r="H6834">
        <v>45977.087930000002</v>
      </c>
      <c r="I6834">
        <v>35434.80861</v>
      </c>
      <c r="J6834">
        <v>37075.978049999998</v>
      </c>
      <c r="K6834">
        <v>56074.77691</v>
      </c>
      <c r="L6834">
        <v>24312.41042</v>
      </c>
      <c r="M6834">
        <v>330646.3947</v>
      </c>
      <c r="N6834">
        <v>81798.891919999995</v>
      </c>
      <c r="O6834">
        <v>21857.605459999999</v>
      </c>
      <c r="P6834">
        <v>26263.611209999999</v>
      </c>
      <c r="Q6834">
        <v>90113.874240000005</v>
      </c>
      <c r="R6834">
        <v>23984.431270000001</v>
      </c>
      <c r="S6834">
        <v>100832.2475</v>
      </c>
      <c r="T6834">
        <v>31717.302110000001</v>
      </c>
      <c r="U6834">
        <v>16279.31601</v>
      </c>
      <c r="W6834" s="83">
        <f>Bühler!N6866</f>
        <v>45576.666666650097</v>
      </c>
      <c r="X6834" s="83">
        <v>43385.666666666664</v>
      </c>
      <c r="Y6834">
        <v>259134.28899999999</v>
      </c>
      <c r="Z6834">
        <v>31908.264999999999</v>
      </c>
      <c r="AA6834">
        <v>95409.494770000005</v>
      </c>
      <c r="AB6834">
        <v>59698.691659999997</v>
      </c>
      <c r="AC6834">
        <v>45977.087930000002</v>
      </c>
      <c r="AD6834">
        <v>35434.80861</v>
      </c>
      <c r="AE6834">
        <v>37075.978049999998</v>
      </c>
      <c r="AF6834">
        <v>56074.77691</v>
      </c>
      <c r="AG6834">
        <v>24312.41042</v>
      </c>
      <c r="AH6834">
        <v>330646.3947</v>
      </c>
      <c r="AI6834">
        <v>81798.891919999995</v>
      </c>
      <c r="AJ6834">
        <v>21857.605459999999</v>
      </c>
      <c r="AK6834">
        <v>26263.611209999999</v>
      </c>
      <c r="AL6834">
        <v>90113.874240000005</v>
      </c>
      <c r="AM6834">
        <v>23984.431270000001</v>
      </c>
      <c r="AN6834">
        <v>100832.2475</v>
      </c>
      <c r="AO6834">
        <v>31717.302110000001</v>
      </c>
      <c r="AP6834">
        <v>16279.31601</v>
      </c>
    </row>
    <row r="6835" spans="2:42" x14ac:dyDescent="0.3">
      <c r="B6835">
        <v>63.433751643822596</v>
      </c>
      <c r="C6835" s="83">
        <v>43385.708333333336</v>
      </c>
      <c r="D6835">
        <v>247460.58859999999</v>
      </c>
      <c r="E6835">
        <v>29926.844819999998</v>
      </c>
      <c r="F6835">
        <v>95864.814039999997</v>
      </c>
      <c r="G6835">
        <v>50519.637799999997</v>
      </c>
      <c r="H6835">
        <v>44760.325239999998</v>
      </c>
      <c r="I6835">
        <v>35398.275170000001</v>
      </c>
      <c r="J6835">
        <v>37068.191480000001</v>
      </c>
      <c r="K6835">
        <v>52496.245459999998</v>
      </c>
      <c r="L6835">
        <v>24977.02853</v>
      </c>
      <c r="M6835">
        <v>323414.84769999998</v>
      </c>
      <c r="N6835">
        <v>79521.191590000002</v>
      </c>
      <c r="O6835">
        <v>20908.161639999998</v>
      </c>
      <c r="P6835">
        <v>27649.52016</v>
      </c>
      <c r="Q6835">
        <v>88176.680219999995</v>
      </c>
      <c r="R6835">
        <v>22354.264090000001</v>
      </c>
      <c r="S6835">
        <v>98017.293030000001</v>
      </c>
      <c r="T6835">
        <v>32010.342700000001</v>
      </c>
      <c r="U6835">
        <v>15114.03859</v>
      </c>
      <c r="W6835" s="83">
        <f>Bühler!N6867</f>
        <v>45576.708333316761</v>
      </c>
      <c r="X6835" s="83">
        <v>43385.708333333336</v>
      </c>
      <c r="Y6835">
        <v>247460.58859999999</v>
      </c>
      <c r="Z6835">
        <v>29926.844819999998</v>
      </c>
      <c r="AA6835">
        <v>95864.814039999997</v>
      </c>
      <c r="AB6835">
        <v>50519.637799999997</v>
      </c>
      <c r="AC6835">
        <v>44760.325239999998</v>
      </c>
      <c r="AD6835">
        <v>35398.275170000001</v>
      </c>
      <c r="AE6835">
        <v>37068.191480000001</v>
      </c>
      <c r="AF6835">
        <v>52496.245459999998</v>
      </c>
      <c r="AG6835">
        <v>24977.02853</v>
      </c>
      <c r="AH6835">
        <v>323414.84769999998</v>
      </c>
      <c r="AI6835">
        <v>79521.191590000002</v>
      </c>
      <c r="AJ6835">
        <v>20908.161639999998</v>
      </c>
      <c r="AK6835">
        <v>27649.52016</v>
      </c>
      <c r="AL6835">
        <v>88176.680219999995</v>
      </c>
      <c r="AM6835">
        <v>22354.264090000001</v>
      </c>
      <c r="AN6835">
        <v>98017.293030000001</v>
      </c>
      <c r="AO6835">
        <v>32010.342700000001</v>
      </c>
      <c r="AP6835">
        <v>15114.03859</v>
      </c>
    </row>
    <row r="6836" spans="2:42" x14ac:dyDescent="0.3">
      <c r="B6836">
        <v>61.708783955475234</v>
      </c>
      <c r="C6836" s="83">
        <v>43385.75</v>
      </c>
      <c r="D6836">
        <v>242600.95189999999</v>
      </c>
      <c r="E6836">
        <v>27669.660459999999</v>
      </c>
      <c r="F6836">
        <v>94138.810259999998</v>
      </c>
      <c r="G6836">
        <v>43372.570240000001</v>
      </c>
      <c r="H6836">
        <v>42737.961569999999</v>
      </c>
      <c r="I6836">
        <v>34419.219100000002</v>
      </c>
      <c r="J6836">
        <v>37729.454539999999</v>
      </c>
      <c r="K6836">
        <v>50505.276270000002</v>
      </c>
      <c r="L6836">
        <v>26772.109789999999</v>
      </c>
      <c r="M6836">
        <v>314620.158</v>
      </c>
      <c r="N6836">
        <v>78784.288020000007</v>
      </c>
      <c r="O6836">
        <v>20482.324990000001</v>
      </c>
      <c r="P6836">
        <v>30981.634150000002</v>
      </c>
      <c r="Q6836">
        <v>85839.703569999998</v>
      </c>
      <c r="R6836">
        <v>21779.072189999999</v>
      </c>
      <c r="S6836">
        <v>92943.619000000006</v>
      </c>
      <c r="T6836">
        <v>32596.574349999999</v>
      </c>
      <c r="U6836">
        <v>14113.587890000001</v>
      </c>
      <c r="W6836" s="83">
        <f>Bühler!N6868</f>
        <v>45576.749999983425</v>
      </c>
      <c r="X6836" s="83">
        <v>43385.75</v>
      </c>
      <c r="Y6836">
        <v>242600.95189999999</v>
      </c>
      <c r="Z6836">
        <v>27669.660459999999</v>
      </c>
      <c r="AA6836">
        <v>94138.810259999998</v>
      </c>
      <c r="AB6836">
        <v>43372.570240000001</v>
      </c>
      <c r="AC6836">
        <v>42737.961569999999</v>
      </c>
      <c r="AD6836">
        <v>34419.219100000002</v>
      </c>
      <c r="AE6836">
        <v>37729.454539999999</v>
      </c>
      <c r="AF6836">
        <v>50505.276270000002</v>
      </c>
      <c r="AG6836">
        <v>26772.109789999999</v>
      </c>
      <c r="AH6836">
        <v>314620.158</v>
      </c>
      <c r="AI6836">
        <v>78784.288020000007</v>
      </c>
      <c r="AJ6836">
        <v>20482.324990000001</v>
      </c>
      <c r="AK6836">
        <v>30981.634150000002</v>
      </c>
      <c r="AL6836">
        <v>85839.703569999998</v>
      </c>
      <c r="AM6836">
        <v>21779.072189999999</v>
      </c>
      <c r="AN6836">
        <v>92943.619000000006</v>
      </c>
      <c r="AO6836">
        <v>32596.574349999999</v>
      </c>
      <c r="AP6836">
        <v>14113.587890000001</v>
      </c>
    </row>
    <row r="6837" spans="2:42" x14ac:dyDescent="0.3">
      <c r="B6837">
        <v>59.495016374600951</v>
      </c>
      <c r="C6837" s="83">
        <v>43385.791666666664</v>
      </c>
      <c r="D6837">
        <v>234496.11060000001</v>
      </c>
      <c r="E6837">
        <v>22986.779630000001</v>
      </c>
      <c r="F6837">
        <v>82873.538669999994</v>
      </c>
      <c r="G6837">
        <v>40644.542300000001</v>
      </c>
      <c r="H6837">
        <v>42608.55747</v>
      </c>
      <c r="I6837">
        <v>33004.958359999997</v>
      </c>
      <c r="J6837">
        <v>39373.576269999998</v>
      </c>
      <c r="K6837">
        <v>49555.626900000003</v>
      </c>
      <c r="L6837">
        <v>29010.099040000001</v>
      </c>
      <c r="M6837">
        <v>303333.33850000001</v>
      </c>
      <c r="N6837">
        <v>77174.004029999996</v>
      </c>
      <c r="O6837">
        <v>20085.390309999999</v>
      </c>
      <c r="P6837">
        <v>34241.809939999999</v>
      </c>
      <c r="Q6837">
        <v>82854.853199999998</v>
      </c>
      <c r="R6837">
        <v>22338.653760000001</v>
      </c>
      <c r="S6837">
        <v>92074.061459999997</v>
      </c>
      <c r="T6837">
        <v>34026.944080000001</v>
      </c>
      <c r="U6837">
        <v>13667.44029</v>
      </c>
      <c r="W6837" s="83">
        <f>Bühler!N6869</f>
        <v>45576.79166665009</v>
      </c>
      <c r="X6837" s="83">
        <v>43385.791666666664</v>
      </c>
      <c r="Y6837">
        <v>234496.11060000001</v>
      </c>
      <c r="Z6837">
        <v>22986.779630000001</v>
      </c>
      <c r="AA6837">
        <v>82873.538669999994</v>
      </c>
      <c r="AB6837">
        <v>40644.542300000001</v>
      </c>
      <c r="AC6837">
        <v>42608.55747</v>
      </c>
      <c r="AD6837">
        <v>33004.958359999997</v>
      </c>
      <c r="AE6837">
        <v>39373.576269999998</v>
      </c>
      <c r="AF6837">
        <v>49555.626900000003</v>
      </c>
      <c r="AG6837">
        <v>29010.099040000001</v>
      </c>
      <c r="AH6837">
        <v>303333.33850000001</v>
      </c>
      <c r="AI6837">
        <v>77174.004029999996</v>
      </c>
      <c r="AJ6837">
        <v>20085.390309999999</v>
      </c>
      <c r="AK6837">
        <v>34241.809939999999</v>
      </c>
      <c r="AL6837">
        <v>82854.853199999998</v>
      </c>
      <c r="AM6837">
        <v>22338.653760000001</v>
      </c>
      <c r="AN6837">
        <v>92074.061459999997</v>
      </c>
      <c r="AO6837">
        <v>34026.944080000001</v>
      </c>
      <c r="AP6837">
        <v>13667.44029</v>
      </c>
    </row>
    <row r="6838" spans="2:42" x14ac:dyDescent="0.3">
      <c r="B6838">
        <v>57.383500856412645</v>
      </c>
      <c r="C6838" s="83">
        <v>43385.833333333336</v>
      </c>
      <c r="D6838">
        <v>224904.40979999999</v>
      </c>
      <c r="E6838">
        <v>17659.512279999999</v>
      </c>
      <c r="F6838">
        <v>64826.754650000003</v>
      </c>
      <c r="G6838">
        <v>37901.271659999999</v>
      </c>
      <c r="H6838">
        <v>41282.523399999998</v>
      </c>
      <c r="I6838">
        <v>30373.273550000002</v>
      </c>
      <c r="J6838">
        <v>39447.108110000001</v>
      </c>
      <c r="K6838">
        <v>47149.634460000001</v>
      </c>
      <c r="L6838">
        <v>28616.099740000001</v>
      </c>
      <c r="M6838">
        <v>292567.84769999998</v>
      </c>
      <c r="N6838">
        <v>75174.954029999994</v>
      </c>
      <c r="O6838">
        <v>19272.47162</v>
      </c>
      <c r="P6838">
        <v>35115.282760000002</v>
      </c>
      <c r="Q6838">
        <v>79447.614199999996</v>
      </c>
      <c r="R6838">
        <v>20667.93519</v>
      </c>
      <c r="S6838">
        <v>83935.339569999996</v>
      </c>
      <c r="T6838">
        <v>32814.391470000002</v>
      </c>
      <c r="U6838">
        <v>13345.399450000001</v>
      </c>
      <c r="W6838" s="83">
        <f>Bühler!N6870</f>
        <v>45576.833333316754</v>
      </c>
      <c r="X6838" s="83">
        <v>43385.833333333336</v>
      </c>
      <c r="Y6838">
        <v>224904.40979999999</v>
      </c>
      <c r="Z6838">
        <v>17659.512279999999</v>
      </c>
      <c r="AA6838">
        <v>64826.754650000003</v>
      </c>
      <c r="AB6838">
        <v>37901.271659999999</v>
      </c>
      <c r="AC6838">
        <v>41282.523399999998</v>
      </c>
      <c r="AD6838">
        <v>30373.273550000002</v>
      </c>
      <c r="AE6838">
        <v>39447.108110000001</v>
      </c>
      <c r="AF6838">
        <v>47149.634460000001</v>
      </c>
      <c r="AG6838">
        <v>28616.099740000001</v>
      </c>
      <c r="AH6838">
        <v>292567.84769999998</v>
      </c>
      <c r="AI6838">
        <v>75174.954029999994</v>
      </c>
      <c r="AJ6838">
        <v>19272.47162</v>
      </c>
      <c r="AK6838">
        <v>35115.282760000002</v>
      </c>
      <c r="AL6838">
        <v>79447.614199999996</v>
      </c>
      <c r="AM6838">
        <v>20667.93519</v>
      </c>
      <c r="AN6838">
        <v>83935.339569999996</v>
      </c>
      <c r="AO6838">
        <v>32814.391470000002</v>
      </c>
      <c r="AP6838">
        <v>13345.399450000001</v>
      </c>
    </row>
    <row r="6839" spans="2:42" x14ac:dyDescent="0.3">
      <c r="B6839">
        <v>56.185648935778516</v>
      </c>
      <c r="C6839" s="83">
        <v>43385.875</v>
      </c>
      <c r="D6839">
        <v>219182.7187</v>
      </c>
      <c r="E6839">
        <v>14876.645839999999</v>
      </c>
      <c r="F6839">
        <v>56124.276729999998</v>
      </c>
      <c r="G6839">
        <v>35545.835780000001</v>
      </c>
      <c r="H6839">
        <v>38460.661269999997</v>
      </c>
      <c r="I6839">
        <v>26856.933270000001</v>
      </c>
      <c r="J6839">
        <v>37680.817000000003</v>
      </c>
      <c r="K6839">
        <v>47805.742899999997</v>
      </c>
      <c r="L6839">
        <v>26583.28817</v>
      </c>
      <c r="M6839">
        <v>286460.64</v>
      </c>
      <c r="N6839">
        <v>72992.218489999999</v>
      </c>
      <c r="O6839">
        <v>18082.188559999999</v>
      </c>
      <c r="P6839">
        <v>32931.574000000001</v>
      </c>
      <c r="Q6839">
        <v>77040.888479999994</v>
      </c>
      <c r="R6839">
        <v>19772.940320000002</v>
      </c>
      <c r="S6839">
        <v>78456.138349999994</v>
      </c>
      <c r="T6839">
        <v>29208.450850000001</v>
      </c>
      <c r="U6839">
        <v>12509.488149999999</v>
      </c>
      <c r="W6839" s="83">
        <f>Bühler!N6871</f>
        <v>45576.874999983418</v>
      </c>
      <c r="X6839" s="83">
        <v>43385.875</v>
      </c>
      <c r="Y6839">
        <v>219182.7187</v>
      </c>
      <c r="Z6839">
        <v>14876.645839999999</v>
      </c>
      <c r="AA6839">
        <v>56124.276729999998</v>
      </c>
      <c r="AB6839">
        <v>35545.835780000001</v>
      </c>
      <c r="AC6839">
        <v>38460.661269999997</v>
      </c>
      <c r="AD6839">
        <v>26856.933270000001</v>
      </c>
      <c r="AE6839">
        <v>37680.817000000003</v>
      </c>
      <c r="AF6839">
        <v>47805.742899999997</v>
      </c>
      <c r="AG6839">
        <v>26583.28817</v>
      </c>
      <c r="AH6839">
        <v>286460.64</v>
      </c>
      <c r="AI6839">
        <v>72992.218489999999</v>
      </c>
      <c r="AJ6839">
        <v>18082.188559999999</v>
      </c>
      <c r="AK6839">
        <v>32931.574000000001</v>
      </c>
      <c r="AL6839">
        <v>77040.888479999994</v>
      </c>
      <c r="AM6839">
        <v>19772.940320000002</v>
      </c>
      <c r="AN6839">
        <v>78456.138349999994</v>
      </c>
      <c r="AO6839">
        <v>29208.450850000001</v>
      </c>
      <c r="AP6839">
        <v>12509.488149999999</v>
      </c>
    </row>
    <row r="6840" spans="2:42" x14ac:dyDescent="0.3">
      <c r="B6840">
        <v>55.590713518623915</v>
      </c>
      <c r="C6840" s="83">
        <v>43385.916666666664</v>
      </c>
      <c r="D6840">
        <v>216921.92600000001</v>
      </c>
      <c r="E6840">
        <v>13883.000099999999</v>
      </c>
      <c r="F6840">
        <v>52862.7</v>
      </c>
      <c r="G6840">
        <v>34366.244989999999</v>
      </c>
      <c r="H6840">
        <v>36914.289689999998</v>
      </c>
      <c r="I6840">
        <v>24688.86681</v>
      </c>
      <c r="J6840">
        <v>36490.470710000001</v>
      </c>
      <c r="K6840">
        <v>51076.665110000002</v>
      </c>
      <c r="L6840">
        <v>23784.869439999999</v>
      </c>
      <c r="M6840">
        <v>283427.38179999997</v>
      </c>
      <c r="N6840">
        <v>72627.752359999999</v>
      </c>
      <c r="O6840">
        <v>18384.244149999999</v>
      </c>
      <c r="P6840">
        <v>34304.244229999997</v>
      </c>
      <c r="Q6840">
        <v>74840.318480000002</v>
      </c>
      <c r="R6840">
        <v>21337.207689999999</v>
      </c>
      <c r="S6840">
        <v>76516.937770000004</v>
      </c>
      <c r="T6840">
        <v>25870.953229999999</v>
      </c>
      <c r="U6840">
        <v>12449.96974</v>
      </c>
      <c r="W6840" s="83">
        <f>Bühler!N6872</f>
        <v>45576.916666650082</v>
      </c>
      <c r="X6840" s="83">
        <v>43385.916666666664</v>
      </c>
      <c r="Y6840">
        <v>216921.92600000001</v>
      </c>
      <c r="Z6840">
        <v>13883.000099999999</v>
      </c>
      <c r="AA6840">
        <v>52862.7</v>
      </c>
      <c r="AB6840">
        <v>34366.244989999999</v>
      </c>
      <c r="AC6840">
        <v>36914.289689999998</v>
      </c>
      <c r="AD6840">
        <v>24688.86681</v>
      </c>
      <c r="AE6840">
        <v>36490.470710000001</v>
      </c>
      <c r="AF6840">
        <v>51076.665110000002</v>
      </c>
      <c r="AG6840">
        <v>23784.869439999999</v>
      </c>
      <c r="AH6840">
        <v>283427.38179999997</v>
      </c>
      <c r="AI6840">
        <v>72627.752359999999</v>
      </c>
      <c r="AJ6840">
        <v>18384.244149999999</v>
      </c>
      <c r="AK6840">
        <v>34304.244229999997</v>
      </c>
      <c r="AL6840">
        <v>74840.318480000002</v>
      </c>
      <c r="AM6840">
        <v>21337.207689999999</v>
      </c>
      <c r="AN6840">
        <v>76516.937770000004</v>
      </c>
      <c r="AO6840">
        <v>25870.953229999999</v>
      </c>
      <c r="AP6840">
        <v>12449.96974</v>
      </c>
    </row>
    <row r="6841" spans="2:42" x14ac:dyDescent="0.3">
      <c r="B6841">
        <v>54.633546230915954</v>
      </c>
      <c r="C6841" s="83">
        <v>43385.958333333336</v>
      </c>
      <c r="D6841">
        <v>215199.99890000001</v>
      </c>
      <c r="E6841">
        <v>13336.887860000001</v>
      </c>
      <c r="F6841">
        <v>51483.644509999998</v>
      </c>
      <c r="G6841">
        <v>33688.839399999997</v>
      </c>
      <c r="H6841">
        <v>35920.711569999999</v>
      </c>
      <c r="I6841">
        <v>23654.31756</v>
      </c>
      <c r="J6841">
        <v>33611.95693</v>
      </c>
      <c r="K6841">
        <v>50109.283759999998</v>
      </c>
      <c r="L6841">
        <v>20589.741829999999</v>
      </c>
      <c r="M6841">
        <v>278547.2966</v>
      </c>
      <c r="N6841">
        <v>70193.664319999996</v>
      </c>
      <c r="O6841">
        <v>18254.061160000001</v>
      </c>
      <c r="P6841">
        <v>30238.494569999999</v>
      </c>
      <c r="Q6841">
        <v>74429.007599999997</v>
      </c>
      <c r="R6841">
        <v>20104.188910000001</v>
      </c>
      <c r="S6841">
        <v>74555.614679999999</v>
      </c>
      <c r="T6841">
        <v>27005.342280000001</v>
      </c>
      <c r="U6841">
        <v>12064.008159999999</v>
      </c>
      <c r="W6841" s="83">
        <f>Bühler!N6873</f>
        <v>45576.958333316747</v>
      </c>
      <c r="X6841" s="83">
        <v>43385.958333333336</v>
      </c>
      <c r="Y6841">
        <v>215199.99890000001</v>
      </c>
      <c r="Z6841">
        <v>13336.887860000001</v>
      </c>
      <c r="AA6841">
        <v>51483.644509999998</v>
      </c>
      <c r="AB6841">
        <v>33688.839399999997</v>
      </c>
      <c r="AC6841">
        <v>35920.711569999999</v>
      </c>
      <c r="AD6841">
        <v>23654.31756</v>
      </c>
      <c r="AE6841">
        <v>33611.95693</v>
      </c>
      <c r="AF6841">
        <v>50109.283759999998</v>
      </c>
      <c r="AG6841">
        <v>20589.741829999999</v>
      </c>
      <c r="AH6841">
        <v>278547.2966</v>
      </c>
      <c r="AI6841">
        <v>70193.664319999996</v>
      </c>
      <c r="AJ6841">
        <v>18254.061160000001</v>
      </c>
      <c r="AK6841">
        <v>30238.494569999999</v>
      </c>
      <c r="AL6841">
        <v>74429.007599999997</v>
      </c>
      <c r="AM6841">
        <v>20104.188910000001</v>
      </c>
      <c r="AN6841">
        <v>74555.614679999999</v>
      </c>
      <c r="AO6841">
        <v>27005.342280000001</v>
      </c>
      <c r="AP6841">
        <v>12064.008159999999</v>
      </c>
    </row>
    <row r="6842" spans="2:42" x14ac:dyDescent="0.3">
      <c r="B6842">
        <v>53.850118679942277</v>
      </c>
      <c r="C6842" s="83">
        <v>43386</v>
      </c>
      <c r="D6842">
        <v>212455.75349999999</v>
      </c>
      <c r="E6842">
        <v>12821.57388</v>
      </c>
      <c r="F6842">
        <v>50607.058530000002</v>
      </c>
      <c r="G6842">
        <v>33390.571380000001</v>
      </c>
      <c r="H6842">
        <v>34972.241950000003</v>
      </c>
      <c r="I6842">
        <v>22027.991910000001</v>
      </c>
      <c r="J6842">
        <v>27620.497670000001</v>
      </c>
      <c r="K6842">
        <v>48994.860350000003</v>
      </c>
      <c r="L6842">
        <v>17842.317709999999</v>
      </c>
      <c r="M6842">
        <v>274553.01760000002</v>
      </c>
      <c r="N6842">
        <v>67810.087119999997</v>
      </c>
      <c r="O6842">
        <v>17918.605200000002</v>
      </c>
      <c r="P6842">
        <v>28349.247490000002</v>
      </c>
      <c r="Q6842">
        <v>72822.325819999998</v>
      </c>
      <c r="R6842">
        <v>18434.028200000001</v>
      </c>
      <c r="S6842">
        <v>73541.527470000001</v>
      </c>
      <c r="T6842">
        <v>25193.780770000001</v>
      </c>
      <c r="U6842">
        <v>11626.95141</v>
      </c>
      <c r="W6842" s="83">
        <f>Bühler!N6874</f>
        <v>45576.999999983411</v>
      </c>
      <c r="X6842" s="83">
        <v>43386</v>
      </c>
      <c r="Y6842">
        <v>212455.75349999999</v>
      </c>
      <c r="Z6842">
        <v>12821.57388</v>
      </c>
      <c r="AA6842">
        <v>50607.058530000002</v>
      </c>
      <c r="AB6842">
        <v>33390.571380000001</v>
      </c>
      <c r="AC6842">
        <v>34972.241950000003</v>
      </c>
      <c r="AD6842">
        <v>22027.991910000001</v>
      </c>
      <c r="AE6842">
        <v>27620.497670000001</v>
      </c>
      <c r="AF6842">
        <v>48994.860350000003</v>
      </c>
      <c r="AG6842">
        <v>17842.317709999999</v>
      </c>
      <c r="AH6842">
        <v>274553.01760000002</v>
      </c>
      <c r="AI6842">
        <v>67810.087119999997</v>
      </c>
      <c r="AJ6842">
        <v>17918.605200000002</v>
      </c>
      <c r="AK6842">
        <v>28349.247490000002</v>
      </c>
      <c r="AL6842">
        <v>72822.325819999998</v>
      </c>
      <c r="AM6842">
        <v>18434.028200000001</v>
      </c>
      <c r="AN6842">
        <v>73541.527470000001</v>
      </c>
      <c r="AO6842">
        <v>25193.780770000001</v>
      </c>
      <c r="AP6842">
        <v>11626.95141</v>
      </c>
    </row>
    <row r="6843" spans="2:42" x14ac:dyDescent="0.3">
      <c r="B6843">
        <v>52.917197742353899</v>
      </c>
      <c r="C6843" s="83">
        <v>43386.041666666664</v>
      </c>
      <c r="D6843">
        <v>207610.97940000001</v>
      </c>
      <c r="E6843">
        <v>12586.327869999999</v>
      </c>
      <c r="F6843">
        <v>50927.983849999997</v>
      </c>
      <c r="G6843">
        <v>32937.484299999996</v>
      </c>
      <c r="H6843">
        <v>34624.156300000002</v>
      </c>
      <c r="I6843">
        <v>18641.658640000001</v>
      </c>
      <c r="J6843">
        <v>27405.225579999998</v>
      </c>
      <c r="K6843">
        <v>48360.825080000002</v>
      </c>
      <c r="L6843">
        <v>16780.033459999999</v>
      </c>
      <c r="M6843">
        <v>269796.55160000001</v>
      </c>
      <c r="N6843">
        <v>67713.112299999993</v>
      </c>
      <c r="O6843">
        <v>17660.006229999999</v>
      </c>
      <c r="P6843">
        <v>25378.339899999999</v>
      </c>
      <c r="Q6843">
        <v>72393.336160000006</v>
      </c>
      <c r="R6843">
        <v>17612.416420000001</v>
      </c>
      <c r="S6843">
        <v>72249.900829999999</v>
      </c>
      <c r="T6843">
        <v>24089.059430000001</v>
      </c>
      <c r="U6843">
        <v>11575.606970000001</v>
      </c>
      <c r="W6843" s="83">
        <f>Bühler!N6875</f>
        <v>45577.041666650075</v>
      </c>
      <c r="X6843" s="83">
        <v>43386.041666666664</v>
      </c>
      <c r="Y6843">
        <v>207610.97940000001</v>
      </c>
      <c r="Z6843">
        <v>12586.327869999999</v>
      </c>
      <c r="AA6843">
        <v>50927.983849999997</v>
      </c>
      <c r="AB6843">
        <v>32937.484299999996</v>
      </c>
      <c r="AC6843">
        <v>34624.156300000002</v>
      </c>
      <c r="AD6843">
        <v>18641.658640000001</v>
      </c>
      <c r="AE6843">
        <v>27405.225579999998</v>
      </c>
      <c r="AF6843">
        <v>48360.825080000002</v>
      </c>
      <c r="AG6843">
        <v>16780.033459999999</v>
      </c>
      <c r="AH6843">
        <v>269796.55160000001</v>
      </c>
      <c r="AI6843">
        <v>67713.112299999993</v>
      </c>
      <c r="AJ6843">
        <v>17660.006229999999</v>
      </c>
      <c r="AK6843">
        <v>25378.339899999999</v>
      </c>
      <c r="AL6843">
        <v>72393.336160000006</v>
      </c>
      <c r="AM6843">
        <v>17612.416420000001</v>
      </c>
      <c r="AN6843">
        <v>72249.900829999999</v>
      </c>
      <c r="AO6843">
        <v>24089.059430000001</v>
      </c>
      <c r="AP6843">
        <v>11575.606970000001</v>
      </c>
    </row>
    <row r="6844" spans="2:42" x14ac:dyDescent="0.3">
      <c r="B6844">
        <v>52.66189924419794</v>
      </c>
      <c r="C6844" s="83">
        <v>43386.083333333336</v>
      </c>
      <c r="D6844">
        <v>203497.32430000001</v>
      </c>
      <c r="E6844">
        <v>12440.20724</v>
      </c>
      <c r="F6844">
        <v>51137.467019999996</v>
      </c>
      <c r="G6844">
        <v>32205.45537</v>
      </c>
      <c r="H6844">
        <v>34372.313139999998</v>
      </c>
      <c r="I6844">
        <v>16358.73596</v>
      </c>
      <c r="J6844">
        <v>27219.953959999999</v>
      </c>
      <c r="K6844">
        <v>46113.71084</v>
      </c>
      <c r="L6844">
        <v>16190.816220000001</v>
      </c>
      <c r="M6844">
        <v>268494.92080000002</v>
      </c>
      <c r="N6844">
        <v>66830.794729999994</v>
      </c>
      <c r="O6844">
        <v>17576.230029999999</v>
      </c>
      <c r="P6844">
        <v>24227.575629999999</v>
      </c>
      <c r="Q6844">
        <v>72690.345279999994</v>
      </c>
      <c r="R6844">
        <v>16323.955260000001</v>
      </c>
      <c r="S6844">
        <v>71528.537030000007</v>
      </c>
      <c r="T6844">
        <v>23603.133529999999</v>
      </c>
      <c r="U6844">
        <v>11466.44779</v>
      </c>
      <c r="W6844" s="83">
        <f>Bühler!N6876</f>
        <v>45577.083333316739</v>
      </c>
      <c r="X6844" s="83">
        <v>43386.083333333336</v>
      </c>
      <c r="Y6844">
        <v>203497.32430000001</v>
      </c>
      <c r="Z6844">
        <v>12440.20724</v>
      </c>
      <c r="AA6844">
        <v>51137.467019999996</v>
      </c>
      <c r="AB6844">
        <v>32205.45537</v>
      </c>
      <c r="AC6844">
        <v>34372.313139999998</v>
      </c>
      <c r="AD6844">
        <v>16358.73596</v>
      </c>
      <c r="AE6844">
        <v>27219.953959999999</v>
      </c>
      <c r="AF6844">
        <v>46113.71084</v>
      </c>
      <c r="AG6844">
        <v>16190.816220000001</v>
      </c>
      <c r="AH6844">
        <v>268494.92080000002</v>
      </c>
      <c r="AI6844">
        <v>66830.794729999994</v>
      </c>
      <c r="AJ6844">
        <v>17576.230029999999</v>
      </c>
      <c r="AK6844">
        <v>24227.575629999999</v>
      </c>
      <c r="AL6844">
        <v>72690.345279999994</v>
      </c>
      <c r="AM6844">
        <v>16323.955260000001</v>
      </c>
      <c r="AN6844">
        <v>71528.537030000007</v>
      </c>
      <c r="AO6844">
        <v>23603.133529999999</v>
      </c>
      <c r="AP6844">
        <v>11466.44779</v>
      </c>
    </row>
    <row r="6845" spans="2:42" x14ac:dyDescent="0.3">
      <c r="B6845">
        <v>52.023843938579844</v>
      </c>
      <c r="C6845" s="83">
        <v>43386.125</v>
      </c>
      <c r="D6845">
        <v>197974.9351</v>
      </c>
      <c r="E6845">
        <v>12394.528609999999</v>
      </c>
      <c r="F6845">
        <v>51482.031159999999</v>
      </c>
      <c r="G6845">
        <v>31544.397430000001</v>
      </c>
      <c r="H6845">
        <v>34049.551610000002</v>
      </c>
      <c r="I6845">
        <v>15812.103940000001</v>
      </c>
      <c r="J6845">
        <v>27344.538240000002</v>
      </c>
      <c r="K6845">
        <v>44757.768629999999</v>
      </c>
      <c r="L6845">
        <v>15932.889209999999</v>
      </c>
      <c r="M6845">
        <v>265241.8173</v>
      </c>
      <c r="N6845">
        <v>66548.02893</v>
      </c>
      <c r="O6845">
        <v>17451.27133</v>
      </c>
      <c r="P6845">
        <v>23523.200000000001</v>
      </c>
      <c r="Q6845">
        <v>71373.902719999998</v>
      </c>
      <c r="R6845">
        <v>15932.87168</v>
      </c>
      <c r="S6845">
        <v>71267.078699999998</v>
      </c>
      <c r="T6845">
        <v>23199.104530000001</v>
      </c>
      <c r="U6845">
        <v>11524.137989999999</v>
      </c>
      <c r="W6845" s="83">
        <f>Bühler!N6877</f>
        <v>45577.124999983404</v>
      </c>
      <c r="X6845" s="83">
        <v>43386.125</v>
      </c>
      <c r="Y6845">
        <v>197974.9351</v>
      </c>
      <c r="Z6845">
        <v>12394.528609999999</v>
      </c>
      <c r="AA6845">
        <v>51482.031159999999</v>
      </c>
      <c r="AB6845">
        <v>31544.397430000001</v>
      </c>
      <c r="AC6845">
        <v>34049.551610000002</v>
      </c>
      <c r="AD6845">
        <v>15812.103940000001</v>
      </c>
      <c r="AE6845">
        <v>27344.538240000002</v>
      </c>
      <c r="AF6845">
        <v>44757.768629999999</v>
      </c>
      <c r="AG6845">
        <v>15932.889209999999</v>
      </c>
      <c r="AH6845">
        <v>265241.8173</v>
      </c>
      <c r="AI6845">
        <v>66548.02893</v>
      </c>
      <c r="AJ6845">
        <v>17451.27133</v>
      </c>
      <c r="AK6845">
        <v>23523.200000000001</v>
      </c>
      <c r="AL6845">
        <v>71373.902719999998</v>
      </c>
      <c r="AM6845">
        <v>15932.87168</v>
      </c>
      <c r="AN6845">
        <v>71267.078699999998</v>
      </c>
      <c r="AO6845">
        <v>23199.104530000001</v>
      </c>
      <c r="AP6845">
        <v>11524.137989999999</v>
      </c>
    </row>
    <row r="6846" spans="2:42" x14ac:dyDescent="0.3">
      <c r="B6846">
        <v>50.308229278535833</v>
      </c>
      <c r="C6846" s="83">
        <v>43386.166666666664</v>
      </c>
      <c r="D6846">
        <v>190481.67050000001</v>
      </c>
      <c r="E6846">
        <v>12523.840679999999</v>
      </c>
      <c r="F6846">
        <v>56257.776539999999</v>
      </c>
      <c r="G6846">
        <v>30788.526600000001</v>
      </c>
      <c r="H6846">
        <v>34220.533960000001</v>
      </c>
      <c r="I6846">
        <v>17351.298849999999</v>
      </c>
      <c r="J6846">
        <v>28618.489389999999</v>
      </c>
      <c r="K6846">
        <v>43167.481549999997</v>
      </c>
      <c r="L6846">
        <v>16137.963040000001</v>
      </c>
      <c r="M6846">
        <v>256494.8137</v>
      </c>
      <c r="N6846">
        <v>66820.195009999996</v>
      </c>
      <c r="O6846">
        <v>18021.84693</v>
      </c>
      <c r="P6846">
        <v>22791.123759999999</v>
      </c>
      <c r="Q6846">
        <v>71394.208400000003</v>
      </c>
      <c r="R6846">
        <v>16453.620510000001</v>
      </c>
      <c r="S6846">
        <v>72189.586139999999</v>
      </c>
      <c r="T6846">
        <v>23126.021850000001</v>
      </c>
      <c r="U6846">
        <v>11614.258229999999</v>
      </c>
      <c r="W6846" s="83">
        <f>Bühler!N6878</f>
        <v>45577.166666650068</v>
      </c>
      <c r="X6846" s="83">
        <v>43386.166666666664</v>
      </c>
      <c r="Y6846">
        <v>190481.67050000001</v>
      </c>
      <c r="Z6846">
        <v>12523.840679999999</v>
      </c>
      <c r="AA6846">
        <v>56257.776539999999</v>
      </c>
      <c r="AB6846">
        <v>30788.526600000001</v>
      </c>
      <c r="AC6846">
        <v>34220.533960000001</v>
      </c>
      <c r="AD6846">
        <v>17351.298849999999</v>
      </c>
      <c r="AE6846">
        <v>28618.489389999999</v>
      </c>
      <c r="AF6846">
        <v>43167.481549999997</v>
      </c>
      <c r="AG6846">
        <v>16137.963040000001</v>
      </c>
      <c r="AH6846">
        <v>256494.8137</v>
      </c>
      <c r="AI6846">
        <v>66820.195009999996</v>
      </c>
      <c r="AJ6846">
        <v>18021.84693</v>
      </c>
      <c r="AK6846">
        <v>22791.123759999999</v>
      </c>
      <c r="AL6846">
        <v>71394.208400000003</v>
      </c>
      <c r="AM6846">
        <v>16453.620510000001</v>
      </c>
      <c r="AN6846">
        <v>72189.586139999999</v>
      </c>
      <c r="AO6846">
        <v>23126.021850000001</v>
      </c>
      <c r="AP6846">
        <v>11614.258229999999</v>
      </c>
    </row>
    <row r="6847" spans="2:42" x14ac:dyDescent="0.3">
      <c r="B6847">
        <v>50.023473059189456</v>
      </c>
      <c r="C6847" s="83">
        <v>43386.208333333336</v>
      </c>
      <c r="D6847">
        <v>185718.723</v>
      </c>
      <c r="E6847">
        <v>13169.750029999999</v>
      </c>
      <c r="F6847">
        <v>64574.874530000001</v>
      </c>
      <c r="G6847">
        <v>31086.855329999999</v>
      </c>
      <c r="H6847">
        <v>35351.002119999997</v>
      </c>
      <c r="I6847">
        <v>23271.205839999999</v>
      </c>
      <c r="J6847">
        <v>30811.726589999998</v>
      </c>
      <c r="K6847">
        <v>42382.325819999998</v>
      </c>
      <c r="L6847">
        <v>16692.500530000001</v>
      </c>
      <c r="M6847">
        <v>255042.99369999999</v>
      </c>
      <c r="N6847">
        <v>65360.497380000001</v>
      </c>
      <c r="O6847">
        <v>18108.68648</v>
      </c>
      <c r="P6847">
        <v>23986.312849999998</v>
      </c>
      <c r="Q6847">
        <v>71233.069940000001</v>
      </c>
      <c r="R6847">
        <v>16755.247149999999</v>
      </c>
      <c r="S6847">
        <v>73934.043730000005</v>
      </c>
      <c r="T6847">
        <v>24408.40451</v>
      </c>
      <c r="U6847">
        <v>12379.02961</v>
      </c>
      <c r="W6847" s="83">
        <f>Bühler!N6879</f>
        <v>45577.208333316732</v>
      </c>
      <c r="X6847" s="83">
        <v>43386.208333333336</v>
      </c>
      <c r="Y6847">
        <v>185718.723</v>
      </c>
      <c r="Z6847">
        <v>13169.750029999999</v>
      </c>
      <c r="AA6847">
        <v>64574.874530000001</v>
      </c>
      <c r="AB6847">
        <v>31086.855329999999</v>
      </c>
      <c r="AC6847">
        <v>35351.002119999997</v>
      </c>
      <c r="AD6847">
        <v>23271.205839999999</v>
      </c>
      <c r="AE6847">
        <v>30811.726589999998</v>
      </c>
      <c r="AF6847">
        <v>42382.325819999998</v>
      </c>
      <c r="AG6847">
        <v>16692.500530000001</v>
      </c>
      <c r="AH6847">
        <v>255042.99369999999</v>
      </c>
      <c r="AI6847">
        <v>65360.497380000001</v>
      </c>
      <c r="AJ6847">
        <v>18108.68648</v>
      </c>
      <c r="AK6847">
        <v>23986.312849999998</v>
      </c>
      <c r="AL6847">
        <v>71233.069940000001</v>
      </c>
      <c r="AM6847">
        <v>16755.247149999999</v>
      </c>
      <c r="AN6847">
        <v>73934.043730000005</v>
      </c>
      <c r="AO6847">
        <v>24408.40451</v>
      </c>
      <c r="AP6847">
        <v>12379.02961</v>
      </c>
    </row>
    <row r="6848" spans="2:42" x14ac:dyDescent="0.3">
      <c r="B6848">
        <v>50.138590853568168</v>
      </c>
      <c r="C6848" s="83">
        <v>43386.25</v>
      </c>
      <c r="D6848">
        <v>187038.62789999999</v>
      </c>
      <c r="E6848">
        <v>14954.5021</v>
      </c>
      <c r="F6848">
        <v>76839.550260000004</v>
      </c>
      <c r="G6848">
        <v>32590.571380000001</v>
      </c>
      <c r="H6848">
        <v>36114.170310000001</v>
      </c>
      <c r="I6848">
        <v>25817.047149999999</v>
      </c>
      <c r="J6848">
        <v>33868.984989999997</v>
      </c>
      <c r="K6848">
        <v>41056.683770000003</v>
      </c>
      <c r="L6848">
        <v>17624.44299</v>
      </c>
      <c r="M6848">
        <v>255629.9179</v>
      </c>
      <c r="N6848">
        <v>65854.561360000007</v>
      </c>
      <c r="O6848">
        <v>18272.580600000001</v>
      </c>
      <c r="P6848">
        <v>24781.863949999999</v>
      </c>
      <c r="Q6848">
        <v>69771.685360000003</v>
      </c>
      <c r="R6848">
        <v>16654.237929999999</v>
      </c>
      <c r="S6848">
        <v>78530.608680000005</v>
      </c>
      <c r="T6848">
        <v>25984.665779999999</v>
      </c>
      <c r="U6848">
        <v>12642.21954</v>
      </c>
      <c r="W6848" s="83">
        <f>Bühler!N6880</f>
        <v>45577.249999983396</v>
      </c>
      <c r="X6848" s="83">
        <v>43386.25</v>
      </c>
      <c r="Y6848">
        <v>187038.62789999999</v>
      </c>
      <c r="Z6848">
        <v>14954.5021</v>
      </c>
      <c r="AA6848">
        <v>76839.550260000004</v>
      </c>
      <c r="AB6848">
        <v>32590.571380000001</v>
      </c>
      <c r="AC6848">
        <v>36114.170310000001</v>
      </c>
      <c r="AD6848">
        <v>25817.047149999999</v>
      </c>
      <c r="AE6848">
        <v>33868.984989999997</v>
      </c>
      <c r="AF6848">
        <v>41056.683770000003</v>
      </c>
      <c r="AG6848">
        <v>17624.44299</v>
      </c>
      <c r="AH6848">
        <v>255629.9179</v>
      </c>
      <c r="AI6848">
        <v>65854.561360000007</v>
      </c>
      <c r="AJ6848">
        <v>18272.580600000001</v>
      </c>
      <c r="AK6848">
        <v>24781.863949999999</v>
      </c>
      <c r="AL6848">
        <v>69771.685360000003</v>
      </c>
      <c r="AM6848">
        <v>16654.237929999999</v>
      </c>
      <c r="AN6848">
        <v>78530.608680000005</v>
      </c>
      <c r="AO6848">
        <v>25984.665779999999</v>
      </c>
      <c r="AP6848">
        <v>12642.21954</v>
      </c>
    </row>
    <row r="6849" spans="2:42" x14ac:dyDescent="0.3">
      <c r="B6849">
        <v>50.501060207301542</v>
      </c>
      <c r="C6849" s="83">
        <v>43386.291666666664</v>
      </c>
      <c r="D6849">
        <v>187511.48970000001</v>
      </c>
      <c r="E6849">
        <v>17353.096659999999</v>
      </c>
      <c r="F6849">
        <v>79521.296010000005</v>
      </c>
      <c r="G6849">
        <v>34453.113250000002</v>
      </c>
      <c r="H6849">
        <v>36965.552730000003</v>
      </c>
      <c r="I6849">
        <v>28463.04924</v>
      </c>
      <c r="J6849">
        <v>35296.146200000003</v>
      </c>
      <c r="K6849">
        <v>41774.113949999999</v>
      </c>
      <c r="L6849">
        <v>19839.60183</v>
      </c>
      <c r="M6849">
        <v>257477.95569999999</v>
      </c>
      <c r="N6849">
        <v>66283.741940000007</v>
      </c>
      <c r="O6849">
        <v>18734.28571</v>
      </c>
      <c r="P6849">
        <v>27621.669140000002</v>
      </c>
      <c r="Q6849">
        <v>67940.929359999995</v>
      </c>
      <c r="R6849">
        <v>17885.156510000001</v>
      </c>
      <c r="S6849">
        <v>86266.736789999995</v>
      </c>
      <c r="T6849">
        <v>24496.077560000002</v>
      </c>
      <c r="U6849">
        <v>13386.223410000001</v>
      </c>
      <c r="W6849" s="83">
        <f>Bühler!N6881</f>
        <v>45577.291666650061</v>
      </c>
      <c r="X6849" s="83">
        <v>43386.291666666664</v>
      </c>
      <c r="Y6849">
        <v>187511.48970000001</v>
      </c>
      <c r="Z6849">
        <v>17353.096659999999</v>
      </c>
      <c r="AA6849">
        <v>79521.296010000005</v>
      </c>
      <c r="AB6849">
        <v>34453.113250000002</v>
      </c>
      <c r="AC6849">
        <v>36965.552730000003</v>
      </c>
      <c r="AD6849">
        <v>28463.04924</v>
      </c>
      <c r="AE6849">
        <v>35296.146200000003</v>
      </c>
      <c r="AF6849">
        <v>41774.113949999999</v>
      </c>
      <c r="AG6849">
        <v>19839.60183</v>
      </c>
      <c r="AH6849">
        <v>257477.95569999999</v>
      </c>
      <c r="AI6849">
        <v>66283.741940000007</v>
      </c>
      <c r="AJ6849">
        <v>18734.28571</v>
      </c>
      <c r="AK6849">
        <v>27621.669140000002</v>
      </c>
      <c r="AL6849">
        <v>67940.929359999995</v>
      </c>
      <c r="AM6849">
        <v>17885.156510000001</v>
      </c>
      <c r="AN6849">
        <v>86266.736789999995</v>
      </c>
      <c r="AO6849">
        <v>24496.077560000002</v>
      </c>
      <c r="AP6849">
        <v>13386.223410000001</v>
      </c>
    </row>
    <row r="6850" spans="2:42" x14ac:dyDescent="0.3">
      <c r="B6850">
        <v>49.318556431531299</v>
      </c>
      <c r="C6850" s="83">
        <v>43386.333333333336</v>
      </c>
      <c r="D6850">
        <v>184742.4516</v>
      </c>
      <c r="E6850">
        <v>20398.60209</v>
      </c>
      <c r="F6850">
        <v>83961.658339999994</v>
      </c>
      <c r="G6850">
        <v>35347.437700000002</v>
      </c>
      <c r="H6850">
        <v>36608.089930000002</v>
      </c>
      <c r="I6850">
        <v>29505.14183</v>
      </c>
      <c r="J6850">
        <v>34144.714769999999</v>
      </c>
      <c r="K6850">
        <v>42586.753850000001</v>
      </c>
      <c r="L6850">
        <v>21812.909339999998</v>
      </c>
      <c r="M6850">
        <v>251449</v>
      </c>
      <c r="N6850">
        <v>65076.041230000003</v>
      </c>
      <c r="O6850">
        <v>18802.940699999999</v>
      </c>
      <c r="P6850">
        <v>29565.223740000001</v>
      </c>
      <c r="Q6850">
        <v>66291.831399999995</v>
      </c>
      <c r="R6850">
        <v>16600.69915</v>
      </c>
      <c r="S6850">
        <v>89501.388940000004</v>
      </c>
      <c r="T6850">
        <v>25980.476879999998</v>
      </c>
      <c r="U6850">
        <v>13087.992179999999</v>
      </c>
      <c r="W6850" s="83">
        <f>Bühler!N6882</f>
        <v>45577.333333316725</v>
      </c>
      <c r="X6850" s="83">
        <v>43386.333333333336</v>
      </c>
      <c r="Y6850">
        <v>184742.4516</v>
      </c>
      <c r="Z6850">
        <v>20398.60209</v>
      </c>
      <c r="AA6850">
        <v>83961.658339999994</v>
      </c>
      <c r="AB6850">
        <v>35347.437700000002</v>
      </c>
      <c r="AC6850">
        <v>36608.089930000002</v>
      </c>
      <c r="AD6850">
        <v>29505.14183</v>
      </c>
      <c r="AE6850">
        <v>34144.714769999999</v>
      </c>
      <c r="AF6850">
        <v>42586.753850000001</v>
      </c>
      <c r="AG6850">
        <v>21812.909339999998</v>
      </c>
      <c r="AH6850">
        <v>251449</v>
      </c>
      <c r="AI6850">
        <v>65076.041230000003</v>
      </c>
      <c r="AJ6850">
        <v>18802.940699999999</v>
      </c>
      <c r="AK6850">
        <v>29565.223740000001</v>
      </c>
      <c r="AL6850">
        <v>66291.831399999995</v>
      </c>
      <c r="AM6850">
        <v>16600.69915</v>
      </c>
      <c r="AN6850">
        <v>89501.388940000004</v>
      </c>
      <c r="AO6850">
        <v>25980.476879999998</v>
      </c>
      <c r="AP6850">
        <v>13087.992179999999</v>
      </c>
    </row>
    <row r="6851" spans="2:42" x14ac:dyDescent="0.3">
      <c r="B6851">
        <v>49.21552786082615</v>
      </c>
      <c r="C6851" s="83">
        <v>43386.375</v>
      </c>
      <c r="D6851">
        <v>182733.91020000001</v>
      </c>
      <c r="E6851">
        <v>23578.64474</v>
      </c>
      <c r="F6851">
        <v>88734.802880000003</v>
      </c>
      <c r="G6851">
        <v>35949.645759999999</v>
      </c>
      <c r="H6851">
        <v>36780.199260000001</v>
      </c>
      <c r="I6851">
        <v>28830.500090000001</v>
      </c>
      <c r="J6851">
        <v>33928.5046</v>
      </c>
      <c r="K6851">
        <v>43175.341339999999</v>
      </c>
      <c r="L6851">
        <v>25025.652689999999</v>
      </c>
      <c r="M6851">
        <v>250923.71230000001</v>
      </c>
      <c r="N6851">
        <v>67306.383619999993</v>
      </c>
      <c r="O6851">
        <v>18287.166000000001</v>
      </c>
      <c r="P6851">
        <v>32439.626799999998</v>
      </c>
      <c r="Q6851">
        <v>65770.420620000004</v>
      </c>
      <c r="R6851">
        <v>17149.513279999999</v>
      </c>
      <c r="S6851">
        <v>90962.888479999994</v>
      </c>
      <c r="T6851">
        <v>27550.645789999999</v>
      </c>
      <c r="U6851">
        <v>12886.929</v>
      </c>
      <c r="W6851" s="83">
        <f>Bühler!N6883</f>
        <v>45577.374999983389</v>
      </c>
      <c r="X6851" s="83">
        <v>43386.375</v>
      </c>
      <c r="Y6851">
        <v>182733.91020000001</v>
      </c>
      <c r="Z6851">
        <v>23578.64474</v>
      </c>
      <c r="AA6851">
        <v>88734.802880000003</v>
      </c>
      <c r="AB6851">
        <v>35949.645759999999</v>
      </c>
      <c r="AC6851">
        <v>36780.199260000001</v>
      </c>
      <c r="AD6851">
        <v>28830.500090000001</v>
      </c>
      <c r="AE6851">
        <v>33928.5046</v>
      </c>
      <c r="AF6851">
        <v>43175.341339999999</v>
      </c>
      <c r="AG6851">
        <v>25025.652689999999</v>
      </c>
      <c r="AH6851">
        <v>250923.71230000001</v>
      </c>
      <c r="AI6851">
        <v>67306.383619999993</v>
      </c>
      <c r="AJ6851">
        <v>18287.166000000001</v>
      </c>
      <c r="AK6851">
        <v>32439.626799999998</v>
      </c>
      <c r="AL6851">
        <v>65770.420620000004</v>
      </c>
      <c r="AM6851">
        <v>17149.513279999999</v>
      </c>
      <c r="AN6851">
        <v>90962.888479999994</v>
      </c>
      <c r="AO6851">
        <v>27550.645789999999</v>
      </c>
      <c r="AP6851">
        <v>12886.929</v>
      </c>
    </row>
    <row r="6852" spans="2:42" x14ac:dyDescent="0.3">
      <c r="B6852">
        <v>48.800930949083231</v>
      </c>
      <c r="C6852" s="83">
        <v>43386.416666666664</v>
      </c>
      <c r="D6852">
        <v>182137.728</v>
      </c>
      <c r="E6852">
        <v>24864.18996</v>
      </c>
      <c r="F6852">
        <v>88774.946930000006</v>
      </c>
      <c r="G6852">
        <v>36777.000110000001</v>
      </c>
      <c r="H6852">
        <v>37531.935550000002</v>
      </c>
      <c r="I6852">
        <v>27280.66131</v>
      </c>
      <c r="J6852">
        <v>32933.995730000002</v>
      </c>
      <c r="K6852">
        <v>43702.218739999997</v>
      </c>
      <c r="L6852">
        <v>27110.871279999999</v>
      </c>
      <c r="M6852">
        <v>248809.9039</v>
      </c>
      <c r="N6852">
        <v>67442.778330000001</v>
      </c>
      <c r="O6852">
        <v>18678.377550000001</v>
      </c>
      <c r="P6852">
        <v>33217.72724</v>
      </c>
      <c r="Q6852">
        <v>64905.019119999997</v>
      </c>
      <c r="R6852">
        <v>17654.97221</v>
      </c>
      <c r="S6852">
        <v>90410.007079999996</v>
      </c>
      <c r="T6852">
        <v>29460.475999999999</v>
      </c>
      <c r="U6852">
        <v>12412.758169999999</v>
      </c>
      <c r="W6852" s="83">
        <f>Bühler!N6884</f>
        <v>45577.416666650053</v>
      </c>
      <c r="X6852" s="83">
        <v>43386.416666666664</v>
      </c>
      <c r="Y6852">
        <v>182137.728</v>
      </c>
      <c r="Z6852">
        <v>24864.18996</v>
      </c>
      <c r="AA6852">
        <v>88774.946930000006</v>
      </c>
      <c r="AB6852">
        <v>36777.000110000001</v>
      </c>
      <c r="AC6852">
        <v>37531.935550000002</v>
      </c>
      <c r="AD6852">
        <v>27280.66131</v>
      </c>
      <c r="AE6852">
        <v>32933.995730000002</v>
      </c>
      <c r="AF6852">
        <v>43702.218739999997</v>
      </c>
      <c r="AG6852">
        <v>27110.871279999999</v>
      </c>
      <c r="AH6852">
        <v>248809.9039</v>
      </c>
      <c r="AI6852">
        <v>67442.778330000001</v>
      </c>
      <c r="AJ6852">
        <v>18678.377550000001</v>
      </c>
      <c r="AK6852">
        <v>33217.72724</v>
      </c>
      <c r="AL6852">
        <v>64905.019119999997</v>
      </c>
      <c r="AM6852">
        <v>17654.97221</v>
      </c>
      <c r="AN6852">
        <v>90410.007079999996</v>
      </c>
      <c r="AO6852">
        <v>29460.475999999999</v>
      </c>
      <c r="AP6852">
        <v>12412.758169999999</v>
      </c>
    </row>
    <row r="6853" spans="2:42" x14ac:dyDescent="0.3">
      <c r="B6853">
        <v>48.500495053803306</v>
      </c>
      <c r="C6853" s="83">
        <v>43386.458333333336</v>
      </c>
      <c r="D6853">
        <v>178297.2977</v>
      </c>
      <c r="E6853">
        <v>24728.15382</v>
      </c>
      <c r="F6853">
        <v>88852.701000000001</v>
      </c>
      <c r="G6853">
        <v>36468.976439999999</v>
      </c>
      <c r="H6853">
        <v>37326.712299999999</v>
      </c>
      <c r="I6853">
        <v>26988.437529999999</v>
      </c>
      <c r="J6853">
        <v>32379.763510000001</v>
      </c>
      <c r="K6853">
        <v>45445.842140000001</v>
      </c>
      <c r="L6853">
        <v>28419.96097</v>
      </c>
      <c r="M6853">
        <v>247278.1416</v>
      </c>
      <c r="N6853">
        <v>67855.936780000004</v>
      </c>
      <c r="O6853">
        <v>18538.88797</v>
      </c>
      <c r="P6853">
        <v>31490.184939999999</v>
      </c>
      <c r="Q6853">
        <v>63958.420409999999</v>
      </c>
      <c r="R6853">
        <v>17728.063699999999</v>
      </c>
      <c r="S6853">
        <v>92211.96011</v>
      </c>
      <c r="T6853">
        <v>29448.04535</v>
      </c>
      <c r="U6853">
        <v>11721.7106</v>
      </c>
      <c r="W6853" s="83">
        <f>Bühler!N6885</f>
        <v>45577.458333316717</v>
      </c>
      <c r="X6853" s="83">
        <v>43386.458333333336</v>
      </c>
      <c r="Y6853">
        <v>178297.2977</v>
      </c>
      <c r="Z6853">
        <v>24728.15382</v>
      </c>
      <c r="AA6853">
        <v>88852.701000000001</v>
      </c>
      <c r="AB6853">
        <v>36468.976439999999</v>
      </c>
      <c r="AC6853">
        <v>37326.712299999999</v>
      </c>
      <c r="AD6853">
        <v>26988.437529999999</v>
      </c>
      <c r="AE6853">
        <v>32379.763510000001</v>
      </c>
      <c r="AF6853">
        <v>45445.842140000001</v>
      </c>
      <c r="AG6853">
        <v>28419.96097</v>
      </c>
      <c r="AH6853">
        <v>247278.1416</v>
      </c>
      <c r="AI6853">
        <v>67855.936780000004</v>
      </c>
      <c r="AJ6853">
        <v>18538.88797</v>
      </c>
      <c r="AK6853">
        <v>31490.184939999999</v>
      </c>
      <c r="AL6853">
        <v>63958.420409999999</v>
      </c>
      <c r="AM6853">
        <v>17728.063699999999</v>
      </c>
      <c r="AN6853">
        <v>92211.96011</v>
      </c>
      <c r="AO6853">
        <v>29448.04535</v>
      </c>
      <c r="AP6853">
        <v>11721.7106</v>
      </c>
    </row>
    <row r="6854" spans="2:42" x14ac:dyDescent="0.3">
      <c r="B6854">
        <v>47.923439582084427</v>
      </c>
      <c r="C6854" s="83">
        <v>43386.5</v>
      </c>
      <c r="D6854">
        <v>173086.73850000001</v>
      </c>
      <c r="E6854">
        <v>23378.735939999999</v>
      </c>
      <c r="F6854">
        <v>88142.846399999995</v>
      </c>
      <c r="G6854">
        <v>35271.233070000002</v>
      </c>
      <c r="H6854">
        <v>36252.081230000003</v>
      </c>
      <c r="I6854">
        <v>27263.85743</v>
      </c>
      <c r="J6854">
        <v>32944.80431</v>
      </c>
      <c r="K6854">
        <v>45364.09837</v>
      </c>
      <c r="L6854">
        <v>30555.37257</v>
      </c>
      <c r="M6854">
        <v>244336.04370000001</v>
      </c>
      <c r="N6854">
        <v>67581.132440000001</v>
      </c>
      <c r="O6854">
        <v>18462.441900000002</v>
      </c>
      <c r="P6854">
        <v>32420.535339999999</v>
      </c>
      <c r="Q6854">
        <v>62450.859839999997</v>
      </c>
      <c r="R6854">
        <v>18803.852869999999</v>
      </c>
      <c r="S6854">
        <v>87315.030780000001</v>
      </c>
      <c r="T6854">
        <v>28916.159199999998</v>
      </c>
      <c r="U6854">
        <v>10821.378580000001</v>
      </c>
      <c r="W6854" s="83">
        <f>Bühler!N6886</f>
        <v>45577.499999983382</v>
      </c>
      <c r="X6854" s="83">
        <v>43386.5</v>
      </c>
      <c r="Y6854">
        <v>173086.73850000001</v>
      </c>
      <c r="Z6854">
        <v>23378.735939999999</v>
      </c>
      <c r="AA6854">
        <v>88142.846399999995</v>
      </c>
      <c r="AB6854">
        <v>35271.233070000002</v>
      </c>
      <c r="AC6854">
        <v>36252.081230000003</v>
      </c>
      <c r="AD6854">
        <v>27263.85743</v>
      </c>
      <c r="AE6854">
        <v>32944.80431</v>
      </c>
      <c r="AF6854">
        <v>45364.09837</v>
      </c>
      <c r="AG6854">
        <v>30555.37257</v>
      </c>
      <c r="AH6854">
        <v>244336.04370000001</v>
      </c>
      <c r="AI6854">
        <v>67581.132440000001</v>
      </c>
      <c r="AJ6854">
        <v>18462.441900000002</v>
      </c>
      <c r="AK6854">
        <v>32420.535339999999</v>
      </c>
      <c r="AL6854">
        <v>62450.859839999997</v>
      </c>
      <c r="AM6854">
        <v>18803.852869999999</v>
      </c>
      <c r="AN6854">
        <v>87315.030780000001</v>
      </c>
      <c r="AO6854">
        <v>28916.159199999998</v>
      </c>
      <c r="AP6854">
        <v>10821.378580000001</v>
      </c>
    </row>
    <row r="6855" spans="2:42" x14ac:dyDescent="0.3">
      <c r="B6855">
        <v>47.205036585116694</v>
      </c>
      <c r="C6855" s="83">
        <v>43386.541666666664</v>
      </c>
      <c r="D6855">
        <v>169063.98579999999</v>
      </c>
      <c r="E6855">
        <v>22928.599470000001</v>
      </c>
      <c r="F6855">
        <v>87707.565180000005</v>
      </c>
      <c r="G6855">
        <v>34333.888169999998</v>
      </c>
      <c r="H6855">
        <v>36375.173620000001</v>
      </c>
      <c r="I6855">
        <v>26838.59935</v>
      </c>
      <c r="J6855">
        <v>32149.0864</v>
      </c>
      <c r="K6855">
        <v>45492.54593</v>
      </c>
      <c r="L6855">
        <v>30609.163240000002</v>
      </c>
      <c r="M6855">
        <v>240673.29019999999</v>
      </c>
      <c r="N6855">
        <v>66488.519740000003</v>
      </c>
      <c r="O6855">
        <v>18435.215970000001</v>
      </c>
      <c r="P6855">
        <v>31953.059649999999</v>
      </c>
      <c r="Q6855">
        <v>59745.062669999999</v>
      </c>
      <c r="R6855">
        <v>19832.604360000001</v>
      </c>
      <c r="S6855">
        <v>87547.317169999995</v>
      </c>
      <c r="T6855">
        <v>28562.053250000001</v>
      </c>
      <c r="U6855">
        <v>10466.77161</v>
      </c>
      <c r="W6855" s="83">
        <f>Bühler!N6887</f>
        <v>45577.541666650046</v>
      </c>
      <c r="X6855" s="83">
        <v>43386.541666666664</v>
      </c>
      <c r="Y6855">
        <v>169063.98579999999</v>
      </c>
      <c r="Z6855">
        <v>22928.599470000001</v>
      </c>
      <c r="AA6855">
        <v>87707.565180000005</v>
      </c>
      <c r="AB6855">
        <v>34333.888169999998</v>
      </c>
      <c r="AC6855">
        <v>36375.173620000001</v>
      </c>
      <c r="AD6855">
        <v>26838.59935</v>
      </c>
      <c r="AE6855">
        <v>32149.0864</v>
      </c>
      <c r="AF6855">
        <v>45492.54593</v>
      </c>
      <c r="AG6855">
        <v>30609.163240000002</v>
      </c>
      <c r="AH6855">
        <v>240673.29019999999</v>
      </c>
      <c r="AI6855">
        <v>66488.519740000003</v>
      </c>
      <c r="AJ6855">
        <v>18435.215970000001</v>
      </c>
      <c r="AK6855">
        <v>31953.059649999999</v>
      </c>
      <c r="AL6855">
        <v>59745.062669999999</v>
      </c>
      <c r="AM6855">
        <v>19832.604360000001</v>
      </c>
      <c r="AN6855">
        <v>87547.317169999995</v>
      </c>
      <c r="AO6855">
        <v>28562.053250000001</v>
      </c>
      <c r="AP6855">
        <v>10466.77161</v>
      </c>
    </row>
    <row r="6856" spans="2:42" x14ac:dyDescent="0.3">
      <c r="B6856">
        <v>47.094611613715578</v>
      </c>
      <c r="C6856" s="83">
        <v>43386.583333333336</v>
      </c>
      <c r="D6856">
        <v>167730.3014</v>
      </c>
      <c r="E6856">
        <v>23799.050749999999</v>
      </c>
      <c r="F6856">
        <v>87868.974660000007</v>
      </c>
      <c r="G6856">
        <v>33453.779799999997</v>
      </c>
      <c r="H6856">
        <v>36449.571889999999</v>
      </c>
      <c r="I6856">
        <v>27161.023799999999</v>
      </c>
      <c r="J6856">
        <v>31655.950420000001</v>
      </c>
      <c r="K6856">
        <v>45131.891649999998</v>
      </c>
      <c r="L6856">
        <v>29093.941910000001</v>
      </c>
      <c r="M6856">
        <v>240110.2922</v>
      </c>
      <c r="N6856">
        <v>65462.474249999999</v>
      </c>
      <c r="O6856">
        <v>18374.822769999999</v>
      </c>
      <c r="P6856">
        <v>29915.882300000001</v>
      </c>
      <c r="Q6856">
        <v>59185.46284</v>
      </c>
      <c r="R6856">
        <v>19203.643919999999</v>
      </c>
      <c r="S6856">
        <v>83818.191770000005</v>
      </c>
      <c r="T6856">
        <v>28585.521580000001</v>
      </c>
      <c r="U6856">
        <v>10545.33394</v>
      </c>
      <c r="W6856" s="83">
        <f>Bühler!N6888</f>
        <v>45577.58333331671</v>
      </c>
      <c r="X6856" s="83">
        <v>43386.583333333336</v>
      </c>
      <c r="Y6856">
        <v>167730.3014</v>
      </c>
      <c r="Z6856">
        <v>23799.050749999999</v>
      </c>
      <c r="AA6856">
        <v>87868.974660000007</v>
      </c>
      <c r="AB6856">
        <v>33453.779799999997</v>
      </c>
      <c r="AC6856">
        <v>36449.571889999999</v>
      </c>
      <c r="AD6856">
        <v>27161.023799999999</v>
      </c>
      <c r="AE6856">
        <v>31655.950420000001</v>
      </c>
      <c r="AF6856">
        <v>45131.891649999998</v>
      </c>
      <c r="AG6856">
        <v>29093.941910000001</v>
      </c>
      <c r="AH6856">
        <v>240110.2922</v>
      </c>
      <c r="AI6856">
        <v>65462.474249999999</v>
      </c>
      <c r="AJ6856">
        <v>18374.822769999999</v>
      </c>
      <c r="AK6856">
        <v>29915.882300000001</v>
      </c>
      <c r="AL6856">
        <v>59185.46284</v>
      </c>
      <c r="AM6856">
        <v>19203.643919999999</v>
      </c>
      <c r="AN6856">
        <v>83818.191770000005</v>
      </c>
      <c r="AO6856">
        <v>28585.521580000001</v>
      </c>
      <c r="AP6856">
        <v>10545.33394</v>
      </c>
    </row>
    <row r="6857" spans="2:42" x14ac:dyDescent="0.3">
      <c r="B6857">
        <v>46.619950463148534</v>
      </c>
      <c r="C6857" s="83">
        <v>43386.625</v>
      </c>
      <c r="D6857">
        <v>167403.09099999999</v>
      </c>
      <c r="E6857">
        <v>23763.044310000001</v>
      </c>
      <c r="F6857">
        <v>88296.588589999999</v>
      </c>
      <c r="G6857">
        <v>33134.91085</v>
      </c>
      <c r="H6857">
        <v>35892.8514</v>
      </c>
      <c r="I6857">
        <v>27197.92266</v>
      </c>
      <c r="J6857">
        <v>31051.316169999998</v>
      </c>
      <c r="K6857">
        <v>45516.865819999999</v>
      </c>
      <c r="L6857">
        <v>26958.021649999999</v>
      </c>
      <c r="M6857">
        <v>237690.24830000001</v>
      </c>
      <c r="N6857">
        <v>65082.02766</v>
      </c>
      <c r="O6857">
        <v>17790.603790000001</v>
      </c>
      <c r="P6857">
        <v>28099.219720000001</v>
      </c>
      <c r="Q6857">
        <v>58978.516839999997</v>
      </c>
      <c r="R6857">
        <v>19242.31408</v>
      </c>
      <c r="S6857">
        <v>83591.512409999996</v>
      </c>
      <c r="T6857">
        <v>28875.45652</v>
      </c>
      <c r="U6857">
        <v>10530.98868</v>
      </c>
      <c r="W6857" s="83">
        <f>Bühler!N6889</f>
        <v>45577.624999983374</v>
      </c>
      <c r="X6857" s="83">
        <v>43386.625</v>
      </c>
      <c r="Y6857">
        <v>167403.09099999999</v>
      </c>
      <c r="Z6857">
        <v>23763.044310000001</v>
      </c>
      <c r="AA6857">
        <v>88296.588589999999</v>
      </c>
      <c r="AB6857">
        <v>33134.91085</v>
      </c>
      <c r="AC6857">
        <v>35892.8514</v>
      </c>
      <c r="AD6857">
        <v>27197.92266</v>
      </c>
      <c r="AE6857">
        <v>31051.316169999998</v>
      </c>
      <c r="AF6857">
        <v>45516.865819999999</v>
      </c>
      <c r="AG6857">
        <v>26958.021649999999</v>
      </c>
      <c r="AH6857">
        <v>237690.24830000001</v>
      </c>
      <c r="AI6857">
        <v>65082.02766</v>
      </c>
      <c r="AJ6857">
        <v>17790.603790000001</v>
      </c>
      <c r="AK6857">
        <v>28099.219720000001</v>
      </c>
      <c r="AL6857">
        <v>58978.516839999997</v>
      </c>
      <c r="AM6857">
        <v>19242.31408</v>
      </c>
      <c r="AN6857">
        <v>83591.512409999996</v>
      </c>
      <c r="AO6857">
        <v>28875.45652</v>
      </c>
      <c r="AP6857">
        <v>10530.98868</v>
      </c>
    </row>
    <row r="6858" spans="2:42" x14ac:dyDescent="0.3">
      <c r="B6858">
        <v>45.826883346724443</v>
      </c>
      <c r="C6858" s="83">
        <v>43386.666666666664</v>
      </c>
      <c r="D6858">
        <v>165955.86050000001</v>
      </c>
      <c r="E6858">
        <v>23736.36133</v>
      </c>
      <c r="F6858">
        <v>87981.756280000001</v>
      </c>
      <c r="G6858">
        <v>33046.606820000001</v>
      </c>
      <c r="H6858">
        <v>35965.604859999999</v>
      </c>
      <c r="I6858">
        <v>27196.279579999999</v>
      </c>
      <c r="J6858">
        <v>31069.241050000001</v>
      </c>
      <c r="K6858">
        <v>44762.212769999998</v>
      </c>
      <c r="L6858">
        <v>26156.931540000001</v>
      </c>
      <c r="M6858">
        <v>233646.8223</v>
      </c>
      <c r="N6858">
        <v>65273.256630000003</v>
      </c>
      <c r="O6858">
        <v>17705.697080000002</v>
      </c>
      <c r="P6858">
        <v>27443.827730000001</v>
      </c>
      <c r="Q6858">
        <v>58143.970959999999</v>
      </c>
      <c r="R6858">
        <v>18710.65322</v>
      </c>
      <c r="S6858">
        <v>83707.572459999996</v>
      </c>
      <c r="T6858">
        <v>28501.206040000001</v>
      </c>
      <c r="U6858">
        <v>10502.89877</v>
      </c>
      <c r="W6858" s="83">
        <f>Bühler!N6890</f>
        <v>45577.666666650039</v>
      </c>
      <c r="X6858" s="83">
        <v>43386.666666666664</v>
      </c>
      <c r="Y6858">
        <v>165955.86050000001</v>
      </c>
      <c r="Z6858">
        <v>23736.36133</v>
      </c>
      <c r="AA6858">
        <v>87981.756280000001</v>
      </c>
      <c r="AB6858">
        <v>33046.606820000001</v>
      </c>
      <c r="AC6858">
        <v>35965.604859999999</v>
      </c>
      <c r="AD6858">
        <v>27196.279579999999</v>
      </c>
      <c r="AE6858">
        <v>31069.241050000001</v>
      </c>
      <c r="AF6858">
        <v>44762.212769999998</v>
      </c>
      <c r="AG6858">
        <v>26156.931540000001</v>
      </c>
      <c r="AH6858">
        <v>233646.8223</v>
      </c>
      <c r="AI6858">
        <v>65273.256630000003</v>
      </c>
      <c r="AJ6858">
        <v>17705.697080000002</v>
      </c>
      <c r="AK6858">
        <v>27443.827730000001</v>
      </c>
      <c r="AL6858">
        <v>58143.970959999999</v>
      </c>
      <c r="AM6858">
        <v>18710.65322</v>
      </c>
      <c r="AN6858">
        <v>83707.572459999996</v>
      </c>
      <c r="AO6858">
        <v>28501.206040000001</v>
      </c>
      <c r="AP6858">
        <v>10502.89877</v>
      </c>
    </row>
    <row r="6859" spans="2:42" x14ac:dyDescent="0.3">
      <c r="B6859">
        <v>45.186212882133887</v>
      </c>
      <c r="C6859" s="83">
        <v>43386.708333333336</v>
      </c>
      <c r="D6859">
        <v>164540.52249999999</v>
      </c>
      <c r="E6859">
        <v>23509.048780000001</v>
      </c>
      <c r="F6859">
        <v>88877.798769999994</v>
      </c>
      <c r="G6859">
        <v>33079.992870000002</v>
      </c>
      <c r="H6859">
        <v>36231.26801</v>
      </c>
      <c r="I6859">
        <v>27759.649669999999</v>
      </c>
      <c r="J6859">
        <v>31557.84635</v>
      </c>
      <c r="K6859">
        <v>44459.234049999999</v>
      </c>
      <c r="L6859">
        <v>26357.844369999999</v>
      </c>
      <c r="M6859">
        <v>230380.3855</v>
      </c>
      <c r="N6859">
        <v>65821.955780000004</v>
      </c>
      <c r="O6859">
        <v>17699.12112</v>
      </c>
      <c r="P6859">
        <v>28807.251479999999</v>
      </c>
      <c r="Q6859">
        <v>55941.796999999999</v>
      </c>
      <c r="R6859">
        <v>18683.16574</v>
      </c>
      <c r="S6859">
        <v>85612.556689999998</v>
      </c>
      <c r="T6859">
        <v>28591.270779999999</v>
      </c>
      <c r="U6859">
        <v>10849.61205</v>
      </c>
      <c r="W6859" s="83">
        <f>Bühler!N6891</f>
        <v>45577.708333316703</v>
      </c>
      <c r="X6859" s="83">
        <v>43386.708333333336</v>
      </c>
      <c r="Y6859">
        <v>164540.52249999999</v>
      </c>
      <c r="Z6859">
        <v>23509.048780000001</v>
      </c>
      <c r="AA6859">
        <v>88877.798769999994</v>
      </c>
      <c r="AB6859">
        <v>33079.992870000002</v>
      </c>
      <c r="AC6859">
        <v>36231.26801</v>
      </c>
      <c r="AD6859">
        <v>27759.649669999999</v>
      </c>
      <c r="AE6859">
        <v>31557.84635</v>
      </c>
      <c r="AF6859">
        <v>44459.234049999999</v>
      </c>
      <c r="AG6859">
        <v>26357.844369999999</v>
      </c>
      <c r="AH6859">
        <v>230380.3855</v>
      </c>
      <c r="AI6859">
        <v>65821.955780000004</v>
      </c>
      <c r="AJ6859">
        <v>17699.12112</v>
      </c>
      <c r="AK6859">
        <v>28807.251479999999</v>
      </c>
      <c r="AL6859">
        <v>55941.796999999999</v>
      </c>
      <c r="AM6859">
        <v>18683.16574</v>
      </c>
      <c r="AN6859">
        <v>85612.556689999998</v>
      </c>
      <c r="AO6859">
        <v>28591.270779999999</v>
      </c>
      <c r="AP6859">
        <v>10849.61205</v>
      </c>
    </row>
    <row r="6860" spans="2:42" x14ac:dyDescent="0.3">
      <c r="B6860">
        <v>44.446716875467331</v>
      </c>
      <c r="C6860" s="83">
        <v>43386.75</v>
      </c>
      <c r="D6860">
        <v>163604.26029999999</v>
      </c>
      <c r="E6860">
        <v>22631.989959999999</v>
      </c>
      <c r="F6860">
        <v>87461.062269999995</v>
      </c>
      <c r="G6860">
        <v>33013.486879999997</v>
      </c>
      <c r="H6860">
        <v>35129.819150000003</v>
      </c>
      <c r="I6860">
        <v>27732.158080000001</v>
      </c>
      <c r="J6860">
        <v>31515.848610000001</v>
      </c>
      <c r="K6860">
        <v>45239.779289999999</v>
      </c>
      <c r="L6860">
        <v>28270.09074</v>
      </c>
      <c r="M6860">
        <v>226610.09</v>
      </c>
      <c r="N6860">
        <v>65954.433059999996</v>
      </c>
      <c r="O6860">
        <v>17785.756020000001</v>
      </c>
      <c r="P6860">
        <v>32794.75417</v>
      </c>
      <c r="Q6860">
        <v>55024.847040000001</v>
      </c>
      <c r="R6860">
        <v>19042.772959999998</v>
      </c>
      <c r="S6860">
        <v>83965.815119999999</v>
      </c>
      <c r="T6860">
        <v>28300.078010000001</v>
      </c>
      <c r="U6860">
        <v>10988.88926</v>
      </c>
      <c r="W6860" s="83">
        <f>Bühler!N6892</f>
        <v>45577.749999983367</v>
      </c>
      <c r="X6860" s="83">
        <v>43386.75</v>
      </c>
      <c r="Y6860">
        <v>163604.26029999999</v>
      </c>
      <c r="Z6860">
        <v>22631.989959999999</v>
      </c>
      <c r="AA6860">
        <v>87461.062269999995</v>
      </c>
      <c r="AB6860">
        <v>33013.486879999997</v>
      </c>
      <c r="AC6860">
        <v>35129.819150000003</v>
      </c>
      <c r="AD6860">
        <v>27732.158080000001</v>
      </c>
      <c r="AE6860">
        <v>31515.848610000001</v>
      </c>
      <c r="AF6860">
        <v>45239.779289999999</v>
      </c>
      <c r="AG6860">
        <v>28270.09074</v>
      </c>
      <c r="AH6860">
        <v>226610.09</v>
      </c>
      <c r="AI6860">
        <v>65954.433059999996</v>
      </c>
      <c r="AJ6860">
        <v>17785.756020000001</v>
      </c>
      <c r="AK6860">
        <v>32794.75417</v>
      </c>
      <c r="AL6860">
        <v>55024.847040000001</v>
      </c>
      <c r="AM6860">
        <v>19042.772959999998</v>
      </c>
      <c r="AN6860">
        <v>83965.815119999999</v>
      </c>
      <c r="AO6860">
        <v>28300.078010000001</v>
      </c>
      <c r="AP6860">
        <v>10988.88926</v>
      </c>
    </row>
    <row r="6861" spans="2:42" x14ac:dyDescent="0.3">
      <c r="B6861">
        <v>44.205922425203475</v>
      </c>
      <c r="C6861" s="83">
        <v>43386.791666666664</v>
      </c>
      <c r="D6861">
        <v>164249.88099999999</v>
      </c>
      <c r="E6861">
        <v>19422.532520000001</v>
      </c>
      <c r="F6861">
        <v>76574.985419999997</v>
      </c>
      <c r="G6861">
        <v>33708.232490000002</v>
      </c>
      <c r="H6861">
        <v>36121.750719999996</v>
      </c>
      <c r="I6861">
        <v>27780.66908</v>
      </c>
      <c r="J6861">
        <v>32774.155010000002</v>
      </c>
      <c r="K6861">
        <v>45523.628089999998</v>
      </c>
      <c r="L6861">
        <v>31294.378359999999</v>
      </c>
      <c r="M6861">
        <v>225382.40760000001</v>
      </c>
      <c r="N6861">
        <v>67307.539180000007</v>
      </c>
      <c r="O6861">
        <v>17876.143650000002</v>
      </c>
      <c r="P6861">
        <v>34916.478300000002</v>
      </c>
      <c r="Q6861">
        <v>52873.216359999999</v>
      </c>
      <c r="R6861">
        <v>20433.11448</v>
      </c>
      <c r="S6861">
        <v>85521.971799999999</v>
      </c>
      <c r="T6861">
        <v>28329.590069999998</v>
      </c>
      <c r="U6861">
        <v>11384.732959999999</v>
      </c>
      <c r="W6861" s="83">
        <f>Bühler!N6893</f>
        <v>45577.791666650031</v>
      </c>
      <c r="X6861" s="83">
        <v>43386.791666666664</v>
      </c>
      <c r="Y6861">
        <v>164249.88099999999</v>
      </c>
      <c r="Z6861">
        <v>19422.532520000001</v>
      </c>
      <c r="AA6861">
        <v>76574.985419999997</v>
      </c>
      <c r="AB6861">
        <v>33708.232490000002</v>
      </c>
      <c r="AC6861">
        <v>36121.750719999996</v>
      </c>
      <c r="AD6861">
        <v>27780.66908</v>
      </c>
      <c r="AE6861">
        <v>32774.155010000002</v>
      </c>
      <c r="AF6861">
        <v>45523.628089999998</v>
      </c>
      <c r="AG6861">
        <v>31294.378359999999</v>
      </c>
      <c r="AH6861">
        <v>225382.40760000001</v>
      </c>
      <c r="AI6861">
        <v>67307.539180000007</v>
      </c>
      <c r="AJ6861">
        <v>17876.143650000002</v>
      </c>
      <c r="AK6861">
        <v>34916.478300000002</v>
      </c>
      <c r="AL6861">
        <v>52873.216359999999</v>
      </c>
      <c r="AM6861">
        <v>20433.11448</v>
      </c>
      <c r="AN6861">
        <v>85521.971799999999</v>
      </c>
      <c r="AO6861">
        <v>28329.590069999998</v>
      </c>
      <c r="AP6861">
        <v>11384.732959999999</v>
      </c>
    </row>
    <row r="6862" spans="2:42" x14ac:dyDescent="0.3">
      <c r="B6862">
        <v>43.529495639442409</v>
      </c>
      <c r="C6862" s="83">
        <v>43386.833333333336</v>
      </c>
      <c r="D6862">
        <v>163730.0153</v>
      </c>
      <c r="E6862">
        <v>14573.956389999999</v>
      </c>
      <c r="F6862">
        <v>58541.637840000003</v>
      </c>
      <c r="G6862">
        <v>33645.912409999997</v>
      </c>
      <c r="H6862">
        <v>36269.386930000001</v>
      </c>
      <c r="I6862">
        <v>25681.52104</v>
      </c>
      <c r="J6862">
        <v>33038.549529999997</v>
      </c>
      <c r="K6862">
        <v>44506.53959</v>
      </c>
      <c r="L6862">
        <v>31327.194680000001</v>
      </c>
      <c r="M6862">
        <v>221933.6684</v>
      </c>
      <c r="N6862">
        <v>67368.401519999999</v>
      </c>
      <c r="O6862">
        <v>17630.07098</v>
      </c>
      <c r="P6862">
        <v>35761.480089999997</v>
      </c>
      <c r="Q6862">
        <v>51075.379079999999</v>
      </c>
      <c r="R6862">
        <v>19448.164390000002</v>
      </c>
      <c r="S6862">
        <v>80290.976490000001</v>
      </c>
      <c r="T6862">
        <v>25847.44715</v>
      </c>
      <c r="U6862">
        <v>11434.650100000001</v>
      </c>
      <c r="W6862" s="83">
        <f>Bühler!N6894</f>
        <v>45577.833333316696</v>
      </c>
      <c r="X6862" s="83">
        <v>43386.833333333336</v>
      </c>
      <c r="Y6862">
        <v>163730.0153</v>
      </c>
      <c r="Z6862">
        <v>14573.956389999999</v>
      </c>
      <c r="AA6862">
        <v>58541.637840000003</v>
      </c>
      <c r="AB6862">
        <v>33645.912409999997</v>
      </c>
      <c r="AC6862">
        <v>36269.386930000001</v>
      </c>
      <c r="AD6862">
        <v>25681.52104</v>
      </c>
      <c r="AE6862">
        <v>33038.549529999997</v>
      </c>
      <c r="AF6862">
        <v>44506.53959</v>
      </c>
      <c r="AG6862">
        <v>31327.194680000001</v>
      </c>
      <c r="AH6862">
        <v>221933.6684</v>
      </c>
      <c r="AI6862">
        <v>67368.401519999999</v>
      </c>
      <c r="AJ6862">
        <v>17630.07098</v>
      </c>
      <c r="AK6862">
        <v>35761.480089999997</v>
      </c>
      <c r="AL6862">
        <v>51075.379079999999</v>
      </c>
      <c r="AM6862">
        <v>19448.164390000002</v>
      </c>
      <c r="AN6862">
        <v>80290.976490000001</v>
      </c>
      <c r="AO6862">
        <v>25847.44715</v>
      </c>
      <c r="AP6862">
        <v>11434.650100000001</v>
      </c>
    </row>
    <row r="6863" spans="2:42" x14ac:dyDescent="0.3">
      <c r="B6863">
        <v>43.112289394008194</v>
      </c>
      <c r="C6863" s="83">
        <v>43386.875</v>
      </c>
      <c r="D6863">
        <v>162393.75330000001</v>
      </c>
      <c r="E6863">
        <v>12652.59316</v>
      </c>
      <c r="F6863">
        <v>50432.841939999998</v>
      </c>
      <c r="G6863">
        <v>32857.546410000003</v>
      </c>
      <c r="H6863">
        <v>34849.437080000003</v>
      </c>
      <c r="I6863">
        <v>23688.491699999999</v>
      </c>
      <c r="J6863">
        <v>31928.230640000002</v>
      </c>
      <c r="K6863">
        <v>44314.914340000003</v>
      </c>
      <c r="L6863">
        <v>29944.500189999999</v>
      </c>
      <c r="M6863">
        <v>219806.5564</v>
      </c>
      <c r="N6863">
        <v>66348.64387</v>
      </c>
      <c r="O6863">
        <v>17720.481940000001</v>
      </c>
      <c r="P6863">
        <v>34415.376470000003</v>
      </c>
      <c r="Q6863">
        <v>50150.393859999996</v>
      </c>
      <c r="R6863">
        <v>18728.645270000001</v>
      </c>
      <c r="S6863">
        <v>76681.256580000001</v>
      </c>
      <c r="T6863">
        <v>24625.109339999999</v>
      </c>
      <c r="U6863">
        <v>11255.351930000001</v>
      </c>
      <c r="W6863" s="83">
        <f>Bühler!N6895</f>
        <v>45577.87499998336</v>
      </c>
      <c r="X6863" s="83">
        <v>43386.875</v>
      </c>
      <c r="Y6863">
        <v>162393.75330000001</v>
      </c>
      <c r="Z6863">
        <v>12652.59316</v>
      </c>
      <c r="AA6863">
        <v>50432.841939999998</v>
      </c>
      <c r="AB6863">
        <v>32857.546410000003</v>
      </c>
      <c r="AC6863">
        <v>34849.437080000003</v>
      </c>
      <c r="AD6863">
        <v>23688.491699999999</v>
      </c>
      <c r="AE6863">
        <v>31928.230640000002</v>
      </c>
      <c r="AF6863">
        <v>44314.914340000003</v>
      </c>
      <c r="AG6863">
        <v>29944.500189999999</v>
      </c>
      <c r="AH6863">
        <v>219806.5564</v>
      </c>
      <c r="AI6863">
        <v>66348.64387</v>
      </c>
      <c r="AJ6863">
        <v>17720.481940000001</v>
      </c>
      <c r="AK6863">
        <v>34415.376470000003</v>
      </c>
      <c r="AL6863">
        <v>50150.393859999996</v>
      </c>
      <c r="AM6863">
        <v>18728.645270000001</v>
      </c>
      <c r="AN6863">
        <v>76681.256580000001</v>
      </c>
      <c r="AO6863">
        <v>24625.109339999999</v>
      </c>
      <c r="AP6863">
        <v>11255.351930000001</v>
      </c>
    </row>
    <row r="6864" spans="2:42" x14ac:dyDescent="0.3">
      <c r="B6864">
        <v>43.044579091174739</v>
      </c>
      <c r="C6864" s="83">
        <v>43386.916666666664</v>
      </c>
      <c r="D6864">
        <v>161539.04560000001</v>
      </c>
      <c r="E6864">
        <v>12313.018249999999</v>
      </c>
      <c r="F6864">
        <v>48087.18002</v>
      </c>
      <c r="G6864">
        <v>32894.740890000001</v>
      </c>
      <c r="H6864">
        <v>34826.851770000001</v>
      </c>
      <c r="I6864">
        <v>22442.080620000001</v>
      </c>
      <c r="J6864">
        <v>31173.09967</v>
      </c>
      <c r="K6864">
        <v>48505.9804</v>
      </c>
      <c r="L6864">
        <v>27253.224440000002</v>
      </c>
      <c r="M6864">
        <v>219461.3377</v>
      </c>
      <c r="N6864">
        <v>66705.407800000001</v>
      </c>
      <c r="O6864">
        <v>17466.28456</v>
      </c>
      <c r="P6864">
        <v>35385.858099999998</v>
      </c>
      <c r="Q6864">
        <v>49357.631860000001</v>
      </c>
      <c r="R6864">
        <v>20492.84013</v>
      </c>
      <c r="S6864">
        <v>75200.543950000007</v>
      </c>
      <c r="T6864">
        <v>23580.291290000001</v>
      </c>
      <c r="U6864">
        <v>11641.15965</v>
      </c>
      <c r="W6864" s="83">
        <f>Bühler!N6896</f>
        <v>45577.916666650024</v>
      </c>
      <c r="X6864" s="83">
        <v>43386.916666666664</v>
      </c>
      <c r="Y6864">
        <v>161539.04560000001</v>
      </c>
      <c r="Z6864">
        <v>12313.018249999999</v>
      </c>
      <c r="AA6864">
        <v>48087.18002</v>
      </c>
      <c r="AB6864">
        <v>32894.740890000001</v>
      </c>
      <c r="AC6864">
        <v>34826.851770000001</v>
      </c>
      <c r="AD6864">
        <v>22442.080620000001</v>
      </c>
      <c r="AE6864">
        <v>31173.09967</v>
      </c>
      <c r="AF6864">
        <v>48505.9804</v>
      </c>
      <c r="AG6864">
        <v>27253.224440000002</v>
      </c>
      <c r="AH6864">
        <v>219461.3377</v>
      </c>
      <c r="AI6864">
        <v>66705.407800000001</v>
      </c>
      <c r="AJ6864">
        <v>17466.28456</v>
      </c>
      <c r="AK6864">
        <v>35385.858099999998</v>
      </c>
      <c r="AL6864">
        <v>49357.631860000001</v>
      </c>
      <c r="AM6864">
        <v>20492.84013</v>
      </c>
      <c r="AN6864">
        <v>75200.543950000007</v>
      </c>
      <c r="AO6864">
        <v>23580.291290000001</v>
      </c>
      <c r="AP6864">
        <v>11641.15965</v>
      </c>
    </row>
    <row r="6865" spans="2:42" x14ac:dyDescent="0.3">
      <c r="B6865">
        <v>42.812731429403847</v>
      </c>
      <c r="C6865" s="83">
        <v>43386.958333333336</v>
      </c>
      <c r="D6865">
        <v>161017.77780000001</v>
      </c>
      <c r="E6865">
        <v>12060.305549999999</v>
      </c>
      <c r="F6865">
        <v>46998.223279999998</v>
      </c>
      <c r="G6865">
        <v>32528.892639999998</v>
      </c>
      <c r="H6865">
        <v>34295.135170000001</v>
      </c>
      <c r="I6865">
        <v>21703.143629999999</v>
      </c>
      <c r="J6865">
        <v>28744.248100000001</v>
      </c>
      <c r="K6865">
        <v>47550.711669999997</v>
      </c>
      <c r="L6865">
        <v>23575.988519999999</v>
      </c>
      <c r="M6865">
        <v>218279.2702</v>
      </c>
      <c r="N6865">
        <v>65279.755960000002</v>
      </c>
      <c r="O6865">
        <v>17419.82116</v>
      </c>
      <c r="P6865">
        <v>30884.398349999999</v>
      </c>
      <c r="Q6865">
        <v>49569.96645</v>
      </c>
      <c r="R6865">
        <v>19376.00792</v>
      </c>
      <c r="S6865">
        <v>73619.468470000007</v>
      </c>
      <c r="T6865">
        <v>25677.625339999999</v>
      </c>
      <c r="U6865">
        <v>11220.991400000001</v>
      </c>
      <c r="W6865" s="83">
        <f>Bühler!N6897</f>
        <v>45577.958333316688</v>
      </c>
      <c r="X6865" s="83">
        <v>43386.958333333336</v>
      </c>
      <c r="Y6865">
        <v>161017.77780000001</v>
      </c>
      <c r="Z6865">
        <v>12060.305549999999</v>
      </c>
      <c r="AA6865">
        <v>46998.223279999998</v>
      </c>
      <c r="AB6865">
        <v>32528.892639999998</v>
      </c>
      <c r="AC6865">
        <v>34295.135170000001</v>
      </c>
      <c r="AD6865">
        <v>21703.143629999999</v>
      </c>
      <c r="AE6865">
        <v>28744.248100000001</v>
      </c>
      <c r="AF6865">
        <v>47550.711669999997</v>
      </c>
      <c r="AG6865">
        <v>23575.988519999999</v>
      </c>
      <c r="AH6865">
        <v>218279.2702</v>
      </c>
      <c r="AI6865">
        <v>65279.755960000002</v>
      </c>
      <c r="AJ6865">
        <v>17419.82116</v>
      </c>
      <c r="AK6865">
        <v>30884.398349999999</v>
      </c>
      <c r="AL6865">
        <v>49569.96645</v>
      </c>
      <c r="AM6865">
        <v>19376.00792</v>
      </c>
      <c r="AN6865">
        <v>73619.468470000007</v>
      </c>
      <c r="AO6865">
        <v>25677.625339999999</v>
      </c>
      <c r="AP6865">
        <v>11220.991400000001</v>
      </c>
    </row>
    <row r="6866" spans="2:42" x14ac:dyDescent="0.3">
      <c r="B6866">
        <v>42.532347171840684</v>
      </c>
      <c r="C6866" s="83">
        <v>43387</v>
      </c>
      <c r="D6866">
        <v>160161.12940000001</v>
      </c>
      <c r="E6866">
        <v>11896.16552</v>
      </c>
      <c r="F6866">
        <v>46331.650090000003</v>
      </c>
      <c r="G6866">
        <v>32747.62156</v>
      </c>
      <c r="H6866">
        <v>33639.00821</v>
      </c>
      <c r="I6866">
        <v>20308.50071</v>
      </c>
      <c r="J6866">
        <v>27211.50217</v>
      </c>
      <c r="K6866">
        <v>46918.458989999999</v>
      </c>
      <c r="L6866">
        <v>20448.735369999999</v>
      </c>
      <c r="M6866">
        <v>216849.74050000001</v>
      </c>
      <c r="N6866">
        <v>64394.383159999998</v>
      </c>
      <c r="O6866">
        <v>17302.452860000001</v>
      </c>
      <c r="P6866">
        <v>28872.743020000002</v>
      </c>
      <c r="Q6866">
        <v>49352.102760000002</v>
      </c>
      <c r="R6866">
        <v>17585.454470000001</v>
      </c>
      <c r="S6866">
        <v>72702.873149999999</v>
      </c>
      <c r="T6866">
        <v>24564.803879999999</v>
      </c>
      <c r="U6866">
        <v>10882.619339999999</v>
      </c>
      <c r="W6866" s="83">
        <f>Bühler!N6898</f>
        <v>45577.999999983353</v>
      </c>
      <c r="X6866" s="83">
        <v>43387</v>
      </c>
      <c r="Y6866">
        <v>160161.12940000001</v>
      </c>
      <c r="Z6866">
        <v>11896.16552</v>
      </c>
      <c r="AA6866">
        <v>46331.650090000003</v>
      </c>
      <c r="AB6866">
        <v>32747.62156</v>
      </c>
      <c r="AC6866">
        <v>33639.00821</v>
      </c>
      <c r="AD6866">
        <v>20308.50071</v>
      </c>
      <c r="AE6866">
        <v>27211.50217</v>
      </c>
      <c r="AF6866">
        <v>46918.458989999999</v>
      </c>
      <c r="AG6866">
        <v>20448.735369999999</v>
      </c>
      <c r="AH6866">
        <v>216849.74050000001</v>
      </c>
      <c r="AI6866">
        <v>64394.383159999998</v>
      </c>
      <c r="AJ6866">
        <v>17302.452860000001</v>
      </c>
      <c r="AK6866">
        <v>28872.743020000002</v>
      </c>
      <c r="AL6866">
        <v>49352.102760000002</v>
      </c>
      <c r="AM6866">
        <v>17585.454470000001</v>
      </c>
      <c r="AN6866">
        <v>72702.873149999999</v>
      </c>
      <c r="AO6866">
        <v>24564.803879999999</v>
      </c>
      <c r="AP6866">
        <v>10882.619339999999</v>
      </c>
    </row>
    <row r="6867" spans="2:42" x14ac:dyDescent="0.3">
      <c r="B6867">
        <v>41.581722204462558</v>
      </c>
      <c r="C6867" s="83">
        <v>43387.041666666664</v>
      </c>
      <c r="D6867">
        <v>159966.76439999999</v>
      </c>
      <c r="E6867">
        <v>11744.88643</v>
      </c>
      <c r="F6867">
        <v>46647.825499999999</v>
      </c>
      <c r="G6867">
        <v>32493.146799999999</v>
      </c>
      <c r="H6867">
        <v>32878.117830000003</v>
      </c>
      <c r="I6867">
        <v>17698.864560000002</v>
      </c>
      <c r="J6867">
        <v>26590.717769999999</v>
      </c>
      <c r="K6867">
        <v>46054.999499999998</v>
      </c>
      <c r="L6867">
        <v>18120.08538</v>
      </c>
      <c r="M6867">
        <v>212003.0111</v>
      </c>
      <c r="N6867">
        <v>63067.894070000002</v>
      </c>
      <c r="O6867">
        <v>17338.000069999998</v>
      </c>
      <c r="P6867">
        <v>26017.2333</v>
      </c>
      <c r="Q6867">
        <v>49364.890939999997</v>
      </c>
      <c r="R6867">
        <v>16706.93173</v>
      </c>
      <c r="S6867">
        <v>71740.416209999996</v>
      </c>
      <c r="T6867">
        <v>23846.682519999998</v>
      </c>
      <c r="U6867">
        <v>10886.539570000001</v>
      </c>
      <c r="W6867" s="83">
        <f>Bühler!N6899</f>
        <v>45578.041666650017</v>
      </c>
      <c r="X6867" s="83">
        <v>43387.041666666664</v>
      </c>
      <c r="Y6867">
        <v>159966.76439999999</v>
      </c>
      <c r="Z6867">
        <v>11744.88643</v>
      </c>
      <c r="AA6867">
        <v>46647.825499999999</v>
      </c>
      <c r="AB6867">
        <v>32493.146799999999</v>
      </c>
      <c r="AC6867">
        <v>32878.117830000003</v>
      </c>
      <c r="AD6867">
        <v>17698.864560000002</v>
      </c>
      <c r="AE6867">
        <v>26590.717769999999</v>
      </c>
      <c r="AF6867">
        <v>46054.999499999998</v>
      </c>
      <c r="AG6867">
        <v>18120.08538</v>
      </c>
      <c r="AH6867">
        <v>212003.0111</v>
      </c>
      <c r="AI6867">
        <v>63067.894070000002</v>
      </c>
      <c r="AJ6867">
        <v>17338.000069999998</v>
      </c>
      <c r="AK6867">
        <v>26017.2333</v>
      </c>
      <c r="AL6867">
        <v>49364.890939999997</v>
      </c>
      <c r="AM6867">
        <v>16706.93173</v>
      </c>
      <c r="AN6867">
        <v>71740.416209999996</v>
      </c>
      <c r="AO6867">
        <v>23846.682519999998</v>
      </c>
      <c r="AP6867">
        <v>10886.539570000001</v>
      </c>
    </row>
    <row r="6868" spans="2:42" x14ac:dyDescent="0.3">
      <c r="B6868">
        <v>42.248996080923035</v>
      </c>
      <c r="C6868" s="83">
        <v>43387.083333333336</v>
      </c>
      <c r="D6868">
        <v>159327.45629999999</v>
      </c>
      <c r="E6868">
        <v>11715.834510000001</v>
      </c>
      <c r="F6868">
        <v>46681.952590000001</v>
      </c>
      <c r="G6868">
        <v>32108.38118</v>
      </c>
      <c r="H6868">
        <v>32850.476029999998</v>
      </c>
      <c r="I6868">
        <v>15891.8315</v>
      </c>
      <c r="J6868">
        <v>26734.27462</v>
      </c>
      <c r="K6868">
        <v>44714.355620000002</v>
      </c>
      <c r="L6868">
        <v>17425.400140000002</v>
      </c>
      <c r="M6868">
        <v>215405.0845</v>
      </c>
      <c r="N6868">
        <v>62912.492359999997</v>
      </c>
      <c r="O6868">
        <v>17354.736779999999</v>
      </c>
      <c r="P6868">
        <v>24396.75445</v>
      </c>
      <c r="Q6868">
        <v>50968.843699999998</v>
      </c>
      <c r="R6868">
        <v>15663.239750000001</v>
      </c>
      <c r="S6868">
        <v>70965.508360000007</v>
      </c>
      <c r="T6868">
        <v>23283.715779999999</v>
      </c>
      <c r="U6868">
        <v>10869.433720000001</v>
      </c>
      <c r="W6868" s="83">
        <f>Bühler!N6900</f>
        <v>45578.083333316681</v>
      </c>
      <c r="X6868" s="83">
        <v>43387.083333333336</v>
      </c>
      <c r="Y6868">
        <v>159327.45629999999</v>
      </c>
      <c r="Z6868">
        <v>11715.834510000001</v>
      </c>
      <c r="AA6868">
        <v>46681.952590000001</v>
      </c>
      <c r="AB6868">
        <v>32108.38118</v>
      </c>
      <c r="AC6868">
        <v>32850.476029999998</v>
      </c>
      <c r="AD6868">
        <v>15891.8315</v>
      </c>
      <c r="AE6868">
        <v>26734.27462</v>
      </c>
      <c r="AF6868">
        <v>44714.355620000002</v>
      </c>
      <c r="AG6868">
        <v>17425.400140000002</v>
      </c>
      <c r="AH6868">
        <v>215405.0845</v>
      </c>
      <c r="AI6868">
        <v>62912.492359999997</v>
      </c>
      <c r="AJ6868">
        <v>17354.736779999999</v>
      </c>
      <c r="AK6868">
        <v>24396.75445</v>
      </c>
      <c r="AL6868">
        <v>50968.843699999998</v>
      </c>
      <c r="AM6868">
        <v>15663.239750000001</v>
      </c>
      <c r="AN6868">
        <v>70965.508360000007</v>
      </c>
      <c r="AO6868">
        <v>23283.715779999999</v>
      </c>
      <c r="AP6868">
        <v>10869.433720000001</v>
      </c>
    </row>
    <row r="6869" spans="2:42" x14ac:dyDescent="0.3">
      <c r="B6869">
        <v>42.343966091024988</v>
      </c>
      <c r="C6869" s="83">
        <v>43387.125</v>
      </c>
      <c r="D6869">
        <v>158804.8015</v>
      </c>
      <c r="E6869">
        <v>11661.491249999999</v>
      </c>
      <c r="F6869">
        <v>45791.963730000003</v>
      </c>
      <c r="G6869">
        <v>31308.905989999999</v>
      </c>
      <c r="H6869">
        <v>32734.850409999999</v>
      </c>
      <c r="I6869">
        <v>15367.1813</v>
      </c>
      <c r="J6869">
        <v>26912.930540000001</v>
      </c>
      <c r="K6869">
        <v>42742.525650000003</v>
      </c>
      <c r="L6869">
        <v>16837.159210000002</v>
      </c>
      <c r="M6869">
        <v>215889.28589999999</v>
      </c>
      <c r="N6869">
        <v>62497.030729999999</v>
      </c>
      <c r="O6869">
        <v>17263.074509999999</v>
      </c>
      <c r="P6869">
        <v>23845.68993</v>
      </c>
      <c r="Q6869">
        <v>52260.215889999999</v>
      </c>
      <c r="R6869">
        <v>14872.734409999999</v>
      </c>
      <c r="S6869">
        <v>70215.917570000005</v>
      </c>
      <c r="T6869">
        <v>23035.331979999999</v>
      </c>
      <c r="U6869">
        <v>10849.517</v>
      </c>
      <c r="W6869" s="83">
        <f>Bühler!N6901</f>
        <v>45578.124999983345</v>
      </c>
      <c r="X6869" s="83">
        <v>43387.125</v>
      </c>
      <c r="Y6869">
        <v>158804.8015</v>
      </c>
      <c r="Z6869">
        <v>11661.491249999999</v>
      </c>
      <c r="AA6869">
        <v>45791.963730000003</v>
      </c>
      <c r="AB6869">
        <v>31308.905989999999</v>
      </c>
      <c r="AC6869">
        <v>32734.850409999999</v>
      </c>
      <c r="AD6869">
        <v>15367.1813</v>
      </c>
      <c r="AE6869">
        <v>26912.930540000001</v>
      </c>
      <c r="AF6869">
        <v>42742.525650000003</v>
      </c>
      <c r="AG6869">
        <v>16837.159210000002</v>
      </c>
      <c r="AH6869">
        <v>215889.28589999999</v>
      </c>
      <c r="AI6869">
        <v>62497.030729999999</v>
      </c>
      <c r="AJ6869">
        <v>17263.074509999999</v>
      </c>
      <c r="AK6869">
        <v>23845.68993</v>
      </c>
      <c r="AL6869">
        <v>52260.215889999999</v>
      </c>
      <c r="AM6869">
        <v>14872.734409999999</v>
      </c>
      <c r="AN6869">
        <v>70215.917570000005</v>
      </c>
      <c r="AO6869">
        <v>23035.331979999999</v>
      </c>
      <c r="AP6869">
        <v>10849.517</v>
      </c>
    </row>
    <row r="6870" spans="2:42" x14ac:dyDescent="0.3">
      <c r="B6870">
        <v>42.288418190733992</v>
      </c>
      <c r="C6870" s="83">
        <v>43387.166666666664</v>
      </c>
      <c r="D6870">
        <v>157574.4713</v>
      </c>
      <c r="E6870">
        <v>11689.598480000001</v>
      </c>
      <c r="F6870">
        <v>45778.197119999997</v>
      </c>
      <c r="G6870">
        <v>30548.559799999999</v>
      </c>
      <c r="H6870">
        <v>32646.794900000001</v>
      </c>
      <c r="I6870">
        <v>15673.82991</v>
      </c>
      <c r="J6870">
        <v>28448.044529999999</v>
      </c>
      <c r="K6870">
        <v>41268.131849999998</v>
      </c>
      <c r="L6870">
        <v>16852.199649999999</v>
      </c>
      <c r="M6870">
        <v>215606.07680000001</v>
      </c>
      <c r="N6870">
        <v>61977.55315</v>
      </c>
      <c r="O6870">
        <v>17506.15064</v>
      </c>
      <c r="P6870">
        <v>23080.47824</v>
      </c>
      <c r="Q6870">
        <v>53223.645450000004</v>
      </c>
      <c r="R6870">
        <v>14688.554819999999</v>
      </c>
      <c r="S6870">
        <v>71132.563429999995</v>
      </c>
      <c r="T6870">
        <v>23027.555680000001</v>
      </c>
      <c r="U6870">
        <v>11028.69147</v>
      </c>
      <c r="W6870" s="83">
        <f>Bühler!N6902</f>
        <v>45578.16666665001</v>
      </c>
      <c r="X6870" s="83">
        <v>43387.166666666664</v>
      </c>
      <c r="Y6870">
        <v>157574.4713</v>
      </c>
      <c r="Z6870">
        <v>11689.598480000001</v>
      </c>
      <c r="AA6870">
        <v>45778.197119999997</v>
      </c>
      <c r="AB6870">
        <v>30548.559799999999</v>
      </c>
      <c r="AC6870">
        <v>32646.794900000001</v>
      </c>
      <c r="AD6870">
        <v>15673.82991</v>
      </c>
      <c r="AE6870">
        <v>28448.044529999999</v>
      </c>
      <c r="AF6870">
        <v>41268.131849999998</v>
      </c>
      <c r="AG6870">
        <v>16852.199649999999</v>
      </c>
      <c r="AH6870">
        <v>215606.07680000001</v>
      </c>
      <c r="AI6870">
        <v>61977.55315</v>
      </c>
      <c r="AJ6870">
        <v>17506.15064</v>
      </c>
      <c r="AK6870">
        <v>23080.47824</v>
      </c>
      <c r="AL6870">
        <v>53223.645450000004</v>
      </c>
      <c r="AM6870">
        <v>14688.554819999999</v>
      </c>
      <c r="AN6870">
        <v>71132.563429999995</v>
      </c>
      <c r="AO6870">
        <v>23027.555680000001</v>
      </c>
      <c r="AP6870">
        <v>11028.69147</v>
      </c>
    </row>
    <row r="6871" spans="2:42" x14ac:dyDescent="0.3">
      <c r="B6871">
        <v>42.021570984387978</v>
      </c>
      <c r="C6871" s="83">
        <v>43387.208333333336</v>
      </c>
      <c r="D6871">
        <v>156686.1177</v>
      </c>
      <c r="E6871">
        <v>11949.42837</v>
      </c>
      <c r="F6871">
        <v>47450.711759999998</v>
      </c>
      <c r="G6871">
        <v>30472.991040000001</v>
      </c>
      <c r="H6871">
        <v>32960.181120000001</v>
      </c>
      <c r="I6871">
        <v>19256.04133</v>
      </c>
      <c r="J6871">
        <v>30586.381689999998</v>
      </c>
      <c r="K6871">
        <v>41261.556219999999</v>
      </c>
      <c r="L6871">
        <v>17118.54264</v>
      </c>
      <c r="M6871">
        <v>214245.56529999999</v>
      </c>
      <c r="N6871">
        <v>61512.430710000001</v>
      </c>
      <c r="O6871">
        <v>17543.63177</v>
      </c>
      <c r="P6871">
        <v>24686.787929999999</v>
      </c>
      <c r="Q6871">
        <v>53791.472979999999</v>
      </c>
      <c r="R6871">
        <v>14768.249620000001</v>
      </c>
      <c r="S6871">
        <v>72690.094070000006</v>
      </c>
      <c r="T6871">
        <v>23288.837090000001</v>
      </c>
      <c r="U6871">
        <v>11401.682210000001</v>
      </c>
      <c r="W6871" s="83">
        <f>Bühler!N6903</f>
        <v>45578.208333316674</v>
      </c>
      <c r="X6871" s="83">
        <v>43387.208333333336</v>
      </c>
      <c r="Y6871">
        <v>156686.1177</v>
      </c>
      <c r="Z6871">
        <v>11949.42837</v>
      </c>
      <c r="AA6871">
        <v>47450.711759999998</v>
      </c>
      <c r="AB6871">
        <v>30472.991040000001</v>
      </c>
      <c r="AC6871">
        <v>32960.181120000001</v>
      </c>
      <c r="AD6871">
        <v>19256.04133</v>
      </c>
      <c r="AE6871">
        <v>30586.381689999998</v>
      </c>
      <c r="AF6871">
        <v>41261.556219999999</v>
      </c>
      <c r="AG6871">
        <v>17118.54264</v>
      </c>
      <c r="AH6871">
        <v>214245.56529999999</v>
      </c>
      <c r="AI6871">
        <v>61512.430710000001</v>
      </c>
      <c r="AJ6871">
        <v>17543.63177</v>
      </c>
      <c r="AK6871">
        <v>24686.787929999999</v>
      </c>
      <c r="AL6871">
        <v>53791.472979999999</v>
      </c>
      <c r="AM6871">
        <v>14768.249620000001</v>
      </c>
      <c r="AN6871">
        <v>72690.094070000006</v>
      </c>
      <c r="AO6871">
        <v>23288.837090000001</v>
      </c>
      <c r="AP6871">
        <v>11401.682210000001</v>
      </c>
    </row>
    <row r="6872" spans="2:42" x14ac:dyDescent="0.3">
      <c r="B6872">
        <v>42.021044630025706</v>
      </c>
      <c r="C6872" s="83">
        <v>43387.25</v>
      </c>
      <c r="D6872">
        <v>157591.04120000001</v>
      </c>
      <c r="E6872">
        <v>12329.28944</v>
      </c>
      <c r="F6872">
        <v>48985.162340000003</v>
      </c>
      <c r="G6872">
        <v>31192.253120000001</v>
      </c>
      <c r="H6872">
        <v>33256.870779999997</v>
      </c>
      <c r="I6872">
        <v>21055.883699999998</v>
      </c>
      <c r="J6872">
        <v>33551.098960000003</v>
      </c>
      <c r="K6872">
        <v>40568.415820000002</v>
      </c>
      <c r="L6872">
        <v>17198.096839999998</v>
      </c>
      <c r="M6872">
        <v>214242.8817</v>
      </c>
      <c r="N6872">
        <v>62255.881509999999</v>
      </c>
      <c r="O6872">
        <v>17249.212739999999</v>
      </c>
      <c r="P6872">
        <v>25282.067340000001</v>
      </c>
      <c r="Q6872">
        <v>53666.401530000003</v>
      </c>
      <c r="R6872">
        <v>14524.50714</v>
      </c>
      <c r="S6872">
        <v>77612.528009999995</v>
      </c>
      <c r="T6872">
        <v>24307.890050000002</v>
      </c>
      <c r="U6872">
        <v>11286.564640000001</v>
      </c>
      <c r="W6872" s="83">
        <f>Bühler!N6904</f>
        <v>45578.249999983338</v>
      </c>
      <c r="X6872" s="83">
        <v>43387.25</v>
      </c>
      <c r="Y6872">
        <v>157591.04120000001</v>
      </c>
      <c r="Z6872">
        <v>12329.28944</v>
      </c>
      <c r="AA6872">
        <v>48985.162340000003</v>
      </c>
      <c r="AB6872">
        <v>31192.253120000001</v>
      </c>
      <c r="AC6872">
        <v>33256.870779999997</v>
      </c>
      <c r="AD6872">
        <v>21055.883699999998</v>
      </c>
      <c r="AE6872">
        <v>33551.098960000003</v>
      </c>
      <c r="AF6872">
        <v>40568.415820000002</v>
      </c>
      <c r="AG6872">
        <v>17198.096839999998</v>
      </c>
      <c r="AH6872">
        <v>214242.8817</v>
      </c>
      <c r="AI6872">
        <v>62255.881509999999</v>
      </c>
      <c r="AJ6872">
        <v>17249.212739999999</v>
      </c>
      <c r="AK6872">
        <v>25282.067340000001</v>
      </c>
      <c r="AL6872">
        <v>53666.401530000003</v>
      </c>
      <c r="AM6872">
        <v>14524.50714</v>
      </c>
      <c r="AN6872">
        <v>77612.528009999995</v>
      </c>
      <c r="AO6872">
        <v>24307.890050000002</v>
      </c>
      <c r="AP6872">
        <v>11286.564640000001</v>
      </c>
    </row>
    <row r="6873" spans="2:42" x14ac:dyDescent="0.3">
      <c r="B6873">
        <v>42.191345411038014</v>
      </c>
      <c r="C6873" s="83">
        <v>43387.291666666664</v>
      </c>
      <c r="D6873">
        <v>158607.1072</v>
      </c>
      <c r="E6873">
        <v>12729.779829999999</v>
      </c>
      <c r="F6873">
        <v>50640.87876</v>
      </c>
      <c r="G6873">
        <v>31853.056</v>
      </c>
      <c r="H6873">
        <v>33718.031300000002</v>
      </c>
      <c r="I6873">
        <v>22948.15683</v>
      </c>
      <c r="J6873">
        <v>34213.676420000003</v>
      </c>
      <c r="K6873">
        <v>40568.237200000003</v>
      </c>
      <c r="L6873">
        <v>20118.96026</v>
      </c>
      <c r="M6873">
        <v>215111.1545</v>
      </c>
      <c r="N6873">
        <v>62208.706440000002</v>
      </c>
      <c r="O6873">
        <v>17891.991999999998</v>
      </c>
      <c r="P6873">
        <v>28762.837899999999</v>
      </c>
      <c r="Q6873">
        <v>52655.154730000002</v>
      </c>
      <c r="R6873">
        <v>15317.41194</v>
      </c>
      <c r="S6873">
        <v>84071.184630000003</v>
      </c>
      <c r="T6873">
        <v>22530.90739</v>
      </c>
      <c r="U6873">
        <v>11582.94983</v>
      </c>
      <c r="W6873" s="83">
        <f>Bühler!N6905</f>
        <v>45578.291666650002</v>
      </c>
      <c r="X6873" s="83">
        <v>43387.291666666664</v>
      </c>
      <c r="Y6873">
        <v>158607.1072</v>
      </c>
      <c r="Z6873">
        <v>12729.779829999999</v>
      </c>
      <c r="AA6873">
        <v>50640.87876</v>
      </c>
      <c r="AB6873">
        <v>31853.056</v>
      </c>
      <c r="AC6873">
        <v>33718.031300000002</v>
      </c>
      <c r="AD6873">
        <v>22948.15683</v>
      </c>
      <c r="AE6873">
        <v>34213.676420000003</v>
      </c>
      <c r="AF6873">
        <v>40568.237200000003</v>
      </c>
      <c r="AG6873">
        <v>20118.96026</v>
      </c>
      <c r="AH6873">
        <v>215111.1545</v>
      </c>
      <c r="AI6873">
        <v>62208.706440000002</v>
      </c>
      <c r="AJ6873">
        <v>17891.991999999998</v>
      </c>
      <c r="AK6873">
        <v>28762.837899999999</v>
      </c>
      <c r="AL6873">
        <v>52655.154730000002</v>
      </c>
      <c r="AM6873">
        <v>15317.41194</v>
      </c>
      <c r="AN6873">
        <v>84071.184630000003</v>
      </c>
      <c r="AO6873">
        <v>22530.90739</v>
      </c>
      <c r="AP6873">
        <v>11582.94983</v>
      </c>
    </row>
    <row r="6874" spans="2:42" x14ac:dyDescent="0.3">
      <c r="B6874">
        <v>41.118419567635897</v>
      </c>
      <c r="C6874" s="83">
        <v>43387.333333333336</v>
      </c>
      <c r="D6874">
        <v>157245.4449</v>
      </c>
      <c r="E6874">
        <v>13039.77074</v>
      </c>
      <c r="F6874">
        <v>51535.135069999997</v>
      </c>
      <c r="G6874">
        <v>31432.168450000001</v>
      </c>
      <c r="H6874">
        <v>32561.103319999998</v>
      </c>
      <c r="I6874">
        <v>23117.78369</v>
      </c>
      <c r="J6874">
        <v>33181.455670000003</v>
      </c>
      <c r="K6874">
        <v>41511.834949999997</v>
      </c>
      <c r="L6874">
        <v>22094.378789999999</v>
      </c>
      <c r="M6874">
        <v>209640.87820000001</v>
      </c>
      <c r="N6874">
        <v>61565.740310000001</v>
      </c>
      <c r="O6874">
        <v>17541.894970000001</v>
      </c>
      <c r="P6874">
        <v>31491.86448</v>
      </c>
      <c r="Q6874">
        <v>52739.021309999996</v>
      </c>
      <c r="R6874">
        <v>14471.21092</v>
      </c>
      <c r="S6874">
        <v>86377.940310000005</v>
      </c>
      <c r="T6874">
        <v>24777.8943</v>
      </c>
      <c r="U6874">
        <v>11021.509669999999</v>
      </c>
      <c r="W6874" s="83">
        <f>Bühler!N6906</f>
        <v>45578.333333316667</v>
      </c>
      <c r="X6874" s="83">
        <v>43387.333333333336</v>
      </c>
      <c r="Y6874">
        <v>157245.4449</v>
      </c>
      <c r="Z6874">
        <v>13039.77074</v>
      </c>
      <c r="AA6874">
        <v>51535.135069999997</v>
      </c>
      <c r="AB6874">
        <v>31432.168450000001</v>
      </c>
      <c r="AC6874">
        <v>32561.103319999998</v>
      </c>
      <c r="AD6874">
        <v>23117.78369</v>
      </c>
      <c r="AE6874">
        <v>33181.455670000003</v>
      </c>
      <c r="AF6874">
        <v>41511.834949999997</v>
      </c>
      <c r="AG6874">
        <v>22094.378789999999</v>
      </c>
      <c r="AH6874">
        <v>209640.87820000001</v>
      </c>
      <c r="AI6874">
        <v>61565.740310000001</v>
      </c>
      <c r="AJ6874">
        <v>17541.894970000001</v>
      </c>
      <c r="AK6874">
        <v>31491.86448</v>
      </c>
      <c r="AL6874">
        <v>52739.021309999996</v>
      </c>
      <c r="AM6874">
        <v>14471.21092</v>
      </c>
      <c r="AN6874">
        <v>86377.940310000005</v>
      </c>
      <c r="AO6874">
        <v>24777.8943</v>
      </c>
      <c r="AP6874">
        <v>11021.509669999999</v>
      </c>
    </row>
    <row r="6875" spans="2:42" x14ac:dyDescent="0.3">
      <c r="B6875">
        <v>40.867181937711941</v>
      </c>
      <c r="C6875" s="83">
        <v>43387.375</v>
      </c>
      <c r="D6875">
        <v>156292.8504</v>
      </c>
      <c r="E6875">
        <v>13644.0681</v>
      </c>
      <c r="F6875">
        <v>52480.209170000002</v>
      </c>
      <c r="G6875">
        <v>31586.663089999998</v>
      </c>
      <c r="H6875">
        <v>32953.291599999997</v>
      </c>
      <c r="I6875">
        <v>22693.99944</v>
      </c>
      <c r="J6875">
        <v>33365.495629999998</v>
      </c>
      <c r="K6875">
        <v>42225.501450000003</v>
      </c>
      <c r="L6875">
        <v>24456.91245</v>
      </c>
      <c r="M6875">
        <v>208359.9516</v>
      </c>
      <c r="N6875">
        <v>61672.930760000003</v>
      </c>
      <c r="O6875">
        <v>17113.120640000001</v>
      </c>
      <c r="P6875">
        <v>34488.072260000001</v>
      </c>
      <c r="Q6875">
        <v>52696.540719999997</v>
      </c>
      <c r="R6875">
        <v>14899.34496</v>
      </c>
      <c r="S6875">
        <v>87450.035189999995</v>
      </c>
      <c r="T6875">
        <v>26432.10095</v>
      </c>
      <c r="U6875">
        <v>10800.435100000001</v>
      </c>
      <c r="W6875" s="83">
        <f>Bühler!N6907</f>
        <v>45578.374999983331</v>
      </c>
      <c r="X6875" s="83">
        <v>43387.375</v>
      </c>
      <c r="Y6875">
        <v>156292.8504</v>
      </c>
      <c r="Z6875">
        <v>13644.0681</v>
      </c>
      <c r="AA6875">
        <v>52480.209170000002</v>
      </c>
      <c r="AB6875">
        <v>31586.663089999998</v>
      </c>
      <c r="AC6875">
        <v>32953.291599999997</v>
      </c>
      <c r="AD6875">
        <v>22693.99944</v>
      </c>
      <c r="AE6875">
        <v>33365.495629999998</v>
      </c>
      <c r="AF6875">
        <v>42225.501450000003</v>
      </c>
      <c r="AG6875">
        <v>24456.91245</v>
      </c>
      <c r="AH6875">
        <v>208359.9516</v>
      </c>
      <c r="AI6875">
        <v>61672.930760000003</v>
      </c>
      <c r="AJ6875">
        <v>17113.120640000001</v>
      </c>
      <c r="AK6875">
        <v>34488.072260000001</v>
      </c>
      <c r="AL6875">
        <v>52696.540719999997</v>
      </c>
      <c r="AM6875">
        <v>14899.34496</v>
      </c>
      <c r="AN6875">
        <v>87450.035189999995</v>
      </c>
      <c r="AO6875">
        <v>26432.10095</v>
      </c>
      <c r="AP6875">
        <v>10800.435100000001</v>
      </c>
    </row>
    <row r="6876" spans="2:42" x14ac:dyDescent="0.3">
      <c r="B6876">
        <v>40.78394025844311</v>
      </c>
      <c r="C6876" s="83">
        <v>43387.416666666664</v>
      </c>
      <c r="D6876">
        <v>156337.1397</v>
      </c>
      <c r="E6876">
        <v>14107.1654</v>
      </c>
      <c r="F6876">
        <v>52232.246469999998</v>
      </c>
      <c r="G6876">
        <v>31854.61234</v>
      </c>
      <c r="H6876">
        <v>33821.073100000001</v>
      </c>
      <c r="I6876">
        <v>22524.858339999999</v>
      </c>
      <c r="J6876">
        <v>32160.412059999999</v>
      </c>
      <c r="K6876">
        <v>43560.38942</v>
      </c>
      <c r="L6876">
        <v>27124.366460000001</v>
      </c>
      <c r="M6876">
        <v>207935.54670000001</v>
      </c>
      <c r="N6876">
        <v>62685.108319999999</v>
      </c>
      <c r="O6876">
        <v>17004.97291</v>
      </c>
      <c r="P6876">
        <v>35244.790780000003</v>
      </c>
      <c r="Q6876">
        <v>52265.132640000003</v>
      </c>
      <c r="R6876">
        <v>15789.12413</v>
      </c>
      <c r="S6876">
        <v>87205.379629999996</v>
      </c>
      <c r="T6876">
        <v>28079.907709999999</v>
      </c>
      <c r="U6876">
        <v>10750.31431</v>
      </c>
      <c r="W6876" s="83">
        <f>Bühler!N6908</f>
        <v>45578.416666649995</v>
      </c>
      <c r="X6876" s="83">
        <v>43387.416666666664</v>
      </c>
      <c r="Y6876">
        <v>156337.1397</v>
      </c>
      <c r="Z6876">
        <v>14107.1654</v>
      </c>
      <c r="AA6876">
        <v>52232.246469999998</v>
      </c>
      <c r="AB6876">
        <v>31854.61234</v>
      </c>
      <c r="AC6876">
        <v>33821.073100000001</v>
      </c>
      <c r="AD6876">
        <v>22524.858339999999</v>
      </c>
      <c r="AE6876">
        <v>32160.412059999999</v>
      </c>
      <c r="AF6876">
        <v>43560.38942</v>
      </c>
      <c r="AG6876">
        <v>27124.366460000001</v>
      </c>
      <c r="AH6876">
        <v>207935.54670000001</v>
      </c>
      <c r="AI6876">
        <v>62685.108319999999</v>
      </c>
      <c r="AJ6876">
        <v>17004.97291</v>
      </c>
      <c r="AK6876">
        <v>35244.790780000003</v>
      </c>
      <c r="AL6876">
        <v>52265.132640000003</v>
      </c>
      <c r="AM6876">
        <v>15789.12413</v>
      </c>
      <c r="AN6876">
        <v>87205.379629999996</v>
      </c>
      <c r="AO6876">
        <v>28079.907709999999</v>
      </c>
      <c r="AP6876">
        <v>10750.31431</v>
      </c>
    </row>
    <row r="6877" spans="2:42" x14ac:dyDescent="0.3">
      <c r="B6877">
        <v>41.33801442713056</v>
      </c>
      <c r="C6877" s="83">
        <v>43387.458333333336</v>
      </c>
      <c r="D6877">
        <v>155794.03709999999</v>
      </c>
      <c r="E6877">
        <v>14418.016680000001</v>
      </c>
      <c r="F6877">
        <v>53067.67686</v>
      </c>
      <c r="G6877">
        <v>32201.228340000001</v>
      </c>
      <c r="H6877">
        <v>33707.336710000003</v>
      </c>
      <c r="I6877">
        <v>22145.628860000001</v>
      </c>
      <c r="J6877">
        <v>31663.319189999998</v>
      </c>
      <c r="K6877">
        <v>45529.699220000002</v>
      </c>
      <c r="L6877">
        <v>28196.86462</v>
      </c>
      <c r="M6877">
        <v>210760.47519999999</v>
      </c>
      <c r="N6877">
        <v>62724.642619999999</v>
      </c>
      <c r="O6877">
        <v>17387.632600000001</v>
      </c>
      <c r="P6877">
        <v>35277.242250000003</v>
      </c>
      <c r="Q6877">
        <v>51175.725850000003</v>
      </c>
      <c r="R6877">
        <v>15896.94731</v>
      </c>
      <c r="S6877">
        <v>89887.210999999996</v>
      </c>
      <c r="T6877">
        <v>28437.425950000001</v>
      </c>
      <c r="U6877">
        <v>10410.746300000001</v>
      </c>
      <c r="W6877" s="83">
        <f>Bühler!N6909</f>
        <v>45578.458333316659</v>
      </c>
      <c r="X6877" s="83">
        <v>43387.458333333336</v>
      </c>
      <c r="Y6877">
        <v>155794.03709999999</v>
      </c>
      <c r="Z6877">
        <v>14418.016680000001</v>
      </c>
      <c r="AA6877">
        <v>53067.67686</v>
      </c>
      <c r="AB6877">
        <v>32201.228340000001</v>
      </c>
      <c r="AC6877">
        <v>33707.336710000003</v>
      </c>
      <c r="AD6877">
        <v>22145.628860000001</v>
      </c>
      <c r="AE6877">
        <v>31663.319189999998</v>
      </c>
      <c r="AF6877">
        <v>45529.699220000002</v>
      </c>
      <c r="AG6877">
        <v>28196.86462</v>
      </c>
      <c r="AH6877">
        <v>210760.47519999999</v>
      </c>
      <c r="AI6877">
        <v>62724.642619999999</v>
      </c>
      <c r="AJ6877">
        <v>17387.632600000001</v>
      </c>
      <c r="AK6877">
        <v>35277.242250000003</v>
      </c>
      <c r="AL6877">
        <v>51175.725850000003</v>
      </c>
      <c r="AM6877">
        <v>15896.94731</v>
      </c>
      <c r="AN6877">
        <v>89887.210999999996</v>
      </c>
      <c r="AO6877">
        <v>28437.425950000001</v>
      </c>
      <c r="AP6877">
        <v>10410.746300000001</v>
      </c>
    </row>
    <row r="6878" spans="2:42" x14ac:dyDescent="0.3">
      <c r="B6878">
        <v>41.376145717397243</v>
      </c>
      <c r="C6878" s="83">
        <v>43387.5</v>
      </c>
      <c r="D6878">
        <v>155490.78640000001</v>
      </c>
      <c r="E6878">
        <v>14476.215990000001</v>
      </c>
      <c r="F6878">
        <v>51193.320010000003</v>
      </c>
      <c r="G6878">
        <v>32503.56754</v>
      </c>
      <c r="H6878">
        <v>33003.7552</v>
      </c>
      <c r="I6878">
        <v>21389.055759999999</v>
      </c>
      <c r="J6878">
        <v>31710.5347</v>
      </c>
      <c r="K6878">
        <v>46318.703630000004</v>
      </c>
      <c r="L6878">
        <v>30203.424849999999</v>
      </c>
      <c r="M6878">
        <v>210954.88630000001</v>
      </c>
      <c r="N6878">
        <v>62958.83296</v>
      </c>
      <c r="O6878">
        <v>16977.23069</v>
      </c>
      <c r="P6878">
        <v>35285.141629999998</v>
      </c>
      <c r="Q6878">
        <v>50272.02738</v>
      </c>
      <c r="R6878">
        <v>17063.596430000001</v>
      </c>
      <c r="S6878">
        <v>86088.884969999999</v>
      </c>
      <c r="T6878">
        <v>28149.90768</v>
      </c>
      <c r="U6878">
        <v>9790.6901539999999</v>
      </c>
      <c r="W6878" s="83">
        <f>Bühler!N6910</f>
        <v>45578.499999983324</v>
      </c>
      <c r="X6878" s="83">
        <v>43387.5</v>
      </c>
      <c r="Y6878">
        <v>155490.78640000001</v>
      </c>
      <c r="Z6878">
        <v>14476.215990000001</v>
      </c>
      <c r="AA6878">
        <v>51193.320010000003</v>
      </c>
      <c r="AB6878">
        <v>32503.56754</v>
      </c>
      <c r="AC6878">
        <v>33003.7552</v>
      </c>
      <c r="AD6878">
        <v>21389.055759999999</v>
      </c>
      <c r="AE6878">
        <v>31710.5347</v>
      </c>
      <c r="AF6878">
        <v>46318.703630000004</v>
      </c>
      <c r="AG6878">
        <v>30203.424849999999</v>
      </c>
      <c r="AH6878">
        <v>210954.88630000001</v>
      </c>
      <c r="AI6878">
        <v>62958.83296</v>
      </c>
      <c r="AJ6878">
        <v>16977.23069</v>
      </c>
      <c r="AK6878">
        <v>35285.141629999998</v>
      </c>
      <c r="AL6878">
        <v>50272.02738</v>
      </c>
      <c r="AM6878">
        <v>17063.596430000001</v>
      </c>
      <c r="AN6878">
        <v>86088.884969999999</v>
      </c>
      <c r="AO6878">
        <v>28149.90768</v>
      </c>
      <c r="AP6878">
        <v>9790.6901539999999</v>
      </c>
    </row>
    <row r="6879" spans="2:42" x14ac:dyDescent="0.3">
      <c r="B6879">
        <v>41.348930651004004</v>
      </c>
      <c r="C6879" s="83">
        <v>43387.541666666664</v>
      </c>
      <c r="D6879">
        <v>155678.59169999999</v>
      </c>
      <c r="E6879">
        <v>14417.250260000001</v>
      </c>
      <c r="F6879">
        <v>47245.702449999997</v>
      </c>
      <c r="G6879">
        <v>32231.074400000001</v>
      </c>
      <c r="H6879">
        <v>33040.824439999997</v>
      </c>
      <c r="I6879">
        <v>21922.544000000002</v>
      </c>
      <c r="J6879">
        <v>30993.273789999999</v>
      </c>
      <c r="K6879">
        <v>45830.606610000003</v>
      </c>
      <c r="L6879">
        <v>29920.638190000001</v>
      </c>
      <c r="M6879">
        <v>210816.1312</v>
      </c>
      <c r="N6879">
        <v>61978.442889999998</v>
      </c>
      <c r="O6879">
        <v>17184.629679999998</v>
      </c>
      <c r="P6879">
        <v>33929.602899999998</v>
      </c>
      <c r="Q6879">
        <v>49016.559269999998</v>
      </c>
      <c r="R6879">
        <v>17798.05747</v>
      </c>
      <c r="S6879">
        <v>86920.658689999997</v>
      </c>
      <c r="T6879">
        <v>27941.849559999999</v>
      </c>
      <c r="U6879">
        <v>9629.9429619999992</v>
      </c>
      <c r="W6879" s="83">
        <f>Bühler!N6911</f>
        <v>45578.541666649988</v>
      </c>
      <c r="X6879" s="83">
        <v>43387.541666666664</v>
      </c>
      <c r="Y6879">
        <v>155678.59169999999</v>
      </c>
      <c r="Z6879">
        <v>14417.250260000001</v>
      </c>
      <c r="AA6879">
        <v>47245.702449999997</v>
      </c>
      <c r="AB6879">
        <v>32231.074400000001</v>
      </c>
      <c r="AC6879">
        <v>33040.824439999997</v>
      </c>
      <c r="AD6879">
        <v>21922.544000000002</v>
      </c>
      <c r="AE6879">
        <v>30993.273789999999</v>
      </c>
      <c r="AF6879">
        <v>45830.606610000003</v>
      </c>
      <c r="AG6879">
        <v>29920.638190000001</v>
      </c>
      <c r="AH6879">
        <v>210816.1312</v>
      </c>
      <c r="AI6879">
        <v>61978.442889999998</v>
      </c>
      <c r="AJ6879">
        <v>17184.629679999998</v>
      </c>
      <c r="AK6879">
        <v>33929.602899999998</v>
      </c>
      <c r="AL6879">
        <v>49016.559269999998</v>
      </c>
      <c r="AM6879">
        <v>17798.05747</v>
      </c>
      <c r="AN6879">
        <v>86920.658689999997</v>
      </c>
      <c r="AO6879">
        <v>27941.849559999999</v>
      </c>
      <c r="AP6879">
        <v>9629.9429619999992</v>
      </c>
    </row>
    <row r="6880" spans="2:42" x14ac:dyDescent="0.3">
      <c r="B6880">
        <v>41.58660724210516</v>
      </c>
      <c r="C6880" s="83">
        <v>43387.583333333336</v>
      </c>
      <c r="D6880">
        <v>156305.52480000001</v>
      </c>
      <c r="E6880">
        <v>14473.243549999999</v>
      </c>
      <c r="F6880">
        <v>47176.475440000002</v>
      </c>
      <c r="G6880">
        <v>31760.369989999999</v>
      </c>
      <c r="H6880">
        <v>32827.252229999998</v>
      </c>
      <c r="I6880">
        <v>21901.876499999998</v>
      </c>
      <c r="J6880">
        <v>30590.423449999998</v>
      </c>
      <c r="K6880">
        <v>43841.761469999998</v>
      </c>
      <c r="L6880">
        <v>28164.280050000001</v>
      </c>
      <c r="M6880">
        <v>212027.9173</v>
      </c>
      <c r="N6880">
        <v>61787.1878</v>
      </c>
      <c r="O6880">
        <v>17252.440330000001</v>
      </c>
      <c r="P6880">
        <v>31028.2346</v>
      </c>
      <c r="Q6880">
        <v>49186.664479999999</v>
      </c>
      <c r="R6880">
        <v>17078.48042</v>
      </c>
      <c r="S6880">
        <v>83531.128809999995</v>
      </c>
      <c r="T6880">
        <v>27773.01569</v>
      </c>
      <c r="U6880">
        <v>9406.9199950000002</v>
      </c>
      <c r="W6880" s="83">
        <f>Bühler!N6912</f>
        <v>45578.583333316652</v>
      </c>
      <c r="X6880" s="83">
        <v>43387.583333333336</v>
      </c>
      <c r="Y6880">
        <v>156305.52480000001</v>
      </c>
      <c r="Z6880">
        <v>14473.243549999999</v>
      </c>
      <c r="AA6880">
        <v>47176.475440000002</v>
      </c>
      <c r="AB6880">
        <v>31760.369989999999</v>
      </c>
      <c r="AC6880">
        <v>32827.252229999998</v>
      </c>
      <c r="AD6880">
        <v>21901.876499999998</v>
      </c>
      <c r="AE6880">
        <v>30590.423449999998</v>
      </c>
      <c r="AF6880">
        <v>43841.761469999998</v>
      </c>
      <c r="AG6880">
        <v>28164.280050000001</v>
      </c>
      <c r="AH6880">
        <v>212027.9173</v>
      </c>
      <c r="AI6880">
        <v>61787.1878</v>
      </c>
      <c r="AJ6880">
        <v>17252.440330000001</v>
      </c>
      <c r="AK6880">
        <v>31028.2346</v>
      </c>
      <c r="AL6880">
        <v>49186.664479999999</v>
      </c>
      <c r="AM6880">
        <v>17078.48042</v>
      </c>
      <c r="AN6880">
        <v>83531.128809999995</v>
      </c>
      <c r="AO6880">
        <v>27773.01569</v>
      </c>
      <c r="AP6880">
        <v>9406.9199950000002</v>
      </c>
    </row>
    <row r="6881" spans="2:42" x14ac:dyDescent="0.3">
      <c r="B6881">
        <v>41.894618846904272</v>
      </c>
      <c r="C6881" s="83">
        <v>43387.625</v>
      </c>
      <c r="D6881">
        <v>156803.9399</v>
      </c>
      <c r="E6881">
        <v>14451.905849999999</v>
      </c>
      <c r="F6881">
        <v>46812.552949999998</v>
      </c>
      <c r="G6881">
        <v>31573.539290000001</v>
      </c>
      <c r="H6881">
        <v>32637.91345</v>
      </c>
      <c r="I6881">
        <v>22075.79623</v>
      </c>
      <c r="J6881">
        <v>30256.081249999999</v>
      </c>
      <c r="K6881">
        <v>44955.101620000001</v>
      </c>
      <c r="L6881">
        <v>26738.25273</v>
      </c>
      <c r="M6881">
        <v>213598.30410000001</v>
      </c>
      <c r="N6881">
        <v>62948.531920000001</v>
      </c>
      <c r="O6881">
        <v>17638.356800000001</v>
      </c>
      <c r="P6881">
        <v>28878.027099999999</v>
      </c>
      <c r="Q6881">
        <v>49820.347970000003</v>
      </c>
      <c r="R6881">
        <v>16678.823489999999</v>
      </c>
      <c r="S6881">
        <v>83631.097389999995</v>
      </c>
      <c r="T6881">
        <v>28217.912820000001</v>
      </c>
      <c r="U6881">
        <v>9377.4865850000006</v>
      </c>
      <c r="W6881" s="83">
        <f>Bühler!N6913</f>
        <v>45578.624999983316</v>
      </c>
      <c r="X6881" s="83">
        <v>43387.625</v>
      </c>
      <c r="Y6881">
        <v>156803.9399</v>
      </c>
      <c r="Z6881">
        <v>14451.905849999999</v>
      </c>
      <c r="AA6881">
        <v>46812.552949999998</v>
      </c>
      <c r="AB6881">
        <v>31573.539290000001</v>
      </c>
      <c r="AC6881">
        <v>32637.91345</v>
      </c>
      <c r="AD6881">
        <v>22075.79623</v>
      </c>
      <c r="AE6881">
        <v>30256.081249999999</v>
      </c>
      <c r="AF6881">
        <v>44955.101620000001</v>
      </c>
      <c r="AG6881">
        <v>26738.25273</v>
      </c>
      <c r="AH6881">
        <v>213598.30410000001</v>
      </c>
      <c r="AI6881">
        <v>62948.531920000001</v>
      </c>
      <c r="AJ6881">
        <v>17638.356800000001</v>
      </c>
      <c r="AK6881">
        <v>28878.027099999999</v>
      </c>
      <c r="AL6881">
        <v>49820.347970000003</v>
      </c>
      <c r="AM6881">
        <v>16678.823489999999</v>
      </c>
      <c r="AN6881">
        <v>83631.097389999995</v>
      </c>
      <c r="AO6881">
        <v>28217.912820000001</v>
      </c>
      <c r="AP6881">
        <v>9377.4865850000006</v>
      </c>
    </row>
    <row r="6882" spans="2:42" x14ac:dyDescent="0.3">
      <c r="B6882">
        <v>42.022533607198611</v>
      </c>
      <c r="C6882" s="83">
        <v>43387.666666666664</v>
      </c>
      <c r="D6882">
        <v>157043.14809999999</v>
      </c>
      <c r="E6882">
        <v>14467.779549999999</v>
      </c>
      <c r="F6882">
        <v>46851.942369999997</v>
      </c>
      <c r="G6882">
        <v>31380.075560000001</v>
      </c>
      <c r="H6882">
        <v>32768.19238</v>
      </c>
      <c r="I6882">
        <v>22006.781510000001</v>
      </c>
      <c r="J6882">
        <v>30141.177469999999</v>
      </c>
      <c r="K6882">
        <v>44285.0893</v>
      </c>
      <c r="L6882">
        <v>25253.600640000001</v>
      </c>
      <c r="M6882">
        <v>214250.47320000001</v>
      </c>
      <c r="N6882">
        <v>62121.837050000002</v>
      </c>
      <c r="O6882">
        <v>17420.56136</v>
      </c>
      <c r="P6882">
        <v>28128.711380000001</v>
      </c>
      <c r="Q6882">
        <v>50175.427739999999</v>
      </c>
      <c r="R6882">
        <v>16947.519550000001</v>
      </c>
      <c r="S6882">
        <v>83991.647840000005</v>
      </c>
      <c r="T6882">
        <v>28012.778539999999</v>
      </c>
      <c r="U6882">
        <v>9558.73027</v>
      </c>
      <c r="W6882" s="83">
        <f>Bühler!N6914</f>
        <v>45578.66666664998</v>
      </c>
      <c r="X6882" s="83">
        <v>43387.666666666664</v>
      </c>
      <c r="Y6882">
        <v>157043.14809999999</v>
      </c>
      <c r="Z6882">
        <v>14467.779549999999</v>
      </c>
      <c r="AA6882">
        <v>46851.942369999997</v>
      </c>
      <c r="AB6882">
        <v>31380.075560000001</v>
      </c>
      <c r="AC6882">
        <v>32768.19238</v>
      </c>
      <c r="AD6882">
        <v>22006.781510000001</v>
      </c>
      <c r="AE6882">
        <v>30141.177469999999</v>
      </c>
      <c r="AF6882">
        <v>44285.0893</v>
      </c>
      <c r="AG6882">
        <v>25253.600640000001</v>
      </c>
      <c r="AH6882">
        <v>214250.47320000001</v>
      </c>
      <c r="AI6882">
        <v>62121.837050000002</v>
      </c>
      <c r="AJ6882">
        <v>17420.56136</v>
      </c>
      <c r="AK6882">
        <v>28128.711380000001</v>
      </c>
      <c r="AL6882">
        <v>50175.427739999999</v>
      </c>
      <c r="AM6882">
        <v>16947.519550000001</v>
      </c>
      <c r="AN6882">
        <v>83991.647840000005</v>
      </c>
      <c r="AO6882">
        <v>28012.778539999999</v>
      </c>
      <c r="AP6882">
        <v>9558.73027</v>
      </c>
    </row>
    <row r="6883" spans="2:42" x14ac:dyDescent="0.3">
      <c r="B6883">
        <v>42.126124798073754</v>
      </c>
      <c r="C6883" s="83">
        <v>43387.708333333336</v>
      </c>
      <c r="D6883">
        <v>158233.91149999999</v>
      </c>
      <c r="E6883">
        <v>14410.74561</v>
      </c>
      <c r="F6883">
        <v>47433.019269999997</v>
      </c>
      <c r="G6883">
        <v>31629.315429999999</v>
      </c>
      <c r="H6883">
        <v>32975.002050000003</v>
      </c>
      <c r="I6883">
        <v>22901.941620000001</v>
      </c>
      <c r="J6883">
        <v>30606.996940000001</v>
      </c>
      <c r="K6883">
        <v>42664.116849999999</v>
      </c>
      <c r="L6883">
        <v>25389.057809999998</v>
      </c>
      <c r="M6883">
        <v>214778.62940000001</v>
      </c>
      <c r="N6883">
        <v>62420.354330000002</v>
      </c>
      <c r="O6883">
        <v>16965.211190000002</v>
      </c>
      <c r="P6883">
        <v>28157.799760000002</v>
      </c>
      <c r="Q6883">
        <v>50986.525840000002</v>
      </c>
      <c r="R6883">
        <v>16713.444619999998</v>
      </c>
      <c r="S6883">
        <v>86657.687319999997</v>
      </c>
      <c r="T6883">
        <v>27388.06163</v>
      </c>
      <c r="U6883">
        <v>9881.279896</v>
      </c>
      <c r="W6883" s="83">
        <f>Bühler!N6915</f>
        <v>45578.708333316645</v>
      </c>
      <c r="X6883" s="83">
        <v>43387.708333333336</v>
      </c>
      <c r="Y6883">
        <v>158233.91149999999</v>
      </c>
      <c r="Z6883">
        <v>14410.74561</v>
      </c>
      <c r="AA6883">
        <v>47433.019269999997</v>
      </c>
      <c r="AB6883">
        <v>31629.315429999999</v>
      </c>
      <c r="AC6883">
        <v>32975.002050000003</v>
      </c>
      <c r="AD6883">
        <v>22901.941620000001</v>
      </c>
      <c r="AE6883">
        <v>30606.996940000001</v>
      </c>
      <c r="AF6883">
        <v>42664.116849999999</v>
      </c>
      <c r="AG6883">
        <v>25389.057809999998</v>
      </c>
      <c r="AH6883">
        <v>214778.62940000001</v>
      </c>
      <c r="AI6883">
        <v>62420.354330000002</v>
      </c>
      <c r="AJ6883">
        <v>16965.211190000002</v>
      </c>
      <c r="AK6883">
        <v>28157.799760000002</v>
      </c>
      <c r="AL6883">
        <v>50986.525840000002</v>
      </c>
      <c r="AM6883">
        <v>16713.444619999998</v>
      </c>
      <c r="AN6883">
        <v>86657.687319999997</v>
      </c>
      <c r="AO6883">
        <v>27388.06163</v>
      </c>
      <c r="AP6883">
        <v>9881.279896</v>
      </c>
    </row>
    <row r="6884" spans="2:42" x14ac:dyDescent="0.3">
      <c r="B6884">
        <v>42.220324713849948</v>
      </c>
      <c r="C6884" s="83">
        <v>43387.75</v>
      </c>
      <c r="D6884">
        <v>159593.87539999999</v>
      </c>
      <c r="E6884">
        <v>13820.40958</v>
      </c>
      <c r="F6884">
        <v>47424.254809999999</v>
      </c>
      <c r="G6884">
        <v>32160.21097</v>
      </c>
      <c r="H6884">
        <v>32641.136569999999</v>
      </c>
      <c r="I6884">
        <v>22891.055540000001</v>
      </c>
      <c r="J6884">
        <v>31138.514080000001</v>
      </c>
      <c r="K6884">
        <v>44430.584600000002</v>
      </c>
      <c r="L6884">
        <v>25296.261259999999</v>
      </c>
      <c r="M6884">
        <v>215258.9045</v>
      </c>
      <c r="N6884">
        <v>63367.954539999999</v>
      </c>
      <c r="O6884">
        <v>17157.401119999999</v>
      </c>
      <c r="P6884">
        <v>30003.4768</v>
      </c>
      <c r="Q6884">
        <v>51204.840889999999</v>
      </c>
      <c r="R6884">
        <v>17516.814699999999</v>
      </c>
      <c r="S6884">
        <v>84658.021500000003</v>
      </c>
      <c r="T6884">
        <v>27361.574830000001</v>
      </c>
      <c r="U6884">
        <v>10370.995140000001</v>
      </c>
      <c r="W6884" s="83">
        <f>Bühler!N6916</f>
        <v>45578.749999983309</v>
      </c>
      <c r="X6884" s="83">
        <v>43387.75</v>
      </c>
      <c r="Y6884">
        <v>159593.87539999999</v>
      </c>
      <c r="Z6884">
        <v>13820.40958</v>
      </c>
      <c r="AA6884">
        <v>47424.254809999999</v>
      </c>
      <c r="AB6884">
        <v>32160.21097</v>
      </c>
      <c r="AC6884">
        <v>32641.136569999999</v>
      </c>
      <c r="AD6884">
        <v>22891.055540000001</v>
      </c>
      <c r="AE6884">
        <v>31138.514080000001</v>
      </c>
      <c r="AF6884">
        <v>44430.584600000002</v>
      </c>
      <c r="AG6884">
        <v>25296.261259999999</v>
      </c>
      <c r="AH6884">
        <v>215258.9045</v>
      </c>
      <c r="AI6884">
        <v>63367.954539999999</v>
      </c>
      <c r="AJ6884">
        <v>17157.401119999999</v>
      </c>
      <c r="AK6884">
        <v>30003.4768</v>
      </c>
      <c r="AL6884">
        <v>51204.840889999999</v>
      </c>
      <c r="AM6884">
        <v>17516.814699999999</v>
      </c>
      <c r="AN6884">
        <v>84658.021500000003</v>
      </c>
      <c r="AO6884">
        <v>27361.574830000001</v>
      </c>
      <c r="AP6884">
        <v>10370.995140000001</v>
      </c>
    </row>
    <row r="6885" spans="2:42" x14ac:dyDescent="0.3">
      <c r="B6885">
        <v>42.370154338832236</v>
      </c>
      <c r="C6885" s="83">
        <v>43387.791666666664</v>
      </c>
      <c r="D6885">
        <v>161985.42180000001</v>
      </c>
      <c r="E6885">
        <v>13557.38126</v>
      </c>
      <c r="F6885">
        <v>47198.485930000003</v>
      </c>
      <c r="G6885">
        <v>33487.161719999996</v>
      </c>
      <c r="H6885">
        <v>33724.125619999999</v>
      </c>
      <c r="I6885">
        <v>23471.054960000001</v>
      </c>
      <c r="J6885">
        <v>33302.693140000003</v>
      </c>
      <c r="K6885">
        <v>45995.86191</v>
      </c>
      <c r="L6885">
        <v>27195.807379999998</v>
      </c>
      <c r="M6885">
        <v>216022.8058</v>
      </c>
      <c r="N6885">
        <v>64583.420610000001</v>
      </c>
      <c r="O6885">
        <v>17397.09492</v>
      </c>
      <c r="P6885">
        <v>30198.526180000001</v>
      </c>
      <c r="Q6885">
        <v>51680.306960000002</v>
      </c>
      <c r="R6885">
        <v>18864.44313</v>
      </c>
      <c r="S6885">
        <v>85058.748389999993</v>
      </c>
      <c r="T6885">
        <v>27042.391469999999</v>
      </c>
      <c r="U6885">
        <v>10917.727580000001</v>
      </c>
      <c r="W6885" s="83">
        <f>Bühler!N6917</f>
        <v>45578.791666649973</v>
      </c>
      <c r="X6885" s="83">
        <v>43387.791666666664</v>
      </c>
      <c r="Y6885">
        <v>161985.42180000001</v>
      </c>
      <c r="Z6885">
        <v>13557.38126</v>
      </c>
      <c r="AA6885">
        <v>47198.485930000003</v>
      </c>
      <c r="AB6885">
        <v>33487.161719999996</v>
      </c>
      <c r="AC6885">
        <v>33724.125619999999</v>
      </c>
      <c r="AD6885">
        <v>23471.054960000001</v>
      </c>
      <c r="AE6885">
        <v>33302.693140000003</v>
      </c>
      <c r="AF6885">
        <v>45995.86191</v>
      </c>
      <c r="AG6885">
        <v>27195.807379999998</v>
      </c>
      <c r="AH6885">
        <v>216022.8058</v>
      </c>
      <c r="AI6885">
        <v>64583.420610000001</v>
      </c>
      <c r="AJ6885">
        <v>17397.09492</v>
      </c>
      <c r="AK6885">
        <v>30198.526180000001</v>
      </c>
      <c r="AL6885">
        <v>51680.306960000002</v>
      </c>
      <c r="AM6885">
        <v>18864.44313</v>
      </c>
      <c r="AN6885">
        <v>85058.748389999993</v>
      </c>
      <c r="AO6885">
        <v>27042.391469999999</v>
      </c>
      <c r="AP6885">
        <v>10917.727580000001</v>
      </c>
    </row>
    <row r="6886" spans="2:42" x14ac:dyDescent="0.3">
      <c r="B6886">
        <v>42.668683915751281</v>
      </c>
      <c r="C6886" s="83">
        <v>43387.833333333336</v>
      </c>
      <c r="D6886">
        <v>164312.14720000001</v>
      </c>
      <c r="E6886">
        <v>12632.2606</v>
      </c>
      <c r="F6886">
        <v>47187.18217</v>
      </c>
      <c r="G6886">
        <v>34261.369659999997</v>
      </c>
      <c r="H6886">
        <v>34497.912660000002</v>
      </c>
      <c r="I6886">
        <v>23579.80458</v>
      </c>
      <c r="J6886">
        <v>33505.479509999997</v>
      </c>
      <c r="K6886">
        <v>45307.691939999997</v>
      </c>
      <c r="L6886">
        <v>26757.907620000002</v>
      </c>
      <c r="M6886">
        <v>217544.84880000001</v>
      </c>
      <c r="N6886">
        <v>65969.559070000003</v>
      </c>
      <c r="O6886">
        <v>17434.29682</v>
      </c>
      <c r="P6886">
        <v>31345.133379999999</v>
      </c>
      <c r="Q6886">
        <v>52759.491450000001</v>
      </c>
      <c r="R6886">
        <v>17907.427909999999</v>
      </c>
      <c r="S6886">
        <v>80154.801630000002</v>
      </c>
      <c r="T6886">
        <v>23967.84719</v>
      </c>
      <c r="U6886">
        <v>11301.712079999999</v>
      </c>
      <c r="W6886" s="83">
        <f>Bühler!N6918</f>
        <v>45578.833333316637</v>
      </c>
      <c r="X6886" s="83">
        <v>43387.833333333336</v>
      </c>
      <c r="Y6886">
        <v>164312.14720000001</v>
      </c>
      <c r="Z6886">
        <v>12632.2606</v>
      </c>
      <c r="AA6886">
        <v>47187.18217</v>
      </c>
      <c r="AB6886">
        <v>34261.369659999997</v>
      </c>
      <c r="AC6886">
        <v>34497.912660000002</v>
      </c>
      <c r="AD6886">
        <v>23579.80458</v>
      </c>
      <c r="AE6886">
        <v>33505.479509999997</v>
      </c>
      <c r="AF6886">
        <v>45307.691939999997</v>
      </c>
      <c r="AG6886">
        <v>26757.907620000002</v>
      </c>
      <c r="AH6886">
        <v>217544.84880000001</v>
      </c>
      <c r="AI6886">
        <v>65969.559070000003</v>
      </c>
      <c r="AJ6886">
        <v>17434.29682</v>
      </c>
      <c r="AK6886">
        <v>31345.133379999999</v>
      </c>
      <c r="AL6886">
        <v>52759.491450000001</v>
      </c>
      <c r="AM6886">
        <v>17907.427909999999</v>
      </c>
      <c r="AN6886">
        <v>80154.801630000002</v>
      </c>
      <c r="AO6886">
        <v>23967.84719</v>
      </c>
      <c r="AP6886">
        <v>11301.712079999999</v>
      </c>
    </row>
    <row r="6887" spans="2:42" x14ac:dyDescent="0.3">
      <c r="B6887">
        <v>43.152291187944087</v>
      </c>
      <c r="C6887" s="83">
        <v>43387.875</v>
      </c>
      <c r="D6887">
        <v>166502.54810000001</v>
      </c>
      <c r="E6887">
        <v>12311.29291</v>
      </c>
      <c r="F6887">
        <v>47042.366399999999</v>
      </c>
      <c r="G6887">
        <v>33803.680410000001</v>
      </c>
      <c r="H6887">
        <v>33746.481970000001</v>
      </c>
      <c r="I6887">
        <v>22711.426619999998</v>
      </c>
      <c r="J6887">
        <v>32407.78889</v>
      </c>
      <c r="K6887">
        <v>44964.85095</v>
      </c>
      <c r="L6887">
        <v>25267.204819999999</v>
      </c>
      <c r="M6887">
        <v>220010.5042</v>
      </c>
      <c r="N6887">
        <v>65546.173800000004</v>
      </c>
      <c r="O6887">
        <v>17056.335780000001</v>
      </c>
      <c r="P6887">
        <v>30309.346280000002</v>
      </c>
      <c r="Q6887">
        <v>55006.328300000001</v>
      </c>
      <c r="R6887">
        <v>17544.77738</v>
      </c>
      <c r="S6887">
        <v>76568.061329999997</v>
      </c>
      <c r="T6887">
        <v>22117.155360000001</v>
      </c>
      <c r="U6887">
        <v>11245.55803</v>
      </c>
      <c r="W6887" s="83">
        <f>Bühler!N6919</f>
        <v>45578.874999983302</v>
      </c>
      <c r="X6887" s="83">
        <v>43387.875</v>
      </c>
      <c r="Y6887">
        <v>166502.54810000001</v>
      </c>
      <c r="Z6887">
        <v>12311.29291</v>
      </c>
      <c r="AA6887">
        <v>47042.366399999999</v>
      </c>
      <c r="AB6887">
        <v>33803.680410000001</v>
      </c>
      <c r="AC6887">
        <v>33746.481970000001</v>
      </c>
      <c r="AD6887">
        <v>22711.426619999998</v>
      </c>
      <c r="AE6887">
        <v>32407.78889</v>
      </c>
      <c r="AF6887">
        <v>44964.85095</v>
      </c>
      <c r="AG6887">
        <v>25267.204819999999</v>
      </c>
      <c r="AH6887">
        <v>220010.5042</v>
      </c>
      <c r="AI6887">
        <v>65546.173800000004</v>
      </c>
      <c r="AJ6887">
        <v>17056.335780000001</v>
      </c>
      <c r="AK6887">
        <v>30309.346280000002</v>
      </c>
      <c r="AL6887">
        <v>55006.328300000001</v>
      </c>
      <c r="AM6887">
        <v>17544.77738</v>
      </c>
      <c r="AN6887">
        <v>76568.061329999997</v>
      </c>
      <c r="AO6887">
        <v>22117.155360000001</v>
      </c>
      <c r="AP6887">
        <v>11245.55803</v>
      </c>
    </row>
    <row r="6888" spans="2:42" x14ac:dyDescent="0.3">
      <c r="B6888">
        <v>43.638806334584949</v>
      </c>
      <c r="C6888" s="83">
        <v>43387.916666666664</v>
      </c>
      <c r="D6888">
        <v>168037.99780000001</v>
      </c>
      <c r="E6888">
        <v>12274.44786</v>
      </c>
      <c r="F6888">
        <v>46379.64718</v>
      </c>
      <c r="G6888">
        <v>33689.792419999998</v>
      </c>
      <c r="H6888">
        <v>33713.002939999998</v>
      </c>
      <c r="I6888">
        <v>22568.555660000002</v>
      </c>
      <c r="J6888">
        <v>30893.736939999999</v>
      </c>
      <c r="K6888">
        <v>46579.606050000002</v>
      </c>
      <c r="L6888">
        <v>22856.923269999999</v>
      </c>
      <c r="M6888">
        <v>222490.9853</v>
      </c>
      <c r="N6888">
        <v>65490.813009999998</v>
      </c>
      <c r="O6888">
        <v>17522.520570000001</v>
      </c>
      <c r="P6888">
        <v>30001.548139999999</v>
      </c>
      <c r="Q6888">
        <v>55731.238149999997</v>
      </c>
      <c r="R6888">
        <v>19317.698899999999</v>
      </c>
      <c r="S6888">
        <v>74963.536919999999</v>
      </c>
      <c r="T6888">
        <v>21310.774389999999</v>
      </c>
      <c r="U6888">
        <v>11643.77507</v>
      </c>
      <c r="W6888" s="83">
        <f>Bühler!N6920</f>
        <v>45578.916666649966</v>
      </c>
      <c r="X6888" s="83">
        <v>43387.916666666664</v>
      </c>
      <c r="Y6888">
        <v>168037.99780000001</v>
      </c>
      <c r="Z6888">
        <v>12274.44786</v>
      </c>
      <c r="AA6888">
        <v>46379.64718</v>
      </c>
      <c r="AB6888">
        <v>33689.792419999998</v>
      </c>
      <c r="AC6888">
        <v>33713.002939999998</v>
      </c>
      <c r="AD6888">
        <v>22568.555660000002</v>
      </c>
      <c r="AE6888">
        <v>30893.736939999999</v>
      </c>
      <c r="AF6888">
        <v>46579.606050000002</v>
      </c>
      <c r="AG6888">
        <v>22856.923269999999</v>
      </c>
      <c r="AH6888">
        <v>222490.9853</v>
      </c>
      <c r="AI6888">
        <v>65490.813009999998</v>
      </c>
      <c r="AJ6888">
        <v>17522.520570000001</v>
      </c>
      <c r="AK6888">
        <v>30001.548139999999</v>
      </c>
      <c r="AL6888">
        <v>55731.238149999997</v>
      </c>
      <c r="AM6888">
        <v>19317.698899999999</v>
      </c>
      <c r="AN6888">
        <v>74963.536919999999</v>
      </c>
      <c r="AO6888">
        <v>21310.774389999999</v>
      </c>
      <c r="AP6888">
        <v>11643.77507</v>
      </c>
    </row>
    <row r="6889" spans="2:42" x14ac:dyDescent="0.3">
      <c r="B6889">
        <v>43.058338307239914</v>
      </c>
      <c r="C6889" s="83">
        <v>43387.958333333336</v>
      </c>
      <c r="D6889">
        <v>169723.11499999999</v>
      </c>
      <c r="E6889">
        <v>12138.67166</v>
      </c>
      <c r="F6889">
        <v>46276.093829999998</v>
      </c>
      <c r="G6889">
        <v>33992.273809999999</v>
      </c>
      <c r="H6889">
        <v>33617.12788</v>
      </c>
      <c r="I6889">
        <v>21536.20048</v>
      </c>
      <c r="J6889">
        <v>28548.981940000001</v>
      </c>
      <c r="K6889">
        <v>47386.445780000002</v>
      </c>
      <c r="L6889">
        <v>20319.31465</v>
      </c>
      <c r="M6889">
        <v>219531.48860000001</v>
      </c>
      <c r="N6889">
        <v>65732.85772</v>
      </c>
      <c r="O6889">
        <v>17476.548579999999</v>
      </c>
      <c r="P6889">
        <v>27034.90165</v>
      </c>
      <c r="Q6889">
        <v>57457.815580000002</v>
      </c>
      <c r="R6889">
        <v>18404.74641</v>
      </c>
      <c r="S6889">
        <v>73549.623749999999</v>
      </c>
      <c r="T6889">
        <v>24548.186180000001</v>
      </c>
      <c r="U6889">
        <v>11184.244710000001</v>
      </c>
      <c r="W6889" s="83">
        <f>Bühler!N6921</f>
        <v>45578.95833331663</v>
      </c>
      <c r="X6889" s="83">
        <v>43387.958333333336</v>
      </c>
      <c r="Y6889">
        <v>169723.11499999999</v>
      </c>
      <c r="Z6889">
        <v>12138.67166</v>
      </c>
      <c r="AA6889">
        <v>46276.093829999998</v>
      </c>
      <c r="AB6889">
        <v>33992.273809999999</v>
      </c>
      <c r="AC6889">
        <v>33617.12788</v>
      </c>
      <c r="AD6889">
        <v>21536.20048</v>
      </c>
      <c r="AE6889">
        <v>28548.981940000001</v>
      </c>
      <c r="AF6889">
        <v>47386.445780000002</v>
      </c>
      <c r="AG6889">
        <v>20319.31465</v>
      </c>
      <c r="AH6889">
        <v>219531.48860000001</v>
      </c>
      <c r="AI6889">
        <v>65732.85772</v>
      </c>
      <c r="AJ6889">
        <v>17476.548579999999</v>
      </c>
      <c r="AK6889">
        <v>27034.90165</v>
      </c>
      <c r="AL6889">
        <v>57457.815580000002</v>
      </c>
      <c r="AM6889">
        <v>18404.74641</v>
      </c>
      <c r="AN6889">
        <v>73549.623749999999</v>
      </c>
      <c r="AO6889">
        <v>24548.186180000001</v>
      </c>
      <c r="AP6889">
        <v>11184.244710000001</v>
      </c>
    </row>
    <row r="6890" spans="2:42" x14ac:dyDescent="0.3">
      <c r="B6890">
        <v>42.636191693798814</v>
      </c>
      <c r="C6890" s="83">
        <v>43388</v>
      </c>
      <c r="D6890">
        <v>170645.96770000001</v>
      </c>
      <c r="E6890">
        <v>12055.78953</v>
      </c>
      <c r="F6890">
        <v>46363.582280000002</v>
      </c>
      <c r="G6890">
        <v>33584.661410000001</v>
      </c>
      <c r="H6890">
        <v>33052.840459999999</v>
      </c>
      <c r="I6890">
        <v>19644.617760000001</v>
      </c>
      <c r="J6890">
        <v>27110.880099999998</v>
      </c>
      <c r="K6890">
        <v>46100.537199999999</v>
      </c>
      <c r="L6890">
        <v>18539.068289999999</v>
      </c>
      <c r="M6890">
        <v>217379.18830000001</v>
      </c>
      <c r="N6890">
        <v>66093.004660000006</v>
      </c>
      <c r="O6890">
        <v>17240.991170000001</v>
      </c>
      <c r="P6890">
        <v>24230.955160000001</v>
      </c>
      <c r="Q6890">
        <v>60113.686820000003</v>
      </c>
      <c r="R6890">
        <v>16908.260109999999</v>
      </c>
      <c r="S6890">
        <v>72455.203680000006</v>
      </c>
      <c r="T6890">
        <v>23457.198349999999</v>
      </c>
      <c r="U6890">
        <v>11154.78433</v>
      </c>
      <c r="W6890" s="83">
        <f>Bühler!N6922</f>
        <v>45578.999999983294</v>
      </c>
      <c r="X6890" s="83">
        <v>43388</v>
      </c>
      <c r="Y6890">
        <v>170645.96770000001</v>
      </c>
      <c r="Z6890">
        <v>12055.78953</v>
      </c>
      <c r="AA6890">
        <v>46363.582280000002</v>
      </c>
      <c r="AB6890">
        <v>33584.661410000001</v>
      </c>
      <c r="AC6890">
        <v>33052.840459999999</v>
      </c>
      <c r="AD6890">
        <v>19644.617760000001</v>
      </c>
      <c r="AE6890">
        <v>27110.880099999998</v>
      </c>
      <c r="AF6890">
        <v>46100.537199999999</v>
      </c>
      <c r="AG6890">
        <v>18539.068289999999</v>
      </c>
      <c r="AH6890">
        <v>217379.18830000001</v>
      </c>
      <c r="AI6890">
        <v>66093.004660000006</v>
      </c>
      <c r="AJ6890">
        <v>17240.991170000001</v>
      </c>
      <c r="AK6890">
        <v>24230.955160000001</v>
      </c>
      <c r="AL6890">
        <v>60113.686820000003</v>
      </c>
      <c r="AM6890">
        <v>16908.260109999999</v>
      </c>
      <c r="AN6890">
        <v>72455.203680000006</v>
      </c>
      <c r="AO6890">
        <v>23457.198349999999</v>
      </c>
      <c r="AP6890">
        <v>11154.78433</v>
      </c>
    </row>
    <row r="6891" spans="2:42" x14ac:dyDescent="0.3">
      <c r="B6891">
        <v>42.65354061680182</v>
      </c>
      <c r="C6891" s="83">
        <v>43388.041666666664</v>
      </c>
      <c r="D6891">
        <v>171679.4657</v>
      </c>
      <c r="E6891">
        <v>11958.641659999999</v>
      </c>
      <c r="F6891">
        <v>47179.099499999997</v>
      </c>
      <c r="G6891">
        <v>33074.750999999997</v>
      </c>
      <c r="H6891">
        <v>33035.357940000002</v>
      </c>
      <c r="I6891">
        <v>16384.61505</v>
      </c>
      <c r="J6891">
        <v>26136.794880000001</v>
      </c>
      <c r="K6891">
        <v>43155.293640000004</v>
      </c>
      <c r="L6891">
        <v>17855.94815</v>
      </c>
      <c r="M6891">
        <v>217467.64120000001</v>
      </c>
      <c r="N6891">
        <v>65746.597779999996</v>
      </c>
      <c r="O6891">
        <v>17193.136149999998</v>
      </c>
      <c r="P6891">
        <v>24015.458269999999</v>
      </c>
      <c r="Q6891">
        <v>62988.058649999999</v>
      </c>
      <c r="R6891">
        <v>16458.932939999999</v>
      </c>
      <c r="S6891">
        <v>71802.682220000002</v>
      </c>
      <c r="T6891">
        <v>22911.03759</v>
      </c>
      <c r="U6891">
        <v>11020.06221</v>
      </c>
      <c r="W6891" s="83">
        <f>Bühler!N6923</f>
        <v>45579.041666649959</v>
      </c>
      <c r="X6891" s="83">
        <v>43388.041666666664</v>
      </c>
      <c r="Y6891">
        <v>171679.4657</v>
      </c>
      <c r="Z6891">
        <v>11958.641659999999</v>
      </c>
      <c r="AA6891">
        <v>47179.099499999997</v>
      </c>
      <c r="AB6891">
        <v>33074.750999999997</v>
      </c>
      <c r="AC6891">
        <v>33035.357940000002</v>
      </c>
      <c r="AD6891">
        <v>16384.61505</v>
      </c>
      <c r="AE6891">
        <v>26136.794880000001</v>
      </c>
      <c r="AF6891">
        <v>43155.293640000004</v>
      </c>
      <c r="AG6891">
        <v>17855.94815</v>
      </c>
      <c r="AH6891">
        <v>217467.64120000001</v>
      </c>
      <c r="AI6891">
        <v>65746.597779999996</v>
      </c>
      <c r="AJ6891">
        <v>17193.136149999998</v>
      </c>
      <c r="AK6891">
        <v>24015.458269999999</v>
      </c>
      <c r="AL6891">
        <v>62988.058649999999</v>
      </c>
      <c r="AM6891">
        <v>16458.932939999999</v>
      </c>
      <c r="AN6891">
        <v>71802.682220000002</v>
      </c>
      <c r="AO6891">
        <v>22911.03759</v>
      </c>
      <c r="AP6891">
        <v>11020.06221</v>
      </c>
    </row>
    <row r="6892" spans="2:42" x14ac:dyDescent="0.3">
      <c r="B6892">
        <v>43.0425206878636</v>
      </c>
      <c r="C6892" s="83">
        <v>43388.083333333336</v>
      </c>
      <c r="D6892">
        <v>173242.8</v>
      </c>
      <c r="E6892">
        <v>12015.45789</v>
      </c>
      <c r="F6892">
        <v>48373.413130000001</v>
      </c>
      <c r="G6892">
        <v>32359.261320000001</v>
      </c>
      <c r="H6892">
        <v>32886.666270000002</v>
      </c>
      <c r="I6892">
        <v>15057.99028</v>
      </c>
      <c r="J6892">
        <v>26231.53702</v>
      </c>
      <c r="K6892">
        <v>42004.936780000004</v>
      </c>
      <c r="L6892">
        <v>17546.543460000001</v>
      </c>
      <c r="M6892">
        <v>219450.84299999999</v>
      </c>
      <c r="N6892">
        <v>65392.287479999999</v>
      </c>
      <c r="O6892">
        <v>17113.219499999999</v>
      </c>
      <c r="P6892">
        <v>22901.1034</v>
      </c>
      <c r="Q6892">
        <v>65530.355389999997</v>
      </c>
      <c r="R6892">
        <v>16540.435590000001</v>
      </c>
      <c r="S6892">
        <v>71011.653950000007</v>
      </c>
      <c r="T6892">
        <v>22621.318579999999</v>
      </c>
      <c r="U6892">
        <v>11241.41539</v>
      </c>
      <c r="W6892" s="83">
        <f>Bühler!N6924</f>
        <v>45579.083333316623</v>
      </c>
      <c r="X6892" s="83">
        <v>43388.083333333336</v>
      </c>
      <c r="Y6892">
        <v>173242.8</v>
      </c>
      <c r="Z6892">
        <v>12015.45789</v>
      </c>
      <c r="AA6892">
        <v>48373.413130000001</v>
      </c>
      <c r="AB6892">
        <v>32359.261320000001</v>
      </c>
      <c r="AC6892">
        <v>32886.666270000002</v>
      </c>
      <c r="AD6892">
        <v>15057.99028</v>
      </c>
      <c r="AE6892">
        <v>26231.53702</v>
      </c>
      <c r="AF6892">
        <v>42004.936780000004</v>
      </c>
      <c r="AG6892">
        <v>17546.543460000001</v>
      </c>
      <c r="AH6892">
        <v>219450.84299999999</v>
      </c>
      <c r="AI6892">
        <v>65392.287479999999</v>
      </c>
      <c r="AJ6892">
        <v>17113.219499999999</v>
      </c>
      <c r="AK6892">
        <v>22901.1034</v>
      </c>
      <c r="AL6892">
        <v>65530.355389999997</v>
      </c>
      <c r="AM6892">
        <v>16540.435590000001</v>
      </c>
      <c r="AN6892">
        <v>71011.653950000007</v>
      </c>
      <c r="AO6892">
        <v>22621.318579999999</v>
      </c>
      <c r="AP6892">
        <v>11241.41539</v>
      </c>
    </row>
    <row r="6893" spans="2:42" x14ac:dyDescent="0.3">
      <c r="B6893">
        <v>44.655584881761072</v>
      </c>
      <c r="C6893" s="83">
        <v>43388.125</v>
      </c>
      <c r="D6893">
        <v>177667.12340000001</v>
      </c>
      <c r="E6893">
        <v>12231.385190000001</v>
      </c>
      <c r="F6893">
        <v>49632.693590000003</v>
      </c>
      <c r="G6893">
        <v>31623.838029999999</v>
      </c>
      <c r="H6893">
        <v>33069.835870000003</v>
      </c>
      <c r="I6893">
        <v>15163.05925</v>
      </c>
      <c r="J6893">
        <v>26361.518769999999</v>
      </c>
      <c r="K6893">
        <v>41062.870770000001</v>
      </c>
      <c r="L6893">
        <v>17095.888429999999</v>
      </c>
      <c r="M6893">
        <v>227674.99650000001</v>
      </c>
      <c r="N6893">
        <v>66009.294049999997</v>
      </c>
      <c r="O6893">
        <v>17315.17714</v>
      </c>
      <c r="P6893">
        <v>22864.49397</v>
      </c>
      <c r="Q6893">
        <v>71043.839160000003</v>
      </c>
      <c r="R6893">
        <v>16442.27909</v>
      </c>
      <c r="S6893">
        <v>70925.99381</v>
      </c>
      <c r="T6893">
        <v>22481.128420000001</v>
      </c>
      <c r="U6893">
        <v>11188.41741</v>
      </c>
      <c r="W6893" s="83">
        <f>Bühler!N6925</f>
        <v>45579.124999983287</v>
      </c>
      <c r="X6893" s="83">
        <v>43388.125</v>
      </c>
      <c r="Y6893">
        <v>177667.12340000001</v>
      </c>
      <c r="Z6893">
        <v>12231.385190000001</v>
      </c>
      <c r="AA6893">
        <v>49632.693590000003</v>
      </c>
      <c r="AB6893">
        <v>31623.838029999999</v>
      </c>
      <c r="AC6893">
        <v>33069.835870000003</v>
      </c>
      <c r="AD6893">
        <v>15163.05925</v>
      </c>
      <c r="AE6893">
        <v>26361.518769999999</v>
      </c>
      <c r="AF6893">
        <v>41062.870770000001</v>
      </c>
      <c r="AG6893">
        <v>17095.888429999999</v>
      </c>
      <c r="AH6893">
        <v>227674.99650000001</v>
      </c>
      <c r="AI6893">
        <v>66009.294049999997</v>
      </c>
      <c r="AJ6893">
        <v>17315.17714</v>
      </c>
      <c r="AK6893">
        <v>22864.49397</v>
      </c>
      <c r="AL6893">
        <v>71043.839160000003</v>
      </c>
      <c r="AM6893">
        <v>16442.27909</v>
      </c>
      <c r="AN6893">
        <v>70925.99381</v>
      </c>
      <c r="AO6893">
        <v>22481.128420000001</v>
      </c>
      <c r="AP6893">
        <v>11188.41741</v>
      </c>
    </row>
    <row r="6894" spans="2:42" x14ac:dyDescent="0.3">
      <c r="B6894">
        <v>47.557292063439832</v>
      </c>
      <c r="C6894" s="83">
        <v>43388.166666666664</v>
      </c>
      <c r="D6894">
        <v>188976.48989999999</v>
      </c>
      <c r="E6894">
        <v>12985.51433</v>
      </c>
      <c r="F6894">
        <v>53262.335019999999</v>
      </c>
      <c r="G6894">
        <v>31469.52593</v>
      </c>
      <c r="H6894">
        <v>34238.602160000002</v>
      </c>
      <c r="I6894">
        <v>17691.713670000001</v>
      </c>
      <c r="J6894">
        <v>27964.65626</v>
      </c>
      <c r="K6894">
        <v>40858.912900000003</v>
      </c>
      <c r="L6894">
        <v>16804.882239999999</v>
      </c>
      <c r="M6894">
        <v>242469.25289999999</v>
      </c>
      <c r="N6894">
        <v>65124.953399999999</v>
      </c>
      <c r="O6894">
        <v>17790.77882</v>
      </c>
      <c r="P6894">
        <v>22928.774310000001</v>
      </c>
      <c r="Q6894">
        <v>77628.403219999993</v>
      </c>
      <c r="R6894">
        <v>16443.71962</v>
      </c>
      <c r="S6894">
        <v>71569.986510000002</v>
      </c>
      <c r="T6894">
        <v>22517.43965</v>
      </c>
      <c r="U6894">
        <v>11986.366840000001</v>
      </c>
      <c r="W6894" s="83">
        <f>Bühler!N6926</f>
        <v>45579.166666649951</v>
      </c>
      <c r="X6894" s="83">
        <v>43388.166666666664</v>
      </c>
      <c r="Y6894">
        <v>188976.48989999999</v>
      </c>
      <c r="Z6894">
        <v>12985.51433</v>
      </c>
      <c r="AA6894">
        <v>53262.335019999999</v>
      </c>
      <c r="AB6894">
        <v>31469.52593</v>
      </c>
      <c r="AC6894">
        <v>34238.602160000002</v>
      </c>
      <c r="AD6894">
        <v>17691.713670000001</v>
      </c>
      <c r="AE6894">
        <v>27964.65626</v>
      </c>
      <c r="AF6894">
        <v>40858.912900000003</v>
      </c>
      <c r="AG6894">
        <v>16804.882239999999</v>
      </c>
      <c r="AH6894">
        <v>242469.25289999999</v>
      </c>
      <c r="AI6894">
        <v>65124.953399999999</v>
      </c>
      <c r="AJ6894">
        <v>17790.77882</v>
      </c>
      <c r="AK6894">
        <v>22928.774310000001</v>
      </c>
      <c r="AL6894">
        <v>77628.403219999993</v>
      </c>
      <c r="AM6894">
        <v>16443.71962</v>
      </c>
      <c r="AN6894">
        <v>71569.986510000002</v>
      </c>
      <c r="AO6894">
        <v>22517.43965</v>
      </c>
      <c r="AP6894">
        <v>11986.366840000001</v>
      </c>
    </row>
    <row r="6895" spans="2:42" x14ac:dyDescent="0.3">
      <c r="B6895">
        <v>53.159664715182011</v>
      </c>
      <c r="C6895" s="83">
        <v>43388.208333333336</v>
      </c>
      <c r="D6895">
        <v>220879.05929999999</v>
      </c>
      <c r="E6895">
        <v>15327.397360000001</v>
      </c>
      <c r="F6895">
        <v>64981.443189999998</v>
      </c>
      <c r="G6895">
        <v>33801.257919999996</v>
      </c>
      <c r="H6895">
        <v>36288.30805</v>
      </c>
      <c r="I6895">
        <v>25210.0164</v>
      </c>
      <c r="J6895">
        <v>30850.679550000001</v>
      </c>
      <c r="K6895">
        <v>44077.314160000002</v>
      </c>
      <c r="L6895">
        <v>16940.9215</v>
      </c>
      <c r="M6895">
        <v>271032.76130000001</v>
      </c>
      <c r="N6895">
        <v>67954.966</v>
      </c>
      <c r="O6895">
        <v>18978.546340000001</v>
      </c>
      <c r="P6895">
        <v>23993.89287</v>
      </c>
      <c r="Q6895">
        <v>83503.034230000005</v>
      </c>
      <c r="R6895">
        <v>17401.898239999999</v>
      </c>
      <c r="S6895">
        <v>74764.535229999994</v>
      </c>
      <c r="T6895">
        <v>23895.153839999999</v>
      </c>
      <c r="U6895">
        <v>13961.02362</v>
      </c>
      <c r="W6895" s="83">
        <f>Bühler!N6927</f>
        <v>45579.208333316616</v>
      </c>
      <c r="X6895" s="83">
        <v>43388.208333333336</v>
      </c>
      <c r="Y6895">
        <v>220879.05929999999</v>
      </c>
      <c r="Z6895">
        <v>15327.397360000001</v>
      </c>
      <c r="AA6895">
        <v>64981.443189999998</v>
      </c>
      <c r="AB6895">
        <v>33801.257919999996</v>
      </c>
      <c r="AC6895">
        <v>36288.30805</v>
      </c>
      <c r="AD6895">
        <v>25210.0164</v>
      </c>
      <c r="AE6895">
        <v>30850.679550000001</v>
      </c>
      <c r="AF6895">
        <v>44077.314160000002</v>
      </c>
      <c r="AG6895">
        <v>16940.9215</v>
      </c>
      <c r="AH6895">
        <v>271032.76130000001</v>
      </c>
      <c r="AI6895">
        <v>67954.966</v>
      </c>
      <c r="AJ6895">
        <v>18978.546340000001</v>
      </c>
      <c r="AK6895">
        <v>23993.89287</v>
      </c>
      <c r="AL6895">
        <v>83503.034230000005</v>
      </c>
      <c r="AM6895">
        <v>17401.898239999999</v>
      </c>
      <c r="AN6895">
        <v>74764.535229999994</v>
      </c>
      <c r="AO6895">
        <v>23895.153839999999</v>
      </c>
      <c r="AP6895">
        <v>13961.02362</v>
      </c>
    </row>
    <row r="6896" spans="2:42" x14ac:dyDescent="0.3">
      <c r="B6896">
        <v>58.6501986566619</v>
      </c>
      <c r="C6896" s="83">
        <v>43388.25</v>
      </c>
      <c r="D6896">
        <v>247657.81830000001</v>
      </c>
      <c r="E6896">
        <v>19479.057290000001</v>
      </c>
      <c r="F6896">
        <v>78470.330889999997</v>
      </c>
      <c r="G6896">
        <v>46153.778299999998</v>
      </c>
      <c r="H6896">
        <v>40315.118470000001</v>
      </c>
      <c r="I6896">
        <v>32237.617010000002</v>
      </c>
      <c r="J6896">
        <v>34488.580690000003</v>
      </c>
      <c r="K6896">
        <v>46587.239880000001</v>
      </c>
      <c r="L6896">
        <v>19299.21427</v>
      </c>
      <c r="M6896">
        <v>299026.0638</v>
      </c>
      <c r="N6896">
        <v>74242.294399999999</v>
      </c>
      <c r="O6896">
        <v>20074.674029999998</v>
      </c>
      <c r="P6896">
        <v>25434.571479999999</v>
      </c>
      <c r="Q6896">
        <v>89027.146900000007</v>
      </c>
      <c r="R6896">
        <v>17893.20304</v>
      </c>
      <c r="S6896">
        <v>84205.688829999999</v>
      </c>
      <c r="T6896">
        <v>26733.577379999999</v>
      </c>
      <c r="U6896">
        <v>16932.700529999998</v>
      </c>
      <c r="W6896" s="83">
        <f>Bühler!N6928</f>
        <v>45579.24999998328</v>
      </c>
      <c r="X6896" s="83">
        <v>43388.25</v>
      </c>
      <c r="Y6896">
        <v>247657.81830000001</v>
      </c>
      <c r="Z6896">
        <v>19479.057290000001</v>
      </c>
      <c r="AA6896">
        <v>78470.330889999997</v>
      </c>
      <c r="AB6896">
        <v>46153.778299999998</v>
      </c>
      <c r="AC6896">
        <v>40315.118470000001</v>
      </c>
      <c r="AD6896">
        <v>32237.617010000002</v>
      </c>
      <c r="AE6896">
        <v>34488.580690000003</v>
      </c>
      <c r="AF6896">
        <v>46587.239880000001</v>
      </c>
      <c r="AG6896">
        <v>19299.21427</v>
      </c>
      <c r="AH6896">
        <v>299026.0638</v>
      </c>
      <c r="AI6896">
        <v>74242.294399999999</v>
      </c>
      <c r="AJ6896">
        <v>20074.674029999998</v>
      </c>
      <c r="AK6896">
        <v>25434.571479999999</v>
      </c>
      <c r="AL6896">
        <v>89027.146900000007</v>
      </c>
      <c r="AM6896">
        <v>17893.20304</v>
      </c>
      <c r="AN6896">
        <v>84205.688829999999</v>
      </c>
      <c r="AO6896">
        <v>26733.577379999999</v>
      </c>
      <c r="AP6896">
        <v>16932.700529999998</v>
      </c>
    </row>
    <row r="6897" spans="2:42" x14ac:dyDescent="0.3">
      <c r="B6897">
        <v>61.94066321498341</v>
      </c>
      <c r="C6897" s="83">
        <v>43388.291666666664</v>
      </c>
      <c r="D6897">
        <v>266955.12119999999</v>
      </c>
      <c r="E6897">
        <v>24464.544300000001</v>
      </c>
      <c r="F6897">
        <v>82750.277340000001</v>
      </c>
      <c r="G6897">
        <v>60671.688909999997</v>
      </c>
      <c r="H6897">
        <v>46327.572690000001</v>
      </c>
      <c r="I6897">
        <v>40858.095939999999</v>
      </c>
      <c r="J6897">
        <v>36324.698629999999</v>
      </c>
      <c r="K6897">
        <v>51412.30156</v>
      </c>
      <c r="L6897">
        <v>23198.705959999999</v>
      </c>
      <c r="M6897">
        <v>315802.38660000003</v>
      </c>
      <c r="N6897">
        <v>80486.771129999994</v>
      </c>
      <c r="O6897">
        <v>22880.16891</v>
      </c>
      <c r="P6897">
        <v>28761.220259999998</v>
      </c>
      <c r="Q6897">
        <v>89863.068029999995</v>
      </c>
      <c r="R6897">
        <v>21272.7641</v>
      </c>
      <c r="S6897">
        <v>100992.7853</v>
      </c>
      <c r="T6897">
        <v>29173.070540000001</v>
      </c>
      <c r="U6897">
        <v>22475.453689999998</v>
      </c>
      <c r="W6897" s="83">
        <f>Bühler!N6929</f>
        <v>45579.291666649944</v>
      </c>
      <c r="X6897" s="83">
        <v>43388.291666666664</v>
      </c>
      <c r="Y6897">
        <v>266955.12119999999</v>
      </c>
      <c r="Z6897">
        <v>24464.544300000001</v>
      </c>
      <c r="AA6897">
        <v>82750.277340000001</v>
      </c>
      <c r="AB6897">
        <v>60671.688909999997</v>
      </c>
      <c r="AC6897">
        <v>46327.572690000001</v>
      </c>
      <c r="AD6897">
        <v>40858.095939999999</v>
      </c>
      <c r="AE6897">
        <v>36324.698629999999</v>
      </c>
      <c r="AF6897">
        <v>51412.30156</v>
      </c>
      <c r="AG6897">
        <v>23198.705959999999</v>
      </c>
      <c r="AH6897">
        <v>315802.38660000003</v>
      </c>
      <c r="AI6897">
        <v>80486.771129999994</v>
      </c>
      <c r="AJ6897">
        <v>22880.16891</v>
      </c>
      <c r="AK6897">
        <v>28761.220259999998</v>
      </c>
      <c r="AL6897">
        <v>89863.068029999995</v>
      </c>
      <c r="AM6897">
        <v>21272.7641</v>
      </c>
      <c r="AN6897">
        <v>100992.7853</v>
      </c>
      <c r="AO6897">
        <v>29173.070540000001</v>
      </c>
      <c r="AP6897">
        <v>22475.453689999998</v>
      </c>
    </row>
    <row r="6898" spans="2:42" x14ac:dyDescent="0.3">
      <c r="B6898">
        <v>64.149783241395085</v>
      </c>
      <c r="C6898" s="83">
        <v>43388.333333333336</v>
      </c>
      <c r="D6898">
        <v>285325.94650000002</v>
      </c>
      <c r="E6898">
        <v>30194.12674</v>
      </c>
      <c r="F6898">
        <v>88686.301349999994</v>
      </c>
      <c r="G6898">
        <v>78172.36</v>
      </c>
      <c r="H6898">
        <v>51191.2889</v>
      </c>
      <c r="I6898">
        <v>44604.381110000002</v>
      </c>
      <c r="J6898">
        <v>36826.58973</v>
      </c>
      <c r="K6898">
        <v>58127.915130000001</v>
      </c>
      <c r="L6898">
        <v>25246.643169999999</v>
      </c>
      <c r="M6898">
        <v>327065.51069999998</v>
      </c>
      <c r="N6898">
        <v>88116.797030000002</v>
      </c>
      <c r="O6898">
        <v>24675.845239999999</v>
      </c>
      <c r="P6898">
        <v>31036.666379999999</v>
      </c>
      <c r="Q6898">
        <v>91187.496010000003</v>
      </c>
      <c r="R6898">
        <v>22199.211230000001</v>
      </c>
      <c r="S6898">
        <v>114289.8342</v>
      </c>
      <c r="T6898">
        <v>32525.593430000001</v>
      </c>
      <c r="U6898">
        <v>26517.990829999999</v>
      </c>
      <c r="W6898" s="83">
        <f>Bühler!N6930</f>
        <v>45579.333333316608</v>
      </c>
      <c r="X6898" s="83">
        <v>43388.333333333336</v>
      </c>
      <c r="Y6898">
        <v>285325.94650000002</v>
      </c>
      <c r="Z6898">
        <v>30194.12674</v>
      </c>
      <c r="AA6898">
        <v>88686.301349999994</v>
      </c>
      <c r="AB6898">
        <v>78172.36</v>
      </c>
      <c r="AC6898">
        <v>51191.2889</v>
      </c>
      <c r="AD6898">
        <v>44604.381110000002</v>
      </c>
      <c r="AE6898">
        <v>36826.58973</v>
      </c>
      <c r="AF6898">
        <v>58127.915130000001</v>
      </c>
      <c r="AG6898">
        <v>25246.643169999999</v>
      </c>
      <c r="AH6898">
        <v>327065.51069999998</v>
      </c>
      <c r="AI6898">
        <v>88116.797030000002</v>
      </c>
      <c r="AJ6898">
        <v>24675.845239999999</v>
      </c>
      <c r="AK6898">
        <v>31036.666379999999</v>
      </c>
      <c r="AL6898">
        <v>91187.496010000003</v>
      </c>
      <c r="AM6898">
        <v>22199.211230000001</v>
      </c>
      <c r="AN6898">
        <v>114289.8342</v>
      </c>
      <c r="AO6898">
        <v>32525.593430000001</v>
      </c>
      <c r="AP6898">
        <v>26517.990829999999</v>
      </c>
    </row>
    <row r="6899" spans="2:42" x14ac:dyDescent="0.3">
      <c r="B6899">
        <v>64.877256887632271</v>
      </c>
      <c r="C6899" s="83">
        <v>43388.375</v>
      </c>
      <c r="D6899">
        <v>288527.92460000003</v>
      </c>
      <c r="E6899">
        <v>33968.300810000001</v>
      </c>
      <c r="F6899">
        <v>94608.726649999997</v>
      </c>
      <c r="G6899">
        <v>89288.902340000001</v>
      </c>
      <c r="H6899">
        <v>54614.890579999999</v>
      </c>
      <c r="I6899">
        <v>42758.374259999997</v>
      </c>
      <c r="J6899">
        <v>36887.34001</v>
      </c>
      <c r="K6899">
        <v>61270.604449999999</v>
      </c>
      <c r="L6899">
        <v>27801.581859999998</v>
      </c>
      <c r="M6899">
        <v>330774.51059999998</v>
      </c>
      <c r="N6899">
        <v>89788.404439999998</v>
      </c>
      <c r="O6899">
        <v>25298.90855</v>
      </c>
      <c r="P6899">
        <v>32898.765890000002</v>
      </c>
      <c r="Q6899">
        <v>92483.836299999995</v>
      </c>
      <c r="R6899">
        <v>20644.516879999999</v>
      </c>
      <c r="S6899">
        <v>121929.9391</v>
      </c>
      <c r="T6899">
        <v>35141.461510000001</v>
      </c>
      <c r="U6899">
        <v>26214.03758</v>
      </c>
      <c r="W6899" s="83">
        <f>Bühler!N6931</f>
        <v>45579.374999983273</v>
      </c>
      <c r="X6899" s="83">
        <v>43388.375</v>
      </c>
      <c r="Y6899">
        <v>288527.92460000003</v>
      </c>
      <c r="Z6899">
        <v>33968.300810000001</v>
      </c>
      <c r="AA6899">
        <v>94608.726649999997</v>
      </c>
      <c r="AB6899">
        <v>89288.902340000001</v>
      </c>
      <c r="AC6899">
        <v>54614.890579999999</v>
      </c>
      <c r="AD6899">
        <v>42758.374259999997</v>
      </c>
      <c r="AE6899">
        <v>36887.34001</v>
      </c>
      <c r="AF6899">
        <v>61270.604449999999</v>
      </c>
      <c r="AG6899">
        <v>27801.581859999998</v>
      </c>
      <c r="AH6899">
        <v>330774.51059999998</v>
      </c>
      <c r="AI6899">
        <v>89788.404439999998</v>
      </c>
      <c r="AJ6899">
        <v>25298.90855</v>
      </c>
      <c r="AK6899">
        <v>32898.765890000002</v>
      </c>
      <c r="AL6899">
        <v>92483.836299999995</v>
      </c>
      <c r="AM6899">
        <v>20644.516879999999</v>
      </c>
      <c r="AN6899">
        <v>121929.9391</v>
      </c>
      <c r="AO6899">
        <v>35141.461510000001</v>
      </c>
      <c r="AP6899">
        <v>26214.03758</v>
      </c>
    </row>
    <row r="6900" spans="2:42" x14ac:dyDescent="0.3">
      <c r="B6900">
        <v>64.047226047735265</v>
      </c>
      <c r="C6900" s="83">
        <v>43388.416666666664</v>
      </c>
      <c r="D6900">
        <v>291857.8958</v>
      </c>
      <c r="E6900">
        <v>35371.893709999997</v>
      </c>
      <c r="F6900">
        <v>94237.182790000006</v>
      </c>
      <c r="G6900">
        <v>92621.307090000002</v>
      </c>
      <c r="H6900">
        <v>54810.787089999998</v>
      </c>
      <c r="I6900">
        <v>40141.24224</v>
      </c>
      <c r="J6900">
        <v>36184.874409999997</v>
      </c>
      <c r="K6900">
        <v>61573.19556</v>
      </c>
      <c r="L6900">
        <v>30041.887460000002</v>
      </c>
      <c r="M6900">
        <v>326542.6263</v>
      </c>
      <c r="N6900">
        <v>93026.94184</v>
      </c>
      <c r="O6900">
        <v>25799.289229999998</v>
      </c>
      <c r="P6900">
        <v>33919.236709999997</v>
      </c>
      <c r="Q6900">
        <v>94289.878490000003</v>
      </c>
      <c r="R6900">
        <v>21128.95232</v>
      </c>
      <c r="S6900">
        <v>122391.364</v>
      </c>
      <c r="T6900">
        <v>36682.403400000003</v>
      </c>
      <c r="U6900">
        <v>26368.9097</v>
      </c>
      <c r="W6900" s="83">
        <f>Bühler!N6932</f>
        <v>45579.416666649937</v>
      </c>
      <c r="X6900" s="83">
        <v>43388.416666666664</v>
      </c>
      <c r="Y6900">
        <v>291857.8958</v>
      </c>
      <c r="Z6900">
        <v>35371.893709999997</v>
      </c>
      <c r="AA6900">
        <v>94237.182790000006</v>
      </c>
      <c r="AB6900">
        <v>92621.307090000002</v>
      </c>
      <c r="AC6900">
        <v>54810.787089999998</v>
      </c>
      <c r="AD6900">
        <v>40141.24224</v>
      </c>
      <c r="AE6900">
        <v>36184.874409999997</v>
      </c>
      <c r="AF6900">
        <v>61573.19556</v>
      </c>
      <c r="AG6900">
        <v>30041.887460000002</v>
      </c>
      <c r="AH6900">
        <v>326542.6263</v>
      </c>
      <c r="AI6900">
        <v>93026.94184</v>
      </c>
      <c r="AJ6900">
        <v>25799.289229999998</v>
      </c>
      <c r="AK6900">
        <v>33919.236709999997</v>
      </c>
      <c r="AL6900">
        <v>94289.878490000003</v>
      </c>
      <c r="AM6900">
        <v>21128.95232</v>
      </c>
      <c r="AN6900">
        <v>122391.364</v>
      </c>
      <c r="AO6900">
        <v>36682.403400000003</v>
      </c>
      <c r="AP6900">
        <v>26368.9097</v>
      </c>
    </row>
    <row r="6901" spans="2:42" x14ac:dyDescent="0.3">
      <c r="B6901">
        <v>64.656938222241394</v>
      </c>
      <c r="C6901" s="83">
        <v>43388.458333333336</v>
      </c>
      <c r="D6901">
        <v>291175.06800000003</v>
      </c>
      <c r="E6901">
        <v>35004.062279999998</v>
      </c>
      <c r="F6901">
        <v>94099.350349999993</v>
      </c>
      <c r="G6901">
        <v>91058.401840000006</v>
      </c>
      <c r="H6901">
        <v>53942.746350000001</v>
      </c>
      <c r="I6901">
        <v>38794.21344</v>
      </c>
      <c r="J6901">
        <v>35349.028140000002</v>
      </c>
      <c r="K6901">
        <v>62599.537859999997</v>
      </c>
      <c r="L6901">
        <v>30795.21614</v>
      </c>
      <c r="M6901">
        <v>329651.22330000001</v>
      </c>
      <c r="N6901">
        <v>92146.736000000004</v>
      </c>
      <c r="O6901">
        <v>25857.136559999999</v>
      </c>
      <c r="P6901">
        <v>31913.651399999999</v>
      </c>
      <c r="Q6901">
        <v>93481.916939999996</v>
      </c>
      <c r="R6901">
        <v>24385.23833</v>
      </c>
      <c r="S6901">
        <v>123600.6159</v>
      </c>
      <c r="T6901">
        <v>36145.390549999996</v>
      </c>
      <c r="U6901">
        <v>25370.21502</v>
      </c>
      <c r="W6901" s="83">
        <f>Bühler!N6933</f>
        <v>45579.458333316601</v>
      </c>
      <c r="X6901" s="83">
        <v>43388.458333333336</v>
      </c>
      <c r="Y6901">
        <v>291175.06800000003</v>
      </c>
      <c r="Z6901">
        <v>35004.062279999998</v>
      </c>
      <c r="AA6901">
        <v>94099.350349999993</v>
      </c>
      <c r="AB6901">
        <v>91058.401840000006</v>
      </c>
      <c r="AC6901">
        <v>53942.746350000001</v>
      </c>
      <c r="AD6901">
        <v>38794.21344</v>
      </c>
      <c r="AE6901">
        <v>35349.028140000002</v>
      </c>
      <c r="AF6901">
        <v>62599.537859999997</v>
      </c>
      <c r="AG6901">
        <v>30795.21614</v>
      </c>
      <c r="AH6901">
        <v>329651.22330000001</v>
      </c>
      <c r="AI6901">
        <v>92146.736000000004</v>
      </c>
      <c r="AJ6901">
        <v>25857.136559999999</v>
      </c>
      <c r="AK6901">
        <v>31913.651399999999</v>
      </c>
      <c r="AL6901">
        <v>93481.916939999996</v>
      </c>
      <c r="AM6901">
        <v>24385.23833</v>
      </c>
      <c r="AN6901">
        <v>123600.6159</v>
      </c>
      <c r="AO6901">
        <v>36145.390549999996</v>
      </c>
      <c r="AP6901">
        <v>25370.21502</v>
      </c>
    </row>
    <row r="6902" spans="2:42" x14ac:dyDescent="0.3">
      <c r="B6902">
        <v>63.992372395432298</v>
      </c>
      <c r="C6902" s="83">
        <v>43388.5</v>
      </c>
      <c r="D6902">
        <v>281139.0675</v>
      </c>
      <c r="E6902">
        <v>32163.48142</v>
      </c>
      <c r="F6902">
        <v>88656.706919999997</v>
      </c>
      <c r="G6902">
        <v>88264.190709999995</v>
      </c>
      <c r="H6902">
        <v>51076.553630000002</v>
      </c>
      <c r="I6902">
        <v>36973.996209999998</v>
      </c>
      <c r="J6902">
        <v>34820.900289999998</v>
      </c>
      <c r="K6902">
        <v>58109.64718</v>
      </c>
      <c r="L6902">
        <v>32408.899219999999</v>
      </c>
      <c r="M6902">
        <v>326262.95679999999</v>
      </c>
      <c r="N6902">
        <v>88544.775670000003</v>
      </c>
      <c r="O6902">
        <v>25009.300299999999</v>
      </c>
      <c r="P6902">
        <v>32600.195650000001</v>
      </c>
      <c r="Q6902">
        <v>92289.83193</v>
      </c>
      <c r="R6902">
        <v>24753.585510000001</v>
      </c>
      <c r="S6902">
        <v>116772.3933</v>
      </c>
      <c r="T6902">
        <v>35726.136599999998</v>
      </c>
      <c r="U6902">
        <v>20261.94486</v>
      </c>
      <c r="W6902" s="83">
        <f>Bühler!N6934</f>
        <v>45579.499999983265</v>
      </c>
      <c r="X6902" s="83">
        <v>43388.5</v>
      </c>
      <c r="Y6902">
        <v>281139.0675</v>
      </c>
      <c r="Z6902">
        <v>32163.48142</v>
      </c>
      <c r="AA6902">
        <v>88656.706919999997</v>
      </c>
      <c r="AB6902">
        <v>88264.190709999995</v>
      </c>
      <c r="AC6902">
        <v>51076.553630000002</v>
      </c>
      <c r="AD6902">
        <v>36973.996209999998</v>
      </c>
      <c r="AE6902">
        <v>34820.900289999998</v>
      </c>
      <c r="AF6902">
        <v>58109.64718</v>
      </c>
      <c r="AG6902">
        <v>32408.899219999999</v>
      </c>
      <c r="AH6902">
        <v>326262.95679999999</v>
      </c>
      <c r="AI6902">
        <v>88544.775670000003</v>
      </c>
      <c r="AJ6902">
        <v>25009.300299999999</v>
      </c>
      <c r="AK6902">
        <v>32600.195650000001</v>
      </c>
      <c r="AL6902">
        <v>92289.83193</v>
      </c>
      <c r="AM6902">
        <v>24753.585510000001</v>
      </c>
      <c r="AN6902">
        <v>116772.3933</v>
      </c>
      <c r="AO6902">
        <v>35726.136599999998</v>
      </c>
      <c r="AP6902">
        <v>20261.94486</v>
      </c>
    </row>
    <row r="6903" spans="2:42" x14ac:dyDescent="0.3">
      <c r="B6903">
        <v>63.940753892465182</v>
      </c>
      <c r="C6903" s="83">
        <v>43388.541666666664</v>
      </c>
      <c r="D6903">
        <v>283323.76679999998</v>
      </c>
      <c r="E6903">
        <v>31982.167740000001</v>
      </c>
      <c r="F6903">
        <v>85750.418520000007</v>
      </c>
      <c r="G6903">
        <v>85392.652950000003</v>
      </c>
      <c r="H6903">
        <v>51791.041899999997</v>
      </c>
      <c r="I6903">
        <v>36593.29595</v>
      </c>
      <c r="J6903">
        <v>33614.700570000001</v>
      </c>
      <c r="K6903">
        <v>61031.627410000001</v>
      </c>
      <c r="L6903">
        <v>30437.899010000001</v>
      </c>
      <c r="M6903">
        <v>325999.78159999999</v>
      </c>
      <c r="N6903">
        <v>89575.933449999997</v>
      </c>
      <c r="O6903">
        <v>24741.1453</v>
      </c>
      <c r="P6903">
        <v>31850.391810000001</v>
      </c>
      <c r="Q6903">
        <v>93861.15814</v>
      </c>
      <c r="R6903">
        <v>25389.681349999999</v>
      </c>
      <c r="S6903">
        <v>114545.9433</v>
      </c>
      <c r="T6903">
        <v>34998.874799999998</v>
      </c>
      <c r="U6903">
        <v>22244.740180000001</v>
      </c>
      <c r="W6903" s="83">
        <f>Bühler!N6935</f>
        <v>45579.54166664993</v>
      </c>
      <c r="X6903" s="83">
        <v>43388.541666666664</v>
      </c>
      <c r="Y6903">
        <v>283323.76679999998</v>
      </c>
      <c r="Z6903">
        <v>31982.167740000001</v>
      </c>
      <c r="AA6903">
        <v>85750.418520000007</v>
      </c>
      <c r="AB6903">
        <v>85392.652950000003</v>
      </c>
      <c r="AC6903">
        <v>51791.041899999997</v>
      </c>
      <c r="AD6903">
        <v>36593.29595</v>
      </c>
      <c r="AE6903">
        <v>33614.700570000001</v>
      </c>
      <c r="AF6903">
        <v>61031.627410000001</v>
      </c>
      <c r="AG6903">
        <v>30437.899010000001</v>
      </c>
      <c r="AH6903">
        <v>325999.78159999999</v>
      </c>
      <c r="AI6903">
        <v>89575.933449999997</v>
      </c>
      <c r="AJ6903">
        <v>24741.1453</v>
      </c>
      <c r="AK6903">
        <v>31850.391810000001</v>
      </c>
      <c r="AL6903">
        <v>93861.15814</v>
      </c>
      <c r="AM6903">
        <v>25389.681349999999</v>
      </c>
      <c r="AN6903">
        <v>114545.9433</v>
      </c>
      <c r="AO6903">
        <v>34998.874799999998</v>
      </c>
      <c r="AP6903">
        <v>22244.740180000001</v>
      </c>
    </row>
    <row r="6904" spans="2:42" x14ac:dyDescent="0.3">
      <c r="B6904">
        <v>63.818881105959413</v>
      </c>
      <c r="C6904" s="83">
        <v>43388.583333333336</v>
      </c>
      <c r="D6904">
        <v>286779.5552</v>
      </c>
      <c r="E6904">
        <v>34215.297899999998</v>
      </c>
      <c r="F6904">
        <v>92960.859580000004</v>
      </c>
      <c r="G6904">
        <v>80488.997730000003</v>
      </c>
      <c r="H6904">
        <v>51065.137029999998</v>
      </c>
      <c r="I6904">
        <v>36526.703099999999</v>
      </c>
      <c r="J6904">
        <v>33543.041169999997</v>
      </c>
      <c r="K6904">
        <v>62965.958120000003</v>
      </c>
      <c r="L6904">
        <v>27879.384160000001</v>
      </c>
      <c r="M6904">
        <v>325378.41729999997</v>
      </c>
      <c r="N6904">
        <v>91140.905369999993</v>
      </c>
      <c r="O6904">
        <v>24212.380969999998</v>
      </c>
      <c r="P6904">
        <v>28479.195629999998</v>
      </c>
      <c r="Q6904">
        <v>93687.225189999997</v>
      </c>
      <c r="R6904">
        <v>24259.631150000001</v>
      </c>
      <c r="S6904">
        <v>110174.0301</v>
      </c>
      <c r="T6904">
        <v>33326.37844</v>
      </c>
      <c r="U6904">
        <v>23047.796350000001</v>
      </c>
      <c r="W6904" s="83">
        <f>Bühler!N6936</f>
        <v>45579.583333316594</v>
      </c>
      <c r="X6904" s="83">
        <v>43388.583333333336</v>
      </c>
      <c r="Y6904">
        <v>286779.5552</v>
      </c>
      <c r="Z6904">
        <v>34215.297899999998</v>
      </c>
      <c r="AA6904">
        <v>92960.859580000004</v>
      </c>
      <c r="AB6904">
        <v>80488.997730000003</v>
      </c>
      <c r="AC6904">
        <v>51065.137029999998</v>
      </c>
      <c r="AD6904">
        <v>36526.703099999999</v>
      </c>
      <c r="AE6904">
        <v>33543.041169999997</v>
      </c>
      <c r="AF6904">
        <v>62965.958120000003</v>
      </c>
      <c r="AG6904">
        <v>27879.384160000001</v>
      </c>
      <c r="AH6904">
        <v>325378.41729999997</v>
      </c>
      <c r="AI6904">
        <v>91140.905369999993</v>
      </c>
      <c r="AJ6904">
        <v>24212.380969999998</v>
      </c>
      <c r="AK6904">
        <v>28479.195629999998</v>
      </c>
      <c r="AL6904">
        <v>93687.225189999997</v>
      </c>
      <c r="AM6904">
        <v>24259.631150000001</v>
      </c>
      <c r="AN6904">
        <v>110174.0301</v>
      </c>
      <c r="AO6904">
        <v>33326.37844</v>
      </c>
      <c r="AP6904">
        <v>23047.796350000001</v>
      </c>
    </row>
    <row r="6905" spans="2:42" x14ac:dyDescent="0.3">
      <c r="B6905">
        <v>63.060637383099582</v>
      </c>
      <c r="C6905" s="83">
        <v>43388.625</v>
      </c>
      <c r="D6905">
        <v>284785.22499999998</v>
      </c>
      <c r="E6905">
        <v>33772.698109999998</v>
      </c>
      <c r="F6905">
        <v>94106.985350000003</v>
      </c>
      <c r="G6905">
        <v>76978.216870000004</v>
      </c>
      <c r="H6905">
        <v>49567.992879999998</v>
      </c>
      <c r="I6905">
        <v>36822.015780000002</v>
      </c>
      <c r="J6905">
        <v>33066.524689999998</v>
      </c>
      <c r="K6905">
        <v>61300.779289999999</v>
      </c>
      <c r="L6905">
        <v>24826.70622</v>
      </c>
      <c r="M6905">
        <v>321512.53720000002</v>
      </c>
      <c r="N6905">
        <v>87371.045299999998</v>
      </c>
      <c r="O6905">
        <v>24086.412840000001</v>
      </c>
      <c r="P6905">
        <v>26883.889469999998</v>
      </c>
      <c r="Q6905">
        <v>93398.901729999998</v>
      </c>
      <c r="R6905">
        <v>23154.207760000001</v>
      </c>
      <c r="S6905">
        <v>108416.7453</v>
      </c>
      <c r="T6905">
        <v>33190.66259</v>
      </c>
      <c r="U6905">
        <v>22019.034230000001</v>
      </c>
      <c r="W6905" s="83">
        <f>Bühler!N6937</f>
        <v>45579.624999983258</v>
      </c>
      <c r="X6905" s="83">
        <v>43388.625</v>
      </c>
      <c r="Y6905">
        <v>284785.22499999998</v>
      </c>
      <c r="Z6905">
        <v>33772.698109999998</v>
      </c>
      <c r="AA6905">
        <v>94106.985350000003</v>
      </c>
      <c r="AB6905">
        <v>76978.216870000004</v>
      </c>
      <c r="AC6905">
        <v>49567.992879999998</v>
      </c>
      <c r="AD6905">
        <v>36822.015780000002</v>
      </c>
      <c r="AE6905">
        <v>33066.524689999998</v>
      </c>
      <c r="AF6905">
        <v>61300.779289999999</v>
      </c>
      <c r="AG6905">
        <v>24826.70622</v>
      </c>
      <c r="AH6905">
        <v>321512.53720000002</v>
      </c>
      <c r="AI6905">
        <v>87371.045299999998</v>
      </c>
      <c r="AJ6905">
        <v>24086.412840000001</v>
      </c>
      <c r="AK6905">
        <v>26883.889469999998</v>
      </c>
      <c r="AL6905">
        <v>93398.901729999998</v>
      </c>
      <c r="AM6905">
        <v>23154.207760000001</v>
      </c>
      <c r="AN6905">
        <v>108416.7453</v>
      </c>
      <c r="AO6905">
        <v>33190.66259</v>
      </c>
      <c r="AP6905">
        <v>22019.034230000001</v>
      </c>
    </row>
    <row r="6906" spans="2:42" x14ac:dyDescent="0.3">
      <c r="B6906">
        <v>61.764501298877576</v>
      </c>
      <c r="C6906" s="83">
        <v>43388.666666666664</v>
      </c>
      <c r="D6906">
        <v>277819.63260000001</v>
      </c>
      <c r="E6906">
        <v>32848.659330000002</v>
      </c>
      <c r="F6906">
        <v>93214.839619999999</v>
      </c>
      <c r="G6906">
        <v>72719.147370000006</v>
      </c>
      <c r="H6906">
        <v>47882.812619999997</v>
      </c>
      <c r="I6906">
        <v>36975.197959999998</v>
      </c>
      <c r="J6906">
        <v>32776.907789999997</v>
      </c>
      <c r="K6906">
        <v>58096.415309999997</v>
      </c>
      <c r="L6906">
        <v>23224.75995</v>
      </c>
      <c r="M6906">
        <v>314904.23100000003</v>
      </c>
      <c r="N6906">
        <v>86338.726139999999</v>
      </c>
      <c r="O6906">
        <v>23422.408200000002</v>
      </c>
      <c r="P6906">
        <v>26593.87485</v>
      </c>
      <c r="Q6906">
        <v>93098.660709999996</v>
      </c>
      <c r="R6906">
        <v>23721.305469999999</v>
      </c>
      <c r="S6906">
        <v>104103.82249999999</v>
      </c>
      <c r="T6906">
        <v>32867.170969999999</v>
      </c>
      <c r="U6906">
        <v>20033.391919999998</v>
      </c>
      <c r="W6906" s="83">
        <f>Bühler!N6938</f>
        <v>45579.666666649922</v>
      </c>
      <c r="X6906" s="83">
        <v>43388.666666666664</v>
      </c>
      <c r="Y6906">
        <v>277819.63260000001</v>
      </c>
      <c r="Z6906">
        <v>32848.659330000002</v>
      </c>
      <c r="AA6906">
        <v>93214.839619999999</v>
      </c>
      <c r="AB6906">
        <v>72719.147370000006</v>
      </c>
      <c r="AC6906">
        <v>47882.812619999997</v>
      </c>
      <c r="AD6906">
        <v>36975.197959999998</v>
      </c>
      <c r="AE6906">
        <v>32776.907789999997</v>
      </c>
      <c r="AF6906">
        <v>58096.415309999997</v>
      </c>
      <c r="AG6906">
        <v>23224.75995</v>
      </c>
      <c r="AH6906">
        <v>314904.23100000003</v>
      </c>
      <c r="AI6906">
        <v>86338.726139999999</v>
      </c>
      <c r="AJ6906">
        <v>23422.408200000002</v>
      </c>
      <c r="AK6906">
        <v>26593.87485</v>
      </c>
      <c r="AL6906">
        <v>93098.660709999996</v>
      </c>
      <c r="AM6906">
        <v>23721.305469999999</v>
      </c>
      <c r="AN6906">
        <v>104103.82249999999</v>
      </c>
      <c r="AO6906">
        <v>32867.170969999999</v>
      </c>
      <c r="AP6906">
        <v>20033.391919999998</v>
      </c>
    </row>
    <row r="6907" spans="2:42" x14ac:dyDescent="0.3">
      <c r="B6907">
        <v>60.672913470945517</v>
      </c>
      <c r="C6907" s="83">
        <v>43388.708333333336</v>
      </c>
      <c r="D6907">
        <v>267814.34860000003</v>
      </c>
      <c r="E6907">
        <v>30921.73648</v>
      </c>
      <c r="F6907">
        <v>94009.803180000003</v>
      </c>
      <c r="G6907">
        <v>63948.740330000001</v>
      </c>
      <c r="H6907">
        <v>46248.304320000003</v>
      </c>
      <c r="I6907">
        <v>36722.670590000002</v>
      </c>
      <c r="J6907">
        <v>32404.173569999999</v>
      </c>
      <c r="K6907">
        <v>53243.93477</v>
      </c>
      <c r="L6907">
        <v>23782.759669999999</v>
      </c>
      <c r="M6907">
        <v>309338.80719999998</v>
      </c>
      <c r="N6907">
        <v>82715.933369999999</v>
      </c>
      <c r="O6907">
        <v>21691.16171</v>
      </c>
      <c r="P6907">
        <v>28616.118760000001</v>
      </c>
      <c r="Q6907">
        <v>91887.062059999997</v>
      </c>
      <c r="R6907">
        <v>21434.508089999999</v>
      </c>
      <c r="S6907">
        <v>101925.3049</v>
      </c>
      <c r="T6907">
        <v>32591.551510000001</v>
      </c>
      <c r="U6907">
        <v>17646.442760000002</v>
      </c>
      <c r="W6907" s="83">
        <f>Bühler!N6939</f>
        <v>45579.708333316587</v>
      </c>
      <c r="X6907" s="83">
        <v>43388.708333333336</v>
      </c>
      <c r="Y6907">
        <v>267814.34860000003</v>
      </c>
      <c r="Z6907">
        <v>30921.73648</v>
      </c>
      <c r="AA6907">
        <v>94009.803180000003</v>
      </c>
      <c r="AB6907">
        <v>63948.740330000001</v>
      </c>
      <c r="AC6907">
        <v>46248.304320000003</v>
      </c>
      <c r="AD6907">
        <v>36722.670590000002</v>
      </c>
      <c r="AE6907">
        <v>32404.173569999999</v>
      </c>
      <c r="AF6907">
        <v>53243.93477</v>
      </c>
      <c r="AG6907">
        <v>23782.759669999999</v>
      </c>
      <c r="AH6907">
        <v>309338.80719999998</v>
      </c>
      <c r="AI6907">
        <v>82715.933369999999</v>
      </c>
      <c r="AJ6907">
        <v>21691.16171</v>
      </c>
      <c r="AK6907">
        <v>28616.118760000001</v>
      </c>
      <c r="AL6907">
        <v>91887.062059999997</v>
      </c>
      <c r="AM6907">
        <v>21434.508089999999</v>
      </c>
      <c r="AN6907">
        <v>101925.3049</v>
      </c>
      <c r="AO6907">
        <v>32591.551510000001</v>
      </c>
      <c r="AP6907">
        <v>17646.442760000002</v>
      </c>
    </row>
    <row r="6908" spans="2:42" x14ac:dyDescent="0.3">
      <c r="B6908">
        <v>60.448554688660955</v>
      </c>
      <c r="C6908" s="83">
        <v>43388.75</v>
      </c>
      <c r="D6908">
        <v>261203.07670000001</v>
      </c>
      <c r="E6908">
        <v>28425.620029999998</v>
      </c>
      <c r="F6908">
        <v>91686.846229999996</v>
      </c>
      <c r="G6908">
        <v>53322.283810000001</v>
      </c>
      <c r="H6908">
        <v>43443.116609999997</v>
      </c>
      <c r="I6908">
        <v>36196.27145</v>
      </c>
      <c r="J6908">
        <v>33123.355609999999</v>
      </c>
      <c r="K6908">
        <v>50669.410470000003</v>
      </c>
      <c r="L6908">
        <v>25430.003860000001</v>
      </c>
      <c r="M6908">
        <v>308194.9215</v>
      </c>
      <c r="N6908">
        <v>79786.490300000005</v>
      </c>
      <c r="O6908">
        <v>20839.231390000001</v>
      </c>
      <c r="P6908">
        <v>31578.381359999999</v>
      </c>
      <c r="Q6908">
        <v>90250.068079999997</v>
      </c>
      <c r="R6908">
        <v>20738.81522</v>
      </c>
      <c r="S6908">
        <v>95444.642810000005</v>
      </c>
      <c r="T6908">
        <v>32636.46976</v>
      </c>
      <c r="U6908">
        <v>16300.808660000001</v>
      </c>
      <c r="W6908" s="83">
        <f>Bühler!N6940</f>
        <v>45579.749999983251</v>
      </c>
      <c r="X6908" s="83">
        <v>43388.75</v>
      </c>
      <c r="Y6908">
        <v>261203.07670000001</v>
      </c>
      <c r="Z6908">
        <v>28425.620029999998</v>
      </c>
      <c r="AA6908">
        <v>91686.846229999996</v>
      </c>
      <c r="AB6908">
        <v>53322.283810000001</v>
      </c>
      <c r="AC6908">
        <v>43443.116609999997</v>
      </c>
      <c r="AD6908">
        <v>36196.27145</v>
      </c>
      <c r="AE6908">
        <v>33123.355609999999</v>
      </c>
      <c r="AF6908">
        <v>50669.410470000003</v>
      </c>
      <c r="AG6908">
        <v>25430.003860000001</v>
      </c>
      <c r="AH6908">
        <v>308194.9215</v>
      </c>
      <c r="AI6908">
        <v>79786.490300000005</v>
      </c>
      <c r="AJ6908">
        <v>20839.231390000001</v>
      </c>
      <c r="AK6908">
        <v>31578.381359999999</v>
      </c>
      <c r="AL6908">
        <v>90250.068079999997</v>
      </c>
      <c r="AM6908">
        <v>20738.81522</v>
      </c>
      <c r="AN6908">
        <v>95444.642810000005</v>
      </c>
      <c r="AO6908">
        <v>32636.46976</v>
      </c>
      <c r="AP6908">
        <v>16300.808660000001</v>
      </c>
    </row>
    <row r="6909" spans="2:42" x14ac:dyDescent="0.3">
      <c r="B6909">
        <v>59.308708427016143</v>
      </c>
      <c r="C6909" s="83">
        <v>43388.791666666664</v>
      </c>
      <c r="D6909">
        <v>256942.52549999999</v>
      </c>
      <c r="E6909">
        <v>24087.89604</v>
      </c>
      <c r="F6909">
        <v>80317.592940000002</v>
      </c>
      <c r="G6909">
        <v>50432.633529999999</v>
      </c>
      <c r="H6909">
        <v>42936.144359999998</v>
      </c>
      <c r="I6909">
        <v>34847.384789999996</v>
      </c>
      <c r="J6909">
        <v>34713.206989999999</v>
      </c>
      <c r="K6909">
        <v>51179.453880000001</v>
      </c>
      <c r="L6909">
        <v>26848.70435</v>
      </c>
      <c r="M6909">
        <v>302383.45370000001</v>
      </c>
      <c r="N6909">
        <v>80159.348039999997</v>
      </c>
      <c r="O6909">
        <v>20926.932260000001</v>
      </c>
      <c r="P6909">
        <v>34810.949610000003</v>
      </c>
      <c r="Q6909">
        <v>88240.687099999996</v>
      </c>
      <c r="R6909">
        <v>20986.214550000001</v>
      </c>
      <c r="S6909">
        <v>94463.436539999995</v>
      </c>
      <c r="T6909">
        <v>33513.238100000002</v>
      </c>
      <c r="U6909">
        <v>15983.64978</v>
      </c>
      <c r="W6909" s="83">
        <f>Bühler!N6941</f>
        <v>45579.791666649915</v>
      </c>
      <c r="X6909" s="83">
        <v>43388.791666666664</v>
      </c>
      <c r="Y6909">
        <v>256942.52549999999</v>
      </c>
      <c r="Z6909">
        <v>24087.89604</v>
      </c>
      <c r="AA6909">
        <v>80317.592940000002</v>
      </c>
      <c r="AB6909">
        <v>50432.633529999999</v>
      </c>
      <c r="AC6909">
        <v>42936.144359999998</v>
      </c>
      <c r="AD6909">
        <v>34847.384789999996</v>
      </c>
      <c r="AE6909">
        <v>34713.206989999999</v>
      </c>
      <c r="AF6909">
        <v>51179.453880000001</v>
      </c>
      <c r="AG6909">
        <v>26848.70435</v>
      </c>
      <c r="AH6909">
        <v>302383.45370000001</v>
      </c>
      <c r="AI6909">
        <v>80159.348039999997</v>
      </c>
      <c r="AJ6909">
        <v>20926.932260000001</v>
      </c>
      <c r="AK6909">
        <v>34810.949610000003</v>
      </c>
      <c r="AL6909">
        <v>88240.687099999996</v>
      </c>
      <c r="AM6909">
        <v>20986.214550000001</v>
      </c>
      <c r="AN6909">
        <v>94463.436539999995</v>
      </c>
      <c r="AO6909">
        <v>33513.238100000002</v>
      </c>
      <c r="AP6909">
        <v>15983.64978</v>
      </c>
    </row>
    <row r="6910" spans="2:42" x14ac:dyDescent="0.3">
      <c r="B6910">
        <v>57.625010207934167</v>
      </c>
      <c r="C6910" s="83">
        <v>43388.833333333336</v>
      </c>
      <c r="D6910">
        <v>248773.01329999999</v>
      </c>
      <c r="E6910">
        <v>18245.87239</v>
      </c>
      <c r="F6910">
        <v>63415.514459999999</v>
      </c>
      <c r="G6910">
        <v>44212.924420000003</v>
      </c>
      <c r="H6910">
        <v>41233.68677</v>
      </c>
      <c r="I6910">
        <v>31336.150809999999</v>
      </c>
      <c r="J6910">
        <v>34698.015870000003</v>
      </c>
      <c r="K6910">
        <v>51138.007819999999</v>
      </c>
      <c r="L6910">
        <v>26414.781340000001</v>
      </c>
      <c r="M6910">
        <v>293799.17499999999</v>
      </c>
      <c r="N6910">
        <v>78146.775389999995</v>
      </c>
      <c r="O6910">
        <v>20367.671859999999</v>
      </c>
      <c r="P6910">
        <v>34686.64862</v>
      </c>
      <c r="Q6910">
        <v>86116.181070000006</v>
      </c>
      <c r="R6910">
        <v>19570.779490000001</v>
      </c>
      <c r="S6910">
        <v>87100.499389999997</v>
      </c>
      <c r="T6910">
        <v>32166.350299999998</v>
      </c>
      <c r="U6910">
        <v>14916.692650000001</v>
      </c>
      <c r="W6910" s="83">
        <f>Bühler!N6942</f>
        <v>45579.833333316579</v>
      </c>
      <c r="X6910" s="83">
        <v>43388.833333333336</v>
      </c>
      <c r="Y6910">
        <v>248773.01329999999</v>
      </c>
      <c r="Z6910">
        <v>18245.87239</v>
      </c>
      <c r="AA6910">
        <v>63415.514459999999</v>
      </c>
      <c r="AB6910">
        <v>44212.924420000003</v>
      </c>
      <c r="AC6910">
        <v>41233.68677</v>
      </c>
      <c r="AD6910">
        <v>31336.150809999999</v>
      </c>
      <c r="AE6910">
        <v>34698.015870000003</v>
      </c>
      <c r="AF6910">
        <v>51138.007819999999</v>
      </c>
      <c r="AG6910">
        <v>26414.781340000001</v>
      </c>
      <c r="AH6910">
        <v>293799.17499999999</v>
      </c>
      <c r="AI6910">
        <v>78146.775389999995</v>
      </c>
      <c r="AJ6910">
        <v>20367.671859999999</v>
      </c>
      <c r="AK6910">
        <v>34686.64862</v>
      </c>
      <c r="AL6910">
        <v>86116.181070000006</v>
      </c>
      <c r="AM6910">
        <v>19570.779490000001</v>
      </c>
      <c r="AN6910">
        <v>87100.499389999997</v>
      </c>
      <c r="AO6910">
        <v>32166.350299999998</v>
      </c>
      <c r="AP6910">
        <v>14916.692650000001</v>
      </c>
    </row>
    <row r="6911" spans="2:42" x14ac:dyDescent="0.3">
      <c r="B6911">
        <v>55.712094470952145</v>
      </c>
      <c r="C6911" s="83">
        <v>43388.875</v>
      </c>
      <c r="D6911">
        <v>240185.9571</v>
      </c>
      <c r="E6911">
        <v>15302.70543</v>
      </c>
      <c r="F6911">
        <v>55897.210910000002</v>
      </c>
      <c r="G6911">
        <v>40603.673410000003</v>
      </c>
      <c r="H6911">
        <v>38742.14544</v>
      </c>
      <c r="I6911">
        <v>27318.257689999999</v>
      </c>
      <c r="J6911">
        <v>32631.450209999999</v>
      </c>
      <c r="K6911">
        <v>48981.651550000002</v>
      </c>
      <c r="L6911">
        <v>25241.757590000001</v>
      </c>
      <c r="M6911">
        <v>284046.23849999998</v>
      </c>
      <c r="N6911">
        <v>76414.414139999993</v>
      </c>
      <c r="O6911">
        <v>19487.791949999999</v>
      </c>
      <c r="P6911">
        <v>33255.737390000002</v>
      </c>
      <c r="Q6911">
        <v>83961.845860000001</v>
      </c>
      <c r="R6911">
        <v>18214.020649999999</v>
      </c>
      <c r="S6911">
        <v>81408.233510000005</v>
      </c>
      <c r="T6911">
        <v>29014.618849999999</v>
      </c>
      <c r="U6911">
        <v>13465.66437</v>
      </c>
      <c r="W6911" s="83">
        <f>Bühler!N6943</f>
        <v>45579.874999983243</v>
      </c>
      <c r="X6911" s="83">
        <v>43388.875</v>
      </c>
      <c r="Y6911">
        <v>240185.9571</v>
      </c>
      <c r="Z6911">
        <v>15302.70543</v>
      </c>
      <c r="AA6911">
        <v>55897.210910000002</v>
      </c>
      <c r="AB6911">
        <v>40603.673410000003</v>
      </c>
      <c r="AC6911">
        <v>38742.14544</v>
      </c>
      <c r="AD6911">
        <v>27318.257689999999</v>
      </c>
      <c r="AE6911">
        <v>32631.450209999999</v>
      </c>
      <c r="AF6911">
        <v>48981.651550000002</v>
      </c>
      <c r="AG6911">
        <v>25241.757590000001</v>
      </c>
      <c r="AH6911">
        <v>284046.23849999998</v>
      </c>
      <c r="AI6911">
        <v>76414.414139999993</v>
      </c>
      <c r="AJ6911">
        <v>19487.791949999999</v>
      </c>
      <c r="AK6911">
        <v>33255.737390000002</v>
      </c>
      <c r="AL6911">
        <v>83961.845860000001</v>
      </c>
      <c r="AM6911">
        <v>18214.020649999999</v>
      </c>
      <c r="AN6911">
        <v>81408.233510000005</v>
      </c>
      <c r="AO6911">
        <v>29014.618849999999</v>
      </c>
      <c r="AP6911">
        <v>13465.66437</v>
      </c>
    </row>
    <row r="6912" spans="2:42" x14ac:dyDescent="0.3">
      <c r="B6912">
        <v>55.235395138841284</v>
      </c>
      <c r="C6912" s="83">
        <v>43388.916666666664</v>
      </c>
      <c r="D6912">
        <v>239452.46590000001</v>
      </c>
      <c r="E6912">
        <v>14721.12185</v>
      </c>
      <c r="F6912">
        <v>53229.956700000002</v>
      </c>
      <c r="G6912">
        <v>38070.255669999999</v>
      </c>
      <c r="H6912">
        <v>37339.682639999999</v>
      </c>
      <c r="I6912">
        <v>25584.76554</v>
      </c>
      <c r="J6912">
        <v>31499.751459999999</v>
      </c>
      <c r="K6912">
        <v>51725.71153</v>
      </c>
      <c r="L6912">
        <v>22853.74771</v>
      </c>
      <c r="M6912">
        <v>281615.80300000001</v>
      </c>
      <c r="N6912">
        <v>75085.056259999998</v>
      </c>
      <c r="O6912">
        <v>19429.39013</v>
      </c>
      <c r="P6912">
        <v>33232.630640000003</v>
      </c>
      <c r="Q6912">
        <v>82636.046130000002</v>
      </c>
      <c r="R6912">
        <v>20220.374090000001</v>
      </c>
      <c r="S6912">
        <v>79097.872589999999</v>
      </c>
      <c r="T6912">
        <v>25173.623060000002</v>
      </c>
      <c r="U6912">
        <v>13365.0538</v>
      </c>
      <c r="W6912" s="83">
        <f>Bühler!N6944</f>
        <v>45579.916666649908</v>
      </c>
      <c r="X6912" s="83">
        <v>43388.916666666664</v>
      </c>
      <c r="Y6912">
        <v>239452.46590000001</v>
      </c>
      <c r="Z6912">
        <v>14721.12185</v>
      </c>
      <c r="AA6912">
        <v>53229.956700000002</v>
      </c>
      <c r="AB6912">
        <v>38070.255669999999</v>
      </c>
      <c r="AC6912">
        <v>37339.682639999999</v>
      </c>
      <c r="AD6912">
        <v>25584.76554</v>
      </c>
      <c r="AE6912">
        <v>31499.751459999999</v>
      </c>
      <c r="AF6912">
        <v>51725.71153</v>
      </c>
      <c r="AG6912">
        <v>22853.74771</v>
      </c>
      <c r="AH6912">
        <v>281615.80300000001</v>
      </c>
      <c r="AI6912">
        <v>75085.056259999998</v>
      </c>
      <c r="AJ6912">
        <v>19429.39013</v>
      </c>
      <c r="AK6912">
        <v>33232.630640000003</v>
      </c>
      <c r="AL6912">
        <v>82636.046130000002</v>
      </c>
      <c r="AM6912">
        <v>20220.374090000001</v>
      </c>
      <c r="AN6912">
        <v>79097.872589999999</v>
      </c>
      <c r="AO6912">
        <v>25173.623060000002</v>
      </c>
      <c r="AP6912">
        <v>13365.0538</v>
      </c>
    </row>
    <row r="6913" spans="2:42" x14ac:dyDescent="0.3">
      <c r="B6913">
        <v>54.702091471103998</v>
      </c>
      <c r="C6913" s="83">
        <v>43388.958333333336</v>
      </c>
      <c r="D6913">
        <v>237559.5834</v>
      </c>
      <c r="E6913">
        <v>14145.1654</v>
      </c>
      <c r="F6913">
        <v>52469.124830000001</v>
      </c>
      <c r="G6913">
        <v>36938.200680000002</v>
      </c>
      <c r="H6913">
        <v>36229.703880000001</v>
      </c>
      <c r="I6913">
        <v>23855.329010000001</v>
      </c>
      <c r="J6913">
        <v>29315.331750000001</v>
      </c>
      <c r="K6913">
        <v>51389.230909999998</v>
      </c>
      <c r="L6913">
        <v>20099.190050000001</v>
      </c>
      <c r="M6913">
        <v>278896.77220000001</v>
      </c>
      <c r="N6913">
        <v>74704.928570000004</v>
      </c>
      <c r="O6913">
        <v>19184.202420000001</v>
      </c>
      <c r="P6913">
        <v>29103.62256</v>
      </c>
      <c r="Q6913">
        <v>83085.148220000003</v>
      </c>
      <c r="R6913">
        <v>19239.66216</v>
      </c>
      <c r="S6913">
        <v>77015.888609999995</v>
      </c>
      <c r="T6913">
        <v>26033.421149999998</v>
      </c>
      <c r="U6913">
        <v>12707.73144</v>
      </c>
      <c r="W6913" s="83">
        <f>Bühler!N6945</f>
        <v>45579.958333316572</v>
      </c>
      <c r="X6913" s="83">
        <v>43388.958333333336</v>
      </c>
      <c r="Y6913">
        <v>237559.5834</v>
      </c>
      <c r="Z6913">
        <v>14145.1654</v>
      </c>
      <c r="AA6913">
        <v>52469.124830000001</v>
      </c>
      <c r="AB6913">
        <v>36938.200680000002</v>
      </c>
      <c r="AC6913">
        <v>36229.703880000001</v>
      </c>
      <c r="AD6913">
        <v>23855.329010000001</v>
      </c>
      <c r="AE6913">
        <v>29315.331750000001</v>
      </c>
      <c r="AF6913">
        <v>51389.230909999998</v>
      </c>
      <c r="AG6913">
        <v>20099.190050000001</v>
      </c>
      <c r="AH6913">
        <v>278896.77220000001</v>
      </c>
      <c r="AI6913">
        <v>74704.928570000004</v>
      </c>
      <c r="AJ6913">
        <v>19184.202420000001</v>
      </c>
      <c r="AK6913">
        <v>29103.62256</v>
      </c>
      <c r="AL6913">
        <v>83085.148220000003</v>
      </c>
      <c r="AM6913">
        <v>19239.66216</v>
      </c>
      <c r="AN6913">
        <v>77015.888609999995</v>
      </c>
      <c r="AO6913">
        <v>26033.421149999998</v>
      </c>
      <c r="AP6913">
        <v>12707.73144</v>
      </c>
    </row>
    <row r="6914" spans="2:42" x14ac:dyDescent="0.3">
      <c r="B6914">
        <v>54.040318072261506</v>
      </c>
      <c r="C6914" s="83">
        <v>43389</v>
      </c>
      <c r="D6914">
        <v>236734.9357</v>
      </c>
      <c r="E6914">
        <v>13697.91354</v>
      </c>
      <c r="F6914">
        <v>51798.35024</v>
      </c>
      <c r="G6914">
        <v>35539.790090000002</v>
      </c>
      <c r="H6914">
        <v>36005.719819999998</v>
      </c>
      <c r="I6914">
        <v>21931.372480000002</v>
      </c>
      <c r="J6914">
        <v>27680.815299999998</v>
      </c>
      <c r="K6914">
        <v>49180.190739999998</v>
      </c>
      <c r="L6914">
        <v>18393.057659999999</v>
      </c>
      <c r="M6914">
        <v>275522.74280000001</v>
      </c>
      <c r="N6914">
        <v>74086.820510000005</v>
      </c>
      <c r="O6914">
        <v>19541.033029999999</v>
      </c>
      <c r="P6914">
        <v>27277.440770000001</v>
      </c>
      <c r="Q6914">
        <v>82051.854309999995</v>
      </c>
      <c r="R6914">
        <v>17425.314829999999</v>
      </c>
      <c r="S6914">
        <v>76264.857010000007</v>
      </c>
      <c r="T6914">
        <v>24356.49021</v>
      </c>
      <c r="U6914">
        <v>12541.14299</v>
      </c>
      <c r="W6914" s="83">
        <f>Bühler!N6946</f>
        <v>45579.999999983236</v>
      </c>
      <c r="X6914" s="83">
        <v>43389</v>
      </c>
      <c r="Y6914">
        <v>236734.9357</v>
      </c>
      <c r="Z6914">
        <v>13697.91354</v>
      </c>
      <c r="AA6914">
        <v>51798.35024</v>
      </c>
      <c r="AB6914">
        <v>35539.790090000002</v>
      </c>
      <c r="AC6914">
        <v>36005.719819999998</v>
      </c>
      <c r="AD6914">
        <v>21931.372480000002</v>
      </c>
      <c r="AE6914">
        <v>27680.815299999998</v>
      </c>
      <c r="AF6914">
        <v>49180.190739999998</v>
      </c>
      <c r="AG6914">
        <v>18393.057659999999</v>
      </c>
      <c r="AH6914">
        <v>275522.74280000001</v>
      </c>
      <c r="AI6914">
        <v>74086.820510000005</v>
      </c>
      <c r="AJ6914">
        <v>19541.033029999999</v>
      </c>
      <c r="AK6914">
        <v>27277.440770000001</v>
      </c>
      <c r="AL6914">
        <v>82051.854309999995</v>
      </c>
      <c r="AM6914">
        <v>17425.314829999999</v>
      </c>
      <c r="AN6914">
        <v>76264.857010000007</v>
      </c>
      <c r="AO6914">
        <v>24356.49021</v>
      </c>
      <c r="AP6914">
        <v>12541.14299</v>
      </c>
    </row>
    <row r="6915" spans="2:42" x14ac:dyDescent="0.3">
      <c r="B6915">
        <v>53.416054247313085</v>
      </c>
      <c r="C6915" s="83">
        <v>43389.041666666664</v>
      </c>
      <c r="D6915">
        <v>237635.6054</v>
      </c>
      <c r="E6915">
        <v>13536.134550000001</v>
      </c>
      <c r="F6915">
        <v>52093.780859999999</v>
      </c>
      <c r="G6915">
        <v>34958.435720000001</v>
      </c>
      <c r="H6915">
        <v>35571.642269999997</v>
      </c>
      <c r="I6915">
        <v>18268.600340000001</v>
      </c>
      <c r="J6915">
        <v>27311.414349999999</v>
      </c>
      <c r="K6915">
        <v>48797.882550000002</v>
      </c>
      <c r="L6915">
        <v>17556.96559</v>
      </c>
      <c r="M6915">
        <v>272339.9547</v>
      </c>
      <c r="N6915">
        <v>73270.722120000006</v>
      </c>
      <c r="O6915">
        <v>19904.86651</v>
      </c>
      <c r="P6915">
        <v>25566.744579999999</v>
      </c>
      <c r="Q6915">
        <v>83366.636580000006</v>
      </c>
      <c r="R6915">
        <v>17447.762419999999</v>
      </c>
      <c r="S6915">
        <v>74806.450920000003</v>
      </c>
      <c r="T6915">
        <v>23731.964250000001</v>
      </c>
      <c r="U6915">
        <v>12583.77475</v>
      </c>
      <c r="W6915" s="83">
        <f>Bühler!N6947</f>
        <v>45580.0416666499</v>
      </c>
      <c r="X6915" s="83">
        <v>43389.041666666664</v>
      </c>
      <c r="Y6915">
        <v>237635.6054</v>
      </c>
      <c r="Z6915">
        <v>13536.134550000001</v>
      </c>
      <c r="AA6915">
        <v>52093.780859999999</v>
      </c>
      <c r="AB6915">
        <v>34958.435720000001</v>
      </c>
      <c r="AC6915">
        <v>35571.642269999997</v>
      </c>
      <c r="AD6915">
        <v>18268.600340000001</v>
      </c>
      <c r="AE6915">
        <v>27311.414349999999</v>
      </c>
      <c r="AF6915">
        <v>48797.882550000002</v>
      </c>
      <c r="AG6915">
        <v>17556.96559</v>
      </c>
      <c r="AH6915">
        <v>272339.9547</v>
      </c>
      <c r="AI6915">
        <v>73270.722120000006</v>
      </c>
      <c r="AJ6915">
        <v>19904.86651</v>
      </c>
      <c r="AK6915">
        <v>25566.744579999999</v>
      </c>
      <c r="AL6915">
        <v>83366.636580000006</v>
      </c>
      <c r="AM6915">
        <v>17447.762419999999</v>
      </c>
      <c r="AN6915">
        <v>74806.450920000003</v>
      </c>
      <c r="AO6915">
        <v>23731.964250000001</v>
      </c>
      <c r="AP6915">
        <v>12583.77475</v>
      </c>
    </row>
    <row r="6916" spans="2:42" x14ac:dyDescent="0.3">
      <c r="B6916">
        <v>53.660123250919114</v>
      </c>
      <c r="C6916" s="83">
        <v>43389.083333333336</v>
      </c>
      <c r="D6916">
        <v>235405.51949999999</v>
      </c>
      <c r="E6916">
        <v>13417.588470000001</v>
      </c>
      <c r="F6916">
        <v>52215.159299999999</v>
      </c>
      <c r="G6916">
        <v>34553.221530000003</v>
      </c>
      <c r="H6916">
        <v>35278.088660000001</v>
      </c>
      <c r="I6916">
        <v>16641.782569999999</v>
      </c>
      <c r="J6916">
        <v>26710.944439999999</v>
      </c>
      <c r="K6916">
        <v>47554.858650000002</v>
      </c>
      <c r="L6916">
        <v>17157.015510000001</v>
      </c>
      <c r="M6916">
        <v>273584.33230000001</v>
      </c>
      <c r="N6916">
        <v>72753.629379999998</v>
      </c>
      <c r="O6916">
        <v>18960.590209999998</v>
      </c>
      <c r="P6916">
        <v>23496.52003</v>
      </c>
      <c r="Q6916">
        <v>85292.226129999995</v>
      </c>
      <c r="R6916">
        <v>16828.29147</v>
      </c>
      <c r="S6916">
        <v>74342.533060000002</v>
      </c>
      <c r="T6916">
        <v>23345.844990000001</v>
      </c>
      <c r="U6916">
        <v>12463.966119999999</v>
      </c>
      <c r="W6916" s="83">
        <f>Bühler!N6948</f>
        <v>45580.083333316565</v>
      </c>
      <c r="X6916" s="83">
        <v>43389.083333333336</v>
      </c>
      <c r="Y6916">
        <v>235405.51949999999</v>
      </c>
      <c r="Z6916">
        <v>13417.588470000001</v>
      </c>
      <c r="AA6916">
        <v>52215.159299999999</v>
      </c>
      <c r="AB6916">
        <v>34553.221530000003</v>
      </c>
      <c r="AC6916">
        <v>35278.088660000001</v>
      </c>
      <c r="AD6916">
        <v>16641.782569999999</v>
      </c>
      <c r="AE6916">
        <v>26710.944439999999</v>
      </c>
      <c r="AF6916">
        <v>47554.858650000002</v>
      </c>
      <c r="AG6916">
        <v>17157.015510000001</v>
      </c>
      <c r="AH6916">
        <v>273584.33230000001</v>
      </c>
      <c r="AI6916">
        <v>72753.629379999998</v>
      </c>
      <c r="AJ6916">
        <v>18960.590209999998</v>
      </c>
      <c r="AK6916">
        <v>23496.52003</v>
      </c>
      <c r="AL6916">
        <v>85292.226129999995</v>
      </c>
      <c r="AM6916">
        <v>16828.29147</v>
      </c>
      <c r="AN6916">
        <v>74342.533060000002</v>
      </c>
      <c r="AO6916">
        <v>23345.844990000001</v>
      </c>
      <c r="AP6916">
        <v>12463.966119999999</v>
      </c>
    </row>
    <row r="6917" spans="2:42" x14ac:dyDescent="0.3">
      <c r="B6917">
        <v>54.462687968533885</v>
      </c>
      <c r="C6917" s="83">
        <v>43389.125</v>
      </c>
      <c r="D6917">
        <v>238011.7488</v>
      </c>
      <c r="E6917">
        <v>13521.648999999999</v>
      </c>
      <c r="F6917">
        <v>52783.526709999998</v>
      </c>
      <c r="G6917">
        <v>33768.174200000001</v>
      </c>
      <c r="H6917">
        <v>35279.15137</v>
      </c>
      <c r="I6917">
        <v>16734.694070000001</v>
      </c>
      <c r="J6917">
        <v>26685.46848</v>
      </c>
      <c r="K6917">
        <v>45369.082170000001</v>
      </c>
      <c r="L6917">
        <v>16633.524529999999</v>
      </c>
      <c r="M6917">
        <v>277676.18150000001</v>
      </c>
      <c r="N6917">
        <v>72413.246840000007</v>
      </c>
      <c r="O6917">
        <v>19094.99638</v>
      </c>
      <c r="P6917">
        <v>22855.477559999999</v>
      </c>
      <c r="Q6917">
        <v>89194.28989</v>
      </c>
      <c r="R6917">
        <v>16442.66444</v>
      </c>
      <c r="S6917">
        <v>73807.622380000001</v>
      </c>
      <c r="T6917">
        <v>23018.178680000001</v>
      </c>
      <c r="U6917">
        <v>12457.423919999999</v>
      </c>
      <c r="W6917" s="83">
        <f>Bühler!N6949</f>
        <v>45580.124999983229</v>
      </c>
      <c r="X6917" s="83">
        <v>43389.125</v>
      </c>
      <c r="Y6917">
        <v>238011.7488</v>
      </c>
      <c r="Z6917">
        <v>13521.648999999999</v>
      </c>
      <c r="AA6917">
        <v>52783.526709999998</v>
      </c>
      <c r="AB6917">
        <v>33768.174200000001</v>
      </c>
      <c r="AC6917">
        <v>35279.15137</v>
      </c>
      <c r="AD6917">
        <v>16734.694070000001</v>
      </c>
      <c r="AE6917">
        <v>26685.46848</v>
      </c>
      <c r="AF6917">
        <v>45369.082170000001</v>
      </c>
      <c r="AG6917">
        <v>16633.524529999999</v>
      </c>
      <c r="AH6917">
        <v>277676.18150000001</v>
      </c>
      <c r="AI6917">
        <v>72413.246840000007</v>
      </c>
      <c r="AJ6917">
        <v>19094.99638</v>
      </c>
      <c r="AK6917">
        <v>22855.477559999999</v>
      </c>
      <c r="AL6917">
        <v>89194.28989</v>
      </c>
      <c r="AM6917">
        <v>16442.66444</v>
      </c>
      <c r="AN6917">
        <v>73807.622380000001</v>
      </c>
      <c r="AO6917">
        <v>23018.178680000001</v>
      </c>
      <c r="AP6917">
        <v>12457.423919999999</v>
      </c>
    </row>
    <row r="6918" spans="2:42" x14ac:dyDescent="0.3">
      <c r="B6918">
        <v>56.085692798811152</v>
      </c>
      <c r="C6918" s="83">
        <v>43389.166666666664</v>
      </c>
      <c r="D6918">
        <v>237671.49950000001</v>
      </c>
      <c r="E6918">
        <v>13960.01613</v>
      </c>
      <c r="F6918">
        <v>56107.063119999999</v>
      </c>
      <c r="G6918">
        <v>33223.811950000003</v>
      </c>
      <c r="H6918">
        <v>35974.58137</v>
      </c>
      <c r="I6918">
        <v>18909.324809999998</v>
      </c>
      <c r="J6918">
        <v>28452.908319999999</v>
      </c>
      <c r="K6918">
        <v>43994.702149999997</v>
      </c>
      <c r="L6918">
        <v>16991.26439</v>
      </c>
      <c r="M6918">
        <v>285951.01699999999</v>
      </c>
      <c r="N6918">
        <v>71815.880420000001</v>
      </c>
      <c r="O6918">
        <v>19041.632590000001</v>
      </c>
      <c r="P6918">
        <v>23271.054260000001</v>
      </c>
      <c r="Q6918">
        <v>93028.463140000007</v>
      </c>
      <c r="R6918">
        <v>16057.137989999999</v>
      </c>
      <c r="S6918">
        <v>74427.11967</v>
      </c>
      <c r="T6918">
        <v>23275.449649999999</v>
      </c>
      <c r="U6918">
        <v>13253.96632</v>
      </c>
      <c r="W6918" s="83">
        <f>Bühler!N6950</f>
        <v>45580.166666649893</v>
      </c>
      <c r="X6918" s="83">
        <v>43389.166666666664</v>
      </c>
      <c r="Y6918">
        <v>237671.49950000001</v>
      </c>
      <c r="Z6918">
        <v>13960.01613</v>
      </c>
      <c r="AA6918">
        <v>56107.063119999999</v>
      </c>
      <c r="AB6918">
        <v>33223.811950000003</v>
      </c>
      <c r="AC6918">
        <v>35974.58137</v>
      </c>
      <c r="AD6918">
        <v>18909.324809999998</v>
      </c>
      <c r="AE6918">
        <v>28452.908319999999</v>
      </c>
      <c r="AF6918">
        <v>43994.702149999997</v>
      </c>
      <c r="AG6918">
        <v>16991.26439</v>
      </c>
      <c r="AH6918">
        <v>285951.01699999999</v>
      </c>
      <c r="AI6918">
        <v>71815.880420000001</v>
      </c>
      <c r="AJ6918">
        <v>19041.632590000001</v>
      </c>
      <c r="AK6918">
        <v>23271.054260000001</v>
      </c>
      <c r="AL6918">
        <v>93028.463140000007</v>
      </c>
      <c r="AM6918">
        <v>16057.137989999999</v>
      </c>
      <c r="AN6918">
        <v>74427.11967</v>
      </c>
      <c r="AO6918">
        <v>23275.449649999999</v>
      </c>
      <c r="AP6918">
        <v>13253.96632</v>
      </c>
    </row>
    <row r="6919" spans="2:42" x14ac:dyDescent="0.3">
      <c r="B6919">
        <v>59.515186989272607</v>
      </c>
      <c r="C6919" s="83">
        <v>43389.208333333336</v>
      </c>
      <c r="D6919">
        <v>254220.18909999999</v>
      </c>
      <c r="E6919">
        <v>16044.924290000001</v>
      </c>
      <c r="F6919">
        <v>66524.187260000006</v>
      </c>
      <c r="G6919">
        <v>35712.287649999998</v>
      </c>
      <c r="H6919">
        <v>38045.819040000002</v>
      </c>
      <c r="I6919">
        <v>26589.790150000001</v>
      </c>
      <c r="J6919">
        <v>31056.517680000001</v>
      </c>
      <c r="K6919">
        <v>45613.345150000001</v>
      </c>
      <c r="L6919">
        <v>18236.687910000001</v>
      </c>
      <c r="M6919">
        <v>303436.1777</v>
      </c>
      <c r="N6919">
        <v>73976.180120000005</v>
      </c>
      <c r="O6919">
        <v>19403.97147</v>
      </c>
      <c r="P6919">
        <v>25016.978910000002</v>
      </c>
      <c r="Q6919">
        <v>96083.078280000002</v>
      </c>
      <c r="R6919">
        <v>17309.936420000002</v>
      </c>
      <c r="S6919">
        <v>77265.381129999994</v>
      </c>
      <c r="T6919">
        <v>24789.837029999999</v>
      </c>
      <c r="U6919">
        <v>14855.706399999999</v>
      </c>
      <c r="W6919" s="83">
        <f>Bühler!N6951</f>
        <v>45580.208333316557</v>
      </c>
      <c r="X6919" s="83">
        <v>43389.208333333336</v>
      </c>
      <c r="Y6919">
        <v>254220.18909999999</v>
      </c>
      <c r="Z6919">
        <v>16044.924290000001</v>
      </c>
      <c r="AA6919">
        <v>66524.187260000006</v>
      </c>
      <c r="AB6919">
        <v>35712.287649999998</v>
      </c>
      <c r="AC6919">
        <v>38045.819040000002</v>
      </c>
      <c r="AD6919">
        <v>26589.790150000001</v>
      </c>
      <c r="AE6919">
        <v>31056.517680000001</v>
      </c>
      <c r="AF6919">
        <v>45613.345150000001</v>
      </c>
      <c r="AG6919">
        <v>18236.687910000001</v>
      </c>
      <c r="AH6919">
        <v>303436.1777</v>
      </c>
      <c r="AI6919">
        <v>73976.180120000005</v>
      </c>
      <c r="AJ6919">
        <v>19403.97147</v>
      </c>
      <c r="AK6919">
        <v>25016.978910000002</v>
      </c>
      <c r="AL6919">
        <v>96083.078280000002</v>
      </c>
      <c r="AM6919">
        <v>17309.936420000002</v>
      </c>
      <c r="AN6919">
        <v>77265.381129999994</v>
      </c>
      <c r="AO6919">
        <v>24789.837029999999</v>
      </c>
      <c r="AP6919">
        <v>14855.706399999999</v>
      </c>
    </row>
    <row r="6920" spans="2:42" x14ac:dyDescent="0.3">
      <c r="B6920">
        <v>62.597774780559604</v>
      </c>
      <c r="C6920" s="83">
        <v>43389.25</v>
      </c>
      <c r="D6920">
        <v>268802.9044</v>
      </c>
      <c r="E6920">
        <v>20389.485990000001</v>
      </c>
      <c r="F6920">
        <v>79213.472349999996</v>
      </c>
      <c r="G6920">
        <v>49797.138169999998</v>
      </c>
      <c r="H6920">
        <v>41644.828269999998</v>
      </c>
      <c r="I6920">
        <v>35078.585169999998</v>
      </c>
      <c r="J6920">
        <v>35139.07963</v>
      </c>
      <c r="K6920">
        <v>48271.516349999998</v>
      </c>
      <c r="L6920">
        <v>19943.493630000001</v>
      </c>
      <c r="M6920">
        <v>319152.64779999998</v>
      </c>
      <c r="N6920">
        <v>78468.920899999997</v>
      </c>
      <c r="O6920">
        <v>20648.0154</v>
      </c>
      <c r="P6920">
        <v>26968.72179</v>
      </c>
      <c r="Q6920">
        <v>98247.442070000005</v>
      </c>
      <c r="R6920">
        <v>17477.69688</v>
      </c>
      <c r="S6920">
        <v>86168.194529999993</v>
      </c>
      <c r="T6920">
        <v>27883.416740000001</v>
      </c>
      <c r="U6920">
        <v>17918.442190000002</v>
      </c>
      <c r="W6920" s="83">
        <f>Bühler!N6952</f>
        <v>45580.249999983222</v>
      </c>
      <c r="X6920" s="83">
        <v>43389.25</v>
      </c>
      <c r="Y6920">
        <v>268802.9044</v>
      </c>
      <c r="Z6920">
        <v>20389.485990000001</v>
      </c>
      <c r="AA6920">
        <v>79213.472349999996</v>
      </c>
      <c r="AB6920">
        <v>49797.138169999998</v>
      </c>
      <c r="AC6920">
        <v>41644.828269999998</v>
      </c>
      <c r="AD6920">
        <v>35078.585169999998</v>
      </c>
      <c r="AE6920">
        <v>35139.07963</v>
      </c>
      <c r="AF6920">
        <v>48271.516349999998</v>
      </c>
      <c r="AG6920">
        <v>19943.493630000001</v>
      </c>
      <c r="AH6920">
        <v>319152.64779999998</v>
      </c>
      <c r="AI6920">
        <v>78468.920899999997</v>
      </c>
      <c r="AJ6920">
        <v>20648.0154</v>
      </c>
      <c r="AK6920">
        <v>26968.72179</v>
      </c>
      <c r="AL6920">
        <v>98247.442070000005</v>
      </c>
      <c r="AM6920">
        <v>17477.69688</v>
      </c>
      <c r="AN6920">
        <v>86168.194529999993</v>
      </c>
      <c r="AO6920">
        <v>27883.416740000001</v>
      </c>
      <c r="AP6920">
        <v>17918.442190000002</v>
      </c>
    </row>
    <row r="6921" spans="2:42" x14ac:dyDescent="0.3">
      <c r="B6921">
        <v>64.76023999274949</v>
      </c>
      <c r="C6921" s="83">
        <v>43389.291666666664</v>
      </c>
      <c r="D6921">
        <v>285106.21980000002</v>
      </c>
      <c r="E6921">
        <v>25688.166689999998</v>
      </c>
      <c r="F6921">
        <v>82988.077290000001</v>
      </c>
      <c r="G6921">
        <v>65395.689149999998</v>
      </c>
      <c r="H6921">
        <v>48539.539349999999</v>
      </c>
      <c r="I6921">
        <v>44248.550089999997</v>
      </c>
      <c r="J6921">
        <v>36983.196600000003</v>
      </c>
      <c r="K6921">
        <v>53621.461479999998</v>
      </c>
      <c r="L6921">
        <v>22876.222750000001</v>
      </c>
      <c r="M6921">
        <v>330177.90389999998</v>
      </c>
      <c r="N6921">
        <v>85372.935540000006</v>
      </c>
      <c r="O6921">
        <v>23082.3289</v>
      </c>
      <c r="P6921">
        <v>30560.704369999999</v>
      </c>
      <c r="Q6921">
        <v>97674.507949999999</v>
      </c>
      <c r="R6921">
        <v>20484.33858</v>
      </c>
      <c r="S6921">
        <v>103109.7818</v>
      </c>
      <c r="T6921">
        <v>30469.072909999999</v>
      </c>
      <c r="U6921">
        <v>23591.293969999999</v>
      </c>
      <c r="W6921" s="83">
        <f>Bühler!N6953</f>
        <v>45580.291666649886</v>
      </c>
      <c r="X6921" s="83">
        <v>43389.291666666664</v>
      </c>
      <c r="Y6921">
        <v>285106.21980000002</v>
      </c>
      <c r="Z6921">
        <v>25688.166689999998</v>
      </c>
      <c r="AA6921">
        <v>82988.077290000001</v>
      </c>
      <c r="AB6921">
        <v>65395.689149999998</v>
      </c>
      <c r="AC6921">
        <v>48539.539349999999</v>
      </c>
      <c r="AD6921">
        <v>44248.550089999997</v>
      </c>
      <c r="AE6921">
        <v>36983.196600000003</v>
      </c>
      <c r="AF6921">
        <v>53621.461479999998</v>
      </c>
      <c r="AG6921">
        <v>22876.222750000001</v>
      </c>
      <c r="AH6921">
        <v>330177.90389999998</v>
      </c>
      <c r="AI6921">
        <v>85372.935540000006</v>
      </c>
      <c r="AJ6921">
        <v>23082.3289</v>
      </c>
      <c r="AK6921">
        <v>30560.704369999999</v>
      </c>
      <c r="AL6921">
        <v>97674.507949999999</v>
      </c>
      <c r="AM6921">
        <v>20484.33858</v>
      </c>
      <c r="AN6921">
        <v>103109.7818</v>
      </c>
      <c r="AO6921">
        <v>30469.072909999999</v>
      </c>
      <c r="AP6921">
        <v>23591.293969999999</v>
      </c>
    </row>
    <row r="6922" spans="2:42" x14ac:dyDescent="0.3">
      <c r="B6922">
        <v>65.25154255944237</v>
      </c>
      <c r="C6922" s="83">
        <v>43389.333333333336</v>
      </c>
      <c r="D6922">
        <v>297401.34509999998</v>
      </c>
      <c r="E6922">
        <v>31643.281930000001</v>
      </c>
      <c r="F6922">
        <v>90305.789789999995</v>
      </c>
      <c r="G6922">
        <v>82874.897289999994</v>
      </c>
      <c r="H6922">
        <v>53188.378839999998</v>
      </c>
      <c r="I6922">
        <v>46195.00677</v>
      </c>
      <c r="J6922">
        <v>37142.169070000004</v>
      </c>
      <c r="K6922">
        <v>59963.290419999998</v>
      </c>
      <c r="L6922">
        <v>25197.464639999998</v>
      </c>
      <c r="M6922">
        <v>332682.79350000003</v>
      </c>
      <c r="N6922">
        <v>94739.809680000006</v>
      </c>
      <c r="O6922">
        <v>25180.682270000001</v>
      </c>
      <c r="P6922">
        <v>32154.147860000001</v>
      </c>
      <c r="Q6922">
        <v>98008.839590000003</v>
      </c>
      <c r="R6922">
        <v>23091.297470000001</v>
      </c>
      <c r="S6922">
        <v>116743.71120000001</v>
      </c>
      <c r="T6922">
        <v>33876.079729999998</v>
      </c>
      <c r="U6922">
        <v>26484.799620000002</v>
      </c>
      <c r="W6922" s="83">
        <f>Bühler!N6954</f>
        <v>45580.33333331655</v>
      </c>
      <c r="X6922" s="83">
        <v>43389.333333333336</v>
      </c>
      <c r="Y6922">
        <v>297401.34509999998</v>
      </c>
      <c r="Z6922">
        <v>31643.281930000001</v>
      </c>
      <c r="AA6922">
        <v>90305.789789999995</v>
      </c>
      <c r="AB6922">
        <v>82874.897289999994</v>
      </c>
      <c r="AC6922">
        <v>53188.378839999998</v>
      </c>
      <c r="AD6922">
        <v>46195.00677</v>
      </c>
      <c r="AE6922">
        <v>37142.169070000004</v>
      </c>
      <c r="AF6922">
        <v>59963.290419999998</v>
      </c>
      <c r="AG6922">
        <v>25197.464639999998</v>
      </c>
      <c r="AH6922">
        <v>332682.79350000003</v>
      </c>
      <c r="AI6922">
        <v>94739.809680000006</v>
      </c>
      <c r="AJ6922">
        <v>25180.682270000001</v>
      </c>
      <c r="AK6922">
        <v>32154.147860000001</v>
      </c>
      <c r="AL6922">
        <v>98008.839590000003</v>
      </c>
      <c r="AM6922">
        <v>23091.297470000001</v>
      </c>
      <c r="AN6922">
        <v>116743.71120000001</v>
      </c>
      <c r="AO6922">
        <v>33876.079729999998</v>
      </c>
      <c r="AP6922">
        <v>26484.799620000002</v>
      </c>
    </row>
    <row r="6923" spans="2:42" x14ac:dyDescent="0.3">
      <c r="B6923">
        <v>65.245606931359276</v>
      </c>
      <c r="C6923" s="83">
        <v>43389.375</v>
      </c>
      <c r="D6923">
        <v>298961.47029999999</v>
      </c>
      <c r="E6923">
        <v>35747.778079999996</v>
      </c>
      <c r="F6923">
        <v>94852.037389999998</v>
      </c>
      <c r="G6923">
        <v>91546.713050000006</v>
      </c>
      <c r="H6923">
        <v>55413.236969999998</v>
      </c>
      <c r="I6923">
        <v>44407.673139999999</v>
      </c>
      <c r="J6923">
        <v>36780.317009999999</v>
      </c>
      <c r="K6923">
        <v>61320.410250000001</v>
      </c>
      <c r="L6923">
        <v>28332.627550000001</v>
      </c>
      <c r="M6923">
        <v>332652.53090000001</v>
      </c>
      <c r="N6923">
        <v>99095.884409999999</v>
      </c>
      <c r="O6923">
        <v>25377.510389999999</v>
      </c>
      <c r="P6923">
        <v>34003.752710000001</v>
      </c>
      <c r="Q6923">
        <v>98426.509000000005</v>
      </c>
      <c r="R6923">
        <v>23676.780630000001</v>
      </c>
      <c r="S6923">
        <v>122733.8092</v>
      </c>
      <c r="T6923">
        <v>36597.391609999999</v>
      </c>
      <c r="U6923">
        <v>26521.517380000001</v>
      </c>
      <c r="W6923" s="83">
        <f>Bühler!N6955</f>
        <v>45580.374999983214</v>
      </c>
      <c r="X6923" s="83">
        <v>43389.375</v>
      </c>
      <c r="Y6923">
        <v>298961.47029999999</v>
      </c>
      <c r="Z6923">
        <v>35747.778079999996</v>
      </c>
      <c r="AA6923">
        <v>94852.037389999998</v>
      </c>
      <c r="AB6923">
        <v>91546.713050000006</v>
      </c>
      <c r="AC6923">
        <v>55413.236969999998</v>
      </c>
      <c r="AD6923">
        <v>44407.673139999999</v>
      </c>
      <c r="AE6923">
        <v>36780.317009999999</v>
      </c>
      <c r="AF6923">
        <v>61320.410250000001</v>
      </c>
      <c r="AG6923">
        <v>28332.627550000001</v>
      </c>
      <c r="AH6923">
        <v>332652.53090000001</v>
      </c>
      <c r="AI6923">
        <v>99095.884409999999</v>
      </c>
      <c r="AJ6923">
        <v>25377.510389999999</v>
      </c>
      <c r="AK6923">
        <v>34003.752710000001</v>
      </c>
      <c r="AL6923">
        <v>98426.509000000005</v>
      </c>
      <c r="AM6923">
        <v>23676.780630000001</v>
      </c>
      <c r="AN6923">
        <v>122733.8092</v>
      </c>
      <c r="AO6923">
        <v>36597.391609999999</v>
      </c>
      <c r="AP6923">
        <v>26521.517380000001</v>
      </c>
    </row>
    <row r="6924" spans="2:42" x14ac:dyDescent="0.3">
      <c r="B6924">
        <v>65.06513932830218</v>
      </c>
      <c r="C6924" s="83">
        <v>43389.416666666664</v>
      </c>
      <c r="D6924">
        <v>300618.71419999999</v>
      </c>
      <c r="E6924">
        <v>36861.049200000001</v>
      </c>
      <c r="F6924">
        <v>94405.150240000003</v>
      </c>
      <c r="G6924">
        <v>92764.514039999995</v>
      </c>
      <c r="H6924">
        <v>56000.134080000003</v>
      </c>
      <c r="I6924">
        <v>41299.850720000002</v>
      </c>
      <c r="J6924">
        <v>35963.13925</v>
      </c>
      <c r="K6924">
        <v>61278.319530000001</v>
      </c>
      <c r="L6924">
        <v>30503.313289999998</v>
      </c>
      <c r="M6924">
        <v>331732.42290000001</v>
      </c>
      <c r="N6924">
        <v>99009.481610000003</v>
      </c>
      <c r="O6924">
        <v>25499.904829999999</v>
      </c>
      <c r="P6924">
        <v>34361.590089999998</v>
      </c>
      <c r="Q6924">
        <v>98983.216490000006</v>
      </c>
      <c r="R6924">
        <v>24217.843089999998</v>
      </c>
      <c r="S6924">
        <v>122693.50539999999</v>
      </c>
      <c r="T6924">
        <v>37921.525300000001</v>
      </c>
      <c r="U6924">
        <v>26293.453020000001</v>
      </c>
      <c r="W6924" s="83">
        <f>Bühler!N6956</f>
        <v>45580.416666649879</v>
      </c>
      <c r="X6924" s="83">
        <v>43389.416666666664</v>
      </c>
      <c r="Y6924">
        <v>300618.71419999999</v>
      </c>
      <c r="Z6924">
        <v>36861.049200000001</v>
      </c>
      <c r="AA6924">
        <v>94405.150240000003</v>
      </c>
      <c r="AB6924">
        <v>92764.514039999995</v>
      </c>
      <c r="AC6924">
        <v>56000.134080000003</v>
      </c>
      <c r="AD6924">
        <v>41299.850720000002</v>
      </c>
      <c r="AE6924">
        <v>35963.13925</v>
      </c>
      <c r="AF6924">
        <v>61278.319530000001</v>
      </c>
      <c r="AG6924">
        <v>30503.313289999998</v>
      </c>
      <c r="AH6924">
        <v>331732.42290000001</v>
      </c>
      <c r="AI6924">
        <v>99009.481610000003</v>
      </c>
      <c r="AJ6924">
        <v>25499.904829999999</v>
      </c>
      <c r="AK6924">
        <v>34361.590089999998</v>
      </c>
      <c r="AL6924">
        <v>98983.216490000006</v>
      </c>
      <c r="AM6924">
        <v>24217.843089999998</v>
      </c>
      <c r="AN6924">
        <v>122693.50539999999</v>
      </c>
      <c r="AO6924">
        <v>37921.525300000001</v>
      </c>
      <c r="AP6924">
        <v>26293.453020000001</v>
      </c>
    </row>
    <row r="6925" spans="2:42" x14ac:dyDescent="0.3">
      <c r="B6925">
        <v>64.326051679730071</v>
      </c>
      <c r="C6925" s="83">
        <v>43389.458333333336</v>
      </c>
      <c r="D6925">
        <v>299016.35729999997</v>
      </c>
      <c r="E6925">
        <v>36084.822829999997</v>
      </c>
      <c r="F6925">
        <v>94359.919540000003</v>
      </c>
      <c r="G6925">
        <v>91031.099260000003</v>
      </c>
      <c r="H6925">
        <v>55050.776790000004</v>
      </c>
      <c r="I6925">
        <v>40177.261259999999</v>
      </c>
      <c r="J6925">
        <v>35429.494019999998</v>
      </c>
      <c r="K6925">
        <v>62301.696040000003</v>
      </c>
      <c r="L6925">
        <v>31159.565460000002</v>
      </c>
      <c r="M6925">
        <v>327964.20939999999</v>
      </c>
      <c r="N6925">
        <v>97311.769459999996</v>
      </c>
      <c r="O6925">
        <v>25462.15293</v>
      </c>
      <c r="P6925">
        <v>33694.637990000003</v>
      </c>
      <c r="Q6925">
        <v>98672.548490000001</v>
      </c>
      <c r="R6925">
        <v>23736.405439999999</v>
      </c>
      <c r="S6925">
        <v>123149.7264</v>
      </c>
      <c r="T6925">
        <v>38418.706270000002</v>
      </c>
      <c r="U6925">
        <v>24784.267349999998</v>
      </c>
      <c r="W6925" s="83">
        <f>Bühler!N6957</f>
        <v>45580.458333316543</v>
      </c>
      <c r="X6925" s="83">
        <v>43389.458333333336</v>
      </c>
      <c r="Y6925">
        <v>299016.35729999997</v>
      </c>
      <c r="Z6925">
        <v>36084.822829999997</v>
      </c>
      <c r="AA6925">
        <v>94359.919540000003</v>
      </c>
      <c r="AB6925">
        <v>91031.099260000003</v>
      </c>
      <c r="AC6925">
        <v>55050.776790000004</v>
      </c>
      <c r="AD6925">
        <v>40177.261259999999</v>
      </c>
      <c r="AE6925">
        <v>35429.494019999998</v>
      </c>
      <c r="AF6925">
        <v>62301.696040000003</v>
      </c>
      <c r="AG6925">
        <v>31159.565460000002</v>
      </c>
      <c r="AH6925">
        <v>327964.20939999999</v>
      </c>
      <c r="AI6925">
        <v>97311.769459999996</v>
      </c>
      <c r="AJ6925">
        <v>25462.15293</v>
      </c>
      <c r="AK6925">
        <v>33694.637990000003</v>
      </c>
      <c r="AL6925">
        <v>98672.548490000001</v>
      </c>
      <c r="AM6925">
        <v>23736.405439999999</v>
      </c>
      <c r="AN6925">
        <v>123149.7264</v>
      </c>
      <c r="AO6925">
        <v>38418.706270000002</v>
      </c>
      <c r="AP6925">
        <v>24784.267349999998</v>
      </c>
    </row>
    <row r="6926" spans="2:42" x14ac:dyDescent="0.3">
      <c r="B6926">
        <v>61.926596651591616</v>
      </c>
      <c r="C6926" s="83">
        <v>43389.5</v>
      </c>
      <c r="D6926">
        <v>285962.99739999999</v>
      </c>
      <c r="E6926">
        <v>32127.280940000001</v>
      </c>
      <c r="F6926">
        <v>87860.853369999997</v>
      </c>
      <c r="G6926">
        <v>89533.678419999997</v>
      </c>
      <c r="H6926">
        <v>52044.9666</v>
      </c>
      <c r="I6926">
        <v>37924.093630000003</v>
      </c>
      <c r="J6926">
        <v>34930.116099999999</v>
      </c>
      <c r="K6926">
        <v>57955.744169999998</v>
      </c>
      <c r="L6926">
        <v>32567.85845</v>
      </c>
      <c r="M6926">
        <v>315730.66869999998</v>
      </c>
      <c r="N6926">
        <v>94671.514389999997</v>
      </c>
      <c r="O6926">
        <v>24517.998739999999</v>
      </c>
      <c r="P6926">
        <v>35221.004000000001</v>
      </c>
      <c r="Q6926">
        <v>97080.376099999994</v>
      </c>
      <c r="R6926">
        <v>24779.681639999999</v>
      </c>
      <c r="S6926">
        <v>117196.2337</v>
      </c>
      <c r="T6926">
        <v>38054.26197</v>
      </c>
      <c r="U6926">
        <v>20590.64532</v>
      </c>
      <c r="W6926" s="83">
        <f>Bühler!N6958</f>
        <v>45580.499999983207</v>
      </c>
      <c r="X6926" s="83">
        <v>43389.5</v>
      </c>
      <c r="Y6926">
        <v>285962.99739999999</v>
      </c>
      <c r="Z6926">
        <v>32127.280940000001</v>
      </c>
      <c r="AA6926">
        <v>87860.853369999997</v>
      </c>
      <c r="AB6926">
        <v>89533.678419999997</v>
      </c>
      <c r="AC6926">
        <v>52044.9666</v>
      </c>
      <c r="AD6926">
        <v>37924.093630000003</v>
      </c>
      <c r="AE6926">
        <v>34930.116099999999</v>
      </c>
      <c r="AF6926">
        <v>57955.744169999998</v>
      </c>
      <c r="AG6926">
        <v>32567.85845</v>
      </c>
      <c r="AH6926">
        <v>315730.66869999998</v>
      </c>
      <c r="AI6926">
        <v>94671.514389999997</v>
      </c>
      <c r="AJ6926">
        <v>24517.998739999999</v>
      </c>
      <c r="AK6926">
        <v>35221.004000000001</v>
      </c>
      <c r="AL6926">
        <v>97080.376099999994</v>
      </c>
      <c r="AM6926">
        <v>24779.681639999999</v>
      </c>
      <c r="AN6926">
        <v>117196.2337</v>
      </c>
      <c r="AO6926">
        <v>38054.26197</v>
      </c>
      <c r="AP6926">
        <v>20590.64532</v>
      </c>
    </row>
    <row r="6927" spans="2:42" x14ac:dyDescent="0.3">
      <c r="B6927">
        <v>61.971534498511311</v>
      </c>
      <c r="C6927" s="83">
        <v>43389.541666666664</v>
      </c>
      <c r="D6927">
        <v>288761.91529999999</v>
      </c>
      <c r="E6927">
        <v>32275.044030000001</v>
      </c>
      <c r="F6927">
        <v>85318.210869999995</v>
      </c>
      <c r="G6927">
        <v>85933.445110000001</v>
      </c>
      <c r="H6927">
        <v>52692.234949999998</v>
      </c>
      <c r="I6927">
        <v>37472.768250000001</v>
      </c>
      <c r="J6927">
        <v>33810.836900000002</v>
      </c>
      <c r="K6927">
        <v>58903.133629999997</v>
      </c>
      <c r="L6927">
        <v>31295.007140000002</v>
      </c>
      <c r="M6927">
        <v>315959.78279999999</v>
      </c>
      <c r="N6927">
        <v>95383.519520000002</v>
      </c>
      <c r="O6927">
        <v>24744.301599999999</v>
      </c>
      <c r="P6927">
        <v>34026.31609</v>
      </c>
      <c r="Q6927">
        <v>95614.623560000007</v>
      </c>
      <c r="R6927">
        <v>26100.867409999999</v>
      </c>
      <c r="S6927">
        <v>116177.9326</v>
      </c>
      <c r="T6927">
        <v>36714.49624</v>
      </c>
      <c r="U6927">
        <v>22075.379420000001</v>
      </c>
      <c r="W6927" s="83">
        <f>Bühler!N6959</f>
        <v>45580.541666649871</v>
      </c>
      <c r="X6927" s="83">
        <v>43389.541666666664</v>
      </c>
      <c r="Y6927">
        <v>288761.91529999999</v>
      </c>
      <c r="Z6927">
        <v>32275.044030000001</v>
      </c>
      <c r="AA6927">
        <v>85318.210869999995</v>
      </c>
      <c r="AB6927">
        <v>85933.445110000001</v>
      </c>
      <c r="AC6927">
        <v>52692.234949999998</v>
      </c>
      <c r="AD6927">
        <v>37472.768250000001</v>
      </c>
      <c r="AE6927">
        <v>33810.836900000002</v>
      </c>
      <c r="AF6927">
        <v>58903.133629999997</v>
      </c>
      <c r="AG6927">
        <v>31295.007140000002</v>
      </c>
      <c r="AH6927">
        <v>315959.78279999999</v>
      </c>
      <c r="AI6927">
        <v>95383.519520000002</v>
      </c>
      <c r="AJ6927">
        <v>24744.301599999999</v>
      </c>
      <c r="AK6927">
        <v>34026.31609</v>
      </c>
      <c r="AL6927">
        <v>95614.623560000007</v>
      </c>
      <c r="AM6927">
        <v>26100.867409999999</v>
      </c>
      <c r="AN6927">
        <v>116177.9326</v>
      </c>
      <c r="AO6927">
        <v>36714.49624</v>
      </c>
      <c r="AP6927">
        <v>22075.379420000001</v>
      </c>
    </row>
    <row r="6928" spans="2:42" x14ac:dyDescent="0.3">
      <c r="B6928">
        <v>62.000310602963097</v>
      </c>
      <c r="C6928" s="83">
        <v>43389.583333333336</v>
      </c>
      <c r="D6928">
        <v>292357.27120000002</v>
      </c>
      <c r="E6928">
        <v>35187.245040000002</v>
      </c>
      <c r="F6928">
        <v>92726.344540000006</v>
      </c>
      <c r="G6928">
        <v>80724.322469999999</v>
      </c>
      <c r="H6928">
        <v>52084.653760000001</v>
      </c>
      <c r="I6928">
        <v>38319.141360000001</v>
      </c>
      <c r="J6928">
        <v>33957.314509999997</v>
      </c>
      <c r="K6928">
        <v>62231.16575</v>
      </c>
      <c r="L6928">
        <v>28516.671129999999</v>
      </c>
      <c r="M6928">
        <v>316106.49680000002</v>
      </c>
      <c r="N6928">
        <v>95693.164120000001</v>
      </c>
      <c r="O6928">
        <v>24431.793010000001</v>
      </c>
      <c r="P6928">
        <v>31370.969799999999</v>
      </c>
      <c r="Q6928">
        <v>95797.098750000005</v>
      </c>
      <c r="R6928">
        <v>24888.215749999999</v>
      </c>
      <c r="S6928">
        <v>111839.1177</v>
      </c>
      <c r="T6928">
        <v>36229.937669999999</v>
      </c>
      <c r="U6928">
        <v>22883.33497</v>
      </c>
      <c r="W6928" s="83">
        <f>Bühler!N6960</f>
        <v>45580.583333316536</v>
      </c>
      <c r="X6928" s="83">
        <v>43389.583333333336</v>
      </c>
      <c r="Y6928">
        <v>292357.27120000002</v>
      </c>
      <c r="Z6928">
        <v>35187.245040000002</v>
      </c>
      <c r="AA6928">
        <v>92726.344540000006</v>
      </c>
      <c r="AB6928">
        <v>80724.322469999999</v>
      </c>
      <c r="AC6928">
        <v>52084.653760000001</v>
      </c>
      <c r="AD6928">
        <v>38319.141360000001</v>
      </c>
      <c r="AE6928">
        <v>33957.314509999997</v>
      </c>
      <c r="AF6928">
        <v>62231.16575</v>
      </c>
      <c r="AG6928">
        <v>28516.671129999999</v>
      </c>
      <c r="AH6928">
        <v>316106.49680000002</v>
      </c>
      <c r="AI6928">
        <v>95693.164120000001</v>
      </c>
      <c r="AJ6928">
        <v>24431.793010000001</v>
      </c>
      <c r="AK6928">
        <v>31370.969799999999</v>
      </c>
      <c r="AL6928">
        <v>95797.098750000005</v>
      </c>
      <c r="AM6928">
        <v>24888.215749999999</v>
      </c>
      <c r="AN6928">
        <v>111839.1177</v>
      </c>
      <c r="AO6928">
        <v>36229.937669999999</v>
      </c>
      <c r="AP6928">
        <v>22883.33497</v>
      </c>
    </row>
    <row r="6929" spans="2:42" x14ac:dyDescent="0.3">
      <c r="B6929">
        <v>61.63674542950173</v>
      </c>
      <c r="C6929" s="83">
        <v>43389.625</v>
      </c>
      <c r="D6929">
        <v>288618.41989999998</v>
      </c>
      <c r="E6929">
        <v>34950.978320000002</v>
      </c>
      <c r="F6929">
        <v>93787.306949999998</v>
      </c>
      <c r="G6929">
        <v>78413.203339999993</v>
      </c>
      <c r="H6929">
        <v>51085.75707</v>
      </c>
      <c r="I6929">
        <v>38947.236599999997</v>
      </c>
      <c r="J6929">
        <v>33125.879970000002</v>
      </c>
      <c r="K6929">
        <v>61633.336289999999</v>
      </c>
      <c r="L6929">
        <v>24755.084289999999</v>
      </c>
      <c r="M6929">
        <v>314252.87199999997</v>
      </c>
      <c r="N6929">
        <v>93900.26844</v>
      </c>
      <c r="O6929">
        <v>23840.307970000002</v>
      </c>
      <c r="P6929">
        <v>28430.60786</v>
      </c>
      <c r="Q6929">
        <v>94361.439270000003</v>
      </c>
      <c r="R6929">
        <v>23998.76499</v>
      </c>
      <c r="S6929">
        <v>108848.8575</v>
      </c>
      <c r="T6929">
        <v>35389.791409999998</v>
      </c>
      <c r="U6929">
        <v>22036.689480000001</v>
      </c>
      <c r="W6929" s="83">
        <f>Bühler!N6961</f>
        <v>45580.6249999832</v>
      </c>
      <c r="X6929" s="83">
        <v>43389.625</v>
      </c>
      <c r="Y6929">
        <v>288618.41989999998</v>
      </c>
      <c r="Z6929">
        <v>34950.978320000002</v>
      </c>
      <c r="AA6929">
        <v>93787.306949999998</v>
      </c>
      <c r="AB6929">
        <v>78413.203339999993</v>
      </c>
      <c r="AC6929">
        <v>51085.75707</v>
      </c>
      <c r="AD6929">
        <v>38947.236599999997</v>
      </c>
      <c r="AE6929">
        <v>33125.879970000002</v>
      </c>
      <c r="AF6929">
        <v>61633.336289999999</v>
      </c>
      <c r="AG6929">
        <v>24755.084289999999</v>
      </c>
      <c r="AH6929">
        <v>314252.87199999997</v>
      </c>
      <c r="AI6929">
        <v>93900.26844</v>
      </c>
      <c r="AJ6929">
        <v>23840.307970000002</v>
      </c>
      <c r="AK6929">
        <v>28430.60786</v>
      </c>
      <c r="AL6929">
        <v>94361.439270000003</v>
      </c>
      <c r="AM6929">
        <v>23998.76499</v>
      </c>
      <c r="AN6929">
        <v>108848.8575</v>
      </c>
      <c r="AO6929">
        <v>35389.791409999998</v>
      </c>
      <c r="AP6929">
        <v>22036.689480000001</v>
      </c>
    </row>
    <row r="6930" spans="2:42" x14ac:dyDescent="0.3">
      <c r="B6930">
        <v>60.916944894623171</v>
      </c>
      <c r="C6930" s="83">
        <v>43389.666666666664</v>
      </c>
      <c r="D6930">
        <v>283771.31020000001</v>
      </c>
      <c r="E6930">
        <v>34170.447970000001</v>
      </c>
      <c r="F6930">
        <v>93478.395969999998</v>
      </c>
      <c r="G6930">
        <v>73377.770149999997</v>
      </c>
      <c r="H6930">
        <v>49171.468280000001</v>
      </c>
      <c r="I6930">
        <v>39574.429100000001</v>
      </c>
      <c r="J6930">
        <v>32765.68446</v>
      </c>
      <c r="K6930">
        <v>60360.372530000001</v>
      </c>
      <c r="L6930">
        <v>23289.562519999999</v>
      </c>
      <c r="M6930">
        <v>310582.99320000003</v>
      </c>
      <c r="N6930">
        <v>90950.768679999994</v>
      </c>
      <c r="O6930">
        <v>22945.684379999999</v>
      </c>
      <c r="P6930">
        <v>28510.216609999999</v>
      </c>
      <c r="Q6930">
        <v>93480.445179999995</v>
      </c>
      <c r="R6930">
        <v>24179.697639999999</v>
      </c>
      <c r="S6930">
        <v>106040.66710000001</v>
      </c>
      <c r="T6930">
        <v>34732.929380000001</v>
      </c>
      <c r="U6930">
        <v>20764.580809999999</v>
      </c>
      <c r="W6930" s="83">
        <f>Bühler!N6962</f>
        <v>45580.666666649864</v>
      </c>
      <c r="X6930" s="83">
        <v>43389.666666666664</v>
      </c>
      <c r="Y6930">
        <v>283771.31020000001</v>
      </c>
      <c r="Z6930">
        <v>34170.447970000001</v>
      </c>
      <c r="AA6930">
        <v>93478.395969999998</v>
      </c>
      <c r="AB6930">
        <v>73377.770149999997</v>
      </c>
      <c r="AC6930">
        <v>49171.468280000001</v>
      </c>
      <c r="AD6930">
        <v>39574.429100000001</v>
      </c>
      <c r="AE6930">
        <v>32765.68446</v>
      </c>
      <c r="AF6930">
        <v>60360.372530000001</v>
      </c>
      <c r="AG6930">
        <v>23289.562519999999</v>
      </c>
      <c r="AH6930">
        <v>310582.99320000003</v>
      </c>
      <c r="AI6930">
        <v>90950.768679999994</v>
      </c>
      <c r="AJ6930">
        <v>22945.684379999999</v>
      </c>
      <c r="AK6930">
        <v>28510.216609999999</v>
      </c>
      <c r="AL6930">
        <v>93480.445179999995</v>
      </c>
      <c r="AM6930">
        <v>24179.697639999999</v>
      </c>
      <c r="AN6930">
        <v>106040.66710000001</v>
      </c>
      <c r="AO6930">
        <v>34732.929380000001</v>
      </c>
      <c r="AP6930">
        <v>20764.580809999999</v>
      </c>
    </row>
    <row r="6931" spans="2:42" x14ac:dyDescent="0.3">
      <c r="B6931">
        <v>59.980639586354926</v>
      </c>
      <c r="C6931" s="83">
        <v>43389.708333333336</v>
      </c>
      <c r="D6931">
        <v>274824.52889999998</v>
      </c>
      <c r="E6931">
        <v>32127.443029999999</v>
      </c>
      <c r="F6931">
        <v>93798.876499999998</v>
      </c>
      <c r="G6931">
        <v>64575.676570000003</v>
      </c>
      <c r="H6931">
        <v>47057.579019999997</v>
      </c>
      <c r="I6931">
        <v>39453.20491</v>
      </c>
      <c r="J6931">
        <v>32923.37947</v>
      </c>
      <c r="K6931">
        <v>54455.841249999998</v>
      </c>
      <c r="L6931">
        <v>24617.248889999999</v>
      </c>
      <c r="M6931">
        <v>305809.2721</v>
      </c>
      <c r="N6931">
        <v>87752.731440000003</v>
      </c>
      <c r="O6931">
        <v>21941.513019999999</v>
      </c>
      <c r="P6931">
        <v>29464.42613</v>
      </c>
      <c r="Q6931">
        <v>92622.167180000004</v>
      </c>
      <c r="R6931">
        <v>22838.566180000002</v>
      </c>
      <c r="S6931">
        <v>102616.1167</v>
      </c>
      <c r="T6931">
        <v>34289.202190000004</v>
      </c>
      <c r="U6931">
        <v>18610.372360000001</v>
      </c>
      <c r="W6931" s="83">
        <f>Bühler!N6963</f>
        <v>45580.708333316528</v>
      </c>
      <c r="X6931" s="83">
        <v>43389.708333333336</v>
      </c>
      <c r="Y6931">
        <v>274824.52889999998</v>
      </c>
      <c r="Z6931">
        <v>32127.443029999999</v>
      </c>
      <c r="AA6931">
        <v>93798.876499999998</v>
      </c>
      <c r="AB6931">
        <v>64575.676570000003</v>
      </c>
      <c r="AC6931">
        <v>47057.579019999997</v>
      </c>
      <c r="AD6931">
        <v>39453.20491</v>
      </c>
      <c r="AE6931">
        <v>32923.37947</v>
      </c>
      <c r="AF6931">
        <v>54455.841249999998</v>
      </c>
      <c r="AG6931">
        <v>24617.248889999999</v>
      </c>
      <c r="AH6931">
        <v>305809.2721</v>
      </c>
      <c r="AI6931">
        <v>87752.731440000003</v>
      </c>
      <c r="AJ6931">
        <v>21941.513019999999</v>
      </c>
      <c r="AK6931">
        <v>29464.42613</v>
      </c>
      <c r="AL6931">
        <v>92622.167180000004</v>
      </c>
      <c r="AM6931">
        <v>22838.566180000002</v>
      </c>
      <c r="AN6931">
        <v>102616.1167</v>
      </c>
      <c r="AO6931">
        <v>34289.202190000004</v>
      </c>
      <c r="AP6931">
        <v>18610.372360000001</v>
      </c>
    </row>
    <row r="6932" spans="2:42" x14ac:dyDescent="0.3">
      <c r="B6932">
        <v>59.031787858102774</v>
      </c>
      <c r="C6932" s="83">
        <v>43389.75</v>
      </c>
      <c r="D6932">
        <v>266605.04320000001</v>
      </c>
      <c r="E6932">
        <v>29238.388989999999</v>
      </c>
      <c r="F6932">
        <v>91663.969440000001</v>
      </c>
      <c r="G6932">
        <v>55443.061750000001</v>
      </c>
      <c r="H6932">
        <v>44993.240870000001</v>
      </c>
      <c r="I6932">
        <v>38215.139889999999</v>
      </c>
      <c r="J6932">
        <v>33013.12644</v>
      </c>
      <c r="K6932">
        <v>52998.828419999998</v>
      </c>
      <c r="L6932">
        <v>26753.174739999999</v>
      </c>
      <c r="M6932">
        <v>300971.58350000001</v>
      </c>
      <c r="N6932">
        <v>86553.974619999994</v>
      </c>
      <c r="O6932">
        <v>21185.350180000001</v>
      </c>
      <c r="P6932">
        <v>34304.728649999997</v>
      </c>
      <c r="Q6932">
        <v>90560.316779999994</v>
      </c>
      <c r="R6932">
        <v>21813.03586</v>
      </c>
      <c r="S6932">
        <v>96462.811950000003</v>
      </c>
      <c r="T6932">
        <v>34537.057999999997</v>
      </c>
      <c r="U6932">
        <v>17058.836169999999</v>
      </c>
      <c r="W6932" s="83">
        <f>Bühler!N6964</f>
        <v>45580.749999983193</v>
      </c>
      <c r="X6932" s="83">
        <v>43389.75</v>
      </c>
      <c r="Y6932">
        <v>266605.04320000001</v>
      </c>
      <c r="Z6932">
        <v>29238.388989999999</v>
      </c>
      <c r="AA6932">
        <v>91663.969440000001</v>
      </c>
      <c r="AB6932">
        <v>55443.061750000001</v>
      </c>
      <c r="AC6932">
        <v>44993.240870000001</v>
      </c>
      <c r="AD6932">
        <v>38215.139889999999</v>
      </c>
      <c r="AE6932">
        <v>33013.12644</v>
      </c>
      <c r="AF6932">
        <v>52998.828419999998</v>
      </c>
      <c r="AG6932">
        <v>26753.174739999999</v>
      </c>
      <c r="AH6932">
        <v>300971.58350000001</v>
      </c>
      <c r="AI6932">
        <v>86553.974619999994</v>
      </c>
      <c r="AJ6932">
        <v>21185.350180000001</v>
      </c>
      <c r="AK6932">
        <v>34304.728649999997</v>
      </c>
      <c r="AL6932">
        <v>90560.316779999994</v>
      </c>
      <c r="AM6932">
        <v>21813.03586</v>
      </c>
      <c r="AN6932">
        <v>96462.811950000003</v>
      </c>
      <c r="AO6932">
        <v>34537.057999999997</v>
      </c>
      <c r="AP6932">
        <v>17058.836169999999</v>
      </c>
    </row>
    <row r="6933" spans="2:42" x14ac:dyDescent="0.3">
      <c r="B6933">
        <v>58.311072754079831</v>
      </c>
      <c r="C6933" s="83">
        <v>43389.791666666664</v>
      </c>
      <c r="D6933">
        <v>263275.76880000002</v>
      </c>
      <c r="E6933">
        <v>24425.962350000002</v>
      </c>
      <c r="F6933">
        <v>80865.009290000002</v>
      </c>
      <c r="G6933">
        <v>51202.390939999997</v>
      </c>
      <c r="H6933">
        <v>44362.556320000003</v>
      </c>
      <c r="I6933">
        <v>36573.861949999999</v>
      </c>
      <c r="J6933">
        <v>34336.773800000003</v>
      </c>
      <c r="K6933">
        <v>52637.650390000003</v>
      </c>
      <c r="L6933">
        <v>28907.24538</v>
      </c>
      <c r="M6933">
        <v>297297.04180000001</v>
      </c>
      <c r="N6933">
        <v>85008.470830000006</v>
      </c>
      <c r="O6933">
        <v>21240.356960000001</v>
      </c>
      <c r="P6933">
        <v>37101.81265</v>
      </c>
      <c r="Q6933">
        <v>88612.198900000003</v>
      </c>
      <c r="R6933">
        <v>22645.431629999999</v>
      </c>
      <c r="S6933">
        <v>95687.593800000002</v>
      </c>
      <c r="T6933">
        <v>36453.901420000002</v>
      </c>
      <c r="U6933">
        <v>16314.74235</v>
      </c>
      <c r="W6933" s="83">
        <f>Bühler!N6965</f>
        <v>45580.791666649857</v>
      </c>
      <c r="X6933" s="83">
        <v>43389.791666666664</v>
      </c>
      <c r="Y6933">
        <v>263275.76880000002</v>
      </c>
      <c r="Z6933">
        <v>24425.962350000002</v>
      </c>
      <c r="AA6933">
        <v>80865.009290000002</v>
      </c>
      <c r="AB6933">
        <v>51202.390939999997</v>
      </c>
      <c r="AC6933">
        <v>44362.556320000003</v>
      </c>
      <c r="AD6933">
        <v>36573.861949999999</v>
      </c>
      <c r="AE6933">
        <v>34336.773800000003</v>
      </c>
      <c r="AF6933">
        <v>52637.650390000003</v>
      </c>
      <c r="AG6933">
        <v>28907.24538</v>
      </c>
      <c r="AH6933">
        <v>297297.04180000001</v>
      </c>
      <c r="AI6933">
        <v>85008.470830000006</v>
      </c>
      <c r="AJ6933">
        <v>21240.356960000001</v>
      </c>
      <c r="AK6933">
        <v>37101.81265</v>
      </c>
      <c r="AL6933">
        <v>88612.198900000003</v>
      </c>
      <c r="AM6933">
        <v>22645.431629999999</v>
      </c>
      <c r="AN6933">
        <v>95687.593800000002</v>
      </c>
      <c r="AO6933">
        <v>36453.901420000002</v>
      </c>
      <c r="AP6933">
        <v>16314.74235</v>
      </c>
    </row>
    <row r="6934" spans="2:42" x14ac:dyDescent="0.3">
      <c r="B6934">
        <v>56.547116478446085</v>
      </c>
      <c r="C6934" s="83">
        <v>43389.833333333336</v>
      </c>
      <c r="D6934">
        <v>253013.10819999999</v>
      </c>
      <c r="E6934">
        <v>18656.697039999999</v>
      </c>
      <c r="F6934">
        <v>63149.576549999998</v>
      </c>
      <c r="G6934">
        <v>45225.014000000003</v>
      </c>
      <c r="H6934">
        <v>42471.004780000003</v>
      </c>
      <c r="I6934">
        <v>32904.301570000003</v>
      </c>
      <c r="J6934">
        <v>33815.494720000002</v>
      </c>
      <c r="K6934">
        <v>51275.66143</v>
      </c>
      <c r="L6934">
        <v>28819.420569999998</v>
      </c>
      <c r="M6934">
        <v>288303.57010000001</v>
      </c>
      <c r="N6934">
        <v>82158.323279999997</v>
      </c>
      <c r="O6934">
        <v>20979.387729999999</v>
      </c>
      <c r="P6934">
        <v>37576.9378</v>
      </c>
      <c r="Q6934">
        <v>86221.810010000001</v>
      </c>
      <c r="R6934">
        <v>20500.013340000001</v>
      </c>
      <c r="S6934">
        <v>87140.483489999999</v>
      </c>
      <c r="T6934">
        <v>34868.928540000001</v>
      </c>
      <c r="U6934">
        <v>15501.57422</v>
      </c>
      <c r="W6934" s="83">
        <f>Bühler!N6966</f>
        <v>45580.833333316521</v>
      </c>
      <c r="X6934" s="83">
        <v>43389.833333333336</v>
      </c>
      <c r="Y6934">
        <v>253013.10819999999</v>
      </c>
      <c r="Z6934">
        <v>18656.697039999999</v>
      </c>
      <c r="AA6934">
        <v>63149.576549999998</v>
      </c>
      <c r="AB6934">
        <v>45225.014000000003</v>
      </c>
      <c r="AC6934">
        <v>42471.004780000003</v>
      </c>
      <c r="AD6934">
        <v>32904.301570000003</v>
      </c>
      <c r="AE6934">
        <v>33815.494720000002</v>
      </c>
      <c r="AF6934">
        <v>51275.66143</v>
      </c>
      <c r="AG6934">
        <v>28819.420569999998</v>
      </c>
      <c r="AH6934">
        <v>288303.57010000001</v>
      </c>
      <c r="AI6934">
        <v>82158.323279999997</v>
      </c>
      <c r="AJ6934">
        <v>20979.387729999999</v>
      </c>
      <c r="AK6934">
        <v>37576.9378</v>
      </c>
      <c r="AL6934">
        <v>86221.810010000001</v>
      </c>
      <c r="AM6934">
        <v>20500.013340000001</v>
      </c>
      <c r="AN6934">
        <v>87140.483489999999</v>
      </c>
      <c r="AO6934">
        <v>34868.928540000001</v>
      </c>
      <c r="AP6934">
        <v>15501.57422</v>
      </c>
    </row>
    <row r="6935" spans="2:42" x14ac:dyDescent="0.3">
      <c r="B6935">
        <v>54.573466359939985</v>
      </c>
      <c r="C6935" s="83">
        <v>43389.875</v>
      </c>
      <c r="D6935">
        <v>243816.69839999999</v>
      </c>
      <c r="E6935">
        <v>15741.802079999999</v>
      </c>
      <c r="F6935">
        <v>55351.95102</v>
      </c>
      <c r="G6935">
        <v>41204.512159999998</v>
      </c>
      <c r="H6935">
        <v>39663.744480000001</v>
      </c>
      <c r="I6935">
        <v>28223.455470000001</v>
      </c>
      <c r="J6935">
        <v>32793.273670000002</v>
      </c>
      <c r="K6935">
        <v>47620.728519999997</v>
      </c>
      <c r="L6935">
        <v>27175.543580000001</v>
      </c>
      <c r="M6935">
        <v>278240.98139999999</v>
      </c>
      <c r="N6935">
        <v>79544.472120000006</v>
      </c>
      <c r="O6935">
        <v>19042.935819999999</v>
      </c>
      <c r="P6935">
        <v>35672.161330000003</v>
      </c>
      <c r="Q6935">
        <v>84534.609949999998</v>
      </c>
      <c r="R6935">
        <v>18871.017810000001</v>
      </c>
      <c r="S6935">
        <v>81432.325809999995</v>
      </c>
      <c r="T6935">
        <v>31041.381839999998</v>
      </c>
      <c r="U6935">
        <v>13890.99245</v>
      </c>
      <c r="W6935" s="83">
        <f>Bühler!N6967</f>
        <v>45580.874999983185</v>
      </c>
      <c r="X6935" s="83">
        <v>43389.875</v>
      </c>
      <c r="Y6935">
        <v>243816.69839999999</v>
      </c>
      <c r="Z6935">
        <v>15741.802079999999</v>
      </c>
      <c r="AA6935">
        <v>55351.95102</v>
      </c>
      <c r="AB6935">
        <v>41204.512159999998</v>
      </c>
      <c r="AC6935">
        <v>39663.744480000001</v>
      </c>
      <c r="AD6935">
        <v>28223.455470000001</v>
      </c>
      <c r="AE6935">
        <v>32793.273670000002</v>
      </c>
      <c r="AF6935">
        <v>47620.728519999997</v>
      </c>
      <c r="AG6935">
        <v>27175.543580000001</v>
      </c>
      <c r="AH6935">
        <v>278240.98139999999</v>
      </c>
      <c r="AI6935">
        <v>79544.472120000006</v>
      </c>
      <c r="AJ6935">
        <v>19042.935819999999</v>
      </c>
      <c r="AK6935">
        <v>35672.161330000003</v>
      </c>
      <c r="AL6935">
        <v>84534.609949999998</v>
      </c>
      <c r="AM6935">
        <v>18871.017810000001</v>
      </c>
      <c r="AN6935">
        <v>81432.325809999995</v>
      </c>
      <c r="AO6935">
        <v>31041.381839999998</v>
      </c>
      <c r="AP6935">
        <v>13890.99245</v>
      </c>
    </row>
    <row r="6936" spans="2:42" x14ac:dyDescent="0.3">
      <c r="B6936">
        <v>54.187233193351176</v>
      </c>
      <c r="C6936" s="83">
        <v>43389.916666666664</v>
      </c>
      <c r="D6936">
        <v>243057.16870000001</v>
      </c>
      <c r="E6936">
        <v>15126.39875</v>
      </c>
      <c r="F6936">
        <v>53388.973180000001</v>
      </c>
      <c r="G6936">
        <v>38644.150690000002</v>
      </c>
      <c r="H6936">
        <v>38130.074399999998</v>
      </c>
      <c r="I6936">
        <v>25976.382399999999</v>
      </c>
      <c r="J6936">
        <v>31802.085719999999</v>
      </c>
      <c r="K6936">
        <v>51735.088250000001</v>
      </c>
      <c r="L6936">
        <v>24224.369190000001</v>
      </c>
      <c r="M6936">
        <v>276271.78460000001</v>
      </c>
      <c r="N6936">
        <v>79569.353400000007</v>
      </c>
      <c r="O6936">
        <v>19525.645280000001</v>
      </c>
      <c r="P6936">
        <v>34339.754690000002</v>
      </c>
      <c r="Q6936">
        <v>83088.11692</v>
      </c>
      <c r="R6936">
        <v>22205.966120000001</v>
      </c>
      <c r="S6936">
        <v>80012.704419999995</v>
      </c>
      <c r="T6936">
        <v>27003.840499999998</v>
      </c>
      <c r="U6936">
        <v>13530.981040000001</v>
      </c>
      <c r="W6936" s="83">
        <f>Bühler!N6968</f>
        <v>45580.91666664985</v>
      </c>
      <c r="X6936" s="83">
        <v>43389.916666666664</v>
      </c>
      <c r="Y6936">
        <v>243057.16870000001</v>
      </c>
      <c r="Z6936">
        <v>15126.39875</v>
      </c>
      <c r="AA6936">
        <v>53388.973180000001</v>
      </c>
      <c r="AB6936">
        <v>38644.150690000002</v>
      </c>
      <c r="AC6936">
        <v>38130.074399999998</v>
      </c>
      <c r="AD6936">
        <v>25976.382399999999</v>
      </c>
      <c r="AE6936">
        <v>31802.085719999999</v>
      </c>
      <c r="AF6936">
        <v>51735.088250000001</v>
      </c>
      <c r="AG6936">
        <v>24224.369190000001</v>
      </c>
      <c r="AH6936">
        <v>276271.78460000001</v>
      </c>
      <c r="AI6936">
        <v>79569.353400000007</v>
      </c>
      <c r="AJ6936">
        <v>19525.645280000001</v>
      </c>
      <c r="AK6936">
        <v>34339.754690000002</v>
      </c>
      <c r="AL6936">
        <v>83088.11692</v>
      </c>
      <c r="AM6936">
        <v>22205.966120000001</v>
      </c>
      <c r="AN6936">
        <v>80012.704419999995</v>
      </c>
      <c r="AO6936">
        <v>27003.840499999998</v>
      </c>
      <c r="AP6936">
        <v>13530.981040000001</v>
      </c>
    </row>
    <row r="6937" spans="2:42" x14ac:dyDescent="0.3">
      <c r="B6937">
        <v>54.072540330678336</v>
      </c>
      <c r="C6937" s="83">
        <v>43389.958333333336</v>
      </c>
      <c r="D6937">
        <v>242586.22839999999</v>
      </c>
      <c r="E6937">
        <v>14682.54393</v>
      </c>
      <c r="F6937">
        <v>52246.527869999998</v>
      </c>
      <c r="G6937">
        <v>37583.039389999998</v>
      </c>
      <c r="H6937">
        <v>37190.913710000001</v>
      </c>
      <c r="I6937">
        <v>24537.992910000001</v>
      </c>
      <c r="J6937">
        <v>29281.405409999999</v>
      </c>
      <c r="K6937">
        <v>50829.973989999999</v>
      </c>
      <c r="L6937">
        <v>20883.582610000001</v>
      </c>
      <c r="M6937">
        <v>275687.0269</v>
      </c>
      <c r="N6937">
        <v>79483.623070000001</v>
      </c>
      <c r="O6937">
        <v>19563.937819999999</v>
      </c>
      <c r="P6937">
        <v>29983.76282</v>
      </c>
      <c r="Q6937">
        <v>82886.384619999997</v>
      </c>
      <c r="R6937">
        <v>21285.48918</v>
      </c>
      <c r="S6937">
        <v>78597.058550000002</v>
      </c>
      <c r="T6937">
        <v>27248.38175</v>
      </c>
      <c r="U6937">
        <v>13145.487220000001</v>
      </c>
      <c r="W6937" s="83">
        <f>Bühler!N6969</f>
        <v>45580.958333316514</v>
      </c>
      <c r="X6937" s="83">
        <v>43389.958333333336</v>
      </c>
      <c r="Y6937">
        <v>242586.22839999999</v>
      </c>
      <c r="Z6937">
        <v>14682.54393</v>
      </c>
      <c r="AA6937">
        <v>52246.527869999998</v>
      </c>
      <c r="AB6937">
        <v>37583.039389999998</v>
      </c>
      <c r="AC6937">
        <v>37190.913710000001</v>
      </c>
      <c r="AD6937">
        <v>24537.992910000001</v>
      </c>
      <c r="AE6937">
        <v>29281.405409999999</v>
      </c>
      <c r="AF6937">
        <v>50829.973989999999</v>
      </c>
      <c r="AG6937">
        <v>20883.582610000001</v>
      </c>
      <c r="AH6937">
        <v>275687.0269</v>
      </c>
      <c r="AI6937">
        <v>79483.623070000001</v>
      </c>
      <c r="AJ6937">
        <v>19563.937819999999</v>
      </c>
      <c r="AK6937">
        <v>29983.76282</v>
      </c>
      <c r="AL6937">
        <v>82886.384619999997</v>
      </c>
      <c r="AM6937">
        <v>21285.48918</v>
      </c>
      <c r="AN6937">
        <v>78597.058550000002</v>
      </c>
      <c r="AO6937">
        <v>27248.38175</v>
      </c>
      <c r="AP6937">
        <v>13145.487220000001</v>
      </c>
    </row>
    <row r="6938" spans="2:42" x14ac:dyDescent="0.3">
      <c r="B6938">
        <v>53.544722959824057</v>
      </c>
      <c r="C6938" s="83">
        <v>43390</v>
      </c>
      <c r="D6938">
        <v>242343.06959999999</v>
      </c>
      <c r="E6938">
        <v>14197.98626</v>
      </c>
      <c r="F6938">
        <v>51161.006350000003</v>
      </c>
      <c r="G6938">
        <v>36607.994400000003</v>
      </c>
      <c r="H6938">
        <v>36503.147080000002</v>
      </c>
      <c r="I6938">
        <v>23270.156190000002</v>
      </c>
      <c r="J6938">
        <v>27733.97075</v>
      </c>
      <c r="K6938">
        <v>49644.406949999997</v>
      </c>
      <c r="L6938">
        <v>19160.63092</v>
      </c>
      <c r="M6938">
        <v>272995.96779999998</v>
      </c>
      <c r="N6938">
        <v>78101.645279999997</v>
      </c>
      <c r="O6938">
        <v>19353.129779999999</v>
      </c>
      <c r="P6938">
        <v>27258.560580000001</v>
      </c>
      <c r="Q6938">
        <v>82783.157930000001</v>
      </c>
      <c r="R6938">
        <v>19645.424889999998</v>
      </c>
      <c r="S6938">
        <v>77485.907009999995</v>
      </c>
      <c r="T6938">
        <v>25826.071520000001</v>
      </c>
      <c r="U6938">
        <v>12938.86435</v>
      </c>
      <c r="W6938" s="83">
        <f>Bühler!N6970</f>
        <v>45580.999999983178</v>
      </c>
      <c r="X6938" s="83">
        <v>43390</v>
      </c>
      <c r="Y6938">
        <v>242343.06959999999</v>
      </c>
      <c r="Z6938">
        <v>14197.98626</v>
      </c>
      <c r="AA6938">
        <v>51161.006350000003</v>
      </c>
      <c r="AB6938">
        <v>36607.994400000003</v>
      </c>
      <c r="AC6938">
        <v>36503.147080000002</v>
      </c>
      <c r="AD6938">
        <v>23270.156190000002</v>
      </c>
      <c r="AE6938">
        <v>27733.97075</v>
      </c>
      <c r="AF6938">
        <v>49644.406949999997</v>
      </c>
      <c r="AG6938">
        <v>19160.63092</v>
      </c>
      <c r="AH6938">
        <v>272995.96779999998</v>
      </c>
      <c r="AI6938">
        <v>78101.645279999997</v>
      </c>
      <c r="AJ6938">
        <v>19353.129779999999</v>
      </c>
      <c r="AK6938">
        <v>27258.560580000001</v>
      </c>
      <c r="AL6938">
        <v>82783.157930000001</v>
      </c>
      <c r="AM6938">
        <v>19645.424889999998</v>
      </c>
      <c r="AN6938">
        <v>77485.907009999995</v>
      </c>
      <c r="AO6938">
        <v>25826.071520000001</v>
      </c>
      <c r="AP6938">
        <v>12938.86435</v>
      </c>
    </row>
    <row r="6939" spans="2:42" x14ac:dyDescent="0.3">
      <c r="B6939">
        <v>52.625998428595068</v>
      </c>
      <c r="C6939" s="83">
        <v>43390.041666666664</v>
      </c>
      <c r="D6939">
        <v>241906.46340000001</v>
      </c>
      <c r="E6939">
        <v>14026.04196</v>
      </c>
      <c r="F6939">
        <v>51694.483789999998</v>
      </c>
      <c r="G6939">
        <v>35869.210740000002</v>
      </c>
      <c r="H6939">
        <v>35943.70336</v>
      </c>
      <c r="I6939">
        <v>18905.652730000002</v>
      </c>
      <c r="J6939">
        <v>27248.026620000001</v>
      </c>
      <c r="K6939">
        <v>48387.268109999997</v>
      </c>
      <c r="L6939">
        <v>18159.017390000001</v>
      </c>
      <c r="M6939">
        <v>268311.88170000003</v>
      </c>
      <c r="N6939">
        <v>77545.209700000007</v>
      </c>
      <c r="O6939">
        <v>19253.615679999999</v>
      </c>
      <c r="P6939">
        <v>25546.754430000001</v>
      </c>
      <c r="Q6939">
        <v>82746.07548</v>
      </c>
      <c r="R6939">
        <v>19167.635200000001</v>
      </c>
      <c r="S6939">
        <v>76504.817760000005</v>
      </c>
      <c r="T6939">
        <v>24718.195970000001</v>
      </c>
      <c r="U6939">
        <v>13081.02016</v>
      </c>
      <c r="W6939" s="83">
        <f>Bühler!N6971</f>
        <v>45581.041666649842</v>
      </c>
      <c r="X6939" s="83">
        <v>43390.041666666664</v>
      </c>
      <c r="Y6939">
        <v>241906.46340000001</v>
      </c>
      <c r="Z6939">
        <v>14026.04196</v>
      </c>
      <c r="AA6939">
        <v>51694.483789999998</v>
      </c>
      <c r="AB6939">
        <v>35869.210740000002</v>
      </c>
      <c r="AC6939">
        <v>35943.70336</v>
      </c>
      <c r="AD6939">
        <v>18905.652730000002</v>
      </c>
      <c r="AE6939">
        <v>27248.026620000001</v>
      </c>
      <c r="AF6939">
        <v>48387.268109999997</v>
      </c>
      <c r="AG6939">
        <v>18159.017390000001</v>
      </c>
      <c r="AH6939">
        <v>268311.88170000003</v>
      </c>
      <c r="AI6939">
        <v>77545.209700000007</v>
      </c>
      <c r="AJ6939">
        <v>19253.615679999999</v>
      </c>
      <c r="AK6939">
        <v>25546.754430000001</v>
      </c>
      <c r="AL6939">
        <v>82746.07548</v>
      </c>
      <c r="AM6939">
        <v>19167.635200000001</v>
      </c>
      <c r="AN6939">
        <v>76504.817760000005</v>
      </c>
      <c r="AO6939">
        <v>24718.195970000001</v>
      </c>
      <c r="AP6939">
        <v>13081.02016</v>
      </c>
    </row>
    <row r="6940" spans="2:42" x14ac:dyDescent="0.3">
      <c r="B6940">
        <v>52.968556500544615</v>
      </c>
      <c r="C6940" s="83">
        <v>43390.083333333336</v>
      </c>
      <c r="D6940">
        <v>240396.9504</v>
      </c>
      <c r="E6940">
        <v>13961.861080000001</v>
      </c>
      <c r="F6940">
        <v>51836.995690000003</v>
      </c>
      <c r="G6940">
        <v>35447.252849999997</v>
      </c>
      <c r="H6940">
        <v>35377.719109999998</v>
      </c>
      <c r="I6940">
        <v>17198.18363</v>
      </c>
      <c r="J6940">
        <v>27097.239860000001</v>
      </c>
      <c r="K6940">
        <v>47153.443870000003</v>
      </c>
      <c r="L6940">
        <v>17870.53414</v>
      </c>
      <c r="M6940">
        <v>270058.40250000003</v>
      </c>
      <c r="N6940">
        <v>76534.97954</v>
      </c>
      <c r="O6940">
        <v>19513.315790000001</v>
      </c>
      <c r="P6940">
        <v>25299.794819999999</v>
      </c>
      <c r="Q6940">
        <v>85300.798569999999</v>
      </c>
      <c r="R6940">
        <v>18712.992610000001</v>
      </c>
      <c r="S6940">
        <v>75363.520829999994</v>
      </c>
      <c r="T6940">
        <v>24482.06972</v>
      </c>
      <c r="U6940">
        <v>12968.41922</v>
      </c>
      <c r="W6940" s="83">
        <f>Bühler!N6972</f>
        <v>45581.083333316506</v>
      </c>
      <c r="X6940" s="83">
        <v>43390.083333333336</v>
      </c>
      <c r="Y6940">
        <v>240396.9504</v>
      </c>
      <c r="Z6940">
        <v>13961.861080000001</v>
      </c>
      <c r="AA6940">
        <v>51836.995690000003</v>
      </c>
      <c r="AB6940">
        <v>35447.252849999997</v>
      </c>
      <c r="AC6940">
        <v>35377.719109999998</v>
      </c>
      <c r="AD6940">
        <v>17198.18363</v>
      </c>
      <c r="AE6940">
        <v>27097.239860000001</v>
      </c>
      <c r="AF6940">
        <v>47153.443870000003</v>
      </c>
      <c r="AG6940">
        <v>17870.53414</v>
      </c>
      <c r="AH6940">
        <v>270058.40250000003</v>
      </c>
      <c r="AI6940">
        <v>76534.97954</v>
      </c>
      <c r="AJ6940">
        <v>19513.315790000001</v>
      </c>
      <c r="AK6940">
        <v>25299.794819999999</v>
      </c>
      <c r="AL6940">
        <v>85300.798569999999</v>
      </c>
      <c r="AM6940">
        <v>18712.992610000001</v>
      </c>
      <c r="AN6940">
        <v>75363.520829999994</v>
      </c>
      <c r="AO6940">
        <v>24482.06972</v>
      </c>
      <c r="AP6940">
        <v>12968.41922</v>
      </c>
    </row>
    <row r="6941" spans="2:42" x14ac:dyDescent="0.3">
      <c r="B6941">
        <v>53.194577723930379</v>
      </c>
      <c r="C6941" s="83">
        <v>43390.125</v>
      </c>
      <c r="D6941">
        <v>240961.97500000001</v>
      </c>
      <c r="E6941">
        <v>13959.79797</v>
      </c>
      <c r="F6941">
        <v>52106.250180000003</v>
      </c>
      <c r="G6941">
        <v>34678.084699999999</v>
      </c>
      <c r="H6941">
        <v>35938.435210000003</v>
      </c>
      <c r="I6941">
        <v>17426.750919999999</v>
      </c>
      <c r="J6941">
        <v>26971.420040000001</v>
      </c>
      <c r="K6941">
        <v>45722.111559999998</v>
      </c>
      <c r="L6941">
        <v>17600.060649999999</v>
      </c>
      <c r="M6941">
        <v>271210.76409999997</v>
      </c>
      <c r="N6941">
        <v>76791.377559999994</v>
      </c>
      <c r="O6941">
        <v>19791.43462</v>
      </c>
      <c r="P6941">
        <v>24439.27318</v>
      </c>
      <c r="Q6941">
        <v>88043.564840000006</v>
      </c>
      <c r="R6941">
        <v>18642.66964</v>
      </c>
      <c r="S6941">
        <v>74550.987680000006</v>
      </c>
      <c r="T6941">
        <v>24315.584920000001</v>
      </c>
      <c r="U6941">
        <v>12640.42901</v>
      </c>
      <c r="W6941" s="83">
        <f>Bühler!N6973</f>
        <v>45581.124999983171</v>
      </c>
      <c r="X6941" s="83">
        <v>43390.125</v>
      </c>
      <c r="Y6941">
        <v>240961.97500000001</v>
      </c>
      <c r="Z6941">
        <v>13959.79797</v>
      </c>
      <c r="AA6941">
        <v>52106.250180000003</v>
      </c>
      <c r="AB6941">
        <v>34678.084699999999</v>
      </c>
      <c r="AC6941">
        <v>35938.435210000003</v>
      </c>
      <c r="AD6941">
        <v>17426.750919999999</v>
      </c>
      <c r="AE6941">
        <v>26971.420040000001</v>
      </c>
      <c r="AF6941">
        <v>45722.111559999998</v>
      </c>
      <c r="AG6941">
        <v>17600.060649999999</v>
      </c>
      <c r="AH6941">
        <v>271210.76409999997</v>
      </c>
      <c r="AI6941">
        <v>76791.377559999994</v>
      </c>
      <c r="AJ6941">
        <v>19791.43462</v>
      </c>
      <c r="AK6941">
        <v>24439.27318</v>
      </c>
      <c r="AL6941">
        <v>88043.564840000006</v>
      </c>
      <c r="AM6941">
        <v>18642.66964</v>
      </c>
      <c r="AN6941">
        <v>74550.987680000006</v>
      </c>
      <c r="AO6941">
        <v>24315.584920000001</v>
      </c>
      <c r="AP6941">
        <v>12640.42901</v>
      </c>
    </row>
    <row r="6942" spans="2:42" x14ac:dyDescent="0.3">
      <c r="B6942">
        <v>54.302179210583326</v>
      </c>
      <c r="C6942" s="83">
        <v>43390.166666666664</v>
      </c>
      <c r="D6942">
        <v>244730.09460000001</v>
      </c>
      <c r="E6942">
        <v>14505.439329999999</v>
      </c>
      <c r="F6942">
        <v>55464.66029</v>
      </c>
      <c r="G6942">
        <v>34118.907859999999</v>
      </c>
      <c r="H6942">
        <v>36446.139629999998</v>
      </c>
      <c r="I6942">
        <v>19789.341090000002</v>
      </c>
      <c r="J6942">
        <v>28515.722679999999</v>
      </c>
      <c r="K6942">
        <v>43551.602279999999</v>
      </c>
      <c r="L6942">
        <v>17733.311280000002</v>
      </c>
      <c r="M6942">
        <v>276857.83299999998</v>
      </c>
      <c r="N6942">
        <v>74842.971990000005</v>
      </c>
      <c r="O6942">
        <v>19823.61246</v>
      </c>
      <c r="P6942">
        <v>24556.41289</v>
      </c>
      <c r="Q6942">
        <v>91212.903959999996</v>
      </c>
      <c r="R6942">
        <v>18398.838619999999</v>
      </c>
      <c r="S6942">
        <v>75640.946259999997</v>
      </c>
      <c r="T6942">
        <v>24504.094789999999</v>
      </c>
      <c r="U6942">
        <v>13187.723969999999</v>
      </c>
      <c r="W6942" s="83">
        <f>Bühler!N6974</f>
        <v>45581.166666649835</v>
      </c>
      <c r="X6942" s="83">
        <v>43390.166666666664</v>
      </c>
      <c r="Y6942">
        <v>244730.09460000001</v>
      </c>
      <c r="Z6942">
        <v>14505.439329999999</v>
      </c>
      <c r="AA6942">
        <v>55464.66029</v>
      </c>
      <c r="AB6942">
        <v>34118.907859999999</v>
      </c>
      <c r="AC6942">
        <v>36446.139629999998</v>
      </c>
      <c r="AD6942">
        <v>19789.341090000002</v>
      </c>
      <c r="AE6942">
        <v>28515.722679999999</v>
      </c>
      <c r="AF6942">
        <v>43551.602279999999</v>
      </c>
      <c r="AG6942">
        <v>17733.311280000002</v>
      </c>
      <c r="AH6942">
        <v>276857.83299999998</v>
      </c>
      <c r="AI6942">
        <v>74842.971990000005</v>
      </c>
      <c r="AJ6942">
        <v>19823.61246</v>
      </c>
      <c r="AK6942">
        <v>24556.41289</v>
      </c>
      <c r="AL6942">
        <v>91212.903959999996</v>
      </c>
      <c r="AM6942">
        <v>18398.838619999999</v>
      </c>
      <c r="AN6942">
        <v>75640.946259999997</v>
      </c>
      <c r="AO6942">
        <v>24504.094789999999</v>
      </c>
      <c r="AP6942">
        <v>13187.723969999999</v>
      </c>
    </row>
    <row r="6943" spans="2:42" x14ac:dyDescent="0.3">
      <c r="B6943">
        <v>56.854072177480809</v>
      </c>
      <c r="C6943" s="83">
        <v>43390.208333333336</v>
      </c>
      <c r="D6943">
        <v>260513.46460000001</v>
      </c>
      <c r="E6943">
        <v>16675.031159999999</v>
      </c>
      <c r="F6943">
        <v>66107.561480000004</v>
      </c>
      <c r="G6943">
        <v>36601.070070000002</v>
      </c>
      <c r="H6943">
        <v>38470.847739999997</v>
      </c>
      <c r="I6943">
        <v>28541.259719999998</v>
      </c>
      <c r="J6943">
        <v>31249.322990000001</v>
      </c>
      <c r="K6943">
        <v>44957.574209999999</v>
      </c>
      <c r="L6943">
        <v>18950.295010000002</v>
      </c>
      <c r="M6943">
        <v>289868.57339999999</v>
      </c>
      <c r="N6943">
        <v>76056.887499999997</v>
      </c>
      <c r="O6943">
        <v>20620.366610000001</v>
      </c>
      <c r="P6943">
        <v>25843.378410000001</v>
      </c>
      <c r="Q6943">
        <v>93478.226460000005</v>
      </c>
      <c r="R6943">
        <v>19378.738499999999</v>
      </c>
      <c r="S6943">
        <v>77868.271590000004</v>
      </c>
      <c r="T6943">
        <v>25779.44687</v>
      </c>
      <c r="U6943">
        <v>15241.959339999999</v>
      </c>
      <c r="W6943" s="83">
        <f>Bühler!N6975</f>
        <v>45581.208333316499</v>
      </c>
      <c r="X6943" s="83">
        <v>43390.208333333336</v>
      </c>
      <c r="Y6943">
        <v>260513.46460000001</v>
      </c>
      <c r="Z6943">
        <v>16675.031159999999</v>
      </c>
      <c r="AA6943">
        <v>66107.561480000004</v>
      </c>
      <c r="AB6943">
        <v>36601.070070000002</v>
      </c>
      <c r="AC6943">
        <v>38470.847739999997</v>
      </c>
      <c r="AD6943">
        <v>28541.259719999998</v>
      </c>
      <c r="AE6943">
        <v>31249.322990000001</v>
      </c>
      <c r="AF6943">
        <v>44957.574209999999</v>
      </c>
      <c r="AG6943">
        <v>18950.295010000002</v>
      </c>
      <c r="AH6943">
        <v>289868.57339999999</v>
      </c>
      <c r="AI6943">
        <v>76056.887499999997</v>
      </c>
      <c r="AJ6943">
        <v>20620.366610000001</v>
      </c>
      <c r="AK6943">
        <v>25843.378410000001</v>
      </c>
      <c r="AL6943">
        <v>93478.226460000005</v>
      </c>
      <c r="AM6943">
        <v>19378.738499999999</v>
      </c>
      <c r="AN6943">
        <v>77868.271590000004</v>
      </c>
      <c r="AO6943">
        <v>25779.44687</v>
      </c>
      <c r="AP6943">
        <v>15241.959339999999</v>
      </c>
    </row>
    <row r="6944" spans="2:42" x14ac:dyDescent="0.3">
      <c r="B6944">
        <v>60.017270288113828</v>
      </c>
      <c r="C6944" s="83">
        <v>43390.25</v>
      </c>
      <c r="D6944">
        <v>275629.84379999997</v>
      </c>
      <c r="E6944">
        <v>21006.095519999999</v>
      </c>
      <c r="F6944">
        <v>77483.269029999996</v>
      </c>
      <c r="G6944">
        <v>48557.679429999997</v>
      </c>
      <c r="H6944">
        <v>42045.876340000003</v>
      </c>
      <c r="I6944">
        <v>36878.678999999996</v>
      </c>
      <c r="J6944">
        <v>35480.064149999998</v>
      </c>
      <c r="K6944">
        <v>49739.453399999999</v>
      </c>
      <c r="L6944">
        <v>20414.901549999999</v>
      </c>
      <c r="M6944">
        <v>305996.03249999997</v>
      </c>
      <c r="N6944">
        <v>79530.915959999998</v>
      </c>
      <c r="O6944">
        <v>21537.543409999998</v>
      </c>
      <c r="P6944">
        <v>28068.64388</v>
      </c>
      <c r="Q6944">
        <v>94420.74583</v>
      </c>
      <c r="R6944">
        <v>18239.563419999999</v>
      </c>
      <c r="S6944">
        <v>86530.696049999999</v>
      </c>
      <c r="T6944">
        <v>29397.640940000001</v>
      </c>
      <c r="U6944">
        <v>18232.31295</v>
      </c>
      <c r="W6944" s="83">
        <f>Bühler!N6976</f>
        <v>45581.249999983163</v>
      </c>
      <c r="X6944" s="83">
        <v>43390.25</v>
      </c>
      <c r="Y6944">
        <v>275629.84379999997</v>
      </c>
      <c r="Z6944">
        <v>21006.095519999999</v>
      </c>
      <c r="AA6944">
        <v>77483.269029999996</v>
      </c>
      <c r="AB6944">
        <v>48557.679429999997</v>
      </c>
      <c r="AC6944">
        <v>42045.876340000003</v>
      </c>
      <c r="AD6944">
        <v>36878.678999999996</v>
      </c>
      <c r="AE6944">
        <v>35480.064149999998</v>
      </c>
      <c r="AF6944">
        <v>49739.453399999999</v>
      </c>
      <c r="AG6944">
        <v>20414.901549999999</v>
      </c>
      <c r="AH6944">
        <v>305996.03249999997</v>
      </c>
      <c r="AI6944">
        <v>79530.915959999998</v>
      </c>
      <c r="AJ6944">
        <v>21537.543409999998</v>
      </c>
      <c r="AK6944">
        <v>28068.64388</v>
      </c>
      <c r="AL6944">
        <v>94420.74583</v>
      </c>
      <c r="AM6944">
        <v>18239.563419999999</v>
      </c>
      <c r="AN6944">
        <v>86530.696049999999</v>
      </c>
      <c r="AO6944">
        <v>29397.640940000001</v>
      </c>
      <c r="AP6944">
        <v>18232.31295</v>
      </c>
    </row>
    <row r="6945" spans="2:42" x14ac:dyDescent="0.3">
      <c r="B6945">
        <v>62.489161334307532</v>
      </c>
      <c r="C6945" s="83">
        <v>43390.291666666664</v>
      </c>
      <c r="D6945">
        <v>291345.90970000002</v>
      </c>
      <c r="E6945">
        <v>26757.211719999999</v>
      </c>
      <c r="F6945">
        <v>80548.919009999998</v>
      </c>
      <c r="G6945">
        <v>63350.74757</v>
      </c>
      <c r="H6945">
        <v>48571.430160000004</v>
      </c>
      <c r="I6945">
        <v>45844.201950000002</v>
      </c>
      <c r="J6945">
        <v>37607.598859999998</v>
      </c>
      <c r="K6945">
        <v>55488.773070000003</v>
      </c>
      <c r="L6945">
        <v>22024.299920000001</v>
      </c>
      <c r="M6945">
        <v>318598.88579999999</v>
      </c>
      <c r="N6945">
        <v>85734.594249999995</v>
      </c>
      <c r="O6945">
        <v>24213.384249999999</v>
      </c>
      <c r="P6945">
        <v>32737.46459</v>
      </c>
      <c r="Q6945">
        <v>94062.746140000003</v>
      </c>
      <c r="R6945">
        <v>21331.826430000001</v>
      </c>
      <c r="S6945">
        <v>103078.8817</v>
      </c>
      <c r="T6945">
        <v>32484.07026</v>
      </c>
      <c r="U6945">
        <v>24099.5651</v>
      </c>
      <c r="W6945" s="83">
        <f>Bühler!N6977</f>
        <v>45581.291666649828</v>
      </c>
      <c r="X6945" s="83">
        <v>43390.291666666664</v>
      </c>
      <c r="Y6945">
        <v>291345.90970000002</v>
      </c>
      <c r="Z6945">
        <v>26757.211719999999</v>
      </c>
      <c r="AA6945">
        <v>80548.919009999998</v>
      </c>
      <c r="AB6945">
        <v>63350.74757</v>
      </c>
      <c r="AC6945">
        <v>48571.430160000004</v>
      </c>
      <c r="AD6945">
        <v>45844.201950000002</v>
      </c>
      <c r="AE6945">
        <v>37607.598859999998</v>
      </c>
      <c r="AF6945">
        <v>55488.773070000003</v>
      </c>
      <c r="AG6945">
        <v>22024.299920000001</v>
      </c>
      <c r="AH6945">
        <v>318598.88579999999</v>
      </c>
      <c r="AI6945">
        <v>85734.594249999995</v>
      </c>
      <c r="AJ6945">
        <v>24213.384249999999</v>
      </c>
      <c r="AK6945">
        <v>32737.46459</v>
      </c>
      <c r="AL6945">
        <v>94062.746140000003</v>
      </c>
      <c r="AM6945">
        <v>21331.826430000001</v>
      </c>
      <c r="AN6945">
        <v>103078.8817</v>
      </c>
      <c r="AO6945">
        <v>32484.07026</v>
      </c>
      <c r="AP6945">
        <v>24099.5651</v>
      </c>
    </row>
    <row r="6946" spans="2:42" x14ac:dyDescent="0.3">
      <c r="B6946">
        <v>63.51206019255509</v>
      </c>
      <c r="C6946" s="83">
        <v>43390.333333333336</v>
      </c>
      <c r="D6946">
        <v>303334.03129999997</v>
      </c>
      <c r="E6946">
        <v>32498.092560000001</v>
      </c>
      <c r="F6946">
        <v>87983.201310000004</v>
      </c>
      <c r="G6946">
        <v>79446.856400000004</v>
      </c>
      <c r="H6946">
        <v>53494.433470000004</v>
      </c>
      <c r="I6946">
        <v>48478.243920000001</v>
      </c>
      <c r="J6946">
        <v>37153.928399999997</v>
      </c>
      <c r="K6946">
        <v>61116.047789999997</v>
      </c>
      <c r="L6946">
        <v>26545.421350000001</v>
      </c>
      <c r="M6946">
        <v>323814.10119999998</v>
      </c>
      <c r="N6946">
        <v>95939.053499999995</v>
      </c>
      <c r="O6946">
        <v>26140.659619999999</v>
      </c>
      <c r="P6946">
        <v>33930.53254</v>
      </c>
      <c r="Q6946">
        <v>94887.424369999993</v>
      </c>
      <c r="R6946">
        <v>21767.35888</v>
      </c>
      <c r="S6946">
        <v>117424.5481</v>
      </c>
      <c r="T6946">
        <v>36230.004670000002</v>
      </c>
      <c r="U6946">
        <v>27406.409390000001</v>
      </c>
      <c r="W6946" s="83">
        <f>Bühler!N6978</f>
        <v>45581.333333316492</v>
      </c>
      <c r="X6946" s="83">
        <v>43390.333333333336</v>
      </c>
      <c r="Y6946">
        <v>303334.03129999997</v>
      </c>
      <c r="Z6946">
        <v>32498.092560000001</v>
      </c>
      <c r="AA6946">
        <v>87983.201310000004</v>
      </c>
      <c r="AB6946">
        <v>79446.856400000004</v>
      </c>
      <c r="AC6946">
        <v>53494.433470000004</v>
      </c>
      <c r="AD6946">
        <v>48478.243920000001</v>
      </c>
      <c r="AE6946">
        <v>37153.928399999997</v>
      </c>
      <c r="AF6946">
        <v>61116.047789999997</v>
      </c>
      <c r="AG6946">
        <v>26545.421350000001</v>
      </c>
      <c r="AH6946">
        <v>323814.10119999998</v>
      </c>
      <c r="AI6946">
        <v>95939.053499999995</v>
      </c>
      <c r="AJ6946">
        <v>26140.659619999999</v>
      </c>
      <c r="AK6946">
        <v>33930.53254</v>
      </c>
      <c r="AL6946">
        <v>94887.424369999993</v>
      </c>
      <c r="AM6946">
        <v>21767.35888</v>
      </c>
      <c r="AN6946">
        <v>117424.5481</v>
      </c>
      <c r="AO6946">
        <v>36230.004670000002</v>
      </c>
      <c r="AP6946">
        <v>27406.409390000001</v>
      </c>
    </row>
    <row r="6947" spans="2:42" x14ac:dyDescent="0.3">
      <c r="B6947">
        <v>63.3962577609216</v>
      </c>
      <c r="C6947" s="83">
        <v>43390.375</v>
      </c>
      <c r="D6947">
        <v>302075.95529999997</v>
      </c>
      <c r="E6947">
        <v>36244.864889999997</v>
      </c>
      <c r="F6947">
        <v>93683.016180000006</v>
      </c>
      <c r="G6947">
        <v>86257.162100000001</v>
      </c>
      <c r="H6947">
        <v>54953.823450000004</v>
      </c>
      <c r="I6947">
        <v>46121.571810000001</v>
      </c>
      <c r="J6947">
        <v>35939.679150000004</v>
      </c>
      <c r="K6947">
        <v>62294.739659999999</v>
      </c>
      <c r="L6947">
        <v>29623.34506</v>
      </c>
      <c r="M6947">
        <v>323223.68640000001</v>
      </c>
      <c r="N6947">
        <v>98489.564249999996</v>
      </c>
      <c r="O6947">
        <v>26710.105629999998</v>
      </c>
      <c r="P6947">
        <v>35631.455730000001</v>
      </c>
      <c r="Q6947">
        <v>95504.316949999993</v>
      </c>
      <c r="R6947">
        <v>22977.338459999999</v>
      </c>
      <c r="S6947">
        <v>123079.5304</v>
      </c>
      <c r="T6947">
        <v>37976.919470000001</v>
      </c>
      <c r="U6947">
        <v>27251.968519999999</v>
      </c>
      <c r="W6947" s="83">
        <f>Bühler!N6979</f>
        <v>45581.374999983156</v>
      </c>
      <c r="X6947" s="83">
        <v>43390.375</v>
      </c>
      <c r="Y6947">
        <v>302075.95529999997</v>
      </c>
      <c r="Z6947">
        <v>36244.864889999997</v>
      </c>
      <c r="AA6947">
        <v>93683.016180000006</v>
      </c>
      <c r="AB6947">
        <v>86257.162100000001</v>
      </c>
      <c r="AC6947">
        <v>54953.823450000004</v>
      </c>
      <c r="AD6947">
        <v>46121.571810000001</v>
      </c>
      <c r="AE6947">
        <v>35939.679150000004</v>
      </c>
      <c r="AF6947">
        <v>62294.739659999999</v>
      </c>
      <c r="AG6947">
        <v>29623.34506</v>
      </c>
      <c r="AH6947">
        <v>323223.68640000001</v>
      </c>
      <c r="AI6947">
        <v>98489.564249999996</v>
      </c>
      <c r="AJ6947">
        <v>26710.105629999998</v>
      </c>
      <c r="AK6947">
        <v>35631.455730000001</v>
      </c>
      <c r="AL6947">
        <v>95504.316949999993</v>
      </c>
      <c r="AM6947">
        <v>22977.338459999999</v>
      </c>
      <c r="AN6947">
        <v>123079.5304</v>
      </c>
      <c r="AO6947">
        <v>37976.919470000001</v>
      </c>
      <c r="AP6947">
        <v>27251.968519999999</v>
      </c>
    </row>
    <row r="6948" spans="2:42" x14ac:dyDescent="0.3">
      <c r="B6948">
        <v>63.29713589444161</v>
      </c>
      <c r="C6948" s="83">
        <v>43390.416666666664</v>
      </c>
      <c r="D6948">
        <v>304120.57909999997</v>
      </c>
      <c r="E6948">
        <v>37534.766839999997</v>
      </c>
      <c r="F6948">
        <v>94230.164300000004</v>
      </c>
      <c r="G6948">
        <v>86843.260800000004</v>
      </c>
      <c r="H6948">
        <v>55260.002339999999</v>
      </c>
      <c r="I6948">
        <v>41920.026149999998</v>
      </c>
      <c r="J6948">
        <v>34206.942020000002</v>
      </c>
      <c r="K6948">
        <v>63643.338179999999</v>
      </c>
      <c r="L6948">
        <v>30676.116129999999</v>
      </c>
      <c r="M6948">
        <v>322718.31689999998</v>
      </c>
      <c r="N6948">
        <v>99304.466790000006</v>
      </c>
      <c r="O6948">
        <v>26671.991590000001</v>
      </c>
      <c r="P6948">
        <v>35545.002699999997</v>
      </c>
      <c r="Q6948">
        <v>96112.052639999994</v>
      </c>
      <c r="R6948">
        <v>23725.702140000001</v>
      </c>
      <c r="S6948">
        <v>122514.31419999999</v>
      </c>
      <c r="T6948">
        <v>39247.761019999998</v>
      </c>
      <c r="U6948">
        <v>26800.967359999999</v>
      </c>
      <c r="W6948" s="83">
        <f>Bühler!N6980</f>
        <v>45581.41666664982</v>
      </c>
      <c r="X6948" s="83">
        <v>43390.416666666664</v>
      </c>
      <c r="Y6948">
        <v>304120.57909999997</v>
      </c>
      <c r="Z6948">
        <v>37534.766839999997</v>
      </c>
      <c r="AA6948">
        <v>94230.164300000004</v>
      </c>
      <c r="AB6948">
        <v>86843.260800000004</v>
      </c>
      <c r="AC6948">
        <v>55260.002339999999</v>
      </c>
      <c r="AD6948">
        <v>41920.026149999998</v>
      </c>
      <c r="AE6948">
        <v>34206.942020000002</v>
      </c>
      <c r="AF6948">
        <v>63643.338179999999</v>
      </c>
      <c r="AG6948">
        <v>30676.116129999999</v>
      </c>
      <c r="AH6948">
        <v>322718.31689999998</v>
      </c>
      <c r="AI6948">
        <v>99304.466790000006</v>
      </c>
      <c r="AJ6948">
        <v>26671.991590000001</v>
      </c>
      <c r="AK6948">
        <v>35545.002699999997</v>
      </c>
      <c r="AL6948">
        <v>96112.052639999994</v>
      </c>
      <c r="AM6948">
        <v>23725.702140000001</v>
      </c>
      <c r="AN6948">
        <v>122514.31419999999</v>
      </c>
      <c r="AO6948">
        <v>39247.761019999998</v>
      </c>
      <c r="AP6948">
        <v>26800.967359999999</v>
      </c>
    </row>
    <row r="6949" spans="2:42" x14ac:dyDescent="0.3">
      <c r="B6949">
        <v>63.329898197612167</v>
      </c>
      <c r="C6949" s="83">
        <v>43390.458333333336</v>
      </c>
      <c r="D6949">
        <v>301622.8175</v>
      </c>
      <c r="E6949">
        <v>36816.222679999999</v>
      </c>
      <c r="F6949">
        <v>93051.380319999997</v>
      </c>
      <c r="G6949">
        <v>84863.794710000002</v>
      </c>
      <c r="H6949">
        <v>54461.929429999997</v>
      </c>
      <c r="I6949">
        <v>40801.271809999998</v>
      </c>
      <c r="J6949">
        <v>36188.808720000001</v>
      </c>
      <c r="K6949">
        <v>64300.537230000002</v>
      </c>
      <c r="L6949">
        <v>32013.116999999998</v>
      </c>
      <c r="M6949">
        <v>322885.35440000001</v>
      </c>
      <c r="N6949">
        <v>97362.729500000001</v>
      </c>
      <c r="O6949">
        <v>26135.579140000002</v>
      </c>
      <c r="P6949">
        <v>34272.585189999998</v>
      </c>
      <c r="Q6949">
        <v>96098.299719999995</v>
      </c>
      <c r="R6949">
        <v>23881.885289999998</v>
      </c>
      <c r="S6949">
        <v>123662.2225</v>
      </c>
      <c r="T6949">
        <v>38379.073199999999</v>
      </c>
      <c r="U6949">
        <v>25530.641680000001</v>
      </c>
      <c r="W6949" s="83">
        <f>Bühler!N6981</f>
        <v>45581.458333316485</v>
      </c>
      <c r="X6949" s="83">
        <v>43390.458333333336</v>
      </c>
      <c r="Y6949">
        <v>301622.8175</v>
      </c>
      <c r="Z6949">
        <v>36816.222679999999</v>
      </c>
      <c r="AA6949">
        <v>93051.380319999997</v>
      </c>
      <c r="AB6949">
        <v>84863.794710000002</v>
      </c>
      <c r="AC6949">
        <v>54461.929429999997</v>
      </c>
      <c r="AD6949">
        <v>40801.271809999998</v>
      </c>
      <c r="AE6949">
        <v>36188.808720000001</v>
      </c>
      <c r="AF6949">
        <v>64300.537230000002</v>
      </c>
      <c r="AG6949">
        <v>32013.116999999998</v>
      </c>
      <c r="AH6949">
        <v>322885.35440000001</v>
      </c>
      <c r="AI6949">
        <v>97362.729500000001</v>
      </c>
      <c r="AJ6949">
        <v>26135.579140000002</v>
      </c>
      <c r="AK6949">
        <v>34272.585189999998</v>
      </c>
      <c r="AL6949">
        <v>96098.299719999995</v>
      </c>
      <c r="AM6949">
        <v>23881.885289999998</v>
      </c>
      <c r="AN6949">
        <v>123662.2225</v>
      </c>
      <c r="AO6949">
        <v>38379.073199999999</v>
      </c>
      <c r="AP6949">
        <v>25530.641680000001</v>
      </c>
    </row>
    <row r="6950" spans="2:42" x14ac:dyDescent="0.3">
      <c r="B6950">
        <v>62.072910905715709</v>
      </c>
      <c r="C6950" s="83">
        <v>43390.5</v>
      </c>
      <c r="D6950">
        <v>288620.4449</v>
      </c>
      <c r="E6950">
        <v>33263.345079999999</v>
      </c>
      <c r="F6950">
        <v>87381.044850000006</v>
      </c>
      <c r="G6950">
        <v>78268.929480000006</v>
      </c>
      <c r="H6950">
        <v>51061.892350000002</v>
      </c>
      <c r="I6950">
        <v>38987.141739999999</v>
      </c>
      <c r="J6950">
        <v>35956.043729999998</v>
      </c>
      <c r="K6950">
        <v>58966.94356</v>
      </c>
      <c r="L6950">
        <v>34652.133119999999</v>
      </c>
      <c r="M6950">
        <v>316476.647</v>
      </c>
      <c r="N6950">
        <v>95443.110350000003</v>
      </c>
      <c r="O6950">
        <v>25635.054899999999</v>
      </c>
      <c r="P6950">
        <v>35568.897530000002</v>
      </c>
      <c r="Q6950">
        <v>94190.815969999996</v>
      </c>
      <c r="R6950">
        <v>24324.062310000001</v>
      </c>
      <c r="S6950">
        <v>115492.461</v>
      </c>
      <c r="T6950">
        <v>37132.930180000003</v>
      </c>
      <c r="U6950">
        <v>20482.445240000001</v>
      </c>
      <c r="W6950" s="83">
        <f>Bühler!N6982</f>
        <v>45581.499999983149</v>
      </c>
      <c r="X6950" s="83">
        <v>43390.5</v>
      </c>
      <c r="Y6950">
        <v>288620.4449</v>
      </c>
      <c r="Z6950">
        <v>33263.345079999999</v>
      </c>
      <c r="AA6950">
        <v>87381.044850000006</v>
      </c>
      <c r="AB6950">
        <v>78268.929480000006</v>
      </c>
      <c r="AC6950">
        <v>51061.892350000002</v>
      </c>
      <c r="AD6950">
        <v>38987.141739999999</v>
      </c>
      <c r="AE6950">
        <v>35956.043729999998</v>
      </c>
      <c r="AF6950">
        <v>58966.94356</v>
      </c>
      <c r="AG6950">
        <v>34652.133119999999</v>
      </c>
      <c r="AH6950">
        <v>316476.647</v>
      </c>
      <c r="AI6950">
        <v>95443.110350000003</v>
      </c>
      <c r="AJ6950">
        <v>25635.054899999999</v>
      </c>
      <c r="AK6950">
        <v>35568.897530000002</v>
      </c>
      <c r="AL6950">
        <v>94190.815969999996</v>
      </c>
      <c r="AM6950">
        <v>24324.062310000001</v>
      </c>
      <c r="AN6950">
        <v>115492.461</v>
      </c>
      <c r="AO6950">
        <v>37132.930180000003</v>
      </c>
      <c r="AP6950">
        <v>20482.445240000001</v>
      </c>
    </row>
    <row r="6951" spans="2:42" x14ac:dyDescent="0.3">
      <c r="B6951">
        <v>61.535474230405818</v>
      </c>
      <c r="C6951" s="83">
        <v>43390.541666666664</v>
      </c>
      <c r="D6951">
        <v>289214.94530000002</v>
      </c>
      <c r="E6951">
        <v>33524.175069999998</v>
      </c>
      <c r="F6951">
        <v>84769.181970000005</v>
      </c>
      <c r="G6951">
        <v>72992.897320000004</v>
      </c>
      <c r="H6951">
        <v>52032.542229999999</v>
      </c>
      <c r="I6951">
        <v>38344.68404</v>
      </c>
      <c r="J6951">
        <v>34684.604220000001</v>
      </c>
      <c r="K6951">
        <v>60822.377849999997</v>
      </c>
      <c r="L6951">
        <v>32578.43044</v>
      </c>
      <c r="M6951">
        <v>313736.5442</v>
      </c>
      <c r="N6951">
        <v>96300.678230000005</v>
      </c>
      <c r="O6951">
        <v>25794.993890000002</v>
      </c>
      <c r="P6951">
        <v>34402.0072</v>
      </c>
      <c r="Q6951">
        <v>93247.769769999999</v>
      </c>
      <c r="R6951">
        <v>25249.147110000002</v>
      </c>
      <c r="S6951">
        <v>116320.06690000001</v>
      </c>
      <c r="T6951">
        <v>36254.466820000001</v>
      </c>
      <c r="U6951">
        <v>22895.889609999998</v>
      </c>
      <c r="W6951" s="83">
        <f>Bühler!N6983</f>
        <v>45581.541666649813</v>
      </c>
      <c r="X6951" s="83">
        <v>43390.541666666664</v>
      </c>
      <c r="Y6951">
        <v>289214.94530000002</v>
      </c>
      <c r="Z6951">
        <v>33524.175069999998</v>
      </c>
      <c r="AA6951">
        <v>84769.181970000005</v>
      </c>
      <c r="AB6951">
        <v>72992.897320000004</v>
      </c>
      <c r="AC6951">
        <v>52032.542229999999</v>
      </c>
      <c r="AD6951">
        <v>38344.68404</v>
      </c>
      <c r="AE6951">
        <v>34684.604220000001</v>
      </c>
      <c r="AF6951">
        <v>60822.377849999997</v>
      </c>
      <c r="AG6951">
        <v>32578.43044</v>
      </c>
      <c r="AH6951">
        <v>313736.5442</v>
      </c>
      <c r="AI6951">
        <v>96300.678230000005</v>
      </c>
      <c r="AJ6951">
        <v>25794.993890000002</v>
      </c>
      <c r="AK6951">
        <v>34402.0072</v>
      </c>
      <c r="AL6951">
        <v>93247.769769999999</v>
      </c>
      <c r="AM6951">
        <v>25249.147110000002</v>
      </c>
      <c r="AN6951">
        <v>116320.06690000001</v>
      </c>
      <c r="AO6951">
        <v>36254.466820000001</v>
      </c>
      <c r="AP6951">
        <v>22895.889609999998</v>
      </c>
    </row>
    <row r="6952" spans="2:42" x14ac:dyDescent="0.3">
      <c r="B6952">
        <v>61.596704015808356</v>
      </c>
      <c r="C6952" s="83">
        <v>43390.583333333336</v>
      </c>
      <c r="D6952">
        <v>292562.28210000001</v>
      </c>
      <c r="E6952">
        <v>36018.31983</v>
      </c>
      <c r="F6952">
        <v>91088.498989999993</v>
      </c>
      <c r="G6952">
        <v>70208.327059999996</v>
      </c>
      <c r="H6952">
        <v>51891.918129999998</v>
      </c>
      <c r="I6952">
        <v>38696.207770000001</v>
      </c>
      <c r="J6952">
        <v>33950.036899999999</v>
      </c>
      <c r="K6952">
        <v>63967.062030000001</v>
      </c>
      <c r="L6952">
        <v>29031.58772</v>
      </c>
      <c r="M6952">
        <v>314048.72220000002</v>
      </c>
      <c r="N6952">
        <v>97415.237370000003</v>
      </c>
      <c r="O6952">
        <v>26031.189689999999</v>
      </c>
      <c r="P6952">
        <v>30987.658609999999</v>
      </c>
      <c r="Q6952">
        <v>92354.11937</v>
      </c>
      <c r="R6952">
        <v>24068.025180000001</v>
      </c>
      <c r="S6952">
        <v>110924.9574</v>
      </c>
      <c r="T6952">
        <v>35280.708079999997</v>
      </c>
      <c r="U6952">
        <v>24029.605169999999</v>
      </c>
      <c r="W6952" s="83">
        <f>Bühler!N6984</f>
        <v>45581.583333316477</v>
      </c>
      <c r="X6952" s="83">
        <v>43390.583333333336</v>
      </c>
      <c r="Y6952">
        <v>292562.28210000001</v>
      </c>
      <c r="Z6952">
        <v>36018.31983</v>
      </c>
      <c r="AA6952">
        <v>91088.498989999993</v>
      </c>
      <c r="AB6952">
        <v>70208.327059999996</v>
      </c>
      <c r="AC6952">
        <v>51891.918129999998</v>
      </c>
      <c r="AD6952">
        <v>38696.207770000001</v>
      </c>
      <c r="AE6952">
        <v>33950.036899999999</v>
      </c>
      <c r="AF6952">
        <v>63967.062030000001</v>
      </c>
      <c r="AG6952">
        <v>29031.58772</v>
      </c>
      <c r="AH6952">
        <v>314048.72220000002</v>
      </c>
      <c r="AI6952">
        <v>97415.237370000003</v>
      </c>
      <c r="AJ6952">
        <v>26031.189689999999</v>
      </c>
      <c r="AK6952">
        <v>30987.658609999999</v>
      </c>
      <c r="AL6952">
        <v>92354.11937</v>
      </c>
      <c r="AM6952">
        <v>24068.025180000001</v>
      </c>
      <c r="AN6952">
        <v>110924.9574</v>
      </c>
      <c r="AO6952">
        <v>35280.708079999997</v>
      </c>
      <c r="AP6952">
        <v>24029.605169999999</v>
      </c>
    </row>
    <row r="6953" spans="2:42" x14ac:dyDescent="0.3">
      <c r="B6953">
        <v>60.909387465110896</v>
      </c>
      <c r="C6953" s="83">
        <v>43390.625</v>
      </c>
      <c r="D6953">
        <v>290009.8334</v>
      </c>
      <c r="E6953">
        <v>35594.759400000003</v>
      </c>
      <c r="F6953">
        <v>91695.369519999993</v>
      </c>
      <c r="G6953">
        <v>68681.984299999996</v>
      </c>
      <c r="H6953">
        <v>50659.957329999997</v>
      </c>
      <c r="I6953">
        <v>39140.832569999999</v>
      </c>
      <c r="J6953">
        <v>33624.095099999999</v>
      </c>
      <c r="K6953">
        <v>62726.703909999997</v>
      </c>
      <c r="L6953">
        <v>26048.538909999999</v>
      </c>
      <c r="M6953">
        <v>310544.46189999999</v>
      </c>
      <c r="N6953">
        <v>94859.099109999996</v>
      </c>
      <c r="O6953">
        <v>25858.375110000001</v>
      </c>
      <c r="P6953">
        <v>28456.247909999998</v>
      </c>
      <c r="Q6953">
        <v>92883.82127</v>
      </c>
      <c r="R6953">
        <v>23247.040949999999</v>
      </c>
      <c r="S6953">
        <v>109652.7537</v>
      </c>
      <c r="T6953">
        <v>35552.562339999997</v>
      </c>
      <c r="U6953">
        <v>22973.96097</v>
      </c>
      <c r="W6953" s="83">
        <f>Bühler!N6985</f>
        <v>45581.624999983142</v>
      </c>
      <c r="X6953" s="83">
        <v>43390.625</v>
      </c>
      <c r="Y6953">
        <v>290009.8334</v>
      </c>
      <c r="Z6953">
        <v>35594.759400000003</v>
      </c>
      <c r="AA6953">
        <v>91695.369519999993</v>
      </c>
      <c r="AB6953">
        <v>68681.984299999996</v>
      </c>
      <c r="AC6953">
        <v>50659.957329999997</v>
      </c>
      <c r="AD6953">
        <v>39140.832569999999</v>
      </c>
      <c r="AE6953">
        <v>33624.095099999999</v>
      </c>
      <c r="AF6953">
        <v>62726.703909999997</v>
      </c>
      <c r="AG6953">
        <v>26048.538909999999</v>
      </c>
      <c r="AH6953">
        <v>310544.46189999999</v>
      </c>
      <c r="AI6953">
        <v>94859.099109999996</v>
      </c>
      <c r="AJ6953">
        <v>25858.375110000001</v>
      </c>
      <c r="AK6953">
        <v>28456.247909999998</v>
      </c>
      <c r="AL6953">
        <v>92883.82127</v>
      </c>
      <c r="AM6953">
        <v>23247.040949999999</v>
      </c>
      <c r="AN6953">
        <v>109652.7537</v>
      </c>
      <c r="AO6953">
        <v>35552.562339999997</v>
      </c>
      <c r="AP6953">
        <v>22973.96097</v>
      </c>
    </row>
    <row r="6954" spans="2:42" x14ac:dyDescent="0.3">
      <c r="B6954">
        <v>59.834077316471742</v>
      </c>
      <c r="C6954" s="83">
        <v>43390.666666666664</v>
      </c>
      <c r="D6954">
        <v>284428.15470000001</v>
      </c>
      <c r="E6954">
        <v>34601.850780000001</v>
      </c>
      <c r="F6954">
        <v>91134.602740000002</v>
      </c>
      <c r="G6954">
        <v>66103.486520000006</v>
      </c>
      <c r="H6954">
        <v>48992.460509999997</v>
      </c>
      <c r="I6954">
        <v>40796.983500000002</v>
      </c>
      <c r="J6954">
        <v>32941.440289999999</v>
      </c>
      <c r="K6954">
        <v>59674.851929999997</v>
      </c>
      <c r="L6954">
        <v>24504.08769</v>
      </c>
      <c r="M6954">
        <v>305062.02929999999</v>
      </c>
      <c r="N6954">
        <v>91730.577680000002</v>
      </c>
      <c r="O6954">
        <v>25743.971160000001</v>
      </c>
      <c r="P6954">
        <v>28534.888169999998</v>
      </c>
      <c r="Q6954">
        <v>91939.700729999997</v>
      </c>
      <c r="R6954">
        <v>23141.075349999999</v>
      </c>
      <c r="S6954">
        <v>106042.1425</v>
      </c>
      <c r="T6954">
        <v>34965.396249999998</v>
      </c>
      <c r="U6954">
        <v>20567.20406</v>
      </c>
      <c r="W6954" s="83">
        <f>Bühler!N6986</f>
        <v>45581.666666649806</v>
      </c>
      <c r="X6954" s="83">
        <v>43390.666666666664</v>
      </c>
      <c r="Y6954">
        <v>284428.15470000001</v>
      </c>
      <c r="Z6954">
        <v>34601.850780000001</v>
      </c>
      <c r="AA6954">
        <v>91134.602740000002</v>
      </c>
      <c r="AB6954">
        <v>66103.486520000006</v>
      </c>
      <c r="AC6954">
        <v>48992.460509999997</v>
      </c>
      <c r="AD6954">
        <v>40796.983500000002</v>
      </c>
      <c r="AE6954">
        <v>32941.440289999999</v>
      </c>
      <c r="AF6954">
        <v>59674.851929999997</v>
      </c>
      <c r="AG6954">
        <v>24504.08769</v>
      </c>
      <c r="AH6954">
        <v>305062.02929999999</v>
      </c>
      <c r="AI6954">
        <v>91730.577680000002</v>
      </c>
      <c r="AJ6954">
        <v>25743.971160000001</v>
      </c>
      <c r="AK6954">
        <v>28534.888169999998</v>
      </c>
      <c r="AL6954">
        <v>91939.700729999997</v>
      </c>
      <c r="AM6954">
        <v>23141.075349999999</v>
      </c>
      <c r="AN6954">
        <v>106042.1425</v>
      </c>
      <c r="AO6954">
        <v>34965.396249999998</v>
      </c>
      <c r="AP6954">
        <v>20567.20406</v>
      </c>
    </row>
    <row r="6955" spans="2:42" x14ac:dyDescent="0.3">
      <c r="B6955">
        <v>58.870973361152394</v>
      </c>
      <c r="C6955" s="83">
        <v>43390.708333333336</v>
      </c>
      <c r="D6955">
        <v>275366.29090000002</v>
      </c>
      <c r="E6955">
        <v>32570.780620000001</v>
      </c>
      <c r="F6955">
        <v>92024.848589999994</v>
      </c>
      <c r="G6955">
        <v>60525.939989999999</v>
      </c>
      <c r="H6955">
        <v>47325.446900000003</v>
      </c>
      <c r="I6955">
        <v>40574.659959999997</v>
      </c>
      <c r="J6955">
        <v>32821.064769999997</v>
      </c>
      <c r="K6955">
        <v>54260.919000000002</v>
      </c>
      <c r="L6955">
        <v>25859.659889999999</v>
      </c>
      <c r="M6955">
        <v>300151.67619999999</v>
      </c>
      <c r="N6955">
        <v>88588.271049999996</v>
      </c>
      <c r="O6955">
        <v>24593.98129</v>
      </c>
      <c r="P6955">
        <v>31041.987099999998</v>
      </c>
      <c r="Q6955">
        <v>91310.7304</v>
      </c>
      <c r="R6955">
        <v>22439.01467</v>
      </c>
      <c r="S6955">
        <v>103733.9455</v>
      </c>
      <c r="T6955">
        <v>35255.421399999999</v>
      </c>
      <c r="U6955">
        <v>18538.823260000001</v>
      </c>
      <c r="W6955" s="83">
        <f>Bühler!N6987</f>
        <v>45581.70833331647</v>
      </c>
      <c r="X6955" s="83">
        <v>43390.708333333336</v>
      </c>
      <c r="Y6955">
        <v>275366.29090000002</v>
      </c>
      <c r="Z6955">
        <v>32570.780620000001</v>
      </c>
      <c r="AA6955">
        <v>92024.848589999994</v>
      </c>
      <c r="AB6955">
        <v>60525.939989999999</v>
      </c>
      <c r="AC6955">
        <v>47325.446900000003</v>
      </c>
      <c r="AD6955">
        <v>40574.659959999997</v>
      </c>
      <c r="AE6955">
        <v>32821.064769999997</v>
      </c>
      <c r="AF6955">
        <v>54260.919000000002</v>
      </c>
      <c r="AG6955">
        <v>25859.659889999999</v>
      </c>
      <c r="AH6955">
        <v>300151.67619999999</v>
      </c>
      <c r="AI6955">
        <v>88588.271049999996</v>
      </c>
      <c r="AJ6955">
        <v>24593.98129</v>
      </c>
      <c r="AK6955">
        <v>31041.987099999998</v>
      </c>
      <c r="AL6955">
        <v>91310.7304</v>
      </c>
      <c r="AM6955">
        <v>22439.01467</v>
      </c>
      <c r="AN6955">
        <v>103733.9455</v>
      </c>
      <c r="AO6955">
        <v>35255.421399999999</v>
      </c>
      <c r="AP6955">
        <v>18538.823260000001</v>
      </c>
    </row>
    <row r="6956" spans="2:42" x14ac:dyDescent="0.3">
      <c r="B6956">
        <v>58.270772419387178</v>
      </c>
      <c r="C6956" s="83">
        <v>43390.75</v>
      </c>
      <c r="D6956">
        <v>270161.71529999998</v>
      </c>
      <c r="E6956">
        <v>29897.87313</v>
      </c>
      <c r="F6956">
        <v>90291.416110000006</v>
      </c>
      <c r="G6956">
        <v>54254.706789999997</v>
      </c>
      <c r="H6956">
        <v>44774.492310000001</v>
      </c>
      <c r="I6956">
        <v>39993.226929999997</v>
      </c>
      <c r="J6956">
        <v>33275.25232</v>
      </c>
      <c r="K6956">
        <v>52137.890200000002</v>
      </c>
      <c r="L6956">
        <v>27633.918900000001</v>
      </c>
      <c r="M6956">
        <v>297091.57189999998</v>
      </c>
      <c r="N6956">
        <v>86939.078039999993</v>
      </c>
      <c r="O6956">
        <v>23240.57732</v>
      </c>
      <c r="P6956">
        <v>35497.020349999999</v>
      </c>
      <c r="Q6956">
        <v>89675.153160000002</v>
      </c>
      <c r="R6956">
        <v>21592.581549999999</v>
      </c>
      <c r="S6956">
        <v>98802.452430000005</v>
      </c>
      <c r="T6956">
        <v>35557.244579999999</v>
      </c>
      <c r="U6956">
        <v>17217.162319999999</v>
      </c>
      <c r="W6956" s="83">
        <f>Bühler!N6988</f>
        <v>45581.749999983134</v>
      </c>
      <c r="X6956" s="83">
        <v>43390.75</v>
      </c>
      <c r="Y6956">
        <v>270161.71529999998</v>
      </c>
      <c r="Z6956">
        <v>29897.87313</v>
      </c>
      <c r="AA6956">
        <v>90291.416110000006</v>
      </c>
      <c r="AB6956">
        <v>54254.706789999997</v>
      </c>
      <c r="AC6956">
        <v>44774.492310000001</v>
      </c>
      <c r="AD6956">
        <v>39993.226929999997</v>
      </c>
      <c r="AE6956">
        <v>33275.25232</v>
      </c>
      <c r="AF6956">
        <v>52137.890200000002</v>
      </c>
      <c r="AG6956">
        <v>27633.918900000001</v>
      </c>
      <c r="AH6956">
        <v>297091.57189999998</v>
      </c>
      <c r="AI6956">
        <v>86939.078039999993</v>
      </c>
      <c r="AJ6956">
        <v>23240.57732</v>
      </c>
      <c r="AK6956">
        <v>35497.020349999999</v>
      </c>
      <c r="AL6956">
        <v>89675.153160000002</v>
      </c>
      <c r="AM6956">
        <v>21592.581549999999</v>
      </c>
      <c r="AN6956">
        <v>98802.452430000005</v>
      </c>
      <c r="AO6956">
        <v>35557.244579999999</v>
      </c>
      <c r="AP6956">
        <v>17217.162319999999</v>
      </c>
    </row>
    <row r="6957" spans="2:42" x14ac:dyDescent="0.3">
      <c r="B6957">
        <v>57.571708845961112</v>
      </c>
      <c r="C6957" s="83">
        <v>43390.791666666664</v>
      </c>
      <c r="D6957">
        <v>265357.83970000001</v>
      </c>
      <c r="E6957">
        <v>25407.4954</v>
      </c>
      <c r="F6957">
        <v>79810.795429999998</v>
      </c>
      <c r="G6957">
        <v>51562.466119999997</v>
      </c>
      <c r="H6957">
        <v>44691.964269999997</v>
      </c>
      <c r="I6957">
        <v>37763.39215</v>
      </c>
      <c r="J6957">
        <v>34909.585590000002</v>
      </c>
      <c r="K6957">
        <v>50834.968690000002</v>
      </c>
      <c r="L6957">
        <v>30446.853319999998</v>
      </c>
      <c r="M6957">
        <v>293527.41979999997</v>
      </c>
      <c r="N6957">
        <v>85896.429680000001</v>
      </c>
      <c r="O6957">
        <v>22325.113890000001</v>
      </c>
      <c r="P6957">
        <v>39620.052640000002</v>
      </c>
      <c r="Q6957">
        <v>87755.66704</v>
      </c>
      <c r="R6957">
        <v>21806.487880000001</v>
      </c>
      <c r="S6957">
        <v>96797.729600000006</v>
      </c>
      <c r="T6957">
        <v>36538.95577</v>
      </c>
      <c r="U6957">
        <v>17034.41431</v>
      </c>
      <c r="W6957" s="83">
        <f>Bühler!N6989</f>
        <v>45581.791666649799</v>
      </c>
      <c r="X6957" s="83">
        <v>43390.791666666664</v>
      </c>
      <c r="Y6957">
        <v>265357.83970000001</v>
      </c>
      <c r="Z6957">
        <v>25407.4954</v>
      </c>
      <c r="AA6957">
        <v>79810.795429999998</v>
      </c>
      <c r="AB6957">
        <v>51562.466119999997</v>
      </c>
      <c r="AC6957">
        <v>44691.964269999997</v>
      </c>
      <c r="AD6957">
        <v>37763.39215</v>
      </c>
      <c r="AE6957">
        <v>34909.585590000002</v>
      </c>
      <c r="AF6957">
        <v>50834.968690000002</v>
      </c>
      <c r="AG6957">
        <v>30446.853319999998</v>
      </c>
      <c r="AH6957">
        <v>293527.41979999997</v>
      </c>
      <c r="AI6957">
        <v>85896.429680000001</v>
      </c>
      <c r="AJ6957">
        <v>22325.113890000001</v>
      </c>
      <c r="AK6957">
        <v>39620.052640000002</v>
      </c>
      <c r="AL6957">
        <v>87755.66704</v>
      </c>
      <c r="AM6957">
        <v>21806.487880000001</v>
      </c>
      <c r="AN6957">
        <v>96797.729600000006</v>
      </c>
      <c r="AO6957">
        <v>36538.95577</v>
      </c>
      <c r="AP6957">
        <v>17034.41431</v>
      </c>
    </row>
    <row r="6958" spans="2:42" x14ac:dyDescent="0.3">
      <c r="B6958">
        <v>55.768836612725124</v>
      </c>
      <c r="C6958" s="83">
        <v>43390.833333333336</v>
      </c>
      <c r="D6958">
        <v>254641.1905</v>
      </c>
      <c r="E6958">
        <v>19327.99826</v>
      </c>
      <c r="F6958">
        <v>62350.278559999999</v>
      </c>
      <c r="G6958">
        <v>45679.310400000002</v>
      </c>
      <c r="H6958">
        <v>42244.316760000002</v>
      </c>
      <c r="I6958">
        <v>34092.22668</v>
      </c>
      <c r="J6958">
        <v>34642.64991</v>
      </c>
      <c r="K6958">
        <v>50704.658640000001</v>
      </c>
      <c r="L6958">
        <v>29595.427660000001</v>
      </c>
      <c r="M6958">
        <v>284335.53639999998</v>
      </c>
      <c r="N6958">
        <v>83729.378259999998</v>
      </c>
      <c r="O6958">
        <v>21057.619890000002</v>
      </c>
      <c r="P6958">
        <v>39245.271950000002</v>
      </c>
      <c r="Q6958">
        <v>85487.815449999995</v>
      </c>
      <c r="R6958">
        <v>20044.27576</v>
      </c>
      <c r="S6958">
        <v>88565.41923</v>
      </c>
      <c r="T6958">
        <v>35111.514159999999</v>
      </c>
      <c r="U6958">
        <v>15577.019679999999</v>
      </c>
      <c r="W6958" s="83">
        <f>Bühler!N6990</f>
        <v>45581.833333316463</v>
      </c>
      <c r="X6958" s="83">
        <v>43390.833333333336</v>
      </c>
      <c r="Y6958">
        <v>254641.1905</v>
      </c>
      <c r="Z6958">
        <v>19327.99826</v>
      </c>
      <c r="AA6958">
        <v>62350.278559999999</v>
      </c>
      <c r="AB6958">
        <v>45679.310400000002</v>
      </c>
      <c r="AC6958">
        <v>42244.316760000002</v>
      </c>
      <c r="AD6958">
        <v>34092.22668</v>
      </c>
      <c r="AE6958">
        <v>34642.64991</v>
      </c>
      <c r="AF6958">
        <v>50704.658640000001</v>
      </c>
      <c r="AG6958">
        <v>29595.427660000001</v>
      </c>
      <c r="AH6958">
        <v>284335.53639999998</v>
      </c>
      <c r="AI6958">
        <v>83729.378259999998</v>
      </c>
      <c r="AJ6958">
        <v>21057.619890000002</v>
      </c>
      <c r="AK6958">
        <v>39245.271950000002</v>
      </c>
      <c r="AL6958">
        <v>85487.815449999995</v>
      </c>
      <c r="AM6958">
        <v>20044.27576</v>
      </c>
      <c r="AN6958">
        <v>88565.41923</v>
      </c>
      <c r="AO6958">
        <v>35111.514159999999</v>
      </c>
      <c r="AP6958">
        <v>15577.019679999999</v>
      </c>
    </row>
    <row r="6959" spans="2:42" x14ac:dyDescent="0.3">
      <c r="B6959">
        <v>53.761900386472576</v>
      </c>
      <c r="C6959" s="83">
        <v>43390.875</v>
      </c>
      <c r="D6959">
        <v>246702.16329999999</v>
      </c>
      <c r="E6959">
        <v>16288.702960000001</v>
      </c>
      <c r="F6959">
        <v>54607.863899999997</v>
      </c>
      <c r="G6959">
        <v>42594.290760000004</v>
      </c>
      <c r="H6959">
        <v>39725.933709999998</v>
      </c>
      <c r="I6959">
        <v>28928.734919999999</v>
      </c>
      <c r="J6959">
        <v>33110.928240000001</v>
      </c>
      <c r="K6959">
        <v>49100.972679999999</v>
      </c>
      <c r="L6959">
        <v>27718.70837</v>
      </c>
      <c r="M6959">
        <v>274103.23959999997</v>
      </c>
      <c r="N6959">
        <v>80983.852979999996</v>
      </c>
      <c r="O6959">
        <v>19938.98775</v>
      </c>
      <c r="P6959">
        <v>37339.04881</v>
      </c>
      <c r="Q6959">
        <v>83941.672990000006</v>
      </c>
      <c r="R6959">
        <v>18857.71387</v>
      </c>
      <c r="S6959">
        <v>82869.336120000007</v>
      </c>
      <c r="T6959">
        <v>32836.796110000003</v>
      </c>
      <c r="U6959">
        <v>14236.746870000001</v>
      </c>
      <c r="W6959" s="83">
        <f>Bühler!N6991</f>
        <v>45581.874999983127</v>
      </c>
      <c r="X6959" s="83">
        <v>43390.875</v>
      </c>
      <c r="Y6959">
        <v>246702.16329999999</v>
      </c>
      <c r="Z6959">
        <v>16288.702960000001</v>
      </c>
      <c r="AA6959">
        <v>54607.863899999997</v>
      </c>
      <c r="AB6959">
        <v>42594.290760000004</v>
      </c>
      <c r="AC6959">
        <v>39725.933709999998</v>
      </c>
      <c r="AD6959">
        <v>28928.734919999999</v>
      </c>
      <c r="AE6959">
        <v>33110.928240000001</v>
      </c>
      <c r="AF6959">
        <v>49100.972679999999</v>
      </c>
      <c r="AG6959">
        <v>27718.70837</v>
      </c>
      <c r="AH6959">
        <v>274103.23959999997</v>
      </c>
      <c r="AI6959">
        <v>80983.852979999996</v>
      </c>
      <c r="AJ6959">
        <v>19938.98775</v>
      </c>
      <c r="AK6959">
        <v>37339.04881</v>
      </c>
      <c r="AL6959">
        <v>83941.672990000006</v>
      </c>
      <c r="AM6959">
        <v>18857.71387</v>
      </c>
      <c r="AN6959">
        <v>82869.336120000007</v>
      </c>
      <c r="AO6959">
        <v>32836.796110000003</v>
      </c>
      <c r="AP6959">
        <v>14236.746870000001</v>
      </c>
    </row>
    <row r="6960" spans="2:42" x14ac:dyDescent="0.3">
      <c r="B6960">
        <v>53.744331809180444</v>
      </c>
      <c r="C6960" s="83">
        <v>43390.916666666664</v>
      </c>
      <c r="D6960">
        <v>246012.21230000001</v>
      </c>
      <c r="E6960">
        <v>15735.99907</v>
      </c>
      <c r="F6960">
        <v>51887.408889999999</v>
      </c>
      <c r="G6960">
        <v>40051.143839999997</v>
      </c>
      <c r="H6960">
        <v>38479.944790000001</v>
      </c>
      <c r="I6960">
        <v>26755.390319999999</v>
      </c>
      <c r="J6960">
        <v>31950.594860000001</v>
      </c>
      <c r="K6960">
        <v>51707.494939999997</v>
      </c>
      <c r="L6960">
        <v>25024.37602</v>
      </c>
      <c r="M6960">
        <v>274013.66680000001</v>
      </c>
      <c r="N6960">
        <v>79880.100099999996</v>
      </c>
      <c r="O6960">
        <v>20274.42815</v>
      </c>
      <c r="P6960">
        <v>35082.218119999998</v>
      </c>
      <c r="Q6960">
        <v>83127.831789999997</v>
      </c>
      <c r="R6960">
        <v>22581.247940000001</v>
      </c>
      <c r="S6960">
        <v>80787.878230000002</v>
      </c>
      <c r="T6960">
        <v>28305.961200000002</v>
      </c>
      <c r="U6960">
        <v>14681.958790000001</v>
      </c>
      <c r="W6960" s="83">
        <f>Bühler!N6992</f>
        <v>45581.916666649791</v>
      </c>
      <c r="X6960" s="83">
        <v>43390.916666666664</v>
      </c>
      <c r="Y6960">
        <v>246012.21230000001</v>
      </c>
      <c r="Z6960">
        <v>15735.99907</v>
      </c>
      <c r="AA6960">
        <v>51887.408889999999</v>
      </c>
      <c r="AB6960">
        <v>40051.143839999997</v>
      </c>
      <c r="AC6960">
        <v>38479.944790000001</v>
      </c>
      <c r="AD6960">
        <v>26755.390319999999</v>
      </c>
      <c r="AE6960">
        <v>31950.594860000001</v>
      </c>
      <c r="AF6960">
        <v>51707.494939999997</v>
      </c>
      <c r="AG6960">
        <v>25024.37602</v>
      </c>
      <c r="AH6960">
        <v>274013.66680000001</v>
      </c>
      <c r="AI6960">
        <v>79880.100099999996</v>
      </c>
      <c r="AJ6960">
        <v>20274.42815</v>
      </c>
      <c r="AK6960">
        <v>35082.218119999998</v>
      </c>
      <c r="AL6960">
        <v>83127.831789999997</v>
      </c>
      <c r="AM6960">
        <v>22581.247940000001</v>
      </c>
      <c r="AN6960">
        <v>80787.878230000002</v>
      </c>
      <c r="AO6960">
        <v>28305.961200000002</v>
      </c>
      <c r="AP6960">
        <v>14681.958790000001</v>
      </c>
    </row>
    <row r="6961" spans="2:42" x14ac:dyDescent="0.3">
      <c r="B6961">
        <v>53.581316356246965</v>
      </c>
      <c r="C6961" s="83">
        <v>43390.958333333336</v>
      </c>
      <c r="D6961">
        <v>246367.26860000001</v>
      </c>
      <c r="E6961">
        <v>15326.28167</v>
      </c>
      <c r="F6961">
        <v>50937.489959999999</v>
      </c>
      <c r="G6961">
        <v>39035.498670000001</v>
      </c>
      <c r="H6961">
        <v>37455.408929999998</v>
      </c>
      <c r="I6961">
        <v>25390.433560000001</v>
      </c>
      <c r="J6961">
        <v>29722.807079999999</v>
      </c>
      <c r="K6961">
        <v>50295.320090000001</v>
      </c>
      <c r="L6961">
        <v>21896.005880000001</v>
      </c>
      <c r="M6961">
        <v>273182.538</v>
      </c>
      <c r="N6961">
        <v>79763.538709999993</v>
      </c>
      <c r="O6961">
        <v>19637.777989999999</v>
      </c>
      <c r="P6961">
        <v>31001.679670000001</v>
      </c>
      <c r="Q6961">
        <v>82625.251510000002</v>
      </c>
      <c r="R6961">
        <v>21760.890220000001</v>
      </c>
      <c r="S6961">
        <v>79058.19601</v>
      </c>
      <c r="T6961">
        <v>28531.233680000001</v>
      </c>
      <c r="U6961">
        <v>13993.7284</v>
      </c>
      <c r="W6961" s="83">
        <f>Bühler!N6993</f>
        <v>45581.958333316456</v>
      </c>
      <c r="X6961" s="83">
        <v>43390.958333333336</v>
      </c>
      <c r="Y6961">
        <v>246367.26860000001</v>
      </c>
      <c r="Z6961">
        <v>15326.28167</v>
      </c>
      <c r="AA6961">
        <v>50937.489959999999</v>
      </c>
      <c r="AB6961">
        <v>39035.498670000001</v>
      </c>
      <c r="AC6961">
        <v>37455.408929999998</v>
      </c>
      <c r="AD6961">
        <v>25390.433560000001</v>
      </c>
      <c r="AE6961">
        <v>29722.807079999999</v>
      </c>
      <c r="AF6961">
        <v>50295.320090000001</v>
      </c>
      <c r="AG6961">
        <v>21896.005880000001</v>
      </c>
      <c r="AH6961">
        <v>273182.538</v>
      </c>
      <c r="AI6961">
        <v>79763.538709999993</v>
      </c>
      <c r="AJ6961">
        <v>19637.777989999999</v>
      </c>
      <c r="AK6961">
        <v>31001.679670000001</v>
      </c>
      <c r="AL6961">
        <v>82625.251510000002</v>
      </c>
      <c r="AM6961">
        <v>21760.890220000001</v>
      </c>
      <c r="AN6961">
        <v>79058.19601</v>
      </c>
      <c r="AO6961">
        <v>28531.233680000001</v>
      </c>
      <c r="AP6961">
        <v>13993.7284</v>
      </c>
    </row>
    <row r="6962" spans="2:42" x14ac:dyDescent="0.3">
      <c r="B6962">
        <v>53.213717891473905</v>
      </c>
      <c r="C6962" s="83">
        <v>43391</v>
      </c>
      <c r="D6962">
        <v>244631.4411</v>
      </c>
      <c r="E6962">
        <v>14806.280290000001</v>
      </c>
      <c r="F6962">
        <v>50728.410470000003</v>
      </c>
      <c r="G6962">
        <v>38052.985970000002</v>
      </c>
      <c r="H6962">
        <v>36821.30861</v>
      </c>
      <c r="I6962">
        <v>23365.678070000002</v>
      </c>
      <c r="J6962">
        <v>27922.373230000001</v>
      </c>
      <c r="K6962">
        <v>49050.706019999998</v>
      </c>
      <c r="L6962">
        <v>19652.51957</v>
      </c>
      <c r="M6962">
        <v>271308.34960000002</v>
      </c>
      <c r="N6962">
        <v>78995.129119999998</v>
      </c>
      <c r="O6962">
        <v>19990.594880000001</v>
      </c>
      <c r="P6962">
        <v>27516.43648</v>
      </c>
      <c r="Q6962">
        <v>81808.766539999997</v>
      </c>
      <c r="R6962">
        <v>20079.669870000002</v>
      </c>
      <c r="S6962">
        <v>77750.848020000005</v>
      </c>
      <c r="T6962">
        <v>25971.89618</v>
      </c>
      <c r="U6962">
        <v>13651.26295</v>
      </c>
      <c r="W6962" s="83">
        <f>Bühler!N6994</f>
        <v>45581.99999998312</v>
      </c>
      <c r="X6962" s="83">
        <v>43391</v>
      </c>
      <c r="Y6962">
        <v>244631.4411</v>
      </c>
      <c r="Z6962">
        <v>14806.280290000001</v>
      </c>
      <c r="AA6962">
        <v>50728.410470000003</v>
      </c>
      <c r="AB6962">
        <v>38052.985970000002</v>
      </c>
      <c r="AC6962">
        <v>36821.30861</v>
      </c>
      <c r="AD6962">
        <v>23365.678070000002</v>
      </c>
      <c r="AE6962">
        <v>27922.373230000001</v>
      </c>
      <c r="AF6962">
        <v>49050.706019999998</v>
      </c>
      <c r="AG6962">
        <v>19652.51957</v>
      </c>
      <c r="AH6962">
        <v>271308.34960000002</v>
      </c>
      <c r="AI6962">
        <v>78995.129119999998</v>
      </c>
      <c r="AJ6962">
        <v>19990.594880000001</v>
      </c>
      <c r="AK6962">
        <v>27516.43648</v>
      </c>
      <c r="AL6962">
        <v>81808.766539999997</v>
      </c>
      <c r="AM6962">
        <v>20079.669870000002</v>
      </c>
      <c r="AN6962">
        <v>77750.848020000005</v>
      </c>
      <c r="AO6962">
        <v>25971.89618</v>
      </c>
      <c r="AP6962">
        <v>13651.26295</v>
      </c>
    </row>
    <row r="6963" spans="2:42" x14ac:dyDescent="0.3">
      <c r="B6963">
        <v>52.375428979996919</v>
      </c>
      <c r="C6963" s="83">
        <v>43391.041666666664</v>
      </c>
      <c r="D6963">
        <v>242246.88620000001</v>
      </c>
      <c r="E6963">
        <v>14862.339610000001</v>
      </c>
      <c r="F6963">
        <v>51434.598299999998</v>
      </c>
      <c r="G6963">
        <v>37247.63175</v>
      </c>
      <c r="H6963">
        <v>36193.169419999998</v>
      </c>
      <c r="I6963">
        <v>19072.050599999999</v>
      </c>
      <c r="J6963">
        <v>27404.200669999998</v>
      </c>
      <c r="K6963">
        <v>48106.925069999998</v>
      </c>
      <c r="L6963">
        <v>18833.539239999998</v>
      </c>
      <c r="M6963">
        <v>267034.36180000001</v>
      </c>
      <c r="N6963">
        <v>79017.092709999997</v>
      </c>
      <c r="O6963">
        <v>20149.16576</v>
      </c>
      <c r="P6963">
        <v>25704.861560000001</v>
      </c>
      <c r="Q6963">
        <v>81920.488209999996</v>
      </c>
      <c r="R6963">
        <v>19473.664120000001</v>
      </c>
      <c r="S6963">
        <v>76818.392900000006</v>
      </c>
      <c r="T6963">
        <v>25210.93319</v>
      </c>
      <c r="U6963">
        <v>13662.831620000001</v>
      </c>
      <c r="W6963" s="83">
        <f>Bühler!N6995</f>
        <v>45582.041666649784</v>
      </c>
      <c r="X6963" s="83">
        <v>43391.041666666664</v>
      </c>
      <c r="Y6963">
        <v>242246.88620000001</v>
      </c>
      <c r="Z6963">
        <v>14862.339610000001</v>
      </c>
      <c r="AA6963">
        <v>51434.598299999998</v>
      </c>
      <c r="AB6963">
        <v>37247.63175</v>
      </c>
      <c r="AC6963">
        <v>36193.169419999998</v>
      </c>
      <c r="AD6963">
        <v>19072.050599999999</v>
      </c>
      <c r="AE6963">
        <v>27404.200669999998</v>
      </c>
      <c r="AF6963">
        <v>48106.925069999998</v>
      </c>
      <c r="AG6963">
        <v>18833.539239999998</v>
      </c>
      <c r="AH6963">
        <v>267034.36180000001</v>
      </c>
      <c r="AI6963">
        <v>79017.092709999997</v>
      </c>
      <c r="AJ6963">
        <v>20149.16576</v>
      </c>
      <c r="AK6963">
        <v>25704.861560000001</v>
      </c>
      <c r="AL6963">
        <v>81920.488209999996</v>
      </c>
      <c r="AM6963">
        <v>19473.664120000001</v>
      </c>
      <c r="AN6963">
        <v>76818.392900000006</v>
      </c>
      <c r="AO6963">
        <v>25210.93319</v>
      </c>
      <c r="AP6963">
        <v>13662.831620000001</v>
      </c>
    </row>
    <row r="6964" spans="2:42" x14ac:dyDescent="0.3">
      <c r="B6964">
        <v>52.856791165288627</v>
      </c>
      <c r="C6964" s="83">
        <v>43391.083333333336</v>
      </c>
      <c r="D6964">
        <v>241790.14120000001</v>
      </c>
      <c r="E6964">
        <v>14559.84699</v>
      </c>
      <c r="F6964">
        <v>51565.378219999999</v>
      </c>
      <c r="G6964">
        <v>36656.584110000003</v>
      </c>
      <c r="H6964">
        <v>36042.42944</v>
      </c>
      <c r="I6964">
        <v>16974.508150000001</v>
      </c>
      <c r="J6964">
        <v>27547.751670000001</v>
      </c>
      <c r="K6964">
        <v>46739.51053</v>
      </c>
      <c r="L6964">
        <v>18724.67627</v>
      </c>
      <c r="M6964">
        <v>269488.57069999998</v>
      </c>
      <c r="N6964">
        <v>78164.446790000002</v>
      </c>
      <c r="O6964">
        <v>20434.156910000002</v>
      </c>
      <c r="P6964">
        <v>25202.945919999998</v>
      </c>
      <c r="Q6964">
        <v>84165.732010000007</v>
      </c>
      <c r="R6964">
        <v>19440.23316</v>
      </c>
      <c r="S6964">
        <v>76391.747310000006</v>
      </c>
      <c r="T6964">
        <v>24866.577140000001</v>
      </c>
      <c r="U6964">
        <v>13355.8135</v>
      </c>
      <c r="W6964" s="83">
        <f>Bühler!N6996</f>
        <v>45582.083333316448</v>
      </c>
      <c r="X6964" s="83">
        <v>43391.083333333336</v>
      </c>
      <c r="Y6964">
        <v>241790.14120000001</v>
      </c>
      <c r="Z6964">
        <v>14559.84699</v>
      </c>
      <c r="AA6964">
        <v>51565.378219999999</v>
      </c>
      <c r="AB6964">
        <v>36656.584110000003</v>
      </c>
      <c r="AC6964">
        <v>36042.42944</v>
      </c>
      <c r="AD6964">
        <v>16974.508150000001</v>
      </c>
      <c r="AE6964">
        <v>27547.751670000001</v>
      </c>
      <c r="AF6964">
        <v>46739.51053</v>
      </c>
      <c r="AG6964">
        <v>18724.67627</v>
      </c>
      <c r="AH6964">
        <v>269488.57069999998</v>
      </c>
      <c r="AI6964">
        <v>78164.446790000002</v>
      </c>
      <c r="AJ6964">
        <v>20434.156910000002</v>
      </c>
      <c r="AK6964">
        <v>25202.945919999998</v>
      </c>
      <c r="AL6964">
        <v>84165.732010000007</v>
      </c>
      <c r="AM6964">
        <v>19440.23316</v>
      </c>
      <c r="AN6964">
        <v>76391.747310000006</v>
      </c>
      <c r="AO6964">
        <v>24866.577140000001</v>
      </c>
      <c r="AP6964">
        <v>13355.8135</v>
      </c>
    </row>
    <row r="6965" spans="2:42" x14ac:dyDescent="0.3">
      <c r="B6965">
        <v>53.76789026616418</v>
      </c>
      <c r="C6965" s="83">
        <v>43391.125</v>
      </c>
      <c r="D6965">
        <v>244016.2677</v>
      </c>
      <c r="E6965">
        <v>14858.47932</v>
      </c>
      <c r="F6965">
        <v>52004.143680000001</v>
      </c>
      <c r="G6965">
        <v>36015.25129</v>
      </c>
      <c r="H6965">
        <v>36098.631809999999</v>
      </c>
      <c r="I6965">
        <v>17117.85987</v>
      </c>
      <c r="J6965">
        <v>27993.421709999999</v>
      </c>
      <c r="K6965">
        <v>45369.56035</v>
      </c>
      <c r="L6965">
        <v>18461.882590000001</v>
      </c>
      <c r="M6965">
        <v>274133.77879999997</v>
      </c>
      <c r="N6965">
        <v>78301.457179999998</v>
      </c>
      <c r="O6965">
        <v>20170.60411</v>
      </c>
      <c r="P6965">
        <v>24871.659189999998</v>
      </c>
      <c r="Q6965">
        <v>86793.284939999998</v>
      </c>
      <c r="R6965">
        <v>19255.637429999999</v>
      </c>
      <c r="S6965">
        <v>75588.104380000004</v>
      </c>
      <c r="T6965">
        <v>24873.210500000001</v>
      </c>
      <c r="U6965">
        <v>13574.91568</v>
      </c>
      <c r="W6965" s="83">
        <f>Bühler!N6997</f>
        <v>45582.124999983113</v>
      </c>
      <c r="X6965" s="83">
        <v>43391.125</v>
      </c>
      <c r="Y6965">
        <v>244016.2677</v>
      </c>
      <c r="Z6965">
        <v>14858.47932</v>
      </c>
      <c r="AA6965">
        <v>52004.143680000001</v>
      </c>
      <c r="AB6965">
        <v>36015.25129</v>
      </c>
      <c r="AC6965">
        <v>36098.631809999999</v>
      </c>
      <c r="AD6965">
        <v>17117.85987</v>
      </c>
      <c r="AE6965">
        <v>27993.421709999999</v>
      </c>
      <c r="AF6965">
        <v>45369.56035</v>
      </c>
      <c r="AG6965">
        <v>18461.882590000001</v>
      </c>
      <c r="AH6965">
        <v>274133.77879999997</v>
      </c>
      <c r="AI6965">
        <v>78301.457179999998</v>
      </c>
      <c r="AJ6965">
        <v>20170.60411</v>
      </c>
      <c r="AK6965">
        <v>24871.659189999998</v>
      </c>
      <c r="AL6965">
        <v>86793.284939999998</v>
      </c>
      <c r="AM6965">
        <v>19255.637429999999</v>
      </c>
      <c r="AN6965">
        <v>75588.104380000004</v>
      </c>
      <c r="AO6965">
        <v>24873.210500000001</v>
      </c>
      <c r="AP6965">
        <v>13574.91568</v>
      </c>
    </row>
    <row r="6966" spans="2:42" x14ac:dyDescent="0.3">
      <c r="B6966">
        <v>54.972433022377501</v>
      </c>
      <c r="C6966" s="83">
        <v>43391.166666666664</v>
      </c>
      <c r="D6966">
        <v>245603.6176</v>
      </c>
      <c r="E6966">
        <v>15322.114890000001</v>
      </c>
      <c r="F6966">
        <v>55340.86075</v>
      </c>
      <c r="G6966">
        <v>35576.32602</v>
      </c>
      <c r="H6966">
        <v>36851.407639999998</v>
      </c>
      <c r="I6966">
        <v>19699.007689999999</v>
      </c>
      <c r="J6966">
        <v>29526.73705</v>
      </c>
      <c r="K6966">
        <v>43965.49525</v>
      </c>
      <c r="L6966">
        <v>18105.628239999998</v>
      </c>
      <c r="M6966">
        <v>280275.09950000001</v>
      </c>
      <c r="N6966">
        <v>77503.424580000006</v>
      </c>
      <c r="O6966">
        <v>20267.040389999998</v>
      </c>
      <c r="P6966">
        <v>24729.282810000001</v>
      </c>
      <c r="Q6966">
        <v>91026.113509999996</v>
      </c>
      <c r="R6966">
        <v>18925.184209999999</v>
      </c>
      <c r="S6966">
        <v>76531.364409999995</v>
      </c>
      <c r="T6966">
        <v>24969.843919999999</v>
      </c>
      <c r="U6966">
        <v>14092.8127</v>
      </c>
      <c r="W6966" s="83">
        <f>Bühler!N6998</f>
        <v>45582.166666649777</v>
      </c>
      <c r="X6966" s="83">
        <v>43391.166666666664</v>
      </c>
      <c r="Y6966">
        <v>245603.6176</v>
      </c>
      <c r="Z6966">
        <v>15322.114890000001</v>
      </c>
      <c r="AA6966">
        <v>55340.86075</v>
      </c>
      <c r="AB6966">
        <v>35576.32602</v>
      </c>
      <c r="AC6966">
        <v>36851.407639999998</v>
      </c>
      <c r="AD6966">
        <v>19699.007689999999</v>
      </c>
      <c r="AE6966">
        <v>29526.73705</v>
      </c>
      <c r="AF6966">
        <v>43965.49525</v>
      </c>
      <c r="AG6966">
        <v>18105.628239999998</v>
      </c>
      <c r="AH6966">
        <v>280275.09950000001</v>
      </c>
      <c r="AI6966">
        <v>77503.424580000006</v>
      </c>
      <c r="AJ6966">
        <v>20267.040389999998</v>
      </c>
      <c r="AK6966">
        <v>24729.282810000001</v>
      </c>
      <c r="AL6966">
        <v>91026.113509999996</v>
      </c>
      <c r="AM6966">
        <v>18925.184209999999</v>
      </c>
      <c r="AN6966">
        <v>76531.364409999995</v>
      </c>
      <c r="AO6966">
        <v>24969.843919999999</v>
      </c>
      <c r="AP6966">
        <v>14092.8127</v>
      </c>
    </row>
    <row r="6967" spans="2:42" x14ac:dyDescent="0.3">
      <c r="B6967">
        <v>57.677642505963036</v>
      </c>
      <c r="C6967" s="83">
        <v>43391.208333333336</v>
      </c>
      <c r="D6967">
        <v>258595.56020000001</v>
      </c>
      <c r="E6967">
        <v>17690.95407</v>
      </c>
      <c r="F6967">
        <v>66298.842600000004</v>
      </c>
      <c r="G6967">
        <v>38411.162790000002</v>
      </c>
      <c r="H6967">
        <v>38486.700279999997</v>
      </c>
      <c r="I6967">
        <v>28539.885579999998</v>
      </c>
      <c r="J6967">
        <v>32034.5707</v>
      </c>
      <c r="K6967">
        <v>45622.731</v>
      </c>
      <c r="L6967">
        <v>18087.620739999998</v>
      </c>
      <c r="M6967">
        <v>294067.51899999997</v>
      </c>
      <c r="N6967">
        <v>77516.275200000004</v>
      </c>
      <c r="O6967">
        <v>20659.688770000001</v>
      </c>
      <c r="P6967">
        <v>26822.978940000001</v>
      </c>
      <c r="Q6967">
        <v>94001.970369999995</v>
      </c>
      <c r="R6967">
        <v>20235.87602</v>
      </c>
      <c r="S6967">
        <v>78396.440199999997</v>
      </c>
      <c r="T6967">
        <v>26622.270110000001</v>
      </c>
      <c r="U6967">
        <v>16164.032709999999</v>
      </c>
      <c r="W6967" s="83">
        <f>Bühler!N6999</f>
        <v>45582.208333316441</v>
      </c>
      <c r="X6967" s="83">
        <v>43391.208333333336</v>
      </c>
      <c r="Y6967">
        <v>258595.56020000001</v>
      </c>
      <c r="Z6967">
        <v>17690.95407</v>
      </c>
      <c r="AA6967">
        <v>66298.842600000004</v>
      </c>
      <c r="AB6967">
        <v>38411.162790000002</v>
      </c>
      <c r="AC6967">
        <v>38486.700279999997</v>
      </c>
      <c r="AD6967">
        <v>28539.885579999998</v>
      </c>
      <c r="AE6967">
        <v>32034.5707</v>
      </c>
      <c r="AF6967">
        <v>45622.731</v>
      </c>
      <c r="AG6967">
        <v>18087.620739999998</v>
      </c>
      <c r="AH6967">
        <v>294067.51899999997</v>
      </c>
      <c r="AI6967">
        <v>77516.275200000004</v>
      </c>
      <c r="AJ6967">
        <v>20659.688770000001</v>
      </c>
      <c r="AK6967">
        <v>26822.978940000001</v>
      </c>
      <c r="AL6967">
        <v>94001.970369999995</v>
      </c>
      <c r="AM6967">
        <v>20235.87602</v>
      </c>
      <c r="AN6967">
        <v>78396.440199999997</v>
      </c>
      <c r="AO6967">
        <v>26622.270110000001</v>
      </c>
      <c r="AP6967">
        <v>16164.032709999999</v>
      </c>
    </row>
    <row r="6968" spans="2:42" x14ac:dyDescent="0.3">
      <c r="B6968">
        <v>61.022894539824279</v>
      </c>
      <c r="C6968" s="83">
        <v>43391.25</v>
      </c>
      <c r="D6968">
        <v>274025.90480000002</v>
      </c>
      <c r="E6968">
        <v>21628.087459999999</v>
      </c>
      <c r="F6968">
        <v>79124.425279999996</v>
      </c>
      <c r="G6968">
        <v>51581.438909999997</v>
      </c>
      <c r="H6968">
        <v>42456.716939999998</v>
      </c>
      <c r="I6968">
        <v>37398.480759999999</v>
      </c>
      <c r="J6968">
        <v>35952.616730000002</v>
      </c>
      <c r="K6968">
        <v>49206.601990000003</v>
      </c>
      <c r="L6968">
        <v>19815.296450000002</v>
      </c>
      <c r="M6968">
        <v>311123.17389999999</v>
      </c>
      <c r="N6968">
        <v>81768.674050000001</v>
      </c>
      <c r="O6968">
        <v>21950.984779999999</v>
      </c>
      <c r="P6968">
        <v>28204.327499999999</v>
      </c>
      <c r="Q6968">
        <v>95509.170610000001</v>
      </c>
      <c r="R6968">
        <v>18305.23288</v>
      </c>
      <c r="S6968">
        <v>88152.558470000004</v>
      </c>
      <c r="T6968">
        <v>29999.712670000001</v>
      </c>
      <c r="U6968">
        <v>18777.219929999999</v>
      </c>
      <c r="W6968" s="83">
        <f>Bühler!N7000</f>
        <v>45582.249999983105</v>
      </c>
      <c r="X6968" s="83">
        <v>43391.25</v>
      </c>
      <c r="Y6968">
        <v>274025.90480000002</v>
      </c>
      <c r="Z6968">
        <v>21628.087459999999</v>
      </c>
      <c r="AA6968">
        <v>79124.425279999996</v>
      </c>
      <c r="AB6968">
        <v>51581.438909999997</v>
      </c>
      <c r="AC6968">
        <v>42456.716939999998</v>
      </c>
      <c r="AD6968">
        <v>37398.480759999999</v>
      </c>
      <c r="AE6968">
        <v>35952.616730000002</v>
      </c>
      <c r="AF6968">
        <v>49206.601990000003</v>
      </c>
      <c r="AG6968">
        <v>19815.296450000002</v>
      </c>
      <c r="AH6968">
        <v>311123.17389999999</v>
      </c>
      <c r="AI6968">
        <v>81768.674050000001</v>
      </c>
      <c r="AJ6968">
        <v>21950.984779999999</v>
      </c>
      <c r="AK6968">
        <v>28204.327499999999</v>
      </c>
      <c r="AL6968">
        <v>95509.170610000001</v>
      </c>
      <c r="AM6968">
        <v>18305.23288</v>
      </c>
      <c r="AN6968">
        <v>88152.558470000004</v>
      </c>
      <c r="AO6968">
        <v>29999.712670000001</v>
      </c>
      <c r="AP6968">
        <v>18777.219929999999</v>
      </c>
    </row>
    <row r="6969" spans="2:42" x14ac:dyDescent="0.3">
      <c r="B6969">
        <v>63.655796259609112</v>
      </c>
      <c r="C6969" s="83">
        <v>43391.291666666664</v>
      </c>
      <c r="D6969">
        <v>290218.25189999997</v>
      </c>
      <c r="E6969">
        <v>26947.163069999999</v>
      </c>
      <c r="F6969">
        <v>82651.74093</v>
      </c>
      <c r="G6969">
        <v>66915.60338</v>
      </c>
      <c r="H6969">
        <v>49189.36176</v>
      </c>
      <c r="I6969">
        <v>46638.108419999997</v>
      </c>
      <c r="J6969">
        <v>38469.399770000004</v>
      </c>
      <c r="K6969">
        <v>54995.215960000001</v>
      </c>
      <c r="L6969">
        <v>22954.66951</v>
      </c>
      <c r="M6969">
        <v>324546.93469999998</v>
      </c>
      <c r="N6969">
        <v>88874.143179999999</v>
      </c>
      <c r="O6969">
        <v>24845.707890000001</v>
      </c>
      <c r="P6969">
        <v>33189.6659</v>
      </c>
      <c r="Q6969">
        <v>94997.336979999993</v>
      </c>
      <c r="R6969">
        <v>21150.589220000002</v>
      </c>
      <c r="S6969">
        <v>104202.6425</v>
      </c>
      <c r="T6969">
        <v>33049.137499999997</v>
      </c>
      <c r="U6969">
        <v>24538.36132</v>
      </c>
      <c r="W6969" s="83">
        <f>Bühler!N7001</f>
        <v>45582.291666649769</v>
      </c>
      <c r="X6969" s="83">
        <v>43391.291666666664</v>
      </c>
      <c r="Y6969">
        <v>290218.25189999997</v>
      </c>
      <c r="Z6969">
        <v>26947.163069999999</v>
      </c>
      <c r="AA6969">
        <v>82651.74093</v>
      </c>
      <c r="AB6969">
        <v>66915.60338</v>
      </c>
      <c r="AC6969">
        <v>49189.36176</v>
      </c>
      <c r="AD6969">
        <v>46638.108419999997</v>
      </c>
      <c r="AE6969">
        <v>38469.399770000004</v>
      </c>
      <c r="AF6969">
        <v>54995.215960000001</v>
      </c>
      <c r="AG6969">
        <v>22954.66951</v>
      </c>
      <c r="AH6969">
        <v>324546.93469999998</v>
      </c>
      <c r="AI6969">
        <v>88874.143179999999</v>
      </c>
      <c r="AJ6969">
        <v>24845.707890000001</v>
      </c>
      <c r="AK6969">
        <v>33189.6659</v>
      </c>
      <c r="AL6969">
        <v>94997.336979999993</v>
      </c>
      <c r="AM6969">
        <v>21150.589220000002</v>
      </c>
      <c r="AN6969">
        <v>104202.6425</v>
      </c>
      <c r="AO6969">
        <v>33049.137499999997</v>
      </c>
      <c r="AP6969">
        <v>24538.36132</v>
      </c>
    </row>
    <row r="6970" spans="2:42" x14ac:dyDescent="0.3">
      <c r="B6970">
        <v>64.452476501778179</v>
      </c>
      <c r="C6970" s="83">
        <v>43391.333333333336</v>
      </c>
      <c r="D6970">
        <v>299595.38160000002</v>
      </c>
      <c r="E6970">
        <v>32598.29521</v>
      </c>
      <c r="F6970">
        <v>88344.299830000004</v>
      </c>
      <c r="G6970">
        <v>84681.537200000006</v>
      </c>
      <c r="H6970">
        <v>53713.532120000003</v>
      </c>
      <c r="I6970">
        <v>48636.304349999999</v>
      </c>
      <c r="J6970">
        <v>38431.255290000001</v>
      </c>
      <c r="K6970">
        <v>60976.89875</v>
      </c>
      <c r="L6970">
        <v>25985.511979999999</v>
      </c>
      <c r="M6970">
        <v>328608.78210000001</v>
      </c>
      <c r="N6970">
        <v>96788.085800000001</v>
      </c>
      <c r="O6970">
        <v>26358.571449999999</v>
      </c>
      <c r="P6970">
        <v>34915.983590000003</v>
      </c>
      <c r="Q6970">
        <v>96568.547479999994</v>
      </c>
      <c r="R6970">
        <v>22473.128949999998</v>
      </c>
      <c r="S6970">
        <v>117518.97</v>
      </c>
      <c r="T6970">
        <v>36987.13622</v>
      </c>
      <c r="U6970">
        <v>28014.534930000002</v>
      </c>
      <c r="W6970" s="83">
        <f>Bühler!N7002</f>
        <v>45582.333333316434</v>
      </c>
      <c r="X6970" s="83">
        <v>43391.333333333336</v>
      </c>
      <c r="Y6970">
        <v>299595.38160000002</v>
      </c>
      <c r="Z6970">
        <v>32598.29521</v>
      </c>
      <c r="AA6970">
        <v>88344.299830000004</v>
      </c>
      <c r="AB6970">
        <v>84681.537200000006</v>
      </c>
      <c r="AC6970">
        <v>53713.532120000003</v>
      </c>
      <c r="AD6970">
        <v>48636.304349999999</v>
      </c>
      <c r="AE6970">
        <v>38431.255290000001</v>
      </c>
      <c r="AF6970">
        <v>60976.89875</v>
      </c>
      <c r="AG6970">
        <v>25985.511979999999</v>
      </c>
      <c r="AH6970">
        <v>328608.78210000001</v>
      </c>
      <c r="AI6970">
        <v>96788.085800000001</v>
      </c>
      <c r="AJ6970">
        <v>26358.571449999999</v>
      </c>
      <c r="AK6970">
        <v>34915.983590000003</v>
      </c>
      <c r="AL6970">
        <v>96568.547479999994</v>
      </c>
      <c r="AM6970">
        <v>22473.128949999998</v>
      </c>
      <c r="AN6970">
        <v>117518.97</v>
      </c>
      <c r="AO6970">
        <v>36987.13622</v>
      </c>
      <c r="AP6970">
        <v>28014.534930000002</v>
      </c>
    </row>
    <row r="6971" spans="2:42" x14ac:dyDescent="0.3">
      <c r="B6971">
        <v>65.795187807659673</v>
      </c>
      <c r="C6971" s="83">
        <v>43391.375</v>
      </c>
      <c r="D6971">
        <v>302295.36670000001</v>
      </c>
      <c r="E6971">
        <v>36684.621189999998</v>
      </c>
      <c r="F6971">
        <v>94744.509449999998</v>
      </c>
      <c r="G6971">
        <v>93813.480500000005</v>
      </c>
      <c r="H6971">
        <v>56452.729890000002</v>
      </c>
      <c r="I6971">
        <v>45741.399510000003</v>
      </c>
      <c r="J6971">
        <v>37805.384480000001</v>
      </c>
      <c r="K6971">
        <v>62008.657319999998</v>
      </c>
      <c r="L6971">
        <v>29147.84518</v>
      </c>
      <c r="M6971">
        <v>335454.55050000001</v>
      </c>
      <c r="N6971">
        <v>99975.048049999998</v>
      </c>
      <c r="O6971">
        <v>27025.222259999999</v>
      </c>
      <c r="P6971">
        <v>37225.087650000001</v>
      </c>
      <c r="Q6971">
        <v>96896.723870000002</v>
      </c>
      <c r="R6971">
        <v>22243.732639999998</v>
      </c>
      <c r="S6971">
        <v>123725.7521</v>
      </c>
      <c r="T6971">
        <v>39188.962780000002</v>
      </c>
      <c r="U6971">
        <v>28064.754089999999</v>
      </c>
      <c r="W6971" s="83">
        <f>Bühler!N7003</f>
        <v>45582.374999983098</v>
      </c>
      <c r="X6971" s="83">
        <v>43391.375</v>
      </c>
      <c r="Y6971">
        <v>302295.36670000001</v>
      </c>
      <c r="Z6971">
        <v>36684.621189999998</v>
      </c>
      <c r="AA6971">
        <v>94744.509449999998</v>
      </c>
      <c r="AB6971">
        <v>93813.480500000005</v>
      </c>
      <c r="AC6971">
        <v>56452.729890000002</v>
      </c>
      <c r="AD6971">
        <v>45741.399510000003</v>
      </c>
      <c r="AE6971">
        <v>37805.384480000001</v>
      </c>
      <c r="AF6971">
        <v>62008.657319999998</v>
      </c>
      <c r="AG6971">
        <v>29147.84518</v>
      </c>
      <c r="AH6971">
        <v>335454.55050000001</v>
      </c>
      <c r="AI6971">
        <v>99975.048049999998</v>
      </c>
      <c r="AJ6971">
        <v>27025.222259999999</v>
      </c>
      <c r="AK6971">
        <v>37225.087650000001</v>
      </c>
      <c r="AL6971">
        <v>96896.723870000002</v>
      </c>
      <c r="AM6971">
        <v>22243.732639999998</v>
      </c>
      <c r="AN6971">
        <v>123725.7521</v>
      </c>
      <c r="AO6971">
        <v>39188.962780000002</v>
      </c>
      <c r="AP6971">
        <v>28064.754089999999</v>
      </c>
    </row>
    <row r="6972" spans="2:42" x14ac:dyDescent="0.3">
      <c r="B6972">
        <v>66.749425292756783</v>
      </c>
      <c r="C6972" s="83">
        <v>43391.416666666664</v>
      </c>
      <c r="D6972">
        <v>304285.38500000001</v>
      </c>
      <c r="E6972">
        <v>38024.40092</v>
      </c>
      <c r="F6972">
        <v>93995.117729999998</v>
      </c>
      <c r="G6972">
        <v>96172.760299999994</v>
      </c>
      <c r="H6972">
        <v>56891.29567</v>
      </c>
      <c r="I6972">
        <v>43257.988989999998</v>
      </c>
      <c r="J6972">
        <v>37938.065289999999</v>
      </c>
      <c r="K6972">
        <v>61728.656719999999</v>
      </c>
      <c r="L6972">
        <v>31363.969560000001</v>
      </c>
      <c r="M6972">
        <v>340319.69819999998</v>
      </c>
      <c r="N6972">
        <v>101260.458</v>
      </c>
      <c r="O6972">
        <v>26954.029589999998</v>
      </c>
      <c r="P6972">
        <v>36342.12743</v>
      </c>
      <c r="Q6972">
        <v>95667.489180000004</v>
      </c>
      <c r="R6972">
        <v>22514.471450000001</v>
      </c>
      <c r="S6972">
        <v>124232.54210000001</v>
      </c>
      <c r="T6972">
        <v>40899.506379999999</v>
      </c>
      <c r="U6972">
        <v>27334.054220000002</v>
      </c>
      <c r="W6972" s="83">
        <f>Bühler!N7004</f>
        <v>45582.416666649762</v>
      </c>
      <c r="X6972" s="83">
        <v>43391.416666666664</v>
      </c>
      <c r="Y6972">
        <v>304285.38500000001</v>
      </c>
      <c r="Z6972">
        <v>38024.40092</v>
      </c>
      <c r="AA6972">
        <v>93995.117729999998</v>
      </c>
      <c r="AB6972">
        <v>96172.760299999994</v>
      </c>
      <c r="AC6972">
        <v>56891.29567</v>
      </c>
      <c r="AD6972">
        <v>43257.988989999998</v>
      </c>
      <c r="AE6972">
        <v>37938.065289999999</v>
      </c>
      <c r="AF6972">
        <v>61728.656719999999</v>
      </c>
      <c r="AG6972">
        <v>31363.969560000001</v>
      </c>
      <c r="AH6972">
        <v>340319.69819999998</v>
      </c>
      <c r="AI6972">
        <v>101260.458</v>
      </c>
      <c r="AJ6972">
        <v>26954.029589999998</v>
      </c>
      <c r="AK6972">
        <v>36342.12743</v>
      </c>
      <c r="AL6972">
        <v>95667.489180000004</v>
      </c>
      <c r="AM6972">
        <v>22514.471450000001</v>
      </c>
      <c r="AN6972">
        <v>124232.54210000001</v>
      </c>
      <c r="AO6972">
        <v>40899.506379999999</v>
      </c>
      <c r="AP6972">
        <v>27334.054220000002</v>
      </c>
    </row>
    <row r="6973" spans="2:42" x14ac:dyDescent="0.3">
      <c r="B6973">
        <v>67.287564512667302</v>
      </c>
      <c r="C6973" s="83">
        <v>43391.458333333336</v>
      </c>
      <c r="D6973">
        <v>302240.27779999998</v>
      </c>
      <c r="E6973">
        <v>37725.08064</v>
      </c>
      <c r="F6973">
        <v>93778.564490000004</v>
      </c>
      <c r="G6973">
        <v>93653.377179999996</v>
      </c>
      <c r="H6973">
        <v>56013.19356</v>
      </c>
      <c r="I6973">
        <v>41127.485209999999</v>
      </c>
      <c r="J6973">
        <v>37411.869250000003</v>
      </c>
      <c r="K6973">
        <v>63428.227890000002</v>
      </c>
      <c r="L6973">
        <v>31954.973170000001</v>
      </c>
      <c r="M6973">
        <v>343063.38290000003</v>
      </c>
      <c r="N6973">
        <v>100030.0616</v>
      </c>
      <c r="O6973">
        <v>26653.980869999999</v>
      </c>
      <c r="P6973">
        <v>35852.630929999999</v>
      </c>
      <c r="Q6973">
        <v>95032.848159999994</v>
      </c>
      <c r="R6973">
        <v>23275.086879999999</v>
      </c>
      <c r="S6973">
        <v>125665.2885</v>
      </c>
      <c r="T6973">
        <v>40086.134539999999</v>
      </c>
      <c r="U6973">
        <v>26946.165789999999</v>
      </c>
      <c r="W6973" s="83">
        <f>Bühler!N7005</f>
        <v>45582.458333316426</v>
      </c>
      <c r="X6973" s="83">
        <v>43391.458333333336</v>
      </c>
      <c r="Y6973">
        <v>302240.27779999998</v>
      </c>
      <c r="Z6973">
        <v>37725.08064</v>
      </c>
      <c r="AA6973">
        <v>93778.564490000004</v>
      </c>
      <c r="AB6973">
        <v>93653.377179999996</v>
      </c>
      <c r="AC6973">
        <v>56013.19356</v>
      </c>
      <c r="AD6973">
        <v>41127.485209999999</v>
      </c>
      <c r="AE6973">
        <v>37411.869250000003</v>
      </c>
      <c r="AF6973">
        <v>63428.227890000002</v>
      </c>
      <c r="AG6973">
        <v>31954.973170000001</v>
      </c>
      <c r="AH6973">
        <v>343063.38290000003</v>
      </c>
      <c r="AI6973">
        <v>100030.0616</v>
      </c>
      <c r="AJ6973">
        <v>26653.980869999999</v>
      </c>
      <c r="AK6973">
        <v>35852.630929999999</v>
      </c>
      <c r="AL6973">
        <v>95032.848159999994</v>
      </c>
      <c r="AM6973">
        <v>23275.086879999999</v>
      </c>
      <c r="AN6973">
        <v>125665.2885</v>
      </c>
      <c r="AO6973">
        <v>40086.134539999999</v>
      </c>
      <c r="AP6973">
        <v>26946.165789999999</v>
      </c>
    </row>
    <row r="6974" spans="2:42" x14ac:dyDescent="0.3">
      <c r="B6974">
        <v>66.634847248925681</v>
      </c>
      <c r="C6974" s="83">
        <v>43391.5</v>
      </c>
      <c r="D6974">
        <v>289512.91609999997</v>
      </c>
      <c r="E6974">
        <v>33564.175190000002</v>
      </c>
      <c r="F6974">
        <v>91412.328139999998</v>
      </c>
      <c r="G6974">
        <v>91007.24123</v>
      </c>
      <c r="H6974">
        <v>53071.377860000001</v>
      </c>
      <c r="I6974">
        <v>39268.551290000003</v>
      </c>
      <c r="J6974">
        <v>36372.917079999999</v>
      </c>
      <c r="K6974">
        <v>59150.015760000002</v>
      </c>
      <c r="L6974">
        <v>33824.036489999999</v>
      </c>
      <c r="M6974">
        <v>339735.52590000001</v>
      </c>
      <c r="N6974">
        <v>96923.588640000002</v>
      </c>
      <c r="O6974">
        <v>25980.32144</v>
      </c>
      <c r="P6974">
        <v>36417.63942</v>
      </c>
      <c r="Q6974">
        <v>93148.951230000006</v>
      </c>
      <c r="R6974">
        <v>24337.898130000001</v>
      </c>
      <c r="S6974">
        <v>118105.56600000001</v>
      </c>
      <c r="T6974">
        <v>39231.93075</v>
      </c>
      <c r="U6974">
        <v>22103.220990000002</v>
      </c>
      <c r="W6974" s="83">
        <f>Bühler!N7006</f>
        <v>45582.499999983091</v>
      </c>
      <c r="X6974" s="83">
        <v>43391.5</v>
      </c>
      <c r="Y6974">
        <v>289512.91609999997</v>
      </c>
      <c r="Z6974">
        <v>33564.175190000002</v>
      </c>
      <c r="AA6974">
        <v>91412.328139999998</v>
      </c>
      <c r="AB6974">
        <v>91007.24123</v>
      </c>
      <c r="AC6974">
        <v>53071.377860000001</v>
      </c>
      <c r="AD6974">
        <v>39268.551290000003</v>
      </c>
      <c r="AE6974">
        <v>36372.917079999999</v>
      </c>
      <c r="AF6974">
        <v>59150.015760000002</v>
      </c>
      <c r="AG6974">
        <v>33824.036489999999</v>
      </c>
      <c r="AH6974">
        <v>339735.52590000001</v>
      </c>
      <c r="AI6974">
        <v>96923.588640000002</v>
      </c>
      <c r="AJ6974">
        <v>25980.32144</v>
      </c>
      <c r="AK6974">
        <v>36417.63942</v>
      </c>
      <c r="AL6974">
        <v>93148.951230000006</v>
      </c>
      <c r="AM6974">
        <v>24337.898130000001</v>
      </c>
      <c r="AN6974">
        <v>118105.56600000001</v>
      </c>
      <c r="AO6974">
        <v>39231.93075</v>
      </c>
      <c r="AP6974">
        <v>22103.220990000002</v>
      </c>
    </row>
    <row r="6975" spans="2:42" x14ac:dyDescent="0.3">
      <c r="B6975">
        <v>66.090331739005663</v>
      </c>
      <c r="C6975" s="83">
        <v>43391.541666666664</v>
      </c>
      <c r="D6975">
        <v>290308.63919999998</v>
      </c>
      <c r="E6975">
        <v>33484.511530000003</v>
      </c>
      <c r="F6975">
        <v>90618.949909999996</v>
      </c>
      <c r="G6975">
        <v>88647.882280000005</v>
      </c>
      <c r="H6975">
        <v>53332.330410000002</v>
      </c>
      <c r="I6975">
        <v>38460.417249999999</v>
      </c>
      <c r="J6975">
        <v>34680.264179999998</v>
      </c>
      <c r="K6975">
        <v>59541.768609999999</v>
      </c>
      <c r="L6975">
        <v>32445.202160000001</v>
      </c>
      <c r="M6975">
        <v>336959.33189999999</v>
      </c>
      <c r="N6975">
        <v>97060.106799999994</v>
      </c>
      <c r="O6975">
        <v>25568.168669999999</v>
      </c>
      <c r="P6975">
        <v>35141.715369999998</v>
      </c>
      <c r="Q6975">
        <v>92088.412490000002</v>
      </c>
      <c r="R6975">
        <v>24944.17424</v>
      </c>
      <c r="S6975">
        <v>116305.0874</v>
      </c>
      <c r="T6975">
        <v>38436.847750000001</v>
      </c>
      <c r="U6975">
        <v>23957.4208</v>
      </c>
      <c r="W6975" s="83">
        <f>Bühler!N7007</f>
        <v>45582.541666649755</v>
      </c>
      <c r="X6975" s="83">
        <v>43391.541666666664</v>
      </c>
      <c r="Y6975">
        <v>290308.63919999998</v>
      </c>
      <c r="Z6975">
        <v>33484.511530000003</v>
      </c>
      <c r="AA6975">
        <v>90618.949909999996</v>
      </c>
      <c r="AB6975">
        <v>88647.882280000005</v>
      </c>
      <c r="AC6975">
        <v>53332.330410000002</v>
      </c>
      <c r="AD6975">
        <v>38460.417249999999</v>
      </c>
      <c r="AE6975">
        <v>34680.264179999998</v>
      </c>
      <c r="AF6975">
        <v>59541.768609999999</v>
      </c>
      <c r="AG6975">
        <v>32445.202160000001</v>
      </c>
      <c r="AH6975">
        <v>336959.33189999999</v>
      </c>
      <c r="AI6975">
        <v>97060.106799999994</v>
      </c>
      <c r="AJ6975">
        <v>25568.168669999999</v>
      </c>
      <c r="AK6975">
        <v>35141.715369999998</v>
      </c>
      <c r="AL6975">
        <v>92088.412490000002</v>
      </c>
      <c r="AM6975">
        <v>24944.17424</v>
      </c>
      <c r="AN6975">
        <v>116305.0874</v>
      </c>
      <c r="AO6975">
        <v>38436.847750000001</v>
      </c>
      <c r="AP6975">
        <v>23957.4208</v>
      </c>
    </row>
    <row r="6976" spans="2:42" x14ac:dyDescent="0.3">
      <c r="B6976">
        <v>66.33543005214284</v>
      </c>
      <c r="C6976" s="83">
        <v>43391.583333333336</v>
      </c>
      <c r="D6976">
        <v>293336.85440000001</v>
      </c>
      <c r="E6976">
        <v>36187.414570000001</v>
      </c>
      <c r="F6976">
        <v>92677.326629999996</v>
      </c>
      <c r="G6976">
        <v>82217.372239999997</v>
      </c>
      <c r="H6976">
        <v>53494.842349999999</v>
      </c>
      <c r="I6976">
        <v>38750.795180000001</v>
      </c>
      <c r="J6976">
        <v>34352.158360000001</v>
      </c>
      <c r="K6976">
        <v>62441.8554</v>
      </c>
      <c r="L6976">
        <v>29451.110779999999</v>
      </c>
      <c r="M6976">
        <v>338208.95740000001</v>
      </c>
      <c r="N6976">
        <v>96368.735249999998</v>
      </c>
      <c r="O6976">
        <v>25530.951079999999</v>
      </c>
      <c r="P6976">
        <v>32971.655639999997</v>
      </c>
      <c r="Q6976">
        <v>92554.126040000003</v>
      </c>
      <c r="R6976">
        <v>24058.680420000001</v>
      </c>
      <c r="S6976">
        <v>112510.7645</v>
      </c>
      <c r="T6976">
        <v>37434.562360000004</v>
      </c>
      <c r="U6976">
        <v>25780.49019</v>
      </c>
      <c r="W6976" s="83">
        <f>Bühler!N7008</f>
        <v>45582.583333316419</v>
      </c>
      <c r="X6976" s="83">
        <v>43391.583333333336</v>
      </c>
      <c r="Y6976">
        <v>293336.85440000001</v>
      </c>
      <c r="Z6976">
        <v>36187.414570000001</v>
      </c>
      <c r="AA6976">
        <v>92677.326629999996</v>
      </c>
      <c r="AB6976">
        <v>82217.372239999997</v>
      </c>
      <c r="AC6976">
        <v>53494.842349999999</v>
      </c>
      <c r="AD6976">
        <v>38750.795180000001</v>
      </c>
      <c r="AE6976">
        <v>34352.158360000001</v>
      </c>
      <c r="AF6976">
        <v>62441.8554</v>
      </c>
      <c r="AG6976">
        <v>29451.110779999999</v>
      </c>
      <c r="AH6976">
        <v>338208.95740000001</v>
      </c>
      <c r="AI6976">
        <v>96368.735249999998</v>
      </c>
      <c r="AJ6976">
        <v>25530.951079999999</v>
      </c>
      <c r="AK6976">
        <v>32971.655639999997</v>
      </c>
      <c r="AL6976">
        <v>92554.126040000003</v>
      </c>
      <c r="AM6976">
        <v>24058.680420000001</v>
      </c>
      <c r="AN6976">
        <v>112510.7645</v>
      </c>
      <c r="AO6976">
        <v>37434.562360000004</v>
      </c>
      <c r="AP6976">
        <v>25780.49019</v>
      </c>
    </row>
    <row r="6977" spans="2:42" x14ac:dyDescent="0.3">
      <c r="B6977">
        <v>66.118071943709197</v>
      </c>
      <c r="C6977" s="83">
        <v>43391.625</v>
      </c>
      <c r="D6977">
        <v>292520.54100000003</v>
      </c>
      <c r="E6977">
        <v>36162.23373</v>
      </c>
      <c r="F6977">
        <v>92312.718510000006</v>
      </c>
      <c r="G6977">
        <v>78451.055139999997</v>
      </c>
      <c r="H6977">
        <v>52134.555740000003</v>
      </c>
      <c r="I6977">
        <v>39556.775930000003</v>
      </c>
      <c r="J6977">
        <v>33935.03183</v>
      </c>
      <c r="K6977">
        <v>61308.838320000003</v>
      </c>
      <c r="L6977">
        <v>26619.761920000001</v>
      </c>
      <c r="M6977">
        <v>337100.76439999999</v>
      </c>
      <c r="N6977">
        <v>95200.576289999997</v>
      </c>
      <c r="O6977">
        <v>25606.135610000001</v>
      </c>
      <c r="P6977">
        <v>30741.6649</v>
      </c>
      <c r="Q6977">
        <v>91562.812399999995</v>
      </c>
      <c r="R6977">
        <v>22983.48083</v>
      </c>
      <c r="S6977">
        <v>109732.38069999999</v>
      </c>
      <c r="T6977">
        <v>36859.729379999997</v>
      </c>
      <c r="U6977">
        <v>23467.33698</v>
      </c>
      <c r="W6977" s="83">
        <f>Bühler!N7009</f>
        <v>45582.624999983083</v>
      </c>
      <c r="X6977" s="83">
        <v>43391.625</v>
      </c>
      <c r="Y6977">
        <v>292520.54100000003</v>
      </c>
      <c r="Z6977">
        <v>36162.23373</v>
      </c>
      <c r="AA6977">
        <v>92312.718510000006</v>
      </c>
      <c r="AB6977">
        <v>78451.055139999997</v>
      </c>
      <c r="AC6977">
        <v>52134.555740000003</v>
      </c>
      <c r="AD6977">
        <v>39556.775930000003</v>
      </c>
      <c r="AE6977">
        <v>33935.03183</v>
      </c>
      <c r="AF6977">
        <v>61308.838320000003</v>
      </c>
      <c r="AG6977">
        <v>26619.761920000001</v>
      </c>
      <c r="AH6977">
        <v>337100.76439999999</v>
      </c>
      <c r="AI6977">
        <v>95200.576289999997</v>
      </c>
      <c r="AJ6977">
        <v>25606.135610000001</v>
      </c>
      <c r="AK6977">
        <v>30741.6649</v>
      </c>
      <c r="AL6977">
        <v>91562.812399999995</v>
      </c>
      <c r="AM6977">
        <v>22983.48083</v>
      </c>
      <c r="AN6977">
        <v>109732.38069999999</v>
      </c>
      <c r="AO6977">
        <v>36859.729379999997</v>
      </c>
      <c r="AP6977">
        <v>23467.33698</v>
      </c>
    </row>
    <row r="6978" spans="2:42" x14ac:dyDescent="0.3">
      <c r="B6978">
        <v>65.400512906417077</v>
      </c>
      <c r="C6978" s="83">
        <v>43391.666666666664</v>
      </c>
      <c r="D6978">
        <v>285697.32449999999</v>
      </c>
      <c r="E6978">
        <v>35412.830979999999</v>
      </c>
      <c r="F6978">
        <v>92236.098389999999</v>
      </c>
      <c r="G6978">
        <v>75118.236999999994</v>
      </c>
      <c r="H6978">
        <v>50623.248650000001</v>
      </c>
      <c r="I6978">
        <v>41035.812760000001</v>
      </c>
      <c r="J6978">
        <v>33840.357499999998</v>
      </c>
      <c r="K6978">
        <v>59546.110200000003</v>
      </c>
      <c r="L6978">
        <v>25740.196739999999</v>
      </c>
      <c r="M6978">
        <v>333442.3138</v>
      </c>
      <c r="N6978">
        <v>93124.318090000001</v>
      </c>
      <c r="O6978">
        <v>25391.118009999998</v>
      </c>
      <c r="P6978">
        <v>30560.09751</v>
      </c>
      <c r="Q6978">
        <v>90979.253490000003</v>
      </c>
      <c r="R6978">
        <v>22169.025089999999</v>
      </c>
      <c r="S6978">
        <v>106862.2668</v>
      </c>
      <c r="T6978">
        <v>35626.493999999999</v>
      </c>
      <c r="U6978">
        <v>21875.729050000002</v>
      </c>
      <c r="W6978" s="83">
        <f>Bühler!N7010</f>
        <v>45582.666666649748</v>
      </c>
      <c r="X6978" s="83">
        <v>43391.666666666664</v>
      </c>
      <c r="Y6978">
        <v>285697.32449999999</v>
      </c>
      <c r="Z6978">
        <v>35412.830979999999</v>
      </c>
      <c r="AA6978">
        <v>92236.098389999999</v>
      </c>
      <c r="AB6978">
        <v>75118.236999999994</v>
      </c>
      <c r="AC6978">
        <v>50623.248650000001</v>
      </c>
      <c r="AD6978">
        <v>41035.812760000001</v>
      </c>
      <c r="AE6978">
        <v>33840.357499999998</v>
      </c>
      <c r="AF6978">
        <v>59546.110200000003</v>
      </c>
      <c r="AG6978">
        <v>25740.196739999999</v>
      </c>
      <c r="AH6978">
        <v>333442.3138</v>
      </c>
      <c r="AI6978">
        <v>93124.318090000001</v>
      </c>
      <c r="AJ6978">
        <v>25391.118009999998</v>
      </c>
      <c r="AK6978">
        <v>30560.09751</v>
      </c>
      <c r="AL6978">
        <v>90979.253490000003</v>
      </c>
      <c r="AM6978">
        <v>22169.025089999999</v>
      </c>
      <c r="AN6978">
        <v>106862.2668</v>
      </c>
      <c r="AO6978">
        <v>35626.493999999999</v>
      </c>
      <c r="AP6978">
        <v>21875.729050000002</v>
      </c>
    </row>
    <row r="6979" spans="2:42" x14ac:dyDescent="0.3">
      <c r="B6979">
        <v>64.687992188156016</v>
      </c>
      <c r="C6979" s="83">
        <v>43391.708333333336</v>
      </c>
      <c r="D6979">
        <v>275186.56270000001</v>
      </c>
      <c r="E6979">
        <v>33358.906210000001</v>
      </c>
      <c r="F6979">
        <v>92942.243010000006</v>
      </c>
      <c r="G6979">
        <v>66669.477320000005</v>
      </c>
      <c r="H6979">
        <v>48327.941910000001</v>
      </c>
      <c r="I6979">
        <v>41226.484299999996</v>
      </c>
      <c r="J6979">
        <v>33903.615749999997</v>
      </c>
      <c r="K6979">
        <v>54221.817929999997</v>
      </c>
      <c r="L6979">
        <v>26479.685560000002</v>
      </c>
      <c r="M6979">
        <v>329809.55089999997</v>
      </c>
      <c r="N6979">
        <v>90043.733540000001</v>
      </c>
      <c r="O6979">
        <v>24752.745849999999</v>
      </c>
      <c r="P6979">
        <v>33919.536359999998</v>
      </c>
      <c r="Q6979">
        <v>89987.458060000004</v>
      </c>
      <c r="R6979">
        <v>21104.530640000001</v>
      </c>
      <c r="S6979">
        <v>103976.5757</v>
      </c>
      <c r="T6979">
        <v>35679.316180000002</v>
      </c>
      <c r="U6979">
        <v>19334.636330000001</v>
      </c>
      <c r="W6979" s="83">
        <f>Bühler!N7011</f>
        <v>45582.708333316412</v>
      </c>
      <c r="X6979" s="83">
        <v>43391.708333333336</v>
      </c>
      <c r="Y6979">
        <v>275186.56270000001</v>
      </c>
      <c r="Z6979">
        <v>33358.906210000001</v>
      </c>
      <c r="AA6979">
        <v>92942.243010000006</v>
      </c>
      <c r="AB6979">
        <v>66669.477320000005</v>
      </c>
      <c r="AC6979">
        <v>48327.941910000001</v>
      </c>
      <c r="AD6979">
        <v>41226.484299999996</v>
      </c>
      <c r="AE6979">
        <v>33903.615749999997</v>
      </c>
      <c r="AF6979">
        <v>54221.817929999997</v>
      </c>
      <c r="AG6979">
        <v>26479.685560000002</v>
      </c>
      <c r="AH6979">
        <v>329809.55089999997</v>
      </c>
      <c r="AI6979">
        <v>90043.733540000001</v>
      </c>
      <c r="AJ6979">
        <v>24752.745849999999</v>
      </c>
      <c r="AK6979">
        <v>33919.536359999998</v>
      </c>
      <c r="AL6979">
        <v>89987.458060000004</v>
      </c>
      <c r="AM6979">
        <v>21104.530640000001</v>
      </c>
      <c r="AN6979">
        <v>103976.5757</v>
      </c>
      <c r="AO6979">
        <v>35679.316180000002</v>
      </c>
      <c r="AP6979">
        <v>19334.636330000001</v>
      </c>
    </row>
    <row r="6980" spans="2:42" x14ac:dyDescent="0.3">
      <c r="B6980">
        <v>64.218660993339867</v>
      </c>
      <c r="C6980" s="83">
        <v>43391.75</v>
      </c>
      <c r="D6980">
        <v>269080.2083</v>
      </c>
      <c r="E6980">
        <v>30377.407080000001</v>
      </c>
      <c r="F6980">
        <v>91309.714160000003</v>
      </c>
      <c r="G6980">
        <v>57440.026709999998</v>
      </c>
      <c r="H6980">
        <v>45695.624190000002</v>
      </c>
      <c r="I6980">
        <v>40628.377269999997</v>
      </c>
      <c r="J6980">
        <v>34343.803010000003</v>
      </c>
      <c r="K6980">
        <v>51531.318229999997</v>
      </c>
      <c r="L6980">
        <v>28837.125629999999</v>
      </c>
      <c r="M6980">
        <v>327416.68160000001</v>
      </c>
      <c r="N6980">
        <v>89133.555009999996</v>
      </c>
      <c r="O6980">
        <v>23633.3436</v>
      </c>
      <c r="P6980">
        <v>37743.018470000003</v>
      </c>
      <c r="Q6980">
        <v>88317.522089999999</v>
      </c>
      <c r="R6980">
        <v>21183.250499999998</v>
      </c>
      <c r="S6980">
        <v>98530.161500000002</v>
      </c>
      <c r="T6980">
        <v>36277.527849999999</v>
      </c>
      <c r="U6980">
        <v>17916.714019999999</v>
      </c>
      <c r="W6980" s="83">
        <f>Bühler!N7012</f>
        <v>45582.749999983076</v>
      </c>
      <c r="X6980" s="83">
        <v>43391.75</v>
      </c>
      <c r="Y6980">
        <v>269080.2083</v>
      </c>
      <c r="Z6980">
        <v>30377.407080000001</v>
      </c>
      <c r="AA6980">
        <v>91309.714160000003</v>
      </c>
      <c r="AB6980">
        <v>57440.026709999998</v>
      </c>
      <c r="AC6980">
        <v>45695.624190000002</v>
      </c>
      <c r="AD6980">
        <v>40628.377269999997</v>
      </c>
      <c r="AE6980">
        <v>34343.803010000003</v>
      </c>
      <c r="AF6980">
        <v>51531.318229999997</v>
      </c>
      <c r="AG6980">
        <v>28837.125629999999</v>
      </c>
      <c r="AH6980">
        <v>327416.68160000001</v>
      </c>
      <c r="AI6980">
        <v>89133.555009999996</v>
      </c>
      <c r="AJ6980">
        <v>23633.3436</v>
      </c>
      <c r="AK6980">
        <v>37743.018470000003</v>
      </c>
      <c r="AL6980">
        <v>88317.522089999999</v>
      </c>
      <c r="AM6980">
        <v>21183.250499999998</v>
      </c>
      <c r="AN6980">
        <v>98530.161500000002</v>
      </c>
      <c r="AO6980">
        <v>36277.527849999999</v>
      </c>
      <c r="AP6980">
        <v>17916.714019999999</v>
      </c>
    </row>
    <row r="6981" spans="2:42" x14ac:dyDescent="0.3">
      <c r="B6981">
        <v>63.633482882924874</v>
      </c>
      <c r="C6981" s="83">
        <v>43391.791666666664</v>
      </c>
      <c r="D6981">
        <v>263608.59869999997</v>
      </c>
      <c r="E6981">
        <v>25782.944009999999</v>
      </c>
      <c r="F6981">
        <v>80836.175099999993</v>
      </c>
      <c r="G6981">
        <v>53684.760820000003</v>
      </c>
      <c r="H6981">
        <v>45354.54307</v>
      </c>
      <c r="I6981">
        <v>38356.398789999999</v>
      </c>
      <c r="J6981">
        <v>35469.532359999997</v>
      </c>
      <c r="K6981">
        <v>51597.247040000002</v>
      </c>
      <c r="L6981">
        <v>29986.152819999999</v>
      </c>
      <c r="M6981">
        <v>324433.17070000002</v>
      </c>
      <c r="N6981">
        <v>86874.241410000002</v>
      </c>
      <c r="O6981">
        <v>22773.775450000001</v>
      </c>
      <c r="P6981">
        <v>40248.637880000002</v>
      </c>
      <c r="Q6981">
        <v>86332.120949999997</v>
      </c>
      <c r="R6981">
        <v>21288.259150000002</v>
      </c>
      <c r="S6981">
        <v>95443.779290000006</v>
      </c>
      <c r="T6981">
        <v>37759.992769999997</v>
      </c>
      <c r="U6981">
        <v>17795.84822</v>
      </c>
      <c r="W6981" s="83">
        <f>Bühler!N7013</f>
        <v>45582.79166664974</v>
      </c>
      <c r="X6981" s="83">
        <v>43391.791666666664</v>
      </c>
      <c r="Y6981">
        <v>263608.59869999997</v>
      </c>
      <c r="Z6981">
        <v>25782.944009999999</v>
      </c>
      <c r="AA6981">
        <v>80836.175099999993</v>
      </c>
      <c r="AB6981">
        <v>53684.760820000003</v>
      </c>
      <c r="AC6981">
        <v>45354.54307</v>
      </c>
      <c r="AD6981">
        <v>38356.398789999999</v>
      </c>
      <c r="AE6981">
        <v>35469.532359999997</v>
      </c>
      <c r="AF6981">
        <v>51597.247040000002</v>
      </c>
      <c r="AG6981">
        <v>29986.152819999999</v>
      </c>
      <c r="AH6981">
        <v>324433.17070000002</v>
      </c>
      <c r="AI6981">
        <v>86874.241410000002</v>
      </c>
      <c r="AJ6981">
        <v>22773.775450000001</v>
      </c>
      <c r="AK6981">
        <v>40248.637880000002</v>
      </c>
      <c r="AL6981">
        <v>86332.120949999997</v>
      </c>
      <c r="AM6981">
        <v>21288.259150000002</v>
      </c>
      <c r="AN6981">
        <v>95443.779290000006</v>
      </c>
      <c r="AO6981">
        <v>37759.992769999997</v>
      </c>
      <c r="AP6981">
        <v>17795.84822</v>
      </c>
    </row>
    <row r="6982" spans="2:42" x14ac:dyDescent="0.3">
      <c r="B6982">
        <v>62.281825671168775</v>
      </c>
      <c r="C6982" s="83">
        <v>43391.833333333336</v>
      </c>
      <c r="D6982">
        <v>255615.11350000001</v>
      </c>
      <c r="E6982">
        <v>20061.660199999998</v>
      </c>
      <c r="F6982">
        <v>63135.09057</v>
      </c>
      <c r="G6982">
        <v>47152.823909999999</v>
      </c>
      <c r="H6982">
        <v>42814.38624</v>
      </c>
      <c r="I6982">
        <v>34303.907550000004</v>
      </c>
      <c r="J6982">
        <v>35277.42254</v>
      </c>
      <c r="K6982">
        <v>51198.242689999999</v>
      </c>
      <c r="L6982">
        <v>29293.93331</v>
      </c>
      <c r="M6982">
        <v>317541.79190000001</v>
      </c>
      <c r="N6982">
        <v>84499.519020000007</v>
      </c>
      <c r="O6982">
        <v>22063.150860000002</v>
      </c>
      <c r="P6982">
        <v>39469.535329999999</v>
      </c>
      <c r="Q6982">
        <v>84730.153839999999</v>
      </c>
      <c r="R6982">
        <v>19235.801749999999</v>
      </c>
      <c r="S6982">
        <v>87669.103579999995</v>
      </c>
      <c r="T6982">
        <v>35482.878640000003</v>
      </c>
      <c r="U6982">
        <v>16744.92525</v>
      </c>
      <c r="W6982" s="83">
        <f>Bühler!N7014</f>
        <v>45582.833333316405</v>
      </c>
      <c r="X6982" s="83">
        <v>43391.833333333336</v>
      </c>
      <c r="Y6982">
        <v>255615.11350000001</v>
      </c>
      <c r="Z6982">
        <v>20061.660199999998</v>
      </c>
      <c r="AA6982">
        <v>63135.09057</v>
      </c>
      <c r="AB6982">
        <v>47152.823909999999</v>
      </c>
      <c r="AC6982">
        <v>42814.38624</v>
      </c>
      <c r="AD6982">
        <v>34303.907550000004</v>
      </c>
      <c r="AE6982">
        <v>35277.42254</v>
      </c>
      <c r="AF6982">
        <v>51198.242689999999</v>
      </c>
      <c r="AG6982">
        <v>29293.93331</v>
      </c>
      <c r="AH6982">
        <v>317541.79190000001</v>
      </c>
      <c r="AI6982">
        <v>84499.519020000007</v>
      </c>
      <c r="AJ6982">
        <v>22063.150860000002</v>
      </c>
      <c r="AK6982">
        <v>39469.535329999999</v>
      </c>
      <c r="AL6982">
        <v>84730.153839999999</v>
      </c>
      <c r="AM6982">
        <v>19235.801749999999</v>
      </c>
      <c r="AN6982">
        <v>87669.103579999995</v>
      </c>
      <c r="AO6982">
        <v>35482.878640000003</v>
      </c>
      <c r="AP6982">
        <v>16744.92525</v>
      </c>
    </row>
    <row r="6983" spans="2:42" x14ac:dyDescent="0.3">
      <c r="B6983">
        <v>60.341156529435295</v>
      </c>
      <c r="C6983" s="83">
        <v>43391.875</v>
      </c>
      <c r="D6983">
        <v>246911.0637</v>
      </c>
      <c r="E6983">
        <v>16930.240760000001</v>
      </c>
      <c r="F6983">
        <v>54987.584139999999</v>
      </c>
      <c r="G6983">
        <v>43556.403639999997</v>
      </c>
      <c r="H6983">
        <v>40505.722520000003</v>
      </c>
      <c r="I6983">
        <v>29445.346460000001</v>
      </c>
      <c r="J6983">
        <v>33571.831689999999</v>
      </c>
      <c r="K6983">
        <v>48862.356180000002</v>
      </c>
      <c r="L6983">
        <v>27423.64329</v>
      </c>
      <c r="M6983">
        <v>307647.35560000001</v>
      </c>
      <c r="N6983">
        <v>83084.472229999999</v>
      </c>
      <c r="O6983">
        <v>20717.583409999999</v>
      </c>
      <c r="P6983">
        <v>36519.844120000002</v>
      </c>
      <c r="Q6983">
        <v>82672.256980000006</v>
      </c>
      <c r="R6983">
        <v>18201.231220000001</v>
      </c>
      <c r="S6983">
        <v>81932.052150000003</v>
      </c>
      <c r="T6983">
        <v>32759.142380000001</v>
      </c>
      <c r="U6983">
        <v>15073.33136</v>
      </c>
      <c r="W6983" s="83">
        <f>Bühler!N7015</f>
        <v>45582.874999983069</v>
      </c>
      <c r="X6983" s="83">
        <v>43391.875</v>
      </c>
      <c r="Y6983">
        <v>246911.0637</v>
      </c>
      <c r="Z6983">
        <v>16930.240760000001</v>
      </c>
      <c r="AA6983">
        <v>54987.584139999999</v>
      </c>
      <c r="AB6983">
        <v>43556.403639999997</v>
      </c>
      <c r="AC6983">
        <v>40505.722520000003</v>
      </c>
      <c r="AD6983">
        <v>29445.346460000001</v>
      </c>
      <c r="AE6983">
        <v>33571.831689999999</v>
      </c>
      <c r="AF6983">
        <v>48862.356180000002</v>
      </c>
      <c r="AG6983">
        <v>27423.64329</v>
      </c>
      <c r="AH6983">
        <v>307647.35560000001</v>
      </c>
      <c r="AI6983">
        <v>83084.472229999999</v>
      </c>
      <c r="AJ6983">
        <v>20717.583409999999</v>
      </c>
      <c r="AK6983">
        <v>36519.844120000002</v>
      </c>
      <c r="AL6983">
        <v>82672.256980000006</v>
      </c>
      <c r="AM6983">
        <v>18201.231220000001</v>
      </c>
      <c r="AN6983">
        <v>81932.052150000003</v>
      </c>
      <c r="AO6983">
        <v>32759.142380000001</v>
      </c>
      <c r="AP6983">
        <v>15073.33136</v>
      </c>
    </row>
    <row r="6984" spans="2:42" x14ac:dyDescent="0.3">
      <c r="B6984">
        <v>59.44757842291542</v>
      </c>
      <c r="C6984" s="83">
        <v>43391.916666666664</v>
      </c>
      <c r="D6984">
        <v>246159.99950000001</v>
      </c>
      <c r="E6984">
        <v>16048.33251</v>
      </c>
      <c r="F6984">
        <v>52570.567909999998</v>
      </c>
      <c r="G6984">
        <v>41332.11563</v>
      </c>
      <c r="H6984">
        <v>38720.277679999999</v>
      </c>
      <c r="I6984">
        <v>27208.323830000001</v>
      </c>
      <c r="J6984">
        <v>32097.164499999999</v>
      </c>
      <c r="K6984">
        <v>51322.803449999999</v>
      </c>
      <c r="L6984">
        <v>24794.378379999998</v>
      </c>
      <c r="M6984">
        <v>303091.47769999999</v>
      </c>
      <c r="N6984">
        <v>81417.832760000005</v>
      </c>
      <c r="O6984">
        <v>21101.941940000001</v>
      </c>
      <c r="P6984">
        <v>34394.802150000003</v>
      </c>
      <c r="Q6984">
        <v>82169.048930000004</v>
      </c>
      <c r="R6984">
        <v>22936.285830000001</v>
      </c>
      <c r="S6984">
        <v>80386.965410000004</v>
      </c>
      <c r="T6984">
        <v>28576.689699999999</v>
      </c>
      <c r="U6984">
        <v>15985.44059</v>
      </c>
      <c r="W6984" s="83">
        <f>Bühler!N7016</f>
        <v>45582.916666649733</v>
      </c>
      <c r="X6984" s="83">
        <v>43391.916666666664</v>
      </c>
      <c r="Y6984">
        <v>246159.99950000001</v>
      </c>
      <c r="Z6984">
        <v>16048.33251</v>
      </c>
      <c r="AA6984">
        <v>52570.567909999998</v>
      </c>
      <c r="AB6984">
        <v>41332.11563</v>
      </c>
      <c r="AC6984">
        <v>38720.277679999999</v>
      </c>
      <c r="AD6984">
        <v>27208.323830000001</v>
      </c>
      <c r="AE6984">
        <v>32097.164499999999</v>
      </c>
      <c r="AF6984">
        <v>51322.803449999999</v>
      </c>
      <c r="AG6984">
        <v>24794.378379999998</v>
      </c>
      <c r="AH6984">
        <v>303091.47769999999</v>
      </c>
      <c r="AI6984">
        <v>81417.832760000005</v>
      </c>
      <c r="AJ6984">
        <v>21101.941940000001</v>
      </c>
      <c r="AK6984">
        <v>34394.802150000003</v>
      </c>
      <c r="AL6984">
        <v>82169.048930000004</v>
      </c>
      <c r="AM6984">
        <v>22936.285830000001</v>
      </c>
      <c r="AN6984">
        <v>80386.965410000004</v>
      </c>
      <c r="AO6984">
        <v>28576.689699999999</v>
      </c>
      <c r="AP6984">
        <v>15985.44059</v>
      </c>
    </row>
    <row r="6985" spans="2:42" x14ac:dyDescent="0.3">
      <c r="B6985">
        <v>58.71870039357168</v>
      </c>
      <c r="C6985" s="83">
        <v>43391.958333333336</v>
      </c>
      <c r="D6985">
        <v>246037.9761</v>
      </c>
      <c r="E6985">
        <v>15552.199189999999</v>
      </c>
      <c r="F6985">
        <v>51523.82677</v>
      </c>
      <c r="G6985">
        <v>40154.951009999997</v>
      </c>
      <c r="H6985">
        <v>37563.31121</v>
      </c>
      <c r="I6985">
        <v>25704.52997</v>
      </c>
      <c r="J6985">
        <v>29826.429270000001</v>
      </c>
      <c r="K6985">
        <v>50774.949719999997</v>
      </c>
      <c r="L6985">
        <v>21985.00462</v>
      </c>
      <c r="M6985">
        <v>299375.31760000001</v>
      </c>
      <c r="N6985">
        <v>80346.965949999998</v>
      </c>
      <c r="O6985">
        <v>21071.728490000001</v>
      </c>
      <c r="P6985">
        <v>30786.053909999999</v>
      </c>
      <c r="Q6985">
        <v>81543.496249999997</v>
      </c>
      <c r="R6985">
        <v>21742.03601</v>
      </c>
      <c r="S6985">
        <v>78622.268410000004</v>
      </c>
      <c r="T6985">
        <v>28512.859520000002</v>
      </c>
      <c r="U6985">
        <v>15014.603059999999</v>
      </c>
      <c r="W6985" s="83">
        <f>Bühler!N7017</f>
        <v>45582.958333316397</v>
      </c>
      <c r="X6985" s="83">
        <v>43391.958333333336</v>
      </c>
      <c r="Y6985">
        <v>246037.9761</v>
      </c>
      <c r="Z6985">
        <v>15552.199189999999</v>
      </c>
      <c r="AA6985">
        <v>51523.82677</v>
      </c>
      <c r="AB6985">
        <v>40154.951009999997</v>
      </c>
      <c r="AC6985">
        <v>37563.31121</v>
      </c>
      <c r="AD6985">
        <v>25704.52997</v>
      </c>
      <c r="AE6985">
        <v>29826.429270000001</v>
      </c>
      <c r="AF6985">
        <v>50774.949719999997</v>
      </c>
      <c r="AG6985">
        <v>21985.00462</v>
      </c>
      <c r="AH6985">
        <v>299375.31760000001</v>
      </c>
      <c r="AI6985">
        <v>80346.965949999998</v>
      </c>
      <c r="AJ6985">
        <v>21071.728490000001</v>
      </c>
      <c r="AK6985">
        <v>30786.053909999999</v>
      </c>
      <c r="AL6985">
        <v>81543.496249999997</v>
      </c>
      <c r="AM6985">
        <v>21742.03601</v>
      </c>
      <c r="AN6985">
        <v>78622.268410000004</v>
      </c>
      <c r="AO6985">
        <v>28512.859520000002</v>
      </c>
      <c r="AP6985">
        <v>15014.603059999999</v>
      </c>
    </row>
    <row r="6986" spans="2:42" x14ac:dyDescent="0.3">
      <c r="B6986">
        <v>57.456166335627699</v>
      </c>
      <c r="C6986" s="83">
        <v>43392</v>
      </c>
      <c r="D6986">
        <v>244308.9988</v>
      </c>
      <c r="E6986">
        <v>15012.393319999999</v>
      </c>
      <c r="F6986">
        <v>50959.84474</v>
      </c>
      <c r="G6986">
        <v>38978.074180000003</v>
      </c>
      <c r="H6986">
        <v>37096.302190000002</v>
      </c>
      <c r="I6986">
        <v>23920.84978</v>
      </c>
      <c r="J6986">
        <v>28072.699479999999</v>
      </c>
      <c r="K6986">
        <v>49128.51541</v>
      </c>
      <c r="L6986">
        <v>19821.8223</v>
      </c>
      <c r="M6986">
        <v>292938.33020000003</v>
      </c>
      <c r="N6986">
        <v>79414.007020000005</v>
      </c>
      <c r="O6986">
        <v>21365.17195</v>
      </c>
      <c r="P6986">
        <v>28297.236069999999</v>
      </c>
      <c r="Q6986">
        <v>81265.219849999994</v>
      </c>
      <c r="R6986">
        <v>20748.437190000001</v>
      </c>
      <c r="S6986">
        <v>78164.15986</v>
      </c>
      <c r="T6986">
        <v>26471.117559999999</v>
      </c>
      <c r="U6986">
        <v>14542.472400000001</v>
      </c>
      <c r="W6986" s="83">
        <f>Bühler!N7018</f>
        <v>45582.999999983062</v>
      </c>
      <c r="X6986" s="83">
        <v>43392</v>
      </c>
      <c r="Y6986">
        <v>244308.9988</v>
      </c>
      <c r="Z6986">
        <v>15012.393319999999</v>
      </c>
      <c r="AA6986">
        <v>50959.84474</v>
      </c>
      <c r="AB6986">
        <v>38978.074180000003</v>
      </c>
      <c r="AC6986">
        <v>37096.302190000002</v>
      </c>
      <c r="AD6986">
        <v>23920.84978</v>
      </c>
      <c r="AE6986">
        <v>28072.699479999999</v>
      </c>
      <c r="AF6986">
        <v>49128.51541</v>
      </c>
      <c r="AG6986">
        <v>19821.8223</v>
      </c>
      <c r="AH6986">
        <v>292938.33020000003</v>
      </c>
      <c r="AI6986">
        <v>79414.007020000005</v>
      </c>
      <c r="AJ6986">
        <v>21365.17195</v>
      </c>
      <c r="AK6986">
        <v>28297.236069999999</v>
      </c>
      <c r="AL6986">
        <v>81265.219849999994</v>
      </c>
      <c r="AM6986">
        <v>20748.437190000001</v>
      </c>
      <c r="AN6986">
        <v>78164.15986</v>
      </c>
      <c r="AO6986">
        <v>26471.117559999999</v>
      </c>
      <c r="AP6986">
        <v>14542.472400000001</v>
      </c>
    </row>
    <row r="6987" spans="2:42" x14ac:dyDescent="0.3">
      <c r="B6987">
        <v>56.845616262092058</v>
      </c>
      <c r="C6987" s="83">
        <v>43392.041666666664</v>
      </c>
      <c r="D6987">
        <v>243818.8665</v>
      </c>
      <c r="E6987">
        <v>14909.522059999999</v>
      </c>
      <c r="F6987">
        <v>51591.091789999999</v>
      </c>
      <c r="G6987">
        <v>38250.684209999999</v>
      </c>
      <c r="H6987">
        <v>36634.088580000003</v>
      </c>
      <c r="I6987">
        <v>20179.406220000001</v>
      </c>
      <c r="J6987">
        <v>26961.274529999999</v>
      </c>
      <c r="K6987">
        <v>47111.374839999997</v>
      </c>
      <c r="L6987">
        <v>18838.212500000001</v>
      </c>
      <c r="M6987">
        <v>289825.46120000002</v>
      </c>
      <c r="N6987">
        <v>78853.659480000002</v>
      </c>
      <c r="O6987">
        <v>21218.75114</v>
      </c>
      <c r="P6987">
        <v>26248.877639999999</v>
      </c>
      <c r="Q6987">
        <v>81183.212169999999</v>
      </c>
      <c r="R6987">
        <v>19943.50763</v>
      </c>
      <c r="S6987">
        <v>76440.089890000003</v>
      </c>
      <c r="T6987">
        <v>25942.256369999999</v>
      </c>
      <c r="U6987">
        <v>14637.43449</v>
      </c>
      <c r="W6987" s="83">
        <f>Bühler!N7019</f>
        <v>45583.041666649726</v>
      </c>
      <c r="X6987" s="83">
        <v>43392.041666666664</v>
      </c>
      <c r="Y6987">
        <v>243818.8665</v>
      </c>
      <c r="Z6987">
        <v>14909.522059999999</v>
      </c>
      <c r="AA6987">
        <v>51591.091789999999</v>
      </c>
      <c r="AB6987">
        <v>38250.684209999999</v>
      </c>
      <c r="AC6987">
        <v>36634.088580000003</v>
      </c>
      <c r="AD6987">
        <v>20179.406220000001</v>
      </c>
      <c r="AE6987">
        <v>26961.274529999999</v>
      </c>
      <c r="AF6987">
        <v>47111.374839999997</v>
      </c>
      <c r="AG6987">
        <v>18838.212500000001</v>
      </c>
      <c r="AH6987">
        <v>289825.46120000002</v>
      </c>
      <c r="AI6987">
        <v>78853.659480000002</v>
      </c>
      <c r="AJ6987">
        <v>21218.75114</v>
      </c>
      <c r="AK6987">
        <v>26248.877639999999</v>
      </c>
      <c r="AL6987">
        <v>81183.212169999999</v>
      </c>
      <c r="AM6987">
        <v>19943.50763</v>
      </c>
      <c r="AN6987">
        <v>76440.089890000003</v>
      </c>
      <c r="AO6987">
        <v>25942.256369999999</v>
      </c>
      <c r="AP6987">
        <v>14637.43449</v>
      </c>
    </row>
    <row r="6988" spans="2:42" x14ac:dyDescent="0.3">
      <c r="B6988">
        <v>56.725840243375458</v>
      </c>
      <c r="C6988" s="83">
        <v>43392.083333333336</v>
      </c>
      <c r="D6988">
        <v>241697.8026</v>
      </c>
      <c r="E6988">
        <v>14705.728870000001</v>
      </c>
      <c r="F6988">
        <v>52061.941659999997</v>
      </c>
      <c r="G6988">
        <v>37920.352030000002</v>
      </c>
      <c r="H6988">
        <v>36373.937859999998</v>
      </c>
      <c r="I6988">
        <v>17901.755069999999</v>
      </c>
      <c r="J6988">
        <v>27309.414519999998</v>
      </c>
      <c r="K6988">
        <v>45951.984790000002</v>
      </c>
      <c r="L6988">
        <v>18428.147980000002</v>
      </c>
      <c r="M6988">
        <v>289214.78720000002</v>
      </c>
      <c r="N6988">
        <v>79271.851739999998</v>
      </c>
      <c r="O6988">
        <v>21231.50562</v>
      </c>
      <c r="P6988">
        <v>25432.63725</v>
      </c>
      <c r="Q6988">
        <v>83461.126759999999</v>
      </c>
      <c r="R6988">
        <v>19820.041229999999</v>
      </c>
      <c r="S6988">
        <v>76209.309160000004</v>
      </c>
      <c r="T6988">
        <v>26144.38392</v>
      </c>
      <c r="U6988">
        <v>14742.376249999999</v>
      </c>
      <c r="W6988" s="83">
        <f>Bühler!N7020</f>
        <v>45583.08333331639</v>
      </c>
      <c r="X6988" s="83">
        <v>43392.083333333336</v>
      </c>
      <c r="Y6988">
        <v>241697.8026</v>
      </c>
      <c r="Z6988">
        <v>14705.728870000001</v>
      </c>
      <c r="AA6988">
        <v>52061.941659999997</v>
      </c>
      <c r="AB6988">
        <v>37920.352030000002</v>
      </c>
      <c r="AC6988">
        <v>36373.937859999998</v>
      </c>
      <c r="AD6988">
        <v>17901.755069999999</v>
      </c>
      <c r="AE6988">
        <v>27309.414519999998</v>
      </c>
      <c r="AF6988">
        <v>45951.984790000002</v>
      </c>
      <c r="AG6988">
        <v>18428.147980000002</v>
      </c>
      <c r="AH6988">
        <v>289214.78720000002</v>
      </c>
      <c r="AI6988">
        <v>79271.851739999998</v>
      </c>
      <c r="AJ6988">
        <v>21231.50562</v>
      </c>
      <c r="AK6988">
        <v>25432.63725</v>
      </c>
      <c r="AL6988">
        <v>83461.126759999999</v>
      </c>
      <c r="AM6988">
        <v>19820.041229999999</v>
      </c>
      <c r="AN6988">
        <v>76209.309160000004</v>
      </c>
      <c r="AO6988">
        <v>26144.38392</v>
      </c>
      <c r="AP6988">
        <v>14742.376249999999</v>
      </c>
    </row>
    <row r="6989" spans="2:42" x14ac:dyDescent="0.3">
      <c r="B6989">
        <v>57.623657938538315</v>
      </c>
      <c r="C6989" s="83">
        <v>43392.125</v>
      </c>
      <c r="D6989">
        <v>244111.61900000001</v>
      </c>
      <c r="E6989">
        <v>14819.953820000001</v>
      </c>
      <c r="F6989">
        <v>52817.731229999998</v>
      </c>
      <c r="G6989">
        <v>37131.425040000002</v>
      </c>
      <c r="H6989">
        <v>36633.325259999998</v>
      </c>
      <c r="I6989">
        <v>17634.69428</v>
      </c>
      <c r="J6989">
        <v>27571.423500000001</v>
      </c>
      <c r="K6989">
        <v>44585.936500000003</v>
      </c>
      <c r="L6989">
        <v>18094.323639999999</v>
      </c>
      <c r="M6989">
        <v>293792.28049999999</v>
      </c>
      <c r="N6989">
        <v>79404.692450000002</v>
      </c>
      <c r="O6989">
        <v>20997.489280000002</v>
      </c>
      <c r="P6989">
        <v>24748.467970000002</v>
      </c>
      <c r="Q6989">
        <v>86449.763170000006</v>
      </c>
      <c r="R6989">
        <v>19455.269919999999</v>
      </c>
      <c r="S6989">
        <v>75317.313779999997</v>
      </c>
      <c r="T6989">
        <v>25901.276689999999</v>
      </c>
      <c r="U6989">
        <v>14720.25459</v>
      </c>
      <c r="W6989" s="83">
        <f>Bühler!N7021</f>
        <v>45583.124999983054</v>
      </c>
      <c r="X6989" s="83">
        <v>43392.125</v>
      </c>
      <c r="Y6989">
        <v>244111.61900000001</v>
      </c>
      <c r="Z6989">
        <v>14819.953820000001</v>
      </c>
      <c r="AA6989">
        <v>52817.731229999998</v>
      </c>
      <c r="AB6989">
        <v>37131.425040000002</v>
      </c>
      <c r="AC6989">
        <v>36633.325259999998</v>
      </c>
      <c r="AD6989">
        <v>17634.69428</v>
      </c>
      <c r="AE6989">
        <v>27571.423500000001</v>
      </c>
      <c r="AF6989">
        <v>44585.936500000003</v>
      </c>
      <c r="AG6989">
        <v>18094.323639999999</v>
      </c>
      <c r="AH6989">
        <v>293792.28049999999</v>
      </c>
      <c r="AI6989">
        <v>79404.692450000002</v>
      </c>
      <c r="AJ6989">
        <v>20997.489280000002</v>
      </c>
      <c r="AK6989">
        <v>24748.467970000002</v>
      </c>
      <c r="AL6989">
        <v>86449.763170000006</v>
      </c>
      <c r="AM6989">
        <v>19455.269919999999</v>
      </c>
      <c r="AN6989">
        <v>75317.313779999997</v>
      </c>
      <c r="AO6989">
        <v>25901.276689999999</v>
      </c>
      <c r="AP6989">
        <v>14720.25459</v>
      </c>
    </row>
    <row r="6990" spans="2:42" x14ac:dyDescent="0.3">
      <c r="B6990">
        <v>58.895724451291315</v>
      </c>
      <c r="C6990" s="83">
        <v>43392.166666666664</v>
      </c>
      <c r="D6990">
        <v>245567.48069999999</v>
      </c>
      <c r="E6990">
        <v>15113.019679999999</v>
      </c>
      <c r="F6990">
        <v>56396.610399999998</v>
      </c>
      <c r="G6990">
        <v>36758.27188</v>
      </c>
      <c r="H6990">
        <v>36848.54797</v>
      </c>
      <c r="I6990">
        <v>20060.159309999999</v>
      </c>
      <c r="J6990">
        <v>29473.811020000001</v>
      </c>
      <c r="K6990">
        <v>43395.776389999999</v>
      </c>
      <c r="L6990">
        <v>17738.31335</v>
      </c>
      <c r="M6990">
        <v>300277.8688</v>
      </c>
      <c r="N6990">
        <v>78247.817989999996</v>
      </c>
      <c r="O6990">
        <v>20817.90783</v>
      </c>
      <c r="P6990">
        <v>24635.943579999999</v>
      </c>
      <c r="Q6990">
        <v>90277.142720000003</v>
      </c>
      <c r="R6990">
        <v>18840.379939999999</v>
      </c>
      <c r="S6990">
        <v>76550.502080000006</v>
      </c>
      <c r="T6990">
        <v>26210.458040000001</v>
      </c>
      <c r="U6990">
        <v>14915.28875</v>
      </c>
      <c r="W6990" s="83">
        <f>Bühler!N7022</f>
        <v>45583.166666649719</v>
      </c>
      <c r="X6990" s="83">
        <v>43392.166666666664</v>
      </c>
      <c r="Y6990">
        <v>245567.48069999999</v>
      </c>
      <c r="Z6990">
        <v>15113.019679999999</v>
      </c>
      <c r="AA6990">
        <v>56396.610399999998</v>
      </c>
      <c r="AB6990">
        <v>36758.27188</v>
      </c>
      <c r="AC6990">
        <v>36848.54797</v>
      </c>
      <c r="AD6990">
        <v>20060.159309999999</v>
      </c>
      <c r="AE6990">
        <v>29473.811020000001</v>
      </c>
      <c r="AF6990">
        <v>43395.776389999999</v>
      </c>
      <c r="AG6990">
        <v>17738.31335</v>
      </c>
      <c r="AH6990">
        <v>300277.8688</v>
      </c>
      <c r="AI6990">
        <v>78247.817989999996</v>
      </c>
      <c r="AJ6990">
        <v>20817.90783</v>
      </c>
      <c r="AK6990">
        <v>24635.943579999999</v>
      </c>
      <c r="AL6990">
        <v>90277.142720000003</v>
      </c>
      <c r="AM6990">
        <v>18840.379939999999</v>
      </c>
      <c r="AN6990">
        <v>76550.502080000006</v>
      </c>
      <c r="AO6990">
        <v>26210.458040000001</v>
      </c>
      <c r="AP6990">
        <v>14915.28875</v>
      </c>
    </row>
    <row r="6991" spans="2:42" x14ac:dyDescent="0.3">
      <c r="B6991">
        <v>61.223053986127219</v>
      </c>
      <c r="C6991" s="83">
        <v>43392.208333333336</v>
      </c>
      <c r="D6991">
        <v>258781.8714</v>
      </c>
      <c r="E6991">
        <v>16933.628140000001</v>
      </c>
      <c r="F6991">
        <v>67105.181710000004</v>
      </c>
      <c r="G6991">
        <v>39209.5478</v>
      </c>
      <c r="H6991">
        <v>38808.302049999998</v>
      </c>
      <c r="I6991">
        <v>28619.76626</v>
      </c>
      <c r="J6991">
        <v>32208.221290000001</v>
      </c>
      <c r="K6991">
        <v>44658.911999999997</v>
      </c>
      <c r="L6991">
        <v>18417.947270000001</v>
      </c>
      <c r="M6991">
        <v>312143.6801</v>
      </c>
      <c r="N6991">
        <v>78313.885250000007</v>
      </c>
      <c r="O6991">
        <v>21261.443579999999</v>
      </c>
      <c r="P6991">
        <v>26831.882170000001</v>
      </c>
      <c r="Q6991">
        <v>93213.021789999999</v>
      </c>
      <c r="R6991">
        <v>19740.36663</v>
      </c>
      <c r="S6991">
        <v>78671.103870000006</v>
      </c>
      <c r="T6991">
        <v>27542.389879999999</v>
      </c>
      <c r="U6991">
        <v>16771.185290000001</v>
      </c>
      <c r="W6991" s="83">
        <f>Bühler!N7023</f>
        <v>45583.208333316383</v>
      </c>
      <c r="X6991" s="83">
        <v>43392.208333333336</v>
      </c>
      <c r="Y6991">
        <v>258781.8714</v>
      </c>
      <c r="Z6991">
        <v>16933.628140000001</v>
      </c>
      <c r="AA6991">
        <v>67105.181710000004</v>
      </c>
      <c r="AB6991">
        <v>39209.5478</v>
      </c>
      <c r="AC6991">
        <v>38808.302049999998</v>
      </c>
      <c r="AD6991">
        <v>28619.76626</v>
      </c>
      <c r="AE6991">
        <v>32208.221290000001</v>
      </c>
      <c r="AF6991">
        <v>44658.911999999997</v>
      </c>
      <c r="AG6991">
        <v>18417.947270000001</v>
      </c>
      <c r="AH6991">
        <v>312143.6801</v>
      </c>
      <c r="AI6991">
        <v>78313.885250000007</v>
      </c>
      <c r="AJ6991">
        <v>21261.443579999999</v>
      </c>
      <c r="AK6991">
        <v>26831.882170000001</v>
      </c>
      <c r="AL6991">
        <v>93213.021789999999</v>
      </c>
      <c r="AM6991">
        <v>19740.36663</v>
      </c>
      <c r="AN6991">
        <v>78671.103870000006</v>
      </c>
      <c r="AO6991">
        <v>27542.389879999999</v>
      </c>
      <c r="AP6991">
        <v>16771.185290000001</v>
      </c>
    </row>
    <row r="6992" spans="2:42" x14ac:dyDescent="0.3">
      <c r="B6992">
        <v>64.125888663726215</v>
      </c>
      <c r="C6992" s="83">
        <v>43392.25</v>
      </c>
      <c r="D6992">
        <v>274132.86599999998</v>
      </c>
      <c r="E6992">
        <v>21677.400529999999</v>
      </c>
      <c r="F6992">
        <v>78954.481650000002</v>
      </c>
      <c r="G6992">
        <v>52839.530590000002</v>
      </c>
      <c r="H6992">
        <v>42817.963349999998</v>
      </c>
      <c r="I6992">
        <v>37222.503700000001</v>
      </c>
      <c r="J6992">
        <v>36063.927349999998</v>
      </c>
      <c r="K6992">
        <v>49128.324869999997</v>
      </c>
      <c r="L6992">
        <v>19916.03486</v>
      </c>
      <c r="M6992">
        <v>326943.685</v>
      </c>
      <c r="N6992">
        <v>81022.026259999999</v>
      </c>
      <c r="O6992">
        <v>22468.30258</v>
      </c>
      <c r="P6992">
        <v>28646.65465</v>
      </c>
      <c r="Q6992">
        <v>94465.176959999997</v>
      </c>
      <c r="R6992">
        <v>17645.624790000002</v>
      </c>
      <c r="S6992">
        <v>87679.197220000002</v>
      </c>
      <c r="T6992">
        <v>30119.94975</v>
      </c>
      <c r="U6992">
        <v>19491.57401</v>
      </c>
      <c r="W6992" s="83">
        <f>Bühler!N7024</f>
        <v>45583.249999983047</v>
      </c>
      <c r="X6992" s="83">
        <v>43392.25</v>
      </c>
      <c r="Y6992">
        <v>274132.86599999998</v>
      </c>
      <c r="Z6992">
        <v>21677.400529999999</v>
      </c>
      <c r="AA6992">
        <v>78954.481650000002</v>
      </c>
      <c r="AB6992">
        <v>52839.530590000002</v>
      </c>
      <c r="AC6992">
        <v>42817.963349999998</v>
      </c>
      <c r="AD6992">
        <v>37222.503700000001</v>
      </c>
      <c r="AE6992">
        <v>36063.927349999998</v>
      </c>
      <c r="AF6992">
        <v>49128.324869999997</v>
      </c>
      <c r="AG6992">
        <v>19916.03486</v>
      </c>
      <c r="AH6992">
        <v>326943.685</v>
      </c>
      <c r="AI6992">
        <v>81022.026259999999</v>
      </c>
      <c r="AJ6992">
        <v>22468.30258</v>
      </c>
      <c r="AK6992">
        <v>28646.65465</v>
      </c>
      <c r="AL6992">
        <v>94465.176959999997</v>
      </c>
      <c r="AM6992">
        <v>17645.624790000002</v>
      </c>
      <c r="AN6992">
        <v>87679.197220000002</v>
      </c>
      <c r="AO6992">
        <v>30119.94975</v>
      </c>
      <c r="AP6992">
        <v>19491.57401</v>
      </c>
    </row>
    <row r="6993" spans="2:42" x14ac:dyDescent="0.3">
      <c r="B6993">
        <v>66.585463162984368</v>
      </c>
      <c r="C6993" s="83">
        <v>43392.291666666664</v>
      </c>
      <c r="D6993">
        <v>285835.41600000003</v>
      </c>
      <c r="E6993">
        <v>26928.863089999999</v>
      </c>
      <c r="F6993">
        <v>83346.064639999997</v>
      </c>
      <c r="G6993">
        <v>67056.777459999998</v>
      </c>
      <c r="H6993">
        <v>49127.842049999999</v>
      </c>
      <c r="I6993">
        <v>46184.09489</v>
      </c>
      <c r="J6993">
        <v>38314.484790000002</v>
      </c>
      <c r="K6993">
        <v>54371.056420000001</v>
      </c>
      <c r="L6993">
        <v>23485.547460000002</v>
      </c>
      <c r="M6993">
        <v>339483.74280000001</v>
      </c>
      <c r="N6993">
        <v>88458.41171</v>
      </c>
      <c r="O6993">
        <v>24906.284169999999</v>
      </c>
      <c r="P6993">
        <v>32521.457630000001</v>
      </c>
      <c r="Q6993">
        <v>93218.076019999993</v>
      </c>
      <c r="R6993">
        <v>20380.365180000001</v>
      </c>
      <c r="S6993">
        <v>104235.4632</v>
      </c>
      <c r="T6993">
        <v>33039.10555</v>
      </c>
      <c r="U6993">
        <v>24780.57245</v>
      </c>
      <c r="W6993" s="83">
        <f>Bühler!N7025</f>
        <v>45583.291666649711</v>
      </c>
      <c r="X6993" s="83">
        <v>43392.291666666664</v>
      </c>
      <c r="Y6993">
        <v>285835.41600000003</v>
      </c>
      <c r="Z6993">
        <v>26928.863089999999</v>
      </c>
      <c r="AA6993">
        <v>83346.064639999997</v>
      </c>
      <c r="AB6993">
        <v>67056.777459999998</v>
      </c>
      <c r="AC6993">
        <v>49127.842049999999</v>
      </c>
      <c r="AD6993">
        <v>46184.09489</v>
      </c>
      <c r="AE6993">
        <v>38314.484790000002</v>
      </c>
      <c r="AF6993">
        <v>54371.056420000001</v>
      </c>
      <c r="AG6993">
        <v>23485.547460000002</v>
      </c>
      <c r="AH6993">
        <v>339483.74280000001</v>
      </c>
      <c r="AI6993">
        <v>88458.41171</v>
      </c>
      <c r="AJ6993">
        <v>24906.284169999999</v>
      </c>
      <c r="AK6993">
        <v>32521.457630000001</v>
      </c>
      <c r="AL6993">
        <v>93218.076019999993</v>
      </c>
      <c r="AM6993">
        <v>20380.365180000001</v>
      </c>
      <c r="AN6993">
        <v>104235.4632</v>
      </c>
      <c r="AO6993">
        <v>33039.10555</v>
      </c>
      <c r="AP6993">
        <v>24780.57245</v>
      </c>
    </row>
    <row r="6994" spans="2:42" x14ac:dyDescent="0.3">
      <c r="B6994">
        <v>67.267492300135885</v>
      </c>
      <c r="C6994" s="83">
        <v>43392.333333333336</v>
      </c>
      <c r="D6994">
        <v>298388.7463</v>
      </c>
      <c r="E6994">
        <v>33158.222999999998</v>
      </c>
      <c r="F6994">
        <v>90100.044890000005</v>
      </c>
      <c r="G6994">
        <v>84291.625790000006</v>
      </c>
      <c r="H6994">
        <v>53623.24886</v>
      </c>
      <c r="I6994">
        <v>49033.100359999997</v>
      </c>
      <c r="J6994">
        <v>38600.614809999999</v>
      </c>
      <c r="K6994">
        <v>58728.280270000003</v>
      </c>
      <c r="L6994">
        <v>25808.02619</v>
      </c>
      <c r="M6994">
        <v>342961.0454</v>
      </c>
      <c r="N6994">
        <v>94618.707550000006</v>
      </c>
      <c r="O6994">
        <v>26613.941299999999</v>
      </c>
      <c r="P6994">
        <v>34112.087670000001</v>
      </c>
      <c r="Q6994">
        <v>94162.564119999995</v>
      </c>
      <c r="R6994">
        <v>21007.518080000002</v>
      </c>
      <c r="S6994">
        <v>118732.0917</v>
      </c>
      <c r="T6994">
        <v>36166.538740000004</v>
      </c>
      <c r="U6994">
        <v>27581.382570000002</v>
      </c>
      <c r="W6994" s="83">
        <f>Bühler!N7026</f>
        <v>45583.333333316376</v>
      </c>
      <c r="X6994" s="83">
        <v>43392.333333333336</v>
      </c>
      <c r="Y6994">
        <v>298388.7463</v>
      </c>
      <c r="Z6994">
        <v>33158.222999999998</v>
      </c>
      <c r="AA6994">
        <v>90100.044890000005</v>
      </c>
      <c r="AB6994">
        <v>84291.625790000006</v>
      </c>
      <c r="AC6994">
        <v>53623.24886</v>
      </c>
      <c r="AD6994">
        <v>49033.100359999997</v>
      </c>
      <c r="AE6994">
        <v>38600.614809999999</v>
      </c>
      <c r="AF6994">
        <v>58728.280270000003</v>
      </c>
      <c r="AG6994">
        <v>25808.02619</v>
      </c>
      <c r="AH6994">
        <v>342961.0454</v>
      </c>
      <c r="AI6994">
        <v>94618.707550000006</v>
      </c>
      <c r="AJ6994">
        <v>26613.941299999999</v>
      </c>
      <c r="AK6994">
        <v>34112.087670000001</v>
      </c>
      <c r="AL6994">
        <v>94162.564119999995</v>
      </c>
      <c r="AM6994">
        <v>21007.518080000002</v>
      </c>
      <c r="AN6994">
        <v>118732.0917</v>
      </c>
      <c r="AO6994">
        <v>36166.538740000004</v>
      </c>
      <c r="AP6994">
        <v>27581.382570000002</v>
      </c>
    </row>
    <row r="6995" spans="2:42" x14ac:dyDescent="0.3">
      <c r="B6995">
        <v>67.64249689402061</v>
      </c>
      <c r="C6995" s="83">
        <v>43392.375</v>
      </c>
      <c r="D6995">
        <v>296839.80469999998</v>
      </c>
      <c r="E6995">
        <v>36891.019869999996</v>
      </c>
      <c r="F6995">
        <v>94589.976590000006</v>
      </c>
      <c r="G6995">
        <v>93173.983959999998</v>
      </c>
      <c r="H6995">
        <v>55964.747940000001</v>
      </c>
      <c r="I6995">
        <v>46218.93851</v>
      </c>
      <c r="J6995">
        <v>38806.589240000001</v>
      </c>
      <c r="K6995">
        <v>60894.861830000002</v>
      </c>
      <c r="L6995">
        <v>29198.41663</v>
      </c>
      <c r="M6995">
        <v>344872.99369999999</v>
      </c>
      <c r="N6995">
        <v>97431.175369999997</v>
      </c>
      <c r="O6995">
        <v>27682.930090000002</v>
      </c>
      <c r="P6995">
        <v>35507.059480000004</v>
      </c>
      <c r="Q6995">
        <v>94460.340379999994</v>
      </c>
      <c r="R6995">
        <v>22070.041069999999</v>
      </c>
      <c r="S6995">
        <v>123350.9523</v>
      </c>
      <c r="T6995">
        <v>38122.398719999997</v>
      </c>
      <c r="U6995">
        <v>27709.688969999999</v>
      </c>
      <c r="W6995" s="83">
        <f>Bühler!N7027</f>
        <v>45583.37499998304</v>
      </c>
      <c r="X6995" s="83">
        <v>43392.375</v>
      </c>
      <c r="Y6995">
        <v>296839.80469999998</v>
      </c>
      <c r="Z6995">
        <v>36891.019869999996</v>
      </c>
      <c r="AA6995">
        <v>94589.976590000006</v>
      </c>
      <c r="AB6995">
        <v>93173.983959999998</v>
      </c>
      <c r="AC6995">
        <v>55964.747940000001</v>
      </c>
      <c r="AD6995">
        <v>46218.93851</v>
      </c>
      <c r="AE6995">
        <v>38806.589240000001</v>
      </c>
      <c r="AF6995">
        <v>60894.861830000002</v>
      </c>
      <c r="AG6995">
        <v>29198.41663</v>
      </c>
      <c r="AH6995">
        <v>344872.99369999999</v>
      </c>
      <c r="AI6995">
        <v>97431.175369999997</v>
      </c>
      <c r="AJ6995">
        <v>27682.930090000002</v>
      </c>
      <c r="AK6995">
        <v>35507.059480000004</v>
      </c>
      <c r="AL6995">
        <v>94460.340379999994</v>
      </c>
      <c r="AM6995">
        <v>22070.041069999999</v>
      </c>
      <c r="AN6995">
        <v>123350.9523</v>
      </c>
      <c r="AO6995">
        <v>38122.398719999997</v>
      </c>
      <c r="AP6995">
        <v>27709.688969999999</v>
      </c>
    </row>
    <row r="6996" spans="2:42" x14ac:dyDescent="0.3">
      <c r="B6996">
        <v>67.217848783238026</v>
      </c>
      <c r="C6996" s="83">
        <v>43392.416666666664</v>
      </c>
      <c r="D6996">
        <v>296124.59539999999</v>
      </c>
      <c r="E6996">
        <v>38187.866869999998</v>
      </c>
      <c r="F6996">
        <v>95228.486529999995</v>
      </c>
      <c r="G6996">
        <v>94703.264720000006</v>
      </c>
      <c r="H6996">
        <v>56101.4185</v>
      </c>
      <c r="I6996">
        <v>43742.632799999999</v>
      </c>
      <c r="J6996">
        <v>37876.760289999998</v>
      </c>
      <c r="K6996">
        <v>62420.452870000001</v>
      </c>
      <c r="L6996">
        <v>32111.659899999999</v>
      </c>
      <c r="M6996">
        <v>342707.93959999998</v>
      </c>
      <c r="N6996">
        <v>96478.821930000006</v>
      </c>
      <c r="O6996">
        <v>27640.565299999998</v>
      </c>
      <c r="P6996">
        <v>36698.460709999999</v>
      </c>
      <c r="Q6996">
        <v>94585.415890000004</v>
      </c>
      <c r="R6996">
        <v>21921.31479</v>
      </c>
      <c r="S6996">
        <v>123734.54029999999</v>
      </c>
      <c r="T6996">
        <v>38914.841460000003</v>
      </c>
      <c r="U6996">
        <v>26570.457170000001</v>
      </c>
      <c r="W6996" s="83">
        <f>Bühler!N7028</f>
        <v>45583.416666649704</v>
      </c>
      <c r="X6996" s="83">
        <v>43392.416666666664</v>
      </c>
      <c r="Y6996">
        <v>296124.59539999999</v>
      </c>
      <c r="Z6996">
        <v>38187.866869999998</v>
      </c>
      <c r="AA6996">
        <v>95228.486529999995</v>
      </c>
      <c r="AB6996">
        <v>94703.264720000006</v>
      </c>
      <c r="AC6996">
        <v>56101.4185</v>
      </c>
      <c r="AD6996">
        <v>43742.632799999999</v>
      </c>
      <c r="AE6996">
        <v>37876.760289999998</v>
      </c>
      <c r="AF6996">
        <v>62420.452870000001</v>
      </c>
      <c r="AG6996">
        <v>32111.659899999999</v>
      </c>
      <c r="AH6996">
        <v>342707.93959999998</v>
      </c>
      <c r="AI6996">
        <v>96478.821930000006</v>
      </c>
      <c r="AJ6996">
        <v>27640.565299999998</v>
      </c>
      <c r="AK6996">
        <v>36698.460709999999</v>
      </c>
      <c r="AL6996">
        <v>94585.415890000004</v>
      </c>
      <c r="AM6996">
        <v>21921.31479</v>
      </c>
      <c r="AN6996">
        <v>123734.54029999999</v>
      </c>
      <c r="AO6996">
        <v>38914.841460000003</v>
      </c>
      <c r="AP6996">
        <v>26570.457170000001</v>
      </c>
    </row>
    <row r="6997" spans="2:42" x14ac:dyDescent="0.3">
      <c r="B6997">
        <v>67.54762616867724</v>
      </c>
      <c r="C6997" s="83">
        <v>43392.458333333336</v>
      </c>
      <c r="D6997">
        <v>291457.40580000001</v>
      </c>
      <c r="E6997">
        <v>37373.690580000002</v>
      </c>
      <c r="F6997">
        <v>95238.332200000004</v>
      </c>
      <c r="G6997">
        <v>91223.33597</v>
      </c>
      <c r="H6997">
        <v>54880.344779999999</v>
      </c>
      <c r="I6997">
        <v>41727.458460000002</v>
      </c>
      <c r="J6997">
        <v>36958.490389999999</v>
      </c>
      <c r="K6997">
        <v>63646.85699</v>
      </c>
      <c r="L6997">
        <v>33151.513830000004</v>
      </c>
      <c r="M6997">
        <v>344389.29849999998</v>
      </c>
      <c r="N6997">
        <v>94696.235060000006</v>
      </c>
      <c r="O6997">
        <v>27293.01367</v>
      </c>
      <c r="P6997">
        <v>35035.79795</v>
      </c>
      <c r="Q6997">
        <v>93923.426330000002</v>
      </c>
      <c r="R6997">
        <v>23391.22968</v>
      </c>
      <c r="S6997">
        <v>124078.9442</v>
      </c>
      <c r="T6997">
        <v>38938.413910000003</v>
      </c>
      <c r="U6997">
        <v>25399.017100000001</v>
      </c>
      <c r="W6997" s="83">
        <f>Bühler!N7029</f>
        <v>45583.458333316368</v>
      </c>
      <c r="X6997" s="83">
        <v>43392.458333333336</v>
      </c>
      <c r="Y6997">
        <v>291457.40580000001</v>
      </c>
      <c r="Z6997">
        <v>37373.690580000002</v>
      </c>
      <c r="AA6997">
        <v>95238.332200000004</v>
      </c>
      <c r="AB6997">
        <v>91223.33597</v>
      </c>
      <c r="AC6997">
        <v>54880.344779999999</v>
      </c>
      <c r="AD6997">
        <v>41727.458460000002</v>
      </c>
      <c r="AE6997">
        <v>36958.490389999999</v>
      </c>
      <c r="AF6997">
        <v>63646.85699</v>
      </c>
      <c r="AG6997">
        <v>33151.513830000004</v>
      </c>
      <c r="AH6997">
        <v>344389.29849999998</v>
      </c>
      <c r="AI6997">
        <v>94696.235060000006</v>
      </c>
      <c r="AJ6997">
        <v>27293.01367</v>
      </c>
      <c r="AK6997">
        <v>35035.79795</v>
      </c>
      <c r="AL6997">
        <v>93923.426330000002</v>
      </c>
      <c r="AM6997">
        <v>23391.22968</v>
      </c>
      <c r="AN6997">
        <v>124078.9442</v>
      </c>
      <c r="AO6997">
        <v>38938.413910000003</v>
      </c>
      <c r="AP6997">
        <v>25399.017100000001</v>
      </c>
    </row>
    <row r="6998" spans="2:42" x14ac:dyDescent="0.3">
      <c r="B6998">
        <v>66.042497158242995</v>
      </c>
      <c r="C6998" s="83">
        <v>43392.5</v>
      </c>
      <c r="D6998">
        <v>279247.71029999998</v>
      </c>
      <c r="E6998">
        <v>33477.712030000002</v>
      </c>
      <c r="F6998">
        <v>93768.056119999994</v>
      </c>
      <c r="G6998">
        <v>87396.402069999996</v>
      </c>
      <c r="H6998">
        <v>51559.595260000002</v>
      </c>
      <c r="I6998">
        <v>39272.364719999998</v>
      </c>
      <c r="J6998">
        <v>36457.355179999999</v>
      </c>
      <c r="K6998">
        <v>59073.834560000003</v>
      </c>
      <c r="L6998">
        <v>35510.325069999999</v>
      </c>
      <c r="M6998">
        <v>336715.44890000002</v>
      </c>
      <c r="N6998">
        <v>92079.326660000006</v>
      </c>
      <c r="O6998">
        <v>26359.521250000002</v>
      </c>
      <c r="P6998">
        <v>35927.368369999997</v>
      </c>
      <c r="Q6998">
        <v>92045.7</v>
      </c>
      <c r="R6998">
        <v>24477.88436</v>
      </c>
      <c r="S6998">
        <v>116439.2907</v>
      </c>
      <c r="T6998">
        <v>38769.175000000003</v>
      </c>
      <c r="U6998">
        <v>21027.495589999999</v>
      </c>
      <c r="W6998" s="83">
        <f>Bühler!N7030</f>
        <v>45583.499999983032</v>
      </c>
      <c r="X6998" s="83">
        <v>43392.5</v>
      </c>
      <c r="Y6998">
        <v>279247.71029999998</v>
      </c>
      <c r="Z6998">
        <v>33477.712030000002</v>
      </c>
      <c r="AA6998">
        <v>93768.056119999994</v>
      </c>
      <c r="AB6998">
        <v>87396.402069999996</v>
      </c>
      <c r="AC6998">
        <v>51559.595260000002</v>
      </c>
      <c r="AD6998">
        <v>39272.364719999998</v>
      </c>
      <c r="AE6998">
        <v>36457.355179999999</v>
      </c>
      <c r="AF6998">
        <v>59073.834560000003</v>
      </c>
      <c r="AG6998">
        <v>35510.325069999999</v>
      </c>
      <c r="AH6998">
        <v>336715.44890000002</v>
      </c>
      <c r="AI6998">
        <v>92079.326660000006</v>
      </c>
      <c r="AJ6998">
        <v>26359.521250000002</v>
      </c>
      <c r="AK6998">
        <v>35927.368369999997</v>
      </c>
      <c r="AL6998">
        <v>92045.7</v>
      </c>
      <c r="AM6998">
        <v>24477.88436</v>
      </c>
      <c r="AN6998">
        <v>116439.2907</v>
      </c>
      <c r="AO6998">
        <v>38769.175000000003</v>
      </c>
      <c r="AP6998">
        <v>21027.495589999999</v>
      </c>
    </row>
    <row r="6999" spans="2:42" x14ac:dyDescent="0.3">
      <c r="B6999">
        <v>64.678474718245369</v>
      </c>
      <c r="C6999" s="83">
        <v>43392.541666666664</v>
      </c>
      <c r="D6999">
        <v>274533.4705</v>
      </c>
      <c r="E6999">
        <v>33536.328569999998</v>
      </c>
      <c r="F6999">
        <v>92242.116800000003</v>
      </c>
      <c r="G6999">
        <v>83451.235100000005</v>
      </c>
      <c r="H6999">
        <v>50725.332020000002</v>
      </c>
      <c r="I6999">
        <v>38871.079230000003</v>
      </c>
      <c r="J6999">
        <v>35076.028389999999</v>
      </c>
      <c r="K6999">
        <v>59333.320970000001</v>
      </c>
      <c r="L6999">
        <v>33900.279540000003</v>
      </c>
      <c r="M6999">
        <v>329761.02639999997</v>
      </c>
      <c r="N6999">
        <v>91327.601670000004</v>
      </c>
      <c r="O6999">
        <v>26618.251820000001</v>
      </c>
      <c r="P6999">
        <v>35437.08498</v>
      </c>
      <c r="Q6999">
        <v>90255.536770000006</v>
      </c>
      <c r="R6999">
        <v>25017.861499999999</v>
      </c>
      <c r="S6999">
        <v>115495.60129999999</v>
      </c>
      <c r="T6999">
        <v>36860.229399999997</v>
      </c>
      <c r="U6999">
        <v>22504.737000000001</v>
      </c>
      <c r="W6999" s="83">
        <f>Bühler!N7031</f>
        <v>45583.541666649697</v>
      </c>
      <c r="X6999" s="83">
        <v>43392.541666666664</v>
      </c>
      <c r="Y6999">
        <v>274533.4705</v>
      </c>
      <c r="Z6999">
        <v>33536.328569999998</v>
      </c>
      <c r="AA6999">
        <v>92242.116800000003</v>
      </c>
      <c r="AB6999">
        <v>83451.235100000005</v>
      </c>
      <c r="AC6999">
        <v>50725.332020000002</v>
      </c>
      <c r="AD6999">
        <v>38871.079230000003</v>
      </c>
      <c r="AE6999">
        <v>35076.028389999999</v>
      </c>
      <c r="AF6999">
        <v>59333.320970000001</v>
      </c>
      <c r="AG6999">
        <v>33900.279540000003</v>
      </c>
      <c r="AH6999">
        <v>329761.02639999997</v>
      </c>
      <c r="AI6999">
        <v>91327.601670000004</v>
      </c>
      <c r="AJ6999">
        <v>26618.251820000001</v>
      </c>
      <c r="AK6999">
        <v>35437.08498</v>
      </c>
      <c r="AL6999">
        <v>90255.536770000006</v>
      </c>
      <c r="AM6999">
        <v>25017.861499999999</v>
      </c>
      <c r="AN6999">
        <v>115495.60129999999</v>
      </c>
      <c r="AO6999">
        <v>36860.229399999997</v>
      </c>
      <c r="AP6999">
        <v>22504.737000000001</v>
      </c>
    </row>
    <row r="7000" spans="2:42" x14ac:dyDescent="0.3">
      <c r="B7000">
        <v>64.882389117256821</v>
      </c>
      <c r="C7000" s="83">
        <v>43392.583333333336</v>
      </c>
      <c r="D7000">
        <v>272975.86729999998</v>
      </c>
      <c r="E7000">
        <v>35502.09893</v>
      </c>
      <c r="F7000">
        <v>93821.637229999993</v>
      </c>
      <c r="G7000">
        <v>75707.861919999996</v>
      </c>
      <c r="H7000">
        <v>50287.244760000001</v>
      </c>
      <c r="I7000">
        <v>38928.128660000002</v>
      </c>
      <c r="J7000">
        <v>34263.055840000001</v>
      </c>
      <c r="K7000">
        <v>61389.642930000002</v>
      </c>
      <c r="L7000">
        <v>30853.074089999998</v>
      </c>
      <c r="M7000">
        <v>330800.67709999997</v>
      </c>
      <c r="N7000">
        <v>90329.034329999995</v>
      </c>
      <c r="O7000">
        <v>26121.860830000001</v>
      </c>
      <c r="P7000">
        <v>32361.678739999999</v>
      </c>
      <c r="Q7000">
        <v>89618.343370000002</v>
      </c>
      <c r="R7000">
        <v>24110.448830000001</v>
      </c>
      <c r="S7000">
        <v>110472.7029</v>
      </c>
      <c r="T7000">
        <v>34613.675649999997</v>
      </c>
      <c r="U7000">
        <v>22672.821240000001</v>
      </c>
      <c r="W7000" s="83">
        <f>Bühler!N7032</f>
        <v>45583.583333316361</v>
      </c>
      <c r="X7000" s="83">
        <v>43392.583333333336</v>
      </c>
      <c r="Y7000">
        <v>272975.86729999998</v>
      </c>
      <c r="Z7000">
        <v>35502.09893</v>
      </c>
      <c r="AA7000">
        <v>93821.637229999993</v>
      </c>
      <c r="AB7000">
        <v>75707.861919999996</v>
      </c>
      <c r="AC7000">
        <v>50287.244760000001</v>
      </c>
      <c r="AD7000">
        <v>38928.128660000002</v>
      </c>
      <c r="AE7000">
        <v>34263.055840000001</v>
      </c>
      <c r="AF7000">
        <v>61389.642930000002</v>
      </c>
      <c r="AG7000">
        <v>30853.074089999998</v>
      </c>
      <c r="AH7000">
        <v>330800.67709999997</v>
      </c>
      <c r="AI7000">
        <v>90329.034329999995</v>
      </c>
      <c r="AJ7000">
        <v>26121.860830000001</v>
      </c>
      <c r="AK7000">
        <v>32361.678739999999</v>
      </c>
      <c r="AL7000">
        <v>89618.343370000002</v>
      </c>
      <c r="AM7000">
        <v>24110.448830000001</v>
      </c>
      <c r="AN7000">
        <v>110472.7029</v>
      </c>
      <c r="AO7000">
        <v>34613.675649999997</v>
      </c>
      <c r="AP7000">
        <v>22672.821240000001</v>
      </c>
    </row>
    <row r="7001" spans="2:42" x14ac:dyDescent="0.3">
      <c r="B7001">
        <v>64.179959845432634</v>
      </c>
      <c r="C7001" s="83">
        <v>43392.625</v>
      </c>
      <c r="D7001">
        <v>269113.56160000002</v>
      </c>
      <c r="E7001">
        <v>34763.7595</v>
      </c>
      <c r="F7001">
        <v>93318.123389999993</v>
      </c>
      <c r="G7001">
        <v>71102.529649999997</v>
      </c>
      <c r="H7001">
        <v>48404.11032</v>
      </c>
      <c r="I7001">
        <v>39513.208160000002</v>
      </c>
      <c r="J7001">
        <v>33833.781289999999</v>
      </c>
      <c r="K7001">
        <v>59789.015720000003</v>
      </c>
      <c r="L7001">
        <v>28348.780190000001</v>
      </c>
      <c r="M7001">
        <v>327219.3651</v>
      </c>
      <c r="N7001">
        <v>90440.733099999998</v>
      </c>
      <c r="O7001">
        <v>25615.45134</v>
      </c>
      <c r="P7001">
        <v>29765.40943</v>
      </c>
      <c r="Q7001">
        <v>88827.757549999995</v>
      </c>
      <c r="R7001">
        <v>23331.294709999998</v>
      </c>
      <c r="S7001">
        <v>106986.9504</v>
      </c>
      <c r="T7001">
        <v>34467.468939999999</v>
      </c>
      <c r="U7001">
        <v>20959.772799999999</v>
      </c>
      <c r="W7001" s="83">
        <f>Bühler!N7033</f>
        <v>45583.624999983025</v>
      </c>
      <c r="X7001" s="83">
        <v>43392.625</v>
      </c>
      <c r="Y7001">
        <v>269113.56160000002</v>
      </c>
      <c r="Z7001">
        <v>34763.7595</v>
      </c>
      <c r="AA7001">
        <v>93318.123389999993</v>
      </c>
      <c r="AB7001">
        <v>71102.529649999997</v>
      </c>
      <c r="AC7001">
        <v>48404.11032</v>
      </c>
      <c r="AD7001">
        <v>39513.208160000002</v>
      </c>
      <c r="AE7001">
        <v>33833.781289999999</v>
      </c>
      <c r="AF7001">
        <v>59789.015720000003</v>
      </c>
      <c r="AG7001">
        <v>28348.780190000001</v>
      </c>
      <c r="AH7001">
        <v>327219.3651</v>
      </c>
      <c r="AI7001">
        <v>90440.733099999998</v>
      </c>
      <c r="AJ7001">
        <v>25615.45134</v>
      </c>
      <c r="AK7001">
        <v>29765.40943</v>
      </c>
      <c r="AL7001">
        <v>88827.757549999995</v>
      </c>
      <c r="AM7001">
        <v>23331.294709999998</v>
      </c>
      <c r="AN7001">
        <v>106986.9504</v>
      </c>
      <c r="AO7001">
        <v>34467.468939999999</v>
      </c>
      <c r="AP7001">
        <v>20959.772799999999</v>
      </c>
    </row>
    <row r="7002" spans="2:42" x14ac:dyDescent="0.3">
      <c r="B7002">
        <v>62.688531190225831</v>
      </c>
      <c r="C7002" s="83">
        <v>43392.666666666664</v>
      </c>
      <c r="D7002">
        <v>259618.23610000001</v>
      </c>
      <c r="E7002">
        <v>33516.364320000001</v>
      </c>
      <c r="F7002">
        <v>92891.625750000007</v>
      </c>
      <c r="G7002">
        <v>64588.503649999999</v>
      </c>
      <c r="H7002">
        <v>47363.274389999999</v>
      </c>
      <c r="I7002">
        <v>40811.75808</v>
      </c>
      <c r="J7002">
        <v>33038.990559999998</v>
      </c>
      <c r="K7002">
        <v>55700.081230000003</v>
      </c>
      <c r="L7002">
        <v>27335.540150000001</v>
      </c>
      <c r="M7002">
        <v>319615.36629999999</v>
      </c>
      <c r="N7002">
        <v>87839.989350000003</v>
      </c>
      <c r="O7002">
        <v>25822.289219999999</v>
      </c>
      <c r="P7002">
        <v>29591.29839</v>
      </c>
      <c r="Q7002">
        <v>87590.668659999996</v>
      </c>
      <c r="R7002">
        <v>22737.374370000001</v>
      </c>
      <c r="S7002">
        <v>103101.8751</v>
      </c>
      <c r="T7002">
        <v>34602.990420000002</v>
      </c>
      <c r="U7002">
        <v>19754.85975</v>
      </c>
      <c r="W7002" s="83">
        <f>Bühler!N7034</f>
        <v>45583.666666649689</v>
      </c>
      <c r="X7002" s="83">
        <v>43392.666666666664</v>
      </c>
      <c r="Y7002">
        <v>259618.23610000001</v>
      </c>
      <c r="Z7002">
        <v>33516.364320000001</v>
      </c>
      <c r="AA7002">
        <v>92891.625750000007</v>
      </c>
      <c r="AB7002">
        <v>64588.503649999999</v>
      </c>
      <c r="AC7002">
        <v>47363.274389999999</v>
      </c>
      <c r="AD7002">
        <v>40811.75808</v>
      </c>
      <c r="AE7002">
        <v>33038.990559999998</v>
      </c>
      <c r="AF7002">
        <v>55700.081230000003</v>
      </c>
      <c r="AG7002">
        <v>27335.540150000001</v>
      </c>
      <c r="AH7002">
        <v>319615.36629999999</v>
      </c>
      <c r="AI7002">
        <v>87839.989350000003</v>
      </c>
      <c r="AJ7002">
        <v>25822.289219999999</v>
      </c>
      <c r="AK7002">
        <v>29591.29839</v>
      </c>
      <c r="AL7002">
        <v>87590.668659999996</v>
      </c>
      <c r="AM7002">
        <v>22737.374370000001</v>
      </c>
      <c r="AN7002">
        <v>103101.8751</v>
      </c>
      <c r="AO7002">
        <v>34602.990420000002</v>
      </c>
      <c r="AP7002">
        <v>19754.85975</v>
      </c>
    </row>
    <row r="7003" spans="2:42" x14ac:dyDescent="0.3">
      <c r="B7003">
        <v>61.081900578076279</v>
      </c>
      <c r="C7003" s="83">
        <v>43392.708333333336</v>
      </c>
      <c r="D7003">
        <v>250215.94699999999</v>
      </c>
      <c r="E7003">
        <v>31632.467720000001</v>
      </c>
      <c r="F7003">
        <v>93527.549490000005</v>
      </c>
      <c r="G7003">
        <v>56140.176809999997</v>
      </c>
      <c r="H7003">
        <v>45859.851719999999</v>
      </c>
      <c r="I7003">
        <v>40581.058279999997</v>
      </c>
      <c r="J7003">
        <v>33031.010320000001</v>
      </c>
      <c r="K7003">
        <v>51292.737560000001</v>
      </c>
      <c r="L7003">
        <v>28072.320790000002</v>
      </c>
      <c r="M7003">
        <v>311424.01419999998</v>
      </c>
      <c r="N7003">
        <v>86747.626990000004</v>
      </c>
      <c r="O7003">
        <v>25336.724819999999</v>
      </c>
      <c r="P7003">
        <v>31418.535950000001</v>
      </c>
      <c r="Q7003">
        <v>85535.527759999997</v>
      </c>
      <c r="R7003">
        <v>21717.4758</v>
      </c>
      <c r="S7003">
        <v>100703.5373</v>
      </c>
      <c r="T7003">
        <v>35151.187519999999</v>
      </c>
      <c r="U7003">
        <v>17501.785629999998</v>
      </c>
      <c r="W7003" s="83">
        <f>Bühler!N7035</f>
        <v>45583.708333316354</v>
      </c>
      <c r="X7003" s="83">
        <v>43392.708333333336</v>
      </c>
      <c r="Y7003">
        <v>250215.94699999999</v>
      </c>
      <c r="Z7003">
        <v>31632.467720000001</v>
      </c>
      <c r="AA7003">
        <v>93527.549490000005</v>
      </c>
      <c r="AB7003">
        <v>56140.176809999997</v>
      </c>
      <c r="AC7003">
        <v>45859.851719999999</v>
      </c>
      <c r="AD7003">
        <v>40581.058279999997</v>
      </c>
      <c r="AE7003">
        <v>33031.010320000001</v>
      </c>
      <c r="AF7003">
        <v>51292.737560000001</v>
      </c>
      <c r="AG7003">
        <v>28072.320790000002</v>
      </c>
      <c r="AH7003">
        <v>311424.01419999998</v>
      </c>
      <c r="AI7003">
        <v>86747.626990000004</v>
      </c>
      <c r="AJ7003">
        <v>25336.724819999999</v>
      </c>
      <c r="AK7003">
        <v>31418.535950000001</v>
      </c>
      <c r="AL7003">
        <v>85535.527759999997</v>
      </c>
      <c r="AM7003">
        <v>21717.4758</v>
      </c>
      <c r="AN7003">
        <v>100703.5373</v>
      </c>
      <c r="AO7003">
        <v>35151.187519999999</v>
      </c>
      <c r="AP7003">
        <v>17501.785629999998</v>
      </c>
    </row>
    <row r="7004" spans="2:42" x14ac:dyDescent="0.3">
      <c r="B7004">
        <v>59.110969081028159</v>
      </c>
      <c r="C7004" s="83">
        <v>43392.75</v>
      </c>
      <c r="D7004">
        <v>243362.09950000001</v>
      </c>
      <c r="E7004">
        <v>29058.35643</v>
      </c>
      <c r="F7004">
        <v>91872.769329999996</v>
      </c>
      <c r="G7004">
        <v>48150.192430000003</v>
      </c>
      <c r="H7004">
        <v>43939.261400000003</v>
      </c>
      <c r="I7004">
        <v>39846.621469999998</v>
      </c>
      <c r="J7004">
        <v>33762.098279999998</v>
      </c>
      <c r="K7004">
        <v>50443.465360000002</v>
      </c>
      <c r="L7004">
        <v>30211.487529999999</v>
      </c>
      <c r="M7004">
        <v>301375.28629999998</v>
      </c>
      <c r="N7004">
        <v>85445.322400000005</v>
      </c>
      <c r="O7004">
        <v>24260.161619999999</v>
      </c>
      <c r="P7004">
        <v>34736.354449999999</v>
      </c>
      <c r="Q7004">
        <v>84364.21398</v>
      </c>
      <c r="R7004">
        <v>21228.65509</v>
      </c>
      <c r="S7004">
        <v>96039.722070000003</v>
      </c>
      <c r="T7004">
        <v>35165.749539999997</v>
      </c>
      <c r="U7004">
        <v>16377.57408</v>
      </c>
      <c r="W7004" s="83">
        <f>Bühler!N7036</f>
        <v>45583.749999983018</v>
      </c>
      <c r="X7004" s="83">
        <v>43392.75</v>
      </c>
      <c r="Y7004">
        <v>243362.09950000001</v>
      </c>
      <c r="Z7004">
        <v>29058.35643</v>
      </c>
      <c r="AA7004">
        <v>91872.769329999996</v>
      </c>
      <c r="AB7004">
        <v>48150.192430000003</v>
      </c>
      <c r="AC7004">
        <v>43939.261400000003</v>
      </c>
      <c r="AD7004">
        <v>39846.621469999998</v>
      </c>
      <c r="AE7004">
        <v>33762.098279999998</v>
      </c>
      <c r="AF7004">
        <v>50443.465360000002</v>
      </c>
      <c r="AG7004">
        <v>30211.487529999999</v>
      </c>
      <c r="AH7004">
        <v>301375.28629999998</v>
      </c>
      <c r="AI7004">
        <v>85445.322400000005</v>
      </c>
      <c r="AJ7004">
        <v>24260.161619999999</v>
      </c>
      <c r="AK7004">
        <v>34736.354449999999</v>
      </c>
      <c r="AL7004">
        <v>84364.21398</v>
      </c>
      <c r="AM7004">
        <v>21228.65509</v>
      </c>
      <c r="AN7004">
        <v>96039.722070000003</v>
      </c>
      <c r="AO7004">
        <v>35165.749539999997</v>
      </c>
      <c r="AP7004">
        <v>16377.57408</v>
      </c>
    </row>
    <row r="7005" spans="2:42" x14ac:dyDescent="0.3">
      <c r="B7005">
        <v>59.178026108979218</v>
      </c>
      <c r="C7005" s="83">
        <v>43392.791666666664</v>
      </c>
      <c r="D7005">
        <v>235682.21419999999</v>
      </c>
      <c r="E7005">
        <v>24607.048620000001</v>
      </c>
      <c r="F7005">
        <v>81524.075440000001</v>
      </c>
      <c r="G7005">
        <v>45183.20261</v>
      </c>
      <c r="H7005">
        <v>43944.688979999999</v>
      </c>
      <c r="I7005">
        <v>37474.714260000001</v>
      </c>
      <c r="J7005">
        <v>35510.820399999997</v>
      </c>
      <c r="K7005">
        <v>49068.829729999998</v>
      </c>
      <c r="L7005">
        <v>32362.848859999998</v>
      </c>
      <c r="M7005">
        <v>301717.17430000001</v>
      </c>
      <c r="N7005">
        <v>83879.783519999997</v>
      </c>
      <c r="O7005">
        <v>23570.148700000002</v>
      </c>
      <c r="P7005">
        <v>36615.52751</v>
      </c>
      <c r="Q7005">
        <v>81644.153149999998</v>
      </c>
      <c r="R7005">
        <v>21766.680319999999</v>
      </c>
      <c r="S7005">
        <v>94279.579930000007</v>
      </c>
      <c r="T7005">
        <v>36437.119789999997</v>
      </c>
      <c r="U7005">
        <v>16099.52778</v>
      </c>
      <c r="W7005" s="83">
        <f>Bühler!N7037</f>
        <v>45583.791666649682</v>
      </c>
      <c r="X7005" s="83">
        <v>43392.791666666664</v>
      </c>
      <c r="Y7005">
        <v>235682.21419999999</v>
      </c>
      <c r="Z7005">
        <v>24607.048620000001</v>
      </c>
      <c r="AA7005">
        <v>81524.075440000001</v>
      </c>
      <c r="AB7005">
        <v>45183.20261</v>
      </c>
      <c r="AC7005">
        <v>43944.688979999999</v>
      </c>
      <c r="AD7005">
        <v>37474.714260000001</v>
      </c>
      <c r="AE7005">
        <v>35510.820399999997</v>
      </c>
      <c r="AF7005">
        <v>49068.829729999998</v>
      </c>
      <c r="AG7005">
        <v>32362.848859999998</v>
      </c>
      <c r="AH7005">
        <v>301717.17430000001</v>
      </c>
      <c r="AI7005">
        <v>83879.783519999997</v>
      </c>
      <c r="AJ7005">
        <v>23570.148700000002</v>
      </c>
      <c r="AK7005">
        <v>36615.52751</v>
      </c>
      <c r="AL7005">
        <v>81644.153149999998</v>
      </c>
      <c r="AM7005">
        <v>21766.680319999999</v>
      </c>
      <c r="AN7005">
        <v>94279.579930000007</v>
      </c>
      <c r="AO7005">
        <v>36437.119789999997</v>
      </c>
      <c r="AP7005">
        <v>16099.52778</v>
      </c>
    </row>
    <row r="7006" spans="2:42" x14ac:dyDescent="0.3">
      <c r="B7006">
        <v>57.317726645599407</v>
      </c>
      <c r="C7006" s="83">
        <v>43392.833333333336</v>
      </c>
      <c r="D7006">
        <v>226900.9227</v>
      </c>
      <c r="E7006">
        <v>18758.899109999998</v>
      </c>
      <c r="F7006">
        <v>63721.016450000003</v>
      </c>
      <c r="G7006">
        <v>41698.066769999998</v>
      </c>
      <c r="H7006">
        <v>41688.514150000003</v>
      </c>
      <c r="I7006">
        <v>33658.04711</v>
      </c>
      <c r="J7006">
        <v>35005.380689999998</v>
      </c>
      <c r="K7006">
        <v>47538.681759999999</v>
      </c>
      <c r="L7006">
        <v>31158.816060000001</v>
      </c>
      <c r="M7006">
        <v>292232.5001</v>
      </c>
      <c r="N7006">
        <v>82161.670509999996</v>
      </c>
      <c r="O7006">
        <v>22065.87934</v>
      </c>
      <c r="P7006">
        <v>36918.290639999999</v>
      </c>
      <c r="Q7006">
        <v>79411.377970000001</v>
      </c>
      <c r="R7006">
        <v>19839.011760000001</v>
      </c>
      <c r="S7006">
        <v>86378.383589999998</v>
      </c>
      <c r="T7006">
        <v>34374.741929999997</v>
      </c>
      <c r="U7006">
        <v>15010.991620000001</v>
      </c>
      <c r="W7006" s="83">
        <f>Bühler!N7038</f>
        <v>45583.833333316346</v>
      </c>
      <c r="X7006" s="83">
        <v>43392.833333333336</v>
      </c>
      <c r="Y7006">
        <v>226900.9227</v>
      </c>
      <c r="Z7006">
        <v>18758.899109999998</v>
      </c>
      <c r="AA7006">
        <v>63721.016450000003</v>
      </c>
      <c r="AB7006">
        <v>41698.066769999998</v>
      </c>
      <c r="AC7006">
        <v>41688.514150000003</v>
      </c>
      <c r="AD7006">
        <v>33658.04711</v>
      </c>
      <c r="AE7006">
        <v>35005.380689999998</v>
      </c>
      <c r="AF7006">
        <v>47538.681759999999</v>
      </c>
      <c r="AG7006">
        <v>31158.816060000001</v>
      </c>
      <c r="AH7006">
        <v>292232.5001</v>
      </c>
      <c r="AI7006">
        <v>82161.670509999996</v>
      </c>
      <c r="AJ7006">
        <v>22065.87934</v>
      </c>
      <c r="AK7006">
        <v>36918.290639999999</v>
      </c>
      <c r="AL7006">
        <v>79411.377970000001</v>
      </c>
      <c r="AM7006">
        <v>19839.011760000001</v>
      </c>
      <c r="AN7006">
        <v>86378.383589999998</v>
      </c>
      <c r="AO7006">
        <v>34374.741929999997</v>
      </c>
      <c r="AP7006">
        <v>15010.991620000001</v>
      </c>
    </row>
    <row r="7007" spans="2:42" x14ac:dyDescent="0.3">
      <c r="B7007">
        <v>55.549155668519781</v>
      </c>
      <c r="C7007" s="83">
        <v>43392.875</v>
      </c>
      <c r="D7007">
        <v>221082.6415</v>
      </c>
      <c r="E7007">
        <v>15931.12781</v>
      </c>
      <c r="F7007">
        <v>54853.067280000003</v>
      </c>
      <c r="G7007">
        <v>38869.306790000002</v>
      </c>
      <c r="H7007">
        <v>38930.831939999996</v>
      </c>
      <c r="I7007">
        <v>28815.227169999998</v>
      </c>
      <c r="J7007">
        <v>33725.549509999997</v>
      </c>
      <c r="K7007">
        <v>47291.442349999998</v>
      </c>
      <c r="L7007">
        <v>29363.63881</v>
      </c>
      <c r="M7007">
        <v>283215.50050000002</v>
      </c>
      <c r="N7007">
        <v>79803.323399999994</v>
      </c>
      <c r="O7007">
        <v>21006.423210000001</v>
      </c>
      <c r="P7007">
        <v>34766.746030000002</v>
      </c>
      <c r="Q7007">
        <v>76582.62861</v>
      </c>
      <c r="R7007">
        <v>18994.108</v>
      </c>
      <c r="S7007">
        <v>80925.141499999998</v>
      </c>
      <c r="T7007">
        <v>30989.16173</v>
      </c>
      <c r="U7007">
        <v>13792.21725</v>
      </c>
      <c r="W7007" s="83">
        <f>Bühler!N7039</f>
        <v>45583.874999983011</v>
      </c>
      <c r="X7007" s="83">
        <v>43392.875</v>
      </c>
      <c r="Y7007">
        <v>221082.6415</v>
      </c>
      <c r="Z7007">
        <v>15931.12781</v>
      </c>
      <c r="AA7007">
        <v>54853.067280000003</v>
      </c>
      <c r="AB7007">
        <v>38869.306790000002</v>
      </c>
      <c r="AC7007">
        <v>38930.831939999996</v>
      </c>
      <c r="AD7007">
        <v>28815.227169999998</v>
      </c>
      <c r="AE7007">
        <v>33725.549509999997</v>
      </c>
      <c r="AF7007">
        <v>47291.442349999998</v>
      </c>
      <c r="AG7007">
        <v>29363.63881</v>
      </c>
      <c r="AH7007">
        <v>283215.50050000002</v>
      </c>
      <c r="AI7007">
        <v>79803.323399999994</v>
      </c>
      <c r="AJ7007">
        <v>21006.423210000001</v>
      </c>
      <c r="AK7007">
        <v>34766.746030000002</v>
      </c>
      <c r="AL7007">
        <v>76582.62861</v>
      </c>
      <c r="AM7007">
        <v>18994.108</v>
      </c>
      <c r="AN7007">
        <v>80925.141499999998</v>
      </c>
      <c r="AO7007">
        <v>30989.16173</v>
      </c>
      <c r="AP7007">
        <v>13792.21725</v>
      </c>
    </row>
    <row r="7008" spans="2:42" x14ac:dyDescent="0.3">
      <c r="B7008">
        <v>55.008485981771848</v>
      </c>
      <c r="C7008" s="83">
        <v>43392.916666666664</v>
      </c>
      <c r="D7008">
        <v>218106.43109999999</v>
      </c>
      <c r="E7008">
        <v>15067.11333</v>
      </c>
      <c r="F7008">
        <v>51797.183440000001</v>
      </c>
      <c r="G7008">
        <v>37706.576780000003</v>
      </c>
      <c r="H7008">
        <v>37559.992550000003</v>
      </c>
      <c r="I7008">
        <v>27274.8897</v>
      </c>
      <c r="J7008">
        <v>32793.187089999999</v>
      </c>
      <c r="K7008">
        <v>50883.78024</v>
      </c>
      <c r="L7008">
        <v>26608.22308</v>
      </c>
      <c r="M7008">
        <v>280458.9143</v>
      </c>
      <c r="N7008">
        <v>79006.13321</v>
      </c>
      <c r="O7008">
        <v>21588.610110000001</v>
      </c>
      <c r="P7008">
        <v>35487.628770000003</v>
      </c>
      <c r="Q7008">
        <v>74947.864100000006</v>
      </c>
      <c r="R7008">
        <v>23413.441190000001</v>
      </c>
      <c r="S7008">
        <v>78921.476880000002</v>
      </c>
      <c r="T7008">
        <v>27388.508450000001</v>
      </c>
      <c r="U7008">
        <v>14291.84706</v>
      </c>
      <c r="W7008" s="83">
        <f>Bühler!N7040</f>
        <v>45583.916666649675</v>
      </c>
      <c r="X7008" s="83">
        <v>43392.916666666664</v>
      </c>
      <c r="Y7008">
        <v>218106.43109999999</v>
      </c>
      <c r="Z7008">
        <v>15067.11333</v>
      </c>
      <c r="AA7008">
        <v>51797.183440000001</v>
      </c>
      <c r="AB7008">
        <v>37706.576780000003</v>
      </c>
      <c r="AC7008">
        <v>37559.992550000003</v>
      </c>
      <c r="AD7008">
        <v>27274.8897</v>
      </c>
      <c r="AE7008">
        <v>32793.187089999999</v>
      </c>
      <c r="AF7008">
        <v>50883.78024</v>
      </c>
      <c r="AG7008">
        <v>26608.22308</v>
      </c>
      <c r="AH7008">
        <v>280458.9143</v>
      </c>
      <c r="AI7008">
        <v>79006.13321</v>
      </c>
      <c r="AJ7008">
        <v>21588.610110000001</v>
      </c>
      <c r="AK7008">
        <v>35487.628770000003</v>
      </c>
      <c r="AL7008">
        <v>74947.864100000006</v>
      </c>
      <c r="AM7008">
        <v>23413.441190000001</v>
      </c>
      <c r="AN7008">
        <v>78921.476880000002</v>
      </c>
      <c r="AO7008">
        <v>27388.508450000001</v>
      </c>
      <c r="AP7008">
        <v>14291.84706</v>
      </c>
    </row>
    <row r="7009" spans="2:42" x14ac:dyDescent="0.3">
      <c r="B7009">
        <v>54.497714599685771</v>
      </c>
      <c r="C7009" s="83">
        <v>43392.958333333336</v>
      </c>
      <c r="D7009">
        <v>216064.59589999999</v>
      </c>
      <c r="E7009">
        <v>14530.264520000001</v>
      </c>
      <c r="F7009">
        <v>50373.92798</v>
      </c>
      <c r="G7009">
        <v>37693.41706</v>
      </c>
      <c r="H7009">
        <v>36405.500310000003</v>
      </c>
      <c r="I7009">
        <v>25097.988280000001</v>
      </c>
      <c r="J7009">
        <v>30167.055079999998</v>
      </c>
      <c r="K7009">
        <v>50047.971400000002</v>
      </c>
      <c r="L7009">
        <v>23433.058540000002</v>
      </c>
      <c r="M7009">
        <v>277854.76360000001</v>
      </c>
      <c r="N7009">
        <v>77767.010009999998</v>
      </c>
      <c r="O7009">
        <v>21627.29435</v>
      </c>
      <c r="P7009">
        <v>31889.005349999999</v>
      </c>
      <c r="Q7009">
        <v>74153.311719999998</v>
      </c>
      <c r="R7009">
        <v>22421.757880000001</v>
      </c>
      <c r="S7009">
        <v>77163.197100000005</v>
      </c>
      <c r="T7009">
        <v>28235.97854</v>
      </c>
      <c r="U7009">
        <v>13726.92174</v>
      </c>
      <c r="W7009" s="83">
        <f>Bühler!N7041</f>
        <v>45583.958333316339</v>
      </c>
      <c r="X7009" s="83">
        <v>43392.958333333336</v>
      </c>
      <c r="Y7009">
        <v>216064.59589999999</v>
      </c>
      <c r="Z7009">
        <v>14530.264520000001</v>
      </c>
      <c r="AA7009">
        <v>50373.92798</v>
      </c>
      <c r="AB7009">
        <v>37693.41706</v>
      </c>
      <c r="AC7009">
        <v>36405.500310000003</v>
      </c>
      <c r="AD7009">
        <v>25097.988280000001</v>
      </c>
      <c r="AE7009">
        <v>30167.055079999998</v>
      </c>
      <c r="AF7009">
        <v>50047.971400000002</v>
      </c>
      <c r="AG7009">
        <v>23433.058540000002</v>
      </c>
      <c r="AH7009">
        <v>277854.76360000001</v>
      </c>
      <c r="AI7009">
        <v>77767.010009999998</v>
      </c>
      <c r="AJ7009">
        <v>21627.29435</v>
      </c>
      <c r="AK7009">
        <v>31889.005349999999</v>
      </c>
      <c r="AL7009">
        <v>74153.311719999998</v>
      </c>
      <c r="AM7009">
        <v>22421.757880000001</v>
      </c>
      <c r="AN7009">
        <v>77163.197100000005</v>
      </c>
      <c r="AO7009">
        <v>28235.97854</v>
      </c>
      <c r="AP7009">
        <v>13726.92174</v>
      </c>
    </row>
    <row r="7010" spans="2:42" x14ac:dyDescent="0.3">
      <c r="B7010">
        <v>53.770231970355056</v>
      </c>
      <c r="C7010" s="83">
        <v>43393</v>
      </c>
      <c r="D7010">
        <v>213231.28880000001</v>
      </c>
      <c r="E7010">
        <v>13928.023950000001</v>
      </c>
      <c r="F7010">
        <v>49866.934289999997</v>
      </c>
      <c r="G7010">
        <v>37001.967799999999</v>
      </c>
      <c r="H7010">
        <v>35744.312729999998</v>
      </c>
      <c r="I7010">
        <v>23322.396069999999</v>
      </c>
      <c r="J7010">
        <v>28212.50145</v>
      </c>
      <c r="K7010">
        <v>48869.752090000002</v>
      </c>
      <c r="L7010">
        <v>20115.6021</v>
      </c>
      <c r="M7010">
        <v>274145.71789999999</v>
      </c>
      <c r="N7010">
        <v>76567.389580000003</v>
      </c>
      <c r="O7010">
        <v>20829.7916</v>
      </c>
      <c r="P7010">
        <v>28878.212220000001</v>
      </c>
      <c r="Q7010">
        <v>72393.072920000006</v>
      </c>
      <c r="R7010">
        <v>20831.384180000001</v>
      </c>
      <c r="S7010">
        <v>76217.690659999993</v>
      </c>
      <c r="T7010">
        <v>26334.281060000001</v>
      </c>
      <c r="U7010">
        <v>13393.870339999999</v>
      </c>
      <c r="W7010" s="83">
        <f>Bühler!N7042</f>
        <v>45583.999999983003</v>
      </c>
      <c r="X7010" s="83">
        <v>43393</v>
      </c>
      <c r="Y7010">
        <v>213231.28880000001</v>
      </c>
      <c r="Z7010">
        <v>13928.023950000001</v>
      </c>
      <c r="AA7010">
        <v>49866.934289999997</v>
      </c>
      <c r="AB7010">
        <v>37001.967799999999</v>
      </c>
      <c r="AC7010">
        <v>35744.312729999998</v>
      </c>
      <c r="AD7010">
        <v>23322.396069999999</v>
      </c>
      <c r="AE7010">
        <v>28212.50145</v>
      </c>
      <c r="AF7010">
        <v>48869.752090000002</v>
      </c>
      <c r="AG7010">
        <v>20115.6021</v>
      </c>
      <c r="AH7010">
        <v>274145.71789999999</v>
      </c>
      <c r="AI7010">
        <v>76567.389580000003</v>
      </c>
      <c r="AJ7010">
        <v>20829.7916</v>
      </c>
      <c r="AK7010">
        <v>28878.212220000001</v>
      </c>
      <c r="AL7010">
        <v>72393.072920000006</v>
      </c>
      <c r="AM7010">
        <v>20831.384180000001</v>
      </c>
      <c r="AN7010">
        <v>76217.690659999993</v>
      </c>
      <c r="AO7010">
        <v>26334.281060000001</v>
      </c>
      <c r="AP7010">
        <v>13393.870339999999</v>
      </c>
    </row>
    <row r="7011" spans="2:42" x14ac:dyDescent="0.3">
      <c r="B7011">
        <v>52.494737701326379</v>
      </c>
      <c r="C7011" s="83">
        <v>43393.041666666664</v>
      </c>
      <c r="D7011">
        <v>208908.8064</v>
      </c>
      <c r="E7011">
        <v>13825.433569999999</v>
      </c>
      <c r="F7011">
        <v>50023.614079999999</v>
      </c>
      <c r="G7011">
        <v>36568.395799999998</v>
      </c>
      <c r="H7011">
        <v>35293.331019999998</v>
      </c>
      <c r="I7011">
        <v>19697.84276</v>
      </c>
      <c r="J7011">
        <v>27543.17931</v>
      </c>
      <c r="K7011">
        <v>47754.560899999997</v>
      </c>
      <c r="L7011">
        <v>18278.759170000001</v>
      </c>
      <c r="M7011">
        <v>267642.65330000001</v>
      </c>
      <c r="N7011">
        <v>74977.809550000005</v>
      </c>
      <c r="O7011">
        <v>20559.189310000002</v>
      </c>
      <c r="P7011">
        <v>27887.344949999999</v>
      </c>
      <c r="Q7011">
        <v>72445.818100000004</v>
      </c>
      <c r="R7011">
        <v>19941.299309999999</v>
      </c>
      <c r="S7011">
        <v>74845.594029999993</v>
      </c>
      <c r="T7011">
        <v>25642.146540000002</v>
      </c>
      <c r="U7011">
        <v>13365.646119999999</v>
      </c>
      <c r="W7011" s="83">
        <f>Bühler!N7043</f>
        <v>45584.041666649668</v>
      </c>
      <c r="X7011" s="83">
        <v>43393.041666666664</v>
      </c>
      <c r="Y7011">
        <v>208908.8064</v>
      </c>
      <c r="Z7011">
        <v>13825.433569999999</v>
      </c>
      <c r="AA7011">
        <v>50023.614079999999</v>
      </c>
      <c r="AB7011">
        <v>36568.395799999998</v>
      </c>
      <c r="AC7011">
        <v>35293.331019999998</v>
      </c>
      <c r="AD7011">
        <v>19697.84276</v>
      </c>
      <c r="AE7011">
        <v>27543.17931</v>
      </c>
      <c r="AF7011">
        <v>47754.560899999997</v>
      </c>
      <c r="AG7011">
        <v>18278.759170000001</v>
      </c>
      <c r="AH7011">
        <v>267642.65330000001</v>
      </c>
      <c r="AI7011">
        <v>74977.809550000005</v>
      </c>
      <c r="AJ7011">
        <v>20559.189310000002</v>
      </c>
      <c r="AK7011">
        <v>27887.344949999999</v>
      </c>
      <c r="AL7011">
        <v>72445.818100000004</v>
      </c>
      <c r="AM7011">
        <v>19941.299309999999</v>
      </c>
      <c r="AN7011">
        <v>74845.594029999993</v>
      </c>
      <c r="AO7011">
        <v>25642.146540000002</v>
      </c>
      <c r="AP7011">
        <v>13365.646119999999</v>
      </c>
    </row>
    <row r="7012" spans="2:42" x14ac:dyDescent="0.3">
      <c r="B7012">
        <v>51.665426940714745</v>
      </c>
      <c r="C7012" s="83">
        <v>43393.083333333336</v>
      </c>
      <c r="D7012">
        <v>204749.83859999999</v>
      </c>
      <c r="E7012">
        <v>13525.8122</v>
      </c>
      <c r="F7012">
        <v>50320.467230000002</v>
      </c>
      <c r="G7012">
        <v>36241.164499999999</v>
      </c>
      <c r="H7012">
        <v>35106.74005</v>
      </c>
      <c r="I7012">
        <v>17375.761269999999</v>
      </c>
      <c r="J7012">
        <v>27556.68303</v>
      </c>
      <c r="K7012">
        <v>46372.928930000002</v>
      </c>
      <c r="L7012">
        <v>17977.15353</v>
      </c>
      <c r="M7012">
        <v>263414.44030000002</v>
      </c>
      <c r="N7012">
        <v>74004.741070000004</v>
      </c>
      <c r="O7012">
        <v>20423.15496</v>
      </c>
      <c r="P7012">
        <v>26455.23691</v>
      </c>
      <c r="Q7012">
        <v>72939.782330000002</v>
      </c>
      <c r="R7012">
        <v>18990.54478</v>
      </c>
      <c r="S7012">
        <v>74182.998430000007</v>
      </c>
      <c r="T7012">
        <v>25147.76856</v>
      </c>
      <c r="U7012">
        <v>13240.483200000001</v>
      </c>
      <c r="W7012" s="83">
        <f>Bühler!N7044</f>
        <v>45584.083333316332</v>
      </c>
      <c r="X7012" s="83">
        <v>43393.083333333336</v>
      </c>
      <c r="Y7012">
        <v>204749.83859999999</v>
      </c>
      <c r="Z7012">
        <v>13525.8122</v>
      </c>
      <c r="AA7012">
        <v>50320.467230000002</v>
      </c>
      <c r="AB7012">
        <v>36241.164499999999</v>
      </c>
      <c r="AC7012">
        <v>35106.74005</v>
      </c>
      <c r="AD7012">
        <v>17375.761269999999</v>
      </c>
      <c r="AE7012">
        <v>27556.68303</v>
      </c>
      <c r="AF7012">
        <v>46372.928930000002</v>
      </c>
      <c r="AG7012">
        <v>17977.15353</v>
      </c>
      <c r="AH7012">
        <v>263414.44030000002</v>
      </c>
      <c r="AI7012">
        <v>74004.741070000004</v>
      </c>
      <c r="AJ7012">
        <v>20423.15496</v>
      </c>
      <c r="AK7012">
        <v>26455.23691</v>
      </c>
      <c r="AL7012">
        <v>72939.782330000002</v>
      </c>
      <c r="AM7012">
        <v>18990.54478</v>
      </c>
      <c r="AN7012">
        <v>74182.998430000007</v>
      </c>
      <c r="AO7012">
        <v>25147.76856</v>
      </c>
      <c r="AP7012">
        <v>13240.483200000001</v>
      </c>
    </row>
    <row r="7013" spans="2:42" x14ac:dyDescent="0.3">
      <c r="B7013">
        <v>50.96810128206652</v>
      </c>
      <c r="C7013" s="83">
        <v>43393.125</v>
      </c>
      <c r="D7013">
        <v>199636.06219999999</v>
      </c>
      <c r="E7013">
        <v>13717.4949</v>
      </c>
      <c r="F7013">
        <v>50769.16577</v>
      </c>
      <c r="G7013">
        <v>35227.658080000001</v>
      </c>
      <c r="H7013">
        <v>34795.982499999998</v>
      </c>
      <c r="I7013">
        <v>16797.209859999999</v>
      </c>
      <c r="J7013">
        <v>28097.121640000001</v>
      </c>
      <c r="K7013">
        <v>44371.234629999999</v>
      </c>
      <c r="L7013">
        <v>17621.849569999998</v>
      </c>
      <c r="M7013">
        <v>259859.1489</v>
      </c>
      <c r="N7013">
        <v>73332.075150000004</v>
      </c>
      <c r="O7013">
        <v>20345.680789999999</v>
      </c>
      <c r="P7013">
        <v>25746.484270000001</v>
      </c>
      <c r="Q7013">
        <v>72859.31753</v>
      </c>
      <c r="R7013">
        <v>18487.38336</v>
      </c>
      <c r="S7013">
        <v>73727.033620000002</v>
      </c>
      <c r="T7013">
        <v>24677.264640000001</v>
      </c>
      <c r="U7013">
        <v>13487.49793</v>
      </c>
      <c r="W7013" s="83">
        <f>Bühler!N7045</f>
        <v>45584.124999982996</v>
      </c>
      <c r="X7013" s="83">
        <v>43393.125</v>
      </c>
      <c r="Y7013">
        <v>199636.06219999999</v>
      </c>
      <c r="Z7013">
        <v>13717.4949</v>
      </c>
      <c r="AA7013">
        <v>50769.16577</v>
      </c>
      <c r="AB7013">
        <v>35227.658080000001</v>
      </c>
      <c r="AC7013">
        <v>34795.982499999998</v>
      </c>
      <c r="AD7013">
        <v>16797.209859999999</v>
      </c>
      <c r="AE7013">
        <v>28097.121640000001</v>
      </c>
      <c r="AF7013">
        <v>44371.234629999999</v>
      </c>
      <c r="AG7013">
        <v>17621.849569999998</v>
      </c>
      <c r="AH7013">
        <v>259859.1489</v>
      </c>
      <c r="AI7013">
        <v>73332.075150000004</v>
      </c>
      <c r="AJ7013">
        <v>20345.680789999999</v>
      </c>
      <c r="AK7013">
        <v>25746.484270000001</v>
      </c>
      <c r="AL7013">
        <v>72859.31753</v>
      </c>
      <c r="AM7013">
        <v>18487.38336</v>
      </c>
      <c r="AN7013">
        <v>73727.033620000002</v>
      </c>
      <c r="AO7013">
        <v>24677.264640000001</v>
      </c>
      <c r="AP7013">
        <v>13487.49793</v>
      </c>
    </row>
    <row r="7014" spans="2:42" x14ac:dyDescent="0.3">
      <c r="B7014">
        <v>49.405580287381603</v>
      </c>
      <c r="C7014" s="83">
        <v>43393.166666666664</v>
      </c>
      <c r="D7014">
        <v>193727.3781</v>
      </c>
      <c r="E7014">
        <v>13583.346509999999</v>
      </c>
      <c r="F7014">
        <v>55390.556550000001</v>
      </c>
      <c r="G7014">
        <v>34564.946929999998</v>
      </c>
      <c r="H7014">
        <v>34953.780839999999</v>
      </c>
      <c r="I7014">
        <v>18717.424470000002</v>
      </c>
      <c r="J7014">
        <v>29229.99944</v>
      </c>
      <c r="K7014">
        <v>42657.478470000002</v>
      </c>
      <c r="L7014">
        <v>17455.778569999999</v>
      </c>
      <c r="M7014">
        <v>251892.6882</v>
      </c>
      <c r="N7014">
        <v>71503.807109999994</v>
      </c>
      <c r="O7014">
        <v>20981.63884</v>
      </c>
      <c r="P7014">
        <v>26075.340380000001</v>
      </c>
      <c r="Q7014">
        <v>72074.195540000001</v>
      </c>
      <c r="R7014">
        <v>18985.480500000001</v>
      </c>
      <c r="S7014">
        <v>74397.307549999998</v>
      </c>
      <c r="T7014">
        <v>24724.89518</v>
      </c>
      <c r="U7014">
        <v>13638.08628</v>
      </c>
      <c r="W7014" s="83">
        <f>Bühler!N7046</f>
        <v>45584.16666664966</v>
      </c>
      <c r="X7014" s="83">
        <v>43393.166666666664</v>
      </c>
      <c r="Y7014">
        <v>193727.3781</v>
      </c>
      <c r="Z7014">
        <v>13583.346509999999</v>
      </c>
      <c r="AA7014">
        <v>55390.556550000001</v>
      </c>
      <c r="AB7014">
        <v>34564.946929999998</v>
      </c>
      <c r="AC7014">
        <v>34953.780839999999</v>
      </c>
      <c r="AD7014">
        <v>18717.424470000002</v>
      </c>
      <c r="AE7014">
        <v>29229.99944</v>
      </c>
      <c r="AF7014">
        <v>42657.478470000002</v>
      </c>
      <c r="AG7014">
        <v>17455.778569999999</v>
      </c>
      <c r="AH7014">
        <v>251892.6882</v>
      </c>
      <c r="AI7014">
        <v>71503.807109999994</v>
      </c>
      <c r="AJ7014">
        <v>20981.63884</v>
      </c>
      <c r="AK7014">
        <v>26075.340380000001</v>
      </c>
      <c r="AL7014">
        <v>72074.195540000001</v>
      </c>
      <c r="AM7014">
        <v>18985.480500000001</v>
      </c>
      <c r="AN7014">
        <v>74397.307549999998</v>
      </c>
      <c r="AO7014">
        <v>24724.89518</v>
      </c>
      <c r="AP7014">
        <v>13638.08628</v>
      </c>
    </row>
    <row r="7015" spans="2:42" x14ac:dyDescent="0.3">
      <c r="B7015">
        <v>48.944194560336143</v>
      </c>
      <c r="C7015" s="83">
        <v>43393.208333333336</v>
      </c>
      <c r="D7015">
        <v>189192.86679999999</v>
      </c>
      <c r="E7015">
        <v>14515.119979999999</v>
      </c>
      <c r="F7015">
        <v>63693.875840000001</v>
      </c>
      <c r="G7015">
        <v>35232.263830000004</v>
      </c>
      <c r="H7015">
        <v>35862.533940000001</v>
      </c>
      <c r="I7015">
        <v>25190.75592</v>
      </c>
      <c r="J7015">
        <v>31596.677589999999</v>
      </c>
      <c r="K7015">
        <v>42357.8367</v>
      </c>
      <c r="L7015">
        <v>18068.640619999998</v>
      </c>
      <c r="M7015">
        <v>249540.32860000001</v>
      </c>
      <c r="N7015">
        <v>68392.406499999997</v>
      </c>
      <c r="O7015">
        <v>20856.754260000002</v>
      </c>
      <c r="P7015">
        <v>27183.038700000001</v>
      </c>
      <c r="Q7015">
        <v>72554.925969999997</v>
      </c>
      <c r="R7015">
        <v>19441.90278</v>
      </c>
      <c r="S7015">
        <v>75675.657720000003</v>
      </c>
      <c r="T7015">
        <v>26009.88003</v>
      </c>
      <c r="U7015">
        <v>13785.125330000001</v>
      </c>
      <c r="W7015" s="83">
        <f>Bühler!N7047</f>
        <v>45584.208333316325</v>
      </c>
      <c r="X7015" s="83">
        <v>43393.208333333336</v>
      </c>
      <c r="Y7015">
        <v>189192.86679999999</v>
      </c>
      <c r="Z7015">
        <v>14515.119979999999</v>
      </c>
      <c r="AA7015">
        <v>63693.875840000001</v>
      </c>
      <c r="AB7015">
        <v>35232.263830000004</v>
      </c>
      <c r="AC7015">
        <v>35862.533940000001</v>
      </c>
      <c r="AD7015">
        <v>25190.75592</v>
      </c>
      <c r="AE7015">
        <v>31596.677589999999</v>
      </c>
      <c r="AF7015">
        <v>42357.8367</v>
      </c>
      <c r="AG7015">
        <v>18068.640619999998</v>
      </c>
      <c r="AH7015">
        <v>249540.32860000001</v>
      </c>
      <c r="AI7015">
        <v>68392.406499999997</v>
      </c>
      <c r="AJ7015">
        <v>20856.754260000002</v>
      </c>
      <c r="AK7015">
        <v>27183.038700000001</v>
      </c>
      <c r="AL7015">
        <v>72554.925969999997</v>
      </c>
      <c r="AM7015">
        <v>19441.90278</v>
      </c>
      <c r="AN7015">
        <v>75675.657720000003</v>
      </c>
      <c r="AO7015">
        <v>26009.88003</v>
      </c>
      <c r="AP7015">
        <v>13785.125330000001</v>
      </c>
    </row>
    <row r="7016" spans="2:42" x14ac:dyDescent="0.3">
      <c r="B7016">
        <v>48.948008726929729</v>
      </c>
      <c r="C7016" s="83">
        <v>43393.25</v>
      </c>
      <c r="D7016">
        <v>190834.56719999999</v>
      </c>
      <c r="E7016">
        <v>16280.09937</v>
      </c>
      <c r="F7016">
        <v>75591.697100000005</v>
      </c>
      <c r="G7016">
        <v>36547.891360000001</v>
      </c>
      <c r="H7016">
        <v>36376.932489999999</v>
      </c>
      <c r="I7016">
        <v>28160.346259999998</v>
      </c>
      <c r="J7016">
        <v>34512.628080000002</v>
      </c>
      <c r="K7016">
        <v>40937.16401</v>
      </c>
      <c r="L7016">
        <v>18518.969779999999</v>
      </c>
      <c r="M7016">
        <v>249559.77499999999</v>
      </c>
      <c r="N7016">
        <v>67785.353629999998</v>
      </c>
      <c r="O7016">
        <v>20783.294450000001</v>
      </c>
      <c r="P7016">
        <v>27270.200809999998</v>
      </c>
      <c r="Q7016">
        <v>71669.511719999995</v>
      </c>
      <c r="R7016">
        <v>16530.281309999998</v>
      </c>
      <c r="S7016">
        <v>80869.050570000007</v>
      </c>
      <c r="T7016">
        <v>27254.026330000001</v>
      </c>
      <c r="U7016">
        <v>13544.320449999999</v>
      </c>
      <c r="W7016" s="83">
        <f>Bühler!N7048</f>
        <v>45584.249999982989</v>
      </c>
      <c r="X7016" s="83">
        <v>43393.25</v>
      </c>
      <c r="Y7016">
        <v>190834.56719999999</v>
      </c>
      <c r="Z7016">
        <v>16280.09937</v>
      </c>
      <c r="AA7016">
        <v>75591.697100000005</v>
      </c>
      <c r="AB7016">
        <v>36547.891360000001</v>
      </c>
      <c r="AC7016">
        <v>36376.932489999999</v>
      </c>
      <c r="AD7016">
        <v>28160.346259999998</v>
      </c>
      <c r="AE7016">
        <v>34512.628080000002</v>
      </c>
      <c r="AF7016">
        <v>40937.16401</v>
      </c>
      <c r="AG7016">
        <v>18518.969779999999</v>
      </c>
      <c r="AH7016">
        <v>249559.77499999999</v>
      </c>
      <c r="AI7016">
        <v>67785.353629999998</v>
      </c>
      <c r="AJ7016">
        <v>20783.294450000001</v>
      </c>
      <c r="AK7016">
        <v>27270.200809999998</v>
      </c>
      <c r="AL7016">
        <v>71669.511719999995</v>
      </c>
      <c r="AM7016">
        <v>16530.281309999998</v>
      </c>
      <c r="AN7016">
        <v>80869.050570000007</v>
      </c>
      <c r="AO7016">
        <v>27254.026330000001</v>
      </c>
      <c r="AP7016">
        <v>13544.320449999999</v>
      </c>
    </row>
    <row r="7017" spans="2:42" x14ac:dyDescent="0.3">
      <c r="B7017">
        <v>49.454022246871972</v>
      </c>
      <c r="C7017" s="83">
        <v>43393.291666666664</v>
      </c>
      <c r="D7017">
        <v>191173.008</v>
      </c>
      <c r="E7017">
        <v>18843.274649999999</v>
      </c>
      <c r="F7017">
        <v>78619.231610000003</v>
      </c>
      <c r="G7017">
        <v>38173.246279999999</v>
      </c>
      <c r="H7017">
        <v>37285.949460000003</v>
      </c>
      <c r="I7017">
        <v>31041.609489999999</v>
      </c>
      <c r="J7017">
        <v>35769.491679999999</v>
      </c>
      <c r="K7017">
        <v>41338.095249999998</v>
      </c>
      <c r="L7017">
        <v>20554.177739999999</v>
      </c>
      <c r="M7017">
        <v>252139.6679</v>
      </c>
      <c r="N7017">
        <v>68718.464420000004</v>
      </c>
      <c r="O7017">
        <v>21235.364669999999</v>
      </c>
      <c r="P7017">
        <v>29668.289400000001</v>
      </c>
      <c r="Q7017">
        <v>68782.166039999996</v>
      </c>
      <c r="R7017">
        <v>17535.53097</v>
      </c>
      <c r="S7017">
        <v>87989.244210000004</v>
      </c>
      <c r="T7017">
        <v>25981.46686</v>
      </c>
      <c r="U7017">
        <v>14266.69263</v>
      </c>
      <c r="W7017" s="83">
        <f>Bühler!N7049</f>
        <v>45584.291666649653</v>
      </c>
      <c r="X7017" s="83">
        <v>43393.291666666664</v>
      </c>
      <c r="Y7017">
        <v>191173.008</v>
      </c>
      <c r="Z7017">
        <v>18843.274649999999</v>
      </c>
      <c r="AA7017">
        <v>78619.231610000003</v>
      </c>
      <c r="AB7017">
        <v>38173.246279999999</v>
      </c>
      <c r="AC7017">
        <v>37285.949460000003</v>
      </c>
      <c r="AD7017">
        <v>31041.609489999999</v>
      </c>
      <c r="AE7017">
        <v>35769.491679999999</v>
      </c>
      <c r="AF7017">
        <v>41338.095249999998</v>
      </c>
      <c r="AG7017">
        <v>20554.177739999999</v>
      </c>
      <c r="AH7017">
        <v>252139.6679</v>
      </c>
      <c r="AI7017">
        <v>68718.464420000004</v>
      </c>
      <c r="AJ7017">
        <v>21235.364669999999</v>
      </c>
      <c r="AK7017">
        <v>29668.289400000001</v>
      </c>
      <c r="AL7017">
        <v>68782.166039999996</v>
      </c>
      <c r="AM7017">
        <v>17535.53097</v>
      </c>
      <c r="AN7017">
        <v>87989.244210000004</v>
      </c>
      <c r="AO7017">
        <v>25981.46686</v>
      </c>
      <c r="AP7017">
        <v>14266.69263</v>
      </c>
    </row>
    <row r="7018" spans="2:42" x14ac:dyDescent="0.3">
      <c r="B7018">
        <v>48.747358466363799</v>
      </c>
      <c r="C7018" s="83">
        <v>43393.333333333336</v>
      </c>
      <c r="D7018">
        <v>190366.39939999999</v>
      </c>
      <c r="E7018">
        <v>21676.357169999999</v>
      </c>
      <c r="F7018">
        <v>83079.966679999998</v>
      </c>
      <c r="G7018">
        <v>39398.548320000002</v>
      </c>
      <c r="H7018">
        <v>37096.433819999998</v>
      </c>
      <c r="I7018">
        <v>32012.43274</v>
      </c>
      <c r="J7018">
        <v>35215.240489999996</v>
      </c>
      <c r="K7018">
        <v>41917.471920000004</v>
      </c>
      <c r="L7018">
        <v>23164.224740000001</v>
      </c>
      <c r="M7018">
        <v>248536.76639999999</v>
      </c>
      <c r="N7018">
        <v>70157.451719999997</v>
      </c>
      <c r="O7018">
        <v>21664.581539999999</v>
      </c>
      <c r="P7018">
        <v>31593.429110000001</v>
      </c>
      <c r="Q7018">
        <v>67382.967260000005</v>
      </c>
      <c r="R7018">
        <v>16328.23258</v>
      </c>
      <c r="S7018">
        <v>92142.99123</v>
      </c>
      <c r="T7018">
        <v>27999.08726</v>
      </c>
      <c r="U7018">
        <v>13808.94137</v>
      </c>
      <c r="W7018" s="83">
        <f>Bühler!N7050</f>
        <v>45584.333333316317</v>
      </c>
      <c r="X7018" s="83">
        <v>43393.333333333336</v>
      </c>
      <c r="Y7018">
        <v>190366.39939999999</v>
      </c>
      <c r="Z7018">
        <v>21676.357169999999</v>
      </c>
      <c r="AA7018">
        <v>83079.966679999998</v>
      </c>
      <c r="AB7018">
        <v>39398.548320000002</v>
      </c>
      <c r="AC7018">
        <v>37096.433819999998</v>
      </c>
      <c r="AD7018">
        <v>32012.43274</v>
      </c>
      <c r="AE7018">
        <v>35215.240489999996</v>
      </c>
      <c r="AF7018">
        <v>41917.471920000004</v>
      </c>
      <c r="AG7018">
        <v>23164.224740000001</v>
      </c>
      <c r="AH7018">
        <v>248536.76639999999</v>
      </c>
      <c r="AI7018">
        <v>70157.451719999997</v>
      </c>
      <c r="AJ7018">
        <v>21664.581539999999</v>
      </c>
      <c r="AK7018">
        <v>31593.429110000001</v>
      </c>
      <c r="AL7018">
        <v>67382.967260000005</v>
      </c>
      <c r="AM7018">
        <v>16328.23258</v>
      </c>
      <c r="AN7018">
        <v>92142.99123</v>
      </c>
      <c r="AO7018">
        <v>27999.08726</v>
      </c>
      <c r="AP7018">
        <v>13808.94137</v>
      </c>
    </row>
    <row r="7019" spans="2:42" x14ac:dyDescent="0.3">
      <c r="B7019">
        <v>48.27161773624659</v>
      </c>
      <c r="C7019" s="83">
        <v>43393.375</v>
      </c>
      <c r="D7019">
        <v>188231.44279999999</v>
      </c>
      <c r="E7019">
        <v>24855.198690000001</v>
      </c>
      <c r="F7019">
        <v>87797.851039999994</v>
      </c>
      <c r="G7019">
        <v>39256.940340000001</v>
      </c>
      <c r="H7019">
        <v>37228.592700000001</v>
      </c>
      <c r="I7019">
        <v>31565.319439999999</v>
      </c>
      <c r="J7019">
        <v>34803.85312</v>
      </c>
      <c r="K7019">
        <v>42435.933620000003</v>
      </c>
      <c r="L7019">
        <v>25459.176200000002</v>
      </c>
      <c r="M7019">
        <v>246111.21830000001</v>
      </c>
      <c r="N7019">
        <v>69553.256659999999</v>
      </c>
      <c r="O7019">
        <v>20666.982749999999</v>
      </c>
      <c r="P7019">
        <v>33096.015780000002</v>
      </c>
      <c r="Q7019">
        <v>66191.052890000006</v>
      </c>
      <c r="R7019">
        <v>16707.451690000002</v>
      </c>
      <c r="S7019">
        <v>93399.055869999997</v>
      </c>
      <c r="T7019">
        <v>29717.157220000001</v>
      </c>
      <c r="U7019">
        <v>13606.180829999999</v>
      </c>
      <c r="W7019" s="83">
        <f>Bühler!N7051</f>
        <v>45584.374999982982</v>
      </c>
      <c r="X7019" s="83">
        <v>43393.375</v>
      </c>
      <c r="Y7019">
        <v>188231.44279999999</v>
      </c>
      <c r="Z7019">
        <v>24855.198690000001</v>
      </c>
      <c r="AA7019">
        <v>87797.851039999994</v>
      </c>
      <c r="AB7019">
        <v>39256.940340000001</v>
      </c>
      <c r="AC7019">
        <v>37228.592700000001</v>
      </c>
      <c r="AD7019">
        <v>31565.319439999999</v>
      </c>
      <c r="AE7019">
        <v>34803.85312</v>
      </c>
      <c r="AF7019">
        <v>42435.933620000003</v>
      </c>
      <c r="AG7019">
        <v>25459.176200000002</v>
      </c>
      <c r="AH7019">
        <v>246111.21830000001</v>
      </c>
      <c r="AI7019">
        <v>69553.256659999999</v>
      </c>
      <c r="AJ7019">
        <v>20666.982749999999</v>
      </c>
      <c r="AK7019">
        <v>33096.015780000002</v>
      </c>
      <c r="AL7019">
        <v>66191.052890000006</v>
      </c>
      <c r="AM7019">
        <v>16707.451690000002</v>
      </c>
      <c r="AN7019">
        <v>93399.055869999997</v>
      </c>
      <c r="AO7019">
        <v>29717.157220000001</v>
      </c>
      <c r="AP7019">
        <v>13606.180829999999</v>
      </c>
    </row>
    <row r="7020" spans="2:42" x14ac:dyDescent="0.3">
      <c r="B7020">
        <v>48.100003148385177</v>
      </c>
      <c r="C7020" s="83">
        <v>43393.416666666664</v>
      </c>
      <c r="D7020">
        <v>186340.8014</v>
      </c>
      <c r="E7020">
        <v>26267.33381</v>
      </c>
      <c r="F7020">
        <v>87819.851320000002</v>
      </c>
      <c r="G7020">
        <v>39048.738819999999</v>
      </c>
      <c r="H7020">
        <v>37733.579059999996</v>
      </c>
      <c r="I7020">
        <v>30756.77722</v>
      </c>
      <c r="J7020">
        <v>33927.4012</v>
      </c>
      <c r="K7020">
        <v>43494.475109999999</v>
      </c>
      <c r="L7020">
        <v>27973.947670000001</v>
      </c>
      <c r="M7020">
        <v>245236.24710000001</v>
      </c>
      <c r="N7020">
        <v>70462.278720000002</v>
      </c>
      <c r="O7020">
        <v>21127.272690000002</v>
      </c>
      <c r="P7020">
        <v>34465.342210000003</v>
      </c>
      <c r="Q7020">
        <v>65988.098499999993</v>
      </c>
      <c r="R7020">
        <v>17153.218440000001</v>
      </c>
      <c r="S7020">
        <v>92210.319810000001</v>
      </c>
      <c r="T7020">
        <v>31783.208070000001</v>
      </c>
      <c r="U7020">
        <v>13467.343489999999</v>
      </c>
      <c r="W7020" s="83">
        <f>Bühler!N7052</f>
        <v>45584.416666649646</v>
      </c>
      <c r="X7020" s="83">
        <v>43393.416666666664</v>
      </c>
      <c r="Y7020">
        <v>186340.8014</v>
      </c>
      <c r="Z7020">
        <v>26267.33381</v>
      </c>
      <c r="AA7020">
        <v>87819.851320000002</v>
      </c>
      <c r="AB7020">
        <v>39048.738819999999</v>
      </c>
      <c r="AC7020">
        <v>37733.579059999996</v>
      </c>
      <c r="AD7020">
        <v>30756.77722</v>
      </c>
      <c r="AE7020">
        <v>33927.4012</v>
      </c>
      <c r="AF7020">
        <v>43494.475109999999</v>
      </c>
      <c r="AG7020">
        <v>27973.947670000001</v>
      </c>
      <c r="AH7020">
        <v>245236.24710000001</v>
      </c>
      <c r="AI7020">
        <v>70462.278720000002</v>
      </c>
      <c r="AJ7020">
        <v>21127.272690000002</v>
      </c>
      <c r="AK7020">
        <v>34465.342210000003</v>
      </c>
      <c r="AL7020">
        <v>65988.098499999993</v>
      </c>
      <c r="AM7020">
        <v>17153.218440000001</v>
      </c>
      <c r="AN7020">
        <v>92210.319810000001</v>
      </c>
      <c r="AO7020">
        <v>31783.208070000001</v>
      </c>
      <c r="AP7020">
        <v>13467.343489999999</v>
      </c>
    </row>
    <row r="7021" spans="2:42" x14ac:dyDescent="0.3">
      <c r="B7021">
        <v>47.855081986559668</v>
      </c>
      <c r="C7021" s="83">
        <v>43393.458333333336</v>
      </c>
      <c r="D7021">
        <v>182605.54569999999</v>
      </c>
      <c r="E7021">
        <v>25850.237939999999</v>
      </c>
      <c r="F7021">
        <v>87649.660650000005</v>
      </c>
      <c r="G7021">
        <v>38617.803019999999</v>
      </c>
      <c r="H7021">
        <v>37602.638590000002</v>
      </c>
      <c r="I7021">
        <v>29594.978599999999</v>
      </c>
      <c r="J7021">
        <v>33388.180099999998</v>
      </c>
      <c r="K7021">
        <v>45106.431900000003</v>
      </c>
      <c r="L7021">
        <v>29417.72824</v>
      </c>
      <c r="M7021">
        <v>243987.52480000001</v>
      </c>
      <c r="N7021">
        <v>68716.989100000006</v>
      </c>
      <c r="O7021">
        <v>20533.139230000001</v>
      </c>
      <c r="P7021">
        <v>34095.167329999997</v>
      </c>
      <c r="Q7021">
        <v>63754.056649999999</v>
      </c>
      <c r="R7021">
        <v>17385.581330000001</v>
      </c>
      <c r="S7021">
        <v>93156.208490000005</v>
      </c>
      <c r="T7021">
        <v>31621.959030000002</v>
      </c>
      <c r="U7021">
        <v>12754.296179999999</v>
      </c>
      <c r="W7021" s="83">
        <f>Bühler!N7053</f>
        <v>45584.45833331631</v>
      </c>
      <c r="X7021" s="83">
        <v>43393.458333333336</v>
      </c>
      <c r="Y7021">
        <v>182605.54569999999</v>
      </c>
      <c r="Z7021">
        <v>25850.237939999999</v>
      </c>
      <c r="AA7021">
        <v>87649.660650000005</v>
      </c>
      <c r="AB7021">
        <v>38617.803019999999</v>
      </c>
      <c r="AC7021">
        <v>37602.638590000002</v>
      </c>
      <c r="AD7021">
        <v>29594.978599999999</v>
      </c>
      <c r="AE7021">
        <v>33388.180099999998</v>
      </c>
      <c r="AF7021">
        <v>45106.431900000003</v>
      </c>
      <c r="AG7021">
        <v>29417.72824</v>
      </c>
      <c r="AH7021">
        <v>243987.52480000001</v>
      </c>
      <c r="AI7021">
        <v>68716.989100000006</v>
      </c>
      <c r="AJ7021">
        <v>20533.139230000001</v>
      </c>
      <c r="AK7021">
        <v>34095.167329999997</v>
      </c>
      <c r="AL7021">
        <v>63754.056649999999</v>
      </c>
      <c r="AM7021">
        <v>17385.581330000001</v>
      </c>
      <c r="AN7021">
        <v>93156.208490000005</v>
      </c>
      <c r="AO7021">
        <v>31621.959030000002</v>
      </c>
      <c r="AP7021">
        <v>12754.296179999999</v>
      </c>
    </row>
    <row r="7022" spans="2:42" x14ac:dyDescent="0.3">
      <c r="B7022">
        <v>46.619139866446936</v>
      </c>
      <c r="C7022" s="83">
        <v>43393.5</v>
      </c>
      <c r="D7022">
        <v>176322.8345</v>
      </c>
      <c r="E7022">
        <v>24308.434249999998</v>
      </c>
      <c r="F7022">
        <v>85946.019469999999</v>
      </c>
      <c r="G7022">
        <v>37073.163339999999</v>
      </c>
      <c r="H7022">
        <v>36336.947560000001</v>
      </c>
      <c r="I7022">
        <v>28654.205170000001</v>
      </c>
      <c r="J7022">
        <v>32858.027130000002</v>
      </c>
      <c r="K7022">
        <v>44610.456460000001</v>
      </c>
      <c r="L7022">
        <v>31637.087619999998</v>
      </c>
      <c r="M7022">
        <v>237686.11550000001</v>
      </c>
      <c r="N7022">
        <v>68044.625799999994</v>
      </c>
      <c r="O7022">
        <v>20052.248179999999</v>
      </c>
      <c r="P7022">
        <v>33139.528789999997</v>
      </c>
      <c r="Q7022">
        <v>61594.545059999997</v>
      </c>
      <c r="R7022">
        <v>17985.520629999999</v>
      </c>
      <c r="S7022">
        <v>87738.533630000005</v>
      </c>
      <c r="T7022">
        <v>30975.438989999999</v>
      </c>
      <c r="U7022">
        <v>11484.490470000001</v>
      </c>
      <c r="W7022" s="83">
        <f>Bühler!N7054</f>
        <v>45584.499999982974</v>
      </c>
      <c r="X7022" s="83">
        <v>43393.5</v>
      </c>
      <c r="Y7022">
        <v>176322.8345</v>
      </c>
      <c r="Z7022">
        <v>24308.434249999998</v>
      </c>
      <c r="AA7022">
        <v>85946.019469999999</v>
      </c>
      <c r="AB7022">
        <v>37073.163339999999</v>
      </c>
      <c r="AC7022">
        <v>36336.947560000001</v>
      </c>
      <c r="AD7022">
        <v>28654.205170000001</v>
      </c>
      <c r="AE7022">
        <v>32858.027130000002</v>
      </c>
      <c r="AF7022">
        <v>44610.456460000001</v>
      </c>
      <c r="AG7022">
        <v>31637.087619999998</v>
      </c>
      <c r="AH7022">
        <v>237686.11550000001</v>
      </c>
      <c r="AI7022">
        <v>68044.625799999994</v>
      </c>
      <c r="AJ7022">
        <v>20052.248179999999</v>
      </c>
      <c r="AK7022">
        <v>33139.528789999997</v>
      </c>
      <c r="AL7022">
        <v>61594.545059999997</v>
      </c>
      <c r="AM7022">
        <v>17985.520629999999</v>
      </c>
      <c r="AN7022">
        <v>87738.533630000005</v>
      </c>
      <c r="AO7022">
        <v>30975.438989999999</v>
      </c>
      <c r="AP7022">
        <v>11484.490470000001</v>
      </c>
    </row>
    <row r="7023" spans="2:42" x14ac:dyDescent="0.3">
      <c r="B7023">
        <v>45.857298532311511</v>
      </c>
      <c r="C7023" s="83">
        <v>43393.541666666664</v>
      </c>
      <c r="D7023">
        <v>171716.49249999999</v>
      </c>
      <c r="E7023">
        <v>23495.48028</v>
      </c>
      <c r="F7023">
        <v>85540.13781</v>
      </c>
      <c r="G7023">
        <v>35908.55861</v>
      </c>
      <c r="H7023">
        <v>35926.559390000002</v>
      </c>
      <c r="I7023">
        <v>27871.167570000001</v>
      </c>
      <c r="J7023">
        <v>31579.46243</v>
      </c>
      <c r="K7023">
        <v>44870.882400000002</v>
      </c>
      <c r="L7023">
        <v>31798.679359999998</v>
      </c>
      <c r="M7023">
        <v>233801.89309999999</v>
      </c>
      <c r="N7023">
        <v>67343.73216</v>
      </c>
      <c r="O7023">
        <v>19936.97408</v>
      </c>
      <c r="P7023">
        <v>32860.612639999999</v>
      </c>
      <c r="Q7023">
        <v>58802.959560000003</v>
      </c>
      <c r="R7023">
        <v>18645.63798</v>
      </c>
      <c r="S7023">
        <v>88094.51612</v>
      </c>
      <c r="T7023">
        <v>30210.195609999999</v>
      </c>
      <c r="U7023">
        <v>11267.102140000001</v>
      </c>
      <c r="W7023" s="83">
        <f>Bühler!N7055</f>
        <v>45584.541666649639</v>
      </c>
      <c r="X7023" s="83">
        <v>43393.541666666664</v>
      </c>
      <c r="Y7023">
        <v>171716.49249999999</v>
      </c>
      <c r="Z7023">
        <v>23495.48028</v>
      </c>
      <c r="AA7023">
        <v>85540.13781</v>
      </c>
      <c r="AB7023">
        <v>35908.55861</v>
      </c>
      <c r="AC7023">
        <v>35926.559390000002</v>
      </c>
      <c r="AD7023">
        <v>27871.167570000001</v>
      </c>
      <c r="AE7023">
        <v>31579.46243</v>
      </c>
      <c r="AF7023">
        <v>44870.882400000002</v>
      </c>
      <c r="AG7023">
        <v>31798.679359999998</v>
      </c>
      <c r="AH7023">
        <v>233801.89309999999</v>
      </c>
      <c r="AI7023">
        <v>67343.73216</v>
      </c>
      <c r="AJ7023">
        <v>19936.97408</v>
      </c>
      <c r="AK7023">
        <v>32860.612639999999</v>
      </c>
      <c r="AL7023">
        <v>58802.959560000003</v>
      </c>
      <c r="AM7023">
        <v>18645.63798</v>
      </c>
      <c r="AN7023">
        <v>88094.51612</v>
      </c>
      <c r="AO7023">
        <v>30210.195609999999</v>
      </c>
      <c r="AP7023">
        <v>11267.102140000001</v>
      </c>
    </row>
    <row r="7024" spans="2:42" x14ac:dyDescent="0.3">
      <c r="B7024">
        <v>45.424794902375965</v>
      </c>
      <c r="C7024" s="83">
        <v>43393.583333333336</v>
      </c>
      <c r="D7024">
        <v>170808.82380000001</v>
      </c>
      <c r="E7024">
        <v>24321.17972</v>
      </c>
      <c r="F7024">
        <v>84816.342059999995</v>
      </c>
      <c r="G7024">
        <v>35338.111749999996</v>
      </c>
      <c r="H7024">
        <v>36100.779759999998</v>
      </c>
      <c r="I7024">
        <v>27916.45319</v>
      </c>
      <c r="J7024">
        <v>31126.576830000002</v>
      </c>
      <c r="K7024">
        <v>44714.594830000002</v>
      </c>
      <c r="L7024">
        <v>30204.919740000001</v>
      </c>
      <c r="M7024">
        <v>231596.7879</v>
      </c>
      <c r="N7024">
        <v>67840.601150000002</v>
      </c>
      <c r="O7024">
        <v>19920.81508</v>
      </c>
      <c r="P7024">
        <v>30964.582600000002</v>
      </c>
      <c r="Q7024">
        <v>57520.47105</v>
      </c>
      <c r="R7024">
        <v>18110.14689</v>
      </c>
      <c r="S7024">
        <v>85044.663480000003</v>
      </c>
      <c r="T7024">
        <v>30102.946090000001</v>
      </c>
      <c r="U7024">
        <v>11085.046259999999</v>
      </c>
      <c r="W7024" s="83">
        <f>Bühler!N7056</f>
        <v>45584.583333316303</v>
      </c>
      <c r="X7024" s="83">
        <v>43393.583333333336</v>
      </c>
      <c r="Y7024">
        <v>170808.82380000001</v>
      </c>
      <c r="Z7024">
        <v>24321.17972</v>
      </c>
      <c r="AA7024">
        <v>84816.342059999995</v>
      </c>
      <c r="AB7024">
        <v>35338.111749999996</v>
      </c>
      <c r="AC7024">
        <v>36100.779759999998</v>
      </c>
      <c r="AD7024">
        <v>27916.45319</v>
      </c>
      <c r="AE7024">
        <v>31126.576830000002</v>
      </c>
      <c r="AF7024">
        <v>44714.594830000002</v>
      </c>
      <c r="AG7024">
        <v>30204.919740000001</v>
      </c>
      <c r="AH7024">
        <v>231596.7879</v>
      </c>
      <c r="AI7024">
        <v>67840.601150000002</v>
      </c>
      <c r="AJ7024">
        <v>19920.81508</v>
      </c>
      <c r="AK7024">
        <v>30964.582600000002</v>
      </c>
      <c r="AL7024">
        <v>57520.47105</v>
      </c>
      <c r="AM7024">
        <v>18110.14689</v>
      </c>
      <c r="AN7024">
        <v>85044.663480000003</v>
      </c>
      <c r="AO7024">
        <v>30102.946090000001</v>
      </c>
      <c r="AP7024">
        <v>11085.046259999999</v>
      </c>
    </row>
    <row r="7025" spans="2:42" x14ac:dyDescent="0.3">
      <c r="B7025">
        <v>45.43474105021707</v>
      </c>
      <c r="C7025" s="83">
        <v>43393.625</v>
      </c>
      <c r="D7025">
        <v>170089.4381</v>
      </c>
      <c r="E7025">
        <v>24233.956460000001</v>
      </c>
      <c r="F7025">
        <v>84878.016940000001</v>
      </c>
      <c r="G7025">
        <v>34834.579579999998</v>
      </c>
      <c r="H7025">
        <v>35420.798940000001</v>
      </c>
      <c r="I7025">
        <v>27811.413909999999</v>
      </c>
      <c r="J7025">
        <v>30871.761060000001</v>
      </c>
      <c r="K7025">
        <v>45417.752039999999</v>
      </c>
      <c r="L7025">
        <v>28145.427609999999</v>
      </c>
      <c r="M7025">
        <v>231647.49799999999</v>
      </c>
      <c r="N7025">
        <v>68918.753060000003</v>
      </c>
      <c r="O7025">
        <v>19771.72467</v>
      </c>
      <c r="P7025">
        <v>29166.468819999998</v>
      </c>
      <c r="Q7025">
        <v>56956.331559999999</v>
      </c>
      <c r="R7025">
        <v>18223.556369999998</v>
      </c>
      <c r="S7025">
        <v>83905.811470000001</v>
      </c>
      <c r="T7025">
        <v>30773.51614</v>
      </c>
      <c r="U7025">
        <v>11167.980159999999</v>
      </c>
      <c r="W7025" s="83">
        <f>Bühler!N7057</f>
        <v>45584.624999982967</v>
      </c>
      <c r="X7025" s="83">
        <v>43393.625</v>
      </c>
      <c r="Y7025">
        <v>170089.4381</v>
      </c>
      <c r="Z7025">
        <v>24233.956460000001</v>
      </c>
      <c r="AA7025">
        <v>84878.016940000001</v>
      </c>
      <c r="AB7025">
        <v>34834.579579999998</v>
      </c>
      <c r="AC7025">
        <v>35420.798940000001</v>
      </c>
      <c r="AD7025">
        <v>27811.413909999999</v>
      </c>
      <c r="AE7025">
        <v>30871.761060000001</v>
      </c>
      <c r="AF7025">
        <v>45417.752039999999</v>
      </c>
      <c r="AG7025">
        <v>28145.427609999999</v>
      </c>
      <c r="AH7025">
        <v>231647.49799999999</v>
      </c>
      <c r="AI7025">
        <v>68918.753060000003</v>
      </c>
      <c r="AJ7025">
        <v>19771.72467</v>
      </c>
      <c r="AK7025">
        <v>29166.468819999998</v>
      </c>
      <c r="AL7025">
        <v>56956.331559999999</v>
      </c>
      <c r="AM7025">
        <v>18223.556369999998</v>
      </c>
      <c r="AN7025">
        <v>83905.811470000001</v>
      </c>
      <c r="AO7025">
        <v>30773.51614</v>
      </c>
      <c r="AP7025">
        <v>11167.980159999999</v>
      </c>
    </row>
    <row r="7026" spans="2:42" x14ac:dyDescent="0.3">
      <c r="B7026">
        <v>45.095846785920088</v>
      </c>
      <c r="C7026" s="83">
        <v>43393.666666666664</v>
      </c>
      <c r="D7026">
        <v>168698.19930000001</v>
      </c>
      <c r="E7026">
        <v>24401.440790000001</v>
      </c>
      <c r="F7026">
        <v>85369.200939999995</v>
      </c>
      <c r="G7026">
        <v>35255.507100000003</v>
      </c>
      <c r="H7026">
        <v>35767.772100000002</v>
      </c>
      <c r="I7026">
        <v>28304.687959999999</v>
      </c>
      <c r="J7026">
        <v>30441.63118</v>
      </c>
      <c r="K7026">
        <v>45382.632380000003</v>
      </c>
      <c r="L7026">
        <v>27389.155210000001</v>
      </c>
      <c r="M7026">
        <v>229919.65700000001</v>
      </c>
      <c r="N7026">
        <v>68859.260739999998</v>
      </c>
      <c r="O7026">
        <v>19402.78298</v>
      </c>
      <c r="P7026">
        <v>29163.44327</v>
      </c>
      <c r="Q7026">
        <v>56214.90668</v>
      </c>
      <c r="R7026">
        <v>17999.913619999999</v>
      </c>
      <c r="S7026">
        <v>84770.446769999995</v>
      </c>
      <c r="T7026">
        <v>30899.99207</v>
      </c>
      <c r="U7026">
        <v>11306.08345</v>
      </c>
      <c r="W7026" s="83">
        <f>Bühler!N7058</f>
        <v>45584.666666649631</v>
      </c>
      <c r="X7026" s="83">
        <v>43393.666666666664</v>
      </c>
      <c r="Y7026">
        <v>168698.19930000001</v>
      </c>
      <c r="Z7026">
        <v>24401.440790000001</v>
      </c>
      <c r="AA7026">
        <v>85369.200939999995</v>
      </c>
      <c r="AB7026">
        <v>35255.507100000003</v>
      </c>
      <c r="AC7026">
        <v>35767.772100000002</v>
      </c>
      <c r="AD7026">
        <v>28304.687959999999</v>
      </c>
      <c r="AE7026">
        <v>30441.63118</v>
      </c>
      <c r="AF7026">
        <v>45382.632380000003</v>
      </c>
      <c r="AG7026">
        <v>27389.155210000001</v>
      </c>
      <c r="AH7026">
        <v>229919.65700000001</v>
      </c>
      <c r="AI7026">
        <v>68859.260739999998</v>
      </c>
      <c r="AJ7026">
        <v>19402.78298</v>
      </c>
      <c r="AK7026">
        <v>29163.44327</v>
      </c>
      <c r="AL7026">
        <v>56214.90668</v>
      </c>
      <c r="AM7026">
        <v>17999.913619999999</v>
      </c>
      <c r="AN7026">
        <v>84770.446769999995</v>
      </c>
      <c r="AO7026">
        <v>30899.99207</v>
      </c>
      <c r="AP7026">
        <v>11306.08345</v>
      </c>
    </row>
    <row r="7027" spans="2:42" x14ac:dyDescent="0.3">
      <c r="B7027">
        <v>44.563937714032441</v>
      </c>
      <c r="C7027" s="83">
        <v>43393.708333333336</v>
      </c>
      <c r="D7027">
        <v>167578.88930000001</v>
      </c>
      <c r="E7027">
        <v>24251.80861</v>
      </c>
      <c r="F7027">
        <v>86548.611059999996</v>
      </c>
      <c r="G7027">
        <v>35219.040670000002</v>
      </c>
      <c r="H7027">
        <v>36411.062720000002</v>
      </c>
      <c r="I7027">
        <v>29048.06984</v>
      </c>
      <c r="J7027">
        <v>31039.580399999999</v>
      </c>
      <c r="K7027">
        <v>44757.169309999997</v>
      </c>
      <c r="L7027">
        <v>27835.417280000001</v>
      </c>
      <c r="M7027">
        <v>227207.7365</v>
      </c>
      <c r="N7027">
        <v>68580.826119999998</v>
      </c>
      <c r="O7027">
        <v>18987.98184</v>
      </c>
      <c r="P7027">
        <v>30946.625250000001</v>
      </c>
      <c r="Q7027">
        <v>54998.820469999999</v>
      </c>
      <c r="R7027">
        <v>18344.977269999999</v>
      </c>
      <c r="S7027">
        <v>87077.676560000007</v>
      </c>
      <c r="T7027">
        <v>30956.543839999998</v>
      </c>
      <c r="U7027">
        <v>11127.430319999999</v>
      </c>
      <c r="W7027" s="83">
        <f>Bühler!N7059</f>
        <v>45584.708333316295</v>
      </c>
      <c r="X7027" s="83">
        <v>43393.708333333336</v>
      </c>
      <c r="Y7027">
        <v>167578.88930000001</v>
      </c>
      <c r="Z7027">
        <v>24251.80861</v>
      </c>
      <c r="AA7027">
        <v>86548.611059999996</v>
      </c>
      <c r="AB7027">
        <v>35219.040670000002</v>
      </c>
      <c r="AC7027">
        <v>36411.062720000002</v>
      </c>
      <c r="AD7027">
        <v>29048.06984</v>
      </c>
      <c r="AE7027">
        <v>31039.580399999999</v>
      </c>
      <c r="AF7027">
        <v>44757.169309999997</v>
      </c>
      <c r="AG7027">
        <v>27835.417280000001</v>
      </c>
      <c r="AH7027">
        <v>227207.7365</v>
      </c>
      <c r="AI7027">
        <v>68580.826119999998</v>
      </c>
      <c r="AJ7027">
        <v>18987.98184</v>
      </c>
      <c r="AK7027">
        <v>30946.625250000001</v>
      </c>
      <c r="AL7027">
        <v>54998.820469999999</v>
      </c>
      <c r="AM7027">
        <v>18344.977269999999</v>
      </c>
      <c r="AN7027">
        <v>87077.676560000007</v>
      </c>
      <c r="AO7027">
        <v>30956.543839999998</v>
      </c>
      <c r="AP7027">
        <v>11127.430319999999</v>
      </c>
    </row>
    <row r="7028" spans="2:42" x14ac:dyDescent="0.3">
      <c r="B7028">
        <v>44.263539300612187</v>
      </c>
      <c r="C7028" s="83">
        <v>43393.75</v>
      </c>
      <c r="D7028">
        <v>166171.22380000001</v>
      </c>
      <c r="E7028">
        <v>23299.998889999999</v>
      </c>
      <c r="F7028">
        <v>85508.394530000005</v>
      </c>
      <c r="G7028">
        <v>35278.566359999997</v>
      </c>
      <c r="H7028">
        <v>35861.436049999997</v>
      </c>
      <c r="I7028">
        <v>28969.362130000001</v>
      </c>
      <c r="J7028">
        <v>32165.132730000001</v>
      </c>
      <c r="K7028">
        <v>43963.909829999997</v>
      </c>
      <c r="L7028">
        <v>29498.262879999998</v>
      </c>
      <c r="M7028">
        <v>225676.16529999999</v>
      </c>
      <c r="N7028">
        <v>69752.720539999995</v>
      </c>
      <c r="O7028">
        <v>19188.323759999999</v>
      </c>
      <c r="P7028">
        <v>33767.743640000001</v>
      </c>
      <c r="Q7028">
        <v>53066.987269999998</v>
      </c>
      <c r="R7028">
        <v>19522.12702</v>
      </c>
      <c r="S7028">
        <v>86521.761799999993</v>
      </c>
      <c r="T7028">
        <v>30640.27722</v>
      </c>
      <c r="U7028">
        <v>11438.904070000001</v>
      </c>
      <c r="W7028" s="83">
        <f>Bühler!N7060</f>
        <v>45584.74999998296</v>
      </c>
      <c r="X7028" s="83">
        <v>43393.75</v>
      </c>
      <c r="Y7028">
        <v>166171.22380000001</v>
      </c>
      <c r="Z7028">
        <v>23299.998889999999</v>
      </c>
      <c r="AA7028">
        <v>85508.394530000005</v>
      </c>
      <c r="AB7028">
        <v>35278.566359999997</v>
      </c>
      <c r="AC7028">
        <v>35861.436049999997</v>
      </c>
      <c r="AD7028">
        <v>28969.362130000001</v>
      </c>
      <c r="AE7028">
        <v>32165.132730000001</v>
      </c>
      <c r="AF7028">
        <v>43963.909829999997</v>
      </c>
      <c r="AG7028">
        <v>29498.262879999998</v>
      </c>
      <c r="AH7028">
        <v>225676.16529999999</v>
      </c>
      <c r="AI7028">
        <v>69752.720539999995</v>
      </c>
      <c r="AJ7028">
        <v>19188.323759999999</v>
      </c>
      <c r="AK7028">
        <v>33767.743640000001</v>
      </c>
      <c r="AL7028">
        <v>53066.987269999998</v>
      </c>
      <c r="AM7028">
        <v>19522.12702</v>
      </c>
      <c r="AN7028">
        <v>86521.761799999993</v>
      </c>
      <c r="AO7028">
        <v>30640.27722</v>
      </c>
      <c r="AP7028">
        <v>11438.904070000001</v>
      </c>
    </row>
    <row r="7029" spans="2:42" x14ac:dyDescent="0.3">
      <c r="B7029">
        <v>44.156013652067905</v>
      </c>
      <c r="C7029" s="83">
        <v>43393.791666666664</v>
      </c>
      <c r="D7029">
        <v>166814.5638</v>
      </c>
      <c r="E7029">
        <v>20037.335129999999</v>
      </c>
      <c r="F7029">
        <v>75369.728029999998</v>
      </c>
      <c r="G7029">
        <v>36292.208780000001</v>
      </c>
      <c r="H7029">
        <v>36975.881179999997</v>
      </c>
      <c r="I7029">
        <v>29087.0697</v>
      </c>
      <c r="J7029">
        <v>34057.996099999997</v>
      </c>
      <c r="K7029">
        <v>44321.292600000001</v>
      </c>
      <c r="L7029">
        <v>32026.988600000001</v>
      </c>
      <c r="M7029">
        <v>225127.94940000001</v>
      </c>
      <c r="N7029">
        <v>70942.766109999997</v>
      </c>
      <c r="O7029">
        <v>19545.410220000002</v>
      </c>
      <c r="P7029">
        <v>36693.961819999997</v>
      </c>
      <c r="Q7029">
        <v>51432.169540000003</v>
      </c>
      <c r="R7029">
        <v>20427.91344</v>
      </c>
      <c r="S7029">
        <v>87191.599499999997</v>
      </c>
      <c r="T7029">
        <v>30538.021629999999</v>
      </c>
      <c r="U7029">
        <v>12174.786910000001</v>
      </c>
      <c r="W7029" s="83">
        <f>Bühler!N7061</f>
        <v>45584.791666649624</v>
      </c>
      <c r="X7029" s="83">
        <v>43393.791666666664</v>
      </c>
      <c r="Y7029">
        <v>166814.5638</v>
      </c>
      <c r="Z7029">
        <v>20037.335129999999</v>
      </c>
      <c r="AA7029">
        <v>75369.728029999998</v>
      </c>
      <c r="AB7029">
        <v>36292.208780000001</v>
      </c>
      <c r="AC7029">
        <v>36975.881179999997</v>
      </c>
      <c r="AD7029">
        <v>29087.0697</v>
      </c>
      <c r="AE7029">
        <v>34057.996099999997</v>
      </c>
      <c r="AF7029">
        <v>44321.292600000001</v>
      </c>
      <c r="AG7029">
        <v>32026.988600000001</v>
      </c>
      <c r="AH7029">
        <v>225127.94940000001</v>
      </c>
      <c r="AI7029">
        <v>70942.766109999997</v>
      </c>
      <c r="AJ7029">
        <v>19545.410220000002</v>
      </c>
      <c r="AK7029">
        <v>36693.961819999997</v>
      </c>
      <c r="AL7029">
        <v>51432.169540000003</v>
      </c>
      <c r="AM7029">
        <v>20427.91344</v>
      </c>
      <c r="AN7029">
        <v>87191.599499999997</v>
      </c>
      <c r="AO7029">
        <v>30538.021629999999</v>
      </c>
      <c r="AP7029">
        <v>12174.786910000001</v>
      </c>
    </row>
    <row r="7030" spans="2:42" x14ac:dyDescent="0.3">
      <c r="B7030">
        <v>43.397847226962639</v>
      </c>
      <c r="C7030" s="83">
        <v>43393.833333333336</v>
      </c>
      <c r="D7030">
        <v>167095.1771</v>
      </c>
      <c r="E7030">
        <v>15254.59599</v>
      </c>
      <c r="F7030">
        <v>57652.902959999999</v>
      </c>
      <c r="G7030">
        <v>36206.933270000001</v>
      </c>
      <c r="H7030">
        <v>36779.749400000001</v>
      </c>
      <c r="I7030">
        <v>27666.31191</v>
      </c>
      <c r="J7030">
        <v>33548.67411</v>
      </c>
      <c r="K7030">
        <v>44392.613709999998</v>
      </c>
      <c r="L7030">
        <v>31751.924719999999</v>
      </c>
      <c r="M7030">
        <v>221262.46340000001</v>
      </c>
      <c r="N7030">
        <v>70816.245290000006</v>
      </c>
      <c r="O7030">
        <v>19506.37527</v>
      </c>
      <c r="P7030">
        <v>36823.630349999999</v>
      </c>
      <c r="Q7030">
        <v>50118.446230000001</v>
      </c>
      <c r="R7030">
        <v>19470.061610000001</v>
      </c>
      <c r="S7030">
        <v>82109.603860000003</v>
      </c>
      <c r="T7030">
        <v>28012.038089999998</v>
      </c>
      <c r="U7030">
        <v>12246.23121</v>
      </c>
      <c r="W7030" s="83">
        <f>Bühler!N7062</f>
        <v>45584.833333316288</v>
      </c>
      <c r="X7030" s="83">
        <v>43393.833333333336</v>
      </c>
      <c r="Y7030">
        <v>167095.1771</v>
      </c>
      <c r="Z7030">
        <v>15254.59599</v>
      </c>
      <c r="AA7030">
        <v>57652.902959999999</v>
      </c>
      <c r="AB7030">
        <v>36206.933270000001</v>
      </c>
      <c r="AC7030">
        <v>36779.749400000001</v>
      </c>
      <c r="AD7030">
        <v>27666.31191</v>
      </c>
      <c r="AE7030">
        <v>33548.67411</v>
      </c>
      <c r="AF7030">
        <v>44392.613709999998</v>
      </c>
      <c r="AG7030">
        <v>31751.924719999999</v>
      </c>
      <c r="AH7030">
        <v>221262.46340000001</v>
      </c>
      <c r="AI7030">
        <v>70816.245290000006</v>
      </c>
      <c r="AJ7030">
        <v>19506.37527</v>
      </c>
      <c r="AK7030">
        <v>36823.630349999999</v>
      </c>
      <c r="AL7030">
        <v>50118.446230000001</v>
      </c>
      <c r="AM7030">
        <v>19470.061610000001</v>
      </c>
      <c r="AN7030">
        <v>82109.603860000003</v>
      </c>
      <c r="AO7030">
        <v>28012.038089999998</v>
      </c>
      <c r="AP7030">
        <v>12246.23121</v>
      </c>
    </row>
    <row r="7031" spans="2:42" x14ac:dyDescent="0.3">
      <c r="B7031">
        <v>43.298282423362245</v>
      </c>
      <c r="C7031" s="83">
        <v>43393.875</v>
      </c>
      <c r="D7031">
        <v>166484.1023</v>
      </c>
      <c r="E7031">
        <v>13439.51583</v>
      </c>
      <c r="F7031">
        <v>49563.075400000002</v>
      </c>
      <c r="G7031">
        <v>35641.871489999998</v>
      </c>
      <c r="H7031">
        <v>35149.239260000002</v>
      </c>
      <c r="I7031">
        <v>25204.823909999999</v>
      </c>
      <c r="J7031">
        <v>31919.304349999999</v>
      </c>
      <c r="K7031">
        <v>44033.87066</v>
      </c>
      <c r="L7031">
        <v>29947.077140000001</v>
      </c>
      <c r="M7031">
        <v>220754.83559999999</v>
      </c>
      <c r="N7031">
        <v>69509.687529999996</v>
      </c>
      <c r="O7031">
        <v>19451.20089</v>
      </c>
      <c r="P7031">
        <v>35181.127310000003</v>
      </c>
      <c r="Q7031">
        <v>49314.705040000001</v>
      </c>
      <c r="R7031">
        <v>18452.275809999999</v>
      </c>
      <c r="S7031">
        <v>78445.641350000005</v>
      </c>
      <c r="T7031">
        <v>26403.368320000001</v>
      </c>
      <c r="U7031">
        <v>12042.85197</v>
      </c>
      <c r="W7031" s="83">
        <f>Bühler!N7063</f>
        <v>45584.874999982952</v>
      </c>
      <c r="X7031" s="83">
        <v>43393.875</v>
      </c>
      <c r="Y7031">
        <v>166484.1023</v>
      </c>
      <c r="Z7031">
        <v>13439.51583</v>
      </c>
      <c r="AA7031">
        <v>49563.075400000002</v>
      </c>
      <c r="AB7031">
        <v>35641.871489999998</v>
      </c>
      <c r="AC7031">
        <v>35149.239260000002</v>
      </c>
      <c r="AD7031">
        <v>25204.823909999999</v>
      </c>
      <c r="AE7031">
        <v>31919.304349999999</v>
      </c>
      <c r="AF7031">
        <v>44033.87066</v>
      </c>
      <c r="AG7031">
        <v>29947.077140000001</v>
      </c>
      <c r="AH7031">
        <v>220754.83559999999</v>
      </c>
      <c r="AI7031">
        <v>69509.687529999996</v>
      </c>
      <c r="AJ7031">
        <v>19451.20089</v>
      </c>
      <c r="AK7031">
        <v>35181.127310000003</v>
      </c>
      <c r="AL7031">
        <v>49314.705040000001</v>
      </c>
      <c r="AM7031">
        <v>18452.275809999999</v>
      </c>
      <c r="AN7031">
        <v>78445.641350000005</v>
      </c>
      <c r="AO7031">
        <v>26403.368320000001</v>
      </c>
      <c r="AP7031">
        <v>12042.85197</v>
      </c>
    </row>
    <row r="7032" spans="2:42" x14ac:dyDescent="0.3">
      <c r="B7032">
        <v>43.179755760740761</v>
      </c>
      <c r="C7032" s="83">
        <v>43393.916666666664</v>
      </c>
      <c r="D7032">
        <v>165418.58300000001</v>
      </c>
      <c r="E7032">
        <v>13168.637720000001</v>
      </c>
      <c r="F7032">
        <v>47490.789779999999</v>
      </c>
      <c r="G7032">
        <v>35485.46948</v>
      </c>
      <c r="H7032">
        <v>35155.77291</v>
      </c>
      <c r="I7032">
        <v>24207.654129999999</v>
      </c>
      <c r="J7032">
        <v>30850.37556</v>
      </c>
      <c r="K7032">
        <v>48313.972309999997</v>
      </c>
      <c r="L7032">
        <v>27602.4058</v>
      </c>
      <c r="M7032">
        <v>220150.53140000001</v>
      </c>
      <c r="N7032">
        <v>69448.996809999997</v>
      </c>
      <c r="O7032">
        <v>19537.53786</v>
      </c>
      <c r="P7032">
        <v>36059.52274</v>
      </c>
      <c r="Q7032">
        <v>48315.79421</v>
      </c>
      <c r="R7032">
        <v>22379.720789999999</v>
      </c>
      <c r="S7032">
        <v>76624.012369999997</v>
      </c>
      <c r="T7032">
        <v>24892.484509999998</v>
      </c>
      <c r="U7032">
        <v>12917.39092</v>
      </c>
      <c r="W7032" s="83">
        <f>Bühler!N7064</f>
        <v>45584.916666649617</v>
      </c>
      <c r="X7032" s="83">
        <v>43393.916666666664</v>
      </c>
      <c r="Y7032">
        <v>165418.58300000001</v>
      </c>
      <c r="Z7032">
        <v>13168.637720000001</v>
      </c>
      <c r="AA7032">
        <v>47490.789779999999</v>
      </c>
      <c r="AB7032">
        <v>35485.46948</v>
      </c>
      <c r="AC7032">
        <v>35155.77291</v>
      </c>
      <c r="AD7032">
        <v>24207.654129999999</v>
      </c>
      <c r="AE7032">
        <v>30850.37556</v>
      </c>
      <c r="AF7032">
        <v>48313.972309999997</v>
      </c>
      <c r="AG7032">
        <v>27602.4058</v>
      </c>
      <c r="AH7032">
        <v>220150.53140000001</v>
      </c>
      <c r="AI7032">
        <v>69448.996809999997</v>
      </c>
      <c r="AJ7032">
        <v>19537.53786</v>
      </c>
      <c r="AK7032">
        <v>36059.52274</v>
      </c>
      <c r="AL7032">
        <v>48315.79421</v>
      </c>
      <c r="AM7032">
        <v>22379.720789999999</v>
      </c>
      <c r="AN7032">
        <v>76624.012369999997</v>
      </c>
      <c r="AO7032">
        <v>24892.484509999998</v>
      </c>
      <c r="AP7032">
        <v>12917.39092</v>
      </c>
    </row>
    <row r="7033" spans="2:42" x14ac:dyDescent="0.3">
      <c r="B7033">
        <v>43.178920078063996</v>
      </c>
      <c r="C7033" s="83">
        <v>43393.958333333336</v>
      </c>
      <c r="D7033">
        <v>164725.17559999999</v>
      </c>
      <c r="E7033">
        <v>12888.15452</v>
      </c>
      <c r="F7033">
        <v>46284.597419999998</v>
      </c>
      <c r="G7033">
        <v>35516.465929999998</v>
      </c>
      <c r="H7033">
        <v>34630.466379999998</v>
      </c>
      <c r="I7033">
        <v>23532.72694</v>
      </c>
      <c r="J7033">
        <v>28829.449639999999</v>
      </c>
      <c r="K7033">
        <v>48049.255440000001</v>
      </c>
      <c r="L7033">
        <v>23809.742020000002</v>
      </c>
      <c r="M7033">
        <v>220146.27069999999</v>
      </c>
      <c r="N7033">
        <v>68842.190499999997</v>
      </c>
      <c r="O7033">
        <v>19526.07703</v>
      </c>
      <c r="P7033">
        <v>32049.242569999999</v>
      </c>
      <c r="Q7033">
        <v>48783.378660000002</v>
      </c>
      <c r="R7033">
        <v>21331.95117</v>
      </c>
      <c r="S7033">
        <v>75394.133809999999</v>
      </c>
      <c r="T7033">
        <v>27055.81754</v>
      </c>
      <c r="U7033">
        <v>12229.83504</v>
      </c>
      <c r="W7033" s="83">
        <f>Bühler!N7065</f>
        <v>45584.958333316281</v>
      </c>
      <c r="X7033" s="83">
        <v>43393.958333333336</v>
      </c>
      <c r="Y7033">
        <v>164725.17559999999</v>
      </c>
      <c r="Z7033">
        <v>12888.15452</v>
      </c>
      <c r="AA7033">
        <v>46284.597419999998</v>
      </c>
      <c r="AB7033">
        <v>35516.465929999998</v>
      </c>
      <c r="AC7033">
        <v>34630.466379999998</v>
      </c>
      <c r="AD7033">
        <v>23532.72694</v>
      </c>
      <c r="AE7033">
        <v>28829.449639999999</v>
      </c>
      <c r="AF7033">
        <v>48049.255440000001</v>
      </c>
      <c r="AG7033">
        <v>23809.742020000002</v>
      </c>
      <c r="AH7033">
        <v>220146.27069999999</v>
      </c>
      <c r="AI7033">
        <v>68842.190499999997</v>
      </c>
      <c r="AJ7033">
        <v>19526.07703</v>
      </c>
      <c r="AK7033">
        <v>32049.242569999999</v>
      </c>
      <c r="AL7033">
        <v>48783.378660000002</v>
      </c>
      <c r="AM7033">
        <v>21331.95117</v>
      </c>
      <c r="AN7033">
        <v>75394.133809999999</v>
      </c>
      <c r="AO7033">
        <v>27055.81754</v>
      </c>
      <c r="AP7033">
        <v>12229.83504</v>
      </c>
    </row>
    <row r="7034" spans="2:42" x14ac:dyDescent="0.3">
      <c r="B7034">
        <v>42.91349731968193</v>
      </c>
      <c r="C7034" s="83">
        <v>43394</v>
      </c>
      <c r="D7034">
        <v>163980.19279999999</v>
      </c>
      <c r="E7034">
        <v>12481.645060000001</v>
      </c>
      <c r="F7034">
        <v>45902.628940000002</v>
      </c>
      <c r="G7034">
        <v>35656.487939999999</v>
      </c>
      <c r="H7034">
        <v>34117.533199999998</v>
      </c>
      <c r="I7034">
        <v>21863.09823</v>
      </c>
      <c r="J7034">
        <v>27484.70032</v>
      </c>
      <c r="K7034">
        <v>47370.676420000003</v>
      </c>
      <c r="L7034">
        <v>20118.08812</v>
      </c>
      <c r="M7034">
        <v>218793.02170000001</v>
      </c>
      <c r="N7034">
        <v>68285.039109999998</v>
      </c>
      <c r="O7034">
        <v>19750.660929999998</v>
      </c>
      <c r="P7034">
        <v>29291.77865</v>
      </c>
      <c r="Q7034">
        <v>48421.404060000001</v>
      </c>
      <c r="R7034">
        <v>19638.025020000001</v>
      </c>
      <c r="S7034">
        <v>74157.539910000007</v>
      </c>
      <c r="T7034">
        <v>25569.761450000002</v>
      </c>
      <c r="U7034">
        <v>11896.92102</v>
      </c>
      <c r="W7034" s="83">
        <f>Bühler!N7066</f>
        <v>45584.999999982945</v>
      </c>
      <c r="X7034" s="83">
        <v>43394</v>
      </c>
      <c r="Y7034">
        <v>163980.19279999999</v>
      </c>
      <c r="Z7034">
        <v>12481.645060000001</v>
      </c>
      <c r="AA7034">
        <v>45902.628940000002</v>
      </c>
      <c r="AB7034">
        <v>35656.487939999999</v>
      </c>
      <c r="AC7034">
        <v>34117.533199999998</v>
      </c>
      <c r="AD7034">
        <v>21863.09823</v>
      </c>
      <c r="AE7034">
        <v>27484.70032</v>
      </c>
      <c r="AF7034">
        <v>47370.676420000003</v>
      </c>
      <c r="AG7034">
        <v>20118.08812</v>
      </c>
      <c r="AH7034">
        <v>218793.02170000001</v>
      </c>
      <c r="AI7034">
        <v>68285.039109999998</v>
      </c>
      <c r="AJ7034">
        <v>19750.660929999998</v>
      </c>
      <c r="AK7034">
        <v>29291.77865</v>
      </c>
      <c r="AL7034">
        <v>48421.404060000001</v>
      </c>
      <c r="AM7034">
        <v>19638.025020000001</v>
      </c>
      <c r="AN7034">
        <v>74157.539910000007</v>
      </c>
      <c r="AO7034">
        <v>25569.761450000002</v>
      </c>
      <c r="AP7034">
        <v>11896.92102</v>
      </c>
    </row>
    <row r="7035" spans="2:42" x14ac:dyDescent="0.3">
      <c r="B7035">
        <v>42.470123793529957</v>
      </c>
      <c r="C7035" s="83">
        <v>43394.041666666664</v>
      </c>
      <c r="D7035">
        <v>163547.34969999999</v>
      </c>
      <c r="E7035">
        <v>12396.998180000001</v>
      </c>
      <c r="F7035">
        <v>46315.506860000001</v>
      </c>
      <c r="G7035">
        <v>35484.418669999999</v>
      </c>
      <c r="H7035">
        <v>33641.615319999997</v>
      </c>
      <c r="I7035">
        <v>18475.85382</v>
      </c>
      <c r="J7035">
        <v>26828.404480000001</v>
      </c>
      <c r="K7035">
        <v>46262.235659999998</v>
      </c>
      <c r="L7035">
        <v>18432.75791</v>
      </c>
      <c r="M7035">
        <v>216532.49669999999</v>
      </c>
      <c r="N7035">
        <v>67499.256049999996</v>
      </c>
      <c r="O7035">
        <v>19402.998589999999</v>
      </c>
      <c r="P7035">
        <v>27851.844809999999</v>
      </c>
      <c r="Q7035">
        <v>48844.392800000001</v>
      </c>
      <c r="R7035">
        <v>18920.729469999998</v>
      </c>
      <c r="S7035">
        <v>73020.094549999994</v>
      </c>
      <c r="T7035">
        <v>24856.14459</v>
      </c>
      <c r="U7035">
        <v>11688.30968</v>
      </c>
      <c r="W7035" s="83">
        <f>Bühler!N7067</f>
        <v>45585.041666649609</v>
      </c>
      <c r="X7035" s="83">
        <v>43394.041666666664</v>
      </c>
      <c r="Y7035">
        <v>163547.34969999999</v>
      </c>
      <c r="Z7035">
        <v>12396.998180000001</v>
      </c>
      <c r="AA7035">
        <v>46315.506860000001</v>
      </c>
      <c r="AB7035">
        <v>35484.418669999999</v>
      </c>
      <c r="AC7035">
        <v>33641.615319999997</v>
      </c>
      <c r="AD7035">
        <v>18475.85382</v>
      </c>
      <c r="AE7035">
        <v>26828.404480000001</v>
      </c>
      <c r="AF7035">
        <v>46262.235659999998</v>
      </c>
      <c r="AG7035">
        <v>18432.75791</v>
      </c>
      <c r="AH7035">
        <v>216532.49669999999</v>
      </c>
      <c r="AI7035">
        <v>67499.256049999996</v>
      </c>
      <c r="AJ7035">
        <v>19402.998589999999</v>
      </c>
      <c r="AK7035">
        <v>27851.844809999999</v>
      </c>
      <c r="AL7035">
        <v>48844.392800000001</v>
      </c>
      <c r="AM7035">
        <v>18920.729469999998</v>
      </c>
      <c r="AN7035">
        <v>73020.094549999994</v>
      </c>
      <c r="AO7035">
        <v>24856.14459</v>
      </c>
      <c r="AP7035">
        <v>11688.30968</v>
      </c>
    </row>
    <row r="7036" spans="2:42" x14ac:dyDescent="0.3">
      <c r="B7036">
        <v>42.44789102932257</v>
      </c>
      <c r="C7036" s="83">
        <v>43394.083333333336</v>
      </c>
      <c r="D7036">
        <v>163060.37330000001</v>
      </c>
      <c r="E7036">
        <v>12311.940860000001</v>
      </c>
      <c r="F7036">
        <v>46232.629009999997</v>
      </c>
      <c r="G7036">
        <v>35497.76844</v>
      </c>
      <c r="H7036">
        <v>33758.229299999999</v>
      </c>
      <c r="I7036">
        <v>16297.373170000001</v>
      </c>
      <c r="J7036">
        <v>26766.335309999999</v>
      </c>
      <c r="K7036">
        <v>44717.322789999998</v>
      </c>
      <c r="L7036">
        <v>17859.2798</v>
      </c>
      <c r="M7036">
        <v>216419.14369999999</v>
      </c>
      <c r="N7036">
        <v>66716.250150000007</v>
      </c>
      <c r="O7036">
        <v>19411.893629999999</v>
      </c>
      <c r="P7036">
        <v>26597.72121</v>
      </c>
      <c r="Q7036">
        <v>50465.2664</v>
      </c>
      <c r="R7036">
        <v>17754.740900000001</v>
      </c>
      <c r="S7036">
        <v>72489.977079999997</v>
      </c>
      <c r="T7036">
        <v>24286.334569999999</v>
      </c>
      <c r="U7036">
        <v>11791.503419999999</v>
      </c>
      <c r="W7036" s="83">
        <f>Bühler!N7068</f>
        <v>45585.083333316274</v>
      </c>
      <c r="X7036" s="83">
        <v>43394.083333333336</v>
      </c>
      <c r="Y7036">
        <v>163060.37330000001</v>
      </c>
      <c r="Z7036">
        <v>12311.940860000001</v>
      </c>
      <c r="AA7036">
        <v>46232.629009999997</v>
      </c>
      <c r="AB7036">
        <v>35497.76844</v>
      </c>
      <c r="AC7036">
        <v>33758.229299999999</v>
      </c>
      <c r="AD7036">
        <v>16297.373170000001</v>
      </c>
      <c r="AE7036">
        <v>26766.335309999999</v>
      </c>
      <c r="AF7036">
        <v>44717.322789999998</v>
      </c>
      <c r="AG7036">
        <v>17859.2798</v>
      </c>
      <c r="AH7036">
        <v>216419.14369999999</v>
      </c>
      <c r="AI7036">
        <v>66716.250150000007</v>
      </c>
      <c r="AJ7036">
        <v>19411.893629999999</v>
      </c>
      <c r="AK7036">
        <v>26597.72121</v>
      </c>
      <c r="AL7036">
        <v>50465.2664</v>
      </c>
      <c r="AM7036">
        <v>17754.740900000001</v>
      </c>
      <c r="AN7036">
        <v>72489.977079999997</v>
      </c>
      <c r="AO7036">
        <v>24286.334569999999</v>
      </c>
      <c r="AP7036">
        <v>11791.503419999999</v>
      </c>
    </row>
    <row r="7037" spans="2:42" x14ac:dyDescent="0.3">
      <c r="B7037">
        <v>42.289095296312112</v>
      </c>
      <c r="C7037" s="83">
        <v>43394.125</v>
      </c>
      <c r="D7037">
        <v>162621.1514</v>
      </c>
      <c r="E7037">
        <v>12434.77749</v>
      </c>
      <c r="F7037">
        <v>45520.288529999998</v>
      </c>
      <c r="G7037">
        <v>34814.773249999998</v>
      </c>
      <c r="H7037">
        <v>33430.839260000001</v>
      </c>
      <c r="I7037">
        <v>15744.647010000001</v>
      </c>
      <c r="J7037">
        <v>26907.843809999998</v>
      </c>
      <c r="K7037">
        <v>43191.275759999997</v>
      </c>
      <c r="L7037">
        <v>16867.39113</v>
      </c>
      <c r="M7037">
        <v>215609.52900000001</v>
      </c>
      <c r="N7037">
        <v>68139.684710000001</v>
      </c>
      <c r="O7037">
        <v>19730.21197</v>
      </c>
      <c r="P7037">
        <v>25877.862130000001</v>
      </c>
      <c r="Q7037">
        <v>51526.085149999999</v>
      </c>
      <c r="R7037">
        <v>17322.024789999999</v>
      </c>
      <c r="S7037">
        <v>72098.619659999997</v>
      </c>
      <c r="T7037">
        <v>24010.127499999999</v>
      </c>
      <c r="U7037">
        <v>12303.830599999999</v>
      </c>
      <c r="W7037" s="83">
        <f>Bühler!N7069</f>
        <v>45585.124999982938</v>
      </c>
      <c r="X7037" s="83">
        <v>43394.125</v>
      </c>
      <c r="Y7037">
        <v>162621.1514</v>
      </c>
      <c r="Z7037">
        <v>12434.77749</v>
      </c>
      <c r="AA7037">
        <v>45520.288529999998</v>
      </c>
      <c r="AB7037">
        <v>34814.773249999998</v>
      </c>
      <c r="AC7037">
        <v>33430.839260000001</v>
      </c>
      <c r="AD7037">
        <v>15744.647010000001</v>
      </c>
      <c r="AE7037">
        <v>26907.843809999998</v>
      </c>
      <c r="AF7037">
        <v>43191.275759999997</v>
      </c>
      <c r="AG7037">
        <v>16867.39113</v>
      </c>
      <c r="AH7037">
        <v>215609.52900000001</v>
      </c>
      <c r="AI7037">
        <v>68139.684710000001</v>
      </c>
      <c r="AJ7037">
        <v>19730.21197</v>
      </c>
      <c r="AK7037">
        <v>25877.862130000001</v>
      </c>
      <c r="AL7037">
        <v>51526.085149999999</v>
      </c>
      <c r="AM7037">
        <v>17322.024789999999</v>
      </c>
      <c r="AN7037">
        <v>72098.619659999997</v>
      </c>
      <c r="AO7037">
        <v>24010.127499999999</v>
      </c>
      <c r="AP7037">
        <v>12303.830599999999</v>
      </c>
    </row>
    <row r="7038" spans="2:42" x14ac:dyDescent="0.3">
      <c r="B7038">
        <v>41.778258325875029</v>
      </c>
      <c r="C7038" s="83">
        <v>43394.166666666664</v>
      </c>
      <c r="D7038">
        <v>161744.2041</v>
      </c>
      <c r="E7038">
        <v>12325.68806</v>
      </c>
      <c r="F7038">
        <v>45624.675049999998</v>
      </c>
      <c r="G7038">
        <v>33779.656660000001</v>
      </c>
      <c r="H7038">
        <v>33259.647519999999</v>
      </c>
      <c r="I7038">
        <v>16523.13509</v>
      </c>
      <c r="J7038">
        <v>28421.366720000002</v>
      </c>
      <c r="K7038">
        <v>41995.941700000003</v>
      </c>
      <c r="L7038">
        <v>16892.913919999999</v>
      </c>
      <c r="M7038">
        <v>213005.04389999999</v>
      </c>
      <c r="N7038">
        <v>66199.525129999995</v>
      </c>
      <c r="O7038">
        <v>19715.732499999998</v>
      </c>
      <c r="P7038">
        <v>24751.19486</v>
      </c>
      <c r="Q7038">
        <v>52189.820240000001</v>
      </c>
      <c r="R7038">
        <v>16884.73704</v>
      </c>
      <c r="S7038">
        <v>72712.08627</v>
      </c>
      <c r="T7038">
        <v>23929.029760000001</v>
      </c>
      <c r="U7038">
        <v>12233.65063</v>
      </c>
      <c r="W7038" s="83">
        <f>Bühler!N7070</f>
        <v>45585.166666649602</v>
      </c>
      <c r="X7038" s="83">
        <v>43394.166666666664</v>
      </c>
      <c r="Y7038">
        <v>161744.2041</v>
      </c>
      <c r="Z7038">
        <v>12325.68806</v>
      </c>
      <c r="AA7038">
        <v>45624.675049999998</v>
      </c>
      <c r="AB7038">
        <v>33779.656660000001</v>
      </c>
      <c r="AC7038">
        <v>33259.647519999999</v>
      </c>
      <c r="AD7038">
        <v>16523.13509</v>
      </c>
      <c r="AE7038">
        <v>28421.366720000002</v>
      </c>
      <c r="AF7038">
        <v>41995.941700000003</v>
      </c>
      <c r="AG7038">
        <v>16892.913919999999</v>
      </c>
      <c r="AH7038">
        <v>213005.04389999999</v>
      </c>
      <c r="AI7038">
        <v>66199.525129999995</v>
      </c>
      <c r="AJ7038">
        <v>19715.732499999998</v>
      </c>
      <c r="AK7038">
        <v>24751.19486</v>
      </c>
      <c r="AL7038">
        <v>52189.820240000001</v>
      </c>
      <c r="AM7038">
        <v>16884.73704</v>
      </c>
      <c r="AN7038">
        <v>72712.08627</v>
      </c>
      <c r="AO7038">
        <v>23929.029760000001</v>
      </c>
      <c r="AP7038">
        <v>12233.65063</v>
      </c>
    </row>
    <row r="7039" spans="2:42" x14ac:dyDescent="0.3">
      <c r="B7039">
        <v>41.411862399196529</v>
      </c>
      <c r="C7039" s="83">
        <v>43394.208333333336</v>
      </c>
      <c r="D7039">
        <v>162078.46189999999</v>
      </c>
      <c r="E7039">
        <v>12604.674349999999</v>
      </c>
      <c r="F7039">
        <v>47003.808620000003</v>
      </c>
      <c r="G7039">
        <v>33706.363980000002</v>
      </c>
      <c r="H7039">
        <v>33621.150029999997</v>
      </c>
      <c r="I7039">
        <v>20528.761549999999</v>
      </c>
      <c r="J7039">
        <v>30552.825499999999</v>
      </c>
      <c r="K7039">
        <v>41067.797910000001</v>
      </c>
      <c r="L7039">
        <v>16951.41286</v>
      </c>
      <c r="M7039">
        <v>211136.9866</v>
      </c>
      <c r="N7039">
        <v>65528.406150000003</v>
      </c>
      <c r="O7039">
        <v>19691.991750000001</v>
      </c>
      <c r="P7039">
        <v>26246.76179</v>
      </c>
      <c r="Q7039">
        <v>52521.259760000001</v>
      </c>
      <c r="R7039">
        <v>17173.60671</v>
      </c>
      <c r="S7039">
        <v>73903.475160000002</v>
      </c>
      <c r="T7039">
        <v>24126.829259999999</v>
      </c>
      <c r="U7039">
        <v>12328.601849999999</v>
      </c>
      <c r="W7039" s="83">
        <f>Bühler!N7071</f>
        <v>45585.208333316266</v>
      </c>
      <c r="X7039" s="83">
        <v>43394.208333333336</v>
      </c>
      <c r="Y7039">
        <v>162078.46189999999</v>
      </c>
      <c r="Z7039">
        <v>12604.674349999999</v>
      </c>
      <c r="AA7039">
        <v>47003.808620000003</v>
      </c>
      <c r="AB7039">
        <v>33706.363980000002</v>
      </c>
      <c r="AC7039">
        <v>33621.150029999997</v>
      </c>
      <c r="AD7039">
        <v>20528.761549999999</v>
      </c>
      <c r="AE7039">
        <v>30552.825499999999</v>
      </c>
      <c r="AF7039">
        <v>41067.797910000001</v>
      </c>
      <c r="AG7039">
        <v>16951.41286</v>
      </c>
      <c r="AH7039">
        <v>211136.9866</v>
      </c>
      <c r="AI7039">
        <v>65528.406150000003</v>
      </c>
      <c r="AJ7039">
        <v>19691.991750000001</v>
      </c>
      <c r="AK7039">
        <v>26246.76179</v>
      </c>
      <c r="AL7039">
        <v>52521.259760000001</v>
      </c>
      <c r="AM7039">
        <v>17173.60671</v>
      </c>
      <c r="AN7039">
        <v>73903.475160000002</v>
      </c>
      <c r="AO7039">
        <v>24126.829259999999</v>
      </c>
      <c r="AP7039">
        <v>12328.601849999999</v>
      </c>
    </row>
    <row r="7040" spans="2:42" x14ac:dyDescent="0.3">
      <c r="B7040">
        <v>41.16821091330214</v>
      </c>
      <c r="C7040" s="83">
        <v>43394.25</v>
      </c>
      <c r="D7040">
        <v>162884.94560000001</v>
      </c>
      <c r="E7040">
        <v>13106.95025</v>
      </c>
      <c r="F7040">
        <v>48903.74048</v>
      </c>
      <c r="G7040">
        <v>34085.259039999997</v>
      </c>
      <c r="H7040">
        <v>34247.823429999997</v>
      </c>
      <c r="I7040">
        <v>22665.696769999999</v>
      </c>
      <c r="J7040">
        <v>33451.84979</v>
      </c>
      <c r="K7040">
        <v>40374.313620000001</v>
      </c>
      <c r="L7040">
        <v>17425.799800000001</v>
      </c>
      <c r="M7040">
        <v>209894.7377</v>
      </c>
      <c r="N7040">
        <v>62946.749020000003</v>
      </c>
      <c r="O7040">
        <v>18913.46645</v>
      </c>
      <c r="P7040">
        <v>27362.55125</v>
      </c>
      <c r="Q7040">
        <v>52041.606209999998</v>
      </c>
      <c r="R7040">
        <v>15132.080819999999</v>
      </c>
      <c r="S7040">
        <v>79159.351689999996</v>
      </c>
      <c r="T7040">
        <v>25431.29249</v>
      </c>
      <c r="U7040">
        <v>11748.000700000001</v>
      </c>
      <c r="W7040" s="83">
        <f>Bühler!N7072</f>
        <v>45585.249999982931</v>
      </c>
      <c r="X7040" s="83">
        <v>43394.25</v>
      </c>
      <c r="Y7040">
        <v>162884.94560000001</v>
      </c>
      <c r="Z7040">
        <v>13106.95025</v>
      </c>
      <c r="AA7040">
        <v>48903.74048</v>
      </c>
      <c r="AB7040">
        <v>34085.259039999997</v>
      </c>
      <c r="AC7040">
        <v>34247.823429999997</v>
      </c>
      <c r="AD7040">
        <v>22665.696769999999</v>
      </c>
      <c r="AE7040">
        <v>33451.84979</v>
      </c>
      <c r="AF7040">
        <v>40374.313620000001</v>
      </c>
      <c r="AG7040">
        <v>17425.799800000001</v>
      </c>
      <c r="AH7040">
        <v>209894.7377</v>
      </c>
      <c r="AI7040">
        <v>62946.749020000003</v>
      </c>
      <c r="AJ7040">
        <v>18913.46645</v>
      </c>
      <c r="AK7040">
        <v>27362.55125</v>
      </c>
      <c r="AL7040">
        <v>52041.606209999998</v>
      </c>
      <c r="AM7040">
        <v>15132.080819999999</v>
      </c>
      <c r="AN7040">
        <v>79159.351689999996</v>
      </c>
      <c r="AO7040">
        <v>25431.29249</v>
      </c>
      <c r="AP7040">
        <v>11748.000700000001</v>
      </c>
    </row>
    <row r="7041" spans="2:42" x14ac:dyDescent="0.3">
      <c r="B7041">
        <v>41.57299114751045</v>
      </c>
      <c r="C7041" s="83">
        <v>43394.291666666664</v>
      </c>
      <c r="D7041">
        <v>162842.06899999999</v>
      </c>
      <c r="E7041">
        <v>13449.4591</v>
      </c>
      <c r="F7041">
        <v>50873.924180000002</v>
      </c>
      <c r="G7041">
        <v>34738.242680000003</v>
      </c>
      <c r="H7041">
        <v>34854.375090000001</v>
      </c>
      <c r="I7041">
        <v>24821.458900000001</v>
      </c>
      <c r="J7041">
        <v>34633.421139999999</v>
      </c>
      <c r="K7041">
        <v>40078.030809999997</v>
      </c>
      <c r="L7041">
        <v>19177.510620000001</v>
      </c>
      <c r="M7041">
        <v>211958.49609999999</v>
      </c>
      <c r="N7041">
        <v>63040.537510000002</v>
      </c>
      <c r="O7041">
        <v>19083.510900000001</v>
      </c>
      <c r="P7041">
        <v>30125.05702</v>
      </c>
      <c r="Q7041">
        <v>51576.931770000003</v>
      </c>
      <c r="R7041">
        <v>15357.90042</v>
      </c>
      <c r="S7041">
        <v>85487.175140000007</v>
      </c>
      <c r="T7041">
        <v>24114.422640000001</v>
      </c>
      <c r="U7041">
        <v>12247.949559999999</v>
      </c>
      <c r="W7041" s="83">
        <f>Bühler!N7073</f>
        <v>45585.291666649595</v>
      </c>
      <c r="X7041" s="83">
        <v>43394.291666666664</v>
      </c>
      <c r="Y7041">
        <v>162842.06899999999</v>
      </c>
      <c r="Z7041">
        <v>13449.4591</v>
      </c>
      <c r="AA7041">
        <v>50873.924180000002</v>
      </c>
      <c r="AB7041">
        <v>34738.242680000003</v>
      </c>
      <c r="AC7041">
        <v>34854.375090000001</v>
      </c>
      <c r="AD7041">
        <v>24821.458900000001</v>
      </c>
      <c r="AE7041">
        <v>34633.421139999999</v>
      </c>
      <c r="AF7041">
        <v>40078.030809999997</v>
      </c>
      <c r="AG7041">
        <v>19177.510620000001</v>
      </c>
      <c r="AH7041">
        <v>211958.49609999999</v>
      </c>
      <c r="AI7041">
        <v>63040.537510000002</v>
      </c>
      <c r="AJ7041">
        <v>19083.510900000001</v>
      </c>
      <c r="AK7041">
        <v>30125.05702</v>
      </c>
      <c r="AL7041">
        <v>51576.931770000003</v>
      </c>
      <c r="AM7041">
        <v>15357.90042</v>
      </c>
      <c r="AN7041">
        <v>85487.175140000007</v>
      </c>
      <c r="AO7041">
        <v>24114.422640000001</v>
      </c>
      <c r="AP7041">
        <v>12247.949559999999</v>
      </c>
    </row>
    <row r="7042" spans="2:42" x14ac:dyDescent="0.3">
      <c r="B7042">
        <v>41.108552502399824</v>
      </c>
      <c r="C7042" s="83">
        <v>43394.333333333336</v>
      </c>
      <c r="D7042">
        <v>161417.18340000001</v>
      </c>
      <c r="E7042">
        <v>13872.328450000001</v>
      </c>
      <c r="F7042">
        <v>51721.185619999997</v>
      </c>
      <c r="G7042">
        <v>34239.328630000004</v>
      </c>
      <c r="H7042">
        <v>33654.398509999999</v>
      </c>
      <c r="I7042">
        <v>25076.409060000002</v>
      </c>
      <c r="J7042">
        <v>34307.201229999999</v>
      </c>
      <c r="K7042">
        <v>40692.494500000001</v>
      </c>
      <c r="L7042">
        <v>21510.709699999999</v>
      </c>
      <c r="M7042">
        <v>209590.57130000001</v>
      </c>
      <c r="N7042">
        <v>64528.264660000001</v>
      </c>
      <c r="O7042">
        <v>19741.434860000001</v>
      </c>
      <c r="P7042">
        <v>33158.465779999999</v>
      </c>
      <c r="Q7042">
        <v>51339.76629</v>
      </c>
      <c r="R7042">
        <v>14974.59238</v>
      </c>
      <c r="S7042">
        <v>89036.54264</v>
      </c>
      <c r="T7042">
        <v>26738.106349999998</v>
      </c>
      <c r="U7042">
        <v>11505.650079999999</v>
      </c>
      <c r="W7042" s="83">
        <f>Bühler!N7074</f>
        <v>45585.333333316259</v>
      </c>
      <c r="X7042" s="83">
        <v>43394.333333333336</v>
      </c>
      <c r="Y7042">
        <v>161417.18340000001</v>
      </c>
      <c r="Z7042">
        <v>13872.328450000001</v>
      </c>
      <c r="AA7042">
        <v>51721.185619999997</v>
      </c>
      <c r="AB7042">
        <v>34239.328630000004</v>
      </c>
      <c r="AC7042">
        <v>33654.398509999999</v>
      </c>
      <c r="AD7042">
        <v>25076.409060000002</v>
      </c>
      <c r="AE7042">
        <v>34307.201229999999</v>
      </c>
      <c r="AF7042">
        <v>40692.494500000001</v>
      </c>
      <c r="AG7042">
        <v>21510.709699999999</v>
      </c>
      <c r="AH7042">
        <v>209590.57130000001</v>
      </c>
      <c r="AI7042">
        <v>64528.264660000001</v>
      </c>
      <c r="AJ7042">
        <v>19741.434860000001</v>
      </c>
      <c r="AK7042">
        <v>33158.465779999999</v>
      </c>
      <c r="AL7042">
        <v>51339.76629</v>
      </c>
      <c r="AM7042">
        <v>14974.59238</v>
      </c>
      <c r="AN7042">
        <v>89036.54264</v>
      </c>
      <c r="AO7042">
        <v>26738.106349999998</v>
      </c>
      <c r="AP7042">
        <v>11505.650079999999</v>
      </c>
    </row>
    <row r="7043" spans="2:42" x14ac:dyDescent="0.3">
      <c r="B7043">
        <v>40.721368618541362</v>
      </c>
      <c r="C7043" s="83">
        <v>43394.375</v>
      </c>
      <c r="D7043">
        <v>160801.1287</v>
      </c>
      <c r="E7043">
        <v>14390.050219999999</v>
      </c>
      <c r="F7043">
        <v>52460.766159999999</v>
      </c>
      <c r="G7043">
        <v>34251.911339999999</v>
      </c>
      <c r="H7043">
        <v>33817.140809999997</v>
      </c>
      <c r="I7043">
        <v>25009.786459999999</v>
      </c>
      <c r="J7043">
        <v>33682.940459999998</v>
      </c>
      <c r="K7043">
        <v>42127.78269</v>
      </c>
      <c r="L7043">
        <v>24063.404139999999</v>
      </c>
      <c r="M7043">
        <v>207616.52729999999</v>
      </c>
      <c r="N7043">
        <v>65146.25086</v>
      </c>
      <c r="O7043">
        <v>19235.260460000001</v>
      </c>
      <c r="P7043">
        <v>34874.273450000001</v>
      </c>
      <c r="Q7043">
        <v>51267.127650000002</v>
      </c>
      <c r="R7043">
        <v>15589.890359999999</v>
      </c>
      <c r="S7043">
        <v>89913.107810000001</v>
      </c>
      <c r="T7043">
        <v>28029.054690000001</v>
      </c>
      <c r="U7043">
        <v>11351.632890000001</v>
      </c>
      <c r="W7043" s="83">
        <f>Bühler!N7075</f>
        <v>45585.374999982923</v>
      </c>
      <c r="X7043" s="83">
        <v>43394.375</v>
      </c>
      <c r="Y7043">
        <v>160801.1287</v>
      </c>
      <c r="Z7043">
        <v>14390.050219999999</v>
      </c>
      <c r="AA7043">
        <v>52460.766159999999</v>
      </c>
      <c r="AB7043">
        <v>34251.911339999999</v>
      </c>
      <c r="AC7043">
        <v>33817.140809999997</v>
      </c>
      <c r="AD7043">
        <v>25009.786459999999</v>
      </c>
      <c r="AE7043">
        <v>33682.940459999998</v>
      </c>
      <c r="AF7043">
        <v>42127.78269</v>
      </c>
      <c r="AG7043">
        <v>24063.404139999999</v>
      </c>
      <c r="AH7043">
        <v>207616.52729999999</v>
      </c>
      <c r="AI7043">
        <v>65146.25086</v>
      </c>
      <c r="AJ7043">
        <v>19235.260460000001</v>
      </c>
      <c r="AK7043">
        <v>34874.273450000001</v>
      </c>
      <c r="AL7043">
        <v>51267.127650000002</v>
      </c>
      <c r="AM7043">
        <v>15589.890359999999</v>
      </c>
      <c r="AN7043">
        <v>89913.107810000001</v>
      </c>
      <c r="AO7043">
        <v>28029.054690000001</v>
      </c>
      <c r="AP7043">
        <v>11351.632890000001</v>
      </c>
    </row>
    <row r="7044" spans="2:42" x14ac:dyDescent="0.3">
      <c r="B7044">
        <v>41.165342638997835</v>
      </c>
      <c r="C7044" s="83">
        <v>43394.416666666664</v>
      </c>
      <c r="D7044">
        <v>160336.4914</v>
      </c>
      <c r="E7044">
        <v>15045.04531</v>
      </c>
      <c r="F7044">
        <v>52061.394209999999</v>
      </c>
      <c r="G7044">
        <v>34531.75591</v>
      </c>
      <c r="H7044">
        <v>34442.016730000003</v>
      </c>
      <c r="I7044">
        <v>24875.890650000001</v>
      </c>
      <c r="J7044">
        <v>32878.856959999997</v>
      </c>
      <c r="K7044">
        <v>43446.53269</v>
      </c>
      <c r="L7044">
        <v>26777.916799999999</v>
      </c>
      <c r="M7044">
        <v>209880.1139</v>
      </c>
      <c r="N7044">
        <v>66444.385519999996</v>
      </c>
      <c r="O7044">
        <v>19292.31378</v>
      </c>
      <c r="P7044">
        <v>36774.250039999999</v>
      </c>
      <c r="Q7044">
        <v>50314.174789999997</v>
      </c>
      <c r="R7044">
        <v>16239.898719999999</v>
      </c>
      <c r="S7044">
        <v>89044.51599</v>
      </c>
      <c r="T7044">
        <v>29965.704229999999</v>
      </c>
      <c r="U7044">
        <v>11331.415290000001</v>
      </c>
      <c r="W7044" s="83">
        <f>Bühler!N7076</f>
        <v>45585.416666649588</v>
      </c>
      <c r="X7044" s="83">
        <v>43394.416666666664</v>
      </c>
      <c r="Y7044">
        <v>160336.4914</v>
      </c>
      <c r="Z7044">
        <v>15045.04531</v>
      </c>
      <c r="AA7044">
        <v>52061.394209999999</v>
      </c>
      <c r="AB7044">
        <v>34531.75591</v>
      </c>
      <c r="AC7044">
        <v>34442.016730000003</v>
      </c>
      <c r="AD7044">
        <v>24875.890650000001</v>
      </c>
      <c r="AE7044">
        <v>32878.856959999997</v>
      </c>
      <c r="AF7044">
        <v>43446.53269</v>
      </c>
      <c r="AG7044">
        <v>26777.916799999999</v>
      </c>
      <c r="AH7044">
        <v>209880.1139</v>
      </c>
      <c r="AI7044">
        <v>66444.385519999996</v>
      </c>
      <c r="AJ7044">
        <v>19292.31378</v>
      </c>
      <c r="AK7044">
        <v>36774.250039999999</v>
      </c>
      <c r="AL7044">
        <v>50314.174789999997</v>
      </c>
      <c r="AM7044">
        <v>16239.898719999999</v>
      </c>
      <c r="AN7044">
        <v>89044.51599</v>
      </c>
      <c r="AO7044">
        <v>29965.704229999999</v>
      </c>
      <c r="AP7044">
        <v>11331.415290000001</v>
      </c>
    </row>
    <row r="7045" spans="2:42" x14ac:dyDescent="0.3">
      <c r="B7045">
        <v>41.244700228685247</v>
      </c>
      <c r="C7045" s="83">
        <v>43394.458333333336</v>
      </c>
      <c r="D7045">
        <v>159375.31390000001</v>
      </c>
      <c r="E7045">
        <v>15131.894190000001</v>
      </c>
      <c r="F7045">
        <v>52235.133500000004</v>
      </c>
      <c r="G7045">
        <v>34526.099520000003</v>
      </c>
      <c r="H7045">
        <v>34266.201439999997</v>
      </c>
      <c r="I7045">
        <v>24456.615389999999</v>
      </c>
      <c r="J7045">
        <v>32699.171880000002</v>
      </c>
      <c r="K7045">
        <v>45976.119189999998</v>
      </c>
      <c r="L7045">
        <v>28709.395960000002</v>
      </c>
      <c r="M7045">
        <v>210284.71590000001</v>
      </c>
      <c r="N7045">
        <v>66413.171159999998</v>
      </c>
      <c r="O7045">
        <v>18533.320950000001</v>
      </c>
      <c r="P7045">
        <v>35296.75922</v>
      </c>
      <c r="Q7045">
        <v>49683.808290000001</v>
      </c>
      <c r="R7045">
        <v>16503.892080000001</v>
      </c>
      <c r="S7045">
        <v>90129.730660000001</v>
      </c>
      <c r="T7045">
        <v>30626.023160000001</v>
      </c>
      <c r="U7045">
        <v>11234.18626</v>
      </c>
      <c r="W7045" s="83">
        <f>Bühler!N7077</f>
        <v>45585.458333316252</v>
      </c>
      <c r="X7045" s="83">
        <v>43394.458333333336</v>
      </c>
      <c r="Y7045">
        <v>159375.31390000001</v>
      </c>
      <c r="Z7045">
        <v>15131.894190000001</v>
      </c>
      <c r="AA7045">
        <v>52235.133500000004</v>
      </c>
      <c r="AB7045">
        <v>34526.099520000003</v>
      </c>
      <c r="AC7045">
        <v>34266.201439999997</v>
      </c>
      <c r="AD7045">
        <v>24456.615389999999</v>
      </c>
      <c r="AE7045">
        <v>32699.171880000002</v>
      </c>
      <c r="AF7045">
        <v>45976.119189999998</v>
      </c>
      <c r="AG7045">
        <v>28709.395960000002</v>
      </c>
      <c r="AH7045">
        <v>210284.71590000001</v>
      </c>
      <c r="AI7045">
        <v>66413.171159999998</v>
      </c>
      <c r="AJ7045">
        <v>18533.320950000001</v>
      </c>
      <c r="AK7045">
        <v>35296.75922</v>
      </c>
      <c r="AL7045">
        <v>49683.808290000001</v>
      </c>
      <c r="AM7045">
        <v>16503.892080000001</v>
      </c>
      <c r="AN7045">
        <v>90129.730660000001</v>
      </c>
      <c r="AO7045">
        <v>30626.023160000001</v>
      </c>
      <c r="AP7045">
        <v>11234.18626</v>
      </c>
    </row>
    <row r="7046" spans="2:42" x14ac:dyDescent="0.3">
      <c r="B7046">
        <v>41.135731381440308</v>
      </c>
      <c r="C7046" s="83">
        <v>43394.5</v>
      </c>
      <c r="D7046">
        <v>158766.00049999999</v>
      </c>
      <c r="E7046">
        <v>15085.443300000001</v>
      </c>
      <c r="F7046">
        <v>49862.59966</v>
      </c>
      <c r="G7046">
        <v>34413.324280000001</v>
      </c>
      <c r="H7046">
        <v>33547.216509999998</v>
      </c>
      <c r="I7046">
        <v>23891.732599999999</v>
      </c>
      <c r="J7046">
        <v>32652.210190000002</v>
      </c>
      <c r="K7046">
        <v>46198.97638</v>
      </c>
      <c r="L7046">
        <v>30418.162830000001</v>
      </c>
      <c r="M7046">
        <v>209729.14189999999</v>
      </c>
      <c r="N7046">
        <v>66517.215620000003</v>
      </c>
      <c r="O7046">
        <v>18507.59849</v>
      </c>
      <c r="P7046">
        <v>35387.725149999998</v>
      </c>
      <c r="Q7046">
        <v>48044.894760000003</v>
      </c>
      <c r="R7046">
        <v>17565.881259999998</v>
      </c>
      <c r="S7046">
        <v>85914.490340000004</v>
      </c>
      <c r="T7046">
        <v>30014.85758</v>
      </c>
      <c r="U7046">
        <v>10960.47364</v>
      </c>
      <c r="W7046" s="83">
        <f>Bühler!N7078</f>
        <v>45585.499999982916</v>
      </c>
      <c r="X7046" s="83">
        <v>43394.5</v>
      </c>
      <c r="Y7046">
        <v>158766.00049999999</v>
      </c>
      <c r="Z7046">
        <v>15085.443300000001</v>
      </c>
      <c r="AA7046">
        <v>49862.59966</v>
      </c>
      <c r="AB7046">
        <v>34413.324280000001</v>
      </c>
      <c r="AC7046">
        <v>33547.216509999998</v>
      </c>
      <c r="AD7046">
        <v>23891.732599999999</v>
      </c>
      <c r="AE7046">
        <v>32652.210190000002</v>
      </c>
      <c r="AF7046">
        <v>46198.97638</v>
      </c>
      <c r="AG7046">
        <v>30418.162830000001</v>
      </c>
      <c r="AH7046">
        <v>209729.14189999999</v>
      </c>
      <c r="AI7046">
        <v>66517.215620000003</v>
      </c>
      <c r="AJ7046">
        <v>18507.59849</v>
      </c>
      <c r="AK7046">
        <v>35387.725149999998</v>
      </c>
      <c r="AL7046">
        <v>48044.894760000003</v>
      </c>
      <c r="AM7046">
        <v>17565.881259999998</v>
      </c>
      <c r="AN7046">
        <v>85914.490340000004</v>
      </c>
      <c r="AO7046">
        <v>30014.85758</v>
      </c>
      <c r="AP7046">
        <v>10960.47364</v>
      </c>
    </row>
    <row r="7047" spans="2:42" x14ac:dyDescent="0.3">
      <c r="B7047">
        <v>40.950483419278079</v>
      </c>
      <c r="C7047" s="83">
        <v>43394.541666666664</v>
      </c>
      <c r="D7047">
        <v>158800.5828</v>
      </c>
      <c r="E7047">
        <v>14927.04387</v>
      </c>
      <c r="F7047">
        <v>45906.686450000001</v>
      </c>
      <c r="G7047">
        <v>34171.049429999999</v>
      </c>
      <c r="H7047">
        <v>33313.269740000003</v>
      </c>
      <c r="I7047">
        <v>24183.382150000001</v>
      </c>
      <c r="J7047">
        <v>31213.04047</v>
      </c>
      <c r="K7047">
        <v>45559.418749999997</v>
      </c>
      <c r="L7047">
        <v>30504.760060000001</v>
      </c>
      <c r="M7047">
        <v>208784.66140000001</v>
      </c>
      <c r="N7047">
        <v>66305.372730000003</v>
      </c>
      <c r="O7047">
        <v>18809.342420000001</v>
      </c>
      <c r="P7047">
        <v>35177.812169999997</v>
      </c>
      <c r="Q7047">
        <v>47258.500910000002</v>
      </c>
      <c r="R7047">
        <v>18051.314910000001</v>
      </c>
      <c r="S7047">
        <v>86277.724040000001</v>
      </c>
      <c r="T7047">
        <v>30027.105309999999</v>
      </c>
      <c r="U7047">
        <v>10417.19758</v>
      </c>
      <c r="W7047" s="83">
        <f>Bühler!N7079</f>
        <v>45585.54166664958</v>
      </c>
      <c r="X7047" s="83">
        <v>43394.541666666664</v>
      </c>
      <c r="Y7047">
        <v>158800.5828</v>
      </c>
      <c r="Z7047">
        <v>14927.04387</v>
      </c>
      <c r="AA7047">
        <v>45906.686450000001</v>
      </c>
      <c r="AB7047">
        <v>34171.049429999999</v>
      </c>
      <c r="AC7047">
        <v>33313.269740000003</v>
      </c>
      <c r="AD7047">
        <v>24183.382150000001</v>
      </c>
      <c r="AE7047">
        <v>31213.04047</v>
      </c>
      <c r="AF7047">
        <v>45559.418749999997</v>
      </c>
      <c r="AG7047">
        <v>30504.760060000001</v>
      </c>
      <c r="AH7047">
        <v>208784.66140000001</v>
      </c>
      <c r="AI7047">
        <v>66305.372730000003</v>
      </c>
      <c r="AJ7047">
        <v>18809.342420000001</v>
      </c>
      <c r="AK7047">
        <v>35177.812169999997</v>
      </c>
      <c r="AL7047">
        <v>47258.500910000002</v>
      </c>
      <c r="AM7047">
        <v>18051.314910000001</v>
      </c>
      <c r="AN7047">
        <v>86277.724040000001</v>
      </c>
      <c r="AO7047">
        <v>30027.105309999999</v>
      </c>
      <c r="AP7047">
        <v>10417.19758</v>
      </c>
    </row>
    <row r="7048" spans="2:42" x14ac:dyDescent="0.3">
      <c r="B7048">
        <v>40.846370444042392</v>
      </c>
      <c r="C7048" s="83">
        <v>43394.583333333336</v>
      </c>
      <c r="D7048">
        <v>158888.30609999999</v>
      </c>
      <c r="E7048">
        <v>15022.34259</v>
      </c>
      <c r="F7048">
        <v>45315.075669999998</v>
      </c>
      <c r="G7048">
        <v>33946.286760000003</v>
      </c>
      <c r="H7048">
        <v>33164.900249999999</v>
      </c>
      <c r="I7048">
        <v>24180.56178</v>
      </c>
      <c r="J7048">
        <v>30434.111229999999</v>
      </c>
      <c r="K7048">
        <v>44249.326540000002</v>
      </c>
      <c r="L7048">
        <v>29421.14213</v>
      </c>
      <c r="M7048">
        <v>208253.8449</v>
      </c>
      <c r="N7048">
        <v>65941.970579999994</v>
      </c>
      <c r="O7048">
        <v>18927.95234</v>
      </c>
      <c r="P7048">
        <v>31935.536530000001</v>
      </c>
      <c r="Q7048">
        <v>47212.564359999997</v>
      </c>
      <c r="R7048">
        <v>17205.108250000001</v>
      </c>
      <c r="S7048">
        <v>84017.392089999994</v>
      </c>
      <c r="T7048">
        <v>29738.262139999999</v>
      </c>
      <c r="U7048">
        <v>10634.122859999999</v>
      </c>
      <c r="W7048" s="83">
        <f>Bühler!N7080</f>
        <v>45585.583333316245</v>
      </c>
      <c r="X7048" s="83">
        <v>43394.583333333336</v>
      </c>
      <c r="Y7048">
        <v>158888.30609999999</v>
      </c>
      <c r="Z7048">
        <v>15022.34259</v>
      </c>
      <c r="AA7048">
        <v>45315.075669999998</v>
      </c>
      <c r="AB7048">
        <v>33946.286760000003</v>
      </c>
      <c r="AC7048">
        <v>33164.900249999999</v>
      </c>
      <c r="AD7048">
        <v>24180.56178</v>
      </c>
      <c r="AE7048">
        <v>30434.111229999999</v>
      </c>
      <c r="AF7048">
        <v>44249.326540000002</v>
      </c>
      <c r="AG7048">
        <v>29421.14213</v>
      </c>
      <c r="AH7048">
        <v>208253.8449</v>
      </c>
      <c r="AI7048">
        <v>65941.970579999994</v>
      </c>
      <c r="AJ7048">
        <v>18927.95234</v>
      </c>
      <c r="AK7048">
        <v>31935.536530000001</v>
      </c>
      <c r="AL7048">
        <v>47212.564359999997</v>
      </c>
      <c r="AM7048">
        <v>17205.108250000001</v>
      </c>
      <c r="AN7048">
        <v>84017.392089999994</v>
      </c>
      <c r="AO7048">
        <v>29738.262139999999</v>
      </c>
      <c r="AP7048">
        <v>10634.122859999999</v>
      </c>
    </row>
    <row r="7049" spans="2:42" x14ac:dyDescent="0.3">
      <c r="B7049">
        <v>41.116391546010078</v>
      </c>
      <c r="C7049" s="83">
        <v>43394.625</v>
      </c>
      <c r="D7049">
        <v>158878.2169</v>
      </c>
      <c r="E7049">
        <v>15124.76001</v>
      </c>
      <c r="F7049">
        <v>45031.41545</v>
      </c>
      <c r="G7049">
        <v>33515.2166</v>
      </c>
      <c r="H7049">
        <v>32763.993760000001</v>
      </c>
      <c r="I7049">
        <v>24300.109209999999</v>
      </c>
      <c r="J7049">
        <v>30322.215199999999</v>
      </c>
      <c r="K7049">
        <v>43826.924630000001</v>
      </c>
      <c r="L7049">
        <v>27735.732670000001</v>
      </c>
      <c r="M7049">
        <v>209630.53839999999</v>
      </c>
      <c r="N7049">
        <v>65409.598169999997</v>
      </c>
      <c r="O7049">
        <v>18952.239819999999</v>
      </c>
      <c r="P7049">
        <v>29924.452689999998</v>
      </c>
      <c r="Q7049">
        <v>47693.566789999997</v>
      </c>
      <c r="R7049">
        <v>17085.81352</v>
      </c>
      <c r="S7049">
        <v>83285.202829999995</v>
      </c>
      <c r="T7049">
        <v>29778.247579999999</v>
      </c>
      <c r="U7049">
        <v>10451.968989999999</v>
      </c>
      <c r="W7049" s="83">
        <f>Bühler!N7081</f>
        <v>45585.624999982909</v>
      </c>
      <c r="X7049" s="83">
        <v>43394.625</v>
      </c>
      <c r="Y7049">
        <v>158878.2169</v>
      </c>
      <c r="Z7049">
        <v>15124.76001</v>
      </c>
      <c r="AA7049">
        <v>45031.41545</v>
      </c>
      <c r="AB7049">
        <v>33515.2166</v>
      </c>
      <c r="AC7049">
        <v>32763.993760000001</v>
      </c>
      <c r="AD7049">
        <v>24300.109209999999</v>
      </c>
      <c r="AE7049">
        <v>30322.215199999999</v>
      </c>
      <c r="AF7049">
        <v>43826.924630000001</v>
      </c>
      <c r="AG7049">
        <v>27735.732670000001</v>
      </c>
      <c r="AH7049">
        <v>209630.53839999999</v>
      </c>
      <c r="AI7049">
        <v>65409.598169999997</v>
      </c>
      <c r="AJ7049">
        <v>18952.239819999999</v>
      </c>
      <c r="AK7049">
        <v>29924.452689999998</v>
      </c>
      <c r="AL7049">
        <v>47693.566789999997</v>
      </c>
      <c r="AM7049">
        <v>17085.81352</v>
      </c>
      <c r="AN7049">
        <v>83285.202829999995</v>
      </c>
      <c r="AO7049">
        <v>29778.247579999999</v>
      </c>
      <c r="AP7049">
        <v>10451.968989999999</v>
      </c>
    </row>
    <row r="7050" spans="2:42" x14ac:dyDescent="0.3">
      <c r="B7050">
        <v>40.750719778275133</v>
      </c>
      <c r="C7050" s="83">
        <v>43394.666666666664</v>
      </c>
      <c r="D7050">
        <v>159296.01089999999</v>
      </c>
      <c r="E7050">
        <v>15104.97622</v>
      </c>
      <c r="F7050">
        <v>45264.040430000001</v>
      </c>
      <c r="G7050">
        <v>34136.062919999997</v>
      </c>
      <c r="H7050">
        <v>32903.905830000003</v>
      </c>
      <c r="I7050">
        <v>24445.238720000001</v>
      </c>
      <c r="J7050">
        <v>30237.322039999999</v>
      </c>
      <c r="K7050">
        <v>43504.719779999999</v>
      </c>
      <c r="L7050">
        <v>26715.953669999999</v>
      </c>
      <c r="M7050">
        <v>207766.17319999999</v>
      </c>
      <c r="N7050">
        <v>66166.124479999999</v>
      </c>
      <c r="O7050">
        <v>19007.977889999998</v>
      </c>
      <c r="P7050">
        <v>28928.391919999998</v>
      </c>
      <c r="Q7050">
        <v>48579.37902</v>
      </c>
      <c r="R7050">
        <v>16999.434590000001</v>
      </c>
      <c r="S7050">
        <v>84472.827480000007</v>
      </c>
      <c r="T7050">
        <v>29466.15452</v>
      </c>
      <c r="U7050">
        <v>10445.44421</v>
      </c>
      <c r="W7050" s="83">
        <f>Bühler!N7082</f>
        <v>45585.666666649573</v>
      </c>
      <c r="X7050" s="83">
        <v>43394.666666666664</v>
      </c>
      <c r="Y7050">
        <v>159296.01089999999</v>
      </c>
      <c r="Z7050">
        <v>15104.97622</v>
      </c>
      <c r="AA7050">
        <v>45264.040430000001</v>
      </c>
      <c r="AB7050">
        <v>34136.062919999997</v>
      </c>
      <c r="AC7050">
        <v>32903.905830000003</v>
      </c>
      <c r="AD7050">
        <v>24445.238720000001</v>
      </c>
      <c r="AE7050">
        <v>30237.322039999999</v>
      </c>
      <c r="AF7050">
        <v>43504.719779999999</v>
      </c>
      <c r="AG7050">
        <v>26715.953669999999</v>
      </c>
      <c r="AH7050">
        <v>207766.17319999999</v>
      </c>
      <c r="AI7050">
        <v>66166.124479999999</v>
      </c>
      <c r="AJ7050">
        <v>19007.977889999998</v>
      </c>
      <c r="AK7050">
        <v>28928.391919999998</v>
      </c>
      <c r="AL7050">
        <v>48579.37902</v>
      </c>
      <c r="AM7050">
        <v>16999.434590000001</v>
      </c>
      <c r="AN7050">
        <v>84472.827480000007</v>
      </c>
      <c r="AO7050">
        <v>29466.15452</v>
      </c>
      <c r="AP7050">
        <v>10445.44421</v>
      </c>
    </row>
    <row r="7051" spans="2:42" x14ac:dyDescent="0.3">
      <c r="B7051">
        <v>41.068300358669624</v>
      </c>
      <c r="C7051" s="83">
        <v>43394.708333333336</v>
      </c>
      <c r="D7051">
        <v>160009.79629999999</v>
      </c>
      <c r="E7051">
        <v>15158.937159999999</v>
      </c>
      <c r="F7051">
        <v>45823.635009999998</v>
      </c>
      <c r="G7051">
        <v>34664.403330000001</v>
      </c>
      <c r="H7051">
        <v>33407.42368</v>
      </c>
      <c r="I7051">
        <v>24861.845730000001</v>
      </c>
      <c r="J7051">
        <v>30831.082689999999</v>
      </c>
      <c r="K7051">
        <v>43542.407399999996</v>
      </c>
      <c r="L7051">
        <v>26620.88334</v>
      </c>
      <c r="M7051">
        <v>209385.34710000001</v>
      </c>
      <c r="N7051">
        <v>65593.728059999994</v>
      </c>
      <c r="O7051">
        <v>17982.431219999999</v>
      </c>
      <c r="P7051">
        <v>30310.64473</v>
      </c>
      <c r="Q7051">
        <v>49649.648220000003</v>
      </c>
      <c r="R7051">
        <v>17300.329750000001</v>
      </c>
      <c r="S7051">
        <v>86972.806580000004</v>
      </c>
      <c r="T7051">
        <v>29227.25015</v>
      </c>
      <c r="U7051">
        <v>10307.74742</v>
      </c>
      <c r="W7051" s="83">
        <f>Bühler!N7083</f>
        <v>45585.708333316237</v>
      </c>
      <c r="X7051" s="83">
        <v>43394.708333333336</v>
      </c>
      <c r="Y7051">
        <v>160009.79629999999</v>
      </c>
      <c r="Z7051">
        <v>15158.937159999999</v>
      </c>
      <c r="AA7051">
        <v>45823.635009999998</v>
      </c>
      <c r="AB7051">
        <v>34664.403330000001</v>
      </c>
      <c r="AC7051">
        <v>33407.42368</v>
      </c>
      <c r="AD7051">
        <v>24861.845730000001</v>
      </c>
      <c r="AE7051">
        <v>30831.082689999999</v>
      </c>
      <c r="AF7051">
        <v>43542.407399999996</v>
      </c>
      <c r="AG7051">
        <v>26620.88334</v>
      </c>
      <c r="AH7051">
        <v>209385.34710000001</v>
      </c>
      <c r="AI7051">
        <v>65593.728059999994</v>
      </c>
      <c r="AJ7051">
        <v>17982.431219999999</v>
      </c>
      <c r="AK7051">
        <v>30310.64473</v>
      </c>
      <c r="AL7051">
        <v>49649.648220000003</v>
      </c>
      <c r="AM7051">
        <v>17300.329750000001</v>
      </c>
      <c r="AN7051">
        <v>86972.806580000004</v>
      </c>
      <c r="AO7051">
        <v>29227.25015</v>
      </c>
      <c r="AP7051">
        <v>10307.74742</v>
      </c>
    </row>
    <row r="7052" spans="2:42" x14ac:dyDescent="0.3">
      <c r="B7052">
        <v>41.420750934877752</v>
      </c>
      <c r="C7052" s="83">
        <v>43394.75</v>
      </c>
      <c r="D7052">
        <v>162196.9479</v>
      </c>
      <c r="E7052">
        <v>14893.713449999999</v>
      </c>
      <c r="F7052">
        <v>46093.114959999999</v>
      </c>
      <c r="G7052">
        <v>35175.691850000003</v>
      </c>
      <c r="H7052">
        <v>33287.681210000002</v>
      </c>
      <c r="I7052">
        <v>25137.455089999999</v>
      </c>
      <c r="J7052">
        <v>31969.211480000002</v>
      </c>
      <c r="K7052">
        <v>43051.315999999999</v>
      </c>
      <c r="L7052">
        <v>27211.30759</v>
      </c>
      <c r="M7052">
        <v>211182.3045</v>
      </c>
      <c r="N7052">
        <v>66488.719379999995</v>
      </c>
      <c r="O7052">
        <v>17974.35036</v>
      </c>
      <c r="P7052">
        <v>30929.173320000002</v>
      </c>
      <c r="Q7052">
        <v>49881.661209999998</v>
      </c>
      <c r="R7052">
        <v>18500.498039999999</v>
      </c>
      <c r="S7052">
        <v>85754.052290000007</v>
      </c>
      <c r="T7052">
        <v>29139.144079999998</v>
      </c>
      <c r="U7052">
        <v>10756.14054</v>
      </c>
      <c r="W7052" s="83">
        <f>Bühler!N7084</f>
        <v>45585.749999982901</v>
      </c>
      <c r="X7052" s="83">
        <v>43394.75</v>
      </c>
      <c r="Y7052">
        <v>162196.9479</v>
      </c>
      <c r="Z7052">
        <v>14893.713449999999</v>
      </c>
      <c r="AA7052">
        <v>46093.114959999999</v>
      </c>
      <c r="AB7052">
        <v>35175.691850000003</v>
      </c>
      <c r="AC7052">
        <v>33287.681210000002</v>
      </c>
      <c r="AD7052">
        <v>25137.455089999999</v>
      </c>
      <c r="AE7052">
        <v>31969.211480000002</v>
      </c>
      <c r="AF7052">
        <v>43051.315999999999</v>
      </c>
      <c r="AG7052">
        <v>27211.30759</v>
      </c>
      <c r="AH7052">
        <v>211182.3045</v>
      </c>
      <c r="AI7052">
        <v>66488.719379999995</v>
      </c>
      <c r="AJ7052">
        <v>17974.35036</v>
      </c>
      <c r="AK7052">
        <v>30929.173320000002</v>
      </c>
      <c r="AL7052">
        <v>49881.661209999998</v>
      </c>
      <c r="AM7052">
        <v>18500.498039999999</v>
      </c>
      <c r="AN7052">
        <v>85754.052290000007</v>
      </c>
      <c r="AO7052">
        <v>29139.144079999998</v>
      </c>
      <c r="AP7052">
        <v>10756.14054</v>
      </c>
    </row>
    <row r="7053" spans="2:42" x14ac:dyDescent="0.3">
      <c r="B7053">
        <v>41.724910538176253</v>
      </c>
      <c r="C7053" s="83">
        <v>43394.791666666664</v>
      </c>
      <c r="D7053">
        <v>165575.36040000001</v>
      </c>
      <c r="E7053">
        <v>14558.9686</v>
      </c>
      <c r="F7053">
        <v>46442.916360000003</v>
      </c>
      <c r="G7053">
        <v>36455.4156</v>
      </c>
      <c r="H7053">
        <v>34675.704460000001</v>
      </c>
      <c r="I7053">
        <v>26158.578119999998</v>
      </c>
      <c r="J7053">
        <v>33574.262179999998</v>
      </c>
      <c r="K7053">
        <v>45701.891889999999</v>
      </c>
      <c r="L7053">
        <v>29652.375769999999</v>
      </c>
      <c r="M7053">
        <v>212733.052</v>
      </c>
      <c r="N7053">
        <v>67613.799410000007</v>
      </c>
      <c r="O7053">
        <v>18544.703669999999</v>
      </c>
      <c r="P7053">
        <v>32616.155879999998</v>
      </c>
      <c r="Q7053">
        <v>50692.504820000002</v>
      </c>
      <c r="R7053">
        <v>19716.242040000001</v>
      </c>
      <c r="S7053">
        <v>87100.686600000001</v>
      </c>
      <c r="T7053">
        <v>29245.677319999999</v>
      </c>
      <c r="U7053">
        <v>11572.39314</v>
      </c>
      <c r="W7053" s="83">
        <f>Bühler!N7085</f>
        <v>45585.791666649566</v>
      </c>
      <c r="X7053" s="83">
        <v>43394.791666666664</v>
      </c>
      <c r="Y7053">
        <v>165575.36040000001</v>
      </c>
      <c r="Z7053">
        <v>14558.9686</v>
      </c>
      <c r="AA7053">
        <v>46442.916360000003</v>
      </c>
      <c r="AB7053">
        <v>36455.4156</v>
      </c>
      <c r="AC7053">
        <v>34675.704460000001</v>
      </c>
      <c r="AD7053">
        <v>26158.578119999998</v>
      </c>
      <c r="AE7053">
        <v>33574.262179999998</v>
      </c>
      <c r="AF7053">
        <v>45701.891889999999</v>
      </c>
      <c r="AG7053">
        <v>29652.375769999999</v>
      </c>
      <c r="AH7053">
        <v>212733.052</v>
      </c>
      <c r="AI7053">
        <v>67613.799410000007</v>
      </c>
      <c r="AJ7053">
        <v>18544.703669999999</v>
      </c>
      <c r="AK7053">
        <v>32616.155879999998</v>
      </c>
      <c r="AL7053">
        <v>50692.504820000002</v>
      </c>
      <c r="AM7053">
        <v>19716.242040000001</v>
      </c>
      <c r="AN7053">
        <v>87100.686600000001</v>
      </c>
      <c r="AO7053">
        <v>29245.677319999999</v>
      </c>
      <c r="AP7053">
        <v>11572.39314</v>
      </c>
    </row>
    <row r="7054" spans="2:42" x14ac:dyDescent="0.3">
      <c r="B7054">
        <v>41.610458767611824</v>
      </c>
      <c r="C7054" s="83">
        <v>43394.833333333336</v>
      </c>
      <c r="D7054">
        <v>167366.5165</v>
      </c>
      <c r="E7054">
        <v>13552.93648</v>
      </c>
      <c r="F7054">
        <v>46865.06306</v>
      </c>
      <c r="G7054">
        <v>36361.402580000002</v>
      </c>
      <c r="H7054">
        <v>35072.311029999997</v>
      </c>
      <c r="I7054">
        <v>25403.302189999999</v>
      </c>
      <c r="J7054">
        <v>33403.359579999997</v>
      </c>
      <c r="K7054">
        <v>44314.591220000002</v>
      </c>
      <c r="L7054">
        <v>28826.862929999999</v>
      </c>
      <c r="M7054">
        <v>212149.52350000001</v>
      </c>
      <c r="N7054">
        <v>68370.067670000004</v>
      </c>
      <c r="O7054">
        <v>19152.149740000001</v>
      </c>
      <c r="P7054">
        <v>32945.607539999997</v>
      </c>
      <c r="Q7054">
        <v>52157.952120000002</v>
      </c>
      <c r="R7054">
        <v>18758.069940000001</v>
      </c>
      <c r="S7054">
        <v>81970.177339999995</v>
      </c>
      <c r="T7054">
        <v>26051.60641</v>
      </c>
      <c r="U7054">
        <v>11769.807769999999</v>
      </c>
      <c r="W7054" s="83">
        <f>Bühler!N7086</f>
        <v>45585.83333331623</v>
      </c>
      <c r="X7054" s="83">
        <v>43394.833333333336</v>
      </c>
      <c r="Y7054">
        <v>167366.5165</v>
      </c>
      <c r="Z7054">
        <v>13552.93648</v>
      </c>
      <c r="AA7054">
        <v>46865.06306</v>
      </c>
      <c r="AB7054">
        <v>36361.402580000002</v>
      </c>
      <c r="AC7054">
        <v>35072.311029999997</v>
      </c>
      <c r="AD7054">
        <v>25403.302189999999</v>
      </c>
      <c r="AE7054">
        <v>33403.359579999997</v>
      </c>
      <c r="AF7054">
        <v>44314.591220000002</v>
      </c>
      <c r="AG7054">
        <v>28826.862929999999</v>
      </c>
      <c r="AH7054">
        <v>212149.52350000001</v>
      </c>
      <c r="AI7054">
        <v>68370.067670000004</v>
      </c>
      <c r="AJ7054">
        <v>19152.149740000001</v>
      </c>
      <c r="AK7054">
        <v>32945.607539999997</v>
      </c>
      <c r="AL7054">
        <v>52157.952120000002</v>
      </c>
      <c r="AM7054">
        <v>18758.069940000001</v>
      </c>
      <c r="AN7054">
        <v>81970.177339999995</v>
      </c>
      <c r="AO7054">
        <v>26051.60641</v>
      </c>
      <c r="AP7054">
        <v>11769.807769999999</v>
      </c>
    </row>
    <row r="7055" spans="2:42" x14ac:dyDescent="0.3">
      <c r="B7055">
        <v>42.374262005451044</v>
      </c>
      <c r="C7055" s="83">
        <v>43394.875</v>
      </c>
      <c r="D7055">
        <v>169780.48319999999</v>
      </c>
      <c r="E7055">
        <v>13160.57609</v>
      </c>
      <c r="F7055">
        <v>46556.006829999998</v>
      </c>
      <c r="G7055">
        <v>36118.099430000002</v>
      </c>
      <c r="H7055">
        <v>34492.033179999999</v>
      </c>
      <c r="I7055">
        <v>24340.017090000001</v>
      </c>
      <c r="J7055">
        <v>32364.044529999999</v>
      </c>
      <c r="K7055">
        <v>44388.689780000001</v>
      </c>
      <c r="L7055">
        <v>26933.85643</v>
      </c>
      <c r="M7055">
        <v>216043.74859999999</v>
      </c>
      <c r="N7055">
        <v>68520.198199999999</v>
      </c>
      <c r="O7055">
        <v>18694.269629999999</v>
      </c>
      <c r="P7055">
        <v>32028.37415</v>
      </c>
      <c r="Q7055">
        <v>54487.586719999999</v>
      </c>
      <c r="R7055">
        <v>18233.252390000001</v>
      </c>
      <c r="S7055">
        <v>78152.380420000001</v>
      </c>
      <c r="T7055">
        <v>24072.797490000001</v>
      </c>
      <c r="U7055">
        <v>11849.81371</v>
      </c>
      <c r="W7055" s="83">
        <f>Bühler!N7087</f>
        <v>45585.874999982894</v>
      </c>
      <c r="X7055" s="83">
        <v>43394.875</v>
      </c>
      <c r="Y7055">
        <v>169780.48319999999</v>
      </c>
      <c r="Z7055">
        <v>13160.57609</v>
      </c>
      <c r="AA7055">
        <v>46556.006829999998</v>
      </c>
      <c r="AB7055">
        <v>36118.099430000002</v>
      </c>
      <c r="AC7055">
        <v>34492.033179999999</v>
      </c>
      <c r="AD7055">
        <v>24340.017090000001</v>
      </c>
      <c r="AE7055">
        <v>32364.044529999999</v>
      </c>
      <c r="AF7055">
        <v>44388.689780000001</v>
      </c>
      <c r="AG7055">
        <v>26933.85643</v>
      </c>
      <c r="AH7055">
        <v>216043.74859999999</v>
      </c>
      <c r="AI7055">
        <v>68520.198199999999</v>
      </c>
      <c r="AJ7055">
        <v>18694.269629999999</v>
      </c>
      <c r="AK7055">
        <v>32028.37415</v>
      </c>
      <c r="AL7055">
        <v>54487.586719999999</v>
      </c>
      <c r="AM7055">
        <v>18233.252390000001</v>
      </c>
      <c r="AN7055">
        <v>78152.380420000001</v>
      </c>
      <c r="AO7055">
        <v>24072.797490000001</v>
      </c>
      <c r="AP7055">
        <v>11849.81371</v>
      </c>
    </row>
    <row r="7056" spans="2:42" x14ac:dyDescent="0.3">
      <c r="B7056">
        <v>42.959252353520306</v>
      </c>
      <c r="C7056" s="83">
        <v>43394.916666666664</v>
      </c>
      <c r="D7056">
        <v>171165.97409999999</v>
      </c>
      <c r="E7056">
        <v>13183.315640000001</v>
      </c>
      <c r="F7056">
        <v>46270.720950000003</v>
      </c>
      <c r="G7056">
        <v>36314.248070000001</v>
      </c>
      <c r="H7056">
        <v>34616.163399999998</v>
      </c>
      <c r="I7056">
        <v>24174.643390000001</v>
      </c>
      <c r="J7056">
        <v>31029.33929</v>
      </c>
      <c r="K7056">
        <v>47499.40713</v>
      </c>
      <c r="L7056">
        <v>23492.3616</v>
      </c>
      <c r="M7056">
        <v>219026.30220000001</v>
      </c>
      <c r="N7056">
        <v>68717.011280000006</v>
      </c>
      <c r="O7056">
        <v>19500.54739</v>
      </c>
      <c r="P7056">
        <v>29513.527460000001</v>
      </c>
      <c r="Q7056">
        <v>56067.939630000001</v>
      </c>
      <c r="R7056">
        <v>21782.187519999999</v>
      </c>
      <c r="S7056">
        <v>76969.991089999996</v>
      </c>
      <c r="T7056">
        <v>23373.728899999998</v>
      </c>
      <c r="U7056">
        <v>12533.065640000001</v>
      </c>
      <c r="W7056" s="83">
        <f>Bühler!N7088</f>
        <v>45585.916666649558</v>
      </c>
      <c r="X7056" s="83">
        <v>43394.916666666664</v>
      </c>
      <c r="Y7056">
        <v>171165.97409999999</v>
      </c>
      <c r="Z7056">
        <v>13183.315640000001</v>
      </c>
      <c r="AA7056">
        <v>46270.720950000003</v>
      </c>
      <c r="AB7056">
        <v>36314.248070000001</v>
      </c>
      <c r="AC7056">
        <v>34616.163399999998</v>
      </c>
      <c r="AD7056">
        <v>24174.643390000001</v>
      </c>
      <c r="AE7056">
        <v>31029.33929</v>
      </c>
      <c r="AF7056">
        <v>47499.40713</v>
      </c>
      <c r="AG7056">
        <v>23492.3616</v>
      </c>
      <c r="AH7056">
        <v>219026.30220000001</v>
      </c>
      <c r="AI7056">
        <v>68717.011280000006</v>
      </c>
      <c r="AJ7056">
        <v>19500.54739</v>
      </c>
      <c r="AK7056">
        <v>29513.527460000001</v>
      </c>
      <c r="AL7056">
        <v>56067.939630000001</v>
      </c>
      <c r="AM7056">
        <v>21782.187519999999</v>
      </c>
      <c r="AN7056">
        <v>76969.991089999996</v>
      </c>
      <c r="AO7056">
        <v>23373.728899999998</v>
      </c>
      <c r="AP7056">
        <v>12533.065640000001</v>
      </c>
    </row>
    <row r="7057" spans="2:42" x14ac:dyDescent="0.3">
      <c r="B7057">
        <v>43.476151617581969</v>
      </c>
      <c r="C7057" s="83">
        <v>43394.958333333336</v>
      </c>
      <c r="D7057">
        <v>173589.61040000001</v>
      </c>
      <c r="E7057">
        <v>13213.04622</v>
      </c>
      <c r="F7057">
        <v>45953.664380000002</v>
      </c>
      <c r="G7057">
        <v>36405.134290000002</v>
      </c>
      <c r="H7057">
        <v>34531.85673</v>
      </c>
      <c r="I7057">
        <v>23297.40394</v>
      </c>
      <c r="J7057">
        <v>28784.642650000002</v>
      </c>
      <c r="K7057">
        <v>46617.101990000003</v>
      </c>
      <c r="L7057">
        <v>20556.249380000001</v>
      </c>
      <c r="M7057">
        <v>221661.69570000001</v>
      </c>
      <c r="N7057">
        <v>69233.501940000002</v>
      </c>
      <c r="O7057">
        <v>19750.552629999998</v>
      </c>
      <c r="P7057">
        <v>27104.269250000001</v>
      </c>
      <c r="Q7057">
        <v>57032.101649999997</v>
      </c>
      <c r="R7057">
        <v>21196.580969999999</v>
      </c>
      <c r="S7057">
        <v>75401.637700000007</v>
      </c>
      <c r="T7057">
        <v>25946.704430000002</v>
      </c>
      <c r="U7057">
        <v>12230.16208</v>
      </c>
      <c r="W7057" s="83">
        <f>Bühler!N7089</f>
        <v>45585.958333316223</v>
      </c>
      <c r="X7057" s="83">
        <v>43394.958333333336</v>
      </c>
      <c r="Y7057">
        <v>173589.61040000001</v>
      </c>
      <c r="Z7057">
        <v>13213.04622</v>
      </c>
      <c r="AA7057">
        <v>45953.664380000002</v>
      </c>
      <c r="AB7057">
        <v>36405.134290000002</v>
      </c>
      <c r="AC7057">
        <v>34531.85673</v>
      </c>
      <c r="AD7057">
        <v>23297.40394</v>
      </c>
      <c r="AE7057">
        <v>28784.642650000002</v>
      </c>
      <c r="AF7057">
        <v>46617.101990000003</v>
      </c>
      <c r="AG7057">
        <v>20556.249380000001</v>
      </c>
      <c r="AH7057">
        <v>221661.69570000001</v>
      </c>
      <c r="AI7057">
        <v>69233.501940000002</v>
      </c>
      <c r="AJ7057">
        <v>19750.552629999998</v>
      </c>
      <c r="AK7057">
        <v>27104.269250000001</v>
      </c>
      <c r="AL7057">
        <v>57032.101649999997</v>
      </c>
      <c r="AM7057">
        <v>21196.580969999999</v>
      </c>
      <c r="AN7057">
        <v>75401.637700000007</v>
      </c>
      <c r="AO7057">
        <v>25946.704430000002</v>
      </c>
      <c r="AP7057">
        <v>12230.16208</v>
      </c>
    </row>
    <row r="7058" spans="2:42" x14ac:dyDescent="0.3">
      <c r="B7058">
        <v>43.940885645636996</v>
      </c>
      <c r="C7058" s="83">
        <v>43395</v>
      </c>
      <c r="D7058">
        <v>175562.91519999999</v>
      </c>
      <c r="E7058">
        <v>12941.847540000001</v>
      </c>
      <c r="F7058">
        <v>46432.810169999997</v>
      </c>
      <c r="G7058">
        <v>36425.885759999997</v>
      </c>
      <c r="H7058">
        <v>34166.672879999998</v>
      </c>
      <c r="I7058">
        <v>21770.73746</v>
      </c>
      <c r="J7058">
        <v>27439.165059999999</v>
      </c>
      <c r="K7058">
        <v>45302.18851</v>
      </c>
      <c r="L7058">
        <v>18515.278829999999</v>
      </c>
      <c r="M7058">
        <v>224031.12650000001</v>
      </c>
      <c r="N7058">
        <v>68334.051999999996</v>
      </c>
      <c r="O7058">
        <v>19672.084470000002</v>
      </c>
      <c r="P7058">
        <v>26495.544099999999</v>
      </c>
      <c r="Q7058">
        <v>59509.74596</v>
      </c>
      <c r="R7058">
        <v>19725.534250000001</v>
      </c>
      <c r="S7058">
        <v>74986.548389999996</v>
      </c>
      <c r="T7058">
        <v>25154.41375</v>
      </c>
      <c r="U7058">
        <v>12095.06655</v>
      </c>
      <c r="W7058" s="83">
        <f>Bühler!N7090</f>
        <v>45585.999999982887</v>
      </c>
      <c r="X7058" s="83">
        <v>43395</v>
      </c>
      <c r="Y7058">
        <v>175562.91519999999</v>
      </c>
      <c r="Z7058">
        <v>12941.847540000001</v>
      </c>
      <c r="AA7058">
        <v>46432.810169999997</v>
      </c>
      <c r="AB7058">
        <v>36425.885759999997</v>
      </c>
      <c r="AC7058">
        <v>34166.672879999998</v>
      </c>
      <c r="AD7058">
        <v>21770.73746</v>
      </c>
      <c r="AE7058">
        <v>27439.165059999999</v>
      </c>
      <c r="AF7058">
        <v>45302.18851</v>
      </c>
      <c r="AG7058">
        <v>18515.278829999999</v>
      </c>
      <c r="AH7058">
        <v>224031.12650000001</v>
      </c>
      <c r="AI7058">
        <v>68334.051999999996</v>
      </c>
      <c r="AJ7058">
        <v>19672.084470000002</v>
      </c>
      <c r="AK7058">
        <v>26495.544099999999</v>
      </c>
      <c r="AL7058">
        <v>59509.74596</v>
      </c>
      <c r="AM7058">
        <v>19725.534250000001</v>
      </c>
      <c r="AN7058">
        <v>74986.548389999996</v>
      </c>
      <c r="AO7058">
        <v>25154.41375</v>
      </c>
      <c r="AP7058">
        <v>12095.06655</v>
      </c>
    </row>
    <row r="7059" spans="2:42" x14ac:dyDescent="0.3">
      <c r="B7059">
        <v>44.250752298477153</v>
      </c>
      <c r="C7059" s="83">
        <v>43395.041666666664</v>
      </c>
      <c r="D7059">
        <v>175475.72659999999</v>
      </c>
      <c r="E7059">
        <v>13018.27125</v>
      </c>
      <c r="F7059">
        <v>47241.696940000002</v>
      </c>
      <c r="G7059">
        <v>36097.572419999997</v>
      </c>
      <c r="H7059">
        <v>34215.233209999999</v>
      </c>
      <c r="I7059">
        <v>18005.282360000001</v>
      </c>
      <c r="J7059">
        <v>26638.47957</v>
      </c>
      <c r="K7059">
        <v>43183.281329999998</v>
      </c>
      <c r="L7059">
        <v>17573.282790000001</v>
      </c>
      <c r="M7059">
        <v>225610.9712</v>
      </c>
      <c r="N7059">
        <v>68276.64546</v>
      </c>
      <c r="O7059">
        <v>19998.231909999999</v>
      </c>
      <c r="P7059">
        <v>24795.950120000001</v>
      </c>
      <c r="Q7059">
        <v>62598.745999999999</v>
      </c>
      <c r="R7059">
        <v>19218.158619999998</v>
      </c>
      <c r="S7059">
        <v>73894.716889999996</v>
      </c>
      <c r="T7059">
        <v>24834.284889999999</v>
      </c>
      <c r="U7059">
        <v>11886.42938</v>
      </c>
      <c r="W7059" s="83">
        <f>Bühler!N7091</f>
        <v>45586.041666649551</v>
      </c>
      <c r="X7059" s="83">
        <v>43395.041666666664</v>
      </c>
      <c r="Y7059">
        <v>175475.72659999999</v>
      </c>
      <c r="Z7059">
        <v>13018.27125</v>
      </c>
      <c r="AA7059">
        <v>47241.696940000002</v>
      </c>
      <c r="AB7059">
        <v>36097.572419999997</v>
      </c>
      <c r="AC7059">
        <v>34215.233209999999</v>
      </c>
      <c r="AD7059">
        <v>18005.282360000001</v>
      </c>
      <c r="AE7059">
        <v>26638.47957</v>
      </c>
      <c r="AF7059">
        <v>43183.281329999998</v>
      </c>
      <c r="AG7059">
        <v>17573.282790000001</v>
      </c>
      <c r="AH7059">
        <v>225610.9712</v>
      </c>
      <c r="AI7059">
        <v>68276.64546</v>
      </c>
      <c r="AJ7059">
        <v>19998.231909999999</v>
      </c>
      <c r="AK7059">
        <v>24795.950120000001</v>
      </c>
      <c r="AL7059">
        <v>62598.745999999999</v>
      </c>
      <c r="AM7059">
        <v>19218.158619999998</v>
      </c>
      <c r="AN7059">
        <v>73894.716889999996</v>
      </c>
      <c r="AO7059">
        <v>24834.284889999999</v>
      </c>
      <c r="AP7059">
        <v>11886.42938</v>
      </c>
    </row>
    <row r="7060" spans="2:42" x14ac:dyDescent="0.3">
      <c r="B7060">
        <v>44.973898055007894</v>
      </c>
      <c r="C7060" s="83">
        <v>43395.083333333336</v>
      </c>
      <c r="D7060">
        <v>177287.8701</v>
      </c>
      <c r="E7060">
        <v>12979.577600000001</v>
      </c>
      <c r="F7060">
        <v>48280.835489999998</v>
      </c>
      <c r="G7060">
        <v>35909.88407</v>
      </c>
      <c r="H7060">
        <v>34228.527620000001</v>
      </c>
      <c r="I7060">
        <v>16552.21473</v>
      </c>
      <c r="J7060">
        <v>26638.560379999999</v>
      </c>
      <c r="K7060">
        <v>41764.672039999998</v>
      </c>
      <c r="L7060">
        <v>17505.953020000001</v>
      </c>
      <c r="M7060">
        <v>229297.90549999999</v>
      </c>
      <c r="N7060">
        <v>68596.853430000003</v>
      </c>
      <c r="O7060">
        <v>19642.964019999999</v>
      </c>
      <c r="P7060">
        <v>23728.12184</v>
      </c>
      <c r="Q7060">
        <v>66126.537609999999</v>
      </c>
      <c r="R7060">
        <v>19512.709080000001</v>
      </c>
      <c r="S7060">
        <v>73556.345060000007</v>
      </c>
      <c r="T7060">
        <v>24993.249879999999</v>
      </c>
      <c r="U7060">
        <v>11971.795980000001</v>
      </c>
      <c r="W7060" s="83">
        <f>Bühler!N7092</f>
        <v>45586.083333316215</v>
      </c>
      <c r="X7060" s="83">
        <v>43395.083333333336</v>
      </c>
      <c r="Y7060">
        <v>177287.8701</v>
      </c>
      <c r="Z7060">
        <v>12979.577600000001</v>
      </c>
      <c r="AA7060">
        <v>48280.835489999998</v>
      </c>
      <c r="AB7060">
        <v>35909.88407</v>
      </c>
      <c r="AC7060">
        <v>34228.527620000001</v>
      </c>
      <c r="AD7060">
        <v>16552.21473</v>
      </c>
      <c r="AE7060">
        <v>26638.560379999999</v>
      </c>
      <c r="AF7060">
        <v>41764.672039999998</v>
      </c>
      <c r="AG7060">
        <v>17505.953020000001</v>
      </c>
      <c r="AH7060">
        <v>229297.90549999999</v>
      </c>
      <c r="AI7060">
        <v>68596.853430000003</v>
      </c>
      <c r="AJ7060">
        <v>19642.964019999999</v>
      </c>
      <c r="AK7060">
        <v>23728.12184</v>
      </c>
      <c r="AL7060">
        <v>66126.537609999999</v>
      </c>
      <c r="AM7060">
        <v>19512.709080000001</v>
      </c>
      <c r="AN7060">
        <v>73556.345060000007</v>
      </c>
      <c r="AO7060">
        <v>24993.249879999999</v>
      </c>
      <c r="AP7060">
        <v>11971.795980000001</v>
      </c>
    </row>
    <row r="7061" spans="2:42" x14ac:dyDescent="0.3">
      <c r="B7061">
        <v>46.479059330046638</v>
      </c>
      <c r="C7061" s="83">
        <v>43395.125</v>
      </c>
      <c r="D7061">
        <v>182784.05669999999</v>
      </c>
      <c r="E7061">
        <v>13434.10123</v>
      </c>
      <c r="F7061">
        <v>49667.958879999998</v>
      </c>
      <c r="G7061">
        <v>35044.594340000003</v>
      </c>
      <c r="H7061">
        <v>34451.888339999998</v>
      </c>
      <c r="I7061">
        <v>16669.550050000002</v>
      </c>
      <c r="J7061">
        <v>27039.536929999998</v>
      </c>
      <c r="K7061">
        <v>40893.452689999998</v>
      </c>
      <c r="L7061">
        <v>17962.153829999999</v>
      </c>
      <c r="M7061">
        <v>236971.91959999999</v>
      </c>
      <c r="N7061">
        <v>69009.247650000005</v>
      </c>
      <c r="O7061">
        <v>20056.57993</v>
      </c>
      <c r="P7061">
        <v>23776.86866</v>
      </c>
      <c r="Q7061">
        <v>71227.737980000005</v>
      </c>
      <c r="R7061">
        <v>19392.068780000001</v>
      </c>
      <c r="S7061">
        <v>73065.725779999993</v>
      </c>
      <c r="T7061">
        <v>24827.874329999999</v>
      </c>
      <c r="U7061">
        <v>12504.46499</v>
      </c>
      <c r="W7061" s="83">
        <f>Bühler!N7093</f>
        <v>45586.12499998288</v>
      </c>
      <c r="X7061" s="83">
        <v>43395.125</v>
      </c>
      <c r="Y7061">
        <v>182784.05669999999</v>
      </c>
      <c r="Z7061">
        <v>13434.10123</v>
      </c>
      <c r="AA7061">
        <v>49667.958879999998</v>
      </c>
      <c r="AB7061">
        <v>35044.594340000003</v>
      </c>
      <c r="AC7061">
        <v>34451.888339999998</v>
      </c>
      <c r="AD7061">
        <v>16669.550050000002</v>
      </c>
      <c r="AE7061">
        <v>27039.536929999998</v>
      </c>
      <c r="AF7061">
        <v>40893.452689999998</v>
      </c>
      <c r="AG7061">
        <v>17962.153829999999</v>
      </c>
      <c r="AH7061">
        <v>236971.91959999999</v>
      </c>
      <c r="AI7061">
        <v>69009.247650000005</v>
      </c>
      <c r="AJ7061">
        <v>20056.57993</v>
      </c>
      <c r="AK7061">
        <v>23776.86866</v>
      </c>
      <c r="AL7061">
        <v>71227.737980000005</v>
      </c>
      <c r="AM7061">
        <v>19392.068780000001</v>
      </c>
      <c r="AN7061">
        <v>73065.725779999993</v>
      </c>
      <c r="AO7061">
        <v>24827.874329999999</v>
      </c>
      <c r="AP7061">
        <v>12504.46499</v>
      </c>
    </row>
    <row r="7062" spans="2:42" x14ac:dyDescent="0.3">
      <c r="B7062">
        <v>49.103837665813195</v>
      </c>
      <c r="C7062" s="83">
        <v>43395.166666666664</v>
      </c>
      <c r="D7062">
        <v>194247.2242</v>
      </c>
      <c r="E7062">
        <v>14046.310289999999</v>
      </c>
      <c r="F7062">
        <v>53283.712529999997</v>
      </c>
      <c r="G7062">
        <v>34844.626900000003</v>
      </c>
      <c r="H7062">
        <v>35518.20218</v>
      </c>
      <c r="I7062">
        <v>18946.70635</v>
      </c>
      <c r="J7062">
        <v>28667.594799999999</v>
      </c>
      <c r="K7062">
        <v>41489.137280000003</v>
      </c>
      <c r="L7062">
        <v>17842.778760000001</v>
      </c>
      <c r="M7062">
        <v>250354.26360000001</v>
      </c>
      <c r="N7062">
        <v>69850.799559999999</v>
      </c>
      <c r="O7062">
        <v>20220.86635</v>
      </c>
      <c r="P7062">
        <v>24766.63193</v>
      </c>
      <c r="Q7062">
        <v>77944.037849999993</v>
      </c>
      <c r="R7062">
        <v>19717.245640000001</v>
      </c>
      <c r="S7062">
        <v>74348.517630000002</v>
      </c>
      <c r="T7062">
        <v>24980.488669999999</v>
      </c>
      <c r="U7062">
        <v>13814.752409999999</v>
      </c>
      <c r="W7062" s="83">
        <f>Bühler!N7094</f>
        <v>45586.166666649544</v>
      </c>
      <c r="X7062" s="83">
        <v>43395.166666666664</v>
      </c>
      <c r="Y7062">
        <v>194247.2242</v>
      </c>
      <c r="Z7062">
        <v>14046.310289999999</v>
      </c>
      <c r="AA7062">
        <v>53283.712529999997</v>
      </c>
      <c r="AB7062">
        <v>34844.626900000003</v>
      </c>
      <c r="AC7062">
        <v>35518.20218</v>
      </c>
      <c r="AD7062">
        <v>18946.70635</v>
      </c>
      <c r="AE7062">
        <v>28667.594799999999</v>
      </c>
      <c r="AF7062">
        <v>41489.137280000003</v>
      </c>
      <c r="AG7062">
        <v>17842.778760000001</v>
      </c>
      <c r="AH7062">
        <v>250354.26360000001</v>
      </c>
      <c r="AI7062">
        <v>69850.799559999999</v>
      </c>
      <c r="AJ7062">
        <v>20220.86635</v>
      </c>
      <c r="AK7062">
        <v>24766.63193</v>
      </c>
      <c r="AL7062">
        <v>77944.037849999993</v>
      </c>
      <c r="AM7062">
        <v>19717.245640000001</v>
      </c>
      <c r="AN7062">
        <v>74348.517630000002</v>
      </c>
      <c r="AO7062">
        <v>24980.488669999999</v>
      </c>
      <c r="AP7062">
        <v>13814.752409999999</v>
      </c>
    </row>
    <row r="7063" spans="2:42" x14ac:dyDescent="0.3">
      <c r="B7063">
        <v>54.707981889513327</v>
      </c>
      <c r="C7063" s="83">
        <v>43395.208333333336</v>
      </c>
      <c r="D7063">
        <v>225115.16769999999</v>
      </c>
      <c r="E7063">
        <v>16581.54192</v>
      </c>
      <c r="F7063">
        <v>65099.09057</v>
      </c>
      <c r="G7063">
        <v>37067.753770000003</v>
      </c>
      <c r="H7063">
        <v>37577.941229999997</v>
      </c>
      <c r="I7063">
        <v>27233.535820000001</v>
      </c>
      <c r="J7063">
        <v>31684.960650000001</v>
      </c>
      <c r="K7063">
        <v>43536.166299999997</v>
      </c>
      <c r="L7063">
        <v>18561.659090000001</v>
      </c>
      <c r="M7063">
        <v>278926.80430000002</v>
      </c>
      <c r="N7063">
        <v>72510.072650000002</v>
      </c>
      <c r="O7063">
        <v>21326.089329999999</v>
      </c>
      <c r="P7063">
        <v>26240.724050000001</v>
      </c>
      <c r="Q7063">
        <v>83263.952009999994</v>
      </c>
      <c r="R7063">
        <v>20523.62689</v>
      </c>
      <c r="S7063">
        <v>76915.019759999996</v>
      </c>
      <c r="T7063">
        <v>26528.806359999999</v>
      </c>
      <c r="U7063">
        <v>15673.348050000001</v>
      </c>
      <c r="W7063" s="83">
        <f>Bühler!N7095</f>
        <v>45586.208333316208</v>
      </c>
      <c r="X7063" s="83">
        <v>43395.208333333336</v>
      </c>
      <c r="Y7063">
        <v>225115.16769999999</v>
      </c>
      <c r="Z7063">
        <v>16581.54192</v>
      </c>
      <c r="AA7063">
        <v>65099.09057</v>
      </c>
      <c r="AB7063">
        <v>37067.753770000003</v>
      </c>
      <c r="AC7063">
        <v>37577.941229999997</v>
      </c>
      <c r="AD7063">
        <v>27233.535820000001</v>
      </c>
      <c r="AE7063">
        <v>31684.960650000001</v>
      </c>
      <c r="AF7063">
        <v>43536.166299999997</v>
      </c>
      <c r="AG7063">
        <v>18561.659090000001</v>
      </c>
      <c r="AH7063">
        <v>278926.80430000002</v>
      </c>
      <c r="AI7063">
        <v>72510.072650000002</v>
      </c>
      <c r="AJ7063">
        <v>21326.089329999999</v>
      </c>
      <c r="AK7063">
        <v>26240.724050000001</v>
      </c>
      <c r="AL7063">
        <v>83263.952009999994</v>
      </c>
      <c r="AM7063">
        <v>20523.62689</v>
      </c>
      <c r="AN7063">
        <v>76915.019759999996</v>
      </c>
      <c r="AO7063">
        <v>26528.806359999999</v>
      </c>
      <c r="AP7063">
        <v>15673.348050000001</v>
      </c>
    </row>
    <row r="7064" spans="2:42" x14ac:dyDescent="0.3">
      <c r="B7064">
        <v>60.197492837086777</v>
      </c>
      <c r="C7064" s="83">
        <v>43395.25</v>
      </c>
      <c r="D7064">
        <v>252007.63949999999</v>
      </c>
      <c r="E7064">
        <v>20617.87614</v>
      </c>
      <c r="F7064">
        <v>78443.241649999996</v>
      </c>
      <c r="G7064">
        <v>46085.459300000002</v>
      </c>
      <c r="H7064">
        <v>41486.637719999999</v>
      </c>
      <c r="I7064">
        <v>33772.596239999999</v>
      </c>
      <c r="J7064">
        <v>35645.462729999999</v>
      </c>
      <c r="K7064">
        <v>46685.687080000003</v>
      </c>
      <c r="L7064">
        <v>20499.757720000001</v>
      </c>
      <c r="M7064">
        <v>306914.89110000001</v>
      </c>
      <c r="N7064">
        <v>76478.722389999995</v>
      </c>
      <c r="O7064">
        <v>22351.820049999998</v>
      </c>
      <c r="P7064">
        <v>26320.85151</v>
      </c>
      <c r="Q7064">
        <v>88013.954840000006</v>
      </c>
      <c r="R7064">
        <v>19172.262849999999</v>
      </c>
      <c r="S7064">
        <v>85527.450100000002</v>
      </c>
      <c r="T7064">
        <v>29563.977920000001</v>
      </c>
      <c r="U7064">
        <v>19381.63869</v>
      </c>
      <c r="W7064" s="83">
        <f>Bühler!N7096</f>
        <v>45586.249999982872</v>
      </c>
      <c r="X7064" s="83">
        <v>43395.25</v>
      </c>
      <c r="Y7064">
        <v>252007.63949999999</v>
      </c>
      <c r="Z7064">
        <v>20617.87614</v>
      </c>
      <c r="AA7064">
        <v>78443.241649999996</v>
      </c>
      <c r="AB7064">
        <v>46085.459300000002</v>
      </c>
      <c r="AC7064">
        <v>41486.637719999999</v>
      </c>
      <c r="AD7064">
        <v>33772.596239999999</v>
      </c>
      <c r="AE7064">
        <v>35645.462729999999</v>
      </c>
      <c r="AF7064">
        <v>46685.687080000003</v>
      </c>
      <c r="AG7064">
        <v>20499.757720000001</v>
      </c>
      <c r="AH7064">
        <v>306914.89110000001</v>
      </c>
      <c r="AI7064">
        <v>76478.722389999995</v>
      </c>
      <c r="AJ7064">
        <v>22351.820049999998</v>
      </c>
      <c r="AK7064">
        <v>26320.85151</v>
      </c>
      <c r="AL7064">
        <v>88013.954840000006</v>
      </c>
      <c r="AM7064">
        <v>19172.262849999999</v>
      </c>
      <c r="AN7064">
        <v>85527.450100000002</v>
      </c>
      <c r="AO7064">
        <v>29563.977920000001</v>
      </c>
      <c r="AP7064">
        <v>19381.63869</v>
      </c>
    </row>
    <row r="7065" spans="2:42" x14ac:dyDescent="0.3">
      <c r="B7065">
        <v>63.637276278566389</v>
      </c>
      <c r="C7065" s="83">
        <v>43395.291666666664</v>
      </c>
      <c r="D7065">
        <v>273163.31929999997</v>
      </c>
      <c r="E7065">
        <v>25728.039669999998</v>
      </c>
      <c r="F7065">
        <v>82752.784920000006</v>
      </c>
      <c r="G7065">
        <v>58596.695290000003</v>
      </c>
      <c r="H7065">
        <v>47448.953350000003</v>
      </c>
      <c r="I7065">
        <v>42012.428440000003</v>
      </c>
      <c r="J7065">
        <v>37490.705739999998</v>
      </c>
      <c r="K7065">
        <v>52637.48532</v>
      </c>
      <c r="L7065">
        <v>23391.69339</v>
      </c>
      <c r="M7065">
        <v>324452.51120000001</v>
      </c>
      <c r="N7065">
        <v>83639.319050000006</v>
      </c>
      <c r="O7065">
        <v>25014.278610000001</v>
      </c>
      <c r="P7065">
        <v>29240.51384</v>
      </c>
      <c r="Q7065">
        <v>89962.209570000006</v>
      </c>
      <c r="R7065">
        <v>21819.841280000001</v>
      </c>
      <c r="S7065">
        <v>102278.3989</v>
      </c>
      <c r="T7065">
        <v>31782.51629</v>
      </c>
      <c r="U7065">
        <v>25408.068920000002</v>
      </c>
      <c r="W7065" s="83">
        <f>Bühler!N7097</f>
        <v>45586.291666649537</v>
      </c>
      <c r="X7065" s="83">
        <v>43395.291666666664</v>
      </c>
      <c r="Y7065">
        <v>273163.31929999997</v>
      </c>
      <c r="Z7065">
        <v>25728.039669999998</v>
      </c>
      <c r="AA7065">
        <v>82752.784920000006</v>
      </c>
      <c r="AB7065">
        <v>58596.695290000003</v>
      </c>
      <c r="AC7065">
        <v>47448.953350000003</v>
      </c>
      <c r="AD7065">
        <v>42012.428440000003</v>
      </c>
      <c r="AE7065">
        <v>37490.705739999998</v>
      </c>
      <c r="AF7065">
        <v>52637.48532</v>
      </c>
      <c r="AG7065">
        <v>23391.69339</v>
      </c>
      <c r="AH7065">
        <v>324452.51120000001</v>
      </c>
      <c r="AI7065">
        <v>83639.319050000006</v>
      </c>
      <c r="AJ7065">
        <v>25014.278610000001</v>
      </c>
      <c r="AK7065">
        <v>29240.51384</v>
      </c>
      <c r="AL7065">
        <v>89962.209570000006</v>
      </c>
      <c r="AM7065">
        <v>21819.841280000001</v>
      </c>
      <c r="AN7065">
        <v>102278.3989</v>
      </c>
      <c r="AO7065">
        <v>31782.51629</v>
      </c>
      <c r="AP7065">
        <v>25408.068920000002</v>
      </c>
    </row>
    <row r="7066" spans="2:42" x14ac:dyDescent="0.3">
      <c r="B7066">
        <v>66.110751507033399</v>
      </c>
      <c r="C7066" s="83">
        <v>43395.333333333336</v>
      </c>
      <c r="D7066">
        <v>288695.94290000002</v>
      </c>
      <c r="E7066">
        <v>31899.085289999999</v>
      </c>
      <c r="F7066">
        <v>88650.369560000006</v>
      </c>
      <c r="G7066">
        <v>67374.712199999994</v>
      </c>
      <c r="H7066">
        <v>52118.908770000002</v>
      </c>
      <c r="I7066">
        <v>44573.268900000003</v>
      </c>
      <c r="J7066">
        <v>37963.320500000002</v>
      </c>
      <c r="K7066">
        <v>59040.23792</v>
      </c>
      <c r="L7066">
        <v>26362.71989</v>
      </c>
      <c r="M7066">
        <v>337063.44140000001</v>
      </c>
      <c r="N7066">
        <v>91227.723979999995</v>
      </c>
      <c r="O7066">
        <v>26289.73703</v>
      </c>
      <c r="P7066">
        <v>31626.137770000001</v>
      </c>
      <c r="Q7066">
        <v>91392.69803</v>
      </c>
      <c r="R7066">
        <v>23061.335360000001</v>
      </c>
      <c r="S7066">
        <v>116964.22169999999</v>
      </c>
      <c r="T7066">
        <v>35024.179400000001</v>
      </c>
      <c r="U7066">
        <v>28322.29594</v>
      </c>
      <c r="W7066" s="83">
        <f>Bühler!N7098</f>
        <v>45586.333333316201</v>
      </c>
      <c r="X7066" s="83">
        <v>43395.333333333336</v>
      </c>
      <c r="Y7066">
        <v>288695.94290000002</v>
      </c>
      <c r="Z7066">
        <v>31899.085289999999</v>
      </c>
      <c r="AA7066">
        <v>88650.369560000006</v>
      </c>
      <c r="AB7066">
        <v>67374.712199999994</v>
      </c>
      <c r="AC7066">
        <v>52118.908770000002</v>
      </c>
      <c r="AD7066">
        <v>44573.268900000003</v>
      </c>
      <c r="AE7066">
        <v>37963.320500000002</v>
      </c>
      <c r="AF7066">
        <v>59040.23792</v>
      </c>
      <c r="AG7066">
        <v>26362.71989</v>
      </c>
      <c r="AH7066">
        <v>337063.44140000001</v>
      </c>
      <c r="AI7066">
        <v>91227.723979999995</v>
      </c>
      <c r="AJ7066">
        <v>26289.73703</v>
      </c>
      <c r="AK7066">
        <v>31626.137770000001</v>
      </c>
      <c r="AL7066">
        <v>91392.69803</v>
      </c>
      <c r="AM7066">
        <v>23061.335360000001</v>
      </c>
      <c r="AN7066">
        <v>116964.22169999999</v>
      </c>
      <c r="AO7066">
        <v>35024.179400000001</v>
      </c>
      <c r="AP7066">
        <v>28322.29594</v>
      </c>
    </row>
    <row r="7067" spans="2:42" x14ac:dyDescent="0.3">
      <c r="B7067">
        <v>67.146443781109411</v>
      </c>
      <c r="C7067" s="83">
        <v>43395.375</v>
      </c>
      <c r="D7067">
        <v>294224.27020000003</v>
      </c>
      <c r="E7067">
        <v>35304.700750000004</v>
      </c>
      <c r="F7067">
        <v>94082.695590000003</v>
      </c>
      <c r="G7067">
        <v>72297.74381</v>
      </c>
      <c r="H7067">
        <v>54457.519439999996</v>
      </c>
      <c r="I7067">
        <v>41757.346890000001</v>
      </c>
      <c r="J7067">
        <v>37598.372640000001</v>
      </c>
      <c r="K7067">
        <v>61080.964979999997</v>
      </c>
      <c r="L7067">
        <v>28871.77462</v>
      </c>
      <c r="M7067">
        <v>342343.8836</v>
      </c>
      <c r="N7067">
        <v>93329.421189999994</v>
      </c>
      <c r="O7067">
        <v>27036.063770000001</v>
      </c>
      <c r="P7067">
        <v>33043.387900000002</v>
      </c>
      <c r="Q7067">
        <v>93346.607499999998</v>
      </c>
      <c r="R7067">
        <v>23091.55315</v>
      </c>
      <c r="S7067">
        <v>122542.15180000001</v>
      </c>
      <c r="T7067">
        <v>37227.979890000002</v>
      </c>
      <c r="U7067">
        <v>27402.272919999999</v>
      </c>
      <c r="W7067" s="83">
        <f>Bühler!N7099</f>
        <v>45586.374999982865</v>
      </c>
      <c r="X7067" s="83">
        <v>43395.375</v>
      </c>
      <c r="Y7067">
        <v>294224.27020000003</v>
      </c>
      <c r="Z7067">
        <v>35304.700750000004</v>
      </c>
      <c r="AA7067">
        <v>94082.695590000003</v>
      </c>
      <c r="AB7067">
        <v>72297.74381</v>
      </c>
      <c r="AC7067">
        <v>54457.519439999996</v>
      </c>
      <c r="AD7067">
        <v>41757.346890000001</v>
      </c>
      <c r="AE7067">
        <v>37598.372640000001</v>
      </c>
      <c r="AF7067">
        <v>61080.964979999997</v>
      </c>
      <c r="AG7067">
        <v>28871.77462</v>
      </c>
      <c r="AH7067">
        <v>342343.8836</v>
      </c>
      <c r="AI7067">
        <v>93329.421189999994</v>
      </c>
      <c r="AJ7067">
        <v>27036.063770000001</v>
      </c>
      <c r="AK7067">
        <v>33043.387900000002</v>
      </c>
      <c r="AL7067">
        <v>93346.607499999998</v>
      </c>
      <c r="AM7067">
        <v>23091.55315</v>
      </c>
      <c r="AN7067">
        <v>122542.15180000001</v>
      </c>
      <c r="AO7067">
        <v>37227.979890000002</v>
      </c>
      <c r="AP7067">
        <v>27402.272919999999</v>
      </c>
    </row>
    <row r="7068" spans="2:42" x14ac:dyDescent="0.3">
      <c r="B7068">
        <v>68.459615811864055</v>
      </c>
      <c r="C7068" s="83">
        <v>43395.416666666664</v>
      </c>
      <c r="D7068">
        <v>295922.1091</v>
      </c>
      <c r="E7068">
        <v>36434.970439999997</v>
      </c>
      <c r="F7068">
        <v>93975.235180000003</v>
      </c>
      <c r="G7068">
        <v>73910.409079999998</v>
      </c>
      <c r="H7068">
        <v>54639.051529999997</v>
      </c>
      <c r="I7068">
        <v>39084.979630000002</v>
      </c>
      <c r="J7068">
        <v>36968.279889999998</v>
      </c>
      <c r="K7068">
        <v>61764.548150000002</v>
      </c>
      <c r="L7068">
        <v>30764.193090000001</v>
      </c>
      <c r="M7068">
        <v>349039.04700000002</v>
      </c>
      <c r="N7068">
        <v>95675.553039999999</v>
      </c>
      <c r="O7068">
        <v>27017.940340000001</v>
      </c>
      <c r="P7068">
        <v>33520.592969999998</v>
      </c>
      <c r="Q7068">
        <v>94787.488689999998</v>
      </c>
      <c r="R7068">
        <v>23895.589209999998</v>
      </c>
      <c r="S7068">
        <v>122217.011</v>
      </c>
      <c r="T7068">
        <v>37602.272799999999</v>
      </c>
      <c r="U7068">
        <v>27190.40611</v>
      </c>
      <c r="W7068" s="83">
        <f>Bühler!N7100</f>
        <v>45586.416666649529</v>
      </c>
      <c r="X7068" s="83">
        <v>43395.416666666664</v>
      </c>
      <c r="Y7068">
        <v>295922.1091</v>
      </c>
      <c r="Z7068">
        <v>36434.970439999997</v>
      </c>
      <c r="AA7068">
        <v>93975.235180000003</v>
      </c>
      <c r="AB7068">
        <v>73910.409079999998</v>
      </c>
      <c r="AC7068">
        <v>54639.051529999997</v>
      </c>
      <c r="AD7068">
        <v>39084.979630000002</v>
      </c>
      <c r="AE7068">
        <v>36968.279889999998</v>
      </c>
      <c r="AF7068">
        <v>61764.548150000002</v>
      </c>
      <c r="AG7068">
        <v>30764.193090000001</v>
      </c>
      <c r="AH7068">
        <v>349039.04700000002</v>
      </c>
      <c r="AI7068">
        <v>95675.553039999999</v>
      </c>
      <c r="AJ7068">
        <v>27017.940340000001</v>
      </c>
      <c r="AK7068">
        <v>33520.592969999998</v>
      </c>
      <c r="AL7068">
        <v>94787.488689999998</v>
      </c>
      <c r="AM7068">
        <v>23895.589209999998</v>
      </c>
      <c r="AN7068">
        <v>122217.011</v>
      </c>
      <c r="AO7068">
        <v>37602.272799999999</v>
      </c>
      <c r="AP7068">
        <v>27190.40611</v>
      </c>
    </row>
    <row r="7069" spans="2:42" x14ac:dyDescent="0.3">
      <c r="B7069">
        <v>69.610774808776995</v>
      </c>
      <c r="C7069" s="83">
        <v>43395.458333333336</v>
      </c>
      <c r="D7069">
        <v>295657.01510000002</v>
      </c>
      <c r="E7069">
        <v>36227.84951</v>
      </c>
      <c r="F7069">
        <v>93860.043770000004</v>
      </c>
      <c r="G7069">
        <v>72763.547390000007</v>
      </c>
      <c r="H7069">
        <v>53873.703479999996</v>
      </c>
      <c r="I7069">
        <v>37007.757839999998</v>
      </c>
      <c r="J7069">
        <v>36180.65898</v>
      </c>
      <c r="K7069">
        <v>63372.033860000003</v>
      </c>
      <c r="L7069">
        <v>31039.730579999999</v>
      </c>
      <c r="M7069">
        <v>354908.1924</v>
      </c>
      <c r="N7069">
        <v>95125.216660000006</v>
      </c>
      <c r="O7069">
        <v>26814.456529999999</v>
      </c>
      <c r="P7069">
        <v>32632.411329999999</v>
      </c>
      <c r="Q7069">
        <v>95384.876730000004</v>
      </c>
      <c r="R7069">
        <v>23742.247329999998</v>
      </c>
      <c r="S7069">
        <v>123722.75440000001</v>
      </c>
      <c r="T7069">
        <v>36720.138350000001</v>
      </c>
      <c r="U7069">
        <v>26033.468290000001</v>
      </c>
      <c r="W7069" s="83">
        <f>Bühler!N7101</f>
        <v>45586.458333316194</v>
      </c>
      <c r="X7069" s="83">
        <v>43395.458333333336</v>
      </c>
      <c r="Y7069">
        <v>295657.01510000002</v>
      </c>
      <c r="Z7069">
        <v>36227.84951</v>
      </c>
      <c r="AA7069">
        <v>93860.043770000004</v>
      </c>
      <c r="AB7069">
        <v>72763.547390000007</v>
      </c>
      <c r="AC7069">
        <v>53873.703479999996</v>
      </c>
      <c r="AD7069">
        <v>37007.757839999998</v>
      </c>
      <c r="AE7069">
        <v>36180.65898</v>
      </c>
      <c r="AF7069">
        <v>63372.033860000003</v>
      </c>
      <c r="AG7069">
        <v>31039.730579999999</v>
      </c>
      <c r="AH7069">
        <v>354908.1924</v>
      </c>
      <c r="AI7069">
        <v>95125.216660000006</v>
      </c>
      <c r="AJ7069">
        <v>26814.456529999999</v>
      </c>
      <c r="AK7069">
        <v>32632.411329999999</v>
      </c>
      <c r="AL7069">
        <v>95384.876730000004</v>
      </c>
      <c r="AM7069">
        <v>23742.247329999998</v>
      </c>
      <c r="AN7069">
        <v>123722.75440000001</v>
      </c>
      <c r="AO7069">
        <v>36720.138350000001</v>
      </c>
      <c r="AP7069">
        <v>26033.468290000001</v>
      </c>
    </row>
    <row r="7070" spans="2:42" x14ac:dyDescent="0.3">
      <c r="B7070">
        <v>68.915784558308687</v>
      </c>
      <c r="C7070" s="83">
        <v>43395.5</v>
      </c>
      <c r="D7070">
        <v>285389.35330000002</v>
      </c>
      <c r="E7070">
        <v>32967.885240000003</v>
      </c>
      <c r="F7070">
        <v>88399.250979999997</v>
      </c>
      <c r="G7070">
        <v>68649.206640000004</v>
      </c>
      <c r="H7070">
        <v>50728.83021</v>
      </c>
      <c r="I7070">
        <v>34919.91721</v>
      </c>
      <c r="J7070">
        <v>35724.161999999997</v>
      </c>
      <c r="K7070">
        <v>59236.840830000001</v>
      </c>
      <c r="L7070">
        <v>33975.137949999997</v>
      </c>
      <c r="M7070">
        <v>351364.80800000002</v>
      </c>
      <c r="N7070">
        <v>91806.725260000007</v>
      </c>
      <c r="O7070">
        <v>26290.672920000001</v>
      </c>
      <c r="P7070">
        <v>32398.044099999999</v>
      </c>
      <c r="Q7070">
        <v>95346.298750000002</v>
      </c>
      <c r="R7070">
        <v>24528.44054</v>
      </c>
      <c r="S7070">
        <v>116018.5655</v>
      </c>
      <c r="T7070">
        <v>36551.016600000003</v>
      </c>
      <c r="U7070">
        <v>20643.52333</v>
      </c>
      <c r="W7070" s="83">
        <f>Bühler!N7102</f>
        <v>45586.499999982858</v>
      </c>
      <c r="X7070" s="83">
        <v>43395.5</v>
      </c>
      <c r="Y7070">
        <v>285389.35330000002</v>
      </c>
      <c r="Z7070">
        <v>32967.885240000003</v>
      </c>
      <c r="AA7070">
        <v>88399.250979999997</v>
      </c>
      <c r="AB7070">
        <v>68649.206640000004</v>
      </c>
      <c r="AC7070">
        <v>50728.83021</v>
      </c>
      <c r="AD7070">
        <v>34919.91721</v>
      </c>
      <c r="AE7070">
        <v>35724.161999999997</v>
      </c>
      <c r="AF7070">
        <v>59236.840830000001</v>
      </c>
      <c r="AG7070">
        <v>33975.137949999997</v>
      </c>
      <c r="AH7070">
        <v>351364.80800000002</v>
      </c>
      <c r="AI7070">
        <v>91806.725260000007</v>
      </c>
      <c r="AJ7070">
        <v>26290.672920000001</v>
      </c>
      <c r="AK7070">
        <v>32398.044099999999</v>
      </c>
      <c r="AL7070">
        <v>95346.298750000002</v>
      </c>
      <c r="AM7070">
        <v>24528.44054</v>
      </c>
      <c r="AN7070">
        <v>116018.5655</v>
      </c>
      <c r="AO7070">
        <v>36551.016600000003</v>
      </c>
      <c r="AP7070">
        <v>20643.52333</v>
      </c>
    </row>
    <row r="7071" spans="2:42" x14ac:dyDescent="0.3">
      <c r="B7071">
        <v>68.977323534729507</v>
      </c>
      <c r="C7071" s="83">
        <v>43395.541666666664</v>
      </c>
      <c r="D7071">
        <v>286339.3101</v>
      </c>
      <c r="E7071">
        <v>32682.948219999998</v>
      </c>
      <c r="F7071">
        <v>85664.782999999996</v>
      </c>
      <c r="G7071">
        <v>66130.344899999996</v>
      </c>
      <c r="H7071">
        <v>51077.879029999996</v>
      </c>
      <c r="I7071">
        <v>34695.810709999998</v>
      </c>
      <c r="J7071">
        <v>34279.15094</v>
      </c>
      <c r="K7071">
        <v>62247.317419999999</v>
      </c>
      <c r="L7071">
        <v>32629.40897</v>
      </c>
      <c r="M7071">
        <v>351678.5624</v>
      </c>
      <c r="N7071">
        <v>93672.289950000006</v>
      </c>
      <c r="O7071">
        <v>25929.401269999998</v>
      </c>
      <c r="P7071">
        <v>31664.17857</v>
      </c>
      <c r="Q7071">
        <v>94250.539720000001</v>
      </c>
      <c r="R7071">
        <v>24762.67914</v>
      </c>
      <c r="S7071">
        <v>113695.8401</v>
      </c>
      <c r="T7071">
        <v>35404.351040000001</v>
      </c>
      <c r="U7071">
        <v>22285.095130000002</v>
      </c>
      <c r="W7071" s="83">
        <f>Bühler!N7103</f>
        <v>45586.541666649522</v>
      </c>
      <c r="X7071" s="83">
        <v>43395.541666666664</v>
      </c>
      <c r="Y7071">
        <v>286339.3101</v>
      </c>
      <c r="Z7071">
        <v>32682.948219999998</v>
      </c>
      <c r="AA7071">
        <v>85664.782999999996</v>
      </c>
      <c r="AB7071">
        <v>66130.344899999996</v>
      </c>
      <c r="AC7071">
        <v>51077.879029999996</v>
      </c>
      <c r="AD7071">
        <v>34695.810709999998</v>
      </c>
      <c r="AE7071">
        <v>34279.15094</v>
      </c>
      <c r="AF7071">
        <v>62247.317419999999</v>
      </c>
      <c r="AG7071">
        <v>32629.40897</v>
      </c>
      <c r="AH7071">
        <v>351678.5624</v>
      </c>
      <c r="AI7071">
        <v>93672.289950000006</v>
      </c>
      <c r="AJ7071">
        <v>25929.401269999998</v>
      </c>
      <c r="AK7071">
        <v>31664.17857</v>
      </c>
      <c r="AL7071">
        <v>94250.539720000001</v>
      </c>
      <c r="AM7071">
        <v>24762.67914</v>
      </c>
      <c r="AN7071">
        <v>113695.8401</v>
      </c>
      <c r="AO7071">
        <v>35404.351040000001</v>
      </c>
      <c r="AP7071">
        <v>22285.095130000002</v>
      </c>
    </row>
    <row r="7072" spans="2:42" x14ac:dyDescent="0.3">
      <c r="B7072">
        <v>68.542769268524395</v>
      </c>
      <c r="C7072" s="83">
        <v>43395.583333333336</v>
      </c>
      <c r="D7072">
        <v>289872.44339999999</v>
      </c>
      <c r="E7072">
        <v>34904.162960000001</v>
      </c>
      <c r="F7072">
        <v>92659.440239999996</v>
      </c>
      <c r="G7072">
        <v>63310.147960000002</v>
      </c>
      <c r="H7072">
        <v>50558.767570000004</v>
      </c>
      <c r="I7072">
        <v>35521.07531</v>
      </c>
      <c r="J7072">
        <v>34186.312790000004</v>
      </c>
      <c r="K7072">
        <v>64152.050600000002</v>
      </c>
      <c r="L7072">
        <v>29589.760600000001</v>
      </c>
      <c r="M7072">
        <v>349463.00209999998</v>
      </c>
      <c r="N7072">
        <v>95422.559840000002</v>
      </c>
      <c r="O7072">
        <v>25074.624240000001</v>
      </c>
      <c r="P7072">
        <v>28989.343059999999</v>
      </c>
      <c r="Q7072">
        <v>93976.313689999995</v>
      </c>
      <c r="R7072">
        <v>23141.215530000001</v>
      </c>
      <c r="S7072">
        <v>109597.1231</v>
      </c>
      <c r="T7072">
        <v>34828.14258</v>
      </c>
      <c r="U7072">
        <v>23851.48503</v>
      </c>
      <c r="W7072" s="83">
        <f>Bühler!N7104</f>
        <v>45586.583333316186</v>
      </c>
      <c r="X7072" s="83">
        <v>43395.583333333336</v>
      </c>
      <c r="Y7072">
        <v>289872.44339999999</v>
      </c>
      <c r="Z7072">
        <v>34904.162960000001</v>
      </c>
      <c r="AA7072">
        <v>92659.440239999996</v>
      </c>
      <c r="AB7072">
        <v>63310.147960000002</v>
      </c>
      <c r="AC7072">
        <v>50558.767570000004</v>
      </c>
      <c r="AD7072">
        <v>35521.07531</v>
      </c>
      <c r="AE7072">
        <v>34186.312790000004</v>
      </c>
      <c r="AF7072">
        <v>64152.050600000002</v>
      </c>
      <c r="AG7072">
        <v>29589.760600000001</v>
      </c>
      <c r="AH7072">
        <v>349463.00209999998</v>
      </c>
      <c r="AI7072">
        <v>95422.559840000002</v>
      </c>
      <c r="AJ7072">
        <v>25074.624240000001</v>
      </c>
      <c r="AK7072">
        <v>28989.343059999999</v>
      </c>
      <c r="AL7072">
        <v>93976.313689999995</v>
      </c>
      <c r="AM7072">
        <v>23141.215530000001</v>
      </c>
      <c r="AN7072">
        <v>109597.1231</v>
      </c>
      <c r="AO7072">
        <v>34828.14258</v>
      </c>
      <c r="AP7072">
        <v>23851.48503</v>
      </c>
    </row>
    <row r="7073" spans="2:42" x14ac:dyDescent="0.3">
      <c r="B7073">
        <v>67.229918903127526</v>
      </c>
      <c r="C7073" s="83">
        <v>43395.625</v>
      </c>
      <c r="D7073">
        <v>288405.06449999998</v>
      </c>
      <c r="E7073">
        <v>34676.596169999997</v>
      </c>
      <c r="F7073">
        <v>93981.951329999996</v>
      </c>
      <c r="G7073">
        <v>61777.358500000002</v>
      </c>
      <c r="H7073">
        <v>49491.623070000001</v>
      </c>
      <c r="I7073">
        <v>35915.436990000002</v>
      </c>
      <c r="J7073">
        <v>33522.52693</v>
      </c>
      <c r="K7073">
        <v>62231.197200000002</v>
      </c>
      <c r="L7073">
        <v>27060.072459999999</v>
      </c>
      <c r="M7073">
        <v>342769.47869999998</v>
      </c>
      <c r="N7073">
        <v>93645.055770000006</v>
      </c>
      <c r="O7073">
        <v>25072.186180000001</v>
      </c>
      <c r="P7073">
        <v>27445.837530000001</v>
      </c>
      <c r="Q7073">
        <v>93129.771080000006</v>
      </c>
      <c r="R7073">
        <v>22683.094249999998</v>
      </c>
      <c r="S7073">
        <v>107659.8974</v>
      </c>
      <c r="T7073">
        <v>34350.169889999997</v>
      </c>
      <c r="U7073">
        <v>22037.92092</v>
      </c>
      <c r="W7073" s="83">
        <f>Bühler!N7105</f>
        <v>45586.624999982851</v>
      </c>
      <c r="X7073" s="83">
        <v>43395.625</v>
      </c>
      <c r="Y7073">
        <v>288405.06449999998</v>
      </c>
      <c r="Z7073">
        <v>34676.596169999997</v>
      </c>
      <c r="AA7073">
        <v>93981.951329999996</v>
      </c>
      <c r="AB7073">
        <v>61777.358500000002</v>
      </c>
      <c r="AC7073">
        <v>49491.623070000001</v>
      </c>
      <c r="AD7073">
        <v>35915.436990000002</v>
      </c>
      <c r="AE7073">
        <v>33522.52693</v>
      </c>
      <c r="AF7073">
        <v>62231.197200000002</v>
      </c>
      <c r="AG7073">
        <v>27060.072459999999</v>
      </c>
      <c r="AH7073">
        <v>342769.47869999998</v>
      </c>
      <c r="AI7073">
        <v>93645.055770000006</v>
      </c>
      <c r="AJ7073">
        <v>25072.186180000001</v>
      </c>
      <c r="AK7073">
        <v>27445.837530000001</v>
      </c>
      <c r="AL7073">
        <v>93129.771080000006</v>
      </c>
      <c r="AM7073">
        <v>22683.094249999998</v>
      </c>
      <c r="AN7073">
        <v>107659.8974</v>
      </c>
      <c r="AO7073">
        <v>34350.169889999997</v>
      </c>
      <c r="AP7073">
        <v>22037.92092</v>
      </c>
    </row>
    <row r="7074" spans="2:42" x14ac:dyDescent="0.3">
      <c r="B7074">
        <v>66.286726759163017</v>
      </c>
      <c r="C7074" s="83">
        <v>43395.666666666664</v>
      </c>
      <c r="D7074">
        <v>281631.28240000003</v>
      </c>
      <c r="E7074">
        <v>33942.491520000003</v>
      </c>
      <c r="F7074">
        <v>93397.143119999993</v>
      </c>
      <c r="G7074">
        <v>58641.706890000001</v>
      </c>
      <c r="H7074">
        <v>47865.737719999997</v>
      </c>
      <c r="I7074">
        <v>36478.273079999999</v>
      </c>
      <c r="J7074">
        <v>32586.169529999999</v>
      </c>
      <c r="K7074">
        <v>58910.759250000003</v>
      </c>
      <c r="L7074">
        <v>26493.14761</v>
      </c>
      <c r="M7074">
        <v>337960.64529999997</v>
      </c>
      <c r="N7074">
        <v>90051.69081</v>
      </c>
      <c r="O7074">
        <v>24428.209989999999</v>
      </c>
      <c r="P7074">
        <v>27728.773010000001</v>
      </c>
      <c r="Q7074">
        <v>93054.901289999994</v>
      </c>
      <c r="R7074">
        <v>21886.981879999999</v>
      </c>
      <c r="S7074">
        <v>104986.17419999999</v>
      </c>
      <c r="T7074">
        <v>34003.654300000002</v>
      </c>
      <c r="U7074">
        <v>20320.057140000001</v>
      </c>
      <c r="W7074" s="83">
        <f>Bühler!N7106</f>
        <v>45586.666666649515</v>
      </c>
      <c r="X7074" s="83">
        <v>43395.666666666664</v>
      </c>
      <c r="Y7074">
        <v>281631.28240000003</v>
      </c>
      <c r="Z7074">
        <v>33942.491520000003</v>
      </c>
      <c r="AA7074">
        <v>93397.143119999993</v>
      </c>
      <c r="AB7074">
        <v>58641.706890000001</v>
      </c>
      <c r="AC7074">
        <v>47865.737719999997</v>
      </c>
      <c r="AD7074">
        <v>36478.273079999999</v>
      </c>
      <c r="AE7074">
        <v>32586.169529999999</v>
      </c>
      <c r="AF7074">
        <v>58910.759250000003</v>
      </c>
      <c r="AG7074">
        <v>26493.14761</v>
      </c>
      <c r="AH7074">
        <v>337960.64529999997</v>
      </c>
      <c r="AI7074">
        <v>90051.69081</v>
      </c>
      <c r="AJ7074">
        <v>24428.209989999999</v>
      </c>
      <c r="AK7074">
        <v>27728.773010000001</v>
      </c>
      <c r="AL7074">
        <v>93054.901289999994</v>
      </c>
      <c r="AM7074">
        <v>21886.981879999999</v>
      </c>
      <c r="AN7074">
        <v>104986.17419999999</v>
      </c>
      <c r="AO7074">
        <v>34003.654300000002</v>
      </c>
      <c r="AP7074">
        <v>20320.057140000001</v>
      </c>
    </row>
    <row r="7075" spans="2:42" x14ac:dyDescent="0.3">
      <c r="B7075">
        <v>65.225366079879919</v>
      </c>
      <c r="C7075" s="83">
        <v>43395.708333333336</v>
      </c>
      <c r="D7075">
        <v>271677.88030000002</v>
      </c>
      <c r="E7075">
        <v>31994.685300000001</v>
      </c>
      <c r="F7075">
        <v>94475.555959999998</v>
      </c>
      <c r="G7075">
        <v>54071.428030000003</v>
      </c>
      <c r="H7075">
        <v>46367.990270000002</v>
      </c>
      <c r="I7075">
        <v>35637.86868</v>
      </c>
      <c r="J7075">
        <v>33059.418720000001</v>
      </c>
      <c r="K7075">
        <v>53961.433709999998</v>
      </c>
      <c r="L7075">
        <v>26369.88365</v>
      </c>
      <c r="M7075">
        <v>332549.33360000001</v>
      </c>
      <c r="N7075">
        <v>87323.739939999999</v>
      </c>
      <c r="O7075">
        <v>22639.709320000002</v>
      </c>
      <c r="P7075">
        <v>29421.413909999999</v>
      </c>
      <c r="Q7075">
        <v>91427.477589999995</v>
      </c>
      <c r="R7075">
        <v>21453.84765</v>
      </c>
      <c r="S7075">
        <v>102500.58620000001</v>
      </c>
      <c r="T7075">
        <v>34066.989229999999</v>
      </c>
      <c r="U7075">
        <v>17759.64255</v>
      </c>
      <c r="W7075" s="83">
        <f>Bühler!N7107</f>
        <v>45586.708333316179</v>
      </c>
      <c r="X7075" s="83">
        <v>43395.708333333336</v>
      </c>
      <c r="Y7075">
        <v>271677.88030000002</v>
      </c>
      <c r="Z7075">
        <v>31994.685300000001</v>
      </c>
      <c r="AA7075">
        <v>94475.555959999998</v>
      </c>
      <c r="AB7075">
        <v>54071.428030000003</v>
      </c>
      <c r="AC7075">
        <v>46367.990270000002</v>
      </c>
      <c r="AD7075">
        <v>35637.86868</v>
      </c>
      <c r="AE7075">
        <v>33059.418720000001</v>
      </c>
      <c r="AF7075">
        <v>53961.433709999998</v>
      </c>
      <c r="AG7075">
        <v>26369.88365</v>
      </c>
      <c r="AH7075">
        <v>332549.33360000001</v>
      </c>
      <c r="AI7075">
        <v>87323.739939999999</v>
      </c>
      <c r="AJ7075">
        <v>22639.709320000002</v>
      </c>
      <c r="AK7075">
        <v>29421.413909999999</v>
      </c>
      <c r="AL7075">
        <v>91427.477589999995</v>
      </c>
      <c r="AM7075">
        <v>21453.84765</v>
      </c>
      <c r="AN7075">
        <v>102500.58620000001</v>
      </c>
      <c r="AO7075">
        <v>34066.989229999999</v>
      </c>
      <c r="AP7075">
        <v>17759.64255</v>
      </c>
    </row>
    <row r="7076" spans="2:42" x14ac:dyDescent="0.3">
      <c r="B7076">
        <v>64.5931604941579</v>
      </c>
      <c r="C7076" s="83">
        <v>43395.75</v>
      </c>
      <c r="D7076">
        <v>265707.72110000002</v>
      </c>
      <c r="E7076">
        <v>29186.717850000001</v>
      </c>
      <c r="F7076">
        <v>92399.434989999994</v>
      </c>
      <c r="G7076">
        <v>48623.759290000002</v>
      </c>
      <c r="H7076">
        <v>44043.624689999997</v>
      </c>
      <c r="I7076">
        <v>35104.42396</v>
      </c>
      <c r="J7076">
        <v>33615.367539999999</v>
      </c>
      <c r="K7076">
        <v>51739.867140000002</v>
      </c>
      <c r="L7076">
        <v>27853.437430000002</v>
      </c>
      <c r="M7076">
        <v>329326.05469999998</v>
      </c>
      <c r="N7076">
        <v>85977.348830000003</v>
      </c>
      <c r="O7076">
        <v>22080.12657</v>
      </c>
      <c r="P7076">
        <v>31891.860079999999</v>
      </c>
      <c r="Q7076">
        <v>90082.881020000001</v>
      </c>
      <c r="R7076">
        <v>20905.335309999999</v>
      </c>
      <c r="S7076">
        <v>97651.045599999998</v>
      </c>
      <c r="T7076">
        <v>34046.347800000003</v>
      </c>
      <c r="U7076">
        <v>16525.960149999999</v>
      </c>
      <c r="W7076" s="83">
        <f>Bühler!N7108</f>
        <v>45586.749999982843</v>
      </c>
      <c r="X7076" s="83">
        <v>43395.75</v>
      </c>
      <c r="Y7076">
        <v>265707.72110000002</v>
      </c>
      <c r="Z7076">
        <v>29186.717850000001</v>
      </c>
      <c r="AA7076">
        <v>92399.434989999994</v>
      </c>
      <c r="AB7076">
        <v>48623.759290000002</v>
      </c>
      <c r="AC7076">
        <v>44043.624689999997</v>
      </c>
      <c r="AD7076">
        <v>35104.42396</v>
      </c>
      <c r="AE7076">
        <v>33615.367539999999</v>
      </c>
      <c r="AF7076">
        <v>51739.867140000002</v>
      </c>
      <c r="AG7076">
        <v>27853.437430000002</v>
      </c>
      <c r="AH7076">
        <v>329326.05469999998</v>
      </c>
      <c r="AI7076">
        <v>85977.348830000003</v>
      </c>
      <c r="AJ7076">
        <v>22080.12657</v>
      </c>
      <c r="AK7076">
        <v>31891.860079999999</v>
      </c>
      <c r="AL7076">
        <v>90082.881020000001</v>
      </c>
      <c r="AM7076">
        <v>20905.335309999999</v>
      </c>
      <c r="AN7076">
        <v>97651.045599999998</v>
      </c>
      <c r="AO7076">
        <v>34046.347800000003</v>
      </c>
      <c r="AP7076">
        <v>16525.960149999999</v>
      </c>
    </row>
    <row r="7077" spans="2:42" x14ac:dyDescent="0.3">
      <c r="B7077">
        <v>64.607069363069428</v>
      </c>
      <c r="C7077" s="83">
        <v>43395.791666666664</v>
      </c>
      <c r="D7077">
        <v>262618.74719999998</v>
      </c>
      <c r="E7077">
        <v>24799.422910000001</v>
      </c>
      <c r="F7077">
        <v>81496.847630000004</v>
      </c>
      <c r="G7077">
        <v>46624.106549999997</v>
      </c>
      <c r="H7077">
        <v>43696.580759999997</v>
      </c>
      <c r="I7077">
        <v>34488.080150000002</v>
      </c>
      <c r="J7077">
        <v>35863.935709999998</v>
      </c>
      <c r="K7077">
        <v>53062.988669999999</v>
      </c>
      <c r="L7077">
        <v>28463.296590000002</v>
      </c>
      <c r="M7077">
        <v>329396.96860000002</v>
      </c>
      <c r="N7077">
        <v>84297.759269999995</v>
      </c>
      <c r="O7077">
        <v>21826.430219999998</v>
      </c>
      <c r="P7077">
        <v>34626.891539999997</v>
      </c>
      <c r="Q7077">
        <v>88655.03125</v>
      </c>
      <c r="R7077">
        <v>21529.831040000001</v>
      </c>
      <c r="S7077">
        <v>95198.18694</v>
      </c>
      <c r="T7077">
        <v>35317.136319999998</v>
      </c>
      <c r="U7077">
        <v>16787.46284</v>
      </c>
      <c r="W7077" s="83">
        <f>Bühler!N7109</f>
        <v>45586.791666649508</v>
      </c>
      <c r="X7077" s="83">
        <v>43395.791666666664</v>
      </c>
      <c r="Y7077">
        <v>262618.74719999998</v>
      </c>
      <c r="Z7077">
        <v>24799.422910000001</v>
      </c>
      <c r="AA7077">
        <v>81496.847630000004</v>
      </c>
      <c r="AB7077">
        <v>46624.106549999997</v>
      </c>
      <c r="AC7077">
        <v>43696.580759999997</v>
      </c>
      <c r="AD7077">
        <v>34488.080150000002</v>
      </c>
      <c r="AE7077">
        <v>35863.935709999998</v>
      </c>
      <c r="AF7077">
        <v>53062.988669999999</v>
      </c>
      <c r="AG7077">
        <v>28463.296590000002</v>
      </c>
      <c r="AH7077">
        <v>329396.96860000002</v>
      </c>
      <c r="AI7077">
        <v>84297.759269999995</v>
      </c>
      <c r="AJ7077">
        <v>21826.430219999998</v>
      </c>
      <c r="AK7077">
        <v>34626.891539999997</v>
      </c>
      <c r="AL7077">
        <v>88655.03125</v>
      </c>
      <c r="AM7077">
        <v>21529.831040000001</v>
      </c>
      <c r="AN7077">
        <v>95198.18694</v>
      </c>
      <c r="AO7077">
        <v>35317.136319999998</v>
      </c>
      <c r="AP7077">
        <v>16787.46284</v>
      </c>
    </row>
    <row r="7078" spans="2:42" x14ac:dyDescent="0.3">
      <c r="B7078">
        <v>63.129174581653672</v>
      </c>
      <c r="C7078" s="83">
        <v>43395.833333333336</v>
      </c>
      <c r="D7078">
        <v>252665.3327</v>
      </c>
      <c r="E7078">
        <v>18856.550019999999</v>
      </c>
      <c r="F7078">
        <v>64020.334450000002</v>
      </c>
      <c r="G7078">
        <v>42618.741569999998</v>
      </c>
      <c r="H7078">
        <v>41425.389669999997</v>
      </c>
      <c r="I7078">
        <v>31701.464309999999</v>
      </c>
      <c r="J7078">
        <v>35167.123650000001</v>
      </c>
      <c r="K7078">
        <v>51914.17727</v>
      </c>
      <c r="L7078">
        <v>28091.479159999999</v>
      </c>
      <c r="M7078">
        <v>321861.9718</v>
      </c>
      <c r="N7078">
        <v>81766.010070000004</v>
      </c>
      <c r="O7078">
        <v>20951.410820000001</v>
      </c>
      <c r="P7078">
        <v>34740.671190000001</v>
      </c>
      <c r="Q7078">
        <v>86103.625339999999</v>
      </c>
      <c r="R7078">
        <v>18939.017589999999</v>
      </c>
      <c r="S7078">
        <v>86760.559599999993</v>
      </c>
      <c r="T7078">
        <v>33128.733959999998</v>
      </c>
      <c r="U7078">
        <v>15511.13961</v>
      </c>
      <c r="W7078" s="83">
        <f>Bühler!N7110</f>
        <v>45586.833333316172</v>
      </c>
      <c r="X7078" s="83">
        <v>43395.833333333336</v>
      </c>
      <c r="Y7078">
        <v>252665.3327</v>
      </c>
      <c r="Z7078">
        <v>18856.550019999999</v>
      </c>
      <c r="AA7078">
        <v>64020.334450000002</v>
      </c>
      <c r="AB7078">
        <v>42618.741569999998</v>
      </c>
      <c r="AC7078">
        <v>41425.389669999997</v>
      </c>
      <c r="AD7078">
        <v>31701.464309999999</v>
      </c>
      <c r="AE7078">
        <v>35167.123650000001</v>
      </c>
      <c r="AF7078">
        <v>51914.17727</v>
      </c>
      <c r="AG7078">
        <v>28091.479159999999</v>
      </c>
      <c r="AH7078">
        <v>321861.9718</v>
      </c>
      <c r="AI7078">
        <v>81766.010070000004</v>
      </c>
      <c r="AJ7078">
        <v>20951.410820000001</v>
      </c>
      <c r="AK7078">
        <v>34740.671190000001</v>
      </c>
      <c r="AL7078">
        <v>86103.625339999999</v>
      </c>
      <c r="AM7078">
        <v>18939.017589999999</v>
      </c>
      <c r="AN7078">
        <v>86760.559599999993</v>
      </c>
      <c r="AO7078">
        <v>33128.733959999998</v>
      </c>
      <c r="AP7078">
        <v>15511.13961</v>
      </c>
    </row>
    <row r="7079" spans="2:42" x14ac:dyDescent="0.3">
      <c r="B7079">
        <v>61.419893414435577</v>
      </c>
      <c r="C7079" s="83">
        <v>43395.875</v>
      </c>
      <c r="D7079">
        <v>243897.45989999999</v>
      </c>
      <c r="E7079">
        <v>15855.708339999999</v>
      </c>
      <c r="F7079">
        <v>55542.89501</v>
      </c>
      <c r="G7079">
        <v>40201.87169</v>
      </c>
      <c r="H7079">
        <v>39185.013760000002</v>
      </c>
      <c r="I7079">
        <v>27517.490900000001</v>
      </c>
      <c r="J7079">
        <v>33516.02463</v>
      </c>
      <c r="K7079">
        <v>48652.029490000001</v>
      </c>
      <c r="L7079">
        <v>26340.513719999999</v>
      </c>
      <c r="M7079">
        <v>313147.25929999998</v>
      </c>
      <c r="N7079">
        <v>78259.181469999996</v>
      </c>
      <c r="O7079">
        <v>19689.24555</v>
      </c>
      <c r="P7079">
        <v>32933.651610000001</v>
      </c>
      <c r="Q7079">
        <v>84454.540829999998</v>
      </c>
      <c r="R7079">
        <v>17829.748619999998</v>
      </c>
      <c r="S7079">
        <v>81313.408590000006</v>
      </c>
      <c r="T7079">
        <v>30061.701870000001</v>
      </c>
      <c r="U7079">
        <v>14489.86513</v>
      </c>
      <c r="W7079" s="83">
        <f>Bühler!N7111</f>
        <v>45586.874999982836</v>
      </c>
      <c r="X7079" s="83">
        <v>43395.875</v>
      </c>
      <c r="Y7079">
        <v>243897.45989999999</v>
      </c>
      <c r="Z7079">
        <v>15855.708339999999</v>
      </c>
      <c r="AA7079">
        <v>55542.89501</v>
      </c>
      <c r="AB7079">
        <v>40201.87169</v>
      </c>
      <c r="AC7079">
        <v>39185.013760000002</v>
      </c>
      <c r="AD7079">
        <v>27517.490900000001</v>
      </c>
      <c r="AE7079">
        <v>33516.02463</v>
      </c>
      <c r="AF7079">
        <v>48652.029490000001</v>
      </c>
      <c r="AG7079">
        <v>26340.513719999999</v>
      </c>
      <c r="AH7079">
        <v>313147.25929999998</v>
      </c>
      <c r="AI7079">
        <v>78259.181469999996</v>
      </c>
      <c r="AJ7079">
        <v>19689.24555</v>
      </c>
      <c r="AK7079">
        <v>32933.651610000001</v>
      </c>
      <c r="AL7079">
        <v>84454.540829999998</v>
      </c>
      <c r="AM7079">
        <v>17829.748619999998</v>
      </c>
      <c r="AN7079">
        <v>81313.408590000006</v>
      </c>
      <c r="AO7079">
        <v>30061.701870000001</v>
      </c>
      <c r="AP7079">
        <v>14489.86513</v>
      </c>
    </row>
    <row r="7080" spans="2:42" x14ac:dyDescent="0.3">
      <c r="B7080">
        <v>61.184762549662601</v>
      </c>
      <c r="C7080" s="83">
        <v>43395.916666666664</v>
      </c>
      <c r="D7080">
        <v>242263.47390000001</v>
      </c>
      <c r="E7080">
        <v>15180.381719999999</v>
      </c>
      <c r="F7080">
        <v>53290.566749999998</v>
      </c>
      <c r="G7080">
        <v>38906.459459999998</v>
      </c>
      <c r="H7080">
        <v>37764.745159999999</v>
      </c>
      <c r="I7080">
        <v>26038.398450000001</v>
      </c>
      <c r="J7080">
        <v>32061.719450000001</v>
      </c>
      <c r="K7080">
        <v>52056.186410000002</v>
      </c>
      <c r="L7080">
        <v>23800.2729</v>
      </c>
      <c r="M7080">
        <v>311948.45250000001</v>
      </c>
      <c r="N7080">
        <v>78102.181700000001</v>
      </c>
      <c r="O7080">
        <v>19906.594860000001</v>
      </c>
      <c r="P7080">
        <v>33672.840020000003</v>
      </c>
      <c r="Q7080">
        <v>83598.201490000007</v>
      </c>
      <c r="R7080">
        <v>21345.276129999998</v>
      </c>
      <c r="S7080">
        <v>78777.932820000002</v>
      </c>
      <c r="T7080">
        <v>25801.583350000001</v>
      </c>
      <c r="U7080">
        <v>14349.72589</v>
      </c>
      <c r="W7080" s="83">
        <f>Bühler!N7112</f>
        <v>45586.9166666495</v>
      </c>
      <c r="X7080" s="83">
        <v>43395.916666666664</v>
      </c>
      <c r="Y7080">
        <v>242263.47390000001</v>
      </c>
      <c r="Z7080">
        <v>15180.381719999999</v>
      </c>
      <c r="AA7080">
        <v>53290.566749999998</v>
      </c>
      <c r="AB7080">
        <v>38906.459459999998</v>
      </c>
      <c r="AC7080">
        <v>37764.745159999999</v>
      </c>
      <c r="AD7080">
        <v>26038.398450000001</v>
      </c>
      <c r="AE7080">
        <v>32061.719450000001</v>
      </c>
      <c r="AF7080">
        <v>52056.186410000002</v>
      </c>
      <c r="AG7080">
        <v>23800.2729</v>
      </c>
      <c r="AH7080">
        <v>311948.45250000001</v>
      </c>
      <c r="AI7080">
        <v>78102.181700000001</v>
      </c>
      <c r="AJ7080">
        <v>19906.594860000001</v>
      </c>
      <c r="AK7080">
        <v>33672.840020000003</v>
      </c>
      <c r="AL7080">
        <v>83598.201490000007</v>
      </c>
      <c r="AM7080">
        <v>21345.276129999998</v>
      </c>
      <c r="AN7080">
        <v>78777.932820000002</v>
      </c>
      <c r="AO7080">
        <v>25801.583350000001</v>
      </c>
      <c r="AP7080">
        <v>14349.72589</v>
      </c>
    </row>
    <row r="7081" spans="2:42" x14ac:dyDescent="0.3">
      <c r="B7081">
        <v>61.121464867898119</v>
      </c>
      <c r="C7081" s="83">
        <v>43395.958333333336</v>
      </c>
      <c r="D7081">
        <v>241644.8222</v>
      </c>
      <c r="E7081">
        <v>14707.52202</v>
      </c>
      <c r="F7081">
        <v>51963.501279999997</v>
      </c>
      <c r="G7081">
        <v>38282.091740000003</v>
      </c>
      <c r="H7081">
        <v>36578.599739999998</v>
      </c>
      <c r="I7081">
        <v>24736.415400000002</v>
      </c>
      <c r="J7081">
        <v>29747.771250000002</v>
      </c>
      <c r="K7081">
        <v>50677.89501</v>
      </c>
      <c r="L7081">
        <v>19964.817470000002</v>
      </c>
      <c r="M7081">
        <v>311625.73139999999</v>
      </c>
      <c r="N7081">
        <v>78932.489430000001</v>
      </c>
      <c r="O7081">
        <v>19709.949949999998</v>
      </c>
      <c r="P7081">
        <v>30112.38507</v>
      </c>
      <c r="Q7081">
        <v>82991.385710000002</v>
      </c>
      <c r="R7081">
        <v>20328.118289999999</v>
      </c>
      <c r="S7081">
        <v>77651.337839999993</v>
      </c>
      <c r="T7081">
        <v>26617.99163</v>
      </c>
      <c r="U7081">
        <v>13844.66958</v>
      </c>
      <c r="W7081" s="83">
        <f>Bühler!N7113</f>
        <v>45586.958333316164</v>
      </c>
      <c r="X7081" s="83">
        <v>43395.958333333336</v>
      </c>
      <c r="Y7081">
        <v>241644.8222</v>
      </c>
      <c r="Z7081">
        <v>14707.52202</v>
      </c>
      <c r="AA7081">
        <v>51963.501279999997</v>
      </c>
      <c r="AB7081">
        <v>38282.091740000003</v>
      </c>
      <c r="AC7081">
        <v>36578.599739999998</v>
      </c>
      <c r="AD7081">
        <v>24736.415400000002</v>
      </c>
      <c r="AE7081">
        <v>29747.771250000002</v>
      </c>
      <c r="AF7081">
        <v>50677.89501</v>
      </c>
      <c r="AG7081">
        <v>19964.817470000002</v>
      </c>
      <c r="AH7081">
        <v>311625.73139999999</v>
      </c>
      <c r="AI7081">
        <v>78932.489430000001</v>
      </c>
      <c r="AJ7081">
        <v>19709.949949999998</v>
      </c>
      <c r="AK7081">
        <v>30112.38507</v>
      </c>
      <c r="AL7081">
        <v>82991.385710000002</v>
      </c>
      <c r="AM7081">
        <v>20328.118289999999</v>
      </c>
      <c r="AN7081">
        <v>77651.337839999993</v>
      </c>
      <c r="AO7081">
        <v>26617.99163</v>
      </c>
      <c r="AP7081">
        <v>13844.66958</v>
      </c>
    </row>
    <row r="7082" spans="2:42" x14ac:dyDescent="0.3">
      <c r="B7082">
        <v>60.739659013070543</v>
      </c>
      <c r="C7082" s="83">
        <v>43396</v>
      </c>
      <c r="D7082">
        <v>241432.87030000001</v>
      </c>
      <c r="E7082">
        <v>14255.10168</v>
      </c>
      <c r="F7082">
        <v>51638.469290000001</v>
      </c>
      <c r="G7082">
        <v>37635.100149999998</v>
      </c>
      <c r="H7082">
        <v>36419.923880000002</v>
      </c>
      <c r="I7082">
        <v>22795.79652</v>
      </c>
      <c r="J7082">
        <v>27854.255519999999</v>
      </c>
      <c r="K7082">
        <v>49315.725030000001</v>
      </c>
      <c r="L7082">
        <v>18082.16966</v>
      </c>
      <c r="M7082">
        <v>309679.10710000002</v>
      </c>
      <c r="N7082">
        <v>77252.79264</v>
      </c>
      <c r="O7082">
        <v>19680.033630000002</v>
      </c>
      <c r="P7082">
        <v>27225.104210000001</v>
      </c>
      <c r="Q7082">
        <v>83288.626499999998</v>
      </c>
      <c r="R7082">
        <v>19008.2618</v>
      </c>
      <c r="S7082">
        <v>76301.387879999995</v>
      </c>
      <c r="T7082">
        <v>24909.533390000001</v>
      </c>
      <c r="U7082">
        <v>13586.927669999999</v>
      </c>
      <c r="W7082" s="83">
        <f>Bühler!N7114</f>
        <v>45586.999999982829</v>
      </c>
      <c r="X7082" s="83">
        <v>43396</v>
      </c>
      <c r="Y7082">
        <v>241432.87030000001</v>
      </c>
      <c r="Z7082">
        <v>14255.10168</v>
      </c>
      <c r="AA7082">
        <v>51638.469290000001</v>
      </c>
      <c r="AB7082">
        <v>37635.100149999998</v>
      </c>
      <c r="AC7082">
        <v>36419.923880000002</v>
      </c>
      <c r="AD7082">
        <v>22795.79652</v>
      </c>
      <c r="AE7082">
        <v>27854.255519999999</v>
      </c>
      <c r="AF7082">
        <v>49315.725030000001</v>
      </c>
      <c r="AG7082">
        <v>18082.16966</v>
      </c>
      <c r="AH7082">
        <v>309679.10710000002</v>
      </c>
      <c r="AI7082">
        <v>77252.79264</v>
      </c>
      <c r="AJ7082">
        <v>19680.033630000002</v>
      </c>
      <c r="AK7082">
        <v>27225.104210000001</v>
      </c>
      <c r="AL7082">
        <v>83288.626499999998</v>
      </c>
      <c r="AM7082">
        <v>19008.2618</v>
      </c>
      <c r="AN7082">
        <v>76301.387879999995</v>
      </c>
      <c r="AO7082">
        <v>24909.533390000001</v>
      </c>
      <c r="AP7082">
        <v>13586.927669999999</v>
      </c>
    </row>
    <row r="7083" spans="2:42" x14ac:dyDescent="0.3">
      <c r="B7083">
        <v>59.790183881664021</v>
      </c>
      <c r="C7083" s="83">
        <v>43396.041666666664</v>
      </c>
      <c r="D7083">
        <v>239278.46890000001</v>
      </c>
      <c r="E7083">
        <v>14098.371080000001</v>
      </c>
      <c r="F7083">
        <v>51866.557390000002</v>
      </c>
      <c r="G7083">
        <v>37199.836589999999</v>
      </c>
      <c r="H7083">
        <v>35762.886509999997</v>
      </c>
      <c r="I7083">
        <v>18678.679909999999</v>
      </c>
      <c r="J7083">
        <v>27361.83308</v>
      </c>
      <c r="K7083">
        <v>48517.908990000004</v>
      </c>
      <c r="L7083">
        <v>17344.36175</v>
      </c>
      <c r="M7083">
        <v>304838.2401</v>
      </c>
      <c r="N7083">
        <v>75872.279819999996</v>
      </c>
      <c r="O7083">
        <v>20013.98227</v>
      </c>
      <c r="P7083">
        <v>26835.79019</v>
      </c>
      <c r="Q7083">
        <v>84365.656440000006</v>
      </c>
      <c r="R7083">
        <v>18088.947830000001</v>
      </c>
      <c r="S7083">
        <v>75532.181249999994</v>
      </c>
      <c r="T7083">
        <v>24536.35828</v>
      </c>
      <c r="U7083">
        <v>13880.153249999999</v>
      </c>
      <c r="W7083" s="83">
        <f>Bühler!N7115</f>
        <v>45587.041666649493</v>
      </c>
      <c r="X7083" s="83">
        <v>43396.041666666664</v>
      </c>
      <c r="Y7083">
        <v>239278.46890000001</v>
      </c>
      <c r="Z7083">
        <v>14098.371080000001</v>
      </c>
      <c r="AA7083">
        <v>51866.557390000002</v>
      </c>
      <c r="AB7083">
        <v>37199.836589999999</v>
      </c>
      <c r="AC7083">
        <v>35762.886509999997</v>
      </c>
      <c r="AD7083">
        <v>18678.679909999999</v>
      </c>
      <c r="AE7083">
        <v>27361.83308</v>
      </c>
      <c r="AF7083">
        <v>48517.908990000004</v>
      </c>
      <c r="AG7083">
        <v>17344.36175</v>
      </c>
      <c r="AH7083">
        <v>304838.2401</v>
      </c>
      <c r="AI7083">
        <v>75872.279819999996</v>
      </c>
      <c r="AJ7083">
        <v>20013.98227</v>
      </c>
      <c r="AK7083">
        <v>26835.79019</v>
      </c>
      <c r="AL7083">
        <v>84365.656440000006</v>
      </c>
      <c r="AM7083">
        <v>18088.947830000001</v>
      </c>
      <c r="AN7083">
        <v>75532.181249999994</v>
      </c>
      <c r="AO7083">
        <v>24536.35828</v>
      </c>
      <c r="AP7083">
        <v>13880.153249999999</v>
      </c>
    </row>
    <row r="7084" spans="2:42" x14ac:dyDescent="0.3">
      <c r="B7084">
        <v>60.00403164035724</v>
      </c>
      <c r="C7084" s="83">
        <v>43396.083333333336</v>
      </c>
      <c r="D7084">
        <v>240542.8493</v>
      </c>
      <c r="E7084">
        <v>13969.68952</v>
      </c>
      <c r="F7084">
        <v>51921.094960000002</v>
      </c>
      <c r="G7084">
        <v>36513.021959999998</v>
      </c>
      <c r="H7084">
        <v>35622.229650000001</v>
      </c>
      <c r="I7084">
        <v>16733.579750000001</v>
      </c>
      <c r="J7084">
        <v>27144.46948</v>
      </c>
      <c r="K7084">
        <v>46684.982479999999</v>
      </c>
      <c r="L7084">
        <v>17471.979350000001</v>
      </c>
      <c r="M7084">
        <v>305928.53570000001</v>
      </c>
      <c r="N7084">
        <v>75770.656820000004</v>
      </c>
      <c r="O7084">
        <v>19114.71644</v>
      </c>
      <c r="P7084">
        <v>25440.886620000001</v>
      </c>
      <c r="Q7084">
        <v>85870.536789999998</v>
      </c>
      <c r="R7084">
        <v>17836.042000000001</v>
      </c>
      <c r="S7084">
        <v>75153.683290000001</v>
      </c>
      <c r="T7084">
        <v>24057.5949</v>
      </c>
      <c r="U7084">
        <v>13243.52274</v>
      </c>
      <c r="W7084" s="83">
        <f>Bühler!N7116</f>
        <v>45587.083333316157</v>
      </c>
      <c r="X7084" s="83">
        <v>43396.083333333336</v>
      </c>
      <c r="Y7084">
        <v>240542.8493</v>
      </c>
      <c r="Z7084">
        <v>13969.68952</v>
      </c>
      <c r="AA7084">
        <v>51921.094960000002</v>
      </c>
      <c r="AB7084">
        <v>36513.021959999998</v>
      </c>
      <c r="AC7084">
        <v>35622.229650000001</v>
      </c>
      <c r="AD7084">
        <v>16733.579750000001</v>
      </c>
      <c r="AE7084">
        <v>27144.46948</v>
      </c>
      <c r="AF7084">
        <v>46684.982479999999</v>
      </c>
      <c r="AG7084">
        <v>17471.979350000001</v>
      </c>
      <c r="AH7084">
        <v>305928.53570000001</v>
      </c>
      <c r="AI7084">
        <v>75770.656820000004</v>
      </c>
      <c r="AJ7084">
        <v>19114.71644</v>
      </c>
      <c r="AK7084">
        <v>25440.886620000001</v>
      </c>
      <c r="AL7084">
        <v>85870.536789999998</v>
      </c>
      <c r="AM7084">
        <v>17836.042000000001</v>
      </c>
      <c r="AN7084">
        <v>75153.683290000001</v>
      </c>
      <c r="AO7084">
        <v>24057.5949</v>
      </c>
      <c r="AP7084">
        <v>13243.52274</v>
      </c>
    </row>
    <row r="7085" spans="2:42" x14ac:dyDescent="0.3">
      <c r="B7085">
        <v>60.727503946067344</v>
      </c>
      <c r="C7085" s="83">
        <v>43396.125</v>
      </c>
      <c r="D7085">
        <v>241275.56020000001</v>
      </c>
      <c r="E7085">
        <v>14128.94053</v>
      </c>
      <c r="F7085">
        <v>52819.002630000003</v>
      </c>
      <c r="G7085">
        <v>36001.553249999997</v>
      </c>
      <c r="H7085">
        <v>35741.863619999996</v>
      </c>
      <c r="I7085">
        <v>17058.562959999999</v>
      </c>
      <c r="J7085">
        <v>27362.811819999999</v>
      </c>
      <c r="K7085">
        <v>44430.581760000001</v>
      </c>
      <c r="L7085">
        <v>17340.188409999999</v>
      </c>
      <c r="M7085">
        <v>309617.1349</v>
      </c>
      <c r="N7085">
        <v>76073.227360000004</v>
      </c>
      <c r="O7085">
        <v>19468.039779999999</v>
      </c>
      <c r="P7085">
        <v>24317.755440000001</v>
      </c>
      <c r="Q7085">
        <v>88955.923179999998</v>
      </c>
      <c r="R7085">
        <v>17704.775369999999</v>
      </c>
      <c r="S7085">
        <v>74391.106920000006</v>
      </c>
      <c r="T7085">
        <v>23959.965179999999</v>
      </c>
      <c r="U7085">
        <v>13456.60151</v>
      </c>
      <c r="W7085" s="83">
        <f>Bühler!N7117</f>
        <v>45587.124999982821</v>
      </c>
      <c r="X7085" s="83">
        <v>43396.125</v>
      </c>
      <c r="Y7085">
        <v>241275.56020000001</v>
      </c>
      <c r="Z7085">
        <v>14128.94053</v>
      </c>
      <c r="AA7085">
        <v>52819.002630000003</v>
      </c>
      <c r="AB7085">
        <v>36001.553249999997</v>
      </c>
      <c r="AC7085">
        <v>35741.863619999996</v>
      </c>
      <c r="AD7085">
        <v>17058.562959999999</v>
      </c>
      <c r="AE7085">
        <v>27362.811819999999</v>
      </c>
      <c r="AF7085">
        <v>44430.581760000001</v>
      </c>
      <c r="AG7085">
        <v>17340.188409999999</v>
      </c>
      <c r="AH7085">
        <v>309617.1349</v>
      </c>
      <c r="AI7085">
        <v>76073.227360000004</v>
      </c>
      <c r="AJ7085">
        <v>19468.039779999999</v>
      </c>
      <c r="AK7085">
        <v>24317.755440000001</v>
      </c>
      <c r="AL7085">
        <v>88955.923179999998</v>
      </c>
      <c r="AM7085">
        <v>17704.775369999999</v>
      </c>
      <c r="AN7085">
        <v>74391.106920000006</v>
      </c>
      <c r="AO7085">
        <v>23959.965179999999</v>
      </c>
      <c r="AP7085">
        <v>13456.60151</v>
      </c>
    </row>
    <row r="7086" spans="2:42" x14ac:dyDescent="0.3">
      <c r="B7086">
        <v>61.313356651501557</v>
      </c>
      <c r="C7086" s="83">
        <v>43396.166666666664</v>
      </c>
      <c r="D7086">
        <v>243558.90969999999</v>
      </c>
      <c r="E7086">
        <v>14514.556549999999</v>
      </c>
      <c r="F7086">
        <v>56408.162170000003</v>
      </c>
      <c r="G7086">
        <v>35486.358809999998</v>
      </c>
      <c r="H7086">
        <v>36460.583120000003</v>
      </c>
      <c r="I7086">
        <v>20249.405269999999</v>
      </c>
      <c r="J7086">
        <v>28915.533240000001</v>
      </c>
      <c r="K7086">
        <v>43715.50417</v>
      </c>
      <c r="L7086">
        <v>17418.235140000001</v>
      </c>
      <c r="M7086">
        <v>312604.08519999997</v>
      </c>
      <c r="N7086">
        <v>75151.293980000002</v>
      </c>
      <c r="O7086">
        <v>19921.451720000001</v>
      </c>
      <c r="P7086">
        <v>23652.899369999999</v>
      </c>
      <c r="Q7086">
        <v>92744.11348</v>
      </c>
      <c r="R7086">
        <v>17256.603309999999</v>
      </c>
      <c r="S7086">
        <v>75430.052559999996</v>
      </c>
      <c r="T7086">
        <v>24055.560710000002</v>
      </c>
      <c r="U7086">
        <v>14328.411899999999</v>
      </c>
      <c r="W7086" s="83">
        <f>Bühler!N7118</f>
        <v>45587.166666649486</v>
      </c>
      <c r="X7086" s="83">
        <v>43396.166666666664</v>
      </c>
      <c r="Y7086">
        <v>243558.90969999999</v>
      </c>
      <c r="Z7086">
        <v>14514.556549999999</v>
      </c>
      <c r="AA7086">
        <v>56408.162170000003</v>
      </c>
      <c r="AB7086">
        <v>35486.358809999998</v>
      </c>
      <c r="AC7086">
        <v>36460.583120000003</v>
      </c>
      <c r="AD7086">
        <v>20249.405269999999</v>
      </c>
      <c r="AE7086">
        <v>28915.533240000001</v>
      </c>
      <c r="AF7086">
        <v>43715.50417</v>
      </c>
      <c r="AG7086">
        <v>17418.235140000001</v>
      </c>
      <c r="AH7086">
        <v>312604.08519999997</v>
      </c>
      <c r="AI7086">
        <v>75151.293980000002</v>
      </c>
      <c r="AJ7086">
        <v>19921.451720000001</v>
      </c>
      <c r="AK7086">
        <v>23652.899369999999</v>
      </c>
      <c r="AL7086">
        <v>92744.11348</v>
      </c>
      <c r="AM7086">
        <v>17256.603309999999</v>
      </c>
      <c r="AN7086">
        <v>75430.052559999996</v>
      </c>
      <c r="AO7086">
        <v>24055.560710000002</v>
      </c>
      <c r="AP7086">
        <v>14328.411899999999</v>
      </c>
    </row>
    <row r="7087" spans="2:42" x14ac:dyDescent="0.3">
      <c r="B7087">
        <v>64.202097247629695</v>
      </c>
      <c r="C7087" s="83">
        <v>43396.208333333336</v>
      </c>
      <c r="D7087">
        <v>260029.1079</v>
      </c>
      <c r="E7087">
        <v>16733.30373</v>
      </c>
      <c r="F7087">
        <v>66872.14774</v>
      </c>
      <c r="G7087">
        <v>37931.201249999998</v>
      </c>
      <c r="H7087">
        <v>38759.287470000003</v>
      </c>
      <c r="I7087">
        <v>26453.497920000002</v>
      </c>
      <c r="J7087">
        <v>31713.527679999999</v>
      </c>
      <c r="K7087">
        <v>45599.956559999999</v>
      </c>
      <c r="L7087">
        <v>17980.962370000001</v>
      </c>
      <c r="M7087">
        <v>327332.23190000001</v>
      </c>
      <c r="N7087">
        <v>76472.955650000004</v>
      </c>
      <c r="O7087">
        <v>20818.84518</v>
      </c>
      <c r="P7087">
        <v>26569.457979999999</v>
      </c>
      <c r="Q7087">
        <v>95782.584260000003</v>
      </c>
      <c r="R7087">
        <v>18374.03354</v>
      </c>
      <c r="S7087">
        <v>77635.889389999997</v>
      </c>
      <c r="T7087">
        <v>25445.675169999999</v>
      </c>
      <c r="U7087">
        <v>16879.560990000002</v>
      </c>
      <c r="W7087" s="83">
        <f>Bühler!N7119</f>
        <v>45587.20833331615</v>
      </c>
      <c r="X7087" s="83">
        <v>43396.208333333336</v>
      </c>
      <c r="Y7087">
        <v>260029.1079</v>
      </c>
      <c r="Z7087">
        <v>16733.30373</v>
      </c>
      <c r="AA7087">
        <v>66872.14774</v>
      </c>
      <c r="AB7087">
        <v>37931.201249999998</v>
      </c>
      <c r="AC7087">
        <v>38759.287470000003</v>
      </c>
      <c r="AD7087">
        <v>26453.497920000002</v>
      </c>
      <c r="AE7087">
        <v>31713.527679999999</v>
      </c>
      <c r="AF7087">
        <v>45599.956559999999</v>
      </c>
      <c r="AG7087">
        <v>17980.962370000001</v>
      </c>
      <c r="AH7087">
        <v>327332.23190000001</v>
      </c>
      <c r="AI7087">
        <v>76472.955650000004</v>
      </c>
      <c r="AJ7087">
        <v>20818.84518</v>
      </c>
      <c r="AK7087">
        <v>26569.457979999999</v>
      </c>
      <c r="AL7087">
        <v>95782.584260000003</v>
      </c>
      <c r="AM7087">
        <v>18374.03354</v>
      </c>
      <c r="AN7087">
        <v>77635.889389999997</v>
      </c>
      <c r="AO7087">
        <v>25445.675169999999</v>
      </c>
      <c r="AP7087">
        <v>16879.560990000002</v>
      </c>
    </row>
    <row r="7088" spans="2:42" x14ac:dyDescent="0.3">
      <c r="B7088">
        <v>68.174366679584367</v>
      </c>
      <c r="C7088" s="83">
        <v>43396.25</v>
      </c>
      <c r="D7088">
        <v>276853.16039999999</v>
      </c>
      <c r="E7088">
        <v>21158.558919999999</v>
      </c>
      <c r="F7088">
        <v>80190.868010000006</v>
      </c>
      <c r="G7088">
        <v>46692.302409999997</v>
      </c>
      <c r="H7088">
        <v>42009.45996</v>
      </c>
      <c r="I7088">
        <v>33590.558510000003</v>
      </c>
      <c r="J7088">
        <v>35492.543060000004</v>
      </c>
      <c r="K7088">
        <v>49055.330220000003</v>
      </c>
      <c r="L7088">
        <v>19529.937900000001</v>
      </c>
      <c r="M7088">
        <v>347584.71389999997</v>
      </c>
      <c r="N7088">
        <v>79300.96819</v>
      </c>
      <c r="O7088">
        <v>21846.78631</v>
      </c>
      <c r="P7088">
        <v>27837.483090000002</v>
      </c>
      <c r="Q7088">
        <v>96983.656050000005</v>
      </c>
      <c r="R7088">
        <v>18011.53283</v>
      </c>
      <c r="S7088">
        <v>87224.916660000003</v>
      </c>
      <c r="T7088">
        <v>28588.93101</v>
      </c>
      <c r="U7088">
        <v>19681.032510000001</v>
      </c>
      <c r="W7088" s="83">
        <f>Bühler!N7120</f>
        <v>45587.249999982814</v>
      </c>
      <c r="X7088" s="83">
        <v>43396.25</v>
      </c>
      <c r="Y7088">
        <v>276853.16039999999</v>
      </c>
      <c r="Z7088">
        <v>21158.558919999999</v>
      </c>
      <c r="AA7088">
        <v>80190.868010000006</v>
      </c>
      <c r="AB7088">
        <v>46692.302409999997</v>
      </c>
      <c r="AC7088">
        <v>42009.45996</v>
      </c>
      <c r="AD7088">
        <v>33590.558510000003</v>
      </c>
      <c r="AE7088">
        <v>35492.543060000004</v>
      </c>
      <c r="AF7088">
        <v>49055.330220000003</v>
      </c>
      <c r="AG7088">
        <v>19529.937900000001</v>
      </c>
      <c r="AH7088">
        <v>347584.71389999997</v>
      </c>
      <c r="AI7088">
        <v>79300.96819</v>
      </c>
      <c r="AJ7088">
        <v>21846.78631</v>
      </c>
      <c r="AK7088">
        <v>27837.483090000002</v>
      </c>
      <c r="AL7088">
        <v>96983.656050000005</v>
      </c>
      <c r="AM7088">
        <v>18011.53283</v>
      </c>
      <c r="AN7088">
        <v>87224.916660000003</v>
      </c>
      <c r="AO7088">
        <v>28588.93101</v>
      </c>
      <c r="AP7088">
        <v>19681.032510000001</v>
      </c>
    </row>
    <row r="7089" spans="2:42" x14ac:dyDescent="0.3">
      <c r="B7089">
        <v>70.299471892271555</v>
      </c>
      <c r="C7089" s="83">
        <v>43396.291666666664</v>
      </c>
      <c r="D7089">
        <v>292479.3812</v>
      </c>
      <c r="E7089">
        <v>26640.489219999999</v>
      </c>
      <c r="F7089">
        <v>84133.176210000005</v>
      </c>
      <c r="G7089">
        <v>57999.994610000002</v>
      </c>
      <c r="H7089">
        <v>48693.690880000002</v>
      </c>
      <c r="I7089">
        <v>41526.830399999999</v>
      </c>
      <c r="J7089">
        <v>37473.02938</v>
      </c>
      <c r="K7089">
        <v>54492.990380000003</v>
      </c>
      <c r="L7089">
        <v>22711.137620000001</v>
      </c>
      <c r="M7089">
        <v>358419.49129999999</v>
      </c>
      <c r="N7089">
        <v>85733.741540000003</v>
      </c>
      <c r="O7089">
        <v>24219.837749999999</v>
      </c>
      <c r="P7089">
        <v>30941.957460000001</v>
      </c>
      <c r="Q7089">
        <v>97156.725709999999</v>
      </c>
      <c r="R7089">
        <v>20800.693609999998</v>
      </c>
      <c r="S7089">
        <v>103569.3618</v>
      </c>
      <c r="T7089">
        <v>31124.552879999999</v>
      </c>
      <c r="U7089">
        <v>25491.423699999999</v>
      </c>
      <c r="W7089" s="83">
        <f>Bühler!N7121</f>
        <v>45587.291666649478</v>
      </c>
      <c r="X7089" s="83">
        <v>43396.291666666664</v>
      </c>
      <c r="Y7089">
        <v>292479.3812</v>
      </c>
      <c r="Z7089">
        <v>26640.489219999999</v>
      </c>
      <c r="AA7089">
        <v>84133.176210000005</v>
      </c>
      <c r="AB7089">
        <v>57999.994610000002</v>
      </c>
      <c r="AC7089">
        <v>48693.690880000002</v>
      </c>
      <c r="AD7089">
        <v>41526.830399999999</v>
      </c>
      <c r="AE7089">
        <v>37473.02938</v>
      </c>
      <c r="AF7089">
        <v>54492.990380000003</v>
      </c>
      <c r="AG7089">
        <v>22711.137620000001</v>
      </c>
      <c r="AH7089">
        <v>358419.49129999999</v>
      </c>
      <c r="AI7089">
        <v>85733.741540000003</v>
      </c>
      <c r="AJ7089">
        <v>24219.837749999999</v>
      </c>
      <c r="AK7089">
        <v>30941.957460000001</v>
      </c>
      <c r="AL7089">
        <v>97156.725709999999</v>
      </c>
      <c r="AM7089">
        <v>20800.693609999998</v>
      </c>
      <c r="AN7089">
        <v>103569.3618</v>
      </c>
      <c r="AO7089">
        <v>31124.552879999999</v>
      </c>
      <c r="AP7089">
        <v>25491.423699999999</v>
      </c>
    </row>
    <row r="7090" spans="2:42" x14ac:dyDescent="0.3">
      <c r="B7090">
        <v>70.969531822232696</v>
      </c>
      <c r="C7090" s="83">
        <v>43396.333333333336</v>
      </c>
      <c r="D7090">
        <v>302498.76890000002</v>
      </c>
      <c r="E7090">
        <v>33125.308960000002</v>
      </c>
      <c r="F7090">
        <v>91800.401719999994</v>
      </c>
      <c r="G7090">
        <v>67958.741729999994</v>
      </c>
      <c r="H7090">
        <v>53017.290079999999</v>
      </c>
      <c r="I7090">
        <v>44822.234179999999</v>
      </c>
      <c r="J7090">
        <v>38338.041360000003</v>
      </c>
      <c r="K7090">
        <v>60668.940670000004</v>
      </c>
      <c r="L7090">
        <v>26031.721529999999</v>
      </c>
      <c r="M7090">
        <v>361835.76929999999</v>
      </c>
      <c r="N7090">
        <v>94341.007519999999</v>
      </c>
      <c r="O7090">
        <v>25812.309150000001</v>
      </c>
      <c r="P7090">
        <v>32811.81611</v>
      </c>
      <c r="Q7090">
        <v>98445.498000000007</v>
      </c>
      <c r="R7090">
        <v>21701.15047</v>
      </c>
      <c r="S7090">
        <v>118581.0095</v>
      </c>
      <c r="T7090">
        <v>34393.466800000002</v>
      </c>
      <c r="U7090">
        <v>28204.873380000001</v>
      </c>
      <c r="W7090" s="83">
        <f>Bühler!N7122</f>
        <v>45587.333333316143</v>
      </c>
      <c r="X7090" s="83">
        <v>43396.333333333336</v>
      </c>
      <c r="Y7090">
        <v>302498.76890000002</v>
      </c>
      <c r="Z7090">
        <v>33125.308960000002</v>
      </c>
      <c r="AA7090">
        <v>91800.401719999994</v>
      </c>
      <c r="AB7090">
        <v>67958.741729999994</v>
      </c>
      <c r="AC7090">
        <v>53017.290079999999</v>
      </c>
      <c r="AD7090">
        <v>44822.234179999999</v>
      </c>
      <c r="AE7090">
        <v>38338.041360000003</v>
      </c>
      <c r="AF7090">
        <v>60668.940670000004</v>
      </c>
      <c r="AG7090">
        <v>26031.721529999999</v>
      </c>
      <c r="AH7090">
        <v>361835.76929999999</v>
      </c>
      <c r="AI7090">
        <v>94341.007519999999</v>
      </c>
      <c r="AJ7090">
        <v>25812.309150000001</v>
      </c>
      <c r="AK7090">
        <v>32811.81611</v>
      </c>
      <c r="AL7090">
        <v>98445.498000000007</v>
      </c>
      <c r="AM7090">
        <v>21701.15047</v>
      </c>
      <c r="AN7090">
        <v>118581.0095</v>
      </c>
      <c r="AO7090">
        <v>34393.466800000002</v>
      </c>
      <c r="AP7090">
        <v>28204.873380000001</v>
      </c>
    </row>
    <row r="7091" spans="2:42" x14ac:dyDescent="0.3">
      <c r="B7091">
        <v>70.845846216070953</v>
      </c>
      <c r="C7091" s="83">
        <v>43396.375</v>
      </c>
      <c r="D7091">
        <v>303866.89840000001</v>
      </c>
      <c r="E7091">
        <v>36582.16231</v>
      </c>
      <c r="F7091">
        <v>95980.385670000003</v>
      </c>
      <c r="G7091">
        <v>72325.949949999995</v>
      </c>
      <c r="H7091">
        <v>54594.452570000001</v>
      </c>
      <c r="I7091">
        <v>42805.809990000002</v>
      </c>
      <c r="J7091">
        <v>37545.486830000002</v>
      </c>
      <c r="K7091">
        <v>62914.784870000003</v>
      </c>
      <c r="L7091">
        <v>28962.25677</v>
      </c>
      <c r="M7091">
        <v>361205.16239999997</v>
      </c>
      <c r="N7091">
        <v>97202.752049999996</v>
      </c>
      <c r="O7091">
        <v>26744.567470000002</v>
      </c>
      <c r="P7091">
        <v>34008.375169999999</v>
      </c>
      <c r="Q7091">
        <v>97969.362649999995</v>
      </c>
      <c r="R7091">
        <v>22355.51022</v>
      </c>
      <c r="S7091">
        <v>123899.41499999999</v>
      </c>
      <c r="T7091">
        <v>36900.601329999998</v>
      </c>
      <c r="U7091">
        <v>27908.62384</v>
      </c>
      <c r="W7091" s="83">
        <f>Bühler!N7123</f>
        <v>45587.374999982807</v>
      </c>
      <c r="X7091" s="83">
        <v>43396.375</v>
      </c>
      <c r="Y7091">
        <v>303866.89840000001</v>
      </c>
      <c r="Z7091">
        <v>36582.16231</v>
      </c>
      <c r="AA7091">
        <v>95980.385670000003</v>
      </c>
      <c r="AB7091">
        <v>72325.949949999995</v>
      </c>
      <c r="AC7091">
        <v>54594.452570000001</v>
      </c>
      <c r="AD7091">
        <v>42805.809990000002</v>
      </c>
      <c r="AE7091">
        <v>37545.486830000002</v>
      </c>
      <c r="AF7091">
        <v>62914.784870000003</v>
      </c>
      <c r="AG7091">
        <v>28962.25677</v>
      </c>
      <c r="AH7091">
        <v>361205.16239999997</v>
      </c>
      <c r="AI7091">
        <v>97202.752049999996</v>
      </c>
      <c r="AJ7091">
        <v>26744.567470000002</v>
      </c>
      <c r="AK7091">
        <v>34008.375169999999</v>
      </c>
      <c r="AL7091">
        <v>97969.362649999995</v>
      </c>
      <c r="AM7091">
        <v>22355.51022</v>
      </c>
      <c r="AN7091">
        <v>123899.41499999999</v>
      </c>
      <c r="AO7091">
        <v>36900.601329999998</v>
      </c>
      <c r="AP7091">
        <v>27908.62384</v>
      </c>
    </row>
    <row r="7092" spans="2:42" x14ac:dyDescent="0.3">
      <c r="B7092">
        <v>70.677465757630841</v>
      </c>
      <c r="C7092" s="83">
        <v>43396.416666666664</v>
      </c>
      <c r="D7092">
        <v>305005.0013</v>
      </c>
      <c r="E7092">
        <v>37631.277750000001</v>
      </c>
      <c r="F7092">
        <v>95770.483840000001</v>
      </c>
      <c r="G7092">
        <v>72748.341310000003</v>
      </c>
      <c r="H7092">
        <v>55411.084150000002</v>
      </c>
      <c r="I7092">
        <v>40140.415309999997</v>
      </c>
      <c r="J7092">
        <v>36259.224090000003</v>
      </c>
      <c r="K7092">
        <v>63564.913540000001</v>
      </c>
      <c r="L7092">
        <v>31847.778119999999</v>
      </c>
      <c r="M7092">
        <v>360346.68030000001</v>
      </c>
      <c r="N7092">
        <v>100539.5772</v>
      </c>
      <c r="O7092">
        <v>27485.19529</v>
      </c>
      <c r="P7092">
        <v>34178.810949999999</v>
      </c>
      <c r="Q7092">
        <v>98110.169529999999</v>
      </c>
      <c r="R7092">
        <v>22527.298869999999</v>
      </c>
      <c r="S7092">
        <v>122423.4203</v>
      </c>
      <c r="T7092">
        <v>37840.885750000001</v>
      </c>
      <c r="U7092">
        <v>27677.145329999999</v>
      </c>
      <c r="W7092" s="83">
        <f>Bühler!N7124</f>
        <v>45587.416666649471</v>
      </c>
      <c r="X7092" s="83">
        <v>43396.416666666664</v>
      </c>
      <c r="Y7092">
        <v>305005.0013</v>
      </c>
      <c r="Z7092">
        <v>37631.277750000001</v>
      </c>
      <c r="AA7092">
        <v>95770.483840000001</v>
      </c>
      <c r="AB7092">
        <v>72748.341310000003</v>
      </c>
      <c r="AC7092">
        <v>55411.084150000002</v>
      </c>
      <c r="AD7092">
        <v>40140.415309999997</v>
      </c>
      <c r="AE7092">
        <v>36259.224090000003</v>
      </c>
      <c r="AF7092">
        <v>63564.913540000001</v>
      </c>
      <c r="AG7092">
        <v>31847.778119999999</v>
      </c>
      <c r="AH7092">
        <v>360346.68030000001</v>
      </c>
      <c r="AI7092">
        <v>100539.5772</v>
      </c>
      <c r="AJ7092">
        <v>27485.19529</v>
      </c>
      <c r="AK7092">
        <v>34178.810949999999</v>
      </c>
      <c r="AL7092">
        <v>98110.169529999999</v>
      </c>
      <c r="AM7092">
        <v>22527.298869999999</v>
      </c>
      <c r="AN7092">
        <v>122423.4203</v>
      </c>
      <c r="AO7092">
        <v>37840.885750000001</v>
      </c>
      <c r="AP7092">
        <v>27677.145329999999</v>
      </c>
    </row>
    <row r="7093" spans="2:42" x14ac:dyDescent="0.3">
      <c r="B7093">
        <v>69.367273721051106</v>
      </c>
      <c r="C7093" s="83">
        <v>43396.458333333336</v>
      </c>
      <c r="D7093">
        <v>303413.79070000001</v>
      </c>
      <c r="E7093">
        <v>37005.907780000001</v>
      </c>
      <c r="F7093">
        <v>95757.258369999996</v>
      </c>
      <c r="G7093">
        <v>70946.846139999994</v>
      </c>
      <c r="H7093">
        <v>54416.48158</v>
      </c>
      <c r="I7093">
        <v>38950.364609999997</v>
      </c>
      <c r="J7093">
        <v>35813.869310000002</v>
      </c>
      <c r="K7093">
        <v>64337.791680000002</v>
      </c>
      <c r="L7093">
        <v>32281.1224</v>
      </c>
      <c r="M7093">
        <v>353666.71029999998</v>
      </c>
      <c r="N7093">
        <v>99604.939719999995</v>
      </c>
      <c r="O7093">
        <v>26912.528340000001</v>
      </c>
      <c r="P7093">
        <v>32812.857080000002</v>
      </c>
      <c r="Q7093">
        <v>98317.436579999994</v>
      </c>
      <c r="R7093">
        <v>22443.31724</v>
      </c>
      <c r="S7093">
        <v>123697.4286</v>
      </c>
      <c r="T7093">
        <v>38091.978159999999</v>
      </c>
      <c r="U7093">
        <v>26307.046989999999</v>
      </c>
      <c r="W7093" s="83">
        <f>Bühler!N7125</f>
        <v>45587.458333316135</v>
      </c>
      <c r="X7093" s="83">
        <v>43396.458333333336</v>
      </c>
      <c r="Y7093">
        <v>303413.79070000001</v>
      </c>
      <c r="Z7093">
        <v>37005.907780000001</v>
      </c>
      <c r="AA7093">
        <v>95757.258369999996</v>
      </c>
      <c r="AB7093">
        <v>70946.846139999994</v>
      </c>
      <c r="AC7093">
        <v>54416.48158</v>
      </c>
      <c r="AD7093">
        <v>38950.364609999997</v>
      </c>
      <c r="AE7093">
        <v>35813.869310000002</v>
      </c>
      <c r="AF7093">
        <v>64337.791680000002</v>
      </c>
      <c r="AG7093">
        <v>32281.1224</v>
      </c>
      <c r="AH7093">
        <v>353666.71029999998</v>
      </c>
      <c r="AI7093">
        <v>99604.939719999995</v>
      </c>
      <c r="AJ7093">
        <v>26912.528340000001</v>
      </c>
      <c r="AK7093">
        <v>32812.857080000002</v>
      </c>
      <c r="AL7093">
        <v>98317.436579999994</v>
      </c>
      <c r="AM7093">
        <v>22443.31724</v>
      </c>
      <c r="AN7093">
        <v>123697.4286</v>
      </c>
      <c r="AO7093">
        <v>38091.978159999999</v>
      </c>
      <c r="AP7093">
        <v>26307.046989999999</v>
      </c>
    </row>
    <row r="7094" spans="2:42" x14ac:dyDescent="0.3">
      <c r="B7094">
        <v>70.012318540301308</v>
      </c>
      <c r="C7094" s="83">
        <v>43396.5</v>
      </c>
      <c r="D7094">
        <v>289846.48050000001</v>
      </c>
      <c r="E7094">
        <v>33300.741349999997</v>
      </c>
      <c r="F7094">
        <v>88964.620420000007</v>
      </c>
      <c r="G7094">
        <v>67215.255810000002</v>
      </c>
      <c r="H7094">
        <v>51182.585480000002</v>
      </c>
      <c r="I7094">
        <v>36648.589220000002</v>
      </c>
      <c r="J7094">
        <v>35393.295720000002</v>
      </c>
      <c r="K7094">
        <v>60631.713199999998</v>
      </c>
      <c r="L7094">
        <v>35594.623399999997</v>
      </c>
      <c r="M7094">
        <v>356955.44959999999</v>
      </c>
      <c r="N7094">
        <v>94589.174729999999</v>
      </c>
      <c r="O7094">
        <v>25467.010259999999</v>
      </c>
      <c r="P7094">
        <v>34352.744879999998</v>
      </c>
      <c r="Q7094">
        <v>96611.85484</v>
      </c>
      <c r="R7094">
        <v>24375.685679999999</v>
      </c>
      <c r="S7094">
        <v>116545.5935</v>
      </c>
      <c r="T7094">
        <v>37943.239849999998</v>
      </c>
      <c r="U7094">
        <v>21710.615040000001</v>
      </c>
      <c r="W7094" s="83">
        <f>Bühler!N7126</f>
        <v>45587.4999999828</v>
      </c>
      <c r="X7094" s="83">
        <v>43396.5</v>
      </c>
      <c r="Y7094">
        <v>289846.48050000001</v>
      </c>
      <c r="Z7094">
        <v>33300.741349999997</v>
      </c>
      <c r="AA7094">
        <v>88964.620420000007</v>
      </c>
      <c r="AB7094">
        <v>67215.255810000002</v>
      </c>
      <c r="AC7094">
        <v>51182.585480000002</v>
      </c>
      <c r="AD7094">
        <v>36648.589220000002</v>
      </c>
      <c r="AE7094">
        <v>35393.295720000002</v>
      </c>
      <c r="AF7094">
        <v>60631.713199999998</v>
      </c>
      <c r="AG7094">
        <v>35594.623399999997</v>
      </c>
      <c r="AH7094">
        <v>356955.44959999999</v>
      </c>
      <c r="AI7094">
        <v>94589.174729999999</v>
      </c>
      <c r="AJ7094">
        <v>25467.010259999999</v>
      </c>
      <c r="AK7094">
        <v>34352.744879999998</v>
      </c>
      <c r="AL7094">
        <v>96611.85484</v>
      </c>
      <c r="AM7094">
        <v>24375.685679999999</v>
      </c>
      <c r="AN7094">
        <v>116545.5935</v>
      </c>
      <c r="AO7094">
        <v>37943.239849999998</v>
      </c>
      <c r="AP7094">
        <v>21710.615040000001</v>
      </c>
    </row>
    <row r="7095" spans="2:42" x14ac:dyDescent="0.3">
      <c r="B7095">
        <v>68.574532663462847</v>
      </c>
      <c r="C7095" s="83">
        <v>43396.541666666664</v>
      </c>
      <c r="D7095">
        <v>291389.02720000001</v>
      </c>
      <c r="E7095">
        <v>33275.847249999999</v>
      </c>
      <c r="F7095">
        <v>86508.326709999994</v>
      </c>
      <c r="G7095">
        <v>65186.852650000001</v>
      </c>
      <c r="H7095">
        <v>51554.064550000003</v>
      </c>
      <c r="I7095">
        <v>36465.908860000003</v>
      </c>
      <c r="J7095">
        <v>33836.772799999999</v>
      </c>
      <c r="K7095">
        <v>61653.494680000003</v>
      </c>
      <c r="L7095">
        <v>33867.286460000003</v>
      </c>
      <c r="M7095">
        <v>349624.94669999997</v>
      </c>
      <c r="N7095">
        <v>96024.030939999997</v>
      </c>
      <c r="O7095">
        <v>24962.169460000001</v>
      </c>
      <c r="P7095">
        <v>33111.341379999998</v>
      </c>
      <c r="Q7095">
        <v>95506.726160000006</v>
      </c>
      <c r="R7095">
        <v>24209.185659999999</v>
      </c>
      <c r="S7095">
        <v>114877.8178</v>
      </c>
      <c r="T7095">
        <v>36533.385090000003</v>
      </c>
      <c r="U7095">
        <v>23627.500469999999</v>
      </c>
      <c r="W7095" s="83">
        <f>Bühler!N7127</f>
        <v>45587.541666649464</v>
      </c>
      <c r="X7095" s="83">
        <v>43396.541666666664</v>
      </c>
      <c r="Y7095">
        <v>291389.02720000001</v>
      </c>
      <c r="Z7095">
        <v>33275.847249999999</v>
      </c>
      <c r="AA7095">
        <v>86508.326709999994</v>
      </c>
      <c r="AB7095">
        <v>65186.852650000001</v>
      </c>
      <c r="AC7095">
        <v>51554.064550000003</v>
      </c>
      <c r="AD7095">
        <v>36465.908860000003</v>
      </c>
      <c r="AE7095">
        <v>33836.772799999999</v>
      </c>
      <c r="AF7095">
        <v>61653.494680000003</v>
      </c>
      <c r="AG7095">
        <v>33867.286460000003</v>
      </c>
      <c r="AH7095">
        <v>349624.94669999997</v>
      </c>
      <c r="AI7095">
        <v>96024.030939999997</v>
      </c>
      <c r="AJ7095">
        <v>24962.169460000001</v>
      </c>
      <c r="AK7095">
        <v>33111.341379999998</v>
      </c>
      <c r="AL7095">
        <v>95506.726160000006</v>
      </c>
      <c r="AM7095">
        <v>24209.185659999999</v>
      </c>
      <c r="AN7095">
        <v>114877.8178</v>
      </c>
      <c r="AO7095">
        <v>36533.385090000003</v>
      </c>
      <c r="AP7095">
        <v>23627.500469999999</v>
      </c>
    </row>
    <row r="7096" spans="2:42" x14ac:dyDescent="0.3">
      <c r="B7096">
        <v>67.299741390150842</v>
      </c>
      <c r="C7096" s="83">
        <v>43396.583333333336</v>
      </c>
      <c r="D7096">
        <v>295270.9682</v>
      </c>
      <c r="E7096">
        <v>35880.310599999997</v>
      </c>
      <c r="F7096">
        <v>93413.855970000004</v>
      </c>
      <c r="G7096">
        <v>63149.621619999998</v>
      </c>
      <c r="H7096">
        <v>51164.357100000001</v>
      </c>
      <c r="I7096">
        <v>37322.283049999998</v>
      </c>
      <c r="J7096">
        <v>33522.584640000001</v>
      </c>
      <c r="K7096">
        <v>64155.587729999999</v>
      </c>
      <c r="L7096">
        <v>30057.845840000002</v>
      </c>
      <c r="M7096">
        <v>343125.46629999997</v>
      </c>
      <c r="N7096">
        <v>97114.967529999994</v>
      </c>
      <c r="O7096">
        <v>24690.737550000002</v>
      </c>
      <c r="P7096">
        <v>30242.708839999999</v>
      </c>
      <c r="Q7096">
        <v>96285.277350000004</v>
      </c>
      <c r="R7096">
        <v>23339.781510000001</v>
      </c>
      <c r="S7096">
        <v>109925.9847</v>
      </c>
      <c r="T7096">
        <v>35503.530169999998</v>
      </c>
      <c r="U7096">
        <v>24641.186699999998</v>
      </c>
      <c r="W7096" s="83">
        <f>Bühler!N7128</f>
        <v>45587.583333316128</v>
      </c>
      <c r="X7096" s="83">
        <v>43396.583333333336</v>
      </c>
      <c r="Y7096">
        <v>295270.9682</v>
      </c>
      <c r="Z7096">
        <v>35880.310599999997</v>
      </c>
      <c r="AA7096">
        <v>93413.855970000004</v>
      </c>
      <c r="AB7096">
        <v>63149.621619999998</v>
      </c>
      <c r="AC7096">
        <v>51164.357100000001</v>
      </c>
      <c r="AD7096">
        <v>37322.283049999998</v>
      </c>
      <c r="AE7096">
        <v>33522.584640000001</v>
      </c>
      <c r="AF7096">
        <v>64155.587729999999</v>
      </c>
      <c r="AG7096">
        <v>30057.845840000002</v>
      </c>
      <c r="AH7096">
        <v>343125.46629999997</v>
      </c>
      <c r="AI7096">
        <v>97114.967529999994</v>
      </c>
      <c r="AJ7096">
        <v>24690.737550000002</v>
      </c>
      <c r="AK7096">
        <v>30242.708839999999</v>
      </c>
      <c r="AL7096">
        <v>96285.277350000004</v>
      </c>
      <c r="AM7096">
        <v>23339.781510000001</v>
      </c>
      <c r="AN7096">
        <v>109925.9847</v>
      </c>
      <c r="AO7096">
        <v>35503.530169999998</v>
      </c>
      <c r="AP7096">
        <v>24641.186699999998</v>
      </c>
    </row>
    <row r="7097" spans="2:42" x14ac:dyDescent="0.3">
      <c r="B7097">
        <v>67.31083666786887</v>
      </c>
      <c r="C7097" s="83">
        <v>43396.625</v>
      </c>
      <c r="D7097">
        <v>291532.00559999997</v>
      </c>
      <c r="E7097">
        <v>35346.416160000001</v>
      </c>
      <c r="F7097">
        <v>94035.371920000005</v>
      </c>
      <c r="G7097">
        <v>61082.191209999997</v>
      </c>
      <c r="H7097">
        <v>50190.969579999997</v>
      </c>
      <c r="I7097">
        <v>37302.08309</v>
      </c>
      <c r="J7097">
        <v>33512.057130000001</v>
      </c>
      <c r="K7097">
        <v>63636.125809999998</v>
      </c>
      <c r="L7097">
        <v>27008.21369</v>
      </c>
      <c r="M7097">
        <v>343182.03519999998</v>
      </c>
      <c r="N7097">
        <v>94293.530809999997</v>
      </c>
      <c r="O7097">
        <v>24421.54708</v>
      </c>
      <c r="P7097">
        <v>28023.655200000001</v>
      </c>
      <c r="Q7097">
        <v>94663.096139999994</v>
      </c>
      <c r="R7097">
        <v>22900.907770000002</v>
      </c>
      <c r="S7097">
        <v>107547.6093</v>
      </c>
      <c r="T7097">
        <v>34999.196049999999</v>
      </c>
      <c r="U7097">
        <v>23372.71614</v>
      </c>
      <c r="W7097" s="83">
        <f>Bühler!N7129</f>
        <v>45587.624999982792</v>
      </c>
      <c r="X7097" s="83">
        <v>43396.625</v>
      </c>
      <c r="Y7097">
        <v>291532.00559999997</v>
      </c>
      <c r="Z7097">
        <v>35346.416160000001</v>
      </c>
      <c r="AA7097">
        <v>94035.371920000005</v>
      </c>
      <c r="AB7097">
        <v>61082.191209999997</v>
      </c>
      <c r="AC7097">
        <v>50190.969579999997</v>
      </c>
      <c r="AD7097">
        <v>37302.08309</v>
      </c>
      <c r="AE7097">
        <v>33512.057130000001</v>
      </c>
      <c r="AF7097">
        <v>63636.125809999998</v>
      </c>
      <c r="AG7097">
        <v>27008.21369</v>
      </c>
      <c r="AH7097">
        <v>343182.03519999998</v>
      </c>
      <c r="AI7097">
        <v>94293.530809999997</v>
      </c>
      <c r="AJ7097">
        <v>24421.54708</v>
      </c>
      <c r="AK7097">
        <v>28023.655200000001</v>
      </c>
      <c r="AL7097">
        <v>94663.096139999994</v>
      </c>
      <c r="AM7097">
        <v>22900.907770000002</v>
      </c>
      <c r="AN7097">
        <v>107547.6093</v>
      </c>
      <c r="AO7097">
        <v>34999.196049999999</v>
      </c>
      <c r="AP7097">
        <v>23372.71614</v>
      </c>
    </row>
    <row r="7098" spans="2:42" x14ac:dyDescent="0.3">
      <c r="B7098">
        <v>68.541056302425531</v>
      </c>
      <c r="C7098" s="83">
        <v>43396.666666666664</v>
      </c>
      <c r="D7098">
        <v>284699.42290000001</v>
      </c>
      <c r="E7098">
        <v>34763.561470000001</v>
      </c>
      <c r="F7098">
        <v>94079.114740000005</v>
      </c>
      <c r="G7098">
        <v>58892.015019999999</v>
      </c>
      <c r="H7098">
        <v>48553.299529999997</v>
      </c>
      <c r="I7098">
        <v>38287.924579999999</v>
      </c>
      <c r="J7098">
        <v>33060.8367</v>
      </c>
      <c r="K7098">
        <v>60609.96082</v>
      </c>
      <c r="L7098">
        <v>25945.608840000001</v>
      </c>
      <c r="M7098">
        <v>349454.26860000001</v>
      </c>
      <c r="N7098">
        <v>91343.988259999998</v>
      </c>
      <c r="O7098">
        <v>23894.593550000001</v>
      </c>
      <c r="P7098">
        <v>28165.280750000002</v>
      </c>
      <c r="Q7098">
        <v>93530.891820000004</v>
      </c>
      <c r="R7098">
        <v>23019.684450000001</v>
      </c>
      <c r="S7098">
        <v>103898.5313</v>
      </c>
      <c r="T7098">
        <v>34422.23833</v>
      </c>
      <c r="U7098">
        <v>21191.07044</v>
      </c>
      <c r="W7098" s="83">
        <f>Bühler!N7130</f>
        <v>45587.666666649457</v>
      </c>
      <c r="X7098" s="83">
        <v>43396.666666666664</v>
      </c>
      <c r="Y7098">
        <v>284699.42290000001</v>
      </c>
      <c r="Z7098">
        <v>34763.561470000001</v>
      </c>
      <c r="AA7098">
        <v>94079.114740000005</v>
      </c>
      <c r="AB7098">
        <v>58892.015019999999</v>
      </c>
      <c r="AC7098">
        <v>48553.299529999997</v>
      </c>
      <c r="AD7098">
        <v>38287.924579999999</v>
      </c>
      <c r="AE7098">
        <v>33060.8367</v>
      </c>
      <c r="AF7098">
        <v>60609.96082</v>
      </c>
      <c r="AG7098">
        <v>25945.608840000001</v>
      </c>
      <c r="AH7098">
        <v>349454.26860000001</v>
      </c>
      <c r="AI7098">
        <v>91343.988259999998</v>
      </c>
      <c r="AJ7098">
        <v>23894.593550000001</v>
      </c>
      <c r="AK7098">
        <v>28165.280750000002</v>
      </c>
      <c r="AL7098">
        <v>93530.891820000004</v>
      </c>
      <c r="AM7098">
        <v>23019.684450000001</v>
      </c>
      <c r="AN7098">
        <v>103898.5313</v>
      </c>
      <c r="AO7098">
        <v>34422.23833</v>
      </c>
      <c r="AP7098">
        <v>21191.07044</v>
      </c>
    </row>
    <row r="7099" spans="2:42" x14ac:dyDescent="0.3">
      <c r="B7099">
        <v>67.80550093175664</v>
      </c>
      <c r="C7099" s="83">
        <v>43396.708333333336</v>
      </c>
      <c r="D7099">
        <v>275838.755</v>
      </c>
      <c r="E7099">
        <v>33001.932860000001</v>
      </c>
      <c r="F7099">
        <v>94537.441860000006</v>
      </c>
      <c r="G7099">
        <v>54549.472260000002</v>
      </c>
      <c r="H7099">
        <v>46858.115319999997</v>
      </c>
      <c r="I7099">
        <v>37464.713009999999</v>
      </c>
      <c r="J7099">
        <v>33063.207159999998</v>
      </c>
      <c r="K7099">
        <v>55395.83279</v>
      </c>
      <c r="L7099">
        <v>27134.645949999998</v>
      </c>
      <c r="M7099">
        <v>345704.06430000003</v>
      </c>
      <c r="N7099">
        <v>88179.9611</v>
      </c>
      <c r="O7099">
        <v>22834.372360000001</v>
      </c>
      <c r="P7099">
        <v>31241.690790000001</v>
      </c>
      <c r="Q7099">
        <v>91815.284209999998</v>
      </c>
      <c r="R7099">
        <v>21921.55373</v>
      </c>
      <c r="S7099">
        <v>102144.9136</v>
      </c>
      <c r="T7099">
        <v>34194.796750000001</v>
      </c>
      <c r="U7099">
        <v>18082.926530000001</v>
      </c>
      <c r="W7099" s="83">
        <f>Bühler!N7131</f>
        <v>45587.708333316121</v>
      </c>
      <c r="X7099" s="83">
        <v>43396.708333333336</v>
      </c>
      <c r="Y7099">
        <v>275838.755</v>
      </c>
      <c r="Z7099">
        <v>33001.932860000001</v>
      </c>
      <c r="AA7099">
        <v>94537.441860000006</v>
      </c>
      <c r="AB7099">
        <v>54549.472260000002</v>
      </c>
      <c r="AC7099">
        <v>46858.115319999997</v>
      </c>
      <c r="AD7099">
        <v>37464.713009999999</v>
      </c>
      <c r="AE7099">
        <v>33063.207159999998</v>
      </c>
      <c r="AF7099">
        <v>55395.83279</v>
      </c>
      <c r="AG7099">
        <v>27134.645949999998</v>
      </c>
      <c r="AH7099">
        <v>345704.06430000003</v>
      </c>
      <c r="AI7099">
        <v>88179.9611</v>
      </c>
      <c r="AJ7099">
        <v>22834.372360000001</v>
      </c>
      <c r="AK7099">
        <v>31241.690790000001</v>
      </c>
      <c r="AL7099">
        <v>91815.284209999998</v>
      </c>
      <c r="AM7099">
        <v>21921.55373</v>
      </c>
      <c r="AN7099">
        <v>102144.9136</v>
      </c>
      <c r="AO7099">
        <v>34194.796750000001</v>
      </c>
      <c r="AP7099">
        <v>18082.926530000001</v>
      </c>
    </row>
    <row r="7100" spans="2:42" x14ac:dyDescent="0.3">
      <c r="B7100">
        <v>66.584025318835103</v>
      </c>
      <c r="C7100" s="83">
        <v>43396.75</v>
      </c>
      <c r="D7100">
        <v>270555.0796</v>
      </c>
      <c r="E7100">
        <v>30193.562109999999</v>
      </c>
      <c r="F7100">
        <v>93057.456000000006</v>
      </c>
      <c r="G7100">
        <v>49027.867700000003</v>
      </c>
      <c r="H7100">
        <v>45181.706639999997</v>
      </c>
      <c r="I7100">
        <v>35975.130859999997</v>
      </c>
      <c r="J7100">
        <v>33841.454030000001</v>
      </c>
      <c r="K7100">
        <v>53245.741909999997</v>
      </c>
      <c r="L7100">
        <v>28582.728810000001</v>
      </c>
      <c r="M7100">
        <v>339476.41200000001</v>
      </c>
      <c r="N7100">
        <v>86209.32806</v>
      </c>
      <c r="O7100">
        <v>22284.782190000002</v>
      </c>
      <c r="P7100">
        <v>34957.531940000001</v>
      </c>
      <c r="Q7100">
        <v>90759.933499999999</v>
      </c>
      <c r="R7100">
        <v>22420.116020000001</v>
      </c>
      <c r="S7100">
        <v>97670.491439999998</v>
      </c>
      <c r="T7100">
        <v>34778.0749</v>
      </c>
      <c r="U7100">
        <v>17138.32416</v>
      </c>
      <c r="W7100" s="83">
        <f>Bühler!N7132</f>
        <v>45587.749999982785</v>
      </c>
      <c r="X7100" s="83">
        <v>43396.75</v>
      </c>
      <c r="Y7100">
        <v>270555.0796</v>
      </c>
      <c r="Z7100">
        <v>30193.562109999999</v>
      </c>
      <c r="AA7100">
        <v>93057.456000000006</v>
      </c>
      <c r="AB7100">
        <v>49027.867700000003</v>
      </c>
      <c r="AC7100">
        <v>45181.706639999997</v>
      </c>
      <c r="AD7100">
        <v>35975.130859999997</v>
      </c>
      <c r="AE7100">
        <v>33841.454030000001</v>
      </c>
      <c r="AF7100">
        <v>53245.741909999997</v>
      </c>
      <c r="AG7100">
        <v>28582.728810000001</v>
      </c>
      <c r="AH7100">
        <v>339476.41200000001</v>
      </c>
      <c r="AI7100">
        <v>86209.32806</v>
      </c>
      <c r="AJ7100">
        <v>22284.782190000002</v>
      </c>
      <c r="AK7100">
        <v>34957.531940000001</v>
      </c>
      <c r="AL7100">
        <v>90759.933499999999</v>
      </c>
      <c r="AM7100">
        <v>22420.116020000001</v>
      </c>
      <c r="AN7100">
        <v>97670.491439999998</v>
      </c>
      <c r="AO7100">
        <v>34778.0749</v>
      </c>
      <c r="AP7100">
        <v>17138.32416</v>
      </c>
    </row>
    <row r="7101" spans="2:42" x14ac:dyDescent="0.3">
      <c r="B7101">
        <v>66.017420617294221</v>
      </c>
      <c r="C7101" s="83">
        <v>43396.791666666664</v>
      </c>
      <c r="D7101">
        <v>266001.20990000002</v>
      </c>
      <c r="E7101">
        <v>25245.720929999999</v>
      </c>
      <c r="F7101">
        <v>81754.333939999997</v>
      </c>
      <c r="G7101">
        <v>46629.34143</v>
      </c>
      <c r="H7101">
        <v>44442.346080000003</v>
      </c>
      <c r="I7101">
        <v>34855.469680000002</v>
      </c>
      <c r="J7101">
        <v>35623.95523</v>
      </c>
      <c r="K7101">
        <v>52303.175230000001</v>
      </c>
      <c r="L7101">
        <v>30358.762460000002</v>
      </c>
      <c r="M7101">
        <v>336587.59700000001</v>
      </c>
      <c r="N7101">
        <v>85013.923179999998</v>
      </c>
      <c r="O7101">
        <v>22424.376029999999</v>
      </c>
      <c r="P7101">
        <v>38010.455099999999</v>
      </c>
      <c r="Q7101">
        <v>88119.243950000004</v>
      </c>
      <c r="R7101">
        <v>22666.534469999999</v>
      </c>
      <c r="S7101">
        <v>95833.444870000007</v>
      </c>
      <c r="T7101">
        <v>36523.988920000003</v>
      </c>
      <c r="U7101">
        <v>17331.909830000001</v>
      </c>
      <c r="W7101" s="83">
        <f>Bühler!N7133</f>
        <v>45587.791666649449</v>
      </c>
      <c r="X7101" s="83">
        <v>43396.791666666664</v>
      </c>
      <c r="Y7101">
        <v>266001.20990000002</v>
      </c>
      <c r="Z7101">
        <v>25245.720929999999</v>
      </c>
      <c r="AA7101">
        <v>81754.333939999997</v>
      </c>
      <c r="AB7101">
        <v>46629.34143</v>
      </c>
      <c r="AC7101">
        <v>44442.346080000003</v>
      </c>
      <c r="AD7101">
        <v>34855.469680000002</v>
      </c>
      <c r="AE7101">
        <v>35623.95523</v>
      </c>
      <c r="AF7101">
        <v>52303.175230000001</v>
      </c>
      <c r="AG7101">
        <v>30358.762460000002</v>
      </c>
      <c r="AH7101">
        <v>336587.59700000001</v>
      </c>
      <c r="AI7101">
        <v>85013.923179999998</v>
      </c>
      <c r="AJ7101">
        <v>22424.376029999999</v>
      </c>
      <c r="AK7101">
        <v>38010.455099999999</v>
      </c>
      <c r="AL7101">
        <v>88119.243950000004</v>
      </c>
      <c r="AM7101">
        <v>22666.534469999999</v>
      </c>
      <c r="AN7101">
        <v>95833.444870000007</v>
      </c>
      <c r="AO7101">
        <v>36523.988920000003</v>
      </c>
      <c r="AP7101">
        <v>17331.909830000001</v>
      </c>
    </row>
    <row r="7102" spans="2:42" x14ac:dyDescent="0.3">
      <c r="B7102">
        <v>63.79214245734304</v>
      </c>
      <c r="C7102" s="83">
        <v>43396.833333333336</v>
      </c>
      <c r="D7102">
        <v>256481.22589999999</v>
      </c>
      <c r="E7102">
        <v>19266.789270000001</v>
      </c>
      <c r="F7102">
        <v>63970.197529999998</v>
      </c>
      <c r="G7102">
        <v>43198.264790000001</v>
      </c>
      <c r="H7102">
        <v>41993.182119999998</v>
      </c>
      <c r="I7102">
        <v>31900.61681</v>
      </c>
      <c r="J7102">
        <v>34715.626080000002</v>
      </c>
      <c r="K7102">
        <v>50648.238440000001</v>
      </c>
      <c r="L7102">
        <v>30196.602340000001</v>
      </c>
      <c r="M7102">
        <v>325242.09120000002</v>
      </c>
      <c r="N7102">
        <v>82652.038020000007</v>
      </c>
      <c r="O7102">
        <v>21639.082050000001</v>
      </c>
      <c r="P7102">
        <v>37679.823020000003</v>
      </c>
      <c r="Q7102">
        <v>86351.089649999994</v>
      </c>
      <c r="R7102">
        <v>20553.022970000002</v>
      </c>
      <c r="S7102">
        <v>86743.558390000006</v>
      </c>
      <c r="T7102">
        <v>34188.91203</v>
      </c>
      <c r="U7102">
        <v>16218.119650000001</v>
      </c>
      <c r="W7102" s="83">
        <f>Bühler!N7134</f>
        <v>45587.833333316114</v>
      </c>
      <c r="X7102" s="83">
        <v>43396.833333333336</v>
      </c>
      <c r="Y7102">
        <v>256481.22589999999</v>
      </c>
      <c r="Z7102">
        <v>19266.789270000001</v>
      </c>
      <c r="AA7102">
        <v>63970.197529999998</v>
      </c>
      <c r="AB7102">
        <v>43198.264790000001</v>
      </c>
      <c r="AC7102">
        <v>41993.182119999998</v>
      </c>
      <c r="AD7102">
        <v>31900.61681</v>
      </c>
      <c r="AE7102">
        <v>34715.626080000002</v>
      </c>
      <c r="AF7102">
        <v>50648.238440000001</v>
      </c>
      <c r="AG7102">
        <v>30196.602340000001</v>
      </c>
      <c r="AH7102">
        <v>325242.09120000002</v>
      </c>
      <c r="AI7102">
        <v>82652.038020000007</v>
      </c>
      <c r="AJ7102">
        <v>21639.082050000001</v>
      </c>
      <c r="AK7102">
        <v>37679.823020000003</v>
      </c>
      <c r="AL7102">
        <v>86351.089649999994</v>
      </c>
      <c r="AM7102">
        <v>20553.022970000002</v>
      </c>
      <c r="AN7102">
        <v>86743.558390000006</v>
      </c>
      <c r="AO7102">
        <v>34188.91203</v>
      </c>
      <c r="AP7102">
        <v>16218.119650000001</v>
      </c>
    </row>
    <row r="7103" spans="2:42" x14ac:dyDescent="0.3">
      <c r="B7103">
        <v>62.137683501600556</v>
      </c>
      <c r="C7103" s="83">
        <v>43396.875</v>
      </c>
      <c r="D7103">
        <v>245855.56709999999</v>
      </c>
      <c r="E7103">
        <v>16342.37146</v>
      </c>
      <c r="F7103">
        <v>55819.425470000002</v>
      </c>
      <c r="G7103">
        <v>40571.884680000003</v>
      </c>
      <c r="H7103">
        <v>39242.349909999997</v>
      </c>
      <c r="I7103">
        <v>27579.5422</v>
      </c>
      <c r="J7103">
        <v>33420.851889999998</v>
      </c>
      <c r="K7103">
        <v>49148.664369999999</v>
      </c>
      <c r="L7103">
        <v>28474.873810000001</v>
      </c>
      <c r="M7103">
        <v>316806.88789999997</v>
      </c>
      <c r="N7103">
        <v>80690.320819999994</v>
      </c>
      <c r="O7103">
        <v>20260.384129999999</v>
      </c>
      <c r="P7103">
        <v>35099.935989999998</v>
      </c>
      <c r="Q7103">
        <v>84445.914380000002</v>
      </c>
      <c r="R7103">
        <v>19324.601470000001</v>
      </c>
      <c r="S7103">
        <v>81390.976670000004</v>
      </c>
      <c r="T7103">
        <v>30465.733029999999</v>
      </c>
      <c r="U7103">
        <v>14935.86772</v>
      </c>
      <c r="W7103" s="83">
        <f>Bühler!N7135</f>
        <v>45587.874999982778</v>
      </c>
      <c r="X7103" s="83">
        <v>43396.875</v>
      </c>
      <c r="Y7103">
        <v>245855.56709999999</v>
      </c>
      <c r="Z7103">
        <v>16342.37146</v>
      </c>
      <c r="AA7103">
        <v>55819.425470000002</v>
      </c>
      <c r="AB7103">
        <v>40571.884680000003</v>
      </c>
      <c r="AC7103">
        <v>39242.349909999997</v>
      </c>
      <c r="AD7103">
        <v>27579.5422</v>
      </c>
      <c r="AE7103">
        <v>33420.851889999998</v>
      </c>
      <c r="AF7103">
        <v>49148.664369999999</v>
      </c>
      <c r="AG7103">
        <v>28474.873810000001</v>
      </c>
      <c r="AH7103">
        <v>316806.88789999997</v>
      </c>
      <c r="AI7103">
        <v>80690.320819999994</v>
      </c>
      <c r="AJ7103">
        <v>20260.384129999999</v>
      </c>
      <c r="AK7103">
        <v>35099.935989999998</v>
      </c>
      <c r="AL7103">
        <v>84445.914380000002</v>
      </c>
      <c r="AM7103">
        <v>19324.601470000001</v>
      </c>
      <c r="AN7103">
        <v>81390.976670000004</v>
      </c>
      <c r="AO7103">
        <v>30465.733029999999</v>
      </c>
      <c r="AP7103">
        <v>14935.86772</v>
      </c>
    </row>
    <row r="7104" spans="2:42" x14ac:dyDescent="0.3">
      <c r="B7104">
        <v>61.221521780268432</v>
      </c>
      <c r="C7104" s="83">
        <v>43396.916666666664</v>
      </c>
      <c r="D7104">
        <v>242974.8315</v>
      </c>
      <c r="E7104">
        <v>15587.880080000001</v>
      </c>
      <c r="F7104">
        <v>53178.335400000004</v>
      </c>
      <c r="G7104">
        <v>39174.656080000001</v>
      </c>
      <c r="H7104">
        <v>37745.577190000004</v>
      </c>
      <c r="I7104">
        <v>25712.652170000001</v>
      </c>
      <c r="J7104">
        <v>32274.352320000002</v>
      </c>
      <c r="K7104">
        <v>51788.528290000002</v>
      </c>
      <c r="L7104">
        <v>25126.822840000001</v>
      </c>
      <c r="M7104">
        <v>312135.86820000003</v>
      </c>
      <c r="N7104">
        <v>79393.557960000006</v>
      </c>
      <c r="O7104">
        <v>20630.42323</v>
      </c>
      <c r="P7104">
        <v>35444.367230000003</v>
      </c>
      <c r="Q7104">
        <v>82999.379780000003</v>
      </c>
      <c r="R7104">
        <v>22969.849010000002</v>
      </c>
      <c r="S7104">
        <v>78548.646030000004</v>
      </c>
      <c r="T7104">
        <v>26227.885040000001</v>
      </c>
      <c r="U7104">
        <v>15535.84463</v>
      </c>
      <c r="W7104" s="83">
        <f>Bühler!N7136</f>
        <v>45587.916666649442</v>
      </c>
      <c r="X7104" s="83">
        <v>43396.916666666664</v>
      </c>
      <c r="Y7104">
        <v>242974.8315</v>
      </c>
      <c r="Z7104">
        <v>15587.880080000001</v>
      </c>
      <c r="AA7104">
        <v>53178.335400000004</v>
      </c>
      <c r="AB7104">
        <v>39174.656080000001</v>
      </c>
      <c r="AC7104">
        <v>37745.577190000004</v>
      </c>
      <c r="AD7104">
        <v>25712.652170000001</v>
      </c>
      <c r="AE7104">
        <v>32274.352320000002</v>
      </c>
      <c r="AF7104">
        <v>51788.528290000002</v>
      </c>
      <c r="AG7104">
        <v>25126.822840000001</v>
      </c>
      <c r="AH7104">
        <v>312135.86820000003</v>
      </c>
      <c r="AI7104">
        <v>79393.557960000006</v>
      </c>
      <c r="AJ7104">
        <v>20630.42323</v>
      </c>
      <c r="AK7104">
        <v>35444.367230000003</v>
      </c>
      <c r="AL7104">
        <v>82999.379780000003</v>
      </c>
      <c r="AM7104">
        <v>22969.849010000002</v>
      </c>
      <c r="AN7104">
        <v>78548.646030000004</v>
      </c>
      <c r="AO7104">
        <v>26227.885040000001</v>
      </c>
      <c r="AP7104">
        <v>15535.84463</v>
      </c>
    </row>
    <row r="7105" spans="2:42" x14ac:dyDescent="0.3">
      <c r="B7105">
        <v>60.022969786365081</v>
      </c>
      <c r="C7105" s="83">
        <v>43396.958333333336</v>
      </c>
      <c r="D7105">
        <v>243316.61559999999</v>
      </c>
      <c r="E7105">
        <v>15226.69605</v>
      </c>
      <c r="F7105">
        <v>52065.350050000001</v>
      </c>
      <c r="G7105">
        <v>38632.247739999999</v>
      </c>
      <c r="H7105">
        <v>36920.465250000001</v>
      </c>
      <c r="I7105">
        <v>24677.229019999999</v>
      </c>
      <c r="J7105">
        <v>30280.71413</v>
      </c>
      <c r="K7105">
        <v>51233.743450000002</v>
      </c>
      <c r="L7105">
        <v>21268.9643</v>
      </c>
      <c r="M7105">
        <v>306025.09120000002</v>
      </c>
      <c r="N7105">
        <v>79890.225279999999</v>
      </c>
      <c r="O7105">
        <v>20520.91705</v>
      </c>
      <c r="P7105">
        <v>31438.50402</v>
      </c>
      <c r="Q7105">
        <v>83118.994099999996</v>
      </c>
      <c r="R7105">
        <v>21745.72854</v>
      </c>
      <c r="S7105">
        <v>78005.782959999997</v>
      </c>
      <c r="T7105">
        <v>26510.54752</v>
      </c>
      <c r="U7105">
        <v>14938.92333</v>
      </c>
      <c r="W7105" s="83">
        <f>Bühler!N7137</f>
        <v>45587.958333316106</v>
      </c>
      <c r="X7105" s="83">
        <v>43396.958333333336</v>
      </c>
      <c r="Y7105">
        <v>243316.61559999999</v>
      </c>
      <c r="Z7105">
        <v>15226.69605</v>
      </c>
      <c r="AA7105">
        <v>52065.350050000001</v>
      </c>
      <c r="AB7105">
        <v>38632.247739999999</v>
      </c>
      <c r="AC7105">
        <v>36920.465250000001</v>
      </c>
      <c r="AD7105">
        <v>24677.229019999999</v>
      </c>
      <c r="AE7105">
        <v>30280.71413</v>
      </c>
      <c r="AF7105">
        <v>51233.743450000002</v>
      </c>
      <c r="AG7105">
        <v>21268.9643</v>
      </c>
      <c r="AH7105">
        <v>306025.09120000002</v>
      </c>
      <c r="AI7105">
        <v>79890.225279999999</v>
      </c>
      <c r="AJ7105">
        <v>20520.91705</v>
      </c>
      <c r="AK7105">
        <v>31438.50402</v>
      </c>
      <c r="AL7105">
        <v>83118.994099999996</v>
      </c>
      <c r="AM7105">
        <v>21745.72854</v>
      </c>
      <c r="AN7105">
        <v>78005.782959999997</v>
      </c>
      <c r="AO7105">
        <v>26510.54752</v>
      </c>
      <c r="AP7105">
        <v>14938.92333</v>
      </c>
    </row>
    <row r="7106" spans="2:42" x14ac:dyDescent="0.3">
      <c r="B7106">
        <v>59.207636444690884</v>
      </c>
      <c r="C7106" s="83">
        <v>43397</v>
      </c>
      <c r="D7106">
        <v>243060.0417</v>
      </c>
      <c r="E7106">
        <v>14729.35743</v>
      </c>
      <c r="F7106">
        <v>51308.130349999999</v>
      </c>
      <c r="G7106">
        <v>37965.428319999999</v>
      </c>
      <c r="H7106">
        <v>36333.157919999998</v>
      </c>
      <c r="I7106">
        <v>23075.921719999998</v>
      </c>
      <c r="J7106">
        <v>28359.108789999998</v>
      </c>
      <c r="K7106">
        <v>50261.526579999998</v>
      </c>
      <c r="L7106">
        <v>19040.971529999999</v>
      </c>
      <c r="M7106">
        <v>301868.14159999997</v>
      </c>
      <c r="N7106">
        <v>79068.358259999994</v>
      </c>
      <c r="O7106">
        <v>20341.224419999999</v>
      </c>
      <c r="P7106">
        <v>27685.185310000001</v>
      </c>
      <c r="Q7106">
        <v>82418.097899999993</v>
      </c>
      <c r="R7106">
        <v>20630.863000000001</v>
      </c>
      <c r="S7106">
        <v>76569.703020000001</v>
      </c>
      <c r="T7106">
        <v>25325.58164</v>
      </c>
      <c r="U7106">
        <v>14562.72913</v>
      </c>
      <c r="W7106" s="83">
        <f>Bühler!N7138</f>
        <v>45587.999999982771</v>
      </c>
      <c r="X7106" s="83">
        <v>43397</v>
      </c>
      <c r="Y7106">
        <v>243060.0417</v>
      </c>
      <c r="Z7106">
        <v>14729.35743</v>
      </c>
      <c r="AA7106">
        <v>51308.130349999999</v>
      </c>
      <c r="AB7106">
        <v>37965.428319999999</v>
      </c>
      <c r="AC7106">
        <v>36333.157919999998</v>
      </c>
      <c r="AD7106">
        <v>23075.921719999998</v>
      </c>
      <c r="AE7106">
        <v>28359.108789999998</v>
      </c>
      <c r="AF7106">
        <v>50261.526579999998</v>
      </c>
      <c r="AG7106">
        <v>19040.971529999999</v>
      </c>
      <c r="AH7106">
        <v>301868.14159999997</v>
      </c>
      <c r="AI7106">
        <v>79068.358259999994</v>
      </c>
      <c r="AJ7106">
        <v>20341.224419999999</v>
      </c>
      <c r="AK7106">
        <v>27685.185310000001</v>
      </c>
      <c r="AL7106">
        <v>82418.097899999993</v>
      </c>
      <c r="AM7106">
        <v>20630.863000000001</v>
      </c>
      <c r="AN7106">
        <v>76569.703020000001</v>
      </c>
      <c r="AO7106">
        <v>25325.58164</v>
      </c>
      <c r="AP7106">
        <v>14562.72913</v>
      </c>
    </row>
    <row r="7107" spans="2:42" x14ac:dyDescent="0.3">
      <c r="B7107">
        <v>58.693125173249641</v>
      </c>
      <c r="C7107" s="83">
        <v>43397.041666666664</v>
      </c>
      <c r="D7107">
        <v>241840.52540000001</v>
      </c>
      <c r="E7107">
        <v>14641.95233</v>
      </c>
      <c r="F7107">
        <v>51716.123879999999</v>
      </c>
      <c r="G7107">
        <v>37461.0772</v>
      </c>
      <c r="H7107">
        <v>35966.173880000002</v>
      </c>
      <c r="I7107">
        <v>19074.854640000001</v>
      </c>
      <c r="J7107">
        <v>27799.988939999999</v>
      </c>
      <c r="K7107">
        <v>48816.521569999997</v>
      </c>
      <c r="L7107">
        <v>17941.22179</v>
      </c>
      <c r="M7107">
        <v>299244.92320000002</v>
      </c>
      <c r="N7107">
        <v>78302.530060000005</v>
      </c>
      <c r="O7107">
        <v>20483.148079999999</v>
      </c>
      <c r="P7107">
        <v>25910.148499999999</v>
      </c>
      <c r="Q7107">
        <v>82680.824869999997</v>
      </c>
      <c r="R7107">
        <v>19804.973999999998</v>
      </c>
      <c r="S7107">
        <v>76364.388000000006</v>
      </c>
      <c r="T7107">
        <v>24726.48371</v>
      </c>
      <c r="U7107">
        <v>14035.931280000001</v>
      </c>
      <c r="W7107" s="83">
        <f>Bühler!N7139</f>
        <v>45588.041666649435</v>
      </c>
      <c r="X7107" s="83">
        <v>43397.041666666664</v>
      </c>
      <c r="Y7107">
        <v>241840.52540000001</v>
      </c>
      <c r="Z7107">
        <v>14641.95233</v>
      </c>
      <c r="AA7107">
        <v>51716.123879999999</v>
      </c>
      <c r="AB7107">
        <v>37461.0772</v>
      </c>
      <c r="AC7107">
        <v>35966.173880000002</v>
      </c>
      <c r="AD7107">
        <v>19074.854640000001</v>
      </c>
      <c r="AE7107">
        <v>27799.988939999999</v>
      </c>
      <c r="AF7107">
        <v>48816.521569999997</v>
      </c>
      <c r="AG7107">
        <v>17941.22179</v>
      </c>
      <c r="AH7107">
        <v>299244.92320000002</v>
      </c>
      <c r="AI7107">
        <v>78302.530060000005</v>
      </c>
      <c r="AJ7107">
        <v>20483.148079999999</v>
      </c>
      <c r="AK7107">
        <v>25910.148499999999</v>
      </c>
      <c r="AL7107">
        <v>82680.824869999997</v>
      </c>
      <c r="AM7107">
        <v>19804.973999999998</v>
      </c>
      <c r="AN7107">
        <v>76364.388000000006</v>
      </c>
      <c r="AO7107">
        <v>24726.48371</v>
      </c>
      <c r="AP7107">
        <v>14035.931280000001</v>
      </c>
    </row>
    <row r="7108" spans="2:42" x14ac:dyDescent="0.3">
      <c r="B7108">
        <v>59.001175750552768</v>
      </c>
      <c r="C7108" s="83">
        <v>43397.083333333336</v>
      </c>
      <c r="D7108">
        <v>242603.7</v>
      </c>
      <c r="E7108">
        <v>14574.98401</v>
      </c>
      <c r="F7108">
        <v>51881.660049999999</v>
      </c>
      <c r="G7108">
        <v>37078.157529999997</v>
      </c>
      <c r="H7108">
        <v>35734.59777</v>
      </c>
      <c r="I7108">
        <v>17377.03557</v>
      </c>
      <c r="J7108">
        <v>27702.986339999999</v>
      </c>
      <c r="K7108">
        <v>47450.737450000001</v>
      </c>
      <c r="L7108">
        <v>17199.225900000001</v>
      </c>
      <c r="M7108">
        <v>300815.50870000001</v>
      </c>
      <c r="N7108">
        <v>78064.600699999995</v>
      </c>
      <c r="O7108">
        <v>20301.119910000001</v>
      </c>
      <c r="P7108">
        <v>25099.013930000001</v>
      </c>
      <c r="Q7108">
        <v>85051.547449999998</v>
      </c>
      <c r="R7108">
        <v>19685.250029999999</v>
      </c>
      <c r="S7108">
        <v>75508.568480000002</v>
      </c>
      <c r="T7108">
        <v>24361.99941</v>
      </c>
      <c r="U7108">
        <v>13848.41403</v>
      </c>
      <c r="W7108" s="83">
        <f>Bühler!N7140</f>
        <v>45588.083333316099</v>
      </c>
      <c r="X7108" s="83">
        <v>43397.083333333336</v>
      </c>
      <c r="Y7108">
        <v>242603.7</v>
      </c>
      <c r="Z7108">
        <v>14574.98401</v>
      </c>
      <c r="AA7108">
        <v>51881.660049999999</v>
      </c>
      <c r="AB7108">
        <v>37078.157529999997</v>
      </c>
      <c r="AC7108">
        <v>35734.59777</v>
      </c>
      <c r="AD7108">
        <v>17377.03557</v>
      </c>
      <c r="AE7108">
        <v>27702.986339999999</v>
      </c>
      <c r="AF7108">
        <v>47450.737450000001</v>
      </c>
      <c r="AG7108">
        <v>17199.225900000001</v>
      </c>
      <c r="AH7108">
        <v>300815.50870000001</v>
      </c>
      <c r="AI7108">
        <v>78064.600699999995</v>
      </c>
      <c r="AJ7108">
        <v>20301.119910000001</v>
      </c>
      <c r="AK7108">
        <v>25099.013930000001</v>
      </c>
      <c r="AL7108">
        <v>85051.547449999998</v>
      </c>
      <c r="AM7108">
        <v>19685.250029999999</v>
      </c>
      <c r="AN7108">
        <v>75508.568480000002</v>
      </c>
      <c r="AO7108">
        <v>24361.99941</v>
      </c>
      <c r="AP7108">
        <v>13848.41403</v>
      </c>
    </row>
    <row r="7109" spans="2:42" x14ac:dyDescent="0.3">
      <c r="B7109">
        <v>59.889877116042619</v>
      </c>
      <c r="C7109" s="83">
        <v>43397.125</v>
      </c>
      <c r="D7109">
        <v>243011.94750000001</v>
      </c>
      <c r="E7109">
        <v>14653.60504</v>
      </c>
      <c r="F7109">
        <v>52300.733809999998</v>
      </c>
      <c r="G7109">
        <v>36279.23878</v>
      </c>
      <c r="H7109">
        <v>36186.803679999997</v>
      </c>
      <c r="I7109">
        <v>17940.251939999998</v>
      </c>
      <c r="J7109">
        <v>27743.60023</v>
      </c>
      <c r="K7109">
        <v>46398.427860000003</v>
      </c>
      <c r="L7109">
        <v>17055.06366</v>
      </c>
      <c r="M7109">
        <v>305346.52269999997</v>
      </c>
      <c r="N7109">
        <v>78524.205790000007</v>
      </c>
      <c r="O7109">
        <v>20392.25921</v>
      </c>
      <c r="P7109">
        <v>24236.09607</v>
      </c>
      <c r="Q7109">
        <v>87627.794699999999</v>
      </c>
      <c r="R7109">
        <v>19784.416160000001</v>
      </c>
      <c r="S7109">
        <v>74888.796170000001</v>
      </c>
      <c r="T7109">
        <v>24289.002649999999</v>
      </c>
      <c r="U7109">
        <v>14372.944579999999</v>
      </c>
      <c r="W7109" s="83">
        <f>Bühler!N7141</f>
        <v>45588.124999982763</v>
      </c>
      <c r="X7109" s="83">
        <v>43397.125</v>
      </c>
      <c r="Y7109">
        <v>243011.94750000001</v>
      </c>
      <c r="Z7109">
        <v>14653.60504</v>
      </c>
      <c r="AA7109">
        <v>52300.733809999998</v>
      </c>
      <c r="AB7109">
        <v>36279.23878</v>
      </c>
      <c r="AC7109">
        <v>36186.803679999997</v>
      </c>
      <c r="AD7109">
        <v>17940.251939999998</v>
      </c>
      <c r="AE7109">
        <v>27743.60023</v>
      </c>
      <c r="AF7109">
        <v>46398.427860000003</v>
      </c>
      <c r="AG7109">
        <v>17055.06366</v>
      </c>
      <c r="AH7109">
        <v>305346.52269999997</v>
      </c>
      <c r="AI7109">
        <v>78524.205790000007</v>
      </c>
      <c r="AJ7109">
        <v>20392.25921</v>
      </c>
      <c r="AK7109">
        <v>24236.09607</v>
      </c>
      <c r="AL7109">
        <v>87627.794699999999</v>
      </c>
      <c r="AM7109">
        <v>19784.416160000001</v>
      </c>
      <c r="AN7109">
        <v>74888.796170000001</v>
      </c>
      <c r="AO7109">
        <v>24289.002649999999</v>
      </c>
      <c r="AP7109">
        <v>14372.944579999999</v>
      </c>
    </row>
    <row r="7110" spans="2:42" x14ac:dyDescent="0.3">
      <c r="B7110">
        <v>61.06616100177672</v>
      </c>
      <c r="C7110" s="83">
        <v>43397.166666666664</v>
      </c>
      <c r="D7110">
        <v>245100.89540000001</v>
      </c>
      <c r="E7110">
        <v>15129.068240000001</v>
      </c>
      <c r="F7110">
        <v>55725.651270000002</v>
      </c>
      <c r="G7110">
        <v>36513.95579</v>
      </c>
      <c r="H7110">
        <v>36701.961369999997</v>
      </c>
      <c r="I7110">
        <v>21060.887350000001</v>
      </c>
      <c r="J7110">
        <v>29473.08769</v>
      </c>
      <c r="K7110">
        <v>43970.917439999997</v>
      </c>
      <c r="L7110">
        <v>17272.91303</v>
      </c>
      <c r="M7110">
        <v>311343.76650000003</v>
      </c>
      <c r="N7110">
        <v>78937.829060000004</v>
      </c>
      <c r="O7110">
        <v>20587.104319999999</v>
      </c>
      <c r="P7110">
        <v>24362.6819</v>
      </c>
      <c r="Q7110">
        <v>90844.237340000007</v>
      </c>
      <c r="R7110">
        <v>20111.36738</v>
      </c>
      <c r="S7110">
        <v>75858.73921</v>
      </c>
      <c r="T7110">
        <v>24248.786489999999</v>
      </c>
      <c r="U7110">
        <v>15113.785889999999</v>
      </c>
      <c r="W7110" s="83">
        <f>Bühler!N7142</f>
        <v>45588.166666649427</v>
      </c>
      <c r="X7110" s="83">
        <v>43397.166666666664</v>
      </c>
      <c r="Y7110">
        <v>245100.89540000001</v>
      </c>
      <c r="Z7110">
        <v>15129.068240000001</v>
      </c>
      <c r="AA7110">
        <v>55725.651270000002</v>
      </c>
      <c r="AB7110">
        <v>36513.95579</v>
      </c>
      <c r="AC7110">
        <v>36701.961369999997</v>
      </c>
      <c r="AD7110">
        <v>21060.887350000001</v>
      </c>
      <c r="AE7110">
        <v>29473.08769</v>
      </c>
      <c r="AF7110">
        <v>43970.917439999997</v>
      </c>
      <c r="AG7110">
        <v>17272.91303</v>
      </c>
      <c r="AH7110">
        <v>311343.76650000003</v>
      </c>
      <c r="AI7110">
        <v>78937.829060000004</v>
      </c>
      <c r="AJ7110">
        <v>20587.104319999999</v>
      </c>
      <c r="AK7110">
        <v>24362.6819</v>
      </c>
      <c r="AL7110">
        <v>90844.237340000007</v>
      </c>
      <c r="AM7110">
        <v>20111.36738</v>
      </c>
      <c r="AN7110">
        <v>75858.73921</v>
      </c>
      <c r="AO7110">
        <v>24248.786489999999</v>
      </c>
      <c r="AP7110">
        <v>15113.785889999999</v>
      </c>
    </row>
    <row r="7111" spans="2:42" x14ac:dyDescent="0.3">
      <c r="B7111">
        <v>63.658900997178868</v>
      </c>
      <c r="C7111" s="83">
        <v>43397.208333333336</v>
      </c>
      <c r="D7111">
        <v>261438.0912</v>
      </c>
      <c r="E7111">
        <v>17440.846000000001</v>
      </c>
      <c r="F7111">
        <v>66655.980819999997</v>
      </c>
      <c r="G7111">
        <v>38422.983910000003</v>
      </c>
      <c r="H7111">
        <v>38710.865310000001</v>
      </c>
      <c r="I7111">
        <v>27582.884740000001</v>
      </c>
      <c r="J7111">
        <v>32193.5478</v>
      </c>
      <c r="K7111">
        <v>45042.04292</v>
      </c>
      <c r="L7111">
        <v>18146.083149999999</v>
      </c>
      <c r="M7111">
        <v>324562.76409999997</v>
      </c>
      <c r="N7111">
        <v>80560.592919999996</v>
      </c>
      <c r="O7111">
        <v>20957.801019999999</v>
      </c>
      <c r="P7111">
        <v>25665.63478</v>
      </c>
      <c r="Q7111">
        <v>92828.953339999993</v>
      </c>
      <c r="R7111">
        <v>20812.211019999999</v>
      </c>
      <c r="S7111">
        <v>78575.986430000004</v>
      </c>
      <c r="T7111">
        <v>25690.637030000002</v>
      </c>
      <c r="U7111">
        <v>16863.844710000001</v>
      </c>
      <c r="W7111" s="83">
        <f>Bühler!N7143</f>
        <v>45588.208333316092</v>
      </c>
      <c r="X7111" s="83">
        <v>43397.208333333336</v>
      </c>
      <c r="Y7111">
        <v>261438.0912</v>
      </c>
      <c r="Z7111">
        <v>17440.846000000001</v>
      </c>
      <c r="AA7111">
        <v>66655.980819999997</v>
      </c>
      <c r="AB7111">
        <v>38422.983910000003</v>
      </c>
      <c r="AC7111">
        <v>38710.865310000001</v>
      </c>
      <c r="AD7111">
        <v>27582.884740000001</v>
      </c>
      <c r="AE7111">
        <v>32193.5478</v>
      </c>
      <c r="AF7111">
        <v>45042.04292</v>
      </c>
      <c r="AG7111">
        <v>18146.083149999999</v>
      </c>
      <c r="AH7111">
        <v>324562.76409999997</v>
      </c>
      <c r="AI7111">
        <v>80560.592919999996</v>
      </c>
      <c r="AJ7111">
        <v>20957.801019999999</v>
      </c>
      <c r="AK7111">
        <v>25665.63478</v>
      </c>
      <c r="AL7111">
        <v>92828.953339999993</v>
      </c>
      <c r="AM7111">
        <v>20812.211019999999</v>
      </c>
      <c r="AN7111">
        <v>78575.986430000004</v>
      </c>
      <c r="AO7111">
        <v>25690.637030000002</v>
      </c>
      <c r="AP7111">
        <v>16863.844710000001</v>
      </c>
    </row>
    <row r="7112" spans="2:42" x14ac:dyDescent="0.3">
      <c r="B7112">
        <v>67.106027489978047</v>
      </c>
      <c r="C7112" s="83">
        <v>43397.25</v>
      </c>
      <c r="D7112">
        <v>278691.9498</v>
      </c>
      <c r="E7112">
        <v>21721.187620000001</v>
      </c>
      <c r="F7112">
        <v>78455.178090000001</v>
      </c>
      <c r="G7112">
        <v>43874.939120000003</v>
      </c>
      <c r="H7112">
        <v>42330.442999999999</v>
      </c>
      <c r="I7112">
        <v>34506.760410000003</v>
      </c>
      <c r="J7112">
        <v>35740.957249999999</v>
      </c>
      <c r="K7112">
        <v>49381.36722</v>
      </c>
      <c r="L7112">
        <v>19968.712469999999</v>
      </c>
      <c r="M7112">
        <v>342137.82250000001</v>
      </c>
      <c r="N7112">
        <v>83582.550870000006</v>
      </c>
      <c r="O7112">
        <v>22072.903780000001</v>
      </c>
      <c r="P7112">
        <v>28596.839489999998</v>
      </c>
      <c r="Q7112">
        <v>94894.479420000003</v>
      </c>
      <c r="R7112">
        <v>19291.645980000001</v>
      </c>
      <c r="S7112">
        <v>86563.538849999997</v>
      </c>
      <c r="T7112">
        <v>28814.53501</v>
      </c>
      <c r="U7112">
        <v>19529.804339999999</v>
      </c>
      <c r="W7112" s="83">
        <f>Bühler!N7144</f>
        <v>45588.249999982756</v>
      </c>
      <c r="X7112" s="83">
        <v>43397.25</v>
      </c>
      <c r="Y7112">
        <v>278691.9498</v>
      </c>
      <c r="Z7112">
        <v>21721.187620000001</v>
      </c>
      <c r="AA7112">
        <v>78455.178090000001</v>
      </c>
      <c r="AB7112">
        <v>43874.939120000003</v>
      </c>
      <c r="AC7112">
        <v>42330.442999999999</v>
      </c>
      <c r="AD7112">
        <v>34506.760410000003</v>
      </c>
      <c r="AE7112">
        <v>35740.957249999999</v>
      </c>
      <c r="AF7112">
        <v>49381.36722</v>
      </c>
      <c r="AG7112">
        <v>19968.712469999999</v>
      </c>
      <c r="AH7112">
        <v>342137.82250000001</v>
      </c>
      <c r="AI7112">
        <v>83582.550870000006</v>
      </c>
      <c r="AJ7112">
        <v>22072.903780000001</v>
      </c>
      <c r="AK7112">
        <v>28596.839489999998</v>
      </c>
      <c r="AL7112">
        <v>94894.479420000003</v>
      </c>
      <c r="AM7112">
        <v>19291.645980000001</v>
      </c>
      <c r="AN7112">
        <v>86563.538849999997</v>
      </c>
      <c r="AO7112">
        <v>28814.53501</v>
      </c>
      <c r="AP7112">
        <v>19529.804339999999</v>
      </c>
    </row>
    <row r="7113" spans="2:42" x14ac:dyDescent="0.3">
      <c r="B7113">
        <v>69.017359691940214</v>
      </c>
      <c r="C7113" s="83">
        <v>43397.291666666664</v>
      </c>
      <c r="D7113">
        <v>295094.93199999997</v>
      </c>
      <c r="E7113">
        <v>27127.476350000001</v>
      </c>
      <c r="F7113">
        <v>81854.196469999995</v>
      </c>
      <c r="G7113">
        <v>53451.260909999997</v>
      </c>
      <c r="H7113">
        <v>48566.535810000001</v>
      </c>
      <c r="I7113">
        <v>43016.89759</v>
      </c>
      <c r="J7113">
        <v>38157.380319999997</v>
      </c>
      <c r="K7113">
        <v>54879.485800000002</v>
      </c>
      <c r="L7113">
        <v>23114.822349999999</v>
      </c>
      <c r="M7113">
        <v>351882.68540000002</v>
      </c>
      <c r="N7113">
        <v>89292.647700000001</v>
      </c>
      <c r="O7113">
        <v>25273.384320000001</v>
      </c>
      <c r="P7113">
        <v>32226.456689999999</v>
      </c>
      <c r="Q7113">
        <v>94456.805569999997</v>
      </c>
      <c r="R7113">
        <v>22405.84132</v>
      </c>
      <c r="S7113">
        <v>103285.4596</v>
      </c>
      <c r="T7113">
        <v>31763.174599999998</v>
      </c>
      <c r="U7113">
        <v>24948.890920000002</v>
      </c>
      <c r="W7113" s="83">
        <f>Bühler!N7145</f>
        <v>45588.29166664942</v>
      </c>
      <c r="X7113" s="83">
        <v>43397.291666666664</v>
      </c>
      <c r="Y7113">
        <v>295094.93199999997</v>
      </c>
      <c r="Z7113">
        <v>27127.476350000001</v>
      </c>
      <c r="AA7113">
        <v>81854.196469999995</v>
      </c>
      <c r="AB7113">
        <v>53451.260909999997</v>
      </c>
      <c r="AC7113">
        <v>48566.535810000001</v>
      </c>
      <c r="AD7113">
        <v>43016.89759</v>
      </c>
      <c r="AE7113">
        <v>38157.380319999997</v>
      </c>
      <c r="AF7113">
        <v>54879.485800000002</v>
      </c>
      <c r="AG7113">
        <v>23114.822349999999</v>
      </c>
      <c r="AH7113">
        <v>351882.68540000002</v>
      </c>
      <c r="AI7113">
        <v>89292.647700000001</v>
      </c>
      <c r="AJ7113">
        <v>25273.384320000001</v>
      </c>
      <c r="AK7113">
        <v>32226.456689999999</v>
      </c>
      <c r="AL7113">
        <v>94456.805569999997</v>
      </c>
      <c r="AM7113">
        <v>22405.84132</v>
      </c>
      <c r="AN7113">
        <v>103285.4596</v>
      </c>
      <c r="AO7113">
        <v>31763.174599999998</v>
      </c>
      <c r="AP7113">
        <v>24948.890920000002</v>
      </c>
    </row>
    <row r="7114" spans="2:42" x14ac:dyDescent="0.3">
      <c r="B7114">
        <v>69.997713638551303</v>
      </c>
      <c r="C7114" s="83">
        <v>43397.333333333336</v>
      </c>
      <c r="D7114">
        <v>305928.7623</v>
      </c>
      <c r="E7114">
        <v>33161.039620000003</v>
      </c>
      <c r="F7114">
        <v>89268.766159999999</v>
      </c>
      <c r="G7114">
        <v>63094.133569999998</v>
      </c>
      <c r="H7114">
        <v>53426.976470000001</v>
      </c>
      <c r="I7114">
        <v>45756.70839</v>
      </c>
      <c r="J7114">
        <v>37840.302490000002</v>
      </c>
      <c r="K7114">
        <v>60561.278359999997</v>
      </c>
      <c r="L7114">
        <v>25620.345450000001</v>
      </c>
      <c r="M7114">
        <v>356880.98700000002</v>
      </c>
      <c r="N7114">
        <v>93950.818939999997</v>
      </c>
      <c r="O7114">
        <v>27271.831099999999</v>
      </c>
      <c r="P7114">
        <v>33940.307099999998</v>
      </c>
      <c r="Q7114">
        <v>95322.600590000002</v>
      </c>
      <c r="R7114">
        <v>22982.916659999999</v>
      </c>
      <c r="S7114">
        <v>116617.9559</v>
      </c>
      <c r="T7114">
        <v>35086.220970000002</v>
      </c>
      <c r="U7114">
        <v>28083.14128</v>
      </c>
      <c r="W7114" s="83">
        <f>Bühler!N7146</f>
        <v>45588.333333316084</v>
      </c>
      <c r="X7114" s="83">
        <v>43397.333333333336</v>
      </c>
      <c r="Y7114">
        <v>305928.7623</v>
      </c>
      <c r="Z7114">
        <v>33161.039620000003</v>
      </c>
      <c r="AA7114">
        <v>89268.766159999999</v>
      </c>
      <c r="AB7114">
        <v>63094.133569999998</v>
      </c>
      <c r="AC7114">
        <v>53426.976470000001</v>
      </c>
      <c r="AD7114">
        <v>45756.70839</v>
      </c>
      <c r="AE7114">
        <v>37840.302490000002</v>
      </c>
      <c r="AF7114">
        <v>60561.278359999997</v>
      </c>
      <c r="AG7114">
        <v>25620.345450000001</v>
      </c>
      <c r="AH7114">
        <v>356880.98700000002</v>
      </c>
      <c r="AI7114">
        <v>93950.818939999997</v>
      </c>
      <c r="AJ7114">
        <v>27271.831099999999</v>
      </c>
      <c r="AK7114">
        <v>33940.307099999998</v>
      </c>
      <c r="AL7114">
        <v>95322.600590000002</v>
      </c>
      <c r="AM7114">
        <v>22982.916659999999</v>
      </c>
      <c r="AN7114">
        <v>116617.9559</v>
      </c>
      <c r="AO7114">
        <v>35086.220970000002</v>
      </c>
      <c r="AP7114">
        <v>28083.14128</v>
      </c>
    </row>
    <row r="7115" spans="2:42" x14ac:dyDescent="0.3">
      <c r="B7115">
        <v>68.556684001944561</v>
      </c>
      <c r="C7115" s="83">
        <v>43397.375</v>
      </c>
      <c r="D7115">
        <v>306414.93079999997</v>
      </c>
      <c r="E7115">
        <v>36782.742200000001</v>
      </c>
      <c r="F7115">
        <v>94637.857740000007</v>
      </c>
      <c r="G7115">
        <v>66750.180500000002</v>
      </c>
      <c r="H7115">
        <v>54802.645149999997</v>
      </c>
      <c r="I7115">
        <v>43031.029430000002</v>
      </c>
      <c r="J7115">
        <v>37471.088009999999</v>
      </c>
      <c r="K7115">
        <v>62072.496429999999</v>
      </c>
      <c r="L7115">
        <v>28788.491099999999</v>
      </c>
      <c r="M7115">
        <v>349533.94589999999</v>
      </c>
      <c r="N7115">
        <v>95428.713449999996</v>
      </c>
      <c r="O7115">
        <v>28254.762999999999</v>
      </c>
      <c r="P7115">
        <v>34334.645600000003</v>
      </c>
      <c r="Q7115">
        <v>95829.431379999995</v>
      </c>
      <c r="R7115">
        <v>23616.301009999999</v>
      </c>
      <c r="S7115">
        <v>122653.89109999999</v>
      </c>
      <c r="T7115">
        <v>37149.305229999998</v>
      </c>
      <c r="U7115">
        <v>26861.749329999999</v>
      </c>
      <c r="W7115" s="83">
        <f>Bühler!N7147</f>
        <v>45588.374999982749</v>
      </c>
      <c r="X7115" s="83">
        <v>43397.375</v>
      </c>
      <c r="Y7115">
        <v>306414.93079999997</v>
      </c>
      <c r="Z7115">
        <v>36782.742200000001</v>
      </c>
      <c r="AA7115">
        <v>94637.857740000007</v>
      </c>
      <c r="AB7115">
        <v>66750.180500000002</v>
      </c>
      <c r="AC7115">
        <v>54802.645149999997</v>
      </c>
      <c r="AD7115">
        <v>43031.029430000002</v>
      </c>
      <c r="AE7115">
        <v>37471.088009999999</v>
      </c>
      <c r="AF7115">
        <v>62072.496429999999</v>
      </c>
      <c r="AG7115">
        <v>28788.491099999999</v>
      </c>
      <c r="AH7115">
        <v>349533.94589999999</v>
      </c>
      <c r="AI7115">
        <v>95428.713449999996</v>
      </c>
      <c r="AJ7115">
        <v>28254.762999999999</v>
      </c>
      <c r="AK7115">
        <v>34334.645600000003</v>
      </c>
      <c r="AL7115">
        <v>95829.431379999995</v>
      </c>
      <c r="AM7115">
        <v>23616.301009999999</v>
      </c>
      <c r="AN7115">
        <v>122653.89109999999</v>
      </c>
      <c r="AO7115">
        <v>37149.305229999998</v>
      </c>
      <c r="AP7115">
        <v>26861.749329999999</v>
      </c>
    </row>
    <row r="7116" spans="2:42" x14ac:dyDescent="0.3">
      <c r="B7116">
        <v>68.02417926073278</v>
      </c>
      <c r="C7116" s="83">
        <v>43397.416666666664</v>
      </c>
      <c r="D7116">
        <v>306414.64549999998</v>
      </c>
      <c r="E7116">
        <v>37865.914629999999</v>
      </c>
      <c r="F7116">
        <v>94820.39301</v>
      </c>
      <c r="G7116">
        <v>67787.53426</v>
      </c>
      <c r="H7116">
        <v>54729.511030000001</v>
      </c>
      <c r="I7116">
        <v>40236.56076</v>
      </c>
      <c r="J7116">
        <v>36472.785210000002</v>
      </c>
      <c r="K7116">
        <v>63409.270850000001</v>
      </c>
      <c r="L7116">
        <v>31125.135900000001</v>
      </c>
      <c r="M7116">
        <v>346818.98839999997</v>
      </c>
      <c r="N7116">
        <v>95832.113299999997</v>
      </c>
      <c r="O7116">
        <v>28767.832109999999</v>
      </c>
      <c r="P7116">
        <v>34829.911350000002</v>
      </c>
      <c r="Q7116">
        <v>96509.659669999994</v>
      </c>
      <c r="R7116">
        <v>24281.174749999998</v>
      </c>
      <c r="S7116">
        <v>121333.52340000001</v>
      </c>
      <c r="T7116">
        <v>38049.765720000003</v>
      </c>
      <c r="U7116">
        <v>26220.509859999998</v>
      </c>
      <c r="W7116" s="83">
        <f>Bühler!N7148</f>
        <v>45588.416666649413</v>
      </c>
      <c r="X7116" s="83">
        <v>43397.416666666664</v>
      </c>
      <c r="Y7116">
        <v>306414.64549999998</v>
      </c>
      <c r="Z7116">
        <v>37865.914629999999</v>
      </c>
      <c r="AA7116">
        <v>94820.39301</v>
      </c>
      <c r="AB7116">
        <v>67787.53426</v>
      </c>
      <c r="AC7116">
        <v>54729.511030000001</v>
      </c>
      <c r="AD7116">
        <v>40236.56076</v>
      </c>
      <c r="AE7116">
        <v>36472.785210000002</v>
      </c>
      <c r="AF7116">
        <v>63409.270850000001</v>
      </c>
      <c r="AG7116">
        <v>31125.135900000001</v>
      </c>
      <c r="AH7116">
        <v>346818.98839999997</v>
      </c>
      <c r="AI7116">
        <v>95832.113299999997</v>
      </c>
      <c r="AJ7116">
        <v>28767.832109999999</v>
      </c>
      <c r="AK7116">
        <v>34829.911350000002</v>
      </c>
      <c r="AL7116">
        <v>96509.659669999994</v>
      </c>
      <c r="AM7116">
        <v>24281.174749999998</v>
      </c>
      <c r="AN7116">
        <v>121333.52340000001</v>
      </c>
      <c r="AO7116">
        <v>38049.765720000003</v>
      </c>
      <c r="AP7116">
        <v>26220.509859999998</v>
      </c>
    </row>
    <row r="7117" spans="2:42" x14ac:dyDescent="0.3">
      <c r="B7117">
        <v>66.768058190108334</v>
      </c>
      <c r="C7117" s="83">
        <v>43397.458333333336</v>
      </c>
      <c r="D7117">
        <v>305254.08230000001</v>
      </c>
      <c r="E7117">
        <v>37209.848579999998</v>
      </c>
      <c r="F7117">
        <v>93704.764179999998</v>
      </c>
      <c r="G7117">
        <v>66119.280740000002</v>
      </c>
      <c r="H7117">
        <v>54104.681420000001</v>
      </c>
      <c r="I7117">
        <v>39024.356359999998</v>
      </c>
      <c r="J7117">
        <v>35975.016170000003</v>
      </c>
      <c r="K7117">
        <v>64635.388559999999</v>
      </c>
      <c r="L7117">
        <v>32283.690310000002</v>
      </c>
      <c r="M7117">
        <v>340414.6974</v>
      </c>
      <c r="N7117">
        <v>97851.730840000004</v>
      </c>
      <c r="O7117">
        <v>27940.826779999999</v>
      </c>
      <c r="P7117">
        <v>33754.729760000002</v>
      </c>
      <c r="Q7117">
        <v>95997.66158</v>
      </c>
      <c r="R7117">
        <v>24288.27893</v>
      </c>
      <c r="S7117">
        <v>122199.75320000001</v>
      </c>
      <c r="T7117">
        <v>37445.472950000003</v>
      </c>
      <c r="U7117">
        <v>25158.23043</v>
      </c>
      <c r="W7117" s="83">
        <f>Bühler!N7149</f>
        <v>45588.458333316077</v>
      </c>
      <c r="X7117" s="83">
        <v>43397.458333333336</v>
      </c>
      <c r="Y7117">
        <v>305254.08230000001</v>
      </c>
      <c r="Z7117">
        <v>37209.848579999998</v>
      </c>
      <c r="AA7117">
        <v>93704.764179999998</v>
      </c>
      <c r="AB7117">
        <v>66119.280740000002</v>
      </c>
      <c r="AC7117">
        <v>54104.681420000001</v>
      </c>
      <c r="AD7117">
        <v>39024.356359999998</v>
      </c>
      <c r="AE7117">
        <v>35975.016170000003</v>
      </c>
      <c r="AF7117">
        <v>64635.388559999999</v>
      </c>
      <c r="AG7117">
        <v>32283.690310000002</v>
      </c>
      <c r="AH7117">
        <v>340414.6974</v>
      </c>
      <c r="AI7117">
        <v>97851.730840000004</v>
      </c>
      <c r="AJ7117">
        <v>27940.826779999999</v>
      </c>
      <c r="AK7117">
        <v>33754.729760000002</v>
      </c>
      <c r="AL7117">
        <v>95997.66158</v>
      </c>
      <c r="AM7117">
        <v>24288.27893</v>
      </c>
      <c r="AN7117">
        <v>122199.75320000001</v>
      </c>
      <c r="AO7117">
        <v>37445.472950000003</v>
      </c>
      <c r="AP7117">
        <v>25158.23043</v>
      </c>
    </row>
    <row r="7118" spans="2:42" x14ac:dyDescent="0.3">
      <c r="B7118">
        <v>69.287669645476427</v>
      </c>
      <c r="C7118" s="83">
        <v>43397.5</v>
      </c>
      <c r="D7118">
        <v>291968.0626</v>
      </c>
      <c r="E7118">
        <v>33142.072849999997</v>
      </c>
      <c r="F7118">
        <v>88701.305829999998</v>
      </c>
      <c r="G7118">
        <v>63059.303140000004</v>
      </c>
      <c r="H7118">
        <v>50536.095150000001</v>
      </c>
      <c r="I7118">
        <v>36816.288890000003</v>
      </c>
      <c r="J7118">
        <v>35501.723149999998</v>
      </c>
      <c r="K7118">
        <v>59444.949410000001</v>
      </c>
      <c r="L7118">
        <v>34842.275479999997</v>
      </c>
      <c r="M7118">
        <v>353260.85159999999</v>
      </c>
      <c r="N7118">
        <v>94215.509390000007</v>
      </c>
      <c r="O7118">
        <v>26956.039430000001</v>
      </c>
      <c r="P7118">
        <v>34306.535900000003</v>
      </c>
      <c r="Q7118">
        <v>95217.730590000006</v>
      </c>
      <c r="R7118">
        <v>24812.75735</v>
      </c>
      <c r="S7118">
        <v>114609.82249999999</v>
      </c>
      <c r="T7118">
        <v>36138.35542</v>
      </c>
      <c r="U7118">
        <v>21667.426800000001</v>
      </c>
      <c r="W7118" s="83">
        <f>Bühler!N7150</f>
        <v>45588.499999982741</v>
      </c>
      <c r="X7118" s="83">
        <v>43397.5</v>
      </c>
      <c r="Y7118">
        <v>291968.0626</v>
      </c>
      <c r="Z7118">
        <v>33142.072849999997</v>
      </c>
      <c r="AA7118">
        <v>88701.305829999998</v>
      </c>
      <c r="AB7118">
        <v>63059.303140000004</v>
      </c>
      <c r="AC7118">
        <v>50536.095150000001</v>
      </c>
      <c r="AD7118">
        <v>36816.288890000003</v>
      </c>
      <c r="AE7118">
        <v>35501.723149999998</v>
      </c>
      <c r="AF7118">
        <v>59444.949410000001</v>
      </c>
      <c r="AG7118">
        <v>34842.275479999997</v>
      </c>
      <c r="AH7118">
        <v>353260.85159999999</v>
      </c>
      <c r="AI7118">
        <v>94215.509390000007</v>
      </c>
      <c r="AJ7118">
        <v>26956.039430000001</v>
      </c>
      <c r="AK7118">
        <v>34306.535900000003</v>
      </c>
      <c r="AL7118">
        <v>95217.730590000006</v>
      </c>
      <c r="AM7118">
        <v>24812.75735</v>
      </c>
      <c r="AN7118">
        <v>114609.82249999999</v>
      </c>
      <c r="AO7118">
        <v>36138.35542</v>
      </c>
      <c r="AP7118">
        <v>21667.426800000001</v>
      </c>
    </row>
    <row r="7119" spans="2:42" x14ac:dyDescent="0.3">
      <c r="B7119">
        <v>68.782158727655712</v>
      </c>
      <c r="C7119" s="83">
        <v>43397.541666666664</v>
      </c>
      <c r="D7119">
        <v>292253.81040000002</v>
      </c>
      <c r="E7119">
        <v>33262.257879999997</v>
      </c>
      <c r="F7119">
        <v>85690.132060000004</v>
      </c>
      <c r="G7119">
        <v>61211.875699999997</v>
      </c>
      <c r="H7119">
        <v>51296.882980000002</v>
      </c>
      <c r="I7119">
        <v>36138.301359999998</v>
      </c>
      <c r="J7119">
        <v>34499.612950000002</v>
      </c>
      <c r="K7119">
        <v>61595.557999999997</v>
      </c>
      <c r="L7119">
        <v>33669.621319999998</v>
      </c>
      <c r="M7119">
        <v>350683.52120000002</v>
      </c>
      <c r="N7119">
        <v>94016.650439999998</v>
      </c>
      <c r="O7119">
        <v>26919.355459999999</v>
      </c>
      <c r="P7119">
        <v>32726.625169999999</v>
      </c>
      <c r="Q7119">
        <v>94299.430120000005</v>
      </c>
      <c r="R7119">
        <v>25546.397150000001</v>
      </c>
      <c r="S7119">
        <v>113615.50689999999</v>
      </c>
      <c r="T7119">
        <v>35536.747929999998</v>
      </c>
      <c r="U7119">
        <v>22867.195210000002</v>
      </c>
      <c r="W7119" s="83">
        <f>Bühler!N7151</f>
        <v>45588.541666649406</v>
      </c>
      <c r="X7119" s="83">
        <v>43397.541666666664</v>
      </c>
      <c r="Y7119">
        <v>292253.81040000002</v>
      </c>
      <c r="Z7119">
        <v>33262.257879999997</v>
      </c>
      <c r="AA7119">
        <v>85690.132060000004</v>
      </c>
      <c r="AB7119">
        <v>61211.875699999997</v>
      </c>
      <c r="AC7119">
        <v>51296.882980000002</v>
      </c>
      <c r="AD7119">
        <v>36138.301359999998</v>
      </c>
      <c r="AE7119">
        <v>34499.612950000002</v>
      </c>
      <c r="AF7119">
        <v>61595.557999999997</v>
      </c>
      <c r="AG7119">
        <v>33669.621319999998</v>
      </c>
      <c r="AH7119">
        <v>350683.52120000002</v>
      </c>
      <c r="AI7119">
        <v>94016.650439999998</v>
      </c>
      <c r="AJ7119">
        <v>26919.355459999999</v>
      </c>
      <c r="AK7119">
        <v>32726.625169999999</v>
      </c>
      <c r="AL7119">
        <v>94299.430120000005</v>
      </c>
      <c r="AM7119">
        <v>25546.397150000001</v>
      </c>
      <c r="AN7119">
        <v>113615.50689999999</v>
      </c>
      <c r="AO7119">
        <v>35536.747929999998</v>
      </c>
      <c r="AP7119">
        <v>22867.195210000002</v>
      </c>
    </row>
    <row r="7120" spans="2:42" x14ac:dyDescent="0.3">
      <c r="B7120">
        <v>69.020569676845923</v>
      </c>
      <c r="C7120" s="83">
        <v>43397.583333333336</v>
      </c>
      <c r="D7120">
        <v>294111.06199999998</v>
      </c>
      <c r="E7120">
        <v>35730.634489999997</v>
      </c>
      <c r="F7120">
        <v>91791.719429999997</v>
      </c>
      <c r="G7120">
        <v>59699.626259999997</v>
      </c>
      <c r="H7120">
        <v>50932.151830000003</v>
      </c>
      <c r="I7120">
        <v>36697.542699999998</v>
      </c>
      <c r="J7120">
        <v>33668.773379999999</v>
      </c>
      <c r="K7120">
        <v>64142.89544</v>
      </c>
      <c r="L7120">
        <v>30046.34691</v>
      </c>
      <c r="M7120">
        <v>351899.0514</v>
      </c>
      <c r="N7120">
        <v>96865.909669999994</v>
      </c>
      <c r="O7120">
        <v>26610.915290000001</v>
      </c>
      <c r="P7120">
        <v>29825.329450000001</v>
      </c>
      <c r="Q7120">
        <v>93664.121880000006</v>
      </c>
      <c r="R7120">
        <v>24139.855739999999</v>
      </c>
      <c r="S7120">
        <v>108363.69590000001</v>
      </c>
      <c r="T7120">
        <v>34162.952279999998</v>
      </c>
      <c r="U7120">
        <v>23327.600210000001</v>
      </c>
      <c r="W7120" s="83">
        <f>Bühler!N7152</f>
        <v>45588.58333331607</v>
      </c>
      <c r="X7120" s="83">
        <v>43397.583333333336</v>
      </c>
      <c r="Y7120">
        <v>294111.06199999998</v>
      </c>
      <c r="Z7120">
        <v>35730.634489999997</v>
      </c>
      <c r="AA7120">
        <v>91791.719429999997</v>
      </c>
      <c r="AB7120">
        <v>59699.626259999997</v>
      </c>
      <c r="AC7120">
        <v>50932.151830000003</v>
      </c>
      <c r="AD7120">
        <v>36697.542699999998</v>
      </c>
      <c r="AE7120">
        <v>33668.773379999999</v>
      </c>
      <c r="AF7120">
        <v>64142.89544</v>
      </c>
      <c r="AG7120">
        <v>30046.34691</v>
      </c>
      <c r="AH7120">
        <v>351899.0514</v>
      </c>
      <c r="AI7120">
        <v>96865.909669999994</v>
      </c>
      <c r="AJ7120">
        <v>26610.915290000001</v>
      </c>
      <c r="AK7120">
        <v>29825.329450000001</v>
      </c>
      <c r="AL7120">
        <v>93664.121880000006</v>
      </c>
      <c r="AM7120">
        <v>24139.855739999999</v>
      </c>
      <c r="AN7120">
        <v>108363.69590000001</v>
      </c>
      <c r="AO7120">
        <v>34162.952279999998</v>
      </c>
      <c r="AP7120">
        <v>23327.600210000001</v>
      </c>
    </row>
    <row r="7121" spans="2:42" x14ac:dyDescent="0.3">
      <c r="B7121">
        <v>67.63260556658652</v>
      </c>
      <c r="C7121" s="83">
        <v>43397.625</v>
      </c>
      <c r="D7121">
        <v>293641.95049999998</v>
      </c>
      <c r="E7121">
        <v>35450.358330000003</v>
      </c>
      <c r="F7121">
        <v>92786.591260000001</v>
      </c>
      <c r="G7121">
        <v>58290.30846</v>
      </c>
      <c r="H7121">
        <v>50045.869899999998</v>
      </c>
      <c r="I7121">
        <v>36613.523150000001</v>
      </c>
      <c r="J7121">
        <v>33128.90554</v>
      </c>
      <c r="K7121">
        <v>63128.421900000001</v>
      </c>
      <c r="L7121">
        <v>26874.02476</v>
      </c>
      <c r="M7121">
        <v>344822.56310000003</v>
      </c>
      <c r="N7121">
        <v>95419.426560000007</v>
      </c>
      <c r="O7121">
        <v>25674.948189999999</v>
      </c>
      <c r="P7121">
        <v>27213.794849999998</v>
      </c>
      <c r="Q7121">
        <v>93658.535829999993</v>
      </c>
      <c r="R7121">
        <v>23807.115959999999</v>
      </c>
      <c r="S7121">
        <v>105913.143</v>
      </c>
      <c r="T7121">
        <v>34342.096080000003</v>
      </c>
      <c r="U7121">
        <v>22528.810870000001</v>
      </c>
      <c r="W7121" s="83">
        <f>Bühler!N7153</f>
        <v>45588.624999982734</v>
      </c>
      <c r="X7121" s="83">
        <v>43397.625</v>
      </c>
      <c r="Y7121">
        <v>293641.95049999998</v>
      </c>
      <c r="Z7121">
        <v>35450.358330000003</v>
      </c>
      <c r="AA7121">
        <v>92786.591260000001</v>
      </c>
      <c r="AB7121">
        <v>58290.30846</v>
      </c>
      <c r="AC7121">
        <v>50045.869899999998</v>
      </c>
      <c r="AD7121">
        <v>36613.523150000001</v>
      </c>
      <c r="AE7121">
        <v>33128.90554</v>
      </c>
      <c r="AF7121">
        <v>63128.421900000001</v>
      </c>
      <c r="AG7121">
        <v>26874.02476</v>
      </c>
      <c r="AH7121">
        <v>344822.56310000003</v>
      </c>
      <c r="AI7121">
        <v>95419.426560000007</v>
      </c>
      <c r="AJ7121">
        <v>25674.948189999999</v>
      </c>
      <c r="AK7121">
        <v>27213.794849999998</v>
      </c>
      <c r="AL7121">
        <v>93658.535829999993</v>
      </c>
      <c r="AM7121">
        <v>23807.115959999999</v>
      </c>
      <c r="AN7121">
        <v>105913.143</v>
      </c>
      <c r="AO7121">
        <v>34342.096080000003</v>
      </c>
      <c r="AP7121">
        <v>22528.810870000001</v>
      </c>
    </row>
    <row r="7122" spans="2:42" x14ac:dyDescent="0.3">
      <c r="B7122">
        <v>67.319684406968136</v>
      </c>
      <c r="C7122" s="83">
        <v>43397.666666666664</v>
      </c>
      <c r="D7122">
        <v>286889.77189999999</v>
      </c>
      <c r="E7122">
        <v>34456.433559999998</v>
      </c>
      <c r="F7122">
        <v>92405.094349999999</v>
      </c>
      <c r="G7122">
        <v>55712.661310000003</v>
      </c>
      <c r="H7122">
        <v>48338.532980000004</v>
      </c>
      <c r="I7122">
        <v>37758.517330000002</v>
      </c>
      <c r="J7122">
        <v>32828.526169999997</v>
      </c>
      <c r="K7122">
        <v>61385.470930000003</v>
      </c>
      <c r="L7122">
        <v>25690.050289999999</v>
      </c>
      <c r="M7122">
        <v>343227.14510000002</v>
      </c>
      <c r="N7122">
        <v>91786.852549999996</v>
      </c>
      <c r="O7122">
        <v>25053.330399999999</v>
      </c>
      <c r="P7122">
        <v>26744.597229999999</v>
      </c>
      <c r="Q7122">
        <v>92591.73603</v>
      </c>
      <c r="R7122">
        <v>23491.301230000001</v>
      </c>
      <c r="S7122">
        <v>103953.3621</v>
      </c>
      <c r="T7122">
        <v>34349.842920000003</v>
      </c>
      <c r="U7122">
        <v>21048.00519</v>
      </c>
      <c r="W7122" s="83">
        <f>Bühler!N7154</f>
        <v>45588.666666649398</v>
      </c>
      <c r="X7122" s="83">
        <v>43397.666666666664</v>
      </c>
      <c r="Y7122">
        <v>286889.77189999999</v>
      </c>
      <c r="Z7122">
        <v>34456.433559999998</v>
      </c>
      <c r="AA7122">
        <v>92405.094349999999</v>
      </c>
      <c r="AB7122">
        <v>55712.661310000003</v>
      </c>
      <c r="AC7122">
        <v>48338.532980000004</v>
      </c>
      <c r="AD7122">
        <v>37758.517330000002</v>
      </c>
      <c r="AE7122">
        <v>32828.526169999997</v>
      </c>
      <c r="AF7122">
        <v>61385.470930000003</v>
      </c>
      <c r="AG7122">
        <v>25690.050289999999</v>
      </c>
      <c r="AH7122">
        <v>343227.14510000002</v>
      </c>
      <c r="AI7122">
        <v>91786.852549999996</v>
      </c>
      <c r="AJ7122">
        <v>25053.330399999999</v>
      </c>
      <c r="AK7122">
        <v>26744.597229999999</v>
      </c>
      <c r="AL7122">
        <v>92591.73603</v>
      </c>
      <c r="AM7122">
        <v>23491.301230000001</v>
      </c>
      <c r="AN7122">
        <v>103953.3621</v>
      </c>
      <c r="AO7122">
        <v>34349.842920000003</v>
      </c>
      <c r="AP7122">
        <v>21048.00519</v>
      </c>
    </row>
    <row r="7123" spans="2:42" x14ac:dyDescent="0.3">
      <c r="B7123">
        <v>66.647049545817993</v>
      </c>
      <c r="C7123" s="83">
        <v>43397.708333333336</v>
      </c>
      <c r="D7123">
        <v>278060.44669999997</v>
      </c>
      <c r="E7123">
        <v>32404.58279</v>
      </c>
      <c r="F7123">
        <v>93421.911989999993</v>
      </c>
      <c r="G7123">
        <v>52185.331599999998</v>
      </c>
      <c r="H7123">
        <v>46998.852079999997</v>
      </c>
      <c r="I7123">
        <v>37088.957820000003</v>
      </c>
      <c r="J7123">
        <v>32624.68881</v>
      </c>
      <c r="K7123">
        <v>54625.753490000003</v>
      </c>
      <c r="L7123">
        <v>25684.328659999999</v>
      </c>
      <c r="M7123">
        <v>339797.7389</v>
      </c>
      <c r="N7123">
        <v>87822.417700000005</v>
      </c>
      <c r="O7123">
        <v>23612.751370000002</v>
      </c>
      <c r="P7123">
        <v>29832.033380000001</v>
      </c>
      <c r="Q7123">
        <v>91668.739430000001</v>
      </c>
      <c r="R7123">
        <v>22386.376</v>
      </c>
      <c r="S7123">
        <v>101564.74619999999</v>
      </c>
      <c r="T7123">
        <v>33793.013059999997</v>
      </c>
      <c r="U7123">
        <v>18503.19413</v>
      </c>
      <c r="W7123" s="83">
        <f>Bühler!N7155</f>
        <v>45588.708333316063</v>
      </c>
      <c r="X7123" s="83">
        <v>43397.708333333336</v>
      </c>
      <c r="Y7123">
        <v>278060.44669999997</v>
      </c>
      <c r="Z7123">
        <v>32404.58279</v>
      </c>
      <c r="AA7123">
        <v>93421.911989999993</v>
      </c>
      <c r="AB7123">
        <v>52185.331599999998</v>
      </c>
      <c r="AC7123">
        <v>46998.852079999997</v>
      </c>
      <c r="AD7123">
        <v>37088.957820000003</v>
      </c>
      <c r="AE7123">
        <v>32624.68881</v>
      </c>
      <c r="AF7123">
        <v>54625.753490000003</v>
      </c>
      <c r="AG7123">
        <v>25684.328659999999</v>
      </c>
      <c r="AH7123">
        <v>339797.7389</v>
      </c>
      <c r="AI7123">
        <v>87822.417700000005</v>
      </c>
      <c r="AJ7123">
        <v>23612.751370000002</v>
      </c>
      <c r="AK7123">
        <v>29832.033380000001</v>
      </c>
      <c r="AL7123">
        <v>91668.739430000001</v>
      </c>
      <c r="AM7123">
        <v>22386.376</v>
      </c>
      <c r="AN7123">
        <v>101564.74619999999</v>
      </c>
      <c r="AO7123">
        <v>33793.013059999997</v>
      </c>
      <c r="AP7123">
        <v>18503.19413</v>
      </c>
    </row>
    <row r="7124" spans="2:42" x14ac:dyDescent="0.3">
      <c r="B7124">
        <v>66.03833318057282</v>
      </c>
      <c r="C7124" s="83">
        <v>43397.75</v>
      </c>
      <c r="D7124">
        <v>271956.3284</v>
      </c>
      <c r="E7124">
        <v>29735.010399999999</v>
      </c>
      <c r="F7124">
        <v>91792.014200000005</v>
      </c>
      <c r="G7124">
        <v>47761.265590000003</v>
      </c>
      <c r="H7124">
        <v>44610.465029999999</v>
      </c>
      <c r="I7124">
        <v>36473.479639999998</v>
      </c>
      <c r="J7124">
        <v>33539.657350000001</v>
      </c>
      <c r="K7124">
        <v>52472.60469</v>
      </c>
      <c r="L7124">
        <v>27437.010590000002</v>
      </c>
      <c r="M7124">
        <v>336694.21899999998</v>
      </c>
      <c r="N7124">
        <v>85175.889779999998</v>
      </c>
      <c r="O7124">
        <v>22605.269250000001</v>
      </c>
      <c r="P7124">
        <v>35569.378519999998</v>
      </c>
      <c r="Q7124">
        <v>89972.744850000003</v>
      </c>
      <c r="R7124">
        <v>21960.039270000001</v>
      </c>
      <c r="S7124">
        <v>97611.13235</v>
      </c>
      <c r="T7124">
        <v>35197.85656</v>
      </c>
      <c r="U7124">
        <v>17558.19371</v>
      </c>
      <c r="W7124" s="83">
        <f>Bühler!N7156</f>
        <v>45588.749999982727</v>
      </c>
      <c r="X7124" s="83">
        <v>43397.75</v>
      </c>
      <c r="Y7124">
        <v>271956.3284</v>
      </c>
      <c r="Z7124">
        <v>29735.010399999999</v>
      </c>
      <c r="AA7124">
        <v>91792.014200000005</v>
      </c>
      <c r="AB7124">
        <v>47761.265590000003</v>
      </c>
      <c r="AC7124">
        <v>44610.465029999999</v>
      </c>
      <c r="AD7124">
        <v>36473.479639999998</v>
      </c>
      <c r="AE7124">
        <v>33539.657350000001</v>
      </c>
      <c r="AF7124">
        <v>52472.60469</v>
      </c>
      <c r="AG7124">
        <v>27437.010590000002</v>
      </c>
      <c r="AH7124">
        <v>336694.21899999998</v>
      </c>
      <c r="AI7124">
        <v>85175.889779999998</v>
      </c>
      <c r="AJ7124">
        <v>22605.269250000001</v>
      </c>
      <c r="AK7124">
        <v>35569.378519999998</v>
      </c>
      <c r="AL7124">
        <v>89972.744850000003</v>
      </c>
      <c r="AM7124">
        <v>21960.039270000001</v>
      </c>
      <c r="AN7124">
        <v>97611.13235</v>
      </c>
      <c r="AO7124">
        <v>35197.85656</v>
      </c>
      <c r="AP7124">
        <v>17558.19371</v>
      </c>
    </row>
    <row r="7125" spans="2:42" x14ac:dyDescent="0.3">
      <c r="B7125">
        <v>64.900019928950201</v>
      </c>
      <c r="C7125" s="83">
        <v>43397.791666666664</v>
      </c>
      <c r="D7125">
        <v>266898.94400000002</v>
      </c>
      <c r="E7125">
        <v>25346.95939</v>
      </c>
      <c r="F7125">
        <v>81178.022660000002</v>
      </c>
      <c r="G7125">
        <v>45623.185709999998</v>
      </c>
      <c r="H7125">
        <v>44716.08786</v>
      </c>
      <c r="I7125">
        <v>34855.656849999999</v>
      </c>
      <c r="J7125">
        <v>35288.97436</v>
      </c>
      <c r="K7125">
        <v>51563.278680000003</v>
      </c>
      <c r="L7125">
        <v>29759.335019999999</v>
      </c>
      <c r="M7125">
        <v>330890.56719999999</v>
      </c>
      <c r="N7125">
        <v>83582.826790000006</v>
      </c>
      <c r="O7125">
        <v>22054.36825</v>
      </c>
      <c r="P7125">
        <v>39670.168899999997</v>
      </c>
      <c r="Q7125">
        <v>88216.400590000005</v>
      </c>
      <c r="R7125">
        <v>22739.129260000002</v>
      </c>
      <c r="S7125">
        <v>95128.34448</v>
      </c>
      <c r="T7125">
        <v>36858.15885</v>
      </c>
      <c r="U7125">
        <v>17159.230680000001</v>
      </c>
      <c r="W7125" s="83">
        <f>Bühler!N7157</f>
        <v>45588.791666649391</v>
      </c>
      <c r="X7125" s="83">
        <v>43397.791666666664</v>
      </c>
      <c r="Y7125">
        <v>266898.94400000002</v>
      </c>
      <c r="Z7125">
        <v>25346.95939</v>
      </c>
      <c r="AA7125">
        <v>81178.022660000002</v>
      </c>
      <c r="AB7125">
        <v>45623.185709999998</v>
      </c>
      <c r="AC7125">
        <v>44716.08786</v>
      </c>
      <c r="AD7125">
        <v>34855.656849999999</v>
      </c>
      <c r="AE7125">
        <v>35288.97436</v>
      </c>
      <c r="AF7125">
        <v>51563.278680000003</v>
      </c>
      <c r="AG7125">
        <v>29759.335019999999</v>
      </c>
      <c r="AH7125">
        <v>330890.56719999999</v>
      </c>
      <c r="AI7125">
        <v>83582.826790000006</v>
      </c>
      <c r="AJ7125">
        <v>22054.36825</v>
      </c>
      <c r="AK7125">
        <v>39670.168899999997</v>
      </c>
      <c r="AL7125">
        <v>88216.400590000005</v>
      </c>
      <c r="AM7125">
        <v>22739.129260000002</v>
      </c>
      <c r="AN7125">
        <v>95128.34448</v>
      </c>
      <c r="AO7125">
        <v>36858.15885</v>
      </c>
      <c r="AP7125">
        <v>17159.230680000001</v>
      </c>
    </row>
    <row r="7126" spans="2:42" x14ac:dyDescent="0.3">
      <c r="B7126">
        <v>63.0820824398415</v>
      </c>
      <c r="C7126" s="83">
        <v>43397.833333333336</v>
      </c>
      <c r="D7126">
        <v>256679.321</v>
      </c>
      <c r="E7126">
        <v>19050.905650000001</v>
      </c>
      <c r="F7126">
        <v>63226.339090000001</v>
      </c>
      <c r="G7126">
        <v>42204.64473</v>
      </c>
      <c r="H7126">
        <v>42206.127650000002</v>
      </c>
      <c r="I7126">
        <v>31730.985710000001</v>
      </c>
      <c r="J7126">
        <v>34428.18821</v>
      </c>
      <c r="K7126">
        <v>51722.348239999999</v>
      </c>
      <c r="L7126">
        <v>29036.458490000001</v>
      </c>
      <c r="M7126">
        <v>321621.87410000002</v>
      </c>
      <c r="N7126">
        <v>81143.749500000005</v>
      </c>
      <c r="O7126">
        <v>21215.767380000001</v>
      </c>
      <c r="P7126">
        <v>38081.527759999997</v>
      </c>
      <c r="Q7126">
        <v>86623.261769999997</v>
      </c>
      <c r="R7126">
        <v>20351.048429999999</v>
      </c>
      <c r="S7126">
        <v>86841.246599999999</v>
      </c>
      <c r="T7126">
        <v>34718.77031</v>
      </c>
      <c r="U7126">
        <v>16102.554469999999</v>
      </c>
      <c r="W7126" s="83">
        <f>Bühler!N7158</f>
        <v>45588.833333316055</v>
      </c>
      <c r="X7126" s="83">
        <v>43397.833333333336</v>
      </c>
      <c r="Y7126">
        <v>256679.321</v>
      </c>
      <c r="Z7126">
        <v>19050.905650000001</v>
      </c>
      <c r="AA7126">
        <v>63226.339090000001</v>
      </c>
      <c r="AB7126">
        <v>42204.64473</v>
      </c>
      <c r="AC7126">
        <v>42206.127650000002</v>
      </c>
      <c r="AD7126">
        <v>31730.985710000001</v>
      </c>
      <c r="AE7126">
        <v>34428.18821</v>
      </c>
      <c r="AF7126">
        <v>51722.348239999999</v>
      </c>
      <c r="AG7126">
        <v>29036.458490000001</v>
      </c>
      <c r="AH7126">
        <v>321621.87410000002</v>
      </c>
      <c r="AI7126">
        <v>81143.749500000005</v>
      </c>
      <c r="AJ7126">
        <v>21215.767380000001</v>
      </c>
      <c r="AK7126">
        <v>38081.527759999997</v>
      </c>
      <c r="AL7126">
        <v>86623.261769999997</v>
      </c>
      <c r="AM7126">
        <v>20351.048429999999</v>
      </c>
      <c r="AN7126">
        <v>86841.246599999999</v>
      </c>
      <c r="AO7126">
        <v>34718.77031</v>
      </c>
      <c r="AP7126">
        <v>16102.554469999999</v>
      </c>
    </row>
    <row r="7127" spans="2:42" x14ac:dyDescent="0.3">
      <c r="B7127">
        <v>61.309096644953861</v>
      </c>
      <c r="C7127" s="83">
        <v>43397.875</v>
      </c>
      <c r="D7127">
        <v>246909.45170000001</v>
      </c>
      <c r="E7127">
        <v>16132.69029</v>
      </c>
      <c r="F7127">
        <v>55031.531620000002</v>
      </c>
      <c r="G7127">
        <v>39822.92239</v>
      </c>
      <c r="H7127">
        <v>39757.281649999997</v>
      </c>
      <c r="I7127">
        <v>27176.611949999999</v>
      </c>
      <c r="J7127">
        <v>33389.002209999999</v>
      </c>
      <c r="K7127">
        <v>49118.989090000003</v>
      </c>
      <c r="L7127">
        <v>26909.807489999999</v>
      </c>
      <c r="M7127">
        <v>312582.36570000002</v>
      </c>
      <c r="N7127">
        <v>78528.945300000007</v>
      </c>
      <c r="O7127">
        <v>20526.08365</v>
      </c>
      <c r="P7127">
        <v>36275.422570000002</v>
      </c>
      <c r="Q7127">
        <v>84082.755220000006</v>
      </c>
      <c r="R7127">
        <v>19275.093850000001</v>
      </c>
      <c r="S7127">
        <v>81143.853529999993</v>
      </c>
      <c r="T7127">
        <v>32391.610430000001</v>
      </c>
      <c r="U7127">
        <v>15226.77708</v>
      </c>
      <c r="W7127" s="83">
        <f>Bühler!N7159</f>
        <v>45588.87499998272</v>
      </c>
      <c r="X7127" s="83">
        <v>43397.875</v>
      </c>
      <c r="Y7127">
        <v>246909.45170000001</v>
      </c>
      <c r="Z7127">
        <v>16132.69029</v>
      </c>
      <c r="AA7127">
        <v>55031.531620000002</v>
      </c>
      <c r="AB7127">
        <v>39822.92239</v>
      </c>
      <c r="AC7127">
        <v>39757.281649999997</v>
      </c>
      <c r="AD7127">
        <v>27176.611949999999</v>
      </c>
      <c r="AE7127">
        <v>33389.002209999999</v>
      </c>
      <c r="AF7127">
        <v>49118.989090000003</v>
      </c>
      <c r="AG7127">
        <v>26909.807489999999</v>
      </c>
      <c r="AH7127">
        <v>312582.36570000002</v>
      </c>
      <c r="AI7127">
        <v>78528.945300000007</v>
      </c>
      <c r="AJ7127">
        <v>20526.08365</v>
      </c>
      <c r="AK7127">
        <v>36275.422570000002</v>
      </c>
      <c r="AL7127">
        <v>84082.755220000006</v>
      </c>
      <c r="AM7127">
        <v>19275.093850000001</v>
      </c>
      <c r="AN7127">
        <v>81143.853529999993</v>
      </c>
      <c r="AO7127">
        <v>32391.610430000001</v>
      </c>
      <c r="AP7127">
        <v>15226.77708</v>
      </c>
    </row>
    <row r="7128" spans="2:42" x14ac:dyDescent="0.3">
      <c r="B7128">
        <v>61.138049011899263</v>
      </c>
      <c r="C7128" s="83">
        <v>43397.916666666664</v>
      </c>
      <c r="D7128">
        <v>244515.88939999999</v>
      </c>
      <c r="E7128">
        <v>15437.84996</v>
      </c>
      <c r="F7128">
        <v>52206.821109999997</v>
      </c>
      <c r="G7128">
        <v>38364.207300000002</v>
      </c>
      <c r="H7128">
        <v>38545.450660000002</v>
      </c>
      <c r="I7128">
        <v>25286.461599999999</v>
      </c>
      <c r="J7128">
        <v>32360.933959999998</v>
      </c>
      <c r="K7128">
        <v>52220.18088</v>
      </c>
      <c r="L7128">
        <v>23524.589899999999</v>
      </c>
      <c r="M7128">
        <v>311710.28509999998</v>
      </c>
      <c r="N7128">
        <v>78235.991590000005</v>
      </c>
      <c r="O7128">
        <v>20176.880980000002</v>
      </c>
      <c r="P7128">
        <v>33799.567089999997</v>
      </c>
      <c r="Q7128">
        <v>83297.349249999999</v>
      </c>
      <c r="R7128">
        <v>23299.152180000001</v>
      </c>
      <c r="S7128">
        <v>79112.35527</v>
      </c>
      <c r="T7128">
        <v>28384.647499999999</v>
      </c>
      <c r="U7128">
        <v>15484.0627</v>
      </c>
      <c r="W7128" s="83">
        <f>Bühler!N7160</f>
        <v>45588.916666649384</v>
      </c>
      <c r="X7128" s="83">
        <v>43397.916666666664</v>
      </c>
      <c r="Y7128">
        <v>244515.88939999999</v>
      </c>
      <c r="Z7128">
        <v>15437.84996</v>
      </c>
      <c r="AA7128">
        <v>52206.821109999997</v>
      </c>
      <c r="AB7128">
        <v>38364.207300000002</v>
      </c>
      <c r="AC7128">
        <v>38545.450660000002</v>
      </c>
      <c r="AD7128">
        <v>25286.461599999999</v>
      </c>
      <c r="AE7128">
        <v>32360.933959999998</v>
      </c>
      <c r="AF7128">
        <v>52220.18088</v>
      </c>
      <c r="AG7128">
        <v>23524.589899999999</v>
      </c>
      <c r="AH7128">
        <v>311710.28509999998</v>
      </c>
      <c r="AI7128">
        <v>78235.991590000005</v>
      </c>
      <c r="AJ7128">
        <v>20176.880980000002</v>
      </c>
      <c r="AK7128">
        <v>33799.567089999997</v>
      </c>
      <c r="AL7128">
        <v>83297.349249999999</v>
      </c>
      <c r="AM7128">
        <v>23299.152180000001</v>
      </c>
      <c r="AN7128">
        <v>79112.35527</v>
      </c>
      <c r="AO7128">
        <v>28384.647499999999</v>
      </c>
      <c r="AP7128">
        <v>15484.0627</v>
      </c>
    </row>
    <row r="7129" spans="2:42" x14ac:dyDescent="0.3">
      <c r="B7129">
        <v>60.887115551875823</v>
      </c>
      <c r="C7129" s="83">
        <v>43397.958333333336</v>
      </c>
      <c r="D7129">
        <v>244105.0073</v>
      </c>
      <c r="E7129">
        <v>15040.08935</v>
      </c>
      <c r="F7129">
        <v>50971.337249999997</v>
      </c>
      <c r="G7129">
        <v>38086.404190000001</v>
      </c>
      <c r="H7129">
        <v>37464.149519999999</v>
      </c>
      <c r="I7129">
        <v>23960.611819999998</v>
      </c>
      <c r="J7129">
        <v>29873.977019999998</v>
      </c>
      <c r="K7129">
        <v>51158.734550000001</v>
      </c>
      <c r="L7129">
        <v>20043.761869999998</v>
      </c>
      <c r="M7129">
        <v>310430.9093</v>
      </c>
      <c r="N7129">
        <v>78639.994089999993</v>
      </c>
      <c r="O7129">
        <v>19577.593580000001</v>
      </c>
      <c r="P7129">
        <v>30397.338009999999</v>
      </c>
      <c r="Q7129">
        <v>82811.914309999993</v>
      </c>
      <c r="R7129">
        <v>22502.105749999999</v>
      </c>
      <c r="S7129">
        <v>77618.218930000003</v>
      </c>
      <c r="T7129">
        <v>28590.759290000002</v>
      </c>
      <c r="U7129">
        <v>15011.41275</v>
      </c>
      <c r="W7129" s="83">
        <f>Bühler!N7161</f>
        <v>45588.958333316048</v>
      </c>
      <c r="X7129" s="83">
        <v>43397.958333333336</v>
      </c>
      <c r="Y7129">
        <v>244105.0073</v>
      </c>
      <c r="Z7129">
        <v>15040.08935</v>
      </c>
      <c r="AA7129">
        <v>50971.337249999997</v>
      </c>
      <c r="AB7129">
        <v>38086.404190000001</v>
      </c>
      <c r="AC7129">
        <v>37464.149519999999</v>
      </c>
      <c r="AD7129">
        <v>23960.611819999998</v>
      </c>
      <c r="AE7129">
        <v>29873.977019999998</v>
      </c>
      <c r="AF7129">
        <v>51158.734550000001</v>
      </c>
      <c r="AG7129">
        <v>20043.761869999998</v>
      </c>
      <c r="AH7129">
        <v>310430.9093</v>
      </c>
      <c r="AI7129">
        <v>78639.994089999993</v>
      </c>
      <c r="AJ7129">
        <v>19577.593580000001</v>
      </c>
      <c r="AK7129">
        <v>30397.338009999999</v>
      </c>
      <c r="AL7129">
        <v>82811.914309999993</v>
      </c>
      <c r="AM7129">
        <v>22502.105749999999</v>
      </c>
      <c r="AN7129">
        <v>77618.218930000003</v>
      </c>
      <c r="AO7129">
        <v>28590.759290000002</v>
      </c>
      <c r="AP7129">
        <v>15011.41275</v>
      </c>
    </row>
    <row r="7130" spans="2:42" x14ac:dyDescent="0.3">
      <c r="B7130">
        <v>60.302620607685029</v>
      </c>
      <c r="C7130" s="83">
        <v>43398</v>
      </c>
      <c r="D7130">
        <v>244736.05650000001</v>
      </c>
      <c r="E7130">
        <v>14626.37551</v>
      </c>
      <c r="F7130">
        <v>50745.523480000003</v>
      </c>
      <c r="G7130">
        <v>37545.367630000001</v>
      </c>
      <c r="H7130">
        <v>37068.929109999997</v>
      </c>
      <c r="I7130">
        <v>22325.355579999999</v>
      </c>
      <c r="J7130">
        <v>28109.569469999999</v>
      </c>
      <c r="K7130">
        <v>50217.416299999997</v>
      </c>
      <c r="L7130">
        <v>18029.53283</v>
      </c>
      <c r="M7130">
        <v>307450.88150000002</v>
      </c>
      <c r="N7130">
        <v>77883.16807</v>
      </c>
      <c r="O7130">
        <v>19838.582620000001</v>
      </c>
      <c r="P7130">
        <v>28016.62975</v>
      </c>
      <c r="Q7130">
        <v>83002.039009999993</v>
      </c>
      <c r="R7130">
        <v>20981.865539999999</v>
      </c>
      <c r="S7130">
        <v>76536.731209999998</v>
      </c>
      <c r="T7130">
        <v>25768.820390000001</v>
      </c>
      <c r="U7130">
        <v>14507.79074</v>
      </c>
      <c r="W7130" s="83">
        <f>Bühler!N7162</f>
        <v>45588.999999982712</v>
      </c>
      <c r="X7130" s="83">
        <v>43398</v>
      </c>
      <c r="Y7130">
        <v>244736.05650000001</v>
      </c>
      <c r="Z7130">
        <v>14626.37551</v>
      </c>
      <c r="AA7130">
        <v>50745.523480000003</v>
      </c>
      <c r="AB7130">
        <v>37545.367630000001</v>
      </c>
      <c r="AC7130">
        <v>37068.929109999997</v>
      </c>
      <c r="AD7130">
        <v>22325.355579999999</v>
      </c>
      <c r="AE7130">
        <v>28109.569469999999</v>
      </c>
      <c r="AF7130">
        <v>50217.416299999997</v>
      </c>
      <c r="AG7130">
        <v>18029.53283</v>
      </c>
      <c r="AH7130">
        <v>307450.88150000002</v>
      </c>
      <c r="AI7130">
        <v>77883.16807</v>
      </c>
      <c r="AJ7130">
        <v>19838.582620000001</v>
      </c>
      <c r="AK7130">
        <v>28016.62975</v>
      </c>
      <c r="AL7130">
        <v>83002.039009999993</v>
      </c>
      <c r="AM7130">
        <v>20981.865539999999</v>
      </c>
      <c r="AN7130">
        <v>76536.731209999998</v>
      </c>
      <c r="AO7130">
        <v>25768.820390000001</v>
      </c>
      <c r="AP7130">
        <v>14507.79074</v>
      </c>
    </row>
    <row r="7131" spans="2:42" x14ac:dyDescent="0.3">
      <c r="B7131">
        <v>59.234987002809227</v>
      </c>
      <c r="C7131" s="83">
        <v>43398.041666666664</v>
      </c>
      <c r="D7131">
        <v>242371.83720000001</v>
      </c>
      <c r="E7131">
        <v>14557.828509999999</v>
      </c>
      <c r="F7131">
        <v>51658.888420000003</v>
      </c>
      <c r="G7131">
        <v>37045.75894</v>
      </c>
      <c r="H7131">
        <v>36333.335050000002</v>
      </c>
      <c r="I7131">
        <v>18152.682400000002</v>
      </c>
      <c r="J7131">
        <v>27419.219659999999</v>
      </c>
      <c r="K7131">
        <v>49153.203869999998</v>
      </c>
      <c r="L7131">
        <v>17155.092120000001</v>
      </c>
      <c r="M7131">
        <v>302007.58750000002</v>
      </c>
      <c r="N7131">
        <v>77581.640329999995</v>
      </c>
      <c r="O7131">
        <v>19775.92092</v>
      </c>
      <c r="P7131">
        <v>25593.073530000001</v>
      </c>
      <c r="Q7131">
        <v>83236.640849999996</v>
      </c>
      <c r="R7131">
        <v>20225.74209</v>
      </c>
      <c r="S7131">
        <v>75651.826629999996</v>
      </c>
      <c r="T7131">
        <v>25031.485430000001</v>
      </c>
      <c r="U7131">
        <v>14462.01792</v>
      </c>
      <c r="W7131" s="83">
        <f>Bühler!N7163</f>
        <v>45589.041666649377</v>
      </c>
      <c r="X7131" s="83">
        <v>43398.041666666664</v>
      </c>
      <c r="Y7131">
        <v>242371.83720000001</v>
      </c>
      <c r="Z7131">
        <v>14557.828509999999</v>
      </c>
      <c r="AA7131">
        <v>51658.888420000003</v>
      </c>
      <c r="AB7131">
        <v>37045.75894</v>
      </c>
      <c r="AC7131">
        <v>36333.335050000002</v>
      </c>
      <c r="AD7131">
        <v>18152.682400000002</v>
      </c>
      <c r="AE7131">
        <v>27419.219659999999</v>
      </c>
      <c r="AF7131">
        <v>49153.203869999998</v>
      </c>
      <c r="AG7131">
        <v>17155.092120000001</v>
      </c>
      <c r="AH7131">
        <v>302007.58750000002</v>
      </c>
      <c r="AI7131">
        <v>77581.640329999995</v>
      </c>
      <c r="AJ7131">
        <v>19775.92092</v>
      </c>
      <c r="AK7131">
        <v>25593.073530000001</v>
      </c>
      <c r="AL7131">
        <v>83236.640849999996</v>
      </c>
      <c r="AM7131">
        <v>20225.74209</v>
      </c>
      <c r="AN7131">
        <v>75651.826629999996</v>
      </c>
      <c r="AO7131">
        <v>25031.485430000001</v>
      </c>
      <c r="AP7131">
        <v>14462.01792</v>
      </c>
    </row>
    <row r="7132" spans="2:42" x14ac:dyDescent="0.3">
      <c r="B7132">
        <v>59.840760855739148</v>
      </c>
      <c r="C7132" s="83">
        <v>43398.083333333336</v>
      </c>
      <c r="D7132">
        <v>243653.57769999999</v>
      </c>
      <c r="E7132">
        <v>14356.74238</v>
      </c>
      <c r="F7132">
        <v>51806.984320000003</v>
      </c>
      <c r="G7132">
        <v>36525.227680000004</v>
      </c>
      <c r="H7132">
        <v>36318.293140000002</v>
      </c>
      <c r="I7132">
        <v>16461.09635</v>
      </c>
      <c r="J7132">
        <v>27158.039219999999</v>
      </c>
      <c r="K7132">
        <v>47882.774089999999</v>
      </c>
      <c r="L7132">
        <v>16733.549370000001</v>
      </c>
      <c r="M7132">
        <v>305096.10509999999</v>
      </c>
      <c r="N7132">
        <v>76053.738379999995</v>
      </c>
      <c r="O7132">
        <v>19705.86969</v>
      </c>
      <c r="P7132">
        <v>25142.480899999999</v>
      </c>
      <c r="Q7132">
        <v>85325.469389999998</v>
      </c>
      <c r="R7132">
        <v>20083.532899999998</v>
      </c>
      <c r="S7132">
        <v>74785.407479999994</v>
      </c>
      <c r="T7132">
        <v>24273.129809999999</v>
      </c>
      <c r="U7132">
        <v>14274.531010000001</v>
      </c>
      <c r="W7132" s="83">
        <f>Bühler!N7164</f>
        <v>45589.083333316041</v>
      </c>
      <c r="X7132" s="83">
        <v>43398.083333333336</v>
      </c>
      <c r="Y7132">
        <v>243653.57769999999</v>
      </c>
      <c r="Z7132">
        <v>14356.74238</v>
      </c>
      <c r="AA7132">
        <v>51806.984320000003</v>
      </c>
      <c r="AB7132">
        <v>36525.227680000004</v>
      </c>
      <c r="AC7132">
        <v>36318.293140000002</v>
      </c>
      <c r="AD7132">
        <v>16461.09635</v>
      </c>
      <c r="AE7132">
        <v>27158.039219999999</v>
      </c>
      <c r="AF7132">
        <v>47882.774089999999</v>
      </c>
      <c r="AG7132">
        <v>16733.549370000001</v>
      </c>
      <c r="AH7132">
        <v>305096.10509999999</v>
      </c>
      <c r="AI7132">
        <v>76053.738379999995</v>
      </c>
      <c r="AJ7132">
        <v>19705.86969</v>
      </c>
      <c r="AK7132">
        <v>25142.480899999999</v>
      </c>
      <c r="AL7132">
        <v>85325.469389999998</v>
      </c>
      <c r="AM7132">
        <v>20083.532899999998</v>
      </c>
      <c r="AN7132">
        <v>74785.407479999994</v>
      </c>
      <c r="AO7132">
        <v>24273.129809999999</v>
      </c>
      <c r="AP7132">
        <v>14274.531010000001</v>
      </c>
    </row>
    <row r="7133" spans="2:42" x14ac:dyDescent="0.3">
      <c r="B7133">
        <v>60.727251791808833</v>
      </c>
      <c r="C7133" s="83">
        <v>43398.125</v>
      </c>
      <c r="D7133">
        <v>244549.03940000001</v>
      </c>
      <c r="E7133">
        <v>14527.250120000001</v>
      </c>
      <c r="F7133">
        <v>52209.988660000003</v>
      </c>
      <c r="G7133">
        <v>35431.998679999997</v>
      </c>
      <c r="H7133">
        <v>36428.933830000002</v>
      </c>
      <c r="I7133">
        <v>16638.343959999998</v>
      </c>
      <c r="J7133">
        <v>27611.515429999999</v>
      </c>
      <c r="K7133">
        <v>45986.152679999999</v>
      </c>
      <c r="L7133">
        <v>16347.277529999999</v>
      </c>
      <c r="M7133">
        <v>309615.8493</v>
      </c>
      <c r="N7133">
        <v>76640.429369999998</v>
      </c>
      <c r="O7133">
        <v>19466.786899999999</v>
      </c>
      <c r="P7133">
        <v>24517.110430000001</v>
      </c>
      <c r="Q7133">
        <v>88143.685459999993</v>
      </c>
      <c r="R7133">
        <v>19506.887839999999</v>
      </c>
      <c r="S7133">
        <v>74313.87874</v>
      </c>
      <c r="T7133">
        <v>23953.705910000001</v>
      </c>
      <c r="U7133">
        <v>14667.254800000001</v>
      </c>
      <c r="W7133" s="83">
        <f>Bühler!N7165</f>
        <v>45589.124999982705</v>
      </c>
      <c r="X7133" s="83">
        <v>43398.125</v>
      </c>
      <c r="Y7133">
        <v>244549.03940000001</v>
      </c>
      <c r="Z7133">
        <v>14527.250120000001</v>
      </c>
      <c r="AA7133">
        <v>52209.988660000003</v>
      </c>
      <c r="AB7133">
        <v>35431.998679999997</v>
      </c>
      <c r="AC7133">
        <v>36428.933830000002</v>
      </c>
      <c r="AD7133">
        <v>16638.343959999998</v>
      </c>
      <c r="AE7133">
        <v>27611.515429999999</v>
      </c>
      <c r="AF7133">
        <v>45986.152679999999</v>
      </c>
      <c r="AG7133">
        <v>16347.277529999999</v>
      </c>
      <c r="AH7133">
        <v>309615.8493</v>
      </c>
      <c r="AI7133">
        <v>76640.429369999998</v>
      </c>
      <c r="AJ7133">
        <v>19466.786899999999</v>
      </c>
      <c r="AK7133">
        <v>24517.110430000001</v>
      </c>
      <c r="AL7133">
        <v>88143.685459999993</v>
      </c>
      <c r="AM7133">
        <v>19506.887839999999</v>
      </c>
      <c r="AN7133">
        <v>74313.87874</v>
      </c>
      <c r="AO7133">
        <v>23953.705910000001</v>
      </c>
      <c r="AP7133">
        <v>14667.254800000001</v>
      </c>
    </row>
    <row r="7134" spans="2:42" x14ac:dyDescent="0.3">
      <c r="B7134">
        <v>61.839497871249442</v>
      </c>
      <c r="C7134" s="83">
        <v>43398.166666666664</v>
      </c>
      <c r="D7134">
        <v>245992.45540000001</v>
      </c>
      <c r="E7134">
        <v>14978.88423</v>
      </c>
      <c r="F7134">
        <v>55765.988420000001</v>
      </c>
      <c r="G7134">
        <v>35241.149700000002</v>
      </c>
      <c r="H7134">
        <v>37117.300139999999</v>
      </c>
      <c r="I7134">
        <v>19688.782279999999</v>
      </c>
      <c r="J7134">
        <v>28848.803179999999</v>
      </c>
      <c r="K7134">
        <v>44563.918230000003</v>
      </c>
      <c r="L7134">
        <v>16585.5134</v>
      </c>
      <c r="M7134">
        <v>315286.59850000002</v>
      </c>
      <c r="N7134">
        <v>76639.586599999995</v>
      </c>
      <c r="O7134">
        <v>19941.64357</v>
      </c>
      <c r="P7134">
        <v>24418.242020000002</v>
      </c>
      <c r="Q7134">
        <v>91251.880260000005</v>
      </c>
      <c r="R7134">
        <v>19464.101719999999</v>
      </c>
      <c r="S7134">
        <v>74885.331049999993</v>
      </c>
      <c r="T7134">
        <v>23959.718229999999</v>
      </c>
      <c r="U7134">
        <v>15362.811519999999</v>
      </c>
      <c r="W7134" s="83">
        <f>Bühler!N7166</f>
        <v>45589.166666649369</v>
      </c>
      <c r="X7134" s="83">
        <v>43398.166666666664</v>
      </c>
      <c r="Y7134">
        <v>245992.45540000001</v>
      </c>
      <c r="Z7134">
        <v>14978.88423</v>
      </c>
      <c r="AA7134">
        <v>55765.988420000001</v>
      </c>
      <c r="AB7134">
        <v>35241.149700000002</v>
      </c>
      <c r="AC7134">
        <v>37117.300139999999</v>
      </c>
      <c r="AD7134">
        <v>19688.782279999999</v>
      </c>
      <c r="AE7134">
        <v>28848.803179999999</v>
      </c>
      <c r="AF7134">
        <v>44563.918230000003</v>
      </c>
      <c r="AG7134">
        <v>16585.5134</v>
      </c>
      <c r="AH7134">
        <v>315286.59850000002</v>
      </c>
      <c r="AI7134">
        <v>76639.586599999995</v>
      </c>
      <c r="AJ7134">
        <v>19941.64357</v>
      </c>
      <c r="AK7134">
        <v>24418.242020000002</v>
      </c>
      <c r="AL7134">
        <v>91251.880260000005</v>
      </c>
      <c r="AM7134">
        <v>19464.101719999999</v>
      </c>
      <c r="AN7134">
        <v>74885.331049999993</v>
      </c>
      <c r="AO7134">
        <v>23959.718229999999</v>
      </c>
      <c r="AP7134">
        <v>15362.811519999999</v>
      </c>
    </row>
    <row r="7135" spans="2:42" x14ac:dyDescent="0.3">
      <c r="B7135">
        <v>64.971586803285987</v>
      </c>
      <c r="C7135" s="83">
        <v>43398.208333333336</v>
      </c>
      <c r="D7135">
        <v>262408.2095</v>
      </c>
      <c r="E7135">
        <v>17251.133549999999</v>
      </c>
      <c r="F7135">
        <v>67029.576149999994</v>
      </c>
      <c r="G7135">
        <v>37234.627330000003</v>
      </c>
      <c r="H7135">
        <v>38663.32202</v>
      </c>
      <c r="I7135">
        <v>26067.500120000001</v>
      </c>
      <c r="J7135">
        <v>31695.378359999999</v>
      </c>
      <c r="K7135">
        <v>45279.356570000004</v>
      </c>
      <c r="L7135">
        <v>17121.62945</v>
      </c>
      <c r="M7135">
        <v>331255.4485</v>
      </c>
      <c r="N7135">
        <v>77226.360360000006</v>
      </c>
      <c r="O7135">
        <v>20423.534680000001</v>
      </c>
      <c r="P7135">
        <v>26300.638360000001</v>
      </c>
      <c r="Q7135">
        <v>94594.012600000002</v>
      </c>
      <c r="R7135">
        <v>20416.268400000001</v>
      </c>
      <c r="S7135">
        <v>77563.665250000005</v>
      </c>
      <c r="T7135">
        <v>25195.767260000001</v>
      </c>
      <c r="U7135">
        <v>18128.914830000002</v>
      </c>
      <c r="W7135" s="83">
        <f>Bühler!N7167</f>
        <v>45589.208333316034</v>
      </c>
      <c r="X7135" s="83">
        <v>43398.208333333336</v>
      </c>
      <c r="Y7135">
        <v>262408.2095</v>
      </c>
      <c r="Z7135">
        <v>17251.133549999999</v>
      </c>
      <c r="AA7135">
        <v>67029.576149999994</v>
      </c>
      <c r="AB7135">
        <v>37234.627330000003</v>
      </c>
      <c r="AC7135">
        <v>38663.32202</v>
      </c>
      <c r="AD7135">
        <v>26067.500120000001</v>
      </c>
      <c r="AE7135">
        <v>31695.378359999999</v>
      </c>
      <c r="AF7135">
        <v>45279.356570000004</v>
      </c>
      <c r="AG7135">
        <v>17121.62945</v>
      </c>
      <c r="AH7135">
        <v>331255.4485</v>
      </c>
      <c r="AI7135">
        <v>77226.360360000006</v>
      </c>
      <c r="AJ7135">
        <v>20423.534680000001</v>
      </c>
      <c r="AK7135">
        <v>26300.638360000001</v>
      </c>
      <c r="AL7135">
        <v>94594.012600000002</v>
      </c>
      <c r="AM7135">
        <v>20416.268400000001</v>
      </c>
      <c r="AN7135">
        <v>77563.665250000005</v>
      </c>
      <c r="AO7135">
        <v>25195.767260000001</v>
      </c>
      <c r="AP7135">
        <v>18128.914830000002</v>
      </c>
    </row>
    <row r="7136" spans="2:42" x14ac:dyDescent="0.3">
      <c r="B7136">
        <v>68.521734492023569</v>
      </c>
      <c r="C7136" s="83">
        <v>43398.25</v>
      </c>
      <c r="D7136">
        <v>277192.43229999999</v>
      </c>
      <c r="E7136">
        <v>21321.510139999999</v>
      </c>
      <c r="F7136">
        <v>80096.011509999997</v>
      </c>
      <c r="G7136">
        <v>42219.438309999998</v>
      </c>
      <c r="H7136">
        <v>42729.870580000003</v>
      </c>
      <c r="I7136">
        <v>32495.28098</v>
      </c>
      <c r="J7136">
        <v>35442.405290000002</v>
      </c>
      <c r="K7136">
        <v>49457.778570000002</v>
      </c>
      <c r="L7136">
        <v>19119.324199999999</v>
      </c>
      <c r="M7136">
        <v>349355.75699999998</v>
      </c>
      <c r="N7136">
        <v>78996.822650000002</v>
      </c>
      <c r="O7136">
        <v>21776.247800000001</v>
      </c>
      <c r="P7136">
        <v>27752.244790000001</v>
      </c>
      <c r="Q7136">
        <v>96726.898700000005</v>
      </c>
      <c r="R7136">
        <v>19452.05514</v>
      </c>
      <c r="S7136">
        <v>86603.719769999996</v>
      </c>
      <c r="T7136">
        <v>28512.55402</v>
      </c>
      <c r="U7136">
        <v>20336.950840000001</v>
      </c>
      <c r="W7136" s="83">
        <f>Bühler!N7168</f>
        <v>45589.249999982698</v>
      </c>
      <c r="X7136" s="83">
        <v>43398.25</v>
      </c>
      <c r="Y7136">
        <v>277192.43229999999</v>
      </c>
      <c r="Z7136">
        <v>21321.510139999999</v>
      </c>
      <c r="AA7136">
        <v>80096.011509999997</v>
      </c>
      <c r="AB7136">
        <v>42219.438309999998</v>
      </c>
      <c r="AC7136">
        <v>42729.870580000003</v>
      </c>
      <c r="AD7136">
        <v>32495.28098</v>
      </c>
      <c r="AE7136">
        <v>35442.405290000002</v>
      </c>
      <c r="AF7136">
        <v>49457.778570000002</v>
      </c>
      <c r="AG7136">
        <v>19119.324199999999</v>
      </c>
      <c r="AH7136">
        <v>349355.75699999998</v>
      </c>
      <c r="AI7136">
        <v>78996.822650000002</v>
      </c>
      <c r="AJ7136">
        <v>21776.247800000001</v>
      </c>
      <c r="AK7136">
        <v>27752.244790000001</v>
      </c>
      <c r="AL7136">
        <v>96726.898700000005</v>
      </c>
      <c r="AM7136">
        <v>19452.05514</v>
      </c>
      <c r="AN7136">
        <v>86603.719769999996</v>
      </c>
      <c r="AO7136">
        <v>28512.55402</v>
      </c>
      <c r="AP7136">
        <v>20336.950840000001</v>
      </c>
    </row>
    <row r="7137" spans="2:42" x14ac:dyDescent="0.3">
      <c r="B7137">
        <v>70.90287203138476</v>
      </c>
      <c r="C7137" s="83">
        <v>43398.291666666664</v>
      </c>
      <c r="D7137">
        <v>292519.60149999999</v>
      </c>
      <c r="E7137">
        <v>26634.033599999999</v>
      </c>
      <c r="F7137">
        <v>83702.408460000006</v>
      </c>
      <c r="G7137">
        <v>51684.708700000003</v>
      </c>
      <c r="H7137">
        <v>48732.43606</v>
      </c>
      <c r="I7137">
        <v>39845.261740000002</v>
      </c>
      <c r="J7137">
        <v>37536.553809999998</v>
      </c>
      <c r="K7137">
        <v>55303.068740000002</v>
      </c>
      <c r="L7137">
        <v>22256.781630000001</v>
      </c>
      <c r="M7137">
        <v>361495.90659999999</v>
      </c>
      <c r="N7137">
        <v>86417.320139999996</v>
      </c>
      <c r="O7137">
        <v>24462.964980000001</v>
      </c>
      <c r="P7137">
        <v>31316.49307</v>
      </c>
      <c r="Q7137">
        <v>96440.383669999996</v>
      </c>
      <c r="R7137">
        <v>21535.77954</v>
      </c>
      <c r="S7137">
        <v>103279.539</v>
      </c>
      <c r="T7137">
        <v>30759.561610000001</v>
      </c>
      <c r="U7137">
        <v>25194.761259999999</v>
      </c>
      <c r="W7137" s="83">
        <f>Bühler!N7169</f>
        <v>45589.291666649362</v>
      </c>
      <c r="X7137" s="83">
        <v>43398.291666666664</v>
      </c>
      <c r="Y7137">
        <v>292519.60149999999</v>
      </c>
      <c r="Z7137">
        <v>26634.033599999999</v>
      </c>
      <c r="AA7137">
        <v>83702.408460000006</v>
      </c>
      <c r="AB7137">
        <v>51684.708700000003</v>
      </c>
      <c r="AC7137">
        <v>48732.43606</v>
      </c>
      <c r="AD7137">
        <v>39845.261740000002</v>
      </c>
      <c r="AE7137">
        <v>37536.553809999998</v>
      </c>
      <c r="AF7137">
        <v>55303.068740000002</v>
      </c>
      <c r="AG7137">
        <v>22256.781630000001</v>
      </c>
      <c r="AH7137">
        <v>361495.90659999999</v>
      </c>
      <c r="AI7137">
        <v>86417.320139999996</v>
      </c>
      <c r="AJ7137">
        <v>24462.964980000001</v>
      </c>
      <c r="AK7137">
        <v>31316.49307</v>
      </c>
      <c r="AL7137">
        <v>96440.383669999996</v>
      </c>
      <c r="AM7137">
        <v>21535.77954</v>
      </c>
      <c r="AN7137">
        <v>103279.539</v>
      </c>
      <c r="AO7137">
        <v>30759.561610000001</v>
      </c>
      <c r="AP7137">
        <v>25194.761259999999</v>
      </c>
    </row>
    <row r="7138" spans="2:42" x14ac:dyDescent="0.3">
      <c r="B7138">
        <v>71.868565902791488</v>
      </c>
      <c r="C7138" s="83">
        <v>43398.333333333336</v>
      </c>
      <c r="D7138">
        <v>303538.27299999999</v>
      </c>
      <c r="E7138">
        <v>32794.445570000003</v>
      </c>
      <c r="F7138">
        <v>89758.824349999995</v>
      </c>
      <c r="G7138">
        <v>61396.581460000001</v>
      </c>
      <c r="H7138">
        <v>52604.360930000003</v>
      </c>
      <c r="I7138">
        <v>43008.68722</v>
      </c>
      <c r="J7138">
        <v>37874.804029999999</v>
      </c>
      <c r="K7138">
        <v>61070.878129999997</v>
      </c>
      <c r="L7138">
        <v>25649.672040000001</v>
      </c>
      <c r="M7138">
        <v>366419.46429999999</v>
      </c>
      <c r="N7138">
        <v>93300.727629999994</v>
      </c>
      <c r="O7138">
        <v>25589.024789999999</v>
      </c>
      <c r="P7138">
        <v>33587.781819999997</v>
      </c>
      <c r="Q7138">
        <v>97721.821620000002</v>
      </c>
      <c r="R7138">
        <v>21030.027890000001</v>
      </c>
      <c r="S7138">
        <v>117315.5974</v>
      </c>
      <c r="T7138">
        <v>34102.299639999997</v>
      </c>
      <c r="U7138">
        <v>27771.652600000001</v>
      </c>
      <c r="W7138" s="83">
        <f>Bühler!N7170</f>
        <v>45589.333333316026</v>
      </c>
      <c r="X7138" s="83">
        <v>43398.333333333336</v>
      </c>
      <c r="Y7138">
        <v>303538.27299999999</v>
      </c>
      <c r="Z7138">
        <v>32794.445570000003</v>
      </c>
      <c r="AA7138">
        <v>89758.824349999995</v>
      </c>
      <c r="AB7138">
        <v>61396.581460000001</v>
      </c>
      <c r="AC7138">
        <v>52604.360930000003</v>
      </c>
      <c r="AD7138">
        <v>43008.68722</v>
      </c>
      <c r="AE7138">
        <v>37874.804029999999</v>
      </c>
      <c r="AF7138">
        <v>61070.878129999997</v>
      </c>
      <c r="AG7138">
        <v>25649.672040000001</v>
      </c>
      <c r="AH7138">
        <v>366419.46429999999</v>
      </c>
      <c r="AI7138">
        <v>93300.727629999994</v>
      </c>
      <c r="AJ7138">
        <v>25589.024789999999</v>
      </c>
      <c r="AK7138">
        <v>33587.781819999997</v>
      </c>
      <c r="AL7138">
        <v>97721.821620000002</v>
      </c>
      <c r="AM7138">
        <v>21030.027890000001</v>
      </c>
      <c r="AN7138">
        <v>117315.5974</v>
      </c>
      <c r="AO7138">
        <v>34102.299639999997</v>
      </c>
      <c r="AP7138">
        <v>27771.652600000001</v>
      </c>
    </row>
    <row r="7139" spans="2:42" x14ac:dyDescent="0.3">
      <c r="B7139">
        <v>71.621925616152339</v>
      </c>
      <c r="C7139" s="83">
        <v>43398.375</v>
      </c>
      <c r="D7139">
        <v>304002.40500000003</v>
      </c>
      <c r="E7139">
        <v>36576.052459999999</v>
      </c>
      <c r="F7139">
        <v>95888.769490000006</v>
      </c>
      <c r="G7139">
        <v>65386.019059999999</v>
      </c>
      <c r="H7139">
        <v>54783.27749</v>
      </c>
      <c r="I7139">
        <v>41384.547559999999</v>
      </c>
      <c r="J7139">
        <v>37489.320090000001</v>
      </c>
      <c r="K7139">
        <v>62247.173219999997</v>
      </c>
      <c r="L7139">
        <v>29396.683959999998</v>
      </c>
      <c r="M7139">
        <v>365161.97710000002</v>
      </c>
      <c r="N7139">
        <v>96100.710930000001</v>
      </c>
      <c r="O7139">
        <v>26038.025269999998</v>
      </c>
      <c r="P7139">
        <v>34798.993569999999</v>
      </c>
      <c r="Q7139">
        <v>98893.031239999997</v>
      </c>
      <c r="R7139">
        <v>22187.27866</v>
      </c>
      <c r="S7139">
        <v>123218.679</v>
      </c>
      <c r="T7139">
        <v>36019.611490000003</v>
      </c>
      <c r="U7139">
        <v>27556.494340000001</v>
      </c>
      <c r="W7139" s="83">
        <f>Bühler!N7171</f>
        <v>45589.37499998269</v>
      </c>
      <c r="X7139" s="83">
        <v>43398.375</v>
      </c>
      <c r="Y7139">
        <v>304002.40500000003</v>
      </c>
      <c r="Z7139">
        <v>36576.052459999999</v>
      </c>
      <c r="AA7139">
        <v>95888.769490000006</v>
      </c>
      <c r="AB7139">
        <v>65386.019059999999</v>
      </c>
      <c r="AC7139">
        <v>54783.27749</v>
      </c>
      <c r="AD7139">
        <v>41384.547559999999</v>
      </c>
      <c r="AE7139">
        <v>37489.320090000001</v>
      </c>
      <c r="AF7139">
        <v>62247.173219999997</v>
      </c>
      <c r="AG7139">
        <v>29396.683959999998</v>
      </c>
      <c r="AH7139">
        <v>365161.97710000002</v>
      </c>
      <c r="AI7139">
        <v>96100.710930000001</v>
      </c>
      <c r="AJ7139">
        <v>26038.025269999998</v>
      </c>
      <c r="AK7139">
        <v>34798.993569999999</v>
      </c>
      <c r="AL7139">
        <v>98893.031239999997</v>
      </c>
      <c r="AM7139">
        <v>22187.27866</v>
      </c>
      <c r="AN7139">
        <v>123218.679</v>
      </c>
      <c r="AO7139">
        <v>36019.611490000003</v>
      </c>
      <c r="AP7139">
        <v>27556.494340000001</v>
      </c>
    </row>
    <row r="7140" spans="2:42" x14ac:dyDescent="0.3">
      <c r="B7140">
        <v>70.993843211518524</v>
      </c>
      <c r="C7140" s="83">
        <v>43398.416666666664</v>
      </c>
      <c r="D7140">
        <v>306541.04519999999</v>
      </c>
      <c r="E7140">
        <v>37743.001689999997</v>
      </c>
      <c r="F7140">
        <v>96051.264630000005</v>
      </c>
      <c r="G7140">
        <v>67629.838749999995</v>
      </c>
      <c r="H7140">
        <v>55104.347650000003</v>
      </c>
      <c r="I7140">
        <v>38942.035430000004</v>
      </c>
      <c r="J7140">
        <v>35572.721299999997</v>
      </c>
      <c r="K7140">
        <v>62961.13306</v>
      </c>
      <c r="L7140">
        <v>31760.225030000001</v>
      </c>
      <c r="M7140">
        <v>361959.72009999998</v>
      </c>
      <c r="N7140">
        <v>96238.734909999999</v>
      </c>
      <c r="O7140">
        <v>26087.487379999999</v>
      </c>
      <c r="P7140">
        <v>34612.937480000001</v>
      </c>
      <c r="Q7140">
        <v>98335.808539999998</v>
      </c>
      <c r="R7140">
        <v>23114.62199</v>
      </c>
      <c r="S7140">
        <v>123473.6551</v>
      </c>
      <c r="T7140">
        <v>38110.99265</v>
      </c>
      <c r="U7140">
        <v>27762.28168</v>
      </c>
      <c r="W7140" s="83">
        <f>Bühler!N7172</f>
        <v>45589.416666649355</v>
      </c>
      <c r="X7140" s="83">
        <v>43398.416666666664</v>
      </c>
      <c r="Y7140">
        <v>306541.04519999999</v>
      </c>
      <c r="Z7140">
        <v>37743.001689999997</v>
      </c>
      <c r="AA7140">
        <v>96051.264630000005</v>
      </c>
      <c r="AB7140">
        <v>67629.838749999995</v>
      </c>
      <c r="AC7140">
        <v>55104.347650000003</v>
      </c>
      <c r="AD7140">
        <v>38942.035430000004</v>
      </c>
      <c r="AE7140">
        <v>35572.721299999997</v>
      </c>
      <c r="AF7140">
        <v>62961.13306</v>
      </c>
      <c r="AG7140">
        <v>31760.225030000001</v>
      </c>
      <c r="AH7140">
        <v>361959.72009999998</v>
      </c>
      <c r="AI7140">
        <v>96238.734909999999</v>
      </c>
      <c r="AJ7140">
        <v>26087.487379999999</v>
      </c>
      <c r="AK7140">
        <v>34612.937480000001</v>
      </c>
      <c r="AL7140">
        <v>98335.808539999998</v>
      </c>
      <c r="AM7140">
        <v>23114.62199</v>
      </c>
      <c r="AN7140">
        <v>123473.6551</v>
      </c>
      <c r="AO7140">
        <v>38110.99265</v>
      </c>
      <c r="AP7140">
        <v>27762.28168</v>
      </c>
    </row>
    <row r="7141" spans="2:42" x14ac:dyDescent="0.3">
      <c r="B7141">
        <v>71.394485672015094</v>
      </c>
      <c r="C7141" s="83">
        <v>43398.458333333336</v>
      </c>
      <c r="D7141">
        <v>304061.77029999997</v>
      </c>
      <c r="E7141">
        <v>37249.470950000003</v>
      </c>
      <c r="F7141">
        <v>95623.731539999993</v>
      </c>
      <c r="G7141">
        <v>67706.221470000004</v>
      </c>
      <c r="H7141">
        <v>54358.58943</v>
      </c>
      <c r="I7141">
        <v>38756.355580000003</v>
      </c>
      <c r="J7141">
        <v>35394.259510000004</v>
      </c>
      <c r="K7141">
        <v>64119.433080000003</v>
      </c>
      <c r="L7141">
        <v>33052.692849999999</v>
      </c>
      <c r="M7141">
        <v>364002.38219999999</v>
      </c>
      <c r="N7141">
        <v>96966.464110000001</v>
      </c>
      <c r="O7141">
        <v>25724.857049999999</v>
      </c>
      <c r="P7141">
        <v>33954.269189999999</v>
      </c>
      <c r="Q7141">
        <v>98063.268710000004</v>
      </c>
      <c r="R7141">
        <v>22579.74166</v>
      </c>
      <c r="S7141">
        <v>123213.46490000001</v>
      </c>
      <c r="T7141">
        <v>37742.141799999998</v>
      </c>
      <c r="U7141">
        <v>27041.629209999999</v>
      </c>
      <c r="W7141" s="83">
        <f>Bühler!N7173</f>
        <v>45589.458333316019</v>
      </c>
      <c r="X7141" s="83">
        <v>43398.458333333336</v>
      </c>
      <c r="Y7141">
        <v>304061.77029999997</v>
      </c>
      <c r="Z7141">
        <v>37249.470950000003</v>
      </c>
      <c r="AA7141">
        <v>95623.731539999993</v>
      </c>
      <c r="AB7141">
        <v>67706.221470000004</v>
      </c>
      <c r="AC7141">
        <v>54358.58943</v>
      </c>
      <c r="AD7141">
        <v>38756.355580000003</v>
      </c>
      <c r="AE7141">
        <v>35394.259510000004</v>
      </c>
      <c r="AF7141">
        <v>64119.433080000003</v>
      </c>
      <c r="AG7141">
        <v>33052.692849999999</v>
      </c>
      <c r="AH7141">
        <v>364002.38219999999</v>
      </c>
      <c r="AI7141">
        <v>96966.464110000001</v>
      </c>
      <c r="AJ7141">
        <v>25724.857049999999</v>
      </c>
      <c r="AK7141">
        <v>33954.269189999999</v>
      </c>
      <c r="AL7141">
        <v>98063.268710000004</v>
      </c>
      <c r="AM7141">
        <v>22579.74166</v>
      </c>
      <c r="AN7141">
        <v>123213.46490000001</v>
      </c>
      <c r="AO7141">
        <v>37742.141799999998</v>
      </c>
      <c r="AP7141">
        <v>27041.629209999999</v>
      </c>
    </row>
    <row r="7142" spans="2:42" x14ac:dyDescent="0.3">
      <c r="B7142">
        <v>70.962631531509885</v>
      </c>
      <c r="C7142" s="83">
        <v>43398.5</v>
      </c>
      <c r="D7142">
        <v>291518.00400000002</v>
      </c>
      <c r="E7142">
        <v>33409.798340000001</v>
      </c>
      <c r="F7142">
        <v>93504.765400000004</v>
      </c>
      <c r="G7142">
        <v>64253.710140000003</v>
      </c>
      <c r="H7142">
        <v>51619.66921</v>
      </c>
      <c r="I7142">
        <v>36994.58698</v>
      </c>
      <c r="J7142">
        <v>35685.334179999998</v>
      </c>
      <c r="K7142">
        <v>60160.101999999999</v>
      </c>
      <c r="L7142">
        <v>35752.068299999999</v>
      </c>
      <c r="M7142">
        <v>361800.58840000001</v>
      </c>
      <c r="N7142">
        <v>92759.191649999993</v>
      </c>
      <c r="O7142">
        <v>24924.67467</v>
      </c>
      <c r="P7142">
        <v>35095.538200000003</v>
      </c>
      <c r="Q7142">
        <v>96322.181909999999</v>
      </c>
      <c r="R7142">
        <v>23920.623060000002</v>
      </c>
      <c r="S7142">
        <v>117243.8992</v>
      </c>
      <c r="T7142">
        <v>36712.510119999999</v>
      </c>
      <c r="U7142">
        <v>21549.890479999998</v>
      </c>
      <c r="W7142" s="83">
        <f>Bühler!N7174</f>
        <v>45589.499999982683</v>
      </c>
      <c r="X7142" s="83">
        <v>43398.5</v>
      </c>
      <c r="Y7142">
        <v>291518.00400000002</v>
      </c>
      <c r="Z7142">
        <v>33409.798340000001</v>
      </c>
      <c r="AA7142">
        <v>93504.765400000004</v>
      </c>
      <c r="AB7142">
        <v>64253.710140000003</v>
      </c>
      <c r="AC7142">
        <v>51619.66921</v>
      </c>
      <c r="AD7142">
        <v>36994.58698</v>
      </c>
      <c r="AE7142">
        <v>35685.334179999998</v>
      </c>
      <c r="AF7142">
        <v>60160.101999999999</v>
      </c>
      <c r="AG7142">
        <v>35752.068299999999</v>
      </c>
      <c r="AH7142">
        <v>361800.58840000001</v>
      </c>
      <c r="AI7142">
        <v>92759.191649999993</v>
      </c>
      <c r="AJ7142">
        <v>24924.67467</v>
      </c>
      <c r="AK7142">
        <v>35095.538200000003</v>
      </c>
      <c r="AL7142">
        <v>96322.181909999999</v>
      </c>
      <c r="AM7142">
        <v>23920.623060000002</v>
      </c>
      <c r="AN7142">
        <v>117243.8992</v>
      </c>
      <c r="AO7142">
        <v>36712.510119999999</v>
      </c>
      <c r="AP7142">
        <v>21549.890479999998</v>
      </c>
    </row>
    <row r="7143" spans="2:42" x14ac:dyDescent="0.3">
      <c r="B7143">
        <v>70.745044589556173</v>
      </c>
      <c r="C7143" s="83">
        <v>43398.541666666664</v>
      </c>
      <c r="D7143">
        <v>291545.95929999999</v>
      </c>
      <c r="E7143">
        <v>33394.666369999999</v>
      </c>
      <c r="F7143">
        <v>92985.543300000005</v>
      </c>
      <c r="G7143">
        <v>62432.881959999999</v>
      </c>
      <c r="H7143">
        <v>51953.07402</v>
      </c>
      <c r="I7143">
        <v>36378.297839999999</v>
      </c>
      <c r="J7143">
        <v>34205.597970000003</v>
      </c>
      <c r="K7143">
        <v>62731.165050000003</v>
      </c>
      <c r="L7143">
        <v>33969.001640000002</v>
      </c>
      <c r="M7143">
        <v>360691.22869999998</v>
      </c>
      <c r="N7143">
        <v>92634.534320000006</v>
      </c>
      <c r="O7143">
        <v>24738.65509</v>
      </c>
      <c r="P7143">
        <v>34938.399850000002</v>
      </c>
      <c r="Q7143">
        <v>95008.646420000005</v>
      </c>
      <c r="R7143">
        <v>24600.259829999999</v>
      </c>
      <c r="S7143">
        <v>115818.52650000001</v>
      </c>
      <c r="T7143">
        <v>35774.293010000001</v>
      </c>
      <c r="U7143">
        <v>23052.864170000001</v>
      </c>
      <c r="W7143" s="83">
        <f>Bühler!N7175</f>
        <v>45589.541666649347</v>
      </c>
      <c r="X7143" s="83">
        <v>43398.541666666664</v>
      </c>
      <c r="Y7143">
        <v>291545.95929999999</v>
      </c>
      <c r="Z7143">
        <v>33394.666369999999</v>
      </c>
      <c r="AA7143">
        <v>92985.543300000005</v>
      </c>
      <c r="AB7143">
        <v>62432.881959999999</v>
      </c>
      <c r="AC7143">
        <v>51953.07402</v>
      </c>
      <c r="AD7143">
        <v>36378.297839999999</v>
      </c>
      <c r="AE7143">
        <v>34205.597970000003</v>
      </c>
      <c r="AF7143">
        <v>62731.165050000003</v>
      </c>
      <c r="AG7143">
        <v>33969.001640000002</v>
      </c>
      <c r="AH7143">
        <v>360691.22869999998</v>
      </c>
      <c r="AI7143">
        <v>92634.534320000006</v>
      </c>
      <c r="AJ7143">
        <v>24738.65509</v>
      </c>
      <c r="AK7143">
        <v>34938.399850000002</v>
      </c>
      <c r="AL7143">
        <v>95008.646420000005</v>
      </c>
      <c r="AM7143">
        <v>24600.259829999999</v>
      </c>
      <c r="AN7143">
        <v>115818.52650000001</v>
      </c>
      <c r="AO7143">
        <v>35774.293010000001</v>
      </c>
      <c r="AP7143">
        <v>23052.864170000001</v>
      </c>
    </row>
    <row r="7144" spans="2:42" x14ac:dyDescent="0.3">
      <c r="B7144">
        <v>70.486266005662657</v>
      </c>
      <c r="C7144" s="83">
        <v>43398.583333333336</v>
      </c>
      <c r="D7144">
        <v>294492.16369999998</v>
      </c>
      <c r="E7144">
        <v>36073.784420000004</v>
      </c>
      <c r="F7144">
        <v>95057.652749999994</v>
      </c>
      <c r="G7144">
        <v>61391.898880000001</v>
      </c>
      <c r="H7144">
        <v>52070.529670000004</v>
      </c>
      <c r="I7144">
        <v>37257.688479999997</v>
      </c>
      <c r="J7144">
        <v>33152.143609999999</v>
      </c>
      <c r="K7144">
        <v>64855.704429999998</v>
      </c>
      <c r="L7144">
        <v>30516.30241</v>
      </c>
      <c r="M7144">
        <v>359371.85479999997</v>
      </c>
      <c r="N7144">
        <v>94574.719930000007</v>
      </c>
      <c r="O7144">
        <v>24505.998579999999</v>
      </c>
      <c r="P7144">
        <v>31643.494849999999</v>
      </c>
      <c r="Q7144">
        <v>94799.398589999997</v>
      </c>
      <c r="R7144">
        <v>23121.853999999999</v>
      </c>
      <c r="S7144">
        <v>111954.1683</v>
      </c>
      <c r="T7144">
        <v>35430.759010000002</v>
      </c>
      <c r="U7144">
        <v>23900.910520000001</v>
      </c>
      <c r="W7144" s="83">
        <f>Bühler!N7176</f>
        <v>45589.583333316012</v>
      </c>
      <c r="X7144" s="83">
        <v>43398.583333333336</v>
      </c>
      <c r="Y7144">
        <v>294492.16369999998</v>
      </c>
      <c r="Z7144">
        <v>36073.784420000004</v>
      </c>
      <c r="AA7144">
        <v>95057.652749999994</v>
      </c>
      <c r="AB7144">
        <v>61391.898880000001</v>
      </c>
      <c r="AC7144">
        <v>52070.529670000004</v>
      </c>
      <c r="AD7144">
        <v>37257.688479999997</v>
      </c>
      <c r="AE7144">
        <v>33152.143609999999</v>
      </c>
      <c r="AF7144">
        <v>64855.704429999998</v>
      </c>
      <c r="AG7144">
        <v>30516.30241</v>
      </c>
      <c r="AH7144">
        <v>359371.85479999997</v>
      </c>
      <c r="AI7144">
        <v>94574.719930000007</v>
      </c>
      <c r="AJ7144">
        <v>24505.998579999999</v>
      </c>
      <c r="AK7144">
        <v>31643.494849999999</v>
      </c>
      <c r="AL7144">
        <v>94799.398589999997</v>
      </c>
      <c r="AM7144">
        <v>23121.853999999999</v>
      </c>
      <c r="AN7144">
        <v>111954.1683</v>
      </c>
      <c r="AO7144">
        <v>35430.759010000002</v>
      </c>
      <c r="AP7144">
        <v>23900.910520000001</v>
      </c>
    </row>
    <row r="7145" spans="2:42" x14ac:dyDescent="0.3">
      <c r="B7145">
        <v>68.879069027118533</v>
      </c>
      <c r="C7145" s="83">
        <v>43398.625</v>
      </c>
      <c r="D7145">
        <v>291218.41759999999</v>
      </c>
      <c r="E7145">
        <v>35709.695930000002</v>
      </c>
      <c r="F7145">
        <v>95028.519050000003</v>
      </c>
      <c r="G7145">
        <v>59862.867559999999</v>
      </c>
      <c r="H7145">
        <v>50607.692320000002</v>
      </c>
      <c r="I7145">
        <v>37221.542200000004</v>
      </c>
      <c r="J7145">
        <v>32574.23028</v>
      </c>
      <c r="K7145">
        <v>62738.947590000003</v>
      </c>
      <c r="L7145">
        <v>27815.844120000002</v>
      </c>
      <c r="M7145">
        <v>351177.6151</v>
      </c>
      <c r="N7145">
        <v>92711.294739999998</v>
      </c>
      <c r="O7145">
        <v>24450.65813</v>
      </c>
      <c r="P7145">
        <v>28730.0726</v>
      </c>
      <c r="Q7145">
        <v>93938.650110000002</v>
      </c>
      <c r="R7145">
        <v>22641.626759999999</v>
      </c>
      <c r="S7145">
        <v>108879.97560000001</v>
      </c>
      <c r="T7145">
        <v>35143.356590000003</v>
      </c>
      <c r="U7145">
        <v>23058.019799999998</v>
      </c>
      <c r="W7145" s="83">
        <f>Bühler!N7177</f>
        <v>45589.624999982676</v>
      </c>
      <c r="X7145" s="83">
        <v>43398.625</v>
      </c>
      <c r="Y7145">
        <v>291218.41759999999</v>
      </c>
      <c r="Z7145">
        <v>35709.695930000002</v>
      </c>
      <c r="AA7145">
        <v>95028.519050000003</v>
      </c>
      <c r="AB7145">
        <v>59862.867559999999</v>
      </c>
      <c r="AC7145">
        <v>50607.692320000002</v>
      </c>
      <c r="AD7145">
        <v>37221.542200000004</v>
      </c>
      <c r="AE7145">
        <v>32574.23028</v>
      </c>
      <c r="AF7145">
        <v>62738.947590000003</v>
      </c>
      <c r="AG7145">
        <v>27815.844120000002</v>
      </c>
      <c r="AH7145">
        <v>351177.6151</v>
      </c>
      <c r="AI7145">
        <v>92711.294739999998</v>
      </c>
      <c r="AJ7145">
        <v>24450.65813</v>
      </c>
      <c r="AK7145">
        <v>28730.0726</v>
      </c>
      <c r="AL7145">
        <v>93938.650110000002</v>
      </c>
      <c r="AM7145">
        <v>22641.626759999999</v>
      </c>
      <c r="AN7145">
        <v>108879.97560000001</v>
      </c>
      <c r="AO7145">
        <v>35143.356590000003</v>
      </c>
      <c r="AP7145">
        <v>23058.019799999998</v>
      </c>
    </row>
    <row r="7146" spans="2:42" x14ac:dyDescent="0.3">
      <c r="B7146">
        <v>67.999465946659654</v>
      </c>
      <c r="C7146" s="83">
        <v>43398.666666666664</v>
      </c>
      <c r="D7146">
        <v>284299.07380000001</v>
      </c>
      <c r="E7146">
        <v>34625.951939999999</v>
      </c>
      <c r="F7146">
        <v>95194.79075</v>
      </c>
      <c r="G7146">
        <v>57012.60583</v>
      </c>
      <c r="H7146">
        <v>49219.180079999998</v>
      </c>
      <c r="I7146">
        <v>38283.060740000001</v>
      </c>
      <c r="J7146">
        <v>32083.988679999999</v>
      </c>
      <c r="K7146">
        <v>60942.432769999999</v>
      </c>
      <c r="L7146">
        <v>26475.047709999999</v>
      </c>
      <c r="M7146">
        <v>346692.98839999997</v>
      </c>
      <c r="N7146">
        <v>90374.459820000004</v>
      </c>
      <c r="O7146">
        <v>24246.568589999999</v>
      </c>
      <c r="P7146">
        <v>29353.07143</v>
      </c>
      <c r="Q7146">
        <v>93209.98762</v>
      </c>
      <c r="R7146">
        <v>23110.912759999999</v>
      </c>
      <c r="S7146">
        <v>105787.1286</v>
      </c>
      <c r="T7146">
        <v>34463.323190000003</v>
      </c>
      <c r="U7146">
        <v>21118.34132</v>
      </c>
      <c r="W7146" s="83">
        <f>Bühler!N7178</f>
        <v>45589.66666664934</v>
      </c>
      <c r="X7146" s="83">
        <v>43398.666666666664</v>
      </c>
      <c r="Y7146">
        <v>284299.07380000001</v>
      </c>
      <c r="Z7146">
        <v>34625.951939999999</v>
      </c>
      <c r="AA7146">
        <v>95194.79075</v>
      </c>
      <c r="AB7146">
        <v>57012.60583</v>
      </c>
      <c r="AC7146">
        <v>49219.180079999998</v>
      </c>
      <c r="AD7146">
        <v>38283.060740000001</v>
      </c>
      <c r="AE7146">
        <v>32083.988679999999</v>
      </c>
      <c r="AF7146">
        <v>60942.432769999999</v>
      </c>
      <c r="AG7146">
        <v>26475.047709999999</v>
      </c>
      <c r="AH7146">
        <v>346692.98839999997</v>
      </c>
      <c r="AI7146">
        <v>90374.459820000004</v>
      </c>
      <c r="AJ7146">
        <v>24246.568589999999</v>
      </c>
      <c r="AK7146">
        <v>29353.07143</v>
      </c>
      <c r="AL7146">
        <v>93209.98762</v>
      </c>
      <c r="AM7146">
        <v>23110.912759999999</v>
      </c>
      <c r="AN7146">
        <v>105787.1286</v>
      </c>
      <c r="AO7146">
        <v>34463.323190000003</v>
      </c>
      <c r="AP7146">
        <v>21118.34132</v>
      </c>
    </row>
    <row r="7147" spans="2:42" x14ac:dyDescent="0.3">
      <c r="B7147">
        <v>67.4754676458343</v>
      </c>
      <c r="C7147" s="83">
        <v>43398.708333333336</v>
      </c>
      <c r="D7147">
        <v>274331.75290000002</v>
      </c>
      <c r="E7147">
        <v>32727.63911</v>
      </c>
      <c r="F7147">
        <v>95404.145839999997</v>
      </c>
      <c r="G7147">
        <v>52540.21054</v>
      </c>
      <c r="H7147">
        <v>47207.287170000003</v>
      </c>
      <c r="I7147">
        <v>37583.145470000003</v>
      </c>
      <c r="J7147">
        <v>32734.88305</v>
      </c>
      <c r="K7147">
        <v>54342.89084</v>
      </c>
      <c r="L7147">
        <v>27118.387350000001</v>
      </c>
      <c r="M7147">
        <v>344021.4007</v>
      </c>
      <c r="N7147">
        <v>88211.372829999993</v>
      </c>
      <c r="O7147">
        <v>23409.61419</v>
      </c>
      <c r="P7147">
        <v>30384.511429999999</v>
      </c>
      <c r="Q7147">
        <v>92349.687099999996</v>
      </c>
      <c r="R7147">
        <v>22180.418460000001</v>
      </c>
      <c r="S7147">
        <v>103607.7448</v>
      </c>
      <c r="T7147">
        <v>33926.907370000001</v>
      </c>
      <c r="U7147">
        <v>18403.96601</v>
      </c>
      <c r="W7147" s="83">
        <f>Bühler!N7179</f>
        <v>45589.708333316004</v>
      </c>
      <c r="X7147" s="83">
        <v>43398.708333333336</v>
      </c>
      <c r="Y7147">
        <v>274331.75290000002</v>
      </c>
      <c r="Z7147">
        <v>32727.63911</v>
      </c>
      <c r="AA7147">
        <v>95404.145839999997</v>
      </c>
      <c r="AB7147">
        <v>52540.21054</v>
      </c>
      <c r="AC7147">
        <v>47207.287170000003</v>
      </c>
      <c r="AD7147">
        <v>37583.145470000003</v>
      </c>
      <c r="AE7147">
        <v>32734.88305</v>
      </c>
      <c r="AF7147">
        <v>54342.89084</v>
      </c>
      <c r="AG7147">
        <v>27118.387350000001</v>
      </c>
      <c r="AH7147">
        <v>344021.4007</v>
      </c>
      <c r="AI7147">
        <v>88211.372829999993</v>
      </c>
      <c r="AJ7147">
        <v>23409.61419</v>
      </c>
      <c r="AK7147">
        <v>30384.511429999999</v>
      </c>
      <c r="AL7147">
        <v>92349.687099999996</v>
      </c>
      <c r="AM7147">
        <v>22180.418460000001</v>
      </c>
      <c r="AN7147">
        <v>103607.7448</v>
      </c>
      <c r="AO7147">
        <v>33926.907370000001</v>
      </c>
      <c r="AP7147">
        <v>18403.96601</v>
      </c>
    </row>
    <row r="7148" spans="2:42" x14ac:dyDescent="0.3">
      <c r="B7148">
        <v>66.275190113423889</v>
      </c>
      <c r="C7148" s="83">
        <v>43398.75</v>
      </c>
      <c r="D7148">
        <v>269367.08370000002</v>
      </c>
      <c r="E7148">
        <v>30021.735560000001</v>
      </c>
      <c r="F7148">
        <v>93734.123099999997</v>
      </c>
      <c r="G7148">
        <v>48031.64172</v>
      </c>
      <c r="H7148">
        <v>45020.663180000003</v>
      </c>
      <c r="I7148">
        <v>36050.237159999997</v>
      </c>
      <c r="J7148">
        <v>34016.418230000003</v>
      </c>
      <c r="K7148">
        <v>52671.822359999998</v>
      </c>
      <c r="L7148">
        <v>28438.25563</v>
      </c>
      <c r="M7148">
        <v>337901.82610000001</v>
      </c>
      <c r="N7148">
        <v>86361.489650000003</v>
      </c>
      <c r="O7148">
        <v>23193.11318</v>
      </c>
      <c r="P7148">
        <v>34561.365790000003</v>
      </c>
      <c r="Q7148">
        <v>90534.804650000005</v>
      </c>
      <c r="R7148">
        <v>21452.630860000001</v>
      </c>
      <c r="S7148">
        <v>99296.108300000007</v>
      </c>
      <c r="T7148">
        <v>34665.865239999999</v>
      </c>
      <c r="U7148">
        <v>17059.138269999999</v>
      </c>
      <c r="W7148" s="83">
        <f>Bühler!N7180</f>
        <v>45589.749999982669</v>
      </c>
      <c r="X7148" s="83">
        <v>43398.75</v>
      </c>
      <c r="Y7148">
        <v>269367.08370000002</v>
      </c>
      <c r="Z7148">
        <v>30021.735560000001</v>
      </c>
      <c r="AA7148">
        <v>93734.123099999997</v>
      </c>
      <c r="AB7148">
        <v>48031.64172</v>
      </c>
      <c r="AC7148">
        <v>45020.663180000003</v>
      </c>
      <c r="AD7148">
        <v>36050.237159999997</v>
      </c>
      <c r="AE7148">
        <v>34016.418230000003</v>
      </c>
      <c r="AF7148">
        <v>52671.822359999998</v>
      </c>
      <c r="AG7148">
        <v>28438.25563</v>
      </c>
      <c r="AH7148">
        <v>337901.82610000001</v>
      </c>
      <c r="AI7148">
        <v>86361.489650000003</v>
      </c>
      <c r="AJ7148">
        <v>23193.11318</v>
      </c>
      <c r="AK7148">
        <v>34561.365790000003</v>
      </c>
      <c r="AL7148">
        <v>90534.804650000005</v>
      </c>
      <c r="AM7148">
        <v>21452.630860000001</v>
      </c>
      <c r="AN7148">
        <v>99296.108300000007</v>
      </c>
      <c r="AO7148">
        <v>34665.865239999999</v>
      </c>
      <c r="AP7148">
        <v>17059.138269999999</v>
      </c>
    </row>
    <row r="7149" spans="2:42" x14ac:dyDescent="0.3">
      <c r="B7149">
        <v>65.429503251765382</v>
      </c>
      <c r="C7149" s="83">
        <v>43398.791666666664</v>
      </c>
      <c r="D7149">
        <v>264859.8395</v>
      </c>
      <c r="E7149">
        <v>25835.85154</v>
      </c>
      <c r="F7149">
        <v>82421.32548</v>
      </c>
      <c r="G7149">
        <v>45590.911410000001</v>
      </c>
      <c r="H7149">
        <v>44613.268179999999</v>
      </c>
      <c r="I7149">
        <v>34195.060510000003</v>
      </c>
      <c r="J7149">
        <v>35112.054150000004</v>
      </c>
      <c r="K7149">
        <v>52802.257259999998</v>
      </c>
      <c r="L7149">
        <v>30388.314920000001</v>
      </c>
      <c r="M7149">
        <v>333590.1201</v>
      </c>
      <c r="N7149">
        <v>85710.435620000004</v>
      </c>
      <c r="O7149">
        <v>22141.238580000001</v>
      </c>
      <c r="P7149">
        <v>38261.813609999997</v>
      </c>
      <c r="Q7149">
        <v>89126.962350000002</v>
      </c>
      <c r="R7149">
        <v>22311.650979999999</v>
      </c>
      <c r="S7149">
        <v>96116.555290000004</v>
      </c>
      <c r="T7149">
        <v>35518.001579999996</v>
      </c>
      <c r="U7149">
        <v>16676.56625</v>
      </c>
      <c r="W7149" s="83">
        <f>Bühler!N7181</f>
        <v>45589.791666649333</v>
      </c>
      <c r="X7149" s="83">
        <v>43398.791666666664</v>
      </c>
      <c r="Y7149">
        <v>264859.8395</v>
      </c>
      <c r="Z7149">
        <v>25835.85154</v>
      </c>
      <c r="AA7149">
        <v>82421.32548</v>
      </c>
      <c r="AB7149">
        <v>45590.911410000001</v>
      </c>
      <c r="AC7149">
        <v>44613.268179999999</v>
      </c>
      <c r="AD7149">
        <v>34195.060510000003</v>
      </c>
      <c r="AE7149">
        <v>35112.054150000004</v>
      </c>
      <c r="AF7149">
        <v>52802.257259999998</v>
      </c>
      <c r="AG7149">
        <v>30388.314920000001</v>
      </c>
      <c r="AH7149">
        <v>333590.1201</v>
      </c>
      <c r="AI7149">
        <v>85710.435620000004</v>
      </c>
      <c r="AJ7149">
        <v>22141.238580000001</v>
      </c>
      <c r="AK7149">
        <v>38261.813609999997</v>
      </c>
      <c r="AL7149">
        <v>89126.962350000002</v>
      </c>
      <c r="AM7149">
        <v>22311.650979999999</v>
      </c>
      <c r="AN7149">
        <v>96116.555290000004</v>
      </c>
      <c r="AO7149">
        <v>35518.001579999996</v>
      </c>
      <c r="AP7149">
        <v>16676.56625</v>
      </c>
    </row>
    <row r="7150" spans="2:42" x14ac:dyDescent="0.3">
      <c r="B7150">
        <v>63.22461259523746</v>
      </c>
      <c r="C7150" s="83">
        <v>43398.833333333336</v>
      </c>
      <c r="D7150">
        <v>254802.46249999999</v>
      </c>
      <c r="E7150">
        <v>19588.880079999999</v>
      </c>
      <c r="F7150">
        <v>64392.18273</v>
      </c>
      <c r="G7150">
        <v>41860.999790000002</v>
      </c>
      <c r="H7150">
        <v>41856.245179999998</v>
      </c>
      <c r="I7150">
        <v>30901.769820000001</v>
      </c>
      <c r="J7150">
        <v>34230.668279999998</v>
      </c>
      <c r="K7150">
        <v>52021.995649999997</v>
      </c>
      <c r="L7150">
        <v>29521.933570000001</v>
      </c>
      <c r="M7150">
        <v>322348.55930000002</v>
      </c>
      <c r="N7150">
        <v>83258.189129999999</v>
      </c>
      <c r="O7150">
        <v>20920.217799999999</v>
      </c>
      <c r="P7150">
        <v>36824.890910000002</v>
      </c>
      <c r="Q7150">
        <v>86478.675440000006</v>
      </c>
      <c r="R7150">
        <v>20766.11607</v>
      </c>
      <c r="S7150">
        <v>87322.651639999996</v>
      </c>
      <c r="T7150">
        <v>32912.696929999998</v>
      </c>
      <c r="U7150">
        <v>15551.00891</v>
      </c>
      <c r="W7150" s="83">
        <f>Bühler!N7182</f>
        <v>45589.833333315997</v>
      </c>
      <c r="X7150" s="83">
        <v>43398.833333333336</v>
      </c>
      <c r="Y7150">
        <v>254802.46249999999</v>
      </c>
      <c r="Z7150">
        <v>19588.880079999999</v>
      </c>
      <c r="AA7150">
        <v>64392.18273</v>
      </c>
      <c r="AB7150">
        <v>41860.999790000002</v>
      </c>
      <c r="AC7150">
        <v>41856.245179999998</v>
      </c>
      <c r="AD7150">
        <v>30901.769820000001</v>
      </c>
      <c r="AE7150">
        <v>34230.668279999998</v>
      </c>
      <c r="AF7150">
        <v>52021.995649999997</v>
      </c>
      <c r="AG7150">
        <v>29521.933570000001</v>
      </c>
      <c r="AH7150">
        <v>322348.55930000002</v>
      </c>
      <c r="AI7150">
        <v>83258.189129999999</v>
      </c>
      <c r="AJ7150">
        <v>20920.217799999999</v>
      </c>
      <c r="AK7150">
        <v>36824.890910000002</v>
      </c>
      <c r="AL7150">
        <v>86478.675440000006</v>
      </c>
      <c r="AM7150">
        <v>20766.11607</v>
      </c>
      <c r="AN7150">
        <v>87322.651639999996</v>
      </c>
      <c r="AO7150">
        <v>32912.696929999998</v>
      </c>
      <c r="AP7150">
        <v>15551.00891</v>
      </c>
    </row>
    <row r="7151" spans="2:42" x14ac:dyDescent="0.3">
      <c r="B7151">
        <v>61.050369860951193</v>
      </c>
      <c r="C7151" s="83">
        <v>43398.875</v>
      </c>
      <c r="D7151">
        <v>244771.6617</v>
      </c>
      <c r="E7151">
        <v>16516.052319999999</v>
      </c>
      <c r="F7151">
        <v>55618.769399999997</v>
      </c>
      <c r="G7151">
        <v>39263.984940000002</v>
      </c>
      <c r="H7151">
        <v>39671.13622</v>
      </c>
      <c r="I7151">
        <v>26743.501059999999</v>
      </c>
      <c r="J7151">
        <v>33173.139040000002</v>
      </c>
      <c r="K7151">
        <v>48656.716240000002</v>
      </c>
      <c r="L7151">
        <v>27309.793259999999</v>
      </c>
      <c r="M7151">
        <v>311263.25589999999</v>
      </c>
      <c r="N7151">
        <v>80469.881080000006</v>
      </c>
      <c r="O7151">
        <v>20498.197649999998</v>
      </c>
      <c r="P7151">
        <v>35165.645129999997</v>
      </c>
      <c r="Q7151">
        <v>84699.899829999995</v>
      </c>
      <c r="R7151">
        <v>19499.109820000001</v>
      </c>
      <c r="S7151">
        <v>81465.108349999995</v>
      </c>
      <c r="T7151">
        <v>30158.853360000001</v>
      </c>
      <c r="U7151">
        <v>14577.74425</v>
      </c>
      <c r="W7151" s="83">
        <f>Bühler!N7183</f>
        <v>45589.874999982661</v>
      </c>
      <c r="X7151" s="83">
        <v>43398.875</v>
      </c>
      <c r="Y7151">
        <v>244771.6617</v>
      </c>
      <c r="Z7151">
        <v>16516.052319999999</v>
      </c>
      <c r="AA7151">
        <v>55618.769399999997</v>
      </c>
      <c r="AB7151">
        <v>39263.984940000002</v>
      </c>
      <c r="AC7151">
        <v>39671.13622</v>
      </c>
      <c r="AD7151">
        <v>26743.501059999999</v>
      </c>
      <c r="AE7151">
        <v>33173.139040000002</v>
      </c>
      <c r="AF7151">
        <v>48656.716240000002</v>
      </c>
      <c r="AG7151">
        <v>27309.793259999999</v>
      </c>
      <c r="AH7151">
        <v>311263.25589999999</v>
      </c>
      <c r="AI7151">
        <v>80469.881080000006</v>
      </c>
      <c r="AJ7151">
        <v>20498.197649999998</v>
      </c>
      <c r="AK7151">
        <v>35165.645129999997</v>
      </c>
      <c r="AL7151">
        <v>84699.899829999995</v>
      </c>
      <c r="AM7151">
        <v>19499.109820000001</v>
      </c>
      <c r="AN7151">
        <v>81465.108349999995</v>
      </c>
      <c r="AO7151">
        <v>30158.853360000001</v>
      </c>
      <c r="AP7151">
        <v>14577.74425</v>
      </c>
    </row>
    <row r="7152" spans="2:42" x14ac:dyDescent="0.3">
      <c r="B7152">
        <v>60.784527662710822</v>
      </c>
      <c r="C7152" s="83">
        <v>43398.916666666664</v>
      </c>
      <c r="D7152">
        <v>242198.49059999999</v>
      </c>
      <c r="E7152">
        <v>15473.94428</v>
      </c>
      <c r="F7152">
        <v>53043.172480000001</v>
      </c>
      <c r="G7152">
        <v>38195.233569999997</v>
      </c>
      <c r="H7152">
        <v>37926.427150000003</v>
      </c>
      <c r="I7152">
        <v>25109.178670000001</v>
      </c>
      <c r="J7152">
        <v>31824.255229999999</v>
      </c>
      <c r="K7152">
        <v>52207.592969999998</v>
      </c>
      <c r="L7152">
        <v>23875.384819999999</v>
      </c>
      <c r="M7152">
        <v>309907.86839999998</v>
      </c>
      <c r="N7152">
        <v>78907.609419999993</v>
      </c>
      <c r="O7152">
        <v>20593.316009999999</v>
      </c>
      <c r="P7152">
        <v>35794.157229999997</v>
      </c>
      <c r="Q7152">
        <v>83846.744609999994</v>
      </c>
      <c r="R7152">
        <v>22257.088950000001</v>
      </c>
      <c r="S7152">
        <v>79385.994779999994</v>
      </c>
      <c r="T7152">
        <v>26590.325779999999</v>
      </c>
      <c r="U7152">
        <v>14971.00484</v>
      </c>
      <c r="W7152" s="83">
        <f>Bühler!N7184</f>
        <v>45589.916666649326</v>
      </c>
      <c r="X7152" s="83">
        <v>43398.916666666664</v>
      </c>
      <c r="Y7152">
        <v>242198.49059999999</v>
      </c>
      <c r="Z7152">
        <v>15473.94428</v>
      </c>
      <c r="AA7152">
        <v>53043.172480000001</v>
      </c>
      <c r="AB7152">
        <v>38195.233569999997</v>
      </c>
      <c r="AC7152">
        <v>37926.427150000003</v>
      </c>
      <c r="AD7152">
        <v>25109.178670000001</v>
      </c>
      <c r="AE7152">
        <v>31824.255229999999</v>
      </c>
      <c r="AF7152">
        <v>52207.592969999998</v>
      </c>
      <c r="AG7152">
        <v>23875.384819999999</v>
      </c>
      <c r="AH7152">
        <v>309907.86839999998</v>
      </c>
      <c r="AI7152">
        <v>78907.609419999993</v>
      </c>
      <c r="AJ7152">
        <v>20593.316009999999</v>
      </c>
      <c r="AK7152">
        <v>35794.157229999997</v>
      </c>
      <c r="AL7152">
        <v>83846.744609999994</v>
      </c>
      <c r="AM7152">
        <v>22257.088950000001</v>
      </c>
      <c r="AN7152">
        <v>79385.994779999994</v>
      </c>
      <c r="AO7152">
        <v>26590.325779999999</v>
      </c>
      <c r="AP7152">
        <v>14971.00484</v>
      </c>
    </row>
    <row r="7153" spans="2:42" x14ac:dyDescent="0.3">
      <c r="B7153">
        <v>60.665930174869395</v>
      </c>
      <c r="C7153" s="83">
        <v>43398.958333333336</v>
      </c>
      <c r="D7153">
        <v>242413.8841</v>
      </c>
      <c r="E7153">
        <v>14840.4894</v>
      </c>
      <c r="F7153">
        <v>52128.101260000003</v>
      </c>
      <c r="G7153">
        <v>37769.124790000002</v>
      </c>
      <c r="H7153">
        <v>36931.344850000001</v>
      </c>
      <c r="I7153">
        <v>24216.243299999998</v>
      </c>
      <c r="J7153">
        <v>29410.81249</v>
      </c>
      <c r="K7153">
        <v>52492.40266</v>
      </c>
      <c r="L7153">
        <v>20241.26658</v>
      </c>
      <c r="M7153">
        <v>309303.20309999998</v>
      </c>
      <c r="N7153">
        <v>77639.775370000003</v>
      </c>
      <c r="O7153">
        <v>20632.840810000002</v>
      </c>
      <c r="P7153">
        <v>32259.605179999999</v>
      </c>
      <c r="Q7153">
        <v>83700.042300000001</v>
      </c>
      <c r="R7153">
        <v>21002.724490000001</v>
      </c>
      <c r="S7153">
        <v>77799.439780000001</v>
      </c>
      <c r="T7153">
        <v>26874.625680000001</v>
      </c>
      <c r="U7153">
        <v>14215.32468</v>
      </c>
      <c r="W7153" s="83">
        <f>Bühler!N7185</f>
        <v>45589.95833331599</v>
      </c>
      <c r="X7153" s="83">
        <v>43398.958333333336</v>
      </c>
      <c r="Y7153">
        <v>242413.8841</v>
      </c>
      <c r="Z7153">
        <v>14840.4894</v>
      </c>
      <c r="AA7153">
        <v>52128.101260000003</v>
      </c>
      <c r="AB7153">
        <v>37769.124790000002</v>
      </c>
      <c r="AC7153">
        <v>36931.344850000001</v>
      </c>
      <c r="AD7153">
        <v>24216.243299999998</v>
      </c>
      <c r="AE7153">
        <v>29410.81249</v>
      </c>
      <c r="AF7153">
        <v>52492.40266</v>
      </c>
      <c r="AG7153">
        <v>20241.26658</v>
      </c>
      <c r="AH7153">
        <v>309303.20309999998</v>
      </c>
      <c r="AI7153">
        <v>77639.775370000003</v>
      </c>
      <c r="AJ7153">
        <v>20632.840810000002</v>
      </c>
      <c r="AK7153">
        <v>32259.605179999999</v>
      </c>
      <c r="AL7153">
        <v>83700.042300000001</v>
      </c>
      <c r="AM7153">
        <v>21002.724490000001</v>
      </c>
      <c r="AN7153">
        <v>77799.439780000001</v>
      </c>
      <c r="AO7153">
        <v>26874.625680000001</v>
      </c>
      <c r="AP7153">
        <v>14215.32468</v>
      </c>
    </row>
    <row r="7154" spans="2:42" x14ac:dyDescent="0.3">
      <c r="B7154">
        <v>59.826130966082687</v>
      </c>
      <c r="C7154" s="83">
        <v>43399</v>
      </c>
      <c r="D7154">
        <v>241069.78950000001</v>
      </c>
      <c r="E7154">
        <v>14362.013790000001</v>
      </c>
      <c r="F7154">
        <v>51423.464939999998</v>
      </c>
      <c r="G7154">
        <v>37098.140879999999</v>
      </c>
      <c r="H7154">
        <v>36624.018089999998</v>
      </c>
      <c r="I7154">
        <v>22908.551009999999</v>
      </c>
      <c r="J7154">
        <v>27607.570339999998</v>
      </c>
      <c r="K7154">
        <v>49969.018909999999</v>
      </c>
      <c r="L7154">
        <v>18035.788990000001</v>
      </c>
      <c r="M7154">
        <v>305021.51510000002</v>
      </c>
      <c r="N7154">
        <v>76665.714309999996</v>
      </c>
      <c r="O7154">
        <v>20851.844130000001</v>
      </c>
      <c r="P7154">
        <v>29683.477650000001</v>
      </c>
      <c r="Q7154">
        <v>82773.138990000007</v>
      </c>
      <c r="R7154">
        <v>19404.35456</v>
      </c>
      <c r="S7154">
        <v>76347.373869999996</v>
      </c>
      <c r="T7154">
        <v>24717.91906</v>
      </c>
      <c r="U7154">
        <v>13761.754639999999</v>
      </c>
      <c r="W7154" s="83">
        <f>Bühler!N7186</f>
        <v>45589.999999982654</v>
      </c>
      <c r="X7154" s="83">
        <v>43399</v>
      </c>
      <c r="Y7154">
        <v>241069.78950000001</v>
      </c>
      <c r="Z7154">
        <v>14362.013790000001</v>
      </c>
      <c r="AA7154">
        <v>51423.464939999998</v>
      </c>
      <c r="AB7154">
        <v>37098.140879999999</v>
      </c>
      <c r="AC7154">
        <v>36624.018089999998</v>
      </c>
      <c r="AD7154">
        <v>22908.551009999999</v>
      </c>
      <c r="AE7154">
        <v>27607.570339999998</v>
      </c>
      <c r="AF7154">
        <v>49969.018909999999</v>
      </c>
      <c r="AG7154">
        <v>18035.788990000001</v>
      </c>
      <c r="AH7154">
        <v>305021.51510000002</v>
      </c>
      <c r="AI7154">
        <v>76665.714309999996</v>
      </c>
      <c r="AJ7154">
        <v>20851.844130000001</v>
      </c>
      <c r="AK7154">
        <v>29683.477650000001</v>
      </c>
      <c r="AL7154">
        <v>82773.138990000007</v>
      </c>
      <c r="AM7154">
        <v>19404.35456</v>
      </c>
      <c r="AN7154">
        <v>76347.373869999996</v>
      </c>
      <c r="AO7154">
        <v>24717.91906</v>
      </c>
      <c r="AP7154">
        <v>13761.754639999999</v>
      </c>
    </row>
    <row r="7155" spans="2:42" x14ac:dyDescent="0.3">
      <c r="B7155">
        <v>59.18502682205763</v>
      </c>
      <c r="C7155" s="83">
        <v>43399.041666666664</v>
      </c>
      <c r="D7155">
        <v>240112.79240000001</v>
      </c>
      <c r="E7155">
        <v>14201.076129999999</v>
      </c>
      <c r="F7155">
        <v>51784.833980000003</v>
      </c>
      <c r="G7155">
        <v>36803.497369999997</v>
      </c>
      <c r="H7155">
        <v>35977.438289999998</v>
      </c>
      <c r="I7155">
        <v>18534.286090000001</v>
      </c>
      <c r="J7155">
        <v>26955.649600000001</v>
      </c>
      <c r="K7155">
        <v>48513.613490000003</v>
      </c>
      <c r="L7155">
        <v>17169.313180000001</v>
      </c>
      <c r="M7155">
        <v>301752.86719999998</v>
      </c>
      <c r="N7155">
        <v>76825.700110000005</v>
      </c>
      <c r="O7155">
        <v>20552.48832</v>
      </c>
      <c r="P7155">
        <v>27612.101630000001</v>
      </c>
      <c r="Q7155">
        <v>83577.018299999996</v>
      </c>
      <c r="R7155">
        <v>19384.761490000001</v>
      </c>
      <c r="S7155">
        <v>75713.756949999995</v>
      </c>
      <c r="T7155">
        <v>24128.654829999999</v>
      </c>
      <c r="U7155">
        <v>13653.5257</v>
      </c>
      <c r="W7155" s="83">
        <f>Bühler!N7187</f>
        <v>45590.041666649318</v>
      </c>
      <c r="X7155" s="83">
        <v>43399.041666666664</v>
      </c>
      <c r="Y7155">
        <v>240112.79240000001</v>
      </c>
      <c r="Z7155">
        <v>14201.076129999999</v>
      </c>
      <c r="AA7155">
        <v>51784.833980000003</v>
      </c>
      <c r="AB7155">
        <v>36803.497369999997</v>
      </c>
      <c r="AC7155">
        <v>35977.438289999998</v>
      </c>
      <c r="AD7155">
        <v>18534.286090000001</v>
      </c>
      <c r="AE7155">
        <v>26955.649600000001</v>
      </c>
      <c r="AF7155">
        <v>48513.613490000003</v>
      </c>
      <c r="AG7155">
        <v>17169.313180000001</v>
      </c>
      <c r="AH7155">
        <v>301752.86719999998</v>
      </c>
      <c r="AI7155">
        <v>76825.700110000005</v>
      </c>
      <c r="AJ7155">
        <v>20552.48832</v>
      </c>
      <c r="AK7155">
        <v>27612.101630000001</v>
      </c>
      <c r="AL7155">
        <v>83577.018299999996</v>
      </c>
      <c r="AM7155">
        <v>19384.761490000001</v>
      </c>
      <c r="AN7155">
        <v>75713.756949999995</v>
      </c>
      <c r="AO7155">
        <v>24128.654829999999</v>
      </c>
      <c r="AP7155">
        <v>13653.5257</v>
      </c>
    </row>
    <row r="7156" spans="2:42" x14ac:dyDescent="0.3">
      <c r="B7156">
        <v>58.880269489992159</v>
      </c>
      <c r="C7156" s="83">
        <v>43399.083333333336</v>
      </c>
      <c r="D7156">
        <v>239066.84390000001</v>
      </c>
      <c r="E7156">
        <v>14103.091630000001</v>
      </c>
      <c r="F7156">
        <v>52431.153160000002</v>
      </c>
      <c r="G7156">
        <v>36292.692300000002</v>
      </c>
      <c r="H7156">
        <v>35975.000899999999</v>
      </c>
      <c r="I7156">
        <v>16936.296829999999</v>
      </c>
      <c r="J7156">
        <v>26724.40006</v>
      </c>
      <c r="K7156">
        <v>46623.078889999997</v>
      </c>
      <c r="L7156">
        <v>16894.54636</v>
      </c>
      <c r="M7156">
        <v>300199.0722</v>
      </c>
      <c r="N7156">
        <v>76418.171199999997</v>
      </c>
      <c r="O7156">
        <v>20993.81235</v>
      </c>
      <c r="P7156">
        <v>26278.087609999999</v>
      </c>
      <c r="Q7156">
        <v>86314.53357</v>
      </c>
      <c r="R7156">
        <v>18830.47494</v>
      </c>
      <c r="S7156">
        <v>74802.853359999994</v>
      </c>
      <c r="T7156">
        <v>23887.962599999999</v>
      </c>
      <c r="U7156">
        <v>13841.39876</v>
      </c>
      <c r="W7156" s="83">
        <f>Bühler!N7188</f>
        <v>45590.083333315983</v>
      </c>
      <c r="X7156" s="83">
        <v>43399.083333333336</v>
      </c>
      <c r="Y7156">
        <v>239066.84390000001</v>
      </c>
      <c r="Z7156">
        <v>14103.091630000001</v>
      </c>
      <c r="AA7156">
        <v>52431.153160000002</v>
      </c>
      <c r="AB7156">
        <v>36292.692300000002</v>
      </c>
      <c r="AC7156">
        <v>35975.000899999999</v>
      </c>
      <c r="AD7156">
        <v>16936.296829999999</v>
      </c>
      <c r="AE7156">
        <v>26724.40006</v>
      </c>
      <c r="AF7156">
        <v>46623.078889999997</v>
      </c>
      <c r="AG7156">
        <v>16894.54636</v>
      </c>
      <c r="AH7156">
        <v>300199.0722</v>
      </c>
      <c r="AI7156">
        <v>76418.171199999997</v>
      </c>
      <c r="AJ7156">
        <v>20993.81235</v>
      </c>
      <c r="AK7156">
        <v>26278.087609999999</v>
      </c>
      <c r="AL7156">
        <v>86314.53357</v>
      </c>
      <c r="AM7156">
        <v>18830.47494</v>
      </c>
      <c r="AN7156">
        <v>74802.853359999994</v>
      </c>
      <c r="AO7156">
        <v>23887.962599999999</v>
      </c>
      <c r="AP7156">
        <v>13841.39876</v>
      </c>
    </row>
    <row r="7157" spans="2:42" x14ac:dyDescent="0.3">
      <c r="B7157">
        <v>59.676232791074462</v>
      </c>
      <c r="C7157" s="83">
        <v>43399.125</v>
      </c>
      <c r="D7157">
        <v>240963.79680000001</v>
      </c>
      <c r="E7157">
        <v>14219.333919999999</v>
      </c>
      <c r="F7157">
        <v>53202.991849999999</v>
      </c>
      <c r="G7157">
        <v>35361.296799999996</v>
      </c>
      <c r="H7157">
        <v>36240.828520000003</v>
      </c>
      <c r="I7157">
        <v>16793.751410000001</v>
      </c>
      <c r="J7157">
        <v>26956.701840000002</v>
      </c>
      <c r="K7157">
        <v>45243.614509999999</v>
      </c>
      <c r="L7157">
        <v>16398.544430000002</v>
      </c>
      <c r="M7157">
        <v>304257.26429999998</v>
      </c>
      <c r="N7157">
        <v>76345.663549999997</v>
      </c>
      <c r="O7157">
        <v>21435.123179999999</v>
      </c>
      <c r="P7157">
        <v>26154.387019999998</v>
      </c>
      <c r="Q7157">
        <v>88782.035369999998</v>
      </c>
      <c r="R7157">
        <v>18369.0602</v>
      </c>
      <c r="S7157">
        <v>73764.451799999995</v>
      </c>
      <c r="T7157">
        <v>23498.560379999999</v>
      </c>
      <c r="U7157">
        <v>13976.388940000001</v>
      </c>
      <c r="W7157" s="83">
        <f>Bühler!N7189</f>
        <v>45590.124999982647</v>
      </c>
      <c r="X7157" s="83">
        <v>43399.125</v>
      </c>
      <c r="Y7157">
        <v>240963.79680000001</v>
      </c>
      <c r="Z7157">
        <v>14219.333919999999</v>
      </c>
      <c r="AA7157">
        <v>53202.991849999999</v>
      </c>
      <c r="AB7157">
        <v>35361.296799999996</v>
      </c>
      <c r="AC7157">
        <v>36240.828520000003</v>
      </c>
      <c r="AD7157">
        <v>16793.751410000001</v>
      </c>
      <c r="AE7157">
        <v>26956.701840000002</v>
      </c>
      <c r="AF7157">
        <v>45243.614509999999</v>
      </c>
      <c r="AG7157">
        <v>16398.544430000002</v>
      </c>
      <c r="AH7157">
        <v>304257.26429999998</v>
      </c>
      <c r="AI7157">
        <v>76345.663549999997</v>
      </c>
      <c r="AJ7157">
        <v>21435.123179999999</v>
      </c>
      <c r="AK7157">
        <v>26154.387019999998</v>
      </c>
      <c r="AL7157">
        <v>88782.035369999998</v>
      </c>
      <c r="AM7157">
        <v>18369.0602</v>
      </c>
      <c r="AN7157">
        <v>73764.451799999995</v>
      </c>
      <c r="AO7157">
        <v>23498.560379999999</v>
      </c>
      <c r="AP7157">
        <v>13976.388940000001</v>
      </c>
    </row>
    <row r="7158" spans="2:42" x14ac:dyDescent="0.3">
      <c r="B7158">
        <v>60.64022740638751</v>
      </c>
      <c r="C7158" s="83">
        <v>43399.166666666664</v>
      </c>
      <c r="D7158">
        <v>241869.0006</v>
      </c>
      <c r="E7158">
        <v>14542.644630000001</v>
      </c>
      <c r="F7158">
        <v>56599.59117</v>
      </c>
      <c r="G7158">
        <v>34657.086450000003</v>
      </c>
      <c r="H7158">
        <v>36323.246469999998</v>
      </c>
      <c r="I7158">
        <v>19248.695169999999</v>
      </c>
      <c r="J7158">
        <v>28438.85109</v>
      </c>
      <c r="K7158">
        <v>43471.972609999997</v>
      </c>
      <c r="L7158">
        <v>16581.116859999998</v>
      </c>
      <c r="M7158">
        <v>309172.15840000001</v>
      </c>
      <c r="N7158">
        <v>75196.557339999999</v>
      </c>
      <c r="O7158">
        <v>21397.576069999999</v>
      </c>
      <c r="P7158">
        <v>24696.629270000001</v>
      </c>
      <c r="Q7158">
        <v>93077.935870000001</v>
      </c>
      <c r="R7158">
        <v>18197.338080000001</v>
      </c>
      <c r="S7158">
        <v>74655.79552</v>
      </c>
      <c r="T7158">
        <v>23678.280989999999</v>
      </c>
      <c r="U7158">
        <v>14820.55212</v>
      </c>
      <c r="W7158" s="83">
        <f>Bühler!N7190</f>
        <v>45590.166666649311</v>
      </c>
      <c r="X7158" s="83">
        <v>43399.166666666664</v>
      </c>
      <c r="Y7158">
        <v>241869.0006</v>
      </c>
      <c r="Z7158">
        <v>14542.644630000001</v>
      </c>
      <c r="AA7158">
        <v>56599.59117</v>
      </c>
      <c r="AB7158">
        <v>34657.086450000003</v>
      </c>
      <c r="AC7158">
        <v>36323.246469999998</v>
      </c>
      <c r="AD7158">
        <v>19248.695169999999</v>
      </c>
      <c r="AE7158">
        <v>28438.85109</v>
      </c>
      <c r="AF7158">
        <v>43471.972609999997</v>
      </c>
      <c r="AG7158">
        <v>16581.116859999998</v>
      </c>
      <c r="AH7158">
        <v>309172.15840000001</v>
      </c>
      <c r="AI7158">
        <v>75196.557339999999</v>
      </c>
      <c r="AJ7158">
        <v>21397.576069999999</v>
      </c>
      <c r="AK7158">
        <v>24696.629270000001</v>
      </c>
      <c r="AL7158">
        <v>93077.935870000001</v>
      </c>
      <c r="AM7158">
        <v>18197.338080000001</v>
      </c>
      <c r="AN7158">
        <v>74655.79552</v>
      </c>
      <c r="AO7158">
        <v>23678.280989999999</v>
      </c>
      <c r="AP7158">
        <v>14820.55212</v>
      </c>
    </row>
    <row r="7159" spans="2:42" x14ac:dyDescent="0.3">
      <c r="B7159">
        <v>63.493152389005083</v>
      </c>
      <c r="C7159" s="83">
        <v>43399.208333333336</v>
      </c>
      <c r="D7159">
        <v>256974.95110000001</v>
      </c>
      <c r="E7159">
        <v>16358.19263</v>
      </c>
      <c r="F7159">
        <v>67836.347330000004</v>
      </c>
      <c r="G7159">
        <v>36703.497609999999</v>
      </c>
      <c r="H7159">
        <v>38408.033719999999</v>
      </c>
      <c r="I7159">
        <v>25930.205379999999</v>
      </c>
      <c r="J7159">
        <v>31117.625619999999</v>
      </c>
      <c r="K7159">
        <v>44815.452559999998</v>
      </c>
      <c r="L7159">
        <v>17704.493269999999</v>
      </c>
      <c r="M7159">
        <v>323717.70039999997</v>
      </c>
      <c r="N7159">
        <v>76622.095780000003</v>
      </c>
      <c r="O7159">
        <v>21842.821550000001</v>
      </c>
      <c r="P7159">
        <v>26823.85398</v>
      </c>
      <c r="Q7159">
        <v>95280.081730000005</v>
      </c>
      <c r="R7159">
        <v>18331.60255</v>
      </c>
      <c r="S7159">
        <v>77097.115099999995</v>
      </c>
      <c r="T7159">
        <v>24771.445530000001</v>
      </c>
      <c r="U7159">
        <v>17698.57028</v>
      </c>
      <c r="W7159" s="83">
        <f>Bühler!N7191</f>
        <v>45590.208333315975</v>
      </c>
      <c r="X7159" s="83">
        <v>43399.208333333336</v>
      </c>
      <c r="Y7159">
        <v>256974.95110000001</v>
      </c>
      <c r="Z7159">
        <v>16358.19263</v>
      </c>
      <c r="AA7159">
        <v>67836.347330000004</v>
      </c>
      <c r="AB7159">
        <v>36703.497609999999</v>
      </c>
      <c r="AC7159">
        <v>38408.033719999999</v>
      </c>
      <c r="AD7159">
        <v>25930.205379999999</v>
      </c>
      <c r="AE7159">
        <v>31117.625619999999</v>
      </c>
      <c r="AF7159">
        <v>44815.452559999998</v>
      </c>
      <c r="AG7159">
        <v>17704.493269999999</v>
      </c>
      <c r="AH7159">
        <v>323717.70039999997</v>
      </c>
      <c r="AI7159">
        <v>76622.095780000003</v>
      </c>
      <c r="AJ7159">
        <v>21842.821550000001</v>
      </c>
      <c r="AK7159">
        <v>26823.85398</v>
      </c>
      <c r="AL7159">
        <v>95280.081730000005</v>
      </c>
      <c r="AM7159">
        <v>18331.60255</v>
      </c>
      <c r="AN7159">
        <v>77097.115099999995</v>
      </c>
      <c r="AO7159">
        <v>24771.445530000001</v>
      </c>
      <c r="AP7159">
        <v>17698.57028</v>
      </c>
    </row>
    <row r="7160" spans="2:42" x14ac:dyDescent="0.3">
      <c r="B7160">
        <v>66.506068738690743</v>
      </c>
      <c r="C7160" s="83">
        <v>43399.25</v>
      </c>
      <c r="D7160">
        <v>272068.65669999999</v>
      </c>
      <c r="E7160">
        <v>21044.51583</v>
      </c>
      <c r="F7160">
        <v>79983.646980000005</v>
      </c>
      <c r="G7160">
        <v>41368.297509999997</v>
      </c>
      <c r="H7160">
        <v>42208.424679999996</v>
      </c>
      <c r="I7160">
        <v>32872.540130000001</v>
      </c>
      <c r="J7160">
        <v>34556.973729999998</v>
      </c>
      <c r="K7160">
        <v>48793.064539999999</v>
      </c>
      <c r="L7160">
        <v>19074.511399999999</v>
      </c>
      <c r="M7160">
        <v>339078.95299999998</v>
      </c>
      <c r="N7160">
        <v>80840.361359999995</v>
      </c>
      <c r="O7160">
        <v>23437.398130000001</v>
      </c>
      <c r="P7160">
        <v>27255.506880000001</v>
      </c>
      <c r="Q7160">
        <v>97121.29724</v>
      </c>
      <c r="R7160">
        <v>18647.796259999999</v>
      </c>
      <c r="S7160">
        <v>86725.992859999998</v>
      </c>
      <c r="T7160">
        <v>27840.116959999999</v>
      </c>
      <c r="U7160">
        <v>20139.78556</v>
      </c>
      <c r="W7160" s="83">
        <f>Bühler!N7192</f>
        <v>45590.24999998264</v>
      </c>
      <c r="X7160" s="83">
        <v>43399.25</v>
      </c>
      <c r="Y7160">
        <v>272068.65669999999</v>
      </c>
      <c r="Z7160">
        <v>21044.51583</v>
      </c>
      <c r="AA7160">
        <v>79983.646980000005</v>
      </c>
      <c r="AB7160">
        <v>41368.297509999997</v>
      </c>
      <c r="AC7160">
        <v>42208.424679999996</v>
      </c>
      <c r="AD7160">
        <v>32872.540130000001</v>
      </c>
      <c r="AE7160">
        <v>34556.973729999998</v>
      </c>
      <c r="AF7160">
        <v>48793.064539999999</v>
      </c>
      <c r="AG7160">
        <v>19074.511399999999</v>
      </c>
      <c r="AH7160">
        <v>339078.95299999998</v>
      </c>
      <c r="AI7160">
        <v>80840.361359999995</v>
      </c>
      <c r="AJ7160">
        <v>23437.398130000001</v>
      </c>
      <c r="AK7160">
        <v>27255.506880000001</v>
      </c>
      <c r="AL7160">
        <v>97121.29724</v>
      </c>
      <c r="AM7160">
        <v>18647.796259999999</v>
      </c>
      <c r="AN7160">
        <v>86725.992859999998</v>
      </c>
      <c r="AO7160">
        <v>27840.116959999999</v>
      </c>
      <c r="AP7160">
        <v>20139.78556</v>
      </c>
    </row>
    <row r="7161" spans="2:42" x14ac:dyDescent="0.3">
      <c r="B7161">
        <v>69.336415049158873</v>
      </c>
      <c r="C7161" s="83">
        <v>43399.291666666664</v>
      </c>
      <c r="D7161">
        <v>284035.96950000001</v>
      </c>
      <c r="E7161">
        <v>26584.974979999999</v>
      </c>
      <c r="F7161">
        <v>84659.591509999998</v>
      </c>
      <c r="G7161">
        <v>50515.376049999999</v>
      </c>
      <c r="H7161">
        <v>48218.303950000001</v>
      </c>
      <c r="I7161">
        <v>40358.51642</v>
      </c>
      <c r="J7161">
        <v>36548.35441</v>
      </c>
      <c r="K7161">
        <v>54747.271990000001</v>
      </c>
      <c r="L7161">
        <v>22723.048610000002</v>
      </c>
      <c r="M7161">
        <v>353509.37839999999</v>
      </c>
      <c r="N7161">
        <v>84722.775080000007</v>
      </c>
      <c r="O7161">
        <v>25314.097470000001</v>
      </c>
      <c r="P7161">
        <v>30434.543870000001</v>
      </c>
      <c r="Q7161">
        <v>96848.039279999997</v>
      </c>
      <c r="R7161">
        <v>21507.11751</v>
      </c>
      <c r="S7161">
        <v>103604.9504</v>
      </c>
      <c r="T7161">
        <v>30362.124950000001</v>
      </c>
      <c r="U7161">
        <v>24858.288509999998</v>
      </c>
      <c r="W7161" s="83">
        <f>Bühler!N7193</f>
        <v>45590.291666649304</v>
      </c>
      <c r="X7161" s="83">
        <v>43399.291666666664</v>
      </c>
      <c r="Y7161">
        <v>284035.96950000001</v>
      </c>
      <c r="Z7161">
        <v>26584.974979999999</v>
      </c>
      <c r="AA7161">
        <v>84659.591509999998</v>
      </c>
      <c r="AB7161">
        <v>50515.376049999999</v>
      </c>
      <c r="AC7161">
        <v>48218.303950000001</v>
      </c>
      <c r="AD7161">
        <v>40358.51642</v>
      </c>
      <c r="AE7161">
        <v>36548.35441</v>
      </c>
      <c r="AF7161">
        <v>54747.271990000001</v>
      </c>
      <c r="AG7161">
        <v>22723.048610000002</v>
      </c>
      <c r="AH7161">
        <v>353509.37839999999</v>
      </c>
      <c r="AI7161">
        <v>84722.775080000007</v>
      </c>
      <c r="AJ7161">
        <v>25314.097470000001</v>
      </c>
      <c r="AK7161">
        <v>30434.543870000001</v>
      </c>
      <c r="AL7161">
        <v>96848.039279999997</v>
      </c>
      <c r="AM7161">
        <v>21507.11751</v>
      </c>
      <c r="AN7161">
        <v>103604.9504</v>
      </c>
      <c r="AO7161">
        <v>30362.124950000001</v>
      </c>
      <c r="AP7161">
        <v>24858.288509999998</v>
      </c>
    </row>
    <row r="7162" spans="2:42" x14ac:dyDescent="0.3">
      <c r="B7162">
        <v>69.876549908408279</v>
      </c>
      <c r="C7162" s="83">
        <v>43399.333333333336</v>
      </c>
      <c r="D7162">
        <v>293204.47399999999</v>
      </c>
      <c r="E7162">
        <v>33164.560859999998</v>
      </c>
      <c r="F7162">
        <v>92035.091979999997</v>
      </c>
      <c r="G7162">
        <v>60326.73616</v>
      </c>
      <c r="H7162">
        <v>52254.219149999997</v>
      </c>
      <c r="I7162">
        <v>43819.702649999999</v>
      </c>
      <c r="J7162">
        <v>36721.187059999997</v>
      </c>
      <c r="K7162">
        <v>59045.00462</v>
      </c>
      <c r="L7162">
        <v>25733.317159999999</v>
      </c>
      <c r="M7162">
        <v>356263.2378</v>
      </c>
      <c r="N7162">
        <v>90679.869560000006</v>
      </c>
      <c r="O7162">
        <v>26800.66534</v>
      </c>
      <c r="P7162">
        <v>33229.612139999997</v>
      </c>
      <c r="Q7162">
        <v>98375.207030000005</v>
      </c>
      <c r="R7162">
        <v>22420.7569</v>
      </c>
      <c r="S7162">
        <v>116881.2213</v>
      </c>
      <c r="T7162">
        <v>33744.668149999998</v>
      </c>
      <c r="U7162">
        <v>27666.25056</v>
      </c>
      <c r="W7162" s="83">
        <f>Bühler!N7194</f>
        <v>45590.333333315968</v>
      </c>
      <c r="X7162" s="83">
        <v>43399.333333333336</v>
      </c>
      <c r="Y7162">
        <v>293204.47399999999</v>
      </c>
      <c r="Z7162">
        <v>33164.560859999998</v>
      </c>
      <c r="AA7162">
        <v>92035.091979999997</v>
      </c>
      <c r="AB7162">
        <v>60326.73616</v>
      </c>
      <c r="AC7162">
        <v>52254.219149999997</v>
      </c>
      <c r="AD7162">
        <v>43819.702649999999</v>
      </c>
      <c r="AE7162">
        <v>36721.187059999997</v>
      </c>
      <c r="AF7162">
        <v>59045.00462</v>
      </c>
      <c r="AG7162">
        <v>25733.317159999999</v>
      </c>
      <c r="AH7162">
        <v>356263.2378</v>
      </c>
      <c r="AI7162">
        <v>90679.869560000006</v>
      </c>
      <c r="AJ7162">
        <v>26800.66534</v>
      </c>
      <c r="AK7162">
        <v>33229.612139999997</v>
      </c>
      <c r="AL7162">
        <v>98375.207030000005</v>
      </c>
      <c r="AM7162">
        <v>22420.7569</v>
      </c>
      <c r="AN7162">
        <v>116881.2213</v>
      </c>
      <c r="AO7162">
        <v>33744.668149999998</v>
      </c>
      <c r="AP7162">
        <v>27666.25056</v>
      </c>
    </row>
    <row r="7163" spans="2:42" x14ac:dyDescent="0.3">
      <c r="B7163">
        <v>69.33149390261849</v>
      </c>
      <c r="C7163" s="83">
        <v>43399.375</v>
      </c>
      <c r="D7163">
        <v>293213.06300000002</v>
      </c>
      <c r="E7163">
        <v>36442.346039999997</v>
      </c>
      <c r="F7163">
        <v>96590.91433</v>
      </c>
      <c r="G7163">
        <v>63623.923560000003</v>
      </c>
      <c r="H7163">
        <v>54059.486539999998</v>
      </c>
      <c r="I7163">
        <v>42120.015059999998</v>
      </c>
      <c r="J7163">
        <v>35595.593130000001</v>
      </c>
      <c r="K7163">
        <v>61464.38377</v>
      </c>
      <c r="L7163">
        <v>28911.57228</v>
      </c>
      <c r="M7163">
        <v>353484.28810000001</v>
      </c>
      <c r="N7163">
        <v>94804.273060000007</v>
      </c>
      <c r="O7163">
        <v>27175.29551</v>
      </c>
      <c r="P7163">
        <v>34416.008730000001</v>
      </c>
      <c r="Q7163">
        <v>97369.130539999998</v>
      </c>
      <c r="R7163">
        <v>23316.73992</v>
      </c>
      <c r="S7163">
        <v>122292.10890000001</v>
      </c>
      <c r="T7163">
        <v>35767.258959999999</v>
      </c>
      <c r="U7163">
        <v>27412.116239999999</v>
      </c>
      <c r="W7163" s="83">
        <f>Bühler!N7195</f>
        <v>45590.374999982632</v>
      </c>
      <c r="X7163" s="83">
        <v>43399.375</v>
      </c>
      <c r="Y7163">
        <v>293213.06300000002</v>
      </c>
      <c r="Z7163">
        <v>36442.346039999997</v>
      </c>
      <c r="AA7163">
        <v>96590.91433</v>
      </c>
      <c r="AB7163">
        <v>63623.923560000003</v>
      </c>
      <c r="AC7163">
        <v>54059.486539999998</v>
      </c>
      <c r="AD7163">
        <v>42120.015059999998</v>
      </c>
      <c r="AE7163">
        <v>35595.593130000001</v>
      </c>
      <c r="AF7163">
        <v>61464.38377</v>
      </c>
      <c r="AG7163">
        <v>28911.57228</v>
      </c>
      <c r="AH7163">
        <v>353484.28810000001</v>
      </c>
      <c r="AI7163">
        <v>94804.273060000007</v>
      </c>
      <c r="AJ7163">
        <v>27175.29551</v>
      </c>
      <c r="AK7163">
        <v>34416.008730000001</v>
      </c>
      <c r="AL7163">
        <v>97369.130539999998</v>
      </c>
      <c r="AM7163">
        <v>23316.73992</v>
      </c>
      <c r="AN7163">
        <v>122292.10890000001</v>
      </c>
      <c r="AO7163">
        <v>35767.258959999999</v>
      </c>
      <c r="AP7163">
        <v>27412.116239999999</v>
      </c>
    </row>
    <row r="7164" spans="2:42" x14ac:dyDescent="0.3">
      <c r="B7164">
        <v>69.299392366779529</v>
      </c>
      <c r="C7164" s="83">
        <v>43399.416666666664</v>
      </c>
      <c r="D7164">
        <v>293127.45250000001</v>
      </c>
      <c r="E7164">
        <v>37606.595690000002</v>
      </c>
      <c r="F7164">
        <v>97589.430859999993</v>
      </c>
      <c r="G7164">
        <v>65157.370269999999</v>
      </c>
      <c r="H7164">
        <v>53940.720909999996</v>
      </c>
      <c r="I7164">
        <v>39367.434939999999</v>
      </c>
      <c r="J7164">
        <v>34370.333809999996</v>
      </c>
      <c r="K7164">
        <v>63017.790760000004</v>
      </c>
      <c r="L7164">
        <v>31796.233329999999</v>
      </c>
      <c r="M7164">
        <v>353320.61949999997</v>
      </c>
      <c r="N7164">
        <v>96563.506160000004</v>
      </c>
      <c r="O7164">
        <v>26830.515469999998</v>
      </c>
      <c r="P7164">
        <v>35559.573909999999</v>
      </c>
      <c r="Q7164">
        <v>97614.605349999998</v>
      </c>
      <c r="R7164">
        <v>23901.808260000002</v>
      </c>
      <c r="S7164">
        <v>121247.1148</v>
      </c>
      <c r="T7164">
        <v>37097.325169999996</v>
      </c>
      <c r="U7164">
        <v>27228.462360000001</v>
      </c>
      <c r="W7164" s="83">
        <f>Bühler!N7196</f>
        <v>45590.416666649297</v>
      </c>
      <c r="X7164" s="83">
        <v>43399.416666666664</v>
      </c>
      <c r="Y7164">
        <v>293127.45250000001</v>
      </c>
      <c r="Z7164">
        <v>37606.595690000002</v>
      </c>
      <c r="AA7164">
        <v>97589.430859999993</v>
      </c>
      <c r="AB7164">
        <v>65157.370269999999</v>
      </c>
      <c r="AC7164">
        <v>53940.720909999996</v>
      </c>
      <c r="AD7164">
        <v>39367.434939999999</v>
      </c>
      <c r="AE7164">
        <v>34370.333809999996</v>
      </c>
      <c r="AF7164">
        <v>63017.790760000004</v>
      </c>
      <c r="AG7164">
        <v>31796.233329999999</v>
      </c>
      <c r="AH7164">
        <v>353320.61949999997</v>
      </c>
      <c r="AI7164">
        <v>96563.506160000004</v>
      </c>
      <c r="AJ7164">
        <v>26830.515469999998</v>
      </c>
      <c r="AK7164">
        <v>35559.573909999999</v>
      </c>
      <c r="AL7164">
        <v>97614.605349999998</v>
      </c>
      <c r="AM7164">
        <v>23901.808260000002</v>
      </c>
      <c r="AN7164">
        <v>121247.1148</v>
      </c>
      <c r="AO7164">
        <v>37097.325169999996</v>
      </c>
      <c r="AP7164">
        <v>27228.462360000001</v>
      </c>
    </row>
    <row r="7165" spans="2:42" x14ac:dyDescent="0.3">
      <c r="B7165">
        <v>69.202372563798889</v>
      </c>
      <c r="C7165" s="83">
        <v>43399.458333333336</v>
      </c>
      <c r="D7165">
        <v>286630.82390000002</v>
      </c>
      <c r="E7165">
        <v>37076.292970000002</v>
      </c>
      <c r="F7165">
        <v>97867.428079999998</v>
      </c>
      <c r="G7165">
        <v>63906.725729999998</v>
      </c>
      <c r="H7165">
        <v>53024.952310000001</v>
      </c>
      <c r="I7165">
        <v>37993.425799999997</v>
      </c>
      <c r="J7165">
        <v>34599.835129999999</v>
      </c>
      <c r="K7165">
        <v>63924.108070000002</v>
      </c>
      <c r="L7165">
        <v>33436.175799999997</v>
      </c>
      <c r="M7165">
        <v>352825.96730000002</v>
      </c>
      <c r="N7165">
        <v>96000.205319999994</v>
      </c>
      <c r="O7165">
        <v>27268.839169999999</v>
      </c>
      <c r="P7165">
        <v>34134.355069999998</v>
      </c>
      <c r="Q7165">
        <v>97241.311679999999</v>
      </c>
      <c r="R7165">
        <v>24370.506649999999</v>
      </c>
      <c r="S7165">
        <v>122414.97840000001</v>
      </c>
      <c r="T7165">
        <v>36722.447289999996</v>
      </c>
      <c r="U7165">
        <v>25892.192940000001</v>
      </c>
      <c r="W7165" s="83">
        <f>Bühler!N7197</f>
        <v>45590.458333315961</v>
      </c>
      <c r="X7165" s="83">
        <v>43399.458333333336</v>
      </c>
      <c r="Y7165">
        <v>286630.82390000002</v>
      </c>
      <c r="Z7165">
        <v>37076.292970000002</v>
      </c>
      <c r="AA7165">
        <v>97867.428079999998</v>
      </c>
      <c r="AB7165">
        <v>63906.725729999998</v>
      </c>
      <c r="AC7165">
        <v>53024.952310000001</v>
      </c>
      <c r="AD7165">
        <v>37993.425799999997</v>
      </c>
      <c r="AE7165">
        <v>34599.835129999999</v>
      </c>
      <c r="AF7165">
        <v>63924.108070000002</v>
      </c>
      <c r="AG7165">
        <v>33436.175799999997</v>
      </c>
      <c r="AH7165">
        <v>352825.96730000002</v>
      </c>
      <c r="AI7165">
        <v>96000.205319999994</v>
      </c>
      <c r="AJ7165">
        <v>27268.839169999999</v>
      </c>
      <c r="AK7165">
        <v>34134.355069999998</v>
      </c>
      <c r="AL7165">
        <v>97241.311679999999</v>
      </c>
      <c r="AM7165">
        <v>24370.506649999999</v>
      </c>
      <c r="AN7165">
        <v>122414.97840000001</v>
      </c>
      <c r="AO7165">
        <v>36722.447289999996</v>
      </c>
      <c r="AP7165">
        <v>25892.192940000001</v>
      </c>
    </row>
    <row r="7166" spans="2:42" x14ac:dyDescent="0.3">
      <c r="B7166">
        <v>67.723105781563518</v>
      </c>
      <c r="C7166" s="83">
        <v>43399.5</v>
      </c>
      <c r="D7166">
        <v>271875.33980000002</v>
      </c>
      <c r="E7166">
        <v>32864.240850000002</v>
      </c>
      <c r="F7166">
        <v>96000.441789999997</v>
      </c>
      <c r="G7166">
        <v>60230.877959999998</v>
      </c>
      <c r="H7166">
        <v>49715.88985</v>
      </c>
      <c r="I7166">
        <v>36378.037349999999</v>
      </c>
      <c r="J7166">
        <v>34698.590579999996</v>
      </c>
      <c r="K7166">
        <v>59305.618569999999</v>
      </c>
      <c r="L7166">
        <v>36412.627639999999</v>
      </c>
      <c r="M7166">
        <v>345283.9754</v>
      </c>
      <c r="N7166">
        <v>91702.048779999997</v>
      </c>
      <c r="O7166">
        <v>26580.095659999999</v>
      </c>
      <c r="P7166">
        <v>34542.98962</v>
      </c>
      <c r="Q7166">
        <v>95027.887459999998</v>
      </c>
      <c r="R7166">
        <v>25434.313429999998</v>
      </c>
      <c r="S7166">
        <v>114996.3141</v>
      </c>
      <c r="T7166">
        <v>36375.66762</v>
      </c>
      <c r="U7166">
        <v>20831.255229999999</v>
      </c>
      <c r="W7166" s="83">
        <f>Bühler!N7198</f>
        <v>45590.499999982625</v>
      </c>
      <c r="X7166" s="83">
        <v>43399.5</v>
      </c>
      <c r="Y7166">
        <v>271875.33980000002</v>
      </c>
      <c r="Z7166">
        <v>32864.240850000002</v>
      </c>
      <c r="AA7166">
        <v>96000.441789999997</v>
      </c>
      <c r="AB7166">
        <v>60230.877959999998</v>
      </c>
      <c r="AC7166">
        <v>49715.88985</v>
      </c>
      <c r="AD7166">
        <v>36378.037349999999</v>
      </c>
      <c r="AE7166">
        <v>34698.590579999996</v>
      </c>
      <c r="AF7166">
        <v>59305.618569999999</v>
      </c>
      <c r="AG7166">
        <v>36412.627639999999</v>
      </c>
      <c r="AH7166">
        <v>345283.9754</v>
      </c>
      <c r="AI7166">
        <v>91702.048779999997</v>
      </c>
      <c r="AJ7166">
        <v>26580.095659999999</v>
      </c>
      <c r="AK7166">
        <v>34542.98962</v>
      </c>
      <c r="AL7166">
        <v>95027.887459999998</v>
      </c>
      <c r="AM7166">
        <v>25434.313429999998</v>
      </c>
      <c r="AN7166">
        <v>114996.3141</v>
      </c>
      <c r="AO7166">
        <v>36375.66762</v>
      </c>
      <c r="AP7166">
        <v>20831.255229999999</v>
      </c>
    </row>
    <row r="7167" spans="2:42" x14ac:dyDescent="0.3">
      <c r="B7167">
        <v>66.652671687473429</v>
      </c>
      <c r="C7167" s="83">
        <v>43399.541666666664</v>
      </c>
      <c r="D7167">
        <v>269942.26280000003</v>
      </c>
      <c r="E7167">
        <v>33349.53991</v>
      </c>
      <c r="F7167">
        <v>95386.079639999996</v>
      </c>
      <c r="G7167">
        <v>58202.689200000001</v>
      </c>
      <c r="H7167">
        <v>48998.033949999997</v>
      </c>
      <c r="I7167">
        <v>35918.504950000002</v>
      </c>
      <c r="J7167">
        <v>33283.740599999997</v>
      </c>
      <c r="K7167">
        <v>60803.20768</v>
      </c>
      <c r="L7167">
        <v>34977.930370000002</v>
      </c>
      <c r="M7167">
        <v>339826.4032</v>
      </c>
      <c r="N7167">
        <v>90129.292709999994</v>
      </c>
      <c r="O7167">
        <v>25843.325280000001</v>
      </c>
      <c r="P7167">
        <v>34258.694409999996</v>
      </c>
      <c r="Q7167">
        <v>93250.842780000006</v>
      </c>
      <c r="R7167">
        <v>25574.403139999999</v>
      </c>
      <c r="S7167">
        <v>113763.3471</v>
      </c>
      <c r="T7167">
        <v>35063.774519999999</v>
      </c>
      <c r="U7167">
        <v>21388.143380000001</v>
      </c>
      <c r="W7167" s="83">
        <f>Bühler!N7199</f>
        <v>45590.541666649289</v>
      </c>
      <c r="X7167" s="83">
        <v>43399.541666666664</v>
      </c>
      <c r="Y7167">
        <v>269942.26280000003</v>
      </c>
      <c r="Z7167">
        <v>33349.53991</v>
      </c>
      <c r="AA7167">
        <v>95386.079639999996</v>
      </c>
      <c r="AB7167">
        <v>58202.689200000001</v>
      </c>
      <c r="AC7167">
        <v>48998.033949999997</v>
      </c>
      <c r="AD7167">
        <v>35918.504950000002</v>
      </c>
      <c r="AE7167">
        <v>33283.740599999997</v>
      </c>
      <c r="AF7167">
        <v>60803.20768</v>
      </c>
      <c r="AG7167">
        <v>34977.930370000002</v>
      </c>
      <c r="AH7167">
        <v>339826.4032</v>
      </c>
      <c r="AI7167">
        <v>90129.292709999994</v>
      </c>
      <c r="AJ7167">
        <v>25843.325280000001</v>
      </c>
      <c r="AK7167">
        <v>34258.694409999996</v>
      </c>
      <c r="AL7167">
        <v>93250.842780000006</v>
      </c>
      <c r="AM7167">
        <v>25574.403139999999</v>
      </c>
      <c r="AN7167">
        <v>113763.3471</v>
      </c>
      <c r="AO7167">
        <v>35063.774519999999</v>
      </c>
      <c r="AP7167">
        <v>21388.143380000001</v>
      </c>
    </row>
    <row r="7168" spans="2:42" x14ac:dyDescent="0.3">
      <c r="B7168">
        <v>66.685407551320665</v>
      </c>
      <c r="C7168" s="83">
        <v>43399.583333333336</v>
      </c>
      <c r="D7168">
        <v>268092.55430000002</v>
      </c>
      <c r="E7168">
        <v>35184.87889</v>
      </c>
      <c r="F7168">
        <v>96925.835630000001</v>
      </c>
      <c r="G7168">
        <v>56900.028810000003</v>
      </c>
      <c r="H7168">
        <v>48537.732360000002</v>
      </c>
      <c r="I7168">
        <v>35367.09721</v>
      </c>
      <c r="J7168">
        <v>32741.579239999999</v>
      </c>
      <c r="K7168">
        <v>62902.464529999997</v>
      </c>
      <c r="L7168">
        <v>31235.55603</v>
      </c>
      <c r="M7168">
        <v>339993.30589999998</v>
      </c>
      <c r="N7168">
        <v>89041.193769999998</v>
      </c>
      <c r="O7168">
        <v>25427.29407</v>
      </c>
      <c r="P7168">
        <v>31352.96154</v>
      </c>
      <c r="Q7168">
        <v>92776.225380000003</v>
      </c>
      <c r="R7168">
        <v>25109.496449999999</v>
      </c>
      <c r="S7168">
        <v>109286.3646</v>
      </c>
      <c r="T7168">
        <v>33342.541400000002</v>
      </c>
      <c r="U7168">
        <v>21338.448789999999</v>
      </c>
      <c r="W7168" s="83">
        <f>Bühler!N7200</f>
        <v>45590.583333315953</v>
      </c>
      <c r="X7168" s="83">
        <v>43399.583333333336</v>
      </c>
      <c r="Y7168">
        <v>268092.55430000002</v>
      </c>
      <c r="Z7168">
        <v>35184.87889</v>
      </c>
      <c r="AA7168">
        <v>96925.835630000001</v>
      </c>
      <c r="AB7168">
        <v>56900.028810000003</v>
      </c>
      <c r="AC7168">
        <v>48537.732360000002</v>
      </c>
      <c r="AD7168">
        <v>35367.09721</v>
      </c>
      <c r="AE7168">
        <v>32741.579239999999</v>
      </c>
      <c r="AF7168">
        <v>62902.464529999997</v>
      </c>
      <c r="AG7168">
        <v>31235.55603</v>
      </c>
      <c r="AH7168">
        <v>339993.30589999998</v>
      </c>
      <c r="AI7168">
        <v>89041.193769999998</v>
      </c>
      <c r="AJ7168">
        <v>25427.29407</v>
      </c>
      <c r="AK7168">
        <v>31352.96154</v>
      </c>
      <c r="AL7168">
        <v>92776.225380000003</v>
      </c>
      <c r="AM7168">
        <v>25109.496449999999</v>
      </c>
      <c r="AN7168">
        <v>109286.3646</v>
      </c>
      <c r="AO7168">
        <v>33342.541400000002</v>
      </c>
      <c r="AP7168">
        <v>21338.448789999999</v>
      </c>
    </row>
    <row r="7169" spans="2:42" x14ac:dyDescent="0.3">
      <c r="B7169">
        <v>65.800258097089113</v>
      </c>
      <c r="C7169" s="83">
        <v>43399.625</v>
      </c>
      <c r="D7169">
        <v>264696.4387</v>
      </c>
      <c r="E7169">
        <v>35178.72524</v>
      </c>
      <c r="F7169">
        <v>95884.055519999994</v>
      </c>
      <c r="G7169">
        <v>54323.415379999999</v>
      </c>
      <c r="H7169">
        <v>47042.003539999998</v>
      </c>
      <c r="I7169">
        <v>35679.679609999999</v>
      </c>
      <c r="J7169">
        <v>32208.275119999998</v>
      </c>
      <c r="K7169">
        <v>59692.852350000001</v>
      </c>
      <c r="L7169">
        <v>28153.36578</v>
      </c>
      <c r="M7169">
        <v>335480.40120000002</v>
      </c>
      <c r="N7169">
        <v>87708.107059999995</v>
      </c>
      <c r="O7169">
        <v>25004.882269999998</v>
      </c>
      <c r="P7169">
        <v>28667.229599999999</v>
      </c>
      <c r="Q7169">
        <v>91270.157160000002</v>
      </c>
      <c r="R7169">
        <v>24253.326659999999</v>
      </c>
      <c r="S7169">
        <v>105540.5699</v>
      </c>
      <c r="T7169">
        <v>33048.628199999999</v>
      </c>
      <c r="U7169">
        <v>20052.703219999999</v>
      </c>
      <c r="W7169" s="83">
        <f>Bühler!N7201</f>
        <v>45590.624999982618</v>
      </c>
      <c r="X7169" s="83">
        <v>43399.625</v>
      </c>
      <c r="Y7169">
        <v>264696.4387</v>
      </c>
      <c r="Z7169">
        <v>35178.72524</v>
      </c>
      <c r="AA7169">
        <v>95884.055519999994</v>
      </c>
      <c r="AB7169">
        <v>54323.415379999999</v>
      </c>
      <c r="AC7169">
        <v>47042.003539999998</v>
      </c>
      <c r="AD7169">
        <v>35679.679609999999</v>
      </c>
      <c r="AE7169">
        <v>32208.275119999998</v>
      </c>
      <c r="AF7169">
        <v>59692.852350000001</v>
      </c>
      <c r="AG7169">
        <v>28153.36578</v>
      </c>
      <c r="AH7169">
        <v>335480.40120000002</v>
      </c>
      <c r="AI7169">
        <v>87708.107059999995</v>
      </c>
      <c r="AJ7169">
        <v>25004.882269999998</v>
      </c>
      <c r="AK7169">
        <v>28667.229599999999</v>
      </c>
      <c r="AL7169">
        <v>91270.157160000002</v>
      </c>
      <c r="AM7169">
        <v>24253.326659999999</v>
      </c>
      <c r="AN7169">
        <v>105540.5699</v>
      </c>
      <c r="AO7169">
        <v>33048.628199999999</v>
      </c>
      <c r="AP7169">
        <v>20052.703219999999</v>
      </c>
    </row>
    <row r="7170" spans="2:42" x14ac:dyDescent="0.3">
      <c r="B7170">
        <v>64.78882278416674</v>
      </c>
      <c r="C7170" s="83">
        <v>43399.666666666664</v>
      </c>
      <c r="D7170">
        <v>256488.97459999999</v>
      </c>
      <c r="E7170">
        <v>33468.624940000002</v>
      </c>
      <c r="F7170">
        <v>95372.540699999998</v>
      </c>
      <c r="G7170">
        <v>51622.721669999999</v>
      </c>
      <c r="H7170">
        <v>46073.744850000003</v>
      </c>
      <c r="I7170">
        <v>36516.779260000003</v>
      </c>
      <c r="J7170">
        <v>32549.084879999999</v>
      </c>
      <c r="K7170">
        <v>56646.244930000001</v>
      </c>
      <c r="L7170">
        <v>27253.006430000001</v>
      </c>
      <c r="M7170">
        <v>330323.6323</v>
      </c>
      <c r="N7170">
        <v>85069.625849999997</v>
      </c>
      <c r="O7170">
        <v>25218.246090000001</v>
      </c>
      <c r="P7170">
        <v>28238.349859999998</v>
      </c>
      <c r="Q7170">
        <v>90195.286229999998</v>
      </c>
      <c r="R7170">
        <v>23807.805189999999</v>
      </c>
      <c r="S7170">
        <v>102027.5787</v>
      </c>
      <c r="T7170">
        <v>33017.57533</v>
      </c>
      <c r="U7170">
        <v>18436.646069999999</v>
      </c>
      <c r="W7170" s="83">
        <f>Bühler!N7202</f>
        <v>45590.666666649282</v>
      </c>
      <c r="X7170" s="83">
        <v>43399.666666666664</v>
      </c>
      <c r="Y7170">
        <v>256488.97459999999</v>
      </c>
      <c r="Z7170">
        <v>33468.624940000002</v>
      </c>
      <c r="AA7170">
        <v>95372.540699999998</v>
      </c>
      <c r="AB7170">
        <v>51622.721669999999</v>
      </c>
      <c r="AC7170">
        <v>46073.744850000003</v>
      </c>
      <c r="AD7170">
        <v>36516.779260000003</v>
      </c>
      <c r="AE7170">
        <v>32549.084879999999</v>
      </c>
      <c r="AF7170">
        <v>56646.244930000001</v>
      </c>
      <c r="AG7170">
        <v>27253.006430000001</v>
      </c>
      <c r="AH7170">
        <v>330323.6323</v>
      </c>
      <c r="AI7170">
        <v>85069.625849999997</v>
      </c>
      <c r="AJ7170">
        <v>25218.246090000001</v>
      </c>
      <c r="AK7170">
        <v>28238.349859999998</v>
      </c>
      <c r="AL7170">
        <v>90195.286229999998</v>
      </c>
      <c r="AM7170">
        <v>23807.805189999999</v>
      </c>
      <c r="AN7170">
        <v>102027.5787</v>
      </c>
      <c r="AO7170">
        <v>33017.57533</v>
      </c>
      <c r="AP7170">
        <v>18436.646069999999</v>
      </c>
    </row>
    <row r="7171" spans="2:42" x14ac:dyDescent="0.3">
      <c r="B7171">
        <v>63.35463328293816</v>
      </c>
      <c r="C7171" s="83">
        <v>43399.708333333336</v>
      </c>
      <c r="D7171">
        <v>246747.177</v>
      </c>
      <c r="E7171">
        <v>31679.191869999999</v>
      </c>
      <c r="F7171">
        <v>96291.998370000001</v>
      </c>
      <c r="G7171">
        <v>47590.841829999998</v>
      </c>
      <c r="H7171">
        <v>44870.482530000001</v>
      </c>
      <c r="I7171">
        <v>35820.389940000001</v>
      </c>
      <c r="J7171">
        <v>32710.440269999999</v>
      </c>
      <c r="K7171">
        <v>52840.624640000002</v>
      </c>
      <c r="L7171">
        <v>27831.207350000001</v>
      </c>
      <c r="M7171">
        <v>323011.46539999999</v>
      </c>
      <c r="N7171">
        <v>82840.296359999993</v>
      </c>
      <c r="O7171">
        <v>24604.440289999999</v>
      </c>
      <c r="P7171">
        <v>29903.24091</v>
      </c>
      <c r="Q7171">
        <v>88156.87328</v>
      </c>
      <c r="R7171">
        <v>21425.182990000001</v>
      </c>
      <c r="S7171">
        <v>99762.545360000004</v>
      </c>
      <c r="T7171">
        <v>32802.879130000001</v>
      </c>
      <c r="U7171">
        <v>16818.592270000001</v>
      </c>
      <c r="W7171" s="83">
        <f>Bühler!N7203</f>
        <v>45590.708333315946</v>
      </c>
      <c r="X7171" s="83">
        <v>43399.708333333336</v>
      </c>
      <c r="Y7171">
        <v>246747.177</v>
      </c>
      <c r="Z7171">
        <v>31679.191869999999</v>
      </c>
      <c r="AA7171">
        <v>96291.998370000001</v>
      </c>
      <c r="AB7171">
        <v>47590.841829999998</v>
      </c>
      <c r="AC7171">
        <v>44870.482530000001</v>
      </c>
      <c r="AD7171">
        <v>35820.389940000001</v>
      </c>
      <c r="AE7171">
        <v>32710.440269999999</v>
      </c>
      <c r="AF7171">
        <v>52840.624640000002</v>
      </c>
      <c r="AG7171">
        <v>27831.207350000001</v>
      </c>
      <c r="AH7171">
        <v>323011.46539999999</v>
      </c>
      <c r="AI7171">
        <v>82840.296359999993</v>
      </c>
      <c r="AJ7171">
        <v>24604.440289999999</v>
      </c>
      <c r="AK7171">
        <v>29903.24091</v>
      </c>
      <c r="AL7171">
        <v>88156.87328</v>
      </c>
      <c r="AM7171">
        <v>21425.182990000001</v>
      </c>
      <c r="AN7171">
        <v>99762.545360000004</v>
      </c>
      <c r="AO7171">
        <v>32802.879130000001</v>
      </c>
      <c r="AP7171">
        <v>16818.592270000001</v>
      </c>
    </row>
    <row r="7172" spans="2:42" x14ac:dyDescent="0.3">
      <c r="B7172">
        <v>61.904746119975229</v>
      </c>
      <c r="C7172" s="83">
        <v>43399.75</v>
      </c>
      <c r="D7172">
        <v>239885.92819999999</v>
      </c>
      <c r="E7172">
        <v>29050.107609999999</v>
      </c>
      <c r="F7172">
        <v>94227.403260000006</v>
      </c>
      <c r="G7172">
        <v>43777.483890000003</v>
      </c>
      <c r="H7172">
        <v>43203.396050000003</v>
      </c>
      <c r="I7172">
        <v>34949.879999999997</v>
      </c>
      <c r="J7172">
        <v>33781.963949999998</v>
      </c>
      <c r="K7172">
        <v>51073.300940000001</v>
      </c>
      <c r="L7172">
        <v>29214.02331</v>
      </c>
      <c r="M7172">
        <v>315619.26449999999</v>
      </c>
      <c r="N7172">
        <v>83036.116899999994</v>
      </c>
      <c r="O7172">
        <v>23940.588199999998</v>
      </c>
      <c r="P7172">
        <v>33177.530319999998</v>
      </c>
      <c r="Q7172">
        <v>86260.838539999997</v>
      </c>
      <c r="R7172">
        <v>21671.371319999998</v>
      </c>
      <c r="S7172">
        <v>95648.411359999998</v>
      </c>
      <c r="T7172">
        <v>33319.348129999998</v>
      </c>
      <c r="U7172">
        <v>15645.212939999999</v>
      </c>
      <c r="W7172" s="83">
        <f>Bühler!N7204</f>
        <v>45590.74999998261</v>
      </c>
      <c r="X7172" s="83">
        <v>43399.75</v>
      </c>
      <c r="Y7172">
        <v>239885.92819999999</v>
      </c>
      <c r="Z7172">
        <v>29050.107609999999</v>
      </c>
      <c r="AA7172">
        <v>94227.403260000006</v>
      </c>
      <c r="AB7172">
        <v>43777.483890000003</v>
      </c>
      <c r="AC7172">
        <v>43203.396050000003</v>
      </c>
      <c r="AD7172">
        <v>34949.879999999997</v>
      </c>
      <c r="AE7172">
        <v>33781.963949999998</v>
      </c>
      <c r="AF7172">
        <v>51073.300940000001</v>
      </c>
      <c r="AG7172">
        <v>29214.02331</v>
      </c>
      <c r="AH7172">
        <v>315619.26449999999</v>
      </c>
      <c r="AI7172">
        <v>83036.116899999994</v>
      </c>
      <c r="AJ7172">
        <v>23940.588199999998</v>
      </c>
      <c r="AK7172">
        <v>33177.530319999998</v>
      </c>
      <c r="AL7172">
        <v>86260.838539999997</v>
      </c>
      <c r="AM7172">
        <v>21671.371319999998</v>
      </c>
      <c r="AN7172">
        <v>95648.411359999998</v>
      </c>
      <c r="AO7172">
        <v>33319.348129999998</v>
      </c>
      <c r="AP7172">
        <v>15645.212939999999</v>
      </c>
    </row>
    <row r="7173" spans="2:42" x14ac:dyDescent="0.3">
      <c r="B7173">
        <v>60.219513125634357</v>
      </c>
      <c r="C7173" s="83">
        <v>43399.791666666664</v>
      </c>
      <c r="D7173">
        <v>231703.29930000001</v>
      </c>
      <c r="E7173">
        <v>24544.67985</v>
      </c>
      <c r="F7173">
        <v>82954.680550000005</v>
      </c>
      <c r="G7173">
        <v>42397.225140000002</v>
      </c>
      <c r="H7173">
        <v>43295.294119999999</v>
      </c>
      <c r="I7173">
        <v>33991.783710000003</v>
      </c>
      <c r="J7173">
        <v>35249.743369999997</v>
      </c>
      <c r="K7173">
        <v>50541.454590000001</v>
      </c>
      <c r="L7173">
        <v>31496.02378</v>
      </c>
      <c r="M7173">
        <v>307027.16080000001</v>
      </c>
      <c r="N7173">
        <v>82536.195959999997</v>
      </c>
      <c r="O7173">
        <v>22921.031739999999</v>
      </c>
      <c r="P7173">
        <v>35602.516170000003</v>
      </c>
      <c r="Q7173">
        <v>83712.80416</v>
      </c>
      <c r="R7173">
        <v>22215.436399999999</v>
      </c>
      <c r="S7173">
        <v>93987.84878</v>
      </c>
      <c r="T7173">
        <v>34122.332240000003</v>
      </c>
      <c r="U7173">
        <v>15554.761420000001</v>
      </c>
      <c r="W7173" s="83">
        <f>Bühler!N7205</f>
        <v>45590.791666649275</v>
      </c>
      <c r="X7173" s="83">
        <v>43399.791666666664</v>
      </c>
      <c r="Y7173">
        <v>231703.29930000001</v>
      </c>
      <c r="Z7173">
        <v>24544.67985</v>
      </c>
      <c r="AA7173">
        <v>82954.680550000005</v>
      </c>
      <c r="AB7173">
        <v>42397.225140000002</v>
      </c>
      <c r="AC7173">
        <v>43295.294119999999</v>
      </c>
      <c r="AD7173">
        <v>33991.783710000003</v>
      </c>
      <c r="AE7173">
        <v>35249.743369999997</v>
      </c>
      <c r="AF7173">
        <v>50541.454590000001</v>
      </c>
      <c r="AG7173">
        <v>31496.02378</v>
      </c>
      <c r="AH7173">
        <v>307027.16080000001</v>
      </c>
      <c r="AI7173">
        <v>82536.195959999997</v>
      </c>
      <c r="AJ7173">
        <v>22921.031739999999</v>
      </c>
      <c r="AK7173">
        <v>35602.516170000003</v>
      </c>
      <c r="AL7173">
        <v>83712.80416</v>
      </c>
      <c r="AM7173">
        <v>22215.436399999999</v>
      </c>
      <c r="AN7173">
        <v>93987.84878</v>
      </c>
      <c r="AO7173">
        <v>34122.332240000003</v>
      </c>
      <c r="AP7173">
        <v>15554.761420000001</v>
      </c>
    </row>
    <row r="7174" spans="2:42" x14ac:dyDescent="0.3">
      <c r="B7174">
        <v>58.102832524804775</v>
      </c>
      <c r="C7174" s="83">
        <v>43399.833333333336</v>
      </c>
      <c r="D7174">
        <v>224151.7971</v>
      </c>
      <c r="E7174">
        <v>18391.02852</v>
      </c>
      <c r="F7174">
        <v>64259.903539999999</v>
      </c>
      <c r="G7174">
        <v>39390.907930000001</v>
      </c>
      <c r="H7174">
        <v>40922.511489999997</v>
      </c>
      <c r="I7174">
        <v>30103.36521</v>
      </c>
      <c r="J7174">
        <v>34424.066529999996</v>
      </c>
      <c r="K7174">
        <v>49422.038269999997</v>
      </c>
      <c r="L7174">
        <v>31182.31712</v>
      </c>
      <c r="M7174">
        <v>296235.33600000001</v>
      </c>
      <c r="N7174">
        <v>80430.892309999996</v>
      </c>
      <c r="O7174">
        <v>21411.489750000001</v>
      </c>
      <c r="P7174">
        <v>35425.708859999999</v>
      </c>
      <c r="Q7174">
        <v>80411.470849999998</v>
      </c>
      <c r="R7174">
        <v>20789.131819999999</v>
      </c>
      <c r="S7174">
        <v>85592.040999999997</v>
      </c>
      <c r="T7174">
        <v>31823.666369999999</v>
      </c>
      <c r="U7174">
        <v>14342.27859</v>
      </c>
      <c r="W7174" s="83">
        <f>Bühler!N7206</f>
        <v>45590.833333315939</v>
      </c>
      <c r="X7174" s="83">
        <v>43399.833333333336</v>
      </c>
      <c r="Y7174">
        <v>224151.7971</v>
      </c>
      <c r="Z7174">
        <v>18391.02852</v>
      </c>
      <c r="AA7174">
        <v>64259.903539999999</v>
      </c>
      <c r="AB7174">
        <v>39390.907930000001</v>
      </c>
      <c r="AC7174">
        <v>40922.511489999997</v>
      </c>
      <c r="AD7174">
        <v>30103.36521</v>
      </c>
      <c r="AE7174">
        <v>34424.066529999996</v>
      </c>
      <c r="AF7174">
        <v>49422.038269999997</v>
      </c>
      <c r="AG7174">
        <v>31182.31712</v>
      </c>
      <c r="AH7174">
        <v>296235.33600000001</v>
      </c>
      <c r="AI7174">
        <v>80430.892309999996</v>
      </c>
      <c r="AJ7174">
        <v>21411.489750000001</v>
      </c>
      <c r="AK7174">
        <v>35425.708859999999</v>
      </c>
      <c r="AL7174">
        <v>80411.470849999998</v>
      </c>
      <c r="AM7174">
        <v>20789.131819999999</v>
      </c>
      <c r="AN7174">
        <v>85592.040999999997</v>
      </c>
      <c r="AO7174">
        <v>31823.666369999999</v>
      </c>
      <c r="AP7174">
        <v>14342.27859</v>
      </c>
    </row>
    <row r="7175" spans="2:42" x14ac:dyDescent="0.3">
      <c r="B7175">
        <v>56.432179601217378</v>
      </c>
      <c r="C7175" s="83">
        <v>43399.875</v>
      </c>
      <c r="D7175">
        <v>219428.65650000001</v>
      </c>
      <c r="E7175">
        <v>15310.80263</v>
      </c>
      <c r="F7175">
        <v>55461.052179999999</v>
      </c>
      <c r="G7175">
        <v>37463.858890000003</v>
      </c>
      <c r="H7175">
        <v>38362.742850000002</v>
      </c>
      <c r="I7175">
        <v>26624.661639999998</v>
      </c>
      <c r="J7175">
        <v>33247.045469999997</v>
      </c>
      <c r="K7175">
        <v>48135.485520000002</v>
      </c>
      <c r="L7175">
        <v>29107.15396</v>
      </c>
      <c r="M7175">
        <v>287717.56829999998</v>
      </c>
      <c r="N7175">
        <v>77203.376220000006</v>
      </c>
      <c r="O7175">
        <v>20110.5216</v>
      </c>
      <c r="P7175">
        <v>34083.426639999998</v>
      </c>
      <c r="Q7175">
        <v>77285.787280000004</v>
      </c>
      <c r="R7175">
        <v>19512.115600000001</v>
      </c>
      <c r="S7175">
        <v>79784.686249999999</v>
      </c>
      <c r="T7175">
        <v>29060.90854</v>
      </c>
      <c r="U7175">
        <v>13442.14155</v>
      </c>
      <c r="W7175" s="83">
        <f>Bühler!N7207</f>
        <v>45590.874999982603</v>
      </c>
      <c r="X7175" s="83">
        <v>43399.875</v>
      </c>
      <c r="Y7175">
        <v>219428.65650000001</v>
      </c>
      <c r="Z7175">
        <v>15310.80263</v>
      </c>
      <c r="AA7175">
        <v>55461.052179999999</v>
      </c>
      <c r="AB7175">
        <v>37463.858890000003</v>
      </c>
      <c r="AC7175">
        <v>38362.742850000002</v>
      </c>
      <c r="AD7175">
        <v>26624.661639999998</v>
      </c>
      <c r="AE7175">
        <v>33247.045469999997</v>
      </c>
      <c r="AF7175">
        <v>48135.485520000002</v>
      </c>
      <c r="AG7175">
        <v>29107.15396</v>
      </c>
      <c r="AH7175">
        <v>287717.56829999998</v>
      </c>
      <c r="AI7175">
        <v>77203.376220000006</v>
      </c>
      <c r="AJ7175">
        <v>20110.5216</v>
      </c>
      <c r="AK7175">
        <v>34083.426639999998</v>
      </c>
      <c r="AL7175">
        <v>77285.787280000004</v>
      </c>
      <c r="AM7175">
        <v>19512.115600000001</v>
      </c>
      <c r="AN7175">
        <v>79784.686249999999</v>
      </c>
      <c r="AO7175">
        <v>29060.90854</v>
      </c>
      <c r="AP7175">
        <v>13442.14155</v>
      </c>
    </row>
    <row r="7176" spans="2:42" x14ac:dyDescent="0.3">
      <c r="B7176">
        <v>55.689307912758366</v>
      </c>
      <c r="C7176" s="83">
        <v>43399.916666666664</v>
      </c>
      <c r="D7176">
        <v>217703.85329999999</v>
      </c>
      <c r="E7176">
        <v>14601.950849999999</v>
      </c>
      <c r="F7176">
        <v>52284.946150000003</v>
      </c>
      <c r="G7176">
        <v>36634.589469999999</v>
      </c>
      <c r="H7176">
        <v>36996.606249999997</v>
      </c>
      <c r="I7176">
        <v>24827.777340000001</v>
      </c>
      <c r="J7176">
        <v>32113.670050000001</v>
      </c>
      <c r="K7176">
        <v>51697.980309999999</v>
      </c>
      <c r="L7176">
        <v>25394.83668</v>
      </c>
      <c r="M7176">
        <v>283930.06199999998</v>
      </c>
      <c r="N7176">
        <v>75690.176130000007</v>
      </c>
      <c r="O7176">
        <v>20281.520329999999</v>
      </c>
      <c r="P7176">
        <v>35136.421069999997</v>
      </c>
      <c r="Q7176">
        <v>75678.289900000003</v>
      </c>
      <c r="R7176">
        <v>22456.174739999999</v>
      </c>
      <c r="S7176">
        <v>78535.935119999995</v>
      </c>
      <c r="T7176">
        <v>25957.393700000001</v>
      </c>
      <c r="U7176">
        <v>13719.851000000001</v>
      </c>
      <c r="W7176" s="83">
        <f>Bühler!N7208</f>
        <v>45590.916666649267</v>
      </c>
      <c r="X7176" s="83">
        <v>43399.916666666664</v>
      </c>
      <c r="Y7176">
        <v>217703.85329999999</v>
      </c>
      <c r="Z7176">
        <v>14601.950849999999</v>
      </c>
      <c r="AA7176">
        <v>52284.946150000003</v>
      </c>
      <c r="AB7176">
        <v>36634.589469999999</v>
      </c>
      <c r="AC7176">
        <v>36996.606249999997</v>
      </c>
      <c r="AD7176">
        <v>24827.777340000001</v>
      </c>
      <c r="AE7176">
        <v>32113.670050000001</v>
      </c>
      <c r="AF7176">
        <v>51697.980309999999</v>
      </c>
      <c r="AG7176">
        <v>25394.83668</v>
      </c>
      <c r="AH7176">
        <v>283930.06199999998</v>
      </c>
      <c r="AI7176">
        <v>75690.176130000007</v>
      </c>
      <c r="AJ7176">
        <v>20281.520329999999</v>
      </c>
      <c r="AK7176">
        <v>35136.421069999997</v>
      </c>
      <c r="AL7176">
        <v>75678.289900000003</v>
      </c>
      <c r="AM7176">
        <v>22456.174739999999</v>
      </c>
      <c r="AN7176">
        <v>78535.935119999995</v>
      </c>
      <c r="AO7176">
        <v>25957.393700000001</v>
      </c>
      <c r="AP7176">
        <v>13719.851000000001</v>
      </c>
    </row>
    <row r="7177" spans="2:42" x14ac:dyDescent="0.3">
      <c r="B7177">
        <v>54.730584431585967</v>
      </c>
      <c r="C7177" s="83">
        <v>43399.958333333336</v>
      </c>
      <c r="D7177">
        <v>215377.07519999999</v>
      </c>
      <c r="E7177">
        <v>14123.509620000001</v>
      </c>
      <c r="F7177">
        <v>50704.991730000002</v>
      </c>
      <c r="G7177">
        <v>36624.321620000002</v>
      </c>
      <c r="H7177">
        <v>36061.366979999999</v>
      </c>
      <c r="I7177">
        <v>23540.22609</v>
      </c>
      <c r="J7177">
        <v>29779.84275</v>
      </c>
      <c r="K7177">
        <v>50432.748079999998</v>
      </c>
      <c r="L7177">
        <v>21774.231370000001</v>
      </c>
      <c r="M7177">
        <v>279042.04259999999</v>
      </c>
      <c r="N7177">
        <v>75736.554629999999</v>
      </c>
      <c r="O7177">
        <v>20094.235929999999</v>
      </c>
      <c r="P7177">
        <v>31712.244610000002</v>
      </c>
      <c r="Q7177">
        <v>74897.205860000002</v>
      </c>
      <c r="R7177">
        <v>21440.794669999999</v>
      </c>
      <c r="S7177">
        <v>76918.840899999996</v>
      </c>
      <c r="T7177">
        <v>26894.811129999998</v>
      </c>
      <c r="U7177">
        <v>12875.303879999999</v>
      </c>
      <c r="W7177" s="83">
        <f>Bühler!N7209</f>
        <v>45590.958333315932</v>
      </c>
      <c r="X7177" s="83">
        <v>43399.958333333336</v>
      </c>
      <c r="Y7177">
        <v>215377.07519999999</v>
      </c>
      <c r="Z7177">
        <v>14123.509620000001</v>
      </c>
      <c r="AA7177">
        <v>50704.991730000002</v>
      </c>
      <c r="AB7177">
        <v>36624.321620000002</v>
      </c>
      <c r="AC7177">
        <v>36061.366979999999</v>
      </c>
      <c r="AD7177">
        <v>23540.22609</v>
      </c>
      <c r="AE7177">
        <v>29779.84275</v>
      </c>
      <c r="AF7177">
        <v>50432.748079999998</v>
      </c>
      <c r="AG7177">
        <v>21774.231370000001</v>
      </c>
      <c r="AH7177">
        <v>279042.04259999999</v>
      </c>
      <c r="AI7177">
        <v>75736.554629999999</v>
      </c>
      <c r="AJ7177">
        <v>20094.235929999999</v>
      </c>
      <c r="AK7177">
        <v>31712.244610000002</v>
      </c>
      <c r="AL7177">
        <v>74897.205860000002</v>
      </c>
      <c r="AM7177">
        <v>21440.794669999999</v>
      </c>
      <c r="AN7177">
        <v>76918.840899999996</v>
      </c>
      <c r="AO7177">
        <v>26894.811129999998</v>
      </c>
      <c r="AP7177">
        <v>12875.303879999999</v>
      </c>
    </row>
    <row r="7178" spans="2:42" x14ac:dyDescent="0.3">
      <c r="B7178">
        <v>53.680546039463024</v>
      </c>
      <c r="C7178" s="83">
        <v>43400</v>
      </c>
      <c r="D7178">
        <v>210469.9</v>
      </c>
      <c r="E7178">
        <v>13683.464239999999</v>
      </c>
      <c r="F7178">
        <v>50144.004970000002</v>
      </c>
      <c r="G7178">
        <v>36324.423669999996</v>
      </c>
      <c r="H7178">
        <v>35413.489430000001</v>
      </c>
      <c r="I7178">
        <v>22159.676019999999</v>
      </c>
      <c r="J7178">
        <v>27912.79048</v>
      </c>
      <c r="K7178">
        <v>49891.83857</v>
      </c>
      <c r="L7178">
        <v>18673.03413</v>
      </c>
      <c r="M7178">
        <v>273688.4572</v>
      </c>
      <c r="N7178">
        <v>73416.095960000006</v>
      </c>
      <c r="O7178">
        <v>19828.344290000001</v>
      </c>
      <c r="P7178">
        <v>28651.876939999998</v>
      </c>
      <c r="Q7178">
        <v>73194.50129</v>
      </c>
      <c r="R7178">
        <v>19808.43403</v>
      </c>
      <c r="S7178">
        <v>76073.939039999997</v>
      </c>
      <c r="T7178">
        <v>25279.889360000001</v>
      </c>
      <c r="U7178">
        <v>12444.544320000001</v>
      </c>
      <c r="W7178" s="83">
        <f>Bühler!N7210</f>
        <v>45590.999999982596</v>
      </c>
      <c r="X7178" s="83">
        <v>43400</v>
      </c>
      <c r="Y7178">
        <v>210469.9</v>
      </c>
      <c r="Z7178">
        <v>13683.464239999999</v>
      </c>
      <c r="AA7178">
        <v>50144.004970000002</v>
      </c>
      <c r="AB7178">
        <v>36324.423669999996</v>
      </c>
      <c r="AC7178">
        <v>35413.489430000001</v>
      </c>
      <c r="AD7178">
        <v>22159.676019999999</v>
      </c>
      <c r="AE7178">
        <v>27912.79048</v>
      </c>
      <c r="AF7178">
        <v>49891.83857</v>
      </c>
      <c r="AG7178">
        <v>18673.03413</v>
      </c>
      <c r="AH7178">
        <v>273688.4572</v>
      </c>
      <c r="AI7178">
        <v>73416.095960000006</v>
      </c>
      <c r="AJ7178">
        <v>19828.344290000001</v>
      </c>
      <c r="AK7178">
        <v>28651.876939999998</v>
      </c>
      <c r="AL7178">
        <v>73194.50129</v>
      </c>
      <c r="AM7178">
        <v>19808.43403</v>
      </c>
      <c r="AN7178">
        <v>76073.939039999997</v>
      </c>
      <c r="AO7178">
        <v>25279.889360000001</v>
      </c>
      <c r="AP7178">
        <v>12444.544320000001</v>
      </c>
    </row>
    <row r="7179" spans="2:42" x14ac:dyDescent="0.3">
      <c r="B7179">
        <v>51.800858981192846</v>
      </c>
      <c r="C7179" s="83">
        <v>43400.041666666664</v>
      </c>
      <c r="D7179">
        <v>208068.31789999999</v>
      </c>
      <c r="E7179">
        <v>13549.30006</v>
      </c>
      <c r="F7179">
        <v>50325.850169999998</v>
      </c>
      <c r="G7179">
        <v>35827.593630000003</v>
      </c>
      <c r="H7179">
        <v>34980.12919</v>
      </c>
      <c r="I7179">
        <v>18908.341400000001</v>
      </c>
      <c r="J7179">
        <v>27344.446</v>
      </c>
      <c r="K7179">
        <v>48202.67697</v>
      </c>
      <c r="L7179">
        <v>17235.501380000002</v>
      </c>
      <c r="M7179">
        <v>264104.93599999999</v>
      </c>
      <c r="N7179">
        <v>72615.266170000003</v>
      </c>
      <c r="O7179">
        <v>19421.686180000001</v>
      </c>
      <c r="P7179">
        <v>27208.93633</v>
      </c>
      <c r="Q7179">
        <v>73465.994420000003</v>
      </c>
      <c r="R7179">
        <v>19083.200379999998</v>
      </c>
      <c r="S7179">
        <v>75098.540550000005</v>
      </c>
      <c r="T7179">
        <v>24718.399890000001</v>
      </c>
      <c r="U7179">
        <v>12413.351780000001</v>
      </c>
      <c r="W7179" s="83">
        <f>Bühler!N7211</f>
        <v>45591.04166664926</v>
      </c>
      <c r="X7179" s="83">
        <v>43400.041666666664</v>
      </c>
      <c r="Y7179">
        <v>208068.31789999999</v>
      </c>
      <c r="Z7179">
        <v>13549.30006</v>
      </c>
      <c r="AA7179">
        <v>50325.850169999998</v>
      </c>
      <c r="AB7179">
        <v>35827.593630000003</v>
      </c>
      <c r="AC7179">
        <v>34980.12919</v>
      </c>
      <c r="AD7179">
        <v>18908.341400000001</v>
      </c>
      <c r="AE7179">
        <v>27344.446</v>
      </c>
      <c r="AF7179">
        <v>48202.67697</v>
      </c>
      <c r="AG7179">
        <v>17235.501380000002</v>
      </c>
      <c r="AH7179">
        <v>264104.93599999999</v>
      </c>
      <c r="AI7179">
        <v>72615.266170000003</v>
      </c>
      <c r="AJ7179">
        <v>19421.686180000001</v>
      </c>
      <c r="AK7179">
        <v>27208.93633</v>
      </c>
      <c r="AL7179">
        <v>73465.994420000003</v>
      </c>
      <c r="AM7179">
        <v>19083.200379999998</v>
      </c>
      <c r="AN7179">
        <v>75098.540550000005</v>
      </c>
      <c r="AO7179">
        <v>24718.399890000001</v>
      </c>
      <c r="AP7179">
        <v>12413.351780000001</v>
      </c>
    </row>
    <row r="7180" spans="2:42" x14ac:dyDescent="0.3">
      <c r="B7180">
        <v>51.86002665628714</v>
      </c>
      <c r="C7180" s="83">
        <v>43400.083333333336</v>
      </c>
      <c r="D7180">
        <v>203261.43059999999</v>
      </c>
      <c r="E7180">
        <v>13420.58433</v>
      </c>
      <c r="F7180">
        <v>50432.148240000002</v>
      </c>
      <c r="G7180">
        <v>35594.345430000001</v>
      </c>
      <c r="H7180">
        <v>34836.637600000002</v>
      </c>
      <c r="I7180">
        <v>17048.237529999999</v>
      </c>
      <c r="J7180">
        <v>27199.436890000001</v>
      </c>
      <c r="K7180">
        <v>46744.015939999997</v>
      </c>
      <c r="L7180">
        <v>16829.755410000002</v>
      </c>
      <c r="M7180">
        <v>264406.6004</v>
      </c>
      <c r="N7180">
        <v>70792.023350000003</v>
      </c>
      <c r="O7180">
        <v>19147.584709999999</v>
      </c>
      <c r="P7180">
        <v>26560.806079999998</v>
      </c>
      <c r="Q7180">
        <v>73366.490529999995</v>
      </c>
      <c r="R7180">
        <v>17836.237229999999</v>
      </c>
      <c r="S7180">
        <v>73322.500539999994</v>
      </c>
      <c r="T7180">
        <v>24262.001560000001</v>
      </c>
      <c r="U7180">
        <v>12593.423629999999</v>
      </c>
      <c r="W7180" s="83">
        <f>Bühler!N7212</f>
        <v>45591.083333315924</v>
      </c>
      <c r="X7180" s="83">
        <v>43400.083333333336</v>
      </c>
      <c r="Y7180">
        <v>203261.43059999999</v>
      </c>
      <c r="Z7180">
        <v>13420.58433</v>
      </c>
      <c r="AA7180">
        <v>50432.148240000002</v>
      </c>
      <c r="AB7180">
        <v>35594.345430000001</v>
      </c>
      <c r="AC7180">
        <v>34836.637600000002</v>
      </c>
      <c r="AD7180">
        <v>17048.237529999999</v>
      </c>
      <c r="AE7180">
        <v>27199.436890000001</v>
      </c>
      <c r="AF7180">
        <v>46744.015939999997</v>
      </c>
      <c r="AG7180">
        <v>16829.755410000002</v>
      </c>
      <c r="AH7180">
        <v>264406.6004</v>
      </c>
      <c r="AI7180">
        <v>70792.023350000003</v>
      </c>
      <c r="AJ7180">
        <v>19147.584709999999</v>
      </c>
      <c r="AK7180">
        <v>26560.806079999998</v>
      </c>
      <c r="AL7180">
        <v>73366.490529999995</v>
      </c>
      <c r="AM7180">
        <v>17836.237229999999</v>
      </c>
      <c r="AN7180">
        <v>73322.500539999994</v>
      </c>
      <c r="AO7180">
        <v>24262.001560000001</v>
      </c>
      <c r="AP7180">
        <v>12593.423629999999</v>
      </c>
    </row>
    <row r="7181" spans="2:42" x14ac:dyDescent="0.3">
      <c r="B7181">
        <v>51.570333677862287</v>
      </c>
      <c r="C7181" s="83">
        <v>43400.125</v>
      </c>
      <c r="D7181">
        <v>198172.60740000001</v>
      </c>
      <c r="E7181">
        <v>13460.83692</v>
      </c>
      <c r="F7181">
        <v>51508.475480000001</v>
      </c>
      <c r="G7181">
        <v>34602.204290000001</v>
      </c>
      <c r="H7181">
        <v>34613.484400000001</v>
      </c>
      <c r="I7181">
        <v>16578.185229999999</v>
      </c>
      <c r="J7181">
        <v>27216.234550000001</v>
      </c>
      <c r="K7181">
        <v>45087.130239999999</v>
      </c>
      <c r="L7181">
        <v>16594.231739999999</v>
      </c>
      <c r="M7181">
        <v>262929.61050000001</v>
      </c>
      <c r="N7181">
        <v>70129.093959999998</v>
      </c>
      <c r="O7181">
        <v>19110.65524</v>
      </c>
      <c r="P7181">
        <v>25929.395830000001</v>
      </c>
      <c r="Q7181">
        <v>72858.180269999997</v>
      </c>
      <c r="R7181">
        <v>17846.55775</v>
      </c>
      <c r="S7181">
        <v>73147.098509999996</v>
      </c>
      <c r="T7181">
        <v>24059.837780000002</v>
      </c>
      <c r="U7181">
        <v>12698.611849999999</v>
      </c>
      <c r="W7181" s="83">
        <f>Bühler!N7213</f>
        <v>45591.124999982589</v>
      </c>
      <c r="X7181" s="83">
        <v>43400.125</v>
      </c>
      <c r="Y7181">
        <v>198172.60740000001</v>
      </c>
      <c r="Z7181">
        <v>13460.83692</v>
      </c>
      <c r="AA7181">
        <v>51508.475480000001</v>
      </c>
      <c r="AB7181">
        <v>34602.204290000001</v>
      </c>
      <c r="AC7181">
        <v>34613.484400000001</v>
      </c>
      <c r="AD7181">
        <v>16578.185229999999</v>
      </c>
      <c r="AE7181">
        <v>27216.234550000001</v>
      </c>
      <c r="AF7181">
        <v>45087.130239999999</v>
      </c>
      <c r="AG7181">
        <v>16594.231739999999</v>
      </c>
      <c r="AH7181">
        <v>262929.61050000001</v>
      </c>
      <c r="AI7181">
        <v>70129.093959999998</v>
      </c>
      <c r="AJ7181">
        <v>19110.65524</v>
      </c>
      <c r="AK7181">
        <v>25929.395830000001</v>
      </c>
      <c r="AL7181">
        <v>72858.180269999997</v>
      </c>
      <c r="AM7181">
        <v>17846.55775</v>
      </c>
      <c r="AN7181">
        <v>73147.098509999996</v>
      </c>
      <c r="AO7181">
        <v>24059.837780000002</v>
      </c>
      <c r="AP7181">
        <v>12698.611849999999</v>
      </c>
    </row>
    <row r="7182" spans="2:42" x14ac:dyDescent="0.3">
      <c r="B7182">
        <v>49.852093130129298</v>
      </c>
      <c r="C7182" s="83">
        <v>43400.166666666664</v>
      </c>
      <c r="D7182">
        <v>191702.8861</v>
      </c>
      <c r="E7182">
        <v>13517.2183</v>
      </c>
      <c r="F7182">
        <v>55962.478519999997</v>
      </c>
      <c r="G7182">
        <v>34047.660219999998</v>
      </c>
      <c r="H7182">
        <v>34825.370669999997</v>
      </c>
      <c r="I7182">
        <v>18147.361560000001</v>
      </c>
      <c r="J7182">
        <v>28590.211380000001</v>
      </c>
      <c r="K7182">
        <v>42681.128140000001</v>
      </c>
      <c r="L7182">
        <v>16610.429039999999</v>
      </c>
      <c r="M7182">
        <v>254169.21890000001</v>
      </c>
      <c r="N7182">
        <v>68937.724359999993</v>
      </c>
      <c r="O7182">
        <v>19484.06611</v>
      </c>
      <c r="P7182">
        <v>24222.33497</v>
      </c>
      <c r="Q7182">
        <v>72311.897270000001</v>
      </c>
      <c r="R7182">
        <v>18199.771690000001</v>
      </c>
      <c r="S7182">
        <v>73360.972769999993</v>
      </c>
      <c r="T7182">
        <v>24009.509590000001</v>
      </c>
      <c r="U7182">
        <v>13222.11549</v>
      </c>
      <c r="W7182" s="83">
        <f>Bühler!N7214</f>
        <v>45591.166666649253</v>
      </c>
      <c r="X7182" s="83">
        <v>43400.166666666664</v>
      </c>
      <c r="Y7182">
        <v>191702.8861</v>
      </c>
      <c r="Z7182">
        <v>13517.2183</v>
      </c>
      <c r="AA7182">
        <v>55962.478519999997</v>
      </c>
      <c r="AB7182">
        <v>34047.660219999998</v>
      </c>
      <c r="AC7182">
        <v>34825.370669999997</v>
      </c>
      <c r="AD7182">
        <v>18147.361560000001</v>
      </c>
      <c r="AE7182">
        <v>28590.211380000001</v>
      </c>
      <c r="AF7182">
        <v>42681.128140000001</v>
      </c>
      <c r="AG7182">
        <v>16610.429039999999</v>
      </c>
      <c r="AH7182">
        <v>254169.21890000001</v>
      </c>
      <c r="AI7182">
        <v>68937.724359999993</v>
      </c>
      <c r="AJ7182">
        <v>19484.06611</v>
      </c>
      <c r="AK7182">
        <v>24222.33497</v>
      </c>
      <c r="AL7182">
        <v>72311.897270000001</v>
      </c>
      <c r="AM7182">
        <v>18199.771690000001</v>
      </c>
      <c r="AN7182">
        <v>73360.972769999993</v>
      </c>
      <c r="AO7182">
        <v>24009.509590000001</v>
      </c>
      <c r="AP7182">
        <v>13222.11549</v>
      </c>
    </row>
    <row r="7183" spans="2:42" x14ac:dyDescent="0.3">
      <c r="B7183">
        <v>49.144672474957027</v>
      </c>
      <c r="C7183" s="83">
        <v>43400.208333333336</v>
      </c>
      <c r="D7183">
        <v>186480.85920000001</v>
      </c>
      <c r="E7183">
        <v>14225.863069999999</v>
      </c>
      <c r="F7183">
        <v>64602.907500000001</v>
      </c>
      <c r="G7183">
        <v>34476.673510000001</v>
      </c>
      <c r="H7183">
        <v>35842.9827</v>
      </c>
      <c r="I7183">
        <v>24638.59765</v>
      </c>
      <c r="J7183">
        <v>30947.303319999999</v>
      </c>
      <c r="K7183">
        <v>42423.171479999997</v>
      </c>
      <c r="L7183">
        <v>16881.772929999999</v>
      </c>
      <c r="M7183">
        <v>250562.45850000001</v>
      </c>
      <c r="N7183">
        <v>67394.396089999995</v>
      </c>
      <c r="O7183">
        <v>19579.558300000001</v>
      </c>
      <c r="P7183">
        <v>25304.236270000001</v>
      </c>
      <c r="Q7183">
        <v>71404.63162</v>
      </c>
      <c r="R7183">
        <v>18879.201229999999</v>
      </c>
      <c r="S7183">
        <v>75503.422829999996</v>
      </c>
      <c r="T7183">
        <v>25063.398020000001</v>
      </c>
      <c r="U7183">
        <v>14028.445449999999</v>
      </c>
      <c r="W7183" s="83">
        <f>Bühler!N7215</f>
        <v>45591.208333315917</v>
      </c>
      <c r="X7183" s="83">
        <v>43400.208333333336</v>
      </c>
      <c r="Y7183">
        <v>186480.85920000001</v>
      </c>
      <c r="Z7183">
        <v>14225.863069999999</v>
      </c>
      <c r="AA7183">
        <v>64602.907500000001</v>
      </c>
      <c r="AB7183">
        <v>34476.673510000001</v>
      </c>
      <c r="AC7183">
        <v>35842.9827</v>
      </c>
      <c r="AD7183">
        <v>24638.59765</v>
      </c>
      <c r="AE7183">
        <v>30947.303319999999</v>
      </c>
      <c r="AF7183">
        <v>42423.171479999997</v>
      </c>
      <c r="AG7183">
        <v>16881.772929999999</v>
      </c>
      <c r="AH7183">
        <v>250562.45850000001</v>
      </c>
      <c r="AI7183">
        <v>67394.396089999995</v>
      </c>
      <c r="AJ7183">
        <v>19579.558300000001</v>
      </c>
      <c r="AK7183">
        <v>25304.236270000001</v>
      </c>
      <c r="AL7183">
        <v>71404.63162</v>
      </c>
      <c r="AM7183">
        <v>18879.201229999999</v>
      </c>
      <c r="AN7183">
        <v>75503.422829999996</v>
      </c>
      <c r="AO7183">
        <v>25063.398020000001</v>
      </c>
      <c r="AP7183">
        <v>14028.445449999999</v>
      </c>
    </row>
    <row r="7184" spans="2:42" x14ac:dyDescent="0.3">
      <c r="B7184">
        <v>49.785036278701917</v>
      </c>
      <c r="C7184" s="83">
        <v>43400.25</v>
      </c>
      <c r="D7184">
        <v>187956.73199999999</v>
      </c>
      <c r="E7184">
        <v>15994.144340000001</v>
      </c>
      <c r="F7184">
        <v>77033.313160000005</v>
      </c>
      <c r="G7184">
        <v>35506.433700000001</v>
      </c>
      <c r="H7184">
        <v>36625.372190000002</v>
      </c>
      <c r="I7184">
        <v>27594.195220000001</v>
      </c>
      <c r="J7184">
        <v>33617.11967</v>
      </c>
      <c r="K7184">
        <v>41595.429600000003</v>
      </c>
      <c r="L7184">
        <v>17971.996889999999</v>
      </c>
      <c r="M7184">
        <v>253827.33180000001</v>
      </c>
      <c r="N7184">
        <v>65936.199380000005</v>
      </c>
      <c r="O7184">
        <v>19788.017049999999</v>
      </c>
      <c r="P7184">
        <v>26531.356970000001</v>
      </c>
      <c r="Q7184">
        <v>70217.860910000003</v>
      </c>
      <c r="R7184">
        <v>17254.281360000001</v>
      </c>
      <c r="S7184">
        <v>80845.155450000006</v>
      </c>
      <c r="T7184">
        <v>26609.92958</v>
      </c>
      <c r="U7184">
        <v>13821.97862</v>
      </c>
      <c r="W7184" s="83">
        <f>Bühler!N7216</f>
        <v>45591.249999982581</v>
      </c>
      <c r="X7184" s="83">
        <v>43400.25</v>
      </c>
      <c r="Y7184">
        <v>187956.73199999999</v>
      </c>
      <c r="Z7184">
        <v>15994.144340000001</v>
      </c>
      <c r="AA7184">
        <v>77033.313160000005</v>
      </c>
      <c r="AB7184">
        <v>35506.433700000001</v>
      </c>
      <c r="AC7184">
        <v>36625.372190000002</v>
      </c>
      <c r="AD7184">
        <v>27594.195220000001</v>
      </c>
      <c r="AE7184">
        <v>33617.11967</v>
      </c>
      <c r="AF7184">
        <v>41595.429600000003</v>
      </c>
      <c r="AG7184">
        <v>17971.996889999999</v>
      </c>
      <c r="AH7184">
        <v>253827.33180000001</v>
      </c>
      <c r="AI7184">
        <v>65936.199380000005</v>
      </c>
      <c r="AJ7184">
        <v>19788.017049999999</v>
      </c>
      <c r="AK7184">
        <v>26531.356970000001</v>
      </c>
      <c r="AL7184">
        <v>70217.860910000003</v>
      </c>
      <c r="AM7184">
        <v>17254.281360000001</v>
      </c>
      <c r="AN7184">
        <v>80845.155450000006</v>
      </c>
      <c r="AO7184">
        <v>26609.92958</v>
      </c>
      <c r="AP7184">
        <v>13821.97862</v>
      </c>
    </row>
    <row r="7185" spans="2:42" x14ac:dyDescent="0.3">
      <c r="B7185">
        <v>50.080784587873183</v>
      </c>
      <c r="C7185" s="83">
        <v>43400.291666666664</v>
      </c>
      <c r="D7185">
        <v>187972.97140000001</v>
      </c>
      <c r="E7185">
        <v>18732.755109999998</v>
      </c>
      <c r="F7185">
        <v>80409.07634</v>
      </c>
      <c r="G7185">
        <v>36750.188739999998</v>
      </c>
      <c r="H7185">
        <v>37538.163489999999</v>
      </c>
      <c r="I7185">
        <v>29920.78817</v>
      </c>
      <c r="J7185">
        <v>35319.03559</v>
      </c>
      <c r="K7185">
        <v>41340.201079999999</v>
      </c>
      <c r="L7185">
        <v>20523.09086</v>
      </c>
      <c r="M7185">
        <v>255335.19459999999</v>
      </c>
      <c r="N7185">
        <v>66303.556270000001</v>
      </c>
      <c r="O7185">
        <v>20020.059399999998</v>
      </c>
      <c r="P7185">
        <v>28686.638719999999</v>
      </c>
      <c r="Q7185">
        <v>68164.461339999994</v>
      </c>
      <c r="R7185">
        <v>18293.724180000001</v>
      </c>
      <c r="S7185">
        <v>89216.286540000001</v>
      </c>
      <c r="T7185">
        <v>25300.72724</v>
      </c>
      <c r="U7185">
        <v>14451.86672</v>
      </c>
      <c r="W7185" s="83">
        <f>Bühler!N7217</f>
        <v>45591.291666649246</v>
      </c>
      <c r="X7185" s="83">
        <v>43400.291666666664</v>
      </c>
      <c r="Y7185">
        <v>187972.97140000001</v>
      </c>
      <c r="Z7185">
        <v>18732.755109999998</v>
      </c>
      <c r="AA7185">
        <v>80409.07634</v>
      </c>
      <c r="AB7185">
        <v>36750.188739999998</v>
      </c>
      <c r="AC7185">
        <v>37538.163489999999</v>
      </c>
      <c r="AD7185">
        <v>29920.78817</v>
      </c>
      <c r="AE7185">
        <v>35319.03559</v>
      </c>
      <c r="AF7185">
        <v>41340.201079999999</v>
      </c>
      <c r="AG7185">
        <v>20523.09086</v>
      </c>
      <c r="AH7185">
        <v>255335.19459999999</v>
      </c>
      <c r="AI7185">
        <v>66303.556270000001</v>
      </c>
      <c r="AJ7185">
        <v>20020.059399999998</v>
      </c>
      <c r="AK7185">
        <v>28686.638719999999</v>
      </c>
      <c r="AL7185">
        <v>68164.461339999994</v>
      </c>
      <c r="AM7185">
        <v>18293.724180000001</v>
      </c>
      <c r="AN7185">
        <v>89216.286540000001</v>
      </c>
      <c r="AO7185">
        <v>25300.72724</v>
      </c>
      <c r="AP7185">
        <v>14451.86672</v>
      </c>
    </row>
    <row r="7186" spans="2:42" x14ac:dyDescent="0.3">
      <c r="B7186">
        <v>49.103160697531266</v>
      </c>
      <c r="C7186" s="83">
        <v>43400.333333333336</v>
      </c>
      <c r="D7186">
        <v>187087.08319999999</v>
      </c>
      <c r="E7186">
        <v>21965.23502</v>
      </c>
      <c r="F7186">
        <v>85459.670929999993</v>
      </c>
      <c r="G7186">
        <v>37029.195789999998</v>
      </c>
      <c r="H7186">
        <v>37177.961459999999</v>
      </c>
      <c r="I7186">
        <v>30725.603810000001</v>
      </c>
      <c r="J7186">
        <v>34898.97582</v>
      </c>
      <c r="K7186">
        <v>41889.072039999999</v>
      </c>
      <c r="L7186">
        <v>22310.455669999999</v>
      </c>
      <c r="M7186">
        <v>250350.81210000001</v>
      </c>
      <c r="N7186">
        <v>66913.679959999994</v>
      </c>
      <c r="O7186">
        <v>20274.445940000001</v>
      </c>
      <c r="P7186">
        <v>30807.589830000001</v>
      </c>
      <c r="Q7186">
        <v>66956.774990000005</v>
      </c>
      <c r="R7186">
        <v>16939.513630000001</v>
      </c>
      <c r="S7186">
        <v>93033.924469999998</v>
      </c>
      <c r="T7186">
        <v>27255.403579999998</v>
      </c>
      <c r="U7186">
        <v>14398.84094</v>
      </c>
      <c r="W7186" s="83">
        <f>Bühler!N7218</f>
        <v>45591.33333331591</v>
      </c>
      <c r="X7186" s="83">
        <v>43400.333333333336</v>
      </c>
      <c r="Y7186">
        <v>187087.08319999999</v>
      </c>
      <c r="Z7186">
        <v>21965.23502</v>
      </c>
      <c r="AA7186">
        <v>85459.670929999993</v>
      </c>
      <c r="AB7186">
        <v>37029.195789999998</v>
      </c>
      <c r="AC7186">
        <v>37177.961459999999</v>
      </c>
      <c r="AD7186">
        <v>30725.603810000001</v>
      </c>
      <c r="AE7186">
        <v>34898.97582</v>
      </c>
      <c r="AF7186">
        <v>41889.072039999999</v>
      </c>
      <c r="AG7186">
        <v>22310.455669999999</v>
      </c>
      <c r="AH7186">
        <v>250350.81210000001</v>
      </c>
      <c r="AI7186">
        <v>66913.679959999994</v>
      </c>
      <c r="AJ7186">
        <v>20274.445940000001</v>
      </c>
      <c r="AK7186">
        <v>30807.589830000001</v>
      </c>
      <c r="AL7186">
        <v>66956.774990000005</v>
      </c>
      <c r="AM7186">
        <v>16939.513630000001</v>
      </c>
      <c r="AN7186">
        <v>93033.924469999998</v>
      </c>
      <c r="AO7186">
        <v>27255.403579999998</v>
      </c>
      <c r="AP7186">
        <v>14398.84094</v>
      </c>
    </row>
    <row r="7187" spans="2:42" x14ac:dyDescent="0.3">
      <c r="B7187">
        <v>48.673783360667187</v>
      </c>
      <c r="C7187" s="83">
        <v>43400.375</v>
      </c>
      <c r="D7187">
        <v>183711.70329999999</v>
      </c>
      <c r="E7187">
        <v>25286.282930000001</v>
      </c>
      <c r="F7187">
        <v>89913.067590000006</v>
      </c>
      <c r="G7187">
        <v>37134.16057</v>
      </c>
      <c r="H7187">
        <v>36856.315580000002</v>
      </c>
      <c r="I7187">
        <v>30206.684089999999</v>
      </c>
      <c r="J7187">
        <v>33798.450429999997</v>
      </c>
      <c r="K7187">
        <v>42782.11507</v>
      </c>
      <c r="L7187">
        <v>25880.020659999998</v>
      </c>
      <c r="M7187">
        <v>248161.64619999999</v>
      </c>
      <c r="N7187">
        <v>65975.642309999996</v>
      </c>
      <c r="O7187">
        <v>19626.241050000001</v>
      </c>
      <c r="P7187">
        <v>33728.121630000001</v>
      </c>
      <c r="Q7187">
        <v>66032.740220000007</v>
      </c>
      <c r="R7187">
        <v>17716.618109999999</v>
      </c>
      <c r="S7187">
        <v>93479.745370000004</v>
      </c>
      <c r="T7187">
        <v>28572.347320000001</v>
      </c>
      <c r="U7187">
        <v>14029.146059999999</v>
      </c>
      <c r="W7187" s="83">
        <f>Bühler!N7219</f>
        <v>45591.374999982574</v>
      </c>
      <c r="X7187" s="83">
        <v>43400.375</v>
      </c>
      <c r="Y7187">
        <v>183711.70329999999</v>
      </c>
      <c r="Z7187">
        <v>25286.282930000001</v>
      </c>
      <c r="AA7187">
        <v>89913.067590000006</v>
      </c>
      <c r="AB7187">
        <v>37134.16057</v>
      </c>
      <c r="AC7187">
        <v>36856.315580000002</v>
      </c>
      <c r="AD7187">
        <v>30206.684089999999</v>
      </c>
      <c r="AE7187">
        <v>33798.450429999997</v>
      </c>
      <c r="AF7187">
        <v>42782.11507</v>
      </c>
      <c r="AG7187">
        <v>25880.020659999998</v>
      </c>
      <c r="AH7187">
        <v>248161.64619999999</v>
      </c>
      <c r="AI7187">
        <v>65975.642309999996</v>
      </c>
      <c r="AJ7187">
        <v>19626.241050000001</v>
      </c>
      <c r="AK7187">
        <v>33728.121630000001</v>
      </c>
      <c r="AL7187">
        <v>66032.740220000007</v>
      </c>
      <c r="AM7187">
        <v>17716.618109999999</v>
      </c>
      <c r="AN7187">
        <v>93479.745370000004</v>
      </c>
      <c r="AO7187">
        <v>28572.347320000001</v>
      </c>
      <c r="AP7187">
        <v>14029.146059999999</v>
      </c>
    </row>
    <row r="7188" spans="2:42" x14ac:dyDescent="0.3">
      <c r="B7188">
        <v>48.44890859968951</v>
      </c>
      <c r="C7188" s="83">
        <v>43400.416666666664</v>
      </c>
      <c r="D7188">
        <v>182185.2905</v>
      </c>
      <c r="E7188">
        <v>26566.511330000001</v>
      </c>
      <c r="F7188">
        <v>89910.688169999994</v>
      </c>
      <c r="G7188">
        <v>36949.42065</v>
      </c>
      <c r="H7188">
        <v>37437.40855</v>
      </c>
      <c r="I7188">
        <v>29318.794740000001</v>
      </c>
      <c r="J7188">
        <v>32967.068319999998</v>
      </c>
      <c r="K7188">
        <v>44735.563419999999</v>
      </c>
      <c r="L7188">
        <v>28567.281869999999</v>
      </c>
      <c r="M7188">
        <v>247015.1298</v>
      </c>
      <c r="N7188">
        <v>67510.121029999995</v>
      </c>
      <c r="O7188">
        <v>19932.15697</v>
      </c>
      <c r="P7188">
        <v>33358.535060000002</v>
      </c>
      <c r="Q7188">
        <v>65250.771919999999</v>
      </c>
      <c r="R7188">
        <v>17995.987509999999</v>
      </c>
      <c r="S7188">
        <v>92446.301240000001</v>
      </c>
      <c r="T7188">
        <v>30222.60023</v>
      </c>
      <c r="U7188">
        <v>13598.48438</v>
      </c>
      <c r="W7188" s="83">
        <f>Bühler!N7220</f>
        <v>45591.416666649238</v>
      </c>
      <c r="X7188" s="83">
        <v>43400.416666666664</v>
      </c>
      <c r="Y7188">
        <v>182185.2905</v>
      </c>
      <c r="Z7188">
        <v>26566.511330000001</v>
      </c>
      <c r="AA7188">
        <v>89910.688169999994</v>
      </c>
      <c r="AB7188">
        <v>36949.42065</v>
      </c>
      <c r="AC7188">
        <v>37437.40855</v>
      </c>
      <c r="AD7188">
        <v>29318.794740000001</v>
      </c>
      <c r="AE7188">
        <v>32967.068319999998</v>
      </c>
      <c r="AF7188">
        <v>44735.563419999999</v>
      </c>
      <c r="AG7188">
        <v>28567.281869999999</v>
      </c>
      <c r="AH7188">
        <v>247015.1298</v>
      </c>
      <c r="AI7188">
        <v>67510.121029999995</v>
      </c>
      <c r="AJ7188">
        <v>19932.15697</v>
      </c>
      <c r="AK7188">
        <v>33358.535060000002</v>
      </c>
      <c r="AL7188">
        <v>65250.771919999999</v>
      </c>
      <c r="AM7188">
        <v>17995.987509999999</v>
      </c>
      <c r="AN7188">
        <v>92446.301240000001</v>
      </c>
      <c r="AO7188">
        <v>30222.60023</v>
      </c>
      <c r="AP7188">
        <v>13598.48438</v>
      </c>
    </row>
    <row r="7189" spans="2:42" x14ac:dyDescent="0.3">
      <c r="B7189">
        <v>48.25198198830094</v>
      </c>
      <c r="C7189" s="83">
        <v>43400.458333333336</v>
      </c>
      <c r="D7189">
        <v>178957.94260000001</v>
      </c>
      <c r="E7189">
        <v>26430.576410000001</v>
      </c>
      <c r="F7189">
        <v>90004.473580000005</v>
      </c>
      <c r="G7189">
        <v>36701.864399999999</v>
      </c>
      <c r="H7189">
        <v>37430.416259999998</v>
      </c>
      <c r="I7189">
        <v>28431.08438</v>
      </c>
      <c r="J7189">
        <v>32541.687569999998</v>
      </c>
      <c r="K7189">
        <v>45985.18952</v>
      </c>
      <c r="L7189">
        <v>29724.160619999999</v>
      </c>
      <c r="M7189">
        <v>246011.1061</v>
      </c>
      <c r="N7189">
        <v>67840.742729999998</v>
      </c>
      <c r="O7189">
        <v>20193.222900000001</v>
      </c>
      <c r="P7189">
        <v>33128.128660000002</v>
      </c>
      <c r="Q7189">
        <v>63648.740919999997</v>
      </c>
      <c r="R7189">
        <v>18227.104909999998</v>
      </c>
      <c r="S7189">
        <v>93922.545880000005</v>
      </c>
      <c r="T7189">
        <v>29948.156360000001</v>
      </c>
      <c r="U7189">
        <v>12768.48062</v>
      </c>
      <c r="W7189" s="83">
        <f>Bühler!N7221</f>
        <v>45591.458333315903</v>
      </c>
      <c r="X7189" s="83">
        <v>43400.458333333336</v>
      </c>
      <c r="Y7189">
        <v>178957.94260000001</v>
      </c>
      <c r="Z7189">
        <v>26430.576410000001</v>
      </c>
      <c r="AA7189">
        <v>90004.473580000005</v>
      </c>
      <c r="AB7189">
        <v>36701.864399999999</v>
      </c>
      <c r="AC7189">
        <v>37430.416259999998</v>
      </c>
      <c r="AD7189">
        <v>28431.08438</v>
      </c>
      <c r="AE7189">
        <v>32541.687569999998</v>
      </c>
      <c r="AF7189">
        <v>45985.18952</v>
      </c>
      <c r="AG7189">
        <v>29724.160619999999</v>
      </c>
      <c r="AH7189">
        <v>246011.1061</v>
      </c>
      <c r="AI7189">
        <v>67840.742729999998</v>
      </c>
      <c r="AJ7189">
        <v>20193.222900000001</v>
      </c>
      <c r="AK7189">
        <v>33128.128660000002</v>
      </c>
      <c r="AL7189">
        <v>63648.740919999997</v>
      </c>
      <c r="AM7189">
        <v>18227.104909999998</v>
      </c>
      <c r="AN7189">
        <v>93922.545880000005</v>
      </c>
      <c r="AO7189">
        <v>29948.156360000001</v>
      </c>
      <c r="AP7189">
        <v>12768.48062</v>
      </c>
    </row>
    <row r="7190" spans="2:42" x14ac:dyDescent="0.3">
      <c r="B7190">
        <v>47.589475996606112</v>
      </c>
      <c r="C7190" s="83">
        <v>43400.5</v>
      </c>
      <c r="D7190">
        <v>173394.25349999999</v>
      </c>
      <c r="E7190">
        <v>24446.444960000001</v>
      </c>
      <c r="F7190">
        <v>88774.531359999994</v>
      </c>
      <c r="G7190">
        <v>35867.478649999997</v>
      </c>
      <c r="H7190">
        <v>36093.083149999999</v>
      </c>
      <c r="I7190">
        <v>27585.51857</v>
      </c>
      <c r="J7190">
        <v>32706.021929999999</v>
      </c>
      <c r="K7190">
        <v>45214.286529999998</v>
      </c>
      <c r="L7190">
        <v>32216.382850000002</v>
      </c>
      <c r="M7190">
        <v>242633.34160000001</v>
      </c>
      <c r="N7190">
        <v>67503.626539999997</v>
      </c>
      <c r="O7190">
        <v>20010.365450000001</v>
      </c>
      <c r="P7190">
        <v>34006.753720000001</v>
      </c>
      <c r="Q7190">
        <v>61242.473129999998</v>
      </c>
      <c r="R7190">
        <v>18921.596600000001</v>
      </c>
      <c r="S7190">
        <v>88850.045790000004</v>
      </c>
      <c r="T7190">
        <v>29499.445970000001</v>
      </c>
      <c r="U7190">
        <v>11671.340270000001</v>
      </c>
      <c r="W7190" s="83">
        <f>Bühler!N7222</f>
        <v>45591.499999982567</v>
      </c>
      <c r="X7190" s="83">
        <v>43400.5</v>
      </c>
      <c r="Y7190">
        <v>173394.25349999999</v>
      </c>
      <c r="Z7190">
        <v>24446.444960000001</v>
      </c>
      <c r="AA7190">
        <v>88774.531359999994</v>
      </c>
      <c r="AB7190">
        <v>35867.478649999997</v>
      </c>
      <c r="AC7190">
        <v>36093.083149999999</v>
      </c>
      <c r="AD7190">
        <v>27585.51857</v>
      </c>
      <c r="AE7190">
        <v>32706.021929999999</v>
      </c>
      <c r="AF7190">
        <v>45214.286529999998</v>
      </c>
      <c r="AG7190">
        <v>32216.382850000002</v>
      </c>
      <c r="AH7190">
        <v>242633.34160000001</v>
      </c>
      <c r="AI7190">
        <v>67503.626539999997</v>
      </c>
      <c r="AJ7190">
        <v>20010.365450000001</v>
      </c>
      <c r="AK7190">
        <v>34006.753720000001</v>
      </c>
      <c r="AL7190">
        <v>61242.473129999998</v>
      </c>
      <c r="AM7190">
        <v>18921.596600000001</v>
      </c>
      <c r="AN7190">
        <v>88850.045790000004</v>
      </c>
      <c r="AO7190">
        <v>29499.445970000001</v>
      </c>
      <c r="AP7190">
        <v>11671.340270000001</v>
      </c>
    </row>
    <row r="7191" spans="2:42" x14ac:dyDescent="0.3">
      <c r="B7191">
        <v>47.026797318825601</v>
      </c>
      <c r="C7191" s="83">
        <v>43400.541666666664</v>
      </c>
      <c r="D7191">
        <v>170214.26269999999</v>
      </c>
      <c r="E7191">
        <v>23936.261859999999</v>
      </c>
      <c r="F7191">
        <v>88005.460399999996</v>
      </c>
      <c r="G7191">
        <v>35343.63594</v>
      </c>
      <c r="H7191">
        <v>35890.92585</v>
      </c>
      <c r="I7191">
        <v>27529.702420000001</v>
      </c>
      <c r="J7191">
        <v>30848.45594</v>
      </c>
      <c r="K7191">
        <v>45304.268080000002</v>
      </c>
      <c r="L7191">
        <v>32339.257740000001</v>
      </c>
      <c r="M7191">
        <v>239764.54329999999</v>
      </c>
      <c r="N7191">
        <v>67299.659509999998</v>
      </c>
      <c r="O7191">
        <v>19534.705109999999</v>
      </c>
      <c r="P7191">
        <v>32260.067230000001</v>
      </c>
      <c r="Q7191">
        <v>58831.968430000001</v>
      </c>
      <c r="R7191">
        <v>19337.458259999999</v>
      </c>
      <c r="S7191">
        <v>88201.601079999993</v>
      </c>
      <c r="T7191">
        <v>28816.984540000001</v>
      </c>
      <c r="U7191">
        <v>11382.68165</v>
      </c>
      <c r="W7191" s="83">
        <f>Bühler!N7223</f>
        <v>45591.541666649231</v>
      </c>
      <c r="X7191" s="83">
        <v>43400.541666666664</v>
      </c>
      <c r="Y7191">
        <v>170214.26269999999</v>
      </c>
      <c r="Z7191">
        <v>23936.261859999999</v>
      </c>
      <c r="AA7191">
        <v>88005.460399999996</v>
      </c>
      <c r="AB7191">
        <v>35343.63594</v>
      </c>
      <c r="AC7191">
        <v>35890.92585</v>
      </c>
      <c r="AD7191">
        <v>27529.702420000001</v>
      </c>
      <c r="AE7191">
        <v>30848.45594</v>
      </c>
      <c r="AF7191">
        <v>45304.268080000002</v>
      </c>
      <c r="AG7191">
        <v>32339.257740000001</v>
      </c>
      <c r="AH7191">
        <v>239764.54329999999</v>
      </c>
      <c r="AI7191">
        <v>67299.659509999998</v>
      </c>
      <c r="AJ7191">
        <v>19534.705109999999</v>
      </c>
      <c r="AK7191">
        <v>32260.067230000001</v>
      </c>
      <c r="AL7191">
        <v>58831.968430000001</v>
      </c>
      <c r="AM7191">
        <v>19337.458259999999</v>
      </c>
      <c r="AN7191">
        <v>88201.601079999993</v>
      </c>
      <c r="AO7191">
        <v>28816.984540000001</v>
      </c>
      <c r="AP7191">
        <v>11382.68165</v>
      </c>
    </row>
    <row r="7192" spans="2:42" x14ac:dyDescent="0.3">
      <c r="B7192">
        <v>46.71032842567584</v>
      </c>
      <c r="C7192" s="83">
        <v>43400.583333333336</v>
      </c>
      <c r="D7192">
        <v>168852.6073</v>
      </c>
      <c r="E7192">
        <v>24627.057239999998</v>
      </c>
      <c r="F7192">
        <v>88026.998300000007</v>
      </c>
      <c r="G7192">
        <v>34833.1014</v>
      </c>
      <c r="H7192">
        <v>36049.695</v>
      </c>
      <c r="I7192">
        <v>27938.89849</v>
      </c>
      <c r="J7192">
        <v>30618.882010000001</v>
      </c>
      <c r="K7192">
        <v>44516.417690000002</v>
      </c>
      <c r="L7192">
        <v>30031.9447</v>
      </c>
      <c r="M7192">
        <v>238151.0373</v>
      </c>
      <c r="N7192">
        <v>67181.159790000005</v>
      </c>
      <c r="O7192">
        <v>19121.667119999998</v>
      </c>
      <c r="P7192">
        <v>29973.672620000001</v>
      </c>
      <c r="Q7192">
        <v>57712.027710000002</v>
      </c>
      <c r="R7192">
        <v>19023.083070000001</v>
      </c>
      <c r="S7192">
        <v>85295.540059999999</v>
      </c>
      <c r="T7192">
        <v>28985.472949999999</v>
      </c>
      <c r="U7192">
        <v>11268.78002</v>
      </c>
      <c r="W7192" s="83">
        <f>Bühler!N7224</f>
        <v>45591.583333315895</v>
      </c>
      <c r="X7192" s="83">
        <v>43400.583333333336</v>
      </c>
      <c r="Y7192">
        <v>168852.6073</v>
      </c>
      <c r="Z7192">
        <v>24627.057239999998</v>
      </c>
      <c r="AA7192">
        <v>88026.998300000007</v>
      </c>
      <c r="AB7192">
        <v>34833.1014</v>
      </c>
      <c r="AC7192">
        <v>36049.695</v>
      </c>
      <c r="AD7192">
        <v>27938.89849</v>
      </c>
      <c r="AE7192">
        <v>30618.882010000001</v>
      </c>
      <c r="AF7192">
        <v>44516.417690000002</v>
      </c>
      <c r="AG7192">
        <v>30031.9447</v>
      </c>
      <c r="AH7192">
        <v>238151.0373</v>
      </c>
      <c r="AI7192">
        <v>67181.159790000005</v>
      </c>
      <c r="AJ7192">
        <v>19121.667119999998</v>
      </c>
      <c r="AK7192">
        <v>29973.672620000001</v>
      </c>
      <c r="AL7192">
        <v>57712.027710000002</v>
      </c>
      <c r="AM7192">
        <v>19023.083070000001</v>
      </c>
      <c r="AN7192">
        <v>85295.540059999999</v>
      </c>
      <c r="AO7192">
        <v>28985.472949999999</v>
      </c>
      <c r="AP7192">
        <v>11268.78002</v>
      </c>
    </row>
    <row r="7193" spans="2:42" x14ac:dyDescent="0.3">
      <c r="B7193">
        <v>46.903368201559211</v>
      </c>
      <c r="C7193" s="83">
        <v>43400.625</v>
      </c>
      <c r="D7193">
        <v>167942.29930000001</v>
      </c>
      <c r="E7193">
        <v>24429.066340000001</v>
      </c>
      <c r="F7193">
        <v>87821.057719999997</v>
      </c>
      <c r="G7193">
        <v>34480.220229999999</v>
      </c>
      <c r="H7193">
        <v>35386.779499999997</v>
      </c>
      <c r="I7193">
        <v>27902.227620000001</v>
      </c>
      <c r="J7193">
        <v>30113.272629999999</v>
      </c>
      <c r="K7193">
        <v>44958.290500000003</v>
      </c>
      <c r="L7193">
        <v>27365.429530000001</v>
      </c>
      <c r="M7193">
        <v>239135.24410000001</v>
      </c>
      <c r="N7193">
        <v>66634.623019999999</v>
      </c>
      <c r="O7193">
        <v>18619.62458</v>
      </c>
      <c r="P7193">
        <v>28112.990030000001</v>
      </c>
      <c r="Q7193">
        <v>57168.112200000003</v>
      </c>
      <c r="R7193">
        <v>18782.195319999999</v>
      </c>
      <c r="S7193">
        <v>84963.624460000006</v>
      </c>
      <c r="T7193">
        <v>29517.11693</v>
      </c>
      <c r="U7193">
        <v>11380.634959999999</v>
      </c>
      <c r="W7193" s="83">
        <f>Bühler!N7225</f>
        <v>45591.62499998256</v>
      </c>
      <c r="X7193" s="83">
        <v>43400.625</v>
      </c>
      <c r="Y7193">
        <v>167942.29930000001</v>
      </c>
      <c r="Z7193">
        <v>24429.066340000001</v>
      </c>
      <c r="AA7193">
        <v>87821.057719999997</v>
      </c>
      <c r="AB7193">
        <v>34480.220229999999</v>
      </c>
      <c r="AC7193">
        <v>35386.779499999997</v>
      </c>
      <c r="AD7193">
        <v>27902.227620000001</v>
      </c>
      <c r="AE7193">
        <v>30113.272629999999</v>
      </c>
      <c r="AF7193">
        <v>44958.290500000003</v>
      </c>
      <c r="AG7193">
        <v>27365.429530000001</v>
      </c>
      <c r="AH7193">
        <v>239135.24410000001</v>
      </c>
      <c r="AI7193">
        <v>66634.623019999999</v>
      </c>
      <c r="AJ7193">
        <v>18619.62458</v>
      </c>
      <c r="AK7193">
        <v>28112.990030000001</v>
      </c>
      <c r="AL7193">
        <v>57168.112200000003</v>
      </c>
      <c r="AM7193">
        <v>18782.195319999999</v>
      </c>
      <c r="AN7193">
        <v>84963.624460000006</v>
      </c>
      <c r="AO7193">
        <v>29517.11693</v>
      </c>
      <c r="AP7193">
        <v>11380.634959999999</v>
      </c>
    </row>
    <row r="7194" spans="2:42" x14ac:dyDescent="0.3">
      <c r="B7194">
        <v>46.320244316728456</v>
      </c>
      <c r="C7194" s="83">
        <v>43400.666666666664</v>
      </c>
      <c r="D7194">
        <v>167224.13570000001</v>
      </c>
      <c r="E7194">
        <v>24519.00575</v>
      </c>
      <c r="F7194">
        <v>88585.764469999995</v>
      </c>
      <c r="G7194">
        <v>34806.937310000001</v>
      </c>
      <c r="H7194">
        <v>35579.667500000003</v>
      </c>
      <c r="I7194">
        <v>28471.87412</v>
      </c>
      <c r="J7194">
        <v>29826.30646</v>
      </c>
      <c r="K7194">
        <v>46298.41171</v>
      </c>
      <c r="L7194">
        <v>26463.085640000001</v>
      </c>
      <c r="M7194">
        <v>236162.2066</v>
      </c>
      <c r="N7194">
        <v>67389.926139999996</v>
      </c>
      <c r="O7194">
        <v>18567.266329999999</v>
      </c>
      <c r="P7194">
        <v>28067.68232</v>
      </c>
      <c r="Q7194">
        <v>56892.83711</v>
      </c>
      <c r="R7194">
        <v>18706.159739999999</v>
      </c>
      <c r="S7194">
        <v>85483.346690000006</v>
      </c>
      <c r="T7194">
        <v>29287.704280000002</v>
      </c>
      <c r="U7194">
        <v>11164.387940000001</v>
      </c>
      <c r="W7194" s="83">
        <f>Bühler!N7226</f>
        <v>45591.666666649224</v>
      </c>
      <c r="X7194" s="83">
        <v>43400.666666666664</v>
      </c>
      <c r="Y7194">
        <v>167224.13570000001</v>
      </c>
      <c r="Z7194">
        <v>24519.00575</v>
      </c>
      <c r="AA7194">
        <v>88585.764469999995</v>
      </c>
      <c r="AB7194">
        <v>34806.937310000001</v>
      </c>
      <c r="AC7194">
        <v>35579.667500000003</v>
      </c>
      <c r="AD7194">
        <v>28471.87412</v>
      </c>
      <c r="AE7194">
        <v>29826.30646</v>
      </c>
      <c r="AF7194">
        <v>46298.41171</v>
      </c>
      <c r="AG7194">
        <v>26463.085640000001</v>
      </c>
      <c r="AH7194">
        <v>236162.2066</v>
      </c>
      <c r="AI7194">
        <v>67389.926139999996</v>
      </c>
      <c r="AJ7194">
        <v>18567.266329999999</v>
      </c>
      <c r="AK7194">
        <v>28067.68232</v>
      </c>
      <c r="AL7194">
        <v>56892.83711</v>
      </c>
      <c r="AM7194">
        <v>18706.159739999999</v>
      </c>
      <c r="AN7194">
        <v>85483.346690000006</v>
      </c>
      <c r="AO7194">
        <v>29287.704280000002</v>
      </c>
      <c r="AP7194">
        <v>11164.387940000001</v>
      </c>
    </row>
    <row r="7195" spans="2:42" x14ac:dyDescent="0.3">
      <c r="B7195">
        <v>45.507245735980717</v>
      </c>
      <c r="C7195" s="83">
        <v>43400.708333333336</v>
      </c>
      <c r="D7195">
        <v>165678.27239999999</v>
      </c>
      <c r="E7195">
        <v>23841.267639999998</v>
      </c>
      <c r="F7195">
        <v>89588.67353</v>
      </c>
      <c r="G7195">
        <v>34749.461490000002</v>
      </c>
      <c r="H7195">
        <v>36170.335639999998</v>
      </c>
      <c r="I7195">
        <v>29497.67901</v>
      </c>
      <c r="J7195">
        <v>30625.7212</v>
      </c>
      <c r="K7195">
        <v>45819.042029999997</v>
      </c>
      <c r="L7195">
        <v>27195.061280000002</v>
      </c>
      <c r="M7195">
        <v>232017.16070000001</v>
      </c>
      <c r="N7195">
        <v>67012.758730000001</v>
      </c>
      <c r="O7195">
        <v>18690.281900000002</v>
      </c>
      <c r="P7195">
        <v>29926.679039999999</v>
      </c>
      <c r="Q7195">
        <v>55954.501029999999</v>
      </c>
      <c r="R7195">
        <v>18750.695810000001</v>
      </c>
      <c r="S7195">
        <v>87914.080879999994</v>
      </c>
      <c r="T7195">
        <v>29020.37343</v>
      </c>
      <c r="U7195">
        <v>11197.623579999999</v>
      </c>
      <c r="W7195" s="83">
        <f>Bühler!N7227</f>
        <v>45591.708333315888</v>
      </c>
      <c r="X7195" s="83">
        <v>43400.708333333336</v>
      </c>
      <c r="Y7195">
        <v>165678.27239999999</v>
      </c>
      <c r="Z7195">
        <v>23841.267639999998</v>
      </c>
      <c r="AA7195">
        <v>89588.67353</v>
      </c>
      <c r="AB7195">
        <v>34749.461490000002</v>
      </c>
      <c r="AC7195">
        <v>36170.335639999998</v>
      </c>
      <c r="AD7195">
        <v>29497.67901</v>
      </c>
      <c r="AE7195">
        <v>30625.7212</v>
      </c>
      <c r="AF7195">
        <v>45819.042029999997</v>
      </c>
      <c r="AG7195">
        <v>27195.061280000002</v>
      </c>
      <c r="AH7195">
        <v>232017.16070000001</v>
      </c>
      <c r="AI7195">
        <v>67012.758730000001</v>
      </c>
      <c r="AJ7195">
        <v>18690.281900000002</v>
      </c>
      <c r="AK7195">
        <v>29926.679039999999</v>
      </c>
      <c r="AL7195">
        <v>55954.501029999999</v>
      </c>
      <c r="AM7195">
        <v>18750.695810000001</v>
      </c>
      <c r="AN7195">
        <v>87914.080879999994</v>
      </c>
      <c r="AO7195">
        <v>29020.37343</v>
      </c>
      <c r="AP7195">
        <v>11197.623579999999</v>
      </c>
    </row>
    <row r="7196" spans="2:42" x14ac:dyDescent="0.3">
      <c r="B7196">
        <v>44.847080605085885</v>
      </c>
      <c r="C7196" s="83">
        <v>43400.75</v>
      </c>
      <c r="D7196">
        <v>165274.5569</v>
      </c>
      <c r="E7196">
        <v>23416.421750000001</v>
      </c>
      <c r="F7196">
        <v>88392.081789999997</v>
      </c>
      <c r="G7196">
        <v>35159.291290000001</v>
      </c>
      <c r="H7196">
        <v>35747.429219999998</v>
      </c>
      <c r="I7196">
        <v>28710.023819999999</v>
      </c>
      <c r="J7196">
        <v>32165.507819999999</v>
      </c>
      <c r="K7196">
        <v>44143.06265</v>
      </c>
      <c r="L7196">
        <v>29002.403010000002</v>
      </c>
      <c r="M7196">
        <v>228651.33100000001</v>
      </c>
      <c r="N7196">
        <v>68888.822549999997</v>
      </c>
      <c r="O7196">
        <v>19226.84763</v>
      </c>
      <c r="P7196">
        <v>33605.592140000001</v>
      </c>
      <c r="Q7196">
        <v>54357.89615</v>
      </c>
      <c r="R7196">
        <v>19622.541089999999</v>
      </c>
      <c r="S7196">
        <v>87622.219450000004</v>
      </c>
      <c r="T7196">
        <v>29605.945350000002</v>
      </c>
      <c r="U7196">
        <v>11433.39849</v>
      </c>
      <c r="W7196" s="83">
        <f>Bühler!N7228</f>
        <v>45591.749999982552</v>
      </c>
      <c r="X7196" s="83">
        <v>43400.75</v>
      </c>
      <c r="Y7196">
        <v>165274.5569</v>
      </c>
      <c r="Z7196">
        <v>23416.421750000001</v>
      </c>
      <c r="AA7196">
        <v>88392.081789999997</v>
      </c>
      <c r="AB7196">
        <v>35159.291290000001</v>
      </c>
      <c r="AC7196">
        <v>35747.429219999998</v>
      </c>
      <c r="AD7196">
        <v>28710.023819999999</v>
      </c>
      <c r="AE7196">
        <v>32165.507819999999</v>
      </c>
      <c r="AF7196">
        <v>44143.06265</v>
      </c>
      <c r="AG7196">
        <v>29002.403010000002</v>
      </c>
      <c r="AH7196">
        <v>228651.33100000001</v>
      </c>
      <c r="AI7196">
        <v>68888.822549999997</v>
      </c>
      <c r="AJ7196">
        <v>19226.84763</v>
      </c>
      <c r="AK7196">
        <v>33605.592140000001</v>
      </c>
      <c r="AL7196">
        <v>54357.89615</v>
      </c>
      <c r="AM7196">
        <v>19622.541089999999</v>
      </c>
      <c r="AN7196">
        <v>87622.219450000004</v>
      </c>
      <c r="AO7196">
        <v>29605.945350000002</v>
      </c>
      <c r="AP7196">
        <v>11433.39849</v>
      </c>
    </row>
    <row r="7197" spans="2:42" x14ac:dyDescent="0.3">
      <c r="B7197">
        <v>44.698253987607629</v>
      </c>
      <c r="C7197" s="83">
        <v>43400.791666666664</v>
      </c>
      <c r="D7197">
        <v>166622.8205</v>
      </c>
      <c r="E7197">
        <v>19971.674599999998</v>
      </c>
      <c r="F7197">
        <v>77719.191900000005</v>
      </c>
      <c r="G7197">
        <v>35906.46398</v>
      </c>
      <c r="H7197">
        <v>36837.665050000003</v>
      </c>
      <c r="I7197">
        <v>28846.372889999999</v>
      </c>
      <c r="J7197">
        <v>33497.836739999999</v>
      </c>
      <c r="K7197">
        <v>43641.038589999996</v>
      </c>
      <c r="L7197">
        <v>31555.113509999999</v>
      </c>
      <c r="M7197">
        <v>227892.5435</v>
      </c>
      <c r="N7197">
        <v>69206.456049999993</v>
      </c>
      <c r="O7197">
        <v>19756.674609999998</v>
      </c>
      <c r="P7197">
        <v>35770.283580000003</v>
      </c>
      <c r="Q7197">
        <v>53070.461560000003</v>
      </c>
      <c r="R7197">
        <v>20705.406729999999</v>
      </c>
      <c r="S7197">
        <v>88400.291339999996</v>
      </c>
      <c r="T7197">
        <v>28756.243760000001</v>
      </c>
      <c r="U7197">
        <v>12379.226860000001</v>
      </c>
      <c r="W7197" s="83">
        <f>Bühler!N7229</f>
        <v>45591.791666649216</v>
      </c>
      <c r="X7197" s="83">
        <v>43400.791666666664</v>
      </c>
      <c r="Y7197">
        <v>166622.8205</v>
      </c>
      <c r="Z7197">
        <v>19971.674599999998</v>
      </c>
      <c r="AA7197">
        <v>77719.191900000005</v>
      </c>
      <c r="AB7197">
        <v>35906.46398</v>
      </c>
      <c r="AC7197">
        <v>36837.665050000003</v>
      </c>
      <c r="AD7197">
        <v>28846.372889999999</v>
      </c>
      <c r="AE7197">
        <v>33497.836739999999</v>
      </c>
      <c r="AF7197">
        <v>43641.038589999996</v>
      </c>
      <c r="AG7197">
        <v>31555.113509999999</v>
      </c>
      <c r="AH7197">
        <v>227892.5435</v>
      </c>
      <c r="AI7197">
        <v>69206.456049999993</v>
      </c>
      <c r="AJ7197">
        <v>19756.674609999998</v>
      </c>
      <c r="AK7197">
        <v>35770.283580000003</v>
      </c>
      <c r="AL7197">
        <v>53070.461560000003</v>
      </c>
      <c r="AM7197">
        <v>20705.406729999999</v>
      </c>
      <c r="AN7197">
        <v>88400.291339999996</v>
      </c>
      <c r="AO7197">
        <v>28756.243760000001</v>
      </c>
      <c r="AP7197">
        <v>12379.226860000001</v>
      </c>
    </row>
    <row r="7198" spans="2:42" x14ac:dyDescent="0.3">
      <c r="B7198">
        <v>44.091175801265656</v>
      </c>
      <c r="C7198" s="83">
        <v>43400.833333333336</v>
      </c>
      <c r="D7198">
        <v>165899.22210000001</v>
      </c>
      <c r="E7198">
        <v>15160.463369999999</v>
      </c>
      <c r="F7198">
        <v>58797.78787</v>
      </c>
      <c r="G7198">
        <v>35711.416069999999</v>
      </c>
      <c r="H7198">
        <v>36310.445890000003</v>
      </c>
      <c r="I7198">
        <v>26800.148799999999</v>
      </c>
      <c r="J7198">
        <v>32849.053379999998</v>
      </c>
      <c r="K7198">
        <v>45097.281999999999</v>
      </c>
      <c r="L7198">
        <v>30984.399229999999</v>
      </c>
      <c r="M7198">
        <v>224797.37580000001</v>
      </c>
      <c r="N7198">
        <v>68874.740139999994</v>
      </c>
      <c r="O7198">
        <v>19249.705440000002</v>
      </c>
      <c r="P7198">
        <v>35053.327490000003</v>
      </c>
      <c r="Q7198">
        <v>51725.490129999998</v>
      </c>
      <c r="R7198">
        <v>19222.1623</v>
      </c>
      <c r="S7198">
        <v>82222.524909999993</v>
      </c>
      <c r="T7198">
        <v>25800.485639999999</v>
      </c>
      <c r="U7198">
        <v>12376.35708</v>
      </c>
      <c r="W7198" s="83">
        <f>Bühler!N7230</f>
        <v>45591.833333315881</v>
      </c>
      <c r="X7198" s="83">
        <v>43400.833333333336</v>
      </c>
      <c r="Y7198">
        <v>165899.22210000001</v>
      </c>
      <c r="Z7198">
        <v>15160.463369999999</v>
      </c>
      <c r="AA7198">
        <v>58797.78787</v>
      </c>
      <c r="AB7198">
        <v>35711.416069999999</v>
      </c>
      <c r="AC7198">
        <v>36310.445890000003</v>
      </c>
      <c r="AD7198">
        <v>26800.148799999999</v>
      </c>
      <c r="AE7198">
        <v>32849.053379999998</v>
      </c>
      <c r="AF7198">
        <v>45097.281999999999</v>
      </c>
      <c r="AG7198">
        <v>30984.399229999999</v>
      </c>
      <c r="AH7198">
        <v>224797.37580000001</v>
      </c>
      <c r="AI7198">
        <v>68874.740139999994</v>
      </c>
      <c r="AJ7198">
        <v>19249.705440000002</v>
      </c>
      <c r="AK7198">
        <v>35053.327490000003</v>
      </c>
      <c r="AL7198">
        <v>51725.490129999998</v>
      </c>
      <c r="AM7198">
        <v>19222.1623</v>
      </c>
      <c r="AN7198">
        <v>82222.524909999993</v>
      </c>
      <c r="AO7198">
        <v>25800.485639999999</v>
      </c>
      <c r="AP7198">
        <v>12376.35708</v>
      </c>
    </row>
    <row r="7199" spans="2:42" x14ac:dyDescent="0.3">
      <c r="B7199">
        <v>43.997402817796939</v>
      </c>
      <c r="C7199" s="83">
        <v>43400.875</v>
      </c>
      <c r="D7199">
        <v>165437.88310000001</v>
      </c>
      <c r="E7199">
        <v>13364.36397</v>
      </c>
      <c r="F7199">
        <v>50660.007010000001</v>
      </c>
      <c r="G7199">
        <v>35383.024429999998</v>
      </c>
      <c r="H7199">
        <v>34889.67282</v>
      </c>
      <c r="I7199">
        <v>24219.866269999999</v>
      </c>
      <c r="J7199">
        <v>31593.646550000001</v>
      </c>
      <c r="K7199">
        <v>45298.479919999998</v>
      </c>
      <c r="L7199">
        <v>29502.702389999999</v>
      </c>
      <c r="M7199">
        <v>224319.27739999999</v>
      </c>
      <c r="N7199">
        <v>68604.050570000007</v>
      </c>
      <c r="O7199">
        <v>18807.637330000001</v>
      </c>
      <c r="P7199">
        <v>33746.543709999998</v>
      </c>
      <c r="Q7199">
        <v>50903.87111</v>
      </c>
      <c r="R7199">
        <v>18813.067299999999</v>
      </c>
      <c r="S7199">
        <v>78492.053150000007</v>
      </c>
      <c r="T7199">
        <v>24436.55645</v>
      </c>
      <c r="U7199">
        <v>12071.837240000001</v>
      </c>
      <c r="W7199" s="83">
        <f>Bühler!N7231</f>
        <v>45591.874999982545</v>
      </c>
      <c r="X7199" s="83">
        <v>43400.875</v>
      </c>
      <c r="Y7199">
        <v>165437.88310000001</v>
      </c>
      <c r="Z7199">
        <v>13364.36397</v>
      </c>
      <c r="AA7199">
        <v>50660.007010000001</v>
      </c>
      <c r="AB7199">
        <v>35383.024429999998</v>
      </c>
      <c r="AC7199">
        <v>34889.67282</v>
      </c>
      <c r="AD7199">
        <v>24219.866269999999</v>
      </c>
      <c r="AE7199">
        <v>31593.646550000001</v>
      </c>
      <c r="AF7199">
        <v>45298.479919999998</v>
      </c>
      <c r="AG7199">
        <v>29502.702389999999</v>
      </c>
      <c r="AH7199">
        <v>224319.27739999999</v>
      </c>
      <c r="AI7199">
        <v>68604.050570000007</v>
      </c>
      <c r="AJ7199">
        <v>18807.637330000001</v>
      </c>
      <c r="AK7199">
        <v>33746.543709999998</v>
      </c>
      <c r="AL7199">
        <v>50903.87111</v>
      </c>
      <c r="AM7199">
        <v>18813.067299999999</v>
      </c>
      <c r="AN7199">
        <v>78492.053150000007</v>
      </c>
      <c r="AO7199">
        <v>24436.55645</v>
      </c>
      <c r="AP7199">
        <v>12071.837240000001</v>
      </c>
    </row>
    <row r="7200" spans="2:42" x14ac:dyDescent="0.3">
      <c r="B7200">
        <v>43.679654245707987</v>
      </c>
      <c r="C7200" s="83">
        <v>43400.916666666664</v>
      </c>
      <c r="D7200">
        <v>164841.09880000001</v>
      </c>
      <c r="E7200">
        <v>13071.378360000001</v>
      </c>
      <c r="F7200">
        <v>48347.400090000003</v>
      </c>
      <c r="G7200">
        <v>35315.806470000003</v>
      </c>
      <c r="H7200">
        <v>35032.416949999999</v>
      </c>
      <c r="I7200">
        <v>22664.31306</v>
      </c>
      <c r="J7200">
        <v>30648.23605</v>
      </c>
      <c r="K7200">
        <v>48761.899819999999</v>
      </c>
      <c r="L7200">
        <v>26698.0664</v>
      </c>
      <c r="M7200">
        <v>222699.247</v>
      </c>
      <c r="N7200">
        <v>68039.845480000004</v>
      </c>
      <c r="O7200">
        <v>18445.261350000001</v>
      </c>
      <c r="P7200">
        <v>35372.589829999997</v>
      </c>
      <c r="Q7200">
        <v>49805.851750000002</v>
      </c>
      <c r="R7200">
        <v>21169.969420000001</v>
      </c>
      <c r="S7200">
        <v>77203.570550000004</v>
      </c>
      <c r="T7200">
        <v>23555.76037</v>
      </c>
      <c r="U7200">
        <v>12482.336649999999</v>
      </c>
      <c r="W7200" s="83">
        <f>Bühler!N7232</f>
        <v>45591.916666649209</v>
      </c>
      <c r="X7200" s="83">
        <v>43400.916666666664</v>
      </c>
      <c r="Y7200">
        <v>164841.09880000001</v>
      </c>
      <c r="Z7200">
        <v>13071.378360000001</v>
      </c>
      <c r="AA7200">
        <v>48347.400090000003</v>
      </c>
      <c r="AB7200">
        <v>35315.806470000003</v>
      </c>
      <c r="AC7200">
        <v>35032.416949999999</v>
      </c>
      <c r="AD7200">
        <v>22664.31306</v>
      </c>
      <c r="AE7200">
        <v>30648.23605</v>
      </c>
      <c r="AF7200">
        <v>48761.899819999999</v>
      </c>
      <c r="AG7200">
        <v>26698.0664</v>
      </c>
      <c r="AH7200">
        <v>222699.247</v>
      </c>
      <c r="AI7200">
        <v>68039.845480000004</v>
      </c>
      <c r="AJ7200">
        <v>18445.261350000001</v>
      </c>
      <c r="AK7200">
        <v>35372.589829999997</v>
      </c>
      <c r="AL7200">
        <v>49805.851750000002</v>
      </c>
      <c r="AM7200">
        <v>21169.969420000001</v>
      </c>
      <c r="AN7200">
        <v>77203.570550000004</v>
      </c>
      <c r="AO7200">
        <v>23555.76037</v>
      </c>
      <c r="AP7200">
        <v>12482.336649999999</v>
      </c>
    </row>
    <row r="7201" spans="2:42" x14ac:dyDescent="0.3">
      <c r="B7201">
        <v>43.797983280271858</v>
      </c>
      <c r="C7201" s="83">
        <v>43400.958333333336</v>
      </c>
      <c r="D7201">
        <v>164391.63589999999</v>
      </c>
      <c r="E7201">
        <v>12760.859350000001</v>
      </c>
      <c r="F7201">
        <v>47272.686670000003</v>
      </c>
      <c r="G7201">
        <v>35361.960449999999</v>
      </c>
      <c r="H7201">
        <v>34659.118410000003</v>
      </c>
      <c r="I7201">
        <v>21942.61463</v>
      </c>
      <c r="J7201">
        <v>29155.663850000001</v>
      </c>
      <c r="K7201">
        <v>49190.86247</v>
      </c>
      <c r="L7201">
        <v>22769.995040000002</v>
      </c>
      <c r="M7201">
        <v>223302.5436</v>
      </c>
      <c r="N7201">
        <v>67928.717919999996</v>
      </c>
      <c r="O7201">
        <v>18592.578389999999</v>
      </c>
      <c r="P7201">
        <v>31659.019680000001</v>
      </c>
      <c r="Q7201">
        <v>49898.458709999999</v>
      </c>
      <c r="R7201">
        <v>20241.30948</v>
      </c>
      <c r="S7201">
        <v>75881.309500000003</v>
      </c>
      <c r="T7201">
        <v>26366.594560000001</v>
      </c>
      <c r="U7201">
        <v>11755.501259999999</v>
      </c>
      <c r="W7201" s="83">
        <f>Bühler!N7233</f>
        <v>45591.958333315873</v>
      </c>
      <c r="X7201" s="83">
        <v>43400.958333333336</v>
      </c>
      <c r="Y7201">
        <v>164391.63589999999</v>
      </c>
      <c r="Z7201">
        <v>12760.859350000001</v>
      </c>
      <c r="AA7201">
        <v>47272.686670000003</v>
      </c>
      <c r="AB7201">
        <v>35361.960449999999</v>
      </c>
      <c r="AC7201">
        <v>34659.118410000003</v>
      </c>
      <c r="AD7201">
        <v>21942.61463</v>
      </c>
      <c r="AE7201">
        <v>29155.663850000001</v>
      </c>
      <c r="AF7201">
        <v>49190.86247</v>
      </c>
      <c r="AG7201">
        <v>22769.995040000002</v>
      </c>
      <c r="AH7201">
        <v>223302.5436</v>
      </c>
      <c r="AI7201">
        <v>67928.717919999996</v>
      </c>
      <c r="AJ7201">
        <v>18592.578389999999</v>
      </c>
      <c r="AK7201">
        <v>31659.019680000001</v>
      </c>
      <c r="AL7201">
        <v>49898.458709999999</v>
      </c>
      <c r="AM7201">
        <v>20241.30948</v>
      </c>
      <c r="AN7201">
        <v>75881.309500000003</v>
      </c>
      <c r="AO7201">
        <v>26366.594560000001</v>
      </c>
      <c r="AP7201">
        <v>11755.501259999999</v>
      </c>
    </row>
    <row r="7202" spans="2:42" x14ac:dyDescent="0.3">
      <c r="B7202">
        <v>42.993272505535955</v>
      </c>
      <c r="C7202" s="83">
        <v>43401</v>
      </c>
      <c r="D7202">
        <v>163451.90659999999</v>
      </c>
      <c r="E7202">
        <v>12536.52851</v>
      </c>
      <c r="F7202">
        <v>46442.352030000002</v>
      </c>
      <c r="G7202">
        <v>35312.487110000002</v>
      </c>
      <c r="H7202">
        <v>34232.368280000002</v>
      </c>
      <c r="I7202">
        <v>20512.241259999999</v>
      </c>
      <c r="J7202">
        <v>27504.748729999999</v>
      </c>
      <c r="K7202">
        <v>47807.142019999999</v>
      </c>
      <c r="L7202">
        <v>19283.787909999999</v>
      </c>
      <c r="M7202">
        <v>219199.75279999999</v>
      </c>
      <c r="N7202">
        <v>66928.096999999994</v>
      </c>
      <c r="O7202">
        <v>18753.93737</v>
      </c>
      <c r="P7202">
        <v>29459.674070000001</v>
      </c>
      <c r="Q7202">
        <v>49259.158360000001</v>
      </c>
      <c r="R7202">
        <v>18419.77723</v>
      </c>
      <c r="S7202">
        <v>74343.477230000004</v>
      </c>
      <c r="T7202">
        <v>25162.235349999999</v>
      </c>
      <c r="U7202">
        <v>11370.283649999999</v>
      </c>
      <c r="W7202" s="83">
        <f>Bühler!N7234</f>
        <v>45591.999999982538</v>
      </c>
      <c r="X7202" s="83">
        <v>43401</v>
      </c>
      <c r="Y7202">
        <v>163451.90659999999</v>
      </c>
      <c r="Z7202">
        <v>12536.52851</v>
      </c>
      <c r="AA7202">
        <v>46442.352030000002</v>
      </c>
      <c r="AB7202">
        <v>35312.487110000002</v>
      </c>
      <c r="AC7202">
        <v>34232.368280000002</v>
      </c>
      <c r="AD7202">
        <v>20512.241259999999</v>
      </c>
      <c r="AE7202">
        <v>27504.748729999999</v>
      </c>
      <c r="AF7202">
        <v>47807.142019999999</v>
      </c>
      <c r="AG7202">
        <v>19283.787909999999</v>
      </c>
      <c r="AH7202">
        <v>219199.75279999999</v>
      </c>
      <c r="AI7202">
        <v>66928.096999999994</v>
      </c>
      <c r="AJ7202">
        <v>18753.93737</v>
      </c>
      <c r="AK7202">
        <v>29459.674070000001</v>
      </c>
      <c r="AL7202">
        <v>49259.158360000001</v>
      </c>
      <c r="AM7202">
        <v>18419.77723</v>
      </c>
      <c r="AN7202">
        <v>74343.477230000004</v>
      </c>
      <c r="AO7202">
        <v>25162.235349999999</v>
      </c>
      <c r="AP7202">
        <v>11370.283649999999</v>
      </c>
    </row>
    <row r="7203" spans="2:42" x14ac:dyDescent="0.3">
      <c r="B7203">
        <v>42.795707917983215</v>
      </c>
      <c r="C7203" s="83">
        <v>43401.041666666664</v>
      </c>
      <c r="D7203">
        <v>162666.0361</v>
      </c>
      <c r="E7203">
        <v>12383.360060000001</v>
      </c>
      <c r="F7203">
        <v>47098.899140000001</v>
      </c>
      <c r="G7203">
        <v>35464.363449999997</v>
      </c>
      <c r="H7203">
        <v>33698.676610000002</v>
      </c>
      <c r="I7203">
        <v>17416.548289999999</v>
      </c>
      <c r="J7203">
        <v>27085.001609999999</v>
      </c>
      <c r="K7203">
        <v>46524.246030000002</v>
      </c>
      <c r="L7203">
        <v>17016.83481</v>
      </c>
      <c r="M7203">
        <v>218192.47640000001</v>
      </c>
      <c r="N7203">
        <v>66699.183699999994</v>
      </c>
      <c r="O7203">
        <v>18498.3485</v>
      </c>
      <c r="P7203">
        <v>27036.649570000001</v>
      </c>
      <c r="Q7203">
        <v>50084.180549999997</v>
      </c>
      <c r="R7203">
        <v>17381.45004</v>
      </c>
      <c r="S7203">
        <v>73720.597349999996</v>
      </c>
      <c r="T7203">
        <v>24382.144530000001</v>
      </c>
      <c r="U7203">
        <v>11310.7184</v>
      </c>
      <c r="W7203" s="83">
        <f>Bühler!N7235</f>
        <v>45592.041666649202</v>
      </c>
      <c r="X7203" s="83">
        <v>43401.041666666664</v>
      </c>
      <c r="Y7203">
        <v>162666.0361</v>
      </c>
      <c r="Z7203">
        <v>12383.360060000001</v>
      </c>
      <c r="AA7203">
        <v>47098.899140000001</v>
      </c>
      <c r="AB7203">
        <v>35464.363449999997</v>
      </c>
      <c r="AC7203">
        <v>33698.676610000002</v>
      </c>
      <c r="AD7203">
        <v>17416.548289999999</v>
      </c>
      <c r="AE7203">
        <v>27085.001609999999</v>
      </c>
      <c r="AF7203">
        <v>46524.246030000002</v>
      </c>
      <c r="AG7203">
        <v>17016.83481</v>
      </c>
      <c r="AH7203">
        <v>218192.47640000001</v>
      </c>
      <c r="AI7203">
        <v>66699.183699999994</v>
      </c>
      <c r="AJ7203">
        <v>18498.3485</v>
      </c>
      <c r="AK7203">
        <v>27036.649570000001</v>
      </c>
      <c r="AL7203">
        <v>50084.180549999997</v>
      </c>
      <c r="AM7203">
        <v>17381.45004</v>
      </c>
      <c r="AN7203">
        <v>73720.597349999996</v>
      </c>
      <c r="AO7203">
        <v>24382.144530000001</v>
      </c>
      <c r="AP7203">
        <v>11310.7184</v>
      </c>
    </row>
    <row r="7204" spans="2:42" x14ac:dyDescent="0.3">
      <c r="B7204">
        <v>42.777773250209187</v>
      </c>
      <c r="C7204" s="83">
        <v>43401.083333333336</v>
      </c>
      <c r="D7204">
        <v>161465.89929999999</v>
      </c>
      <c r="E7204">
        <v>12363.3567</v>
      </c>
      <c r="F7204">
        <v>46950.401559999998</v>
      </c>
      <c r="G7204">
        <v>34795.558349999999</v>
      </c>
      <c r="H7204">
        <v>33598.936439999998</v>
      </c>
      <c r="I7204">
        <v>15625.819320000001</v>
      </c>
      <c r="J7204">
        <v>26793.238979999998</v>
      </c>
      <c r="K7204">
        <v>45005.338949999998</v>
      </c>
      <c r="L7204">
        <v>15216.96398</v>
      </c>
      <c r="M7204">
        <v>218101.03709999999</v>
      </c>
      <c r="N7204">
        <v>65216.262020000002</v>
      </c>
      <c r="O7204">
        <v>18255.97911</v>
      </c>
      <c r="P7204">
        <v>25579.561119999998</v>
      </c>
      <c r="Q7204">
        <v>50723.243459999998</v>
      </c>
      <c r="R7204">
        <v>16059.37912</v>
      </c>
      <c r="S7204">
        <v>72042.175099999993</v>
      </c>
      <c r="T7204">
        <v>23986.679499999998</v>
      </c>
      <c r="U7204">
        <v>11302.558209999999</v>
      </c>
      <c r="W7204" s="83">
        <f>Bühler!N7236</f>
        <v>45592.083333315866</v>
      </c>
      <c r="X7204" s="83">
        <v>43401.083333333336</v>
      </c>
      <c r="Y7204">
        <v>161465.89929999999</v>
      </c>
      <c r="Z7204">
        <v>12363.3567</v>
      </c>
      <c r="AA7204">
        <v>46950.401559999998</v>
      </c>
      <c r="AB7204">
        <v>34795.558349999999</v>
      </c>
      <c r="AC7204">
        <v>33598.936439999998</v>
      </c>
      <c r="AD7204">
        <v>15625.819320000001</v>
      </c>
      <c r="AE7204">
        <v>26793.238979999998</v>
      </c>
      <c r="AF7204">
        <v>45005.338949999998</v>
      </c>
      <c r="AG7204">
        <v>15216.96398</v>
      </c>
      <c r="AH7204">
        <v>218101.03709999999</v>
      </c>
      <c r="AI7204">
        <v>65216.262020000002</v>
      </c>
      <c r="AJ7204">
        <v>18255.97911</v>
      </c>
      <c r="AK7204">
        <v>25579.561119999998</v>
      </c>
      <c r="AL7204">
        <v>50723.243459999998</v>
      </c>
      <c r="AM7204">
        <v>16059.37912</v>
      </c>
      <c r="AN7204">
        <v>72042.175099999993</v>
      </c>
      <c r="AO7204">
        <v>23986.679499999998</v>
      </c>
      <c r="AP7204">
        <v>11302.558209999999</v>
      </c>
    </row>
    <row r="7205" spans="2:42" x14ac:dyDescent="0.3">
      <c r="B7205">
        <v>42.10178859740514</v>
      </c>
      <c r="C7205" s="83">
        <v>43401.125</v>
      </c>
      <c r="D7205">
        <v>160337.8651</v>
      </c>
      <c r="E7205">
        <v>12341.761619999999</v>
      </c>
      <c r="F7205">
        <v>45921.814879999998</v>
      </c>
      <c r="G7205">
        <v>33640.501429999997</v>
      </c>
      <c r="H7205">
        <v>33555.692150000003</v>
      </c>
      <c r="I7205">
        <v>15520.854310000001</v>
      </c>
      <c r="J7205">
        <v>26592.036749999999</v>
      </c>
      <c r="K7205">
        <v>42112.380169999997</v>
      </c>
      <c r="L7205">
        <v>15246.46017</v>
      </c>
      <c r="M7205">
        <v>214654.5521</v>
      </c>
      <c r="N7205">
        <v>64718.409099999997</v>
      </c>
      <c r="O7205">
        <v>18286.750550000001</v>
      </c>
      <c r="P7205">
        <v>23531.595809999999</v>
      </c>
      <c r="Q7205">
        <v>51810.088530000001</v>
      </c>
      <c r="R7205">
        <v>15893.190269999999</v>
      </c>
      <c r="S7205">
        <v>72451.713969999997</v>
      </c>
      <c r="T7205">
        <v>23871.299739999999</v>
      </c>
      <c r="U7205">
        <v>11865.65106</v>
      </c>
      <c r="W7205" s="83">
        <f>Bühler!N7237</f>
        <v>45592.12499998253</v>
      </c>
      <c r="X7205" s="83">
        <v>43401.125</v>
      </c>
      <c r="Y7205">
        <v>160337.8651</v>
      </c>
      <c r="Z7205">
        <v>12341.761619999999</v>
      </c>
      <c r="AA7205">
        <v>45921.814879999998</v>
      </c>
      <c r="AB7205">
        <v>33640.501429999997</v>
      </c>
      <c r="AC7205">
        <v>33555.692150000003</v>
      </c>
      <c r="AD7205">
        <v>15520.854310000001</v>
      </c>
      <c r="AE7205">
        <v>26592.036749999999</v>
      </c>
      <c r="AF7205">
        <v>42112.380169999997</v>
      </c>
      <c r="AG7205">
        <v>15246.46017</v>
      </c>
      <c r="AH7205">
        <v>214654.5521</v>
      </c>
      <c r="AI7205">
        <v>64718.409099999997</v>
      </c>
      <c r="AJ7205">
        <v>18286.750550000001</v>
      </c>
      <c r="AK7205">
        <v>23531.595809999999</v>
      </c>
      <c r="AL7205">
        <v>51810.088530000001</v>
      </c>
      <c r="AM7205">
        <v>15893.190269999999</v>
      </c>
      <c r="AN7205">
        <v>72451.713969999997</v>
      </c>
      <c r="AO7205">
        <v>23871.299739999999</v>
      </c>
      <c r="AP7205">
        <v>11865.65106</v>
      </c>
    </row>
    <row r="7206" spans="2:42" x14ac:dyDescent="0.3">
      <c r="B7206">
        <v>42.017521511739687</v>
      </c>
      <c r="C7206" s="83">
        <v>43401.166666666664</v>
      </c>
      <c r="D7206">
        <v>159344.71059999999</v>
      </c>
      <c r="E7206">
        <v>12465.133449999999</v>
      </c>
      <c r="F7206">
        <v>46198.648659999999</v>
      </c>
      <c r="G7206">
        <v>33987.507850000002</v>
      </c>
      <c r="H7206">
        <v>33355.26455</v>
      </c>
      <c r="I7206">
        <v>16227.106519999999</v>
      </c>
      <c r="J7206">
        <v>28099.555660000002</v>
      </c>
      <c r="K7206">
        <v>41760.541239999999</v>
      </c>
      <c r="L7206">
        <v>15715.881810000001</v>
      </c>
      <c r="M7206">
        <v>214224.9192</v>
      </c>
      <c r="N7206">
        <v>64052.804889999999</v>
      </c>
      <c r="O7206">
        <v>18747.31637</v>
      </c>
      <c r="P7206">
        <v>23370.668290000001</v>
      </c>
      <c r="Q7206">
        <v>52564.006970000002</v>
      </c>
      <c r="R7206">
        <v>16001.608270000001</v>
      </c>
      <c r="S7206">
        <v>73111.362059999999</v>
      </c>
      <c r="T7206">
        <v>23813.959220000001</v>
      </c>
      <c r="U7206">
        <v>12428.50063</v>
      </c>
      <c r="W7206" s="83">
        <f>Bühler!N7238</f>
        <v>45592.166666649195</v>
      </c>
      <c r="X7206" s="83">
        <v>43401.166666666664</v>
      </c>
      <c r="Y7206">
        <v>159344.71059999999</v>
      </c>
      <c r="Z7206">
        <v>12465.133449999999</v>
      </c>
      <c r="AA7206">
        <v>46198.648659999999</v>
      </c>
      <c r="AB7206">
        <v>33987.507850000002</v>
      </c>
      <c r="AC7206">
        <v>33355.26455</v>
      </c>
      <c r="AD7206">
        <v>16227.106519999999</v>
      </c>
      <c r="AE7206">
        <v>28099.555660000002</v>
      </c>
      <c r="AF7206">
        <v>41760.541239999999</v>
      </c>
      <c r="AG7206">
        <v>15715.881810000001</v>
      </c>
      <c r="AH7206">
        <v>214224.9192</v>
      </c>
      <c r="AI7206">
        <v>64052.804889999999</v>
      </c>
      <c r="AJ7206">
        <v>18747.31637</v>
      </c>
      <c r="AK7206">
        <v>23370.668290000001</v>
      </c>
      <c r="AL7206">
        <v>52564.006970000002</v>
      </c>
      <c r="AM7206">
        <v>16001.608270000001</v>
      </c>
      <c r="AN7206">
        <v>73111.362059999999</v>
      </c>
      <c r="AO7206">
        <v>23813.959220000001</v>
      </c>
      <c r="AP7206">
        <v>12428.50063</v>
      </c>
    </row>
    <row r="7207" spans="2:42" x14ac:dyDescent="0.3">
      <c r="B7207">
        <v>41.841353946876353</v>
      </c>
      <c r="C7207" s="83">
        <v>43401.208333333336</v>
      </c>
      <c r="D7207">
        <v>159171.84570000001</v>
      </c>
      <c r="E7207">
        <v>12661.69939</v>
      </c>
      <c r="F7207">
        <v>47314.31439</v>
      </c>
      <c r="G7207">
        <v>34021.812339999997</v>
      </c>
      <c r="H7207">
        <v>33736.094839999998</v>
      </c>
      <c r="I7207">
        <v>19773.93923</v>
      </c>
      <c r="J7207">
        <v>30428.38148</v>
      </c>
      <c r="K7207">
        <v>40891.09448</v>
      </c>
      <c r="L7207">
        <v>16034.71984</v>
      </c>
      <c r="M7207">
        <v>213326.73480000001</v>
      </c>
      <c r="N7207">
        <v>61437.343560000001</v>
      </c>
      <c r="O7207">
        <v>18618.284110000001</v>
      </c>
      <c r="P7207">
        <v>25323.70635</v>
      </c>
      <c r="Q7207">
        <v>53277.034359999998</v>
      </c>
      <c r="R7207">
        <v>15955.71284</v>
      </c>
      <c r="S7207">
        <v>75002.118539999996</v>
      </c>
      <c r="T7207">
        <v>24256.527989999999</v>
      </c>
      <c r="U7207">
        <v>12293.11845</v>
      </c>
      <c r="W7207" s="83">
        <f>Bühler!N7239</f>
        <v>45592.208333315859</v>
      </c>
      <c r="X7207" s="83">
        <v>43401.208333333336</v>
      </c>
      <c r="Y7207">
        <v>159171.84570000001</v>
      </c>
      <c r="Z7207">
        <v>12661.69939</v>
      </c>
      <c r="AA7207">
        <v>47314.31439</v>
      </c>
      <c r="AB7207">
        <v>34021.812339999997</v>
      </c>
      <c r="AC7207">
        <v>33736.094839999998</v>
      </c>
      <c r="AD7207">
        <v>19773.93923</v>
      </c>
      <c r="AE7207">
        <v>30428.38148</v>
      </c>
      <c r="AF7207">
        <v>40891.09448</v>
      </c>
      <c r="AG7207">
        <v>16034.71984</v>
      </c>
      <c r="AH7207">
        <v>213326.73480000001</v>
      </c>
      <c r="AI7207">
        <v>61437.343560000001</v>
      </c>
      <c r="AJ7207">
        <v>18618.284110000001</v>
      </c>
      <c r="AK7207">
        <v>25323.70635</v>
      </c>
      <c r="AL7207">
        <v>53277.034359999998</v>
      </c>
      <c r="AM7207">
        <v>15955.71284</v>
      </c>
      <c r="AN7207">
        <v>75002.118539999996</v>
      </c>
      <c r="AO7207">
        <v>24256.527989999999</v>
      </c>
      <c r="AP7207">
        <v>12293.11845</v>
      </c>
    </row>
    <row r="7208" spans="2:42" x14ac:dyDescent="0.3">
      <c r="B7208">
        <v>42.434860247996568</v>
      </c>
      <c r="C7208" s="83">
        <v>43401.25</v>
      </c>
      <c r="D7208">
        <v>158779.53750000001</v>
      </c>
      <c r="E7208">
        <v>13094.412060000001</v>
      </c>
      <c r="F7208">
        <v>49374.274680000002</v>
      </c>
      <c r="G7208">
        <v>34792.060429999998</v>
      </c>
      <c r="H7208">
        <v>34230.559959999999</v>
      </c>
      <c r="I7208">
        <v>22155.681420000001</v>
      </c>
      <c r="J7208">
        <v>33154.268029999999</v>
      </c>
      <c r="K7208">
        <v>40673.971030000001</v>
      </c>
      <c r="L7208">
        <v>17044.1191</v>
      </c>
      <c r="M7208">
        <v>216352.70670000001</v>
      </c>
      <c r="N7208">
        <v>61134.955159999998</v>
      </c>
      <c r="O7208">
        <v>18894.762699999999</v>
      </c>
      <c r="P7208">
        <v>26355.293989999998</v>
      </c>
      <c r="Q7208">
        <v>53627.53413</v>
      </c>
      <c r="R7208">
        <v>15509.73437</v>
      </c>
      <c r="S7208">
        <v>79846.483009999996</v>
      </c>
      <c r="T7208">
        <v>25329.773120000002</v>
      </c>
      <c r="U7208">
        <v>12181.95673</v>
      </c>
      <c r="W7208" s="83">
        <f>Bühler!N7240</f>
        <v>45592.249999982523</v>
      </c>
      <c r="X7208" s="83">
        <v>43401.25</v>
      </c>
      <c r="Y7208">
        <v>158779.53750000001</v>
      </c>
      <c r="Z7208">
        <v>13094.412060000001</v>
      </c>
      <c r="AA7208">
        <v>49374.274680000002</v>
      </c>
      <c r="AB7208">
        <v>34792.060429999998</v>
      </c>
      <c r="AC7208">
        <v>34230.559959999999</v>
      </c>
      <c r="AD7208">
        <v>22155.681420000001</v>
      </c>
      <c r="AE7208">
        <v>33154.268029999999</v>
      </c>
      <c r="AF7208">
        <v>40673.971030000001</v>
      </c>
      <c r="AG7208">
        <v>17044.1191</v>
      </c>
      <c r="AH7208">
        <v>216352.70670000001</v>
      </c>
      <c r="AI7208">
        <v>61134.955159999998</v>
      </c>
      <c r="AJ7208">
        <v>18894.762699999999</v>
      </c>
      <c r="AK7208">
        <v>26355.293989999998</v>
      </c>
      <c r="AL7208">
        <v>53627.53413</v>
      </c>
      <c r="AM7208">
        <v>15509.73437</v>
      </c>
      <c r="AN7208">
        <v>79846.483009999996</v>
      </c>
      <c r="AO7208">
        <v>25329.773120000002</v>
      </c>
      <c r="AP7208">
        <v>12181.95673</v>
      </c>
    </row>
    <row r="7209" spans="2:42" x14ac:dyDescent="0.3">
      <c r="B7209">
        <v>41.919193531053693</v>
      </c>
      <c r="C7209" s="83">
        <v>43401.291666666664</v>
      </c>
      <c r="D7209">
        <v>158417.9602</v>
      </c>
      <c r="E7209">
        <v>13447.94572</v>
      </c>
      <c r="F7209">
        <v>50316.664750000004</v>
      </c>
      <c r="G7209">
        <v>34440.458530000004</v>
      </c>
      <c r="H7209">
        <v>33867.074419999997</v>
      </c>
      <c r="I7209">
        <v>23726.37314</v>
      </c>
      <c r="J7209">
        <v>33465.910210000002</v>
      </c>
      <c r="K7209">
        <v>40332.727529999996</v>
      </c>
      <c r="L7209">
        <v>18923.981810000001</v>
      </c>
      <c r="M7209">
        <v>213723.59729999999</v>
      </c>
      <c r="N7209">
        <v>62767.8969</v>
      </c>
      <c r="O7209">
        <v>19587.05934</v>
      </c>
      <c r="P7209">
        <v>28684.88265</v>
      </c>
      <c r="Q7209">
        <v>52904.313040000001</v>
      </c>
      <c r="R7209">
        <v>15497.427009999999</v>
      </c>
      <c r="S7209">
        <v>86114.546329999997</v>
      </c>
      <c r="T7209">
        <v>23216.039570000001</v>
      </c>
      <c r="U7209">
        <v>11805.47176</v>
      </c>
      <c r="W7209" s="83">
        <f>Bühler!N7241</f>
        <v>45592.291666649187</v>
      </c>
      <c r="X7209" s="83">
        <v>43401.291666666664</v>
      </c>
      <c r="Y7209">
        <v>158417.9602</v>
      </c>
      <c r="Z7209">
        <v>13447.94572</v>
      </c>
      <c r="AA7209">
        <v>50316.664750000004</v>
      </c>
      <c r="AB7209">
        <v>34440.458530000004</v>
      </c>
      <c r="AC7209">
        <v>33867.074419999997</v>
      </c>
      <c r="AD7209">
        <v>23726.37314</v>
      </c>
      <c r="AE7209">
        <v>33465.910210000002</v>
      </c>
      <c r="AF7209">
        <v>40332.727529999996</v>
      </c>
      <c r="AG7209">
        <v>18923.981810000001</v>
      </c>
      <c r="AH7209">
        <v>213723.59729999999</v>
      </c>
      <c r="AI7209">
        <v>62767.8969</v>
      </c>
      <c r="AJ7209">
        <v>19587.05934</v>
      </c>
      <c r="AK7209">
        <v>28684.88265</v>
      </c>
      <c r="AL7209">
        <v>52904.313040000001</v>
      </c>
      <c r="AM7209">
        <v>15497.427009999999</v>
      </c>
      <c r="AN7209">
        <v>86114.546329999997</v>
      </c>
      <c r="AO7209">
        <v>23216.039570000001</v>
      </c>
      <c r="AP7209">
        <v>11805.47176</v>
      </c>
    </row>
    <row r="7210" spans="2:42" x14ac:dyDescent="0.3">
      <c r="B7210">
        <v>41.328190335601739</v>
      </c>
      <c r="C7210" s="83">
        <v>43401.333333333336</v>
      </c>
      <c r="D7210">
        <v>157453.13500000001</v>
      </c>
      <c r="E7210">
        <v>13861.356159999999</v>
      </c>
      <c r="F7210">
        <v>51278.034870000003</v>
      </c>
      <c r="G7210">
        <v>33912.097540000002</v>
      </c>
      <c r="H7210">
        <v>33258.880969999998</v>
      </c>
      <c r="I7210">
        <v>23860.31034</v>
      </c>
      <c r="J7210">
        <v>32494.85571</v>
      </c>
      <c r="K7210">
        <v>41425.768150000004</v>
      </c>
      <c r="L7210">
        <v>21173.003769999999</v>
      </c>
      <c r="M7210">
        <v>210710.38740000001</v>
      </c>
      <c r="N7210">
        <v>63399.312910000001</v>
      </c>
      <c r="O7210">
        <v>19627.06912</v>
      </c>
      <c r="P7210">
        <v>32380.169119999999</v>
      </c>
      <c r="Q7210">
        <v>52342.575409999998</v>
      </c>
      <c r="R7210">
        <v>15242.86658</v>
      </c>
      <c r="S7210">
        <v>87233.87242</v>
      </c>
      <c r="T7210">
        <v>25209.848600000001</v>
      </c>
      <c r="U7210">
        <v>11139.361000000001</v>
      </c>
      <c r="W7210" s="83">
        <f>Bühler!N7242</f>
        <v>45592.333333315852</v>
      </c>
      <c r="X7210" s="83">
        <v>43401.333333333336</v>
      </c>
      <c r="Y7210">
        <v>157453.13500000001</v>
      </c>
      <c r="Z7210">
        <v>13861.356159999999</v>
      </c>
      <c r="AA7210">
        <v>51278.034870000003</v>
      </c>
      <c r="AB7210">
        <v>33912.097540000002</v>
      </c>
      <c r="AC7210">
        <v>33258.880969999998</v>
      </c>
      <c r="AD7210">
        <v>23860.31034</v>
      </c>
      <c r="AE7210">
        <v>32494.85571</v>
      </c>
      <c r="AF7210">
        <v>41425.768150000004</v>
      </c>
      <c r="AG7210">
        <v>21173.003769999999</v>
      </c>
      <c r="AH7210">
        <v>210710.38740000001</v>
      </c>
      <c r="AI7210">
        <v>63399.312910000001</v>
      </c>
      <c r="AJ7210">
        <v>19627.06912</v>
      </c>
      <c r="AK7210">
        <v>32380.169119999999</v>
      </c>
      <c r="AL7210">
        <v>52342.575409999998</v>
      </c>
      <c r="AM7210">
        <v>15242.86658</v>
      </c>
      <c r="AN7210">
        <v>87233.87242</v>
      </c>
      <c r="AO7210">
        <v>25209.848600000001</v>
      </c>
      <c r="AP7210">
        <v>11139.361000000001</v>
      </c>
    </row>
    <row r="7211" spans="2:42" x14ac:dyDescent="0.3">
      <c r="B7211">
        <v>41.435511491278938</v>
      </c>
      <c r="C7211" s="83">
        <v>43401.375</v>
      </c>
      <c r="D7211">
        <v>156980.4908</v>
      </c>
      <c r="E7211">
        <v>14730.82358</v>
      </c>
      <c r="F7211">
        <v>52845.722959999999</v>
      </c>
      <c r="G7211">
        <v>33947.086040000002</v>
      </c>
      <c r="H7211">
        <v>33621.854019999999</v>
      </c>
      <c r="I7211">
        <v>23444.050999999999</v>
      </c>
      <c r="J7211">
        <v>32128.64171</v>
      </c>
      <c r="K7211">
        <v>43896.582249999999</v>
      </c>
      <c r="L7211">
        <v>24387.99352</v>
      </c>
      <c r="M7211">
        <v>211257.5607</v>
      </c>
      <c r="N7211">
        <v>63231.937610000001</v>
      </c>
      <c r="O7211">
        <v>19637.49495</v>
      </c>
      <c r="P7211">
        <v>35144.111850000001</v>
      </c>
      <c r="Q7211">
        <v>52532.976949999997</v>
      </c>
      <c r="R7211">
        <v>15771.767959999999</v>
      </c>
      <c r="S7211">
        <v>88359.652029999997</v>
      </c>
      <c r="T7211">
        <v>27028.775590000001</v>
      </c>
      <c r="U7211">
        <v>11086.840910000001</v>
      </c>
      <c r="W7211" s="83">
        <f>Bühler!N7243</f>
        <v>45592.374999982516</v>
      </c>
      <c r="X7211" s="83">
        <v>43401.375</v>
      </c>
      <c r="Y7211">
        <v>156980.4908</v>
      </c>
      <c r="Z7211">
        <v>14730.82358</v>
      </c>
      <c r="AA7211">
        <v>52845.722959999999</v>
      </c>
      <c r="AB7211">
        <v>33947.086040000002</v>
      </c>
      <c r="AC7211">
        <v>33621.854019999999</v>
      </c>
      <c r="AD7211">
        <v>23444.050999999999</v>
      </c>
      <c r="AE7211">
        <v>32128.64171</v>
      </c>
      <c r="AF7211">
        <v>43896.582249999999</v>
      </c>
      <c r="AG7211">
        <v>24387.99352</v>
      </c>
      <c r="AH7211">
        <v>211257.5607</v>
      </c>
      <c r="AI7211">
        <v>63231.937610000001</v>
      </c>
      <c r="AJ7211">
        <v>19637.49495</v>
      </c>
      <c r="AK7211">
        <v>35144.111850000001</v>
      </c>
      <c r="AL7211">
        <v>52532.976949999997</v>
      </c>
      <c r="AM7211">
        <v>15771.767959999999</v>
      </c>
      <c r="AN7211">
        <v>88359.652029999997</v>
      </c>
      <c r="AO7211">
        <v>27028.775590000001</v>
      </c>
      <c r="AP7211">
        <v>11086.840910000001</v>
      </c>
    </row>
    <row r="7212" spans="2:42" x14ac:dyDescent="0.3">
      <c r="B7212">
        <v>41.866571922513842</v>
      </c>
      <c r="C7212" s="83">
        <v>43401.416666666664</v>
      </c>
      <c r="D7212">
        <v>156654.05619999999</v>
      </c>
      <c r="E7212">
        <v>15218.954239999999</v>
      </c>
      <c r="F7212">
        <v>53191.710019999999</v>
      </c>
      <c r="G7212">
        <v>33909.164750000004</v>
      </c>
      <c r="H7212">
        <v>34319.47522</v>
      </c>
      <c r="I7212">
        <v>23212.55834</v>
      </c>
      <c r="J7212">
        <v>31521.46963</v>
      </c>
      <c r="K7212">
        <v>44910.975209999997</v>
      </c>
      <c r="L7212">
        <v>27976.576580000001</v>
      </c>
      <c r="M7212">
        <v>213455.30780000001</v>
      </c>
      <c r="N7212">
        <v>63953.106039999999</v>
      </c>
      <c r="O7212">
        <v>19532.746449999999</v>
      </c>
      <c r="P7212">
        <v>35012.347800000003</v>
      </c>
      <c r="Q7212">
        <v>51906.96531</v>
      </c>
      <c r="R7212">
        <v>16329.84247</v>
      </c>
      <c r="S7212">
        <v>87789.646049999996</v>
      </c>
      <c r="T7212">
        <v>29104.65697</v>
      </c>
      <c r="U7212">
        <v>10726.36664</v>
      </c>
      <c r="W7212" s="83">
        <f>Bühler!N7244</f>
        <v>45592.41666664918</v>
      </c>
      <c r="X7212" s="83">
        <v>43401.416666666664</v>
      </c>
      <c r="Y7212">
        <v>156654.05619999999</v>
      </c>
      <c r="Z7212">
        <v>15218.954239999999</v>
      </c>
      <c r="AA7212">
        <v>53191.710019999999</v>
      </c>
      <c r="AB7212">
        <v>33909.164750000004</v>
      </c>
      <c r="AC7212">
        <v>34319.47522</v>
      </c>
      <c r="AD7212">
        <v>23212.55834</v>
      </c>
      <c r="AE7212">
        <v>31521.46963</v>
      </c>
      <c r="AF7212">
        <v>44910.975209999997</v>
      </c>
      <c r="AG7212">
        <v>27976.576580000001</v>
      </c>
      <c r="AH7212">
        <v>213455.30780000001</v>
      </c>
      <c r="AI7212">
        <v>63953.106039999999</v>
      </c>
      <c r="AJ7212">
        <v>19532.746449999999</v>
      </c>
      <c r="AK7212">
        <v>35012.347800000003</v>
      </c>
      <c r="AL7212">
        <v>51906.96531</v>
      </c>
      <c r="AM7212">
        <v>16329.84247</v>
      </c>
      <c r="AN7212">
        <v>87789.646049999996</v>
      </c>
      <c r="AO7212">
        <v>29104.65697</v>
      </c>
      <c r="AP7212">
        <v>10726.36664</v>
      </c>
    </row>
    <row r="7213" spans="2:42" x14ac:dyDescent="0.3">
      <c r="B7213">
        <v>42.171091712558095</v>
      </c>
      <c r="C7213" s="83">
        <v>43401.458333333336</v>
      </c>
      <c r="D7213">
        <v>155957.65160000001</v>
      </c>
      <c r="E7213">
        <v>15121.71398</v>
      </c>
      <c r="F7213">
        <v>53509.186930000003</v>
      </c>
      <c r="G7213">
        <v>34021.493699999999</v>
      </c>
      <c r="H7213">
        <v>34160.865610000001</v>
      </c>
      <c r="I7213">
        <v>22425.614130000002</v>
      </c>
      <c r="J7213">
        <v>31242.71082</v>
      </c>
      <c r="K7213">
        <v>46054.919990000002</v>
      </c>
      <c r="L7213">
        <v>28620.519830000001</v>
      </c>
      <c r="M7213">
        <v>215007.89170000001</v>
      </c>
      <c r="N7213">
        <v>64487.619019999998</v>
      </c>
      <c r="O7213">
        <v>19603.302820000001</v>
      </c>
      <c r="P7213">
        <v>34826.593800000002</v>
      </c>
      <c r="Q7213">
        <v>50986.342369999998</v>
      </c>
      <c r="R7213">
        <v>16812.795569999998</v>
      </c>
      <c r="S7213">
        <v>89639.968580000001</v>
      </c>
      <c r="T7213">
        <v>29320.92714</v>
      </c>
      <c r="U7213">
        <v>10634.38522</v>
      </c>
      <c r="W7213" s="83">
        <f>Bühler!N7245</f>
        <v>45592.458333315844</v>
      </c>
      <c r="X7213" s="83">
        <v>43401.458333333336</v>
      </c>
      <c r="Y7213">
        <v>155957.65160000001</v>
      </c>
      <c r="Z7213">
        <v>15121.71398</v>
      </c>
      <c r="AA7213">
        <v>53509.186930000003</v>
      </c>
      <c r="AB7213">
        <v>34021.493699999999</v>
      </c>
      <c r="AC7213">
        <v>34160.865610000001</v>
      </c>
      <c r="AD7213">
        <v>22425.614130000002</v>
      </c>
      <c r="AE7213">
        <v>31242.71082</v>
      </c>
      <c r="AF7213">
        <v>46054.919990000002</v>
      </c>
      <c r="AG7213">
        <v>28620.519830000001</v>
      </c>
      <c r="AH7213">
        <v>215007.89170000001</v>
      </c>
      <c r="AI7213">
        <v>64487.619019999998</v>
      </c>
      <c r="AJ7213">
        <v>19603.302820000001</v>
      </c>
      <c r="AK7213">
        <v>34826.593800000002</v>
      </c>
      <c r="AL7213">
        <v>50986.342369999998</v>
      </c>
      <c r="AM7213">
        <v>16812.795569999998</v>
      </c>
      <c r="AN7213">
        <v>89639.968580000001</v>
      </c>
      <c r="AO7213">
        <v>29320.92714</v>
      </c>
      <c r="AP7213">
        <v>10634.38522</v>
      </c>
    </row>
    <row r="7214" spans="2:42" x14ac:dyDescent="0.3">
      <c r="B7214">
        <v>41.677833577399866</v>
      </c>
      <c r="C7214" s="83">
        <v>43401.5</v>
      </c>
      <c r="D7214">
        <v>155689.50829999999</v>
      </c>
      <c r="E7214">
        <v>15085.989240000001</v>
      </c>
      <c r="F7214">
        <v>51212.059130000001</v>
      </c>
      <c r="G7214">
        <v>33659.922700000003</v>
      </c>
      <c r="H7214">
        <v>33259.014600000002</v>
      </c>
      <c r="I7214">
        <v>22564.37153</v>
      </c>
      <c r="J7214">
        <v>31641.001520000002</v>
      </c>
      <c r="K7214">
        <v>46664.277560000002</v>
      </c>
      <c r="L7214">
        <v>30490.348760000001</v>
      </c>
      <c r="M7214">
        <v>212493.03169999999</v>
      </c>
      <c r="N7214">
        <v>64123.900240000003</v>
      </c>
      <c r="O7214">
        <v>19014.98288</v>
      </c>
      <c r="P7214">
        <v>34004.185799999999</v>
      </c>
      <c r="Q7214">
        <v>49711.690130000003</v>
      </c>
      <c r="R7214">
        <v>17594.561389999999</v>
      </c>
      <c r="S7214">
        <v>85640.455549999999</v>
      </c>
      <c r="T7214">
        <v>29126.371159999999</v>
      </c>
      <c r="U7214">
        <v>10336.662340000001</v>
      </c>
      <c r="W7214" s="83">
        <f>Bühler!N7246</f>
        <v>45592.499999982509</v>
      </c>
      <c r="X7214" s="83">
        <v>43401.5</v>
      </c>
      <c r="Y7214">
        <v>155689.50829999999</v>
      </c>
      <c r="Z7214">
        <v>15085.989240000001</v>
      </c>
      <c r="AA7214">
        <v>51212.059130000001</v>
      </c>
      <c r="AB7214">
        <v>33659.922700000003</v>
      </c>
      <c r="AC7214">
        <v>33259.014600000002</v>
      </c>
      <c r="AD7214">
        <v>22564.37153</v>
      </c>
      <c r="AE7214">
        <v>31641.001520000002</v>
      </c>
      <c r="AF7214">
        <v>46664.277560000002</v>
      </c>
      <c r="AG7214">
        <v>30490.348760000001</v>
      </c>
      <c r="AH7214">
        <v>212493.03169999999</v>
      </c>
      <c r="AI7214">
        <v>64123.900240000003</v>
      </c>
      <c r="AJ7214">
        <v>19014.98288</v>
      </c>
      <c r="AK7214">
        <v>34004.185799999999</v>
      </c>
      <c r="AL7214">
        <v>49711.690130000003</v>
      </c>
      <c r="AM7214">
        <v>17594.561389999999</v>
      </c>
      <c r="AN7214">
        <v>85640.455549999999</v>
      </c>
      <c r="AO7214">
        <v>29126.371159999999</v>
      </c>
      <c r="AP7214">
        <v>10336.662340000001</v>
      </c>
    </row>
    <row r="7215" spans="2:42" x14ac:dyDescent="0.3">
      <c r="B7215">
        <v>42.025153336172814</v>
      </c>
      <c r="C7215" s="83">
        <v>43401.541666666664</v>
      </c>
      <c r="D7215">
        <v>156398.00709999999</v>
      </c>
      <c r="E7215">
        <v>14956.884840000001</v>
      </c>
      <c r="F7215">
        <v>47084.114820000003</v>
      </c>
      <c r="G7215">
        <v>33414.670749999997</v>
      </c>
      <c r="H7215">
        <v>33228.952740000001</v>
      </c>
      <c r="I7215">
        <v>22629.60614</v>
      </c>
      <c r="J7215">
        <v>30889.48704</v>
      </c>
      <c r="K7215">
        <v>45075.399369999999</v>
      </c>
      <c r="L7215">
        <v>30267.374039999999</v>
      </c>
      <c r="M7215">
        <v>214263.82980000001</v>
      </c>
      <c r="N7215">
        <v>64330.144489999999</v>
      </c>
      <c r="O7215">
        <v>19126.186710000002</v>
      </c>
      <c r="P7215">
        <v>32906.90438</v>
      </c>
      <c r="Q7215">
        <v>49241.67239</v>
      </c>
      <c r="R7215">
        <v>17837.568240000001</v>
      </c>
      <c r="S7215">
        <v>86292.382689999999</v>
      </c>
      <c r="T7215">
        <v>28549.61362</v>
      </c>
      <c r="U7215">
        <v>9857.6346859999994</v>
      </c>
      <c r="W7215" s="83">
        <f>Bühler!N7247</f>
        <v>45592.541666649173</v>
      </c>
      <c r="X7215" s="83">
        <v>43401.541666666664</v>
      </c>
      <c r="Y7215">
        <v>156398.00709999999</v>
      </c>
      <c r="Z7215">
        <v>14956.884840000001</v>
      </c>
      <c r="AA7215">
        <v>47084.114820000003</v>
      </c>
      <c r="AB7215">
        <v>33414.670749999997</v>
      </c>
      <c r="AC7215">
        <v>33228.952740000001</v>
      </c>
      <c r="AD7215">
        <v>22629.60614</v>
      </c>
      <c r="AE7215">
        <v>30889.48704</v>
      </c>
      <c r="AF7215">
        <v>45075.399369999999</v>
      </c>
      <c r="AG7215">
        <v>30267.374039999999</v>
      </c>
      <c r="AH7215">
        <v>214263.82980000001</v>
      </c>
      <c r="AI7215">
        <v>64330.144489999999</v>
      </c>
      <c r="AJ7215">
        <v>19126.186710000002</v>
      </c>
      <c r="AK7215">
        <v>32906.90438</v>
      </c>
      <c r="AL7215">
        <v>49241.67239</v>
      </c>
      <c r="AM7215">
        <v>17837.568240000001</v>
      </c>
      <c r="AN7215">
        <v>86292.382689999999</v>
      </c>
      <c r="AO7215">
        <v>28549.61362</v>
      </c>
      <c r="AP7215">
        <v>9857.6346859999994</v>
      </c>
    </row>
    <row r="7216" spans="2:42" x14ac:dyDescent="0.3">
      <c r="B7216">
        <v>42.197916308588972</v>
      </c>
      <c r="C7216" s="83">
        <v>43401.583333333336</v>
      </c>
      <c r="D7216">
        <v>156874.7121</v>
      </c>
      <c r="E7216">
        <v>15018.317349999999</v>
      </c>
      <c r="F7216">
        <v>46731.252789999999</v>
      </c>
      <c r="G7216">
        <v>33113.1296</v>
      </c>
      <c r="H7216">
        <v>32961.49022</v>
      </c>
      <c r="I7216">
        <v>23085.77203</v>
      </c>
      <c r="J7216">
        <v>30128.661220000002</v>
      </c>
      <c r="K7216">
        <v>43852.177100000001</v>
      </c>
      <c r="L7216">
        <v>28615.971659999999</v>
      </c>
      <c r="M7216">
        <v>215144.65599999999</v>
      </c>
      <c r="N7216">
        <v>62872.659379999997</v>
      </c>
      <c r="O7216">
        <v>19417.319159999999</v>
      </c>
      <c r="P7216">
        <v>30178.551439999999</v>
      </c>
      <c r="Q7216">
        <v>48772.908280000003</v>
      </c>
      <c r="R7216">
        <v>17341.112349999999</v>
      </c>
      <c r="S7216">
        <v>83680.654840000003</v>
      </c>
      <c r="T7216">
        <v>28907.87472</v>
      </c>
      <c r="U7216">
        <v>9890.9252369999995</v>
      </c>
      <c r="W7216" s="83">
        <f>Bühler!N7248</f>
        <v>45592.583333315837</v>
      </c>
      <c r="X7216" s="83">
        <v>43401.583333333336</v>
      </c>
      <c r="Y7216">
        <v>156874.7121</v>
      </c>
      <c r="Z7216">
        <v>15018.317349999999</v>
      </c>
      <c r="AA7216">
        <v>46731.252789999999</v>
      </c>
      <c r="AB7216">
        <v>33113.1296</v>
      </c>
      <c r="AC7216">
        <v>32961.49022</v>
      </c>
      <c r="AD7216">
        <v>23085.77203</v>
      </c>
      <c r="AE7216">
        <v>30128.661220000002</v>
      </c>
      <c r="AF7216">
        <v>43852.177100000001</v>
      </c>
      <c r="AG7216">
        <v>28615.971659999999</v>
      </c>
      <c r="AH7216">
        <v>215144.65599999999</v>
      </c>
      <c r="AI7216">
        <v>62872.659379999997</v>
      </c>
      <c r="AJ7216">
        <v>19417.319159999999</v>
      </c>
      <c r="AK7216">
        <v>30178.551439999999</v>
      </c>
      <c r="AL7216">
        <v>48772.908280000003</v>
      </c>
      <c r="AM7216">
        <v>17341.112349999999</v>
      </c>
      <c r="AN7216">
        <v>83680.654840000003</v>
      </c>
      <c r="AO7216">
        <v>28907.87472</v>
      </c>
      <c r="AP7216">
        <v>9890.9252369999995</v>
      </c>
    </row>
    <row r="7217" spans="2:42" x14ac:dyDescent="0.3">
      <c r="B7217">
        <v>41.73540341905688</v>
      </c>
      <c r="C7217" s="83">
        <v>43401.625</v>
      </c>
      <c r="D7217">
        <v>156727.8879</v>
      </c>
      <c r="E7217">
        <v>14839.96305</v>
      </c>
      <c r="F7217">
        <v>46049.086739999999</v>
      </c>
      <c r="G7217">
        <v>33254.298049999998</v>
      </c>
      <c r="H7217">
        <v>32450.61116</v>
      </c>
      <c r="I7217">
        <v>23441.787420000001</v>
      </c>
      <c r="J7217">
        <v>29665.573990000001</v>
      </c>
      <c r="K7217">
        <v>44707.220820000002</v>
      </c>
      <c r="L7217">
        <v>26755.10716</v>
      </c>
      <c r="M7217">
        <v>212786.5496</v>
      </c>
      <c r="N7217">
        <v>63589.785479999999</v>
      </c>
      <c r="O7217">
        <v>19972.763900000002</v>
      </c>
      <c r="P7217">
        <v>28143.39875</v>
      </c>
      <c r="Q7217">
        <v>48725.724040000001</v>
      </c>
      <c r="R7217">
        <v>17084.865020000001</v>
      </c>
      <c r="S7217">
        <v>83608.165770000007</v>
      </c>
      <c r="T7217">
        <v>29171.826980000002</v>
      </c>
      <c r="U7217">
        <v>9878.4749449999999</v>
      </c>
      <c r="W7217" s="83">
        <f>Bühler!N7249</f>
        <v>45592.624999982501</v>
      </c>
      <c r="X7217" s="83">
        <v>43401.625</v>
      </c>
      <c r="Y7217">
        <v>156727.8879</v>
      </c>
      <c r="Z7217">
        <v>14839.96305</v>
      </c>
      <c r="AA7217">
        <v>46049.086739999999</v>
      </c>
      <c r="AB7217">
        <v>33254.298049999998</v>
      </c>
      <c r="AC7217">
        <v>32450.61116</v>
      </c>
      <c r="AD7217">
        <v>23441.787420000001</v>
      </c>
      <c r="AE7217">
        <v>29665.573990000001</v>
      </c>
      <c r="AF7217">
        <v>44707.220820000002</v>
      </c>
      <c r="AG7217">
        <v>26755.10716</v>
      </c>
      <c r="AH7217">
        <v>212786.5496</v>
      </c>
      <c r="AI7217">
        <v>63589.785479999999</v>
      </c>
      <c r="AJ7217">
        <v>19972.763900000002</v>
      </c>
      <c r="AK7217">
        <v>28143.39875</v>
      </c>
      <c r="AL7217">
        <v>48725.724040000001</v>
      </c>
      <c r="AM7217">
        <v>17084.865020000001</v>
      </c>
      <c r="AN7217">
        <v>83608.165770000007</v>
      </c>
      <c r="AO7217">
        <v>29171.826980000002</v>
      </c>
      <c r="AP7217">
        <v>9878.4749449999999</v>
      </c>
    </row>
    <row r="7218" spans="2:42" x14ac:dyDescent="0.3">
      <c r="B7218">
        <v>41.792388202423822</v>
      </c>
      <c r="C7218" s="83">
        <v>43401.666666666664</v>
      </c>
      <c r="D7218">
        <v>157497.323</v>
      </c>
      <c r="E7218">
        <v>14877.3907</v>
      </c>
      <c r="F7218">
        <v>46035.12889</v>
      </c>
      <c r="G7218">
        <v>33382.764369999997</v>
      </c>
      <c r="H7218">
        <v>32604.88264</v>
      </c>
      <c r="I7218">
        <v>23727.373899999999</v>
      </c>
      <c r="J7218">
        <v>29460.4388</v>
      </c>
      <c r="K7218">
        <v>43664.691149999999</v>
      </c>
      <c r="L7218">
        <v>25511.13409</v>
      </c>
      <c r="M7218">
        <v>213077.0846</v>
      </c>
      <c r="N7218">
        <v>63891.981910000002</v>
      </c>
      <c r="O7218">
        <v>19955.848310000001</v>
      </c>
      <c r="P7218">
        <v>27570.82171</v>
      </c>
      <c r="Q7218">
        <v>49108.540399999998</v>
      </c>
      <c r="R7218">
        <v>17177.278020000002</v>
      </c>
      <c r="S7218">
        <v>84690.132679999995</v>
      </c>
      <c r="T7218">
        <v>28634.356769999999</v>
      </c>
      <c r="U7218">
        <v>10120.985930000001</v>
      </c>
      <c r="W7218" s="83">
        <f>Bühler!N7250</f>
        <v>45592.666666649166</v>
      </c>
      <c r="X7218" s="83">
        <v>43401.666666666664</v>
      </c>
      <c r="Y7218">
        <v>157497.323</v>
      </c>
      <c r="Z7218">
        <v>14877.3907</v>
      </c>
      <c r="AA7218">
        <v>46035.12889</v>
      </c>
      <c r="AB7218">
        <v>33382.764369999997</v>
      </c>
      <c r="AC7218">
        <v>32604.88264</v>
      </c>
      <c r="AD7218">
        <v>23727.373899999999</v>
      </c>
      <c r="AE7218">
        <v>29460.4388</v>
      </c>
      <c r="AF7218">
        <v>43664.691149999999</v>
      </c>
      <c r="AG7218">
        <v>25511.13409</v>
      </c>
      <c r="AH7218">
        <v>213077.0846</v>
      </c>
      <c r="AI7218">
        <v>63891.981910000002</v>
      </c>
      <c r="AJ7218">
        <v>19955.848310000001</v>
      </c>
      <c r="AK7218">
        <v>27570.82171</v>
      </c>
      <c r="AL7218">
        <v>49108.540399999998</v>
      </c>
      <c r="AM7218">
        <v>17177.278020000002</v>
      </c>
      <c r="AN7218">
        <v>84690.132679999995</v>
      </c>
      <c r="AO7218">
        <v>28634.356769999999</v>
      </c>
      <c r="AP7218">
        <v>10120.985930000001</v>
      </c>
    </row>
    <row r="7219" spans="2:42" x14ac:dyDescent="0.3">
      <c r="B7219">
        <v>41.938710851229196</v>
      </c>
      <c r="C7219" s="83">
        <v>43401.708333333336</v>
      </c>
      <c r="D7219">
        <v>158895.88430000001</v>
      </c>
      <c r="E7219">
        <v>15226.7757</v>
      </c>
      <c r="F7219">
        <v>46635.513760000002</v>
      </c>
      <c r="G7219">
        <v>33877.456039999997</v>
      </c>
      <c r="H7219">
        <v>33378.630590000001</v>
      </c>
      <c r="I7219">
        <v>23679.399649999999</v>
      </c>
      <c r="J7219">
        <v>31210.09535</v>
      </c>
      <c r="K7219">
        <v>42457.436959999999</v>
      </c>
      <c r="L7219">
        <v>25523.6613</v>
      </c>
      <c r="M7219">
        <v>213823.10569999999</v>
      </c>
      <c r="N7219">
        <v>64226.069199999998</v>
      </c>
      <c r="O7219">
        <v>18696.95851</v>
      </c>
      <c r="P7219">
        <v>28537.39388</v>
      </c>
      <c r="Q7219">
        <v>50154.203410000002</v>
      </c>
      <c r="R7219">
        <v>17451.589319999999</v>
      </c>
      <c r="S7219">
        <v>88174.183350000007</v>
      </c>
      <c r="T7219">
        <v>28907.67337</v>
      </c>
      <c r="U7219">
        <v>10592.49509</v>
      </c>
      <c r="W7219" s="83">
        <f>Bühler!N7251</f>
        <v>45592.70833331583</v>
      </c>
      <c r="X7219" s="83">
        <v>43401.708333333336</v>
      </c>
      <c r="Y7219">
        <v>158895.88430000001</v>
      </c>
      <c r="Z7219">
        <v>15226.7757</v>
      </c>
      <c r="AA7219">
        <v>46635.513760000002</v>
      </c>
      <c r="AB7219">
        <v>33877.456039999997</v>
      </c>
      <c r="AC7219">
        <v>33378.630590000001</v>
      </c>
      <c r="AD7219">
        <v>23679.399649999999</v>
      </c>
      <c r="AE7219">
        <v>31210.09535</v>
      </c>
      <c r="AF7219">
        <v>42457.436959999999</v>
      </c>
      <c r="AG7219">
        <v>25523.6613</v>
      </c>
      <c r="AH7219">
        <v>213823.10569999999</v>
      </c>
      <c r="AI7219">
        <v>64226.069199999998</v>
      </c>
      <c r="AJ7219">
        <v>18696.95851</v>
      </c>
      <c r="AK7219">
        <v>28537.39388</v>
      </c>
      <c r="AL7219">
        <v>50154.203410000002</v>
      </c>
      <c r="AM7219">
        <v>17451.589319999999</v>
      </c>
      <c r="AN7219">
        <v>88174.183350000007</v>
      </c>
      <c r="AO7219">
        <v>28907.67337</v>
      </c>
      <c r="AP7219">
        <v>10592.49509</v>
      </c>
    </row>
    <row r="7220" spans="2:42" x14ac:dyDescent="0.3">
      <c r="B7220">
        <v>42.03418987714609</v>
      </c>
      <c r="C7220" s="83">
        <v>43401.75</v>
      </c>
      <c r="D7220">
        <v>162612.96549999999</v>
      </c>
      <c r="E7220">
        <v>15366.157289999999</v>
      </c>
      <c r="F7220">
        <v>47524.472229999999</v>
      </c>
      <c r="G7220">
        <v>35399.054259999997</v>
      </c>
      <c r="H7220">
        <v>34857.744789999997</v>
      </c>
      <c r="I7220">
        <v>24949.70163</v>
      </c>
      <c r="J7220">
        <v>33839.955349999997</v>
      </c>
      <c r="K7220">
        <v>43774.529419999999</v>
      </c>
      <c r="L7220">
        <v>27860.889050000002</v>
      </c>
      <c r="M7220">
        <v>214309.90229999999</v>
      </c>
      <c r="N7220">
        <v>66507.426779999994</v>
      </c>
      <c r="O7220">
        <v>18839.919259999999</v>
      </c>
      <c r="P7220">
        <v>30900.396830000002</v>
      </c>
      <c r="Q7220">
        <v>50822.675380000001</v>
      </c>
      <c r="R7220">
        <v>18975.26813</v>
      </c>
      <c r="S7220">
        <v>89330.724310000005</v>
      </c>
      <c r="T7220">
        <v>29671.289239999998</v>
      </c>
      <c r="U7220">
        <v>11756.71435</v>
      </c>
      <c r="W7220" s="83">
        <f>Bühler!N7252</f>
        <v>45592.749999982494</v>
      </c>
      <c r="X7220" s="83">
        <v>43401.75</v>
      </c>
      <c r="Y7220">
        <v>162612.96549999999</v>
      </c>
      <c r="Z7220">
        <v>15366.157289999999</v>
      </c>
      <c r="AA7220">
        <v>47524.472229999999</v>
      </c>
      <c r="AB7220">
        <v>35399.054259999997</v>
      </c>
      <c r="AC7220">
        <v>34857.744789999997</v>
      </c>
      <c r="AD7220">
        <v>24949.70163</v>
      </c>
      <c r="AE7220">
        <v>33839.955349999997</v>
      </c>
      <c r="AF7220">
        <v>43774.529419999999</v>
      </c>
      <c r="AG7220">
        <v>27860.889050000002</v>
      </c>
      <c r="AH7220">
        <v>214309.90229999999</v>
      </c>
      <c r="AI7220">
        <v>66507.426779999994</v>
      </c>
      <c r="AJ7220">
        <v>18839.919259999999</v>
      </c>
      <c r="AK7220">
        <v>30900.396830000002</v>
      </c>
      <c r="AL7220">
        <v>50822.675380000001</v>
      </c>
      <c r="AM7220">
        <v>18975.26813</v>
      </c>
      <c r="AN7220">
        <v>89330.724310000005</v>
      </c>
      <c r="AO7220">
        <v>29671.289239999998</v>
      </c>
      <c r="AP7220">
        <v>11756.71435</v>
      </c>
    </row>
    <row r="7221" spans="2:42" x14ac:dyDescent="0.3">
      <c r="B7221">
        <v>41.930398076924654</v>
      </c>
      <c r="C7221" s="83">
        <v>43401.791666666664</v>
      </c>
      <c r="D7221">
        <v>163364.61120000001</v>
      </c>
      <c r="E7221">
        <v>14531.577579999999</v>
      </c>
      <c r="F7221">
        <v>46953.792110000002</v>
      </c>
      <c r="G7221">
        <v>35542.516159999999</v>
      </c>
      <c r="H7221">
        <v>34600.484830000001</v>
      </c>
      <c r="I7221">
        <v>25629.49395</v>
      </c>
      <c r="J7221">
        <v>33905.455470000001</v>
      </c>
      <c r="K7221">
        <v>44689.64026</v>
      </c>
      <c r="L7221">
        <v>29375.792710000002</v>
      </c>
      <c r="M7221">
        <v>213780.72330000001</v>
      </c>
      <c r="N7221">
        <v>67641.85411</v>
      </c>
      <c r="O7221">
        <v>18664.81813</v>
      </c>
      <c r="P7221">
        <v>30930.621620000002</v>
      </c>
      <c r="Q7221">
        <v>51222.106599999999</v>
      </c>
      <c r="R7221">
        <v>19541.731759999999</v>
      </c>
      <c r="S7221">
        <v>87625.74944</v>
      </c>
      <c r="T7221">
        <v>28746.003799999999</v>
      </c>
      <c r="U7221">
        <v>11663.69731</v>
      </c>
      <c r="W7221" s="83">
        <f>Bühler!N7253</f>
        <v>45592.791666649158</v>
      </c>
      <c r="X7221" s="83">
        <v>43401.791666666664</v>
      </c>
      <c r="Y7221">
        <v>163364.61120000001</v>
      </c>
      <c r="Z7221">
        <v>14531.577579999999</v>
      </c>
      <c r="AA7221">
        <v>46953.792110000002</v>
      </c>
      <c r="AB7221">
        <v>35542.516159999999</v>
      </c>
      <c r="AC7221">
        <v>34600.484830000001</v>
      </c>
      <c r="AD7221">
        <v>25629.49395</v>
      </c>
      <c r="AE7221">
        <v>33905.455470000001</v>
      </c>
      <c r="AF7221">
        <v>44689.64026</v>
      </c>
      <c r="AG7221">
        <v>29375.792710000002</v>
      </c>
      <c r="AH7221">
        <v>213780.72330000001</v>
      </c>
      <c r="AI7221">
        <v>67641.85411</v>
      </c>
      <c r="AJ7221">
        <v>18664.81813</v>
      </c>
      <c r="AK7221">
        <v>30930.621620000002</v>
      </c>
      <c r="AL7221">
        <v>51222.106599999999</v>
      </c>
      <c r="AM7221">
        <v>19541.731759999999</v>
      </c>
      <c r="AN7221">
        <v>87625.74944</v>
      </c>
      <c r="AO7221">
        <v>28746.003799999999</v>
      </c>
      <c r="AP7221">
        <v>11663.69731</v>
      </c>
    </row>
    <row r="7222" spans="2:42" x14ac:dyDescent="0.3">
      <c r="B7222">
        <v>42.344576941384908</v>
      </c>
      <c r="C7222" s="83">
        <v>43401.833333333336</v>
      </c>
      <c r="D7222">
        <v>164676.33290000001</v>
      </c>
      <c r="E7222">
        <v>13418.699259999999</v>
      </c>
      <c r="F7222">
        <v>46820.95822</v>
      </c>
      <c r="G7222">
        <v>35453.96067</v>
      </c>
      <c r="H7222">
        <v>34596.827100000002</v>
      </c>
      <c r="I7222">
        <v>24292.845679999999</v>
      </c>
      <c r="J7222">
        <v>32831.968500000003</v>
      </c>
      <c r="K7222">
        <v>44610.530550000003</v>
      </c>
      <c r="L7222">
        <v>28673.1983</v>
      </c>
      <c r="M7222">
        <v>215892.40030000001</v>
      </c>
      <c r="N7222">
        <v>67588.397920000003</v>
      </c>
      <c r="O7222">
        <v>18956.21672</v>
      </c>
      <c r="P7222">
        <v>30971.286359999998</v>
      </c>
      <c r="Q7222">
        <v>51786.24884</v>
      </c>
      <c r="R7222">
        <v>18442.092140000001</v>
      </c>
      <c r="S7222">
        <v>81802.78933</v>
      </c>
      <c r="T7222">
        <v>25318.647789999999</v>
      </c>
      <c r="U7222">
        <v>11773.599550000001</v>
      </c>
      <c r="W7222" s="83">
        <f>Bühler!N7254</f>
        <v>45592.833333315823</v>
      </c>
      <c r="X7222" s="83">
        <v>43401.833333333336</v>
      </c>
      <c r="Y7222">
        <v>164676.33290000001</v>
      </c>
      <c r="Z7222">
        <v>13418.699259999999</v>
      </c>
      <c r="AA7222">
        <v>46820.95822</v>
      </c>
      <c r="AB7222">
        <v>35453.96067</v>
      </c>
      <c r="AC7222">
        <v>34596.827100000002</v>
      </c>
      <c r="AD7222">
        <v>24292.845679999999</v>
      </c>
      <c r="AE7222">
        <v>32831.968500000003</v>
      </c>
      <c r="AF7222">
        <v>44610.530550000003</v>
      </c>
      <c r="AG7222">
        <v>28673.1983</v>
      </c>
      <c r="AH7222">
        <v>215892.40030000001</v>
      </c>
      <c r="AI7222">
        <v>67588.397920000003</v>
      </c>
      <c r="AJ7222">
        <v>18956.21672</v>
      </c>
      <c r="AK7222">
        <v>30971.286359999998</v>
      </c>
      <c r="AL7222">
        <v>51786.24884</v>
      </c>
      <c r="AM7222">
        <v>18442.092140000001</v>
      </c>
      <c r="AN7222">
        <v>81802.78933</v>
      </c>
      <c r="AO7222">
        <v>25318.647789999999</v>
      </c>
      <c r="AP7222">
        <v>11773.599550000001</v>
      </c>
    </row>
    <row r="7223" spans="2:42" x14ac:dyDescent="0.3">
      <c r="B7223">
        <v>42.546506763207589</v>
      </c>
      <c r="C7223" s="83">
        <v>43401.875</v>
      </c>
      <c r="D7223">
        <v>166370.23999999999</v>
      </c>
      <c r="E7223">
        <v>13192.67482</v>
      </c>
      <c r="F7223">
        <v>46867.635909999997</v>
      </c>
      <c r="G7223">
        <v>35652.482660000001</v>
      </c>
      <c r="H7223">
        <v>34132.098989999999</v>
      </c>
      <c r="I7223">
        <v>23348.223849999998</v>
      </c>
      <c r="J7223">
        <v>31544.57645</v>
      </c>
      <c r="K7223">
        <v>45405.601240000004</v>
      </c>
      <c r="L7223">
        <v>25993.679800000002</v>
      </c>
      <c r="M7223">
        <v>216921.9327</v>
      </c>
      <c r="N7223">
        <v>67147.426550000004</v>
      </c>
      <c r="O7223">
        <v>18444.19353</v>
      </c>
      <c r="P7223">
        <v>29326.274239999999</v>
      </c>
      <c r="Q7223">
        <v>54661.792529999999</v>
      </c>
      <c r="R7223">
        <v>18309.188890000001</v>
      </c>
      <c r="S7223">
        <v>77872.955560000002</v>
      </c>
      <c r="T7223">
        <v>23788.29535</v>
      </c>
      <c r="U7223">
        <v>11834.70161</v>
      </c>
      <c r="W7223" s="83">
        <f>Bühler!N7255</f>
        <v>45592.874999982487</v>
      </c>
      <c r="X7223" s="83">
        <v>43401.875</v>
      </c>
      <c r="Y7223">
        <v>166370.23999999999</v>
      </c>
      <c r="Z7223">
        <v>13192.67482</v>
      </c>
      <c r="AA7223">
        <v>46867.635909999997</v>
      </c>
      <c r="AB7223">
        <v>35652.482660000001</v>
      </c>
      <c r="AC7223">
        <v>34132.098989999999</v>
      </c>
      <c r="AD7223">
        <v>23348.223849999998</v>
      </c>
      <c r="AE7223">
        <v>31544.57645</v>
      </c>
      <c r="AF7223">
        <v>45405.601240000004</v>
      </c>
      <c r="AG7223">
        <v>25993.679800000002</v>
      </c>
      <c r="AH7223">
        <v>216921.9327</v>
      </c>
      <c r="AI7223">
        <v>67147.426550000004</v>
      </c>
      <c r="AJ7223">
        <v>18444.19353</v>
      </c>
      <c r="AK7223">
        <v>29326.274239999999</v>
      </c>
      <c r="AL7223">
        <v>54661.792529999999</v>
      </c>
      <c r="AM7223">
        <v>18309.188890000001</v>
      </c>
      <c r="AN7223">
        <v>77872.955560000002</v>
      </c>
      <c r="AO7223">
        <v>23788.29535</v>
      </c>
      <c r="AP7223">
        <v>11834.70161</v>
      </c>
    </row>
    <row r="7224" spans="2:42" x14ac:dyDescent="0.3">
      <c r="B7224">
        <v>42.844587813089944</v>
      </c>
      <c r="C7224" s="83">
        <v>43401.916666666664</v>
      </c>
      <c r="D7224">
        <v>168031.26180000001</v>
      </c>
      <c r="E7224">
        <v>13178.373879999999</v>
      </c>
      <c r="F7224">
        <v>46352.864430000001</v>
      </c>
      <c r="G7224">
        <v>36044.813439999998</v>
      </c>
      <c r="H7224">
        <v>34219.71847</v>
      </c>
      <c r="I7224">
        <v>22975.4198</v>
      </c>
      <c r="J7224">
        <v>31029.19471</v>
      </c>
      <c r="K7224">
        <v>46972.19124</v>
      </c>
      <c r="L7224">
        <v>23093.834579999999</v>
      </c>
      <c r="M7224">
        <v>218441.68890000001</v>
      </c>
      <c r="N7224">
        <v>68250.229359999998</v>
      </c>
      <c r="O7224">
        <v>18885.528190000001</v>
      </c>
      <c r="P7224">
        <v>28780.702799999999</v>
      </c>
      <c r="Q7224">
        <v>55994.802259999997</v>
      </c>
      <c r="R7224">
        <v>21020.16401</v>
      </c>
      <c r="S7224">
        <v>76713.331529999996</v>
      </c>
      <c r="T7224">
        <v>23296.169239999999</v>
      </c>
      <c r="U7224">
        <v>12134.21823</v>
      </c>
      <c r="W7224" s="83">
        <f>Bühler!N7256</f>
        <v>45592.916666649151</v>
      </c>
      <c r="X7224" s="83">
        <v>43401.916666666664</v>
      </c>
      <c r="Y7224">
        <v>168031.26180000001</v>
      </c>
      <c r="Z7224">
        <v>13178.373879999999</v>
      </c>
      <c r="AA7224">
        <v>46352.864430000001</v>
      </c>
      <c r="AB7224">
        <v>36044.813439999998</v>
      </c>
      <c r="AC7224">
        <v>34219.71847</v>
      </c>
      <c r="AD7224">
        <v>22975.4198</v>
      </c>
      <c r="AE7224">
        <v>31029.19471</v>
      </c>
      <c r="AF7224">
        <v>46972.19124</v>
      </c>
      <c r="AG7224">
        <v>23093.834579999999</v>
      </c>
      <c r="AH7224">
        <v>218441.68890000001</v>
      </c>
      <c r="AI7224">
        <v>68250.229359999998</v>
      </c>
      <c r="AJ7224">
        <v>18885.528190000001</v>
      </c>
      <c r="AK7224">
        <v>28780.702799999999</v>
      </c>
      <c r="AL7224">
        <v>55994.802259999997</v>
      </c>
      <c r="AM7224">
        <v>21020.16401</v>
      </c>
      <c r="AN7224">
        <v>76713.331529999996</v>
      </c>
      <c r="AO7224">
        <v>23296.169239999999</v>
      </c>
      <c r="AP7224">
        <v>12134.21823</v>
      </c>
    </row>
    <row r="7225" spans="2:42" x14ac:dyDescent="0.3">
      <c r="B7225">
        <v>42.331900933412051</v>
      </c>
      <c r="C7225" s="83">
        <v>43401.958333333336</v>
      </c>
      <c r="D7225">
        <v>169618.41339999999</v>
      </c>
      <c r="E7225">
        <v>12913.83374</v>
      </c>
      <c r="F7225">
        <v>46157.56682</v>
      </c>
      <c r="G7225">
        <v>36206.015019999999</v>
      </c>
      <c r="H7225">
        <v>34321.211349999998</v>
      </c>
      <c r="I7225">
        <v>22328.488290000001</v>
      </c>
      <c r="J7225">
        <v>28767.906169999998</v>
      </c>
      <c r="K7225">
        <v>47236.53196</v>
      </c>
      <c r="L7225">
        <v>20097.217929999999</v>
      </c>
      <c r="M7225">
        <v>215827.7721</v>
      </c>
      <c r="N7225">
        <v>68497.097410000002</v>
      </c>
      <c r="O7225">
        <v>19071.563180000001</v>
      </c>
      <c r="P7225">
        <v>26750.24151</v>
      </c>
      <c r="Q7225">
        <v>57274.09388</v>
      </c>
      <c r="R7225">
        <v>20278.582190000001</v>
      </c>
      <c r="S7225">
        <v>75584.079700000002</v>
      </c>
      <c r="T7225">
        <v>26572.885539999999</v>
      </c>
      <c r="U7225">
        <v>11992.039699999999</v>
      </c>
      <c r="W7225" s="83">
        <f>Bühler!N7257</f>
        <v>45592.958333315815</v>
      </c>
      <c r="X7225" s="83">
        <v>43401.958333333336</v>
      </c>
      <c r="Y7225">
        <v>169618.41339999999</v>
      </c>
      <c r="Z7225">
        <v>12913.83374</v>
      </c>
      <c r="AA7225">
        <v>46157.56682</v>
      </c>
      <c r="AB7225">
        <v>36206.015019999999</v>
      </c>
      <c r="AC7225">
        <v>34321.211349999998</v>
      </c>
      <c r="AD7225">
        <v>22328.488290000001</v>
      </c>
      <c r="AE7225">
        <v>28767.906169999998</v>
      </c>
      <c r="AF7225">
        <v>47236.53196</v>
      </c>
      <c r="AG7225">
        <v>20097.217929999999</v>
      </c>
      <c r="AH7225">
        <v>215827.7721</v>
      </c>
      <c r="AI7225">
        <v>68497.097410000002</v>
      </c>
      <c r="AJ7225">
        <v>19071.563180000001</v>
      </c>
      <c r="AK7225">
        <v>26750.24151</v>
      </c>
      <c r="AL7225">
        <v>57274.09388</v>
      </c>
      <c r="AM7225">
        <v>20278.582190000001</v>
      </c>
      <c r="AN7225">
        <v>75584.079700000002</v>
      </c>
      <c r="AO7225">
        <v>26572.885539999999</v>
      </c>
      <c r="AP7225">
        <v>11992.039699999999</v>
      </c>
    </row>
    <row r="7226" spans="2:42" x14ac:dyDescent="0.3">
      <c r="B7226">
        <v>42.12902816136129</v>
      </c>
      <c r="C7226" s="83">
        <v>43402</v>
      </c>
      <c r="D7226">
        <v>171141.97560000001</v>
      </c>
      <c r="E7226">
        <v>13027.64005</v>
      </c>
      <c r="F7226">
        <v>46436.635549999999</v>
      </c>
      <c r="G7226">
        <v>36296.383430000002</v>
      </c>
      <c r="H7226">
        <v>33983.98315</v>
      </c>
      <c r="I7226">
        <v>20328.473890000001</v>
      </c>
      <c r="J7226">
        <v>27359.203160000001</v>
      </c>
      <c r="K7226">
        <v>44759.286659999998</v>
      </c>
      <c r="L7226">
        <v>18117.499039999999</v>
      </c>
      <c r="M7226">
        <v>214793.43210000001</v>
      </c>
      <c r="N7226">
        <v>68661.318830000004</v>
      </c>
      <c r="O7226">
        <v>18939.11145</v>
      </c>
      <c r="P7226">
        <v>24230.128069999999</v>
      </c>
      <c r="Q7226">
        <v>60807.961519999997</v>
      </c>
      <c r="R7226">
        <v>19147.437150000002</v>
      </c>
      <c r="S7226">
        <v>74523.375620000006</v>
      </c>
      <c r="T7226">
        <v>25497.10397</v>
      </c>
      <c r="U7226">
        <v>11896.845090000001</v>
      </c>
      <c r="W7226" s="83">
        <f>Bühler!N7258</f>
        <v>45592.999999982479</v>
      </c>
      <c r="X7226" s="83">
        <v>43402</v>
      </c>
      <c r="Y7226">
        <v>171141.97560000001</v>
      </c>
      <c r="Z7226">
        <v>13027.64005</v>
      </c>
      <c r="AA7226">
        <v>46436.635549999999</v>
      </c>
      <c r="AB7226">
        <v>36296.383430000002</v>
      </c>
      <c r="AC7226">
        <v>33983.98315</v>
      </c>
      <c r="AD7226">
        <v>20328.473890000001</v>
      </c>
      <c r="AE7226">
        <v>27359.203160000001</v>
      </c>
      <c r="AF7226">
        <v>44759.286659999998</v>
      </c>
      <c r="AG7226">
        <v>18117.499039999999</v>
      </c>
      <c r="AH7226">
        <v>214793.43210000001</v>
      </c>
      <c r="AI7226">
        <v>68661.318830000004</v>
      </c>
      <c r="AJ7226">
        <v>18939.11145</v>
      </c>
      <c r="AK7226">
        <v>24230.128069999999</v>
      </c>
      <c r="AL7226">
        <v>60807.961519999997</v>
      </c>
      <c r="AM7226">
        <v>19147.437150000002</v>
      </c>
      <c r="AN7226">
        <v>74523.375620000006</v>
      </c>
      <c r="AO7226">
        <v>25497.10397</v>
      </c>
      <c r="AP7226">
        <v>11896.845090000001</v>
      </c>
    </row>
    <row r="7227" spans="2:42" x14ac:dyDescent="0.3">
      <c r="B7227">
        <v>42.34534962472452</v>
      </c>
      <c r="C7227" s="83">
        <v>43402.041666666664</v>
      </c>
      <c r="D7227">
        <v>172382.3444</v>
      </c>
      <c r="E7227">
        <v>12904.860479999999</v>
      </c>
      <c r="F7227">
        <v>47378.112269999998</v>
      </c>
      <c r="G7227">
        <v>36103.75733</v>
      </c>
      <c r="H7227">
        <v>33878.835950000001</v>
      </c>
      <c r="I7227">
        <v>16819.03847</v>
      </c>
      <c r="J7227">
        <v>26692.28026</v>
      </c>
      <c r="K7227">
        <v>42618.560420000002</v>
      </c>
      <c r="L7227">
        <v>17300.583900000001</v>
      </c>
      <c r="M7227">
        <v>215896.33979999999</v>
      </c>
      <c r="N7227">
        <v>68718.437699999995</v>
      </c>
      <c r="O7227">
        <v>19039.086579999999</v>
      </c>
      <c r="P7227">
        <v>23854.32746</v>
      </c>
      <c r="Q7227">
        <v>64435.953249999999</v>
      </c>
      <c r="R7227">
        <v>18123.81408</v>
      </c>
      <c r="S7227">
        <v>74302.436610000004</v>
      </c>
      <c r="T7227">
        <v>24751.196349999998</v>
      </c>
      <c r="U7227">
        <v>11541.3632</v>
      </c>
      <c r="W7227" s="83">
        <f>Bühler!N7259</f>
        <v>45593.041666649144</v>
      </c>
      <c r="X7227" s="83">
        <v>43402.041666666664</v>
      </c>
      <c r="Y7227">
        <v>172382.3444</v>
      </c>
      <c r="Z7227">
        <v>12904.860479999999</v>
      </c>
      <c r="AA7227">
        <v>47378.112269999998</v>
      </c>
      <c r="AB7227">
        <v>36103.75733</v>
      </c>
      <c r="AC7227">
        <v>33878.835950000001</v>
      </c>
      <c r="AD7227">
        <v>16819.03847</v>
      </c>
      <c r="AE7227">
        <v>26692.28026</v>
      </c>
      <c r="AF7227">
        <v>42618.560420000002</v>
      </c>
      <c r="AG7227">
        <v>17300.583900000001</v>
      </c>
      <c r="AH7227">
        <v>215896.33979999999</v>
      </c>
      <c r="AI7227">
        <v>68718.437699999995</v>
      </c>
      <c r="AJ7227">
        <v>19039.086579999999</v>
      </c>
      <c r="AK7227">
        <v>23854.32746</v>
      </c>
      <c r="AL7227">
        <v>64435.953249999999</v>
      </c>
      <c r="AM7227">
        <v>18123.81408</v>
      </c>
      <c r="AN7227">
        <v>74302.436610000004</v>
      </c>
      <c r="AO7227">
        <v>24751.196349999998</v>
      </c>
      <c r="AP7227">
        <v>11541.3632</v>
      </c>
    </row>
    <row r="7228" spans="2:42" x14ac:dyDescent="0.3">
      <c r="B7228">
        <v>43.536855029008485</v>
      </c>
      <c r="C7228" s="83">
        <v>43402.083333333336</v>
      </c>
      <c r="D7228">
        <v>174180.33859999999</v>
      </c>
      <c r="E7228">
        <v>13110.938</v>
      </c>
      <c r="F7228">
        <v>48706.292269999998</v>
      </c>
      <c r="G7228">
        <v>35833.687469999997</v>
      </c>
      <c r="H7228">
        <v>33932.942739999999</v>
      </c>
      <c r="I7228">
        <v>15868.401900000001</v>
      </c>
      <c r="J7228">
        <v>26641.075400000002</v>
      </c>
      <c r="K7228">
        <v>41834.738449999997</v>
      </c>
      <c r="L7228">
        <v>17037.48315</v>
      </c>
      <c r="M7228">
        <v>221971.19</v>
      </c>
      <c r="N7228">
        <v>69003.501980000001</v>
      </c>
      <c r="O7228">
        <v>18814.613130000002</v>
      </c>
      <c r="P7228">
        <v>22803.731930000002</v>
      </c>
      <c r="Q7228">
        <v>65909.525710000002</v>
      </c>
      <c r="R7228">
        <v>18436.926039999998</v>
      </c>
      <c r="S7228">
        <v>73936.502160000004</v>
      </c>
      <c r="T7228">
        <v>24281.37326</v>
      </c>
      <c r="U7228">
        <v>11826.35795</v>
      </c>
      <c r="W7228" s="83">
        <f>Bühler!N7260</f>
        <v>45593.083333315808</v>
      </c>
      <c r="X7228" s="83">
        <v>43402.083333333336</v>
      </c>
      <c r="Y7228">
        <v>174180.33859999999</v>
      </c>
      <c r="Z7228">
        <v>13110.938</v>
      </c>
      <c r="AA7228">
        <v>48706.292269999998</v>
      </c>
      <c r="AB7228">
        <v>35833.687469999997</v>
      </c>
      <c r="AC7228">
        <v>33932.942739999999</v>
      </c>
      <c r="AD7228">
        <v>15868.401900000001</v>
      </c>
      <c r="AE7228">
        <v>26641.075400000002</v>
      </c>
      <c r="AF7228">
        <v>41834.738449999997</v>
      </c>
      <c r="AG7228">
        <v>17037.48315</v>
      </c>
      <c r="AH7228">
        <v>221971.19</v>
      </c>
      <c r="AI7228">
        <v>69003.501980000001</v>
      </c>
      <c r="AJ7228">
        <v>18814.613130000002</v>
      </c>
      <c r="AK7228">
        <v>22803.731930000002</v>
      </c>
      <c r="AL7228">
        <v>65909.525710000002</v>
      </c>
      <c r="AM7228">
        <v>18436.926039999998</v>
      </c>
      <c r="AN7228">
        <v>73936.502160000004</v>
      </c>
      <c r="AO7228">
        <v>24281.37326</v>
      </c>
      <c r="AP7228">
        <v>11826.35795</v>
      </c>
    </row>
    <row r="7229" spans="2:42" x14ac:dyDescent="0.3">
      <c r="B7229">
        <v>44.751519770253914</v>
      </c>
      <c r="C7229" s="83">
        <v>43402.125</v>
      </c>
      <c r="D7229">
        <v>179824.2121</v>
      </c>
      <c r="E7229">
        <v>13400.61292</v>
      </c>
      <c r="F7229">
        <v>50092.547359999997</v>
      </c>
      <c r="G7229">
        <v>35259.979469999998</v>
      </c>
      <c r="H7229">
        <v>34264.592210000003</v>
      </c>
      <c r="I7229">
        <v>15921.97379</v>
      </c>
      <c r="J7229">
        <v>26720.394319999999</v>
      </c>
      <c r="K7229">
        <v>41099.880669999999</v>
      </c>
      <c r="L7229">
        <v>16875.256969999999</v>
      </c>
      <c r="M7229">
        <v>228164.11730000001</v>
      </c>
      <c r="N7229">
        <v>69484.460179999995</v>
      </c>
      <c r="O7229">
        <v>19399.493160000002</v>
      </c>
      <c r="P7229">
        <v>23358.435389999999</v>
      </c>
      <c r="Q7229">
        <v>70755.407909999994</v>
      </c>
      <c r="R7229">
        <v>18976.891930000002</v>
      </c>
      <c r="S7229">
        <v>73460.486120000001</v>
      </c>
      <c r="T7229">
        <v>23968.560280000002</v>
      </c>
      <c r="U7229">
        <v>12414.18255</v>
      </c>
      <c r="W7229" s="83">
        <f>Bühler!N7261</f>
        <v>45593.124999982472</v>
      </c>
      <c r="X7229" s="83">
        <v>43402.125</v>
      </c>
      <c r="Y7229">
        <v>179824.2121</v>
      </c>
      <c r="Z7229">
        <v>13400.61292</v>
      </c>
      <c r="AA7229">
        <v>50092.547359999997</v>
      </c>
      <c r="AB7229">
        <v>35259.979469999998</v>
      </c>
      <c r="AC7229">
        <v>34264.592210000003</v>
      </c>
      <c r="AD7229">
        <v>15921.97379</v>
      </c>
      <c r="AE7229">
        <v>26720.394319999999</v>
      </c>
      <c r="AF7229">
        <v>41099.880669999999</v>
      </c>
      <c r="AG7229">
        <v>16875.256969999999</v>
      </c>
      <c r="AH7229">
        <v>228164.11730000001</v>
      </c>
      <c r="AI7229">
        <v>69484.460179999995</v>
      </c>
      <c r="AJ7229">
        <v>19399.493160000002</v>
      </c>
      <c r="AK7229">
        <v>23358.435389999999</v>
      </c>
      <c r="AL7229">
        <v>70755.407909999994</v>
      </c>
      <c r="AM7229">
        <v>18976.891930000002</v>
      </c>
      <c r="AN7229">
        <v>73460.486120000001</v>
      </c>
      <c r="AO7229">
        <v>23968.560280000002</v>
      </c>
      <c r="AP7229">
        <v>12414.18255</v>
      </c>
    </row>
    <row r="7230" spans="2:42" x14ac:dyDescent="0.3">
      <c r="B7230">
        <v>47.291261475214014</v>
      </c>
      <c r="C7230" s="83">
        <v>43402.166666666664</v>
      </c>
      <c r="D7230">
        <v>191197.54920000001</v>
      </c>
      <c r="E7230">
        <v>14339.347400000001</v>
      </c>
      <c r="F7230">
        <v>53787.830620000001</v>
      </c>
      <c r="G7230">
        <v>35329.40079</v>
      </c>
      <c r="H7230">
        <v>35505.286630000002</v>
      </c>
      <c r="I7230">
        <v>18215.470420000001</v>
      </c>
      <c r="J7230">
        <v>28363.465489999999</v>
      </c>
      <c r="K7230">
        <v>42028.31682</v>
      </c>
      <c r="L7230">
        <v>16479.266090000001</v>
      </c>
      <c r="M7230">
        <v>241112.90489999999</v>
      </c>
      <c r="N7230">
        <v>70932.053570000004</v>
      </c>
      <c r="O7230">
        <v>19695.998159999999</v>
      </c>
      <c r="P7230">
        <v>23011.805130000001</v>
      </c>
      <c r="Q7230">
        <v>78044.572270000004</v>
      </c>
      <c r="R7230">
        <v>19009.049599999998</v>
      </c>
      <c r="S7230">
        <v>74297.282869999995</v>
      </c>
      <c r="T7230">
        <v>24007.404500000001</v>
      </c>
      <c r="U7230">
        <v>13680.89515</v>
      </c>
      <c r="W7230" s="83">
        <f>Bühler!N7262</f>
        <v>45593.166666649136</v>
      </c>
      <c r="X7230" s="83">
        <v>43402.166666666664</v>
      </c>
      <c r="Y7230">
        <v>191197.54920000001</v>
      </c>
      <c r="Z7230">
        <v>14339.347400000001</v>
      </c>
      <c r="AA7230">
        <v>53787.830620000001</v>
      </c>
      <c r="AB7230">
        <v>35329.40079</v>
      </c>
      <c r="AC7230">
        <v>35505.286630000002</v>
      </c>
      <c r="AD7230">
        <v>18215.470420000001</v>
      </c>
      <c r="AE7230">
        <v>28363.465489999999</v>
      </c>
      <c r="AF7230">
        <v>42028.31682</v>
      </c>
      <c r="AG7230">
        <v>16479.266090000001</v>
      </c>
      <c r="AH7230">
        <v>241112.90489999999</v>
      </c>
      <c r="AI7230">
        <v>70932.053570000004</v>
      </c>
      <c r="AJ7230">
        <v>19695.998159999999</v>
      </c>
      <c r="AK7230">
        <v>23011.805130000001</v>
      </c>
      <c r="AL7230">
        <v>78044.572270000004</v>
      </c>
      <c r="AM7230">
        <v>19009.049599999998</v>
      </c>
      <c r="AN7230">
        <v>74297.282869999995</v>
      </c>
      <c r="AO7230">
        <v>24007.404500000001</v>
      </c>
      <c r="AP7230">
        <v>13680.89515</v>
      </c>
    </row>
    <row r="7231" spans="2:42" x14ac:dyDescent="0.3">
      <c r="B7231">
        <v>52.927076752358445</v>
      </c>
      <c r="C7231" s="83">
        <v>43402.208333333336</v>
      </c>
      <c r="D7231">
        <v>222294.10630000001</v>
      </c>
      <c r="E7231">
        <v>16847.287499999999</v>
      </c>
      <c r="F7231">
        <v>65362.840429999997</v>
      </c>
      <c r="G7231">
        <v>37101.799120000003</v>
      </c>
      <c r="H7231">
        <v>37586.485050000003</v>
      </c>
      <c r="I7231">
        <v>26050.82619</v>
      </c>
      <c r="J7231">
        <v>31364.10268</v>
      </c>
      <c r="K7231">
        <v>43674.503170000004</v>
      </c>
      <c r="L7231">
        <v>18001.519779999999</v>
      </c>
      <c r="M7231">
        <v>269846.91940000001</v>
      </c>
      <c r="N7231">
        <v>72805.587369999994</v>
      </c>
      <c r="O7231">
        <v>20745.284230000001</v>
      </c>
      <c r="P7231">
        <v>25663.888129999999</v>
      </c>
      <c r="Q7231">
        <v>83702.739060000007</v>
      </c>
      <c r="R7231">
        <v>19426.153399999999</v>
      </c>
      <c r="S7231">
        <v>77543.406709999996</v>
      </c>
      <c r="T7231">
        <v>25417.596310000001</v>
      </c>
      <c r="U7231">
        <v>15620.804190000001</v>
      </c>
      <c r="W7231" s="83">
        <f>Bühler!N7263</f>
        <v>45593.208333315801</v>
      </c>
      <c r="X7231" s="83">
        <v>43402.208333333336</v>
      </c>
      <c r="Y7231">
        <v>222294.10630000001</v>
      </c>
      <c r="Z7231">
        <v>16847.287499999999</v>
      </c>
      <c r="AA7231">
        <v>65362.840429999997</v>
      </c>
      <c r="AB7231">
        <v>37101.799120000003</v>
      </c>
      <c r="AC7231">
        <v>37586.485050000003</v>
      </c>
      <c r="AD7231">
        <v>26050.82619</v>
      </c>
      <c r="AE7231">
        <v>31364.10268</v>
      </c>
      <c r="AF7231">
        <v>43674.503170000004</v>
      </c>
      <c r="AG7231">
        <v>18001.519779999999</v>
      </c>
      <c r="AH7231">
        <v>269846.91940000001</v>
      </c>
      <c r="AI7231">
        <v>72805.587369999994</v>
      </c>
      <c r="AJ7231">
        <v>20745.284230000001</v>
      </c>
      <c r="AK7231">
        <v>25663.888129999999</v>
      </c>
      <c r="AL7231">
        <v>83702.739060000007</v>
      </c>
      <c r="AM7231">
        <v>19426.153399999999</v>
      </c>
      <c r="AN7231">
        <v>77543.406709999996</v>
      </c>
      <c r="AO7231">
        <v>25417.596310000001</v>
      </c>
      <c r="AP7231">
        <v>15620.804190000001</v>
      </c>
    </row>
    <row r="7232" spans="2:42" x14ac:dyDescent="0.3">
      <c r="B7232">
        <v>58.940747343393404</v>
      </c>
      <c r="C7232" s="83">
        <v>43402.25</v>
      </c>
      <c r="D7232">
        <v>247758.5852</v>
      </c>
      <c r="E7232">
        <v>21143.039700000001</v>
      </c>
      <c r="F7232">
        <v>79556.333350000001</v>
      </c>
      <c r="G7232">
        <v>41518.044419999998</v>
      </c>
      <c r="H7232">
        <v>41447.703939999999</v>
      </c>
      <c r="I7232">
        <v>32292.65842</v>
      </c>
      <c r="J7232">
        <v>35084.944349999998</v>
      </c>
      <c r="K7232">
        <v>48056.173430000003</v>
      </c>
      <c r="L7232">
        <v>19462.306479999999</v>
      </c>
      <c r="M7232">
        <v>300507.41649999999</v>
      </c>
      <c r="N7232">
        <v>74548.912429999997</v>
      </c>
      <c r="O7232">
        <v>22035.841199999999</v>
      </c>
      <c r="P7232">
        <v>25327.268459999999</v>
      </c>
      <c r="Q7232">
        <v>88663.807629999996</v>
      </c>
      <c r="R7232">
        <v>19429.321680000001</v>
      </c>
      <c r="S7232">
        <v>86909.580780000004</v>
      </c>
      <c r="T7232">
        <v>27968.691599999998</v>
      </c>
      <c r="U7232">
        <v>18762.671149999998</v>
      </c>
      <c r="W7232" s="83">
        <f>Bühler!N7264</f>
        <v>45593.249999982465</v>
      </c>
      <c r="X7232" s="83">
        <v>43402.25</v>
      </c>
      <c r="Y7232">
        <v>247758.5852</v>
      </c>
      <c r="Z7232">
        <v>21143.039700000001</v>
      </c>
      <c r="AA7232">
        <v>79556.333350000001</v>
      </c>
      <c r="AB7232">
        <v>41518.044419999998</v>
      </c>
      <c r="AC7232">
        <v>41447.703939999999</v>
      </c>
      <c r="AD7232">
        <v>32292.65842</v>
      </c>
      <c r="AE7232">
        <v>35084.944349999998</v>
      </c>
      <c r="AF7232">
        <v>48056.173430000003</v>
      </c>
      <c r="AG7232">
        <v>19462.306479999999</v>
      </c>
      <c r="AH7232">
        <v>300507.41649999999</v>
      </c>
      <c r="AI7232">
        <v>74548.912429999997</v>
      </c>
      <c r="AJ7232">
        <v>22035.841199999999</v>
      </c>
      <c r="AK7232">
        <v>25327.268459999999</v>
      </c>
      <c r="AL7232">
        <v>88663.807629999996</v>
      </c>
      <c r="AM7232">
        <v>19429.321680000001</v>
      </c>
      <c r="AN7232">
        <v>86909.580780000004</v>
      </c>
      <c r="AO7232">
        <v>27968.691599999998</v>
      </c>
      <c r="AP7232">
        <v>18762.671149999998</v>
      </c>
    </row>
    <row r="7233" spans="2:42" x14ac:dyDescent="0.3">
      <c r="B7233">
        <v>62.176845748952658</v>
      </c>
      <c r="C7233" s="83">
        <v>43402.291666666664</v>
      </c>
      <c r="D7233">
        <v>268949.02799999999</v>
      </c>
      <c r="E7233">
        <v>26110.601119999999</v>
      </c>
      <c r="F7233">
        <v>82628.015480000002</v>
      </c>
      <c r="G7233">
        <v>47406.233890000003</v>
      </c>
      <c r="H7233">
        <v>45578.985630000003</v>
      </c>
      <c r="I7233">
        <v>38775.228969999996</v>
      </c>
      <c r="J7233">
        <v>35724.997040000002</v>
      </c>
      <c r="K7233">
        <v>52609.083469999998</v>
      </c>
      <c r="L7233">
        <v>22753.56812</v>
      </c>
      <c r="M7233">
        <v>317006.55530000001</v>
      </c>
      <c r="N7233">
        <v>83012.124939999994</v>
      </c>
      <c r="O7233">
        <v>24213.380219999999</v>
      </c>
      <c r="P7233">
        <v>28250.781350000001</v>
      </c>
      <c r="Q7233">
        <v>90499.689620000005</v>
      </c>
      <c r="R7233">
        <v>20754.298429999999</v>
      </c>
      <c r="S7233">
        <v>102131.2617</v>
      </c>
      <c r="T7233">
        <v>28392.495599999998</v>
      </c>
      <c r="U7233">
        <v>23618.832900000001</v>
      </c>
      <c r="W7233" s="83">
        <f>Bühler!N7265</f>
        <v>45593.291666649129</v>
      </c>
      <c r="X7233" s="83">
        <v>43402.291666666664</v>
      </c>
      <c r="Y7233">
        <v>268949.02799999999</v>
      </c>
      <c r="Z7233">
        <v>26110.601119999999</v>
      </c>
      <c r="AA7233">
        <v>82628.015480000002</v>
      </c>
      <c r="AB7233">
        <v>47406.233890000003</v>
      </c>
      <c r="AC7233">
        <v>45578.985630000003</v>
      </c>
      <c r="AD7233">
        <v>38775.228969999996</v>
      </c>
      <c r="AE7233">
        <v>35724.997040000002</v>
      </c>
      <c r="AF7233">
        <v>52609.083469999998</v>
      </c>
      <c r="AG7233">
        <v>22753.56812</v>
      </c>
      <c r="AH7233">
        <v>317006.55530000001</v>
      </c>
      <c r="AI7233">
        <v>83012.124939999994</v>
      </c>
      <c r="AJ7233">
        <v>24213.380219999999</v>
      </c>
      <c r="AK7233">
        <v>28250.781350000001</v>
      </c>
      <c r="AL7233">
        <v>90499.689620000005</v>
      </c>
      <c r="AM7233">
        <v>20754.298429999999</v>
      </c>
      <c r="AN7233">
        <v>102131.2617</v>
      </c>
      <c r="AO7233">
        <v>28392.495599999998</v>
      </c>
      <c r="AP7233">
        <v>23618.832900000001</v>
      </c>
    </row>
    <row r="7234" spans="2:42" x14ac:dyDescent="0.3">
      <c r="B7234">
        <v>63.40838297581049</v>
      </c>
      <c r="C7234" s="83">
        <v>43402.333333333336</v>
      </c>
      <c r="D7234">
        <v>284253.3982</v>
      </c>
      <c r="E7234">
        <v>31026.451069999999</v>
      </c>
      <c r="F7234">
        <v>88590.752859999993</v>
      </c>
      <c r="G7234">
        <v>53318.578690000002</v>
      </c>
      <c r="H7234">
        <v>49954.748469999999</v>
      </c>
      <c r="I7234">
        <v>42011.402770000001</v>
      </c>
      <c r="J7234">
        <v>35833.184930000003</v>
      </c>
      <c r="K7234">
        <v>58483.353320000002</v>
      </c>
      <c r="L7234">
        <v>25315.2968</v>
      </c>
      <c r="M7234">
        <v>323285.50640000001</v>
      </c>
      <c r="N7234">
        <v>92343.171730000002</v>
      </c>
      <c r="O7234">
        <v>25522.651730000001</v>
      </c>
      <c r="P7234">
        <v>30749.63536</v>
      </c>
      <c r="Q7234">
        <v>92349.674540000007</v>
      </c>
      <c r="R7234">
        <v>22507.776239999999</v>
      </c>
      <c r="S7234">
        <v>114444.198</v>
      </c>
      <c r="T7234">
        <v>30880.477760000002</v>
      </c>
      <c r="U7234">
        <v>25799.579290000001</v>
      </c>
      <c r="W7234" s="83">
        <f>Bühler!N7266</f>
        <v>45593.333333315793</v>
      </c>
      <c r="X7234" s="83">
        <v>43402.333333333336</v>
      </c>
      <c r="Y7234">
        <v>284253.3982</v>
      </c>
      <c r="Z7234">
        <v>31026.451069999999</v>
      </c>
      <c r="AA7234">
        <v>88590.752859999993</v>
      </c>
      <c r="AB7234">
        <v>53318.578690000002</v>
      </c>
      <c r="AC7234">
        <v>49954.748469999999</v>
      </c>
      <c r="AD7234">
        <v>42011.402770000001</v>
      </c>
      <c r="AE7234">
        <v>35833.184930000003</v>
      </c>
      <c r="AF7234">
        <v>58483.353320000002</v>
      </c>
      <c r="AG7234">
        <v>25315.2968</v>
      </c>
      <c r="AH7234">
        <v>323285.50640000001</v>
      </c>
      <c r="AI7234">
        <v>92343.171730000002</v>
      </c>
      <c r="AJ7234">
        <v>25522.651730000001</v>
      </c>
      <c r="AK7234">
        <v>30749.63536</v>
      </c>
      <c r="AL7234">
        <v>92349.674540000007</v>
      </c>
      <c r="AM7234">
        <v>22507.776239999999</v>
      </c>
      <c r="AN7234">
        <v>114444.198</v>
      </c>
      <c r="AO7234">
        <v>30880.477760000002</v>
      </c>
      <c r="AP7234">
        <v>25799.579290000001</v>
      </c>
    </row>
    <row r="7235" spans="2:42" x14ac:dyDescent="0.3">
      <c r="B7235">
        <v>64.465307419080048</v>
      </c>
      <c r="C7235" s="83">
        <v>43402.375</v>
      </c>
      <c r="D7235">
        <v>288509.70020000002</v>
      </c>
      <c r="E7235">
        <v>34742.35673</v>
      </c>
      <c r="F7235">
        <v>95331.968049999996</v>
      </c>
      <c r="G7235">
        <v>56034.827929999999</v>
      </c>
      <c r="H7235">
        <v>52760.445350000002</v>
      </c>
      <c r="I7235">
        <v>40665.108090000002</v>
      </c>
      <c r="J7235">
        <v>35898.901230000003</v>
      </c>
      <c r="K7235">
        <v>61208.856699999997</v>
      </c>
      <c r="L7235">
        <v>27929.164560000001</v>
      </c>
      <c r="M7235">
        <v>328674.20010000002</v>
      </c>
      <c r="N7235">
        <v>95325.969930000007</v>
      </c>
      <c r="O7235">
        <v>26031.142329999999</v>
      </c>
      <c r="P7235">
        <v>32210.517609999999</v>
      </c>
      <c r="Q7235">
        <v>94331.095119999998</v>
      </c>
      <c r="R7235">
        <v>23408.027249999999</v>
      </c>
      <c r="S7235">
        <v>119127.2213</v>
      </c>
      <c r="T7235">
        <v>32850.576739999997</v>
      </c>
      <c r="U7235">
        <v>25821.09101</v>
      </c>
      <c r="W7235" s="83">
        <f>Bühler!N7267</f>
        <v>45593.374999982458</v>
      </c>
      <c r="X7235" s="83">
        <v>43402.375</v>
      </c>
      <c r="Y7235">
        <v>288509.70020000002</v>
      </c>
      <c r="Z7235">
        <v>34742.35673</v>
      </c>
      <c r="AA7235">
        <v>95331.968049999996</v>
      </c>
      <c r="AB7235">
        <v>56034.827929999999</v>
      </c>
      <c r="AC7235">
        <v>52760.445350000002</v>
      </c>
      <c r="AD7235">
        <v>40665.108090000002</v>
      </c>
      <c r="AE7235">
        <v>35898.901230000003</v>
      </c>
      <c r="AF7235">
        <v>61208.856699999997</v>
      </c>
      <c r="AG7235">
        <v>27929.164560000001</v>
      </c>
      <c r="AH7235">
        <v>328674.20010000002</v>
      </c>
      <c r="AI7235">
        <v>95325.969930000007</v>
      </c>
      <c r="AJ7235">
        <v>26031.142329999999</v>
      </c>
      <c r="AK7235">
        <v>32210.517609999999</v>
      </c>
      <c r="AL7235">
        <v>94331.095119999998</v>
      </c>
      <c r="AM7235">
        <v>23408.027249999999</v>
      </c>
      <c r="AN7235">
        <v>119127.2213</v>
      </c>
      <c r="AO7235">
        <v>32850.576739999997</v>
      </c>
      <c r="AP7235">
        <v>25821.09101</v>
      </c>
    </row>
    <row r="7236" spans="2:42" x14ac:dyDescent="0.3">
      <c r="B7236">
        <v>65.602287544318358</v>
      </c>
      <c r="C7236" s="83">
        <v>43402.416666666664</v>
      </c>
      <c r="D7236">
        <v>290655.56540000002</v>
      </c>
      <c r="E7236">
        <v>36093.77706</v>
      </c>
      <c r="F7236">
        <v>95745.333469999998</v>
      </c>
      <c r="G7236">
        <v>56601.080280000002</v>
      </c>
      <c r="H7236">
        <v>53164.279289999999</v>
      </c>
      <c r="I7236">
        <v>38843.484790000002</v>
      </c>
      <c r="J7236">
        <v>35053.387349999997</v>
      </c>
      <c r="K7236">
        <v>62167.722750000001</v>
      </c>
      <c r="L7236">
        <v>30169.441360000001</v>
      </c>
      <c r="M7236">
        <v>334471.05499999999</v>
      </c>
      <c r="N7236">
        <v>96673.506290000005</v>
      </c>
      <c r="O7236">
        <v>26303.998520000001</v>
      </c>
      <c r="P7236">
        <v>32787.641309999999</v>
      </c>
      <c r="Q7236">
        <v>95737.781629999998</v>
      </c>
      <c r="R7236">
        <v>23700.293099999999</v>
      </c>
      <c r="S7236">
        <v>120207.0251</v>
      </c>
      <c r="T7236">
        <v>34355.466050000003</v>
      </c>
      <c r="U7236">
        <v>25596.89616</v>
      </c>
      <c r="W7236" s="83">
        <f>Bühler!N7268</f>
        <v>45593.416666649122</v>
      </c>
      <c r="X7236" s="83">
        <v>43402.416666666664</v>
      </c>
      <c r="Y7236">
        <v>290655.56540000002</v>
      </c>
      <c r="Z7236">
        <v>36093.77706</v>
      </c>
      <c r="AA7236">
        <v>95745.333469999998</v>
      </c>
      <c r="AB7236">
        <v>56601.080280000002</v>
      </c>
      <c r="AC7236">
        <v>53164.279289999999</v>
      </c>
      <c r="AD7236">
        <v>38843.484790000002</v>
      </c>
      <c r="AE7236">
        <v>35053.387349999997</v>
      </c>
      <c r="AF7236">
        <v>62167.722750000001</v>
      </c>
      <c r="AG7236">
        <v>30169.441360000001</v>
      </c>
      <c r="AH7236">
        <v>334471.05499999999</v>
      </c>
      <c r="AI7236">
        <v>96673.506290000005</v>
      </c>
      <c r="AJ7236">
        <v>26303.998520000001</v>
      </c>
      <c r="AK7236">
        <v>32787.641309999999</v>
      </c>
      <c r="AL7236">
        <v>95737.781629999998</v>
      </c>
      <c r="AM7236">
        <v>23700.293099999999</v>
      </c>
      <c r="AN7236">
        <v>120207.0251</v>
      </c>
      <c r="AO7236">
        <v>34355.466050000003</v>
      </c>
      <c r="AP7236">
        <v>25596.89616</v>
      </c>
    </row>
    <row r="7237" spans="2:42" x14ac:dyDescent="0.3">
      <c r="B7237">
        <v>66.702074465310218</v>
      </c>
      <c r="C7237" s="83">
        <v>43402.458333333336</v>
      </c>
      <c r="D7237">
        <v>289565.53600000002</v>
      </c>
      <c r="E7237">
        <v>35942.182050000003</v>
      </c>
      <c r="F7237">
        <v>96225.533909999998</v>
      </c>
      <c r="G7237">
        <v>56224.787479999999</v>
      </c>
      <c r="H7237">
        <v>52665.434520000003</v>
      </c>
      <c r="I7237">
        <v>37341.135049999997</v>
      </c>
      <c r="J7237">
        <v>34957.302600000003</v>
      </c>
      <c r="K7237">
        <v>63345.663820000002</v>
      </c>
      <c r="L7237">
        <v>31849.80819</v>
      </c>
      <c r="M7237">
        <v>340078.28159999999</v>
      </c>
      <c r="N7237">
        <v>95727.058250000002</v>
      </c>
      <c r="O7237">
        <v>26082.264920000001</v>
      </c>
      <c r="P7237">
        <v>31698.399010000001</v>
      </c>
      <c r="Q7237">
        <v>96959.798209999994</v>
      </c>
      <c r="R7237">
        <v>24384.471369999999</v>
      </c>
      <c r="S7237">
        <v>120805.28419999999</v>
      </c>
      <c r="T7237">
        <v>34927.190790000001</v>
      </c>
      <c r="U7237">
        <v>24264.442429999999</v>
      </c>
      <c r="W7237" s="83">
        <f>Bühler!N7269</f>
        <v>45593.458333315786</v>
      </c>
      <c r="X7237" s="83">
        <v>43402.458333333336</v>
      </c>
      <c r="Y7237">
        <v>289565.53600000002</v>
      </c>
      <c r="Z7237">
        <v>35942.182050000003</v>
      </c>
      <c r="AA7237">
        <v>96225.533909999998</v>
      </c>
      <c r="AB7237">
        <v>56224.787479999999</v>
      </c>
      <c r="AC7237">
        <v>52665.434520000003</v>
      </c>
      <c r="AD7237">
        <v>37341.135049999997</v>
      </c>
      <c r="AE7237">
        <v>34957.302600000003</v>
      </c>
      <c r="AF7237">
        <v>63345.663820000002</v>
      </c>
      <c r="AG7237">
        <v>31849.80819</v>
      </c>
      <c r="AH7237">
        <v>340078.28159999999</v>
      </c>
      <c r="AI7237">
        <v>95727.058250000002</v>
      </c>
      <c r="AJ7237">
        <v>26082.264920000001</v>
      </c>
      <c r="AK7237">
        <v>31698.399010000001</v>
      </c>
      <c r="AL7237">
        <v>96959.798209999994</v>
      </c>
      <c r="AM7237">
        <v>24384.471369999999</v>
      </c>
      <c r="AN7237">
        <v>120805.28419999999</v>
      </c>
      <c r="AO7237">
        <v>34927.190790000001</v>
      </c>
      <c r="AP7237">
        <v>24264.442429999999</v>
      </c>
    </row>
    <row r="7238" spans="2:42" x14ac:dyDescent="0.3">
      <c r="B7238">
        <v>66.545293514650197</v>
      </c>
      <c r="C7238" s="83">
        <v>43402.5</v>
      </c>
      <c r="D7238">
        <v>278749.24359999999</v>
      </c>
      <c r="E7238">
        <v>32632.825540000002</v>
      </c>
      <c r="F7238">
        <v>91159.630179999993</v>
      </c>
      <c r="G7238">
        <v>54531.793129999998</v>
      </c>
      <c r="H7238">
        <v>49707.83178</v>
      </c>
      <c r="I7238">
        <v>35518.120759999998</v>
      </c>
      <c r="J7238">
        <v>34851.981119999997</v>
      </c>
      <c r="K7238">
        <v>60781.612540000002</v>
      </c>
      <c r="L7238">
        <v>34591.910819999997</v>
      </c>
      <c r="M7238">
        <v>339278.93920000002</v>
      </c>
      <c r="N7238">
        <v>91817.269690000001</v>
      </c>
      <c r="O7238">
        <v>25174.76627</v>
      </c>
      <c r="P7238">
        <v>30988.060539999999</v>
      </c>
      <c r="Q7238">
        <v>97114.651400000002</v>
      </c>
      <c r="R7238">
        <v>24942.533640000001</v>
      </c>
      <c r="S7238">
        <v>114637.88219999999</v>
      </c>
      <c r="T7238">
        <v>33957.604209999998</v>
      </c>
      <c r="U7238">
        <v>20162.110700000001</v>
      </c>
      <c r="W7238" s="83">
        <f>Bühler!N7270</f>
        <v>45593.49999998245</v>
      </c>
      <c r="X7238" s="83">
        <v>43402.5</v>
      </c>
      <c r="Y7238">
        <v>278749.24359999999</v>
      </c>
      <c r="Z7238">
        <v>32632.825540000002</v>
      </c>
      <c r="AA7238">
        <v>91159.630179999993</v>
      </c>
      <c r="AB7238">
        <v>54531.793129999998</v>
      </c>
      <c r="AC7238">
        <v>49707.83178</v>
      </c>
      <c r="AD7238">
        <v>35518.120759999998</v>
      </c>
      <c r="AE7238">
        <v>34851.981119999997</v>
      </c>
      <c r="AF7238">
        <v>60781.612540000002</v>
      </c>
      <c r="AG7238">
        <v>34591.910819999997</v>
      </c>
      <c r="AH7238">
        <v>339278.93920000002</v>
      </c>
      <c r="AI7238">
        <v>91817.269690000001</v>
      </c>
      <c r="AJ7238">
        <v>25174.76627</v>
      </c>
      <c r="AK7238">
        <v>30988.060539999999</v>
      </c>
      <c r="AL7238">
        <v>97114.651400000002</v>
      </c>
      <c r="AM7238">
        <v>24942.533640000001</v>
      </c>
      <c r="AN7238">
        <v>114637.88219999999</v>
      </c>
      <c r="AO7238">
        <v>33957.604209999998</v>
      </c>
      <c r="AP7238">
        <v>20162.110700000001</v>
      </c>
    </row>
    <row r="7239" spans="2:42" x14ac:dyDescent="0.3">
      <c r="B7239">
        <v>66.521964871873593</v>
      </c>
      <c r="C7239" s="83">
        <v>43402.541666666664</v>
      </c>
      <c r="D7239">
        <v>281638.21730000002</v>
      </c>
      <c r="E7239">
        <v>32632.645850000001</v>
      </c>
      <c r="F7239">
        <v>88518.499190000002</v>
      </c>
      <c r="G7239">
        <v>54092.02521</v>
      </c>
      <c r="H7239">
        <v>50429.863550000002</v>
      </c>
      <c r="I7239">
        <v>35300.129330000003</v>
      </c>
      <c r="J7239">
        <v>33993.23618</v>
      </c>
      <c r="K7239">
        <v>63176.057560000001</v>
      </c>
      <c r="L7239">
        <v>33392.115129999998</v>
      </c>
      <c r="M7239">
        <v>339159.99890000001</v>
      </c>
      <c r="N7239">
        <v>92137.536619999999</v>
      </c>
      <c r="O7239">
        <v>25190.549599999998</v>
      </c>
      <c r="P7239">
        <v>30018.151870000002</v>
      </c>
      <c r="Q7239">
        <v>96500.06654</v>
      </c>
      <c r="R7239">
        <v>25628.11995</v>
      </c>
      <c r="S7239">
        <v>113870.2941</v>
      </c>
      <c r="T7239">
        <v>33354.73444</v>
      </c>
      <c r="U7239">
        <v>22463.98936</v>
      </c>
      <c r="W7239" s="83">
        <f>Bühler!N7271</f>
        <v>45593.541666649115</v>
      </c>
      <c r="X7239" s="83">
        <v>43402.541666666664</v>
      </c>
      <c r="Y7239">
        <v>281638.21730000002</v>
      </c>
      <c r="Z7239">
        <v>32632.645850000001</v>
      </c>
      <c r="AA7239">
        <v>88518.499190000002</v>
      </c>
      <c r="AB7239">
        <v>54092.02521</v>
      </c>
      <c r="AC7239">
        <v>50429.863550000002</v>
      </c>
      <c r="AD7239">
        <v>35300.129330000003</v>
      </c>
      <c r="AE7239">
        <v>33993.23618</v>
      </c>
      <c r="AF7239">
        <v>63176.057560000001</v>
      </c>
      <c r="AG7239">
        <v>33392.115129999998</v>
      </c>
      <c r="AH7239">
        <v>339159.99890000001</v>
      </c>
      <c r="AI7239">
        <v>92137.536619999999</v>
      </c>
      <c r="AJ7239">
        <v>25190.549599999998</v>
      </c>
      <c r="AK7239">
        <v>30018.151870000002</v>
      </c>
      <c r="AL7239">
        <v>96500.06654</v>
      </c>
      <c r="AM7239">
        <v>25628.11995</v>
      </c>
      <c r="AN7239">
        <v>113870.2941</v>
      </c>
      <c r="AO7239">
        <v>33354.73444</v>
      </c>
      <c r="AP7239">
        <v>22463.98936</v>
      </c>
    </row>
    <row r="7240" spans="2:42" x14ac:dyDescent="0.3">
      <c r="B7240">
        <v>68.144077178851731</v>
      </c>
      <c r="C7240" s="83">
        <v>43402.583333333336</v>
      </c>
      <c r="D7240">
        <v>284989.44459999999</v>
      </c>
      <c r="E7240">
        <v>35098.888749999998</v>
      </c>
      <c r="F7240">
        <v>95545.17813</v>
      </c>
      <c r="G7240">
        <v>52759.973100000003</v>
      </c>
      <c r="H7240">
        <v>49934.532679999997</v>
      </c>
      <c r="I7240">
        <v>36338.558599999997</v>
      </c>
      <c r="J7240">
        <v>32955.868929999997</v>
      </c>
      <c r="K7240">
        <v>64492.623789999998</v>
      </c>
      <c r="L7240">
        <v>30642.213319999999</v>
      </c>
      <c r="M7240">
        <v>347430.28389999998</v>
      </c>
      <c r="N7240">
        <v>91934.055319999999</v>
      </c>
      <c r="O7240">
        <v>24118.175910000002</v>
      </c>
      <c r="P7240">
        <v>27918.785629999998</v>
      </c>
      <c r="Q7240">
        <v>96794.133579999994</v>
      </c>
      <c r="R7240">
        <v>23772.100419999999</v>
      </c>
      <c r="S7240">
        <v>108729.4976</v>
      </c>
      <c r="T7240">
        <v>32786.445370000001</v>
      </c>
      <c r="U7240">
        <v>23798.369930000001</v>
      </c>
      <c r="W7240" s="83">
        <f>Bühler!N7272</f>
        <v>45593.583333315779</v>
      </c>
      <c r="X7240" s="83">
        <v>43402.583333333336</v>
      </c>
      <c r="Y7240">
        <v>284989.44459999999</v>
      </c>
      <c r="Z7240">
        <v>35098.888749999998</v>
      </c>
      <c r="AA7240">
        <v>95545.17813</v>
      </c>
      <c r="AB7240">
        <v>52759.973100000003</v>
      </c>
      <c r="AC7240">
        <v>49934.532679999997</v>
      </c>
      <c r="AD7240">
        <v>36338.558599999997</v>
      </c>
      <c r="AE7240">
        <v>32955.868929999997</v>
      </c>
      <c r="AF7240">
        <v>64492.623789999998</v>
      </c>
      <c r="AG7240">
        <v>30642.213319999999</v>
      </c>
      <c r="AH7240">
        <v>347430.28389999998</v>
      </c>
      <c r="AI7240">
        <v>91934.055319999999</v>
      </c>
      <c r="AJ7240">
        <v>24118.175910000002</v>
      </c>
      <c r="AK7240">
        <v>27918.785629999998</v>
      </c>
      <c r="AL7240">
        <v>96794.133579999994</v>
      </c>
      <c r="AM7240">
        <v>23772.100419999999</v>
      </c>
      <c r="AN7240">
        <v>108729.4976</v>
      </c>
      <c r="AO7240">
        <v>32786.445370000001</v>
      </c>
      <c r="AP7240">
        <v>23798.369930000001</v>
      </c>
    </row>
    <row r="7241" spans="2:42" x14ac:dyDescent="0.3">
      <c r="B7241">
        <v>67.850150809726145</v>
      </c>
      <c r="C7241" s="83">
        <v>43402.625</v>
      </c>
      <c r="D7241">
        <v>282873.7022</v>
      </c>
      <c r="E7241">
        <v>34997.249459999999</v>
      </c>
      <c r="F7241">
        <v>97136.663910000003</v>
      </c>
      <c r="G7241">
        <v>51541.46329</v>
      </c>
      <c r="H7241">
        <v>48733.11565</v>
      </c>
      <c r="I7241">
        <v>36868.334430000003</v>
      </c>
      <c r="J7241">
        <v>33007.877439999997</v>
      </c>
      <c r="K7241">
        <v>63337.705379999999</v>
      </c>
      <c r="L7241">
        <v>27321.37774</v>
      </c>
      <c r="M7241">
        <v>345931.71019999997</v>
      </c>
      <c r="N7241">
        <v>90079.098400000003</v>
      </c>
      <c r="O7241">
        <v>24120.683809999999</v>
      </c>
      <c r="P7241">
        <v>25932.001680000001</v>
      </c>
      <c r="Q7241">
        <v>96195.334210000001</v>
      </c>
      <c r="R7241">
        <v>23612.555810000002</v>
      </c>
      <c r="S7241">
        <v>106924.3884</v>
      </c>
      <c r="T7241">
        <v>32490.796289999998</v>
      </c>
      <c r="U7241">
        <v>22638.94238</v>
      </c>
      <c r="W7241" s="83">
        <f>Bühler!N7273</f>
        <v>45593.624999982443</v>
      </c>
      <c r="X7241" s="83">
        <v>43402.625</v>
      </c>
      <c r="Y7241">
        <v>282873.7022</v>
      </c>
      <c r="Z7241">
        <v>34997.249459999999</v>
      </c>
      <c r="AA7241">
        <v>97136.663910000003</v>
      </c>
      <c r="AB7241">
        <v>51541.46329</v>
      </c>
      <c r="AC7241">
        <v>48733.11565</v>
      </c>
      <c r="AD7241">
        <v>36868.334430000003</v>
      </c>
      <c r="AE7241">
        <v>33007.877439999997</v>
      </c>
      <c r="AF7241">
        <v>63337.705379999999</v>
      </c>
      <c r="AG7241">
        <v>27321.37774</v>
      </c>
      <c r="AH7241">
        <v>345931.71019999997</v>
      </c>
      <c r="AI7241">
        <v>90079.098400000003</v>
      </c>
      <c r="AJ7241">
        <v>24120.683809999999</v>
      </c>
      <c r="AK7241">
        <v>25932.001680000001</v>
      </c>
      <c r="AL7241">
        <v>96195.334210000001</v>
      </c>
      <c r="AM7241">
        <v>23612.555810000002</v>
      </c>
      <c r="AN7241">
        <v>106924.3884</v>
      </c>
      <c r="AO7241">
        <v>32490.796289999998</v>
      </c>
      <c r="AP7241">
        <v>22638.94238</v>
      </c>
    </row>
    <row r="7242" spans="2:42" x14ac:dyDescent="0.3">
      <c r="B7242">
        <v>66.543847805390655</v>
      </c>
      <c r="C7242" s="83">
        <v>43402.666666666664</v>
      </c>
      <c r="D7242">
        <v>278147.8088</v>
      </c>
      <c r="E7242">
        <v>34377.78961</v>
      </c>
      <c r="F7242">
        <v>96126.023180000004</v>
      </c>
      <c r="G7242">
        <v>50177.582139999999</v>
      </c>
      <c r="H7242">
        <v>47310.679300000003</v>
      </c>
      <c r="I7242">
        <v>36777.177600000003</v>
      </c>
      <c r="J7242">
        <v>32751.356019999999</v>
      </c>
      <c r="K7242">
        <v>59913.088689999997</v>
      </c>
      <c r="L7242">
        <v>25995.12934</v>
      </c>
      <c r="M7242">
        <v>339271.56829999998</v>
      </c>
      <c r="N7242">
        <v>89049.654930000004</v>
      </c>
      <c r="O7242">
        <v>23838.563139999998</v>
      </c>
      <c r="P7242">
        <v>26788.5579</v>
      </c>
      <c r="Q7242">
        <v>95475.430139999997</v>
      </c>
      <c r="R7242">
        <v>24168.071380000001</v>
      </c>
      <c r="S7242">
        <v>105199.4157</v>
      </c>
      <c r="T7242">
        <v>32024.12573</v>
      </c>
      <c r="U7242">
        <v>20944.961039999998</v>
      </c>
      <c r="W7242" s="83">
        <f>Bühler!N7274</f>
        <v>45593.666666649107</v>
      </c>
      <c r="X7242" s="83">
        <v>43402.666666666664</v>
      </c>
      <c r="Y7242">
        <v>278147.8088</v>
      </c>
      <c r="Z7242">
        <v>34377.78961</v>
      </c>
      <c r="AA7242">
        <v>96126.023180000004</v>
      </c>
      <c r="AB7242">
        <v>50177.582139999999</v>
      </c>
      <c r="AC7242">
        <v>47310.679300000003</v>
      </c>
      <c r="AD7242">
        <v>36777.177600000003</v>
      </c>
      <c r="AE7242">
        <v>32751.356019999999</v>
      </c>
      <c r="AF7242">
        <v>59913.088689999997</v>
      </c>
      <c r="AG7242">
        <v>25995.12934</v>
      </c>
      <c r="AH7242">
        <v>339271.56829999998</v>
      </c>
      <c r="AI7242">
        <v>89049.654930000004</v>
      </c>
      <c r="AJ7242">
        <v>23838.563139999998</v>
      </c>
      <c r="AK7242">
        <v>26788.5579</v>
      </c>
      <c r="AL7242">
        <v>95475.430139999997</v>
      </c>
      <c r="AM7242">
        <v>24168.071380000001</v>
      </c>
      <c r="AN7242">
        <v>105199.4157</v>
      </c>
      <c r="AO7242">
        <v>32024.12573</v>
      </c>
      <c r="AP7242">
        <v>20944.961039999998</v>
      </c>
    </row>
    <row r="7243" spans="2:42" x14ac:dyDescent="0.3">
      <c r="B7243">
        <v>65.58068844125205</v>
      </c>
      <c r="C7243" s="83">
        <v>43402.708333333336</v>
      </c>
      <c r="D7243">
        <v>269925.5539</v>
      </c>
      <c r="E7243">
        <v>32901.239990000002</v>
      </c>
      <c r="F7243">
        <v>97308.564559999999</v>
      </c>
      <c r="G7243">
        <v>47970.103799999997</v>
      </c>
      <c r="H7243">
        <v>46417.398330000004</v>
      </c>
      <c r="I7243">
        <v>36892.300990000003</v>
      </c>
      <c r="J7243">
        <v>34165.807110000002</v>
      </c>
      <c r="K7243">
        <v>54191.415840000001</v>
      </c>
      <c r="L7243">
        <v>26120.574519999998</v>
      </c>
      <c r="M7243">
        <v>334360.9327</v>
      </c>
      <c r="N7243">
        <v>87334.904739999998</v>
      </c>
      <c r="O7243">
        <v>22110.05128</v>
      </c>
      <c r="P7243">
        <v>28473.915990000001</v>
      </c>
      <c r="Q7243">
        <v>94456.675409999996</v>
      </c>
      <c r="R7243">
        <v>22400.795480000001</v>
      </c>
      <c r="S7243">
        <v>105141.295</v>
      </c>
      <c r="T7243">
        <v>33158.607629999999</v>
      </c>
      <c r="U7243">
        <v>18847.70148</v>
      </c>
      <c r="W7243" s="83">
        <f>Bühler!N7275</f>
        <v>45593.708333315772</v>
      </c>
      <c r="X7243" s="83">
        <v>43402.708333333336</v>
      </c>
      <c r="Y7243">
        <v>269925.5539</v>
      </c>
      <c r="Z7243">
        <v>32901.239990000002</v>
      </c>
      <c r="AA7243">
        <v>97308.564559999999</v>
      </c>
      <c r="AB7243">
        <v>47970.103799999997</v>
      </c>
      <c r="AC7243">
        <v>46417.398330000004</v>
      </c>
      <c r="AD7243">
        <v>36892.300990000003</v>
      </c>
      <c r="AE7243">
        <v>34165.807110000002</v>
      </c>
      <c r="AF7243">
        <v>54191.415840000001</v>
      </c>
      <c r="AG7243">
        <v>26120.574519999998</v>
      </c>
      <c r="AH7243">
        <v>334360.9327</v>
      </c>
      <c r="AI7243">
        <v>87334.904739999998</v>
      </c>
      <c r="AJ7243">
        <v>22110.05128</v>
      </c>
      <c r="AK7243">
        <v>28473.915990000001</v>
      </c>
      <c r="AL7243">
        <v>94456.675409999996</v>
      </c>
      <c r="AM7243">
        <v>22400.795480000001</v>
      </c>
      <c r="AN7243">
        <v>105141.295</v>
      </c>
      <c r="AO7243">
        <v>33158.607629999999</v>
      </c>
      <c r="AP7243">
        <v>18847.70148</v>
      </c>
    </row>
    <row r="7244" spans="2:42" x14ac:dyDescent="0.3">
      <c r="B7244">
        <v>65.276745707091422</v>
      </c>
      <c r="C7244" s="83">
        <v>43402.75</v>
      </c>
      <c r="D7244">
        <v>264707.95880000002</v>
      </c>
      <c r="E7244">
        <v>30279.702399999998</v>
      </c>
      <c r="F7244">
        <v>96172.116389999996</v>
      </c>
      <c r="G7244">
        <v>45801.480510000001</v>
      </c>
      <c r="H7244">
        <v>46271.420599999998</v>
      </c>
      <c r="I7244">
        <v>36681.391519999997</v>
      </c>
      <c r="J7244">
        <v>36314.307580000001</v>
      </c>
      <c r="K7244">
        <v>52552.991150000002</v>
      </c>
      <c r="L7244">
        <v>28578.1895</v>
      </c>
      <c r="M7244">
        <v>332811.29090000002</v>
      </c>
      <c r="N7244">
        <v>87134.181549999994</v>
      </c>
      <c r="O7244">
        <v>21686.096799999999</v>
      </c>
      <c r="P7244">
        <v>32601.055899999999</v>
      </c>
      <c r="Q7244">
        <v>92623.059710000001</v>
      </c>
      <c r="R7244">
        <v>22654.957750000001</v>
      </c>
      <c r="S7244">
        <v>101115.3241</v>
      </c>
      <c r="T7244">
        <v>34135.395340000003</v>
      </c>
      <c r="U7244">
        <v>17638.356879999999</v>
      </c>
      <c r="W7244" s="83">
        <f>Bühler!N7276</f>
        <v>45593.749999982436</v>
      </c>
      <c r="X7244" s="83">
        <v>43402.75</v>
      </c>
      <c r="Y7244">
        <v>264707.95880000002</v>
      </c>
      <c r="Z7244">
        <v>30279.702399999998</v>
      </c>
      <c r="AA7244">
        <v>96172.116389999996</v>
      </c>
      <c r="AB7244">
        <v>45801.480510000001</v>
      </c>
      <c r="AC7244">
        <v>46271.420599999998</v>
      </c>
      <c r="AD7244">
        <v>36681.391519999997</v>
      </c>
      <c r="AE7244">
        <v>36314.307580000001</v>
      </c>
      <c r="AF7244">
        <v>52552.991150000002</v>
      </c>
      <c r="AG7244">
        <v>28578.1895</v>
      </c>
      <c r="AH7244">
        <v>332811.29090000002</v>
      </c>
      <c r="AI7244">
        <v>87134.181549999994</v>
      </c>
      <c r="AJ7244">
        <v>21686.096799999999</v>
      </c>
      <c r="AK7244">
        <v>32601.055899999999</v>
      </c>
      <c r="AL7244">
        <v>92623.059710000001</v>
      </c>
      <c r="AM7244">
        <v>22654.957750000001</v>
      </c>
      <c r="AN7244">
        <v>101115.3241</v>
      </c>
      <c r="AO7244">
        <v>34135.395340000003</v>
      </c>
      <c r="AP7244">
        <v>17638.356879999999</v>
      </c>
    </row>
    <row r="7245" spans="2:42" x14ac:dyDescent="0.3">
      <c r="B7245">
        <v>64.068615421065559</v>
      </c>
      <c r="C7245" s="83">
        <v>43402.791666666664</v>
      </c>
      <c r="D7245">
        <v>259182.21160000001</v>
      </c>
      <c r="E7245">
        <v>24330.108209999999</v>
      </c>
      <c r="F7245">
        <v>82346.662500000006</v>
      </c>
      <c r="G7245">
        <v>42934.76309</v>
      </c>
      <c r="H7245">
        <v>43791.869530000004</v>
      </c>
      <c r="I7245">
        <v>34677.711040000002</v>
      </c>
      <c r="J7245">
        <v>35068.271529999998</v>
      </c>
      <c r="K7245">
        <v>52232.638780000001</v>
      </c>
      <c r="L7245">
        <v>29236.801810000001</v>
      </c>
      <c r="M7245">
        <v>326651.67930000002</v>
      </c>
      <c r="N7245">
        <v>84254.209090000004</v>
      </c>
      <c r="O7245">
        <v>20965.874889999999</v>
      </c>
      <c r="P7245">
        <v>34078.878680000002</v>
      </c>
      <c r="Q7245">
        <v>90045.944140000007</v>
      </c>
      <c r="R7245">
        <v>22352.36191</v>
      </c>
      <c r="S7245">
        <v>95585.800040000002</v>
      </c>
      <c r="T7245">
        <v>32903.667260000002</v>
      </c>
      <c r="U7245">
        <v>16416.236860000001</v>
      </c>
      <c r="W7245" s="83">
        <f>Bühler!N7277</f>
        <v>45593.7916666491</v>
      </c>
      <c r="X7245" s="83">
        <v>43402.791666666664</v>
      </c>
      <c r="Y7245">
        <v>259182.21160000001</v>
      </c>
      <c r="Z7245">
        <v>24330.108209999999</v>
      </c>
      <c r="AA7245">
        <v>82346.662500000006</v>
      </c>
      <c r="AB7245">
        <v>42934.76309</v>
      </c>
      <c r="AC7245">
        <v>43791.869530000004</v>
      </c>
      <c r="AD7245">
        <v>34677.711040000002</v>
      </c>
      <c r="AE7245">
        <v>35068.271529999998</v>
      </c>
      <c r="AF7245">
        <v>52232.638780000001</v>
      </c>
      <c r="AG7245">
        <v>29236.801810000001</v>
      </c>
      <c r="AH7245">
        <v>326651.67930000002</v>
      </c>
      <c r="AI7245">
        <v>84254.209090000004</v>
      </c>
      <c r="AJ7245">
        <v>20965.874889999999</v>
      </c>
      <c r="AK7245">
        <v>34078.878680000002</v>
      </c>
      <c r="AL7245">
        <v>90045.944140000007</v>
      </c>
      <c r="AM7245">
        <v>22352.36191</v>
      </c>
      <c r="AN7245">
        <v>95585.800040000002</v>
      </c>
      <c r="AO7245">
        <v>32903.667260000002</v>
      </c>
      <c r="AP7245">
        <v>16416.236860000001</v>
      </c>
    </row>
    <row r="7246" spans="2:42" x14ac:dyDescent="0.3">
      <c r="B7246">
        <v>62.632188129247659</v>
      </c>
      <c r="C7246" s="83">
        <v>43402.833333333336</v>
      </c>
      <c r="D7246">
        <v>249830.1464</v>
      </c>
      <c r="E7246">
        <v>18278.854380000001</v>
      </c>
      <c r="F7246">
        <v>64547.990590000001</v>
      </c>
      <c r="G7246">
        <v>40006.737679999998</v>
      </c>
      <c r="H7246">
        <v>40985.9323</v>
      </c>
      <c r="I7246">
        <v>31083.551520000001</v>
      </c>
      <c r="J7246">
        <v>33613.045899999997</v>
      </c>
      <c r="K7246">
        <v>51105.07963</v>
      </c>
      <c r="L7246">
        <v>28008.850760000001</v>
      </c>
      <c r="M7246">
        <v>319328.10310000001</v>
      </c>
      <c r="N7246">
        <v>81154.21355</v>
      </c>
      <c r="O7246">
        <v>20474.584589999999</v>
      </c>
      <c r="P7246">
        <v>33404.124259999997</v>
      </c>
      <c r="Q7246">
        <v>87458.581250000003</v>
      </c>
      <c r="R7246">
        <v>19820.931550000001</v>
      </c>
      <c r="S7246">
        <v>86543.401629999993</v>
      </c>
      <c r="T7246">
        <v>30139.46125</v>
      </c>
      <c r="U7246">
        <v>14915.25366</v>
      </c>
      <c r="W7246" s="83">
        <f>Bühler!N7278</f>
        <v>45593.833333315764</v>
      </c>
      <c r="X7246" s="83">
        <v>43402.833333333336</v>
      </c>
      <c r="Y7246">
        <v>249830.1464</v>
      </c>
      <c r="Z7246">
        <v>18278.854380000001</v>
      </c>
      <c r="AA7246">
        <v>64547.990590000001</v>
      </c>
      <c r="AB7246">
        <v>40006.737679999998</v>
      </c>
      <c r="AC7246">
        <v>40985.9323</v>
      </c>
      <c r="AD7246">
        <v>31083.551520000001</v>
      </c>
      <c r="AE7246">
        <v>33613.045899999997</v>
      </c>
      <c r="AF7246">
        <v>51105.07963</v>
      </c>
      <c r="AG7246">
        <v>28008.850760000001</v>
      </c>
      <c r="AH7246">
        <v>319328.10310000001</v>
      </c>
      <c r="AI7246">
        <v>81154.21355</v>
      </c>
      <c r="AJ7246">
        <v>20474.584589999999</v>
      </c>
      <c r="AK7246">
        <v>33404.124259999997</v>
      </c>
      <c r="AL7246">
        <v>87458.581250000003</v>
      </c>
      <c r="AM7246">
        <v>19820.931550000001</v>
      </c>
      <c r="AN7246">
        <v>86543.401629999993</v>
      </c>
      <c r="AO7246">
        <v>30139.46125</v>
      </c>
      <c r="AP7246">
        <v>14915.25366</v>
      </c>
    </row>
    <row r="7247" spans="2:42" x14ac:dyDescent="0.3">
      <c r="B7247">
        <v>60.479713862684072</v>
      </c>
      <c r="C7247" s="83">
        <v>43402.875</v>
      </c>
      <c r="D7247">
        <v>238143.0705</v>
      </c>
      <c r="E7247">
        <v>15547.52455</v>
      </c>
      <c r="F7247">
        <v>56654.03097</v>
      </c>
      <c r="G7247">
        <v>38335.069689999997</v>
      </c>
      <c r="H7247">
        <v>38719.136250000003</v>
      </c>
      <c r="I7247">
        <v>26634.059590000001</v>
      </c>
      <c r="J7247">
        <v>32360.652180000001</v>
      </c>
      <c r="K7247">
        <v>49926.335899999998</v>
      </c>
      <c r="L7247">
        <v>26336.229759999998</v>
      </c>
      <c r="M7247">
        <v>308353.7855</v>
      </c>
      <c r="N7247">
        <v>76614.671650000004</v>
      </c>
      <c r="O7247">
        <v>19420.541399999998</v>
      </c>
      <c r="P7247">
        <v>32249.066910000001</v>
      </c>
      <c r="Q7247">
        <v>85493.805729999993</v>
      </c>
      <c r="R7247">
        <v>19293.703880000001</v>
      </c>
      <c r="S7247">
        <v>81010.219989999998</v>
      </c>
      <c r="T7247">
        <v>27345.034930000002</v>
      </c>
      <c r="U7247">
        <v>13511.53542</v>
      </c>
      <c r="W7247" s="83">
        <f>Bühler!N7279</f>
        <v>45593.874999982429</v>
      </c>
      <c r="X7247" s="83">
        <v>43402.875</v>
      </c>
      <c r="Y7247">
        <v>238143.0705</v>
      </c>
      <c r="Z7247">
        <v>15547.52455</v>
      </c>
      <c r="AA7247">
        <v>56654.03097</v>
      </c>
      <c r="AB7247">
        <v>38335.069689999997</v>
      </c>
      <c r="AC7247">
        <v>38719.136250000003</v>
      </c>
      <c r="AD7247">
        <v>26634.059590000001</v>
      </c>
      <c r="AE7247">
        <v>32360.652180000001</v>
      </c>
      <c r="AF7247">
        <v>49926.335899999998</v>
      </c>
      <c r="AG7247">
        <v>26336.229759999998</v>
      </c>
      <c r="AH7247">
        <v>308353.7855</v>
      </c>
      <c r="AI7247">
        <v>76614.671650000004</v>
      </c>
      <c r="AJ7247">
        <v>19420.541399999998</v>
      </c>
      <c r="AK7247">
        <v>32249.066910000001</v>
      </c>
      <c r="AL7247">
        <v>85493.805729999993</v>
      </c>
      <c r="AM7247">
        <v>19293.703880000001</v>
      </c>
      <c r="AN7247">
        <v>81010.219989999998</v>
      </c>
      <c r="AO7247">
        <v>27345.034930000002</v>
      </c>
      <c r="AP7247">
        <v>13511.53542</v>
      </c>
    </row>
    <row r="7248" spans="2:42" x14ac:dyDescent="0.3">
      <c r="B7248">
        <v>60.083158729356569</v>
      </c>
      <c r="C7248" s="83">
        <v>43402.916666666664</v>
      </c>
      <c r="D7248">
        <v>238134.95379999999</v>
      </c>
      <c r="E7248">
        <v>14835.19497</v>
      </c>
      <c r="F7248">
        <v>53902.494070000001</v>
      </c>
      <c r="G7248">
        <v>37545.32834</v>
      </c>
      <c r="H7248">
        <v>37437.314489999997</v>
      </c>
      <c r="I7248">
        <v>24918.34115</v>
      </c>
      <c r="J7248">
        <v>31133.386159999998</v>
      </c>
      <c r="K7248">
        <v>52518.941220000001</v>
      </c>
      <c r="L7248">
        <v>22742.139039999998</v>
      </c>
      <c r="M7248">
        <v>306331.96250000002</v>
      </c>
      <c r="N7248">
        <v>74696.833440000002</v>
      </c>
      <c r="O7248">
        <v>19583.138889999998</v>
      </c>
      <c r="P7248">
        <v>32877.199769999999</v>
      </c>
      <c r="Q7248">
        <v>85063.129929999996</v>
      </c>
      <c r="R7248">
        <v>21198.58425</v>
      </c>
      <c r="S7248">
        <v>79303.406600000002</v>
      </c>
      <c r="T7248">
        <v>24044.920689999999</v>
      </c>
      <c r="U7248">
        <v>13593.23293</v>
      </c>
      <c r="W7248" s="83">
        <f>Bühler!N7280</f>
        <v>45593.916666649093</v>
      </c>
      <c r="X7248" s="83">
        <v>43402.916666666664</v>
      </c>
      <c r="Y7248">
        <v>238134.95379999999</v>
      </c>
      <c r="Z7248">
        <v>14835.19497</v>
      </c>
      <c r="AA7248">
        <v>53902.494070000001</v>
      </c>
      <c r="AB7248">
        <v>37545.32834</v>
      </c>
      <c r="AC7248">
        <v>37437.314489999997</v>
      </c>
      <c r="AD7248">
        <v>24918.34115</v>
      </c>
      <c r="AE7248">
        <v>31133.386159999998</v>
      </c>
      <c r="AF7248">
        <v>52518.941220000001</v>
      </c>
      <c r="AG7248">
        <v>22742.139039999998</v>
      </c>
      <c r="AH7248">
        <v>306331.96250000002</v>
      </c>
      <c r="AI7248">
        <v>74696.833440000002</v>
      </c>
      <c r="AJ7248">
        <v>19583.138889999998</v>
      </c>
      <c r="AK7248">
        <v>32877.199769999999</v>
      </c>
      <c r="AL7248">
        <v>85063.129929999996</v>
      </c>
      <c r="AM7248">
        <v>21198.58425</v>
      </c>
      <c r="AN7248">
        <v>79303.406600000002</v>
      </c>
      <c r="AO7248">
        <v>24044.920689999999</v>
      </c>
      <c r="AP7248">
        <v>13593.23293</v>
      </c>
    </row>
    <row r="7249" spans="2:42" x14ac:dyDescent="0.3">
      <c r="B7249">
        <v>59.573120705058741</v>
      </c>
      <c r="C7249" s="83">
        <v>43402.958333333336</v>
      </c>
      <c r="D7249">
        <v>237515.46489999999</v>
      </c>
      <c r="E7249">
        <v>14395.876410000001</v>
      </c>
      <c r="F7249">
        <v>52489.23648</v>
      </c>
      <c r="G7249">
        <v>37265.851170000002</v>
      </c>
      <c r="H7249">
        <v>36448.469120000002</v>
      </c>
      <c r="I7249">
        <v>23747.595089999999</v>
      </c>
      <c r="J7249">
        <v>29497.06523</v>
      </c>
      <c r="K7249">
        <v>51034.034469999999</v>
      </c>
      <c r="L7249">
        <v>19940.35972</v>
      </c>
      <c r="M7249">
        <v>303731.55080000003</v>
      </c>
      <c r="N7249">
        <v>74505.106700000004</v>
      </c>
      <c r="O7249">
        <v>19356.39301</v>
      </c>
      <c r="P7249">
        <v>29573.431700000001</v>
      </c>
      <c r="Q7249">
        <v>84049.977769999998</v>
      </c>
      <c r="R7249">
        <v>20653.022250000002</v>
      </c>
      <c r="S7249">
        <v>77162.126770000003</v>
      </c>
      <c r="T7249">
        <v>25918.389930000001</v>
      </c>
      <c r="U7249">
        <v>13169.536889999999</v>
      </c>
      <c r="W7249" s="83">
        <f>Bühler!N7281</f>
        <v>45593.958333315757</v>
      </c>
      <c r="X7249" s="83">
        <v>43402.958333333336</v>
      </c>
      <c r="Y7249">
        <v>237515.46489999999</v>
      </c>
      <c r="Z7249">
        <v>14395.876410000001</v>
      </c>
      <c r="AA7249">
        <v>52489.23648</v>
      </c>
      <c r="AB7249">
        <v>37265.851170000002</v>
      </c>
      <c r="AC7249">
        <v>36448.469120000002</v>
      </c>
      <c r="AD7249">
        <v>23747.595089999999</v>
      </c>
      <c r="AE7249">
        <v>29497.06523</v>
      </c>
      <c r="AF7249">
        <v>51034.034469999999</v>
      </c>
      <c r="AG7249">
        <v>19940.35972</v>
      </c>
      <c r="AH7249">
        <v>303731.55080000003</v>
      </c>
      <c r="AI7249">
        <v>74505.106700000004</v>
      </c>
      <c r="AJ7249">
        <v>19356.39301</v>
      </c>
      <c r="AK7249">
        <v>29573.431700000001</v>
      </c>
      <c r="AL7249">
        <v>84049.977769999998</v>
      </c>
      <c r="AM7249">
        <v>20653.022250000002</v>
      </c>
      <c r="AN7249">
        <v>77162.126770000003</v>
      </c>
      <c r="AO7249">
        <v>25918.389930000001</v>
      </c>
      <c r="AP7249">
        <v>13169.536889999999</v>
      </c>
    </row>
    <row r="7250" spans="2:42" x14ac:dyDescent="0.3">
      <c r="B7250">
        <v>58.574693519591143</v>
      </c>
      <c r="C7250" s="83">
        <v>43403</v>
      </c>
      <c r="D7250">
        <v>236421.70189999999</v>
      </c>
      <c r="E7250">
        <v>14073.516820000001</v>
      </c>
      <c r="F7250">
        <v>51968.961080000001</v>
      </c>
      <c r="G7250">
        <v>36542.755550000002</v>
      </c>
      <c r="H7250">
        <v>36351.103669999997</v>
      </c>
      <c r="I7250">
        <v>21632.117119999999</v>
      </c>
      <c r="J7250">
        <v>27920.180219999998</v>
      </c>
      <c r="K7250">
        <v>50228.573969999998</v>
      </c>
      <c r="L7250">
        <v>17953.079689999999</v>
      </c>
      <c r="M7250">
        <v>298641.10340000002</v>
      </c>
      <c r="N7250">
        <v>73919.97262</v>
      </c>
      <c r="O7250">
        <v>19329.449359999999</v>
      </c>
      <c r="P7250">
        <v>26741.889179999998</v>
      </c>
      <c r="Q7250">
        <v>84045.618690000003</v>
      </c>
      <c r="R7250">
        <v>19119.837660000001</v>
      </c>
      <c r="S7250">
        <v>76313.903330000001</v>
      </c>
      <c r="T7250">
        <v>24291.617440000002</v>
      </c>
      <c r="U7250">
        <v>13008.49785</v>
      </c>
      <c r="W7250" s="83">
        <f>Bühler!N7282</f>
        <v>45593.999999982421</v>
      </c>
      <c r="X7250" s="83">
        <v>43403</v>
      </c>
      <c r="Y7250">
        <v>236421.70189999999</v>
      </c>
      <c r="Z7250">
        <v>14073.516820000001</v>
      </c>
      <c r="AA7250">
        <v>51968.961080000001</v>
      </c>
      <c r="AB7250">
        <v>36542.755550000002</v>
      </c>
      <c r="AC7250">
        <v>36351.103669999997</v>
      </c>
      <c r="AD7250">
        <v>21632.117119999999</v>
      </c>
      <c r="AE7250">
        <v>27920.180219999998</v>
      </c>
      <c r="AF7250">
        <v>50228.573969999998</v>
      </c>
      <c r="AG7250">
        <v>17953.079689999999</v>
      </c>
      <c r="AH7250">
        <v>298641.10340000002</v>
      </c>
      <c r="AI7250">
        <v>73919.97262</v>
      </c>
      <c r="AJ7250">
        <v>19329.449359999999</v>
      </c>
      <c r="AK7250">
        <v>26741.889179999998</v>
      </c>
      <c r="AL7250">
        <v>84045.618690000003</v>
      </c>
      <c r="AM7250">
        <v>19119.837660000001</v>
      </c>
      <c r="AN7250">
        <v>76313.903330000001</v>
      </c>
      <c r="AO7250">
        <v>24291.617440000002</v>
      </c>
      <c r="AP7250">
        <v>13008.49785</v>
      </c>
    </row>
    <row r="7251" spans="2:42" x14ac:dyDescent="0.3">
      <c r="B7251">
        <v>58.408897681528245</v>
      </c>
      <c r="C7251" s="83">
        <v>43403.041666666664</v>
      </c>
      <c r="D7251">
        <v>234633.2249</v>
      </c>
      <c r="E7251">
        <v>14019.87278</v>
      </c>
      <c r="F7251">
        <v>52681.619630000001</v>
      </c>
      <c r="G7251">
        <v>36229.425159999999</v>
      </c>
      <c r="H7251">
        <v>35743.610050000003</v>
      </c>
      <c r="I7251">
        <v>18083.16012</v>
      </c>
      <c r="J7251">
        <v>27474.402709999998</v>
      </c>
      <c r="K7251">
        <v>48818.676489999998</v>
      </c>
      <c r="L7251">
        <v>17403.477989999999</v>
      </c>
      <c r="M7251">
        <v>297795.79889999999</v>
      </c>
      <c r="N7251">
        <v>73186.739400000006</v>
      </c>
      <c r="O7251">
        <v>19662.125169999999</v>
      </c>
      <c r="P7251">
        <v>25781.652529999999</v>
      </c>
      <c r="Q7251">
        <v>85457.852400000003</v>
      </c>
      <c r="R7251">
        <v>17880.20608</v>
      </c>
      <c r="S7251">
        <v>75353.919949999996</v>
      </c>
      <c r="T7251">
        <v>23883.39129</v>
      </c>
      <c r="U7251">
        <v>12946.57789</v>
      </c>
      <c r="W7251" s="83">
        <f>Bühler!N7283</f>
        <v>45594.041666649086</v>
      </c>
      <c r="X7251" s="83">
        <v>43403.041666666664</v>
      </c>
      <c r="Y7251">
        <v>234633.2249</v>
      </c>
      <c r="Z7251">
        <v>14019.87278</v>
      </c>
      <c r="AA7251">
        <v>52681.619630000001</v>
      </c>
      <c r="AB7251">
        <v>36229.425159999999</v>
      </c>
      <c r="AC7251">
        <v>35743.610050000003</v>
      </c>
      <c r="AD7251">
        <v>18083.16012</v>
      </c>
      <c r="AE7251">
        <v>27474.402709999998</v>
      </c>
      <c r="AF7251">
        <v>48818.676489999998</v>
      </c>
      <c r="AG7251">
        <v>17403.477989999999</v>
      </c>
      <c r="AH7251">
        <v>297795.79889999999</v>
      </c>
      <c r="AI7251">
        <v>73186.739400000006</v>
      </c>
      <c r="AJ7251">
        <v>19662.125169999999</v>
      </c>
      <c r="AK7251">
        <v>25781.652529999999</v>
      </c>
      <c r="AL7251">
        <v>85457.852400000003</v>
      </c>
      <c r="AM7251">
        <v>17880.20608</v>
      </c>
      <c r="AN7251">
        <v>75353.919949999996</v>
      </c>
      <c r="AO7251">
        <v>23883.39129</v>
      </c>
      <c r="AP7251">
        <v>12946.57789</v>
      </c>
    </row>
    <row r="7252" spans="2:42" x14ac:dyDescent="0.3">
      <c r="B7252">
        <v>58.883238127810841</v>
      </c>
      <c r="C7252" s="83">
        <v>43403.083333333336</v>
      </c>
      <c r="D7252">
        <v>235991.2677</v>
      </c>
      <c r="E7252">
        <v>13861.977220000001</v>
      </c>
      <c r="F7252">
        <v>52801.441919999997</v>
      </c>
      <c r="G7252">
        <v>35699.760569999999</v>
      </c>
      <c r="H7252">
        <v>35638.009409999999</v>
      </c>
      <c r="I7252">
        <v>16817.79693</v>
      </c>
      <c r="J7252">
        <v>27212.805369999998</v>
      </c>
      <c r="K7252">
        <v>46787.98156</v>
      </c>
      <c r="L7252">
        <v>17063.050569999999</v>
      </c>
      <c r="M7252">
        <v>300214.20770000003</v>
      </c>
      <c r="N7252">
        <v>72739.825649999999</v>
      </c>
      <c r="O7252">
        <v>18854.442419999999</v>
      </c>
      <c r="P7252">
        <v>24716.307700000001</v>
      </c>
      <c r="Q7252">
        <v>87578.798630000005</v>
      </c>
      <c r="R7252">
        <v>17843.85859</v>
      </c>
      <c r="S7252">
        <v>74355.49192</v>
      </c>
      <c r="T7252">
        <v>23588.21859</v>
      </c>
      <c r="U7252">
        <v>13036.924429999999</v>
      </c>
      <c r="W7252" s="83">
        <f>Bühler!N7284</f>
        <v>45594.08333331575</v>
      </c>
      <c r="X7252" s="83">
        <v>43403.083333333336</v>
      </c>
      <c r="Y7252">
        <v>235991.2677</v>
      </c>
      <c r="Z7252">
        <v>13861.977220000001</v>
      </c>
      <c r="AA7252">
        <v>52801.441919999997</v>
      </c>
      <c r="AB7252">
        <v>35699.760569999999</v>
      </c>
      <c r="AC7252">
        <v>35638.009409999999</v>
      </c>
      <c r="AD7252">
        <v>16817.79693</v>
      </c>
      <c r="AE7252">
        <v>27212.805369999998</v>
      </c>
      <c r="AF7252">
        <v>46787.98156</v>
      </c>
      <c r="AG7252">
        <v>17063.050569999999</v>
      </c>
      <c r="AH7252">
        <v>300214.20770000003</v>
      </c>
      <c r="AI7252">
        <v>72739.825649999999</v>
      </c>
      <c r="AJ7252">
        <v>18854.442419999999</v>
      </c>
      <c r="AK7252">
        <v>24716.307700000001</v>
      </c>
      <c r="AL7252">
        <v>87578.798630000005</v>
      </c>
      <c r="AM7252">
        <v>17843.85859</v>
      </c>
      <c r="AN7252">
        <v>74355.49192</v>
      </c>
      <c r="AO7252">
        <v>23588.21859</v>
      </c>
      <c r="AP7252">
        <v>13036.924429999999</v>
      </c>
    </row>
    <row r="7253" spans="2:42" x14ac:dyDescent="0.3">
      <c r="B7253">
        <v>59.099151527285748</v>
      </c>
      <c r="C7253" s="83">
        <v>43403.125</v>
      </c>
      <c r="D7253">
        <v>237536.35010000001</v>
      </c>
      <c r="E7253">
        <v>13932.92763</v>
      </c>
      <c r="F7253">
        <v>53494.813150000002</v>
      </c>
      <c r="G7253">
        <v>34925.429360000002</v>
      </c>
      <c r="H7253">
        <v>35617.380700000002</v>
      </c>
      <c r="I7253">
        <v>16691.657709999999</v>
      </c>
      <c r="J7253">
        <v>26997.998749999999</v>
      </c>
      <c r="K7253">
        <v>44531.509720000002</v>
      </c>
      <c r="L7253">
        <v>16332.14661</v>
      </c>
      <c r="M7253">
        <v>301315.03490000003</v>
      </c>
      <c r="N7253">
        <v>71378.992769999997</v>
      </c>
      <c r="O7253">
        <v>19125.517390000001</v>
      </c>
      <c r="P7253">
        <v>23504.80171</v>
      </c>
      <c r="Q7253">
        <v>90152.909660000005</v>
      </c>
      <c r="R7253">
        <v>17077.919829999999</v>
      </c>
      <c r="S7253">
        <v>73988.177110000004</v>
      </c>
      <c r="T7253">
        <v>23350.3923</v>
      </c>
      <c r="U7253">
        <v>13015.422049999999</v>
      </c>
      <c r="W7253" s="83">
        <f>Bühler!N7285</f>
        <v>45594.124999982414</v>
      </c>
      <c r="X7253" s="83">
        <v>43403.125</v>
      </c>
      <c r="Y7253">
        <v>237536.35010000001</v>
      </c>
      <c r="Z7253">
        <v>13932.92763</v>
      </c>
      <c r="AA7253">
        <v>53494.813150000002</v>
      </c>
      <c r="AB7253">
        <v>34925.429360000002</v>
      </c>
      <c r="AC7253">
        <v>35617.380700000002</v>
      </c>
      <c r="AD7253">
        <v>16691.657709999999</v>
      </c>
      <c r="AE7253">
        <v>26997.998749999999</v>
      </c>
      <c r="AF7253">
        <v>44531.509720000002</v>
      </c>
      <c r="AG7253">
        <v>16332.14661</v>
      </c>
      <c r="AH7253">
        <v>301315.03490000003</v>
      </c>
      <c r="AI7253">
        <v>71378.992769999997</v>
      </c>
      <c r="AJ7253">
        <v>19125.517390000001</v>
      </c>
      <c r="AK7253">
        <v>23504.80171</v>
      </c>
      <c r="AL7253">
        <v>90152.909660000005</v>
      </c>
      <c r="AM7253">
        <v>17077.919829999999</v>
      </c>
      <c r="AN7253">
        <v>73988.177110000004</v>
      </c>
      <c r="AO7253">
        <v>23350.3923</v>
      </c>
      <c r="AP7253">
        <v>13015.422049999999</v>
      </c>
    </row>
    <row r="7254" spans="2:42" x14ac:dyDescent="0.3">
      <c r="B7254">
        <v>61.259177966878923</v>
      </c>
      <c r="C7254" s="83">
        <v>43403.166666666664</v>
      </c>
      <c r="D7254">
        <v>238501.69680000001</v>
      </c>
      <c r="E7254">
        <v>14298.109109999999</v>
      </c>
      <c r="F7254">
        <v>57258.65034</v>
      </c>
      <c r="G7254">
        <v>35375.480539999997</v>
      </c>
      <c r="H7254">
        <v>36301.472419999998</v>
      </c>
      <c r="I7254">
        <v>18495.742109999999</v>
      </c>
      <c r="J7254">
        <v>28434.094809999999</v>
      </c>
      <c r="K7254">
        <v>43786.768400000001</v>
      </c>
      <c r="L7254">
        <v>16451.682959999998</v>
      </c>
      <c r="M7254">
        <v>312327.85700000002</v>
      </c>
      <c r="N7254">
        <v>70884.005009999993</v>
      </c>
      <c r="O7254">
        <v>19695.340779999999</v>
      </c>
      <c r="P7254">
        <v>23502.594440000001</v>
      </c>
      <c r="Q7254">
        <v>94310.963900000002</v>
      </c>
      <c r="R7254">
        <v>17150.008620000001</v>
      </c>
      <c r="S7254">
        <v>74545.317509999993</v>
      </c>
      <c r="T7254">
        <v>23396.756410000002</v>
      </c>
      <c r="U7254">
        <v>14027.82886</v>
      </c>
      <c r="W7254" s="83">
        <f>Bühler!N7286</f>
        <v>45594.166666649078</v>
      </c>
      <c r="X7254" s="83">
        <v>43403.166666666664</v>
      </c>
      <c r="Y7254">
        <v>238501.69680000001</v>
      </c>
      <c r="Z7254">
        <v>14298.109109999999</v>
      </c>
      <c r="AA7254">
        <v>57258.65034</v>
      </c>
      <c r="AB7254">
        <v>35375.480539999997</v>
      </c>
      <c r="AC7254">
        <v>36301.472419999998</v>
      </c>
      <c r="AD7254">
        <v>18495.742109999999</v>
      </c>
      <c r="AE7254">
        <v>28434.094809999999</v>
      </c>
      <c r="AF7254">
        <v>43786.768400000001</v>
      </c>
      <c r="AG7254">
        <v>16451.682959999998</v>
      </c>
      <c r="AH7254">
        <v>312327.85700000002</v>
      </c>
      <c r="AI7254">
        <v>70884.005009999993</v>
      </c>
      <c r="AJ7254">
        <v>19695.340779999999</v>
      </c>
      <c r="AK7254">
        <v>23502.594440000001</v>
      </c>
      <c r="AL7254">
        <v>94310.963900000002</v>
      </c>
      <c r="AM7254">
        <v>17150.008620000001</v>
      </c>
      <c r="AN7254">
        <v>74545.317509999993</v>
      </c>
      <c r="AO7254">
        <v>23396.756410000002</v>
      </c>
      <c r="AP7254">
        <v>14027.82886</v>
      </c>
    </row>
    <row r="7255" spans="2:42" x14ac:dyDescent="0.3">
      <c r="B7255">
        <v>64.972564685587372</v>
      </c>
      <c r="C7255" s="83">
        <v>43403.208333333336</v>
      </c>
      <c r="D7255">
        <v>254086.8798</v>
      </c>
      <c r="E7255">
        <v>16743.29206</v>
      </c>
      <c r="F7255">
        <v>67344.687269999995</v>
      </c>
      <c r="G7255">
        <v>37006.823620000003</v>
      </c>
      <c r="H7255">
        <v>38320.331489999997</v>
      </c>
      <c r="I7255">
        <v>25042.276290000002</v>
      </c>
      <c r="J7255">
        <v>31210.436699999998</v>
      </c>
      <c r="K7255">
        <v>45319.150009999998</v>
      </c>
      <c r="L7255">
        <v>17428.741460000001</v>
      </c>
      <c r="M7255">
        <v>331260.43420000002</v>
      </c>
      <c r="N7255">
        <v>72541.257039999997</v>
      </c>
      <c r="O7255">
        <v>19991.299129999999</v>
      </c>
      <c r="P7255">
        <v>25294.566650000001</v>
      </c>
      <c r="Q7255">
        <v>96801.894090000002</v>
      </c>
      <c r="R7255">
        <v>18018.72234</v>
      </c>
      <c r="S7255">
        <v>78228.542230000006</v>
      </c>
      <c r="T7255">
        <v>24750.021290000001</v>
      </c>
      <c r="U7255">
        <v>16125.64315</v>
      </c>
      <c r="W7255" s="83">
        <f>Bühler!N7287</f>
        <v>45594.208333315742</v>
      </c>
      <c r="X7255" s="83">
        <v>43403.208333333336</v>
      </c>
      <c r="Y7255">
        <v>254086.8798</v>
      </c>
      <c r="Z7255">
        <v>16743.29206</v>
      </c>
      <c r="AA7255">
        <v>67344.687269999995</v>
      </c>
      <c r="AB7255">
        <v>37006.823620000003</v>
      </c>
      <c r="AC7255">
        <v>38320.331489999997</v>
      </c>
      <c r="AD7255">
        <v>25042.276290000002</v>
      </c>
      <c r="AE7255">
        <v>31210.436699999998</v>
      </c>
      <c r="AF7255">
        <v>45319.150009999998</v>
      </c>
      <c r="AG7255">
        <v>17428.741460000001</v>
      </c>
      <c r="AH7255">
        <v>331260.43420000002</v>
      </c>
      <c r="AI7255">
        <v>72541.257039999997</v>
      </c>
      <c r="AJ7255">
        <v>19991.299129999999</v>
      </c>
      <c r="AK7255">
        <v>25294.566650000001</v>
      </c>
      <c r="AL7255">
        <v>96801.894090000002</v>
      </c>
      <c r="AM7255">
        <v>18018.72234</v>
      </c>
      <c r="AN7255">
        <v>78228.542230000006</v>
      </c>
      <c r="AO7255">
        <v>24750.021290000001</v>
      </c>
      <c r="AP7255">
        <v>16125.64315</v>
      </c>
    </row>
    <row r="7256" spans="2:42" x14ac:dyDescent="0.3">
      <c r="B7256">
        <v>68.390441343240482</v>
      </c>
      <c r="C7256" s="83">
        <v>43403.25</v>
      </c>
      <c r="D7256">
        <v>270717.40500000003</v>
      </c>
      <c r="E7256">
        <v>21248.75231</v>
      </c>
      <c r="F7256">
        <v>81085.362290000005</v>
      </c>
      <c r="G7256">
        <v>41812.543019999997</v>
      </c>
      <c r="H7256">
        <v>41649.043859999998</v>
      </c>
      <c r="I7256">
        <v>32185.51916</v>
      </c>
      <c r="J7256">
        <v>34501.593630000003</v>
      </c>
      <c r="K7256">
        <v>48873.194199999998</v>
      </c>
      <c r="L7256">
        <v>19121.764070000001</v>
      </c>
      <c r="M7256">
        <v>348686.36330000003</v>
      </c>
      <c r="N7256">
        <v>76129.723970000006</v>
      </c>
      <c r="O7256">
        <v>21366.892</v>
      </c>
      <c r="P7256">
        <v>27148.598129999998</v>
      </c>
      <c r="Q7256">
        <v>98401.300010000006</v>
      </c>
      <c r="R7256">
        <v>18304.184099999999</v>
      </c>
      <c r="S7256">
        <v>87112.410250000001</v>
      </c>
      <c r="T7256">
        <v>27758.059160000001</v>
      </c>
      <c r="U7256">
        <v>18776.741389999999</v>
      </c>
      <c r="W7256" s="83">
        <f>Bühler!N7288</f>
        <v>45594.249999982407</v>
      </c>
      <c r="X7256" s="83">
        <v>43403.25</v>
      </c>
      <c r="Y7256">
        <v>270717.40500000003</v>
      </c>
      <c r="Z7256">
        <v>21248.75231</v>
      </c>
      <c r="AA7256">
        <v>81085.362290000005</v>
      </c>
      <c r="AB7256">
        <v>41812.543019999997</v>
      </c>
      <c r="AC7256">
        <v>41649.043859999998</v>
      </c>
      <c r="AD7256">
        <v>32185.51916</v>
      </c>
      <c r="AE7256">
        <v>34501.593630000003</v>
      </c>
      <c r="AF7256">
        <v>48873.194199999998</v>
      </c>
      <c r="AG7256">
        <v>19121.764070000001</v>
      </c>
      <c r="AH7256">
        <v>348686.36330000003</v>
      </c>
      <c r="AI7256">
        <v>76129.723970000006</v>
      </c>
      <c r="AJ7256">
        <v>21366.892</v>
      </c>
      <c r="AK7256">
        <v>27148.598129999998</v>
      </c>
      <c r="AL7256">
        <v>98401.300010000006</v>
      </c>
      <c r="AM7256">
        <v>18304.184099999999</v>
      </c>
      <c r="AN7256">
        <v>87112.410250000001</v>
      </c>
      <c r="AO7256">
        <v>27758.059160000001</v>
      </c>
      <c r="AP7256">
        <v>18776.741389999999</v>
      </c>
    </row>
    <row r="7257" spans="2:42" x14ac:dyDescent="0.3">
      <c r="B7257">
        <v>69.333784650309397</v>
      </c>
      <c r="C7257" s="83">
        <v>43403.291666666664</v>
      </c>
      <c r="D7257">
        <v>285610.75900000002</v>
      </c>
      <c r="E7257">
        <v>26398.52146</v>
      </c>
      <c r="F7257">
        <v>84461.291169999997</v>
      </c>
      <c r="G7257">
        <v>47380.125610000003</v>
      </c>
      <c r="H7257">
        <v>46983.731390000001</v>
      </c>
      <c r="I7257">
        <v>39215.135419999999</v>
      </c>
      <c r="J7257">
        <v>35088.131119999998</v>
      </c>
      <c r="K7257">
        <v>54020.41977</v>
      </c>
      <c r="L7257">
        <v>21794.535349999998</v>
      </c>
      <c r="M7257">
        <v>353495.96740000002</v>
      </c>
      <c r="N7257">
        <v>84872.257610000001</v>
      </c>
      <c r="O7257">
        <v>23541.906050000001</v>
      </c>
      <c r="P7257">
        <v>30047.477500000001</v>
      </c>
      <c r="Q7257">
        <v>98984.552509999994</v>
      </c>
      <c r="R7257">
        <v>20380.756300000001</v>
      </c>
      <c r="S7257">
        <v>102260.5255</v>
      </c>
      <c r="T7257">
        <v>27718.57041</v>
      </c>
      <c r="U7257">
        <v>23047.136709999999</v>
      </c>
      <c r="W7257" s="83">
        <f>Bühler!N7289</f>
        <v>45594.291666649071</v>
      </c>
      <c r="X7257" s="83">
        <v>43403.291666666664</v>
      </c>
      <c r="Y7257">
        <v>285610.75900000002</v>
      </c>
      <c r="Z7257">
        <v>26398.52146</v>
      </c>
      <c r="AA7257">
        <v>84461.291169999997</v>
      </c>
      <c r="AB7257">
        <v>47380.125610000003</v>
      </c>
      <c r="AC7257">
        <v>46983.731390000001</v>
      </c>
      <c r="AD7257">
        <v>39215.135419999999</v>
      </c>
      <c r="AE7257">
        <v>35088.131119999998</v>
      </c>
      <c r="AF7257">
        <v>54020.41977</v>
      </c>
      <c r="AG7257">
        <v>21794.535349999998</v>
      </c>
      <c r="AH7257">
        <v>353495.96740000002</v>
      </c>
      <c r="AI7257">
        <v>84872.257610000001</v>
      </c>
      <c r="AJ7257">
        <v>23541.906050000001</v>
      </c>
      <c r="AK7257">
        <v>30047.477500000001</v>
      </c>
      <c r="AL7257">
        <v>98984.552509999994</v>
      </c>
      <c r="AM7257">
        <v>20380.756300000001</v>
      </c>
      <c r="AN7257">
        <v>102260.5255</v>
      </c>
      <c r="AO7257">
        <v>27718.57041</v>
      </c>
      <c r="AP7257">
        <v>23047.136709999999</v>
      </c>
    </row>
    <row r="7258" spans="2:42" x14ac:dyDescent="0.3">
      <c r="B7258">
        <v>70.109062907512495</v>
      </c>
      <c r="C7258" s="83">
        <v>43403.333333333336</v>
      </c>
      <c r="D7258">
        <v>297267.20899999997</v>
      </c>
      <c r="E7258">
        <v>31600.556939999999</v>
      </c>
      <c r="F7258">
        <v>91693.473670000007</v>
      </c>
      <c r="G7258">
        <v>53244.194629999998</v>
      </c>
      <c r="H7258">
        <v>51133.873850000004</v>
      </c>
      <c r="I7258">
        <v>42503.738949999999</v>
      </c>
      <c r="J7258">
        <v>35399.633450000001</v>
      </c>
      <c r="K7258">
        <v>60870.991990000002</v>
      </c>
      <c r="L7258">
        <v>24535.973900000001</v>
      </c>
      <c r="M7258">
        <v>357448.69750000001</v>
      </c>
      <c r="N7258">
        <v>93893.903000000006</v>
      </c>
      <c r="O7258">
        <v>24948.714250000001</v>
      </c>
      <c r="P7258">
        <v>31975.479899999998</v>
      </c>
      <c r="Q7258">
        <v>99258.243700000006</v>
      </c>
      <c r="R7258">
        <v>21638.32705</v>
      </c>
      <c r="S7258">
        <v>113862.0946</v>
      </c>
      <c r="T7258">
        <v>30277.12989</v>
      </c>
      <c r="U7258">
        <v>25528.92769</v>
      </c>
      <c r="W7258" s="83">
        <f>Bühler!N7290</f>
        <v>45594.333333315735</v>
      </c>
      <c r="X7258" s="83">
        <v>43403.333333333336</v>
      </c>
      <c r="Y7258">
        <v>297267.20899999997</v>
      </c>
      <c r="Z7258">
        <v>31600.556939999999</v>
      </c>
      <c r="AA7258">
        <v>91693.473670000007</v>
      </c>
      <c r="AB7258">
        <v>53244.194629999998</v>
      </c>
      <c r="AC7258">
        <v>51133.873850000004</v>
      </c>
      <c r="AD7258">
        <v>42503.738949999999</v>
      </c>
      <c r="AE7258">
        <v>35399.633450000001</v>
      </c>
      <c r="AF7258">
        <v>60870.991990000002</v>
      </c>
      <c r="AG7258">
        <v>24535.973900000001</v>
      </c>
      <c r="AH7258">
        <v>357448.69750000001</v>
      </c>
      <c r="AI7258">
        <v>93893.903000000006</v>
      </c>
      <c r="AJ7258">
        <v>24948.714250000001</v>
      </c>
      <c r="AK7258">
        <v>31975.479899999998</v>
      </c>
      <c r="AL7258">
        <v>99258.243700000006</v>
      </c>
      <c r="AM7258">
        <v>21638.32705</v>
      </c>
      <c r="AN7258">
        <v>113862.0946</v>
      </c>
      <c r="AO7258">
        <v>30277.12989</v>
      </c>
      <c r="AP7258">
        <v>25528.92769</v>
      </c>
    </row>
    <row r="7259" spans="2:42" x14ac:dyDescent="0.3">
      <c r="B7259">
        <v>70.310737240740636</v>
      </c>
      <c r="C7259" s="83">
        <v>43403.375</v>
      </c>
      <c r="D7259">
        <v>297103.47200000001</v>
      </c>
      <c r="E7259">
        <v>35361.81684</v>
      </c>
      <c r="F7259">
        <v>97528.719800000006</v>
      </c>
      <c r="G7259">
        <v>57035.570970000001</v>
      </c>
      <c r="H7259">
        <v>53039.781860000003</v>
      </c>
      <c r="I7259">
        <v>40331.841310000003</v>
      </c>
      <c r="J7259">
        <v>34835.901290000002</v>
      </c>
      <c r="K7259">
        <v>63233.043839999998</v>
      </c>
      <c r="L7259">
        <v>28154.33008</v>
      </c>
      <c r="M7259">
        <v>358476.92729999998</v>
      </c>
      <c r="N7259">
        <v>94997.578389999995</v>
      </c>
      <c r="O7259">
        <v>25187.9725</v>
      </c>
      <c r="P7259">
        <v>33364.851499999997</v>
      </c>
      <c r="Q7259">
        <v>100315.2546</v>
      </c>
      <c r="R7259">
        <v>24705.22118</v>
      </c>
      <c r="S7259">
        <v>119303.3747</v>
      </c>
      <c r="T7259">
        <v>32732.268179999999</v>
      </c>
      <c r="U7259">
        <v>25314.593809999998</v>
      </c>
      <c r="W7259" s="83">
        <f>Bühler!N7291</f>
        <v>45594.374999982399</v>
      </c>
      <c r="X7259" s="83">
        <v>43403.375</v>
      </c>
      <c r="Y7259">
        <v>297103.47200000001</v>
      </c>
      <c r="Z7259">
        <v>35361.81684</v>
      </c>
      <c r="AA7259">
        <v>97528.719800000006</v>
      </c>
      <c r="AB7259">
        <v>57035.570970000001</v>
      </c>
      <c r="AC7259">
        <v>53039.781860000003</v>
      </c>
      <c r="AD7259">
        <v>40331.841310000003</v>
      </c>
      <c r="AE7259">
        <v>34835.901290000002</v>
      </c>
      <c r="AF7259">
        <v>63233.043839999998</v>
      </c>
      <c r="AG7259">
        <v>28154.33008</v>
      </c>
      <c r="AH7259">
        <v>358476.92729999998</v>
      </c>
      <c r="AI7259">
        <v>94997.578389999995</v>
      </c>
      <c r="AJ7259">
        <v>25187.9725</v>
      </c>
      <c r="AK7259">
        <v>33364.851499999997</v>
      </c>
      <c r="AL7259">
        <v>100315.2546</v>
      </c>
      <c r="AM7259">
        <v>24705.22118</v>
      </c>
      <c r="AN7259">
        <v>119303.3747</v>
      </c>
      <c r="AO7259">
        <v>32732.268179999999</v>
      </c>
      <c r="AP7259">
        <v>25314.593809999998</v>
      </c>
    </row>
    <row r="7260" spans="2:42" x14ac:dyDescent="0.3">
      <c r="B7260">
        <v>71.545341252578751</v>
      </c>
      <c r="C7260" s="83">
        <v>43403.416666666664</v>
      </c>
      <c r="D7260">
        <v>299334.33069999999</v>
      </c>
      <c r="E7260">
        <v>36690.914839999998</v>
      </c>
      <c r="F7260">
        <v>97928.129019999993</v>
      </c>
      <c r="G7260">
        <v>57299.773220000003</v>
      </c>
      <c r="H7260">
        <v>53729.046130000002</v>
      </c>
      <c r="I7260">
        <v>39257.484349999999</v>
      </c>
      <c r="J7260">
        <v>34453.266790000001</v>
      </c>
      <c r="K7260">
        <v>63889.384610000001</v>
      </c>
      <c r="L7260">
        <v>29897.144130000001</v>
      </c>
      <c r="M7260">
        <v>364771.51429999998</v>
      </c>
      <c r="N7260">
        <v>95577.760150000002</v>
      </c>
      <c r="O7260">
        <v>25252.726650000001</v>
      </c>
      <c r="P7260">
        <v>33800.853190000002</v>
      </c>
      <c r="Q7260">
        <v>101399.3939</v>
      </c>
      <c r="R7260">
        <v>24661.112809999999</v>
      </c>
      <c r="S7260">
        <v>118878.70699999999</v>
      </c>
      <c r="T7260">
        <v>34595.071380000001</v>
      </c>
      <c r="U7260">
        <v>25015.215769999999</v>
      </c>
      <c r="W7260" s="83">
        <f>Bühler!N7292</f>
        <v>45594.416666649064</v>
      </c>
      <c r="X7260" s="83">
        <v>43403.416666666664</v>
      </c>
      <c r="Y7260">
        <v>299334.33069999999</v>
      </c>
      <c r="Z7260">
        <v>36690.914839999998</v>
      </c>
      <c r="AA7260">
        <v>97928.129019999993</v>
      </c>
      <c r="AB7260">
        <v>57299.773220000003</v>
      </c>
      <c r="AC7260">
        <v>53729.046130000002</v>
      </c>
      <c r="AD7260">
        <v>39257.484349999999</v>
      </c>
      <c r="AE7260">
        <v>34453.266790000001</v>
      </c>
      <c r="AF7260">
        <v>63889.384610000001</v>
      </c>
      <c r="AG7260">
        <v>29897.144130000001</v>
      </c>
      <c r="AH7260">
        <v>364771.51429999998</v>
      </c>
      <c r="AI7260">
        <v>95577.760150000002</v>
      </c>
      <c r="AJ7260">
        <v>25252.726650000001</v>
      </c>
      <c r="AK7260">
        <v>33800.853190000002</v>
      </c>
      <c r="AL7260">
        <v>101399.3939</v>
      </c>
      <c r="AM7260">
        <v>24661.112809999999</v>
      </c>
      <c r="AN7260">
        <v>118878.70699999999</v>
      </c>
      <c r="AO7260">
        <v>34595.071380000001</v>
      </c>
      <c r="AP7260">
        <v>25015.215769999999</v>
      </c>
    </row>
    <row r="7261" spans="2:42" x14ac:dyDescent="0.3">
      <c r="B7261">
        <v>71.986830310077693</v>
      </c>
      <c r="C7261" s="83">
        <v>43403.458333333336</v>
      </c>
      <c r="D7261">
        <v>299278.65279999998</v>
      </c>
      <c r="E7261">
        <v>36261.614500000003</v>
      </c>
      <c r="F7261">
        <v>98274.970619999993</v>
      </c>
      <c r="G7261">
        <v>56687.76988</v>
      </c>
      <c r="H7261">
        <v>53256.187339999997</v>
      </c>
      <c r="I7261">
        <v>38483.808400000002</v>
      </c>
      <c r="J7261">
        <v>34393.885280000002</v>
      </c>
      <c r="K7261">
        <v>65174.369720000002</v>
      </c>
      <c r="L7261">
        <v>31237.303779999998</v>
      </c>
      <c r="M7261">
        <v>367022.4314</v>
      </c>
      <c r="N7261">
        <v>94757.925799999997</v>
      </c>
      <c r="O7261">
        <v>25398.775539999999</v>
      </c>
      <c r="P7261">
        <v>32801.010370000004</v>
      </c>
      <c r="Q7261">
        <v>101892.1011</v>
      </c>
      <c r="R7261">
        <v>25401.039150000001</v>
      </c>
      <c r="S7261">
        <v>120676.3186</v>
      </c>
      <c r="T7261">
        <v>35122.93159</v>
      </c>
      <c r="U7261">
        <v>23691.776010000001</v>
      </c>
      <c r="W7261" s="83">
        <f>Bühler!N7293</f>
        <v>45594.458333315728</v>
      </c>
      <c r="X7261" s="83">
        <v>43403.458333333336</v>
      </c>
      <c r="Y7261">
        <v>299278.65279999998</v>
      </c>
      <c r="Z7261">
        <v>36261.614500000003</v>
      </c>
      <c r="AA7261">
        <v>98274.970619999993</v>
      </c>
      <c r="AB7261">
        <v>56687.76988</v>
      </c>
      <c r="AC7261">
        <v>53256.187339999997</v>
      </c>
      <c r="AD7261">
        <v>38483.808400000002</v>
      </c>
      <c r="AE7261">
        <v>34393.885280000002</v>
      </c>
      <c r="AF7261">
        <v>65174.369720000002</v>
      </c>
      <c r="AG7261">
        <v>31237.303779999998</v>
      </c>
      <c r="AH7261">
        <v>367022.4314</v>
      </c>
      <c r="AI7261">
        <v>94757.925799999997</v>
      </c>
      <c r="AJ7261">
        <v>25398.775539999999</v>
      </c>
      <c r="AK7261">
        <v>32801.010370000004</v>
      </c>
      <c r="AL7261">
        <v>101892.1011</v>
      </c>
      <c r="AM7261">
        <v>25401.039150000001</v>
      </c>
      <c r="AN7261">
        <v>120676.3186</v>
      </c>
      <c r="AO7261">
        <v>35122.93159</v>
      </c>
      <c r="AP7261">
        <v>23691.776010000001</v>
      </c>
    </row>
    <row r="7262" spans="2:42" x14ac:dyDescent="0.3">
      <c r="B7262">
        <v>70.997934657573268</v>
      </c>
      <c r="C7262" s="83">
        <v>43403.5</v>
      </c>
      <c r="D7262">
        <v>288274.75390000001</v>
      </c>
      <c r="E7262">
        <v>33045.185129999998</v>
      </c>
      <c r="F7262">
        <v>91748.135089999996</v>
      </c>
      <c r="G7262">
        <v>55379.002410000001</v>
      </c>
      <c r="H7262">
        <v>50297.884140000002</v>
      </c>
      <c r="I7262">
        <v>35956.195249999997</v>
      </c>
      <c r="J7262">
        <v>34707.015979999996</v>
      </c>
      <c r="K7262">
        <v>60579.256119999998</v>
      </c>
      <c r="L7262">
        <v>34450.825400000002</v>
      </c>
      <c r="M7262">
        <v>361980.58020000003</v>
      </c>
      <c r="N7262">
        <v>89866.150940000007</v>
      </c>
      <c r="O7262">
        <v>24809.749940000002</v>
      </c>
      <c r="P7262">
        <v>34354.545189999997</v>
      </c>
      <c r="Q7262">
        <v>100410.77529999999</v>
      </c>
      <c r="R7262">
        <v>26045.862789999999</v>
      </c>
      <c r="S7262">
        <v>115405.2885</v>
      </c>
      <c r="T7262">
        <v>34996.799460000002</v>
      </c>
      <c r="U7262">
        <v>19854.167010000001</v>
      </c>
      <c r="W7262" s="83">
        <f>Bühler!N7294</f>
        <v>45594.499999982392</v>
      </c>
      <c r="X7262" s="83">
        <v>43403.5</v>
      </c>
      <c r="Y7262">
        <v>288274.75390000001</v>
      </c>
      <c r="Z7262">
        <v>33045.185129999998</v>
      </c>
      <c r="AA7262">
        <v>91748.135089999996</v>
      </c>
      <c r="AB7262">
        <v>55379.002410000001</v>
      </c>
      <c r="AC7262">
        <v>50297.884140000002</v>
      </c>
      <c r="AD7262">
        <v>35956.195249999997</v>
      </c>
      <c r="AE7262">
        <v>34707.015979999996</v>
      </c>
      <c r="AF7262">
        <v>60579.256119999998</v>
      </c>
      <c r="AG7262">
        <v>34450.825400000002</v>
      </c>
      <c r="AH7262">
        <v>361980.58020000003</v>
      </c>
      <c r="AI7262">
        <v>89866.150940000007</v>
      </c>
      <c r="AJ7262">
        <v>24809.749940000002</v>
      </c>
      <c r="AK7262">
        <v>34354.545189999997</v>
      </c>
      <c r="AL7262">
        <v>100410.77529999999</v>
      </c>
      <c r="AM7262">
        <v>26045.862789999999</v>
      </c>
      <c r="AN7262">
        <v>115405.2885</v>
      </c>
      <c r="AO7262">
        <v>34996.799460000002</v>
      </c>
      <c r="AP7262">
        <v>19854.167010000001</v>
      </c>
    </row>
    <row r="7263" spans="2:42" x14ac:dyDescent="0.3">
      <c r="B7263">
        <v>70.351268076121372</v>
      </c>
      <c r="C7263" s="83">
        <v>43403.541666666664</v>
      </c>
      <c r="D7263">
        <v>289637.13030000002</v>
      </c>
      <c r="E7263">
        <v>33384.256350000003</v>
      </c>
      <c r="F7263">
        <v>89468.965360000002</v>
      </c>
      <c r="G7263">
        <v>55104.600010000002</v>
      </c>
      <c r="H7263">
        <v>51168.444730000003</v>
      </c>
      <c r="I7263">
        <v>36476.067029999998</v>
      </c>
      <c r="J7263">
        <v>33754.743349999997</v>
      </c>
      <c r="K7263">
        <v>63132.711739999999</v>
      </c>
      <c r="L7263">
        <v>33839.371350000001</v>
      </c>
      <c r="M7263">
        <v>358683.5724</v>
      </c>
      <c r="N7263">
        <v>90689.830350000004</v>
      </c>
      <c r="O7263">
        <v>25135.38132</v>
      </c>
      <c r="P7263">
        <v>33184.528859999999</v>
      </c>
      <c r="Q7263">
        <v>99399.064610000001</v>
      </c>
      <c r="R7263">
        <v>26890.515070000001</v>
      </c>
      <c r="S7263">
        <v>115824.2683</v>
      </c>
      <c r="T7263">
        <v>34298.93881</v>
      </c>
      <c r="U7263">
        <v>22530.13697</v>
      </c>
      <c r="W7263" s="83">
        <f>Bühler!N7295</f>
        <v>45594.541666649056</v>
      </c>
      <c r="X7263" s="83">
        <v>43403.541666666664</v>
      </c>
      <c r="Y7263">
        <v>289637.13030000002</v>
      </c>
      <c r="Z7263">
        <v>33384.256350000003</v>
      </c>
      <c r="AA7263">
        <v>89468.965360000002</v>
      </c>
      <c r="AB7263">
        <v>55104.600010000002</v>
      </c>
      <c r="AC7263">
        <v>51168.444730000003</v>
      </c>
      <c r="AD7263">
        <v>36476.067029999998</v>
      </c>
      <c r="AE7263">
        <v>33754.743349999997</v>
      </c>
      <c r="AF7263">
        <v>63132.711739999999</v>
      </c>
      <c r="AG7263">
        <v>33839.371350000001</v>
      </c>
      <c r="AH7263">
        <v>358683.5724</v>
      </c>
      <c r="AI7263">
        <v>90689.830350000004</v>
      </c>
      <c r="AJ7263">
        <v>25135.38132</v>
      </c>
      <c r="AK7263">
        <v>33184.528859999999</v>
      </c>
      <c r="AL7263">
        <v>99399.064610000001</v>
      </c>
      <c r="AM7263">
        <v>26890.515070000001</v>
      </c>
      <c r="AN7263">
        <v>115824.2683</v>
      </c>
      <c r="AO7263">
        <v>34298.93881</v>
      </c>
      <c r="AP7263">
        <v>22530.13697</v>
      </c>
    </row>
    <row r="7264" spans="2:42" x14ac:dyDescent="0.3">
      <c r="B7264">
        <v>70.461272980024461</v>
      </c>
      <c r="C7264" s="83">
        <v>43403.583333333336</v>
      </c>
      <c r="D7264">
        <v>292579.93369999999</v>
      </c>
      <c r="E7264">
        <v>35963.56222</v>
      </c>
      <c r="F7264">
        <v>97560.749540000004</v>
      </c>
      <c r="G7264">
        <v>54798.906710000003</v>
      </c>
      <c r="H7264">
        <v>51237.166729999997</v>
      </c>
      <c r="I7264">
        <v>37915.558590000001</v>
      </c>
      <c r="J7264">
        <v>33871.583200000001</v>
      </c>
      <c r="K7264">
        <v>66094.240000000005</v>
      </c>
      <c r="L7264">
        <v>30385.855500000001</v>
      </c>
      <c r="M7264">
        <v>359244.42869999999</v>
      </c>
      <c r="N7264">
        <v>91943.903000000006</v>
      </c>
      <c r="O7264">
        <v>25028.139009999999</v>
      </c>
      <c r="P7264">
        <v>29777.557410000001</v>
      </c>
      <c r="Q7264">
        <v>99191.45955</v>
      </c>
      <c r="R7264">
        <v>25619.295770000001</v>
      </c>
      <c r="S7264">
        <v>110554.1029</v>
      </c>
      <c r="T7264">
        <v>33840.64647</v>
      </c>
      <c r="U7264">
        <v>23220.931359999999</v>
      </c>
      <c r="W7264" s="83">
        <f>Bühler!N7296</f>
        <v>45594.583333315721</v>
      </c>
      <c r="X7264" s="83">
        <v>43403.583333333336</v>
      </c>
      <c r="Y7264">
        <v>292579.93369999999</v>
      </c>
      <c r="Z7264">
        <v>35963.56222</v>
      </c>
      <c r="AA7264">
        <v>97560.749540000004</v>
      </c>
      <c r="AB7264">
        <v>54798.906710000003</v>
      </c>
      <c r="AC7264">
        <v>51237.166729999997</v>
      </c>
      <c r="AD7264">
        <v>37915.558590000001</v>
      </c>
      <c r="AE7264">
        <v>33871.583200000001</v>
      </c>
      <c r="AF7264">
        <v>66094.240000000005</v>
      </c>
      <c r="AG7264">
        <v>30385.855500000001</v>
      </c>
      <c r="AH7264">
        <v>359244.42869999999</v>
      </c>
      <c r="AI7264">
        <v>91943.903000000006</v>
      </c>
      <c r="AJ7264">
        <v>25028.139009999999</v>
      </c>
      <c r="AK7264">
        <v>29777.557410000001</v>
      </c>
      <c r="AL7264">
        <v>99191.45955</v>
      </c>
      <c r="AM7264">
        <v>25619.295770000001</v>
      </c>
      <c r="AN7264">
        <v>110554.1029</v>
      </c>
      <c r="AO7264">
        <v>33840.64647</v>
      </c>
      <c r="AP7264">
        <v>23220.931359999999</v>
      </c>
    </row>
    <row r="7265" spans="2:42" x14ac:dyDescent="0.3">
      <c r="B7265">
        <v>69.230207169439439</v>
      </c>
      <c r="C7265" s="83">
        <v>43403.625</v>
      </c>
      <c r="D7265">
        <v>289140.35110000003</v>
      </c>
      <c r="E7265">
        <v>35705.507680000002</v>
      </c>
      <c r="F7265">
        <v>98093.233410000001</v>
      </c>
      <c r="G7265">
        <v>54199.496030000002</v>
      </c>
      <c r="H7265">
        <v>50192.012439999999</v>
      </c>
      <c r="I7265">
        <v>38032.88377</v>
      </c>
      <c r="J7265">
        <v>33458.414479999999</v>
      </c>
      <c r="K7265">
        <v>63894.0452</v>
      </c>
      <c r="L7265">
        <v>27007.221969999999</v>
      </c>
      <c r="M7265">
        <v>352967.8811</v>
      </c>
      <c r="N7265">
        <v>90034.139939999994</v>
      </c>
      <c r="O7265">
        <v>25044.923750000002</v>
      </c>
      <c r="P7265">
        <v>27630.201779999999</v>
      </c>
      <c r="Q7265">
        <v>97818.592130000005</v>
      </c>
      <c r="R7265">
        <v>25324.249260000001</v>
      </c>
      <c r="S7265">
        <v>107950.93180000001</v>
      </c>
      <c r="T7265">
        <v>34060.57591</v>
      </c>
      <c r="U7265">
        <v>21914.563030000001</v>
      </c>
      <c r="W7265" s="83">
        <f>Bühler!N7297</f>
        <v>45594.624999982385</v>
      </c>
      <c r="X7265" s="83">
        <v>43403.625</v>
      </c>
      <c r="Y7265">
        <v>289140.35110000003</v>
      </c>
      <c r="Z7265">
        <v>35705.507680000002</v>
      </c>
      <c r="AA7265">
        <v>98093.233410000001</v>
      </c>
      <c r="AB7265">
        <v>54199.496030000002</v>
      </c>
      <c r="AC7265">
        <v>50192.012439999999</v>
      </c>
      <c r="AD7265">
        <v>38032.88377</v>
      </c>
      <c r="AE7265">
        <v>33458.414479999999</v>
      </c>
      <c r="AF7265">
        <v>63894.0452</v>
      </c>
      <c r="AG7265">
        <v>27007.221969999999</v>
      </c>
      <c r="AH7265">
        <v>352967.8811</v>
      </c>
      <c r="AI7265">
        <v>90034.139939999994</v>
      </c>
      <c r="AJ7265">
        <v>25044.923750000002</v>
      </c>
      <c r="AK7265">
        <v>27630.201779999999</v>
      </c>
      <c r="AL7265">
        <v>97818.592130000005</v>
      </c>
      <c r="AM7265">
        <v>25324.249260000001</v>
      </c>
      <c r="AN7265">
        <v>107950.93180000001</v>
      </c>
      <c r="AO7265">
        <v>34060.57591</v>
      </c>
      <c r="AP7265">
        <v>21914.563030000001</v>
      </c>
    </row>
    <row r="7266" spans="2:42" x14ac:dyDescent="0.3">
      <c r="B7266">
        <v>68.410098195571777</v>
      </c>
      <c r="C7266" s="83">
        <v>43403.666666666664</v>
      </c>
      <c r="D7266">
        <v>283658.5001</v>
      </c>
      <c r="E7266">
        <v>35175.197639999999</v>
      </c>
      <c r="F7266">
        <v>98376.794349999996</v>
      </c>
      <c r="G7266">
        <v>52332.162510000002</v>
      </c>
      <c r="H7266">
        <v>48912.170610000001</v>
      </c>
      <c r="I7266">
        <v>38697.368620000001</v>
      </c>
      <c r="J7266">
        <v>33227.197979999997</v>
      </c>
      <c r="K7266">
        <v>62151.225659999996</v>
      </c>
      <c r="L7266">
        <v>26060.014869999999</v>
      </c>
      <c r="M7266">
        <v>348786.58309999999</v>
      </c>
      <c r="N7266">
        <v>90671.400800000003</v>
      </c>
      <c r="O7266">
        <v>24365.70508</v>
      </c>
      <c r="P7266">
        <v>27491.412339999999</v>
      </c>
      <c r="Q7266">
        <v>96492.537750000003</v>
      </c>
      <c r="R7266">
        <v>24708.672490000001</v>
      </c>
      <c r="S7266">
        <v>106312.47259999999</v>
      </c>
      <c r="T7266">
        <v>33856.746489999998</v>
      </c>
      <c r="U7266">
        <v>20659.018749999999</v>
      </c>
      <c r="W7266" s="83">
        <f>Bühler!N7298</f>
        <v>45594.666666649049</v>
      </c>
      <c r="X7266" s="83">
        <v>43403.666666666664</v>
      </c>
      <c r="Y7266">
        <v>283658.5001</v>
      </c>
      <c r="Z7266">
        <v>35175.197639999999</v>
      </c>
      <c r="AA7266">
        <v>98376.794349999996</v>
      </c>
      <c r="AB7266">
        <v>52332.162510000002</v>
      </c>
      <c r="AC7266">
        <v>48912.170610000001</v>
      </c>
      <c r="AD7266">
        <v>38697.368620000001</v>
      </c>
      <c r="AE7266">
        <v>33227.197979999997</v>
      </c>
      <c r="AF7266">
        <v>62151.225659999996</v>
      </c>
      <c r="AG7266">
        <v>26060.014869999999</v>
      </c>
      <c r="AH7266">
        <v>348786.58309999999</v>
      </c>
      <c r="AI7266">
        <v>90671.400800000003</v>
      </c>
      <c r="AJ7266">
        <v>24365.70508</v>
      </c>
      <c r="AK7266">
        <v>27491.412339999999</v>
      </c>
      <c r="AL7266">
        <v>96492.537750000003</v>
      </c>
      <c r="AM7266">
        <v>24708.672490000001</v>
      </c>
      <c r="AN7266">
        <v>106312.47259999999</v>
      </c>
      <c r="AO7266">
        <v>33856.746489999998</v>
      </c>
      <c r="AP7266">
        <v>20659.018749999999</v>
      </c>
    </row>
    <row r="7267" spans="2:42" x14ac:dyDescent="0.3">
      <c r="B7267">
        <v>67.486809017164774</v>
      </c>
      <c r="C7267" s="83">
        <v>43403.708333333336</v>
      </c>
      <c r="D7267">
        <v>273952.3786</v>
      </c>
      <c r="E7267">
        <v>33479.066469999998</v>
      </c>
      <c r="F7267">
        <v>98949.760469999994</v>
      </c>
      <c r="G7267">
        <v>49150.247739999999</v>
      </c>
      <c r="H7267">
        <v>47713.890019999999</v>
      </c>
      <c r="I7267">
        <v>37928.888619999998</v>
      </c>
      <c r="J7267">
        <v>34651.515610000002</v>
      </c>
      <c r="K7267">
        <v>56396.209840000003</v>
      </c>
      <c r="L7267">
        <v>27081.013419999999</v>
      </c>
      <c r="M7267">
        <v>344079.2243</v>
      </c>
      <c r="N7267">
        <v>87206.450500000006</v>
      </c>
      <c r="O7267">
        <v>23768.697899999999</v>
      </c>
      <c r="P7267">
        <v>29679.096580000001</v>
      </c>
      <c r="Q7267">
        <v>95354.011700000003</v>
      </c>
      <c r="R7267">
        <v>23764.248599999999</v>
      </c>
      <c r="S7267">
        <v>105839.45540000001</v>
      </c>
      <c r="T7267">
        <v>34578.010119999999</v>
      </c>
      <c r="U7267">
        <v>18665.296679999999</v>
      </c>
      <c r="W7267" s="83">
        <f>Bühler!N7299</f>
        <v>45594.708333315713</v>
      </c>
      <c r="X7267" s="83">
        <v>43403.708333333336</v>
      </c>
      <c r="Y7267">
        <v>273952.3786</v>
      </c>
      <c r="Z7267">
        <v>33479.066469999998</v>
      </c>
      <c r="AA7267">
        <v>98949.760469999994</v>
      </c>
      <c r="AB7267">
        <v>49150.247739999999</v>
      </c>
      <c r="AC7267">
        <v>47713.890019999999</v>
      </c>
      <c r="AD7267">
        <v>37928.888619999998</v>
      </c>
      <c r="AE7267">
        <v>34651.515610000002</v>
      </c>
      <c r="AF7267">
        <v>56396.209840000003</v>
      </c>
      <c r="AG7267">
        <v>27081.013419999999</v>
      </c>
      <c r="AH7267">
        <v>344079.2243</v>
      </c>
      <c r="AI7267">
        <v>87206.450500000006</v>
      </c>
      <c r="AJ7267">
        <v>23768.697899999999</v>
      </c>
      <c r="AK7267">
        <v>29679.096580000001</v>
      </c>
      <c r="AL7267">
        <v>95354.011700000003</v>
      </c>
      <c r="AM7267">
        <v>23764.248599999999</v>
      </c>
      <c r="AN7267">
        <v>105839.45540000001</v>
      </c>
      <c r="AO7267">
        <v>34578.010119999999</v>
      </c>
      <c r="AP7267">
        <v>18665.296679999999</v>
      </c>
    </row>
    <row r="7268" spans="2:42" x14ac:dyDescent="0.3">
      <c r="B7268">
        <v>66.400809830617973</v>
      </c>
      <c r="C7268" s="83">
        <v>43403.75</v>
      </c>
      <c r="D7268">
        <v>268940.96769999998</v>
      </c>
      <c r="E7268">
        <v>30773.423180000002</v>
      </c>
      <c r="F7268">
        <v>97747.745200000005</v>
      </c>
      <c r="G7268">
        <v>46799.230179999999</v>
      </c>
      <c r="H7268">
        <v>47333.800320000002</v>
      </c>
      <c r="I7268">
        <v>36658.629220000003</v>
      </c>
      <c r="J7268">
        <v>35877.062400000003</v>
      </c>
      <c r="K7268">
        <v>54117.30932</v>
      </c>
      <c r="L7268">
        <v>29391.482919999999</v>
      </c>
      <c r="M7268">
        <v>338542.29399999999</v>
      </c>
      <c r="N7268">
        <v>86323.378299999997</v>
      </c>
      <c r="O7268">
        <v>23231.024669999999</v>
      </c>
      <c r="P7268">
        <v>34286.385439999998</v>
      </c>
      <c r="Q7268">
        <v>93595.400330000004</v>
      </c>
      <c r="R7268">
        <v>24318.978200000001</v>
      </c>
      <c r="S7268">
        <v>102578.59390000001</v>
      </c>
      <c r="T7268">
        <v>35099.54189</v>
      </c>
      <c r="U7268">
        <v>18052.836220000001</v>
      </c>
      <c r="W7268" s="83">
        <f>Bühler!N7300</f>
        <v>45594.749999982378</v>
      </c>
      <c r="X7268" s="83">
        <v>43403.75</v>
      </c>
      <c r="Y7268">
        <v>268940.96769999998</v>
      </c>
      <c r="Z7268">
        <v>30773.423180000002</v>
      </c>
      <c r="AA7268">
        <v>97747.745200000005</v>
      </c>
      <c r="AB7268">
        <v>46799.230179999999</v>
      </c>
      <c r="AC7268">
        <v>47333.800320000002</v>
      </c>
      <c r="AD7268">
        <v>36658.629220000003</v>
      </c>
      <c r="AE7268">
        <v>35877.062400000003</v>
      </c>
      <c r="AF7268">
        <v>54117.30932</v>
      </c>
      <c r="AG7268">
        <v>29391.482919999999</v>
      </c>
      <c r="AH7268">
        <v>338542.29399999999</v>
      </c>
      <c r="AI7268">
        <v>86323.378299999997</v>
      </c>
      <c r="AJ7268">
        <v>23231.024669999999</v>
      </c>
      <c r="AK7268">
        <v>34286.385439999998</v>
      </c>
      <c r="AL7268">
        <v>93595.400330000004</v>
      </c>
      <c r="AM7268">
        <v>24318.978200000001</v>
      </c>
      <c r="AN7268">
        <v>102578.59390000001</v>
      </c>
      <c r="AO7268">
        <v>35099.54189</v>
      </c>
      <c r="AP7268">
        <v>18052.836220000001</v>
      </c>
    </row>
    <row r="7269" spans="2:42" x14ac:dyDescent="0.3">
      <c r="B7269">
        <v>65.02763999278109</v>
      </c>
      <c r="C7269" s="83">
        <v>43403.791666666664</v>
      </c>
      <c r="D7269">
        <v>261880.18520000001</v>
      </c>
      <c r="E7269">
        <v>24583.217349999999</v>
      </c>
      <c r="F7269">
        <v>83896.853099999993</v>
      </c>
      <c r="G7269">
        <v>43187.793669999999</v>
      </c>
      <c r="H7269">
        <v>44570.852570000003</v>
      </c>
      <c r="I7269">
        <v>34618.64905</v>
      </c>
      <c r="J7269">
        <v>35141.12614</v>
      </c>
      <c r="K7269">
        <v>53425.966610000003</v>
      </c>
      <c r="L7269">
        <v>30749.215550000001</v>
      </c>
      <c r="M7269">
        <v>331541.23379999999</v>
      </c>
      <c r="N7269">
        <v>83103.088959999994</v>
      </c>
      <c r="O7269">
        <v>22043.949680000002</v>
      </c>
      <c r="P7269">
        <v>36883.461389999997</v>
      </c>
      <c r="Q7269">
        <v>90854.401360000003</v>
      </c>
      <c r="R7269">
        <v>23704.048739999998</v>
      </c>
      <c r="S7269">
        <v>97609.129270000005</v>
      </c>
      <c r="T7269">
        <v>34731.686139999998</v>
      </c>
      <c r="U7269">
        <v>16522.615689999999</v>
      </c>
      <c r="W7269" s="83">
        <f>Bühler!N7301</f>
        <v>45594.791666649042</v>
      </c>
      <c r="X7269" s="83">
        <v>43403.791666666664</v>
      </c>
      <c r="Y7269">
        <v>261880.18520000001</v>
      </c>
      <c r="Z7269">
        <v>24583.217349999999</v>
      </c>
      <c r="AA7269">
        <v>83896.853099999993</v>
      </c>
      <c r="AB7269">
        <v>43187.793669999999</v>
      </c>
      <c r="AC7269">
        <v>44570.852570000003</v>
      </c>
      <c r="AD7269">
        <v>34618.64905</v>
      </c>
      <c r="AE7269">
        <v>35141.12614</v>
      </c>
      <c r="AF7269">
        <v>53425.966610000003</v>
      </c>
      <c r="AG7269">
        <v>30749.215550000001</v>
      </c>
      <c r="AH7269">
        <v>331541.23379999999</v>
      </c>
      <c r="AI7269">
        <v>83103.088959999994</v>
      </c>
      <c r="AJ7269">
        <v>22043.949680000002</v>
      </c>
      <c r="AK7269">
        <v>36883.461389999997</v>
      </c>
      <c r="AL7269">
        <v>90854.401360000003</v>
      </c>
      <c r="AM7269">
        <v>23704.048739999998</v>
      </c>
      <c r="AN7269">
        <v>97609.129270000005</v>
      </c>
      <c r="AO7269">
        <v>34731.686139999998</v>
      </c>
      <c r="AP7269">
        <v>16522.615689999999</v>
      </c>
    </row>
    <row r="7270" spans="2:42" x14ac:dyDescent="0.3">
      <c r="B7270">
        <v>63.271248305675194</v>
      </c>
      <c r="C7270" s="83">
        <v>43403.833333333336</v>
      </c>
      <c r="D7270">
        <v>250649.54509999999</v>
      </c>
      <c r="E7270">
        <v>18647.328460000001</v>
      </c>
      <c r="F7270">
        <v>64912.144189999999</v>
      </c>
      <c r="G7270">
        <v>40367.770969999998</v>
      </c>
      <c r="H7270">
        <v>41996.345269999998</v>
      </c>
      <c r="I7270">
        <v>30527.67022</v>
      </c>
      <c r="J7270">
        <v>33918.174559999999</v>
      </c>
      <c r="K7270">
        <v>52789.875240000001</v>
      </c>
      <c r="L7270">
        <v>29406.614989999998</v>
      </c>
      <c r="M7270">
        <v>322586.32990000001</v>
      </c>
      <c r="N7270">
        <v>80270.891040000002</v>
      </c>
      <c r="O7270">
        <v>21629.4198</v>
      </c>
      <c r="P7270">
        <v>36516.387260000003</v>
      </c>
      <c r="Q7270">
        <v>88030.781959999993</v>
      </c>
      <c r="R7270">
        <v>21089.502899999999</v>
      </c>
      <c r="S7270">
        <v>87486.543460000001</v>
      </c>
      <c r="T7270">
        <v>31544.20938</v>
      </c>
      <c r="U7270">
        <v>15027.59446</v>
      </c>
      <c r="W7270" s="83">
        <f>Bühler!N7302</f>
        <v>45594.833333315706</v>
      </c>
      <c r="X7270" s="83">
        <v>43403.833333333336</v>
      </c>
      <c r="Y7270">
        <v>250649.54509999999</v>
      </c>
      <c r="Z7270">
        <v>18647.328460000001</v>
      </c>
      <c r="AA7270">
        <v>64912.144189999999</v>
      </c>
      <c r="AB7270">
        <v>40367.770969999998</v>
      </c>
      <c r="AC7270">
        <v>41996.345269999998</v>
      </c>
      <c r="AD7270">
        <v>30527.67022</v>
      </c>
      <c r="AE7270">
        <v>33918.174559999999</v>
      </c>
      <c r="AF7270">
        <v>52789.875240000001</v>
      </c>
      <c r="AG7270">
        <v>29406.614989999998</v>
      </c>
      <c r="AH7270">
        <v>322586.32990000001</v>
      </c>
      <c r="AI7270">
        <v>80270.891040000002</v>
      </c>
      <c r="AJ7270">
        <v>21629.4198</v>
      </c>
      <c r="AK7270">
        <v>36516.387260000003</v>
      </c>
      <c r="AL7270">
        <v>88030.781959999993</v>
      </c>
      <c r="AM7270">
        <v>21089.502899999999</v>
      </c>
      <c r="AN7270">
        <v>87486.543460000001</v>
      </c>
      <c r="AO7270">
        <v>31544.20938</v>
      </c>
      <c r="AP7270">
        <v>15027.59446</v>
      </c>
    </row>
    <row r="7271" spans="2:42" x14ac:dyDescent="0.3">
      <c r="B7271">
        <v>61.310956753340172</v>
      </c>
      <c r="C7271" s="83">
        <v>43403.875</v>
      </c>
      <c r="D7271">
        <v>241325.20019999999</v>
      </c>
      <c r="E7271">
        <v>15886.75351</v>
      </c>
      <c r="F7271">
        <v>56998.811430000002</v>
      </c>
      <c r="G7271">
        <v>38290.376680000001</v>
      </c>
      <c r="H7271">
        <v>39205.363700000002</v>
      </c>
      <c r="I7271">
        <v>26316.776450000001</v>
      </c>
      <c r="J7271">
        <v>32239.39617</v>
      </c>
      <c r="K7271">
        <v>49390.061629999997</v>
      </c>
      <c r="L7271">
        <v>27651.379130000001</v>
      </c>
      <c r="M7271">
        <v>312591.84940000001</v>
      </c>
      <c r="N7271">
        <v>76502.057830000005</v>
      </c>
      <c r="O7271">
        <v>19596.179390000001</v>
      </c>
      <c r="P7271">
        <v>33946.970880000001</v>
      </c>
      <c r="Q7271">
        <v>85985.833790000004</v>
      </c>
      <c r="R7271">
        <v>20123.831050000001</v>
      </c>
      <c r="S7271">
        <v>82041.249500000005</v>
      </c>
      <c r="T7271">
        <v>28146.13249</v>
      </c>
      <c r="U7271">
        <v>13489.99272</v>
      </c>
      <c r="W7271" s="83">
        <f>Bühler!N7303</f>
        <v>45594.87499998237</v>
      </c>
      <c r="X7271" s="83">
        <v>43403.875</v>
      </c>
      <c r="Y7271">
        <v>241325.20019999999</v>
      </c>
      <c r="Z7271">
        <v>15886.75351</v>
      </c>
      <c r="AA7271">
        <v>56998.811430000002</v>
      </c>
      <c r="AB7271">
        <v>38290.376680000001</v>
      </c>
      <c r="AC7271">
        <v>39205.363700000002</v>
      </c>
      <c r="AD7271">
        <v>26316.776450000001</v>
      </c>
      <c r="AE7271">
        <v>32239.39617</v>
      </c>
      <c r="AF7271">
        <v>49390.061629999997</v>
      </c>
      <c r="AG7271">
        <v>27651.379130000001</v>
      </c>
      <c r="AH7271">
        <v>312591.84940000001</v>
      </c>
      <c r="AI7271">
        <v>76502.057830000005</v>
      </c>
      <c r="AJ7271">
        <v>19596.179390000001</v>
      </c>
      <c r="AK7271">
        <v>33946.970880000001</v>
      </c>
      <c r="AL7271">
        <v>85985.833790000004</v>
      </c>
      <c r="AM7271">
        <v>20123.831050000001</v>
      </c>
      <c r="AN7271">
        <v>82041.249500000005</v>
      </c>
      <c r="AO7271">
        <v>28146.13249</v>
      </c>
      <c r="AP7271">
        <v>13489.99272</v>
      </c>
    </row>
    <row r="7272" spans="2:42" x14ac:dyDescent="0.3">
      <c r="B7272">
        <v>61.496265773079159</v>
      </c>
      <c r="C7272" s="83">
        <v>43403.916666666664</v>
      </c>
      <c r="D7272">
        <v>239950.23680000001</v>
      </c>
      <c r="E7272">
        <v>14958.74063</v>
      </c>
      <c r="F7272">
        <v>54377.604019999999</v>
      </c>
      <c r="G7272">
        <v>37707.736169999996</v>
      </c>
      <c r="H7272">
        <v>37745.680789999999</v>
      </c>
      <c r="I7272">
        <v>24486.405750000002</v>
      </c>
      <c r="J7272">
        <v>31349.340939999998</v>
      </c>
      <c r="K7272">
        <v>52500.001179999999</v>
      </c>
      <c r="L7272">
        <v>23302.690050000001</v>
      </c>
      <c r="M7272">
        <v>313536.64120000001</v>
      </c>
      <c r="N7272">
        <v>74982.149739999993</v>
      </c>
      <c r="O7272">
        <v>19612.556280000001</v>
      </c>
      <c r="P7272">
        <v>33891.225859999999</v>
      </c>
      <c r="Q7272">
        <v>85491.529129999995</v>
      </c>
      <c r="R7272">
        <v>21937.520250000001</v>
      </c>
      <c r="S7272">
        <v>80262.532219999994</v>
      </c>
      <c r="T7272">
        <v>24792.886279999999</v>
      </c>
      <c r="U7272">
        <v>13499.41244</v>
      </c>
      <c r="W7272" s="83">
        <f>Bühler!N7304</f>
        <v>45594.916666649035</v>
      </c>
      <c r="X7272" s="83">
        <v>43403.916666666664</v>
      </c>
      <c r="Y7272">
        <v>239950.23680000001</v>
      </c>
      <c r="Z7272">
        <v>14958.74063</v>
      </c>
      <c r="AA7272">
        <v>54377.604019999999</v>
      </c>
      <c r="AB7272">
        <v>37707.736169999996</v>
      </c>
      <c r="AC7272">
        <v>37745.680789999999</v>
      </c>
      <c r="AD7272">
        <v>24486.405750000002</v>
      </c>
      <c r="AE7272">
        <v>31349.340939999998</v>
      </c>
      <c r="AF7272">
        <v>52500.001179999999</v>
      </c>
      <c r="AG7272">
        <v>23302.690050000001</v>
      </c>
      <c r="AH7272">
        <v>313536.64120000001</v>
      </c>
      <c r="AI7272">
        <v>74982.149739999993</v>
      </c>
      <c r="AJ7272">
        <v>19612.556280000001</v>
      </c>
      <c r="AK7272">
        <v>33891.225859999999</v>
      </c>
      <c r="AL7272">
        <v>85491.529129999995</v>
      </c>
      <c r="AM7272">
        <v>21937.520250000001</v>
      </c>
      <c r="AN7272">
        <v>80262.532219999994</v>
      </c>
      <c r="AO7272">
        <v>24792.886279999999</v>
      </c>
      <c r="AP7272">
        <v>13499.41244</v>
      </c>
    </row>
    <row r="7273" spans="2:42" x14ac:dyDescent="0.3">
      <c r="B7273">
        <v>60.653723229520388</v>
      </c>
      <c r="C7273" s="83">
        <v>43403.958333333336</v>
      </c>
      <c r="D7273">
        <v>240909.59160000001</v>
      </c>
      <c r="E7273">
        <v>14398.83836</v>
      </c>
      <c r="F7273">
        <v>52997.423600000002</v>
      </c>
      <c r="G7273">
        <v>37463.700680000002</v>
      </c>
      <c r="H7273">
        <v>36768.376850000001</v>
      </c>
      <c r="I7273">
        <v>23592.716820000001</v>
      </c>
      <c r="J7273">
        <v>28960.493040000001</v>
      </c>
      <c r="K7273">
        <v>52427.975149999998</v>
      </c>
      <c r="L7273">
        <v>19952.264449999999</v>
      </c>
      <c r="M7273">
        <v>309240.96639999998</v>
      </c>
      <c r="N7273">
        <v>73875.341830000005</v>
      </c>
      <c r="O7273">
        <v>19694.792669999999</v>
      </c>
      <c r="P7273">
        <v>28442.28124</v>
      </c>
      <c r="Q7273">
        <v>85136.85931</v>
      </c>
      <c r="R7273">
        <v>20836.410360000002</v>
      </c>
      <c r="S7273">
        <v>78698.944510000001</v>
      </c>
      <c r="T7273">
        <v>26078.571609999999</v>
      </c>
      <c r="U7273">
        <v>13038.09721</v>
      </c>
      <c r="W7273" s="83">
        <f>Bühler!N7305</f>
        <v>45594.958333315699</v>
      </c>
      <c r="X7273" s="83">
        <v>43403.958333333336</v>
      </c>
      <c r="Y7273">
        <v>240909.59160000001</v>
      </c>
      <c r="Z7273">
        <v>14398.83836</v>
      </c>
      <c r="AA7273">
        <v>52997.423600000002</v>
      </c>
      <c r="AB7273">
        <v>37463.700680000002</v>
      </c>
      <c r="AC7273">
        <v>36768.376850000001</v>
      </c>
      <c r="AD7273">
        <v>23592.716820000001</v>
      </c>
      <c r="AE7273">
        <v>28960.493040000001</v>
      </c>
      <c r="AF7273">
        <v>52427.975149999998</v>
      </c>
      <c r="AG7273">
        <v>19952.264449999999</v>
      </c>
      <c r="AH7273">
        <v>309240.96639999998</v>
      </c>
      <c r="AI7273">
        <v>73875.341830000005</v>
      </c>
      <c r="AJ7273">
        <v>19694.792669999999</v>
      </c>
      <c r="AK7273">
        <v>28442.28124</v>
      </c>
      <c r="AL7273">
        <v>85136.85931</v>
      </c>
      <c r="AM7273">
        <v>20836.410360000002</v>
      </c>
      <c r="AN7273">
        <v>78698.944510000001</v>
      </c>
      <c r="AO7273">
        <v>26078.571609999999</v>
      </c>
      <c r="AP7273">
        <v>13038.09721</v>
      </c>
    </row>
    <row r="7274" spans="2:42" x14ac:dyDescent="0.3">
      <c r="B7274">
        <v>60.054219418963193</v>
      </c>
      <c r="C7274" s="83">
        <v>43404</v>
      </c>
      <c r="D7274">
        <v>238862.33979999999</v>
      </c>
      <c r="E7274">
        <v>14073.761759999999</v>
      </c>
      <c r="F7274">
        <v>52332.284749999999</v>
      </c>
      <c r="G7274">
        <v>36861.458070000001</v>
      </c>
      <c r="H7274">
        <v>36220.16171</v>
      </c>
      <c r="I7274">
        <v>21718.757900000001</v>
      </c>
      <c r="J7274">
        <v>27225.464449999999</v>
      </c>
      <c r="K7274">
        <v>51191.350919999997</v>
      </c>
      <c r="L7274">
        <v>17839.628369999999</v>
      </c>
      <c r="M7274">
        <v>306184.41639999999</v>
      </c>
      <c r="N7274">
        <v>73830.260179999997</v>
      </c>
      <c r="O7274">
        <v>18992.958159999998</v>
      </c>
      <c r="P7274">
        <v>26085.152440000002</v>
      </c>
      <c r="Q7274">
        <v>84559.103539999996</v>
      </c>
      <c r="R7274">
        <v>19609.482250000001</v>
      </c>
      <c r="S7274">
        <v>76920.422879999998</v>
      </c>
      <c r="T7274">
        <v>24551.70089</v>
      </c>
      <c r="U7274">
        <v>13053.37997</v>
      </c>
      <c r="W7274" s="83">
        <f>Bühler!N7306</f>
        <v>45594.999999982363</v>
      </c>
      <c r="X7274" s="83">
        <v>43404</v>
      </c>
      <c r="Y7274">
        <v>238862.33979999999</v>
      </c>
      <c r="Z7274">
        <v>14073.761759999999</v>
      </c>
      <c r="AA7274">
        <v>52332.284749999999</v>
      </c>
      <c r="AB7274">
        <v>36861.458070000001</v>
      </c>
      <c r="AC7274">
        <v>36220.16171</v>
      </c>
      <c r="AD7274">
        <v>21718.757900000001</v>
      </c>
      <c r="AE7274">
        <v>27225.464449999999</v>
      </c>
      <c r="AF7274">
        <v>51191.350919999997</v>
      </c>
      <c r="AG7274">
        <v>17839.628369999999</v>
      </c>
      <c r="AH7274">
        <v>306184.41639999999</v>
      </c>
      <c r="AI7274">
        <v>73830.260179999997</v>
      </c>
      <c r="AJ7274">
        <v>18992.958159999998</v>
      </c>
      <c r="AK7274">
        <v>26085.152440000002</v>
      </c>
      <c r="AL7274">
        <v>84559.103539999996</v>
      </c>
      <c r="AM7274">
        <v>19609.482250000001</v>
      </c>
      <c r="AN7274">
        <v>76920.422879999998</v>
      </c>
      <c r="AO7274">
        <v>24551.70089</v>
      </c>
      <c r="AP7274">
        <v>13053.37997</v>
      </c>
    </row>
    <row r="7275" spans="2:42" x14ac:dyDescent="0.3">
      <c r="B7275">
        <v>59.941724374074852</v>
      </c>
      <c r="C7275" s="83">
        <v>43404.041666666664</v>
      </c>
      <c r="D7275">
        <v>237267.7789</v>
      </c>
      <c r="E7275">
        <v>13937.447270000001</v>
      </c>
      <c r="F7275">
        <v>52576.208030000002</v>
      </c>
      <c r="G7275">
        <v>36455.46342</v>
      </c>
      <c r="H7275">
        <v>35632.596319999997</v>
      </c>
      <c r="I7275">
        <v>18514.005000000001</v>
      </c>
      <c r="J7275">
        <v>26707.23186</v>
      </c>
      <c r="K7275">
        <v>49657.859819999998</v>
      </c>
      <c r="L7275">
        <v>17063.842850000001</v>
      </c>
      <c r="M7275">
        <v>305610.86420000001</v>
      </c>
      <c r="N7275">
        <v>73398.926130000007</v>
      </c>
      <c r="O7275">
        <v>19014.513459999998</v>
      </c>
      <c r="P7275">
        <v>25491.412990000001</v>
      </c>
      <c r="Q7275">
        <v>86023.389559999996</v>
      </c>
      <c r="R7275">
        <v>18914.296610000001</v>
      </c>
      <c r="S7275">
        <v>76298.077019999997</v>
      </c>
      <c r="T7275">
        <v>24212.33855</v>
      </c>
      <c r="U7275">
        <v>12870.85312</v>
      </c>
      <c r="W7275" s="83">
        <f>Bühler!N7307</f>
        <v>45595.041666649027</v>
      </c>
      <c r="X7275" s="83">
        <v>43404.041666666664</v>
      </c>
      <c r="Y7275">
        <v>237267.7789</v>
      </c>
      <c r="Z7275">
        <v>13937.447270000001</v>
      </c>
      <c r="AA7275">
        <v>52576.208030000002</v>
      </c>
      <c r="AB7275">
        <v>36455.46342</v>
      </c>
      <c r="AC7275">
        <v>35632.596319999997</v>
      </c>
      <c r="AD7275">
        <v>18514.005000000001</v>
      </c>
      <c r="AE7275">
        <v>26707.23186</v>
      </c>
      <c r="AF7275">
        <v>49657.859819999998</v>
      </c>
      <c r="AG7275">
        <v>17063.842850000001</v>
      </c>
      <c r="AH7275">
        <v>305610.86420000001</v>
      </c>
      <c r="AI7275">
        <v>73398.926130000007</v>
      </c>
      <c r="AJ7275">
        <v>19014.513459999998</v>
      </c>
      <c r="AK7275">
        <v>25491.412990000001</v>
      </c>
      <c r="AL7275">
        <v>86023.389559999996</v>
      </c>
      <c r="AM7275">
        <v>18914.296610000001</v>
      </c>
      <c r="AN7275">
        <v>76298.077019999997</v>
      </c>
      <c r="AO7275">
        <v>24212.33855</v>
      </c>
      <c r="AP7275">
        <v>12870.85312</v>
      </c>
    </row>
    <row r="7276" spans="2:42" x14ac:dyDescent="0.3">
      <c r="B7276">
        <v>60.280465455052074</v>
      </c>
      <c r="C7276" s="83">
        <v>43404.083333333336</v>
      </c>
      <c r="D7276">
        <v>238203.54300000001</v>
      </c>
      <c r="E7276">
        <v>13950.91114</v>
      </c>
      <c r="F7276">
        <v>52993.64531</v>
      </c>
      <c r="G7276">
        <v>36164.517050000002</v>
      </c>
      <c r="H7276">
        <v>35379.139309999999</v>
      </c>
      <c r="I7276">
        <v>17403.058199999999</v>
      </c>
      <c r="J7276">
        <v>26606.99235</v>
      </c>
      <c r="K7276">
        <v>48521.128060000003</v>
      </c>
      <c r="L7276">
        <v>16546.027669999999</v>
      </c>
      <c r="M7276">
        <v>307337.92420000001</v>
      </c>
      <c r="N7276">
        <v>73236.070330000002</v>
      </c>
      <c r="O7276">
        <v>19029.26381</v>
      </c>
      <c r="P7276">
        <v>24682.0844</v>
      </c>
      <c r="Q7276">
        <v>87139.113060000003</v>
      </c>
      <c r="R7276">
        <v>18550.50981</v>
      </c>
      <c r="S7276">
        <v>74926.684840000002</v>
      </c>
      <c r="T7276">
        <v>23648.52908</v>
      </c>
      <c r="U7276">
        <v>12836.496520000001</v>
      </c>
      <c r="W7276" s="83">
        <f>Bühler!N7308</f>
        <v>45595.083333315692</v>
      </c>
      <c r="X7276" s="83">
        <v>43404.083333333336</v>
      </c>
      <c r="Y7276">
        <v>238203.54300000001</v>
      </c>
      <c r="Z7276">
        <v>13950.91114</v>
      </c>
      <c r="AA7276">
        <v>52993.64531</v>
      </c>
      <c r="AB7276">
        <v>36164.517050000002</v>
      </c>
      <c r="AC7276">
        <v>35379.139309999999</v>
      </c>
      <c r="AD7276">
        <v>17403.058199999999</v>
      </c>
      <c r="AE7276">
        <v>26606.99235</v>
      </c>
      <c r="AF7276">
        <v>48521.128060000003</v>
      </c>
      <c r="AG7276">
        <v>16546.027669999999</v>
      </c>
      <c r="AH7276">
        <v>307337.92420000001</v>
      </c>
      <c r="AI7276">
        <v>73236.070330000002</v>
      </c>
      <c r="AJ7276">
        <v>19029.26381</v>
      </c>
      <c r="AK7276">
        <v>24682.0844</v>
      </c>
      <c r="AL7276">
        <v>87139.113060000003</v>
      </c>
      <c r="AM7276">
        <v>18550.50981</v>
      </c>
      <c r="AN7276">
        <v>74926.684840000002</v>
      </c>
      <c r="AO7276">
        <v>23648.52908</v>
      </c>
      <c r="AP7276">
        <v>12836.496520000001</v>
      </c>
    </row>
    <row r="7277" spans="2:42" x14ac:dyDescent="0.3">
      <c r="B7277">
        <v>60.523168557712026</v>
      </c>
      <c r="C7277" s="83">
        <v>43404.125</v>
      </c>
      <c r="D7277">
        <v>239542.07750000001</v>
      </c>
      <c r="E7277">
        <v>13799.583790000001</v>
      </c>
      <c r="F7277">
        <v>53775.376730000004</v>
      </c>
      <c r="G7277">
        <v>35503.8295</v>
      </c>
      <c r="H7277">
        <v>35811.356079999998</v>
      </c>
      <c r="I7277">
        <v>17546.902279999998</v>
      </c>
      <c r="J7277">
        <v>26773.418079999999</v>
      </c>
      <c r="K7277">
        <v>46543.815069999997</v>
      </c>
      <c r="L7277">
        <v>16235.76569</v>
      </c>
      <c r="M7277">
        <v>308575.33779999998</v>
      </c>
      <c r="N7277">
        <v>73054.628039999996</v>
      </c>
      <c r="O7277">
        <v>19459.16505</v>
      </c>
      <c r="P7277">
        <v>24048.68663</v>
      </c>
      <c r="Q7277">
        <v>90354.977249999996</v>
      </c>
      <c r="R7277">
        <v>18450.05978</v>
      </c>
      <c r="S7277">
        <v>74227.645369999998</v>
      </c>
      <c r="T7277">
        <v>23746.663209999999</v>
      </c>
      <c r="U7277">
        <v>12613.68332</v>
      </c>
      <c r="W7277" s="83">
        <f>Bühler!N7309</f>
        <v>45595.124999982356</v>
      </c>
      <c r="X7277" s="83">
        <v>43404.125</v>
      </c>
      <c r="Y7277">
        <v>239542.07750000001</v>
      </c>
      <c r="Z7277">
        <v>13799.583790000001</v>
      </c>
      <c r="AA7277">
        <v>53775.376730000004</v>
      </c>
      <c r="AB7277">
        <v>35503.8295</v>
      </c>
      <c r="AC7277">
        <v>35811.356079999998</v>
      </c>
      <c r="AD7277">
        <v>17546.902279999998</v>
      </c>
      <c r="AE7277">
        <v>26773.418079999999</v>
      </c>
      <c r="AF7277">
        <v>46543.815069999997</v>
      </c>
      <c r="AG7277">
        <v>16235.76569</v>
      </c>
      <c r="AH7277">
        <v>308575.33779999998</v>
      </c>
      <c r="AI7277">
        <v>73054.628039999996</v>
      </c>
      <c r="AJ7277">
        <v>19459.16505</v>
      </c>
      <c r="AK7277">
        <v>24048.68663</v>
      </c>
      <c r="AL7277">
        <v>90354.977249999996</v>
      </c>
      <c r="AM7277">
        <v>18450.05978</v>
      </c>
      <c r="AN7277">
        <v>74227.645369999998</v>
      </c>
      <c r="AO7277">
        <v>23746.663209999999</v>
      </c>
      <c r="AP7277">
        <v>12613.68332</v>
      </c>
    </row>
    <row r="7278" spans="2:42" x14ac:dyDescent="0.3">
      <c r="B7278">
        <v>61.898582933265253</v>
      </c>
      <c r="C7278" s="83">
        <v>43404.166666666664</v>
      </c>
      <c r="D7278">
        <v>242231.9394</v>
      </c>
      <c r="E7278">
        <v>14360.70009</v>
      </c>
      <c r="F7278">
        <v>57102.061289999998</v>
      </c>
      <c r="G7278">
        <v>35686.209369999997</v>
      </c>
      <c r="H7278">
        <v>36299.928639999998</v>
      </c>
      <c r="I7278">
        <v>19096.380499999999</v>
      </c>
      <c r="J7278">
        <v>28086.555820000001</v>
      </c>
      <c r="K7278">
        <v>45332.945540000001</v>
      </c>
      <c r="L7278">
        <v>16373.160900000001</v>
      </c>
      <c r="M7278">
        <v>315587.84169999999</v>
      </c>
      <c r="N7278">
        <v>73050.104219999994</v>
      </c>
      <c r="O7278">
        <v>20059.576099999998</v>
      </c>
      <c r="P7278">
        <v>23147.191279999999</v>
      </c>
      <c r="Q7278">
        <v>94048.120490000001</v>
      </c>
      <c r="R7278">
        <v>18427.006590000001</v>
      </c>
      <c r="S7278">
        <v>74964.833320000005</v>
      </c>
      <c r="T7278">
        <v>23594.615819999999</v>
      </c>
      <c r="U7278">
        <v>13546.63775</v>
      </c>
      <c r="W7278" s="83">
        <f>Bühler!N7310</f>
        <v>45595.16666664902</v>
      </c>
      <c r="X7278" s="83">
        <v>43404.166666666664</v>
      </c>
      <c r="Y7278">
        <v>242231.9394</v>
      </c>
      <c r="Z7278">
        <v>14360.70009</v>
      </c>
      <c r="AA7278">
        <v>57102.061289999998</v>
      </c>
      <c r="AB7278">
        <v>35686.209369999997</v>
      </c>
      <c r="AC7278">
        <v>36299.928639999998</v>
      </c>
      <c r="AD7278">
        <v>19096.380499999999</v>
      </c>
      <c r="AE7278">
        <v>28086.555820000001</v>
      </c>
      <c r="AF7278">
        <v>45332.945540000001</v>
      </c>
      <c r="AG7278">
        <v>16373.160900000001</v>
      </c>
      <c r="AH7278">
        <v>315587.84169999999</v>
      </c>
      <c r="AI7278">
        <v>73050.104219999994</v>
      </c>
      <c r="AJ7278">
        <v>20059.576099999998</v>
      </c>
      <c r="AK7278">
        <v>23147.191279999999</v>
      </c>
      <c r="AL7278">
        <v>94048.120490000001</v>
      </c>
      <c r="AM7278">
        <v>18427.006590000001</v>
      </c>
      <c r="AN7278">
        <v>74964.833320000005</v>
      </c>
      <c r="AO7278">
        <v>23594.615819999999</v>
      </c>
      <c r="AP7278">
        <v>13546.63775</v>
      </c>
    </row>
    <row r="7279" spans="2:42" x14ac:dyDescent="0.3">
      <c r="B7279">
        <v>64.460567660419457</v>
      </c>
      <c r="C7279" s="83">
        <v>43404.208333333336</v>
      </c>
      <c r="D7279">
        <v>257965.49859999999</v>
      </c>
      <c r="E7279">
        <v>16799.02187</v>
      </c>
      <c r="F7279">
        <v>67798.663029999996</v>
      </c>
      <c r="G7279">
        <v>37310.51758</v>
      </c>
      <c r="H7279">
        <v>38344.978040000002</v>
      </c>
      <c r="I7279">
        <v>25570.135910000001</v>
      </c>
      <c r="J7279">
        <v>30796.92799</v>
      </c>
      <c r="K7279">
        <v>45654.621319999998</v>
      </c>
      <c r="L7279">
        <v>17272.412250000001</v>
      </c>
      <c r="M7279">
        <v>328650.03460000001</v>
      </c>
      <c r="N7279">
        <v>75228.129660000006</v>
      </c>
      <c r="O7279">
        <v>20739.403340000001</v>
      </c>
      <c r="P7279">
        <v>25235.868450000002</v>
      </c>
      <c r="Q7279">
        <v>96466.537450000003</v>
      </c>
      <c r="R7279">
        <v>19157.145980000001</v>
      </c>
      <c r="S7279">
        <v>78336.281860000003</v>
      </c>
      <c r="T7279">
        <v>25017.01772</v>
      </c>
      <c r="U7279">
        <v>15673.898740000001</v>
      </c>
      <c r="W7279" s="83">
        <f>Bühler!N7311</f>
        <v>45595.208333315684</v>
      </c>
      <c r="X7279" s="83">
        <v>43404.208333333336</v>
      </c>
      <c r="Y7279">
        <v>257965.49859999999</v>
      </c>
      <c r="Z7279">
        <v>16799.02187</v>
      </c>
      <c r="AA7279">
        <v>67798.663029999996</v>
      </c>
      <c r="AB7279">
        <v>37310.51758</v>
      </c>
      <c r="AC7279">
        <v>38344.978040000002</v>
      </c>
      <c r="AD7279">
        <v>25570.135910000001</v>
      </c>
      <c r="AE7279">
        <v>30796.92799</v>
      </c>
      <c r="AF7279">
        <v>45654.621319999998</v>
      </c>
      <c r="AG7279">
        <v>17272.412250000001</v>
      </c>
      <c r="AH7279">
        <v>328650.03460000001</v>
      </c>
      <c r="AI7279">
        <v>75228.129660000006</v>
      </c>
      <c r="AJ7279">
        <v>20739.403340000001</v>
      </c>
      <c r="AK7279">
        <v>25235.868450000002</v>
      </c>
      <c r="AL7279">
        <v>96466.537450000003</v>
      </c>
      <c r="AM7279">
        <v>19157.145980000001</v>
      </c>
      <c r="AN7279">
        <v>78336.281860000003</v>
      </c>
      <c r="AO7279">
        <v>25017.01772</v>
      </c>
      <c r="AP7279">
        <v>15673.898740000001</v>
      </c>
    </row>
    <row r="7280" spans="2:42" x14ac:dyDescent="0.3">
      <c r="B7280">
        <v>68.28537708193663</v>
      </c>
      <c r="C7280" s="83">
        <v>43404.25</v>
      </c>
      <c r="D7280">
        <v>273979.26510000002</v>
      </c>
      <c r="E7280">
        <v>21160.15785</v>
      </c>
      <c r="F7280">
        <v>80224.204759999993</v>
      </c>
      <c r="G7280">
        <v>41373.58352</v>
      </c>
      <c r="H7280">
        <v>41850.848400000003</v>
      </c>
      <c r="I7280">
        <v>32597.902750000001</v>
      </c>
      <c r="J7280">
        <v>34330.561350000004</v>
      </c>
      <c r="K7280">
        <v>49700.436999999998</v>
      </c>
      <c r="L7280">
        <v>18958.7526</v>
      </c>
      <c r="M7280">
        <v>348150.69669999997</v>
      </c>
      <c r="N7280">
        <v>78941.986659999995</v>
      </c>
      <c r="O7280">
        <v>21630.361059999999</v>
      </c>
      <c r="P7280">
        <v>26828.477729999999</v>
      </c>
      <c r="Q7280">
        <v>97890.303249999997</v>
      </c>
      <c r="R7280">
        <v>19656.82274</v>
      </c>
      <c r="S7280">
        <v>87805.281459999998</v>
      </c>
      <c r="T7280">
        <v>27500.123909999998</v>
      </c>
      <c r="U7280">
        <v>18239.358400000001</v>
      </c>
      <c r="W7280" s="83">
        <f>Bühler!N7312</f>
        <v>45595.249999982349</v>
      </c>
      <c r="X7280" s="83">
        <v>43404.25</v>
      </c>
      <c r="Y7280">
        <v>273979.26510000002</v>
      </c>
      <c r="Z7280">
        <v>21160.15785</v>
      </c>
      <c r="AA7280">
        <v>80224.204759999993</v>
      </c>
      <c r="AB7280">
        <v>41373.58352</v>
      </c>
      <c r="AC7280">
        <v>41850.848400000003</v>
      </c>
      <c r="AD7280">
        <v>32597.902750000001</v>
      </c>
      <c r="AE7280">
        <v>34330.561350000004</v>
      </c>
      <c r="AF7280">
        <v>49700.436999999998</v>
      </c>
      <c r="AG7280">
        <v>18958.7526</v>
      </c>
      <c r="AH7280">
        <v>348150.69669999997</v>
      </c>
      <c r="AI7280">
        <v>78941.986659999995</v>
      </c>
      <c r="AJ7280">
        <v>21630.361059999999</v>
      </c>
      <c r="AK7280">
        <v>26828.477729999999</v>
      </c>
      <c r="AL7280">
        <v>97890.303249999997</v>
      </c>
      <c r="AM7280">
        <v>19656.82274</v>
      </c>
      <c r="AN7280">
        <v>87805.281459999998</v>
      </c>
      <c r="AO7280">
        <v>27500.123909999998</v>
      </c>
      <c r="AP7280">
        <v>18239.358400000001</v>
      </c>
    </row>
    <row r="7281" spans="2:42" x14ac:dyDescent="0.3">
      <c r="B7281">
        <v>69.535752856223851</v>
      </c>
      <c r="C7281" s="83">
        <v>43404.291666666664</v>
      </c>
      <c r="D7281">
        <v>288359.13020000001</v>
      </c>
      <c r="E7281">
        <v>26144.961569999999</v>
      </c>
      <c r="F7281">
        <v>82629.041519999999</v>
      </c>
      <c r="G7281">
        <v>46265.069759999998</v>
      </c>
      <c r="H7281">
        <v>46686.378680000002</v>
      </c>
      <c r="I7281">
        <v>39803.341419999997</v>
      </c>
      <c r="J7281">
        <v>34912.787830000001</v>
      </c>
      <c r="K7281">
        <v>55348.287969999998</v>
      </c>
      <c r="L7281">
        <v>21767.044979999999</v>
      </c>
      <c r="M7281">
        <v>354525.69549999997</v>
      </c>
      <c r="N7281">
        <v>84374.548219999997</v>
      </c>
      <c r="O7281">
        <v>24357.295259999999</v>
      </c>
      <c r="P7281">
        <v>29960.26556</v>
      </c>
      <c r="Q7281">
        <v>98354.053929999995</v>
      </c>
      <c r="R7281">
        <v>21768.545249999999</v>
      </c>
      <c r="S7281">
        <v>103107.96980000001</v>
      </c>
      <c r="T7281">
        <v>28414.866730000002</v>
      </c>
      <c r="U7281">
        <v>23005.60283</v>
      </c>
      <c r="W7281" s="83">
        <f>Bühler!N7313</f>
        <v>45595.291666649013</v>
      </c>
      <c r="X7281" s="83">
        <v>43404.291666666664</v>
      </c>
      <c r="Y7281">
        <v>288359.13020000001</v>
      </c>
      <c r="Z7281">
        <v>26144.961569999999</v>
      </c>
      <c r="AA7281">
        <v>82629.041519999999</v>
      </c>
      <c r="AB7281">
        <v>46265.069759999998</v>
      </c>
      <c r="AC7281">
        <v>46686.378680000002</v>
      </c>
      <c r="AD7281">
        <v>39803.341419999997</v>
      </c>
      <c r="AE7281">
        <v>34912.787830000001</v>
      </c>
      <c r="AF7281">
        <v>55348.287969999998</v>
      </c>
      <c r="AG7281">
        <v>21767.044979999999</v>
      </c>
      <c r="AH7281">
        <v>354525.69549999997</v>
      </c>
      <c r="AI7281">
        <v>84374.548219999997</v>
      </c>
      <c r="AJ7281">
        <v>24357.295259999999</v>
      </c>
      <c r="AK7281">
        <v>29960.26556</v>
      </c>
      <c r="AL7281">
        <v>98354.053929999995</v>
      </c>
      <c r="AM7281">
        <v>21768.545249999999</v>
      </c>
      <c r="AN7281">
        <v>103107.96980000001</v>
      </c>
      <c r="AO7281">
        <v>28414.866730000002</v>
      </c>
      <c r="AP7281">
        <v>23005.60283</v>
      </c>
    </row>
    <row r="7282" spans="2:42" x14ac:dyDescent="0.3">
      <c r="B7282">
        <v>69.959193721613957</v>
      </c>
      <c r="C7282" s="83">
        <v>43404.333333333336</v>
      </c>
      <c r="D7282">
        <v>297966.59629999998</v>
      </c>
      <c r="E7282">
        <v>31612.752759999999</v>
      </c>
      <c r="F7282">
        <v>90724.327669999999</v>
      </c>
      <c r="G7282">
        <v>51751.892399999997</v>
      </c>
      <c r="H7282">
        <v>51212.376969999998</v>
      </c>
      <c r="I7282">
        <v>42714.563240000003</v>
      </c>
      <c r="J7282">
        <v>34814.847869999998</v>
      </c>
      <c r="K7282">
        <v>61068.072099999998</v>
      </c>
      <c r="L7282">
        <v>25054.682499999999</v>
      </c>
      <c r="M7282">
        <v>356684.59450000001</v>
      </c>
      <c r="N7282">
        <v>90463.937730000005</v>
      </c>
      <c r="O7282">
        <v>26104.39026</v>
      </c>
      <c r="P7282">
        <v>32017.27536</v>
      </c>
      <c r="Q7282">
        <v>98005.466899999999</v>
      </c>
      <c r="R7282">
        <v>23245.269370000002</v>
      </c>
      <c r="S7282">
        <v>115551.5947</v>
      </c>
      <c r="T7282">
        <v>31400.686799999999</v>
      </c>
      <c r="U7282">
        <v>25631.136279999999</v>
      </c>
      <c r="W7282" s="83">
        <f>Bühler!N7314</f>
        <v>45595.333333315677</v>
      </c>
      <c r="X7282" s="83">
        <v>43404.333333333336</v>
      </c>
      <c r="Y7282">
        <v>297966.59629999998</v>
      </c>
      <c r="Z7282">
        <v>31612.752759999999</v>
      </c>
      <c r="AA7282">
        <v>90724.327669999999</v>
      </c>
      <c r="AB7282">
        <v>51751.892399999997</v>
      </c>
      <c r="AC7282">
        <v>51212.376969999998</v>
      </c>
      <c r="AD7282">
        <v>42714.563240000003</v>
      </c>
      <c r="AE7282">
        <v>34814.847869999998</v>
      </c>
      <c r="AF7282">
        <v>61068.072099999998</v>
      </c>
      <c r="AG7282">
        <v>25054.682499999999</v>
      </c>
      <c r="AH7282">
        <v>356684.59450000001</v>
      </c>
      <c r="AI7282">
        <v>90463.937730000005</v>
      </c>
      <c r="AJ7282">
        <v>26104.39026</v>
      </c>
      <c r="AK7282">
        <v>32017.27536</v>
      </c>
      <c r="AL7282">
        <v>98005.466899999999</v>
      </c>
      <c r="AM7282">
        <v>23245.269370000002</v>
      </c>
      <c r="AN7282">
        <v>115551.5947</v>
      </c>
      <c r="AO7282">
        <v>31400.686799999999</v>
      </c>
      <c r="AP7282">
        <v>25631.136279999999</v>
      </c>
    </row>
    <row r="7283" spans="2:42" x14ac:dyDescent="0.3">
      <c r="B7283">
        <v>70.005596538487168</v>
      </c>
      <c r="C7283" s="83">
        <v>43404.375</v>
      </c>
      <c r="D7283">
        <v>296589.94919999997</v>
      </c>
      <c r="E7283">
        <v>35799.486349999999</v>
      </c>
      <c r="F7283">
        <v>97655.958719999995</v>
      </c>
      <c r="G7283">
        <v>55792.929450000003</v>
      </c>
      <c r="H7283">
        <v>53477.868190000001</v>
      </c>
      <c r="I7283">
        <v>40362.76139</v>
      </c>
      <c r="J7283">
        <v>35030.269079999998</v>
      </c>
      <c r="K7283">
        <v>63800.012540000003</v>
      </c>
      <c r="L7283">
        <v>28544.239300000001</v>
      </c>
      <c r="M7283">
        <v>356921.1777</v>
      </c>
      <c r="N7283">
        <v>93116.973440000002</v>
      </c>
      <c r="O7283">
        <v>25915.41288</v>
      </c>
      <c r="P7283">
        <v>34099.651100000003</v>
      </c>
      <c r="Q7283">
        <v>98767.988389999999</v>
      </c>
      <c r="R7283">
        <v>24010.25978</v>
      </c>
      <c r="S7283">
        <v>120915.50139999999</v>
      </c>
      <c r="T7283">
        <v>33387.197370000002</v>
      </c>
      <c r="U7283">
        <v>25611.597750000001</v>
      </c>
      <c r="W7283" s="83">
        <f>Bühler!N7315</f>
        <v>45595.374999982341</v>
      </c>
      <c r="X7283" s="83">
        <v>43404.375</v>
      </c>
      <c r="Y7283">
        <v>296589.94919999997</v>
      </c>
      <c r="Z7283">
        <v>35799.486349999999</v>
      </c>
      <c r="AA7283">
        <v>97655.958719999995</v>
      </c>
      <c r="AB7283">
        <v>55792.929450000003</v>
      </c>
      <c r="AC7283">
        <v>53477.868190000001</v>
      </c>
      <c r="AD7283">
        <v>40362.76139</v>
      </c>
      <c r="AE7283">
        <v>35030.269079999998</v>
      </c>
      <c r="AF7283">
        <v>63800.012540000003</v>
      </c>
      <c r="AG7283">
        <v>28544.239300000001</v>
      </c>
      <c r="AH7283">
        <v>356921.1777</v>
      </c>
      <c r="AI7283">
        <v>93116.973440000002</v>
      </c>
      <c r="AJ7283">
        <v>25915.41288</v>
      </c>
      <c r="AK7283">
        <v>34099.651100000003</v>
      </c>
      <c r="AL7283">
        <v>98767.988389999999</v>
      </c>
      <c r="AM7283">
        <v>24010.25978</v>
      </c>
      <c r="AN7283">
        <v>120915.50139999999</v>
      </c>
      <c r="AO7283">
        <v>33387.197370000002</v>
      </c>
      <c r="AP7283">
        <v>25611.597750000001</v>
      </c>
    </row>
    <row r="7284" spans="2:42" x14ac:dyDescent="0.3">
      <c r="B7284">
        <v>70.833806536707996</v>
      </c>
      <c r="C7284" s="83">
        <v>43404.416666666664</v>
      </c>
      <c r="D7284">
        <v>298209.4118</v>
      </c>
      <c r="E7284">
        <v>37230.116679999999</v>
      </c>
      <c r="F7284">
        <v>98245.738970000006</v>
      </c>
      <c r="G7284">
        <v>56146.399279999998</v>
      </c>
      <c r="H7284">
        <v>53932.115429999998</v>
      </c>
      <c r="I7284">
        <v>39005.993139999999</v>
      </c>
      <c r="J7284">
        <v>34446.204660000003</v>
      </c>
      <c r="K7284">
        <v>65204.635490000001</v>
      </c>
      <c r="L7284">
        <v>30475.82273</v>
      </c>
      <c r="M7284">
        <v>361143.77850000001</v>
      </c>
      <c r="N7284">
        <v>95214.343429999994</v>
      </c>
      <c r="O7284">
        <v>26463.18591</v>
      </c>
      <c r="P7284">
        <v>34095.152329999997</v>
      </c>
      <c r="Q7284">
        <v>100375.4651</v>
      </c>
      <c r="R7284">
        <v>24164.53241</v>
      </c>
      <c r="S7284">
        <v>121592.9206</v>
      </c>
      <c r="T7284">
        <v>35516.385799999996</v>
      </c>
      <c r="U7284">
        <v>25658.731650000002</v>
      </c>
      <c r="W7284" s="83">
        <f>Bühler!N7316</f>
        <v>45595.416666649005</v>
      </c>
      <c r="X7284" s="83">
        <v>43404.416666666664</v>
      </c>
      <c r="Y7284">
        <v>298209.4118</v>
      </c>
      <c r="Z7284">
        <v>37230.116679999999</v>
      </c>
      <c r="AA7284">
        <v>98245.738970000006</v>
      </c>
      <c r="AB7284">
        <v>56146.399279999998</v>
      </c>
      <c r="AC7284">
        <v>53932.115429999998</v>
      </c>
      <c r="AD7284">
        <v>39005.993139999999</v>
      </c>
      <c r="AE7284">
        <v>34446.204660000003</v>
      </c>
      <c r="AF7284">
        <v>65204.635490000001</v>
      </c>
      <c r="AG7284">
        <v>30475.82273</v>
      </c>
      <c r="AH7284">
        <v>361143.77850000001</v>
      </c>
      <c r="AI7284">
        <v>95214.343429999994</v>
      </c>
      <c r="AJ7284">
        <v>26463.18591</v>
      </c>
      <c r="AK7284">
        <v>34095.152329999997</v>
      </c>
      <c r="AL7284">
        <v>100375.4651</v>
      </c>
      <c r="AM7284">
        <v>24164.53241</v>
      </c>
      <c r="AN7284">
        <v>121592.9206</v>
      </c>
      <c r="AO7284">
        <v>35516.385799999996</v>
      </c>
      <c r="AP7284">
        <v>25658.731650000002</v>
      </c>
    </row>
    <row r="7285" spans="2:42" x14ac:dyDescent="0.3">
      <c r="B7285">
        <v>70.875519904167135</v>
      </c>
      <c r="C7285" s="83">
        <v>43404.458333333336</v>
      </c>
      <c r="D7285">
        <v>297634.9374</v>
      </c>
      <c r="E7285">
        <v>36773.077550000002</v>
      </c>
      <c r="F7285">
        <v>97265.208329999994</v>
      </c>
      <c r="G7285">
        <v>56292.02392</v>
      </c>
      <c r="H7285">
        <v>53607.391530000001</v>
      </c>
      <c r="I7285">
        <v>38972.448190000003</v>
      </c>
      <c r="J7285">
        <v>34511.866730000002</v>
      </c>
      <c r="K7285">
        <v>66096.188219999996</v>
      </c>
      <c r="L7285">
        <v>31989.083279999999</v>
      </c>
      <c r="M7285">
        <v>361356.45270000002</v>
      </c>
      <c r="N7285">
        <v>94551.975720000002</v>
      </c>
      <c r="O7285">
        <v>25871.364659999999</v>
      </c>
      <c r="P7285">
        <v>33348.098890000001</v>
      </c>
      <c r="Q7285">
        <v>100002.0097</v>
      </c>
      <c r="R7285">
        <v>24769.383559999998</v>
      </c>
      <c r="S7285">
        <v>124447.4467</v>
      </c>
      <c r="T7285">
        <v>34941.782120000003</v>
      </c>
      <c r="U7285">
        <v>24318.02378</v>
      </c>
      <c r="W7285" s="83">
        <f>Bühler!N7317</f>
        <v>45595.45833331567</v>
      </c>
      <c r="X7285" s="83">
        <v>43404.458333333336</v>
      </c>
      <c r="Y7285">
        <v>297634.9374</v>
      </c>
      <c r="Z7285">
        <v>36773.077550000002</v>
      </c>
      <c r="AA7285">
        <v>97265.208329999994</v>
      </c>
      <c r="AB7285">
        <v>56292.02392</v>
      </c>
      <c r="AC7285">
        <v>53607.391530000001</v>
      </c>
      <c r="AD7285">
        <v>38972.448190000003</v>
      </c>
      <c r="AE7285">
        <v>34511.866730000002</v>
      </c>
      <c r="AF7285">
        <v>66096.188219999996</v>
      </c>
      <c r="AG7285">
        <v>31989.083279999999</v>
      </c>
      <c r="AH7285">
        <v>361356.45270000002</v>
      </c>
      <c r="AI7285">
        <v>94551.975720000002</v>
      </c>
      <c r="AJ7285">
        <v>25871.364659999999</v>
      </c>
      <c r="AK7285">
        <v>33348.098890000001</v>
      </c>
      <c r="AL7285">
        <v>100002.0097</v>
      </c>
      <c r="AM7285">
        <v>24769.383559999998</v>
      </c>
      <c r="AN7285">
        <v>124447.4467</v>
      </c>
      <c r="AO7285">
        <v>34941.782120000003</v>
      </c>
      <c r="AP7285">
        <v>24318.02378</v>
      </c>
    </row>
    <row r="7286" spans="2:42" x14ac:dyDescent="0.3">
      <c r="B7286">
        <v>69.486904441171944</v>
      </c>
      <c r="C7286" s="83">
        <v>43404.5</v>
      </c>
      <c r="D7286">
        <v>284628.7684</v>
      </c>
      <c r="E7286">
        <v>32933.532120000003</v>
      </c>
      <c r="F7286">
        <v>91833.970920000007</v>
      </c>
      <c r="G7286">
        <v>54009.128060000003</v>
      </c>
      <c r="H7286">
        <v>50331.617449999998</v>
      </c>
      <c r="I7286">
        <v>36291.241840000002</v>
      </c>
      <c r="J7286">
        <v>34567.758470000001</v>
      </c>
      <c r="K7286">
        <v>59858.91401</v>
      </c>
      <c r="L7286">
        <v>35474.308680000002</v>
      </c>
      <c r="M7286">
        <v>354276.64350000001</v>
      </c>
      <c r="N7286">
        <v>90645.591679999998</v>
      </c>
      <c r="O7286">
        <v>25457.733380000001</v>
      </c>
      <c r="P7286">
        <v>33816.459799999997</v>
      </c>
      <c r="Q7286">
        <v>97808.063999999998</v>
      </c>
      <c r="R7286">
        <v>25559.956549999999</v>
      </c>
      <c r="S7286">
        <v>115747.9132</v>
      </c>
      <c r="T7286">
        <v>33965.172960000004</v>
      </c>
      <c r="U7286">
        <v>20313.814859999999</v>
      </c>
      <c r="W7286" s="83">
        <f>Bühler!N7318</f>
        <v>45595.499999982334</v>
      </c>
      <c r="X7286" s="83">
        <v>43404.5</v>
      </c>
      <c r="Y7286">
        <v>284628.7684</v>
      </c>
      <c r="Z7286">
        <v>32933.532120000003</v>
      </c>
      <c r="AA7286">
        <v>91833.970920000007</v>
      </c>
      <c r="AB7286">
        <v>54009.128060000003</v>
      </c>
      <c r="AC7286">
        <v>50331.617449999998</v>
      </c>
      <c r="AD7286">
        <v>36291.241840000002</v>
      </c>
      <c r="AE7286">
        <v>34567.758470000001</v>
      </c>
      <c r="AF7286">
        <v>59858.91401</v>
      </c>
      <c r="AG7286">
        <v>35474.308680000002</v>
      </c>
      <c r="AH7286">
        <v>354276.64350000001</v>
      </c>
      <c r="AI7286">
        <v>90645.591679999998</v>
      </c>
      <c r="AJ7286">
        <v>25457.733380000001</v>
      </c>
      <c r="AK7286">
        <v>33816.459799999997</v>
      </c>
      <c r="AL7286">
        <v>97808.063999999998</v>
      </c>
      <c r="AM7286">
        <v>25559.956549999999</v>
      </c>
      <c r="AN7286">
        <v>115747.9132</v>
      </c>
      <c r="AO7286">
        <v>33965.172960000004</v>
      </c>
      <c r="AP7286">
        <v>20313.814859999999</v>
      </c>
    </row>
    <row r="7287" spans="2:42" x14ac:dyDescent="0.3">
      <c r="B7287">
        <v>68.906782733657536</v>
      </c>
      <c r="C7287" s="83">
        <v>43404.541666666664</v>
      </c>
      <c r="D7287">
        <v>286949.397</v>
      </c>
      <c r="E7287">
        <v>33108.461080000001</v>
      </c>
      <c r="F7287">
        <v>89236.494779999994</v>
      </c>
      <c r="G7287">
        <v>53390.54479</v>
      </c>
      <c r="H7287">
        <v>50839.224759999997</v>
      </c>
      <c r="I7287">
        <v>35667.415269999998</v>
      </c>
      <c r="J7287">
        <v>33077.936500000003</v>
      </c>
      <c r="K7287">
        <v>61197.621010000003</v>
      </c>
      <c r="L7287">
        <v>33638.326659999999</v>
      </c>
      <c r="M7287">
        <v>351318.91249999998</v>
      </c>
      <c r="N7287">
        <v>91912.281749999995</v>
      </c>
      <c r="O7287">
        <v>25131.923510000001</v>
      </c>
      <c r="P7287">
        <v>33005.001120000001</v>
      </c>
      <c r="Q7287">
        <v>96451.61202</v>
      </c>
      <c r="R7287">
        <v>26314.17296</v>
      </c>
      <c r="S7287">
        <v>115131.6189</v>
      </c>
      <c r="T7287">
        <v>33639.238960000002</v>
      </c>
      <c r="U7287">
        <v>22154.196619999999</v>
      </c>
      <c r="W7287" s="83">
        <f>Bühler!N7319</f>
        <v>45595.541666648998</v>
      </c>
      <c r="X7287" s="83">
        <v>43404.541666666664</v>
      </c>
      <c r="Y7287">
        <v>286949.397</v>
      </c>
      <c r="Z7287">
        <v>33108.461080000001</v>
      </c>
      <c r="AA7287">
        <v>89236.494779999994</v>
      </c>
      <c r="AB7287">
        <v>53390.54479</v>
      </c>
      <c r="AC7287">
        <v>50839.224759999997</v>
      </c>
      <c r="AD7287">
        <v>35667.415269999998</v>
      </c>
      <c r="AE7287">
        <v>33077.936500000003</v>
      </c>
      <c r="AF7287">
        <v>61197.621010000003</v>
      </c>
      <c r="AG7287">
        <v>33638.326659999999</v>
      </c>
      <c r="AH7287">
        <v>351318.91249999998</v>
      </c>
      <c r="AI7287">
        <v>91912.281749999995</v>
      </c>
      <c r="AJ7287">
        <v>25131.923510000001</v>
      </c>
      <c r="AK7287">
        <v>33005.001120000001</v>
      </c>
      <c r="AL7287">
        <v>96451.61202</v>
      </c>
      <c r="AM7287">
        <v>26314.17296</v>
      </c>
      <c r="AN7287">
        <v>115131.6189</v>
      </c>
      <c r="AO7287">
        <v>33639.238960000002</v>
      </c>
      <c r="AP7287">
        <v>22154.196619999999</v>
      </c>
    </row>
    <row r="7288" spans="2:42" x14ac:dyDescent="0.3">
      <c r="B7288">
        <v>69.458870795284398</v>
      </c>
      <c r="C7288" s="83">
        <v>43404.583333333336</v>
      </c>
      <c r="D7288">
        <v>289870.18430000002</v>
      </c>
      <c r="E7288">
        <v>35550.604610000002</v>
      </c>
      <c r="F7288">
        <v>95337.792130000002</v>
      </c>
      <c r="G7288">
        <v>53127.41029</v>
      </c>
      <c r="H7288">
        <v>50341.326070000003</v>
      </c>
      <c r="I7288">
        <v>37011.792289999998</v>
      </c>
      <c r="J7288">
        <v>32769.608939999998</v>
      </c>
      <c r="K7288">
        <v>64362.436580000001</v>
      </c>
      <c r="L7288">
        <v>30198.187750000001</v>
      </c>
      <c r="M7288">
        <v>354133.71490000002</v>
      </c>
      <c r="N7288">
        <v>92827.032500000001</v>
      </c>
      <c r="O7288">
        <v>25498.083030000002</v>
      </c>
      <c r="P7288">
        <v>30684.517690000001</v>
      </c>
      <c r="Q7288">
        <v>95960.317240000004</v>
      </c>
      <c r="R7288">
        <v>24358.013449999999</v>
      </c>
      <c r="S7288">
        <v>109127.6015</v>
      </c>
      <c r="T7288">
        <v>32978.681490000003</v>
      </c>
      <c r="U7288">
        <v>23625.23862</v>
      </c>
      <c r="W7288" s="83">
        <f>Bühler!N7320</f>
        <v>45595.583333315662</v>
      </c>
      <c r="X7288" s="83">
        <v>43404.583333333336</v>
      </c>
      <c r="Y7288">
        <v>289870.18430000002</v>
      </c>
      <c r="Z7288">
        <v>35550.604610000002</v>
      </c>
      <c r="AA7288">
        <v>95337.792130000002</v>
      </c>
      <c r="AB7288">
        <v>53127.41029</v>
      </c>
      <c r="AC7288">
        <v>50341.326070000003</v>
      </c>
      <c r="AD7288">
        <v>37011.792289999998</v>
      </c>
      <c r="AE7288">
        <v>32769.608939999998</v>
      </c>
      <c r="AF7288">
        <v>64362.436580000001</v>
      </c>
      <c r="AG7288">
        <v>30198.187750000001</v>
      </c>
      <c r="AH7288">
        <v>354133.71490000002</v>
      </c>
      <c r="AI7288">
        <v>92827.032500000001</v>
      </c>
      <c r="AJ7288">
        <v>25498.083030000002</v>
      </c>
      <c r="AK7288">
        <v>30684.517690000001</v>
      </c>
      <c r="AL7288">
        <v>95960.317240000004</v>
      </c>
      <c r="AM7288">
        <v>24358.013449999999</v>
      </c>
      <c r="AN7288">
        <v>109127.6015</v>
      </c>
      <c r="AO7288">
        <v>32978.681490000003</v>
      </c>
      <c r="AP7288">
        <v>23625.23862</v>
      </c>
    </row>
    <row r="7289" spans="2:42" x14ac:dyDescent="0.3">
      <c r="B7289">
        <v>68.362983262592181</v>
      </c>
      <c r="C7289" s="83">
        <v>43404.625</v>
      </c>
      <c r="D7289">
        <v>288421.39679999999</v>
      </c>
      <c r="E7289">
        <v>35335.213400000001</v>
      </c>
      <c r="F7289">
        <v>95781.249859999996</v>
      </c>
      <c r="G7289">
        <v>51723.28544</v>
      </c>
      <c r="H7289">
        <v>49617.691440000002</v>
      </c>
      <c r="I7289">
        <v>37344.993779999997</v>
      </c>
      <c r="J7289">
        <v>32930.087959999997</v>
      </c>
      <c r="K7289">
        <v>63303.562859999998</v>
      </c>
      <c r="L7289">
        <v>27700.96026</v>
      </c>
      <c r="M7289">
        <v>348546.36920000002</v>
      </c>
      <c r="N7289">
        <v>89094.890140000003</v>
      </c>
      <c r="O7289">
        <v>25418.725999999999</v>
      </c>
      <c r="P7289">
        <v>27769.858909999999</v>
      </c>
      <c r="Q7289">
        <v>95881.704070000007</v>
      </c>
      <c r="R7289">
        <v>24167.967570000001</v>
      </c>
      <c r="S7289">
        <v>107255.98299999999</v>
      </c>
      <c r="T7289">
        <v>33546.734759999999</v>
      </c>
      <c r="U7289">
        <v>22711.599630000001</v>
      </c>
      <c r="W7289" s="83">
        <f>Bühler!N7321</f>
        <v>45595.624999982327</v>
      </c>
      <c r="X7289" s="83">
        <v>43404.625</v>
      </c>
      <c r="Y7289">
        <v>288421.39679999999</v>
      </c>
      <c r="Z7289">
        <v>35335.213400000001</v>
      </c>
      <c r="AA7289">
        <v>95781.249859999996</v>
      </c>
      <c r="AB7289">
        <v>51723.28544</v>
      </c>
      <c r="AC7289">
        <v>49617.691440000002</v>
      </c>
      <c r="AD7289">
        <v>37344.993779999997</v>
      </c>
      <c r="AE7289">
        <v>32930.087959999997</v>
      </c>
      <c r="AF7289">
        <v>63303.562859999998</v>
      </c>
      <c r="AG7289">
        <v>27700.96026</v>
      </c>
      <c r="AH7289">
        <v>348546.36920000002</v>
      </c>
      <c r="AI7289">
        <v>89094.890140000003</v>
      </c>
      <c r="AJ7289">
        <v>25418.725999999999</v>
      </c>
      <c r="AK7289">
        <v>27769.858909999999</v>
      </c>
      <c r="AL7289">
        <v>95881.704070000007</v>
      </c>
      <c r="AM7289">
        <v>24167.967570000001</v>
      </c>
      <c r="AN7289">
        <v>107255.98299999999</v>
      </c>
      <c r="AO7289">
        <v>33546.734759999999</v>
      </c>
      <c r="AP7289">
        <v>22711.599630000001</v>
      </c>
    </row>
    <row r="7290" spans="2:42" x14ac:dyDescent="0.3">
      <c r="B7290">
        <v>67.421850600694583</v>
      </c>
      <c r="C7290" s="83">
        <v>43404.666666666664</v>
      </c>
      <c r="D7290">
        <v>282036.17249999999</v>
      </c>
      <c r="E7290">
        <v>34863.394059999999</v>
      </c>
      <c r="F7290">
        <v>95358.320770000006</v>
      </c>
      <c r="G7290">
        <v>50750.993920000001</v>
      </c>
      <c r="H7290">
        <v>48241.612820000002</v>
      </c>
      <c r="I7290">
        <v>38616.858869999996</v>
      </c>
      <c r="J7290">
        <v>32825.911890000003</v>
      </c>
      <c r="K7290">
        <v>60966.901639999996</v>
      </c>
      <c r="L7290">
        <v>26492.020140000001</v>
      </c>
      <c r="M7290">
        <v>343748.03600000002</v>
      </c>
      <c r="N7290">
        <v>88072.910569999993</v>
      </c>
      <c r="O7290">
        <v>25807.35168</v>
      </c>
      <c r="P7290">
        <v>27751.338520000001</v>
      </c>
      <c r="Q7290">
        <v>94113.704270000002</v>
      </c>
      <c r="R7290">
        <v>24085.16128</v>
      </c>
      <c r="S7290">
        <v>105220.4924</v>
      </c>
      <c r="T7290">
        <v>33516.880940000003</v>
      </c>
      <c r="U7290">
        <v>21997.29319</v>
      </c>
      <c r="W7290" s="83">
        <f>Bühler!N7322</f>
        <v>45595.666666648991</v>
      </c>
      <c r="X7290" s="83">
        <v>43404.666666666664</v>
      </c>
      <c r="Y7290">
        <v>282036.17249999999</v>
      </c>
      <c r="Z7290">
        <v>34863.394059999999</v>
      </c>
      <c r="AA7290">
        <v>95358.320770000006</v>
      </c>
      <c r="AB7290">
        <v>50750.993920000001</v>
      </c>
      <c r="AC7290">
        <v>48241.612820000002</v>
      </c>
      <c r="AD7290">
        <v>38616.858869999996</v>
      </c>
      <c r="AE7290">
        <v>32825.911890000003</v>
      </c>
      <c r="AF7290">
        <v>60966.901639999996</v>
      </c>
      <c r="AG7290">
        <v>26492.020140000001</v>
      </c>
      <c r="AH7290">
        <v>343748.03600000002</v>
      </c>
      <c r="AI7290">
        <v>88072.910569999993</v>
      </c>
      <c r="AJ7290">
        <v>25807.35168</v>
      </c>
      <c r="AK7290">
        <v>27751.338520000001</v>
      </c>
      <c r="AL7290">
        <v>94113.704270000002</v>
      </c>
      <c r="AM7290">
        <v>24085.16128</v>
      </c>
      <c r="AN7290">
        <v>105220.4924</v>
      </c>
      <c r="AO7290">
        <v>33516.880940000003</v>
      </c>
      <c r="AP7290">
        <v>21997.29319</v>
      </c>
    </row>
    <row r="7291" spans="2:42" x14ac:dyDescent="0.3">
      <c r="B7291">
        <v>66.177494617054492</v>
      </c>
      <c r="C7291" s="83">
        <v>43404.708333333336</v>
      </c>
      <c r="D7291">
        <v>272984.6349</v>
      </c>
      <c r="E7291">
        <v>33804.82301</v>
      </c>
      <c r="F7291">
        <v>96961.713539999997</v>
      </c>
      <c r="G7291">
        <v>48331.27259</v>
      </c>
      <c r="H7291">
        <v>47401.795319999997</v>
      </c>
      <c r="I7291">
        <v>37631.436869999998</v>
      </c>
      <c r="J7291">
        <v>34088.637669999996</v>
      </c>
      <c r="K7291">
        <v>56127.986620000003</v>
      </c>
      <c r="L7291">
        <v>26432.177220000001</v>
      </c>
      <c r="M7291">
        <v>337403.72889999999</v>
      </c>
      <c r="N7291">
        <v>86032.239449999994</v>
      </c>
      <c r="O7291">
        <v>24682.052970000001</v>
      </c>
      <c r="P7291">
        <v>29454.802729999999</v>
      </c>
      <c r="Q7291">
        <v>93018.295410000006</v>
      </c>
      <c r="R7291">
        <v>23277.708780000001</v>
      </c>
      <c r="S7291">
        <v>104167.39780000001</v>
      </c>
      <c r="T7291">
        <v>34094.513099999996</v>
      </c>
      <c r="U7291">
        <v>19290.036080000002</v>
      </c>
      <c r="W7291" s="83">
        <f>Bühler!N7323</f>
        <v>45595.708333315655</v>
      </c>
      <c r="X7291" s="83">
        <v>43404.708333333336</v>
      </c>
      <c r="Y7291">
        <v>272984.6349</v>
      </c>
      <c r="Z7291">
        <v>33804.82301</v>
      </c>
      <c r="AA7291">
        <v>96961.713539999997</v>
      </c>
      <c r="AB7291">
        <v>48331.27259</v>
      </c>
      <c r="AC7291">
        <v>47401.795319999997</v>
      </c>
      <c r="AD7291">
        <v>37631.436869999998</v>
      </c>
      <c r="AE7291">
        <v>34088.637669999996</v>
      </c>
      <c r="AF7291">
        <v>56127.986620000003</v>
      </c>
      <c r="AG7291">
        <v>26432.177220000001</v>
      </c>
      <c r="AH7291">
        <v>337403.72889999999</v>
      </c>
      <c r="AI7291">
        <v>86032.239449999994</v>
      </c>
      <c r="AJ7291">
        <v>24682.052970000001</v>
      </c>
      <c r="AK7291">
        <v>29454.802729999999</v>
      </c>
      <c r="AL7291">
        <v>93018.295410000006</v>
      </c>
      <c r="AM7291">
        <v>23277.708780000001</v>
      </c>
      <c r="AN7291">
        <v>104167.39780000001</v>
      </c>
      <c r="AO7291">
        <v>34094.513099999996</v>
      </c>
      <c r="AP7291">
        <v>19290.036080000002</v>
      </c>
    </row>
    <row r="7292" spans="2:42" x14ac:dyDescent="0.3">
      <c r="B7292">
        <v>65.380840774981266</v>
      </c>
      <c r="C7292" s="83">
        <v>43404.75</v>
      </c>
      <c r="D7292">
        <v>267654.87689999997</v>
      </c>
      <c r="E7292">
        <v>31090.472330000001</v>
      </c>
      <c r="F7292">
        <v>95818.904020000002</v>
      </c>
      <c r="G7292">
        <v>45988.057769999999</v>
      </c>
      <c r="H7292">
        <v>46858.887199999997</v>
      </c>
      <c r="I7292">
        <v>37623.352959999997</v>
      </c>
      <c r="J7292">
        <v>35611.991470000001</v>
      </c>
      <c r="K7292">
        <v>53059.080399999999</v>
      </c>
      <c r="L7292">
        <v>29001.096659999999</v>
      </c>
      <c r="M7292">
        <v>333342.01610000001</v>
      </c>
      <c r="N7292">
        <v>86223.983529999998</v>
      </c>
      <c r="O7292">
        <v>23863.37773</v>
      </c>
      <c r="P7292">
        <v>33862.857340000002</v>
      </c>
      <c r="Q7292">
        <v>91517.252129999993</v>
      </c>
      <c r="R7292">
        <v>23445.051149999999</v>
      </c>
      <c r="S7292">
        <v>100705.21369999999</v>
      </c>
      <c r="T7292">
        <v>35384.401039999997</v>
      </c>
      <c r="U7292">
        <v>18206.64776</v>
      </c>
      <c r="W7292" s="83">
        <f>Bühler!N7324</f>
        <v>45595.749999982319</v>
      </c>
      <c r="X7292" s="83">
        <v>43404.75</v>
      </c>
      <c r="Y7292">
        <v>267654.87689999997</v>
      </c>
      <c r="Z7292">
        <v>31090.472330000001</v>
      </c>
      <c r="AA7292">
        <v>95818.904020000002</v>
      </c>
      <c r="AB7292">
        <v>45988.057769999999</v>
      </c>
      <c r="AC7292">
        <v>46858.887199999997</v>
      </c>
      <c r="AD7292">
        <v>37623.352959999997</v>
      </c>
      <c r="AE7292">
        <v>35611.991470000001</v>
      </c>
      <c r="AF7292">
        <v>53059.080399999999</v>
      </c>
      <c r="AG7292">
        <v>29001.096659999999</v>
      </c>
      <c r="AH7292">
        <v>333342.01610000001</v>
      </c>
      <c r="AI7292">
        <v>86223.983529999998</v>
      </c>
      <c r="AJ7292">
        <v>23863.37773</v>
      </c>
      <c r="AK7292">
        <v>33862.857340000002</v>
      </c>
      <c r="AL7292">
        <v>91517.252129999993</v>
      </c>
      <c r="AM7292">
        <v>23445.051149999999</v>
      </c>
      <c r="AN7292">
        <v>100705.21369999999</v>
      </c>
      <c r="AO7292">
        <v>35384.401039999997</v>
      </c>
      <c r="AP7292">
        <v>18206.64776</v>
      </c>
    </row>
    <row r="7293" spans="2:42" x14ac:dyDescent="0.3">
      <c r="B7293">
        <v>64.422327396205972</v>
      </c>
      <c r="C7293" s="83">
        <v>43404.791666666664</v>
      </c>
      <c r="D7293">
        <v>261003.47570000001</v>
      </c>
      <c r="E7293">
        <v>25016.077649999999</v>
      </c>
      <c r="F7293">
        <v>82567.614960000006</v>
      </c>
      <c r="G7293">
        <v>43313.247280000003</v>
      </c>
      <c r="H7293">
        <v>44809.626170000003</v>
      </c>
      <c r="I7293">
        <v>35688.343099999998</v>
      </c>
      <c r="J7293">
        <v>35183.118439999998</v>
      </c>
      <c r="K7293">
        <v>51488.248399999997</v>
      </c>
      <c r="L7293">
        <v>30437.72005</v>
      </c>
      <c r="M7293">
        <v>328455.06790000002</v>
      </c>
      <c r="N7293">
        <v>83894.988400000002</v>
      </c>
      <c r="O7293">
        <v>22230.90136</v>
      </c>
      <c r="P7293">
        <v>35294.042990000002</v>
      </c>
      <c r="Q7293">
        <v>89326.622159999999</v>
      </c>
      <c r="R7293">
        <v>23068.882559999998</v>
      </c>
      <c r="S7293">
        <v>96707.184559999994</v>
      </c>
      <c r="T7293">
        <v>34416.242689999999</v>
      </c>
      <c r="U7293">
        <v>16861.701870000001</v>
      </c>
      <c r="W7293" s="83">
        <f>Bühler!N7325</f>
        <v>45595.791666648984</v>
      </c>
      <c r="X7293" s="83">
        <v>43404.791666666664</v>
      </c>
      <c r="Y7293">
        <v>261003.47570000001</v>
      </c>
      <c r="Z7293">
        <v>25016.077649999999</v>
      </c>
      <c r="AA7293">
        <v>82567.614960000006</v>
      </c>
      <c r="AB7293">
        <v>43313.247280000003</v>
      </c>
      <c r="AC7293">
        <v>44809.626170000003</v>
      </c>
      <c r="AD7293">
        <v>35688.343099999998</v>
      </c>
      <c r="AE7293">
        <v>35183.118439999998</v>
      </c>
      <c r="AF7293">
        <v>51488.248399999997</v>
      </c>
      <c r="AG7293">
        <v>30437.72005</v>
      </c>
      <c r="AH7293">
        <v>328455.06790000002</v>
      </c>
      <c r="AI7293">
        <v>83894.988400000002</v>
      </c>
      <c r="AJ7293">
        <v>22230.90136</v>
      </c>
      <c r="AK7293">
        <v>35294.042990000002</v>
      </c>
      <c r="AL7293">
        <v>89326.622159999999</v>
      </c>
      <c r="AM7293">
        <v>23068.882559999998</v>
      </c>
      <c r="AN7293">
        <v>96707.184559999994</v>
      </c>
      <c r="AO7293">
        <v>34416.242689999999</v>
      </c>
      <c r="AP7293">
        <v>16861.701870000001</v>
      </c>
    </row>
    <row r="7294" spans="2:42" x14ac:dyDescent="0.3">
      <c r="B7294">
        <v>62.889505254047343</v>
      </c>
      <c r="C7294" s="83">
        <v>43404.833333333336</v>
      </c>
      <c r="D7294">
        <v>253028.71</v>
      </c>
      <c r="E7294">
        <v>18766.368289999999</v>
      </c>
      <c r="F7294">
        <v>63411.329899999997</v>
      </c>
      <c r="G7294">
        <v>40446.775719999998</v>
      </c>
      <c r="H7294">
        <v>41654.876819999998</v>
      </c>
      <c r="I7294">
        <v>31584.91517</v>
      </c>
      <c r="J7294">
        <v>34130.456870000002</v>
      </c>
      <c r="K7294">
        <v>52337.538209999999</v>
      </c>
      <c r="L7294">
        <v>29556.67441</v>
      </c>
      <c r="M7294">
        <v>320640.0258</v>
      </c>
      <c r="N7294">
        <v>80139.321060000002</v>
      </c>
      <c r="O7294">
        <v>21029.063579999998</v>
      </c>
      <c r="P7294">
        <v>35565.420910000001</v>
      </c>
      <c r="Q7294">
        <v>86569.154989999995</v>
      </c>
      <c r="R7294">
        <v>20372.587289999999</v>
      </c>
      <c r="S7294">
        <v>86583.331600000005</v>
      </c>
      <c r="T7294">
        <v>31928.97378</v>
      </c>
      <c r="U7294">
        <v>15154.30092</v>
      </c>
      <c r="W7294" s="83">
        <f>Bühler!N7326</f>
        <v>45595.833333315648</v>
      </c>
      <c r="X7294" s="83">
        <v>43404.833333333336</v>
      </c>
      <c r="Y7294">
        <v>253028.71</v>
      </c>
      <c r="Z7294">
        <v>18766.368289999999</v>
      </c>
      <c r="AA7294">
        <v>63411.329899999997</v>
      </c>
      <c r="AB7294">
        <v>40446.775719999998</v>
      </c>
      <c r="AC7294">
        <v>41654.876819999998</v>
      </c>
      <c r="AD7294">
        <v>31584.91517</v>
      </c>
      <c r="AE7294">
        <v>34130.456870000002</v>
      </c>
      <c r="AF7294">
        <v>52337.538209999999</v>
      </c>
      <c r="AG7294">
        <v>29556.67441</v>
      </c>
      <c r="AH7294">
        <v>320640.0258</v>
      </c>
      <c r="AI7294">
        <v>80139.321060000002</v>
      </c>
      <c r="AJ7294">
        <v>21029.063579999998</v>
      </c>
      <c r="AK7294">
        <v>35565.420910000001</v>
      </c>
      <c r="AL7294">
        <v>86569.154989999995</v>
      </c>
      <c r="AM7294">
        <v>20372.587289999999</v>
      </c>
      <c r="AN7294">
        <v>86583.331600000005</v>
      </c>
      <c r="AO7294">
        <v>31928.97378</v>
      </c>
      <c r="AP7294">
        <v>15154.30092</v>
      </c>
    </row>
    <row r="7295" spans="2:42" x14ac:dyDescent="0.3">
      <c r="B7295">
        <v>61.043115385287471</v>
      </c>
      <c r="C7295" s="83">
        <v>43404.875</v>
      </c>
      <c r="D7295">
        <v>243707.69779999999</v>
      </c>
      <c r="E7295">
        <v>16012.988810000001</v>
      </c>
      <c r="F7295">
        <v>55838.887430000002</v>
      </c>
      <c r="G7295">
        <v>38755.442750000002</v>
      </c>
      <c r="H7295">
        <v>39379.461259999996</v>
      </c>
      <c r="I7295">
        <v>27574.441340000001</v>
      </c>
      <c r="J7295">
        <v>32703.761480000001</v>
      </c>
      <c r="K7295">
        <v>50387.873370000001</v>
      </c>
      <c r="L7295">
        <v>27048.21588</v>
      </c>
      <c r="M7295">
        <v>311226.26919999998</v>
      </c>
      <c r="N7295">
        <v>77032.585810000004</v>
      </c>
      <c r="O7295">
        <v>19935.483670000001</v>
      </c>
      <c r="P7295">
        <v>33863.7601</v>
      </c>
      <c r="Q7295">
        <v>84956.269560000001</v>
      </c>
      <c r="R7295">
        <v>19828.568469999998</v>
      </c>
      <c r="S7295">
        <v>81351.711259999996</v>
      </c>
      <c r="T7295">
        <v>30067.884190000001</v>
      </c>
      <c r="U7295">
        <v>13713.227199999999</v>
      </c>
      <c r="W7295" s="83">
        <f>Bühler!N7327</f>
        <v>45595.874999982312</v>
      </c>
      <c r="X7295" s="83">
        <v>43404.875</v>
      </c>
      <c r="Y7295">
        <v>243707.69779999999</v>
      </c>
      <c r="Z7295">
        <v>16012.988810000001</v>
      </c>
      <c r="AA7295">
        <v>55838.887430000002</v>
      </c>
      <c r="AB7295">
        <v>38755.442750000002</v>
      </c>
      <c r="AC7295">
        <v>39379.461259999996</v>
      </c>
      <c r="AD7295">
        <v>27574.441340000001</v>
      </c>
      <c r="AE7295">
        <v>32703.761480000001</v>
      </c>
      <c r="AF7295">
        <v>50387.873370000001</v>
      </c>
      <c r="AG7295">
        <v>27048.21588</v>
      </c>
      <c r="AH7295">
        <v>311226.26919999998</v>
      </c>
      <c r="AI7295">
        <v>77032.585810000004</v>
      </c>
      <c r="AJ7295">
        <v>19935.483670000001</v>
      </c>
      <c r="AK7295">
        <v>33863.7601</v>
      </c>
      <c r="AL7295">
        <v>84956.269560000001</v>
      </c>
      <c r="AM7295">
        <v>19828.568469999998</v>
      </c>
      <c r="AN7295">
        <v>81351.711259999996</v>
      </c>
      <c r="AO7295">
        <v>30067.884190000001</v>
      </c>
      <c r="AP7295">
        <v>13713.227199999999</v>
      </c>
    </row>
    <row r="7296" spans="2:42" x14ac:dyDescent="0.3">
      <c r="B7296">
        <v>60.668523072245463</v>
      </c>
      <c r="C7296" s="83">
        <v>43404.916666666664</v>
      </c>
      <c r="D7296">
        <v>242991.1348</v>
      </c>
      <c r="E7296">
        <v>15122.73258</v>
      </c>
      <c r="F7296">
        <v>52993.53456</v>
      </c>
      <c r="G7296">
        <v>38234.037609999999</v>
      </c>
      <c r="H7296">
        <v>38159.522960000002</v>
      </c>
      <c r="I7296">
        <v>25478.75836</v>
      </c>
      <c r="J7296">
        <v>31287.249759999999</v>
      </c>
      <c r="K7296">
        <v>53124.085059999998</v>
      </c>
      <c r="L7296">
        <v>23699.446660000001</v>
      </c>
      <c r="M7296">
        <v>309316.42290000001</v>
      </c>
      <c r="N7296">
        <v>75746.493570000006</v>
      </c>
      <c r="O7296">
        <v>20373.260890000001</v>
      </c>
      <c r="P7296">
        <v>34124.130859999997</v>
      </c>
      <c r="Q7296">
        <v>84141.565109999996</v>
      </c>
      <c r="R7296">
        <v>23146.397379999999</v>
      </c>
      <c r="S7296">
        <v>78972.68075</v>
      </c>
      <c r="T7296">
        <v>26214.947909999999</v>
      </c>
      <c r="U7296">
        <v>14168.330169999999</v>
      </c>
      <c r="W7296" s="83">
        <f>Bühler!N7328</f>
        <v>45595.916666648976</v>
      </c>
      <c r="X7296" s="83">
        <v>43404.916666666664</v>
      </c>
      <c r="Y7296">
        <v>242991.1348</v>
      </c>
      <c r="Z7296">
        <v>15122.73258</v>
      </c>
      <c r="AA7296">
        <v>52993.53456</v>
      </c>
      <c r="AB7296">
        <v>38234.037609999999</v>
      </c>
      <c r="AC7296">
        <v>38159.522960000002</v>
      </c>
      <c r="AD7296">
        <v>25478.75836</v>
      </c>
      <c r="AE7296">
        <v>31287.249759999999</v>
      </c>
      <c r="AF7296">
        <v>53124.085059999998</v>
      </c>
      <c r="AG7296">
        <v>23699.446660000001</v>
      </c>
      <c r="AH7296">
        <v>309316.42290000001</v>
      </c>
      <c r="AI7296">
        <v>75746.493570000006</v>
      </c>
      <c r="AJ7296">
        <v>20373.260890000001</v>
      </c>
      <c r="AK7296">
        <v>34124.130859999997</v>
      </c>
      <c r="AL7296">
        <v>84141.565109999996</v>
      </c>
      <c r="AM7296">
        <v>23146.397379999999</v>
      </c>
      <c r="AN7296">
        <v>78972.68075</v>
      </c>
      <c r="AO7296">
        <v>26214.947909999999</v>
      </c>
      <c r="AP7296">
        <v>14168.330169999999</v>
      </c>
    </row>
    <row r="7297" spans="2:42" x14ac:dyDescent="0.3">
      <c r="B7297">
        <v>59.811572490058396</v>
      </c>
      <c r="C7297" s="83">
        <v>43404.958333333336</v>
      </c>
      <c r="D7297">
        <v>241724.9283</v>
      </c>
      <c r="E7297">
        <v>14444.818799999999</v>
      </c>
      <c r="F7297">
        <v>51413.483189999999</v>
      </c>
      <c r="G7297">
        <v>37797.018640000002</v>
      </c>
      <c r="H7297">
        <v>37220.639660000001</v>
      </c>
      <c r="I7297">
        <v>24274.527099999999</v>
      </c>
      <c r="J7297">
        <v>29143.61735</v>
      </c>
      <c r="K7297">
        <v>51674.287830000001</v>
      </c>
      <c r="L7297">
        <v>19985.071230000001</v>
      </c>
      <c r="M7297">
        <v>304947.2892</v>
      </c>
      <c r="N7297">
        <v>75054.974560000002</v>
      </c>
      <c r="O7297">
        <v>19727.25346</v>
      </c>
      <c r="P7297">
        <v>29753.773679999998</v>
      </c>
      <c r="Q7297">
        <v>83876.792249999999</v>
      </c>
      <c r="R7297">
        <v>22260.60384</v>
      </c>
      <c r="S7297">
        <v>77783.232780000006</v>
      </c>
      <c r="T7297">
        <v>26888.537509999998</v>
      </c>
      <c r="U7297">
        <v>13270.817580000001</v>
      </c>
      <c r="W7297" s="83">
        <f>Bühler!N7329</f>
        <v>45595.958333315641</v>
      </c>
      <c r="X7297" s="83">
        <v>43404.958333333336</v>
      </c>
      <c r="Y7297">
        <v>241724.9283</v>
      </c>
      <c r="Z7297">
        <v>14444.818799999999</v>
      </c>
      <c r="AA7297">
        <v>51413.483189999999</v>
      </c>
      <c r="AB7297">
        <v>37797.018640000002</v>
      </c>
      <c r="AC7297">
        <v>37220.639660000001</v>
      </c>
      <c r="AD7297">
        <v>24274.527099999999</v>
      </c>
      <c r="AE7297">
        <v>29143.61735</v>
      </c>
      <c r="AF7297">
        <v>51674.287830000001</v>
      </c>
      <c r="AG7297">
        <v>19985.071230000001</v>
      </c>
      <c r="AH7297">
        <v>304947.2892</v>
      </c>
      <c r="AI7297">
        <v>75054.974560000002</v>
      </c>
      <c r="AJ7297">
        <v>19727.25346</v>
      </c>
      <c r="AK7297">
        <v>29753.773679999998</v>
      </c>
      <c r="AL7297">
        <v>83876.792249999999</v>
      </c>
      <c r="AM7297">
        <v>22260.60384</v>
      </c>
      <c r="AN7297">
        <v>77783.232780000006</v>
      </c>
      <c r="AO7297">
        <v>26888.537509999998</v>
      </c>
      <c r="AP7297">
        <v>13270.817580000001</v>
      </c>
    </row>
    <row r="7298" spans="2:42" x14ac:dyDescent="0.3">
      <c r="B7298">
        <v>59.20767427959791</v>
      </c>
      <c r="C7298" s="83">
        <v>43405</v>
      </c>
      <c r="D7298">
        <v>239816.9828</v>
      </c>
      <c r="E7298">
        <v>14222.26261</v>
      </c>
      <c r="F7298">
        <v>51614.449630000003</v>
      </c>
      <c r="G7298">
        <v>37418.705110000003</v>
      </c>
      <c r="H7298">
        <v>36948.10641</v>
      </c>
      <c r="I7298">
        <v>22257.978330000002</v>
      </c>
      <c r="J7298">
        <v>27362.733749999999</v>
      </c>
      <c r="K7298">
        <v>50389.450949999999</v>
      </c>
      <c r="L7298">
        <v>18031.01338</v>
      </c>
      <c r="M7298">
        <v>301868.3345</v>
      </c>
      <c r="N7298">
        <v>74101.623760000002</v>
      </c>
      <c r="O7298">
        <v>19883.808239999998</v>
      </c>
      <c r="P7298">
        <v>26596.015329999998</v>
      </c>
      <c r="Q7298">
        <v>83280.499379999994</v>
      </c>
      <c r="R7298">
        <v>20942.338169999999</v>
      </c>
      <c r="S7298">
        <v>76800.276389999999</v>
      </c>
      <c r="T7298">
        <v>25204.660179999999</v>
      </c>
      <c r="U7298">
        <v>13395.70141</v>
      </c>
      <c r="W7298" s="83">
        <f>Bühler!N7330</f>
        <v>45595.999999982305</v>
      </c>
      <c r="X7298" s="83">
        <v>43405</v>
      </c>
      <c r="Y7298">
        <v>239816.9828</v>
      </c>
      <c r="Z7298">
        <v>14222.26261</v>
      </c>
      <c r="AA7298">
        <v>51614.449630000003</v>
      </c>
      <c r="AB7298">
        <v>37418.705110000003</v>
      </c>
      <c r="AC7298">
        <v>36948.10641</v>
      </c>
      <c r="AD7298">
        <v>22257.978330000002</v>
      </c>
      <c r="AE7298">
        <v>27362.733749999999</v>
      </c>
      <c r="AF7298">
        <v>50389.450949999999</v>
      </c>
      <c r="AG7298">
        <v>18031.01338</v>
      </c>
      <c r="AH7298">
        <v>301868.3345</v>
      </c>
      <c r="AI7298">
        <v>74101.623760000002</v>
      </c>
      <c r="AJ7298">
        <v>19883.808239999998</v>
      </c>
      <c r="AK7298">
        <v>26596.015329999998</v>
      </c>
      <c r="AL7298">
        <v>83280.499379999994</v>
      </c>
      <c r="AM7298">
        <v>20942.338169999999</v>
      </c>
      <c r="AN7298">
        <v>76800.276389999999</v>
      </c>
      <c r="AO7298">
        <v>25204.660179999999</v>
      </c>
      <c r="AP7298">
        <v>13395.70141</v>
      </c>
    </row>
    <row r="7299" spans="2:42" x14ac:dyDescent="0.3">
      <c r="B7299">
        <v>58.744578606969739</v>
      </c>
      <c r="C7299" s="83">
        <v>43405.041666666664</v>
      </c>
      <c r="D7299">
        <v>240580.1789</v>
      </c>
      <c r="E7299">
        <v>14303.070970000001</v>
      </c>
      <c r="F7299">
        <v>52324.398540000002</v>
      </c>
      <c r="G7299">
        <v>37350.460050000002</v>
      </c>
      <c r="H7299">
        <v>36306.009940000004</v>
      </c>
      <c r="I7299">
        <v>18807.56612</v>
      </c>
      <c r="J7299">
        <v>26870.711019999999</v>
      </c>
      <c r="K7299">
        <v>49391.872089999997</v>
      </c>
      <c r="L7299">
        <v>17219.404760000001</v>
      </c>
      <c r="M7299">
        <v>299507.25679999997</v>
      </c>
      <c r="N7299">
        <v>73661.087409999993</v>
      </c>
      <c r="O7299">
        <v>19625.597470000001</v>
      </c>
      <c r="P7299">
        <v>26178.771700000001</v>
      </c>
      <c r="Q7299">
        <v>84475.904630000005</v>
      </c>
      <c r="R7299">
        <v>20131.94831</v>
      </c>
      <c r="S7299">
        <v>76089.720079999999</v>
      </c>
      <c r="T7299">
        <v>24331.343270000001</v>
      </c>
      <c r="U7299">
        <v>13602.185170000001</v>
      </c>
      <c r="W7299" s="83">
        <f>Bühler!N7331</f>
        <v>45596.041666648969</v>
      </c>
      <c r="X7299" s="83">
        <v>43405.041666666664</v>
      </c>
      <c r="Y7299">
        <v>240580.1789</v>
      </c>
      <c r="Z7299">
        <v>14303.070970000001</v>
      </c>
      <c r="AA7299">
        <v>52324.398540000002</v>
      </c>
      <c r="AB7299">
        <v>37350.460050000002</v>
      </c>
      <c r="AC7299">
        <v>36306.009940000004</v>
      </c>
      <c r="AD7299">
        <v>18807.56612</v>
      </c>
      <c r="AE7299">
        <v>26870.711019999999</v>
      </c>
      <c r="AF7299">
        <v>49391.872089999997</v>
      </c>
      <c r="AG7299">
        <v>17219.404760000001</v>
      </c>
      <c r="AH7299">
        <v>299507.25679999997</v>
      </c>
      <c r="AI7299">
        <v>73661.087409999993</v>
      </c>
      <c r="AJ7299">
        <v>19625.597470000001</v>
      </c>
      <c r="AK7299">
        <v>26178.771700000001</v>
      </c>
      <c r="AL7299">
        <v>84475.904630000005</v>
      </c>
      <c r="AM7299">
        <v>20131.94831</v>
      </c>
      <c r="AN7299">
        <v>76089.720079999999</v>
      </c>
      <c r="AO7299">
        <v>24331.343270000001</v>
      </c>
      <c r="AP7299">
        <v>13602.185170000001</v>
      </c>
    </row>
    <row r="7300" spans="2:42" x14ac:dyDescent="0.3">
      <c r="B7300">
        <v>58.685320022184406</v>
      </c>
      <c r="C7300" s="83">
        <v>43405.083333333336</v>
      </c>
      <c r="D7300">
        <v>239754.92739999999</v>
      </c>
      <c r="E7300">
        <v>14215.765380000001</v>
      </c>
      <c r="F7300">
        <v>52394.606979999997</v>
      </c>
      <c r="G7300">
        <v>36701.197939999998</v>
      </c>
      <c r="H7300">
        <v>36042.795050000001</v>
      </c>
      <c r="I7300">
        <v>17469.903020000002</v>
      </c>
      <c r="J7300">
        <v>26564.506570000001</v>
      </c>
      <c r="K7300">
        <v>47983.001020000003</v>
      </c>
      <c r="L7300">
        <v>17278.169419999998</v>
      </c>
      <c r="M7300">
        <v>299205.12890000001</v>
      </c>
      <c r="N7300">
        <v>73311.843949999995</v>
      </c>
      <c r="O7300">
        <v>19705.807339999999</v>
      </c>
      <c r="P7300">
        <v>25216.481930000002</v>
      </c>
      <c r="Q7300">
        <v>86595.902969999996</v>
      </c>
      <c r="R7300">
        <v>19732.785169999999</v>
      </c>
      <c r="S7300">
        <v>75040.411049999995</v>
      </c>
      <c r="T7300">
        <v>23939.29061</v>
      </c>
      <c r="U7300">
        <v>13444.39185</v>
      </c>
      <c r="W7300" s="83">
        <f>Bühler!N7332</f>
        <v>45596.083333315633</v>
      </c>
      <c r="X7300" s="83">
        <v>43405.083333333336</v>
      </c>
      <c r="Y7300">
        <v>239754.92739999999</v>
      </c>
      <c r="Z7300">
        <v>14215.765380000001</v>
      </c>
      <c r="AA7300">
        <v>52394.606979999997</v>
      </c>
      <c r="AB7300">
        <v>36701.197939999998</v>
      </c>
      <c r="AC7300">
        <v>36042.795050000001</v>
      </c>
      <c r="AD7300">
        <v>17469.903020000002</v>
      </c>
      <c r="AE7300">
        <v>26564.506570000001</v>
      </c>
      <c r="AF7300">
        <v>47983.001020000003</v>
      </c>
      <c r="AG7300">
        <v>17278.169419999998</v>
      </c>
      <c r="AH7300">
        <v>299205.12890000001</v>
      </c>
      <c r="AI7300">
        <v>73311.843949999995</v>
      </c>
      <c r="AJ7300">
        <v>19705.807339999999</v>
      </c>
      <c r="AK7300">
        <v>25216.481930000002</v>
      </c>
      <c r="AL7300">
        <v>86595.902969999996</v>
      </c>
      <c r="AM7300">
        <v>19732.785169999999</v>
      </c>
      <c r="AN7300">
        <v>75040.411049999995</v>
      </c>
      <c r="AO7300">
        <v>23939.29061</v>
      </c>
      <c r="AP7300">
        <v>13444.39185</v>
      </c>
    </row>
    <row r="7301" spans="2:42" x14ac:dyDescent="0.3">
      <c r="B7301">
        <v>58.791812359994317</v>
      </c>
      <c r="C7301" s="83">
        <v>43405.125</v>
      </c>
      <c r="D7301">
        <v>241370.19099999999</v>
      </c>
      <c r="E7301">
        <v>14272.96132</v>
      </c>
      <c r="F7301">
        <v>53254.377939999998</v>
      </c>
      <c r="G7301">
        <v>36476.810769999996</v>
      </c>
      <c r="H7301">
        <v>36078.383309999997</v>
      </c>
      <c r="I7301">
        <v>17429.190589999998</v>
      </c>
      <c r="J7301">
        <v>26757.10439</v>
      </c>
      <c r="K7301">
        <v>46645.329189999997</v>
      </c>
      <c r="L7301">
        <v>16851.32533</v>
      </c>
      <c r="M7301">
        <v>299748.07650000002</v>
      </c>
      <c r="N7301">
        <v>73459.732860000004</v>
      </c>
      <c r="O7301">
        <v>19891.3573</v>
      </c>
      <c r="P7301">
        <v>24924.466629999999</v>
      </c>
      <c r="Q7301">
        <v>88819.057650000002</v>
      </c>
      <c r="R7301">
        <v>19444.261139999999</v>
      </c>
      <c r="S7301">
        <v>74495.800759999998</v>
      </c>
      <c r="T7301">
        <v>23886.344160000001</v>
      </c>
      <c r="U7301">
        <v>13679.544540000001</v>
      </c>
      <c r="W7301" s="83">
        <f>Bühler!N7333</f>
        <v>45596.124999982298</v>
      </c>
      <c r="X7301" s="83">
        <v>43405.125</v>
      </c>
      <c r="Y7301">
        <v>241370.19099999999</v>
      </c>
      <c r="Z7301">
        <v>14272.96132</v>
      </c>
      <c r="AA7301">
        <v>53254.377939999998</v>
      </c>
      <c r="AB7301">
        <v>36476.810769999996</v>
      </c>
      <c r="AC7301">
        <v>36078.383309999997</v>
      </c>
      <c r="AD7301">
        <v>17429.190589999998</v>
      </c>
      <c r="AE7301">
        <v>26757.10439</v>
      </c>
      <c r="AF7301">
        <v>46645.329189999997</v>
      </c>
      <c r="AG7301">
        <v>16851.32533</v>
      </c>
      <c r="AH7301">
        <v>299748.07650000002</v>
      </c>
      <c r="AI7301">
        <v>73459.732860000004</v>
      </c>
      <c r="AJ7301">
        <v>19891.3573</v>
      </c>
      <c r="AK7301">
        <v>24924.466629999999</v>
      </c>
      <c r="AL7301">
        <v>88819.057650000002</v>
      </c>
      <c r="AM7301">
        <v>19444.261139999999</v>
      </c>
      <c r="AN7301">
        <v>74495.800759999998</v>
      </c>
      <c r="AO7301">
        <v>23886.344160000001</v>
      </c>
      <c r="AP7301">
        <v>13679.544540000001</v>
      </c>
    </row>
    <row r="7302" spans="2:42" x14ac:dyDescent="0.3">
      <c r="B7302">
        <v>60.299459460995209</v>
      </c>
      <c r="C7302" s="83">
        <v>43405.166666666664</v>
      </c>
      <c r="D7302">
        <v>242504.61610000001</v>
      </c>
      <c r="E7302">
        <v>14845.04862</v>
      </c>
      <c r="F7302">
        <v>56747.131249999999</v>
      </c>
      <c r="G7302">
        <v>36575.707670000003</v>
      </c>
      <c r="H7302">
        <v>36901.902190000001</v>
      </c>
      <c r="I7302">
        <v>19152.554410000001</v>
      </c>
      <c r="J7302">
        <v>28355.66015</v>
      </c>
      <c r="K7302">
        <v>44701.845849999998</v>
      </c>
      <c r="L7302">
        <v>16700.61836</v>
      </c>
      <c r="M7302">
        <v>307434.76449999999</v>
      </c>
      <c r="N7302">
        <v>71610.060370000007</v>
      </c>
      <c r="O7302">
        <v>20349.5622</v>
      </c>
      <c r="P7302">
        <v>23928.969120000002</v>
      </c>
      <c r="Q7302">
        <v>92368.553679999997</v>
      </c>
      <c r="R7302">
        <v>19495.42179</v>
      </c>
      <c r="S7302">
        <v>75568.518320000003</v>
      </c>
      <c r="T7302">
        <v>23776.663680000001</v>
      </c>
      <c r="U7302">
        <v>14356.30521</v>
      </c>
      <c r="W7302" s="83">
        <f>Bühler!N7334</f>
        <v>45596.166666648962</v>
      </c>
      <c r="X7302" s="83">
        <v>43405.166666666664</v>
      </c>
      <c r="Y7302">
        <v>242504.61610000001</v>
      </c>
      <c r="Z7302">
        <v>14845.04862</v>
      </c>
      <c r="AA7302">
        <v>56747.131249999999</v>
      </c>
      <c r="AB7302">
        <v>36575.707670000003</v>
      </c>
      <c r="AC7302">
        <v>36901.902190000001</v>
      </c>
      <c r="AD7302">
        <v>19152.554410000001</v>
      </c>
      <c r="AE7302">
        <v>28355.66015</v>
      </c>
      <c r="AF7302">
        <v>44701.845849999998</v>
      </c>
      <c r="AG7302">
        <v>16700.61836</v>
      </c>
      <c r="AH7302">
        <v>307434.76449999999</v>
      </c>
      <c r="AI7302">
        <v>71610.060370000007</v>
      </c>
      <c r="AJ7302">
        <v>20349.5622</v>
      </c>
      <c r="AK7302">
        <v>23928.969120000002</v>
      </c>
      <c r="AL7302">
        <v>92368.553679999997</v>
      </c>
      <c r="AM7302">
        <v>19495.42179</v>
      </c>
      <c r="AN7302">
        <v>75568.518320000003</v>
      </c>
      <c r="AO7302">
        <v>23776.663680000001</v>
      </c>
      <c r="AP7302">
        <v>14356.30521</v>
      </c>
    </row>
    <row r="7303" spans="2:42" x14ac:dyDescent="0.3">
      <c r="B7303">
        <v>63.11668386469514</v>
      </c>
      <c r="C7303" s="83">
        <v>43405.208333333336</v>
      </c>
      <c r="D7303">
        <v>257377.31229999999</v>
      </c>
      <c r="E7303">
        <v>17400.961169999999</v>
      </c>
      <c r="F7303">
        <v>67565.080799999996</v>
      </c>
      <c r="G7303">
        <v>38071.192869999999</v>
      </c>
      <c r="H7303">
        <v>38337.904820000003</v>
      </c>
      <c r="I7303">
        <v>26362.319769999998</v>
      </c>
      <c r="J7303">
        <v>31269.536499999998</v>
      </c>
      <c r="K7303">
        <v>44942.945099999997</v>
      </c>
      <c r="L7303">
        <v>17225.653160000002</v>
      </c>
      <c r="M7303">
        <v>321798.28830000001</v>
      </c>
      <c r="N7303">
        <v>73056.76298</v>
      </c>
      <c r="O7303">
        <v>20800.12486</v>
      </c>
      <c r="P7303">
        <v>25552.227879999999</v>
      </c>
      <c r="Q7303">
        <v>95683.464129999993</v>
      </c>
      <c r="R7303">
        <v>20145.093919999999</v>
      </c>
      <c r="S7303">
        <v>78317.883470000001</v>
      </c>
      <c r="T7303">
        <v>25420.044300000001</v>
      </c>
      <c r="U7303">
        <v>16412.598679999999</v>
      </c>
      <c r="W7303" s="83">
        <f>Bühler!N7335</f>
        <v>45596.208333315626</v>
      </c>
      <c r="X7303" s="83">
        <v>43405.208333333336</v>
      </c>
      <c r="Y7303">
        <v>257377.31229999999</v>
      </c>
      <c r="Z7303">
        <v>17400.961169999999</v>
      </c>
      <c r="AA7303">
        <v>67565.080799999996</v>
      </c>
      <c r="AB7303">
        <v>38071.192869999999</v>
      </c>
      <c r="AC7303">
        <v>38337.904820000003</v>
      </c>
      <c r="AD7303">
        <v>26362.319769999998</v>
      </c>
      <c r="AE7303">
        <v>31269.536499999998</v>
      </c>
      <c r="AF7303">
        <v>44942.945099999997</v>
      </c>
      <c r="AG7303">
        <v>17225.653160000002</v>
      </c>
      <c r="AH7303">
        <v>321798.28830000001</v>
      </c>
      <c r="AI7303">
        <v>73056.76298</v>
      </c>
      <c r="AJ7303">
        <v>20800.12486</v>
      </c>
      <c r="AK7303">
        <v>25552.227879999999</v>
      </c>
      <c r="AL7303">
        <v>95683.464129999993</v>
      </c>
      <c r="AM7303">
        <v>20145.093919999999</v>
      </c>
      <c r="AN7303">
        <v>78317.883470000001</v>
      </c>
      <c r="AO7303">
        <v>25420.044300000001</v>
      </c>
      <c r="AP7303">
        <v>16412.598679999999</v>
      </c>
    </row>
    <row r="7304" spans="2:42" x14ac:dyDescent="0.3">
      <c r="B7304">
        <v>66.704016637590257</v>
      </c>
      <c r="C7304" s="83">
        <v>43405.25</v>
      </c>
      <c r="D7304">
        <v>273091.25020000001</v>
      </c>
      <c r="E7304">
        <v>21764.174210000001</v>
      </c>
      <c r="F7304">
        <v>81181.571330000006</v>
      </c>
      <c r="G7304">
        <v>42664.433709999998</v>
      </c>
      <c r="H7304">
        <v>42370.787089999998</v>
      </c>
      <c r="I7304">
        <v>33282.290029999996</v>
      </c>
      <c r="J7304">
        <v>34839.550640000001</v>
      </c>
      <c r="K7304">
        <v>48880.392910000002</v>
      </c>
      <c r="L7304">
        <v>19464.122299999999</v>
      </c>
      <c r="M7304">
        <v>340088.18369999999</v>
      </c>
      <c r="N7304">
        <v>76985.876780000006</v>
      </c>
      <c r="O7304">
        <v>21961.16303</v>
      </c>
      <c r="P7304">
        <v>27379.14633</v>
      </c>
      <c r="Q7304">
        <v>97407.760150000002</v>
      </c>
      <c r="R7304">
        <v>19493.731650000002</v>
      </c>
      <c r="S7304">
        <v>87615.429910000006</v>
      </c>
      <c r="T7304">
        <v>28020.26022</v>
      </c>
      <c r="U7304">
        <v>18796.944869999999</v>
      </c>
      <c r="W7304" s="83">
        <f>Bühler!N7336</f>
        <v>45596.24999998229</v>
      </c>
      <c r="X7304" s="83">
        <v>43405.25</v>
      </c>
      <c r="Y7304">
        <v>273091.25020000001</v>
      </c>
      <c r="Z7304">
        <v>21764.174210000001</v>
      </c>
      <c r="AA7304">
        <v>81181.571330000006</v>
      </c>
      <c r="AB7304">
        <v>42664.433709999998</v>
      </c>
      <c r="AC7304">
        <v>42370.787089999998</v>
      </c>
      <c r="AD7304">
        <v>33282.290029999996</v>
      </c>
      <c r="AE7304">
        <v>34839.550640000001</v>
      </c>
      <c r="AF7304">
        <v>48880.392910000002</v>
      </c>
      <c r="AG7304">
        <v>19464.122299999999</v>
      </c>
      <c r="AH7304">
        <v>340088.18369999999</v>
      </c>
      <c r="AI7304">
        <v>76985.876780000006</v>
      </c>
      <c r="AJ7304">
        <v>21961.16303</v>
      </c>
      <c r="AK7304">
        <v>27379.14633</v>
      </c>
      <c r="AL7304">
        <v>97407.760150000002</v>
      </c>
      <c r="AM7304">
        <v>19493.731650000002</v>
      </c>
      <c r="AN7304">
        <v>87615.429910000006</v>
      </c>
      <c r="AO7304">
        <v>28020.26022</v>
      </c>
      <c r="AP7304">
        <v>18796.944869999999</v>
      </c>
    </row>
    <row r="7305" spans="2:42" x14ac:dyDescent="0.3">
      <c r="B7305">
        <v>67.713845232050517</v>
      </c>
      <c r="C7305" s="83">
        <v>43405.291666666664</v>
      </c>
      <c r="D7305">
        <v>286473.40139999997</v>
      </c>
      <c r="E7305">
        <v>26973.73372</v>
      </c>
      <c r="F7305">
        <v>84117.513149999999</v>
      </c>
      <c r="G7305">
        <v>47384.354200000002</v>
      </c>
      <c r="H7305">
        <v>47297.845240000002</v>
      </c>
      <c r="I7305">
        <v>40169.205560000002</v>
      </c>
      <c r="J7305">
        <v>35787.664879999997</v>
      </c>
      <c r="K7305">
        <v>54552.605989999996</v>
      </c>
      <c r="L7305">
        <v>22230.14486</v>
      </c>
      <c r="M7305">
        <v>345236.76079999999</v>
      </c>
      <c r="N7305">
        <v>82822.565640000001</v>
      </c>
      <c r="O7305">
        <v>24383.546399999999</v>
      </c>
      <c r="P7305">
        <v>30938.792700000002</v>
      </c>
      <c r="Q7305">
        <v>96796.774009999994</v>
      </c>
      <c r="R7305">
        <v>21157.576239999999</v>
      </c>
      <c r="S7305">
        <v>103148.46189999999</v>
      </c>
      <c r="T7305">
        <v>29177.334620000001</v>
      </c>
      <c r="U7305">
        <v>24470.988959999999</v>
      </c>
      <c r="W7305" s="83">
        <f>Bühler!N7337</f>
        <v>45596.291666648955</v>
      </c>
      <c r="X7305" s="83">
        <v>43405.291666666664</v>
      </c>
      <c r="Y7305">
        <v>286473.40139999997</v>
      </c>
      <c r="Z7305">
        <v>26973.73372</v>
      </c>
      <c r="AA7305">
        <v>84117.513149999999</v>
      </c>
      <c r="AB7305">
        <v>47384.354200000002</v>
      </c>
      <c r="AC7305">
        <v>47297.845240000002</v>
      </c>
      <c r="AD7305">
        <v>40169.205560000002</v>
      </c>
      <c r="AE7305">
        <v>35787.664879999997</v>
      </c>
      <c r="AF7305">
        <v>54552.605989999996</v>
      </c>
      <c r="AG7305">
        <v>22230.14486</v>
      </c>
      <c r="AH7305">
        <v>345236.76079999999</v>
      </c>
      <c r="AI7305">
        <v>82822.565640000001</v>
      </c>
      <c r="AJ7305">
        <v>24383.546399999999</v>
      </c>
      <c r="AK7305">
        <v>30938.792700000002</v>
      </c>
      <c r="AL7305">
        <v>96796.774009999994</v>
      </c>
      <c r="AM7305">
        <v>21157.576239999999</v>
      </c>
      <c r="AN7305">
        <v>103148.46189999999</v>
      </c>
      <c r="AO7305">
        <v>29177.334620000001</v>
      </c>
      <c r="AP7305">
        <v>24470.988959999999</v>
      </c>
    </row>
    <row r="7306" spans="2:42" x14ac:dyDescent="0.3">
      <c r="B7306">
        <v>68.098510378088875</v>
      </c>
      <c r="C7306" s="83">
        <v>43405.333333333336</v>
      </c>
      <c r="D7306">
        <v>297342.59710000001</v>
      </c>
      <c r="E7306">
        <v>32801.559390000002</v>
      </c>
      <c r="F7306">
        <v>89676.110679999998</v>
      </c>
      <c r="G7306">
        <v>52561.934450000001</v>
      </c>
      <c r="H7306">
        <v>50808.788430000001</v>
      </c>
      <c r="I7306">
        <v>42690.032270000003</v>
      </c>
      <c r="J7306">
        <v>35750.783100000001</v>
      </c>
      <c r="K7306">
        <v>61083.090519999998</v>
      </c>
      <c r="L7306">
        <v>25058.002479999999</v>
      </c>
      <c r="M7306">
        <v>347197.96309999999</v>
      </c>
      <c r="N7306">
        <v>89858.152990000002</v>
      </c>
      <c r="O7306">
        <v>25151.33498</v>
      </c>
      <c r="P7306">
        <v>32364.165359999999</v>
      </c>
      <c r="Q7306">
        <v>97509.845400000006</v>
      </c>
      <c r="R7306">
        <v>22625.9133</v>
      </c>
      <c r="S7306">
        <v>114734.23269999999</v>
      </c>
      <c r="T7306">
        <v>31728.765070000001</v>
      </c>
      <c r="U7306">
        <v>26564.773959999999</v>
      </c>
      <c r="W7306" s="83">
        <f>Bühler!N7338</f>
        <v>45596.333333315619</v>
      </c>
      <c r="X7306" s="83">
        <v>43405.333333333336</v>
      </c>
      <c r="Y7306">
        <v>297342.59710000001</v>
      </c>
      <c r="Z7306">
        <v>32801.559390000002</v>
      </c>
      <c r="AA7306">
        <v>89676.110679999998</v>
      </c>
      <c r="AB7306">
        <v>52561.934450000001</v>
      </c>
      <c r="AC7306">
        <v>50808.788430000001</v>
      </c>
      <c r="AD7306">
        <v>42690.032270000003</v>
      </c>
      <c r="AE7306">
        <v>35750.783100000001</v>
      </c>
      <c r="AF7306">
        <v>61083.090519999998</v>
      </c>
      <c r="AG7306">
        <v>25058.002479999999</v>
      </c>
      <c r="AH7306">
        <v>347197.96309999999</v>
      </c>
      <c r="AI7306">
        <v>89858.152990000002</v>
      </c>
      <c r="AJ7306">
        <v>25151.33498</v>
      </c>
      <c r="AK7306">
        <v>32364.165359999999</v>
      </c>
      <c r="AL7306">
        <v>97509.845400000006</v>
      </c>
      <c r="AM7306">
        <v>22625.9133</v>
      </c>
      <c r="AN7306">
        <v>114734.23269999999</v>
      </c>
      <c r="AO7306">
        <v>31728.765070000001</v>
      </c>
      <c r="AP7306">
        <v>26564.773959999999</v>
      </c>
    </row>
    <row r="7307" spans="2:42" x14ac:dyDescent="0.3">
      <c r="B7307">
        <v>68.257579252061063</v>
      </c>
      <c r="C7307" s="83">
        <v>43405.375</v>
      </c>
      <c r="D7307">
        <v>298226.23340000003</v>
      </c>
      <c r="E7307">
        <v>35991.523370000003</v>
      </c>
      <c r="F7307">
        <v>97282.905039999998</v>
      </c>
      <c r="G7307">
        <v>56027.948470000003</v>
      </c>
      <c r="H7307">
        <v>53470.586880000003</v>
      </c>
      <c r="I7307">
        <v>41891.89041</v>
      </c>
      <c r="J7307">
        <v>36012.336730000003</v>
      </c>
      <c r="K7307">
        <v>62969.37672</v>
      </c>
      <c r="L7307">
        <v>29166.760730000002</v>
      </c>
      <c r="M7307">
        <v>348008.97039999999</v>
      </c>
      <c r="N7307">
        <v>91552.311220000003</v>
      </c>
      <c r="O7307">
        <v>25868.391449999999</v>
      </c>
      <c r="P7307">
        <v>33451.268300000003</v>
      </c>
      <c r="Q7307">
        <v>98559.595440000005</v>
      </c>
      <c r="R7307">
        <v>23255.821639999998</v>
      </c>
      <c r="S7307">
        <v>121150.6395</v>
      </c>
      <c r="T7307">
        <v>33541.852830000003</v>
      </c>
      <c r="U7307">
        <v>26808.500670000001</v>
      </c>
      <c r="W7307" s="83">
        <f>Bühler!N7339</f>
        <v>45596.374999982283</v>
      </c>
      <c r="X7307" s="83">
        <v>43405.375</v>
      </c>
      <c r="Y7307">
        <v>298226.23340000003</v>
      </c>
      <c r="Z7307">
        <v>35991.523370000003</v>
      </c>
      <c r="AA7307">
        <v>97282.905039999998</v>
      </c>
      <c r="AB7307">
        <v>56027.948470000003</v>
      </c>
      <c r="AC7307">
        <v>53470.586880000003</v>
      </c>
      <c r="AD7307">
        <v>41891.89041</v>
      </c>
      <c r="AE7307">
        <v>36012.336730000003</v>
      </c>
      <c r="AF7307">
        <v>62969.37672</v>
      </c>
      <c r="AG7307">
        <v>29166.760730000002</v>
      </c>
      <c r="AH7307">
        <v>348008.97039999999</v>
      </c>
      <c r="AI7307">
        <v>91552.311220000003</v>
      </c>
      <c r="AJ7307">
        <v>25868.391449999999</v>
      </c>
      <c r="AK7307">
        <v>33451.268300000003</v>
      </c>
      <c r="AL7307">
        <v>98559.595440000005</v>
      </c>
      <c r="AM7307">
        <v>23255.821639999998</v>
      </c>
      <c r="AN7307">
        <v>121150.6395</v>
      </c>
      <c r="AO7307">
        <v>33541.852830000003</v>
      </c>
      <c r="AP7307">
        <v>26808.500670000001</v>
      </c>
    </row>
    <row r="7308" spans="2:42" x14ac:dyDescent="0.3">
      <c r="B7308">
        <v>69.067699320131524</v>
      </c>
      <c r="C7308" s="83">
        <v>43405.416666666664</v>
      </c>
      <c r="D7308">
        <v>299079.87550000002</v>
      </c>
      <c r="E7308">
        <v>37332.000849999997</v>
      </c>
      <c r="F7308">
        <v>97109.284060000005</v>
      </c>
      <c r="G7308">
        <v>57203.296770000001</v>
      </c>
      <c r="H7308">
        <v>53840.257579999998</v>
      </c>
      <c r="I7308">
        <v>39251.439250000003</v>
      </c>
      <c r="J7308">
        <v>35360.890579999999</v>
      </c>
      <c r="K7308">
        <v>63202.742420000002</v>
      </c>
      <c r="L7308">
        <v>31264.381700000002</v>
      </c>
      <c r="M7308">
        <v>352139.34029999998</v>
      </c>
      <c r="N7308">
        <v>92740.525020000001</v>
      </c>
      <c r="O7308">
        <v>26171.782749999998</v>
      </c>
      <c r="P7308">
        <v>34436.985619999999</v>
      </c>
      <c r="Q7308">
        <v>98574.940960000007</v>
      </c>
      <c r="R7308">
        <v>24281.03514</v>
      </c>
      <c r="S7308">
        <v>120315.2169</v>
      </c>
      <c r="T7308">
        <v>35412.709889999998</v>
      </c>
      <c r="U7308">
        <v>26406.140340000002</v>
      </c>
      <c r="W7308" s="83">
        <f>Bühler!N7340</f>
        <v>45596.416666648947</v>
      </c>
      <c r="X7308" s="83">
        <v>43405.416666666664</v>
      </c>
      <c r="Y7308">
        <v>299079.87550000002</v>
      </c>
      <c r="Z7308">
        <v>37332.000849999997</v>
      </c>
      <c r="AA7308">
        <v>97109.284060000005</v>
      </c>
      <c r="AB7308">
        <v>57203.296770000001</v>
      </c>
      <c r="AC7308">
        <v>53840.257579999998</v>
      </c>
      <c r="AD7308">
        <v>39251.439250000003</v>
      </c>
      <c r="AE7308">
        <v>35360.890579999999</v>
      </c>
      <c r="AF7308">
        <v>63202.742420000002</v>
      </c>
      <c r="AG7308">
        <v>31264.381700000002</v>
      </c>
      <c r="AH7308">
        <v>352139.34029999998</v>
      </c>
      <c r="AI7308">
        <v>92740.525020000001</v>
      </c>
      <c r="AJ7308">
        <v>26171.782749999998</v>
      </c>
      <c r="AK7308">
        <v>34436.985619999999</v>
      </c>
      <c r="AL7308">
        <v>98574.940960000007</v>
      </c>
      <c r="AM7308">
        <v>24281.03514</v>
      </c>
      <c r="AN7308">
        <v>120315.2169</v>
      </c>
      <c r="AO7308">
        <v>35412.709889999998</v>
      </c>
      <c r="AP7308">
        <v>26406.140340000002</v>
      </c>
    </row>
    <row r="7309" spans="2:42" x14ac:dyDescent="0.3">
      <c r="B7309">
        <v>69.367828417269607</v>
      </c>
      <c r="C7309" s="83">
        <v>43405.458333333336</v>
      </c>
      <c r="D7309">
        <v>297966.4228</v>
      </c>
      <c r="E7309">
        <v>36812.620569999999</v>
      </c>
      <c r="F7309">
        <v>97736.652359999993</v>
      </c>
      <c r="G7309">
        <v>56449.655100000004</v>
      </c>
      <c r="H7309">
        <v>53295.517749999999</v>
      </c>
      <c r="I7309">
        <v>38033.780910000001</v>
      </c>
      <c r="J7309">
        <v>35225.129410000001</v>
      </c>
      <c r="K7309">
        <v>64413.97062</v>
      </c>
      <c r="L7309">
        <v>33245.006130000002</v>
      </c>
      <c r="M7309">
        <v>353669.53840000002</v>
      </c>
      <c r="N7309">
        <v>93385.596640000003</v>
      </c>
      <c r="O7309">
        <v>25831.761170000002</v>
      </c>
      <c r="P7309">
        <v>33630.773029999997</v>
      </c>
      <c r="Q7309">
        <v>98976.219370000006</v>
      </c>
      <c r="R7309">
        <v>24252.87328</v>
      </c>
      <c r="S7309">
        <v>122155.78419999999</v>
      </c>
      <c r="T7309">
        <v>35574.430139999997</v>
      </c>
      <c r="U7309">
        <v>25312.869979999999</v>
      </c>
      <c r="W7309" s="83">
        <f>Bühler!N7341</f>
        <v>45596.458333315612</v>
      </c>
      <c r="X7309" s="83">
        <v>43405.458333333336</v>
      </c>
      <c r="Y7309">
        <v>297966.4228</v>
      </c>
      <c r="Z7309">
        <v>36812.620569999999</v>
      </c>
      <c r="AA7309">
        <v>97736.652359999993</v>
      </c>
      <c r="AB7309">
        <v>56449.655100000004</v>
      </c>
      <c r="AC7309">
        <v>53295.517749999999</v>
      </c>
      <c r="AD7309">
        <v>38033.780910000001</v>
      </c>
      <c r="AE7309">
        <v>35225.129410000001</v>
      </c>
      <c r="AF7309">
        <v>64413.97062</v>
      </c>
      <c r="AG7309">
        <v>33245.006130000002</v>
      </c>
      <c r="AH7309">
        <v>353669.53840000002</v>
      </c>
      <c r="AI7309">
        <v>93385.596640000003</v>
      </c>
      <c r="AJ7309">
        <v>25831.761170000002</v>
      </c>
      <c r="AK7309">
        <v>33630.773029999997</v>
      </c>
      <c r="AL7309">
        <v>98976.219370000006</v>
      </c>
      <c r="AM7309">
        <v>24252.87328</v>
      </c>
      <c r="AN7309">
        <v>122155.78419999999</v>
      </c>
      <c r="AO7309">
        <v>35574.430139999997</v>
      </c>
      <c r="AP7309">
        <v>25312.869979999999</v>
      </c>
    </row>
    <row r="7310" spans="2:42" x14ac:dyDescent="0.3">
      <c r="B7310">
        <v>67.979387183138641</v>
      </c>
      <c r="C7310" s="83">
        <v>43405.5</v>
      </c>
      <c r="D7310">
        <v>284455.4474</v>
      </c>
      <c r="E7310">
        <v>32866.849829999999</v>
      </c>
      <c r="F7310">
        <v>95574.243220000004</v>
      </c>
      <c r="G7310">
        <v>54659.565170000002</v>
      </c>
      <c r="H7310">
        <v>50885.215949999998</v>
      </c>
      <c r="I7310">
        <v>35806.076330000004</v>
      </c>
      <c r="J7310">
        <v>34701.858820000001</v>
      </c>
      <c r="K7310">
        <v>60293.723010000002</v>
      </c>
      <c r="L7310">
        <v>35855.80169</v>
      </c>
      <c r="M7310">
        <v>346590.61749999999</v>
      </c>
      <c r="N7310">
        <v>90531.849709999995</v>
      </c>
      <c r="O7310">
        <v>24989.629570000001</v>
      </c>
      <c r="P7310">
        <v>34000.826860000001</v>
      </c>
      <c r="Q7310">
        <v>97238.353149999995</v>
      </c>
      <c r="R7310">
        <v>24971.80227</v>
      </c>
      <c r="S7310">
        <v>116468.8674</v>
      </c>
      <c r="T7310">
        <v>35323.113839999998</v>
      </c>
      <c r="U7310">
        <v>20345.919900000001</v>
      </c>
      <c r="W7310" s="83">
        <f>Bühler!N7342</f>
        <v>45596.499999982276</v>
      </c>
      <c r="X7310" s="83">
        <v>43405.5</v>
      </c>
      <c r="Y7310">
        <v>284455.4474</v>
      </c>
      <c r="Z7310">
        <v>32866.849829999999</v>
      </c>
      <c r="AA7310">
        <v>95574.243220000004</v>
      </c>
      <c r="AB7310">
        <v>54659.565170000002</v>
      </c>
      <c r="AC7310">
        <v>50885.215949999998</v>
      </c>
      <c r="AD7310">
        <v>35806.076330000004</v>
      </c>
      <c r="AE7310">
        <v>34701.858820000001</v>
      </c>
      <c r="AF7310">
        <v>60293.723010000002</v>
      </c>
      <c r="AG7310">
        <v>35855.80169</v>
      </c>
      <c r="AH7310">
        <v>346590.61749999999</v>
      </c>
      <c r="AI7310">
        <v>90531.849709999995</v>
      </c>
      <c r="AJ7310">
        <v>24989.629570000001</v>
      </c>
      <c r="AK7310">
        <v>34000.826860000001</v>
      </c>
      <c r="AL7310">
        <v>97238.353149999995</v>
      </c>
      <c r="AM7310">
        <v>24971.80227</v>
      </c>
      <c r="AN7310">
        <v>116468.8674</v>
      </c>
      <c r="AO7310">
        <v>35323.113839999998</v>
      </c>
      <c r="AP7310">
        <v>20345.919900000001</v>
      </c>
    </row>
    <row r="7311" spans="2:42" x14ac:dyDescent="0.3">
      <c r="B7311">
        <v>67.55070670289021</v>
      </c>
      <c r="C7311" s="83">
        <v>43405.541666666664</v>
      </c>
      <c r="D7311">
        <v>283966.58929999999</v>
      </c>
      <c r="E7311">
        <v>32640.705450000001</v>
      </c>
      <c r="F7311">
        <v>95524.610520000002</v>
      </c>
      <c r="G7311">
        <v>54160.439030000001</v>
      </c>
      <c r="H7311">
        <v>51196.255019999997</v>
      </c>
      <c r="I7311">
        <v>35394.029320000001</v>
      </c>
      <c r="J7311">
        <v>33671.494250000003</v>
      </c>
      <c r="K7311">
        <v>61420.223449999998</v>
      </c>
      <c r="L7311">
        <v>34942.86105</v>
      </c>
      <c r="M7311">
        <v>344405.00449999998</v>
      </c>
      <c r="N7311">
        <v>89790.860310000004</v>
      </c>
      <c r="O7311">
        <v>24294.19195</v>
      </c>
      <c r="P7311">
        <v>33421.71286</v>
      </c>
      <c r="Q7311">
        <v>96673.944959999993</v>
      </c>
      <c r="R7311">
        <v>25717.994309999998</v>
      </c>
      <c r="S7311">
        <v>114885.59329999999</v>
      </c>
      <c r="T7311">
        <v>34219.770380000002</v>
      </c>
      <c r="U7311">
        <v>23179.62</v>
      </c>
      <c r="W7311" s="83">
        <f>Bühler!N7343</f>
        <v>45596.54166664894</v>
      </c>
      <c r="X7311" s="83">
        <v>43405.541666666664</v>
      </c>
      <c r="Y7311">
        <v>283966.58929999999</v>
      </c>
      <c r="Z7311">
        <v>32640.705450000001</v>
      </c>
      <c r="AA7311">
        <v>95524.610520000002</v>
      </c>
      <c r="AB7311">
        <v>54160.439030000001</v>
      </c>
      <c r="AC7311">
        <v>51196.255019999997</v>
      </c>
      <c r="AD7311">
        <v>35394.029320000001</v>
      </c>
      <c r="AE7311">
        <v>33671.494250000003</v>
      </c>
      <c r="AF7311">
        <v>61420.223449999998</v>
      </c>
      <c r="AG7311">
        <v>34942.86105</v>
      </c>
      <c r="AH7311">
        <v>344405.00449999998</v>
      </c>
      <c r="AI7311">
        <v>89790.860310000004</v>
      </c>
      <c r="AJ7311">
        <v>24294.19195</v>
      </c>
      <c r="AK7311">
        <v>33421.71286</v>
      </c>
      <c r="AL7311">
        <v>96673.944959999993</v>
      </c>
      <c r="AM7311">
        <v>25717.994309999998</v>
      </c>
      <c r="AN7311">
        <v>114885.59329999999</v>
      </c>
      <c r="AO7311">
        <v>34219.770380000002</v>
      </c>
      <c r="AP7311">
        <v>23179.62</v>
      </c>
    </row>
    <row r="7312" spans="2:42" x14ac:dyDescent="0.3">
      <c r="B7312">
        <v>67.26182259515771</v>
      </c>
      <c r="C7312" s="83">
        <v>43405.583333333336</v>
      </c>
      <c r="D7312">
        <v>287723.34830000001</v>
      </c>
      <c r="E7312">
        <v>35640.280939999997</v>
      </c>
      <c r="F7312">
        <v>97446.110149999993</v>
      </c>
      <c r="G7312">
        <v>53066.935570000001</v>
      </c>
      <c r="H7312">
        <v>51146.131840000002</v>
      </c>
      <c r="I7312">
        <v>36282.547440000002</v>
      </c>
      <c r="J7312">
        <v>32892.253109999998</v>
      </c>
      <c r="K7312">
        <v>63440.291069999999</v>
      </c>
      <c r="L7312">
        <v>31366.648300000001</v>
      </c>
      <c r="M7312">
        <v>342932.13860000001</v>
      </c>
      <c r="N7312">
        <v>89826.385630000004</v>
      </c>
      <c r="O7312">
        <v>24575.698710000001</v>
      </c>
      <c r="P7312">
        <v>29922.175299999999</v>
      </c>
      <c r="Q7312">
        <v>96713.349539999996</v>
      </c>
      <c r="R7312">
        <v>23211.156159999999</v>
      </c>
      <c r="S7312">
        <v>109780.8826</v>
      </c>
      <c r="T7312">
        <v>32968.939830000003</v>
      </c>
      <c r="U7312">
        <v>24144.52809</v>
      </c>
      <c r="W7312" s="83">
        <f>Bühler!N7344</f>
        <v>45596.583333315604</v>
      </c>
      <c r="X7312" s="83">
        <v>43405.583333333336</v>
      </c>
      <c r="Y7312">
        <v>287723.34830000001</v>
      </c>
      <c r="Z7312">
        <v>35640.280939999997</v>
      </c>
      <c r="AA7312">
        <v>97446.110149999993</v>
      </c>
      <c r="AB7312">
        <v>53066.935570000001</v>
      </c>
      <c r="AC7312">
        <v>51146.131840000002</v>
      </c>
      <c r="AD7312">
        <v>36282.547440000002</v>
      </c>
      <c r="AE7312">
        <v>32892.253109999998</v>
      </c>
      <c r="AF7312">
        <v>63440.291069999999</v>
      </c>
      <c r="AG7312">
        <v>31366.648300000001</v>
      </c>
      <c r="AH7312">
        <v>342932.13860000001</v>
      </c>
      <c r="AI7312">
        <v>89826.385630000004</v>
      </c>
      <c r="AJ7312">
        <v>24575.698710000001</v>
      </c>
      <c r="AK7312">
        <v>29922.175299999999</v>
      </c>
      <c r="AL7312">
        <v>96713.349539999996</v>
      </c>
      <c r="AM7312">
        <v>23211.156159999999</v>
      </c>
      <c r="AN7312">
        <v>109780.8826</v>
      </c>
      <c r="AO7312">
        <v>32968.939830000003</v>
      </c>
      <c r="AP7312">
        <v>24144.52809</v>
      </c>
    </row>
    <row r="7313" spans="2:42" x14ac:dyDescent="0.3">
      <c r="B7313">
        <v>66.590682458006683</v>
      </c>
      <c r="C7313" s="83">
        <v>43405.625</v>
      </c>
      <c r="D7313">
        <v>286082.33659999998</v>
      </c>
      <c r="E7313">
        <v>35699.028019999998</v>
      </c>
      <c r="F7313">
        <v>97305.671470000001</v>
      </c>
      <c r="G7313">
        <v>51814.477440000002</v>
      </c>
      <c r="H7313">
        <v>49557.903590000002</v>
      </c>
      <c r="I7313">
        <v>36377.016940000001</v>
      </c>
      <c r="J7313">
        <v>32793.203159999997</v>
      </c>
      <c r="K7313">
        <v>62263.808960000002</v>
      </c>
      <c r="L7313">
        <v>27826.25603</v>
      </c>
      <c r="M7313">
        <v>339510.35320000001</v>
      </c>
      <c r="N7313">
        <v>89137.603860000003</v>
      </c>
      <c r="O7313">
        <v>24732.875309999999</v>
      </c>
      <c r="P7313">
        <v>27689.234649999999</v>
      </c>
      <c r="Q7313">
        <v>96108.737670000002</v>
      </c>
      <c r="R7313">
        <v>23176.755550000002</v>
      </c>
      <c r="S7313">
        <v>107023.1363</v>
      </c>
      <c r="T7313">
        <v>33708.125350000002</v>
      </c>
      <c r="U7313">
        <v>22914.01295</v>
      </c>
      <c r="W7313" s="83">
        <f>Bühler!N7345</f>
        <v>45596.624999982268</v>
      </c>
      <c r="X7313" s="83">
        <v>43405.625</v>
      </c>
      <c r="Y7313">
        <v>286082.33659999998</v>
      </c>
      <c r="Z7313">
        <v>35699.028019999998</v>
      </c>
      <c r="AA7313">
        <v>97305.671470000001</v>
      </c>
      <c r="AB7313">
        <v>51814.477440000002</v>
      </c>
      <c r="AC7313">
        <v>49557.903590000002</v>
      </c>
      <c r="AD7313">
        <v>36377.016940000001</v>
      </c>
      <c r="AE7313">
        <v>32793.203159999997</v>
      </c>
      <c r="AF7313">
        <v>62263.808960000002</v>
      </c>
      <c r="AG7313">
        <v>27826.25603</v>
      </c>
      <c r="AH7313">
        <v>339510.35320000001</v>
      </c>
      <c r="AI7313">
        <v>89137.603860000003</v>
      </c>
      <c r="AJ7313">
        <v>24732.875309999999</v>
      </c>
      <c r="AK7313">
        <v>27689.234649999999</v>
      </c>
      <c r="AL7313">
        <v>96108.737670000002</v>
      </c>
      <c r="AM7313">
        <v>23176.755550000002</v>
      </c>
      <c r="AN7313">
        <v>107023.1363</v>
      </c>
      <c r="AO7313">
        <v>33708.125350000002</v>
      </c>
      <c r="AP7313">
        <v>22914.01295</v>
      </c>
    </row>
    <row r="7314" spans="2:42" x14ac:dyDescent="0.3">
      <c r="B7314">
        <v>65.704176125150056</v>
      </c>
      <c r="C7314" s="83">
        <v>43405.666666666664</v>
      </c>
      <c r="D7314">
        <v>279415.27840000001</v>
      </c>
      <c r="E7314">
        <v>35111.166250000002</v>
      </c>
      <c r="F7314">
        <v>97022.126699999993</v>
      </c>
      <c r="G7314">
        <v>50870.625800000002</v>
      </c>
      <c r="H7314">
        <v>48502.906719999999</v>
      </c>
      <c r="I7314">
        <v>37568.92396</v>
      </c>
      <c r="J7314">
        <v>32695.680629999999</v>
      </c>
      <c r="K7314">
        <v>58784.689720000002</v>
      </c>
      <c r="L7314">
        <v>27053.096369999999</v>
      </c>
      <c r="M7314">
        <v>334990.53049999999</v>
      </c>
      <c r="N7314">
        <v>87988.811700000006</v>
      </c>
      <c r="O7314">
        <v>24400.63967</v>
      </c>
      <c r="P7314">
        <v>27313.690600000002</v>
      </c>
      <c r="Q7314">
        <v>95543.079610000001</v>
      </c>
      <c r="R7314">
        <v>23443.9584</v>
      </c>
      <c r="S7314">
        <v>105871.6012</v>
      </c>
      <c r="T7314">
        <v>33213.046340000001</v>
      </c>
      <c r="U7314">
        <v>21330.573199999999</v>
      </c>
      <c r="W7314" s="83">
        <f>Bühler!N7346</f>
        <v>45596.666666648933</v>
      </c>
      <c r="X7314" s="83">
        <v>43405.666666666664</v>
      </c>
      <c r="Y7314">
        <v>279415.27840000001</v>
      </c>
      <c r="Z7314">
        <v>35111.166250000002</v>
      </c>
      <c r="AA7314">
        <v>97022.126699999993</v>
      </c>
      <c r="AB7314">
        <v>50870.625800000002</v>
      </c>
      <c r="AC7314">
        <v>48502.906719999999</v>
      </c>
      <c r="AD7314">
        <v>37568.92396</v>
      </c>
      <c r="AE7314">
        <v>32695.680629999999</v>
      </c>
      <c r="AF7314">
        <v>58784.689720000002</v>
      </c>
      <c r="AG7314">
        <v>27053.096369999999</v>
      </c>
      <c r="AH7314">
        <v>334990.53049999999</v>
      </c>
      <c r="AI7314">
        <v>87988.811700000006</v>
      </c>
      <c r="AJ7314">
        <v>24400.63967</v>
      </c>
      <c r="AK7314">
        <v>27313.690600000002</v>
      </c>
      <c r="AL7314">
        <v>95543.079610000001</v>
      </c>
      <c r="AM7314">
        <v>23443.9584</v>
      </c>
      <c r="AN7314">
        <v>105871.6012</v>
      </c>
      <c r="AO7314">
        <v>33213.046340000001</v>
      </c>
      <c r="AP7314">
        <v>21330.573199999999</v>
      </c>
    </row>
    <row r="7315" spans="2:42" x14ac:dyDescent="0.3">
      <c r="B7315">
        <v>65.810497176156943</v>
      </c>
      <c r="C7315" s="83">
        <v>43405.708333333336</v>
      </c>
      <c r="D7315">
        <v>270760.19089999999</v>
      </c>
      <c r="E7315">
        <v>34044.138330000002</v>
      </c>
      <c r="F7315">
        <v>98413.263609999995</v>
      </c>
      <c r="G7315">
        <v>49153.158150000003</v>
      </c>
      <c r="H7315">
        <v>47498.645040000003</v>
      </c>
      <c r="I7315">
        <v>37241.440309999998</v>
      </c>
      <c r="J7315">
        <v>34101.774519999999</v>
      </c>
      <c r="K7315">
        <v>54197.902589999998</v>
      </c>
      <c r="L7315">
        <v>28268.794109999999</v>
      </c>
      <c r="M7315">
        <v>335532.60479999997</v>
      </c>
      <c r="N7315">
        <v>86572.983420000004</v>
      </c>
      <c r="O7315">
        <v>23342.356049999999</v>
      </c>
      <c r="P7315">
        <v>30418.5193</v>
      </c>
      <c r="Q7315">
        <v>94387.314689999999</v>
      </c>
      <c r="R7315">
        <v>22479.022250000002</v>
      </c>
      <c r="S7315">
        <v>105670.7458</v>
      </c>
      <c r="T7315">
        <v>34197.673510000001</v>
      </c>
      <c r="U7315">
        <v>18987.242829999999</v>
      </c>
      <c r="W7315" s="83">
        <f>Bühler!N7347</f>
        <v>45596.708333315597</v>
      </c>
      <c r="X7315" s="83">
        <v>43405.708333333336</v>
      </c>
      <c r="Y7315">
        <v>270760.19089999999</v>
      </c>
      <c r="Z7315">
        <v>34044.138330000002</v>
      </c>
      <c r="AA7315">
        <v>98413.263609999995</v>
      </c>
      <c r="AB7315">
        <v>49153.158150000003</v>
      </c>
      <c r="AC7315">
        <v>47498.645040000003</v>
      </c>
      <c r="AD7315">
        <v>37241.440309999998</v>
      </c>
      <c r="AE7315">
        <v>34101.774519999999</v>
      </c>
      <c r="AF7315">
        <v>54197.902589999998</v>
      </c>
      <c r="AG7315">
        <v>28268.794109999999</v>
      </c>
      <c r="AH7315">
        <v>335532.60479999997</v>
      </c>
      <c r="AI7315">
        <v>86572.983420000004</v>
      </c>
      <c r="AJ7315">
        <v>23342.356049999999</v>
      </c>
      <c r="AK7315">
        <v>30418.5193</v>
      </c>
      <c r="AL7315">
        <v>94387.314689999999</v>
      </c>
      <c r="AM7315">
        <v>22479.022250000002</v>
      </c>
      <c r="AN7315">
        <v>105670.7458</v>
      </c>
      <c r="AO7315">
        <v>34197.673510000001</v>
      </c>
      <c r="AP7315">
        <v>18987.242829999999</v>
      </c>
    </row>
    <row r="7316" spans="2:42" x14ac:dyDescent="0.3">
      <c r="B7316">
        <v>65.570566770039804</v>
      </c>
      <c r="C7316" s="83">
        <v>43405.75</v>
      </c>
      <c r="D7316">
        <v>266459.75449999998</v>
      </c>
      <c r="E7316">
        <v>31355.155159999998</v>
      </c>
      <c r="F7316">
        <v>97062.173009999999</v>
      </c>
      <c r="G7316">
        <v>47644.284169999999</v>
      </c>
      <c r="H7316">
        <v>47084.066870000002</v>
      </c>
      <c r="I7316">
        <v>36687.127659999998</v>
      </c>
      <c r="J7316">
        <v>35824.986499999999</v>
      </c>
      <c r="K7316">
        <v>52361.810510000003</v>
      </c>
      <c r="L7316">
        <v>30297.14487</v>
      </c>
      <c r="M7316">
        <v>334309.32770000002</v>
      </c>
      <c r="N7316">
        <v>85871.437850000002</v>
      </c>
      <c r="O7316">
        <v>23235.066589999999</v>
      </c>
      <c r="P7316">
        <v>35039.742169999998</v>
      </c>
      <c r="Q7316">
        <v>92162.534650000001</v>
      </c>
      <c r="R7316">
        <v>22290.39256</v>
      </c>
      <c r="S7316">
        <v>102319.07550000001</v>
      </c>
      <c r="T7316">
        <v>35780.712370000001</v>
      </c>
      <c r="U7316">
        <v>18237.583170000002</v>
      </c>
      <c r="W7316" s="83">
        <f>Bühler!N7348</f>
        <v>45596.749999982261</v>
      </c>
      <c r="X7316" s="83">
        <v>43405.75</v>
      </c>
      <c r="Y7316">
        <v>266459.75449999998</v>
      </c>
      <c r="Z7316">
        <v>31355.155159999998</v>
      </c>
      <c r="AA7316">
        <v>97062.173009999999</v>
      </c>
      <c r="AB7316">
        <v>47644.284169999999</v>
      </c>
      <c r="AC7316">
        <v>47084.066870000002</v>
      </c>
      <c r="AD7316">
        <v>36687.127659999998</v>
      </c>
      <c r="AE7316">
        <v>35824.986499999999</v>
      </c>
      <c r="AF7316">
        <v>52361.810510000003</v>
      </c>
      <c r="AG7316">
        <v>30297.14487</v>
      </c>
      <c r="AH7316">
        <v>334309.32770000002</v>
      </c>
      <c r="AI7316">
        <v>85871.437850000002</v>
      </c>
      <c r="AJ7316">
        <v>23235.066589999999</v>
      </c>
      <c r="AK7316">
        <v>35039.742169999998</v>
      </c>
      <c r="AL7316">
        <v>92162.534650000001</v>
      </c>
      <c r="AM7316">
        <v>22290.39256</v>
      </c>
      <c r="AN7316">
        <v>102319.07550000001</v>
      </c>
      <c r="AO7316">
        <v>35780.712370000001</v>
      </c>
      <c r="AP7316">
        <v>18237.583170000002</v>
      </c>
    </row>
    <row r="7317" spans="2:42" x14ac:dyDescent="0.3">
      <c r="B7317">
        <v>64.195430811544725</v>
      </c>
      <c r="C7317" s="83">
        <v>43405.791666666664</v>
      </c>
      <c r="D7317">
        <v>259946.15280000001</v>
      </c>
      <c r="E7317">
        <v>25668.856530000001</v>
      </c>
      <c r="F7317">
        <v>83266.063970000003</v>
      </c>
      <c r="G7317">
        <v>43735.431120000001</v>
      </c>
      <c r="H7317">
        <v>44602.037049999999</v>
      </c>
      <c r="I7317">
        <v>34763.450779999999</v>
      </c>
      <c r="J7317">
        <v>34889.979789999998</v>
      </c>
      <c r="K7317">
        <v>51747.68909</v>
      </c>
      <c r="L7317">
        <v>31473.152580000002</v>
      </c>
      <c r="M7317">
        <v>327298.24329999997</v>
      </c>
      <c r="N7317">
        <v>82850.081940000004</v>
      </c>
      <c r="O7317">
        <v>22522.452789999999</v>
      </c>
      <c r="P7317">
        <v>36022.396630000003</v>
      </c>
      <c r="Q7317">
        <v>89947.171660000007</v>
      </c>
      <c r="R7317">
        <v>22315.3838</v>
      </c>
      <c r="S7317">
        <v>96880.002399999998</v>
      </c>
      <c r="T7317">
        <v>34644.056989999997</v>
      </c>
      <c r="U7317">
        <v>17195.577840000002</v>
      </c>
      <c r="W7317" s="83">
        <f>Bühler!N7349</f>
        <v>45596.791666648925</v>
      </c>
      <c r="X7317" s="83">
        <v>43405.791666666664</v>
      </c>
      <c r="Y7317">
        <v>259946.15280000001</v>
      </c>
      <c r="Z7317">
        <v>25668.856530000001</v>
      </c>
      <c r="AA7317">
        <v>83266.063970000003</v>
      </c>
      <c r="AB7317">
        <v>43735.431120000001</v>
      </c>
      <c r="AC7317">
        <v>44602.037049999999</v>
      </c>
      <c r="AD7317">
        <v>34763.450779999999</v>
      </c>
      <c r="AE7317">
        <v>34889.979789999998</v>
      </c>
      <c r="AF7317">
        <v>51747.68909</v>
      </c>
      <c r="AG7317">
        <v>31473.152580000002</v>
      </c>
      <c r="AH7317">
        <v>327298.24329999997</v>
      </c>
      <c r="AI7317">
        <v>82850.081940000004</v>
      </c>
      <c r="AJ7317">
        <v>22522.452789999999</v>
      </c>
      <c r="AK7317">
        <v>36022.396630000003</v>
      </c>
      <c r="AL7317">
        <v>89947.171660000007</v>
      </c>
      <c r="AM7317">
        <v>22315.3838</v>
      </c>
      <c r="AN7317">
        <v>96880.002399999998</v>
      </c>
      <c r="AO7317">
        <v>34644.056989999997</v>
      </c>
      <c r="AP7317">
        <v>17195.577840000002</v>
      </c>
    </row>
    <row r="7318" spans="2:42" x14ac:dyDescent="0.3">
      <c r="B7318">
        <v>62.922098957497447</v>
      </c>
      <c r="C7318" s="83">
        <v>43405.833333333336</v>
      </c>
      <c r="D7318">
        <v>249958.00380000001</v>
      </c>
      <c r="E7318">
        <v>19315.584159999999</v>
      </c>
      <c r="F7318">
        <v>64602.472699999998</v>
      </c>
      <c r="G7318">
        <v>40890.273379999999</v>
      </c>
      <c r="H7318">
        <v>41940.625650000002</v>
      </c>
      <c r="I7318">
        <v>31040.97653</v>
      </c>
      <c r="J7318">
        <v>33502.129520000002</v>
      </c>
      <c r="K7318">
        <v>51225.573380000002</v>
      </c>
      <c r="L7318">
        <v>31900.547439999998</v>
      </c>
      <c r="M7318">
        <v>320806.20370000001</v>
      </c>
      <c r="N7318">
        <v>79909.439159999994</v>
      </c>
      <c r="O7318">
        <v>21376.900290000001</v>
      </c>
      <c r="P7318">
        <v>35584.011010000002</v>
      </c>
      <c r="Q7318">
        <v>87835.158410000004</v>
      </c>
      <c r="R7318">
        <v>19996.488580000001</v>
      </c>
      <c r="S7318">
        <v>86953.969880000004</v>
      </c>
      <c r="T7318">
        <v>31663.079399999999</v>
      </c>
      <c r="U7318">
        <v>15248.341899999999</v>
      </c>
      <c r="W7318" s="83">
        <f>Bühler!N7350</f>
        <v>45596.83333331559</v>
      </c>
      <c r="X7318" s="83">
        <v>43405.833333333336</v>
      </c>
      <c r="Y7318">
        <v>249958.00380000001</v>
      </c>
      <c r="Z7318">
        <v>19315.584159999999</v>
      </c>
      <c r="AA7318">
        <v>64602.472699999998</v>
      </c>
      <c r="AB7318">
        <v>40890.273379999999</v>
      </c>
      <c r="AC7318">
        <v>41940.625650000002</v>
      </c>
      <c r="AD7318">
        <v>31040.97653</v>
      </c>
      <c r="AE7318">
        <v>33502.129520000002</v>
      </c>
      <c r="AF7318">
        <v>51225.573380000002</v>
      </c>
      <c r="AG7318">
        <v>31900.547439999998</v>
      </c>
      <c r="AH7318">
        <v>320806.20370000001</v>
      </c>
      <c r="AI7318">
        <v>79909.439159999994</v>
      </c>
      <c r="AJ7318">
        <v>21376.900290000001</v>
      </c>
      <c r="AK7318">
        <v>35584.011010000002</v>
      </c>
      <c r="AL7318">
        <v>87835.158410000004</v>
      </c>
      <c r="AM7318">
        <v>19996.488580000001</v>
      </c>
      <c r="AN7318">
        <v>86953.969880000004</v>
      </c>
      <c r="AO7318">
        <v>31663.079399999999</v>
      </c>
      <c r="AP7318">
        <v>15248.341899999999</v>
      </c>
    </row>
    <row r="7319" spans="2:42" x14ac:dyDescent="0.3">
      <c r="B7319">
        <v>60.797614539337019</v>
      </c>
      <c r="C7319" s="83">
        <v>43405.875</v>
      </c>
      <c r="D7319">
        <v>239865.7825</v>
      </c>
      <c r="E7319">
        <v>16514.47597</v>
      </c>
      <c r="F7319">
        <v>56214.231930000002</v>
      </c>
      <c r="G7319">
        <v>39147.989020000001</v>
      </c>
      <c r="H7319">
        <v>39748.446620000002</v>
      </c>
      <c r="I7319">
        <v>27276.054260000001</v>
      </c>
      <c r="J7319">
        <v>32155.676210000001</v>
      </c>
      <c r="K7319">
        <v>49033.976060000001</v>
      </c>
      <c r="L7319">
        <v>30050.481110000001</v>
      </c>
      <c r="M7319">
        <v>309974.59139999998</v>
      </c>
      <c r="N7319">
        <v>77874.076969999995</v>
      </c>
      <c r="O7319">
        <v>20426.579730000001</v>
      </c>
      <c r="P7319">
        <v>33908.737229999999</v>
      </c>
      <c r="Q7319">
        <v>85941.772700000001</v>
      </c>
      <c r="R7319">
        <v>18957.837350000002</v>
      </c>
      <c r="S7319">
        <v>81588.327369999999</v>
      </c>
      <c r="T7319">
        <v>29124.01181</v>
      </c>
      <c r="U7319">
        <v>13890.956270000001</v>
      </c>
      <c r="W7319" s="83">
        <f>Bühler!N7351</f>
        <v>45596.874999982254</v>
      </c>
      <c r="X7319" s="83">
        <v>43405.875</v>
      </c>
      <c r="Y7319">
        <v>239865.7825</v>
      </c>
      <c r="Z7319">
        <v>16514.47597</v>
      </c>
      <c r="AA7319">
        <v>56214.231930000002</v>
      </c>
      <c r="AB7319">
        <v>39147.989020000001</v>
      </c>
      <c r="AC7319">
        <v>39748.446620000002</v>
      </c>
      <c r="AD7319">
        <v>27276.054260000001</v>
      </c>
      <c r="AE7319">
        <v>32155.676210000001</v>
      </c>
      <c r="AF7319">
        <v>49033.976060000001</v>
      </c>
      <c r="AG7319">
        <v>30050.481110000001</v>
      </c>
      <c r="AH7319">
        <v>309974.59139999998</v>
      </c>
      <c r="AI7319">
        <v>77874.076969999995</v>
      </c>
      <c r="AJ7319">
        <v>20426.579730000001</v>
      </c>
      <c r="AK7319">
        <v>33908.737229999999</v>
      </c>
      <c r="AL7319">
        <v>85941.772700000001</v>
      </c>
      <c r="AM7319">
        <v>18957.837350000002</v>
      </c>
      <c r="AN7319">
        <v>81588.327369999999</v>
      </c>
      <c r="AO7319">
        <v>29124.01181</v>
      </c>
      <c r="AP7319">
        <v>13890.956270000001</v>
      </c>
    </row>
    <row r="7320" spans="2:42" x14ac:dyDescent="0.3">
      <c r="B7320">
        <v>60.335386519783981</v>
      </c>
      <c r="C7320" s="83">
        <v>43405.916666666664</v>
      </c>
      <c r="D7320">
        <v>239145.76120000001</v>
      </c>
      <c r="E7320">
        <v>15193.864809999999</v>
      </c>
      <c r="F7320">
        <v>53963.137320000002</v>
      </c>
      <c r="G7320">
        <v>38272.497790000001</v>
      </c>
      <c r="H7320">
        <v>38258.127370000002</v>
      </c>
      <c r="I7320">
        <v>25317.972989999998</v>
      </c>
      <c r="J7320">
        <v>31044.607970000001</v>
      </c>
      <c r="K7320">
        <v>52586.906629999998</v>
      </c>
      <c r="L7320">
        <v>25603.674640000001</v>
      </c>
      <c r="M7320">
        <v>307617.9374</v>
      </c>
      <c r="N7320">
        <v>76366.531050000005</v>
      </c>
      <c r="O7320">
        <v>20782.777109999999</v>
      </c>
      <c r="P7320">
        <v>33971.684000000001</v>
      </c>
      <c r="Q7320">
        <v>85134.205870000005</v>
      </c>
      <c r="R7320">
        <v>22109.3848</v>
      </c>
      <c r="S7320">
        <v>80227.808109999998</v>
      </c>
      <c r="T7320">
        <v>25715.210520000001</v>
      </c>
      <c r="U7320">
        <v>14154.892330000001</v>
      </c>
      <c r="W7320" s="83">
        <f>Bühler!N7352</f>
        <v>45596.916666648918</v>
      </c>
      <c r="X7320" s="83">
        <v>43405.916666666664</v>
      </c>
      <c r="Y7320">
        <v>239145.76120000001</v>
      </c>
      <c r="Z7320">
        <v>15193.864809999999</v>
      </c>
      <c r="AA7320">
        <v>53963.137320000002</v>
      </c>
      <c r="AB7320">
        <v>38272.497790000001</v>
      </c>
      <c r="AC7320">
        <v>38258.127370000002</v>
      </c>
      <c r="AD7320">
        <v>25317.972989999998</v>
      </c>
      <c r="AE7320">
        <v>31044.607970000001</v>
      </c>
      <c r="AF7320">
        <v>52586.906629999998</v>
      </c>
      <c r="AG7320">
        <v>25603.674640000001</v>
      </c>
      <c r="AH7320">
        <v>307617.9374</v>
      </c>
      <c r="AI7320">
        <v>76366.531050000005</v>
      </c>
      <c r="AJ7320">
        <v>20782.777109999999</v>
      </c>
      <c r="AK7320">
        <v>33971.684000000001</v>
      </c>
      <c r="AL7320">
        <v>85134.205870000005</v>
      </c>
      <c r="AM7320">
        <v>22109.3848</v>
      </c>
      <c r="AN7320">
        <v>80227.808109999998</v>
      </c>
      <c r="AO7320">
        <v>25715.210520000001</v>
      </c>
      <c r="AP7320">
        <v>14154.892330000001</v>
      </c>
    </row>
    <row r="7321" spans="2:42" x14ac:dyDescent="0.3">
      <c r="B7321">
        <v>59.086661947924206</v>
      </c>
      <c r="C7321" s="83">
        <v>43405.958333333336</v>
      </c>
      <c r="D7321">
        <v>239593.89720000001</v>
      </c>
      <c r="E7321">
        <v>14528.725179999999</v>
      </c>
      <c r="F7321">
        <v>52605.68737</v>
      </c>
      <c r="G7321">
        <v>38123.903879999998</v>
      </c>
      <c r="H7321">
        <v>37097.901660000003</v>
      </c>
      <c r="I7321">
        <v>24264.112669999999</v>
      </c>
      <c r="J7321">
        <v>28922.001520000002</v>
      </c>
      <c r="K7321">
        <v>52149.418960000003</v>
      </c>
      <c r="L7321">
        <v>21542.22767</v>
      </c>
      <c r="M7321">
        <v>301251.35720000003</v>
      </c>
      <c r="N7321">
        <v>76710.959449999995</v>
      </c>
      <c r="O7321">
        <v>20218.034090000001</v>
      </c>
      <c r="P7321">
        <v>28993.661800000002</v>
      </c>
      <c r="Q7321">
        <v>84659.413289999997</v>
      </c>
      <c r="R7321">
        <v>21145.23979</v>
      </c>
      <c r="S7321">
        <v>79269.722840000002</v>
      </c>
      <c r="T7321">
        <v>27121.781459999998</v>
      </c>
      <c r="U7321">
        <v>13743.916160000001</v>
      </c>
      <c r="W7321" s="83">
        <f>Bühler!N7353</f>
        <v>45596.958333315582</v>
      </c>
      <c r="X7321" s="83">
        <v>43405.958333333336</v>
      </c>
      <c r="Y7321">
        <v>239593.89720000001</v>
      </c>
      <c r="Z7321">
        <v>14528.725179999999</v>
      </c>
      <c r="AA7321">
        <v>52605.68737</v>
      </c>
      <c r="AB7321">
        <v>38123.903879999998</v>
      </c>
      <c r="AC7321">
        <v>37097.901660000003</v>
      </c>
      <c r="AD7321">
        <v>24264.112669999999</v>
      </c>
      <c r="AE7321">
        <v>28922.001520000002</v>
      </c>
      <c r="AF7321">
        <v>52149.418960000003</v>
      </c>
      <c r="AG7321">
        <v>21542.22767</v>
      </c>
      <c r="AH7321">
        <v>301251.35720000003</v>
      </c>
      <c r="AI7321">
        <v>76710.959449999995</v>
      </c>
      <c r="AJ7321">
        <v>20218.034090000001</v>
      </c>
      <c r="AK7321">
        <v>28993.661800000002</v>
      </c>
      <c r="AL7321">
        <v>84659.413289999997</v>
      </c>
      <c r="AM7321">
        <v>21145.23979</v>
      </c>
      <c r="AN7321">
        <v>79269.722840000002</v>
      </c>
      <c r="AO7321">
        <v>27121.781459999998</v>
      </c>
      <c r="AP7321">
        <v>13743.916160000001</v>
      </c>
    </row>
    <row r="7322" spans="2:42" x14ac:dyDescent="0.3">
      <c r="B7322">
        <v>57.868711983461324</v>
      </c>
      <c r="C7322" s="83">
        <v>43406</v>
      </c>
      <c r="D7322">
        <v>238267.52050000001</v>
      </c>
      <c r="E7322">
        <v>14119.118619999999</v>
      </c>
      <c r="F7322">
        <v>51801.585019999999</v>
      </c>
      <c r="G7322">
        <v>37768.085760000002</v>
      </c>
      <c r="H7322">
        <v>36860.394180000003</v>
      </c>
      <c r="I7322">
        <v>22221.798900000002</v>
      </c>
      <c r="J7322">
        <v>27502.092509999999</v>
      </c>
      <c r="K7322">
        <v>49526.068899999998</v>
      </c>
      <c r="L7322">
        <v>19223.579470000001</v>
      </c>
      <c r="M7322">
        <v>295041.68030000001</v>
      </c>
      <c r="N7322">
        <v>75074.266229999994</v>
      </c>
      <c r="O7322">
        <v>20074.844499999999</v>
      </c>
      <c r="P7322">
        <v>27179.30702</v>
      </c>
      <c r="Q7322">
        <v>83826.751610000007</v>
      </c>
      <c r="R7322">
        <v>19906.261129999999</v>
      </c>
      <c r="S7322">
        <v>77787.049280000007</v>
      </c>
      <c r="T7322">
        <v>24940.465339999999</v>
      </c>
      <c r="U7322">
        <v>13753.66309</v>
      </c>
      <c r="W7322" s="83">
        <f>Bühler!N7354</f>
        <v>45596.999999982247</v>
      </c>
      <c r="X7322" s="83">
        <v>43406</v>
      </c>
      <c r="Y7322">
        <v>238267.52050000001</v>
      </c>
      <c r="Z7322">
        <v>14119.118619999999</v>
      </c>
      <c r="AA7322">
        <v>51801.585019999999</v>
      </c>
      <c r="AB7322">
        <v>37768.085760000002</v>
      </c>
      <c r="AC7322">
        <v>36860.394180000003</v>
      </c>
      <c r="AD7322">
        <v>22221.798900000002</v>
      </c>
      <c r="AE7322">
        <v>27502.092509999999</v>
      </c>
      <c r="AF7322">
        <v>49526.068899999998</v>
      </c>
      <c r="AG7322">
        <v>19223.579470000001</v>
      </c>
      <c r="AH7322">
        <v>295041.68030000001</v>
      </c>
      <c r="AI7322">
        <v>75074.266229999994</v>
      </c>
      <c r="AJ7322">
        <v>20074.844499999999</v>
      </c>
      <c r="AK7322">
        <v>27179.30702</v>
      </c>
      <c r="AL7322">
        <v>83826.751610000007</v>
      </c>
      <c r="AM7322">
        <v>19906.261129999999</v>
      </c>
      <c r="AN7322">
        <v>77787.049280000007</v>
      </c>
      <c r="AO7322">
        <v>24940.465339999999</v>
      </c>
      <c r="AP7322">
        <v>13753.66309</v>
      </c>
    </row>
    <row r="7323" spans="2:42" x14ac:dyDescent="0.3">
      <c r="B7323">
        <v>57.458560330052954</v>
      </c>
      <c r="C7323" s="83">
        <v>43406.041666666664</v>
      </c>
      <c r="D7323">
        <v>237927.5485</v>
      </c>
      <c r="E7323">
        <v>14085.57753</v>
      </c>
      <c r="F7323">
        <v>52406.890870000003</v>
      </c>
      <c r="G7323">
        <v>37062.153700000003</v>
      </c>
      <c r="H7323">
        <v>36233.142780000002</v>
      </c>
      <c r="I7323">
        <v>19307.357370000002</v>
      </c>
      <c r="J7323">
        <v>27235.23302</v>
      </c>
      <c r="K7323">
        <v>48285.014790000001</v>
      </c>
      <c r="L7323">
        <v>18220.722539999999</v>
      </c>
      <c r="M7323">
        <v>292950.53590000002</v>
      </c>
      <c r="N7323">
        <v>74841.010309999998</v>
      </c>
      <c r="O7323">
        <v>19741.61492</v>
      </c>
      <c r="P7323">
        <v>26457.067009999999</v>
      </c>
      <c r="Q7323">
        <v>84150.401020000005</v>
      </c>
      <c r="R7323">
        <v>19205.734400000001</v>
      </c>
      <c r="S7323">
        <v>77194.452149999997</v>
      </c>
      <c r="T7323">
        <v>24185.516589999999</v>
      </c>
      <c r="U7323">
        <v>13320.03997</v>
      </c>
      <c r="W7323" s="83">
        <f>Bühler!N7355</f>
        <v>45597.041666648911</v>
      </c>
      <c r="X7323" s="83">
        <v>43406.041666666664</v>
      </c>
      <c r="Y7323">
        <v>237927.5485</v>
      </c>
      <c r="Z7323">
        <v>14085.57753</v>
      </c>
      <c r="AA7323">
        <v>52406.890870000003</v>
      </c>
      <c r="AB7323">
        <v>37062.153700000003</v>
      </c>
      <c r="AC7323">
        <v>36233.142780000002</v>
      </c>
      <c r="AD7323">
        <v>19307.357370000002</v>
      </c>
      <c r="AE7323">
        <v>27235.23302</v>
      </c>
      <c r="AF7323">
        <v>48285.014790000001</v>
      </c>
      <c r="AG7323">
        <v>18220.722539999999</v>
      </c>
      <c r="AH7323">
        <v>292950.53590000002</v>
      </c>
      <c r="AI7323">
        <v>74841.010309999998</v>
      </c>
      <c r="AJ7323">
        <v>19741.61492</v>
      </c>
      <c r="AK7323">
        <v>26457.067009999999</v>
      </c>
      <c r="AL7323">
        <v>84150.401020000005</v>
      </c>
      <c r="AM7323">
        <v>19205.734400000001</v>
      </c>
      <c r="AN7323">
        <v>77194.452149999997</v>
      </c>
      <c r="AO7323">
        <v>24185.516589999999</v>
      </c>
      <c r="AP7323">
        <v>13320.03997</v>
      </c>
    </row>
    <row r="7324" spans="2:42" x14ac:dyDescent="0.3">
      <c r="B7324">
        <v>57.729069892634669</v>
      </c>
      <c r="C7324" s="83">
        <v>43406.083333333336</v>
      </c>
      <c r="D7324">
        <v>238134.22279999999</v>
      </c>
      <c r="E7324">
        <v>13927.19189</v>
      </c>
      <c r="F7324">
        <v>53133.33784</v>
      </c>
      <c r="G7324">
        <v>36963.190569999999</v>
      </c>
      <c r="H7324">
        <v>36139.468760000003</v>
      </c>
      <c r="I7324">
        <v>17816.89732</v>
      </c>
      <c r="J7324">
        <v>26842.343280000001</v>
      </c>
      <c r="K7324">
        <v>47702.414230000002</v>
      </c>
      <c r="L7324">
        <v>17536.1731</v>
      </c>
      <c r="M7324">
        <v>294329.71980000002</v>
      </c>
      <c r="N7324">
        <v>74523.369489999997</v>
      </c>
      <c r="O7324">
        <v>19869.86838</v>
      </c>
      <c r="P7324">
        <v>25976.24323</v>
      </c>
      <c r="Q7324">
        <v>86038.361900000004</v>
      </c>
      <c r="R7324">
        <v>19466.418399999999</v>
      </c>
      <c r="S7324">
        <v>75227.604219999994</v>
      </c>
      <c r="T7324">
        <v>24253.729060000001</v>
      </c>
      <c r="U7324">
        <v>13673.957420000001</v>
      </c>
      <c r="W7324" s="83">
        <f>Bühler!N7356</f>
        <v>45597.083333315575</v>
      </c>
      <c r="X7324" s="83">
        <v>43406.083333333336</v>
      </c>
      <c r="Y7324">
        <v>238134.22279999999</v>
      </c>
      <c r="Z7324">
        <v>13927.19189</v>
      </c>
      <c r="AA7324">
        <v>53133.33784</v>
      </c>
      <c r="AB7324">
        <v>36963.190569999999</v>
      </c>
      <c r="AC7324">
        <v>36139.468760000003</v>
      </c>
      <c r="AD7324">
        <v>17816.89732</v>
      </c>
      <c r="AE7324">
        <v>26842.343280000001</v>
      </c>
      <c r="AF7324">
        <v>47702.414230000002</v>
      </c>
      <c r="AG7324">
        <v>17536.1731</v>
      </c>
      <c r="AH7324">
        <v>294329.71980000002</v>
      </c>
      <c r="AI7324">
        <v>74523.369489999997</v>
      </c>
      <c r="AJ7324">
        <v>19869.86838</v>
      </c>
      <c r="AK7324">
        <v>25976.24323</v>
      </c>
      <c r="AL7324">
        <v>86038.361900000004</v>
      </c>
      <c r="AM7324">
        <v>19466.418399999999</v>
      </c>
      <c r="AN7324">
        <v>75227.604219999994</v>
      </c>
      <c r="AO7324">
        <v>24253.729060000001</v>
      </c>
      <c r="AP7324">
        <v>13673.957420000001</v>
      </c>
    </row>
    <row r="7325" spans="2:42" x14ac:dyDescent="0.3">
      <c r="B7325">
        <v>58.317636963344988</v>
      </c>
      <c r="C7325" s="83">
        <v>43406.125</v>
      </c>
      <c r="D7325">
        <v>239803.677</v>
      </c>
      <c r="E7325">
        <v>14114.89847</v>
      </c>
      <c r="F7325">
        <v>54022.481549999997</v>
      </c>
      <c r="G7325">
        <v>36343.869039999998</v>
      </c>
      <c r="H7325">
        <v>36562.797610000001</v>
      </c>
      <c r="I7325">
        <v>17489.682150000001</v>
      </c>
      <c r="J7325">
        <v>27043.31423</v>
      </c>
      <c r="K7325">
        <v>45839.902110000003</v>
      </c>
      <c r="L7325">
        <v>17159.411329999999</v>
      </c>
      <c r="M7325">
        <v>297330.50919999997</v>
      </c>
      <c r="N7325">
        <v>75082.257639999996</v>
      </c>
      <c r="O7325">
        <v>19790.06047</v>
      </c>
      <c r="P7325">
        <v>25087.772140000001</v>
      </c>
      <c r="Q7325">
        <v>88452.540970000002</v>
      </c>
      <c r="R7325">
        <v>18575.48273</v>
      </c>
      <c r="S7325">
        <v>75132.829800000007</v>
      </c>
      <c r="T7325">
        <v>23990.808369999999</v>
      </c>
      <c r="U7325">
        <v>13816.60975</v>
      </c>
      <c r="W7325" s="83">
        <f>Bühler!N7357</f>
        <v>45597.124999982239</v>
      </c>
      <c r="X7325" s="83">
        <v>43406.125</v>
      </c>
      <c r="Y7325">
        <v>239803.677</v>
      </c>
      <c r="Z7325">
        <v>14114.89847</v>
      </c>
      <c r="AA7325">
        <v>54022.481549999997</v>
      </c>
      <c r="AB7325">
        <v>36343.869039999998</v>
      </c>
      <c r="AC7325">
        <v>36562.797610000001</v>
      </c>
      <c r="AD7325">
        <v>17489.682150000001</v>
      </c>
      <c r="AE7325">
        <v>27043.31423</v>
      </c>
      <c r="AF7325">
        <v>45839.902110000003</v>
      </c>
      <c r="AG7325">
        <v>17159.411329999999</v>
      </c>
      <c r="AH7325">
        <v>297330.50919999997</v>
      </c>
      <c r="AI7325">
        <v>75082.257639999996</v>
      </c>
      <c r="AJ7325">
        <v>19790.06047</v>
      </c>
      <c r="AK7325">
        <v>25087.772140000001</v>
      </c>
      <c r="AL7325">
        <v>88452.540970000002</v>
      </c>
      <c r="AM7325">
        <v>18575.48273</v>
      </c>
      <c r="AN7325">
        <v>75132.829800000007</v>
      </c>
      <c r="AO7325">
        <v>23990.808369999999</v>
      </c>
      <c r="AP7325">
        <v>13816.60975</v>
      </c>
    </row>
    <row r="7326" spans="2:42" x14ac:dyDescent="0.3">
      <c r="B7326">
        <v>59.243430796905834</v>
      </c>
      <c r="C7326" s="83">
        <v>43406.166666666664</v>
      </c>
      <c r="D7326">
        <v>241643.48620000001</v>
      </c>
      <c r="E7326">
        <v>14631.73618</v>
      </c>
      <c r="F7326">
        <v>57804.176370000001</v>
      </c>
      <c r="G7326">
        <v>36719.848230000003</v>
      </c>
      <c r="H7326">
        <v>36799.463369999998</v>
      </c>
      <c r="I7326">
        <v>19157.67715</v>
      </c>
      <c r="J7326">
        <v>28448.145219999999</v>
      </c>
      <c r="K7326">
        <v>44001.247689999997</v>
      </c>
      <c r="L7326">
        <v>17259.124169999999</v>
      </c>
      <c r="M7326">
        <v>302050.63789999997</v>
      </c>
      <c r="N7326">
        <v>73524.284190000006</v>
      </c>
      <c r="O7326">
        <v>20278.440709999999</v>
      </c>
      <c r="P7326">
        <v>24342.025150000001</v>
      </c>
      <c r="Q7326">
        <v>92358.253100000002</v>
      </c>
      <c r="R7326">
        <v>18757.325769999999</v>
      </c>
      <c r="S7326">
        <v>75687.192880000002</v>
      </c>
      <c r="T7326">
        <v>24056.227569999999</v>
      </c>
      <c r="U7326">
        <v>14411.7426</v>
      </c>
      <c r="W7326" s="83">
        <f>Bühler!N7358</f>
        <v>45597.166666648904</v>
      </c>
      <c r="X7326" s="83">
        <v>43406.166666666664</v>
      </c>
      <c r="Y7326">
        <v>241643.48620000001</v>
      </c>
      <c r="Z7326">
        <v>14631.73618</v>
      </c>
      <c r="AA7326">
        <v>57804.176370000001</v>
      </c>
      <c r="AB7326">
        <v>36719.848230000003</v>
      </c>
      <c r="AC7326">
        <v>36799.463369999998</v>
      </c>
      <c r="AD7326">
        <v>19157.67715</v>
      </c>
      <c r="AE7326">
        <v>28448.145219999999</v>
      </c>
      <c r="AF7326">
        <v>44001.247689999997</v>
      </c>
      <c r="AG7326">
        <v>17259.124169999999</v>
      </c>
      <c r="AH7326">
        <v>302050.63789999997</v>
      </c>
      <c r="AI7326">
        <v>73524.284190000006</v>
      </c>
      <c r="AJ7326">
        <v>20278.440709999999</v>
      </c>
      <c r="AK7326">
        <v>24342.025150000001</v>
      </c>
      <c r="AL7326">
        <v>92358.253100000002</v>
      </c>
      <c r="AM7326">
        <v>18757.325769999999</v>
      </c>
      <c r="AN7326">
        <v>75687.192880000002</v>
      </c>
      <c r="AO7326">
        <v>24056.227569999999</v>
      </c>
      <c r="AP7326">
        <v>14411.7426</v>
      </c>
    </row>
    <row r="7327" spans="2:42" x14ac:dyDescent="0.3">
      <c r="B7327">
        <v>62.203729460799899</v>
      </c>
      <c r="C7327" s="83">
        <v>43406.208333333336</v>
      </c>
      <c r="D7327">
        <v>254054.24919999999</v>
      </c>
      <c r="E7327">
        <v>16881.26268</v>
      </c>
      <c r="F7327">
        <v>68340.575150000004</v>
      </c>
      <c r="G7327">
        <v>38176.443729999999</v>
      </c>
      <c r="H7327">
        <v>38787.585400000004</v>
      </c>
      <c r="I7327">
        <v>26636.25519</v>
      </c>
      <c r="J7327">
        <v>30983.316340000001</v>
      </c>
      <c r="K7327">
        <v>45188.709920000001</v>
      </c>
      <c r="L7327">
        <v>18116.01267</v>
      </c>
      <c r="M7327">
        <v>317143.62099999998</v>
      </c>
      <c r="N7327">
        <v>74771.674180000002</v>
      </c>
      <c r="O7327">
        <v>20828.532070000001</v>
      </c>
      <c r="P7327">
        <v>26011.492180000001</v>
      </c>
      <c r="Q7327">
        <v>95392.724310000005</v>
      </c>
      <c r="R7327">
        <v>19511.97193</v>
      </c>
      <c r="S7327">
        <v>78681.253649999999</v>
      </c>
      <c r="T7327">
        <v>25327.7084</v>
      </c>
      <c r="U7327">
        <v>16091.39508</v>
      </c>
      <c r="W7327" s="83">
        <f>Bühler!N7359</f>
        <v>45597.208333315568</v>
      </c>
      <c r="X7327" s="83">
        <v>43406.208333333336</v>
      </c>
      <c r="Y7327">
        <v>254054.24919999999</v>
      </c>
      <c r="Z7327">
        <v>16881.26268</v>
      </c>
      <c r="AA7327">
        <v>68340.575150000004</v>
      </c>
      <c r="AB7327">
        <v>38176.443729999999</v>
      </c>
      <c r="AC7327">
        <v>38787.585400000004</v>
      </c>
      <c r="AD7327">
        <v>26636.25519</v>
      </c>
      <c r="AE7327">
        <v>30983.316340000001</v>
      </c>
      <c r="AF7327">
        <v>45188.709920000001</v>
      </c>
      <c r="AG7327">
        <v>18116.01267</v>
      </c>
      <c r="AH7327">
        <v>317143.62099999998</v>
      </c>
      <c r="AI7327">
        <v>74771.674180000002</v>
      </c>
      <c r="AJ7327">
        <v>20828.532070000001</v>
      </c>
      <c r="AK7327">
        <v>26011.492180000001</v>
      </c>
      <c r="AL7327">
        <v>95392.724310000005</v>
      </c>
      <c r="AM7327">
        <v>19511.97193</v>
      </c>
      <c r="AN7327">
        <v>78681.253649999999</v>
      </c>
      <c r="AO7327">
        <v>25327.7084</v>
      </c>
      <c r="AP7327">
        <v>16091.39508</v>
      </c>
    </row>
    <row r="7328" spans="2:42" x14ac:dyDescent="0.3">
      <c r="B7328">
        <v>66.045511064576658</v>
      </c>
      <c r="C7328" s="83">
        <v>43406.25</v>
      </c>
      <c r="D7328">
        <v>269301.45130000002</v>
      </c>
      <c r="E7328">
        <v>21761.086050000002</v>
      </c>
      <c r="F7328">
        <v>80949.137619999994</v>
      </c>
      <c r="G7328">
        <v>42470.827149999997</v>
      </c>
      <c r="H7328">
        <v>42711.186780000004</v>
      </c>
      <c r="I7328">
        <v>33219.266889999999</v>
      </c>
      <c r="J7328">
        <v>34508.53701</v>
      </c>
      <c r="K7328">
        <v>49442.078589999997</v>
      </c>
      <c r="L7328">
        <v>19476.456119999999</v>
      </c>
      <c r="M7328">
        <v>336730.81520000001</v>
      </c>
      <c r="N7328">
        <v>77858.884919999997</v>
      </c>
      <c r="O7328">
        <v>21961.33856</v>
      </c>
      <c r="P7328">
        <v>27373.970089999999</v>
      </c>
      <c r="Q7328">
        <v>96452.370670000004</v>
      </c>
      <c r="R7328">
        <v>18497.25935</v>
      </c>
      <c r="S7328">
        <v>88615.923949999997</v>
      </c>
      <c r="T7328">
        <v>27964.323680000001</v>
      </c>
      <c r="U7328">
        <v>18514.549800000001</v>
      </c>
      <c r="W7328" s="83">
        <f>Bühler!N7360</f>
        <v>45597.249999982232</v>
      </c>
      <c r="X7328" s="83">
        <v>43406.25</v>
      </c>
      <c r="Y7328">
        <v>269301.45130000002</v>
      </c>
      <c r="Z7328">
        <v>21761.086050000002</v>
      </c>
      <c r="AA7328">
        <v>80949.137619999994</v>
      </c>
      <c r="AB7328">
        <v>42470.827149999997</v>
      </c>
      <c r="AC7328">
        <v>42711.186780000004</v>
      </c>
      <c r="AD7328">
        <v>33219.266889999999</v>
      </c>
      <c r="AE7328">
        <v>34508.53701</v>
      </c>
      <c r="AF7328">
        <v>49442.078589999997</v>
      </c>
      <c r="AG7328">
        <v>19476.456119999999</v>
      </c>
      <c r="AH7328">
        <v>336730.81520000001</v>
      </c>
      <c r="AI7328">
        <v>77858.884919999997</v>
      </c>
      <c r="AJ7328">
        <v>21961.33856</v>
      </c>
      <c r="AK7328">
        <v>27373.970089999999</v>
      </c>
      <c r="AL7328">
        <v>96452.370670000004</v>
      </c>
      <c r="AM7328">
        <v>18497.25935</v>
      </c>
      <c r="AN7328">
        <v>88615.923949999997</v>
      </c>
      <c r="AO7328">
        <v>27964.323680000001</v>
      </c>
      <c r="AP7328">
        <v>18514.549800000001</v>
      </c>
    </row>
    <row r="7329" spans="2:42" x14ac:dyDescent="0.3">
      <c r="B7329">
        <v>67.353594368985</v>
      </c>
      <c r="C7329" s="83">
        <v>43406.291666666664</v>
      </c>
      <c r="D7329">
        <v>280434.52149999997</v>
      </c>
      <c r="E7329">
        <v>26597.960159999999</v>
      </c>
      <c r="F7329">
        <v>84890.684150000001</v>
      </c>
      <c r="G7329">
        <v>47662.830020000001</v>
      </c>
      <c r="H7329">
        <v>47294.322959999998</v>
      </c>
      <c r="I7329">
        <v>40550.602989999999</v>
      </c>
      <c r="J7329">
        <v>35215.786079999998</v>
      </c>
      <c r="K7329">
        <v>54821.752339999999</v>
      </c>
      <c r="L7329">
        <v>22190.080849999998</v>
      </c>
      <c r="M7329">
        <v>343400.03389999998</v>
      </c>
      <c r="N7329">
        <v>83110.582139999999</v>
      </c>
      <c r="O7329">
        <v>23958.187549999999</v>
      </c>
      <c r="P7329">
        <v>29863.303199999998</v>
      </c>
      <c r="Q7329">
        <v>95796.26526</v>
      </c>
      <c r="R7329">
        <v>20285.573359999999</v>
      </c>
      <c r="S7329">
        <v>102639.10619999999</v>
      </c>
      <c r="T7329">
        <v>29015.38075</v>
      </c>
      <c r="U7329">
        <v>23910.938170000001</v>
      </c>
      <c r="W7329" s="83">
        <f>Bühler!N7361</f>
        <v>45597.291666648896</v>
      </c>
      <c r="X7329" s="83">
        <v>43406.291666666664</v>
      </c>
      <c r="Y7329">
        <v>280434.52149999997</v>
      </c>
      <c r="Z7329">
        <v>26597.960159999999</v>
      </c>
      <c r="AA7329">
        <v>84890.684150000001</v>
      </c>
      <c r="AB7329">
        <v>47662.830020000001</v>
      </c>
      <c r="AC7329">
        <v>47294.322959999998</v>
      </c>
      <c r="AD7329">
        <v>40550.602989999999</v>
      </c>
      <c r="AE7329">
        <v>35215.786079999998</v>
      </c>
      <c r="AF7329">
        <v>54821.752339999999</v>
      </c>
      <c r="AG7329">
        <v>22190.080849999998</v>
      </c>
      <c r="AH7329">
        <v>343400.03389999998</v>
      </c>
      <c r="AI7329">
        <v>83110.582139999999</v>
      </c>
      <c r="AJ7329">
        <v>23958.187549999999</v>
      </c>
      <c r="AK7329">
        <v>29863.303199999998</v>
      </c>
      <c r="AL7329">
        <v>95796.26526</v>
      </c>
      <c r="AM7329">
        <v>20285.573359999999</v>
      </c>
      <c r="AN7329">
        <v>102639.10619999999</v>
      </c>
      <c r="AO7329">
        <v>29015.38075</v>
      </c>
      <c r="AP7329">
        <v>23910.938170000001</v>
      </c>
    </row>
    <row r="7330" spans="2:42" x14ac:dyDescent="0.3">
      <c r="B7330">
        <v>67.579278687135997</v>
      </c>
      <c r="C7330" s="83">
        <v>43406.333333333336</v>
      </c>
      <c r="D7330">
        <v>290980.8492</v>
      </c>
      <c r="E7330">
        <v>32212.216619999999</v>
      </c>
      <c r="F7330">
        <v>92320.848979999995</v>
      </c>
      <c r="G7330">
        <v>52286.137450000002</v>
      </c>
      <c r="H7330">
        <v>50780.410889999999</v>
      </c>
      <c r="I7330">
        <v>42895.222650000003</v>
      </c>
      <c r="J7330">
        <v>35537.592360000002</v>
      </c>
      <c r="K7330">
        <v>60289.937480000001</v>
      </c>
      <c r="L7330">
        <v>25080.465520000002</v>
      </c>
      <c r="M7330">
        <v>344550.6778</v>
      </c>
      <c r="N7330">
        <v>88488.648990000002</v>
      </c>
      <c r="O7330">
        <v>25134.252339999999</v>
      </c>
      <c r="P7330">
        <v>32001.554459999999</v>
      </c>
      <c r="Q7330">
        <v>95765.900609999997</v>
      </c>
      <c r="R7330">
        <v>21881.73531</v>
      </c>
      <c r="S7330">
        <v>114408.4948</v>
      </c>
      <c r="T7330">
        <v>31426.610939999999</v>
      </c>
      <c r="U7330">
        <v>26175.440780000001</v>
      </c>
      <c r="W7330" s="83">
        <f>Bühler!N7362</f>
        <v>45597.333333315561</v>
      </c>
      <c r="X7330" s="83">
        <v>43406.333333333336</v>
      </c>
      <c r="Y7330">
        <v>290980.8492</v>
      </c>
      <c r="Z7330">
        <v>32212.216619999999</v>
      </c>
      <c r="AA7330">
        <v>92320.848979999995</v>
      </c>
      <c r="AB7330">
        <v>52286.137450000002</v>
      </c>
      <c r="AC7330">
        <v>50780.410889999999</v>
      </c>
      <c r="AD7330">
        <v>42895.222650000003</v>
      </c>
      <c r="AE7330">
        <v>35537.592360000002</v>
      </c>
      <c r="AF7330">
        <v>60289.937480000001</v>
      </c>
      <c r="AG7330">
        <v>25080.465520000002</v>
      </c>
      <c r="AH7330">
        <v>344550.6778</v>
      </c>
      <c r="AI7330">
        <v>88488.648990000002</v>
      </c>
      <c r="AJ7330">
        <v>25134.252339999999</v>
      </c>
      <c r="AK7330">
        <v>32001.554459999999</v>
      </c>
      <c r="AL7330">
        <v>95765.900609999997</v>
      </c>
      <c r="AM7330">
        <v>21881.73531</v>
      </c>
      <c r="AN7330">
        <v>114408.4948</v>
      </c>
      <c r="AO7330">
        <v>31426.610939999999</v>
      </c>
      <c r="AP7330">
        <v>26175.440780000001</v>
      </c>
    </row>
    <row r="7331" spans="2:42" x14ac:dyDescent="0.3">
      <c r="B7331">
        <v>66.922605841725812</v>
      </c>
      <c r="C7331" s="83">
        <v>43406.375</v>
      </c>
      <c r="D7331">
        <v>290397.2574</v>
      </c>
      <c r="E7331">
        <v>35435.346420000002</v>
      </c>
      <c r="F7331">
        <v>97544.07922</v>
      </c>
      <c r="G7331">
        <v>54950.770250000001</v>
      </c>
      <c r="H7331">
        <v>53069.35039</v>
      </c>
      <c r="I7331">
        <v>40519.275159999997</v>
      </c>
      <c r="J7331">
        <v>35243.487070000003</v>
      </c>
      <c r="K7331">
        <v>62737.381560000002</v>
      </c>
      <c r="L7331">
        <v>28604.025819999999</v>
      </c>
      <c r="M7331">
        <v>341202.65340000001</v>
      </c>
      <c r="N7331">
        <v>89205.869349999994</v>
      </c>
      <c r="O7331">
        <v>25833.82978</v>
      </c>
      <c r="P7331">
        <v>33765.516790000001</v>
      </c>
      <c r="Q7331">
        <v>96292.830600000001</v>
      </c>
      <c r="R7331">
        <v>22385.43477</v>
      </c>
      <c r="S7331">
        <v>117669.66469999999</v>
      </c>
      <c r="T7331">
        <v>32949.147100000002</v>
      </c>
      <c r="U7331">
        <v>25535.571100000001</v>
      </c>
      <c r="W7331" s="83">
        <f>Bühler!N7363</f>
        <v>45597.374999982225</v>
      </c>
      <c r="X7331" s="83">
        <v>43406.375</v>
      </c>
      <c r="Y7331">
        <v>290397.2574</v>
      </c>
      <c r="Z7331">
        <v>35435.346420000002</v>
      </c>
      <c r="AA7331">
        <v>97544.07922</v>
      </c>
      <c r="AB7331">
        <v>54950.770250000001</v>
      </c>
      <c r="AC7331">
        <v>53069.35039</v>
      </c>
      <c r="AD7331">
        <v>40519.275159999997</v>
      </c>
      <c r="AE7331">
        <v>35243.487070000003</v>
      </c>
      <c r="AF7331">
        <v>62737.381560000002</v>
      </c>
      <c r="AG7331">
        <v>28604.025819999999</v>
      </c>
      <c r="AH7331">
        <v>341202.65340000001</v>
      </c>
      <c r="AI7331">
        <v>89205.869349999994</v>
      </c>
      <c r="AJ7331">
        <v>25833.82978</v>
      </c>
      <c r="AK7331">
        <v>33765.516790000001</v>
      </c>
      <c r="AL7331">
        <v>96292.830600000001</v>
      </c>
      <c r="AM7331">
        <v>22385.43477</v>
      </c>
      <c r="AN7331">
        <v>117669.66469999999</v>
      </c>
      <c r="AO7331">
        <v>32949.147100000002</v>
      </c>
      <c r="AP7331">
        <v>25535.571100000001</v>
      </c>
    </row>
    <row r="7332" spans="2:42" x14ac:dyDescent="0.3">
      <c r="B7332">
        <v>67.631204870863328</v>
      </c>
      <c r="C7332" s="83">
        <v>43406.416666666664</v>
      </c>
      <c r="D7332">
        <v>289398.92060000001</v>
      </c>
      <c r="E7332">
        <v>36900.633220000003</v>
      </c>
      <c r="F7332">
        <v>99078.254090000002</v>
      </c>
      <c r="G7332">
        <v>55313.3701</v>
      </c>
      <c r="H7332">
        <v>52896.613799999999</v>
      </c>
      <c r="I7332">
        <v>38205.364350000003</v>
      </c>
      <c r="J7332">
        <v>34818.042000000001</v>
      </c>
      <c r="K7332">
        <v>63191.287830000001</v>
      </c>
      <c r="L7332">
        <v>32166.07372</v>
      </c>
      <c r="M7332">
        <v>344815.42170000001</v>
      </c>
      <c r="N7332">
        <v>90444.062900000004</v>
      </c>
      <c r="O7332">
        <v>25497.38682</v>
      </c>
      <c r="P7332">
        <v>35295.688430000002</v>
      </c>
      <c r="Q7332">
        <v>96840.193740000002</v>
      </c>
      <c r="R7332">
        <v>23037.933499999999</v>
      </c>
      <c r="S7332">
        <v>117358.9332</v>
      </c>
      <c r="T7332">
        <v>34210.274469999997</v>
      </c>
      <c r="U7332">
        <v>24394.347099999999</v>
      </c>
      <c r="W7332" s="83">
        <f>Bühler!N7364</f>
        <v>45597.416666648889</v>
      </c>
      <c r="X7332" s="83">
        <v>43406.416666666664</v>
      </c>
      <c r="Y7332">
        <v>289398.92060000001</v>
      </c>
      <c r="Z7332">
        <v>36900.633220000003</v>
      </c>
      <c r="AA7332">
        <v>99078.254090000002</v>
      </c>
      <c r="AB7332">
        <v>55313.3701</v>
      </c>
      <c r="AC7332">
        <v>52896.613799999999</v>
      </c>
      <c r="AD7332">
        <v>38205.364350000003</v>
      </c>
      <c r="AE7332">
        <v>34818.042000000001</v>
      </c>
      <c r="AF7332">
        <v>63191.287830000001</v>
      </c>
      <c r="AG7332">
        <v>32166.07372</v>
      </c>
      <c r="AH7332">
        <v>344815.42170000001</v>
      </c>
      <c r="AI7332">
        <v>90444.062900000004</v>
      </c>
      <c r="AJ7332">
        <v>25497.38682</v>
      </c>
      <c r="AK7332">
        <v>35295.688430000002</v>
      </c>
      <c r="AL7332">
        <v>96840.193740000002</v>
      </c>
      <c r="AM7332">
        <v>23037.933499999999</v>
      </c>
      <c r="AN7332">
        <v>117358.9332</v>
      </c>
      <c r="AO7332">
        <v>34210.274469999997</v>
      </c>
      <c r="AP7332">
        <v>24394.347099999999</v>
      </c>
    </row>
    <row r="7333" spans="2:42" x14ac:dyDescent="0.3">
      <c r="B7333">
        <v>67.516001992074735</v>
      </c>
      <c r="C7333" s="83">
        <v>43406.458333333336</v>
      </c>
      <c r="D7333">
        <v>285237.68109999999</v>
      </c>
      <c r="E7333">
        <v>36368.285889999999</v>
      </c>
      <c r="F7333">
        <v>99361.296249999999</v>
      </c>
      <c r="G7333">
        <v>55021.878920000003</v>
      </c>
      <c r="H7333">
        <v>52127.340989999997</v>
      </c>
      <c r="I7333">
        <v>36994.998720000003</v>
      </c>
      <c r="J7333">
        <v>34662.858229999998</v>
      </c>
      <c r="K7333">
        <v>64085.752710000001</v>
      </c>
      <c r="L7333">
        <v>33545.847990000002</v>
      </c>
      <c r="M7333">
        <v>344228.0637</v>
      </c>
      <c r="N7333">
        <v>90916.93161</v>
      </c>
      <c r="O7333">
        <v>25636.174780000001</v>
      </c>
      <c r="P7333">
        <v>33223.322959999998</v>
      </c>
      <c r="Q7333">
        <v>97161.273249999998</v>
      </c>
      <c r="R7333">
        <v>24022.477900000002</v>
      </c>
      <c r="S7333">
        <v>119195.33749999999</v>
      </c>
      <c r="T7333">
        <v>34533.796190000001</v>
      </c>
      <c r="U7333">
        <v>23441.761600000002</v>
      </c>
      <c r="W7333" s="83">
        <f>Bühler!N7365</f>
        <v>45597.458333315553</v>
      </c>
      <c r="X7333" s="83">
        <v>43406.458333333336</v>
      </c>
      <c r="Y7333">
        <v>285237.68109999999</v>
      </c>
      <c r="Z7333">
        <v>36368.285889999999</v>
      </c>
      <c r="AA7333">
        <v>99361.296249999999</v>
      </c>
      <c r="AB7333">
        <v>55021.878920000003</v>
      </c>
      <c r="AC7333">
        <v>52127.340989999997</v>
      </c>
      <c r="AD7333">
        <v>36994.998720000003</v>
      </c>
      <c r="AE7333">
        <v>34662.858229999998</v>
      </c>
      <c r="AF7333">
        <v>64085.752710000001</v>
      </c>
      <c r="AG7333">
        <v>33545.847990000002</v>
      </c>
      <c r="AH7333">
        <v>344228.0637</v>
      </c>
      <c r="AI7333">
        <v>90916.93161</v>
      </c>
      <c r="AJ7333">
        <v>25636.174780000001</v>
      </c>
      <c r="AK7333">
        <v>33223.322959999998</v>
      </c>
      <c r="AL7333">
        <v>97161.273249999998</v>
      </c>
      <c r="AM7333">
        <v>24022.477900000002</v>
      </c>
      <c r="AN7333">
        <v>119195.33749999999</v>
      </c>
      <c r="AO7333">
        <v>34533.796190000001</v>
      </c>
      <c r="AP7333">
        <v>23441.761600000002</v>
      </c>
    </row>
    <row r="7334" spans="2:42" x14ac:dyDescent="0.3">
      <c r="B7334">
        <v>66.182267130663107</v>
      </c>
      <c r="C7334" s="83">
        <v>43406.5</v>
      </c>
      <c r="D7334">
        <v>269109.49550000002</v>
      </c>
      <c r="E7334">
        <v>32207.18405</v>
      </c>
      <c r="F7334">
        <v>98734.090540000005</v>
      </c>
      <c r="G7334">
        <v>52739.389130000003</v>
      </c>
      <c r="H7334">
        <v>48971.909030000003</v>
      </c>
      <c r="I7334">
        <v>35539.346969999999</v>
      </c>
      <c r="J7334">
        <v>34814.914870000001</v>
      </c>
      <c r="K7334">
        <v>59322.904730000002</v>
      </c>
      <c r="L7334">
        <v>35742.475850000003</v>
      </c>
      <c r="M7334">
        <v>337428.06140000001</v>
      </c>
      <c r="N7334">
        <v>86834.381989999994</v>
      </c>
      <c r="O7334">
        <v>24854.419470000001</v>
      </c>
      <c r="P7334">
        <v>33972.346570000002</v>
      </c>
      <c r="Q7334">
        <v>94891.363230000003</v>
      </c>
      <c r="R7334">
        <v>25796.777819999999</v>
      </c>
      <c r="S7334">
        <v>111796.4745</v>
      </c>
      <c r="T7334">
        <v>34284.510719999998</v>
      </c>
      <c r="U7334">
        <v>19359.775089999999</v>
      </c>
      <c r="W7334" s="83">
        <f>Bühler!N7366</f>
        <v>45597.499999982218</v>
      </c>
      <c r="X7334" s="83">
        <v>43406.5</v>
      </c>
      <c r="Y7334">
        <v>269109.49550000002</v>
      </c>
      <c r="Z7334">
        <v>32207.18405</v>
      </c>
      <c r="AA7334">
        <v>98734.090540000005</v>
      </c>
      <c r="AB7334">
        <v>52739.389130000003</v>
      </c>
      <c r="AC7334">
        <v>48971.909030000003</v>
      </c>
      <c r="AD7334">
        <v>35539.346969999999</v>
      </c>
      <c r="AE7334">
        <v>34814.914870000001</v>
      </c>
      <c r="AF7334">
        <v>59322.904730000002</v>
      </c>
      <c r="AG7334">
        <v>35742.475850000003</v>
      </c>
      <c r="AH7334">
        <v>337428.06140000001</v>
      </c>
      <c r="AI7334">
        <v>86834.381989999994</v>
      </c>
      <c r="AJ7334">
        <v>24854.419470000001</v>
      </c>
      <c r="AK7334">
        <v>33972.346570000002</v>
      </c>
      <c r="AL7334">
        <v>94891.363230000003</v>
      </c>
      <c r="AM7334">
        <v>25796.777819999999</v>
      </c>
      <c r="AN7334">
        <v>111796.4745</v>
      </c>
      <c r="AO7334">
        <v>34284.510719999998</v>
      </c>
      <c r="AP7334">
        <v>19359.775089999999</v>
      </c>
    </row>
    <row r="7335" spans="2:42" x14ac:dyDescent="0.3">
      <c r="B7335">
        <v>64.972643728964925</v>
      </c>
      <c r="C7335" s="83">
        <v>43406.541666666664</v>
      </c>
      <c r="D7335">
        <v>267009.2488</v>
      </c>
      <c r="E7335">
        <v>32093.252830000001</v>
      </c>
      <c r="F7335">
        <v>97452.422630000001</v>
      </c>
      <c r="G7335">
        <v>51760.292540000002</v>
      </c>
      <c r="H7335">
        <v>48513.71903</v>
      </c>
      <c r="I7335">
        <v>35110.343679999998</v>
      </c>
      <c r="J7335">
        <v>33400.840790000002</v>
      </c>
      <c r="K7335">
        <v>60467.826390000002</v>
      </c>
      <c r="L7335">
        <v>34989.318950000001</v>
      </c>
      <c r="M7335">
        <v>331260.83720000001</v>
      </c>
      <c r="N7335">
        <v>85444.934999999998</v>
      </c>
      <c r="O7335">
        <v>24145.339059999998</v>
      </c>
      <c r="P7335">
        <v>32815.076139999997</v>
      </c>
      <c r="Q7335">
        <v>94239.223050000001</v>
      </c>
      <c r="R7335">
        <v>26763.331330000001</v>
      </c>
      <c r="S7335">
        <v>111829.2291</v>
      </c>
      <c r="T7335">
        <v>33115.733139999997</v>
      </c>
      <c r="U7335">
        <v>19983.953720000001</v>
      </c>
      <c r="W7335" s="83">
        <f>Bühler!N7367</f>
        <v>45597.541666648882</v>
      </c>
      <c r="X7335" s="83">
        <v>43406.541666666664</v>
      </c>
      <c r="Y7335">
        <v>267009.2488</v>
      </c>
      <c r="Z7335">
        <v>32093.252830000001</v>
      </c>
      <c r="AA7335">
        <v>97452.422630000001</v>
      </c>
      <c r="AB7335">
        <v>51760.292540000002</v>
      </c>
      <c r="AC7335">
        <v>48513.71903</v>
      </c>
      <c r="AD7335">
        <v>35110.343679999998</v>
      </c>
      <c r="AE7335">
        <v>33400.840790000002</v>
      </c>
      <c r="AF7335">
        <v>60467.826390000002</v>
      </c>
      <c r="AG7335">
        <v>34989.318950000001</v>
      </c>
      <c r="AH7335">
        <v>331260.83720000001</v>
      </c>
      <c r="AI7335">
        <v>85444.934999999998</v>
      </c>
      <c r="AJ7335">
        <v>24145.339059999998</v>
      </c>
      <c r="AK7335">
        <v>32815.076139999997</v>
      </c>
      <c r="AL7335">
        <v>94239.223050000001</v>
      </c>
      <c r="AM7335">
        <v>26763.331330000001</v>
      </c>
      <c r="AN7335">
        <v>111829.2291</v>
      </c>
      <c r="AO7335">
        <v>33115.733139999997</v>
      </c>
      <c r="AP7335">
        <v>19983.953720000001</v>
      </c>
    </row>
    <row r="7336" spans="2:42" x14ac:dyDescent="0.3">
      <c r="B7336">
        <v>64.744004836047793</v>
      </c>
      <c r="C7336" s="83">
        <v>43406.583333333336</v>
      </c>
      <c r="D7336">
        <v>265465.80300000001</v>
      </c>
      <c r="E7336">
        <v>34675.944949999997</v>
      </c>
      <c r="F7336">
        <v>98638.194170000002</v>
      </c>
      <c r="G7336">
        <v>50220.108039999999</v>
      </c>
      <c r="H7336">
        <v>48169.274230000003</v>
      </c>
      <c r="I7336">
        <v>36048.387900000002</v>
      </c>
      <c r="J7336">
        <v>32975.556149999997</v>
      </c>
      <c r="K7336">
        <v>62799.844069999999</v>
      </c>
      <c r="L7336">
        <v>31178.101320000002</v>
      </c>
      <c r="M7336">
        <v>330095.12949999998</v>
      </c>
      <c r="N7336">
        <v>84989.120699999999</v>
      </c>
      <c r="O7336">
        <v>23467.86333</v>
      </c>
      <c r="P7336">
        <v>30744.27204</v>
      </c>
      <c r="Q7336">
        <v>93447.630139999994</v>
      </c>
      <c r="R7336">
        <v>25451.27161</v>
      </c>
      <c r="S7336">
        <v>107234.1882</v>
      </c>
      <c r="T7336">
        <v>31531.346310000001</v>
      </c>
      <c r="U7336">
        <v>21434.656419999999</v>
      </c>
      <c r="W7336" s="83">
        <f>Bühler!N7368</f>
        <v>45597.583333315546</v>
      </c>
      <c r="X7336" s="83">
        <v>43406.583333333336</v>
      </c>
      <c r="Y7336">
        <v>265465.80300000001</v>
      </c>
      <c r="Z7336">
        <v>34675.944949999997</v>
      </c>
      <c r="AA7336">
        <v>98638.194170000002</v>
      </c>
      <c r="AB7336">
        <v>50220.108039999999</v>
      </c>
      <c r="AC7336">
        <v>48169.274230000003</v>
      </c>
      <c r="AD7336">
        <v>36048.387900000002</v>
      </c>
      <c r="AE7336">
        <v>32975.556149999997</v>
      </c>
      <c r="AF7336">
        <v>62799.844069999999</v>
      </c>
      <c r="AG7336">
        <v>31178.101320000002</v>
      </c>
      <c r="AH7336">
        <v>330095.12949999998</v>
      </c>
      <c r="AI7336">
        <v>84989.120699999999</v>
      </c>
      <c r="AJ7336">
        <v>23467.86333</v>
      </c>
      <c r="AK7336">
        <v>30744.27204</v>
      </c>
      <c r="AL7336">
        <v>93447.630139999994</v>
      </c>
      <c r="AM7336">
        <v>25451.27161</v>
      </c>
      <c r="AN7336">
        <v>107234.1882</v>
      </c>
      <c r="AO7336">
        <v>31531.346310000001</v>
      </c>
      <c r="AP7336">
        <v>21434.656419999999</v>
      </c>
    </row>
    <row r="7337" spans="2:42" x14ac:dyDescent="0.3">
      <c r="B7337">
        <v>63.584276301342577</v>
      </c>
      <c r="C7337" s="83">
        <v>43406.625</v>
      </c>
      <c r="D7337">
        <v>259888.74789999999</v>
      </c>
      <c r="E7337">
        <v>34315.466899999999</v>
      </c>
      <c r="F7337">
        <v>98497.763800000001</v>
      </c>
      <c r="G7337">
        <v>48274.936170000001</v>
      </c>
      <c r="H7337">
        <v>46538.446020000003</v>
      </c>
      <c r="I7337">
        <v>35531.438909999997</v>
      </c>
      <c r="J7337">
        <v>32701.78225</v>
      </c>
      <c r="K7337">
        <v>62827.389660000001</v>
      </c>
      <c r="L7337">
        <v>27886.775519999999</v>
      </c>
      <c r="M7337">
        <v>324182.29259999999</v>
      </c>
      <c r="N7337">
        <v>83381.926919999998</v>
      </c>
      <c r="O7337">
        <v>23049.809669999999</v>
      </c>
      <c r="P7337">
        <v>27950.005539999998</v>
      </c>
      <c r="Q7337">
        <v>91900.432950000002</v>
      </c>
      <c r="R7337">
        <v>24673.398740000001</v>
      </c>
      <c r="S7337">
        <v>104348.9755</v>
      </c>
      <c r="T7337">
        <v>31861.838100000001</v>
      </c>
      <c r="U7337">
        <v>19732.279170000002</v>
      </c>
      <c r="W7337" s="83">
        <f>Bühler!N7369</f>
        <v>45597.62499998221</v>
      </c>
      <c r="X7337" s="83">
        <v>43406.625</v>
      </c>
      <c r="Y7337">
        <v>259888.74789999999</v>
      </c>
      <c r="Z7337">
        <v>34315.466899999999</v>
      </c>
      <c r="AA7337">
        <v>98497.763800000001</v>
      </c>
      <c r="AB7337">
        <v>48274.936170000001</v>
      </c>
      <c r="AC7337">
        <v>46538.446020000003</v>
      </c>
      <c r="AD7337">
        <v>35531.438909999997</v>
      </c>
      <c r="AE7337">
        <v>32701.78225</v>
      </c>
      <c r="AF7337">
        <v>62827.389660000001</v>
      </c>
      <c r="AG7337">
        <v>27886.775519999999</v>
      </c>
      <c r="AH7337">
        <v>324182.29259999999</v>
      </c>
      <c r="AI7337">
        <v>83381.926919999998</v>
      </c>
      <c r="AJ7337">
        <v>23049.809669999999</v>
      </c>
      <c r="AK7337">
        <v>27950.005539999998</v>
      </c>
      <c r="AL7337">
        <v>91900.432950000002</v>
      </c>
      <c r="AM7337">
        <v>24673.398740000001</v>
      </c>
      <c r="AN7337">
        <v>104348.9755</v>
      </c>
      <c r="AO7337">
        <v>31861.838100000001</v>
      </c>
      <c r="AP7337">
        <v>19732.279170000002</v>
      </c>
    </row>
    <row r="7338" spans="2:42" x14ac:dyDescent="0.3">
      <c r="B7338">
        <v>63.238241713356409</v>
      </c>
      <c r="C7338" s="83">
        <v>43406.666666666664</v>
      </c>
      <c r="D7338">
        <v>251763.4933</v>
      </c>
      <c r="E7338">
        <v>33357.148979999998</v>
      </c>
      <c r="F7338">
        <v>98273.095390000002</v>
      </c>
      <c r="G7338">
        <v>46658.759709999998</v>
      </c>
      <c r="H7338">
        <v>45752.292699999998</v>
      </c>
      <c r="I7338">
        <v>36928.56998</v>
      </c>
      <c r="J7338">
        <v>32002.32302</v>
      </c>
      <c r="K7338">
        <v>57246.133739999997</v>
      </c>
      <c r="L7338">
        <v>26881.142790000002</v>
      </c>
      <c r="M7338">
        <v>322418.04690000002</v>
      </c>
      <c r="N7338">
        <v>81199.222150000001</v>
      </c>
      <c r="O7338">
        <v>23354.96992</v>
      </c>
      <c r="P7338">
        <v>26777.968359999999</v>
      </c>
      <c r="Q7338">
        <v>91469.188949999996</v>
      </c>
      <c r="R7338">
        <v>23963.734400000001</v>
      </c>
      <c r="S7338">
        <v>101969.86749999999</v>
      </c>
      <c r="T7338">
        <v>31979.84492</v>
      </c>
      <c r="U7338">
        <v>17684.16692</v>
      </c>
      <c r="W7338" s="83">
        <f>Bühler!N7370</f>
        <v>45597.666666648875</v>
      </c>
      <c r="X7338" s="83">
        <v>43406.666666666664</v>
      </c>
      <c r="Y7338">
        <v>251763.4933</v>
      </c>
      <c r="Z7338">
        <v>33357.148979999998</v>
      </c>
      <c r="AA7338">
        <v>98273.095390000002</v>
      </c>
      <c r="AB7338">
        <v>46658.759709999998</v>
      </c>
      <c r="AC7338">
        <v>45752.292699999998</v>
      </c>
      <c r="AD7338">
        <v>36928.56998</v>
      </c>
      <c r="AE7338">
        <v>32002.32302</v>
      </c>
      <c r="AF7338">
        <v>57246.133739999997</v>
      </c>
      <c r="AG7338">
        <v>26881.142790000002</v>
      </c>
      <c r="AH7338">
        <v>322418.04690000002</v>
      </c>
      <c r="AI7338">
        <v>81199.222150000001</v>
      </c>
      <c r="AJ7338">
        <v>23354.96992</v>
      </c>
      <c r="AK7338">
        <v>26777.968359999999</v>
      </c>
      <c r="AL7338">
        <v>91469.188949999996</v>
      </c>
      <c r="AM7338">
        <v>23963.734400000001</v>
      </c>
      <c r="AN7338">
        <v>101969.86749999999</v>
      </c>
      <c r="AO7338">
        <v>31979.84492</v>
      </c>
      <c r="AP7338">
        <v>17684.16692</v>
      </c>
    </row>
    <row r="7339" spans="2:42" x14ac:dyDescent="0.3">
      <c r="B7339">
        <v>62.238242466907636</v>
      </c>
      <c r="C7339" s="83">
        <v>43406.708333333336</v>
      </c>
      <c r="D7339">
        <v>243742.43429999999</v>
      </c>
      <c r="E7339">
        <v>32080.786179999999</v>
      </c>
      <c r="F7339">
        <v>99482.468890000004</v>
      </c>
      <c r="G7339">
        <v>45369.969109999998</v>
      </c>
      <c r="H7339">
        <v>45528.972349999996</v>
      </c>
      <c r="I7339">
        <v>36618.974820000003</v>
      </c>
      <c r="J7339">
        <v>33588.958030000002</v>
      </c>
      <c r="K7339">
        <v>53964.53931</v>
      </c>
      <c r="L7339">
        <v>27646.78743</v>
      </c>
      <c r="M7339">
        <v>317319.58439999999</v>
      </c>
      <c r="N7339">
        <v>80895.952709999998</v>
      </c>
      <c r="O7339">
        <v>23023.174470000002</v>
      </c>
      <c r="P7339">
        <v>28739.20061</v>
      </c>
      <c r="Q7339">
        <v>89525.057509999999</v>
      </c>
      <c r="R7339">
        <v>22812.207869999998</v>
      </c>
      <c r="S7339">
        <v>101992.2077</v>
      </c>
      <c r="T7339">
        <v>33149.890180000002</v>
      </c>
      <c r="U7339">
        <v>16312.06352</v>
      </c>
      <c r="W7339" s="83">
        <f>Bühler!N7371</f>
        <v>45597.708333315539</v>
      </c>
      <c r="X7339" s="83">
        <v>43406.708333333336</v>
      </c>
      <c r="Y7339">
        <v>243742.43429999999</v>
      </c>
      <c r="Z7339">
        <v>32080.786179999999</v>
      </c>
      <c r="AA7339">
        <v>99482.468890000004</v>
      </c>
      <c r="AB7339">
        <v>45369.969109999998</v>
      </c>
      <c r="AC7339">
        <v>45528.972349999996</v>
      </c>
      <c r="AD7339">
        <v>36618.974820000003</v>
      </c>
      <c r="AE7339">
        <v>33588.958030000002</v>
      </c>
      <c r="AF7339">
        <v>53964.53931</v>
      </c>
      <c r="AG7339">
        <v>27646.78743</v>
      </c>
      <c r="AH7339">
        <v>317319.58439999999</v>
      </c>
      <c r="AI7339">
        <v>80895.952709999998</v>
      </c>
      <c r="AJ7339">
        <v>23023.174470000002</v>
      </c>
      <c r="AK7339">
        <v>28739.20061</v>
      </c>
      <c r="AL7339">
        <v>89525.057509999999</v>
      </c>
      <c r="AM7339">
        <v>22812.207869999998</v>
      </c>
      <c r="AN7339">
        <v>101992.2077</v>
      </c>
      <c r="AO7339">
        <v>33149.890180000002</v>
      </c>
      <c r="AP7339">
        <v>16312.06352</v>
      </c>
    </row>
    <row r="7340" spans="2:42" x14ac:dyDescent="0.3">
      <c r="B7340">
        <v>61.294087719746237</v>
      </c>
      <c r="C7340" s="83">
        <v>43406.75</v>
      </c>
      <c r="D7340">
        <v>238722.47690000001</v>
      </c>
      <c r="E7340">
        <v>30052.528839999999</v>
      </c>
      <c r="F7340">
        <v>98031.851429999995</v>
      </c>
      <c r="G7340">
        <v>45160.241670000003</v>
      </c>
      <c r="H7340">
        <v>45741.100079999997</v>
      </c>
      <c r="I7340">
        <v>36659.656260000003</v>
      </c>
      <c r="J7340">
        <v>35572.497040000002</v>
      </c>
      <c r="K7340">
        <v>51912.201639999999</v>
      </c>
      <c r="L7340">
        <v>30310.945019999999</v>
      </c>
      <c r="M7340">
        <v>312505.8432</v>
      </c>
      <c r="N7340">
        <v>81533.646269999997</v>
      </c>
      <c r="O7340">
        <v>22832.026239999999</v>
      </c>
      <c r="P7340">
        <v>33400.47178</v>
      </c>
      <c r="Q7340">
        <v>86668.038820000002</v>
      </c>
      <c r="R7340">
        <v>23026.3976</v>
      </c>
      <c r="S7340">
        <v>99531.40208</v>
      </c>
      <c r="T7340">
        <v>34885.205009999998</v>
      </c>
      <c r="U7340">
        <v>16216.908149999999</v>
      </c>
      <c r="W7340" s="83">
        <f>Bühler!N7372</f>
        <v>45597.749999982203</v>
      </c>
      <c r="X7340" s="83">
        <v>43406.75</v>
      </c>
      <c r="Y7340">
        <v>238722.47690000001</v>
      </c>
      <c r="Z7340">
        <v>30052.528839999999</v>
      </c>
      <c r="AA7340">
        <v>98031.851429999995</v>
      </c>
      <c r="AB7340">
        <v>45160.241670000003</v>
      </c>
      <c r="AC7340">
        <v>45741.100079999997</v>
      </c>
      <c r="AD7340">
        <v>36659.656260000003</v>
      </c>
      <c r="AE7340">
        <v>35572.497040000002</v>
      </c>
      <c r="AF7340">
        <v>51912.201639999999</v>
      </c>
      <c r="AG7340">
        <v>30310.945019999999</v>
      </c>
      <c r="AH7340">
        <v>312505.8432</v>
      </c>
      <c r="AI7340">
        <v>81533.646269999997</v>
      </c>
      <c r="AJ7340">
        <v>22832.026239999999</v>
      </c>
      <c r="AK7340">
        <v>33400.47178</v>
      </c>
      <c r="AL7340">
        <v>86668.038820000002</v>
      </c>
      <c r="AM7340">
        <v>23026.3976</v>
      </c>
      <c r="AN7340">
        <v>99531.40208</v>
      </c>
      <c r="AO7340">
        <v>34885.205009999998</v>
      </c>
      <c r="AP7340">
        <v>16216.908149999999</v>
      </c>
    </row>
    <row r="7341" spans="2:42" x14ac:dyDescent="0.3">
      <c r="B7341">
        <v>59.504794903408673</v>
      </c>
      <c r="C7341" s="83">
        <v>43406.791666666664</v>
      </c>
      <c r="D7341">
        <v>229433.0336</v>
      </c>
      <c r="E7341">
        <v>24253.985769999999</v>
      </c>
      <c r="F7341">
        <v>84993.717019999996</v>
      </c>
      <c r="G7341">
        <v>42087.526870000002</v>
      </c>
      <c r="H7341">
        <v>43646.505539999998</v>
      </c>
      <c r="I7341">
        <v>34316.304029999999</v>
      </c>
      <c r="J7341">
        <v>34971.017449999999</v>
      </c>
      <c r="K7341">
        <v>50153.387029999998</v>
      </c>
      <c r="L7341">
        <v>32369.18348</v>
      </c>
      <c r="M7341">
        <v>303383.19400000002</v>
      </c>
      <c r="N7341">
        <v>78506.497789999994</v>
      </c>
      <c r="O7341">
        <v>22077.856479999999</v>
      </c>
      <c r="P7341">
        <v>35028.895170000003</v>
      </c>
      <c r="Q7341">
        <v>83613.154699999999</v>
      </c>
      <c r="R7341">
        <v>23296.690930000001</v>
      </c>
      <c r="S7341">
        <v>95508.206179999994</v>
      </c>
      <c r="T7341">
        <v>34489.151919999997</v>
      </c>
      <c r="U7341">
        <v>15141.153899999999</v>
      </c>
      <c r="W7341" s="83">
        <f>Bühler!N7373</f>
        <v>45597.791666648867</v>
      </c>
      <c r="X7341" s="83">
        <v>43406.791666666664</v>
      </c>
      <c r="Y7341">
        <v>229433.0336</v>
      </c>
      <c r="Z7341">
        <v>24253.985769999999</v>
      </c>
      <c r="AA7341">
        <v>84993.717019999996</v>
      </c>
      <c r="AB7341">
        <v>42087.526870000002</v>
      </c>
      <c r="AC7341">
        <v>43646.505539999998</v>
      </c>
      <c r="AD7341">
        <v>34316.304029999999</v>
      </c>
      <c r="AE7341">
        <v>34971.017449999999</v>
      </c>
      <c r="AF7341">
        <v>50153.387029999998</v>
      </c>
      <c r="AG7341">
        <v>32369.18348</v>
      </c>
      <c r="AH7341">
        <v>303383.19400000002</v>
      </c>
      <c r="AI7341">
        <v>78506.497789999994</v>
      </c>
      <c r="AJ7341">
        <v>22077.856479999999</v>
      </c>
      <c r="AK7341">
        <v>35028.895170000003</v>
      </c>
      <c r="AL7341">
        <v>83613.154699999999</v>
      </c>
      <c r="AM7341">
        <v>23296.690930000001</v>
      </c>
      <c r="AN7341">
        <v>95508.206179999994</v>
      </c>
      <c r="AO7341">
        <v>34489.151919999997</v>
      </c>
      <c r="AP7341">
        <v>15141.153899999999</v>
      </c>
    </row>
    <row r="7342" spans="2:42" x14ac:dyDescent="0.3">
      <c r="B7342">
        <v>57.508724572169321</v>
      </c>
      <c r="C7342" s="83">
        <v>43406.833333333336</v>
      </c>
      <c r="D7342">
        <v>218923.2561</v>
      </c>
      <c r="E7342">
        <v>18182.206139999998</v>
      </c>
      <c r="F7342">
        <v>66404.797390000007</v>
      </c>
      <c r="G7342">
        <v>39970.412649999998</v>
      </c>
      <c r="H7342">
        <v>40735.799550000003</v>
      </c>
      <c r="I7342">
        <v>31255.476289999999</v>
      </c>
      <c r="J7342">
        <v>33622.077940000003</v>
      </c>
      <c r="K7342">
        <v>49908.649270000002</v>
      </c>
      <c r="L7342">
        <v>31852.684529999999</v>
      </c>
      <c r="M7342">
        <v>293206.2966</v>
      </c>
      <c r="N7342">
        <v>76112.5717</v>
      </c>
      <c r="O7342">
        <v>20806.928670000001</v>
      </c>
      <c r="P7342">
        <v>35238.842149999997</v>
      </c>
      <c r="Q7342">
        <v>80545.12904</v>
      </c>
      <c r="R7342">
        <v>20525.82663</v>
      </c>
      <c r="S7342">
        <v>85906.454159999994</v>
      </c>
      <c r="T7342">
        <v>31409.221079999999</v>
      </c>
      <c r="U7342">
        <v>13635.49008</v>
      </c>
      <c r="W7342" s="83">
        <f>Bühler!N7374</f>
        <v>45597.833333315531</v>
      </c>
      <c r="X7342" s="83">
        <v>43406.833333333336</v>
      </c>
      <c r="Y7342">
        <v>218923.2561</v>
      </c>
      <c r="Z7342">
        <v>18182.206139999998</v>
      </c>
      <c r="AA7342">
        <v>66404.797390000007</v>
      </c>
      <c r="AB7342">
        <v>39970.412649999998</v>
      </c>
      <c r="AC7342">
        <v>40735.799550000003</v>
      </c>
      <c r="AD7342">
        <v>31255.476289999999</v>
      </c>
      <c r="AE7342">
        <v>33622.077940000003</v>
      </c>
      <c r="AF7342">
        <v>49908.649270000002</v>
      </c>
      <c r="AG7342">
        <v>31852.684529999999</v>
      </c>
      <c r="AH7342">
        <v>293206.2966</v>
      </c>
      <c r="AI7342">
        <v>76112.5717</v>
      </c>
      <c r="AJ7342">
        <v>20806.928670000001</v>
      </c>
      <c r="AK7342">
        <v>35238.842149999997</v>
      </c>
      <c r="AL7342">
        <v>80545.12904</v>
      </c>
      <c r="AM7342">
        <v>20525.82663</v>
      </c>
      <c r="AN7342">
        <v>85906.454159999994</v>
      </c>
      <c r="AO7342">
        <v>31409.221079999999</v>
      </c>
      <c r="AP7342">
        <v>13635.49008</v>
      </c>
    </row>
    <row r="7343" spans="2:42" x14ac:dyDescent="0.3">
      <c r="B7343">
        <v>55.88549288935986</v>
      </c>
      <c r="C7343" s="83">
        <v>43406.875</v>
      </c>
      <c r="D7343">
        <v>212811.9847</v>
      </c>
      <c r="E7343">
        <v>15318.635979999999</v>
      </c>
      <c r="F7343">
        <v>56679.83064</v>
      </c>
      <c r="G7343">
        <v>38396.371059999998</v>
      </c>
      <c r="H7343">
        <v>38370.351349999997</v>
      </c>
      <c r="I7343">
        <v>26693.149069999999</v>
      </c>
      <c r="J7343">
        <v>32569.147239999998</v>
      </c>
      <c r="K7343">
        <v>48995.477010000002</v>
      </c>
      <c r="L7343">
        <v>29503.883170000001</v>
      </c>
      <c r="M7343">
        <v>284930.30450000003</v>
      </c>
      <c r="N7343">
        <v>73876.645879999996</v>
      </c>
      <c r="O7343">
        <v>19651.473399999999</v>
      </c>
      <c r="P7343">
        <v>33421.28817</v>
      </c>
      <c r="Q7343">
        <v>78343.017189999999</v>
      </c>
      <c r="R7343">
        <v>19892.890520000001</v>
      </c>
      <c r="S7343">
        <v>80489.449909999996</v>
      </c>
      <c r="T7343">
        <v>28458.735560000001</v>
      </c>
      <c r="U7343">
        <v>12688.92828</v>
      </c>
      <c r="W7343" s="83">
        <f>Bühler!N7375</f>
        <v>45597.874999982196</v>
      </c>
      <c r="X7343" s="83">
        <v>43406.875</v>
      </c>
      <c r="Y7343">
        <v>212811.9847</v>
      </c>
      <c r="Z7343">
        <v>15318.635979999999</v>
      </c>
      <c r="AA7343">
        <v>56679.83064</v>
      </c>
      <c r="AB7343">
        <v>38396.371059999998</v>
      </c>
      <c r="AC7343">
        <v>38370.351349999997</v>
      </c>
      <c r="AD7343">
        <v>26693.149069999999</v>
      </c>
      <c r="AE7343">
        <v>32569.147239999998</v>
      </c>
      <c r="AF7343">
        <v>48995.477010000002</v>
      </c>
      <c r="AG7343">
        <v>29503.883170000001</v>
      </c>
      <c r="AH7343">
        <v>284930.30450000003</v>
      </c>
      <c r="AI7343">
        <v>73876.645879999996</v>
      </c>
      <c r="AJ7343">
        <v>19651.473399999999</v>
      </c>
      <c r="AK7343">
        <v>33421.28817</v>
      </c>
      <c r="AL7343">
        <v>78343.017189999999</v>
      </c>
      <c r="AM7343">
        <v>19892.890520000001</v>
      </c>
      <c r="AN7343">
        <v>80489.449909999996</v>
      </c>
      <c r="AO7343">
        <v>28458.735560000001</v>
      </c>
      <c r="AP7343">
        <v>12688.92828</v>
      </c>
    </row>
    <row r="7344" spans="2:42" x14ac:dyDescent="0.3">
      <c r="B7344">
        <v>55.39973222450665</v>
      </c>
      <c r="C7344" s="83">
        <v>43406.916666666664</v>
      </c>
      <c r="D7344">
        <v>210681.73319999999</v>
      </c>
      <c r="E7344">
        <v>14365.560799999999</v>
      </c>
      <c r="F7344">
        <v>53016.981959999997</v>
      </c>
      <c r="G7344">
        <v>37569.809789999999</v>
      </c>
      <c r="H7344">
        <v>37344.501850000001</v>
      </c>
      <c r="I7344">
        <v>25109.075000000001</v>
      </c>
      <c r="J7344">
        <v>31362.091560000001</v>
      </c>
      <c r="K7344">
        <v>52796.772100000002</v>
      </c>
      <c r="L7344">
        <v>27199.51528</v>
      </c>
      <c r="M7344">
        <v>282453.67009999999</v>
      </c>
      <c r="N7344">
        <v>71831.12917</v>
      </c>
      <c r="O7344">
        <v>20334.191419999999</v>
      </c>
      <c r="P7344">
        <v>34433.080880000001</v>
      </c>
      <c r="Q7344">
        <v>76624.301229999997</v>
      </c>
      <c r="R7344">
        <v>23348.787240000001</v>
      </c>
      <c r="S7344">
        <v>78804.832859999995</v>
      </c>
      <c r="T7344">
        <v>25369.43779</v>
      </c>
      <c r="U7344">
        <v>13015.73452</v>
      </c>
      <c r="W7344" s="83">
        <f>Bühler!N7376</f>
        <v>45597.91666664886</v>
      </c>
      <c r="X7344" s="83">
        <v>43406.916666666664</v>
      </c>
      <c r="Y7344">
        <v>210681.73319999999</v>
      </c>
      <c r="Z7344">
        <v>14365.560799999999</v>
      </c>
      <c r="AA7344">
        <v>53016.981959999997</v>
      </c>
      <c r="AB7344">
        <v>37569.809789999999</v>
      </c>
      <c r="AC7344">
        <v>37344.501850000001</v>
      </c>
      <c r="AD7344">
        <v>25109.075000000001</v>
      </c>
      <c r="AE7344">
        <v>31362.091560000001</v>
      </c>
      <c r="AF7344">
        <v>52796.772100000002</v>
      </c>
      <c r="AG7344">
        <v>27199.51528</v>
      </c>
      <c r="AH7344">
        <v>282453.67009999999</v>
      </c>
      <c r="AI7344">
        <v>71831.12917</v>
      </c>
      <c r="AJ7344">
        <v>20334.191419999999</v>
      </c>
      <c r="AK7344">
        <v>34433.080880000001</v>
      </c>
      <c r="AL7344">
        <v>76624.301229999997</v>
      </c>
      <c r="AM7344">
        <v>23348.787240000001</v>
      </c>
      <c r="AN7344">
        <v>78804.832859999995</v>
      </c>
      <c r="AO7344">
        <v>25369.43779</v>
      </c>
      <c r="AP7344">
        <v>13015.73452</v>
      </c>
    </row>
    <row r="7345" spans="2:42" x14ac:dyDescent="0.3">
      <c r="B7345">
        <v>54.450078176551742</v>
      </c>
      <c r="C7345" s="83">
        <v>43406.958333333336</v>
      </c>
      <c r="D7345">
        <v>207870.89069999999</v>
      </c>
      <c r="E7345">
        <v>13787.72286</v>
      </c>
      <c r="F7345">
        <v>51347.390169999999</v>
      </c>
      <c r="G7345">
        <v>37265.54</v>
      </c>
      <c r="H7345">
        <v>36475.744469999998</v>
      </c>
      <c r="I7345">
        <v>23923.359059999999</v>
      </c>
      <c r="J7345">
        <v>29174.6417</v>
      </c>
      <c r="K7345">
        <v>51590.314749999998</v>
      </c>
      <c r="L7345">
        <v>23065.925660000001</v>
      </c>
      <c r="M7345">
        <v>277611.8909</v>
      </c>
      <c r="N7345">
        <v>70716.567679999993</v>
      </c>
      <c r="O7345">
        <v>20393.263790000001</v>
      </c>
      <c r="P7345">
        <v>30668.845509999999</v>
      </c>
      <c r="Q7345">
        <v>75800.400529999999</v>
      </c>
      <c r="R7345">
        <v>22216.624380000001</v>
      </c>
      <c r="S7345">
        <v>76965.827470000004</v>
      </c>
      <c r="T7345">
        <v>26454.458600000002</v>
      </c>
      <c r="U7345">
        <v>12403.76449</v>
      </c>
      <c r="W7345" s="83">
        <f>Bühler!N7377</f>
        <v>45597.958333315524</v>
      </c>
      <c r="X7345" s="83">
        <v>43406.958333333336</v>
      </c>
      <c r="Y7345">
        <v>207870.89069999999</v>
      </c>
      <c r="Z7345">
        <v>13787.72286</v>
      </c>
      <c r="AA7345">
        <v>51347.390169999999</v>
      </c>
      <c r="AB7345">
        <v>37265.54</v>
      </c>
      <c r="AC7345">
        <v>36475.744469999998</v>
      </c>
      <c r="AD7345">
        <v>23923.359059999999</v>
      </c>
      <c r="AE7345">
        <v>29174.6417</v>
      </c>
      <c r="AF7345">
        <v>51590.314749999998</v>
      </c>
      <c r="AG7345">
        <v>23065.925660000001</v>
      </c>
      <c r="AH7345">
        <v>277611.8909</v>
      </c>
      <c r="AI7345">
        <v>70716.567679999993</v>
      </c>
      <c r="AJ7345">
        <v>20393.263790000001</v>
      </c>
      <c r="AK7345">
        <v>30668.845509999999</v>
      </c>
      <c r="AL7345">
        <v>75800.400529999999</v>
      </c>
      <c r="AM7345">
        <v>22216.624380000001</v>
      </c>
      <c r="AN7345">
        <v>76965.827470000004</v>
      </c>
      <c r="AO7345">
        <v>26454.458600000002</v>
      </c>
      <c r="AP7345">
        <v>12403.76449</v>
      </c>
    </row>
    <row r="7346" spans="2:42" x14ac:dyDescent="0.3">
      <c r="B7346">
        <v>53.785084495589338</v>
      </c>
      <c r="C7346" s="83">
        <v>43407</v>
      </c>
      <c r="D7346">
        <v>205331.82399999999</v>
      </c>
      <c r="E7346">
        <v>13323.19594</v>
      </c>
      <c r="F7346">
        <v>51009.431429999997</v>
      </c>
      <c r="G7346">
        <v>37519.108610000003</v>
      </c>
      <c r="H7346">
        <v>35720.762649999997</v>
      </c>
      <c r="I7346">
        <v>22371.403750000001</v>
      </c>
      <c r="J7346">
        <v>27409.905350000001</v>
      </c>
      <c r="K7346">
        <v>50703.316590000002</v>
      </c>
      <c r="L7346">
        <v>20076.204470000001</v>
      </c>
      <c r="M7346">
        <v>274221.44300000003</v>
      </c>
      <c r="N7346">
        <v>69342.564790000004</v>
      </c>
      <c r="O7346">
        <v>20235.78213</v>
      </c>
      <c r="P7346">
        <v>28257.023789999999</v>
      </c>
      <c r="Q7346">
        <v>74004.860390000002</v>
      </c>
      <c r="R7346">
        <v>20713.059130000001</v>
      </c>
      <c r="S7346">
        <v>75602.465649999998</v>
      </c>
      <c r="T7346">
        <v>25151.359540000001</v>
      </c>
      <c r="U7346">
        <v>12115.479660000001</v>
      </c>
      <c r="W7346" s="83">
        <f>Bühler!N7378</f>
        <v>45597.999999982188</v>
      </c>
      <c r="X7346" s="83">
        <v>43407</v>
      </c>
      <c r="Y7346">
        <v>205331.82399999999</v>
      </c>
      <c r="Z7346">
        <v>13323.19594</v>
      </c>
      <c r="AA7346">
        <v>51009.431429999997</v>
      </c>
      <c r="AB7346">
        <v>37519.108610000003</v>
      </c>
      <c r="AC7346">
        <v>35720.762649999997</v>
      </c>
      <c r="AD7346">
        <v>22371.403750000001</v>
      </c>
      <c r="AE7346">
        <v>27409.905350000001</v>
      </c>
      <c r="AF7346">
        <v>50703.316590000002</v>
      </c>
      <c r="AG7346">
        <v>20076.204470000001</v>
      </c>
      <c r="AH7346">
        <v>274221.44300000003</v>
      </c>
      <c r="AI7346">
        <v>69342.564790000004</v>
      </c>
      <c r="AJ7346">
        <v>20235.78213</v>
      </c>
      <c r="AK7346">
        <v>28257.023789999999</v>
      </c>
      <c r="AL7346">
        <v>74004.860390000002</v>
      </c>
      <c r="AM7346">
        <v>20713.059130000001</v>
      </c>
      <c r="AN7346">
        <v>75602.465649999998</v>
      </c>
      <c r="AO7346">
        <v>25151.359540000001</v>
      </c>
      <c r="AP7346">
        <v>12115.479660000001</v>
      </c>
    </row>
    <row r="7347" spans="2:42" x14ac:dyDescent="0.3">
      <c r="B7347">
        <v>52.839980796395004</v>
      </c>
      <c r="C7347" s="83">
        <v>43407.041666666664</v>
      </c>
      <c r="D7347">
        <v>200881.65289999999</v>
      </c>
      <c r="E7347">
        <v>13336.15064</v>
      </c>
      <c r="F7347">
        <v>51201.80861</v>
      </c>
      <c r="G7347">
        <v>37090.919699999999</v>
      </c>
      <c r="H7347">
        <v>35445.120900000002</v>
      </c>
      <c r="I7347">
        <v>19021.813910000001</v>
      </c>
      <c r="J7347">
        <v>26729.543849999998</v>
      </c>
      <c r="K7347">
        <v>49528.270689999998</v>
      </c>
      <c r="L7347">
        <v>18816.027249999999</v>
      </c>
      <c r="M7347">
        <v>269402.86359999998</v>
      </c>
      <c r="N7347">
        <v>68153.357619999995</v>
      </c>
      <c r="O7347">
        <v>19970.93316</v>
      </c>
      <c r="P7347">
        <v>26433.178909999999</v>
      </c>
      <c r="Q7347">
        <v>72765.814729999998</v>
      </c>
      <c r="R7347">
        <v>20008.007689999999</v>
      </c>
      <c r="S7347">
        <v>75097.481379999997</v>
      </c>
      <c r="T7347">
        <v>24721.368910000001</v>
      </c>
      <c r="U7347">
        <v>11851.97718</v>
      </c>
      <c r="W7347" s="83">
        <f>Bühler!N7379</f>
        <v>45598.041666648853</v>
      </c>
      <c r="X7347" s="83">
        <v>43407.041666666664</v>
      </c>
      <c r="Y7347">
        <v>200881.65289999999</v>
      </c>
      <c r="Z7347">
        <v>13336.15064</v>
      </c>
      <c r="AA7347">
        <v>51201.80861</v>
      </c>
      <c r="AB7347">
        <v>37090.919699999999</v>
      </c>
      <c r="AC7347">
        <v>35445.120900000002</v>
      </c>
      <c r="AD7347">
        <v>19021.813910000001</v>
      </c>
      <c r="AE7347">
        <v>26729.543849999998</v>
      </c>
      <c r="AF7347">
        <v>49528.270689999998</v>
      </c>
      <c r="AG7347">
        <v>18816.027249999999</v>
      </c>
      <c r="AH7347">
        <v>269402.86359999998</v>
      </c>
      <c r="AI7347">
        <v>68153.357619999995</v>
      </c>
      <c r="AJ7347">
        <v>19970.93316</v>
      </c>
      <c r="AK7347">
        <v>26433.178909999999</v>
      </c>
      <c r="AL7347">
        <v>72765.814729999998</v>
      </c>
      <c r="AM7347">
        <v>20008.007689999999</v>
      </c>
      <c r="AN7347">
        <v>75097.481379999997</v>
      </c>
      <c r="AO7347">
        <v>24721.368910000001</v>
      </c>
      <c r="AP7347">
        <v>11851.97718</v>
      </c>
    </row>
    <row r="7348" spans="2:42" x14ac:dyDescent="0.3">
      <c r="B7348">
        <v>52.227869331753475</v>
      </c>
      <c r="C7348" s="83">
        <v>43407.083333333336</v>
      </c>
      <c r="D7348">
        <v>198013.3671</v>
      </c>
      <c r="E7348">
        <v>13201.64789</v>
      </c>
      <c r="F7348">
        <v>51354.332909999997</v>
      </c>
      <c r="G7348">
        <v>36802.98373</v>
      </c>
      <c r="H7348">
        <v>35368.228459999998</v>
      </c>
      <c r="I7348">
        <v>17286.44745</v>
      </c>
      <c r="J7348">
        <v>26470.18634</v>
      </c>
      <c r="K7348">
        <v>47914.899250000002</v>
      </c>
      <c r="L7348">
        <v>17086.59434</v>
      </c>
      <c r="M7348">
        <v>266282.03389999998</v>
      </c>
      <c r="N7348">
        <v>66738.628079999995</v>
      </c>
      <c r="O7348">
        <v>19940.819220000001</v>
      </c>
      <c r="P7348">
        <v>25804.396929999999</v>
      </c>
      <c r="Q7348">
        <v>71927.739100000006</v>
      </c>
      <c r="R7348">
        <v>18742.352139999999</v>
      </c>
      <c r="S7348">
        <v>74322.812080000003</v>
      </c>
      <c r="T7348">
        <v>24051.580450000001</v>
      </c>
      <c r="U7348">
        <v>12193.11009</v>
      </c>
      <c r="W7348" s="83">
        <f>Bühler!N7380</f>
        <v>45598.083333315517</v>
      </c>
      <c r="X7348" s="83">
        <v>43407.083333333336</v>
      </c>
      <c r="Y7348">
        <v>198013.3671</v>
      </c>
      <c r="Z7348">
        <v>13201.64789</v>
      </c>
      <c r="AA7348">
        <v>51354.332909999997</v>
      </c>
      <c r="AB7348">
        <v>36802.98373</v>
      </c>
      <c r="AC7348">
        <v>35368.228459999998</v>
      </c>
      <c r="AD7348">
        <v>17286.44745</v>
      </c>
      <c r="AE7348">
        <v>26470.18634</v>
      </c>
      <c r="AF7348">
        <v>47914.899250000002</v>
      </c>
      <c r="AG7348">
        <v>17086.59434</v>
      </c>
      <c r="AH7348">
        <v>266282.03389999998</v>
      </c>
      <c r="AI7348">
        <v>66738.628079999995</v>
      </c>
      <c r="AJ7348">
        <v>19940.819220000001</v>
      </c>
      <c r="AK7348">
        <v>25804.396929999999</v>
      </c>
      <c r="AL7348">
        <v>71927.739100000006</v>
      </c>
      <c r="AM7348">
        <v>18742.352139999999</v>
      </c>
      <c r="AN7348">
        <v>74322.812080000003</v>
      </c>
      <c r="AO7348">
        <v>24051.580450000001</v>
      </c>
      <c r="AP7348">
        <v>12193.11009</v>
      </c>
    </row>
    <row r="7349" spans="2:42" x14ac:dyDescent="0.3">
      <c r="B7349">
        <v>51.180939168446244</v>
      </c>
      <c r="C7349" s="83">
        <v>43407.125</v>
      </c>
      <c r="D7349">
        <v>192410.889</v>
      </c>
      <c r="E7349">
        <v>13264.35111</v>
      </c>
      <c r="F7349">
        <v>51851.054279999997</v>
      </c>
      <c r="G7349">
        <v>35993.481370000001</v>
      </c>
      <c r="H7349">
        <v>35285.233039999999</v>
      </c>
      <c r="I7349">
        <v>16921.561570000002</v>
      </c>
      <c r="J7349">
        <v>26572.959800000001</v>
      </c>
      <c r="K7349">
        <v>46305.041510000003</v>
      </c>
      <c r="L7349">
        <v>17962.418000000001</v>
      </c>
      <c r="M7349">
        <v>260944.29569999999</v>
      </c>
      <c r="N7349">
        <v>66493.776639999996</v>
      </c>
      <c r="O7349">
        <v>19882.246319999998</v>
      </c>
      <c r="P7349">
        <v>25627.044669999999</v>
      </c>
      <c r="Q7349">
        <v>69879.369330000001</v>
      </c>
      <c r="R7349">
        <v>18560.505529999999</v>
      </c>
      <c r="S7349">
        <v>73852.301930000001</v>
      </c>
      <c r="T7349">
        <v>23891.148560000001</v>
      </c>
      <c r="U7349">
        <v>12455.732770000001</v>
      </c>
      <c r="W7349" s="83">
        <f>Bühler!N7381</f>
        <v>45598.124999982181</v>
      </c>
      <c r="X7349" s="83">
        <v>43407.125</v>
      </c>
      <c r="Y7349">
        <v>192410.889</v>
      </c>
      <c r="Z7349">
        <v>13264.35111</v>
      </c>
      <c r="AA7349">
        <v>51851.054279999997</v>
      </c>
      <c r="AB7349">
        <v>35993.481370000001</v>
      </c>
      <c r="AC7349">
        <v>35285.233039999999</v>
      </c>
      <c r="AD7349">
        <v>16921.561570000002</v>
      </c>
      <c r="AE7349">
        <v>26572.959800000001</v>
      </c>
      <c r="AF7349">
        <v>46305.041510000003</v>
      </c>
      <c r="AG7349">
        <v>17962.418000000001</v>
      </c>
      <c r="AH7349">
        <v>260944.29569999999</v>
      </c>
      <c r="AI7349">
        <v>66493.776639999996</v>
      </c>
      <c r="AJ7349">
        <v>19882.246319999998</v>
      </c>
      <c r="AK7349">
        <v>25627.044669999999</v>
      </c>
      <c r="AL7349">
        <v>69879.369330000001</v>
      </c>
      <c r="AM7349">
        <v>18560.505529999999</v>
      </c>
      <c r="AN7349">
        <v>73852.301930000001</v>
      </c>
      <c r="AO7349">
        <v>23891.148560000001</v>
      </c>
      <c r="AP7349">
        <v>12455.732770000001</v>
      </c>
    </row>
    <row r="7350" spans="2:42" x14ac:dyDescent="0.3">
      <c r="B7350">
        <v>50.12265180551929</v>
      </c>
      <c r="C7350" s="83">
        <v>43407.166666666664</v>
      </c>
      <c r="D7350">
        <v>185865.1881</v>
      </c>
      <c r="E7350">
        <v>13439.2709</v>
      </c>
      <c r="F7350">
        <v>56795.779170000002</v>
      </c>
      <c r="G7350">
        <v>35382.950349999999</v>
      </c>
      <c r="H7350">
        <v>35305.866139999998</v>
      </c>
      <c r="I7350">
        <v>18090.496790000001</v>
      </c>
      <c r="J7350">
        <v>28048.635439999998</v>
      </c>
      <c r="K7350">
        <v>43523.080300000001</v>
      </c>
      <c r="L7350">
        <v>17877.986499999999</v>
      </c>
      <c r="M7350">
        <v>255548.6532</v>
      </c>
      <c r="N7350">
        <v>64899.754789999999</v>
      </c>
      <c r="O7350">
        <v>20267.510880000002</v>
      </c>
      <c r="P7350">
        <v>24059.25417</v>
      </c>
      <c r="Q7350">
        <v>70215.572459999996</v>
      </c>
      <c r="R7350">
        <v>18795.037710000001</v>
      </c>
      <c r="S7350">
        <v>74470.218940000006</v>
      </c>
      <c r="T7350">
        <v>23875.585520000001</v>
      </c>
      <c r="U7350">
        <v>13233.261270000001</v>
      </c>
      <c r="W7350" s="83">
        <f>Bühler!N7382</f>
        <v>45598.166666648845</v>
      </c>
      <c r="X7350" s="83">
        <v>43407.166666666664</v>
      </c>
      <c r="Y7350">
        <v>185865.1881</v>
      </c>
      <c r="Z7350">
        <v>13439.2709</v>
      </c>
      <c r="AA7350">
        <v>56795.779170000002</v>
      </c>
      <c r="AB7350">
        <v>35382.950349999999</v>
      </c>
      <c r="AC7350">
        <v>35305.866139999998</v>
      </c>
      <c r="AD7350">
        <v>18090.496790000001</v>
      </c>
      <c r="AE7350">
        <v>28048.635439999998</v>
      </c>
      <c r="AF7350">
        <v>43523.080300000001</v>
      </c>
      <c r="AG7350">
        <v>17877.986499999999</v>
      </c>
      <c r="AH7350">
        <v>255548.6532</v>
      </c>
      <c r="AI7350">
        <v>64899.754789999999</v>
      </c>
      <c r="AJ7350">
        <v>20267.510880000002</v>
      </c>
      <c r="AK7350">
        <v>24059.25417</v>
      </c>
      <c r="AL7350">
        <v>70215.572459999996</v>
      </c>
      <c r="AM7350">
        <v>18795.037710000001</v>
      </c>
      <c r="AN7350">
        <v>74470.218940000006</v>
      </c>
      <c r="AO7350">
        <v>23875.585520000001</v>
      </c>
      <c r="AP7350">
        <v>13233.261270000001</v>
      </c>
    </row>
    <row r="7351" spans="2:42" x14ac:dyDescent="0.3">
      <c r="B7351">
        <v>49.415362856620035</v>
      </c>
      <c r="C7351" s="83">
        <v>43407.208333333336</v>
      </c>
      <c r="D7351">
        <v>181458.95129999999</v>
      </c>
      <c r="E7351">
        <v>14132.49438</v>
      </c>
      <c r="F7351">
        <v>63600.74583</v>
      </c>
      <c r="G7351">
        <v>35860.892870000003</v>
      </c>
      <c r="H7351">
        <v>36211.34822</v>
      </c>
      <c r="I7351">
        <v>24716.656050000001</v>
      </c>
      <c r="J7351">
        <v>30349.48214</v>
      </c>
      <c r="K7351">
        <v>43081.990550000002</v>
      </c>
      <c r="L7351">
        <v>17389.278190000001</v>
      </c>
      <c r="M7351">
        <v>251942.5643</v>
      </c>
      <c r="N7351">
        <v>62704.767500000002</v>
      </c>
      <c r="O7351">
        <v>20346.125970000001</v>
      </c>
      <c r="P7351">
        <v>24706.370940000001</v>
      </c>
      <c r="Q7351">
        <v>68352.858989999993</v>
      </c>
      <c r="R7351">
        <v>19047.634689999999</v>
      </c>
      <c r="S7351">
        <v>76302.707819999996</v>
      </c>
      <c r="T7351">
        <v>24583.97868</v>
      </c>
      <c r="U7351">
        <v>13397.09489</v>
      </c>
      <c r="W7351" s="83">
        <f>Bühler!N7383</f>
        <v>45598.20833331551</v>
      </c>
      <c r="X7351" s="83">
        <v>43407.208333333336</v>
      </c>
      <c r="Y7351">
        <v>181458.95129999999</v>
      </c>
      <c r="Z7351">
        <v>14132.49438</v>
      </c>
      <c r="AA7351">
        <v>63600.74583</v>
      </c>
      <c r="AB7351">
        <v>35860.892870000003</v>
      </c>
      <c r="AC7351">
        <v>36211.34822</v>
      </c>
      <c r="AD7351">
        <v>24716.656050000001</v>
      </c>
      <c r="AE7351">
        <v>30349.48214</v>
      </c>
      <c r="AF7351">
        <v>43081.990550000002</v>
      </c>
      <c r="AG7351">
        <v>17389.278190000001</v>
      </c>
      <c r="AH7351">
        <v>251942.5643</v>
      </c>
      <c r="AI7351">
        <v>62704.767500000002</v>
      </c>
      <c r="AJ7351">
        <v>20346.125970000001</v>
      </c>
      <c r="AK7351">
        <v>24706.370940000001</v>
      </c>
      <c r="AL7351">
        <v>68352.858989999993</v>
      </c>
      <c r="AM7351">
        <v>19047.634689999999</v>
      </c>
      <c r="AN7351">
        <v>76302.707819999996</v>
      </c>
      <c r="AO7351">
        <v>24583.97868</v>
      </c>
      <c r="AP7351">
        <v>13397.09489</v>
      </c>
    </row>
    <row r="7352" spans="2:42" x14ac:dyDescent="0.3">
      <c r="B7352">
        <v>49.694739281698808</v>
      </c>
      <c r="C7352" s="83">
        <v>43407.25</v>
      </c>
      <c r="D7352">
        <v>182249.3743</v>
      </c>
      <c r="E7352">
        <v>15530.62082</v>
      </c>
      <c r="F7352">
        <v>73626.346609999993</v>
      </c>
      <c r="G7352">
        <v>37423.062480000001</v>
      </c>
      <c r="H7352">
        <v>36296.671009999998</v>
      </c>
      <c r="I7352">
        <v>27801.07129</v>
      </c>
      <c r="J7352">
        <v>33022.594340000003</v>
      </c>
      <c r="K7352">
        <v>41972.374389999997</v>
      </c>
      <c r="L7352">
        <v>17664.847720000002</v>
      </c>
      <c r="M7352">
        <v>253366.95559999999</v>
      </c>
      <c r="N7352">
        <v>62948.638359999997</v>
      </c>
      <c r="O7352">
        <v>20213.240669999999</v>
      </c>
      <c r="P7352">
        <v>25226.200959999998</v>
      </c>
      <c r="Q7352">
        <v>67648.705830000006</v>
      </c>
      <c r="R7352">
        <v>17170.637190000001</v>
      </c>
      <c r="S7352">
        <v>80037.215259999997</v>
      </c>
      <c r="T7352">
        <v>25561.424739999999</v>
      </c>
      <c r="U7352">
        <v>13203.55214</v>
      </c>
      <c r="W7352" s="83">
        <f>Bühler!N7384</f>
        <v>45598.249999982174</v>
      </c>
      <c r="X7352" s="83">
        <v>43407.25</v>
      </c>
      <c r="Y7352">
        <v>182249.3743</v>
      </c>
      <c r="Z7352">
        <v>15530.62082</v>
      </c>
      <c r="AA7352">
        <v>73626.346609999993</v>
      </c>
      <c r="AB7352">
        <v>37423.062480000001</v>
      </c>
      <c r="AC7352">
        <v>36296.671009999998</v>
      </c>
      <c r="AD7352">
        <v>27801.07129</v>
      </c>
      <c r="AE7352">
        <v>33022.594340000003</v>
      </c>
      <c r="AF7352">
        <v>41972.374389999997</v>
      </c>
      <c r="AG7352">
        <v>17664.847720000002</v>
      </c>
      <c r="AH7352">
        <v>253366.95559999999</v>
      </c>
      <c r="AI7352">
        <v>62948.638359999997</v>
      </c>
      <c r="AJ7352">
        <v>20213.240669999999</v>
      </c>
      <c r="AK7352">
        <v>25226.200959999998</v>
      </c>
      <c r="AL7352">
        <v>67648.705830000006</v>
      </c>
      <c r="AM7352">
        <v>17170.637190000001</v>
      </c>
      <c r="AN7352">
        <v>80037.215259999997</v>
      </c>
      <c r="AO7352">
        <v>25561.424739999999</v>
      </c>
      <c r="AP7352">
        <v>13203.55214</v>
      </c>
    </row>
    <row r="7353" spans="2:42" x14ac:dyDescent="0.3">
      <c r="B7353">
        <v>49.520009325619839</v>
      </c>
      <c r="C7353" s="83">
        <v>43407.291666666664</v>
      </c>
      <c r="D7353">
        <v>182326.6361</v>
      </c>
      <c r="E7353">
        <v>17255.281480000001</v>
      </c>
      <c r="F7353">
        <v>75277.196370000005</v>
      </c>
      <c r="G7353">
        <v>37557.403200000001</v>
      </c>
      <c r="H7353">
        <v>35952.904719999999</v>
      </c>
      <c r="I7353">
        <v>28929.00346</v>
      </c>
      <c r="J7353">
        <v>32936.190020000002</v>
      </c>
      <c r="K7353">
        <v>42199.056069999999</v>
      </c>
      <c r="L7353">
        <v>18909.99494</v>
      </c>
      <c r="M7353">
        <v>252476.10079999999</v>
      </c>
      <c r="N7353">
        <v>62724.429609999999</v>
      </c>
      <c r="O7353">
        <v>20428.073130000001</v>
      </c>
      <c r="P7353">
        <v>26244.64876</v>
      </c>
      <c r="Q7353">
        <v>67546.955610000005</v>
      </c>
      <c r="R7353">
        <v>18423.342410000001</v>
      </c>
      <c r="S7353">
        <v>86493.071450000003</v>
      </c>
      <c r="T7353">
        <v>23229.659530000001</v>
      </c>
      <c r="U7353">
        <v>13209.23207</v>
      </c>
      <c r="W7353" s="83">
        <f>Bühler!N7385</f>
        <v>45598.291666648838</v>
      </c>
      <c r="X7353" s="83">
        <v>43407.291666666664</v>
      </c>
      <c r="Y7353">
        <v>182326.6361</v>
      </c>
      <c r="Z7353">
        <v>17255.281480000001</v>
      </c>
      <c r="AA7353">
        <v>75277.196370000005</v>
      </c>
      <c r="AB7353">
        <v>37557.403200000001</v>
      </c>
      <c r="AC7353">
        <v>35952.904719999999</v>
      </c>
      <c r="AD7353">
        <v>28929.00346</v>
      </c>
      <c r="AE7353">
        <v>32936.190020000002</v>
      </c>
      <c r="AF7353">
        <v>42199.056069999999</v>
      </c>
      <c r="AG7353">
        <v>18909.99494</v>
      </c>
      <c r="AH7353">
        <v>252476.10079999999</v>
      </c>
      <c r="AI7353">
        <v>62724.429609999999</v>
      </c>
      <c r="AJ7353">
        <v>20428.073130000001</v>
      </c>
      <c r="AK7353">
        <v>26244.64876</v>
      </c>
      <c r="AL7353">
        <v>67546.955610000005</v>
      </c>
      <c r="AM7353">
        <v>18423.342410000001</v>
      </c>
      <c r="AN7353">
        <v>86493.071450000003</v>
      </c>
      <c r="AO7353">
        <v>23229.659530000001</v>
      </c>
      <c r="AP7353">
        <v>13209.23207</v>
      </c>
    </row>
    <row r="7354" spans="2:42" x14ac:dyDescent="0.3">
      <c r="B7354">
        <v>48.747352170352833</v>
      </c>
      <c r="C7354" s="83">
        <v>43407.333333333336</v>
      </c>
      <c r="D7354">
        <v>180480.13920000001</v>
      </c>
      <c r="E7354">
        <v>19138.177670000001</v>
      </c>
      <c r="F7354">
        <v>79651.310310000001</v>
      </c>
      <c r="G7354">
        <v>37451.396220000002</v>
      </c>
      <c r="H7354">
        <v>35975.477440000002</v>
      </c>
      <c r="I7354">
        <v>30177.404589999998</v>
      </c>
      <c r="J7354">
        <v>32075.625479999999</v>
      </c>
      <c r="K7354">
        <v>42316.831740000001</v>
      </c>
      <c r="L7354">
        <v>20064.74235</v>
      </c>
      <c r="M7354">
        <v>248536.73430000001</v>
      </c>
      <c r="N7354">
        <v>64541.87788</v>
      </c>
      <c r="O7354">
        <v>20369.72898</v>
      </c>
      <c r="P7354">
        <v>27529.686600000001</v>
      </c>
      <c r="Q7354">
        <v>68265.610910000003</v>
      </c>
      <c r="R7354">
        <v>19068.90266</v>
      </c>
      <c r="S7354">
        <v>87769.416800000006</v>
      </c>
      <c r="T7354">
        <v>24055.736130000001</v>
      </c>
      <c r="U7354">
        <v>12781.81076</v>
      </c>
      <c r="W7354" s="83">
        <f>Bühler!N7386</f>
        <v>45598.333333315502</v>
      </c>
      <c r="X7354" s="83">
        <v>43407.333333333336</v>
      </c>
      <c r="Y7354">
        <v>180480.13920000001</v>
      </c>
      <c r="Z7354">
        <v>19138.177670000001</v>
      </c>
      <c r="AA7354">
        <v>79651.310310000001</v>
      </c>
      <c r="AB7354">
        <v>37451.396220000002</v>
      </c>
      <c r="AC7354">
        <v>35975.477440000002</v>
      </c>
      <c r="AD7354">
        <v>30177.404589999998</v>
      </c>
      <c r="AE7354">
        <v>32075.625479999999</v>
      </c>
      <c r="AF7354">
        <v>42316.831740000001</v>
      </c>
      <c r="AG7354">
        <v>20064.74235</v>
      </c>
      <c r="AH7354">
        <v>248536.73430000001</v>
      </c>
      <c r="AI7354">
        <v>64541.87788</v>
      </c>
      <c r="AJ7354">
        <v>20369.72898</v>
      </c>
      <c r="AK7354">
        <v>27529.686600000001</v>
      </c>
      <c r="AL7354">
        <v>68265.610910000003</v>
      </c>
      <c r="AM7354">
        <v>19068.90266</v>
      </c>
      <c r="AN7354">
        <v>87769.416800000006</v>
      </c>
      <c r="AO7354">
        <v>24055.736130000001</v>
      </c>
      <c r="AP7354">
        <v>12781.81076</v>
      </c>
    </row>
    <row r="7355" spans="2:42" x14ac:dyDescent="0.3">
      <c r="B7355">
        <v>48.096071868142118</v>
      </c>
      <c r="C7355" s="83">
        <v>43407.375</v>
      </c>
      <c r="D7355">
        <v>179025.43640000001</v>
      </c>
      <c r="E7355">
        <v>20760.438470000001</v>
      </c>
      <c r="F7355">
        <v>84459.686900000001</v>
      </c>
      <c r="G7355">
        <v>37339.404069999997</v>
      </c>
      <c r="H7355">
        <v>35846.790999999997</v>
      </c>
      <c r="I7355">
        <v>29343.469840000002</v>
      </c>
      <c r="J7355">
        <v>31775.969720000001</v>
      </c>
      <c r="K7355">
        <v>43473.323040000003</v>
      </c>
      <c r="L7355">
        <v>22275.613840000002</v>
      </c>
      <c r="M7355">
        <v>245216.20360000001</v>
      </c>
      <c r="N7355">
        <v>64997.53845</v>
      </c>
      <c r="O7355">
        <v>19915.128339999999</v>
      </c>
      <c r="P7355">
        <v>29550.47293</v>
      </c>
      <c r="Q7355">
        <v>67252.036569999997</v>
      </c>
      <c r="R7355">
        <v>18878.726630000001</v>
      </c>
      <c r="S7355">
        <v>88085.001180000007</v>
      </c>
      <c r="T7355">
        <v>24768.099289999998</v>
      </c>
      <c r="U7355">
        <v>12627.98173</v>
      </c>
      <c r="W7355" s="83">
        <f>Bühler!N7387</f>
        <v>45598.374999982167</v>
      </c>
      <c r="X7355" s="83">
        <v>43407.375</v>
      </c>
      <c r="Y7355">
        <v>179025.43640000001</v>
      </c>
      <c r="Z7355">
        <v>20760.438470000001</v>
      </c>
      <c r="AA7355">
        <v>84459.686900000001</v>
      </c>
      <c r="AB7355">
        <v>37339.404069999997</v>
      </c>
      <c r="AC7355">
        <v>35846.790999999997</v>
      </c>
      <c r="AD7355">
        <v>29343.469840000002</v>
      </c>
      <c r="AE7355">
        <v>31775.969720000001</v>
      </c>
      <c r="AF7355">
        <v>43473.323040000003</v>
      </c>
      <c r="AG7355">
        <v>22275.613840000002</v>
      </c>
      <c r="AH7355">
        <v>245216.20360000001</v>
      </c>
      <c r="AI7355">
        <v>64997.53845</v>
      </c>
      <c r="AJ7355">
        <v>19915.128339999999</v>
      </c>
      <c r="AK7355">
        <v>29550.47293</v>
      </c>
      <c r="AL7355">
        <v>67252.036569999997</v>
      </c>
      <c r="AM7355">
        <v>18878.726630000001</v>
      </c>
      <c r="AN7355">
        <v>88085.001180000007</v>
      </c>
      <c r="AO7355">
        <v>24768.099289999998</v>
      </c>
      <c r="AP7355">
        <v>12627.98173</v>
      </c>
    </row>
    <row r="7356" spans="2:42" x14ac:dyDescent="0.3">
      <c r="B7356">
        <v>48.442814767168869</v>
      </c>
      <c r="C7356" s="83">
        <v>43407.416666666664</v>
      </c>
      <c r="D7356">
        <v>178553.94760000001</v>
      </c>
      <c r="E7356">
        <v>21503.44916</v>
      </c>
      <c r="F7356">
        <v>85385.766699999993</v>
      </c>
      <c r="G7356">
        <v>37502.605669999997</v>
      </c>
      <c r="H7356">
        <v>36556.896009999997</v>
      </c>
      <c r="I7356">
        <v>27920.790980000002</v>
      </c>
      <c r="J7356">
        <v>31378.282039999998</v>
      </c>
      <c r="K7356">
        <v>44667.211190000002</v>
      </c>
      <c r="L7356">
        <v>23394.719980000002</v>
      </c>
      <c r="M7356">
        <v>246984.0606</v>
      </c>
      <c r="N7356">
        <v>66290.019499999995</v>
      </c>
      <c r="O7356">
        <v>20230.77924</v>
      </c>
      <c r="P7356">
        <v>29069.323479999999</v>
      </c>
      <c r="Q7356">
        <v>68008.888680000004</v>
      </c>
      <c r="R7356">
        <v>19903.10025</v>
      </c>
      <c r="S7356">
        <v>88497.807320000007</v>
      </c>
      <c r="T7356">
        <v>26709.83844</v>
      </c>
      <c r="U7356">
        <v>12459.76957</v>
      </c>
      <c r="W7356" s="83">
        <f>Bühler!N7388</f>
        <v>45598.416666648831</v>
      </c>
      <c r="X7356" s="83">
        <v>43407.416666666664</v>
      </c>
      <c r="Y7356">
        <v>178553.94760000001</v>
      </c>
      <c r="Z7356">
        <v>21503.44916</v>
      </c>
      <c r="AA7356">
        <v>85385.766699999993</v>
      </c>
      <c r="AB7356">
        <v>37502.605669999997</v>
      </c>
      <c r="AC7356">
        <v>36556.896009999997</v>
      </c>
      <c r="AD7356">
        <v>27920.790980000002</v>
      </c>
      <c r="AE7356">
        <v>31378.282039999998</v>
      </c>
      <c r="AF7356">
        <v>44667.211190000002</v>
      </c>
      <c r="AG7356">
        <v>23394.719980000002</v>
      </c>
      <c r="AH7356">
        <v>246984.0606</v>
      </c>
      <c r="AI7356">
        <v>66290.019499999995</v>
      </c>
      <c r="AJ7356">
        <v>20230.77924</v>
      </c>
      <c r="AK7356">
        <v>29069.323479999999</v>
      </c>
      <c r="AL7356">
        <v>68008.888680000004</v>
      </c>
      <c r="AM7356">
        <v>19903.10025</v>
      </c>
      <c r="AN7356">
        <v>88497.807320000007</v>
      </c>
      <c r="AO7356">
        <v>26709.83844</v>
      </c>
      <c r="AP7356">
        <v>12459.76957</v>
      </c>
    </row>
    <row r="7357" spans="2:42" x14ac:dyDescent="0.3">
      <c r="B7357">
        <v>48.425130233438004</v>
      </c>
      <c r="C7357" s="83">
        <v>43407.458333333336</v>
      </c>
      <c r="D7357">
        <v>174499.16529999999</v>
      </c>
      <c r="E7357">
        <v>21090.076069999999</v>
      </c>
      <c r="F7357">
        <v>85282.98934</v>
      </c>
      <c r="G7357">
        <v>37412.604910000002</v>
      </c>
      <c r="H7357">
        <v>36430.197939999998</v>
      </c>
      <c r="I7357">
        <v>27224.25418</v>
      </c>
      <c r="J7357">
        <v>31349.757600000001</v>
      </c>
      <c r="K7357">
        <v>46167.813609999997</v>
      </c>
      <c r="L7357">
        <v>23815.629720000001</v>
      </c>
      <c r="M7357">
        <v>246893.89660000001</v>
      </c>
      <c r="N7357">
        <v>64969.894849999997</v>
      </c>
      <c r="O7357">
        <v>20229.654900000001</v>
      </c>
      <c r="P7357">
        <v>28699.655269999999</v>
      </c>
      <c r="Q7357">
        <v>66225.178320000006</v>
      </c>
      <c r="R7357">
        <v>19433.258620000001</v>
      </c>
      <c r="S7357">
        <v>90194.375419999997</v>
      </c>
      <c r="T7357">
        <v>26023.27432</v>
      </c>
      <c r="U7357">
        <v>11910.81695</v>
      </c>
      <c r="W7357" s="83">
        <f>Bühler!N7389</f>
        <v>45598.458333315495</v>
      </c>
      <c r="X7357" s="83">
        <v>43407.458333333336</v>
      </c>
      <c r="Y7357">
        <v>174499.16529999999</v>
      </c>
      <c r="Z7357">
        <v>21090.076069999999</v>
      </c>
      <c r="AA7357">
        <v>85282.98934</v>
      </c>
      <c r="AB7357">
        <v>37412.604910000002</v>
      </c>
      <c r="AC7357">
        <v>36430.197939999998</v>
      </c>
      <c r="AD7357">
        <v>27224.25418</v>
      </c>
      <c r="AE7357">
        <v>31349.757600000001</v>
      </c>
      <c r="AF7357">
        <v>46167.813609999997</v>
      </c>
      <c r="AG7357">
        <v>23815.629720000001</v>
      </c>
      <c r="AH7357">
        <v>246893.89660000001</v>
      </c>
      <c r="AI7357">
        <v>64969.894849999997</v>
      </c>
      <c r="AJ7357">
        <v>20229.654900000001</v>
      </c>
      <c r="AK7357">
        <v>28699.655269999999</v>
      </c>
      <c r="AL7357">
        <v>66225.178320000006</v>
      </c>
      <c r="AM7357">
        <v>19433.258620000001</v>
      </c>
      <c r="AN7357">
        <v>90194.375419999997</v>
      </c>
      <c r="AO7357">
        <v>26023.27432</v>
      </c>
      <c r="AP7357">
        <v>11910.81695</v>
      </c>
    </row>
    <row r="7358" spans="2:42" x14ac:dyDescent="0.3">
      <c r="B7358">
        <v>47.613512950423285</v>
      </c>
      <c r="C7358" s="83">
        <v>43407.5</v>
      </c>
      <c r="D7358">
        <v>169160.799</v>
      </c>
      <c r="E7358">
        <v>20621.600050000001</v>
      </c>
      <c r="F7358">
        <v>85128.80846</v>
      </c>
      <c r="G7358">
        <v>36442.520550000001</v>
      </c>
      <c r="H7358">
        <v>35384.675990000003</v>
      </c>
      <c r="I7358">
        <v>27559.44426</v>
      </c>
      <c r="J7358">
        <v>31609.584200000001</v>
      </c>
      <c r="K7358">
        <v>45822.540979999998</v>
      </c>
      <c r="L7358">
        <v>23534.612840000002</v>
      </c>
      <c r="M7358">
        <v>242755.89319999999</v>
      </c>
      <c r="N7358">
        <v>64054.978089999997</v>
      </c>
      <c r="O7358">
        <v>20150.04247</v>
      </c>
      <c r="P7358">
        <v>28387.791249999998</v>
      </c>
      <c r="Q7358">
        <v>64977.685100000002</v>
      </c>
      <c r="R7358">
        <v>19229.49252</v>
      </c>
      <c r="S7358">
        <v>86499.209489999994</v>
      </c>
      <c r="T7358">
        <v>26083.647260000002</v>
      </c>
      <c r="U7358">
        <v>11125.19953</v>
      </c>
      <c r="W7358" s="83">
        <f>Bühler!N7390</f>
        <v>45598.499999982159</v>
      </c>
      <c r="X7358" s="83">
        <v>43407.5</v>
      </c>
      <c r="Y7358">
        <v>169160.799</v>
      </c>
      <c r="Z7358">
        <v>20621.600050000001</v>
      </c>
      <c r="AA7358">
        <v>85128.80846</v>
      </c>
      <c r="AB7358">
        <v>36442.520550000001</v>
      </c>
      <c r="AC7358">
        <v>35384.675990000003</v>
      </c>
      <c r="AD7358">
        <v>27559.44426</v>
      </c>
      <c r="AE7358">
        <v>31609.584200000001</v>
      </c>
      <c r="AF7358">
        <v>45822.540979999998</v>
      </c>
      <c r="AG7358">
        <v>23534.612840000002</v>
      </c>
      <c r="AH7358">
        <v>242755.89319999999</v>
      </c>
      <c r="AI7358">
        <v>64054.978089999997</v>
      </c>
      <c r="AJ7358">
        <v>20150.04247</v>
      </c>
      <c r="AK7358">
        <v>28387.791249999998</v>
      </c>
      <c r="AL7358">
        <v>64977.685100000002</v>
      </c>
      <c r="AM7358">
        <v>19229.49252</v>
      </c>
      <c r="AN7358">
        <v>86499.209489999994</v>
      </c>
      <c r="AO7358">
        <v>26083.647260000002</v>
      </c>
      <c r="AP7358">
        <v>11125.19953</v>
      </c>
    </row>
    <row r="7359" spans="2:42" x14ac:dyDescent="0.3">
      <c r="B7359">
        <v>46.783143283144845</v>
      </c>
      <c r="C7359" s="83">
        <v>43407.541666666664</v>
      </c>
      <c r="D7359">
        <v>166250.10999999999</v>
      </c>
      <c r="E7359">
        <v>20497.783360000001</v>
      </c>
      <c r="F7359">
        <v>87919.744409999999</v>
      </c>
      <c r="G7359">
        <v>36166.97625</v>
      </c>
      <c r="H7359">
        <v>35884.34274</v>
      </c>
      <c r="I7359">
        <v>27893.90598</v>
      </c>
      <c r="J7359">
        <v>30284.288820000002</v>
      </c>
      <c r="K7359">
        <v>45781.731599999999</v>
      </c>
      <c r="L7359">
        <v>24097.333129999999</v>
      </c>
      <c r="M7359">
        <v>238522.28140000001</v>
      </c>
      <c r="N7359">
        <v>62551.001499999998</v>
      </c>
      <c r="O7359">
        <v>20223.13105</v>
      </c>
      <c r="P7359">
        <v>28345.639220000001</v>
      </c>
      <c r="Q7359">
        <v>63416.173600000002</v>
      </c>
      <c r="R7359">
        <v>20996.856680000001</v>
      </c>
      <c r="S7359">
        <v>87435.464430000007</v>
      </c>
      <c r="T7359">
        <v>26346.811259999999</v>
      </c>
      <c r="U7359">
        <v>10717.20736</v>
      </c>
      <c r="W7359" s="83">
        <f>Bühler!N7391</f>
        <v>45598.541666648824</v>
      </c>
      <c r="X7359" s="83">
        <v>43407.541666666664</v>
      </c>
      <c r="Y7359">
        <v>166250.10999999999</v>
      </c>
      <c r="Z7359">
        <v>20497.783360000001</v>
      </c>
      <c r="AA7359">
        <v>87919.744409999999</v>
      </c>
      <c r="AB7359">
        <v>36166.97625</v>
      </c>
      <c r="AC7359">
        <v>35884.34274</v>
      </c>
      <c r="AD7359">
        <v>27893.90598</v>
      </c>
      <c r="AE7359">
        <v>30284.288820000002</v>
      </c>
      <c r="AF7359">
        <v>45781.731599999999</v>
      </c>
      <c r="AG7359">
        <v>24097.333129999999</v>
      </c>
      <c r="AH7359">
        <v>238522.28140000001</v>
      </c>
      <c r="AI7359">
        <v>62551.001499999998</v>
      </c>
      <c r="AJ7359">
        <v>20223.13105</v>
      </c>
      <c r="AK7359">
        <v>28345.639220000001</v>
      </c>
      <c r="AL7359">
        <v>63416.173600000002</v>
      </c>
      <c r="AM7359">
        <v>20996.856680000001</v>
      </c>
      <c r="AN7359">
        <v>87435.464430000007</v>
      </c>
      <c r="AO7359">
        <v>26346.811259999999</v>
      </c>
      <c r="AP7359">
        <v>10717.20736</v>
      </c>
    </row>
    <row r="7360" spans="2:42" x14ac:dyDescent="0.3">
      <c r="B7360">
        <v>46.620413641649996</v>
      </c>
      <c r="C7360" s="83">
        <v>43407.583333333336</v>
      </c>
      <c r="D7360">
        <v>165603.6636</v>
      </c>
      <c r="E7360">
        <v>20930.12657</v>
      </c>
      <c r="F7360">
        <v>88040.579840000006</v>
      </c>
      <c r="G7360">
        <v>35748.642039999999</v>
      </c>
      <c r="H7360">
        <v>36301.946669999998</v>
      </c>
      <c r="I7360">
        <v>28506.084500000001</v>
      </c>
      <c r="J7360">
        <v>30581.675650000001</v>
      </c>
      <c r="K7360">
        <v>46427.3534</v>
      </c>
      <c r="L7360">
        <v>23953.474320000001</v>
      </c>
      <c r="M7360">
        <v>237692.60980000001</v>
      </c>
      <c r="N7360">
        <v>62727.792549999998</v>
      </c>
      <c r="O7360">
        <v>20466.307919999999</v>
      </c>
      <c r="P7360">
        <v>29112.174289999999</v>
      </c>
      <c r="Q7360">
        <v>61659.792359999999</v>
      </c>
      <c r="R7360">
        <v>19305.963670000001</v>
      </c>
      <c r="S7360">
        <v>85784.236499999999</v>
      </c>
      <c r="T7360">
        <v>26995.044040000001</v>
      </c>
      <c r="U7360">
        <v>11063.09129</v>
      </c>
      <c r="W7360" s="83">
        <f>Bühler!N7392</f>
        <v>45598.583333315488</v>
      </c>
      <c r="X7360" s="83">
        <v>43407.583333333336</v>
      </c>
      <c r="Y7360">
        <v>165603.6636</v>
      </c>
      <c r="Z7360">
        <v>20930.12657</v>
      </c>
      <c r="AA7360">
        <v>88040.579840000006</v>
      </c>
      <c r="AB7360">
        <v>35748.642039999999</v>
      </c>
      <c r="AC7360">
        <v>36301.946669999998</v>
      </c>
      <c r="AD7360">
        <v>28506.084500000001</v>
      </c>
      <c r="AE7360">
        <v>30581.675650000001</v>
      </c>
      <c r="AF7360">
        <v>46427.3534</v>
      </c>
      <c r="AG7360">
        <v>23953.474320000001</v>
      </c>
      <c r="AH7360">
        <v>237692.60980000001</v>
      </c>
      <c r="AI7360">
        <v>62727.792549999998</v>
      </c>
      <c r="AJ7360">
        <v>20466.307919999999</v>
      </c>
      <c r="AK7360">
        <v>29112.174289999999</v>
      </c>
      <c r="AL7360">
        <v>61659.792359999999</v>
      </c>
      <c r="AM7360">
        <v>19305.963670000001</v>
      </c>
      <c r="AN7360">
        <v>85784.236499999999</v>
      </c>
      <c r="AO7360">
        <v>26995.044040000001</v>
      </c>
      <c r="AP7360">
        <v>11063.09129</v>
      </c>
    </row>
    <row r="7361" spans="2:42" x14ac:dyDescent="0.3">
      <c r="B7361">
        <v>43.200595125536729</v>
      </c>
      <c r="C7361" s="83">
        <v>43407.625</v>
      </c>
      <c r="D7361">
        <v>165228.58540000001</v>
      </c>
      <c r="E7361">
        <v>20458.905449999998</v>
      </c>
      <c r="F7361">
        <v>84862.64688</v>
      </c>
      <c r="G7361">
        <v>35533.892899999999</v>
      </c>
      <c r="H7361">
        <v>34889.925710000003</v>
      </c>
      <c r="I7361">
        <v>28337.291539999998</v>
      </c>
      <c r="J7361">
        <v>30286.30328</v>
      </c>
      <c r="K7361">
        <v>46757.25344</v>
      </c>
      <c r="L7361">
        <v>23302.31451</v>
      </c>
      <c r="M7361">
        <v>220256.78020000001</v>
      </c>
      <c r="N7361">
        <v>63287.106189999999</v>
      </c>
      <c r="O7361">
        <v>19752.346320000001</v>
      </c>
      <c r="P7361">
        <v>28596.646509999999</v>
      </c>
      <c r="Q7361">
        <v>61126.078500000003</v>
      </c>
      <c r="R7361">
        <v>19112.58887</v>
      </c>
      <c r="S7361">
        <v>85292.271519999995</v>
      </c>
      <c r="T7361">
        <v>27242.557840000001</v>
      </c>
      <c r="U7361">
        <v>10841.30322</v>
      </c>
      <c r="W7361" s="83">
        <f>Bühler!N7393</f>
        <v>45598.624999982152</v>
      </c>
      <c r="X7361" s="83">
        <v>43407.625</v>
      </c>
      <c r="Y7361">
        <v>165228.58540000001</v>
      </c>
      <c r="Z7361">
        <v>20458.905449999998</v>
      </c>
      <c r="AA7361">
        <v>84862.64688</v>
      </c>
      <c r="AB7361">
        <v>35533.892899999999</v>
      </c>
      <c r="AC7361">
        <v>34889.925710000003</v>
      </c>
      <c r="AD7361">
        <v>28337.291539999998</v>
      </c>
      <c r="AE7361">
        <v>30286.30328</v>
      </c>
      <c r="AF7361">
        <v>46757.25344</v>
      </c>
      <c r="AG7361">
        <v>23302.31451</v>
      </c>
      <c r="AH7361">
        <v>220256.78020000001</v>
      </c>
      <c r="AI7361">
        <v>63287.106189999999</v>
      </c>
      <c r="AJ7361">
        <v>19752.346320000001</v>
      </c>
      <c r="AK7361">
        <v>28596.646509999999</v>
      </c>
      <c r="AL7361">
        <v>61126.078500000003</v>
      </c>
      <c r="AM7361">
        <v>19112.58887</v>
      </c>
      <c r="AN7361">
        <v>85292.271519999995</v>
      </c>
      <c r="AO7361">
        <v>27242.557840000001</v>
      </c>
      <c r="AP7361">
        <v>10841.30322</v>
      </c>
    </row>
    <row r="7362" spans="2:42" x14ac:dyDescent="0.3">
      <c r="B7362">
        <v>40.835510491992821</v>
      </c>
      <c r="C7362" s="83">
        <v>43407.666666666664</v>
      </c>
      <c r="D7362">
        <v>164115.10999999999</v>
      </c>
      <c r="E7362">
        <v>21134.69166</v>
      </c>
      <c r="F7362">
        <v>88511.819829999993</v>
      </c>
      <c r="G7362">
        <v>35982.175040000002</v>
      </c>
      <c r="H7362">
        <v>35874.888400000003</v>
      </c>
      <c r="I7362">
        <v>28829.72755</v>
      </c>
      <c r="J7362">
        <v>30284.97955</v>
      </c>
      <c r="K7362">
        <v>46470.840669999998</v>
      </c>
      <c r="L7362">
        <v>24043.685959999999</v>
      </c>
      <c r="M7362">
        <v>208198.47579999999</v>
      </c>
      <c r="N7362">
        <v>63781.127130000001</v>
      </c>
      <c r="O7362">
        <v>19347.133129999998</v>
      </c>
      <c r="P7362">
        <v>29011.335729999999</v>
      </c>
      <c r="Q7362">
        <v>59649.013769999998</v>
      </c>
      <c r="R7362">
        <v>18734.667259999998</v>
      </c>
      <c r="S7362">
        <v>86585.731960000005</v>
      </c>
      <c r="T7362">
        <v>27828.25203</v>
      </c>
      <c r="U7362">
        <v>10898.97602</v>
      </c>
      <c r="W7362" s="83">
        <f>Bühler!N7394</f>
        <v>45598.666666648816</v>
      </c>
      <c r="X7362" s="83">
        <v>43407.666666666664</v>
      </c>
      <c r="Y7362">
        <v>164115.10999999999</v>
      </c>
      <c r="Z7362">
        <v>21134.69166</v>
      </c>
      <c r="AA7362">
        <v>88511.819829999993</v>
      </c>
      <c r="AB7362">
        <v>35982.175040000002</v>
      </c>
      <c r="AC7362">
        <v>35874.888400000003</v>
      </c>
      <c r="AD7362">
        <v>28829.72755</v>
      </c>
      <c r="AE7362">
        <v>30284.97955</v>
      </c>
      <c r="AF7362">
        <v>46470.840669999998</v>
      </c>
      <c r="AG7362">
        <v>24043.685959999999</v>
      </c>
      <c r="AH7362">
        <v>208198.47579999999</v>
      </c>
      <c r="AI7362">
        <v>63781.127130000001</v>
      </c>
      <c r="AJ7362">
        <v>19347.133129999998</v>
      </c>
      <c r="AK7362">
        <v>29011.335729999999</v>
      </c>
      <c r="AL7362">
        <v>59649.013769999998</v>
      </c>
      <c r="AM7362">
        <v>18734.667259999998</v>
      </c>
      <c r="AN7362">
        <v>86585.731960000005</v>
      </c>
      <c r="AO7362">
        <v>27828.25203</v>
      </c>
      <c r="AP7362">
        <v>10898.97602</v>
      </c>
    </row>
    <row r="7363" spans="2:42" x14ac:dyDescent="0.3">
      <c r="B7363">
        <v>40.274016307664844</v>
      </c>
      <c r="C7363" s="83">
        <v>43407.708333333336</v>
      </c>
      <c r="D7363">
        <v>162804.7291</v>
      </c>
      <c r="E7363">
        <v>20249.450959999998</v>
      </c>
      <c r="F7363">
        <v>87115.126130000004</v>
      </c>
      <c r="G7363">
        <v>36817.318619999998</v>
      </c>
      <c r="H7363">
        <v>36377.687480000001</v>
      </c>
      <c r="I7363">
        <v>29182.189330000001</v>
      </c>
      <c r="J7363">
        <v>31892.95176</v>
      </c>
      <c r="K7363">
        <v>46283.412969999998</v>
      </c>
      <c r="L7363">
        <v>24441.789840000001</v>
      </c>
      <c r="M7363">
        <v>205335.71660000001</v>
      </c>
      <c r="N7363">
        <v>64551.484830000001</v>
      </c>
      <c r="O7363">
        <v>19571.191149999999</v>
      </c>
      <c r="P7363">
        <v>29827.748019999999</v>
      </c>
      <c r="Q7363">
        <v>57621.490299999998</v>
      </c>
      <c r="R7363">
        <v>18696.469529999998</v>
      </c>
      <c r="S7363">
        <v>90055.958240000007</v>
      </c>
      <c r="T7363">
        <v>29033.4031</v>
      </c>
      <c r="U7363">
        <v>11238.33899</v>
      </c>
      <c r="W7363" s="83">
        <f>Bühler!N7395</f>
        <v>45598.708333315481</v>
      </c>
      <c r="X7363" s="83">
        <v>43407.708333333336</v>
      </c>
      <c r="Y7363">
        <v>162804.7291</v>
      </c>
      <c r="Z7363">
        <v>20249.450959999998</v>
      </c>
      <c r="AA7363">
        <v>87115.126130000004</v>
      </c>
      <c r="AB7363">
        <v>36817.318619999998</v>
      </c>
      <c r="AC7363">
        <v>36377.687480000001</v>
      </c>
      <c r="AD7363">
        <v>29182.189330000001</v>
      </c>
      <c r="AE7363">
        <v>31892.95176</v>
      </c>
      <c r="AF7363">
        <v>46283.412969999998</v>
      </c>
      <c r="AG7363">
        <v>24441.789840000001</v>
      </c>
      <c r="AH7363">
        <v>205335.71660000001</v>
      </c>
      <c r="AI7363">
        <v>64551.484830000001</v>
      </c>
      <c r="AJ7363">
        <v>19571.191149999999</v>
      </c>
      <c r="AK7363">
        <v>29827.748019999999</v>
      </c>
      <c r="AL7363">
        <v>57621.490299999998</v>
      </c>
      <c r="AM7363">
        <v>18696.469529999998</v>
      </c>
      <c r="AN7363">
        <v>90055.958240000007</v>
      </c>
      <c r="AO7363">
        <v>29033.4031</v>
      </c>
      <c r="AP7363">
        <v>11238.33899</v>
      </c>
    </row>
    <row r="7364" spans="2:42" x14ac:dyDescent="0.3">
      <c r="B7364">
        <v>39.73531793921655</v>
      </c>
      <c r="C7364" s="83">
        <v>43407.75</v>
      </c>
      <c r="D7364">
        <v>162922.038</v>
      </c>
      <c r="E7364">
        <v>22001.037390000001</v>
      </c>
      <c r="F7364">
        <v>89392.149149999997</v>
      </c>
      <c r="G7364">
        <v>37544.666640000003</v>
      </c>
      <c r="H7364">
        <v>37426.621859999999</v>
      </c>
      <c r="I7364">
        <v>29482.625090000001</v>
      </c>
      <c r="J7364">
        <v>33723.544909999997</v>
      </c>
      <c r="K7364">
        <v>44720.569459999999</v>
      </c>
      <c r="L7364">
        <v>26557.671900000001</v>
      </c>
      <c r="M7364">
        <v>202589.18109999999</v>
      </c>
      <c r="N7364">
        <v>66248.563460000005</v>
      </c>
      <c r="O7364">
        <v>20192.16936</v>
      </c>
      <c r="P7364">
        <v>33206.430789999999</v>
      </c>
      <c r="Q7364">
        <v>56075.71413</v>
      </c>
      <c r="R7364">
        <v>20288.612359999999</v>
      </c>
      <c r="S7364">
        <v>91860.814240000007</v>
      </c>
      <c r="T7364">
        <v>29426.99668</v>
      </c>
      <c r="U7364">
        <v>11878.67092</v>
      </c>
      <c r="W7364" s="83">
        <f>Bühler!N7396</f>
        <v>45598.749999982145</v>
      </c>
      <c r="X7364" s="83">
        <v>43407.75</v>
      </c>
      <c r="Y7364">
        <v>162922.038</v>
      </c>
      <c r="Z7364">
        <v>22001.037390000001</v>
      </c>
      <c r="AA7364">
        <v>89392.149149999997</v>
      </c>
      <c r="AB7364">
        <v>37544.666640000003</v>
      </c>
      <c r="AC7364">
        <v>37426.621859999999</v>
      </c>
      <c r="AD7364">
        <v>29482.625090000001</v>
      </c>
      <c r="AE7364">
        <v>33723.544909999997</v>
      </c>
      <c r="AF7364">
        <v>44720.569459999999</v>
      </c>
      <c r="AG7364">
        <v>26557.671900000001</v>
      </c>
      <c r="AH7364">
        <v>202589.18109999999</v>
      </c>
      <c r="AI7364">
        <v>66248.563460000005</v>
      </c>
      <c r="AJ7364">
        <v>20192.16936</v>
      </c>
      <c r="AK7364">
        <v>33206.430789999999</v>
      </c>
      <c r="AL7364">
        <v>56075.71413</v>
      </c>
      <c r="AM7364">
        <v>20288.612359999999</v>
      </c>
      <c r="AN7364">
        <v>91860.814240000007</v>
      </c>
      <c r="AO7364">
        <v>29426.99668</v>
      </c>
      <c r="AP7364">
        <v>11878.67092</v>
      </c>
    </row>
    <row r="7365" spans="2:42" x14ac:dyDescent="0.3">
      <c r="B7365">
        <v>38.881590090867071</v>
      </c>
      <c r="C7365" s="83">
        <v>43407.791666666664</v>
      </c>
      <c r="D7365">
        <v>162192.48800000001</v>
      </c>
      <c r="E7365">
        <v>17846.308010000001</v>
      </c>
      <c r="F7365">
        <v>75040.02721</v>
      </c>
      <c r="G7365">
        <v>37369.875419999997</v>
      </c>
      <c r="H7365">
        <v>36307.621639999998</v>
      </c>
      <c r="I7365">
        <v>29104.125339999999</v>
      </c>
      <c r="J7365">
        <v>33036.318469999998</v>
      </c>
      <c r="K7365">
        <v>44042.540159999997</v>
      </c>
      <c r="L7365">
        <v>25653.969639999999</v>
      </c>
      <c r="M7365">
        <v>198236.47839999999</v>
      </c>
      <c r="N7365">
        <v>65742.606679999997</v>
      </c>
      <c r="O7365">
        <v>19630.796590000002</v>
      </c>
      <c r="P7365">
        <v>33640.885649999997</v>
      </c>
      <c r="Q7365">
        <v>55035.686419999998</v>
      </c>
      <c r="R7365">
        <v>20227.132509999999</v>
      </c>
      <c r="S7365">
        <v>90097.446630000006</v>
      </c>
      <c r="T7365">
        <v>29174.750319999999</v>
      </c>
      <c r="U7365">
        <v>11591.64381</v>
      </c>
      <c r="W7365" s="83">
        <f>Bühler!N7397</f>
        <v>45598.791666648809</v>
      </c>
      <c r="X7365" s="83">
        <v>43407.791666666664</v>
      </c>
      <c r="Y7365">
        <v>162192.48800000001</v>
      </c>
      <c r="Z7365">
        <v>17846.308010000001</v>
      </c>
      <c r="AA7365">
        <v>75040.02721</v>
      </c>
      <c r="AB7365">
        <v>37369.875419999997</v>
      </c>
      <c r="AC7365">
        <v>36307.621639999998</v>
      </c>
      <c r="AD7365">
        <v>29104.125339999999</v>
      </c>
      <c r="AE7365">
        <v>33036.318469999998</v>
      </c>
      <c r="AF7365">
        <v>44042.540159999997</v>
      </c>
      <c r="AG7365">
        <v>25653.969639999999</v>
      </c>
      <c r="AH7365">
        <v>198236.47839999999</v>
      </c>
      <c r="AI7365">
        <v>65742.606679999997</v>
      </c>
      <c r="AJ7365">
        <v>19630.796590000002</v>
      </c>
      <c r="AK7365">
        <v>33640.885649999997</v>
      </c>
      <c r="AL7365">
        <v>55035.686419999998</v>
      </c>
      <c r="AM7365">
        <v>20227.132509999999</v>
      </c>
      <c r="AN7365">
        <v>90097.446630000006</v>
      </c>
      <c r="AO7365">
        <v>29174.750319999999</v>
      </c>
      <c r="AP7365">
        <v>11591.64381</v>
      </c>
    </row>
    <row r="7366" spans="2:42" x14ac:dyDescent="0.3">
      <c r="B7366">
        <v>38.545936153933638</v>
      </c>
      <c r="C7366" s="83">
        <v>43407.833333333336</v>
      </c>
      <c r="D7366">
        <v>161373.04089999999</v>
      </c>
      <c r="E7366">
        <v>17874.461429999999</v>
      </c>
      <c r="F7366">
        <v>63372.719019999997</v>
      </c>
      <c r="G7366">
        <v>37241.485699999997</v>
      </c>
      <c r="H7366">
        <v>36574.412709999997</v>
      </c>
      <c r="I7366">
        <v>27177.176920000002</v>
      </c>
      <c r="J7366">
        <v>32568.283950000001</v>
      </c>
      <c r="K7366">
        <v>44966.800089999997</v>
      </c>
      <c r="L7366">
        <v>27386.38623</v>
      </c>
      <c r="M7366">
        <v>196525.1581</v>
      </c>
      <c r="N7366">
        <v>66144.124060000002</v>
      </c>
      <c r="O7366">
        <v>18967.609990000001</v>
      </c>
      <c r="P7366">
        <v>34138.499920000002</v>
      </c>
      <c r="Q7366">
        <v>53663.585720000003</v>
      </c>
      <c r="R7366">
        <v>18979.687300000001</v>
      </c>
      <c r="S7366">
        <v>83561.479300000006</v>
      </c>
      <c r="T7366">
        <v>27394.252260000001</v>
      </c>
      <c r="U7366">
        <v>11498.360790000001</v>
      </c>
      <c r="W7366" s="83">
        <f>Bühler!N7398</f>
        <v>45598.833333315473</v>
      </c>
      <c r="X7366" s="83">
        <v>43407.833333333336</v>
      </c>
      <c r="Y7366">
        <v>161373.04089999999</v>
      </c>
      <c r="Z7366">
        <v>17874.461429999999</v>
      </c>
      <c r="AA7366">
        <v>63372.719019999997</v>
      </c>
      <c r="AB7366">
        <v>37241.485699999997</v>
      </c>
      <c r="AC7366">
        <v>36574.412709999997</v>
      </c>
      <c r="AD7366">
        <v>27177.176920000002</v>
      </c>
      <c r="AE7366">
        <v>32568.283950000001</v>
      </c>
      <c r="AF7366">
        <v>44966.800089999997</v>
      </c>
      <c r="AG7366">
        <v>27386.38623</v>
      </c>
      <c r="AH7366">
        <v>196525.1581</v>
      </c>
      <c r="AI7366">
        <v>66144.124060000002</v>
      </c>
      <c r="AJ7366">
        <v>18967.609990000001</v>
      </c>
      <c r="AK7366">
        <v>34138.499920000002</v>
      </c>
      <c r="AL7366">
        <v>53663.585720000003</v>
      </c>
      <c r="AM7366">
        <v>18979.687300000001</v>
      </c>
      <c r="AN7366">
        <v>83561.479300000006</v>
      </c>
      <c r="AO7366">
        <v>27394.252260000001</v>
      </c>
      <c r="AP7366">
        <v>11498.360790000001</v>
      </c>
    </row>
    <row r="7367" spans="2:42" x14ac:dyDescent="0.3">
      <c r="B7367">
        <v>38.318545812948216</v>
      </c>
      <c r="C7367" s="83">
        <v>43407.875</v>
      </c>
      <c r="D7367">
        <v>160242.489</v>
      </c>
      <c r="E7367">
        <v>13492.011329999999</v>
      </c>
      <c r="F7367">
        <v>52688.797030000002</v>
      </c>
      <c r="G7367">
        <v>36653.825470000003</v>
      </c>
      <c r="H7367">
        <v>35315.990109999999</v>
      </c>
      <c r="I7367">
        <v>24908.988300000001</v>
      </c>
      <c r="J7367">
        <v>31300.532469999998</v>
      </c>
      <c r="K7367">
        <v>45705.496010000003</v>
      </c>
      <c r="L7367">
        <v>25544.358660000002</v>
      </c>
      <c r="M7367">
        <v>195365.8161</v>
      </c>
      <c r="N7367">
        <v>65385.869930000001</v>
      </c>
      <c r="O7367">
        <v>18665.039140000001</v>
      </c>
      <c r="P7367">
        <v>33089.674740000002</v>
      </c>
      <c r="Q7367">
        <v>52441.945379999997</v>
      </c>
      <c r="R7367">
        <v>18534.749400000001</v>
      </c>
      <c r="S7367">
        <v>80808.154580000002</v>
      </c>
      <c r="T7367">
        <v>26974.36738</v>
      </c>
      <c r="U7367">
        <v>11239.51547</v>
      </c>
      <c r="W7367" s="83">
        <f>Bühler!N7399</f>
        <v>45598.874999982138</v>
      </c>
      <c r="X7367" s="83">
        <v>43407.875</v>
      </c>
      <c r="Y7367">
        <v>160242.489</v>
      </c>
      <c r="Z7367">
        <v>13492.011329999999</v>
      </c>
      <c r="AA7367">
        <v>52688.797030000002</v>
      </c>
      <c r="AB7367">
        <v>36653.825470000003</v>
      </c>
      <c r="AC7367">
        <v>35315.990109999999</v>
      </c>
      <c r="AD7367">
        <v>24908.988300000001</v>
      </c>
      <c r="AE7367">
        <v>31300.532469999998</v>
      </c>
      <c r="AF7367">
        <v>45705.496010000003</v>
      </c>
      <c r="AG7367">
        <v>25544.358660000002</v>
      </c>
      <c r="AH7367">
        <v>195365.8161</v>
      </c>
      <c r="AI7367">
        <v>65385.869930000001</v>
      </c>
      <c r="AJ7367">
        <v>18665.039140000001</v>
      </c>
      <c r="AK7367">
        <v>33089.674740000002</v>
      </c>
      <c r="AL7367">
        <v>52441.945379999997</v>
      </c>
      <c r="AM7367">
        <v>18534.749400000001</v>
      </c>
      <c r="AN7367">
        <v>80808.154580000002</v>
      </c>
      <c r="AO7367">
        <v>26974.36738</v>
      </c>
      <c r="AP7367">
        <v>11239.51547</v>
      </c>
    </row>
    <row r="7368" spans="2:42" x14ac:dyDescent="0.3">
      <c r="B7368">
        <v>38.482227093558556</v>
      </c>
      <c r="C7368" s="83">
        <v>43407.916666666664</v>
      </c>
      <c r="D7368">
        <v>160388.20310000001</v>
      </c>
      <c r="E7368">
        <v>16397.53847</v>
      </c>
      <c r="F7368">
        <v>54110.391409999997</v>
      </c>
      <c r="G7368">
        <v>36998.970240000002</v>
      </c>
      <c r="H7368">
        <v>36023.471400000002</v>
      </c>
      <c r="I7368">
        <v>24044.022420000001</v>
      </c>
      <c r="J7368">
        <v>30630.39085</v>
      </c>
      <c r="K7368">
        <v>49543.217040000003</v>
      </c>
      <c r="L7368">
        <v>26488.754970000002</v>
      </c>
      <c r="M7368">
        <v>196200.33960000001</v>
      </c>
      <c r="N7368">
        <v>65608.462629999995</v>
      </c>
      <c r="O7368">
        <v>18901.47537</v>
      </c>
      <c r="P7368">
        <v>35385.7817</v>
      </c>
      <c r="Q7368">
        <v>51102.265160000003</v>
      </c>
      <c r="R7368">
        <v>21063.32142</v>
      </c>
      <c r="S7368">
        <v>79140.435979999995</v>
      </c>
      <c r="T7368">
        <v>26132.564630000001</v>
      </c>
      <c r="U7368">
        <v>11795.189350000001</v>
      </c>
      <c r="W7368" s="83">
        <f>Bühler!N7400</f>
        <v>45598.916666648802</v>
      </c>
      <c r="X7368" s="83">
        <v>43407.916666666664</v>
      </c>
      <c r="Y7368">
        <v>160388.20310000001</v>
      </c>
      <c r="Z7368">
        <v>16397.53847</v>
      </c>
      <c r="AA7368">
        <v>54110.391409999997</v>
      </c>
      <c r="AB7368">
        <v>36998.970240000002</v>
      </c>
      <c r="AC7368">
        <v>36023.471400000002</v>
      </c>
      <c r="AD7368">
        <v>24044.022420000001</v>
      </c>
      <c r="AE7368">
        <v>30630.39085</v>
      </c>
      <c r="AF7368">
        <v>49543.217040000003</v>
      </c>
      <c r="AG7368">
        <v>26488.754970000002</v>
      </c>
      <c r="AH7368">
        <v>196200.33960000001</v>
      </c>
      <c r="AI7368">
        <v>65608.462629999995</v>
      </c>
      <c r="AJ7368">
        <v>18901.47537</v>
      </c>
      <c r="AK7368">
        <v>35385.7817</v>
      </c>
      <c r="AL7368">
        <v>51102.265160000003</v>
      </c>
      <c r="AM7368">
        <v>21063.32142</v>
      </c>
      <c r="AN7368">
        <v>79140.435979999995</v>
      </c>
      <c r="AO7368">
        <v>26132.564630000001</v>
      </c>
      <c r="AP7368">
        <v>11795.189350000001</v>
      </c>
    </row>
    <row r="7369" spans="2:42" x14ac:dyDescent="0.3">
      <c r="B7369">
        <v>38.256071496430941</v>
      </c>
      <c r="C7369" s="83">
        <v>43407.958333333336</v>
      </c>
      <c r="D7369">
        <v>160441.87909999999</v>
      </c>
      <c r="E7369">
        <v>12943.50232</v>
      </c>
      <c r="F7369">
        <v>49488.170639999997</v>
      </c>
      <c r="G7369">
        <v>36832.461360000001</v>
      </c>
      <c r="H7369">
        <v>35553.375939999998</v>
      </c>
      <c r="I7369">
        <v>23964.566480000001</v>
      </c>
      <c r="J7369">
        <v>28588.219860000001</v>
      </c>
      <c r="K7369">
        <v>48479.283969999997</v>
      </c>
      <c r="L7369">
        <v>23827.640340000002</v>
      </c>
      <c r="M7369">
        <v>195047.2929</v>
      </c>
      <c r="N7369">
        <v>63773.30414</v>
      </c>
      <c r="O7369">
        <v>18986.140609999999</v>
      </c>
      <c r="P7369">
        <v>32439.615249999999</v>
      </c>
      <c r="Q7369">
        <v>50503.115559999998</v>
      </c>
      <c r="R7369">
        <v>20103.168320000001</v>
      </c>
      <c r="S7369">
        <v>78155.757989999998</v>
      </c>
      <c r="T7369">
        <v>29843.565600000002</v>
      </c>
      <c r="U7369">
        <v>11387.0586</v>
      </c>
      <c r="W7369" s="83">
        <f>Bühler!N7401</f>
        <v>45598.958333315466</v>
      </c>
      <c r="X7369" s="83">
        <v>43407.958333333336</v>
      </c>
      <c r="Y7369">
        <v>160441.87909999999</v>
      </c>
      <c r="Z7369">
        <v>12943.50232</v>
      </c>
      <c r="AA7369">
        <v>49488.170639999997</v>
      </c>
      <c r="AB7369">
        <v>36832.461360000001</v>
      </c>
      <c r="AC7369">
        <v>35553.375939999998</v>
      </c>
      <c r="AD7369">
        <v>23964.566480000001</v>
      </c>
      <c r="AE7369">
        <v>28588.219860000001</v>
      </c>
      <c r="AF7369">
        <v>48479.283969999997</v>
      </c>
      <c r="AG7369">
        <v>23827.640340000002</v>
      </c>
      <c r="AH7369">
        <v>195047.2929</v>
      </c>
      <c r="AI7369">
        <v>63773.30414</v>
      </c>
      <c r="AJ7369">
        <v>18986.140609999999</v>
      </c>
      <c r="AK7369">
        <v>32439.615249999999</v>
      </c>
      <c r="AL7369">
        <v>50503.115559999998</v>
      </c>
      <c r="AM7369">
        <v>20103.168320000001</v>
      </c>
      <c r="AN7369">
        <v>78155.757989999998</v>
      </c>
      <c r="AO7369">
        <v>29843.565600000002</v>
      </c>
      <c r="AP7369">
        <v>11387.0586</v>
      </c>
    </row>
    <row r="7370" spans="2:42" x14ac:dyDescent="0.3">
      <c r="B7370">
        <v>37.484139853455652</v>
      </c>
      <c r="C7370" s="83">
        <v>43408</v>
      </c>
      <c r="D7370">
        <v>159538.99059999999</v>
      </c>
      <c r="E7370">
        <v>12591.784250000001</v>
      </c>
      <c r="F7370">
        <v>46646.429129999997</v>
      </c>
      <c r="G7370">
        <v>36966.440309999998</v>
      </c>
      <c r="H7370">
        <v>34457.757749999997</v>
      </c>
      <c r="I7370">
        <v>21518.252619999999</v>
      </c>
      <c r="J7370">
        <v>26848.266670000001</v>
      </c>
      <c r="K7370">
        <v>48960.759539999999</v>
      </c>
      <c r="L7370">
        <v>19170.60139</v>
      </c>
      <c r="M7370">
        <v>191111.62539999999</v>
      </c>
      <c r="N7370">
        <v>62229.443520000001</v>
      </c>
      <c r="O7370">
        <v>18918.560700000002</v>
      </c>
      <c r="P7370">
        <v>28593.185389999999</v>
      </c>
      <c r="Q7370">
        <v>46969.798499999997</v>
      </c>
      <c r="R7370">
        <v>19863.566640000001</v>
      </c>
      <c r="S7370">
        <v>74873.354749999999</v>
      </c>
      <c r="T7370">
        <v>25813.339169999999</v>
      </c>
      <c r="U7370">
        <v>11556.39734</v>
      </c>
      <c r="W7370" s="83">
        <f>Bühler!N7402</f>
        <v>45598.99999998213</v>
      </c>
      <c r="X7370" s="83">
        <v>43408</v>
      </c>
      <c r="Y7370">
        <v>159538.99059999999</v>
      </c>
      <c r="Z7370">
        <v>12591.784250000001</v>
      </c>
      <c r="AA7370">
        <v>46646.429129999997</v>
      </c>
      <c r="AB7370">
        <v>36966.440309999998</v>
      </c>
      <c r="AC7370">
        <v>34457.757749999997</v>
      </c>
      <c r="AD7370">
        <v>21518.252619999999</v>
      </c>
      <c r="AE7370">
        <v>26848.266670000001</v>
      </c>
      <c r="AF7370">
        <v>48960.759539999999</v>
      </c>
      <c r="AG7370">
        <v>19170.60139</v>
      </c>
      <c r="AH7370">
        <v>191111.62539999999</v>
      </c>
      <c r="AI7370">
        <v>62229.443520000001</v>
      </c>
      <c r="AJ7370">
        <v>18918.560700000002</v>
      </c>
      <c r="AK7370">
        <v>28593.185389999999</v>
      </c>
      <c r="AL7370">
        <v>46969.798499999997</v>
      </c>
      <c r="AM7370">
        <v>19863.566640000001</v>
      </c>
      <c r="AN7370">
        <v>74873.354749999999</v>
      </c>
      <c r="AO7370">
        <v>25813.339169999999</v>
      </c>
      <c r="AP7370">
        <v>11556.39734</v>
      </c>
    </row>
    <row r="7371" spans="2:42" x14ac:dyDescent="0.3">
      <c r="B7371">
        <v>37.070222145961175</v>
      </c>
      <c r="C7371" s="83">
        <v>43408.041666666664</v>
      </c>
      <c r="D7371">
        <v>159116.929</v>
      </c>
      <c r="E7371">
        <v>12420.70299</v>
      </c>
      <c r="F7371">
        <v>47037.1656</v>
      </c>
      <c r="G7371">
        <v>36977.811049999997</v>
      </c>
      <c r="H7371">
        <v>34201.370519999997</v>
      </c>
      <c r="I7371">
        <v>18294.25171</v>
      </c>
      <c r="J7371">
        <v>26546.939460000001</v>
      </c>
      <c r="K7371">
        <v>47731.664830000002</v>
      </c>
      <c r="L7371">
        <v>18969.549749999998</v>
      </c>
      <c r="M7371">
        <v>189001.27989999999</v>
      </c>
      <c r="N7371">
        <v>61643.439310000002</v>
      </c>
      <c r="O7371">
        <v>18773.314330000001</v>
      </c>
      <c r="P7371">
        <v>27274.98976</v>
      </c>
      <c r="Q7371">
        <v>48223.606829999997</v>
      </c>
      <c r="R7371">
        <v>19295.56667</v>
      </c>
      <c r="S7371">
        <v>73817.908389999997</v>
      </c>
      <c r="T7371">
        <v>25360.015459999999</v>
      </c>
      <c r="U7371">
        <v>11351.820470000001</v>
      </c>
      <c r="W7371" s="83">
        <f>Bühler!N7403</f>
        <v>45599.041666648794</v>
      </c>
      <c r="X7371" s="83">
        <v>43408.041666666664</v>
      </c>
      <c r="Y7371">
        <v>159116.929</v>
      </c>
      <c r="Z7371">
        <v>12420.70299</v>
      </c>
      <c r="AA7371">
        <v>47037.1656</v>
      </c>
      <c r="AB7371">
        <v>36977.811049999997</v>
      </c>
      <c r="AC7371">
        <v>34201.370519999997</v>
      </c>
      <c r="AD7371">
        <v>18294.25171</v>
      </c>
      <c r="AE7371">
        <v>26546.939460000001</v>
      </c>
      <c r="AF7371">
        <v>47731.664830000002</v>
      </c>
      <c r="AG7371">
        <v>18969.549749999998</v>
      </c>
      <c r="AH7371">
        <v>189001.27989999999</v>
      </c>
      <c r="AI7371">
        <v>61643.439310000002</v>
      </c>
      <c r="AJ7371">
        <v>18773.314330000001</v>
      </c>
      <c r="AK7371">
        <v>27274.98976</v>
      </c>
      <c r="AL7371">
        <v>48223.606829999997</v>
      </c>
      <c r="AM7371">
        <v>19295.56667</v>
      </c>
      <c r="AN7371">
        <v>73817.908389999997</v>
      </c>
      <c r="AO7371">
        <v>25360.015459999999</v>
      </c>
      <c r="AP7371">
        <v>11351.820470000001</v>
      </c>
    </row>
    <row r="7372" spans="2:42" x14ac:dyDescent="0.3">
      <c r="B7372">
        <v>37.239532550718877</v>
      </c>
      <c r="C7372" s="83">
        <v>43408.083333333336</v>
      </c>
      <c r="D7372">
        <v>159135.8848</v>
      </c>
      <c r="E7372">
        <v>12440.55487</v>
      </c>
      <c r="F7372">
        <v>47152.817349999998</v>
      </c>
      <c r="G7372">
        <v>36893.841919999999</v>
      </c>
      <c r="H7372">
        <v>34117.758710000002</v>
      </c>
      <c r="I7372">
        <v>16292.448780000001</v>
      </c>
      <c r="J7372">
        <v>26063.187559999998</v>
      </c>
      <c r="K7372">
        <v>45873.235090000002</v>
      </c>
      <c r="L7372">
        <v>17122.258529999999</v>
      </c>
      <c r="M7372">
        <v>189864.50330000001</v>
      </c>
      <c r="N7372">
        <v>61793.96946</v>
      </c>
      <c r="O7372">
        <v>19080.175579999999</v>
      </c>
      <c r="P7372">
        <v>26179.5092</v>
      </c>
      <c r="Q7372">
        <v>49584.709510000001</v>
      </c>
      <c r="R7372">
        <v>18195.345710000001</v>
      </c>
      <c r="S7372">
        <v>72838.332380000007</v>
      </c>
      <c r="T7372">
        <v>25077.29076</v>
      </c>
      <c r="U7372">
        <v>11710.607459999999</v>
      </c>
      <c r="W7372" s="83">
        <f>Bühler!N7404</f>
        <v>45599.083333315459</v>
      </c>
      <c r="X7372" s="83">
        <v>43408.083333333336</v>
      </c>
      <c r="Y7372">
        <v>159135.8848</v>
      </c>
      <c r="Z7372">
        <v>12440.55487</v>
      </c>
      <c r="AA7372">
        <v>47152.817349999998</v>
      </c>
      <c r="AB7372">
        <v>36893.841919999999</v>
      </c>
      <c r="AC7372">
        <v>34117.758710000002</v>
      </c>
      <c r="AD7372">
        <v>16292.448780000001</v>
      </c>
      <c r="AE7372">
        <v>26063.187559999998</v>
      </c>
      <c r="AF7372">
        <v>45873.235090000002</v>
      </c>
      <c r="AG7372">
        <v>17122.258529999999</v>
      </c>
      <c r="AH7372">
        <v>189864.50330000001</v>
      </c>
      <c r="AI7372">
        <v>61793.96946</v>
      </c>
      <c r="AJ7372">
        <v>19080.175579999999</v>
      </c>
      <c r="AK7372">
        <v>26179.5092</v>
      </c>
      <c r="AL7372">
        <v>49584.709510000001</v>
      </c>
      <c r="AM7372">
        <v>18195.345710000001</v>
      </c>
      <c r="AN7372">
        <v>72838.332380000007</v>
      </c>
      <c r="AO7372">
        <v>25077.29076</v>
      </c>
      <c r="AP7372">
        <v>11710.607459999999</v>
      </c>
    </row>
    <row r="7373" spans="2:42" x14ac:dyDescent="0.3">
      <c r="B7373">
        <v>37.08479148799816</v>
      </c>
      <c r="C7373" s="83">
        <v>43408.125</v>
      </c>
      <c r="D7373">
        <v>158374.01869999999</v>
      </c>
      <c r="E7373">
        <v>12447.908289999999</v>
      </c>
      <c r="F7373">
        <v>46365.80949</v>
      </c>
      <c r="G7373">
        <v>36131.694620000002</v>
      </c>
      <c r="H7373">
        <v>34213.41057</v>
      </c>
      <c r="I7373">
        <v>15517.374449999999</v>
      </c>
      <c r="J7373">
        <v>26176.85137</v>
      </c>
      <c r="K7373">
        <v>44869.526140000002</v>
      </c>
      <c r="L7373">
        <v>17342.539669999998</v>
      </c>
      <c r="M7373">
        <v>189075.5612</v>
      </c>
      <c r="N7373">
        <v>61182.271789999999</v>
      </c>
      <c r="O7373">
        <v>18997.02622</v>
      </c>
      <c r="P7373">
        <v>25812.500629999999</v>
      </c>
      <c r="Q7373">
        <v>50257.71441</v>
      </c>
      <c r="R7373">
        <v>17722.402109999999</v>
      </c>
      <c r="S7373">
        <v>73032.12126</v>
      </c>
      <c r="T7373">
        <v>25116.117969999999</v>
      </c>
      <c r="U7373">
        <v>12024.329900000001</v>
      </c>
      <c r="W7373" s="83">
        <f>Bühler!N7405</f>
        <v>45599.124999982123</v>
      </c>
      <c r="X7373" s="83">
        <v>43408.125</v>
      </c>
      <c r="Y7373">
        <v>158374.01869999999</v>
      </c>
      <c r="Z7373">
        <v>12447.908289999999</v>
      </c>
      <c r="AA7373">
        <v>46365.80949</v>
      </c>
      <c r="AB7373">
        <v>36131.694620000002</v>
      </c>
      <c r="AC7373">
        <v>34213.41057</v>
      </c>
      <c r="AD7373">
        <v>15517.374449999999</v>
      </c>
      <c r="AE7373">
        <v>26176.85137</v>
      </c>
      <c r="AF7373">
        <v>44869.526140000002</v>
      </c>
      <c r="AG7373">
        <v>17342.539669999998</v>
      </c>
      <c r="AH7373">
        <v>189075.5612</v>
      </c>
      <c r="AI7373">
        <v>61182.271789999999</v>
      </c>
      <c r="AJ7373">
        <v>18997.02622</v>
      </c>
      <c r="AK7373">
        <v>25812.500629999999</v>
      </c>
      <c r="AL7373">
        <v>50257.71441</v>
      </c>
      <c r="AM7373">
        <v>17722.402109999999</v>
      </c>
      <c r="AN7373">
        <v>73032.12126</v>
      </c>
      <c r="AO7373">
        <v>25116.117969999999</v>
      </c>
      <c r="AP7373">
        <v>12024.329900000001</v>
      </c>
    </row>
    <row r="7374" spans="2:42" x14ac:dyDescent="0.3">
      <c r="B7374">
        <v>36.977328132696329</v>
      </c>
      <c r="C7374" s="83">
        <v>43408.166666666664</v>
      </c>
      <c r="D7374">
        <v>157539.63190000001</v>
      </c>
      <c r="E7374">
        <v>12521.52025</v>
      </c>
      <c r="F7374">
        <v>46868.167139999998</v>
      </c>
      <c r="G7374">
        <v>35519.10183</v>
      </c>
      <c r="H7374">
        <v>34056.00189</v>
      </c>
      <c r="I7374">
        <v>16276.9499</v>
      </c>
      <c r="J7374">
        <v>27684.215029999999</v>
      </c>
      <c r="K7374">
        <v>43528.287060000002</v>
      </c>
      <c r="L7374">
        <v>16211.64781</v>
      </c>
      <c r="M7374">
        <v>188527.6629</v>
      </c>
      <c r="N7374">
        <v>59833.349049999997</v>
      </c>
      <c r="O7374">
        <v>19374.444370000001</v>
      </c>
      <c r="P7374">
        <v>24488.731680000001</v>
      </c>
      <c r="Q7374">
        <v>51130.61894</v>
      </c>
      <c r="R7374">
        <v>17938.174640000001</v>
      </c>
      <c r="S7374">
        <v>73269.643419999993</v>
      </c>
      <c r="T7374">
        <v>25402.045760000001</v>
      </c>
      <c r="U7374">
        <v>12615.463830000001</v>
      </c>
      <c r="W7374" s="83">
        <f>Bühler!N7406</f>
        <v>45599.166666648787</v>
      </c>
      <c r="X7374" s="83">
        <v>43408.166666666664</v>
      </c>
      <c r="Y7374">
        <v>157539.63190000001</v>
      </c>
      <c r="Z7374">
        <v>12521.52025</v>
      </c>
      <c r="AA7374">
        <v>46868.167139999998</v>
      </c>
      <c r="AB7374">
        <v>35519.10183</v>
      </c>
      <c r="AC7374">
        <v>34056.00189</v>
      </c>
      <c r="AD7374">
        <v>16276.9499</v>
      </c>
      <c r="AE7374">
        <v>27684.215029999999</v>
      </c>
      <c r="AF7374">
        <v>43528.287060000002</v>
      </c>
      <c r="AG7374">
        <v>16211.64781</v>
      </c>
      <c r="AH7374">
        <v>188527.6629</v>
      </c>
      <c r="AI7374">
        <v>59833.349049999997</v>
      </c>
      <c r="AJ7374">
        <v>19374.444370000001</v>
      </c>
      <c r="AK7374">
        <v>24488.731680000001</v>
      </c>
      <c r="AL7374">
        <v>51130.61894</v>
      </c>
      <c r="AM7374">
        <v>17938.174640000001</v>
      </c>
      <c r="AN7374">
        <v>73269.643419999993</v>
      </c>
      <c r="AO7374">
        <v>25402.045760000001</v>
      </c>
      <c r="AP7374">
        <v>12615.463830000001</v>
      </c>
    </row>
    <row r="7375" spans="2:42" x14ac:dyDescent="0.3">
      <c r="B7375">
        <v>37.284686344930584</v>
      </c>
      <c r="C7375" s="83">
        <v>43408.208333333336</v>
      </c>
      <c r="D7375">
        <v>157662.7537</v>
      </c>
      <c r="E7375">
        <v>12871.027099999999</v>
      </c>
      <c r="F7375">
        <v>48549.910089999998</v>
      </c>
      <c r="G7375">
        <v>35583.269130000001</v>
      </c>
      <c r="H7375">
        <v>34443.947800000002</v>
      </c>
      <c r="I7375">
        <v>20459.370040000002</v>
      </c>
      <c r="J7375">
        <v>30150.878359999999</v>
      </c>
      <c r="K7375">
        <v>41864.009149999998</v>
      </c>
      <c r="L7375">
        <v>16678.927520000001</v>
      </c>
      <c r="M7375">
        <v>190094.71840000001</v>
      </c>
      <c r="N7375">
        <v>58554.651980000002</v>
      </c>
      <c r="O7375">
        <v>19139.28932</v>
      </c>
      <c r="P7375">
        <v>24957.428240000001</v>
      </c>
      <c r="Q7375">
        <v>52077.203569999998</v>
      </c>
      <c r="R7375">
        <v>18276.0252</v>
      </c>
      <c r="S7375">
        <v>75387.903510000004</v>
      </c>
      <c r="T7375">
        <v>26020.251629999999</v>
      </c>
      <c r="U7375">
        <v>12502.91617</v>
      </c>
      <c r="W7375" s="83">
        <f>Bühler!N7407</f>
        <v>45599.208333315451</v>
      </c>
      <c r="X7375" s="83">
        <v>43408.208333333336</v>
      </c>
      <c r="Y7375">
        <v>157662.7537</v>
      </c>
      <c r="Z7375">
        <v>12871.027099999999</v>
      </c>
      <c r="AA7375">
        <v>48549.910089999998</v>
      </c>
      <c r="AB7375">
        <v>35583.269130000001</v>
      </c>
      <c r="AC7375">
        <v>34443.947800000002</v>
      </c>
      <c r="AD7375">
        <v>20459.370040000002</v>
      </c>
      <c r="AE7375">
        <v>30150.878359999999</v>
      </c>
      <c r="AF7375">
        <v>41864.009149999998</v>
      </c>
      <c r="AG7375">
        <v>16678.927520000001</v>
      </c>
      <c r="AH7375">
        <v>190094.71840000001</v>
      </c>
      <c r="AI7375">
        <v>58554.651980000002</v>
      </c>
      <c r="AJ7375">
        <v>19139.28932</v>
      </c>
      <c r="AK7375">
        <v>24957.428240000001</v>
      </c>
      <c r="AL7375">
        <v>52077.203569999998</v>
      </c>
      <c r="AM7375">
        <v>18276.0252</v>
      </c>
      <c r="AN7375">
        <v>75387.903510000004</v>
      </c>
      <c r="AO7375">
        <v>26020.251629999999</v>
      </c>
      <c r="AP7375">
        <v>12502.91617</v>
      </c>
    </row>
    <row r="7376" spans="2:42" x14ac:dyDescent="0.3">
      <c r="B7376">
        <v>37.413694904737554</v>
      </c>
      <c r="C7376" s="83">
        <v>43408.25</v>
      </c>
      <c r="D7376">
        <v>157443.07879999999</v>
      </c>
      <c r="E7376">
        <v>13322.577600000001</v>
      </c>
      <c r="F7376">
        <v>51202.844380000002</v>
      </c>
      <c r="G7376">
        <v>36137.318429999999</v>
      </c>
      <c r="H7376">
        <v>34703.095009999997</v>
      </c>
      <c r="I7376">
        <v>22886.557049999999</v>
      </c>
      <c r="J7376">
        <v>32687.161339999999</v>
      </c>
      <c r="K7376">
        <v>41373.69053</v>
      </c>
      <c r="L7376">
        <v>17869.4692</v>
      </c>
      <c r="M7376">
        <v>190752.46419999999</v>
      </c>
      <c r="N7376">
        <v>57312.820520000001</v>
      </c>
      <c r="O7376">
        <v>18821.690409999999</v>
      </c>
      <c r="P7376">
        <v>26333.909110000001</v>
      </c>
      <c r="Q7376">
        <v>51538.248899999999</v>
      </c>
      <c r="R7376">
        <v>16291.158960000001</v>
      </c>
      <c r="S7376">
        <v>79548.114220000003</v>
      </c>
      <c r="T7376">
        <v>27003.308199999999</v>
      </c>
      <c r="U7376">
        <v>12186.83037</v>
      </c>
      <c r="W7376" s="83">
        <f>Bühler!N7408</f>
        <v>45599.249999982116</v>
      </c>
      <c r="X7376" s="83">
        <v>43408.25</v>
      </c>
      <c r="Y7376">
        <v>157443.07879999999</v>
      </c>
      <c r="Z7376">
        <v>13322.577600000001</v>
      </c>
      <c r="AA7376">
        <v>51202.844380000002</v>
      </c>
      <c r="AB7376">
        <v>36137.318429999999</v>
      </c>
      <c r="AC7376">
        <v>34703.095009999997</v>
      </c>
      <c r="AD7376">
        <v>22886.557049999999</v>
      </c>
      <c r="AE7376">
        <v>32687.161339999999</v>
      </c>
      <c r="AF7376">
        <v>41373.69053</v>
      </c>
      <c r="AG7376">
        <v>17869.4692</v>
      </c>
      <c r="AH7376">
        <v>190752.46419999999</v>
      </c>
      <c r="AI7376">
        <v>57312.820520000001</v>
      </c>
      <c r="AJ7376">
        <v>18821.690409999999</v>
      </c>
      <c r="AK7376">
        <v>26333.909110000001</v>
      </c>
      <c r="AL7376">
        <v>51538.248899999999</v>
      </c>
      <c r="AM7376">
        <v>16291.158960000001</v>
      </c>
      <c r="AN7376">
        <v>79548.114220000003</v>
      </c>
      <c r="AO7376">
        <v>27003.308199999999</v>
      </c>
      <c r="AP7376">
        <v>12186.83037</v>
      </c>
    </row>
    <row r="7377" spans="2:42" x14ac:dyDescent="0.3">
      <c r="B7377">
        <v>37.071603835969022</v>
      </c>
      <c r="C7377" s="83">
        <v>43408.291666666664</v>
      </c>
      <c r="D7377">
        <v>156472.37450000001</v>
      </c>
      <c r="E7377">
        <v>13640.15049</v>
      </c>
      <c r="F7377">
        <v>52476.343480000003</v>
      </c>
      <c r="G7377">
        <v>35887.596709999998</v>
      </c>
      <c r="H7377">
        <v>34364.859069999999</v>
      </c>
      <c r="I7377">
        <v>24483.532350000001</v>
      </c>
      <c r="J7377">
        <v>32649.588390000001</v>
      </c>
      <c r="K7377">
        <v>41574.67</v>
      </c>
      <c r="L7377">
        <v>19779.882089999999</v>
      </c>
      <c r="M7377">
        <v>189008.32440000001</v>
      </c>
      <c r="N7377">
        <v>58720.781999999999</v>
      </c>
      <c r="O7377">
        <v>19120.720089999999</v>
      </c>
      <c r="P7377">
        <v>28621.632379999999</v>
      </c>
      <c r="Q7377">
        <v>50461.669620000001</v>
      </c>
      <c r="R7377">
        <v>16257.82727</v>
      </c>
      <c r="S7377">
        <v>86215.770439999993</v>
      </c>
      <c r="T7377">
        <v>25043.448260000001</v>
      </c>
      <c r="U7377">
        <v>11957.59186</v>
      </c>
      <c r="W7377" s="83">
        <f>Bühler!N7409</f>
        <v>45599.29166664878</v>
      </c>
      <c r="X7377" s="83">
        <v>43408.291666666664</v>
      </c>
      <c r="Y7377">
        <v>156472.37450000001</v>
      </c>
      <c r="Z7377">
        <v>13640.15049</v>
      </c>
      <c r="AA7377">
        <v>52476.343480000003</v>
      </c>
      <c r="AB7377">
        <v>35887.596709999998</v>
      </c>
      <c r="AC7377">
        <v>34364.859069999999</v>
      </c>
      <c r="AD7377">
        <v>24483.532350000001</v>
      </c>
      <c r="AE7377">
        <v>32649.588390000001</v>
      </c>
      <c r="AF7377">
        <v>41574.67</v>
      </c>
      <c r="AG7377">
        <v>19779.882089999999</v>
      </c>
      <c r="AH7377">
        <v>189008.32440000001</v>
      </c>
      <c r="AI7377">
        <v>58720.781999999999</v>
      </c>
      <c r="AJ7377">
        <v>19120.720089999999</v>
      </c>
      <c r="AK7377">
        <v>28621.632379999999</v>
      </c>
      <c r="AL7377">
        <v>50461.669620000001</v>
      </c>
      <c r="AM7377">
        <v>16257.82727</v>
      </c>
      <c r="AN7377">
        <v>86215.770439999993</v>
      </c>
      <c r="AO7377">
        <v>25043.448260000001</v>
      </c>
      <c r="AP7377">
        <v>11957.59186</v>
      </c>
    </row>
    <row r="7378" spans="2:42" x14ac:dyDescent="0.3">
      <c r="B7378">
        <v>36.736635948479751</v>
      </c>
      <c r="C7378" s="83">
        <v>43408.333333333336</v>
      </c>
      <c r="D7378">
        <v>155035.52530000001</v>
      </c>
      <c r="E7378">
        <v>14300.16985</v>
      </c>
      <c r="F7378">
        <v>53211.95061</v>
      </c>
      <c r="G7378">
        <v>35433.788430000001</v>
      </c>
      <c r="H7378">
        <v>33360.954270000002</v>
      </c>
      <c r="I7378">
        <v>24806.408920000002</v>
      </c>
      <c r="J7378">
        <v>32044.882020000001</v>
      </c>
      <c r="K7378">
        <v>41621.699829999998</v>
      </c>
      <c r="L7378">
        <v>21981.830699999999</v>
      </c>
      <c r="M7378">
        <v>187300.5019</v>
      </c>
      <c r="N7378">
        <v>59648.350350000001</v>
      </c>
      <c r="O7378">
        <v>19475.513719999999</v>
      </c>
      <c r="P7378">
        <v>30561.495800000001</v>
      </c>
      <c r="Q7378">
        <v>49399.01197</v>
      </c>
      <c r="R7378">
        <v>15499.254859999999</v>
      </c>
      <c r="S7378">
        <v>87747.443360000005</v>
      </c>
      <c r="T7378">
        <v>26216.009180000001</v>
      </c>
      <c r="U7378">
        <v>11049.19138</v>
      </c>
      <c r="W7378" s="83">
        <f>Bühler!N7410</f>
        <v>45599.333333315444</v>
      </c>
      <c r="X7378" s="83">
        <v>43408.333333333336</v>
      </c>
      <c r="Y7378">
        <v>155035.52530000001</v>
      </c>
      <c r="Z7378">
        <v>14300.16985</v>
      </c>
      <c r="AA7378">
        <v>53211.95061</v>
      </c>
      <c r="AB7378">
        <v>35433.788430000001</v>
      </c>
      <c r="AC7378">
        <v>33360.954270000002</v>
      </c>
      <c r="AD7378">
        <v>24806.408920000002</v>
      </c>
      <c r="AE7378">
        <v>32044.882020000001</v>
      </c>
      <c r="AF7378">
        <v>41621.699829999998</v>
      </c>
      <c r="AG7378">
        <v>21981.830699999999</v>
      </c>
      <c r="AH7378">
        <v>187300.5019</v>
      </c>
      <c r="AI7378">
        <v>59648.350350000001</v>
      </c>
      <c r="AJ7378">
        <v>19475.513719999999</v>
      </c>
      <c r="AK7378">
        <v>30561.495800000001</v>
      </c>
      <c r="AL7378">
        <v>49399.01197</v>
      </c>
      <c r="AM7378">
        <v>15499.254859999999</v>
      </c>
      <c r="AN7378">
        <v>87747.443360000005</v>
      </c>
      <c r="AO7378">
        <v>26216.009180000001</v>
      </c>
      <c r="AP7378">
        <v>11049.19138</v>
      </c>
    </row>
    <row r="7379" spans="2:42" x14ac:dyDescent="0.3">
      <c r="B7379">
        <v>36.400005600275534</v>
      </c>
      <c r="C7379" s="83">
        <v>43408.375</v>
      </c>
      <c r="D7379">
        <v>153797.6728</v>
      </c>
      <c r="E7379">
        <v>15502.736419999999</v>
      </c>
      <c r="F7379">
        <v>55025.369310000002</v>
      </c>
      <c r="G7379">
        <v>35301.495060000001</v>
      </c>
      <c r="H7379">
        <v>33483.245970000004</v>
      </c>
      <c r="I7379">
        <v>24191.342489999999</v>
      </c>
      <c r="J7379">
        <v>31519.651269999998</v>
      </c>
      <c r="K7379">
        <v>43159.521189999999</v>
      </c>
      <c r="L7379">
        <v>24570.515169999999</v>
      </c>
      <c r="M7379">
        <v>185584.2034</v>
      </c>
      <c r="N7379">
        <v>59775.590250000001</v>
      </c>
      <c r="O7379">
        <v>19244.717690000001</v>
      </c>
      <c r="P7379">
        <v>33115.96559</v>
      </c>
      <c r="Q7379">
        <v>49509.289819999998</v>
      </c>
      <c r="R7379">
        <v>15912.08668</v>
      </c>
      <c r="S7379">
        <v>88564.426200000002</v>
      </c>
      <c r="T7379">
        <v>27300.206910000001</v>
      </c>
      <c r="U7379">
        <v>10821.640939999999</v>
      </c>
      <c r="W7379" s="83">
        <f>Bühler!N7411</f>
        <v>45599.374999982108</v>
      </c>
      <c r="X7379" s="83">
        <v>43408.375</v>
      </c>
      <c r="Y7379">
        <v>153797.6728</v>
      </c>
      <c r="Z7379">
        <v>15502.736419999999</v>
      </c>
      <c r="AA7379">
        <v>55025.369310000002</v>
      </c>
      <c r="AB7379">
        <v>35301.495060000001</v>
      </c>
      <c r="AC7379">
        <v>33483.245970000004</v>
      </c>
      <c r="AD7379">
        <v>24191.342489999999</v>
      </c>
      <c r="AE7379">
        <v>31519.651269999998</v>
      </c>
      <c r="AF7379">
        <v>43159.521189999999</v>
      </c>
      <c r="AG7379">
        <v>24570.515169999999</v>
      </c>
      <c r="AH7379">
        <v>185584.2034</v>
      </c>
      <c r="AI7379">
        <v>59775.590250000001</v>
      </c>
      <c r="AJ7379">
        <v>19244.717690000001</v>
      </c>
      <c r="AK7379">
        <v>33115.96559</v>
      </c>
      <c r="AL7379">
        <v>49509.289819999998</v>
      </c>
      <c r="AM7379">
        <v>15912.08668</v>
      </c>
      <c r="AN7379">
        <v>88564.426200000002</v>
      </c>
      <c r="AO7379">
        <v>27300.206910000001</v>
      </c>
      <c r="AP7379">
        <v>10821.640939999999</v>
      </c>
    </row>
    <row r="7380" spans="2:42" x14ac:dyDescent="0.3">
      <c r="B7380">
        <v>36.963870203311693</v>
      </c>
      <c r="C7380" s="83">
        <v>43408.416666666664</v>
      </c>
      <c r="D7380">
        <v>153337.3591</v>
      </c>
      <c r="E7380">
        <v>16389.677370000001</v>
      </c>
      <c r="F7380">
        <v>55753.672579999999</v>
      </c>
      <c r="G7380">
        <v>35186.171600000001</v>
      </c>
      <c r="H7380">
        <v>34351.282200000001</v>
      </c>
      <c r="I7380">
        <v>23490.943889999999</v>
      </c>
      <c r="J7380">
        <v>31379.487560000001</v>
      </c>
      <c r="K7380">
        <v>45537.809480000004</v>
      </c>
      <c r="L7380">
        <v>27105.527480000001</v>
      </c>
      <c r="M7380">
        <v>188459.04810000001</v>
      </c>
      <c r="N7380">
        <v>59270.968910000003</v>
      </c>
      <c r="O7380">
        <v>19355.489290000001</v>
      </c>
      <c r="P7380">
        <v>34148.334540000003</v>
      </c>
      <c r="Q7380">
        <v>49207.084770000001</v>
      </c>
      <c r="R7380">
        <v>16453.212899999999</v>
      </c>
      <c r="S7380">
        <v>87857.029089999996</v>
      </c>
      <c r="T7380">
        <v>29407.315790000001</v>
      </c>
      <c r="U7380">
        <v>10431.54888</v>
      </c>
      <c r="W7380" s="83">
        <f>Bühler!N7412</f>
        <v>45599.416666648773</v>
      </c>
      <c r="X7380" s="83">
        <v>43408.416666666664</v>
      </c>
      <c r="Y7380">
        <v>153337.3591</v>
      </c>
      <c r="Z7380">
        <v>16389.677370000001</v>
      </c>
      <c r="AA7380">
        <v>55753.672579999999</v>
      </c>
      <c r="AB7380">
        <v>35186.171600000001</v>
      </c>
      <c r="AC7380">
        <v>34351.282200000001</v>
      </c>
      <c r="AD7380">
        <v>23490.943889999999</v>
      </c>
      <c r="AE7380">
        <v>31379.487560000001</v>
      </c>
      <c r="AF7380">
        <v>45537.809480000004</v>
      </c>
      <c r="AG7380">
        <v>27105.527480000001</v>
      </c>
      <c r="AH7380">
        <v>188459.04810000001</v>
      </c>
      <c r="AI7380">
        <v>59270.968910000003</v>
      </c>
      <c r="AJ7380">
        <v>19355.489290000001</v>
      </c>
      <c r="AK7380">
        <v>34148.334540000003</v>
      </c>
      <c r="AL7380">
        <v>49207.084770000001</v>
      </c>
      <c r="AM7380">
        <v>16453.212899999999</v>
      </c>
      <c r="AN7380">
        <v>87857.029089999996</v>
      </c>
      <c r="AO7380">
        <v>29407.315790000001</v>
      </c>
      <c r="AP7380">
        <v>10431.54888</v>
      </c>
    </row>
    <row r="7381" spans="2:42" x14ac:dyDescent="0.3">
      <c r="B7381">
        <v>37.086550938663976</v>
      </c>
      <c r="C7381" s="83">
        <v>43408.458333333336</v>
      </c>
      <c r="D7381">
        <v>152972.63430000001</v>
      </c>
      <c r="E7381">
        <v>16228.153490000001</v>
      </c>
      <c r="F7381">
        <v>56404.502229999998</v>
      </c>
      <c r="G7381">
        <v>35248.520210000002</v>
      </c>
      <c r="H7381">
        <v>34388.779219999997</v>
      </c>
      <c r="I7381">
        <v>23133.951710000001</v>
      </c>
      <c r="J7381">
        <v>31402.349740000001</v>
      </c>
      <c r="K7381">
        <v>46340.07546</v>
      </c>
      <c r="L7381">
        <v>28785.41317</v>
      </c>
      <c r="M7381">
        <v>189084.53169999999</v>
      </c>
      <c r="N7381">
        <v>59859.012770000001</v>
      </c>
      <c r="O7381">
        <v>19907.148260000002</v>
      </c>
      <c r="P7381">
        <v>32848.755689999998</v>
      </c>
      <c r="Q7381">
        <v>48730.05485</v>
      </c>
      <c r="R7381">
        <v>16812.184570000001</v>
      </c>
      <c r="S7381">
        <v>89814.511610000001</v>
      </c>
      <c r="T7381">
        <v>29076.08367</v>
      </c>
      <c r="U7381">
        <v>10022.26568</v>
      </c>
      <c r="W7381" s="83">
        <f>Bühler!N7413</f>
        <v>45599.458333315437</v>
      </c>
      <c r="X7381" s="83">
        <v>43408.458333333336</v>
      </c>
      <c r="Y7381">
        <v>152972.63430000001</v>
      </c>
      <c r="Z7381">
        <v>16228.153490000001</v>
      </c>
      <c r="AA7381">
        <v>56404.502229999998</v>
      </c>
      <c r="AB7381">
        <v>35248.520210000002</v>
      </c>
      <c r="AC7381">
        <v>34388.779219999997</v>
      </c>
      <c r="AD7381">
        <v>23133.951710000001</v>
      </c>
      <c r="AE7381">
        <v>31402.349740000001</v>
      </c>
      <c r="AF7381">
        <v>46340.07546</v>
      </c>
      <c r="AG7381">
        <v>28785.41317</v>
      </c>
      <c r="AH7381">
        <v>189084.53169999999</v>
      </c>
      <c r="AI7381">
        <v>59859.012770000001</v>
      </c>
      <c r="AJ7381">
        <v>19907.148260000002</v>
      </c>
      <c r="AK7381">
        <v>32848.755689999998</v>
      </c>
      <c r="AL7381">
        <v>48730.05485</v>
      </c>
      <c r="AM7381">
        <v>16812.184570000001</v>
      </c>
      <c r="AN7381">
        <v>89814.511610000001</v>
      </c>
      <c r="AO7381">
        <v>29076.08367</v>
      </c>
      <c r="AP7381">
        <v>10022.26568</v>
      </c>
    </row>
    <row r="7382" spans="2:42" x14ac:dyDescent="0.3">
      <c r="B7382">
        <v>36.976006048848383</v>
      </c>
      <c r="C7382" s="83">
        <v>43408.5</v>
      </c>
      <c r="D7382">
        <v>152667.5018</v>
      </c>
      <c r="E7382">
        <v>15980.71473</v>
      </c>
      <c r="F7382">
        <v>54393.868820000003</v>
      </c>
      <c r="G7382">
        <v>34852.102879999999</v>
      </c>
      <c r="H7382">
        <v>33603.112509999999</v>
      </c>
      <c r="I7382">
        <v>23251.7323</v>
      </c>
      <c r="J7382">
        <v>31573.42182</v>
      </c>
      <c r="K7382">
        <v>46975.752379999998</v>
      </c>
      <c r="L7382">
        <v>30534.379970000002</v>
      </c>
      <c r="M7382">
        <v>188520.92230000001</v>
      </c>
      <c r="N7382">
        <v>58887.520989999997</v>
      </c>
      <c r="O7382">
        <v>19375.065129999999</v>
      </c>
      <c r="P7382">
        <v>32759.887630000001</v>
      </c>
      <c r="Q7382">
        <v>47511.097540000002</v>
      </c>
      <c r="R7382">
        <v>17673.90596</v>
      </c>
      <c r="S7382">
        <v>85425.962610000002</v>
      </c>
      <c r="T7382">
        <v>28797.77044</v>
      </c>
      <c r="U7382">
        <v>9601.2100360000004</v>
      </c>
      <c r="W7382" s="83">
        <f>Bühler!N7414</f>
        <v>45599.499999982101</v>
      </c>
      <c r="X7382" s="83">
        <v>43408.5</v>
      </c>
      <c r="Y7382">
        <v>152667.5018</v>
      </c>
      <c r="Z7382">
        <v>15980.71473</v>
      </c>
      <c r="AA7382">
        <v>54393.868820000003</v>
      </c>
      <c r="AB7382">
        <v>34852.102879999999</v>
      </c>
      <c r="AC7382">
        <v>33603.112509999999</v>
      </c>
      <c r="AD7382">
        <v>23251.7323</v>
      </c>
      <c r="AE7382">
        <v>31573.42182</v>
      </c>
      <c r="AF7382">
        <v>46975.752379999998</v>
      </c>
      <c r="AG7382">
        <v>30534.379970000002</v>
      </c>
      <c r="AH7382">
        <v>188520.92230000001</v>
      </c>
      <c r="AI7382">
        <v>58887.520989999997</v>
      </c>
      <c r="AJ7382">
        <v>19375.065129999999</v>
      </c>
      <c r="AK7382">
        <v>32759.887630000001</v>
      </c>
      <c r="AL7382">
        <v>47511.097540000002</v>
      </c>
      <c r="AM7382">
        <v>17673.90596</v>
      </c>
      <c r="AN7382">
        <v>85425.962610000002</v>
      </c>
      <c r="AO7382">
        <v>28797.77044</v>
      </c>
      <c r="AP7382">
        <v>9601.2100360000004</v>
      </c>
    </row>
    <row r="7383" spans="2:42" x14ac:dyDescent="0.3">
      <c r="B7383">
        <v>37.102218807125254</v>
      </c>
      <c r="C7383" s="83">
        <v>43408.541666666664</v>
      </c>
      <c r="D7383">
        <v>153615.5405</v>
      </c>
      <c r="E7383">
        <v>15954.60519</v>
      </c>
      <c r="F7383">
        <v>50586.834110000003</v>
      </c>
      <c r="G7383">
        <v>35106.92899</v>
      </c>
      <c r="H7383">
        <v>33688.247640000001</v>
      </c>
      <c r="I7383">
        <v>23713.192940000001</v>
      </c>
      <c r="J7383">
        <v>30810.39329</v>
      </c>
      <c r="K7383">
        <v>47693.940119999999</v>
      </c>
      <c r="L7383">
        <v>30772.095499999999</v>
      </c>
      <c r="M7383">
        <v>189164.41380000001</v>
      </c>
      <c r="N7383">
        <v>58909.157780000001</v>
      </c>
      <c r="O7383">
        <v>19442.02837</v>
      </c>
      <c r="P7383">
        <v>31582.094969999998</v>
      </c>
      <c r="Q7383">
        <v>46743.981540000001</v>
      </c>
      <c r="R7383">
        <v>18176.672399999999</v>
      </c>
      <c r="S7383">
        <v>87292.61305</v>
      </c>
      <c r="T7383">
        <v>28147.7287</v>
      </c>
      <c r="U7383">
        <v>9523.5452769999993</v>
      </c>
      <c r="W7383" s="83">
        <f>Bühler!N7415</f>
        <v>45599.541666648765</v>
      </c>
      <c r="X7383" s="83">
        <v>43408.541666666664</v>
      </c>
      <c r="Y7383">
        <v>153615.5405</v>
      </c>
      <c r="Z7383">
        <v>15954.60519</v>
      </c>
      <c r="AA7383">
        <v>50586.834110000003</v>
      </c>
      <c r="AB7383">
        <v>35106.92899</v>
      </c>
      <c r="AC7383">
        <v>33688.247640000001</v>
      </c>
      <c r="AD7383">
        <v>23713.192940000001</v>
      </c>
      <c r="AE7383">
        <v>30810.39329</v>
      </c>
      <c r="AF7383">
        <v>47693.940119999999</v>
      </c>
      <c r="AG7383">
        <v>30772.095499999999</v>
      </c>
      <c r="AH7383">
        <v>189164.41380000001</v>
      </c>
      <c r="AI7383">
        <v>58909.157780000001</v>
      </c>
      <c r="AJ7383">
        <v>19442.02837</v>
      </c>
      <c r="AK7383">
        <v>31582.094969999998</v>
      </c>
      <c r="AL7383">
        <v>46743.981540000001</v>
      </c>
      <c r="AM7383">
        <v>18176.672399999999</v>
      </c>
      <c r="AN7383">
        <v>87292.61305</v>
      </c>
      <c r="AO7383">
        <v>28147.7287</v>
      </c>
      <c r="AP7383">
        <v>9523.5452769999993</v>
      </c>
    </row>
    <row r="7384" spans="2:42" x14ac:dyDescent="0.3">
      <c r="B7384">
        <v>37.27651516222469</v>
      </c>
      <c r="C7384" s="83">
        <v>43408.583333333336</v>
      </c>
      <c r="D7384">
        <v>153913.08360000001</v>
      </c>
      <c r="E7384">
        <v>15959.46574</v>
      </c>
      <c r="F7384">
        <v>50200.188699999999</v>
      </c>
      <c r="G7384">
        <v>34739.306020000004</v>
      </c>
      <c r="H7384">
        <v>33597.524749999997</v>
      </c>
      <c r="I7384">
        <v>23608.850299999998</v>
      </c>
      <c r="J7384">
        <v>30307.0275</v>
      </c>
      <c r="K7384">
        <v>46803.165090000002</v>
      </c>
      <c r="L7384">
        <v>29087.185720000001</v>
      </c>
      <c r="M7384">
        <v>190053.05790000001</v>
      </c>
      <c r="N7384">
        <v>59402.264130000003</v>
      </c>
      <c r="O7384">
        <v>19899.78861</v>
      </c>
      <c r="P7384">
        <v>30711.717390000002</v>
      </c>
      <c r="Q7384">
        <v>47401.12614</v>
      </c>
      <c r="R7384">
        <v>17271.808110000002</v>
      </c>
      <c r="S7384">
        <v>84201.012040000001</v>
      </c>
      <c r="T7384">
        <v>27914.172999999999</v>
      </c>
      <c r="U7384">
        <v>9645.5771690000001</v>
      </c>
      <c r="W7384" s="83">
        <f>Bühler!N7416</f>
        <v>45599.58333331543</v>
      </c>
      <c r="X7384" s="83">
        <v>43408.583333333336</v>
      </c>
      <c r="Y7384">
        <v>153913.08360000001</v>
      </c>
      <c r="Z7384">
        <v>15959.46574</v>
      </c>
      <c r="AA7384">
        <v>50200.188699999999</v>
      </c>
      <c r="AB7384">
        <v>34739.306020000004</v>
      </c>
      <c r="AC7384">
        <v>33597.524749999997</v>
      </c>
      <c r="AD7384">
        <v>23608.850299999998</v>
      </c>
      <c r="AE7384">
        <v>30307.0275</v>
      </c>
      <c r="AF7384">
        <v>46803.165090000002</v>
      </c>
      <c r="AG7384">
        <v>29087.185720000001</v>
      </c>
      <c r="AH7384">
        <v>190053.05790000001</v>
      </c>
      <c r="AI7384">
        <v>59402.264130000003</v>
      </c>
      <c r="AJ7384">
        <v>19899.78861</v>
      </c>
      <c r="AK7384">
        <v>30711.717390000002</v>
      </c>
      <c r="AL7384">
        <v>47401.12614</v>
      </c>
      <c r="AM7384">
        <v>17271.808110000002</v>
      </c>
      <c r="AN7384">
        <v>84201.012040000001</v>
      </c>
      <c r="AO7384">
        <v>27914.172999999999</v>
      </c>
      <c r="AP7384">
        <v>9645.5771690000001</v>
      </c>
    </row>
    <row r="7385" spans="2:42" x14ac:dyDescent="0.3">
      <c r="B7385">
        <v>37.163801502575502</v>
      </c>
      <c r="C7385" s="83">
        <v>43408.625</v>
      </c>
      <c r="D7385">
        <v>153896.82399999999</v>
      </c>
      <c r="E7385">
        <v>16043.496450000001</v>
      </c>
      <c r="F7385">
        <v>49181.341520000002</v>
      </c>
      <c r="G7385">
        <v>34617.55932</v>
      </c>
      <c r="H7385">
        <v>33088.732920000002</v>
      </c>
      <c r="I7385">
        <v>23459.2912</v>
      </c>
      <c r="J7385">
        <v>30231.065439999998</v>
      </c>
      <c r="K7385">
        <v>46132.557070000003</v>
      </c>
      <c r="L7385">
        <v>27275.117170000001</v>
      </c>
      <c r="M7385">
        <v>189478.39110000001</v>
      </c>
      <c r="N7385">
        <v>58990.194199999998</v>
      </c>
      <c r="O7385">
        <v>19550.87716</v>
      </c>
      <c r="P7385">
        <v>28411.905510000001</v>
      </c>
      <c r="Q7385">
        <v>47559.754659999999</v>
      </c>
      <c r="R7385">
        <v>17227.69556</v>
      </c>
      <c r="S7385">
        <v>84434.025909999997</v>
      </c>
      <c r="T7385">
        <v>28156.516479999998</v>
      </c>
      <c r="U7385">
        <v>9560.0308960000002</v>
      </c>
      <c r="W7385" s="83">
        <f>Bühler!N7417</f>
        <v>45599.624999982094</v>
      </c>
      <c r="X7385" s="83">
        <v>43408.625</v>
      </c>
      <c r="Y7385">
        <v>153896.82399999999</v>
      </c>
      <c r="Z7385">
        <v>16043.496450000001</v>
      </c>
      <c r="AA7385">
        <v>49181.341520000002</v>
      </c>
      <c r="AB7385">
        <v>34617.55932</v>
      </c>
      <c r="AC7385">
        <v>33088.732920000002</v>
      </c>
      <c r="AD7385">
        <v>23459.2912</v>
      </c>
      <c r="AE7385">
        <v>30231.065439999998</v>
      </c>
      <c r="AF7385">
        <v>46132.557070000003</v>
      </c>
      <c r="AG7385">
        <v>27275.117170000001</v>
      </c>
      <c r="AH7385">
        <v>189478.39110000001</v>
      </c>
      <c r="AI7385">
        <v>58990.194199999998</v>
      </c>
      <c r="AJ7385">
        <v>19550.87716</v>
      </c>
      <c r="AK7385">
        <v>28411.905510000001</v>
      </c>
      <c r="AL7385">
        <v>47559.754659999999</v>
      </c>
      <c r="AM7385">
        <v>17227.69556</v>
      </c>
      <c r="AN7385">
        <v>84434.025909999997</v>
      </c>
      <c r="AO7385">
        <v>28156.516479999998</v>
      </c>
      <c r="AP7385">
        <v>9560.0308960000002</v>
      </c>
    </row>
    <row r="7386" spans="2:42" x14ac:dyDescent="0.3">
      <c r="B7386">
        <v>36.713008823787625</v>
      </c>
      <c r="C7386" s="83">
        <v>43408.666666666664</v>
      </c>
      <c r="D7386">
        <v>154139.8003</v>
      </c>
      <c r="E7386">
        <v>16138.22208</v>
      </c>
      <c r="F7386">
        <v>49836.155910000001</v>
      </c>
      <c r="G7386">
        <v>34818.185550000002</v>
      </c>
      <c r="H7386">
        <v>33213.724880000002</v>
      </c>
      <c r="I7386">
        <v>24203.740379999999</v>
      </c>
      <c r="J7386">
        <v>29883.539779999999</v>
      </c>
      <c r="K7386">
        <v>45202.7379</v>
      </c>
      <c r="L7386">
        <v>26194.644390000001</v>
      </c>
      <c r="M7386">
        <v>187180.0398</v>
      </c>
      <c r="N7386">
        <v>59787.357889999999</v>
      </c>
      <c r="O7386">
        <v>19134.090260000001</v>
      </c>
      <c r="P7386">
        <v>26924.91588</v>
      </c>
      <c r="Q7386">
        <v>48339.693520000001</v>
      </c>
      <c r="R7386">
        <v>17407.205689999999</v>
      </c>
      <c r="S7386">
        <v>84799.184580000001</v>
      </c>
      <c r="T7386">
        <v>28032.975640000001</v>
      </c>
      <c r="U7386">
        <v>9846.8192369999997</v>
      </c>
      <c r="W7386" s="83">
        <f>Bühler!N7418</f>
        <v>45599.666666648758</v>
      </c>
      <c r="X7386" s="83">
        <v>43408.666666666664</v>
      </c>
      <c r="Y7386">
        <v>154139.8003</v>
      </c>
      <c r="Z7386">
        <v>16138.22208</v>
      </c>
      <c r="AA7386">
        <v>49836.155910000001</v>
      </c>
      <c r="AB7386">
        <v>34818.185550000002</v>
      </c>
      <c r="AC7386">
        <v>33213.724880000002</v>
      </c>
      <c r="AD7386">
        <v>24203.740379999999</v>
      </c>
      <c r="AE7386">
        <v>29883.539779999999</v>
      </c>
      <c r="AF7386">
        <v>45202.7379</v>
      </c>
      <c r="AG7386">
        <v>26194.644390000001</v>
      </c>
      <c r="AH7386">
        <v>187180.0398</v>
      </c>
      <c r="AI7386">
        <v>59787.357889999999</v>
      </c>
      <c r="AJ7386">
        <v>19134.090260000001</v>
      </c>
      <c r="AK7386">
        <v>26924.91588</v>
      </c>
      <c r="AL7386">
        <v>48339.693520000001</v>
      </c>
      <c r="AM7386">
        <v>17407.205689999999</v>
      </c>
      <c r="AN7386">
        <v>84799.184580000001</v>
      </c>
      <c r="AO7386">
        <v>28032.975640000001</v>
      </c>
      <c r="AP7386">
        <v>9846.8192369999997</v>
      </c>
    </row>
    <row r="7387" spans="2:42" x14ac:dyDescent="0.3">
      <c r="B7387">
        <v>36.413172108691526</v>
      </c>
      <c r="C7387" s="83">
        <v>43408.708333333336</v>
      </c>
      <c r="D7387">
        <v>154671.5938</v>
      </c>
      <c r="E7387">
        <v>16535.857329999999</v>
      </c>
      <c r="F7387">
        <v>50470.531340000001</v>
      </c>
      <c r="G7387">
        <v>36223.714509999998</v>
      </c>
      <c r="H7387">
        <v>34278.762739999998</v>
      </c>
      <c r="I7387">
        <v>25365.354869999999</v>
      </c>
      <c r="J7387">
        <v>31901.585220000001</v>
      </c>
      <c r="K7387">
        <v>44483.951500000003</v>
      </c>
      <c r="L7387">
        <v>26206.58786</v>
      </c>
      <c r="M7387">
        <v>185651.33240000001</v>
      </c>
      <c r="N7387">
        <v>60607.307220000002</v>
      </c>
      <c r="O7387">
        <v>18525.07834</v>
      </c>
      <c r="P7387">
        <v>28830.234280000001</v>
      </c>
      <c r="Q7387">
        <v>48581.928690000001</v>
      </c>
      <c r="R7387">
        <v>17552.413540000001</v>
      </c>
      <c r="S7387">
        <v>88877.519289999997</v>
      </c>
      <c r="T7387">
        <v>28637.661820000001</v>
      </c>
      <c r="U7387">
        <v>10541.294980000001</v>
      </c>
      <c r="W7387" s="83">
        <f>Bühler!N7419</f>
        <v>45599.708333315422</v>
      </c>
      <c r="X7387" s="83">
        <v>43408.708333333336</v>
      </c>
      <c r="Y7387">
        <v>154671.5938</v>
      </c>
      <c r="Z7387">
        <v>16535.857329999999</v>
      </c>
      <c r="AA7387">
        <v>50470.531340000001</v>
      </c>
      <c r="AB7387">
        <v>36223.714509999998</v>
      </c>
      <c r="AC7387">
        <v>34278.762739999998</v>
      </c>
      <c r="AD7387">
        <v>25365.354869999999</v>
      </c>
      <c r="AE7387">
        <v>31901.585220000001</v>
      </c>
      <c r="AF7387">
        <v>44483.951500000003</v>
      </c>
      <c r="AG7387">
        <v>26206.58786</v>
      </c>
      <c r="AH7387">
        <v>185651.33240000001</v>
      </c>
      <c r="AI7387">
        <v>60607.307220000002</v>
      </c>
      <c r="AJ7387">
        <v>18525.07834</v>
      </c>
      <c r="AK7387">
        <v>28830.234280000001</v>
      </c>
      <c r="AL7387">
        <v>48581.928690000001</v>
      </c>
      <c r="AM7387">
        <v>17552.413540000001</v>
      </c>
      <c r="AN7387">
        <v>88877.519289999997</v>
      </c>
      <c r="AO7387">
        <v>28637.661820000001</v>
      </c>
      <c r="AP7387">
        <v>10541.294980000001</v>
      </c>
    </row>
    <row r="7388" spans="2:42" x14ac:dyDescent="0.3">
      <c r="B7388">
        <v>36.817524626042704</v>
      </c>
      <c r="C7388" s="83">
        <v>43408.75</v>
      </c>
      <c r="D7388">
        <v>156946.6262</v>
      </c>
      <c r="E7388">
        <v>16434.797790000001</v>
      </c>
      <c r="F7388">
        <v>50460.020479999999</v>
      </c>
      <c r="G7388">
        <v>37892.857219999998</v>
      </c>
      <c r="H7388">
        <v>35423.686780000004</v>
      </c>
      <c r="I7388">
        <v>25867.502410000001</v>
      </c>
      <c r="J7388">
        <v>33085.206570000002</v>
      </c>
      <c r="K7388">
        <v>45610.757429999998</v>
      </c>
      <c r="L7388">
        <v>27864.016309999999</v>
      </c>
      <c r="M7388">
        <v>187712.91010000001</v>
      </c>
      <c r="N7388">
        <v>62047.560169999997</v>
      </c>
      <c r="O7388">
        <v>18613.68504</v>
      </c>
      <c r="P7388">
        <v>30196.480039999999</v>
      </c>
      <c r="Q7388">
        <v>49042.806349999999</v>
      </c>
      <c r="R7388">
        <v>19161.141230000001</v>
      </c>
      <c r="S7388">
        <v>89738.029410000003</v>
      </c>
      <c r="T7388">
        <v>29523.790990000001</v>
      </c>
      <c r="U7388">
        <v>11644.898719999999</v>
      </c>
      <c r="W7388" s="83">
        <f>Bühler!N7420</f>
        <v>45599.749999982087</v>
      </c>
      <c r="X7388" s="83">
        <v>43408.75</v>
      </c>
      <c r="Y7388">
        <v>156946.6262</v>
      </c>
      <c r="Z7388">
        <v>16434.797790000001</v>
      </c>
      <c r="AA7388">
        <v>50460.020479999999</v>
      </c>
      <c r="AB7388">
        <v>37892.857219999998</v>
      </c>
      <c r="AC7388">
        <v>35423.686780000004</v>
      </c>
      <c r="AD7388">
        <v>25867.502410000001</v>
      </c>
      <c r="AE7388">
        <v>33085.206570000002</v>
      </c>
      <c r="AF7388">
        <v>45610.757429999998</v>
      </c>
      <c r="AG7388">
        <v>27864.016309999999</v>
      </c>
      <c r="AH7388">
        <v>187712.91010000001</v>
      </c>
      <c r="AI7388">
        <v>62047.560169999997</v>
      </c>
      <c r="AJ7388">
        <v>18613.68504</v>
      </c>
      <c r="AK7388">
        <v>30196.480039999999</v>
      </c>
      <c r="AL7388">
        <v>49042.806349999999</v>
      </c>
      <c r="AM7388">
        <v>19161.141230000001</v>
      </c>
      <c r="AN7388">
        <v>89738.029410000003</v>
      </c>
      <c r="AO7388">
        <v>29523.790990000001</v>
      </c>
      <c r="AP7388">
        <v>11644.898719999999</v>
      </c>
    </row>
    <row r="7389" spans="2:42" x14ac:dyDescent="0.3">
      <c r="B7389">
        <v>36.372057489913907</v>
      </c>
      <c r="C7389" s="83">
        <v>43408.791666666664</v>
      </c>
      <c r="D7389">
        <v>157565.12030000001</v>
      </c>
      <c r="E7389">
        <v>14843.44168</v>
      </c>
      <c r="F7389">
        <v>49154.489500000003</v>
      </c>
      <c r="G7389">
        <v>38273.813199999997</v>
      </c>
      <c r="H7389">
        <v>35090.24192</v>
      </c>
      <c r="I7389">
        <v>25279.175039999998</v>
      </c>
      <c r="J7389">
        <v>32538.47912</v>
      </c>
      <c r="K7389">
        <v>46269.756289999998</v>
      </c>
      <c r="L7389">
        <v>29484.264899999998</v>
      </c>
      <c r="M7389">
        <v>185441.71090000001</v>
      </c>
      <c r="N7389">
        <v>62897.927559999996</v>
      </c>
      <c r="O7389">
        <v>18686.783899999999</v>
      </c>
      <c r="P7389">
        <v>32714.174869999999</v>
      </c>
      <c r="Q7389">
        <v>49647.202530000002</v>
      </c>
      <c r="R7389">
        <v>19861.127090000002</v>
      </c>
      <c r="S7389">
        <v>87721.383719999998</v>
      </c>
      <c r="T7389">
        <v>27996.5137</v>
      </c>
      <c r="U7389">
        <v>11481.99058</v>
      </c>
      <c r="W7389" s="83">
        <f>Bühler!N7421</f>
        <v>45599.791666648751</v>
      </c>
      <c r="X7389" s="83">
        <v>43408.791666666664</v>
      </c>
      <c r="Y7389">
        <v>157565.12030000001</v>
      </c>
      <c r="Z7389">
        <v>14843.44168</v>
      </c>
      <c r="AA7389">
        <v>49154.489500000003</v>
      </c>
      <c r="AB7389">
        <v>38273.813199999997</v>
      </c>
      <c r="AC7389">
        <v>35090.24192</v>
      </c>
      <c r="AD7389">
        <v>25279.175039999998</v>
      </c>
      <c r="AE7389">
        <v>32538.47912</v>
      </c>
      <c r="AF7389">
        <v>46269.756289999998</v>
      </c>
      <c r="AG7389">
        <v>29484.264899999998</v>
      </c>
      <c r="AH7389">
        <v>185441.71090000001</v>
      </c>
      <c r="AI7389">
        <v>62897.927559999996</v>
      </c>
      <c r="AJ7389">
        <v>18686.783899999999</v>
      </c>
      <c r="AK7389">
        <v>32714.174869999999</v>
      </c>
      <c r="AL7389">
        <v>49647.202530000002</v>
      </c>
      <c r="AM7389">
        <v>19861.127090000002</v>
      </c>
      <c r="AN7389">
        <v>87721.383719999998</v>
      </c>
      <c r="AO7389">
        <v>27996.5137</v>
      </c>
      <c r="AP7389">
        <v>11481.99058</v>
      </c>
    </row>
    <row r="7390" spans="2:42" x14ac:dyDescent="0.3">
      <c r="B7390">
        <v>36.608536897471893</v>
      </c>
      <c r="C7390" s="83">
        <v>43408.833333333336</v>
      </c>
      <c r="D7390">
        <v>158841.97899999999</v>
      </c>
      <c r="E7390">
        <v>13371.288570000001</v>
      </c>
      <c r="F7390">
        <v>48063.478170000002</v>
      </c>
      <c r="G7390">
        <v>38083.586020000002</v>
      </c>
      <c r="H7390">
        <v>35080.636180000001</v>
      </c>
      <c r="I7390">
        <v>24554.86058</v>
      </c>
      <c r="J7390">
        <v>31874.0998</v>
      </c>
      <c r="K7390">
        <v>46233.524080000003</v>
      </c>
      <c r="L7390">
        <v>28116.469829999998</v>
      </c>
      <c r="M7390">
        <v>186647.39319999999</v>
      </c>
      <c r="N7390">
        <v>62687.470829999998</v>
      </c>
      <c r="O7390">
        <v>18814.438829999999</v>
      </c>
      <c r="P7390">
        <v>31922.606540000001</v>
      </c>
      <c r="Q7390">
        <v>49821.993020000002</v>
      </c>
      <c r="R7390">
        <v>18338.602429999999</v>
      </c>
      <c r="S7390">
        <v>81513.219750000004</v>
      </c>
      <c r="T7390">
        <v>25181.547439999998</v>
      </c>
      <c r="U7390">
        <v>11524.87628</v>
      </c>
      <c r="W7390" s="83">
        <f>Bühler!N7422</f>
        <v>45599.833333315415</v>
      </c>
      <c r="X7390" s="83">
        <v>43408.833333333336</v>
      </c>
      <c r="Y7390">
        <v>158841.97899999999</v>
      </c>
      <c r="Z7390">
        <v>13371.288570000001</v>
      </c>
      <c r="AA7390">
        <v>48063.478170000002</v>
      </c>
      <c r="AB7390">
        <v>38083.586020000002</v>
      </c>
      <c r="AC7390">
        <v>35080.636180000001</v>
      </c>
      <c r="AD7390">
        <v>24554.86058</v>
      </c>
      <c r="AE7390">
        <v>31874.0998</v>
      </c>
      <c r="AF7390">
        <v>46233.524080000003</v>
      </c>
      <c r="AG7390">
        <v>28116.469829999998</v>
      </c>
      <c r="AH7390">
        <v>186647.39319999999</v>
      </c>
      <c r="AI7390">
        <v>62687.470829999998</v>
      </c>
      <c r="AJ7390">
        <v>18814.438829999999</v>
      </c>
      <c r="AK7390">
        <v>31922.606540000001</v>
      </c>
      <c r="AL7390">
        <v>49821.993020000002</v>
      </c>
      <c r="AM7390">
        <v>18338.602429999999</v>
      </c>
      <c r="AN7390">
        <v>81513.219750000004</v>
      </c>
      <c r="AO7390">
        <v>25181.547439999998</v>
      </c>
      <c r="AP7390">
        <v>11524.87628</v>
      </c>
    </row>
    <row r="7391" spans="2:42" x14ac:dyDescent="0.3">
      <c r="B7391">
        <v>37.321085231880737</v>
      </c>
      <c r="C7391" s="83">
        <v>43408.875</v>
      </c>
      <c r="D7391">
        <v>159784.6845</v>
      </c>
      <c r="E7391">
        <v>13011.00639</v>
      </c>
      <c r="F7391">
        <v>47450.027959999999</v>
      </c>
      <c r="G7391">
        <v>38088.485919999999</v>
      </c>
      <c r="H7391">
        <v>34250.771520000002</v>
      </c>
      <c r="I7391">
        <v>23885.349719999998</v>
      </c>
      <c r="J7391">
        <v>30742.141950000001</v>
      </c>
      <c r="K7391">
        <v>46183.704680000003</v>
      </c>
      <c r="L7391">
        <v>25935.808789999999</v>
      </c>
      <c r="M7391">
        <v>190280.29689999999</v>
      </c>
      <c r="N7391">
        <v>62873.883450000001</v>
      </c>
      <c r="O7391">
        <v>18202.737710000001</v>
      </c>
      <c r="P7391">
        <v>31021.76038</v>
      </c>
      <c r="Q7391">
        <v>52175.88349</v>
      </c>
      <c r="R7391">
        <v>18474.719260000002</v>
      </c>
      <c r="S7391">
        <v>77871.638980000003</v>
      </c>
      <c r="T7391">
        <v>23759.319</v>
      </c>
      <c r="U7391">
        <v>11596.596530000001</v>
      </c>
      <c r="W7391" s="83">
        <f>Bühler!N7423</f>
        <v>45599.874999982079</v>
      </c>
      <c r="X7391" s="83">
        <v>43408.875</v>
      </c>
      <c r="Y7391">
        <v>159784.6845</v>
      </c>
      <c r="Z7391">
        <v>13011.00639</v>
      </c>
      <c r="AA7391">
        <v>47450.027959999999</v>
      </c>
      <c r="AB7391">
        <v>38088.485919999999</v>
      </c>
      <c r="AC7391">
        <v>34250.771520000002</v>
      </c>
      <c r="AD7391">
        <v>23885.349719999998</v>
      </c>
      <c r="AE7391">
        <v>30742.141950000001</v>
      </c>
      <c r="AF7391">
        <v>46183.704680000003</v>
      </c>
      <c r="AG7391">
        <v>25935.808789999999</v>
      </c>
      <c r="AH7391">
        <v>190280.29689999999</v>
      </c>
      <c r="AI7391">
        <v>62873.883450000001</v>
      </c>
      <c r="AJ7391">
        <v>18202.737710000001</v>
      </c>
      <c r="AK7391">
        <v>31021.76038</v>
      </c>
      <c r="AL7391">
        <v>52175.88349</v>
      </c>
      <c r="AM7391">
        <v>18474.719260000002</v>
      </c>
      <c r="AN7391">
        <v>77871.638980000003</v>
      </c>
      <c r="AO7391">
        <v>23759.319</v>
      </c>
      <c r="AP7391">
        <v>11596.596530000001</v>
      </c>
    </row>
    <row r="7392" spans="2:42" x14ac:dyDescent="0.3">
      <c r="B7392">
        <v>38.131940874092209</v>
      </c>
      <c r="C7392" s="83">
        <v>43408.916666666664</v>
      </c>
      <c r="D7392">
        <v>161346.16500000001</v>
      </c>
      <c r="E7392">
        <v>12921.13118</v>
      </c>
      <c r="F7392">
        <v>46924.050719999999</v>
      </c>
      <c r="G7392">
        <v>38073.438829999999</v>
      </c>
      <c r="H7392">
        <v>34430.23317</v>
      </c>
      <c r="I7392">
        <v>23683.664959999998</v>
      </c>
      <c r="J7392">
        <v>29832.632310000001</v>
      </c>
      <c r="K7392">
        <v>48274.04088</v>
      </c>
      <c r="L7392">
        <v>23201.77925</v>
      </c>
      <c r="M7392">
        <v>194414.41709999999</v>
      </c>
      <c r="N7392">
        <v>63152.772949999999</v>
      </c>
      <c r="O7392">
        <v>18836.689259999999</v>
      </c>
      <c r="P7392">
        <v>28898.116689999999</v>
      </c>
      <c r="Q7392">
        <v>53793.905039999998</v>
      </c>
      <c r="R7392">
        <v>20899.592140000001</v>
      </c>
      <c r="S7392">
        <v>76739.886329999994</v>
      </c>
      <c r="T7392">
        <v>22797.309389999999</v>
      </c>
      <c r="U7392">
        <v>12020.727500000001</v>
      </c>
      <c r="W7392" s="83">
        <f>Bühler!N7424</f>
        <v>45599.916666648744</v>
      </c>
      <c r="X7392" s="83">
        <v>43408.916666666664</v>
      </c>
      <c r="Y7392">
        <v>161346.16500000001</v>
      </c>
      <c r="Z7392">
        <v>12921.13118</v>
      </c>
      <c r="AA7392">
        <v>46924.050719999999</v>
      </c>
      <c r="AB7392">
        <v>38073.438829999999</v>
      </c>
      <c r="AC7392">
        <v>34430.23317</v>
      </c>
      <c r="AD7392">
        <v>23683.664959999998</v>
      </c>
      <c r="AE7392">
        <v>29832.632310000001</v>
      </c>
      <c r="AF7392">
        <v>48274.04088</v>
      </c>
      <c r="AG7392">
        <v>23201.77925</v>
      </c>
      <c r="AH7392">
        <v>194414.41709999999</v>
      </c>
      <c r="AI7392">
        <v>63152.772949999999</v>
      </c>
      <c r="AJ7392">
        <v>18836.689259999999</v>
      </c>
      <c r="AK7392">
        <v>28898.116689999999</v>
      </c>
      <c r="AL7392">
        <v>53793.905039999998</v>
      </c>
      <c r="AM7392">
        <v>20899.592140000001</v>
      </c>
      <c r="AN7392">
        <v>76739.886329999994</v>
      </c>
      <c r="AO7392">
        <v>22797.309389999999</v>
      </c>
      <c r="AP7392">
        <v>12020.727500000001</v>
      </c>
    </row>
    <row r="7393" spans="2:42" x14ac:dyDescent="0.3">
      <c r="B7393">
        <v>38.52444351425526</v>
      </c>
      <c r="C7393" s="83">
        <v>43408.958333333336</v>
      </c>
      <c r="D7393">
        <v>163099.0423</v>
      </c>
      <c r="E7393">
        <v>12667.574780000001</v>
      </c>
      <c r="F7393">
        <v>46775.359349999999</v>
      </c>
      <c r="G7393">
        <v>38202.261259999999</v>
      </c>
      <c r="H7393">
        <v>34502.07</v>
      </c>
      <c r="I7393">
        <v>22910.866689999999</v>
      </c>
      <c r="J7393">
        <v>28584.782790000001</v>
      </c>
      <c r="K7393">
        <v>47653.778720000002</v>
      </c>
      <c r="L7393">
        <v>20760.721689999998</v>
      </c>
      <c r="M7393">
        <v>196415.57860000001</v>
      </c>
      <c r="N7393">
        <v>62915.722860000002</v>
      </c>
      <c r="O7393">
        <v>19149.05889</v>
      </c>
      <c r="P7393">
        <v>26371.845170000001</v>
      </c>
      <c r="Q7393">
        <v>55110.645969999998</v>
      </c>
      <c r="R7393">
        <v>20697.135539999999</v>
      </c>
      <c r="S7393">
        <v>75240.458240000007</v>
      </c>
      <c r="T7393">
        <v>25862.883269999998</v>
      </c>
      <c r="U7393">
        <v>11787.151330000001</v>
      </c>
      <c r="W7393" s="83">
        <f>Bühler!N7425</f>
        <v>45599.958333315408</v>
      </c>
      <c r="X7393" s="83">
        <v>43408.958333333336</v>
      </c>
      <c r="Y7393">
        <v>163099.0423</v>
      </c>
      <c r="Z7393">
        <v>12667.574780000001</v>
      </c>
      <c r="AA7393">
        <v>46775.359349999999</v>
      </c>
      <c r="AB7393">
        <v>38202.261259999999</v>
      </c>
      <c r="AC7393">
        <v>34502.07</v>
      </c>
      <c r="AD7393">
        <v>22910.866689999999</v>
      </c>
      <c r="AE7393">
        <v>28584.782790000001</v>
      </c>
      <c r="AF7393">
        <v>47653.778720000002</v>
      </c>
      <c r="AG7393">
        <v>20760.721689999998</v>
      </c>
      <c r="AH7393">
        <v>196415.57860000001</v>
      </c>
      <c r="AI7393">
        <v>62915.722860000002</v>
      </c>
      <c r="AJ7393">
        <v>19149.05889</v>
      </c>
      <c r="AK7393">
        <v>26371.845170000001</v>
      </c>
      <c r="AL7393">
        <v>55110.645969999998</v>
      </c>
      <c r="AM7393">
        <v>20697.135539999999</v>
      </c>
      <c r="AN7393">
        <v>75240.458240000007</v>
      </c>
      <c r="AO7393">
        <v>25862.883269999998</v>
      </c>
      <c r="AP7393">
        <v>11787.151330000001</v>
      </c>
    </row>
    <row r="7394" spans="2:42" x14ac:dyDescent="0.3">
      <c r="B7394">
        <v>38.551244730706479</v>
      </c>
      <c r="C7394" s="83">
        <v>43409</v>
      </c>
      <c r="D7394">
        <v>166173.5662</v>
      </c>
      <c r="E7394">
        <v>12729.704750000001</v>
      </c>
      <c r="F7394">
        <v>47172.457990000003</v>
      </c>
      <c r="G7394">
        <v>37952.376499999998</v>
      </c>
      <c r="H7394">
        <v>34353.351119999999</v>
      </c>
      <c r="I7394">
        <v>20940.666969999998</v>
      </c>
      <c r="J7394">
        <v>27163.448230000002</v>
      </c>
      <c r="K7394">
        <v>46675.25836</v>
      </c>
      <c r="L7394">
        <v>17733.530070000001</v>
      </c>
      <c r="M7394">
        <v>196552.2237</v>
      </c>
      <c r="N7394">
        <v>62411.250959999998</v>
      </c>
      <c r="O7394">
        <v>18911.792679999999</v>
      </c>
      <c r="P7394">
        <v>23816.25275</v>
      </c>
      <c r="Q7394">
        <v>58185.660430000004</v>
      </c>
      <c r="R7394">
        <v>19260.361410000001</v>
      </c>
      <c r="S7394">
        <v>74229.702539999998</v>
      </c>
      <c r="T7394">
        <v>25192.505649999999</v>
      </c>
      <c r="U7394">
        <v>11666.223169999999</v>
      </c>
      <c r="W7394" s="83">
        <f>Bühler!N7426</f>
        <v>45599.999999982072</v>
      </c>
      <c r="X7394" s="83">
        <v>43409</v>
      </c>
      <c r="Y7394">
        <v>166173.5662</v>
      </c>
      <c r="Z7394">
        <v>12729.704750000001</v>
      </c>
      <c r="AA7394">
        <v>47172.457990000003</v>
      </c>
      <c r="AB7394">
        <v>37952.376499999998</v>
      </c>
      <c r="AC7394">
        <v>34353.351119999999</v>
      </c>
      <c r="AD7394">
        <v>20940.666969999998</v>
      </c>
      <c r="AE7394">
        <v>27163.448230000002</v>
      </c>
      <c r="AF7394">
        <v>46675.25836</v>
      </c>
      <c r="AG7394">
        <v>17733.530070000001</v>
      </c>
      <c r="AH7394">
        <v>196552.2237</v>
      </c>
      <c r="AI7394">
        <v>62411.250959999998</v>
      </c>
      <c r="AJ7394">
        <v>18911.792679999999</v>
      </c>
      <c r="AK7394">
        <v>23816.25275</v>
      </c>
      <c r="AL7394">
        <v>58185.660430000004</v>
      </c>
      <c r="AM7394">
        <v>19260.361410000001</v>
      </c>
      <c r="AN7394">
        <v>74229.702539999998</v>
      </c>
      <c r="AO7394">
        <v>25192.505649999999</v>
      </c>
      <c r="AP7394">
        <v>11666.223169999999</v>
      </c>
    </row>
    <row r="7395" spans="2:42" x14ac:dyDescent="0.3">
      <c r="B7395">
        <v>38.660286050725617</v>
      </c>
      <c r="C7395" s="83">
        <v>43409.041666666664</v>
      </c>
      <c r="D7395">
        <v>167152.8149</v>
      </c>
      <c r="E7395">
        <v>12739.15834</v>
      </c>
      <c r="F7395">
        <v>47887.363279999998</v>
      </c>
      <c r="G7395">
        <v>37927.369980000003</v>
      </c>
      <c r="H7395">
        <v>34278.577839999998</v>
      </c>
      <c r="I7395">
        <v>17330.238219999999</v>
      </c>
      <c r="J7395">
        <v>26590.843519999999</v>
      </c>
      <c r="K7395">
        <v>44296.312409999999</v>
      </c>
      <c r="L7395">
        <v>17517.015920000002</v>
      </c>
      <c r="M7395">
        <v>197108.1672</v>
      </c>
      <c r="N7395">
        <v>63048.767110000001</v>
      </c>
      <c r="O7395">
        <v>18977.50663</v>
      </c>
      <c r="P7395">
        <v>23549.396140000001</v>
      </c>
      <c r="Q7395">
        <v>60874.641439999999</v>
      </c>
      <c r="R7395">
        <v>19102.405559999999</v>
      </c>
      <c r="S7395">
        <v>73831.176730000007</v>
      </c>
      <c r="T7395">
        <v>24686.42844</v>
      </c>
      <c r="U7395">
        <v>11817.904399999999</v>
      </c>
      <c r="W7395" s="83">
        <f>Bühler!N7427</f>
        <v>45600.041666648736</v>
      </c>
      <c r="X7395" s="83">
        <v>43409.041666666664</v>
      </c>
      <c r="Y7395">
        <v>167152.8149</v>
      </c>
      <c r="Z7395">
        <v>12739.15834</v>
      </c>
      <c r="AA7395">
        <v>47887.363279999998</v>
      </c>
      <c r="AB7395">
        <v>37927.369980000003</v>
      </c>
      <c r="AC7395">
        <v>34278.577839999998</v>
      </c>
      <c r="AD7395">
        <v>17330.238219999999</v>
      </c>
      <c r="AE7395">
        <v>26590.843519999999</v>
      </c>
      <c r="AF7395">
        <v>44296.312409999999</v>
      </c>
      <c r="AG7395">
        <v>17517.015920000002</v>
      </c>
      <c r="AH7395">
        <v>197108.1672</v>
      </c>
      <c r="AI7395">
        <v>63048.767110000001</v>
      </c>
      <c r="AJ7395">
        <v>18977.50663</v>
      </c>
      <c r="AK7395">
        <v>23549.396140000001</v>
      </c>
      <c r="AL7395">
        <v>60874.641439999999</v>
      </c>
      <c r="AM7395">
        <v>19102.405559999999</v>
      </c>
      <c r="AN7395">
        <v>73831.176730000007</v>
      </c>
      <c r="AO7395">
        <v>24686.42844</v>
      </c>
      <c r="AP7395">
        <v>11817.904399999999</v>
      </c>
    </row>
    <row r="7396" spans="2:42" x14ac:dyDescent="0.3">
      <c r="B7396">
        <v>39.325238464376277</v>
      </c>
      <c r="C7396" s="83">
        <v>43409.083333333336</v>
      </c>
      <c r="D7396">
        <v>168739.11480000001</v>
      </c>
      <c r="E7396">
        <v>12737.947200000001</v>
      </c>
      <c r="F7396">
        <v>48991.997750000002</v>
      </c>
      <c r="G7396">
        <v>37722.484689999997</v>
      </c>
      <c r="H7396">
        <v>34310.840279999997</v>
      </c>
      <c r="I7396">
        <v>16357.602500000001</v>
      </c>
      <c r="J7396">
        <v>26506.347389999999</v>
      </c>
      <c r="K7396">
        <v>43281.950299999997</v>
      </c>
      <c r="L7396">
        <v>17498.181550000001</v>
      </c>
      <c r="M7396">
        <v>200498.40470000001</v>
      </c>
      <c r="N7396">
        <v>62394.65466</v>
      </c>
      <c r="O7396">
        <v>18913.059590000001</v>
      </c>
      <c r="P7396">
        <v>24232.014950000001</v>
      </c>
      <c r="Q7396">
        <v>65057.646930000003</v>
      </c>
      <c r="R7396">
        <v>18814.791399999998</v>
      </c>
      <c r="S7396">
        <v>73060.913260000001</v>
      </c>
      <c r="T7396">
        <v>24545.98877</v>
      </c>
      <c r="U7396">
        <v>12194.78227</v>
      </c>
      <c r="W7396" s="83">
        <f>Bühler!N7428</f>
        <v>45600.083333315401</v>
      </c>
      <c r="X7396" s="83">
        <v>43409.083333333336</v>
      </c>
      <c r="Y7396">
        <v>168739.11480000001</v>
      </c>
      <c r="Z7396">
        <v>12737.947200000001</v>
      </c>
      <c r="AA7396">
        <v>48991.997750000002</v>
      </c>
      <c r="AB7396">
        <v>37722.484689999997</v>
      </c>
      <c r="AC7396">
        <v>34310.840279999997</v>
      </c>
      <c r="AD7396">
        <v>16357.602500000001</v>
      </c>
      <c r="AE7396">
        <v>26506.347389999999</v>
      </c>
      <c r="AF7396">
        <v>43281.950299999997</v>
      </c>
      <c r="AG7396">
        <v>17498.181550000001</v>
      </c>
      <c r="AH7396">
        <v>200498.40470000001</v>
      </c>
      <c r="AI7396">
        <v>62394.65466</v>
      </c>
      <c r="AJ7396">
        <v>18913.059590000001</v>
      </c>
      <c r="AK7396">
        <v>24232.014950000001</v>
      </c>
      <c r="AL7396">
        <v>65057.646930000003</v>
      </c>
      <c r="AM7396">
        <v>18814.791399999998</v>
      </c>
      <c r="AN7396">
        <v>73060.913260000001</v>
      </c>
      <c r="AO7396">
        <v>24545.98877</v>
      </c>
      <c r="AP7396">
        <v>12194.78227</v>
      </c>
    </row>
    <row r="7397" spans="2:42" x14ac:dyDescent="0.3">
      <c r="B7397">
        <v>40.595761179549356</v>
      </c>
      <c r="C7397" s="83">
        <v>43409.125</v>
      </c>
      <c r="D7397">
        <v>174671.65030000001</v>
      </c>
      <c r="E7397">
        <v>13016.07728</v>
      </c>
      <c r="F7397">
        <v>50456.589809999998</v>
      </c>
      <c r="G7397">
        <v>37156.056819999998</v>
      </c>
      <c r="H7397">
        <v>34557.046430000002</v>
      </c>
      <c r="I7397">
        <v>16409.758259999999</v>
      </c>
      <c r="J7397">
        <v>26630.94225</v>
      </c>
      <c r="K7397">
        <v>42022.76137</v>
      </c>
      <c r="L7397">
        <v>16909.48775</v>
      </c>
      <c r="M7397">
        <v>206976.122</v>
      </c>
      <c r="N7397">
        <v>62599.348059999997</v>
      </c>
      <c r="O7397">
        <v>19555.011630000001</v>
      </c>
      <c r="P7397">
        <v>23871.670549999999</v>
      </c>
      <c r="Q7397">
        <v>69921.612110000002</v>
      </c>
      <c r="R7397">
        <v>19134.49078</v>
      </c>
      <c r="S7397">
        <v>72771.767179999995</v>
      </c>
      <c r="T7397">
        <v>24461.293229999999</v>
      </c>
      <c r="U7397">
        <v>12509.51237</v>
      </c>
      <c r="W7397" s="83">
        <f>Bühler!N7429</f>
        <v>45600.124999982065</v>
      </c>
      <c r="X7397" s="83">
        <v>43409.125</v>
      </c>
      <c r="Y7397">
        <v>174671.65030000001</v>
      </c>
      <c r="Z7397">
        <v>13016.07728</v>
      </c>
      <c r="AA7397">
        <v>50456.589809999998</v>
      </c>
      <c r="AB7397">
        <v>37156.056819999998</v>
      </c>
      <c r="AC7397">
        <v>34557.046430000002</v>
      </c>
      <c r="AD7397">
        <v>16409.758259999999</v>
      </c>
      <c r="AE7397">
        <v>26630.94225</v>
      </c>
      <c r="AF7397">
        <v>42022.76137</v>
      </c>
      <c r="AG7397">
        <v>16909.48775</v>
      </c>
      <c r="AH7397">
        <v>206976.122</v>
      </c>
      <c r="AI7397">
        <v>62599.348059999997</v>
      </c>
      <c r="AJ7397">
        <v>19555.011630000001</v>
      </c>
      <c r="AK7397">
        <v>23871.670549999999</v>
      </c>
      <c r="AL7397">
        <v>69921.612110000002</v>
      </c>
      <c r="AM7397">
        <v>19134.49078</v>
      </c>
      <c r="AN7397">
        <v>72771.767179999995</v>
      </c>
      <c r="AO7397">
        <v>24461.293229999999</v>
      </c>
      <c r="AP7397">
        <v>12509.51237</v>
      </c>
    </row>
    <row r="7398" spans="2:42" x14ac:dyDescent="0.3">
      <c r="B7398">
        <v>43.76258895031129</v>
      </c>
      <c r="C7398" s="83">
        <v>43409.166666666664</v>
      </c>
      <c r="D7398">
        <v>186146.2628</v>
      </c>
      <c r="E7398">
        <v>13956.70767</v>
      </c>
      <c r="F7398">
        <v>54697.548139999999</v>
      </c>
      <c r="G7398">
        <v>37147.043899999997</v>
      </c>
      <c r="H7398">
        <v>35725.935210000003</v>
      </c>
      <c r="I7398">
        <v>18997.476200000001</v>
      </c>
      <c r="J7398">
        <v>28201.381689999998</v>
      </c>
      <c r="K7398">
        <v>41651.102879999999</v>
      </c>
      <c r="L7398">
        <v>17158.552769999998</v>
      </c>
      <c r="M7398">
        <v>223122.08679999999</v>
      </c>
      <c r="N7398">
        <v>64095.763200000001</v>
      </c>
      <c r="O7398">
        <v>19832.90222</v>
      </c>
      <c r="P7398">
        <v>23372.992689999999</v>
      </c>
      <c r="Q7398">
        <v>77889.7834</v>
      </c>
      <c r="R7398">
        <v>19566.129949999999</v>
      </c>
      <c r="S7398">
        <v>73893.110750000007</v>
      </c>
      <c r="T7398">
        <v>24492.99955</v>
      </c>
      <c r="U7398">
        <v>14135.71617</v>
      </c>
      <c r="W7398" s="83">
        <f>Bühler!N7430</f>
        <v>45600.166666648729</v>
      </c>
      <c r="X7398" s="83">
        <v>43409.166666666664</v>
      </c>
      <c r="Y7398">
        <v>186146.2628</v>
      </c>
      <c r="Z7398">
        <v>13956.70767</v>
      </c>
      <c r="AA7398">
        <v>54697.548139999999</v>
      </c>
      <c r="AB7398">
        <v>37147.043899999997</v>
      </c>
      <c r="AC7398">
        <v>35725.935210000003</v>
      </c>
      <c r="AD7398">
        <v>18997.476200000001</v>
      </c>
      <c r="AE7398">
        <v>28201.381689999998</v>
      </c>
      <c r="AF7398">
        <v>41651.102879999999</v>
      </c>
      <c r="AG7398">
        <v>17158.552769999998</v>
      </c>
      <c r="AH7398">
        <v>223122.08679999999</v>
      </c>
      <c r="AI7398">
        <v>64095.763200000001</v>
      </c>
      <c r="AJ7398">
        <v>19832.90222</v>
      </c>
      <c r="AK7398">
        <v>23372.992689999999</v>
      </c>
      <c r="AL7398">
        <v>77889.7834</v>
      </c>
      <c r="AM7398">
        <v>19566.129949999999</v>
      </c>
      <c r="AN7398">
        <v>73893.110750000007</v>
      </c>
      <c r="AO7398">
        <v>24492.99955</v>
      </c>
      <c r="AP7398">
        <v>14135.71617</v>
      </c>
    </row>
    <row r="7399" spans="2:42" x14ac:dyDescent="0.3">
      <c r="B7399">
        <v>49.718290226619622</v>
      </c>
      <c r="C7399" s="83">
        <v>43409.208333333336</v>
      </c>
      <c r="D7399">
        <v>219650.9002</v>
      </c>
      <c r="E7399">
        <v>16498.843140000001</v>
      </c>
      <c r="F7399">
        <v>66611.041589999993</v>
      </c>
      <c r="G7399">
        <v>39774.472110000002</v>
      </c>
      <c r="H7399">
        <v>37985.435129999998</v>
      </c>
      <c r="I7399">
        <v>27557.548500000001</v>
      </c>
      <c r="J7399">
        <v>31143.439200000001</v>
      </c>
      <c r="K7399">
        <v>44042.816720000003</v>
      </c>
      <c r="L7399">
        <v>18320.448240000002</v>
      </c>
      <c r="M7399">
        <v>253487.02929999999</v>
      </c>
      <c r="N7399">
        <v>67510.268549999993</v>
      </c>
      <c r="O7399">
        <v>21590.630570000001</v>
      </c>
      <c r="P7399">
        <v>24879.32187</v>
      </c>
      <c r="Q7399">
        <v>83661.593089999995</v>
      </c>
      <c r="R7399">
        <v>20451.61087</v>
      </c>
      <c r="S7399">
        <v>77322.59878</v>
      </c>
      <c r="T7399">
        <v>26072.489099999999</v>
      </c>
      <c r="U7399">
        <v>16026.12925</v>
      </c>
      <c r="W7399" s="83">
        <f>Bühler!N7431</f>
        <v>45600.208333315393</v>
      </c>
      <c r="X7399" s="83">
        <v>43409.208333333336</v>
      </c>
      <c r="Y7399">
        <v>219650.9002</v>
      </c>
      <c r="Z7399">
        <v>16498.843140000001</v>
      </c>
      <c r="AA7399">
        <v>66611.041589999993</v>
      </c>
      <c r="AB7399">
        <v>39774.472110000002</v>
      </c>
      <c r="AC7399">
        <v>37985.435129999998</v>
      </c>
      <c r="AD7399">
        <v>27557.548500000001</v>
      </c>
      <c r="AE7399">
        <v>31143.439200000001</v>
      </c>
      <c r="AF7399">
        <v>44042.816720000003</v>
      </c>
      <c r="AG7399">
        <v>18320.448240000002</v>
      </c>
      <c r="AH7399">
        <v>253487.02929999999</v>
      </c>
      <c r="AI7399">
        <v>67510.268549999993</v>
      </c>
      <c r="AJ7399">
        <v>21590.630570000001</v>
      </c>
      <c r="AK7399">
        <v>24879.32187</v>
      </c>
      <c r="AL7399">
        <v>83661.593089999995</v>
      </c>
      <c r="AM7399">
        <v>20451.61087</v>
      </c>
      <c r="AN7399">
        <v>77322.59878</v>
      </c>
      <c r="AO7399">
        <v>26072.489099999999</v>
      </c>
      <c r="AP7399">
        <v>16026.12925</v>
      </c>
    </row>
    <row r="7400" spans="2:42" x14ac:dyDescent="0.3">
      <c r="B7400">
        <v>55.215295212093359</v>
      </c>
      <c r="C7400" s="83">
        <v>43409.25</v>
      </c>
      <c r="D7400">
        <v>246497.05710000001</v>
      </c>
      <c r="E7400">
        <v>20811.299749999998</v>
      </c>
      <c r="F7400">
        <v>80460.079769999997</v>
      </c>
      <c r="G7400">
        <v>52854.327340000003</v>
      </c>
      <c r="H7400">
        <v>42131.699310000004</v>
      </c>
      <c r="I7400">
        <v>35433.166810000002</v>
      </c>
      <c r="J7400">
        <v>34950.663939999999</v>
      </c>
      <c r="K7400">
        <v>48150.560559999998</v>
      </c>
      <c r="L7400">
        <v>19188.96542</v>
      </c>
      <c r="M7400">
        <v>281513.32419999997</v>
      </c>
      <c r="N7400">
        <v>72369.29118</v>
      </c>
      <c r="O7400">
        <v>22272.469239999999</v>
      </c>
      <c r="P7400">
        <v>25939.311389999999</v>
      </c>
      <c r="Q7400">
        <v>89083.141900000002</v>
      </c>
      <c r="R7400">
        <v>19415.206340000001</v>
      </c>
      <c r="S7400">
        <v>86432.227029999995</v>
      </c>
      <c r="T7400">
        <v>29119.082409999999</v>
      </c>
      <c r="U7400">
        <v>18759.446309999999</v>
      </c>
      <c r="W7400" s="83">
        <f>Bühler!N7432</f>
        <v>45600.249999982057</v>
      </c>
      <c r="X7400" s="83">
        <v>43409.25</v>
      </c>
      <c r="Y7400">
        <v>246497.05710000001</v>
      </c>
      <c r="Z7400">
        <v>20811.299749999998</v>
      </c>
      <c r="AA7400">
        <v>80460.079769999997</v>
      </c>
      <c r="AB7400">
        <v>52854.327340000003</v>
      </c>
      <c r="AC7400">
        <v>42131.699310000004</v>
      </c>
      <c r="AD7400">
        <v>35433.166810000002</v>
      </c>
      <c r="AE7400">
        <v>34950.663939999999</v>
      </c>
      <c r="AF7400">
        <v>48150.560559999998</v>
      </c>
      <c r="AG7400">
        <v>19188.96542</v>
      </c>
      <c r="AH7400">
        <v>281513.32419999997</v>
      </c>
      <c r="AI7400">
        <v>72369.29118</v>
      </c>
      <c r="AJ7400">
        <v>22272.469239999999</v>
      </c>
      <c r="AK7400">
        <v>25939.311389999999</v>
      </c>
      <c r="AL7400">
        <v>89083.141900000002</v>
      </c>
      <c r="AM7400">
        <v>19415.206340000001</v>
      </c>
      <c r="AN7400">
        <v>86432.227029999995</v>
      </c>
      <c r="AO7400">
        <v>29119.082409999999</v>
      </c>
      <c r="AP7400">
        <v>18759.446309999999</v>
      </c>
    </row>
    <row r="7401" spans="2:42" x14ac:dyDescent="0.3">
      <c r="B7401">
        <v>58.349767782499754</v>
      </c>
      <c r="C7401" s="83">
        <v>43409.291666666664</v>
      </c>
      <c r="D7401">
        <v>267140.16100000002</v>
      </c>
      <c r="E7401">
        <v>25591.745350000001</v>
      </c>
      <c r="F7401">
        <v>84118.063999999998</v>
      </c>
      <c r="G7401">
        <v>65630.053360000005</v>
      </c>
      <c r="H7401">
        <v>47352.443950000001</v>
      </c>
      <c r="I7401">
        <v>44915.689559999999</v>
      </c>
      <c r="J7401">
        <v>35621.817470000002</v>
      </c>
      <c r="K7401">
        <v>53142.149700000002</v>
      </c>
      <c r="L7401">
        <v>21767.028719999998</v>
      </c>
      <c r="M7401">
        <v>297494.32709999999</v>
      </c>
      <c r="N7401">
        <v>79617.652780000004</v>
      </c>
      <c r="O7401">
        <v>25007.34461</v>
      </c>
      <c r="P7401">
        <v>28231.88006</v>
      </c>
      <c r="Q7401">
        <v>90355.106679999997</v>
      </c>
      <c r="R7401">
        <v>21541.472300000001</v>
      </c>
      <c r="S7401">
        <v>101423.0863</v>
      </c>
      <c r="T7401">
        <v>30697.700860000001</v>
      </c>
      <c r="U7401">
        <v>24756.354599999999</v>
      </c>
      <c r="W7401" s="83">
        <f>Bühler!N7433</f>
        <v>45600.291666648722</v>
      </c>
      <c r="X7401" s="83">
        <v>43409.291666666664</v>
      </c>
      <c r="Y7401">
        <v>267140.16100000002</v>
      </c>
      <c r="Z7401">
        <v>25591.745350000001</v>
      </c>
      <c r="AA7401">
        <v>84118.063999999998</v>
      </c>
      <c r="AB7401">
        <v>65630.053360000005</v>
      </c>
      <c r="AC7401">
        <v>47352.443950000001</v>
      </c>
      <c r="AD7401">
        <v>44915.689559999999</v>
      </c>
      <c r="AE7401">
        <v>35621.817470000002</v>
      </c>
      <c r="AF7401">
        <v>53142.149700000002</v>
      </c>
      <c r="AG7401">
        <v>21767.028719999998</v>
      </c>
      <c r="AH7401">
        <v>297494.32709999999</v>
      </c>
      <c r="AI7401">
        <v>79617.652780000004</v>
      </c>
      <c r="AJ7401">
        <v>25007.34461</v>
      </c>
      <c r="AK7401">
        <v>28231.88006</v>
      </c>
      <c r="AL7401">
        <v>90355.106679999997</v>
      </c>
      <c r="AM7401">
        <v>21541.472300000001</v>
      </c>
      <c r="AN7401">
        <v>101423.0863</v>
      </c>
      <c r="AO7401">
        <v>30697.700860000001</v>
      </c>
      <c r="AP7401">
        <v>24756.354599999999</v>
      </c>
    </row>
    <row r="7402" spans="2:42" x14ac:dyDescent="0.3">
      <c r="B7402">
        <v>60.161247153070136</v>
      </c>
      <c r="C7402" s="83">
        <v>43409.333333333336</v>
      </c>
      <c r="D7402">
        <v>281440.136</v>
      </c>
      <c r="E7402">
        <v>31170.726360000001</v>
      </c>
      <c r="F7402">
        <v>89664.827489999996</v>
      </c>
      <c r="G7402">
        <v>82160.817760000005</v>
      </c>
      <c r="H7402">
        <v>52473.026879999998</v>
      </c>
      <c r="I7402">
        <v>47266.015149999999</v>
      </c>
      <c r="J7402">
        <v>35346.501579999996</v>
      </c>
      <c r="K7402">
        <v>59096.581400000003</v>
      </c>
      <c r="L7402">
        <v>24247.99871</v>
      </c>
      <c r="M7402">
        <v>306730.09370000003</v>
      </c>
      <c r="N7402">
        <v>86371.715330000006</v>
      </c>
      <c r="O7402">
        <v>26818.687430000002</v>
      </c>
      <c r="P7402">
        <v>29999.548999999999</v>
      </c>
      <c r="Q7402">
        <v>92646.756359999999</v>
      </c>
      <c r="R7402">
        <v>22180.657719999999</v>
      </c>
      <c r="S7402">
        <v>116434.6986</v>
      </c>
      <c r="T7402">
        <v>33801.164429999997</v>
      </c>
      <c r="U7402">
        <v>26694.80372</v>
      </c>
      <c r="W7402" s="83">
        <f>Bühler!N7434</f>
        <v>45600.333333315386</v>
      </c>
      <c r="X7402" s="83">
        <v>43409.333333333336</v>
      </c>
      <c r="Y7402">
        <v>281440.136</v>
      </c>
      <c r="Z7402">
        <v>31170.726360000001</v>
      </c>
      <c r="AA7402">
        <v>89664.827489999996</v>
      </c>
      <c r="AB7402">
        <v>82160.817760000005</v>
      </c>
      <c r="AC7402">
        <v>52473.026879999998</v>
      </c>
      <c r="AD7402">
        <v>47266.015149999999</v>
      </c>
      <c r="AE7402">
        <v>35346.501579999996</v>
      </c>
      <c r="AF7402">
        <v>59096.581400000003</v>
      </c>
      <c r="AG7402">
        <v>24247.99871</v>
      </c>
      <c r="AH7402">
        <v>306730.09370000003</v>
      </c>
      <c r="AI7402">
        <v>86371.715330000006</v>
      </c>
      <c r="AJ7402">
        <v>26818.687430000002</v>
      </c>
      <c r="AK7402">
        <v>29999.548999999999</v>
      </c>
      <c r="AL7402">
        <v>92646.756359999999</v>
      </c>
      <c r="AM7402">
        <v>22180.657719999999</v>
      </c>
      <c r="AN7402">
        <v>116434.6986</v>
      </c>
      <c r="AO7402">
        <v>33801.164429999997</v>
      </c>
      <c r="AP7402">
        <v>26694.80372</v>
      </c>
    </row>
    <row r="7403" spans="2:42" x14ac:dyDescent="0.3">
      <c r="B7403">
        <v>61.095148816952388</v>
      </c>
      <c r="C7403" s="83">
        <v>43409.375</v>
      </c>
      <c r="D7403">
        <v>286405.72009999998</v>
      </c>
      <c r="E7403">
        <v>35336.780720000002</v>
      </c>
      <c r="F7403">
        <v>96215.593540000002</v>
      </c>
      <c r="G7403">
        <v>91991.405939999997</v>
      </c>
      <c r="H7403">
        <v>55551.532189999998</v>
      </c>
      <c r="I7403">
        <v>45007.290699999998</v>
      </c>
      <c r="J7403">
        <v>35554.981039999999</v>
      </c>
      <c r="K7403">
        <v>61109.446759999999</v>
      </c>
      <c r="L7403">
        <v>26685.767589999999</v>
      </c>
      <c r="M7403">
        <v>311491.55989999999</v>
      </c>
      <c r="N7403">
        <v>87806.978010000006</v>
      </c>
      <c r="O7403">
        <v>27119.34086</v>
      </c>
      <c r="P7403">
        <v>31962.422579999999</v>
      </c>
      <c r="Q7403">
        <v>94568.859230000002</v>
      </c>
      <c r="R7403">
        <v>23153.92381</v>
      </c>
      <c r="S7403">
        <v>122227.74589999999</v>
      </c>
      <c r="T7403">
        <v>35974.536970000001</v>
      </c>
      <c r="U7403">
        <v>27894.715090000002</v>
      </c>
      <c r="W7403" s="83">
        <f>Bühler!N7435</f>
        <v>45600.37499998205</v>
      </c>
      <c r="X7403" s="83">
        <v>43409.375</v>
      </c>
      <c r="Y7403">
        <v>286405.72009999998</v>
      </c>
      <c r="Z7403">
        <v>35336.780720000002</v>
      </c>
      <c r="AA7403">
        <v>96215.593540000002</v>
      </c>
      <c r="AB7403">
        <v>91991.405939999997</v>
      </c>
      <c r="AC7403">
        <v>55551.532189999998</v>
      </c>
      <c r="AD7403">
        <v>45007.290699999998</v>
      </c>
      <c r="AE7403">
        <v>35554.981039999999</v>
      </c>
      <c r="AF7403">
        <v>61109.446759999999</v>
      </c>
      <c r="AG7403">
        <v>26685.767589999999</v>
      </c>
      <c r="AH7403">
        <v>311491.55989999999</v>
      </c>
      <c r="AI7403">
        <v>87806.978010000006</v>
      </c>
      <c r="AJ7403">
        <v>27119.34086</v>
      </c>
      <c r="AK7403">
        <v>31962.422579999999</v>
      </c>
      <c r="AL7403">
        <v>94568.859230000002</v>
      </c>
      <c r="AM7403">
        <v>23153.92381</v>
      </c>
      <c r="AN7403">
        <v>122227.74589999999</v>
      </c>
      <c r="AO7403">
        <v>35974.536970000001</v>
      </c>
      <c r="AP7403">
        <v>27894.715090000002</v>
      </c>
    </row>
    <row r="7404" spans="2:42" x14ac:dyDescent="0.3">
      <c r="B7404">
        <v>62.920266582941366</v>
      </c>
      <c r="C7404" s="83">
        <v>43409.416666666664</v>
      </c>
      <c r="D7404">
        <v>290503.5111</v>
      </c>
      <c r="E7404">
        <v>36412.878750000003</v>
      </c>
      <c r="F7404">
        <v>96494.482699999993</v>
      </c>
      <c r="G7404">
        <v>95322.886710000006</v>
      </c>
      <c r="H7404">
        <v>56014.507140000002</v>
      </c>
      <c r="I7404">
        <v>41316.645129999997</v>
      </c>
      <c r="J7404">
        <v>33531.589440000003</v>
      </c>
      <c r="K7404">
        <v>61826.64976</v>
      </c>
      <c r="L7404">
        <v>28665.607019999999</v>
      </c>
      <c r="M7404">
        <v>320796.86139999999</v>
      </c>
      <c r="N7404">
        <v>89196.30528</v>
      </c>
      <c r="O7404">
        <v>27195.264729999999</v>
      </c>
      <c r="P7404">
        <v>31494.856520000001</v>
      </c>
      <c r="Q7404">
        <v>95940.277220000004</v>
      </c>
      <c r="R7404">
        <v>23509.212100000001</v>
      </c>
      <c r="S7404">
        <v>123461.3481</v>
      </c>
      <c r="T7404">
        <v>37322.874799999998</v>
      </c>
      <c r="U7404">
        <v>27038.438109999999</v>
      </c>
      <c r="W7404" s="83">
        <f>Bühler!N7436</f>
        <v>45600.416666648714</v>
      </c>
      <c r="X7404" s="83">
        <v>43409.416666666664</v>
      </c>
      <c r="Y7404">
        <v>290503.5111</v>
      </c>
      <c r="Z7404">
        <v>36412.878750000003</v>
      </c>
      <c r="AA7404">
        <v>96494.482699999993</v>
      </c>
      <c r="AB7404">
        <v>95322.886710000006</v>
      </c>
      <c r="AC7404">
        <v>56014.507140000002</v>
      </c>
      <c r="AD7404">
        <v>41316.645129999997</v>
      </c>
      <c r="AE7404">
        <v>33531.589440000003</v>
      </c>
      <c r="AF7404">
        <v>61826.64976</v>
      </c>
      <c r="AG7404">
        <v>28665.607019999999</v>
      </c>
      <c r="AH7404">
        <v>320796.86139999999</v>
      </c>
      <c r="AI7404">
        <v>89196.30528</v>
      </c>
      <c r="AJ7404">
        <v>27195.264729999999</v>
      </c>
      <c r="AK7404">
        <v>31494.856520000001</v>
      </c>
      <c r="AL7404">
        <v>95940.277220000004</v>
      </c>
      <c r="AM7404">
        <v>23509.212100000001</v>
      </c>
      <c r="AN7404">
        <v>123461.3481</v>
      </c>
      <c r="AO7404">
        <v>37322.874799999998</v>
      </c>
      <c r="AP7404">
        <v>27038.438109999999</v>
      </c>
    </row>
    <row r="7405" spans="2:42" x14ac:dyDescent="0.3">
      <c r="B7405">
        <v>63.840390456545407</v>
      </c>
      <c r="C7405" s="83">
        <v>43409.458333333336</v>
      </c>
      <c r="D7405">
        <v>289822.6496</v>
      </c>
      <c r="E7405">
        <v>36029.230450000003</v>
      </c>
      <c r="F7405">
        <v>96855.609179999999</v>
      </c>
      <c r="G7405">
        <v>93189.901840000006</v>
      </c>
      <c r="H7405">
        <v>55297.053290000003</v>
      </c>
      <c r="I7405">
        <v>40870.210359999997</v>
      </c>
      <c r="J7405">
        <v>34958.702669999999</v>
      </c>
      <c r="K7405">
        <v>63996.041620000004</v>
      </c>
      <c r="L7405">
        <v>29851.616699999999</v>
      </c>
      <c r="M7405">
        <v>325488.08199999999</v>
      </c>
      <c r="N7405">
        <v>91402.076220000003</v>
      </c>
      <c r="O7405">
        <v>27009.088039999999</v>
      </c>
      <c r="P7405">
        <v>31482.272250000002</v>
      </c>
      <c r="Q7405">
        <v>96960.709600000002</v>
      </c>
      <c r="R7405">
        <v>23905.84676</v>
      </c>
      <c r="S7405">
        <v>125072.0536</v>
      </c>
      <c r="T7405">
        <v>36991.206169999998</v>
      </c>
      <c r="U7405">
        <v>26351.953089999999</v>
      </c>
      <c r="W7405" s="83">
        <f>Bühler!N7437</f>
        <v>45600.458333315379</v>
      </c>
      <c r="X7405" s="83">
        <v>43409.458333333336</v>
      </c>
      <c r="Y7405">
        <v>289822.6496</v>
      </c>
      <c r="Z7405">
        <v>36029.230450000003</v>
      </c>
      <c r="AA7405">
        <v>96855.609179999999</v>
      </c>
      <c r="AB7405">
        <v>93189.901840000006</v>
      </c>
      <c r="AC7405">
        <v>55297.053290000003</v>
      </c>
      <c r="AD7405">
        <v>40870.210359999997</v>
      </c>
      <c r="AE7405">
        <v>34958.702669999999</v>
      </c>
      <c r="AF7405">
        <v>63996.041620000004</v>
      </c>
      <c r="AG7405">
        <v>29851.616699999999</v>
      </c>
      <c r="AH7405">
        <v>325488.08199999999</v>
      </c>
      <c r="AI7405">
        <v>91402.076220000003</v>
      </c>
      <c r="AJ7405">
        <v>27009.088039999999</v>
      </c>
      <c r="AK7405">
        <v>31482.272250000002</v>
      </c>
      <c r="AL7405">
        <v>96960.709600000002</v>
      </c>
      <c r="AM7405">
        <v>23905.84676</v>
      </c>
      <c r="AN7405">
        <v>125072.0536</v>
      </c>
      <c r="AO7405">
        <v>36991.206169999998</v>
      </c>
      <c r="AP7405">
        <v>26351.953089999999</v>
      </c>
    </row>
    <row r="7406" spans="2:42" x14ac:dyDescent="0.3">
      <c r="B7406">
        <v>63.114934063990056</v>
      </c>
      <c r="C7406" s="83">
        <v>43409.5</v>
      </c>
      <c r="D7406">
        <v>278190.76860000001</v>
      </c>
      <c r="E7406">
        <v>32568.266479999998</v>
      </c>
      <c r="F7406">
        <v>91189.541490000003</v>
      </c>
      <c r="G7406">
        <v>92031.264139999999</v>
      </c>
      <c r="H7406">
        <v>52336.190360000001</v>
      </c>
      <c r="I7406">
        <v>39641.214449999999</v>
      </c>
      <c r="J7406">
        <v>34331.88437</v>
      </c>
      <c r="K7406">
        <v>59444.779029999998</v>
      </c>
      <c r="L7406">
        <v>32344.08928</v>
      </c>
      <c r="M7406">
        <v>321789.36700000003</v>
      </c>
      <c r="N7406">
        <v>87950.737250000006</v>
      </c>
      <c r="O7406">
        <v>25625.046719999998</v>
      </c>
      <c r="P7406">
        <v>32045.679090000001</v>
      </c>
      <c r="Q7406">
        <v>96813.91532</v>
      </c>
      <c r="R7406">
        <v>24104.34837</v>
      </c>
      <c r="S7406">
        <v>119088.7475</v>
      </c>
      <c r="T7406">
        <v>36557.785199999998</v>
      </c>
      <c r="U7406">
        <v>21019.839520000001</v>
      </c>
      <c r="W7406" s="83">
        <f>Bühler!N7438</f>
        <v>45600.499999982043</v>
      </c>
      <c r="X7406" s="83">
        <v>43409.5</v>
      </c>
      <c r="Y7406">
        <v>278190.76860000001</v>
      </c>
      <c r="Z7406">
        <v>32568.266479999998</v>
      </c>
      <c r="AA7406">
        <v>91189.541490000003</v>
      </c>
      <c r="AB7406">
        <v>92031.264139999999</v>
      </c>
      <c r="AC7406">
        <v>52336.190360000001</v>
      </c>
      <c r="AD7406">
        <v>39641.214449999999</v>
      </c>
      <c r="AE7406">
        <v>34331.88437</v>
      </c>
      <c r="AF7406">
        <v>59444.779029999998</v>
      </c>
      <c r="AG7406">
        <v>32344.08928</v>
      </c>
      <c r="AH7406">
        <v>321789.36700000003</v>
      </c>
      <c r="AI7406">
        <v>87950.737250000006</v>
      </c>
      <c r="AJ7406">
        <v>25625.046719999998</v>
      </c>
      <c r="AK7406">
        <v>32045.679090000001</v>
      </c>
      <c r="AL7406">
        <v>96813.91532</v>
      </c>
      <c r="AM7406">
        <v>24104.34837</v>
      </c>
      <c r="AN7406">
        <v>119088.7475</v>
      </c>
      <c r="AO7406">
        <v>36557.785199999998</v>
      </c>
      <c r="AP7406">
        <v>21019.839520000001</v>
      </c>
    </row>
    <row r="7407" spans="2:42" x14ac:dyDescent="0.3">
      <c r="B7407">
        <v>63.124062809161323</v>
      </c>
      <c r="C7407" s="83">
        <v>43409.541666666664</v>
      </c>
      <c r="D7407">
        <v>279130.66989999998</v>
      </c>
      <c r="E7407">
        <v>32865.32458</v>
      </c>
      <c r="F7407">
        <v>88363.372889999999</v>
      </c>
      <c r="G7407">
        <v>89045.643479999999</v>
      </c>
      <c r="H7407">
        <v>53168.500899999999</v>
      </c>
      <c r="I7407">
        <v>39207.361810000002</v>
      </c>
      <c r="J7407">
        <v>33498.444779999998</v>
      </c>
      <c r="K7407">
        <v>61076.514750000002</v>
      </c>
      <c r="L7407">
        <v>31077.167359999999</v>
      </c>
      <c r="M7407">
        <v>321835.90960000001</v>
      </c>
      <c r="N7407">
        <v>89487.762260000003</v>
      </c>
      <c r="O7407">
        <v>25757.944780000002</v>
      </c>
      <c r="P7407">
        <v>31046.365310000001</v>
      </c>
      <c r="Q7407">
        <v>96213.798580000002</v>
      </c>
      <c r="R7407">
        <v>26187.602780000001</v>
      </c>
      <c r="S7407">
        <v>117554.05929999999</v>
      </c>
      <c r="T7407">
        <v>35969.272749999996</v>
      </c>
      <c r="U7407">
        <v>23003.35598</v>
      </c>
      <c r="W7407" s="83">
        <f>Bühler!N7439</f>
        <v>45600.541666648707</v>
      </c>
      <c r="X7407" s="83">
        <v>43409.541666666664</v>
      </c>
      <c r="Y7407">
        <v>279130.66989999998</v>
      </c>
      <c r="Z7407">
        <v>32865.32458</v>
      </c>
      <c r="AA7407">
        <v>88363.372889999999</v>
      </c>
      <c r="AB7407">
        <v>89045.643479999999</v>
      </c>
      <c r="AC7407">
        <v>53168.500899999999</v>
      </c>
      <c r="AD7407">
        <v>39207.361810000002</v>
      </c>
      <c r="AE7407">
        <v>33498.444779999998</v>
      </c>
      <c r="AF7407">
        <v>61076.514750000002</v>
      </c>
      <c r="AG7407">
        <v>31077.167359999999</v>
      </c>
      <c r="AH7407">
        <v>321835.90960000001</v>
      </c>
      <c r="AI7407">
        <v>89487.762260000003</v>
      </c>
      <c r="AJ7407">
        <v>25757.944780000002</v>
      </c>
      <c r="AK7407">
        <v>31046.365310000001</v>
      </c>
      <c r="AL7407">
        <v>96213.798580000002</v>
      </c>
      <c r="AM7407">
        <v>26187.602780000001</v>
      </c>
      <c r="AN7407">
        <v>117554.05929999999</v>
      </c>
      <c r="AO7407">
        <v>35969.272749999996</v>
      </c>
      <c r="AP7407">
        <v>23003.35598</v>
      </c>
    </row>
    <row r="7408" spans="2:42" x14ac:dyDescent="0.3">
      <c r="B7408">
        <v>63.653809779887432</v>
      </c>
      <c r="C7408" s="83">
        <v>43409.583333333336</v>
      </c>
      <c r="D7408">
        <v>284381.55560000002</v>
      </c>
      <c r="E7408">
        <v>35406.621700000003</v>
      </c>
      <c r="F7408">
        <v>95714.427720000007</v>
      </c>
      <c r="G7408">
        <v>83921.434540000002</v>
      </c>
      <c r="H7408">
        <v>52875.089930000002</v>
      </c>
      <c r="I7408">
        <v>39868.672890000002</v>
      </c>
      <c r="J7408">
        <v>33009.553999999996</v>
      </c>
      <c r="K7408">
        <v>63113.708680000003</v>
      </c>
      <c r="L7408">
        <v>28386.927540000001</v>
      </c>
      <c r="M7408">
        <v>324536.80670000002</v>
      </c>
      <c r="N7408">
        <v>91773.708119999996</v>
      </c>
      <c r="O7408">
        <v>25201.887040000001</v>
      </c>
      <c r="P7408">
        <v>28496.64373</v>
      </c>
      <c r="Q7408">
        <v>96844.980710000003</v>
      </c>
      <c r="R7408">
        <v>23219.77648</v>
      </c>
      <c r="S7408">
        <v>113315.37669999999</v>
      </c>
      <c r="T7408">
        <v>34508.197319999999</v>
      </c>
      <c r="U7408">
        <v>24158.792850000002</v>
      </c>
      <c r="W7408" s="83">
        <f>Bühler!N7440</f>
        <v>45600.583333315371</v>
      </c>
      <c r="X7408" s="83">
        <v>43409.583333333336</v>
      </c>
      <c r="Y7408">
        <v>284381.55560000002</v>
      </c>
      <c r="Z7408">
        <v>35406.621700000003</v>
      </c>
      <c r="AA7408">
        <v>95714.427720000007</v>
      </c>
      <c r="AB7408">
        <v>83921.434540000002</v>
      </c>
      <c r="AC7408">
        <v>52875.089930000002</v>
      </c>
      <c r="AD7408">
        <v>39868.672890000002</v>
      </c>
      <c r="AE7408">
        <v>33009.553999999996</v>
      </c>
      <c r="AF7408">
        <v>63113.708680000003</v>
      </c>
      <c r="AG7408">
        <v>28386.927540000001</v>
      </c>
      <c r="AH7408">
        <v>324536.80670000002</v>
      </c>
      <c r="AI7408">
        <v>91773.708119999996</v>
      </c>
      <c r="AJ7408">
        <v>25201.887040000001</v>
      </c>
      <c r="AK7408">
        <v>28496.64373</v>
      </c>
      <c r="AL7408">
        <v>96844.980710000003</v>
      </c>
      <c r="AM7408">
        <v>23219.77648</v>
      </c>
      <c r="AN7408">
        <v>113315.37669999999</v>
      </c>
      <c r="AO7408">
        <v>34508.197319999999</v>
      </c>
      <c r="AP7408">
        <v>24158.792850000002</v>
      </c>
    </row>
    <row r="7409" spans="2:42" x14ac:dyDescent="0.3">
      <c r="B7409">
        <v>62.742694595743984</v>
      </c>
      <c r="C7409" s="83">
        <v>43409.625</v>
      </c>
      <c r="D7409">
        <v>283175.98259999999</v>
      </c>
      <c r="E7409">
        <v>35390.265700000004</v>
      </c>
      <c r="F7409">
        <v>96918.86537</v>
      </c>
      <c r="G7409">
        <v>80959.784719999996</v>
      </c>
      <c r="H7409">
        <v>51623.180249999998</v>
      </c>
      <c r="I7409">
        <v>39950.803910000002</v>
      </c>
      <c r="J7409">
        <v>32847.345269999998</v>
      </c>
      <c r="K7409">
        <v>61682.134559999999</v>
      </c>
      <c r="L7409">
        <v>25561.82718</v>
      </c>
      <c r="M7409">
        <v>319891.51659999997</v>
      </c>
      <c r="N7409">
        <v>89994.648350000003</v>
      </c>
      <c r="O7409">
        <v>24943.468710000001</v>
      </c>
      <c r="P7409">
        <v>28250.792359999999</v>
      </c>
      <c r="Q7409">
        <v>95717.94068</v>
      </c>
      <c r="R7409">
        <v>23175.467509999999</v>
      </c>
      <c r="S7409">
        <v>111256.1384</v>
      </c>
      <c r="T7409">
        <v>34277.7336</v>
      </c>
      <c r="U7409">
        <v>22466.374459999999</v>
      </c>
      <c r="W7409" s="83">
        <f>Bühler!N7441</f>
        <v>45600.624999982036</v>
      </c>
      <c r="X7409" s="83">
        <v>43409.625</v>
      </c>
      <c r="Y7409">
        <v>283175.98259999999</v>
      </c>
      <c r="Z7409">
        <v>35390.265700000004</v>
      </c>
      <c r="AA7409">
        <v>96918.86537</v>
      </c>
      <c r="AB7409">
        <v>80959.784719999996</v>
      </c>
      <c r="AC7409">
        <v>51623.180249999998</v>
      </c>
      <c r="AD7409">
        <v>39950.803910000002</v>
      </c>
      <c r="AE7409">
        <v>32847.345269999998</v>
      </c>
      <c r="AF7409">
        <v>61682.134559999999</v>
      </c>
      <c r="AG7409">
        <v>25561.82718</v>
      </c>
      <c r="AH7409">
        <v>319891.51659999997</v>
      </c>
      <c r="AI7409">
        <v>89994.648350000003</v>
      </c>
      <c r="AJ7409">
        <v>24943.468710000001</v>
      </c>
      <c r="AK7409">
        <v>28250.792359999999</v>
      </c>
      <c r="AL7409">
        <v>95717.94068</v>
      </c>
      <c r="AM7409">
        <v>23175.467509999999</v>
      </c>
      <c r="AN7409">
        <v>111256.1384</v>
      </c>
      <c r="AO7409">
        <v>34277.7336</v>
      </c>
      <c r="AP7409">
        <v>22466.374459999999</v>
      </c>
    </row>
    <row r="7410" spans="2:42" x14ac:dyDescent="0.3">
      <c r="B7410">
        <v>61.540468281222722</v>
      </c>
      <c r="C7410" s="83">
        <v>43409.666666666664</v>
      </c>
      <c r="D7410">
        <v>279275.97350000002</v>
      </c>
      <c r="E7410">
        <v>34744.194519999997</v>
      </c>
      <c r="F7410">
        <v>96797.186159999997</v>
      </c>
      <c r="G7410">
        <v>78295.672510000004</v>
      </c>
      <c r="H7410">
        <v>50035.015509999997</v>
      </c>
      <c r="I7410">
        <v>41418.40711</v>
      </c>
      <c r="J7410">
        <v>32303.080389999999</v>
      </c>
      <c r="K7410">
        <v>58824.949939999999</v>
      </c>
      <c r="L7410">
        <v>24254.74293</v>
      </c>
      <c r="M7410">
        <v>313762.0062</v>
      </c>
      <c r="N7410">
        <v>86765.469410000005</v>
      </c>
      <c r="O7410">
        <v>24683.433580000001</v>
      </c>
      <c r="P7410">
        <v>28026.42841</v>
      </c>
      <c r="Q7410">
        <v>95771.758780000004</v>
      </c>
      <c r="R7410">
        <v>24495.831600000001</v>
      </c>
      <c r="S7410">
        <v>108392.1568</v>
      </c>
      <c r="T7410">
        <v>34375.060019999997</v>
      </c>
      <c r="U7410">
        <v>21151.791649999999</v>
      </c>
      <c r="W7410" s="83">
        <f>Bühler!N7442</f>
        <v>45600.6666666487</v>
      </c>
      <c r="X7410" s="83">
        <v>43409.666666666664</v>
      </c>
      <c r="Y7410">
        <v>279275.97350000002</v>
      </c>
      <c r="Z7410">
        <v>34744.194519999997</v>
      </c>
      <c r="AA7410">
        <v>96797.186159999997</v>
      </c>
      <c r="AB7410">
        <v>78295.672510000004</v>
      </c>
      <c r="AC7410">
        <v>50035.015509999997</v>
      </c>
      <c r="AD7410">
        <v>41418.40711</v>
      </c>
      <c r="AE7410">
        <v>32303.080389999999</v>
      </c>
      <c r="AF7410">
        <v>58824.949939999999</v>
      </c>
      <c r="AG7410">
        <v>24254.74293</v>
      </c>
      <c r="AH7410">
        <v>313762.0062</v>
      </c>
      <c r="AI7410">
        <v>86765.469410000005</v>
      </c>
      <c r="AJ7410">
        <v>24683.433580000001</v>
      </c>
      <c r="AK7410">
        <v>28026.42841</v>
      </c>
      <c r="AL7410">
        <v>95771.758780000004</v>
      </c>
      <c r="AM7410">
        <v>24495.831600000001</v>
      </c>
      <c r="AN7410">
        <v>108392.1568</v>
      </c>
      <c r="AO7410">
        <v>34375.060019999997</v>
      </c>
      <c r="AP7410">
        <v>21151.791649999999</v>
      </c>
    </row>
    <row r="7411" spans="2:42" x14ac:dyDescent="0.3">
      <c r="B7411">
        <v>60.542698862184295</v>
      </c>
      <c r="C7411" s="83">
        <v>43409.708333333336</v>
      </c>
      <c r="D7411">
        <v>270925.19579999999</v>
      </c>
      <c r="E7411">
        <v>33320.050159999999</v>
      </c>
      <c r="F7411">
        <v>98130.89632</v>
      </c>
      <c r="G7411">
        <v>71796.842550000001</v>
      </c>
      <c r="H7411">
        <v>49269.012110000003</v>
      </c>
      <c r="I7411">
        <v>41150.628859999997</v>
      </c>
      <c r="J7411">
        <v>34220.471819999999</v>
      </c>
      <c r="K7411">
        <v>54999.520539999998</v>
      </c>
      <c r="L7411">
        <v>24871.453000000001</v>
      </c>
      <c r="M7411">
        <v>308674.91239999997</v>
      </c>
      <c r="N7411">
        <v>84077.831990000006</v>
      </c>
      <c r="O7411">
        <v>23214.226699999999</v>
      </c>
      <c r="P7411">
        <v>30365.012139999999</v>
      </c>
      <c r="Q7411">
        <v>93900.422949999993</v>
      </c>
      <c r="R7411">
        <v>22721.338889999999</v>
      </c>
      <c r="S7411">
        <v>108326.4191</v>
      </c>
      <c r="T7411">
        <v>36373.411910000003</v>
      </c>
      <c r="U7411">
        <v>19306.115989999998</v>
      </c>
      <c r="W7411" s="83">
        <f>Bühler!N7443</f>
        <v>45600.708333315364</v>
      </c>
      <c r="X7411" s="83">
        <v>43409.708333333336</v>
      </c>
      <c r="Y7411">
        <v>270925.19579999999</v>
      </c>
      <c r="Z7411">
        <v>33320.050159999999</v>
      </c>
      <c r="AA7411">
        <v>98130.89632</v>
      </c>
      <c r="AB7411">
        <v>71796.842550000001</v>
      </c>
      <c r="AC7411">
        <v>49269.012110000003</v>
      </c>
      <c r="AD7411">
        <v>41150.628859999997</v>
      </c>
      <c r="AE7411">
        <v>34220.471819999999</v>
      </c>
      <c r="AF7411">
        <v>54999.520539999998</v>
      </c>
      <c r="AG7411">
        <v>24871.453000000001</v>
      </c>
      <c r="AH7411">
        <v>308674.91239999997</v>
      </c>
      <c r="AI7411">
        <v>84077.831990000006</v>
      </c>
      <c r="AJ7411">
        <v>23214.226699999999</v>
      </c>
      <c r="AK7411">
        <v>30365.012139999999</v>
      </c>
      <c r="AL7411">
        <v>93900.422949999993</v>
      </c>
      <c r="AM7411">
        <v>22721.338889999999</v>
      </c>
      <c r="AN7411">
        <v>108326.4191</v>
      </c>
      <c r="AO7411">
        <v>36373.411910000003</v>
      </c>
      <c r="AP7411">
        <v>19306.115989999998</v>
      </c>
    </row>
    <row r="7412" spans="2:42" x14ac:dyDescent="0.3">
      <c r="B7412">
        <v>60.056640244986589</v>
      </c>
      <c r="C7412" s="83">
        <v>43409.75</v>
      </c>
      <c r="D7412">
        <v>265669.89750000002</v>
      </c>
      <c r="E7412">
        <v>30956.127240000002</v>
      </c>
      <c r="F7412">
        <v>96563.613750000004</v>
      </c>
      <c r="G7412">
        <v>63265.42136</v>
      </c>
      <c r="H7412">
        <v>48180.645329999999</v>
      </c>
      <c r="I7412">
        <v>39739.394399999997</v>
      </c>
      <c r="J7412">
        <v>35266.124559999997</v>
      </c>
      <c r="K7412">
        <v>54465.244630000001</v>
      </c>
      <c r="L7412">
        <v>26953.997820000001</v>
      </c>
      <c r="M7412">
        <v>306196.75890000002</v>
      </c>
      <c r="N7412">
        <v>82873.20796</v>
      </c>
      <c r="O7412">
        <v>22786.95865</v>
      </c>
      <c r="P7412">
        <v>34355.840550000001</v>
      </c>
      <c r="Q7412">
        <v>91865.719010000001</v>
      </c>
      <c r="R7412">
        <v>22452.114420000002</v>
      </c>
      <c r="S7412">
        <v>103314.5638</v>
      </c>
      <c r="T7412">
        <v>37053.692450000002</v>
      </c>
      <c r="U7412">
        <v>18433.46372</v>
      </c>
      <c r="W7412" s="83">
        <f>Bühler!N7444</f>
        <v>45600.749999982028</v>
      </c>
      <c r="X7412" s="83">
        <v>43409.75</v>
      </c>
      <c r="Y7412">
        <v>265669.89750000002</v>
      </c>
      <c r="Z7412">
        <v>30956.127240000002</v>
      </c>
      <c r="AA7412">
        <v>96563.613750000004</v>
      </c>
      <c r="AB7412">
        <v>63265.42136</v>
      </c>
      <c r="AC7412">
        <v>48180.645329999999</v>
      </c>
      <c r="AD7412">
        <v>39739.394399999997</v>
      </c>
      <c r="AE7412">
        <v>35266.124559999997</v>
      </c>
      <c r="AF7412">
        <v>54465.244630000001</v>
      </c>
      <c r="AG7412">
        <v>26953.997820000001</v>
      </c>
      <c r="AH7412">
        <v>306196.75890000002</v>
      </c>
      <c r="AI7412">
        <v>82873.20796</v>
      </c>
      <c r="AJ7412">
        <v>22786.95865</v>
      </c>
      <c r="AK7412">
        <v>34355.840550000001</v>
      </c>
      <c r="AL7412">
        <v>91865.719010000001</v>
      </c>
      <c r="AM7412">
        <v>22452.114420000002</v>
      </c>
      <c r="AN7412">
        <v>103314.5638</v>
      </c>
      <c r="AO7412">
        <v>37053.692450000002</v>
      </c>
      <c r="AP7412">
        <v>18433.46372</v>
      </c>
    </row>
    <row r="7413" spans="2:42" x14ac:dyDescent="0.3">
      <c r="B7413">
        <v>58.498692390229685</v>
      </c>
      <c r="C7413" s="83">
        <v>43409.791666666664</v>
      </c>
      <c r="D7413">
        <v>259293.70300000001</v>
      </c>
      <c r="E7413">
        <v>25372.603210000001</v>
      </c>
      <c r="F7413">
        <v>83139.116070000004</v>
      </c>
      <c r="G7413">
        <v>55586.323190000003</v>
      </c>
      <c r="H7413">
        <v>45424.21931</v>
      </c>
      <c r="I7413">
        <v>37426.81018</v>
      </c>
      <c r="J7413">
        <v>34608.35974</v>
      </c>
      <c r="K7413">
        <v>53162.508000000002</v>
      </c>
      <c r="L7413">
        <v>27465.39847</v>
      </c>
      <c r="M7413">
        <v>298253.61420000001</v>
      </c>
      <c r="N7413">
        <v>81027.911569999997</v>
      </c>
      <c r="O7413">
        <v>21545.462159999999</v>
      </c>
      <c r="P7413">
        <v>34079.347699999998</v>
      </c>
      <c r="Q7413">
        <v>90159.98057</v>
      </c>
      <c r="R7413">
        <v>21950.782060000001</v>
      </c>
      <c r="S7413">
        <v>97510.848559999999</v>
      </c>
      <c r="T7413">
        <v>36452.958209999997</v>
      </c>
      <c r="U7413">
        <v>16872.182959999998</v>
      </c>
      <c r="W7413" s="83">
        <f>Bühler!N7445</f>
        <v>45600.791666648693</v>
      </c>
      <c r="X7413" s="83">
        <v>43409.791666666664</v>
      </c>
      <c r="Y7413">
        <v>259293.70300000001</v>
      </c>
      <c r="Z7413">
        <v>25372.603210000001</v>
      </c>
      <c r="AA7413">
        <v>83139.116070000004</v>
      </c>
      <c r="AB7413">
        <v>55586.323190000003</v>
      </c>
      <c r="AC7413">
        <v>45424.21931</v>
      </c>
      <c r="AD7413">
        <v>37426.81018</v>
      </c>
      <c r="AE7413">
        <v>34608.35974</v>
      </c>
      <c r="AF7413">
        <v>53162.508000000002</v>
      </c>
      <c r="AG7413">
        <v>27465.39847</v>
      </c>
      <c r="AH7413">
        <v>298253.61420000001</v>
      </c>
      <c r="AI7413">
        <v>81027.911569999997</v>
      </c>
      <c r="AJ7413">
        <v>21545.462159999999</v>
      </c>
      <c r="AK7413">
        <v>34079.347699999998</v>
      </c>
      <c r="AL7413">
        <v>90159.98057</v>
      </c>
      <c r="AM7413">
        <v>21950.782060000001</v>
      </c>
      <c r="AN7413">
        <v>97510.848559999999</v>
      </c>
      <c r="AO7413">
        <v>36452.958209999997</v>
      </c>
      <c r="AP7413">
        <v>16872.182959999998</v>
      </c>
    </row>
    <row r="7414" spans="2:42" x14ac:dyDescent="0.3">
      <c r="B7414">
        <v>56.927773399534153</v>
      </c>
      <c r="C7414" s="83">
        <v>43409.833333333336</v>
      </c>
      <c r="D7414">
        <v>250849.2965</v>
      </c>
      <c r="E7414">
        <v>18931.493910000001</v>
      </c>
      <c r="F7414">
        <v>64771.094550000002</v>
      </c>
      <c r="G7414">
        <v>48347.069649999998</v>
      </c>
      <c r="H7414">
        <v>42422.812689999999</v>
      </c>
      <c r="I7414">
        <v>32949.614269999998</v>
      </c>
      <c r="J7414">
        <v>33339.422550000003</v>
      </c>
      <c r="K7414">
        <v>51881.801769999998</v>
      </c>
      <c r="L7414">
        <v>26016.529320000001</v>
      </c>
      <c r="M7414">
        <v>290244.33659999998</v>
      </c>
      <c r="N7414">
        <v>76904.90625</v>
      </c>
      <c r="O7414">
        <v>20926.605599999999</v>
      </c>
      <c r="P7414">
        <v>34306.128989999997</v>
      </c>
      <c r="Q7414">
        <v>87911.505300000004</v>
      </c>
      <c r="R7414">
        <v>19242.342420000001</v>
      </c>
      <c r="S7414">
        <v>88044.382800000007</v>
      </c>
      <c r="T7414">
        <v>34163.290130000001</v>
      </c>
      <c r="U7414">
        <v>15334.25908</v>
      </c>
      <c r="W7414" s="83">
        <f>Bühler!N7446</f>
        <v>45600.833333315357</v>
      </c>
      <c r="X7414" s="83">
        <v>43409.833333333336</v>
      </c>
      <c r="Y7414">
        <v>250849.2965</v>
      </c>
      <c r="Z7414">
        <v>18931.493910000001</v>
      </c>
      <c r="AA7414">
        <v>64771.094550000002</v>
      </c>
      <c r="AB7414">
        <v>48347.069649999998</v>
      </c>
      <c r="AC7414">
        <v>42422.812689999999</v>
      </c>
      <c r="AD7414">
        <v>32949.614269999998</v>
      </c>
      <c r="AE7414">
        <v>33339.422550000003</v>
      </c>
      <c r="AF7414">
        <v>51881.801769999998</v>
      </c>
      <c r="AG7414">
        <v>26016.529320000001</v>
      </c>
      <c r="AH7414">
        <v>290244.33659999998</v>
      </c>
      <c r="AI7414">
        <v>76904.90625</v>
      </c>
      <c r="AJ7414">
        <v>20926.605599999999</v>
      </c>
      <c r="AK7414">
        <v>34306.128989999997</v>
      </c>
      <c r="AL7414">
        <v>87911.505300000004</v>
      </c>
      <c r="AM7414">
        <v>19242.342420000001</v>
      </c>
      <c r="AN7414">
        <v>88044.382800000007</v>
      </c>
      <c r="AO7414">
        <v>34163.290130000001</v>
      </c>
      <c r="AP7414">
        <v>15334.25908</v>
      </c>
    </row>
    <row r="7415" spans="2:42" x14ac:dyDescent="0.3">
      <c r="B7415">
        <v>54.735086255950506</v>
      </c>
      <c r="C7415" s="83">
        <v>43409.875</v>
      </c>
      <c r="D7415">
        <v>240906.8645</v>
      </c>
      <c r="E7415">
        <v>15991.464760000001</v>
      </c>
      <c r="F7415">
        <v>57236.569869999999</v>
      </c>
      <c r="G7415">
        <v>45036.875520000001</v>
      </c>
      <c r="H7415">
        <v>39939.544620000001</v>
      </c>
      <c r="I7415">
        <v>28052.993640000001</v>
      </c>
      <c r="J7415">
        <v>31931.400409999998</v>
      </c>
      <c r="K7415">
        <v>50482.097390000003</v>
      </c>
      <c r="L7415">
        <v>24816.386900000001</v>
      </c>
      <c r="M7415">
        <v>279064.995</v>
      </c>
      <c r="N7415">
        <v>73899.80515</v>
      </c>
      <c r="O7415">
        <v>19882.750670000001</v>
      </c>
      <c r="P7415">
        <v>32151.789239999998</v>
      </c>
      <c r="Q7415">
        <v>86017.305040000007</v>
      </c>
      <c r="R7415">
        <v>18715.744630000001</v>
      </c>
      <c r="S7415">
        <v>82346.459990000003</v>
      </c>
      <c r="T7415">
        <v>30715.36263</v>
      </c>
      <c r="U7415">
        <v>14140.270560000001</v>
      </c>
      <c r="W7415" s="83">
        <f>Bühler!N7447</f>
        <v>45600.874999982021</v>
      </c>
      <c r="X7415" s="83">
        <v>43409.875</v>
      </c>
      <c r="Y7415">
        <v>240906.8645</v>
      </c>
      <c r="Z7415">
        <v>15991.464760000001</v>
      </c>
      <c r="AA7415">
        <v>57236.569869999999</v>
      </c>
      <c r="AB7415">
        <v>45036.875520000001</v>
      </c>
      <c r="AC7415">
        <v>39939.544620000001</v>
      </c>
      <c r="AD7415">
        <v>28052.993640000001</v>
      </c>
      <c r="AE7415">
        <v>31931.400409999998</v>
      </c>
      <c r="AF7415">
        <v>50482.097390000003</v>
      </c>
      <c r="AG7415">
        <v>24816.386900000001</v>
      </c>
      <c r="AH7415">
        <v>279064.995</v>
      </c>
      <c r="AI7415">
        <v>73899.80515</v>
      </c>
      <c r="AJ7415">
        <v>19882.750670000001</v>
      </c>
      <c r="AK7415">
        <v>32151.789239999998</v>
      </c>
      <c r="AL7415">
        <v>86017.305040000007</v>
      </c>
      <c r="AM7415">
        <v>18715.744630000001</v>
      </c>
      <c r="AN7415">
        <v>82346.459990000003</v>
      </c>
      <c r="AO7415">
        <v>30715.36263</v>
      </c>
      <c r="AP7415">
        <v>14140.270560000001</v>
      </c>
    </row>
    <row r="7416" spans="2:42" x14ac:dyDescent="0.3">
      <c r="B7416">
        <v>55.284337327190464</v>
      </c>
      <c r="C7416" s="83">
        <v>43409.916666666664</v>
      </c>
      <c r="D7416">
        <v>239679.62909999999</v>
      </c>
      <c r="E7416">
        <v>15122.769829999999</v>
      </c>
      <c r="F7416">
        <v>54360.4355</v>
      </c>
      <c r="G7416">
        <v>42145.438159999998</v>
      </c>
      <c r="H7416">
        <v>38523.59016</v>
      </c>
      <c r="I7416">
        <v>26072.86436</v>
      </c>
      <c r="J7416">
        <v>30559.476610000002</v>
      </c>
      <c r="K7416">
        <v>53748.849260000003</v>
      </c>
      <c r="L7416">
        <v>22728.72222</v>
      </c>
      <c r="M7416">
        <v>281865.33309999999</v>
      </c>
      <c r="N7416">
        <v>72827.761050000001</v>
      </c>
      <c r="O7416">
        <v>19841.854729999999</v>
      </c>
      <c r="P7416">
        <v>32485.42109</v>
      </c>
      <c r="Q7416">
        <v>84946.869829999996</v>
      </c>
      <c r="R7416">
        <v>22204.874629999998</v>
      </c>
      <c r="S7416">
        <v>79961.463000000003</v>
      </c>
      <c r="T7416">
        <v>26693.01987</v>
      </c>
      <c r="U7416">
        <v>14223.193810000001</v>
      </c>
      <c r="W7416" s="83">
        <f>Bühler!N7448</f>
        <v>45600.916666648685</v>
      </c>
      <c r="X7416" s="83">
        <v>43409.916666666664</v>
      </c>
      <c r="Y7416">
        <v>239679.62909999999</v>
      </c>
      <c r="Z7416">
        <v>15122.769829999999</v>
      </c>
      <c r="AA7416">
        <v>54360.4355</v>
      </c>
      <c r="AB7416">
        <v>42145.438159999998</v>
      </c>
      <c r="AC7416">
        <v>38523.59016</v>
      </c>
      <c r="AD7416">
        <v>26072.86436</v>
      </c>
      <c r="AE7416">
        <v>30559.476610000002</v>
      </c>
      <c r="AF7416">
        <v>53748.849260000003</v>
      </c>
      <c r="AG7416">
        <v>22728.72222</v>
      </c>
      <c r="AH7416">
        <v>281865.33309999999</v>
      </c>
      <c r="AI7416">
        <v>72827.761050000001</v>
      </c>
      <c r="AJ7416">
        <v>19841.854729999999</v>
      </c>
      <c r="AK7416">
        <v>32485.42109</v>
      </c>
      <c r="AL7416">
        <v>84946.869829999996</v>
      </c>
      <c r="AM7416">
        <v>22204.874629999998</v>
      </c>
      <c r="AN7416">
        <v>79961.463000000003</v>
      </c>
      <c r="AO7416">
        <v>26693.01987</v>
      </c>
      <c r="AP7416">
        <v>14223.193810000001</v>
      </c>
    </row>
    <row r="7417" spans="2:42" x14ac:dyDescent="0.3">
      <c r="B7417">
        <v>54.815641127249798</v>
      </c>
      <c r="C7417" s="83">
        <v>43409.958333333336</v>
      </c>
      <c r="D7417">
        <v>239848.08439999999</v>
      </c>
      <c r="E7417">
        <v>14721.048629999999</v>
      </c>
      <c r="F7417">
        <v>53252.419529999999</v>
      </c>
      <c r="G7417">
        <v>40828.419650000003</v>
      </c>
      <c r="H7417">
        <v>37393.396350000003</v>
      </c>
      <c r="I7417">
        <v>24575.648519999999</v>
      </c>
      <c r="J7417">
        <v>28659.799749999998</v>
      </c>
      <c r="K7417">
        <v>52141.2039</v>
      </c>
      <c r="L7417">
        <v>19987.126950000002</v>
      </c>
      <c r="M7417">
        <v>279475.70130000002</v>
      </c>
      <c r="N7417">
        <v>72431.851869999999</v>
      </c>
      <c r="O7417">
        <v>19567.32417</v>
      </c>
      <c r="P7417">
        <v>28143.548989999999</v>
      </c>
      <c r="Q7417">
        <v>85248.428390000001</v>
      </c>
      <c r="R7417">
        <v>21356.83511</v>
      </c>
      <c r="S7417">
        <v>78080.292090000003</v>
      </c>
      <c r="T7417">
        <v>28142.896700000001</v>
      </c>
      <c r="U7417">
        <v>13806.55062</v>
      </c>
      <c r="W7417" s="83">
        <f>Bühler!N7449</f>
        <v>45600.95833331535</v>
      </c>
      <c r="X7417" s="83">
        <v>43409.958333333336</v>
      </c>
      <c r="Y7417">
        <v>239848.08439999999</v>
      </c>
      <c r="Z7417">
        <v>14721.048629999999</v>
      </c>
      <c r="AA7417">
        <v>53252.419529999999</v>
      </c>
      <c r="AB7417">
        <v>40828.419650000003</v>
      </c>
      <c r="AC7417">
        <v>37393.396350000003</v>
      </c>
      <c r="AD7417">
        <v>24575.648519999999</v>
      </c>
      <c r="AE7417">
        <v>28659.799749999998</v>
      </c>
      <c r="AF7417">
        <v>52141.2039</v>
      </c>
      <c r="AG7417">
        <v>19987.126950000002</v>
      </c>
      <c r="AH7417">
        <v>279475.70130000002</v>
      </c>
      <c r="AI7417">
        <v>72431.851869999999</v>
      </c>
      <c r="AJ7417">
        <v>19567.32417</v>
      </c>
      <c r="AK7417">
        <v>28143.548989999999</v>
      </c>
      <c r="AL7417">
        <v>85248.428390000001</v>
      </c>
      <c r="AM7417">
        <v>21356.83511</v>
      </c>
      <c r="AN7417">
        <v>78080.292090000003</v>
      </c>
      <c r="AO7417">
        <v>28142.896700000001</v>
      </c>
      <c r="AP7417">
        <v>13806.55062</v>
      </c>
    </row>
    <row r="7418" spans="2:42" x14ac:dyDescent="0.3">
      <c r="B7418">
        <v>54.378515460329112</v>
      </c>
      <c r="C7418" s="83">
        <v>43410</v>
      </c>
      <c r="D7418">
        <v>238777.76500000001</v>
      </c>
      <c r="E7418">
        <v>14345.85442</v>
      </c>
      <c r="F7418">
        <v>52376.198669999998</v>
      </c>
      <c r="G7418">
        <v>39660.10241</v>
      </c>
      <c r="H7418">
        <v>37218.36361</v>
      </c>
      <c r="I7418">
        <v>22531.113880000001</v>
      </c>
      <c r="J7418">
        <v>27183.73042</v>
      </c>
      <c r="K7418">
        <v>51028.11939</v>
      </c>
      <c r="L7418">
        <v>17773.128649999999</v>
      </c>
      <c r="M7418">
        <v>277247.03080000001</v>
      </c>
      <c r="N7418">
        <v>71471.502210000006</v>
      </c>
      <c r="O7418">
        <v>19692.814900000001</v>
      </c>
      <c r="P7418">
        <v>26734.737400000002</v>
      </c>
      <c r="Q7418">
        <v>85894.125950000001</v>
      </c>
      <c r="R7418">
        <v>20168.697970000001</v>
      </c>
      <c r="S7418">
        <v>76985.426760000002</v>
      </c>
      <c r="T7418">
        <v>26101.33742</v>
      </c>
      <c r="U7418">
        <v>13507.663329999999</v>
      </c>
      <c r="W7418" s="83">
        <f>Bühler!N7450</f>
        <v>45600.999999982014</v>
      </c>
      <c r="X7418" s="83">
        <v>43410</v>
      </c>
      <c r="Y7418">
        <v>238777.76500000001</v>
      </c>
      <c r="Z7418">
        <v>14345.85442</v>
      </c>
      <c r="AA7418">
        <v>52376.198669999998</v>
      </c>
      <c r="AB7418">
        <v>39660.10241</v>
      </c>
      <c r="AC7418">
        <v>37218.36361</v>
      </c>
      <c r="AD7418">
        <v>22531.113880000001</v>
      </c>
      <c r="AE7418">
        <v>27183.73042</v>
      </c>
      <c r="AF7418">
        <v>51028.11939</v>
      </c>
      <c r="AG7418">
        <v>17773.128649999999</v>
      </c>
      <c r="AH7418">
        <v>277247.03080000001</v>
      </c>
      <c r="AI7418">
        <v>71471.502210000006</v>
      </c>
      <c r="AJ7418">
        <v>19692.814900000001</v>
      </c>
      <c r="AK7418">
        <v>26734.737400000002</v>
      </c>
      <c r="AL7418">
        <v>85894.125950000001</v>
      </c>
      <c r="AM7418">
        <v>20168.697970000001</v>
      </c>
      <c r="AN7418">
        <v>76985.426760000002</v>
      </c>
      <c r="AO7418">
        <v>26101.33742</v>
      </c>
      <c r="AP7418">
        <v>13507.663329999999</v>
      </c>
    </row>
    <row r="7419" spans="2:42" x14ac:dyDescent="0.3">
      <c r="B7419">
        <v>53.691129849648448</v>
      </c>
      <c r="C7419" s="83">
        <v>43410.041666666664</v>
      </c>
      <c r="D7419">
        <v>237434.209</v>
      </c>
      <c r="E7419">
        <v>14249.268099999999</v>
      </c>
      <c r="F7419">
        <v>53076.288339999999</v>
      </c>
      <c r="G7419">
        <v>39060.470600000001</v>
      </c>
      <c r="H7419">
        <v>36385.08999</v>
      </c>
      <c r="I7419">
        <v>18925.33366</v>
      </c>
      <c r="J7419">
        <v>26437.895039999999</v>
      </c>
      <c r="K7419">
        <v>50634.65223</v>
      </c>
      <c r="L7419">
        <v>17280.737710000001</v>
      </c>
      <c r="M7419">
        <v>273742.41840000002</v>
      </c>
      <c r="N7419">
        <v>71670.364050000004</v>
      </c>
      <c r="O7419">
        <v>19820.90998</v>
      </c>
      <c r="P7419">
        <v>25534.002229999998</v>
      </c>
      <c r="Q7419">
        <v>86410.637870000006</v>
      </c>
      <c r="R7419">
        <v>19813.556809999998</v>
      </c>
      <c r="S7419">
        <v>75940.133839999995</v>
      </c>
      <c r="T7419">
        <v>25564.447789999998</v>
      </c>
      <c r="U7419">
        <v>13480.896849999999</v>
      </c>
      <c r="W7419" s="83">
        <f>Bühler!N7451</f>
        <v>45601.041666648678</v>
      </c>
      <c r="X7419" s="83">
        <v>43410.041666666664</v>
      </c>
      <c r="Y7419">
        <v>237434.209</v>
      </c>
      <c r="Z7419">
        <v>14249.268099999999</v>
      </c>
      <c r="AA7419">
        <v>53076.288339999999</v>
      </c>
      <c r="AB7419">
        <v>39060.470600000001</v>
      </c>
      <c r="AC7419">
        <v>36385.08999</v>
      </c>
      <c r="AD7419">
        <v>18925.33366</v>
      </c>
      <c r="AE7419">
        <v>26437.895039999999</v>
      </c>
      <c r="AF7419">
        <v>50634.65223</v>
      </c>
      <c r="AG7419">
        <v>17280.737710000001</v>
      </c>
      <c r="AH7419">
        <v>273742.41840000002</v>
      </c>
      <c r="AI7419">
        <v>71670.364050000004</v>
      </c>
      <c r="AJ7419">
        <v>19820.90998</v>
      </c>
      <c r="AK7419">
        <v>25534.002229999998</v>
      </c>
      <c r="AL7419">
        <v>86410.637870000006</v>
      </c>
      <c r="AM7419">
        <v>19813.556809999998</v>
      </c>
      <c r="AN7419">
        <v>75940.133839999995</v>
      </c>
      <c r="AO7419">
        <v>25564.447789999998</v>
      </c>
      <c r="AP7419">
        <v>13480.896849999999</v>
      </c>
    </row>
    <row r="7420" spans="2:42" x14ac:dyDescent="0.3">
      <c r="B7420">
        <v>54.154364995591195</v>
      </c>
      <c r="C7420" s="83">
        <v>43410.083333333336</v>
      </c>
      <c r="D7420">
        <v>236835.39980000001</v>
      </c>
      <c r="E7420">
        <v>14066.713449999999</v>
      </c>
      <c r="F7420">
        <v>53048.73992</v>
      </c>
      <c r="G7420">
        <v>38460.878530000002</v>
      </c>
      <c r="H7420">
        <v>36405.826209999999</v>
      </c>
      <c r="I7420">
        <v>17435.946660000001</v>
      </c>
      <c r="J7420">
        <v>26201.752860000001</v>
      </c>
      <c r="K7420">
        <v>48528.747900000002</v>
      </c>
      <c r="L7420">
        <v>17113.74309</v>
      </c>
      <c r="M7420">
        <v>276104.2072</v>
      </c>
      <c r="N7420">
        <v>71812.52377</v>
      </c>
      <c r="O7420">
        <v>19205.972249999999</v>
      </c>
      <c r="P7420">
        <v>24438.311389999999</v>
      </c>
      <c r="Q7420">
        <v>88085.947660000005</v>
      </c>
      <c r="R7420">
        <v>18915.170099999999</v>
      </c>
      <c r="S7420">
        <v>75140.937189999997</v>
      </c>
      <c r="T7420">
        <v>25088.602340000001</v>
      </c>
      <c r="U7420">
        <v>13544.32639</v>
      </c>
      <c r="W7420" s="83">
        <f>Bühler!N7452</f>
        <v>45601.083333315342</v>
      </c>
      <c r="X7420" s="83">
        <v>43410.083333333336</v>
      </c>
      <c r="Y7420">
        <v>236835.39980000001</v>
      </c>
      <c r="Z7420">
        <v>14066.713449999999</v>
      </c>
      <c r="AA7420">
        <v>53048.73992</v>
      </c>
      <c r="AB7420">
        <v>38460.878530000002</v>
      </c>
      <c r="AC7420">
        <v>36405.826209999999</v>
      </c>
      <c r="AD7420">
        <v>17435.946660000001</v>
      </c>
      <c r="AE7420">
        <v>26201.752860000001</v>
      </c>
      <c r="AF7420">
        <v>48528.747900000002</v>
      </c>
      <c r="AG7420">
        <v>17113.74309</v>
      </c>
      <c r="AH7420">
        <v>276104.2072</v>
      </c>
      <c r="AI7420">
        <v>71812.52377</v>
      </c>
      <c r="AJ7420">
        <v>19205.972249999999</v>
      </c>
      <c r="AK7420">
        <v>24438.311389999999</v>
      </c>
      <c r="AL7420">
        <v>88085.947660000005</v>
      </c>
      <c r="AM7420">
        <v>18915.170099999999</v>
      </c>
      <c r="AN7420">
        <v>75140.937189999997</v>
      </c>
      <c r="AO7420">
        <v>25088.602340000001</v>
      </c>
      <c r="AP7420">
        <v>13544.32639</v>
      </c>
    </row>
    <row r="7421" spans="2:42" x14ac:dyDescent="0.3">
      <c r="B7421">
        <v>54.330674916989082</v>
      </c>
      <c r="C7421" s="83">
        <v>43410.125</v>
      </c>
      <c r="D7421">
        <v>238814.87669999999</v>
      </c>
      <c r="E7421">
        <v>14238.81386</v>
      </c>
      <c r="F7421">
        <v>54144.516109999997</v>
      </c>
      <c r="G7421">
        <v>37545.604509999997</v>
      </c>
      <c r="H7421">
        <v>36367.700470000003</v>
      </c>
      <c r="I7421">
        <v>17250.42425</v>
      </c>
      <c r="J7421">
        <v>26039.613789999999</v>
      </c>
      <c r="K7421">
        <v>45801.73343</v>
      </c>
      <c r="L7421">
        <v>16579.426100000001</v>
      </c>
      <c r="M7421">
        <v>277003.11739999999</v>
      </c>
      <c r="N7421">
        <v>72658.53615</v>
      </c>
      <c r="O7421">
        <v>19580.144639999999</v>
      </c>
      <c r="P7421">
        <v>24453.052739999999</v>
      </c>
      <c r="Q7421">
        <v>91299.629969999995</v>
      </c>
      <c r="R7421">
        <v>19072.65812</v>
      </c>
      <c r="S7421">
        <v>74702.067490000001</v>
      </c>
      <c r="T7421">
        <v>24850.368180000001</v>
      </c>
      <c r="U7421">
        <v>13848.554120000001</v>
      </c>
      <c r="W7421" s="83">
        <f>Bühler!N7453</f>
        <v>45601.124999982007</v>
      </c>
      <c r="X7421" s="83">
        <v>43410.125</v>
      </c>
      <c r="Y7421">
        <v>238814.87669999999</v>
      </c>
      <c r="Z7421">
        <v>14238.81386</v>
      </c>
      <c r="AA7421">
        <v>54144.516109999997</v>
      </c>
      <c r="AB7421">
        <v>37545.604509999997</v>
      </c>
      <c r="AC7421">
        <v>36367.700470000003</v>
      </c>
      <c r="AD7421">
        <v>17250.42425</v>
      </c>
      <c r="AE7421">
        <v>26039.613789999999</v>
      </c>
      <c r="AF7421">
        <v>45801.73343</v>
      </c>
      <c r="AG7421">
        <v>16579.426100000001</v>
      </c>
      <c r="AH7421">
        <v>277003.11739999999</v>
      </c>
      <c r="AI7421">
        <v>72658.53615</v>
      </c>
      <c r="AJ7421">
        <v>19580.144639999999</v>
      </c>
      <c r="AK7421">
        <v>24453.052739999999</v>
      </c>
      <c r="AL7421">
        <v>91299.629969999995</v>
      </c>
      <c r="AM7421">
        <v>19072.65812</v>
      </c>
      <c r="AN7421">
        <v>74702.067490000001</v>
      </c>
      <c r="AO7421">
        <v>24850.368180000001</v>
      </c>
      <c r="AP7421">
        <v>13848.554120000001</v>
      </c>
    </row>
    <row r="7422" spans="2:42" x14ac:dyDescent="0.3">
      <c r="B7422">
        <v>56.513903667250972</v>
      </c>
      <c r="C7422" s="83">
        <v>43410.166666666664</v>
      </c>
      <c r="D7422">
        <v>240154.75659999999</v>
      </c>
      <c r="E7422">
        <v>14646.66653</v>
      </c>
      <c r="F7422">
        <v>57839.740469999997</v>
      </c>
      <c r="G7422">
        <v>37937.840199999999</v>
      </c>
      <c r="H7422">
        <v>37028.712919999998</v>
      </c>
      <c r="I7422">
        <v>19253.842219999999</v>
      </c>
      <c r="J7422">
        <v>27979.719990000001</v>
      </c>
      <c r="K7422">
        <v>44921.818460000002</v>
      </c>
      <c r="L7422">
        <v>16800.55053</v>
      </c>
      <c r="M7422">
        <v>288134.23570000002</v>
      </c>
      <c r="N7422">
        <v>71526.054310000007</v>
      </c>
      <c r="O7422">
        <v>20013.669269999999</v>
      </c>
      <c r="P7422">
        <v>23875.217049999999</v>
      </c>
      <c r="Q7422">
        <v>95543.105689999997</v>
      </c>
      <c r="R7422">
        <v>18254.991900000001</v>
      </c>
      <c r="S7422">
        <v>75304.377309999996</v>
      </c>
      <c r="T7422">
        <v>25020.019390000001</v>
      </c>
      <c r="U7422">
        <v>14607.425499999999</v>
      </c>
      <c r="W7422" s="83">
        <f>Bühler!N7454</f>
        <v>45601.166666648671</v>
      </c>
      <c r="X7422" s="83">
        <v>43410.166666666664</v>
      </c>
      <c r="Y7422">
        <v>240154.75659999999</v>
      </c>
      <c r="Z7422">
        <v>14646.66653</v>
      </c>
      <c r="AA7422">
        <v>57839.740469999997</v>
      </c>
      <c r="AB7422">
        <v>37937.840199999999</v>
      </c>
      <c r="AC7422">
        <v>37028.712919999998</v>
      </c>
      <c r="AD7422">
        <v>19253.842219999999</v>
      </c>
      <c r="AE7422">
        <v>27979.719990000001</v>
      </c>
      <c r="AF7422">
        <v>44921.818460000002</v>
      </c>
      <c r="AG7422">
        <v>16800.55053</v>
      </c>
      <c r="AH7422">
        <v>288134.23570000002</v>
      </c>
      <c r="AI7422">
        <v>71526.054310000007</v>
      </c>
      <c r="AJ7422">
        <v>20013.669269999999</v>
      </c>
      <c r="AK7422">
        <v>23875.217049999999</v>
      </c>
      <c r="AL7422">
        <v>95543.105689999997</v>
      </c>
      <c r="AM7422">
        <v>18254.991900000001</v>
      </c>
      <c r="AN7422">
        <v>75304.377309999996</v>
      </c>
      <c r="AO7422">
        <v>25020.019390000001</v>
      </c>
      <c r="AP7422">
        <v>14607.425499999999</v>
      </c>
    </row>
    <row r="7423" spans="2:42" x14ac:dyDescent="0.3">
      <c r="B7423">
        <v>59.761528676313787</v>
      </c>
      <c r="C7423" s="83">
        <v>43410.208333333336</v>
      </c>
      <c r="D7423">
        <v>258450.40169999999</v>
      </c>
      <c r="E7423">
        <v>17035.191220000001</v>
      </c>
      <c r="F7423">
        <v>68093.928650000002</v>
      </c>
      <c r="G7423">
        <v>40887.22709</v>
      </c>
      <c r="H7423">
        <v>39313.108359999998</v>
      </c>
      <c r="I7423">
        <v>27313.071639999998</v>
      </c>
      <c r="J7423">
        <v>30514.495729999999</v>
      </c>
      <c r="K7423">
        <v>46633.925860000003</v>
      </c>
      <c r="L7423">
        <v>17767.983619999999</v>
      </c>
      <c r="M7423">
        <v>304692.14250000002</v>
      </c>
      <c r="N7423">
        <v>71860.379029999996</v>
      </c>
      <c r="O7423">
        <v>20368.061760000001</v>
      </c>
      <c r="P7423">
        <v>26623.47392</v>
      </c>
      <c r="Q7423">
        <v>98511.293820000006</v>
      </c>
      <c r="R7423">
        <v>19161.231329999999</v>
      </c>
      <c r="S7423">
        <v>78228.646259999994</v>
      </c>
      <c r="T7423">
        <v>26303.75662</v>
      </c>
      <c r="U7423">
        <v>15948.092570000001</v>
      </c>
      <c r="W7423" s="83">
        <f>Bühler!N7455</f>
        <v>45601.208333315335</v>
      </c>
      <c r="X7423" s="83">
        <v>43410.208333333336</v>
      </c>
      <c r="Y7423">
        <v>258450.40169999999</v>
      </c>
      <c r="Z7423">
        <v>17035.191220000001</v>
      </c>
      <c r="AA7423">
        <v>68093.928650000002</v>
      </c>
      <c r="AB7423">
        <v>40887.22709</v>
      </c>
      <c r="AC7423">
        <v>39313.108359999998</v>
      </c>
      <c r="AD7423">
        <v>27313.071639999998</v>
      </c>
      <c r="AE7423">
        <v>30514.495729999999</v>
      </c>
      <c r="AF7423">
        <v>46633.925860000003</v>
      </c>
      <c r="AG7423">
        <v>17767.983619999999</v>
      </c>
      <c r="AH7423">
        <v>304692.14250000002</v>
      </c>
      <c r="AI7423">
        <v>71860.379029999996</v>
      </c>
      <c r="AJ7423">
        <v>20368.061760000001</v>
      </c>
      <c r="AK7423">
        <v>26623.47392</v>
      </c>
      <c r="AL7423">
        <v>98511.293820000006</v>
      </c>
      <c r="AM7423">
        <v>19161.231329999999</v>
      </c>
      <c r="AN7423">
        <v>78228.646259999994</v>
      </c>
      <c r="AO7423">
        <v>26303.75662</v>
      </c>
      <c r="AP7423">
        <v>15948.092570000001</v>
      </c>
    </row>
    <row r="7424" spans="2:42" x14ac:dyDescent="0.3">
      <c r="B7424">
        <v>63.196490256011607</v>
      </c>
      <c r="C7424" s="83">
        <v>43410.25</v>
      </c>
      <c r="D7424">
        <v>272792.03649999999</v>
      </c>
      <c r="E7424">
        <v>21231.015050000002</v>
      </c>
      <c r="F7424">
        <v>81675.592399999994</v>
      </c>
      <c r="G7424">
        <v>54935.379009999997</v>
      </c>
      <c r="H7424">
        <v>42911.005749999997</v>
      </c>
      <c r="I7424">
        <v>35143.174859999999</v>
      </c>
      <c r="J7424">
        <v>34066.947520000002</v>
      </c>
      <c r="K7424">
        <v>50317.085059999998</v>
      </c>
      <c r="L7424">
        <v>19347.53817</v>
      </c>
      <c r="M7424">
        <v>322205.17849999998</v>
      </c>
      <c r="N7424">
        <v>77311.86795</v>
      </c>
      <c r="O7424">
        <v>21568.574250000001</v>
      </c>
      <c r="P7424">
        <v>27767.963940000001</v>
      </c>
      <c r="Q7424">
        <v>100465.9648</v>
      </c>
      <c r="R7424">
        <v>18409.463469999999</v>
      </c>
      <c r="S7424">
        <v>86606.859710000004</v>
      </c>
      <c r="T7424">
        <v>29847.412639999999</v>
      </c>
      <c r="U7424">
        <v>18645.09636</v>
      </c>
      <c r="W7424" s="83">
        <f>Bühler!N7456</f>
        <v>45601.249999981999</v>
      </c>
      <c r="X7424" s="83">
        <v>43410.25</v>
      </c>
      <c r="Y7424">
        <v>272792.03649999999</v>
      </c>
      <c r="Z7424">
        <v>21231.015050000002</v>
      </c>
      <c r="AA7424">
        <v>81675.592399999994</v>
      </c>
      <c r="AB7424">
        <v>54935.379009999997</v>
      </c>
      <c r="AC7424">
        <v>42911.005749999997</v>
      </c>
      <c r="AD7424">
        <v>35143.174859999999</v>
      </c>
      <c r="AE7424">
        <v>34066.947520000002</v>
      </c>
      <c r="AF7424">
        <v>50317.085059999998</v>
      </c>
      <c r="AG7424">
        <v>19347.53817</v>
      </c>
      <c r="AH7424">
        <v>322205.17849999998</v>
      </c>
      <c r="AI7424">
        <v>77311.86795</v>
      </c>
      <c r="AJ7424">
        <v>21568.574250000001</v>
      </c>
      <c r="AK7424">
        <v>27767.963940000001</v>
      </c>
      <c r="AL7424">
        <v>100465.9648</v>
      </c>
      <c r="AM7424">
        <v>18409.463469999999</v>
      </c>
      <c r="AN7424">
        <v>86606.859710000004</v>
      </c>
      <c r="AO7424">
        <v>29847.412639999999</v>
      </c>
      <c r="AP7424">
        <v>18645.09636</v>
      </c>
    </row>
    <row r="7425" spans="2:42" x14ac:dyDescent="0.3">
      <c r="B7425">
        <v>64.960356033842871</v>
      </c>
      <c r="C7425" s="83">
        <v>43410.291666666664</v>
      </c>
      <c r="D7425">
        <v>286938.77539999998</v>
      </c>
      <c r="E7425">
        <v>26554.63334</v>
      </c>
      <c r="F7425">
        <v>85225.523449999993</v>
      </c>
      <c r="G7425">
        <v>69880.471099999995</v>
      </c>
      <c r="H7425">
        <v>49241.719349999999</v>
      </c>
      <c r="I7425">
        <v>43958.847869999998</v>
      </c>
      <c r="J7425">
        <v>35080.107000000004</v>
      </c>
      <c r="K7425">
        <v>55355.834510000001</v>
      </c>
      <c r="L7425">
        <v>22678.138220000001</v>
      </c>
      <c r="M7425">
        <v>331198.1888</v>
      </c>
      <c r="N7425">
        <v>84324.084430000003</v>
      </c>
      <c r="O7425">
        <v>24269.35109</v>
      </c>
      <c r="P7425">
        <v>30300.82375</v>
      </c>
      <c r="Q7425">
        <v>100373.1618</v>
      </c>
      <c r="R7425">
        <v>21147.089209999998</v>
      </c>
      <c r="S7425">
        <v>102654.51</v>
      </c>
      <c r="T7425">
        <v>31442.603029999998</v>
      </c>
      <c r="U7425">
        <v>25250.168239999999</v>
      </c>
      <c r="W7425" s="83">
        <f>Bühler!N7457</f>
        <v>45601.291666648664</v>
      </c>
      <c r="X7425" s="83">
        <v>43410.291666666664</v>
      </c>
      <c r="Y7425">
        <v>286938.77539999998</v>
      </c>
      <c r="Z7425">
        <v>26554.63334</v>
      </c>
      <c r="AA7425">
        <v>85225.523449999993</v>
      </c>
      <c r="AB7425">
        <v>69880.471099999995</v>
      </c>
      <c r="AC7425">
        <v>49241.719349999999</v>
      </c>
      <c r="AD7425">
        <v>43958.847869999998</v>
      </c>
      <c r="AE7425">
        <v>35080.107000000004</v>
      </c>
      <c r="AF7425">
        <v>55355.834510000001</v>
      </c>
      <c r="AG7425">
        <v>22678.138220000001</v>
      </c>
      <c r="AH7425">
        <v>331198.1888</v>
      </c>
      <c r="AI7425">
        <v>84324.084430000003</v>
      </c>
      <c r="AJ7425">
        <v>24269.35109</v>
      </c>
      <c r="AK7425">
        <v>30300.82375</v>
      </c>
      <c r="AL7425">
        <v>100373.1618</v>
      </c>
      <c r="AM7425">
        <v>21147.089209999998</v>
      </c>
      <c r="AN7425">
        <v>102654.51</v>
      </c>
      <c r="AO7425">
        <v>31442.603029999998</v>
      </c>
      <c r="AP7425">
        <v>25250.168239999999</v>
      </c>
    </row>
    <row r="7426" spans="2:42" x14ac:dyDescent="0.3">
      <c r="B7426">
        <v>66.095828078124228</v>
      </c>
      <c r="C7426" s="83">
        <v>43410.333333333336</v>
      </c>
      <c r="D7426">
        <v>298252.46100000001</v>
      </c>
      <c r="E7426">
        <v>32485.976070000001</v>
      </c>
      <c r="F7426">
        <v>92250.352270000003</v>
      </c>
      <c r="G7426">
        <v>87755.926680000004</v>
      </c>
      <c r="H7426">
        <v>54383.239829999999</v>
      </c>
      <c r="I7426">
        <v>46684.226490000001</v>
      </c>
      <c r="J7426">
        <v>35007.681049999999</v>
      </c>
      <c r="K7426">
        <v>61481.923669999996</v>
      </c>
      <c r="L7426">
        <v>25365.88895</v>
      </c>
      <c r="M7426">
        <v>336987.35479999997</v>
      </c>
      <c r="N7426">
        <v>91408.552129999996</v>
      </c>
      <c r="O7426">
        <v>25939.924920000001</v>
      </c>
      <c r="P7426">
        <v>31688.60471</v>
      </c>
      <c r="Q7426">
        <v>99788.308529999995</v>
      </c>
      <c r="R7426">
        <v>23245.609079999998</v>
      </c>
      <c r="S7426">
        <v>116874.8728</v>
      </c>
      <c r="T7426">
        <v>34656.390769999998</v>
      </c>
      <c r="U7426">
        <v>27570.214960000001</v>
      </c>
      <c r="W7426" s="83">
        <f>Bühler!N7458</f>
        <v>45601.333333315328</v>
      </c>
      <c r="X7426" s="83">
        <v>43410.333333333336</v>
      </c>
      <c r="Y7426">
        <v>298252.46100000001</v>
      </c>
      <c r="Z7426">
        <v>32485.976070000001</v>
      </c>
      <c r="AA7426">
        <v>92250.352270000003</v>
      </c>
      <c r="AB7426">
        <v>87755.926680000004</v>
      </c>
      <c r="AC7426">
        <v>54383.239829999999</v>
      </c>
      <c r="AD7426">
        <v>46684.226490000001</v>
      </c>
      <c r="AE7426">
        <v>35007.681049999999</v>
      </c>
      <c r="AF7426">
        <v>61481.923669999996</v>
      </c>
      <c r="AG7426">
        <v>25365.88895</v>
      </c>
      <c r="AH7426">
        <v>336987.35479999997</v>
      </c>
      <c r="AI7426">
        <v>91408.552129999996</v>
      </c>
      <c r="AJ7426">
        <v>25939.924920000001</v>
      </c>
      <c r="AK7426">
        <v>31688.60471</v>
      </c>
      <c r="AL7426">
        <v>99788.308529999995</v>
      </c>
      <c r="AM7426">
        <v>23245.609079999998</v>
      </c>
      <c r="AN7426">
        <v>116874.8728</v>
      </c>
      <c r="AO7426">
        <v>34656.390769999998</v>
      </c>
      <c r="AP7426">
        <v>27570.214960000001</v>
      </c>
    </row>
    <row r="7427" spans="2:42" x14ac:dyDescent="0.3">
      <c r="B7427">
        <v>66.767690863960738</v>
      </c>
      <c r="C7427" s="83">
        <v>43410.375</v>
      </c>
      <c r="D7427">
        <v>301000.04340000002</v>
      </c>
      <c r="E7427">
        <v>36319.007599999997</v>
      </c>
      <c r="F7427">
        <v>97757.565579999995</v>
      </c>
      <c r="G7427">
        <v>98335.260999999999</v>
      </c>
      <c r="H7427">
        <v>56842.591240000002</v>
      </c>
      <c r="I7427">
        <v>44493.607129999997</v>
      </c>
      <c r="J7427">
        <v>35052.663650000002</v>
      </c>
      <c r="K7427">
        <v>63212.332520000004</v>
      </c>
      <c r="L7427">
        <v>28889.772809999999</v>
      </c>
      <c r="M7427">
        <v>340412.82459999999</v>
      </c>
      <c r="N7427">
        <v>91380.272349999999</v>
      </c>
      <c r="O7427">
        <v>26486.288789999999</v>
      </c>
      <c r="P7427">
        <v>33348.07847</v>
      </c>
      <c r="Q7427">
        <v>100499.0466</v>
      </c>
      <c r="R7427">
        <v>24076.2228</v>
      </c>
      <c r="S7427">
        <v>123913.2095</v>
      </c>
      <c r="T7427">
        <v>37232.554989999997</v>
      </c>
      <c r="U7427">
        <v>26615.97711</v>
      </c>
      <c r="W7427" s="83">
        <f>Bühler!N7459</f>
        <v>45601.374999981992</v>
      </c>
      <c r="X7427" s="83">
        <v>43410.375</v>
      </c>
      <c r="Y7427">
        <v>301000.04340000002</v>
      </c>
      <c r="Z7427">
        <v>36319.007599999997</v>
      </c>
      <c r="AA7427">
        <v>97757.565579999995</v>
      </c>
      <c r="AB7427">
        <v>98335.260999999999</v>
      </c>
      <c r="AC7427">
        <v>56842.591240000002</v>
      </c>
      <c r="AD7427">
        <v>44493.607129999997</v>
      </c>
      <c r="AE7427">
        <v>35052.663650000002</v>
      </c>
      <c r="AF7427">
        <v>63212.332520000004</v>
      </c>
      <c r="AG7427">
        <v>28889.772809999999</v>
      </c>
      <c r="AH7427">
        <v>340412.82459999999</v>
      </c>
      <c r="AI7427">
        <v>91380.272349999999</v>
      </c>
      <c r="AJ7427">
        <v>26486.288789999999</v>
      </c>
      <c r="AK7427">
        <v>33348.07847</v>
      </c>
      <c r="AL7427">
        <v>100499.0466</v>
      </c>
      <c r="AM7427">
        <v>24076.2228</v>
      </c>
      <c r="AN7427">
        <v>123913.2095</v>
      </c>
      <c r="AO7427">
        <v>37232.554989999997</v>
      </c>
      <c r="AP7427">
        <v>26615.97711</v>
      </c>
    </row>
    <row r="7428" spans="2:42" x14ac:dyDescent="0.3">
      <c r="B7428">
        <v>67.775497281690107</v>
      </c>
      <c r="C7428" s="83">
        <v>43410.416666666664</v>
      </c>
      <c r="D7428">
        <v>301770.04499999998</v>
      </c>
      <c r="E7428">
        <v>37501.114560000002</v>
      </c>
      <c r="F7428">
        <v>98359.848310000001</v>
      </c>
      <c r="G7428">
        <v>101790.16009999999</v>
      </c>
      <c r="H7428">
        <v>57433.923130000003</v>
      </c>
      <c r="I7428">
        <v>41639.593970000002</v>
      </c>
      <c r="J7428">
        <v>34325.727610000002</v>
      </c>
      <c r="K7428">
        <v>63871.139340000002</v>
      </c>
      <c r="L7428">
        <v>31025.09952</v>
      </c>
      <c r="M7428">
        <v>345551.09169999999</v>
      </c>
      <c r="N7428">
        <v>92783.742469999997</v>
      </c>
      <c r="O7428">
        <v>26437.287660000002</v>
      </c>
      <c r="P7428">
        <v>34275.323060000002</v>
      </c>
      <c r="Q7428">
        <v>102403.23299999999</v>
      </c>
      <c r="R7428">
        <v>25359.852139999999</v>
      </c>
      <c r="S7428">
        <v>121534.23269999999</v>
      </c>
      <c r="T7428">
        <v>38900.063699999999</v>
      </c>
      <c r="U7428">
        <v>26147.57876</v>
      </c>
      <c r="W7428" s="83">
        <f>Bühler!N7460</f>
        <v>45601.416666648656</v>
      </c>
      <c r="X7428" s="83">
        <v>43410.416666666664</v>
      </c>
      <c r="Y7428">
        <v>301770.04499999998</v>
      </c>
      <c r="Z7428">
        <v>37501.114560000002</v>
      </c>
      <c r="AA7428">
        <v>98359.848310000001</v>
      </c>
      <c r="AB7428">
        <v>101790.16009999999</v>
      </c>
      <c r="AC7428">
        <v>57433.923130000003</v>
      </c>
      <c r="AD7428">
        <v>41639.593970000002</v>
      </c>
      <c r="AE7428">
        <v>34325.727610000002</v>
      </c>
      <c r="AF7428">
        <v>63871.139340000002</v>
      </c>
      <c r="AG7428">
        <v>31025.09952</v>
      </c>
      <c r="AH7428">
        <v>345551.09169999999</v>
      </c>
      <c r="AI7428">
        <v>92783.742469999997</v>
      </c>
      <c r="AJ7428">
        <v>26437.287660000002</v>
      </c>
      <c r="AK7428">
        <v>34275.323060000002</v>
      </c>
      <c r="AL7428">
        <v>102403.23299999999</v>
      </c>
      <c r="AM7428">
        <v>25359.852139999999</v>
      </c>
      <c r="AN7428">
        <v>121534.23269999999</v>
      </c>
      <c r="AO7428">
        <v>38900.063699999999</v>
      </c>
      <c r="AP7428">
        <v>26147.57876</v>
      </c>
    </row>
    <row r="7429" spans="2:42" x14ac:dyDescent="0.3">
      <c r="B7429">
        <v>68.566663277394767</v>
      </c>
      <c r="C7429" s="83">
        <v>43410.458333333336</v>
      </c>
      <c r="D7429">
        <v>300656.18979999999</v>
      </c>
      <c r="E7429">
        <v>37012.541420000001</v>
      </c>
      <c r="F7429">
        <v>98406.409390000001</v>
      </c>
      <c r="G7429">
        <v>99338.282959999997</v>
      </c>
      <c r="H7429">
        <v>56279.392740000003</v>
      </c>
      <c r="I7429">
        <v>40769.533289999999</v>
      </c>
      <c r="J7429">
        <v>34122.62055</v>
      </c>
      <c r="K7429">
        <v>65723.801370000001</v>
      </c>
      <c r="L7429">
        <v>31572.580259999999</v>
      </c>
      <c r="M7429">
        <v>349584.82490000001</v>
      </c>
      <c r="N7429">
        <v>94156.234960000002</v>
      </c>
      <c r="O7429">
        <v>26322.108970000001</v>
      </c>
      <c r="P7429">
        <v>33657.5602</v>
      </c>
      <c r="Q7429">
        <v>102423.4847</v>
      </c>
      <c r="R7429">
        <v>25160.277330000001</v>
      </c>
      <c r="S7429">
        <v>126689.1917</v>
      </c>
      <c r="T7429">
        <v>39292.783730000003</v>
      </c>
      <c r="U7429">
        <v>25889.346420000002</v>
      </c>
      <c r="W7429" s="83">
        <f>Bühler!N7461</f>
        <v>45601.45833331532</v>
      </c>
      <c r="X7429" s="83">
        <v>43410.458333333336</v>
      </c>
      <c r="Y7429">
        <v>300656.18979999999</v>
      </c>
      <c r="Z7429">
        <v>37012.541420000001</v>
      </c>
      <c r="AA7429">
        <v>98406.409390000001</v>
      </c>
      <c r="AB7429">
        <v>99338.282959999997</v>
      </c>
      <c r="AC7429">
        <v>56279.392740000003</v>
      </c>
      <c r="AD7429">
        <v>40769.533289999999</v>
      </c>
      <c r="AE7429">
        <v>34122.62055</v>
      </c>
      <c r="AF7429">
        <v>65723.801370000001</v>
      </c>
      <c r="AG7429">
        <v>31572.580259999999</v>
      </c>
      <c r="AH7429">
        <v>349584.82490000001</v>
      </c>
      <c r="AI7429">
        <v>94156.234960000002</v>
      </c>
      <c r="AJ7429">
        <v>26322.108970000001</v>
      </c>
      <c r="AK7429">
        <v>33657.5602</v>
      </c>
      <c r="AL7429">
        <v>102423.4847</v>
      </c>
      <c r="AM7429">
        <v>25160.277330000001</v>
      </c>
      <c r="AN7429">
        <v>126689.1917</v>
      </c>
      <c r="AO7429">
        <v>39292.783730000003</v>
      </c>
      <c r="AP7429">
        <v>25889.346420000002</v>
      </c>
    </row>
    <row r="7430" spans="2:42" x14ac:dyDescent="0.3">
      <c r="B7430">
        <v>67.384596044665258</v>
      </c>
      <c r="C7430" s="83">
        <v>43410.5</v>
      </c>
      <c r="D7430">
        <v>288708.35600000003</v>
      </c>
      <c r="E7430">
        <v>32904.522349999999</v>
      </c>
      <c r="F7430">
        <v>91680.39039</v>
      </c>
      <c r="G7430">
        <v>95477.240950000007</v>
      </c>
      <c r="H7430">
        <v>53069.533029999999</v>
      </c>
      <c r="I7430">
        <v>38767.884810000003</v>
      </c>
      <c r="J7430">
        <v>33861.567660000001</v>
      </c>
      <c r="K7430">
        <v>61315.028769999997</v>
      </c>
      <c r="L7430">
        <v>33201.809730000001</v>
      </c>
      <c r="M7430">
        <v>343558.09490000003</v>
      </c>
      <c r="N7430">
        <v>91743.524120000002</v>
      </c>
      <c r="O7430">
        <v>25082.08324</v>
      </c>
      <c r="P7430">
        <v>34545.954619999997</v>
      </c>
      <c r="Q7430">
        <v>100125.7136</v>
      </c>
      <c r="R7430">
        <v>25996.62859</v>
      </c>
      <c r="S7430">
        <v>119711.7637</v>
      </c>
      <c r="T7430">
        <v>39305.692779999998</v>
      </c>
      <c r="U7430">
        <v>21460.587220000001</v>
      </c>
      <c r="W7430" s="83">
        <f>Bühler!N7462</f>
        <v>45601.499999981985</v>
      </c>
      <c r="X7430" s="83">
        <v>43410.5</v>
      </c>
      <c r="Y7430">
        <v>288708.35600000003</v>
      </c>
      <c r="Z7430">
        <v>32904.522349999999</v>
      </c>
      <c r="AA7430">
        <v>91680.39039</v>
      </c>
      <c r="AB7430">
        <v>95477.240950000007</v>
      </c>
      <c r="AC7430">
        <v>53069.533029999999</v>
      </c>
      <c r="AD7430">
        <v>38767.884810000003</v>
      </c>
      <c r="AE7430">
        <v>33861.567660000001</v>
      </c>
      <c r="AF7430">
        <v>61315.028769999997</v>
      </c>
      <c r="AG7430">
        <v>33201.809730000001</v>
      </c>
      <c r="AH7430">
        <v>343558.09490000003</v>
      </c>
      <c r="AI7430">
        <v>91743.524120000002</v>
      </c>
      <c r="AJ7430">
        <v>25082.08324</v>
      </c>
      <c r="AK7430">
        <v>34545.954619999997</v>
      </c>
      <c r="AL7430">
        <v>100125.7136</v>
      </c>
      <c r="AM7430">
        <v>25996.62859</v>
      </c>
      <c r="AN7430">
        <v>119711.7637</v>
      </c>
      <c r="AO7430">
        <v>39305.692779999998</v>
      </c>
      <c r="AP7430">
        <v>21460.587220000001</v>
      </c>
    </row>
    <row r="7431" spans="2:42" x14ac:dyDescent="0.3">
      <c r="B7431">
        <v>66.776678821696763</v>
      </c>
      <c r="C7431" s="83">
        <v>43410.541666666664</v>
      </c>
      <c r="D7431">
        <v>289717.5956</v>
      </c>
      <c r="E7431">
        <v>33161.165200000003</v>
      </c>
      <c r="F7431">
        <v>89282.750029999996</v>
      </c>
      <c r="G7431">
        <v>92180.109039999996</v>
      </c>
      <c r="H7431">
        <v>53992.857109999997</v>
      </c>
      <c r="I7431">
        <v>39204.024579999998</v>
      </c>
      <c r="J7431">
        <v>33077.501989999997</v>
      </c>
      <c r="K7431">
        <v>61437.191890000002</v>
      </c>
      <c r="L7431">
        <v>31185.661359999998</v>
      </c>
      <c r="M7431">
        <v>340458.64939999999</v>
      </c>
      <c r="N7431">
        <v>90600.962849999996</v>
      </c>
      <c r="O7431">
        <v>25344.203420000002</v>
      </c>
      <c r="P7431">
        <v>33089.618889999998</v>
      </c>
      <c r="Q7431">
        <v>99665.155110000007</v>
      </c>
      <c r="R7431">
        <v>26778.462670000001</v>
      </c>
      <c r="S7431">
        <v>116594.7181</v>
      </c>
      <c r="T7431">
        <v>37593.926039999998</v>
      </c>
      <c r="U7431">
        <v>22927.067770000001</v>
      </c>
      <c r="W7431" s="83">
        <f>Bühler!N7463</f>
        <v>45601.541666648649</v>
      </c>
      <c r="X7431" s="83">
        <v>43410.541666666664</v>
      </c>
      <c r="Y7431">
        <v>289717.5956</v>
      </c>
      <c r="Z7431">
        <v>33161.165200000003</v>
      </c>
      <c r="AA7431">
        <v>89282.750029999996</v>
      </c>
      <c r="AB7431">
        <v>92180.109039999996</v>
      </c>
      <c r="AC7431">
        <v>53992.857109999997</v>
      </c>
      <c r="AD7431">
        <v>39204.024579999998</v>
      </c>
      <c r="AE7431">
        <v>33077.501989999997</v>
      </c>
      <c r="AF7431">
        <v>61437.191890000002</v>
      </c>
      <c r="AG7431">
        <v>31185.661359999998</v>
      </c>
      <c r="AH7431">
        <v>340458.64939999999</v>
      </c>
      <c r="AI7431">
        <v>90600.962849999996</v>
      </c>
      <c r="AJ7431">
        <v>25344.203420000002</v>
      </c>
      <c r="AK7431">
        <v>33089.618889999998</v>
      </c>
      <c r="AL7431">
        <v>99665.155110000007</v>
      </c>
      <c r="AM7431">
        <v>26778.462670000001</v>
      </c>
      <c r="AN7431">
        <v>116594.7181</v>
      </c>
      <c r="AO7431">
        <v>37593.926039999998</v>
      </c>
      <c r="AP7431">
        <v>22927.067770000001</v>
      </c>
    </row>
    <row r="7432" spans="2:42" x14ac:dyDescent="0.3">
      <c r="B7432">
        <v>66.704075145380642</v>
      </c>
      <c r="C7432" s="83">
        <v>43410.583333333336</v>
      </c>
      <c r="D7432">
        <v>292386.64769999997</v>
      </c>
      <c r="E7432">
        <v>36191.664380000002</v>
      </c>
      <c r="F7432">
        <v>96786.330459999997</v>
      </c>
      <c r="G7432">
        <v>87642.574640000006</v>
      </c>
      <c r="H7432">
        <v>54027.842640000003</v>
      </c>
      <c r="I7432">
        <v>40370.021869999997</v>
      </c>
      <c r="J7432">
        <v>32775.682480000003</v>
      </c>
      <c r="K7432">
        <v>64469.68348</v>
      </c>
      <c r="L7432">
        <v>27975.78299</v>
      </c>
      <c r="M7432">
        <v>340088.48200000002</v>
      </c>
      <c r="N7432">
        <v>91441.129749999993</v>
      </c>
      <c r="O7432">
        <v>25013.653699999999</v>
      </c>
      <c r="P7432">
        <v>30078.70278</v>
      </c>
      <c r="Q7432">
        <v>98803.575509999995</v>
      </c>
      <c r="R7432">
        <v>25151.29449</v>
      </c>
      <c r="S7432">
        <v>112738.4433</v>
      </c>
      <c r="T7432">
        <v>36778.30962</v>
      </c>
      <c r="U7432">
        <v>23850.631450000001</v>
      </c>
      <c r="W7432" s="83">
        <f>Bühler!N7464</f>
        <v>45601.583333315313</v>
      </c>
      <c r="X7432" s="83">
        <v>43410.583333333336</v>
      </c>
      <c r="Y7432">
        <v>292386.64769999997</v>
      </c>
      <c r="Z7432">
        <v>36191.664380000002</v>
      </c>
      <c r="AA7432">
        <v>96786.330459999997</v>
      </c>
      <c r="AB7432">
        <v>87642.574640000006</v>
      </c>
      <c r="AC7432">
        <v>54027.842640000003</v>
      </c>
      <c r="AD7432">
        <v>40370.021869999997</v>
      </c>
      <c r="AE7432">
        <v>32775.682480000003</v>
      </c>
      <c r="AF7432">
        <v>64469.68348</v>
      </c>
      <c r="AG7432">
        <v>27975.78299</v>
      </c>
      <c r="AH7432">
        <v>340088.48200000002</v>
      </c>
      <c r="AI7432">
        <v>91441.129749999993</v>
      </c>
      <c r="AJ7432">
        <v>25013.653699999999</v>
      </c>
      <c r="AK7432">
        <v>30078.70278</v>
      </c>
      <c r="AL7432">
        <v>98803.575509999995</v>
      </c>
      <c r="AM7432">
        <v>25151.29449</v>
      </c>
      <c r="AN7432">
        <v>112738.4433</v>
      </c>
      <c r="AO7432">
        <v>36778.30962</v>
      </c>
      <c r="AP7432">
        <v>23850.631450000001</v>
      </c>
    </row>
    <row r="7433" spans="2:42" x14ac:dyDescent="0.3">
      <c r="B7433">
        <v>66.418016416700169</v>
      </c>
      <c r="C7433" s="83">
        <v>43410.625</v>
      </c>
      <c r="D7433">
        <v>290599.12190000003</v>
      </c>
      <c r="E7433">
        <v>36004.685599999997</v>
      </c>
      <c r="F7433">
        <v>97632.513800000001</v>
      </c>
      <c r="G7433">
        <v>84175.687099999996</v>
      </c>
      <c r="H7433">
        <v>53023.428169999999</v>
      </c>
      <c r="I7433">
        <v>41122.011480000001</v>
      </c>
      <c r="J7433">
        <v>32742.239610000001</v>
      </c>
      <c r="K7433">
        <v>63307.724300000002</v>
      </c>
      <c r="L7433">
        <v>25171.964599999999</v>
      </c>
      <c r="M7433">
        <v>338630.02120000002</v>
      </c>
      <c r="N7433">
        <v>89883.32948</v>
      </c>
      <c r="O7433">
        <v>24995.623039999999</v>
      </c>
      <c r="P7433">
        <v>28413.631720000001</v>
      </c>
      <c r="Q7433">
        <v>98295.198180000007</v>
      </c>
      <c r="R7433">
        <v>25085.282090000001</v>
      </c>
      <c r="S7433">
        <v>110854.6115</v>
      </c>
      <c r="T7433">
        <v>36068.090060000002</v>
      </c>
      <c r="U7433">
        <v>23175.693619999998</v>
      </c>
      <c r="W7433" s="83">
        <f>Bühler!N7465</f>
        <v>45601.624999981977</v>
      </c>
      <c r="X7433" s="83">
        <v>43410.625</v>
      </c>
      <c r="Y7433">
        <v>290599.12190000003</v>
      </c>
      <c r="Z7433">
        <v>36004.685599999997</v>
      </c>
      <c r="AA7433">
        <v>97632.513800000001</v>
      </c>
      <c r="AB7433">
        <v>84175.687099999996</v>
      </c>
      <c r="AC7433">
        <v>53023.428169999999</v>
      </c>
      <c r="AD7433">
        <v>41122.011480000001</v>
      </c>
      <c r="AE7433">
        <v>32742.239610000001</v>
      </c>
      <c r="AF7433">
        <v>63307.724300000002</v>
      </c>
      <c r="AG7433">
        <v>25171.964599999999</v>
      </c>
      <c r="AH7433">
        <v>338630.02120000002</v>
      </c>
      <c r="AI7433">
        <v>89883.32948</v>
      </c>
      <c r="AJ7433">
        <v>24995.623039999999</v>
      </c>
      <c r="AK7433">
        <v>28413.631720000001</v>
      </c>
      <c r="AL7433">
        <v>98295.198180000007</v>
      </c>
      <c r="AM7433">
        <v>25085.282090000001</v>
      </c>
      <c r="AN7433">
        <v>110854.6115</v>
      </c>
      <c r="AO7433">
        <v>36068.090060000002</v>
      </c>
      <c r="AP7433">
        <v>23175.693619999998</v>
      </c>
    </row>
    <row r="7434" spans="2:42" x14ac:dyDescent="0.3">
      <c r="B7434">
        <v>65.479834308751734</v>
      </c>
      <c r="C7434" s="83">
        <v>43410.666666666664</v>
      </c>
      <c r="D7434">
        <v>283793.83970000001</v>
      </c>
      <c r="E7434">
        <v>35484.947979999997</v>
      </c>
      <c r="F7434">
        <v>97884.997789999994</v>
      </c>
      <c r="G7434">
        <v>80938.143620000003</v>
      </c>
      <c r="H7434">
        <v>51239.44154</v>
      </c>
      <c r="I7434">
        <v>42109.621290000003</v>
      </c>
      <c r="J7434">
        <v>32648.954979999999</v>
      </c>
      <c r="K7434">
        <v>60703.199619999999</v>
      </c>
      <c r="L7434">
        <v>24317.711910000002</v>
      </c>
      <c r="M7434">
        <v>333846.73129999998</v>
      </c>
      <c r="N7434">
        <v>88028.337499999994</v>
      </c>
      <c r="O7434">
        <v>24596.765650000001</v>
      </c>
      <c r="P7434">
        <v>28234.615689999999</v>
      </c>
      <c r="Q7434">
        <v>97042.169169999994</v>
      </c>
      <c r="R7434">
        <v>25086.236550000001</v>
      </c>
      <c r="S7434">
        <v>109583.89629999999</v>
      </c>
      <c r="T7434">
        <v>36029.932099999998</v>
      </c>
      <c r="U7434">
        <v>22001.487140000001</v>
      </c>
      <c r="W7434" s="83">
        <f>Bühler!N7466</f>
        <v>45601.666666648642</v>
      </c>
      <c r="X7434" s="83">
        <v>43410.666666666664</v>
      </c>
      <c r="Y7434">
        <v>283793.83970000001</v>
      </c>
      <c r="Z7434">
        <v>35484.947979999997</v>
      </c>
      <c r="AA7434">
        <v>97884.997789999994</v>
      </c>
      <c r="AB7434">
        <v>80938.143620000003</v>
      </c>
      <c r="AC7434">
        <v>51239.44154</v>
      </c>
      <c r="AD7434">
        <v>42109.621290000003</v>
      </c>
      <c r="AE7434">
        <v>32648.954979999999</v>
      </c>
      <c r="AF7434">
        <v>60703.199619999999</v>
      </c>
      <c r="AG7434">
        <v>24317.711910000002</v>
      </c>
      <c r="AH7434">
        <v>333846.73129999998</v>
      </c>
      <c r="AI7434">
        <v>88028.337499999994</v>
      </c>
      <c r="AJ7434">
        <v>24596.765650000001</v>
      </c>
      <c r="AK7434">
        <v>28234.615689999999</v>
      </c>
      <c r="AL7434">
        <v>97042.169169999994</v>
      </c>
      <c r="AM7434">
        <v>25086.236550000001</v>
      </c>
      <c r="AN7434">
        <v>109583.89629999999</v>
      </c>
      <c r="AO7434">
        <v>36029.932099999998</v>
      </c>
      <c r="AP7434">
        <v>22001.487140000001</v>
      </c>
    </row>
    <row r="7435" spans="2:42" x14ac:dyDescent="0.3">
      <c r="B7435">
        <v>64.570167873997747</v>
      </c>
      <c r="C7435" s="83">
        <v>43410.708333333336</v>
      </c>
      <c r="D7435">
        <v>274878.75349999999</v>
      </c>
      <c r="E7435">
        <v>33694.448620000003</v>
      </c>
      <c r="F7435">
        <v>99344.728900000002</v>
      </c>
      <c r="G7435">
        <v>73981.491880000001</v>
      </c>
      <c r="H7435">
        <v>50384.975939999997</v>
      </c>
      <c r="I7435">
        <v>40852.276969999999</v>
      </c>
      <c r="J7435">
        <v>34347.928390000001</v>
      </c>
      <c r="K7435">
        <v>55457.419650000003</v>
      </c>
      <c r="L7435">
        <v>24995.38754</v>
      </c>
      <c r="M7435">
        <v>329208.82760000002</v>
      </c>
      <c r="N7435">
        <v>85123.855549999993</v>
      </c>
      <c r="O7435">
        <v>23624.493119999999</v>
      </c>
      <c r="P7435">
        <v>31086.487580000001</v>
      </c>
      <c r="Q7435">
        <v>96231.78469</v>
      </c>
      <c r="R7435">
        <v>23754.43505</v>
      </c>
      <c r="S7435">
        <v>109615.959</v>
      </c>
      <c r="T7435">
        <v>36270.838689999997</v>
      </c>
      <c r="U7435">
        <v>19580.645110000001</v>
      </c>
      <c r="W7435" s="83">
        <f>Bühler!N7467</f>
        <v>45601.708333315306</v>
      </c>
      <c r="X7435" s="83">
        <v>43410.708333333336</v>
      </c>
      <c r="Y7435">
        <v>274878.75349999999</v>
      </c>
      <c r="Z7435">
        <v>33694.448620000003</v>
      </c>
      <c r="AA7435">
        <v>99344.728900000002</v>
      </c>
      <c r="AB7435">
        <v>73981.491880000001</v>
      </c>
      <c r="AC7435">
        <v>50384.975939999997</v>
      </c>
      <c r="AD7435">
        <v>40852.276969999999</v>
      </c>
      <c r="AE7435">
        <v>34347.928390000001</v>
      </c>
      <c r="AF7435">
        <v>55457.419650000003</v>
      </c>
      <c r="AG7435">
        <v>24995.38754</v>
      </c>
      <c r="AH7435">
        <v>329208.82760000002</v>
      </c>
      <c r="AI7435">
        <v>85123.855549999993</v>
      </c>
      <c r="AJ7435">
        <v>23624.493119999999</v>
      </c>
      <c r="AK7435">
        <v>31086.487580000001</v>
      </c>
      <c r="AL7435">
        <v>96231.78469</v>
      </c>
      <c r="AM7435">
        <v>23754.43505</v>
      </c>
      <c r="AN7435">
        <v>109615.959</v>
      </c>
      <c r="AO7435">
        <v>36270.838689999997</v>
      </c>
      <c r="AP7435">
        <v>19580.645110000001</v>
      </c>
    </row>
    <row r="7436" spans="2:42" x14ac:dyDescent="0.3">
      <c r="B7436">
        <v>63.940108737671679</v>
      </c>
      <c r="C7436" s="83">
        <v>43410.75</v>
      </c>
      <c r="D7436">
        <v>269529.7341</v>
      </c>
      <c r="E7436">
        <v>31009.835500000001</v>
      </c>
      <c r="F7436">
        <v>98112.516300000003</v>
      </c>
      <c r="G7436">
        <v>64469.514069999997</v>
      </c>
      <c r="H7436">
        <v>49455.413229999998</v>
      </c>
      <c r="I7436">
        <v>39983.87023</v>
      </c>
      <c r="J7436">
        <v>35466.54477</v>
      </c>
      <c r="K7436">
        <v>55594.765480000002</v>
      </c>
      <c r="L7436">
        <v>26971.244159999998</v>
      </c>
      <c r="M7436">
        <v>325996.49229999998</v>
      </c>
      <c r="N7436">
        <v>82729.899959999995</v>
      </c>
      <c r="O7436">
        <v>22848.58166</v>
      </c>
      <c r="P7436">
        <v>35390.866670000003</v>
      </c>
      <c r="Q7436">
        <v>95035.070479999995</v>
      </c>
      <c r="R7436">
        <v>23763.737580000001</v>
      </c>
      <c r="S7436">
        <v>104576.2326</v>
      </c>
      <c r="T7436">
        <v>37422.098839999999</v>
      </c>
      <c r="U7436">
        <v>18545.17296</v>
      </c>
      <c r="W7436" s="83">
        <f>Bühler!N7468</f>
        <v>45601.74999998197</v>
      </c>
      <c r="X7436" s="83">
        <v>43410.75</v>
      </c>
      <c r="Y7436">
        <v>269529.7341</v>
      </c>
      <c r="Z7436">
        <v>31009.835500000001</v>
      </c>
      <c r="AA7436">
        <v>98112.516300000003</v>
      </c>
      <c r="AB7436">
        <v>64469.514069999997</v>
      </c>
      <c r="AC7436">
        <v>49455.413229999998</v>
      </c>
      <c r="AD7436">
        <v>39983.87023</v>
      </c>
      <c r="AE7436">
        <v>35466.54477</v>
      </c>
      <c r="AF7436">
        <v>55594.765480000002</v>
      </c>
      <c r="AG7436">
        <v>26971.244159999998</v>
      </c>
      <c r="AH7436">
        <v>325996.49229999998</v>
      </c>
      <c r="AI7436">
        <v>82729.899959999995</v>
      </c>
      <c r="AJ7436">
        <v>22848.58166</v>
      </c>
      <c r="AK7436">
        <v>35390.866670000003</v>
      </c>
      <c r="AL7436">
        <v>95035.070479999995</v>
      </c>
      <c r="AM7436">
        <v>23763.737580000001</v>
      </c>
      <c r="AN7436">
        <v>104576.2326</v>
      </c>
      <c r="AO7436">
        <v>37422.098839999999</v>
      </c>
      <c r="AP7436">
        <v>18545.17296</v>
      </c>
    </row>
    <row r="7437" spans="2:42" x14ac:dyDescent="0.3">
      <c r="B7437">
        <v>62.128704683867994</v>
      </c>
      <c r="C7437" s="83">
        <v>43410.791666666664</v>
      </c>
      <c r="D7437">
        <v>264411.49770000001</v>
      </c>
      <c r="E7437">
        <v>25054.45408</v>
      </c>
      <c r="F7437">
        <v>84065.342149999997</v>
      </c>
      <c r="G7437">
        <v>56688.491959999999</v>
      </c>
      <c r="H7437">
        <v>46145.071980000001</v>
      </c>
      <c r="I7437">
        <v>36355.805039999999</v>
      </c>
      <c r="J7437">
        <v>34357.676169999999</v>
      </c>
      <c r="K7437">
        <v>52833.349869999998</v>
      </c>
      <c r="L7437">
        <v>27405.900829999999</v>
      </c>
      <c r="M7437">
        <v>316761.10969999997</v>
      </c>
      <c r="N7437">
        <v>79894.049299999999</v>
      </c>
      <c r="O7437">
        <v>21977.677299999999</v>
      </c>
      <c r="P7437">
        <v>36710.27562</v>
      </c>
      <c r="Q7437">
        <v>92177.520130000004</v>
      </c>
      <c r="R7437">
        <v>23340.164830000002</v>
      </c>
      <c r="S7437">
        <v>99095.080579999994</v>
      </c>
      <c r="T7437">
        <v>37362.711470000002</v>
      </c>
      <c r="U7437">
        <v>16930.670590000002</v>
      </c>
      <c r="W7437" s="83">
        <f>Bühler!N7469</f>
        <v>45601.791666648634</v>
      </c>
      <c r="X7437" s="83">
        <v>43410.791666666664</v>
      </c>
      <c r="Y7437">
        <v>264411.49770000001</v>
      </c>
      <c r="Z7437">
        <v>25054.45408</v>
      </c>
      <c r="AA7437">
        <v>84065.342149999997</v>
      </c>
      <c r="AB7437">
        <v>56688.491959999999</v>
      </c>
      <c r="AC7437">
        <v>46145.071980000001</v>
      </c>
      <c r="AD7437">
        <v>36355.805039999999</v>
      </c>
      <c r="AE7437">
        <v>34357.676169999999</v>
      </c>
      <c r="AF7437">
        <v>52833.349869999998</v>
      </c>
      <c r="AG7437">
        <v>27405.900829999999</v>
      </c>
      <c r="AH7437">
        <v>316761.10969999997</v>
      </c>
      <c r="AI7437">
        <v>79894.049299999999</v>
      </c>
      <c r="AJ7437">
        <v>21977.677299999999</v>
      </c>
      <c r="AK7437">
        <v>36710.27562</v>
      </c>
      <c r="AL7437">
        <v>92177.520130000004</v>
      </c>
      <c r="AM7437">
        <v>23340.164830000002</v>
      </c>
      <c r="AN7437">
        <v>99095.080579999994</v>
      </c>
      <c r="AO7437">
        <v>37362.711470000002</v>
      </c>
      <c r="AP7437">
        <v>16930.670590000002</v>
      </c>
    </row>
    <row r="7438" spans="2:42" x14ac:dyDescent="0.3">
      <c r="B7438">
        <v>59.972429725351127</v>
      </c>
      <c r="C7438" s="83">
        <v>43410.833333333336</v>
      </c>
      <c r="D7438">
        <v>253590.12100000001</v>
      </c>
      <c r="E7438">
        <v>18969.425350000001</v>
      </c>
      <c r="F7438">
        <v>64995.539980000001</v>
      </c>
      <c r="G7438">
        <v>48805.095670000002</v>
      </c>
      <c r="H7438">
        <v>42996.721360000003</v>
      </c>
      <c r="I7438">
        <v>32518.274450000001</v>
      </c>
      <c r="J7438">
        <v>33174.586159999999</v>
      </c>
      <c r="K7438">
        <v>51441.47032</v>
      </c>
      <c r="L7438">
        <v>26687.884689999999</v>
      </c>
      <c r="M7438">
        <v>305767.41440000001</v>
      </c>
      <c r="N7438">
        <v>75749.443679999997</v>
      </c>
      <c r="O7438">
        <v>21493.71817</v>
      </c>
      <c r="P7438">
        <v>35320.681539999998</v>
      </c>
      <c r="Q7438">
        <v>89486.077290000001</v>
      </c>
      <c r="R7438">
        <v>20983.97294</v>
      </c>
      <c r="S7438">
        <v>88124.155320000005</v>
      </c>
      <c r="T7438">
        <v>35433.215530000001</v>
      </c>
      <c r="U7438">
        <v>15306.40259</v>
      </c>
      <c r="W7438" s="83">
        <f>Bühler!N7470</f>
        <v>45601.833333315299</v>
      </c>
      <c r="X7438" s="83">
        <v>43410.833333333336</v>
      </c>
      <c r="Y7438">
        <v>253590.12100000001</v>
      </c>
      <c r="Z7438">
        <v>18969.425350000001</v>
      </c>
      <c r="AA7438">
        <v>64995.539980000001</v>
      </c>
      <c r="AB7438">
        <v>48805.095670000002</v>
      </c>
      <c r="AC7438">
        <v>42996.721360000003</v>
      </c>
      <c r="AD7438">
        <v>32518.274450000001</v>
      </c>
      <c r="AE7438">
        <v>33174.586159999999</v>
      </c>
      <c r="AF7438">
        <v>51441.47032</v>
      </c>
      <c r="AG7438">
        <v>26687.884689999999</v>
      </c>
      <c r="AH7438">
        <v>305767.41440000001</v>
      </c>
      <c r="AI7438">
        <v>75749.443679999997</v>
      </c>
      <c r="AJ7438">
        <v>21493.71817</v>
      </c>
      <c r="AK7438">
        <v>35320.681539999998</v>
      </c>
      <c r="AL7438">
        <v>89486.077290000001</v>
      </c>
      <c r="AM7438">
        <v>20983.97294</v>
      </c>
      <c r="AN7438">
        <v>88124.155320000005</v>
      </c>
      <c r="AO7438">
        <v>35433.215530000001</v>
      </c>
      <c r="AP7438">
        <v>15306.40259</v>
      </c>
    </row>
    <row r="7439" spans="2:42" x14ac:dyDescent="0.3">
      <c r="B7439">
        <v>57.410645509474513</v>
      </c>
      <c r="C7439" s="83">
        <v>43410.875</v>
      </c>
      <c r="D7439">
        <v>241791.04199999999</v>
      </c>
      <c r="E7439">
        <v>16064.311540000001</v>
      </c>
      <c r="F7439">
        <v>56992.110189999999</v>
      </c>
      <c r="G7439">
        <v>45107.467109999998</v>
      </c>
      <c r="H7439">
        <v>40114.853940000001</v>
      </c>
      <c r="I7439">
        <v>27155.13753</v>
      </c>
      <c r="J7439">
        <v>31861.084709999999</v>
      </c>
      <c r="K7439">
        <v>49929.221469999997</v>
      </c>
      <c r="L7439">
        <v>25732.797129999999</v>
      </c>
      <c r="M7439">
        <v>292706.2438</v>
      </c>
      <c r="N7439">
        <v>73104.019610000003</v>
      </c>
      <c r="O7439">
        <v>19978.839800000002</v>
      </c>
      <c r="P7439">
        <v>33803.434670000002</v>
      </c>
      <c r="Q7439">
        <v>87489.751980000001</v>
      </c>
      <c r="R7439">
        <v>19971.762460000002</v>
      </c>
      <c r="S7439">
        <v>82659.491800000003</v>
      </c>
      <c r="T7439">
        <v>31042.90639</v>
      </c>
      <c r="U7439">
        <v>14297.63301</v>
      </c>
      <c r="W7439" s="83">
        <f>Bühler!N7471</f>
        <v>45601.874999981963</v>
      </c>
      <c r="X7439" s="83">
        <v>43410.875</v>
      </c>
      <c r="Y7439">
        <v>241791.04199999999</v>
      </c>
      <c r="Z7439">
        <v>16064.311540000001</v>
      </c>
      <c r="AA7439">
        <v>56992.110189999999</v>
      </c>
      <c r="AB7439">
        <v>45107.467109999998</v>
      </c>
      <c r="AC7439">
        <v>40114.853940000001</v>
      </c>
      <c r="AD7439">
        <v>27155.13753</v>
      </c>
      <c r="AE7439">
        <v>31861.084709999999</v>
      </c>
      <c r="AF7439">
        <v>49929.221469999997</v>
      </c>
      <c r="AG7439">
        <v>25732.797129999999</v>
      </c>
      <c r="AH7439">
        <v>292706.2438</v>
      </c>
      <c r="AI7439">
        <v>73104.019610000003</v>
      </c>
      <c r="AJ7439">
        <v>19978.839800000002</v>
      </c>
      <c r="AK7439">
        <v>33803.434670000002</v>
      </c>
      <c r="AL7439">
        <v>87489.751980000001</v>
      </c>
      <c r="AM7439">
        <v>19971.762460000002</v>
      </c>
      <c r="AN7439">
        <v>82659.491800000003</v>
      </c>
      <c r="AO7439">
        <v>31042.90639</v>
      </c>
      <c r="AP7439">
        <v>14297.63301</v>
      </c>
    </row>
    <row r="7440" spans="2:42" x14ac:dyDescent="0.3">
      <c r="B7440">
        <v>57.153853699508808</v>
      </c>
      <c r="C7440" s="83">
        <v>43410.916666666664</v>
      </c>
      <c r="D7440">
        <v>240504.62770000001</v>
      </c>
      <c r="E7440">
        <v>15149.033079999999</v>
      </c>
      <c r="F7440">
        <v>54555.832419999999</v>
      </c>
      <c r="G7440">
        <v>42340.785810000001</v>
      </c>
      <c r="H7440">
        <v>38665.635920000001</v>
      </c>
      <c r="I7440">
        <v>25038.42596</v>
      </c>
      <c r="J7440">
        <v>30760.85844</v>
      </c>
      <c r="K7440">
        <v>53534.394999999997</v>
      </c>
      <c r="L7440">
        <v>22638.787469999999</v>
      </c>
      <c r="M7440">
        <v>291396.99939999997</v>
      </c>
      <c r="N7440">
        <v>72650.563680000007</v>
      </c>
      <c r="O7440">
        <v>19992.23069</v>
      </c>
      <c r="P7440">
        <v>33980.156940000001</v>
      </c>
      <c r="Q7440">
        <v>86122.194889999999</v>
      </c>
      <c r="R7440">
        <v>22684.361400000002</v>
      </c>
      <c r="S7440">
        <v>80381.915689999994</v>
      </c>
      <c r="T7440">
        <v>27152.167020000001</v>
      </c>
      <c r="U7440">
        <v>14260.70984</v>
      </c>
      <c r="W7440" s="83">
        <f>Bühler!N7472</f>
        <v>45601.916666648627</v>
      </c>
      <c r="X7440" s="83">
        <v>43410.916666666664</v>
      </c>
      <c r="Y7440">
        <v>240504.62770000001</v>
      </c>
      <c r="Z7440">
        <v>15149.033079999999</v>
      </c>
      <c r="AA7440">
        <v>54555.832419999999</v>
      </c>
      <c r="AB7440">
        <v>42340.785810000001</v>
      </c>
      <c r="AC7440">
        <v>38665.635920000001</v>
      </c>
      <c r="AD7440">
        <v>25038.42596</v>
      </c>
      <c r="AE7440">
        <v>30760.85844</v>
      </c>
      <c r="AF7440">
        <v>53534.394999999997</v>
      </c>
      <c r="AG7440">
        <v>22638.787469999999</v>
      </c>
      <c r="AH7440">
        <v>291396.99939999997</v>
      </c>
      <c r="AI7440">
        <v>72650.563680000007</v>
      </c>
      <c r="AJ7440">
        <v>19992.23069</v>
      </c>
      <c r="AK7440">
        <v>33980.156940000001</v>
      </c>
      <c r="AL7440">
        <v>86122.194889999999</v>
      </c>
      <c r="AM7440">
        <v>22684.361400000002</v>
      </c>
      <c r="AN7440">
        <v>80381.915689999994</v>
      </c>
      <c r="AO7440">
        <v>27152.167020000001</v>
      </c>
      <c r="AP7440">
        <v>14260.70984</v>
      </c>
    </row>
    <row r="7441" spans="2:42" x14ac:dyDescent="0.3">
      <c r="B7441">
        <v>55.139300810245189</v>
      </c>
      <c r="C7441" s="83">
        <v>43410.958333333336</v>
      </c>
      <c r="D7441">
        <v>240436.10930000001</v>
      </c>
      <c r="E7441">
        <v>14691.291670000001</v>
      </c>
      <c r="F7441">
        <v>53255.364410000002</v>
      </c>
      <c r="G7441">
        <v>40929.221960000003</v>
      </c>
      <c r="H7441">
        <v>37546.334170000002</v>
      </c>
      <c r="I7441">
        <v>23815.95793</v>
      </c>
      <c r="J7441">
        <v>28163.039120000001</v>
      </c>
      <c r="K7441">
        <v>52863.843970000002</v>
      </c>
      <c r="L7441">
        <v>19164.809969999998</v>
      </c>
      <c r="M7441">
        <v>281125.86930000002</v>
      </c>
      <c r="N7441">
        <v>72062.914539999998</v>
      </c>
      <c r="O7441">
        <v>19846.711869999999</v>
      </c>
      <c r="P7441">
        <v>29679.128959999998</v>
      </c>
      <c r="Q7441">
        <v>86552.467080000002</v>
      </c>
      <c r="R7441">
        <v>21556.882580000001</v>
      </c>
      <c r="S7441">
        <v>78421.699989999994</v>
      </c>
      <c r="T7441">
        <v>27948.585930000001</v>
      </c>
      <c r="U7441">
        <v>13844.77073</v>
      </c>
      <c r="W7441" s="83">
        <f>Bühler!N7473</f>
        <v>45601.958333315291</v>
      </c>
      <c r="X7441" s="83">
        <v>43410.958333333336</v>
      </c>
      <c r="Y7441">
        <v>240436.10930000001</v>
      </c>
      <c r="Z7441">
        <v>14691.291670000001</v>
      </c>
      <c r="AA7441">
        <v>53255.364410000002</v>
      </c>
      <c r="AB7441">
        <v>40929.221960000003</v>
      </c>
      <c r="AC7441">
        <v>37546.334170000002</v>
      </c>
      <c r="AD7441">
        <v>23815.95793</v>
      </c>
      <c r="AE7441">
        <v>28163.039120000001</v>
      </c>
      <c r="AF7441">
        <v>52863.843970000002</v>
      </c>
      <c r="AG7441">
        <v>19164.809969999998</v>
      </c>
      <c r="AH7441">
        <v>281125.86930000002</v>
      </c>
      <c r="AI7441">
        <v>72062.914539999998</v>
      </c>
      <c r="AJ7441">
        <v>19846.711869999999</v>
      </c>
      <c r="AK7441">
        <v>29679.128959999998</v>
      </c>
      <c r="AL7441">
        <v>86552.467080000002</v>
      </c>
      <c r="AM7441">
        <v>21556.882580000001</v>
      </c>
      <c r="AN7441">
        <v>78421.699989999994</v>
      </c>
      <c r="AO7441">
        <v>27948.585930000001</v>
      </c>
      <c r="AP7441">
        <v>13844.77073</v>
      </c>
    </row>
    <row r="7442" spans="2:42" x14ac:dyDescent="0.3">
      <c r="B7442">
        <v>53.81056833549053</v>
      </c>
      <c r="C7442" s="83">
        <v>43411</v>
      </c>
      <c r="D7442">
        <v>239278.23980000001</v>
      </c>
      <c r="E7442">
        <v>14294.53285</v>
      </c>
      <c r="F7442">
        <v>52450.443550000004</v>
      </c>
      <c r="G7442">
        <v>40042.828569999998</v>
      </c>
      <c r="H7442">
        <v>36893.640659999997</v>
      </c>
      <c r="I7442">
        <v>21565.828730000001</v>
      </c>
      <c r="J7442">
        <v>26533.243040000001</v>
      </c>
      <c r="K7442">
        <v>51136.952740000001</v>
      </c>
      <c r="L7442">
        <v>17056.944459999999</v>
      </c>
      <c r="M7442">
        <v>274351.37150000001</v>
      </c>
      <c r="N7442">
        <v>72212.983930000002</v>
      </c>
      <c r="O7442">
        <v>19393.494699999999</v>
      </c>
      <c r="P7442">
        <v>27726.755450000001</v>
      </c>
      <c r="Q7442">
        <v>86604.578420000005</v>
      </c>
      <c r="R7442">
        <v>20613.692139999999</v>
      </c>
      <c r="S7442">
        <v>77192.153839999999</v>
      </c>
      <c r="T7442">
        <v>26375.234229999998</v>
      </c>
      <c r="U7442">
        <v>13768.68815</v>
      </c>
      <c r="W7442" s="83">
        <f>Bühler!N7474</f>
        <v>45601.999999981956</v>
      </c>
      <c r="X7442" s="83">
        <v>43411</v>
      </c>
      <c r="Y7442">
        <v>239278.23980000001</v>
      </c>
      <c r="Z7442">
        <v>14294.53285</v>
      </c>
      <c r="AA7442">
        <v>52450.443550000004</v>
      </c>
      <c r="AB7442">
        <v>40042.828569999998</v>
      </c>
      <c r="AC7442">
        <v>36893.640659999997</v>
      </c>
      <c r="AD7442">
        <v>21565.828730000001</v>
      </c>
      <c r="AE7442">
        <v>26533.243040000001</v>
      </c>
      <c r="AF7442">
        <v>51136.952740000001</v>
      </c>
      <c r="AG7442">
        <v>17056.944459999999</v>
      </c>
      <c r="AH7442">
        <v>274351.37150000001</v>
      </c>
      <c r="AI7442">
        <v>72212.983930000002</v>
      </c>
      <c r="AJ7442">
        <v>19393.494699999999</v>
      </c>
      <c r="AK7442">
        <v>27726.755450000001</v>
      </c>
      <c r="AL7442">
        <v>86604.578420000005</v>
      </c>
      <c r="AM7442">
        <v>20613.692139999999</v>
      </c>
      <c r="AN7442">
        <v>77192.153839999999</v>
      </c>
      <c r="AO7442">
        <v>26375.234229999998</v>
      </c>
      <c r="AP7442">
        <v>13768.68815</v>
      </c>
    </row>
    <row r="7443" spans="2:42" x14ac:dyDescent="0.3">
      <c r="B7443">
        <v>53.869217482105327</v>
      </c>
      <c r="C7443" s="83">
        <v>43411.041666666664</v>
      </c>
      <c r="D7443">
        <v>239302.87</v>
      </c>
      <c r="E7443">
        <v>14118.80071</v>
      </c>
      <c r="F7443">
        <v>52853.85095</v>
      </c>
      <c r="G7443">
        <v>39814.120770000001</v>
      </c>
      <c r="H7443">
        <v>36229.064429999999</v>
      </c>
      <c r="I7443">
        <v>18368.465359999998</v>
      </c>
      <c r="J7443">
        <v>25349.192660000001</v>
      </c>
      <c r="K7443">
        <v>50177.401610000001</v>
      </c>
      <c r="L7443">
        <v>16275.58431</v>
      </c>
      <c r="M7443">
        <v>274650.3922</v>
      </c>
      <c r="N7443">
        <v>72911.736919999996</v>
      </c>
      <c r="O7443">
        <v>19210.358339999999</v>
      </c>
      <c r="P7443">
        <v>25833.115519999999</v>
      </c>
      <c r="Q7443">
        <v>86635.428530000005</v>
      </c>
      <c r="R7443">
        <v>19696.120739999998</v>
      </c>
      <c r="S7443">
        <v>76662.658949999997</v>
      </c>
      <c r="T7443">
        <v>25375.978630000001</v>
      </c>
      <c r="U7443">
        <v>13831.382149999999</v>
      </c>
      <c r="W7443" s="83">
        <f>Bühler!N7475</f>
        <v>45602.04166664862</v>
      </c>
      <c r="X7443" s="83">
        <v>43411.041666666664</v>
      </c>
      <c r="Y7443">
        <v>239302.87</v>
      </c>
      <c r="Z7443">
        <v>14118.80071</v>
      </c>
      <c r="AA7443">
        <v>52853.85095</v>
      </c>
      <c r="AB7443">
        <v>39814.120770000001</v>
      </c>
      <c r="AC7443">
        <v>36229.064429999999</v>
      </c>
      <c r="AD7443">
        <v>18368.465359999998</v>
      </c>
      <c r="AE7443">
        <v>25349.192660000001</v>
      </c>
      <c r="AF7443">
        <v>50177.401610000001</v>
      </c>
      <c r="AG7443">
        <v>16275.58431</v>
      </c>
      <c r="AH7443">
        <v>274650.3922</v>
      </c>
      <c r="AI7443">
        <v>72911.736919999996</v>
      </c>
      <c r="AJ7443">
        <v>19210.358339999999</v>
      </c>
      <c r="AK7443">
        <v>25833.115519999999</v>
      </c>
      <c r="AL7443">
        <v>86635.428530000005</v>
      </c>
      <c r="AM7443">
        <v>19696.120739999998</v>
      </c>
      <c r="AN7443">
        <v>76662.658949999997</v>
      </c>
      <c r="AO7443">
        <v>25375.978630000001</v>
      </c>
      <c r="AP7443">
        <v>13831.382149999999</v>
      </c>
    </row>
    <row r="7444" spans="2:42" x14ac:dyDescent="0.3">
      <c r="B7444">
        <v>54.211487977379527</v>
      </c>
      <c r="C7444" s="83">
        <v>43411.083333333336</v>
      </c>
      <c r="D7444">
        <v>239069.00719999999</v>
      </c>
      <c r="E7444">
        <v>14096.51924</v>
      </c>
      <c r="F7444">
        <v>53178.285779999998</v>
      </c>
      <c r="G7444">
        <v>39189.525520000003</v>
      </c>
      <c r="H7444">
        <v>36131.974269999999</v>
      </c>
      <c r="I7444">
        <v>17548.75145</v>
      </c>
      <c r="J7444">
        <v>23967.230240000001</v>
      </c>
      <c r="K7444">
        <v>48407.260560000002</v>
      </c>
      <c r="L7444">
        <v>15737.54435</v>
      </c>
      <c r="M7444">
        <v>276395.44679999998</v>
      </c>
      <c r="N7444">
        <v>71461.125409999993</v>
      </c>
      <c r="O7444">
        <v>19008.09618</v>
      </c>
      <c r="P7444">
        <v>24821.228299999999</v>
      </c>
      <c r="Q7444">
        <v>88414.382259999998</v>
      </c>
      <c r="R7444">
        <v>19071.089520000001</v>
      </c>
      <c r="S7444">
        <v>75663.271370000002</v>
      </c>
      <c r="T7444">
        <v>24943.158479999998</v>
      </c>
      <c r="U7444">
        <v>13598.31675</v>
      </c>
      <c r="W7444" s="83">
        <f>Bühler!N7476</f>
        <v>45602.083333315284</v>
      </c>
      <c r="X7444" s="83">
        <v>43411.083333333336</v>
      </c>
      <c r="Y7444">
        <v>239069.00719999999</v>
      </c>
      <c r="Z7444">
        <v>14096.51924</v>
      </c>
      <c r="AA7444">
        <v>53178.285779999998</v>
      </c>
      <c r="AB7444">
        <v>39189.525520000003</v>
      </c>
      <c r="AC7444">
        <v>36131.974269999999</v>
      </c>
      <c r="AD7444">
        <v>17548.75145</v>
      </c>
      <c r="AE7444">
        <v>23967.230240000001</v>
      </c>
      <c r="AF7444">
        <v>48407.260560000002</v>
      </c>
      <c r="AG7444">
        <v>15737.54435</v>
      </c>
      <c r="AH7444">
        <v>276395.44679999998</v>
      </c>
      <c r="AI7444">
        <v>71461.125409999993</v>
      </c>
      <c r="AJ7444">
        <v>19008.09618</v>
      </c>
      <c r="AK7444">
        <v>24821.228299999999</v>
      </c>
      <c r="AL7444">
        <v>88414.382259999998</v>
      </c>
      <c r="AM7444">
        <v>19071.089520000001</v>
      </c>
      <c r="AN7444">
        <v>75663.271370000002</v>
      </c>
      <c r="AO7444">
        <v>24943.158479999998</v>
      </c>
      <c r="AP7444">
        <v>13598.31675</v>
      </c>
    </row>
    <row r="7445" spans="2:42" x14ac:dyDescent="0.3">
      <c r="B7445">
        <v>54.503892516315489</v>
      </c>
      <c r="C7445" s="83">
        <v>43411.125</v>
      </c>
      <c r="D7445">
        <v>239006.47349999999</v>
      </c>
      <c r="E7445">
        <v>13967.141799999999</v>
      </c>
      <c r="F7445">
        <v>53570.956570000002</v>
      </c>
      <c r="G7445">
        <v>38470.469239999999</v>
      </c>
      <c r="H7445">
        <v>36589.12758</v>
      </c>
      <c r="I7445">
        <v>17157.62931</v>
      </c>
      <c r="J7445">
        <v>25219.873449999999</v>
      </c>
      <c r="K7445">
        <v>47144.594140000001</v>
      </c>
      <c r="L7445">
        <v>15551.73171</v>
      </c>
      <c r="M7445">
        <v>277886.26150000002</v>
      </c>
      <c r="N7445">
        <v>70824.916519999999</v>
      </c>
      <c r="O7445">
        <v>19024.09146</v>
      </c>
      <c r="P7445">
        <v>25060.142879999999</v>
      </c>
      <c r="Q7445">
        <v>91172.859410000005</v>
      </c>
      <c r="R7445">
        <v>19147.890619999998</v>
      </c>
      <c r="S7445">
        <v>75210.381080000006</v>
      </c>
      <c r="T7445">
        <v>24822.411909999999</v>
      </c>
      <c r="U7445">
        <v>13298.77455</v>
      </c>
      <c r="W7445" s="83">
        <f>Bühler!N7477</f>
        <v>45602.124999981948</v>
      </c>
      <c r="X7445" s="83">
        <v>43411.125</v>
      </c>
      <c r="Y7445">
        <v>239006.47349999999</v>
      </c>
      <c r="Z7445">
        <v>13967.141799999999</v>
      </c>
      <c r="AA7445">
        <v>53570.956570000002</v>
      </c>
      <c r="AB7445">
        <v>38470.469239999999</v>
      </c>
      <c r="AC7445">
        <v>36589.12758</v>
      </c>
      <c r="AD7445">
        <v>17157.62931</v>
      </c>
      <c r="AE7445">
        <v>25219.873449999999</v>
      </c>
      <c r="AF7445">
        <v>47144.594140000001</v>
      </c>
      <c r="AG7445">
        <v>15551.73171</v>
      </c>
      <c r="AH7445">
        <v>277886.26150000002</v>
      </c>
      <c r="AI7445">
        <v>70824.916519999999</v>
      </c>
      <c r="AJ7445">
        <v>19024.09146</v>
      </c>
      <c r="AK7445">
        <v>25060.142879999999</v>
      </c>
      <c r="AL7445">
        <v>91172.859410000005</v>
      </c>
      <c r="AM7445">
        <v>19147.890619999998</v>
      </c>
      <c r="AN7445">
        <v>75210.381080000006</v>
      </c>
      <c r="AO7445">
        <v>24822.411909999999</v>
      </c>
      <c r="AP7445">
        <v>13298.77455</v>
      </c>
    </row>
    <row r="7446" spans="2:42" x14ac:dyDescent="0.3">
      <c r="B7446">
        <v>55.570428575454066</v>
      </c>
      <c r="C7446" s="83">
        <v>43411.166666666664</v>
      </c>
      <c r="D7446">
        <v>241926.33689999999</v>
      </c>
      <c r="E7446">
        <v>14643.441220000001</v>
      </c>
      <c r="F7446">
        <v>57205.672830000003</v>
      </c>
      <c r="G7446">
        <v>38268.118479999997</v>
      </c>
      <c r="H7446">
        <v>36855.568729999999</v>
      </c>
      <c r="I7446">
        <v>18838.151829999999</v>
      </c>
      <c r="J7446">
        <v>26824.949860000001</v>
      </c>
      <c r="K7446">
        <v>44898.841229999998</v>
      </c>
      <c r="L7446">
        <v>15801.85036</v>
      </c>
      <c r="M7446">
        <v>283323.95970000001</v>
      </c>
      <c r="N7446">
        <v>70375.620620000002</v>
      </c>
      <c r="O7446">
        <v>19182.60067</v>
      </c>
      <c r="P7446">
        <v>24140.237369999999</v>
      </c>
      <c r="Q7446">
        <v>95511.043109999999</v>
      </c>
      <c r="R7446">
        <v>18841.57431</v>
      </c>
      <c r="S7446">
        <v>75718.723710000006</v>
      </c>
      <c r="T7446">
        <v>24854.806530000002</v>
      </c>
      <c r="U7446">
        <v>14285.741040000001</v>
      </c>
      <c r="W7446" s="83">
        <f>Bühler!N7478</f>
        <v>45602.166666648613</v>
      </c>
      <c r="X7446" s="83">
        <v>43411.166666666664</v>
      </c>
      <c r="Y7446">
        <v>241926.33689999999</v>
      </c>
      <c r="Z7446">
        <v>14643.441220000001</v>
      </c>
      <c r="AA7446">
        <v>57205.672830000003</v>
      </c>
      <c r="AB7446">
        <v>38268.118479999997</v>
      </c>
      <c r="AC7446">
        <v>36855.568729999999</v>
      </c>
      <c r="AD7446">
        <v>18838.151829999999</v>
      </c>
      <c r="AE7446">
        <v>26824.949860000001</v>
      </c>
      <c r="AF7446">
        <v>44898.841229999998</v>
      </c>
      <c r="AG7446">
        <v>15801.85036</v>
      </c>
      <c r="AH7446">
        <v>283323.95970000001</v>
      </c>
      <c r="AI7446">
        <v>70375.620620000002</v>
      </c>
      <c r="AJ7446">
        <v>19182.60067</v>
      </c>
      <c r="AK7446">
        <v>24140.237369999999</v>
      </c>
      <c r="AL7446">
        <v>95511.043109999999</v>
      </c>
      <c r="AM7446">
        <v>18841.57431</v>
      </c>
      <c r="AN7446">
        <v>75718.723710000006</v>
      </c>
      <c r="AO7446">
        <v>24854.806530000002</v>
      </c>
      <c r="AP7446">
        <v>14285.741040000001</v>
      </c>
    </row>
    <row r="7447" spans="2:42" x14ac:dyDescent="0.3">
      <c r="B7447">
        <v>58.657661959829532</v>
      </c>
      <c r="C7447" s="83">
        <v>43411.208333333336</v>
      </c>
      <c r="D7447">
        <v>255816.23540000001</v>
      </c>
      <c r="E7447">
        <v>17020.013220000001</v>
      </c>
      <c r="F7447">
        <v>68305.506770000007</v>
      </c>
      <c r="G7447">
        <v>41206.2474</v>
      </c>
      <c r="H7447">
        <v>38986.653810000003</v>
      </c>
      <c r="I7447">
        <v>26183.92726</v>
      </c>
      <c r="J7447">
        <v>29755.812600000001</v>
      </c>
      <c r="K7447">
        <v>45292.744930000001</v>
      </c>
      <c r="L7447">
        <v>16802.67337</v>
      </c>
      <c r="M7447">
        <v>299064.1152</v>
      </c>
      <c r="N7447">
        <v>70553.448069999999</v>
      </c>
      <c r="O7447">
        <v>20274.817190000002</v>
      </c>
      <c r="P7447">
        <v>25223.77176</v>
      </c>
      <c r="Q7447">
        <v>97628.323189999996</v>
      </c>
      <c r="R7447">
        <v>19700.368399999999</v>
      </c>
      <c r="S7447">
        <v>78528.273709999994</v>
      </c>
      <c r="T7447">
        <v>26241.17153</v>
      </c>
      <c r="U7447">
        <v>15842.10413</v>
      </c>
      <c r="W7447" s="83">
        <f>Bühler!N7479</f>
        <v>45602.208333315277</v>
      </c>
      <c r="X7447" s="83">
        <v>43411.208333333336</v>
      </c>
      <c r="Y7447">
        <v>255816.23540000001</v>
      </c>
      <c r="Z7447">
        <v>17020.013220000001</v>
      </c>
      <c r="AA7447">
        <v>68305.506770000007</v>
      </c>
      <c r="AB7447">
        <v>41206.2474</v>
      </c>
      <c r="AC7447">
        <v>38986.653810000003</v>
      </c>
      <c r="AD7447">
        <v>26183.92726</v>
      </c>
      <c r="AE7447">
        <v>29755.812600000001</v>
      </c>
      <c r="AF7447">
        <v>45292.744930000001</v>
      </c>
      <c r="AG7447">
        <v>16802.67337</v>
      </c>
      <c r="AH7447">
        <v>299064.1152</v>
      </c>
      <c r="AI7447">
        <v>70553.448069999999</v>
      </c>
      <c r="AJ7447">
        <v>20274.817190000002</v>
      </c>
      <c r="AK7447">
        <v>25223.77176</v>
      </c>
      <c r="AL7447">
        <v>97628.323189999996</v>
      </c>
      <c r="AM7447">
        <v>19700.368399999999</v>
      </c>
      <c r="AN7447">
        <v>78528.273709999994</v>
      </c>
      <c r="AO7447">
        <v>26241.17153</v>
      </c>
      <c r="AP7447">
        <v>15842.10413</v>
      </c>
    </row>
    <row r="7448" spans="2:42" x14ac:dyDescent="0.3">
      <c r="B7448">
        <v>62.144865681013741</v>
      </c>
      <c r="C7448" s="83">
        <v>43411.25</v>
      </c>
      <c r="D7448">
        <v>274213.5699</v>
      </c>
      <c r="E7448">
        <v>21505.479520000001</v>
      </c>
      <c r="F7448">
        <v>80401.368560000003</v>
      </c>
      <c r="G7448">
        <v>53143.73214</v>
      </c>
      <c r="H7448">
        <v>42943.161719999996</v>
      </c>
      <c r="I7448">
        <v>34257.688699999999</v>
      </c>
      <c r="J7448">
        <v>33445.450290000001</v>
      </c>
      <c r="K7448">
        <v>50671.132039999997</v>
      </c>
      <c r="L7448">
        <v>18506.37544</v>
      </c>
      <c r="M7448">
        <v>316843.50599999999</v>
      </c>
      <c r="N7448">
        <v>74460.509760000001</v>
      </c>
      <c r="O7448">
        <v>21350.416069999999</v>
      </c>
      <c r="P7448">
        <v>26925.911990000001</v>
      </c>
      <c r="Q7448">
        <v>99283.549150000006</v>
      </c>
      <c r="R7448">
        <v>19806.75806</v>
      </c>
      <c r="S7448">
        <v>86871.216490000006</v>
      </c>
      <c r="T7448">
        <v>29470.474979999999</v>
      </c>
      <c r="U7448">
        <v>19095.17656</v>
      </c>
      <c r="W7448" s="83">
        <f>Bühler!N7480</f>
        <v>45602.249999981941</v>
      </c>
      <c r="X7448" s="83">
        <v>43411.25</v>
      </c>
      <c r="Y7448">
        <v>274213.5699</v>
      </c>
      <c r="Z7448">
        <v>21505.479520000001</v>
      </c>
      <c r="AA7448">
        <v>80401.368560000003</v>
      </c>
      <c r="AB7448">
        <v>53143.73214</v>
      </c>
      <c r="AC7448">
        <v>42943.161719999996</v>
      </c>
      <c r="AD7448">
        <v>34257.688699999999</v>
      </c>
      <c r="AE7448">
        <v>33445.450290000001</v>
      </c>
      <c r="AF7448">
        <v>50671.132039999997</v>
      </c>
      <c r="AG7448">
        <v>18506.37544</v>
      </c>
      <c r="AH7448">
        <v>316843.50599999999</v>
      </c>
      <c r="AI7448">
        <v>74460.509760000001</v>
      </c>
      <c r="AJ7448">
        <v>21350.416069999999</v>
      </c>
      <c r="AK7448">
        <v>26925.911990000001</v>
      </c>
      <c r="AL7448">
        <v>99283.549150000006</v>
      </c>
      <c r="AM7448">
        <v>19806.75806</v>
      </c>
      <c r="AN7448">
        <v>86871.216490000006</v>
      </c>
      <c r="AO7448">
        <v>29470.474979999999</v>
      </c>
      <c r="AP7448">
        <v>19095.17656</v>
      </c>
    </row>
    <row r="7449" spans="2:42" x14ac:dyDescent="0.3">
      <c r="B7449">
        <v>64.102554882149391</v>
      </c>
      <c r="C7449" s="83">
        <v>43411.291666666664</v>
      </c>
      <c r="D7449">
        <v>286288.8161</v>
      </c>
      <c r="E7449">
        <v>26599.026419999998</v>
      </c>
      <c r="F7449">
        <v>83314.902189999993</v>
      </c>
      <c r="G7449">
        <v>66770.599130000002</v>
      </c>
      <c r="H7449">
        <v>48466.210200000001</v>
      </c>
      <c r="I7449">
        <v>42299.528830000003</v>
      </c>
      <c r="J7449">
        <v>34319.509250000003</v>
      </c>
      <c r="K7449">
        <v>56756.044110000003</v>
      </c>
      <c r="L7449">
        <v>21221.753540000002</v>
      </c>
      <c r="M7449">
        <v>326824.71850000002</v>
      </c>
      <c r="N7449">
        <v>80575.123399999997</v>
      </c>
      <c r="O7449">
        <v>24100.729780000001</v>
      </c>
      <c r="P7449">
        <v>30739.475630000001</v>
      </c>
      <c r="Q7449">
        <v>99573.723480000001</v>
      </c>
      <c r="R7449">
        <v>22111.51928</v>
      </c>
      <c r="S7449">
        <v>102143.2129</v>
      </c>
      <c r="T7449">
        <v>31416.4902</v>
      </c>
      <c r="U7449">
        <v>24485.189679999999</v>
      </c>
      <c r="W7449" s="83">
        <f>Bühler!N7481</f>
        <v>45602.291666648605</v>
      </c>
      <c r="X7449" s="83">
        <v>43411.291666666664</v>
      </c>
      <c r="Y7449">
        <v>286288.8161</v>
      </c>
      <c r="Z7449">
        <v>26599.026419999998</v>
      </c>
      <c r="AA7449">
        <v>83314.902189999993</v>
      </c>
      <c r="AB7449">
        <v>66770.599130000002</v>
      </c>
      <c r="AC7449">
        <v>48466.210200000001</v>
      </c>
      <c r="AD7449">
        <v>42299.528830000003</v>
      </c>
      <c r="AE7449">
        <v>34319.509250000003</v>
      </c>
      <c r="AF7449">
        <v>56756.044110000003</v>
      </c>
      <c r="AG7449">
        <v>21221.753540000002</v>
      </c>
      <c r="AH7449">
        <v>326824.71850000002</v>
      </c>
      <c r="AI7449">
        <v>80575.123399999997</v>
      </c>
      <c r="AJ7449">
        <v>24100.729780000001</v>
      </c>
      <c r="AK7449">
        <v>30739.475630000001</v>
      </c>
      <c r="AL7449">
        <v>99573.723480000001</v>
      </c>
      <c r="AM7449">
        <v>22111.51928</v>
      </c>
      <c r="AN7449">
        <v>102143.2129</v>
      </c>
      <c r="AO7449">
        <v>31416.4902</v>
      </c>
      <c r="AP7449">
        <v>24485.189679999999</v>
      </c>
    </row>
    <row r="7450" spans="2:42" x14ac:dyDescent="0.3">
      <c r="B7450">
        <v>64.098977767233492</v>
      </c>
      <c r="C7450" s="83">
        <v>43411.333333333336</v>
      </c>
      <c r="D7450">
        <v>296907.08559999999</v>
      </c>
      <c r="E7450">
        <v>32242.3328</v>
      </c>
      <c r="F7450">
        <v>90989.046499999997</v>
      </c>
      <c r="G7450">
        <v>83675.625589999996</v>
      </c>
      <c r="H7450">
        <v>53614.602160000002</v>
      </c>
      <c r="I7450">
        <v>45078.724240000003</v>
      </c>
      <c r="J7450">
        <v>33927.8318</v>
      </c>
      <c r="K7450">
        <v>62271.632700000002</v>
      </c>
      <c r="L7450">
        <v>24513.196540000001</v>
      </c>
      <c r="M7450">
        <v>326806.48070000001</v>
      </c>
      <c r="N7450">
        <v>87353.325849999994</v>
      </c>
      <c r="O7450">
        <v>25725.926289999999</v>
      </c>
      <c r="P7450">
        <v>31900.331750000001</v>
      </c>
      <c r="Q7450">
        <v>100363.5929</v>
      </c>
      <c r="R7450">
        <v>23376.514589999999</v>
      </c>
      <c r="S7450">
        <v>115728.1725</v>
      </c>
      <c r="T7450">
        <v>34685.9548</v>
      </c>
      <c r="U7450">
        <v>27180.666560000001</v>
      </c>
      <c r="W7450" s="83">
        <f>Bühler!N7482</f>
        <v>45602.33333331527</v>
      </c>
      <c r="X7450" s="83">
        <v>43411.333333333336</v>
      </c>
      <c r="Y7450">
        <v>296907.08559999999</v>
      </c>
      <c r="Z7450">
        <v>32242.3328</v>
      </c>
      <c r="AA7450">
        <v>90989.046499999997</v>
      </c>
      <c r="AB7450">
        <v>83675.625589999996</v>
      </c>
      <c r="AC7450">
        <v>53614.602160000002</v>
      </c>
      <c r="AD7450">
        <v>45078.724240000003</v>
      </c>
      <c r="AE7450">
        <v>33927.8318</v>
      </c>
      <c r="AF7450">
        <v>62271.632700000002</v>
      </c>
      <c r="AG7450">
        <v>24513.196540000001</v>
      </c>
      <c r="AH7450">
        <v>326806.48070000001</v>
      </c>
      <c r="AI7450">
        <v>87353.325849999994</v>
      </c>
      <c r="AJ7450">
        <v>25725.926289999999</v>
      </c>
      <c r="AK7450">
        <v>31900.331750000001</v>
      </c>
      <c r="AL7450">
        <v>100363.5929</v>
      </c>
      <c r="AM7450">
        <v>23376.514589999999</v>
      </c>
      <c r="AN7450">
        <v>115728.1725</v>
      </c>
      <c r="AO7450">
        <v>34685.9548</v>
      </c>
      <c r="AP7450">
        <v>27180.666560000001</v>
      </c>
    </row>
    <row r="7451" spans="2:42" x14ac:dyDescent="0.3">
      <c r="B7451">
        <v>64.643251694701576</v>
      </c>
      <c r="C7451" s="83">
        <v>43411.375</v>
      </c>
      <c r="D7451">
        <v>297281.48</v>
      </c>
      <c r="E7451">
        <v>36224.630550000002</v>
      </c>
      <c r="F7451">
        <v>97925.363070000007</v>
      </c>
      <c r="G7451">
        <v>91107.180500000002</v>
      </c>
      <c r="H7451">
        <v>55866.15264</v>
      </c>
      <c r="I7451">
        <v>43487.14791</v>
      </c>
      <c r="J7451">
        <v>34575.405449999998</v>
      </c>
      <c r="K7451">
        <v>64624.38809</v>
      </c>
      <c r="L7451">
        <v>27563.25894</v>
      </c>
      <c r="M7451">
        <v>329581.44300000003</v>
      </c>
      <c r="N7451">
        <v>89356.460940000004</v>
      </c>
      <c r="O7451">
        <v>26442.937440000002</v>
      </c>
      <c r="P7451">
        <v>32869.886160000002</v>
      </c>
      <c r="Q7451">
        <v>100209.4495</v>
      </c>
      <c r="R7451">
        <v>24190.515619999998</v>
      </c>
      <c r="S7451">
        <v>122652.8585</v>
      </c>
      <c r="T7451">
        <v>37050.267650000002</v>
      </c>
      <c r="U7451">
        <v>27643.513139999999</v>
      </c>
      <c r="W7451" s="83">
        <f>Bühler!N7483</f>
        <v>45602.374999981934</v>
      </c>
      <c r="X7451" s="83">
        <v>43411.375</v>
      </c>
      <c r="Y7451">
        <v>297281.48</v>
      </c>
      <c r="Z7451">
        <v>36224.630550000002</v>
      </c>
      <c r="AA7451">
        <v>97925.363070000007</v>
      </c>
      <c r="AB7451">
        <v>91107.180500000002</v>
      </c>
      <c r="AC7451">
        <v>55866.15264</v>
      </c>
      <c r="AD7451">
        <v>43487.14791</v>
      </c>
      <c r="AE7451">
        <v>34575.405449999998</v>
      </c>
      <c r="AF7451">
        <v>64624.38809</v>
      </c>
      <c r="AG7451">
        <v>27563.25894</v>
      </c>
      <c r="AH7451">
        <v>329581.44300000003</v>
      </c>
      <c r="AI7451">
        <v>89356.460940000004</v>
      </c>
      <c r="AJ7451">
        <v>26442.937440000002</v>
      </c>
      <c r="AK7451">
        <v>32869.886160000002</v>
      </c>
      <c r="AL7451">
        <v>100209.4495</v>
      </c>
      <c r="AM7451">
        <v>24190.515619999998</v>
      </c>
      <c r="AN7451">
        <v>122652.8585</v>
      </c>
      <c r="AO7451">
        <v>37050.267650000002</v>
      </c>
      <c r="AP7451">
        <v>27643.513139999999</v>
      </c>
    </row>
    <row r="7452" spans="2:42" x14ac:dyDescent="0.3">
      <c r="B7452">
        <v>65.139474427247762</v>
      </c>
      <c r="C7452" s="83">
        <v>43411.416666666664</v>
      </c>
      <c r="D7452">
        <v>298976.4509</v>
      </c>
      <c r="E7452">
        <v>37667.676480000002</v>
      </c>
      <c r="F7452">
        <v>99189.265809999997</v>
      </c>
      <c r="G7452">
        <v>92222.413520000002</v>
      </c>
      <c r="H7452">
        <v>56198.148869999997</v>
      </c>
      <c r="I7452">
        <v>40763.963669999997</v>
      </c>
      <c r="J7452">
        <v>34356.95192</v>
      </c>
      <c r="K7452">
        <v>65314.745940000001</v>
      </c>
      <c r="L7452">
        <v>29086.28487</v>
      </c>
      <c r="M7452">
        <v>332111.4179</v>
      </c>
      <c r="N7452">
        <v>90143.030289999995</v>
      </c>
      <c r="O7452">
        <v>27130.471290000001</v>
      </c>
      <c r="P7452">
        <v>34009.328119999998</v>
      </c>
      <c r="Q7452">
        <v>101355.0347</v>
      </c>
      <c r="R7452">
        <v>24362.696639999998</v>
      </c>
      <c r="S7452">
        <v>123626.73910000001</v>
      </c>
      <c r="T7452">
        <v>38411.596590000001</v>
      </c>
      <c r="U7452">
        <v>27635.82273</v>
      </c>
      <c r="W7452" s="83">
        <f>Bühler!N7484</f>
        <v>45602.416666648598</v>
      </c>
      <c r="X7452" s="83">
        <v>43411.416666666664</v>
      </c>
      <c r="Y7452">
        <v>298976.4509</v>
      </c>
      <c r="Z7452">
        <v>37667.676480000002</v>
      </c>
      <c r="AA7452">
        <v>99189.265809999997</v>
      </c>
      <c r="AB7452">
        <v>92222.413520000002</v>
      </c>
      <c r="AC7452">
        <v>56198.148869999997</v>
      </c>
      <c r="AD7452">
        <v>40763.963669999997</v>
      </c>
      <c r="AE7452">
        <v>34356.95192</v>
      </c>
      <c r="AF7452">
        <v>65314.745940000001</v>
      </c>
      <c r="AG7452">
        <v>29086.28487</v>
      </c>
      <c r="AH7452">
        <v>332111.4179</v>
      </c>
      <c r="AI7452">
        <v>90143.030289999995</v>
      </c>
      <c r="AJ7452">
        <v>27130.471290000001</v>
      </c>
      <c r="AK7452">
        <v>34009.328119999998</v>
      </c>
      <c r="AL7452">
        <v>101355.0347</v>
      </c>
      <c r="AM7452">
        <v>24362.696639999998</v>
      </c>
      <c r="AN7452">
        <v>123626.73910000001</v>
      </c>
      <c r="AO7452">
        <v>38411.596590000001</v>
      </c>
      <c r="AP7452">
        <v>27635.82273</v>
      </c>
    </row>
    <row r="7453" spans="2:42" x14ac:dyDescent="0.3">
      <c r="B7453">
        <v>65.394075088101033</v>
      </c>
      <c r="C7453" s="83">
        <v>43411.458333333336</v>
      </c>
      <c r="D7453">
        <v>299254.04859999998</v>
      </c>
      <c r="E7453">
        <v>37143.597529999999</v>
      </c>
      <c r="F7453">
        <v>98249.909759999995</v>
      </c>
      <c r="G7453">
        <v>89855.730660000001</v>
      </c>
      <c r="H7453">
        <v>55809.54509</v>
      </c>
      <c r="I7453">
        <v>40093.722110000002</v>
      </c>
      <c r="J7453">
        <v>34570.042229999999</v>
      </c>
      <c r="K7453">
        <v>66260.898889999997</v>
      </c>
      <c r="L7453">
        <v>30743.725160000002</v>
      </c>
      <c r="M7453">
        <v>333409.49080000003</v>
      </c>
      <c r="N7453">
        <v>91119.635370000004</v>
      </c>
      <c r="O7453">
        <v>26185.133430000002</v>
      </c>
      <c r="P7453">
        <v>33509.084799999997</v>
      </c>
      <c r="Q7453">
        <v>101631.4418</v>
      </c>
      <c r="R7453">
        <v>24328.675640000001</v>
      </c>
      <c r="S7453">
        <v>124623.10030000001</v>
      </c>
      <c r="T7453">
        <v>37441.699159999996</v>
      </c>
      <c r="U7453">
        <v>26652.378049999999</v>
      </c>
      <c r="W7453" s="83">
        <f>Bühler!N7485</f>
        <v>45602.458333315262</v>
      </c>
      <c r="X7453" s="83">
        <v>43411.458333333336</v>
      </c>
      <c r="Y7453">
        <v>299254.04859999998</v>
      </c>
      <c r="Z7453">
        <v>37143.597529999999</v>
      </c>
      <c r="AA7453">
        <v>98249.909759999995</v>
      </c>
      <c r="AB7453">
        <v>89855.730660000001</v>
      </c>
      <c r="AC7453">
        <v>55809.54509</v>
      </c>
      <c r="AD7453">
        <v>40093.722110000002</v>
      </c>
      <c r="AE7453">
        <v>34570.042229999999</v>
      </c>
      <c r="AF7453">
        <v>66260.898889999997</v>
      </c>
      <c r="AG7453">
        <v>30743.725160000002</v>
      </c>
      <c r="AH7453">
        <v>333409.49080000003</v>
      </c>
      <c r="AI7453">
        <v>91119.635370000004</v>
      </c>
      <c r="AJ7453">
        <v>26185.133430000002</v>
      </c>
      <c r="AK7453">
        <v>33509.084799999997</v>
      </c>
      <c r="AL7453">
        <v>101631.4418</v>
      </c>
      <c r="AM7453">
        <v>24328.675640000001</v>
      </c>
      <c r="AN7453">
        <v>124623.10030000001</v>
      </c>
      <c r="AO7453">
        <v>37441.699159999996</v>
      </c>
      <c r="AP7453">
        <v>26652.378049999999</v>
      </c>
    </row>
    <row r="7454" spans="2:42" x14ac:dyDescent="0.3">
      <c r="B7454">
        <v>64.316237179320765</v>
      </c>
      <c r="C7454" s="83">
        <v>43411.5</v>
      </c>
      <c r="D7454">
        <v>285975.62729999999</v>
      </c>
      <c r="E7454">
        <v>33163.514600000002</v>
      </c>
      <c r="F7454">
        <v>92582.601370000004</v>
      </c>
      <c r="G7454">
        <v>82732.259380000003</v>
      </c>
      <c r="H7454">
        <v>52117.414149999997</v>
      </c>
      <c r="I7454">
        <v>38879.002110000001</v>
      </c>
      <c r="J7454">
        <v>33903.086040000002</v>
      </c>
      <c r="K7454">
        <v>59600.057280000001</v>
      </c>
      <c r="L7454">
        <v>32401.8387</v>
      </c>
      <c r="M7454">
        <v>327914.17050000001</v>
      </c>
      <c r="N7454">
        <v>87760.322709999993</v>
      </c>
      <c r="O7454">
        <v>25364.741730000002</v>
      </c>
      <c r="P7454">
        <v>33900.56336</v>
      </c>
      <c r="Q7454">
        <v>100639.91220000001</v>
      </c>
      <c r="R7454">
        <v>25539.880369999999</v>
      </c>
      <c r="S7454">
        <v>117197.5064</v>
      </c>
      <c r="T7454">
        <v>36376.650889999997</v>
      </c>
      <c r="U7454">
        <v>21804.71111</v>
      </c>
      <c r="W7454" s="83">
        <f>Bühler!N7486</f>
        <v>45602.499999981927</v>
      </c>
      <c r="X7454" s="83">
        <v>43411.5</v>
      </c>
      <c r="Y7454">
        <v>285975.62729999999</v>
      </c>
      <c r="Z7454">
        <v>33163.514600000002</v>
      </c>
      <c r="AA7454">
        <v>92582.601370000004</v>
      </c>
      <c r="AB7454">
        <v>82732.259380000003</v>
      </c>
      <c r="AC7454">
        <v>52117.414149999997</v>
      </c>
      <c r="AD7454">
        <v>38879.002110000001</v>
      </c>
      <c r="AE7454">
        <v>33903.086040000002</v>
      </c>
      <c r="AF7454">
        <v>59600.057280000001</v>
      </c>
      <c r="AG7454">
        <v>32401.8387</v>
      </c>
      <c r="AH7454">
        <v>327914.17050000001</v>
      </c>
      <c r="AI7454">
        <v>87760.322709999993</v>
      </c>
      <c r="AJ7454">
        <v>25364.741730000002</v>
      </c>
      <c r="AK7454">
        <v>33900.56336</v>
      </c>
      <c r="AL7454">
        <v>100639.91220000001</v>
      </c>
      <c r="AM7454">
        <v>25539.880369999999</v>
      </c>
      <c r="AN7454">
        <v>117197.5064</v>
      </c>
      <c r="AO7454">
        <v>36376.650889999997</v>
      </c>
      <c r="AP7454">
        <v>21804.71111</v>
      </c>
    </row>
    <row r="7455" spans="2:42" x14ac:dyDescent="0.3">
      <c r="B7455">
        <v>63.9101168754637</v>
      </c>
      <c r="C7455" s="83">
        <v>43411.541666666664</v>
      </c>
      <c r="D7455">
        <v>288175.35849999997</v>
      </c>
      <c r="E7455">
        <v>33370.833509999997</v>
      </c>
      <c r="F7455">
        <v>89578.66833</v>
      </c>
      <c r="G7455">
        <v>76564.583329999994</v>
      </c>
      <c r="H7455">
        <v>53152.967120000001</v>
      </c>
      <c r="I7455">
        <v>38179.964979999997</v>
      </c>
      <c r="J7455">
        <v>33071.874519999998</v>
      </c>
      <c r="K7455">
        <v>62262.462740000003</v>
      </c>
      <c r="L7455">
        <v>30680.830829999999</v>
      </c>
      <c r="M7455">
        <v>325843.57980000001</v>
      </c>
      <c r="N7455">
        <v>88526.805800000002</v>
      </c>
      <c r="O7455">
        <v>25330.882519999999</v>
      </c>
      <c r="P7455">
        <v>33540.926050000002</v>
      </c>
      <c r="Q7455">
        <v>99811.684699999998</v>
      </c>
      <c r="R7455">
        <v>26697.872149999999</v>
      </c>
      <c r="S7455">
        <v>117712.39200000001</v>
      </c>
      <c r="T7455">
        <v>36196.997580000003</v>
      </c>
      <c r="U7455">
        <v>23926.630069999999</v>
      </c>
      <c r="W7455" s="83">
        <f>Bühler!N7487</f>
        <v>45602.541666648591</v>
      </c>
      <c r="X7455" s="83">
        <v>43411.541666666664</v>
      </c>
      <c r="Y7455">
        <v>288175.35849999997</v>
      </c>
      <c r="Z7455">
        <v>33370.833509999997</v>
      </c>
      <c r="AA7455">
        <v>89578.66833</v>
      </c>
      <c r="AB7455">
        <v>76564.583329999994</v>
      </c>
      <c r="AC7455">
        <v>53152.967120000001</v>
      </c>
      <c r="AD7455">
        <v>38179.964979999997</v>
      </c>
      <c r="AE7455">
        <v>33071.874519999998</v>
      </c>
      <c r="AF7455">
        <v>62262.462740000003</v>
      </c>
      <c r="AG7455">
        <v>30680.830829999999</v>
      </c>
      <c r="AH7455">
        <v>325843.57980000001</v>
      </c>
      <c r="AI7455">
        <v>88526.805800000002</v>
      </c>
      <c r="AJ7455">
        <v>25330.882519999999</v>
      </c>
      <c r="AK7455">
        <v>33540.926050000002</v>
      </c>
      <c r="AL7455">
        <v>99811.684699999998</v>
      </c>
      <c r="AM7455">
        <v>26697.872149999999</v>
      </c>
      <c r="AN7455">
        <v>117712.39200000001</v>
      </c>
      <c r="AO7455">
        <v>36196.997580000003</v>
      </c>
      <c r="AP7455">
        <v>23926.630069999999</v>
      </c>
    </row>
    <row r="7456" spans="2:42" x14ac:dyDescent="0.3">
      <c r="B7456">
        <v>64.936062767654022</v>
      </c>
      <c r="C7456" s="83">
        <v>43411.583333333336</v>
      </c>
      <c r="D7456">
        <v>293215.88299999997</v>
      </c>
      <c r="E7456">
        <v>35880.611120000001</v>
      </c>
      <c r="F7456">
        <v>96152.405889999995</v>
      </c>
      <c r="G7456">
        <v>73592.794160000005</v>
      </c>
      <c r="H7456">
        <v>52840.511200000001</v>
      </c>
      <c r="I7456">
        <v>38880.245309999998</v>
      </c>
      <c r="J7456">
        <v>32591.657380000001</v>
      </c>
      <c r="K7456">
        <v>64660.253129999997</v>
      </c>
      <c r="L7456">
        <v>27445.86448</v>
      </c>
      <c r="M7456">
        <v>331074.33039999998</v>
      </c>
      <c r="N7456">
        <v>91092.600569999995</v>
      </c>
      <c r="O7456">
        <v>25415.265749999999</v>
      </c>
      <c r="P7456">
        <v>31133.249980000001</v>
      </c>
      <c r="Q7456">
        <v>99763.407439999995</v>
      </c>
      <c r="R7456">
        <v>25291.912250000001</v>
      </c>
      <c r="S7456">
        <v>111544.6431</v>
      </c>
      <c r="T7456">
        <v>35081.433149999997</v>
      </c>
      <c r="U7456">
        <v>24720.140589999999</v>
      </c>
      <c r="W7456" s="83">
        <f>Bühler!N7488</f>
        <v>45602.583333315255</v>
      </c>
      <c r="X7456" s="83">
        <v>43411.583333333336</v>
      </c>
      <c r="Y7456">
        <v>293215.88299999997</v>
      </c>
      <c r="Z7456">
        <v>35880.611120000001</v>
      </c>
      <c r="AA7456">
        <v>96152.405889999995</v>
      </c>
      <c r="AB7456">
        <v>73592.794160000005</v>
      </c>
      <c r="AC7456">
        <v>52840.511200000001</v>
      </c>
      <c r="AD7456">
        <v>38880.245309999998</v>
      </c>
      <c r="AE7456">
        <v>32591.657380000001</v>
      </c>
      <c r="AF7456">
        <v>64660.253129999997</v>
      </c>
      <c r="AG7456">
        <v>27445.86448</v>
      </c>
      <c r="AH7456">
        <v>331074.33039999998</v>
      </c>
      <c r="AI7456">
        <v>91092.600569999995</v>
      </c>
      <c r="AJ7456">
        <v>25415.265749999999</v>
      </c>
      <c r="AK7456">
        <v>31133.249980000001</v>
      </c>
      <c r="AL7456">
        <v>99763.407439999995</v>
      </c>
      <c r="AM7456">
        <v>25291.912250000001</v>
      </c>
      <c r="AN7456">
        <v>111544.6431</v>
      </c>
      <c r="AO7456">
        <v>35081.433149999997</v>
      </c>
      <c r="AP7456">
        <v>24720.140589999999</v>
      </c>
    </row>
    <row r="7457" spans="2:42" x14ac:dyDescent="0.3">
      <c r="B7457">
        <v>63.597131755434852</v>
      </c>
      <c r="C7457" s="83">
        <v>43411.625</v>
      </c>
      <c r="D7457">
        <v>291621.38059999997</v>
      </c>
      <c r="E7457">
        <v>35667.646000000001</v>
      </c>
      <c r="F7457">
        <v>96875.741330000004</v>
      </c>
      <c r="G7457">
        <v>72173.959919999994</v>
      </c>
      <c r="H7457">
        <v>51905.329700000002</v>
      </c>
      <c r="I7457">
        <v>39523.254280000001</v>
      </c>
      <c r="J7457">
        <v>32264.142319999999</v>
      </c>
      <c r="K7457">
        <v>62982.644919999999</v>
      </c>
      <c r="L7457">
        <v>24623.050149999999</v>
      </c>
      <c r="M7457">
        <v>324247.8357</v>
      </c>
      <c r="N7457">
        <v>90018.425799999997</v>
      </c>
      <c r="O7457">
        <v>25357.023239999999</v>
      </c>
      <c r="P7457">
        <v>28882.534210000002</v>
      </c>
      <c r="Q7457">
        <v>99274.633390000003</v>
      </c>
      <c r="R7457">
        <v>24484.330900000001</v>
      </c>
      <c r="S7457">
        <v>110840.20480000001</v>
      </c>
      <c r="T7457">
        <v>35378.430679999998</v>
      </c>
      <c r="U7457">
        <v>23802.652480000001</v>
      </c>
      <c r="W7457" s="83">
        <f>Bühler!N7489</f>
        <v>45602.624999981919</v>
      </c>
      <c r="X7457" s="83">
        <v>43411.625</v>
      </c>
      <c r="Y7457">
        <v>291621.38059999997</v>
      </c>
      <c r="Z7457">
        <v>35667.646000000001</v>
      </c>
      <c r="AA7457">
        <v>96875.741330000004</v>
      </c>
      <c r="AB7457">
        <v>72173.959919999994</v>
      </c>
      <c r="AC7457">
        <v>51905.329700000002</v>
      </c>
      <c r="AD7457">
        <v>39523.254280000001</v>
      </c>
      <c r="AE7457">
        <v>32264.142319999999</v>
      </c>
      <c r="AF7457">
        <v>62982.644919999999</v>
      </c>
      <c r="AG7457">
        <v>24623.050149999999</v>
      </c>
      <c r="AH7457">
        <v>324247.8357</v>
      </c>
      <c r="AI7457">
        <v>90018.425799999997</v>
      </c>
      <c r="AJ7457">
        <v>25357.023239999999</v>
      </c>
      <c r="AK7457">
        <v>28882.534210000002</v>
      </c>
      <c r="AL7457">
        <v>99274.633390000003</v>
      </c>
      <c r="AM7457">
        <v>24484.330900000001</v>
      </c>
      <c r="AN7457">
        <v>110840.20480000001</v>
      </c>
      <c r="AO7457">
        <v>35378.430679999998</v>
      </c>
      <c r="AP7457">
        <v>23802.652480000001</v>
      </c>
    </row>
    <row r="7458" spans="2:42" x14ac:dyDescent="0.3">
      <c r="B7458">
        <v>62.5416019864699</v>
      </c>
      <c r="C7458" s="83">
        <v>43411.666666666664</v>
      </c>
      <c r="D7458">
        <v>286215.7328</v>
      </c>
      <c r="E7458">
        <v>35243.452929999999</v>
      </c>
      <c r="F7458">
        <v>96874.152679999999</v>
      </c>
      <c r="G7458">
        <v>69390.697440000004</v>
      </c>
      <c r="H7458">
        <v>50638.756179999997</v>
      </c>
      <c r="I7458">
        <v>40015.276530000003</v>
      </c>
      <c r="J7458">
        <v>32187.619729999999</v>
      </c>
      <c r="K7458">
        <v>60270.101790000001</v>
      </c>
      <c r="L7458">
        <v>24098.267329999999</v>
      </c>
      <c r="M7458">
        <v>318866.25270000001</v>
      </c>
      <c r="N7458">
        <v>87406.819839999996</v>
      </c>
      <c r="O7458">
        <v>24959.98991</v>
      </c>
      <c r="P7458">
        <v>28628.786339999999</v>
      </c>
      <c r="Q7458">
        <v>98068.803610000003</v>
      </c>
      <c r="R7458">
        <v>24566.541519999999</v>
      </c>
      <c r="S7458">
        <v>109499.1189</v>
      </c>
      <c r="T7458">
        <v>35331.727930000001</v>
      </c>
      <c r="U7458">
        <v>21952.623930000002</v>
      </c>
      <c r="W7458" s="83">
        <f>Bühler!N7490</f>
        <v>45602.666666648583</v>
      </c>
      <c r="X7458" s="83">
        <v>43411.666666666664</v>
      </c>
      <c r="Y7458">
        <v>286215.7328</v>
      </c>
      <c r="Z7458">
        <v>35243.452929999999</v>
      </c>
      <c r="AA7458">
        <v>96874.152679999999</v>
      </c>
      <c r="AB7458">
        <v>69390.697440000004</v>
      </c>
      <c r="AC7458">
        <v>50638.756179999997</v>
      </c>
      <c r="AD7458">
        <v>40015.276530000003</v>
      </c>
      <c r="AE7458">
        <v>32187.619729999999</v>
      </c>
      <c r="AF7458">
        <v>60270.101790000001</v>
      </c>
      <c r="AG7458">
        <v>24098.267329999999</v>
      </c>
      <c r="AH7458">
        <v>318866.25270000001</v>
      </c>
      <c r="AI7458">
        <v>87406.819839999996</v>
      </c>
      <c r="AJ7458">
        <v>24959.98991</v>
      </c>
      <c r="AK7458">
        <v>28628.786339999999</v>
      </c>
      <c r="AL7458">
        <v>98068.803610000003</v>
      </c>
      <c r="AM7458">
        <v>24566.541519999999</v>
      </c>
      <c r="AN7458">
        <v>109499.1189</v>
      </c>
      <c r="AO7458">
        <v>35331.727930000001</v>
      </c>
      <c r="AP7458">
        <v>21952.623930000002</v>
      </c>
    </row>
    <row r="7459" spans="2:42" x14ac:dyDescent="0.3">
      <c r="B7459">
        <v>61.483636504651876</v>
      </c>
      <c r="C7459" s="83">
        <v>43411.708333333336</v>
      </c>
      <c r="D7459">
        <v>277051.08909999998</v>
      </c>
      <c r="E7459">
        <v>33794.355360000001</v>
      </c>
      <c r="F7459">
        <v>98651.930720000004</v>
      </c>
      <c r="G7459">
        <v>66863.133260000002</v>
      </c>
      <c r="H7459">
        <v>50316.360809999998</v>
      </c>
      <c r="I7459">
        <v>39712.747000000003</v>
      </c>
      <c r="J7459">
        <v>34016.198060000002</v>
      </c>
      <c r="K7459">
        <v>55353.954279999998</v>
      </c>
      <c r="L7459">
        <v>25305.70997</v>
      </c>
      <c r="M7459">
        <v>313472.2513</v>
      </c>
      <c r="N7459">
        <v>85723.991580000002</v>
      </c>
      <c r="O7459">
        <v>24103.053899999999</v>
      </c>
      <c r="P7459">
        <v>30480.756870000001</v>
      </c>
      <c r="Q7459">
        <v>97333.551189999998</v>
      </c>
      <c r="R7459">
        <v>24246.27363</v>
      </c>
      <c r="S7459">
        <v>109110.2853</v>
      </c>
      <c r="T7459">
        <v>36305.216009999996</v>
      </c>
      <c r="U7459">
        <v>19528.47912</v>
      </c>
      <c r="W7459" s="83">
        <f>Bühler!N7491</f>
        <v>45602.708333315248</v>
      </c>
      <c r="X7459" s="83">
        <v>43411.708333333336</v>
      </c>
      <c r="Y7459">
        <v>277051.08909999998</v>
      </c>
      <c r="Z7459">
        <v>33794.355360000001</v>
      </c>
      <c r="AA7459">
        <v>98651.930720000004</v>
      </c>
      <c r="AB7459">
        <v>66863.133260000002</v>
      </c>
      <c r="AC7459">
        <v>50316.360809999998</v>
      </c>
      <c r="AD7459">
        <v>39712.747000000003</v>
      </c>
      <c r="AE7459">
        <v>34016.198060000002</v>
      </c>
      <c r="AF7459">
        <v>55353.954279999998</v>
      </c>
      <c r="AG7459">
        <v>25305.70997</v>
      </c>
      <c r="AH7459">
        <v>313472.2513</v>
      </c>
      <c r="AI7459">
        <v>85723.991580000002</v>
      </c>
      <c r="AJ7459">
        <v>24103.053899999999</v>
      </c>
      <c r="AK7459">
        <v>30480.756870000001</v>
      </c>
      <c r="AL7459">
        <v>97333.551189999998</v>
      </c>
      <c r="AM7459">
        <v>24246.27363</v>
      </c>
      <c r="AN7459">
        <v>109110.2853</v>
      </c>
      <c r="AO7459">
        <v>36305.216009999996</v>
      </c>
      <c r="AP7459">
        <v>19528.47912</v>
      </c>
    </row>
    <row r="7460" spans="2:42" x14ac:dyDescent="0.3">
      <c r="B7460">
        <v>60.918155768557789</v>
      </c>
      <c r="C7460" s="83">
        <v>43411.75</v>
      </c>
      <c r="D7460">
        <v>272276.44280000002</v>
      </c>
      <c r="E7460">
        <v>31069.615860000002</v>
      </c>
      <c r="F7460">
        <v>97001.535910000006</v>
      </c>
      <c r="G7460">
        <v>61137.726730000002</v>
      </c>
      <c r="H7460">
        <v>49234.711710000003</v>
      </c>
      <c r="I7460">
        <v>38628.16588</v>
      </c>
      <c r="J7460">
        <v>34998.048519999997</v>
      </c>
      <c r="K7460">
        <v>54654.742579999998</v>
      </c>
      <c r="L7460">
        <v>27710.730879999999</v>
      </c>
      <c r="M7460">
        <v>310589.16680000001</v>
      </c>
      <c r="N7460">
        <v>84405.64</v>
      </c>
      <c r="O7460">
        <v>22971.332200000001</v>
      </c>
      <c r="P7460">
        <v>34581.919950000003</v>
      </c>
      <c r="Q7460">
        <v>95284.579819999999</v>
      </c>
      <c r="R7460">
        <v>23822.32026</v>
      </c>
      <c r="S7460">
        <v>105413.36990000001</v>
      </c>
      <c r="T7460">
        <v>37920.385699999999</v>
      </c>
      <c r="U7460">
        <v>18221.672289999999</v>
      </c>
      <c r="W7460" s="83">
        <f>Bühler!N7492</f>
        <v>45602.749999981912</v>
      </c>
      <c r="X7460" s="83">
        <v>43411.75</v>
      </c>
      <c r="Y7460">
        <v>272276.44280000002</v>
      </c>
      <c r="Z7460">
        <v>31069.615860000002</v>
      </c>
      <c r="AA7460">
        <v>97001.535910000006</v>
      </c>
      <c r="AB7460">
        <v>61137.726730000002</v>
      </c>
      <c r="AC7460">
        <v>49234.711710000003</v>
      </c>
      <c r="AD7460">
        <v>38628.16588</v>
      </c>
      <c r="AE7460">
        <v>34998.048519999997</v>
      </c>
      <c r="AF7460">
        <v>54654.742579999998</v>
      </c>
      <c r="AG7460">
        <v>27710.730879999999</v>
      </c>
      <c r="AH7460">
        <v>310589.16680000001</v>
      </c>
      <c r="AI7460">
        <v>84405.64</v>
      </c>
      <c r="AJ7460">
        <v>22971.332200000001</v>
      </c>
      <c r="AK7460">
        <v>34581.919950000003</v>
      </c>
      <c r="AL7460">
        <v>95284.579819999999</v>
      </c>
      <c r="AM7460">
        <v>23822.32026</v>
      </c>
      <c r="AN7460">
        <v>105413.36990000001</v>
      </c>
      <c r="AO7460">
        <v>37920.385699999999</v>
      </c>
      <c r="AP7460">
        <v>18221.672289999999</v>
      </c>
    </row>
    <row r="7461" spans="2:42" x14ac:dyDescent="0.3">
      <c r="B7461">
        <v>59.980235700193496</v>
      </c>
      <c r="C7461" s="83">
        <v>43411.791666666664</v>
      </c>
      <c r="D7461">
        <v>265685.02679999999</v>
      </c>
      <c r="E7461">
        <v>25463.32461</v>
      </c>
      <c r="F7461">
        <v>83405.070999999996</v>
      </c>
      <c r="G7461">
        <v>54825.419540000003</v>
      </c>
      <c r="H7461">
        <v>46566.100120000003</v>
      </c>
      <c r="I7461">
        <v>35270.686430000002</v>
      </c>
      <c r="J7461">
        <v>34212.054369999998</v>
      </c>
      <c r="K7461">
        <v>53758.269189999999</v>
      </c>
      <c r="L7461">
        <v>28934.373609999999</v>
      </c>
      <c r="M7461">
        <v>305807.21289999998</v>
      </c>
      <c r="N7461">
        <v>81273.730129999996</v>
      </c>
      <c r="O7461">
        <v>21887.963319999999</v>
      </c>
      <c r="P7461">
        <v>36630.056060000003</v>
      </c>
      <c r="Q7461">
        <v>92919.072700000004</v>
      </c>
      <c r="R7461">
        <v>23326.82429</v>
      </c>
      <c r="S7461">
        <v>99126.918900000004</v>
      </c>
      <c r="T7461">
        <v>37356.726139999999</v>
      </c>
      <c r="U7461">
        <v>16444.510969999999</v>
      </c>
      <c r="W7461" s="83">
        <f>Bühler!N7493</f>
        <v>45602.791666648576</v>
      </c>
      <c r="X7461" s="83">
        <v>43411.791666666664</v>
      </c>
      <c r="Y7461">
        <v>265685.02679999999</v>
      </c>
      <c r="Z7461">
        <v>25463.32461</v>
      </c>
      <c r="AA7461">
        <v>83405.070999999996</v>
      </c>
      <c r="AB7461">
        <v>54825.419540000003</v>
      </c>
      <c r="AC7461">
        <v>46566.100120000003</v>
      </c>
      <c r="AD7461">
        <v>35270.686430000002</v>
      </c>
      <c r="AE7461">
        <v>34212.054369999998</v>
      </c>
      <c r="AF7461">
        <v>53758.269189999999</v>
      </c>
      <c r="AG7461">
        <v>28934.373609999999</v>
      </c>
      <c r="AH7461">
        <v>305807.21289999998</v>
      </c>
      <c r="AI7461">
        <v>81273.730129999996</v>
      </c>
      <c r="AJ7461">
        <v>21887.963319999999</v>
      </c>
      <c r="AK7461">
        <v>36630.056060000003</v>
      </c>
      <c r="AL7461">
        <v>92919.072700000004</v>
      </c>
      <c r="AM7461">
        <v>23326.82429</v>
      </c>
      <c r="AN7461">
        <v>99126.918900000004</v>
      </c>
      <c r="AO7461">
        <v>37356.726139999999</v>
      </c>
      <c r="AP7461">
        <v>16444.510969999999</v>
      </c>
    </row>
    <row r="7462" spans="2:42" x14ac:dyDescent="0.3">
      <c r="B7462">
        <v>58.963542237427248</v>
      </c>
      <c r="C7462" s="83">
        <v>43411.833333333336</v>
      </c>
      <c r="D7462">
        <v>253692.49040000001</v>
      </c>
      <c r="E7462">
        <v>19137.066699999999</v>
      </c>
      <c r="F7462">
        <v>64665.59029</v>
      </c>
      <c r="G7462">
        <v>48150.006759999997</v>
      </c>
      <c r="H7462">
        <v>43160.951119999998</v>
      </c>
      <c r="I7462">
        <v>31095.06957</v>
      </c>
      <c r="J7462">
        <v>33157.872020000003</v>
      </c>
      <c r="K7462">
        <v>52422.740469999997</v>
      </c>
      <c r="L7462">
        <v>26340.848760000001</v>
      </c>
      <c r="M7462">
        <v>300623.63549999997</v>
      </c>
      <c r="N7462">
        <v>78079.764670000004</v>
      </c>
      <c r="O7462">
        <v>20555.65972</v>
      </c>
      <c r="P7462">
        <v>36609.074639999999</v>
      </c>
      <c r="Q7462">
        <v>89903.264219999997</v>
      </c>
      <c r="R7462">
        <v>20539.141039999999</v>
      </c>
      <c r="S7462">
        <v>88668.014890000006</v>
      </c>
      <c r="T7462">
        <v>34609.064870000002</v>
      </c>
      <c r="U7462">
        <v>14894.89328</v>
      </c>
      <c r="W7462" s="83">
        <f>Bühler!N7494</f>
        <v>45602.83333331524</v>
      </c>
      <c r="X7462" s="83">
        <v>43411.833333333336</v>
      </c>
      <c r="Y7462">
        <v>253692.49040000001</v>
      </c>
      <c r="Z7462">
        <v>19137.066699999999</v>
      </c>
      <c r="AA7462">
        <v>64665.59029</v>
      </c>
      <c r="AB7462">
        <v>48150.006759999997</v>
      </c>
      <c r="AC7462">
        <v>43160.951119999998</v>
      </c>
      <c r="AD7462">
        <v>31095.06957</v>
      </c>
      <c r="AE7462">
        <v>33157.872020000003</v>
      </c>
      <c r="AF7462">
        <v>52422.740469999997</v>
      </c>
      <c r="AG7462">
        <v>26340.848760000001</v>
      </c>
      <c r="AH7462">
        <v>300623.63549999997</v>
      </c>
      <c r="AI7462">
        <v>78079.764670000004</v>
      </c>
      <c r="AJ7462">
        <v>20555.65972</v>
      </c>
      <c r="AK7462">
        <v>36609.074639999999</v>
      </c>
      <c r="AL7462">
        <v>89903.264219999997</v>
      </c>
      <c r="AM7462">
        <v>20539.141039999999</v>
      </c>
      <c r="AN7462">
        <v>88668.014890000006</v>
      </c>
      <c r="AO7462">
        <v>34609.064870000002</v>
      </c>
      <c r="AP7462">
        <v>14894.89328</v>
      </c>
    </row>
    <row r="7463" spans="2:42" x14ac:dyDescent="0.3">
      <c r="B7463">
        <v>56.563736123319032</v>
      </c>
      <c r="C7463" s="83">
        <v>43411.875</v>
      </c>
      <c r="D7463">
        <v>244515.5766</v>
      </c>
      <c r="E7463">
        <v>16135.165919999999</v>
      </c>
      <c r="F7463">
        <v>56881.207320000001</v>
      </c>
      <c r="G7463">
        <v>44762.533009999999</v>
      </c>
      <c r="H7463">
        <v>40467.183499999999</v>
      </c>
      <c r="I7463">
        <v>26935.964349999998</v>
      </c>
      <c r="J7463">
        <v>31767.469389999998</v>
      </c>
      <c r="K7463">
        <v>50318.543550000002</v>
      </c>
      <c r="L7463">
        <v>25316.700799999999</v>
      </c>
      <c r="M7463">
        <v>288388.30479999998</v>
      </c>
      <c r="N7463">
        <v>76339.630319999997</v>
      </c>
      <c r="O7463">
        <v>19462.489959999999</v>
      </c>
      <c r="P7463">
        <v>34432.700559999997</v>
      </c>
      <c r="Q7463">
        <v>87248.636429999999</v>
      </c>
      <c r="R7463">
        <v>19713.139889999999</v>
      </c>
      <c r="S7463">
        <v>83750.384090000007</v>
      </c>
      <c r="T7463">
        <v>32368.305400000001</v>
      </c>
      <c r="U7463">
        <v>14214.940409999999</v>
      </c>
      <c r="W7463" s="83">
        <f>Bühler!N7495</f>
        <v>45602.874999981905</v>
      </c>
      <c r="X7463" s="83">
        <v>43411.875</v>
      </c>
      <c r="Y7463">
        <v>244515.5766</v>
      </c>
      <c r="Z7463">
        <v>16135.165919999999</v>
      </c>
      <c r="AA7463">
        <v>56881.207320000001</v>
      </c>
      <c r="AB7463">
        <v>44762.533009999999</v>
      </c>
      <c r="AC7463">
        <v>40467.183499999999</v>
      </c>
      <c r="AD7463">
        <v>26935.964349999998</v>
      </c>
      <c r="AE7463">
        <v>31767.469389999998</v>
      </c>
      <c r="AF7463">
        <v>50318.543550000002</v>
      </c>
      <c r="AG7463">
        <v>25316.700799999999</v>
      </c>
      <c r="AH7463">
        <v>288388.30479999998</v>
      </c>
      <c r="AI7463">
        <v>76339.630319999997</v>
      </c>
      <c r="AJ7463">
        <v>19462.489959999999</v>
      </c>
      <c r="AK7463">
        <v>34432.700559999997</v>
      </c>
      <c r="AL7463">
        <v>87248.636429999999</v>
      </c>
      <c r="AM7463">
        <v>19713.139889999999</v>
      </c>
      <c r="AN7463">
        <v>83750.384090000007</v>
      </c>
      <c r="AO7463">
        <v>32368.305400000001</v>
      </c>
      <c r="AP7463">
        <v>14214.940409999999</v>
      </c>
    </row>
    <row r="7464" spans="2:42" x14ac:dyDescent="0.3">
      <c r="B7464">
        <v>56.723083120143251</v>
      </c>
      <c r="C7464" s="83">
        <v>43411.916666666664</v>
      </c>
      <c r="D7464">
        <v>243864.95180000001</v>
      </c>
      <c r="E7464">
        <v>15112.57538</v>
      </c>
      <c r="F7464">
        <v>53786.88538</v>
      </c>
      <c r="G7464">
        <v>42245.677109999997</v>
      </c>
      <c r="H7464">
        <v>38926.187469999997</v>
      </c>
      <c r="I7464">
        <v>25202.24742</v>
      </c>
      <c r="J7464">
        <v>30461.79033</v>
      </c>
      <c r="K7464">
        <v>53232.737820000002</v>
      </c>
      <c r="L7464">
        <v>22547.411120000001</v>
      </c>
      <c r="M7464">
        <v>289200.73009999999</v>
      </c>
      <c r="N7464">
        <v>74122.93952</v>
      </c>
      <c r="O7464">
        <v>19649.86262</v>
      </c>
      <c r="P7464">
        <v>35472.44988</v>
      </c>
      <c r="Q7464">
        <v>86431.554600000003</v>
      </c>
      <c r="R7464">
        <v>22569.87199</v>
      </c>
      <c r="S7464">
        <v>81119.327950000006</v>
      </c>
      <c r="T7464">
        <v>27877.996879999999</v>
      </c>
      <c r="U7464">
        <v>14437.82438</v>
      </c>
      <c r="W7464" s="83">
        <f>Bühler!N7496</f>
        <v>45602.916666648569</v>
      </c>
      <c r="X7464" s="83">
        <v>43411.916666666664</v>
      </c>
      <c r="Y7464">
        <v>243864.95180000001</v>
      </c>
      <c r="Z7464">
        <v>15112.57538</v>
      </c>
      <c r="AA7464">
        <v>53786.88538</v>
      </c>
      <c r="AB7464">
        <v>42245.677109999997</v>
      </c>
      <c r="AC7464">
        <v>38926.187469999997</v>
      </c>
      <c r="AD7464">
        <v>25202.24742</v>
      </c>
      <c r="AE7464">
        <v>30461.79033</v>
      </c>
      <c r="AF7464">
        <v>53232.737820000002</v>
      </c>
      <c r="AG7464">
        <v>22547.411120000001</v>
      </c>
      <c r="AH7464">
        <v>289200.73009999999</v>
      </c>
      <c r="AI7464">
        <v>74122.93952</v>
      </c>
      <c r="AJ7464">
        <v>19649.86262</v>
      </c>
      <c r="AK7464">
        <v>35472.44988</v>
      </c>
      <c r="AL7464">
        <v>86431.554600000003</v>
      </c>
      <c r="AM7464">
        <v>22569.87199</v>
      </c>
      <c r="AN7464">
        <v>81119.327950000006</v>
      </c>
      <c r="AO7464">
        <v>27877.996879999999</v>
      </c>
      <c r="AP7464">
        <v>14437.82438</v>
      </c>
    </row>
    <row r="7465" spans="2:42" x14ac:dyDescent="0.3">
      <c r="B7465">
        <v>55.871625895786082</v>
      </c>
      <c r="C7465" s="83">
        <v>43411.958333333336</v>
      </c>
      <c r="D7465">
        <v>242908.24429999999</v>
      </c>
      <c r="E7465">
        <v>14568.289479999999</v>
      </c>
      <c r="F7465">
        <v>52722.20235</v>
      </c>
      <c r="G7465">
        <v>41038.290840000001</v>
      </c>
      <c r="H7465">
        <v>37856.502339999999</v>
      </c>
      <c r="I7465">
        <v>24062.28428</v>
      </c>
      <c r="J7465">
        <v>28367.520769999999</v>
      </c>
      <c r="K7465">
        <v>51963.513500000001</v>
      </c>
      <c r="L7465">
        <v>20053.328949999999</v>
      </c>
      <c r="M7465">
        <v>284859.6041</v>
      </c>
      <c r="N7465">
        <v>73163.392240000001</v>
      </c>
      <c r="O7465">
        <v>19228.238069999999</v>
      </c>
      <c r="P7465">
        <v>30567.213360000002</v>
      </c>
      <c r="Q7465">
        <v>85407.481660000005</v>
      </c>
      <c r="R7465">
        <v>22112.049920000001</v>
      </c>
      <c r="S7465">
        <v>79356.817370000004</v>
      </c>
      <c r="T7465">
        <v>28314.9202</v>
      </c>
      <c r="U7465">
        <v>13891.773579999999</v>
      </c>
      <c r="W7465" s="83">
        <f>Bühler!N7497</f>
        <v>45602.958333315233</v>
      </c>
      <c r="X7465" s="83">
        <v>43411.958333333336</v>
      </c>
      <c r="Y7465">
        <v>242908.24429999999</v>
      </c>
      <c r="Z7465">
        <v>14568.289479999999</v>
      </c>
      <c r="AA7465">
        <v>52722.20235</v>
      </c>
      <c r="AB7465">
        <v>41038.290840000001</v>
      </c>
      <c r="AC7465">
        <v>37856.502339999999</v>
      </c>
      <c r="AD7465">
        <v>24062.28428</v>
      </c>
      <c r="AE7465">
        <v>28367.520769999999</v>
      </c>
      <c r="AF7465">
        <v>51963.513500000001</v>
      </c>
      <c r="AG7465">
        <v>20053.328949999999</v>
      </c>
      <c r="AH7465">
        <v>284859.6041</v>
      </c>
      <c r="AI7465">
        <v>73163.392240000001</v>
      </c>
      <c r="AJ7465">
        <v>19228.238069999999</v>
      </c>
      <c r="AK7465">
        <v>30567.213360000002</v>
      </c>
      <c r="AL7465">
        <v>85407.481660000005</v>
      </c>
      <c r="AM7465">
        <v>22112.049920000001</v>
      </c>
      <c r="AN7465">
        <v>79356.817370000004</v>
      </c>
      <c r="AO7465">
        <v>28314.9202</v>
      </c>
      <c r="AP7465">
        <v>13891.773579999999</v>
      </c>
    </row>
    <row r="7466" spans="2:42" x14ac:dyDescent="0.3">
      <c r="B7466">
        <v>55.173426170369311</v>
      </c>
      <c r="C7466" s="83">
        <v>43412</v>
      </c>
      <c r="D7466">
        <v>241802.54790000001</v>
      </c>
      <c r="E7466">
        <v>14290.89559</v>
      </c>
      <c r="F7466">
        <v>52341.038249999998</v>
      </c>
      <c r="G7466">
        <v>40139.564259999999</v>
      </c>
      <c r="H7466">
        <v>37616.861510000002</v>
      </c>
      <c r="I7466">
        <v>21696.606360000002</v>
      </c>
      <c r="J7466">
        <v>26758.095010000001</v>
      </c>
      <c r="K7466">
        <v>51193.873729999999</v>
      </c>
      <c r="L7466">
        <v>18375.13754</v>
      </c>
      <c r="M7466">
        <v>281299.85629999998</v>
      </c>
      <c r="N7466">
        <v>71781.319489999994</v>
      </c>
      <c r="O7466">
        <v>19580.858069999998</v>
      </c>
      <c r="P7466">
        <v>28777.028880000002</v>
      </c>
      <c r="Q7466">
        <v>85303.648849999998</v>
      </c>
      <c r="R7466">
        <v>20578.030279999999</v>
      </c>
      <c r="S7466">
        <v>78144.534679999997</v>
      </c>
      <c r="T7466">
        <v>26129.932629999999</v>
      </c>
      <c r="U7466">
        <v>14037.083769999999</v>
      </c>
      <c r="W7466" s="83">
        <f>Bühler!N7498</f>
        <v>45602.999999981897</v>
      </c>
      <c r="X7466" s="83">
        <v>43412</v>
      </c>
      <c r="Y7466">
        <v>241802.54790000001</v>
      </c>
      <c r="Z7466">
        <v>14290.89559</v>
      </c>
      <c r="AA7466">
        <v>52341.038249999998</v>
      </c>
      <c r="AB7466">
        <v>40139.564259999999</v>
      </c>
      <c r="AC7466">
        <v>37616.861510000002</v>
      </c>
      <c r="AD7466">
        <v>21696.606360000002</v>
      </c>
      <c r="AE7466">
        <v>26758.095010000001</v>
      </c>
      <c r="AF7466">
        <v>51193.873729999999</v>
      </c>
      <c r="AG7466">
        <v>18375.13754</v>
      </c>
      <c r="AH7466">
        <v>281299.85629999998</v>
      </c>
      <c r="AI7466">
        <v>71781.319489999994</v>
      </c>
      <c r="AJ7466">
        <v>19580.858069999998</v>
      </c>
      <c r="AK7466">
        <v>28777.028880000002</v>
      </c>
      <c r="AL7466">
        <v>85303.648849999998</v>
      </c>
      <c r="AM7466">
        <v>20578.030279999999</v>
      </c>
      <c r="AN7466">
        <v>78144.534679999997</v>
      </c>
      <c r="AO7466">
        <v>26129.932629999999</v>
      </c>
      <c r="AP7466">
        <v>14037.083769999999</v>
      </c>
    </row>
    <row r="7467" spans="2:42" x14ac:dyDescent="0.3">
      <c r="B7467">
        <v>54.511341776044333</v>
      </c>
      <c r="C7467" s="83">
        <v>43412.041666666664</v>
      </c>
      <c r="D7467">
        <v>239988.58900000001</v>
      </c>
      <c r="E7467">
        <v>14204.56205</v>
      </c>
      <c r="F7467">
        <v>53270.679949999998</v>
      </c>
      <c r="G7467">
        <v>39636.257899999997</v>
      </c>
      <c r="H7467">
        <v>37031.159699999997</v>
      </c>
      <c r="I7467">
        <v>18252.310880000001</v>
      </c>
      <c r="J7467">
        <v>25496.615580000002</v>
      </c>
      <c r="K7467">
        <v>49698.030890000002</v>
      </c>
      <c r="L7467">
        <v>17392.87097</v>
      </c>
      <c r="M7467">
        <v>277924.24129999999</v>
      </c>
      <c r="N7467">
        <v>70582.453070000003</v>
      </c>
      <c r="O7467">
        <v>19522.393960000001</v>
      </c>
      <c r="P7467">
        <v>27584.996090000001</v>
      </c>
      <c r="Q7467">
        <v>85432.325649999999</v>
      </c>
      <c r="R7467">
        <v>19920.781159999999</v>
      </c>
      <c r="S7467">
        <v>77481.169899999994</v>
      </c>
      <c r="T7467">
        <v>25470.115839999999</v>
      </c>
      <c r="U7467">
        <v>14169.40394</v>
      </c>
      <c r="W7467" s="83">
        <f>Bühler!N7499</f>
        <v>45603.041666648562</v>
      </c>
      <c r="X7467" s="83">
        <v>43412.041666666664</v>
      </c>
      <c r="Y7467">
        <v>239988.58900000001</v>
      </c>
      <c r="Z7467">
        <v>14204.56205</v>
      </c>
      <c r="AA7467">
        <v>53270.679949999998</v>
      </c>
      <c r="AB7467">
        <v>39636.257899999997</v>
      </c>
      <c r="AC7467">
        <v>37031.159699999997</v>
      </c>
      <c r="AD7467">
        <v>18252.310880000001</v>
      </c>
      <c r="AE7467">
        <v>25496.615580000002</v>
      </c>
      <c r="AF7467">
        <v>49698.030890000002</v>
      </c>
      <c r="AG7467">
        <v>17392.87097</v>
      </c>
      <c r="AH7467">
        <v>277924.24129999999</v>
      </c>
      <c r="AI7467">
        <v>70582.453070000003</v>
      </c>
      <c r="AJ7467">
        <v>19522.393960000001</v>
      </c>
      <c r="AK7467">
        <v>27584.996090000001</v>
      </c>
      <c r="AL7467">
        <v>85432.325649999999</v>
      </c>
      <c r="AM7467">
        <v>19920.781159999999</v>
      </c>
      <c r="AN7467">
        <v>77481.169899999994</v>
      </c>
      <c r="AO7467">
        <v>25470.115839999999</v>
      </c>
      <c r="AP7467">
        <v>14169.40394</v>
      </c>
    </row>
    <row r="7468" spans="2:42" x14ac:dyDescent="0.3">
      <c r="B7468">
        <v>55.159189340089057</v>
      </c>
      <c r="C7468" s="83">
        <v>43412.083333333336</v>
      </c>
      <c r="D7468">
        <v>239938.14840000001</v>
      </c>
      <c r="E7468">
        <v>14052.73638</v>
      </c>
      <c r="F7468">
        <v>53243.164579999997</v>
      </c>
      <c r="G7468">
        <v>39322.359620000003</v>
      </c>
      <c r="H7468">
        <v>36750.519399999997</v>
      </c>
      <c r="I7468">
        <v>17348.861669999998</v>
      </c>
      <c r="J7468">
        <v>25408.516759999999</v>
      </c>
      <c r="K7468">
        <v>47777.547610000001</v>
      </c>
      <c r="L7468">
        <v>17022.965769999999</v>
      </c>
      <c r="M7468">
        <v>281227.27029999997</v>
      </c>
      <c r="N7468">
        <v>69473.335420000003</v>
      </c>
      <c r="O7468">
        <v>19661.655920000001</v>
      </c>
      <c r="P7468">
        <v>26369.538280000001</v>
      </c>
      <c r="Q7468">
        <v>87823.748019999999</v>
      </c>
      <c r="R7468">
        <v>19500.72366</v>
      </c>
      <c r="S7468">
        <v>76882.976330000005</v>
      </c>
      <c r="T7468">
        <v>24950.77276</v>
      </c>
      <c r="U7468">
        <v>14009.450279999999</v>
      </c>
      <c r="W7468" s="83">
        <f>Bühler!N7500</f>
        <v>45603.083333315226</v>
      </c>
      <c r="X7468" s="83">
        <v>43412.083333333336</v>
      </c>
      <c r="Y7468">
        <v>239938.14840000001</v>
      </c>
      <c r="Z7468">
        <v>14052.73638</v>
      </c>
      <c r="AA7468">
        <v>53243.164579999997</v>
      </c>
      <c r="AB7468">
        <v>39322.359620000003</v>
      </c>
      <c r="AC7468">
        <v>36750.519399999997</v>
      </c>
      <c r="AD7468">
        <v>17348.861669999998</v>
      </c>
      <c r="AE7468">
        <v>25408.516759999999</v>
      </c>
      <c r="AF7468">
        <v>47777.547610000001</v>
      </c>
      <c r="AG7468">
        <v>17022.965769999999</v>
      </c>
      <c r="AH7468">
        <v>281227.27029999997</v>
      </c>
      <c r="AI7468">
        <v>69473.335420000003</v>
      </c>
      <c r="AJ7468">
        <v>19661.655920000001</v>
      </c>
      <c r="AK7468">
        <v>26369.538280000001</v>
      </c>
      <c r="AL7468">
        <v>87823.748019999999</v>
      </c>
      <c r="AM7468">
        <v>19500.72366</v>
      </c>
      <c r="AN7468">
        <v>76882.976330000005</v>
      </c>
      <c r="AO7468">
        <v>24950.77276</v>
      </c>
      <c r="AP7468">
        <v>14009.450279999999</v>
      </c>
    </row>
    <row r="7469" spans="2:42" x14ac:dyDescent="0.3">
      <c r="B7469">
        <v>55.296467622038364</v>
      </c>
      <c r="C7469" s="83">
        <v>43412.125</v>
      </c>
      <c r="D7469">
        <v>240605.32260000001</v>
      </c>
      <c r="E7469">
        <v>14126.55651</v>
      </c>
      <c r="F7469">
        <v>53887.933920000003</v>
      </c>
      <c r="G7469">
        <v>38466.501179999999</v>
      </c>
      <c r="H7469">
        <v>36821.733350000002</v>
      </c>
      <c r="I7469">
        <v>17220.332839999999</v>
      </c>
      <c r="J7469">
        <v>25808.229500000001</v>
      </c>
      <c r="K7469">
        <v>46519.844810000002</v>
      </c>
      <c r="L7469">
        <v>16603.66834</v>
      </c>
      <c r="M7469">
        <v>281927.179</v>
      </c>
      <c r="N7469">
        <v>70006.493409999995</v>
      </c>
      <c r="O7469">
        <v>19547.931420000001</v>
      </c>
      <c r="P7469">
        <v>25274.56076</v>
      </c>
      <c r="Q7469">
        <v>89424.845189999993</v>
      </c>
      <c r="R7469">
        <v>19364.564610000001</v>
      </c>
      <c r="S7469">
        <v>76000.380720000001</v>
      </c>
      <c r="T7469">
        <v>24733.02288</v>
      </c>
      <c r="U7469">
        <v>13752.27756</v>
      </c>
      <c r="W7469" s="83">
        <f>Bühler!N7501</f>
        <v>45603.12499998189</v>
      </c>
      <c r="X7469" s="83">
        <v>43412.125</v>
      </c>
      <c r="Y7469">
        <v>240605.32260000001</v>
      </c>
      <c r="Z7469">
        <v>14126.55651</v>
      </c>
      <c r="AA7469">
        <v>53887.933920000003</v>
      </c>
      <c r="AB7469">
        <v>38466.501179999999</v>
      </c>
      <c r="AC7469">
        <v>36821.733350000002</v>
      </c>
      <c r="AD7469">
        <v>17220.332839999999</v>
      </c>
      <c r="AE7469">
        <v>25808.229500000001</v>
      </c>
      <c r="AF7469">
        <v>46519.844810000002</v>
      </c>
      <c r="AG7469">
        <v>16603.66834</v>
      </c>
      <c r="AH7469">
        <v>281927.179</v>
      </c>
      <c r="AI7469">
        <v>70006.493409999995</v>
      </c>
      <c r="AJ7469">
        <v>19547.931420000001</v>
      </c>
      <c r="AK7469">
        <v>25274.56076</v>
      </c>
      <c r="AL7469">
        <v>89424.845189999993</v>
      </c>
      <c r="AM7469">
        <v>19364.564610000001</v>
      </c>
      <c r="AN7469">
        <v>76000.380720000001</v>
      </c>
      <c r="AO7469">
        <v>24733.02288</v>
      </c>
      <c r="AP7469">
        <v>13752.27756</v>
      </c>
    </row>
    <row r="7470" spans="2:42" x14ac:dyDescent="0.3">
      <c r="B7470">
        <v>56.649770877807924</v>
      </c>
      <c r="C7470" s="83">
        <v>43412.166666666664</v>
      </c>
      <c r="D7470">
        <v>242440.07610000001</v>
      </c>
      <c r="E7470">
        <v>14696.43492</v>
      </c>
      <c r="F7470">
        <v>57364.171309999998</v>
      </c>
      <c r="G7470">
        <v>38544.0026</v>
      </c>
      <c r="H7470">
        <v>37791.479630000002</v>
      </c>
      <c r="I7470">
        <v>19039.623540000001</v>
      </c>
      <c r="J7470">
        <v>27295.633519999999</v>
      </c>
      <c r="K7470">
        <v>45355.334860000003</v>
      </c>
      <c r="L7470">
        <v>16767.374319999999</v>
      </c>
      <c r="M7470">
        <v>288826.95010000002</v>
      </c>
      <c r="N7470">
        <v>69093.778319999998</v>
      </c>
      <c r="O7470">
        <v>19837.474160000002</v>
      </c>
      <c r="P7470">
        <v>25278.23173</v>
      </c>
      <c r="Q7470">
        <v>94100.106299999999</v>
      </c>
      <c r="R7470">
        <v>19284.519960000001</v>
      </c>
      <c r="S7470">
        <v>76950.795180000001</v>
      </c>
      <c r="T7470">
        <v>24850.876469999999</v>
      </c>
      <c r="U7470">
        <v>14382.607830000001</v>
      </c>
      <c r="W7470" s="83">
        <f>Bühler!N7502</f>
        <v>45603.166666648554</v>
      </c>
      <c r="X7470" s="83">
        <v>43412.166666666664</v>
      </c>
      <c r="Y7470">
        <v>242440.07610000001</v>
      </c>
      <c r="Z7470">
        <v>14696.43492</v>
      </c>
      <c r="AA7470">
        <v>57364.171309999998</v>
      </c>
      <c r="AB7470">
        <v>38544.0026</v>
      </c>
      <c r="AC7470">
        <v>37791.479630000002</v>
      </c>
      <c r="AD7470">
        <v>19039.623540000001</v>
      </c>
      <c r="AE7470">
        <v>27295.633519999999</v>
      </c>
      <c r="AF7470">
        <v>45355.334860000003</v>
      </c>
      <c r="AG7470">
        <v>16767.374319999999</v>
      </c>
      <c r="AH7470">
        <v>288826.95010000002</v>
      </c>
      <c r="AI7470">
        <v>69093.778319999998</v>
      </c>
      <c r="AJ7470">
        <v>19837.474160000002</v>
      </c>
      <c r="AK7470">
        <v>25278.23173</v>
      </c>
      <c r="AL7470">
        <v>94100.106299999999</v>
      </c>
      <c r="AM7470">
        <v>19284.519960000001</v>
      </c>
      <c r="AN7470">
        <v>76950.795180000001</v>
      </c>
      <c r="AO7470">
        <v>24850.876469999999</v>
      </c>
      <c r="AP7470">
        <v>14382.607830000001</v>
      </c>
    </row>
    <row r="7471" spans="2:42" x14ac:dyDescent="0.3">
      <c r="B7471">
        <v>59.817056041017629</v>
      </c>
      <c r="C7471" s="83">
        <v>43412.208333333336</v>
      </c>
      <c r="D7471">
        <v>257797.50700000001</v>
      </c>
      <c r="E7471">
        <v>17035.16417</v>
      </c>
      <c r="F7471">
        <v>68519.887610000005</v>
      </c>
      <c r="G7471">
        <v>41515.52536</v>
      </c>
      <c r="H7471">
        <v>39327.044750000001</v>
      </c>
      <c r="I7471">
        <v>26764.56783</v>
      </c>
      <c r="J7471">
        <v>30277.75546</v>
      </c>
      <c r="K7471">
        <v>45409.896610000003</v>
      </c>
      <c r="L7471">
        <v>17803.37154</v>
      </c>
      <c r="M7471">
        <v>304975.24690000003</v>
      </c>
      <c r="N7471">
        <v>69959.242679999996</v>
      </c>
      <c r="O7471">
        <v>20660.470249999998</v>
      </c>
      <c r="P7471">
        <v>26638.264520000001</v>
      </c>
      <c r="Q7471">
        <v>96560.399789999996</v>
      </c>
      <c r="R7471">
        <v>20148.86824</v>
      </c>
      <c r="S7471">
        <v>79181.68217</v>
      </c>
      <c r="T7471">
        <v>26185.26525</v>
      </c>
      <c r="U7471">
        <v>16950.666509999999</v>
      </c>
      <c r="W7471" s="83">
        <f>Bühler!N7503</f>
        <v>45603.208333315219</v>
      </c>
      <c r="X7471" s="83">
        <v>43412.208333333336</v>
      </c>
      <c r="Y7471">
        <v>257797.50700000001</v>
      </c>
      <c r="Z7471">
        <v>17035.16417</v>
      </c>
      <c r="AA7471">
        <v>68519.887610000005</v>
      </c>
      <c r="AB7471">
        <v>41515.52536</v>
      </c>
      <c r="AC7471">
        <v>39327.044750000001</v>
      </c>
      <c r="AD7471">
        <v>26764.56783</v>
      </c>
      <c r="AE7471">
        <v>30277.75546</v>
      </c>
      <c r="AF7471">
        <v>45409.896610000003</v>
      </c>
      <c r="AG7471">
        <v>17803.37154</v>
      </c>
      <c r="AH7471">
        <v>304975.24690000003</v>
      </c>
      <c r="AI7471">
        <v>69959.242679999996</v>
      </c>
      <c r="AJ7471">
        <v>20660.470249999998</v>
      </c>
      <c r="AK7471">
        <v>26638.264520000001</v>
      </c>
      <c r="AL7471">
        <v>96560.399789999996</v>
      </c>
      <c r="AM7471">
        <v>20148.86824</v>
      </c>
      <c r="AN7471">
        <v>79181.68217</v>
      </c>
      <c r="AO7471">
        <v>26185.26525</v>
      </c>
      <c r="AP7471">
        <v>16950.666509999999</v>
      </c>
    </row>
    <row r="7472" spans="2:42" x14ac:dyDescent="0.3">
      <c r="B7472">
        <v>63.959831237195225</v>
      </c>
      <c r="C7472" s="83">
        <v>43412.25</v>
      </c>
      <c r="D7472">
        <v>273471.63260000001</v>
      </c>
      <c r="E7472">
        <v>21333.858769999999</v>
      </c>
      <c r="F7472">
        <v>81735.456449999998</v>
      </c>
      <c r="G7472">
        <v>56337.398549999998</v>
      </c>
      <c r="H7472">
        <v>43588.404119999999</v>
      </c>
      <c r="I7472">
        <v>34851.325129999997</v>
      </c>
      <c r="J7472">
        <v>34011.629009999997</v>
      </c>
      <c r="K7472">
        <v>49885.120300000002</v>
      </c>
      <c r="L7472">
        <v>19638.102699999999</v>
      </c>
      <c r="M7472">
        <v>326097.04680000001</v>
      </c>
      <c r="N7472">
        <v>74361.642160000003</v>
      </c>
      <c r="O7472">
        <v>22277.460159999999</v>
      </c>
      <c r="P7472">
        <v>28346.91012</v>
      </c>
      <c r="Q7472">
        <v>98709.922269999995</v>
      </c>
      <c r="R7472">
        <v>19876.808379999999</v>
      </c>
      <c r="S7472">
        <v>88526.995599999995</v>
      </c>
      <c r="T7472">
        <v>29473.903399999999</v>
      </c>
      <c r="U7472">
        <v>19618.229729999999</v>
      </c>
      <c r="W7472" s="83">
        <f>Bühler!N7504</f>
        <v>45603.249999981883</v>
      </c>
      <c r="X7472" s="83">
        <v>43412.25</v>
      </c>
      <c r="Y7472">
        <v>273471.63260000001</v>
      </c>
      <c r="Z7472">
        <v>21333.858769999999</v>
      </c>
      <c r="AA7472">
        <v>81735.456449999998</v>
      </c>
      <c r="AB7472">
        <v>56337.398549999998</v>
      </c>
      <c r="AC7472">
        <v>43588.404119999999</v>
      </c>
      <c r="AD7472">
        <v>34851.325129999997</v>
      </c>
      <c r="AE7472">
        <v>34011.629009999997</v>
      </c>
      <c r="AF7472">
        <v>49885.120300000002</v>
      </c>
      <c r="AG7472">
        <v>19638.102699999999</v>
      </c>
      <c r="AH7472">
        <v>326097.04680000001</v>
      </c>
      <c r="AI7472">
        <v>74361.642160000003</v>
      </c>
      <c r="AJ7472">
        <v>22277.460159999999</v>
      </c>
      <c r="AK7472">
        <v>28346.91012</v>
      </c>
      <c r="AL7472">
        <v>98709.922269999995</v>
      </c>
      <c r="AM7472">
        <v>19876.808379999999</v>
      </c>
      <c r="AN7472">
        <v>88526.995599999995</v>
      </c>
      <c r="AO7472">
        <v>29473.903399999999</v>
      </c>
      <c r="AP7472">
        <v>19618.229729999999</v>
      </c>
    </row>
    <row r="7473" spans="2:42" x14ac:dyDescent="0.3">
      <c r="B7473">
        <v>65.917528440737328</v>
      </c>
      <c r="C7473" s="83">
        <v>43412.291666666664</v>
      </c>
      <c r="D7473">
        <v>288949.27299999999</v>
      </c>
      <c r="E7473">
        <v>26259.35973</v>
      </c>
      <c r="F7473">
        <v>84744.03026</v>
      </c>
      <c r="G7473">
        <v>70500.471640000003</v>
      </c>
      <c r="H7473">
        <v>49412.132530000003</v>
      </c>
      <c r="I7473">
        <v>43908.761440000002</v>
      </c>
      <c r="J7473">
        <v>34701.016989999996</v>
      </c>
      <c r="K7473">
        <v>56273.439330000001</v>
      </c>
      <c r="L7473">
        <v>23002.143370000002</v>
      </c>
      <c r="M7473">
        <v>336078.30009999999</v>
      </c>
      <c r="N7473">
        <v>82621.228719999999</v>
      </c>
      <c r="O7473">
        <v>25250.419569999998</v>
      </c>
      <c r="P7473">
        <v>31883.515950000001</v>
      </c>
      <c r="Q7473">
        <v>98322.930309999996</v>
      </c>
      <c r="R7473">
        <v>21596.44803</v>
      </c>
      <c r="S7473">
        <v>105249.3689</v>
      </c>
      <c r="T7473">
        <v>31640.21341</v>
      </c>
      <c r="U7473">
        <v>25303.65206</v>
      </c>
      <c r="W7473" s="83">
        <f>Bühler!N7505</f>
        <v>45603.291666648547</v>
      </c>
      <c r="X7473" s="83">
        <v>43412.291666666664</v>
      </c>
      <c r="Y7473">
        <v>288949.27299999999</v>
      </c>
      <c r="Z7473">
        <v>26259.35973</v>
      </c>
      <c r="AA7473">
        <v>84744.03026</v>
      </c>
      <c r="AB7473">
        <v>70500.471640000003</v>
      </c>
      <c r="AC7473">
        <v>49412.132530000003</v>
      </c>
      <c r="AD7473">
        <v>43908.761440000002</v>
      </c>
      <c r="AE7473">
        <v>34701.016989999996</v>
      </c>
      <c r="AF7473">
        <v>56273.439330000001</v>
      </c>
      <c r="AG7473">
        <v>23002.143370000002</v>
      </c>
      <c r="AH7473">
        <v>336078.30009999999</v>
      </c>
      <c r="AI7473">
        <v>82621.228719999999</v>
      </c>
      <c r="AJ7473">
        <v>25250.419569999998</v>
      </c>
      <c r="AK7473">
        <v>31883.515950000001</v>
      </c>
      <c r="AL7473">
        <v>98322.930309999996</v>
      </c>
      <c r="AM7473">
        <v>21596.44803</v>
      </c>
      <c r="AN7473">
        <v>105249.3689</v>
      </c>
      <c r="AO7473">
        <v>31640.21341</v>
      </c>
      <c r="AP7473">
        <v>25303.65206</v>
      </c>
    </row>
    <row r="7474" spans="2:42" x14ac:dyDescent="0.3">
      <c r="B7474">
        <v>65.683924329203037</v>
      </c>
      <c r="C7474" s="83">
        <v>43412.333333333336</v>
      </c>
      <c r="D7474">
        <v>298686.59139999998</v>
      </c>
      <c r="E7474">
        <v>31776.667310000001</v>
      </c>
      <c r="F7474">
        <v>90845.878849999994</v>
      </c>
      <c r="G7474">
        <v>86486.815990000003</v>
      </c>
      <c r="H7474">
        <v>53654.513740000002</v>
      </c>
      <c r="I7474">
        <v>46400.826540000002</v>
      </c>
      <c r="J7474">
        <v>34388.260349999997</v>
      </c>
      <c r="K7474">
        <v>62640.931040000003</v>
      </c>
      <c r="L7474">
        <v>25456.453730000001</v>
      </c>
      <c r="M7474">
        <v>334887.27740000002</v>
      </c>
      <c r="N7474">
        <v>88619.300210000001</v>
      </c>
      <c r="O7474">
        <v>26093.205470000001</v>
      </c>
      <c r="P7474">
        <v>33098.703200000004</v>
      </c>
      <c r="Q7474">
        <v>99253.640220000001</v>
      </c>
      <c r="R7474">
        <v>21793.397649999999</v>
      </c>
      <c r="S7474">
        <v>117067.2706</v>
      </c>
      <c r="T7474">
        <v>34969.623299999999</v>
      </c>
      <c r="U7474">
        <v>27943.679779999999</v>
      </c>
      <c r="W7474" s="83">
        <f>Bühler!N7506</f>
        <v>45603.333333315211</v>
      </c>
      <c r="X7474" s="83">
        <v>43412.333333333336</v>
      </c>
      <c r="Y7474">
        <v>298686.59139999998</v>
      </c>
      <c r="Z7474">
        <v>31776.667310000001</v>
      </c>
      <c r="AA7474">
        <v>90845.878849999994</v>
      </c>
      <c r="AB7474">
        <v>86486.815990000003</v>
      </c>
      <c r="AC7474">
        <v>53654.513740000002</v>
      </c>
      <c r="AD7474">
        <v>46400.826540000002</v>
      </c>
      <c r="AE7474">
        <v>34388.260349999997</v>
      </c>
      <c r="AF7474">
        <v>62640.931040000003</v>
      </c>
      <c r="AG7474">
        <v>25456.453730000001</v>
      </c>
      <c r="AH7474">
        <v>334887.27740000002</v>
      </c>
      <c r="AI7474">
        <v>88619.300210000001</v>
      </c>
      <c r="AJ7474">
        <v>26093.205470000001</v>
      </c>
      <c r="AK7474">
        <v>33098.703200000004</v>
      </c>
      <c r="AL7474">
        <v>99253.640220000001</v>
      </c>
      <c r="AM7474">
        <v>21793.397649999999</v>
      </c>
      <c r="AN7474">
        <v>117067.2706</v>
      </c>
      <c r="AO7474">
        <v>34969.623299999999</v>
      </c>
      <c r="AP7474">
        <v>27943.679779999999</v>
      </c>
    </row>
    <row r="7475" spans="2:42" x14ac:dyDescent="0.3">
      <c r="B7475">
        <v>64.790421147175039</v>
      </c>
      <c r="C7475" s="83">
        <v>43412.375</v>
      </c>
      <c r="D7475">
        <v>299895.91629999998</v>
      </c>
      <c r="E7475">
        <v>35762.539949999998</v>
      </c>
      <c r="F7475">
        <v>98012.611149999997</v>
      </c>
      <c r="G7475">
        <v>94688.231090000001</v>
      </c>
      <c r="H7475">
        <v>56294.552860000003</v>
      </c>
      <c r="I7475">
        <v>43525.348059999997</v>
      </c>
      <c r="J7475">
        <v>33627.532299999999</v>
      </c>
      <c r="K7475">
        <v>63059.601860000002</v>
      </c>
      <c r="L7475">
        <v>27954.69831</v>
      </c>
      <c r="M7475">
        <v>330331.78149999998</v>
      </c>
      <c r="N7475">
        <v>90709.446819999997</v>
      </c>
      <c r="O7475">
        <v>26559.285899999999</v>
      </c>
      <c r="P7475">
        <v>34940.913410000001</v>
      </c>
      <c r="Q7475">
        <v>100107.243</v>
      </c>
      <c r="R7475">
        <v>22663.37759</v>
      </c>
      <c r="S7475">
        <v>122283.9673</v>
      </c>
      <c r="T7475">
        <v>36274.378069999999</v>
      </c>
      <c r="U7475">
        <v>27801.174940000001</v>
      </c>
      <c r="W7475" s="83">
        <f>Bühler!N7507</f>
        <v>45603.374999981876</v>
      </c>
      <c r="X7475" s="83">
        <v>43412.375</v>
      </c>
      <c r="Y7475">
        <v>299895.91629999998</v>
      </c>
      <c r="Z7475">
        <v>35762.539949999998</v>
      </c>
      <c r="AA7475">
        <v>98012.611149999997</v>
      </c>
      <c r="AB7475">
        <v>94688.231090000001</v>
      </c>
      <c r="AC7475">
        <v>56294.552860000003</v>
      </c>
      <c r="AD7475">
        <v>43525.348059999997</v>
      </c>
      <c r="AE7475">
        <v>33627.532299999999</v>
      </c>
      <c r="AF7475">
        <v>63059.601860000002</v>
      </c>
      <c r="AG7475">
        <v>27954.69831</v>
      </c>
      <c r="AH7475">
        <v>330331.78149999998</v>
      </c>
      <c r="AI7475">
        <v>90709.446819999997</v>
      </c>
      <c r="AJ7475">
        <v>26559.285899999999</v>
      </c>
      <c r="AK7475">
        <v>34940.913410000001</v>
      </c>
      <c r="AL7475">
        <v>100107.243</v>
      </c>
      <c r="AM7475">
        <v>22663.37759</v>
      </c>
      <c r="AN7475">
        <v>122283.9673</v>
      </c>
      <c r="AO7475">
        <v>36274.378069999999</v>
      </c>
      <c r="AP7475">
        <v>27801.174940000001</v>
      </c>
    </row>
    <row r="7476" spans="2:42" x14ac:dyDescent="0.3">
      <c r="B7476">
        <v>65.945894049196852</v>
      </c>
      <c r="C7476" s="83">
        <v>43412.416666666664</v>
      </c>
      <c r="D7476">
        <v>302909.83049999998</v>
      </c>
      <c r="E7476">
        <v>36975.231310000003</v>
      </c>
      <c r="F7476">
        <v>98155.431620000003</v>
      </c>
      <c r="G7476">
        <v>94883.020980000001</v>
      </c>
      <c r="H7476">
        <v>56544.682439999997</v>
      </c>
      <c r="I7476">
        <v>41236.005850000001</v>
      </c>
      <c r="J7476">
        <v>32884.054900000003</v>
      </c>
      <c r="K7476">
        <v>64442.16158</v>
      </c>
      <c r="L7476">
        <v>29759.18777</v>
      </c>
      <c r="M7476">
        <v>336222.92119999998</v>
      </c>
      <c r="N7476">
        <v>89833.53138</v>
      </c>
      <c r="O7476">
        <v>26637.015889999999</v>
      </c>
      <c r="P7476">
        <v>35191.149080000003</v>
      </c>
      <c r="Q7476">
        <v>100325.84849999999</v>
      </c>
      <c r="R7476">
        <v>23403.386429999999</v>
      </c>
      <c r="S7476">
        <v>121964.1972</v>
      </c>
      <c r="T7476">
        <v>36948.861920000003</v>
      </c>
      <c r="U7476">
        <v>27268.321339999999</v>
      </c>
      <c r="W7476" s="83">
        <f>Bühler!N7508</f>
        <v>45603.41666664854</v>
      </c>
      <c r="X7476" s="83">
        <v>43412.416666666664</v>
      </c>
      <c r="Y7476">
        <v>302909.83049999998</v>
      </c>
      <c r="Z7476">
        <v>36975.231310000003</v>
      </c>
      <c r="AA7476">
        <v>98155.431620000003</v>
      </c>
      <c r="AB7476">
        <v>94883.020980000001</v>
      </c>
      <c r="AC7476">
        <v>56544.682439999997</v>
      </c>
      <c r="AD7476">
        <v>41236.005850000001</v>
      </c>
      <c r="AE7476">
        <v>32884.054900000003</v>
      </c>
      <c r="AF7476">
        <v>64442.16158</v>
      </c>
      <c r="AG7476">
        <v>29759.18777</v>
      </c>
      <c r="AH7476">
        <v>336222.92119999998</v>
      </c>
      <c r="AI7476">
        <v>89833.53138</v>
      </c>
      <c r="AJ7476">
        <v>26637.015889999999</v>
      </c>
      <c r="AK7476">
        <v>35191.149080000003</v>
      </c>
      <c r="AL7476">
        <v>100325.84849999999</v>
      </c>
      <c r="AM7476">
        <v>23403.386429999999</v>
      </c>
      <c r="AN7476">
        <v>121964.1972</v>
      </c>
      <c r="AO7476">
        <v>36948.861920000003</v>
      </c>
      <c r="AP7476">
        <v>27268.321339999999</v>
      </c>
    </row>
    <row r="7477" spans="2:42" x14ac:dyDescent="0.3">
      <c r="B7477">
        <v>66.267293405414136</v>
      </c>
      <c r="C7477" s="83">
        <v>43412.458333333336</v>
      </c>
      <c r="D7477">
        <v>298783.47009999998</v>
      </c>
      <c r="E7477">
        <v>36468.840949999998</v>
      </c>
      <c r="F7477">
        <v>98842.06684</v>
      </c>
      <c r="G7477">
        <v>93247.255390000006</v>
      </c>
      <c r="H7477">
        <v>55732.202929999999</v>
      </c>
      <c r="I7477">
        <v>39953.226499999997</v>
      </c>
      <c r="J7477">
        <v>32956.593240000002</v>
      </c>
      <c r="K7477">
        <v>65385.523880000001</v>
      </c>
      <c r="L7477">
        <v>30483.404149999998</v>
      </c>
      <c r="M7477">
        <v>337861.565</v>
      </c>
      <c r="N7477">
        <v>91185.51268</v>
      </c>
      <c r="O7477">
        <v>26364.834429999999</v>
      </c>
      <c r="P7477">
        <v>33596.422149999999</v>
      </c>
      <c r="Q7477">
        <v>100614.67049999999</v>
      </c>
      <c r="R7477">
        <v>23987.90092</v>
      </c>
      <c r="S7477">
        <v>123667.3961</v>
      </c>
      <c r="T7477">
        <v>36925.571349999998</v>
      </c>
      <c r="U7477">
        <v>27186.374339999998</v>
      </c>
      <c r="W7477" s="83">
        <f>Bühler!N7509</f>
        <v>45603.458333315204</v>
      </c>
      <c r="X7477" s="83">
        <v>43412.458333333336</v>
      </c>
      <c r="Y7477">
        <v>298783.47009999998</v>
      </c>
      <c r="Z7477">
        <v>36468.840949999998</v>
      </c>
      <c r="AA7477">
        <v>98842.06684</v>
      </c>
      <c r="AB7477">
        <v>93247.255390000006</v>
      </c>
      <c r="AC7477">
        <v>55732.202929999999</v>
      </c>
      <c r="AD7477">
        <v>39953.226499999997</v>
      </c>
      <c r="AE7477">
        <v>32956.593240000002</v>
      </c>
      <c r="AF7477">
        <v>65385.523880000001</v>
      </c>
      <c r="AG7477">
        <v>30483.404149999998</v>
      </c>
      <c r="AH7477">
        <v>337861.565</v>
      </c>
      <c r="AI7477">
        <v>91185.51268</v>
      </c>
      <c r="AJ7477">
        <v>26364.834429999999</v>
      </c>
      <c r="AK7477">
        <v>33596.422149999999</v>
      </c>
      <c r="AL7477">
        <v>100614.67049999999</v>
      </c>
      <c r="AM7477">
        <v>23987.90092</v>
      </c>
      <c r="AN7477">
        <v>123667.3961</v>
      </c>
      <c r="AO7477">
        <v>36925.571349999998</v>
      </c>
      <c r="AP7477">
        <v>27186.374339999998</v>
      </c>
    </row>
    <row r="7478" spans="2:42" x14ac:dyDescent="0.3">
      <c r="B7478">
        <v>66.313738686037311</v>
      </c>
      <c r="C7478" s="83">
        <v>43412.5</v>
      </c>
      <c r="D7478">
        <v>287465.46909999999</v>
      </c>
      <c r="E7478">
        <v>32701.87516</v>
      </c>
      <c r="F7478">
        <v>96953.295819999999</v>
      </c>
      <c r="G7478">
        <v>91656.907699999996</v>
      </c>
      <c r="H7478">
        <v>53140.524019999997</v>
      </c>
      <c r="I7478">
        <v>38806.665869999997</v>
      </c>
      <c r="J7478">
        <v>33217.553740000003</v>
      </c>
      <c r="K7478">
        <v>60029.848619999997</v>
      </c>
      <c r="L7478">
        <v>33482.241249999999</v>
      </c>
      <c r="M7478">
        <v>338098.36469999998</v>
      </c>
      <c r="N7478">
        <v>89100.311619999993</v>
      </c>
      <c r="O7478">
        <v>25866.56551</v>
      </c>
      <c r="P7478">
        <v>34816.208850000003</v>
      </c>
      <c r="Q7478">
        <v>99290.910090000005</v>
      </c>
      <c r="R7478">
        <v>24894.18952</v>
      </c>
      <c r="S7478">
        <v>117548.72779999999</v>
      </c>
      <c r="T7478">
        <v>37044.40266</v>
      </c>
      <c r="U7478">
        <v>21573.81222</v>
      </c>
      <c r="W7478" s="83">
        <f>Bühler!N7510</f>
        <v>45603.499999981868</v>
      </c>
      <c r="X7478" s="83">
        <v>43412.5</v>
      </c>
      <c r="Y7478">
        <v>287465.46909999999</v>
      </c>
      <c r="Z7478">
        <v>32701.87516</v>
      </c>
      <c r="AA7478">
        <v>96953.295819999999</v>
      </c>
      <c r="AB7478">
        <v>91656.907699999996</v>
      </c>
      <c r="AC7478">
        <v>53140.524019999997</v>
      </c>
      <c r="AD7478">
        <v>38806.665869999997</v>
      </c>
      <c r="AE7478">
        <v>33217.553740000003</v>
      </c>
      <c r="AF7478">
        <v>60029.848619999997</v>
      </c>
      <c r="AG7478">
        <v>33482.241249999999</v>
      </c>
      <c r="AH7478">
        <v>338098.36469999998</v>
      </c>
      <c r="AI7478">
        <v>89100.311619999993</v>
      </c>
      <c r="AJ7478">
        <v>25866.56551</v>
      </c>
      <c r="AK7478">
        <v>34816.208850000003</v>
      </c>
      <c r="AL7478">
        <v>99290.910090000005</v>
      </c>
      <c r="AM7478">
        <v>24894.18952</v>
      </c>
      <c r="AN7478">
        <v>117548.72779999999</v>
      </c>
      <c r="AO7478">
        <v>37044.40266</v>
      </c>
      <c r="AP7478">
        <v>21573.81222</v>
      </c>
    </row>
    <row r="7479" spans="2:42" x14ac:dyDescent="0.3">
      <c r="B7479">
        <v>65.777193062995948</v>
      </c>
      <c r="C7479" s="83">
        <v>43412.541666666664</v>
      </c>
      <c r="D7479">
        <v>290094.58649999998</v>
      </c>
      <c r="E7479">
        <v>32751.850129999999</v>
      </c>
      <c r="F7479">
        <v>96714.990170000005</v>
      </c>
      <c r="G7479">
        <v>88357.009919999997</v>
      </c>
      <c r="H7479">
        <v>54010.223749999997</v>
      </c>
      <c r="I7479">
        <v>37607.437570000002</v>
      </c>
      <c r="J7479">
        <v>31866.708709999999</v>
      </c>
      <c r="K7479">
        <v>61336.990149999998</v>
      </c>
      <c r="L7479">
        <v>31744.34102</v>
      </c>
      <c r="M7479">
        <v>335362.80489999999</v>
      </c>
      <c r="N7479">
        <v>90390.831049999993</v>
      </c>
      <c r="O7479">
        <v>25638.35644</v>
      </c>
      <c r="P7479">
        <v>34599.183340000003</v>
      </c>
      <c r="Q7479">
        <v>97965.62457</v>
      </c>
      <c r="R7479">
        <v>26222.457409999999</v>
      </c>
      <c r="S7479">
        <v>117139.6471</v>
      </c>
      <c r="T7479">
        <v>36052.125719999996</v>
      </c>
      <c r="U7479">
        <v>23449.60828</v>
      </c>
      <c r="W7479" s="83">
        <f>Bühler!N7511</f>
        <v>45603.541666648533</v>
      </c>
      <c r="X7479" s="83">
        <v>43412.541666666664</v>
      </c>
      <c r="Y7479">
        <v>290094.58649999998</v>
      </c>
      <c r="Z7479">
        <v>32751.850129999999</v>
      </c>
      <c r="AA7479">
        <v>96714.990170000005</v>
      </c>
      <c r="AB7479">
        <v>88357.009919999997</v>
      </c>
      <c r="AC7479">
        <v>54010.223749999997</v>
      </c>
      <c r="AD7479">
        <v>37607.437570000002</v>
      </c>
      <c r="AE7479">
        <v>31866.708709999999</v>
      </c>
      <c r="AF7479">
        <v>61336.990149999998</v>
      </c>
      <c r="AG7479">
        <v>31744.34102</v>
      </c>
      <c r="AH7479">
        <v>335362.80489999999</v>
      </c>
      <c r="AI7479">
        <v>90390.831049999993</v>
      </c>
      <c r="AJ7479">
        <v>25638.35644</v>
      </c>
      <c r="AK7479">
        <v>34599.183340000003</v>
      </c>
      <c r="AL7479">
        <v>97965.62457</v>
      </c>
      <c r="AM7479">
        <v>26222.457409999999</v>
      </c>
      <c r="AN7479">
        <v>117139.6471</v>
      </c>
      <c r="AO7479">
        <v>36052.125719999996</v>
      </c>
      <c r="AP7479">
        <v>23449.60828</v>
      </c>
    </row>
    <row r="7480" spans="2:42" x14ac:dyDescent="0.3">
      <c r="B7480">
        <v>66.318490624831284</v>
      </c>
      <c r="C7480" s="83">
        <v>43412.583333333336</v>
      </c>
      <c r="D7480">
        <v>292581.82490000001</v>
      </c>
      <c r="E7480">
        <v>35588.370770000001</v>
      </c>
      <c r="F7480">
        <v>98903.159069999994</v>
      </c>
      <c r="G7480">
        <v>83871.693469999998</v>
      </c>
      <c r="H7480">
        <v>54267.816529999996</v>
      </c>
      <c r="I7480">
        <v>39318.120439999999</v>
      </c>
      <c r="J7480">
        <v>32174.656599999998</v>
      </c>
      <c r="K7480">
        <v>64384.038119999997</v>
      </c>
      <c r="L7480">
        <v>28773.61781</v>
      </c>
      <c r="M7480">
        <v>338122.59230000002</v>
      </c>
      <c r="N7480">
        <v>90860.483129999993</v>
      </c>
      <c r="O7480">
        <v>25211.683949999999</v>
      </c>
      <c r="P7480">
        <v>30707.499019999999</v>
      </c>
      <c r="Q7480">
        <v>98384.905490000005</v>
      </c>
      <c r="R7480">
        <v>25115.342000000001</v>
      </c>
      <c r="S7480">
        <v>112614.4875</v>
      </c>
      <c r="T7480">
        <v>34399.542289999998</v>
      </c>
      <c r="U7480">
        <v>24685.05142</v>
      </c>
      <c r="W7480" s="83">
        <f>Bühler!N7512</f>
        <v>45603.583333315197</v>
      </c>
      <c r="X7480" s="83">
        <v>43412.583333333336</v>
      </c>
      <c r="Y7480">
        <v>292581.82490000001</v>
      </c>
      <c r="Z7480">
        <v>35588.370770000001</v>
      </c>
      <c r="AA7480">
        <v>98903.159069999994</v>
      </c>
      <c r="AB7480">
        <v>83871.693469999998</v>
      </c>
      <c r="AC7480">
        <v>54267.816529999996</v>
      </c>
      <c r="AD7480">
        <v>39318.120439999999</v>
      </c>
      <c r="AE7480">
        <v>32174.656599999998</v>
      </c>
      <c r="AF7480">
        <v>64384.038119999997</v>
      </c>
      <c r="AG7480">
        <v>28773.61781</v>
      </c>
      <c r="AH7480">
        <v>338122.59230000002</v>
      </c>
      <c r="AI7480">
        <v>90860.483129999993</v>
      </c>
      <c r="AJ7480">
        <v>25211.683949999999</v>
      </c>
      <c r="AK7480">
        <v>30707.499019999999</v>
      </c>
      <c r="AL7480">
        <v>98384.905490000005</v>
      </c>
      <c r="AM7480">
        <v>25115.342000000001</v>
      </c>
      <c r="AN7480">
        <v>112614.4875</v>
      </c>
      <c r="AO7480">
        <v>34399.542289999998</v>
      </c>
      <c r="AP7480">
        <v>24685.05142</v>
      </c>
    </row>
    <row r="7481" spans="2:42" x14ac:dyDescent="0.3">
      <c r="B7481">
        <v>65.525690255289248</v>
      </c>
      <c r="C7481" s="83">
        <v>43412.625</v>
      </c>
      <c r="D7481">
        <v>291967.1128</v>
      </c>
      <c r="E7481">
        <v>35696.975310000002</v>
      </c>
      <c r="F7481">
        <v>99064.302079999994</v>
      </c>
      <c r="G7481">
        <v>81593.678880000007</v>
      </c>
      <c r="H7481">
        <v>52619.542430000001</v>
      </c>
      <c r="I7481">
        <v>40125.499519999998</v>
      </c>
      <c r="J7481">
        <v>32506.19973</v>
      </c>
      <c r="K7481">
        <v>63268.897599999997</v>
      </c>
      <c r="L7481">
        <v>25863.967209999999</v>
      </c>
      <c r="M7481">
        <v>334080.52630000003</v>
      </c>
      <c r="N7481">
        <v>88558.734830000001</v>
      </c>
      <c r="O7481">
        <v>24993.651330000001</v>
      </c>
      <c r="P7481">
        <v>28473.655620000001</v>
      </c>
      <c r="Q7481">
        <v>97737.433290000001</v>
      </c>
      <c r="R7481">
        <v>23527.92282</v>
      </c>
      <c r="S7481">
        <v>111471.4562</v>
      </c>
      <c r="T7481">
        <v>34432.144659999998</v>
      </c>
      <c r="U7481">
        <v>22514.060539999999</v>
      </c>
      <c r="W7481" s="83">
        <f>Bühler!N7513</f>
        <v>45603.624999981861</v>
      </c>
      <c r="X7481" s="83">
        <v>43412.625</v>
      </c>
      <c r="Y7481">
        <v>291967.1128</v>
      </c>
      <c r="Z7481">
        <v>35696.975310000002</v>
      </c>
      <c r="AA7481">
        <v>99064.302079999994</v>
      </c>
      <c r="AB7481">
        <v>81593.678880000007</v>
      </c>
      <c r="AC7481">
        <v>52619.542430000001</v>
      </c>
      <c r="AD7481">
        <v>40125.499519999998</v>
      </c>
      <c r="AE7481">
        <v>32506.19973</v>
      </c>
      <c r="AF7481">
        <v>63268.897599999997</v>
      </c>
      <c r="AG7481">
        <v>25863.967209999999</v>
      </c>
      <c r="AH7481">
        <v>334080.52630000003</v>
      </c>
      <c r="AI7481">
        <v>88558.734830000001</v>
      </c>
      <c r="AJ7481">
        <v>24993.651330000001</v>
      </c>
      <c r="AK7481">
        <v>28473.655620000001</v>
      </c>
      <c r="AL7481">
        <v>97737.433290000001</v>
      </c>
      <c r="AM7481">
        <v>23527.92282</v>
      </c>
      <c r="AN7481">
        <v>111471.4562</v>
      </c>
      <c r="AO7481">
        <v>34432.144659999998</v>
      </c>
      <c r="AP7481">
        <v>22514.060539999999</v>
      </c>
    </row>
    <row r="7482" spans="2:42" x14ac:dyDescent="0.3">
      <c r="B7482">
        <v>64.238885467345199</v>
      </c>
      <c r="C7482" s="83">
        <v>43412.666666666664</v>
      </c>
      <c r="D7482">
        <v>284903.52610000002</v>
      </c>
      <c r="E7482">
        <v>34840.028660000004</v>
      </c>
      <c r="F7482">
        <v>98950.394820000001</v>
      </c>
      <c r="G7482">
        <v>79079.276060000004</v>
      </c>
      <c r="H7482">
        <v>51294.79449</v>
      </c>
      <c r="I7482">
        <v>41005.884109999999</v>
      </c>
      <c r="J7482">
        <v>31844.004400000002</v>
      </c>
      <c r="K7482">
        <v>61061.130989999998</v>
      </c>
      <c r="L7482">
        <v>24418.10715</v>
      </c>
      <c r="M7482">
        <v>327519.7954</v>
      </c>
      <c r="N7482">
        <v>87131.493889999998</v>
      </c>
      <c r="O7482">
        <v>24830.50517</v>
      </c>
      <c r="P7482">
        <v>28262.63091</v>
      </c>
      <c r="Q7482">
        <v>97251.613620000004</v>
      </c>
      <c r="R7482">
        <v>24364.743050000001</v>
      </c>
      <c r="S7482">
        <v>110466.6122</v>
      </c>
      <c r="T7482">
        <v>35051.16908</v>
      </c>
      <c r="U7482">
        <v>21313.445940000001</v>
      </c>
      <c r="W7482" s="83">
        <f>Bühler!N7514</f>
        <v>45603.666666648525</v>
      </c>
      <c r="X7482" s="83">
        <v>43412.666666666664</v>
      </c>
      <c r="Y7482">
        <v>284903.52610000002</v>
      </c>
      <c r="Z7482">
        <v>34840.028660000004</v>
      </c>
      <c r="AA7482">
        <v>98950.394820000001</v>
      </c>
      <c r="AB7482">
        <v>79079.276060000004</v>
      </c>
      <c r="AC7482">
        <v>51294.79449</v>
      </c>
      <c r="AD7482">
        <v>41005.884109999999</v>
      </c>
      <c r="AE7482">
        <v>31844.004400000002</v>
      </c>
      <c r="AF7482">
        <v>61061.130989999998</v>
      </c>
      <c r="AG7482">
        <v>24418.10715</v>
      </c>
      <c r="AH7482">
        <v>327519.7954</v>
      </c>
      <c r="AI7482">
        <v>87131.493889999998</v>
      </c>
      <c r="AJ7482">
        <v>24830.50517</v>
      </c>
      <c r="AK7482">
        <v>28262.63091</v>
      </c>
      <c r="AL7482">
        <v>97251.613620000004</v>
      </c>
      <c r="AM7482">
        <v>24364.743050000001</v>
      </c>
      <c r="AN7482">
        <v>110466.6122</v>
      </c>
      <c r="AO7482">
        <v>35051.16908</v>
      </c>
      <c r="AP7482">
        <v>21313.445940000001</v>
      </c>
    </row>
    <row r="7483" spans="2:42" x14ac:dyDescent="0.3">
      <c r="B7483">
        <v>63.451730501355833</v>
      </c>
      <c r="C7483" s="83">
        <v>43412.708333333336</v>
      </c>
      <c r="D7483">
        <v>276696.01049999997</v>
      </c>
      <c r="E7483">
        <v>33531.709360000001</v>
      </c>
      <c r="F7483">
        <v>100190.20080000001</v>
      </c>
      <c r="G7483">
        <v>72633.144809999998</v>
      </c>
      <c r="H7483">
        <v>50851.632729999998</v>
      </c>
      <c r="I7483">
        <v>41405.465790000002</v>
      </c>
      <c r="J7483">
        <v>34225.883860000002</v>
      </c>
      <c r="K7483">
        <v>56516.9977</v>
      </c>
      <c r="L7483">
        <v>25268.21876</v>
      </c>
      <c r="M7483">
        <v>323506.5123</v>
      </c>
      <c r="N7483">
        <v>84456.561879999994</v>
      </c>
      <c r="O7483">
        <v>24320.217120000001</v>
      </c>
      <c r="P7483">
        <v>30406.62931</v>
      </c>
      <c r="Q7483">
        <v>96586.153250000003</v>
      </c>
      <c r="R7483">
        <v>22706.92555</v>
      </c>
      <c r="S7483">
        <v>110321.254</v>
      </c>
      <c r="T7483">
        <v>36145.283689999997</v>
      </c>
      <c r="U7483">
        <v>19588.89891</v>
      </c>
      <c r="W7483" s="83">
        <f>Bühler!N7515</f>
        <v>45603.70833331519</v>
      </c>
      <c r="X7483" s="83">
        <v>43412.708333333336</v>
      </c>
      <c r="Y7483">
        <v>276696.01049999997</v>
      </c>
      <c r="Z7483">
        <v>33531.709360000001</v>
      </c>
      <c r="AA7483">
        <v>100190.20080000001</v>
      </c>
      <c r="AB7483">
        <v>72633.144809999998</v>
      </c>
      <c r="AC7483">
        <v>50851.632729999998</v>
      </c>
      <c r="AD7483">
        <v>41405.465790000002</v>
      </c>
      <c r="AE7483">
        <v>34225.883860000002</v>
      </c>
      <c r="AF7483">
        <v>56516.9977</v>
      </c>
      <c r="AG7483">
        <v>25268.21876</v>
      </c>
      <c r="AH7483">
        <v>323506.5123</v>
      </c>
      <c r="AI7483">
        <v>84456.561879999994</v>
      </c>
      <c r="AJ7483">
        <v>24320.217120000001</v>
      </c>
      <c r="AK7483">
        <v>30406.62931</v>
      </c>
      <c r="AL7483">
        <v>96586.153250000003</v>
      </c>
      <c r="AM7483">
        <v>22706.92555</v>
      </c>
      <c r="AN7483">
        <v>110321.254</v>
      </c>
      <c r="AO7483">
        <v>36145.283689999997</v>
      </c>
      <c r="AP7483">
        <v>19588.89891</v>
      </c>
    </row>
    <row r="7484" spans="2:42" x14ac:dyDescent="0.3">
      <c r="B7484">
        <v>62.678910022464798</v>
      </c>
      <c r="C7484" s="83">
        <v>43412.75</v>
      </c>
      <c r="D7484">
        <v>270842.37890000001</v>
      </c>
      <c r="E7484">
        <v>31049.786080000002</v>
      </c>
      <c r="F7484">
        <v>98803.731709999993</v>
      </c>
      <c r="G7484">
        <v>63577.333229999997</v>
      </c>
      <c r="H7484">
        <v>49360.145689999998</v>
      </c>
      <c r="I7484">
        <v>39423.822939999998</v>
      </c>
      <c r="J7484">
        <v>35203.875169999999</v>
      </c>
      <c r="K7484">
        <v>54543.913240000002</v>
      </c>
      <c r="L7484">
        <v>27454.801230000001</v>
      </c>
      <c r="M7484">
        <v>319566.31310000003</v>
      </c>
      <c r="N7484">
        <v>82227.966780000002</v>
      </c>
      <c r="O7484">
        <v>23929.488949999999</v>
      </c>
      <c r="P7484">
        <v>35179.485950000002</v>
      </c>
      <c r="Q7484">
        <v>95271.975290000002</v>
      </c>
      <c r="R7484">
        <v>22893.189340000001</v>
      </c>
      <c r="S7484">
        <v>105964.0104</v>
      </c>
      <c r="T7484">
        <v>38005.080220000003</v>
      </c>
      <c r="U7484">
        <v>18188.594799999999</v>
      </c>
      <c r="W7484" s="83">
        <f>Bühler!N7516</f>
        <v>45603.749999981854</v>
      </c>
      <c r="X7484" s="83">
        <v>43412.75</v>
      </c>
      <c r="Y7484">
        <v>270842.37890000001</v>
      </c>
      <c r="Z7484">
        <v>31049.786080000002</v>
      </c>
      <c r="AA7484">
        <v>98803.731709999993</v>
      </c>
      <c r="AB7484">
        <v>63577.333229999997</v>
      </c>
      <c r="AC7484">
        <v>49360.145689999998</v>
      </c>
      <c r="AD7484">
        <v>39423.822939999998</v>
      </c>
      <c r="AE7484">
        <v>35203.875169999999</v>
      </c>
      <c r="AF7484">
        <v>54543.913240000002</v>
      </c>
      <c r="AG7484">
        <v>27454.801230000001</v>
      </c>
      <c r="AH7484">
        <v>319566.31310000003</v>
      </c>
      <c r="AI7484">
        <v>82227.966780000002</v>
      </c>
      <c r="AJ7484">
        <v>23929.488949999999</v>
      </c>
      <c r="AK7484">
        <v>35179.485950000002</v>
      </c>
      <c r="AL7484">
        <v>95271.975290000002</v>
      </c>
      <c r="AM7484">
        <v>22893.189340000001</v>
      </c>
      <c r="AN7484">
        <v>105964.0104</v>
      </c>
      <c r="AO7484">
        <v>38005.080220000003</v>
      </c>
      <c r="AP7484">
        <v>18188.594799999999</v>
      </c>
    </row>
    <row r="7485" spans="2:42" x14ac:dyDescent="0.3">
      <c r="B7485">
        <v>61.432138783103845</v>
      </c>
      <c r="C7485" s="83">
        <v>43412.791666666664</v>
      </c>
      <c r="D7485">
        <v>264617.47779999999</v>
      </c>
      <c r="E7485">
        <v>25488.59506</v>
      </c>
      <c r="F7485">
        <v>84438.538480000003</v>
      </c>
      <c r="G7485">
        <v>56441.740879999998</v>
      </c>
      <c r="H7485">
        <v>46501.160510000002</v>
      </c>
      <c r="I7485">
        <v>35688.793799999999</v>
      </c>
      <c r="J7485">
        <v>34117.448799999998</v>
      </c>
      <c r="K7485">
        <v>52229.846830000002</v>
      </c>
      <c r="L7485">
        <v>28010.13091</v>
      </c>
      <c r="M7485">
        <v>313209.69189999998</v>
      </c>
      <c r="N7485">
        <v>78606.912320000003</v>
      </c>
      <c r="O7485">
        <v>22243.49843</v>
      </c>
      <c r="P7485">
        <v>36805.747929999998</v>
      </c>
      <c r="Q7485">
        <v>93421.254419999997</v>
      </c>
      <c r="R7485">
        <v>22790.230970000001</v>
      </c>
      <c r="S7485">
        <v>99176.430859999993</v>
      </c>
      <c r="T7485">
        <v>37265.350030000001</v>
      </c>
      <c r="U7485">
        <v>16479.93993</v>
      </c>
      <c r="W7485" s="83">
        <f>Bühler!N7517</f>
        <v>45603.791666648518</v>
      </c>
      <c r="X7485" s="83">
        <v>43412.791666666664</v>
      </c>
      <c r="Y7485">
        <v>264617.47779999999</v>
      </c>
      <c r="Z7485">
        <v>25488.59506</v>
      </c>
      <c r="AA7485">
        <v>84438.538480000003</v>
      </c>
      <c r="AB7485">
        <v>56441.740879999998</v>
      </c>
      <c r="AC7485">
        <v>46501.160510000002</v>
      </c>
      <c r="AD7485">
        <v>35688.793799999999</v>
      </c>
      <c r="AE7485">
        <v>34117.448799999998</v>
      </c>
      <c r="AF7485">
        <v>52229.846830000002</v>
      </c>
      <c r="AG7485">
        <v>28010.13091</v>
      </c>
      <c r="AH7485">
        <v>313209.69189999998</v>
      </c>
      <c r="AI7485">
        <v>78606.912320000003</v>
      </c>
      <c r="AJ7485">
        <v>22243.49843</v>
      </c>
      <c r="AK7485">
        <v>36805.747929999998</v>
      </c>
      <c r="AL7485">
        <v>93421.254419999997</v>
      </c>
      <c r="AM7485">
        <v>22790.230970000001</v>
      </c>
      <c r="AN7485">
        <v>99176.430859999993</v>
      </c>
      <c r="AO7485">
        <v>37265.350030000001</v>
      </c>
      <c r="AP7485">
        <v>16479.93993</v>
      </c>
    </row>
    <row r="7486" spans="2:42" x14ac:dyDescent="0.3">
      <c r="B7486">
        <v>59.760316488258503</v>
      </c>
      <c r="C7486" s="83">
        <v>43412.833333333336</v>
      </c>
      <c r="D7486">
        <v>254330.06709999999</v>
      </c>
      <c r="E7486">
        <v>19517.051039999998</v>
      </c>
      <c r="F7486">
        <v>65546.518580000004</v>
      </c>
      <c r="G7486">
        <v>49152.304759999999</v>
      </c>
      <c r="H7486">
        <v>43293.901660000003</v>
      </c>
      <c r="I7486">
        <v>31549.242190000001</v>
      </c>
      <c r="J7486">
        <v>32693.094239999999</v>
      </c>
      <c r="K7486">
        <v>51596.554830000001</v>
      </c>
      <c r="L7486">
        <v>26972.466619999999</v>
      </c>
      <c r="M7486">
        <v>304685.96220000001</v>
      </c>
      <c r="N7486">
        <v>77403.879530000006</v>
      </c>
      <c r="O7486">
        <v>21111.748769999998</v>
      </c>
      <c r="P7486">
        <v>36356.702169999997</v>
      </c>
      <c r="Q7486">
        <v>91316.048720000006</v>
      </c>
      <c r="R7486">
        <v>19784.764899999998</v>
      </c>
      <c r="S7486">
        <v>89415.758709999995</v>
      </c>
      <c r="T7486">
        <v>35234.32591</v>
      </c>
      <c r="U7486">
        <v>15180.700500000001</v>
      </c>
      <c r="W7486" s="83">
        <f>Bühler!N7518</f>
        <v>45603.833333315182</v>
      </c>
      <c r="X7486" s="83">
        <v>43412.833333333336</v>
      </c>
      <c r="Y7486">
        <v>254330.06709999999</v>
      </c>
      <c r="Z7486">
        <v>19517.051039999998</v>
      </c>
      <c r="AA7486">
        <v>65546.518580000004</v>
      </c>
      <c r="AB7486">
        <v>49152.304759999999</v>
      </c>
      <c r="AC7486">
        <v>43293.901660000003</v>
      </c>
      <c r="AD7486">
        <v>31549.242190000001</v>
      </c>
      <c r="AE7486">
        <v>32693.094239999999</v>
      </c>
      <c r="AF7486">
        <v>51596.554830000001</v>
      </c>
      <c r="AG7486">
        <v>26972.466619999999</v>
      </c>
      <c r="AH7486">
        <v>304685.96220000001</v>
      </c>
      <c r="AI7486">
        <v>77403.879530000006</v>
      </c>
      <c r="AJ7486">
        <v>21111.748769999998</v>
      </c>
      <c r="AK7486">
        <v>36356.702169999997</v>
      </c>
      <c r="AL7486">
        <v>91316.048720000006</v>
      </c>
      <c r="AM7486">
        <v>19784.764899999998</v>
      </c>
      <c r="AN7486">
        <v>89415.758709999995</v>
      </c>
      <c r="AO7486">
        <v>35234.32591</v>
      </c>
      <c r="AP7486">
        <v>15180.700500000001</v>
      </c>
    </row>
    <row r="7487" spans="2:42" x14ac:dyDescent="0.3">
      <c r="B7487">
        <v>57.589105351900585</v>
      </c>
      <c r="C7487" s="83">
        <v>43412.875</v>
      </c>
      <c r="D7487">
        <v>242689.27710000001</v>
      </c>
      <c r="E7487">
        <v>16623.78082</v>
      </c>
      <c r="F7487">
        <v>57462.168100000003</v>
      </c>
      <c r="G7487">
        <v>45080.735430000001</v>
      </c>
      <c r="H7487">
        <v>40617.07159</v>
      </c>
      <c r="I7487">
        <v>27375.94184</v>
      </c>
      <c r="J7487">
        <v>31506.247230000001</v>
      </c>
      <c r="K7487">
        <v>49580.383979999999</v>
      </c>
      <c r="L7487">
        <v>24870.720239999999</v>
      </c>
      <c r="M7487">
        <v>293616.1153</v>
      </c>
      <c r="N7487">
        <v>74290.711769999994</v>
      </c>
      <c r="O7487">
        <v>20134.586869999999</v>
      </c>
      <c r="P7487">
        <v>33603.087979999997</v>
      </c>
      <c r="Q7487">
        <v>89222.648650000003</v>
      </c>
      <c r="R7487">
        <v>18618.777290000002</v>
      </c>
      <c r="S7487">
        <v>83564.018729999996</v>
      </c>
      <c r="T7487">
        <v>31833.73617</v>
      </c>
      <c r="U7487">
        <v>14036.97925</v>
      </c>
      <c r="W7487" s="83">
        <f>Bühler!N7519</f>
        <v>45603.874999981846</v>
      </c>
      <c r="X7487" s="83">
        <v>43412.875</v>
      </c>
      <c r="Y7487">
        <v>242689.27710000001</v>
      </c>
      <c r="Z7487">
        <v>16623.78082</v>
      </c>
      <c r="AA7487">
        <v>57462.168100000003</v>
      </c>
      <c r="AB7487">
        <v>45080.735430000001</v>
      </c>
      <c r="AC7487">
        <v>40617.07159</v>
      </c>
      <c r="AD7487">
        <v>27375.94184</v>
      </c>
      <c r="AE7487">
        <v>31506.247230000001</v>
      </c>
      <c r="AF7487">
        <v>49580.383979999999</v>
      </c>
      <c r="AG7487">
        <v>24870.720239999999</v>
      </c>
      <c r="AH7487">
        <v>293616.1153</v>
      </c>
      <c r="AI7487">
        <v>74290.711769999994</v>
      </c>
      <c r="AJ7487">
        <v>20134.586869999999</v>
      </c>
      <c r="AK7487">
        <v>33603.087979999997</v>
      </c>
      <c r="AL7487">
        <v>89222.648650000003</v>
      </c>
      <c r="AM7487">
        <v>18618.777290000002</v>
      </c>
      <c r="AN7487">
        <v>83564.018729999996</v>
      </c>
      <c r="AO7487">
        <v>31833.73617</v>
      </c>
      <c r="AP7487">
        <v>14036.97925</v>
      </c>
    </row>
    <row r="7488" spans="2:42" x14ac:dyDescent="0.3">
      <c r="B7488">
        <v>57.250532086094168</v>
      </c>
      <c r="C7488" s="83">
        <v>43412.916666666664</v>
      </c>
      <c r="D7488">
        <v>241177.69870000001</v>
      </c>
      <c r="E7488">
        <v>15308.570890000001</v>
      </c>
      <c r="F7488">
        <v>54588.210980000003</v>
      </c>
      <c r="G7488">
        <v>42311.111660000002</v>
      </c>
      <c r="H7488">
        <v>38955.1273</v>
      </c>
      <c r="I7488">
        <v>25230.67368</v>
      </c>
      <c r="J7488">
        <v>30404.964749999999</v>
      </c>
      <c r="K7488">
        <v>53255.816120000003</v>
      </c>
      <c r="L7488">
        <v>22569.973180000001</v>
      </c>
      <c r="M7488">
        <v>291889.91090000002</v>
      </c>
      <c r="N7488">
        <v>72396.237680000006</v>
      </c>
      <c r="O7488">
        <v>20159.91532</v>
      </c>
      <c r="P7488">
        <v>33903.13809</v>
      </c>
      <c r="Q7488">
        <v>88587.609710000004</v>
      </c>
      <c r="R7488">
        <v>20942.447059999999</v>
      </c>
      <c r="S7488">
        <v>82269.341509999998</v>
      </c>
      <c r="T7488">
        <v>27504.242180000001</v>
      </c>
      <c r="U7488">
        <v>14072.8629</v>
      </c>
      <c r="W7488" s="83">
        <f>Bühler!N7520</f>
        <v>45603.916666648511</v>
      </c>
      <c r="X7488" s="83">
        <v>43412.916666666664</v>
      </c>
      <c r="Y7488">
        <v>241177.69870000001</v>
      </c>
      <c r="Z7488">
        <v>15308.570890000001</v>
      </c>
      <c r="AA7488">
        <v>54588.210980000003</v>
      </c>
      <c r="AB7488">
        <v>42311.111660000002</v>
      </c>
      <c r="AC7488">
        <v>38955.1273</v>
      </c>
      <c r="AD7488">
        <v>25230.67368</v>
      </c>
      <c r="AE7488">
        <v>30404.964749999999</v>
      </c>
      <c r="AF7488">
        <v>53255.816120000003</v>
      </c>
      <c r="AG7488">
        <v>22569.973180000001</v>
      </c>
      <c r="AH7488">
        <v>291889.91090000002</v>
      </c>
      <c r="AI7488">
        <v>72396.237680000006</v>
      </c>
      <c r="AJ7488">
        <v>20159.91532</v>
      </c>
      <c r="AK7488">
        <v>33903.13809</v>
      </c>
      <c r="AL7488">
        <v>88587.609710000004</v>
      </c>
      <c r="AM7488">
        <v>20942.447059999999</v>
      </c>
      <c r="AN7488">
        <v>82269.341509999998</v>
      </c>
      <c r="AO7488">
        <v>27504.242180000001</v>
      </c>
      <c r="AP7488">
        <v>14072.8629</v>
      </c>
    </row>
    <row r="7489" spans="2:42" x14ac:dyDescent="0.3">
      <c r="B7489">
        <v>56.907645954707171</v>
      </c>
      <c r="C7489" s="83">
        <v>43412.958333333336</v>
      </c>
      <c r="D7489">
        <v>242536.2887</v>
      </c>
      <c r="E7489">
        <v>14604.23875</v>
      </c>
      <c r="F7489">
        <v>53337.526769999997</v>
      </c>
      <c r="G7489">
        <v>40744.015350000001</v>
      </c>
      <c r="H7489">
        <v>37840.923069999997</v>
      </c>
      <c r="I7489">
        <v>23496.154610000001</v>
      </c>
      <c r="J7489">
        <v>28179.409360000001</v>
      </c>
      <c r="K7489">
        <v>52495.181689999998</v>
      </c>
      <c r="L7489">
        <v>19474.18635</v>
      </c>
      <c r="M7489">
        <v>290141.71750000003</v>
      </c>
      <c r="N7489">
        <v>72055.61133</v>
      </c>
      <c r="O7489">
        <v>19768.24093</v>
      </c>
      <c r="P7489">
        <v>29923.757809999999</v>
      </c>
      <c r="Q7489">
        <v>87814.84779</v>
      </c>
      <c r="R7489">
        <v>20351.764039999998</v>
      </c>
      <c r="S7489">
        <v>80500.410080000001</v>
      </c>
      <c r="T7489">
        <v>28319.874479999999</v>
      </c>
      <c r="U7489">
        <v>13791.948770000001</v>
      </c>
      <c r="W7489" s="83">
        <f>Bühler!N7521</f>
        <v>45603.958333315175</v>
      </c>
      <c r="X7489" s="83">
        <v>43412.958333333336</v>
      </c>
      <c r="Y7489">
        <v>242536.2887</v>
      </c>
      <c r="Z7489">
        <v>14604.23875</v>
      </c>
      <c r="AA7489">
        <v>53337.526769999997</v>
      </c>
      <c r="AB7489">
        <v>40744.015350000001</v>
      </c>
      <c r="AC7489">
        <v>37840.923069999997</v>
      </c>
      <c r="AD7489">
        <v>23496.154610000001</v>
      </c>
      <c r="AE7489">
        <v>28179.409360000001</v>
      </c>
      <c r="AF7489">
        <v>52495.181689999998</v>
      </c>
      <c r="AG7489">
        <v>19474.18635</v>
      </c>
      <c r="AH7489">
        <v>290141.71750000003</v>
      </c>
      <c r="AI7489">
        <v>72055.61133</v>
      </c>
      <c r="AJ7489">
        <v>19768.24093</v>
      </c>
      <c r="AK7489">
        <v>29923.757809999999</v>
      </c>
      <c r="AL7489">
        <v>87814.84779</v>
      </c>
      <c r="AM7489">
        <v>20351.764039999998</v>
      </c>
      <c r="AN7489">
        <v>80500.410080000001</v>
      </c>
      <c r="AO7489">
        <v>28319.874479999999</v>
      </c>
      <c r="AP7489">
        <v>13791.948770000001</v>
      </c>
    </row>
    <row r="7490" spans="2:42" x14ac:dyDescent="0.3">
      <c r="B7490">
        <v>56.143227041527659</v>
      </c>
      <c r="C7490" s="83">
        <v>43413</v>
      </c>
      <c r="D7490">
        <v>240189.3339</v>
      </c>
      <c r="E7490">
        <v>14305.33273</v>
      </c>
      <c r="F7490">
        <v>52565.625719999996</v>
      </c>
      <c r="G7490">
        <v>40085.214800000002</v>
      </c>
      <c r="H7490">
        <v>37262.27951</v>
      </c>
      <c r="I7490">
        <v>21320.498029999999</v>
      </c>
      <c r="J7490">
        <v>26358.323670000002</v>
      </c>
      <c r="K7490">
        <v>50537.200420000001</v>
      </c>
      <c r="L7490">
        <v>17408.24483</v>
      </c>
      <c r="M7490">
        <v>286244.35340000002</v>
      </c>
      <c r="N7490">
        <v>69817.255350000007</v>
      </c>
      <c r="O7490">
        <v>19699.614949999999</v>
      </c>
      <c r="P7490">
        <v>28364.205910000001</v>
      </c>
      <c r="Q7490">
        <v>87267.820689999993</v>
      </c>
      <c r="R7490">
        <v>19155.320199999998</v>
      </c>
      <c r="S7490">
        <v>79050.338189999995</v>
      </c>
      <c r="T7490">
        <v>25980.897400000002</v>
      </c>
      <c r="U7490">
        <v>13537.674499999999</v>
      </c>
      <c r="W7490" s="83">
        <f>Bühler!N7522</f>
        <v>45603.999999981839</v>
      </c>
      <c r="X7490" s="83">
        <v>43413</v>
      </c>
      <c r="Y7490">
        <v>240189.3339</v>
      </c>
      <c r="Z7490">
        <v>14305.33273</v>
      </c>
      <c r="AA7490">
        <v>52565.625719999996</v>
      </c>
      <c r="AB7490">
        <v>40085.214800000002</v>
      </c>
      <c r="AC7490">
        <v>37262.27951</v>
      </c>
      <c r="AD7490">
        <v>21320.498029999999</v>
      </c>
      <c r="AE7490">
        <v>26358.323670000002</v>
      </c>
      <c r="AF7490">
        <v>50537.200420000001</v>
      </c>
      <c r="AG7490">
        <v>17408.24483</v>
      </c>
      <c r="AH7490">
        <v>286244.35340000002</v>
      </c>
      <c r="AI7490">
        <v>69817.255350000007</v>
      </c>
      <c r="AJ7490">
        <v>19699.614949999999</v>
      </c>
      <c r="AK7490">
        <v>28364.205910000001</v>
      </c>
      <c r="AL7490">
        <v>87267.820689999993</v>
      </c>
      <c r="AM7490">
        <v>19155.320199999998</v>
      </c>
      <c r="AN7490">
        <v>79050.338189999995</v>
      </c>
      <c r="AO7490">
        <v>25980.897400000002</v>
      </c>
      <c r="AP7490">
        <v>13537.674499999999</v>
      </c>
    </row>
    <row r="7491" spans="2:42" x14ac:dyDescent="0.3">
      <c r="B7491">
        <v>55.709011759613915</v>
      </c>
      <c r="C7491" s="83">
        <v>43413.041666666664</v>
      </c>
      <c r="D7491">
        <v>238536.9345</v>
      </c>
      <c r="E7491">
        <v>14111.568240000001</v>
      </c>
      <c r="F7491">
        <v>53230.301950000001</v>
      </c>
      <c r="G7491">
        <v>39782.320229999998</v>
      </c>
      <c r="H7491">
        <v>36705.337</v>
      </c>
      <c r="I7491">
        <v>18460.690030000002</v>
      </c>
      <c r="J7491">
        <v>25593.204949999999</v>
      </c>
      <c r="K7491">
        <v>49180.768340000002</v>
      </c>
      <c r="L7491">
        <v>16820.907360000001</v>
      </c>
      <c r="M7491">
        <v>284030.52140000003</v>
      </c>
      <c r="N7491">
        <v>68478.903820000007</v>
      </c>
      <c r="O7491">
        <v>19278.545310000001</v>
      </c>
      <c r="P7491">
        <v>26393.39646</v>
      </c>
      <c r="Q7491">
        <v>86952.885339999993</v>
      </c>
      <c r="R7491">
        <v>18348.613000000001</v>
      </c>
      <c r="S7491">
        <v>78131.080149999994</v>
      </c>
      <c r="T7491">
        <v>24777.755730000001</v>
      </c>
      <c r="U7491">
        <v>13775.123820000001</v>
      </c>
      <c r="W7491" s="83">
        <f>Bühler!N7523</f>
        <v>45604.041666648503</v>
      </c>
      <c r="X7491" s="83">
        <v>43413.041666666664</v>
      </c>
      <c r="Y7491">
        <v>238536.9345</v>
      </c>
      <c r="Z7491">
        <v>14111.568240000001</v>
      </c>
      <c r="AA7491">
        <v>53230.301950000001</v>
      </c>
      <c r="AB7491">
        <v>39782.320229999998</v>
      </c>
      <c r="AC7491">
        <v>36705.337</v>
      </c>
      <c r="AD7491">
        <v>18460.690030000002</v>
      </c>
      <c r="AE7491">
        <v>25593.204949999999</v>
      </c>
      <c r="AF7491">
        <v>49180.768340000002</v>
      </c>
      <c r="AG7491">
        <v>16820.907360000001</v>
      </c>
      <c r="AH7491">
        <v>284030.52140000003</v>
      </c>
      <c r="AI7491">
        <v>68478.903820000007</v>
      </c>
      <c r="AJ7491">
        <v>19278.545310000001</v>
      </c>
      <c r="AK7491">
        <v>26393.39646</v>
      </c>
      <c r="AL7491">
        <v>86952.885339999993</v>
      </c>
      <c r="AM7491">
        <v>18348.613000000001</v>
      </c>
      <c r="AN7491">
        <v>78131.080149999994</v>
      </c>
      <c r="AO7491">
        <v>24777.755730000001</v>
      </c>
      <c r="AP7491">
        <v>13775.123820000001</v>
      </c>
    </row>
    <row r="7492" spans="2:42" x14ac:dyDescent="0.3">
      <c r="B7492">
        <v>55.439807236538925</v>
      </c>
      <c r="C7492" s="83">
        <v>43413.083333333336</v>
      </c>
      <c r="D7492">
        <v>238184.96660000001</v>
      </c>
      <c r="E7492">
        <v>13996.219649999999</v>
      </c>
      <c r="F7492">
        <v>53812.386700000003</v>
      </c>
      <c r="G7492">
        <v>39154.89834</v>
      </c>
      <c r="H7492">
        <v>36648.689469999998</v>
      </c>
      <c r="I7492">
        <v>17139.56338</v>
      </c>
      <c r="J7492">
        <v>25388.454269999998</v>
      </c>
      <c r="K7492">
        <v>47652.514799999997</v>
      </c>
      <c r="L7492">
        <v>16755.231800000001</v>
      </c>
      <c r="M7492">
        <v>282657.99119999999</v>
      </c>
      <c r="N7492">
        <v>67369.877940000006</v>
      </c>
      <c r="O7492">
        <v>19267.379540000002</v>
      </c>
      <c r="P7492">
        <v>25439.090520000002</v>
      </c>
      <c r="Q7492">
        <v>88673.221730000005</v>
      </c>
      <c r="R7492">
        <v>18119.59043</v>
      </c>
      <c r="S7492">
        <v>76110.399909999993</v>
      </c>
      <c r="T7492">
        <v>24588.26139</v>
      </c>
      <c r="U7492">
        <v>13548.2101</v>
      </c>
      <c r="W7492" s="83">
        <f>Bühler!N7524</f>
        <v>45604.083333315168</v>
      </c>
      <c r="X7492" s="83">
        <v>43413.083333333336</v>
      </c>
      <c r="Y7492">
        <v>238184.96660000001</v>
      </c>
      <c r="Z7492">
        <v>13996.219649999999</v>
      </c>
      <c r="AA7492">
        <v>53812.386700000003</v>
      </c>
      <c r="AB7492">
        <v>39154.89834</v>
      </c>
      <c r="AC7492">
        <v>36648.689469999998</v>
      </c>
      <c r="AD7492">
        <v>17139.56338</v>
      </c>
      <c r="AE7492">
        <v>25388.454269999998</v>
      </c>
      <c r="AF7492">
        <v>47652.514799999997</v>
      </c>
      <c r="AG7492">
        <v>16755.231800000001</v>
      </c>
      <c r="AH7492">
        <v>282657.99119999999</v>
      </c>
      <c r="AI7492">
        <v>67369.877940000006</v>
      </c>
      <c r="AJ7492">
        <v>19267.379540000002</v>
      </c>
      <c r="AK7492">
        <v>25439.090520000002</v>
      </c>
      <c r="AL7492">
        <v>88673.221730000005</v>
      </c>
      <c r="AM7492">
        <v>18119.59043</v>
      </c>
      <c r="AN7492">
        <v>76110.399909999993</v>
      </c>
      <c r="AO7492">
        <v>24588.26139</v>
      </c>
      <c r="AP7492">
        <v>13548.2101</v>
      </c>
    </row>
    <row r="7493" spans="2:42" x14ac:dyDescent="0.3">
      <c r="B7493">
        <v>55.564564792505458</v>
      </c>
      <c r="C7493" s="83">
        <v>43413.125</v>
      </c>
      <c r="D7493">
        <v>238759.85990000001</v>
      </c>
      <c r="E7493">
        <v>14038.69212</v>
      </c>
      <c r="F7493">
        <v>54511.578399999999</v>
      </c>
      <c r="G7493">
        <v>38358.719709999998</v>
      </c>
      <c r="H7493">
        <v>36941.355309999999</v>
      </c>
      <c r="I7493">
        <v>16740.763780000001</v>
      </c>
      <c r="J7493">
        <v>25425.590929999998</v>
      </c>
      <c r="K7493">
        <v>45936.931799999998</v>
      </c>
      <c r="L7493">
        <v>15669.602269999999</v>
      </c>
      <c r="M7493">
        <v>283294.06339999998</v>
      </c>
      <c r="N7493">
        <v>67713.899390000006</v>
      </c>
      <c r="O7493">
        <v>19172.755659999999</v>
      </c>
      <c r="P7493">
        <v>24638.016680000001</v>
      </c>
      <c r="Q7493">
        <v>90608.624179999999</v>
      </c>
      <c r="R7493">
        <v>18005.457139999999</v>
      </c>
      <c r="S7493">
        <v>76079.317899999995</v>
      </c>
      <c r="T7493">
        <v>24480.63666</v>
      </c>
      <c r="U7493">
        <v>13368.205040000001</v>
      </c>
      <c r="W7493" s="83">
        <f>Bühler!N7525</f>
        <v>45604.124999981832</v>
      </c>
      <c r="X7493" s="83">
        <v>43413.125</v>
      </c>
      <c r="Y7493">
        <v>238759.85990000001</v>
      </c>
      <c r="Z7493">
        <v>14038.69212</v>
      </c>
      <c r="AA7493">
        <v>54511.578399999999</v>
      </c>
      <c r="AB7493">
        <v>38358.719709999998</v>
      </c>
      <c r="AC7493">
        <v>36941.355309999999</v>
      </c>
      <c r="AD7493">
        <v>16740.763780000001</v>
      </c>
      <c r="AE7493">
        <v>25425.590929999998</v>
      </c>
      <c r="AF7493">
        <v>45936.931799999998</v>
      </c>
      <c r="AG7493">
        <v>15669.602269999999</v>
      </c>
      <c r="AH7493">
        <v>283294.06339999998</v>
      </c>
      <c r="AI7493">
        <v>67713.899390000006</v>
      </c>
      <c r="AJ7493">
        <v>19172.755659999999</v>
      </c>
      <c r="AK7493">
        <v>24638.016680000001</v>
      </c>
      <c r="AL7493">
        <v>90608.624179999999</v>
      </c>
      <c r="AM7493">
        <v>18005.457139999999</v>
      </c>
      <c r="AN7493">
        <v>76079.317899999995</v>
      </c>
      <c r="AO7493">
        <v>24480.63666</v>
      </c>
      <c r="AP7493">
        <v>13368.205040000001</v>
      </c>
    </row>
    <row r="7494" spans="2:42" x14ac:dyDescent="0.3">
      <c r="B7494">
        <v>56.710046748900972</v>
      </c>
      <c r="C7494" s="83">
        <v>43413.166666666664</v>
      </c>
      <c r="D7494">
        <v>239554.58410000001</v>
      </c>
      <c r="E7494">
        <v>14537.94094</v>
      </c>
      <c r="F7494">
        <v>58291.302259999997</v>
      </c>
      <c r="G7494">
        <v>38182.518790000002</v>
      </c>
      <c r="H7494">
        <v>37205.121729999999</v>
      </c>
      <c r="I7494">
        <v>19165.965230000002</v>
      </c>
      <c r="J7494">
        <v>26932.762839999999</v>
      </c>
      <c r="K7494">
        <v>44049.726869999999</v>
      </c>
      <c r="L7494">
        <v>15600.6713</v>
      </c>
      <c r="M7494">
        <v>289134.26459999999</v>
      </c>
      <c r="N7494">
        <v>66244.252609999996</v>
      </c>
      <c r="O7494">
        <v>19213.984550000001</v>
      </c>
      <c r="P7494">
        <v>24628.064340000001</v>
      </c>
      <c r="Q7494">
        <v>94594.131779999996</v>
      </c>
      <c r="R7494">
        <v>17717.49422</v>
      </c>
      <c r="S7494">
        <v>76420.423460000005</v>
      </c>
      <c r="T7494">
        <v>24286.319640000002</v>
      </c>
      <c r="U7494">
        <v>14503.732969999999</v>
      </c>
      <c r="W7494" s="83">
        <f>Bühler!N7526</f>
        <v>45604.166666648496</v>
      </c>
      <c r="X7494" s="83">
        <v>43413.166666666664</v>
      </c>
      <c r="Y7494">
        <v>239554.58410000001</v>
      </c>
      <c r="Z7494">
        <v>14537.94094</v>
      </c>
      <c r="AA7494">
        <v>58291.302259999997</v>
      </c>
      <c r="AB7494">
        <v>38182.518790000002</v>
      </c>
      <c r="AC7494">
        <v>37205.121729999999</v>
      </c>
      <c r="AD7494">
        <v>19165.965230000002</v>
      </c>
      <c r="AE7494">
        <v>26932.762839999999</v>
      </c>
      <c r="AF7494">
        <v>44049.726869999999</v>
      </c>
      <c r="AG7494">
        <v>15600.6713</v>
      </c>
      <c r="AH7494">
        <v>289134.26459999999</v>
      </c>
      <c r="AI7494">
        <v>66244.252609999996</v>
      </c>
      <c r="AJ7494">
        <v>19213.984550000001</v>
      </c>
      <c r="AK7494">
        <v>24628.064340000001</v>
      </c>
      <c r="AL7494">
        <v>94594.131779999996</v>
      </c>
      <c r="AM7494">
        <v>17717.49422</v>
      </c>
      <c r="AN7494">
        <v>76420.423460000005</v>
      </c>
      <c r="AO7494">
        <v>24286.319640000002</v>
      </c>
      <c r="AP7494">
        <v>14503.732969999999</v>
      </c>
    </row>
    <row r="7495" spans="2:42" x14ac:dyDescent="0.3">
      <c r="B7495">
        <v>59.603948210715998</v>
      </c>
      <c r="C7495" s="83">
        <v>43413.208333333336</v>
      </c>
      <c r="D7495">
        <v>254257.22159999999</v>
      </c>
      <c r="E7495">
        <v>16457.01427</v>
      </c>
      <c r="F7495">
        <v>69636.020180000007</v>
      </c>
      <c r="G7495">
        <v>41133.043109999999</v>
      </c>
      <c r="H7495">
        <v>39131.580499999996</v>
      </c>
      <c r="I7495">
        <v>25903.443179999998</v>
      </c>
      <c r="J7495">
        <v>29789.93591</v>
      </c>
      <c r="K7495">
        <v>45141.120040000002</v>
      </c>
      <c r="L7495">
        <v>16623.600109999999</v>
      </c>
      <c r="M7495">
        <v>303888.72379999998</v>
      </c>
      <c r="N7495">
        <v>70054.562449999998</v>
      </c>
      <c r="O7495">
        <v>19774.73935</v>
      </c>
      <c r="P7495">
        <v>26229.392169999999</v>
      </c>
      <c r="Q7495">
        <v>97130.836410000004</v>
      </c>
      <c r="R7495">
        <v>18543.145120000001</v>
      </c>
      <c r="S7495">
        <v>79438.479070000001</v>
      </c>
      <c r="T7495">
        <v>25689.09591</v>
      </c>
      <c r="U7495">
        <v>16837.347709999998</v>
      </c>
      <c r="W7495" s="83">
        <f>Bühler!N7527</f>
        <v>45604.20833331516</v>
      </c>
      <c r="X7495" s="83">
        <v>43413.208333333336</v>
      </c>
      <c r="Y7495">
        <v>254257.22159999999</v>
      </c>
      <c r="Z7495">
        <v>16457.01427</v>
      </c>
      <c r="AA7495">
        <v>69636.020180000007</v>
      </c>
      <c r="AB7495">
        <v>41133.043109999999</v>
      </c>
      <c r="AC7495">
        <v>39131.580499999996</v>
      </c>
      <c r="AD7495">
        <v>25903.443179999998</v>
      </c>
      <c r="AE7495">
        <v>29789.93591</v>
      </c>
      <c r="AF7495">
        <v>45141.120040000002</v>
      </c>
      <c r="AG7495">
        <v>16623.600109999999</v>
      </c>
      <c r="AH7495">
        <v>303888.72379999998</v>
      </c>
      <c r="AI7495">
        <v>70054.562449999998</v>
      </c>
      <c r="AJ7495">
        <v>19774.73935</v>
      </c>
      <c r="AK7495">
        <v>26229.392169999999</v>
      </c>
      <c r="AL7495">
        <v>97130.836410000004</v>
      </c>
      <c r="AM7495">
        <v>18543.145120000001</v>
      </c>
      <c r="AN7495">
        <v>79438.479070000001</v>
      </c>
      <c r="AO7495">
        <v>25689.09591</v>
      </c>
      <c r="AP7495">
        <v>16837.347709999998</v>
      </c>
    </row>
    <row r="7496" spans="2:42" x14ac:dyDescent="0.3">
      <c r="B7496">
        <v>63.082233642173392</v>
      </c>
      <c r="C7496" s="83">
        <v>43413.25</v>
      </c>
      <c r="D7496">
        <v>271527.6422</v>
      </c>
      <c r="E7496">
        <v>21199.555189999999</v>
      </c>
      <c r="F7496">
        <v>82619.742360000004</v>
      </c>
      <c r="G7496">
        <v>55731.127509999998</v>
      </c>
      <c r="H7496">
        <v>43294.443180000002</v>
      </c>
      <c r="I7496">
        <v>33814.03858</v>
      </c>
      <c r="J7496">
        <v>33366.8609</v>
      </c>
      <c r="K7496">
        <v>49284.468150000001</v>
      </c>
      <c r="L7496">
        <v>18053.712769999998</v>
      </c>
      <c r="M7496">
        <v>321622.64500000002</v>
      </c>
      <c r="N7496">
        <v>73745.479600000006</v>
      </c>
      <c r="O7496">
        <v>21273.662530000001</v>
      </c>
      <c r="P7496">
        <v>27530.679820000001</v>
      </c>
      <c r="Q7496">
        <v>98544.127989999994</v>
      </c>
      <c r="R7496">
        <v>18843.31796</v>
      </c>
      <c r="S7496">
        <v>88972.496580000006</v>
      </c>
      <c r="T7496">
        <v>28905.113229999999</v>
      </c>
      <c r="U7496">
        <v>19462.73747</v>
      </c>
      <c r="W7496" s="83">
        <f>Bühler!N7528</f>
        <v>45604.249999981825</v>
      </c>
      <c r="X7496" s="83">
        <v>43413.25</v>
      </c>
      <c r="Y7496">
        <v>271527.6422</v>
      </c>
      <c r="Z7496">
        <v>21199.555189999999</v>
      </c>
      <c r="AA7496">
        <v>82619.742360000004</v>
      </c>
      <c r="AB7496">
        <v>55731.127509999998</v>
      </c>
      <c r="AC7496">
        <v>43294.443180000002</v>
      </c>
      <c r="AD7496">
        <v>33814.03858</v>
      </c>
      <c r="AE7496">
        <v>33366.8609</v>
      </c>
      <c r="AF7496">
        <v>49284.468150000001</v>
      </c>
      <c r="AG7496">
        <v>18053.712769999998</v>
      </c>
      <c r="AH7496">
        <v>321622.64500000002</v>
      </c>
      <c r="AI7496">
        <v>73745.479600000006</v>
      </c>
      <c r="AJ7496">
        <v>21273.662530000001</v>
      </c>
      <c r="AK7496">
        <v>27530.679820000001</v>
      </c>
      <c r="AL7496">
        <v>98544.127989999994</v>
      </c>
      <c r="AM7496">
        <v>18843.31796</v>
      </c>
      <c r="AN7496">
        <v>88972.496580000006</v>
      </c>
      <c r="AO7496">
        <v>28905.113229999999</v>
      </c>
      <c r="AP7496">
        <v>19462.73747</v>
      </c>
    </row>
    <row r="7497" spans="2:42" x14ac:dyDescent="0.3">
      <c r="B7497">
        <v>64.920702893772827</v>
      </c>
      <c r="C7497" s="83">
        <v>43413.291666666664</v>
      </c>
      <c r="D7497">
        <v>285418.47019999998</v>
      </c>
      <c r="E7497">
        <v>25968.560430000001</v>
      </c>
      <c r="F7497">
        <v>87078.960089999993</v>
      </c>
      <c r="G7497">
        <v>69911.696060000002</v>
      </c>
      <c r="H7497">
        <v>48699.746270000003</v>
      </c>
      <c r="I7497">
        <v>41890.06871</v>
      </c>
      <c r="J7497">
        <v>34171.273959999999</v>
      </c>
      <c r="K7497">
        <v>54709.514759999998</v>
      </c>
      <c r="L7497">
        <v>20839.208569999999</v>
      </c>
      <c r="M7497">
        <v>330996.01860000001</v>
      </c>
      <c r="N7497">
        <v>79757.741370000003</v>
      </c>
      <c r="O7497">
        <v>23983.72623</v>
      </c>
      <c r="P7497">
        <v>31157.978709999999</v>
      </c>
      <c r="Q7497">
        <v>98996.661550000004</v>
      </c>
      <c r="R7497">
        <v>20975.528289999998</v>
      </c>
      <c r="S7497">
        <v>105571.9344</v>
      </c>
      <c r="T7497">
        <v>30824.133590000001</v>
      </c>
      <c r="U7497">
        <v>24817.540239999998</v>
      </c>
      <c r="W7497" s="83">
        <f>Bühler!N7529</f>
        <v>45604.291666648489</v>
      </c>
      <c r="X7497" s="83">
        <v>43413.291666666664</v>
      </c>
      <c r="Y7497">
        <v>285418.47019999998</v>
      </c>
      <c r="Z7497">
        <v>25968.560430000001</v>
      </c>
      <c r="AA7497">
        <v>87078.960089999993</v>
      </c>
      <c r="AB7497">
        <v>69911.696060000002</v>
      </c>
      <c r="AC7497">
        <v>48699.746270000003</v>
      </c>
      <c r="AD7497">
        <v>41890.06871</v>
      </c>
      <c r="AE7497">
        <v>34171.273959999999</v>
      </c>
      <c r="AF7497">
        <v>54709.514759999998</v>
      </c>
      <c r="AG7497">
        <v>20839.208569999999</v>
      </c>
      <c r="AH7497">
        <v>330996.01860000001</v>
      </c>
      <c r="AI7497">
        <v>79757.741370000003</v>
      </c>
      <c r="AJ7497">
        <v>23983.72623</v>
      </c>
      <c r="AK7497">
        <v>31157.978709999999</v>
      </c>
      <c r="AL7497">
        <v>98996.661550000004</v>
      </c>
      <c r="AM7497">
        <v>20975.528289999998</v>
      </c>
      <c r="AN7497">
        <v>105571.9344</v>
      </c>
      <c r="AO7497">
        <v>30824.133590000001</v>
      </c>
      <c r="AP7497">
        <v>24817.540239999998</v>
      </c>
    </row>
    <row r="7498" spans="2:42" x14ac:dyDescent="0.3">
      <c r="B7498">
        <v>65.426403633382108</v>
      </c>
      <c r="C7498" s="83">
        <v>43413.333333333336</v>
      </c>
      <c r="D7498">
        <v>293289.08750000002</v>
      </c>
      <c r="E7498">
        <v>32186.54492</v>
      </c>
      <c r="F7498">
        <v>94387.92787</v>
      </c>
      <c r="G7498">
        <v>86174.306289999993</v>
      </c>
      <c r="H7498">
        <v>53197.393450000003</v>
      </c>
      <c r="I7498">
        <v>45075.84201</v>
      </c>
      <c r="J7498">
        <v>33755.090779999999</v>
      </c>
      <c r="K7498">
        <v>59478.420279999998</v>
      </c>
      <c r="L7498">
        <v>23576.4843</v>
      </c>
      <c r="M7498">
        <v>333574.31679999997</v>
      </c>
      <c r="N7498">
        <v>84666.604919999998</v>
      </c>
      <c r="O7498">
        <v>25487.318650000001</v>
      </c>
      <c r="P7498">
        <v>32838.832240000003</v>
      </c>
      <c r="Q7498">
        <v>99677.723629999993</v>
      </c>
      <c r="R7498">
        <v>21639.965609999999</v>
      </c>
      <c r="S7498">
        <v>119145.10890000001</v>
      </c>
      <c r="T7498">
        <v>34111.02274</v>
      </c>
      <c r="U7498">
        <v>27610.52709</v>
      </c>
      <c r="W7498" s="83">
        <f>Bühler!N7530</f>
        <v>45604.333333315153</v>
      </c>
      <c r="X7498" s="83">
        <v>43413.333333333336</v>
      </c>
      <c r="Y7498">
        <v>293289.08750000002</v>
      </c>
      <c r="Z7498">
        <v>32186.54492</v>
      </c>
      <c r="AA7498">
        <v>94387.92787</v>
      </c>
      <c r="AB7498">
        <v>86174.306289999993</v>
      </c>
      <c r="AC7498">
        <v>53197.393450000003</v>
      </c>
      <c r="AD7498">
        <v>45075.84201</v>
      </c>
      <c r="AE7498">
        <v>33755.090779999999</v>
      </c>
      <c r="AF7498">
        <v>59478.420279999998</v>
      </c>
      <c r="AG7498">
        <v>23576.4843</v>
      </c>
      <c r="AH7498">
        <v>333574.31679999997</v>
      </c>
      <c r="AI7498">
        <v>84666.604919999998</v>
      </c>
      <c r="AJ7498">
        <v>25487.318650000001</v>
      </c>
      <c r="AK7498">
        <v>32838.832240000003</v>
      </c>
      <c r="AL7498">
        <v>99677.723629999993</v>
      </c>
      <c r="AM7498">
        <v>21639.965609999999</v>
      </c>
      <c r="AN7498">
        <v>119145.10890000001</v>
      </c>
      <c r="AO7498">
        <v>34111.02274</v>
      </c>
      <c r="AP7498">
        <v>27610.52709</v>
      </c>
    </row>
    <row r="7499" spans="2:42" x14ac:dyDescent="0.3">
      <c r="B7499">
        <v>64.526707726349684</v>
      </c>
      <c r="C7499" s="83">
        <v>43413.375</v>
      </c>
      <c r="D7499">
        <v>294116.17229999998</v>
      </c>
      <c r="E7499">
        <v>35862.883260000002</v>
      </c>
      <c r="F7499">
        <v>99480.349679999999</v>
      </c>
      <c r="G7499">
        <v>95850.161300000007</v>
      </c>
      <c r="H7499">
        <v>56188.638169999998</v>
      </c>
      <c r="I7499">
        <v>43583.433349999999</v>
      </c>
      <c r="J7499">
        <v>34114.224979999999</v>
      </c>
      <c r="K7499">
        <v>61740.535000000003</v>
      </c>
      <c r="L7499">
        <v>26420.768090000001</v>
      </c>
      <c r="M7499">
        <v>328987.2475</v>
      </c>
      <c r="N7499">
        <v>87988.384940000004</v>
      </c>
      <c r="O7499">
        <v>26594.819080000001</v>
      </c>
      <c r="P7499">
        <v>34625.131220000003</v>
      </c>
      <c r="Q7499">
        <v>100416.00139999999</v>
      </c>
      <c r="R7499">
        <v>22578.525109999999</v>
      </c>
      <c r="S7499">
        <v>124246.4853</v>
      </c>
      <c r="T7499">
        <v>36068.354140000003</v>
      </c>
      <c r="U7499">
        <v>27596.295010000002</v>
      </c>
      <c r="W7499" s="83">
        <f>Bühler!N7531</f>
        <v>45604.374999981817</v>
      </c>
      <c r="X7499" s="83">
        <v>43413.375</v>
      </c>
      <c r="Y7499">
        <v>294116.17229999998</v>
      </c>
      <c r="Z7499">
        <v>35862.883260000002</v>
      </c>
      <c r="AA7499">
        <v>99480.349679999999</v>
      </c>
      <c r="AB7499">
        <v>95850.161300000007</v>
      </c>
      <c r="AC7499">
        <v>56188.638169999998</v>
      </c>
      <c r="AD7499">
        <v>43583.433349999999</v>
      </c>
      <c r="AE7499">
        <v>34114.224979999999</v>
      </c>
      <c r="AF7499">
        <v>61740.535000000003</v>
      </c>
      <c r="AG7499">
        <v>26420.768090000001</v>
      </c>
      <c r="AH7499">
        <v>328987.2475</v>
      </c>
      <c r="AI7499">
        <v>87988.384940000004</v>
      </c>
      <c r="AJ7499">
        <v>26594.819080000001</v>
      </c>
      <c r="AK7499">
        <v>34625.131220000003</v>
      </c>
      <c r="AL7499">
        <v>100416.00139999999</v>
      </c>
      <c r="AM7499">
        <v>22578.525109999999</v>
      </c>
      <c r="AN7499">
        <v>124246.4853</v>
      </c>
      <c r="AO7499">
        <v>36068.354140000003</v>
      </c>
      <c r="AP7499">
        <v>27596.295010000002</v>
      </c>
    </row>
    <row r="7500" spans="2:42" x14ac:dyDescent="0.3">
      <c r="B7500">
        <v>65.348931630330995</v>
      </c>
      <c r="C7500" s="83">
        <v>43413.416666666664</v>
      </c>
      <c r="D7500">
        <v>295677.86180000001</v>
      </c>
      <c r="E7500">
        <v>36900.99697</v>
      </c>
      <c r="F7500">
        <v>101445.8221</v>
      </c>
      <c r="G7500">
        <v>97103.585040000005</v>
      </c>
      <c r="H7500">
        <v>56221.462579999999</v>
      </c>
      <c r="I7500">
        <v>41177.439910000001</v>
      </c>
      <c r="J7500">
        <v>32901.988550000002</v>
      </c>
      <c r="K7500">
        <v>62908.21097</v>
      </c>
      <c r="L7500">
        <v>29170.47262</v>
      </c>
      <c r="M7500">
        <v>333179.3284</v>
      </c>
      <c r="N7500">
        <v>88269.201109999995</v>
      </c>
      <c r="O7500">
        <v>26472.773509999999</v>
      </c>
      <c r="P7500">
        <v>33770.758840000002</v>
      </c>
      <c r="Q7500">
        <v>100703.501</v>
      </c>
      <c r="R7500">
        <v>23369.146919999999</v>
      </c>
      <c r="S7500">
        <v>124725.53630000001</v>
      </c>
      <c r="T7500">
        <v>37878.202689999998</v>
      </c>
      <c r="U7500">
        <v>27001.298930000001</v>
      </c>
      <c r="W7500" s="83">
        <f>Bühler!N7532</f>
        <v>45604.416666648482</v>
      </c>
      <c r="X7500" s="83">
        <v>43413.416666666664</v>
      </c>
      <c r="Y7500">
        <v>295677.86180000001</v>
      </c>
      <c r="Z7500">
        <v>36900.99697</v>
      </c>
      <c r="AA7500">
        <v>101445.8221</v>
      </c>
      <c r="AB7500">
        <v>97103.585040000005</v>
      </c>
      <c r="AC7500">
        <v>56221.462579999999</v>
      </c>
      <c r="AD7500">
        <v>41177.439910000001</v>
      </c>
      <c r="AE7500">
        <v>32901.988550000002</v>
      </c>
      <c r="AF7500">
        <v>62908.21097</v>
      </c>
      <c r="AG7500">
        <v>29170.47262</v>
      </c>
      <c r="AH7500">
        <v>333179.3284</v>
      </c>
      <c r="AI7500">
        <v>88269.201109999995</v>
      </c>
      <c r="AJ7500">
        <v>26472.773509999999</v>
      </c>
      <c r="AK7500">
        <v>33770.758840000002</v>
      </c>
      <c r="AL7500">
        <v>100703.501</v>
      </c>
      <c r="AM7500">
        <v>23369.146919999999</v>
      </c>
      <c r="AN7500">
        <v>124725.53630000001</v>
      </c>
      <c r="AO7500">
        <v>37878.202689999998</v>
      </c>
      <c r="AP7500">
        <v>27001.298930000001</v>
      </c>
    </row>
    <row r="7501" spans="2:42" x14ac:dyDescent="0.3">
      <c r="B7501">
        <v>66.284532275714554</v>
      </c>
      <c r="C7501" s="83">
        <v>43413.458333333336</v>
      </c>
      <c r="D7501">
        <v>290769.82339999999</v>
      </c>
      <c r="E7501">
        <v>36443.947410000001</v>
      </c>
      <c r="F7501">
        <v>101696.3227</v>
      </c>
      <c r="G7501">
        <v>95046.479099999997</v>
      </c>
      <c r="H7501">
        <v>55448.182209999999</v>
      </c>
      <c r="I7501">
        <v>40976.777679999999</v>
      </c>
      <c r="J7501">
        <v>33711.256609999997</v>
      </c>
      <c r="K7501">
        <v>64034.097719999998</v>
      </c>
      <c r="L7501">
        <v>30633.02306</v>
      </c>
      <c r="M7501">
        <v>337949.45679999999</v>
      </c>
      <c r="N7501">
        <v>88615.544269999999</v>
      </c>
      <c r="O7501">
        <v>26723.003189999999</v>
      </c>
      <c r="P7501">
        <v>33885.280420000003</v>
      </c>
      <c r="Q7501">
        <v>100777.9982</v>
      </c>
      <c r="R7501">
        <v>25236.479790000001</v>
      </c>
      <c r="S7501">
        <v>125529.3236</v>
      </c>
      <c r="T7501">
        <v>37462.10413</v>
      </c>
      <c r="U7501">
        <v>26171.72148</v>
      </c>
      <c r="W7501" s="83">
        <f>Bühler!N7533</f>
        <v>45604.458333315146</v>
      </c>
      <c r="X7501" s="83">
        <v>43413.458333333336</v>
      </c>
      <c r="Y7501">
        <v>290769.82339999999</v>
      </c>
      <c r="Z7501">
        <v>36443.947410000001</v>
      </c>
      <c r="AA7501">
        <v>101696.3227</v>
      </c>
      <c r="AB7501">
        <v>95046.479099999997</v>
      </c>
      <c r="AC7501">
        <v>55448.182209999999</v>
      </c>
      <c r="AD7501">
        <v>40976.777679999999</v>
      </c>
      <c r="AE7501">
        <v>33711.256609999997</v>
      </c>
      <c r="AF7501">
        <v>64034.097719999998</v>
      </c>
      <c r="AG7501">
        <v>30633.02306</v>
      </c>
      <c r="AH7501">
        <v>337949.45679999999</v>
      </c>
      <c r="AI7501">
        <v>88615.544269999999</v>
      </c>
      <c r="AJ7501">
        <v>26723.003189999999</v>
      </c>
      <c r="AK7501">
        <v>33885.280420000003</v>
      </c>
      <c r="AL7501">
        <v>100777.9982</v>
      </c>
      <c r="AM7501">
        <v>25236.479790000001</v>
      </c>
      <c r="AN7501">
        <v>125529.3236</v>
      </c>
      <c r="AO7501">
        <v>37462.10413</v>
      </c>
      <c r="AP7501">
        <v>26171.72148</v>
      </c>
    </row>
    <row r="7502" spans="2:42" x14ac:dyDescent="0.3">
      <c r="B7502">
        <v>65.518941402263223</v>
      </c>
      <c r="C7502" s="83">
        <v>43413.5</v>
      </c>
      <c r="D7502">
        <v>274467.55060000002</v>
      </c>
      <c r="E7502">
        <v>32656.040150000001</v>
      </c>
      <c r="F7502">
        <v>100926.5916</v>
      </c>
      <c r="G7502">
        <v>91668.60368</v>
      </c>
      <c r="H7502">
        <v>52239.768759999999</v>
      </c>
      <c r="I7502">
        <v>38995.186370000003</v>
      </c>
      <c r="J7502">
        <v>33957.69341</v>
      </c>
      <c r="K7502">
        <v>59110.368649999997</v>
      </c>
      <c r="L7502">
        <v>33840.945269999997</v>
      </c>
      <c r="M7502">
        <v>334046.11749999999</v>
      </c>
      <c r="N7502">
        <v>85666.079729999998</v>
      </c>
      <c r="O7502">
        <v>25940.79248</v>
      </c>
      <c r="P7502">
        <v>34430.455289999998</v>
      </c>
      <c r="Q7502">
        <v>99125.456900000005</v>
      </c>
      <c r="R7502">
        <v>26542.451280000001</v>
      </c>
      <c r="S7502">
        <v>119132.56909999999</v>
      </c>
      <c r="T7502">
        <v>37796.686820000003</v>
      </c>
      <c r="U7502">
        <v>20997.835070000001</v>
      </c>
      <c r="W7502" s="83">
        <f>Bühler!N7534</f>
        <v>45604.49999998181</v>
      </c>
      <c r="X7502" s="83">
        <v>43413.5</v>
      </c>
      <c r="Y7502">
        <v>274467.55060000002</v>
      </c>
      <c r="Z7502">
        <v>32656.040150000001</v>
      </c>
      <c r="AA7502">
        <v>100926.5916</v>
      </c>
      <c r="AB7502">
        <v>91668.60368</v>
      </c>
      <c r="AC7502">
        <v>52239.768759999999</v>
      </c>
      <c r="AD7502">
        <v>38995.186370000003</v>
      </c>
      <c r="AE7502">
        <v>33957.69341</v>
      </c>
      <c r="AF7502">
        <v>59110.368649999997</v>
      </c>
      <c r="AG7502">
        <v>33840.945269999997</v>
      </c>
      <c r="AH7502">
        <v>334046.11749999999</v>
      </c>
      <c r="AI7502">
        <v>85666.079729999998</v>
      </c>
      <c r="AJ7502">
        <v>25940.79248</v>
      </c>
      <c r="AK7502">
        <v>34430.455289999998</v>
      </c>
      <c r="AL7502">
        <v>99125.456900000005</v>
      </c>
      <c r="AM7502">
        <v>26542.451280000001</v>
      </c>
      <c r="AN7502">
        <v>119132.56909999999</v>
      </c>
      <c r="AO7502">
        <v>37796.686820000003</v>
      </c>
      <c r="AP7502">
        <v>20997.835070000001</v>
      </c>
    </row>
    <row r="7503" spans="2:42" x14ac:dyDescent="0.3">
      <c r="B7503">
        <v>64.22236377349644</v>
      </c>
      <c r="C7503" s="83">
        <v>43413.541666666664</v>
      </c>
      <c r="D7503">
        <v>273716.68670000002</v>
      </c>
      <c r="E7503">
        <v>32523.744259999999</v>
      </c>
      <c r="F7503">
        <v>99809.176250000004</v>
      </c>
      <c r="G7503">
        <v>86369.559840000002</v>
      </c>
      <c r="H7503">
        <v>51624.006780000003</v>
      </c>
      <c r="I7503">
        <v>38793.96473</v>
      </c>
      <c r="J7503">
        <v>32568.6489</v>
      </c>
      <c r="K7503">
        <v>60127.931649999999</v>
      </c>
      <c r="L7503">
        <v>31543.797139999999</v>
      </c>
      <c r="M7503">
        <v>327435.5601</v>
      </c>
      <c r="N7503">
        <v>85338.075469999996</v>
      </c>
      <c r="O7503">
        <v>25498.640060000002</v>
      </c>
      <c r="P7503">
        <v>33746.225480000001</v>
      </c>
      <c r="Q7503">
        <v>98481.203800000003</v>
      </c>
      <c r="R7503">
        <v>27643.40494</v>
      </c>
      <c r="S7503">
        <v>119447.2659</v>
      </c>
      <c r="T7503">
        <v>35339.611839999998</v>
      </c>
      <c r="U7503">
        <v>22332.767309999999</v>
      </c>
      <c r="W7503" s="83">
        <f>Bühler!N7535</f>
        <v>45604.541666648474</v>
      </c>
      <c r="X7503" s="83">
        <v>43413.541666666664</v>
      </c>
      <c r="Y7503">
        <v>273716.68670000002</v>
      </c>
      <c r="Z7503">
        <v>32523.744259999999</v>
      </c>
      <c r="AA7503">
        <v>99809.176250000004</v>
      </c>
      <c r="AB7503">
        <v>86369.559840000002</v>
      </c>
      <c r="AC7503">
        <v>51624.006780000003</v>
      </c>
      <c r="AD7503">
        <v>38793.96473</v>
      </c>
      <c r="AE7503">
        <v>32568.6489</v>
      </c>
      <c r="AF7503">
        <v>60127.931649999999</v>
      </c>
      <c r="AG7503">
        <v>31543.797139999999</v>
      </c>
      <c r="AH7503">
        <v>327435.5601</v>
      </c>
      <c r="AI7503">
        <v>85338.075469999996</v>
      </c>
      <c r="AJ7503">
        <v>25498.640060000002</v>
      </c>
      <c r="AK7503">
        <v>33746.225480000001</v>
      </c>
      <c r="AL7503">
        <v>98481.203800000003</v>
      </c>
      <c r="AM7503">
        <v>27643.40494</v>
      </c>
      <c r="AN7503">
        <v>119447.2659</v>
      </c>
      <c r="AO7503">
        <v>35339.611839999998</v>
      </c>
      <c r="AP7503">
        <v>22332.767309999999</v>
      </c>
    </row>
    <row r="7504" spans="2:42" x14ac:dyDescent="0.3">
      <c r="B7504">
        <v>64.317545494322289</v>
      </c>
      <c r="C7504" s="83">
        <v>43413.583333333336</v>
      </c>
      <c r="D7504">
        <v>273929.69709999999</v>
      </c>
      <c r="E7504">
        <v>35306.321470000003</v>
      </c>
      <c r="F7504">
        <v>101086.4118</v>
      </c>
      <c r="G7504">
        <v>79415.493610000005</v>
      </c>
      <c r="H7504">
        <v>51243.065799999997</v>
      </c>
      <c r="I7504">
        <v>39248.464549999997</v>
      </c>
      <c r="J7504">
        <v>32198.83195</v>
      </c>
      <c r="K7504">
        <v>62693.993269999999</v>
      </c>
      <c r="L7504">
        <v>28080.743890000002</v>
      </c>
      <c r="M7504">
        <v>327920.84090000001</v>
      </c>
      <c r="N7504">
        <v>83995.479980000004</v>
      </c>
      <c r="O7504">
        <v>24861.899130000002</v>
      </c>
      <c r="P7504">
        <v>30359.926500000001</v>
      </c>
      <c r="Q7504">
        <v>97571.075490000003</v>
      </c>
      <c r="R7504">
        <v>26180.06423</v>
      </c>
      <c r="S7504">
        <v>114828.0729</v>
      </c>
      <c r="T7504">
        <v>33566.685680000002</v>
      </c>
      <c r="U7504">
        <v>22139.081969999999</v>
      </c>
      <c r="W7504" s="83">
        <f>Bühler!N7536</f>
        <v>45604.583333315139</v>
      </c>
      <c r="X7504" s="83">
        <v>43413.583333333336</v>
      </c>
      <c r="Y7504">
        <v>273929.69709999999</v>
      </c>
      <c r="Z7504">
        <v>35306.321470000003</v>
      </c>
      <c r="AA7504">
        <v>101086.4118</v>
      </c>
      <c r="AB7504">
        <v>79415.493610000005</v>
      </c>
      <c r="AC7504">
        <v>51243.065799999997</v>
      </c>
      <c r="AD7504">
        <v>39248.464549999997</v>
      </c>
      <c r="AE7504">
        <v>32198.83195</v>
      </c>
      <c r="AF7504">
        <v>62693.993269999999</v>
      </c>
      <c r="AG7504">
        <v>28080.743890000002</v>
      </c>
      <c r="AH7504">
        <v>327920.84090000001</v>
      </c>
      <c r="AI7504">
        <v>83995.479980000004</v>
      </c>
      <c r="AJ7504">
        <v>24861.899130000002</v>
      </c>
      <c r="AK7504">
        <v>30359.926500000001</v>
      </c>
      <c r="AL7504">
        <v>97571.075490000003</v>
      </c>
      <c r="AM7504">
        <v>26180.06423</v>
      </c>
      <c r="AN7504">
        <v>114828.0729</v>
      </c>
      <c r="AO7504">
        <v>33566.685680000002</v>
      </c>
      <c r="AP7504">
        <v>22139.081969999999</v>
      </c>
    </row>
    <row r="7505" spans="2:42" x14ac:dyDescent="0.3">
      <c r="B7505">
        <v>63.014074518097125</v>
      </c>
      <c r="C7505" s="83">
        <v>43413.625</v>
      </c>
      <c r="D7505">
        <v>270115.34259999997</v>
      </c>
      <c r="E7505">
        <v>35186.122179999998</v>
      </c>
      <c r="F7505">
        <v>100810.61289999999</v>
      </c>
      <c r="G7505">
        <v>74486.254790000006</v>
      </c>
      <c r="H7505">
        <v>49444.610390000002</v>
      </c>
      <c r="I7505">
        <v>39539.737630000003</v>
      </c>
      <c r="J7505">
        <v>31790.022860000001</v>
      </c>
      <c r="K7505">
        <v>59790.065199999997</v>
      </c>
      <c r="L7505">
        <v>25046.24408</v>
      </c>
      <c r="M7505">
        <v>321275.13799999998</v>
      </c>
      <c r="N7505">
        <v>81419.493340000001</v>
      </c>
      <c r="O7505">
        <v>24398.62271</v>
      </c>
      <c r="P7505">
        <v>28391.33972</v>
      </c>
      <c r="Q7505">
        <v>96588.616269999999</v>
      </c>
      <c r="R7505">
        <v>25527.67596</v>
      </c>
      <c r="S7505">
        <v>111949.7579</v>
      </c>
      <c r="T7505">
        <v>34009.94414</v>
      </c>
      <c r="U7505">
        <v>20519.944</v>
      </c>
      <c r="W7505" s="83">
        <f>Bühler!N7537</f>
        <v>45604.624999981803</v>
      </c>
      <c r="X7505" s="83">
        <v>43413.625</v>
      </c>
      <c r="Y7505">
        <v>270115.34259999997</v>
      </c>
      <c r="Z7505">
        <v>35186.122179999998</v>
      </c>
      <c r="AA7505">
        <v>100810.61289999999</v>
      </c>
      <c r="AB7505">
        <v>74486.254790000006</v>
      </c>
      <c r="AC7505">
        <v>49444.610390000002</v>
      </c>
      <c r="AD7505">
        <v>39539.737630000003</v>
      </c>
      <c r="AE7505">
        <v>31790.022860000001</v>
      </c>
      <c r="AF7505">
        <v>59790.065199999997</v>
      </c>
      <c r="AG7505">
        <v>25046.24408</v>
      </c>
      <c r="AH7505">
        <v>321275.13799999998</v>
      </c>
      <c r="AI7505">
        <v>81419.493340000001</v>
      </c>
      <c r="AJ7505">
        <v>24398.62271</v>
      </c>
      <c r="AK7505">
        <v>28391.33972</v>
      </c>
      <c r="AL7505">
        <v>96588.616269999999</v>
      </c>
      <c r="AM7505">
        <v>25527.67596</v>
      </c>
      <c r="AN7505">
        <v>111949.7579</v>
      </c>
      <c r="AO7505">
        <v>34009.94414</v>
      </c>
      <c r="AP7505">
        <v>20519.944</v>
      </c>
    </row>
    <row r="7506" spans="2:42" x14ac:dyDescent="0.3">
      <c r="B7506">
        <v>62.138013071296086</v>
      </c>
      <c r="C7506" s="83">
        <v>43413.666666666664</v>
      </c>
      <c r="D7506">
        <v>261326.72279999999</v>
      </c>
      <c r="E7506">
        <v>33900.274539999999</v>
      </c>
      <c r="F7506">
        <v>100017.14049999999</v>
      </c>
      <c r="G7506">
        <v>69661.361499999999</v>
      </c>
      <c r="H7506">
        <v>48746.047129999999</v>
      </c>
      <c r="I7506">
        <v>39706.700250000002</v>
      </c>
      <c r="J7506">
        <v>31282.96686</v>
      </c>
      <c r="K7506">
        <v>57119.123899999999</v>
      </c>
      <c r="L7506">
        <v>24299.811290000001</v>
      </c>
      <c r="M7506">
        <v>316808.56819999998</v>
      </c>
      <c r="N7506">
        <v>78677.067259999996</v>
      </c>
      <c r="O7506">
        <v>24446.222890000001</v>
      </c>
      <c r="P7506">
        <v>28178.711230000001</v>
      </c>
      <c r="Q7506">
        <v>95402.493589999998</v>
      </c>
      <c r="R7506">
        <v>24655.1518</v>
      </c>
      <c r="S7506">
        <v>108772.2631</v>
      </c>
      <c r="T7506">
        <v>33800.808969999998</v>
      </c>
      <c r="U7506">
        <v>18714.072660000002</v>
      </c>
      <c r="W7506" s="83">
        <f>Bühler!N7538</f>
        <v>45604.666666648467</v>
      </c>
      <c r="X7506" s="83">
        <v>43413.666666666664</v>
      </c>
      <c r="Y7506">
        <v>261326.72279999999</v>
      </c>
      <c r="Z7506">
        <v>33900.274539999999</v>
      </c>
      <c r="AA7506">
        <v>100017.14049999999</v>
      </c>
      <c r="AB7506">
        <v>69661.361499999999</v>
      </c>
      <c r="AC7506">
        <v>48746.047129999999</v>
      </c>
      <c r="AD7506">
        <v>39706.700250000002</v>
      </c>
      <c r="AE7506">
        <v>31282.96686</v>
      </c>
      <c r="AF7506">
        <v>57119.123899999999</v>
      </c>
      <c r="AG7506">
        <v>24299.811290000001</v>
      </c>
      <c r="AH7506">
        <v>316808.56819999998</v>
      </c>
      <c r="AI7506">
        <v>78677.067259999996</v>
      </c>
      <c r="AJ7506">
        <v>24446.222890000001</v>
      </c>
      <c r="AK7506">
        <v>28178.711230000001</v>
      </c>
      <c r="AL7506">
        <v>95402.493589999998</v>
      </c>
      <c r="AM7506">
        <v>24655.1518</v>
      </c>
      <c r="AN7506">
        <v>108772.2631</v>
      </c>
      <c r="AO7506">
        <v>33800.808969999998</v>
      </c>
      <c r="AP7506">
        <v>18714.072660000002</v>
      </c>
    </row>
    <row r="7507" spans="2:42" x14ac:dyDescent="0.3">
      <c r="B7507">
        <v>60.750082598603051</v>
      </c>
      <c r="C7507" s="83">
        <v>43413.708333333336</v>
      </c>
      <c r="D7507">
        <v>253838.19039999999</v>
      </c>
      <c r="E7507">
        <v>32530.035879999999</v>
      </c>
      <c r="F7507">
        <v>101691.9877</v>
      </c>
      <c r="G7507">
        <v>62124.083489999997</v>
      </c>
      <c r="H7507">
        <v>48960.543599999997</v>
      </c>
      <c r="I7507">
        <v>40214.756710000001</v>
      </c>
      <c r="J7507">
        <v>33784.921090000003</v>
      </c>
      <c r="K7507">
        <v>53825.691099999996</v>
      </c>
      <c r="L7507">
        <v>25214.408619999998</v>
      </c>
      <c r="M7507">
        <v>309732.25140000001</v>
      </c>
      <c r="N7507">
        <v>78154.136859999999</v>
      </c>
      <c r="O7507">
        <v>24382.314310000002</v>
      </c>
      <c r="P7507">
        <v>30173.7372</v>
      </c>
      <c r="Q7507">
        <v>93317.196620000002</v>
      </c>
      <c r="R7507">
        <v>23275.007819999999</v>
      </c>
      <c r="S7507">
        <v>108562.7853</v>
      </c>
      <c r="T7507">
        <v>35444.517019999999</v>
      </c>
      <c r="U7507">
        <v>17410.230169999999</v>
      </c>
      <c r="W7507" s="83">
        <f>Bühler!N7539</f>
        <v>45604.708333315131</v>
      </c>
      <c r="X7507" s="83">
        <v>43413.708333333336</v>
      </c>
      <c r="Y7507">
        <v>253838.19039999999</v>
      </c>
      <c r="Z7507">
        <v>32530.035879999999</v>
      </c>
      <c r="AA7507">
        <v>101691.9877</v>
      </c>
      <c r="AB7507">
        <v>62124.083489999997</v>
      </c>
      <c r="AC7507">
        <v>48960.543599999997</v>
      </c>
      <c r="AD7507">
        <v>40214.756710000001</v>
      </c>
      <c r="AE7507">
        <v>33784.921090000003</v>
      </c>
      <c r="AF7507">
        <v>53825.691099999996</v>
      </c>
      <c r="AG7507">
        <v>25214.408619999998</v>
      </c>
      <c r="AH7507">
        <v>309732.25140000001</v>
      </c>
      <c r="AI7507">
        <v>78154.136859999999</v>
      </c>
      <c r="AJ7507">
        <v>24382.314310000002</v>
      </c>
      <c r="AK7507">
        <v>30173.7372</v>
      </c>
      <c r="AL7507">
        <v>93317.196620000002</v>
      </c>
      <c r="AM7507">
        <v>23275.007819999999</v>
      </c>
      <c r="AN7507">
        <v>108562.7853</v>
      </c>
      <c r="AO7507">
        <v>35444.517019999999</v>
      </c>
      <c r="AP7507">
        <v>17410.230169999999</v>
      </c>
    </row>
    <row r="7508" spans="2:42" x14ac:dyDescent="0.3">
      <c r="B7508">
        <v>59.149485702856971</v>
      </c>
      <c r="C7508" s="83">
        <v>43413.75</v>
      </c>
      <c r="D7508">
        <v>246492.22779999999</v>
      </c>
      <c r="E7508">
        <v>30316.22249</v>
      </c>
      <c r="F7508">
        <v>100183.81879999999</v>
      </c>
      <c r="G7508">
        <v>53882.323429999997</v>
      </c>
      <c r="H7508">
        <v>48476.066859999999</v>
      </c>
      <c r="I7508">
        <v>38895.533669999997</v>
      </c>
      <c r="J7508">
        <v>34901.106950000001</v>
      </c>
      <c r="K7508">
        <v>52644.899299999997</v>
      </c>
      <c r="L7508">
        <v>27965.688419999999</v>
      </c>
      <c r="M7508">
        <v>301571.66200000001</v>
      </c>
      <c r="N7508">
        <v>77361.224910000004</v>
      </c>
      <c r="O7508">
        <v>23982.611980000001</v>
      </c>
      <c r="P7508">
        <v>33698.807200000003</v>
      </c>
      <c r="Q7508">
        <v>91062.206770000004</v>
      </c>
      <c r="R7508">
        <v>23558.229619999998</v>
      </c>
      <c r="S7508">
        <v>104468.85890000001</v>
      </c>
      <c r="T7508">
        <v>36649.699849999997</v>
      </c>
      <c r="U7508">
        <v>16945.505450000001</v>
      </c>
      <c r="W7508" s="83">
        <f>Bühler!N7540</f>
        <v>45604.749999981796</v>
      </c>
      <c r="X7508" s="83">
        <v>43413.75</v>
      </c>
      <c r="Y7508">
        <v>246492.22779999999</v>
      </c>
      <c r="Z7508">
        <v>30316.22249</v>
      </c>
      <c r="AA7508">
        <v>100183.81879999999</v>
      </c>
      <c r="AB7508">
        <v>53882.323429999997</v>
      </c>
      <c r="AC7508">
        <v>48476.066859999999</v>
      </c>
      <c r="AD7508">
        <v>38895.533669999997</v>
      </c>
      <c r="AE7508">
        <v>34901.106950000001</v>
      </c>
      <c r="AF7508">
        <v>52644.899299999997</v>
      </c>
      <c r="AG7508">
        <v>27965.688419999999</v>
      </c>
      <c r="AH7508">
        <v>301571.66200000001</v>
      </c>
      <c r="AI7508">
        <v>77361.224910000004</v>
      </c>
      <c r="AJ7508">
        <v>23982.611980000001</v>
      </c>
      <c r="AK7508">
        <v>33698.807200000003</v>
      </c>
      <c r="AL7508">
        <v>91062.206770000004</v>
      </c>
      <c r="AM7508">
        <v>23558.229619999998</v>
      </c>
      <c r="AN7508">
        <v>104468.85890000001</v>
      </c>
      <c r="AO7508">
        <v>36649.699849999997</v>
      </c>
      <c r="AP7508">
        <v>16945.505450000001</v>
      </c>
    </row>
    <row r="7509" spans="2:42" x14ac:dyDescent="0.3">
      <c r="B7509">
        <v>57.270404395373966</v>
      </c>
      <c r="C7509" s="83">
        <v>43413.791666666664</v>
      </c>
      <c r="D7509">
        <v>236226.73379999999</v>
      </c>
      <c r="E7509">
        <v>24769.195070000002</v>
      </c>
      <c r="F7509">
        <v>86791.083549999996</v>
      </c>
      <c r="G7509">
        <v>47985.753640000003</v>
      </c>
      <c r="H7509">
        <v>45770.859299999996</v>
      </c>
      <c r="I7509">
        <v>36337.889130000003</v>
      </c>
      <c r="J7509">
        <v>34140.282850000003</v>
      </c>
      <c r="K7509">
        <v>51229.065929999997</v>
      </c>
      <c r="L7509">
        <v>29091.0576</v>
      </c>
      <c r="M7509">
        <v>291991.2292</v>
      </c>
      <c r="N7509">
        <v>74360.832160000005</v>
      </c>
      <c r="O7509">
        <v>22422.94715</v>
      </c>
      <c r="P7509">
        <v>34353.414270000001</v>
      </c>
      <c r="Q7509">
        <v>88067.713589999999</v>
      </c>
      <c r="R7509">
        <v>23659.817370000001</v>
      </c>
      <c r="S7509">
        <v>98754.122300000003</v>
      </c>
      <c r="T7509">
        <v>36706.511630000001</v>
      </c>
      <c r="U7509">
        <v>15498.93699</v>
      </c>
      <c r="W7509" s="83">
        <f>Bühler!N7541</f>
        <v>45604.79166664846</v>
      </c>
      <c r="X7509" s="83">
        <v>43413.791666666664</v>
      </c>
      <c r="Y7509">
        <v>236226.73379999999</v>
      </c>
      <c r="Z7509">
        <v>24769.195070000002</v>
      </c>
      <c r="AA7509">
        <v>86791.083549999996</v>
      </c>
      <c r="AB7509">
        <v>47985.753640000003</v>
      </c>
      <c r="AC7509">
        <v>45770.859299999996</v>
      </c>
      <c r="AD7509">
        <v>36337.889130000003</v>
      </c>
      <c r="AE7509">
        <v>34140.282850000003</v>
      </c>
      <c r="AF7509">
        <v>51229.065929999997</v>
      </c>
      <c r="AG7509">
        <v>29091.0576</v>
      </c>
      <c r="AH7509">
        <v>291991.2292</v>
      </c>
      <c r="AI7509">
        <v>74360.832160000005</v>
      </c>
      <c r="AJ7509">
        <v>22422.94715</v>
      </c>
      <c r="AK7509">
        <v>34353.414270000001</v>
      </c>
      <c r="AL7509">
        <v>88067.713589999999</v>
      </c>
      <c r="AM7509">
        <v>23659.817370000001</v>
      </c>
      <c r="AN7509">
        <v>98754.122300000003</v>
      </c>
      <c r="AO7509">
        <v>36706.511630000001</v>
      </c>
      <c r="AP7509">
        <v>15498.93699</v>
      </c>
    </row>
    <row r="7510" spans="2:42" x14ac:dyDescent="0.3">
      <c r="B7510">
        <v>55.559881442964929</v>
      </c>
      <c r="C7510" s="83">
        <v>43413.833333333336</v>
      </c>
      <c r="D7510">
        <v>225734.08170000001</v>
      </c>
      <c r="E7510">
        <v>18396.768220000002</v>
      </c>
      <c r="F7510">
        <v>67591.167260000002</v>
      </c>
      <c r="G7510">
        <v>43707.382129999998</v>
      </c>
      <c r="H7510">
        <v>42753.428110000001</v>
      </c>
      <c r="I7510">
        <v>32091.030409999999</v>
      </c>
      <c r="J7510">
        <v>32917.454369999999</v>
      </c>
      <c r="K7510">
        <v>49428.740830000002</v>
      </c>
      <c r="L7510">
        <v>28172.572479999999</v>
      </c>
      <c r="M7510">
        <v>283270.18550000002</v>
      </c>
      <c r="N7510">
        <v>70778.241949999996</v>
      </c>
      <c r="O7510">
        <v>21206.065640000001</v>
      </c>
      <c r="P7510">
        <v>34932.702510000003</v>
      </c>
      <c r="Q7510">
        <v>84958.705369999996</v>
      </c>
      <c r="R7510">
        <v>20769.61303</v>
      </c>
      <c r="S7510">
        <v>89524.478860000003</v>
      </c>
      <c r="T7510">
        <v>34000.312839999999</v>
      </c>
      <c r="U7510">
        <v>14415.3426</v>
      </c>
      <c r="W7510" s="83">
        <f>Bühler!N7542</f>
        <v>45604.833333315124</v>
      </c>
      <c r="X7510" s="83">
        <v>43413.833333333336</v>
      </c>
      <c r="Y7510">
        <v>225734.08170000001</v>
      </c>
      <c r="Z7510">
        <v>18396.768220000002</v>
      </c>
      <c r="AA7510">
        <v>67591.167260000002</v>
      </c>
      <c r="AB7510">
        <v>43707.382129999998</v>
      </c>
      <c r="AC7510">
        <v>42753.428110000001</v>
      </c>
      <c r="AD7510">
        <v>32091.030409999999</v>
      </c>
      <c r="AE7510">
        <v>32917.454369999999</v>
      </c>
      <c r="AF7510">
        <v>49428.740830000002</v>
      </c>
      <c r="AG7510">
        <v>28172.572479999999</v>
      </c>
      <c r="AH7510">
        <v>283270.18550000002</v>
      </c>
      <c r="AI7510">
        <v>70778.241949999996</v>
      </c>
      <c r="AJ7510">
        <v>21206.065640000001</v>
      </c>
      <c r="AK7510">
        <v>34932.702510000003</v>
      </c>
      <c r="AL7510">
        <v>84958.705369999996</v>
      </c>
      <c r="AM7510">
        <v>20769.61303</v>
      </c>
      <c r="AN7510">
        <v>89524.478860000003</v>
      </c>
      <c r="AO7510">
        <v>34000.312839999999</v>
      </c>
      <c r="AP7510">
        <v>14415.3426</v>
      </c>
    </row>
    <row r="7511" spans="2:42" x14ac:dyDescent="0.3">
      <c r="B7511">
        <v>53.774764215632395</v>
      </c>
      <c r="C7511" s="83">
        <v>43413.875</v>
      </c>
      <c r="D7511">
        <v>218981.07870000001</v>
      </c>
      <c r="E7511">
        <v>15533.974899999999</v>
      </c>
      <c r="F7511">
        <v>58235.763039999998</v>
      </c>
      <c r="G7511">
        <v>41515.07602</v>
      </c>
      <c r="H7511">
        <v>40148.687619999997</v>
      </c>
      <c r="I7511">
        <v>27562.662069999998</v>
      </c>
      <c r="J7511">
        <v>31446.526809999999</v>
      </c>
      <c r="K7511">
        <v>49190.250789999998</v>
      </c>
      <c r="L7511">
        <v>26953.243760000001</v>
      </c>
      <c r="M7511">
        <v>274168.82539999997</v>
      </c>
      <c r="N7511">
        <v>68998.468210000006</v>
      </c>
      <c r="O7511">
        <v>19868.839120000001</v>
      </c>
      <c r="P7511">
        <v>33025.80543</v>
      </c>
      <c r="Q7511">
        <v>82178.981929999994</v>
      </c>
      <c r="R7511">
        <v>20057.070530000001</v>
      </c>
      <c r="S7511">
        <v>83442.87543</v>
      </c>
      <c r="T7511">
        <v>30636.749159999999</v>
      </c>
      <c r="U7511">
        <v>13610.71004</v>
      </c>
      <c r="W7511" s="83">
        <f>Bühler!N7543</f>
        <v>45604.874999981788</v>
      </c>
      <c r="X7511" s="83">
        <v>43413.875</v>
      </c>
      <c r="Y7511">
        <v>218981.07870000001</v>
      </c>
      <c r="Z7511">
        <v>15533.974899999999</v>
      </c>
      <c r="AA7511">
        <v>58235.763039999998</v>
      </c>
      <c r="AB7511">
        <v>41515.07602</v>
      </c>
      <c r="AC7511">
        <v>40148.687619999997</v>
      </c>
      <c r="AD7511">
        <v>27562.662069999998</v>
      </c>
      <c r="AE7511">
        <v>31446.526809999999</v>
      </c>
      <c r="AF7511">
        <v>49190.250789999998</v>
      </c>
      <c r="AG7511">
        <v>26953.243760000001</v>
      </c>
      <c r="AH7511">
        <v>274168.82539999997</v>
      </c>
      <c r="AI7511">
        <v>68998.468210000006</v>
      </c>
      <c r="AJ7511">
        <v>19868.839120000001</v>
      </c>
      <c r="AK7511">
        <v>33025.80543</v>
      </c>
      <c r="AL7511">
        <v>82178.981929999994</v>
      </c>
      <c r="AM7511">
        <v>20057.070530000001</v>
      </c>
      <c r="AN7511">
        <v>83442.87543</v>
      </c>
      <c r="AO7511">
        <v>30636.749159999999</v>
      </c>
      <c r="AP7511">
        <v>13610.71004</v>
      </c>
    </row>
    <row r="7512" spans="2:42" x14ac:dyDescent="0.3">
      <c r="B7512">
        <v>53.097920539799411</v>
      </c>
      <c r="C7512" s="83">
        <v>43413.916666666664</v>
      </c>
      <c r="D7512">
        <v>216606.25510000001</v>
      </c>
      <c r="E7512">
        <v>14545.36004</v>
      </c>
      <c r="F7512">
        <v>54390.851190000001</v>
      </c>
      <c r="G7512">
        <v>39971.674440000003</v>
      </c>
      <c r="H7512">
        <v>38599.069600000003</v>
      </c>
      <c r="I7512">
        <v>26203.99049</v>
      </c>
      <c r="J7512">
        <v>29751.565180000001</v>
      </c>
      <c r="K7512">
        <v>52703.048179999998</v>
      </c>
      <c r="L7512">
        <v>24406.694759999998</v>
      </c>
      <c r="M7512">
        <v>270717.9607</v>
      </c>
      <c r="N7512">
        <v>66733.336039999995</v>
      </c>
      <c r="O7512">
        <v>19854.219539999998</v>
      </c>
      <c r="P7512">
        <v>33582.82789</v>
      </c>
      <c r="Q7512">
        <v>80431.95362</v>
      </c>
      <c r="R7512">
        <v>22152.480739999999</v>
      </c>
      <c r="S7512">
        <v>81290.202659999995</v>
      </c>
      <c r="T7512">
        <v>27080.266080000001</v>
      </c>
      <c r="U7512">
        <v>13561.75225</v>
      </c>
      <c r="W7512" s="83">
        <f>Bühler!N7544</f>
        <v>45604.916666648453</v>
      </c>
      <c r="X7512" s="83">
        <v>43413.916666666664</v>
      </c>
      <c r="Y7512">
        <v>216606.25510000001</v>
      </c>
      <c r="Z7512">
        <v>14545.36004</v>
      </c>
      <c r="AA7512">
        <v>54390.851190000001</v>
      </c>
      <c r="AB7512">
        <v>39971.674440000003</v>
      </c>
      <c r="AC7512">
        <v>38599.069600000003</v>
      </c>
      <c r="AD7512">
        <v>26203.99049</v>
      </c>
      <c r="AE7512">
        <v>29751.565180000001</v>
      </c>
      <c r="AF7512">
        <v>52703.048179999998</v>
      </c>
      <c r="AG7512">
        <v>24406.694759999998</v>
      </c>
      <c r="AH7512">
        <v>270717.9607</v>
      </c>
      <c r="AI7512">
        <v>66733.336039999995</v>
      </c>
      <c r="AJ7512">
        <v>19854.219539999998</v>
      </c>
      <c r="AK7512">
        <v>33582.82789</v>
      </c>
      <c r="AL7512">
        <v>80431.95362</v>
      </c>
      <c r="AM7512">
        <v>22152.480739999999</v>
      </c>
      <c r="AN7512">
        <v>81290.202659999995</v>
      </c>
      <c r="AO7512">
        <v>27080.266080000001</v>
      </c>
      <c r="AP7512">
        <v>13561.75225</v>
      </c>
    </row>
    <row r="7513" spans="2:42" x14ac:dyDescent="0.3">
      <c r="B7513">
        <v>51.89991535739054</v>
      </c>
      <c r="C7513" s="83">
        <v>43413.958333333336</v>
      </c>
      <c r="D7513">
        <v>213759.7696</v>
      </c>
      <c r="E7513">
        <v>13915.81119</v>
      </c>
      <c r="F7513">
        <v>52728.975330000001</v>
      </c>
      <c r="G7513">
        <v>39451.233590000003</v>
      </c>
      <c r="H7513">
        <v>37329.072569999997</v>
      </c>
      <c r="I7513">
        <v>24667.17109</v>
      </c>
      <c r="J7513">
        <v>27861.861560000001</v>
      </c>
      <c r="K7513">
        <v>51795.149899999997</v>
      </c>
      <c r="L7513">
        <v>21886.230479999998</v>
      </c>
      <c r="M7513">
        <v>264609.97159999999</v>
      </c>
      <c r="N7513">
        <v>65559.581019999998</v>
      </c>
      <c r="O7513">
        <v>19503.179319999999</v>
      </c>
      <c r="P7513">
        <v>30302.394489999999</v>
      </c>
      <c r="Q7513">
        <v>79990.305030000003</v>
      </c>
      <c r="R7513">
        <v>21620.11852</v>
      </c>
      <c r="S7513">
        <v>78974.26612</v>
      </c>
      <c r="T7513">
        <v>27345.192429999999</v>
      </c>
      <c r="U7513">
        <v>13065.33567</v>
      </c>
      <c r="W7513" s="83">
        <f>Bühler!N7545</f>
        <v>45604.958333315117</v>
      </c>
      <c r="X7513" s="83">
        <v>43413.958333333336</v>
      </c>
      <c r="Y7513">
        <v>213759.7696</v>
      </c>
      <c r="Z7513">
        <v>13915.81119</v>
      </c>
      <c r="AA7513">
        <v>52728.975330000001</v>
      </c>
      <c r="AB7513">
        <v>39451.233590000003</v>
      </c>
      <c r="AC7513">
        <v>37329.072569999997</v>
      </c>
      <c r="AD7513">
        <v>24667.17109</v>
      </c>
      <c r="AE7513">
        <v>27861.861560000001</v>
      </c>
      <c r="AF7513">
        <v>51795.149899999997</v>
      </c>
      <c r="AG7513">
        <v>21886.230479999998</v>
      </c>
      <c r="AH7513">
        <v>264609.97159999999</v>
      </c>
      <c r="AI7513">
        <v>65559.581019999998</v>
      </c>
      <c r="AJ7513">
        <v>19503.179319999999</v>
      </c>
      <c r="AK7513">
        <v>30302.394489999999</v>
      </c>
      <c r="AL7513">
        <v>79990.305030000003</v>
      </c>
      <c r="AM7513">
        <v>21620.11852</v>
      </c>
      <c r="AN7513">
        <v>78974.26612</v>
      </c>
      <c r="AO7513">
        <v>27345.192429999999</v>
      </c>
      <c r="AP7513">
        <v>13065.33567</v>
      </c>
    </row>
    <row r="7514" spans="2:42" x14ac:dyDescent="0.3">
      <c r="B7514">
        <v>55.001077753989868</v>
      </c>
      <c r="C7514" s="83">
        <v>43414</v>
      </c>
      <c r="D7514">
        <v>209927.35079999999</v>
      </c>
      <c r="E7514">
        <v>13581.017019999999</v>
      </c>
      <c r="F7514">
        <v>52072.824610000003</v>
      </c>
      <c r="G7514">
        <v>38984.451760000004</v>
      </c>
      <c r="H7514">
        <v>36459.157249999997</v>
      </c>
      <c r="I7514">
        <v>22725.843850000001</v>
      </c>
      <c r="J7514">
        <v>26688.659350000002</v>
      </c>
      <c r="K7514">
        <v>50268.260520000003</v>
      </c>
      <c r="L7514">
        <v>19054.583999999999</v>
      </c>
      <c r="M7514">
        <v>280421.14370000002</v>
      </c>
      <c r="N7514">
        <v>64788.836929999998</v>
      </c>
      <c r="O7514">
        <v>19113.125240000001</v>
      </c>
      <c r="P7514">
        <v>27458.61045</v>
      </c>
      <c r="Q7514">
        <v>78041.838390000004</v>
      </c>
      <c r="R7514">
        <v>20159.12081</v>
      </c>
      <c r="S7514">
        <v>77951.65969</v>
      </c>
      <c r="T7514">
        <v>26167.284800000001</v>
      </c>
      <c r="U7514">
        <v>13103.54926</v>
      </c>
      <c r="W7514" s="83">
        <f>Bühler!N7546</f>
        <v>45604.999999981781</v>
      </c>
      <c r="X7514" s="83">
        <v>43414</v>
      </c>
      <c r="Y7514">
        <v>209927.35079999999</v>
      </c>
      <c r="Z7514">
        <v>13581.017019999999</v>
      </c>
      <c r="AA7514">
        <v>52072.824610000003</v>
      </c>
      <c r="AB7514">
        <v>38984.451760000004</v>
      </c>
      <c r="AC7514">
        <v>36459.157249999997</v>
      </c>
      <c r="AD7514">
        <v>22725.843850000001</v>
      </c>
      <c r="AE7514">
        <v>26688.659350000002</v>
      </c>
      <c r="AF7514">
        <v>50268.260520000003</v>
      </c>
      <c r="AG7514">
        <v>19054.583999999999</v>
      </c>
      <c r="AH7514">
        <v>280421.14370000002</v>
      </c>
      <c r="AI7514">
        <v>64788.836929999998</v>
      </c>
      <c r="AJ7514">
        <v>19113.125240000001</v>
      </c>
      <c r="AK7514">
        <v>27458.61045</v>
      </c>
      <c r="AL7514">
        <v>78041.838390000004</v>
      </c>
      <c r="AM7514">
        <v>20159.12081</v>
      </c>
      <c r="AN7514">
        <v>77951.65969</v>
      </c>
      <c r="AO7514">
        <v>26167.284800000001</v>
      </c>
      <c r="AP7514">
        <v>13103.54926</v>
      </c>
    </row>
    <row r="7515" spans="2:42" x14ac:dyDescent="0.3">
      <c r="B7515">
        <v>53.816529677188498</v>
      </c>
      <c r="C7515" s="83">
        <v>43414.041666666664</v>
      </c>
      <c r="D7515">
        <v>205671.45250000001</v>
      </c>
      <c r="E7515">
        <v>13345.78642</v>
      </c>
      <c r="F7515">
        <v>52386.189619999997</v>
      </c>
      <c r="G7515">
        <v>38825.452960000002</v>
      </c>
      <c r="H7515">
        <v>36036.62081</v>
      </c>
      <c r="I7515">
        <v>19968.297449999998</v>
      </c>
      <c r="J7515">
        <v>25962.108390000001</v>
      </c>
      <c r="K7515">
        <v>49275.016089999997</v>
      </c>
      <c r="L7515">
        <v>17735.817419999999</v>
      </c>
      <c r="M7515">
        <v>274381.76520000002</v>
      </c>
      <c r="N7515">
        <v>63857.676319999999</v>
      </c>
      <c r="O7515">
        <v>18915.080020000001</v>
      </c>
      <c r="P7515">
        <v>25278.670239999999</v>
      </c>
      <c r="Q7515">
        <v>78045.25649</v>
      </c>
      <c r="R7515">
        <v>19669.783039999998</v>
      </c>
      <c r="S7515">
        <v>76428.989069999996</v>
      </c>
      <c r="T7515">
        <v>25270.371780000001</v>
      </c>
      <c r="U7515">
        <v>13251.43959</v>
      </c>
      <c r="W7515" s="83">
        <f>Bühler!N7547</f>
        <v>45605.041666648445</v>
      </c>
      <c r="X7515" s="83">
        <v>43414.041666666664</v>
      </c>
      <c r="Y7515">
        <v>205671.45250000001</v>
      </c>
      <c r="Z7515">
        <v>13345.78642</v>
      </c>
      <c r="AA7515">
        <v>52386.189619999997</v>
      </c>
      <c r="AB7515">
        <v>38825.452960000002</v>
      </c>
      <c r="AC7515">
        <v>36036.62081</v>
      </c>
      <c r="AD7515">
        <v>19968.297449999998</v>
      </c>
      <c r="AE7515">
        <v>25962.108390000001</v>
      </c>
      <c r="AF7515">
        <v>49275.016089999997</v>
      </c>
      <c r="AG7515">
        <v>17735.817419999999</v>
      </c>
      <c r="AH7515">
        <v>274381.76520000002</v>
      </c>
      <c r="AI7515">
        <v>63857.676319999999</v>
      </c>
      <c r="AJ7515">
        <v>18915.080020000001</v>
      </c>
      <c r="AK7515">
        <v>25278.670239999999</v>
      </c>
      <c r="AL7515">
        <v>78045.25649</v>
      </c>
      <c r="AM7515">
        <v>19669.783039999998</v>
      </c>
      <c r="AN7515">
        <v>76428.989069999996</v>
      </c>
      <c r="AO7515">
        <v>25270.371780000001</v>
      </c>
      <c r="AP7515">
        <v>13251.43959</v>
      </c>
    </row>
    <row r="7516" spans="2:42" x14ac:dyDescent="0.3">
      <c r="B7516">
        <v>53.122626165285929</v>
      </c>
      <c r="C7516" s="83">
        <v>43414.083333333336</v>
      </c>
      <c r="D7516">
        <v>200838.40299999999</v>
      </c>
      <c r="E7516">
        <v>13328.207119999999</v>
      </c>
      <c r="F7516">
        <v>52817.293030000001</v>
      </c>
      <c r="G7516">
        <v>38122.363210000003</v>
      </c>
      <c r="H7516">
        <v>36012.644749999999</v>
      </c>
      <c r="I7516">
        <v>18520.278119999999</v>
      </c>
      <c r="J7516">
        <v>25510.101910000001</v>
      </c>
      <c r="K7516">
        <v>47157.07735</v>
      </c>
      <c r="L7516">
        <v>17331.655930000001</v>
      </c>
      <c r="M7516">
        <v>270843.9215</v>
      </c>
      <c r="N7516">
        <v>63421.522089999999</v>
      </c>
      <c r="O7516">
        <v>18782.39503</v>
      </c>
      <c r="P7516">
        <v>25173.5376</v>
      </c>
      <c r="Q7516">
        <v>77559.235960000005</v>
      </c>
      <c r="R7516">
        <v>18439.337899999999</v>
      </c>
      <c r="S7516">
        <v>75666.340049999999</v>
      </c>
      <c r="T7516">
        <v>24674.762930000001</v>
      </c>
      <c r="U7516">
        <v>13026.625529999999</v>
      </c>
      <c r="W7516" s="83">
        <f>Bühler!N7548</f>
        <v>45605.083333315109</v>
      </c>
      <c r="X7516" s="83">
        <v>43414.083333333336</v>
      </c>
      <c r="Y7516">
        <v>200838.40299999999</v>
      </c>
      <c r="Z7516">
        <v>13328.207119999999</v>
      </c>
      <c r="AA7516">
        <v>52817.293030000001</v>
      </c>
      <c r="AB7516">
        <v>38122.363210000003</v>
      </c>
      <c r="AC7516">
        <v>36012.644749999999</v>
      </c>
      <c r="AD7516">
        <v>18520.278119999999</v>
      </c>
      <c r="AE7516">
        <v>25510.101910000001</v>
      </c>
      <c r="AF7516">
        <v>47157.07735</v>
      </c>
      <c r="AG7516">
        <v>17331.655930000001</v>
      </c>
      <c r="AH7516">
        <v>270843.9215</v>
      </c>
      <c r="AI7516">
        <v>63421.522089999999</v>
      </c>
      <c r="AJ7516">
        <v>18782.39503</v>
      </c>
      <c r="AK7516">
        <v>25173.5376</v>
      </c>
      <c r="AL7516">
        <v>77559.235960000005</v>
      </c>
      <c r="AM7516">
        <v>18439.337899999999</v>
      </c>
      <c r="AN7516">
        <v>75666.340049999999</v>
      </c>
      <c r="AO7516">
        <v>24674.762930000001</v>
      </c>
      <c r="AP7516">
        <v>13026.625529999999</v>
      </c>
    </row>
    <row r="7517" spans="2:42" x14ac:dyDescent="0.3">
      <c r="B7517">
        <v>52.212787266904442</v>
      </c>
      <c r="C7517" s="83">
        <v>43414.125</v>
      </c>
      <c r="D7517">
        <v>196418.3363</v>
      </c>
      <c r="E7517">
        <v>13200.077289999999</v>
      </c>
      <c r="F7517">
        <v>53012.043729999998</v>
      </c>
      <c r="G7517">
        <v>37612.261299999998</v>
      </c>
      <c r="H7517">
        <v>35582.657220000001</v>
      </c>
      <c r="I7517">
        <v>17759.32878</v>
      </c>
      <c r="J7517">
        <v>25433.568739999999</v>
      </c>
      <c r="K7517">
        <v>45215.621429999999</v>
      </c>
      <c r="L7517">
        <v>16758.44742</v>
      </c>
      <c r="M7517">
        <v>266205.1385</v>
      </c>
      <c r="N7517">
        <v>62821.867420000002</v>
      </c>
      <c r="O7517">
        <v>18783.539239999998</v>
      </c>
      <c r="P7517">
        <v>25314.052800000001</v>
      </c>
      <c r="Q7517">
        <v>76175.1921</v>
      </c>
      <c r="R7517">
        <v>17826.062389999999</v>
      </c>
      <c r="S7517">
        <v>75520.75215</v>
      </c>
      <c r="T7517">
        <v>24341.645919999999</v>
      </c>
      <c r="U7517">
        <v>12963.759959999999</v>
      </c>
      <c r="W7517" s="83">
        <f>Bühler!N7549</f>
        <v>45605.124999981774</v>
      </c>
      <c r="X7517" s="83">
        <v>43414.125</v>
      </c>
      <c r="Y7517">
        <v>196418.3363</v>
      </c>
      <c r="Z7517">
        <v>13200.077289999999</v>
      </c>
      <c r="AA7517">
        <v>53012.043729999998</v>
      </c>
      <c r="AB7517">
        <v>37612.261299999998</v>
      </c>
      <c r="AC7517">
        <v>35582.657220000001</v>
      </c>
      <c r="AD7517">
        <v>17759.32878</v>
      </c>
      <c r="AE7517">
        <v>25433.568739999999</v>
      </c>
      <c r="AF7517">
        <v>45215.621429999999</v>
      </c>
      <c r="AG7517">
        <v>16758.44742</v>
      </c>
      <c r="AH7517">
        <v>266205.1385</v>
      </c>
      <c r="AI7517">
        <v>62821.867420000002</v>
      </c>
      <c r="AJ7517">
        <v>18783.539239999998</v>
      </c>
      <c r="AK7517">
        <v>25314.052800000001</v>
      </c>
      <c r="AL7517">
        <v>76175.1921</v>
      </c>
      <c r="AM7517">
        <v>17826.062389999999</v>
      </c>
      <c r="AN7517">
        <v>75520.75215</v>
      </c>
      <c r="AO7517">
        <v>24341.645919999999</v>
      </c>
      <c r="AP7517">
        <v>12963.759959999999</v>
      </c>
    </row>
    <row r="7518" spans="2:42" x14ac:dyDescent="0.3">
      <c r="B7518">
        <v>51.539903899651662</v>
      </c>
      <c r="C7518" s="83">
        <v>43414.166666666664</v>
      </c>
      <c r="D7518">
        <v>188710.59950000001</v>
      </c>
      <c r="E7518">
        <v>13333.70607</v>
      </c>
      <c r="F7518">
        <v>57789.140030000002</v>
      </c>
      <c r="G7518">
        <v>37258.661099999998</v>
      </c>
      <c r="H7518">
        <v>35724.611709999997</v>
      </c>
      <c r="I7518">
        <v>18975.88291</v>
      </c>
      <c r="J7518">
        <v>26683.29149</v>
      </c>
      <c r="K7518">
        <v>43078.062740000001</v>
      </c>
      <c r="L7518">
        <v>16573.514579999999</v>
      </c>
      <c r="M7518">
        <v>262774.46529999998</v>
      </c>
      <c r="N7518">
        <v>62024.996509999997</v>
      </c>
      <c r="O7518">
        <v>19039.805410000001</v>
      </c>
      <c r="P7518">
        <v>23444.721570000002</v>
      </c>
      <c r="Q7518">
        <v>76805.282040000006</v>
      </c>
      <c r="R7518">
        <v>18518.121879999999</v>
      </c>
      <c r="S7518">
        <v>75527.701849999998</v>
      </c>
      <c r="T7518">
        <v>24070.252769999999</v>
      </c>
      <c r="U7518">
        <v>13269.0656</v>
      </c>
      <c r="W7518" s="83">
        <f>Bühler!N7550</f>
        <v>45605.166666648438</v>
      </c>
      <c r="X7518" s="83">
        <v>43414.166666666664</v>
      </c>
      <c r="Y7518">
        <v>188710.59950000001</v>
      </c>
      <c r="Z7518">
        <v>13333.70607</v>
      </c>
      <c r="AA7518">
        <v>57789.140030000002</v>
      </c>
      <c r="AB7518">
        <v>37258.661099999998</v>
      </c>
      <c r="AC7518">
        <v>35724.611709999997</v>
      </c>
      <c r="AD7518">
        <v>18975.88291</v>
      </c>
      <c r="AE7518">
        <v>26683.29149</v>
      </c>
      <c r="AF7518">
        <v>43078.062740000001</v>
      </c>
      <c r="AG7518">
        <v>16573.514579999999</v>
      </c>
      <c r="AH7518">
        <v>262774.46529999998</v>
      </c>
      <c r="AI7518">
        <v>62024.996509999997</v>
      </c>
      <c r="AJ7518">
        <v>19039.805410000001</v>
      </c>
      <c r="AK7518">
        <v>23444.721570000002</v>
      </c>
      <c r="AL7518">
        <v>76805.282040000006</v>
      </c>
      <c r="AM7518">
        <v>18518.121879999999</v>
      </c>
      <c r="AN7518">
        <v>75527.701849999998</v>
      </c>
      <c r="AO7518">
        <v>24070.252769999999</v>
      </c>
      <c r="AP7518">
        <v>13269.0656</v>
      </c>
    </row>
    <row r="7519" spans="2:42" x14ac:dyDescent="0.3">
      <c r="B7519">
        <v>51.786386021080759</v>
      </c>
      <c r="C7519" s="83">
        <v>43414.208333333336</v>
      </c>
      <c r="D7519">
        <v>183334.55009999999</v>
      </c>
      <c r="E7519">
        <v>14142.992829999999</v>
      </c>
      <c r="F7519">
        <v>66399.071360000002</v>
      </c>
      <c r="G7519">
        <v>37612.255859999997</v>
      </c>
      <c r="H7519">
        <v>36793.650540000002</v>
      </c>
      <c r="I7519">
        <v>24280.64171</v>
      </c>
      <c r="J7519">
        <v>29214.366399999999</v>
      </c>
      <c r="K7519">
        <v>42258.217170000004</v>
      </c>
      <c r="L7519">
        <v>17146.74078</v>
      </c>
      <c r="M7519">
        <v>264031.14610000001</v>
      </c>
      <c r="N7519">
        <v>61001.336490000002</v>
      </c>
      <c r="O7519">
        <v>19235.004260000002</v>
      </c>
      <c r="P7519">
        <v>25838.3933</v>
      </c>
      <c r="Q7519">
        <v>76503.406080000001</v>
      </c>
      <c r="R7519">
        <v>19084.739590000001</v>
      </c>
      <c r="S7519">
        <v>77637.474130000002</v>
      </c>
      <c r="T7519">
        <v>25415.61536</v>
      </c>
      <c r="U7519">
        <v>13717.07674</v>
      </c>
      <c r="W7519" s="83">
        <f>Bühler!N7551</f>
        <v>45605.208333315102</v>
      </c>
      <c r="X7519" s="83">
        <v>43414.208333333336</v>
      </c>
      <c r="Y7519">
        <v>183334.55009999999</v>
      </c>
      <c r="Z7519">
        <v>14142.992829999999</v>
      </c>
      <c r="AA7519">
        <v>66399.071360000002</v>
      </c>
      <c r="AB7519">
        <v>37612.255859999997</v>
      </c>
      <c r="AC7519">
        <v>36793.650540000002</v>
      </c>
      <c r="AD7519">
        <v>24280.64171</v>
      </c>
      <c r="AE7519">
        <v>29214.366399999999</v>
      </c>
      <c r="AF7519">
        <v>42258.217170000004</v>
      </c>
      <c r="AG7519">
        <v>17146.74078</v>
      </c>
      <c r="AH7519">
        <v>264031.14610000001</v>
      </c>
      <c r="AI7519">
        <v>61001.336490000002</v>
      </c>
      <c r="AJ7519">
        <v>19235.004260000002</v>
      </c>
      <c r="AK7519">
        <v>25838.3933</v>
      </c>
      <c r="AL7519">
        <v>76503.406080000001</v>
      </c>
      <c r="AM7519">
        <v>19084.739590000001</v>
      </c>
      <c r="AN7519">
        <v>77637.474130000002</v>
      </c>
      <c r="AO7519">
        <v>25415.61536</v>
      </c>
      <c r="AP7519">
        <v>13717.07674</v>
      </c>
    </row>
    <row r="7520" spans="2:42" x14ac:dyDescent="0.3">
      <c r="B7520">
        <v>52.278704932621757</v>
      </c>
      <c r="C7520" s="83">
        <v>43414.25</v>
      </c>
      <c r="D7520">
        <v>183838.15330000001</v>
      </c>
      <c r="E7520">
        <v>16246.423720000001</v>
      </c>
      <c r="F7520">
        <v>79613.94958</v>
      </c>
      <c r="G7520">
        <v>39638.034299999999</v>
      </c>
      <c r="H7520">
        <v>37590.729030000002</v>
      </c>
      <c r="I7520">
        <v>27704.285059999998</v>
      </c>
      <c r="J7520">
        <v>31828.680039999999</v>
      </c>
      <c r="K7520">
        <v>41114.443619999998</v>
      </c>
      <c r="L7520">
        <v>17884.35095</v>
      </c>
      <c r="M7520">
        <v>266541.21750000003</v>
      </c>
      <c r="N7520">
        <v>61374.571839999997</v>
      </c>
      <c r="O7520">
        <v>19908.50704</v>
      </c>
      <c r="P7520">
        <v>26057.558509999999</v>
      </c>
      <c r="Q7520">
        <v>74625.374219999998</v>
      </c>
      <c r="R7520">
        <v>18353.183710000001</v>
      </c>
      <c r="S7520">
        <v>82442.423379999993</v>
      </c>
      <c r="T7520">
        <v>27332.516960000001</v>
      </c>
      <c r="U7520">
        <v>13788.18936</v>
      </c>
      <c r="W7520" s="83">
        <f>Bühler!N7552</f>
        <v>45605.249999981766</v>
      </c>
      <c r="X7520" s="83">
        <v>43414.25</v>
      </c>
      <c r="Y7520">
        <v>183838.15330000001</v>
      </c>
      <c r="Z7520">
        <v>16246.423720000001</v>
      </c>
      <c r="AA7520">
        <v>79613.94958</v>
      </c>
      <c r="AB7520">
        <v>39638.034299999999</v>
      </c>
      <c r="AC7520">
        <v>37590.729030000002</v>
      </c>
      <c r="AD7520">
        <v>27704.285059999998</v>
      </c>
      <c r="AE7520">
        <v>31828.680039999999</v>
      </c>
      <c r="AF7520">
        <v>41114.443619999998</v>
      </c>
      <c r="AG7520">
        <v>17884.35095</v>
      </c>
      <c r="AH7520">
        <v>266541.21750000003</v>
      </c>
      <c r="AI7520">
        <v>61374.571839999997</v>
      </c>
      <c r="AJ7520">
        <v>19908.50704</v>
      </c>
      <c r="AK7520">
        <v>26057.558509999999</v>
      </c>
      <c r="AL7520">
        <v>74625.374219999998</v>
      </c>
      <c r="AM7520">
        <v>18353.183710000001</v>
      </c>
      <c r="AN7520">
        <v>82442.423379999993</v>
      </c>
      <c r="AO7520">
        <v>27332.516960000001</v>
      </c>
      <c r="AP7520">
        <v>13788.18936</v>
      </c>
    </row>
    <row r="7521" spans="2:42" x14ac:dyDescent="0.3">
      <c r="B7521">
        <v>52.194665111377063</v>
      </c>
      <c r="C7521" s="83">
        <v>43414.291666666664</v>
      </c>
      <c r="D7521">
        <v>184420.0379</v>
      </c>
      <c r="E7521">
        <v>18650.643789999998</v>
      </c>
      <c r="F7521">
        <v>82430.517680000004</v>
      </c>
      <c r="G7521">
        <v>41064.559829999998</v>
      </c>
      <c r="H7521">
        <v>37868.64129</v>
      </c>
      <c r="I7521">
        <v>30139.056939999999</v>
      </c>
      <c r="J7521">
        <v>32139.888620000002</v>
      </c>
      <c r="K7521">
        <v>41703.520320000003</v>
      </c>
      <c r="L7521">
        <v>20169.854380000001</v>
      </c>
      <c r="M7521">
        <v>266112.74329999997</v>
      </c>
      <c r="N7521">
        <v>60685.679889999999</v>
      </c>
      <c r="O7521">
        <v>20028.097089999999</v>
      </c>
      <c r="P7521">
        <v>28365.0995</v>
      </c>
      <c r="Q7521">
        <v>73041.37126</v>
      </c>
      <c r="R7521">
        <v>18390.64775</v>
      </c>
      <c r="S7521">
        <v>90112.714179999995</v>
      </c>
      <c r="T7521">
        <v>25109.86478</v>
      </c>
      <c r="U7521">
        <v>14126.126990000001</v>
      </c>
      <c r="W7521" s="83">
        <f>Bühler!N7553</f>
        <v>45605.291666648431</v>
      </c>
      <c r="X7521" s="83">
        <v>43414.291666666664</v>
      </c>
      <c r="Y7521">
        <v>184420.0379</v>
      </c>
      <c r="Z7521">
        <v>18650.643789999998</v>
      </c>
      <c r="AA7521">
        <v>82430.517680000004</v>
      </c>
      <c r="AB7521">
        <v>41064.559829999998</v>
      </c>
      <c r="AC7521">
        <v>37868.64129</v>
      </c>
      <c r="AD7521">
        <v>30139.056939999999</v>
      </c>
      <c r="AE7521">
        <v>32139.888620000002</v>
      </c>
      <c r="AF7521">
        <v>41703.520320000003</v>
      </c>
      <c r="AG7521">
        <v>20169.854380000001</v>
      </c>
      <c r="AH7521">
        <v>266112.74329999997</v>
      </c>
      <c r="AI7521">
        <v>60685.679889999999</v>
      </c>
      <c r="AJ7521">
        <v>20028.097089999999</v>
      </c>
      <c r="AK7521">
        <v>28365.0995</v>
      </c>
      <c r="AL7521">
        <v>73041.37126</v>
      </c>
      <c r="AM7521">
        <v>18390.64775</v>
      </c>
      <c r="AN7521">
        <v>90112.714179999995</v>
      </c>
      <c r="AO7521">
        <v>25109.86478</v>
      </c>
      <c r="AP7521">
        <v>14126.126990000001</v>
      </c>
    </row>
    <row r="7522" spans="2:42" x14ac:dyDescent="0.3">
      <c r="B7522">
        <v>51.228002497672414</v>
      </c>
      <c r="C7522" s="83">
        <v>43414.333333333336</v>
      </c>
      <c r="D7522">
        <v>182752.9767</v>
      </c>
      <c r="E7522">
        <v>21313.70623</v>
      </c>
      <c r="F7522">
        <v>87446.431509999995</v>
      </c>
      <c r="G7522">
        <v>41381.062010000001</v>
      </c>
      <c r="H7522">
        <v>37621.846570000002</v>
      </c>
      <c r="I7522">
        <v>30424.133709999998</v>
      </c>
      <c r="J7522">
        <v>31910.027409999999</v>
      </c>
      <c r="K7522">
        <v>42088.202720000001</v>
      </c>
      <c r="L7522">
        <v>22170.804090000001</v>
      </c>
      <c r="M7522">
        <v>261184.24650000001</v>
      </c>
      <c r="N7522">
        <v>61409.91992</v>
      </c>
      <c r="O7522">
        <v>20099.55039</v>
      </c>
      <c r="P7522">
        <v>30135.12631</v>
      </c>
      <c r="Q7522">
        <v>71005.967669999998</v>
      </c>
      <c r="R7522">
        <v>17431.370599999998</v>
      </c>
      <c r="S7522">
        <v>93270.989839999995</v>
      </c>
      <c r="T7522">
        <v>26678.74065</v>
      </c>
      <c r="U7522">
        <v>13728.848749999999</v>
      </c>
      <c r="W7522" s="83">
        <f>Bühler!N7554</f>
        <v>45605.333333315095</v>
      </c>
      <c r="X7522" s="83">
        <v>43414.333333333336</v>
      </c>
      <c r="Y7522">
        <v>182752.9767</v>
      </c>
      <c r="Z7522">
        <v>21313.70623</v>
      </c>
      <c r="AA7522">
        <v>87446.431509999995</v>
      </c>
      <c r="AB7522">
        <v>41381.062010000001</v>
      </c>
      <c r="AC7522">
        <v>37621.846570000002</v>
      </c>
      <c r="AD7522">
        <v>30424.133709999998</v>
      </c>
      <c r="AE7522">
        <v>31910.027409999999</v>
      </c>
      <c r="AF7522">
        <v>42088.202720000001</v>
      </c>
      <c r="AG7522">
        <v>22170.804090000001</v>
      </c>
      <c r="AH7522">
        <v>261184.24650000001</v>
      </c>
      <c r="AI7522">
        <v>61409.91992</v>
      </c>
      <c r="AJ7522">
        <v>20099.55039</v>
      </c>
      <c r="AK7522">
        <v>30135.12631</v>
      </c>
      <c r="AL7522">
        <v>71005.967669999998</v>
      </c>
      <c r="AM7522">
        <v>17431.370599999998</v>
      </c>
      <c r="AN7522">
        <v>93270.989839999995</v>
      </c>
      <c r="AO7522">
        <v>26678.74065</v>
      </c>
      <c r="AP7522">
        <v>13728.848749999999</v>
      </c>
    </row>
    <row r="7523" spans="2:42" x14ac:dyDescent="0.3">
      <c r="B7523">
        <v>50.408699138616058</v>
      </c>
      <c r="C7523" s="83">
        <v>43414.375</v>
      </c>
      <c r="D7523">
        <v>181122.84359999999</v>
      </c>
      <c r="E7523">
        <v>24816.324960000002</v>
      </c>
      <c r="F7523">
        <v>93065.328750000001</v>
      </c>
      <c r="G7523">
        <v>41884.038930000002</v>
      </c>
      <c r="H7523">
        <v>37804.893259999997</v>
      </c>
      <c r="I7523">
        <v>30237.198209999999</v>
      </c>
      <c r="J7523">
        <v>31548.749619999999</v>
      </c>
      <c r="K7523">
        <v>43140.879370000002</v>
      </c>
      <c r="L7523">
        <v>24349.745060000001</v>
      </c>
      <c r="M7523">
        <v>257007.05590000001</v>
      </c>
      <c r="N7523">
        <v>61088.904929999997</v>
      </c>
      <c r="O7523">
        <v>19627.796259999999</v>
      </c>
      <c r="P7523">
        <v>31821.07879</v>
      </c>
      <c r="Q7523">
        <v>70680.127259999994</v>
      </c>
      <c r="R7523">
        <v>17807.318210000001</v>
      </c>
      <c r="S7523">
        <v>95075.288109999994</v>
      </c>
      <c r="T7523">
        <v>28784.231930000002</v>
      </c>
      <c r="U7523">
        <v>13475.77822</v>
      </c>
      <c r="W7523" s="83">
        <f>Bühler!N7555</f>
        <v>45605.374999981759</v>
      </c>
      <c r="X7523" s="83">
        <v>43414.375</v>
      </c>
      <c r="Y7523">
        <v>181122.84359999999</v>
      </c>
      <c r="Z7523">
        <v>24816.324960000002</v>
      </c>
      <c r="AA7523">
        <v>93065.328750000001</v>
      </c>
      <c r="AB7523">
        <v>41884.038930000002</v>
      </c>
      <c r="AC7523">
        <v>37804.893259999997</v>
      </c>
      <c r="AD7523">
        <v>30237.198209999999</v>
      </c>
      <c r="AE7523">
        <v>31548.749619999999</v>
      </c>
      <c r="AF7523">
        <v>43140.879370000002</v>
      </c>
      <c r="AG7523">
        <v>24349.745060000001</v>
      </c>
      <c r="AH7523">
        <v>257007.05590000001</v>
      </c>
      <c r="AI7523">
        <v>61088.904929999997</v>
      </c>
      <c r="AJ7523">
        <v>19627.796259999999</v>
      </c>
      <c r="AK7523">
        <v>31821.07879</v>
      </c>
      <c r="AL7523">
        <v>70680.127259999994</v>
      </c>
      <c r="AM7523">
        <v>17807.318210000001</v>
      </c>
      <c r="AN7523">
        <v>95075.288109999994</v>
      </c>
      <c r="AO7523">
        <v>28784.231930000002</v>
      </c>
      <c r="AP7523">
        <v>13475.77822</v>
      </c>
    </row>
    <row r="7524" spans="2:42" x14ac:dyDescent="0.3">
      <c r="B7524">
        <v>50.624284910155815</v>
      </c>
      <c r="C7524" s="83">
        <v>43414.416666666664</v>
      </c>
      <c r="D7524">
        <v>180382.51730000001</v>
      </c>
      <c r="E7524">
        <v>26280.060460000001</v>
      </c>
      <c r="F7524">
        <v>93482.472659999999</v>
      </c>
      <c r="G7524">
        <v>42302.598290000002</v>
      </c>
      <c r="H7524">
        <v>38661.51268</v>
      </c>
      <c r="I7524">
        <v>29305.170050000001</v>
      </c>
      <c r="J7524">
        <v>31490.170289999998</v>
      </c>
      <c r="K7524">
        <v>45204.567840000003</v>
      </c>
      <c r="L7524">
        <v>27121.573059999999</v>
      </c>
      <c r="M7524">
        <v>258106.2127</v>
      </c>
      <c r="N7524">
        <v>61438.63291</v>
      </c>
      <c r="O7524">
        <v>20065.994040000001</v>
      </c>
      <c r="P7524">
        <v>32096.15825</v>
      </c>
      <c r="Q7524">
        <v>70729.200500000006</v>
      </c>
      <c r="R7524">
        <v>18228.732370000002</v>
      </c>
      <c r="S7524">
        <v>94176.674849999996</v>
      </c>
      <c r="T7524">
        <v>30844.49395</v>
      </c>
      <c r="U7524">
        <v>13354.035669999999</v>
      </c>
      <c r="W7524" s="83">
        <f>Bühler!N7556</f>
        <v>45605.416666648423</v>
      </c>
      <c r="X7524" s="83">
        <v>43414.416666666664</v>
      </c>
      <c r="Y7524">
        <v>180382.51730000001</v>
      </c>
      <c r="Z7524">
        <v>26280.060460000001</v>
      </c>
      <c r="AA7524">
        <v>93482.472659999999</v>
      </c>
      <c r="AB7524">
        <v>42302.598290000002</v>
      </c>
      <c r="AC7524">
        <v>38661.51268</v>
      </c>
      <c r="AD7524">
        <v>29305.170050000001</v>
      </c>
      <c r="AE7524">
        <v>31490.170289999998</v>
      </c>
      <c r="AF7524">
        <v>45204.567840000003</v>
      </c>
      <c r="AG7524">
        <v>27121.573059999999</v>
      </c>
      <c r="AH7524">
        <v>258106.2127</v>
      </c>
      <c r="AI7524">
        <v>61438.63291</v>
      </c>
      <c r="AJ7524">
        <v>20065.994040000001</v>
      </c>
      <c r="AK7524">
        <v>32096.15825</v>
      </c>
      <c r="AL7524">
        <v>70729.200500000006</v>
      </c>
      <c r="AM7524">
        <v>18228.732370000002</v>
      </c>
      <c r="AN7524">
        <v>94176.674849999996</v>
      </c>
      <c r="AO7524">
        <v>30844.49395</v>
      </c>
      <c r="AP7524">
        <v>13354.035669999999</v>
      </c>
    </row>
    <row r="7525" spans="2:42" x14ac:dyDescent="0.3">
      <c r="B7525">
        <v>50.002795664669378</v>
      </c>
      <c r="C7525" s="83">
        <v>43414.458333333336</v>
      </c>
      <c r="D7525">
        <v>178507.58189999999</v>
      </c>
      <c r="E7525">
        <v>26038.55126</v>
      </c>
      <c r="F7525">
        <v>94284.309710000001</v>
      </c>
      <c r="G7525">
        <v>41713.339650000002</v>
      </c>
      <c r="H7525">
        <v>38896.181329999999</v>
      </c>
      <c r="I7525">
        <v>29270.516899999999</v>
      </c>
      <c r="J7525">
        <v>31928.394540000001</v>
      </c>
      <c r="K7525">
        <v>45833.925629999998</v>
      </c>
      <c r="L7525">
        <v>28762.233550000001</v>
      </c>
      <c r="M7525">
        <v>254937.57070000001</v>
      </c>
      <c r="N7525">
        <v>60384.25705</v>
      </c>
      <c r="O7525">
        <v>19812.965390000001</v>
      </c>
      <c r="P7525">
        <v>31198.347669999999</v>
      </c>
      <c r="Q7525">
        <v>68910.862909999996</v>
      </c>
      <c r="R7525">
        <v>18917.430090000002</v>
      </c>
      <c r="S7525">
        <v>97039.556880000004</v>
      </c>
      <c r="T7525">
        <v>31296.25503</v>
      </c>
      <c r="U7525">
        <v>12952.768889999999</v>
      </c>
      <c r="W7525" s="83">
        <f>Bühler!N7557</f>
        <v>45605.458333315088</v>
      </c>
      <c r="X7525" s="83">
        <v>43414.458333333336</v>
      </c>
      <c r="Y7525">
        <v>178507.58189999999</v>
      </c>
      <c r="Z7525">
        <v>26038.55126</v>
      </c>
      <c r="AA7525">
        <v>94284.309710000001</v>
      </c>
      <c r="AB7525">
        <v>41713.339650000002</v>
      </c>
      <c r="AC7525">
        <v>38896.181329999999</v>
      </c>
      <c r="AD7525">
        <v>29270.516899999999</v>
      </c>
      <c r="AE7525">
        <v>31928.394540000001</v>
      </c>
      <c r="AF7525">
        <v>45833.925629999998</v>
      </c>
      <c r="AG7525">
        <v>28762.233550000001</v>
      </c>
      <c r="AH7525">
        <v>254937.57070000001</v>
      </c>
      <c r="AI7525">
        <v>60384.25705</v>
      </c>
      <c r="AJ7525">
        <v>19812.965390000001</v>
      </c>
      <c r="AK7525">
        <v>31198.347669999999</v>
      </c>
      <c r="AL7525">
        <v>68910.862909999996</v>
      </c>
      <c r="AM7525">
        <v>18917.430090000002</v>
      </c>
      <c r="AN7525">
        <v>97039.556880000004</v>
      </c>
      <c r="AO7525">
        <v>31296.25503</v>
      </c>
      <c r="AP7525">
        <v>12952.768889999999</v>
      </c>
    </row>
    <row r="7526" spans="2:42" x14ac:dyDescent="0.3">
      <c r="B7526">
        <v>48.819800898112469</v>
      </c>
      <c r="C7526" s="83">
        <v>43414.5</v>
      </c>
      <c r="D7526">
        <v>172732.3211</v>
      </c>
      <c r="E7526">
        <v>24607.654910000001</v>
      </c>
      <c r="F7526">
        <v>92563.248049999995</v>
      </c>
      <c r="G7526">
        <v>40220.770649999999</v>
      </c>
      <c r="H7526">
        <v>37397.654179999998</v>
      </c>
      <c r="I7526">
        <v>29248.464960000001</v>
      </c>
      <c r="J7526">
        <v>32076.282940000001</v>
      </c>
      <c r="K7526">
        <v>45935.301480000002</v>
      </c>
      <c r="L7526">
        <v>31835.95246</v>
      </c>
      <c r="M7526">
        <v>248906.11170000001</v>
      </c>
      <c r="N7526">
        <v>60888.62227</v>
      </c>
      <c r="O7526">
        <v>19600.43779</v>
      </c>
      <c r="P7526">
        <v>31515.255399999998</v>
      </c>
      <c r="Q7526">
        <v>66032.920580000005</v>
      </c>
      <c r="R7526">
        <v>19672.242470000001</v>
      </c>
      <c r="S7526">
        <v>92054.237550000005</v>
      </c>
      <c r="T7526">
        <v>30666.689559999999</v>
      </c>
      <c r="U7526">
        <v>11876.790730000001</v>
      </c>
      <c r="W7526" s="83">
        <f>Bühler!N7558</f>
        <v>45605.499999981752</v>
      </c>
      <c r="X7526" s="83">
        <v>43414.5</v>
      </c>
      <c r="Y7526">
        <v>172732.3211</v>
      </c>
      <c r="Z7526">
        <v>24607.654910000001</v>
      </c>
      <c r="AA7526">
        <v>92563.248049999995</v>
      </c>
      <c r="AB7526">
        <v>40220.770649999999</v>
      </c>
      <c r="AC7526">
        <v>37397.654179999998</v>
      </c>
      <c r="AD7526">
        <v>29248.464960000001</v>
      </c>
      <c r="AE7526">
        <v>32076.282940000001</v>
      </c>
      <c r="AF7526">
        <v>45935.301480000002</v>
      </c>
      <c r="AG7526">
        <v>31835.95246</v>
      </c>
      <c r="AH7526">
        <v>248906.11170000001</v>
      </c>
      <c r="AI7526">
        <v>60888.62227</v>
      </c>
      <c r="AJ7526">
        <v>19600.43779</v>
      </c>
      <c r="AK7526">
        <v>31515.255399999998</v>
      </c>
      <c r="AL7526">
        <v>66032.920580000005</v>
      </c>
      <c r="AM7526">
        <v>19672.242470000001</v>
      </c>
      <c r="AN7526">
        <v>92054.237550000005</v>
      </c>
      <c r="AO7526">
        <v>30666.689559999999</v>
      </c>
      <c r="AP7526">
        <v>11876.790730000001</v>
      </c>
    </row>
    <row r="7527" spans="2:42" x14ac:dyDescent="0.3">
      <c r="B7527">
        <v>48.586047722144087</v>
      </c>
      <c r="C7527" s="83">
        <v>43414.541666666664</v>
      </c>
      <c r="D7527">
        <v>169097.46720000001</v>
      </c>
      <c r="E7527">
        <v>24102.180649999998</v>
      </c>
      <c r="F7527">
        <v>91579.704100000003</v>
      </c>
      <c r="G7527">
        <v>39388.642820000001</v>
      </c>
      <c r="H7527">
        <v>37253.666190000004</v>
      </c>
      <c r="I7527">
        <v>29539.312979999999</v>
      </c>
      <c r="J7527">
        <v>31293.173780000001</v>
      </c>
      <c r="K7527">
        <v>46338.261939999997</v>
      </c>
      <c r="L7527">
        <v>31352.42684</v>
      </c>
      <c r="M7527">
        <v>247714.329</v>
      </c>
      <c r="N7527">
        <v>61695.592389999998</v>
      </c>
      <c r="O7527">
        <v>19701.652419999999</v>
      </c>
      <c r="P7527">
        <v>30758.295099999999</v>
      </c>
      <c r="Q7527">
        <v>63489.864379999999</v>
      </c>
      <c r="R7527">
        <v>20791.569619999998</v>
      </c>
      <c r="S7527">
        <v>91280.790819999995</v>
      </c>
      <c r="T7527">
        <v>29579.897580000001</v>
      </c>
      <c r="U7527">
        <v>11724.27418</v>
      </c>
      <c r="W7527" s="83">
        <f>Bühler!N7559</f>
        <v>45605.541666648416</v>
      </c>
      <c r="X7527" s="83">
        <v>43414.541666666664</v>
      </c>
      <c r="Y7527">
        <v>169097.46720000001</v>
      </c>
      <c r="Z7527">
        <v>24102.180649999998</v>
      </c>
      <c r="AA7527">
        <v>91579.704100000003</v>
      </c>
      <c r="AB7527">
        <v>39388.642820000001</v>
      </c>
      <c r="AC7527">
        <v>37253.666190000004</v>
      </c>
      <c r="AD7527">
        <v>29539.312979999999</v>
      </c>
      <c r="AE7527">
        <v>31293.173780000001</v>
      </c>
      <c r="AF7527">
        <v>46338.261939999997</v>
      </c>
      <c r="AG7527">
        <v>31352.42684</v>
      </c>
      <c r="AH7527">
        <v>247714.329</v>
      </c>
      <c r="AI7527">
        <v>61695.592389999998</v>
      </c>
      <c r="AJ7527">
        <v>19701.652419999999</v>
      </c>
      <c r="AK7527">
        <v>30758.295099999999</v>
      </c>
      <c r="AL7527">
        <v>63489.864379999999</v>
      </c>
      <c r="AM7527">
        <v>20791.569619999998</v>
      </c>
      <c r="AN7527">
        <v>91280.790819999995</v>
      </c>
      <c r="AO7527">
        <v>29579.897580000001</v>
      </c>
      <c r="AP7527">
        <v>11724.27418</v>
      </c>
    </row>
    <row r="7528" spans="2:42" x14ac:dyDescent="0.3">
      <c r="B7528">
        <v>48.914905438866192</v>
      </c>
      <c r="C7528" s="83">
        <v>43414.583333333336</v>
      </c>
      <c r="D7528">
        <v>168313.2788</v>
      </c>
      <c r="E7528">
        <v>24932.991010000002</v>
      </c>
      <c r="F7528">
        <v>91256.390599999999</v>
      </c>
      <c r="G7528">
        <v>38872.184439999997</v>
      </c>
      <c r="H7528">
        <v>37579.606399999997</v>
      </c>
      <c r="I7528">
        <v>29496.322169999999</v>
      </c>
      <c r="J7528">
        <v>30642.737939999999</v>
      </c>
      <c r="K7528">
        <v>45045.041270000002</v>
      </c>
      <c r="L7528">
        <v>28046.012500000001</v>
      </c>
      <c r="M7528">
        <v>249390.99900000001</v>
      </c>
      <c r="N7528">
        <v>61475.30747</v>
      </c>
      <c r="O7528">
        <v>19742.7539</v>
      </c>
      <c r="P7528">
        <v>29066.28557</v>
      </c>
      <c r="Q7528">
        <v>61719.392440000003</v>
      </c>
      <c r="R7528">
        <v>19730.631270000002</v>
      </c>
      <c r="S7528">
        <v>88725.04032</v>
      </c>
      <c r="T7528">
        <v>29768.14934</v>
      </c>
      <c r="U7528">
        <v>11778.475689999999</v>
      </c>
      <c r="W7528" s="83">
        <f>Bühler!N7560</f>
        <v>45605.58333331508</v>
      </c>
      <c r="X7528" s="83">
        <v>43414.583333333336</v>
      </c>
      <c r="Y7528">
        <v>168313.2788</v>
      </c>
      <c r="Z7528">
        <v>24932.991010000002</v>
      </c>
      <c r="AA7528">
        <v>91256.390599999999</v>
      </c>
      <c r="AB7528">
        <v>38872.184439999997</v>
      </c>
      <c r="AC7528">
        <v>37579.606399999997</v>
      </c>
      <c r="AD7528">
        <v>29496.322169999999</v>
      </c>
      <c r="AE7528">
        <v>30642.737939999999</v>
      </c>
      <c r="AF7528">
        <v>45045.041270000002</v>
      </c>
      <c r="AG7528">
        <v>28046.012500000001</v>
      </c>
      <c r="AH7528">
        <v>249390.99900000001</v>
      </c>
      <c r="AI7528">
        <v>61475.30747</v>
      </c>
      <c r="AJ7528">
        <v>19742.7539</v>
      </c>
      <c r="AK7528">
        <v>29066.28557</v>
      </c>
      <c r="AL7528">
        <v>61719.392440000003</v>
      </c>
      <c r="AM7528">
        <v>19730.631270000002</v>
      </c>
      <c r="AN7528">
        <v>88725.04032</v>
      </c>
      <c r="AO7528">
        <v>29768.14934</v>
      </c>
      <c r="AP7528">
        <v>11778.475689999999</v>
      </c>
    </row>
    <row r="7529" spans="2:42" x14ac:dyDescent="0.3">
      <c r="B7529">
        <v>48.175322504098069</v>
      </c>
      <c r="C7529" s="83">
        <v>43414.625</v>
      </c>
      <c r="D7529">
        <v>168568.08489999999</v>
      </c>
      <c r="E7529">
        <v>24617.698499999999</v>
      </c>
      <c r="F7529">
        <v>91561.587889999995</v>
      </c>
      <c r="G7529">
        <v>38608.87803</v>
      </c>
      <c r="H7529">
        <v>36972.575799999999</v>
      </c>
      <c r="I7529">
        <v>29667.550139999999</v>
      </c>
      <c r="J7529">
        <v>30396.136559999999</v>
      </c>
      <c r="K7529">
        <v>45745.636980000003</v>
      </c>
      <c r="L7529">
        <v>25886.539789999999</v>
      </c>
      <c r="M7529">
        <v>245620.26029999999</v>
      </c>
      <c r="N7529">
        <v>60965.147859999997</v>
      </c>
      <c r="O7529">
        <v>19490.47899</v>
      </c>
      <c r="P7529">
        <v>27338.796569999999</v>
      </c>
      <c r="Q7529">
        <v>60990.212489999998</v>
      </c>
      <c r="R7529">
        <v>19602.139299999999</v>
      </c>
      <c r="S7529">
        <v>88508.102790000004</v>
      </c>
      <c r="T7529">
        <v>31088.276229999999</v>
      </c>
      <c r="U7529">
        <v>11945.097299999999</v>
      </c>
      <c r="W7529" s="83">
        <f>Bühler!N7561</f>
        <v>45605.624999981745</v>
      </c>
      <c r="X7529" s="83">
        <v>43414.625</v>
      </c>
      <c r="Y7529">
        <v>168568.08489999999</v>
      </c>
      <c r="Z7529">
        <v>24617.698499999999</v>
      </c>
      <c r="AA7529">
        <v>91561.587889999995</v>
      </c>
      <c r="AB7529">
        <v>38608.87803</v>
      </c>
      <c r="AC7529">
        <v>36972.575799999999</v>
      </c>
      <c r="AD7529">
        <v>29667.550139999999</v>
      </c>
      <c r="AE7529">
        <v>30396.136559999999</v>
      </c>
      <c r="AF7529">
        <v>45745.636980000003</v>
      </c>
      <c r="AG7529">
        <v>25886.539789999999</v>
      </c>
      <c r="AH7529">
        <v>245620.26029999999</v>
      </c>
      <c r="AI7529">
        <v>60965.147859999997</v>
      </c>
      <c r="AJ7529">
        <v>19490.47899</v>
      </c>
      <c r="AK7529">
        <v>27338.796569999999</v>
      </c>
      <c r="AL7529">
        <v>60990.212489999998</v>
      </c>
      <c r="AM7529">
        <v>19602.139299999999</v>
      </c>
      <c r="AN7529">
        <v>88508.102790000004</v>
      </c>
      <c r="AO7529">
        <v>31088.276229999999</v>
      </c>
      <c r="AP7529">
        <v>11945.097299999999</v>
      </c>
    </row>
    <row r="7530" spans="2:42" x14ac:dyDescent="0.3">
      <c r="B7530">
        <v>47.593650193035508</v>
      </c>
      <c r="C7530" s="83">
        <v>43414.666666666664</v>
      </c>
      <c r="D7530">
        <v>167254.86480000001</v>
      </c>
      <c r="E7530">
        <v>24450.54279</v>
      </c>
      <c r="F7530">
        <v>91417.959010000006</v>
      </c>
      <c r="G7530">
        <v>38912.115870000001</v>
      </c>
      <c r="H7530">
        <v>37245.239479999997</v>
      </c>
      <c r="I7530">
        <v>30405.515080000001</v>
      </c>
      <c r="J7530">
        <v>29932.15813</v>
      </c>
      <c r="K7530">
        <v>47049.05659</v>
      </c>
      <c r="L7530">
        <v>25128.859100000001</v>
      </c>
      <c r="M7530">
        <v>242654.62359999999</v>
      </c>
      <c r="N7530">
        <v>61672.617819999999</v>
      </c>
      <c r="O7530">
        <v>19527.616160000001</v>
      </c>
      <c r="P7530">
        <v>27590.124670000001</v>
      </c>
      <c r="Q7530">
        <v>60417.898659999999</v>
      </c>
      <c r="R7530">
        <v>19052.408319999999</v>
      </c>
      <c r="S7530">
        <v>88981.498040000006</v>
      </c>
      <c r="T7530">
        <v>31607.02881</v>
      </c>
      <c r="U7530">
        <v>12170.37018</v>
      </c>
      <c r="W7530" s="83">
        <f>Bühler!N7562</f>
        <v>45605.666666648409</v>
      </c>
      <c r="X7530" s="83">
        <v>43414.666666666664</v>
      </c>
      <c r="Y7530">
        <v>167254.86480000001</v>
      </c>
      <c r="Z7530">
        <v>24450.54279</v>
      </c>
      <c r="AA7530">
        <v>91417.959010000006</v>
      </c>
      <c r="AB7530">
        <v>38912.115870000001</v>
      </c>
      <c r="AC7530">
        <v>37245.239479999997</v>
      </c>
      <c r="AD7530">
        <v>30405.515080000001</v>
      </c>
      <c r="AE7530">
        <v>29932.15813</v>
      </c>
      <c r="AF7530">
        <v>47049.05659</v>
      </c>
      <c r="AG7530">
        <v>25128.859100000001</v>
      </c>
      <c r="AH7530">
        <v>242654.62359999999</v>
      </c>
      <c r="AI7530">
        <v>61672.617819999999</v>
      </c>
      <c r="AJ7530">
        <v>19527.616160000001</v>
      </c>
      <c r="AK7530">
        <v>27590.124670000001</v>
      </c>
      <c r="AL7530">
        <v>60417.898659999999</v>
      </c>
      <c r="AM7530">
        <v>19052.408319999999</v>
      </c>
      <c r="AN7530">
        <v>88981.498040000006</v>
      </c>
      <c r="AO7530">
        <v>31607.02881</v>
      </c>
      <c r="AP7530">
        <v>12170.37018</v>
      </c>
    </row>
    <row r="7531" spans="2:42" x14ac:dyDescent="0.3">
      <c r="B7531">
        <v>47.074971668429292</v>
      </c>
      <c r="C7531" s="83">
        <v>43414.708333333336</v>
      </c>
      <c r="D7531">
        <v>166508.14739999999</v>
      </c>
      <c r="E7531">
        <v>24821.026880000001</v>
      </c>
      <c r="F7531">
        <v>93700.689199999993</v>
      </c>
      <c r="G7531">
        <v>39460.008540000003</v>
      </c>
      <c r="H7531">
        <v>39063.403919999997</v>
      </c>
      <c r="I7531">
        <v>31075.974719999998</v>
      </c>
      <c r="J7531">
        <v>32490.237529999999</v>
      </c>
      <c r="K7531">
        <v>46348.650900000001</v>
      </c>
      <c r="L7531">
        <v>27523.72768</v>
      </c>
      <c r="M7531">
        <v>240010.1586</v>
      </c>
      <c r="N7531">
        <v>62810.310279999998</v>
      </c>
      <c r="O7531">
        <v>19865.503629999999</v>
      </c>
      <c r="P7531">
        <v>30418.90926</v>
      </c>
      <c r="Q7531">
        <v>58547.104350000001</v>
      </c>
      <c r="R7531">
        <v>19697.068019999999</v>
      </c>
      <c r="S7531">
        <v>93937.050189999994</v>
      </c>
      <c r="T7531">
        <v>33038.947050000002</v>
      </c>
      <c r="U7531">
        <v>12463.11202</v>
      </c>
      <c r="W7531" s="83">
        <f>Bühler!N7563</f>
        <v>45605.708333315073</v>
      </c>
      <c r="X7531" s="83">
        <v>43414.708333333336</v>
      </c>
      <c r="Y7531">
        <v>166508.14739999999</v>
      </c>
      <c r="Z7531">
        <v>24821.026880000001</v>
      </c>
      <c r="AA7531">
        <v>93700.689199999993</v>
      </c>
      <c r="AB7531">
        <v>39460.008540000003</v>
      </c>
      <c r="AC7531">
        <v>39063.403919999997</v>
      </c>
      <c r="AD7531">
        <v>31075.974719999998</v>
      </c>
      <c r="AE7531">
        <v>32490.237529999999</v>
      </c>
      <c r="AF7531">
        <v>46348.650900000001</v>
      </c>
      <c r="AG7531">
        <v>27523.72768</v>
      </c>
      <c r="AH7531">
        <v>240010.1586</v>
      </c>
      <c r="AI7531">
        <v>62810.310279999998</v>
      </c>
      <c r="AJ7531">
        <v>19865.503629999999</v>
      </c>
      <c r="AK7531">
        <v>30418.90926</v>
      </c>
      <c r="AL7531">
        <v>58547.104350000001</v>
      </c>
      <c r="AM7531">
        <v>19697.068019999999</v>
      </c>
      <c r="AN7531">
        <v>93937.050189999994</v>
      </c>
      <c r="AO7531">
        <v>33038.947050000002</v>
      </c>
      <c r="AP7531">
        <v>12463.11202</v>
      </c>
    </row>
    <row r="7532" spans="2:42" x14ac:dyDescent="0.3">
      <c r="B7532">
        <v>46.447174329911945</v>
      </c>
      <c r="C7532" s="83">
        <v>43414.75</v>
      </c>
      <c r="D7532">
        <v>166406.39170000001</v>
      </c>
      <c r="E7532">
        <v>24221.850289999998</v>
      </c>
      <c r="F7532">
        <v>93250.974830000006</v>
      </c>
      <c r="G7532">
        <v>39728.406450000002</v>
      </c>
      <c r="H7532">
        <v>39407.022440000001</v>
      </c>
      <c r="I7532">
        <v>31582.79379</v>
      </c>
      <c r="J7532">
        <v>33843.519769999999</v>
      </c>
      <c r="K7532">
        <v>44282.120869999999</v>
      </c>
      <c r="L7532">
        <v>29626.540229999999</v>
      </c>
      <c r="M7532">
        <v>236809.35500000001</v>
      </c>
      <c r="N7532">
        <v>63815.709929999997</v>
      </c>
      <c r="O7532">
        <v>20529.340270000001</v>
      </c>
      <c r="P7532">
        <v>33744.542179999997</v>
      </c>
      <c r="Q7532">
        <v>57043.105989999996</v>
      </c>
      <c r="R7532">
        <v>20912.549780000001</v>
      </c>
      <c r="S7532">
        <v>94105.226209999993</v>
      </c>
      <c r="T7532">
        <v>33710.839800000002</v>
      </c>
      <c r="U7532">
        <v>13127.623439999999</v>
      </c>
      <c r="W7532" s="83">
        <f>Bühler!N7564</f>
        <v>45605.749999981737</v>
      </c>
      <c r="X7532" s="83">
        <v>43414.75</v>
      </c>
      <c r="Y7532">
        <v>166406.39170000001</v>
      </c>
      <c r="Z7532">
        <v>24221.850289999998</v>
      </c>
      <c r="AA7532">
        <v>93250.974830000006</v>
      </c>
      <c r="AB7532">
        <v>39728.406450000002</v>
      </c>
      <c r="AC7532">
        <v>39407.022440000001</v>
      </c>
      <c r="AD7532">
        <v>31582.79379</v>
      </c>
      <c r="AE7532">
        <v>33843.519769999999</v>
      </c>
      <c r="AF7532">
        <v>44282.120869999999</v>
      </c>
      <c r="AG7532">
        <v>29626.540229999999</v>
      </c>
      <c r="AH7532">
        <v>236809.35500000001</v>
      </c>
      <c r="AI7532">
        <v>63815.709929999997</v>
      </c>
      <c r="AJ7532">
        <v>20529.340270000001</v>
      </c>
      <c r="AK7532">
        <v>33744.542179999997</v>
      </c>
      <c r="AL7532">
        <v>57043.105989999996</v>
      </c>
      <c r="AM7532">
        <v>20912.549780000001</v>
      </c>
      <c r="AN7532">
        <v>94105.226209999993</v>
      </c>
      <c r="AO7532">
        <v>33710.839800000002</v>
      </c>
      <c r="AP7532">
        <v>13127.623439999999</v>
      </c>
    </row>
    <row r="7533" spans="2:42" x14ac:dyDescent="0.3">
      <c r="B7533">
        <v>45.508130590306983</v>
      </c>
      <c r="C7533" s="83">
        <v>43414.791666666664</v>
      </c>
      <c r="D7533">
        <v>166213.87650000001</v>
      </c>
      <c r="E7533">
        <v>20398.094720000001</v>
      </c>
      <c r="F7533">
        <v>79899.316030000002</v>
      </c>
      <c r="G7533">
        <v>39651.608560000001</v>
      </c>
      <c r="H7533">
        <v>38695.538529999998</v>
      </c>
      <c r="I7533">
        <v>29993.751680000001</v>
      </c>
      <c r="J7533">
        <v>32853.315410000003</v>
      </c>
      <c r="K7533">
        <v>44015.821199999998</v>
      </c>
      <c r="L7533">
        <v>31262.809270000002</v>
      </c>
      <c r="M7533">
        <v>232021.6721</v>
      </c>
      <c r="N7533">
        <v>62692.386659999996</v>
      </c>
      <c r="O7533">
        <v>20571.04535</v>
      </c>
      <c r="P7533">
        <v>35336.828200000004</v>
      </c>
      <c r="Q7533">
        <v>54969.842120000001</v>
      </c>
      <c r="R7533">
        <v>21596.330450000001</v>
      </c>
      <c r="S7533">
        <v>92025.599069999997</v>
      </c>
      <c r="T7533">
        <v>32334.352309999998</v>
      </c>
      <c r="U7533">
        <v>12958.664409999999</v>
      </c>
      <c r="W7533" s="83">
        <f>Bühler!N7565</f>
        <v>45605.791666648402</v>
      </c>
      <c r="X7533" s="83">
        <v>43414.791666666664</v>
      </c>
      <c r="Y7533">
        <v>166213.87650000001</v>
      </c>
      <c r="Z7533">
        <v>20398.094720000001</v>
      </c>
      <c r="AA7533">
        <v>79899.316030000002</v>
      </c>
      <c r="AB7533">
        <v>39651.608560000001</v>
      </c>
      <c r="AC7533">
        <v>38695.538529999998</v>
      </c>
      <c r="AD7533">
        <v>29993.751680000001</v>
      </c>
      <c r="AE7533">
        <v>32853.315410000003</v>
      </c>
      <c r="AF7533">
        <v>44015.821199999998</v>
      </c>
      <c r="AG7533">
        <v>31262.809270000002</v>
      </c>
      <c r="AH7533">
        <v>232021.6721</v>
      </c>
      <c r="AI7533">
        <v>62692.386659999996</v>
      </c>
      <c r="AJ7533">
        <v>20571.04535</v>
      </c>
      <c r="AK7533">
        <v>35336.828200000004</v>
      </c>
      <c r="AL7533">
        <v>54969.842120000001</v>
      </c>
      <c r="AM7533">
        <v>21596.330450000001</v>
      </c>
      <c r="AN7533">
        <v>92025.599069999997</v>
      </c>
      <c r="AO7533">
        <v>32334.352309999998</v>
      </c>
      <c r="AP7533">
        <v>12958.664409999999</v>
      </c>
    </row>
    <row r="7534" spans="2:42" x14ac:dyDescent="0.3">
      <c r="B7534">
        <v>45.068520097724956</v>
      </c>
      <c r="C7534" s="83">
        <v>43414.833333333336</v>
      </c>
      <c r="D7534">
        <v>165089.3039</v>
      </c>
      <c r="E7534">
        <v>15344.772870000001</v>
      </c>
      <c r="F7534">
        <v>59796.510699999999</v>
      </c>
      <c r="G7534">
        <v>39397.351739999998</v>
      </c>
      <c r="H7534">
        <v>37901.077409999998</v>
      </c>
      <c r="I7534">
        <v>26700.33627</v>
      </c>
      <c r="J7534">
        <v>32047.325150000001</v>
      </c>
      <c r="K7534">
        <v>45799.903409999999</v>
      </c>
      <c r="L7534">
        <v>30418.751950000002</v>
      </c>
      <c r="M7534">
        <v>229780.3328</v>
      </c>
      <c r="N7534">
        <v>61573.225279999999</v>
      </c>
      <c r="O7534">
        <v>19380.117699999999</v>
      </c>
      <c r="P7534">
        <v>34900.606070000002</v>
      </c>
      <c r="Q7534">
        <v>53120.647960000002</v>
      </c>
      <c r="R7534">
        <v>19484.14876</v>
      </c>
      <c r="S7534">
        <v>85041.900250000006</v>
      </c>
      <c r="T7534">
        <v>28574.15049</v>
      </c>
      <c r="U7534">
        <v>12592.224609999999</v>
      </c>
      <c r="W7534" s="83">
        <f>Bühler!N7566</f>
        <v>45605.833333315066</v>
      </c>
      <c r="X7534" s="83">
        <v>43414.833333333336</v>
      </c>
      <c r="Y7534">
        <v>165089.3039</v>
      </c>
      <c r="Z7534">
        <v>15344.772870000001</v>
      </c>
      <c r="AA7534">
        <v>59796.510699999999</v>
      </c>
      <c r="AB7534">
        <v>39397.351739999998</v>
      </c>
      <c r="AC7534">
        <v>37901.077409999998</v>
      </c>
      <c r="AD7534">
        <v>26700.33627</v>
      </c>
      <c r="AE7534">
        <v>32047.325150000001</v>
      </c>
      <c r="AF7534">
        <v>45799.903409999999</v>
      </c>
      <c r="AG7534">
        <v>30418.751950000002</v>
      </c>
      <c r="AH7534">
        <v>229780.3328</v>
      </c>
      <c r="AI7534">
        <v>61573.225279999999</v>
      </c>
      <c r="AJ7534">
        <v>19380.117699999999</v>
      </c>
      <c r="AK7534">
        <v>34900.606070000002</v>
      </c>
      <c r="AL7534">
        <v>53120.647960000002</v>
      </c>
      <c r="AM7534">
        <v>19484.14876</v>
      </c>
      <c r="AN7534">
        <v>85041.900250000006</v>
      </c>
      <c r="AO7534">
        <v>28574.15049</v>
      </c>
      <c r="AP7534">
        <v>12592.224609999999</v>
      </c>
    </row>
    <row r="7535" spans="2:42" x14ac:dyDescent="0.3">
      <c r="B7535">
        <v>44.438257743424998</v>
      </c>
      <c r="C7535" s="83">
        <v>43414.875</v>
      </c>
      <c r="D7535">
        <v>164035.88630000001</v>
      </c>
      <c r="E7535">
        <v>13551.81573</v>
      </c>
      <c r="F7535">
        <v>51714.226600000002</v>
      </c>
      <c r="G7535">
        <v>38754.550340000002</v>
      </c>
      <c r="H7535">
        <v>36219.112630000003</v>
      </c>
      <c r="I7535">
        <v>24240.092260000001</v>
      </c>
      <c r="J7535">
        <v>30955.478190000002</v>
      </c>
      <c r="K7535">
        <v>46091.755640000003</v>
      </c>
      <c r="L7535">
        <v>28315.93417</v>
      </c>
      <c r="M7535">
        <v>226566.9614</v>
      </c>
      <c r="N7535">
        <v>60883.795720000002</v>
      </c>
      <c r="O7535">
        <v>19405.805</v>
      </c>
      <c r="P7535">
        <v>33423.260370000004</v>
      </c>
      <c r="Q7535">
        <v>52455.699209999999</v>
      </c>
      <c r="R7535">
        <v>19191.917700000002</v>
      </c>
      <c r="S7535">
        <v>81163.955419999998</v>
      </c>
      <c r="T7535">
        <v>26482.77147</v>
      </c>
      <c r="U7535">
        <v>12440.65454</v>
      </c>
      <c r="W7535" s="83">
        <f>Bühler!N7567</f>
        <v>45605.87499998173</v>
      </c>
      <c r="X7535" s="83">
        <v>43414.875</v>
      </c>
      <c r="Y7535">
        <v>164035.88630000001</v>
      </c>
      <c r="Z7535">
        <v>13551.81573</v>
      </c>
      <c r="AA7535">
        <v>51714.226600000002</v>
      </c>
      <c r="AB7535">
        <v>38754.550340000002</v>
      </c>
      <c r="AC7535">
        <v>36219.112630000003</v>
      </c>
      <c r="AD7535">
        <v>24240.092260000001</v>
      </c>
      <c r="AE7535">
        <v>30955.478190000002</v>
      </c>
      <c r="AF7535">
        <v>46091.755640000003</v>
      </c>
      <c r="AG7535">
        <v>28315.93417</v>
      </c>
      <c r="AH7535">
        <v>226566.9614</v>
      </c>
      <c r="AI7535">
        <v>60883.795720000002</v>
      </c>
      <c r="AJ7535">
        <v>19405.805</v>
      </c>
      <c r="AK7535">
        <v>33423.260370000004</v>
      </c>
      <c r="AL7535">
        <v>52455.699209999999</v>
      </c>
      <c r="AM7535">
        <v>19191.917700000002</v>
      </c>
      <c r="AN7535">
        <v>81163.955419999998</v>
      </c>
      <c r="AO7535">
        <v>26482.77147</v>
      </c>
      <c r="AP7535">
        <v>12440.65454</v>
      </c>
    </row>
    <row r="7536" spans="2:42" x14ac:dyDescent="0.3">
      <c r="B7536">
        <v>44.444093027607458</v>
      </c>
      <c r="C7536" s="83">
        <v>43414.916666666664</v>
      </c>
      <c r="D7536">
        <v>163705.4474</v>
      </c>
      <c r="E7536">
        <v>13115.97824</v>
      </c>
      <c r="F7536">
        <v>49516.138800000001</v>
      </c>
      <c r="G7536">
        <v>38600.814030000001</v>
      </c>
      <c r="H7536">
        <v>36280.697160000003</v>
      </c>
      <c r="I7536">
        <v>23068.658599999999</v>
      </c>
      <c r="J7536">
        <v>29805.179700000001</v>
      </c>
      <c r="K7536">
        <v>50252.646840000001</v>
      </c>
      <c r="L7536">
        <v>25576.246090000001</v>
      </c>
      <c r="M7536">
        <v>226596.71239999999</v>
      </c>
      <c r="N7536">
        <v>60824.403339999997</v>
      </c>
      <c r="O7536">
        <v>19278.301169999999</v>
      </c>
      <c r="P7536">
        <v>35692.538119999997</v>
      </c>
      <c r="Q7536">
        <v>50750.724849999999</v>
      </c>
      <c r="R7536">
        <v>21421.736550000001</v>
      </c>
      <c r="S7536">
        <v>81052.023279999994</v>
      </c>
      <c r="T7536">
        <v>25809.69515</v>
      </c>
      <c r="U7536">
        <v>12833.29257</v>
      </c>
      <c r="W7536" s="83">
        <f>Bühler!N7568</f>
        <v>45605.916666648394</v>
      </c>
      <c r="X7536" s="83">
        <v>43414.916666666664</v>
      </c>
      <c r="Y7536">
        <v>163705.4474</v>
      </c>
      <c r="Z7536">
        <v>13115.97824</v>
      </c>
      <c r="AA7536">
        <v>49516.138800000001</v>
      </c>
      <c r="AB7536">
        <v>38600.814030000001</v>
      </c>
      <c r="AC7536">
        <v>36280.697160000003</v>
      </c>
      <c r="AD7536">
        <v>23068.658599999999</v>
      </c>
      <c r="AE7536">
        <v>29805.179700000001</v>
      </c>
      <c r="AF7536">
        <v>50252.646840000001</v>
      </c>
      <c r="AG7536">
        <v>25576.246090000001</v>
      </c>
      <c r="AH7536">
        <v>226596.71239999999</v>
      </c>
      <c r="AI7536">
        <v>60824.403339999997</v>
      </c>
      <c r="AJ7536">
        <v>19278.301169999999</v>
      </c>
      <c r="AK7536">
        <v>35692.538119999997</v>
      </c>
      <c r="AL7536">
        <v>50750.724849999999</v>
      </c>
      <c r="AM7536">
        <v>21421.736550000001</v>
      </c>
      <c r="AN7536">
        <v>81052.023279999994</v>
      </c>
      <c r="AO7536">
        <v>25809.69515</v>
      </c>
      <c r="AP7536">
        <v>12833.29257</v>
      </c>
    </row>
    <row r="7537" spans="2:42" x14ac:dyDescent="0.3">
      <c r="B7537">
        <v>44.292893225883489</v>
      </c>
      <c r="C7537" s="83">
        <v>43414.958333333336</v>
      </c>
      <c r="D7537">
        <v>163121.6453</v>
      </c>
      <c r="E7537">
        <v>12700.76016</v>
      </c>
      <c r="F7537">
        <v>48072.915889999997</v>
      </c>
      <c r="G7537">
        <v>38364.230739999999</v>
      </c>
      <c r="H7537">
        <v>35724.566870000002</v>
      </c>
      <c r="I7537">
        <v>22460.836469999998</v>
      </c>
      <c r="J7537">
        <v>27639.758010000001</v>
      </c>
      <c r="K7537">
        <v>49292.484429999997</v>
      </c>
      <c r="L7537">
        <v>21979.618770000001</v>
      </c>
      <c r="M7537">
        <v>225825.8253</v>
      </c>
      <c r="N7537">
        <v>59808.520470000003</v>
      </c>
      <c r="O7537">
        <v>19324.763060000001</v>
      </c>
      <c r="P7537">
        <v>31668.212080000001</v>
      </c>
      <c r="Q7537">
        <v>50489.67555</v>
      </c>
      <c r="R7537">
        <v>20716.606899999999</v>
      </c>
      <c r="S7537">
        <v>78954.637229999993</v>
      </c>
      <c r="T7537">
        <v>28690.146649999999</v>
      </c>
      <c r="U7537">
        <v>12554.514450000001</v>
      </c>
      <c r="W7537" s="83">
        <f>Bühler!N7569</f>
        <v>45605.958333315059</v>
      </c>
      <c r="X7537" s="83">
        <v>43414.958333333336</v>
      </c>
      <c r="Y7537">
        <v>163121.6453</v>
      </c>
      <c r="Z7537">
        <v>12700.76016</v>
      </c>
      <c r="AA7537">
        <v>48072.915889999997</v>
      </c>
      <c r="AB7537">
        <v>38364.230739999999</v>
      </c>
      <c r="AC7537">
        <v>35724.566870000002</v>
      </c>
      <c r="AD7537">
        <v>22460.836469999998</v>
      </c>
      <c r="AE7537">
        <v>27639.758010000001</v>
      </c>
      <c r="AF7537">
        <v>49292.484429999997</v>
      </c>
      <c r="AG7537">
        <v>21979.618770000001</v>
      </c>
      <c r="AH7537">
        <v>225825.8253</v>
      </c>
      <c r="AI7537">
        <v>59808.520470000003</v>
      </c>
      <c r="AJ7537">
        <v>19324.763060000001</v>
      </c>
      <c r="AK7537">
        <v>31668.212080000001</v>
      </c>
      <c r="AL7537">
        <v>50489.67555</v>
      </c>
      <c r="AM7537">
        <v>20716.606899999999</v>
      </c>
      <c r="AN7537">
        <v>78954.637229999993</v>
      </c>
      <c r="AO7537">
        <v>28690.146649999999</v>
      </c>
      <c r="AP7537">
        <v>12554.514450000001</v>
      </c>
    </row>
    <row r="7538" spans="2:42" x14ac:dyDescent="0.3">
      <c r="B7538">
        <v>43.835313427660253</v>
      </c>
      <c r="C7538" s="83">
        <v>43415</v>
      </c>
      <c r="D7538">
        <v>162082.03330000001</v>
      </c>
      <c r="E7538">
        <v>12487.2739</v>
      </c>
      <c r="F7538">
        <v>47488.917569999998</v>
      </c>
      <c r="G7538">
        <v>38636.00621</v>
      </c>
      <c r="H7538">
        <v>35301.31409</v>
      </c>
      <c r="I7538">
        <v>20664.201420000001</v>
      </c>
      <c r="J7538">
        <v>26082.565709999999</v>
      </c>
      <c r="K7538">
        <v>48861.775580000001</v>
      </c>
      <c r="L7538">
        <v>18508.44613</v>
      </c>
      <c r="M7538">
        <v>223492.8701</v>
      </c>
      <c r="N7538">
        <v>58595.090429999997</v>
      </c>
      <c r="O7538">
        <v>19614.632860000002</v>
      </c>
      <c r="P7538">
        <v>29125.148580000001</v>
      </c>
      <c r="Q7538">
        <v>50240.958980000003</v>
      </c>
      <c r="R7538">
        <v>19423.203529999999</v>
      </c>
      <c r="S7538">
        <v>77923.600319999998</v>
      </c>
      <c r="T7538">
        <v>26926.687999999998</v>
      </c>
      <c r="U7538">
        <v>12489.09375</v>
      </c>
      <c r="W7538" s="83">
        <f>Bühler!N7570</f>
        <v>45605.999999981723</v>
      </c>
      <c r="X7538" s="83">
        <v>43415</v>
      </c>
      <c r="Y7538">
        <v>162082.03330000001</v>
      </c>
      <c r="Z7538">
        <v>12487.2739</v>
      </c>
      <c r="AA7538">
        <v>47488.917569999998</v>
      </c>
      <c r="AB7538">
        <v>38636.00621</v>
      </c>
      <c r="AC7538">
        <v>35301.31409</v>
      </c>
      <c r="AD7538">
        <v>20664.201420000001</v>
      </c>
      <c r="AE7538">
        <v>26082.565709999999</v>
      </c>
      <c r="AF7538">
        <v>48861.775580000001</v>
      </c>
      <c r="AG7538">
        <v>18508.44613</v>
      </c>
      <c r="AH7538">
        <v>223492.8701</v>
      </c>
      <c r="AI7538">
        <v>58595.090429999997</v>
      </c>
      <c r="AJ7538">
        <v>19614.632860000002</v>
      </c>
      <c r="AK7538">
        <v>29125.148580000001</v>
      </c>
      <c r="AL7538">
        <v>50240.958980000003</v>
      </c>
      <c r="AM7538">
        <v>19423.203529999999</v>
      </c>
      <c r="AN7538">
        <v>77923.600319999998</v>
      </c>
      <c r="AO7538">
        <v>26926.687999999998</v>
      </c>
      <c r="AP7538">
        <v>12489.09375</v>
      </c>
    </row>
    <row r="7539" spans="2:42" x14ac:dyDescent="0.3">
      <c r="B7539">
        <v>43.512154130433629</v>
      </c>
      <c r="C7539" s="83">
        <v>43415.041666666664</v>
      </c>
      <c r="D7539">
        <v>162152.5374</v>
      </c>
      <c r="E7539">
        <v>12421.95174</v>
      </c>
      <c r="F7539">
        <v>47901.905270000003</v>
      </c>
      <c r="G7539">
        <v>38507.721989999998</v>
      </c>
      <c r="H7539">
        <v>34763.349649999996</v>
      </c>
      <c r="I7539">
        <v>17772.087029999999</v>
      </c>
      <c r="J7539">
        <v>25647.00129</v>
      </c>
      <c r="K7539">
        <v>47308.162429999997</v>
      </c>
      <c r="L7539">
        <v>17701.48474</v>
      </c>
      <c r="M7539">
        <v>221845.25330000001</v>
      </c>
      <c r="N7539">
        <v>58315.714090000001</v>
      </c>
      <c r="O7539">
        <v>19855.0857</v>
      </c>
      <c r="P7539">
        <v>27564.320380000001</v>
      </c>
      <c r="Q7539">
        <v>50572.475039999998</v>
      </c>
      <c r="R7539">
        <v>18485.0864</v>
      </c>
      <c r="S7539">
        <v>76803.256200000003</v>
      </c>
      <c r="T7539">
        <v>25678.230230000001</v>
      </c>
      <c r="U7539">
        <v>12554.362719999999</v>
      </c>
      <c r="W7539" s="83">
        <f>Bühler!N7571</f>
        <v>45606.041666648387</v>
      </c>
      <c r="X7539" s="83">
        <v>43415.041666666664</v>
      </c>
      <c r="Y7539">
        <v>162152.5374</v>
      </c>
      <c r="Z7539">
        <v>12421.95174</v>
      </c>
      <c r="AA7539">
        <v>47901.905270000003</v>
      </c>
      <c r="AB7539">
        <v>38507.721989999998</v>
      </c>
      <c r="AC7539">
        <v>34763.349649999996</v>
      </c>
      <c r="AD7539">
        <v>17772.087029999999</v>
      </c>
      <c r="AE7539">
        <v>25647.00129</v>
      </c>
      <c r="AF7539">
        <v>47308.162429999997</v>
      </c>
      <c r="AG7539">
        <v>17701.48474</v>
      </c>
      <c r="AH7539">
        <v>221845.25330000001</v>
      </c>
      <c r="AI7539">
        <v>58315.714090000001</v>
      </c>
      <c r="AJ7539">
        <v>19855.0857</v>
      </c>
      <c r="AK7539">
        <v>27564.320380000001</v>
      </c>
      <c r="AL7539">
        <v>50572.475039999998</v>
      </c>
      <c r="AM7539">
        <v>18485.0864</v>
      </c>
      <c r="AN7539">
        <v>76803.256200000003</v>
      </c>
      <c r="AO7539">
        <v>25678.230230000001</v>
      </c>
      <c r="AP7539">
        <v>12554.362719999999</v>
      </c>
    </row>
    <row r="7540" spans="2:42" x14ac:dyDescent="0.3">
      <c r="B7540">
        <v>43.708685113045874</v>
      </c>
      <c r="C7540" s="83">
        <v>43415.083333333336</v>
      </c>
      <c r="D7540">
        <v>161708.1275</v>
      </c>
      <c r="E7540">
        <v>12471.41676</v>
      </c>
      <c r="F7540">
        <v>47801.71372</v>
      </c>
      <c r="G7540">
        <v>38444.069790000001</v>
      </c>
      <c r="H7540">
        <v>34947.27994</v>
      </c>
      <c r="I7540">
        <v>16177.727339999999</v>
      </c>
      <c r="J7540">
        <v>25593.93694</v>
      </c>
      <c r="K7540">
        <v>45201.120450000002</v>
      </c>
      <c r="L7540">
        <v>17344.766540000001</v>
      </c>
      <c r="M7540">
        <v>222847.2599</v>
      </c>
      <c r="N7540">
        <v>58727.801590000003</v>
      </c>
      <c r="O7540">
        <v>20157.87787</v>
      </c>
      <c r="P7540">
        <v>25645.53485</v>
      </c>
      <c r="Q7540">
        <v>51906.80186</v>
      </c>
      <c r="R7540">
        <v>17413.627629999999</v>
      </c>
      <c r="S7540">
        <v>75361.159729999999</v>
      </c>
      <c r="T7540">
        <v>25055.54365</v>
      </c>
      <c r="U7540">
        <v>12585.93187</v>
      </c>
      <c r="W7540" s="83">
        <f>Bühler!N7572</f>
        <v>45606.083333315051</v>
      </c>
      <c r="X7540" s="83">
        <v>43415.083333333336</v>
      </c>
      <c r="Y7540">
        <v>161708.1275</v>
      </c>
      <c r="Z7540">
        <v>12471.41676</v>
      </c>
      <c r="AA7540">
        <v>47801.71372</v>
      </c>
      <c r="AB7540">
        <v>38444.069790000001</v>
      </c>
      <c r="AC7540">
        <v>34947.27994</v>
      </c>
      <c r="AD7540">
        <v>16177.727339999999</v>
      </c>
      <c r="AE7540">
        <v>25593.93694</v>
      </c>
      <c r="AF7540">
        <v>45201.120450000002</v>
      </c>
      <c r="AG7540">
        <v>17344.766540000001</v>
      </c>
      <c r="AH7540">
        <v>222847.2599</v>
      </c>
      <c r="AI7540">
        <v>58727.801590000003</v>
      </c>
      <c r="AJ7540">
        <v>20157.87787</v>
      </c>
      <c r="AK7540">
        <v>25645.53485</v>
      </c>
      <c r="AL7540">
        <v>51906.80186</v>
      </c>
      <c r="AM7540">
        <v>17413.627629999999</v>
      </c>
      <c r="AN7540">
        <v>75361.159729999999</v>
      </c>
      <c r="AO7540">
        <v>25055.54365</v>
      </c>
      <c r="AP7540">
        <v>12585.93187</v>
      </c>
    </row>
    <row r="7541" spans="2:42" x14ac:dyDescent="0.3">
      <c r="B7541">
        <v>43.149180036680917</v>
      </c>
      <c r="C7541" s="83">
        <v>43415.125</v>
      </c>
      <c r="D7541">
        <v>161150.22289999999</v>
      </c>
      <c r="E7541">
        <v>12420.155769999999</v>
      </c>
      <c r="F7541">
        <v>47071.909299999999</v>
      </c>
      <c r="G7541">
        <v>37726.054100000001</v>
      </c>
      <c r="H7541">
        <v>34886.090479999999</v>
      </c>
      <c r="I7541">
        <v>15455.40604</v>
      </c>
      <c r="J7541">
        <v>25642.98156</v>
      </c>
      <c r="K7541">
        <v>44177.949619999999</v>
      </c>
      <c r="L7541">
        <v>16997.515650000001</v>
      </c>
      <c r="M7541">
        <v>219994.6421</v>
      </c>
      <c r="N7541">
        <v>58869.562550000002</v>
      </c>
      <c r="O7541">
        <v>20488.694820000001</v>
      </c>
      <c r="P7541">
        <v>25081.734700000001</v>
      </c>
      <c r="Q7541">
        <v>52928.430260000001</v>
      </c>
      <c r="R7541">
        <v>16700.89054</v>
      </c>
      <c r="S7541">
        <v>75261.799459999995</v>
      </c>
      <c r="T7541">
        <v>24734.104370000001</v>
      </c>
      <c r="U7541">
        <v>12673.76669</v>
      </c>
      <c r="W7541" s="83">
        <f>Bühler!N7573</f>
        <v>45606.124999981716</v>
      </c>
      <c r="X7541" s="83">
        <v>43415.125</v>
      </c>
      <c r="Y7541">
        <v>161150.22289999999</v>
      </c>
      <c r="Z7541">
        <v>12420.155769999999</v>
      </c>
      <c r="AA7541">
        <v>47071.909299999999</v>
      </c>
      <c r="AB7541">
        <v>37726.054100000001</v>
      </c>
      <c r="AC7541">
        <v>34886.090479999999</v>
      </c>
      <c r="AD7541">
        <v>15455.40604</v>
      </c>
      <c r="AE7541">
        <v>25642.98156</v>
      </c>
      <c r="AF7541">
        <v>44177.949619999999</v>
      </c>
      <c r="AG7541">
        <v>16997.515650000001</v>
      </c>
      <c r="AH7541">
        <v>219994.6421</v>
      </c>
      <c r="AI7541">
        <v>58869.562550000002</v>
      </c>
      <c r="AJ7541">
        <v>20488.694820000001</v>
      </c>
      <c r="AK7541">
        <v>25081.734700000001</v>
      </c>
      <c r="AL7541">
        <v>52928.430260000001</v>
      </c>
      <c r="AM7541">
        <v>16700.89054</v>
      </c>
      <c r="AN7541">
        <v>75261.799459999995</v>
      </c>
      <c r="AO7541">
        <v>24734.104370000001</v>
      </c>
      <c r="AP7541">
        <v>12673.76669</v>
      </c>
    </row>
    <row r="7542" spans="2:42" x14ac:dyDescent="0.3">
      <c r="B7542">
        <v>43.350989704724221</v>
      </c>
      <c r="C7542" s="83">
        <v>43415.166666666664</v>
      </c>
      <c r="D7542">
        <v>160186.80110000001</v>
      </c>
      <c r="E7542">
        <v>12415.309450000001</v>
      </c>
      <c r="F7542">
        <v>47068.189639999997</v>
      </c>
      <c r="G7542">
        <v>36774.122199999998</v>
      </c>
      <c r="H7542">
        <v>34643.299079999997</v>
      </c>
      <c r="I7542">
        <v>15848.94119</v>
      </c>
      <c r="J7542">
        <v>27073.75403</v>
      </c>
      <c r="K7542">
        <v>42867.580099999999</v>
      </c>
      <c r="L7542">
        <v>16730.576059999999</v>
      </c>
      <c r="M7542">
        <v>221023.5619</v>
      </c>
      <c r="N7542">
        <v>57459.405489999997</v>
      </c>
      <c r="O7542">
        <v>20628.050759999998</v>
      </c>
      <c r="P7542">
        <v>24604.662479999999</v>
      </c>
      <c r="Q7542">
        <v>53601.723180000001</v>
      </c>
      <c r="R7542">
        <v>16300.66856</v>
      </c>
      <c r="S7542">
        <v>75381.349409999995</v>
      </c>
      <c r="T7542">
        <v>24714.744999999999</v>
      </c>
      <c r="U7542">
        <v>12891.488230000001</v>
      </c>
      <c r="W7542" s="83">
        <f>Bühler!N7574</f>
        <v>45606.16666664838</v>
      </c>
      <c r="X7542" s="83">
        <v>43415.166666666664</v>
      </c>
      <c r="Y7542">
        <v>160186.80110000001</v>
      </c>
      <c r="Z7542">
        <v>12415.309450000001</v>
      </c>
      <c r="AA7542">
        <v>47068.189639999997</v>
      </c>
      <c r="AB7542">
        <v>36774.122199999998</v>
      </c>
      <c r="AC7542">
        <v>34643.299079999997</v>
      </c>
      <c r="AD7542">
        <v>15848.94119</v>
      </c>
      <c r="AE7542">
        <v>27073.75403</v>
      </c>
      <c r="AF7542">
        <v>42867.580099999999</v>
      </c>
      <c r="AG7542">
        <v>16730.576059999999</v>
      </c>
      <c r="AH7542">
        <v>221023.5619</v>
      </c>
      <c r="AI7542">
        <v>57459.405489999997</v>
      </c>
      <c r="AJ7542">
        <v>20628.050759999998</v>
      </c>
      <c r="AK7542">
        <v>24604.662479999999</v>
      </c>
      <c r="AL7542">
        <v>53601.723180000001</v>
      </c>
      <c r="AM7542">
        <v>16300.66856</v>
      </c>
      <c r="AN7542">
        <v>75381.349409999995</v>
      </c>
      <c r="AO7542">
        <v>24714.744999999999</v>
      </c>
      <c r="AP7542">
        <v>12891.488230000001</v>
      </c>
    </row>
    <row r="7543" spans="2:42" x14ac:dyDescent="0.3">
      <c r="B7543">
        <v>43.509541776226165</v>
      </c>
      <c r="C7543" s="83">
        <v>43415.208333333336</v>
      </c>
      <c r="D7543">
        <v>159652.28580000001</v>
      </c>
      <c r="E7543">
        <v>12771.09187</v>
      </c>
      <c r="F7543">
        <v>48468.962720000003</v>
      </c>
      <c r="G7543">
        <v>37187.47363</v>
      </c>
      <c r="H7543">
        <v>35000.507890000001</v>
      </c>
      <c r="I7543">
        <v>19808.215960000001</v>
      </c>
      <c r="J7543">
        <v>29525.06093</v>
      </c>
      <c r="K7543">
        <v>41804.749320000003</v>
      </c>
      <c r="L7543">
        <v>17230.032899999998</v>
      </c>
      <c r="M7543">
        <v>221831.93429999999</v>
      </c>
      <c r="N7543">
        <v>57431.616979999999</v>
      </c>
      <c r="O7543">
        <v>19780.933690000002</v>
      </c>
      <c r="P7543">
        <v>25337.44787</v>
      </c>
      <c r="Q7543">
        <v>54230.238570000001</v>
      </c>
      <c r="R7543">
        <v>16819.305929999999</v>
      </c>
      <c r="S7543">
        <v>77221.877349999995</v>
      </c>
      <c r="T7543">
        <v>24673.611089999999</v>
      </c>
      <c r="U7543">
        <v>12938.82638</v>
      </c>
      <c r="W7543" s="83">
        <f>Bühler!N7575</f>
        <v>45606.208333315044</v>
      </c>
      <c r="X7543" s="83">
        <v>43415.208333333336</v>
      </c>
      <c r="Y7543">
        <v>159652.28580000001</v>
      </c>
      <c r="Z7543">
        <v>12771.09187</v>
      </c>
      <c r="AA7543">
        <v>48468.962720000003</v>
      </c>
      <c r="AB7543">
        <v>37187.47363</v>
      </c>
      <c r="AC7543">
        <v>35000.507890000001</v>
      </c>
      <c r="AD7543">
        <v>19808.215960000001</v>
      </c>
      <c r="AE7543">
        <v>29525.06093</v>
      </c>
      <c r="AF7543">
        <v>41804.749320000003</v>
      </c>
      <c r="AG7543">
        <v>17230.032899999998</v>
      </c>
      <c r="AH7543">
        <v>221831.93429999999</v>
      </c>
      <c r="AI7543">
        <v>57431.616979999999</v>
      </c>
      <c r="AJ7543">
        <v>19780.933690000002</v>
      </c>
      <c r="AK7543">
        <v>25337.44787</v>
      </c>
      <c r="AL7543">
        <v>54230.238570000001</v>
      </c>
      <c r="AM7543">
        <v>16819.305929999999</v>
      </c>
      <c r="AN7543">
        <v>77221.877349999995</v>
      </c>
      <c r="AO7543">
        <v>24673.611089999999</v>
      </c>
      <c r="AP7543">
        <v>12938.82638</v>
      </c>
    </row>
    <row r="7544" spans="2:42" x14ac:dyDescent="0.3">
      <c r="B7544">
        <v>44.121933972347321</v>
      </c>
      <c r="C7544" s="83">
        <v>43415.25</v>
      </c>
      <c r="D7544">
        <v>159196.2084</v>
      </c>
      <c r="E7544">
        <v>13123.269609999999</v>
      </c>
      <c r="F7544">
        <v>50326.976210000001</v>
      </c>
      <c r="G7544">
        <v>38591.769189999999</v>
      </c>
      <c r="H7544">
        <v>35187.704680000003</v>
      </c>
      <c r="I7544">
        <v>22132.062279999998</v>
      </c>
      <c r="J7544">
        <v>31979.883470000001</v>
      </c>
      <c r="K7544">
        <v>41200.281410000003</v>
      </c>
      <c r="L7544">
        <v>17479.654470000001</v>
      </c>
      <c r="M7544">
        <v>224954.19529999999</v>
      </c>
      <c r="N7544">
        <v>57218.123800000001</v>
      </c>
      <c r="O7544">
        <v>19074.09748</v>
      </c>
      <c r="P7544">
        <v>26512.47493</v>
      </c>
      <c r="Q7544">
        <v>53961.939290000002</v>
      </c>
      <c r="R7544">
        <v>16207.07667</v>
      </c>
      <c r="S7544">
        <v>81687.693889999995</v>
      </c>
      <c r="T7544">
        <v>25946.519339999999</v>
      </c>
      <c r="U7544">
        <v>12675.57201</v>
      </c>
      <c r="W7544" s="83">
        <f>Bühler!N7576</f>
        <v>45606.249999981708</v>
      </c>
      <c r="X7544" s="83">
        <v>43415.25</v>
      </c>
      <c r="Y7544">
        <v>159196.2084</v>
      </c>
      <c r="Z7544">
        <v>13123.269609999999</v>
      </c>
      <c r="AA7544">
        <v>50326.976210000001</v>
      </c>
      <c r="AB7544">
        <v>38591.769189999999</v>
      </c>
      <c r="AC7544">
        <v>35187.704680000003</v>
      </c>
      <c r="AD7544">
        <v>22132.062279999998</v>
      </c>
      <c r="AE7544">
        <v>31979.883470000001</v>
      </c>
      <c r="AF7544">
        <v>41200.281410000003</v>
      </c>
      <c r="AG7544">
        <v>17479.654470000001</v>
      </c>
      <c r="AH7544">
        <v>224954.19529999999</v>
      </c>
      <c r="AI7544">
        <v>57218.123800000001</v>
      </c>
      <c r="AJ7544">
        <v>19074.09748</v>
      </c>
      <c r="AK7544">
        <v>26512.47493</v>
      </c>
      <c r="AL7544">
        <v>53961.939290000002</v>
      </c>
      <c r="AM7544">
        <v>16207.07667</v>
      </c>
      <c r="AN7544">
        <v>81687.693889999995</v>
      </c>
      <c r="AO7544">
        <v>25946.519339999999</v>
      </c>
      <c r="AP7544">
        <v>12675.57201</v>
      </c>
    </row>
    <row r="7545" spans="2:42" x14ac:dyDescent="0.3">
      <c r="B7545">
        <v>43.754795312512215</v>
      </c>
      <c r="C7545" s="83">
        <v>43415.291666666664</v>
      </c>
      <c r="D7545">
        <v>158474.318</v>
      </c>
      <c r="E7545">
        <v>13485.46314</v>
      </c>
      <c r="F7545">
        <v>51942.982100000001</v>
      </c>
      <c r="G7545">
        <v>38533.601020000002</v>
      </c>
      <c r="H7545">
        <v>35180.57548</v>
      </c>
      <c r="I7545">
        <v>23688.488140000001</v>
      </c>
      <c r="J7545">
        <v>32341.14011</v>
      </c>
      <c r="K7545">
        <v>41350.508289999998</v>
      </c>
      <c r="L7545">
        <v>19386.4611</v>
      </c>
      <c r="M7545">
        <v>223082.3512</v>
      </c>
      <c r="N7545">
        <v>57654.823989999997</v>
      </c>
      <c r="O7545">
        <v>18585.370699999999</v>
      </c>
      <c r="P7545">
        <v>28609.559249999998</v>
      </c>
      <c r="Q7545">
        <v>52793.500110000001</v>
      </c>
      <c r="R7545">
        <v>16692.303159999999</v>
      </c>
      <c r="S7545">
        <v>88552.508870000005</v>
      </c>
      <c r="T7545">
        <v>23681.18996</v>
      </c>
      <c r="U7545">
        <v>12570.502109999999</v>
      </c>
      <c r="W7545" s="83">
        <f>Bühler!N7577</f>
        <v>45606.291666648372</v>
      </c>
      <c r="X7545" s="83">
        <v>43415.291666666664</v>
      </c>
      <c r="Y7545">
        <v>158474.318</v>
      </c>
      <c r="Z7545">
        <v>13485.46314</v>
      </c>
      <c r="AA7545">
        <v>51942.982100000001</v>
      </c>
      <c r="AB7545">
        <v>38533.601020000002</v>
      </c>
      <c r="AC7545">
        <v>35180.57548</v>
      </c>
      <c r="AD7545">
        <v>23688.488140000001</v>
      </c>
      <c r="AE7545">
        <v>32341.14011</v>
      </c>
      <c r="AF7545">
        <v>41350.508289999998</v>
      </c>
      <c r="AG7545">
        <v>19386.4611</v>
      </c>
      <c r="AH7545">
        <v>223082.3512</v>
      </c>
      <c r="AI7545">
        <v>57654.823989999997</v>
      </c>
      <c r="AJ7545">
        <v>18585.370699999999</v>
      </c>
      <c r="AK7545">
        <v>28609.559249999998</v>
      </c>
      <c r="AL7545">
        <v>52793.500110000001</v>
      </c>
      <c r="AM7545">
        <v>16692.303159999999</v>
      </c>
      <c r="AN7545">
        <v>88552.508870000005</v>
      </c>
      <c r="AO7545">
        <v>23681.18996</v>
      </c>
      <c r="AP7545">
        <v>12570.502109999999</v>
      </c>
    </row>
    <row r="7546" spans="2:42" x14ac:dyDescent="0.3">
      <c r="B7546">
        <v>43.104003039413215</v>
      </c>
      <c r="C7546" s="83">
        <v>43415.333333333336</v>
      </c>
      <c r="D7546">
        <v>157335.39569999999</v>
      </c>
      <c r="E7546">
        <v>14227.58973</v>
      </c>
      <c r="F7546">
        <v>52830.816780000001</v>
      </c>
      <c r="G7546">
        <v>37844.639779999998</v>
      </c>
      <c r="H7546">
        <v>33899.656029999998</v>
      </c>
      <c r="I7546">
        <v>23869.216919999999</v>
      </c>
      <c r="J7546">
        <v>31656.951669999999</v>
      </c>
      <c r="K7546">
        <v>40534.282630000002</v>
      </c>
      <c r="L7546">
        <v>21327.761279999999</v>
      </c>
      <c r="M7546">
        <v>219764.30869999999</v>
      </c>
      <c r="N7546">
        <v>57936.157879999999</v>
      </c>
      <c r="O7546">
        <v>18199.14098</v>
      </c>
      <c r="P7546">
        <v>31588.094499999999</v>
      </c>
      <c r="Q7546">
        <v>52533.044479999997</v>
      </c>
      <c r="R7546">
        <v>15651.54365</v>
      </c>
      <c r="S7546">
        <v>90747.665840000001</v>
      </c>
      <c r="T7546">
        <v>25416.488310000001</v>
      </c>
      <c r="U7546">
        <v>11746.824479999999</v>
      </c>
      <c r="W7546" s="83">
        <f>Bühler!N7578</f>
        <v>45606.333333315037</v>
      </c>
      <c r="X7546" s="83">
        <v>43415.333333333336</v>
      </c>
      <c r="Y7546">
        <v>157335.39569999999</v>
      </c>
      <c r="Z7546">
        <v>14227.58973</v>
      </c>
      <c r="AA7546">
        <v>52830.816780000001</v>
      </c>
      <c r="AB7546">
        <v>37844.639779999998</v>
      </c>
      <c r="AC7546">
        <v>33899.656029999998</v>
      </c>
      <c r="AD7546">
        <v>23869.216919999999</v>
      </c>
      <c r="AE7546">
        <v>31656.951669999999</v>
      </c>
      <c r="AF7546">
        <v>40534.282630000002</v>
      </c>
      <c r="AG7546">
        <v>21327.761279999999</v>
      </c>
      <c r="AH7546">
        <v>219764.30869999999</v>
      </c>
      <c r="AI7546">
        <v>57936.157879999999</v>
      </c>
      <c r="AJ7546">
        <v>18199.14098</v>
      </c>
      <c r="AK7546">
        <v>31588.094499999999</v>
      </c>
      <c r="AL7546">
        <v>52533.044479999997</v>
      </c>
      <c r="AM7546">
        <v>15651.54365</v>
      </c>
      <c r="AN7546">
        <v>90747.665840000001</v>
      </c>
      <c r="AO7546">
        <v>25416.488310000001</v>
      </c>
      <c r="AP7546">
        <v>11746.824479999999</v>
      </c>
    </row>
    <row r="7547" spans="2:42" x14ac:dyDescent="0.3">
      <c r="B7547">
        <v>42.651736387964547</v>
      </c>
      <c r="C7547" s="83">
        <v>43415.375</v>
      </c>
      <c r="D7547">
        <v>156494.9443</v>
      </c>
      <c r="E7547">
        <v>14988.4899</v>
      </c>
      <c r="F7547">
        <v>53907.855920000002</v>
      </c>
      <c r="G7547">
        <v>37743.141340000002</v>
      </c>
      <c r="H7547">
        <v>34702.355439999999</v>
      </c>
      <c r="I7547">
        <v>24026.72551</v>
      </c>
      <c r="J7547">
        <v>31720.75188</v>
      </c>
      <c r="K7547">
        <v>42744.076670000002</v>
      </c>
      <c r="L7547">
        <v>23013.717570000001</v>
      </c>
      <c r="M7547">
        <v>217458.4424</v>
      </c>
      <c r="N7547">
        <v>57558.769910000003</v>
      </c>
      <c r="O7547">
        <v>18393.517110000001</v>
      </c>
      <c r="P7547">
        <v>34601.178070000002</v>
      </c>
      <c r="Q7547">
        <v>52784.399559999998</v>
      </c>
      <c r="R7547">
        <v>16437.62473</v>
      </c>
      <c r="S7547">
        <v>92407.221139999994</v>
      </c>
      <c r="T7547">
        <v>27465.270469999999</v>
      </c>
      <c r="U7547">
        <v>11679.126130000001</v>
      </c>
      <c r="W7547" s="83">
        <f>Bühler!N7579</f>
        <v>45606.374999981701</v>
      </c>
      <c r="X7547" s="83">
        <v>43415.375</v>
      </c>
      <c r="Y7547">
        <v>156494.9443</v>
      </c>
      <c r="Z7547">
        <v>14988.4899</v>
      </c>
      <c r="AA7547">
        <v>53907.855920000002</v>
      </c>
      <c r="AB7547">
        <v>37743.141340000002</v>
      </c>
      <c r="AC7547">
        <v>34702.355439999999</v>
      </c>
      <c r="AD7547">
        <v>24026.72551</v>
      </c>
      <c r="AE7547">
        <v>31720.75188</v>
      </c>
      <c r="AF7547">
        <v>42744.076670000002</v>
      </c>
      <c r="AG7547">
        <v>23013.717570000001</v>
      </c>
      <c r="AH7547">
        <v>217458.4424</v>
      </c>
      <c r="AI7547">
        <v>57558.769910000003</v>
      </c>
      <c r="AJ7547">
        <v>18393.517110000001</v>
      </c>
      <c r="AK7547">
        <v>34601.178070000002</v>
      </c>
      <c r="AL7547">
        <v>52784.399559999998</v>
      </c>
      <c r="AM7547">
        <v>16437.62473</v>
      </c>
      <c r="AN7547">
        <v>92407.221139999994</v>
      </c>
      <c r="AO7547">
        <v>27465.270469999999</v>
      </c>
      <c r="AP7547">
        <v>11679.126130000001</v>
      </c>
    </row>
    <row r="7548" spans="2:42" x14ac:dyDescent="0.3">
      <c r="B7548">
        <v>42.912151777799352</v>
      </c>
      <c r="C7548" s="83">
        <v>43415.416666666664</v>
      </c>
      <c r="D7548">
        <v>155978.2862</v>
      </c>
      <c r="E7548">
        <v>15429.18649</v>
      </c>
      <c r="F7548">
        <v>53866.67136</v>
      </c>
      <c r="G7548">
        <v>37790.008809999999</v>
      </c>
      <c r="H7548">
        <v>35503.165000000001</v>
      </c>
      <c r="I7548">
        <v>23675.377850000001</v>
      </c>
      <c r="J7548">
        <v>31446.836190000002</v>
      </c>
      <c r="K7548">
        <v>45115.437539999999</v>
      </c>
      <c r="L7548">
        <v>25014.304400000001</v>
      </c>
      <c r="M7548">
        <v>218786.16149999999</v>
      </c>
      <c r="N7548">
        <v>56892.146710000001</v>
      </c>
      <c r="O7548">
        <v>17908.129369999999</v>
      </c>
      <c r="P7548">
        <v>34248.030290000002</v>
      </c>
      <c r="Q7548">
        <v>52875.366269999999</v>
      </c>
      <c r="R7548">
        <v>16901.832439999998</v>
      </c>
      <c r="S7548">
        <v>91050.348140000002</v>
      </c>
      <c r="T7548">
        <v>29593.153249999999</v>
      </c>
      <c r="U7548">
        <v>11562.99685</v>
      </c>
      <c r="W7548" s="83">
        <f>Bühler!N7580</f>
        <v>45606.416666648365</v>
      </c>
      <c r="X7548" s="83">
        <v>43415.416666666664</v>
      </c>
      <c r="Y7548">
        <v>155978.2862</v>
      </c>
      <c r="Z7548">
        <v>15429.18649</v>
      </c>
      <c r="AA7548">
        <v>53866.67136</v>
      </c>
      <c r="AB7548">
        <v>37790.008809999999</v>
      </c>
      <c r="AC7548">
        <v>35503.165000000001</v>
      </c>
      <c r="AD7548">
        <v>23675.377850000001</v>
      </c>
      <c r="AE7548">
        <v>31446.836190000002</v>
      </c>
      <c r="AF7548">
        <v>45115.437539999999</v>
      </c>
      <c r="AG7548">
        <v>25014.304400000001</v>
      </c>
      <c r="AH7548">
        <v>218786.16149999999</v>
      </c>
      <c r="AI7548">
        <v>56892.146710000001</v>
      </c>
      <c r="AJ7548">
        <v>17908.129369999999</v>
      </c>
      <c r="AK7548">
        <v>34248.030290000002</v>
      </c>
      <c r="AL7548">
        <v>52875.366269999999</v>
      </c>
      <c r="AM7548">
        <v>16901.832439999998</v>
      </c>
      <c r="AN7548">
        <v>91050.348140000002</v>
      </c>
      <c r="AO7548">
        <v>29593.153249999999</v>
      </c>
      <c r="AP7548">
        <v>11562.99685</v>
      </c>
    </row>
    <row r="7549" spans="2:42" x14ac:dyDescent="0.3">
      <c r="B7549">
        <v>43.154592527055307</v>
      </c>
      <c r="C7549" s="83">
        <v>43415.458333333336</v>
      </c>
      <c r="D7549">
        <v>155700.29610000001</v>
      </c>
      <c r="E7549">
        <v>15566.92088</v>
      </c>
      <c r="F7549">
        <v>55014.308879999997</v>
      </c>
      <c r="G7549">
        <v>37951.799039999998</v>
      </c>
      <c r="H7549">
        <v>35336.374629999998</v>
      </c>
      <c r="I7549">
        <v>23329.868989999999</v>
      </c>
      <c r="J7549">
        <v>31772.842919999999</v>
      </c>
      <c r="K7549">
        <v>46986.37384</v>
      </c>
      <c r="L7549">
        <v>26300.21485</v>
      </c>
      <c r="M7549">
        <v>220022.23749999999</v>
      </c>
      <c r="N7549">
        <v>55922.907720000003</v>
      </c>
      <c r="O7549">
        <v>18150.902549999999</v>
      </c>
      <c r="P7549">
        <v>33188.957690000003</v>
      </c>
      <c r="Q7549">
        <v>52233.434979999998</v>
      </c>
      <c r="R7549">
        <v>16979.305100000001</v>
      </c>
      <c r="S7549">
        <v>93358.854959999997</v>
      </c>
      <c r="T7549">
        <v>29721.016100000001</v>
      </c>
      <c r="U7549">
        <v>11423.49955</v>
      </c>
      <c r="W7549" s="83">
        <f>Bühler!N7581</f>
        <v>45606.458333315029</v>
      </c>
      <c r="X7549" s="83">
        <v>43415.458333333336</v>
      </c>
      <c r="Y7549">
        <v>155700.29610000001</v>
      </c>
      <c r="Z7549">
        <v>15566.92088</v>
      </c>
      <c r="AA7549">
        <v>55014.308879999997</v>
      </c>
      <c r="AB7549">
        <v>37951.799039999998</v>
      </c>
      <c r="AC7549">
        <v>35336.374629999998</v>
      </c>
      <c r="AD7549">
        <v>23329.868989999999</v>
      </c>
      <c r="AE7549">
        <v>31772.842919999999</v>
      </c>
      <c r="AF7549">
        <v>46986.37384</v>
      </c>
      <c r="AG7549">
        <v>26300.21485</v>
      </c>
      <c r="AH7549">
        <v>220022.23749999999</v>
      </c>
      <c r="AI7549">
        <v>55922.907720000003</v>
      </c>
      <c r="AJ7549">
        <v>18150.902549999999</v>
      </c>
      <c r="AK7549">
        <v>33188.957690000003</v>
      </c>
      <c r="AL7549">
        <v>52233.434979999998</v>
      </c>
      <c r="AM7549">
        <v>16979.305100000001</v>
      </c>
      <c r="AN7549">
        <v>93358.854959999997</v>
      </c>
      <c r="AO7549">
        <v>29721.016100000001</v>
      </c>
      <c r="AP7549">
        <v>11423.49955</v>
      </c>
    </row>
    <row r="7550" spans="2:42" x14ac:dyDescent="0.3">
      <c r="B7550">
        <v>43.031606523432998</v>
      </c>
      <c r="C7550" s="83">
        <v>43415.5</v>
      </c>
      <c r="D7550">
        <v>156599.41589999999</v>
      </c>
      <c r="E7550">
        <v>15479.07468</v>
      </c>
      <c r="F7550">
        <v>52346.864710000002</v>
      </c>
      <c r="G7550">
        <v>37878.789199999999</v>
      </c>
      <c r="H7550">
        <v>34508.86434</v>
      </c>
      <c r="I7550">
        <v>23050.280330000001</v>
      </c>
      <c r="J7550">
        <v>31814.514889999999</v>
      </c>
      <c r="K7550">
        <v>46485.241249999999</v>
      </c>
      <c r="L7550">
        <v>28742.996599999999</v>
      </c>
      <c r="M7550">
        <v>219395.19750000001</v>
      </c>
      <c r="N7550">
        <v>57580.50733</v>
      </c>
      <c r="O7550">
        <v>17838.232739999999</v>
      </c>
      <c r="P7550">
        <v>33413.94167</v>
      </c>
      <c r="Q7550">
        <v>51327.365830000002</v>
      </c>
      <c r="R7550">
        <v>17891.196309999999</v>
      </c>
      <c r="S7550">
        <v>89654.325729999997</v>
      </c>
      <c r="T7550">
        <v>29518.317510000001</v>
      </c>
      <c r="U7550">
        <v>10872.59433</v>
      </c>
      <c r="W7550" s="83">
        <f>Bühler!N7582</f>
        <v>45606.499999981694</v>
      </c>
      <c r="X7550" s="83">
        <v>43415.5</v>
      </c>
      <c r="Y7550">
        <v>156599.41589999999</v>
      </c>
      <c r="Z7550">
        <v>15479.07468</v>
      </c>
      <c r="AA7550">
        <v>52346.864710000002</v>
      </c>
      <c r="AB7550">
        <v>37878.789199999999</v>
      </c>
      <c r="AC7550">
        <v>34508.86434</v>
      </c>
      <c r="AD7550">
        <v>23050.280330000001</v>
      </c>
      <c r="AE7550">
        <v>31814.514889999999</v>
      </c>
      <c r="AF7550">
        <v>46485.241249999999</v>
      </c>
      <c r="AG7550">
        <v>28742.996599999999</v>
      </c>
      <c r="AH7550">
        <v>219395.19750000001</v>
      </c>
      <c r="AI7550">
        <v>57580.50733</v>
      </c>
      <c r="AJ7550">
        <v>17838.232739999999</v>
      </c>
      <c r="AK7550">
        <v>33413.94167</v>
      </c>
      <c r="AL7550">
        <v>51327.365830000002</v>
      </c>
      <c r="AM7550">
        <v>17891.196309999999</v>
      </c>
      <c r="AN7550">
        <v>89654.325729999997</v>
      </c>
      <c r="AO7550">
        <v>29518.317510000001</v>
      </c>
      <c r="AP7550">
        <v>10872.59433</v>
      </c>
    </row>
    <row r="7551" spans="2:42" x14ac:dyDescent="0.3">
      <c r="B7551">
        <v>43.115363789120117</v>
      </c>
      <c r="C7551" s="83">
        <v>43415.541666666664</v>
      </c>
      <c r="D7551">
        <v>157353.80989999999</v>
      </c>
      <c r="E7551">
        <v>15400.75561</v>
      </c>
      <c r="F7551">
        <v>48251.23674</v>
      </c>
      <c r="G7551">
        <v>37690.558850000001</v>
      </c>
      <c r="H7551">
        <v>34420.494890000002</v>
      </c>
      <c r="I7551">
        <v>23479.70234</v>
      </c>
      <c r="J7551">
        <v>31018.71097</v>
      </c>
      <c r="K7551">
        <v>45893.33597</v>
      </c>
      <c r="L7551">
        <v>28188.704379999999</v>
      </c>
      <c r="M7551">
        <v>219822.2311</v>
      </c>
      <c r="N7551">
        <v>57331.525950000003</v>
      </c>
      <c r="O7551">
        <v>18085.42239</v>
      </c>
      <c r="P7551">
        <v>31329.648020000001</v>
      </c>
      <c r="Q7551">
        <v>50916.530310000002</v>
      </c>
      <c r="R7551">
        <v>18759.800879999999</v>
      </c>
      <c r="S7551">
        <v>90042.841230000005</v>
      </c>
      <c r="T7551">
        <v>28783.906040000002</v>
      </c>
      <c r="U7551">
        <v>10532.97774</v>
      </c>
      <c r="W7551" s="83">
        <f>Bühler!N7583</f>
        <v>45606.541666648358</v>
      </c>
      <c r="X7551" s="83">
        <v>43415.541666666664</v>
      </c>
      <c r="Y7551">
        <v>157353.80989999999</v>
      </c>
      <c r="Z7551">
        <v>15400.75561</v>
      </c>
      <c r="AA7551">
        <v>48251.23674</v>
      </c>
      <c r="AB7551">
        <v>37690.558850000001</v>
      </c>
      <c r="AC7551">
        <v>34420.494890000002</v>
      </c>
      <c r="AD7551">
        <v>23479.70234</v>
      </c>
      <c r="AE7551">
        <v>31018.71097</v>
      </c>
      <c r="AF7551">
        <v>45893.33597</v>
      </c>
      <c r="AG7551">
        <v>28188.704379999999</v>
      </c>
      <c r="AH7551">
        <v>219822.2311</v>
      </c>
      <c r="AI7551">
        <v>57331.525950000003</v>
      </c>
      <c r="AJ7551">
        <v>18085.42239</v>
      </c>
      <c r="AK7551">
        <v>31329.648020000001</v>
      </c>
      <c r="AL7551">
        <v>50916.530310000002</v>
      </c>
      <c r="AM7551">
        <v>18759.800879999999</v>
      </c>
      <c r="AN7551">
        <v>90042.841230000005</v>
      </c>
      <c r="AO7551">
        <v>28783.906040000002</v>
      </c>
      <c r="AP7551">
        <v>10532.97774</v>
      </c>
    </row>
    <row r="7552" spans="2:42" x14ac:dyDescent="0.3">
      <c r="B7552">
        <v>43.356733922305693</v>
      </c>
      <c r="C7552" s="83">
        <v>43415.583333333336</v>
      </c>
      <c r="D7552">
        <v>158137.2162</v>
      </c>
      <c r="E7552">
        <v>15521.980530000001</v>
      </c>
      <c r="F7552">
        <v>47931.548719999999</v>
      </c>
      <c r="G7552">
        <v>37219.97421</v>
      </c>
      <c r="H7552">
        <v>34353.725100000003</v>
      </c>
      <c r="I7552">
        <v>23310.68003</v>
      </c>
      <c r="J7552">
        <v>30574.233240000001</v>
      </c>
      <c r="K7552">
        <v>45249.348760000001</v>
      </c>
      <c r="L7552">
        <v>26582.075639999999</v>
      </c>
      <c r="M7552">
        <v>221052.8486</v>
      </c>
      <c r="N7552">
        <v>57706.639750000002</v>
      </c>
      <c r="O7552">
        <v>17888.81149</v>
      </c>
      <c r="P7552">
        <v>30495.972740000001</v>
      </c>
      <c r="Q7552">
        <v>51656.67138</v>
      </c>
      <c r="R7552">
        <v>18046.312279999998</v>
      </c>
      <c r="S7552">
        <v>86981.942299999995</v>
      </c>
      <c r="T7552">
        <v>28557.590820000001</v>
      </c>
      <c r="U7552">
        <v>10496.21068</v>
      </c>
      <c r="W7552" s="83">
        <f>Bühler!N7584</f>
        <v>45606.583333315022</v>
      </c>
      <c r="X7552" s="83">
        <v>43415.583333333336</v>
      </c>
      <c r="Y7552">
        <v>158137.2162</v>
      </c>
      <c r="Z7552">
        <v>15521.980530000001</v>
      </c>
      <c r="AA7552">
        <v>47931.548719999999</v>
      </c>
      <c r="AB7552">
        <v>37219.97421</v>
      </c>
      <c r="AC7552">
        <v>34353.725100000003</v>
      </c>
      <c r="AD7552">
        <v>23310.68003</v>
      </c>
      <c r="AE7552">
        <v>30574.233240000001</v>
      </c>
      <c r="AF7552">
        <v>45249.348760000001</v>
      </c>
      <c r="AG7552">
        <v>26582.075639999999</v>
      </c>
      <c r="AH7552">
        <v>221052.8486</v>
      </c>
      <c r="AI7552">
        <v>57706.639750000002</v>
      </c>
      <c r="AJ7552">
        <v>17888.81149</v>
      </c>
      <c r="AK7552">
        <v>30495.972740000001</v>
      </c>
      <c r="AL7552">
        <v>51656.67138</v>
      </c>
      <c r="AM7552">
        <v>18046.312279999998</v>
      </c>
      <c r="AN7552">
        <v>86981.942299999995</v>
      </c>
      <c r="AO7552">
        <v>28557.590820000001</v>
      </c>
      <c r="AP7552">
        <v>10496.21068</v>
      </c>
    </row>
    <row r="7553" spans="2:42" x14ac:dyDescent="0.3">
      <c r="B7553">
        <v>42.969085624280069</v>
      </c>
      <c r="C7553" s="83">
        <v>43415.625</v>
      </c>
      <c r="D7553">
        <v>158203.04740000001</v>
      </c>
      <c r="E7553">
        <v>15374.096020000001</v>
      </c>
      <c r="F7553">
        <v>47552.552779999998</v>
      </c>
      <c r="G7553">
        <v>37116.867729999998</v>
      </c>
      <c r="H7553">
        <v>33888.012369999997</v>
      </c>
      <c r="I7553">
        <v>23537.021199999999</v>
      </c>
      <c r="J7553">
        <v>29997.18996</v>
      </c>
      <c r="K7553">
        <v>44039.528720000002</v>
      </c>
      <c r="L7553">
        <v>24559.828969999999</v>
      </c>
      <c r="M7553">
        <v>219076.4368</v>
      </c>
      <c r="N7553">
        <v>58030.849900000001</v>
      </c>
      <c r="O7553">
        <v>18104.926960000001</v>
      </c>
      <c r="P7553">
        <v>27880.705730000001</v>
      </c>
      <c r="Q7553">
        <v>52210.442560000003</v>
      </c>
      <c r="R7553">
        <v>17467.66216</v>
      </c>
      <c r="S7553">
        <v>87129.328389999995</v>
      </c>
      <c r="T7553">
        <v>29066.465329999999</v>
      </c>
      <c r="U7553">
        <v>10827.22301</v>
      </c>
      <c r="W7553" s="83">
        <f>Bühler!N7585</f>
        <v>45606.624999981686</v>
      </c>
      <c r="X7553" s="83">
        <v>43415.625</v>
      </c>
      <c r="Y7553">
        <v>158203.04740000001</v>
      </c>
      <c r="Z7553">
        <v>15374.096020000001</v>
      </c>
      <c r="AA7553">
        <v>47552.552779999998</v>
      </c>
      <c r="AB7553">
        <v>37116.867729999998</v>
      </c>
      <c r="AC7553">
        <v>33888.012369999997</v>
      </c>
      <c r="AD7553">
        <v>23537.021199999999</v>
      </c>
      <c r="AE7553">
        <v>29997.18996</v>
      </c>
      <c r="AF7553">
        <v>44039.528720000002</v>
      </c>
      <c r="AG7553">
        <v>24559.828969999999</v>
      </c>
      <c r="AH7553">
        <v>219076.4368</v>
      </c>
      <c r="AI7553">
        <v>58030.849900000001</v>
      </c>
      <c r="AJ7553">
        <v>18104.926960000001</v>
      </c>
      <c r="AK7553">
        <v>27880.705730000001</v>
      </c>
      <c r="AL7553">
        <v>52210.442560000003</v>
      </c>
      <c r="AM7553">
        <v>17467.66216</v>
      </c>
      <c r="AN7553">
        <v>87129.328389999995</v>
      </c>
      <c r="AO7553">
        <v>29066.465329999999</v>
      </c>
      <c r="AP7553">
        <v>10827.22301</v>
      </c>
    </row>
    <row r="7554" spans="2:42" x14ac:dyDescent="0.3">
      <c r="B7554">
        <v>42.464054321276045</v>
      </c>
      <c r="C7554" s="83">
        <v>43415.666666666664</v>
      </c>
      <c r="D7554">
        <v>158856.4123</v>
      </c>
      <c r="E7554">
        <v>15538.78946</v>
      </c>
      <c r="F7554">
        <v>47788.393109999997</v>
      </c>
      <c r="G7554">
        <v>37512.724849999999</v>
      </c>
      <c r="H7554">
        <v>34221.937149999998</v>
      </c>
      <c r="I7554">
        <v>24170.306130000001</v>
      </c>
      <c r="J7554">
        <v>29701.856500000002</v>
      </c>
      <c r="K7554">
        <v>44388.901299999998</v>
      </c>
      <c r="L7554">
        <v>23971.145550000001</v>
      </c>
      <c r="M7554">
        <v>216501.55170000001</v>
      </c>
      <c r="N7554">
        <v>58382.530079999997</v>
      </c>
      <c r="O7554">
        <v>18065.521049999999</v>
      </c>
      <c r="P7554">
        <v>27484.64429</v>
      </c>
      <c r="Q7554">
        <v>52594.510110000003</v>
      </c>
      <c r="R7554">
        <v>17359.53471</v>
      </c>
      <c r="S7554">
        <v>87510.219870000001</v>
      </c>
      <c r="T7554">
        <v>28399.001069999998</v>
      </c>
      <c r="U7554">
        <v>11262.65677</v>
      </c>
      <c r="W7554" s="83">
        <f>Bühler!N7586</f>
        <v>45606.666666648351</v>
      </c>
      <c r="X7554" s="83">
        <v>43415.666666666664</v>
      </c>
      <c r="Y7554">
        <v>158856.4123</v>
      </c>
      <c r="Z7554">
        <v>15538.78946</v>
      </c>
      <c r="AA7554">
        <v>47788.393109999997</v>
      </c>
      <c r="AB7554">
        <v>37512.724849999999</v>
      </c>
      <c r="AC7554">
        <v>34221.937149999998</v>
      </c>
      <c r="AD7554">
        <v>24170.306130000001</v>
      </c>
      <c r="AE7554">
        <v>29701.856500000002</v>
      </c>
      <c r="AF7554">
        <v>44388.901299999998</v>
      </c>
      <c r="AG7554">
        <v>23971.145550000001</v>
      </c>
      <c r="AH7554">
        <v>216501.55170000001</v>
      </c>
      <c r="AI7554">
        <v>58382.530079999997</v>
      </c>
      <c r="AJ7554">
        <v>18065.521049999999</v>
      </c>
      <c r="AK7554">
        <v>27484.64429</v>
      </c>
      <c r="AL7554">
        <v>52594.510110000003</v>
      </c>
      <c r="AM7554">
        <v>17359.53471</v>
      </c>
      <c r="AN7554">
        <v>87510.219870000001</v>
      </c>
      <c r="AO7554">
        <v>28399.001069999998</v>
      </c>
      <c r="AP7554">
        <v>11262.65677</v>
      </c>
    </row>
    <row r="7555" spans="2:42" x14ac:dyDescent="0.3">
      <c r="B7555">
        <v>42.477482045499045</v>
      </c>
      <c r="C7555" s="83">
        <v>43415.708333333336</v>
      </c>
      <c r="D7555">
        <v>160810.97380000001</v>
      </c>
      <c r="E7555">
        <v>15893.845859999999</v>
      </c>
      <c r="F7555">
        <v>48814.809509999999</v>
      </c>
      <c r="G7555">
        <v>38497.495260000003</v>
      </c>
      <c r="H7555">
        <v>35623.941469999998</v>
      </c>
      <c r="I7555">
        <v>25153.136589999998</v>
      </c>
      <c r="J7555">
        <v>32093.181349999999</v>
      </c>
      <c r="K7555">
        <v>44139.157700000003</v>
      </c>
      <c r="L7555">
        <v>24902.748070000001</v>
      </c>
      <c r="M7555">
        <v>216570.01250000001</v>
      </c>
      <c r="N7555">
        <v>58525.610200000003</v>
      </c>
      <c r="O7555">
        <v>18010.223020000001</v>
      </c>
      <c r="P7555">
        <v>28736.91603</v>
      </c>
      <c r="Q7555">
        <v>53528.512690000003</v>
      </c>
      <c r="R7555">
        <v>18322.771840000001</v>
      </c>
      <c r="S7555">
        <v>92917.202269999994</v>
      </c>
      <c r="T7555">
        <v>29326.622800000001</v>
      </c>
      <c r="U7555">
        <v>11588.80737</v>
      </c>
      <c r="W7555" s="83">
        <f>Bühler!N7587</f>
        <v>45606.708333315015</v>
      </c>
      <c r="X7555" s="83">
        <v>43415.708333333336</v>
      </c>
      <c r="Y7555">
        <v>160810.97380000001</v>
      </c>
      <c r="Z7555">
        <v>15893.845859999999</v>
      </c>
      <c r="AA7555">
        <v>48814.809509999999</v>
      </c>
      <c r="AB7555">
        <v>38497.495260000003</v>
      </c>
      <c r="AC7555">
        <v>35623.941469999998</v>
      </c>
      <c r="AD7555">
        <v>25153.136589999998</v>
      </c>
      <c r="AE7555">
        <v>32093.181349999999</v>
      </c>
      <c r="AF7555">
        <v>44139.157700000003</v>
      </c>
      <c r="AG7555">
        <v>24902.748070000001</v>
      </c>
      <c r="AH7555">
        <v>216570.01250000001</v>
      </c>
      <c r="AI7555">
        <v>58525.610200000003</v>
      </c>
      <c r="AJ7555">
        <v>18010.223020000001</v>
      </c>
      <c r="AK7555">
        <v>28736.91603</v>
      </c>
      <c r="AL7555">
        <v>53528.512690000003</v>
      </c>
      <c r="AM7555">
        <v>18322.771840000001</v>
      </c>
      <c r="AN7555">
        <v>92917.202269999994</v>
      </c>
      <c r="AO7555">
        <v>29326.622800000001</v>
      </c>
      <c r="AP7555">
        <v>11588.80737</v>
      </c>
    </row>
    <row r="7556" spans="2:42" x14ac:dyDescent="0.3">
      <c r="B7556">
        <v>43.186377379426787</v>
      </c>
      <c r="C7556" s="83">
        <v>43415.75</v>
      </c>
      <c r="D7556">
        <v>163035.3616</v>
      </c>
      <c r="E7556">
        <v>15957.56263</v>
      </c>
      <c r="F7556">
        <v>49336.952429999998</v>
      </c>
      <c r="G7556">
        <v>39709.404820000003</v>
      </c>
      <c r="H7556">
        <v>36543.881350000003</v>
      </c>
      <c r="I7556">
        <v>25739.25966</v>
      </c>
      <c r="J7556">
        <v>33862.694560000004</v>
      </c>
      <c r="K7556">
        <v>44630.066639999997</v>
      </c>
      <c r="L7556">
        <v>26866.644700000001</v>
      </c>
      <c r="M7556">
        <v>220184.29149999999</v>
      </c>
      <c r="N7556">
        <v>60074.884270000002</v>
      </c>
      <c r="O7556">
        <v>18470.144380000002</v>
      </c>
      <c r="P7556">
        <v>30000.286660000002</v>
      </c>
      <c r="Q7556">
        <v>53815.186099999999</v>
      </c>
      <c r="R7556">
        <v>19586.54134</v>
      </c>
      <c r="S7556">
        <v>93073.589670000001</v>
      </c>
      <c r="T7556">
        <v>29555.800670000001</v>
      </c>
      <c r="U7556">
        <v>12375.12774</v>
      </c>
      <c r="W7556" s="83">
        <f>Bühler!N7588</f>
        <v>45606.749999981679</v>
      </c>
      <c r="X7556" s="83">
        <v>43415.75</v>
      </c>
      <c r="Y7556">
        <v>163035.3616</v>
      </c>
      <c r="Z7556">
        <v>15957.56263</v>
      </c>
      <c r="AA7556">
        <v>49336.952429999998</v>
      </c>
      <c r="AB7556">
        <v>39709.404820000003</v>
      </c>
      <c r="AC7556">
        <v>36543.881350000003</v>
      </c>
      <c r="AD7556">
        <v>25739.25966</v>
      </c>
      <c r="AE7556">
        <v>33862.694560000004</v>
      </c>
      <c r="AF7556">
        <v>44630.066639999997</v>
      </c>
      <c r="AG7556">
        <v>26866.644700000001</v>
      </c>
      <c r="AH7556">
        <v>220184.29149999999</v>
      </c>
      <c r="AI7556">
        <v>60074.884270000002</v>
      </c>
      <c r="AJ7556">
        <v>18470.144380000002</v>
      </c>
      <c r="AK7556">
        <v>30000.286660000002</v>
      </c>
      <c r="AL7556">
        <v>53815.186099999999</v>
      </c>
      <c r="AM7556">
        <v>19586.54134</v>
      </c>
      <c r="AN7556">
        <v>93073.589670000001</v>
      </c>
      <c r="AO7556">
        <v>29555.800670000001</v>
      </c>
      <c r="AP7556">
        <v>12375.12774</v>
      </c>
    </row>
    <row r="7557" spans="2:42" x14ac:dyDescent="0.3">
      <c r="B7557">
        <v>43.198509576807595</v>
      </c>
      <c r="C7557" s="83">
        <v>43415.791666666664</v>
      </c>
      <c r="D7557">
        <v>164174.02420000001</v>
      </c>
      <c r="E7557">
        <v>14756.489460000001</v>
      </c>
      <c r="F7557">
        <v>48713.783170000002</v>
      </c>
      <c r="G7557">
        <v>40031.493410000003</v>
      </c>
      <c r="H7557">
        <v>36248.66001</v>
      </c>
      <c r="I7557">
        <v>25896.629939999999</v>
      </c>
      <c r="J7557">
        <v>33751.095909999996</v>
      </c>
      <c r="K7557">
        <v>46369.495779999997</v>
      </c>
      <c r="L7557">
        <v>27992.768599999999</v>
      </c>
      <c r="M7557">
        <v>220246.1471</v>
      </c>
      <c r="N7557">
        <v>60083.863149999997</v>
      </c>
      <c r="O7557">
        <v>18252.513910000001</v>
      </c>
      <c r="P7557">
        <v>31974.820749999999</v>
      </c>
      <c r="Q7557">
        <v>54511.288520000002</v>
      </c>
      <c r="R7557">
        <v>20256.137770000001</v>
      </c>
      <c r="S7557">
        <v>91313.512409999996</v>
      </c>
      <c r="T7557">
        <v>28424.145400000001</v>
      </c>
      <c r="U7557">
        <v>12339.466549999999</v>
      </c>
      <c r="W7557" s="83">
        <f>Bühler!N7589</f>
        <v>45606.791666648343</v>
      </c>
      <c r="X7557" s="83">
        <v>43415.791666666664</v>
      </c>
      <c r="Y7557">
        <v>164174.02420000001</v>
      </c>
      <c r="Z7557">
        <v>14756.489460000001</v>
      </c>
      <c r="AA7557">
        <v>48713.783170000002</v>
      </c>
      <c r="AB7557">
        <v>40031.493410000003</v>
      </c>
      <c r="AC7557">
        <v>36248.66001</v>
      </c>
      <c r="AD7557">
        <v>25896.629939999999</v>
      </c>
      <c r="AE7557">
        <v>33751.095909999996</v>
      </c>
      <c r="AF7557">
        <v>46369.495779999997</v>
      </c>
      <c r="AG7557">
        <v>27992.768599999999</v>
      </c>
      <c r="AH7557">
        <v>220246.1471</v>
      </c>
      <c r="AI7557">
        <v>60083.863149999997</v>
      </c>
      <c r="AJ7557">
        <v>18252.513910000001</v>
      </c>
      <c r="AK7557">
        <v>31974.820749999999</v>
      </c>
      <c r="AL7557">
        <v>54511.288520000002</v>
      </c>
      <c r="AM7557">
        <v>20256.137770000001</v>
      </c>
      <c r="AN7557">
        <v>91313.512409999996</v>
      </c>
      <c r="AO7557">
        <v>28424.145400000001</v>
      </c>
      <c r="AP7557">
        <v>12339.466549999999</v>
      </c>
    </row>
    <row r="7558" spans="2:42" x14ac:dyDescent="0.3">
      <c r="B7558">
        <v>43.703396758040341</v>
      </c>
      <c r="C7558" s="83">
        <v>43415.833333333336</v>
      </c>
      <c r="D7558">
        <v>164953.96830000001</v>
      </c>
      <c r="E7558">
        <v>13561.284600000001</v>
      </c>
      <c r="F7558">
        <v>48496.394480000003</v>
      </c>
      <c r="G7558">
        <v>39944.800790000001</v>
      </c>
      <c r="H7558">
        <v>36222.709730000002</v>
      </c>
      <c r="I7558">
        <v>24350.380740000001</v>
      </c>
      <c r="J7558">
        <v>32695.826160000001</v>
      </c>
      <c r="K7558">
        <v>46214.340389999998</v>
      </c>
      <c r="L7558">
        <v>27529.355640000002</v>
      </c>
      <c r="M7558">
        <v>222820.29740000001</v>
      </c>
      <c r="N7558">
        <v>60119.852379999997</v>
      </c>
      <c r="O7558">
        <v>18489.095990000002</v>
      </c>
      <c r="P7558">
        <v>30689.94541</v>
      </c>
      <c r="Q7558">
        <v>55933.575510000002</v>
      </c>
      <c r="R7558">
        <v>18852.233970000001</v>
      </c>
      <c r="S7558">
        <v>84681.664569999994</v>
      </c>
      <c r="T7558">
        <v>25231.26514</v>
      </c>
      <c r="U7558">
        <v>12239.211719999999</v>
      </c>
      <c r="W7558" s="83">
        <f>Bühler!N7590</f>
        <v>45606.833333315008</v>
      </c>
      <c r="X7558" s="83">
        <v>43415.833333333336</v>
      </c>
      <c r="Y7558">
        <v>164953.96830000001</v>
      </c>
      <c r="Z7558">
        <v>13561.284600000001</v>
      </c>
      <c r="AA7558">
        <v>48496.394480000003</v>
      </c>
      <c r="AB7558">
        <v>39944.800790000001</v>
      </c>
      <c r="AC7558">
        <v>36222.709730000002</v>
      </c>
      <c r="AD7558">
        <v>24350.380740000001</v>
      </c>
      <c r="AE7558">
        <v>32695.826160000001</v>
      </c>
      <c r="AF7558">
        <v>46214.340389999998</v>
      </c>
      <c r="AG7558">
        <v>27529.355640000002</v>
      </c>
      <c r="AH7558">
        <v>222820.29740000001</v>
      </c>
      <c r="AI7558">
        <v>60119.852379999997</v>
      </c>
      <c r="AJ7558">
        <v>18489.095990000002</v>
      </c>
      <c r="AK7558">
        <v>30689.94541</v>
      </c>
      <c r="AL7558">
        <v>55933.575510000002</v>
      </c>
      <c r="AM7558">
        <v>18852.233970000001</v>
      </c>
      <c r="AN7558">
        <v>84681.664569999994</v>
      </c>
      <c r="AO7558">
        <v>25231.26514</v>
      </c>
      <c r="AP7558">
        <v>12239.211719999999</v>
      </c>
    </row>
    <row r="7559" spans="2:42" x14ac:dyDescent="0.3">
      <c r="B7559">
        <v>44.2885069852966</v>
      </c>
      <c r="C7559" s="83">
        <v>43415.875</v>
      </c>
      <c r="D7559">
        <v>167136.06899999999</v>
      </c>
      <c r="E7559">
        <v>13152.458210000001</v>
      </c>
      <c r="F7559">
        <v>48819.353490000001</v>
      </c>
      <c r="G7559">
        <v>39769.309690000002</v>
      </c>
      <c r="H7559">
        <v>35542.398860000001</v>
      </c>
      <c r="I7559">
        <v>22974.98545</v>
      </c>
      <c r="J7559">
        <v>31319.223969999999</v>
      </c>
      <c r="K7559">
        <v>45952.203939999999</v>
      </c>
      <c r="L7559">
        <v>25750.932789999999</v>
      </c>
      <c r="M7559">
        <v>225803.46220000001</v>
      </c>
      <c r="N7559">
        <v>59452.901169999997</v>
      </c>
      <c r="O7559">
        <v>18187.592550000001</v>
      </c>
      <c r="P7559">
        <v>31164.924869999999</v>
      </c>
      <c r="Q7559">
        <v>57913.324639999999</v>
      </c>
      <c r="R7559">
        <v>18767.52392</v>
      </c>
      <c r="S7559">
        <v>80820.722659999999</v>
      </c>
      <c r="T7559">
        <v>23395.52693</v>
      </c>
      <c r="U7559">
        <v>12367.507390000001</v>
      </c>
      <c r="W7559" s="83">
        <f>Bühler!N7591</f>
        <v>45606.874999981672</v>
      </c>
      <c r="X7559" s="83">
        <v>43415.875</v>
      </c>
      <c r="Y7559">
        <v>167136.06899999999</v>
      </c>
      <c r="Z7559">
        <v>13152.458210000001</v>
      </c>
      <c r="AA7559">
        <v>48819.353490000001</v>
      </c>
      <c r="AB7559">
        <v>39769.309690000002</v>
      </c>
      <c r="AC7559">
        <v>35542.398860000001</v>
      </c>
      <c r="AD7559">
        <v>22974.98545</v>
      </c>
      <c r="AE7559">
        <v>31319.223969999999</v>
      </c>
      <c r="AF7559">
        <v>45952.203939999999</v>
      </c>
      <c r="AG7559">
        <v>25750.932789999999</v>
      </c>
      <c r="AH7559">
        <v>225803.46220000001</v>
      </c>
      <c r="AI7559">
        <v>59452.901169999997</v>
      </c>
      <c r="AJ7559">
        <v>18187.592550000001</v>
      </c>
      <c r="AK7559">
        <v>31164.924869999999</v>
      </c>
      <c r="AL7559">
        <v>57913.324639999999</v>
      </c>
      <c r="AM7559">
        <v>18767.52392</v>
      </c>
      <c r="AN7559">
        <v>80820.722659999999</v>
      </c>
      <c r="AO7559">
        <v>23395.52693</v>
      </c>
      <c r="AP7559">
        <v>12367.507390000001</v>
      </c>
    </row>
    <row r="7560" spans="2:42" x14ac:dyDescent="0.3">
      <c r="B7560">
        <v>44.797532391357144</v>
      </c>
      <c r="C7560" s="83">
        <v>43415.916666666664</v>
      </c>
      <c r="D7560">
        <v>168861.541</v>
      </c>
      <c r="E7560">
        <v>13000.49044</v>
      </c>
      <c r="F7560">
        <v>48398.328979999998</v>
      </c>
      <c r="G7560">
        <v>39780.22522</v>
      </c>
      <c r="H7560">
        <v>35600.649709999998</v>
      </c>
      <c r="I7560">
        <v>22513.150379999999</v>
      </c>
      <c r="J7560">
        <v>30169.37052</v>
      </c>
      <c r="K7560">
        <v>48567.364690000002</v>
      </c>
      <c r="L7560">
        <v>22827.674630000001</v>
      </c>
      <c r="M7560">
        <v>228398.71109999999</v>
      </c>
      <c r="N7560">
        <v>59423.394220000002</v>
      </c>
      <c r="O7560">
        <v>18465.711009999999</v>
      </c>
      <c r="P7560">
        <v>29037.220529999999</v>
      </c>
      <c r="Q7560">
        <v>59180.593489999999</v>
      </c>
      <c r="R7560">
        <v>20343.525659999999</v>
      </c>
      <c r="S7560">
        <v>79690.941000000006</v>
      </c>
      <c r="T7560">
        <v>22780.78687</v>
      </c>
      <c r="U7560">
        <v>12600.02196</v>
      </c>
      <c r="W7560" s="83">
        <f>Bühler!N7592</f>
        <v>45606.916666648336</v>
      </c>
      <c r="X7560" s="83">
        <v>43415.916666666664</v>
      </c>
      <c r="Y7560">
        <v>168861.541</v>
      </c>
      <c r="Z7560">
        <v>13000.49044</v>
      </c>
      <c r="AA7560">
        <v>48398.328979999998</v>
      </c>
      <c r="AB7560">
        <v>39780.22522</v>
      </c>
      <c r="AC7560">
        <v>35600.649709999998</v>
      </c>
      <c r="AD7560">
        <v>22513.150379999999</v>
      </c>
      <c r="AE7560">
        <v>30169.37052</v>
      </c>
      <c r="AF7560">
        <v>48567.364690000002</v>
      </c>
      <c r="AG7560">
        <v>22827.674630000001</v>
      </c>
      <c r="AH7560">
        <v>228398.71109999999</v>
      </c>
      <c r="AI7560">
        <v>59423.394220000002</v>
      </c>
      <c r="AJ7560">
        <v>18465.711009999999</v>
      </c>
      <c r="AK7560">
        <v>29037.220529999999</v>
      </c>
      <c r="AL7560">
        <v>59180.593489999999</v>
      </c>
      <c r="AM7560">
        <v>20343.525659999999</v>
      </c>
      <c r="AN7560">
        <v>79690.941000000006</v>
      </c>
      <c r="AO7560">
        <v>22780.78687</v>
      </c>
      <c r="AP7560">
        <v>12600.02196</v>
      </c>
    </row>
    <row r="7561" spans="2:42" x14ac:dyDescent="0.3">
      <c r="B7561">
        <v>44.022432638813875</v>
      </c>
      <c r="C7561" s="83">
        <v>43415.958333333336</v>
      </c>
      <c r="D7561">
        <v>170088.63080000001</v>
      </c>
      <c r="E7561">
        <v>12844.37859</v>
      </c>
      <c r="F7561">
        <v>47795.62326</v>
      </c>
      <c r="G7561">
        <v>39430.38564</v>
      </c>
      <c r="H7561">
        <v>35298.966460000003</v>
      </c>
      <c r="I7561">
        <v>22193.01182</v>
      </c>
      <c r="J7561">
        <v>27620.97494</v>
      </c>
      <c r="K7561">
        <v>47907.136120000003</v>
      </c>
      <c r="L7561">
        <v>19607.21629</v>
      </c>
      <c r="M7561">
        <v>224446.89110000001</v>
      </c>
      <c r="N7561">
        <v>59305.719319999997</v>
      </c>
      <c r="O7561">
        <v>18504.962350000002</v>
      </c>
      <c r="P7561">
        <v>26470.565429999999</v>
      </c>
      <c r="Q7561">
        <v>61031.667520000003</v>
      </c>
      <c r="R7561">
        <v>19714.797900000001</v>
      </c>
      <c r="S7561">
        <v>78136.613549999995</v>
      </c>
      <c r="T7561">
        <v>26125.49509</v>
      </c>
      <c r="U7561">
        <v>12369.71882</v>
      </c>
      <c r="W7561" s="83">
        <f>Bühler!N7593</f>
        <v>45606.958333315</v>
      </c>
      <c r="X7561" s="83">
        <v>43415.958333333336</v>
      </c>
      <c r="Y7561">
        <v>170088.63080000001</v>
      </c>
      <c r="Z7561">
        <v>12844.37859</v>
      </c>
      <c r="AA7561">
        <v>47795.62326</v>
      </c>
      <c r="AB7561">
        <v>39430.38564</v>
      </c>
      <c r="AC7561">
        <v>35298.966460000003</v>
      </c>
      <c r="AD7561">
        <v>22193.01182</v>
      </c>
      <c r="AE7561">
        <v>27620.97494</v>
      </c>
      <c r="AF7561">
        <v>47907.136120000003</v>
      </c>
      <c r="AG7561">
        <v>19607.21629</v>
      </c>
      <c r="AH7561">
        <v>224446.89110000001</v>
      </c>
      <c r="AI7561">
        <v>59305.719319999997</v>
      </c>
      <c r="AJ7561">
        <v>18504.962350000002</v>
      </c>
      <c r="AK7561">
        <v>26470.565429999999</v>
      </c>
      <c r="AL7561">
        <v>61031.667520000003</v>
      </c>
      <c r="AM7561">
        <v>19714.797900000001</v>
      </c>
      <c r="AN7561">
        <v>78136.613549999995</v>
      </c>
      <c r="AO7561">
        <v>26125.49509</v>
      </c>
      <c r="AP7561">
        <v>12369.71882</v>
      </c>
    </row>
    <row r="7562" spans="2:42" x14ac:dyDescent="0.3">
      <c r="B7562">
        <v>43.80579804207035</v>
      </c>
      <c r="C7562" s="83">
        <v>43416</v>
      </c>
      <c r="D7562">
        <v>172293.0822</v>
      </c>
      <c r="E7562">
        <v>12748.05248</v>
      </c>
      <c r="F7562">
        <v>48400.41345</v>
      </c>
      <c r="G7562">
        <v>39269.559079999999</v>
      </c>
      <c r="H7562">
        <v>34853.897109999998</v>
      </c>
      <c r="I7562">
        <v>20032.4359</v>
      </c>
      <c r="J7562">
        <v>26227.862349999999</v>
      </c>
      <c r="K7562">
        <v>46980.926489999998</v>
      </c>
      <c r="L7562">
        <v>17343.378530000002</v>
      </c>
      <c r="M7562">
        <v>223342.38690000001</v>
      </c>
      <c r="N7562">
        <v>59326.177340000002</v>
      </c>
      <c r="O7562">
        <v>18453.013370000001</v>
      </c>
      <c r="P7562">
        <v>24247.763360000001</v>
      </c>
      <c r="Q7562">
        <v>64151.813069999997</v>
      </c>
      <c r="R7562">
        <v>18634.727439999999</v>
      </c>
      <c r="S7562">
        <v>77104.788020000007</v>
      </c>
      <c r="T7562">
        <v>25193.077539999998</v>
      </c>
      <c r="U7562">
        <v>12617.168900000001</v>
      </c>
      <c r="W7562" s="83">
        <f>Bühler!N7594</f>
        <v>45606.999999981665</v>
      </c>
      <c r="X7562" s="83">
        <v>43416</v>
      </c>
      <c r="Y7562">
        <v>172293.0822</v>
      </c>
      <c r="Z7562">
        <v>12748.05248</v>
      </c>
      <c r="AA7562">
        <v>48400.41345</v>
      </c>
      <c r="AB7562">
        <v>39269.559079999999</v>
      </c>
      <c r="AC7562">
        <v>34853.897109999998</v>
      </c>
      <c r="AD7562">
        <v>20032.4359</v>
      </c>
      <c r="AE7562">
        <v>26227.862349999999</v>
      </c>
      <c r="AF7562">
        <v>46980.926489999998</v>
      </c>
      <c r="AG7562">
        <v>17343.378530000002</v>
      </c>
      <c r="AH7562">
        <v>223342.38690000001</v>
      </c>
      <c r="AI7562">
        <v>59326.177340000002</v>
      </c>
      <c r="AJ7562">
        <v>18453.013370000001</v>
      </c>
      <c r="AK7562">
        <v>24247.763360000001</v>
      </c>
      <c r="AL7562">
        <v>64151.813069999997</v>
      </c>
      <c r="AM7562">
        <v>18634.727439999999</v>
      </c>
      <c r="AN7562">
        <v>77104.788020000007</v>
      </c>
      <c r="AO7562">
        <v>25193.077539999998</v>
      </c>
      <c r="AP7562">
        <v>12617.168900000001</v>
      </c>
    </row>
    <row r="7563" spans="2:42" x14ac:dyDescent="0.3">
      <c r="B7563">
        <v>43.957192235584607</v>
      </c>
      <c r="C7563" s="83">
        <v>43416.041666666664</v>
      </c>
      <c r="D7563">
        <v>173421.54149999999</v>
      </c>
      <c r="E7563">
        <v>12767.556850000001</v>
      </c>
      <c r="F7563">
        <v>49561.058770000003</v>
      </c>
      <c r="G7563">
        <v>39035.625410000001</v>
      </c>
      <c r="H7563">
        <v>35036.906089999997</v>
      </c>
      <c r="I7563">
        <v>16699.573039999999</v>
      </c>
      <c r="J7563">
        <v>25797.62184</v>
      </c>
      <c r="K7563">
        <v>43063.057939999999</v>
      </c>
      <c r="L7563">
        <v>16447.45867</v>
      </c>
      <c r="M7563">
        <v>224114.26509999999</v>
      </c>
      <c r="N7563">
        <v>58367.7166</v>
      </c>
      <c r="O7563">
        <v>18520.57949</v>
      </c>
      <c r="P7563">
        <v>22764.693569999999</v>
      </c>
      <c r="Q7563">
        <v>67388.338799999998</v>
      </c>
      <c r="R7563">
        <v>18026.39633</v>
      </c>
      <c r="S7563">
        <v>75844.687430000005</v>
      </c>
      <c r="T7563">
        <v>24531.138610000002</v>
      </c>
      <c r="U7563">
        <v>12651.00603</v>
      </c>
      <c r="W7563" s="83">
        <f>Bühler!N7595</f>
        <v>45607.041666648329</v>
      </c>
      <c r="X7563" s="83">
        <v>43416.041666666664</v>
      </c>
      <c r="Y7563">
        <v>173421.54149999999</v>
      </c>
      <c r="Z7563">
        <v>12767.556850000001</v>
      </c>
      <c r="AA7563">
        <v>49561.058770000003</v>
      </c>
      <c r="AB7563">
        <v>39035.625410000001</v>
      </c>
      <c r="AC7563">
        <v>35036.906089999997</v>
      </c>
      <c r="AD7563">
        <v>16699.573039999999</v>
      </c>
      <c r="AE7563">
        <v>25797.62184</v>
      </c>
      <c r="AF7563">
        <v>43063.057939999999</v>
      </c>
      <c r="AG7563">
        <v>16447.45867</v>
      </c>
      <c r="AH7563">
        <v>224114.26509999999</v>
      </c>
      <c r="AI7563">
        <v>58367.7166</v>
      </c>
      <c r="AJ7563">
        <v>18520.57949</v>
      </c>
      <c r="AK7563">
        <v>22764.693569999999</v>
      </c>
      <c r="AL7563">
        <v>67388.338799999998</v>
      </c>
      <c r="AM7563">
        <v>18026.39633</v>
      </c>
      <c r="AN7563">
        <v>75844.687430000005</v>
      </c>
      <c r="AO7563">
        <v>24531.138610000002</v>
      </c>
      <c r="AP7563">
        <v>12651.00603</v>
      </c>
    </row>
    <row r="7564" spans="2:42" x14ac:dyDescent="0.3">
      <c r="B7564">
        <v>44.601750555594919</v>
      </c>
      <c r="C7564" s="83">
        <v>43416.083333333336</v>
      </c>
      <c r="D7564">
        <v>174712.93530000001</v>
      </c>
      <c r="E7564">
        <v>12782.840190000001</v>
      </c>
      <c r="F7564">
        <v>50682.049359999997</v>
      </c>
      <c r="G7564">
        <v>38643.215270000001</v>
      </c>
      <c r="H7564">
        <v>34972.416720000001</v>
      </c>
      <c r="I7564">
        <v>15752.48452</v>
      </c>
      <c r="J7564">
        <v>25945.749889999999</v>
      </c>
      <c r="K7564">
        <v>41989.664929999999</v>
      </c>
      <c r="L7564">
        <v>16227.626979999999</v>
      </c>
      <c r="M7564">
        <v>227400.524</v>
      </c>
      <c r="N7564">
        <v>58930.930359999998</v>
      </c>
      <c r="O7564">
        <v>18081.252069999999</v>
      </c>
      <c r="P7564">
        <v>23577.28095</v>
      </c>
      <c r="Q7564">
        <v>70141.045440000002</v>
      </c>
      <c r="R7564">
        <v>17671.201789999999</v>
      </c>
      <c r="S7564">
        <v>75233.785789999994</v>
      </c>
      <c r="T7564">
        <v>24346.987519999999</v>
      </c>
      <c r="U7564">
        <v>12654.300429999999</v>
      </c>
      <c r="W7564" s="83">
        <f>Bühler!N7596</f>
        <v>45607.083333314993</v>
      </c>
      <c r="X7564" s="83">
        <v>43416.083333333336</v>
      </c>
      <c r="Y7564">
        <v>174712.93530000001</v>
      </c>
      <c r="Z7564">
        <v>12782.840190000001</v>
      </c>
      <c r="AA7564">
        <v>50682.049359999997</v>
      </c>
      <c r="AB7564">
        <v>38643.215270000001</v>
      </c>
      <c r="AC7564">
        <v>34972.416720000001</v>
      </c>
      <c r="AD7564">
        <v>15752.48452</v>
      </c>
      <c r="AE7564">
        <v>25945.749889999999</v>
      </c>
      <c r="AF7564">
        <v>41989.664929999999</v>
      </c>
      <c r="AG7564">
        <v>16227.626979999999</v>
      </c>
      <c r="AH7564">
        <v>227400.524</v>
      </c>
      <c r="AI7564">
        <v>58930.930359999998</v>
      </c>
      <c r="AJ7564">
        <v>18081.252069999999</v>
      </c>
      <c r="AK7564">
        <v>23577.28095</v>
      </c>
      <c r="AL7564">
        <v>70141.045440000002</v>
      </c>
      <c r="AM7564">
        <v>17671.201789999999</v>
      </c>
      <c r="AN7564">
        <v>75233.785789999994</v>
      </c>
      <c r="AO7564">
        <v>24346.987519999999</v>
      </c>
      <c r="AP7564">
        <v>12654.300429999999</v>
      </c>
    </row>
    <row r="7565" spans="2:42" x14ac:dyDescent="0.3">
      <c r="B7565">
        <v>46.053135286549455</v>
      </c>
      <c r="C7565" s="83">
        <v>43416.125</v>
      </c>
      <c r="D7565">
        <v>179082.13389999999</v>
      </c>
      <c r="E7565">
        <v>13041.01218</v>
      </c>
      <c r="F7565">
        <v>51721.641889999999</v>
      </c>
      <c r="G7565">
        <v>38582.0671</v>
      </c>
      <c r="H7565">
        <v>35017.562409999999</v>
      </c>
      <c r="I7565">
        <v>15710.11944</v>
      </c>
      <c r="J7565">
        <v>26088.10917</v>
      </c>
      <c r="K7565">
        <v>41257.868119999999</v>
      </c>
      <c r="L7565">
        <v>16348.820949999999</v>
      </c>
      <c r="M7565">
        <v>234800.3602</v>
      </c>
      <c r="N7565">
        <v>58776.215920000002</v>
      </c>
      <c r="O7565">
        <v>18835.54924</v>
      </c>
      <c r="P7565">
        <v>23294.93131</v>
      </c>
      <c r="Q7565">
        <v>74597.88639</v>
      </c>
      <c r="R7565">
        <v>17614.409220000001</v>
      </c>
      <c r="S7565">
        <v>75262.734899999996</v>
      </c>
      <c r="T7565">
        <v>24074.203320000001</v>
      </c>
      <c r="U7565">
        <v>12775.96586</v>
      </c>
      <c r="W7565" s="83">
        <f>Bühler!N7597</f>
        <v>45607.124999981657</v>
      </c>
      <c r="X7565" s="83">
        <v>43416.125</v>
      </c>
      <c r="Y7565">
        <v>179082.13389999999</v>
      </c>
      <c r="Z7565">
        <v>13041.01218</v>
      </c>
      <c r="AA7565">
        <v>51721.641889999999</v>
      </c>
      <c r="AB7565">
        <v>38582.0671</v>
      </c>
      <c r="AC7565">
        <v>35017.562409999999</v>
      </c>
      <c r="AD7565">
        <v>15710.11944</v>
      </c>
      <c r="AE7565">
        <v>26088.10917</v>
      </c>
      <c r="AF7565">
        <v>41257.868119999999</v>
      </c>
      <c r="AG7565">
        <v>16348.820949999999</v>
      </c>
      <c r="AH7565">
        <v>234800.3602</v>
      </c>
      <c r="AI7565">
        <v>58776.215920000002</v>
      </c>
      <c r="AJ7565">
        <v>18835.54924</v>
      </c>
      <c r="AK7565">
        <v>23294.93131</v>
      </c>
      <c r="AL7565">
        <v>74597.88639</v>
      </c>
      <c r="AM7565">
        <v>17614.409220000001</v>
      </c>
      <c r="AN7565">
        <v>75262.734899999996</v>
      </c>
      <c r="AO7565">
        <v>24074.203320000001</v>
      </c>
      <c r="AP7565">
        <v>12775.96586</v>
      </c>
    </row>
    <row r="7566" spans="2:42" x14ac:dyDescent="0.3">
      <c r="B7566">
        <v>49.157088463561102</v>
      </c>
      <c r="C7566" s="83">
        <v>43416.166666666664</v>
      </c>
      <c r="D7566">
        <v>191428.54300000001</v>
      </c>
      <c r="E7566">
        <v>13784.93384</v>
      </c>
      <c r="F7566">
        <v>55205.748469999999</v>
      </c>
      <c r="G7566">
        <v>38145.342640000003</v>
      </c>
      <c r="H7566">
        <v>36182.512860000003</v>
      </c>
      <c r="I7566">
        <v>17510.666440000001</v>
      </c>
      <c r="J7566">
        <v>27395.716570000001</v>
      </c>
      <c r="K7566">
        <v>41915.361499999999</v>
      </c>
      <c r="L7566">
        <v>16493.555079999998</v>
      </c>
      <c r="M7566">
        <v>250625.761</v>
      </c>
      <c r="N7566">
        <v>59965.652470000001</v>
      </c>
      <c r="O7566">
        <v>19073.880280000001</v>
      </c>
      <c r="P7566">
        <v>23589.473239999999</v>
      </c>
      <c r="Q7566">
        <v>81344.225219999993</v>
      </c>
      <c r="R7566">
        <v>17937.7376</v>
      </c>
      <c r="S7566">
        <v>75966.734639999995</v>
      </c>
      <c r="T7566">
        <v>24279.082139999999</v>
      </c>
      <c r="U7566">
        <v>13981.157800000001</v>
      </c>
      <c r="W7566" s="83">
        <f>Bühler!N7598</f>
        <v>45607.166666648322</v>
      </c>
      <c r="X7566" s="83">
        <v>43416.166666666664</v>
      </c>
      <c r="Y7566">
        <v>191428.54300000001</v>
      </c>
      <c r="Z7566">
        <v>13784.93384</v>
      </c>
      <c r="AA7566">
        <v>55205.748469999999</v>
      </c>
      <c r="AB7566">
        <v>38145.342640000003</v>
      </c>
      <c r="AC7566">
        <v>36182.512860000003</v>
      </c>
      <c r="AD7566">
        <v>17510.666440000001</v>
      </c>
      <c r="AE7566">
        <v>27395.716570000001</v>
      </c>
      <c r="AF7566">
        <v>41915.361499999999</v>
      </c>
      <c r="AG7566">
        <v>16493.555079999998</v>
      </c>
      <c r="AH7566">
        <v>250625.761</v>
      </c>
      <c r="AI7566">
        <v>59965.652470000001</v>
      </c>
      <c r="AJ7566">
        <v>19073.880280000001</v>
      </c>
      <c r="AK7566">
        <v>23589.473239999999</v>
      </c>
      <c r="AL7566">
        <v>81344.225219999993</v>
      </c>
      <c r="AM7566">
        <v>17937.7376</v>
      </c>
      <c r="AN7566">
        <v>75966.734639999995</v>
      </c>
      <c r="AO7566">
        <v>24279.082139999999</v>
      </c>
      <c r="AP7566">
        <v>13981.157800000001</v>
      </c>
    </row>
    <row r="7567" spans="2:42" x14ac:dyDescent="0.3">
      <c r="B7567">
        <v>54.887855549255534</v>
      </c>
      <c r="C7567" s="83">
        <v>43416.208333333336</v>
      </c>
      <c r="D7567">
        <v>221752.89309999999</v>
      </c>
      <c r="E7567">
        <v>16221.963110000001</v>
      </c>
      <c r="F7567">
        <v>67612.062959999996</v>
      </c>
      <c r="G7567">
        <v>40986.566440000002</v>
      </c>
      <c r="H7567">
        <v>38325.454720000002</v>
      </c>
      <c r="I7567">
        <v>25163.459309999998</v>
      </c>
      <c r="J7567">
        <v>30277.036090000001</v>
      </c>
      <c r="K7567">
        <v>43746.713250000001</v>
      </c>
      <c r="L7567">
        <v>17753.088019999999</v>
      </c>
      <c r="M7567">
        <v>279843.88410000002</v>
      </c>
      <c r="N7567">
        <v>63410.857259999997</v>
      </c>
      <c r="O7567">
        <v>19861.405019999998</v>
      </c>
      <c r="P7567">
        <v>25052.266909999998</v>
      </c>
      <c r="Q7567">
        <v>86974.308139999994</v>
      </c>
      <c r="R7567">
        <v>18637.86537</v>
      </c>
      <c r="S7567">
        <v>79021.910369999998</v>
      </c>
      <c r="T7567">
        <v>25403.01728</v>
      </c>
      <c r="U7567">
        <v>15411.00693</v>
      </c>
      <c r="W7567" s="83">
        <f>Bühler!N7599</f>
        <v>45607.208333314986</v>
      </c>
      <c r="X7567" s="83">
        <v>43416.208333333336</v>
      </c>
      <c r="Y7567">
        <v>221752.89309999999</v>
      </c>
      <c r="Z7567">
        <v>16221.963110000001</v>
      </c>
      <c r="AA7567">
        <v>67612.062959999996</v>
      </c>
      <c r="AB7567">
        <v>40986.566440000002</v>
      </c>
      <c r="AC7567">
        <v>38325.454720000002</v>
      </c>
      <c r="AD7567">
        <v>25163.459309999998</v>
      </c>
      <c r="AE7567">
        <v>30277.036090000001</v>
      </c>
      <c r="AF7567">
        <v>43746.713250000001</v>
      </c>
      <c r="AG7567">
        <v>17753.088019999999</v>
      </c>
      <c r="AH7567">
        <v>279843.88410000002</v>
      </c>
      <c r="AI7567">
        <v>63410.857259999997</v>
      </c>
      <c r="AJ7567">
        <v>19861.405019999998</v>
      </c>
      <c r="AK7567">
        <v>25052.266909999998</v>
      </c>
      <c r="AL7567">
        <v>86974.308139999994</v>
      </c>
      <c r="AM7567">
        <v>18637.86537</v>
      </c>
      <c r="AN7567">
        <v>79021.910369999998</v>
      </c>
      <c r="AO7567">
        <v>25403.01728</v>
      </c>
      <c r="AP7567">
        <v>15411.00693</v>
      </c>
    </row>
    <row r="7568" spans="2:42" x14ac:dyDescent="0.3">
      <c r="B7568">
        <v>61.057364454542316</v>
      </c>
      <c r="C7568" s="83">
        <v>43416.25</v>
      </c>
      <c r="D7568">
        <v>248073.54500000001</v>
      </c>
      <c r="E7568">
        <v>20424.48775</v>
      </c>
      <c r="F7568">
        <v>82097.7647</v>
      </c>
      <c r="G7568">
        <v>54777.657659999997</v>
      </c>
      <c r="H7568">
        <v>42460.900540000002</v>
      </c>
      <c r="I7568">
        <v>33263.80618</v>
      </c>
      <c r="J7568">
        <v>34121.672489999997</v>
      </c>
      <c r="K7568">
        <v>47026.628909999999</v>
      </c>
      <c r="L7568">
        <v>19471.031739999999</v>
      </c>
      <c r="M7568">
        <v>311298.91759999999</v>
      </c>
      <c r="N7568">
        <v>67840.201520000002</v>
      </c>
      <c r="O7568">
        <v>21587.270830000001</v>
      </c>
      <c r="P7568">
        <v>25707.56439</v>
      </c>
      <c r="Q7568">
        <v>91326.849040000001</v>
      </c>
      <c r="R7568">
        <v>19645.456880000002</v>
      </c>
      <c r="S7568">
        <v>88255.579629999993</v>
      </c>
      <c r="T7568">
        <v>28409.85816</v>
      </c>
      <c r="U7568">
        <v>19007.058249999998</v>
      </c>
      <c r="W7568" s="83">
        <f>Bühler!N7600</f>
        <v>45607.24999998165</v>
      </c>
      <c r="X7568" s="83">
        <v>43416.25</v>
      </c>
      <c r="Y7568">
        <v>248073.54500000001</v>
      </c>
      <c r="Z7568">
        <v>20424.48775</v>
      </c>
      <c r="AA7568">
        <v>82097.7647</v>
      </c>
      <c r="AB7568">
        <v>54777.657659999997</v>
      </c>
      <c r="AC7568">
        <v>42460.900540000002</v>
      </c>
      <c r="AD7568">
        <v>33263.80618</v>
      </c>
      <c r="AE7568">
        <v>34121.672489999997</v>
      </c>
      <c r="AF7568">
        <v>47026.628909999999</v>
      </c>
      <c r="AG7568">
        <v>19471.031739999999</v>
      </c>
      <c r="AH7568">
        <v>311298.91759999999</v>
      </c>
      <c r="AI7568">
        <v>67840.201520000002</v>
      </c>
      <c r="AJ7568">
        <v>21587.270830000001</v>
      </c>
      <c r="AK7568">
        <v>25707.56439</v>
      </c>
      <c r="AL7568">
        <v>91326.849040000001</v>
      </c>
      <c r="AM7568">
        <v>19645.456880000002</v>
      </c>
      <c r="AN7568">
        <v>88255.579629999993</v>
      </c>
      <c r="AO7568">
        <v>28409.85816</v>
      </c>
      <c r="AP7568">
        <v>19007.058249999998</v>
      </c>
    </row>
    <row r="7569" spans="2:42" x14ac:dyDescent="0.3">
      <c r="B7569">
        <v>64.405812194505586</v>
      </c>
      <c r="C7569" s="83">
        <v>43416.291666666664</v>
      </c>
      <c r="D7569">
        <v>267428.41570000001</v>
      </c>
      <c r="E7569">
        <v>25055.626489999999</v>
      </c>
      <c r="F7569">
        <v>86033.469920000003</v>
      </c>
      <c r="G7569">
        <v>68701.738949999999</v>
      </c>
      <c r="H7569">
        <v>47698.619570000003</v>
      </c>
      <c r="I7569">
        <v>42432.973169999997</v>
      </c>
      <c r="J7569">
        <v>35086.33238</v>
      </c>
      <c r="K7569">
        <v>53088.98401</v>
      </c>
      <c r="L7569">
        <v>22612.75073</v>
      </c>
      <c r="M7569">
        <v>328370.86570000002</v>
      </c>
      <c r="N7569">
        <v>74600.693679999997</v>
      </c>
      <c r="O7569">
        <v>24166.37054</v>
      </c>
      <c r="P7569">
        <v>28019.86159</v>
      </c>
      <c r="Q7569">
        <v>92816.501619999995</v>
      </c>
      <c r="R7569">
        <v>22603.172589999998</v>
      </c>
      <c r="S7569">
        <v>103995.4754</v>
      </c>
      <c r="T7569">
        <v>29696.95163</v>
      </c>
      <c r="U7569">
        <v>23327.128499999999</v>
      </c>
      <c r="W7569" s="83">
        <f>Bühler!N7601</f>
        <v>45607.291666648314</v>
      </c>
      <c r="X7569" s="83">
        <v>43416.291666666664</v>
      </c>
      <c r="Y7569">
        <v>267428.41570000001</v>
      </c>
      <c r="Z7569">
        <v>25055.626489999999</v>
      </c>
      <c r="AA7569">
        <v>86033.469920000003</v>
      </c>
      <c r="AB7569">
        <v>68701.738949999999</v>
      </c>
      <c r="AC7569">
        <v>47698.619570000003</v>
      </c>
      <c r="AD7569">
        <v>42432.973169999997</v>
      </c>
      <c r="AE7569">
        <v>35086.33238</v>
      </c>
      <c r="AF7569">
        <v>53088.98401</v>
      </c>
      <c r="AG7569">
        <v>22612.75073</v>
      </c>
      <c r="AH7569">
        <v>328370.86570000002</v>
      </c>
      <c r="AI7569">
        <v>74600.693679999997</v>
      </c>
      <c r="AJ7569">
        <v>24166.37054</v>
      </c>
      <c r="AK7569">
        <v>28019.86159</v>
      </c>
      <c r="AL7569">
        <v>92816.501619999995</v>
      </c>
      <c r="AM7569">
        <v>22603.172589999998</v>
      </c>
      <c r="AN7569">
        <v>103995.4754</v>
      </c>
      <c r="AO7569">
        <v>29696.95163</v>
      </c>
      <c r="AP7569">
        <v>23327.128499999999</v>
      </c>
    </row>
    <row r="7570" spans="2:42" x14ac:dyDescent="0.3">
      <c r="B7570">
        <v>66.076232479507084</v>
      </c>
      <c r="C7570" s="83">
        <v>43416.333333333336</v>
      </c>
      <c r="D7570">
        <v>280637.98859999998</v>
      </c>
      <c r="E7570">
        <v>30562.847440000001</v>
      </c>
      <c r="F7570">
        <v>92056.857749999996</v>
      </c>
      <c r="G7570">
        <v>83099.586129999996</v>
      </c>
      <c r="H7570">
        <v>52299.928800000002</v>
      </c>
      <c r="I7570">
        <v>44925.283069999998</v>
      </c>
      <c r="J7570">
        <v>34701.309379999999</v>
      </c>
      <c r="K7570">
        <v>59565.255899999996</v>
      </c>
      <c r="L7570">
        <v>25534.697059999999</v>
      </c>
      <c r="M7570">
        <v>336887.4473</v>
      </c>
      <c r="N7570">
        <v>82850.666389999999</v>
      </c>
      <c r="O7570">
        <v>25623.76309</v>
      </c>
      <c r="P7570">
        <v>30392.197370000002</v>
      </c>
      <c r="Q7570">
        <v>93852.798540000003</v>
      </c>
      <c r="R7570">
        <v>22146.14604</v>
      </c>
      <c r="S7570">
        <v>117083.1254</v>
      </c>
      <c r="T7570">
        <v>33132.285790000002</v>
      </c>
      <c r="U7570">
        <v>25546.997650000001</v>
      </c>
      <c r="W7570" s="83">
        <f>Bühler!N7602</f>
        <v>45607.333333314979</v>
      </c>
      <c r="X7570" s="83">
        <v>43416.333333333336</v>
      </c>
      <c r="Y7570">
        <v>280637.98859999998</v>
      </c>
      <c r="Z7570">
        <v>30562.847440000001</v>
      </c>
      <c r="AA7570">
        <v>92056.857749999996</v>
      </c>
      <c r="AB7570">
        <v>83099.586129999996</v>
      </c>
      <c r="AC7570">
        <v>52299.928800000002</v>
      </c>
      <c r="AD7570">
        <v>44925.283069999998</v>
      </c>
      <c r="AE7570">
        <v>34701.309379999999</v>
      </c>
      <c r="AF7570">
        <v>59565.255899999996</v>
      </c>
      <c r="AG7570">
        <v>25534.697059999999</v>
      </c>
      <c r="AH7570">
        <v>336887.4473</v>
      </c>
      <c r="AI7570">
        <v>82850.666389999999</v>
      </c>
      <c r="AJ7570">
        <v>25623.76309</v>
      </c>
      <c r="AK7570">
        <v>30392.197370000002</v>
      </c>
      <c r="AL7570">
        <v>93852.798540000003</v>
      </c>
      <c r="AM7570">
        <v>22146.14604</v>
      </c>
      <c r="AN7570">
        <v>117083.1254</v>
      </c>
      <c r="AO7570">
        <v>33132.285790000002</v>
      </c>
      <c r="AP7570">
        <v>25546.997650000001</v>
      </c>
    </row>
    <row r="7571" spans="2:42" x14ac:dyDescent="0.3">
      <c r="B7571">
        <v>66.687624296365556</v>
      </c>
      <c r="C7571" s="83">
        <v>43416.375</v>
      </c>
      <c r="D7571">
        <v>283756.13569999998</v>
      </c>
      <c r="E7571">
        <v>34445.168740000001</v>
      </c>
      <c r="F7571">
        <v>99084.237160000004</v>
      </c>
      <c r="G7571">
        <v>92003.172839999999</v>
      </c>
      <c r="H7571">
        <v>55255.466569999997</v>
      </c>
      <c r="I7571">
        <v>42915.684350000003</v>
      </c>
      <c r="J7571">
        <v>34704.362179999996</v>
      </c>
      <c r="K7571">
        <v>61700.829039999997</v>
      </c>
      <c r="L7571">
        <v>28266.799599999998</v>
      </c>
      <c r="M7571">
        <v>340004.6079</v>
      </c>
      <c r="N7571">
        <v>83803.361659999995</v>
      </c>
      <c r="O7571">
        <v>25850.849709999999</v>
      </c>
      <c r="P7571">
        <v>33536.765500000001</v>
      </c>
      <c r="Q7571">
        <v>95804.790559999994</v>
      </c>
      <c r="R7571">
        <v>23392.626230000002</v>
      </c>
      <c r="S7571">
        <v>123849.4887</v>
      </c>
      <c r="T7571">
        <v>35735.366770000001</v>
      </c>
      <c r="U7571">
        <v>25755.573280000001</v>
      </c>
      <c r="W7571" s="83">
        <f>Bühler!N7603</f>
        <v>45607.374999981643</v>
      </c>
      <c r="X7571" s="83">
        <v>43416.375</v>
      </c>
      <c r="Y7571">
        <v>283756.13569999998</v>
      </c>
      <c r="Z7571">
        <v>34445.168740000001</v>
      </c>
      <c r="AA7571">
        <v>99084.237160000004</v>
      </c>
      <c r="AB7571">
        <v>92003.172839999999</v>
      </c>
      <c r="AC7571">
        <v>55255.466569999997</v>
      </c>
      <c r="AD7571">
        <v>42915.684350000003</v>
      </c>
      <c r="AE7571">
        <v>34704.362179999996</v>
      </c>
      <c r="AF7571">
        <v>61700.829039999997</v>
      </c>
      <c r="AG7571">
        <v>28266.799599999998</v>
      </c>
      <c r="AH7571">
        <v>340004.6079</v>
      </c>
      <c r="AI7571">
        <v>83803.361659999995</v>
      </c>
      <c r="AJ7571">
        <v>25850.849709999999</v>
      </c>
      <c r="AK7571">
        <v>33536.765500000001</v>
      </c>
      <c r="AL7571">
        <v>95804.790559999994</v>
      </c>
      <c r="AM7571">
        <v>23392.626230000002</v>
      </c>
      <c r="AN7571">
        <v>123849.4887</v>
      </c>
      <c r="AO7571">
        <v>35735.366770000001</v>
      </c>
      <c r="AP7571">
        <v>25755.573280000001</v>
      </c>
    </row>
    <row r="7572" spans="2:42" x14ac:dyDescent="0.3">
      <c r="B7572">
        <v>68.47216180034566</v>
      </c>
      <c r="C7572" s="83">
        <v>43416.416666666664</v>
      </c>
      <c r="D7572">
        <v>287462.04570000002</v>
      </c>
      <c r="E7572">
        <v>35867.064890000001</v>
      </c>
      <c r="F7572">
        <v>99299.907739999995</v>
      </c>
      <c r="G7572">
        <v>93424.086439999999</v>
      </c>
      <c r="H7572">
        <v>55664.689890000001</v>
      </c>
      <c r="I7572">
        <v>39527.555009999996</v>
      </c>
      <c r="J7572">
        <v>33946.42368</v>
      </c>
      <c r="K7572">
        <v>63349.105669999997</v>
      </c>
      <c r="L7572">
        <v>30414.727070000001</v>
      </c>
      <c r="M7572">
        <v>349103.0123</v>
      </c>
      <c r="N7572">
        <v>83885.016579999996</v>
      </c>
      <c r="O7572">
        <v>26312.16071</v>
      </c>
      <c r="P7572">
        <v>32961.028120000003</v>
      </c>
      <c r="Q7572">
        <v>96928.577430000005</v>
      </c>
      <c r="R7572">
        <v>23731.27289</v>
      </c>
      <c r="S7572">
        <v>124136.22500000001</v>
      </c>
      <c r="T7572">
        <v>36654.358990000001</v>
      </c>
      <c r="U7572">
        <v>26116.608560000001</v>
      </c>
      <c r="W7572" s="83">
        <f>Bühler!N7604</f>
        <v>45607.416666648307</v>
      </c>
      <c r="X7572" s="83">
        <v>43416.416666666664</v>
      </c>
      <c r="Y7572">
        <v>287462.04570000002</v>
      </c>
      <c r="Z7572">
        <v>35867.064890000001</v>
      </c>
      <c r="AA7572">
        <v>99299.907739999995</v>
      </c>
      <c r="AB7572">
        <v>93424.086439999999</v>
      </c>
      <c r="AC7572">
        <v>55664.689890000001</v>
      </c>
      <c r="AD7572">
        <v>39527.555009999996</v>
      </c>
      <c r="AE7572">
        <v>33946.42368</v>
      </c>
      <c r="AF7572">
        <v>63349.105669999997</v>
      </c>
      <c r="AG7572">
        <v>30414.727070000001</v>
      </c>
      <c r="AH7572">
        <v>349103.0123</v>
      </c>
      <c r="AI7572">
        <v>83885.016579999996</v>
      </c>
      <c r="AJ7572">
        <v>26312.16071</v>
      </c>
      <c r="AK7572">
        <v>32961.028120000003</v>
      </c>
      <c r="AL7572">
        <v>96928.577430000005</v>
      </c>
      <c r="AM7572">
        <v>23731.27289</v>
      </c>
      <c r="AN7572">
        <v>124136.22500000001</v>
      </c>
      <c r="AO7572">
        <v>36654.358990000001</v>
      </c>
      <c r="AP7572">
        <v>26116.608560000001</v>
      </c>
    </row>
    <row r="7573" spans="2:42" x14ac:dyDescent="0.3">
      <c r="B7573">
        <v>69.660583767582949</v>
      </c>
      <c r="C7573" s="83">
        <v>43416.458333333336</v>
      </c>
      <c r="D7573">
        <v>287359.28110000002</v>
      </c>
      <c r="E7573">
        <v>35588.538500000002</v>
      </c>
      <c r="F7573">
        <v>99334.075589999993</v>
      </c>
      <c r="G7573">
        <v>91108.772360000003</v>
      </c>
      <c r="H7573">
        <v>54982.850939999997</v>
      </c>
      <c r="I7573">
        <v>39031.525860000002</v>
      </c>
      <c r="J7573">
        <v>34371.773569999998</v>
      </c>
      <c r="K7573">
        <v>64294.942900000002</v>
      </c>
      <c r="L7573">
        <v>30851.616910000001</v>
      </c>
      <c r="M7573">
        <v>355162.14169999998</v>
      </c>
      <c r="N7573">
        <v>84120.592120000001</v>
      </c>
      <c r="O7573">
        <v>25629.08007</v>
      </c>
      <c r="P7573">
        <v>32616.775839999998</v>
      </c>
      <c r="Q7573">
        <v>96961.893209999995</v>
      </c>
      <c r="R7573">
        <v>23682.806769999999</v>
      </c>
      <c r="S7573">
        <v>126068.5012</v>
      </c>
      <c r="T7573">
        <v>36930.068489999998</v>
      </c>
      <c r="U7573">
        <v>25168.318309999999</v>
      </c>
      <c r="W7573" s="83">
        <f>Bühler!N7605</f>
        <v>45607.458333314971</v>
      </c>
      <c r="X7573" s="83">
        <v>43416.458333333336</v>
      </c>
      <c r="Y7573">
        <v>287359.28110000002</v>
      </c>
      <c r="Z7573">
        <v>35588.538500000002</v>
      </c>
      <c r="AA7573">
        <v>99334.075589999993</v>
      </c>
      <c r="AB7573">
        <v>91108.772360000003</v>
      </c>
      <c r="AC7573">
        <v>54982.850939999997</v>
      </c>
      <c r="AD7573">
        <v>39031.525860000002</v>
      </c>
      <c r="AE7573">
        <v>34371.773569999998</v>
      </c>
      <c r="AF7573">
        <v>64294.942900000002</v>
      </c>
      <c r="AG7573">
        <v>30851.616910000001</v>
      </c>
      <c r="AH7573">
        <v>355162.14169999998</v>
      </c>
      <c r="AI7573">
        <v>84120.592120000001</v>
      </c>
      <c r="AJ7573">
        <v>25629.08007</v>
      </c>
      <c r="AK7573">
        <v>32616.775839999998</v>
      </c>
      <c r="AL7573">
        <v>96961.893209999995</v>
      </c>
      <c r="AM7573">
        <v>23682.806769999999</v>
      </c>
      <c r="AN7573">
        <v>126068.5012</v>
      </c>
      <c r="AO7573">
        <v>36930.068489999998</v>
      </c>
      <c r="AP7573">
        <v>25168.318309999999</v>
      </c>
    </row>
    <row r="7574" spans="2:42" x14ac:dyDescent="0.3">
      <c r="B7574">
        <v>69.096049649486559</v>
      </c>
      <c r="C7574" s="83">
        <v>43416.5</v>
      </c>
      <c r="D7574">
        <v>275435.21110000001</v>
      </c>
      <c r="E7574">
        <v>31985.887739999998</v>
      </c>
      <c r="F7574">
        <v>92891.508109999995</v>
      </c>
      <c r="G7574">
        <v>90117.975099999996</v>
      </c>
      <c r="H7574">
        <v>51867.145020000004</v>
      </c>
      <c r="I7574">
        <v>37370.876539999997</v>
      </c>
      <c r="J7574">
        <v>34287.334159999999</v>
      </c>
      <c r="K7574">
        <v>59438.746160000002</v>
      </c>
      <c r="L7574">
        <v>33427.849759999997</v>
      </c>
      <c r="M7574">
        <v>352283.8835</v>
      </c>
      <c r="N7574">
        <v>81607.860990000001</v>
      </c>
      <c r="O7574">
        <v>24571.282719999999</v>
      </c>
      <c r="P7574">
        <v>32636.427100000001</v>
      </c>
      <c r="Q7574">
        <v>96526.822029999996</v>
      </c>
      <c r="R7574">
        <v>25769.852449999998</v>
      </c>
      <c r="S7574">
        <v>119433.17849999999</v>
      </c>
      <c r="T7574">
        <v>36392.188999999998</v>
      </c>
      <c r="U7574">
        <v>20408.58829</v>
      </c>
      <c r="W7574" s="83">
        <f>Bühler!N7606</f>
        <v>45607.499999981635</v>
      </c>
      <c r="X7574" s="83">
        <v>43416.5</v>
      </c>
      <c r="Y7574">
        <v>275435.21110000001</v>
      </c>
      <c r="Z7574">
        <v>31985.887739999998</v>
      </c>
      <c r="AA7574">
        <v>92891.508109999995</v>
      </c>
      <c r="AB7574">
        <v>90117.975099999996</v>
      </c>
      <c r="AC7574">
        <v>51867.145020000004</v>
      </c>
      <c r="AD7574">
        <v>37370.876539999997</v>
      </c>
      <c r="AE7574">
        <v>34287.334159999999</v>
      </c>
      <c r="AF7574">
        <v>59438.746160000002</v>
      </c>
      <c r="AG7574">
        <v>33427.849759999997</v>
      </c>
      <c r="AH7574">
        <v>352283.8835</v>
      </c>
      <c r="AI7574">
        <v>81607.860990000001</v>
      </c>
      <c r="AJ7574">
        <v>24571.282719999999</v>
      </c>
      <c r="AK7574">
        <v>32636.427100000001</v>
      </c>
      <c r="AL7574">
        <v>96526.822029999996</v>
      </c>
      <c r="AM7574">
        <v>25769.852449999998</v>
      </c>
      <c r="AN7574">
        <v>119433.17849999999</v>
      </c>
      <c r="AO7574">
        <v>36392.188999999998</v>
      </c>
      <c r="AP7574">
        <v>20408.58829</v>
      </c>
    </row>
    <row r="7575" spans="2:42" x14ac:dyDescent="0.3">
      <c r="B7575">
        <v>69.877618366967113</v>
      </c>
      <c r="C7575" s="83">
        <v>43416.541666666664</v>
      </c>
      <c r="D7575">
        <v>277388.35399999999</v>
      </c>
      <c r="E7575">
        <v>32105.78557</v>
      </c>
      <c r="F7575">
        <v>89503.842799999999</v>
      </c>
      <c r="G7575">
        <v>86100.558560000005</v>
      </c>
      <c r="H7575">
        <v>52492.446029999999</v>
      </c>
      <c r="I7575">
        <v>37224.763740000002</v>
      </c>
      <c r="J7575">
        <v>33292.532550000004</v>
      </c>
      <c r="K7575">
        <v>62096.624799999998</v>
      </c>
      <c r="L7575">
        <v>32173.699189999999</v>
      </c>
      <c r="M7575">
        <v>356268.68530000001</v>
      </c>
      <c r="N7575">
        <v>82002.976450000002</v>
      </c>
      <c r="O7575">
        <v>24834.2762</v>
      </c>
      <c r="P7575">
        <v>30628.78384</v>
      </c>
      <c r="Q7575">
        <v>95807.985809999998</v>
      </c>
      <c r="R7575">
        <v>26611.102790000001</v>
      </c>
      <c r="S7575">
        <v>117535.0438</v>
      </c>
      <c r="T7575">
        <v>35382.577660000003</v>
      </c>
      <c r="U7575">
        <v>21418.754000000001</v>
      </c>
      <c r="W7575" s="83">
        <f>Bühler!N7607</f>
        <v>45607.5416666483</v>
      </c>
      <c r="X7575" s="83">
        <v>43416.541666666664</v>
      </c>
      <c r="Y7575">
        <v>277388.35399999999</v>
      </c>
      <c r="Z7575">
        <v>32105.78557</v>
      </c>
      <c r="AA7575">
        <v>89503.842799999999</v>
      </c>
      <c r="AB7575">
        <v>86100.558560000005</v>
      </c>
      <c r="AC7575">
        <v>52492.446029999999</v>
      </c>
      <c r="AD7575">
        <v>37224.763740000002</v>
      </c>
      <c r="AE7575">
        <v>33292.532550000004</v>
      </c>
      <c r="AF7575">
        <v>62096.624799999998</v>
      </c>
      <c r="AG7575">
        <v>32173.699189999999</v>
      </c>
      <c r="AH7575">
        <v>356268.68530000001</v>
      </c>
      <c r="AI7575">
        <v>82002.976450000002</v>
      </c>
      <c r="AJ7575">
        <v>24834.2762</v>
      </c>
      <c r="AK7575">
        <v>30628.78384</v>
      </c>
      <c r="AL7575">
        <v>95807.985809999998</v>
      </c>
      <c r="AM7575">
        <v>26611.102790000001</v>
      </c>
      <c r="AN7575">
        <v>117535.0438</v>
      </c>
      <c r="AO7575">
        <v>35382.577660000003</v>
      </c>
      <c r="AP7575">
        <v>21418.754000000001</v>
      </c>
    </row>
    <row r="7576" spans="2:42" x14ac:dyDescent="0.3">
      <c r="B7576">
        <v>70.382071044988223</v>
      </c>
      <c r="C7576" s="83">
        <v>43416.583333333336</v>
      </c>
      <c r="D7576">
        <v>280861.84580000001</v>
      </c>
      <c r="E7576">
        <v>34719.729630000002</v>
      </c>
      <c r="F7576">
        <v>97389.352410000007</v>
      </c>
      <c r="G7576">
        <v>79383.886289999995</v>
      </c>
      <c r="H7576">
        <v>51948.756840000002</v>
      </c>
      <c r="I7576">
        <v>37946.893380000001</v>
      </c>
      <c r="J7576">
        <v>33367.756860000001</v>
      </c>
      <c r="K7576">
        <v>63408.663710000001</v>
      </c>
      <c r="L7576">
        <v>28812.663240000002</v>
      </c>
      <c r="M7576">
        <v>358840.62030000001</v>
      </c>
      <c r="N7576">
        <v>83769.364860000001</v>
      </c>
      <c r="O7576">
        <v>23790.895560000001</v>
      </c>
      <c r="P7576">
        <v>28122.284540000001</v>
      </c>
      <c r="Q7576">
        <v>95052.495410000003</v>
      </c>
      <c r="R7576">
        <v>24665.40148</v>
      </c>
      <c r="S7576">
        <v>111712.54059999999</v>
      </c>
      <c r="T7576">
        <v>33947.566709999999</v>
      </c>
      <c r="U7576">
        <v>23518.535390000001</v>
      </c>
      <c r="W7576" s="83">
        <f>Bühler!N7608</f>
        <v>45607.583333314964</v>
      </c>
      <c r="X7576" s="83">
        <v>43416.583333333336</v>
      </c>
      <c r="Y7576">
        <v>280861.84580000001</v>
      </c>
      <c r="Z7576">
        <v>34719.729630000002</v>
      </c>
      <c r="AA7576">
        <v>97389.352410000007</v>
      </c>
      <c r="AB7576">
        <v>79383.886289999995</v>
      </c>
      <c r="AC7576">
        <v>51948.756840000002</v>
      </c>
      <c r="AD7576">
        <v>37946.893380000001</v>
      </c>
      <c r="AE7576">
        <v>33367.756860000001</v>
      </c>
      <c r="AF7576">
        <v>63408.663710000001</v>
      </c>
      <c r="AG7576">
        <v>28812.663240000002</v>
      </c>
      <c r="AH7576">
        <v>358840.62030000001</v>
      </c>
      <c r="AI7576">
        <v>83769.364860000001</v>
      </c>
      <c r="AJ7576">
        <v>23790.895560000001</v>
      </c>
      <c r="AK7576">
        <v>28122.284540000001</v>
      </c>
      <c r="AL7576">
        <v>95052.495410000003</v>
      </c>
      <c r="AM7576">
        <v>24665.40148</v>
      </c>
      <c r="AN7576">
        <v>111712.54059999999</v>
      </c>
      <c r="AO7576">
        <v>33947.566709999999</v>
      </c>
      <c r="AP7576">
        <v>23518.535390000001</v>
      </c>
    </row>
    <row r="7577" spans="2:42" x14ac:dyDescent="0.3">
      <c r="B7577">
        <v>69.706595917956392</v>
      </c>
      <c r="C7577" s="83">
        <v>43416.625</v>
      </c>
      <c r="D7577">
        <v>278883.96610000002</v>
      </c>
      <c r="E7577">
        <v>34319.283689999997</v>
      </c>
      <c r="F7577">
        <v>99201.395430000004</v>
      </c>
      <c r="G7577">
        <v>77177.887889999998</v>
      </c>
      <c r="H7577">
        <v>50883.042110000002</v>
      </c>
      <c r="I7577">
        <v>38599.902829999999</v>
      </c>
      <c r="J7577">
        <v>32828.19515</v>
      </c>
      <c r="K7577">
        <v>62359.795819999999</v>
      </c>
      <c r="L7577">
        <v>25545.247630000002</v>
      </c>
      <c r="M7577">
        <v>355396.73310000001</v>
      </c>
      <c r="N7577">
        <v>82315.929090000005</v>
      </c>
      <c r="O7577">
        <v>24126.34158</v>
      </c>
      <c r="P7577">
        <v>26624.852080000001</v>
      </c>
      <c r="Q7577">
        <v>94920.329190000004</v>
      </c>
      <c r="R7577">
        <v>24118.766299999999</v>
      </c>
      <c r="S7577">
        <v>110105.7503</v>
      </c>
      <c r="T7577">
        <v>33855.252549999997</v>
      </c>
      <c r="U7577">
        <v>22125.859380000002</v>
      </c>
      <c r="W7577" s="83">
        <f>Bühler!N7609</f>
        <v>45607.624999981628</v>
      </c>
      <c r="X7577" s="83">
        <v>43416.625</v>
      </c>
      <c r="Y7577">
        <v>278883.96610000002</v>
      </c>
      <c r="Z7577">
        <v>34319.283689999997</v>
      </c>
      <c r="AA7577">
        <v>99201.395430000004</v>
      </c>
      <c r="AB7577">
        <v>77177.887889999998</v>
      </c>
      <c r="AC7577">
        <v>50883.042110000002</v>
      </c>
      <c r="AD7577">
        <v>38599.902829999999</v>
      </c>
      <c r="AE7577">
        <v>32828.19515</v>
      </c>
      <c r="AF7577">
        <v>62359.795819999999</v>
      </c>
      <c r="AG7577">
        <v>25545.247630000002</v>
      </c>
      <c r="AH7577">
        <v>355396.73310000001</v>
      </c>
      <c r="AI7577">
        <v>82315.929090000005</v>
      </c>
      <c r="AJ7577">
        <v>24126.34158</v>
      </c>
      <c r="AK7577">
        <v>26624.852080000001</v>
      </c>
      <c r="AL7577">
        <v>94920.329190000004</v>
      </c>
      <c r="AM7577">
        <v>24118.766299999999</v>
      </c>
      <c r="AN7577">
        <v>110105.7503</v>
      </c>
      <c r="AO7577">
        <v>33855.252549999997</v>
      </c>
      <c r="AP7577">
        <v>22125.859380000002</v>
      </c>
    </row>
    <row r="7578" spans="2:42" x14ac:dyDescent="0.3">
      <c r="B7578">
        <v>68.305927575550328</v>
      </c>
      <c r="C7578" s="83">
        <v>43416.666666666664</v>
      </c>
      <c r="D7578">
        <v>274305.74650000001</v>
      </c>
      <c r="E7578">
        <v>33881.651400000002</v>
      </c>
      <c r="F7578">
        <v>97926.767439999996</v>
      </c>
      <c r="G7578">
        <v>74081.686950000003</v>
      </c>
      <c r="H7578">
        <v>49259.49957</v>
      </c>
      <c r="I7578">
        <v>40143.008650000003</v>
      </c>
      <c r="J7578">
        <v>32443.81365</v>
      </c>
      <c r="K7578">
        <v>59328.372170000002</v>
      </c>
      <c r="L7578">
        <v>24469.552970000001</v>
      </c>
      <c r="M7578">
        <v>348255.47269999998</v>
      </c>
      <c r="N7578">
        <v>79030.836370000005</v>
      </c>
      <c r="O7578">
        <v>23756.38248</v>
      </c>
      <c r="P7578">
        <v>26839.626319999999</v>
      </c>
      <c r="Q7578">
        <v>94185.782860000007</v>
      </c>
      <c r="R7578">
        <v>24843.991190000001</v>
      </c>
      <c r="S7578">
        <v>107826.0609</v>
      </c>
      <c r="T7578">
        <v>33424.291380000002</v>
      </c>
      <c r="U7578">
        <v>20756.37428</v>
      </c>
      <c r="W7578" s="83">
        <f>Bühler!N7610</f>
        <v>45607.666666648292</v>
      </c>
      <c r="X7578" s="83">
        <v>43416.666666666664</v>
      </c>
      <c r="Y7578">
        <v>274305.74650000001</v>
      </c>
      <c r="Z7578">
        <v>33881.651400000002</v>
      </c>
      <c r="AA7578">
        <v>97926.767439999996</v>
      </c>
      <c r="AB7578">
        <v>74081.686950000003</v>
      </c>
      <c r="AC7578">
        <v>49259.49957</v>
      </c>
      <c r="AD7578">
        <v>40143.008650000003</v>
      </c>
      <c r="AE7578">
        <v>32443.81365</v>
      </c>
      <c r="AF7578">
        <v>59328.372170000002</v>
      </c>
      <c r="AG7578">
        <v>24469.552970000001</v>
      </c>
      <c r="AH7578">
        <v>348255.47269999998</v>
      </c>
      <c r="AI7578">
        <v>79030.836370000005</v>
      </c>
      <c r="AJ7578">
        <v>23756.38248</v>
      </c>
      <c r="AK7578">
        <v>26839.626319999999</v>
      </c>
      <c r="AL7578">
        <v>94185.782860000007</v>
      </c>
      <c r="AM7578">
        <v>24843.991190000001</v>
      </c>
      <c r="AN7578">
        <v>107826.0609</v>
      </c>
      <c r="AO7578">
        <v>33424.291380000002</v>
      </c>
      <c r="AP7578">
        <v>20756.37428</v>
      </c>
    </row>
    <row r="7579" spans="2:42" x14ac:dyDescent="0.3">
      <c r="B7579">
        <v>67.387232092272242</v>
      </c>
      <c r="C7579" s="83">
        <v>43416.708333333336</v>
      </c>
      <c r="D7579">
        <v>265655.62209999998</v>
      </c>
      <c r="E7579">
        <v>32933.77852</v>
      </c>
      <c r="F7579">
        <v>100106.2202</v>
      </c>
      <c r="G7579">
        <v>69959.943840000007</v>
      </c>
      <c r="H7579">
        <v>49671.82531</v>
      </c>
      <c r="I7579">
        <v>40711.798600000002</v>
      </c>
      <c r="J7579">
        <v>34498.036099999998</v>
      </c>
      <c r="K7579">
        <v>54730.752910000003</v>
      </c>
      <c r="L7579">
        <v>25596.666140000001</v>
      </c>
      <c r="M7579">
        <v>343571.53470000002</v>
      </c>
      <c r="N7579">
        <v>78624.50589</v>
      </c>
      <c r="O7579">
        <v>22687.439170000001</v>
      </c>
      <c r="P7579">
        <v>29234.714599999999</v>
      </c>
      <c r="Q7579">
        <v>93159.256880000001</v>
      </c>
      <c r="R7579">
        <v>25342.746630000001</v>
      </c>
      <c r="S7579">
        <v>108514.0634</v>
      </c>
      <c r="T7579">
        <v>35586.057679999998</v>
      </c>
      <c r="U7579">
        <v>19156.12918</v>
      </c>
      <c r="W7579" s="83">
        <f>Bühler!N7611</f>
        <v>45607.708333314957</v>
      </c>
      <c r="X7579" s="83">
        <v>43416.708333333336</v>
      </c>
      <c r="Y7579">
        <v>265655.62209999998</v>
      </c>
      <c r="Z7579">
        <v>32933.77852</v>
      </c>
      <c r="AA7579">
        <v>100106.2202</v>
      </c>
      <c r="AB7579">
        <v>69959.943840000007</v>
      </c>
      <c r="AC7579">
        <v>49671.82531</v>
      </c>
      <c r="AD7579">
        <v>40711.798600000002</v>
      </c>
      <c r="AE7579">
        <v>34498.036099999998</v>
      </c>
      <c r="AF7579">
        <v>54730.752910000003</v>
      </c>
      <c r="AG7579">
        <v>25596.666140000001</v>
      </c>
      <c r="AH7579">
        <v>343571.53470000002</v>
      </c>
      <c r="AI7579">
        <v>78624.50589</v>
      </c>
      <c r="AJ7579">
        <v>22687.439170000001</v>
      </c>
      <c r="AK7579">
        <v>29234.714599999999</v>
      </c>
      <c r="AL7579">
        <v>93159.256880000001</v>
      </c>
      <c r="AM7579">
        <v>25342.746630000001</v>
      </c>
      <c r="AN7579">
        <v>108514.0634</v>
      </c>
      <c r="AO7579">
        <v>35586.057679999998</v>
      </c>
      <c r="AP7579">
        <v>19156.12918</v>
      </c>
    </row>
    <row r="7580" spans="2:42" x14ac:dyDescent="0.3">
      <c r="B7580">
        <v>67.124992604880205</v>
      </c>
      <c r="C7580" s="83">
        <v>43416.75</v>
      </c>
      <c r="D7580">
        <v>259917.04130000001</v>
      </c>
      <c r="E7580">
        <v>30380.895250000001</v>
      </c>
      <c r="F7580">
        <v>97762.667790000007</v>
      </c>
      <c r="G7580">
        <v>61334.620600000002</v>
      </c>
      <c r="H7580">
        <v>48449.088629999998</v>
      </c>
      <c r="I7580">
        <v>39909.764239999997</v>
      </c>
      <c r="J7580">
        <v>35625.931620000003</v>
      </c>
      <c r="K7580">
        <v>53833.927860000003</v>
      </c>
      <c r="L7580">
        <v>26756.242699999999</v>
      </c>
      <c r="M7580">
        <v>342234.51549999998</v>
      </c>
      <c r="N7580">
        <v>75902.601460000005</v>
      </c>
      <c r="O7580">
        <v>21867.837599999999</v>
      </c>
      <c r="P7580">
        <v>32167.550719999999</v>
      </c>
      <c r="Q7580">
        <v>91083.667260000002</v>
      </c>
      <c r="R7580">
        <v>24344.64025</v>
      </c>
      <c r="S7580">
        <v>103953.0261</v>
      </c>
      <c r="T7580">
        <v>35648.723639999997</v>
      </c>
      <c r="U7580">
        <v>17785.400109999999</v>
      </c>
      <c r="W7580" s="83">
        <f>Bühler!N7612</f>
        <v>45607.749999981621</v>
      </c>
      <c r="X7580" s="83">
        <v>43416.75</v>
      </c>
      <c r="Y7580">
        <v>259917.04130000001</v>
      </c>
      <c r="Z7580">
        <v>30380.895250000001</v>
      </c>
      <c r="AA7580">
        <v>97762.667790000007</v>
      </c>
      <c r="AB7580">
        <v>61334.620600000002</v>
      </c>
      <c r="AC7580">
        <v>48449.088629999998</v>
      </c>
      <c r="AD7580">
        <v>39909.764239999997</v>
      </c>
      <c r="AE7580">
        <v>35625.931620000003</v>
      </c>
      <c r="AF7580">
        <v>53833.927860000003</v>
      </c>
      <c r="AG7580">
        <v>26756.242699999999</v>
      </c>
      <c r="AH7580">
        <v>342234.51549999998</v>
      </c>
      <c r="AI7580">
        <v>75902.601460000005</v>
      </c>
      <c r="AJ7580">
        <v>21867.837599999999</v>
      </c>
      <c r="AK7580">
        <v>32167.550719999999</v>
      </c>
      <c r="AL7580">
        <v>91083.667260000002</v>
      </c>
      <c r="AM7580">
        <v>24344.64025</v>
      </c>
      <c r="AN7580">
        <v>103953.0261</v>
      </c>
      <c r="AO7580">
        <v>35648.723639999997</v>
      </c>
      <c r="AP7580">
        <v>17785.400109999999</v>
      </c>
    </row>
    <row r="7581" spans="2:42" x14ac:dyDescent="0.3">
      <c r="B7581">
        <v>65.771999422747299</v>
      </c>
      <c r="C7581" s="83">
        <v>43416.791666666664</v>
      </c>
      <c r="D7581">
        <v>255471.74359999999</v>
      </c>
      <c r="E7581">
        <v>24989.510890000001</v>
      </c>
      <c r="F7581">
        <v>83311.609320000003</v>
      </c>
      <c r="G7581">
        <v>54055.558770000003</v>
      </c>
      <c r="H7581">
        <v>45613.210950000001</v>
      </c>
      <c r="I7581">
        <v>36945.310810000003</v>
      </c>
      <c r="J7581">
        <v>34632.83642</v>
      </c>
      <c r="K7581">
        <v>53426.856789999998</v>
      </c>
      <c r="L7581">
        <v>27569.40683</v>
      </c>
      <c r="M7581">
        <v>335336.32530000003</v>
      </c>
      <c r="N7581">
        <v>72988.122600000002</v>
      </c>
      <c r="O7581">
        <v>20817.859489999999</v>
      </c>
      <c r="P7581">
        <v>33878.938280000002</v>
      </c>
      <c r="Q7581">
        <v>89248.500469999999</v>
      </c>
      <c r="R7581">
        <v>23415.44111</v>
      </c>
      <c r="S7581">
        <v>98814.906709999996</v>
      </c>
      <c r="T7581">
        <v>35005.223839999999</v>
      </c>
      <c r="U7581">
        <v>17034.007160000001</v>
      </c>
      <c r="W7581" s="83">
        <f>Bühler!N7613</f>
        <v>45607.791666648285</v>
      </c>
      <c r="X7581" s="83">
        <v>43416.791666666664</v>
      </c>
      <c r="Y7581">
        <v>255471.74359999999</v>
      </c>
      <c r="Z7581">
        <v>24989.510890000001</v>
      </c>
      <c r="AA7581">
        <v>83311.609320000003</v>
      </c>
      <c r="AB7581">
        <v>54055.558770000003</v>
      </c>
      <c r="AC7581">
        <v>45613.210950000001</v>
      </c>
      <c r="AD7581">
        <v>36945.310810000003</v>
      </c>
      <c r="AE7581">
        <v>34632.83642</v>
      </c>
      <c r="AF7581">
        <v>53426.856789999998</v>
      </c>
      <c r="AG7581">
        <v>27569.40683</v>
      </c>
      <c r="AH7581">
        <v>335336.32530000003</v>
      </c>
      <c r="AI7581">
        <v>72988.122600000002</v>
      </c>
      <c r="AJ7581">
        <v>20817.859489999999</v>
      </c>
      <c r="AK7581">
        <v>33878.938280000002</v>
      </c>
      <c r="AL7581">
        <v>89248.500469999999</v>
      </c>
      <c r="AM7581">
        <v>23415.44111</v>
      </c>
      <c r="AN7581">
        <v>98814.906709999996</v>
      </c>
      <c r="AO7581">
        <v>35005.223839999999</v>
      </c>
      <c r="AP7581">
        <v>17034.007160000001</v>
      </c>
    </row>
    <row r="7582" spans="2:42" x14ac:dyDescent="0.3">
      <c r="B7582">
        <v>63.976914570526908</v>
      </c>
      <c r="C7582" s="83">
        <v>43416.833333333336</v>
      </c>
      <c r="D7582">
        <v>245365.08350000001</v>
      </c>
      <c r="E7582">
        <v>18853.257529999999</v>
      </c>
      <c r="F7582">
        <v>65173.731050000002</v>
      </c>
      <c r="G7582">
        <v>46516.443270000003</v>
      </c>
      <c r="H7582">
        <v>42734.153810000003</v>
      </c>
      <c r="I7582">
        <v>32526.93766</v>
      </c>
      <c r="J7582">
        <v>33255.682099999998</v>
      </c>
      <c r="K7582">
        <v>52495.332589999998</v>
      </c>
      <c r="L7582">
        <v>26635.937330000001</v>
      </c>
      <c r="M7582">
        <v>326184.14559999999</v>
      </c>
      <c r="N7582">
        <v>70445.57501</v>
      </c>
      <c r="O7582">
        <v>20221.23475</v>
      </c>
      <c r="P7582">
        <v>33323.211990000003</v>
      </c>
      <c r="Q7582">
        <v>87226.367929999993</v>
      </c>
      <c r="R7582">
        <v>20058.437089999999</v>
      </c>
      <c r="S7582">
        <v>89182.000150000007</v>
      </c>
      <c r="T7582">
        <v>32844.143109999997</v>
      </c>
      <c r="U7582">
        <v>16086.2799</v>
      </c>
      <c r="W7582" s="83">
        <f>Bühler!N7614</f>
        <v>45607.833333314949</v>
      </c>
      <c r="X7582" s="83">
        <v>43416.833333333336</v>
      </c>
      <c r="Y7582">
        <v>245365.08350000001</v>
      </c>
      <c r="Z7582">
        <v>18853.257529999999</v>
      </c>
      <c r="AA7582">
        <v>65173.731050000002</v>
      </c>
      <c r="AB7582">
        <v>46516.443270000003</v>
      </c>
      <c r="AC7582">
        <v>42734.153810000003</v>
      </c>
      <c r="AD7582">
        <v>32526.93766</v>
      </c>
      <c r="AE7582">
        <v>33255.682099999998</v>
      </c>
      <c r="AF7582">
        <v>52495.332589999998</v>
      </c>
      <c r="AG7582">
        <v>26635.937330000001</v>
      </c>
      <c r="AH7582">
        <v>326184.14559999999</v>
      </c>
      <c r="AI7582">
        <v>70445.57501</v>
      </c>
      <c r="AJ7582">
        <v>20221.23475</v>
      </c>
      <c r="AK7582">
        <v>33323.211990000003</v>
      </c>
      <c r="AL7582">
        <v>87226.367929999993</v>
      </c>
      <c r="AM7582">
        <v>20058.437089999999</v>
      </c>
      <c r="AN7582">
        <v>89182.000150000007</v>
      </c>
      <c r="AO7582">
        <v>32844.143109999997</v>
      </c>
      <c r="AP7582">
        <v>16086.2799</v>
      </c>
    </row>
    <row r="7583" spans="2:42" x14ac:dyDescent="0.3">
      <c r="B7583">
        <v>61.719982224948971</v>
      </c>
      <c r="C7583" s="83">
        <v>43416.875</v>
      </c>
      <c r="D7583">
        <v>235392.39499999999</v>
      </c>
      <c r="E7583">
        <v>15873.35382</v>
      </c>
      <c r="F7583">
        <v>57256.92424</v>
      </c>
      <c r="G7583">
        <v>43698.554429999997</v>
      </c>
      <c r="H7583">
        <v>40453.316870000002</v>
      </c>
      <c r="I7583">
        <v>27394.12095</v>
      </c>
      <c r="J7583">
        <v>31673.370070000001</v>
      </c>
      <c r="K7583">
        <v>49897.388570000003</v>
      </c>
      <c r="L7583">
        <v>25004.913059999999</v>
      </c>
      <c r="M7583">
        <v>314677.25199999998</v>
      </c>
      <c r="N7583">
        <v>67849.345360000007</v>
      </c>
      <c r="O7583">
        <v>19407.454809999999</v>
      </c>
      <c r="P7583">
        <v>32041.047409999999</v>
      </c>
      <c r="Q7583">
        <v>85031.946039999995</v>
      </c>
      <c r="R7583">
        <v>19446.587589999999</v>
      </c>
      <c r="S7583">
        <v>83891.899879999997</v>
      </c>
      <c r="T7583">
        <v>29948.356520000001</v>
      </c>
      <c r="U7583">
        <v>14567.725769999999</v>
      </c>
      <c r="W7583" s="83">
        <f>Bühler!N7615</f>
        <v>45607.874999981614</v>
      </c>
      <c r="X7583" s="83">
        <v>43416.875</v>
      </c>
      <c r="Y7583">
        <v>235392.39499999999</v>
      </c>
      <c r="Z7583">
        <v>15873.35382</v>
      </c>
      <c r="AA7583">
        <v>57256.92424</v>
      </c>
      <c r="AB7583">
        <v>43698.554429999997</v>
      </c>
      <c r="AC7583">
        <v>40453.316870000002</v>
      </c>
      <c r="AD7583">
        <v>27394.12095</v>
      </c>
      <c r="AE7583">
        <v>31673.370070000001</v>
      </c>
      <c r="AF7583">
        <v>49897.388570000003</v>
      </c>
      <c r="AG7583">
        <v>25004.913059999999</v>
      </c>
      <c r="AH7583">
        <v>314677.25199999998</v>
      </c>
      <c r="AI7583">
        <v>67849.345360000007</v>
      </c>
      <c r="AJ7583">
        <v>19407.454809999999</v>
      </c>
      <c r="AK7583">
        <v>32041.047409999999</v>
      </c>
      <c r="AL7583">
        <v>85031.946039999995</v>
      </c>
      <c r="AM7583">
        <v>19446.587589999999</v>
      </c>
      <c r="AN7583">
        <v>83891.899879999997</v>
      </c>
      <c r="AO7583">
        <v>29948.356520000001</v>
      </c>
      <c r="AP7583">
        <v>14567.725769999999</v>
      </c>
    </row>
    <row r="7584" spans="2:42" x14ac:dyDescent="0.3">
      <c r="B7584">
        <v>61.219139338336802</v>
      </c>
      <c r="C7584" s="83">
        <v>43416.916666666664</v>
      </c>
      <c r="D7584">
        <v>233947.50940000001</v>
      </c>
      <c r="E7584">
        <v>15057.097889999999</v>
      </c>
      <c r="F7584">
        <v>54740.430849999997</v>
      </c>
      <c r="G7584">
        <v>41517.77493</v>
      </c>
      <c r="H7584">
        <v>38846.897389999998</v>
      </c>
      <c r="I7584">
        <v>24984.810460000001</v>
      </c>
      <c r="J7584">
        <v>30201.971600000001</v>
      </c>
      <c r="K7584">
        <v>53278.320480000002</v>
      </c>
      <c r="L7584">
        <v>22740.166069999999</v>
      </c>
      <c r="M7584">
        <v>312123.72139999998</v>
      </c>
      <c r="N7584">
        <v>66351.053050000002</v>
      </c>
      <c r="O7584">
        <v>19136.720120000002</v>
      </c>
      <c r="P7584">
        <v>32494.0124</v>
      </c>
      <c r="Q7584">
        <v>83898.467430000004</v>
      </c>
      <c r="R7584">
        <v>21492.600419999999</v>
      </c>
      <c r="S7584">
        <v>81562.039520000006</v>
      </c>
      <c r="T7584">
        <v>25962.37257</v>
      </c>
      <c r="U7584">
        <v>14825.970499999999</v>
      </c>
      <c r="W7584" s="83">
        <f>Bühler!N7616</f>
        <v>45607.916666648278</v>
      </c>
      <c r="X7584" s="83">
        <v>43416.916666666664</v>
      </c>
      <c r="Y7584">
        <v>233947.50940000001</v>
      </c>
      <c r="Z7584">
        <v>15057.097889999999</v>
      </c>
      <c r="AA7584">
        <v>54740.430849999997</v>
      </c>
      <c r="AB7584">
        <v>41517.77493</v>
      </c>
      <c r="AC7584">
        <v>38846.897389999998</v>
      </c>
      <c r="AD7584">
        <v>24984.810460000001</v>
      </c>
      <c r="AE7584">
        <v>30201.971600000001</v>
      </c>
      <c r="AF7584">
        <v>53278.320480000002</v>
      </c>
      <c r="AG7584">
        <v>22740.166069999999</v>
      </c>
      <c r="AH7584">
        <v>312123.72139999998</v>
      </c>
      <c r="AI7584">
        <v>66351.053050000002</v>
      </c>
      <c r="AJ7584">
        <v>19136.720120000002</v>
      </c>
      <c r="AK7584">
        <v>32494.0124</v>
      </c>
      <c r="AL7584">
        <v>83898.467430000004</v>
      </c>
      <c r="AM7584">
        <v>21492.600419999999</v>
      </c>
      <c r="AN7584">
        <v>81562.039520000006</v>
      </c>
      <c r="AO7584">
        <v>25962.37257</v>
      </c>
      <c r="AP7584">
        <v>14825.970499999999</v>
      </c>
    </row>
    <row r="7585" spans="2:42" x14ac:dyDescent="0.3">
      <c r="B7585">
        <v>60.445159157762276</v>
      </c>
      <c r="C7585" s="83">
        <v>43416.958333333336</v>
      </c>
      <c r="D7585">
        <v>233120.98939999999</v>
      </c>
      <c r="E7585">
        <v>14434.825699999999</v>
      </c>
      <c r="F7585">
        <v>53504.011429999999</v>
      </c>
      <c r="G7585">
        <v>40264.56452</v>
      </c>
      <c r="H7585">
        <v>37637.24826</v>
      </c>
      <c r="I7585">
        <v>23513.43346</v>
      </c>
      <c r="J7585">
        <v>28387.513439999999</v>
      </c>
      <c r="K7585">
        <v>52049.115539999999</v>
      </c>
      <c r="L7585">
        <v>19871.163339999999</v>
      </c>
      <c r="M7585">
        <v>308177.60950000002</v>
      </c>
      <c r="N7585">
        <v>66307.309380000006</v>
      </c>
      <c r="O7585">
        <v>19177.91937</v>
      </c>
      <c r="P7585">
        <v>29095.210620000002</v>
      </c>
      <c r="Q7585">
        <v>83903.091589999996</v>
      </c>
      <c r="R7585">
        <v>20337.539260000001</v>
      </c>
      <c r="S7585">
        <v>80203.163419999997</v>
      </c>
      <c r="T7585">
        <v>27534.249779999998</v>
      </c>
      <c r="U7585">
        <v>14298.98767</v>
      </c>
      <c r="W7585" s="83">
        <f>Bühler!N7617</f>
        <v>45607.958333314942</v>
      </c>
      <c r="X7585" s="83">
        <v>43416.958333333336</v>
      </c>
      <c r="Y7585">
        <v>233120.98939999999</v>
      </c>
      <c r="Z7585">
        <v>14434.825699999999</v>
      </c>
      <c r="AA7585">
        <v>53504.011429999999</v>
      </c>
      <c r="AB7585">
        <v>40264.56452</v>
      </c>
      <c r="AC7585">
        <v>37637.24826</v>
      </c>
      <c r="AD7585">
        <v>23513.43346</v>
      </c>
      <c r="AE7585">
        <v>28387.513439999999</v>
      </c>
      <c r="AF7585">
        <v>52049.115539999999</v>
      </c>
      <c r="AG7585">
        <v>19871.163339999999</v>
      </c>
      <c r="AH7585">
        <v>308177.60950000002</v>
      </c>
      <c r="AI7585">
        <v>66307.309380000006</v>
      </c>
      <c r="AJ7585">
        <v>19177.91937</v>
      </c>
      <c r="AK7585">
        <v>29095.210620000002</v>
      </c>
      <c r="AL7585">
        <v>83903.091589999996</v>
      </c>
      <c r="AM7585">
        <v>20337.539260000001</v>
      </c>
      <c r="AN7585">
        <v>80203.163419999997</v>
      </c>
      <c r="AO7585">
        <v>27534.249779999998</v>
      </c>
      <c r="AP7585">
        <v>14298.98767</v>
      </c>
    </row>
    <row r="7586" spans="2:42" x14ac:dyDescent="0.3">
      <c r="B7586">
        <v>59.759299300019499</v>
      </c>
      <c r="C7586" s="83">
        <v>43417</v>
      </c>
      <c r="D7586">
        <v>232262.2132</v>
      </c>
      <c r="E7586">
        <v>14123.38622</v>
      </c>
      <c r="F7586">
        <v>52675.744650000001</v>
      </c>
      <c r="G7586">
        <v>39516.032469999998</v>
      </c>
      <c r="H7586">
        <v>37498.556940000002</v>
      </c>
      <c r="I7586">
        <v>21447.925139999999</v>
      </c>
      <c r="J7586">
        <v>27011.525710000002</v>
      </c>
      <c r="K7586">
        <v>49729.250959999998</v>
      </c>
      <c r="L7586">
        <v>17237.039850000001</v>
      </c>
      <c r="M7586">
        <v>304680.77610000002</v>
      </c>
      <c r="N7586">
        <v>65772.414040000003</v>
      </c>
      <c r="O7586">
        <v>19088.488369999999</v>
      </c>
      <c r="P7586">
        <v>27324.412680000001</v>
      </c>
      <c r="Q7586">
        <v>84619.480450000003</v>
      </c>
      <c r="R7586">
        <v>19688.137930000001</v>
      </c>
      <c r="S7586">
        <v>78546.517330000002</v>
      </c>
      <c r="T7586">
        <v>25627.553039999999</v>
      </c>
      <c r="U7586">
        <v>14146.5944</v>
      </c>
      <c r="W7586" s="83">
        <f>Bühler!N7618</f>
        <v>45607.999999981606</v>
      </c>
      <c r="X7586" s="83">
        <v>43417</v>
      </c>
      <c r="Y7586">
        <v>232262.2132</v>
      </c>
      <c r="Z7586">
        <v>14123.38622</v>
      </c>
      <c r="AA7586">
        <v>52675.744650000001</v>
      </c>
      <c r="AB7586">
        <v>39516.032469999998</v>
      </c>
      <c r="AC7586">
        <v>37498.556940000002</v>
      </c>
      <c r="AD7586">
        <v>21447.925139999999</v>
      </c>
      <c r="AE7586">
        <v>27011.525710000002</v>
      </c>
      <c r="AF7586">
        <v>49729.250959999998</v>
      </c>
      <c r="AG7586">
        <v>17237.039850000001</v>
      </c>
      <c r="AH7586">
        <v>304680.77610000002</v>
      </c>
      <c r="AI7586">
        <v>65772.414040000003</v>
      </c>
      <c r="AJ7586">
        <v>19088.488369999999</v>
      </c>
      <c r="AK7586">
        <v>27324.412680000001</v>
      </c>
      <c r="AL7586">
        <v>84619.480450000003</v>
      </c>
      <c r="AM7586">
        <v>19688.137930000001</v>
      </c>
      <c r="AN7586">
        <v>78546.517330000002</v>
      </c>
      <c r="AO7586">
        <v>25627.553039999999</v>
      </c>
      <c r="AP7586">
        <v>14146.5944</v>
      </c>
    </row>
    <row r="7587" spans="2:42" x14ac:dyDescent="0.3">
      <c r="B7587">
        <v>59.679872944554987</v>
      </c>
      <c r="C7587" s="83">
        <v>43417.041666666664</v>
      </c>
      <c r="D7587">
        <v>231498.58600000001</v>
      </c>
      <c r="E7587">
        <v>14025.52664</v>
      </c>
      <c r="F7587">
        <v>53479.923739999998</v>
      </c>
      <c r="G7587">
        <v>38940.813869999998</v>
      </c>
      <c r="H7587">
        <v>36940.307950000002</v>
      </c>
      <c r="I7587">
        <v>18446.166560000001</v>
      </c>
      <c r="J7587">
        <v>26192.966619999999</v>
      </c>
      <c r="K7587">
        <v>49377.332459999998</v>
      </c>
      <c r="L7587">
        <v>16424.86549</v>
      </c>
      <c r="M7587">
        <v>304275.8235</v>
      </c>
      <c r="N7587">
        <v>65579.420540000006</v>
      </c>
      <c r="O7587">
        <v>19471.08971</v>
      </c>
      <c r="P7587">
        <v>25690.522580000001</v>
      </c>
      <c r="Q7587">
        <v>85043.750759999995</v>
      </c>
      <c r="R7587">
        <v>19024.690159999998</v>
      </c>
      <c r="S7587">
        <v>77938.129140000005</v>
      </c>
      <c r="T7587">
        <v>24901.340560000001</v>
      </c>
      <c r="U7587">
        <v>14177.50085</v>
      </c>
      <c r="W7587" s="83">
        <f>Bühler!N7619</f>
        <v>45608.041666648271</v>
      </c>
      <c r="X7587" s="83">
        <v>43417.041666666664</v>
      </c>
      <c r="Y7587">
        <v>231498.58600000001</v>
      </c>
      <c r="Z7587">
        <v>14025.52664</v>
      </c>
      <c r="AA7587">
        <v>53479.923739999998</v>
      </c>
      <c r="AB7587">
        <v>38940.813869999998</v>
      </c>
      <c r="AC7587">
        <v>36940.307950000002</v>
      </c>
      <c r="AD7587">
        <v>18446.166560000001</v>
      </c>
      <c r="AE7587">
        <v>26192.966619999999</v>
      </c>
      <c r="AF7587">
        <v>49377.332459999998</v>
      </c>
      <c r="AG7587">
        <v>16424.86549</v>
      </c>
      <c r="AH7587">
        <v>304275.8235</v>
      </c>
      <c r="AI7587">
        <v>65579.420540000006</v>
      </c>
      <c r="AJ7587">
        <v>19471.08971</v>
      </c>
      <c r="AK7587">
        <v>25690.522580000001</v>
      </c>
      <c r="AL7587">
        <v>85043.750759999995</v>
      </c>
      <c r="AM7587">
        <v>19024.690159999998</v>
      </c>
      <c r="AN7587">
        <v>77938.129140000005</v>
      </c>
      <c r="AO7587">
        <v>24901.340560000001</v>
      </c>
      <c r="AP7587">
        <v>14177.50085</v>
      </c>
    </row>
    <row r="7588" spans="2:42" x14ac:dyDescent="0.3">
      <c r="B7588">
        <v>59.924041880173085</v>
      </c>
      <c r="C7588" s="83">
        <v>43417.083333333336</v>
      </c>
      <c r="D7588">
        <v>230681.52600000001</v>
      </c>
      <c r="E7588">
        <v>13898.403990000001</v>
      </c>
      <c r="F7588">
        <v>53557.726329999998</v>
      </c>
      <c r="G7588">
        <v>38380.832670000003</v>
      </c>
      <c r="H7588">
        <v>36926.800000000003</v>
      </c>
      <c r="I7588">
        <v>17333.542730000001</v>
      </c>
      <c r="J7588">
        <v>25921.45062</v>
      </c>
      <c r="K7588">
        <v>47811.865180000001</v>
      </c>
      <c r="L7588">
        <v>16350.815720000001</v>
      </c>
      <c r="M7588">
        <v>305520.71059999999</v>
      </c>
      <c r="N7588">
        <v>64316.99278</v>
      </c>
      <c r="O7588">
        <v>18958.743719999999</v>
      </c>
      <c r="P7588">
        <v>24858.673930000001</v>
      </c>
      <c r="Q7588">
        <v>86830.146789999999</v>
      </c>
      <c r="R7588">
        <v>18062.040089999999</v>
      </c>
      <c r="S7588">
        <v>76477.154580000002</v>
      </c>
      <c r="T7588">
        <v>24537.21761</v>
      </c>
      <c r="U7588">
        <v>14249.82401</v>
      </c>
      <c r="W7588" s="83">
        <f>Bühler!N7620</f>
        <v>45608.083333314935</v>
      </c>
      <c r="X7588" s="83">
        <v>43417.083333333336</v>
      </c>
      <c r="Y7588">
        <v>230681.52600000001</v>
      </c>
      <c r="Z7588">
        <v>13898.403990000001</v>
      </c>
      <c r="AA7588">
        <v>53557.726329999998</v>
      </c>
      <c r="AB7588">
        <v>38380.832670000003</v>
      </c>
      <c r="AC7588">
        <v>36926.800000000003</v>
      </c>
      <c r="AD7588">
        <v>17333.542730000001</v>
      </c>
      <c r="AE7588">
        <v>25921.45062</v>
      </c>
      <c r="AF7588">
        <v>47811.865180000001</v>
      </c>
      <c r="AG7588">
        <v>16350.815720000001</v>
      </c>
      <c r="AH7588">
        <v>305520.71059999999</v>
      </c>
      <c r="AI7588">
        <v>64316.99278</v>
      </c>
      <c r="AJ7588">
        <v>18958.743719999999</v>
      </c>
      <c r="AK7588">
        <v>24858.673930000001</v>
      </c>
      <c r="AL7588">
        <v>86830.146789999999</v>
      </c>
      <c r="AM7588">
        <v>18062.040089999999</v>
      </c>
      <c r="AN7588">
        <v>76477.154580000002</v>
      </c>
      <c r="AO7588">
        <v>24537.21761</v>
      </c>
      <c r="AP7588">
        <v>14249.82401</v>
      </c>
    </row>
    <row r="7589" spans="2:42" x14ac:dyDescent="0.3">
      <c r="B7589">
        <v>60.176142612784176</v>
      </c>
      <c r="C7589" s="83">
        <v>43417.125</v>
      </c>
      <c r="D7589">
        <v>233485.8278</v>
      </c>
      <c r="E7589">
        <v>13993.82163</v>
      </c>
      <c r="F7589">
        <v>54609.231509999998</v>
      </c>
      <c r="G7589">
        <v>37862.38306</v>
      </c>
      <c r="H7589">
        <v>36941.700210000003</v>
      </c>
      <c r="I7589">
        <v>17104.070080000001</v>
      </c>
      <c r="J7589">
        <v>26054.418750000001</v>
      </c>
      <c r="K7589">
        <v>45112.455320000001</v>
      </c>
      <c r="L7589">
        <v>15958.66547</v>
      </c>
      <c r="M7589">
        <v>306806.03769999999</v>
      </c>
      <c r="N7589">
        <v>63761.686589999998</v>
      </c>
      <c r="O7589">
        <v>19114.820159999999</v>
      </c>
      <c r="P7589">
        <v>23421.412</v>
      </c>
      <c r="Q7589">
        <v>88778.076300000001</v>
      </c>
      <c r="R7589">
        <v>18278.250609999999</v>
      </c>
      <c r="S7589">
        <v>76424.191200000001</v>
      </c>
      <c r="T7589">
        <v>24502.92971</v>
      </c>
      <c r="U7589">
        <v>14111.372160000001</v>
      </c>
      <c r="W7589" s="83">
        <f>Bühler!N7621</f>
        <v>45608.124999981599</v>
      </c>
      <c r="X7589" s="83">
        <v>43417.125</v>
      </c>
      <c r="Y7589">
        <v>233485.8278</v>
      </c>
      <c r="Z7589">
        <v>13993.82163</v>
      </c>
      <c r="AA7589">
        <v>54609.231509999998</v>
      </c>
      <c r="AB7589">
        <v>37862.38306</v>
      </c>
      <c r="AC7589">
        <v>36941.700210000003</v>
      </c>
      <c r="AD7589">
        <v>17104.070080000001</v>
      </c>
      <c r="AE7589">
        <v>26054.418750000001</v>
      </c>
      <c r="AF7589">
        <v>45112.455320000001</v>
      </c>
      <c r="AG7589">
        <v>15958.66547</v>
      </c>
      <c r="AH7589">
        <v>306806.03769999999</v>
      </c>
      <c r="AI7589">
        <v>63761.686589999998</v>
      </c>
      <c r="AJ7589">
        <v>19114.820159999999</v>
      </c>
      <c r="AK7589">
        <v>23421.412</v>
      </c>
      <c r="AL7589">
        <v>88778.076300000001</v>
      </c>
      <c r="AM7589">
        <v>18278.250609999999</v>
      </c>
      <c r="AN7589">
        <v>76424.191200000001</v>
      </c>
      <c r="AO7589">
        <v>24502.92971</v>
      </c>
      <c r="AP7589">
        <v>14111.372160000001</v>
      </c>
    </row>
    <row r="7590" spans="2:42" x14ac:dyDescent="0.3">
      <c r="B7590">
        <v>61.898397779547118</v>
      </c>
      <c r="C7590" s="83">
        <v>43417.166666666664</v>
      </c>
      <c r="D7590">
        <v>233735.6287</v>
      </c>
      <c r="E7590">
        <v>14520.193509999999</v>
      </c>
      <c r="F7590">
        <v>58332.873379999997</v>
      </c>
      <c r="G7590">
        <v>38207.57387</v>
      </c>
      <c r="H7590">
        <v>37750.243750000001</v>
      </c>
      <c r="I7590">
        <v>19015.100910000001</v>
      </c>
      <c r="J7590">
        <v>27451.045239999999</v>
      </c>
      <c r="K7590">
        <v>44139.911719999996</v>
      </c>
      <c r="L7590">
        <v>16088.775250000001</v>
      </c>
      <c r="M7590">
        <v>315586.89769999997</v>
      </c>
      <c r="N7590">
        <v>63329.709239999996</v>
      </c>
      <c r="O7590">
        <v>19342.855029999999</v>
      </c>
      <c r="P7590">
        <v>23798.132290000001</v>
      </c>
      <c r="Q7590">
        <v>92789.089080000005</v>
      </c>
      <c r="R7590">
        <v>17205.19371</v>
      </c>
      <c r="S7590">
        <v>76918.467390000005</v>
      </c>
      <c r="T7590">
        <v>24630.896339999999</v>
      </c>
      <c r="U7590">
        <v>14532.7186</v>
      </c>
      <c r="W7590" s="83">
        <f>Bühler!N7622</f>
        <v>45608.166666648263</v>
      </c>
      <c r="X7590" s="83">
        <v>43417.166666666664</v>
      </c>
      <c r="Y7590">
        <v>233735.6287</v>
      </c>
      <c r="Z7590">
        <v>14520.193509999999</v>
      </c>
      <c r="AA7590">
        <v>58332.873379999997</v>
      </c>
      <c r="AB7590">
        <v>38207.57387</v>
      </c>
      <c r="AC7590">
        <v>37750.243750000001</v>
      </c>
      <c r="AD7590">
        <v>19015.100910000001</v>
      </c>
      <c r="AE7590">
        <v>27451.045239999999</v>
      </c>
      <c r="AF7590">
        <v>44139.911719999996</v>
      </c>
      <c r="AG7590">
        <v>16088.775250000001</v>
      </c>
      <c r="AH7590">
        <v>315586.89769999997</v>
      </c>
      <c r="AI7590">
        <v>63329.709239999996</v>
      </c>
      <c r="AJ7590">
        <v>19342.855029999999</v>
      </c>
      <c r="AK7590">
        <v>23798.132290000001</v>
      </c>
      <c r="AL7590">
        <v>92789.089080000005</v>
      </c>
      <c r="AM7590">
        <v>17205.19371</v>
      </c>
      <c r="AN7590">
        <v>76918.467390000005</v>
      </c>
      <c r="AO7590">
        <v>24630.896339999999</v>
      </c>
      <c r="AP7590">
        <v>14532.7186</v>
      </c>
    </row>
    <row r="7591" spans="2:42" x14ac:dyDescent="0.3">
      <c r="B7591">
        <v>65.870434200254834</v>
      </c>
      <c r="C7591" s="83">
        <v>43417.208333333336</v>
      </c>
      <c r="D7591">
        <v>250985.5833</v>
      </c>
      <c r="E7591">
        <v>17043.09</v>
      </c>
      <c r="F7591">
        <v>68604.436329999997</v>
      </c>
      <c r="G7591">
        <v>40957.268089999998</v>
      </c>
      <c r="H7591">
        <v>39690.13147</v>
      </c>
      <c r="I7591">
        <v>26514.366610000001</v>
      </c>
      <c r="J7591">
        <v>30249.505140000001</v>
      </c>
      <c r="K7591">
        <v>45441.600630000001</v>
      </c>
      <c r="L7591">
        <v>16776.533210000001</v>
      </c>
      <c r="M7591">
        <v>335838.19170000002</v>
      </c>
      <c r="N7591">
        <v>66678.812319999997</v>
      </c>
      <c r="O7591">
        <v>19835.974679999999</v>
      </c>
      <c r="P7591">
        <v>25510.43144</v>
      </c>
      <c r="Q7591">
        <v>95250.60686</v>
      </c>
      <c r="R7591">
        <v>19206.701809999999</v>
      </c>
      <c r="S7591">
        <v>80263.807759999996</v>
      </c>
      <c r="T7591">
        <v>26077.267960000001</v>
      </c>
      <c r="U7591">
        <v>15898.10015</v>
      </c>
      <c r="W7591" s="83">
        <f>Bühler!N7623</f>
        <v>45608.208333314928</v>
      </c>
      <c r="X7591" s="83">
        <v>43417.208333333336</v>
      </c>
      <c r="Y7591">
        <v>250985.5833</v>
      </c>
      <c r="Z7591">
        <v>17043.09</v>
      </c>
      <c r="AA7591">
        <v>68604.436329999997</v>
      </c>
      <c r="AB7591">
        <v>40957.268089999998</v>
      </c>
      <c r="AC7591">
        <v>39690.13147</v>
      </c>
      <c r="AD7591">
        <v>26514.366610000001</v>
      </c>
      <c r="AE7591">
        <v>30249.505140000001</v>
      </c>
      <c r="AF7591">
        <v>45441.600630000001</v>
      </c>
      <c r="AG7591">
        <v>16776.533210000001</v>
      </c>
      <c r="AH7591">
        <v>335838.19170000002</v>
      </c>
      <c r="AI7591">
        <v>66678.812319999997</v>
      </c>
      <c r="AJ7591">
        <v>19835.974679999999</v>
      </c>
      <c r="AK7591">
        <v>25510.43144</v>
      </c>
      <c r="AL7591">
        <v>95250.60686</v>
      </c>
      <c r="AM7591">
        <v>19206.701809999999</v>
      </c>
      <c r="AN7591">
        <v>80263.807759999996</v>
      </c>
      <c r="AO7591">
        <v>26077.267960000001</v>
      </c>
      <c r="AP7591">
        <v>15898.10015</v>
      </c>
    </row>
    <row r="7592" spans="2:42" x14ac:dyDescent="0.3">
      <c r="B7592">
        <v>69.788250708255603</v>
      </c>
      <c r="C7592" s="83">
        <v>43417.25</v>
      </c>
      <c r="D7592">
        <v>267454.1385</v>
      </c>
      <c r="E7592">
        <v>21523.624599999999</v>
      </c>
      <c r="F7592">
        <v>82346.308590000001</v>
      </c>
      <c r="G7592">
        <v>55035.534099999997</v>
      </c>
      <c r="H7592">
        <v>42994.280879999998</v>
      </c>
      <c r="I7592">
        <v>35186.992740000002</v>
      </c>
      <c r="J7592">
        <v>34155.970840000002</v>
      </c>
      <c r="K7592">
        <v>49137.808319999996</v>
      </c>
      <c r="L7592">
        <v>18273.38567</v>
      </c>
      <c r="M7592">
        <v>355813.04729999998</v>
      </c>
      <c r="N7592">
        <v>70846.002410000001</v>
      </c>
      <c r="O7592">
        <v>21487.835289999999</v>
      </c>
      <c r="P7592">
        <v>27162.567449999999</v>
      </c>
      <c r="Q7592">
        <v>97436.602410000007</v>
      </c>
      <c r="R7592">
        <v>18671.605589999999</v>
      </c>
      <c r="S7592">
        <v>89533.13682</v>
      </c>
      <c r="T7592">
        <v>29098.498530000001</v>
      </c>
      <c r="U7592">
        <v>19929.049559999999</v>
      </c>
      <c r="W7592" s="83">
        <f>Bühler!N7624</f>
        <v>45608.249999981592</v>
      </c>
      <c r="X7592" s="83">
        <v>43417.25</v>
      </c>
      <c r="Y7592">
        <v>267454.1385</v>
      </c>
      <c r="Z7592">
        <v>21523.624599999999</v>
      </c>
      <c r="AA7592">
        <v>82346.308590000001</v>
      </c>
      <c r="AB7592">
        <v>55035.534099999997</v>
      </c>
      <c r="AC7592">
        <v>42994.280879999998</v>
      </c>
      <c r="AD7592">
        <v>35186.992740000002</v>
      </c>
      <c r="AE7592">
        <v>34155.970840000002</v>
      </c>
      <c r="AF7592">
        <v>49137.808319999996</v>
      </c>
      <c r="AG7592">
        <v>18273.38567</v>
      </c>
      <c r="AH7592">
        <v>355813.04729999998</v>
      </c>
      <c r="AI7592">
        <v>70846.002410000001</v>
      </c>
      <c r="AJ7592">
        <v>21487.835289999999</v>
      </c>
      <c r="AK7592">
        <v>27162.567449999999</v>
      </c>
      <c r="AL7592">
        <v>97436.602410000007</v>
      </c>
      <c r="AM7592">
        <v>18671.605589999999</v>
      </c>
      <c r="AN7592">
        <v>89533.13682</v>
      </c>
      <c r="AO7592">
        <v>29098.498530000001</v>
      </c>
      <c r="AP7592">
        <v>19929.049559999999</v>
      </c>
    </row>
    <row r="7593" spans="2:42" x14ac:dyDescent="0.3">
      <c r="B7593">
        <v>71.694607041339083</v>
      </c>
      <c r="C7593" s="83">
        <v>43417.291666666664</v>
      </c>
      <c r="D7593">
        <v>282166.6986</v>
      </c>
      <c r="E7593">
        <v>26633.175879999999</v>
      </c>
      <c r="F7593">
        <v>85845.117320000005</v>
      </c>
      <c r="G7593">
        <v>69862.422229999996</v>
      </c>
      <c r="H7593">
        <v>49544.928509999998</v>
      </c>
      <c r="I7593">
        <v>43741.485090000002</v>
      </c>
      <c r="J7593">
        <v>35341.339189999999</v>
      </c>
      <c r="K7593">
        <v>54974.619180000002</v>
      </c>
      <c r="L7593">
        <v>21901.890770000002</v>
      </c>
      <c r="M7593">
        <v>365532.54090000002</v>
      </c>
      <c r="N7593">
        <v>78318.694640000002</v>
      </c>
      <c r="O7593">
        <v>24088.164100000002</v>
      </c>
      <c r="P7593">
        <v>29522.90451</v>
      </c>
      <c r="Q7593">
        <v>96928.800489999994</v>
      </c>
      <c r="R7593">
        <v>21074.115239999999</v>
      </c>
      <c r="S7593">
        <v>105079.8702</v>
      </c>
      <c r="T7593">
        <v>30966.724989999999</v>
      </c>
      <c r="U7593">
        <v>24893.375100000001</v>
      </c>
      <c r="W7593" s="83">
        <f>Bühler!N7625</f>
        <v>45608.291666648256</v>
      </c>
      <c r="X7593" s="83">
        <v>43417.291666666664</v>
      </c>
      <c r="Y7593">
        <v>282166.6986</v>
      </c>
      <c r="Z7593">
        <v>26633.175879999999</v>
      </c>
      <c r="AA7593">
        <v>85845.117320000005</v>
      </c>
      <c r="AB7593">
        <v>69862.422229999996</v>
      </c>
      <c r="AC7593">
        <v>49544.928509999998</v>
      </c>
      <c r="AD7593">
        <v>43741.485090000002</v>
      </c>
      <c r="AE7593">
        <v>35341.339189999999</v>
      </c>
      <c r="AF7593">
        <v>54974.619180000002</v>
      </c>
      <c r="AG7593">
        <v>21901.890770000002</v>
      </c>
      <c r="AH7593">
        <v>365532.54090000002</v>
      </c>
      <c r="AI7593">
        <v>78318.694640000002</v>
      </c>
      <c r="AJ7593">
        <v>24088.164100000002</v>
      </c>
      <c r="AK7593">
        <v>29522.90451</v>
      </c>
      <c r="AL7593">
        <v>96928.800489999994</v>
      </c>
      <c r="AM7593">
        <v>21074.115239999999</v>
      </c>
      <c r="AN7593">
        <v>105079.8702</v>
      </c>
      <c r="AO7593">
        <v>30966.724989999999</v>
      </c>
      <c r="AP7593">
        <v>24893.375100000001</v>
      </c>
    </row>
    <row r="7594" spans="2:42" x14ac:dyDescent="0.3">
      <c r="B7594">
        <v>72.238973153391413</v>
      </c>
      <c r="C7594" s="83">
        <v>43417.333333333336</v>
      </c>
      <c r="D7594">
        <v>292292.9975</v>
      </c>
      <c r="E7594">
        <v>32260.128570000001</v>
      </c>
      <c r="F7594">
        <v>94135.624200000006</v>
      </c>
      <c r="G7594">
        <v>85708.325509999995</v>
      </c>
      <c r="H7594">
        <v>53882.614110000002</v>
      </c>
      <c r="I7594">
        <v>47240.885150000002</v>
      </c>
      <c r="J7594">
        <v>35337.633800000003</v>
      </c>
      <c r="K7594">
        <v>60685.809659999999</v>
      </c>
      <c r="L7594">
        <v>25094.549050000001</v>
      </c>
      <c r="M7594">
        <v>368307.97320000001</v>
      </c>
      <c r="N7594">
        <v>87406.315180000005</v>
      </c>
      <c r="O7594">
        <v>25468.93492</v>
      </c>
      <c r="P7594">
        <v>30139.122899999998</v>
      </c>
      <c r="Q7594">
        <v>97117.018209999995</v>
      </c>
      <c r="R7594">
        <v>22600.45707</v>
      </c>
      <c r="S7594">
        <v>118689.897</v>
      </c>
      <c r="T7594">
        <v>34127.963940000001</v>
      </c>
      <c r="U7594">
        <v>27380.30097</v>
      </c>
      <c r="W7594" s="83">
        <f>Bühler!N7626</f>
        <v>45608.33333331492</v>
      </c>
      <c r="X7594" s="83">
        <v>43417.333333333336</v>
      </c>
      <c r="Y7594">
        <v>292292.9975</v>
      </c>
      <c r="Z7594">
        <v>32260.128570000001</v>
      </c>
      <c r="AA7594">
        <v>94135.624200000006</v>
      </c>
      <c r="AB7594">
        <v>85708.325509999995</v>
      </c>
      <c r="AC7594">
        <v>53882.614110000002</v>
      </c>
      <c r="AD7594">
        <v>47240.885150000002</v>
      </c>
      <c r="AE7594">
        <v>35337.633800000003</v>
      </c>
      <c r="AF7594">
        <v>60685.809659999999</v>
      </c>
      <c r="AG7594">
        <v>25094.549050000001</v>
      </c>
      <c r="AH7594">
        <v>368307.97320000001</v>
      </c>
      <c r="AI7594">
        <v>87406.315180000005</v>
      </c>
      <c r="AJ7594">
        <v>25468.93492</v>
      </c>
      <c r="AK7594">
        <v>30139.122899999998</v>
      </c>
      <c r="AL7594">
        <v>97117.018209999995</v>
      </c>
      <c r="AM7594">
        <v>22600.45707</v>
      </c>
      <c r="AN7594">
        <v>118689.897</v>
      </c>
      <c r="AO7594">
        <v>34127.963940000001</v>
      </c>
      <c r="AP7594">
        <v>27380.30097</v>
      </c>
    </row>
    <row r="7595" spans="2:42" x14ac:dyDescent="0.3">
      <c r="B7595">
        <v>72.318008469695059</v>
      </c>
      <c r="C7595" s="83">
        <v>43417.375</v>
      </c>
      <c r="D7595">
        <v>293551.33179999999</v>
      </c>
      <c r="E7595">
        <v>36379.957499999997</v>
      </c>
      <c r="F7595">
        <v>99728.888489999998</v>
      </c>
      <c r="G7595">
        <v>94020.411890000003</v>
      </c>
      <c r="H7595">
        <v>56227.058620000003</v>
      </c>
      <c r="I7595">
        <v>44393.18103</v>
      </c>
      <c r="J7595">
        <v>35241.354780000001</v>
      </c>
      <c r="K7595">
        <v>62557.511189999997</v>
      </c>
      <c r="L7595">
        <v>28078.084149999999</v>
      </c>
      <c r="M7595">
        <v>368710.93209999998</v>
      </c>
      <c r="N7595">
        <v>89401.074259999994</v>
      </c>
      <c r="O7595">
        <v>25877.284019999999</v>
      </c>
      <c r="P7595">
        <v>32902.257709999998</v>
      </c>
      <c r="Q7595">
        <v>97577.792730000001</v>
      </c>
      <c r="R7595">
        <v>23244.538919999999</v>
      </c>
      <c r="S7595">
        <v>126216.5843</v>
      </c>
      <c r="T7595">
        <v>36662.142789999998</v>
      </c>
      <c r="U7595">
        <v>27076.874370000001</v>
      </c>
      <c r="W7595" s="83">
        <f>Bühler!N7627</f>
        <v>45608.374999981585</v>
      </c>
      <c r="X7595" s="83">
        <v>43417.375</v>
      </c>
      <c r="Y7595">
        <v>293551.33179999999</v>
      </c>
      <c r="Z7595">
        <v>36379.957499999997</v>
      </c>
      <c r="AA7595">
        <v>99728.888489999998</v>
      </c>
      <c r="AB7595">
        <v>94020.411890000003</v>
      </c>
      <c r="AC7595">
        <v>56227.058620000003</v>
      </c>
      <c r="AD7595">
        <v>44393.18103</v>
      </c>
      <c r="AE7595">
        <v>35241.354780000001</v>
      </c>
      <c r="AF7595">
        <v>62557.511189999997</v>
      </c>
      <c r="AG7595">
        <v>28078.084149999999</v>
      </c>
      <c r="AH7595">
        <v>368710.93209999998</v>
      </c>
      <c r="AI7595">
        <v>89401.074259999994</v>
      </c>
      <c r="AJ7595">
        <v>25877.284019999999</v>
      </c>
      <c r="AK7595">
        <v>32902.257709999998</v>
      </c>
      <c r="AL7595">
        <v>97577.792730000001</v>
      </c>
      <c r="AM7595">
        <v>23244.538919999999</v>
      </c>
      <c r="AN7595">
        <v>126216.5843</v>
      </c>
      <c r="AO7595">
        <v>36662.142789999998</v>
      </c>
      <c r="AP7595">
        <v>27076.874370000001</v>
      </c>
    </row>
    <row r="7596" spans="2:42" x14ac:dyDescent="0.3">
      <c r="B7596">
        <v>73.4777006601376</v>
      </c>
      <c r="C7596" s="83">
        <v>43417.416666666664</v>
      </c>
      <c r="D7596">
        <v>293715.89659999998</v>
      </c>
      <c r="E7596">
        <v>37508.113270000002</v>
      </c>
      <c r="F7596">
        <v>99975.978799999997</v>
      </c>
      <c r="G7596">
        <v>95154.058369999999</v>
      </c>
      <c r="H7596">
        <v>56852.05543</v>
      </c>
      <c r="I7596">
        <v>41400.008379999999</v>
      </c>
      <c r="J7596">
        <v>34630.780980000003</v>
      </c>
      <c r="K7596">
        <v>62551.819239999997</v>
      </c>
      <c r="L7596">
        <v>29968.66907</v>
      </c>
      <c r="M7596">
        <v>374623.58370000002</v>
      </c>
      <c r="N7596">
        <v>90125.580119999999</v>
      </c>
      <c r="O7596">
        <v>25763.22277</v>
      </c>
      <c r="P7596">
        <v>34662.95938</v>
      </c>
      <c r="Q7596">
        <v>98492.086809999993</v>
      </c>
      <c r="R7596">
        <v>23060.338100000001</v>
      </c>
      <c r="S7596">
        <v>125000.5091</v>
      </c>
      <c r="T7596">
        <v>37964.960379999997</v>
      </c>
      <c r="U7596">
        <v>27000.207760000001</v>
      </c>
      <c r="W7596" s="83">
        <f>Bühler!N7628</f>
        <v>45608.416666648249</v>
      </c>
      <c r="X7596" s="83">
        <v>43417.416666666664</v>
      </c>
      <c r="Y7596">
        <v>293715.89659999998</v>
      </c>
      <c r="Z7596">
        <v>37508.113270000002</v>
      </c>
      <c r="AA7596">
        <v>99975.978799999997</v>
      </c>
      <c r="AB7596">
        <v>95154.058369999999</v>
      </c>
      <c r="AC7596">
        <v>56852.05543</v>
      </c>
      <c r="AD7596">
        <v>41400.008379999999</v>
      </c>
      <c r="AE7596">
        <v>34630.780980000003</v>
      </c>
      <c r="AF7596">
        <v>62551.819239999997</v>
      </c>
      <c r="AG7596">
        <v>29968.66907</v>
      </c>
      <c r="AH7596">
        <v>374623.58370000002</v>
      </c>
      <c r="AI7596">
        <v>90125.580119999999</v>
      </c>
      <c r="AJ7596">
        <v>25763.22277</v>
      </c>
      <c r="AK7596">
        <v>34662.95938</v>
      </c>
      <c r="AL7596">
        <v>98492.086809999993</v>
      </c>
      <c r="AM7596">
        <v>23060.338100000001</v>
      </c>
      <c r="AN7596">
        <v>125000.5091</v>
      </c>
      <c r="AO7596">
        <v>37964.960379999997</v>
      </c>
      <c r="AP7596">
        <v>27000.207760000001</v>
      </c>
    </row>
    <row r="7597" spans="2:42" x14ac:dyDescent="0.3">
      <c r="B7597">
        <v>73.76966469405707</v>
      </c>
      <c r="C7597" s="83">
        <v>43417.458333333336</v>
      </c>
      <c r="D7597">
        <v>292868.01530000003</v>
      </c>
      <c r="E7597">
        <v>37194.683019999997</v>
      </c>
      <c r="F7597">
        <v>100007.36</v>
      </c>
      <c r="G7597">
        <v>93160.555659999998</v>
      </c>
      <c r="H7597">
        <v>55694.097950000003</v>
      </c>
      <c r="I7597">
        <v>40900.475330000001</v>
      </c>
      <c r="J7597">
        <v>34658.483500000002</v>
      </c>
      <c r="K7597">
        <v>63927.027670000003</v>
      </c>
      <c r="L7597">
        <v>30967.3815</v>
      </c>
      <c r="M7597">
        <v>376112.15250000003</v>
      </c>
      <c r="N7597">
        <v>88678.412830000001</v>
      </c>
      <c r="O7597">
        <v>25802.450570000001</v>
      </c>
      <c r="P7597">
        <v>34223.743799999997</v>
      </c>
      <c r="Q7597">
        <v>98246.496520000001</v>
      </c>
      <c r="R7597">
        <v>24159.352200000001</v>
      </c>
      <c r="S7597">
        <v>126777.59600000001</v>
      </c>
      <c r="T7597">
        <v>38491.156690000003</v>
      </c>
      <c r="U7597">
        <v>26622.247340000002</v>
      </c>
      <c r="W7597" s="83">
        <f>Bühler!N7629</f>
        <v>45608.458333314913</v>
      </c>
      <c r="X7597" s="83">
        <v>43417.458333333336</v>
      </c>
      <c r="Y7597">
        <v>292868.01530000003</v>
      </c>
      <c r="Z7597">
        <v>37194.683019999997</v>
      </c>
      <c r="AA7597">
        <v>100007.36</v>
      </c>
      <c r="AB7597">
        <v>93160.555659999998</v>
      </c>
      <c r="AC7597">
        <v>55694.097950000003</v>
      </c>
      <c r="AD7597">
        <v>40900.475330000001</v>
      </c>
      <c r="AE7597">
        <v>34658.483500000002</v>
      </c>
      <c r="AF7597">
        <v>63927.027670000003</v>
      </c>
      <c r="AG7597">
        <v>30967.3815</v>
      </c>
      <c r="AH7597">
        <v>376112.15250000003</v>
      </c>
      <c r="AI7597">
        <v>88678.412830000001</v>
      </c>
      <c r="AJ7597">
        <v>25802.450570000001</v>
      </c>
      <c r="AK7597">
        <v>34223.743799999997</v>
      </c>
      <c r="AL7597">
        <v>98246.496520000001</v>
      </c>
      <c r="AM7597">
        <v>24159.352200000001</v>
      </c>
      <c r="AN7597">
        <v>126777.59600000001</v>
      </c>
      <c r="AO7597">
        <v>38491.156690000003</v>
      </c>
      <c r="AP7597">
        <v>26622.247340000002</v>
      </c>
    </row>
    <row r="7598" spans="2:42" x14ac:dyDescent="0.3">
      <c r="B7598">
        <v>72.233194415625192</v>
      </c>
      <c r="C7598" s="83">
        <v>43417.5</v>
      </c>
      <c r="D7598">
        <v>279616.2953</v>
      </c>
      <c r="E7598">
        <v>33372.70031</v>
      </c>
      <c r="F7598">
        <v>92598.602029999995</v>
      </c>
      <c r="G7598">
        <v>89168.103799999997</v>
      </c>
      <c r="H7598">
        <v>52375.85817</v>
      </c>
      <c r="I7598">
        <v>39499.852760000002</v>
      </c>
      <c r="J7598">
        <v>34425.29163</v>
      </c>
      <c r="K7598">
        <v>60346.734420000001</v>
      </c>
      <c r="L7598">
        <v>33598.170359999996</v>
      </c>
      <c r="M7598">
        <v>368278.51049999997</v>
      </c>
      <c r="N7598">
        <v>84958.459489999994</v>
      </c>
      <c r="O7598">
        <v>24883.57934</v>
      </c>
      <c r="P7598">
        <v>33111.219490000003</v>
      </c>
      <c r="Q7598">
        <v>95800.981549999997</v>
      </c>
      <c r="R7598">
        <v>25279.449710000001</v>
      </c>
      <c r="S7598">
        <v>119005.6611</v>
      </c>
      <c r="T7598">
        <v>38128.775759999997</v>
      </c>
      <c r="U7598">
        <v>21562.11275</v>
      </c>
      <c r="W7598" s="83">
        <f>Bühler!N7630</f>
        <v>45608.499999981577</v>
      </c>
      <c r="X7598" s="83">
        <v>43417.5</v>
      </c>
      <c r="Y7598">
        <v>279616.2953</v>
      </c>
      <c r="Z7598">
        <v>33372.70031</v>
      </c>
      <c r="AA7598">
        <v>92598.602029999995</v>
      </c>
      <c r="AB7598">
        <v>89168.103799999997</v>
      </c>
      <c r="AC7598">
        <v>52375.85817</v>
      </c>
      <c r="AD7598">
        <v>39499.852760000002</v>
      </c>
      <c r="AE7598">
        <v>34425.29163</v>
      </c>
      <c r="AF7598">
        <v>60346.734420000001</v>
      </c>
      <c r="AG7598">
        <v>33598.170359999996</v>
      </c>
      <c r="AH7598">
        <v>368278.51049999997</v>
      </c>
      <c r="AI7598">
        <v>84958.459489999994</v>
      </c>
      <c r="AJ7598">
        <v>24883.57934</v>
      </c>
      <c r="AK7598">
        <v>33111.219490000003</v>
      </c>
      <c r="AL7598">
        <v>95800.981549999997</v>
      </c>
      <c r="AM7598">
        <v>25279.449710000001</v>
      </c>
      <c r="AN7598">
        <v>119005.6611</v>
      </c>
      <c r="AO7598">
        <v>38128.775759999997</v>
      </c>
      <c r="AP7598">
        <v>21562.11275</v>
      </c>
    </row>
    <row r="7599" spans="2:42" x14ac:dyDescent="0.3">
      <c r="B7599">
        <v>71.274958139787373</v>
      </c>
      <c r="C7599" s="83">
        <v>43417.541666666664</v>
      </c>
      <c r="D7599">
        <v>279466.2206</v>
      </c>
      <c r="E7599">
        <v>33340.841260000001</v>
      </c>
      <c r="F7599">
        <v>90253.820129999993</v>
      </c>
      <c r="G7599">
        <v>83514.117240000007</v>
      </c>
      <c r="H7599">
        <v>53276.911330000003</v>
      </c>
      <c r="I7599">
        <v>39250.842750000003</v>
      </c>
      <c r="J7599">
        <v>33514.308010000001</v>
      </c>
      <c r="K7599">
        <v>62156.074990000001</v>
      </c>
      <c r="L7599">
        <v>31595.012460000002</v>
      </c>
      <c r="M7599">
        <v>363392.97509999998</v>
      </c>
      <c r="N7599">
        <v>87299.499479999999</v>
      </c>
      <c r="O7599">
        <v>25525.50763</v>
      </c>
      <c r="P7599">
        <v>32549.108390000001</v>
      </c>
      <c r="Q7599">
        <v>94975.131909999996</v>
      </c>
      <c r="R7599">
        <v>26131.634290000002</v>
      </c>
      <c r="S7599">
        <v>118335.236</v>
      </c>
      <c r="T7599">
        <v>36362.252189999999</v>
      </c>
      <c r="U7599">
        <v>23192.885030000001</v>
      </c>
      <c r="W7599" s="83">
        <f>Bühler!N7631</f>
        <v>45608.541666648242</v>
      </c>
      <c r="X7599" s="83">
        <v>43417.541666666664</v>
      </c>
      <c r="Y7599">
        <v>279466.2206</v>
      </c>
      <c r="Z7599">
        <v>33340.841260000001</v>
      </c>
      <c r="AA7599">
        <v>90253.820129999993</v>
      </c>
      <c r="AB7599">
        <v>83514.117240000007</v>
      </c>
      <c r="AC7599">
        <v>53276.911330000003</v>
      </c>
      <c r="AD7599">
        <v>39250.842750000003</v>
      </c>
      <c r="AE7599">
        <v>33514.308010000001</v>
      </c>
      <c r="AF7599">
        <v>62156.074990000001</v>
      </c>
      <c r="AG7599">
        <v>31595.012460000002</v>
      </c>
      <c r="AH7599">
        <v>363392.97509999998</v>
      </c>
      <c r="AI7599">
        <v>87299.499479999999</v>
      </c>
      <c r="AJ7599">
        <v>25525.50763</v>
      </c>
      <c r="AK7599">
        <v>32549.108390000001</v>
      </c>
      <c r="AL7599">
        <v>94975.131909999996</v>
      </c>
      <c r="AM7599">
        <v>26131.634290000002</v>
      </c>
      <c r="AN7599">
        <v>118335.236</v>
      </c>
      <c r="AO7599">
        <v>36362.252189999999</v>
      </c>
      <c r="AP7599">
        <v>23192.885030000001</v>
      </c>
    </row>
    <row r="7600" spans="2:42" x14ac:dyDescent="0.3">
      <c r="B7600">
        <v>71.300095032218223</v>
      </c>
      <c r="C7600" s="83">
        <v>43417.583333333336</v>
      </c>
      <c r="D7600">
        <v>283046.91499999998</v>
      </c>
      <c r="E7600">
        <v>36146.676220000001</v>
      </c>
      <c r="F7600">
        <v>98614.854229999997</v>
      </c>
      <c r="G7600">
        <v>78954.356589999996</v>
      </c>
      <c r="H7600">
        <v>52724.836259999996</v>
      </c>
      <c r="I7600">
        <v>40556.931689999998</v>
      </c>
      <c r="J7600">
        <v>33225.667800000003</v>
      </c>
      <c r="K7600">
        <v>64007.131020000001</v>
      </c>
      <c r="L7600">
        <v>27737.09719</v>
      </c>
      <c r="M7600">
        <v>363521.1347</v>
      </c>
      <c r="N7600">
        <v>86198.106669999994</v>
      </c>
      <c r="O7600">
        <v>25208.621940000001</v>
      </c>
      <c r="P7600">
        <v>28719.55431</v>
      </c>
      <c r="Q7600">
        <v>95075.42542</v>
      </c>
      <c r="R7600">
        <v>23829.46989</v>
      </c>
      <c r="S7600">
        <v>112469.47</v>
      </c>
      <c r="T7600">
        <v>34673.605510000001</v>
      </c>
      <c r="U7600">
        <v>23683.173119999999</v>
      </c>
      <c r="W7600" s="83">
        <f>Bühler!N7632</f>
        <v>45608.583333314906</v>
      </c>
      <c r="X7600" s="83">
        <v>43417.583333333336</v>
      </c>
      <c r="Y7600">
        <v>283046.91499999998</v>
      </c>
      <c r="Z7600">
        <v>36146.676220000001</v>
      </c>
      <c r="AA7600">
        <v>98614.854229999997</v>
      </c>
      <c r="AB7600">
        <v>78954.356589999996</v>
      </c>
      <c r="AC7600">
        <v>52724.836259999996</v>
      </c>
      <c r="AD7600">
        <v>40556.931689999998</v>
      </c>
      <c r="AE7600">
        <v>33225.667800000003</v>
      </c>
      <c r="AF7600">
        <v>64007.131020000001</v>
      </c>
      <c r="AG7600">
        <v>27737.09719</v>
      </c>
      <c r="AH7600">
        <v>363521.1347</v>
      </c>
      <c r="AI7600">
        <v>86198.106669999994</v>
      </c>
      <c r="AJ7600">
        <v>25208.621940000001</v>
      </c>
      <c r="AK7600">
        <v>28719.55431</v>
      </c>
      <c r="AL7600">
        <v>95075.42542</v>
      </c>
      <c r="AM7600">
        <v>23829.46989</v>
      </c>
      <c r="AN7600">
        <v>112469.47</v>
      </c>
      <c r="AO7600">
        <v>34673.605510000001</v>
      </c>
      <c r="AP7600">
        <v>23683.173119999999</v>
      </c>
    </row>
    <row r="7601" spans="2:42" x14ac:dyDescent="0.3">
      <c r="B7601">
        <v>70.025946167775913</v>
      </c>
      <c r="C7601" s="83">
        <v>43417.625</v>
      </c>
      <c r="D7601">
        <v>280678.50050000002</v>
      </c>
      <c r="E7601">
        <v>35683.667430000001</v>
      </c>
      <c r="F7601">
        <v>99508.821119999993</v>
      </c>
      <c r="G7601">
        <v>75579.049190000005</v>
      </c>
      <c r="H7601">
        <v>51597.905729999999</v>
      </c>
      <c r="I7601">
        <v>40732.16012</v>
      </c>
      <c r="J7601">
        <v>32796.985950000002</v>
      </c>
      <c r="K7601">
        <v>61880.998339999998</v>
      </c>
      <c r="L7601">
        <v>24705.761439999998</v>
      </c>
      <c r="M7601">
        <v>357024.92959999997</v>
      </c>
      <c r="N7601">
        <v>83944.867379999996</v>
      </c>
      <c r="O7601">
        <v>24797.519520000002</v>
      </c>
      <c r="P7601">
        <v>26986.86636</v>
      </c>
      <c r="Q7601">
        <v>93865.311400000006</v>
      </c>
      <c r="R7601">
        <v>23715.708699999999</v>
      </c>
      <c r="S7601">
        <v>111263.0371</v>
      </c>
      <c r="T7601">
        <v>34396.847880000001</v>
      </c>
      <c r="U7601">
        <v>23388.910080000001</v>
      </c>
      <c r="W7601" s="83">
        <f>Bühler!N7633</f>
        <v>45608.62499998157</v>
      </c>
      <c r="X7601" s="83">
        <v>43417.625</v>
      </c>
      <c r="Y7601">
        <v>280678.50050000002</v>
      </c>
      <c r="Z7601">
        <v>35683.667430000001</v>
      </c>
      <c r="AA7601">
        <v>99508.821119999993</v>
      </c>
      <c r="AB7601">
        <v>75579.049190000005</v>
      </c>
      <c r="AC7601">
        <v>51597.905729999999</v>
      </c>
      <c r="AD7601">
        <v>40732.16012</v>
      </c>
      <c r="AE7601">
        <v>32796.985950000002</v>
      </c>
      <c r="AF7601">
        <v>61880.998339999998</v>
      </c>
      <c r="AG7601">
        <v>24705.761439999998</v>
      </c>
      <c r="AH7601">
        <v>357024.92959999997</v>
      </c>
      <c r="AI7601">
        <v>83944.867379999996</v>
      </c>
      <c r="AJ7601">
        <v>24797.519520000002</v>
      </c>
      <c r="AK7601">
        <v>26986.86636</v>
      </c>
      <c r="AL7601">
        <v>93865.311400000006</v>
      </c>
      <c r="AM7601">
        <v>23715.708699999999</v>
      </c>
      <c r="AN7601">
        <v>111263.0371</v>
      </c>
      <c r="AO7601">
        <v>34396.847880000001</v>
      </c>
      <c r="AP7601">
        <v>23388.910080000001</v>
      </c>
    </row>
    <row r="7602" spans="2:42" x14ac:dyDescent="0.3">
      <c r="B7602">
        <v>68.769935130240313</v>
      </c>
      <c r="C7602" s="83">
        <v>43417.666666666664</v>
      </c>
      <c r="D7602">
        <v>273400.32040000003</v>
      </c>
      <c r="E7602">
        <v>35078.693160000003</v>
      </c>
      <c r="F7602">
        <v>99384.130170000004</v>
      </c>
      <c r="G7602">
        <v>73509.357369999998</v>
      </c>
      <c r="H7602">
        <v>50377.87081</v>
      </c>
      <c r="I7602">
        <v>41245.833919999997</v>
      </c>
      <c r="J7602">
        <v>32285.68463</v>
      </c>
      <c r="K7602">
        <v>60719.177020000003</v>
      </c>
      <c r="L7602">
        <v>24470.379280000001</v>
      </c>
      <c r="M7602">
        <v>350621.19959999999</v>
      </c>
      <c r="N7602">
        <v>81942.429829999994</v>
      </c>
      <c r="O7602">
        <v>24434.67799</v>
      </c>
      <c r="P7602">
        <v>27102.06882</v>
      </c>
      <c r="Q7602">
        <v>93220.573399999994</v>
      </c>
      <c r="R7602">
        <v>23754.223859999998</v>
      </c>
      <c r="S7602">
        <v>108960.2164</v>
      </c>
      <c r="T7602">
        <v>34807.506699999998</v>
      </c>
      <c r="U7602">
        <v>22165.29981</v>
      </c>
      <c r="W7602" s="83">
        <f>Bühler!N7634</f>
        <v>45608.666666648234</v>
      </c>
      <c r="X7602" s="83">
        <v>43417.666666666664</v>
      </c>
      <c r="Y7602">
        <v>273400.32040000003</v>
      </c>
      <c r="Z7602">
        <v>35078.693160000003</v>
      </c>
      <c r="AA7602">
        <v>99384.130170000004</v>
      </c>
      <c r="AB7602">
        <v>73509.357369999998</v>
      </c>
      <c r="AC7602">
        <v>50377.87081</v>
      </c>
      <c r="AD7602">
        <v>41245.833919999997</v>
      </c>
      <c r="AE7602">
        <v>32285.68463</v>
      </c>
      <c r="AF7602">
        <v>60719.177020000003</v>
      </c>
      <c r="AG7602">
        <v>24470.379280000001</v>
      </c>
      <c r="AH7602">
        <v>350621.19959999999</v>
      </c>
      <c r="AI7602">
        <v>81942.429829999994</v>
      </c>
      <c r="AJ7602">
        <v>24434.67799</v>
      </c>
      <c r="AK7602">
        <v>27102.06882</v>
      </c>
      <c r="AL7602">
        <v>93220.573399999994</v>
      </c>
      <c r="AM7602">
        <v>23754.223859999998</v>
      </c>
      <c r="AN7602">
        <v>108960.2164</v>
      </c>
      <c r="AO7602">
        <v>34807.506699999998</v>
      </c>
      <c r="AP7602">
        <v>22165.29981</v>
      </c>
    </row>
    <row r="7603" spans="2:42" x14ac:dyDescent="0.3">
      <c r="B7603">
        <v>67.713488752301885</v>
      </c>
      <c r="C7603" s="83">
        <v>43417.708333333336</v>
      </c>
      <c r="D7603">
        <v>264892.5514</v>
      </c>
      <c r="E7603">
        <v>33790.857409999997</v>
      </c>
      <c r="F7603">
        <v>100152.6673</v>
      </c>
      <c r="G7603">
        <v>67652.300270000007</v>
      </c>
      <c r="H7603">
        <v>50548.330909999997</v>
      </c>
      <c r="I7603">
        <v>40453.628779999999</v>
      </c>
      <c r="J7603">
        <v>34663.476609999998</v>
      </c>
      <c r="K7603">
        <v>55411.556340000003</v>
      </c>
      <c r="L7603">
        <v>25640.338</v>
      </c>
      <c r="M7603">
        <v>345234.94329999998</v>
      </c>
      <c r="N7603">
        <v>80174.839829999997</v>
      </c>
      <c r="O7603">
        <v>24339.142360000002</v>
      </c>
      <c r="P7603">
        <v>29245.947410000001</v>
      </c>
      <c r="Q7603">
        <v>91007.858970000001</v>
      </c>
      <c r="R7603">
        <v>22826.59302</v>
      </c>
      <c r="S7603">
        <v>110599.3942</v>
      </c>
      <c r="T7603">
        <v>35664.452219999999</v>
      </c>
      <c r="U7603">
        <v>20294.738519999999</v>
      </c>
      <c r="W7603" s="83">
        <f>Bühler!N7635</f>
        <v>45608.708333314898</v>
      </c>
      <c r="X7603" s="83">
        <v>43417.708333333336</v>
      </c>
      <c r="Y7603">
        <v>264892.5514</v>
      </c>
      <c r="Z7603">
        <v>33790.857409999997</v>
      </c>
      <c r="AA7603">
        <v>100152.6673</v>
      </c>
      <c r="AB7603">
        <v>67652.300270000007</v>
      </c>
      <c r="AC7603">
        <v>50548.330909999997</v>
      </c>
      <c r="AD7603">
        <v>40453.628779999999</v>
      </c>
      <c r="AE7603">
        <v>34663.476609999998</v>
      </c>
      <c r="AF7603">
        <v>55411.556340000003</v>
      </c>
      <c r="AG7603">
        <v>25640.338</v>
      </c>
      <c r="AH7603">
        <v>345234.94329999998</v>
      </c>
      <c r="AI7603">
        <v>80174.839829999997</v>
      </c>
      <c r="AJ7603">
        <v>24339.142360000002</v>
      </c>
      <c r="AK7603">
        <v>29245.947410000001</v>
      </c>
      <c r="AL7603">
        <v>91007.858970000001</v>
      </c>
      <c r="AM7603">
        <v>22826.59302</v>
      </c>
      <c r="AN7603">
        <v>110599.3942</v>
      </c>
      <c r="AO7603">
        <v>35664.452219999999</v>
      </c>
      <c r="AP7603">
        <v>20294.738519999999</v>
      </c>
    </row>
    <row r="7604" spans="2:42" x14ac:dyDescent="0.3">
      <c r="B7604">
        <v>66.676145432708381</v>
      </c>
      <c r="C7604" s="83">
        <v>43417.75</v>
      </c>
      <c r="D7604">
        <v>258288.76560000001</v>
      </c>
      <c r="E7604">
        <v>31204.013579999999</v>
      </c>
      <c r="F7604">
        <v>98582.633449999994</v>
      </c>
      <c r="G7604">
        <v>58279.070390000001</v>
      </c>
      <c r="H7604">
        <v>49428.63609</v>
      </c>
      <c r="I7604">
        <v>39558.573349999999</v>
      </c>
      <c r="J7604">
        <v>35756.409079999998</v>
      </c>
      <c r="K7604">
        <v>55093.345170000001</v>
      </c>
      <c r="L7604">
        <v>27344.99655</v>
      </c>
      <c r="M7604">
        <v>339946.0833</v>
      </c>
      <c r="N7604">
        <v>77427.975200000001</v>
      </c>
      <c r="O7604">
        <v>23202.367249999999</v>
      </c>
      <c r="P7604">
        <v>33161.46024</v>
      </c>
      <c r="Q7604">
        <v>89814.072239999994</v>
      </c>
      <c r="R7604">
        <v>22716.289929999999</v>
      </c>
      <c r="S7604">
        <v>105204.4804</v>
      </c>
      <c r="T7604">
        <v>36494.857559999997</v>
      </c>
      <c r="U7604">
        <v>18592.40668</v>
      </c>
      <c r="W7604" s="83">
        <f>Bühler!N7636</f>
        <v>45608.749999981563</v>
      </c>
      <c r="X7604" s="83">
        <v>43417.75</v>
      </c>
      <c r="Y7604">
        <v>258288.76560000001</v>
      </c>
      <c r="Z7604">
        <v>31204.013579999999</v>
      </c>
      <c r="AA7604">
        <v>98582.633449999994</v>
      </c>
      <c r="AB7604">
        <v>58279.070390000001</v>
      </c>
      <c r="AC7604">
        <v>49428.63609</v>
      </c>
      <c r="AD7604">
        <v>39558.573349999999</v>
      </c>
      <c r="AE7604">
        <v>35756.409079999998</v>
      </c>
      <c r="AF7604">
        <v>55093.345170000001</v>
      </c>
      <c r="AG7604">
        <v>27344.99655</v>
      </c>
      <c r="AH7604">
        <v>339946.0833</v>
      </c>
      <c r="AI7604">
        <v>77427.975200000001</v>
      </c>
      <c r="AJ7604">
        <v>23202.367249999999</v>
      </c>
      <c r="AK7604">
        <v>33161.46024</v>
      </c>
      <c r="AL7604">
        <v>89814.072239999994</v>
      </c>
      <c r="AM7604">
        <v>22716.289929999999</v>
      </c>
      <c r="AN7604">
        <v>105204.4804</v>
      </c>
      <c r="AO7604">
        <v>36494.857559999997</v>
      </c>
      <c r="AP7604">
        <v>18592.40668</v>
      </c>
    </row>
    <row r="7605" spans="2:42" x14ac:dyDescent="0.3">
      <c r="B7605">
        <v>64.63665271027304</v>
      </c>
      <c r="C7605" s="83">
        <v>43417.791666666664</v>
      </c>
      <c r="D7605">
        <v>251644.2107</v>
      </c>
      <c r="E7605">
        <v>25342.64803</v>
      </c>
      <c r="F7605">
        <v>84034.188020000001</v>
      </c>
      <c r="G7605">
        <v>51738.1587</v>
      </c>
      <c r="H7605">
        <v>45894.75015</v>
      </c>
      <c r="I7605">
        <v>35608.627310000003</v>
      </c>
      <c r="J7605">
        <v>34977.891640000002</v>
      </c>
      <c r="K7605">
        <v>52337.713080000001</v>
      </c>
      <c r="L7605">
        <v>27440.362679999998</v>
      </c>
      <c r="M7605">
        <v>329547.79830000002</v>
      </c>
      <c r="N7605">
        <v>73903.512140000006</v>
      </c>
      <c r="O7605">
        <v>22024.723320000001</v>
      </c>
      <c r="P7605">
        <v>34714.774960000002</v>
      </c>
      <c r="Q7605">
        <v>86876.334459999998</v>
      </c>
      <c r="R7605">
        <v>22254.728029999998</v>
      </c>
      <c r="S7605">
        <v>100180.47659999999</v>
      </c>
      <c r="T7605">
        <v>36436.69887</v>
      </c>
      <c r="U7605">
        <v>16985.97292</v>
      </c>
      <c r="W7605" s="83">
        <f>Bühler!N7637</f>
        <v>45608.791666648227</v>
      </c>
      <c r="X7605" s="83">
        <v>43417.791666666664</v>
      </c>
      <c r="Y7605">
        <v>251644.2107</v>
      </c>
      <c r="Z7605">
        <v>25342.64803</v>
      </c>
      <c r="AA7605">
        <v>84034.188020000001</v>
      </c>
      <c r="AB7605">
        <v>51738.1587</v>
      </c>
      <c r="AC7605">
        <v>45894.75015</v>
      </c>
      <c r="AD7605">
        <v>35608.627310000003</v>
      </c>
      <c r="AE7605">
        <v>34977.891640000002</v>
      </c>
      <c r="AF7605">
        <v>52337.713080000001</v>
      </c>
      <c r="AG7605">
        <v>27440.362679999998</v>
      </c>
      <c r="AH7605">
        <v>329547.79830000002</v>
      </c>
      <c r="AI7605">
        <v>73903.512140000006</v>
      </c>
      <c r="AJ7605">
        <v>22024.723320000001</v>
      </c>
      <c r="AK7605">
        <v>34714.774960000002</v>
      </c>
      <c r="AL7605">
        <v>86876.334459999998</v>
      </c>
      <c r="AM7605">
        <v>22254.728029999998</v>
      </c>
      <c r="AN7605">
        <v>100180.47659999999</v>
      </c>
      <c r="AO7605">
        <v>36436.69887</v>
      </c>
      <c r="AP7605">
        <v>16985.97292</v>
      </c>
    </row>
    <row r="7606" spans="2:42" x14ac:dyDescent="0.3">
      <c r="B7606">
        <v>62.480751570052121</v>
      </c>
      <c r="C7606" s="83">
        <v>43417.833333333336</v>
      </c>
      <c r="D7606">
        <v>241341.0459</v>
      </c>
      <c r="E7606">
        <v>19205.856510000001</v>
      </c>
      <c r="F7606">
        <v>64351.047420000003</v>
      </c>
      <c r="G7606">
        <v>45958.181900000003</v>
      </c>
      <c r="H7606">
        <v>42758.373780000002</v>
      </c>
      <c r="I7606">
        <v>32061.26771</v>
      </c>
      <c r="J7606">
        <v>33540.537020000003</v>
      </c>
      <c r="K7606">
        <v>49788.598299999998</v>
      </c>
      <c r="L7606">
        <v>26892.812669999999</v>
      </c>
      <c r="M7606">
        <v>318556.00890000002</v>
      </c>
      <c r="N7606">
        <v>70731.508619999993</v>
      </c>
      <c r="O7606">
        <v>21144.554459999999</v>
      </c>
      <c r="P7606">
        <v>34583.559139999998</v>
      </c>
      <c r="Q7606">
        <v>82982.960760000002</v>
      </c>
      <c r="R7606">
        <v>19134.799640000001</v>
      </c>
      <c r="S7606">
        <v>89759.643490000002</v>
      </c>
      <c r="T7606">
        <v>34529.399539999999</v>
      </c>
      <c r="U7606">
        <v>15640.671490000001</v>
      </c>
      <c r="W7606" s="83">
        <f>Bühler!N7638</f>
        <v>45608.833333314891</v>
      </c>
      <c r="X7606" s="83">
        <v>43417.833333333336</v>
      </c>
      <c r="Y7606">
        <v>241341.0459</v>
      </c>
      <c r="Z7606">
        <v>19205.856510000001</v>
      </c>
      <c r="AA7606">
        <v>64351.047420000003</v>
      </c>
      <c r="AB7606">
        <v>45958.181900000003</v>
      </c>
      <c r="AC7606">
        <v>42758.373780000002</v>
      </c>
      <c r="AD7606">
        <v>32061.26771</v>
      </c>
      <c r="AE7606">
        <v>33540.537020000003</v>
      </c>
      <c r="AF7606">
        <v>49788.598299999998</v>
      </c>
      <c r="AG7606">
        <v>26892.812669999999</v>
      </c>
      <c r="AH7606">
        <v>318556.00890000002</v>
      </c>
      <c r="AI7606">
        <v>70731.508619999993</v>
      </c>
      <c r="AJ7606">
        <v>21144.554459999999</v>
      </c>
      <c r="AK7606">
        <v>34583.559139999998</v>
      </c>
      <c r="AL7606">
        <v>82982.960760000002</v>
      </c>
      <c r="AM7606">
        <v>19134.799640000001</v>
      </c>
      <c r="AN7606">
        <v>89759.643490000002</v>
      </c>
      <c r="AO7606">
        <v>34529.399539999999</v>
      </c>
      <c r="AP7606">
        <v>15640.671490000001</v>
      </c>
    </row>
    <row r="7607" spans="2:42" x14ac:dyDescent="0.3">
      <c r="B7607">
        <v>59.923684086303787</v>
      </c>
      <c r="C7607" s="83">
        <v>43417.875</v>
      </c>
      <c r="D7607">
        <v>230463.3112</v>
      </c>
      <c r="E7607">
        <v>16348.72039</v>
      </c>
      <c r="F7607">
        <v>55807.302530000001</v>
      </c>
      <c r="G7607">
        <v>42619.788950000002</v>
      </c>
      <c r="H7607">
        <v>39770.224699999999</v>
      </c>
      <c r="I7607">
        <v>28020.07274</v>
      </c>
      <c r="J7607">
        <v>32013.127509999998</v>
      </c>
      <c r="K7607">
        <v>47705.848389999999</v>
      </c>
      <c r="L7607">
        <v>25483.09504</v>
      </c>
      <c r="M7607">
        <v>305518.88640000002</v>
      </c>
      <c r="N7607">
        <v>67529.144409999994</v>
      </c>
      <c r="O7607">
        <v>19501.348549999999</v>
      </c>
      <c r="P7607">
        <v>32386.12847</v>
      </c>
      <c r="Q7607">
        <v>79379.523629999996</v>
      </c>
      <c r="R7607">
        <v>18483.291120000002</v>
      </c>
      <c r="S7607">
        <v>83702.256510000007</v>
      </c>
      <c r="T7607">
        <v>29985.029829999999</v>
      </c>
      <c r="U7607">
        <v>13859.905489999999</v>
      </c>
      <c r="W7607" s="83">
        <f>Bühler!N7639</f>
        <v>45608.874999981555</v>
      </c>
      <c r="X7607" s="83">
        <v>43417.875</v>
      </c>
      <c r="Y7607">
        <v>230463.3112</v>
      </c>
      <c r="Z7607">
        <v>16348.72039</v>
      </c>
      <c r="AA7607">
        <v>55807.302530000001</v>
      </c>
      <c r="AB7607">
        <v>42619.788950000002</v>
      </c>
      <c r="AC7607">
        <v>39770.224699999999</v>
      </c>
      <c r="AD7607">
        <v>28020.07274</v>
      </c>
      <c r="AE7607">
        <v>32013.127509999998</v>
      </c>
      <c r="AF7607">
        <v>47705.848389999999</v>
      </c>
      <c r="AG7607">
        <v>25483.09504</v>
      </c>
      <c r="AH7607">
        <v>305518.88640000002</v>
      </c>
      <c r="AI7607">
        <v>67529.144409999994</v>
      </c>
      <c r="AJ7607">
        <v>19501.348549999999</v>
      </c>
      <c r="AK7607">
        <v>32386.12847</v>
      </c>
      <c r="AL7607">
        <v>79379.523629999996</v>
      </c>
      <c r="AM7607">
        <v>18483.291120000002</v>
      </c>
      <c r="AN7607">
        <v>83702.256510000007</v>
      </c>
      <c r="AO7607">
        <v>29985.029829999999</v>
      </c>
      <c r="AP7607">
        <v>13859.905489999999</v>
      </c>
    </row>
    <row r="7608" spans="2:42" x14ac:dyDescent="0.3">
      <c r="B7608">
        <v>59.259133695509121</v>
      </c>
      <c r="C7608" s="83">
        <v>43417.916666666664</v>
      </c>
      <c r="D7608">
        <v>225242.26259999999</v>
      </c>
      <c r="E7608">
        <v>15325.91779</v>
      </c>
      <c r="F7608">
        <v>52899.323669999998</v>
      </c>
      <c r="G7608">
        <v>40464.293830000002</v>
      </c>
      <c r="H7608">
        <v>38458.775549999998</v>
      </c>
      <c r="I7608">
        <v>25988.260780000001</v>
      </c>
      <c r="J7608">
        <v>31003.635709999999</v>
      </c>
      <c r="K7608">
        <v>52511.533300000003</v>
      </c>
      <c r="L7608">
        <v>23219.425579999999</v>
      </c>
      <c r="M7608">
        <v>302130.6986</v>
      </c>
      <c r="N7608">
        <v>66567.280859999999</v>
      </c>
      <c r="O7608">
        <v>19930.136579999999</v>
      </c>
      <c r="P7608">
        <v>33826.059520000003</v>
      </c>
      <c r="Q7608">
        <v>76603.024139999994</v>
      </c>
      <c r="R7608">
        <v>21891.184099999999</v>
      </c>
      <c r="S7608">
        <v>81371.376579999996</v>
      </c>
      <c r="T7608">
        <v>26467.066419999999</v>
      </c>
      <c r="U7608">
        <v>13806.212530000001</v>
      </c>
      <c r="W7608" s="83">
        <f>Bühler!N7640</f>
        <v>45608.91666664822</v>
      </c>
      <c r="X7608" s="83">
        <v>43417.916666666664</v>
      </c>
      <c r="Y7608">
        <v>225242.26259999999</v>
      </c>
      <c r="Z7608">
        <v>15325.91779</v>
      </c>
      <c r="AA7608">
        <v>52899.323669999998</v>
      </c>
      <c r="AB7608">
        <v>40464.293830000002</v>
      </c>
      <c r="AC7608">
        <v>38458.775549999998</v>
      </c>
      <c r="AD7608">
        <v>25988.260780000001</v>
      </c>
      <c r="AE7608">
        <v>31003.635709999999</v>
      </c>
      <c r="AF7608">
        <v>52511.533300000003</v>
      </c>
      <c r="AG7608">
        <v>23219.425579999999</v>
      </c>
      <c r="AH7608">
        <v>302130.6986</v>
      </c>
      <c r="AI7608">
        <v>66567.280859999999</v>
      </c>
      <c r="AJ7608">
        <v>19930.136579999999</v>
      </c>
      <c r="AK7608">
        <v>33826.059520000003</v>
      </c>
      <c r="AL7608">
        <v>76603.024139999994</v>
      </c>
      <c r="AM7608">
        <v>21891.184099999999</v>
      </c>
      <c r="AN7608">
        <v>81371.376579999996</v>
      </c>
      <c r="AO7608">
        <v>26467.066419999999</v>
      </c>
      <c r="AP7608">
        <v>13806.212530000001</v>
      </c>
    </row>
    <row r="7609" spans="2:42" x14ac:dyDescent="0.3">
      <c r="B7609">
        <v>57.884822337926948</v>
      </c>
      <c r="C7609" s="83">
        <v>43417.958333333336</v>
      </c>
      <c r="D7609">
        <v>225133.19260000001</v>
      </c>
      <c r="E7609">
        <v>14749.42448</v>
      </c>
      <c r="F7609">
        <v>51410.329530000003</v>
      </c>
      <c r="G7609">
        <v>39784.694869999999</v>
      </c>
      <c r="H7609">
        <v>37435.978539999996</v>
      </c>
      <c r="I7609">
        <v>24536.64978</v>
      </c>
      <c r="J7609">
        <v>29295.91476</v>
      </c>
      <c r="K7609">
        <v>51487.872139999999</v>
      </c>
      <c r="L7609">
        <v>20691.135419999999</v>
      </c>
      <c r="M7609">
        <v>295123.81839999999</v>
      </c>
      <c r="N7609">
        <v>65590.647400000002</v>
      </c>
      <c r="O7609">
        <v>19849.555850000001</v>
      </c>
      <c r="P7609">
        <v>28827.37617</v>
      </c>
      <c r="Q7609">
        <v>74939.163809999998</v>
      </c>
      <c r="R7609">
        <v>20896.291550000002</v>
      </c>
      <c r="S7609">
        <v>79048.702699999994</v>
      </c>
      <c r="T7609">
        <v>27787.89299</v>
      </c>
      <c r="U7609">
        <v>13550.309639999999</v>
      </c>
      <c r="W7609" s="83">
        <f>Bühler!N7641</f>
        <v>45608.958333314884</v>
      </c>
      <c r="X7609" s="83">
        <v>43417.958333333336</v>
      </c>
      <c r="Y7609">
        <v>225133.19260000001</v>
      </c>
      <c r="Z7609">
        <v>14749.42448</v>
      </c>
      <c r="AA7609">
        <v>51410.329530000003</v>
      </c>
      <c r="AB7609">
        <v>39784.694869999999</v>
      </c>
      <c r="AC7609">
        <v>37435.978539999996</v>
      </c>
      <c r="AD7609">
        <v>24536.64978</v>
      </c>
      <c r="AE7609">
        <v>29295.91476</v>
      </c>
      <c r="AF7609">
        <v>51487.872139999999</v>
      </c>
      <c r="AG7609">
        <v>20691.135419999999</v>
      </c>
      <c r="AH7609">
        <v>295123.81839999999</v>
      </c>
      <c r="AI7609">
        <v>65590.647400000002</v>
      </c>
      <c r="AJ7609">
        <v>19849.555850000001</v>
      </c>
      <c r="AK7609">
        <v>28827.37617</v>
      </c>
      <c r="AL7609">
        <v>74939.163809999998</v>
      </c>
      <c r="AM7609">
        <v>20896.291550000002</v>
      </c>
      <c r="AN7609">
        <v>79048.702699999994</v>
      </c>
      <c r="AO7609">
        <v>27787.89299</v>
      </c>
      <c r="AP7609">
        <v>13550.309639999999</v>
      </c>
    </row>
    <row r="7610" spans="2:42" x14ac:dyDescent="0.3">
      <c r="B7610">
        <v>50.182719574816858</v>
      </c>
      <c r="C7610" s="83">
        <v>43418</v>
      </c>
      <c r="D7610">
        <v>181804.3792</v>
      </c>
      <c r="E7610">
        <v>13155.977650000001</v>
      </c>
      <c r="F7610">
        <v>48709.472110000002</v>
      </c>
      <c r="G7610">
        <v>38552.600749999998</v>
      </c>
      <c r="H7610">
        <v>35786.865259999999</v>
      </c>
      <c r="I7610">
        <v>20833.40652</v>
      </c>
      <c r="J7610">
        <v>27115.979530000001</v>
      </c>
      <c r="K7610">
        <v>48825.0092</v>
      </c>
      <c r="L7610">
        <v>17938.85485</v>
      </c>
      <c r="M7610">
        <v>255854.90669999999</v>
      </c>
      <c r="N7610">
        <v>63368.961049999998</v>
      </c>
      <c r="O7610">
        <v>19547.964459999999</v>
      </c>
      <c r="P7610">
        <v>26116.17684</v>
      </c>
      <c r="Q7610">
        <v>71773.188500000004</v>
      </c>
      <c r="R7610">
        <v>18556.148959999999</v>
      </c>
      <c r="S7610">
        <v>77202.996090000001</v>
      </c>
      <c r="T7610">
        <v>25410.79896</v>
      </c>
      <c r="U7610">
        <v>12713.60749</v>
      </c>
      <c r="W7610" s="83">
        <f>Bühler!N7642</f>
        <v>45608.999999981548</v>
      </c>
      <c r="X7610" s="83">
        <v>43418</v>
      </c>
      <c r="Y7610">
        <v>181804.3792</v>
      </c>
      <c r="Z7610">
        <v>13155.977650000001</v>
      </c>
      <c r="AA7610">
        <v>48709.472110000002</v>
      </c>
      <c r="AB7610">
        <v>38552.600749999998</v>
      </c>
      <c r="AC7610">
        <v>35786.865259999999</v>
      </c>
      <c r="AD7610">
        <v>20833.40652</v>
      </c>
      <c r="AE7610">
        <v>27115.979530000001</v>
      </c>
      <c r="AF7610">
        <v>48825.0092</v>
      </c>
      <c r="AG7610">
        <v>17938.85485</v>
      </c>
      <c r="AH7610">
        <v>255854.90669999999</v>
      </c>
      <c r="AI7610">
        <v>63368.961049999998</v>
      </c>
      <c r="AJ7610">
        <v>19547.964459999999</v>
      </c>
      <c r="AK7610">
        <v>26116.17684</v>
      </c>
      <c r="AL7610">
        <v>71773.188500000004</v>
      </c>
      <c r="AM7610">
        <v>18556.148959999999</v>
      </c>
      <c r="AN7610">
        <v>77202.996090000001</v>
      </c>
      <c r="AO7610">
        <v>25410.79896</v>
      </c>
      <c r="AP7610">
        <v>12713.60749</v>
      </c>
    </row>
    <row r="7611" spans="2:42" x14ac:dyDescent="0.3">
      <c r="B7611">
        <v>50.609268708250156</v>
      </c>
      <c r="C7611" s="83">
        <v>43418.041666666664</v>
      </c>
      <c r="D7611">
        <v>182047.3296</v>
      </c>
      <c r="E7611">
        <v>13237.950709999999</v>
      </c>
      <c r="F7611">
        <v>50139.418879999997</v>
      </c>
      <c r="G7611">
        <v>38227.16188</v>
      </c>
      <c r="H7611">
        <v>35358.141309999999</v>
      </c>
      <c r="I7611">
        <v>17330.531180000002</v>
      </c>
      <c r="J7611">
        <v>26223.040260000002</v>
      </c>
      <c r="K7611">
        <v>47164.413840000001</v>
      </c>
      <c r="L7611">
        <v>17219.12602</v>
      </c>
      <c r="M7611">
        <v>258029.6531</v>
      </c>
      <c r="N7611">
        <v>63074.953029999997</v>
      </c>
      <c r="O7611">
        <v>19709.458910000001</v>
      </c>
      <c r="P7611">
        <v>24940.756740000001</v>
      </c>
      <c r="Q7611">
        <v>73021.598459999994</v>
      </c>
      <c r="R7611">
        <v>18289.441780000001</v>
      </c>
      <c r="S7611">
        <v>76712.502519999995</v>
      </c>
      <c r="T7611">
        <v>24859.268929999998</v>
      </c>
      <c r="U7611">
        <v>12996.6484</v>
      </c>
      <c r="W7611" s="83">
        <f>Bühler!N7643</f>
        <v>45609.041666648212</v>
      </c>
      <c r="X7611" s="83">
        <v>43418.041666666664</v>
      </c>
      <c r="Y7611">
        <v>182047.3296</v>
      </c>
      <c r="Z7611">
        <v>13237.950709999999</v>
      </c>
      <c r="AA7611">
        <v>50139.418879999997</v>
      </c>
      <c r="AB7611">
        <v>38227.16188</v>
      </c>
      <c r="AC7611">
        <v>35358.141309999999</v>
      </c>
      <c r="AD7611">
        <v>17330.531180000002</v>
      </c>
      <c r="AE7611">
        <v>26223.040260000002</v>
      </c>
      <c r="AF7611">
        <v>47164.413840000001</v>
      </c>
      <c r="AG7611">
        <v>17219.12602</v>
      </c>
      <c r="AH7611">
        <v>258029.6531</v>
      </c>
      <c r="AI7611">
        <v>63074.953029999997</v>
      </c>
      <c r="AJ7611">
        <v>19709.458910000001</v>
      </c>
      <c r="AK7611">
        <v>24940.756740000001</v>
      </c>
      <c r="AL7611">
        <v>73021.598459999994</v>
      </c>
      <c r="AM7611">
        <v>18289.441780000001</v>
      </c>
      <c r="AN7611">
        <v>76712.502519999995</v>
      </c>
      <c r="AO7611">
        <v>24859.268929999998</v>
      </c>
      <c r="AP7611">
        <v>12996.6484</v>
      </c>
    </row>
    <row r="7612" spans="2:42" x14ac:dyDescent="0.3">
      <c r="B7612">
        <v>51.305062690610605</v>
      </c>
      <c r="C7612" s="83">
        <v>43418.083333333336</v>
      </c>
      <c r="D7612">
        <v>183069.22339999999</v>
      </c>
      <c r="E7612">
        <v>13161.904280000001</v>
      </c>
      <c r="F7612">
        <v>50692.114629999996</v>
      </c>
      <c r="G7612">
        <v>38014.216269999997</v>
      </c>
      <c r="H7612">
        <v>35421.753660000002</v>
      </c>
      <c r="I7612">
        <v>16104.33556</v>
      </c>
      <c r="J7612">
        <v>26117.895349999999</v>
      </c>
      <c r="K7612">
        <v>45506.860339999999</v>
      </c>
      <c r="L7612">
        <v>17159.806240000002</v>
      </c>
      <c r="M7612">
        <v>261577.13529999999</v>
      </c>
      <c r="N7612">
        <v>62926.6463</v>
      </c>
      <c r="O7612">
        <v>20063.84189</v>
      </c>
      <c r="P7612">
        <v>23232.837660000001</v>
      </c>
      <c r="Q7612">
        <v>76797.971980000002</v>
      </c>
      <c r="R7612">
        <v>17800.37585</v>
      </c>
      <c r="S7612">
        <v>75779.861499999999</v>
      </c>
      <c r="T7612">
        <v>24413.526740000001</v>
      </c>
      <c r="U7612">
        <v>12979.4007</v>
      </c>
      <c r="W7612" s="83">
        <f>Bühler!N7644</f>
        <v>45609.083333314877</v>
      </c>
      <c r="X7612" s="83">
        <v>43418.083333333336</v>
      </c>
      <c r="Y7612">
        <v>183069.22339999999</v>
      </c>
      <c r="Z7612">
        <v>13161.904280000001</v>
      </c>
      <c r="AA7612">
        <v>50692.114629999996</v>
      </c>
      <c r="AB7612">
        <v>38014.216269999997</v>
      </c>
      <c r="AC7612">
        <v>35421.753660000002</v>
      </c>
      <c r="AD7612">
        <v>16104.33556</v>
      </c>
      <c r="AE7612">
        <v>26117.895349999999</v>
      </c>
      <c r="AF7612">
        <v>45506.860339999999</v>
      </c>
      <c r="AG7612">
        <v>17159.806240000002</v>
      </c>
      <c r="AH7612">
        <v>261577.13529999999</v>
      </c>
      <c r="AI7612">
        <v>62926.6463</v>
      </c>
      <c r="AJ7612">
        <v>20063.84189</v>
      </c>
      <c r="AK7612">
        <v>23232.837660000001</v>
      </c>
      <c r="AL7612">
        <v>76797.971980000002</v>
      </c>
      <c r="AM7612">
        <v>17800.37585</v>
      </c>
      <c r="AN7612">
        <v>75779.861499999999</v>
      </c>
      <c r="AO7612">
        <v>24413.526740000001</v>
      </c>
      <c r="AP7612">
        <v>12979.4007</v>
      </c>
    </row>
    <row r="7613" spans="2:42" x14ac:dyDescent="0.3">
      <c r="B7613">
        <v>51.948013370312978</v>
      </c>
      <c r="C7613" s="83">
        <v>43418.125</v>
      </c>
      <c r="D7613">
        <v>187335.7286</v>
      </c>
      <c r="E7613">
        <v>13275.61073</v>
      </c>
      <c r="F7613">
        <v>51677.908280000003</v>
      </c>
      <c r="G7613">
        <v>37441.873630000002</v>
      </c>
      <c r="H7613">
        <v>35406.415090000002</v>
      </c>
      <c r="I7613">
        <v>16139.342780000001</v>
      </c>
      <c r="J7613">
        <v>26338.93448</v>
      </c>
      <c r="K7613">
        <v>45000.246870000003</v>
      </c>
      <c r="L7613">
        <v>16833.57848</v>
      </c>
      <c r="M7613">
        <v>264855.19770000002</v>
      </c>
      <c r="N7613">
        <v>63488.123659999997</v>
      </c>
      <c r="O7613">
        <v>19807.423770000001</v>
      </c>
      <c r="P7613">
        <v>23446.43244</v>
      </c>
      <c r="Q7613">
        <v>80466.254100000006</v>
      </c>
      <c r="R7613">
        <v>17892.632369999999</v>
      </c>
      <c r="S7613">
        <v>75198.066120000003</v>
      </c>
      <c r="T7613">
        <v>24309.824100000002</v>
      </c>
      <c r="U7613">
        <v>13212.13298</v>
      </c>
      <c r="W7613" s="83">
        <f>Bühler!N7645</f>
        <v>45609.124999981541</v>
      </c>
      <c r="X7613" s="83">
        <v>43418.125</v>
      </c>
      <c r="Y7613">
        <v>187335.7286</v>
      </c>
      <c r="Z7613">
        <v>13275.61073</v>
      </c>
      <c r="AA7613">
        <v>51677.908280000003</v>
      </c>
      <c r="AB7613">
        <v>37441.873630000002</v>
      </c>
      <c r="AC7613">
        <v>35406.415090000002</v>
      </c>
      <c r="AD7613">
        <v>16139.342780000001</v>
      </c>
      <c r="AE7613">
        <v>26338.93448</v>
      </c>
      <c r="AF7613">
        <v>45000.246870000003</v>
      </c>
      <c r="AG7613">
        <v>16833.57848</v>
      </c>
      <c r="AH7613">
        <v>264855.19770000002</v>
      </c>
      <c r="AI7613">
        <v>63488.123659999997</v>
      </c>
      <c r="AJ7613">
        <v>19807.423770000001</v>
      </c>
      <c r="AK7613">
        <v>23446.43244</v>
      </c>
      <c r="AL7613">
        <v>80466.254100000006</v>
      </c>
      <c r="AM7613">
        <v>17892.632369999999</v>
      </c>
      <c r="AN7613">
        <v>75198.066120000003</v>
      </c>
      <c r="AO7613">
        <v>24309.824100000002</v>
      </c>
      <c r="AP7613">
        <v>13212.13298</v>
      </c>
    </row>
    <row r="7614" spans="2:42" x14ac:dyDescent="0.3">
      <c r="B7614">
        <v>54.566846329967007</v>
      </c>
      <c r="C7614" s="83">
        <v>43418.166666666664</v>
      </c>
      <c r="D7614">
        <v>198328.85250000001</v>
      </c>
      <c r="E7614">
        <v>14123.3279</v>
      </c>
      <c r="F7614">
        <v>55698.346969999999</v>
      </c>
      <c r="G7614">
        <v>37680.31237</v>
      </c>
      <c r="H7614">
        <v>36815.357409999997</v>
      </c>
      <c r="I7614">
        <v>18269.121050000002</v>
      </c>
      <c r="J7614">
        <v>27555.589059999998</v>
      </c>
      <c r="K7614">
        <v>43525.146139999997</v>
      </c>
      <c r="L7614">
        <v>16774.054459999999</v>
      </c>
      <c r="M7614">
        <v>278207.22940000001</v>
      </c>
      <c r="N7614">
        <v>62592.80515</v>
      </c>
      <c r="O7614">
        <v>20834.24149</v>
      </c>
      <c r="P7614">
        <v>23791.30155</v>
      </c>
      <c r="Q7614">
        <v>86470.355739999999</v>
      </c>
      <c r="R7614">
        <v>17124.872429999999</v>
      </c>
      <c r="S7614">
        <v>76301.116380000007</v>
      </c>
      <c r="T7614">
        <v>24390.32634</v>
      </c>
      <c r="U7614">
        <v>14733.955180000001</v>
      </c>
      <c r="W7614" s="83">
        <f>Bühler!N7646</f>
        <v>45609.166666648205</v>
      </c>
      <c r="X7614" s="83">
        <v>43418.166666666664</v>
      </c>
      <c r="Y7614">
        <v>198328.85250000001</v>
      </c>
      <c r="Z7614">
        <v>14123.3279</v>
      </c>
      <c r="AA7614">
        <v>55698.346969999999</v>
      </c>
      <c r="AB7614">
        <v>37680.31237</v>
      </c>
      <c r="AC7614">
        <v>36815.357409999997</v>
      </c>
      <c r="AD7614">
        <v>18269.121050000002</v>
      </c>
      <c r="AE7614">
        <v>27555.589059999998</v>
      </c>
      <c r="AF7614">
        <v>43525.146139999997</v>
      </c>
      <c r="AG7614">
        <v>16774.054459999999</v>
      </c>
      <c r="AH7614">
        <v>278207.22940000001</v>
      </c>
      <c r="AI7614">
        <v>62592.80515</v>
      </c>
      <c r="AJ7614">
        <v>20834.24149</v>
      </c>
      <c r="AK7614">
        <v>23791.30155</v>
      </c>
      <c r="AL7614">
        <v>86470.355739999999</v>
      </c>
      <c r="AM7614">
        <v>17124.872429999999</v>
      </c>
      <c r="AN7614">
        <v>76301.116380000007</v>
      </c>
      <c r="AO7614">
        <v>24390.32634</v>
      </c>
      <c r="AP7614">
        <v>14733.955180000001</v>
      </c>
    </row>
    <row r="7615" spans="2:42" x14ac:dyDescent="0.3">
      <c r="B7615">
        <v>60.226325919457111</v>
      </c>
      <c r="C7615" s="83">
        <v>43418.208333333336</v>
      </c>
      <c r="D7615">
        <v>227999.94760000001</v>
      </c>
      <c r="E7615">
        <v>16774.30675</v>
      </c>
      <c r="F7615">
        <v>67220.266269999993</v>
      </c>
      <c r="G7615">
        <v>40260.575969999998</v>
      </c>
      <c r="H7615">
        <v>38624.253980000001</v>
      </c>
      <c r="I7615">
        <v>26127.106179999999</v>
      </c>
      <c r="J7615">
        <v>30746.589690000001</v>
      </c>
      <c r="K7615">
        <v>43721.173620000001</v>
      </c>
      <c r="L7615">
        <v>17301.20421</v>
      </c>
      <c r="M7615">
        <v>307061.89559999999</v>
      </c>
      <c r="N7615">
        <v>65167.2255</v>
      </c>
      <c r="O7615">
        <v>21322.835739999999</v>
      </c>
      <c r="P7615">
        <v>25299.965670000001</v>
      </c>
      <c r="Q7615">
        <v>90354.185259999998</v>
      </c>
      <c r="R7615">
        <v>18779.798739999998</v>
      </c>
      <c r="S7615">
        <v>78820.514930000005</v>
      </c>
      <c r="T7615">
        <v>26258.6855</v>
      </c>
      <c r="U7615">
        <v>16101.452079999999</v>
      </c>
      <c r="W7615" s="83">
        <f>Bühler!N7647</f>
        <v>45609.208333314869</v>
      </c>
      <c r="X7615" s="83">
        <v>43418.208333333336</v>
      </c>
      <c r="Y7615">
        <v>227999.94760000001</v>
      </c>
      <c r="Z7615">
        <v>16774.30675</v>
      </c>
      <c r="AA7615">
        <v>67220.266269999993</v>
      </c>
      <c r="AB7615">
        <v>40260.575969999998</v>
      </c>
      <c r="AC7615">
        <v>38624.253980000001</v>
      </c>
      <c r="AD7615">
        <v>26127.106179999999</v>
      </c>
      <c r="AE7615">
        <v>30746.589690000001</v>
      </c>
      <c r="AF7615">
        <v>43721.173620000001</v>
      </c>
      <c r="AG7615">
        <v>17301.20421</v>
      </c>
      <c r="AH7615">
        <v>307061.89559999999</v>
      </c>
      <c r="AI7615">
        <v>65167.2255</v>
      </c>
      <c r="AJ7615">
        <v>21322.835739999999</v>
      </c>
      <c r="AK7615">
        <v>25299.965670000001</v>
      </c>
      <c r="AL7615">
        <v>90354.185259999998</v>
      </c>
      <c r="AM7615">
        <v>18779.798739999998</v>
      </c>
      <c r="AN7615">
        <v>78820.514930000005</v>
      </c>
      <c r="AO7615">
        <v>26258.6855</v>
      </c>
      <c r="AP7615">
        <v>16101.452079999999</v>
      </c>
    </row>
    <row r="7616" spans="2:42" x14ac:dyDescent="0.3">
      <c r="B7616">
        <v>66.093720718914739</v>
      </c>
      <c r="C7616" s="83">
        <v>43418.25</v>
      </c>
      <c r="D7616">
        <v>252115.58009999999</v>
      </c>
      <c r="E7616">
        <v>21247.424319999998</v>
      </c>
      <c r="F7616">
        <v>81304.567450000002</v>
      </c>
      <c r="G7616">
        <v>53254.978739999999</v>
      </c>
      <c r="H7616">
        <v>42947.392079999998</v>
      </c>
      <c r="I7616">
        <v>34806.872190000002</v>
      </c>
      <c r="J7616">
        <v>34615.574639999999</v>
      </c>
      <c r="K7616">
        <v>47582.531410000003</v>
      </c>
      <c r="L7616">
        <v>18918.88536</v>
      </c>
      <c r="M7616">
        <v>336976.61050000001</v>
      </c>
      <c r="N7616">
        <v>70918.148180000004</v>
      </c>
      <c r="O7616">
        <v>23338.274689999998</v>
      </c>
      <c r="P7616">
        <v>27170.4185</v>
      </c>
      <c r="Q7616">
        <v>93044.886100000003</v>
      </c>
      <c r="R7616">
        <v>18824.32733</v>
      </c>
      <c r="S7616">
        <v>88636.134560000006</v>
      </c>
      <c r="T7616">
        <v>29316.24596</v>
      </c>
      <c r="U7616">
        <v>19510.321329999999</v>
      </c>
      <c r="W7616" s="83">
        <f>Bühler!N7648</f>
        <v>45609.249999981534</v>
      </c>
      <c r="X7616" s="83">
        <v>43418.25</v>
      </c>
      <c r="Y7616">
        <v>252115.58009999999</v>
      </c>
      <c r="Z7616">
        <v>21247.424319999998</v>
      </c>
      <c r="AA7616">
        <v>81304.567450000002</v>
      </c>
      <c r="AB7616">
        <v>53254.978739999999</v>
      </c>
      <c r="AC7616">
        <v>42947.392079999998</v>
      </c>
      <c r="AD7616">
        <v>34806.872190000002</v>
      </c>
      <c r="AE7616">
        <v>34615.574639999999</v>
      </c>
      <c r="AF7616">
        <v>47582.531410000003</v>
      </c>
      <c r="AG7616">
        <v>18918.88536</v>
      </c>
      <c r="AH7616">
        <v>336976.61050000001</v>
      </c>
      <c r="AI7616">
        <v>70918.148180000004</v>
      </c>
      <c r="AJ7616">
        <v>23338.274689999998</v>
      </c>
      <c r="AK7616">
        <v>27170.4185</v>
      </c>
      <c r="AL7616">
        <v>93044.886100000003</v>
      </c>
      <c r="AM7616">
        <v>18824.32733</v>
      </c>
      <c r="AN7616">
        <v>88636.134560000006</v>
      </c>
      <c r="AO7616">
        <v>29316.24596</v>
      </c>
      <c r="AP7616">
        <v>19510.321329999999</v>
      </c>
    </row>
    <row r="7617" spans="2:42" x14ac:dyDescent="0.3">
      <c r="B7617">
        <v>68.635114665830557</v>
      </c>
      <c r="C7617" s="83">
        <v>43418.291666666664</v>
      </c>
      <c r="D7617">
        <v>269808.84139999998</v>
      </c>
      <c r="E7617">
        <v>26352.72956</v>
      </c>
      <c r="F7617">
        <v>84537.612729999993</v>
      </c>
      <c r="G7617">
        <v>67111.233179999996</v>
      </c>
      <c r="H7617">
        <v>49187.517019999999</v>
      </c>
      <c r="I7617">
        <v>44741.496019999999</v>
      </c>
      <c r="J7617">
        <v>35803.99725</v>
      </c>
      <c r="K7617">
        <v>53742.396670000002</v>
      </c>
      <c r="L7617">
        <v>21812.404009999998</v>
      </c>
      <c r="M7617">
        <v>349933.82199999999</v>
      </c>
      <c r="N7617">
        <v>78418.924790000005</v>
      </c>
      <c r="O7617">
        <v>26664.06508</v>
      </c>
      <c r="P7617">
        <v>29085.26225</v>
      </c>
      <c r="Q7617">
        <v>93862.68217</v>
      </c>
      <c r="R7617">
        <v>21058.290850000001</v>
      </c>
      <c r="S7617">
        <v>105674.5793</v>
      </c>
      <c r="T7617">
        <v>31682.303520000001</v>
      </c>
      <c r="U7617">
        <v>24649.54564</v>
      </c>
      <c r="W7617" s="83">
        <f>Bühler!N7649</f>
        <v>45609.291666648198</v>
      </c>
      <c r="X7617" s="83">
        <v>43418.291666666664</v>
      </c>
      <c r="Y7617">
        <v>269808.84139999998</v>
      </c>
      <c r="Z7617">
        <v>26352.72956</v>
      </c>
      <c r="AA7617">
        <v>84537.612729999993</v>
      </c>
      <c r="AB7617">
        <v>67111.233179999996</v>
      </c>
      <c r="AC7617">
        <v>49187.517019999999</v>
      </c>
      <c r="AD7617">
        <v>44741.496019999999</v>
      </c>
      <c r="AE7617">
        <v>35803.99725</v>
      </c>
      <c r="AF7617">
        <v>53742.396670000002</v>
      </c>
      <c r="AG7617">
        <v>21812.404009999998</v>
      </c>
      <c r="AH7617">
        <v>349933.82199999999</v>
      </c>
      <c r="AI7617">
        <v>78418.924790000005</v>
      </c>
      <c r="AJ7617">
        <v>26664.06508</v>
      </c>
      <c r="AK7617">
        <v>29085.26225</v>
      </c>
      <c r="AL7617">
        <v>93862.68217</v>
      </c>
      <c r="AM7617">
        <v>21058.290850000001</v>
      </c>
      <c r="AN7617">
        <v>105674.5793</v>
      </c>
      <c r="AO7617">
        <v>31682.303520000001</v>
      </c>
      <c r="AP7617">
        <v>24649.54564</v>
      </c>
    </row>
    <row r="7618" spans="2:42" x14ac:dyDescent="0.3">
      <c r="B7618">
        <v>70.018602429975417</v>
      </c>
      <c r="C7618" s="83">
        <v>43418.333333333336</v>
      </c>
      <c r="D7618">
        <v>282504.80690000003</v>
      </c>
      <c r="E7618">
        <v>31835.19469</v>
      </c>
      <c r="F7618">
        <v>90540.532470000006</v>
      </c>
      <c r="G7618">
        <v>84269.993799999997</v>
      </c>
      <c r="H7618">
        <v>53071.367039999997</v>
      </c>
      <c r="I7618">
        <v>47516.073360000002</v>
      </c>
      <c r="J7618">
        <v>35434.990100000003</v>
      </c>
      <c r="K7618">
        <v>59991.508970000003</v>
      </c>
      <c r="L7618">
        <v>24790.515360000001</v>
      </c>
      <c r="M7618">
        <v>356987.4878</v>
      </c>
      <c r="N7618">
        <v>85332.704889999994</v>
      </c>
      <c r="O7618">
        <v>27859.37182</v>
      </c>
      <c r="P7618">
        <v>29965.466049999999</v>
      </c>
      <c r="Q7618">
        <v>94914.213359999994</v>
      </c>
      <c r="R7618">
        <v>21606.446400000001</v>
      </c>
      <c r="S7618">
        <v>118539.29670000001</v>
      </c>
      <c r="T7618">
        <v>35192.365760000001</v>
      </c>
      <c r="U7618">
        <v>27274.719730000001</v>
      </c>
      <c r="W7618" s="83">
        <f>Bühler!N7650</f>
        <v>45609.333333314862</v>
      </c>
      <c r="X7618" s="83">
        <v>43418.333333333336</v>
      </c>
      <c r="Y7618">
        <v>282504.80690000003</v>
      </c>
      <c r="Z7618">
        <v>31835.19469</v>
      </c>
      <c r="AA7618">
        <v>90540.532470000006</v>
      </c>
      <c r="AB7618">
        <v>84269.993799999997</v>
      </c>
      <c r="AC7618">
        <v>53071.367039999997</v>
      </c>
      <c r="AD7618">
        <v>47516.073360000002</v>
      </c>
      <c r="AE7618">
        <v>35434.990100000003</v>
      </c>
      <c r="AF7618">
        <v>59991.508970000003</v>
      </c>
      <c r="AG7618">
        <v>24790.515360000001</v>
      </c>
      <c r="AH7618">
        <v>356987.4878</v>
      </c>
      <c r="AI7618">
        <v>85332.704889999994</v>
      </c>
      <c r="AJ7618">
        <v>27859.37182</v>
      </c>
      <c r="AK7618">
        <v>29965.466049999999</v>
      </c>
      <c r="AL7618">
        <v>94914.213359999994</v>
      </c>
      <c r="AM7618">
        <v>21606.446400000001</v>
      </c>
      <c r="AN7618">
        <v>118539.29670000001</v>
      </c>
      <c r="AO7618">
        <v>35192.365760000001</v>
      </c>
      <c r="AP7618">
        <v>27274.719730000001</v>
      </c>
    </row>
    <row r="7619" spans="2:42" x14ac:dyDescent="0.3">
      <c r="B7619">
        <v>70.422448520525506</v>
      </c>
      <c r="C7619" s="83">
        <v>43418.375</v>
      </c>
      <c r="D7619">
        <v>285648.41950000002</v>
      </c>
      <c r="E7619">
        <v>36138.186609999997</v>
      </c>
      <c r="F7619">
        <v>98418.364220000003</v>
      </c>
      <c r="G7619">
        <v>93036.971269999995</v>
      </c>
      <c r="H7619">
        <v>56128.22767</v>
      </c>
      <c r="I7619">
        <v>44947.894209999999</v>
      </c>
      <c r="J7619">
        <v>35619.668259999999</v>
      </c>
      <c r="K7619">
        <v>60945.141340000002</v>
      </c>
      <c r="L7619">
        <v>28167.406470000002</v>
      </c>
      <c r="M7619">
        <v>359046.48349999997</v>
      </c>
      <c r="N7619">
        <v>86810.069839999996</v>
      </c>
      <c r="O7619">
        <v>28301.330030000001</v>
      </c>
      <c r="P7619">
        <v>32257.490760000001</v>
      </c>
      <c r="Q7619">
        <v>95960.412289999993</v>
      </c>
      <c r="R7619">
        <v>24031.972590000001</v>
      </c>
      <c r="S7619">
        <v>124965.1516</v>
      </c>
      <c r="T7619">
        <v>37134.482080000002</v>
      </c>
      <c r="U7619">
        <v>27469.219519999999</v>
      </c>
      <c r="W7619" s="83">
        <f>Bühler!N7651</f>
        <v>45609.374999981526</v>
      </c>
      <c r="X7619" s="83">
        <v>43418.375</v>
      </c>
      <c r="Y7619">
        <v>285648.41950000002</v>
      </c>
      <c r="Z7619">
        <v>36138.186609999997</v>
      </c>
      <c r="AA7619">
        <v>98418.364220000003</v>
      </c>
      <c r="AB7619">
        <v>93036.971269999995</v>
      </c>
      <c r="AC7619">
        <v>56128.22767</v>
      </c>
      <c r="AD7619">
        <v>44947.894209999999</v>
      </c>
      <c r="AE7619">
        <v>35619.668259999999</v>
      </c>
      <c r="AF7619">
        <v>60945.141340000002</v>
      </c>
      <c r="AG7619">
        <v>28167.406470000002</v>
      </c>
      <c r="AH7619">
        <v>359046.48349999997</v>
      </c>
      <c r="AI7619">
        <v>86810.069839999996</v>
      </c>
      <c r="AJ7619">
        <v>28301.330030000001</v>
      </c>
      <c r="AK7619">
        <v>32257.490760000001</v>
      </c>
      <c r="AL7619">
        <v>95960.412289999993</v>
      </c>
      <c r="AM7619">
        <v>24031.972590000001</v>
      </c>
      <c r="AN7619">
        <v>124965.1516</v>
      </c>
      <c r="AO7619">
        <v>37134.482080000002</v>
      </c>
      <c r="AP7619">
        <v>27469.219519999999</v>
      </c>
    </row>
    <row r="7620" spans="2:42" x14ac:dyDescent="0.3">
      <c r="B7620">
        <v>70.967489423734477</v>
      </c>
      <c r="C7620" s="83">
        <v>43418.416666666664</v>
      </c>
      <c r="D7620">
        <v>288743.19209999999</v>
      </c>
      <c r="E7620">
        <v>37338.839330000003</v>
      </c>
      <c r="F7620">
        <v>98440.725829999996</v>
      </c>
      <c r="G7620">
        <v>93870.770879999996</v>
      </c>
      <c r="H7620">
        <v>56016.899839999998</v>
      </c>
      <c r="I7620">
        <v>42409.433360000003</v>
      </c>
      <c r="J7620">
        <v>35199.317770000001</v>
      </c>
      <c r="K7620">
        <v>61781.878340000003</v>
      </c>
      <c r="L7620">
        <v>29997.80343</v>
      </c>
      <c r="M7620">
        <v>361825.35619999998</v>
      </c>
      <c r="N7620">
        <v>86493.00735</v>
      </c>
      <c r="O7620">
        <v>27948.227849999999</v>
      </c>
      <c r="P7620">
        <v>33023.737090000002</v>
      </c>
      <c r="Q7620">
        <v>95546.732740000007</v>
      </c>
      <c r="R7620">
        <v>23331.460319999998</v>
      </c>
      <c r="S7620">
        <v>123720.2127</v>
      </c>
      <c r="T7620">
        <v>38424.513590000002</v>
      </c>
      <c r="U7620">
        <v>26934.711899999998</v>
      </c>
      <c r="W7620" s="83">
        <f>Bühler!N7652</f>
        <v>45609.416666648191</v>
      </c>
      <c r="X7620" s="83">
        <v>43418.416666666664</v>
      </c>
      <c r="Y7620">
        <v>288743.19209999999</v>
      </c>
      <c r="Z7620">
        <v>37338.839330000003</v>
      </c>
      <c r="AA7620">
        <v>98440.725829999996</v>
      </c>
      <c r="AB7620">
        <v>93870.770879999996</v>
      </c>
      <c r="AC7620">
        <v>56016.899839999998</v>
      </c>
      <c r="AD7620">
        <v>42409.433360000003</v>
      </c>
      <c r="AE7620">
        <v>35199.317770000001</v>
      </c>
      <c r="AF7620">
        <v>61781.878340000003</v>
      </c>
      <c r="AG7620">
        <v>29997.80343</v>
      </c>
      <c r="AH7620">
        <v>361825.35619999998</v>
      </c>
      <c r="AI7620">
        <v>86493.00735</v>
      </c>
      <c r="AJ7620">
        <v>27948.227849999999</v>
      </c>
      <c r="AK7620">
        <v>33023.737090000002</v>
      </c>
      <c r="AL7620">
        <v>95546.732740000007</v>
      </c>
      <c r="AM7620">
        <v>23331.460319999998</v>
      </c>
      <c r="AN7620">
        <v>123720.2127</v>
      </c>
      <c r="AO7620">
        <v>38424.513590000002</v>
      </c>
      <c r="AP7620">
        <v>26934.711899999998</v>
      </c>
    </row>
    <row r="7621" spans="2:42" x14ac:dyDescent="0.3">
      <c r="B7621">
        <v>71.396580399975164</v>
      </c>
      <c r="C7621" s="83">
        <v>43418.458333333336</v>
      </c>
      <c r="D7621">
        <v>285870.60600000003</v>
      </c>
      <c r="E7621">
        <v>36874.63826</v>
      </c>
      <c r="F7621">
        <v>98652.035489999995</v>
      </c>
      <c r="G7621">
        <v>91277.400210000007</v>
      </c>
      <c r="H7621">
        <v>55264.251770000003</v>
      </c>
      <c r="I7621">
        <v>41076.64359</v>
      </c>
      <c r="J7621">
        <v>35201.418250000002</v>
      </c>
      <c r="K7621">
        <v>63303.254979999998</v>
      </c>
      <c r="L7621">
        <v>31478.074420000001</v>
      </c>
      <c r="M7621">
        <v>364013.06209999998</v>
      </c>
      <c r="N7621">
        <v>86198.288270000005</v>
      </c>
      <c r="O7621">
        <v>27961.579450000001</v>
      </c>
      <c r="P7621">
        <v>32459.00806</v>
      </c>
      <c r="Q7621">
        <v>95560.244630000001</v>
      </c>
      <c r="R7621">
        <v>23745.29479</v>
      </c>
      <c r="S7621">
        <v>125753.00139999999</v>
      </c>
      <c r="T7621">
        <v>38168.499239999997</v>
      </c>
      <c r="U7621">
        <v>25739.383409999999</v>
      </c>
      <c r="W7621" s="83">
        <f>Bühler!N7653</f>
        <v>45609.458333314855</v>
      </c>
      <c r="X7621" s="83">
        <v>43418.458333333336</v>
      </c>
      <c r="Y7621">
        <v>285870.60600000003</v>
      </c>
      <c r="Z7621">
        <v>36874.63826</v>
      </c>
      <c r="AA7621">
        <v>98652.035489999995</v>
      </c>
      <c r="AB7621">
        <v>91277.400210000007</v>
      </c>
      <c r="AC7621">
        <v>55264.251770000003</v>
      </c>
      <c r="AD7621">
        <v>41076.64359</v>
      </c>
      <c r="AE7621">
        <v>35201.418250000002</v>
      </c>
      <c r="AF7621">
        <v>63303.254979999998</v>
      </c>
      <c r="AG7621">
        <v>31478.074420000001</v>
      </c>
      <c r="AH7621">
        <v>364013.06209999998</v>
      </c>
      <c r="AI7621">
        <v>86198.288270000005</v>
      </c>
      <c r="AJ7621">
        <v>27961.579450000001</v>
      </c>
      <c r="AK7621">
        <v>32459.00806</v>
      </c>
      <c r="AL7621">
        <v>95560.244630000001</v>
      </c>
      <c r="AM7621">
        <v>23745.29479</v>
      </c>
      <c r="AN7621">
        <v>125753.00139999999</v>
      </c>
      <c r="AO7621">
        <v>38168.499239999997</v>
      </c>
      <c r="AP7621">
        <v>25739.383409999999</v>
      </c>
    </row>
    <row r="7622" spans="2:42" x14ac:dyDescent="0.3">
      <c r="B7622">
        <v>70.953724048954527</v>
      </c>
      <c r="C7622" s="83">
        <v>43418.5</v>
      </c>
      <c r="D7622">
        <v>275514.55109999998</v>
      </c>
      <c r="E7622">
        <v>32994.884030000001</v>
      </c>
      <c r="F7622">
        <v>96525.679000000004</v>
      </c>
      <c r="G7622">
        <v>87592.363440000001</v>
      </c>
      <c r="H7622">
        <v>52556.433279999997</v>
      </c>
      <c r="I7622">
        <v>38664.820670000001</v>
      </c>
      <c r="J7622">
        <v>34603.245450000002</v>
      </c>
      <c r="K7622">
        <v>58916.855660000001</v>
      </c>
      <c r="L7622">
        <v>33768.990550000002</v>
      </c>
      <c r="M7622">
        <v>361755.17389999999</v>
      </c>
      <c r="N7622">
        <v>83222.006089999995</v>
      </c>
      <c r="O7622">
        <v>26824.85471</v>
      </c>
      <c r="P7622">
        <v>32582.03226</v>
      </c>
      <c r="Q7622">
        <v>93791.411760000003</v>
      </c>
      <c r="R7622">
        <v>25009.738120000002</v>
      </c>
      <c r="S7622">
        <v>119032.2424</v>
      </c>
      <c r="T7622">
        <v>37579.966670000002</v>
      </c>
      <c r="U7622">
        <v>21796.927060000002</v>
      </c>
      <c r="W7622" s="83">
        <f>Bühler!N7654</f>
        <v>45609.499999981519</v>
      </c>
      <c r="X7622" s="83">
        <v>43418.5</v>
      </c>
      <c r="Y7622">
        <v>275514.55109999998</v>
      </c>
      <c r="Z7622">
        <v>32994.884030000001</v>
      </c>
      <c r="AA7622">
        <v>96525.679000000004</v>
      </c>
      <c r="AB7622">
        <v>87592.363440000001</v>
      </c>
      <c r="AC7622">
        <v>52556.433279999997</v>
      </c>
      <c r="AD7622">
        <v>38664.820670000001</v>
      </c>
      <c r="AE7622">
        <v>34603.245450000002</v>
      </c>
      <c r="AF7622">
        <v>58916.855660000001</v>
      </c>
      <c r="AG7622">
        <v>33768.990550000002</v>
      </c>
      <c r="AH7622">
        <v>361755.17389999999</v>
      </c>
      <c r="AI7622">
        <v>83222.006089999995</v>
      </c>
      <c r="AJ7622">
        <v>26824.85471</v>
      </c>
      <c r="AK7622">
        <v>32582.03226</v>
      </c>
      <c r="AL7622">
        <v>93791.411760000003</v>
      </c>
      <c r="AM7622">
        <v>25009.738120000002</v>
      </c>
      <c r="AN7622">
        <v>119032.2424</v>
      </c>
      <c r="AO7622">
        <v>37579.966670000002</v>
      </c>
      <c r="AP7622">
        <v>21796.927060000002</v>
      </c>
    </row>
    <row r="7623" spans="2:42" x14ac:dyDescent="0.3">
      <c r="B7623">
        <v>70.460717028526517</v>
      </c>
      <c r="C7623" s="83">
        <v>43418.541666666664</v>
      </c>
      <c r="D7623">
        <v>275219.51140000002</v>
      </c>
      <c r="E7623">
        <v>33070.458259999999</v>
      </c>
      <c r="F7623">
        <v>95902.771489999999</v>
      </c>
      <c r="G7623">
        <v>82833.12444</v>
      </c>
      <c r="H7623">
        <v>53002.561179999997</v>
      </c>
      <c r="I7623">
        <v>38726.164470000003</v>
      </c>
      <c r="J7623">
        <v>33669.007989999998</v>
      </c>
      <c r="K7623">
        <v>60053.260300000002</v>
      </c>
      <c r="L7623">
        <v>31494.191269999999</v>
      </c>
      <c r="M7623">
        <v>359241.59419999999</v>
      </c>
      <c r="N7623">
        <v>83713.707420000006</v>
      </c>
      <c r="O7623">
        <v>25847.30327</v>
      </c>
      <c r="P7623">
        <v>31910.840700000001</v>
      </c>
      <c r="Q7623">
        <v>93939.782389999993</v>
      </c>
      <c r="R7623">
        <v>26299.597460000001</v>
      </c>
      <c r="S7623">
        <v>117886.3266</v>
      </c>
      <c r="T7623">
        <v>36201.22885</v>
      </c>
      <c r="U7623">
        <v>23719.848269999999</v>
      </c>
      <c r="W7623" s="83">
        <f>Bühler!N7655</f>
        <v>45609.541666648183</v>
      </c>
      <c r="X7623" s="83">
        <v>43418.541666666664</v>
      </c>
      <c r="Y7623">
        <v>275219.51140000002</v>
      </c>
      <c r="Z7623">
        <v>33070.458259999999</v>
      </c>
      <c r="AA7623">
        <v>95902.771489999999</v>
      </c>
      <c r="AB7623">
        <v>82833.12444</v>
      </c>
      <c r="AC7623">
        <v>53002.561179999997</v>
      </c>
      <c r="AD7623">
        <v>38726.164470000003</v>
      </c>
      <c r="AE7623">
        <v>33669.007989999998</v>
      </c>
      <c r="AF7623">
        <v>60053.260300000002</v>
      </c>
      <c r="AG7623">
        <v>31494.191269999999</v>
      </c>
      <c r="AH7623">
        <v>359241.59419999999</v>
      </c>
      <c r="AI7623">
        <v>83713.707420000006</v>
      </c>
      <c r="AJ7623">
        <v>25847.30327</v>
      </c>
      <c r="AK7623">
        <v>31910.840700000001</v>
      </c>
      <c r="AL7623">
        <v>93939.782389999993</v>
      </c>
      <c r="AM7623">
        <v>26299.597460000001</v>
      </c>
      <c r="AN7623">
        <v>117886.3266</v>
      </c>
      <c r="AO7623">
        <v>36201.22885</v>
      </c>
      <c r="AP7623">
        <v>23719.848269999999</v>
      </c>
    </row>
    <row r="7624" spans="2:42" x14ac:dyDescent="0.3">
      <c r="B7624">
        <v>70.883225142834036</v>
      </c>
      <c r="C7624" s="83">
        <v>43418.583333333336</v>
      </c>
      <c r="D7624">
        <v>277031.6102</v>
      </c>
      <c r="E7624">
        <v>36008.060039999997</v>
      </c>
      <c r="F7624">
        <v>98599.919240000003</v>
      </c>
      <c r="G7624">
        <v>78267.866720000005</v>
      </c>
      <c r="H7624">
        <v>53215.256220000003</v>
      </c>
      <c r="I7624">
        <v>40259.927479999998</v>
      </c>
      <c r="J7624">
        <v>33216.757460000001</v>
      </c>
      <c r="K7624">
        <v>62471.802519999997</v>
      </c>
      <c r="L7624">
        <v>27705.927159999999</v>
      </c>
      <c r="M7624">
        <v>361395.73759999999</v>
      </c>
      <c r="N7624">
        <v>84496.091180000003</v>
      </c>
      <c r="O7624">
        <v>25368.978439999999</v>
      </c>
      <c r="P7624">
        <v>28657.744879999998</v>
      </c>
      <c r="Q7624">
        <v>93737.514999999999</v>
      </c>
      <c r="R7624">
        <v>24253.274300000001</v>
      </c>
      <c r="S7624">
        <v>112696.2237</v>
      </c>
      <c r="T7624">
        <v>35139.420389999999</v>
      </c>
      <c r="U7624">
        <v>24349.196110000001</v>
      </c>
      <c r="W7624" s="83">
        <f>Bühler!N7656</f>
        <v>45609.583333314848</v>
      </c>
      <c r="X7624" s="83">
        <v>43418.583333333336</v>
      </c>
      <c r="Y7624">
        <v>277031.6102</v>
      </c>
      <c r="Z7624">
        <v>36008.060039999997</v>
      </c>
      <c r="AA7624">
        <v>98599.919240000003</v>
      </c>
      <c r="AB7624">
        <v>78267.866720000005</v>
      </c>
      <c r="AC7624">
        <v>53215.256220000003</v>
      </c>
      <c r="AD7624">
        <v>40259.927479999998</v>
      </c>
      <c r="AE7624">
        <v>33216.757460000001</v>
      </c>
      <c r="AF7624">
        <v>62471.802519999997</v>
      </c>
      <c r="AG7624">
        <v>27705.927159999999</v>
      </c>
      <c r="AH7624">
        <v>361395.73759999999</v>
      </c>
      <c r="AI7624">
        <v>84496.091180000003</v>
      </c>
      <c r="AJ7624">
        <v>25368.978439999999</v>
      </c>
      <c r="AK7624">
        <v>28657.744879999998</v>
      </c>
      <c r="AL7624">
        <v>93737.514999999999</v>
      </c>
      <c r="AM7624">
        <v>24253.274300000001</v>
      </c>
      <c r="AN7624">
        <v>112696.2237</v>
      </c>
      <c r="AO7624">
        <v>35139.420389999999</v>
      </c>
      <c r="AP7624">
        <v>24349.196110000001</v>
      </c>
    </row>
    <row r="7625" spans="2:42" x14ac:dyDescent="0.3">
      <c r="B7625">
        <v>69.22255702577192</v>
      </c>
      <c r="C7625" s="83">
        <v>43418.625</v>
      </c>
      <c r="D7625">
        <v>275380.54359999998</v>
      </c>
      <c r="E7625">
        <v>35570.259120000002</v>
      </c>
      <c r="F7625">
        <v>98211.880449999997</v>
      </c>
      <c r="G7625">
        <v>77626.923120000007</v>
      </c>
      <c r="H7625">
        <v>51636.309159999997</v>
      </c>
      <c r="I7625">
        <v>40760.047559999999</v>
      </c>
      <c r="J7625">
        <v>32936.86808</v>
      </c>
      <c r="K7625">
        <v>62011.675490000001</v>
      </c>
      <c r="L7625">
        <v>25111.856059999998</v>
      </c>
      <c r="M7625">
        <v>352928.87709999998</v>
      </c>
      <c r="N7625">
        <v>81803.693580000006</v>
      </c>
      <c r="O7625">
        <v>25328.2012</v>
      </c>
      <c r="P7625">
        <v>26982.733080000002</v>
      </c>
      <c r="Q7625">
        <v>92666.584669999997</v>
      </c>
      <c r="R7625">
        <v>23929.231650000002</v>
      </c>
      <c r="S7625">
        <v>111071.82919999999</v>
      </c>
      <c r="T7625">
        <v>34975.168310000001</v>
      </c>
      <c r="U7625">
        <v>23709.392510000001</v>
      </c>
      <c r="W7625" s="83">
        <f>Bühler!N7657</f>
        <v>45609.624999981512</v>
      </c>
      <c r="X7625" s="83">
        <v>43418.625</v>
      </c>
      <c r="Y7625">
        <v>275380.54359999998</v>
      </c>
      <c r="Z7625">
        <v>35570.259120000002</v>
      </c>
      <c r="AA7625">
        <v>98211.880449999997</v>
      </c>
      <c r="AB7625">
        <v>77626.923120000007</v>
      </c>
      <c r="AC7625">
        <v>51636.309159999997</v>
      </c>
      <c r="AD7625">
        <v>40760.047559999999</v>
      </c>
      <c r="AE7625">
        <v>32936.86808</v>
      </c>
      <c r="AF7625">
        <v>62011.675490000001</v>
      </c>
      <c r="AG7625">
        <v>25111.856059999998</v>
      </c>
      <c r="AH7625">
        <v>352928.87709999998</v>
      </c>
      <c r="AI7625">
        <v>81803.693580000006</v>
      </c>
      <c r="AJ7625">
        <v>25328.2012</v>
      </c>
      <c r="AK7625">
        <v>26982.733080000002</v>
      </c>
      <c r="AL7625">
        <v>92666.584669999997</v>
      </c>
      <c r="AM7625">
        <v>23929.231650000002</v>
      </c>
      <c r="AN7625">
        <v>111071.82919999999</v>
      </c>
      <c r="AO7625">
        <v>34975.168310000001</v>
      </c>
      <c r="AP7625">
        <v>23709.392510000001</v>
      </c>
    </row>
    <row r="7626" spans="2:42" x14ac:dyDescent="0.3">
      <c r="B7626">
        <v>68.346527980871556</v>
      </c>
      <c r="C7626" s="83">
        <v>43418.666666666664</v>
      </c>
      <c r="D7626">
        <v>270883.99709999998</v>
      </c>
      <c r="E7626">
        <v>35252.739119999998</v>
      </c>
      <c r="F7626">
        <v>97624.449550000005</v>
      </c>
      <c r="G7626">
        <v>76036.220209999999</v>
      </c>
      <c r="H7626">
        <v>50982.362330000004</v>
      </c>
      <c r="I7626">
        <v>42422.80702</v>
      </c>
      <c r="J7626">
        <v>32626.754150000001</v>
      </c>
      <c r="K7626">
        <v>61718.004990000001</v>
      </c>
      <c r="L7626">
        <v>24679.317999999999</v>
      </c>
      <c r="M7626">
        <v>348462.47249999997</v>
      </c>
      <c r="N7626">
        <v>81384.855960000001</v>
      </c>
      <c r="O7626">
        <v>25847.938119999999</v>
      </c>
      <c r="P7626">
        <v>27578.686730000001</v>
      </c>
      <c r="Q7626">
        <v>93104.470849999998</v>
      </c>
      <c r="R7626">
        <v>24268.956600000001</v>
      </c>
      <c r="S7626">
        <v>109390.86749999999</v>
      </c>
      <c r="T7626">
        <v>34872.926099999997</v>
      </c>
      <c r="U7626">
        <v>22451.142660000001</v>
      </c>
      <c r="W7626" s="83">
        <f>Bühler!N7658</f>
        <v>45609.666666648176</v>
      </c>
      <c r="X7626" s="83">
        <v>43418.666666666664</v>
      </c>
      <c r="Y7626">
        <v>270883.99709999998</v>
      </c>
      <c r="Z7626">
        <v>35252.739119999998</v>
      </c>
      <c r="AA7626">
        <v>97624.449550000005</v>
      </c>
      <c r="AB7626">
        <v>76036.220209999999</v>
      </c>
      <c r="AC7626">
        <v>50982.362330000004</v>
      </c>
      <c r="AD7626">
        <v>42422.80702</v>
      </c>
      <c r="AE7626">
        <v>32626.754150000001</v>
      </c>
      <c r="AF7626">
        <v>61718.004990000001</v>
      </c>
      <c r="AG7626">
        <v>24679.317999999999</v>
      </c>
      <c r="AH7626">
        <v>348462.47249999997</v>
      </c>
      <c r="AI7626">
        <v>81384.855960000001</v>
      </c>
      <c r="AJ7626">
        <v>25847.938119999999</v>
      </c>
      <c r="AK7626">
        <v>27578.686730000001</v>
      </c>
      <c r="AL7626">
        <v>93104.470849999998</v>
      </c>
      <c r="AM7626">
        <v>24268.956600000001</v>
      </c>
      <c r="AN7626">
        <v>109390.86749999999</v>
      </c>
      <c r="AO7626">
        <v>34872.926099999997</v>
      </c>
      <c r="AP7626">
        <v>22451.142660000001</v>
      </c>
    </row>
    <row r="7627" spans="2:42" x14ac:dyDescent="0.3">
      <c r="B7627">
        <v>67.222997213812917</v>
      </c>
      <c r="C7627" s="83">
        <v>43418.708333333336</v>
      </c>
      <c r="D7627">
        <v>262256.26750000002</v>
      </c>
      <c r="E7627">
        <v>34154.515330000002</v>
      </c>
      <c r="F7627">
        <v>99068.207120000006</v>
      </c>
      <c r="G7627">
        <v>71889.289139999993</v>
      </c>
      <c r="H7627">
        <v>50952.3655</v>
      </c>
      <c r="I7627">
        <v>42016.764219999997</v>
      </c>
      <c r="J7627">
        <v>34807.081440000002</v>
      </c>
      <c r="K7627">
        <v>55581.196680000001</v>
      </c>
      <c r="L7627">
        <v>26025.994579999999</v>
      </c>
      <c r="M7627">
        <v>342734.1887</v>
      </c>
      <c r="N7627">
        <v>80034.089550000004</v>
      </c>
      <c r="O7627">
        <v>25093.57879</v>
      </c>
      <c r="P7627">
        <v>30342.642110000001</v>
      </c>
      <c r="Q7627">
        <v>91709.839890000003</v>
      </c>
      <c r="R7627">
        <v>23680.035670000001</v>
      </c>
      <c r="S7627">
        <v>110138.6223</v>
      </c>
      <c r="T7627">
        <v>36580.775350000004</v>
      </c>
      <c r="U7627">
        <v>20814.797310000002</v>
      </c>
      <c r="W7627" s="83">
        <f>Bühler!N7659</f>
        <v>45609.70833331484</v>
      </c>
      <c r="X7627" s="83">
        <v>43418.708333333336</v>
      </c>
      <c r="Y7627">
        <v>262256.26750000002</v>
      </c>
      <c r="Z7627">
        <v>34154.515330000002</v>
      </c>
      <c r="AA7627">
        <v>99068.207120000006</v>
      </c>
      <c r="AB7627">
        <v>71889.289139999993</v>
      </c>
      <c r="AC7627">
        <v>50952.3655</v>
      </c>
      <c r="AD7627">
        <v>42016.764219999997</v>
      </c>
      <c r="AE7627">
        <v>34807.081440000002</v>
      </c>
      <c r="AF7627">
        <v>55581.196680000001</v>
      </c>
      <c r="AG7627">
        <v>26025.994579999999</v>
      </c>
      <c r="AH7627">
        <v>342734.1887</v>
      </c>
      <c r="AI7627">
        <v>80034.089550000004</v>
      </c>
      <c r="AJ7627">
        <v>25093.57879</v>
      </c>
      <c r="AK7627">
        <v>30342.642110000001</v>
      </c>
      <c r="AL7627">
        <v>91709.839890000003</v>
      </c>
      <c r="AM7627">
        <v>23680.035670000001</v>
      </c>
      <c r="AN7627">
        <v>110138.6223</v>
      </c>
      <c r="AO7627">
        <v>36580.775350000004</v>
      </c>
      <c r="AP7627">
        <v>20814.797310000002</v>
      </c>
    </row>
    <row r="7628" spans="2:42" x14ac:dyDescent="0.3">
      <c r="B7628">
        <v>66.656980434168347</v>
      </c>
      <c r="C7628" s="83">
        <v>43418.75</v>
      </c>
      <c r="D7628">
        <v>255974.10060000001</v>
      </c>
      <c r="E7628">
        <v>31316.01786</v>
      </c>
      <c r="F7628">
        <v>97647.807279999994</v>
      </c>
      <c r="G7628">
        <v>64804.835930000001</v>
      </c>
      <c r="H7628">
        <v>49269.832600000002</v>
      </c>
      <c r="I7628">
        <v>40599.292670000003</v>
      </c>
      <c r="J7628">
        <v>35555.337469999999</v>
      </c>
      <c r="K7628">
        <v>52908.619610000002</v>
      </c>
      <c r="L7628">
        <v>27668.833470000001</v>
      </c>
      <c r="M7628">
        <v>339848.37119999999</v>
      </c>
      <c r="N7628">
        <v>78741.808290000001</v>
      </c>
      <c r="O7628">
        <v>24130.805619999999</v>
      </c>
      <c r="P7628">
        <v>34469.925389999997</v>
      </c>
      <c r="Q7628">
        <v>90260.133310000005</v>
      </c>
      <c r="R7628">
        <v>23070.783739999999</v>
      </c>
      <c r="S7628">
        <v>105109.8955</v>
      </c>
      <c r="T7628">
        <v>37961.373930000002</v>
      </c>
      <c r="U7628">
        <v>18918.010969999999</v>
      </c>
      <c r="W7628" s="83">
        <f>Bühler!N7660</f>
        <v>45609.749999981505</v>
      </c>
      <c r="X7628" s="83">
        <v>43418.75</v>
      </c>
      <c r="Y7628">
        <v>255974.10060000001</v>
      </c>
      <c r="Z7628">
        <v>31316.01786</v>
      </c>
      <c r="AA7628">
        <v>97647.807279999994</v>
      </c>
      <c r="AB7628">
        <v>64804.835930000001</v>
      </c>
      <c r="AC7628">
        <v>49269.832600000002</v>
      </c>
      <c r="AD7628">
        <v>40599.292670000003</v>
      </c>
      <c r="AE7628">
        <v>35555.337469999999</v>
      </c>
      <c r="AF7628">
        <v>52908.619610000002</v>
      </c>
      <c r="AG7628">
        <v>27668.833470000001</v>
      </c>
      <c r="AH7628">
        <v>339848.37119999999</v>
      </c>
      <c r="AI7628">
        <v>78741.808290000001</v>
      </c>
      <c r="AJ7628">
        <v>24130.805619999999</v>
      </c>
      <c r="AK7628">
        <v>34469.925389999997</v>
      </c>
      <c r="AL7628">
        <v>90260.133310000005</v>
      </c>
      <c r="AM7628">
        <v>23070.783739999999</v>
      </c>
      <c r="AN7628">
        <v>105109.8955</v>
      </c>
      <c r="AO7628">
        <v>37961.373930000002</v>
      </c>
      <c r="AP7628">
        <v>18918.010969999999</v>
      </c>
    </row>
    <row r="7629" spans="2:42" x14ac:dyDescent="0.3">
      <c r="B7629">
        <v>65.488732925896002</v>
      </c>
      <c r="C7629" s="83">
        <v>43418.791666666664</v>
      </c>
      <c r="D7629">
        <v>251301.21580000001</v>
      </c>
      <c r="E7629">
        <v>25728.929690000001</v>
      </c>
      <c r="F7629">
        <v>82676.768930000006</v>
      </c>
      <c r="G7629">
        <v>58107.317389999997</v>
      </c>
      <c r="H7629">
        <v>46698.836239999997</v>
      </c>
      <c r="I7629">
        <v>37295.69947</v>
      </c>
      <c r="J7629">
        <v>34723.016669999997</v>
      </c>
      <c r="K7629">
        <v>51061.097320000001</v>
      </c>
      <c r="L7629">
        <v>27543.26525</v>
      </c>
      <c r="M7629">
        <v>333892.10060000001</v>
      </c>
      <c r="N7629">
        <v>76141.959260000003</v>
      </c>
      <c r="O7629">
        <v>22335.7065</v>
      </c>
      <c r="P7629">
        <v>34825.800609999998</v>
      </c>
      <c r="Q7629">
        <v>88485.709340000001</v>
      </c>
      <c r="R7629">
        <v>22683.174149999999</v>
      </c>
      <c r="S7629">
        <v>100101.4071</v>
      </c>
      <c r="T7629">
        <v>36504.844210000003</v>
      </c>
      <c r="U7629">
        <v>17396.77691</v>
      </c>
      <c r="W7629" s="83">
        <f>Bühler!N7661</f>
        <v>45609.791666648169</v>
      </c>
      <c r="X7629" s="83">
        <v>43418.791666666664</v>
      </c>
      <c r="Y7629">
        <v>251301.21580000001</v>
      </c>
      <c r="Z7629">
        <v>25728.929690000001</v>
      </c>
      <c r="AA7629">
        <v>82676.768930000006</v>
      </c>
      <c r="AB7629">
        <v>58107.317389999997</v>
      </c>
      <c r="AC7629">
        <v>46698.836239999997</v>
      </c>
      <c r="AD7629">
        <v>37295.69947</v>
      </c>
      <c r="AE7629">
        <v>34723.016669999997</v>
      </c>
      <c r="AF7629">
        <v>51061.097320000001</v>
      </c>
      <c r="AG7629">
        <v>27543.26525</v>
      </c>
      <c r="AH7629">
        <v>333892.10060000001</v>
      </c>
      <c r="AI7629">
        <v>76141.959260000003</v>
      </c>
      <c r="AJ7629">
        <v>22335.7065</v>
      </c>
      <c r="AK7629">
        <v>34825.800609999998</v>
      </c>
      <c r="AL7629">
        <v>88485.709340000001</v>
      </c>
      <c r="AM7629">
        <v>22683.174149999999</v>
      </c>
      <c r="AN7629">
        <v>100101.4071</v>
      </c>
      <c r="AO7629">
        <v>36504.844210000003</v>
      </c>
      <c r="AP7629">
        <v>17396.77691</v>
      </c>
    </row>
    <row r="7630" spans="2:42" x14ac:dyDescent="0.3">
      <c r="B7630">
        <v>63.766953941545019</v>
      </c>
      <c r="C7630" s="83">
        <v>43418.833333333336</v>
      </c>
      <c r="D7630">
        <v>241022.5857</v>
      </c>
      <c r="E7630">
        <v>19422.414229999998</v>
      </c>
      <c r="F7630">
        <v>64155.30401</v>
      </c>
      <c r="G7630">
        <v>50538.660929999998</v>
      </c>
      <c r="H7630">
        <v>43355.214959999998</v>
      </c>
      <c r="I7630">
        <v>32712.390520000001</v>
      </c>
      <c r="J7630">
        <v>33631.944600000003</v>
      </c>
      <c r="K7630">
        <v>51718.41216</v>
      </c>
      <c r="L7630">
        <v>26616.452440000001</v>
      </c>
      <c r="M7630">
        <v>325113.66840000002</v>
      </c>
      <c r="N7630">
        <v>71281.740260000006</v>
      </c>
      <c r="O7630">
        <v>21347.442770000001</v>
      </c>
      <c r="P7630">
        <v>34598.389669999997</v>
      </c>
      <c r="Q7630">
        <v>85945.982990000004</v>
      </c>
      <c r="R7630">
        <v>19337.625940000002</v>
      </c>
      <c r="S7630">
        <v>89925.444969999997</v>
      </c>
      <c r="T7630">
        <v>34755.366320000001</v>
      </c>
      <c r="U7630">
        <v>15850.690210000001</v>
      </c>
      <c r="W7630" s="83">
        <f>Bühler!N7662</f>
        <v>45609.833333314833</v>
      </c>
      <c r="X7630" s="83">
        <v>43418.833333333336</v>
      </c>
      <c r="Y7630">
        <v>241022.5857</v>
      </c>
      <c r="Z7630">
        <v>19422.414229999998</v>
      </c>
      <c r="AA7630">
        <v>64155.30401</v>
      </c>
      <c r="AB7630">
        <v>50538.660929999998</v>
      </c>
      <c r="AC7630">
        <v>43355.214959999998</v>
      </c>
      <c r="AD7630">
        <v>32712.390520000001</v>
      </c>
      <c r="AE7630">
        <v>33631.944600000003</v>
      </c>
      <c r="AF7630">
        <v>51718.41216</v>
      </c>
      <c r="AG7630">
        <v>26616.452440000001</v>
      </c>
      <c r="AH7630">
        <v>325113.66840000002</v>
      </c>
      <c r="AI7630">
        <v>71281.740260000006</v>
      </c>
      <c r="AJ7630">
        <v>21347.442770000001</v>
      </c>
      <c r="AK7630">
        <v>34598.389669999997</v>
      </c>
      <c r="AL7630">
        <v>85945.982990000004</v>
      </c>
      <c r="AM7630">
        <v>19337.625940000002</v>
      </c>
      <c r="AN7630">
        <v>89925.444969999997</v>
      </c>
      <c r="AO7630">
        <v>34755.366320000001</v>
      </c>
      <c r="AP7630">
        <v>15850.690210000001</v>
      </c>
    </row>
    <row r="7631" spans="2:42" x14ac:dyDescent="0.3">
      <c r="B7631">
        <v>61.356713591642745</v>
      </c>
      <c r="C7631" s="83">
        <v>43418.875</v>
      </c>
      <c r="D7631">
        <v>230491.61979999999</v>
      </c>
      <c r="E7631">
        <v>16610.868600000002</v>
      </c>
      <c r="F7631">
        <v>56045.879480000003</v>
      </c>
      <c r="G7631">
        <v>46639.748319999999</v>
      </c>
      <c r="H7631">
        <v>40615.916790000003</v>
      </c>
      <c r="I7631">
        <v>27870.99049</v>
      </c>
      <c r="J7631">
        <v>32400.566889999998</v>
      </c>
      <c r="K7631">
        <v>50044.704059999996</v>
      </c>
      <c r="L7631">
        <v>24554.79161</v>
      </c>
      <c r="M7631">
        <v>312825.13909999997</v>
      </c>
      <c r="N7631">
        <v>68735.20289</v>
      </c>
      <c r="O7631">
        <v>20122.828369999999</v>
      </c>
      <c r="P7631">
        <v>32984.349690000003</v>
      </c>
      <c r="Q7631">
        <v>84466.385930000004</v>
      </c>
      <c r="R7631">
        <v>18988.629720000001</v>
      </c>
      <c r="S7631">
        <v>84181.285810000001</v>
      </c>
      <c r="T7631">
        <v>31909.949329999999</v>
      </c>
      <c r="U7631">
        <v>14299.92843</v>
      </c>
      <c r="W7631" s="83">
        <f>Bühler!N7663</f>
        <v>45609.874999981497</v>
      </c>
      <c r="X7631" s="83">
        <v>43418.875</v>
      </c>
      <c r="Y7631">
        <v>230491.61979999999</v>
      </c>
      <c r="Z7631">
        <v>16610.868600000002</v>
      </c>
      <c r="AA7631">
        <v>56045.879480000003</v>
      </c>
      <c r="AB7631">
        <v>46639.748319999999</v>
      </c>
      <c r="AC7631">
        <v>40615.916790000003</v>
      </c>
      <c r="AD7631">
        <v>27870.99049</v>
      </c>
      <c r="AE7631">
        <v>32400.566889999998</v>
      </c>
      <c r="AF7631">
        <v>50044.704059999996</v>
      </c>
      <c r="AG7631">
        <v>24554.79161</v>
      </c>
      <c r="AH7631">
        <v>312825.13909999997</v>
      </c>
      <c r="AI7631">
        <v>68735.20289</v>
      </c>
      <c r="AJ7631">
        <v>20122.828369999999</v>
      </c>
      <c r="AK7631">
        <v>32984.349690000003</v>
      </c>
      <c r="AL7631">
        <v>84466.385930000004</v>
      </c>
      <c r="AM7631">
        <v>18988.629720000001</v>
      </c>
      <c r="AN7631">
        <v>84181.285810000001</v>
      </c>
      <c r="AO7631">
        <v>31909.949329999999</v>
      </c>
      <c r="AP7631">
        <v>14299.92843</v>
      </c>
    </row>
    <row r="7632" spans="2:42" x14ac:dyDescent="0.3">
      <c r="B7632">
        <v>60.398086374712783</v>
      </c>
      <c r="C7632" s="83">
        <v>43418.916666666664</v>
      </c>
      <c r="D7632">
        <v>228316.38879999999</v>
      </c>
      <c r="E7632">
        <v>15545.900009999999</v>
      </c>
      <c r="F7632">
        <v>53354.95465</v>
      </c>
      <c r="G7632">
        <v>43438.118430000002</v>
      </c>
      <c r="H7632">
        <v>39027.568979999996</v>
      </c>
      <c r="I7632">
        <v>26127.929489999999</v>
      </c>
      <c r="J7632">
        <v>31101.116010000002</v>
      </c>
      <c r="K7632">
        <v>53201.994530000004</v>
      </c>
      <c r="L7632">
        <v>22322.60771</v>
      </c>
      <c r="M7632">
        <v>307937.61050000001</v>
      </c>
      <c r="N7632">
        <v>66897.186379999999</v>
      </c>
      <c r="O7632">
        <v>20178.67049</v>
      </c>
      <c r="P7632">
        <v>32502.252850000001</v>
      </c>
      <c r="Q7632">
        <v>83257.747589999999</v>
      </c>
      <c r="R7632">
        <v>21484.442370000001</v>
      </c>
      <c r="S7632">
        <v>83076.877399999998</v>
      </c>
      <c r="T7632">
        <v>27675.33941</v>
      </c>
      <c r="U7632">
        <v>14485.68987</v>
      </c>
      <c r="W7632" s="83">
        <f>Bühler!N7664</f>
        <v>45609.916666648161</v>
      </c>
      <c r="X7632" s="83">
        <v>43418.916666666664</v>
      </c>
      <c r="Y7632">
        <v>228316.38879999999</v>
      </c>
      <c r="Z7632">
        <v>15545.900009999999</v>
      </c>
      <c r="AA7632">
        <v>53354.95465</v>
      </c>
      <c r="AB7632">
        <v>43438.118430000002</v>
      </c>
      <c r="AC7632">
        <v>39027.568979999996</v>
      </c>
      <c r="AD7632">
        <v>26127.929489999999</v>
      </c>
      <c r="AE7632">
        <v>31101.116010000002</v>
      </c>
      <c r="AF7632">
        <v>53201.994530000004</v>
      </c>
      <c r="AG7632">
        <v>22322.60771</v>
      </c>
      <c r="AH7632">
        <v>307937.61050000001</v>
      </c>
      <c r="AI7632">
        <v>66897.186379999999</v>
      </c>
      <c r="AJ7632">
        <v>20178.67049</v>
      </c>
      <c r="AK7632">
        <v>32502.252850000001</v>
      </c>
      <c r="AL7632">
        <v>83257.747589999999</v>
      </c>
      <c r="AM7632">
        <v>21484.442370000001</v>
      </c>
      <c r="AN7632">
        <v>83076.877399999998</v>
      </c>
      <c r="AO7632">
        <v>27675.33941</v>
      </c>
      <c r="AP7632">
        <v>14485.68987</v>
      </c>
    </row>
    <row r="7633" spans="2:42" x14ac:dyDescent="0.3">
      <c r="B7633">
        <v>59.504993178719758</v>
      </c>
      <c r="C7633" s="83">
        <v>43418.958333333336</v>
      </c>
      <c r="D7633">
        <v>228856.87280000001</v>
      </c>
      <c r="E7633">
        <v>14818.76549</v>
      </c>
      <c r="F7633">
        <v>52308.33468</v>
      </c>
      <c r="G7633">
        <v>42526.932610000003</v>
      </c>
      <c r="H7633">
        <v>38066.580419999998</v>
      </c>
      <c r="I7633">
        <v>24239.552100000001</v>
      </c>
      <c r="J7633">
        <v>29004.378239999998</v>
      </c>
      <c r="K7633">
        <v>53140.735769999999</v>
      </c>
      <c r="L7633">
        <v>19554.003489999999</v>
      </c>
      <c r="M7633">
        <v>303384.20490000001</v>
      </c>
      <c r="N7633">
        <v>65763.590039999995</v>
      </c>
      <c r="O7633">
        <v>19723.71083</v>
      </c>
      <c r="P7633">
        <v>29330.815360000001</v>
      </c>
      <c r="Q7633">
        <v>82533.339099999997</v>
      </c>
      <c r="R7633">
        <v>20710.41979</v>
      </c>
      <c r="S7633">
        <v>80395.919769999993</v>
      </c>
      <c r="T7633">
        <v>28392.515019999999</v>
      </c>
      <c r="U7633">
        <v>13923.105449999999</v>
      </c>
      <c r="W7633" s="83">
        <f>Bühler!N7665</f>
        <v>45609.958333314826</v>
      </c>
      <c r="X7633" s="83">
        <v>43418.958333333336</v>
      </c>
      <c r="Y7633">
        <v>228856.87280000001</v>
      </c>
      <c r="Z7633">
        <v>14818.76549</v>
      </c>
      <c r="AA7633">
        <v>52308.33468</v>
      </c>
      <c r="AB7633">
        <v>42526.932610000003</v>
      </c>
      <c r="AC7633">
        <v>38066.580419999998</v>
      </c>
      <c r="AD7633">
        <v>24239.552100000001</v>
      </c>
      <c r="AE7633">
        <v>29004.378239999998</v>
      </c>
      <c r="AF7633">
        <v>53140.735769999999</v>
      </c>
      <c r="AG7633">
        <v>19554.003489999999</v>
      </c>
      <c r="AH7633">
        <v>303384.20490000001</v>
      </c>
      <c r="AI7633">
        <v>65763.590039999995</v>
      </c>
      <c r="AJ7633">
        <v>19723.71083</v>
      </c>
      <c r="AK7633">
        <v>29330.815360000001</v>
      </c>
      <c r="AL7633">
        <v>82533.339099999997</v>
      </c>
      <c r="AM7633">
        <v>20710.41979</v>
      </c>
      <c r="AN7633">
        <v>80395.919769999993</v>
      </c>
      <c r="AO7633">
        <v>28392.515019999999</v>
      </c>
      <c r="AP7633">
        <v>13923.105449999999</v>
      </c>
    </row>
    <row r="7634" spans="2:42" x14ac:dyDescent="0.3">
      <c r="B7634">
        <v>50.186984406344934</v>
      </c>
      <c r="C7634" s="83">
        <v>43419</v>
      </c>
      <c r="D7634">
        <v>181904.9688</v>
      </c>
      <c r="E7634">
        <v>13499.080900000001</v>
      </c>
      <c r="F7634">
        <v>48591.141609999999</v>
      </c>
      <c r="G7634">
        <v>39019.523079999999</v>
      </c>
      <c r="H7634">
        <v>35934.752260000001</v>
      </c>
      <c r="I7634">
        <v>21107.28616</v>
      </c>
      <c r="J7634">
        <v>26875.776819999999</v>
      </c>
      <c r="K7634">
        <v>48786.159469999999</v>
      </c>
      <c r="L7634">
        <v>18436.19832</v>
      </c>
      <c r="M7634">
        <v>255876.6508</v>
      </c>
      <c r="N7634">
        <v>63435.30169</v>
      </c>
      <c r="O7634">
        <v>19596.595450000001</v>
      </c>
      <c r="P7634">
        <v>26472.301070000001</v>
      </c>
      <c r="Q7634">
        <v>71554.653720000002</v>
      </c>
      <c r="R7634">
        <v>19081.702399999998</v>
      </c>
      <c r="S7634">
        <v>77204.823350000006</v>
      </c>
      <c r="T7634">
        <v>25404.33772</v>
      </c>
      <c r="U7634">
        <v>12892.80371</v>
      </c>
      <c r="W7634" s="83">
        <f>Bühler!N7666</f>
        <v>45609.99999998149</v>
      </c>
      <c r="X7634" s="83">
        <v>43419</v>
      </c>
      <c r="Y7634">
        <v>181904.9688</v>
      </c>
      <c r="Z7634">
        <v>13499.080900000001</v>
      </c>
      <c r="AA7634">
        <v>48591.141609999999</v>
      </c>
      <c r="AB7634">
        <v>39019.523079999999</v>
      </c>
      <c r="AC7634">
        <v>35934.752260000001</v>
      </c>
      <c r="AD7634">
        <v>21107.28616</v>
      </c>
      <c r="AE7634">
        <v>26875.776819999999</v>
      </c>
      <c r="AF7634">
        <v>48786.159469999999</v>
      </c>
      <c r="AG7634">
        <v>18436.19832</v>
      </c>
      <c r="AH7634">
        <v>255876.6508</v>
      </c>
      <c r="AI7634">
        <v>63435.30169</v>
      </c>
      <c r="AJ7634">
        <v>19596.595450000001</v>
      </c>
      <c r="AK7634">
        <v>26472.301070000001</v>
      </c>
      <c r="AL7634">
        <v>71554.653720000002</v>
      </c>
      <c r="AM7634">
        <v>19081.702399999998</v>
      </c>
      <c r="AN7634">
        <v>77204.823350000006</v>
      </c>
      <c r="AO7634">
        <v>25404.33772</v>
      </c>
      <c r="AP7634">
        <v>12892.80371</v>
      </c>
    </row>
    <row r="7635" spans="2:42" x14ac:dyDescent="0.3">
      <c r="B7635">
        <v>50.606800142380372</v>
      </c>
      <c r="C7635" s="83">
        <v>43419.041666666664</v>
      </c>
      <c r="D7635">
        <v>182164</v>
      </c>
      <c r="E7635">
        <v>13560.609469999999</v>
      </c>
      <c r="F7635">
        <v>49871.657610000002</v>
      </c>
      <c r="G7635">
        <v>38664.995880000002</v>
      </c>
      <c r="H7635">
        <v>35446.312760000001</v>
      </c>
      <c r="I7635">
        <v>17510.512790000001</v>
      </c>
      <c r="J7635">
        <v>26248.369439999999</v>
      </c>
      <c r="K7635">
        <v>47075.50733</v>
      </c>
      <c r="L7635">
        <v>17615.335719999999</v>
      </c>
      <c r="M7635">
        <v>258017.06719999999</v>
      </c>
      <c r="N7635">
        <v>63065.996220000001</v>
      </c>
      <c r="O7635">
        <v>19778.683959999998</v>
      </c>
      <c r="P7635">
        <v>25050.445059999998</v>
      </c>
      <c r="Q7635">
        <v>72756.553910000002</v>
      </c>
      <c r="R7635">
        <v>18695.338299999999</v>
      </c>
      <c r="S7635">
        <v>76791.590419999993</v>
      </c>
      <c r="T7635">
        <v>24694.036459999999</v>
      </c>
      <c r="U7635">
        <v>13178.683950000001</v>
      </c>
      <c r="W7635" s="83">
        <f>Bühler!N7667</f>
        <v>45610.041666648154</v>
      </c>
      <c r="X7635" s="83">
        <v>43419.041666666664</v>
      </c>
      <c r="Y7635">
        <v>182164</v>
      </c>
      <c r="Z7635">
        <v>13560.609469999999</v>
      </c>
      <c r="AA7635">
        <v>49871.657610000002</v>
      </c>
      <c r="AB7635">
        <v>38664.995880000002</v>
      </c>
      <c r="AC7635">
        <v>35446.312760000001</v>
      </c>
      <c r="AD7635">
        <v>17510.512790000001</v>
      </c>
      <c r="AE7635">
        <v>26248.369439999999</v>
      </c>
      <c r="AF7635">
        <v>47075.50733</v>
      </c>
      <c r="AG7635">
        <v>17615.335719999999</v>
      </c>
      <c r="AH7635">
        <v>258017.06719999999</v>
      </c>
      <c r="AI7635">
        <v>63065.996220000001</v>
      </c>
      <c r="AJ7635">
        <v>19778.683959999998</v>
      </c>
      <c r="AK7635">
        <v>25050.445059999998</v>
      </c>
      <c r="AL7635">
        <v>72756.553910000002</v>
      </c>
      <c r="AM7635">
        <v>18695.338299999999</v>
      </c>
      <c r="AN7635">
        <v>76791.590419999993</v>
      </c>
      <c r="AO7635">
        <v>24694.036459999999</v>
      </c>
      <c r="AP7635">
        <v>13178.683950000001</v>
      </c>
    </row>
    <row r="7636" spans="2:42" x14ac:dyDescent="0.3">
      <c r="B7636">
        <v>51.299308979978335</v>
      </c>
      <c r="C7636" s="83">
        <v>43419.083333333336</v>
      </c>
      <c r="D7636">
        <v>183177.66570000001</v>
      </c>
      <c r="E7636">
        <v>13459.54514</v>
      </c>
      <c r="F7636">
        <v>50651.006710000001</v>
      </c>
      <c r="G7636">
        <v>38577.48141</v>
      </c>
      <c r="H7636">
        <v>35500.518830000001</v>
      </c>
      <c r="I7636">
        <v>16348.362279999999</v>
      </c>
      <c r="J7636">
        <v>26420.203399999999</v>
      </c>
      <c r="K7636">
        <v>45317.576099999998</v>
      </c>
      <c r="L7636">
        <v>17266.026900000001</v>
      </c>
      <c r="M7636">
        <v>261547.8002</v>
      </c>
      <c r="N7636">
        <v>63032.751980000001</v>
      </c>
      <c r="O7636">
        <v>20151.06049</v>
      </c>
      <c r="P7636">
        <v>23199.21629</v>
      </c>
      <c r="Q7636">
        <v>76779.230079999994</v>
      </c>
      <c r="R7636">
        <v>18293.381119999998</v>
      </c>
      <c r="S7636">
        <v>75906.179199999999</v>
      </c>
      <c r="T7636">
        <v>24261.874690000001</v>
      </c>
      <c r="U7636">
        <v>13193.12112</v>
      </c>
      <c r="W7636" s="83">
        <f>Bühler!N7668</f>
        <v>45610.083333314818</v>
      </c>
      <c r="X7636" s="83">
        <v>43419.083333333336</v>
      </c>
      <c r="Y7636">
        <v>183177.66570000001</v>
      </c>
      <c r="Z7636">
        <v>13459.54514</v>
      </c>
      <c r="AA7636">
        <v>50651.006710000001</v>
      </c>
      <c r="AB7636">
        <v>38577.48141</v>
      </c>
      <c r="AC7636">
        <v>35500.518830000001</v>
      </c>
      <c r="AD7636">
        <v>16348.362279999999</v>
      </c>
      <c r="AE7636">
        <v>26420.203399999999</v>
      </c>
      <c r="AF7636">
        <v>45317.576099999998</v>
      </c>
      <c r="AG7636">
        <v>17266.026900000001</v>
      </c>
      <c r="AH7636">
        <v>261547.8002</v>
      </c>
      <c r="AI7636">
        <v>63032.751980000001</v>
      </c>
      <c r="AJ7636">
        <v>20151.06049</v>
      </c>
      <c r="AK7636">
        <v>23199.21629</v>
      </c>
      <c r="AL7636">
        <v>76779.230079999994</v>
      </c>
      <c r="AM7636">
        <v>18293.381119999998</v>
      </c>
      <c r="AN7636">
        <v>75906.179199999999</v>
      </c>
      <c r="AO7636">
        <v>24261.874690000001</v>
      </c>
      <c r="AP7636">
        <v>13193.12112</v>
      </c>
    </row>
    <row r="7637" spans="2:42" x14ac:dyDescent="0.3">
      <c r="B7637">
        <v>51.941613014242861</v>
      </c>
      <c r="C7637" s="83">
        <v>43419.125</v>
      </c>
      <c r="D7637">
        <v>187416.66339999999</v>
      </c>
      <c r="E7637">
        <v>13577.75412</v>
      </c>
      <c r="F7637">
        <v>51273.082020000002</v>
      </c>
      <c r="G7637">
        <v>37934.535960000001</v>
      </c>
      <c r="H7637">
        <v>35586.08612</v>
      </c>
      <c r="I7637">
        <v>16331.428959999999</v>
      </c>
      <c r="J7637">
        <v>26753.650570000002</v>
      </c>
      <c r="K7637">
        <v>44964.256889999997</v>
      </c>
      <c r="L7637">
        <v>16791.228469999998</v>
      </c>
      <c r="M7637">
        <v>264822.56569999998</v>
      </c>
      <c r="N7637">
        <v>63579.39415</v>
      </c>
      <c r="O7637">
        <v>19845.30602</v>
      </c>
      <c r="P7637">
        <v>23540.116269999999</v>
      </c>
      <c r="Q7637">
        <v>80751.631479999996</v>
      </c>
      <c r="R7637">
        <v>18590.165730000001</v>
      </c>
      <c r="S7637">
        <v>75218.349870000005</v>
      </c>
      <c r="T7637">
        <v>24126.345450000001</v>
      </c>
      <c r="U7637">
        <v>13370.96488</v>
      </c>
      <c r="W7637" s="83">
        <f>Bühler!N7669</f>
        <v>45610.124999981483</v>
      </c>
      <c r="X7637" s="83">
        <v>43419.125</v>
      </c>
      <c r="Y7637">
        <v>187416.66339999999</v>
      </c>
      <c r="Z7637">
        <v>13577.75412</v>
      </c>
      <c r="AA7637">
        <v>51273.082020000002</v>
      </c>
      <c r="AB7637">
        <v>37934.535960000001</v>
      </c>
      <c r="AC7637">
        <v>35586.08612</v>
      </c>
      <c r="AD7637">
        <v>16331.428959999999</v>
      </c>
      <c r="AE7637">
        <v>26753.650570000002</v>
      </c>
      <c r="AF7637">
        <v>44964.256889999997</v>
      </c>
      <c r="AG7637">
        <v>16791.228469999998</v>
      </c>
      <c r="AH7637">
        <v>264822.56569999998</v>
      </c>
      <c r="AI7637">
        <v>63579.39415</v>
      </c>
      <c r="AJ7637">
        <v>19845.30602</v>
      </c>
      <c r="AK7637">
        <v>23540.116269999999</v>
      </c>
      <c r="AL7637">
        <v>80751.631479999996</v>
      </c>
      <c r="AM7637">
        <v>18590.165730000001</v>
      </c>
      <c r="AN7637">
        <v>75218.349870000005</v>
      </c>
      <c r="AO7637">
        <v>24126.345450000001</v>
      </c>
      <c r="AP7637">
        <v>13370.96488</v>
      </c>
    </row>
    <row r="7638" spans="2:42" x14ac:dyDescent="0.3">
      <c r="B7638">
        <v>54.573833686087575</v>
      </c>
      <c r="C7638" s="83">
        <v>43419.166666666664</v>
      </c>
      <c r="D7638">
        <v>198408.49470000001</v>
      </c>
      <c r="E7638">
        <v>14383.11528</v>
      </c>
      <c r="F7638">
        <v>55269.21531</v>
      </c>
      <c r="G7638">
        <v>38231.736790000003</v>
      </c>
      <c r="H7638">
        <v>36898.048589999999</v>
      </c>
      <c r="I7638">
        <v>18430.95348</v>
      </c>
      <c r="J7638">
        <v>27809.867139999998</v>
      </c>
      <c r="K7638">
        <v>43456.443039999998</v>
      </c>
      <c r="L7638">
        <v>16989.909100000001</v>
      </c>
      <c r="M7638">
        <v>278242.8542</v>
      </c>
      <c r="N7638">
        <v>62762.442410000003</v>
      </c>
      <c r="O7638">
        <v>20906.461800000001</v>
      </c>
      <c r="P7638">
        <v>24079.732110000001</v>
      </c>
      <c r="Q7638">
        <v>86286.23126</v>
      </c>
      <c r="R7638">
        <v>17853.767260000001</v>
      </c>
      <c r="S7638">
        <v>76319.858590000003</v>
      </c>
      <c r="T7638">
        <v>24245.40566</v>
      </c>
      <c r="U7638">
        <v>14916.049870000001</v>
      </c>
      <c r="W7638" s="83">
        <f>Bühler!N7670</f>
        <v>45610.166666648147</v>
      </c>
      <c r="X7638" s="83">
        <v>43419.166666666664</v>
      </c>
      <c r="Y7638">
        <v>198408.49470000001</v>
      </c>
      <c r="Z7638">
        <v>14383.11528</v>
      </c>
      <c r="AA7638">
        <v>55269.21531</v>
      </c>
      <c r="AB7638">
        <v>38231.736790000003</v>
      </c>
      <c r="AC7638">
        <v>36898.048589999999</v>
      </c>
      <c r="AD7638">
        <v>18430.95348</v>
      </c>
      <c r="AE7638">
        <v>27809.867139999998</v>
      </c>
      <c r="AF7638">
        <v>43456.443039999998</v>
      </c>
      <c r="AG7638">
        <v>16989.909100000001</v>
      </c>
      <c r="AH7638">
        <v>278242.8542</v>
      </c>
      <c r="AI7638">
        <v>62762.442410000003</v>
      </c>
      <c r="AJ7638">
        <v>20906.461800000001</v>
      </c>
      <c r="AK7638">
        <v>24079.732110000001</v>
      </c>
      <c r="AL7638">
        <v>86286.23126</v>
      </c>
      <c r="AM7638">
        <v>17853.767260000001</v>
      </c>
      <c r="AN7638">
        <v>76319.858590000003</v>
      </c>
      <c r="AO7638">
        <v>24245.40566</v>
      </c>
      <c r="AP7638">
        <v>14916.049870000001</v>
      </c>
    </row>
    <row r="7639" spans="2:42" x14ac:dyDescent="0.3">
      <c r="B7639">
        <v>60.246411547787595</v>
      </c>
      <c r="C7639" s="83">
        <v>43419.208333333336</v>
      </c>
      <c r="D7639">
        <v>228025.47659999999</v>
      </c>
      <c r="E7639">
        <v>16930.809020000001</v>
      </c>
      <c r="F7639">
        <v>66970.233129999993</v>
      </c>
      <c r="G7639">
        <v>40941.064830000003</v>
      </c>
      <c r="H7639">
        <v>38719.979149999999</v>
      </c>
      <c r="I7639">
        <v>26309.308710000001</v>
      </c>
      <c r="J7639">
        <v>30965.22983</v>
      </c>
      <c r="K7639">
        <v>43704.668799999999</v>
      </c>
      <c r="L7639">
        <v>17508.944650000001</v>
      </c>
      <c r="M7639">
        <v>307164.3015</v>
      </c>
      <c r="N7639">
        <v>65274.998599999999</v>
      </c>
      <c r="O7639">
        <v>21410.377059999999</v>
      </c>
      <c r="P7639">
        <v>25169.737410000002</v>
      </c>
      <c r="Q7639">
        <v>90604.24394</v>
      </c>
      <c r="R7639">
        <v>19889.73617</v>
      </c>
      <c r="S7639">
        <v>78818.556719999993</v>
      </c>
      <c r="T7639">
        <v>25954.46946</v>
      </c>
      <c r="U7639">
        <v>16336.208269999999</v>
      </c>
      <c r="W7639" s="83">
        <f>Bühler!N7671</f>
        <v>45610.208333314811</v>
      </c>
      <c r="X7639" s="83">
        <v>43419.208333333336</v>
      </c>
      <c r="Y7639">
        <v>228025.47659999999</v>
      </c>
      <c r="Z7639">
        <v>16930.809020000001</v>
      </c>
      <c r="AA7639">
        <v>66970.233129999993</v>
      </c>
      <c r="AB7639">
        <v>40941.064830000003</v>
      </c>
      <c r="AC7639">
        <v>38719.979149999999</v>
      </c>
      <c r="AD7639">
        <v>26309.308710000001</v>
      </c>
      <c r="AE7639">
        <v>30965.22983</v>
      </c>
      <c r="AF7639">
        <v>43704.668799999999</v>
      </c>
      <c r="AG7639">
        <v>17508.944650000001</v>
      </c>
      <c r="AH7639">
        <v>307164.3015</v>
      </c>
      <c r="AI7639">
        <v>65274.998599999999</v>
      </c>
      <c r="AJ7639">
        <v>21410.377059999999</v>
      </c>
      <c r="AK7639">
        <v>25169.737410000002</v>
      </c>
      <c r="AL7639">
        <v>90604.24394</v>
      </c>
      <c r="AM7639">
        <v>19889.73617</v>
      </c>
      <c r="AN7639">
        <v>78818.556719999993</v>
      </c>
      <c r="AO7639">
        <v>25954.46946</v>
      </c>
      <c r="AP7639">
        <v>16336.208269999999</v>
      </c>
    </row>
    <row r="7640" spans="2:42" x14ac:dyDescent="0.3">
      <c r="B7640">
        <v>66.11942852812814</v>
      </c>
      <c r="C7640" s="83">
        <v>43419.25</v>
      </c>
      <c r="D7640">
        <v>252127.20699999999</v>
      </c>
      <c r="E7640">
        <v>21293.500209999998</v>
      </c>
      <c r="F7640">
        <v>81391.073619999996</v>
      </c>
      <c r="G7640">
        <v>55379.842199999999</v>
      </c>
      <c r="H7640">
        <v>43068.925089999997</v>
      </c>
      <c r="I7640">
        <v>35036.82619</v>
      </c>
      <c r="J7640">
        <v>34584.905980000003</v>
      </c>
      <c r="K7640">
        <v>47589.396610000003</v>
      </c>
      <c r="L7640">
        <v>19470.682570000001</v>
      </c>
      <c r="M7640">
        <v>337107.68089999998</v>
      </c>
      <c r="N7640">
        <v>71017.330530000007</v>
      </c>
      <c r="O7640">
        <v>23370.217229999998</v>
      </c>
      <c r="P7640">
        <v>27250.439729999998</v>
      </c>
      <c r="Q7640">
        <v>93595.436589999998</v>
      </c>
      <c r="R7640">
        <v>19190.282480000002</v>
      </c>
      <c r="S7640">
        <v>88762.832330000005</v>
      </c>
      <c r="T7640">
        <v>29086.422030000002</v>
      </c>
      <c r="U7640">
        <v>19770.167939999999</v>
      </c>
      <c r="W7640" s="83">
        <f>Bühler!N7672</f>
        <v>45610.249999981475</v>
      </c>
      <c r="X7640" s="83">
        <v>43419.25</v>
      </c>
      <c r="Y7640">
        <v>252127.20699999999</v>
      </c>
      <c r="Z7640">
        <v>21293.500209999998</v>
      </c>
      <c r="AA7640">
        <v>81391.073619999996</v>
      </c>
      <c r="AB7640">
        <v>55379.842199999999</v>
      </c>
      <c r="AC7640">
        <v>43068.925089999997</v>
      </c>
      <c r="AD7640">
        <v>35036.82619</v>
      </c>
      <c r="AE7640">
        <v>34584.905980000003</v>
      </c>
      <c r="AF7640">
        <v>47589.396610000003</v>
      </c>
      <c r="AG7640">
        <v>19470.682570000001</v>
      </c>
      <c r="AH7640">
        <v>337107.68089999998</v>
      </c>
      <c r="AI7640">
        <v>71017.330530000007</v>
      </c>
      <c r="AJ7640">
        <v>23370.217229999998</v>
      </c>
      <c r="AK7640">
        <v>27250.439729999998</v>
      </c>
      <c r="AL7640">
        <v>93595.436589999998</v>
      </c>
      <c r="AM7640">
        <v>19190.282480000002</v>
      </c>
      <c r="AN7640">
        <v>88762.832330000005</v>
      </c>
      <c r="AO7640">
        <v>29086.422030000002</v>
      </c>
      <c r="AP7640">
        <v>19770.167939999999</v>
      </c>
    </row>
    <row r="7641" spans="2:42" x14ac:dyDescent="0.3">
      <c r="B7641">
        <v>68.649998769188372</v>
      </c>
      <c r="C7641" s="83">
        <v>43419.291666666664</v>
      </c>
      <c r="D7641">
        <v>269804.24239999999</v>
      </c>
      <c r="E7641">
        <v>26424.047630000001</v>
      </c>
      <c r="F7641">
        <v>84590.033890000006</v>
      </c>
      <c r="G7641">
        <v>69757.42972</v>
      </c>
      <c r="H7641">
        <v>49281.96587</v>
      </c>
      <c r="I7641">
        <v>44864.166429999997</v>
      </c>
      <c r="J7641">
        <v>35796.869630000001</v>
      </c>
      <c r="K7641">
        <v>53693.976609999998</v>
      </c>
      <c r="L7641">
        <v>23103.303029999999</v>
      </c>
      <c r="M7641">
        <v>350009.70809999999</v>
      </c>
      <c r="N7641">
        <v>78286.811929999996</v>
      </c>
      <c r="O7641">
        <v>26759.123950000001</v>
      </c>
      <c r="P7641">
        <v>29740.975480000001</v>
      </c>
      <c r="Q7641">
        <v>94240.988750000004</v>
      </c>
      <c r="R7641">
        <v>21345.868839999999</v>
      </c>
      <c r="S7641">
        <v>105899.9896</v>
      </c>
      <c r="T7641">
        <v>31247.75517</v>
      </c>
      <c r="U7641">
        <v>24701.8459</v>
      </c>
      <c r="W7641" s="83">
        <f>Bühler!N7673</f>
        <v>45610.29166664814</v>
      </c>
      <c r="X7641" s="83">
        <v>43419.291666666664</v>
      </c>
      <c r="Y7641">
        <v>269804.24239999999</v>
      </c>
      <c r="Z7641">
        <v>26424.047630000001</v>
      </c>
      <c r="AA7641">
        <v>84590.033890000006</v>
      </c>
      <c r="AB7641">
        <v>69757.42972</v>
      </c>
      <c r="AC7641">
        <v>49281.96587</v>
      </c>
      <c r="AD7641">
        <v>44864.166429999997</v>
      </c>
      <c r="AE7641">
        <v>35796.869630000001</v>
      </c>
      <c r="AF7641">
        <v>53693.976609999998</v>
      </c>
      <c r="AG7641">
        <v>23103.303029999999</v>
      </c>
      <c r="AH7641">
        <v>350009.70809999999</v>
      </c>
      <c r="AI7641">
        <v>78286.811929999996</v>
      </c>
      <c r="AJ7641">
        <v>26759.123950000001</v>
      </c>
      <c r="AK7641">
        <v>29740.975480000001</v>
      </c>
      <c r="AL7641">
        <v>94240.988750000004</v>
      </c>
      <c r="AM7641">
        <v>21345.868839999999</v>
      </c>
      <c r="AN7641">
        <v>105899.9896</v>
      </c>
      <c r="AO7641">
        <v>31247.75517</v>
      </c>
      <c r="AP7641">
        <v>24701.8459</v>
      </c>
    </row>
    <row r="7642" spans="2:42" x14ac:dyDescent="0.3">
      <c r="B7642">
        <v>70.039095690691923</v>
      </c>
      <c r="C7642" s="83">
        <v>43419.333333333336</v>
      </c>
      <c r="D7642">
        <v>282519.12479999999</v>
      </c>
      <c r="E7642">
        <v>32391.89199</v>
      </c>
      <c r="F7642">
        <v>90731.674289999995</v>
      </c>
      <c r="G7642">
        <v>86994.075700000001</v>
      </c>
      <c r="H7642">
        <v>53330.790910000003</v>
      </c>
      <c r="I7642">
        <v>47708.263679999996</v>
      </c>
      <c r="J7642">
        <v>35472.850590000002</v>
      </c>
      <c r="K7642">
        <v>60092.074860000001</v>
      </c>
      <c r="L7642">
        <v>25620.748080000001</v>
      </c>
      <c r="M7642">
        <v>357091.97200000001</v>
      </c>
      <c r="N7642">
        <v>85286.390769999998</v>
      </c>
      <c r="O7642">
        <v>27875.806629999999</v>
      </c>
      <c r="P7642">
        <v>30914.105749999999</v>
      </c>
      <c r="Q7642">
        <v>95361.949120000005</v>
      </c>
      <c r="R7642">
        <v>22075.155050000001</v>
      </c>
      <c r="S7642">
        <v>118674.5917</v>
      </c>
      <c r="T7642">
        <v>35170.291190000004</v>
      </c>
      <c r="U7642">
        <v>27433.240570000002</v>
      </c>
      <c r="W7642" s="83">
        <f>Bühler!N7674</f>
        <v>45610.333333314804</v>
      </c>
      <c r="X7642" s="83">
        <v>43419.333333333336</v>
      </c>
      <c r="Y7642">
        <v>282519.12479999999</v>
      </c>
      <c r="Z7642">
        <v>32391.89199</v>
      </c>
      <c r="AA7642">
        <v>90731.674289999995</v>
      </c>
      <c r="AB7642">
        <v>86994.075700000001</v>
      </c>
      <c r="AC7642">
        <v>53330.790910000003</v>
      </c>
      <c r="AD7642">
        <v>47708.263679999996</v>
      </c>
      <c r="AE7642">
        <v>35472.850590000002</v>
      </c>
      <c r="AF7642">
        <v>60092.074860000001</v>
      </c>
      <c r="AG7642">
        <v>25620.748080000001</v>
      </c>
      <c r="AH7642">
        <v>357091.97200000001</v>
      </c>
      <c r="AI7642">
        <v>85286.390769999998</v>
      </c>
      <c r="AJ7642">
        <v>27875.806629999999</v>
      </c>
      <c r="AK7642">
        <v>30914.105749999999</v>
      </c>
      <c r="AL7642">
        <v>95361.949120000005</v>
      </c>
      <c r="AM7642">
        <v>22075.155050000001</v>
      </c>
      <c r="AN7642">
        <v>118674.5917</v>
      </c>
      <c r="AO7642">
        <v>35170.291190000004</v>
      </c>
      <c r="AP7642">
        <v>27433.240570000002</v>
      </c>
    </row>
    <row r="7643" spans="2:42" x14ac:dyDescent="0.3">
      <c r="B7643">
        <v>70.41731274081377</v>
      </c>
      <c r="C7643" s="83">
        <v>43419.375</v>
      </c>
      <c r="D7643">
        <v>285702.42550000001</v>
      </c>
      <c r="E7643">
        <v>36407.753219999999</v>
      </c>
      <c r="F7643">
        <v>98358.02403</v>
      </c>
      <c r="G7643">
        <v>96171.230790000001</v>
      </c>
      <c r="H7643">
        <v>56279.672229999996</v>
      </c>
      <c r="I7643">
        <v>45015.363319999997</v>
      </c>
      <c r="J7643">
        <v>35302.537369999998</v>
      </c>
      <c r="K7643">
        <v>60650.628779999999</v>
      </c>
      <c r="L7643">
        <v>28510.960599999999</v>
      </c>
      <c r="M7643">
        <v>359020.29889999999</v>
      </c>
      <c r="N7643">
        <v>86808.318280000007</v>
      </c>
      <c r="O7643">
        <v>28296.440640000001</v>
      </c>
      <c r="P7643">
        <v>32539.676289999999</v>
      </c>
      <c r="Q7643">
        <v>96933.893670000005</v>
      </c>
      <c r="R7643">
        <v>24241.264449999999</v>
      </c>
      <c r="S7643">
        <v>125339.8324</v>
      </c>
      <c r="T7643">
        <v>37178.862430000001</v>
      </c>
      <c r="U7643">
        <v>27798.653139999999</v>
      </c>
      <c r="W7643" s="83">
        <f>Bühler!N7675</f>
        <v>45610.374999981468</v>
      </c>
      <c r="X7643" s="83">
        <v>43419.375</v>
      </c>
      <c r="Y7643">
        <v>285702.42550000001</v>
      </c>
      <c r="Z7643">
        <v>36407.753219999999</v>
      </c>
      <c r="AA7643">
        <v>98358.02403</v>
      </c>
      <c r="AB7643">
        <v>96171.230790000001</v>
      </c>
      <c r="AC7643">
        <v>56279.672229999996</v>
      </c>
      <c r="AD7643">
        <v>45015.363319999997</v>
      </c>
      <c r="AE7643">
        <v>35302.537369999998</v>
      </c>
      <c r="AF7643">
        <v>60650.628779999999</v>
      </c>
      <c r="AG7643">
        <v>28510.960599999999</v>
      </c>
      <c r="AH7643">
        <v>359020.29889999999</v>
      </c>
      <c r="AI7643">
        <v>86808.318280000007</v>
      </c>
      <c r="AJ7643">
        <v>28296.440640000001</v>
      </c>
      <c r="AK7643">
        <v>32539.676289999999</v>
      </c>
      <c r="AL7643">
        <v>96933.893670000005</v>
      </c>
      <c r="AM7643">
        <v>24241.264449999999</v>
      </c>
      <c r="AN7643">
        <v>125339.8324</v>
      </c>
      <c r="AO7643">
        <v>37178.862430000001</v>
      </c>
      <c r="AP7643">
        <v>27798.653139999999</v>
      </c>
    </row>
    <row r="7644" spans="2:42" x14ac:dyDescent="0.3">
      <c r="B7644">
        <v>70.990869474127095</v>
      </c>
      <c r="C7644" s="83">
        <v>43419.416666666664</v>
      </c>
      <c r="D7644">
        <v>288768.3725</v>
      </c>
      <c r="E7644">
        <v>37560.876409999997</v>
      </c>
      <c r="F7644">
        <v>98380.223190000004</v>
      </c>
      <c r="G7644">
        <v>97048.649720000001</v>
      </c>
      <c r="H7644">
        <v>56202.289989999997</v>
      </c>
      <c r="I7644">
        <v>42315.924789999997</v>
      </c>
      <c r="J7644">
        <v>35122.396139999997</v>
      </c>
      <c r="K7644">
        <v>61732.64056</v>
      </c>
      <c r="L7644">
        <v>31010.647649999999</v>
      </c>
      <c r="M7644">
        <v>361944.55859999999</v>
      </c>
      <c r="N7644">
        <v>86581.632670000006</v>
      </c>
      <c r="O7644">
        <v>27927.71315</v>
      </c>
      <c r="P7644">
        <v>32981.078909999997</v>
      </c>
      <c r="Q7644">
        <v>95447.435939999996</v>
      </c>
      <c r="R7644">
        <v>23549.15497</v>
      </c>
      <c r="S7644">
        <v>123928.7954</v>
      </c>
      <c r="T7644">
        <v>38520.332609999998</v>
      </c>
      <c r="U7644">
        <v>27124.88753</v>
      </c>
      <c r="W7644" s="83">
        <f>Bühler!N7676</f>
        <v>45610.416666648132</v>
      </c>
      <c r="X7644" s="83">
        <v>43419.416666666664</v>
      </c>
      <c r="Y7644">
        <v>288768.3725</v>
      </c>
      <c r="Z7644">
        <v>37560.876409999997</v>
      </c>
      <c r="AA7644">
        <v>98380.223190000004</v>
      </c>
      <c r="AB7644">
        <v>97048.649720000001</v>
      </c>
      <c r="AC7644">
        <v>56202.289989999997</v>
      </c>
      <c r="AD7644">
        <v>42315.924789999997</v>
      </c>
      <c r="AE7644">
        <v>35122.396139999997</v>
      </c>
      <c r="AF7644">
        <v>61732.64056</v>
      </c>
      <c r="AG7644">
        <v>31010.647649999999</v>
      </c>
      <c r="AH7644">
        <v>361944.55859999999</v>
      </c>
      <c r="AI7644">
        <v>86581.632670000006</v>
      </c>
      <c r="AJ7644">
        <v>27927.71315</v>
      </c>
      <c r="AK7644">
        <v>32981.078909999997</v>
      </c>
      <c r="AL7644">
        <v>95447.435939999996</v>
      </c>
      <c r="AM7644">
        <v>23549.15497</v>
      </c>
      <c r="AN7644">
        <v>123928.7954</v>
      </c>
      <c r="AO7644">
        <v>38520.332609999998</v>
      </c>
      <c r="AP7644">
        <v>27124.88753</v>
      </c>
    </row>
    <row r="7645" spans="2:42" x14ac:dyDescent="0.3">
      <c r="B7645">
        <v>71.435313439825777</v>
      </c>
      <c r="C7645" s="83">
        <v>43419.458333333336</v>
      </c>
      <c r="D7645">
        <v>285961.7549</v>
      </c>
      <c r="E7645">
        <v>37089.226589999998</v>
      </c>
      <c r="F7645">
        <v>98834.816399999996</v>
      </c>
      <c r="G7645">
        <v>94515.394610000003</v>
      </c>
      <c r="H7645">
        <v>55647.304380000001</v>
      </c>
      <c r="I7645">
        <v>40868.411999999997</v>
      </c>
      <c r="J7645">
        <v>35275.341769999999</v>
      </c>
      <c r="K7645">
        <v>63162.789750000004</v>
      </c>
      <c r="L7645">
        <v>32146.990720000002</v>
      </c>
      <c r="M7645">
        <v>364210.54119999998</v>
      </c>
      <c r="N7645">
        <v>86206.043510000003</v>
      </c>
      <c r="O7645">
        <v>27903.224099999999</v>
      </c>
      <c r="P7645">
        <v>32117.741470000001</v>
      </c>
      <c r="Q7645">
        <v>95639.465469999996</v>
      </c>
      <c r="R7645">
        <v>24067.003560000001</v>
      </c>
      <c r="S7645">
        <v>125779.02280000001</v>
      </c>
      <c r="T7645">
        <v>38549.829850000002</v>
      </c>
      <c r="U7645">
        <v>26026.389930000001</v>
      </c>
      <c r="W7645" s="83">
        <f>Bühler!N7677</f>
        <v>45610.458333314797</v>
      </c>
      <c r="X7645" s="83">
        <v>43419.458333333336</v>
      </c>
      <c r="Y7645">
        <v>285961.7549</v>
      </c>
      <c r="Z7645">
        <v>37089.226589999998</v>
      </c>
      <c r="AA7645">
        <v>98834.816399999996</v>
      </c>
      <c r="AB7645">
        <v>94515.394610000003</v>
      </c>
      <c r="AC7645">
        <v>55647.304380000001</v>
      </c>
      <c r="AD7645">
        <v>40868.411999999997</v>
      </c>
      <c r="AE7645">
        <v>35275.341769999999</v>
      </c>
      <c r="AF7645">
        <v>63162.789750000004</v>
      </c>
      <c r="AG7645">
        <v>32146.990720000002</v>
      </c>
      <c r="AH7645">
        <v>364210.54119999998</v>
      </c>
      <c r="AI7645">
        <v>86206.043510000003</v>
      </c>
      <c r="AJ7645">
        <v>27903.224099999999</v>
      </c>
      <c r="AK7645">
        <v>32117.741470000001</v>
      </c>
      <c r="AL7645">
        <v>95639.465469999996</v>
      </c>
      <c r="AM7645">
        <v>24067.003560000001</v>
      </c>
      <c r="AN7645">
        <v>125779.02280000001</v>
      </c>
      <c r="AO7645">
        <v>38549.829850000002</v>
      </c>
      <c r="AP7645">
        <v>26026.389930000001</v>
      </c>
    </row>
    <row r="7646" spans="2:42" x14ac:dyDescent="0.3">
      <c r="B7646">
        <v>70.973167150732849</v>
      </c>
      <c r="C7646" s="83">
        <v>43419.5</v>
      </c>
      <c r="D7646">
        <v>275519.81569999998</v>
      </c>
      <c r="E7646">
        <v>33076.28368</v>
      </c>
      <c r="F7646">
        <v>96551.846770000004</v>
      </c>
      <c r="G7646">
        <v>92730.086580000003</v>
      </c>
      <c r="H7646">
        <v>52985.272420000001</v>
      </c>
      <c r="I7646">
        <v>38525.251519999998</v>
      </c>
      <c r="J7646">
        <v>34895.447200000002</v>
      </c>
      <c r="K7646">
        <v>58754.081010000002</v>
      </c>
      <c r="L7646">
        <v>34231.225680000003</v>
      </c>
      <c r="M7646">
        <v>361854.3039</v>
      </c>
      <c r="N7646">
        <v>83223.579490000004</v>
      </c>
      <c r="O7646">
        <v>26716.905989999999</v>
      </c>
      <c r="P7646">
        <v>33627.102890000002</v>
      </c>
      <c r="Q7646">
        <v>94093.618820000003</v>
      </c>
      <c r="R7646">
        <v>25298.244890000002</v>
      </c>
      <c r="S7646">
        <v>119352.67359999999</v>
      </c>
      <c r="T7646">
        <v>37904.118849999999</v>
      </c>
      <c r="U7646">
        <v>21909.60152</v>
      </c>
      <c r="W7646" s="83">
        <f>Bühler!N7678</f>
        <v>45610.499999981461</v>
      </c>
      <c r="X7646" s="83">
        <v>43419.5</v>
      </c>
      <c r="Y7646">
        <v>275519.81569999998</v>
      </c>
      <c r="Z7646">
        <v>33076.28368</v>
      </c>
      <c r="AA7646">
        <v>96551.846770000004</v>
      </c>
      <c r="AB7646">
        <v>92730.086580000003</v>
      </c>
      <c r="AC7646">
        <v>52985.272420000001</v>
      </c>
      <c r="AD7646">
        <v>38525.251519999998</v>
      </c>
      <c r="AE7646">
        <v>34895.447200000002</v>
      </c>
      <c r="AF7646">
        <v>58754.081010000002</v>
      </c>
      <c r="AG7646">
        <v>34231.225680000003</v>
      </c>
      <c r="AH7646">
        <v>361854.3039</v>
      </c>
      <c r="AI7646">
        <v>83223.579490000004</v>
      </c>
      <c r="AJ7646">
        <v>26716.905989999999</v>
      </c>
      <c r="AK7646">
        <v>33627.102890000002</v>
      </c>
      <c r="AL7646">
        <v>94093.618820000003</v>
      </c>
      <c r="AM7646">
        <v>25298.244890000002</v>
      </c>
      <c r="AN7646">
        <v>119352.67359999999</v>
      </c>
      <c r="AO7646">
        <v>37904.118849999999</v>
      </c>
      <c r="AP7646">
        <v>21909.60152</v>
      </c>
    </row>
    <row r="7647" spans="2:42" x14ac:dyDescent="0.3">
      <c r="B7647">
        <v>70.493449283445372</v>
      </c>
      <c r="C7647" s="83">
        <v>43419.541666666664</v>
      </c>
      <c r="D7647">
        <v>275280.48100000003</v>
      </c>
      <c r="E7647">
        <v>33296.305350000002</v>
      </c>
      <c r="F7647">
        <v>96112.079840000006</v>
      </c>
      <c r="G7647">
        <v>88778.264120000007</v>
      </c>
      <c r="H7647">
        <v>53365.582199999997</v>
      </c>
      <c r="I7647">
        <v>38559.165840000001</v>
      </c>
      <c r="J7647">
        <v>33380.575819999998</v>
      </c>
      <c r="K7647">
        <v>60177.231820000001</v>
      </c>
      <c r="L7647">
        <v>32165.445329999999</v>
      </c>
      <c r="M7647">
        <v>359408.47850000003</v>
      </c>
      <c r="N7647">
        <v>83788.632169999997</v>
      </c>
      <c r="O7647">
        <v>25868.314429999999</v>
      </c>
      <c r="P7647">
        <v>32218.093919999999</v>
      </c>
      <c r="Q7647">
        <v>94019.474530000007</v>
      </c>
      <c r="R7647">
        <v>26388.56264</v>
      </c>
      <c r="S7647">
        <v>118218.60920000001</v>
      </c>
      <c r="T7647">
        <v>36872.884669999999</v>
      </c>
      <c r="U7647">
        <v>23950.893909999999</v>
      </c>
      <c r="W7647" s="83">
        <f>Bühler!N7679</f>
        <v>45610.541666648125</v>
      </c>
      <c r="X7647" s="83">
        <v>43419.541666666664</v>
      </c>
      <c r="Y7647">
        <v>275280.48100000003</v>
      </c>
      <c r="Z7647">
        <v>33296.305350000002</v>
      </c>
      <c r="AA7647">
        <v>96112.079840000006</v>
      </c>
      <c r="AB7647">
        <v>88778.264120000007</v>
      </c>
      <c r="AC7647">
        <v>53365.582199999997</v>
      </c>
      <c r="AD7647">
        <v>38559.165840000001</v>
      </c>
      <c r="AE7647">
        <v>33380.575819999998</v>
      </c>
      <c r="AF7647">
        <v>60177.231820000001</v>
      </c>
      <c r="AG7647">
        <v>32165.445329999999</v>
      </c>
      <c r="AH7647">
        <v>359408.47850000003</v>
      </c>
      <c r="AI7647">
        <v>83788.632169999997</v>
      </c>
      <c r="AJ7647">
        <v>25868.314429999999</v>
      </c>
      <c r="AK7647">
        <v>32218.093919999999</v>
      </c>
      <c r="AL7647">
        <v>94019.474530000007</v>
      </c>
      <c r="AM7647">
        <v>26388.56264</v>
      </c>
      <c r="AN7647">
        <v>118218.60920000001</v>
      </c>
      <c r="AO7647">
        <v>36872.884669999999</v>
      </c>
      <c r="AP7647">
        <v>23950.893909999999</v>
      </c>
    </row>
    <row r="7648" spans="2:42" x14ac:dyDescent="0.3">
      <c r="B7648">
        <v>70.875303329235393</v>
      </c>
      <c r="C7648" s="83">
        <v>43419.583333333336</v>
      </c>
      <c r="D7648">
        <v>277023.66649999999</v>
      </c>
      <c r="E7648">
        <v>36130.283810000001</v>
      </c>
      <c r="F7648">
        <v>98781.61159</v>
      </c>
      <c r="G7648">
        <v>83048.735870000004</v>
      </c>
      <c r="H7648">
        <v>53578.354070000001</v>
      </c>
      <c r="I7648">
        <v>40239.663180000003</v>
      </c>
      <c r="J7648">
        <v>33031.023639999999</v>
      </c>
      <c r="K7648">
        <v>62333.424939999997</v>
      </c>
      <c r="L7648">
        <v>29073.979210000001</v>
      </c>
      <c r="M7648">
        <v>361355.34850000002</v>
      </c>
      <c r="N7648">
        <v>84219.036930000002</v>
      </c>
      <c r="O7648">
        <v>25473.488389999999</v>
      </c>
      <c r="P7648">
        <v>29511.907800000001</v>
      </c>
      <c r="Q7648">
        <v>93769.083719999995</v>
      </c>
      <c r="R7648">
        <v>24405.58065</v>
      </c>
      <c r="S7648">
        <v>112962.6841</v>
      </c>
      <c r="T7648">
        <v>35469.350189999997</v>
      </c>
      <c r="U7648">
        <v>24811.863069999999</v>
      </c>
      <c r="W7648" s="83">
        <f>Bühler!N7680</f>
        <v>45610.583333314789</v>
      </c>
      <c r="X7648" s="83">
        <v>43419.583333333336</v>
      </c>
      <c r="Y7648">
        <v>277023.66649999999</v>
      </c>
      <c r="Z7648">
        <v>36130.283810000001</v>
      </c>
      <c r="AA7648">
        <v>98781.61159</v>
      </c>
      <c r="AB7648">
        <v>83048.735870000004</v>
      </c>
      <c r="AC7648">
        <v>53578.354070000001</v>
      </c>
      <c r="AD7648">
        <v>40239.663180000003</v>
      </c>
      <c r="AE7648">
        <v>33031.023639999999</v>
      </c>
      <c r="AF7648">
        <v>62333.424939999997</v>
      </c>
      <c r="AG7648">
        <v>29073.979210000001</v>
      </c>
      <c r="AH7648">
        <v>361355.34850000002</v>
      </c>
      <c r="AI7648">
        <v>84219.036930000002</v>
      </c>
      <c r="AJ7648">
        <v>25473.488389999999</v>
      </c>
      <c r="AK7648">
        <v>29511.907800000001</v>
      </c>
      <c r="AL7648">
        <v>93769.083719999995</v>
      </c>
      <c r="AM7648">
        <v>24405.58065</v>
      </c>
      <c r="AN7648">
        <v>112962.6841</v>
      </c>
      <c r="AO7648">
        <v>35469.350189999997</v>
      </c>
      <c r="AP7648">
        <v>24811.863069999999</v>
      </c>
    </row>
    <row r="7649" spans="2:42" x14ac:dyDescent="0.3">
      <c r="B7649">
        <v>69.233241513291574</v>
      </c>
      <c r="C7649" s="83">
        <v>43419.625</v>
      </c>
      <c r="D7649">
        <v>275348.24739999999</v>
      </c>
      <c r="E7649">
        <v>35789.97034</v>
      </c>
      <c r="F7649">
        <v>98451.510030000005</v>
      </c>
      <c r="G7649">
        <v>81546.767269999997</v>
      </c>
      <c r="H7649">
        <v>51952.520799999998</v>
      </c>
      <c r="I7649">
        <v>40875.240879999998</v>
      </c>
      <c r="J7649">
        <v>32863.090530000001</v>
      </c>
      <c r="K7649">
        <v>61715.248359999998</v>
      </c>
      <c r="L7649">
        <v>26283.46874</v>
      </c>
      <c r="M7649">
        <v>352983.35159999999</v>
      </c>
      <c r="N7649">
        <v>81412.309009999997</v>
      </c>
      <c r="O7649">
        <v>25294.82632</v>
      </c>
      <c r="P7649">
        <v>27350.416529999999</v>
      </c>
      <c r="Q7649">
        <v>93108.286999999997</v>
      </c>
      <c r="R7649">
        <v>23945.523150000001</v>
      </c>
      <c r="S7649">
        <v>111343.9553</v>
      </c>
      <c r="T7649">
        <v>35464.275410000002</v>
      </c>
      <c r="U7649">
        <v>23915.056329999999</v>
      </c>
      <c r="W7649" s="83">
        <f>Bühler!N7681</f>
        <v>45610.624999981454</v>
      </c>
      <c r="X7649" s="83">
        <v>43419.625</v>
      </c>
      <c r="Y7649">
        <v>275348.24739999999</v>
      </c>
      <c r="Z7649">
        <v>35789.97034</v>
      </c>
      <c r="AA7649">
        <v>98451.510030000005</v>
      </c>
      <c r="AB7649">
        <v>81546.767269999997</v>
      </c>
      <c r="AC7649">
        <v>51952.520799999998</v>
      </c>
      <c r="AD7649">
        <v>40875.240879999998</v>
      </c>
      <c r="AE7649">
        <v>32863.090530000001</v>
      </c>
      <c r="AF7649">
        <v>61715.248359999998</v>
      </c>
      <c r="AG7649">
        <v>26283.46874</v>
      </c>
      <c r="AH7649">
        <v>352983.35159999999</v>
      </c>
      <c r="AI7649">
        <v>81412.309009999997</v>
      </c>
      <c r="AJ7649">
        <v>25294.82632</v>
      </c>
      <c r="AK7649">
        <v>27350.416529999999</v>
      </c>
      <c r="AL7649">
        <v>93108.286999999997</v>
      </c>
      <c r="AM7649">
        <v>23945.523150000001</v>
      </c>
      <c r="AN7649">
        <v>111343.9553</v>
      </c>
      <c r="AO7649">
        <v>35464.275410000002</v>
      </c>
      <c r="AP7649">
        <v>23915.056329999999</v>
      </c>
    </row>
    <row r="7650" spans="2:42" x14ac:dyDescent="0.3">
      <c r="B7650">
        <v>68.352715743599418</v>
      </c>
      <c r="C7650" s="83">
        <v>43419.666666666664</v>
      </c>
      <c r="D7650">
        <v>270887.533</v>
      </c>
      <c r="E7650">
        <v>35605.256220000003</v>
      </c>
      <c r="F7650">
        <v>98111.063819999996</v>
      </c>
      <c r="G7650">
        <v>79586.606969999993</v>
      </c>
      <c r="H7650">
        <v>51171.178749999999</v>
      </c>
      <c r="I7650">
        <v>42467.822950000002</v>
      </c>
      <c r="J7650">
        <v>32495.830890000001</v>
      </c>
      <c r="K7650">
        <v>61696.833689999999</v>
      </c>
      <c r="L7650">
        <v>25034.788809999998</v>
      </c>
      <c r="M7650">
        <v>348494.02059999999</v>
      </c>
      <c r="N7650">
        <v>80914.110060000006</v>
      </c>
      <c r="O7650">
        <v>25757.73848</v>
      </c>
      <c r="P7650">
        <v>27670.175930000001</v>
      </c>
      <c r="Q7650">
        <v>93373.970100000006</v>
      </c>
      <c r="R7650">
        <v>24506.750810000001</v>
      </c>
      <c r="S7650">
        <v>109990.2539</v>
      </c>
      <c r="T7650">
        <v>34932.408280000003</v>
      </c>
      <c r="U7650">
        <v>22675.291880000001</v>
      </c>
      <c r="W7650" s="83">
        <f>Bühler!N7682</f>
        <v>45610.666666648118</v>
      </c>
      <c r="X7650" s="83">
        <v>43419.666666666664</v>
      </c>
      <c r="Y7650">
        <v>270887.533</v>
      </c>
      <c r="Z7650">
        <v>35605.256220000003</v>
      </c>
      <c r="AA7650">
        <v>98111.063819999996</v>
      </c>
      <c r="AB7650">
        <v>79586.606969999993</v>
      </c>
      <c r="AC7650">
        <v>51171.178749999999</v>
      </c>
      <c r="AD7650">
        <v>42467.822950000002</v>
      </c>
      <c r="AE7650">
        <v>32495.830890000001</v>
      </c>
      <c r="AF7650">
        <v>61696.833689999999</v>
      </c>
      <c r="AG7650">
        <v>25034.788809999998</v>
      </c>
      <c r="AH7650">
        <v>348494.02059999999</v>
      </c>
      <c r="AI7650">
        <v>80914.110060000006</v>
      </c>
      <c r="AJ7650">
        <v>25757.73848</v>
      </c>
      <c r="AK7650">
        <v>27670.175930000001</v>
      </c>
      <c r="AL7650">
        <v>93373.970100000006</v>
      </c>
      <c r="AM7650">
        <v>24506.750810000001</v>
      </c>
      <c r="AN7650">
        <v>109990.2539</v>
      </c>
      <c r="AO7650">
        <v>34932.408280000003</v>
      </c>
      <c r="AP7650">
        <v>22675.291880000001</v>
      </c>
    </row>
    <row r="7651" spans="2:42" x14ac:dyDescent="0.3">
      <c r="B7651">
        <v>67.235596100554886</v>
      </c>
      <c r="C7651" s="83">
        <v>43419.708333333336</v>
      </c>
      <c r="D7651">
        <v>262233.31660000002</v>
      </c>
      <c r="E7651">
        <v>34471.327210000003</v>
      </c>
      <c r="F7651">
        <v>99493.775139999998</v>
      </c>
      <c r="G7651">
        <v>74298.573619999996</v>
      </c>
      <c r="H7651">
        <v>50975.595450000001</v>
      </c>
      <c r="I7651">
        <v>42017.741869999998</v>
      </c>
      <c r="J7651">
        <v>34797.155500000001</v>
      </c>
      <c r="K7651">
        <v>56116.094069999999</v>
      </c>
      <c r="L7651">
        <v>26215.012040000001</v>
      </c>
      <c r="M7651">
        <v>342798.42369999998</v>
      </c>
      <c r="N7651">
        <v>79927.205610000005</v>
      </c>
      <c r="O7651">
        <v>25114.699530000002</v>
      </c>
      <c r="P7651">
        <v>30743.619289999999</v>
      </c>
      <c r="Q7651">
        <v>92025.911429999993</v>
      </c>
      <c r="R7651">
        <v>23883.97279</v>
      </c>
      <c r="S7651">
        <v>110677.5518</v>
      </c>
      <c r="T7651">
        <v>36941.167560000002</v>
      </c>
      <c r="U7651">
        <v>20887.563170000001</v>
      </c>
      <c r="W7651" s="83">
        <f>Bühler!N7683</f>
        <v>45610.708333314782</v>
      </c>
      <c r="X7651" s="83">
        <v>43419.708333333336</v>
      </c>
      <c r="Y7651">
        <v>262233.31660000002</v>
      </c>
      <c r="Z7651">
        <v>34471.327210000003</v>
      </c>
      <c r="AA7651">
        <v>99493.775139999998</v>
      </c>
      <c r="AB7651">
        <v>74298.573619999996</v>
      </c>
      <c r="AC7651">
        <v>50975.595450000001</v>
      </c>
      <c r="AD7651">
        <v>42017.741869999998</v>
      </c>
      <c r="AE7651">
        <v>34797.155500000001</v>
      </c>
      <c r="AF7651">
        <v>56116.094069999999</v>
      </c>
      <c r="AG7651">
        <v>26215.012040000001</v>
      </c>
      <c r="AH7651">
        <v>342798.42369999998</v>
      </c>
      <c r="AI7651">
        <v>79927.205610000005</v>
      </c>
      <c r="AJ7651">
        <v>25114.699530000002</v>
      </c>
      <c r="AK7651">
        <v>30743.619289999999</v>
      </c>
      <c r="AL7651">
        <v>92025.911429999993</v>
      </c>
      <c r="AM7651">
        <v>23883.97279</v>
      </c>
      <c r="AN7651">
        <v>110677.5518</v>
      </c>
      <c r="AO7651">
        <v>36941.167560000002</v>
      </c>
      <c r="AP7651">
        <v>20887.563170000001</v>
      </c>
    </row>
    <row r="7652" spans="2:42" x14ac:dyDescent="0.3">
      <c r="B7652">
        <v>66.681476074940207</v>
      </c>
      <c r="C7652" s="83">
        <v>43419.75</v>
      </c>
      <c r="D7652">
        <v>255932.62770000001</v>
      </c>
      <c r="E7652">
        <v>31491.184929999999</v>
      </c>
      <c r="F7652">
        <v>97968.964730000007</v>
      </c>
      <c r="G7652">
        <v>66139.587119999997</v>
      </c>
      <c r="H7652">
        <v>49032.030489999997</v>
      </c>
      <c r="I7652">
        <v>40610.543010000001</v>
      </c>
      <c r="J7652">
        <v>35444.24727</v>
      </c>
      <c r="K7652">
        <v>53118.835650000001</v>
      </c>
      <c r="L7652">
        <v>28061.72019</v>
      </c>
      <c r="M7652">
        <v>339973.26140000002</v>
      </c>
      <c r="N7652">
        <v>78451.739690000002</v>
      </c>
      <c r="O7652">
        <v>24124.852449999998</v>
      </c>
      <c r="P7652">
        <v>34728.56914</v>
      </c>
      <c r="Q7652">
        <v>90365.853189999994</v>
      </c>
      <c r="R7652">
        <v>23262.623680000001</v>
      </c>
      <c r="S7652">
        <v>105396.73209999999</v>
      </c>
      <c r="T7652">
        <v>38053.586459999999</v>
      </c>
      <c r="U7652">
        <v>18878.376059999999</v>
      </c>
      <c r="W7652" s="83">
        <f>Bühler!N7684</f>
        <v>45610.749999981446</v>
      </c>
      <c r="X7652" s="83">
        <v>43419.75</v>
      </c>
      <c r="Y7652">
        <v>255932.62770000001</v>
      </c>
      <c r="Z7652">
        <v>31491.184929999999</v>
      </c>
      <c r="AA7652">
        <v>97968.964730000007</v>
      </c>
      <c r="AB7652">
        <v>66139.587119999997</v>
      </c>
      <c r="AC7652">
        <v>49032.030489999997</v>
      </c>
      <c r="AD7652">
        <v>40610.543010000001</v>
      </c>
      <c r="AE7652">
        <v>35444.24727</v>
      </c>
      <c r="AF7652">
        <v>53118.835650000001</v>
      </c>
      <c r="AG7652">
        <v>28061.72019</v>
      </c>
      <c r="AH7652">
        <v>339973.26140000002</v>
      </c>
      <c r="AI7652">
        <v>78451.739690000002</v>
      </c>
      <c r="AJ7652">
        <v>24124.852449999998</v>
      </c>
      <c r="AK7652">
        <v>34728.56914</v>
      </c>
      <c r="AL7652">
        <v>90365.853189999994</v>
      </c>
      <c r="AM7652">
        <v>23262.623680000001</v>
      </c>
      <c r="AN7652">
        <v>105396.73209999999</v>
      </c>
      <c r="AO7652">
        <v>38053.586459999999</v>
      </c>
      <c r="AP7652">
        <v>18878.376059999999</v>
      </c>
    </row>
    <row r="7653" spans="2:42" x14ac:dyDescent="0.3">
      <c r="B7653">
        <v>65.505481295753299</v>
      </c>
      <c r="C7653" s="83">
        <v>43419.791666666664</v>
      </c>
      <c r="D7653">
        <v>251287.8468</v>
      </c>
      <c r="E7653">
        <v>25884.53889</v>
      </c>
      <c r="F7653">
        <v>83233.951990000001</v>
      </c>
      <c r="G7653">
        <v>58652.433539999998</v>
      </c>
      <c r="H7653">
        <v>46462.477359999997</v>
      </c>
      <c r="I7653">
        <v>37071.30689</v>
      </c>
      <c r="J7653">
        <v>34634.263449999999</v>
      </c>
      <c r="K7653">
        <v>51158.705580000002</v>
      </c>
      <c r="L7653">
        <v>28514.55888</v>
      </c>
      <c r="M7653">
        <v>333977.49160000001</v>
      </c>
      <c r="N7653">
        <v>75934.930389999994</v>
      </c>
      <c r="O7653">
        <v>22318.92611</v>
      </c>
      <c r="P7653">
        <v>35063.903939999997</v>
      </c>
      <c r="Q7653">
        <v>88580.44558</v>
      </c>
      <c r="R7653">
        <v>22814.666150000001</v>
      </c>
      <c r="S7653">
        <v>100167.6018</v>
      </c>
      <c r="T7653">
        <v>36922.022810000002</v>
      </c>
      <c r="U7653">
        <v>17374.48515</v>
      </c>
      <c r="W7653" s="83">
        <f>Bühler!N7685</f>
        <v>45610.791666648111</v>
      </c>
      <c r="X7653" s="83">
        <v>43419.791666666664</v>
      </c>
      <c r="Y7653">
        <v>251287.8468</v>
      </c>
      <c r="Z7653">
        <v>25884.53889</v>
      </c>
      <c r="AA7653">
        <v>83233.951990000001</v>
      </c>
      <c r="AB7653">
        <v>58652.433539999998</v>
      </c>
      <c r="AC7653">
        <v>46462.477359999997</v>
      </c>
      <c r="AD7653">
        <v>37071.30689</v>
      </c>
      <c r="AE7653">
        <v>34634.263449999999</v>
      </c>
      <c r="AF7653">
        <v>51158.705580000002</v>
      </c>
      <c r="AG7653">
        <v>28514.55888</v>
      </c>
      <c r="AH7653">
        <v>333977.49160000001</v>
      </c>
      <c r="AI7653">
        <v>75934.930389999994</v>
      </c>
      <c r="AJ7653">
        <v>22318.92611</v>
      </c>
      <c r="AK7653">
        <v>35063.903939999997</v>
      </c>
      <c r="AL7653">
        <v>88580.44558</v>
      </c>
      <c r="AM7653">
        <v>22814.666150000001</v>
      </c>
      <c r="AN7653">
        <v>100167.6018</v>
      </c>
      <c r="AO7653">
        <v>36922.022810000002</v>
      </c>
      <c r="AP7653">
        <v>17374.48515</v>
      </c>
    </row>
    <row r="7654" spans="2:42" x14ac:dyDescent="0.3">
      <c r="B7654">
        <v>63.770333938360572</v>
      </c>
      <c r="C7654" s="83">
        <v>43419.833333333336</v>
      </c>
      <c r="D7654">
        <v>241026.9368</v>
      </c>
      <c r="E7654">
        <v>19390.970010000001</v>
      </c>
      <c r="F7654">
        <v>64424.65436</v>
      </c>
      <c r="G7654">
        <v>50741.987889999997</v>
      </c>
      <c r="H7654">
        <v>43323.82084</v>
      </c>
      <c r="I7654">
        <v>32464.088039999999</v>
      </c>
      <c r="J7654">
        <v>33415.989710000002</v>
      </c>
      <c r="K7654">
        <v>51450.437239999999</v>
      </c>
      <c r="L7654">
        <v>27669.116910000001</v>
      </c>
      <c r="M7654">
        <v>325130.90120000002</v>
      </c>
      <c r="N7654">
        <v>71111.836179999998</v>
      </c>
      <c r="O7654">
        <v>21300.088599999999</v>
      </c>
      <c r="P7654">
        <v>34642.147270000001</v>
      </c>
      <c r="Q7654">
        <v>86064.287790000002</v>
      </c>
      <c r="R7654">
        <v>19350.165089999999</v>
      </c>
      <c r="S7654">
        <v>89935.605249999993</v>
      </c>
      <c r="T7654">
        <v>34993.067600000002</v>
      </c>
      <c r="U7654">
        <v>15829.405839999999</v>
      </c>
      <c r="W7654" s="83">
        <f>Bühler!N7686</f>
        <v>45610.833333314775</v>
      </c>
      <c r="X7654" s="83">
        <v>43419.833333333336</v>
      </c>
      <c r="Y7654">
        <v>241026.9368</v>
      </c>
      <c r="Z7654">
        <v>19390.970010000001</v>
      </c>
      <c r="AA7654">
        <v>64424.65436</v>
      </c>
      <c r="AB7654">
        <v>50741.987889999997</v>
      </c>
      <c r="AC7654">
        <v>43323.82084</v>
      </c>
      <c r="AD7654">
        <v>32464.088039999999</v>
      </c>
      <c r="AE7654">
        <v>33415.989710000002</v>
      </c>
      <c r="AF7654">
        <v>51450.437239999999</v>
      </c>
      <c r="AG7654">
        <v>27669.116910000001</v>
      </c>
      <c r="AH7654">
        <v>325130.90120000002</v>
      </c>
      <c r="AI7654">
        <v>71111.836179999998</v>
      </c>
      <c r="AJ7654">
        <v>21300.088599999999</v>
      </c>
      <c r="AK7654">
        <v>34642.147270000001</v>
      </c>
      <c r="AL7654">
        <v>86064.287790000002</v>
      </c>
      <c r="AM7654">
        <v>19350.165089999999</v>
      </c>
      <c r="AN7654">
        <v>89935.605249999993</v>
      </c>
      <c r="AO7654">
        <v>34993.067600000002</v>
      </c>
      <c r="AP7654">
        <v>15829.405839999999</v>
      </c>
    </row>
    <row r="7655" spans="2:42" x14ac:dyDescent="0.3">
      <c r="B7655">
        <v>61.36844306007287</v>
      </c>
      <c r="C7655" s="83">
        <v>43419.875</v>
      </c>
      <c r="D7655">
        <v>230460.17120000001</v>
      </c>
      <c r="E7655">
        <v>16601.084480000001</v>
      </c>
      <c r="F7655">
        <v>56447.378290000001</v>
      </c>
      <c r="G7655">
        <v>46538.161359999998</v>
      </c>
      <c r="H7655">
        <v>40659.881849999998</v>
      </c>
      <c r="I7655">
        <v>27672.65365</v>
      </c>
      <c r="J7655">
        <v>32402.216130000001</v>
      </c>
      <c r="K7655">
        <v>49905.439209999997</v>
      </c>
      <c r="L7655">
        <v>26033.500889999999</v>
      </c>
      <c r="M7655">
        <v>312884.94140000001</v>
      </c>
      <c r="N7655">
        <v>68569.001560000004</v>
      </c>
      <c r="O7655">
        <v>20120.070319999999</v>
      </c>
      <c r="P7655">
        <v>32689.922449999998</v>
      </c>
      <c r="Q7655">
        <v>84558.294670000003</v>
      </c>
      <c r="R7655">
        <v>19002.664840000001</v>
      </c>
      <c r="S7655">
        <v>84234.26943</v>
      </c>
      <c r="T7655">
        <v>32121.273229999999</v>
      </c>
      <c r="U7655">
        <v>14289.61319</v>
      </c>
      <c r="W7655" s="83">
        <f>Bühler!N7687</f>
        <v>45610.874999981439</v>
      </c>
      <c r="X7655" s="83">
        <v>43419.875</v>
      </c>
      <c r="Y7655">
        <v>230460.17120000001</v>
      </c>
      <c r="Z7655">
        <v>16601.084480000001</v>
      </c>
      <c r="AA7655">
        <v>56447.378290000001</v>
      </c>
      <c r="AB7655">
        <v>46538.161359999998</v>
      </c>
      <c r="AC7655">
        <v>40659.881849999998</v>
      </c>
      <c r="AD7655">
        <v>27672.65365</v>
      </c>
      <c r="AE7655">
        <v>32402.216130000001</v>
      </c>
      <c r="AF7655">
        <v>49905.439209999997</v>
      </c>
      <c r="AG7655">
        <v>26033.500889999999</v>
      </c>
      <c r="AH7655">
        <v>312884.94140000001</v>
      </c>
      <c r="AI7655">
        <v>68569.001560000004</v>
      </c>
      <c r="AJ7655">
        <v>20120.070319999999</v>
      </c>
      <c r="AK7655">
        <v>32689.922449999998</v>
      </c>
      <c r="AL7655">
        <v>84558.294670000003</v>
      </c>
      <c r="AM7655">
        <v>19002.664840000001</v>
      </c>
      <c r="AN7655">
        <v>84234.26943</v>
      </c>
      <c r="AO7655">
        <v>32121.273229999999</v>
      </c>
      <c r="AP7655">
        <v>14289.61319</v>
      </c>
    </row>
    <row r="7656" spans="2:42" x14ac:dyDescent="0.3">
      <c r="B7656">
        <v>60.409749332946063</v>
      </c>
      <c r="C7656" s="83">
        <v>43419.916666666664</v>
      </c>
      <c r="D7656">
        <v>228272.47589999999</v>
      </c>
      <c r="E7656">
        <v>15519.28009</v>
      </c>
      <c r="F7656">
        <v>53637.564010000002</v>
      </c>
      <c r="G7656">
        <v>43399.880100000002</v>
      </c>
      <c r="H7656">
        <v>38995.090839999997</v>
      </c>
      <c r="I7656">
        <v>25679.24352</v>
      </c>
      <c r="J7656">
        <v>31057.714800000002</v>
      </c>
      <c r="K7656">
        <v>53242.281430000003</v>
      </c>
      <c r="L7656">
        <v>23353.26181</v>
      </c>
      <c r="M7656">
        <v>307997.07370000001</v>
      </c>
      <c r="N7656">
        <v>66796.145069999999</v>
      </c>
      <c r="O7656">
        <v>20152.85037</v>
      </c>
      <c r="P7656">
        <v>32533.954809999999</v>
      </c>
      <c r="Q7656">
        <v>83280.218599999993</v>
      </c>
      <c r="R7656">
        <v>21688.759699999999</v>
      </c>
      <c r="S7656">
        <v>82987.668739999994</v>
      </c>
      <c r="T7656">
        <v>27806.274600000001</v>
      </c>
      <c r="U7656">
        <v>14470.908079999999</v>
      </c>
      <c r="W7656" s="83">
        <f>Bühler!N7688</f>
        <v>45610.916666648103</v>
      </c>
      <c r="X7656" s="83">
        <v>43419.916666666664</v>
      </c>
      <c r="Y7656">
        <v>228272.47589999999</v>
      </c>
      <c r="Z7656">
        <v>15519.28009</v>
      </c>
      <c r="AA7656">
        <v>53637.564010000002</v>
      </c>
      <c r="AB7656">
        <v>43399.880100000002</v>
      </c>
      <c r="AC7656">
        <v>38995.090839999997</v>
      </c>
      <c r="AD7656">
        <v>25679.24352</v>
      </c>
      <c r="AE7656">
        <v>31057.714800000002</v>
      </c>
      <c r="AF7656">
        <v>53242.281430000003</v>
      </c>
      <c r="AG7656">
        <v>23353.26181</v>
      </c>
      <c r="AH7656">
        <v>307997.07370000001</v>
      </c>
      <c r="AI7656">
        <v>66796.145069999999</v>
      </c>
      <c r="AJ7656">
        <v>20152.85037</v>
      </c>
      <c r="AK7656">
        <v>32533.954809999999</v>
      </c>
      <c r="AL7656">
        <v>83280.218599999993</v>
      </c>
      <c r="AM7656">
        <v>21688.759699999999</v>
      </c>
      <c r="AN7656">
        <v>82987.668739999994</v>
      </c>
      <c r="AO7656">
        <v>27806.274600000001</v>
      </c>
      <c r="AP7656">
        <v>14470.908079999999</v>
      </c>
    </row>
    <row r="7657" spans="2:42" x14ac:dyDescent="0.3">
      <c r="B7657">
        <v>59.504857824290852</v>
      </c>
      <c r="C7657" s="83">
        <v>43419.958333333336</v>
      </c>
      <c r="D7657">
        <v>228851.92869999999</v>
      </c>
      <c r="E7657">
        <v>14701.450080000001</v>
      </c>
      <c r="F7657">
        <v>52662.374029999999</v>
      </c>
      <c r="G7657">
        <v>42404.501089999998</v>
      </c>
      <c r="H7657">
        <v>38076.088340000002</v>
      </c>
      <c r="I7657">
        <v>23803.766449999999</v>
      </c>
      <c r="J7657">
        <v>29069.91447</v>
      </c>
      <c r="K7657">
        <v>53146.51021</v>
      </c>
      <c r="L7657">
        <v>20076.671200000001</v>
      </c>
      <c r="M7657">
        <v>303383.5148</v>
      </c>
      <c r="N7657">
        <v>65825.926359999998</v>
      </c>
      <c r="O7657">
        <v>19715.749469999999</v>
      </c>
      <c r="P7657">
        <v>29129.15236</v>
      </c>
      <c r="Q7657">
        <v>82563.031149999995</v>
      </c>
      <c r="R7657">
        <v>21116.924900000002</v>
      </c>
      <c r="S7657">
        <v>80308.332949999996</v>
      </c>
      <c r="T7657">
        <v>28428.787250000001</v>
      </c>
      <c r="U7657">
        <v>13928.34296</v>
      </c>
      <c r="W7657" s="83">
        <f>Bühler!N7689</f>
        <v>45610.958333314768</v>
      </c>
      <c r="X7657" s="83">
        <v>43419.958333333336</v>
      </c>
      <c r="Y7657">
        <v>228851.92869999999</v>
      </c>
      <c r="Z7657">
        <v>14701.450080000001</v>
      </c>
      <c r="AA7657">
        <v>52662.374029999999</v>
      </c>
      <c r="AB7657">
        <v>42404.501089999998</v>
      </c>
      <c r="AC7657">
        <v>38076.088340000002</v>
      </c>
      <c r="AD7657">
        <v>23803.766449999999</v>
      </c>
      <c r="AE7657">
        <v>29069.91447</v>
      </c>
      <c r="AF7657">
        <v>53146.51021</v>
      </c>
      <c r="AG7657">
        <v>20076.671200000001</v>
      </c>
      <c r="AH7657">
        <v>303383.5148</v>
      </c>
      <c r="AI7657">
        <v>65825.926359999998</v>
      </c>
      <c r="AJ7657">
        <v>19715.749469999999</v>
      </c>
      <c r="AK7657">
        <v>29129.15236</v>
      </c>
      <c r="AL7657">
        <v>82563.031149999995</v>
      </c>
      <c r="AM7657">
        <v>21116.924900000002</v>
      </c>
      <c r="AN7657">
        <v>80308.332949999996</v>
      </c>
      <c r="AO7657">
        <v>28428.787250000001</v>
      </c>
      <c r="AP7657">
        <v>13928.34296</v>
      </c>
    </row>
    <row r="7658" spans="2:42" x14ac:dyDescent="0.3">
      <c r="B7658">
        <v>58.54410451702843</v>
      </c>
      <c r="C7658" s="83">
        <v>43420</v>
      </c>
      <c r="D7658">
        <v>227994.0931</v>
      </c>
      <c r="E7658">
        <v>14494.108850000001</v>
      </c>
      <c r="F7658">
        <v>52075.491499999996</v>
      </c>
      <c r="G7658">
        <v>41420.147530000002</v>
      </c>
      <c r="H7658">
        <v>37649.007769999997</v>
      </c>
      <c r="I7658">
        <v>22032.356210000002</v>
      </c>
      <c r="J7658">
        <v>26331.457740000002</v>
      </c>
      <c r="K7658">
        <v>50948.536050000002</v>
      </c>
      <c r="L7658">
        <v>17589.743439999998</v>
      </c>
      <c r="M7658">
        <v>298485.14640000003</v>
      </c>
      <c r="N7658">
        <v>66035.925510000001</v>
      </c>
      <c r="O7658">
        <v>19856.99307</v>
      </c>
      <c r="P7658">
        <v>27027.237290000001</v>
      </c>
      <c r="Q7658">
        <v>82482.949569999997</v>
      </c>
      <c r="R7658">
        <v>19959.859530000002</v>
      </c>
      <c r="S7658">
        <v>79369.702109999998</v>
      </c>
      <c r="T7658">
        <v>26345.519980000001</v>
      </c>
      <c r="U7658">
        <v>13926.20609</v>
      </c>
      <c r="W7658" s="83">
        <f>Bühler!N7690</f>
        <v>45610.999999981432</v>
      </c>
      <c r="X7658" s="83">
        <v>43420</v>
      </c>
      <c r="Y7658">
        <v>227994.0931</v>
      </c>
      <c r="Z7658">
        <v>14494.108850000001</v>
      </c>
      <c r="AA7658">
        <v>52075.491499999996</v>
      </c>
      <c r="AB7658">
        <v>41420.147530000002</v>
      </c>
      <c r="AC7658">
        <v>37649.007769999997</v>
      </c>
      <c r="AD7658">
        <v>22032.356210000002</v>
      </c>
      <c r="AE7658">
        <v>26331.457740000002</v>
      </c>
      <c r="AF7658">
        <v>50948.536050000002</v>
      </c>
      <c r="AG7658">
        <v>17589.743439999998</v>
      </c>
      <c r="AH7658">
        <v>298485.14640000003</v>
      </c>
      <c r="AI7658">
        <v>66035.925510000001</v>
      </c>
      <c r="AJ7658">
        <v>19856.99307</v>
      </c>
      <c r="AK7658">
        <v>27027.237290000001</v>
      </c>
      <c r="AL7658">
        <v>82482.949569999997</v>
      </c>
      <c r="AM7658">
        <v>19959.859530000002</v>
      </c>
      <c r="AN7658">
        <v>79369.702109999998</v>
      </c>
      <c r="AO7658">
        <v>26345.519980000001</v>
      </c>
      <c r="AP7658">
        <v>13926.20609</v>
      </c>
    </row>
    <row r="7659" spans="2:42" x14ac:dyDescent="0.3">
      <c r="B7659">
        <v>58.457911518874504</v>
      </c>
      <c r="C7659" s="83">
        <v>43420.041666666664</v>
      </c>
      <c r="D7659">
        <v>226480.75659999999</v>
      </c>
      <c r="E7659">
        <v>14317.439909999999</v>
      </c>
      <c r="F7659">
        <v>52605.97191</v>
      </c>
      <c r="G7659">
        <v>40625.494129999999</v>
      </c>
      <c r="H7659">
        <v>36946.65582</v>
      </c>
      <c r="I7659">
        <v>18826.37268</v>
      </c>
      <c r="J7659">
        <v>25958.001319999999</v>
      </c>
      <c r="K7659">
        <v>48971.98835</v>
      </c>
      <c r="L7659">
        <v>16911.469880000001</v>
      </c>
      <c r="M7659">
        <v>298045.69429999997</v>
      </c>
      <c r="N7659">
        <v>66285.056379999995</v>
      </c>
      <c r="O7659">
        <v>19512.06971</v>
      </c>
      <c r="P7659">
        <v>26051.820299999999</v>
      </c>
      <c r="Q7659">
        <v>82333.254329999996</v>
      </c>
      <c r="R7659">
        <v>19351.823629999999</v>
      </c>
      <c r="S7659">
        <v>78636.467180000007</v>
      </c>
      <c r="T7659">
        <v>25453.39458</v>
      </c>
      <c r="U7659">
        <v>14214.108819999999</v>
      </c>
      <c r="W7659" s="83">
        <f>Bühler!N7691</f>
        <v>45611.041666648096</v>
      </c>
      <c r="X7659" s="83">
        <v>43420.041666666664</v>
      </c>
      <c r="Y7659">
        <v>226480.75659999999</v>
      </c>
      <c r="Z7659">
        <v>14317.439909999999</v>
      </c>
      <c r="AA7659">
        <v>52605.97191</v>
      </c>
      <c r="AB7659">
        <v>40625.494129999999</v>
      </c>
      <c r="AC7659">
        <v>36946.65582</v>
      </c>
      <c r="AD7659">
        <v>18826.37268</v>
      </c>
      <c r="AE7659">
        <v>25958.001319999999</v>
      </c>
      <c r="AF7659">
        <v>48971.98835</v>
      </c>
      <c r="AG7659">
        <v>16911.469880000001</v>
      </c>
      <c r="AH7659">
        <v>298045.69429999997</v>
      </c>
      <c r="AI7659">
        <v>66285.056379999995</v>
      </c>
      <c r="AJ7659">
        <v>19512.06971</v>
      </c>
      <c r="AK7659">
        <v>26051.820299999999</v>
      </c>
      <c r="AL7659">
        <v>82333.254329999996</v>
      </c>
      <c r="AM7659">
        <v>19351.823629999999</v>
      </c>
      <c r="AN7659">
        <v>78636.467180000007</v>
      </c>
      <c r="AO7659">
        <v>25453.39458</v>
      </c>
      <c r="AP7659">
        <v>14214.108819999999</v>
      </c>
    </row>
    <row r="7660" spans="2:42" x14ac:dyDescent="0.3">
      <c r="B7660">
        <v>59.05938115588377</v>
      </c>
      <c r="C7660" s="83">
        <v>43420.083333333336</v>
      </c>
      <c r="D7660">
        <v>226971.07709999999</v>
      </c>
      <c r="E7660">
        <v>14213.87127</v>
      </c>
      <c r="F7660">
        <v>53723.316299999999</v>
      </c>
      <c r="G7660">
        <v>40357.138039999998</v>
      </c>
      <c r="H7660">
        <v>36930.956400000003</v>
      </c>
      <c r="I7660">
        <v>17048.044539999999</v>
      </c>
      <c r="J7660">
        <v>26011.106830000001</v>
      </c>
      <c r="K7660">
        <v>47952.291270000002</v>
      </c>
      <c r="L7660">
        <v>16314.258099999999</v>
      </c>
      <c r="M7660">
        <v>301112.26699999999</v>
      </c>
      <c r="N7660">
        <v>65446.432509999999</v>
      </c>
      <c r="O7660">
        <v>19906.870279999999</v>
      </c>
      <c r="P7660">
        <v>25444.928980000001</v>
      </c>
      <c r="Q7660">
        <v>85286.497860000003</v>
      </c>
      <c r="R7660">
        <v>18766.904699999999</v>
      </c>
      <c r="S7660">
        <v>77474.986430000004</v>
      </c>
      <c r="T7660">
        <v>24990.763739999999</v>
      </c>
      <c r="U7660">
        <v>14204.347959999999</v>
      </c>
      <c r="W7660" s="83">
        <f>Bühler!N7692</f>
        <v>45611.08333331476</v>
      </c>
      <c r="X7660" s="83">
        <v>43420.083333333336</v>
      </c>
      <c r="Y7660">
        <v>226971.07709999999</v>
      </c>
      <c r="Z7660">
        <v>14213.87127</v>
      </c>
      <c r="AA7660">
        <v>53723.316299999999</v>
      </c>
      <c r="AB7660">
        <v>40357.138039999998</v>
      </c>
      <c r="AC7660">
        <v>36930.956400000003</v>
      </c>
      <c r="AD7660">
        <v>17048.044539999999</v>
      </c>
      <c r="AE7660">
        <v>26011.106830000001</v>
      </c>
      <c r="AF7660">
        <v>47952.291270000002</v>
      </c>
      <c r="AG7660">
        <v>16314.258099999999</v>
      </c>
      <c r="AH7660">
        <v>301112.26699999999</v>
      </c>
      <c r="AI7660">
        <v>65446.432509999999</v>
      </c>
      <c r="AJ7660">
        <v>19906.870279999999</v>
      </c>
      <c r="AK7660">
        <v>25444.928980000001</v>
      </c>
      <c r="AL7660">
        <v>85286.497860000003</v>
      </c>
      <c r="AM7660">
        <v>18766.904699999999</v>
      </c>
      <c r="AN7660">
        <v>77474.986430000004</v>
      </c>
      <c r="AO7660">
        <v>24990.763739999999</v>
      </c>
      <c r="AP7660">
        <v>14204.347959999999</v>
      </c>
    </row>
    <row r="7661" spans="2:42" x14ac:dyDescent="0.3">
      <c r="B7661">
        <v>59.171023493367883</v>
      </c>
      <c r="C7661" s="83">
        <v>43420.125</v>
      </c>
      <c r="D7661">
        <v>228974.1715</v>
      </c>
      <c r="E7661">
        <v>14357.382820000001</v>
      </c>
      <c r="F7661">
        <v>54376.12571</v>
      </c>
      <c r="G7661">
        <v>39885.612459999997</v>
      </c>
      <c r="H7661">
        <v>37356.264499999997</v>
      </c>
      <c r="I7661">
        <v>17110.201509999999</v>
      </c>
      <c r="J7661">
        <v>26417.94917</v>
      </c>
      <c r="K7661">
        <v>46287.346409999998</v>
      </c>
      <c r="L7661">
        <v>16255.92936</v>
      </c>
      <c r="M7661">
        <v>301681.47169999999</v>
      </c>
      <c r="N7661">
        <v>65564.981830000004</v>
      </c>
      <c r="O7661">
        <v>19753.19832</v>
      </c>
      <c r="P7661">
        <v>24752.709190000001</v>
      </c>
      <c r="Q7661">
        <v>87871.09001</v>
      </c>
      <c r="R7661">
        <v>18572.72899</v>
      </c>
      <c r="S7661">
        <v>77363.308050000007</v>
      </c>
      <c r="T7661">
        <v>25062.012699999999</v>
      </c>
      <c r="U7661">
        <v>14348.335220000001</v>
      </c>
      <c r="W7661" s="83">
        <f>Bühler!N7693</f>
        <v>45611.124999981424</v>
      </c>
      <c r="X7661" s="83">
        <v>43420.125</v>
      </c>
      <c r="Y7661">
        <v>228974.1715</v>
      </c>
      <c r="Z7661">
        <v>14357.382820000001</v>
      </c>
      <c r="AA7661">
        <v>54376.12571</v>
      </c>
      <c r="AB7661">
        <v>39885.612459999997</v>
      </c>
      <c r="AC7661">
        <v>37356.264499999997</v>
      </c>
      <c r="AD7661">
        <v>17110.201509999999</v>
      </c>
      <c r="AE7661">
        <v>26417.94917</v>
      </c>
      <c r="AF7661">
        <v>46287.346409999998</v>
      </c>
      <c r="AG7661">
        <v>16255.92936</v>
      </c>
      <c r="AH7661">
        <v>301681.47169999999</v>
      </c>
      <c r="AI7661">
        <v>65564.981830000004</v>
      </c>
      <c r="AJ7661">
        <v>19753.19832</v>
      </c>
      <c r="AK7661">
        <v>24752.709190000001</v>
      </c>
      <c r="AL7661">
        <v>87871.09001</v>
      </c>
      <c r="AM7661">
        <v>18572.72899</v>
      </c>
      <c r="AN7661">
        <v>77363.308050000007</v>
      </c>
      <c r="AO7661">
        <v>25062.012699999999</v>
      </c>
      <c r="AP7661">
        <v>14348.335220000001</v>
      </c>
    </row>
    <row r="7662" spans="2:42" x14ac:dyDescent="0.3">
      <c r="B7662">
        <v>60.348358459885993</v>
      </c>
      <c r="C7662" s="83">
        <v>43420.166666666664</v>
      </c>
      <c r="D7662">
        <v>230242.63449999999</v>
      </c>
      <c r="E7662">
        <v>14739.92031</v>
      </c>
      <c r="F7662">
        <v>57932.792229999999</v>
      </c>
      <c r="G7662">
        <v>39496.368739999998</v>
      </c>
      <c r="H7662">
        <v>37583.574289999997</v>
      </c>
      <c r="I7662">
        <v>19042.76211</v>
      </c>
      <c r="J7662">
        <v>27767.01958</v>
      </c>
      <c r="K7662">
        <v>44595.21989</v>
      </c>
      <c r="L7662">
        <v>16531.09852</v>
      </c>
      <c r="M7662">
        <v>307684.07439999998</v>
      </c>
      <c r="N7662">
        <v>66055.65337</v>
      </c>
      <c r="O7662">
        <v>20136.51958</v>
      </c>
      <c r="P7662">
        <v>24436.881389999999</v>
      </c>
      <c r="Q7662">
        <v>92011.754079999999</v>
      </c>
      <c r="R7662">
        <v>18623.224689999999</v>
      </c>
      <c r="S7662">
        <v>77657.428690000001</v>
      </c>
      <c r="T7662">
        <v>24975.043689999999</v>
      </c>
      <c r="U7662">
        <v>15027.342060000001</v>
      </c>
      <c r="W7662" s="83">
        <f>Bühler!N7694</f>
        <v>45611.166666648089</v>
      </c>
      <c r="X7662" s="83">
        <v>43420.166666666664</v>
      </c>
      <c r="Y7662">
        <v>230242.63449999999</v>
      </c>
      <c r="Z7662">
        <v>14739.92031</v>
      </c>
      <c r="AA7662">
        <v>57932.792229999999</v>
      </c>
      <c r="AB7662">
        <v>39496.368739999998</v>
      </c>
      <c r="AC7662">
        <v>37583.574289999997</v>
      </c>
      <c r="AD7662">
        <v>19042.76211</v>
      </c>
      <c r="AE7662">
        <v>27767.01958</v>
      </c>
      <c r="AF7662">
        <v>44595.21989</v>
      </c>
      <c r="AG7662">
        <v>16531.09852</v>
      </c>
      <c r="AH7662">
        <v>307684.07439999998</v>
      </c>
      <c r="AI7662">
        <v>66055.65337</v>
      </c>
      <c r="AJ7662">
        <v>20136.51958</v>
      </c>
      <c r="AK7662">
        <v>24436.881389999999</v>
      </c>
      <c r="AL7662">
        <v>92011.754079999999</v>
      </c>
      <c r="AM7662">
        <v>18623.224689999999</v>
      </c>
      <c r="AN7662">
        <v>77657.428690000001</v>
      </c>
      <c r="AO7662">
        <v>24975.043689999999</v>
      </c>
      <c r="AP7662">
        <v>15027.342060000001</v>
      </c>
    </row>
    <row r="7663" spans="2:42" x14ac:dyDescent="0.3">
      <c r="B7663">
        <v>63.343639898606341</v>
      </c>
      <c r="C7663" s="83">
        <v>43420.208333333336</v>
      </c>
      <c r="D7663">
        <v>245162.1637</v>
      </c>
      <c r="E7663">
        <v>16800.72811</v>
      </c>
      <c r="F7663">
        <v>69290.922210000004</v>
      </c>
      <c r="G7663">
        <v>42327.314509999997</v>
      </c>
      <c r="H7663">
        <v>39496.440999999999</v>
      </c>
      <c r="I7663">
        <v>26771.079679999999</v>
      </c>
      <c r="J7663">
        <v>30208.194940000001</v>
      </c>
      <c r="K7663">
        <v>45800.070979999997</v>
      </c>
      <c r="L7663">
        <v>17491.700059999999</v>
      </c>
      <c r="M7663">
        <v>322955.41600000003</v>
      </c>
      <c r="N7663">
        <v>67158.437470000004</v>
      </c>
      <c r="O7663">
        <v>20671.620299999999</v>
      </c>
      <c r="P7663">
        <v>26021.799360000001</v>
      </c>
      <c r="Q7663">
        <v>95067.850850000003</v>
      </c>
      <c r="R7663">
        <v>19108.086190000002</v>
      </c>
      <c r="S7663">
        <v>80391.536850000004</v>
      </c>
      <c r="T7663">
        <v>26391.092049999999</v>
      </c>
      <c r="U7663">
        <v>16678.148669999999</v>
      </c>
      <c r="W7663" s="83">
        <f>Bühler!N7695</f>
        <v>45611.208333314753</v>
      </c>
      <c r="X7663" s="83">
        <v>43420.208333333336</v>
      </c>
      <c r="Y7663">
        <v>245162.1637</v>
      </c>
      <c r="Z7663">
        <v>16800.72811</v>
      </c>
      <c r="AA7663">
        <v>69290.922210000004</v>
      </c>
      <c r="AB7663">
        <v>42327.314509999997</v>
      </c>
      <c r="AC7663">
        <v>39496.440999999999</v>
      </c>
      <c r="AD7663">
        <v>26771.079679999999</v>
      </c>
      <c r="AE7663">
        <v>30208.194940000001</v>
      </c>
      <c r="AF7663">
        <v>45800.070979999997</v>
      </c>
      <c r="AG7663">
        <v>17491.700059999999</v>
      </c>
      <c r="AH7663">
        <v>322955.41600000003</v>
      </c>
      <c r="AI7663">
        <v>67158.437470000004</v>
      </c>
      <c r="AJ7663">
        <v>20671.620299999999</v>
      </c>
      <c r="AK7663">
        <v>26021.799360000001</v>
      </c>
      <c r="AL7663">
        <v>95067.850850000003</v>
      </c>
      <c r="AM7663">
        <v>19108.086190000002</v>
      </c>
      <c r="AN7663">
        <v>80391.536850000004</v>
      </c>
      <c r="AO7663">
        <v>26391.092049999999</v>
      </c>
      <c r="AP7663">
        <v>16678.148669999999</v>
      </c>
    </row>
    <row r="7664" spans="2:42" x14ac:dyDescent="0.3">
      <c r="B7664">
        <v>66.537118056148671</v>
      </c>
      <c r="C7664" s="83">
        <v>43420.25</v>
      </c>
      <c r="D7664">
        <v>260050.81839999999</v>
      </c>
      <c r="E7664">
        <v>21292.010740000002</v>
      </c>
      <c r="F7664">
        <v>82139.960130000007</v>
      </c>
      <c r="G7664">
        <v>57236.594530000002</v>
      </c>
      <c r="H7664">
        <v>43529.445010000003</v>
      </c>
      <c r="I7664">
        <v>34507.180780000002</v>
      </c>
      <c r="J7664">
        <v>34134.941760000002</v>
      </c>
      <c r="K7664">
        <v>48515.365640000004</v>
      </c>
      <c r="L7664">
        <v>18708.770990000001</v>
      </c>
      <c r="M7664">
        <v>339237.25689999998</v>
      </c>
      <c r="N7664">
        <v>71598.798689999996</v>
      </c>
      <c r="O7664">
        <v>21918.470549999998</v>
      </c>
      <c r="P7664">
        <v>26987.274239999999</v>
      </c>
      <c r="Q7664">
        <v>96186.545710000006</v>
      </c>
      <c r="R7664">
        <v>19227.031470000002</v>
      </c>
      <c r="S7664">
        <v>89032.159969999993</v>
      </c>
      <c r="T7664">
        <v>29336.483820000001</v>
      </c>
      <c r="U7664">
        <v>19782.2117</v>
      </c>
      <c r="W7664" s="83">
        <f>Bühler!N7696</f>
        <v>45611.249999981417</v>
      </c>
      <c r="X7664" s="83">
        <v>43420.25</v>
      </c>
      <c r="Y7664">
        <v>260050.81839999999</v>
      </c>
      <c r="Z7664">
        <v>21292.010740000002</v>
      </c>
      <c r="AA7664">
        <v>82139.960130000007</v>
      </c>
      <c r="AB7664">
        <v>57236.594530000002</v>
      </c>
      <c r="AC7664">
        <v>43529.445010000003</v>
      </c>
      <c r="AD7664">
        <v>34507.180780000002</v>
      </c>
      <c r="AE7664">
        <v>34134.941760000002</v>
      </c>
      <c r="AF7664">
        <v>48515.365640000004</v>
      </c>
      <c r="AG7664">
        <v>18708.770990000001</v>
      </c>
      <c r="AH7664">
        <v>339237.25689999998</v>
      </c>
      <c r="AI7664">
        <v>71598.798689999996</v>
      </c>
      <c r="AJ7664">
        <v>21918.470549999998</v>
      </c>
      <c r="AK7664">
        <v>26987.274239999999</v>
      </c>
      <c r="AL7664">
        <v>96186.545710000006</v>
      </c>
      <c r="AM7664">
        <v>19227.031470000002</v>
      </c>
      <c r="AN7664">
        <v>89032.159969999993</v>
      </c>
      <c r="AO7664">
        <v>29336.483820000001</v>
      </c>
      <c r="AP7664">
        <v>19782.2117</v>
      </c>
    </row>
    <row r="7665" spans="2:42" x14ac:dyDescent="0.3">
      <c r="B7665">
        <v>67.633369364901299</v>
      </c>
      <c r="C7665" s="83">
        <v>43420.291666666664</v>
      </c>
      <c r="D7665">
        <v>275281.23460000003</v>
      </c>
      <c r="E7665">
        <v>26198.21732</v>
      </c>
      <c r="F7665">
        <v>86509.981629999995</v>
      </c>
      <c r="G7665">
        <v>72344.626810000002</v>
      </c>
      <c r="H7665">
        <v>49433.062850000002</v>
      </c>
      <c r="I7665">
        <v>43557.038769999999</v>
      </c>
      <c r="J7665">
        <v>35682.316250000003</v>
      </c>
      <c r="K7665">
        <v>54625.225429999999</v>
      </c>
      <c r="L7665">
        <v>21833.984830000001</v>
      </c>
      <c r="M7665">
        <v>344826.45730000001</v>
      </c>
      <c r="N7665">
        <v>75116.902159999998</v>
      </c>
      <c r="O7665">
        <v>24279.592140000001</v>
      </c>
      <c r="P7665">
        <v>29560.046289999998</v>
      </c>
      <c r="Q7665">
        <v>95909.429459999999</v>
      </c>
      <c r="R7665">
        <v>21117.49553</v>
      </c>
      <c r="S7665">
        <v>105093.1125</v>
      </c>
      <c r="T7665">
        <v>31326.518680000001</v>
      </c>
      <c r="U7665">
        <v>24515.91807</v>
      </c>
      <c r="W7665" s="83">
        <f>Bühler!N7697</f>
        <v>45611.291666648081</v>
      </c>
      <c r="X7665" s="83">
        <v>43420.291666666664</v>
      </c>
      <c r="Y7665">
        <v>275281.23460000003</v>
      </c>
      <c r="Z7665">
        <v>26198.21732</v>
      </c>
      <c r="AA7665">
        <v>86509.981629999995</v>
      </c>
      <c r="AB7665">
        <v>72344.626810000002</v>
      </c>
      <c r="AC7665">
        <v>49433.062850000002</v>
      </c>
      <c r="AD7665">
        <v>43557.038769999999</v>
      </c>
      <c r="AE7665">
        <v>35682.316250000003</v>
      </c>
      <c r="AF7665">
        <v>54625.225429999999</v>
      </c>
      <c r="AG7665">
        <v>21833.984830000001</v>
      </c>
      <c r="AH7665">
        <v>344826.45730000001</v>
      </c>
      <c r="AI7665">
        <v>75116.902159999998</v>
      </c>
      <c r="AJ7665">
        <v>24279.592140000001</v>
      </c>
      <c r="AK7665">
        <v>29560.046289999998</v>
      </c>
      <c r="AL7665">
        <v>95909.429459999999</v>
      </c>
      <c r="AM7665">
        <v>21117.49553</v>
      </c>
      <c r="AN7665">
        <v>105093.1125</v>
      </c>
      <c r="AO7665">
        <v>31326.518680000001</v>
      </c>
      <c r="AP7665">
        <v>24515.91807</v>
      </c>
    </row>
    <row r="7666" spans="2:42" x14ac:dyDescent="0.3">
      <c r="B7666">
        <v>68.944433428420467</v>
      </c>
      <c r="C7666" s="83">
        <v>43420.333333333336</v>
      </c>
      <c r="D7666">
        <v>282500.04359999998</v>
      </c>
      <c r="E7666">
        <v>32074.919290000002</v>
      </c>
      <c r="F7666">
        <v>93791.370460000006</v>
      </c>
      <c r="G7666">
        <v>88517.326319999993</v>
      </c>
      <c r="H7666">
        <v>53585.17482</v>
      </c>
      <c r="I7666">
        <v>46629.116479999997</v>
      </c>
      <c r="J7666">
        <v>35647.828840000002</v>
      </c>
      <c r="K7666">
        <v>59373.298439999999</v>
      </c>
      <c r="L7666">
        <v>24693.410469999999</v>
      </c>
      <c r="M7666">
        <v>351510.87329999998</v>
      </c>
      <c r="N7666">
        <v>80206.771850000005</v>
      </c>
      <c r="O7666">
        <v>25609.4375</v>
      </c>
      <c r="P7666">
        <v>31106.960500000001</v>
      </c>
      <c r="Q7666">
        <v>96218.914409999998</v>
      </c>
      <c r="R7666">
        <v>21178.555410000001</v>
      </c>
      <c r="S7666">
        <v>117878.2408</v>
      </c>
      <c r="T7666">
        <v>34603.162700000001</v>
      </c>
      <c r="U7666">
        <v>27309.570830000001</v>
      </c>
      <c r="W7666" s="83">
        <f>Bühler!N7698</f>
        <v>45611.333333314746</v>
      </c>
      <c r="X7666" s="83">
        <v>43420.333333333336</v>
      </c>
      <c r="Y7666">
        <v>282500.04359999998</v>
      </c>
      <c r="Z7666">
        <v>32074.919290000002</v>
      </c>
      <c r="AA7666">
        <v>93791.370460000006</v>
      </c>
      <c r="AB7666">
        <v>88517.326319999993</v>
      </c>
      <c r="AC7666">
        <v>53585.17482</v>
      </c>
      <c r="AD7666">
        <v>46629.116479999997</v>
      </c>
      <c r="AE7666">
        <v>35647.828840000002</v>
      </c>
      <c r="AF7666">
        <v>59373.298439999999</v>
      </c>
      <c r="AG7666">
        <v>24693.410469999999</v>
      </c>
      <c r="AH7666">
        <v>351510.87329999998</v>
      </c>
      <c r="AI7666">
        <v>80206.771850000005</v>
      </c>
      <c r="AJ7666">
        <v>25609.4375</v>
      </c>
      <c r="AK7666">
        <v>31106.960500000001</v>
      </c>
      <c r="AL7666">
        <v>96218.914409999998</v>
      </c>
      <c r="AM7666">
        <v>21178.555410000001</v>
      </c>
      <c r="AN7666">
        <v>117878.2408</v>
      </c>
      <c r="AO7666">
        <v>34603.162700000001</v>
      </c>
      <c r="AP7666">
        <v>27309.570830000001</v>
      </c>
    </row>
    <row r="7667" spans="2:42" x14ac:dyDescent="0.3">
      <c r="B7667">
        <v>68.642514479317512</v>
      </c>
      <c r="C7667" s="83">
        <v>43420.375</v>
      </c>
      <c r="D7667">
        <v>286078.6925</v>
      </c>
      <c r="E7667">
        <v>35754.140099999997</v>
      </c>
      <c r="F7667">
        <v>99358.831919999997</v>
      </c>
      <c r="G7667">
        <v>99761.476020000002</v>
      </c>
      <c r="H7667">
        <v>56214.907800000001</v>
      </c>
      <c r="I7667">
        <v>44525.534180000002</v>
      </c>
      <c r="J7667">
        <v>35283.666810000002</v>
      </c>
      <c r="K7667">
        <v>61707.431239999998</v>
      </c>
      <c r="L7667">
        <v>27639.076570000001</v>
      </c>
      <c r="M7667">
        <v>349971.54969999997</v>
      </c>
      <c r="N7667">
        <v>81284.73861</v>
      </c>
      <c r="O7667">
        <v>26001.63508</v>
      </c>
      <c r="P7667">
        <v>33353.410349999998</v>
      </c>
      <c r="Q7667">
        <v>96027.445099999997</v>
      </c>
      <c r="R7667">
        <v>21965.986700000001</v>
      </c>
      <c r="S7667">
        <v>123857.5294</v>
      </c>
      <c r="T7667">
        <v>37004.21471</v>
      </c>
      <c r="U7667">
        <v>27167.834510000001</v>
      </c>
      <c r="W7667" s="83">
        <f>Bühler!N7699</f>
        <v>45611.37499998141</v>
      </c>
      <c r="X7667" s="83">
        <v>43420.375</v>
      </c>
      <c r="Y7667">
        <v>286078.6925</v>
      </c>
      <c r="Z7667">
        <v>35754.140099999997</v>
      </c>
      <c r="AA7667">
        <v>99358.831919999997</v>
      </c>
      <c r="AB7667">
        <v>99761.476020000002</v>
      </c>
      <c r="AC7667">
        <v>56214.907800000001</v>
      </c>
      <c r="AD7667">
        <v>44525.534180000002</v>
      </c>
      <c r="AE7667">
        <v>35283.666810000002</v>
      </c>
      <c r="AF7667">
        <v>61707.431239999998</v>
      </c>
      <c r="AG7667">
        <v>27639.076570000001</v>
      </c>
      <c r="AH7667">
        <v>349971.54969999997</v>
      </c>
      <c r="AI7667">
        <v>81284.73861</v>
      </c>
      <c r="AJ7667">
        <v>26001.63508</v>
      </c>
      <c r="AK7667">
        <v>33353.410349999998</v>
      </c>
      <c r="AL7667">
        <v>96027.445099999997</v>
      </c>
      <c r="AM7667">
        <v>21965.986700000001</v>
      </c>
      <c r="AN7667">
        <v>123857.5294</v>
      </c>
      <c r="AO7667">
        <v>37004.21471</v>
      </c>
      <c r="AP7667">
        <v>27167.834510000001</v>
      </c>
    </row>
    <row r="7668" spans="2:42" x14ac:dyDescent="0.3">
      <c r="B7668">
        <v>69.123916990461396</v>
      </c>
      <c r="C7668" s="83">
        <v>43420.416666666664</v>
      </c>
      <c r="D7668">
        <v>286700.52220000001</v>
      </c>
      <c r="E7668">
        <v>37145.893600000003</v>
      </c>
      <c r="F7668">
        <v>100445.63770000001</v>
      </c>
      <c r="G7668">
        <v>100441.58409999999</v>
      </c>
      <c r="H7668">
        <v>56056.336080000001</v>
      </c>
      <c r="I7668">
        <v>41664.719190000003</v>
      </c>
      <c r="J7668">
        <v>34895.099069999997</v>
      </c>
      <c r="K7668">
        <v>63027.733419999997</v>
      </c>
      <c r="L7668">
        <v>30508.684969999998</v>
      </c>
      <c r="M7668">
        <v>352425.96419999999</v>
      </c>
      <c r="N7668">
        <v>83301.348389999999</v>
      </c>
      <c r="O7668">
        <v>26001.57144</v>
      </c>
      <c r="P7668">
        <v>33504.481780000002</v>
      </c>
      <c r="Q7668">
        <v>96353.851509999993</v>
      </c>
      <c r="R7668">
        <v>22462.007020000001</v>
      </c>
      <c r="S7668">
        <v>122912.7144</v>
      </c>
      <c r="T7668">
        <v>38824.895790000002</v>
      </c>
      <c r="U7668">
        <v>26087.686089999999</v>
      </c>
      <c r="W7668" s="83">
        <f>Bühler!N7700</f>
        <v>45611.416666648074</v>
      </c>
      <c r="X7668" s="83">
        <v>43420.416666666664</v>
      </c>
      <c r="Y7668">
        <v>286700.52220000001</v>
      </c>
      <c r="Z7668">
        <v>37145.893600000003</v>
      </c>
      <c r="AA7668">
        <v>100445.63770000001</v>
      </c>
      <c r="AB7668">
        <v>100441.58409999999</v>
      </c>
      <c r="AC7668">
        <v>56056.336080000001</v>
      </c>
      <c r="AD7668">
        <v>41664.719190000003</v>
      </c>
      <c r="AE7668">
        <v>34895.099069999997</v>
      </c>
      <c r="AF7668">
        <v>63027.733419999997</v>
      </c>
      <c r="AG7668">
        <v>30508.684969999998</v>
      </c>
      <c r="AH7668">
        <v>352425.96419999999</v>
      </c>
      <c r="AI7668">
        <v>83301.348389999999</v>
      </c>
      <c r="AJ7668">
        <v>26001.57144</v>
      </c>
      <c r="AK7668">
        <v>33504.481780000002</v>
      </c>
      <c r="AL7668">
        <v>96353.851509999993</v>
      </c>
      <c r="AM7668">
        <v>22462.007020000001</v>
      </c>
      <c r="AN7668">
        <v>122912.7144</v>
      </c>
      <c r="AO7668">
        <v>38824.895790000002</v>
      </c>
      <c r="AP7668">
        <v>26087.686089999999</v>
      </c>
    </row>
    <row r="7669" spans="2:42" x14ac:dyDescent="0.3">
      <c r="B7669">
        <v>68.717575816263249</v>
      </c>
      <c r="C7669" s="83">
        <v>43420.458333333336</v>
      </c>
      <c r="D7669">
        <v>280424.859</v>
      </c>
      <c r="E7669">
        <v>36900.540370000002</v>
      </c>
      <c r="F7669">
        <v>100257.04519999999</v>
      </c>
      <c r="G7669">
        <v>97728.52562</v>
      </c>
      <c r="H7669">
        <v>55409.485979999998</v>
      </c>
      <c r="I7669">
        <v>40139.870150000002</v>
      </c>
      <c r="J7669">
        <v>35133.276720000002</v>
      </c>
      <c r="K7669">
        <v>63768.973169999997</v>
      </c>
      <c r="L7669">
        <v>31708.158479999998</v>
      </c>
      <c r="M7669">
        <v>350354.24739999999</v>
      </c>
      <c r="N7669">
        <v>82584.498739999995</v>
      </c>
      <c r="O7669">
        <v>26080.078239999999</v>
      </c>
      <c r="P7669">
        <v>33071.96355</v>
      </c>
      <c r="Q7669">
        <v>96096.474359999993</v>
      </c>
      <c r="R7669">
        <v>25245.20897</v>
      </c>
      <c r="S7669">
        <v>123009.50900000001</v>
      </c>
      <c r="T7669">
        <v>38276.780129999999</v>
      </c>
      <c r="U7669">
        <v>25302.771140000001</v>
      </c>
      <c r="W7669" s="83">
        <f>Bühler!N7701</f>
        <v>45611.458333314738</v>
      </c>
      <c r="X7669" s="83">
        <v>43420.458333333336</v>
      </c>
      <c r="Y7669">
        <v>280424.859</v>
      </c>
      <c r="Z7669">
        <v>36900.540370000002</v>
      </c>
      <c r="AA7669">
        <v>100257.04519999999</v>
      </c>
      <c r="AB7669">
        <v>97728.52562</v>
      </c>
      <c r="AC7669">
        <v>55409.485979999998</v>
      </c>
      <c r="AD7669">
        <v>40139.870150000002</v>
      </c>
      <c r="AE7669">
        <v>35133.276720000002</v>
      </c>
      <c r="AF7669">
        <v>63768.973169999997</v>
      </c>
      <c r="AG7669">
        <v>31708.158479999998</v>
      </c>
      <c r="AH7669">
        <v>350354.24739999999</v>
      </c>
      <c r="AI7669">
        <v>82584.498739999995</v>
      </c>
      <c r="AJ7669">
        <v>26080.078239999999</v>
      </c>
      <c r="AK7669">
        <v>33071.96355</v>
      </c>
      <c r="AL7669">
        <v>96096.474359999993</v>
      </c>
      <c r="AM7669">
        <v>25245.20897</v>
      </c>
      <c r="AN7669">
        <v>123009.50900000001</v>
      </c>
      <c r="AO7669">
        <v>38276.780129999999</v>
      </c>
      <c r="AP7669">
        <v>25302.771140000001</v>
      </c>
    </row>
    <row r="7670" spans="2:42" x14ac:dyDescent="0.3">
      <c r="B7670">
        <v>67.06671749231252</v>
      </c>
      <c r="C7670" s="83">
        <v>43420.5</v>
      </c>
      <c r="D7670">
        <v>266267.30170000001</v>
      </c>
      <c r="E7670">
        <v>32750.740709999998</v>
      </c>
      <c r="F7670">
        <v>98802.608389999994</v>
      </c>
      <c r="G7670">
        <v>94068.838159999999</v>
      </c>
      <c r="H7670">
        <v>51968.449280000001</v>
      </c>
      <c r="I7670">
        <v>38195.330929999996</v>
      </c>
      <c r="J7670">
        <v>34509.284930000002</v>
      </c>
      <c r="K7670">
        <v>57768.923759999998</v>
      </c>
      <c r="L7670">
        <v>34319.458760000001</v>
      </c>
      <c r="M7670">
        <v>341937.40179999999</v>
      </c>
      <c r="N7670">
        <v>80914.405469999998</v>
      </c>
      <c r="O7670">
        <v>25432.471949999999</v>
      </c>
      <c r="P7670">
        <v>34011.094949999999</v>
      </c>
      <c r="Q7670">
        <v>94269.609469999996</v>
      </c>
      <c r="R7670">
        <v>25769.298989999999</v>
      </c>
      <c r="S7670">
        <v>115571.00049999999</v>
      </c>
      <c r="T7670">
        <v>38409.090129999997</v>
      </c>
      <c r="U7670">
        <v>21145.369170000002</v>
      </c>
      <c r="W7670" s="83">
        <f>Bühler!N7702</f>
        <v>45611.499999981403</v>
      </c>
      <c r="X7670" s="83">
        <v>43420.5</v>
      </c>
      <c r="Y7670">
        <v>266267.30170000001</v>
      </c>
      <c r="Z7670">
        <v>32750.740709999998</v>
      </c>
      <c r="AA7670">
        <v>98802.608389999994</v>
      </c>
      <c r="AB7670">
        <v>94068.838159999999</v>
      </c>
      <c r="AC7670">
        <v>51968.449280000001</v>
      </c>
      <c r="AD7670">
        <v>38195.330929999996</v>
      </c>
      <c r="AE7670">
        <v>34509.284930000002</v>
      </c>
      <c r="AF7670">
        <v>57768.923759999998</v>
      </c>
      <c r="AG7670">
        <v>34319.458760000001</v>
      </c>
      <c r="AH7670">
        <v>341937.40179999999</v>
      </c>
      <c r="AI7670">
        <v>80914.405469999998</v>
      </c>
      <c r="AJ7670">
        <v>25432.471949999999</v>
      </c>
      <c r="AK7670">
        <v>34011.094949999999</v>
      </c>
      <c r="AL7670">
        <v>94269.609469999996</v>
      </c>
      <c r="AM7670">
        <v>25769.298989999999</v>
      </c>
      <c r="AN7670">
        <v>115571.00049999999</v>
      </c>
      <c r="AO7670">
        <v>38409.090129999997</v>
      </c>
      <c r="AP7670">
        <v>21145.369170000002</v>
      </c>
    </row>
    <row r="7671" spans="2:42" x14ac:dyDescent="0.3">
      <c r="B7671">
        <v>67.146663396171064</v>
      </c>
      <c r="C7671" s="83">
        <v>43420.541666666664</v>
      </c>
      <c r="D7671">
        <v>263114.6862</v>
      </c>
      <c r="E7671">
        <v>32505.242770000001</v>
      </c>
      <c r="F7671">
        <v>97605.967810000002</v>
      </c>
      <c r="G7671">
        <v>90613.540829999998</v>
      </c>
      <c r="H7671">
        <v>51103.831740000001</v>
      </c>
      <c r="I7671">
        <v>38115.142690000001</v>
      </c>
      <c r="J7671">
        <v>32749.308389999998</v>
      </c>
      <c r="K7671">
        <v>59582.733930000002</v>
      </c>
      <c r="L7671">
        <v>32694.524170000001</v>
      </c>
      <c r="M7671">
        <v>342345.00329999998</v>
      </c>
      <c r="N7671">
        <v>79235.585170000006</v>
      </c>
      <c r="O7671">
        <v>25107.067139999999</v>
      </c>
      <c r="P7671">
        <v>32242.163359999999</v>
      </c>
      <c r="Q7671">
        <v>92849.904550000007</v>
      </c>
      <c r="R7671">
        <v>26615.431970000001</v>
      </c>
      <c r="S7671">
        <v>115969.598</v>
      </c>
      <c r="T7671">
        <v>36592.147599999997</v>
      </c>
      <c r="U7671">
        <v>22149.016479999998</v>
      </c>
      <c r="W7671" s="83">
        <f>Bühler!N7703</f>
        <v>45611.541666648067</v>
      </c>
      <c r="X7671" s="83">
        <v>43420.541666666664</v>
      </c>
      <c r="Y7671">
        <v>263114.6862</v>
      </c>
      <c r="Z7671">
        <v>32505.242770000001</v>
      </c>
      <c r="AA7671">
        <v>97605.967810000002</v>
      </c>
      <c r="AB7671">
        <v>90613.540829999998</v>
      </c>
      <c r="AC7671">
        <v>51103.831740000001</v>
      </c>
      <c r="AD7671">
        <v>38115.142690000001</v>
      </c>
      <c r="AE7671">
        <v>32749.308389999998</v>
      </c>
      <c r="AF7671">
        <v>59582.733930000002</v>
      </c>
      <c r="AG7671">
        <v>32694.524170000001</v>
      </c>
      <c r="AH7671">
        <v>342345.00329999998</v>
      </c>
      <c r="AI7671">
        <v>79235.585170000006</v>
      </c>
      <c r="AJ7671">
        <v>25107.067139999999</v>
      </c>
      <c r="AK7671">
        <v>32242.163359999999</v>
      </c>
      <c r="AL7671">
        <v>92849.904550000007</v>
      </c>
      <c r="AM7671">
        <v>26615.431970000001</v>
      </c>
      <c r="AN7671">
        <v>115969.598</v>
      </c>
      <c r="AO7671">
        <v>36592.147599999997</v>
      </c>
      <c r="AP7671">
        <v>22149.016479999998</v>
      </c>
    </row>
    <row r="7672" spans="2:42" x14ac:dyDescent="0.3">
      <c r="B7672">
        <v>67.596171296446997</v>
      </c>
      <c r="C7672" s="83">
        <v>43420.583333333336</v>
      </c>
      <c r="D7672">
        <v>262438.3603</v>
      </c>
      <c r="E7672">
        <v>35178.520850000001</v>
      </c>
      <c r="F7672">
        <v>98928.579020000005</v>
      </c>
      <c r="G7672">
        <v>84053.453909999997</v>
      </c>
      <c r="H7672">
        <v>50740.018340000002</v>
      </c>
      <c r="I7672">
        <v>38423.407579999999</v>
      </c>
      <c r="J7672">
        <v>32750.294089999999</v>
      </c>
      <c r="K7672">
        <v>62123.623310000003</v>
      </c>
      <c r="L7672">
        <v>29106.78125</v>
      </c>
      <c r="M7672">
        <v>344636.80420000001</v>
      </c>
      <c r="N7672">
        <v>79681.008379999999</v>
      </c>
      <c r="O7672">
        <v>24500.616129999999</v>
      </c>
      <c r="P7672">
        <v>29689.909329999999</v>
      </c>
      <c r="Q7672">
        <v>91357.335189999998</v>
      </c>
      <c r="R7672">
        <v>24375.304990000001</v>
      </c>
      <c r="S7672">
        <v>110785.9556</v>
      </c>
      <c r="T7672">
        <v>34399.03183</v>
      </c>
      <c r="U7672">
        <v>22739.232929999998</v>
      </c>
      <c r="W7672" s="83">
        <f>Bühler!N7704</f>
        <v>45611.583333314731</v>
      </c>
      <c r="X7672" s="83">
        <v>43420.583333333336</v>
      </c>
      <c r="Y7672">
        <v>262438.3603</v>
      </c>
      <c r="Z7672">
        <v>35178.520850000001</v>
      </c>
      <c r="AA7672">
        <v>98928.579020000005</v>
      </c>
      <c r="AB7672">
        <v>84053.453909999997</v>
      </c>
      <c r="AC7672">
        <v>50740.018340000002</v>
      </c>
      <c r="AD7672">
        <v>38423.407579999999</v>
      </c>
      <c r="AE7672">
        <v>32750.294089999999</v>
      </c>
      <c r="AF7672">
        <v>62123.623310000003</v>
      </c>
      <c r="AG7672">
        <v>29106.78125</v>
      </c>
      <c r="AH7672">
        <v>344636.80420000001</v>
      </c>
      <c r="AI7672">
        <v>79681.008379999999</v>
      </c>
      <c r="AJ7672">
        <v>24500.616129999999</v>
      </c>
      <c r="AK7672">
        <v>29689.909329999999</v>
      </c>
      <c r="AL7672">
        <v>91357.335189999998</v>
      </c>
      <c r="AM7672">
        <v>24375.304990000001</v>
      </c>
      <c r="AN7672">
        <v>110785.9556</v>
      </c>
      <c r="AO7672">
        <v>34399.03183</v>
      </c>
      <c r="AP7672">
        <v>22739.232929999998</v>
      </c>
    </row>
    <row r="7673" spans="2:42" x14ac:dyDescent="0.3">
      <c r="B7673">
        <v>66.312545464469906</v>
      </c>
      <c r="C7673" s="83">
        <v>43420.625</v>
      </c>
      <c r="D7673">
        <v>258058.6887</v>
      </c>
      <c r="E7673">
        <v>34792.024140000001</v>
      </c>
      <c r="F7673">
        <v>97591.120259999996</v>
      </c>
      <c r="G7673">
        <v>78301.490130000006</v>
      </c>
      <c r="H7673">
        <v>48833.230329999999</v>
      </c>
      <c r="I7673">
        <v>38593.69068</v>
      </c>
      <c r="J7673">
        <v>32179.9247</v>
      </c>
      <c r="K7673">
        <v>60847.34491</v>
      </c>
      <c r="L7673">
        <v>25457.85182</v>
      </c>
      <c r="M7673">
        <v>338092.28110000002</v>
      </c>
      <c r="N7673">
        <v>79446.009229999996</v>
      </c>
      <c r="O7673">
        <v>23675.772870000001</v>
      </c>
      <c r="P7673">
        <v>28440.55013</v>
      </c>
      <c r="Q7673">
        <v>90638.206160000002</v>
      </c>
      <c r="R7673">
        <v>24116.632160000001</v>
      </c>
      <c r="S7673">
        <v>108366.9224</v>
      </c>
      <c r="T7673">
        <v>34523.543270000002</v>
      </c>
      <c r="U7673">
        <v>20522.551820000001</v>
      </c>
      <c r="W7673" s="83">
        <f>Bühler!N7705</f>
        <v>45611.624999981395</v>
      </c>
      <c r="X7673" s="83">
        <v>43420.625</v>
      </c>
      <c r="Y7673">
        <v>258058.6887</v>
      </c>
      <c r="Z7673">
        <v>34792.024140000001</v>
      </c>
      <c r="AA7673">
        <v>97591.120259999996</v>
      </c>
      <c r="AB7673">
        <v>78301.490130000006</v>
      </c>
      <c r="AC7673">
        <v>48833.230329999999</v>
      </c>
      <c r="AD7673">
        <v>38593.69068</v>
      </c>
      <c r="AE7673">
        <v>32179.9247</v>
      </c>
      <c r="AF7673">
        <v>60847.34491</v>
      </c>
      <c r="AG7673">
        <v>25457.85182</v>
      </c>
      <c r="AH7673">
        <v>338092.28110000002</v>
      </c>
      <c r="AI7673">
        <v>79446.009229999996</v>
      </c>
      <c r="AJ7673">
        <v>23675.772870000001</v>
      </c>
      <c r="AK7673">
        <v>28440.55013</v>
      </c>
      <c r="AL7673">
        <v>90638.206160000002</v>
      </c>
      <c r="AM7673">
        <v>24116.632160000001</v>
      </c>
      <c r="AN7673">
        <v>108366.9224</v>
      </c>
      <c r="AO7673">
        <v>34523.543270000002</v>
      </c>
      <c r="AP7673">
        <v>20522.551820000001</v>
      </c>
    </row>
    <row r="7674" spans="2:42" x14ac:dyDescent="0.3">
      <c r="B7674">
        <v>65.10965775497732</v>
      </c>
      <c r="C7674" s="83">
        <v>43420.666666666664</v>
      </c>
      <c r="D7674">
        <v>250671.27650000001</v>
      </c>
      <c r="E7674">
        <v>33407.453959999999</v>
      </c>
      <c r="F7674">
        <v>97385.650129999995</v>
      </c>
      <c r="G7674">
        <v>72466.919639999993</v>
      </c>
      <c r="H7674">
        <v>48189.807809999998</v>
      </c>
      <c r="I7674">
        <v>40033.276830000003</v>
      </c>
      <c r="J7674">
        <v>31887.134859999998</v>
      </c>
      <c r="K7674">
        <v>56975.836860000003</v>
      </c>
      <c r="L7674">
        <v>24834.628980000001</v>
      </c>
      <c r="M7674">
        <v>331959.39860000001</v>
      </c>
      <c r="N7674">
        <v>78274.385999999999</v>
      </c>
      <c r="O7674">
        <v>23922.324209999999</v>
      </c>
      <c r="P7674">
        <v>28372.585930000001</v>
      </c>
      <c r="Q7674">
        <v>89110.950429999997</v>
      </c>
      <c r="R7674">
        <v>23698.218359999999</v>
      </c>
      <c r="S7674">
        <v>105918.35279999999</v>
      </c>
      <c r="T7674">
        <v>34824.121910000002</v>
      </c>
      <c r="U7674">
        <v>19304.372060000002</v>
      </c>
      <c r="W7674" s="83">
        <f>Bühler!N7706</f>
        <v>45611.66666664806</v>
      </c>
      <c r="X7674" s="83">
        <v>43420.666666666664</v>
      </c>
      <c r="Y7674">
        <v>250671.27650000001</v>
      </c>
      <c r="Z7674">
        <v>33407.453959999999</v>
      </c>
      <c r="AA7674">
        <v>97385.650129999995</v>
      </c>
      <c r="AB7674">
        <v>72466.919639999993</v>
      </c>
      <c r="AC7674">
        <v>48189.807809999998</v>
      </c>
      <c r="AD7674">
        <v>40033.276830000003</v>
      </c>
      <c r="AE7674">
        <v>31887.134859999998</v>
      </c>
      <c r="AF7674">
        <v>56975.836860000003</v>
      </c>
      <c r="AG7674">
        <v>24834.628980000001</v>
      </c>
      <c r="AH7674">
        <v>331959.39860000001</v>
      </c>
      <c r="AI7674">
        <v>78274.385999999999</v>
      </c>
      <c r="AJ7674">
        <v>23922.324209999999</v>
      </c>
      <c r="AK7674">
        <v>28372.585930000001</v>
      </c>
      <c r="AL7674">
        <v>89110.950429999997</v>
      </c>
      <c r="AM7674">
        <v>23698.218359999999</v>
      </c>
      <c r="AN7674">
        <v>105918.35279999999</v>
      </c>
      <c r="AO7674">
        <v>34824.121910000002</v>
      </c>
      <c r="AP7674">
        <v>19304.372060000002</v>
      </c>
    </row>
    <row r="7675" spans="2:42" x14ac:dyDescent="0.3">
      <c r="B7675">
        <v>64.311253798379127</v>
      </c>
      <c r="C7675" s="83">
        <v>43420.708333333336</v>
      </c>
      <c r="D7675">
        <v>241689.0729</v>
      </c>
      <c r="E7675">
        <v>32609.709169999998</v>
      </c>
      <c r="F7675">
        <v>99142.909220000001</v>
      </c>
      <c r="G7675">
        <v>64311.94094</v>
      </c>
      <c r="H7675">
        <v>48874.077929999999</v>
      </c>
      <c r="I7675">
        <v>39712.919470000001</v>
      </c>
      <c r="J7675">
        <v>34741.719929999999</v>
      </c>
      <c r="K7675">
        <v>53090.228779999998</v>
      </c>
      <c r="L7675">
        <v>26298.98848</v>
      </c>
      <c r="M7675">
        <v>327888.76289999997</v>
      </c>
      <c r="N7675">
        <v>76874.63162</v>
      </c>
      <c r="O7675">
        <v>23734.304970000001</v>
      </c>
      <c r="P7675">
        <v>30072.944299999999</v>
      </c>
      <c r="Q7675">
        <v>87097.545039999997</v>
      </c>
      <c r="R7675">
        <v>21409.140469999998</v>
      </c>
      <c r="S7675">
        <v>106377.6256</v>
      </c>
      <c r="T7675">
        <v>36655.239939999999</v>
      </c>
      <c r="U7675">
        <v>18991.853169999998</v>
      </c>
      <c r="W7675" s="83">
        <f>Bühler!N7707</f>
        <v>45611.708333314724</v>
      </c>
      <c r="X7675" s="83">
        <v>43420.708333333336</v>
      </c>
      <c r="Y7675">
        <v>241689.0729</v>
      </c>
      <c r="Z7675">
        <v>32609.709169999998</v>
      </c>
      <c r="AA7675">
        <v>99142.909220000001</v>
      </c>
      <c r="AB7675">
        <v>64311.94094</v>
      </c>
      <c r="AC7675">
        <v>48874.077929999999</v>
      </c>
      <c r="AD7675">
        <v>39712.919470000001</v>
      </c>
      <c r="AE7675">
        <v>34741.719929999999</v>
      </c>
      <c r="AF7675">
        <v>53090.228779999998</v>
      </c>
      <c r="AG7675">
        <v>26298.98848</v>
      </c>
      <c r="AH7675">
        <v>327888.76289999997</v>
      </c>
      <c r="AI7675">
        <v>76874.63162</v>
      </c>
      <c r="AJ7675">
        <v>23734.304970000001</v>
      </c>
      <c r="AK7675">
        <v>30072.944299999999</v>
      </c>
      <c r="AL7675">
        <v>87097.545039999997</v>
      </c>
      <c r="AM7675">
        <v>21409.140469999998</v>
      </c>
      <c r="AN7675">
        <v>106377.6256</v>
      </c>
      <c r="AO7675">
        <v>36655.239939999999</v>
      </c>
      <c r="AP7675">
        <v>18991.853169999998</v>
      </c>
    </row>
    <row r="7676" spans="2:42" x14ac:dyDescent="0.3">
      <c r="B7676">
        <v>63.382427641181522</v>
      </c>
      <c r="C7676" s="83">
        <v>43420.75</v>
      </c>
      <c r="D7676">
        <v>234687.41279999999</v>
      </c>
      <c r="E7676">
        <v>30286.517390000001</v>
      </c>
      <c r="F7676">
        <v>97713.877179999996</v>
      </c>
      <c r="G7676">
        <v>54946.651550000002</v>
      </c>
      <c r="H7676">
        <v>47735.024310000001</v>
      </c>
      <c r="I7676">
        <v>39372.582430000002</v>
      </c>
      <c r="J7676">
        <v>35024.63046</v>
      </c>
      <c r="K7676">
        <v>51358.414989999997</v>
      </c>
      <c r="L7676">
        <v>28784.522270000001</v>
      </c>
      <c r="M7676">
        <v>323153.174</v>
      </c>
      <c r="N7676">
        <v>76760.002210000006</v>
      </c>
      <c r="O7676">
        <v>23354.614679999999</v>
      </c>
      <c r="P7676">
        <v>32798.695480000002</v>
      </c>
      <c r="Q7676">
        <v>85656.445139999996</v>
      </c>
      <c r="R7676">
        <v>22491.77953</v>
      </c>
      <c r="S7676">
        <v>102339.9529</v>
      </c>
      <c r="T7676">
        <v>37070.956140000002</v>
      </c>
      <c r="U7676">
        <v>17512.549559999999</v>
      </c>
      <c r="W7676" s="83">
        <f>Bühler!N7708</f>
        <v>45611.749999981388</v>
      </c>
      <c r="X7676" s="83">
        <v>43420.75</v>
      </c>
      <c r="Y7676">
        <v>234687.41279999999</v>
      </c>
      <c r="Z7676">
        <v>30286.517390000001</v>
      </c>
      <c r="AA7676">
        <v>97713.877179999996</v>
      </c>
      <c r="AB7676">
        <v>54946.651550000002</v>
      </c>
      <c r="AC7676">
        <v>47735.024310000001</v>
      </c>
      <c r="AD7676">
        <v>39372.582430000002</v>
      </c>
      <c r="AE7676">
        <v>35024.63046</v>
      </c>
      <c r="AF7676">
        <v>51358.414989999997</v>
      </c>
      <c r="AG7676">
        <v>28784.522270000001</v>
      </c>
      <c r="AH7676">
        <v>323153.174</v>
      </c>
      <c r="AI7676">
        <v>76760.002210000006</v>
      </c>
      <c r="AJ7676">
        <v>23354.614679999999</v>
      </c>
      <c r="AK7676">
        <v>32798.695480000002</v>
      </c>
      <c r="AL7676">
        <v>85656.445139999996</v>
      </c>
      <c r="AM7676">
        <v>22491.77953</v>
      </c>
      <c r="AN7676">
        <v>102339.9529</v>
      </c>
      <c r="AO7676">
        <v>37070.956140000002</v>
      </c>
      <c r="AP7676">
        <v>17512.549559999999</v>
      </c>
    </row>
    <row r="7677" spans="2:42" x14ac:dyDescent="0.3">
      <c r="B7677">
        <v>60.951124114080983</v>
      </c>
      <c r="C7677" s="83">
        <v>43420.791666666664</v>
      </c>
      <c r="D7677">
        <v>226636.41690000001</v>
      </c>
      <c r="E7677">
        <v>24809.20032</v>
      </c>
      <c r="F7677">
        <v>84456.058390000006</v>
      </c>
      <c r="G7677">
        <v>48809.736989999998</v>
      </c>
      <c r="H7677">
        <v>45170.84405</v>
      </c>
      <c r="I7677">
        <v>36444.155480000001</v>
      </c>
      <c r="J7677">
        <v>34456.463219999998</v>
      </c>
      <c r="K7677">
        <v>50877.341809999998</v>
      </c>
      <c r="L7677">
        <v>30552.38867</v>
      </c>
      <c r="M7677">
        <v>310757.2548</v>
      </c>
      <c r="N7677">
        <v>74830.564249999996</v>
      </c>
      <c r="O7677">
        <v>22220.897099999998</v>
      </c>
      <c r="P7677">
        <v>33619.387190000001</v>
      </c>
      <c r="Q7677">
        <v>82847.24093</v>
      </c>
      <c r="R7677">
        <v>22623.665720000001</v>
      </c>
      <c r="S7677">
        <v>97443.398560000001</v>
      </c>
      <c r="T7677">
        <v>36496.661829999997</v>
      </c>
      <c r="U7677">
        <v>16231.18073</v>
      </c>
      <c r="W7677" s="83">
        <f>Bühler!N7709</f>
        <v>45611.791666648052</v>
      </c>
      <c r="X7677" s="83">
        <v>43420.791666666664</v>
      </c>
      <c r="Y7677">
        <v>226636.41690000001</v>
      </c>
      <c r="Z7677">
        <v>24809.20032</v>
      </c>
      <c r="AA7677">
        <v>84456.058390000006</v>
      </c>
      <c r="AB7677">
        <v>48809.736989999998</v>
      </c>
      <c r="AC7677">
        <v>45170.84405</v>
      </c>
      <c r="AD7677">
        <v>36444.155480000001</v>
      </c>
      <c r="AE7677">
        <v>34456.463219999998</v>
      </c>
      <c r="AF7677">
        <v>50877.341809999998</v>
      </c>
      <c r="AG7677">
        <v>30552.38867</v>
      </c>
      <c r="AH7677">
        <v>310757.2548</v>
      </c>
      <c r="AI7677">
        <v>74830.564249999996</v>
      </c>
      <c r="AJ7677">
        <v>22220.897099999998</v>
      </c>
      <c r="AK7677">
        <v>33619.387190000001</v>
      </c>
      <c r="AL7677">
        <v>82847.24093</v>
      </c>
      <c r="AM7677">
        <v>22623.665720000001</v>
      </c>
      <c r="AN7677">
        <v>97443.398560000001</v>
      </c>
      <c r="AO7677">
        <v>36496.661829999997</v>
      </c>
      <c r="AP7677">
        <v>16231.18073</v>
      </c>
    </row>
    <row r="7678" spans="2:42" x14ac:dyDescent="0.3">
      <c r="B7678">
        <v>59.374186411494108</v>
      </c>
      <c r="C7678" s="83">
        <v>43420.833333333336</v>
      </c>
      <c r="D7678">
        <v>216623.99369999999</v>
      </c>
      <c r="E7678">
        <v>18593.315620000001</v>
      </c>
      <c r="F7678">
        <v>65231.285329999999</v>
      </c>
      <c r="G7678">
        <v>44045.965060000002</v>
      </c>
      <c r="H7678">
        <v>42496.361819999998</v>
      </c>
      <c r="I7678">
        <v>32991.773000000001</v>
      </c>
      <c r="J7678">
        <v>33532.654649999997</v>
      </c>
      <c r="K7678">
        <v>50822.48906</v>
      </c>
      <c r="L7678">
        <v>30098.526829999999</v>
      </c>
      <c r="M7678">
        <v>302717.29100000003</v>
      </c>
      <c r="N7678">
        <v>72010.249070000005</v>
      </c>
      <c r="O7678">
        <v>21171.57215</v>
      </c>
      <c r="P7678">
        <v>33740.83812</v>
      </c>
      <c r="Q7678">
        <v>79642.887709999995</v>
      </c>
      <c r="R7678">
        <v>19790.791379999999</v>
      </c>
      <c r="S7678">
        <v>88192.522930000006</v>
      </c>
      <c r="T7678">
        <v>34513.906669999997</v>
      </c>
      <c r="U7678">
        <v>15138.54256</v>
      </c>
      <c r="W7678" s="83">
        <f>Bühler!N7710</f>
        <v>45611.833333314717</v>
      </c>
      <c r="X7678" s="83">
        <v>43420.833333333336</v>
      </c>
      <c r="Y7678">
        <v>216623.99369999999</v>
      </c>
      <c r="Z7678">
        <v>18593.315620000001</v>
      </c>
      <c r="AA7678">
        <v>65231.285329999999</v>
      </c>
      <c r="AB7678">
        <v>44045.965060000002</v>
      </c>
      <c r="AC7678">
        <v>42496.361819999998</v>
      </c>
      <c r="AD7678">
        <v>32991.773000000001</v>
      </c>
      <c r="AE7678">
        <v>33532.654649999997</v>
      </c>
      <c r="AF7678">
        <v>50822.48906</v>
      </c>
      <c r="AG7678">
        <v>30098.526829999999</v>
      </c>
      <c r="AH7678">
        <v>302717.29100000003</v>
      </c>
      <c r="AI7678">
        <v>72010.249070000005</v>
      </c>
      <c r="AJ7678">
        <v>21171.57215</v>
      </c>
      <c r="AK7678">
        <v>33740.83812</v>
      </c>
      <c r="AL7678">
        <v>79642.887709999995</v>
      </c>
      <c r="AM7678">
        <v>19790.791379999999</v>
      </c>
      <c r="AN7678">
        <v>88192.522930000006</v>
      </c>
      <c r="AO7678">
        <v>34513.906669999997</v>
      </c>
      <c r="AP7678">
        <v>15138.54256</v>
      </c>
    </row>
    <row r="7679" spans="2:42" x14ac:dyDescent="0.3">
      <c r="B7679">
        <v>57.698476928096206</v>
      </c>
      <c r="C7679" s="83">
        <v>43420.875</v>
      </c>
      <c r="D7679">
        <v>209967.47409999999</v>
      </c>
      <c r="E7679">
        <v>15913.56401</v>
      </c>
      <c r="F7679">
        <v>56108.984669999998</v>
      </c>
      <c r="G7679">
        <v>41487.941480000001</v>
      </c>
      <c r="H7679">
        <v>39947.40137</v>
      </c>
      <c r="I7679">
        <v>28152.847689999999</v>
      </c>
      <c r="J7679">
        <v>31942.74206</v>
      </c>
      <c r="K7679">
        <v>49338.39862</v>
      </c>
      <c r="L7679">
        <v>27928.162230000002</v>
      </c>
      <c r="M7679">
        <v>294173.7426</v>
      </c>
      <c r="N7679">
        <v>68731.869980000003</v>
      </c>
      <c r="O7679">
        <v>19805.295180000001</v>
      </c>
      <c r="P7679">
        <v>32119.31885</v>
      </c>
      <c r="Q7679">
        <v>77196.611059999996</v>
      </c>
      <c r="R7679">
        <v>19096.370610000002</v>
      </c>
      <c r="S7679">
        <v>82171.981679999997</v>
      </c>
      <c r="T7679">
        <v>31380.17225</v>
      </c>
      <c r="U7679">
        <v>13921.50706</v>
      </c>
      <c r="W7679" s="83">
        <f>Bühler!N7711</f>
        <v>45611.874999981381</v>
      </c>
      <c r="X7679" s="83">
        <v>43420.875</v>
      </c>
      <c r="Y7679">
        <v>209967.47409999999</v>
      </c>
      <c r="Z7679">
        <v>15913.56401</v>
      </c>
      <c r="AA7679">
        <v>56108.984669999998</v>
      </c>
      <c r="AB7679">
        <v>41487.941480000001</v>
      </c>
      <c r="AC7679">
        <v>39947.40137</v>
      </c>
      <c r="AD7679">
        <v>28152.847689999999</v>
      </c>
      <c r="AE7679">
        <v>31942.74206</v>
      </c>
      <c r="AF7679">
        <v>49338.39862</v>
      </c>
      <c r="AG7679">
        <v>27928.162230000002</v>
      </c>
      <c r="AH7679">
        <v>294173.7426</v>
      </c>
      <c r="AI7679">
        <v>68731.869980000003</v>
      </c>
      <c r="AJ7679">
        <v>19805.295180000001</v>
      </c>
      <c r="AK7679">
        <v>32119.31885</v>
      </c>
      <c r="AL7679">
        <v>77196.611059999996</v>
      </c>
      <c r="AM7679">
        <v>19096.370610000002</v>
      </c>
      <c r="AN7679">
        <v>82171.981679999997</v>
      </c>
      <c r="AO7679">
        <v>31380.17225</v>
      </c>
      <c r="AP7679">
        <v>13921.50706</v>
      </c>
    </row>
    <row r="7680" spans="2:42" x14ac:dyDescent="0.3">
      <c r="B7680">
        <v>57.007261655966289</v>
      </c>
      <c r="C7680" s="83">
        <v>43420.916666666664</v>
      </c>
      <c r="D7680">
        <v>207621.79240000001</v>
      </c>
      <c r="E7680">
        <v>14881.43219</v>
      </c>
      <c r="F7680">
        <v>52570.901489999997</v>
      </c>
      <c r="G7680">
        <v>40122.865969999999</v>
      </c>
      <c r="H7680">
        <v>38534.323409999997</v>
      </c>
      <c r="I7680">
        <v>26342.75808</v>
      </c>
      <c r="J7680">
        <v>30576.562030000001</v>
      </c>
      <c r="K7680">
        <v>53067.377379999998</v>
      </c>
      <c r="L7680">
        <v>25691.361209999999</v>
      </c>
      <c r="M7680">
        <v>290649.60479999997</v>
      </c>
      <c r="N7680">
        <v>67259.685649999999</v>
      </c>
      <c r="O7680">
        <v>20407.981070000002</v>
      </c>
      <c r="P7680">
        <v>33979.665249999998</v>
      </c>
      <c r="Q7680">
        <v>75445.168560000006</v>
      </c>
      <c r="R7680">
        <v>22229.007870000001</v>
      </c>
      <c r="S7680">
        <v>80336.649300000005</v>
      </c>
      <c r="T7680">
        <v>27915.93607</v>
      </c>
      <c r="U7680">
        <v>14298.683999999999</v>
      </c>
      <c r="W7680" s="83">
        <f>Bühler!N7712</f>
        <v>45611.916666648045</v>
      </c>
      <c r="X7680" s="83">
        <v>43420.916666666664</v>
      </c>
      <c r="Y7680">
        <v>207621.79240000001</v>
      </c>
      <c r="Z7680">
        <v>14881.43219</v>
      </c>
      <c r="AA7680">
        <v>52570.901489999997</v>
      </c>
      <c r="AB7680">
        <v>40122.865969999999</v>
      </c>
      <c r="AC7680">
        <v>38534.323409999997</v>
      </c>
      <c r="AD7680">
        <v>26342.75808</v>
      </c>
      <c r="AE7680">
        <v>30576.562030000001</v>
      </c>
      <c r="AF7680">
        <v>53067.377379999998</v>
      </c>
      <c r="AG7680">
        <v>25691.361209999999</v>
      </c>
      <c r="AH7680">
        <v>290649.60479999997</v>
      </c>
      <c r="AI7680">
        <v>67259.685649999999</v>
      </c>
      <c r="AJ7680">
        <v>20407.981070000002</v>
      </c>
      <c r="AK7680">
        <v>33979.665249999998</v>
      </c>
      <c r="AL7680">
        <v>75445.168560000006</v>
      </c>
      <c r="AM7680">
        <v>22229.007870000001</v>
      </c>
      <c r="AN7680">
        <v>80336.649300000005</v>
      </c>
      <c r="AO7680">
        <v>27915.93607</v>
      </c>
      <c r="AP7680">
        <v>14298.683999999999</v>
      </c>
    </row>
    <row r="7681" spans="2:42" x14ac:dyDescent="0.3">
      <c r="B7681">
        <v>55.394908401350733</v>
      </c>
      <c r="C7681" s="83">
        <v>43420.958333333336</v>
      </c>
      <c r="D7681">
        <v>205291.19219999999</v>
      </c>
      <c r="E7681">
        <v>14422.41387</v>
      </c>
      <c r="F7681">
        <v>51126.994100000004</v>
      </c>
      <c r="G7681">
        <v>39425.914320000003</v>
      </c>
      <c r="H7681">
        <v>37714.819049999998</v>
      </c>
      <c r="I7681">
        <v>24760.402610000001</v>
      </c>
      <c r="J7681">
        <v>28704.766940000001</v>
      </c>
      <c r="K7681">
        <v>52110.743470000001</v>
      </c>
      <c r="L7681">
        <v>22474.19051</v>
      </c>
      <c r="M7681">
        <v>282429.076</v>
      </c>
      <c r="N7681">
        <v>65831.818520000001</v>
      </c>
      <c r="O7681">
        <v>20239.717519999998</v>
      </c>
      <c r="P7681">
        <v>30109.64285</v>
      </c>
      <c r="Q7681">
        <v>74672.102339999998</v>
      </c>
      <c r="R7681">
        <v>21173.380959999999</v>
      </c>
      <c r="S7681">
        <v>78186.802219999998</v>
      </c>
      <c r="T7681">
        <v>28620.7611</v>
      </c>
      <c r="U7681">
        <v>13806.98818</v>
      </c>
      <c r="W7681" s="83">
        <f>Bühler!N7713</f>
        <v>45611.958333314709</v>
      </c>
      <c r="X7681" s="83">
        <v>43420.958333333336</v>
      </c>
      <c r="Y7681">
        <v>205291.19219999999</v>
      </c>
      <c r="Z7681">
        <v>14422.41387</v>
      </c>
      <c r="AA7681">
        <v>51126.994100000004</v>
      </c>
      <c r="AB7681">
        <v>39425.914320000003</v>
      </c>
      <c r="AC7681">
        <v>37714.819049999998</v>
      </c>
      <c r="AD7681">
        <v>24760.402610000001</v>
      </c>
      <c r="AE7681">
        <v>28704.766940000001</v>
      </c>
      <c r="AF7681">
        <v>52110.743470000001</v>
      </c>
      <c r="AG7681">
        <v>22474.19051</v>
      </c>
      <c r="AH7681">
        <v>282429.076</v>
      </c>
      <c r="AI7681">
        <v>65831.818520000001</v>
      </c>
      <c r="AJ7681">
        <v>20239.717519999998</v>
      </c>
      <c r="AK7681">
        <v>30109.64285</v>
      </c>
      <c r="AL7681">
        <v>74672.102339999998</v>
      </c>
      <c r="AM7681">
        <v>21173.380959999999</v>
      </c>
      <c r="AN7681">
        <v>78186.802219999998</v>
      </c>
      <c r="AO7681">
        <v>28620.7611</v>
      </c>
      <c r="AP7681">
        <v>13806.98818</v>
      </c>
    </row>
    <row r="7682" spans="2:42" x14ac:dyDescent="0.3">
      <c r="B7682">
        <v>54.546231974011548</v>
      </c>
      <c r="C7682" s="83">
        <v>43421</v>
      </c>
      <c r="D7682">
        <v>202308.23259999999</v>
      </c>
      <c r="E7682">
        <v>14013.38233</v>
      </c>
      <c r="F7682">
        <v>50696.69311</v>
      </c>
      <c r="G7682">
        <v>39350.220860000001</v>
      </c>
      <c r="H7682">
        <v>36764.765039999998</v>
      </c>
      <c r="I7682">
        <v>23031.159149999999</v>
      </c>
      <c r="J7682">
        <v>27010.218099999998</v>
      </c>
      <c r="K7682">
        <v>50359.26614</v>
      </c>
      <c r="L7682">
        <v>18813.13452</v>
      </c>
      <c r="M7682">
        <v>278102.12780000002</v>
      </c>
      <c r="N7682">
        <v>64742.362410000002</v>
      </c>
      <c r="O7682">
        <v>20447.254850000001</v>
      </c>
      <c r="P7682">
        <v>27990.034810000001</v>
      </c>
      <c r="Q7682">
        <v>73393.927349999998</v>
      </c>
      <c r="R7682">
        <v>19958.449270000001</v>
      </c>
      <c r="S7682">
        <v>77510.501090000005</v>
      </c>
      <c r="T7682">
        <v>27087.30344</v>
      </c>
      <c r="U7682">
        <v>13920.003790000001</v>
      </c>
      <c r="W7682" s="83">
        <f>Bühler!N7714</f>
        <v>45611.999999981374</v>
      </c>
      <c r="X7682" s="83">
        <v>43421</v>
      </c>
      <c r="Y7682">
        <v>202308.23259999999</v>
      </c>
      <c r="Z7682">
        <v>14013.38233</v>
      </c>
      <c r="AA7682">
        <v>50696.69311</v>
      </c>
      <c r="AB7682">
        <v>39350.220860000001</v>
      </c>
      <c r="AC7682">
        <v>36764.765039999998</v>
      </c>
      <c r="AD7682">
        <v>23031.159149999999</v>
      </c>
      <c r="AE7682">
        <v>27010.218099999998</v>
      </c>
      <c r="AF7682">
        <v>50359.26614</v>
      </c>
      <c r="AG7682">
        <v>18813.13452</v>
      </c>
      <c r="AH7682">
        <v>278102.12780000002</v>
      </c>
      <c r="AI7682">
        <v>64742.362410000002</v>
      </c>
      <c r="AJ7682">
        <v>20447.254850000001</v>
      </c>
      <c r="AK7682">
        <v>27990.034810000001</v>
      </c>
      <c r="AL7682">
        <v>73393.927349999998</v>
      </c>
      <c r="AM7682">
        <v>19958.449270000001</v>
      </c>
      <c r="AN7682">
        <v>77510.501090000005</v>
      </c>
      <c r="AO7682">
        <v>27087.30344</v>
      </c>
      <c r="AP7682">
        <v>13920.003790000001</v>
      </c>
    </row>
    <row r="7683" spans="2:42" x14ac:dyDescent="0.3">
      <c r="B7683">
        <v>54.140503435023767</v>
      </c>
      <c r="C7683" s="83">
        <v>43421.041666666664</v>
      </c>
      <c r="D7683">
        <v>200894.0765</v>
      </c>
      <c r="E7683">
        <v>13943.49028</v>
      </c>
      <c r="F7683">
        <v>50949.540609999996</v>
      </c>
      <c r="G7683">
        <v>39059.910680000001</v>
      </c>
      <c r="H7683">
        <v>36399.224970000003</v>
      </c>
      <c r="I7683">
        <v>20304.546969999999</v>
      </c>
      <c r="J7683">
        <v>26387.903180000001</v>
      </c>
      <c r="K7683">
        <v>49210.079299999998</v>
      </c>
      <c r="L7683">
        <v>17407.943569999999</v>
      </c>
      <c r="M7683">
        <v>276033.53450000001</v>
      </c>
      <c r="N7683">
        <v>64650.629240000002</v>
      </c>
      <c r="O7683">
        <v>20393.066470000002</v>
      </c>
      <c r="P7683">
        <v>26465.444759999998</v>
      </c>
      <c r="Q7683">
        <v>73044.996350000001</v>
      </c>
      <c r="R7683">
        <v>19831.42079</v>
      </c>
      <c r="S7683">
        <v>77095.957519999996</v>
      </c>
      <c r="T7683">
        <v>26308.262480000001</v>
      </c>
      <c r="U7683">
        <v>13822.11094</v>
      </c>
      <c r="W7683" s="83">
        <f>Bühler!N7715</f>
        <v>45612.041666648038</v>
      </c>
      <c r="X7683" s="83">
        <v>43421.041666666664</v>
      </c>
      <c r="Y7683">
        <v>200894.0765</v>
      </c>
      <c r="Z7683">
        <v>13943.49028</v>
      </c>
      <c r="AA7683">
        <v>50949.540609999996</v>
      </c>
      <c r="AB7683">
        <v>39059.910680000001</v>
      </c>
      <c r="AC7683">
        <v>36399.224970000003</v>
      </c>
      <c r="AD7683">
        <v>20304.546969999999</v>
      </c>
      <c r="AE7683">
        <v>26387.903180000001</v>
      </c>
      <c r="AF7683">
        <v>49210.079299999998</v>
      </c>
      <c r="AG7683">
        <v>17407.943569999999</v>
      </c>
      <c r="AH7683">
        <v>276033.53450000001</v>
      </c>
      <c r="AI7683">
        <v>64650.629240000002</v>
      </c>
      <c r="AJ7683">
        <v>20393.066470000002</v>
      </c>
      <c r="AK7683">
        <v>26465.444759999998</v>
      </c>
      <c r="AL7683">
        <v>73044.996350000001</v>
      </c>
      <c r="AM7683">
        <v>19831.42079</v>
      </c>
      <c r="AN7683">
        <v>77095.957519999996</v>
      </c>
      <c r="AO7683">
        <v>26308.262480000001</v>
      </c>
      <c r="AP7683">
        <v>13822.11094</v>
      </c>
    </row>
    <row r="7684" spans="2:42" x14ac:dyDescent="0.3">
      <c r="B7684">
        <v>53.609063974944732</v>
      </c>
      <c r="C7684" s="83">
        <v>43421.083333333336</v>
      </c>
      <c r="D7684">
        <v>196782.95060000001</v>
      </c>
      <c r="E7684">
        <v>13714.83599</v>
      </c>
      <c r="F7684">
        <v>51601.391779999998</v>
      </c>
      <c r="G7684">
        <v>39092.711190000002</v>
      </c>
      <c r="H7684">
        <v>36337.399969999999</v>
      </c>
      <c r="I7684">
        <v>18566.039270000001</v>
      </c>
      <c r="J7684">
        <v>26322.128850000001</v>
      </c>
      <c r="K7684">
        <v>47977.628100000002</v>
      </c>
      <c r="L7684">
        <v>16987.85888</v>
      </c>
      <c r="M7684">
        <v>273324.00829999999</v>
      </c>
      <c r="N7684">
        <v>63624.555970000001</v>
      </c>
      <c r="O7684">
        <v>20295.748329999999</v>
      </c>
      <c r="P7684">
        <v>25820.190180000001</v>
      </c>
      <c r="Q7684">
        <v>73261.749559999997</v>
      </c>
      <c r="R7684">
        <v>17626.228029999998</v>
      </c>
      <c r="S7684">
        <v>76285.982010000007</v>
      </c>
      <c r="T7684">
        <v>25794.43665</v>
      </c>
      <c r="U7684">
        <v>13908.708269999999</v>
      </c>
      <c r="W7684" s="83">
        <f>Bühler!N7716</f>
        <v>45612.083333314702</v>
      </c>
      <c r="X7684" s="83">
        <v>43421.083333333336</v>
      </c>
      <c r="Y7684">
        <v>196782.95060000001</v>
      </c>
      <c r="Z7684">
        <v>13714.83599</v>
      </c>
      <c r="AA7684">
        <v>51601.391779999998</v>
      </c>
      <c r="AB7684">
        <v>39092.711190000002</v>
      </c>
      <c r="AC7684">
        <v>36337.399969999999</v>
      </c>
      <c r="AD7684">
        <v>18566.039270000001</v>
      </c>
      <c r="AE7684">
        <v>26322.128850000001</v>
      </c>
      <c r="AF7684">
        <v>47977.628100000002</v>
      </c>
      <c r="AG7684">
        <v>16987.85888</v>
      </c>
      <c r="AH7684">
        <v>273324.00829999999</v>
      </c>
      <c r="AI7684">
        <v>63624.555970000001</v>
      </c>
      <c r="AJ7684">
        <v>20295.748329999999</v>
      </c>
      <c r="AK7684">
        <v>25820.190180000001</v>
      </c>
      <c r="AL7684">
        <v>73261.749559999997</v>
      </c>
      <c r="AM7684">
        <v>17626.228029999998</v>
      </c>
      <c r="AN7684">
        <v>76285.982010000007</v>
      </c>
      <c r="AO7684">
        <v>25794.43665</v>
      </c>
      <c r="AP7684">
        <v>13908.708269999999</v>
      </c>
    </row>
    <row r="7685" spans="2:42" x14ac:dyDescent="0.3">
      <c r="B7685">
        <v>52.38041128218277</v>
      </c>
      <c r="C7685" s="83">
        <v>43421.125</v>
      </c>
      <c r="D7685">
        <v>192143.80239999999</v>
      </c>
      <c r="E7685">
        <v>13907.267760000001</v>
      </c>
      <c r="F7685">
        <v>51660.613290000001</v>
      </c>
      <c r="G7685">
        <v>38975.694629999998</v>
      </c>
      <c r="H7685">
        <v>35991.166140000001</v>
      </c>
      <c r="I7685">
        <v>18014.20105</v>
      </c>
      <c r="J7685">
        <v>26243.480009999999</v>
      </c>
      <c r="K7685">
        <v>45587.788789999999</v>
      </c>
      <c r="L7685">
        <v>16619.740389999999</v>
      </c>
      <c r="M7685">
        <v>267059.76390000002</v>
      </c>
      <c r="N7685">
        <v>64025.842349999999</v>
      </c>
      <c r="O7685">
        <v>20575.01859</v>
      </c>
      <c r="P7685">
        <v>25113.693090000001</v>
      </c>
      <c r="Q7685">
        <v>73212.721120000002</v>
      </c>
      <c r="R7685">
        <v>17844.963220000001</v>
      </c>
      <c r="S7685">
        <v>75756.886689999999</v>
      </c>
      <c r="T7685">
        <v>25805.476480000001</v>
      </c>
      <c r="U7685">
        <v>14078.90926</v>
      </c>
      <c r="W7685" s="83">
        <f>Bühler!N7717</f>
        <v>45612.124999981366</v>
      </c>
      <c r="X7685" s="83">
        <v>43421.125</v>
      </c>
      <c r="Y7685">
        <v>192143.80239999999</v>
      </c>
      <c r="Z7685">
        <v>13907.267760000001</v>
      </c>
      <c r="AA7685">
        <v>51660.613290000001</v>
      </c>
      <c r="AB7685">
        <v>38975.694629999998</v>
      </c>
      <c r="AC7685">
        <v>35991.166140000001</v>
      </c>
      <c r="AD7685">
        <v>18014.20105</v>
      </c>
      <c r="AE7685">
        <v>26243.480009999999</v>
      </c>
      <c r="AF7685">
        <v>45587.788789999999</v>
      </c>
      <c r="AG7685">
        <v>16619.740389999999</v>
      </c>
      <c r="AH7685">
        <v>267059.76390000002</v>
      </c>
      <c r="AI7685">
        <v>64025.842349999999</v>
      </c>
      <c r="AJ7685">
        <v>20575.01859</v>
      </c>
      <c r="AK7685">
        <v>25113.693090000001</v>
      </c>
      <c r="AL7685">
        <v>73212.721120000002</v>
      </c>
      <c r="AM7685">
        <v>17844.963220000001</v>
      </c>
      <c r="AN7685">
        <v>75756.886689999999</v>
      </c>
      <c r="AO7685">
        <v>25805.476480000001</v>
      </c>
      <c r="AP7685">
        <v>14078.90926</v>
      </c>
    </row>
    <row r="7686" spans="2:42" x14ac:dyDescent="0.3">
      <c r="B7686">
        <v>51.300126931832928</v>
      </c>
      <c r="C7686" s="83">
        <v>43421.166666666664</v>
      </c>
      <c r="D7686">
        <v>186847.07759999999</v>
      </c>
      <c r="E7686">
        <v>14053.480799999999</v>
      </c>
      <c r="F7686">
        <v>56785.310720000001</v>
      </c>
      <c r="G7686">
        <v>38333.426549999996</v>
      </c>
      <c r="H7686">
        <v>36404.868990000003</v>
      </c>
      <c r="I7686">
        <v>19316.67698</v>
      </c>
      <c r="J7686">
        <v>27725.103510000001</v>
      </c>
      <c r="K7686">
        <v>44223.864229999999</v>
      </c>
      <c r="L7686">
        <v>15944.891089999999</v>
      </c>
      <c r="M7686">
        <v>261551.9705</v>
      </c>
      <c r="N7686">
        <v>63435.848480000001</v>
      </c>
      <c r="O7686">
        <v>20761.381440000001</v>
      </c>
      <c r="P7686">
        <v>24571.111000000001</v>
      </c>
      <c r="Q7686">
        <v>73725.172040000005</v>
      </c>
      <c r="R7686">
        <v>18622.641510000001</v>
      </c>
      <c r="S7686">
        <v>77104.575660000002</v>
      </c>
      <c r="T7686">
        <v>25959.534680000001</v>
      </c>
      <c r="U7686">
        <v>14491.937550000001</v>
      </c>
      <c r="W7686" s="83">
        <f>Bühler!N7718</f>
        <v>45612.166666648031</v>
      </c>
      <c r="X7686" s="83">
        <v>43421.166666666664</v>
      </c>
      <c r="Y7686">
        <v>186847.07759999999</v>
      </c>
      <c r="Z7686">
        <v>14053.480799999999</v>
      </c>
      <c r="AA7686">
        <v>56785.310720000001</v>
      </c>
      <c r="AB7686">
        <v>38333.426549999996</v>
      </c>
      <c r="AC7686">
        <v>36404.868990000003</v>
      </c>
      <c r="AD7686">
        <v>19316.67698</v>
      </c>
      <c r="AE7686">
        <v>27725.103510000001</v>
      </c>
      <c r="AF7686">
        <v>44223.864229999999</v>
      </c>
      <c r="AG7686">
        <v>15944.891089999999</v>
      </c>
      <c r="AH7686">
        <v>261551.9705</v>
      </c>
      <c r="AI7686">
        <v>63435.848480000001</v>
      </c>
      <c r="AJ7686">
        <v>20761.381440000001</v>
      </c>
      <c r="AK7686">
        <v>24571.111000000001</v>
      </c>
      <c r="AL7686">
        <v>73725.172040000005</v>
      </c>
      <c r="AM7686">
        <v>18622.641510000001</v>
      </c>
      <c r="AN7686">
        <v>77104.575660000002</v>
      </c>
      <c r="AO7686">
        <v>25959.534680000001</v>
      </c>
      <c r="AP7686">
        <v>14491.937550000001</v>
      </c>
    </row>
    <row r="7687" spans="2:42" x14ac:dyDescent="0.3">
      <c r="B7687">
        <v>51.668333854089468</v>
      </c>
      <c r="C7687" s="83">
        <v>43421.208333333336</v>
      </c>
      <c r="D7687">
        <v>183146.6569</v>
      </c>
      <c r="E7687">
        <v>15030.52954</v>
      </c>
      <c r="F7687">
        <v>65328.699009999997</v>
      </c>
      <c r="G7687">
        <v>38302.970179999997</v>
      </c>
      <c r="H7687">
        <v>37116.254549999998</v>
      </c>
      <c r="I7687">
        <v>26031.01885</v>
      </c>
      <c r="J7687">
        <v>30136.41878</v>
      </c>
      <c r="K7687">
        <v>43458.175739999999</v>
      </c>
      <c r="L7687">
        <v>16750.189129999999</v>
      </c>
      <c r="M7687">
        <v>263429.2611</v>
      </c>
      <c r="N7687">
        <v>63060.53256</v>
      </c>
      <c r="O7687">
        <v>20805.7173</v>
      </c>
      <c r="P7687">
        <v>26877.202160000001</v>
      </c>
      <c r="Q7687">
        <v>72720.201690000002</v>
      </c>
      <c r="R7687">
        <v>19082.675759999998</v>
      </c>
      <c r="S7687">
        <v>78489.071389999997</v>
      </c>
      <c r="T7687">
        <v>27363.976190000001</v>
      </c>
      <c r="U7687">
        <v>14477.99152</v>
      </c>
      <c r="W7687" s="83">
        <f>Bühler!N7719</f>
        <v>45612.208333314695</v>
      </c>
      <c r="X7687" s="83">
        <v>43421.208333333336</v>
      </c>
      <c r="Y7687">
        <v>183146.6569</v>
      </c>
      <c r="Z7687">
        <v>15030.52954</v>
      </c>
      <c r="AA7687">
        <v>65328.699009999997</v>
      </c>
      <c r="AB7687">
        <v>38302.970179999997</v>
      </c>
      <c r="AC7687">
        <v>37116.254549999998</v>
      </c>
      <c r="AD7687">
        <v>26031.01885</v>
      </c>
      <c r="AE7687">
        <v>30136.41878</v>
      </c>
      <c r="AF7687">
        <v>43458.175739999999</v>
      </c>
      <c r="AG7687">
        <v>16750.189129999999</v>
      </c>
      <c r="AH7687">
        <v>263429.2611</v>
      </c>
      <c r="AI7687">
        <v>63060.53256</v>
      </c>
      <c r="AJ7687">
        <v>20805.7173</v>
      </c>
      <c r="AK7687">
        <v>26877.202160000001</v>
      </c>
      <c r="AL7687">
        <v>72720.201690000002</v>
      </c>
      <c r="AM7687">
        <v>19082.675759999998</v>
      </c>
      <c r="AN7687">
        <v>78489.071389999997</v>
      </c>
      <c r="AO7687">
        <v>27363.976190000001</v>
      </c>
      <c r="AP7687">
        <v>14477.99152</v>
      </c>
    </row>
    <row r="7688" spans="2:42" x14ac:dyDescent="0.3">
      <c r="B7688">
        <v>52.124388232808414</v>
      </c>
      <c r="C7688" s="83">
        <v>43421.25</v>
      </c>
      <c r="D7688">
        <v>185221.6636</v>
      </c>
      <c r="E7688">
        <v>16690.885330000001</v>
      </c>
      <c r="F7688">
        <v>78040.527069999996</v>
      </c>
      <c r="G7688">
        <v>40240.145859999997</v>
      </c>
      <c r="H7688">
        <v>37610.784570000003</v>
      </c>
      <c r="I7688">
        <v>29358.036690000001</v>
      </c>
      <c r="J7688">
        <v>32774.177320000003</v>
      </c>
      <c r="K7688">
        <v>42301.989110000002</v>
      </c>
      <c r="L7688">
        <v>17564.578689999998</v>
      </c>
      <c r="M7688">
        <v>265754.43900000001</v>
      </c>
      <c r="N7688">
        <v>63059.473259999999</v>
      </c>
      <c r="O7688">
        <v>20698.6155</v>
      </c>
      <c r="P7688">
        <v>26430.49049</v>
      </c>
      <c r="Q7688">
        <v>71393.627259999994</v>
      </c>
      <c r="R7688">
        <v>16649.99828</v>
      </c>
      <c r="S7688">
        <v>82272.141459999999</v>
      </c>
      <c r="T7688">
        <v>28582.733390000001</v>
      </c>
      <c r="U7688">
        <v>14098.039070000001</v>
      </c>
      <c r="W7688" s="83">
        <f>Bühler!N7720</f>
        <v>45612.249999981359</v>
      </c>
      <c r="X7688" s="83">
        <v>43421.25</v>
      </c>
      <c r="Y7688">
        <v>185221.6636</v>
      </c>
      <c r="Z7688">
        <v>16690.885330000001</v>
      </c>
      <c r="AA7688">
        <v>78040.527069999996</v>
      </c>
      <c r="AB7688">
        <v>40240.145859999997</v>
      </c>
      <c r="AC7688">
        <v>37610.784570000003</v>
      </c>
      <c r="AD7688">
        <v>29358.036690000001</v>
      </c>
      <c r="AE7688">
        <v>32774.177320000003</v>
      </c>
      <c r="AF7688">
        <v>42301.989110000002</v>
      </c>
      <c r="AG7688">
        <v>17564.578689999998</v>
      </c>
      <c r="AH7688">
        <v>265754.43900000001</v>
      </c>
      <c r="AI7688">
        <v>63059.473259999999</v>
      </c>
      <c r="AJ7688">
        <v>20698.6155</v>
      </c>
      <c r="AK7688">
        <v>26430.49049</v>
      </c>
      <c r="AL7688">
        <v>71393.627259999994</v>
      </c>
      <c r="AM7688">
        <v>16649.99828</v>
      </c>
      <c r="AN7688">
        <v>82272.141459999999</v>
      </c>
      <c r="AO7688">
        <v>28582.733390000001</v>
      </c>
      <c r="AP7688">
        <v>14098.039070000001</v>
      </c>
    </row>
    <row r="7689" spans="2:42" x14ac:dyDescent="0.3">
      <c r="B7689">
        <v>51.410317715162591</v>
      </c>
      <c r="C7689" s="83">
        <v>43421.291666666664</v>
      </c>
      <c r="D7689">
        <v>186143.54829999999</v>
      </c>
      <c r="E7689">
        <v>19318.491870000002</v>
      </c>
      <c r="F7689">
        <v>80872.774820000006</v>
      </c>
      <c r="G7689">
        <v>42244.656739999999</v>
      </c>
      <c r="H7689">
        <v>38197.610220000002</v>
      </c>
      <c r="I7689">
        <v>32073.319029999999</v>
      </c>
      <c r="J7689">
        <v>33885.156479999998</v>
      </c>
      <c r="K7689">
        <v>42471.291250000002</v>
      </c>
      <c r="L7689">
        <v>19401.8946</v>
      </c>
      <c r="M7689">
        <v>262113.7745</v>
      </c>
      <c r="N7689">
        <v>64946.311909999997</v>
      </c>
      <c r="O7689">
        <v>20751.924940000001</v>
      </c>
      <c r="P7689">
        <v>27464.00821</v>
      </c>
      <c r="Q7689">
        <v>69631.995089999997</v>
      </c>
      <c r="R7689">
        <v>17263.099579999998</v>
      </c>
      <c r="S7689">
        <v>90907.693859999999</v>
      </c>
      <c r="T7689">
        <v>27034.96459</v>
      </c>
      <c r="U7689">
        <v>14645.14688</v>
      </c>
      <c r="W7689" s="83">
        <f>Bühler!N7721</f>
        <v>45612.291666648023</v>
      </c>
      <c r="X7689" s="83">
        <v>43421.291666666664</v>
      </c>
      <c r="Y7689">
        <v>186143.54829999999</v>
      </c>
      <c r="Z7689">
        <v>19318.491870000002</v>
      </c>
      <c r="AA7689">
        <v>80872.774820000006</v>
      </c>
      <c r="AB7689">
        <v>42244.656739999999</v>
      </c>
      <c r="AC7689">
        <v>38197.610220000002</v>
      </c>
      <c r="AD7689">
        <v>32073.319029999999</v>
      </c>
      <c r="AE7689">
        <v>33885.156479999998</v>
      </c>
      <c r="AF7689">
        <v>42471.291250000002</v>
      </c>
      <c r="AG7689">
        <v>19401.8946</v>
      </c>
      <c r="AH7689">
        <v>262113.7745</v>
      </c>
      <c r="AI7689">
        <v>64946.311909999997</v>
      </c>
      <c r="AJ7689">
        <v>20751.924940000001</v>
      </c>
      <c r="AK7689">
        <v>27464.00821</v>
      </c>
      <c r="AL7689">
        <v>69631.995089999997</v>
      </c>
      <c r="AM7689">
        <v>17263.099579999998</v>
      </c>
      <c r="AN7689">
        <v>90907.693859999999</v>
      </c>
      <c r="AO7689">
        <v>27034.96459</v>
      </c>
      <c r="AP7689">
        <v>14645.14688</v>
      </c>
    </row>
    <row r="7690" spans="2:42" x14ac:dyDescent="0.3">
      <c r="B7690">
        <v>50.779656123157913</v>
      </c>
      <c r="C7690" s="83">
        <v>43421.333333333336</v>
      </c>
      <c r="D7690">
        <v>184269.07829999999</v>
      </c>
      <c r="E7690">
        <v>21778.327509999999</v>
      </c>
      <c r="F7690">
        <v>85255.116450000001</v>
      </c>
      <c r="G7690">
        <v>43378.099260000003</v>
      </c>
      <c r="H7690">
        <v>37984.222840000002</v>
      </c>
      <c r="I7690">
        <v>32577.095990000002</v>
      </c>
      <c r="J7690">
        <v>32980.737849999998</v>
      </c>
      <c r="K7690">
        <v>42654.333689999999</v>
      </c>
      <c r="L7690">
        <v>21455.55459</v>
      </c>
      <c r="M7690">
        <v>258898.3676</v>
      </c>
      <c r="N7690">
        <v>64423.4571</v>
      </c>
      <c r="O7690">
        <v>20686.05861</v>
      </c>
      <c r="P7690">
        <v>28999.75878</v>
      </c>
      <c r="Q7690">
        <v>67668.493489999993</v>
      </c>
      <c r="R7690">
        <v>15971.537350000001</v>
      </c>
      <c r="S7690">
        <v>93608.840719999993</v>
      </c>
      <c r="T7690">
        <v>28154.121879999999</v>
      </c>
      <c r="U7690">
        <v>13837.36015</v>
      </c>
      <c r="W7690" s="83">
        <f>Bühler!N7722</f>
        <v>45612.333333314687</v>
      </c>
      <c r="X7690" s="83">
        <v>43421.333333333336</v>
      </c>
      <c r="Y7690">
        <v>184269.07829999999</v>
      </c>
      <c r="Z7690">
        <v>21778.327509999999</v>
      </c>
      <c r="AA7690">
        <v>85255.116450000001</v>
      </c>
      <c r="AB7690">
        <v>43378.099260000003</v>
      </c>
      <c r="AC7690">
        <v>37984.222840000002</v>
      </c>
      <c r="AD7690">
        <v>32577.095990000002</v>
      </c>
      <c r="AE7690">
        <v>32980.737849999998</v>
      </c>
      <c r="AF7690">
        <v>42654.333689999999</v>
      </c>
      <c r="AG7690">
        <v>21455.55459</v>
      </c>
      <c r="AH7690">
        <v>258898.3676</v>
      </c>
      <c r="AI7690">
        <v>64423.4571</v>
      </c>
      <c r="AJ7690">
        <v>20686.05861</v>
      </c>
      <c r="AK7690">
        <v>28999.75878</v>
      </c>
      <c r="AL7690">
        <v>67668.493489999993</v>
      </c>
      <c r="AM7690">
        <v>15971.537350000001</v>
      </c>
      <c r="AN7690">
        <v>93608.840719999993</v>
      </c>
      <c r="AO7690">
        <v>28154.121879999999</v>
      </c>
      <c r="AP7690">
        <v>13837.36015</v>
      </c>
    </row>
    <row r="7691" spans="2:42" x14ac:dyDescent="0.3">
      <c r="B7691">
        <v>49.980266321079363</v>
      </c>
      <c r="C7691" s="83">
        <v>43421.375</v>
      </c>
      <c r="D7691">
        <v>181624.26060000001</v>
      </c>
      <c r="E7691">
        <v>25091.750309999999</v>
      </c>
      <c r="F7691">
        <v>90535.908679999993</v>
      </c>
      <c r="G7691">
        <v>43533.37902</v>
      </c>
      <c r="H7691">
        <v>38111.349620000001</v>
      </c>
      <c r="I7691">
        <v>31571.052749999999</v>
      </c>
      <c r="J7691">
        <v>32469.995770000001</v>
      </c>
      <c r="K7691">
        <v>43861.615400000002</v>
      </c>
      <c r="L7691">
        <v>23618.840169999999</v>
      </c>
      <c r="M7691">
        <v>254822.70559999999</v>
      </c>
      <c r="N7691">
        <v>64712.013760000002</v>
      </c>
      <c r="O7691">
        <v>20378.087869999999</v>
      </c>
      <c r="P7691">
        <v>30948.048750000002</v>
      </c>
      <c r="Q7691">
        <v>66936.253580000004</v>
      </c>
      <c r="R7691">
        <v>16773.220509999999</v>
      </c>
      <c r="S7691">
        <v>95001.076050000003</v>
      </c>
      <c r="T7691">
        <v>29421.52622</v>
      </c>
      <c r="U7691">
        <v>14003.08842</v>
      </c>
      <c r="W7691" s="83">
        <f>Bühler!N7723</f>
        <v>45612.374999981352</v>
      </c>
      <c r="X7691" s="83">
        <v>43421.375</v>
      </c>
      <c r="Y7691">
        <v>181624.26060000001</v>
      </c>
      <c r="Z7691">
        <v>25091.750309999999</v>
      </c>
      <c r="AA7691">
        <v>90535.908679999993</v>
      </c>
      <c r="AB7691">
        <v>43533.37902</v>
      </c>
      <c r="AC7691">
        <v>38111.349620000001</v>
      </c>
      <c r="AD7691">
        <v>31571.052749999999</v>
      </c>
      <c r="AE7691">
        <v>32469.995770000001</v>
      </c>
      <c r="AF7691">
        <v>43861.615400000002</v>
      </c>
      <c r="AG7691">
        <v>23618.840169999999</v>
      </c>
      <c r="AH7691">
        <v>254822.70559999999</v>
      </c>
      <c r="AI7691">
        <v>64712.013760000002</v>
      </c>
      <c r="AJ7691">
        <v>20378.087869999999</v>
      </c>
      <c r="AK7691">
        <v>30948.048750000002</v>
      </c>
      <c r="AL7691">
        <v>66936.253580000004</v>
      </c>
      <c r="AM7691">
        <v>16773.220509999999</v>
      </c>
      <c r="AN7691">
        <v>95001.076050000003</v>
      </c>
      <c r="AO7691">
        <v>29421.52622</v>
      </c>
      <c r="AP7691">
        <v>14003.08842</v>
      </c>
    </row>
    <row r="7692" spans="2:42" x14ac:dyDescent="0.3">
      <c r="B7692">
        <v>50.129553606500195</v>
      </c>
      <c r="C7692" s="83">
        <v>43421.416666666664</v>
      </c>
      <c r="D7692">
        <v>180826.05489999999</v>
      </c>
      <c r="E7692">
        <v>26426.245439999999</v>
      </c>
      <c r="F7692">
        <v>90395.608009999996</v>
      </c>
      <c r="G7692">
        <v>44193.183340000003</v>
      </c>
      <c r="H7692">
        <v>38695.928849999997</v>
      </c>
      <c r="I7692">
        <v>30929.549429999999</v>
      </c>
      <c r="J7692">
        <v>32094.492440000002</v>
      </c>
      <c r="K7692">
        <v>45070.943460000002</v>
      </c>
      <c r="L7692">
        <v>25815.918819999999</v>
      </c>
      <c r="M7692">
        <v>255583.84179999999</v>
      </c>
      <c r="N7692">
        <v>65394.608760000003</v>
      </c>
      <c r="O7692">
        <v>20536.452010000001</v>
      </c>
      <c r="P7692">
        <v>31580.13852</v>
      </c>
      <c r="Q7692">
        <v>66071.374160000007</v>
      </c>
      <c r="R7692">
        <v>17041.515599999999</v>
      </c>
      <c r="S7692">
        <v>93336.269079999998</v>
      </c>
      <c r="T7692">
        <v>31241.038990000001</v>
      </c>
      <c r="U7692">
        <v>13866.76103</v>
      </c>
      <c r="W7692" s="83">
        <f>Bühler!N7724</f>
        <v>45612.416666648016</v>
      </c>
      <c r="X7692" s="83">
        <v>43421.416666666664</v>
      </c>
      <c r="Y7692">
        <v>180826.05489999999</v>
      </c>
      <c r="Z7692">
        <v>26426.245439999999</v>
      </c>
      <c r="AA7692">
        <v>90395.608009999996</v>
      </c>
      <c r="AB7692">
        <v>44193.183340000003</v>
      </c>
      <c r="AC7692">
        <v>38695.928849999997</v>
      </c>
      <c r="AD7692">
        <v>30929.549429999999</v>
      </c>
      <c r="AE7692">
        <v>32094.492440000002</v>
      </c>
      <c r="AF7692">
        <v>45070.943460000002</v>
      </c>
      <c r="AG7692">
        <v>25815.918819999999</v>
      </c>
      <c r="AH7692">
        <v>255583.84179999999</v>
      </c>
      <c r="AI7692">
        <v>65394.608760000003</v>
      </c>
      <c r="AJ7692">
        <v>20536.452010000001</v>
      </c>
      <c r="AK7692">
        <v>31580.13852</v>
      </c>
      <c r="AL7692">
        <v>66071.374160000007</v>
      </c>
      <c r="AM7692">
        <v>17041.515599999999</v>
      </c>
      <c r="AN7692">
        <v>93336.269079999998</v>
      </c>
      <c r="AO7692">
        <v>31241.038990000001</v>
      </c>
      <c r="AP7692">
        <v>13866.76103</v>
      </c>
    </row>
    <row r="7693" spans="2:42" x14ac:dyDescent="0.3">
      <c r="B7693">
        <v>49.721691641640703</v>
      </c>
      <c r="C7693" s="83">
        <v>43421.458333333336</v>
      </c>
      <c r="D7693">
        <v>177698.15429999999</v>
      </c>
      <c r="E7693">
        <v>25697.6872</v>
      </c>
      <c r="F7693">
        <v>90716.818459999995</v>
      </c>
      <c r="G7693">
        <v>43586.369299999998</v>
      </c>
      <c r="H7693">
        <v>38766.930740000003</v>
      </c>
      <c r="I7693">
        <v>29840.046699999999</v>
      </c>
      <c r="J7693">
        <v>31762.407770000002</v>
      </c>
      <c r="K7693">
        <v>45754.309780000003</v>
      </c>
      <c r="L7693">
        <v>27229.51152</v>
      </c>
      <c r="M7693">
        <v>253504.3713</v>
      </c>
      <c r="N7693">
        <v>65504.570659999998</v>
      </c>
      <c r="O7693">
        <v>20535.09735</v>
      </c>
      <c r="P7693">
        <v>31233.981609999999</v>
      </c>
      <c r="Q7693">
        <v>64584.766179999999</v>
      </c>
      <c r="R7693">
        <v>17066.856909999999</v>
      </c>
      <c r="S7693">
        <v>95363.954889999994</v>
      </c>
      <c r="T7693">
        <v>31170.385439999998</v>
      </c>
      <c r="U7693">
        <v>13348.092259999999</v>
      </c>
      <c r="W7693" s="83">
        <f>Bühler!N7725</f>
        <v>45612.45833331468</v>
      </c>
      <c r="X7693" s="83">
        <v>43421.458333333336</v>
      </c>
      <c r="Y7693">
        <v>177698.15429999999</v>
      </c>
      <c r="Z7693">
        <v>25697.6872</v>
      </c>
      <c r="AA7693">
        <v>90716.818459999995</v>
      </c>
      <c r="AB7693">
        <v>43586.369299999998</v>
      </c>
      <c r="AC7693">
        <v>38766.930740000003</v>
      </c>
      <c r="AD7693">
        <v>29840.046699999999</v>
      </c>
      <c r="AE7693">
        <v>31762.407770000002</v>
      </c>
      <c r="AF7693">
        <v>45754.309780000003</v>
      </c>
      <c r="AG7693">
        <v>27229.51152</v>
      </c>
      <c r="AH7693">
        <v>253504.3713</v>
      </c>
      <c r="AI7693">
        <v>65504.570659999998</v>
      </c>
      <c r="AJ7693">
        <v>20535.09735</v>
      </c>
      <c r="AK7693">
        <v>31233.981609999999</v>
      </c>
      <c r="AL7693">
        <v>64584.766179999999</v>
      </c>
      <c r="AM7693">
        <v>17066.856909999999</v>
      </c>
      <c r="AN7693">
        <v>95363.954889999994</v>
      </c>
      <c r="AO7693">
        <v>31170.385439999998</v>
      </c>
      <c r="AP7693">
        <v>13348.092259999999</v>
      </c>
    </row>
    <row r="7694" spans="2:42" x14ac:dyDescent="0.3">
      <c r="B7694">
        <v>48.437134588452835</v>
      </c>
      <c r="C7694" s="83">
        <v>43421.5</v>
      </c>
      <c r="D7694">
        <v>171980.28039999999</v>
      </c>
      <c r="E7694">
        <v>24118.082699999999</v>
      </c>
      <c r="F7694">
        <v>89354.508119999999</v>
      </c>
      <c r="G7694">
        <v>42497.73674</v>
      </c>
      <c r="H7694">
        <v>37332.348010000002</v>
      </c>
      <c r="I7694">
        <v>29479.370780000001</v>
      </c>
      <c r="J7694">
        <v>31237.408309999999</v>
      </c>
      <c r="K7694">
        <v>45964.550490000001</v>
      </c>
      <c r="L7694">
        <v>29030.969130000001</v>
      </c>
      <c r="M7694">
        <v>246955.1004</v>
      </c>
      <c r="N7694">
        <v>64275.541120000002</v>
      </c>
      <c r="O7694">
        <v>20199.512790000001</v>
      </c>
      <c r="P7694">
        <v>31863.695520000001</v>
      </c>
      <c r="Q7694">
        <v>61231.20319</v>
      </c>
      <c r="R7694">
        <v>18102.610270000001</v>
      </c>
      <c r="S7694">
        <v>90217.036540000001</v>
      </c>
      <c r="T7694">
        <v>30778.83483</v>
      </c>
      <c r="U7694">
        <v>12592.18958</v>
      </c>
      <c r="W7694" s="83">
        <f>Bühler!N7726</f>
        <v>45612.499999981344</v>
      </c>
      <c r="X7694" s="83">
        <v>43421.5</v>
      </c>
      <c r="Y7694">
        <v>171980.28039999999</v>
      </c>
      <c r="Z7694">
        <v>24118.082699999999</v>
      </c>
      <c r="AA7694">
        <v>89354.508119999999</v>
      </c>
      <c r="AB7694">
        <v>42497.73674</v>
      </c>
      <c r="AC7694">
        <v>37332.348010000002</v>
      </c>
      <c r="AD7694">
        <v>29479.370780000001</v>
      </c>
      <c r="AE7694">
        <v>31237.408309999999</v>
      </c>
      <c r="AF7694">
        <v>45964.550490000001</v>
      </c>
      <c r="AG7694">
        <v>29030.969130000001</v>
      </c>
      <c r="AH7694">
        <v>246955.1004</v>
      </c>
      <c r="AI7694">
        <v>64275.541120000002</v>
      </c>
      <c r="AJ7694">
        <v>20199.512790000001</v>
      </c>
      <c r="AK7694">
        <v>31863.695520000001</v>
      </c>
      <c r="AL7694">
        <v>61231.20319</v>
      </c>
      <c r="AM7694">
        <v>18102.610270000001</v>
      </c>
      <c r="AN7694">
        <v>90217.036540000001</v>
      </c>
      <c r="AO7694">
        <v>30778.83483</v>
      </c>
      <c r="AP7694">
        <v>12592.18958</v>
      </c>
    </row>
    <row r="7695" spans="2:42" x14ac:dyDescent="0.3">
      <c r="B7695">
        <v>47.861052389806133</v>
      </c>
      <c r="C7695" s="83">
        <v>43421.541666666664</v>
      </c>
      <c r="D7695">
        <v>169389.30970000001</v>
      </c>
      <c r="E7695">
        <v>23446.012149999999</v>
      </c>
      <c r="F7695">
        <v>87891.566829999996</v>
      </c>
      <c r="G7695">
        <v>41867.201809999999</v>
      </c>
      <c r="H7695">
        <v>37117.171909999997</v>
      </c>
      <c r="I7695">
        <v>29386.339459999999</v>
      </c>
      <c r="J7695">
        <v>30599.52996</v>
      </c>
      <c r="K7695">
        <v>45775.000809999998</v>
      </c>
      <c r="L7695">
        <v>27955.942630000001</v>
      </c>
      <c r="M7695">
        <v>244017.96470000001</v>
      </c>
      <c r="N7695">
        <v>63063.99308</v>
      </c>
      <c r="O7695">
        <v>20271.643599999999</v>
      </c>
      <c r="P7695">
        <v>31314.002919999999</v>
      </c>
      <c r="Q7695">
        <v>58255.31194</v>
      </c>
      <c r="R7695">
        <v>19115.702089999999</v>
      </c>
      <c r="S7695">
        <v>90277.144870000004</v>
      </c>
      <c r="T7695">
        <v>30110.121469999998</v>
      </c>
      <c r="U7695">
        <v>12134.348900000001</v>
      </c>
      <c r="W7695" s="83">
        <f>Bühler!N7727</f>
        <v>45612.541666648009</v>
      </c>
      <c r="X7695" s="83">
        <v>43421.541666666664</v>
      </c>
      <c r="Y7695">
        <v>169389.30970000001</v>
      </c>
      <c r="Z7695">
        <v>23446.012149999999</v>
      </c>
      <c r="AA7695">
        <v>87891.566829999996</v>
      </c>
      <c r="AB7695">
        <v>41867.201809999999</v>
      </c>
      <c r="AC7695">
        <v>37117.171909999997</v>
      </c>
      <c r="AD7695">
        <v>29386.339459999999</v>
      </c>
      <c r="AE7695">
        <v>30599.52996</v>
      </c>
      <c r="AF7695">
        <v>45775.000809999998</v>
      </c>
      <c r="AG7695">
        <v>27955.942630000001</v>
      </c>
      <c r="AH7695">
        <v>244017.96470000001</v>
      </c>
      <c r="AI7695">
        <v>63063.99308</v>
      </c>
      <c r="AJ7695">
        <v>20271.643599999999</v>
      </c>
      <c r="AK7695">
        <v>31314.002919999999</v>
      </c>
      <c r="AL7695">
        <v>58255.31194</v>
      </c>
      <c r="AM7695">
        <v>19115.702089999999</v>
      </c>
      <c r="AN7695">
        <v>90277.144870000004</v>
      </c>
      <c r="AO7695">
        <v>30110.121469999998</v>
      </c>
      <c r="AP7695">
        <v>12134.348900000001</v>
      </c>
    </row>
    <row r="7696" spans="2:42" x14ac:dyDescent="0.3">
      <c r="B7696">
        <v>47.49954760064378</v>
      </c>
      <c r="C7696" s="83">
        <v>43421.583333333336</v>
      </c>
      <c r="D7696">
        <v>168467.1637</v>
      </c>
      <c r="E7696">
        <v>24138.610680000002</v>
      </c>
      <c r="F7696">
        <v>87321.623059999998</v>
      </c>
      <c r="G7696">
        <v>41260.662409999997</v>
      </c>
      <c r="H7696">
        <v>37377.760609999998</v>
      </c>
      <c r="I7696">
        <v>28821.041369999999</v>
      </c>
      <c r="J7696">
        <v>29928.939330000001</v>
      </c>
      <c r="K7696">
        <v>45398.96673</v>
      </c>
      <c r="L7696">
        <v>26544.963250000001</v>
      </c>
      <c r="M7696">
        <v>242174.84469999999</v>
      </c>
      <c r="N7696">
        <v>63259.815670000004</v>
      </c>
      <c r="O7696">
        <v>20102.021199999999</v>
      </c>
      <c r="P7696">
        <v>29169.799900000002</v>
      </c>
      <c r="Q7696">
        <v>56788.27908</v>
      </c>
      <c r="R7696">
        <v>17727.529070000001</v>
      </c>
      <c r="S7696">
        <v>87502.987540000002</v>
      </c>
      <c r="T7696">
        <v>29632.008379999999</v>
      </c>
      <c r="U7696">
        <v>12383.79559</v>
      </c>
      <c r="W7696" s="83">
        <f>Bühler!N7728</f>
        <v>45612.583333314673</v>
      </c>
      <c r="X7696" s="83">
        <v>43421.583333333336</v>
      </c>
      <c r="Y7696">
        <v>168467.1637</v>
      </c>
      <c r="Z7696">
        <v>24138.610680000002</v>
      </c>
      <c r="AA7696">
        <v>87321.623059999998</v>
      </c>
      <c r="AB7696">
        <v>41260.662409999997</v>
      </c>
      <c r="AC7696">
        <v>37377.760609999998</v>
      </c>
      <c r="AD7696">
        <v>28821.041369999999</v>
      </c>
      <c r="AE7696">
        <v>29928.939330000001</v>
      </c>
      <c r="AF7696">
        <v>45398.96673</v>
      </c>
      <c r="AG7696">
        <v>26544.963250000001</v>
      </c>
      <c r="AH7696">
        <v>242174.84469999999</v>
      </c>
      <c r="AI7696">
        <v>63259.815670000004</v>
      </c>
      <c r="AJ7696">
        <v>20102.021199999999</v>
      </c>
      <c r="AK7696">
        <v>29169.799900000002</v>
      </c>
      <c r="AL7696">
        <v>56788.27908</v>
      </c>
      <c r="AM7696">
        <v>17727.529070000001</v>
      </c>
      <c r="AN7696">
        <v>87502.987540000002</v>
      </c>
      <c r="AO7696">
        <v>29632.008379999999</v>
      </c>
      <c r="AP7696">
        <v>12383.79559</v>
      </c>
    </row>
    <row r="7697" spans="2:42" x14ac:dyDescent="0.3">
      <c r="B7697">
        <v>46.60118093647489</v>
      </c>
      <c r="C7697" s="83">
        <v>43421.625</v>
      </c>
      <c r="D7697">
        <v>167246.71470000001</v>
      </c>
      <c r="E7697">
        <v>24038.493020000002</v>
      </c>
      <c r="F7697">
        <v>86905.78297</v>
      </c>
      <c r="G7697">
        <v>40704.195019999999</v>
      </c>
      <c r="H7697">
        <v>36676.477680000004</v>
      </c>
      <c r="I7697">
        <v>29430.292160000001</v>
      </c>
      <c r="J7697">
        <v>29571.550899999998</v>
      </c>
      <c r="K7697">
        <v>45265.80113</v>
      </c>
      <c r="L7697">
        <v>24133.86349</v>
      </c>
      <c r="M7697">
        <v>237594.55249999999</v>
      </c>
      <c r="N7697">
        <v>62819.047599999998</v>
      </c>
      <c r="O7697">
        <v>19618.055840000001</v>
      </c>
      <c r="P7697">
        <v>28123.4041</v>
      </c>
      <c r="Q7697">
        <v>55681.108119999997</v>
      </c>
      <c r="R7697">
        <v>18306.940399999999</v>
      </c>
      <c r="S7697">
        <v>86768.640740000003</v>
      </c>
      <c r="T7697">
        <v>30023.120610000002</v>
      </c>
      <c r="U7697">
        <v>12310.06711</v>
      </c>
      <c r="W7697" s="83">
        <f>Bühler!N7729</f>
        <v>45612.624999981337</v>
      </c>
      <c r="X7697" s="83">
        <v>43421.625</v>
      </c>
      <c r="Y7697">
        <v>167246.71470000001</v>
      </c>
      <c r="Z7697">
        <v>24038.493020000002</v>
      </c>
      <c r="AA7697">
        <v>86905.78297</v>
      </c>
      <c r="AB7697">
        <v>40704.195019999999</v>
      </c>
      <c r="AC7697">
        <v>36676.477680000004</v>
      </c>
      <c r="AD7697">
        <v>29430.292160000001</v>
      </c>
      <c r="AE7697">
        <v>29571.550899999998</v>
      </c>
      <c r="AF7697">
        <v>45265.80113</v>
      </c>
      <c r="AG7697">
        <v>24133.86349</v>
      </c>
      <c r="AH7697">
        <v>237594.55249999999</v>
      </c>
      <c r="AI7697">
        <v>62819.047599999998</v>
      </c>
      <c r="AJ7697">
        <v>19618.055840000001</v>
      </c>
      <c r="AK7697">
        <v>28123.4041</v>
      </c>
      <c r="AL7697">
        <v>55681.108119999997</v>
      </c>
      <c r="AM7697">
        <v>18306.940399999999</v>
      </c>
      <c r="AN7697">
        <v>86768.640740000003</v>
      </c>
      <c r="AO7697">
        <v>30023.120610000002</v>
      </c>
      <c r="AP7697">
        <v>12310.06711</v>
      </c>
    </row>
    <row r="7698" spans="2:42" x14ac:dyDescent="0.3">
      <c r="B7698">
        <v>45.979544117198699</v>
      </c>
      <c r="C7698" s="83">
        <v>43421.666666666664</v>
      </c>
      <c r="D7698">
        <v>166325.2378</v>
      </c>
      <c r="E7698">
        <v>24035.31811</v>
      </c>
      <c r="F7698">
        <v>87218.446830000001</v>
      </c>
      <c r="G7698">
        <v>40359.189639999997</v>
      </c>
      <c r="H7698">
        <v>37051.087249999997</v>
      </c>
      <c r="I7698">
        <v>30513.08668</v>
      </c>
      <c r="J7698">
        <v>29440.40495</v>
      </c>
      <c r="K7698">
        <v>46401.626609999999</v>
      </c>
      <c r="L7698">
        <v>23546.224330000001</v>
      </c>
      <c r="M7698">
        <v>234425.1581</v>
      </c>
      <c r="N7698">
        <v>63821.279949999996</v>
      </c>
      <c r="O7698">
        <v>19619.134249999999</v>
      </c>
      <c r="P7698">
        <v>29214.772260000002</v>
      </c>
      <c r="Q7698">
        <v>55581.622799999997</v>
      </c>
      <c r="R7698">
        <v>17860.32993</v>
      </c>
      <c r="S7698">
        <v>88522.286630000002</v>
      </c>
      <c r="T7698">
        <v>30003.129270000001</v>
      </c>
      <c r="U7698">
        <v>12601.492700000001</v>
      </c>
      <c r="W7698" s="83">
        <f>Bühler!N7730</f>
        <v>45612.666666648001</v>
      </c>
      <c r="X7698" s="83">
        <v>43421.666666666664</v>
      </c>
      <c r="Y7698">
        <v>166325.2378</v>
      </c>
      <c r="Z7698">
        <v>24035.31811</v>
      </c>
      <c r="AA7698">
        <v>87218.446830000001</v>
      </c>
      <c r="AB7698">
        <v>40359.189639999997</v>
      </c>
      <c r="AC7698">
        <v>37051.087249999997</v>
      </c>
      <c r="AD7698">
        <v>30513.08668</v>
      </c>
      <c r="AE7698">
        <v>29440.40495</v>
      </c>
      <c r="AF7698">
        <v>46401.626609999999</v>
      </c>
      <c r="AG7698">
        <v>23546.224330000001</v>
      </c>
      <c r="AH7698">
        <v>234425.1581</v>
      </c>
      <c r="AI7698">
        <v>63821.279949999996</v>
      </c>
      <c r="AJ7698">
        <v>19619.134249999999</v>
      </c>
      <c r="AK7698">
        <v>29214.772260000002</v>
      </c>
      <c r="AL7698">
        <v>55581.622799999997</v>
      </c>
      <c r="AM7698">
        <v>17860.32993</v>
      </c>
      <c r="AN7698">
        <v>88522.286630000002</v>
      </c>
      <c r="AO7698">
        <v>30003.129270000001</v>
      </c>
      <c r="AP7698">
        <v>12601.492700000001</v>
      </c>
    </row>
    <row r="7699" spans="2:42" x14ac:dyDescent="0.3">
      <c r="B7699">
        <v>45.545671526573429</v>
      </c>
      <c r="C7699" s="83">
        <v>43421.708333333336</v>
      </c>
      <c r="D7699">
        <v>166028.43030000001</v>
      </c>
      <c r="E7699">
        <v>24676.444599999999</v>
      </c>
      <c r="F7699">
        <v>89814.065929999997</v>
      </c>
      <c r="G7699">
        <v>41001.514719999999</v>
      </c>
      <c r="H7699">
        <v>39286.739479999997</v>
      </c>
      <c r="I7699">
        <v>31018.668249999999</v>
      </c>
      <c r="J7699">
        <v>32176.758949999999</v>
      </c>
      <c r="K7699">
        <v>46832.090940000002</v>
      </c>
      <c r="L7699">
        <v>25456.422419999999</v>
      </c>
      <c r="M7699">
        <v>232213.07329999999</v>
      </c>
      <c r="N7699">
        <v>65292.956339999997</v>
      </c>
      <c r="O7699">
        <v>20058.84187</v>
      </c>
      <c r="P7699">
        <v>31243.285629999998</v>
      </c>
      <c r="Q7699">
        <v>54888.245840000003</v>
      </c>
      <c r="R7699">
        <v>17991.37141</v>
      </c>
      <c r="S7699">
        <v>94353.530540000007</v>
      </c>
      <c r="T7699">
        <v>31136.56295</v>
      </c>
      <c r="U7699">
        <v>13177.30683</v>
      </c>
      <c r="W7699" s="83">
        <f>Bühler!N7731</f>
        <v>45612.708333314666</v>
      </c>
      <c r="X7699" s="83">
        <v>43421.708333333336</v>
      </c>
      <c r="Y7699">
        <v>166028.43030000001</v>
      </c>
      <c r="Z7699">
        <v>24676.444599999999</v>
      </c>
      <c r="AA7699">
        <v>89814.065929999997</v>
      </c>
      <c r="AB7699">
        <v>41001.514719999999</v>
      </c>
      <c r="AC7699">
        <v>39286.739479999997</v>
      </c>
      <c r="AD7699">
        <v>31018.668249999999</v>
      </c>
      <c r="AE7699">
        <v>32176.758949999999</v>
      </c>
      <c r="AF7699">
        <v>46832.090940000002</v>
      </c>
      <c r="AG7699">
        <v>25456.422419999999</v>
      </c>
      <c r="AH7699">
        <v>232213.07329999999</v>
      </c>
      <c r="AI7699">
        <v>65292.956339999997</v>
      </c>
      <c r="AJ7699">
        <v>20058.84187</v>
      </c>
      <c r="AK7699">
        <v>31243.285629999998</v>
      </c>
      <c r="AL7699">
        <v>54888.245840000003</v>
      </c>
      <c r="AM7699">
        <v>17991.37141</v>
      </c>
      <c r="AN7699">
        <v>94353.530540000007</v>
      </c>
      <c r="AO7699">
        <v>31136.56295</v>
      </c>
      <c r="AP7699">
        <v>13177.30683</v>
      </c>
    </row>
    <row r="7700" spans="2:42" x14ac:dyDescent="0.3">
      <c r="B7700">
        <v>45.254717698401059</v>
      </c>
      <c r="C7700" s="83">
        <v>43421.75</v>
      </c>
      <c r="D7700">
        <v>165398.9</v>
      </c>
      <c r="E7700">
        <v>24134.6767</v>
      </c>
      <c r="F7700">
        <v>88963.213440000007</v>
      </c>
      <c r="G7700">
        <v>40916.41635</v>
      </c>
      <c r="H7700">
        <v>39071.015749999999</v>
      </c>
      <c r="I7700">
        <v>31471.00949</v>
      </c>
      <c r="J7700">
        <v>33303.124759999999</v>
      </c>
      <c r="K7700">
        <v>44569.99813</v>
      </c>
      <c r="L7700">
        <v>28019.688310000001</v>
      </c>
      <c r="M7700">
        <v>230729.655</v>
      </c>
      <c r="N7700">
        <v>66330.438750000001</v>
      </c>
      <c r="O7700">
        <v>20281.66229</v>
      </c>
      <c r="P7700">
        <v>33818.074930000002</v>
      </c>
      <c r="Q7700">
        <v>53646.369420000003</v>
      </c>
      <c r="R7700">
        <v>19916.17309</v>
      </c>
      <c r="S7700">
        <v>94559.963199999998</v>
      </c>
      <c r="T7700">
        <v>31468.178049999999</v>
      </c>
      <c r="U7700">
        <v>13491.500539999999</v>
      </c>
      <c r="W7700" s="83">
        <f>Bühler!N7732</f>
        <v>45612.74999998133</v>
      </c>
      <c r="X7700" s="83">
        <v>43421.75</v>
      </c>
      <c r="Y7700">
        <v>165398.9</v>
      </c>
      <c r="Z7700">
        <v>24134.6767</v>
      </c>
      <c r="AA7700">
        <v>88963.213440000007</v>
      </c>
      <c r="AB7700">
        <v>40916.41635</v>
      </c>
      <c r="AC7700">
        <v>39071.015749999999</v>
      </c>
      <c r="AD7700">
        <v>31471.00949</v>
      </c>
      <c r="AE7700">
        <v>33303.124759999999</v>
      </c>
      <c r="AF7700">
        <v>44569.99813</v>
      </c>
      <c r="AG7700">
        <v>28019.688310000001</v>
      </c>
      <c r="AH7700">
        <v>230729.655</v>
      </c>
      <c r="AI7700">
        <v>66330.438750000001</v>
      </c>
      <c r="AJ7700">
        <v>20281.66229</v>
      </c>
      <c r="AK7700">
        <v>33818.074930000002</v>
      </c>
      <c r="AL7700">
        <v>53646.369420000003</v>
      </c>
      <c r="AM7700">
        <v>19916.17309</v>
      </c>
      <c r="AN7700">
        <v>94559.963199999998</v>
      </c>
      <c r="AO7700">
        <v>31468.178049999999</v>
      </c>
      <c r="AP7700">
        <v>13491.500539999999</v>
      </c>
    </row>
    <row r="7701" spans="2:42" x14ac:dyDescent="0.3">
      <c r="B7701">
        <v>44.307930139899995</v>
      </c>
      <c r="C7701" s="83">
        <v>43421.791666666664</v>
      </c>
      <c r="D7701">
        <v>164070.61929999999</v>
      </c>
      <c r="E7701">
        <v>20247.50159</v>
      </c>
      <c r="F7701">
        <v>76043.085709999999</v>
      </c>
      <c r="G7701">
        <v>40832.845410000002</v>
      </c>
      <c r="H7701">
        <v>38358.721680000002</v>
      </c>
      <c r="I7701">
        <v>30430.606950000001</v>
      </c>
      <c r="J7701">
        <v>32464.314330000001</v>
      </c>
      <c r="K7701">
        <v>44016.499969999997</v>
      </c>
      <c r="L7701">
        <v>29364.934980000002</v>
      </c>
      <c r="M7701">
        <v>225902.49050000001</v>
      </c>
      <c r="N7701">
        <v>66479.844729999997</v>
      </c>
      <c r="O7701">
        <v>20020.443360000001</v>
      </c>
      <c r="P7701">
        <v>34826.689610000001</v>
      </c>
      <c r="Q7701">
        <v>52012.784699999997</v>
      </c>
      <c r="R7701">
        <v>20261.864160000001</v>
      </c>
      <c r="S7701">
        <v>92026.559909999996</v>
      </c>
      <c r="T7701">
        <v>30135.852699999999</v>
      </c>
      <c r="U7701">
        <v>13333.14092</v>
      </c>
      <c r="W7701" s="83">
        <f>Bühler!N7733</f>
        <v>45612.791666647994</v>
      </c>
      <c r="X7701" s="83">
        <v>43421.791666666664</v>
      </c>
      <c r="Y7701">
        <v>164070.61929999999</v>
      </c>
      <c r="Z7701">
        <v>20247.50159</v>
      </c>
      <c r="AA7701">
        <v>76043.085709999999</v>
      </c>
      <c r="AB7701">
        <v>40832.845410000002</v>
      </c>
      <c r="AC7701">
        <v>38358.721680000002</v>
      </c>
      <c r="AD7701">
        <v>30430.606950000001</v>
      </c>
      <c r="AE7701">
        <v>32464.314330000001</v>
      </c>
      <c r="AF7701">
        <v>44016.499969999997</v>
      </c>
      <c r="AG7701">
        <v>29364.934980000002</v>
      </c>
      <c r="AH7701">
        <v>225902.49050000001</v>
      </c>
      <c r="AI7701">
        <v>66479.844729999997</v>
      </c>
      <c r="AJ7701">
        <v>20020.443360000001</v>
      </c>
      <c r="AK7701">
        <v>34826.689610000001</v>
      </c>
      <c r="AL7701">
        <v>52012.784699999997</v>
      </c>
      <c r="AM7701">
        <v>20261.864160000001</v>
      </c>
      <c r="AN7701">
        <v>92026.559909999996</v>
      </c>
      <c r="AO7701">
        <v>30135.852699999999</v>
      </c>
      <c r="AP7701">
        <v>13333.14092</v>
      </c>
    </row>
    <row r="7702" spans="2:42" x14ac:dyDescent="0.3">
      <c r="B7702">
        <v>44.055041170252416</v>
      </c>
      <c r="C7702" s="83">
        <v>43421.833333333336</v>
      </c>
      <c r="D7702">
        <v>163578.30650000001</v>
      </c>
      <c r="E7702">
        <v>15268.83389</v>
      </c>
      <c r="F7702">
        <v>57007.94326</v>
      </c>
      <c r="G7702">
        <v>39965.577530000002</v>
      </c>
      <c r="H7702">
        <v>37534.433879999997</v>
      </c>
      <c r="I7702">
        <v>28203.099709999999</v>
      </c>
      <c r="J7702">
        <v>31801.623609999999</v>
      </c>
      <c r="K7702">
        <v>44767.613689999998</v>
      </c>
      <c r="L7702">
        <v>28692.81208</v>
      </c>
      <c r="M7702">
        <v>224613.1446</v>
      </c>
      <c r="N7702">
        <v>65385.182849999997</v>
      </c>
      <c r="O7702">
        <v>19554.864099999999</v>
      </c>
      <c r="P7702">
        <v>34368.800009999999</v>
      </c>
      <c r="Q7702">
        <v>50630.823210000002</v>
      </c>
      <c r="R7702">
        <v>17969.95666</v>
      </c>
      <c r="S7702">
        <v>84596.381089999995</v>
      </c>
      <c r="T7702">
        <v>27031.91849</v>
      </c>
      <c r="U7702">
        <v>13011.926310000001</v>
      </c>
      <c r="W7702" s="83">
        <f>Bühler!N7734</f>
        <v>45612.833333314658</v>
      </c>
      <c r="X7702" s="83">
        <v>43421.833333333336</v>
      </c>
      <c r="Y7702">
        <v>163578.30650000001</v>
      </c>
      <c r="Z7702">
        <v>15268.83389</v>
      </c>
      <c r="AA7702">
        <v>57007.94326</v>
      </c>
      <c r="AB7702">
        <v>39965.577530000002</v>
      </c>
      <c r="AC7702">
        <v>37534.433879999997</v>
      </c>
      <c r="AD7702">
        <v>28203.099709999999</v>
      </c>
      <c r="AE7702">
        <v>31801.623609999999</v>
      </c>
      <c r="AF7702">
        <v>44767.613689999998</v>
      </c>
      <c r="AG7702">
        <v>28692.81208</v>
      </c>
      <c r="AH7702">
        <v>224613.1446</v>
      </c>
      <c r="AI7702">
        <v>65385.182849999997</v>
      </c>
      <c r="AJ7702">
        <v>19554.864099999999</v>
      </c>
      <c r="AK7702">
        <v>34368.800009999999</v>
      </c>
      <c r="AL7702">
        <v>50630.823210000002</v>
      </c>
      <c r="AM7702">
        <v>17969.95666</v>
      </c>
      <c r="AN7702">
        <v>84596.381089999995</v>
      </c>
      <c r="AO7702">
        <v>27031.91849</v>
      </c>
      <c r="AP7702">
        <v>13011.926310000001</v>
      </c>
    </row>
    <row r="7703" spans="2:42" x14ac:dyDescent="0.3">
      <c r="B7703">
        <v>43.699303409452696</v>
      </c>
      <c r="C7703" s="83">
        <v>43421.875</v>
      </c>
      <c r="D7703">
        <v>162321.3738</v>
      </c>
      <c r="E7703">
        <v>13770.467259999999</v>
      </c>
      <c r="F7703">
        <v>49262.611799999999</v>
      </c>
      <c r="G7703">
        <v>39201.804349999999</v>
      </c>
      <c r="H7703">
        <v>36083.751920000002</v>
      </c>
      <c r="I7703">
        <v>25236.701809999999</v>
      </c>
      <c r="J7703">
        <v>30678.79449</v>
      </c>
      <c r="K7703">
        <v>45260.589690000001</v>
      </c>
      <c r="L7703">
        <v>27127.99552</v>
      </c>
      <c r="M7703">
        <v>222799.4276</v>
      </c>
      <c r="N7703">
        <v>64043.839540000001</v>
      </c>
      <c r="O7703">
        <v>19150.558249999998</v>
      </c>
      <c r="P7703">
        <v>32656.73574</v>
      </c>
      <c r="Q7703">
        <v>50184.356110000001</v>
      </c>
      <c r="R7703">
        <v>17132.961340000002</v>
      </c>
      <c r="S7703">
        <v>81052.792419999998</v>
      </c>
      <c r="T7703">
        <v>26370.10917</v>
      </c>
      <c r="U7703">
        <v>12886.25107</v>
      </c>
      <c r="W7703" s="83">
        <f>Bühler!N7735</f>
        <v>45612.874999981323</v>
      </c>
      <c r="X7703" s="83">
        <v>43421.875</v>
      </c>
      <c r="Y7703">
        <v>162321.3738</v>
      </c>
      <c r="Z7703">
        <v>13770.467259999999</v>
      </c>
      <c r="AA7703">
        <v>49262.611799999999</v>
      </c>
      <c r="AB7703">
        <v>39201.804349999999</v>
      </c>
      <c r="AC7703">
        <v>36083.751920000002</v>
      </c>
      <c r="AD7703">
        <v>25236.701809999999</v>
      </c>
      <c r="AE7703">
        <v>30678.79449</v>
      </c>
      <c r="AF7703">
        <v>45260.589690000001</v>
      </c>
      <c r="AG7703">
        <v>27127.99552</v>
      </c>
      <c r="AH7703">
        <v>222799.4276</v>
      </c>
      <c r="AI7703">
        <v>64043.839540000001</v>
      </c>
      <c r="AJ7703">
        <v>19150.558249999998</v>
      </c>
      <c r="AK7703">
        <v>32656.73574</v>
      </c>
      <c r="AL7703">
        <v>50184.356110000001</v>
      </c>
      <c r="AM7703">
        <v>17132.961340000002</v>
      </c>
      <c r="AN7703">
        <v>81052.792419999998</v>
      </c>
      <c r="AO7703">
        <v>26370.10917</v>
      </c>
      <c r="AP7703">
        <v>12886.25107</v>
      </c>
    </row>
    <row r="7704" spans="2:42" x14ac:dyDescent="0.3">
      <c r="B7704">
        <v>43.868768095899682</v>
      </c>
      <c r="C7704" s="83">
        <v>43421.916666666664</v>
      </c>
      <c r="D7704">
        <v>162154.6341</v>
      </c>
      <c r="E7704">
        <v>13424.210800000001</v>
      </c>
      <c r="F7704">
        <v>47234.261760000001</v>
      </c>
      <c r="G7704">
        <v>39049.158409999996</v>
      </c>
      <c r="H7704">
        <v>36472.446179999999</v>
      </c>
      <c r="I7704">
        <v>23793.261030000001</v>
      </c>
      <c r="J7704">
        <v>29458.219140000001</v>
      </c>
      <c r="K7704">
        <v>49848.677060000002</v>
      </c>
      <c r="L7704">
        <v>24758.333559999999</v>
      </c>
      <c r="M7704">
        <v>223663.4376</v>
      </c>
      <c r="N7704">
        <v>63534.619079999997</v>
      </c>
      <c r="O7704">
        <v>19399.171569999999</v>
      </c>
      <c r="P7704">
        <v>34075.342879999997</v>
      </c>
      <c r="Q7704">
        <v>49214.039109999998</v>
      </c>
      <c r="R7704">
        <v>21232.337449999999</v>
      </c>
      <c r="S7704">
        <v>79660.300310000006</v>
      </c>
      <c r="T7704">
        <v>25451.115290000002</v>
      </c>
      <c r="U7704">
        <v>13174.66072</v>
      </c>
      <c r="W7704" s="83">
        <f>Bühler!N7736</f>
        <v>45612.916666647987</v>
      </c>
      <c r="X7704" s="83">
        <v>43421.916666666664</v>
      </c>
      <c r="Y7704">
        <v>162154.6341</v>
      </c>
      <c r="Z7704">
        <v>13424.210800000001</v>
      </c>
      <c r="AA7704">
        <v>47234.261760000001</v>
      </c>
      <c r="AB7704">
        <v>39049.158409999996</v>
      </c>
      <c r="AC7704">
        <v>36472.446179999999</v>
      </c>
      <c r="AD7704">
        <v>23793.261030000001</v>
      </c>
      <c r="AE7704">
        <v>29458.219140000001</v>
      </c>
      <c r="AF7704">
        <v>49848.677060000002</v>
      </c>
      <c r="AG7704">
        <v>24758.333559999999</v>
      </c>
      <c r="AH7704">
        <v>223663.4376</v>
      </c>
      <c r="AI7704">
        <v>63534.619079999997</v>
      </c>
      <c r="AJ7704">
        <v>19399.171569999999</v>
      </c>
      <c r="AK7704">
        <v>34075.342879999997</v>
      </c>
      <c r="AL7704">
        <v>49214.039109999998</v>
      </c>
      <c r="AM7704">
        <v>21232.337449999999</v>
      </c>
      <c r="AN7704">
        <v>79660.300310000006</v>
      </c>
      <c r="AO7704">
        <v>25451.115290000002</v>
      </c>
      <c r="AP7704">
        <v>13174.66072</v>
      </c>
    </row>
    <row r="7705" spans="2:42" x14ac:dyDescent="0.3">
      <c r="B7705">
        <v>43.723657144806054</v>
      </c>
      <c r="C7705" s="83">
        <v>43421.958333333336</v>
      </c>
      <c r="D7705">
        <v>162161.3603</v>
      </c>
      <c r="E7705">
        <v>13087.480740000001</v>
      </c>
      <c r="F7705">
        <v>46124.429609999999</v>
      </c>
      <c r="G7705">
        <v>38961.05975</v>
      </c>
      <c r="H7705">
        <v>36002.299500000001</v>
      </c>
      <c r="I7705">
        <v>23414.16978</v>
      </c>
      <c r="J7705">
        <v>27635.565879999998</v>
      </c>
      <c r="K7705">
        <v>49516.622320000002</v>
      </c>
      <c r="L7705">
        <v>21348.070179999999</v>
      </c>
      <c r="M7705">
        <v>222923.5943</v>
      </c>
      <c r="N7705">
        <v>62672.053939999998</v>
      </c>
      <c r="O7705">
        <v>19283.620070000001</v>
      </c>
      <c r="P7705">
        <v>30791.669890000001</v>
      </c>
      <c r="Q7705">
        <v>48810.659480000002</v>
      </c>
      <c r="R7705">
        <v>21084.878199999999</v>
      </c>
      <c r="S7705">
        <v>78101.394969999994</v>
      </c>
      <c r="T7705">
        <v>28172.997090000001</v>
      </c>
      <c r="U7705">
        <v>12741.658810000001</v>
      </c>
      <c r="W7705" s="83">
        <f>Bühler!N7737</f>
        <v>45612.958333314651</v>
      </c>
      <c r="X7705" s="83">
        <v>43421.958333333336</v>
      </c>
      <c r="Y7705">
        <v>162161.3603</v>
      </c>
      <c r="Z7705">
        <v>13087.480740000001</v>
      </c>
      <c r="AA7705">
        <v>46124.429609999999</v>
      </c>
      <c r="AB7705">
        <v>38961.05975</v>
      </c>
      <c r="AC7705">
        <v>36002.299500000001</v>
      </c>
      <c r="AD7705">
        <v>23414.16978</v>
      </c>
      <c r="AE7705">
        <v>27635.565879999998</v>
      </c>
      <c r="AF7705">
        <v>49516.622320000002</v>
      </c>
      <c r="AG7705">
        <v>21348.070179999999</v>
      </c>
      <c r="AH7705">
        <v>222923.5943</v>
      </c>
      <c r="AI7705">
        <v>62672.053939999998</v>
      </c>
      <c r="AJ7705">
        <v>19283.620070000001</v>
      </c>
      <c r="AK7705">
        <v>30791.669890000001</v>
      </c>
      <c r="AL7705">
        <v>48810.659480000002</v>
      </c>
      <c r="AM7705">
        <v>21084.878199999999</v>
      </c>
      <c r="AN7705">
        <v>78101.394969999994</v>
      </c>
      <c r="AO7705">
        <v>28172.997090000001</v>
      </c>
      <c r="AP7705">
        <v>12741.658810000001</v>
      </c>
    </row>
    <row r="7706" spans="2:42" x14ac:dyDescent="0.3">
      <c r="B7706">
        <v>50.110102894590234</v>
      </c>
      <c r="C7706" s="83">
        <v>43422</v>
      </c>
      <c r="D7706">
        <v>192285.52590000001</v>
      </c>
      <c r="E7706">
        <v>13454.18743</v>
      </c>
      <c r="F7706">
        <v>48041.308830000002</v>
      </c>
      <c r="G7706">
        <v>39129.817199999998</v>
      </c>
      <c r="H7706">
        <v>36086.666720000001</v>
      </c>
      <c r="I7706">
        <v>21846.387470000001</v>
      </c>
      <c r="J7706">
        <v>26746.858509999998</v>
      </c>
      <c r="K7706">
        <v>49057.384960000003</v>
      </c>
      <c r="L7706">
        <v>18372.33958</v>
      </c>
      <c r="M7706">
        <v>255484.67300000001</v>
      </c>
      <c r="N7706">
        <v>63190.964959999998</v>
      </c>
      <c r="O7706">
        <v>19363.467840000001</v>
      </c>
      <c r="P7706">
        <v>27582.302309999999</v>
      </c>
      <c r="Q7706">
        <v>61610.29047</v>
      </c>
      <c r="R7706">
        <v>19601.163140000001</v>
      </c>
      <c r="S7706">
        <v>77631.083310000002</v>
      </c>
      <c r="T7706">
        <v>26455.825430000001</v>
      </c>
      <c r="U7706">
        <v>13264.30415</v>
      </c>
      <c r="W7706" s="83">
        <f>Bühler!N7738</f>
        <v>45612.999999981315</v>
      </c>
      <c r="X7706" s="83">
        <v>43422</v>
      </c>
      <c r="Y7706">
        <v>192285.52590000001</v>
      </c>
      <c r="Z7706">
        <v>13454.18743</v>
      </c>
      <c r="AA7706">
        <v>48041.308830000002</v>
      </c>
      <c r="AB7706">
        <v>39129.817199999998</v>
      </c>
      <c r="AC7706">
        <v>36086.666720000001</v>
      </c>
      <c r="AD7706">
        <v>21846.387470000001</v>
      </c>
      <c r="AE7706">
        <v>26746.858509999998</v>
      </c>
      <c r="AF7706">
        <v>49057.384960000003</v>
      </c>
      <c r="AG7706">
        <v>18372.33958</v>
      </c>
      <c r="AH7706">
        <v>255484.67300000001</v>
      </c>
      <c r="AI7706">
        <v>63190.964959999998</v>
      </c>
      <c r="AJ7706">
        <v>19363.467840000001</v>
      </c>
      <c r="AK7706">
        <v>27582.302309999999</v>
      </c>
      <c r="AL7706">
        <v>61610.29047</v>
      </c>
      <c r="AM7706">
        <v>19601.163140000001</v>
      </c>
      <c r="AN7706">
        <v>77631.083310000002</v>
      </c>
      <c r="AO7706">
        <v>26455.825430000001</v>
      </c>
      <c r="AP7706">
        <v>13264.30415</v>
      </c>
    </row>
    <row r="7707" spans="2:42" x14ac:dyDescent="0.3">
      <c r="B7707">
        <v>49.73469423802041</v>
      </c>
      <c r="C7707" s="83">
        <v>43422.041666666664</v>
      </c>
      <c r="D7707">
        <v>190853.47519999999</v>
      </c>
      <c r="E7707">
        <v>13477.52022</v>
      </c>
      <c r="F7707">
        <v>48627.385439999998</v>
      </c>
      <c r="G7707">
        <v>38734.586660000001</v>
      </c>
      <c r="H7707">
        <v>35551.105360000001</v>
      </c>
      <c r="I7707">
        <v>18699.099829999999</v>
      </c>
      <c r="J7707">
        <v>26272.143189999999</v>
      </c>
      <c r="K7707">
        <v>47687.646339999999</v>
      </c>
      <c r="L7707">
        <v>17058.830190000001</v>
      </c>
      <c r="M7707">
        <v>253570.66459999999</v>
      </c>
      <c r="N7707">
        <v>62550.071680000001</v>
      </c>
      <c r="O7707">
        <v>19217.78225</v>
      </c>
      <c r="P7707">
        <v>26318.06884</v>
      </c>
      <c r="Q7707">
        <v>61972.480900000002</v>
      </c>
      <c r="R7707">
        <v>18828.099180000001</v>
      </c>
      <c r="S7707">
        <v>76738.417419999998</v>
      </c>
      <c r="T7707">
        <v>25908.522710000001</v>
      </c>
      <c r="U7707">
        <v>13361.58087</v>
      </c>
      <c r="W7707" s="83">
        <f>Bühler!N7739</f>
        <v>45613.04166664798</v>
      </c>
      <c r="X7707" s="83">
        <v>43422.041666666664</v>
      </c>
      <c r="Y7707">
        <v>190853.47519999999</v>
      </c>
      <c r="Z7707">
        <v>13477.52022</v>
      </c>
      <c r="AA7707">
        <v>48627.385439999998</v>
      </c>
      <c r="AB7707">
        <v>38734.586660000001</v>
      </c>
      <c r="AC7707">
        <v>35551.105360000001</v>
      </c>
      <c r="AD7707">
        <v>18699.099829999999</v>
      </c>
      <c r="AE7707">
        <v>26272.143189999999</v>
      </c>
      <c r="AF7707">
        <v>47687.646339999999</v>
      </c>
      <c r="AG7707">
        <v>17058.830190000001</v>
      </c>
      <c r="AH7707">
        <v>253570.66459999999</v>
      </c>
      <c r="AI7707">
        <v>62550.071680000001</v>
      </c>
      <c r="AJ7707">
        <v>19217.78225</v>
      </c>
      <c r="AK7707">
        <v>26318.06884</v>
      </c>
      <c r="AL7707">
        <v>61972.480900000002</v>
      </c>
      <c r="AM7707">
        <v>18828.099180000001</v>
      </c>
      <c r="AN7707">
        <v>76738.417419999998</v>
      </c>
      <c r="AO7707">
        <v>25908.522710000001</v>
      </c>
      <c r="AP7707">
        <v>13361.58087</v>
      </c>
    </row>
    <row r="7708" spans="2:42" x14ac:dyDescent="0.3">
      <c r="B7708">
        <v>49.377199772478669</v>
      </c>
      <c r="C7708" s="83">
        <v>43422.083333333336</v>
      </c>
      <c r="D7708">
        <v>189573.14809999999</v>
      </c>
      <c r="E7708">
        <v>13466.50071</v>
      </c>
      <c r="F7708">
        <v>48800.981310000003</v>
      </c>
      <c r="G7708">
        <v>38653.964489999998</v>
      </c>
      <c r="H7708">
        <v>35331.928110000001</v>
      </c>
      <c r="I7708">
        <v>17415.221239999999</v>
      </c>
      <c r="J7708">
        <v>26026.86608</v>
      </c>
      <c r="K7708">
        <v>46387.816639999997</v>
      </c>
      <c r="L7708">
        <v>16574.932550000001</v>
      </c>
      <c r="M7708">
        <v>251747.99110000001</v>
      </c>
      <c r="N7708">
        <v>62506.42424</v>
      </c>
      <c r="O7708">
        <v>19290.498329999999</v>
      </c>
      <c r="P7708">
        <v>24997.82991</v>
      </c>
      <c r="Q7708">
        <v>62662.117109999999</v>
      </c>
      <c r="R7708">
        <v>17930.195660000001</v>
      </c>
      <c r="S7708">
        <v>76111.924939999997</v>
      </c>
      <c r="T7708">
        <v>25541.43894</v>
      </c>
      <c r="U7708">
        <v>13449.25253</v>
      </c>
      <c r="W7708" s="83">
        <f>Bühler!N7740</f>
        <v>45613.083333314644</v>
      </c>
      <c r="X7708" s="83">
        <v>43422.083333333336</v>
      </c>
      <c r="Y7708">
        <v>189573.14809999999</v>
      </c>
      <c r="Z7708">
        <v>13466.50071</v>
      </c>
      <c r="AA7708">
        <v>48800.981310000003</v>
      </c>
      <c r="AB7708">
        <v>38653.964489999998</v>
      </c>
      <c r="AC7708">
        <v>35331.928110000001</v>
      </c>
      <c r="AD7708">
        <v>17415.221239999999</v>
      </c>
      <c r="AE7708">
        <v>26026.86608</v>
      </c>
      <c r="AF7708">
        <v>46387.816639999997</v>
      </c>
      <c r="AG7708">
        <v>16574.932550000001</v>
      </c>
      <c r="AH7708">
        <v>251747.99110000001</v>
      </c>
      <c r="AI7708">
        <v>62506.42424</v>
      </c>
      <c r="AJ7708">
        <v>19290.498329999999</v>
      </c>
      <c r="AK7708">
        <v>24997.82991</v>
      </c>
      <c r="AL7708">
        <v>62662.117109999999</v>
      </c>
      <c r="AM7708">
        <v>17930.195660000001</v>
      </c>
      <c r="AN7708">
        <v>76111.924939999997</v>
      </c>
      <c r="AO7708">
        <v>25541.43894</v>
      </c>
      <c r="AP7708">
        <v>13449.25253</v>
      </c>
    </row>
    <row r="7709" spans="2:42" x14ac:dyDescent="0.3">
      <c r="B7709">
        <v>48.348412908311957</v>
      </c>
      <c r="C7709" s="83">
        <v>43422.125</v>
      </c>
      <c r="D7709">
        <v>186731.09099999999</v>
      </c>
      <c r="E7709">
        <v>13380.748900000001</v>
      </c>
      <c r="F7709">
        <v>48338.797480000001</v>
      </c>
      <c r="G7709">
        <v>37929.548719999999</v>
      </c>
      <c r="H7709">
        <v>35527.886109999999</v>
      </c>
      <c r="I7709">
        <v>16493.833719999999</v>
      </c>
      <c r="J7709">
        <v>26104.95262</v>
      </c>
      <c r="K7709">
        <v>44946.888030000002</v>
      </c>
      <c r="L7709">
        <v>16265.506799999999</v>
      </c>
      <c r="M7709">
        <v>246502.75589999999</v>
      </c>
      <c r="N7709">
        <v>62397.575839999998</v>
      </c>
      <c r="O7709">
        <v>19300.328420000002</v>
      </c>
      <c r="P7709">
        <v>25079.676080000001</v>
      </c>
      <c r="Q7709">
        <v>63139.674500000001</v>
      </c>
      <c r="R7709">
        <v>17414.103889999999</v>
      </c>
      <c r="S7709">
        <v>75691.974419999999</v>
      </c>
      <c r="T7709">
        <v>25249.81378</v>
      </c>
      <c r="U7709">
        <v>13536.54746</v>
      </c>
      <c r="W7709" s="83">
        <f>Bühler!N7741</f>
        <v>45613.124999981308</v>
      </c>
      <c r="X7709" s="83">
        <v>43422.125</v>
      </c>
      <c r="Y7709">
        <v>186731.09099999999</v>
      </c>
      <c r="Z7709">
        <v>13380.748900000001</v>
      </c>
      <c r="AA7709">
        <v>48338.797480000001</v>
      </c>
      <c r="AB7709">
        <v>37929.548719999999</v>
      </c>
      <c r="AC7709">
        <v>35527.886109999999</v>
      </c>
      <c r="AD7709">
        <v>16493.833719999999</v>
      </c>
      <c r="AE7709">
        <v>26104.95262</v>
      </c>
      <c r="AF7709">
        <v>44946.888030000002</v>
      </c>
      <c r="AG7709">
        <v>16265.506799999999</v>
      </c>
      <c r="AH7709">
        <v>246502.75589999999</v>
      </c>
      <c r="AI7709">
        <v>62397.575839999998</v>
      </c>
      <c r="AJ7709">
        <v>19300.328420000002</v>
      </c>
      <c r="AK7709">
        <v>25079.676080000001</v>
      </c>
      <c r="AL7709">
        <v>63139.674500000001</v>
      </c>
      <c r="AM7709">
        <v>17414.103889999999</v>
      </c>
      <c r="AN7709">
        <v>75691.974419999999</v>
      </c>
      <c r="AO7709">
        <v>25249.81378</v>
      </c>
      <c r="AP7709">
        <v>13536.54746</v>
      </c>
    </row>
    <row r="7710" spans="2:42" x14ac:dyDescent="0.3">
      <c r="B7710">
        <v>47.049680258944264</v>
      </c>
      <c r="C7710" s="83">
        <v>43422.166666666664</v>
      </c>
      <c r="D7710">
        <v>179860.01439999999</v>
      </c>
      <c r="E7710">
        <v>13417.260920000001</v>
      </c>
      <c r="F7710">
        <v>49194.9058</v>
      </c>
      <c r="G7710">
        <v>37626.138330000002</v>
      </c>
      <c r="H7710">
        <v>35456.959589999999</v>
      </c>
      <c r="I7710">
        <v>17144.759910000001</v>
      </c>
      <c r="J7710">
        <v>27621.626789999998</v>
      </c>
      <c r="K7710">
        <v>43185.332029999998</v>
      </c>
      <c r="L7710">
        <v>16004.07847</v>
      </c>
      <c r="M7710">
        <v>239881.21119999999</v>
      </c>
      <c r="N7710">
        <v>61526.852830000003</v>
      </c>
      <c r="O7710">
        <v>19485.20436</v>
      </c>
      <c r="P7710">
        <v>24179.532429999999</v>
      </c>
      <c r="Q7710">
        <v>64166.43662</v>
      </c>
      <c r="R7710">
        <v>17233.488590000001</v>
      </c>
      <c r="S7710">
        <v>76235.748179999995</v>
      </c>
      <c r="T7710">
        <v>25229.014139999999</v>
      </c>
      <c r="U7710">
        <v>13714.464029999999</v>
      </c>
      <c r="W7710" s="83">
        <f>Bühler!N7742</f>
        <v>45613.166666647972</v>
      </c>
      <c r="X7710" s="83">
        <v>43422.166666666664</v>
      </c>
      <c r="Y7710">
        <v>179860.01439999999</v>
      </c>
      <c r="Z7710">
        <v>13417.260920000001</v>
      </c>
      <c r="AA7710">
        <v>49194.9058</v>
      </c>
      <c r="AB7710">
        <v>37626.138330000002</v>
      </c>
      <c r="AC7710">
        <v>35456.959589999999</v>
      </c>
      <c r="AD7710">
        <v>17144.759910000001</v>
      </c>
      <c r="AE7710">
        <v>27621.626789999998</v>
      </c>
      <c r="AF7710">
        <v>43185.332029999998</v>
      </c>
      <c r="AG7710">
        <v>16004.07847</v>
      </c>
      <c r="AH7710">
        <v>239881.21119999999</v>
      </c>
      <c r="AI7710">
        <v>61526.852830000003</v>
      </c>
      <c r="AJ7710">
        <v>19485.20436</v>
      </c>
      <c r="AK7710">
        <v>24179.532429999999</v>
      </c>
      <c r="AL7710">
        <v>64166.43662</v>
      </c>
      <c r="AM7710">
        <v>17233.488590000001</v>
      </c>
      <c r="AN7710">
        <v>76235.748179999995</v>
      </c>
      <c r="AO7710">
        <v>25229.014139999999</v>
      </c>
      <c r="AP7710">
        <v>13714.464029999999</v>
      </c>
    </row>
    <row r="7711" spans="2:42" x14ac:dyDescent="0.3">
      <c r="B7711">
        <v>46.589357282858913</v>
      </c>
      <c r="C7711" s="83">
        <v>43422.208333333336</v>
      </c>
      <c r="D7711">
        <v>173104.17249999999</v>
      </c>
      <c r="E7711">
        <v>14157.57214</v>
      </c>
      <c r="F7711">
        <v>53745.28512</v>
      </c>
      <c r="G7711">
        <v>38272.454760000001</v>
      </c>
      <c r="H7711">
        <v>36057.88925</v>
      </c>
      <c r="I7711">
        <v>20985.346450000001</v>
      </c>
      <c r="J7711">
        <v>29961.39286</v>
      </c>
      <c r="K7711">
        <v>41899.997009999999</v>
      </c>
      <c r="L7711">
        <v>16769.892820000001</v>
      </c>
      <c r="M7711">
        <v>237534.27</v>
      </c>
      <c r="N7711">
        <v>60808.65034</v>
      </c>
      <c r="O7711">
        <v>19571.45508</v>
      </c>
      <c r="P7711">
        <v>25471.735710000001</v>
      </c>
      <c r="Q7711">
        <v>63591.434070000003</v>
      </c>
      <c r="R7711">
        <v>17764.240699999998</v>
      </c>
      <c r="S7711">
        <v>77647.179730000003</v>
      </c>
      <c r="T7711">
        <v>25838.403600000001</v>
      </c>
      <c r="U7711">
        <v>13551.47465</v>
      </c>
      <c r="W7711" s="83">
        <f>Bühler!N7743</f>
        <v>45613.208333314637</v>
      </c>
      <c r="X7711" s="83">
        <v>43422.208333333336</v>
      </c>
      <c r="Y7711">
        <v>173104.17249999999</v>
      </c>
      <c r="Z7711">
        <v>14157.57214</v>
      </c>
      <c r="AA7711">
        <v>53745.28512</v>
      </c>
      <c r="AB7711">
        <v>38272.454760000001</v>
      </c>
      <c r="AC7711">
        <v>36057.88925</v>
      </c>
      <c r="AD7711">
        <v>20985.346450000001</v>
      </c>
      <c r="AE7711">
        <v>29961.39286</v>
      </c>
      <c r="AF7711">
        <v>41899.997009999999</v>
      </c>
      <c r="AG7711">
        <v>16769.892820000001</v>
      </c>
      <c r="AH7711">
        <v>237534.27</v>
      </c>
      <c r="AI7711">
        <v>60808.65034</v>
      </c>
      <c r="AJ7711">
        <v>19571.45508</v>
      </c>
      <c r="AK7711">
        <v>25471.735710000001</v>
      </c>
      <c r="AL7711">
        <v>63591.434070000003</v>
      </c>
      <c r="AM7711">
        <v>17764.240699999998</v>
      </c>
      <c r="AN7711">
        <v>77647.179730000003</v>
      </c>
      <c r="AO7711">
        <v>25838.403600000001</v>
      </c>
      <c r="AP7711">
        <v>13551.47465</v>
      </c>
    </row>
    <row r="7712" spans="2:42" x14ac:dyDescent="0.3">
      <c r="B7712">
        <v>47.161475465928291</v>
      </c>
      <c r="C7712" s="83">
        <v>43422.25</v>
      </c>
      <c r="D7712">
        <v>172169.54060000001</v>
      </c>
      <c r="E7712">
        <v>15124.58783</v>
      </c>
      <c r="F7712">
        <v>58969.11634</v>
      </c>
      <c r="G7712">
        <v>40503.864730000001</v>
      </c>
      <c r="H7712">
        <v>36780.039700000001</v>
      </c>
      <c r="I7712">
        <v>23329.898519999999</v>
      </c>
      <c r="J7712">
        <v>32932.02648</v>
      </c>
      <c r="K7712">
        <v>41876.806020000004</v>
      </c>
      <c r="L7712">
        <v>17466.704699999998</v>
      </c>
      <c r="M7712">
        <v>240451.19529999999</v>
      </c>
      <c r="N7712">
        <v>61262.880899999996</v>
      </c>
      <c r="O7712">
        <v>19880.30601</v>
      </c>
      <c r="P7712">
        <v>26264.326489999999</v>
      </c>
      <c r="Q7712">
        <v>62147.815349999997</v>
      </c>
      <c r="R7712">
        <v>16135.181619999999</v>
      </c>
      <c r="S7712">
        <v>83631.251770000003</v>
      </c>
      <c r="T7712">
        <v>26990.658289999999</v>
      </c>
      <c r="U7712">
        <v>13455.590539999999</v>
      </c>
      <c r="W7712" s="83">
        <f>Bühler!N7744</f>
        <v>45613.249999981301</v>
      </c>
      <c r="X7712" s="83">
        <v>43422.25</v>
      </c>
      <c r="Y7712">
        <v>172169.54060000001</v>
      </c>
      <c r="Z7712">
        <v>15124.58783</v>
      </c>
      <c r="AA7712">
        <v>58969.11634</v>
      </c>
      <c r="AB7712">
        <v>40503.864730000001</v>
      </c>
      <c r="AC7712">
        <v>36780.039700000001</v>
      </c>
      <c r="AD7712">
        <v>23329.898519999999</v>
      </c>
      <c r="AE7712">
        <v>32932.02648</v>
      </c>
      <c r="AF7712">
        <v>41876.806020000004</v>
      </c>
      <c r="AG7712">
        <v>17466.704699999998</v>
      </c>
      <c r="AH7712">
        <v>240451.19529999999</v>
      </c>
      <c r="AI7712">
        <v>61262.880899999996</v>
      </c>
      <c r="AJ7712">
        <v>19880.30601</v>
      </c>
      <c r="AK7712">
        <v>26264.326489999999</v>
      </c>
      <c r="AL7712">
        <v>62147.815349999997</v>
      </c>
      <c r="AM7712">
        <v>16135.181619999999</v>
      </c>
      <c r="AN7712">
        <v>83631.251770000003</v>
      </c>
      <c r="AO7712">
        <v>26990.658289999999</v>
      </c>
      <c r="AP7712">
        <v>13455.590539999999</v>
      </c>
    </row>
    <row r="7713" spans="2:42" x14ac:dyDescent="0.3">
      <c r="B7713">
        <v>46.723811087988295</v>
      </c>
      <c r="C7713" s="83">
        <v>43422.291666666664</v>
      </c>
      <c r="D7713">
        <v>172376.42240000001</v>
      </c>
      <c r="E7713">
        <v>16277.58424</v>
      </c>
      <c r="F7713">
        <v>61156.102570000003</v>
      </c>
      <c r="G7713">
        <v>41726.454870000001</v>
      </c>
      <c r="H7713">
        <v>38026.783380000001</v>
      </c>
      <c r="I7713">
        <v>25697.862939999999</v>
      </c>
      <c r="J7713">
        <v>33562.651850000002</v>
      </c>
      <c r="K7713">
        <v>42659.383990000002</v>
      </c>
      <c r="L7713">
        <v>19057.323469999999</v>
      </c>
      <c r="M7713">
        <v>238219.7782</v>
      </c>
      <c r="N7713">
        <v>63342.744559999999</v>
      </c>
      <c r="O7713">
        <v>20334.77447</v>
      </c>
      <c r="P7713">
        <v>28023.88204</v>
      </c>
      <c r="Q7713">
        <v>61631.15511</v>
      </c>
      <c r="R7713">
        <v>16558.14086</v>
      </c>
      <c r="S7713">
        <v>91539.00834</v>
      </c>
      <c r="T7713">
        <v>25504.959800000001</v>
      </c>
      <c r="U7713">
        <v>13701.77586</v>
      </c>
      <c r="W7713" s="83">
        <f>Bühler!N7745</f>
        <v>45613.291666647965</v>
      </c>
      <c r="X7713" s="83">
        <v>43422.291666666664</v>
      </c>
      <c r="Y7713">
        <v>172376.42240000001</v>
      </c>
      <c r="Z7713">
        <v>16277.58424</v>
      </c>
      <c r="AA7713">
        <v>61156.102570000003</v>
      </c>
      <c r="AB7713">
        <v>41726.454870000001</v>
      </c>
      <c r="AC7713">
        <v>38026.783380000001</v>
      </c>
      <c r="AD7713">
        <v>25697.862939999999</v>
      </c>
      <c r="AE7713">
        <v>33562.651850000002</v>
      </c>
      <c r="AF7713">
        <v>42659.383990000002</v>
      </c>
      <c r="AG7713">
        <v>19057.323469999999</v>
      </c>
      <c r="AH7713">
        <v>238219.7782</v>
      </c>
      <c r="AI7713">
        <v>63342.744559999999</v>
      </c>
      <c r="AJ7713">
        <v>20334.77447</v>
      </c>
      <c r="AK7713">
        <v>28023.88204</v>
      </c>
      <c r="AL7713">
        <v>61631.15511</v>
      </c>
      <c r="AM7713">
        <v>16558.14086</v>
      </c>
      <c r="AN7713">
        <v>91539.00834</v>
      </c>
      <c r="AO7713">
        <v>25504.959800000001</v>
      </c>
      <c r="AP7713">
        <v>13701.77586</v>
      </c>
    </row>
    <row r="7714" spans="2:42" x14ac:dyDescent="0.3">
      <c r="B7714">
        <v>46.283845841666867</v>
      </c>
      <c r="C7714" s="83">
        <v>43422.333333333336</v>
      </c>
      <c r="D7714">
        <v>171666.03969999999</v>
      </c>
      <c r="E7714">
        <v>16831.042140000001</v>
      </c>
      <c r="F7714">
        <v>63911.304830000001</v>
      </c>
      <c r="G7714">
        <v>41196.270620000003</v>
      </c>
      <c r="H7714">
        <v>37702.634449999998</v>
      </c>
      <c r="I7714">
        <v>26062.523399999998</v>
      </c>
      <c r="J7714">
        <v>32663.941640000001</v>
      </c>
      <c r="K7714">
        <v>42721.797079999997</v>
      </c>
      <c r="L7714">
        <v>20967.826300000001</v>
      </c>
      <c r="M7714">
        <v>235976.63020000001</v>
      </c>
      <c r="N7714">
        <v>63954.150629999996</v>
      </c>
      <c r="O7714">
        <v>20120.847689999999</v>
      </c>
      <c r="P7714">
        <v>29367.556990000001</v>
      </c>
      <c r="Q7714">
        <v>60741.71617</v>
      </c>
      <c r="R7714">
        <v>16255.478349999999</v>
      </c>
      <c r="S7714">
        <v>94125.626319999996</v>
      </c>
      <c r="T7714">
        <v>27521.314969999999</v>
      </c>
      <c r="U7714">
        <v>12922.985210000001</v>
      </c>
      <c r="W7714" s="83">
        <f>Bühler!N7746</f>
        <v>45613.333333314629</v>
      </c>
      <c r="X7714" s="83">
        <v>43422.333333333336</v>
      </c>
      <c r="Y7714">
        <v>171666.03969999999</v>
      </c>
      <c r="Z7714">
        <v>16831.042140000001</v>
      </c>
      <c r="AA7714">
        <v>63911.304830000001</v>
      </c>
      <c r="AB7714">
        <v>41196.270620000003</v>
      </c>
      <c r="AC7714">
        <v>37702.634449999998</v>
      </c>
      <c r="AD7714">
        <v>26062.523399999998</v>
      </c>
      <c r="AE7714">
        <v>32663.941640000001</v>
      </c>
      <c r="AF7714">
        <v>42721.797079999997</v>
      </c>
      <c r="AG7714">
        <v>20967.826300000001</v>
      </c>
      <c r="AH7714">
        <v>235976.63020000001</v>
      </c>
      <c r="AI7714">
        <v>63954.150629999996</v>
      </c>
      <c r="AJ7714">
        <v>20120.847689999999</v>
      </c>
      <c r="AK7714">
        <v>29367.556990000001</v>
      </c>
      <c r="AL7714">
        <v>60741.71617</v>
      </c>
      <c r="AM7714">
        <v>16255.478349999999</v>
      </c>
      <c r="AN7714">
        <v>94125.626319999996</v>
      </c>
      <c r="AO7714">
        <v>27521.314969999999</v>
      </c>
      <c r="AP7714">
        <v>12922.985210000001</v>
      </c>
    </row>
    <row r="7715" spans="2:42" x14ac:dyDescent="0.3">
      <c r="B7715">
        <v>45.952812176481849</v>
      </c>
      <c r="C7715" s="83">
        <v>43422.375</v>
      </c>
      <c r="D7715">
        <v>170351.4265</v>
      </c>
      <c r="E7715">
        <v>18192.207770000001</v>
      </c>
      <c r="F7715">
        <v>67499.98242</v>
      </c>
      <c r="G7715">
        <v>41293.922610000001</v>
      </c>
      <c r="H7715">
        <v>38106.391649999998</v>
      </c>
      <c r="I7715">
        <v>25997.673169999998</v>
      </c>
      <c r="J7715">
        <v>32672.542409999998</v>
      </c>
      <c r="K7715">
        <v>43904.37427</v>
      </c>
      <c r="L7715">
        <v>23310.57533</v>
      </c>
      <c r="M7715">
        <v>234288.86619999999</v>
      </c>
      <c r="N7715">
        <v>64873.506979999998</v>
      </c>
      <c r="O7715">
        <v>20229.86191</v>
      </c>
      <c r="P7715">
        <v>31810.569390000001</v>
      </c>
      <c r="Q7715">
        <v>60870.303220000002</v>
      </c>
      <c r="R7715">
        <v>16931.002509999998</v>
      </c>
      <c r="S7715">
        <v>94978.581619999997</v>
      </c>
      <c r="T7715">
        <v>28679.76611</v>
      </c>
      <c r="U7715">
        <v>12721.39142</v>
      </c>
      <c r="W7715" s="83">
        <f>Bühler!N7747</f>
        <v>45613.374999981294</v>
      </c>
      <c r="X7715" s="83">
        <v>43422.375</v>
      </c>
      <c r="Y7715">
        <v>170351.4265</v>
      </c>
      <c r="Z7715">
        <v>18192.207770000001</v>
      </c>
      <c r="AA7715">
        <v>67499.98242</v>
      </c>
      <c r="AB7715">
        <v>41293.922610000001</v>
      </c>
      <c r="AC7715">
        <v>38106.391649999998</v>
      </c>
      <c r="AD7715">
        <v>25997.673169999998</v>
      </c>
      <c r="AE7715">
        <v>32672.542409999998</v>
      </c>
      <c r="AF7715">
        <v>43904.37427</v>
      </c>
      <c r="AG7715">
        <v>23310.57533</v>
      </c>
      <c r="AH7715">
        <v>234288.86619999999</v>
      </c>
      <c r="AI7715">
        <v>64873.506979999998</v>
      </c>
      <c r="AJ7715">
        <v>20229.86191</v>
      </c>
      <c r="AK7715">
        <v>31810.569390000001</v>
      </c>
      <c r="AL7715">
        <v>60870.303220000002</v>
      </c>
      <c r="AM7715">
        <v>16931.002509999998</v>
      </c>
      <c r="AN7715">
        <v>94978.581619999997</v>
      </c>
      <c r="AO7715">
        <v>28679.76611</v>
      </c>
      <c r="AP7715">
        <v>12721.39142</v>
      </c>
    </row>
    <row r="7716" spans="2:42" x14ac:dyDescent="0.3">
      <c r="B7716">
        <v>46.26844858399469</v>
      </c>
      <c r="C7716" s="83">
        <v>43422.416666666664</v>
      </c>
      <c r="D7716">
        <v>169664.7807</v>
      </c>
      <c r="E7716">
        <v>19312.5497</v>
      </c>
      <c r="F7716">
        <v>67737.518360000002</v>
      </c>
      <c r="G7716">
        <v>41191.460339999998</v>
      </c>
      <c r="H7716">
        <v>38622.810850000002</v>
      </c>
      <c r="I7716">
        <v>25594.10412</v>
      </c>
      <c r="J7716">
        <v>32103.677339999998</v>
      </c>
      <c r="K7716">
        <v>46160.570310000003</v>
      </c>
      <c r="L7716">
        <v>25333.61853</v>
      </c>
      <c r="M7716">
        <v>235898.12779999999</v>
      </c>
      <c r="N7716">
        <v>64422.599840000003</v>
      </c>
      <c r="O7716">
        <v>20306.833180000001</v>
      </c>
      <c r="P7716">
        <v>32058.915410000001</v>
      </c>
      <c r="Q7716">
        <v>61112.061159999997</v>
      </c>
      <c r="R7716">
        <v>17486.82979</v>
      </c>
      <c r="S7716">
        <v>93661.042589999997</v>
      </c>
      <c r="T7716">
        <v>30345.292890000001</v>
      </c>
      <c r="U7716">
        <v>12594.13055</v>
      </c>
      <c r="W7716" s="83">
        <f>Bühler!N7748</f>
        <v>45613.416666647958</v>
      </c>
      <c r="X7716" s="83">
        <v>43422.416666666664</v>
      </c>
      <c r="Y7716">
        <v>169664.7807</v>
      </c>
      <c r="Z7716">
        <v>19312.5497</v>
      </c>
      <c r="AA7716">
        <v>67737.518360000002</v>
      </c>
      <c r="AB7716">
        <v>41191.460339999998</v>
      </c>
      <c r="AC7716">
        <v>38622.810850000002</v>
      </c>
      <c r="AD7716">
        <v>25594.10412</v>
      </c>
      <c r="AE7716">
        <v>32103.677339999998</v>
      </c>
      <c r="AF7716">
        <v>46160.570310000003</v>
      </c>
      <c r="AG7716">
        <v>25333.61853</v>
      </c>
      <c r="AH7716">
        <v>235898.12779999999</v>
      </c>
      <c r="AI7716">
        <v>64422.599840000003</v>
      </c>
      <c r="AJ7716">
        <v>20306.833180000001</v>
      </c>
      <c r="AK7716">
        <v>32058.915410000001</v>
      </c>
      <c r="AL7716">
        <v>61112.061159999997</v>
      </c>
      <c r="AM7716">
        <v>17486.82979</v>
      </c>
      <c r="AN7716">
        <v>93661.042589999997</v>
      </c>
      <c r="AO7716">
        <v>30345.292890000001</v>
      </c>
      <c r="AP7716">
        <v>12594.13055</v>
      </c>
    </row>
    <row r="7717" spans="2:42" x14ac:dyDescent="0.3">
      <c r="B7717">
        <v>46.082861127583818</v>
      </c>
      <c r="C7717" s="83">
        <v>43422.458333333336</v>
      </c>
      <c r="D7717">
        <v>169156.26149999999</v>
      </c>
      <c r="E7717">
        <v>19248.37213</v>
      </c>
      <c r="F7717">
        <v>67848.395310000007</v>
      </c>
      <c r="G7717">
        <v>41113.704519999999</v>
      </c>
      <c r="H7717">
        <v>38500.804409999997</v>
      </c>
      <c r="I7717">
        <v>25413.162499999999</v>
      </c>
      <c r="J7717">
        <v>31525.174950000001</v>
      </c>
      <c r="K7717">
        <v>47897.558539999998</v>
      </c>
      <c r="L7717">
        <v>26424.091919999999</v>
      </c>
      <c r="M7717">
        <v>234951.91639999999</v>
      </c>
      <c r="N7717">
        <v>62808.158159999999</v>
      </c>
      <c r="O7717">
        <v>19958.002639999999</v>
      </c>
      <c r="P7717">
        <v>30963.7778</v>
      </c>
      <c r="Q7717">
        <v>60608.175969999997</v>
      </c>
      <c r="R7717">
        <v>18152.42712</v>
      </c>
      <c r="S7717">
        <v>95887.797120000003</v>
      </c>
      <c r="T7717">
        <v>30328.924299999999</v>
      </c>
      <c r="U7717">
        <v>12435.28939</v>
      </c>
      <c r="W7717" s="83">
        <f>Bühler!N7749</f>
        <v>45613.458333314622</v>
      </c>
      <c r="X7717" s="83">
        <v>43422.458333333336</v>
      </c>
      <c r="Y7717">
        <v>169156.26149999999</v>
      </c>
      <c r="Z7717">
        <v>19248.37213</v>
      </c>
      <c r="AA7717">
        <v>67848.395310000007</v>
      </c>
      <c r="AB7717">
        <v>41113.704519999999</v>
      </c>
      <c r="AC7717">
        <v>38500.804409999997</v>
      </c>
      <c r="AD7717">
        <v>25413.162499999999</v>
      </c>
      <c r="AE7717">
        <v>31525.174950000001</v>
      </c>
      <c r="AF7717">
        <v>47897.558539999998</v>
      </c>
      <c r="AG7717">
        <v>26424.091919999999</v>
      </c>
      <c r="AH7717">
        <v>234951.91639999999</v>
      </c>
      <c r="AI7717">
        <v>62808.158159999999</v>
      </c>
      <c r="AJ7717">
        <v>19958.002639999999</v>
      </c>
      <c r="AK7717">
        <v>30963.7778</v>
      </c>
      <c r="AL7717">
        <v>60608.175969999997</v>
      </c>
      <c r="AM7717">
        <v>18152.42712</v>
      </c>
      <c r="AN7717">
        <v>95887.797120000003</v>
      </c>
      <c r="AO7717">
        <v>30328.924299999999</v>
      </c>
      <c r="AP7717">
        <v>12435.28939</v>
      </c>
    </row>
    <row r="7718" spans="2:42" x14ac:dyDescent="0.3">
      <c r="B7718">
        <v>45.558978861652157</v>
      </c>
      <c r="C7718" s="83">
        <v>43422.5</v>
      </c>
      <c r="D7718">
        <v>167188.77050000001</v>
      </c>
      <c r="E7718">
        <v>18648.054220000002</v>
      </c>
      <c r="F7718">
        <v>63883.54681</v>
      </c>
      <c r="G7718">
        <v>40727.517419999996</v>
      </c>
      <c r="H7718">
        <v>37096.525000000001</v>
      </c>
      <c r="I7718">
        <v>24947.813480000001</v>
      </c>
      <c r="J7718">
        <v>31303.054319999999</v>
      </c>
      <c r="K7718">
        <v>46909.406949999997</v>
      </c>
      <c r="L7718">
        <v>28287.09504</v>
      </c>
      <c r="M7718">
        <v>232280.9203</v>
      </c>
      <c r="N7718">
        <v>61861.832009999998</v>
      </c>
      <c r="O7718">
        <v>19521.146840000001</v>
      </c>
      <c r="P7718">
        <v>31425.652030000001</v>
      </c>
      <c r="Q7718">
        <v>59205.51124</v>
      </c>
      <c r="R7718">
        <v>18870.87038</v>
      </c>
      <c r="S7718">
        <v>90566.982120000001</v>
      </c>
      <c r="T7718">
        <v>30316.989969999999</v>
      </c>
      <c r="U7718">
        <v>11967.22307</v>
      </c>
      <c r="W7718" s="83">
        <f>Bühler!N7750</f>
        <v>45613.499999981286</v>
      </c>
      <c r="X7718" s="83">
        <v>43422.5</v>
      </c>
      <c r="Y7718">
        <v>167188.77050000001</v>
      </c>
      <c r="Z7718">
        <v>18648.054220000002</v>
      </c>
      <c r="AA7718">
        <v>63883.54681</v>
      </c>
      <c r="AB7718">
        <v>40727.517419999996</v>
      </c>
      <c r="AC7718">
        <v>37096.525000000001</v>
      </c>
      <c r="AD7718">
        <v>24947.813480000001</v>
      </c>
      <c r="AE7718">
        <v>31303.054319999999</v>
      </c>
      <c r="AF7718">
        <v>46909.406949999997</v>
      </c>
      <c r="AG7718">
        <v>28287.09504</v>
      </c>
      <c r="AH7718">
        <v>232280.9203</v>
      </c>
      <c r="AI7718">
        <v>61861.832009999998</v>
      </c>
      <c r="AJ7718">
        <v>19521.146840000001</v>
      </c>
      <c r="AK7718">
        <v>31425.652030000001</v>
      </c>
      <c r="AL7718">
        <v>59205.51124</v>
      </c>
      <c r="AM7718">
        <v>18870.87038</v>
      </c>
      <c r="AN7718">
        <v>90566.982120000001</v>
      </c>
      <c r="AO7718">
        <v>30316.989969999999</v>
      </c>
      <c r="AP7718">
        <v>11967.22307</v>
      </c>
    </row>
    <row r="7719" spans="2:42" x14ac:dyDescent="0.3">
      <c r="B7719">
        <v>45.122085656793693</v>
      </c>
      <c r="C7719" s="83">
        <v>43422.541666666664</v>
      </c>
      <c r="D7719">
        <v>165703.8241</v>
      </c>
      <c r="E7719">
        <v>18238.977330000002</v>
      </c>
      <c r="F7719">
        <v>58894.906060000001</v>
      </c>
      <c r="G7719">
        <v>40319.785909999999</v>
      </c>
      <c r="H7719">
        <v>37285.515290000003</v>
      </c>
      <c r="I7719">
        <v>25289.631430000001</v>
      </c>
      <c r="J7719">
        <v>30515.274509999999</v>
      </c>
      <c r="K7719">
        <v>47468.24512</v>
      </c>
      <c r="L7719">
        <v>27924.196650000002</v>
      </c>
      <c r="M7719">
        <v>230053.435</v>
      </c>
      <c r="N7719">
        <v>61400.82819</v>
      </c>
      <c r="O7719">
        <v>20040.625830000001</v>
      </c>
      <c r="P7719">
        <v>30505.365849999998</v>
      </c>
      <c r="Q7719">
        <v>58464.012089999997</v>
      </c>
      <c r="R7719">
        <v>19870.730370000001</v>
      </c>
      <c r="S7719">
        <v>91633.041110000006</v>
      </c>
      <c r="T7719">
        <v>29829.46787</v>
      </c>
      <c r="U7719">
        <v>11622.31568</v>
      </c>
      <c r="W7719" s="83">
        <f>Bühler!N7751</f>
        <v>45613.54166664795</v>
      </c>
      <c r="X7719" s="83">
        <v>43422.541666666664</v>
      </c>
      <c r="Y7719">
        <v>165703.8241</v>
      </c>
      <c r="Z7719">
        <v>18238.977330000002</v>
      </c>
      <c r="AA7719">
        <v>58894.906060000001</v>
      </c>
      <c r="AB7719">
        <v>40319.785909999999</v>
      </c>
      <c r="AC7719">
        <v>37285.515290000003</v>
      </c>
      <c r="AD7719">
        <v>25289.631430000001</v>
      </c>
      <c r="AE7719">
        <v>30515.274509999999</v>
      </c>
      <c r="AF7719">
        <v>47468.24512</v>
      </c>
      <c r="AG7719">
        <v>27924.196650000002</v>
      </c>
      <c r="AH7719">
        <v>230053.435</v>
      </c>
      <c r="AI7719">
        <v>61400.82819</v>
      </c>
      <c r="AJ7719">
        <v>20040.625830000001</v>
      </c>
      <c r="AK7719">
        <v>30505.365849999998</v>
      </c>
      <c r="AL7719">
        <v>58464.012089999997</v>
      </c>
      <c r="AM7719">
        <v>19870.730370000001</v>
      </c>
      <c r="AN7719">
        <v>91633.041110000006</v>
      </c>
      <c r="AO7719">
        <v>29829.46787</v>
      </c>
      <c r="AP7719">
        <v>11622.31568</v>
      </c>
    </row>
    <row r="7720" spans="2:42" x14ac:dyDescent="0.3">
      <c r="B7720">
        <v>45.383974430877046</v>
      </c>
      <c r="C7720" s="83">
        <v>43422.583333333336</v>
      </c>
      <c r="D7720">
        <v>165857.32440000001</v>
      </c>
      <c r="E7720">
        <v>18537.32447</v>
      </c>
      <c r="F7720">
        <v>61446.396930000003</v>
      </c>
      <c r="G7720">
        <v>39965.474560000002</v>
      </c>
      <c r="H7720">
        <v>36931.446450000003</v>
      </c>
      <c r="I7720">
        <v>25376.222470000001</v>
      </c>
      <c r="J7720">
        <v>30113.156139999999</v>
      </c>
      <c r="K7720">
        <v>46774.257570000002</v>
      </c>
      <c r="L7720">
        <v>26340.682209999999</v>
      </c>
      <c r="M7720">
        <v>231388.6661</v>
      </c>
      <c r="N7720">
        <v>61662.785989999997</v>
      </c>
      <c r="O7720">
        <v>20205.516060000002</v>
      </c>
      <c r="P7720">
        <v>28666.959350000001</v>
      </c>
      <c r="Q7720">
        <v>57950.024290000001</v>
      </c>
      <c r="R7720">
        <v>18794.847809999999</v>
      </c>
      <c r="S7720">
        <v>88216.090070000006</v>
      </c>
      <c r="T7720">
        <v>29293.32314</v>
      </c>
      <c r="U7720">
        <v>11658.18514</v>
      </c>
      <c r="W7720" s="83">
        <f>Bühler!N7752</f>
        <v>45613.583333314615</v>
      </c>
      <c r="X7720" s="83">
        <v>43422.583333333336</v>
      </c>
      <c r="Y7720">
        <v>165857.32440000001</v>
      </c>
      <c r="Z7720">
        <v>18537.32447</v>
      </c>
      <c r="AA7720">
        <v>61446.396930000003</v>
      </c>
      <c r="AB7720">
        <v>39965.474560000002</v>
      </c>
      <c r="AC7720">
        <v>36931.446450000003</v>
      </c>
      <c r="AD7720">
        <v>25376.222470000001</v>
      </c>
      <c r="AE7720">
        <v>30113.156139999999</v>
      </c>
      <c r="AF7720">
        <v>46774.257570000002</v>
      </c>
      <c r="AG7720">
        <v>26340.682209999999</v>
      </c>
      <c r="AH7720">
        <v>231388.6661</v>
      </c>
      <c r="AI7720">
        <v>61662.785989999997</v>
      </c>
      <c r="AJ7720">
        <v>20205.516060000002</v>
      </c>
      <c r="AK7720">
        <v>28666.959350000001</v>
      </c>
      <c r="AL7720">
        <v>57950.024290000001</v>
      </c>
      <c r="AM7720">
        <v>18794.847809999999</v>
      </c>
      <c r="AN7720">
        <v>88216.090070000006</v>
      </c>
      <c r="AO7720">
        <v>29293.32314</v>
      </c>
      <c r="AP7720">
        <v>11658.18514</v>
      </c>
    </row>
    <row r="7721" spans="2:42" x14ac:dyDescent="0.3">
      <c r="B7721">
        <v>45.508889897075008</v>
      </c>
      <c r="C7721" s="83">
        <v>43422.625</v>
      </c>
      <c r="D7721">
        <v>165940.12880000001</v>
      </c>
      <c r="E7721">
        <v>18519.339329999999</v>
      </c>
      <c r="F7721">
        <v>61231.159</v>
      </c>
      <c r="G7721">
        <v>39595.105300000003</v>
      </c>
      <c r="H7721">
        <v>36628.327409999998</v>
      </c>
      <c r="I7721">
        <v>25034.968970000002</v>
      </c>
      <c r="J7721">
        <v>29721.39388</v>
      </c>
      <c r="K7721">
        <v>46799.650070000003</v>
      </c>
      <c r="L7721">
        <v>24105.031920000001</v>
      </c>
      <c r="M7721">
        <v>232025.5434</v>
      </c>
      <c r="N7721">
        <v>61463.734100000001</v>
      </c>
      <c r="O7721">
        <v>20019.565760000001</v>
      </c>
      <c r="P7721">
        <v>27605.587769999998</v>
      </c>
      <c r="Q7721">
        <v>58469.144760000003</v>
      </c>
      <c r="R7721">
        <v>18650.184799999999</v>
      </c>
      <c r="S7721">
        <v>87609.408469999995</v>
      </c>
      <c r="T7721">
        <v>29675.747749999999</v>
      </c>
      <c r="U7721">
        <v>11773.8703</v>
      </c>
      <c r="W7721" s="83">
        <f>Bühler!N7753</f>
        <v>45613.624999981279</v>
      </c>
      <c r="X7721" s="83">
        <v>43422.625</v>
      </c>
      <c r="Y7721">
        <v>165940.12880000001</v>
      </c>
      <c r="Z7721">
        <v>18519.339329999999</v>
      </c>
      <c r="AA7721">
        <v>61231.159</v>
      </c>
      <c r="AB7721">
        <v>39595.105300000003</v>
      </c>
      <c r="AC7721">
        <v>36628.327409999998</v>
      </c>
      <c r="AD7721">
        <v>25034.968970000002</v>
      </c>
      <c r="AE7721">
        <v>29721.39388</v>
      </c>
      <c r="AF7721">
        <v>46799.650070000003</v>
      </c>
      <c r="AG7721">
        <v>24105.031920000001</v>
      </c>
      <c r="AH7721">
        <v>232025.5434</v>
      </c>
      <c r="AI7721">
        <v>61463.734100000001</v>
      </c>
      <c r="AJ7721">
        <v>20019.565760000001</v>
      </c>
      <c r="AK7721">
        <v>27605.587769999998</v>
      </c>
      <c r="AL7721">
        <v>58469.144760000003</v>
      </c>
      <c r="AM7721">
        <v>18650.184799999999</v>
      </c>
      <c r="AN7721">
        <v>87609.408469999995</v>
      </c>
      <c r="AO7721">
        <v>29675.747749999999</v>
      </c>
      <c r="AP7721">
        <v>11773.8703</v>
      </c>
    </row>
    <row r="7722" spans="2:42" x14ac:dyDescent="0.3">
      <c r="B7722">
        <v>45.311060190580733</v>
      </c>
      <c r="C7722" s="83">
        <v>43422.666666666664</v>
      </c>
      <c r="D7722">
        <v>165751.9791</v>
      </c>
      <c r="E7722">
        <v>18623.892810000001</v>
      </c>
      <c r="F7722">
        <v>61021.205690000003</v>
      </c>
      <c r="G7722">
        <v>39858.518539999997</v>
      </c>
      <c r="H7722">
        <v>36585.120710000003</v>
      </c>
      <c r="I7722">
        <v>25571.859179999999</v>
      </c>
      <c r="J7722">
        <v>29789.399679999999</v>
      </c>
      <c r="K7722">
        <v>46302.432390000002</v>
      </c>
      <c r="L7722">
        <v>23319.070189999999</v>
      </c>
      <c r="M7722">
        <v>231016.91529999999</v>
      </c>
      <c r="N7722">
        <v>61882.43722</v>
      </c>
      <c r="O7722">
        <v>20165.551599999999</v>
      </c>
      <c r="P7722">
        <v>27842.507440000001</v>
      </c>
      <c r="Q7722">
        <v>59103.738149999997</v>
      </c>
      <c r="R7722">
        <v>18312.3789</v>
      </c>
      <c r="S7722">
        <v>89866.276089999999</v>
      </c>
      <c r="T7722">
        <v>29998.965069999998</v>
      </c>
      <c r="U7722">
        <v>11951.69382</v>
      </c>
      <c r="W7722" s="83">
        <f>Bühler!N7754</f>
        <v>45613.666666647943</v>
      </c>
      <c r="X7722" s="83">
        <v>43422.666666666664</v>
      </c>
      <c r="Y7722">
        <v>165751.9791</v>
      </c>
      <c r="Z7722">
        <v>18623.892810000001</v>
      </c>
      <c r="AA7722">
        <v>61021.205690000003</v>
      </c>
      <c r="AB7722">
        <v>39858.518539999997</v>
      </c>
      <c r="AC7722">
        <v>36585.120710000003</v>
      </c>
      <c r="AD7722">
        <v>25571.859179999999</v>
      </c>
      <c r="AE7722">
        <v>29789.399679999999</v>
      </c>
      <c r="AF7722">
        <v>46302.432390000002</v>
      </c>
      <c r="AG7722">
        <v>23319.070189999999</v>
      </c>
      <c r="AH7722">
        <v>231016.91529999999</v>
      </c>
      <c r="AI7722">
        <v>61882.43722</v>
      </c>
      <c r="AJ7722">
        <v>20165.551599999999</v>
      </c>
      <c r="AK7722">
        <v>27842.507440000001</v>
      </c>
      <c r="AL7722">
        <v>59103.738149999997</v>
      </c>
      <c r="AM7722">
        <v>18312.3789</v>
      </c>
      <c r="AN7722">
        <v>89866.276089999999</v>
      </c>
      <c r="AO7722">
        <v>29998.965069999998</v>
      </c>
      <c r="AP7722">
        <v>11951.69382</v>
      </c>
    </row>
    <row r="7723" spans="2:42" x14ac:dyDescent="0.3">
      <c r="B7723">
        <v>45.285891720026356</v>
      </c>
      <c r="C7723" s="83">
        <v>43422.708333333336</v>
      </c>
      <c r="D7723">
        <v>167051.37479999999</v>
      </c>
      <c r="E7723">
        <v>19219.09504</v>
      </c>
      <c r="F7723">
        <v>63313.58466</v>
      </c>
      <c r="G7723">
        <v>40989.095379999999</v>
      </c>
      <c r="H7723">
        <v>38349.099110000003</v>
      </c>
      <c r="I7723">
        <v>26633.597320000001</v>
      </c>
      <c r="J7723">
        <v>32653.88594</v>
      </c>
      <c r="K7723">
        <v>46464.978629999998</v>
      </c>
      <c r="L7723">
        <v>24767.414560000001</v>
      </c>
      <c r="M7723">
        <v>230888.59469999999</v>
      </c>
      <c r="N7723">
        <v>63466.640310000003</v>
      </c>
      <c r="O7723">
        <v>20380.446059999998</v>
      </c>
      <c r="P7723">
        <v>29148.758430000002</v>
      </c>
      <c r="Q7723">
        <v>59303.833830000003</v>
      </c>
      <c r="R7723">
        <v>18989.237160000001</v>
      </c>
      <c r="S7723">
        <v>94184.980360000001</v>
      </c>
      <c r="T7723">
        <v>31729.014650000001</v>
      </c>
      <c r="U7723">
        <v>12819.29062</v>
      </c>
      <c r="W7723" s="83">
        <f>Bühler!N7755</f>
        <v>45613.708333314607</v>
      </c>
      <c r="X7723" s="83">
        <v>43422.708333333336</v>
      </c>
      <c r="Y7723">
        <v>167051.37479999999</v>
      </c>
      <c r="Z7723">
        <v>19219.09504</v>
      </c>
      <c r="AA7723">
        <v>63313.58466</v>
      </c>
      <c r="AB7723">
        <v>40989.095379999999</v>
      </c>
      <c r="AC7723">
        <v>38349.099110000003</v>
      </c>
      <c r="AD7723">
        <v>26633.597320000001</v>
      </c>
      <c r="AE7723">
        <v>32653.88594</v>
      </c>
      <c r="AF7723">
        <v>46464.978629999998</v>
      </c>
      <c r="AG7723">
        <v>24767.414560000001</v>
      </c>
      <c r="AH7723">
        <v>230888.59469999999</v>
      </c>
      <c r="AI7723">
        <v>63466.640310000003</v>
      </c>
      <c r="AJ7723">
        <v>20380.446059999998</v>
      </c>
      <c r="AK7723">
        <v>29148.758430000002</v>
      </c>
      <c r="AL7723">
        <v>59303.833830000003</v>
      </c>
      <c r="AM7723">
        <v>18989.237160000001</v>
      </c>
      <c r="AN7723">
        <v>94184.980360000001</v>
      </c>
      <c r="AO7723">
        <v>31729.014650000001</v>
      </c>
      <c r="AP7723">
        <v>12819.29062</v>
      </c>
    </row>
    <row r="7724" spans="2:42" x14ac:dyDescent="0.3">
      <c r="B7724">
        <v>45.561234167312485</v>
      </c>
      <c r="C7724" s="83">
        <v>43422.75</v>
      </c>
      <c r="D7724">
        <v>168401.6581</v>
      </c>
      <c r="E7724">
        <v>18840.5998</v>
      </c>
      <c r="F7724">
        <v>63235.062749999997</v>
      </c>
      <c r="G7724">
        <v>41764.402900000001</v>
      </c>
      <c r="H7724">
        <v>38367.062109999999</v>
      </c>
      <c r="I7724">
        <v>26743.64012</v>
      </c>
      <c r="J7724">
        <v>33598.515780000002</v>
      </c>
      <c r="K7724">
        <v>46041.55186</v>
      </c>
      <c r="L7724">
        <v>26667.07429</v>
      </c>
      <c r="M7724">
        <v>232292.41889999999</v>
      </c>
      <c r="N7724">
        <v>64064.003570000001</v>
      </c>
      <c r="O7724">
        <v>20347.65524</v>
      </c>
      <c r="P7724">
        <v>31111.163779999999</v>
      </c>
      <c r="Q7724">
        <v>58959.050320000002</v>
      </c>
      <c r="R7724">
        <v>19844.978770000002</v>
      </c>
      <c r="S7724">
        <v>93732.073820000005</v>
      </c>
      <c r="T7724">
        <v>32383.12183</v>
      </c>
      <c r="U7724">
        <v>13259.35857</v>
      </c>
      <c r="W7724" s="83">
        <f>Bühler!N7756</f>
        <v>45613.749999981272</v>
      </c>
      <c r="X7724" s="83">
        <v>43422.75</v>
      </c>
      <c r="Y7724">
        <v>168401.6581</v>
      </c>
      <c r="Z7724">
        <v>18840.5998</v>
      </c>
      <c r="AA7724">
        <v>63235.062749999997</v>
      </c>
      <c r="AB7724">
        <v>41764.402900000001</v>
      </c>
      <c r="AC7724">
        <v>38367.062109999999</v>
      </c>
      <c r="AD7724">
        <v>26743.64012</v>
      </c>
      <c r="AE7724">
        <v>33598.515780000002</v>
      </c>
      <c r="AF7724">
        <v>46041.55186</v>
      </c>
      <c r="AG7724">
        <v>26667.07429</v>
      </c>
      <c r="AH7724">
        <v>232292.41889999999</v>
      </c>
      <c r="AI7724">
        <v>64064.003570000001</v>
      </c>
      <c r="AJ7724">
        <v>20347.65524</v>
      </c>
      <c r="AK7724">
        <v>31111.163779999999</v>
      </c>
      <c r="AL7724">
        <v>58959.050320000002</v>
      </c>
      <c r="AM7724">
        <v>19844.978770000002</v>
      </c>
      <c r="AN7724">
        <v>93732.073820000005</v>
      </c>
      <c r="AO7724">
        <v>32383.12183</v>
      </c>
      <c r="AP7724">
        <v>13259.35857</v>
      </c>
    </row>
    <row r="7725" spans="2:42" x14ac:dyDescent="0.3">
      <c r="B7725">
        <v>45.345076615985533</v>
      </c>
      <c r="C7725" s="83">
        <v>43422.791666666664</v>
      </c>
      <c r="D7725">
        <v>168413.07149999999</v>
      </c>
      <c r="E7725">
        <v>16305.897220000001</v>
      </c>
      <c r="F7725">
        <v>57243.320890000003</v>
      </c>
      <c r="G7725">
        <v>41411.169560000002</v>
      </c>
      <c r="H7725">
        <v>37782.222260000002</v>
      </c>
      <c r="I7725">
        <v>26662.253830000001</v>
      </c>
      <c r="J7725">
        <v>33016.592100000002</v>
      </c>
      <c r="K7725">
        <v>46415.350460000001</v>
      </c>
      <c r="L7725">
        <v>27576.418109999999</v>
      </c>
      <c r="M7725">
        <v>231190.3469</v>
      </c>
      <c r="N7725">
        <v>63402.478439999999</v>
      </c>
      <c r="O7725">
        <v>19975.290669999998</v>
      </c>
      <c r="P7725">
        <v>31396.123759999999</v>
      </c>
      <c r="Q7725">
        <v>59283.214039999999</v>
      </c>
      <c r="R7725">
        <v>19867.08682</v>
      </c>
      <c r="S7725">
        <v>91503.17585</v>
      </c>
      <c r="T7725">
        <v>31342.415249999998</v>
      </c>
      <c r="U7725">
        <v>12958.34051</v>
      </c>
      <c r="W7725" s="83">
        <f>Bühler!N7757</f>
        <v>45613.791666647936</v>
      </c>
      <c r="X7725" s="83">
        <v>43422.791666666664</v>
      </c>
      <c r="Y7725">
        <v>168413.07149999999</v>
      </c>
      <c r="Z7725">
        <v>16305.897220000001</v>
      </c>
      <c r="AA7725">
        <v>57243.320890000003</v>
      </c>
      <c r="AB7725">
        <v>41411.169560000002</v>
      </c>
      <c r="AC7725">
        <v>37782.222260000002</v>
      </c>
      <c r="AD7725">
        <v>26662.253830000001</v>
      </c>
      <c r="AE7725">
        <v>33016.592100000002</v>
      </c>
      <c r="AF7725">
        <v>46415.350460000001</v>
      </c>
      <c r="AG7725">
        <v>27576.418109999999</v>
      </c>
      <c r="AH7725">
        <v>231190.3469</v>
      </c>
      <c r="AI7725">
        <v>63402.478439999999</v>
      </c>
      <c r="AJ7725">
        <v>19975.290669999998</v>
      </c>
      <c r="AK7725">
        <v>31396.123759999999</v>
      </c>
      <c r="AL7725">
        <v>59283.214039999999</v>
      </c>
      <c r="AM7725">
        <v>19867.08682</v>
      </c>
      <c r="AN7725">
        <v>91503.17585</v>
      </c>
      <c r="AO7725">
        <v>31342.415249999998</v>
      </c>
      <c r="AP7725">
        <v>12958.34051</v>
      </c>
    </row>
    <row r="7726" spans="2:42" x14ac:dyDescent="0.3">
      <c r="B7726">
        <v>45.475696052367759</v>
      </c>
      <c r="C7726" s="83">
        <v>43422.833333333336</v>
      </c>
      <c r="D7726">
        <v>168593.77040000001</v>
      </c>
      <c r="E7726">
        <v>14397.752979999999</v>
      </c>
      <c r="F7726">
        <v>50850.992530000003</v>
      </c>
      <c r="G7726">
        <v>40757.020190000003</v>
      </c>
      <c r="H7726">
        <v>37127.339659999998</v>
      </c>
      <c r="I7726">
        <v>25308.832419999999</v>
      </c>
      <c r="J7726">
        <v>32167.71168</v>
      </c>
      <c r="K7726">
        <v>46080.488239999999</v>
      </c>
      <c r="L7726">
        <v>26392.324079999999</v>
      </c>
      <c r="M7726">
        <v>231856.3057</v>
      </c>
      <c r="N7726">
        <v>62816.811229999999</v>
      </c>
      <c r="O7726">
        <v>20017.756020000001</v>
      </c>
      <c r="P7726">
        <v>30801.889439999999</v>
      </c>
      <c r="Q7726">
        <v>59601.597220000003</v>
      </c>
      <c r="R7726">
        <v>17919.334630000001</v>
      </c>
      <c r="S7726">
        <v>84238.631389999995</v>
      </c>
      <c r="T7726">
        <v>28236.470789999999</v>
      </c>
      <c r="U7726">
        <v>12741.53975</v>
      </c>
      <c r="W7726" s="83">
        <f>Bühler!N7758</f>
        <v>45613.8333333146</v>
      </c>
      <c r="X7726" s="83">
        <v>43422.833333333336</v>
      </c>
      <c r="Y7726">
        <v>168593.77040000001</v>
      </c>
      <c r="Z7726">
        <v>14397.752979999999</v>
      </c>
      <c r="AA7726">
        <v>50850.992530000003</v>
      </c>
      <c r="AB7726">
        <v>40757.020190000003</v>
      </c>
      <c r="AC7726">
        <v>37127.339659999998</v>
      </c>
      <c r="AD7726">
        <v>25308.832419999999</v>
      </c>
      <c r="AE7726">
        <v>32167.71168</v>
      </c>
      <c r="AF7726">
        <v>46080.488239999999</v>
      </c>
      <c r="AG7726">
        <v>26392.324079999999</v>
      </c>
      <c r="AH7726">
        <v>231856.3057</v>
      </c>
      <c r="AI7726">
        <v>62816.811229999999</v>
      </c>
      <c r="AJ7726">
        <v>20017.756020000001</v>
      </c>
      <c r="AK7726">
        <v>30801.889439999999</v>
      </c>
      <c r="AL7726">
        <v>59601.597220000003</v>
      </c>
      <c r="AM7726">
        <v>17919.334630000001</v>
      </c>
      <c r="AN7726">
        <v>84238.631389999995</v>
      </c>
      <c r="AO7726">
        <v>28236.470789999999</v>
      </c>
      <c r="AP7726">
        <v>12741.53975</v>
      </c>
    </row>
    <row r="7727" spans="2:42" x14ac:dyDescent="0.3">
      <c r="B7727">
        <v>46.045433166467411</v>
      </c>
      <c r="C7727" s="83">
        <v>43422.875</v>
      </c>
      <c r="D7727">
        <v>169845.94070000001</v>
      </c>
      <c r="E7727">
        <v>13646.39014</v>
      </c>
      <c r="F7727">
        <v>48975.488660000003</v>
      </c>
      <c r="G7727">
        <v>40192.819640000002</v>
      </c>
      <c r="H7727">
        <v>36368.116130000002</v>
      </c>
      <c r="I7727">
        <v>23734.680619999999</v>
      </c>
      <c r="J7727">
        <v>31112.58887</v>
      </c>
      <c r="K7727">
        <v>45952.686159999997</v>
      </c>
      <c r="L7727">
        <v>24349.865399999999</v>
      </c>
      <c r="M7727">
        <v>234761.0912</v>
      </c>
      <c r="N7727">
        <v>62223.05831</v>
      </c>
      <c r="O7727">
        <v>19263.799439999999</v>
      </c>
      <c r="P7727">
        <v>29633.000520000001</v>
      </c>
      <c r="Q7727">
        <v>61383.412770000003</v>
      </c>
      <c r="R7727">
        <v>17727.993930000001</v>
      </c>
      <c r="S7727">
        <v>80936.867910000001</v>
      </c>
      <c r="T7727">
        <v>26792.200990000001</v>
      </c>
      <c r="U7727">
        <v>12661.757250000001</v>
      </c>
      <c r="W7727" s="83">
        <f>Bühler!N7759</f>
        <v>45613.874999981264</v>
      </c>
      <c r="X7727" s="83">
        <v>43422.875</v>
      </c>
      <c r="Y7727">
        <v>169845.94070000001</v>
      </c>
      <c r="Z7727">
        <v>13646.39014</v>
      </c>
      <c r="AA7727">
        <v>48975.488660000003</v>
      </c>
      <c r="AB7727">
        <v>40192.819640000002</v>
      </c>
      <c r="AC7727">
        <v>36368.116130000002</v>
      </c>
      <c r="AD7727">
        <v>23734.680619999999</v>
      </c>
      <c r="AE7727">
        <v>31112.58887</v>
      </c>
      <c r="AF7727">
        <v>45952.686159999997</v>
      </c>
      <c r="AG7727">
        <v>24349.865399999999</v>
      </c>
      <c r="AH7727">
        <v>234761.0912</v>
      </c>
      <c r="AI7727">
        <v>62223.05831</v>
      </c>
      <c r="AJ7727">
        <v>19263.799439999999</v>
      </c>
      <c r="AK7727">
        <v>29633.000520000001</v>
      </c>
      <c r="AL7727">
        <v>61383.412770000003</v>
      </c>
      <c r="AM7727">
        <v>17727.993930000001</v>
      </c>
      <c r="AN7727">
        <v>80936.867910000001</v>
      </c>
      <c r="AO7727">
        <v>26792.200990000001</v>
      </c>
      <c r="AP7727">
        <v>12661.757250000001</v>
      </c>
    </row>
    <row r="7728" spans="2:42" x14ac:dyDescent="0.3">
      <c r="B7728">
        <v>46.783230976182317</v>
      </c>
      <c r="C7728" s="83">
        <v>43422.916666666664</v>
      </c>
      <c r="D7728">
        <v>171910.97750000001</v>
      </c>
      <c r="E7728">
        <v>13415.001630000001</v>
      </c>
      <c r="F7728">
        <v>48002.312469999997</v>
      </c>
      <c r="G7728">
        <v>40100.966840000001</v>
      </c>
      <c r="H7728">
        <v>36105.744850000003</v>
      </c>
      <c r="I7728">
        <v>23276.035820000001</v>
      </c>
      <c r="J7728">
        <v>30171.973150000002</v>
      </c>
      <c r="K7728">
        <v>49304.842019999996</v>
      </c>
      <c r="L7728">
        <v>21704.826570000001</v>
      </c>
      <c r="M7728">
        <v>238522.7285</v>
      </c>
      <c r="N7728">
        <v>62006.533029999999</v>
      </c>
      <c r="O7728">
        <v>19501.646669999998</v>
      </c>
      <c r="P7728">
        <v>29613.249260000001</v>
      </c>
      <c r="Q7728">
        <v>62673.484199999999</v>
      </c>
      <c r="R7728">
        <v>20545.16388</v>
      </c>
      <c r="S7728">
        <v>78960.541960000002</v>
      </c>
      <c r="T7728">
        <v>24976.474679999999</v>
      </c>
      <c r="U7728">
        <v>13230.97235</v>
      </c>
      <c r="W7728" s="83">
        <f>Bühler!N7760</f>
        <v>45613.916666647929</v>
      </c>
      <c r="X7728" s="83">
        <v>43422.916666666664</v>
      </c>
      <c r="Y7728">
        <v>171910.97750000001</v>
      </c>
      <c r="Z7728">
        <v>13415.001630000001</v>
      </c>
      <c r="AA7728">
        <v>48002.312469999997</v>
      </c>
      <c r="AB7728">
        <v>40100.966840000001</v>
      </c>
      <c r="AC7728">
        <v>36105.744850000003</v>
      </c>
      <c r="AD7728">
        <v>23276.035820000001</v>
      </c>
      <c r="AE7728">
        <v>30171.973150000002</v>
      </c>
      <c r="AF7728">
        <v>49304.842019999996</v>
      </c>
      <c r="AG7728">
        <v>21704.826570000001</v>
      </c>
      <c r="AH7728">
        <v>238522.7285</v>
      </c>
      <c r="AI7728">
        <v>62006.533029999999</v>
      </c>
      <c r="AJ7728">
        <v>19501.646669999998</v>
      </c>
      <c r="AK7728">
        <v>29613.249260000001</v>
      </c>
      <c r="AL7728">
        <v>62673.484199999999</v>
      </c>
      <c r="AM7728">
        <v>20545.16388</v>
      </c>
      <c r="AN7728">
        <v>78960.541960000002</v>
      </c>
      <c r="AO7728">
        <v>24976.474679999999</v>
      </c>
      <c r="AP7728">
        <v>13230.97235</v>
      </c>
    </row>
    <row r="7729" spans="2:42" x14ac:dyDescent="0.3">
      <c r="B7729">
        <v>46.937195825089979</v>
      </c>
      <c r="C7729" s="83">
        <v>43422.958333333336</v>
      </c>
      <c r="D7729">
        <v>173418.16390000001</v>
      </c>
      <c r="E7729">
        <v>13126.526</v>
      </c>
      <c r="F7729">
        <v>47369.340369999998</v>
      </c>
      <c r="G7729">
        <v>39602.032330000002</v>
      </c>
      <c r="H7729">
        <v>35662.776980000002</v>
      </c>
      <c r="I7729">
        <v>22516.000469999999</v>
      </c>
      <c r="J7729">
        <v>28077.09388</v>
      </c>
      <c r="K7729">
        <v>48440.946859999996</v>
      </c>
      <c r="L7729">
        <v>19183.660039999999</v>
      </c>
      <c r="M7729">
        <v>239307.71309999999</v>
      </c>
      <c r="N7729">
        <v>61936.221219999999</v>
      </c>
      <c r="O7729">
        <v>19484.693159999999</v>
      </c>
      <c r="P7729">
        <v>26578.05646</v>
      </c>
      <c r="Q7729">
        <v>63715.06179</v>
      </c>
      <c r="R7729">
        <v>20111.008709999998</v>
      </c>
      <c r="S7729">
        <v>77746.474010000005</v>
      </c>
      <c r="T7729">
        <v>26908.123039999999</v>
      </c>
      <c r="U7729">
        <v>12688.207969999999</v>
      </c>
      <c r="W7729" s="83">
        <f>Bühler!N7761</f>
        <v>45613.958333314593</v>
      </c>
      <c r="X7729" s="83">
        <v>43422.958333333336</v>
      </c>
      <c r="Y7729">
        <v>173418.16390000001</v>
      </c>
      <c r="Z7729">
        <v>13126.526</v>
      </c>
      <c r="AA7729">
        <v>47369.340369999998</v>
      </c>
      <c r="AB7729">
        <v>39602.032330000002</v>
      </c>
      <c r="AC7729">
        <v>35662.776980000002</v>
      </c>
      <c r="AD7729">
        <v>22516.000469999999</v>
      </c>
      <c r="AE7729">
        <v>28077.09388</v>
      </c>
      <c r="AF7729">
        <v>48440.946859999996</v>
      </c>
      <c r="AG7729">
        <v>19183.660039999999</v>
      </c>
      <c r="AH7729">
        <v>239307.71309999999</v>
      </c>
      <c r="AI7729">
        <v>61936.221219999999</v>
      </c>
      <c r="AJ7729">
        <v>19484.693159999999</v>
      </c>
      <c r="AK7729">
        <v>26578.05646</v>
      </c>
      <c r="AL7729">
        <v>63715.06179</v>
      </c>
      <c r="AM7729">
        <v>20111.008709999998</v>
      </c>
      <c r="AN7729">
        <v>77746.474010000005</v>
      </c>
      <c r="AO7729">
        <v>26908.123039999999</v>
      </c>
      <c r="AP7729">
        <v>12688.207969999999</v>
      </c>
    </row>
    <row r="7730" spans="2:42" x14ac:dyDescent="0.3">
      <c r="B7730">
        <v>44.048759261566182</v>
      </c>
      <c r="C7730" s="83">
        <v>43423</v>
      </c>
      <c r="D7730">
        <v>170014.0877</v>
      </c>
      <c r="E7730">
        <v>13121.124110000001</v>
      </c>
      <c r="F7730">
        <v>46490.888129999999</v>
      </c>
      <c r="G7730">
        <v>40207.585939999997</v>
      </c>
      <c r="H7730">
        <v>35105.29954</v>
      </c>
      <c r="I7730">
        <v>20375.760620000001</v>
      </c>
      <c r="J7730">
        <v>26497.575099999998</v>
      </c>
      <c r="K7730">
        <v>46384.367030000001</v>
      </c>
      <c r="L7730">
        <v>16864.792460000001</v>
      </c>
      <c r="M7730">
        <v>224581.1165</v>
      </c>
      <c r="N7730">
        <v>60798.532099999997</v>
      </c>
      <c r="O7730">
        <v>19730.378089999998</v>
      </c>
      <c r="P7730">
        <v>24475.126970000001</v>
      </c>
      <c r="Q7730">
        <v>60937.565750000002</v>
      </c>
      <c r="R7730">
        <v>18842.342199999999</v>
      </c>
      <c r="S7730">
        <v>75897.00503</v>
      </c>
      <c r="T7730">
        <v>25973.56379</v>
      </c>
      <c r="U7730">
        <v>12908.81546</v>
      </c>
      <c r="W7730" s="83">
        <f>Bühler!N7762</f>
        <v>45613.999999981257</v>
      </c>
      <c r="X7730" s="83">
        <v>43423</v>
      </c>
      <c r="Y7730">
        <v>170014.0877</v>
      </c>
      <c r="Z7730">
        <v>13121.124110000001</v>
      </c>
      <c r="AA7730">
        <v>46490.888129999999</v>
      </c>
      <c r="AB7730">
        <v>40207.585939999997</v>
      </c>
      <c r="AC7730">
        <v>35105.29954</v>
      </c>
      <c r="AD7730">
        <v>20375.760620000001</v>
      </c>
      <c r="AE7730">
        <v>26497.575099999998</v>
      </c>
      <c r="AF7730">
        <v>46384.367030000001</v>
      </c>
      <c r="AG7730">
        <v>16864.792460000001</v>
      </c>
      <c r="AH7730">
        <v>224581.1165</v>
      </c>
      <c r="AI7730">
        <v>60798.532099999997</v>
      </c>
      <c r="AJ7730">
        <v>19730.378089999998</v>
      </c>
      <c r="AK7730">
        <v>24475.126970000001</v>
      </c>
      <c r="AL7730">
        <v>60937.565750000002</v>
      </c>
      <c r="AM7730">
        <v>18842.342199999999</v>
      </c>
      <c r="AN7730">
        <v>75897.00503</v>
      </c>
      <c r="AO7730">
        <v>25973.56379</v>
      </c>
      <c r="AP7730">
        <v>12908.81546</v>
      </c>
    </row>
    <row r="7731" spans="2:42" x14ac:dyDescent="0.3">
      <c r="B7731">
        <v>44.456311074334053</v>
      </c>
      <c r="C7731" s="83">
        <v>43423.041666666664</v>
      </c>
      <c r="D7731">
        <v>170204.91690000001</v>
      </c>
      <c r="E7731">
        <v>13195.193810000001</v>
      </c>
      <c r="F7731">
        <v>47729.27334</v>
      </c>
      <c r="G7731">
        <v>40213.290399999998</v>
      </c>
      <c r="H7731">
        <v>35041.099269999999</v>
      </c>
      <c r="I7731">
        <v>16792.683000000001</v>
      </c>
      <c r="J7731">
        <v>25823.318930000001</v>
      </c>
      <c r="K7731">
        <v>42709.998019999999</v>
      </c>
      <c r="L7731">
        <v>16279.69332</v>
      </c>
      <c r="M7731">
        <v>226659.00570000001</v>
      </c>
      <c r="N7731">
        <v>61266.46761</v>
      </c>
      <c r="O7731">
        <v>19859.114450000001</v>
      </c>
      <c r="P7731">
        <v>23227.244149999999</v>
      </c>
      <c r="Q7731">
        <v>64137.087319999999</v>
      </c>
      <c r="R7731">
        <v>19013.56854</v>
      </c>
      <c r="S7731">
        <v>75846.451010000004</v>
      </c>
      <c r="T7731">
        <v>25445.519390000001</v>
      </c>
      <c r="U7731">
        <v>12967.549059999999</v>
      </c>
      <c r="W7731" s="83">
        <f>Bühler!N7763</f>
        <v>45614.041666647921</v>
      </c>
      <c r="X7731" s="83">
        <v>43423.041666666664</v>
      </c>
      <c r="Y7731">
        <v>170204.91690000001</v>
      </c>
      <c r="Z7731">
        <v>13195.193810000001</v>
      </c>
      <c r="AA7731">
        <v>47729.27334</v>
      </c>
      <c r="AB7731">
        <v>40213.290399999998</v>
      </c>
      <c r="AC7731">
        <v>35041.099269999999</v>
      </c>
      <c r="AD7731">
        <v>16792.683000000001</v>
      </c>
      <c r="AE7731">
        <v>25823.318930000001</v>
      </c>
      <c r="AF7731">
        <v>42709.998019999999</v>
      </c>
      <c r="AG7731">
        <v>16279.69332</v>
      </c>
      <c r="AH7731">
        <v>226659.00570000001</v>
      </c>
      <c r="AI7731">
        <v>61266.46761</v>
      </c>
      <c r="AJ7731">
        <v>19859.114450000001</v>
      </c>
      <c r="AK7731">
        <v>23227.244149999999</v>
      </c>
      <c r="AL7731">
        <v>64137.087319999999</v>
      </c>
      <c r="AM7731">
        <v>19013.56854</v>
      </c>
      <c r="AN7731">
        <v>75846.451010000004</v>
      </c>
      <c r="AO7731">
        <v>25445.519390000001</v>
      </c>
      <c r="AP7731">
        <v>12967.549059999999</v>
      </c>
    </row>
    <row r="7732" spans="2:42" x14ac:dyDescent="0.3">
      <c r="B7732">
        <v>45.379191678895467</v>
      </c>
      <c r="C7732" s="83">
        <v>43423.083333333336</v>
      </c>
      <c r="D7732">
        <v>172446.00459999999</v>
      </c>
      <c r="E7732">
        <v>13274.906220000001</v>
      </c>
      <c r="F7732">
        <v>48950.438549999999</v>
      </c>
      <c r="G7732">
        <v>40024.105860000003</v>
      </c>
      <c r="H7732">
        <v>35030.736080000002</v>
      </c>
      <c r="I7732">
        <v>15741.759040000001</v>
      </c>
      <c r="J7732">
        <v>25455.517179999999</v>
      </c>
      <c r="K7732">
        <v>41741.279900000001</v>
      </c>
      <c r="L7732">
        <v>15889.64467</v>
      </c>
      <c r="M7732">
        <v>231364.28140000001</v>
      </c>
      <c r="N7732">
        <v>61857.858979999997</v>
      </c>
      <c r="O7732">
        <v>19463.544460000001</v>
      </c>
      <c r="P7732">
        <v>23232.428530000001</v>
      </c>
      <c r="Q7732">
        <v>66655.378960000002</v>
      </c>
      <c r="R7732">
        <v>18140.084859999999</v>
      </c>
      <c r="S7732">
        <v>74536.625870000003</v>
      </c>
      <c r="T7732">
        <v>25083.997579999999</v>
      </c>
      <c r="U7732">
        <v>13244.48338</v>
      </c>
      <c r="W7732" s="83">
        <f>Bühler!N7764</f>
        <v>45614.083333314586</v>
      </c>
      <c r="X7732" s="83">
        <v>43423.083333333336</v>
      </c>
      <c r="Y7732">
        <v>172446.00459999999</v>
      </c>
      <c r="Z7732">
        <v>13274.906220000001</v>
      </c>
      <c r="AA7732">
        <v>48950.438549999999</v>
      </c>
      <c r="AB7732">
        <v>40024.105860000003</v>
      </c>
      <c r="AC7732">
        <v>35030.736080000002</v>
      </c>
      <c r="AD7732">
        <v>15741.759040000001</v>
      </c>
      <c r="AE7732">
        <v>25455.517179999999</v>
      </c>
      <c r="AF7732">
        <v>41741.279900000001</v>
      </c>
      <c r="AG7732">
        <v>15889.64467</v>
      </c>
      <c r="AH7732">
        <v>231364.28140000001</v>
      </c>
      <c r="AI7732">
        <v>61857.858979999997</v>
      </c>
      <c r="AJ7732">
        <v>19463.544460000001</v>
      </c>
      <c r="AK7732">
        <v>23232.428530000001</v>
      </c>
      <c r="AL7732">
        <v>66655.378960000002</v>
      </c>
      <c r="AM7732">
        <v>18140.084859999999</v>
      </c>
      <c r="AN7732">
        <v>74536.625870000003</v>
      </c>
      <c r="AO7732">
        <v>25083.997579999999</v>
      </c>
      <c r="AP7732">
        <v>13244.48338</v>
      </c>
    </row>
    <row r="7733" spans="2:42" x14ac:dyDescent="0.3">
      <c r="B7733">
        <v>46.571188387785959</v>
      </c>
      <c r="C7733" s="83">
        <v>43423.125</v>
      </c>
      <c r="D7733">
        <v>177923.72330000001</v>
      </c>
      <c r="E7733">
        <v>13535.52096</v>
      </c>
      <c r="F7733">
        <v>50279.041380000002</v>
      </c>
      <c r="G7733">
        <v>39932.360370000002</v>
      </c>
      <c r="H7733">
        <v>35195.084239999996</v>
      </c>
      <c r="I7733">
        <v>15953.07597</v>
      </c>
      <c r="J7733">
        <v>25743.841400000001</v>
      </c>
      <c r="K7733">
        <v>41304.79926</v>
      </c>
      <c r="L7733">
        <v>15668.369479999999</v>
      </c>
      <c r="M7733">
        <v>237441.63649999999</v>
      </c>
      <c r="N7733">
        <v>62262.530729999999</v>
      </c>
      <c r="O7733">
        <v>19837.217430000001</v>
      </c>
      <c r="P7733">
        <v>23670.874090000001</v>
      </c>
      <c r="Q7733">
        <v>73289.520489999995</v>
      </c>
      <c r="R7733">
        <v>18158.255649999999</v>
      </c>
      <c r="S7733">
        <v>74429.060630000007</v>
      </c>
      <c r="T7733">
        <v>25140.918539999999</v>
      </c>
      <c r="U7733">
        <v>13573.99965</v>
      </c>
      <c r="W7733" s="83">
        <f>Bühler!N7765</f>
        <v>45614.12499998125</v>
      </c>
      <c r="X7733" s="83">
        <v>43423.125</v>
      </c>
      <c r="Y7733">
        <v>177923.72330000001</v>
      </c>
      <c r="Z7733">
        <v>13535.52096</v>
      </c>
      <c r="AA7733">
        <v>50279.041380000002</v>
      </c>
      <c r="AB7733">
        <v>39932.360370000002</v>
      </c>
      <c r="AC7733">
        <v>35195.084239999996</v>
      </c>
      <c r="AD7733">
        <v>15953.07597</v>
      </c>
      <c r="AE7733">
        <v>25743.841400000001</v>
      </c>
      <c r="AF7733">
        <v>41304.79926</v>
      </c>
      <c r="AG7733">
        <v>15668.369479999999</v>
      </c>
      <c r="AH7733">
        <v>237441.63649999999</v>
      </c>
      <c r="AI7733">
        <v>62262.530729999999</v>
      </c>
      <c r="AJ7733">
        <v>19837.217430000001</v>
      </c>
      <c r="AK7733">
        <v>23670.874090000001</v>
      </c>
      <c r="AL7733">
        <v>73289.520489999995</v>
      </c>
      <c r="AM7733">
        <v>18158.255649999999</v>
      </c>
      <c r="AN7733">
        <v>74429.060630000007</v>
      </c>
      <c r="AO7733">
        <v>25140.918539999999</v>
      </c>
      <c r="AP7733">
        <v>13573.99965</v>
      </c>
    </row>
    <row r="7734" spans="2:42" x14ac:dyDescent="0.3">
      <c r="B7734">
        <v>49.852653435877812</v>
      </c>
      <c r="C7734" s="83">
        <v>43423.166666666664</v>
      </c>
      <c r="D7734">
        <v>189677.42550000001</v>
      </c>
      <c r="E7734">
        <v>14383.168470000001</v>
      </c>
      <c r="F7734">
        <v>53854.290079999999</v>
      </c>
      <c r="G7734">
        <v>39228.500740000003</v>
      </c>
      <c r="H7734">
        <v>36400.094590000001</v>
      </c>
      <c r="I7734">
        <v>18387.95306</v>
      </c>
      <c r="J7734">
        <v>27475.317599999998</v>
      </c>
      <c r="K7734">
        <v>42219.583830000003</v>
      </c>
      <c r="L7734">
        <v>16050.33627</v>
      </c>
      <c r="M7734">
        <v>254172.07560000001</v>
      </c>
      <c r="N7734">
        <v>62447.20983</v>
      </c>
      <c r="O7734">
        <v>20073.691859999999</v>
      </c>
      <c r="P7734">
        <v>23843.048889999998</v>
      </c>
      <c r="Q7734">
        <v>79529.014009999999</v>
      </c>
      <c r="R7734">
        <v>18800.24741</v>
      </c>
      <c r="S7734">
        <v>75404.338329999999</v>
      </c>
      <c r="T7734">
        <v>25085.40281</v>
      </c>
      <c r="U7734">
        <v>14847.251700000001</v>
      </c>
      <c r="W7734" s="83">
        <f>Bühler!N7766</f>
        <v>45614.166666647914</v>
      </c>
      <c r="X7734" s="83">
        <v>43423.166666666664</v>
      </c>
      <c r="Y7734">
        <v>189677.42550000001</v>
      </c>
      <c r="Z7734">
        <v>14383.168470000001</v>
      </c>
      <c r="AA7734">
        <v>53854.290079999999</v>
      </c>
      <c r="AB7734">
        <v>39228.500740000003</v>
      </c>
      <c r="AC7734">
        <v>36400.094590000001</v>
      </c>
      <c r="AD7734">
        <v>18387.95306</v>
      </c>
      <c r="AE7734">
        <v>27475.317599999998</v>
      </c>
      <c r="AF7734">
        <v>42219.583830000003</v>
      </c>
      <c r="AG7734">
        <v>16050.33627</v>
      </c>
      <c r="AH7734">
        <v>254172.07560000001</v>
      </c>
      <c r="AI7734">
        <v>62447.20983</v>
      </c>
      <c r="AJ7734">
        <v>20073.691859999999</v>
      </c>
      <c r="AK7734">
        <v>23843.048889999998</v>
      </c>
      <c r="AL7734">
        <v>79529.014009999999</v>
      </c>
      <c r="AM7734">
        <v>18800.24741</v>
      </c>
      <c r="AN7734">
        <v>75404.338329999999</v>
      </c>
      <c r="AO7734">
        <v>25085.40281</v>
      </c>
      <c r="AP7734">
        <v>14847.251700000001</v>
      </c>
    </row>
    <row r="7735" spans="2:42" x14ac:dyDescent="0.3">
      <c r="B7735">
        <v>56.219472950380883</v>
      </c>
      <c r="C7735" s="83">
        <v>43423.208333333336</v>
      </c>
      <c r="D7735">
        <v>221671.2053</v>
      </c>
      <c r="E7735">
        <v>17005.317889999998</v>
      </c>
      <c r="F7735">
        <v>66079.015029999995</v>
      </c>
      <c r="G7735">
        <v>42054.90436</v>
      </c>
      <c r="H7735">
        <v>38669.298990000003</v>
      </c>
      <c r="I7735">
        <v>26402.860649999999</v>
      </c>
      <c r="J7735">
        <v>29702.806489999999</v>
      </c>
      <c r="K7735">
        <v>43491.887770000001</v>
      </c>
      <c r="L7735">
        <v>16664.052370000001</v>
      </c>
      <c r="M7735">
        <v>286633.0906</v>
      </c>
      <c r="N7735">
        <v>65275.545389999999</v>
      </c>
      <c r="O7735">
        <v>20995.663980000001</v>
      </c>
      <c r="P7735">
        <v>25981.193429999999</v>
      </c>
      <c r="Q7735">
        <v>84400.392120000004</v>
      </c>
      <c r="R7735">
        <v>19401.654770000001</v>
      </c>
      <c r="S7735">
        <v>78276.720629999996</v>
      </c>
      <c r="T7735">
        <v>26529.392510000001</v>
      </c>
      <c r="U7735">
        <v>16679.174729999999</v>
      </c>
      <c r="W7735" s="83">
        <f>Bühler!N7767</f>
        <v>45614.208333314578</v>
      </c>
      <c r="X7735" s="83">
        <v>43423.208333333336</v>
      </c>
      <c r="Y7735">
        <v>221671.2053</v>
      </c>
      <c r="Z7735">
        <v>17005.317889999998</v>
      </c>
      <c r="AA7735">
        <v>66079.015029999995</v>
      </c>
      <c r="AB7735">
        <v>42054.90436</v>
      </c>
      <c r="AC7735">
        <v>38669.298990000003</v>
      </c>
      <c r="AD7735">
        <v>26402.860649999999</v>
      </c>
      <c r="AE7735">
        <v>29702.806489999999</v>
      </c>
      <c r="AF7735">
        <v>43491.887770000001</v>
      </c>
      <c r="AG7735">
        <v>16664.052370000001</v>
      </c>
      <c r="AH7735">
        <v>286633.0906</v>
      </c>
      <c r="AI7735">
        <v>65275.545389999999</v>
      </c>
      <c r="AJ7735">
        <v>20995.663980000001</v>
      </c>
      <c r="AK7735">
        <v>25981.193429999999</v>
      </c>
      <c r="AL7735">
        <v>84400.392120000004</v>
      </c>
      <c r="AM7735">
        <v>19401.654770000001</v>
      </c>
      <c r="AN7735">
        <v>78276.720629999996</v>
      </c>
      <c r="AO7735">
        <v>26529.392510000001</v>
      </c>
      <c r="AP7735">
        <v>16679.174729999999</v>
      </c>
    </row>
    <row r="7736" spans="2:42" x14ac:dyDescent="0.3">
      <c r="B7736">
        <v>61.643487260808364</v>
      </c>
      <c r="C7736" s="83">
        <v>43423.25</v>
      </c>
      <c r="D7736">
        <v>249871.05300000001</v>
      </c>
      <c r="E7736">
        <v>21291.771860000001</v>
      </c>
      <c r="F7736">
        <v>80053.290510000006</v>
      </c>
      <c r="G7736">
        <v>56029.359250000001</v>
      </c>
      <c r="H7736">
        <v>42713.521540000002</v>
      </c>
      <c r="I7736">
        <v>34374.971700000002</v>
      </c>
      <c r="J7736">
        <v>33432.372369999997</v>
      </c>
      <c r="K7736">
        <v>46728.812729999998</v>
      </c>
      <c r="L7736">
        <v>18332.745800000001</v>
      </c>
      <c r="M7736">
        <v>314287.245</v>
      </c>
      <c r="N7736">
        <v>68467.438519999996</v>
      </c>
      <c r="O7736">
        <v>22329.795679999999</v>
      </c>
      <c r="P7736">
        <v>25588.681189999999</v>
      </c>
      <c r="Q7736">
        <v>89733.971550000002</v>
      </c>
      <c r="R7736">
        <v>19136.535960000001</v>
      </c>
      <c r="S7736">
        <v>87572.498970000001</v>
      </c>
      <c r="T7736">
        <v>29337.44599</v>
      </c>
      <c r="U7736">
        <v>20269.811559999998</v>
      </c>
      <c r="W7736" s="83">
        <f>Bühler!N7768</f>
        <v>45614.249999981243</v>
      </c>
      <c r="X7736" s="83">
        <v>43423.25</v>
      </c>
      <c r="Y7736">
        <v>249871.05300000001</v>
      </c>
      <c r="Z7736">
        <v>21291.771860000001</v>
      </c>
      <c r="AA7736">
        <v>80053.290510000006</v>
      </c>
      <c r="AB7736">
        <v>56029.359250000001</v>
      </c>
      <c r="AC7736">
        <v>42713.521540000002</v>
      </c>
      <c r="AD7736">
        <v>34374.971700000002</v>
      </c>
      <c r="AE7736">
        <v>33432.372369999997</v>
      </c>
      <c r="AF7736">
        <v>46728.812729999998</v>
      </c>
      <c r="AG7736">
        <v>18332.745800000001</v>
      </c>
      <c r="AH7736">
        <v>314287.245</v>
      </c>
      <c r="AI7736">
        <v>68467.438519999996</v>
      </c>
      <c r="AJ7736">
        <v>22329.795679999999</v>
      </c>
      <c r="AK7736">
        <v>25588.681189999999</v>
      </c>
      <c r="AL7736">
        <v>89733.971550000002</v>
      </c>
      <c r="AM7736">
        <v>19136.535960000001</v>
      </c>
      <c r="AN7736">
        <v>87572.498970000001</v>
      </c>
      <c r="AO7736">
        <v>29337.44599</v>
      </c>
      <c r="AP7736">
        <v>20269.811559999998</v>
      </c>
    </row>
    <row r="7737" spans="2:42" x14ac:dyDescent="0.3">
      <c r="B7737">
        <v>65.20943579917342</v>
      </c>
      <c r="C7737" s="83">
        <v>43423.291666666664</v>
      </c>
      <c r="D7737">
        <v>269908.85330000002</v>
      </c>
      <c r="E7737">
        <v>26462.226490000001</v>
      </c>
      <c r="F7737">
        <v>84402.019759999996</v>
      </c>
      <c r="G7737">
        <v>71655.004879999993</v>
      </c>
      <c r="H7737">
        <v>48695.070899999999</v>
      </c>
      <c r="I7737">
        <v>43765.850740000002</v>
      </c>
      <c r="J7737">
        <v>34986.245210000001</v>
      </c>
      <c r="K7737">
        <v>52539.824650000002</v>
      </c>
      <c r="L7737">
        <v>21827.564729999998</v>
      </c>
      <c r="M7737">
        <v>332468.11359999998</v>
      </c>
      <c r="N7737">
        <v>76527.269899999999</v>
      </c>
      <c r="O7737">
        <v>25289.32476</v>
      </c>
      <c r="P7737">
        <v>27404.712609999999</v>
      </c>
      <c r="Q7737">
        <v>91899.102759999994</v>
      </c>
      <c r="R7737">
        <v>21652.85644</v>
      </c>
      <c r="S7737">
        <v>104589.9179</v>
      </c>
      <c r="T7737">
        <v>31340.192640000001</v>
      </c>
      <c r="U7737">
        <v>24935.294140000002</v>
      </c>
      <c r="W7737" s="83">
        <f>Bühler!N7769</f>
        <v>45614.291666647907</v>
      </c>
      <c r="X7737" s="83">
        <v>43423.291666666664</v>
      </c>
      <c r="Y7737">
        <v>269908.85330000002</v>
      </c>
      <c r="Z7737">
        <v>26462.226490000001</v>
      </c>
      <c r="AA7737">
        <v>84402.019759999996</v>
      </c>
      <c r="AB7737">
        <v>71655.004879999993</v>
      </c>
      <c r="AC7737">
        <v>48695.070899999999</v>
      </c>
      <c r="AD7737">
        <v>43765.850740000002</v>
      </c>
      <c r="AE7737">
        <v>34986.245210000001</v>
      </c>
      <c r="AF7737">
        <v>52539.824650000002</v>
      </c>
      <c r="AG7737">
        <v>21827.564729999998</v>
      </c>
      <c r="AH7737">
        <v>332468.11359999998</v>
      </c>
      <c r="AI7737">
        <v>76527.269899999999</v>
      </c>
      <c r="AJ7737">
        <v>25289.32476</v>
      </c>
      <c r="AK7737">
        <v>27404.712609999999</v>
      </c>
      <c r="AL7737">
        <v>91899.102759999994</v>
      </c>
      <c r="AM7737">
        <v>21652.85644</v>
      </c>
      <c r="AN7737">
        <v>104589.9179</v>
      </c>
      <c r="AO7737">
        <v>31340.192640000001</v>
      </c>
      <c r="AP7737">
        <v>24935.294140000002</v>
      </c>
    </row>
    <row r="7738" spans="2:42" x14ac:dyDescent="0.3">
      <c r="B7738">
        <v>67.018375464834222</v>
      </c>
      <c r="C7738" s="83">
        <v>43423.333333333336</v>
      </c>
      <c r="D7738">
        <v>284294.6422</v>
      </c>
      <c r="E7738">
        <v>31959.331289999998</v>
      </c>
      <c r="F7738">
        <v>90892.678950000001</v>
      </c>
      <c r="G7738">
        <v>87462.883600000001</v>
      </c>
      <c r="H7738">
        <v>53428.832580000002</v>
      </c>
      <c r="I7738">
        <v>44931.460079999997</v>
      </c>
      <c r="J7738">
        <v>35359.829100000003</v>
      </c>
      <c r="K7738">
        <v>59041.413090000002</v>
      </c>
      <c r="L7738">
        <v>24430.064569999999</v>
      </c>
      <c r="M7738">
        <v>341690.93160000001</v>
      </c>
      <c r="N7738">
        <v>84894.235700000005</v>
      </c>
      <c r="O7738">
        <v>26946.014800000001</v>
      </c>
      <c r="P7738">
        <v>29595.032039999998</v>
      </c>
      <c r="Q7738">
        <v>93688.909289999996</v>
      </c>
      <c r="R7738">
        <v>22527.525969999999</v>
      </c>
      <c r="S7738">
        <v>120036.6363</v>
      </c>
      <c r="T7738">
        <v>34511.767469999999</v>
      </c>
      <c r="U7738">
        <v>26594.981660000001</v>
      </c>
      <c r="W7738" s="83">
        <f>Bühler!N7770</f>
        <v>45614.333333314571</v>
      </c>
      <c r="X7738" s="83">
        <v>43423.333333333336</v>
      </c>
      <c r="Y7738">
        <v>284294.6422</v>
      </c>
      <c r="Z7738">
        <v>31959.331289999998</v>
      </c>
      <c r="AA7738">
        <v>90892.678950000001</v>
      </c>
      <c r="AB7738">
        <v>87462.883600000001</v>
      </c>
      <c r="AC7738">
        <v>53428.832580000002</v>
      </c>
      <c r="AD7738">
        <v>44931.460079999997</v>
      </c>
      <c r="AE7738">
        <v>35359.829100000003</v>
      </c>
      <c r="AF7738">
        <v>59041.413090000002</v>
      </c>
      <c r="AG7738">
        <v>24430.064569999999</v>
      </c>
      <c r="AH7738">
        <v>341690.93160000001</v>
      </c>
      <c r="AI7738">
        <v>84894.235700000005</v>
      </c>
      <c r="AJ7738">
        <v>26946.014800000001</v>
      </c>
      <c r="AK7738">
        <v>29595.032039999998</v>
      </c>
      <c r="AL7738">
        <v>93688.909289999996</v>
      </c>
      <c r="AM7738">
        <v>22527.525969999999</v>
      </c>
      <c r="AN7738">
        <v>120036.6363</v>
      </c>
      <c r="AO7738">
        <v>34511.767469999999</v>
      </c>
      <c r="AP7738">
        <v>26594.981660000001</v>
      </c>
    </row>
    <row r="7739" spans="2:42" x14ac:dyDescent="0.3">
      <c r="B7739">
        <v>67.987636389307553</v>
      </c>
      <c r="C7739" s="83">
        <v>43423.375</v>
      </c>
      <c r="D7739">
        <v>287290.36129999999</v>
      </c>
      <c r="E7739">
        <v>35681.310169999997</v>
      </c>
      <c r="F7739">
        <v>97233.530029999994</v>
      </c>
      <c r="G7739">
        <v>99155.88162</v>
      </c>
      <c r="H7739">
        <v>56441.705370000003</v>
      </c>
      <c r="I7739">
        <v>43137.728609999998</v>
      </c>
      <c r="J7739">
        <v>35350.698920000003</v>
      </c>
      <c r="K7739">
        <v>62232.649069999999</v>
      </c>
      <c r="L7739">
        <v>26842.270779999999</v>
      </c>
      <c r="M7739">
        <v>346632.67580000003</v>
      </c>
      <c r="N7739">
        <v>88344.549299999999</v>
      </c>
      <c r="O7739">
        <v>27013.349109999999</v>
      </c>
      <c r="P7739">
        <v>30995.432359999999</v>
      </c>
      <c r="Q7739">
        <v>95322.28009</v>
      </c>
      <c r="R7739">
        <v>23010.60571</v>
      </c>
      <c r="S7739">
        <v>126132.4329</v>
      </c>
      <c r="T7739">
        <v>36838.124049999999</v>
      </c>
      <c r="U7739">
        <v>27576.04808</v>
      </c>
      <c r="W7739" s="83">
        <f>Bühler!N7771</f>
        <v>45614.374999981235</v>
      </c>
      <c r="X7739" s="83">
        <v>43423.375</v>
      </c>
      <c r="Y7739">
        <v>287290.36129999999</v>
      </c>
      <c r="Z7739">
        <v>35681.310169999997</v>
      </c>
      <c r="AA7739">
        <v>97233.530029999994</v>
      </c>
      <c r="AB7739">
        <v>99155.88162</v>
      </c>
      <c r="AC7739">
        <v>56441.705370000003</v>
      </c>
      <c r="AD7739">
        <v>43137.728609999998</v>
      </c>
      <c r="AE7739">
        <v>35350.698920000003</v>
      </c>
      <c r="AF7739">
        <v>62232.649069999999</v>
      </c>
      <c r="AG7739">
        <v>26842.270779999999</v>
      </c>
      <c r="AH7739">
        <v>346632.67580000003</v>
      </c>
      <c r="AI7739">
        <v>88344.549299999999</v>
      </c>
      <c r="AJ7739">
        <v>27013.349109999999</v>
      </c>
      <c r="AK7739">
        <v>30995.432359999999</v>
      </c>
      <c r="AL7739">
        <v>95322.28009</v>
      </c>
      <c r="AM7739">
        <v>23010.60571</v>
      </c>
      <c r="AN7739">
        <v>126132.4329</v>
      </c>
      <c r="AO7739">
        <v>36838.124049999999</v>
      </c>
      <c r="AP7739">
        <v>27576.04808</v>
      </c>
    </row>
    <row r="7740" spans="2:42" x14ac:dyDescent="0.3">
      <c r="B7740">
        <v>69.864464470186803</v>
      </c>
      <c r="C7740" s="83">
        <v>43423.416666666664</v>
      </c>
      <c r="D7740">
        <v>292884.6814</v>
      </c>
      <c r="E7740">
        <v>37034.817089999997</v>
      </c>
      <c r="F7740">
        <v>97635.29552</v>
      </c>
      <c r="G7740">
        <v>101159.2608</v>
      </c>
      <c r="H7740">
        <v>56874.243979999999</v>
      </c>
      <c r="I7740">
        <v>41649.397490000003</v>
      </c>
      <c r="J7740">
        <v>34850.641519999997</v>
      </c>
      <c r="K7740">
        <v>63143.174630000001</v>
      </c>
      <c r="L7740">
        <v>28517.3128</v>
      </c>
      <c r="M7740">
        <v>356201.62060000002</v>
      </c>
      <c r="N7740">
        <v>89120.859259999997</v>
      </c>
      <c r="O7740">
        <v>27450.616549999999</v>
      </c>
      <c r="P7740">
        <v>31696.428449999999</v>
      </c>
      <c r="Q7740">
        <v>96045.036420000004</v>
      </c>
      <c r="R7740">
        <v>23625.669679999999</v>
      </c>
      <c r="S7740">
        <v>128144.1023</v>
      </c>
      <c r="T7740">
        <v>37678.455779999997</v>
      </c>
      <c r="U7740">
        <v>27222.4208</v>
      </c>
      <c r="W7740" s="83">
        <f>Bühler!N7772</f>
        <v>45614.4166666479</v>
      </c>
      <c r="X7740" s="83">
        <v>43423.416666666664</v>
      </c>
      <c r="Y7740">
        <v>292884.6814</v>
      </c>
      <c r="Z7740">
        <v>37034.817089999997</v>
      </c>
      <c r="AA7740">
        <v>97635.29552</v>
      </c>
      <c r="AB7740">
        <v>101159.2608</v>
      </c>
      <c r="AC7740">
        <v>56874.243979999999</v>
      </c>
      <c r="AD7740">
        <v>41649.397490000003</v>
      </c>
      <c r="AE7740">
        <v>34850.641519999997</v>
      </c>
      <c r="AF7740">
        <v>63143.174630000001</v>
      </c>
      <c r="AG7740">
        <v>28517.3128</v>
      </c>
      <c r="AH7740">
        <v>356201.62060000002</v>
      </c>
      <c r="AI7740">
        <v>89120.859259999997</v>
      </c>
      <c r="AJ7740">
        <v>27450.616549999999</v>
      </c>
      <c r="AK7740">
        <v>31696.428449999999</v>
      </c>
      <c r="AL7740">
        <v>96045.036420000004</v>
      </c>
      <c r="AM7740">
        <v>23625.669679999999</v>
      </c>
      <c r="AN7740">
        <v>128144.1023</v>
      </c>
      <c r="AO7740">
        <v>37678.455779999997</v>
      </c>
      <c r="AP7740">
        <v>27222.4208</v>
      </c>
    </row>
    <row r="7741" spans="2:42" x14ac:dyDescent="0.3">
      <c r="B7741">
        <v>70.541314167438372</v>
      </c>
      <c r="C7741" s="83">
        <v>43423.458333333336</v>
      </c>
      <c r="D7741">
        <v>292146.28169999999</v>
      </c>
      <c r="E7741">
        <v>36541.012349999997</v>
      </c>
      <c r="F7741">
        <v>97421.739050000004</v>
      </c>
      <c r="G7741">
        <v>97787.866160000005</v>
      </c>
      <c r="H7741">
        <v>56355.812189999997</v>
      </c>
      <c r="I7741">
        <v>40445.291599999997</v>
      </c>
      <c r="J7741">
        <v>34365.788910000003</v>
      </c>
      <c r="K7741">
        <v>64220.026559999998</v>
      </c>
      <c r="L7741">
        <v>29840.736789999999</v>
      </c>
      <c r="M7741">
        <v>359652.516</v>
      </c>
      <c r="N7741">
        <v>89707.804759999999</v>
      </c>
      <c r="O7741">
        <v>27021.37254</v>
      </c>
      <c r="P7741">
        <v>31360.206979999999</v>
      </c>
      <c r="Q7741">
        <v>97306.58266</v>
      </c>
      <c r="R7741">
        <v>23620.966349999999</v>
      </c>
      <c r="S7741">
        <v>129351.42110000001</v>
      </c>
      <c r="T7741">
        <v>37923.306340000003</v>
      </c>
      <c r="U7741">
        <v>26740.89759</v>
      </c>
      <c r="W7741" s="83">
        <f>Bühler!N7773</f>
        <v>45614.458333314564</v>
      </c>
      <c r="X7741" s="83">
        <v>43423.458333333336</v>
      </c>
      <c r="Y7741">
        <v>292146.28169999999</v>
      </c>
      <c r="Z7741">
        <v>36541.012349999997</v>
      </c>
      <c r="AA7741">
        <v>97421.739050000004</v>
      </c>
      <c r="AB7741">
        <v>97787.866160000005</v>
      </c>
      <c r="AC7741">
        <v>56355.812189999997</v>
      </c>
      <c r="AD7741">
        <v>40445.291599999997</v>
      </c>
      <c r="AE7741">
        <v>34365.788910000003</v>
      </c>
      <c r="AF7741">
        <v>64220.026559999998</v>
      </c>
      <c r="AG7741">
        <v>29840.736789999999</v>
      </c>
      <c r="AH7741">
        <v>359652.516</v>
      </c>
      <c r="AI7741">
        <v>89707.804759999999</v>
      </c>
      <c r="AJ7741">
        <v>27021.37254</v>
      </c>
      <c r="AK7741">
        <v>31360.206979999999</v>
      </c>
      <c r="AL7741">
        <v>97306.58266</v>
      </c>
      <c r="AM7741">
        <v>23620.966349999999</v>
      </c>
      <c r="AN7741">
        <v>129351.42110000001</v>
      </c>
      <c r="AO7741">
        <v>37923.306340000003</v>
      </c>
      <c r="AP7741">
        <v>26740.89759</v>
      </c>
    </row>
    <row r="7742" spans="2:42" x14ac:dyDescent="0.3">
      <c r="B7742">
        <v>69.179894863189801</v>
      </c>
      <c r="C7742" s="83">
        <v>43423.5</v>
      </c>
      <c r="D7742">
        <v>279234.17170000001</v>
      </c>
      <c r="E7742">
        <v>32567.884010000002</v>
      </c>
      <c r="F7742">
        <v>91582.483510000005</v>
      </c>
      <c r="G7742">
        <v>94142.055649999995</v>
      </c>
      <c r="H7742">
        <v>52751.303899999999</v>
      </c>
      <c r="I7742">
        <v>38544.665439999997</v>
      </c>
      <c r="J7742">
        <v>33725.177730000003</v>
      </c>
      <c r="K7742">
        <v>59166.663350000003</v>
      </c>
      <c r="L7742">
        <v>31588.571909999999</v>
      </c>
      <c r="M7742">
        <v>352711.36550000001</v>
      </c>
      <c r="N7742">
        <v>85370.75546</v>
      </c>
      <c r="O7742">
        <v>25736.195169999999</v>
      </c>
      <c r="P7742">
        <v>31600.944159999999</v>
      </c>
      <c r="Q7742">
        <v>95683.521840000001</v>
      </c>
      <c r="R7742">
        <v>24550.619409999999</v>
      </c>
      <c r="S7742">
        <v>121518.0603</v>
      </c>
      <c r="T7742">
        <v>37276.48343</v>
      </c>
      <c r="U7742">
        <v>22019.99598</v>
      </c>
      <c r="W7742" s="83">
        <f>Bühler!N7774</f>
        <v>45614.499999981228</v>
      </c>
      <c r="X7742" s="83">
        <v>43423.5</v>
      </c>
      <c r="Y7742">
        <v>279234.17170000001</v>
      </c>
      <c r="Z7742">
        <v>32567.884010000002</v>
      </c>
      <c r="AA7742">
        <v>91582.483510000005</v>
      </c>
      <c r="AB7742">
        <v>94142.055649999995</v>
      </c>
      <c r="AC7742">
        <v>52751.303899999999</v>
      </c>
      <c r="AD7742">
        <v>38544.665439999997</v>
      </c>
      <c r="AE7742">
        <v>33725.177730000003</v>
      </c>
      <c r="AF7742">
        <v>59166.663350000003</v>
      </c>
      <c r="AG7742">
        <v>31588.571909999999</v>
      </c>
      <c r="AH7742">
        <v>352711.36550000001</v>
      </c>
      <c r="AI7742">
        <v>85370.75546</v>
      </c>
      <c r="AJ7742">
        <v>25736.195169999999</v>
      </c>
      <c r="AK7742">
        <v>31600.944159999999</v>
      </c>
      <c r="AL7742">
        <v>95683.521840000001</v>
      </c>
      <c r="AM7742">
        <v>24550.619409999999</v>
      </c>
      <c r="AN7742">
        <v>121518.0603</v>
      </c>
      <c r="AO7742">
        <v>37276.48343</v>
      </c>
      <c r="AP7742">
        <v>22019.99598</v>
      </c>
    </row>
    <row r="7743" spans="2:42" x14ac:dyDescent="0.3">
      <c r="B7743">
        <v>70.456984886599173</v>
      </c>
      <c r="C7743" s="83">
        <v>43423.541666666664</v>
      </c>
      <c r="D7743">
        <v>284106.94760000001</v>
      </c>
      <c r="E7743">
        <v>33143.867080000004</v>
      </c>
      <c r="F7743">
        <v>88674.289050000007</v>
      </c>
      <c r="G7743">
        <v>95178.348769999997</v>
      </c>
      <c r="H7743">
        <v>53955.158479999998</v>
      </c>
      <c r="I7743">
        <v>39024.565029999998</v>
      </c>
      <c r="J7743">
        <v>32351.905869999999</v>
      </c>
      <c r="K7743">
        <v>63405.277390000003</v>
      </c>
      <c r="L7743">
        <v>29979.453509999999</v>
      </c>
      <c r="M7743">
        <v>359222.56599999999</v>
      </c>
      <c r="N7743">
        <v>87232.809640000007</v>
      </c>
      <c r="O7743">
        <v>26098.461920000002</v>
      </c>
      <c r="P7743">
        <v>31389.557369999999</v>
      </c>
      <c r="Q7743">
        <v>96244.358309999996</v>
      </c>
      <c r="R7743">
        <v>26156.189439999998</v>
      </c>
      <c r="S7743">
        <v>120709.2656</v>
      </c>
      <c r="T7743">
        <v>36779.242290000002</v>
      </c>
      <c r="U7743">
        <v>24049.897529999998</v>
      </c>
      <c r="W7743" s="83">
        <f>Bühler!N7775</f>
        <v>45614.541666647892</v>
      </c>
      <c r="X7743" s="83">
        <v>43423.541666666664</v>
      </c>
      <c r="Y7743">
        <v>284106.94760000001</v>
      </c>
      <c r="Z7743">
        <v>33143.867080000004</v>
      </c>
      <c r="AA7743">
        <v>88674.289050000007</v>
      </c>
      <c r="AB7743">
        <v>95178.348769999997</v>
      </c>
      <c r="AC7743">
        <v>53955.158479999998</v>
      </c>
      <c r="AD7743">
        <v>39024.565029999998</v>
      </c>
      <c r="AE7743">
        <v>32351.905869999999</v>
      </c>
      <c r="AF7743">
        <v>63405.277390000003</v>
      </c>
      <c r="AG7743">
        <v>29979.453509999999</v>
      </c>
      <c r="AH7743">
        <v>359222.56599999999</v>
      </c>
      <c r="AI7743">
        <v>87232.809640000007</v>
      </c>
      <c r="AJ7743">
        <v>26098.461920000002</v>
      </c>
      <c r="AK7743">
        <v>31389.557369999999</v>
      </c>
      <c r="AL7743">
        <v>96244.358309999996</v>
      </c>
      <c r="AM7743">
        <v>26156.189439999998</v>
      </c>
      <c r="AN7743">
        <v>120709.2656</v>
      </c>
      <c r="AO7743">
        <v>36779.242290000002</v>
      </c>
      <c r="AP7743">
        <v>24049.897529999998</v>
      </c>
    </row>
    <row r="7744" spans="2:42" x14ac:dyDescent="0.3">
      <c r="B7744">
        <v>71.003887800727355</v>
      </c>
      <c r="C7744" s="83">
        <v>43423.583333333336</v>
      </c>
      <c r="D7744">
        <v>286985.32280000002</v>
      </c>
      <c r="E7744">
        <v>35916.649100000002</v>
      </c>
      <c r="F7744">
        <v>96402.087950000001</v>
      </c>
      <c r="G7744">
        <v>89555.137789999993</v>
      </c>
      <c r="H7744">
        <v>53529.165609999996</v>
      </c>
      <c r="I7744">
        <v>39781.980109999997</v>
      </c>
      <c r="J7744">
        <v>32517.972819999999</v>
      </c>
      <c r="K7744">
        <v>64445.407149999999</v>
      </c>
      <c r="L7744">
        <v>26468.499400000001</v>
      </c>
      <c r="M7744">
        <v>362010.93209999998</v>
      </c>
      <c r="N7744">
        <v>88254.446549999993</v>
      </c>
      <c r="O7744">
        <v>25398.25301</v>
      </c>
      <c r="P7744">
        <v>28462.768390000001</v>
      </c>
      <c r="Q7744">
        <v>95399.549339999998</v>
      </c>
      <c r="R7744">
        <v>24272.623149999999</v>
      </c>
      <c r="S7744">
        <v>116994.70450000001</v>
      </c>
      <c r="T7744">
        <v>35613.115210000004</v>
      </c>
      <c r="U7744">
        <v>24521.556509999999</v>
      </c>
      <c r="W7744" s="83">
        <f>Bühler!N7776</f>
        <v>45614.583333314557</v>
      </c>
      <c r="X7744" s="83">
        <v>43423.583333333336</v>
      </c>
      <c r="Y7744">
        <v>286985.32280000002</v>
      </c>
      <c r="Z7744">
        <v>35916.649100000002</v>
      </c>
      <c r="AA7744">
        <v>96402.087950000001</v>
      </c>
      <c r="AB7744">
        <v>89555.137789999993</v>
      </c>
      <c r="AC7744">
        <v>53529.165609999996</v>
      </c>
      <c r="AD7744">
        <v>39781.980109999997</v>
      </c>
      <c r="AE7744">
        <v>32517.972819999999</v>
      </c>
      <c r="AF7744">
        <v>64445.407149999999</v>
      </c>
      <c r="AG7744">
        <v>26468.499400000001</v>
      </c>
      <c r="AH7744">
        <v>362010.93209999998</v>
      </c>
      <c r="AI7744">
        <v>88254.446549999993</v>
      </c>
      <c r="AJ7744">
        <v>25398.25301</v>
      </c>
      <c r="AK7744">
        <v>28462.768390000001</v>
      </c>
      <c r="AL7744">
        <v>95399.549339999998</v>
      </c>
      <c r="AM7744">
        <v>24272.623149999999</v>
      </c>
      <c r="AN7744">
        <v>116994.70450000001</v>
      </c>
      <c r="AO7744">
        <v>35613.115210000004</v>
      </c>
      <c r="AP7744">
        <v>24521.556509999999</v>
      </c>
    </row>
    <row r="7745" spans="2:42" x14ac:dyDescent="0.3">
      <c r="B7745">
        <v>70.28057014936762</v>
      </c>
      <c r="C7745" s="83">
        <v>43423.625</v>
      </c>
      <c r="D7745">
        <v>286438.86239999998</v>
      </c>
      <c r="E7745">
        <v>35706.59921</v>
      </c>
      <c r="F7745">
        <v>98192.699800000002</v>
      </c>
      <c r="G7745">
        <v>87495.945739999996</v>
      </c>
      <c r="H7745">
        <v>52405.063479999997</v>
      </c>
      <c r="I7745">
        <v>41176.073790000002</v>
      </c>
      <c r="J7745">
        <v>32463.045529999999</v>
      </c>
      <c r="K7745">
        <v>63906.144619999999</v>
      </c>
      <c r="L7745">
        <v>24063.02565</v>
      </c>
      <c r="M7745">
        <v>358323.1214</v>
      </c>
      <c r="N7745">
        <v>87200.430240000002</v>
      </c>
      <c r="O7745">
        <v>25549.003379999998</v>
      </c>
      <c r="P7745">
        <v>27727.376110000001</v>
      </c>
      <c r="Q7745">
        <v>95179.447899999999</v>
      </c>
      <c r="R7745">
        <v>24703.818380000001</v>
      </c>
      <c r="S7745">
        <v>115778.47319999999</v>
      </c>
      <c r="T7745">
        <v>35605.102279999999</v>
      </c>
      <c r="U7745">
        <v>23775.50344</v>
      </c>
      <c r="W7745" s="83">
        <f>Bühler!N7777</f>
        <v>45614.624999981221</v>
      </c>
      <c r="X7745" s="83">
        <v>43423.625</v>
      </c>
      <c r="Y7745">
        <v>286438.86239999998</v>
      </c>
      <c r="Z7745">
        <v>35706.59921</v>
      </c>
      <c r="AA7745">
        <v>98192.699800000002</v>
      </c>
      <c r="AB7745">
        <v>87495.945739999996</v>
      </c>
      <c r="AC7745">
        <v>52405.063479999997</v>
      </c>
      <c r="AD7745">
        <v>41176.073790000002</v>
      </c>
      <c r="AE7745">
        <v>32463.045529999999</v>
      </c>
      <c r="AF7745">
        <v>63906.144619999999</v>
      </c>
      <c r="AG7745">
        <v>24063.02565</v>
      </c>
      <c r="AH7745">
        <v>358323.1214</v>
      </c>
      <c r="AI7745">
        <v>87200.430240000002</v>
      </c>
      <c r="AJ7745">
        <v>25549.003379999998</v>
      </c>
      <c r="AK7745">
        <v>27727.376110000001</v>
      </c>
      <c r="AL7745">
        <v>95179.447899999999</v>
      </c>
      <c r="AM7745">
        <v>24703.818380000001</v>
      </c>
      <c r="AN7745">
        <v>115778.47319999999</v>
      </c>
      <c r="AO7745">
        <v>35605.102279999999</v>
      </c>
      <c r="AP7745">
        <v>23775.50344</v>
      </c>
    </row>
    <row r="7746" spans="2:42" x14ac:dyDescent="0.3">
      <c r="B7746">
        <v>68.807918258305008</v>
      </c>
      <c r="C7746" s="83">
        <v>43423.666666666664</v>
      </c>
      <c r="D7746">
        <v>281949.32140000002</v>
      </c>
      <c r="E7746">
        <v>35208.800880000003</v>
      </c>
      <c r="F7746">
        <v>97118.081130000006</v>
      </c>
      <c r="G7746">
        <v>85140.330090000003</v>
      </c>
      <c r="H7746">
        <v>51135.16216</v>
      </c>
      <c r="I7746">
        <v>42791.852579999999</v>
      </c>
      <c r="J7746">
        <v>32462.899229999999</v>
      </c>
      <c r="K7746">
        <v>60245.696889999999</v>
      </c>
      <c r="L7746">
        <v>23226.193589999999</v>
      </c>
      <c r="M7746">
        <v>350814.8553</v>
      </c>
      <c r="N7746">
        <v>85539.156489999994</v>
      </c>
      <c r="O7746">
        <v>25505.473689999999</v>
      </c>
      <c r="P7746">
        <v>28368.151470000001</v>
      </c>
      <c r="Q7746">
        <v>95139.515629999994</v>
      </c>
      <c r="R7746">
        <v>24405.040860000001</v>
      </c>
      <c r="S7746">
        <v>113553.5996</v>
      </c>
      <c r="T7746">
        <v>35236.257799999999</v>
      </c>
      <c r="U7746">
        <v>22596.000670000001</v>
      </c>
      <c r="W7746" s="83">
        <f>Bühler!N7778</f>
        <v>45614.666666647885</v>
      </c>
      <c r="X7746" s="83">
        <v>43423.666666666664</v>
      </c>
      <c r="Y7746">
        <v>281949.32140000002</v>
      </c>
      <c r="Z7746">
        <v>35208.800880000003</v>
      </c>
      <c r="AA7746">
        <v>97118.081130000006</v>
      </c>
      <c r="AB7746">
        <v>85140.330090000003</v>
      </c>
      <c r="AC7746">
        <v>51135.16216</v>
      </c>
      <c r="AD7746">
        <v>42791.852579999999</v>
      </c>
      <c r="AE7746">
        <v>32462.899229999999</v>
      </c>
      <c r="AF7746">
        <v>60245.696889999999</v>
      </c>
      <c r="AG7746">
        <v>23226.193589999999</v>
      </c>
      <c r="AH7746">
        <v>350814.8553</v>
      </c>
      <c r="AI7746">
        <v>85539.156489999994</v>
      </c>
      <c r="AJ7746">
        <v>25505.473689999999</v>
      </c>
      <c r="AK7746">
        <v>28368.151470000001</v>
      </c>
      <c r="AL7746">
        <v>95139.515629999994</v>
      </c>
      <c r="AM7746">
        <v>24405.040860000001</v>
      </c>
      <c r="AN7746">
        <v>113553.5996</v>
      </c>
      <c r="AO7746">
        <v>35236.257799999999</v>
      </c>
      <c r="AP7746">
        <v>22596.000670000001</v>
      </c>
    </row>
    <row r="7747" spans="2:42" x14ac:dyDescent="0.3">
      <c r="B7747">
        <v>68.06278477203729</v>
      </c>
      <c r="C7747" s="83">
        <v>43423.708333333336</v>
      </c>
      <c r="D7747">
        <v>272198.9828</v>
      </c>
      <c r="E7747">
        <v>34089.618399999999</v>
      </c>
      <c r="F7747">
        <v>99147.374309999999</v>
      </c>
      <c r="G7747">
        <v>76605.582209999993</v>
      </c>
      <c r="H7747">
        <v>51419.912689999997</v>
      </c>
      <c r="I7747">
        <v>41470.104420000003</v>
      </c>
      <c r="J7747">
        <v>34908.322740000003</v>
      </c>
      <c r="K7747">
        <v>55283.85022</v>
      </c>
      <c r="L7747">
        <v>24656.637030000002</v>
      </c>
      <c r="M7747">
        <v>347015.8173</v>
      </c>
      <c r="N7747">
        <v>82807.476330000005</v>
      </c>
      <c r="O7747">
        <v>24349.309519999999</v>
      </c>
      <c r="P7747">
        <v>30278.222040000001</v>
      </c>
      <c r="Q7747">
        <v>93550.357919999995</v>
      </c>
      <c r="R7747">
        <v>22985.783319999999</v>
      </c>
      <c r="S7747">
        <v>112437.4497</v>
      </c>
      <c r="T7747">
        <v>36677.654589999998</v>
      </c>
      <c r="U7747">
        <v>20967.630219999999</v>
      </c>
      <c r="W7747" s="83">
        <f>Bühler!N7779</f>
        <v>45614.708333314549</v>
      </c>
      <c r="X7747" s="83">
        <v>43423.708333333336</v>
      </c>
      <c r="Y7747">
        <v>272198.9828</v>
      </c>
      <c r="Z7747">
        <v>34089.618399999999</v>
      </c>
      <c r="AA7747">
        <v>99147.374309999999</v>
      </c>
      <c r="AB7747">
        <v>76605.582209999993</v>
      </c>
      <c r="AC7747">
        <v>51419.912689999997</v>
      </c>
      <c r="AD7747">
        <v>41470.104420000003</v>
      </c>
      <c r="AE7747">
        <v>34908.322740000003</v>
      </c>
      <c r="AF7747">
        <v>55283.85022</v>
      </c>
      <c r="AG7747">
        <v>24656.637030000002</v>
      </c>
      <c r="AH7747">
        <v>347015.8173</v>
      </c>
      <c r="AI7747">
        <v>82807.476330000005</v>
      </c>
      <c r="AJ7747">
        <v>24349.309519999999</v>
      </c>
      <c r="AK7747">
        <v>30278.222040000001</v>
      </c>
      <c r="AL7747">
        <v>93550.357919999995</v>
      </c>
      <c r="AM7747">
        <v>22985.783319999999</v>
      </c>
      <c r="AN7747">
        <v>112437.4497</v>
      </c>
      <c r="AO7747">
        <v>36677.654589999998</v>
      </c>
      <c r="AP7747">
        <v>20967.630219999999</v>
      </c>
    </row>
    <row r="7748" spans="2:42" x14ac:dyDescent="0.3">
      <c r="B7748">
        <v>67.368090944041668</v>
      </c>
      <c r="C7748" s="83">
        <v>43423.75</v>
      </c>
      <c r="D7748">
        <v>266985.06280000001</v>
      </c>
      <c r="E7748">
        <v>30887.476360000001</v>
      </c>
      <c r="F7748">
        <v>97111.567030000006</v>
      </c>
      <c r="G7748">
        <v>64794.878920000003</v>
      </c>
      <c r="H7748">
        <v>49161.375529999998</v>
      </c>
      <c r="I7748">
        <v>40294.973989999999</v>
      </c>
      <c r="J7748">
        <v>35242.773560000001</v>
      </c>
      <c r="K7748">
        <v>53997.706980000003</v>
      </c>
      <c r="L7748">
        <v>25702.845079999999</v>
      </c>
      <c r="M7748">
        <v>343473.94420000003</v>
      </c>
      <c r="N7748">
        <v>79984.690100000007</v>
      </c>
      <c r="O7748">
        <v>23220.723910000001</v>
      </c>
      <c r="P7748">
        <v>33375.815240000004</v>
      </c>
      <c r="Q7748">
        <v>92235.151129999998</v>
      </c>
      <c r="R7748">
        <v>22321.375029999999</v>
      </c>
      <c r="S7748">
        <v>106605.9093</v>
      </c>
      <c r="T7748">
        <v>36681.849320000001</v>
      </c>
      <c r="U7748">
        <v>19342.02162</v>
      </c>
      <c r="W7748" s="83">
        <f>Bühler!N7780</f>
        <v>45614.749999981213</v>
      </c>
      <c r="X7748" s="83">
        <v>43423.75</v>
      </c>
      <c r="Y7748">
        <v>266985.06280000001</v>
      </c>
      <c r="Z7748">
        <v>30887.476360000001</v>
      </c>
      <c r="AA7748">
        <v>97111.567030000006</v>
      </c>
      <c r="AB7748">
        <v>64794.878920000003</v>
      </c>
      <c r="AC7748">
        <v>49161.375529999998</v>
      </c>
      <c r="AD7748">
        <v>40294.973989999999</v>
      </c>
      <c r="AE7748">
        <v>35242.773560000001</v>
      </c>
      <c r="AF7748">
        <v>53997.706980000003</v>
      </c>
      <c r="AG7748">
        <v>25702.845079999999</v>
      </c>
      <c r="AH7748">
        <v>343473.94420000003</v>
      </c>
      <c r="AI7748">
        <v>79984.690100000007</v>
      </c>
      <c r="AJ7748">
        <v>23220.723910000001</v>
      </c>
      <c r="AK7748">
        <v>33375.815240000004</v>
      </c>
      <c r="AL7748">
        <v>92235.151129999998</v>
      </c>
      <c r="AM7748">
        <v>22321.375029999999</v>
      </c>
      <c r="AN7748">
        <v>106605.9093</v>
      </c>
      <c r="AO7748">
        <v>36681.849320000001</v>
      </c>
      <c r="AP7748">
        <v>19342.02162</v>
      </c>
    </row>
    <row r="7749" spans="2:42" x14ac:dyDescent="0.3">
      <c r="B7749">
        <v>66.179426570575302</v>
      </c>
      <c r="C7749" s="83">
        <v>43423.791666666664</v>
      </c>
      <c r="D7749">
        <v>260547.98190000001</v>
      </c>
      <c r="E7749">
        <v>25292.758379999999</v>
      </c>
      <c r="F7749">
        <v>82637.46501</v>
      </c>
      <c r="G7749">
        <v>57034.474320000001</v>
      </c>
      <c r="H7749">
        <v>46167.782910000002</v>
      </c>
      <c r="I7749">
        <v>37786.980620000002</v>
      </c>
      <c r="J7749">
        <v>34181.348050000001</v>
      </c>
      <c r="K7749">
        <v>53541.780149999999</v>
      </c>
      <c r="L7749">
        <v>26087.065320000002</v>
      </c>
      <c r="M7749">
        <v>337413.57890000002</v>
      </c>
      <c r="N7749">
        <v>76735.370899999994</v>
      </c>
      <c r="O7749">
        <v>21552.66834</v>
      </c>
      <c r="P7749">
        <v>34786.224990000002</v>
      </c>
      <c r="Q7749">
        <v>90952.416649999999</v>
      </c>
      <c r="R7749">
        <v>21721.587370000001</v>
      </c>
      <c r="S7749">
        <v>100087.5071</v>
      </c>
      <c r="T7749">
        <v>35855.843589999997</v>
      </c>
      <c r="U7749">
        <v>17766.64055</v>
      </c>
      <c r="W7749" s="83">
        <f>Bühler!N7781</f>
        <v>45614.791666647878</v>
      </c>
      <c r="X7749" s="83">
        <v>43423.791666666664</v>
      </c>
      <c r="Y7749">
        <v>260547.98190000001</v>
      </c>
      <c r="Z7749">
        <v>25292.758379999999</v>
      </c>
      <c r="AA7749">
        <v>82637.46501</v>
      </c>
      <c r="AB7749">
        <v>57034.474320000001</v>
      </c>
      <c r="AC7749">
        <v>46167.782910000002</v>
      </c>
      <c r="AD7749">
        <v>37786.980620000002</v>
      </c>
      <c r="AE7749">
        <v>34181.348050000001</v>
      </c>
      <c r="AF7749">
        <v>53541.780149999999</v>
      </c>
      <c r="AG7749">
        <v>26087.065320000002</v>
      </c>
      <c r="AH7749">
        <v>337413.57890000002</v>
      </c>
      <c r="AI7749">
        <v>76735.370899999994</v>
      </c>
      <c r="AJ7749">
        <v>21552.66834</v>
      </c>
      <c r="AK7749">
        <v>34786.224990000002</v>
      </c>
      <c r="AL7749">
        <v>90952.416649999999</v>
      </c>
      <c r="AM7749">
        <v>21721.587370000001</v>
      </c>
      <c r="AN7749">
        <v>100087.5071</v>
      </c>
      <c r="AO7749">
        <v>35855.843589999997</v>
      </c>
      <c r="AP7749">
        <v>17766.64055</v>
      </c>
    </row>
    <row r="7750" spans="2:42" x14ac:dyDescent="0.3">
      <c r="B7750">
        <v>64.344911704206197</v>
      </c>
      <c r="C7750" s="83">
        <v>43423.833333333336</v>
      </c>
      <c r="D7750">
        <v>248425.77789999999</v>
      </c>
      <c r="E7750">
        <v>19056.207480000001</v>
      </c>
      <c r="F7750">
        <v>64464.049859999999</v>
      </c>
      <c r="G7750">
        <v>49777.366119999999</v>
      </c>
      <c r="H7750">
        <v>43345.528440000002</v>
      </c>
      <c r="I7750">
        <v>33658.229639999998</v>
      </c>
      <c r="J7750">
        <v>33245.206299999998</v>
      </c>
      <c r="K7750">
        <v>52336.064059999997</v>
      </c>
      <c r="L7750">
        <v>25362.95004</v>
      </c>
      <c r="M7750">
        <v>328060.36660000001</v>
      </c>
      <c r="N7750">
        <v>72897.116169999994</v>
      </c>
      <c r="O7750">
        <v>20973.984380000002</v>
      </c>
      <c r="P7750">
        <v>34585.467149999997</v>
      </c>
      <c r="Q7750">
        <v>88180.604919999998</v>
      </c>
      <c r="R7750">
        <v>19562.674319999998</v>
      </c>
      <c r="S7750">
        <v>89980.541119999994</v>
      </c>
      <c r="T7750">
        <v>33655.060559999998</v>
      </c>
      <c r="U7750">
        <v>16286.685589999999</v>
      </c>
      <c r="W7750" s="83">
        <f>Bühler!N7782</f>
        <v>45614.833333314542</v>
      </c>
      <c r="X7750" s="83">
        <v>43423.833333333336</v>
      </c>
      <c r="Y7750">
        <v>248425.77789999999</v>
      </c>
      <c r="Z7750">
        <v>19056.207480000001</v>
      </c>
      <c r="AA7750">
        <v>64464.049859999999</v>
      </c>
      <c r="AB7750">
        <v>49777.366119999999</v>
      </c>
      <c r="AC7750">
        <v>43345.528440000002</v>
      </c>
      <c r="AD7750">
        <v>33658.229639999998</v>
      </c>
      <c r="AE7750">
        <v>33245.206299999998</v>
      </c>
      <c r="AF7750">
        <v>52336.064059999997</v>
      </c>
      <c r="AG7750">
        <v>25362.95004</v>
      </c>
      <c r="AH7750">
        <v>328060.36660000001</v>
      </c>
      <c r="AI7750">
        <v>72897.116169999994</v>
      </c>
      <c r="AJ7750">
        <v>20973.984380000002</v>
      </c>
      <c r="AK7750">
        <v>34585.467149999997</v>
      </c>
      <c r="AL7750">
        <v>88180.604919999998</v>
      </c>
      <c r="AM7750">
        <v>19562.674319999998</v>
      </c>
      <c r="AN7750">
        <v>89980.541119999994</v>
      </c>
      <c r="AO7750">
        <v>33655.060559999998</v>
      </c>
      <c r="AP7750">
        <v>16286.685589999999</v>
      </c>
    </row>
    <row r="7751" spans="2:42" x14ac:dyDescent="0.3">
      <c r="B7751">
        <v>62.107946402278678</v>
      </c>
      <c r="C7751" s="83">
        <v>43423.875</v>
      </c>
      <c r="D7751">
        <v>238484.07620000001</v>
      </c>
      <c r="E7751">
        <v>16165.38673</v>
      </c>
      <c r="F7751">
        <v>56560.786520000001</v>
      </c>
      <c r="G7751">
        <v>46120.117100000003</v>
      </c>
      <c r="H7751">
        <v>40889.88826</v>
      </c>
      <c r="I7751">
        <v>28720.003379999998</v>
      </c>
      <c r="J7751">
        <v>31869.67772</v>
      </c>
      <c r="K7751">
        <v>50662.295590000002</v>
      </c>
      <c r="L7751">
        <v>24050.374029999999</v>
      </c>
      <c r="M7751">
        <v>316655.27429999999</v>
      </c>
      <c r="N7751">
        <v>72160.052249999993</v>
      </c>
      <c r="O7751">
        <v>19980.374660000001</v>
      </c>
      <c r="P7751">
        <v>33305.568720000003</v>
      </c>
      <c r="Q7751">
        <v>86601.743180000005</v>
      </c>
      <c r="R7751">
        <v>18429.518120000001</v>
      </c>
      <c r="S7751">
        <v>84892.590209999995</v>
      </c>
      <c r="T7751">
        <v>30774.164959999998</v>
      </c>
      <c r="U7751">
        <v>15102.56293</v>
      </c>
      <c r="W7751" s="83">
        <f>Bühler!N7783</f>
        <v>45614.874999981206</v>
      </c>
      <c r="X7751" s="83">
        <v>43423.875</v>
      </c>
      <c r="Y7751">
        <v>238484.07620000001</v>
      </c>
      <c r="Z7751">
        <v>16165.38673</v>
      </c>
      <c r="AA7751">
        <v>56560.786520000001</v>
      </c>
      <c r="AB7751">
        <v>46120.117100000003</v>
      </c>
      <c r="AC7751">
        <v>40889.88826</v>
      </c>
      <c r="AD7751">
        <v>28720.003379999998</v>
      </c>
      <c r="AE7751">
        <v>31869.67772</v>
      </c>
      <c r="AF7751">
        <v>50662.295590000002</v>
      </c>
      <c r="AG7751">
        <v>24050.374029999999</v>
      </c>
      <c r="AH7751">
        <v>316655.27429999999</v>
      </c>
      <c r="AI7751">
        <v>72160.052249999993</v>
      </c>
      <c r="AJ7751">
        <v>19980.374660000001</v>
      </c>
      <c r="AK7751">
        <v>33305.568720000003</v>
      </c>
      <c r="AL7751">
        <v>86601.743180000005</v>
      </c>
      <c r="AM7751">
        <v>18429.518120000001</v>
      </c>
      <c r="AN7751">
        <v>84892.590209999995</v>
      </c>
      <c r="AO7751">
        <v>30774.164959999998</v>
      </c>
      <c r="AP7751">
        <v>15102.56293</v>
      </c>
    </row>
    <row r="7752" spans="2:42" x14ac:dyDescent="0.3">
      <c r="B7752">
        <v>62.067675939314071</v>
      </c>
      <c r="C7752" s="83">
        <v>43423.916666666664</v>
      </c>
      <c r="D7752">
        <v>236012.20699999999</v>
      </c>
      <c r="E7752">
        <v>15305.810229999999</v>
      </c>
      <c r="F7752">
        <v>54241.200299999997</v>
      </c>
      <c r="G7752">
        <v>43368.537940000002</v>
      </c>
      <c r="H7752">
        <v>39346.397929999999</v>
      </c>
      <c r="I7752">
        <v>26557.5406</v>
      </c>
      <c r="J7752">
        <v>30709.84794</v>
      </c>
      <c r="K7752">
        <v>53942.849260000003</v>
      </c>
      <c r="L7752">
        <v>22240.78039</v>
      </c>
      <c r="M7752">
        <v>316449.95669999998</v>
      </c>
      <c r="N7752">
        <v>70802.761970000007</v>
      </c>
      <c r="O7752">
        <v>20015.136829999999</v>
      </c>
      <c r="P7752">
        <v>33513.298560000003</v>
      </c>
      <c r="Q7752">
        <v>85802.171300000002</v>
      </c>
      <c r="R7752">
        <v>22842.01252</v>
      </c>
      <c r="S7752">
        <v>82477.057149999993</v>
      </c>
      <c r="T7752">
        <v>26634.89618</v>
      </c>
      <c r="U7752">
        <v>15276.46182</v>
      </c>
      <c r="W7752" s="83">
        <f>Bühler!N7784</f>
        <v>45614.91666664787</v>
      </c>
      <c r="X7752" s="83">
        <v>43423.916666666664</v>
      </c>
      <c r="Y7752">
        <v>236012.20699999999</v>
      </c>
      <c r="Z7752">
        <v>15305.810229999999</v>
      </c>
      <c r="AA7752">
        <v>54241.200299999997</v>
      </c>
      <c r="AB7752">
        <v>43368.537940000002</v>
      </c>
      <c r="AC7752">
        <v>39346.397929999999</v>
      </c>
      <c r="AD7752">
        <v>26557.5406</v>
      </c>
      <c r="AE7752">
        <v>30709.84794</v>
      </c>
      <c r="AF7752">
        <v>53942.849260000003</v>
      </c>
      <c r="AG7752">
        <v>22240.78039</v>
      </c>
      <c r="AH7752">
        <v>316449.95669999998</v>
      </c>
      <c r="AI7752">
        <v>70802.761970000007</v>
      </c>
      <c r="AJ7752">
        <v>20015.136829999999</v>
      </c>
      <c r="AK7752">
        <v>33513.298560000003</v>
      </c>
      <c r="AL7752">
        <v>85802.171300000002</v>
      </c>
      <c r="AM7752">
        <v>22842.01252</v>
      </c>
      <c r="AN7752">
        <v>82477.057149999993</v>
      </c>
      <c r="AO7752">
        <v>26634.89618</v>
      </c>
      <c r="AP7752">
        <v>15276.46182</v>
      </c>
    </row>
    <row r="7753" spans="2:42" x14ac:dyDescent="0.3">
      <c r="B7753">
        <v>61.492001686873252</v>
      </c>
      <c r="C7753" s="83">
        <v>43423.958333333336</v>
      </c>
      <c r="D7753">
        <v>236904.5007</v>
      </c>
      <c r="E7753">
        <v>14814.38739</v>
      </c>
      <c r="F7753">
        <v>53122.459089999997</v>
      </c>
      <c r="G7753">
        <v>42117.183400000002</v>
      </c>
      <c r="H7753">
        <v>38283.557540000002</v>
      </c>
      <c r="I7753">
        <v>25538.446059999998</v>
      </c>
      <c r="J7753">
        <v>28758.873810000001</v>
      </c>
      <c r="K7753">
        <v>52359.227870000002</v>
      </c>
      <c r="L7753">
        <v>18845.332030000001</v>
      </c>
      <c r="M7753">
        <v>313514.90090000001</v>
      </c>
      <c r="N7753">
        <v>70475.506819999995</v>
      </c>
      <c r="O7753">
        <v>19879.679810000001</v>
      </c>
      <c r="P7753">
        <v>30044.198410000001</v>
      </c>
      <c r="Q7753">
        <v>85290.469219999999</v>
      </c>
      <c r="R7753">
        <v>21978.186010000001</v>
      </c>
      <c r="S7753">
        <v>80531.170540000006</v>
      </c>
      <c r="T7753">
        <v>28445.57418</v>
      </c>
      <c r="U7753">
        <v>14530.214910000001</v>
      </c>
      <c r="W7753" s="83">
        <f>Bühler!N7785</f>
        <v>45614.958333314535</v>
      </c>
      <c r="X7753" s="83">
        <v>43423.958333333336</v>
      </c>
      <c r="Y7753">
        <v>236904.5007</v>
      </c>
      <c r="Z7753">
        <v>14814.38739</v>
      </c>
      <c r="AA7753">
        <v>53122.459089999997</v>
      </c>
      <c r="AB7753">
        <v>42117.183400000002</v>
      </c>
      <c r="AC7753">
        <v>38283.557540000002</v>
      </c>
      <c r="AD7753">
        <v>25538.446059999998</v>
      </c>
      <c r="AE7753">
        <v>28758.873810000001</v>
      </c>
      <c r="AF7753">
        <v>52359.227870000002</v>
      </c>
      <c r="AG7753">
        <v>18845.332030000001</v>
      </c>
      <c r="AH7753">
        <v>313514.90090000001</v>
      </c>
      <c r="AI7753">
        <v>70475.506819999995</v>
      </c>
      <c r="AJ7753">
        <v>19879.679810000001</v>
      </c>
      <c r="AK7753">
        <v>30044.198410000001</v>
      </c>
      <c r="AL7753">
        <v>85290.469219999999</v>
      </c>
      <c r="AM7753">
        <v>21978.186010000001</v>
      </c>
      <c r="AN7753">
        <v>80531.170540000006</v>
      </c>
      <c r="AO7753">
        <v>28445.57418</v>
      </c>
      <c r="AP7753">
        <v>14530.214910000001</v>
      </c>
    </row>
    <row r="7754" spans="2:42" x14ac:dyDescent="0.3">
      <c r="B7754">
        <v>61.116314691700246</v>
      </c>
      <c r="C7754" s="83">
        <v>43424</v>
      </c>
      <c r="D7754">
        <v>235743.10019999999</v>
      </c>
      <c r="E7754">
        <v>14591.80769</v>
      </c>
      <c r="F7754">
        <v>52474.584580000002</v>
      </c>
      <c r="G7754">
        <v>41239.45753</v>
      </c>
      <c r="H7754">
        <v>37916.625599999999</v>
      </c>
      <c r="I7754">
        <v>23362.160209999998</v>
      </c>
      <c r="J7754">
        <v>25740.43391</v>
      </c>
      <c r="K7754">
        <v>50799.658759999998</v>
      </c>
      <c r="L7754">
        <v>17299.309840000002</v>
      </c>
      <c r="M7754">
        <v>311599.47340000002</v>
      </c>
      <c r="N7754">
        <v>69093.4323</v>
      </c>
      <c r="O7754">
        <v>19904.204399999999</v>
      </c>
      <c r="P7754">
        <v>27819.483059999999</v>
      </c>
      <c r="Q7754">
        <v>85367.950939999995</v>
      </c>
      <c r="R7754">
        <v>21199.985659999998</v>
      </c>
      <c r="S7754">
        <v>79415.711169999995</v>
      </c>
      <c r="T7754">
        <v>26504.966520000002</v>
      </c>
      <c r="U7754">
        <v>14679.908589999999</v>
      </c>
      <c r="W7754" s="83">
        <f>Bühler!N7786</f>
        <v>45614.999999981199</v>
      </c>
      <c r="X7754" s="83">
        <v>43424</v>
      </c>
      <c r="Y7754">
        <v>235743.10019999999</v>
      </c>
      <c r="Z7754">
        <v>14591.80769</v>
      </c>
      <c r="AA7754">
        <v>52474.584580000002</v>
      </c>
      <c r="AB7754">
        <v>41239.45753</v>
      </c>
      <c r="AC7754">
        <v>37916.625599999999</v>
      </c>
      <c r="AD7754">
        <v>23362.160209999998</v>
      </c>
      <c r="AE7754">
        <v>25740.43391</v>
      </c>
      <c r="AF7754">
        <v>50799.658759999998</v>
      </c>
      <c r="AG7754">
        <v>17299.309840000002</v>
      </c>
      <c r="AH7754">
        <v>311599.47340000002</v>
      </c>
      <c r="AI7754">
        <v>69093.4323</v>
      </c>
      <c r="AJ7754">
        <v>19904.204399999999</v>
      </c>
      <c r="AK7754">
        <v>27819.483059999999</v>
      </c>
      <c r="AL7754">
        <v>85367.950939999995</v>
      </c>
      <c r="AM7754">
        <v>21199.985659999998</v>
      </c>
      <c r="AN7754">
        <v>79415.711169999995</v>
      </c>
      <c r="AO7754">
        <v>26504.966520000002</v>
      </c>
      <c r="AP7754">
        <v>14679.908589999999</v>
      </c>
    </row>
    <row r="7755" spans="2:42" x14ac:dyDescent="0.3">
      <c r="B7755">
        <v>60.646693076216238</v>
      </c>
      <c r="C7755" s="83">
        <v>43424.041666666664</v>
      </c>
      <c r="D7755">
        <v>236314.4045</v>
      </c>
      <c r="E7755">
        <v>14505.101629999999</v>
      </c>
      <c r="F7755">
        <v>52680.916590000001</v>
      </c>
      <c r="G7755">
        <v>41006.914689999998</v>
      </c>
      <c r="H7755">
        <v>37302.895600000003</v>
      </c>
      <c r="I7755">
        <v>19280.187549999999</v>
      </c>
      <c r="J7755">
        <v>25267.272059999999</v>
      </c>
      <c r="K7755">
        <v>49678.312890000001</v>
      </c>
      <c r="L7755">
        <v>16340.80977</v>
      </c>
      <c r="M7755">
        <v>309205.12339999998</v>
      </c>
      <c r="N7755">
        <v>68990.694759999998</v>
      </c>
      <c r="O7755">
        <v>20084.97219</v>
      </c>
      <c r="P7755">
        <v>26729.127779999999</v>
      </c>
      <c r="Q7755">
        <v>86826.423160000006</v>
      </c>
      <c r="R7755">
        <v>20545.16228</v>
      </c>
      <c r="S7755">
        <v>78634.662989999997</v>
      </c>
      <c r="T7755">
        <v>25813.797979999999</v>
      </c>
      <c r="U7755">
        <v>14572.02528</v>
      </c>
      <c r="W7755" s="83">
        <f>Bühler!N7787</f>
        <v>45615.041666647863</v>
      </c>
      <c r="X7755" s="83">
        <v>43424.041666666664</v>
      </c>
      <c r="Y7755">
        <v>236314.4045</v>
      </c>
      <c r="Z7755">
        <v>14505.101629999999</v>
      </c>
      <c r="AA7755">
        <v>52680.916590000001</v>
      </c>
      <c r="AB7755">
        <v>41006.914689999998</v>
      </c>
      <c r="AC7755">
        <v>37302.895600000003</v>
      </c>
      <c r="AD7755">
        <v>19280.187549999999</v>
      </c>
      <c r="AE7755">
        <v>25267.272059999999</v>
      </c>
      <c r="AF7755">
        <v>49678.312890000001</v>
      </c>
      <c r="AG7755">
        <v>16340.80977</v>
      </c>
      <c r="AH7755">
        <v>309205.12339999998</v>
      </c>
      <c r="AI7755">
        <v>68990.694759999998</v>
      </c>
      <c r="AJ7755">
        <v>20084.97219</v>
      </c>
      <c r="AK7755">
        <v>26729.127779999999</v>
      </c>
      <c r="AL7755">
        <v>86826.423160000006</v>
      </c>
      <c r="AM7755">
        <v>20545.16228</v>
      </c>
      <c r="AN7755">
        <v>78634.662989999997</v>
      </c>
      <c r="AO7755">
        <v>25813.797979999999</v>
      </c>
      <c r="AP7755">
        <v>14572.02528</v>
      </c>
    </row>
    <row r="7756" spans="2:42" x14ac:dyDescent="0.3">
      <c r="B7756">
        <v>61.157246922297247</v>
      </c>
      <c r="C7756" s="83">
        <v>43424.083333333336</v>
      </c>
      <c r="D7756">
        <v>236744.41899999999</v>
      </c>
      <c r="E7756">
        <v>14481.86543</v>
      </c>
      <c r="F7756">
        <v>53258.535400000001</v>
      </c>
      <c r="G7756">
        <v>40341.70521</v>
      </c>
      <c r="H7756">
        <v>37263.642269999997</v>
      </c>
      <c r="I7756">
        <v>18140.350259999999</v>
      </c>
      <c r="J7756">
        <v>25301.659899999999</v>
      </c>
      <c r="K7756">
        <v>48034.288119999997</v>
      </c>
      <c r="L7756">
        <v>16399.402559999999</v>
      </c>
      <c r="M7756">
        <v>311808.16499999998</v>
      </c>
      <c r="N7756">
        <v>69686.285480000006</v>
      </c>
      <c r="O7756">
        <v>19558.553469999999</v>
      </c>
      <c r="P7756">
        <v>26640.412939999998</v>
      </c>
      <c r="Q7756">
        <v>88989.312789999996</v>
      </c>
      <c r="R7756">
        <v>19795.553230000001</v>
      </c>
      <c r="S7756">
        <v>77591.604460000002</v>
      </c>
      <c r="T7756">
        <v>25553.874230000001</v>
      </c>
      <c r="U7756">
        <v>14765.11435</v>
      </c>
      <c r="W7756" s="83">
        <f>Bühler!N7788</f>
        <v>45615.083333314527</v>
      </c>
      <c r="X7756" s="83">
        <v>43424.083333333336</v>
      </c>
      <c r="Y7756">
        <v>236744.41899999999</v>
      </c>
      <c r="Z7756">
        <v>14481.86543</v>
      </c>
      <c r="AA7756">
        <v>53258.535400000001</v>
      </c>
      <c r="AB7756">
        <v>40341.70521</v>
      </c>
      <c r="AC7756">
        <v>37263.642269999997</v>
      </c>
      <c r="AD7756">
        <v>18140.350259999999</v>
      </c>
      <c r="AE7756">
        <v>25301.659899999999</v>
      </c>
      <c r="AF7756">
        <v>48034.288119999997</v>
      </c>
      <c r="AG7756">
        <v>16399.402559999999</v>
      </c>
      <c r="AH7756">
        <v>311808.16499999998</v>
      </c>
      <c r="AI7756">
        <v>69686.285480000006</v>
      </c>
      <c r="AJ7756">
        <v>19558.553469999999</v>
      </c>
      <c r="AK7756">
        <v>26640.412939999998</v>
      </c>
      <c r="AL7756">
        <v>88989.312789999996</v>
      </c>
      <c r="AM7756">
        <v>19795.553230000001</v>
      </c>
      <c r="AN7756">
        <v>77591.604460000002</v>
      </c>
      <c r="AO7756">
        <v>25553.874230000001</v>
      </c>
      <c r="AP7756">
        <v>14765.11435</v>
      </c>
    </row>
    <row r="7757" spans="2:42" x14ac:dyDescent="0.3">
      <c r="B7757">
        <v>61.214328636773843</v>
      </c>
      <c r="C7757" s="83">
        <v>43424.125</v>
      </c>
      <c r="D7757">
        <v>239309.2776</v>
      </c>
      <c r="E7757">
        <v>14584.26282</v>
      </c>
      <c r="F7757">
        <v>54141.629679999998</v>
      </c>
      <c r="G7757">
        <v>40282.77435</v>
      </c>
      <c r="H7757">
        <v>37243.428520000001</v>
      </c>
      <c r="I7757">
        <v>18176.75719</v>
      </c>
      <c r="J7757">
        <v>25337.291430000001</v>
      </c>
      <c r="K7757">
        <v>46629.496599999999</v>
      </c>
      <c r="L7757">
        <v>16215.83395</v>
      </c>
      <c r="M7757">
        <v>312099.19420000003</v>
      </c>
      <c r="N7757">
        <v>69451.07935</v>
      </c>
      <c r="O7757">
        <v>19842.224429999998</v>
      </c>
      <c r="P7757">
        <v>24992.417369999999</v>
      </c>
      <c r="Q7757">
        <v>91467.272769999996</v>
      </c>
      <c r="R7757">
        <v>19894.835159999999</v>
      </c>
      <c r="S7757">
        <v>77225.249020000003</v>
      </c>
      <c r="T7757">
        <v>25373.424180000002</v>
      </c>
      <c r="U7757">
        <v>14889.325849999999</v>
      </c>
      <c r="W7757" s="83">
        <f>Bühler!N7789</f>
        <v>45615.124999981192</v>
      </c>
      <c r="X7757" s="83">
        <v>43424.125</v>
      </c>
      <c r="Y7757">
        <v>239309.2776</v>
      </c>
      <c r="Z7757">
        <v>14584.26282</v>
      </c>
      <c r="AA7757">
        <v>54141.629679999998</v>
      </c>
      <c r="AB7757">
        <v>40282.77435</v>
      </c>
      <c r="AC7757">
        <v>37243.428520000001</v>
      </c>
      <c r="AD7757">
        <v>18176.75719</v>
      </c>
      <c r="AE7757">
        <v>25337.291430000001</v>
      </c>
      <c r="AF7757">
        <v>46629.496599999999</v>
      </c>
      <c r="AG7757">
        <v>16215.83395</v>
      </c>
      <c r="AH7757">
        <v>312099.19420000003</v>
      </c>
      <c r="AI7757">
        <v>69451.07935</v>
      </c>
      <c r="AJ7757">
        <v>19842.224429999998</v>
      </c>
      <c r="AK7757">
        <v>24992.417369999999</v>
      </c>
      <c r="AL7757">
        <v>91467.272769999996</v>
      </c>
      <c r="AM7757">
        <v>19894.835159999999</v>
      </c>
      <c r="AN7757">
        <v>77225.249020000003</v>
      </c>
      <c r="AO7757">
        <v>25373.424180000002</v>
      </c>
      <c r="AP7757">
        <v>14889.325849999999</v>
      </c>
    </row>
    <row r="7758" spans="2:42" x14ac:dyDescent="0.3">
      <c r="B7758">
        <v>62.963697231522453</v>
      </c>
      <c r="C7758" s="83">
        <v>43424.166666666664</v>
      </c>
      <c r="D7758">
        <v>240554.6593</v>
      </c>
      <c r="E7758">
        <v>15257.437040000001</v>
      </c>
      <c r="F7758">
        <v>57624.5821</v>
      </c>
      <c r="G7758">
        <v>40180.920570000002</v>
      </c>
      <c r="H7758">
        <v>38009.299509999997</v>
      </c>
      <c r="I7758">
        <v>20166.35139</v>
      </c>
      <c r="J7758">
        <v>26612.827369999999</v>
      </c>
      <c r="K7758">
        <v>44710.328679999999</v>
      </c>
      <c r="L7758">
        <v>16209.73004</v>
      </c>
      <c r="M7758">
        <v>321018.29109999997</v>
      </c>
      <c r="N7758">
        <v>69111.737850000005</v>
      </c>
      <c r="O7758">
        <v>20376.460940000001</v>
      </c>
      <c r="P7758">
        <v>24534.296109999999</v>
      </c>
      <c r="Q7758">
        <v>96227.175959999993</v>
      </c>
      <c r="R7758">
        <v>19771.067760000002</v>
      </c>
      <c r="S7758">
        <v>78111.761280000006</v>
      </c>
      <c r="T7758">
        <v>25430.666359999999</v>
      </c>
      <c r="U7758">
        <v>15715.82158</v>
      </c>
      <c r="W7758" s="83">
        <f>Bühler!N7790</f>
        <v>45615.166666647856</v>
      </c>
      <c r="X7758" s="83">
        <v>43424.166666666664</v>
      </c>
      <c r="Y7758">
        <v>240554.6593</v>
      </c>
      <c r="Z7758">
        <v>15257.437040000001</v>
      </c>
      <c r="AA7758">
        <v>57624.5821</v>
      </c>
      <c r="AB7758">
        <v>40180.920570000002</v>
      </c>
      <c r="AC7758">
        <v>38009.299509999997</v>
      </c>
      <c r="AD7758">
        <v>20166.35139</v>
      </c>
      <c r="AE7758">
        <v>26612.827369999999</v>
      </c>
      <c r="AF7758">
        <v>44710.328679999999</v>
      </c>
      <c r="AG7758">
        <v>16209.73004</v>
      </c>
      <c r="AH7758">
        <v>321018.29109999997</v>
      </c>
      <c r="AI7758">
        <v>69111.737850000005</v>
      </c>
      <c r="AJ7758">
        <v>20376.460940000001</v>
      </c>
      <c r="AK7758">
        <v>24534.296109999999</v>
      </c>
      <c r="AL7758">
        <v>96227.175959999993</v>
      </c>
      <c r="AM7758">
        <v>19771.067760000002</v>
      </c>
      <c r="AN7758">
        <v>78111.761280000006</v>
      </c>
      <c r="AO7758">
        <v>25430.666359999999</v>
      </c>
      <c r="AP7758">
        <v>15715.82158</v>
      </c>
    </row>
    <row r="7759" spans="2:42" x14ac:dyDescent="0.3">
      <c r="B7759">
        <v>66.133272946285658</v>
      </c>
      <c r="C7759" s="83">
        <v>43424.208333333336</v>
      </c>
      <c r="D7759">
        <v>256928.06219999999</v>
      </c>
      <c r="E7759">
        <v>17391.641060000002</v>
      </c>
      <c r="F7759">
        <v>68222.490919999997</v>
      </c>
      <c r="G7759">
        <v>42978.145790000002</v>
      </c>
      <c r="H7759">
        <v>40193.775280000002</v>
      </c>
      <c r="I7759">
        <v>27674.02779</v>
      </c>
      <c r="J7759">
        <v>29170.30803</v>
      </c>
      <c r="K7759">
        <v>46615.31409</v>
      </c>
      <c r="L7759">
        <v>17261.85799</v>
      </c>
      <c r="M7759">
        <v>337178.26620000001</v>
      </c>
      <c r="N7759">
        <v>70723.921610000005</v>
      </c>
      <c r="O7759">
        <v>20840.34863</v>
      </c>
      <c r="P7759">
        <v>26497.59215</v>
      </c>
      <c r="Q7759">
        <v>98636.771959999998</v>
      </c>
      <c r="R7759">
        <v>20484.15193</v>
      </c>
      <c r="S7759">
        <v>80796.520749999996</v>
      </c>
      <c r="T7759">
        <v>27137.438040000001</v>
      </c>
      <c r="U7759">
        <v>17505.755990000001</v>
      </c>
      <c r="W7759" s="83">
        <f>Bühler!N7791</f>
        <v>45615.20833331452</v>
      </c>
      <c r="X7759" s="83">
        <v>43424.208333333336</v>
      </c>
      <c r="Y7759">
        <v>256928.06219999999</v>
      </c>
      <c r="Z7759">
        <v>17391.641060000002</v>
      </c>
      <c r="AA7759">
        <v>68222.490919999997</v>
      </c>
      <c r="AB7759">
        <v>42978.145790000002</v>
      </c>
      <c r="AC7759">
        <v>40193.775280000002</v>
      </c>
      <c r="AD7759">
        <v>27674.02779</v>
      </c>
      <c r="AE7759">
        <v>29170.30803</v>
      </c>
      <c r="AF7759">
        <v>46615.31409</v>
      </c>
      <c r="AG7759">
        <v>17261.85799</v>
      </c>
      <c r="AH7759">
        <v>337178.26620000001</v>
      </c>
      <c r="AI7759">
        <v>70723.921610000005</v>
      </c>
      <c r="AJ7759">
        <v>20840.34863</v>
      </c>
      <c r="AK7759">
        <v>26497.59215</v>
      </c>
      <c r="AL7759">
        <v>98636.771959999998</v>
      </c>
      <c r="AM7759">
        <v>20484.15193</v>
      </c>
      <c r="AN7759">
        <v>80796.520749999996</v>
      </c>
      <c r="AO7759">
        <v>27137.438040000001</v>
      </c>
      <c r="AP7759">
        <v>17505.755990000001</v>
      </c>
    </row>
    <row r="7760" spans="2:42" x14ac:dyDescent="0.3">
      <c r="B7760">
        <v>69.747261440898825</v>
      </c>
      <c r="C7760" s="83">
        <v>43424.25</v>
      </c>
      <c r="D7760">
        <v>274641.00870000001</v>
      </c>
      <c r="E7760">
        <v>21742.15263</v>
      </c>
      <c r="F7760">
        <v>82178.478659999993</v>
      </c>
      <c r="G7760">
        <v>58818.249490000002</v>
      </c>
      <c r="H7760">
        <v>43983.21686</v>
      </c>
      <c r="I7760">
        <v>35816.98403</v>
      </c>
      <c r="J7760">
        <v>32690.760300000002</v>
      </c>
      <c r="K7760">
        <v>49579.830759999997</v>
      </c>
      <c r="L7760">
        <v>18307.317319999998</v>
      </c>
      <c r="M7760">
        <v>355604.0649</v>
      </c>
      <c r="N7760">
        <v>75702.69601</v>
      </c>
      <c r="O7760">
        <v>22503.704030000001</v>
      </c>
      <c r="P7760">
        <v>27542.403750000001</v>
      </c>
      <c r="Q7760">
        <v>100654.55530000001</v>
      </c>
      <c r="R7760">
        <v>18926.516619999999</v>
      </c>
      <c r="S7760">
        <v>90735.252059999999</v>
      </c>
      <c r="T7760">
        <v>29805.19846</v>
      </c>
      <c r="U7760">
        <v>20186.789089999998</v>
      </c>
      <c r="W7760" s="83">
        <f>Bühler!N7792</f>
        <v>45615.249999981184</v>
      </c>
      <c r="X7760" s="83">
        <v>43424.25</v>
      </c>
      <c r="Y7760">
        <v>274641.00870000001</v>
      </c>
      <c r="Z7760">
        <v>21742.15263</v>
      </c>
      <c r="AA7760">
        <v>82178.478659999993</v>
      </c>
      <c r="AB7760">
        <v>58818.249490000002</v>
      </c>
      <c r="AC7760">
        <v>43983.21686</v>
      </c>
      <c r="AD7760">
        <v>35816.98403</v>
      </c>
      <c r="AE7760">
        <v>32690.760300000002</v>
      </c>
      <c r="AF7760">
        <v>49579.830759999997</v>
      </c>
      <c r="AG7760">
        <v>18307.317319999998</v>
      </c>
      <c r="AH7760">
        <v>355604.0649</v>
      </c>
      <c r="AI7760">
        <v>75702.69601</v>
      </c>
      <c r="AJ7760">
        <v>22503.704030000001</v>
      </c>
      <c r="AK7760">
        <v>27542.403750000001</v>
      </c>
      <c r="AL7760">
        <v>100654.55530000001</v>
      </c>
      <c r="AM7760">
        <v>18926.516619999999</v>
      </c>
      <c r="AN7760">
        <v>90735.252059999999</v>
      </c>
      <c r="AO7760">
        <v>29805.19846</v>
      </c>
      <c r="AP7760">
        <v>20186.789089999998</v>
      </c>
    </row>
    <row r="7761" spans="2:42" x14ac:dyDescent="0.3">
      <c r="B7761">
        <v>71.322553805566926</v>
      </c>
      <c r="C7761" s="83">
        <v>43424.291666666664</v>
      </c>
      <c r="D7761">
        <v>288826.04830000002</v>
      </c>
      <c r="E7761">
        <v>27295.797869999999</v>
      </c>
      <c r="F7761">
        <v>86076.916530000002</v>
      </c>
      <c r="G7761">
        <v>75113.637050000005</v>
      </c>
      <c r="H7761">
        <v>50741.468650000003</v>
      </c>
      <c r="I7761">
        <v>44054.09362</v>
      </c>
      <c r="J7761">
        <v>34200.384550000002</v>
      </c>
      <c r="K7761">
        <v>55870.577190000004</v>
      </c>
      <c r="L7761">
        <v>21184.146349999999</v>
      </c>
      <c r="M7761">
        <v>363635.64</v>
      </c>
      <c r="N7761">
        <v>81731.723639999997</v>
      </c>
      <c r="O7761">
        <v>25164.049950000001</v>
      </c>
      <c r="P7761">
        <v>30468.26643</v>
      </c>
      <c r="Q7761">
        <v>100932.6027</v>
      </c>
      <c r="R7761">
        <v>21474.417409999998</v>
      </c>
      <c r="S7761">
        <v>108187.33199999999</v>
      </c>
      <c r="T7761">
        <v>32173.387709999999</v>
      </c>
      <c r="U7761">
        <v>26241.32878</v>
      </c>
      <c r="W7761" s="83">
        <f>Bühler!N7793</f>
        <v>45615.291666647849</v>
      </c>
      <c r="X7761" s="83">
        <v>43424.291666666664</v>
      </c>
      <c r="Y7761">
        <v>288826.04830000002</v>
      </c>
      <c r="Z7761">
        <v>27295.797869999999</v>
      </c>
      <c r="AA7761">
        <v>86076.916530000002</v>
      </c>
      <c r="AB7761">
        <v>75113.637050000005</v>
      </c>
      <c r="AC7761">
        <v>50741.468650000003</v>
      </c>
      <c r="AD7761">
        <v>44054.09362</v>
      </c>
      <c r="AE7761">
        <v>34200.384550000002</v>
      </c>
      <c r="AF7761">
        <v>55870.577190000004</v>
      </c>
      <c r="AG7761">
        <v>21184.146349999999</v>
      </c>
      <c r="AH7761">
        <v>363635.64</v>
      </c>
      <c r="AI7761">
        <v>81731.723639999997</v>
      </c>
      <c r="AJ7761">
        <v>25164.049950000001</v>
      </c>
      <c r="AK7761">
        <v>30468.26643</v>
      </c>
      <c r="AL7761">
        <v>100932.6027</v>
      </c>
      <c r="AM7761">
        <v>21474.417409999998</v>
      </c>
      <c r="AN7761">
        <v>108187.33199999999</v>
      </c>
      <c r="AO7761">
        <v>32173.387709999999</v>
      </c>
      <c r="AP7761">
        <v>26241.32878</v>
      </c>
    </row>
    <row r="7762" spans="2:42" x14ac:dyDescent="0.3">
      <c r="B7762">
        <v>71.353178034409069</v>
      </c>
      <c r="C7762" s="83">
        <v>43424.333333333336</v>
      </c>
      <c r="D7762">
        <v>300305.24349999998</v>
      </c>
      <c r="E7762">
        <v>33547.717210000003</v>
      </c>
      <c r="F7762">
        <v>94283.27794</v>
      </c>
      <c r="G7762">
        <v>91997.797649999993</v>
      </c>
      <c r="H7762">
        <v>55054.472880000001</v>
      </c>
      <c r="I7762">
        <v>47859.513830000004</v>
      </c>
      <c r="J7762">
        <v>34224.589240000001</v>
      </c>
      <c r="K7762">
        <v>62179.206729999998</v>
      </c>
      <c r="L7762">
        <v>24397.018960000001</v>
      </c>
      <c r="M7762">
        <v>363791.77659999998</v>
      </c>
      <c r="N7762">
        <v>88099.971600000004</v>
      </c>
      <c r="O7762">
        <v>26408.726630000001</v>
      </c>
      <c r="P7762">
        <v>32126.76712</v>
      </c>
      <c r="Q7762">
        <v>100134.9035</v>
      </c>
      <c r="R7762">
        <v>22440.454580000001</v>
      </c>
      <c r="S7762">
        <v>121856.51790000001</v>
      </c>
      <c r="T7762">
        <v>35578.339169999999</v>
      </c>
      <c r="U7762">
        <v>29401.816009999999</v>
      </c>
      <c r="W7762" s="83">
        <f>Bühler!N7794</f>
        <v>45615.333333314513</v>
      </c>
      <c r="X7762" s="83">
        <v>43424.333333333336</v>
      </c>
      <c r="Y7762">
        <v>300305.24349999998</v>
      </c>
      <c r="Z7762">
        <v>33547.717210000003</v>
      </c>
      <c r="AA7762">
        <v>94283.27794</v>
      </c>
      <c r="AB7762">
        <v>91997.797649999993</v>
      </c>
      <c r="AC7762">
        <v>55054.472880000001</v>
      </c>
      <c r="AD7762">
        <v>47859.513830000004</v>
      </c>
      <c r="AE7762">
        <v>34224.589240000001</v>
      </c>
      <c r="AF7762">
        <v>62179.206729999998</v>
      </c>
      <c r="AG7762">
        <v>24397.018960000001</v>
      </c>
      <c r="AH7762">
        <v>363791.77659999998</v>
      </c>
      <c r="AI7762">
        <v>88099.971600000004</v>
      </c>
      <c r="AJ7762">
        <v>26408.726630000001</v>
      </c>
      <c r="AK7762">
        <v>32126.76712</v>
      </c>
      <c r="AL7762">
        <v>100134.9035</v>
      </c>
      <c r="AM7762">
        <v>22440.454580000001</v>
      </c>
      <c r="AN7762">
        <v>121856.51790000001</v>
      </c>
      <c r="AO7762">
        <v>35578.339169999999</v>
      </c>
      <c r="AP7762">
        <v>29401.816009999999</v>
      </c>
    </row>
    <row r="7763" spans="2:42" x14ac:dyDescent="0.3">
      <c r="B7763">
        <v>71.393781695611352</v>
      </c>
      <c r="C7763" s="83">
        <v>43424.375</v>
      </c>
      <c r="D7763">
        <v>301799.59419999999</v>
      </c>
      <c r="E7763">
        <v>37083.826520000002</v>
      </c>
      <c r="F7763">
        <v>99501.855100000001</v>
      </c>
      <c r="G7763">
        <v>102029.90240000001</v>
      </c>
      <c r="H7763">
        <v>57092.145140000001</v>
      </c>
      <c r="I7763">
        <v>45640.439120000003</v>
      </c>
      <c r="J7763">
        <v>33940.297259999999</v>
      </c>
      <c r="K7763">
        <v>63581.989540000002</v>
      </c>
      <c r="L7763">
        <v>27334.841380000002</v>
      </c>
      <c r="M7763">
        <v>363998.79300000001</v>
      </c>
      <c r="N7763">
        <v>88680.773780000003</v>
      </c>
      <c r="O7763">
        <v>26533.351750000002</v>
      </c>
      <c r="P7763">
        <v>33440.067969999996</v>
      </c>
      <c r="Q7763">
        <v>101062.1566</v>
      </c>
      <c r="R7763">
        <v>22734.793389999999</v>
      </c>
      <c r="S7763">
        <v>128854.02</v>
      </c>
      <c r="T7763">
        <v>37736.121899999998</v>
      </c>
      <c r="U7763">
        <v>28728.062300000001</v>
      </c>
      <c r="W7763" s="83">
        <f>Bühler!N7795</f>
        <v>45615.374999981177</v>
      </c>
      <c r="X7763" s="83">
        <v>43424.375</v>
      </c>
      <c r="Y7763">
        <v>301799.59419999999</v>
      </c>
      <c r="Z7763">
        <v>37083.826520000002</v>
      </c>
      <c r="AA7763">
        <v>99501.855100000001</v>
      </c>
      <c r="AB7763">
        <v>102029.90240000001</v>
      </c>
      <c r="AC7763">
        <v>57092.145140000001</v>
      </c>
      <c r="AD7763">
        <v>45640.439120000003</v>
      </c>
      <c r="AE7763">
        <v>33940.297259999999</v>
      </c>
      <c r="AF7763">
        <v>63581.989540000002</v>
      </c>
      <c r="AG7763">
        <v>27334.841380000002</v>
      </c>
      <c r="AH7763">
        <v>363998.79300000001</v>
      </c>
      <c r="AI7763">
        <v>88680.773780000003</v>
      </c>
      <c r="AJ7763">
        <v>26533.351750000002</v>
      </c>
      <c r="AK7763">
        <v>33440.067969999996</v>
      </c>
      <c r="AL7763">
        <v>101062.1566</v>
      </c>
      <c r="AM7763">
        <v>22734.793389999999</v>
      </c>
      <c r="AN7763">
        <v>128854.02</v>
      </c>
      <c r="AO7763">
        <v>37736.121899999998</v>
      </c>
      <c r="AP7763">
        <v>28728.062300000001</v>
      </c>
    </row>
    <row r="7764" spans="2:42" x14ac:dyDescent="0.3">
      <c r="B7764">
        <v>71.796081713387537</v>
      </c>
      <c r="C7764" s="83">
        <v>43424.416666666664</v>
      </c>
      <c r="D7764">
        <v>302972.43660000002</v>
      </c>
      <c r="E7764">
        <v>38248.991620000001</v>
      </c>
      <c r="F7764">
        <v>99887.310570000001</v>
      </c>
      <c r="G7764">
        <v>103585.716</v>
      </c>
      <c r="H7764">
        <v>58060.139929999998</v>
      </c>
      <c r="I7764">
        <v>42970.539040000003</v>
      </c>
      <c r="J7764">
        <v>33031.933060000003</v>
      </c>
      <c r="K7764">
        <v>63952.065640000001</v>
      </c>
      <c r="L7764">
        <v>29869.859939999998</v>
      </c>
      <c r="M7764">
        <v>366049.90610000002</v>
      </c>
      <c r="N7764">
        <v>92903.1109</v>
      </c>
      <c r="O7764">
        <v>26662.284790000002</v>
      </c>
      <c r="P7764">
        <v>34165.873489999998</v>
      </c>
      <c r="Q7764">
        <v>101892.59639999999</v>
      </c>
      <c r="R7764">
        <v>22974.319459999999</v>
      </c>
      <c r="S7764">
        <v>129518.2058</v>
      </c>
      <c r="T7764">
        <v>38848.549769999998</v>
      </c>
      <c r="U7764">
        <v>27004.500609999999</v>
      </c>
      <c r="W7764" s="83">
        <f>Bühler!N7796</f>
        <v>45615.416666647841</v>
      </c>
      <c r="X7764" s="83">
        <v>43424.416666666664</v>
      </c>
      <c r="Y7764">
        <v>302972.43660000002</v>
      </c>
      <c r="Z7764">
        <v>38248.991620000001</v>
      </c>
      <c r="AA7764">
        <v>99887.310570000001</v>
      </c>
      <c r="AB7764">
        <v>103585.716</v>
      </c>
      <c r="AC7764">
        <v>58060.139929999998</v>
      </c>
      <c r="AD7764">
        <v>42970.539040000003</v>
      </c>
      <c r="AE7764">
        <v>33031.933060000003</v>
      </c>
      <c r="AF7764">
        <v>63952.065640000001</v>
      </c>
      <c r="AG7764">
        <v>29869.859939999998</v>
      </c>
      <c r="AH7764">
        <v>366049.90610000002</v>
      </c>
      <c r="AI7764">
        <v>92903.1109</v>
      </c>
      <c r="AJ7764">
        <v>26662.284790000002</v>
      </c>
      <c r="AK7764">
        <v>34165.873489999998</v>
      </c>
      <c r="AL7764">
        <v>101892.59639999999</v>
      </c>
      <c r="AM7764">
        <v>22974.319459999999</v>
      </c>
      <c r="AN7764">
        <v>129518.2058</v>
      </c>
      <c r="AO7764">
        <v>38848.549769999998</v>
      </c>
      <c r="AP7764">
        <v>27004.500609999999</v>
      </c>
    </row>
    <row r="7765" spans="2:42" x14ac:dyDescent="0.3">
      <c r="B7765">
        <v>72.259077042115067</v>
      </c>
      <c r="C7765" s="83">
        <v>43424.458333333336</v>
      </c>
      <c r="D7765">
        <v>300919.65720000002</v>
      </c>
      <c r="E7765">
        <v>38008.93058</v>
      </c>
      <c r="F7765">
        <v>99669.268110000005</v>
      </c>
      <c r="G7765">
        <v>100646.1185</v>
      </c>
      <c r="H7765">
        <v>57275.387490000001</v>
      </c>
      <c r="I7765">
        <v>42682.249000000003</v>
      </c>
      <c r="J7765">
        <v>33081.979149999999</v>
      </c>
      <c r="K7765">
        <v>64629.225989999999</v>
      </c>
      <c r="L7765">
        <v>31552.902239999999</v>
      </c>
      <c r="M7765">
        <v>368410.47220000002</v>
      </c>
      <c r="N7765">
        <v>92256.517330000002</v>
      </c>
      <c r="O7765">
        <v>26665.68505</v>
      </c>
      <c r="P7765">
        <v>32673.348259999999</v>
      </c>
      <c r="Q7765">
        <v>101478.7803</v>
      </c>
      <c r="R7765">
        <v>23623.878499999999</v>
      </c>
      <c r="S7765">
        <v>131004.24490000001</v>
      </c>
      <c r="T7765">
        <v>39443.349699999999</v>
      </c>
      <c r="U7765">
        <v>26653.733540000001</v>
      </c>
      <c r="W7765" s="83">
        <f>Bühler!N7797</f>
        <v>45615.458333314506</v>
      </c>
      <c r="X7765" s="83">
        <v>43424.458333333336</v>
      </c>
      <c r="Y7765">
        <v>300919.65720000002</v>
      </c>
      <c r="Z7765">
        <v>38008.93058</v>
      </c>
      <c r="AA7765">
        <v>99669.268110000005</v>
      </c>
      <c r="AB7765">
        <v>100646.1185</v>
      </c>
      <c r="AC7765">
        <v>57275.387490000001</v>
      </c>
      <c r="AD7765">
        <v>42682.249000000003</v>
      </c>
      <c r="AE7765">
        <v>33081.979149999999</v>
      </c>
      <c r="AF7765">
        <v>64629.225989999999</v>
      </c>
      <c r="AG7765">
        <v>31552.902239999999</v>
      </c>
      <c r="AH7765">
        <v>368410.47220000002</v>
      </c>
      <c r="AI7765">
        <v>92256.517330000002</v>
      </c>
      <c r="AJ7765">
        <v>26665.68505</v>
      </c>
      <c r="AK7765">
        <v>32673.348259999999</v>
      </c>
      <c r="AL7765">
        <v>101478.7803</v>
      </c>
      <c r="AM7765">
        <v>23623.878499999999</v>
      </c>
      <c r="AN7765">
        <v>131004.24490000001</v>
      </c>
      <c r="AO7765">
        <v>39443.349699999999</v>
      </c>
      <c r="AP7765">
        <v>26653.733540000001</v>
      </c>
    </row>
    <row r="7766" spans="2:42" x14ac:dyDescent="0.3">
      <c r="B7766">
        <v>71.48656296909104</v>
      </c>
      <c r="C7766" s="83">
        <v>43424.5</v>
      </c>
      <c r="D7766">
        <v>288222.05310000002</v>
      </c>
      <c r="E7766">
        <v>33858.655939999997</v>
      </c>
      <c r="F7766">
        <v>92348.144539999994</v>
      </c>
      <c r="G7766">
        <v>98566.747709999996</v>
      </c>
      <c r="H7766">
        <v>53976.686199999996</v>
      </c>
      <c r="I7766">
        <v>40028.251929999999</v>
      </c>
      <c r="J7766">
        <v>32271.933359999999</v>
      </c>
      <c r="K7766">
        <v>60383.15309</v>
      </c>
      <c r="L7766">
        <v>32667.60181</v>
      </c>
      <c r="M7766">
        <v>364471.83519999997</v>
      </c>
      <c r="N7766">
        <v>88659.640870000003</v>
      </c>
      <c r="O7766">
        <v>25659.397990000001</v>
      </c>
      <c r="P7766">
        <v>33765.638449999999</v>
      </c>
      <c r="Q7766">
        <v>99388.458920000005</v>
      </c>
      <c r="R7766">
        <v>25427.16444</v>
      </c>
      <c r="S7766">
        <v>123337.9918</v>
      </c>
      <c r="T7766">
        <v>38967.222269999998</v>
      </c>
      <c r="U7766">
        <v>23045.677919999998</v>
      </c>
      <c r="W7766" s="83">
        <f>Bühler!N7798</f>
        <v>45615.49999998117</v>
      </c>
      <c r="X7766" s="83">
        <v>43424.5</v>
      </c>
      <c r="Y7766">
        <v>288222.05310000002</v>
      </c>
      <c r="Z7766">
        <v>33858.655939999997</v>
      </c>
      <c r="AA7766">
        <v>92348.144539999994</v>
      </c>
      <c r="AB7766">
        <v>98566.747709999996</v>
      </c>
      <c r="AC7766">
        <v>53976.686199999996</v>
      </c>
      <c r="AD7766">
        <v>40028.251929999999</v>
      </c>
      <c r="AE7766">
        <v>32271.933359999999</v>
      </c>
      <c r="AF7766">
        <v>60383.15309</v>
      </c>
      <c r="AG7766">
        <v>32667.60181</v>
      </c>
      <c r="AH7766">
        <v>364471.83519999997</v>
      </c>
      <c r="AI7766">
        <v>88659.640870000003</v>
      </c>
      <c r="AJ7766">
        <v>25659.397990000001</v>
      </c>
      <c r="AK7766">
        <v>33765.638449999999</v>
      </c>
      <c r="AL7766">
        <v>99388.458920000005</v>
      </c>
      <c r="AM7766">
        <v>25427.16444</v>
      </c>
      <c r="AN7766">
        <v>123337.9918</v>
      </c>
      <c r="AO7766">
        <v>38967.222269999998</v>
      </c>
      <c r="AP7766">
        <v>23045.677919999998</v>
      </c>
    </row>
    <row r="7767" spans="2:42" x14ac:dyDescent="0.3">
      <c r="B7767">
        <v>71.455058848199201</v>
      </c>
      <c r="C7767" s="83">
        <v>43424.541666666664</v>
      </c>
      <c r="D7767">
        <v>291177.24910000002</v>
      </c>
      <c r="E7767">
        <v>34403.684090000002</v>
      </c>
      <c r="F7767">
        <v>89872.201090000002</v>
      </c>
      <c r="G7767">
        <v>96033.379289999997</v>
      </c>
      <c r="H7767">
        <v>54998.215949999998</v>
      </c>
      <c r="I7767">
        <v>39937.401890000001</v>
      </c>
      <c r="J7767">
        <v>31463.73401</v>
      </c>
      <c r="K7767">
        <v>62946.79578</v>
      </c>
      <c r="L7767">
        <v>30124.130410000002</v>
      </c>
      <c r="M7767">
        <v>364311.21250000002</v>
      </c>
      <c r="N7767">
        <v>89839.387419999999</v>
      </c>
      <c r="O7767">
        <v>26156.114979999998</v>
      </c>
      <c r="P7767">
        <v>32834.004699999998</v>
      </c>
      <c r="Q7767">
        <v>98694.042749999993</v>
      </c>
      <c r="R7767">
        <v>26273.933420000001</v>
      </c>
      <c r="S7767">
        <v>124184.91989999999</v>
      </c>
      <c r="T7767">
        <v>37553.990100000003</v>
      </c>
      <c r="U7767">
        <v>24092.72091</v>
      </c>
      <c r="W7767" s="83">
        <f>Bühler!N7799</f>
        <v>45615.541666647834</v>
      </c>
      <c r="X7767" s="83">
        <v>43424.541666666664</v>
      </c>
      <c r="Y7767">
        <v>291177.24910000002</v>
      </c>
      <c r="Z7767">
        <v>34403.684090000002</v>
      </c>
      <c r="AA7767">
        <v>89872.201090000002</v>
      </c>
      <c r="AB7767">
        <v>96033.379289999997</v>
      </c>
      <c r="AC7767">
        <v>54998.215949999998</v>
      </c>
      <c r="AD7767">
        <v>39937.401890000001</v>
      </c>
      <c r="AE7767">
        <v>31463.73401</v>
      </c>
      <c r="AF7767">
        <v>62946.79578</v>
      </c>
      <c r="AG7767">
        <v>30124.130410000002</v>
      </c>
      <c r="AH7767">
        <v>364311.21250000002</v>
      </c>
      <c r="AI7767">
        <v>89839.387419999999</v>
      </c>
      <c r="AJ7767">
        <v>26156.114979999998</v>
      </c>
      <c r="AK7767">
        <v>32834.004699999998</v>
      </c>
      <c r="AL7767">
        <v>98694.042749999993</v>
      </c>
      <c r="AM7767">
        <v>26273.933420000001</v>
      </c>
      <c r="AN7767">
        <v>124184.91989999999</v>
      </c>
      <c r="AO7767">
        <v>37553.990100000003</v>
      </c>
      <c r="AP7767">
        <v>24092.72091</v>
      </c>
    </row>
    <row r="7768" spans="2:42" x14ac:dyDescent="0.3">
      <c r="B7768">
        <v>71.204364460068803</v>
      </c>
      <c r="C7768" s="83">
        <v>43424.583333333336</v>
      </c>
      <c r="D7768">
        <v>293840.29889999999</v>
      </c>
      <c r="E7768">
        <v>36794.621890000002</v>
      </c>
      <c r="F7768">
        <v>98352.904790000001</v>
      </c>
      <c r="G7768">
        <v>91478.952170000004</v>
      </c>
      <c r="H7768">
        <v>54864.212099999997</v>
      </c>
      <c r="I7768">
        <v>40646.896990000001</v>
      </c>
      <c r="J7768">
        <v>31514.36478</v>
      </c>
      <c r="K7768">
        <v>65943.071290000007</v>
      </c>
      <c r="L7768">
        <v>26745.619760000001</v>
      </c>
      <c r="M7768">
        <v>363033.05560000002</v>
      </c>
      <c r="N7768">
        <v>91629.980530000001</v>
      </c>
      <c r="O7768">
        <v>25735.074349999999</v>
      </c>
      <c r="P7768">
        <v>30417.356469999999</v>
      </c>
      <c r="Q7768">
        <v>98039.301049999995</v>
      </c>
      <c r="R7768">
        <v>24746.581969999999</v>
      </c>
      <c r="S7768">
        <v>117226.0135</v>
      </c>
      <c r="T7768">
        <v>35930.045440000002</v>
      </c>
      <c r="U7768">
        <v>25534.170610000001</v>
      </c>
      <c r="W7768" s="83">
        <f>Bühler!N7800</f>
        <v>45615.583333314498</v>
      </c>
      <c r="X7768" s="83">
        <v>43424.583333333336</v>
      </c>
      <c r="Y7768">
        <v>293840.29889999999</v>
      </c>
      <c r="Z7768">
        <v>36794.621890000002</v>
      </c>
      <c r="AA7768">
        <v>98352.904790000001</v>
      </c>
      <c r="AB7768">
        <v>91478.952170000004</v>
      </c>
      <c r="AC7768">
        <v>54864.212099999997</v>
      </c>
      <c r="AD7768">
        <v>40646.896990000001</v>
      </c>
      <c r="AE7768">
        <v>31514.36478</v>
      </c>
      <c r="AF7768">
        <v>65943.071290000007</v>
      </c>
      <c r="AG7768">
        <v>26745.619760000001</v>
      </c>
      <c r="AH7768">
        <v>363033.05560000002</v>
      </c>
      <c r="AI7768">
        <v>91629.980530000001</v>
      </c>
      <c r="AJ7768">
        <v>25735.074349999999</v>
      </c>
      <c r="AK7768">
        <v>30417.356469999999</v>
      </c>
      <c r="AL7768">
        <v>98039.301049999995</v>
      </c>
      <c r="AM7768">
        <v>24746.581969999999</v>
      </c>
      <c r="AN7768">
        <v>117226.0135</v>
      </c>
      <c r="AO7768">
        <v>35930.045440000002</v>
      </c>
      <c r="AP7768">
        <v>25534.170610000001</v>
      </c>
    </row>
    <row r="7769" spans="2:42" x14ac:dyDescent="0.3">
      <c r="B7769">
        <v>70.279321538594701</v>
      </c>
      <c r="C7769" s="83">
        <v>43424.625</v>
      </c>
      <c r="D7769">
        <v>290841.97379999998</v>
      </c>
      <c r="E7769">
        <v>36849.538970000001</v>
      </c>
      <c r="F7769">
        <v>99902.037079999995</v>
      </c>
      <c r="G7769">
        <v>88956.75821</v>
      </c>
      <c r="H7769">
        <v>53949.44169</v>
      </c>
      <c r="I7769">
        <v>41027.19081</v>
      </c>
      <c r="J7769">
        <v>31260.60699</v>
      </c>
      <c r="K7769">
        <v>64128.782099999997</v>
      </c>
      <c r="L7769">
        <v>24057.129099999998</v>
      </c>
      <c r="M7769">
        <v>358316.75540000002</v>
      </c>
      <c r="N7769">
        <v>88918.492440000002</v>
      </c>
      <c r="O7769">
        <v>25366.069909999998</v>
      </c>
      <c r="P7769">
        <v>28116.63696</v>
      </c>
      <c r="Q7769">
        <v>97946.483829999997</v>
      </c>
      <c r="R7769">
        <v>24198.48661</v>
      </c>
      <c r="S7769">
        <v>115337.0472</v>
      </c>
      <c r="T7769">
        <v>35595.673779999997</v>
      </c>
      <c r="U7769">
        <v>24324.09794</v>
      </c>
      <c r="W7769" s="83">
        <f>Bühler!N7801</f>
        <v>45615.624999981163</v>
      </c>
      <c r="X7769" s="83">
        <v>43424.625</v>
      </c>
      <c r="Y7769">
        <v>290841.97379999998</v>
      </c>
      <c r="Z7769">
        <v>36849.538970000001</v>
      </c>
      <c r="AA7769">
        <v>99902.037079999995</v>
      </c>
      <c r="AB7769">
        <v>88956.75821</v>
      </c>
      <c r="AC7769">
        <v>53949.44169</v>
      </c>
      <c r="AD7769">
        <v>41027.19081</v>
      </c>
      <c r="AE7769">
        <v>31260.60699</v>
      </c>
      <c r="AF7769">
        <v>64128.782099999997</v>
      </c>
      <c r="AG7769">
        <v>24057.129099999998</v>
      </c>
      <c r="AH7769">
        <v>358316.75540000002</v>
      </c>
      <c r="AI7769">
        <v>88918.492440000002</v>
      </c>
      <c r="AJ7769">
        <v>25366.069909999998</v>
      </c>
      <c r="AK7769">
        <v>28116.63696</v>
      </c>
      <c r="AL7769">
        <v>97946.483829999997</v>
      </c>
      <c r="AM7769">
        <v>24198.48661</v>
      </c>
      <c r="AN7769">
        <v>115337.0472</v>
      </c>
      <c r="AO7769">
        <v>35595.673779999997</v>
      </c>
      <c r="AP7769">
        <v>24324.09794</v>
      </c>
    </row>
    <row r="7770" spans="2:42" x14ac:dyDescent="0.3">
      <c r="B7770">
        <v>69.155834529792955</v>
      </c>
      <c r="C7770" s="83">
        <v>43424.666666666664</v>
      </c>
      <c r="D7770">
        <v>284896.97440000001</v>
      </c>
      <c r="E7770">
        <v>36177.989889999997</v>
      </c>
      <c r="F7770">
        <v>100047.2604</v>
      </c>
      <c r="G7770">
        <v>85913.691000000006</v>
      </c>
      <c r="H7770">
        <v>52446.214979999997</v>
      </c>
      <c r="I7770">
        <v>42704.407610000002</v>
      </c>
      <c r="J7770">
        <v>31583.733209999999</v>
      </c>
      <c r="K7770">
        <v>62596.996200000001</v>
      </c>
      <c r="L7770">
        <v>23154.24077</v>
      </c>
      <c r="M7770">
        <v>352588.69469999999</v>
      </c>
      <c r="N7770">
        <v>86816.780509999997</v>
      </c>
      <c r="O7770">
        <v>24901.810649999999</v>
      </c>
      <c r="P7770">
        <v>28123.164499999999</v>
      </c>
      <c r="Q7770">
        <v>97234.599090000003</v>
      </c>
      <c r="R7770">
        <v>24596.703290000001</v>
      </c>
      <c r="S7770">
        <v>113863.4485</v>
      </c>
      <c r="T7770">
        <v>36522.012710000003</v>
      </c>
      <c r="U7770">
        <v>22781.897430000001</v>
      </c>
      <c r="W7770" s="83">
        <f>Bühler!N7802</f>
        <v>45615.666666647827</v>
      </c>
      <c r="X7770" s="83">
        <v>43424.666666666664</v>
      </c>
      <c r="Y7770">
        <v>284896.97440000001</v>
      </c>
      <c r="Z7770">
        <v>36177.989889999997</v>
      </c>
      <c r="AA7770">
        <v>100047.2604</v>
      </c>
      <c r="AB7770">
        <v>85913.691000000006</v>
      </c>
      <c r="AC7770">
        <v>52446.214979999997</v>
      </c>
      <c r="AD7770">
        <v>42704.407610000002</v>
      </c>
      <c r="AE7770">
        <v>31583.733209999999</v>
      </c>
      <c r="AF7770">
        <v>62596.996200000001</v>
      </c>
      <c r="AG7770">
        <v>23154.24077</v>
      </c>
      <c r="AH7770">
        <v>352588.69469999999</v>
      </c>
      <c r="AI7770">
        <v>86816.780509999997</v>
      </c>
      <c r="AJ7770">
        <v>24901.810649999999</v>
      </c>
      <c r="AK7770">
        <v>28123.164499999999</v>
      </c>
      <c r="AL7770">
        <v>97234.599090000003</v>
      </c>
      <c r="AM7770">
        <v>24596.703290000001</v>
      </c>
      <c r="AN7770">
        <v>113863.4485</v>
      </c>
      <c r="AO7770">
        <v>36522.012710000003</v>
      </c>
      <c r="AP7770">
        <v>22781.897430000001</v>
      </c>
    </row>
    <row r="7771" spans="2:42" x14ac:dyDescent="0.3">
      <c r="B7771">
        <v>68.498639645043596</v>
      </c>
      <c r="C7771" s="83">
        <v>43424.708333333336</v>
      </c>
      <c r="D7771">
        <v>275293.78220000002</v>
      </c>
      <c r="E7771">
        <v>35060.972990000002</v>
      </c>
      <c r="F7771">
        <v>101354.4529</v>
      </c>
      <c r="G7771">
        <v>78538.593349999996</v>
      </c>
      <c r="H7771">
        <v>52203.014289999999</v>
      </c>
      <c r="I7771">
        <v>41495.255669999999</v>
      </c>
      <c r="J7771">
        <v>33757.257799999999</v>
      </c>
      <c r="K7771">
        <v>55634.212390000001</v>
      </c>
      <c r="L7771">
        <v>25427.47551</v>
      </c>
      <c r="M7771">
        <v>349238.00870000001</v>
      </c>
      <c r="N7771">
        <v>84598.324819999994</v>
      </c>
      <c r="O7771">
        <v>24611.793529999999</v>
      </c>
      <c r="P7771">
        <v>30531.594219999999</v>
      </c>
      <c r="Q7771">
        <v>95795.49368</v>
      </c>
      <c r="R7771">
        <v>22572.42755</v>
      </c>
      <c r="S7771">
        <v>114511.7515</v>
      </c>
      <c r="T7771">
        <v>37991.068480000002</v>
      </c>
      <c r="U7771">
        <v>20964.196690000001</v>
      </c>
      <c r="W7771" s="83">
        <f>Bühler!N7803</f>
        <v>45615.708333314491</v>
      </c>
      <c r="X7771" s="83">
        <v>43424.708333333336</v>
      </c>
      <c r="Y7771">
        <v>275293.78220000002</v>
      </c>
      <c r="Z7771">
        <v>35060.972990000002</v>
      </c>
      <c r="AA7771">
        <v>101354.4529</v>
      </c>
      <c r="AB7771">
        <v>78538.593349999996</v>
      </c>
      <c r="AC7771">
        <v>52203.014289999999</v>
      </c>
      <c r="AD7771">
        <v>41495.255669999999</v>
      </c>
      <c r="AE7771">
        <v>33757.257799999999</v>
      </c>
      <c r="AF7771">
        <v>55634.212390000001</v>
      </c>
      <c r="AG7771">
        <v>25427.47551</v>
      </c>
      <c r="AH7771">
        <v>349238.00870000001</v>
      </c>
      <c r="AI7771">
        <v>84598.324819999994</v>
      </c>
      <c r="AJ7771">
        <v>24611.793529999999</v>
      </c>
      <c r="AK7771">
        <v>30531.594219999999</v>
      </c>
      <c r="AL7771">
        <v>95795.49368</v>
      </c>
      <c r="AM7771">
        <v>22572.42755</v>
      </c>
      <c r="AN7771">
        <v>114511.7515</v>
      </c>
      <c r="AO7771">
        <v>37991.068480000002</v>
      </c>
      <c r="AP7771">
        <v>20964.196690000001</v>
      </c>
    </row>
    <row r="7772" spans="2:42" x14ac:dyDescent="0.3">
      <c r="B7772">
        <v>68.19087536952263</v>
      </c>
      <c r="C7772" s="83">
        <v>43424.75</v>
      </c>
      <c r="D7772">
        <v>269669.38050000003</v>
      </c>
      <c r="E7772">
        <v>31736.06697</v>
      </c>
      <c r="F7772">
        <v>99422.443700000003</v>
      </c>
      <c r="G7772">
        <v>66668.990829999995</v>
      </c>
      <c r="H7772">
        <v>50386.56467</v>
      </c>
      <c r="I7772">
        <v>40030.152419999999</v>
      </c>
      <c r="J7772">
        <v>33953.075660000002</v>
      </c>
      <c r="K7772">
        <v>53974.960659999997</v>
      </c>
      <c r="L7772">
        <v>27129.694339999998</v>
      </c>
      <c r="M7772">
        <v>347668.88290000003</v>
      </c>
      <c r="N7772">
        <v>81770.744349999994</v>
      </c>
      <c r="O7772">
        <v>23663.692230000001</v>
      </c>
      <c r="P7772">
        <v>34244.09388</v>
      </c>
      <c r="Q7772">
        <v>93973.632729999998</v>
      </c>
      <c r="R7772">
        <v>22852.360659999998</v>
      </c>
      <c r="S7772">
        <v>108295.4613</v>
      </c>
      <c r="T7772">
        <v>37865.199189999999</v>
      </c>
      <c r="U7772">
        <v>19405.717860000001</v>
      </c>
      <c r="W7772" s="83">
        <f>Bühler!N7804</f>
        <v>45615.749999981155</v>
      </c>
      <c r="X7772" s="83">
        <v>43424.75</v>
      </c>
      <c r="Y7772">
        <v>269669.38050000003</v>
      </c>
      <c r="Z7772">
        <v>31736.06697</v>
      </c>
      <c r="AA7772">
        <v>99422.443700000003</v>
      </c>
      <c r="AB7772">
        <v>66668.990829999995</v>
      </c>
      <c r="AC7772">
        <v>50386.56467</v>
      </c>
      <c r="AD7772">
        <v>40030.152419999999</v>
      </c>
      <c r="AE7772">
        <v>33953.075660000002</v>
      </c>
      <c r="AF7772">
        <v>53974.960659999997</v>
      </c>
      <c r="AG7772">
        <v>27129.694339999998</v>
      </c>
      <c r="AH7772">
        <v>347668.88290000003</v>
      </c>
      <c r="AI7772">
        <v>81770.744349999994</v>
      </c>
      <c r="AJ7772">
        <v>23663.692230000001</v>
      </c>
      <c r="AK7772">
        <v>34244.09388</v>
      </c>
      <c r="AL7772">
        <v>93973.632729999998</v>
      </c>
      <c r="AM7772">
        <v>22852.360659999998</v>
      </c>
      <c r="AN7772">
        <v>108295.4613</v>
      </c>
      <c r="AO7772">
        <v>37865.199189999999</v>
      </c>
      <c r="AP7772">
        <v>19405.717860000001</v>
      </c>
    </row>
    <row r="7773" spans="2:42" x14ac:dyDescent="0.3">
      <c r="B7773">
        <v>66.838678956403697</v>
      </c>
      <c r="C7773" s="83">
        <v>43424.791666666664</v>
      </c>
      <c r="D7773">
        <v>261280.0754</v>
      </c>
      <c r="E7773">
        <v>25579.045910000001</v>
      </c>
      <c r="F7773">
        <v>84818.231690000001</v>
      </c>
      <c r="G7773">
        <v>58291.57316</v>
      </c>
      <c r="H7773">
        <v>47079.895080000002</v>
      </c>
      <c r="I7773">
        <v>36598.403109999999</v>
      </c>
      <c r="J7773">
        <v>32811.700140000001</v>
      </c>
      <c r="K7773">
        <v>53831.863969999999</v>
      </c>
      <c r="L7773">
        <v>27680.32303</v>
      </c>
      <c r="M7773">
        <v>340774.755</v>
      </c>
      <c r="N7773">
        <v>78519.058619999996</v>
      </c>
      <c r="O7773">
        <v>22552.20347</v>
      </c>
      <c r="P7773">
        <v>36354.841560000001</v>
      </c>
      <c r="Q7773">
        <v>91822.321989999997</v>
      </c>
      <c r="R7773">
        <v>22617.855800000001</v>
      </c>
      <c r="S7773">
        <v>101863.7798</v>
      </c>
      <c r="T7773">
        <v>38093.70506</v>
      </c>
      <c r="U7773">
        <v>17129.778330000001</v>
      </c>
      <c r="W7773" s="83">
        <f>Bühler!N7805</f>
        <v>45615.79166664782</v>
      </c>
      <c r="X7773" s="83">
        <v>43424.791666666664</v>
      </c>
      <c r="Y7773">
        <v>261280.0754</v>
      </c>
      <c r="Z7773">
        <v>25579.045910000001</v>
      </c>
      <c r="AA7773">
        <v>84818.231690000001</v>
      </c>
      <c r="AB7773">
        <v>58291.57316</v>
      </c>
      <c r="AC7773">
        <v>47079.895080000002</v>
      </c>
      <c r="AD7773">
        <v>36598.403109999999</v>
      </c>
      <c r="AE7773">
        <v>32811.700140000001</v>
      </c>
      <c r="AF7773">
        <v>53831.863969999999</v>
      </c>
      <c r="AG7773">
        <v>27680.32303</v>
      </c>
      <c r="AH7773">
        <v>340774.755</v>
      </c>
      <c r="AI7773">
        <v>78519.058619999996</v>
      </c>
      <c r="AJ7773">
        <v>22552.20347</v>
      </c>
      <c r="AK7773">
        <v>36354.841560000001</v>
      </c>
      <c r="AL7773">
        <v>91822.321989999997</v>
      </c>
      <c r="AM7773">
        <v>22617.855800000001</v>
      </c>
      <c r="AN7773">
        <v>101863.7798</v>
      </c>
      <c r="AO7773">
        <v>38093.70506</v>
      </c>
      <c r="AP7773">
        <v>17129.778330000001</v>
      </c>
    </row>
    <row r="7774" spans="2:42" x14ac:dyDescent="0.3">
      <c r="B7774">
        <v>64.865344207244405</v>
      </c>
      <c r="C7774" s="83">
        <v>43424.833333333336</v>
      </c>
      <c r="D7774">
        <v>251682.50200000001</v>
      </c>
      <c r="E7774">
        <v>19713.792219999999</v>
      </c>
      <c r="F7774">
        <v>65573.755250000002</v>
      </c>
      <c r="G7774">
        <v>50392.018510000002</v>
      </c>
      <c r="H7774">
        <v>44262.6777</v>
      </c>
      <c r="I7774">
        <v>32142.180789999999</v>
      </c>
      <c r="J7774">
        <v>31644.649560000002</v>
      </c>
      <c r="K7774">
        <v>53699.898860000001</v>
      </c>
      <c r="L7774">
        <v>26481.528839999999</v>
      </c>
      <c r="M7774">
        <v>330713.77419999999</v>
      </c>
      <c r="N7774">
        <v>76941.475810000004</v>
      </c>
      <c r="O7774">
        <v>21405.321889999999</v>
      </c>
      <c r="P7774">
        <v>36539.247230000001</v>
      </c>
      <c r="Q7774">
        <v>88925.817840000003</v>
      </c>
      <c r="R7774">
        <v>19063.077669999999</v>
      </c>
      <c r="S7774">
        <v>91521.681719999993</v>
      </c>
      <c r="T7774">
        <v>35661.448479999999</v>
      </c>
      <c r="U7774">
        <v>15759.737590000001</v>
      </c>
      <c r="W7774" s="83">
        <f>Bühler!N7806</f>
        <v>45615.833333314484</v>
      </c>
      <c r="X7774" s="83">
        <v>43424.833333333336</v>
      </c>
      <c r="Y7774">
        <v>251682.50200000001</v>
      </c>
      <c r="Z7774">
        <v>19713.792219999999</v>
      </c>
      <c r="AA7774">
        <v>65573.755250000002</v>
      </c>
      <c r="AB7774">
        <v>50392.018510000002</v>
      </c>
      <c r="AC7774">
        <v>44262.6777</v>
      </c>
      <c r="AD7774">
        <v>32142.180789999999</v>
      </c>
      <c r="AE7774">
        <v>31644.649560000002</v>
      </c>
      <c r="AF7774">
        <v>53699.898860000001</v>
      </c>
      <c r="AG7774">
        <v>26481.528839999999</v>
      </c>
      <c r="AH7774">
        <v>330713.77419999999</v>
      </c>
      <c r="AI7774">
        <v>76941.475810000004</v>
      </c>
      <c r="AJ7774">
        <v>21405.321889999999</v>
      </c>
      <c r="AK7774">
        <v>36539.247230000001</v>
      </c>
      <c r="AL7774">
        <v>88925.817840000003</v>
      </c>
      <c r="AM7774">
        <v>19063.077669999999</v>
      </c>
      <c r="AN7774">
        <v>91521.681719999993</v>
      </c>
      <c r="AO7774">
        <v>35661.448479999999</v>
      </c>
      <c r="AP7774">
        <v>15759.737590000001</v>
      </c>
    </row>
    <row r="7775" spans="2:42" x14ac:dyDescent="0.3">
      <c r="B7775">
        <v>62.780088193585584</v>
      </c>
      <c r="C7775" s="83">
        <v>43424.875</v>
      </c>
      <c r="D7775">
        <v>241969.84409999999</v>
      </c>
      <c r="E7775">
        <v>16535.792359999999</v>
      </c>
      <c r="F7775">
        <v>57424.822870000004</v>
      </c>
      <c r="G7775">
        <v>46559.554680000001</v>
      </c>
      <c r="H7775">
        <v>40997.362699999998</v>
      </c>
      <c r="I7775">
        <v>27201.815119999999</v>
      </c>
      <c r="J7775">
        <v>30386.939470000001</v>
      </c>
      <c r="K7775">
        <v>49739.946660000001</v>
      </c>
      <c r="L7775">
        <v>25118.46097</v>
      </c>
      <c r="M7775">
        <v>320082.1666</v>
      </c>
      <c r="N7775">
        <v>73821.781279999996</v>
      </c>
      <c r="O7775">
        <v>20020.449970000001</v>
      </c>
      <c r="P7775">
        <v>34631.026290000002</v>
      </c>
      <c r="Q7775">
        <v>87253.435410000006</v>
      </c>
      <c r="R7775">
        <v>18440.634679999999</v>
      </c>
      <c r="S7775">
        <v>85200.453219999996</v>
      </c>
      <c r="T7775">
        <v>31158.451550000002</v>
      </c>
      <c r="U7775">
        <v>14503.588659999999</v>
      </c>
      <c r="W7775" s="83">
        <f>Bühler!N7807</f>
        <v>45615.874999981148</v>
      </c>
      <c r="X7775" s="83">
        <v>43424.875</v>
      </c>
      <c r="Y7775">
        <v>241969.84409999999</v>
      </c>
      <c r="Z7775">
        <v>16535.792359999999</v>
      </c>
      <c r="AA7775">
        <v>57424.822870000004</v>
      </c>
      <c r="AB7775">
        <v>46559.554680000001</v>
      </c>
      <c r="AC7775">
        <v>40997.362699999998</v>
      </c>
      <c r="AD7775">
        <v>27201.815119999999</v>
      </c>
      <c r="AE7775">
        <v>30386.939470000001</v>
      </c>
      <c r="AF7775">
        <v>49739.946660000001</v>
      </c>
      <c r="AG7775">
        <v>25118.46097</v>
      </c>
      <c r="AH7775">
        <v>320082.1666</v>
      </c>
      <c r="AI7775">
        <v>73821.781279999996</v>
      </c>
      <c r="AJ7775">
        <v>20020.449970000001</v>
      </c>
      <c r="AK7775">
        <v>34631.026290000002</v>
      </c>
      <c r="AL7775">
        <v>87253.435410000006</v>
      </c>
      <c r="AM7775">
        <v>18440.634679999999</v>
      </c>
      <c r="AN7775">
        <v>85200.453219999996</v>
      </c>
      <c r="AO7775">
        <v>31158.451550000002</v>
      </c>
      <c r="AP7775">
        <v>14503.588659999999</v>
      </c>
    </row>
    <row r="7776" spans="2:42" x14ac:dyDescent="0.3">
      <c r="B7776">
        <v>62.502832465060415</v>
      </c>
      <c r="C7776" s="83">
        <v>43424.916666666664</v>
      </c>
      <c r="D7776">
        <v>239127.41759999999</v>
      </c>
      <c r="E7776">
        <v>15620.60986</v>
      </c>
      <c r="F7776">
        <v>55001.093509999999</v>
      </c>
      <c r="G7776">
        <v>43184.742429999998</v>
      </c>
      <c r="H7776">
        <v>39623.916149999997</v>
      </c>
      <c r="I7776">
        <v>25260.872790000001</v>
      </c>
      <c r="J7776">
        <v>29399.18777</v>
      </c>
      <c r="K7776">
        <v>54761.903639999997</v>
      </c>
      <c r="L7776">
        <v>22073.932089999998</v>
      </c>
      <c r="M7776">
        <v>318668.58760000003</v>
      </c>
      <c r="N7776">
        <v>72185.294779999997</v>
      </c>
      <c r="O7776">
        <v>19871.746999999999</v>
      </c>
      <c r="P7776">
        <v>34679.379670000002</v>
      </c>
      <c r="Q7776">
        <v>85924.836240000004</v>
      </c>
      <c r="R7776">
        <v>22092.99022</v>
      </c>
      <c r="S7776">
        <v>82700.577829999995</v>
      </c>
      <c r="T7776">
        <v>27563.74595</v>
      </c>
      <c r="U7776">
        <v>14768.058290000001</v>
      </c>
      <c r="W7776" s="83">
        <f>Bühler!N7808</f>
        <v>45615.916666647812</v>
      </c>
      <c r="X7776" s="83">
        <v>43424.916666666664</v>
      </c>
      <c r="Y7776">
        <v>239127.41759999999</v>
      </c>
      <c r="Z7776">
        <v>15620.60986</v>
      </c>
      <c r="AA7776">
        <v>55001.093509999999</v>
      </c>
      <c r="AB7776">
        <v>43184.742429999998</v>
      </c>
      <c r="AC7776">
        <v>39623.916149999997</v>
      </c>
      <c r="AD7776">
        <v>25260.872790000001</v>
      </c>
      <c r="AE7776">
        <v>29399.18777</v>
      </c>
      <c r="AF7776">
        <v>54761.903639999997</v>
      </c>
      <c r="AG7776">
        <v>22073.932089999998</v>
      </c>
      <c r="AH7776">
        <v>318668.58760000003</v>
      </c>
      <c r="AI7776">
        <v>72185.294779999997</v>
      </c>
      <c r="AJ7776">
        <v>19871.746999999999</v>
      </c>
      <c r="AK7776">
        <v>34679.379670000002</v>
      </c>
      <c r="AL7776">
        <v>85924.836240000004</v>
      </c>
      <c r="AM7776">
        <v>22092.99022</v>
      </c>
      <c r="AN7776">
        <v>82700.577829999995</v>
      </c>
      <c r="AO7776">
        <v>27563.74595</v>
      </c>
      <c r="AP7776">
        <v>14768.058290000001</v>
      </c>
    </row>
    <row r="7777" spans="2:42" x14ac:dyDescent="0.3">
      <c r="B7777">
        <v>61.460309234837176</v>
      </c>
      <c r="C7777" s="83">
        <v>43424.958333333336</v>
      </c>
      <c r="D7777">
        <v>238197.46539999999</v>
      </c>
      <c r="E7777">
        <v>15085.387779999999</v>
      </c>
      <c r="F7777">
        <v>53506.710070000001</v>
      </c>
      <c r="G7777">
        <v>41651.643859999996</v>
      </c>
      <c r="H7777">
        <v>38458.610189999999</v>
      </c>
      <c r="I7777">
        <v>23656.80301</v>
      </c>
      <c r="J7777">
        <v>27661.15251</v>
      </c>
      <c r="K7777">
        <v>53473.47307</v>
      </c>
      <c r="L7777">
        <v>19460.97119</v>
      </c>
      <c r="M7777">
        <v>313353.31800000003</v>
      </c>
      <c r="N7777">
        <v>72067.752959999998</v>
      </c>
      <c r="O7777">
        <v>19959.081150000002</v>
      </c>
      <c r="P7777">
        <v>29850.484690000001</v>
      </c>
      <c r="Q7777">
        <v>86016.51857</v>
      </c>
      <c r="R7777">
        <v>21212.71643</v>
      </c>
      <c r="S7777">
        <v>80486.211890000006</v>
      </c>
      <c r="T7777">
        <v>28083.76168</v>
      </c>
      <c r="U7777">
        <v>14146.096519999999</v>
      </c>
      <c r="W7777" s="83">
        <f>Bühler!N7809</f>
        <v>45615.958333314476</v>
      </c>
      <c r="X7777" s="83">
        <v>43424.958333333336</v>
      </c>
      <c r="Y7777">
        <v>238197.46539999999</v>
      </c>
      <c r="Z7777">
        <v>15085.387779999999</v>
      </c>
      <c r="AA7777">
        <v>53506.710070000001</v>
      </c>
      <c r="AB7777">
        <v>41651.643859999996</v>
      </c>
      <c r="AC7777">
        <v>38458.610189999999</v>
      </c>
      <c r="AD7777">
        <v>23656.80301</v>
      </c>
      <c r="AE7777">
        <v>27661.15251</v>
      </c>
      <c r="AF7777">
        <v>53473.47307</v>
      </c>
      <c r="AG7777">
        <v>19460.97119</v>
      </c>
      <c r="AH7777">
        <v>313353.31800000003</v>
      </c>
      <c r="AI7777">
        <v>72067.752959999998</v>
      </c>
      <c r="AJ7777">
        <v>19959.081150000002</v>
      </c>
      <c r="AK7777">
        <v>29850.484690000001</v>
      </c>
      <c r="AL7777">
        <v>86016.51857</v>
      </c>
      <c r="AM7777">
        <v>21212.71643</v>
      </c>
      <c r="AN7777">
        <v>80486.211890000006</v>
      </c>
      <c r="AO7777">
        <v>28083.76168</v>
      </c>
      <c r="AP7777">
        <v>14146.096519999999</v>
      </c>
    </row>
    <row r="7778" spans="2:42" x14ac:dyDescent="0.3">
      <c r="B7778">
        <v>60.284136029445392</v>
      </c>
      <c r="C7778" s="83">
        <v>43425</v>
      </c>
      <c r="D7778">
        <v>236252.06539999999</v>
      </c>
      <c r="E7778">
        <v>14658.18295</v>
      </c>
      <c r="F7778">
        <v>52751.303169999999</v>
      </c>
      <c r="G7778">
        <v>41377.005920000003</v>
      </c>
      <c r="H7778">
        <v>37878.739229999999</v>
      </c>
      <c r="I7778">
        <v>21570.785110000001</v>
      </c>
      <c r="J7778">
        <v>24245.49624</v>
      </c>
      <c r="K7778">
        <v>51627.354010000003</v>
      </c>
      <c r="L7778">
        <v>17714.173510000001</v>
      </c>
      <c r="M7778">
        <v>307356.6385</v>
      </c>
      <c r="N7778">
        <v>71025.59607</v>
      </c>
      <c r="O7778">
        <v>19697.330839999999</v>
      </c>
      <c r="P7778">
        <v>27142.24655</v>
      </c>
      <c r="Q7778">
        <v>86106.504100000006</v>
      </c>
      <c r="R7778">
        <v>19855.511310000002</v>
      </c>
      <c r="S7778">
        <v>79054.281310000006</v>
      </c>
      <c r="T7778">
        <v>26319.680230000002</v>
      </c>
      <c r="U7778">
        <v>14004.892970000001</v>
      </c>
      <c r="W7778" s="83">
        <f>Bühler!N7810</f>
        <v>45615.999999981141</v>
      </c>
      <c r="X7778" s="83">
        <v>43425</v>
      </c>
      <c r="Y7778">
        <v>236252.06539999999</v>
      </c>
      <c r="Z7778">
        <v>14658.18295</v>
      </c>
      <c r="AA7778">
        <v>52751.303169999999</v>
      </c>
      <c r="AB7778">
        <v>41377.005920000003</v>
      </c>
      <c r="AC7778">
        <v>37878.739229999999</v>
      </c>
      <c r="AD7778">
        <v>21570.785110000001</v>
      </c>
      <c r="AE7778">
        <v>24245.49624</v>
      </c>
      <c r="AF7778">
        <v>51627.354010000003</v>
      </c>
      <c r="AG7778">
        <v>17714.173510000001</v>
      </c>
      <c r="AH7778">
        <v>307356.6385</v>
      </c>
      <c r="AI7778">
        <v>71025.59607</v>
      </c>
      <c r="AJ7778">
        <v>19697.330839999999</v>
      </c>
      <c r="AK7778">
        <v>27142.24655</v>
      </c>
      <c r="AL7778">
        <v>86106.504100000006</v>
      </c>
      <c r="AM7778">
        <v>19855.511310000002</v>
      </c>
      <c r="AN7778">
        <v>79054.281310000006</v>
      </c>
      <c r="AO7778">
        <v>26319.680230000002</v>
      </c>
      <c r="AP7778">
        <v>14004.892970000001</v>
      </c>
    </row>
    <row r="7779" spans="2:42" x14ac:dyDescent="0.3">
      <c r="B7779">
        <v>59.994369421035593</v>
      </c>
      <c r="C7779" s="83">
        <v>43425.041666666664</v>
      </c>
      <c r="D7779">
        <v>237508.66</v>
      </c>
      <c r="E7779">
        <v>14611.072829999999</v>
      </c>
      <c r="F7779">
        <v>53007.305740000003</v>
      </c>
      <c r="G7779">
        <v>40757.839619999999</v>
      </c>
      <c r="H7779">
        <v>37359.440560000003</v>
      </c>
      <c r="I7779">
        <v>18000.158899999999</v>
      </c>
      <c r="J7779">
        <v>23468.76296</v>
      </c>
      <c r="K7779">
        <v>50304.295709999999</v>
      </c>
      <c r="L7779">
        <v>16916.952580000001</v>
      </c>
      <c r="M7779">
        <v>305879.2732</v>
      </c>
      <c r="N7779">
        <v>70591.102180000002</v>
      </c>
      <c r="O7779">
        <v>19620.184669999999</v>
      </c>
      <c r="P7779">
        <v>26695.473419999998</v>
      </c>
      <c r="Q7779">
        <v>85910.462029999995</v>
      </c>
      <c r="R7779">
        <v>20138.571899999999</v>
      </c>
      <c r="S7779">
        <v>78555.350839999999</v>
      </c>
      <c r="T7779">
        <v>25538.364430000001</v>
      </c>
      <c r="U7779">
        <v>13859.5018</v>
      </c>
      <c r="W7779" s="83">
        <f>Bühler!N7811</f>
        <v>45616.041666647805</v>
      </c>
      <c r="X7779" s="83">
        <v>43425.041666666664</v>
      </c>
      <c r="Y7779">
        <v>237508.66</v>
      </c>
      <c r="Z7779">
        <v>14611.072829999999</v>
      </c>
      <c r="AA7779">
        <v>53007.305740000003</v>
      </c>
      <c r="AB7779">
        <v>40757.839619999999</v>
      </c>
      <c r="AC7779">
        <v>37359.440560000003</v>
      </c>
      <c r="AD7779">
        <v>18000.158899999999</v>
      </c>
      <c r="AE7779">
        <v>23468.76296</v>
      </c>
      <c r="AF7779">
        <v>50304.295709999999</v>
      </c>
      <c r="AG7779">
        <v>16916.952580000001</v>
      </c>
      <c r="AH7779">
        <v>305879.2732</v>
      </c>
      <c r="AI7779">
        <v>70591.102180000002</v>
      </c>
      <c r="AJ7779">
        <v>19620.184669999999</v>
      </c>
      <c r="AK7779">
        <v>26695.473419999998</v>
      </c>
      <c r="AL7779">
        <v>85910.462029999995</v>
      </c>
      <c r="AM7779">
        <v>20138.571899999999</v>
      </c>
      <c r="AN7779">
        <v>78555.350839999999</v>
      </c>
      <c r="AO7779">
        <v>25538.364430000001</v>
      </c>
      <c r="AP7779">
        <v>13859.5018</v>
      </c>
    </row>
    <row r="7780" spans="2:42" x14ac:dyDescent="0.3">
      <c r="B7780">
        <v>60.144027347326293</v>
      </c>
      <c r="C7780" s="83">
        <v>43425.083333333336</v>
      </c>
      <c r="D7780">
        <v>237663.20209999999</v>
      </c>
      <c r="E7780">
        <v>14483.444649999999</v>
      </c>
      <c r="F7780">
        <v>53786.642800000001</v>
      </c>
      <c r="G7780">
        <v>40260.52951</v>
      </c>
      <c r="H7780">
        <v>37057.764660000001</v>
      </c>
      <c r="I7780">
        <v>16795.791379999999</v>
      </c>
      <c r="J7780">
        <v>23215.52953</v>
      </c>
      <c r="K7780">
        <v>48734.232709999997</v>
      </c>
      <c r="L7780">
        <v>16611.981680000001</v>
      </c>
      <c r="M7780">
        <v>306642.2991</v>
      </c>
      <c r="N7780">
        <v>69914.667369999996</v>
      </c>
      <c r="O7780">
        <v>19503.05661</v>
      </c>
      <c r="P7780">
        <v>25773.462479999998</v>
      </c>
      <c r="Q7780">
        <v>86893.961219999997</v>
      </c>
      <c r="R7780">
        <v>19243.038400000001</v>
      </c>
      <c r="S7780">
        <v>76951.02781</v>
      </c>
      <c r="T7780">
        <v>25051.487079999999</v>
      </c>
      <c r="U7780">
        <v>13849.45002</v>
      </c>
      <c r="W7780" s="83">
        <f>Bühler!N7812</f>
        <v>45616.083333314469</v>
      </c>
      <c r="X7780" s="83">
        <v>43425.083333333336</v>
      </c>
      <c r="Y7780">
        <v>237663.20209999999</v>
      </c>
      <c r="Z7780">
        <v>14483.444649999999</v>
      </c>
      <c r="AA7780">
        <v>53786.642800000001</v>
      </c>
      <c r="AB7780">
        <v>40260.52951</v>
      </c>
      <c r="AC7780">
        <v>37057.764660000001</v>
      </c>
      <c r="AD7780">
        <v>16795.791379999999</v>
      </c>
      <c r="AE7780">
        <v>23215.52953</v>
      </c>
      <c r="AF7780">
        <v>48734.232709999997</v>
      </c>
      <c r="AG7780">
        <v>16611.981680000001</v>
      </c>
      <c r="AH7780">
        <v>306642.2991</v>
      </c>
      <c r="AI7780">
        <v>69914.667369999996</v>
      </c>
      <c r="AJ7780">
        <v>19503.05661</v>
      </c>
      <c r="AK7780">
        <v>25773.462479999998</v>
      </c>
      <c r="AL7780">
        <v>86893.961219999997</v>
      </c>
      <c r="AM7780">
        <v>19243.038400000001</v>
      </c>
      <c r="AN7780">
        <v>76951.02781</v>
      </c>
      <c r="AO7780">
        <v>25051.487079999999</v>
      </c>
      <c r="AP7780">
        <v>13849.45002</v>
      </c>
    </row>
    <row r="7781" spans="2:42" x14ac:dyDescent="0.3">
      <c r="B7781">
        <v>59.766760563358027</v>
      </c>
      <c r="C7781" s="83">
        <v>43425.125</v>
      </c>
      <c r="D7781">
        <v>237879.46340000001</v>
      </c>
      <c r="E7781">
        <v>14494.82595</v>
      </c>
      <c r="F7781">
        <v>53743.867109999999</v>
      </c>
      <c r="G7781">
        <v>39741.442199999998</v>
      </c>
      <c r="H7781">
        <v>37571.960520000001</v>
      </c>
      <c r="I7781">
        <v>16600.57315</v>
      </c>
      <c r="J7781">
        <v>23385.310580000001</v>
      </c>
      <c r="K7781">
        <v>47327.729529999997</v>
      </c>
      <c r="L7781">
        <v>16035.58835</v>
      </c>
      <c r="M7781">
        <v>304718.81709999999</v>
      </c>
      <c r="N7781">
        <v>69367.881800000003</v>
      </c>
      <c r="O7781">
        <v>19555.632900000001</v>
      </c>
      <c r="P7781">
        <v>24434.68145</v>
      </c>
      <c r="Q7781">
        <v>90543.043789999996</v>
      </c>
      <c r="R7781">
        <v>19351.047310000002</v>
      </c>
      <c r="S7781">
        <v>77166.581149999998</v>
      </c>
      <c r="T7781">
        <v>24917.488109999998</v>
      </c>
      <c r="U7781">
        <v>14196.056409999999</v>
      </c>
      <c r="W7781" s="83">
        <f>Bühler!N7813</f>
        <v>45616.124999981133</v>
      </c>
      <c r="X7781" s="83">
        <v>43425.125</v>
      </c>
      <c r="Y7781">
        <v>237879.46340000001</v>
      </c>
      <c r="Z7781">
        <v>14494.82595</v>
      </c>
      <c r="AA7781">
        <v>53743.867109999999</v>
      </c>
      <c r="AB7781">
        <v>39741.442199999998</v>
      </c>
      <c r="AC7781">
        <v>37571.960520000001</v>
      </c>
      <c r="AD7781">
        <v>16600.57315</v>
      </c>
      <c r="AE7781">
        <v>23385.310580000001</v>
      </c>
      <c r="AF7781">
        <v>47327.729529999997</v>
      </c>
      <c r="AG7781">
        <v>16035.58835</v>
      </c>
      <c r="AH7781">
        <v>304718.81709999999</v>
      </c>
      <c r="AI7781">
        <v>69367.881800000003</v>
      </c>
      <c r="AJ7781">
        <v>19555.632900000001</v>
      </c>
      <c r="AK7781">
        <v>24434.68145</v>
      </c>
      <c r="AL7781">
        <v>90543.043789999996</v>
      </c>
      <c r="AM7781">
        <v>19351.047310000002</v>
      </c>
      <c r="AN7781">
        <v>77166.581149999998</v>
      </c>
      <c r="AO7781">
        <v>24917.488109999998</v>
      </c>
      <c r="AP7781">
        <v>14196.056409999999</v>
      </c>
    </row>
    <row r="7782" spans="2:42" x14ac:dyDescent="0.3">
      <c r="B7782">
        <v>61.386942564369647</v>
      </c>
      <c r="C7782" s="83">
        <v>43425.166666666664</v>
      </c>
      <c r="D7782">
        <v>240708.33600000001</v>
      </c>
      <c r="E7782">
        <v>15191.092210000001</v>
      </c>
      <c r="F7782">
        <v>57209.85284</v>
      </c>
      <c r="G7782">
        <v>39730.622259999996</v>
      </c>
      <c r="H7782">
        <v>37984.742420000002</v>
      </c>
      <c r="I7782">
        <v>18775.83611</v>
      </c>
      <c r="J7782">
        <v>24747.780279999999</v>
      </c>
      <c r="K7782">
        <v>45344.20018</v>
      </c>
      <c r="L7782">
        <v>16467.047129999999</v>
      </c>
      <c r="M7782">
        <v>312979.26049999997</v>
      </c>
      <c r="N7782">
        <v>70289.498609999995</v>
      </c>
      <c r="O7782">
        <v>19851.366829999999</v>
      </c>
      <c r="P7782">
        <v>24280.76496</v>
      </c>
      <c r="Q7782">
        <v>93976.447400000005</v>
      </c>
      <c r="R7782">
        <v>19306.150539999999</v>
      </c>
      <c r="S7782">
        <v>77885.480129999996</v>
      </c>
      <c r="T7782">
        <v>24931.55846</v>
      </c>
      <c r="U7782">
        <v>14763.9432</v>
      </c>
      <c r="W7782" s="83">
        <f>Bühler!N7814</f>
        <v>45616.166666647798</v>
      </c>
      <c r="X7782" s="83">
        <v>43425.166666666664</v>
      </c>
      <c r="Y7782">
        <v>240708.33600000001</v>
      </c>
      <c r="Z7782">
        <v>15191.092210000001</v>
      </c>
      <c r="AA7782">
        <v>57209.85284</v>
      </c>
      <c r="AB7782">
        <v>39730.622259999996</v>
      </c>
      <c r="AC7782">
        <v>37984.742420000002</v>
      </c>
      <c r="AD7782">
        <v>18775.83611</v>
      </c>
      <c r="AE7782">
        <v>24747.780279999999</v>
      </c>
      <c r="AF7782">
        <v>45344.20018</v>
      </c>
      <c r="AG7782">
        <v>16467.047129999999</v>
      </c>
      <c r="AH7782">
        <v>312979.26049999997</v>
      </c>
      <c r="AI7782">
        <v>70289.498609999995</v>
      </c>
      <c r="AJ7782">
        <v>19851.366829999999</v>
      </c>
      <c r="AK7782">
        <v>24280.76496</v>
      </c>
      <c r="AL7782">
        <v>93976.447400000005</v>
      </c>
      <c r="AM7782">
        <v>19306.150539999999</v>
      </c>
      <c r="AN7782">
        <v>77885.480129999996</v>
      </c>
      <c r="AO7782">
        <v>24931.55846</v>
      </c>
      <c r="AP7782">
        <v>14763.9432</v>
      </c>
    </row>
    <row r="7783" spans="2:42" x14ac:dyDescent="0.3">
      <c r="B7783">
        <v>64.600402711233301</v>
      </c>
      <c r="C7783" s="83">
        <v>43425.208333333336</v>
      </c>
      <c r="D7783">
        <v>256160.65919999999</v>
      </c>
      <c r="E7783">
        <v>17536.405869999999</v>
      </c>
      <c r="F7783">
        <v>68360.78181</v>
      </c>
      <c r="G7783">
        <v>42079.986770000003</v>
      </c>
      <c r="H7783">
        <v>40053.697379999998</v>
      </c>
      <c r="I7783">
        <v>26532.991730000002</v>
      </c>
      <c r="J7783">
        <v>26787.080119999999</v>
      </c>
      <c r="K7783">
        <v>45532.160100000001</v>
      </c>
      <c r="L7783">
        <v>17568.692129999999</v>
      </c>
      <c r="M7783">
        <v>329362.97889999999</v>
      </c>
      <c r="N7783">
        <v>72464.364870000005</v>
      </c>
      <c r="O7783">
        <v>20771.406709999999</v>
      </c>
      <c r="P7783">
        <v>26180.240709999998</v>
      </c>
      <c r="Q7783">
        <v>96490.723719999995</v>
      </c>
      <c r="R7783">
        <v>20753.23343</v>
      </c>
      <c r="S7783">
        <v>79951.591650000002</v>
      </c>
      <c r="T7783">
        <v>26304.21715</v>
      </c>
      <c r="U7783">
        <v>16992.72539</v>
      </c>
      <c r="W7783" s="83">
        <f>Bühler!N7815</f>
        <v>45616.208333314462</v>
      </c>
      <c r="X7783" s="83">
        <v>43425.208333333336</v>
      </c>
      <c r="Y7783">
        <v>256160.65919999999</v>
      </c>
      <c r="Z7783">
        <v>17536.405869999999</v>
      </c>
      <c r="AA7783">
        <v>68360.78181</v>
      </c>
      <c r="AB7783">
        <v>42079.986770000003</v>
      </c>
      <c r="AC7783">
        <v>40053.697379999998</v>
      </c>
      <c r="AD7783">
        <v>26532.991730000002</v>
      </c>
      <c r="AE7783">
        <v>26787.080119999999</v>
      </c>
      <c r="AF7783">
        <v>45532.160100000001</v>
      </c>
      <c r="AG7783">
        <v>17568.692129999999</v>
      </c>
      <c r="AH7783">
        <v>329362.97889999999</v>
      </c>
      <c r="AI7783">
        <v>72464.364870000005</v>
      </c>
      <c r="AJ7783">
        <v>20771.406709999999</v>
      </c>
      <c r="AK7783">
        <v>26180.240709999998</v>
      </c>
      <c r="AL7783">
        <v>96490.723719999995</v>
      </c>
      <c r="AM7783">
        <v>20753.23343</v>
      </c>
      <c r="AN7783">
        <v>79951.591650000002</v>
      </c>
      <c r="AO7783">
        <v>26304.21715</v>
      </c>
      <c r="AP7783">
        <v>16992.72539</v>
      </c>
    </row>
    <row r="7784" spans="2:42" x14ac:dyDescent="0.3">
      <c r="B7784">
        <v>67.71613178240078</v>
      </c>
      <c r="C7784" s="83">
        <v>43425.25</v>
      </c>
      <c r="D7784">
        <v>274220.42379999999</v>
      </c>
      <c r="E7784">
        <v>22231.479729999999</v>
      </c>
      <c r="F7784">
        <v>80388.975600000005</v>
      </c>
      <c r="G7784">
        <v>55474.243159999998</v>
      </c>
      <c r="H7784">
        <v>44105.917930000003</v>
      </c>
      <c r="I7784">
        <v>34701.894110000001</v>
      </c>
      <c r="J7784">
        <v>30213.40782</v>
      </c>
      <c r="K7784">
        <v>49303.507140000002</v>
      </c>
      <c r="L7784">
        <v>19272.935560000002</v>
      </c>
      <c r="M7784">
        <v>345248.41869999998</v>
      </c>
      <c r="N7784">
        <v>75377.154219999997</v>
      </c>
      <c r="O7784">
        <v>22207.0488</v>
      </c>
      <c r="P7784">
        <v>27854.2009</v>
      </c>
      <c r="Q7784">
        <v>98154.716639999999</v>
      </c>
      <c r="R7784">
        <v>19456.872930000001</v>
      </c>
      <c r="S7784">
        <v>89783.252739999996</v>
      </c>
      <c r="T7784">
        <v>29820.017690000001</v>
      </c>
      <c r="U7784">
        <v>20291.254199999999</v>
      </c>
      <c r="W7784" s="83">
        <f>Bühler!N7816</f>
        <v>45616.249999981126</v>
      </c>
      <c r="X7784" s="83">
        <v>43425.25</v>
      </c>
      <c r="Y7784">
        <v>274220.42379999999</v>
      </c>
      <c r="Z7784">
        <v>22231.479729999999</v>
      </c>
      <c r="AA7784">
        <v>80388.975600000005</v>
      </c>
      <c r="AB7784">
        <v>55474.243159999998</v>
      </c>
      <c r="AC7784">
        <v>44105.917930000003</v>
      </c>
      <c r="AD7784">
        <v>34701.894110000001</v>
      </c>
      <c r="AE7784">
        <v>30213.40782</v>
      </c>
      <c r="AF7784">
        <v>49303.507140000002</v>
      </c>
      <c r="AG7784">
        <v>19272.935560000002</v>
      </c>
      <c r="AH7784">
        <v>345248.41869999998</v>
      </c>
      <c r="AI7784">
        <v>75377.154219999997</v>
      </c>
      <c r="AJ7784">
        <v>22207.0488</v>
      </c>
      <c r="AK7784">
        <v>27854.2009</v>
      </c>
      <c r="AL7784">
        <v>98154.716639999999</v>
      </c>
      <c r="AM7784">
        <v>19456.872930000001</v>
      </c>
      <c r="AN7784">
        <v>89783.252739999996</v>
      </c>
      <c r="AO7784">
        <v>29820.017690000001</v>
      </c>
      <c r="AP7784">
        <v>20291.254199999999</v>
      </c>
    </row>
    <row r="7785" spans="2:42" x14ac:dyDescent="0.3">
      <c r="B7785">
        <v>69.269778049478361</v>
      </c>
      <c r="C7785" s="83">
        <v>43425.291666666664</v>
      </c>
      <c r="D7785">
        <v>288642.41680000001</v>
      </c>
      <c r="E7785">
        <v>27484.597040000001</v>
      </c>
      <c r="F7785">
        <v>83862.754860000001</v>
      </c>
      <c r="G7785">
        <v>70631.871140000003</v>
      </c>
      <c r="H7785">
        <v>50287.080269999999</v>
      </c>
      <c r="I7785">
        <v>43593.664279999997</v>
      </c>
      <c r="J7785">
        <v>31767.02463</v>
      </c>
      <c r="K7785">
        <v>55067.404629999997</v>
      </c>
      <c r="L7785">
        <v>22882.786899999999</v>
      </c>
      <c r="M7785">
        <v>353169.63189999998</v>
      </c>
      <c r="N7785">
        <v>82395.351980000007</v>
      </c>
      <c r="O7785">
        <v>25319.824560000001</v>
      </c>
      <c r="P7785">
        <v>30883.089639999998</v>
      </c>
      <c r="Q7785">
        <v>98044.565289999999</v>
      </c>
      <c r="R7785">
        <v>22565.420679999999</v>
      </c>
      <c r="S7785">
        <v>107269.7479</v>
      </c>
      <c r="T7785">
        <v>32148.974979999999</v>
      </c>
      <c r="U7785">
        <v>25983.909500000002</v>
      </c>
      <c r="W7785" s="83">
        <f>Bühler!N7817</f>
        <v>45616.29166664779</v>
      </c>
      <c r="X7785" s="83">
        <v>43425.291666666664</v>
      </c>
      <c r="Y7785">
        <v>288642.41680000001</v>
      </c>
      <c r="Z7785">
        <v>27484.597040000001</v>
      </c>
      <c r="AA7785">
        <v>83862.754860000001</v>
      </c>
      <c r="AB7785">
        <v>70631.871140000003</v>
      </c>
      <c r="AC7785">
        <v>50287.080269999999</v>
      </c>
      <c r="AD7785">
        <v>43593.664279999997</v>
      </c>
      <c r="AE7785">
        <v>31767.02463</v>
      </c>
      <c r="AF7785">
        <v>55067.404629999997</v>
      </c>
      <c r="AG7785">
        <v>22882.786899999999</v>
      </c>
      <c r="AH7785">
        <v>353169.63189999998</v>
      </c>
      <c r="AI7785">
        <v>82395.351980000007</v>
      </c>
      <c r="AJ7785">
        <v>25319.824560000001</v>
      </c>
      <c r="AK7785">
        <v>30883.089639999998</v>
      </c>
      <c r="AL7785">
        <v>98044.565289999999</v>
      </c>
      <c r="AM7785">
        <v>22565.420679999999</v>
      </c>
      <c r="AN7785">
        <v>107269.7479</v>
      </c>
      <c r="AO7785">
        <v>32148.974979999999</v>
      </c>
      <c r="AP7785">
        <v>25983.909500000002</v>
      </c>
    </row>
    <row r="7786" spans="2:42" x14ac:dyDescent="0.3">
      <c r="B7786">
        <v>70.017161271103873</v>
      </c>
      <c r="C7786" s="83">
        <v>43425.333333333336</v>
      </c>
      <c r="D7786">
        <v>298040.60149999999</v>
      </c>
      <c r="E7786">
        <v>33068.205159999998</v>
      </c>
      <c r="F7786">
        <v>92629.780440000002</v>
      </c>
      <c r="G7786">
        <v>86756.609880000004</v>
      </c>
      <c r="H7786">
        <v>55246.654490000001</v>
      </c>
      <c r="I7786">
        <v>46807.989399999999</v>
      </c>
      <c r="J7786">
        <v>31003.06698</v>
      </c>
      <c r="K7786">
        <v>61697.971539999999</v>
      </c>
      <c r="L7786">
        <v>25400.006669999999</v>
      </c>
      <c r="M7786">
        <v>356980.14010000002</v>
      </c>
      <c r="N7786">
        <v>91028.151469999997</v>
      </c>
      <c r="O7786">
        <v>26674.503909999999</v>
      </c>
      <c r="P7786">
        <v>33098.168239999999</v>
      </c>
      <c r="Q7786">
        <v>97766.347569999998</v>
      </c>
      <c r="R7786">
        <v>22662.672930000001</v>
      </c>
      <c r="S7786">
        <v>120695.7049</v>
      </c>
      <c r="T7786">
        <v>35504.420680000003</v>
      </c>
      <c r="U7786">
        <v>28757.904630000001</v>
      </c>
      <c r="W7786" s="83">
        <f>Bühler!N7818</f>
        <v>45616.333333314455</v>
      </c>
      <c r="X7786" s="83">
        <v>43425.333333333336</v>
      </c>
      <c r="Y7786">
        <v>298040.60149999999</v>
      </c>
      <c r="Z7786">
        <v>33068.205159999998</v>
      </c>
      <c r="AA7786">
        <v>92629.780440000002</v>
      </c>
      <c r="AB7786">
        <v>86756.609880000004</v>
      </c>
      <c r="AC7786">
        <v>55246.654490000001</v>
      </c>
      <c r="AD7786">
        <v>46807.989399999999</v>
      </c>
      <c r="AE7786">
        <v>31003.06698</v>
      </c>
      <c r="AF7786">
        <v>61697.971539999999</v>
      </c>
      <c r="AG7786">
        <v>25400.006669999999</v>
      </c>
      <c r="AH7786">
        <v>356980.14010000002</v>
      </c>
      <c r="AI7786">
        <v>91028.151469999997</v>
      </c>
      <c r="AJ7786">
        <v>26674.503909999999</v>
      </c>
      <c r="AK7786">
        <v>33098.168239999999</v>
      </c>
      <c r="AL7786">
        <v>97766.347569999998</v>
      </c>
      <c r="AM7786">
        <v>22662.672930000001</v>
      </c>
      <c r="AN7786">
        <v>120695.7049</v>
      </c>
      <c r="AO7786">
        <v>35504.420680000003</v>
      </c>
      <c r="AP7786">
        <v>28757.904630000001</v>
      </c>
    </row>
    <row r="7787" spans="2:42" x14ac:dyDescent="0.3">
      <c r="B7787">
        <v>70.463777203675988</v>
      </c>
      <c r="C7787" s="83">
        <v>43425.375</v>
      </c>
      <c r="D7787">
        <v>298501.66100000002</v>
      </c>
      <c r="E7787">
        <v>37193.279179999998</v>
      </c>
      <c r="F7787">
        <v>98920.720079999999</v>
      </c>
      <c r="G7787">
        <v>94759.216119999997</v>
      </c>
      <c r="H7787">
        <v>56931.091260000001</v>
      </c>
      <c r="I7787">
        <v>44004.69326</v>
      </c>
      <c r="J7787">
        <v>30693.670549999999</v>
      </c>
      <c r="K7787">
        <v>62965.298640000001</v>
      </c>
      <c r="L7787">
        <v>27720.556570000001</v>
      </c>
      <c r="M7787">
        <v>359257.19640000002</v>
      </c>
      <c r="N7787">
        <v>90645.359429999997</v>
      </c>
      <c r="O7787">
        <v>27196.183700000001</v>
      </c>
      <c r="P7787">
        <v>33916.390919999998</v>
      </c>
      <c r="Q7787">
        <v>98352.717789999995</v>
      </c>
      <c r="R7787">
        <v>23489.61175</v>
      </c>
      <c r="S7787">
        <v>126572.8452</v>
      </c>
      <c r="T7787">
        <v>37507.413560000001</v>
      </c>
      <c r="U7787">
        <v>28106.485570000001</v>
      </c>
      <c r="W7787" s="83">
        <f>Bühler!N7819</f>
        <v>45616.374999981119</v>
      </c>
      <c r="X7787" s="83">
        <v>43425.375</v>
      </c>
      <c r="Y7787">
        <v>298501.66100000002</v>
      </c>
      <c r="Z7787">
        <v>37193.279179999998</v>
      </c>
      <c r="AA7787">
        <v>98920.720079999999</v>
      </c>
      <c r="AB7787">
        <v>94759.216119999997</v>
      </c>
      <c r="AC7787">
        <v>56931.091260000001</v>
      </c>
      <c r="AD7787">
        <v>44004.69326</v>
      </c>
      <c r="AE7787">
        <v>30693.670549999999</v>
      </c>
      <c r="AF7787">
        <v>62965.298640000001</v>
      </c>
      <c r="AG7787">
        <v>27720.556570000001</v>
      </c>
      <c r="AH7787">
        <v>359257.19640000002</v>
      </c>
      <c r="AI7787">
        <v>90645.359429999997</v>
      </c>
      <c r="AJ7787">
        <v>27196.183700000001</v>
      </c>
      <c r="AK7787">
        <v>33916.390919999998</v>
      </c>
      <c r="AL7787">
        <v>98352.717789999995</v>
      </c>
      <c r="AM7787">
        <v>23489.61175</v>
      </c>
      <c r="AN7787">
        <v>126572.8452</v>
      </c>
      <c r="AO7787">
        <v>37507.413560000001</v>
      </c>
      <c r="AP7787">
        <v>28106.485570000001</v>
      </c>
    </row>
    <row r="7788" spans="2:42" x14ac:dyDescent="0.3">
      <c r="B7788">
        <v>70.969254562385288</v>
      </c>
      <c r="C7788" s="83">
        <v>43425.416666666664</v>
      </c>
      <c r="D7788">
        <v>302143.82370000001</v>
      </c>
      <c r="E7788">
        <v>37802.452969999998</v>
      </c>
      <c r="F7788">
        <v>99994.931809999995</v>
      </c>
      <c r="G7788">
        <v>93432.804990000004</v>
      </c>
      <c r="H7788">
        <v>57087.500229999998</v>
      </c>
      <c r="I7788">
        <v>41590.949610000003</v>
      </c>
      <c r="J7788">
        <v>30470.874950000001</v>
      </c>
      <c r="K7788">
        <v>63834.18967</v>
      </c>
      <c r="L7788">
        <v>29624.380099999998</v>
      </c>
      <c r="M7788">
        <v>361834.35570000001</v>
      </c>
      <c r="N7788">
        <v>90952.358720000004</v>
      </c>
      <c r="O7788">
        <v>27150.437460000001</v>
      </c>
      <c r="P7788">
        <v>33566.68518</v>
      </c>
      <c r="Q7788">
        <v>100043.8633</v>
      </c>
      <c r="R7788">
        <v>23458.342820000002</v>
      </c>
      <c r="S7788">
        <v>125902.1496</v>
      </c>
      <c r="T7788">
        <v>38429.633970000003</v>
      </c>
      <c r="U7788">
        <v>27258.768609999999</v>
      </c>
      <c r="W7788" s="83">
        <f>Bühler!N7820</f>
        <v>45616.416666647783</v>
      </c>
      <c r="X7788" s="83">
        <v>43425.416666666664</v>
      </c>
      <c r="Y7788">
        <v>302143.82370000001</v>
      </c>
      <c r="Z7788">
        <v>37802.452969999998</v>
      </c>
      <c r="AA7788">
        <v>99994.931809999995</v>
      </c>
      <c r="AB7788">
        <v>93432.804990000004</v>
      </c>
      <c r="AC7788">
        <v>57087.500229999998</v>
      </c>
      <c r="AD7788">
        <v>41590.949610000003</v>
      </c>
      <c r="AE7788">
        <v>30470.874950000001</v>
      </c>
      <c r="AF7788">
        <v>63834.18967</v>
      </c>
      <c r="AG7788">
        <v>29624.380099999998</v>
      </c>
      <c r="AH7788">
        <v>361834.35570000001</v>
      </c>
      <c r="AI7788">
        <v>90952.358720000004</v>
      </c>
      <c r="AJ7788">
        <v>27150.437460000001</v>
      </c>
      <c r="AK7788">
        <v>33566.68518</v>
      </c>
      <c r="AL7788">
        <v>100043.8633</v>
      </c>
      <c r="AM7788">
        <v>23458.342820000002</v>
      </c>
      <c r="AN7788">
        <v>125902.1496</v>
      </c>
      <c r="AO7788">
        <v>38429.633970000003</v>
      </c>
      <c r="AP7788">
        <v>27258.768609999999</v>
      </c>
    </row>
    <row r="7789" spans="2:42" x14ac:dyDescent="0.3">
      <c r="B7789">
        <v>70.851614597781747</v>
      </c>
      <c r="C7789" s="83">
        <v>43425.458333333336</v>
      </c>
      <c r="D7789">
        <v>300621.5919</v>
      </c>
      <c r="E7789">
        <v>37544.718769999999</v>
      </c>
      <c r="F7789">
        <v>99336.622730000003</v>
      </c>
      <c r="G7789">
        <v>91511.317609999998</v>
      </c>
      <c r="H7789">
        <v>56433.484210000002</v>
      </c>
      <c r="I7789">
        <v>40944.114249999999</v>
      </c>
      <c r="J7789">
        <v>30573.891510000001</v>
      </c>
      <c r="K7789">
        <v>64557.842219999999</v>
      </c>
      <c r="L7789">
        <v>31121.109850000001</v>
      </c>
      <c r="M7789">
        <v>361234.5723</v>
      </c>
      <c r="N7789">
        <v>93026.847280000002</v>
      </c>
      <c r="O7789">
        <v>26612.298210000001</v>
      </c>
      <c r="P7789">
        <v>32873.932569999997</v>
      </c>
      <c r="Q7789">
        <v>100926.1231</v>
      </c>
      <c r="R7789">
        <v>23937.523740000001</v>
      </c>
      <c r="S7789">
        <v>127564.3214</v>
      </c>
      <c r="T7789">
        <v>37809.691720000003</v>
      </c>
      <c r="U7789">
        <v>26790.263749999998</v>
      </c>
      <c r="W7789" s="83">
        <f>Bühler!N7821</f>
        <v>45616.458333314447</v>
      </c>
      <c r="X7789" s="83">
        <v>43425.458333333336</v>
      </c>
      <c r="Y7789">
        <v>300621.5919</v>
      </c>
      <c r="Z7789">
        <v>37544.718769999999</v>
      </c>
      <c r="AA7789">
        <v>99336.622730000003</v>
      </c>
      <c r="AB7789">
        <v>91511.317609999998</v>
      </c>
      <c r="AC7789">
        <v>56433.484210000002</v>
      </c>
      <c r="AD7789">
        <v>40944.114249999999</v>
      </c>
      <c r="AE7789">
        <v>30573.891510000001</v>
      </c>
      <c r="AF7789">
        <v>64557.842219999999</v>
      </c>
      <c r="AG7789">
        <v>31121.109850000001</v>
      </c>
      <c r="AH7789">
        <v>361234.5723</v>
      </c>
      <c r="AI7789">
        <v>93026.847280000002</v>
      </c>
      <c r="AJ7789">
        <v>26612.298210000001</v>
      </c>
      <c r="AK7789">
        <v>32873.932569999997</v>
      </c>
      <c r="AL7789">
        <v>100926.1231</v>
      </c>
      <c r="AM7789">
        <v>23937.523740000001</v>
      </c>
      <c r="AN7789">
        <v>127564.3214</v>
      </c>
      <c r="AO7789">
        <v>37809.691720000003</v>
      </c>
      <c r="AP7789">
        <v>26790.263749999998</v>
      </c>
    </row>
    <row r="7790" spans="2:42" x14ac:dyDescent="0.3">
      <c r="B7790">
        <v>70.003631731949639</v>
      </c>
      <c r="C7790" s="83">
        <v>43425.5</v>
      </c>
      <c r="D7790">
        <v>287456.42369999998</v>
      </c>
      <c r="E7790">
        <v>34103.313860000002</v>
      </c>
      <c r="F7790">
        <v>94055.072610000003</v>
      </c>
      <c r="G7790">
        <v>83489.986130000005</v>
      </c>
      <c r="H7790">
        <v>52578.350980000003</v>
      </c>
      <c r="I7790">
        <v>38905.953070000003</v>
      </c>
      <c r="J7790">
        <v>30059.88682</v>
      </c>
      <c r="K7790">
        <v>59808.432829999998</v>
      </c>
      <c r="L7790">
        <v>33899.759570000002</v>
      </c>
      <c r="M7790">
        <v>356911.16019999998</v>
      </c>
      <c r="N7790">
        <v>89363.538390000002</v>
      </c>
      <c r="O7790">
        <v>26066.580109999999</v>
      </c>
      <c r="P7790">
        <v>33514.699540000001</v>
      </c>
      <c r="Q7790">
        <v>98817.482180000006</v>
      </c>
      <c r="R7790">
        <v>25368.549849999999</v>
      </c>
      <c r="S7790">
        <v>120381.844</v>
      </c>
      <c r="T7790">
        <v>36797.997109999997</v>
      </c>
      <c r="U7790">
        <v>21445.613020000001</v>
      </c>
      <c r="W7790" s="83">
        <f>Bühler!N7822</f>
        <v>45616.499999981112</v>
      </c>
      <c r="X7790" s="83">
        <v>43425.5</v>
      </c>
      <c r="Y7790">
        <v>287456.42369999998</v>
      </c>
      <c r="Z7790">
        <v>34103.313860000002</v>
      </c>
      <c r="AA7790">
        <v>94055.072610000003</v>
      </c>
      <c r="AB7790">
        <v>83489.986130000005</v>
      </c>
      <c r="AC7790">
        <v>52578.350980000003</v>
      </c>
      <c r="AD7790">
        <v>38905.953070000003</v>
      </c>
      <c r="AE7790">
        <v>30059.88682</v>
      </c>
      <c r="AF7790">
        <v>59808.432829999998</v>
      </c>
      <c r="AG7790">
        <v>33899.759570000002</v>
      </c>
      <c r="AH7790">
        <v>356911.16019999998</v>
      </c>
      <c r="AI7790">
        <v>89363.538390000002</v>
      </c>
      <c r="AJ7790">
        <v>26066.580109999999</v>
      </c>
      <c r="AK7790">
        <v>33514.699540000001</v>
      </c>
      <c r="AL7790">
        <v>98817.482180000006</v>
      </c>
      <c r="AM7790">
        <v>25368.549849999999</v>
      </c>
      <c r="AN7790">
        <v>120381.844</v>
      </c>
      <c r="AO7790">
        <v>36797.997109999997</v>
      </c>
      <c r="AP7790">
        <v>21445.613020000001</v>
      </c>
    </row>
    <row r="7791" spans="2:42" x14ac:dyDescent="0.3">
      <c r="B7791">
        <v>70.507394300482133</v>
      </c>
      <c r="C7791" s="83">
        <v>43425.541666666664</v>
      </c>
      <c r="D7791">
        <v>287051.72810000001</v>
      </c>
      <c r="E7791">
        <v>34313.336819999997</v>
      </c>
      <c r="F7791">
        <v>91128.437860000005</v>
      </c>
      <c r="G7791">
        <v>76443.316189999998</v>
      </c>
      <c r="H7791">
        <v>53537.919430000002</v>
      </c>
      <c r="I7791">
        <v>39027.557220000002</v>
      </c>
      <c r="J7791">
        <v>29356.819940000001</v>
      </c>
      <c r="K7791">
        <v>63689.331969999999</v>
      </c>
      <c r="L7791">
        <v>31677.670030000001</v>
      </c>
      <c r="M7791">
        <v>359479.57669999998</v>
      </c>
      <c r="N7791">
        <v>89583.275880000001</v>
      </c>
      <c r="O7791">
        <v>26069.987560000001</v>
      </c>
      <c r="P7791">
        <v>32903.725339999997</v>
      </c>
      <c r="Q7791">
        <v>98102.780830000003</v>
      </c>
      <c r="R7791">
        <v>26304.27073</v>
      </c>
      <c r="S7791">
        <v>119466.5863</v>
      </c>
      <c r="T7791">
        <v>35705.579109999999</v>
      </c>
      <c r="U7791">
        <v>23265.104050000002</v>
      </c>
      <c r="W7791" s="83">
        <f>Bühler!N7823</f>
        <v>45616.541666647776</v>
      </c>
      <c r="X7791" s="83">
        <v>43425.541666666664</v>
      </c>
      <c r="Y7791">
        <v>287051.72810000001</v>
      </c>
      <c r="Z7791">
        <v>34313.336819999997</v>
      </c>
      <c r="AA7791">
        <v>91128.437860000005</v>
      </c>
      <c r="AB7791">
        <v>76443.316189999998</v>
      </c>
      <c r="AC7791">
        <v>53537.919430000002</v>
      </c>
      <c r="AD7791">
        <v>39027.557220000002</v>
      </c>
      <c r="AE7791">
        <v>29356.819940000001</v>
      </c>
      <c r="AF7791">
        <v>63689.331969999999</v>
      </c>
      <c r="AG7791">
        <v>31677.670030000001</v>
      </c>
      <c r="AH7791">
        <v>359479.57669999998</v>
      </c>
      <c r="AI7791">
        <v>89583.275880000001</v>
      </c>
      <c r="AJ7791">
        <v>26069.987560000001</v>
      </c>
      <c r="AK7791">
        <v>32903.725339999997</v>
      </c>
      <c r="AL7791">
        <v>98102.780830000003</v>
      </c>
      <c r="AM7791">
        <v>26304.27073</v>
      </c>
      <c r="AN7791">
        <v>119466.5863</v>
      </c>
      <c r="AO7791">
        <v>35705.579109999999</v>
      </c>
      <c r="AP7791">
        <v>23265.104050000002</v>
      </c>
    </row>
    <row r="7792" spans="2:42" x14ac:dyDescent="0.3">
      <c r="B7792">
        <v>71.212791876691412</v>
      </c>
      <c r="C7792" s="83">
        <v>43425.583333333336</v>
      </c>
      <c r="D7792">
        <v>290486.39720000001</v>
      </c>
      <c r="E7792">
        <v>36673.918799999999</v>
      </c>
      <c r="F7792">
        <v>98308.663849999997</v>
      </c>
      <c r="G7792">
        <v>74444.371700000003</v>
      </c>
      <c r="H7792">
        <v>53394.366049999997</v>
      </c>
      <c r="I7792">
        <v>39700.087299999999</v>
      </c>
      <c r="J7792">
        <v>29190.064740000002</v>
      </c>
      <c r="K7792">
        <v>64967.804940000002</v>
      </c>
      <c r="L7792">
        <v>28161.738829999998</v>
      </c>
      <c r="M7792">
        <v>363076.02250000002</v>
      </c>
      <c r="N7792">
        <v>90952.833280000006</v>
      </c>
      <c r="O7792">
        <v>26200.80299</v>
      </c>
      <c r="P7792">
        <v>29596.56712</v>
      </c>
      <c r="Q7792">
        <v>97620.501499999998</v>
      </c>
      <c r="R7792">
        <v>24106.03485</v>
      </c>
      <c r="S7792">
        <v>114136.9182</v>
      </c>
      <c r="T7792">
        <v>34211.107459999999</v>
      </c>
      <c r="U7792">
        <v>24889.728569999999</v>
      </c>
      <c r="W7792" s="83">
        <f>Bühler!N7824</f>
        <v>45616.58333331444</v>
      </c>
      <c r="X7792" s="83">
        <v>43425.583333333336</v>
      </c>
      <c r="Y7792">
        <v>290486.39720000001</v>
      </c>
      <c r="Z7792">
        <v>36673.918799999999</v>
      </c>
      <c r="AA7792">
        <v>98308.663849999997</v>
      </c>
      <c r="AB7792">
        <v>74444.371700000003</v>
      </c>
      <c r="AC7792">
        <v>53394.366049999997</v>
      </c>
      <c r="AD7792">
        <v>39700.087299999999</v>
      </c>
      <c r="AE7792">
        <v>29190.064740000002</v>
      </c>
      <c r="AF7792">
        <v>64967.804940000002</v>
      </c>
      <c r="AG7792">
        <v>28161.738829999998</v>
      </c>
      <c r="AH7792">
        <v>363076.02250000002</v>
      </c>
      <c r="AI7792">
        <v>90952.833280000006</v>
      </c>
      <c r="AJ7792">
        <v>26200.80299</v>
      </c>
      <c r="AK7792">
        <v>29596.56712</v>
      </c>
      <c r="AL7792">
        <v>97620.501499999998</v>
      </c>
      <c r="AM7792">
        <v>24106.03485</v>
      </c>
      <c r="AN7792">
        <v>114136.9182</v>
      </c>
      <c r="AO7792">
        <v>34211.107459999999</v>
      </c>
      <c r="AP7792">
        <v>24889.728569999999</v>
      </c>
    </row>
    <row r="7793" spans="2:42" x14ac:dyDescent="0.3">
      <c r="B7793">
        <v>69.786646618034851</v>
      </c>
      <c r="C7793" s="83">
        <v>43425.625</v>
      </c>
      <c r="D7793">
        <v>287145.02759999997</v>
      </c>
      <c r="E7793">
        <v>36038.555070000002</v>
      </c>
      <c r="F7793">
        <v>98353.795159999994</v>
      </c>
      <c r="G7793">
        <v>73164.054950000005</v>
      </c>
      <c r="H7793">
        <v>52573.296419999999</v>
      </c>
      <c r="I7793">
        <v>39842.593330000003</v>
      </c>
      <c r="J7793">
        <v>28703.128219999999</v>
      </c>
      <c r="K7793">
        <v>63828.88263</v>
      </c>
      <c r="L7793">
        <v>25399.017220000002</v>
      </c>
      <c r="M7793">
        <v>355804.8689</v>
      </c>
      <c r="N7793">
        <v>88070.863630000007</v>
      </c>
      <c r="O7793">
        <v>25831.2978</v>
      </c>
      <c r="P7793">
        <v>28145.776180000001</v>
      </c>
      <c r="Q7793">
        <v>97514.492700000003</v>
      </c>
      <c r="R7793">
        <v>23758.152409999999</v>
      </c>
      <c r="S7793">
        <v>112189.215</v>
      </c>
      <c r="T7793">
        <v>34860.245540000004</v>
      </c>
      <c r="U7793">
        <v>23125.144980000001</v>
      </c>
      <c r="W7793" s="83">
        <f>Bühler!N7825</f>
        <v>45616.624999981104</v>
      </c>
      <c r="X7793" s="83">
        <v>43425.625</v>
      </c>
      <c r="Y7793">
        <v>287145.02759999997</v>
      </c>
      <c r="Z7793">
        <v>36038.555070000002</v>
      </c>
      <c r="AA7793">
        <v>98353.795159999994</v>
      </c>
      <c r="AB7793">
        <v>73164.054950000005</v>
      </c>
      <c r="AC7793">
        <v>52573.296419999999</v>
      </c>
      <c r="AD7793">
        <v>39842.593330000003</v>
      </c>
      <c r="AE7793">
        <v>28703.128219999999</v>
      </c>
      <c r="AF7793">
        <v>63828.88263</v>
      </c>
      <c r="AG7793">
        <v>25399.017220000002</v>
      </c>
      <c r="AH7793">
        <v>355804.8689</v>
      </c>
      <c r="AI7793">
        <v>88070.863630000007</v>
      </c>
      <c r="AJ7793">
        <v>25831.2978</v>
      </c>
      <c r="AK7793">
        <v>28145.776180000001</v>
      </c>
      <c r="AL7793">
        <v>97514.492700000003</v>
      </c>
      <c r="AM7793">
        <v>23758.152409999999</v>
      </c>
      <c r="AN7793">
        <v>112189.215</v>
      </c>
      <c r="AO7793">
        <v>34860.245540000004</v>
      </c>
      <c r="AP7793">
        <v>23125.144980000001</v>
      </c>
    </row>
    <row r="7794" spans="2:42" x14ac:dyDescent="0.3">
      <c r="B7794">
        <v>69.153856032863985</v>
      </c>
      <c r="C7794" s="83">
        <v>43425.666666666664</v>
      </c>
      <c r="D7794">
        <v>283570.15759999998</v>
      </c>
      <c r="E7794">
        <v>35701.856679999997</v>
      </c>
      <c r="F7794">
        <v>97984.319539999997</v>
      </c>
      <c r="G7794">
        <v>72266.363830000002</v>
      </c>
      <c r="H7794">
        <v>51232.573759999999</v>
      </c>
      <c r="I7794">
        <v>40683.432910000003</v>
      </c>
      <c r="J7794">
        <v>28611.30272</v>
      </c>
      <c r="K7794">
        <v>60531.108039999999</v>
      </c>
      <c r="L7794">
        <v>25420.806349999999</v>
      </c>
      <c r="M7794">
        <v>352578.60739999998</v>
      </c>
      <c r="N7794">
        <v>86727.806339999996</v>
      </c>
      <c r="O7794">
        <v>25745.021349999999</v>
      </c>
      <c r="P7794">
        <v>28101.928390000001</v>
      </c>
      <c r="Q7794">
        <v>96383.667199999996</v>
      </c>
      <c r="R7794">
        <v>23769.468059999999</v>
      </c>
      <c r="S7794">
        <v>110060.88099999999</v>
      </c>
      <c r="T7794">
        <v>35014.835650000001</v>
      </c>
      <c r="U7794">
        <v>21572.42713</v>
      </c>
      <c r="W7794" s="83">
        <f>Bühler!N7826</f>
        <v>45616.666666647769</v>
      </c>
      <c r="X7794" s="83">
        <v>43425.666666666664</v>
      </c>
      <c r="Y7794">
        <v>283570.15759999998</v>
      </c>
      <c r="Z7794">
        <v>35701.856679999997</v>
      </c>
      <c r="AA7794">
        <v>97984.319539999997</v>
      </c>
      <c r="AB7794">
        <v>72266.363830000002</v>
      </c>
      <c r="AC7794">
        <v>51232.573759999999</v>
      </c>
      <c r="AD7794">
        <v>40683.432910000003</v>
      </c>
      <c r="AE7794">
        <v>28611.30272</v>
      </c>
      <c r="AF7794">
        <v>60531.108039999999</v>
      </c>
      <c r="AG7794">
        <v>25420.806349999999</v>
      </c>
      <c r="AH7794">
        <v>352578.60739999998</v>
      </c>
      <c r="AI7794">
        <v>86727.806339999996</v>
      </c>
      <c r="AJ7794">
        <v>25745.021349999999</v>
      </c>
      <c r="AK7794">
        <v>28101.928390000001</v>
      </c>
      <c r="AL7794">
        <v>96383.667199999996</v>
      </c>
      <c r="AM7794">
        <v>23769.468059999999</v>
      </c>
      <c r="AN7794">
        <v>110060.88099999999</v>
      </c>
      <c r="AO7794">
        <v>35014.835650000001</v>
      </c>
      <c r="AP7794">
        <v>21572.42713</v>
      </c>
    </row>
    <row r="7795" spans="2:42" x14ac:dyDescent="0.3">
      <c r="B7795">
        <v>68.496048101015688</v>
      </c>
      <c r="C7795" s="83">
        <v>43425.708333333336</v>
      </c>
      <c r="D7795">
        <v>275649.71730000002</v>
      </c>
      <c r="E7795">
        <v>34484.619270000003</v>
      </c>
      <c r="F7795">
        <v>100680.35430000001</v>
      </c>
      <c r="G7795">
        <v>71397.794649999996</v>
      </c>
      <c r="H7795">
        <v>52216.575270000001</v>
      </c>
      <c r="I7795">
        <v>40860.895230000002</v>
      </c>
      <c r="J7795">
        <v>30826.394069999998</v>
      </c>
      <c r="K7795">
        <v>55607.072209999998</v>
      </c>
      <c r="L7795">
        <v>26871.26887</v>
      </c>
      <c r="M7795">
        <v>349224.79580000002</v>
      </c>
      <c r="N7795">
        <v>84535.897620000003</v>
      </c>
      <c r="O7795">
        <v>25058.649850000002</v>
      </c>
      <c r="P7795">
        <v>31376.89818</v>
      </c>
      <c r="Q7795">
        <v>95727.583360000004</v>
      </c>
      <c r="R7795">
        <v>23278.942480000002</v>
      </c>
      <c r="S7795">
        <v>112679.023</v>
      </c>
      <c r="T7795">
        <v>37110.751689999997</v>
      </c>
      <c r="U7795">
        <v>21278.78587</v>
      </c>
      <c r="W7795" s="83">
        <f>Bühler!N7827</f>
        <v>45616.708333314433</v>
      </c>
      <c r="X7795" s="83">
        <v>43425.708333333336</v>
      </c>
      <c r="Y7795">
        <v>275649.71730000002</v>
      </c>
      <c r="Z7795">
        <v>34484.619270000003</v>
      </c>
      <c r="AA7795">
        <v>100680.35430000001</v>
      </c>
      <c r="AB7795">
        <v>71397.794649999996</v>
      </c>
      <c r="AC7795">
        <v>52216.575270000001</v>
      </c>
      <c r="AD7795">
        <v>40860.895230000002</v>
      </c>
      <c r="AE7795">
        <v>30826.394069999998</v>
      </c>
      <c r="AF7795">
        <v>55607.072209999998</v>
      </c>
      <c r="AG7795">
        <v>26871.26887</v>
      </c>
      <c r="AH7795">
        <v>349224.79580000002</v>
      </c>
      <c r="AI7795">
        <v>84535.897620000003</v>
      </c>
      <c r="AJ7795">
        <v>25058.649850000002</v>
      </c>
      <c r="AK7795">
        <v>31376.89818</v>
      </c>
      <c r="AL7795">
        <v>95727.583360000004</v>
      </c>
      <c r="AM7795">
        <v>23278.942480000002</v>
      </c>
      <c r="AN7795">
        <v>112679.023</v>
      </c>
      <c r="AO7795">
        <v>37110.751689999997</v>
      </c>
      <c r="AP7795">
        <v>21278.78587</v>
      </c>
    </row>
    <row r="7796" spans="2:42" x14ac:dyDescent="0.3">
      <c r="B7796">
        <v>68.053109274212773</v>
      </c>
      <c r="C7796" s="83">
        <v>43425.75</v>
      </c>
      <c r="D7796">
        <v>269987.49089999998</v>
      </c>
      <c r="E7796">
        <v>31676.384190000001</v>
      </c>
      <c r="F7796">
        <v>99038.666469999996</v>
      </c>
      <c r="G7796">
        <v>64136.655330000001</v>
      </c>
      <c r="H7796">
        <v>50076.697939999998</v>
      </c>
      <c r="I7796">
        <v>39187.65006</v>
      </c>
      <c r="J7796">
        <v>31514.072080000002</v>
      </c>
      <c r="K7796">
        <v>53875.998010000003</v>
      </c>
      <c r="L7796">
        <v>28635.09822</v>
      </c>
      <c r="M7796">
        <v>346966.48710000003</v>
      </c>
      <c r="N7796">
        <v>81734.198319999996</v>
      </c>
      <c r="O7796">
        <v>23605.23417</v>
      </c>
      <c r="P7796">
        <v>34489.421190000001</v>
      </c>
      <c r="Q7796">
        <v>93435.237940000006</v>
      </c>
      <c r="R7796">
        <v>23175.831539999999</v>
      </c>
      <c r="S7796">
        <v>107857.9791</v>
      </c>
      <c r="T7796">
        <v>38461.574240000002</v>
      </c>
      <c r="U7796">
        <v>19365.882089999999</v>
      </c>
      <c r="W7796" s="83">
        <f>Bühler!N7828</f>
        <v>45616.749999981097</v>
      </c>
      <c r="X7796" s="83">
        <v>43425.75</v>
      </c>
      <c r="Y7796">
        <v>269987.49089999998</v>
      </c>
      <c r="Z7796">
        <v>31676.384190000001</v>
      </c>
      <c r="AA7796">
        <v>99038.666469999996</v>
      </c>
      <c r="AB7796">
        <v>64136.655330000001</v>
      </c>
      <c r="AC7796">
        <v>50076.697939999998</v>
      </c>
      <c r="AD7796">
        <v>39187.65006</v>
      </c>
      <c r="AE7796">
        <v>31514.072080000002</v>
      </c>
      <c r="AF7796">
        <v>53875.998010000003</v>
      </c>
      <c r="AG7796">
        <v>28635.09822</v>
      </c>
      <c r="AH7796">
        <v>346966.48710000003</v>
      </c>
      <c r="AI7796">
        <v>81734.198319999996</v>
      </c>
      <c r="AJ7796">
        <v>23605.23417</v>
      </c>
      <c r="AK7796">
        <v>34489.421190000001</v>
      </c>
      <c r="AL7796">
        <v>93435.237940000006</v>
      </c>
      <c r="AM7796">
        <v>23175.831539999999</v>
      </c>
      <c r="AN7796">
        <v>107857.9791</v>
      </c>
      <c r="AO7796">
        <v>38461.574240000002</v>
      </c>
      <c r="AP7796">
        <v>19365.882089999999</v>
      </c>
    </row>
    <row r="7797" spans="2:42" x14ac:dyDescent="0.3">
      <c r="B7797">
        <v>66.108018626385487</v>
      </c>
      <c r="C7797" s="83">
        <v>43425.791666666664</v>
      </c>
      <c r="D7797">
        <v>264429.44179999997</v>
      </c>
      <c r="E7797">
        <v>25357.080259999999</v>
      </c>
      <c r="F7797">
        <v>84262.753400000001</v>
      </c>
      <c r="G7797">
        <v>57055.529949999996</v>
      </c>
      <c r="H7797">
        <v>47220.222529999999</v>
      </c>
      <c r="I7797">
        <v>35776.616670000003</v>
      </c>
      <c r="J7797">
        <v>30748.519219999998</v>
      </c>
      <c r="K7797">
        <v>53450.597970000003</v>
      </c>
      <c r="L7797">
        <v>28265.565579999999</v>
      </c>
      <c r="M7797">
        <v>337049.50790000003</v>
      </c>
      <c r="N7797">
        <v>79117.884430000006</v>
      </c>
      <c r="O7797">
        <v>22424.898020000001</v>
      </c>
      <c r="P7797">
        <v>36340.514900000002</v>
      </c>
      <c r="Q7797">
        <v>91448.695680000004</v>
      </c>
      <c r="R7797">
        <v>23135.415199999999</v>
      </c>
      <c r="S7797">
        <v>101456.99249999999</v>
      </c>
      <c r="T7797">
        <v>37407.269540000001</v>
      </c>
      <c r="U7797">
        <v>17497.307270000001</v>
      </c>
      <c r="W7797" s="83">
        <f>Bühler!N7829</f>
        <v>45616.791666647761</v>
      </c>
      <c r="X7797" s="83">
        <v>43425.791666666664</v>
      </c>
      <c r="Y7797">
        <v>264429.44179999997</v>
      </c>
      <c r="Z7797">
        <v>25357.080259999999</v>
      </c>
      <c r="AA7797">
        <v>84262.753400000001</v>
      </c>
      <c r="AB7797">
        <v>57055.529949999996</v>
      </c>
      <c r="AC7797">
        <v>47220.222529999999</v>
      </c>
      <c r="AD7797">
        <v>35776.616670000003</v>
      </c>
      <c r="AE7797">
        <v>30748.519219999998</v>
      </c>
      <c r="AF7797">
        <v>53450.597970000003</v>
      </c>
      <c r="AG7797">
        <v>28265.565579999999</v>
      </c>
      <c r="AH7797">
        <v>337049.50790000003</v>
      </c>
      <c r="AI7797">
        <v>79117.884430000006</v>
      </c>
      <c r="AJ7797">
        <v>22424.898020000001</v>
      </c>
      <c r="AK7797">
        <v>36340.514900000002</v>
      </c>
      <c r="AL7797">
        <v>91448.695680000004</v>
      </c>
      <c r="AM7797">
        <v>23135.415199999999</v>
      </c>
      <c r="AN7797">
        <v>101456.99249999999</v>
      </c>
      <c r="AO7797">
        <v>37407.269540000001</v>
      </c>
      <c r="AP7797">
        <v>17497.307270000001</v>
      </c>
    </row>
    <row r="7798" spans="2:42" x14ac:dyDescent="0.3">
      <c r="B7798">
        <v>64.25213713862604</v>
      </c>
      <c r="C7798" s="83">
        <v>43425.833333333336</v>
      </c>
      <c r="D7798">
        <v>252136.5447</v>
      </c>
      <c r="E7798">
        <v>19458.545289999998</v>
      </c>
      <c r="F7798">
        <v>65223.067479999998</v>
      </c>
      <c r="G7798">
        <v>49724.332799999996</v>
      </c>
      <c r="H7798">
        <v>44140.145069999999</v>
      </c>
      <c r="I7798">
        <v>31933.74309</v>
      </c>
      <c r="J7798">
        <v>29714.19656</v>
      </c>
      <c r="K7798">
        <v>53978.848810000003</v>
      </c>
      <c r="L7798">
        <v>27199.362359999999</v>
      </c>
      <c r="M7798">
        <v>327587.35859999998</v>
      </c>
      <c r="N7798">
        <v>76392.229080000005</v>
      </c>
      <c r="O7798">
        <v>21107.00099</v>
      </c>
      <c r="P7798">
        <v>35973.15726</v>
      </c>
      <c r="Q7798">
        <v>88655.767550000004</v>
      </c>
      <c r="R7798">
        <v>19785.021840000001</v>
      </c>
      <c r="S7798">
        <v>91412.543170000004</v>
      </c>
      <c r="T7798">
        <v>35066.479800000001</v>
      </c>
      <c r="U7798">
        <v>16335.57057</v>
      </c>
      <c r="W7798" s="83">
        <f>Bühler!N7830</f>
        <v>45616.833333314426</v>
      </c>
      <c r="X7798" s="83">
        <v>43425.833333333336</v>
      </c>
      <c r="Y7798">
        <v>252136.5447</v>
      </c>
      <c r="Z7798">
        <v>19458.545289999998</v>
      </c>
      <c r="AA7798">
        <v>65223.067479999998</v>
      </c>
      <c r="AB7798">
        <v>49724.332799999996</v>
      </c>
      <c r="AC7798">
        <v>44140.145069999999</v>
      </c>
      <c r="AD7798">
        <v>31933.74309</v>
      </c>
      <c r="AE7798">
        <v>29714.19656</v>
      </c>
      <c r="AF7798">
        <v>53978.848810000003</v>
      </c>
      <c r="AG7798">
        <v>27199.362359999999</v>
      </c>
      <c r="AH7798">
        <v>327587.35859999998</v>
      </c>
      <c r="AI7798">
        <v>76392.229080000005</v>
      </c>
      <c r="AJ7798">
        <v>21107.00099</v>
      </c>
      <c r="AK7798">
        <v>35973.15726</v>
      </c>
      <c r="AL7798">
        <v>88655.767550000004</v>
      </c>
      <c r="AM7798">
        <v>19785.021840000001</v>
      </c>
      <c r="AN7798">
        <v>91412.543170000004</v>
      </c>
      <c r="AO7798">
        <v>35066.479800000001</v>
      </c>
      <c r="AP7798">
        <v>16335.57057</v>
      </c>
    </row>
    <row r="7799" spans="2:42" x14ac:dyDescent="0.3">
      <c r="B7799">
        <v>62.253920691424327</v>
      </c>
      <c r="C7799" s="83">
        <v>43425.875</v>
      </c>
      <c r="D7799">
        <v>243960.4094</v>
      </c>
      <c r="E7799">
        <v>16570.60183</v>
      </c>
      <c r="F7799">
        <v>57502.750119999997</v>
      </c>
      <c r="G7799">
        <v>46169.457999999999</v>
      </c>
      <c r="H7799">
        <v>41072.761550000003</v>
      </c>
      <c r="I7799">
        <v>27286.14227</v>
      </c>
      <c r="J7799">
        <v>28219.102340000001</v>
      </c>
      <c r="K7799">
        <v>51640.989600000001</v>
      </c>
      <c r="L7799">
        <v>25509.027330000001</v>
      </c>
      <c r="M7799">
        <v>317399.51929999999</v>
      </c>
      <c r="N7799">
        <v>73157.740090000007</v>
      </c>
      <c r="O7799">
        <v>20296.78097</v>
      </c>
      <c r="P7799">
        <v>35081.313690000003</v>
      </c>
      <c r="Q7799">
        <v>86648.734769999995</v>
      </c>
      <c r="R7799">
        <v>18962.075089999998</v>
      </c>
      <c r="S7799">
        <v>84926.447279999993</v>
      </c>
      <c r="T7799">
        <v>32628.198970000001</v>
      </c>
      <c r="U7799">
        <v>14672.20119</v>
      </c>
      <c r="W7799" s="83">
        <f>Bühler!N7831</f>
        <v>45616.87499998109</v>
      </c>
      <c r="X7799" s="83">
        <v>43425.875</v>
      </c>
      <c r="Y7799">
        <v>243960.4094</v>
      </c>
      <c r="Z7799">
        <v>16570.60183</v>
      </c>
      <c r="AA7799">
        <v>57502.750119999997</v>
      </c>
      <c r="AB7799">
        <v>46169.457999999999</v>
      </c>
      <c r="AC7799">
        <v>41072.761550000003</v>
      </c>
      <c r="AD7799">
        <v>27286.14227</v>
      </c>
      <c r="AE7799">
        <v>28219.102340000001</v>
      </c>
      <c r="AF7799">
        <v>51640.989600000001</v>
      </c>
      <c r="AG7799">
        <v>25509.027330000001</v>
      </c>
      <c r="AH7799">
        <v>317399.51929999999</v>
      </c>
      <c r="AI7799">
        <v>73157.740090000007</v>
      </c>
      <c r="AJ7799">
        <v>20296.78097</v>
      </c>
      <c r="AK7799">
        <v>35081.313690000003</v>
      </c>
      <c r="AL7799">
        <v>86648.734769999995</v>
      </c>
      <c r="AM7799">
        <v>18962.075089999998</v>
      </c>
      <c r="AN7799">
        <v>84926.447279999993</v>
      </c>
      <c r="AO7799">
        <v>32628.198970000001</v>
      </c>
      <c r="AP7799">
        <v>14672.20119</v>
      </c>
    </row>
    <row r="7800" spans="2:42" x14ac:dyDescent="0.3">
      <c r="B7800">
        <v>62.275059499209149</v>
      </c>
      <c r="C7800" s="83">
        <v>43425.916666666664</v>
      </c>
      <c r="D7800">
        <v>241406.01509999999</v>
      </c>
      <c r="E7800">
        <v>15765.61304</v>
      </c>
      <c r="F7800">
        <v>54337.543960000003</v>
      </c>
      <c r="G7800">
        <v>43225.225449999998</v>
      </c>
      <c r="H7800">
        <v>39661.284939999998</v>
      </c>
      <c r="I7800">
        <v>25304.87845</v>
      </c>
      <c r="J7800">
        <v>27552.720509999999</v>
      </c>
      <c r="K7800">
        <v>55341.877460000003</v>
      </c>
      <c r="L7800">
        <v>22688.942169999998</v>
      </c>
      <c r="M7800">
        <v>317507.29479999997</v>
      </c>
      <c r="N7800">
        <v>74239.913520000002</v>
      </c>
      <c r="O7800">
        <v>20127.66518</v>
      </c>
      <c r="P7800">
        <v>35159.434209999999</v>
      </c>
      <c r="Q7800">
        <v>85426.034419999996</v>
      </c>
      <c r="R7800">
        <v>23274.27738</v>
      </c>
      <c r="S7800">
        <v>83328.735849999997</v>
      </c>
      <c r="T7800">
        <v>28140.12068</v>
      </c>
      <c r="U7800">
        <v>15008.61868</v>
      </c>
      <c r="W7800" s="83">
        <f>Bühler!N7832</f>
        <v>45616.916666647754</v>
      </c>
      <c r="X7800" s="83">
        <v>43425.916666666664</v>
      </c>
      <c r="Y7800">
        <v>241406.01509999999</v>
      </c>
      <c r="Z7800">
        <v>15765.61304</v>
      </c>
      <c r="AA7800">
        <v>54337.543960000003</v>
      </c>
      <c r="AB7800">
        <v>43225.225449999998</v>
      </c>
      <c r="AC7800">
        <v>39661.284939999998</v>
      </c>
      <c r="AD7800">
        <v>25304.87845</v>
      </c>
      <c r="AE7800">
        <v>27552.720509999999</v>
      </c>
      <c r="AF7800">
        <v>55341.877460000003</v>
      </c>
      <c r="AG7800">
        <v>22688.942169999998</v>
      </c>
      <c r="AH7800">
        <v>317507.29479999997</v>
      </c>
      <c r="AI7800">
        <v>74239.913520000002</v>
      </c>
      <c r="AJ7800">
        <v>20127.66518</v>
      </c>
      <c r="AK7800">
        <v>35159.434209999999</v>
      </c>
      <c r="AL7800">
        <v>85426.034419999996</v>
      </c>
      <c r="AM7800">
        <v>23274.27738</v>
      </c>
      <c r="AN7800">
        <v>83328.735849999997</v>
      </c>
      <c r="AO7800">
        <v>28140.12068</v>
      </c>
      <c r="AP7800">
        <v>15008.61868</v>
      </c>
    </row>
    <row r="7801" spans="2:42" x14ac:dyDescent="0.3">
      <c r="B7801">
        <v>61.578001371992642</v>
      </c>
      <c r="C7801" s="83">
        <v>43425.958333333336</v>
      </c>
      <c r="D7801">
        <v>241759.80309999999</v>
      </c>
      <c r="E7801">
        <v>15152.936240000001</v>
      </c>
      <c r="F7801">
        <v>52855.015919999998</v>
      </c>
      <c r="G7801">
        <v>41837.490210000004</v>
      </c>
      <c r="H7801">
        <v>38478.161460000003</v>
      </c>
      <c r="I7801">
        <v>23653.67715</v>
      </c>
      <c r="J7801">
        <v>25811.71513</v>
      </c>
      <c r="K7801">
        <v>53739.995459999998</v>
      </c>
      <c r="L7801">
        <v>19604.386009999998</v>
      </c>
      <c r="M7801">
        <v>313953.36739999999</v>
      </c>
      <c r="N7801">
        <v>73432.109429999997</v>
      </c>
      <c r="O7801">
        <v>19537.34806</v>
      </c>
      <c r="P7801">
        <v>31730.01181</v>
      </c>
      <c r="Q7801">
        <v>85297.216570000004</v>
      </c>
      <c r="R7801">
        <v>22823.524310000001</v>
      </c>
      <c r="S7801">
        <v>81692.117029999994</v>
      </c>
      <c r="T7801">
        <v>28807.934069999999</v>
      </c>
      <c r="U7801">
        <v>14518.358410000001</v>
      </c>
      <c r="W7801" s="83">
        <f>Bühler!N7833</f>
        <v>45616.958333314418</v>
      </c>
      <c r="X7801" s="83">
        <v>43425.958333333336</v>
      </c>
      <c r="Y7801">
        <v>241759.80309999999</v>
      </c>
      <c r="Z7801">
        <v>15152.936240000001</v>
      </c>
      <c r="AA7801">
        <v>52855.015919999998</v>
      </c>
      <c r="AB7801">
        <v>41837.490210000004</v>
      </c>
      <c r="AC7801">
        <v>38478.161460000003</v>
      </c>
      <c r="AD7801">
        <v>23653.67715</v>
      </c>
      <c r="AE7801">
        <v>25811.71513</v>
      </c>
      <c r="AF7801">
        <v>53739.995459999998</v>
      </c>
      <c r="AG7801">
        <v>19604.386009999998</v>
      </c>
      <c r="AH7801">
        <v>313953.36739999999</v>
      </c>
      <c r="AI7801">
        <v>73432.109429999997</v>
      </c>
      <c r="AJ7801">
        <v>19537.34806</v>
      </c>
      <c r="AK7801">
        <v>31730.01181</v>
      </c>
      <c r="AL7801">
        <v>85297.216570000004</v>
      </c>
      <c r="AM7801">
        <v>22823.524310000001</v>
      </c>
      <c r="AN7801">
        <v>81692.117029999994</v>
      </c>
      <c r="AO7801">
        <v>28807.934069999999</v>
      </c>
      <c r="AP7801">
        <v>14518.358410000001</v>
      </c>
    </row>
    <row r="7802" spans="2:42" x14ac:dyDescent="0.3">
      <c r="B7802">
        <v>60.935944451255104</v>
      </c>
      <c r="C7802" s="83">
        <v>43426</v>
      </c>
      <c r="D7802">
        <v>239040.35449999999</v>
      </c>
      <c r="E7802">
        <v>14861.63298</v>
      </c>
      <c r="F7802">
        <v>52800.42297</v>
      </c>
      <c r="G7802">
        <v>40877.12341</v>
      </c>
      <c r="H7802">
        <v>38143.762390000004</v>
      </c>
      <c r="I7802">
        <v>22088.770270000001</v>
      </c>
      <c r="J7802">
        <v>24324.016729999999</v>
      </c>
      <c r="K7802">
        <v>52570.529210000001</v>
      </c>
      <c r="L7802">
        <v>17681.597259999999</v>
      </c>
      <c r="M7802">
        <v>310679.86180000001</v>
      </c>
      <c r="N7802">
        <v>72313.818199999994</v>
      </c>
      <c r="O7802">
        <v>19934.910189999999</v>
      </c>
      <c r="P7802">
        <v>29177.955379999999</v>
      </c>
      <c r="Q7802">
        <v>85502.955900000001</v>
      </c>
      <c r="R7802">
        <v>21138.544460000001</v>
      </c>
      <c r="S7802">
        <v>80367.146380000006</v>
      </c>
      <c r="T7802">
        <v>26612.828730000001</v>
      </c>
      <c r="U7802">
        <v>14361.81998</v>
      </c>
      <c r="W7802" s="83">
        <f>Bühler!N7834</f>
        <v>45616.999999981083</v>
      </c>
      <c r="X7802" s="83">
        <v>43426</v>
      </c>
      <c r="Y7802">
        <v>239040.35449999999</v>
      </c>
      <c r="Z7802">
        <v>14861.63298</v>
      </c>
      <c r="AA7802">
        <v>52800.42297</v>
      </c>
      <c r="AB7802">
        <v>40877.12341</v>
      </c>
      <c r="AC7802">
        <v>38143.762390000004</v>
      </c>
      <c r="AD7802">
        <v>22088.770270000001</v>
      </c>
      <c r="AE7802">
        <v>24324.016729999999</v>
      </c>
      <c r="AF7802">
        <v>52570.529210000001</v>
      </c>
      <c r="AG7802">
        <v>17681.597259999999</v>
      </c>
      <c r="AH7802">
        <v>310679.86180000001</v>
      </c>
      <c r="AI7802">
        <v>72313.818199999994</v>
      </c>
      <c r="AJ7802">
        <v>19934.910189999999</v>
      </c>
      <c r="AK7802">
        <v>29177.955379999999</v>
      </c>
      <c r="AL7802">
        <v>85502.955900000001</v>
      </c>
      <c r="AM7802">
        <v>21138.544460000001</v>
      </c>
      <c r="AN7802">
        <v>80367.146380000006</v>
      </c>
      <c r="AO7802">
        <v>26612.828730000001</v>
      </c>
      <c r="AP7802">
        <v>14361.81998</v>
      </c>
    </row>
    <row r="7803" spans="2:42" x14ac:dyDescent="0.3">
      <c r="B7803">
        <v>60.441871737805783</v>
      </c>
      <c r="C7803" s="83">
        <v>43426.041666666664</v>
      </c>
      <c r="D7803">
        <v>237958.04800000001</v>
      </c>
      <c r="E7803">
        <v>14762.82906</v>
      </c>
      <c r="F7803">
        <v>53531.821320000003</v>
      </c>
      <c r="G7803">
        <v>40416.590150000004</v>
      </c>
      <c r="H7803">
        <v>37434.234329999999</v>
      </c>
      <c r="I7803">
        <v>19051.153559999999</v>
      </c>
      <c r="J7803">
        <v>23449.025600000001</v>
      </c>
      <c r="K7803">
        <v>50201.124089999998</v>
      </c>
      <c r="L7803">
        <v>17274.384870000002</v>
      </c>
      <c r="M7803">
        <v>308160.84869999997</v>
      </c>
      <c r="N7803">
        <v>71941.26122</v>
      </c>
      <c r="O7803">
        <v>19790.7228</v>
      </c>
      <c r="P7803">
        <v>27296.847460000001</v>
      </c>
      <c r="Q7803">
        <v>85389.655929999994</v>
      </c>
      <c r="R7803">
        <v>20871.94918</v>
      </c>
      <c r="S7803">
        <v>79593.190650000004</v>
      </c>
      <c r="T7803">
        <v>25361.806850000001</v>
      </c>
      <c r="U7803">
        <v>14307.748949999999</v>
      </c>
      <c r="W7803" s="83">
        <f>Bühler!N7835</f>
        <v>45617.041666647747</v>
      </c>
      <c r="X7803" s="83">
        <v>43426.041666666664</v>
      </c>
      <c r="Y7803">
        <v>237958.04800000001</v>
      </c>
      <c r="Z7803">
        <v>14762.82906</v>
      </c>
      <c r="AA7803">
        <v>53531.821320000003</v>
      </c>
      <c r="AB7803">
        <v>40416.590150000004</v>
      </c>
      <c r="AC7803">
        <v>37434.234329999999</v>
      </c>
      <c r="AD7803">
        <v>19051.153559999999</v>
      </c>
      <c r="AE7803">
        <v>23449.025600000001</v>
      </c>
      <c r="AF7803">
        <v>50201.124089999998</v>
      </c>
      <c r="AG7803">
        <v>17274.384870000002</v>
      </c>
      <c r="AH7803">
        <v>308160.84869999997</v>
      </c>
      <c r="AI7803">
        <v>71941.26122</v>
      </c>
      <c r="AJ7803">
        <v>19790.7228</v>
      </c>
      <c r="AK7803">
        <v>27296.847460000001</v>
      </c>
      <c r="AL7803">
        <v>85389.655929999994</v>
      </c>
      <c r="AM7803">
        <v>20871.94918</v>
      </c>
      <c r="AN7803">
        <v>79593.190650000004</v>
      </c>
      <c r="AO7803">
        <v>25361.806850000001</v>
      </c>
      <c r="AP7803">
        <v>14307.748949999999</v>
      </c>
    </row>
    <row r="7804" spans="2:42" x14ac:dyDescent="0.3">
      <c r="B7804">
        <v>60.433356353553322</v>
      </c>
      <c r="C7804" s="83">
        <v>43426.083333333336</v>
      </c>
      <c r="D7804">
        <v>239810.55</v>
      </c>
      <c r="E7804">
        <v>14583.82785</v>
      </c>
      <c r="F7804">
        <v>54014.362450000001</v>
      </c>
      <c r="G7804">
        <v>40250.545590000002</v>
      </c>
      <c r="H7804">
        <v>37421.92542</v>
      </c>
      <c r="I7804">
        <v>17268.992699999999</v>
      </c>
      <c r="J7804">
        <v>23576.753580000001</v>
      </c>
      <c r="K7804">
        <v>49127.036509999998</v>
      </c>
      <c r="L7804">
        <v>17000.290389999998</v>
      </c>
      <c r="M7804">
        <v>308117.43329999998</v>
      </c>
      <c r="N7804">
        <v>72028.695470000006</v>
      </c>
      <c r="O7804">
        <v>20010.079180000001</v>
      </c>
      <c r="P7804">
        <v>26391.762569999999</v>
      </c>
      <c r="Q7804">
        <v>87061.677970000004</v>
      </c>
      <c r="R7804">
        <v>20021.380280000001</v>
      </c>
      <c r="S7804">
        <v>78263.633530000006</v>
      </c>
      <c r="T7804">
        <v>24860.033490000002</v>
      </c>
      <c r="U7804">
        <v>14067.06475</v>
      </c>
      <c r="W7804" s="83">
        <f>Bühler!N7836</f>
        <v>45617.083333314411</v>
      </c>
      <c r="X7804" s="83">
        <v>43426.083333333336</v>
      </c>
      <c r="Y7804">
        <v>239810.55</v>
      </c>
      <c r="Z7804">
        <v>14583.82785</v>
      </c>
      <c r="AA7804">
        <v>54014.362450000001</v>
      </c>
      <c r="AB7804">
        <v>40250.545590000002</v>
      </c>
      <c r="AC7804">
        <v>37421.92542</v>
      </c>
      <c r="AD7804">
        <v>17268.992699999999</v>
      </c>
      <c r="AE7804">
        <v>23576.753580000001</v>
      </c>
      <c r="AF7804">
        <v>49127.036509999998</v>
      </c>
      <c r="AG7804">
        <v>17000.290389999998</v>
      </c>
      <c r="AH7804">
        <v>308117.43329999998</v>
      </c>
      <c r="AI7804">
        <v>72028.695470000006</v>
      </c>
      <c r="AJ7804">
        <v>20010.079180000001</v>
      </c>
      <c r="AK7804">
        <v>26391.762569999999</v>
      </c>
      <c r="AL7804">
        <v>87061.677970000004</v>
      </c>
      <c r="AM7804">
        <v>20021.380280000001</v>
      </c>
      <c r="AN7804">
        <v>78263.633530000006</v>
      </c>
      <c r="AO7804">
        <v>24860.033490000002</v>
      </c>
      <c r="AP7804">
        <v>14067.06475</v>
      </c>
    </row>
    <row r="7805" spans="2:42" x14ac:dyDescent="0.3">
      <c r="B7805">
        <v>61.030738251504971</v>
      </c>
      <c r="C7805" s="83">
        <v>43426.125</v>
      </c>
      <c r="D7805">
        <v>240707.95699999999</v>
      </c>
      <c r="E7805">
        <v>14686.49799</v>
      </c>
      <c r="F7805">
        <v>54400.712149999999</v>
      </c>
      <c r="G7805">
        <v>39547.151299999998</v>
      </c>
      <c r="H7805">
        <v>37431.199560000001</v>
      </c>
      <c r="I7805">
        <v>17120.814009999998</v>
      </c>
      <c r="J7805">
        <v>23698.399160000001</v>
      </c>
      <c r="K7805">
        <v>46738.165029999996</v>
      </c>
      <c r="L7805">
        <v>17111.05819</v>
      </c>
      <c r="M7805">
        <v>311163.16480000003</v>
      </c>
      <c r="N7805">
        <v>70859.696119999993</v>
      </c>
      <c r="O7805">
        <v>19879.501779999999</v>
      </c>
      <c r="P7805">
        <v>25728.571469999999</v>
      </c>
      <c r="Q7805">
        <v>89618.022979999994</v>
      </c>
      <c r="R7805">
        <v>20036.976129999999</v>
      </c>
      <c r="S7805">
        <v>78315.741880000001</v>
      </c>
      <c r="T7805">
        <v>24883.311020000001</v>
      </c>
      <c r="U7805">
        <v>14177.77303</v>
      </c>
      <c r="W7805" s="83">
        <f>Bühler!N7837</f>
        <v>45617.124999981075</v>
      </c>
      <c r="X7805" s="83">
        <v>43426.125</v>
      </c>
      <c r="Y7805">
        <v>240707.95699999999</v>
      </c>
      <c r="Z7805">
        <v>14686.49799</v>
      </c>
      <c r="AA7805">
        <v>54400.712149999999</v>
      </c>
      <c r="AB7805">
        <v>39547.151299999998</v>
      </c>
      <c r="AC7805">
        <v>37431.199560000001</v>
      </c>
      <c r="AD7805">
        <v>17120.814009999998</v>
      </c>
      <c r="AE7805">
        <v>23698.399160000001</v>
      </c>
      <c r="AF7805">
        <v>46738.165029999996</v>
      </c>
      <c r="AG7805">
        <v>17111.05819</v>
      </c>
      <c r="AH7805">
        <v>311163.16480000003</v>
      </c>
      <c r="AI7805">
        <v>70859.696119999993</v>
      </c>
      <c r="AJ7805">
        <v>19879.501779999999</v>
      </c>
      <c r="AK7805">
        <v>25728.571469999999</v>
      </c>
      <c r="AL7805">
        <v>89618.022979999994</v>
      </c>
      <c r="AM7805">
        <v>20036.976129999999</v>
      </c>
      <c r="AN7805">
        <v>78315.741880000001</v>
      </c>
      <c r="AO7805">
        <v>24883.311020000001</v>
      </c>
      <c r="AP7805">
        <v>14177.77303</v>
      </c>
    </row>
    <row r="7806" spans="2:42" x14ac:dyDescent="0.3">
      <c r="B7806">
        <v>62.325367745414354</v>
      </c>
      <c r="C7806" s="83">
        <v>43426.166666666664</v>
      </c>
      <c r="D7806">
        <v>242471.13930000001</v>
      </c>
      <c r="E7806">
        <v>15282.21614</v>
      </c>
      <c r="F7806">
        <v>57934.175439999999</v>
      </c>
      <c r="G7806">
        <v>39544.144099999998</v>
      </c>
      <c r="H7806">
        <v>38361.810039999997</v>
      </c>
      <c r="I7806">
        <v>19277.45422</v>
      </c>
      <c r="J7806">
        <v>24590.202410000002</v>
      </c>
      <c r="K7806">
        <v>46161.178780000002</v>
      </c>
      <c r="L7806">
        <v>17360.639439999999</v>
      </c>
      <c r="M7806">
        <v>317763.78970000002</v>
      </c>
      <c r="N7806">
        <v>70975.143989999997</v>
      </c>
      <c r="O7806">
        <v>20446.701239999999</v>
      </c>
      <c r="P7806">
        <v>25102.7834</v>
      </c>
      <c r="Q7806">
        <v>93983.282819999993</v>
      </c>
      <c r="R7806">
        <v>20295.893110000001</v>
      </c>
      <c r="S7806">
        <v>77626.871580000006</v>
      </c>
      <c r="T7806">
        <v>24979.19139</v>
      </c>
      <c r="U7806">
        <v>14747.512049999999</v>
      </c>
      <c r="W7806" s="83">
        <f>Bühler!N7838</f>
        <v>45617.166666647739</v>
      </c>
      <c r="X7806" s="83">
        <v>43426.166666666664</v>
      </c>
      <c r="Y7806">
        <v>242471.13930000001</v>
      </c>
      <c r="Z7806">
        <v>15282.21614</v>
      </c>
      <c r="AA7806">
        <v>57934.175439999999</v>
      </c>
      <c r="AB7806">
        <v>39544.144099999998</v>
      </c>
      <c r="AC7806">
        <v>38361.810039999997</v>
      </c>
      <c r="AD7806">
        <v>19277.45422</v>
      </c>
      <c r="AE7806">
        <v>24590.202410000002</v>
      </c>
      <c r="AF7806">
        <v>46161.178780000002</v>
      </c>
      <c r="AG7806">
        <v>17360.639439999999</v>
      </c>
      <c r="AH7806">
        <v>317763.78970000002</v>
      </c>
      <c r="AI7806">
        <v>70975.143989999997</v>
      </c>
      <c r="AJ7806">
        <v>20446.701239999999</v>
      </c>
      <c r="AK7806">
        <v>25102.7834</v>
      </c>
      <c r="AL7806">
        <v>93983.282819999993</v>
      </c>
      <c r="AM7806">
        <v>20295.893110000001</v>
      </c>
      <c r="AN7806">
        <v>77626.871580000006</v>
      </c>
      <c r="AO7806">
        <v>24979.19139</v>
      </c>
      <c r="AP7806">
        <v>14747.512049999999</v>
      </c>
    </row>
    <row r="7807" spans="2:42" x14ac:dyDescent="0.3">
      <c r="B7807">
        <v>65.292610870176702</v>
      </c>
      <c r="C7807" s="83">
        <v>43426.208333333336</v>
      </c>
      <c r="D7807">
        <v>257551.78829999999</v>
      </c>
      <c r="E7807">
        <v>17527.887849999999</v>
      </c>
      <c r="F7807">
        <v>69372.830270000006</v>
      </c>
      <c r="G7807">
        <v>42553.22797</v>
      </c>
      <c r="H7807">
        <v>40111.859900000003</v>
      </c>
      <c r="I7807">
        <v>26858.329669999999</v>
      </c>
      <c r="J7807">
        <v>26802.64647</v>
      </c>
      <c r="K7807">
        <v>47606.536260000001</v>
      </c>
      <c r="L7807">
        <v>18562.083040000001</v>
      </c>
      <c r="M7807">
        <v>332892.1789</v>
      </c>
      <c r="N7807">
        <v>72325.92959</v>
      </c>
      <c r="O7807">
        <v>20918.91201</v>
      </c>
      <c r="P7807">
        <v>26571.58382</v>
      </c>
      <c r="Q7807">
        <v>96691.685500000007</v>
      </c>
      <c r="R7807">
        <v>21138.038049999999</v>
      </c>
      <c r="S7807">
        <v>81180.411120000004</v>
      </c>
      <c r="T7807">
        <v>26632.805660000002</v>
      </c>
      <c r="U7807">
        <v>16524.620500000001</v>
      </c>
      <c r="W7807" s="83">
        <f>Bühler!N7839</f>
        <v>45617.208333314404</v>
      </c>
      <c r="X7807" s="83">
        <v>43426.208333333336</v>
      </c>
      <c r="Y7807">
        <v>257551.78829999999</v>
      </c>
      <c r="Z7807">
        <v>17527.887849999999</v>
      </c>
      <c r="AA7807">
        <v>69372.830270000006</v>
      </c>
      <c r="AB7807">
        <v>42553.22797</v>
      </c>
      <c r="AC7807">
        <v>40111.859900000003</v>
      </c>
      <c r="AD7807">
        <v>26858.329669999999</v>
      </c>
      <c r="AE7807">
        <v>26802.64647</v>
      </c>
      <c r="AF7807">
        <v>47606.536260000001</v>
      </c>
      <c r="AG7807">
        <v>18562.083040000001</v>
      </c>
      <c r="AH7807">
        <v>332892.1789</v>
      </c>
      <c r="AI7807">
        <v>72325.92959</v>
      </c>
      <c r="AJ7807">
        <v>20918.91201</v>
      </c>
      <c r="AK7807">
        <v>26571.58382</v>
      </c>
      <c r="AL7807">
        <v>96691.685500000007</v>
      </c>
      <c r="AM7807">
        <v>21138.038049999999</v>
      </c>
      <c r="AN7807">
        <v>81180.411120000004</v>
      </c>
      <c r="AO7807">
        <v>26632.805660000002</v>
      </c>
      <c r="AP7807">
        <v>16524.620500000001</v>
      </c>
    </row>
    <row r="7808" spans="2:42" x14ac:dyDescent="0.3">
      <c r="B7808">
        <v>69.588486890729001</v>
      </c>
      <c r="C7808" s="83">
        <v>43426.25</v>
      </c>
      <c r="D7808">
        <v>275251.8836</v>
      </c>
      <c r="E7808">
        <v>21960.77709</v>
      </c>
      <c r="F7808">
        <v>83579.756949999995</v>
      </c>
      <c r="G7808">
        <v>57419.044370000003</v>
      </c>
      <c r="H7808">
        <v>44525.046399999999</v>
      </c>
      <c r="I7808">
        <v>35414.949820000002</v>
      </c>
      <c r="J7808">
        <v>30260.24438</v>
      </c>
      <c r="K7808">
        <v>49885.184150000001</v>
      </c>
      <c r="L7808">
        <v>20211.250950000001</v>
      </c>
      <c r="M7808">
        <v>354794.55820000003</v>
      </c>
      <c r="N7808">
        <v>77035.871379999997</v>
      </c>
      <c r="O7808">
        <v>22864.493829999999</v>
      </c>
      <c r="P7808">
        <v>27803.265019999999</v>
      </c>
      <c r="Q7808">
        <v>98987.182490000007</v>
      </c>
      <c r="R7808">
        <v>20056.836930000001</v>
      </c>
      <c r="S7808">
        <v>90628.998080000005</v>
      </c>
      <c r="T7808">
        <v>29870.510829999999</v>
      </c>
      <c r="U7808">
        <v>19834.30761</v>
      </c>
      <c r="W7808" s="83">
        <f>Bühler!N7840</f>
        <v>45617.249999981068</v>
      </c>
      <c r="X7808" s="83">
        <v>43426.25</v>
      </c>
      <c r="Y7808">
        <v>275251.8836</v>
      </c>
      <c r="Z7808">
        <v>21960.77709</v>
      </c>
      <c r="AA7808">
        <v>83579.756949999995</v>
      </c>
      <c r="AB7808">
        <v>57419.044370000003</v>
      </c>
      <c r="AC7808">
        <v>44525.046399999999</v>
      </c>
      <c r="AD7808">
        <v>35414.949820000002</v>
      </c>
      <c r="AE7808">
        <v>30260.24438</v>
      </c>
      <c r="AF7808">
        <v>49885.184150000001</v>
      </c>
      <c r="AG7808">
        <v>20211.250950000001</v>
      </c>
      <c r="AH7808">
        <v>354794.55820000003</v>
      </c>
      <c r="AI7808">
        <v>77035.871379999997</v>
      </c>
      <c r="AJ7808">
        <v>22864.493829999999</v>
      </c>
      <c r="AK7808">
        <v>27803.265019999999</v>
      </c>
      <c r="AL7808">
        <v>98987.182490000007</v>
      </c>
      <c r="AM7808">
        <v>20056.836930000001</v>
      </c>
      <c r="AN7808">
        <v>90628.998080000005</v>
      </c>
      <c r="AO7808">
        <v>29870.510829999999</v>
      </c>
      <c r="AP7808">
        <v>19834.30761</v>
      </c>
    </row>
    <row r="7809" spans="2:42" x14ac:dyDescent="0.3">
      <c r="B7809">
        <v>71.332228401159355</v>
      </c>
      <c r="C7809" s="83">
        <v>43426.291666666664</v>
      </c>
      <c r="D7809">
        <v>288979.2181</v>
      </c>
      <c r="E7809">
        <v>27124.469379999999</v>
      </c>
      <c r="F7809">
        <v>86667.80618</v>
      </c>
      <c r="G7809">
        <v>73872.143700000001</v>
      </c>
      <c r="H7809">
        <v>51163.054609999999</v>
      </c>
      <c r="I7809">
        <v>43608.315089999996</v>
      </c>
      <c r="J7809">
        <v>31988.214250000001</v>
      </c>
      <c r="K7809">
        <v>55968.885840000003</v>
      </c>
      <c r="L7809">
        <v>23364.979640000001</v>
      </c>
      <c r="M7809">
        <v>363684.9656</v>
      </c>
      <c r="N7809">
        <v>84077.064629999993</v>
      </c>
      <c r="O7809">
        <v>25789.326850000001</v>
      </c>
      <c r="P7809">
        <v>31624.650829999999</v>
      </c>
      <c r="Q7809">
        <v>99364.868189999994</v>
      </c>
      <c r="R7809">
        <v>21911.680950000002</v>
      </c>
      <c r="S7809">
        <v>108036.7308</v>
      </c>
      <c r="T7809">
        <v>32285.371360000001</v>
      </c>
      <c r="U7809">
        <v>25084.15582</v>
      </c>
      <c r="W7809" s="83">
        <f>Bühler!N7841</f>
        <v>45617.291666647732</v>
      </c>
      <c r="X7809" s="83">
        <v>43426.291666666664</v>
      </c>
      <c r="Y7809">
        <v>288979.2181</v>
      </c>
      <c r="Z7809">
        <v>27124.469379999999</v>
      </c>
      <c r="AA7809">
        <v>86667.80618</v>
      </c>
      <c r="AB7809">
        <v>73872.143700000001</v>
      </c>
      <c r="AC7809">
        <v>51163.054609999999</v>
      </c>
      <c r="AD7809">
        <v>43608.315089999996</v>
      </c>
      <c r="AE7809">
        <v>31988.214250000001</v>
      </c>
      <c r="AF7809">
        <v>55968.885840000003</v>
      </c>
      <c r="AG7809">
        <v>23364.979640000001</v>
      </c>
      <c r="AH7809">
        <v>363684.9656</v>
      </c>
      <c r="AI7809">
        <v>84077.064629999993</v>
      </c>
      <c r="AJ7809">
        <v>25789.326850000001</v>
      </c>
      <c r="AK7809">
        <v>31624.650829999999</v>
      </c>
      <c r="AL7809">
        <v>99364.868189999994</v>
      </c>
      <c r="AM7809">
        <v>21911.680950000002</v>
      </c>
      <c r="AN7809">
        <v>108036.7308</v>
      </c>
      <c r="AO7809">
        <v>32285.371360000001</v>
      </c>
      <c r="AP7809">
        <v>25084.15582</v>
      </c>
    </row>
    <row r="7810" spans="2:42" x14ac:dyDescent="0.3">
      <c r="B7810">
        <v>71.963752703576347</v>
      </c>
      <c r="C7810" s="83">
        <v>43426.333333333336</v>
      </c>
      <c r="D7810">
        <v>299851.37819999998</v>
      </c>
      <c r="E7810">
        <v>33214.704100000003</v>
      </c>
      <c r="F7810">
        <v>93021.910860000004</v>
      </c>
      <c r="G7810">
        <v>91401.145619999996</v>
      </c>
      <c r="H7810">
        <v>55340.883540000003</v>
      </c>
      <c r="I7810">
        <v>45795.022700000001</v>
      </c>
      <c r="J7810">
        <v>31487.662390000001</v>
      </c>
      <c r="K7810">
        <v>62806.28355</v>
      </c>
      <c r="L7810">
        <v>25970.537990000001</v>
      </c>
      <c r="M7810">
        <v>366904.77100000001</v>
      </c>
      <c r="N7810">
        <v>92080.27089</v>
      </c>
      <c r="O7810">
        <v>26809.20738</v>
      </c>
      <c r="P7810">
        <v>33625.19616</v>
      </c>
      <c r="Q7810">
        <v>99855.823600000003</v>
      </c>
      <c r="R7810">
        <v>22460.24238</v>
      </c>
      <c r="S7810">
        <v>122405.8958</v>
      </c>
      <c r="T7810">
        <v>35715.051359999998</v>
      </c>
      <c r="U7810">
        <v>28075.165249999998</v>
      </c>
      <c r="W7810" s="83">
        <f>Bühler!N7842</f>
        <v>45617.333333314396</v>
      </c>
      <c r="X7810" s="83">
        <v>43426.333333333336</v>
      </c>
      <c r="Y7810">
        <v>299851.37819999998</v>
      </c>
      <c r="Z7810">
        <v>33214.704100000003</v>
      </c>
      <c r="AA7810">
        <v>93021.910860000004</v>
      </c>
      <c r="AB7810">
        <v>91401.145619999996</v>
      </c>
      <c r="AC7810">
        <v>55340.883540000003</v>
      </c>
      <c r="AD7810">
        <v>45795.022700000001</v>
      </c>
      <c r="AE7810">
        <v>31487.662390000001</v>
      </c>
      <c r="AF7810">
        <v>62806.28355</v>
      </c>
      <c r="AG7810">
        <v>25970.537990000001</v>
      </c>
      <c r="AH7810">
        <v>366904.77100000001</v>
      </c>
      <c r="AI7810">
        <v>92080.27089</v>
      </c>
      <c r="AJ7810">
        <v>26809.20738</v>
      </c>
      <c r="AK7810">
        <v>33625.19616</v>
      </c>
      <c r="AL7810">
        <v>99855.823600000003</v>
      </c>
      <c r="AM7810">
        <v>22460.24238</v>
      </c>
      <c r="AN7810">
        <v>122405.8958</v>
      </c>
      <c r="AO7810">
        <v>35715.051359999998</v>
      </c>
      <c r="AP7810">
        <v>28075.165249999998</v>
      </c>
    </row>
    <row r="7811" spans="2:42" x14ac:dyDescent="0.3">
      <c r="B7811">
        <v>71.125261770563668</v>
      </c>
      <c r="C7811" s="83">
        <v>43426.375</v>
      </c>
      <c r="D7811">
        <v>301906.47440000001</v>
      </c>
      <c r="E7811">
        <v>37064.668519999999</v>
      </c>
      <c r="F7811">
        <v>100650.87549999999</v>
      </c>
      <c r="G7811">
        <v>101377.5735</v>
      </c>
      <c r="H7811">
        <v>58003.890429999999</v>
      </c>
      <c r="I7811">
        <v>44069.908669999997</v>
      </c>
      <c r="J7811">
        <v>30827.442510000001</v>
      </c>
      <c r="K7811">
        <v>63578.227319999998</v>
      </c>
      <c r="L7811">
        <v>28459.659169999999</v>
      </c>
      <c r="M7811">
        <v>362629.75319999998</v>
      </c>
      <c r="N7811">
        <v>94232.690090000004</v>
      </c>
      <c r="O7811">
        <v>27582.499950000001</v>
      </c>
      <c r="P7811">
        <v>34756.511810000004</v>
      </c>
      <c r="Q7811">
        <v>100439.81540000001</v>
      </c>
      <c r="R7811">
        <v>23514.14603</v>
      </c>
      <c r="S7811">
        <v>128057.8502</v>
      </c>
      <c r="T7811">
        <v>37633.557650000002</v>
      </c>
      <c r="U7811">
        <v>28852.654640000001</v>
      </c>
      <c r="W7811" s="83">
        <f>Bühler!N7843</f>
        <v>45617.374999981061</v>
      </c>
      <c r="X7811" s="83">
        <v>43426.375</v>
      </c>
      <c r="Y7811">
        <v>301906.47440000001</v>
      </c>
      <c r="Z7811">
        <v>37064.668519999999</v>
      </c>
      <c r="AA7811">
        <v>100650.87549999999</v>
      </c>
      <c r="AB7811">
        <v>101377.5735</v>
      </c>
      <c r="AC7811">
        <v>58003.890429999999</v>
      </c>
      <c r="AD7811">
        <v>44069.908669999997</v>
      </c>
      <c r="AE7811">
        <v>30827.442510000001</v>
      </c>
      <c r="AF7811">
        <v>63578.227319999998</v>
      </c>
      <c r="AG7811">
        <v>28459.659169999999</v>
      </c>
      <c r="AH7811">
        <v>362629.75319999998</v>
      </c>
      <c r="AI7811">
        <v>94232.690090000004</v>
      </c>
      <c r="AJ7811">
        <v>27582.499950000001</v>
      </c>
      <c r="AK7811">
        <v>34756.511810000004</v>
      </c>
      <c r="AL7811">
        <v>100439.81540000001</v>
      </c>
      <c r="AM7811">
        <v>23514.14603</v>
      </c>
      <c r="AN7811">
        <v>128057.8502</v>
      </c>
      <c r="AO7811">
        <v>37633.557650000002</v>
      </c>
      <c r="AP7811">
        <v>28852.654640000001</v>
      </c>
    </row>
    <row r="7812" spans="2:42" x14ac:dyDescent="0.3">
      <c r="B7812">
        <v>71.820865656543177</v>
      </c>
      <c r="C7812" s="83">
        <v>43426.416666666664</v>
      </c>
      <c r="D7812">
        <v>304672.36070000002</v>
      </c>
      <c r="E7812">
        <v>38512.521269999997</v>
      </c>
      <c r="F7812">
        <v>100476.4595</v>
      </c>
      <c r="G7812">
        <v>102046.66869999999</v>
      </c>
      <c r="H7812">
        <v>58353.98659</v>
      </c>
      <c r="I7812">
        <v>40647.109279999997</v>
      </c>
      <c r="J7812">
        <v>30121.707600000002</v>
      </c>
      <c r="K7812">
        <v>63768.014360000001</v>
      </c>
      <c r="L7812">
        <v>30593.037820000001</v>
      </c>
      <c r="M7812">
        <v>366176.26620000001</v>
      </c>
      <c r="N7812">
        <v>95396.157250000004</v>
      </c>
      <c r="O7812">
        <v>27484.659830000001</v>
      </c>
      <c r="P7812">
        <v>34381.232739999999</v>
      </c>
      <c r="Q7812">
        <v>99470.535659999994</v>
      </c>
      <c r="R7812">
        <v>23658.284940000001</v>
      </c>
      <c r="S7812">
        <v>128986.9136</v>
      </c>
      <c r="T7812">
        <v>39027.12861</v>
      </c>
      <c r="U7812">
        <v>27931.350979999999</v>
      </c>
      <c r="W7812" s="83">
        <f>Bühler!N7844</f>
        <v>45617.416666647725</v>
      </c>
      <c r="X7812" s="83">
        <v>43426.416666666664</v>
      </c>
      <c r="Y7812">
        <v>304672.36070000002</v>
      </c>
      <c r="Z7812">
        <v>38512.521269999997</v>
      </c>
      <c r="AA7812">
        <v>100476.4595</v>
      </c>
      <c r="AB7812">
        <v>102046.66869999999</v>
      </c>
      <c r="AC7812">
        <v>58353.98659</v>
      </c>
      <c r="AD7812">
        <v>40647.109279999997</v>
      </c>
      <c r="AE7812">
        <v>30121.707600000002</v>
      </c>
      <c r="AF7812">
        <v>63768.014360000001</v>
      </c>
      <c r="AG7812">
        <v>30593.037820000001</v>
      </c>
      <c r="AH7812">
        <v>366176.26620000001</v>
      </c>
      <c r="AI7812">
        <v>95396.157250000004</v>
      </c>
      <c r="AJ7812">
        <v>27484.659830000001</v>
      </c>
      <c r="AK7812">
        <v>34381.232739999999</v>
      </c>
      <c r="AL7812">
        <v>99470.535659999994</v>
      </c>
      <c r="AM7812">
        <v>23658.284940000001</v>
      </c>
      <c r="AN7812">
        <v>128986.9136</v>
      </c>
      <c r="AO7812">
        <v>39027.12861</v>
      </c>
      <c r="AP7812">
        <v>27931.350979999999</v>
      </c>
    </row>
    <row r="7813" spans="2:42" x14ac:dyDescent="0.3">
      <c r="B7813">
        <v>72.649616523294867</v>
      </c>
      <c r="C7813" s="83">
        <v>43426.458333333336</v>
      </c>
      <c r="D7813">
        <v>304047.9216</v>
      </c>
      <c r="E7813">
        <v>38022.648990000002</v>
      </c>
      <c r="F7813">
        <v>100218.1428</v>
      </c>
      <c r="G7813">
        <v>99532.146789999999</v>
      </c>
      <c r="H7813">
        <v>57805.536650000002</v>
      </c>
      <c r="I7813">
        <v>40409.03471</v>
      </c>
      <c r="J7813">
        <v>30704.973549999999</v>
      </c>
      <c r="K7813">
        <v>65120.295339999997</v>
      </c>
      <c r="L7813">
        <v>31920.363120000002</v>
      </c>
      <c r="M7813">
        <v>370401.62459999998</v>
      </c>
      <c r="N7813">
        <v>95781.564100000003</v>
      </c>
      <c r="O7813">
        <v>27061.36017</v>
      </c>
      <c r="P7813">
        <v>33807.584049999998</v>
      </c>
      <c r="Q7813">
        <v>98669.898809999999</v>
      </c>
      <c r="R7813">
        <v>24423.195970000001</v>
      </c>
      <c r="S7813">
        <v>130400.1217</v>
      </c>
      <c r="T7813">
        <v>39695.38523</v>
      </c>
      <c r="U7813">
        <v>26508.918740000001</v>
      </c>
      <c r="W7813" s="83">
        <f>Bühler!N7845</f>
        <v>45617.458333314389</v>
      </c>
      <c r="X7813" s="83">
        <v>43426.458333333336</v>
      </c>
      <c r="Y7813">
        <v>304047.9216</v>
      </c>
      <c r="Z7813">
        <v>38022.648990000002</v>
      </c>
      <c r="AA7813">
        <v>100218.1428</v>
      </c>
      <c r="AB7813">
        <v>99532.146789999999</v>
      </c>
      <c r="AC7813">
        <v>57805.536650000002</v>
      </c>
      <c r="AD7813">
        <v>40409.03471</v>
      </c>
      <c r="AE7813">
        <v>30704.973549999999</v>
      </c>
      <c r="AF7813">
        <v>65120.295339999997</v>
      </c>
      <c r="AG7813">
        <v>31920.363120000002</v>
      </c>
      <c r="AH7813">
        <v>370401.62459999998</v>
      </c>
      <c r="AI7813">
        <v>95781.564100000003</v>
      </c>
      <c r="AJ7813">
        <v>27061.36017</v>
      </c>
      <c r="AK7813">
        <v>33807.584049999998</v>
      </c>
      <c r="AL7813">
        <v>98669.898809999999</v>
      </c>
      <c r="AM7813">
        <v>24423.195970000001</v>
      </c>
      <c r="AN7813">
        <v>130400.1217</v>
      </c>
      <c r="AO7813">
        <v>39695.38523</v>
      </c>
      <c r="AP7813">
        <v>26508.918740000001</v>
      </c>
    </row>
    <row r="7814" spans="2:42" x14ac:dyDescent="0.3">
      <c r="B7814">
        <v>71.504590115655432</v>
      </c>
      <c r="C7814" s="83">
        <v>43426.5</v>
      </c>
      <c r="D7814">
        <v>289544.55180000002</v>
      </c>
      <c r="E7814">
        <v>34119.584519999997</v>
      </c>
      <c r="F7814">
        <v>98513.246090000001</v>
      </c>
      <c r="G7814">
        <v>96738.779320000001</v>
      </c>
      <c r="H7814">
        <v>54575.613879999997</v>
      </c>
      <c r="I7814">
        <v>38412.108130000001</v>
      </c>
      <c r="J7814">
        <v>30452.104449999999</v>
      </c>
      <c r="K7814">
        <v>61089.58438</v>
      </c>
      <c r="L7814">
        <v>34337.79507</v>
      </c>
      <c r="M7814">
        <v>364563.74599999998</v>
      </c>
      <c r="N7814">
        <v>91377.564100000003</v>
      </c>
      <c r="O7814">
        <v>26034.10888</v>
      </c>
      <c r="P7814">
        <v>34154.218150000001</v>
      </c>
      <c r="Q7814">
        <v>96502.328750000001</v>
      </c>
      <c r="R7814">
        <v>25755.828860000001</v>
      </c>
      <c r="S7814">
        <v>122739.3921</v>
      </c>
      <c r="T7814">
        <v>39364.228759999998</v>
      </c>
      <c r="U7814">
        <v>21992.759730000002</v>
      </c>
      <c r="W7814" s="83">
        <f>Bühler!N7846</f>
        <v>45617.499999981053</v>
      </c>
      <c r="X7814" s="83">
        <v>43426.5</v>
      </c>
      <c r="Y7814">
        <v>289544.55180000002</v>
      </c>
      <c r="Z7814">
        <v>34119.584519999997</v>
      </c>
      <c r="AA7814">
        <v>98513.246090000001</v>
      </c>
      <c r="AB7814">
        <v>96738.779320000001</v>
      </c>
      <c r="AC7814">
        <v>54575.613879999997</v>
      </c>
      <c r="AD7814">
        <v>38412.108130000001</v>
      </c>
      <c r="AE7814">
        <v>30452.104449999999</v>
      </c>
      <c r="AF7814">
        <v>61089.58438</v>
      </c>
      <c r="AG7814">
        <v>34337.79507</v>
      </c>
      <c r="AH7814">
        <v>364563.74599999998</v>
      </c>
      <c r="AI7814">
        <v>91377.564100000003</v>
      </c>
      <c r="AJ7814">
        <v>26034.10888</v>
      </c>
      <c r="AK7814">
        <v>34154.218150000001</v>
      </c>
      <c r="AL7814">
        <v>96502.328750000001</v>
      </c>
      <c r="AM7814">
        <v>25755.828860000001</v>
      </c>
      <c r="AN7814">
        <v>122739.3921</v>
      </c>
      <c r="AO7814">
        <v>39364.228759999998</v>
      </c>
      <c r="AP7814">
        <v>21992.759730000002</v>
      </c>
    </row>
    <row r="7815" spans="2:42" x14ac:dyDescent="0.3">
      <c r="B7815">
        <v>71.489701618819566</v>
      </c>
      <c r="C7815" s="83">
        <v>43426.541666666664</v>
      </c>
      <c r="D7815">
        <v>288688.42349999998</v>
      </c>
      <c r="E7815">
        <v>34267.682569999997</v>
      </c>
      <c r="F7815">
        <v>98186.922130000006</v>
      </c>
      <c r="G7815">
        <v>94882.411540000001</v>
      </c>
      <c r="H7815">
        <v>55403.864269999998</v>
      </c>
      <c r="I7815">
        <v>39301.211089999997</v>
      </c>
      <c r="J7815">
        <v>29559.899959999999</v>
      </c>
      <c r="K7815">
        <v>63759.894370000002</v>
      </c>
      <c r="L7815">
        <v>32060.440920000001</v>
      </c>
      <c r="M7815">
        <v>364487.83750000002</v>
      </c>
      <c r="N7815">
        <v>93079.604789999998</v>
      </c>
      <c r="O7815">
        <v>26195.664990000001</v>
      </c>
      <c r="P7815">
        <v>33621.267489999998</v>
      </c>
      <c r="Q7815">
        <v>96700.094219999999</v>
      </c>
      <c r="R7815">
        <v>26834.9179</v>
      </c>
      <c r="S7815">
        <v>122969.0177</v>
      </c>
      <c r="T7815">
        <v>38145.737220000003</v>
      </c>
      <c r="U7815">
        <v>24323.565330000001</v>
      </c>
      <c r="W7815" s="83">
        <f>Bühler!N7847</f>
        <v>45617.541666647718</v>
      </c>
      <c r="X7815" s="83">
        <v>43426.541666666664</v>
      </c>
      <c r="Y7815">
        <v>288688.42349999998</v>
      </c>
      <c r="Z7815">
        <v>34267.682569999997</v>
      </c>
      <c r="AA7815">
        <v>98186.922130000006</v>
      </c>
      <c r="AB7815">
        <v>94882.411540000001</v>
      </c>
      <c r="AC7815">
        <v>55403.864269999998</v>
      </c>
      <c r="AD7815">
        <v>39301.211089999997</v>
      </c>
      <c r="AE7815">
        <v>29559.899959999999</v>
      </c>
      <c r="AF7815">
        <v>63759.894370000002</v>
      </c>
      <c r="AG7815">
        <v>32060.440920000001</v>
      </c>
      <c r="AH7815">
        <v>364487.83750000002</v>
      </c>
      <c r="AI7815">
        <v>93079.604789999998</v>
      </c>
      <c r="AJ7815">
        <v>26195.664990000001</v>
      </c>
      <c r="AK7815">
        <v>33621.267489999998</v>
      </c>
      <c r="AL7815">
        <v>96700.094219999999</v>
      </c>
      <c r="AM7815">
        <v>26834.9179</v>
      </c>
      <c r="AN7815">
        <v>122969.0177</v>
      </c>
      <c r="AO7815">
        <v>38145.737220000003</v>
      </c>
      <c r="AP7815">
        <v>24323.565330000001</v>
      </c>
    </row>
    <row r="7816" spans="2:42" x14ac:dyDescent="0.3">
      <c r="B7816">
        <v>71.587809709851527</v>
      </c>
      <c r="C7816" s="83">
        <v>43426.583333333336</v>
      </c>
      <c r="D7816">
        <v>292475.50799999997</v>
      </c>
      <c r="E7816">
        <v>37139.549169999998</v>
      </c>
      <c r="F7816">
        <v>100309.3651</v>
      </c>
      <c r="G7816">
        <v>90220.813949999996</v>
      </c>
      <c r="H7816">
        <v>55753.211669999997</v>
      </c>
      <c r="I7816">
        <v>40730.623330000002</v>
      </c>
      <c r="J7816">
        <v>29544.504059999999</v>
      </c>
      <c r="K7816">
        <v>66114.061990000002</v>
      </c>
      <c r="L7816">
        <v>28838.852009999999</v>
      </c>
      <c r="M7816">
        <v>364988.03830000001</v>
      </c>
      <c r="N7816">
        <v>92188.482669999998</v>
      </c>
      <c r="O7816">
        <v>25822.470389999999</v>
      </c>
      <c r="P7816">
        <v>30312.95436</v>
      </c>
      <c r="Q7816">
        <v>96393.265740000003</v>
      </c>
      <c r="R7816">
        <v>25408.57717</v>
      </c>
      <c r="S7816">
        <v>118166.09819999999</v>
      </c>
      <c r="T7816">
        <v>36055.059099999999</v>
      </c>
      <c r="U7816">
        <v>25798.945070000002</v>
      </c>
      <c r="W7816" s="83">
        <f>Bühler!N7848</f>
        <v>45617.583333314382</v>
      </c>
      <c r="X7816" s="83">
        <v>43426.583333333336</v>
      </c>
      <c r="Y7816">
        <v>292475.50799999997</v>
      </c>
      <c r="Z7816">
        <v>37139.549169999998</v>
      </c>
      <c r="AA7816">
        <v>100309.3651</v>
      </c>
      <c r="AB7816">
        <v>90220.813949999996</v>
      </c>
      <c r="AC7816">
        <v>55753.211669999997</v>
      </c>
      <c r="AD7816">
        <v>40730.623330000002</v>
      </c>
      <c r="AE7816">
        <v>29544.504059999999</v>
      </c>
      <c r="AF7816">
        <v>66114.061990000002</v>
      </c>
      <c r="AG7816">
        <v>28838.852009999999</v>
      </c>
      <c r="AH7816">
        <v>364988.03830000001</v>
      </c>
      <c r="AI7816">
        <v>92188.482669999998</v>
      </c>
      <c r="AJ7816">
        <v>25822.470389999999</v>
      </c>
      <c r="AK7816">
        <v>30312.95436</v>
      </c>
      <c r="AL7816">
        <v>96393.265740000003</v>
      </c>
      <c r="AM7816">
        <v>25408.57717</v>
      </c>
      <c r="AN7816">
        <v>118166.09819999999</v>
      </c>
      <c r="AO7816">
        <v>36055.059099999999</v>
      </c>
      <c r="AP7816">
        <v>25798.945070000002</v>
      </c>
    </row>
    <row r="7817" spans="2:42" x14ac:dyDescent="0.3">
      <c r="B7817">
        <v>70.035917970390685</v>
      </c>
      <c r="C7817" s="83">
        <v>43426.625</v>
      </c>
      <c r="D7817">
        <v>290559.77620000002</v>
      </c>
      <c r="E7817">
        <v>36756.024239999999</v>
      </c>
      <c r="F7817">
        <v>99653.092869999993</v>
      </c>
      <c r="G7817">
        <v>87926.978900000002</v>
      </c>
      <c r="H7817">
        <v>54247.694770000002</v>
      </c>
      <c r="I7817">
        <v>41257.512900000002</v>
      </c>
      <c r="J7817">
        <v>29583.83466</v>
      </c>
      <c r="K7817">
        <v>65394.74525</v>
      </c>
      <c r="L7817">
        <v>25789.493470000001</v>
      </c>
      <c r="M7817">
        <v>357075.77049999998</v>
      </c>
      <c r="N7817">
        <v>90622.331770000004</v>
      </c>
      <c r="O7817">
        <v>25731.025109999999</v>
      </c>
      <c r="P7817">
        <v>28749.88853</v>
      </c>
      <c r="Q7817">
        <v>95833.043980000002</v>
      </c>
      <c r="R7817">
        <v>25137.240559999998</v>
      </c>
      <c r="S7817">
        <v>116144.39230000001</v>
      </c>
      <c r="T7817">
        <v>35956.459239999996</v>
      </c>
      <c r="U7817">
        <v>24229.978060000001</v>
      </c>
      <c r="W7817" s="83">
        <f>Bühler!N7849</f>
        <v>45617.624999981046</v>
      </c>
      <c r="X7817" s="83">
        <v>43426.625</v>
      </c>
      <c r="Y7817">
        <v>290559.77620000002</v>
      </c>
      <c r="Z7817">
        <v>36756.024239999999</v>
      </c>
      <c r="AA7817">
        <v>99653.092869999993</v>
      </c>
      <c r="AB7817">
        <v>87926.978900000002</v>
      </c>
      <c r="AC7817">
        <v>54247.694770000002</v>
      </c>
      <c r="AD7817">
        <v>41257.512900000002</v>
      </c>
      <c r="AE7817">
        <v>29583.83466</v>
      </c>
      <c r="AF7817">
        <v>65394.74525</v>
      </c>
      <c r="AG7817">
        <v>25789.493470000001</v>
      </c>
      <c r="AH7817">
        <v>357075.77049999998</v>
      </c>
      <c r="AI7817">
        <v>90622.331770000004</v>
      </c>
      <c r="AJ7817">
        <v>25731.025109999999</v>
      </c>
      <c r="AK7817">
        <v>28749.88853</v>
      </c>
      <c r="AL7817">
        <v>95833.043980000002</v>
      </c>
      <c r="AM7817">
        <v>25137.240559999998</v>
      </c>
      <c r="AN7817">
        <v>116144.39230000001</v>
      </c>
      <c r="AO7817">
        <v>35956.459239999996</v>
      </c>
      <c r="AP7817">
        <v>24229.978060000001</v>
      </c>
    </row>
    <row r="7818" spans="2:42" x14ac:dyDescent="0.3">
      <c r="B7818">
        <v>68.605265964320523</v>
      </c>
      <c r="C7818" s="83">
        <v>43426.666666666664</v>
      </c>
      <c r="D7818">
        <v>283599.95439999999</v>
      </c>
      <c r="E7818">
        <v>36574.788330000003</v>
      </c>
      <c r="F7818">
        <v>99977.075599999996</v>
      </c>
      <c r="G7818">
        <v>84492.998229999997</v>
      </c>
      <c r="H7818">
        <v>52948.636189999997</v>
      </c>
      <c r="I7818">
        <v>42397.841659999998</v>
      </c>
      <c r="J7818">
        <v>29265.466100000001</v>
      </c>
      <c r="K7818">
        <v>63672.462650000001</v>
      </c>
      <c r="L7818">
        <v>25256.366450000001</v>
      </c>
      <c r="M7818">
        <v>349781.63939999999</v>
      </c>
      <c r="N7818">
        <v>89124.819839999996</v>
      </c>
      <c r="O7818">
        <v>25539.436529999999</v>
      </c>
      <c r="P7818">
        <v>28818.00288</v>
      </c>
      <c r="Q7818">
        <v>96134.074619999999</v>
      </c>
      <c r="R7818">
        <v>24946.779910000001</v>
      </c>
      <c r="S7818">
        <v>114666.7567</v>
      </c>
      <c r="T7818">
        <v>36593.64241</v>
      </c>
      <c r="U7818">
        <v>22623.319060000002</v>
      </c>
      <c r="W7818" s="83">
        <f>Bühler!N7850</f>
        <v>45617.66666664771</v>
      </c>
      <c r="X7818" s="83">
        <v>43426.666666666664</v>
      </c>
      <c r="Y7818">
        <v>283599.95439999999</v>
      </c>
      <c r="Z7818">
        <v>36574.788330000003</v>
      </c>
      <c r="AA7818">
        <v>99977.075599999996</v>
      </c>
      <c r="AB7818">
        <v>84492.998229999997</v>
      </c>
      <c r="AC7818">
        <v>52948.636189999997</v>
      </c>
      <c r="AD7818">
        <v>42397.841659999998</v>
      </c>
      <c r="AE7818">
        <v>29265.466100000001</v>
      </c>
      <c r="AF7818">
        <v>63672.462650000001</v>
      </c>
      <c r="AG7818">
        <v>25256.366450000001</v>
      </c>
      <c r="AH7818">
        <v>349781.63939999999</v>
      </c>
      <c r="AI7818">
        <v>89124.819839999996</v>
      </c>
      <c r="AJ7818">
        <v>25539.436529999999</v>
      </c>
      <c r="AK7818">
        <v>28818.00288</v>
      </c>
      <c r="AL7818">
        <v>96134.074619999999</v>
      </c>
      <c r="AM7818">
        <v>24946.779910000001</v>
      </c>
      <c r="AN7818">
        <v>114666.7567</v>
      </c>
      <c r="AO7818">
        <v>36593.64241</v>
      </c>
      <c r="AP7818">
        <v>22623.319060000002</v>
      </c>
    </row>
    <row r="7819" spans="2:42" x14ac:dyDescent="0.3">
      <c r="B7819">
        <v>68.236757402336096</v>
      </c>
      <c r="C7819" s="83">
        <v>43426.708333333336</v>
      </c>
      <c r="D7819">
        <v>276194.43770000001</v>
      </c>
      <c r="E7819">
        <v>35136.089019999999</v>
      </c>
      <c r="F7819">
        <v>101599.3397</v>
      </c>
      <c r="G7819">
        <v>77124.742459999994</v>
      </c>
      <c r="H7819">
        <v>52773.425819999997</v>
      </c>
      <c r="I7819">
        <v>41226.900419999998</v>
      </c>
      <c r="J7819">
        <v>31192.413710000001</v>
      </c>
      <c r="K7819">
        <v>56906.371229999997</v>
      </c>
      <c r="L7819">
        <v>26803.7363</v>
      </c>
      <c r="M7819">
        <v>347902.81089999998</v>
      </c>
      <c r="N7819">
        <v>85735.502559999994</v>
      </c>
      <c r="O7819">
        <v>25050.896069999999</v>
      </c>
      <c r="P7819">
        <v>31679.547190000001</v>
      </c>
      <c r="Q7819">
        <v>94834.571739999999</v>
      </c>
      <c r="R7819">
        <v>24705.139220000001</v>
      </c>
      <c r="S7819">
        <v>114466.51459999999</v>
      </c>
      <c r="T7819">
        <v>38427.14518</v>
      </c>
      <c r="U7819">
        <v>21198.253420000001</v>
      </c>
      <c r="W7819" s="83">
        <f>Bühler!N7851</f>
        <v>45617.708333314375</v>
      </c>
      <c r="X7819" s="83">
        <v>43426.708333333336</v>
      </c>
      <c r="Y7819">
        <v>276194.43770000001</v>
      </c>
      <c r="Z7819">
        <v>35136.089019999999</v>
      </c>
      <c r="AA7819">
        <v>101599.3397</v>
      </c>
      <c r="AB7819">
        <v>77124.742459999994</v>
      </c>
      <c r="AC7819">
        <v>52773.425819999997</v>
      </c>
      <c r="AD7819">
        <v>41226.900419999998</v>
      </c>
      <c r="AE7819">
        <v>31192.413710000001</v>
      </c>
      <c r="AF7819">
        <v>56906.371229999997</v>
      </c>
      <c r="AG7819">
        <v>26803.7363</v>
      </c>
      <c r="AH7819">
        <v>347902.81089999998</v>
      </c>
      <c r="AI7819">
        <v>85735.502559999994</v>
      </c>
      <c r="AJ7819">
        <v>25050.896069999999</v>
      </c>
      <c r="AK7819">
        <v>31679.547190000001</v>
      </c>
      <c r="AL7819">
        <v>94834.571739999999</v>
      </c>
      <c r="AM7819">
        <v>24705.139220000001</v>
      </c>
      <c r="AN7819">
        <v>114466.51459999999</v>
      </c>
      <c r="AO7819">
        <v>38427.14518</v>
      </c>
      <c r="AP7819">
        <v>21198.253420000001</v>
      </c>
    </row>
    <row r="7820" spans="2:42" x14ac:dyDescent="0.3">
      <c r="B7820">
        <v>67.765648986804493</v>
      </c>
      <c r="C7820" s="83">
        <v>43426.75</v>
      </c>
      <c r="D7820">
        <v>270224.62070000003</v>
      </c>
      <c r="E7820">
        <v>31815.76441</v>
      </c>
      <c r="F7820">
        <v>99857.683579999997</v>
      </c>
      <c r="G7820">
        <v>67978.547500000001</v>
      </c>
      <c r="H7820">
        <v>50328.500209999998</v>
      </c>
      <c r="I7820">
        <v>38845.635909999997</v>
      </c>
      <c r="J7820">
        <v>31463.64933</v>
      </c>
      <c r="K7820">
        <v>54707.73964</v>
      </c>
      <c r="L7820">
        <v>28512.00287</v>
      </c>
      <c r="M7820">
        <v>345500.88050000003</v>
      </c>
      <c r="N7820">
        <v>82845.078670000003</v>
      </c>
      <c r="O7820">
        <v>24372.735540000001</v>
      </c>
      <c r="P7820">
        <v>35515.897870000001</v>
      </c>
      <c r="Q7820">
        <v>93585.856820000001</v>
      </c>
      <c r="R7820">
        <v>23896.34519</v>
      </c>
      <c r="S7820">
        <v>107787.1606</v>
      </c>
      <c r="T7820">
        <v>39834.421900000001</v>
      </c>
      <c r="U7820">
        <v>19109.68723</v>
      </c>
      <c r="W7820" s="83">
        <f>Bühler!N7852</f>
        <v>45617.749999981039</v>
      </c>
      <c r="X7820" s="83">
        <v>43426.75</v>
      </c>
      <c r="Y7820">
        <v>270224.62070000003</v>
      </c>
      <c r="Z7820">
        <v>31815.76441</v>
      </c>
      <c r="AA7820">
        <v>99857.683579999997</v>
      </c>
      <c r="AB7820">
        <v>67978.547500000001</v>
      </c>
      <c r="AC7820">
        <v>50328.500209999998</v>
      </c>
      <c r="AD7820">
        <v>38845.635909999997</v>
      </c>
      <c r="AE7820">
        <v>31463.64933</v>
      </c>
      <c r="AF7820">
        <v>54707.73964</v>
      </c>
      <c r="AG7820">
        <v>28512.00287</v>
      </c>
      <c r="AH7820">
        <v>345500.88050000003</v>
      </c>
      <c r="AI7820">
        <v>82845.078670000003</v>
      </c>
      <c r="AJ7820">
        <v>24372.735540000001</v>
      </c>
      <c r="AK7820">
        <v>35515.897870000001</v>
      </c>
      <c r="AL7820">
        <v>93585.856820000001</v>
      </c>
      <c r="AM7820">
        <v>23896.34519</v>
      </c>
      <c r="AN7820">
        <v>107787.1606</v>
      </c>
      <c r="AO7820">
        <v>39834.421900000001</v>
      </c>
      <c r="AP7820">
        <v>19109.68723</v>
      </c>
    </row>
    <row r="7821" spans="2:42" x14ac:dyDescent="0.3">
      <c r="B7821">
        <v>66.30475725967716</v>
      </c>
      <c r="C7821" s="83">
        <v>43426.791666666664</v>
      </c>
      <c r="D7821">
        <v>263947.59360000002</v>
      </c>
      <c r="E7821">
        <v>26386.009989999999</v>
      </c>
      <c r="F7821">
        <v>84936.324999999997</v>
      </c>
      <c r="G7821">
        <v>60337.136760000001</v>
      </c>
      <c r="H7821">
        <v>47321.797610000001</v>
      </c>
      <c r="I7821">
        <v>36017.30386</v>
      </c>
      <c r="J7821">
        <v>30399.691299999999</v>
      </c>
      <c r="K7821">
        <v>55070.511960000003</v>
      </c>
      <c r="L7821">
        <v>28485.519970000001</v>
      </c>
      <c r="M7821">
        <v>338052.57319999998</v>
      </c>
      <c r="N7821">
        <v>80422.008199999997</v>
      </c>
      <c r="O7821">
        <v>22695.66128</v>
      </c>
      <c r="P7821">
        <v>36686.586799999997</v>
      </c>
      <c r="Q7821">
        <v>91400.707049999997</v>
      </c>
      <c r="R7821">
        <v>23622.994729999999</v>
      </c>
      <c r="S7821">
        <v>102580.0787</v>
      </c>
      <c r="T7821">
        <v>38979.684520000003</v>
      </c>
      <c r="U7821">
        <v>17547.539059999999</v>
      </c>
      <c r="W7821" s="83">
        <f>Bühler!N7853</f>
        <v>45617.791666647703</v>
      </c>
      <c r="X7821" s="83">
        <v>43426.791666666664</v>
      </c>
      <c r="Y7821">
        <v>263947.59360000002</v>
      </c>
      <c r="Z7821">
        <v>26386.009989999999</v>
      </c>
      <c r="AA7821">
        <v>84936.324999999997</v>
      </c>
      <c r="AB7821">
        <v>60337.136760000001</v>
      </c>
      <c r="AC7821">
        <v>47321.797610000001</v>
      </c>
      <c r="AD7821">
        <v>36017.30386</v>
      </c>
      <c r="AE7821">
        <v>30399.691299999999</v>
      </c>
      <c r="AF7821">
        <v>55070.511960000003</v>
      </c>
      <c r="AG7821">
        <v>28485.519970000001</v>
      </c>
      <c r="AH7821">
        <v>338052.57319999998</v>
      </c>
      <c r="AI7821">
        <v>80422.008199999997</v>
      </c>
      <c r="AJ7821">
        <v>22695.66128</v>
      </c>
      <c r="AK7821">
        <v>36686.586799999997</v>
      </c>
      <c r="AL7821">
        <v>91400.707049999997</v>
      </c>
      <c r="AM7821">
        <v>23622.994729999999</v>
      </c>
      <c r="AN7821">
        <v>102580.0787</v>
      </c>
      <c r="AO7821">
        <v>38979.684520000003</v>
      </c>
      <c r="AP7821">
        <v>17547.539059999999</v>
      </c>
    </row>
    <row r="7822" spans="2:42" x14ac:dyDescent="0.3">
      <c r="B7822">
        <v>64.232130632128062</v>
      </c>
      <c r="C7822" s="83">
        <v>43426.833333333336</v>
      </c>
      <c r="D7822">
        <v>251288.9461</v>
      </c>
      <c r="E7822">
        <v>20101.07661</v>
      </c>
      <c r="F7822">
        <v>65558.640799999994</v>
      </c>
      <c r="G7822">
        <v>51896.861389999998</v>
      </c>
      <c r="H7822">
        <v>44132.914019999997</v>
      </c>
      <c r="I7822">
        <v>31591.608690000001</v>
      </c>
      <c r="J7822">
        <v>29462.05197</v>
      </c>
      <c r="K7822">
        <v>53784.12199</v>
      </c>
      <c r="L7822">
        <v>27170.108789999998</v>
      </c>
      <c r="M7822">
        <v>327485.35609999998</v>
      </c>
      <c r="N7822">
        <v>77277.587740000003</v>
      </c>
      <c r="O7822">
        <v>21466.91833</v>
      </c>
      <c r="P7822">
        <v>34805.730860000003</v>
      </c>
      <c r="Q7822">
        <v>88769.901629999993</v>
      </c>
      <c r="R7822">
        <v>20643.875120000001</v>
      </c>
      <c r="S7822">
        <v>91924.659679999997</v>
      </c>
      <c r="T7822">
        <v>35912.98618</v>
      </c>
      <c r="U7822">
        <v>16731.743289999999</v>
      </c>
      <c r="W7822" s="83">
        <f>Bühler!N7854</f>
        <v>45617.833333314367</v>
      </c>
      <c r="X7822" s="83">
        <v>43426.833333333336</v>
      </c>
      <c r="Y7822">
        <v>251288.9461</v>
      </c>
      <c r="Z7822">
        <v>20101.07661</v>
      </c>
      <c r="AA7822">
        <v>65558.640799999994</v>
      </c>
      <c r="AB7822">
        <v>51896.861389999998</v>
      </c>
      <c r="AC7822">
        <v>44132.914019999997</v>
      </c>
      <c r="AD7822">
        <v>31591.608690000001</v>
      </c>
      <c r="AE7822">
        <v>29462.05197</v>
      </c>
      <c r="AF7822">
        <v>53784.12199</v>
      </c>
      <c r="AG7822">
        <v>27170.108789999998</v>
      </c>
      <c r="AH7822">
        <v>327485.35609999998</v>
      </c>
      <c r="AI7822">
        <v>77277.587740000003</v>
      </c>
      <c r="AJ7822">
        <v>21466.91833</v>
      </c>
      <c r="AK7822">
        <v>34805.730860000003</v>
      </c>
      <c r="AL7822">
        <v>88769.901629999993</v>
      </c>
      <c r="AM7822">
        <v>20643.875120000001</v>
      </c>
      <c r="AN7822">
        <v>91924.659679999997</v>
      </c>
      <c r="AO7822">
        <v>35912.98618</v>
      </c>
      <c r="AP7822">
        <v>16731.743289999999</v>
      </c>
    </row>
    <row r="7823" spans="2:42" x14ac:dyDescent="0.3">
      <c r="B7823">
        <v>61.886092216306722</v>
      </c>
      <c r="C7823" s="83">
        <v>43426.875</v>
      </c>
      <c r="D7823">
        <v>241972.9572</v>
      </c>
      <c r="E7823">
        <v>17093.650369999999</v>
      </c>
      <c r="F7823">
        <v>57473.058799999999</v>
      </c>
      <c r="G7823">
        <v>47224.537069999998</v>
      </c>
      <c r="H7823">
        <v>41860.612529999999</v>
      </c>
      <c r="I7823">
        <v>27143.594529999998</v>
      </c>
      <c r="J7823">
        <v>28251.470020000001</v>
      </c>
      <c r="K7823">
        <v>51357.074760000003</v>
      </c>
      <c r="L7823">
        <v>26221.470420000001</v>
      </c>
      <c r="M7823">
        <v>315524.15820000001</v>
      </c>
      <c r="N7823">
        <v>74871.733210000006</v>
      </c>
      <c r="O7823">
        <v>20857.38522</v>
      </c>
      <c r="P7823">
        <v>32973.819069999998</v>
      </c>
      <c r="Q7823">
        <v>86999.587539999993</v>
      </c>
      <c r="R7823">
        <v>20037.63262</v>
      </c>
      <c r="S7823">
        <v>85493.785059999995</v>
      </c>
      <c r="T7823">
        <v>33107.783280000003</v>
      </c>
      <c r="U7823">
        <v>15308.2078</v>
      </c>
      <c r="W7823" s="83">
        <f>Bühler!N7855</f>
        <v>45617.874999981032</v>
      </c>
      <c r="X7823" s="83">
        <v>43426.875</v>
      </c>
      <c r="Y7823">
        <v>241972.9572</v>
      </c>
      <c r="Z7823">
        <v>17093.650369999999</v>
      </c>
      <c r="AA7823">
        <v>57473.058799999999</v>
      </c>
      <c r="AB7823">
        <v>47224.537069999998</v>
      </c>
      <c r="AC7823">
        <v>41860.612529999999</v>
      </c>
      <c r="AD7823">
        <v>27143.594529999998</v>
      </c>
      <c r="AE7823">
        <v>28251.470020000001</v>
      </c>
      <c r="AF7823">
        <v>51357.074760000003</v>
      </c>
      <c r="AG7823">
        <v>26221.470420000001</v>
      </c>
      <c r="AH7823">
        <v>315524.15820000001</v>
      </c>
      <c r="AI7823">
        <v>74871.733210000006</v>
      </c>
      <c r="AJ7823">
        <v>20857.38522</v>
      </c>
      <c r="AK7823">
        <v>32973.819069999998</v>
      </c>
      <c r="AL7823">
        <v>86999.587539999993</v>
      </c>
      <c r="AM7823">
        <v>20037.63262</v>
      </c>
      <c r="AN7823">
        <v>85493.785059999995</v>
      </c>
      <c r="AO7823">
        <v>33107.783280000003</v>
      </c>
      <c r="AP7823">
        <v>15308.2078</v>
      </c>
    </row>
    <row r="7824" spans="2:42" x14ac:dyDescent="0.3">
      <c r="B7824">
        <v>61.60119460149911</v>
      </c>
      <c r="C7824" s="83">
        <v>43426.916666666664</v>
      </c>
      <c r="D7824">
        <v>239437.21840000001</v>
      </c>
      <c r="E7824">
        <v>15802.2593</v>
      </c>
      <c r="F7824">
        <v>54794.894249999998</v>
      </c>
      <c r="G7824">
        <v>43609.61492</v>
      </c>
      <c r="H7824">
        <v>39817.706160000002</v>
      </c>
      <c r="I7824">
        <v>25290.69369</v>
      </c>
      <c r="J7824">
        <v>27137.261780000001</v>
      </c>
      <c r="K7824">
        <v>54607.399460000001</v>
      </c>
      <c r="L7824">
        <v>23865.614539999999</v>
      </c>
      <c r="M7824">
        <v>314071.61729999998</v>
      </c>
      <c r="N7824">
        <v>72808.382870000001</v>
      </c>
      <c r="O7824">
        <v>20726.088110000001</v>
      </c>
      <c r="P7824">
        <v>34399.973969999999</v>
      </c>
      <c r="Q7824">
        <v>86115.937749999997</v>
      </c>
      <c r="R7824">
        <v>22798.5615</v>
      </c>
      <c r="S7824">
        <v>83405.515199999994</v>
      </c>
      <c r="T7824">
        <v>28633.818149999999</v>
      </c>
      <c r="U7824">
        <v>15029.20853</v>
      </c>
      <c r="W7824" s="83">
        <f>Bühler!N7856</f>
        <v>45617.916666647696</v>
      </c>
      <c r="X7824" s="83">
        <v>43426.916666666664</v>
      </c>
      <c r="Y7824">
        <v>239437.21840000001</v>
      </c>
      <c r="Z7824">
        <v>15802.2593</v>
      </c>
      <c r="AA7824">
        <v>54794.894249999998</v>
      </c>
      <c r="AB7824">
        <v>43609.61492</v>
      </c>
      <c r="AC7824">
        <v>39817.706160000002</v>
      </c>
      <c r="AD7824">
        <v>25290.69369</v>
      </c>
      <c r="AE7824">
        <v>27137.261780000001</v>
      </c>
      <c r="AF7824">
        <v>54607.399460000001</v>
      </c>
      <c r="AG7824">
        <v>23865.614539999999</v>
      </c>
      <c r="AH7824">
        <v>314071.61729999998</v>
      </c>
      <c r="AI7824">
        <v>72808.382870000001</v>
      </c>
      <c r="AJ7824">
        <v>20726.088110000001</v>
      </c>
      <c r="AK7824">
        <v>34399.973969999999</v>
      </c>
      <c r="AL7824">
        <v>86115.937749999997</v>
      </c>
      <c r="AM7824">
        <v>22798.5615</v>
      </c>
      <c r="AN7824">
        <v>83405.515199999994</v>
      </c>
      <c r="AO7824">
        <v>28633.818149999999</v>
      </c>
      <c r="AP7824">
        <v>15029.20853</v>
      </c>
    </row>
    <row r="7825" spans="2:42" x14ac:dyDescent="0.3">
      <c r="B7825">
        <v>61.19151444281853</v>
      </c>
      <c r="C7825" s="83">
        <v>43426.958333333336</v>
      </c>
      <c r="D7825">
        <v>238213.9688</v>
      </c>
      <c r="E7825">
        <v>15152.803809999999</v>
      </c>
      <c r="F7825">
        <v>53666.868439999998</v>
      </c>
      <c r="G7825">
        <v>41968.809119999998</v>
      </c>
      <c r="H7825">
        <v>38754.466630000003</v>
      </c>
      <c r="I7825">
        <v>23833.945449999999</v>
      </c>
      <c r="J7825">
        <v>25598.635279999999</v>
      </c>
      <c r="K7825">
        <v>54599.558779999999</v>
      </c>
      <c r="L7825">
        <v>20679.503100000002</v>
      </c>
      <c r="M7825">
        <v>311982.87680000003</v>
      </c>
      <c r="N7825">
        <v>71982.007530000003</v>
      </c>
      <c r="O7825">
        <v>20254.617279999999</v>
      </c>
      <c r="P7825">
        <v>31229.426340000002</v>
      </c>
      <c r="Q7825">
        <v>85816.58352</v>
      </c>
      <c r="R7825">
        <v>21679.052930000002</v>
      </c>
      <c r="S7825">
        <v>81597.484519999998</v>
      </c>
      <c r="T7825">
        <v>29076.631669999999</v>
      </c>
      <c r="U7825">
        <v>14750.906950000001</v>
      </c>
      <c r="W7825" s="83">
        <f>Bühler!N7857</f>
        <v>45617.95833331436</v>
      </c>
      <c r="X7825" s="83">
        <v>43426.958333333336</v>
      </c>
      <c r="Y7825">
        <v>238213.9688</v>
      </c>
      <c r="Z7825">
        <v>15152.803809999999</v>
      </c>
      <c r="AA7825">
        <v>53666.868439999998</v>
      </c>
      <c r="AB7825">
        <v>41968.809119999998</v>
      </c>
      <c r="AC7825">
        <v>38754.466630000003</v>
      </c>
      <c r="AD7825">
        <v>23833.945449999999</v>
      </c>
      <c r="AE7825">
        <v>25598.635279999999</v>
      </c>
      <c r="AF7825">
        <v>54599.558779999999</v>
      </c>
      <c r="AG7825">
        <v>20679.503100000002</v>
      </c>
      <c r="AH7825">
        <v>311982.87680000003</v>
      </c>
      <c r="AI7825">
        <v>71982.007530000003</v>
      </c>
      <c r="AJ7825">
        <v>20254.617279999999</v>
      </c>
      <c r="AK7825">
        <v>31229.426340000002</v>
      </c>
      <c r="AL7825">
        <v>85816.58352</v>
      </c>
      <c r="AM7825">
        <v>21679.052930000002</v>
      </c>
      <c r="AN7825">
        <v>81597.484519999998</v>
      </c>
      <c r="AO7825">
        <v>29076.631669999999</v>
      </c>
      <c r="AP7825">
        <v>14750.906950000001</v>
      </c>
    </row>
    <row r="7826" spans="2:42" x14ac:dyDescent="0.3">
      <c r="B7826">
        <v>60.218022343997248</v>
      </c>
      <c r="C7826" s="83">
        <v>43427</v>
      </c>
      <c r="D7826">
        <v>237876.71059999999</v>
      </c>
      <c r="E7826">
        <v>14800.02471</v>
      </c>
      <c r="F7826">
        <v>52987.220829999998</v>
      </c>
      <c r="G7826">
        <v>41254.854930000001</v>
      </c>
      <c r="H7826">
        <v>38390.349820000003</v>
      </c>
      <c r="I7826">
        <v>22320.839309999999</v>
      </c>
      <c r="J7826">
        <v>24046.390869999999</v>
      </c>
      <c r="K7826">
        <v>51659.327810000003</v>
      </c>
      <c r="L7826">
        <v>18984.302199999998</v>
      </c>
      <c r="M7826">
        <v>307019.5601</v>
      </c>
      <c r="N7826">
        <v>71248.516059999994</v>
      </c>
      <c r="O7826">
        <v>20138.312979999999</v>
      </c>
      <c r="P7826">
        <v>28674.467209999999</v>
      </c>
      <c r="Q7826">
        <v>84993.572809999998</v>
      </c>
      <c r="R7826">
        <v>20381.411169999999</v>
      </c>
      <c r="S7826">
        <v>80129.562579999998</v>
      </c>
      <c r="T7826">
        <v>27009.967789999999</v>
      </c>
      <c r="U7826">
        <v>14274.99748</v>
      </c>
      <c r="W7826" s="83">
        <f>Bühler!N7858</f>
        <v>45617.999999981024</v>
      </c>
      <c r="X7826" s="83">
        <v>43427</v>
      </c>
      <c r="Y7826">
        <v>237876.71059999999</v>
      </c>
      <c r="Z7826">
        <v>14800.02471</v>
      </c>
      <c r="AA7826">
        <v>52987.220829999998</v>
      </c>
      <c r="AB7826">
        <v>41254.854930000001</v>
      </c>
      <c r="AC7826">
        <v>38390.349820000003</v>
      </c>
      <c r="AD7826">
        <v>22320.839309999999</v>
      </c>
      <c r="AE7826">
        <v>24046.390869999999</v>
      </c>
      <c r="AF7826">
        <v>51659.327810000003</v>
      </c>
      <c r="AG7826">
        <v>18984.302199999998</v>
      </c>
      <c r="AH7826">
        <v>307019.5601</v>
      </c>
      <c r="AI7826">
        <v>71248.516059999994</v>
      </c>
      <c r="AJ7826">
        <v>20138.312979999999</v>
      </c>
      <c r="AK7826">
        <v>28674.467209999999</v>
      </c>
      <c r="AL7826">
        <v>84993.572809999998</v>
      </c>
      <c r="AM7826">
        <v>20381.411169999999</v>
      </c>
      <c r="AN7826">
        <v>80129.562579999998</v>
      </c>
      <c r="AO7826">
        <v>27009.967789999999</v>
      </c>
      <c r="AP7826">
        <v>14274.99748</v>
      </c>
    </row>
    <row r="7827" spans="2:42" x14ac:dyDescent="0.3">
      <c r="B7827">
        <v>59.966238236012416</v>
      </c>
      <c r="C7827" s="83">
        <v>43427.041666666664</v>
      </c>
      <c r="D7827">
        <v>235847.81760000001</v>
      </c>
      <c r="E7827">
        <v>14558.865040000001</v>
      </c>
      <c r="F7827">
        <v>53516.820870000003</v>
      </c>
      <c r="G7827">
        <v>40640.078430000001</v>
      </c>
      <c r="H7827">
        <v>37509.414819999998</v>
      </c>
      <c r="I7827">
        <v>19188.359810000002</v>
      </c>
      <c r="J7827">
        <v>23429.751499999998</v>
      </c>
      <c r="K7827">
        <v>49762.267039999999</v>
      </c>
      <c r="L7827">
        <v>17479.533619999998</v>
      </c>
      <c r="M7827">
        <v>305735.84730000002</v>
      </c>
      <c r="N7827">
        <v>71251.175189999994</v>
      </c>
      <c r="O7827">
        <v>19818.31451</v>
      </c>
      <c r="P7827">
        <v>27335.391090000001</v>
      </c>
      <c r="Q7827">
        <v>85866.145560000004</v>
      </c>
      <c r="R7827">
        <v>20474.424559999999</v>
      </c>
      <c r="S7827">
        <v>79222.687019999998</v>
      </c>
      <c r="T7827">
        <v>26247.64545</v>
      </c>
      <c r="U7827">
        <v>14588.54844</v>
      </c>
      <c r="W7827" s="83">
        <f>Bühler!N7859</f>
        <v>45618.041666647689</v>
      </c>
      <c r="X7827" s="83">
        <v>43427.041666666664</v>
      </c>
      <c r="Y7827">
        <v>235847.81760000001</v>
      </c>
      <c r="Z7827">
        <v>14558.865040000001</v>
      </c>
      <c r="AA7827">
        <v>53516.820870000003</v>
      </c>
      <c r="AB7827">
        <v>40640.078430000001</v>
      </c>
      <c r="AC7827">
        <v>37509.414819999998</v>
      </c>
      <c r="AD7827">
        <v>19188.359810000002</v>
      </c>
      <c r="AE7827">
        <v>23429.751499999998</v>
      </c>
      <c r="AF7827">
        <v>49762.267039999999</v>
      </c>
      <c r="AG7827">
        <v>17479.533619999998</v>
      </c>
      <c r="AH7827">
        <v>305735.84730000002</v>
      </c>
      <c r="AI7827">
        <v>71251.175189999994</v>
      </c>
      <c r="AJ7827">
        <v>19818.31451</v>
      </c>
      <c r="AK7827">
        <v>27335.391090000001</v>
      </c>
      <c r="AL7827">
        <v>85866.145560000004</v>
      </c>
      <c r="AM7827">
        <v>20474.424559999999</v>
      </c>
      <c r="AN7827">
        <v>79222.687019999998</v>
      </c>
      <c r="AO7827">
        <v>26247.64545</v>
      </c>
      <c r="AP7827">
        <v>14588.54844</v>
      </c>
    </row>
    <row r="7828" spans="2:42" x14ac:dyDescent="0.3">
      <c r="B7828">
        <v>60.383027218713615</v>
      </c>
      <c r="C7828" s="83">
        <v>43427.083333333336</v>
      </c>
      <c r="D7828">
        <v>235791.144</v>
      </c>
      <c r="E7828">
        <v>14472.67064</v>
      </c>
      <c r="F7828">
        <v>54976.353949999997</v>
      </c>
      <c r="G7828">
        <v>40225.624680000001</v>
      </c>
      <c r="H7828">
        <v>37338.64875</v>
      </c>
      <c r="I7828">
        <v>17295.444879999999</v>
      </c>
      <c r="J7828">
        <v>23166.054469999999</v>
      </c>
      <c r="K7828">
        <v>49120.129979999998</v>
      </c>
      <c r="L7828">
        <v>17770.823779999999</v>
      </c>
      <c r="M7828">
        <v>307860.83189999999</v>
      </c>
      <c r="N7828">
        <v>70397.539569999994</v>
      </c>
      <c r="O7828">
        <v>19818.103749999998</v>
      </c>
      <c r="P7828">
        <v>25852.934819999999</v>
      </c>
      <c r="Q7828">
        <v>87188.510020000002</v>
      </c>
      <c r="R7828">
        <v>19207.19051</v>
      </c>
      <c r="S7828">
        <v>78308.067110000004</v>
      </c>
      <c r="T7828">
        <v>25982.702099999999</v>
      </c>
      <c r="U7828">
        <v>14141.67093</v>
      </c>
      <c r="W7828" s="83">
        <f>Bühler!N7860</f>
        <v>45618.083333314353</v>
      </c>
      <c r="X7828" s="83">
        <v>43427.083333333336</v>
      </c>
      <c r="Y7828">
        <v>235791.144</v>
      </c>
      <c r="Z7828">
        <v>14472.67064</v>
      </c>
      <c r="AA7828">
        <v>54976.353949999997</v>
      </c>
      <c r="AB7828">
        <v>40225.624680000001</v>
      </c>
      <c r="AC7828">
        <v>37338.64875</v>
      </c>
      <c r="AD7828">
        <v>17295.444879999999</v>
      </c>
      <c r="AE7828">
        <v>23166.054469999999</v>
      </c>
      <c r="AF7828">
        <v>49120.129979999998</v>
      </c>
      <c r="AG7828">
        <v>17770.823779999999</v>
      </c>
      <c r="AH7828">
        <v>307860.83189999999</v>
      </c>
      <c r="AI7828">
        <v>70397.539569999994</v>
      </c>
      <c r="AJ7828">
        <v>19818.103749999998</v>
      </c>
      <c r="AK7828">
        <v>25852.934819999999</v>
      </c>
      <c r="AL7828">
        <v>87188.510020000002</v>
      </c>
      <c r="AM7828">
        <v>19207.19051</v>
      </c>
      <c r="AN7828">
        <v>78308.067110000004</v>
      </c>
      <c r="AO7828">
        <v>25982.702099999999</v>
      </c>
      <c r="AP7828">
        <v>14141.67093</v>
      </c>
    </row>
    <row r="7829" spans="2:42" x14ac:dyDescent="0.3">
      <c r="B7829">
        <v>60.626523481459138</v>
      </c>
      <c r="C7829" s="83">
        <v>43427.125</v>
      </c>
      <c r="D7829">
        <v>235873.3763</v>
      </c>
      <c r="E7829">
        <v>14460.564710000001</v>
      </c>
      <c r="F7829">
        <v>54978.212010000003</v>
      </c>
      <c r="G7829">
        <v>39575.012459999998</v>
      </c>
      <c r="H7829">
        <v>37850.086620000002</v>
      </c>
      <c r="I7829">
        <v>16859.112229999999</v>
      </c>
      <c r="J7829">
        <v>23189.47004</v>
      </c>
      <c r="K7829">
        <v>47559.998070000001</v>
      </c>
      <c r="L7829">
        <v>17488.512320000002</v>
      </c>
      <c r="M7829">
        <v>309102.28940000001</v>
      </c>
      <c r="N7829">
        <v>69698.457720000006</v>
      </c>
      <c r="O7829">
        <v>19534.171900000001</v>
      </c>
      <c r="P7829">
        <v>25437.336510000001</v>
      </c>
      <c r="Q7829">
        <v>90087.012719999999</v>
      </c>
      <c r="R7829">
        <v>19233.978579999999</v>
      </c>
      <c r="S7829">
        <v>77593.894209999999</v>
      </c>
      <c r="T7829">
        <v>25630.473160000001</v>
      </c>
      <c r="U7829">
        <v>14054.37118</v>
      </c>
      <c r="W7829" s="83">
        <f>Bühler!N7861</f>
        <v>45618.124999981017</v>
      </c>
      <c r="X7829" s="83">
        <v>43427.125</v>
      </c>
      <c r="Y7829">
        <v>235873.3763</v>
      </c>
      <c r="Z7829">
        <v>14460.564710000001</v>
      </c>
      <c r="AA7829">
        <v>54978.212010000003</v>
      </c>
      <c r="AB7829">
        <v>39575.012459999998</v>
      </c>
      <c r="AC7829">
        <v>37850.086620000002</v>
      </c>
      <c r="AD7829">
        <v>16859.112229999999</v>
      </c>
      <c r="AE7829">
        <v>23189.47004</v>
      </c>
      <c r="AF7829">
        <v>47559.998070000001</v>
      </c>
      <c r="AG7829">
        <v>17488.512320000002</v>
      </c>
      <c r="AH7829">
        <v>309102.28940000001</v>
      </c>
      <c r="AI7829">
        <v>69698.457720000006</v>
      </c>
      <c r="AJ7829">
        <v>19534.171900000001</v>
      </c>
      <c r="AK7829">
        <v>25437.336510000001</v>
      </c>
      <c r="AL7829">
        <v>90087.012719999999</v>
      </c>
      <c r="AM7829">
        <v>19233.978579999999</v>
      </c>
      <c r="AN7829">
        <v>77593.894209999999</v>
      </c>
      <c r="AO7829">
        <v>25630.473160000001</v>
      </c>
      <c r="AP7829">
        <v>14054.37118</v>
      </c>
    </row>
    <row r="7830" spans="2:42" x14ac:dyDescent="0.3">
      <c r="B7830">
        <v>61.802636394210069</v>
      </c>
      <c r="C7830" s="83">
        <v>43427.166666666664</v>
      </c>
      <c r="D7830">
        <v>237700.54930000001</v>
      </c>
      <c r="E7830">
        <v>14967.71898</v>
      </c>
      <c r="F7830">
        <v>58940.893080000002</v>
      </c>
      <c r="G7830">
        <v>39810.518600000003</v>
      </c>
      <c r="H7830">
        <v>38092.045239999999</v>
      </c>
      <c r="I7830">
        <v>19065.626199999999</v>
      </c>
      <c r="J7830">
        <v>24605.804810000001</v>
      </c>
      <c r="K7830">
        <v>45364.180489999999</v>
      </c>
      <c r="L7830">
        <v>17535.27303</v>
      </c>
      <c r="M7830">
        <v>315098.66149999999</v>
      </c>
      <c r="N7830">
        <v>69800.174540000007</v>
      </c>
      <c r="O7830">
        <v>20162.445210000002</v>
      </c>
      <c r="P7830">
        <v>24275.129400000002</v>
      </c>
      <c r="Q7830">
        <v>94718.108559999993</v>
      </c>
      <c r="R7830">
        <v>19422.125639999998</v>
      </c>
      <c r="S7830">
        <v>78083.391709999996</v>
      </c>
      <c r="T7830">
        <v>25712.911049999999</v>
      </c>
      <c r="U7830">
        <v>14424.651970000001</v>
      </c>
      <c r="W7830" s="83">
        <f>Bühler!N7862</f>
        <v>45618.166666647681</v>
      </c>
      <c r="X7830" s="83">
        <v>43427.166666666664</v>
      </c>
      <c r="Y7830">
        <v>237700.54930000001</v>
      </c>
      <c r="Z7830">
        <v>14967.71898</v>
      </c>
      <c r="AA7830">
        <v>58940.893080000002</v>
      </c>
      <c r="AB7830">
        <v>39810.518600000003</v>
      </c>
      <c r="AC7830">
        <v>38092.045239999999</v>
      </c>
      <c r="AD7830">
        <v>19065.626199999999</v>
      </c>
      <c r="AE7830">
        <v>24605.804810000001</v>
      </c>
      <c r="AF7830">
        <v>45364.180489999999</v>
      </c>
      <c r="AG7830">
        <v>17535.27303</v>
      </c>
      <c r="AH7830">
        <v>315098.66149999999</v>
      </c>
      <c r="AI7830">
        <v>69800.174540000007</v>
      </c>
      <c r="AJ7830">
        <v>20162.445210000002</v>
      </c>
      <c r="AK7830">
        <v>24275.129400000002</v>
      </c>
      <c r="AL7830">
        <v>94718.108559999993</v>
      </c>
      <c r="AM7830">
        <v>19422.125639999998</v>
      </c>
      <c r="AN7830">
        <v>78083.391709999996</v>
      </c>
      <c r="AO7830">
        <v>25712.911049999999</v>
      </c>
      <c r="AP7830">
        <v>14424.651970000001</v>
      </c>
    </row>
    <row r="7831" spans="2:42" x14ac:dyDescent="0.3">
      <c r="B7831">
        <v>64.903256039359363</v>
      </c>
      <c r="C7831" s="83">
        <v>43427.208333333336</v>
      </c>
      <c r="D7831">
        <v>253251.8291</v>
      </c>
      <c r="E7831">
        <v>17017.473730000002</v>
      </c>
      <c r="F7831">
        <v>70419.854099999997</v>
      </c>
      <c r="G7831">
        <v>42620.119480000001</v>
      </c>
      <c r="H7831">
        <v>40286.27951</v>
      </c>
      <c r="I7831">
        <v>26519.77952</v>
      </c>
      <c r="J7831">
        <v>26871.118419999999</v>
      </c>
      <c r="K7831">
        <v>46657.364690000002</v>
      </c>
      <c r="L7831">
        <v>18541.263070000001</v>
      </c>
      <c r="M7831">
        <v>330907.06640000001</v>
      </c>
      <c r="N7831">
        <v>71405.836580000003</v>
      </c>
      <c r="O7831">
        <v>20817.593939999999</v>
      </c>
      <c r="P7831">
        <v>26863.661</v>
      </c>
      <c r="Q7831">
        <v>96592.497329999998</v>
      </c>
      <c r="R7831">
        <v>20722.045740000001</v>
      </c>
      <c r="S7831">
        <v>81458.120429999995</v>
      </c>
      <c r="T7831">
        <v>27390.020639999999</v>
      </c>
      <c r="U7831">
        <v>16593.581300000002</v>
      </c>
      <c r="W7831" s="83">
        <f>Bühler!N7863</f>
        <v>45618.208333314346</v>
      </c>
      <c r="X7831" s="83">
        <v>43427.208333333336</v>
      </c>
      <c r="Y7831">
        <v>253251.8291</v>
      </c>
      <c r="Z7831">
        <v>17017.473730000002</v>
      </c>
      <c r="AA7831">
        <v>70419.854099999997</v>
      </c>
      <c r="AB7831">
        <v>42620.119480000001</v>
      </c>
      <c r="AC7831">
        <v>40286.27951</v>
      </c>
      <c r="AD7831">
        <v>26519.77952</v>
      </c>
      <c r="AE7831">
        <v>26871.118419999999</v>
      </c>
      <c r="AF7831">
        <v>46657.364690000002</v>
      </c>
      <c r="AG7831">
        <v>18541.263070000001</v>
      </c>
      <c r="AH7831">
        <v>330907.06640000001</v>
      </c>
      <c r="AI7831">
        <v>71405.836580000003</v>
      </c>
      <c r="AJ7831">
        <v>20817.593939999999</v>
      </c>
      <c r="AK7831">
        <v>26863.661</v>
      </c>
      <c r="AL7831">
        <v>96592.497329999998</v>
      </c>
      <c r="AM7831">
        <v>20722.045740000001</v>
      </c>
      <c r="AN7831">
        <v>81458.120429999995</v>
      </c>
      <c r="AO7831">
        <v>27390.020639999999</v>
      </c>
      <c r="AP7831">
        <v>16593.581300000002</v>
      </c>
    </row>
    <row r="7832" spans="2:42" x14ac:dyDescent="0.3">
      <c r="B7832">
        <v>68.049004628110112</v>
      </c>
      <c r="C7832" s="83">
        <v>43427.25</v>
      </c>
      <c r="D7832">
        <v>268184.70209999999</v>
      </c>
      <c r="E7832">
        <v>21589.19483</v>
      </c>
      <c r="F7832">
        <v>83229.098459999994</v>
      </c>
      <c r="G7832">
        <v>57114.969550000002</v>
      </c>
      <c r="H7832">
        <v>44502.809249999998</v>
      </c>
      <c r="I7832">
        <v>34430.317920000001</v>
      </c>
      <c r="J7832">
        <v>30452.176230000001</v>
      </c>
      <c r="K7832">
        <v>51307.67426</v>
      </c>
      <c r="L7832">
        <v>19524.017390000001</v>
      </c>
      <c r="M7832">
        <v>346945.55969999998</v>
      </c>
      <c r="N7832">
        <v>75767.396179999996</v>
      </c>
      <c r="O7832">
        <v>22277.89042</v>
      </c>
      <c r="P7832">
        <v>27710.486410000001</v>
      </c>
      <c r="Q7832">
        <v>98174.953500000003</v>
      </c>
      <c r="R7832">
        <v>19595.957350000001</v>
      </c>
      <c r="S7832">
        <v>90932.396389999994</v>
      </c>
      <c r="T7832">
        <v>30615.532520000001</v>
      </c>
      <c r="U7832">
        <v>19233.640500000001</v>
      </c>
      <c r="W7832" s="83">
        <f>Bühler!N7864</f>
        <v>45618.24999998101</v>
      </c>
      <c r="X7832" s="83">
        <v>43427.25</v>
      </c>
      <c r="Y7832">
        <v>268184.70209999999</v>
      </c>
      <c r="Z7832">
        <v>21589.19483</v>
      </c>
      <c r="AA7832">
        <v>83229.098459999994</v>
      </c>
      <c r="AB7832">
        <v>57114.969550000002</v>
      </c>
      <c r="AC7832">
        <v>44502.809249999998</v>
      </c>
      <c r="AD7832">
        <v>34430.317920000001</v>
      </c>
      <c r="AE7832">
        <v>30452.176230000001</v>
      </c>
      <c r="AF7832">
        <v>51307.67426</v>
      </c>
      <c r="AG7832">
        <v>19524.017390000001</v>
      </c>
      <c r="AH7832">
        <v>346945.55969999998</v>
      </c>
      <c r="AI7832">
        <v>75767.396179999996</v>
      </c>
      <c r="AJ7832">
        <v>22277.89042</v>
      </c>
      <c r="AK7832">
        <v>27710.486410000001</v>
      </c>
      <c r="AL7832">
        <v>98174.953500000003</v>
      </c>
      <c r="AM7832">
        <v>19595.957350000001</v>
      </c>
      <c r="AN7832">
        <v>90932.396389999994</v>
      </c>
      <c r="AO7832">
        <v>30615.532520000001</v>
      </c>
      <c r="AP7832">
        <v>19233.640500000001</v>
      </c>
    </row>
    <row r="7833" spans="2:42" x14ac:dyDescent="0.3">
      <c r="B7833">
        <v>69.587972559590156</v>
      </c>
      <c r="C7833" s="83">
        <v>43427.291666666664</v>
      </c>
      <c r="D7833">
        <v>282396.92690000002</v>
      </c>
      <c r="E7833">
        <v>26898.555779999999</v>
      </c>
      <c r="F7833">
        <v>88307.249429999996</v>
      </c>
      <c r="G7833">
        <v>73444.400139999998</v>
      </c>
      <c r="H7833">
        <v>50943.341719999997</v>
      </c>
      <c r="I7833">
        <v>43035.8027</v>
      </c>
      <c r="J7833">
        <v>32123.747920000002</v>
      </c>
      <c r="K7833">
        <v>58172.607470000003</v>
      </c>
      <c r="L7833">
        <v>22884.128059999999</v>
      </c>
      <c r="M7833">
        <v>354791.93589999998</v>
      </c>
      <c r="N7833">
        <v>83939.793990000006</v>
      </c>
      <c r="O7833">
        <v>25273.835449999999</v>
      </c>
      <c r="P7833">
        <v>30531.248629999998</v>
      </c>
      <c r="Q7833">
        <v>97861.994739999995</v>
      </c>
      <c r="R7833">
        <v>23449.41274</v>
      </c>
      <c r="S7833">
        <v>108899.9454</v>
      </c>
      <c r="T7833">
        <v>32652.50301</v>
      </c>
      <c r="U7833">
        <v>24829.011200000001</v>
      </c>
      <c r="W7833" s="83">
        <f>Bühler!N7865</f>
        <v>45618.291666647674</v>
      </c>
      <c r="X7833" s="83">
        <v>43427.291666666664</v>
      </c>
      <c r="Y7833">
        <v>282396.92690000002</v>
      </c>
      <c r="Z7833">
        <v>26898.555779999999</v>
      </c>
      <c r="AA7833">
        <v>88307.249429999996</v>
      </c>
      <c r="AB7833">
        <v>73444.400139999998</v>
      </c>
      <c r="AC7833">
        <v>50943.341719999997</v>
      </c>
      <c r="AD7833">
        <v>43035.8027</v>
      </c>
      <c r="AE7833">
        <v>32123.747920000002</v>
      </c>
      <c r="AF7833">
        <v>58172.607470000003</v>
      </c>
      <c r="AG7833">
        <v>22884.128059999999</v>
      </c>
      <c r="AH7833">
        <v>354791.93589999998</v>
      </c>
      <c r="AI7833">
        <v>83939.793990000006</v>
      </c>
      <c r="AJ7833">
        <v>25273.835449999999</v>
      </c>
      <c r="AK7833">
        <v>30531.248629999998</v>
      </c>
      <c r="AL7833">
        <v>97861.994739999995</v>
      </c>
      <c r="AM7833">
        <v>23449.41274</v>
      </c>
      <c r="AN7833">
        <v>108899.9454</v>
      </c>
      <c r="AO7833">
        <v>32652.50301</v>
      </c>
      <c r="AP7833">
        <v>24829.011200000001</v>
      </c>
    </row>
    <row r="7834" spans="2:42" x14ac:dyDescent="0.3">
      <c r="B7834">
        <v>70.146731333097577</v>
      </c>
      <c r="C7834" s="83">
        <v>43427.333333333336</v>
      </c>
      <c r="D7834">
        <v>293397.03820000001</v>
      </c>
      <c r="E7834">
        <v>33490.957300000002</v>
      </c>
      <c r="F7834">
        <v>96716.270940000002</v>
      </c>
      <c r="G7834">
        <v>92469.390839999993</v>
      </c>
      <c r="H7834">
        <v>55466.820720000003</v>
      </c>
      <c r="I7834">
        <v>46481.720950000003</v>
      </c>
      <c r="J7834">
        <v>31856.77002</v>
      </c>
      <c r="K7834">
        <v>61956.12573</v>
      </c>
      <c r="L7834">
        <v>26436.778409999999</v>
      </c>
      <c r="M7834">
        <v>357640.7487</v>
      </c>
      <c r="N7834">
        <v>89897.142059999998</v>
      </c>
      <c r="O7834">
        <v>27331.690360000001</v>
      </c>
      <c r="P7834">
        <v>31636.233939999998</v>
      </c>
      <c r="Q7834">
        <v>98056.326289999997</v>
      </c>
      <c r="R7834">
        <v>23815.781480000001</v>
      </c>
      <c r="S7834">
        <v>123293.66009999999</v>
      </c>
      <c r="T7834">
        <v>35959.90956</v>
      </c>
      <c r="U7834">
        <v>26946.726750000002</v>
      </c>
      <c r="W7834" s="83">
        <f>Bühler!N7866</f>
        <v>45618.333333314338</v>
      </c>
      <c r="X7834" s="83">
        <v>43427.333333333336</v>
      </c>
      <c r="Y7834">
        <v>293397.03820000001</v>
      </c>
      <c r="Z7834">
        <v>33490.957300000002</v>
      </c>
      <c r="AA7834">
        <v>96716.270940000002</v>
      </c>
      <c r="AB7834">
        <v>92469.390839999993</v>
      </c>
      <c r="AC7834">
        <v>55466.820720000003</v>
      </c>
      <c r="AD7834">
        <v>46481.720950000003</v>
      </c>
      <c r="AE7834">
        <v>31856.77002</v>
      </c>
      <c r="AF7834">
        <v>61956.12573</v>
      </c>
      <c r="AG7834">
        <v>26436.778409999999</v>
      </c>
      <c r="AH7834">
        <v>357640.7487</v>
      </c>
      <c r="AI7834">
        <v>89897.142059999998</v>
      </c>
      <c r="AJ7834">
        <v>27331.690360000001</v>
      </c>
      <c r="AK7834">
        <v>31636.233939999998</v>
      </c>
      <c r="AL7834">
        <v>98056.326289999997</v>
      </c>
      <c r="AM7834">
        <v>23815.781480000001</v>
      </c>
      <c r="AN7834">
        <v>123293.66009999999</v>
      </c>
      <c r="AO7834">
        <v>35959.90956</v>
      </c>
      <c r="AP7834">
        <v>26946.726750000002</v>
      </c>
    </row>
    <row r="7835" spans="2:42" x14ac:dyDescent="0.3">
      <c r="B7835">
        <v>70.111750382349243</v>
      </c>
      <c r="C7835" s="83">
        <v>43427.375</v>
      </c>
      <c r="D7835">
        <v>295867.8443</v>
      </c>
      <c r="E7835">
        <v>37213.915269999998</v>
      </c>
      <c r="F7835">
        <v>101910.5016</v>
      </c>
      <c r="G7835">
        <v>100892.4143</v>
      </c>
      <c r="H7835">
        <v>58259.397929999999</v>
      </c>
      <c r="I7835">
        <v>43920.426520000001</v>
      </c>
      <c r="J7835">
        <v>32063.261770000001</v>
      </c>
      <c r="K7835">
        <v>64329.898410000002</v>
      </c>
      <c r="L7835">
        <v>29056.791649999999</v>
      </c>
      <c r="M7835">
        <v>357462.3995</v>
      </c>
      <c r="N7835">
        <v>91525.420199999993</v>
      </c>
      <c r="O7835">
        <v>28873.780449999998</v>
      </c>
      <c r="P7835">
        <v>33220.422380000004</v>
      </c>
      <c r="Q7835">
        <v>98183.647249999995</v>
      </c>
      <c r="R7835">
        <v>25304.292580000001</v>
      </c>
      <c r="S7835">
        <v>129409.3518</v>
      </c>
      <c r="T7835">
        <v>38658.07301</v>
      </c>
      <c r="U7835">
        <v>26522.54782</v>
      </c>
      <c r="W7835" s="83">
        <f>Bühler!N7867</f>
        <v>45618.374999981002</v>
      </c>
      <c r="X7835" s="83">
        <v>43427.375</v>
      </c>
      <c r="Y7835">
        <v>295867.8443</v>
      </c>
      <c r="Z7835">
        <v>37213.915269999998</v>
      </c>
      <c r="AA7835">
        <v>101910.5016</v>
      </c>
      <c r="AB7835">
        <v>100892.4143</v>
      </c>
      <c r="AC7835">
        <v>58259.397929999999</v>
      </c>
      <c r="AD7835">
        <v>43920.426520000001</v>
      </c>
      <c r="AE7835">
        <v>32063.261770000001</v>
      </c>
      <c r="AF7835">
        <v>64329.898410000002</v>
      </c>
      <c r="AG7835">
        <v>29056.791649999999</v>
      </c>
      <c r="AH7835">
        <v>357462.3995</v>
      </c>
      <c r="AI7835">
        <v>91525.420199999993</v>
      </c>
      <c r="AJ7835">
        <v>28873.780449999998</v>
      </c>
      <c r="AK7835">
        <v>33220.422380000004</v>
      </c>
      <c r="AL7835">
        <v>98183.647249999995</v>
      </c>
      <c r="AM7835">
        <v>25304.292580000001</v>
      </c>
      <c r="AN7835">
        <v>129409.3518</v>
      </c>
      <c r="AO7835">
        <v>38658.07301</v>
      </c>
      <c r="AP7835">
        <v>26522.54782</v>
      </c>
    </row>
    <row r="7836" spans="2:42" x14ac:dyDescent="0.3">
      <c r="B7836">
        <v>70.111360559240353</v>
      </c>
      <c r="C7836" s="83">
        <v>43427.416666666664</v>
      </c>
      <c r="D7836">
        <v>294755.61229999998</v>
      </c>
      <c r="E7836">
        <v>38552.153109999999</v>
      </c>
      <c r="F7836">
        <v>102854.4679</v>
      </c>
      <c r="G7836">
        <v>103747.4198</v>
      </c>
      <c r="H7836">
        <v>58372.967320000003</v>
      </c>
      <c r="I7836">
        <v>42854.503539999998</v>
      </c>
      <c r="J7836">
        <v>31725.79795</v>
      </c>
      <c r="K7836">
        <v>64768.592019999996</v>
      </c>
      <c r="L7836">
        <v>31763.909220000001</v>
      </c>
      <c r="M7836">
        <v>357460.41200000001</v>
      </c>
      <c r="N7836">
        <v>93324.869990000007</v>
      </c>
      <c r="O7836">
        <v>28584.453890000001</v>
      </c>
      <c r="P7836">
        <v>34566.658530000001</v>
      </c>
      <c r="Q7836">
        <v>97337.012300000002</v>
      </c>
      <c r="R7836">
        <v>24887.077959999999</v>
      </c>
      <c r="S7836">
        <v>130010.4912</v>
      </c>
      <c r="T7836">
        <v>40007.440349999997</v>
      </c>
      <c r="U7836">
        <v>27191.453079999999</v>
      </c>
      <c r="W7836" s="83">
        <f>Bühler!N7868</f>
        <v>45618.416666647667</v>
      </c>
      <c r="X7836" s="83">
        <v>43427.416666666664</v>
      </c>
      <c r="Y7836">
        <v>294755.61229999998</v>
      </c>
      <c r="Z7836">
        <v>38552.153109999999</v>
      </c>
      <c r="AA7836">
        <v>102854.4679</v>
      </c>
      <c r="AB7836">
        <v>103747.4198</v>
      </c>
      <c r="AC7836">
        <v>58372.967320000003</v>
      </c>
      <c r="AD7836">
        <v>42854.503539999998</v>
      </c>
      <c r="AE7836">
        <v>31725.79795</v>
      </c>
      <c r="AF7836">
        <v>64768.592019999996</v>
      </c>
      <c r="AG7836">
        <v>31763.909220000001</v>
      </c>
      <c r="AH7836">
        <v>357460.41200000001</v>
      </c>
      <c r="AI7836">
        <v>93324.869990000007</v>
      </c>
      <c r="AJ7836">
        <v>28584.453890000001</v>
      </c>
      <c r="AK7836">
        <v>34566.658530000001</v>
      </c>
      <c r="AL7836">
        <v>97337.012300000002</v>
      </c>
      <c r="AM7836">
        <v>24887.077959999999</v>
      </c>
      <c r="AN7836">
        <v>130010.4912</v>
      </c>
      <c r="AO7836">
        <v>40007.440349999997</v>
      </c>
      <c r="AP7836">
        <v>27191.453079999999</v>
      </c>
    </row>
    <row r="7837" spans="2:42" x14ac:dyDescent="0.3">
      <c r="B7837">
        <v>69.650046638101898</v>
      </c>
      <c r="C7837" s="83">
        <v>43427.458333333336</v>
      </c>
      <c r="D7837">
        <v>290447.37</v>
      </c>
      <c r="E7837">
        <v>38056.480490000002</v>
      </c>
      <c r="F7837">
        <v>103047.5405</v>
      </c>
      <c r="G7837">
        <v>101450.7828</v>
      </c>
      <c r="H7837">
        <v>57339.296979999999</v>
      </c>
      <c r="I7837">
        <v>42266.503879999997</v>
      </c>
      <c r="J7837">
        <v>31758.027979999999</v>
      </c>
      <c r="K7837">
        <v>66110.062619999997</v>
      </c>
      <c r="L7837">
        <v>32588.643779999999</v>
      </c>
      <c r="M7837">
        <v>355108.41850000003</v>
      </c>
      <c r="N7837">
        <v>92961.766099999993</v>
      </c>
      <c r="O7837">
        <v>29872.404399999999</v>
      </c>
      <c r="P7837">
        <v>33541.621980000004</v>
      </c>
      <c r="Q7837">
        <v>97237.553790000005</v>
      </c>
      <c r="R7837">
        <v>26508.812539999999</v>
      </c>
      <c r="S7837">
        <v>128645.90360000001</v>
      </c>
      <c r="T7837">
        <v>39526.651859999998</v>
      </c>
      <c r="U7837">
        <v>26303.898219999999</v>
      </c>
      <c r="W7837" s="83">
        <f>Bühler!N7869</f>
        <v>45618.458333314331</v>
      </c>
      <c r="X7837" s="83">
        <v>43427.458333333336</v>
      </c>
      <c r="Y7837">
        <v>290447.37</v>
      </c>
      <c r="Z7837">
        <v>38056.480490000002</v>
      </c>
      <c r="AA7837">
        <v>103047.5405</v>
      </c>
      <c r="AB7837">
        <v>101450.7828</v>
      </c>
      <c r="AC7837">
        <v>57339.296979999999</v>
      </c>
      <c r="AD7837">
        <v>42266.503879999997</v>
      </c>
      <c r="AE7837">
        <v>31758.027979999999</v>
      </c>
      <c r="AF7837">
        <v>66110.062619999997</v>
      </c>
      <c r="AG7837">
        <v>32588.643779999999</v>
      </c>
      <c r="AH7837">
        <v>355108.41850000003</v>
      </c>
      <c r="AI7837">
        <v>92961.766099999993</v>
      </c>
      <c r="AJ7837">
        <v>29872.404399999999</v>
      </c>
      <c r="AK7837">
        <v>33541.621980000004</v>
      </c>
      <c r="AL7837">
        <v>97237.553790000005</v>
      </c>
      <c r="AM7837">
        <v>26508.812539999999</v>
      </c>
      <c r="AN7837">
        <v>128645.90360000001</v>
      </c>
      <c r="AO7837">
        <v>39526.651859999998</v>
      </c>
      <c r="AP7837">
        <v>26303.898219999999</v>
      </c>
    </row>
    <row r="7838" spans="2:42" x14ac:dyDescent="0.3">
      <c r="B7838">
        <v>68.139977730390527</v>
      </c>
      <c r="C7838" s="83">
        <v>43427.5</v>
      </c>
      <c r="D7838">
        <v>274433.98430000001</v>
      </c>
      <c r="E7838">
        <v>34373.507230000003</v>
      </c>
      <c r="F7838">
        <v>101462.39449999999</v>
      </c>
      <c r="G7838">
        <v>96703.407999999996</v>
      </c>
      <c r="H7838">
        <v>53677.64316</v>
      </c>
      <c r="I7838">
        <v>40073.138030000002</v>
      </c>
      <c r="J7838">
        <v>31256.801299999999</v>
      </c>
      <c r="K7838">
        <v>61776.50477</v>
      </c>
      <c r="L7838">
        <v>34773.460010000003</v>
      </c>
      <c r="M7838">
        <v>347409.38299999997</v>
      </c>
      <c r="N7838">
        <v>89414.923540000003</v>
      </c>
      <c r="O7838">
        <v>28261.867600000001</v>
      </c>
      <c r="P7838">
        <v>34692.3681</v>
      </c>
      <c r="Q7838">
        <v>94831.898209999999</v>
      </c>
      <c r="R7838">
        <v>27445.355650000001</v>
      </c>
      <c r="S7838">
        <v>120145.8502</v>
      </c>
      <c r="T7838">
        <v>39776.676780000002</v>
      </c>
      <c r="U7838">
        <v>21778.683919999999</v>
      </c>
      <c r="W7838" s="83">
        <f>Bühler!N7870</f>
        <v>45618.499999980995</v>
      </c>
      <c r="X7838" s="83">
        <v>43427.5</v>
      </c>
      <c r="Y7838">
        <v>274433.98430000001</v>
      </c>
      <c r="Z7838">
        <v>34373.507230000003</v>
      </c>
      <c r="AA7838">
        <v>101462.39449999999</v>
      </c>
      <c r="AB7838">
        <v>96703.407999999996</v>
      </c>
      <c r="AC7838">
        <v>53677.64316</v>
      </c>
      <c r="AD7838">
        <v>40073.138030000002</v>
      </c>
      <c r="AE7838">
        <v>31256.801299999999</v>
      </c>
      <c r="AF7838">
        <v>61776.50477</v>
      </c>
      <c r="AG7838">
        <v>34773.460010000003</v>
      </c>
      <c r="AH7838">
        <v>347409.38299999997</v>
      </c>
      <c r="AI7838">
        <v>89414.923540000003</v>
      </c>
      <c r="AJ7838">
        <v>28261.867600000001</v>
      </c>
      <c r="AK7838">
        <v>34692.3681</v>
      </c>
      <c r="AL7838">
        <v>94831.898209999999</v>
      </c>
      <c r="AM7838">
        <v>27445.355650000001</v>
      </c>
      <c r="AN7838">
        <v>120145.8502</v>
      </c>
      <c r="AO7838">
        <v>39776.676780000002</v>
      </c>
      <c r="AP7838">
        <v>21778.683919999999</v>
      </c>
    </row>
    <row r="7839" spans="2:42" x14ac:dyDescent="0.3">
      <c r="B7839">
        <v>66.989602537808537</v>
      </c>
      <c r="C7839" s="83">
        <v>43427.541666666664</v>
      </c>
      <c r="D7839">
        <v>271799.14809999999</v>
      </c>
      <c r="E7839">
        <v>34117.050000000003</v>
      </c>
      <c r="F7839">
        <v>99915.582089999996</v>
      </c>
      <c r="G7839">
        <v>92846.365609999993</v>
      </c>
      <c r="H7839">
        <v>53250.99581</v>
      </c>
      <c r="I7839">
        <v>40114.459690000003</v>
      </c>
      <c r="J7839">
        <v>30367.95996</v>
      </c>
      <c r="K7839">
        <v>62407.492619999997</v>
      </c>
      <c r="L7839">
        <v>32951.904040000001</v>
      </c>
      <c r="M7839">
        <v>341544.23379999999</v>
      </c>
      <c r="N7839">
        <v>89424.398990000002</v>
      </c>
      <c r="O7839">
        <v>27580.43534</v>
      </c>
      <c r="P7839">
        <v>32877.904410000003</v>
      </c>
      <c r="Q7839">
        <v>93732.902090000003</v>
      </c>
      <c r="R7839">
        <v>28473.74497</v>
      </c>
      <c r="S7839">
        <v>121120.11320000001</v>
      </c>
      <c r="T7839">
        <v>37845.420330000001</v>
      </c>
      <c r="U7839">
        <v>22650.86723</v>
      </c>
      <c r="W7839" s="83">
        <f>Bühler!N7871</f>
        <v>45618.541666647659</v>
      </c>
      <c r="X7839" s="83">
        <v>43427.541666666664</v>
      </c>
      <c r="Y7839">
        <v>271799.14809999999</v>
      </c>
      <c r="Z7839">
        <v>34117.050000000003</v>
      </c>
      <c r="AA7839">
        <v>99915.582089999996</v>
      </c>
      <c r="AB7839">
        <v>92846.365609999993</v>
      </c>
      <c r="AC7839">
        <v>53250.99581</v>
      </c>
      <c r="AD7839">
        <v>40114.459690000003</v>
      </c>
      <c r="AE7839">
        <v>30367.95996</v>
      </c>
      <c r="AF7839">
        <v>62407.492619999997</v>
      </c>
      <c r="AG7839">
        <v>32951.904040000001</v>
      </c>
      <c r="AH7839">
        <v>341544.23379999999</v>
      </c>
      <c r="AI7839">
        <v>89424.398990000002</v>
      </c>
      <c r="AJ7839">
        <v>27580.43534</v>
      </c>
      <c r="AK7839">
        <v>32877.904410000003</v>
      </c>
      <c r="AL7839">
        <v>93732.902090000003</v>
      </c>
      <c r="AM7839">
        <v>28473.74497</v>
      </c>
      <c r="AN7839">
        <v>121120.11320000001</v>
      </c>
      <c r="AO7839">
        <v>37845.420330000001</v>
      </c>
      <c r="AP7839">
        <v>22650.86723</v>
      </c>
    </row>
    <row r="7840" spans="2:42" x14ac:dyDescent="0.3">
      <c r="B7840">
        <v>66.881520368967813</v>
      </c>
      <c r="C7840" s="83">
        <v>43427.583333333336</v>
      </c>
      <c r="D7840">
        <v>271009.65130000003</v>
      </c>
      <c r="E7840">
        <v>36757.491970000003</v>
      </c>
      <c r="F7840">
        <v>101062.01949999999</v>
      </c>
      <c r="G7840">
        <v>86507.786080000005</v>
      </c>
      <c r="H7840">
        <v>52820.63478</v>
      </c>
      <c r="I7840">
        <v>40280.103569999999</v>
      </c>
      <c r="J7840">
        <v>30353.17498</v>
      </c>
      <c r="K7840">
        <v>65012.581100000003</v>
      </c>
      <c r="L7840">
        <v>28992.058150000001</v>
      </c>
      <c r="M7840">
        <v>340993.18050000002</v>
      </c>
      <c r="N7840">
        <v>89153.425600000002</v>
      </c>
      <c r="O7840">
        <v>26850.27853</v>
      </c>
      <c r="P7840">
        <v>29898.556809999998</v>
      </c>
      <c r="Q7840">
        <v>92442.376709999997</v>
      </c>
      <c r="R7840">
        <v>26842.652180000001</v>
      </c>
      <c r="S7840">
        <v>116339.80319999999</v>
      </c>
      <c r="T7840">
        <v>36371.416680000002</v>
      </c>
      <c r="U7840">
        <v>22779.67268</v>
      </c>
      <c r="W7840" s="83">
        <f>Bühler!N7872</f>
        <v>45618.583333314324</v>
      </c>
      <c r="X7840" s="83">
        <v>43427.583333333336</v>
      </c>
      <c r="Y7840">
        <v>271009.65130000003</v>
      </c>
      <c r="Z7840">
        <v>36757.491970000003</v>
      </c>
      <c r="AA7840">
        <v>101062.01949999999</v>
      </c>
      <c r="AB7840">
        <v>86507.786080000005</v>
      </c>
      <c r="AC7840">
        <v>52820.63478</v>
      </c>
      <c r="AD7840">
        <v>40280.103569999999</v>
      </c>
      <c r="AE7840">
        <v>30353.17498</v>
      </c>
      <c r="AF7840">
        <v>65012.581100000003</v>
      </c>
      <c r="AG7840">
        <v>28992.058150000001</v>
      </c>
      <c r="AH7840">
        <v>340993.18050000002</v>
      </c>
      <c r="AI7840">
        <v>89153.425600000002</v>
      </c>
      <c r="AJ7840">
        <v>26850.27853</v>
      </c>
      <c r="AK7840">
        <v>29898.556809999998</v>
      </c>
      <c r="AL7840">
        <v>92442.376709999997</v>
      </c>
      <c r="AM7840">
        <v>26842.652180000001</v>
      </c>
      <c r="AN7840">
        <v>116339.80319999999</v>
      </c>
      <c r="AO7840">
        <v>36371.416680000002</v>
      </c>
      <c r="AP7840">
        <v>22779.67268</v>
      </c>
    </row>
    <row r="7841" spans="2:42" x14ac:dyDescent="0.3">
      <c r="B7841">
        <v>65.679284934056824</v>
      </c>
      <c r="C7841" s="83">
        <v>43427.625</v>
      </c>
      <c r="D7841">
        <v>266732.85859999998</v>
      </c>
      <c r="E7841">
        <v>36530.276030000001</v>
      </c>
      <c r="F7841">
        <v>99614.489700000006</v>
      </c>
      <c r="G7841">
        <v>81300.259839999999</v>
      </c>
      <c r="H7841">
        <v>50950.397870000001</v>
      </c>
      <c r="I7841">
        <v>40523.778509999996</v>
      </c>
      <c r="J7841">
        <v>30049.848470000001</v>
      </c>
      <c r="K7841">
        <v>62471.511299999998</v>
      </c>
      <c r="L7841">
        <v>26430.443060000001</v>
      </c>
      <c r="M7841">
        <v>334863.62359999999</v>
      </c>
      <c r="N7841">
        <v>86661.643110000005</v>
      </c>
      <c r="O7841">
        <v>25996.828109999999</v>
      </c>
      <c r="P7841">
        <v>28971.51022</v>
      </c>
      <c r="Q7841">
        <v>91333.371419999996</v>
      </c>
      <c r="R7841">
        <v>25767.642599999999</v>
      </c>
      <c r="S7841">
        <v>113378.85980000001</v>
      </c>
      <c r="T7841">
        <v>35830.644039999999</v>
      </c>
      <c r="U7841">
        <v>20882.05773</v>
      </c>
      <c r="W7841" s="83">
        <f>Bühler!N7873</f>
        <v>45618.624999980988</v>
      </c>
      <c r="X7841" s="83">
        <v>43427.625</v>
      </c>
      <c r="Y7841">
        <v>266732.85859999998</v>
      </c>
      <c r="Z7841">
        <v>36530.276030000001</v>
      </c>
      <c r="AA7841">
        <v>99614.489700000006</v>
      </c>
      <c r="AB7841">
        <v>81300.259839999999</v>
      </c>
      <c r="AC7841">
        <v>50950.397870000001</v>
      </c>
      <c r="AD7841">
        <v>40523.778509999996</v>
      </c>
      <c r="AE7841">
        <v>30049.848470000001</v>
      </c>
      <c r="AF7841">
        <v>62471.511299999998</v>
      </c>
      <c r="AG7841">
        <v>26430.443060000001</v>
      </c>
      <c r="AH7841">
        <v>334863.62359999999</v>
      </c>
      <c r="AI7841">
        <v>86661.643110000005</v>
      </c>
      <c r="AJ7841">
        <v>25996.828109999999</v>
      </c>
      <c r="AK7841">
        <v>28971.51022</v>
      </c>
      <c r="AL7841">
        <v>91333.371419999996</v>
      </c>
      <c r="AM7841">
        <v>25767.642599999999</v>
      </c>
      <c r="AN7841">
        <v>113378.85980000001</v>
      </c>
      <c r="AO7841">
        <v>35830.644039999999</v>
      </c>
      <c r="AP7841">
        <v>20882.05773</v>
      </c>
    </row>
    <row r="7842" spans="2:42" x14ac:dyDescent="0.3">
      <c r="B7842">
        <v>64.530530876036792</v>
      </c>
      <c r="C7842" s="83">
        <v>43427.666666666664</v>
      </c>
      <c r="D7842">
        <v>257955.2536</v>
      </c>
      <c r="E7842">
        <v>35638.895140000001</v>
      </c>
      <c r="F7842">
        <v>99378.054569999993</v>
      </c>
      <c r="G7842">
        <v>74595.259529999996</v>
      </c>
      <c r="H7842">
        <v>50221.886509999997</v>
      </c>
      <c r="I7842">
        <v>41772.252560000001</v>
      </c>
      <c r="J7842">
        <v>29635.146059999999</v>
      </c>
      <c r="K7842">
        <v>58359.390059999998</v>
      </c>
      <c r="L7842">
        <v>26761.680540000001</v>
      </c>
      <c r="M7842">
        <v>329006.73969999998</v>
      </c>
      <c r="N7842">
        <v>83520.091610000003</v>
      </c>
      <c r="O7842">
        <v>25935.425650000001</v>
      </c>
      <c r="P7842">
        <v>29058.049739999999</v>
      </c>
      <c r="Q7842">
        <v>90460.133539999995</v>
      </c>
      <c r="R7842">
        <v>25138.006410000002</v>
      </c>
      <c r="S7842">
        <v>111089.72840000001</v>
      </c>
      <c r="T7842">
        <v>35996.052689999997</v>
      </c>
      <c r="U7842">
        <v>19286.86463</v>
      </c>
      <c r="W7842" s="83">
        <f>Bühler!N7874</f>
        <v>45618.666666647652</v>
      </c>
      <c r="X7842" s="83">
        <v>43427.666666666664</v>
      </c>
      <c r="Y7842">
        <v>257955.2536</v>
      </c>
      <c r="Z7842">
        <v>35638.895140000001</v>
      </c>
      <c r="AA7842">
        <v>99378.054569999993</v>
      </c>
      <c r="AB7842">
        <v>74595.259529999996</v>
      </c>
      <c r="AC7842">
        <v>50221.886509999997</v>
      </c>
      <c r="AD7842">
        <v>41772.252560000001</v>
      </c>
      <c r="AE7842">
        <v>29635.146059999999</v>
      </c>
      <c r="AF7842">
        <v>58359.390059999998</v>
      </c>
      <c r="AG7842">
        <v>26761.680540000001</v>
      </c>
      <c r="AH7842">
        <v>329006.73969999998</v>
      </c>
      <c r="AI7842">
        <v>83520.091610000003</v>
      </c>
      <c r="AJ7842">
        <v>25935.425650000001</v>
      </c>
      <c r="AK7842">
        <v>29058.049739999999</v>
      </c>
      <c r="AL7842">
        <v>90460.133539999995</v>
      </c>
      <c r="AM7842">
        <v>25138.006410000002</v>
      </c>
      <c r="AN7842">
        <v>111089.72840000001</v>
      </c>
      <c r="AO7842">
        <v>35996.052689999997</v>
      </c>
      <c r="AP7842">
        <v>19286.86463</v>
      </c>
    </row>
    <row r="7843" spans="2:42" x14ac:dyDescent="0.3">
      <c r="B7843">
        <v>63.33836031094318</v>
      </c>
      <c r="C7843" s="83">
        <v>43427.708333333336</v>
      </c>
      <c r="D7843">
        <v>249946.17310000001</v>
      </c>
      <c r="E7843">
        <v>33949.851040000001</v>
      </c>
      <c r="F7843">
        <v>101098.2129</v>
      </c>
      <c r="G7843">
        <v>65849.065650000004</v>
      </c>
      <c r="H7843">
        <v>50801.289799999999</v>
      </c>
      <c r="I7843">
        <v>40543.54855</v>
      </c>
      <c r="J7843">
        <v>31538.963309999999</v>
      </c>
      <c r="K7843">
        <v>54926.987260000002</v>
      </c>
      <c r="L7843">
        <v>29084.566849999999</v>
      </c>
      <c r="M7843">
        <v>322928.49819999997</v>
      </c>
      <c r="N7843">
        <v>81597.088369999998</v>
      </c>
      <c r="O7843">
        <v>25386.057120000001</v>
      </c>
      <c r="P7843">
        <v>31482.241549999999</v>
      </c>
      <c r="Q7843">
        <v>88833.747359999994</v>
      </c>
      <c r="R7843">
        <v>23886.746879999999</v>
      </c>
      <c r="S7843">
        <v>110778.80349999999</v>
      </c>
      <c r="T7843">
        <v>37838.635139999999</v>
      </c>
      <c r="U7843">
        <v>18857.75721</v>
      </c>
      <c r="W7843" s="83">
        <f>Bühler!N7875</f>
        <v>45618.708333314316</v>
      </c>
      <c r="X7843" s="83">
        <v>43427.708333333336</v>
      </c>
      <c r="Y7843">
        <v>249946.17310000001</v>
      </c>
      <c r="Z7843">
        <v>33949.851040000001</v>
      </c>
      <c r="AA7843">
        <v>101098.2129</v>
      </c>
      <c r="AB7843">
        <v>65849.065650000004</v>
      </c>
      <c r="AC7843">
        <v>50801.289799999999</v>
      </c>
      <c r="AD7843">
        <v>40543.54855</v>
      </c>
      <c r="AE7843">
        <v>31538.963309999999</v>
      </c>
      <c r="AF7843">
        <v>54926.987260000002</v>
      </c>
      <c r="AG7843">
        <v>29084.566849999999</v>
      </c>
      <c r="AH7843">
        <v>322928.49819999997</v>
      </c>
      <c r="AI7843">
        <v>81597.088369999998</v>
      </c>
      <c r="AJ7843">
        <v>25386.057120000001</v>
      </c>
      <c r="AK7843">
        <v>31482.241549999999</v>
      </c>
      <c r="AL7843">
        <v>88833.747359999994</v>
      </c>
      <c r="AM7843">
        <v>23886.746879999999</v>
      </c>
      <c r="AN7843">
        <v>110778.80349999999</v>
      </c>
      <c r="AO7843">
        <v>37838.635139999999</v>
      </c>
      <c r="AP7843">
        <v>18857.75721</v>
      </c>
    </row>
    <row r="7844" spans="2:42" x14ac:dyDescent="0.3">
      <c r="B7844">
        <v>62.405019207788087</v>
      </c>
      <c r="C7844" s="83">
        <v>43427.75</v>
      </c>
      <c r="D7844">
        <v>242793.87599999999</v>
      </c>
      <c r="E7844">
        <v>31089.81769</v>
      </c>
      <c r="F7844">
        <v>98895.140440000003</v>
      </c>
      <c r="G7844">
        <v>55146.901389999999</v>
      </c>
      <c r="H7844">
        <v>48830.830849999998</v>
      </c>
      <c r="I7844">
        <v>39062.44268</v>
      </c>
      <c r="J7844">
        <v>31673.463540000001</v>
      </c>
      <c r="K7844">
        <v>53050.11578</v>
      </c>
      <c r="L7844">
        <v>31167.0219</v>
      </c>
      <c r="M7844">
        <v>318169.89</v>
      </c>
      <c r="N7844">
        <v>79612.72971</v>
      </c>
      <c r="O7844">
        <v>24458.2863</v>
      </c>
      <c r="P7844">
        <v>34406.999689999997</v>
      </c>
      <c r="Q7844">
        <v>87039.931620000003</v>
      </c>
      <c r="R7844">
        <v>23708.230650000001</v>
      </c>
      <c r="S7844">
        <v>104804.9083</v>
      </c>
      <c r="T7844">
        <v>37704.820310000003</v>
      </c>
      <c r="U7844">
        <v>17029.473099999999</v>
      </c>
      <c r="W7844" s="83">
        <f>Bühler!N7876</f>
        <v>45618.749999980981</v>
      </c>
      <c r="X7844" s="83">
        <v>43427.75</v>
      </c>
      <c r="Y7844">
        <v>242793.87599999999</v>
      </c>
      <c r="Z7844">
        <v>31089.81769</v>
      </c>
      <c r="AA7844">
        <v>98895.140440000003</v>
      </c>
      <c r="AB7844">
        <v>55146.901389999999</v>
      </c>
      <c r="AC7844">
        <v>48830.830849999998</v>
      </c>
      <c r="AD7844">
        <v>39062.44268</v>
      </c>
      <c r="AE7844">
        <v>31673.463540000001</v>
      </c>
      <c r="AF7844">
        <v>53050.11578</v>
      </c>
      <c r="AG7844">
        <v>31167.0219</v>
      </c>
      <c r="AH7844">
        <v>318169.89</v>
      </c>
      <c r="AI7844">
        <v>79612.72971</v>
      </c>
      <c r="AJ7844">
        <v>24458.2863</v>
      </c>
      <c r="AK7844">
        <v>34406.999689999997</v>
      </c>
      <c r="AL7844">
        <v>87039.931620000003</v>
      </c>
      <c r="AM7844">
        <v>23708.230650000001</v>
      </c>
      <c r="AN7844">
        <v>104804.9083</v>
      </c>
      <c r="AO7844">
        <v>37704.820310000003</v>
      </c>
      <c r="AP7844">
        <v>17029.473099999999</v>
      </c>
    </row>
    <row r="7845" spans="2:42" x14ac:dyDescent="0.3">
      <c r="B7845">
        <v>60.837938449746751</v>
      </c>
      <c r="C7845" s="83">
        <v>43427.791666666664</v>
      </c>
      <c r="D7845">
        <v>233089.50580000001</v>
      </c>
      <c r="E7845">
        <v>25527.679120000001</v>
      </c>
      <c r="F7845">
        <v>85548.207299999995</v>
      </c>
      <c r="G7845">
        <v>48745.829669999999</v>
      </c>
      <c r="H7845">
        <v>46388.707009999998</v>
      </c>
      <c r="I7845">
        <v>36472.81523</v>
      </c>
      <c r="J7845">
        <v>30960.368429999999</v>
      </c>
      <c r="K7845">
        <v>52000.114560000002</v>
      </c>
      <c r="L7845">
        <v>31247.446499999998</v>
      </c>
      <c r="M7845">
        <v>310180.18150000001</v>
      </c>
      <c r="N7845">
        <v>76761.684680000006</v>
      </c>
      <c r="O7845">
        <v>23132.615730000001</v>
      </c>
      <c r="P7845">
        <v>34391.828119999998</v>
      </c>
      <c r="Q7845">
        <v>84475.478470000002</v>
      </c>
      <c r="R7845">
        <v>23659.393609999999</v>
      </c>
      <c r="S7845">
        <v>99334.278090000007</v>
      </c>
      <c r="T7845">
        <v>36862.13465</v>
      </c>
      <c r="U7845">
        <v>15925.641180000001</v>
      </c>
      <c r="W7845" s="83">
        <f>Bühler!N7877</f>
        <v>45618.791666647645</v>
      </c>
      <c r="X7845" s="83">
        <v>43427.791666666664</v>
      </c>
      <c r="Y7845">
        <v>233089.50580000001</v>
      </c>
      <c r="Z7845">
        <v>25527.679120000001</v>
      </c>
      <c r="AA7845">
        <v>85548.207299999995</v>
      </c>
      <c r="AB7845">
        <v>48745.829669999999</v>
      </c>
      <c r="AC7845">
        <v>46388.707009999998</v>
      </c>
      <c r="AD7845">
        <v>36472.81523</v>
      </c>
      <c r="AE7845">
        <v>30960.368429999999</v>
      </c>
      <c r="AF7845">
        <v>52000.114560000002</v>
      </c>
      <c r="AG7845">
        <v>31247.446499999998</v>
      </c>
      <c r="AH7845">
        <v>310180.18150000001</v>
      </c>
      <c r="AI7845">
        <v>76761.684680000006</v>
      </c>
      <c r="AJ7845">
        <v>23132.615730000001</v>
      </c>
      <c r="AK7845">
        <v>34391.828119999998</v>
      </c>
      <c r="AL7845">
        <v>84475.478470000002</v>
      </c>
      <c r="AM7845">
        <v>23659.393609999999</v>
      </c>
      <c r="AN7845">
        <v>99334.278090000007</v>
      </c>
      <c r="AO7845">
        <v>36862.13465</v>
      </c>
      <c r="AP7845">
        <v>15925.641180000001</v>
      </c>
    </row>
    <row r="7846" spans="2:42" x14ac:dyDescent="0.3">
      <c r="B7846">
        <v>58.493058480329445</v>
      </c>
      <c r="C7846" s="83">
        <v>43427.833333333336</v>
      </c>
      <c r="D7846">
        <v>222992.74069999999</v>
      </c>
      <c r="E7846">
        <v>20111.761289999999</v>
      </c>
      <c r="F7846">
        <v>66314.536470000006</v>
      </c>
      <c r="G7846">
        <v>44783.794300000001</v>
      </c>
      <c r="H7846">
        <v>43756.251250000001</v>
      </c>
      <c r="I7846">
        <v>31823.310829999999</v>
      </c>
      <c r="J7846">
        <v>29742.682649999999</v>
      </c>
      <c r="K7846">
        <v>52058.006679999999</v>
      </c>
      <c r="L7846">
        <v>30721.63279</v>
      </c>
      <c r="M7846">
        <v>298224.88990000001</v>
      </c>
      <c r="N7846">
        <v>74773.191149999999</v>
      </c>
      <c r="O7846">
        <v>21663.150079999999</v>
      </c>
      <c r="P7846">
        <v>33655.031360000001</v>
      </c>
      <c r="Q7846">
        <v>80776.628500000006</v>
      </c>
      <c r="R7846">
        <v>20979.46632</v>
      </c>
      <c r="S7846">
        <v>89583.629990000001</v>
      </c>
      <c r="T7846">
        <v>34425.55934</v>
      </c>
      <c r="U7846">
        <v>14991.640079999999</v>
      </c>
      <c r="W7846" s="83">
        <f>Bühler!N7878</f>
        <v>45618.833333314309</v>
      </c>
      <c r="X7846" s="83">
        <v>43427.833333333336</v>
      </c>
      <c r="Y7846">
        <v>222992.74069999999</v>
      </c>
      <c r="Z7846">
        <v>20111.761289999999</v>
      </c>
      <c r="AA7846">
        <v>66314.536470000006</v>
      </c>
      <c r="AB7846">
        <v>44783.794300000001</v>
      </c>
      <c r="AC7846">
        <v>43756.251250000001</v>
      </c>
      <c r="AD7846">
        <v>31823.310829999999</v>
      </c>
      <c r="AE7846">
        <v>29742.682649999999</v>
      </c>
      <c r="AF7846">
        <v>52058.006679999999</v>
      </c>
      <c r="AG7846">
        <v>30721.63279</v>
      </c>
      <c r="AH7846">
        <v>298224.88990000001</v>
      </c>
      <c r="AI7846">
        <v>74773.191149999999</v>
      </c>
      <c r="AJ7846">
        <v>21663.150079999999</v>
      </c>
      <c r="AK7846">
        <v>33655.031360000001</v>
      </c>
      <c r="AL7846">
        <v>80776.628500000006</v>
      </c>
      <c r="AM7846">
        <v>20979.46632</v>
      </c>
      <c r="AN7846">
        <v>89583.629990000001</v>
      </c>
      <c r="AO7846">
        <v>34425.55934</v>
      </c>
      <c r="AP7846">
        <v>14991.640079999999</v>
      </c>
    </row>
    <row r="7847" spans="2:42" x14ac:dyDescent="0.3">
      <c r="B7847">
        <v>56.305294581956495</v>
      </c>
      <c r="C7847" s="83">
        <v>43427.875</v>
      </c>
      <c r="D7847">
        <v>215212.00649999999</v>
      </c>
      <c r="E7847">
        <v>16822.807799999999</v>
      </c>
      <c r="F7847">
        <v>57443.044379999999</v>
      </c>
      <c r="G7847">
        <v>42636.331429999998</v>
      </c>
      <c r="H7847">
        <v>41095.452980000002</v>
      </c>
      <c r="I7847">
        <v>27809.986809999999</v>
      </c>
      <c r="J7847">
        <v>28509.760429999998</v>
      </c>
      <c r="K7847">
        <v>50225.457029999998</v>
      </c>
      <c r="L7847">
        <v>29564.025799999999</v>
      </c>
      <c r="M7847">
        <v>287070.64929999999</v>
      </c>
      <c r="N7847">
        <v>72948.171570000006</v>
      </c>
      <c r="O7847">
        <v>20821.879679999998</v>
      </c>
      <c r="P7847">
        <v>32311.767889999999</v>
      </c>
      <c r="Q7847">
        <v>77628.60729</v>
      </c>
      <c r="R7847">
        <v>20444.147400000002</v>
      </c>
      <c r="S7847">
        <v>83506.613379999995</v>
      </c>
      <c r="T7847">
        <v>31331.367330000001</v>
      </c>
      <c r="U7847">
        <v>13819.08653</v>
      </c>
      <c r="W7847" s="83">
        <f>Bühler!N7879</f>
        <v>45618.874999980973</v>
      </c>
      <c r="X7847" s="83">
        <v>43427.875</v>
      </c>
      <c r="Y7847">
        <v>215212.00649999999</v>
      </c>
      <c r="Z7847">
        <v>16822.807799999999</v>
      </c>
      <c r="AA7847">
        <v>57443.044379999999</v>
      </c>
      <c r="AB7847">
        <v>42636.331429999998</v>
      </c>
      <c r="AC7847">
        <v>41095.452980000002</v>
      </c>
      <c r="AD7847">
        <v>27809.986809999999</v>
      </c>
      <c r="AE7847">
        <v>28509.760429999998</v>
      </c>
      <c r="AF7847">
        <v>50225.457029999998</v>
      </c>
      <c r="AG7847">
        <v>29564.025799999999</v>
      </c>
      <c r="AH7847">
        <v>287070.64929999999</v>
      </c>
      <c r="AI7847">
        <v>72948.171570000006</v>
      </c>
      <c r="AJ7847">
        <v>20821.879679999998</v>
      </c>
      <c r="AK7847">
        <v>32311.767889999999</v>
      </c>
      <c r="AL7847">
        <v>77628.60729</v>
      </c>
      <c r="AM7847">
        <v>20444.147400000002</v>
      </c>
      <c r="AN7847">
        <v>83506.613379999995</v>
      </c>
      <c r="AO7847">
        <v>31331.367330000001</v>
      </c>
      <c r="AP7847">
        <v>13819.08653</v>
      </c>
    </row>
    <row r="7848" spans="2:42" x14ac:dyDescent="0.3">
      <c r="B7848">
        <v>56.105528626532077</v>
      </c>
      <c r="C7848" s="83">
        <v>43427.916666666664</v>
      </c>
      <c r="D7848">
        <v>212625.92310000001</v>
      </c>
      <c r="E7848">
        <v>15719.68008</v>
      </c>
      <c r="F7848">
        <v>54075.074760000003</v>
      </c>
      <c r="G7848">
        <v>41257.884879999998</v>
      </c>
      <c r="H7848">
        <v>39691.897129999998</v>
      </c>
      <c r="I7848">
        <v>26286.19945</v>
      </c>
      <c r="J7848">
        <v>27394.15554</v>
      </c>
      <c r="K7848">
        <v>54321.776140000002</v>
      </c>
      <c r="L7848">
        <v>27268.71559</v>
      </c>
      <c r="M7848">
        <v>286052.14929999999</v>
      </c>
      <c r="N7848">
        <v>71450.501069999998</v>
      </c>
      <c r="O7848">
        <v>21309.54567</v>
      </c>
      <c r="P7848">
        <v>34796.517970000001</v>
      </c>
      <c r="Q7848">
        <v>75214.860069999995</v>
      </c>
      <c r="R7848">
        <v>25433.94988</v>
      </c>
      <c r="S7848">
        <v>82137.208840000007</v>
      </c>
      <c r="T7848">
        <v>28362.735720000001</v>
      </c>
      <c r="U7848">
        <v>14035.84621</v>
      </c>
      <c r="W7848" s="83">
        <f>Bühler!N7880</f>
        <v>45618.916666647638</v>
      </c>
      <c r="X7848" s="83">
        <v>43427.916666666664</v>
      </c>
      <c r="Y7848">
        <v>212625.92310000001</v>
      </c>
      <c r="Z7848">
        <v>15719.68008</v>
      </c>
      <c r="AA7848">
        <v>54075.074760000003</v>
      </c>
      <c r="AB7848">
        <v>41257.884879999998</v>
      </c>
      <c r="AC7848">
        <v>39691.897129999998</v>
      </c>
      <c r="AD7848">
        <v>26286.19945</v>
      </c>
      <c r="AE7848">
        <v>27394.15554</v>
      </c>
      <c r="AF7848">
        <v>54321.776140000002</v>
      </c>
      <c r="AG7848">
        <v>27268.71559</v>
      </c>
      <c r="AH7848">
        <v>286052.14929999999</v>
      </c>
      <c r="AI7848">
        <v>71450.501069999998</v>
      </c>
      <c r="AJ7848">
        <v>21309.54567</v>
      </c>
      <c r="AK7848">
        <v>34796.517970000001</v>
      </c>
      <c r="AL7848">
        <v>75214.860069999995</v>
      </c>
      <c r="AM7848">
        <v>25433.94988</v>
      </c>
      <c r="AN7848">
        <v>82137.208840000007</v>
      </c>
      <c r="AO7848">
        <v>28362.735720000001</v>
      </c>
      <c r="AP7848">
        <v>14035.84621</v>
      </c>
    </row>
    <row r="7849" spans="2:42" x14ac:dyDescent="0.3">
      <c r="B7849">
        <v>54.753776229289322</v>
      </c>
      <c r="C7849" s="83">
        <v>43427.958333333336</v>
      </c>
      <c r="D7849">
        <v>209935.59239999999</v>
      </c>
      <c r="E7849">
        <v>15155.88632</v>
      </c>
      <c r="F7849">
        <v>52348.004719999997</v>
      </c>
      <c r="G7849">
        <v>40537.82273</v>
      </c>
      <c r="H7849">
        <v>38606.572390000001</v>
      </c>
      <c r="I7849">
        <v>24891.011579999999</v>
      </c>
      <c r="J7849">
        <v>25890.6041</v>
      </c>
      <c r="K7849">
        <v>54066.010589999998</v>
      </c>
      <c r="L7849">
        <v>23781.598819999999</v>
      </c>
      <c r="M7849">
        <v>279160.28519999998</v>
      </c>
      <c r="N7849">
        <v>69917.890589999995</v>
      </c>
      <c r="O7849">
        <v>21337.165140000001</v>
      </c>
      <c r="P7849">
        <v>31658.657790000001</v>
      </c>
      <c r="Q7849">
        <v>74892.515530000004</v>
      </c>
      <c r="R7849">
        <v>24747.877560000001</v>
      </c>
      <c r="S7849">
        <v>80502.109349999999</v>
      </c>
      <c r="T7849">
        <v>29626.15985</v>
      </c>
      <c r="U7849">
        <v>13552.26556</v>
      </c>
      <c r="W7849" s="83">
        <f>Bühler!N7881</f>
        <v>45618.958333314302</v>
      </c>
      <c r="X7849" s="83">
        <v>43427.958333333336</v>
      </c>
      <c r="Y7849">
        <v>209935.59239999999</v>
      </c>
      <c r="Z7849">
        <v>15155.88632</v>
      </c>
      <c r="AA7849">
        <v>52348.004719999997</v>
      </c>
      <c r="AB7849">
        <v>40537.82273</v>
      </c>
      <c r="AC7849">
        <v>38606.572390000001</v>
      </c>
      <c r="AD7849">
        <v>24891.011579999999</v>
      </c>
      <c r="AE7849">
        <v>25890.6041</v>
      </c>
      <c r="AF7849">
        <v>54066.010589999998</v>
      </c>
      <c r="AG7849">
        <v>23781.598819999999</v>
      </c>
      <c r="AH7849">
        <v>279160.28519999998</v>
      </c>
      <c r="AI7849">
        <v>69917.890589999995</v>
      </c>
      <c r="AJ7849">
        <v>21337.165140000001</v>
      </c>
      <c r="AK7849">
        <v>31658.657790000001</v>
      </c>
      <c r="AL7849">
        <v>74892.515530000004</v>
      </c>
      <c r="AM7849">
        <v>24747.877560000001</v>
      </c>
      <c r="AN7849">
        <v>80502.109349999999</v>
      </c>
      <c r="AO7849">
        <v>29626.15985</v>
      </c>
      <c r="AP7849">
        <v>13552.26556</v>
      </c>
    </row>
    <row r="7850" spans="2:42" x14ac:dyDescent="0.3">
      <c r="B7850">
        <v>53.662884139989657</v>
      </c>
      <c r="C7850" s="83">
        <v>43428</v>
      </c>
      <c r="D7850">
        <v>206813.91819999999</v>
      </c>
      <c r="E7850">
        <v>14754.47451</v>
      </c>
      <c r="F7850">
        <v>51720.331299999998</v>
      </c>
      <c r="G7850">
        <v>40017.577490000003</v>
      </c>
      <c r="H7850">
        <v>37973.51</v>
      </c>
      <c r="I7850">
        <v>23657.197560000001</v>
      </c>
      <c r="J7850">
        <v>25216.979189999998</v>
      </c>
      <c r="K7850">
        <v>52680.91588</v>
      </c>
      <c r="L7850">
        <v>20246.841410000001</v>
      </c>
      <c r="M7850">
        <v>273598.40860000002</v>
      </c>
      <c r="N7850">
        <v>67940.649149999997</v>
      </c>
      <c r="O7850">
        <v>21195.6479</v>
      </c>
      <c r="P7850">
        <v>29468.989079999999</v>
      </c>
      <c r="Q7850">
        <v>72965.997879999995</v>
      </c>
      <c r="R7850">
        <v>23795.676469999999</v>
      </c>
      <c r="S7850">
        <v>79858.838659999994</v>
      </c>
      <c r="T7850">
        <v>27716.393609999999</v>
      </c>
      <c r="U7850">
        <v>13877.61911</v>
      </c>
      <c r="W7850" s="83">
        <f>Bühler!N7882</f>
        <v>45618.999999980966</v>
      </c>
      <c r="X7850" s="83">
        <v>43428</v>
      </c>
      <c r="Y7850">
        <v>206813.91819999999</v>
      </c>
      <c r="Z7850">
        <v>14754.47451</v>
      </c>
      <c r="AA7850">
        <v>51720.331299999998</v>
      </c>
      <c r="AB7850">
        <v>40017.577490000003</v>
      </c>
      <c r="AC7850">
        <v>37973.51</v>
      </c>
      <c r="AD7850">
        <v>23657.197560000001</v>
      </c>
      <c r="AE7850">
        <v>25216.979189999998</v>
      </c>
      <c r="AF7850">
        <v>52680.91588</v>
      </c>
      <c r="AG7850">
        <v>20246.841410000001</v>
      </c>
      <c r="AH7850">
        <v>273598.40860000002</v>
      </c>
      <c r="AI7850">
        <v>67940.649149999997</v>
      </c>
      <c r="AJ7850">
        <v>21195.6479</v>
      </c>
      <c r="AK7850">
        <v>29468.989079999999</v>
      </c>
      <c r="AL7850">
        <v>72965.997879999995</v>
      </c>
      <c r="AM7850">
        <v>23795.676469999999</v>
      </c>
      <c r="AN7850">
        <v>79858.838659999994</v>
      </c>
      <c r="AO7850">
        <v>27716.393609999999</v>
      </c>
      <c r="AP7850">
        <v>13877.61911</v>
      </c>
    </row>
    <row r="7851" spans="2:42" x14ac:dyDescent="0.3">
      <c r="B7851">
        <v>52.986719805701291</v>
      </c>
      <c r="C7851" s="83">
        <v>43428.041666666664</v>
      </c>
      <c r="D7851">
        <v>202098.31219999999</v>
      </c>
      <c r="E7851">
        <v>14722.75777</v>
      </c>
      <c r="F7851">
        <v>51856.353819999997</v>
      </c>
      <c r="G7851">
        <v>39799.696000000004</v>
      </c>
      <c r="H7851">
        <v>37359.37285</v>
      </c>
      <c r="I7851">
        <v>20369.997380000001</v>
      </c>
      <c r="J7851">
        <v>24438.780139999999</v>
      </c>
      <c r="K7851">
        <v>51382.390079999997</v>
      </c>
      <c r="L7851">
        <v>18178.201819999998</v>
      </c>
      <c r="M7851">
        <v>270151.00750000001</v>
      </c>
      <c r="N7851">
        <v>67074.68548</v>
      </c>
      <c r="O7851">
        <v>21172.113580000001</v>
      </c>
      <c r="P7851">
        <v>28060.858049999999</v>
      </c>
      <c r="Q7851">
        <v>73449.147939999995</v>
      </c>
      <c r="R7851">
        <v>23260.575949999999</v>
      </c>
      <c r="S7851">
        <v>78306.927979999993</v>
      </c>
      <c r="T7851">
        <v>26886.196759999999</v>
      </c>
      <c r="U7851">
        <v>13709.9499</v>
      </c>
      <c r="W7851" s="83">
        <f>Bühler!N7883</f>
        <v>45619.04166664763</v>
      </c>
      <c r="X7851" s="83">
        <v>43428.041666666664</v>
      </c>
      <c r="Y7851">
        <v>202098.31219999999</v>
      </c>
      <c r="Z7851">
        <v>14722.75777</v>
      </c>
      <c r="AA7851">
        <v>51856.353819999997</v>
      </c>
      <c r="AB7851">
        <v>39799.696000000004</v>
      </c>
      <c r="AC7851">
        <v>37359.37285</v>
      </c>
      <c r="AD7851">
        <v>20369.997380000001</v>
      </c>
      <c r="AE7851">
        <v>24438.780139999999</v>
      </c>
      <c r="AF7851">
        <v>51382.390079999997</v>
      </c>
      <c r="AG7851">
        <v>18178.201819999998</v>
      </c>
      <c r="AH7851">
        <v>270151.00750000001</v>
      </c>
      <c r="AI7851">
        <v>67074.68548</v>
      </c>
      <c r="AJ7851">
        <v>21172.113580000001</v>
      </c>
      <c r="AK7851">
        <v>28060.858049999999</v>
      </c>
      <c r="AL7851">
        <v>73449.147939999995</v>
      </c>
      <c r="AM7851">
        <v>23260.575949999999</v>
      </c>
      <c r="AN7851">
        <v>78306.927979999993</v>
      </c>
      <c r="AO7851">
        <v>26886.196759999999</v>
      </c>
      <c r="AP7851">
        <v>13709.9499</v>
      </c>
    </row>
    <row r="7852" spans="2:42" x14ac:dyDescent="0.3">
      <c r="B7852">
        <v>52.642329986835392</v>
      </c>
      <c r="C7852" s="83">
        <v>43428.083333333336</v>
      </c>
      <c r="D7852">
        <v>197463.1783</v>
      </c>
      <c r="E7852">
        <v>14483.269329999999</v>
      </c>
      <c r="F7852">
        <v>52215.228340000001</v>
      </c>
      <c r="G7852">
        <v>39138.291109999998</v>
      </c>
      <c r="H7852">
        <v>37322.445050000002</v>
      </c>
      <c r="I7852">
        <v>18043.144370000002</v>
      </c>
      <c r="J7852">
        <v>24272.783329999998</v>
      </c>
      <c r="K7852">
        <v>49619.999759999999</v>
      </c>
      <c r="L7852">
        <v>17932.05617</v>
      </c>
      <c r="M7852">
        <v>268395.14760000003</v>
      </c>
      <c r="N7852">
        <v>65976.498659999997</v>
      </c>
      <c r="O7852">
        <v>21159.119429999999</v>
      </c>
      <c r="P7852">
        <v>26935.72262</v>
      </c>
      <c r="Q7852">
        <v>73342.806760000007</v>
      </c>
      <c r="R7852">
        <v>22037.999759999999</v>
      </c>
      <c r="S7852">
        <v>78513.491290000005</v>
      </c>
      <c r="T7852">
        <v>26678.57692</v>
      </c>
      <c r="U7852">
        <v>13681.64594</v>
      </c>
      <c r="W7852" s="83">
        <f>Bühler!N7884</f>
        <v>45619.083333314295</v>
      </c>
      <c r="X7852" s="83">
        <v>43428.083333333336</v>
      </c>
      <c r="Y7852">
        <v>197463.1783</v>
      </c>
      <c r="Z7852">
        <v>14483.269329999999</v>
      </c>
      <c r="AA7852">
        <v>52215.228340000001</v>
      </c>
      <c r="AB7852">
        <v>39138.291109999998</v>
      </c>
      <c r="AC7852">
        <v>37322.445050000002</v>
      </c>
      <c r="AD7852">
        <v>18043.144370000002</v>
      </c>
      <c r="AE7852">
        <v>24272.783329999998</v>
      </c>
      <c r="AF7852">
        <v>49619.999759999999</v>
      </c>
      <c r="AG7852">
        <v>17932.05617</v>
      </c>
      <c r="AH7852">
        <v>268395.14760000003</v>
      </c>
      <c r="AI7852">
        <v>65976.498659999997</v>
      </c>
      <c r="AJ7852">
        <v>21159.119429999999</v>
      </c>
      <c r="AK7852">
        <v>26935.72262</v>
      </c>
      <c r="AL7852">
        <v>73342.806760000007</v>
      </c>
      <c r="AM7852">
        <v>22037.999759999999</v>
      </c>
      <c r="AN7852">
        <v>78513.491290000005</v>
      </c>
      <c r="AO7852">
        <v>26678.57692</v>
      </c>
      <c r="AP7852">
        <v>13681.64594</v>
      </c>
    </row>
    <row r="7853" spans="2:42" x14ac:dyDescent="0.3">
      <c r="B7853">
        <v>51.091163033957841</v>
      </c>
      <c r="C7853" s="83">
        <v>43428.125</v>
      </c>
      <c r="D7853">
        <v>192767.96359999999</v>
      </c>
      <c r="E7853">
        <v>14682.465889999999</v>
      </c>
      <c r="F7853">
        <v>52453.648200000003</v>
      </c>
      <c r="G7853">
        <v>38668.270700000001</v>
      </c>
      <c r="H7853">
        <v>36907.674809999997</v>
      </c>
      <c r="I7853">
        <v>17015.801309999999</v>
      </c>
      <c r="J7853">
        <v>24073.028389999999</v>
      </c>
      <c r="K7853">
        <v>47835.959309999998</v>
      </c>
      <c r="L7853">
        <v>17650.57992</v>
      </c>
      <c r="M7853">
        <v>260486.57509999999</v>
      </c>
      <c r="N7853">
        <v>66201.351209999993</v>
      </c>
      <c r="O7853">
        <v>21092.17022</v>
      </c>
      <c r="P7853">
        <v>25490.778719999998</v>
      </c>
      <c r="Q7853">
        <v>73131.917170000001</v>
      </c>
      <c r="R7853">
        <v>22068.68794</v>
      </c>
      <c r="S7853">
        <v>77172.323749999996</v>
      </c>
      <c r="T7853">
        <v>26493.48358</v>
      </c>
      <c r="U7853">
        <v>13766.068730000001</v>
      </c>
      <c r="W7853" s="83">
        <f>Bühler!N7885</f>
        <v>45619.124999980959</v>
      </c>
      <c r="X7853" s="83">
        <v>43428.125</v>
      </c>
      <c r="Y7853">
        <v>192767.96359999999</v>
      </c>
      <c r="Z7853">
        <v>14682.465889999999</v>
      </c>
      <c r="AA7853">
        <v>52453.648200000003</v>
      </c>
      <c r="AB7853">
        <v>38668.270700000001</v>
      </c>
      <c r="AC7853">
        <v>36907.674809999997</v>
      </c>
      <c r="AD7853">
        <v>17015.801309999999</v>
      </c>
      <c r="AE7853">
        <v>24073.028389999999</v>
      </c>
      <c r="AF7853">
        <v>47835.959309999998</v>
      </c>
      <c r="AG7853">
        <v>17650.57992</v>
      </c>
      <c r="AH7853">
        <v>260486.57509999999</v>
      </c>
      <c r="AI7853">
        <v>66201.351209999993</v>
      </c>
      <c r="AJ7853">
        <v>21092.17022</v>
      </c>
      <c r="AK7853">
        <v>25490.778719999998</v>
      </c>
      <c r="AL7853">
        <v>73131.917170000001</v>
      </c>
      <c r="AM7853">
        <v>22068.68794</v>
      </c>
      <c r="AN7853">
        <v>77172.323749999996</v>
      </c>
      <c r="AO7853">
        <v>26493.48358</v>
      </c>
      <c r="AP7853">
        <v>13766.068730000001</v>
      </c>
    </row>
    <row r="7854" spans="2:42" x14ac:dyDescent="0.3">
      <c r="B7854">
        <v>50.131230306791352</v>
      </c>
      <c r="C7854" s="83">
        <v>43428.166666666664</v>
      </c>
      <c r="D7854">
        <v>185813.20319999999</v>
      </c>
      <c r="E7854">
        <v>14851.136990000001</v>
      </c>
      <c r="F7854">
        <v>57449.788619999999</v>
      </c>
      <c r="G7854">
        <v>37938.548190000001</v>
      </c>
      <c r="H7854">
        <v>37336.417309999997</v>
      </c>
      <c r="I7854">
        <v>18927.59448</v>
      </c>
      <c r="J7854">
        <v>25079.363280000001</v>
      </c>
      <c r="K7854">
        <v>45370.111299999997</v>
      </c>
      <c r="L7854">
        <v>17009.431960000002</v>
      </c>
      <c r="M7854">
        <v>255592.3904</v>
      </c>
      <c r="N7854">
        <v>66065.70551</v>
      </c>
      <c r="O7854">
        <v>21415.17108</v>
      </c>
      <c r="P7854">
        <v>25790.624240000001</v>
      </c>
      <c r="Q7854">
        <v>73305.911720000004</v>
      </c>
      <c r="R7854">
        <v>22920.217949999998</v>
      </c>
      <c r="S7854">
        <v>78332.820439999996</v>
      </c>
      <c r="T7854">
        <v>26649.083200000001</v>
      </c>
      <c r="U7854">
        <v>14323.263709999999</v>
      </c>
      <c r="W7854" s="83">
        <f>Bühler!N7886</f>
        <v>45619.166666647623</v>
      </c>
      <c r="X7854" s="83">
        <v>43428.166666666664</v>
      </c>
      <c r="Y7854">
        <v>185813.20319999999</v>
      </c>
      <c r="Z7854">
        <v>14851.136990000001</v>
      </c>
      <c r="AA7854">
        <v>57449.788619999999</v>
      </c>
      <c r="AB7854">
        <v>37938.548190000001</v>
      </c>
      <c r="AC7854">
        <v>37336.417309999997</v>
      </c>
      <c r="AD7854">
        <v>18927.59448</v>
      </c>
      <c r="AE7854">
        <v>25079.363280000001</v>
      </c>
      <c r="AF7854">
        <v>45370.111299999997</v>
      </c>
      <c r="AG7854">
        <v>17009.431960000002</v>
      </c>
      <c r="AH7854">
        <v>255592.3904</v>
      </c>
      <c r="AI7854">
        <v>66065.70551</v>
      </c>
      <c r="AJ7854">
        <v>21415.17108</v>
      </c>
      <c r="AK7854">
        <v>25790.624240000001</v>
      </c>
      <c r="AL7854">
        <v>73305.911720000004</v>
      </c>
      <c r="AM7854">
        <v>22920.217949999998</v>
      </c>
      <c r="AN7854">
        <v>78332.820439999996</v>
      </c>
      <c r="AO7854">
        <v>26649.083200000001</v>
      </c>
      <c r="AP7854">
        <v>14323.263709999999</v>
      </c>
    </row>
    <row r="7855" spans="2:42" x14ac:dyDescent="0.3">
      <c r="B7855">
        <v>49.971956253471127</v>
      </c>
      <c r="C7855" s="83">
        <v>43428.208333333336</v>
      </c>
      <c r="D7855">
        <v>182293.87770000001</v>
      </c>
      <c r="E7855">
        <v>15775.311100000001</v>
      </c>
      <c r="F7855">
        <v>65819.228629999998</v>
      </c>
      <c r="G7855">
        <v>38436.733899999999</v>
      </c>
      <c r="H7855">
        <v>38328.196279999996</v>
      </c>
      <c r="I7855">
        <v>26296.07848</v>
      </c>
      <c r="J7855">
        <v>27132.469649999999</v>
      </c>
      <c r="K7855">
        <v>44273.21559</v>
      </c>
      <c r="L7855">
        <v>17467.983339999999</v>
      </c>
      <c r="M7855">
        <v>254780.337</v>
      </c>
      <c r="N7855">
        <v>65632.222020000001</v>
      </c>
      <c r="O7855">
        <v>21432.088479999999</v>
      </c>
      <c r="P7855">
        <v>27533.53599</v>
      </c>
      <c r="Q7855">
        <v>72496.319879999995</v>
      </c>
      <c r="R7855">
        <v>23390.27146</v>
      </c>
      <c r="S7855">
        <v>79697.900800000003</v>
      </c>
      <c r="T7855">
        <v>27996.594959999999</v>
      </c>
      <c r="U7855">
        <v>14733.119049999999</v>
      </c>
      <c r="W7855" s="83">
        <f>Bühler!N7887</f>
        <v>45619.208333314287</v>
      </c>
      <c r="X7855" s="83">
        <v>43428.208333333336</v>
      </c>
      <c r="Y7855">
        <v>182293.87770000001</v>
      </c>
      <c r="Z7855">
        <v>15775.311100000001</v>
      </c>
      <c r="AA7855">
        <v>65819.228629999998</v>
      </c>
      <c r="AB7855">
        <v>38436.733899999999</v>
      </c>
      <c r="AC7855">
        <v>38328.196279999996</v>
      </c>
      <c r="AD7855">
        <v>26296.07848</v>
      </c>
      <c r="AE7855">
        <v>27132.469649999999</v>
      </c>
      <c r="AF7855">
        <v>44273.21559</v>
      </c>
      <c r="AG7855">
        <v>17467.983339999999</v>
      </c>
      <c r="AH7855">
        <v>254780.337</v>
      </c>
      <c r="AI7855">
        <v>65632.222020000001</v>
      </c>
      <c r="AJ7855">
        <v>21432.088479999999</v>
      </c>
      <c r="AK7855">
        <v>27533.53599</v>
      </c>
      <c r="AL7855">
        <v>72496.319879999995</v>
      </c>
      <c r="AM7855">
        <v>23390.27146</v>
      </c>
      <c r="AN7855">
        <v>79697.900800000003</v>
      </c>
      <c r="AO7855">
        <v>27996.594959999999</v>
      </c>
      <c r="AP7855">
        <v>14733.119049999999</v>
      </c>
    </row>
    <row r="7856" spans="2:42" x14ac:dyDescent="0.3">
      <c r="B7856">
        <v>50.605943669137808</v>
      </c>
      <c r="C7856" s="83">
        <v>43428.25</v>
      </c>
      <c r="D7856">
        <v>184112.36009999999</v>
      </c>
      <c r="E7856">
        <v>17651.34101</v>
      </c>
      <c r="F7856">
        <v>79293.421260000003</v>
      </c>
      <c r="G7856">
        <v>40131.678039999999</v>
      </c>
      <c r="H7856">
        <v>38842.074030000003</v>
      </c>
      <c r="I7856">
        <v>29439.145120000001</v>
      </c>
      <c r="J7856">
        <v>29841.920440000002</v>
      </c>
      <c r="K7856">
        <v>44311.484559999997</v>
      </c>
      <c r="L7856">
        <v>18608.482929999998</v>
      </c>
      <c r="M7856">
        <v>258012.70050000001</v>
      </c>
      <c r="N7856">
        <v>64919.832069999997</v>
      </c>
      <c r="O7856">
        <v>21404.463159999999</v>
      </c>
      <c r="P7856">
        <v>27221.121940000001</v>
      </c>
      <c r="Q7856">
        <v>71204.029479999997</v>
      </c>
      <c r="R7856">
        <v>18825.436089999999</v>
      </c>
      <c r="S7856">
        <v>84731.036420000004</v>
      </c>
      <c r="T7856">
        <v>29433.474740000001</v>
      </c>
      <c r="U7856">
        <v>14457.112349999999</v>
      </c>
      <c r="W7856" s="83">
        <f>Bühler!N7888</f>
        <v>45619.249999980952</v>
      </c>
      <c r="X7856" s="83">
        <v>43428.25</v>
      </c>
      <c r="Y7856">
        <v>184112.36009999999</v>
      </c>
      <c r="Z7856">
        <v>17651.34101</v>
      </c>
      <c r="AA7856">
        <v>79293.421260000003</v>
      </c>
      <c r="AB7856">
        <v>40131.678039999999</v>
      </c>
      <c r="AC7856">
        <v>38842.074030000003</v>
      </c>
      <c r="AD7856">
        <v>29439.145120000001</v>
      </c>
      <c r="AE7856">
        <v>29841.920440000002</v>
      </c>
      <c r="AF7856">
        <v>44311.484559999997</v>
      </c>
      <c r="AG7856">
        <v>18608.482929999998</v>
      </c>
      <c r="AH7856">
        <v>258012.70050000001</v>
      </c>
      <c r="AI7856">
        <v>64919.832069999997</v>
      </c>
      <c r="AJ7856">
        <v>21404.463159999999</v>
      </c>
      <c r="AK7856">
        <v>27221.121940000001</v>
      </c>
      <c r="AL7856">
        <v>71204.029479999997</v>
      </c>
      <c r="AM7856">
        <v>18825.436089999999</v>
      </c>
      <c r="AN7856">
        <v>84731.036420000004</v>
      </c>
      <c r="AO7856">
        <v>29433.474740000001</v>
      </c>
      <c r="AP7856">
        <v>14457.112349999999</v>
      </c>
    </row>
    <row r="7857" spans="2:42" x14ac:dyDescent="0.3">
      <c r="B7857">
        <v>50.338899795807507</v>
      </c>
      <c r="C7857" s="83">
        <v>43428.291666666664</v>
      </c>
      <c r="D7857">
        <v>184802.0772</v>
      </c>
      <c r="E7857">
        <v>20601.329809999999</v>
      </c>
      <c r="F7857">
        <v>82140.109729999996</v>
      </c>
      <c r="G7857">
        <v>41781.63798</v>
      </c>
      <c r="H7857">
        <v>39868.11636</v>
      </c>
      <c r="I7857">
        <v>32836.903359999997</v>
      </c>
      <c r="J7857">
        <v>31137.079580000001</v>
      </c>
      <c r="K7857">
        <v>44222.055699999997</v>
      </c>
      <c r="L7857">
        <v>20977.86177</v>
      </c>
      <c r="M7857">
        <v>256651.1863</v>
      </c>
      <c r="N7857">
        <v>66148.688999999998</v>
      </c>
      <c r="O7857">
        <v>21874.289290000001</v>
      </c>
      <c r="P7857">
        <v>29239.576270000001</v>
      </c>
      <c r="Q7857">
        <v>69544.545029999994</v>
      </c>
      <c r="R7857">
        <v>19675.745739999998</v>
      </c>
      <c r="S7857">
        <v>94319.502349999995</v>
      </c>
      <c r="T7857">
        <v>27891.025839999998</v>
      </c>
      <c r="U7857">
        <v>14994.36562</v>
      </c>
      <c r="W7857" s="83">
        <f>Bühler!N7889</f>
        <v>45619.291666647616</v>
      </c>
      <c r="X7857" s="83">
        <v>43428.291666666664</v>
      </c>
      <c r="Y7857">
        <v>184802.0772</v>
      </c>
      <c r="Z7857">
        <v>20601.329809999999</v>
      </c>
      <c r="AA7857">
        <v>82140.109729999996</v>
      </c>
      <c r="AB7857">
        <v>41781.63798</v>
      </c>
      <c r="AC7857">
        <v>39868.11636</v>
      </c>
      <c r="AD7857">
        <v>32836.903359999997</v>
      </c>
      <c r="AE7857">
        <v>31137.079580000001</v>
      </c>
      <c r="AF7857">
        <v>44222.055699999997</v>
      </c>
      <c r="AG7857">
        <v>20977.86177</v>
      </c>
      <c r="AH7857">
        <v>256651.1863</v>
      </c>
      <c r="AI7857">
        <v>66148.688999999998</v>
      </c>
      <c r="AJ7857">
        <v>21874.289290000001</v>
      </c>
      <c r="AK7857">
        <v>29239.576270000001</v>
      </c>
      <c r="AL7857">
        <v>69544.545029999994</v>
      </c>
      <c r="AM7857">
        <v>19675.745739999998</v>
      </c>
      <c r="AN7857">
        <v>94319.502349999995</v>
      </c>
      <c r="AO7857">
        <v>27891.025839999998</v>
      </c>
      <c r="AP7857">
        <v>14994.36562</v>
      </c>
    </row>
    <row r="7858" spans="2:42" x14ac:dyDescent="0.3">
      <c r="B7858">
        <v>49.205938839987141</v>
      </c>
      <c r="C7858" s="83">
        <v>43428.333333333336</v>
      </c>
      <c r="D7858">
        <v>183744.40820000001</v>
      </c>
      <c r="E7858">
        <v>23404.39443</v>
      </c>
      <c r="F7858">
        <v>87166.155589999995</v>
      </c>
      <c r="G7858">
        <v>42701.131370000003</v>
      </c>
      <c r="H7858">
        <v>39239.510699999999</v>
      </c>
      <c r="I7858">
        <v>33927.82761</v>
      </c>
      <c r="J7858">
        <v>30351.58409</v>
      </c>
      <c r="K7858">
        <v>44312.650269999998</v>
      </c>
      <c r="L7858">
        <v>23668.532510000001</v>
      </c>
      <c r="M7858">
        <v>250874.823</v>
      </c>
      <c r="N7858">
        <v>67574.547479999994</v>
      </c>
      <c r="O7858">
        <v>22087.337039999999</v>
      </c>
      <c r="P7858">
        <v>30999.168109999999</v>
      </c>
      <c r="Q7858">
        <v>66996.517510000005</v>
      </c>
      <c r="R7858">
        <v>17656.312460000001</v>
      </c>
      <c r="S7858">
        <v>97150.627380000005</v>
      </c>
      <c r="T7858">
        <v>29443.51123</v>
      </c>
      <c r="U7858">
        <v>14729.47561</v>
      </c>
      <c r="W7858" s="83">
        <f>Bühler!N7890</f>
        <v>45619.33333331428</v>
      </c>
      <c r="X7858" s="83">
        <v>43428.333333333336</v>
      </c>
      <c r="Y7858">
        <v>183744.40820000001</v>
      </c>
      <c r="Z7858">
        <v>23404.39443</v>
      </c>
      <c r="AA7858">
        <v>87166.155589999995</v>
      </c>
      <c r="AB7858">
        <v>42701.131370000003</v>
      </c>
      <c r="AC7858">
        <v>39239.510699999999</v>
      </c>
      <c r="AD7858">
        <v>33927.82761</v>
      </c>
      <c r="AE7858">
        <v>30351.58409</v>
      </c>
      <c r="AF7858">
        <v>44312.650269999998</v>
      </c>
      <c r="AG7858">
        <v>23668.532510000001</v>
      </c>
      <c r="AH7858">
        <v>250874.823</v>
      </c>
      <c r="AI7858">
        <v>67574.547479999994</v>
      </c>
      <c r="AJ7858">
        <v>22087.337039999999</v>
      </c>
      <c r="AK7858">
        <v>30999.168109999999</v>
      </c>
      <c r="AL7858">
        <v>66996.517510000005</v>
      </c>
      <c r="AM7858">
        <v>17656.312460000001</v>
      </c>
      <c r="AN7858">
        <v>97150.627380000005</v>
      </c>
      <c r="AO7858">
        <v>29443.51123</v>
      </c>
      <c r="AP7858">
        <v>14729.47561</v>
      </c>
    </row>
    <row r="7859" spans="2:42" x14ac:dyDescent="0.3">
      <c r="B7859">
        <v>48.686859900851708</v>
      </c>
      <c r="C7859" s="83">
        <v>43428.375</v>
      </c>
      <c r="D7859">
        <v>183442.62349999999</v>
      </c>
      <c r="E7859">
        <v>26933.57215</v>
      </c>
      <c r="F7859">
        <v>92064.845109999995</v>
      </c>
      <c r="G7859">
        <v>43660.924579999999</v>
      </c>
      <c r="H7859">
        <v>39145.55083</v>
      </c>
      <c r="I7859">
        <v>33348.467420000001</v>
      </c>
      <c r="J7859">
        <v>30504.96458</v>
      </c>
      <c r="K7859">
        <v>44979.914490000003</v>
      </c>
      <c r="L7859">
        <v>26899.099200000001</v>
      </c>
      <c r="M7859">
        <v>248228.31649999999</v>
      </c>
      <c r="N7859">
        <v>67466.002760000003</v>
      </c>
      <c r="O7859">
        <v>21517.9022</v>
      </c>
      <c r="P7859">
        <v>32734.399959999999</v>
      </c>
      <c r="Q7859">
        <v>65761.972949999996</v>
      </c>
      <c r="R7859">
        <v>18218.278610000001</v>
      </c>
      <c r="S7859">
        <v>97863.891910000006</v>
      </c>
      <c r="T7859">
        <v>31184.214530000001</v>
      </c>
      <c r="U7859">
        <v>14517.215469999999</v>
      </c>
      <c r="W7859" s="83">
        <f>Bühler!N7891</f>
        <v>45619.374999980944</v>
      </c>
      <c r="X7859" s="83">
        <v>43428.375</v>
      </c>
      <c r="Y7859">
        <v>183442.62349999999</v>
      </c>
      <c r="Z7859">
        <v>26933.57215</v>
      </c>
      <c r="AA7859">
        <v>92064.845109999995</v>
      </c>
      <c r="AB7859">
        <v>43660.924579999999</v>
      </c>
      <c r="AC7859">
        <v>39145.55083</v>
      </c>
      <c r="AD7859">
        <v>33348.467420000001</v>
      </c>
      <c r="AE7859">
        <v>30504.96458</v>
      </c>
      <c r="AF7859">
        <v>44979.914490000003</v>
      </c>
      <c r="AG7859">
        <v>26899.099200000001</v>
      </c>
      <c r="AH7859">
        <v>248228.31649999999</v>
      </c>
      <c r="AI7859">
        <v>67466.002760000003</v>
      </c>
      <c r="AJ7859">
        <v>21517.9022</v>
      </c>
      <c r="AK7859">
        <v>32734.399959999999</v>
      </c>
      <c r="AL7859">
        <v>65761.972949999996</v>
      </c>
      <c r="AM7859">
        <v>18218.278610000001</v>
      </c>
      <c r="AN7859">
        <v>97863.891910000006</v>
      </c>
      <c r="AO7859">
        <v>31184.214530000001</v>
      </c>
      <c r="AP7859">
        <v>14517.215469999999</v>
      </c>
    </row>
    <row r="7860" spans="2:42" x14ac:dyDescent="0.3">
      <c r="B7860">
        <v>48.868091145313663</v>
      </c>
      <c r="C7860" s="83">
        <v>43428.416666666664</v>
      </c>
      <c r="D7860">
        <v>182000.3241</v>
      </c>
      <c r="E7860">
        <v>28197.338930000002</v>
      </c>
      <c r="F7860">
        <v>91431.170790000004</v>
      </c>
      <c r="G7860">
        <v>43285.241199999997</v>
      </c>
      <c r="H7860">
        <v>39831.476770000001</v>
      </c>
      <c r="I7860">
        <v>33013.413619999999</v>
      </c>
      <c r="J7860">
        <v>29470.84001</v>
      </c>
      <c r="K7860">
        <v>46718.806579999997</v>
      </c>
      <c r="L7860">
        <v>29189.664639999999</v>
      </c>
      <c r="M7860">
        <v>249152.31789999999</v>
      </c>
      <c r="N7860">
        <v>67650.967199999999</v>
      </c>
      <c r="O7860">
        <v>21886.805840000001</v>
      </c>
      <c r="P7860">
        <v>33980.113299999997</v>
      </c>
      <c r="Q7860">
        <v>65446.204259999999</v>
      </c>
      <c r="R7860">
        <v>18519.520909999999</v>
      </c>
      <c r="S7860">
        <v>96447.35338</v>
      </c>
      <c r="T7860">
        <v>33419.719190000003</v>
      </c>
      <c r="U7860">
        <v>14216.90648</v>
      </c>
      <c r="W7860" s="83">
        <f>Bühler!N7892</f>
        <v>45619.416666647609</v>
      </c>
      <c r="X7860" s="83">
        <v>43428.416666666664</v>
      </c>
      <c r="Y7860">
        <v>182000.3241</v>
      </c>
      <c r="Z7860">
        <v>28197.338930000002</v>
      </c>
      <c r="AA7860">
        <v>91431.170790000004</v>
      </c>
      <c r="AB7860">
        <v>43285.241199999997</v>
      </c>
      <c r="AC7860">
        <v>39831.476770000001</v>
      </c>
      <c r="AD7860">
        <v>33013.413619999999</v>
      </c>
      <c r="AE7860">
        <v>29470.84001</v>
      </c>
      <c r="AF7860">
        <v>46718.806579999997</v>
      </c>
      <c r="AG7860">
        <v>29189.664639999999</v>
      </c>
      <c r="AH7860">
        <v>249152.31789999999</v>
      </c>
      <c r="AI7860">
        <v>67650.967199999999</v>
      </c>
      <c r="AJ7860">
        <v>21886.805840000001</v>
      </c>
      <c r="AK7860">
        <v>33980.113299999997</v>
      </c>
      <c r="AL7860">
        <v>65446.204259999999</v>
      </c>
      <c r="AM7860">
        <v>18519.520909999999</v>
      </c>
      <c r="AN7860">
        <v>96447.35338</v>
      </c>
      <c r="AO7860">
        <v>33419.719190000003</v>
      </c>
      <c r="AP7860">
        <v>14216.90648</v>
      </c>
    </row>
    <row r="7861" spans="2:42" x14ac:dyDescent="0.3">
      <c r="B7861">
        <v>47.94263427582883</v>
      </c>
      <c r="C7861" s="83">
        <v>43428.458333333336</v>
      </c>
      <c r="D7861">
        <v>178391.005</v>
      </c>
      <c r="E7861">
        <v>28035.850610000001</v>
      </c>
      <c r="F7861">
        <v>91098.642869999996</v>
      </c>
      <c r="G7861">
        <v>43050.781419999999</v>
      </c>
      <c r="H7861">
        <v>39892.544620000001</v>
      </c>
      <c r="I7861">
        <v>32472.58482</v>
      </c>
      <c r="J7861">
        <v>29134.769560000001</v>
      </c>
      <c r="K7861">
        <v>47128.294609999997</v>
      </c>
      <c r="L7861">
        <v>30272.448680000001</v>
      </c>
      <c r="M7861">
        <v>244433.90719999999</v>
      </c>
      <c r="N7861">
        <v>68107.499989999997</v>
      </c>
      <c r="O7861">
        <v>22021.658749999999</v>
      </c>
      <c r="P7861">
        <v>33228.830289999998</v>
      </c>
      <c r="Q7861">
        <v>63622.894419999997</v>
      </c>
      <c r="R7861">
        <v>19135.59189</v>
      </c>
      <c r="S7861">
        <v>98920.883279999995</v>
      </c>
      <c r="T7861">
        <v>33566.192219999997</v>
      </c>
      <c r="U7861">
        <v>14177.601189999999</v>
      </c>
      <c r="W7861" s="83">
        <f>Bühler!N7893</f>
        <v>45619.458333314273</v>
      </c>
      <c r="X7861" s="83">
        <v>43428.458333333336</v>
      </c>
      <c r="Y7861">
        <v>178391.005</v>
      </c>
      <c r="Z7861">
        <v>28035.850610000001</v>
      </c>
      <c r="AA7861">
        <v>91098.642869999996</v>
      </c>
      <c r="AB7861">
        <v>43050.781419999999</v>
      </c>
      <c r="AC7861">
        <v>39892.544620000001</v>
      </c>
      <c r="AD7861">
        <v>32472.58482</v>
      </c>
      <c r="AE7861">
        <v>29134.769560000001</v>
      </c>
      <c r="AF7861">
        <v>47128.294609999997</v>
      </c>
      <c r="AG7861">
        <v>30272.448680000001</v>
      </c>
      <c r="AH7861">
        <v>244433.90719999999</v>
      </c>
      <c r="AI7861">
        <v>68107.499989999997</v>
      </c>
      <c r="AJ7861">
        <v>22021.658749999999</v>
      </c>
      <c r="AK7861">
        <v>33228.830289999998</v>
      </c>
      <c r="AL7861">
        <v>63622.894419999997</v>
      </c>
      <c r="AM7861">
        <v>19135.59189</v>
      </c>
      <c r="AN7861">
        <v>98920.883279999995</v>
      </c>
      <c r="AO7861">
        <v>33566.192219999997</v>
      </c>
      <c r="AP7861">
        <v>14177.601189999999</v>
      </c>
    </row>
    <row r="7862" spans="2:42" x14ac:dyDescent="0.3">
      <c r="B7862">
        <v>47.38021118471157</v>
      </c>
      <c r="C7862" s="83">
        <v>43428.5</v>
      </c>
      <c r="D7862">
        <v>172980.7862</v>
      </c>
      <c r="E7862">
        <v>26044.296549999999</v>
      </c>
      <c r="F7862">
        <v>89520.62255</v>
      </c>
      <c r="G7862">
        <v>41433.230159999999</v>
      </c>
      <c r="H7862">
        <v>38629.499889999999</v>
      </c>
      <c r="I7862">
        <v>32800.509989999999</v>
      </c>
      <c r="J7862">
        <v>29221.815149999999</v>
      </c>
      <c r="K7862">
        <v>46769.492279999999</v>
      </c>
      <c r="L7862">
        <v>32835.757120000002</v>
      </c>
      <c r="M7862">
        <v>241566.41200000001</v>
      </c>
      <c r="N7862">
        <v>65994.183009999993</v>
      </c>
      <c r="O7862">
        <v>21533.05229</v>
      </c>
      <c r="P7862">
        <v>33421.867129999999</v>
      </c>
      <c r="Q7862">
        <v>59624.335919999998</v>
      </c>
      <c r="R7862">
        <v>19424.810990000002</v>
      </c>
      <c r="S7862">
        <v>92621.606610000003</v>
      </c>
      <c r="T7862">
        <v>33575.279190000001</v>
      </c>
      <c r="U7862">
        <v>13351.85543</v>
      </c>
      <c r="W7862" s="83">
        <f>Bühler!N7894</f>
        <v>45619.499999980937</v>
      </c>
      <c r="X7862" s="83">
        <v>43428.5</v>
      </c>
      <c r="Y7862">
        <v>172980.7862</v>
      </c>
      <c r="Z7862">
        <v>26044.296549999999</v>
      </c>
      <c r="AA7862">
        <v>89520.62255</v>
      </c>
      <c r="AB7862">
        <v>41433.230159999999</v>
      </c>
      <c r="AC7862">
        <v>38629.499889999999</v>
      </c>
      <c r="AD7862">
        <v>32800.509989999999</v>
      </c>
      <c r="AE7862">
        <v>29221.815149999999</v>
      </c>
      <c r="AF7862">
        <v>46769.492279999999</v>
      </c>
      <c r="AG7862">
        <v>32835.757120000002</v>
      </c>
      <c r="AH7862">
        <v>241566.41200000001</v>
      </c>
      <c r="AI7862">
        <v>65994.183009999993</v>
      </c>
      <c r="AJ7862">
        <v>21533.05229</v>
      </c>
      <c r="AK7862">
        <v>33421.867129999999</v>
      </c>
      <c r="AL7862">
        <v>59624.335919999998</v>
      </c>
      <c r="AM7862">
        <v>19424.810990000002</v>
      </c>
      <c r="AN7862">
        <v>92621.606610000003</v>
      </c>
      <c r="AO7862">
        <v>33575.279190000001</v>
      </c>
      <c r="AP7862">
        <v>13351.85543</v>
      </c>
    </row>
    <row r="7863" spans="2:42" x14ac:dyDescent="0.3">
      <c r="B7863">
        <v>46.887864500112848</v>
      </c>
      <c r="C7863" s="83">
        <v>43428.541666666664</v>
      </c>
      <c r="D7863">
        <v>170460.329</v>
      </c>
      <c r="E7863">
        <v>25353.128359999999</v>
      </c>
      <c r="F7863">
        <v>87868.981509999998</v>
      </c>
      <c r="G7863">
        <v>40360.669450000001</v>
      </c>
      <c r="H7863">
        <v>38571.150840000002</v>
      </c>
      <c r="I7863">
        <v>32072.943159999999</v>
      </c>
      <c r="J7863">
        <v>28472.129239999998</v>
      </c>
      <c r="K7863">
        <v>47408.576630000003</v>
      </c>
      <c r="L7863">
        <v>32081.048770000001</v>
      </c>
      <c r="M7863">
        <v>239056.19899999999</v>
      </c>
      <c r="N7863">
        <v>65272.489229999999</v>
      </c>
      <c r="O7863">
        <v>21609.915540000002</v>
      </c>
      <c r="P7863">
        <v>32492.798350000001</v>
      </c>
      <c r="Q7863">
        <v>57213.879200000003</v>
      </c>
      <c r="R7863">
        <v>20481.003959999998</v>
      </c>
      <c r="S7863">
        <v>93483.062229999996</v>
      </c>
      <c r="T7863">
        <v>32799.296620000001</v>
      </c>
      <c r="U7863">
        <v>13292.923709999999</v>
      </c>
      <c r="W7863" s="83">
        <f>Bühler!N7895</f>
        <v>45619.541666647601</v>
      </c>
      <c r="X7863" s="83">
        <v>43428.541666666664</v>
      </c>
      <c r="Y7863">
        <v>170460.329</v>
      </c>
      <c r="Z7863">
        <v>25353.128359999999</v>
      </c>
      <c r="AA7863">
        <v>87868.981509999998</v>
      </c>
      <c r="AB7863">
        <v>40360.669450000001</v>
      </c>
      <c r="AC7863">
        <v>38571.150840000002</v>
      </c>
      <c r="AD7863">
        <v>32072.943159999999</v>
      </c>
      <c r="AE7863">
        <v>28472.129239999998</v>
      </c>
      <c r="AF7863">
        <v>47408.576630000003</v>
      </c>
      <c r="AG7863">
        <v>32081.048770000001</v>
      </c>
      <c r="AH7863">
        <v>239056.19899999999</v>
      </c>
      <c r="AI7863">
        <v>65272.489229999999</v>
      </c>
      <c r="AJ7863">
        <v>21609.915540000002</v>
      </c>
      <c r="AK7863">
        <v>32492.798350000001</v>
      </c>
      <c r="AL7863">
        <v>57213.879200000003</v>
      </c>
      <c r="AM7863">
        <v>20481.003959999998</v>
      </c>
      <c r="AN7863">
        <v>93483.062229999996</v>
      </c>
      <c r="AO7863">
        <v>32799.296620000001</v>
      </c>
      <c r="AP7863">
        <v>13292.923709999999</v>
      </c>
    </row>
    <row r="7864" spans="2:42" x14ac:dyDescent="0.3">
      <c r="B7864">
        <v>47.146576436513328</v>
      </c>
      <c r="C7864" s="83">
        <v>43428.583333333336</v>
      </c>
      <c r="D7864">
        <v>169435.92389999999</v>
      </c>
      <c r="E7864">
        <v>26291.09374</v>
      </c>
      <c r="F7864">
        <v>87502.332169999994</v>
      </c>
      <c r="G7864">
        <v>39938.152459999998</v>
      </c>
      <c r="H7864">
        <v>38570.537550000001</v>
      </c>
      <c r="I7864">
        <v>32750.946370000001</v>
      </c>
      <c r="J7864">
        <v>27947.85211</v>
      </c>
      <c r="K7864">
        <v>47725.356200000002</v>
      </c>
      <c r="L7864">
        <v>30436.610280000001</v>
      </c>
      <c r="M7864">
        <v>240375.23310000001</v>
      </c>
      <c r="N7864">
        <v>66471.02794</v>
      </c>
      <c r="O7864">
        <v>21279.6204</v>
      </c>
      <c r="P7864">
        <v>31573.837530000001</v>
      </c>
      <c r="Q7864">
        <v>55175.015330000002</v>
      </c>
      <c r="R7864">
        <v>19764.957299999998</v>
      </c>
      <c r="S7864">
        <v>89965.833910000001</v>
      </c>
      <c r="T7864">
        <v>32713.71976</v>
      </c>
      <c r="U7864">
        <v>13565.7066</v>
      </c>
      <c r="W7864" s="83">
        <f>Bühler!N7896</f>
        <v>45619.583333314265</v>
      </c>
      <c r="X7864" s="83">
        <v>43428.583333333336</v>
      </c>
      <c r="Y7864">
        <v>169435.92389999999</v>
      </c>
      <c r="Z7864">
        <v>26291.09374</v>
      </c>
      <c r="AA7864">
        <v>87502.332169999994</v>
      </c>
      <c r="AB7864">
        <v>39938.152459999998</v>
      </c>
      <c r="AC7864">
        <v>38570.537550000001</v>
      </c>
      <c r="AD7864">
        <v>32750.946370000001</v>
      </c>
      <c r="AE7864">
        <v>27947.85211</v>
      </c>
      <c r="AF7864">
        <v>47725.356200000002</v>
      </c>
      <c r="AG7864">
        <v>30436.610280000001</v>
      </c>
      <c r="AH7864">
        <v>240375.23310000001</v>
      </c>
      <c r="AI7864">
        <v>66471.02794</v>
      </c>
      <c r="AJ7864">
        <v>21279.6204</v>
      </c>
      <c r="AK7864">
        <v>31573.837530000001</v>
      </c>
      <c r="AL7864">
        <v>55175.015330000002</v>
      </c>
      <c r="AM7864">
        <v>19764.957299999998</v>
      </c>
      <c r="AN7864">
        <v>89965.833910000001</v>
      </c>
      <c r="AO7864">
        <v>32713.71976</v>
      </c>
      <c r="AP7864">
        <v>13565.7066</v>
      </c>
    </row>
    <row r="7865" spans="2:42" x14ac:dyDescent="0.3">
      <c r="B7865">
        <v>46.829401291765834</v>
      </c>
      <c r="C7865" s="83">
        <v>43428.625</v>
      </c>
      <c r="D7865">
        <v>168221.39859999999</v>
      </c>
      <c r="E7865">
        <v>26245.899239999999</v>
      </c>
      <c r="F7865">
        <v>87547.584029999998</v>
      </c>
      <c r="G7865">
        <v>39866.849540000003</v>
      </c>
      <c r="H7865">
        <v>38061.54234</v>
      </c>
      <c r="I7865">
        <v>33192.522620000003</v>
      </c>
      <c r="J7865">
        <v>27752.886180000001</v>
      </c>
      <c r="K7865">
        <v>47325.584560000003</v>
      </c>
      <c r="L7865">
        <v>28420.322400000001</v>
      </c>
      <c r="M7865">
        <v>238758.1263</v>
      </c>
      <c r="N7865">
        <v>69469.445430000007</v>
      </c>
      <c r="O7865">
        <v>20918.143080000002</v>
      </c>
      <c r="P7865">
        <v>30451.31525</v>
      </c>
      <c r="Q7865">
        <v>54744.790889999997</v>
      </c>
      <c r="R7865">
        <v>19432.876530000001</v>
      </c>
      <c r="S7865">
        <v>90360.272729999997</v>
      </c>
      <c r="T7865">
        <v>32890.089229999998</v>
      </c>
      <c r="U7865">
        <v>13368.02377</v>
      </c>
      <c r="W7865" s="83">
        <f>Bühler!N7897</f>
        <v>45619.62499998093</v>
      </c>
      <c r="X7865" s="83">
        <v>43428.625</v>
      </c>
      <c r="Y7865">
        <v>168221.39859999999</v>
      </c>
      <c r="Z7865">
        <v>26245.899239999999</v>
      </c>
      <c r="AA7865">
        <v>87547.584029999998</v>
      </c>
      <c r="AB7865">
        <v>39866.849540000003</v>
      </c>
      <c r="AC7865">
        <v>38061.54234</v>
      </c>
      <c r="AD7865">
        <v>33192.522620000003</v>
      </c>
      <c r="AE7865">
        <v>27752.886180000001</v>
      </c>
      <c r="AF7865">
        <v>47325.584560000003</v>
      </c>
      <c r="AG7865">
        <v>28420.322400000001</v>
      </c>
      <c r="AH7865">
        <v>238758.1263</v>
      </c>
      <c r="AI7865">
        <v>69469.445430000007</v>
      </c>
      <c r="AJ7865">
        <v>20918.143080000002</v>
      </c>
      <c r="AK7865">
        <v>30451.31525</v>
      </c>
      <c r="AL7865">
        <v>54744.790889999997</v>
      </c>
      <c r="AM7865">
        <v>19432.876530000001</v>
      </c>
      <c r="AN7865">
        <v>90360.272729999997</v>
      </c>
      <c r="AO7865">
        <v>32890.089229999998</v>
      </c>
      <c r="AP7865">
        <v>13368.02377</v>
      </c>
    </row>
    <row r="7866" spans="2:42" x14ac:dyDescent="0.3">
      <c r="B7866">
        <v>46.297823574424179</v>
      </c>
      <c r="C7866" s="83">
        <v>43428.666666666664</v>
      </c>
      <c r="D7866">
        <v>167926.5423</v>
      </c>
      <c r="E7866">
        <v>26189.186799999999</v>
      </c>
      <c r="F7866">
        <v>87417.91416</v>
      </c>
      <c r="G7866">
        <v>40137.8874</v>
      </c>
      <c r="H7866">
        <v>38609.109120000001</v>
      </c>
      <c r="I7866">
        <v>34053.977639999997</v>
      </c>
      <c r="J7866">
        <v>27936.518769999999</v>
      </c>
      <c r="K7866">
        <v>47592.20074</v>
      </c>
      <c r="L7866">
        <v>27998.609359999999</v>
      </c>
      <c r="M7866">
        <v>236047.8952</v>
      </c>
      <c r="N7866">
        <v>71148.337880000006</v>
      </c>
      <c r="O7866">
        <v>21064.133440000001</v>
      </c>
      <c r="P7866">
        <v>31455.936389999999</v>
      </c>
      <c r="Q7866">
        <v>54814.347869999998</v>
      </c>
      <c r="R7866">
        <v>19587.234540000001</v>
      </c>
      <c r="S7866">
        <v>92023.848469999997</v>
      </c>
      <c r="T7866">
        <v>33043.347309999997</v>
      </c>
      <c r="U7866">
        <v>13781.664570000001</v>
      </c>
      <c r="W7866" s="83">
        <f>Bühler!N7898</f>
        <v>45619.666666647594</v>
      </c>
      <c r="X7866" s="83">
        <v>43428.666666666664</v>
      </c>
      <c r="Y7866">
        <v>167926.5423</v>
      </c>
      <c r="Z7866">
        <v>26189.186799999999</v>
      </c>
      <c r="AA7866">
        <v>87417.91416</v>
      </c>
      <c r="AB7866">
        <v>40137.8874</v>
      </c>
      <c r="AC7866">
        <v>38609.109120000001</v>
      </c>
      <c r="AD7866">
        <v>34053.977639999997</v>
      </c>
      <c r="AE7866">
        <v>27936.518769999999</v>
      </c>
      <c r="AF7866">
        <v>47592.20074</v>
      </c>
      <c r="AG7866">
        <v>27998.609359999999</v>
      </c>
      <c r="AH7866">
        <v>236047.8952</v>
      </c>
      <c r="AI7866">
        <v>71148.337880000006</v>
      </c>
      <c r="AJ7866">
        <v>21064.133440000001</v>
      </c>
      <c r="AK7866">
        <v>31455.936389999999</v>
      </c>
      <c r="AL7866">
        <v>54814.347869999998</v>
      </c>
      <c r="AM7866">
        <v>19587.234540000001</v>
      </c>
      <c r="AN7866">
        <v>92023.848469999997</v>
      </c>
      <c r="AO7866">
        <v>33043.347309999997</v>
      </c>
      <c r="AP7866">
        <v>13781.664570000001</v>
      </c>
    </row>
    <row r="7867" spans="2:42" x14ac:dyDescent="0.3">
      <c r="B7867">
        <v>45.265635962103595</v>
      </c>
      <c r="C7867" s="83">
        <v>43428.708333333336</v>
      </c>
      <c r="D7867">
        <v>167966.90349999999</v>
      </c>
      <c r="E7867">
        <v>26920.35468</v>
      </c>
      <c r="F7867">
        <v>89744.872149999996</v>
      </c>
      <c r="G7867">
        <v>40888.85385</v>
      </c>
      <c r="H7867">
        <v>41100.845309999997</v>
      </c>
      <c r="I7867">
        <v>35095.302759999999</v>
      </c>
      <c r="J7867">
        <v>30547.509170000001</v>
      </c>
      <c r="K7867">
        <v>46309.691919999997</v>
      </c>
      <c r="L7867">
        <v>30188.34462</v>
      </c>
      <c r="M7867">
        <v>230785.32139999999</v>
      </c>
      <c r="N7867">
        <v>72218.230920000002</v>
      </c>
      <c r="O7867">
        <v>21612.868999999999</v>
      </c>
      <c r="P7867">
        <v>33563.423470000002</v>
      </c>
      <c r="Q7867">
        <v>53379.065349999997</v>
      </c>
      <c r="R7867">
        <v>20155.801500000001</v>
      </c>
      <c r="S7867">
        <v>96978.527900000001</v>
      </c>
      <c r="T7867">
        <v>34818.350100000003</v>
      </c>
      <c r="U7867">
        <v>14692.72147</v>
      </c>
      <c r="W7867" s="83">
        <f>Bühler!N7899</f>
        <v>45619.708333314258</v>
      </c>
      <c r="X7867" s="83">
        <v>43428.708333333336</v>
      </c>
      <c r="Y7867">
        <v>167966.90349999999</v>
      </c>
      <c r="Z7867">
        <v>26920.35468</v>
      </c>
      <c r="AA7867">
        <v>89744.872149999996</v>
      </c>
      <c r="AB7867">
        <v>40888.85385</v>
      </c>
      <c r="AC7867">
        <v>41100.845309999997</v>
      </c>
      <c r="AD7867">
        <v>35095.302759999999</v>
      </c>
      <c r="AE7867">
        <v>30547.509170000001</v>
      </c>
      <c r="AF7867">
        <v>46309.691919999997</v>
      </c>
      <c r="AG7867">
        <v>30188.34462</v>
      </c>
      <c r="AH7867">
        <v>230785.32139999999</v>
      </c>
      <c r="AI7867">
        <v>72218.230920000002</v>
      </c>
      <c r="AJ7867">
        <v>21612.868999999999</v>
      </c>
      <c r="AK7867">
        <v>33563.423470000002</v>
      </c>
      <c r="AL7867">
        <v>53379.065349999997</v>
      </c>
      <c r="AM7867">
        <v>20155.801500000001</v>
      </c>
      <c r="AN7867">
        <v>96978.527900000001</v>
      </c>
      <c r="AO7867">
        <v>34818.350100000003</v>
      </c>
      <c r="AP7867">
        <v>14692.72147</v>
      </c>
    </row>
    <row r="7868" spans="2:42" x14ac:dyDescent="0.3">
      <c r="B7868">
        <v>45.169261980783652</v>
      </c>
      <c r="C7868" s="83">
        <v>43428.75</v>
      </c>
      <c r="D7868">
        <v>167947.55160000001</v>
      </c>
      <c r="E7868">
        <v>26180.063900000001</v>
      </c>
      <c r="F7868">
        <v>89080.960900000005</v>
      </c>
      <c r="G7868">
        <v>41489.309789999999</v>
      </c>
      <c r="H7868">
        <v>40747.889340000002</v>
      </c>
      <c r="I7868">
        <v>34974.864280000002</v>
      </c>
      <c r="J7868">
        <v>31004.520550000001</v>
      </c>
      <c r="K7868">
        <v>45581.102509999997</v>
      </c>
      <c r="L7868">
        <v>32749.802230000001</v>
      </c>
      <c r="M7868">
        <v>230293.96189999999</v>
      </c>
      <c r="N7868">
        <v>73755.831680000003</v>
      </c>
      <c r="O7868">
        <v>21850.841929999999</v>
      </c>
      <c r="P7868">
        <v>36113.794569999998</v>
      </c>
      <c r="Q7868">
        <v>52621.723760000001</v>
      </c>
      <c r="R7868">
        <v>21360.774259999998</v>
      </c>
      <c r="S7868">
        <v>96430.66807</v>
      </c>
      <c r="T7868">
        <v>34691.845860000001</v>
      </c>
      <c r="U7868">
        <v>14916.71758</v>
      </c>
      <c r="W7868" s="83">
        <f>Bühler!N7900</f>
        <v>45619.749999980922</v>
      </c>
      <c r="X7868" s="83">
        <v>43428.75</v>
      </c>
      <c r="Y7868">
        <v>167947.55160000001</v>
      </c>
      <c r="Z7868">
        <v>26180.063900000001</v>
      </c>
      <c r="AA7868">
        <v>89080.960900000005</v>
      </c>
      <c r="AB7868">
        <v>41489.309789999999</v>
      </c>
      <c r="AC7868">
        <v>40747.889340000002</v>
      </c>
      <c r="AD7868">
        <v>34974.864280000002</v>
      </c>
      <c r="AE7868">
        <v>31004.520550000001</v>
      </c>
      <c r="AF7868">
        <v>45581.102509999997</v>
      </c>
      <c r="AG7868">
        <v>32749.802230000001</v>
      </c>
      <c r="AH7868">
        <v>230293.96189999999</v>
      </c>
      <c r="AI7868">
        <v>73755.831680000003</v>
      </c>
      <c r="AJ7868">
        <v>21850.841929999999</v>
      </c>
      <c r="AK7868">
        <v>36113.794569999998</v>
      </c>
      <c r="AL7868">
        <v>52621.723760000001</v>
      </c>
      <c r="AM7868">
        <v>21360.774259999998</v>
      </c>
      <c r="AN7868">
        <v>96430.66807</v>
      </c>
      <c r="AO7868">
        <v>34691.845860000001</v>
      </c>
      <c r="AP7868">
        <v>14916.71758</v>
      </c>
    </row>
    <row r="7869" spans="2:42" x14ac:dyDescent="0.3">
      <c r="B7869">
        <v>44.718741952613975</v>
      </c>
      <c r="C7869" s="83">
        <v>43428.791666666664</v>
      </c>
      <c r="D7869">
        <v>166826.25390000001</v>
      </c>
      <c r="E7869">
        <v>22231.6433</v>
      </c>
      <c r="F7869">
        <v>76546.856740000003</v>
      </c>
      <c r="G7869">
        <v>41430.366450000001</v>
      </c>
      <c r="H7869">
        <v>39981.270550000001</v>
      </c>
      <c r="I7869">
        <v>33943.881260000002</v>
      </c>
      <c r="J7869">
        <v>29777.839059999998</v>
      </c>
      <c r="K7869">
        <v>45553.690770000001</v>
      </c>
      <c r="L7869">
        <v>34496.439630000001</v>
      </c>
      <c r="M7869">
        <v>227997.0007</v>
      </c>
      <c r="N7869">
        <v>72930.838399999993</v>
      </c>
      <c r="O7869">
        <v>21677.724699999999</v>
      </c>
      <c r="P7869">
        <v>37730.875330000003</v>
      </c>
      <c r="Q7869">
        <v>51509.37672</v>
      </c>
      <c r="R7869">
        <v>21862.805090000002</v>
      </c>
      <c r="S7869">
        <v>93900.977979999996</v>
      </c>
      <c r="T7869">
        <v>33539.994350000001</v>
      </c>
      <c r="U7869">
        <v>14740.616040000001</v>
      </c>
      <c r="W7869" s="83">
        <f>Bühler!N7901</f>
        <v>45619.791666647587</v>
      </c>
      <c r="X7869" s="83">
        <v>43428.791666666664</v>
      </c>
      <c r="Y7869">
        <v>166826.25390000001</v>
      </c>
      <c r="Z7869">
        <v>22231.6433</v>
      </c>
      <c r="AA7869">
        <v>76546.856740000003</v>
      </c>
      <c r="AB7869">
        <v>41430.366450000001</v>
      </c>
      <c r="AC7869">
        <v>39981.270550000001</v>
      </c>
      <c r="AD7869">
        <v>33943.881260000002</v>
      </c>
      <c r="AE7869">
        <v>29777.839059999998</v>
      </c>
      <c r="AF7869">
        <v>45553.690770000001</v>
      </c>
      <c r="AG7869">
        <v>34496.439630000001</v>
      </c>
      <c r="AH7869">
        <v>227997.0007</v>
      </c>
      <c r="AI7869">
        <v>72930.838399999993</v>
      </c>
      <c r="AJ7869">
        <v>21677.724699999999</v>
      </c>
      <c r="AK7869">
        <v>37730.875330000003</v>
      </c>
      <c r="AL7869">
        <v>51509.37672</v>
      </c>
      <c r="AM7869">
        <v>21862.805090000002</v>
      </c>
      <c r="AN7869">
        <v>93900.977979999996</v>
      </c>
      <c r="AO7869">
        <v>33539.994350000001</v>
      </c>
      <c r="AP7869">
        <v>14740.616040000001</v>
      </c>
    </row>
    <row r="7870" spans="2:42" x14ac:dyDescent="0.3">
      <c r="B7870">
        <v>43.969919533491044</v>
      </c>
      <c r="C7870" s="83">
        <v>43428.833333333336</v>
      </c>
      <c r="D7870">
        <v>165789.49979999999</v>
      </c>
      <c r="E7870">
        <v>17033.930960000002</v>
      </c>
      <c r="F7870">
        <v>57557.24179</v>
      </c>
      <c r="G7870">
        <v>40928.95246</v>
      </c>
      <c r="H7870">
        <v>39170.262970000003</v>
      </c>
      <c r="I7870">
        <v>31138.9447</v>
      </c>
      <c r="J7870">
        <v>29020.371609999998</v>
      </c>
      <c r="K7870">
        <v>46949.354169999999</v>
      </c>
      <c r="L7870">
        <v>34694.922859999999</v>
      </c>
      <c r="M7870">
        <v>224179.15479999999</v>
      </c>
      <c r="N7870">
        <v>72975.734190000003</v>
      </c>
      <c r="O7870">
        <v>21148.982069999998</v>
      </c>
      <c r="P7870">
        <v>37391.713779999998</v>
      </c>
      <c r="Q7870">
        <v>49844.602160000002</v>
      </c>
      <c r="R7870">
        <v>19961.631860000001</v>
      </c>
      <c r="S7870">
        <v>87189.44958</v>
      </c>
      <c r="T7870">
        <v>30198.163380000002</v>
      </c>
      <c r="U7870">
        <v>14586.90977</v>
      </c>
      <c r="W7870" s="83">
        <f>Bühler!N7902</f>
        <v>45619.833333314251</v>
      </c>
      <c r="X7870" s="83">
        <v>43428.833333333336</v>
      </c>
      <c r="Y7870">
        <v>165789.49979999999</v>
      </c>
      <c r="Z7870">
        <v>17033.930960000002</v>
      </c>
      <c r="AA7870">
        <v>57557.24179</v>
      </c>
      <c r="AB7870">
        <v>40928.95246</v>
      </c>
      <c r="AC7870">
        <v>39170.262970000003</v>
      </c>
      <c r="AD7870">
        <v>31138.9447</v>
      </c>
      <c r="AE7870">
        <v>29020.371609999998</v>
      </c>
      <c r="AF7870">
        <v>46949.354169999999</v>
      </c>
      <c r="AG7870">
        <v>34694.922859999999</v>
      </c>
      <c r="AH7870">
        <v>224179.15479999999</v>
      </c>
      <c r="AI7870">
        <v>72975.734190000003</v>
      </c>
      <c r="AJ7870">
        <v>21148.982069999998</v>
      </c>
      <c r="AK7870">
        <v>37391.713779999998</v>
      </c>
      <c r="AL7870">
        <v>49844.602160000002</v>
      </c>
      <c r="AM7870">
        <v>19961.631860000001</v>
      </c>
      <c r="AN7870">
        <v>87189.44958</v>
      </c>
      <c r="AO7870">
        <v>30198.163380000002</v>
      </c>
      <c r="AP7870">
        <v>14586.90977</v>
      </c>
    </row>
    <row r="7871" spans="2:42" x14ac:dyDescent="0.3">
      <c r="B7871">
        <v>43.410554205033058</v>
      </c>
      <c r="C7871" s="83">
        <v>43428.875</v>
      </c>
      <c r="D7871">
        <v>164391.2568</v>
      </c>
      <c r="E7871">
        <v>15360.212530000001</v>
      </c>
      <c r="F7871">
        <v>49552.059820000002</v>
      </c>
      <c r="G7871">
        <v>40378.301099999997</v>
      </c>
      <c r="H7871">
        <v>37609.959770000001</v>
      </c>
      <c r="I7871">
        <v>28078.247530000001</v>
      </c>
      <c r="J7871">
        <v>28068.979619999998</v>
      </c>
      <c r="K7871">
        <v>47790.264909999998</v>
      </c>
      <c r="L7871">
        <v>32511.56249</v>
      </c>
      <c r="M7871">
        <v>221327.24950000001</v>
      </c>
      <c r="N7871">
        <v>71951.884730000005</v>
      </c>
      <c r="O7871">
        <v>20868.537250000001</v>
      </c>
      <c r="P7871">
        <v>35726.539810000002</v>
      </c>
      <c r="Q7871">
        <v>49334.487540000002</v>
      </c>
      <c r="R7871">
        <v>19641.074769999999</v>
      </c>
      <c r="S7871">
        <v>83588.343680000005</v>
      </c>
      <c r="T7871">
        <v>28781.141899999999</v>
      </c>
      <c r="U7871">
        <v>14152.25318</v>
      </c>
      <c r="W7871" s="83">
        <f>Bühler!N7903</f>
        <v>45619.874999980915</v>
      </c>
      <c r="X7871" s="83">
        <v>43428.875</v>
      </c>
      <c r="Y7871">
        <v>164391.2568</v>
      </c>
      <c r="Z7871">
        <v>15360.212530000001</v>
      </c>
      <c r="AA7871">
        <v>49552.059820000002</v>
      </c>
      <c r="AB7871">
        <v>40378.301099999997</v>
      </c>
      <c r="AC7871">
        <v>37609.959770000001</v>
      </c>
      <c r="AD7871">
        <v>28078.247530000001</v>
      </c>
      <c r="AE7871">
        <v>28068.979619999998</v>
      </c>
      <c r="AF7871">
        <v>47790.264909999998</v>
      </c>
      <c r="AG7871">
        <v>32511.56249</v>
      </c>
      <c r="AH7871">
        <v>221327.24950000001</v>
      </c>
      <c r="AI7871">
        <v>71951.884730000005</v>
      </c>
      <c r="AJ7871">
        <v>20868.537250000001</v>
      </c>
      <c r="AK7871">
        <v>35726.539810000002</v>
      </c>
      <c r="AL7871">
        <v>49334.487540000002</v>
      </c>
      <c r="AM7871">
        <v>19641.074769999999</v>
      </c>
      <c r="AN7871">
        <v>83588.343680000005</v>
      </c>
      <c r="AO7871">
        <v>28781.141899999999</v>
      </c>
      <c r="AP7871">
        <v>14152.25318</v>
      </c>
    </row>
    <row r="7872" spans="2:42" x14ac:dyDescent="0.3">
      <c r="B7872">
        <v>43.611639655291569</v>
      </c>
      <c r="C7872" s="83">
        <v>43428.916666666664</v>
      </c>
      <c r="D7872">
        <v>163650.15059999999</v>
      </c>
      <c r="E7872">
        <v>15070.728789999999</v>
      </c>
      <c r="F7872">
        <v>47652.735269999997</v>
      </c>
      <c r="G7872">
        <v>40637.942419999999</v>
      </c>
      <c r="H7872">
        <v>38356.385699999999</v>
      </c>
      <c r="I7872">
        <v>26292.585330000002</v>
      </c>
      <c r="J7872">
        <v>27253.98115</v>
      </c>
      <c r="K7872">
        <v>50806.111770000003</v>
      </c>
      <c r="L7872">
        <v>29275.363949999999</v>
      </c>
      <c r="M7872">
        <v>222352.47690000001</v>
      </c>
      <c r="N7872">
        <v>72892.882949999999</v>
      </c>
      <c r="O7872">
        <v>21563.95463</v>
      </c>
      <c r="P7872">
        <v>37439.258560000002</v>
      </c>
      <c r="Q7872">
        <v>48548.410349999998</v>
      </c>
      <c r="R7872">
        <v>27272.798839999999</v>
      </c>
      <c r="S7872">
        <v>82989.598769999997</v>
      </c>
      <c r="T7872">
        <v>28407.463049999998</v>
      </c>
      <c r="U7872">
        <v>15313.351280000001</v>
      </c>
      <c r="W7872" s="83">
        <f>Bühler!N7904</f>
        <v>45619.916666647579</v>
      </c>
      <c r="X7872" s="83">
        <v>43428.916666666664</v>
      </c>
      <c r="Y7872">
        <v>163650.15059999999</v>
      </c>
      <c r="Z7872">
        <v>15070.728789999999</v>
      </c>
      <c r="AA7872">
        <v>47652.735269999997</v>
      </c>
      <c r="AB7872">
        <v>40637.942419999999</v>
      </c>
      <c r="AC7872">
        <v>38356.385699999999</v>
      </c>
      <c r="AD7872">
        <v>26292.585330000002</v>
      </c>
      <c r="AE7872">
        <v>27253.98115</v>
      </c>
      <c r="AF7872">
        <v>50806.111770000003</v>
      </c>
      <c r="AG7872">
        <v>29275.363949999999</v>
      </c>
      <c r="AH7872">
        <v>222352.47690000001</v>
      </c>
      <c r="AI7872">
        <v>72892.882949999999</v>
      </c>
      <c r="AJ7872">
        <v>21563.95463</v>
      </c>
      <c r="AK7872">
        <v>37439.258560000002</v>
      </c>
      <c r="AL7872">
        <v>48548.410349999998</v>
      </c>
      <c r="AM7872">
        <v>27272.798839999999</v>
      </c>
      <c r="AN7872">
        <v>82989.598769999997</v>
      </c>
      <c r="AO7872">
        <v>28407.463049999998</v>
      </c>
      <c r="AP7872">
        <v>15313.351280000001</v>
      </c>
    </row>
    <row r="7873" spans="2:42" x14ac:dyDescent="0.3">
      <c r="B7873">
        <v>42.819015829035223</v>
      </c>
      <c r="C7873" s="83">
        <v>43428.958333333336</v>
      </c>
      <c r="D7873">
        <v>163527.80960000001</v>
      </c>
      <c r="E7873">
        <v>14740.391519999999</v>
      </c>
      <c r="F7873">
        <v>46389.127410000001</v>
      </c>
      <c r="G7873">
        <v>40352.813999999998</v>
      </c>
      <c r="H7873">
        <v>37915.42641</v>
      </c>
      <c r="I7873">
        <v>25611.333289999999</v>
      </c>
      <c r="J7873">
        <v>25909.14257</v>
      </c>
      <c r="K7873">
        <v>50748.760820000003</v>
      </c>
      <c r="L7873">
        <v>25145.855899999999</v>
      </c>
      <c r="M7873">
        <v>218311.31099999999</v>
      </c>
      <c r="N7873">
        <v>72203.62702</v>
      </c>
      <c r="O7873">
        <v>21748.001370000002</v>
      </c>
      <c r="P7873">
        <v>33736.597410000002</v>
      </c>
      <c r="Q7873">
        <v>48704.020080000002</v>
      </c>
      <c r="R7873">
        <v>27293.47971</v>
      </c>
      <c r="S7873">
        <v>81497.61318</v>
      </c>
      <c r="T7873">
        <v>30927.836800000001</v>
      </c>
      <c r="U7873">
        <v>14622.48409</v>
      </c>
      <c r="W7873" s="83">
        <f>Bühler!N7905</f>
        <v>45619.958333314244</v>
      </c>
      <c r="X7873" s="83">
        <v>43428.958333333336</v>
      </c>
      <c r="Y7873">
        <v>163527.80960000001</v>
      </c>
      <c r="Z7873">
        <v>14740.391519999999</v>
      </c>
      <c r="AA7873">
        <v>46389.127410000001</v>
      </c>
      <c r="AB7873">
        <v>40352.813999999998</v>
      </c>
      <c r="AC7873">
        <v>37915.42641</v>
      </c>
      <c r="AD7873">
        <v>25611.333289999999</v>
      </c>
      <c r="AE7873">
        <v>25909.14257</v>
      </c>
      <c r="AF7873">
        <v>50748.760820000003</v>
      </c>
      <c r="AG7873">
        <v>25145.855899999999</v>
      </c>
      <c r="AH7873">
        <v>218311.31099999999</v>
      </c>
      <c r="AI7873">
        <v>72203.62702</v>
      </c>
      <c r="AJ7873">
        <v>21748.001370000002</v>
      </c>
      <c r="AK7873">
        <v>33736.597410000002</v>
      </c>
      <c r="AL7873">
        <v>48704.020080000002</v>
      </c>
      <c r="AM7873">
        <v>27293.47971</v>
      </c>
      <c r="AN7873">
        <v>81497.61318</v>
      </c>
      <c r="AO7873">
        <v>30927.836800000001</v>
      </c>
      <c r="AP7873">
        <v>14622.48409</v>
      </c>
    </row>
    <row r="7874" spans="2:42" x14ac:dyDescent="0.3">
      <c r="B7874">
        <v>42.561424366835588</v>
      </c>
      <c r="C7874" s="83">
        <v>43429</v>
      </c>
      <c r="D7874">
        <v>162796.20740000001</v>
      </c>
      <c r="E7874">
        <v>14522.63062</v>
      </c>
      <c r="F7874">
        <v>45921.344129999998</v>
      </c>
      <c r="G7874">
        <v>40531.144359999998</v>
      </c>
      <c r="H7874">
        <v>37473.403850000002</v>
      </c>
      <c r="I7874">
        <v>24040.7968</v>
      </c>
      <c r="J7874">
        <v>24473.226500000001</v>
      </c>
      <c r="K7874">
        <v>50261.562769999997</v>
      </c>
      <c r="L7874">
        <v>21801.42568</v>
      </c>
      <c r="M7874">
        <v>216997.9896</v>
      </c>
      <c r="N7874">
        <v>71152.57041</v>
      </c>
      <c r="O7874">
        <v>21796.810529999999</v>
      </c>
      <c r="P7874">
        <v>30984.61939</v>
      </c>
      <c r="Q7874">
        <v>48500.131260000002</v>
      </c>
      <c r="R7874">
        <v>25582.72623</v>
      </c>
      <c r="S7874">
        <v>80451.178610000003</v>
      </c>
      <c r="T7874">
        <v>29421.03847</v>
      </c>
      <c r="U7874">
        <v>14758.373820000001</v>
      </c>
      <c r="W7874" s="83">
        <f>Bühler!N7906</f>
        <v>45619.999999980908</v>
      </c>
      <c r="X7874" s="83">
        <v>43429</v>
      </c>
      <c r="Y7874">
        <v>162796.20740000001</v>
      </c>
      <c r="Z7874">
        <v>14522.63062</v>
      </c>
      <c r="AA7874">
        <v>45921.344129999998</v>
      </c>
      <c r="AB7874">
        <v>40531.144359999998</v>
      </c>
      <c r="AC7874">
        <v>37473.403850000002</v>
      </c>
      <c r="AD7874">
        <v>24040.7968</v>
      </c>
      <c r="AE7874">
        <v>24473.226500000001</v>
      </c>
      <c r="AF7874">
        <v>50261.562769999997</v>
      </c>
      <c r="AG7874">
        <v>21801.42568</v>
      </c>
      <c r="AH7874">
        <v>216997.9896</v>
      </c>
      <c r="AI7874">
        <v>71152.57041</v>
      </c>
      <c r="AJ7874">
        <v>21796.810529999999</v>
      </c>
      <c r="AK7874">
        <v>30984.61939</v>
      </c>
      <c r="AL7874">
        <v>48500.131260000002</v>
      </c>
      <c r="AM7874">
        <v>25582.72623</v>
      </c>
      <c r="AN7874">
        <v>80451.178610000003</v>
      </c>
      <c r="AO7874">
        <v>29421.03847</v>
      </c>
      <c r="AP7874">
        <v>14758.373820000001</v>
      </c>
    </row>
    <row r="7875" spans="2:42" x14ac:dyDescent="0.3">
      <c r="B7875">
        <v>42.930577573656223</v>
      </c>
      <c r="C7875" s="83">
        <v>43429.041666666664</v>
      </c>
      <c r="D7875">
        <v>162699.9479</v>
      </c>
      <c r="E7875">
        <v>14499.875480000001</v>
      </c>
      <c r="F7875">
        <v>46671.085509999997</v>
      </c>
      <c r="G7875">
        <v>40244.502280000001</v>
      </c>
      <c r="H7875">
        <v>36806.48199</v>
      </c>
      <c r="I7875">
        <v>20907.081569999998</v>
      </c>
      <c r="J7875">
        <v>24374.027760000001</v>
      </c>
      <c r="K7875">
        <v>48257.894990000001</v>
      </c>
      <c r="L7875">
        <v>19927.303339999999</v>
      </c>
      <c r="M7875">
        <v>218880.1048</v>
      </c>
      <c r="N7875">
        <v>70111.240850000002</v>
      </c>
      <c r="O7875">
        <v>21610.034889999999</v>
      </c>
      <c r="P7875">
        <v>29088.29783</v>
      </c>
      <c r="Q7875">
        <v>49385.760679999999</v>
      </c>
      <c r="R7875">
        <v>24796.960879999999</v>
      </c>
      <c r="S7875">
        <v>79720.299299999999</v>
      </c>
      <c r="T7875">
        <v>28469.730739999999</v>
      </c>
      <c r="U7875">
        <v>14680.4084</v>
      </c>
      <c r="W7875" s="83">
        <f>Bühler!N7907</f>
        <v>45620.041666647572</v>
      </c>
      <c r="X7875" s="83">
        <v>43429.041666666664</v>
      </c>
      <c r="Y7875">
        <v>162699.9479</v>
      </c>
      <c r="Z7875">
        <v>14499.875480000001</v>
      </c>
      <c r="AA7875">
        <v>46671.085509999997</v>
      </c>
      <c r="AB7875">
        <v>40244.502280000001</v>
      </c>
      <c r="AC7875">
        <v>36806.48199</v>
      </c>
      <c r="AD7875">
        <v>20907.081569999998</v>
      </c>
      <c r="AE7875">
        <v>24374.027760000001</v>
      </c>
      <c r="AF7875">
        <v>48257.894990000001</v>
      </c>
      <c r="AG7875">
        <v>19927.303339999999</v>
      </c>
      <c r="AH7875">
        <v>218880.1048</v>
      </c>
      <c r="AI7875">
        <v>70111.240850000002</v>
      </c>
      <c r="AJ7875">
        <v>21610.034889999999</v>
      </c>
      <c r="AK7875">
        <v>29088.29783</v>
      </c>
      <c r="AL7875">
        <v>49385.760679999999</v>
      </c>
      <c r="AM7875">
        <v>24796.960879999999</v>
      </c>
      <c r="AN7875">
        <v>79720.299299999999</v>
      </c>
      <c r="AO7875">
        <v>28469.730739999999</v>
      </c>
      <c r="AP7875">
        <v>14680.4084</v>
      </c>
    </row>
    <row r="7876" spans="2:42" x14ac:dyDescent="0.3">
      <c r="B7876">
        <v>43.091488432917743</v>
      </c>
      <c r="C7876" s="83">
        <v>43429.083333333336</v>
      </c>
      <c r="D7876">
        <v>162696.30119999999</v>
      </c>
      <c r="E7876">
        <v>14432.33497</v>
      </c>
      <c r="F7876">
        <v>46479.287219999998</v>
      </c>
      <c r="G7876">
        <v>39981.633959999999</v>
      </c>
      <c r="H7876">
        <v>36792.984129999997</v>
      </c>
      <c r="I7876">
        <v>18474.367859999998</v>
      </c>
      <c r="J7876">
        <v>24503.985550000001</v>
      </c>
      <c r="K7876">
        <v>47010.437919999997</v>
      </c>
      <c r="L7876">
        <v>18537.99006</v>
      </c>
      <c r="M7876">
        <v>219700.50339999999</v>
      </c>
      <c r="N7876">
        <v>69820.781390000004</v>
      </c>
      <c r="O7876">
        <v>21655.048330000001</v>
      </c>
      <c r="P7876">
        <v>28459.035879999999</v>
      </c>
      <c r="Q7876">
        <v>51159.300239999997</v>
      </c>
      <c r="R7876">
        <v>23662.41995</v>
      </c>
      <c r="S7876">
        <v>79754.671239999996</v>
      </c>
      <c r="T7876">
        <v>27806.897840000001</v>
      </c>
      <c r="U7876">
        <v>14626.947050000001</v>
      </c>
      <c r="W7876" s="83">
        <f>Bühler!N7908</f>
        <v>45620.083333314236</v>
      </c>
      <c r="X7876" s="83">
        <v>43429.083333333336</v>
      </c>
      <c r="Y7876">
        <v>162696.30119999999</v>
      </c>
      <c r="Z7876">
        <v>14432.33497</v>
      </c>
      <c r="AA7876">
        <v>46479.287219999998</v>
      </c>
      <c r="AB7876">
        <v>39981.633959999999</v>
      </c>
      <c r="AC7876">
        <v>36792.984129999997</v>
      </c>
      <c r="AD7876">
        <v>18474.367859999998</v>
      </c>
      <c r="AE7876">
        <v>24503.985550000001</v>
      </c>
      <c r="AF7876">
        <v>47010.437919999997</v>
      </c>
      <c r="AG7876">
        <v>18537.99006</v>
      </c>
      <c r="AH7876">
        <v>219700.50339999999</v>
      </c>
      <c r="AI7876">
        <v>69820.781390000004</v>
      </c>
      <c r="AJ7876">
        <v>21655.048330000001</v>
      </c>
      <c r="AK7876">
        <v>28459.035879999999</v>
      </c>
      <c r="AL7876">
        <v>51159.300239999997</v>
      </c>
      <c r="AM7876">
        <v>23662.41995</v>
      </c>
      <c r="AN7876">
        <v>79754.671239999996</v>
      </c>
      <c r="AO7876">
        <v>27806.897840000001</v>
      </c>
      <c r="AP7876">
        <v>14626.947050000001</v>
      </c>
    </row>
    <row r="7877" spans="2:42" x14ac:dyDescent="0.3">
      <c r="B7877">
        <v>42.348271679907548</v>
      </c>
      <c r="C7877" s="83">
        <v>43429.125</v>
      </c>
      <c r="D7877">
        <v>162340.56020000001</v>
      </c>
      <c r="E7877">
        <v>14451.32861</v>
      </c>
      <c r="F7877">
        <v>45765.819889999999</v>
      </c>
      <c r="G7877">
        <v>39269.118470000001</v>
      </c>
      <c r="H7877">
        <v>36798.12472</v>
      </c>
      <c r="I7877">
        <v>17360.546610000001</v>
      </c>
      <c r="J7877">
        <v>24667.474880000002</v>
      </c>
      <c r="K7877">
        <v>45739.730109999997</v>
      </c>
      <c r="L7877">
        <v>18169.7179</v>
      </c>
      <c r="M7877">
        <v>215911.2378</v>
      </c>
      <c r="N7877">
        <v>70359.25503</v>
      </c>
      <c r="O7877">
        <v>21772.483479999999</v>
      </c>
      <c r="P7877">
        <v>28208.77968</v>
      </c>
      <c r="Q7877">
        <v>52032.83023</v>
      </c>
      <c r="R7877">
        <v>23170.76885</v>
      </c>
      <c r="S7877">
        <v>78753.001430000004</v>
      </c>
      <c r="T7877">
        <v>27428.53944</v>
      </c>
      <c r="U7877">
        <v>14847.74763</v>
      </c>
      <c r="W7877" s="83">
        <f>Bühler!N7909</f>
        <v>45620.124999980901</v>
      </c>
      <c r="X7877" s="83">
        <v>43429.125</v>
      </c>
      <c r="Y7877">
        <v>162340.56020000001</v>
      </c>
      <c r="Z7877">
        <v>14451.32861</v>
      </c>
      <c r="AA7877">
        <v>45765.819889999999</v>
      </c>
      <c r="AB7877">
        <v>39269.118470000001</v>
      </c>
      <c r="AC7877">
        <v>36798.12472</v>
      </c>
      <c r="AD7877">
        <v>17360.546610000001</v>
      </c>
      <c r="AE7877">
        <v>24667.474880000002</v>
      </c>
      <c r="AF7877">
        <v>45739.730109999997</v>
      </c>
      <c r="AG7877">
        <v>18169.7179</v>
      </c>
      <c r="AH7877">
        <v>215911.2378</v>
      </c>
      <c r="AI7877">
        <v>70359.25503</v>
      </c>
      <c r="AJ7877">
        <v>21772.483479999999</v>
      </c>
      <c r="AK7877">
        <v>28208.77968</v>
      </c>
      <c r="AL7877">
        <v>52032.83023</v>
      </c>
      <c r="AM7877">
        <v>23170.76885</v>
      </c>
      <c r="AN7877">
        <v>78753.001430000004</v>
      </c>
      <c r="AO7877">
        <v>27428.53944</v>
      </c>
      <c r="AP7877">
        <v>14847.74763</v>
      </c>
    </row>
    <row r="7878" spans="2:42" x14ac:dyDescent="0.3">
      <c r="B7878">
        <v>42.478322023585143</v>
      </c>
      <c r="C7878" s="83">
        <v>43429.166666666664</v>
      </c>
      <c r="D7878">
        <v>161689.93059999999</v>
      </c>
      <c r="E7878">
        <v>14564.0272</v>
      </c>
      <c r="F7878">
        <v>46003.411410000001</v>
      </c>
      <c r="G7878">
        <v>38488.475200000001</v>
      </c>
      <c r="H7878">
        <v>36421.969109999998</v>
      </c>
      <c r="I7878">
        <v>19595.231449999999</v>
      </c>
      <c r="J7878">
        <v>25939.557339999999</v>
      </c>
      <c r="K7878">
        <v>44334.711080000001</v>
      </c>
      <c r="L7878">
        <v>18263.301329999998</v>
      </c>
      <c r="M7878">
        <v>216574.29509999999</v>
      </c>
      <c r="N7878">
        <v>70419.236640000003</v>
      </c>
      <c r="O7878">
        <v>21746.429370000002</v>
      </c>
      <c r="P7878">
        <v>26126.89013</v>
      </c>
      <c r="Q7878">
        <v>53568.350839999999</v>
      </c>
      <c r="R7878">
        <v>22844.820230000001</v>
      </c>
      <c r="S7878">
        <v>79517.887539999996</v>
      </c>
      <c r="T7878">
        <v>27397.322270000001</v>
      </c>
      <c r="U7878">
        <v>15240.421480000001</v>
      </c>
      <c r="W7878" s="83">
        <f>Bühler!N7910</f>
        <v>45620.166666647565</v>
      </c>
      <c r="X7878" s="83">
        <v>43429.166666666664</v>
      </c>
      <c r="Y7878">
        <v>161689.93059999999</v>
      </c>
      <c r="Z7878">
        <v>14564.0272</v>
      </c>
      <c r="AA7878">
        <v>46003.411410000001</v>
      </c>
      <c r="AB7878">
        <v>38488.475200000001</v>
      </c>
      <c r="AC7878">
        <v>36421.969109999998</v>
      </c>
      <c r="AD7878">
        <v>19595.231449999999</v>
      </c>
      <c r="AE7878">
        <v>25939.557339999999</v>
      </c>
      <c r="AF7878">
        <v>44334.711080000001</v>
      </c>
      <c r="AG7878">
        <v>18263.301329999998</v>
      </c>
      <c r="AH7878">
        <v>216574.29509999999</v>
      </c>
      <c r="AI7878">
        <v>70419.236640000003</v>
      </c>
      <c r="AJ7878">
        <v>21746.429370000002</v>
      </c>
      <c r="AK7878">
        <v>26126.89013</v>
      </c>
      <c r="AL7878">
        <v>53568.350839999999</v>
      </c>
      <c r="AM7878">
        <v>22844.820230000001</v>
      </c>
      <c r="AN7878">
        <v>79517.887539999996</v>
      </c>
      <c r="AO7878">
        <v>27397.322270000001</v>
      </c>
      <c r="AP7878">
        <v>15240.421480000001</v>
      </c>
    </row>
    <row r="7879" spans="2:42" x14ac:dyDescent="0.3">
      <c r="B7879">
        <v>42.478148147768273</v>
      </c>
      <c r="C7879" s="83">
        <v>43429.208333333336</v>
      </c>
      <c r="D7879">
        <v>161253.59959999999</v>
      </c>
      <c r="E7879">
        <v>14837.945760000001</v>
      </c>
      <c r="F7879">
        <v>47324.470509999999</v>
      </c>
      <c r="G7879">
        <v>38661.549500000001</v>
      </c>
      <c r="H7879">
        <v>36833.687550000002</v>
      </c>
      <c r="I7879">
        <v>23293.90007</v>
      </c>
      <c r="J7879">
        <v>27984.35583</v>
      </c>
      <c r="K7879">
        <v>43129.133670000003</v>
      </c>
      <c r="L7879">
        <v>19018.09404</v>
      </c>
      <c r="M7879">
        <v>216573.4086</v>
      </c>
      <c r="N7879">
        <v>69096.264750000002</v>
      </c>
      <c r="O7879">
        <v>21570.44846</v>
      </c>
      <c r="P7879">
        <v>27549.314139999999</v>
      </c>
      <c r="Q7879">
        <v>53437.016219999998</v>
      </c>
      <c r="R7879">
        <v>22362.270069999999</v>
      </c>
      <c r="S7879">
        <v>80854.19111</v>
      </c>
      <c r="T7879">
        <v>27676.636310000002</v>
      </c>
      <c r="U7879">
        <v>15000.04581</v>
      </c>
      <c r="W7879" s="83">
        <f>Bühler!N7911</f>
        <v>45620.208333314229</v>
      </c>
      <c r="X7879" s="83">
        <v>43429.208333333336</v>
      </c>
      <c r="Y7879">
        <v>161253.59959999999</v>
      </c>
      <c r="Z7879">
        <v>14837.945760000001</v>
      </c>
      <c r="AA7879">
        <v>47324.470509999999</v>
      </c>
      <c r="AB7879">
        <v>38661.549500000001</v>
      </c>
      <c r="AC7879">
        <v>36833.687550000002</v>
      </c>
      <c r="AD7879">
        <v>23293.90007</v>
      </c>
      <c r="AE7879">
        <v>27984.35583</v>
      </c>
      <c r="AF7879">
        <v>43129.133670000003</v>
      </c>
      <c r="AG7879">
        <v>19018.09404</v>
      </c>
      <c r="AH7879">
        <v>216573.4086</v>
      </c>
      <c r="AI7879">
        <v>69096.264750000002</v>
      </c>
      <c r="AJ7879">
        <v>21570.44846</v>
      </c>
      <c r="AK7879">
        <v>27549.314139999999</v>
      </c>
      <c r="AL7879">
        <v>53437.016219999998</v>
      </c>
      <c r="AM7879">
        <v>22362.270069999999</v>
      </c>
      <c r="AN7879">
        <v>80854.19111</v>
      </c>
      <c r="AO7879">
        <v>27676.636310000002</v>
      </c>
      <c r="AP7879">
        <v>15000.04581</v>
      </c>
    </row>
    <row r="7880" spans="2:42" x14ac:dyDescent="0.3">
      <c r="B7880">
        <v>43.043314397133919</v>
      </c>
      <c r="C7880" s="83">
        <v>43429.25</v>
      </c>
      <c r="D7880">
        <v>162004.5435</v>
      </c>
      <c r="E7880">
        <v>15186.333619999999</v>
      </c>
      <c r="F7880">
        <v>49560.477010000002</v>
      </c>
      <c r="G7880">
        <v>39294.758470000001</v>
      </c>
      <c r="H7880">
        <v>36782.07071</v>
      </c>
      <c r="I7880">
        <v>26188.995159999999</v>
      </c>
      <c r="J7880">
        <v>30461.160070000002</v>
      </c>
      <c r="K7880">
        <v>42555.352030000002</v>
      </c>
      <c r="L7880">
        <v>19500.340199999999</v>
      </c>
      <c r="M7880">
        <v>219454.8897</v>
      </c>
      <c r="N7880">
        <v>68573.65526</v>
      </c>
      <c r="O7880">
        <v>21036.022270000001</v>
      </c>
      <c r="P7880">
        <v>27869.246190000002</v>
      </c>
      <c r="Q7880">
        <v>53556.611530000002</v>
      </c>
      <c r="R7880">
        <v>17021.676670000001</v>
      </c>
      <c r="S7880">
        <v>84866.677989999996</v>
      </c>
      <c r="T7880">
        <v>28784.83901</v>
      </c>
      <c r="U7880">
        <v>13927.84801</v>
      </c>
      <c r="W7880" s="83">
        <f>Bühler!N7912</f>
        <v>45620.249999980893</v>
      </c>
      <c r="X7880" s="83">
        <v>43429.25</v>
      </c>
      <c r="Y7880">
        <v>162004.5435</v>
      </c>
      <c r="Z7880">
        <v>15186.333619999999</v>
      </c>
      <c r="AA7880">
        <v>49560.477010000002</v>
      </c>
      <c r="AB7880">
        <v>39294.758470000001</v>
      </c>
      <c r="AC7880">
        <v>36782.07071</v>
      </c>
      <c r="AD7880">
        <v>26188.995159999999</v>
      </c>
      <c r="AE7880">
        <v>30461.160070000002</v>
      </c>
      <c r="AF7880">
        <v>42555.352030000002</v>
      </c>
      <c r="AG7880">
        <v>19500.340199999999</v>
      </c>
      <c r="AH7880">
        <v>219454.8897</v>
      </c>
      <c r="AI7880">
        <v>68573.65526</v>
      </c>
      <c r="AJ7880">
        <v>21036.022270000001</v>
      </c>
      <c r="AK7880">
        <v>27869.246190000002</v>
      </c>
      <c r="AL7880">
        <v>53556.611530000002</v>
      </c>
      <c r="AM7880">
        <v>17021.676670000001</v>
      </c>
      <c r="AN7880">
        <v>84866.677989999996</v>
      </c>
      <c r="AO7880">
        <v>28784.83901</v>
      </c>
      <c r="AP7880">
        <v>13927.84801</v>
      </c>
    </row>
    <row r="7881" spans="2:42" x14ac:dyDescent="0.3">
      <c r="B7881">
        <v>42.732956655438393</v>
      </c>
      <c r="C7881" s="83">
        <v>43429.291666666664</v>
      </c>
      <c r="D7881">
        <v>162035.60930000001</v>
      </c>
      <c r="E7881">
        <v>15688.6224</v>
      </c>
      <c r="F7881">
        <v>51084.864070000003</v>
      </c>
      <c r="G7881">
        <v>39653.650900000001</v>
      </c>
      <c r="H7881">
        <v>37317.737139999997</v>
      </c>
      <c r="I7881">
        <v>28209.14041</v>
      </c>
      <c r="J7881">
        <v>31477.376179999999</v>
      </c>
      <c r="K7881">
        <v>41843.135520000003</v>
      </c>
      <c r="L7881">
        <v>21001.060839999998</v>
      </c>
      <c r="M7881">
        <v>217872.54120000001</v>
      </c>
      <c r="N7881">
        <v>69742.218240000002</v>
      </c>
      <c r="O7881">
        <v>21157.745340000001</v>
      </c>
      <c r="P7881">
        <v>29513.745190000001</v>
      </c>
      <c r="Q7881">
        <v>52485.607210000002</v>
      </c>
      <c r="R7881">
        <v>17039.170040000001</v>
      </c>
      <c r="S7881">
        <v>92638.279540000003</v>
      </c>
      <c r="T7881">
        <v>27090.72033</v>
      </c>
      <c r="U7881">
        <v>14236.4275</v>
      </c>
      <c r="W7881" s="83">
        <f>Bühler!N7913</f>
        <v>45620.291666647558</v>
      </c>
      <c r="X7881" s="83">
        <v>43429.291666666664</v>
      </c>
      <c r="Y7881">
        <v>162035.60930000001</v>
      </c>
      <c r="Z7881">
        <v>15688.6224</v>
      </c>
      <c r="AA7881">
        <v>51084.864070000003</v>
      </c>
      <c r="AB7881">
        <v>39653.650900000001</v>
      </c>
      <c r="AC7881">
        <v>37317.737139999997</v>
      </c>
      <c r="AD7881">
        <v>28209.14041</v>
      </c>
      <c r="AE7881">
        <v>31477.376179999999</v>
      </c>
      <c r="AF7881">
        <v>41843.135520000003</v>
      </c>
      <c r="AG7881">
        <v>21001.060839999998</v>
      </c>
      <c r="AH7881">
        <v>217872.54120000001</v>
      </c>
      <c r="AI7881">
        <v>69742.218240000002</v>
      </c>
      <c r="AJ7881">
        <v>21157.745340000001</v>
      </c>
      <c r="AK7881">
        <v>29513.745190000001</v>
      </c>
      <c r="AL7881">
        <v>52485.607210000002</v>
      </c>
      <c r="AM7881">
        <v>17039.170040000001</v>
      </c>
      <c r="AN7881">
        <v>92638.279540000003</v>
      </c>
      <c r="AO7881">
        <v>27090.72033</v>
      </c>
      <c r="AP7881">
        <v>14236.4275</v>
      </c>
    </row>
    <row r="7882" spans="2:42" x14ac:dyDescent="0.3">
      <c r="B7882">
        <v>42.11577388145286</v>
      </c>
      <c r="C7882" s="83">
        <v>43429.333333333336</v>
      </c>
      <c r="D7882">
        <v>160734.51130000001</v>
      </c>
      <c r="E7882">
        <v>15922.34633</v>
      </c>
      <c r="F7882">
        <v>52271.840089999998</v>
      </c>
      <c r="G7882">
        <v>38865.393940000002</v>
      </c>
      <c r="H7882">
        <v>36124.511469999998</v>
      </c>
      <c r="I7882">
        <v>28220.19486</v>
      </c>
      <c r="J7882">
        <v>30188.21241</v>
      </c>
      <c r="K7882">
        <v>42215.030469999998</v>
      </c>
      <c r="L7882">
        <v>23336.53514</v>
      </c>
      <c r="M7882">
        <v>214725.85560000001</v>
      </c>
      <c r="N7882">
        <v>69454.708540000007</v>
      </c>
      <c r="O7882">
        <v>21153.195159999999</v>
      </c>
      <c r="P7882">
        <v>31181.35974</v>
      </c>
      <c r="Q7882">
        <v>51677.478920000001</v>
      </c>
      <c r="R7882">
        <v>16307.126060000001</v>
      </c>
      <c r="S7882">
        <v>95249.164629999999</v>
      </c>
      <c r="T7882">
        <v>29500.920600000001</v>
      </c>
      <c r="U7882">
        <v>13412.86861</v>
      </c>
      <c r="W7882" s="83">
        <f>Bühler!N7914</f>
        <v>45620.333333314222</v>
      </c>
      <c r="X7882" s="83">
        <v>43429.333333333336</v>
      </c>
      <c r="Y7882">
        <v>160734.51130000001</v>
      </c>
      <c r="Z7882">
        <v>15922.34633</v>
      </c>
      <c r="AA7882">
        <v>52271.840089999998</v>
      </c>
      <c r="AB7882">
        <v>38865.393940000002</v>
      </c>
      <c r="AC7882">
        <v>36124.511469999998</v>
      </c>
      <c r="AD7882">
        <v>28220.19486</v>
      </c>
      <c r="AE7882">
        <v>30188.21241</v>
      </c>
      <c r="AF7882">
        <v>42215.030469999998</v>
      </c>
      <c r="AG7882">
        <v>23336.53514</v>
      </c>
      <c r="AH7882">
        <v>214725.85560000001</v>
      </c>
      <c r="AI7882">
        <v>69454.708540000007</v>
      </c>
      <c r="AJ7882">
        <v>21153.195159999999</v>
      </c>
      <c r="AK7882">
        <v>31181.35974</v>
      </c>
      <c r="AL7882">
        <v>51677.478920000001</v>
      </c>
      <c r="AM7882">
        <v>16307.126060000001</v>
      </c>
      <c r="AN7882">
        <v>95249.164629999999</v>
      </c>
      <c r="AO7882">
        <v>29500.920600000001</v>
      </c>
      <c r="AP7882">
        <v>13412.86861</v>
      </c>
    </row>
    <row r="7883" spans="2:42" x14ac:dyDescent="0.3">
      <c r="B7883">
        <v>41.638294824669238</v>
      </c>
      <c r="C7883" s="83">
        <v>43429.375</v>
      </c>
      <c r="D7883">
        <v>160008.3167</v>
      </c>
      <c r="E7883">
        <v>16565.94599</v>
      </c>
      <c r="F7883">
        <v>53295.784870000003</v>
      </c>
      <c r="G7883">
        <v>39026.290760000004</v>
      </c>
      <c r="H7883">
        <v>36240.426870000003</v>
      </c>
      <c r="I7883">
        <v>27797.526689999999</v>
      </c>
      <c r="J7883">
        <v>29804.656889999998</v>
      </c>
      <c r="K7883">
        <v>44084.884420000002</v>
      </c>
      <c r="L7883">
        <v>26236.29567</v>
      </c>
      <c r="M7883">
        <v>212291.44469999999</v>
      </c>
      <c r="N7883">
        <v>69650.077650000007</v>
      </c>
      <c r="O7883">
        <v>20617.064139999999</v>
      </c>
      <c r="P7883">
        <v>33819.924059999998</v>
      </c>
      <c r="Q7883">
        <v>51421.943310000002</v>
      </c>
      <c r="R7883">
        <v>16974.52851</v>
      </c>
      <c r="S7883">
        <v>95509.779829999999</v>
      </c>
      <c r="T7883">
        <v>30863.97164</v>
      </c>
      <c r="U7883">
        <v>13081.82843</v>
      </c>
      <c r="W7883" s="83">
        <f>Bühler!N7915</f>
        <v>45620.374999980886</v>
      </c>
      <c r="X7883" s="83">
        <v>43429.375</v>
      </c>
      <c r="Y7883">
        <v>160008.3167</v>
      </c>
      <c r="Z7883">
        <v>16565.94599</v>
      </c>
      <c r="AA7883">
        <v>53295.784870000003</v>
      </c>
      <c r="AB7883">
        <v>39026.290760000004</v>
      </c>
      <c r="AC7883">
        <v>36240.426870000003</v>
      </c>
      <c r="AD7883">
        <v>27797.526689999999</v>
      </c>
      <c r="AE7883">
        <v>29804.656889999998</v>
      </c>
      <c r="AF7883">
        <v>44084.884420000002</v>
      </c>
      <c r="AG7883">
        <v>26236.29567</v>
      </c>
      <c r="AH7883">
        <v>212291.44469999999</v>
      </c>
      <c r="AI7883">
        <v>69650.077650000007</v>
      </c>
      <c r="AJ7883">
        <v>20617.064139999999</v>
      </c>
      <c r="AK7883">
        <v>33819.924059999998</v>
      </c>
      <c r="AL7883">
        <v>51421.943310000002</v>
      </c>
      <c r="AM7883">
        <v>16974.52851</v>
      </c>
      <c r="AN7883">
        <v>95509.779829999999</v>
      </c>
      <c r="AO7883">
        <v>30863.97164</v>
      </c>
      <c r="AP7883">
        <v>13081.82843</v>
      </c>
    </row>
    <row r="7884" spans="2:42" x14ac:dyDescent="0.3">
      <c r="B7884">
        <v>41.783423192765163</v>
      </c>
      <c r="C7884" s="83">
        <v>43429.416666666664</v>
      </c>
      <c r="D7884">
        <v>159064.70980000001</v>
      </c>
      <c r="E7884">
        <v>16964.74423</v>
      </c>
      <c r="F7884">
        <v>53272.771930000003</v>
      </c>
      <c r="G7884">
        <v>39370.405910000001</v>
      </c>
      <c r="H7884">
        <v>36922.666620000004</v>
      </c>
      <c r="I7884">
        <v>27712.141739999999</v>
      </c>
      <c r="J7884">
        <v>29406.747100000001</v>
      </c>
      <c r="K7884">
        <v>46952.740109999999</v>
      </c>
      <c r="L7884">
        <v>28223.848959999999</v>
      </c>
      <c r="M7884">
        <v>213031.3768</v>
      </c>
      <c r="N7884">
        <v>69810.684399999998</v>
      </c>
      <c r="O7884">
        <v>20568.57861</v>
      </c>
      <c r="P7884">
        <v>34433.042509999999</v>
      </c>
      <c r="Q7884">
        <v>50863.721460000001</v>
      </c>
      <c r="R7884">
        <v>17349.64014</v>
      </c>
      <c r="S7884">
        <v>94659.721900000004</v>
      </c>
      <c r="T7884">
        <v>32990.609550000001</v>
      </c>
      <c r="U7884">
        <v>13078.192489999999</v>
      </c>
      <c r="W7884" s="83">
        <f>Bühler!N7916</f>
        <v>45620.41666664755</v>
      </c>
      <c r="X7884" s="83">
        <v>43429.416666666664</v>
      </c>
      <c r="Y7884">
        <v>159064.70980000001</v>
      </c>
      <c r="Z7884">
        <v>16964.74423</v>
      </c>
      <c r="AA7884">
        <v>53272.771930000003</v>
      </c>
      <c r="AB7884">
        <v>39370.405910000001</v>
      </c>
      <c r="AC7884">
        <v>36922.666620000004</v>
      </c>
      <c r="AD7884">
        <v>27712.141739999999</v>
      </c>
      <c r="AE7884">
        <v>29406.747100000001</v>
      </c>
      <c r="AF7884">
        <v>46952.740109999999</v>
      </c>
      <c r="AG7884">
        <v>28223.848959999999</v>
      </c>
      <c r="AH7884">
        <v>213031.3768</v>
      </c>
      <c r="AI7884">
        <v>69810.684399999998</v>
      </c>
      <c r="AJ7884">
        <v>20568.57861</v>
      </c>
      <c r="AK7884">
        <v>34433.042509999999</v>
      </c>
      <c r="AL7884">
        <v>50863.721460000001</v>
      </c>
      <c r="AM7884">
        <v>17349.64014</v>
      </c>
      <c r="AN7884">
        <v>94659.721900000004</v>
      </c>
      <c r="AO7884">
        <v>32990.609550000001</v>
      </c>
      <c r="AP7884">
        <v>13078.192489999999</v>
      </c>
    </row>
    <row r="7885" spans="2:42" x14ac:dyDescent="0.3">
      <c r="B7885">
        <v>41.541195978311038</v>
      </c>
      <c r="C7885" s="83">
        <v>43429.458333333336</v>
      </c>
      <c r="D7885">
        <v>158246.13099999999</v>
      </c>
      <c r="E7885">
        <v>16925.988430000001</v>
      </c>
      <c r="F7885">
        <v>53763.42525</v>
      </c>
      <c r="G7885">
        <v>39201.44788</v>
      </c>
      <c r="H7885">
        <v>36693.870750000002</v>
      </c>
      <c r="I7885">
        <v>26320.442429999999</v>
      </c>
      <c r="J7885">
        <v>28715.084449999998</v>
      </c>
      <c r="K7885">
        <v>47523.721440000001</v>
      </c>
      <c r="L7885">
        <v>29125.290110000002</v>
      </c>
      <c r="M7885">
        <v>211796.38949999999</v>
      </c>
      <c r="N7885">
        <v>67922.567550000007</v>
      </c>
      <c r="O7885">
        <v>20880.0831</v>
      </c>
      <c r="P7885">
        <v>33611.062639999996</v>
      </c>
      <c r="Q7885">
        <v>50289.416929999999</v>
      </c>
      <c r="R7885">
        <v>17524.423050000001</v>
      </c>
      <c r="S7885">
        <v>96260.508249999999</v>
      </c>
      <c r="T7885">
        <v>32813.07692</v>
      </c>
      <c r="U7885">
        <v>12625.88934</v>
      </c>
      <c r="W7885" s="83">
        <f>Bühler!N7917</f>
        <v>45620.458333314215</v>
      </c>
      <c r="X7885" s="83">
        <v>43429.458333333336</v>
      </c>
      <c r="Y7885">
        <v>158246.13099999999</v>
      </c>
      <c r="Z7885">
        <v>16925.988430000001</v>
      </c>
      <c r="AA7885">
        <v>53763.42525</v>
      </c>
      <c r="AB7885">
        <v>39201.44788</v>
      </c>
      <c r="AC7885">
        <v>36693.870750000002</v>
      </c>
      <c r="AD7885">
        <v>26320.442429999999</v>
      </c>
      <c r="AE7885">
        <v>28715.084449999998</v>
      </c>
      <c r="AF7885">
        <v>47523.721440000001</v>
      </c>
      <c r="AG7885">
        <v>29125.290110000002</v>
      </c>
      <c r="AH7885">
        <v>211796.38949999999</v>
      </c>
      <c r="AI7885">
        <v>67922.567550000007</v>
      </c>
      <c r="AJ7885">
        <v>20880.0831</v>
      </c>
      <c r="AK7885">
        <v>33611.062639999996</v>
      </c>
      <c r="AL7885">
        <v>50289.416929999999</v>
      </c>
      <c r="AM7885">
        <v>17524.423050000001</v>
      </c>
      <c r="AN7885">
        <v>96260.508249999999</v>
      </c>
      <c r="AO7885">
        <v>32813.07692</v>
      </c>
      <c r="AP7885">
        <v>12625.88934</v>
      </c>
    </row>
    <row r="7886" spans="2:42" x14ac:dyDescent="0.3">
      <c r="B7886">
        <v>41.706657990496538</v>
      </c>
      <c r="C7886" s="83">
        <v>43429.5</v>
      </c>
      <c r="D7886">
        <v>157265.8265</v>
      </c>
      <c r="E7886">
        <v>16730.819729999999</v>
      </c>
      <c r="F7886">
        <v>51335.118499999997</v>
      </c>
      <c r="G7886">
        <v>39116.626300000004</v>
      </c>
      <c r="H7886">
        <v>35764.614479999997</v>
      </c>
      <c r="I7886">
        <v>26760.076649999999</v>
      </c>
      <c r="J7886">
        <v>28892.71242</v>
      </c>
      <c r="K7886">
        <v>47407.687059999997</v>
      </c>
      <c r="L7886">
        <v>31196.245599999998</v>
      </c>
      <c r="M7886">
        <v>212639.992</v>
      </c>
      <c r="N7886">
        <v>66902.302660000001</v>
      </c>
      <c r="O7886">
        <v>19705.793710000002</v>
      </c>
      <c r="P7886">
        <v>34110.815210000001</v>
      </c>
      <c r="Q7886">
        <v>48045.050499999998</v>
      </c>
      <c r="R7886">
        <v>18313.772110000002</v>
      </c>
      <c r="S7886">
        <v>91444.911689999994</v>
      </c>
      <c r="T7886">
        <v>32765.86104</v>
      </c>
      <c r="U7886">
        <v>12168.768899999999</v>
      </c>
      <c r="W7886" s="83">
        <f>Bühler!N7918</f>
        <v>45620.499999980879</v>
      </c>
      <c r="X7886" s="83">
        <v>43429.5</v>
      </c>
      <c r="Y7886">
        <v>157265.8265</v>
      </c>
      <c r="Z7886">
        <v>16730.819729999999</v>
      </c>
      <c r="AA7886">
        <v>51335.118499999997</v>
      </c>
      <c r="AB7886">
        <v>39116.626300000004</v>
      </c>
      <c r="AC7886">
        <v>35764.614479999997</v>
      </c>
      <c r="AD7886">
        <v>26760.076649999999</v>
      </c>
      <c r="AE7886">
        <v>28892.71242</v>
      </c>
      <c r="AF7886">
        <v>47407.687059999997</v>
      </c>
      <c r="AG7886">
        <v>31196.245599999998</v>
      </c>
      <c r="AH7886">
        <v>212639.992</v>
      </c>
      <c r="AI7886">
        <v>66902.302660000001</v>
      </c>
      <c r="AJ7886">
        <v>19705.793710000002</v>
      </c>
      <c r="AK7886">
        <v>34110.815210000001</v>
      </c>
      <c r="AL7886">
        <v>48045.050499999998</v>
      </c>
      <c r="AM7886">
        <v>18313.772110000002</v>
      </c>
      <c r="AN7886">
        <v>91444.911689999994</v>
      </c>
      <c r="AO7886">
        <v>32765.86104</v>
      </c>
      <c r="AP7886">
        <v>12168.768899999999</v>
      </c>
    </row>
    <row r="7887" spans="2:42" x14ac:dyDescent="0.3">
      <c r="B7887">
        <v>42.048096470863612</v>
      </c>
      <c r="C7887" s="83">
        <v>43429.541666666664</v>
      </c>
      <c r="D7887">
        <v>157512.6606</v>
      </c>
      <c r="E7887">
        <v>16516.905559999999</v>
      </c>
      <c r="F7887">
        <v>46697.702420000001</v>
      </c>
      <c r="G7887">
        <v>38728.827190000004</v>
      </c>
      <c r="H7887">
        <v>35567.506990000002</v>
      </c>
      <c r="I7887">
        <v>26765.823980000001</v>
      </c>
      <c r="J7887">
        <v>28152.689409999999</v>
      </c>
      <c r="K7887">
        <v>46908.957750000001</v>
      </c>
      <c r="L7887">
        <v>30494.984219999998</v>
      </c>
      <c r="M7887">
        <v>214380.8046</v>
      </c>
      <c r="N7887">
        <v>68083.749559999997</v>
      </c>
      <c r="O7887">
        <v>19924.412230000002</v>
      </c>
      <c r="P7887">
        <v>33719.57071</v>
      </c>
      <c r="Q7887">
        <v>47244.394549999997</v>
      </c>
      <c r="R7887">
        <v>18854.23962</v>
      </c>
      <c r="S7887">
        <v>91775.894350000002</v>
      </c>
      <c r="T7887">
        <v>32405.185819999999</v>
      </c>
      <c r="U7887">
        <v>12077.607</v>
      </c>
      <c r="W7887" s="83">
        <f>Bühler!N7919</f>
        <v>45620.541666647543</v>
      </c>
      <c r="X7887" s="83">
        <v>43429.541666666664</v>
      </c>
      <c r="Y7887">
        <v>157512.6606</v>
      </c>
      <c r="Z7887">
        <v>16516.905559999999</v>
      </c>
      <c r="AA7887">
        <v>46697.702420000001</v>
      </c>
      <c r="AB7887">
        <v>38728.827190000004</v>
      </c>
      <c r="AC7887">
        <v>35567.506990000002</v>
      </c>
      <c r="AD7887">
        <v>26765.823980000001</v>
      </c>
      <c r="AE7887">
        <v>28152.689409999999</v>
      </c>
      <c r="AF7887">
        <v>46908.957750000001</v>
      </c>
      <c r="AG7887">
        <v>30494.984219999998</v>
      </c>
      <c r="AH7887">
        <v>214380.8046</v>
      </c>
      <c r="AI7887">
        <v>68083.749559999997</v>
      </c>
      <c r="AJ7887">
        <v>19924.412230000002</v>
      </c>
      <c r="AK7887">
        <v>33719.57071</v>
      </c>
      <c r="AL7887">
        <v>47244.394549999997</v>
      </c>
      <c r="AM7887">
        <v>18854.23962</v>
      </c>
      <c r="AN7887">
        <v>91775.894350000002</v>
      </c>
      <c r="AO7887">
        <v>32405.185819999999</v>
      </c>
      <c r="AP7887">
        <v>12077.607</v>
      </c>
    </row>
    <row r="7888" spans="2:42" x14ac:dyDescent="0.3">
      <c r="B7888">
        <v>42.024735818461167</v>
      </c>
      <c r="C7888" s="83">
        <v>43429.583333333336</v>
      </c>
      <c r="D7888">
        <v>157725.7108</v>
      </c>
      <c r="E7888">
        <v>16422.258310000001</v>
      </c>
      <c r="F7888">
        <v>45837.921110000003</v>
      </c>
      <c r="G7888">
        <v>38655.373630000002</v>
      </c>
      <c r="H7888">
        <v>35329.715880000003</v>
      </c>
      <c r="I7888">
        <v>26166.411980000001</v>
      </c>
      <c r="J7888">
        <v>27399.21776</v>
      </c>
      <c r="K7888">
        <v>45596.033629999998</v>
      </c>
      <c r="L7888">
        <v>29150.08034</v>
      </c>
      <c r="M7888">
        <v>214261.70110000001</v>
      </c>
      <c r="N7888">
        <v>68514.908379999993</v>
      </c>
      <c r="O7888">
        <v>19867.00302</v>
      </c>
      <c r="P7888">
        <v>31473.117139999998</v>
      </c>
      <c r="Q7888">
        <v>46657.401210000004</v>
      </c>
      <c r="R7888">
        <v>17864.733899999999</v>
      </c>
      <c r="S7888">
        <v>89713.662160000007</v>
      </c>
      <c r="T7888">
        <v>32052.67152</v>
      </c>
      <c r="U7888">
        <v>12159.66769</v>
      </c>
      <c r="W7888" s="83">
        <f>Bühler!N7920</f>
        <v>45620.583333314207</v>
      </c>
      <c r="X7888" s="83">
        <v>43429.583333333336</v>
      </c>
      <c r="Y7888">
        <v>157725.7108</v>
      </c>
      <c r="Z7888">
        <v>16422.258310000001</v>
      </c>
      <c r="AA7888">
        <v>45837.921110000003</v>
      </c>
      <c r="AB7888">
        <v>38655.373630000002</v>
      </c>
      <c r="AC7888">
        <v>35329.715880000003</v>
      </c>
      <c r="AD7888">
        <v>26166.411980000001</v>
      </c>
      <c r="AE7888">
        <v>27399.21776</v>
      </c>
      <c r="AF7888">
        <v>45596.033629999998</v>
      </c>
      <c r="AG7888">
        <v>29150.08034</v>
      </c>
      <c r="AH7888">
        <v>214261.70110000001</v>
      </c>
      <c r="AI7888">
        <v>68514.908379999993</v>
      </c>
      <c r="AJ7888">
        <v>19867.00302</v>
      </c>
      <c r="AK7888">
        <v>31473.117139999998</v>
      </c>
      <c r="AL7888">
        <v>46657.401210000004</v>
      </c>
      <c r="AM7888">
        <v>17864.733899999999</v>
      </c>
      <c r="AN7888">
        <v>89713.662160000007</v>
      </c>
      <c r="AO7888">
        <v>32052.67152</v>
      </c>
      <c r="AP7888">
        <v>12159.66769</v>
      </c>
    </row>
    <row r="7889" spans="2:42" x14ac:dyDescent="0.3">
      <c r="B7889">
        <v>41.795491645486649</v>
      </c>
      <c r="C7889" s="83">
        <v>43429.625</v>
      </c>
      <c r="D7889">
        <v>158284.52069999999</v>
      </c>
      <c r="E7889">
        <v>16431.268650000002</v>
      </c>
      <c r="F7889">
        <v>45360.513570000003</v>
      </c>
      <c r="G7889">
        <v>38664.49525</v>
      </c>
      <c r="H7889">
        <v>35170.975250000003</v>
      </c>
      <c r="I7889">
        <v>26582.521779999999</v>
      </c>
      <c r="J7889">
        <v>27240.748090000001</v>
      </c>
      <c r="K7889">
        <v>45602.417650000003</v>
      </c>
      <c r="L7889">
        <v>27411.986550000001</v>
      </c>
      <c r="M7889">
        <v>213092.9074</v>
      </c>
      <c r="N7889">
        <v>69141.980309999999</v>
      </c>
      <c r="O7889">
        <v>19947.014319999998</v>
      </c>
      <c r="P7889">
        <v>29865.30399</v>
      </c>
      <c r="Q7889">
        <v>46743.113230000003</v>
      </c>
      <c r="R7889">
        <v>17845.038789999999</v>
      </c>
      <c r="S7889">
        <v>89702.521710000001</v>
      </c>
      <c r="T7889">
        <v>31324.33756</v>
      </c>
      <c r="U7889">
        <v>12309.2212</v>
      </c>
      <c r="W7889" s="83">
        <f>Bühler!N7921</f>
        <v>45620.624999980872</v>
      </c>
      <c r="X7889" s="83">
        <v>43429.625</v>
      </c>
      <c r="Y7889">
        <v>158284.52069999999</v>
      </c>
      <c r="Z7889">
        <v>16431.268650000002</v>
      </c>
      <c r="AA7889">
        <v>45360.513570000003</v>
      </c>
      <c r="AB7889">
        <v>38664.49525</v>
      </c>
      <c r="AC7889">
        <v>35170.975250000003</v>
      </c>
      <c r="AD7889">
        <v>26582.521779999999</v>
      </c>
      <c r="AE7889">
        <v>27240.748090000001</v>
      </c>
      <c r="AF7889">
        <v>45602.417650000003</v>
      </c>
      <c r="AG7889">
        <v>27411.986550000001</v>
      </c>
      <c r="AH7889">
        <v>213092.9074</v>
      </c>
      <c r="AI7889">
        <v>69141.980309999999</v>
      </c>
      <c r="AJ7889">
        <v>19947.014319999998</v>
      </c>
      <c r="AK7889">
        <v>29865.30399</v>
      </c>
      <c r="AL7889">
        <v>46743.113230000003</v>
      </c>
      <c r="AM7889">
        <v>17845.038789999999</v>
      </c>
      <c r="AN7889">
        <v>89702.521710000001</v>
      </c>
      <c r="AO7889">
        <v>31324.33756</v>
      </c>
      <c r="AP7889">
        <v>12309.2212</v>
      </c>
    </row>
    <row r="7890" spans="2:42" x14ac:dyDescent="0.3">
      <c r="B7890">
        <v>41.831931152495095</v>
      </c>
      <c r="C7890" s="83">
        <v>43429.666666666664</v>
      </c>
      <c r="D7890">
        <v>158972.84340000001</v>
      </c>
      <c r="E7890">
        <v>16628.381949999999</v>
      </c>
      <c r="F7890">
        <v>45858.753499999999</v>
      </c>
      <c r="G7890">
        <v>38910.216740000003</v>
      </c>
      <c r="H7890">
        <v>35418.8249</v>
      </c>
      <c r="I7890">
        <v>28478.083760000001</v>
      </c>
      <c r="J7890">
        <v>27464.41591</v>
      </c>
      <c r="K7890">
        <v>45382.120459999998</v>
      </c>
      <c r="L7890">
        <v>26385.298060000001</v>
      </c>
      <c r="M7890">
        <v>213278.693</v>
      </c>
      <c r="N7890">
        <v>70866.708339999997</v>
      </c>
      <c r="O7890">
        <v>20726.219580000001</v>
      </c>
      <c r="P7890">
        <v>29613.884770000001</v>
      </c>
      <c r="Q7890">
        <v>48057.08077</v>
      </c>
      <c r="R7890">
        <v>18045.606790000002</v>
      </c>
      <c r="S7890">
        <v>90956.881510000007</v>
      </c>
      <c r="T7890">
        <v>31144.232309999999</v>
      </c>
      <c r="U7890">
        <v>12667.78361</v>
      </c>
      <c r="W7890" s="83">
        <f>Bühler!N7922</f>
        <v>45620.666666647536</v>
      </c>
      <c r="X7890" s="83">
        <v>43429.666666666664</v>
      </c>
      <c r="Y7890">
        <v>158972.84340000001</v>
      </c>
      <c r="Z7890">
        <v>16628.381949999999</v>
      </c>
      <c r="AA7890">
        <v>45858.753499999999</v>
      </c>
      <c r="AB7890">
        <v>38910.216740000003</v>
      </c>
      <c r="AC7890">
        <v>35418.8249</v>
      </c>
      <c r="AD7890">
        <v>28478.083760000001</v>
      </c>
      <c r="AE7890">
        <v>27464.41591</v>
      </c>
      <c r="AF7890">
        <v>45382.120459999998</v>
      </c>
      <c r="AG7890">
        <v>26385.298060000001</v>
      </c>
      <c r="AH7890">
        <v>213278.693</v>
      </c>
      <c r="AI7890">
        <v>70866.708339999997</v>
      </c>
      <c r="AJ7890">
        <v>20726.219580000001</v>
      </c>
      <c r="AK7890">
        <v>29613.884770000001</v>
      </c>
      <c r="AL7890">
        <v>48057.08077</v>
      </c>
      <c r="AM7890">
        <v>18045.606790000002</v>
      </c>
      <c r="AN7890">
        <v>90956.881510000007</v>
      </c>
      <c r="AO7890">
        <v>31144.232309999999</v>
      </c>
      <c r="AP7890">
        <v>12667.78361</v>
      </c>
    </row>
    <row r="7891" spans="2:42" x14ac:dyDescent="0.3">
      <c r="B7891">
        <v>42.154527143070787</v>
      </c>
      <c r="C7891" s="83">
        <v>43429.708333333336</v>
      </c>
      <c r="D7891">
        <v>161761.99160000001</v>
      </c>
      <c r="E7891">
        <v>17584.439839999999</v>
      </c>
      <c r="F7891">
        <v>47281.82127</v>
      </c>
      <c r="G7891">
        <v>40392.38536</v>
      </c>
      <c r="H7891">
        <v>37549.626040000003</v>
      </c>
      <c r="I7891">
        <v>29376.800579999999</v>
      </c>
      <c r="J7891">
        <v>30214.178690000001</v>
      </c>
      <c r="K7891">
        <v>44282.725420000002</v>
      </c>
      <c r="L7891">
        <v>27161.180090000002</v>
      </c>
      <c r="M7891">
        <v>214923.43780000001</v>
      </c>
      <c r="N7891">
        <v>72441.314480000001</v>
      </c>
      <c r="O7891">
        <v>20785.72394</v>
      </c>
      <c r="P7891">
        <v>30011.333299999998</v>
      </c>
      <c r="Q7891">
        <v>49143.099770000001</v>
      </c>
      <c r="R7891">
        <v>19264.919669999999</v>
      </c>
      <c r="S7891">
        <v>96810.982919999995</v>
      </c>
      <c r="T7891">
        <v>32393.300859999999</v>
      </c>
      <c r="U7891">
        <v>13848.13112</v>
      </c>
      <c r="W7891" s="83">
        <f>Bühler!N7923</f>
        <v>45620.7083333142</v>
      </c>
      <c r="X7891" s="83">
        <v>43429.708333333336</v>
      </c>
      <c r="Y7891">
        <v>161761.99160000001</v>
      </c>
      <c r="Z7891">
        <v>17584.439839999999</v>
      </c>
      <c r="AA7891">
        <v>47281.82127</v>
      </c>
      <c r="AB7891">
        <v>40392.38536</v>
      </c>
      <c r="AC7891">
        <v>37549.626040000003</v>
      </c>
      <c r="AD7891">
        <v>29376.800579999999</v>
      </c>
      <c r="AE7891">
        <v>30214.178690000001</v>
      </c>
      <c r="AF7891">
        <v>44282.725420000002</v>
      </c>
      <c r="AG7891">
        <v>27161.180090000002</v>
      </c>
      <c r="AH7891">
        <v>214923.43780000001</v>
      </c>
      <c r="AI7891">
        <v>72441.314480000001</v>
      </c>
      <c r="AJ7891">
        <v>20785.72394</v>
      </c>
      <c r="AK7891">
        <v>30011.333299999998</v>
      </c>
      <c r="AL7891">
        <v>49143.099770000001</v>
      </c>
      <c r="AM7891">
        <v>19264.919669999999</v>
      </c>
      <c r="AN7891">
        <v>96810.982919999995</v>
      </c>
      <c r="AO7891">
        <v>32393.300859999999</v>
      </c>
      <c r="AP7891">
        <v>13848.13112</v>
      </c>
    </row>
    <row r="7892" spans="2:42" x14ac:dyDescent="0.3">
      <c r="B7892">
        <v>42.624261772932321</v>
      </c>
      <c r="C7892" s="83">
        <v>43429.75</v>
      </c>
      <c r="D7892">
        <v>165134.83009999999</v>
      </c>
      <c r="E7892">
        <v>17317.529579999999</v>
      </c>
      <c r="F7892">
        <v>47767.421309999998</v>
      </c>
      <c r="G7892">
        <v>41628.43636</v>
      </c>
      <c r="H7892">
        <v>37696.078849999998</v>
      </c>
      <c r="I7892">
        <v>29662.124360000002</v>
      </c>
      <c r="J7892">
        <v>31224.398349999999</v>
      </c>
      <c r="K7892">
        <v>46320.213609999999</v>
      </c>
      <c r="L7892">
        <v>28738.950919999999</v>
      </c>
      <c r="M7892">
        <v>217318.364</v>
      </c>
      <c r="N7892">
        <v>73637.979779999994</v>
      </c>
      <c r="O7892">
        <v>21053.22681</v>
      </c>
      <c r="P7892">
        <v>32716.552309999999</v>
      </c>
      <c r="Q7892">
        <v>50888.748850000004</v>
      </c>
      <c r="R7892">
        <v>20408.425029999999</v>
      </c>
      <c r="S7892">
        <v>95519.192500000005</v>
      </c>
      <c r="T7892">
        <v>33100.657460000002</v>
      </c>
      <c r="U7892">
        <v>14473.44074</v>
      </c>
      <c r="W7892" s="83">
        <f>Bühler!N7924</f>
        <v>45620.749999980864</v>
      </c>
      <c r="X7892" s="83">
        <v>43429.75</v>
      </c>
      <c r="Y7892">
        <v>165134.83009999999</v>
      </c>
      <c r="Z7892">
        <v>17317.529579999999</v>
      </c>
      <c r="AA7892">
        <v>47767.421309999998</v>
      </c>
      <c r="AB7892">
        <v>41628.43636</v>
      </c>
      <c r="AC7892">
        <v>37696.078849999998</v>
      </c>
      <c r="AD7892">
        <v>29662.124360000002</v>
      </c>
      <c r="AE7892">
        <v>31224.398349999999</v>
      </c>
      <c r="AF7892">
        <v>46320.213609999999</v>
      </c>
      <c r="AG7892">
        <v>28738.950919999999</v>
      </c>
      <c r="AH7892">
        <v>217318.364</v>
      </c>
      <c r="AI7892">
        <v>73637.979779999994</v>
      </c>
      <c r="AJ7892">
        <v>21053.22681</v>
      </c>
      <c r="AK7892">
        <v>32716.552309999999</v>
      </c>
      <c r="AL7892">
        <v>50888.748850000004</v>
      </c>
      <c r="AM7892">
        <v>20408.425029999999</v>
      </c>
      <c r="AN7892">
        <v>95519.192500000005</v>
      </c>
      <c r="AO7892">
        <v>33100.657460000002</v>
      </c>
      <c r="AP7892">
        <v>14473.44074</v>
      </c>
    </row>
    <row r="7893" spans="2:42" x14ac:dyDescent="0.3">
      <c r="B7893">
        <v>42.687803037750349</v>
      </c>
      <c r="C7893" s="83">
        <v>43429.791666666664</v>
      </c>
      <c r="D7893">
        <v>166943.94620000001</v>
      </c>
      <c r="E7893">
        <v>16483.904159999998</v>
      </c>
      <c r="F7893">
        <v>46814.340750000003</v>
      </c>
      <c r="G7893">
        <v>41845.41994</v>
      </c>
      <c r="H7893">
        <v>37297.36335</v>
      </c>
      <c r="I7893">
        <v>29375.399730000001</v>
      </c>
      <c r="J7893">
        <v>30842.210899999998</v>
      </c>
      <c r="K7893">
        <v>47786.089809999998</v>
      </c>
      <c r="L7893">
        <v>29763.735069999999</v>
      </c>
      <c r="M7893">
        <v>217642.32699999999</v>
      </c>
      <c r="N7893">
        <v>74223.001869999993</v>
      </c>
      <c r="O7893">
        <v>20516.113870000001</v>
      </c>
      <c r="P7893">
        <v>32578.568520000001</v>
      </c>
      <c r="Q7893">
        <v>51350.589200000002</v>
      </c>
      <c r="R7893">
        <v>20490.999240000001</v>
      </c>
      <c r="S7893">
        <v>93546.322360000006</v>
      </c>
      <c r="T7893">
        <v>31505.315449999998</v>
      </c>
      <c r="U7893">
        <v>14154.277099999999</v>
      </c>
      <c r="W7893" s="83">
        <f>Bühler!N7925</f>
        <v>45620.791666647528</v>
      </c>
      <c r="X7893" s="83">
        <v>43429.791666666664</v>
      </c>
      <c r="Y7893">
        <v>166943.94620000001</v>
      </c>
      <c r="Z7893">
        <v>16483.904159999998</v>
      </c>
      <c r="AA7893">
        <v>46814.340750000003</v>
      </c>
      <c r="AB7893">
        <v>41845.41994</v>
      </c>
      <c r="AC7893">
        <v>37297.36335</v>
      </c>
      <c r="AD7893">
        <v>29375.399730000001</v>
      </c>
      <c r="AE7893">
        <v>30842.210899999998</v>
      </c>
      <c r="AF7893">
        <v>47786.089809999998</v>
      </c>
      <c r="AG7893">
        <v>29763.735069999999</v>
      </c>
      <c r="AH7893">
        <v>217642.32699999999</v>
      </c>
      <c r="AI7893">
        <v>74223.001869999993</v>
      </c>
      <c r="AJ7893">
        <v>20516.113870000001</v>
      </c>
      <c r="AK7893">
        <v>32578.568520000001</v>
      </c>
      <c r="AL7893">
        <v>51350.589200000002</v>
      </c>
      <c r="AM7893">
        <v>20490.999240000001</v>
      </c>
      <c r="AN7893">
        <v>93546.322360000006</v>
      </c>
      <c r="AO7893">
        <v>31505.315449999998</v>
      </c>
      <c r="AP7893">
        <v>14154.277099999999</v>
      </c>
    </row>
    <row r="7894" spans="2:42" x14ac:dyDescent="0.3">
      <c r="B7894">
        <v>42.88594605414859</v>
      </c>
      <c r="C7894" s="83">
        <v>43429.833333333336</v>
      </c>
      <c r="D7894">
        <v>168397.98579999999</v>
      </c>
      <c r="E7894">
        <v>15404.89709</v>
      </c>
      <c r="F7894">
        <v>46755.555930000002</v>
      </c>
      <c r="G7894">
        <v>41953.235809999998</v>
      </c>
      <c r="H7894">
        <v>37392.41762</v>
      </c>
      <c r="I7894">
        <v>28458.625359999998</v>
      </c>
      <c r="J7894">
        <v>29906.231080000001</v>
      </c>
      <c r="K7894">
        <v>46440.636930000001</v>
      </c>
      <c r="L7894">
        <v>28252.990170000001</v>
      </c>
      <c r="M7894">
        <v>218652.55249999999</v>
      </c>
      <c r="N7894">
        <v>73929.610620000007</v>
      </c>
      <c r="O7894">
        <v>20966.334500000001</v>
      </c>
      <c r="P7894">
        <v>33181.763550000003</v>
      </c>
      <c r="Q7894">
        <v>51495.644310000003</v>
      </c>
      <c r="R7894">
        <v>18793.14977</v>
      </c>
      <c r="S7894">
        <v>86893.719620000003</v>
      </c>
      <c r="T7894">
        <v>28178.388289999999</v>
      </c>
      <c r="U7894">
        <v>14046.965980000001</v>
      </c>
      <c r="W7894" s="83">
        <f>Bühler!N7926</f>
        <v>45620.833333314193</v>
      </c>
      <c r="X7894" s="83">
        <v>43429.833333333336</v>
      </c>
      <c r="Y7894">
        <v>168397.98579999999</v>
      </c>
      <c r="Z7894">
        <v>15404.89709</v>
      </c>
      <c r="AA7894">
        <v>46755.555930000002</v>
      </c>
      <c r="AB7894">
        <v>41953.235809999998</v>
      </c>
      <c r="AC7894">
        <v>37392.41762</v>
      </c>
      <c r="AD7894">
        <v>28458.625359999998</v>
      </c>
      <c r="AE7894">
        <v>29906.231080000001</v>
      </c>
      <c r="AF7894">
        <v>46440.636930000001</v>
      </c>
      <c r="AG7894">
        <v>28252.990170000001</v>
      </c>
      <c r="AH7894">
        <v>218652.55249999999</v>
      </c>
      <c r="AI7894">
        <v>73929.610620000007</v>
      </c>
      <c r="AJ7894">
        <v>20966.334500000001</v>
      </c>
      <c r="AK7894">
        <v>33181.763550000003</v>
      </c>
      <c r="AL7894">
        <v>51495.644310000003</v>
      </c>
      <c r="AM7894">
        <v>18793.14977</v>
      </c>
      <c r="AN7894">
        <v>86893.719620000003</v>
      </c>
      <c r="AO7894">
        <v>28178.388289999999</v>
      </c>
      <c r="AP7894">
        <v>14046.965980000001</v>
      </c>
    </row>
    <row r="7895" spans="2:42" x14ac:dyDescent="0.3">
      <c r="B7895">
        <v>43.151919174112322</v>
      </c>
      <c r="C7895" s="83">
        <v>43429.875</v>
      </c>
      <c r="D7895">
        <v>170097.20310000001</v>
      </c>
      <c r="E7895">
        <v>15109.374</v>
      </c>
      <c r="F7895">
        <v>46788.755080000003</v>
      </c>
      <c r="G7895">
        <v>41684.987059999999</v>
      </c>
      <c r="H7895">
        <v>36751.774160000001</v>
      </c>
      <c r="I7895">
        <v>27390.63953</v>
      </c>
      <c r="J7895">
        <v>28906.19497</v>
      </c>
      <c r="K7895">
        <v>45811.150629999996</v>
      </c>
      <c r="L7895">
        <v>26870.321629999999</v>
      </c>
      <c r="M7895">
        <v>220008.60750000001</v>
      </c>
      <c r="N7895">
        <v>73858.869820000007</v>
      </c>
      <c r="O7895">
        <v>20928.578850000002</v>
      </c>
      <c r="P7895">
        <v>31911.213879999999</v>
      </c>
      <c r="Q7895">
        <v>53543.018340000002</v>
      </c>
      <c r="R7895">
        <v>18666.746879999999</v>
      </c>
      <c r="S7895">
        <v>83216.389060000001</v>
      </c>
      <c r="T7895">
        <v>27061.840830000001</v>
      </c>
      <c r="U7895">
        <v>14195.45739</v>
      </c>
      <c r="W7895" s="83">
        <f>Bühler!N7927</f>
        <v>45620.874999980857</v>
      </c>
      <c r="X7895" s="83">
        <v>43429.875</v>
      </c>
      <c r="Y7895">
        <v>170097.20310000001</v>
      </c>
      <c r="Z7895">
        <v>15109.374</v>
      </c>
      <c r="AA7895">
        <v>46788.755080000003</v>
      </c>
      <c r="AB7895">
        <v>41684.987059999999</v>
      </c>
      <c r="AC7895">
        <v>36751.774160000001</v>
      </c>
      <c r="AD7895">
        <v>27390.63953</v>
      </c>
      <c r="AE7895">
        <v>28906.19497</v>
      </c>
      <c r="AF7895">
        <v>45811.150629999996</v>
      </c>
      <c r="AG7895">
        <v>26870.321629999999</v>
      </c>
      <c r="AH7895">
        <v>220008.60750000001</v>
      </c>
      <c r="AI7895">
        <v>73858.869820000007</v>
      </c>
      <c r="AJ7895">
        <v>20928.578850000002</v>
      </c>
      <c r="AK7895">
        <v>31911.213879999999</v>
      </c>
      <c r="AL7895">
        <v>53543.018340000002</v>
      </c>
      <c r="AM7895">
        <v>18666.746879999999</v>
      </c>
      <c r="AN7895">
        <v>83216.389060000001</v>
      </c>
      <c r="AO7895">
        <v>27061.840830000001</v>
      </c>
      <c r="AP7895">
        <v>14195.45739</v>
      </c>
    </row>
    <row r="7896" spans="2:42" x14ac:dyDescent="0.3">
      <c r="B7896">
        <v>43.890936742786664</v>
      </c>
      <c r="C7896" s="83">
        <v>43429.916666666664</v>
      </c>
      <c r="D7896">
        <v>172467.1225</v>
      </c>
      <c r="E7896">
        <v>15130.675300000001</v>
      </c>
      <c r="F7896">
        <v>46603.197950000002</v>
      </c>
      <c r="G7896">
        <v>41673.873480000002</v>
      </c>
      <c r="H7896">
        <v>37335.88841</v>
      </c>
      <c r="I7896">
        <v>27088.233639999999</v>
      </c>
      <c r="J7896">
        <v>28565.175759999998</v>
      </c>
      <c r="K7896">
        <v>47652.767399999997</v>
      </c>
      <c r="L7896">
        <v>23980.92915</v>
      </c>
      <c r="M7896">
        <v>223776.46369999999</v>
      </c>
      <c r="N7896">
        <v>76067.627829999998</v>
      </c>
      <c r="O7896">
        <v>21765.063569999998</v>
      </c>
      <c r="P7896">
        <v>30841.42395</v>
      </c>
      <c r="Q7896">
        <v>55282.140910000002</v>
      </c>
      <c r="R7896">
        <v>24992.136149999998</v>
      </c>
      <c r="S7896">
        <v>82298.537259999997</v>
      </c>
      <c r="T7896">
        <v>26590.34952</v>
      </c>
      <c r="U7896">
        <v>15308.84858</v>
      </c>
      <c r="W7896" s="83">
        <f>Bühler!N7928</f>
        <v>45620.916666647521</v>
      </c>
      <c r="X7896" s="83">
        <v>43429.916666666664</v>
      </c>
      <c r="Y7896">
        <v>172467.1225</v>
      </c>
      <c r="Z7896">
        <v>15130.675300000001</v>
      </c>
      <c r="AA7896">
        <v>46603.197950000002</v>
      </c>
      <c r="AB7896">
        <v>41673.873480000002</v>
      </c>
      <c r="AC7896">
        <v>37335.88841</v>
      </c>
      <c r="AD7896">
        <v>27088.233639999999</v>
      </c>
      <c r="AE7896">
        <v>28565.175759999998</v>
      </c>
      <c r="AF7896">
        <v>47652.767399999997</v>
      </c>
      <c r="AG7896">
        <v>23980.92915</v>
      </c>
      <c r="AH7896">
        <v>223776.46369999999</v>
      </c>
      <c r="AI7896">
        <v>76067.627829999998</v>
      </c>
      <c r="AJ7896">
        <v>21765.063569999998</v>
      </c>
      <c r="AK7896">
        <v>30841.42395</v>
      </c>
      <c r="AL7896">
        <v>55282.140910000002</v>
      </c>
      <c r="AM7896">
        <v>24992.136149999998</v>
      </c>
      <c r="AN7896">
        <v>82298.537259999997</v>
      </c>
      <c r="AO7896">
        <v>26590.34952</v>
      </c>
      <c r="AP7896">
        <v>15308.84858</v>
      </c>
    </row>
    <row r="7897" spans="2:42" x14ac:dyDescent="0.3">
      <c r="B7897">
        <v>43.037588086898282</v>
      </c>
      <c r="C7897" s="83">
        <v>43429.958333333336</v>
      </c>
      <c r="D7897">
        <v>175132.44279999999</v>
      </c>
      <c r="E7897">
        <v>15040.12558</v>
      </c>
      <c r="F7897">
        <v>45992.893190000003</v>
      </c>
      <c r="G7897">
        <v>41538.804199999999</v>
      </c>
      <c r="H7897">
        <v>37394.84203</v>
      </c>
      <c r="I7897">
        <v>26514.994579999999</v>
      </c>
      <c r="J7897">
        <v>26679.081119999999</v>
      </c>
      <c r="K7897">
        <v>48247.518859999996</v>
      </c>
      <c r="L7897">
        <v>21196.691019999998</v>
      </c>
      <c r="M7897">
        <v>219425.6943</v>
      </c>
      <c r="N7897">
        <v>76555.158089999997</v>
      </c>
      <c r="O7897">
        <v>22093.19571</v>
      </c>
      <c r="P7897">
        <v>29600.580959999999</v>
      </c>
      <c r="Q7897">
        <v>56861.404060000001</v>
      </c>
      <c r="R7897">
        <v>25140.47064</v>
      </c>
      <c r="S7897">
        <v>80785.167839999995</v>
      </c>
      <c r="T7897">
        <v>29223.243770000001</v>
      </c>
      <c r="U7897">
        <v>14826.877210000001</v>
      </c>
      <c r="W7897" s="83">
        <f>Bühler!N7929</f>
        <v>45620.958333314185</v>
      </c>
      <c r="X7897" s="83">
        <v>43429.958333333336</v>
      </c>
      <c r="Y7897">
        <v>175132.44279999999</v>
      </c>
      <c r="Z7897">
        <v>15040.12558</v>
      </c>
      <c r="AA7897">
        <v>45992.893190000003</v>
      </c>
      <c r="AB7897">
        <v>41538.804199999999</v>
      </c>
      <c r="AC7897">
        <v>37394.84203</v>
      </c>
      <c r="AD7897">
        <v>26514.994579999999</v>
      </c>
      <c r="AE7897">
        <v>26679.081119999999</v>
      </c>
      <c r="AF7897">
        <v>48247.518859999996</v>
      </c>
      <c r="AG7897">
        <v>21196.691019999998</v>
      </c>
      <c r="AH7897">
        <v>219425.6943</v>
      </c>
      <c r="AI7897">
        <v>76555.158089999997</v>
      </c>
      <c r="AJ7897">
        <v>22093.19571</v>
      </c>
      <c r="AK7897">
        <v>29600.580959999999</v>
      </c>
      <c r="AL7897">
        <v>56861.404060000001</v>
      </c>
      <c r="AM7897">
        <v>25140.47064</v>
      </c>
      <c r="AN7897">
        <v>80785.167839999995</v>
      </c>
      <c r="AO7897">
        <v>29223.243770000001</v>
      </c>
      <c r="AP7897">
        <v>14826.877210000001</v>
      </c>
    </row>
    <row r="7898" spans="2:42" x14ac:dyDescent="0.3">
      <c r="B7898">
        <v>43.470227443923811</v>
      </c>
      <c r="C7898" s="83">
        <v>43430</v>
      </c>
      <c r="D7898">
        <v>176919.21960000001</v>
      </c>
      <c r="E7898">
        <v>14904.35051</v>
      </c>
      <c r="F7898">
        <v>46302.679279999997</v>
      </c>
      <c r="G7898">
        <v>41558.38078</v>
      </c>
      <c r="H7898">
        <v>37041.830139999998</v>
      </c>
      <c r="I7898">
        <v>25012.708689999999</v>
      </c>
      <c r="J7898">
        <v>25259.876270000001</v>
      </c>
      <c r="K7898">
        <v>47150.54567</v>
      </c>
      <c r="L7898">
        <v>19788.670559999999</v>
      </c>
      <c r="M7898">
        <v>221631.4915</v>
      </c>
      <c r="N7898">
        <v>76089.660040000002</v>
      </c>
      <c r="O7898">
        <v>22023.759030000001</v>
      </c>
      <c r="P7898">
        <v>28274.69256</v>
      </c>
      <c r="Q7898">
        <v>60185.895929999999</v>
      </c>
      <c r="R7898">
        <v>23797.381829999998</v>
      </c>
      <c r="S7898">
        <v>80565.812520000007</v>
      </c>
      <c r="T7898">
        <v>28544.2693</v>
      </c>
      <c r="U7898">
        <v>14975.92857</v>
      </c>
      <c r="W7898" s="83">
        <f>Bühler!N7930</f>
        <v>45620.99999998085</v>
      </c>
      <c r="X7898" s="83">
        <v>43430</v>
      </c>
      <c r="Y7898">
        <v>176919.21960000001</v>
      </c>
      <c r="Z7898">
        <v>14904.35051</v>
      </c>
      <c r="AA7898">
        <v>46302.679279999997</v>
      </c>
      <c r="AB7898">
        <v>41558.38078</v>
      </c>
      <c r="AC7898">
        <v>37041.830139999998</v>
      </c>
      <c r="AD7898">
        <v>25012.708689999999</v>
      </c>
      <c r="AE7898">
        <v>25259.876270000001</v>
      </c>
      <c r="AF7898">
        <v>47150.54567</v>
      </c>
      <c r="AG7898">
        <v>19788.670559999999</v>
      </c>
      <c r="AH7898">
        <v>221631.4915</v>
      </c>
      <c r="AI7898">
        <v>76089.660040000002</v>
      </c>
      <c r="AJ7898">
        <v>22023.759030000001</v>
      </c>
      <c r="AK7898">
        <v>28274.69256</v>
      </c>
      <c r="AL7898">
        <v>60185.895929999999</v>
      </c>
      <c r="AM7898">
        <v>23797.381829999998</v>
      </c>
      <c r="AN7898">
        <v>80565.812520000007</v>
      </c>
      <c r="AO7898">
        <v>28544.2693</v>
      </c>
      <c r="AP7898">
        <v>14975.92857</v>
      </c>
    </row>
    <row r="7899" spans="2:42" x14ac:dyDescent="0.3">
      <c r="B7899">
        <v>43.685742645222277</v>
      </c>
      <c r="C7899" s="83">
        <v>43430.041666666664</v>
      </c>
      <c r="D7899">
        <v>177495.6918</v>
      </c>
      <c r="E7899">
        <v>15079.89984</v>
      </c>
      <c r="F7899">
        <v>47375.114880000001</v>
      </c>
      <c r="G7899">
        <v>41283.448759999999</v>
      </c>
      <c r="H7899">
        <v>37029.754849999998</v>
      </c>
      <c r="I7899">
        <v>20639.736069999999</v>
      </c>
      <c r="J7899">
        <v>25085.940610000001</v>
      </c>
      <c r="K7899">
        <v>43848.484680000001</v>
      </c>
      <c r="L7899">
        <v>18937.19065</v>
      </c>
      <c r="M7899">
        <v>222730.2885</v>
      </c>
      <c r="N7899">
        <v>76118.381030000004</v>
      </c>
      <c r="O7899">
        <v>22418.48861</v>
      </c>
      <c r="P7899">
        <v>26569.177940000001</v>
      </c>
      <c r="Q7899">
        <v>62968.260580000002</v>
      </c>
      <c r="R7899">
        <v>23514.136450000002</v>
      </c>
      <c r="S7899">
        <v>79425.18273</v>
      </c>
      <c r="T7899">
        <v>28488.000940000002</v>
      </c>
      <c r="U7899">
        <v>14916.53088</v>
      </c>
      <c r="W7899" s="83">
        <f>Bühler!N7931</f>
        <v>45621.041666647514</v>
      </c>
      <c r="X7899" s="83">
        <v>43430.041666666664</v>
      </c>
      <c r="Y7899">
        <v>177495.6918</v>
      </c>
      <c r="Z7899">
        <v>15079.89984</v>
      </c>
      <c r="AA7899">
        <v>47375.114880000001</v>
      </c>
      <c r="AB7899">
        <v>41283.448759999999</v>
      </c>
      <c r="AC7899">
        <v>37029.754849999998</v>
      </c>
      <c r="AD7899">
        <v>20639.736069999999</v>
      </c>
      <c r="AE7899">
        <v>25085.940610000001</v>
      </c>
      <c r="AF7899">
        <v>43848.484680000001</v>
      </c>
      <c r="AG7899">
        <v>18937.19065</v>
      </c>
      <c r="AH7899">
        <v>222730.2885</v>
      </c>
      <c r="AI7899">
        <v>76118.381030000004</v>
      </c>
      <c r="AJ7899">
        <v>22418.48861</v>
      </c>
      <c r="AK7899">
        <v>26569.177940000001</v>
      </c>
      <c r="AL7899">
        <v>62968.260580000002</v>
      </c>
      <c r="AM7899">
        <v>23514.136450000002</v>
      </c>
      <c r="AN7899">
        <v>79425.18273</v>
      </c>
      <c r="AO7899">
        <v>28488.000940000002</v>
      </c>
      <c r="AP7899">
        <v>14916.53088</v>
      </c>
    </row>
    <row r="7900" spans="2:42" x14ac:dyDescent="0.3">
      <c r="B7900">
        <v>44.897473759177295</v>
      </c>
      <c r="C7900" s="83">
        <v>43430.083333333336</v>
      </c>
      <c r="D7900">
        <v>180298.3524</v>
      </c>
      <c r="E7900">
        <v>15121.08858</v>
      </c>
      <c r="F7900">
        <v>48669.817819999997</v>
      </c>
      <c r="G7900">
        <v>41142.034489999998</v>
      </c>
      <c r="H7900">
        <v>36984.26988</v>
      </c>
      <c r="I7900">
        <v>19186.615020000001</v>
      </c>
      <c r="J7900">
        <v>25239.679469999999</v>
      </c>
      <c r="K7900">
        <v>43508.023260000002</v>
      </c>
      <c r="L7900">
        <v>19377.375769999999</v>
      </c>
      <c r="M7900">
        <v>228908.25880000001</v>
      </c>
      <c r="N7900">
        <v>76338.860700000005</v>
      </c>
      <c r="O7900">
        <v>22252.626799999998</v>
      </c>
      <c r="P7900">
        <v>26676.331989999999</v>
      </c>
      <c r="Q7900">
        <v>65599.066909999994</v>
      </c>
      <c r="R7900">
        <v>23389.86018</v>
      </c>
      <c r="S7900">
        <v>79365.523969999995</v>
      </c>
      <c r="T7900">
        <v>28334.253229999998</v>
      </c>
      <c r="U7900">
        <v>15216.71271</v>
      </c>
      <c r="W7900" s="83">
        <f>Bühler!N7932</f>
        <v>45621.083333314178</v>
      </c>
      <c r="X7900" s="83">
        <v>43430.083333333336</v>
      </c>
      <c r="Y7900">
        <v>180298.3524</v>
      </c>
      <c r="Z7900">
        <v>15121.08858</v>
      </c>
      <c r="AA7900">
        <v>48669.817819999997</v>
      </c>
      <c r="AB7900">
        <v>41142.034489999998</v>
      </c>
      <c r="AC7900">
        <v>36984.26988</v>
      </c>
      <c r="AD7900">
        <v>19186.615020000001</v>
      </c>
      <c r="AE7900">
        <v>25239.679469999999</v>
      </c>
      <c r="AF7900">
        <v>43508.023260000002</v>
      </c>
      <c r="AG7900">
        <v>19377.375769999999</v>
      </c>
      <c r="AH7900">
        <v>228908.25880000001</v>
      </c>
      <c r="AI7900">
        <v>76338.860700000005</v>
      </c>
      <c r="AJ7900">
        <v>22252.626799999998</v>
      </c>
      <c r="AK7900">
        <v>26676.331989999999</v>
      </c>
      <c r="AL7900">
        <v>65599.066909999994</v>
      </c>
      <c r="AM7900">
        <v>23389.86018</v>
      </c>
      <c r="AN7900">
        <v>79365.523969999995</v>
      </c>
      <c r="AO7900">
        <v>28334.253229999998</v>
      </c>
      <c r="AP7900">
        <v>15216.71271</v>
      </c>
    </row>
    <row r="7901" spans="2:42" x14ac:dyDescent="0.3">
      <c r="B7901">
        <v>45.938232811823049</v>
      </c>
      <c r="C7901" s="83">
        <v>43430.125</v>
      </c>
      <c r="D7901">
        <v>184685.21650000001</v>
      </c>
      <c r="E7901">
        <v>15357.871300000001</v>
      </c>
      <c r="F7901">
        <v>50001.103510000001</v>
      </c>
      <c r="G7901">
        <v>40968.841650000002</v>
      </c>
      <c r="H7901">
        <v>37138.392999999996</v>
      </c>
      <c r="I7901">
        <v>19189.316940000001</v>
      </c>
      <c r="J7901">
        <v>25534.988529999999</v>
      </c>
      <c r="K7901">
        <v>42345.773200000003</v>
      </c>
      <c r="L7901">
        <v>19110.276539999999</v>
      </c>
      <c r="M7901">
        <v>234214.5338</v>
      </c>
      <c r="N7901">
        <v>77196.35454</v>
      </c>
      <c r="O7901">
        <v>22636.070110000001</v>
      </c>
      <c r="P7901">
        <v>26635.665580000001</v>
      </c>
      <c r="Q7901">
        <v>70553.968590000004</v>
      </c>
      <c r="R7901">
        <v>23727.601419999999</v>
      </c>
      <c r="S7901">
        <v>78340.230509999994</v>
      </c>
      <c r="T7901">
        <v>28320.379280000001</v>
      </c>
      <c r="U7901">
        <v>15630.34519</v>
      </c>
      <c r="W7901" s="83">
        <f>Bühler!N7933</f>
        <v>45621.124999980842</v>
      </c>
      <c r="X7901" s="83">
        <v>43430.125</v>
      </c>
      <c r="Y7901">
        <v>184685.21650000001</v>
      </c>
      <c r="Z7901">
        <v>15357.871300000001</v>
      </c>
      <c r="AA7901">
        <v>50001.103510000001</v>
      </c>
      <c r="AB7901">
        <v>40968.841650000002</v>
      </c>
      <c r="AC7901">
        <v>37138.392999999996</v>
      </c>
      <c r="AD7901">
        <v>19189.316940000001</v>
      </c>
      <c r="AE7901">
        <v>25534.988529999999</v>
      </c>
      <c r="AF7901">
        <v>42345.773200000003</v>
      </c>
      <c r="AG7901">
        <v>19110.276539999999</v>
      </c>
      <c r="AH7901">
        <v>234214.5338</v>
      </c>
      <c r="AI7901">
        <v>77196.35454</v>
      </c>
      <c r="AJ7901">
        <v>22636.070110000001</v>
      </c>
      <c r="AK7901">
        <v>26635.665580000001</v>
      </c>
      <c r="AL7901">
        <v>70553.968590000004</v>
      </c>
      <c r="AM7901">
        <v>23727.601419999999</v>
      </c>
      <c r="AN7901">
        <v>78340.230509999994</v>
      </c>
      <c r="AO7901">
        <v>28320.379280000001</v>
      </c>
      <c r="AP7901">
        <v>15630.34519</v>
      </c>
    </row>
    <row r="7902" spans="2:42" x14ac:dyDescent="0.3">
      <c r="B7902">
        <v>48.564776403922856</v>
      </c>
      <c r="C7902" s="83">
        <v>43430.166666666664</v>
      </c>
      <c r="D7902">
        <v>196421.82819999999</v>
      </c>
      <c r="E7902">
        <v>16346.803519999999</v>
      </c>
      <c r="F7902">
        <v>53769.696839999997</v>
      </c>
      <c r="G7902">
        <v>40600.285559999997</v>
      </c>
      <c r="H7902">
        <v>38369.425089999997</v>
      </c>
      <c r="I7902">
        <v>23235.585760000002</v>
      </c>
      <c r="J7902">
        <v>26887.13985</v>
      </c>
      <c r="K7902">
        <v>43012.489930000003</v>
      </c>
      <c r="L7902">
        <v>19094.440620000001</v>
      </c>
      <c r="M7902">
        <v>247605.87789999999</v>
      </c>
      <c r="N7902">
        <v>79002.650699999998</v>
      </c>
      <c r="O7902">
        <v>22814.906749999998</v>
      </c>
      <c r="P7902">
        <v>26171.51367</v>
      </c>
      <c r="Q7902">
        <v>77195.060589999994</v>
      </c>
      <c r="R7902">
        <v>24153.25747</v>
      </c>
      <c r="S7902">
        <v>79821.863620000004</v>
      </c>
      <c r="T7902">
        <v>28010.163980000001</v>
      </c>
      <c r="U7902">
        <v>16865.06148</v>
      </c>
      <c r="W7902" s="83">
        <f>Bühler!N7934</f>
        <v>45621.166666647507</v>
      </c>
      <c r="X7902" s="83">
        <v>43430.166666666664</v>
      </c>
      <c r="Y7902">
        <v>196421.82819999999</v>
      </c>
      <c r="Z7902">
        <v>16346.803519999999</v>
      </c>
      <c r="AA7902">
        <v>53769.696839999997</v>
      </c>
      <c r="AB7902">
        <v>40600.285559999997</v>
      </c>
      <c r="AC7902">
        <v>38369.425089999997</v>
      </c>
      <c r="AD7902">
        <v>23235.585760000002</v>
      </c>
      <c r="AE7902">
        <v>26887.13985</v>
      </c>
      <c r="AF7902">
        <v>43012.489930000003</v>
      </c>
      <c r="AG7902">
        <v>19094.440620000001</v>
      </c>
      <c r="AH7902">
        <v>247605.87789999999</v>
      </c>
      <c r="AI7902">
        <v>79002.650699999998</v>
      </c>
      <c r="AJ7902">
        <v>22814.906749999998</v>
      </c>
      <c r="AK7902">
        <v>26171.51367</v>
      </c>
      <c r="AL7902">
        <v>77195.060589999994</v>
      </c>
      <c r="AM7902">
        <v>24153.25747</v>
      </c>
      <c r="AN7902">
        <v>79821.863620000004</v>
      </c>
      <c r="AO7902">
        <v>28010.163980000001</v>
      </c>
      <c r="AP7902">
        <v>16865.06148</v>
      </c>
    </row>
    <row r="7903" spans="2:42" x14ac:dyDescent="0.3">
      <c r="B7903">
        <v>54.191092550004768</v>
      </c>
      <c r="C7903" s="83">
        <v>43430.208333333336</v>
      </c>
      <c r="D7903">
        <v>227083.58499999999</v>
      </c>
      <c r="E7903">
        <v>18776.080959999999</v>
      </c>
      <c r="F7903">
        <v>65469.927389999997</v>
      </c>
      <c r="G7903">
        <v>43484.44569</v>
      </c>
      <c r="H7903">
        <v>40961.073149999997</v>
      </c>
      <c r="I7903">
        <v>32762.827990000002</v>
      </c>
      <c r="J7903">
        <v>29732.994849999999</v>
      </c>
      <c r="K7903">
        <v>44389.975409999999</v>
      </c>
      <c r="L7903">
        <v>20171.319169999999</v>
      </c>
      <c r="M7903">
        <v>276291.46139999997</v>
      </c>
      <c r="N7903">
        <v>81618.487609999996</v>
      </c>
      <c r="O7903">
        <v>24025.505690000002</v>
      </c>
      <c r="P7903">
        <v>28098.311010000001</v>
      </c>
      <c r="Q7903">
        <v>82341.304319999996</v>
      </c>
      <c r="R7903">
        <v>24471.586449999999</v>
      </c>
      <c r="S7903">
        <v>82398.579660000003</v>
      </c>
      <c r="T7903">
        <v>29780.673309999998</v>
      </c>
      <c r="U7903">
        <v>18526.78083</v>
      </c>
      <c r="W7903" s="83">
        <f>Bühler!N7935</f>
        <v>45621.208333314171</v>
      </c>
      <c r="X7903" s="83">
        <v>43430.208333333336</v>
      </c>
      <c r="Y7903">
        <v>227083.58499999999</v>
      </c>
      <c r="Z7903">
        <v>18776.080959999999</v>
      </c>
      <c r="AA7903">
        <v>65469.927389999997</v>
      </c>
      <c r="AB7903">
        <v>43484.44569</v>
      </c>
      <c r="AC7903">
        <v>40961.073149999997</v>
      </c>
      <c r="AD7903">
        <v>32762.827990000002</v>
      </c>
      <c r="AE7903">
        <v>29732.994849999999</v>
      </c>
      <c r="AF7903">
        <v>44389.975409999999</v>
      </c>
      <c r="AG7903">
        <v>20171.319169999999</v>
      </c>
      <c r="AH7903">
        <v>276291.46139999997</v>
      </c>
      <c r="AI7903">
        <v>81618.487609999996</v>
      </c>
      <c r="AJ7903">
        <v>24025.505690000002</v>
      </c>
      <c r="AK7903">
        <v>28098.311010000001</v>
      </c>
      <c r="AL7903">
        <v>82341.304319999996</v>
      </c>
      <c r="AM7903">
        <v>24471.586449999999</v>
      </c>
      <c r="AN7903">
        <v>82398.579660000003</v>
      </c>
      <c r="AO7903">
        <v>29780.673309999998</v>
      </c>
      <c r="AP7903">
        <v>18526.78083</v>
      </c>
    </row>
    <row r="7904" spans="2:42" x14ac:dyDescent="0.3">
      <c r="B7904">
        <v>59.354297901263969</v>
      </c>
      <c r="C7904" s="83">
        <v>43430.25</v>
      </c>
      <c r="D7904">
        <v>252952.76079999999</v>
      </c>
      <c r="E7904">
        <v>23262.85154</v>
      </c>
      <c r="F7904">
        <v>78310.475099999996</v>
      </c>
      <c r="G7904">
        <v>56282.111940000003</v>
      </c>
      <c r="H7904">
        <v>44702.316919999997</v>
      </c>
      <c r="I7904">
        <v>41009.874519999998</v>
      </c>
      <c r="J7904">
        <v>32981.347759999997</v>
      </c>
      <c r="K7904">
        <v>47431.114410000002</v>
      </c>
      <c r="L7904">
        <v>21919.268400000001</v>
      </c>
      <c r="M7904">
        <v>302615.89010000002</v>
      </c>
      <c r="N7904">
        <v>84357.226150000002</v>
      </c>
      <c r="O7904">
        <v>24475.54175</v>
      </c>
      <c r="P7904">
        <v>28019.109530000002</v>
      </c>
      <c r="Q7904">
        <v>88028.767989999993</v>
      </c>
      <c r="R7904">
        <v>19445.976419999999</v>
      </c>
      <c r="S7904">
        <v>89884.063819999996</v>
      </c>
      <c r="T7904">
        <v>32558.56912</v>
      </c>
      <c r="U7904">
        <v>21636.56207</v>
      </c>
      <c r="W7904" s="83">
        <f>Bühler!N7936</f>
        <v>45621.249999980835</v>
      </c>
      <c r="X7904" s="83">
        <v>43430.25</v>
      </c>
      <c r="Y7904">
        <v>252952.76079999999</v>
      </c>
      <c r="Z7904">
        <v>23262.85154</v>
      </c>
      <c r="AA7904">
        <v>78310.475099999996</v>
      </c>
      <c r="AB7904">
        <v>56282.111940000003</v>
      </c>
      <c r="AC7904">
        <v>44702.316919999997</v>
      </c>
      <c r="AD7904">
        <v>41009.874519999998</v>
      </c>
      <c r="AE7904">
        <v>32981.347759999997</v>
      </c>
      <c r="AF7904">
        <v>47431.114410000002</v>
      </c>
      <c r="AG7904">
        <v>21919.268400000001</v>
      </c>
      <c r="AH7904">
        <v>302615.89010000002</v>
      </c>
      <c r="AI7904">
        <v>84357.226150000002</v>
      </c>
      <c r="AJ7904">
        <v>24475.54175</v>
      </c>
      <c r="AK7904">
        <v>28019.109530000002</v>
      </c>
      <c r="AL7904">
        <v>88028.767989999993</v>
      </c>
      <c r="AM7904">
        <v>19445.976419999999</v>
      </c>
      <c r="AN7904">
        <v>89884.063819999996</v>
      </c>
      <c r="AO7904">
        <v>32558.56912</v>
      </c>
      <c r="AP7904">
        <v>21636.56207</v>
      </c>
    </row>
    <row r="7905" spans="2:42" x14ac:dyDescent="0.3">
      <c r="B7905">
        <v>61.293041993513604</v>
      </c>
      <c r="C7905" s="83">
        <v>43430.291666666664</v>
      </c>
      <c r="D7905">
        <v>274588.67749999999</v>
      </c>
      <c r="E7905">
        <v>28284.716130000001</v>
      </c>
      <c r="F7905">
        <v>80021.369200000001</v>
      </c>
      <c r="G7905">
        <v>72343.566749999998</v>
      </c>
      <c r="H7905">
        <v>50305.50445</v>
      </c>
      <c r="I7905">
        <v>49706.252249999998</v>
      </c>
      <c r="J7905">
        <v>33729.645660000002</v>
      </c>
      <c r="K7905">
        <v>52428.293579999998</v>
      </c>
      <c r="L7905">
        <v>24441.548500000001</v>
      </c>
      <c r="M7905">
        <v>312500.51160000003</v>
      </c>
      <c r="N7905">
        <v>91433.373699999996</v>
      </c>
      <c r="O7905">
        <v>27453.00661</v>
      </c>
      <c r="P7905">
        <v>30244.790300000001</v>
      </c>
      <c r="Q7905">
        <v>89438.879610000004</v>
      </c>
      <c r="R7905">
        <v>22680.486099999998</v>
      </c>
      <c r="S7905">
        <v>102921.6735</v>
      </c>
      <c r="T7905">
        <v>34208.760730000002</v>
      </c>
      <c r="U7905">
        <v>26727.974119999999</v>
      </c>
      <c r="W7905" s="83">
        <f>Bühler!N7937</f>
        <v>45621.291666647499</v>
      </c>
      <c r="X7905" s="83">
        <v>43430.291666666664</v>
      </c>
      <c r="Y7905">
        <v>274588.67749999999</v>
      </c>
      <c r="Z7905">
        <v>28284.716130000001</v>
      </c>
      <c r="AA7905">
        <v>80021.369200000001</v>
      </c>
      <c r="AB7905">
        <v>72343.566749999998</v>
      </c>
      <c r="AC7905">
        <v>50305.50445</v>
      </c>
      <c r="AD7905">
        <v>49706.252249999998</v>
      </c>
      <c r="AE7905">
        <v>33729.645660000002</v>
      </c>
      <c r="AF7905">
        <v>52428.293579999998</v>
      </c>
      <c r="AG7905">
        <v>24441.548500000001</v>
      </c>
      <c r="AH7905">
        <v>312500.51160000003</v>
      </c>
      <c r="AI7905">
        <v>91433.373699999996</v>
      </c>
      <c r="AJ7905">
        <v>27453.00661</v>
      </c>
      <c r="AK7905">
        <v>30244.790300000001</v>
      </c>
      <c r="AL7905">
        <v>89438.879610000004</v>
      </c>
      <c r="AM7905">
        <v>22680.486099999998</v>
      </c>
      <c r="AN7905">
        <v>102921.6735</v>
      </c>
      <c r="AO7905">
        <v>34208.760730000002</v>
      </c>
      <c r="AP7905">
        <v>26727.974119999999</v>
      </c>
    </row>
    <row r="7906" spans="2:42" x14ac:dyDescent="0.3">
      <c r="B7906">
        <v>62.245808134191257</v>
      </c>
      <c r="C7906" s="83">
        <v>43430.333333333336</v>
      </c>
      <c r="D7906">
        <v>290802.22690000001</v>
      </c>
      <c r="E7906">
        <v>34467.67497</v>
      </c>
      <c r="F7906">
        <v>86597.284669999994</v>
      </c>
      <c r="G7906">
        <v>91348.230110000004</v>
      </c>
      <c r="H7906">
        <v>55714.1613</v>
      </c>
      <c r="I7906">
        <v>53030.129379999998</v>
      </c>
      <c r="J7906">
        <v>33694.430910000003</v>
      </c>
      <c r="K7906">
        <v>57991.130700000002</v>
      </c>
      <c r="L7906">
        <v>27310.336609999998</v>
      </c>
      <c r="M7906">
        <v>317358.15769999998</v>
      </c>
      <c r="N7906">
        <v>98975.725930000001</v>
      </c>
      <c r="O7906">
        <v>29598.404890000002</v>
      </c>
      <c r="P7906">
        <v>32719.454740000001</v>
      </c>
      <c r="Q7906">
        <v>91200.599979999999</v>
      </c>
      <c r="R7906">
        <v>22950.913909999999</v>
      </c>
      <c r="S7906">
        <v>118078.08409999999</v>
      </c>
      <c r="T7906">
        <v>36824.227890000002</v>
      </c>
      <c r="U7906">
        <v>28764.577160000001</v>
      </c>
      <c r="W7906" s="83">
        <f>Bühler!N7938</f>
        <v>45621.333333314164</v>
      </c>
      <c r="X7906" s="83">
        <v>43430.333333333336</v>
      </c>
      <c r="Y7906">
        <v>290802.22690000001</v>
      </c>
      <c r="Z7906">
        <v>34467.67497</v>
      </c>
      <c r="AA7906">
        <v>86597.284669999994</v>
      </c>
      <c r="AB7906">
        <v>91348.230110000004</v>
      </c>
      <c r="AC7906">
        <v>55714.1613</v>
      </c>
      <c r="AD7906">
        <v>53030.129379999998</v>
      </c>
      <c r="AE7906">
        <v>33694.430910000003</v>
      </c>
      <c r="AF7906">
        <v>57991.130700000002</v>
      </c>
      <c r="AG7906">
        <v>27310.336609999998</v>
      </c>
      <c r="AH7906">
        <v>317358.15769999998</v>
      </c>
      <c r="AI7906">
        <v>98975.725930000001</v>
      </c>
      <c r="AJ7906">
        <v>29598.404890000002</v>
      </c>
      <c r="AK7906">
        <v>32719.454740000001</v>
      </c>
      <c r="AL7906">
        <v>91200.599979999999</v>
      </c>
      <c r="AM7906">
        <v>22950.913909999999</v>
      </c>
      <c r="AN7906">
        <v>118078.08409999999</v>
      </c>
      <c r="AO7906">
        <v>36824.227890000002</v>
      </c>
      <c r="AP7906">
        <v>28764.577160000001</v>
      </c>
    </row>
    <row r="7907" spans="2:42" x14ac:dyDescent="0.3">
      <c r="B7907">
        <v>63.118750113502799</v>
      </c>
      <c r="C7907" s="83">
        <v>43430.375</v>
      </c>
      <c r="D7907">
        <v>296842.12579999998</v>
      </c>
      <c r="E7907">
        <v>38891.697690000001</v>
      </c>
      <c r="F7907">
        <v>92179.219450000004</v>
      </c>
      <c r="G7907">
        <v>101585.9004</v>
      </c>
      <c r="H7907">
        <v>58908.084929999997</v>
      </c>
      <c r="I7907">
        <v>51421.371950000001</v>
      </c>
      <c r="J7907">
        <v>33205.867709999999</v>
      </c>
      <c r="K7907">
        <v>61470.863949999999</v>
      </c>
      <c r="L7907">
        <v>30636.417020000001</v>
      </c>
      <c r="M7907">
        <v>321808.82299999997</v>
      </c>
      <c r="N7907">
        <v>103545.5252</v>
      </c>
      <c r="O7907">
        <v>30580.951779999999</v>
      </c>
      <c r="P7907">
        <v>34373.423759999998</v>
      </c>
      <c r="Q7907">
        <v>93034.91085</v>
      </c>
      <c r="R7907">
        <v>24034.202539999998</v>
      </c>
      <c r="S7907">
        <v>124879.9048</v>
      </c>
      <c r="T7907">
        <v>40121.788699999997</v>
      </c>
      <c r="U7907">
        <v>29543.006150000001</v>
      </c>
      <c r="W7907" s="83">
        <f>Bühler!N7939</f>
        <v>45621.374999980828</v>
      </c>
      <c r="X7907" s="83">
        <v>43430.375</v>
      </c>
      <c r="Y7907">
        <v>296842.12579999998</v>
      </c>
      <c r="Z7907">
        <v>38891.697690000001</v>
      </c>
      <c r="AA7907">
        <v>92179.219450000004</v>
      </c>
      <c r="AB7907">
        <v>101585.9004</v>
      </c>
      <c r="AC7907">
        <v>58908.084929999997</v>
      </c>
      <c r="AD7907">
        <v>51421.371950000001</v>
      </c>
      <c r="AE7907">
        <v>33205.867709999999</v>
      </c>
      <c r="AF7907">
        <v>61470.863949999999</v>
      </c>
      <c r="AG7907">
        <v>30636.417020000001</v>
      </c>
      <c r="AH7907">
        <v>321808.82299999997</v>
      </c>
      <c r="AI7907">
        <v>103545.5252</v>
      </c>
      <c r="AJ7907">
        <v>30580.951779999999</v>
      </c>
      <c r="AK7907">
        <v>34373.423759999998</v>
      </c>
      <c r="AL7907">
        <v>93034.91085</v>
      </c>
      <c r="AM7907">
        <v>24034.202539999998</v>
      </c>
      <c r="AN7907">
        <v>124879.9048</v>
      </c>
      <c r="AO7907">
        <v>40121.788699999997</v>
      </c>
      <c r="AP7907">
        <v>29543.006150000001</v>
      </c>
    </row>
    <row r="7908" spans="2:42" x14ac:dyDescent="0.3">
      <c r="B7908">
        <v>64.7197336157042</v>
      </c>
      <c r="C7908" s="83">
        <v>43430.416666666664</v>
      </c>
      <c r="D7908">
        <v>300064.67540000001</v>
      </c>
      <c r="E7908">
        <v>40289.128299999997</v>
      </c>
      <c r="F7908">
        <v>92661.042920000007</v>
      </c>
      <c r="G7908">
        <v>104459.2764</v>
      </c>
      <c r="H7908">
        <v>59124.755680000002</v>
      </c>
      <c r="I7908">
        <v>48054.149819999999</v>
      </c>
      <c r="J7908">
        <v>32598.03469</v>
      </c>
      <c r="K7908">
        <v>62917.551670000001</v>
      </c>
      <c r="L7908">
        <v>32147.533530000001</v>
      </c>
      <c r="M7908">
        <v>329971.3835</v>
      </c>
      <c r="N7908">
        <v>104609.9031</v>
      </c>
      <c r="O7908">
        <v>31220.390869999999</v>
      </c>
      <c r="P7908">
        <v>34683.323049999999</v>
      </c>
      <c r="Q7908">
        <v>92904.29595</v>
      </c>
      <c r="R7908">
        <v>24524.65105</v>
      </c>
      <c r="S7908">
        <v>124861.2674</v>
      </c>
      <c r="T7908">
        <v>40483.41044</v>
      </c>
      <c r="U7908">
        <v>29548.68274</v>
      </c>
      <c r="W7908" s="83">
        <f>Bühler!N7940</f>
        <v>45621.416666647492</v>
      </c>
      <c r="X7908" s="83">
        <v>43430.416666666664</v>
      </c>
      <c r="Y7908">
        <v>300064.67540000001</v>
      </c>
      <c r="Z7908">
        <v>40289.128299999997</v>
      </c>
      <c r="AA7908">
        <v>92661.042920000007</v>
      </c>
      <c r="AB7908">
        <v>104459.2764</v>
      </c>
      <c r="AC7908">
        <v>59124.755680000002</v>
      </c>
      <c r="AD7908">
        <v>48054.149819999999</v>
      </c>
      <c r="AE7908">
        <v>32598.03469</v>
      </c>
      <c r="AF7908">
        <v>62917.551670000001</v>
      </c>
      <c r="AG7908">
        <v>32147.533530000001</v>
      </c>
      <c r="AH7908">
        <v>329971.3835</v>
      </c>
      <c r="AI7908">
        <v>104609.9031</v>
      </c>
      <c r="AJ7908">
        <v>31220.390869999999</v>
      </c>
      <c r="AK7908">
        <v>34683.323049999999</v>
      </c>
      <c r="AL7908">
        <v>92904.29595</v>
      </c>
      <c r="AM7908">
        <v>24524.65105</v>
      </c>
      <c r="AN7908">
        <v>124861.2674</v>
      </c>
      <c r="AO7908">
        <v>40483.41044</v>
      </c>
      <c r="AP7908">
        <v>29548.68274</v>
      </c>
    </row>
    <row r="7909" spans="2:42" x14ac:dyDescent="0.3">
      <c r="B7909">
        <v>65.545380470594552</v>
      </c>
      <c r="C7909" s="83">
        <v>43430.458333333336</v>
      </c>
      <c r="D7909">
        <v>297012.3849</v>
      </c>
      <c r="E7909">
        <v>39916.908810000001</v>
      </c>
      <c r="F7909">
        <v>92751.407519999993</v>
      </c>
      <c r="G7909">
        <v>101525.6761</v>
      </c>
      <c r="H7909">
        <v>58205.956559999999</v>
      </c>
      <c r="I7909">
        <v>45433.935360000003</v>
      </c>
      <c r="J7909">
        <v>31974.640520000001</v>
      </c>
      <c r="K7909">
        <v>63289.015480000002</v>
      </c>
      <c r="L7909">
        <v>32798.993110000003</v>
      </c>
      <c r="M7909">
        <v>334180.91619999998</v>
      </c>
      <c r="N7909">
        <v>102874.94070000001</v>
      </c>
      <c r="O7909">
        <v>30872.696810000001</v>
      </c>
      <c r="P7909">
        <v>33577.250549999997</v>
      </c>
      <c r="Q7909">
        <v>93276.558969999998</v>
      </c>
      <c r="R7909">
        <v>24433.65826</v>
      </c>
      <c r="S7909">
        <v>125396.04090000001</v>
      </c>
      <c r="T7909">
        <v>40121.986839999998</v>
      </c>
      <c r="U7909">
        <v>29283.615450000001</v>
      </c>
      <c r="W7909" s="83">
        <f>Bühler!N7941</f>
        <v>45621.458333314156</v>
      </c>
      <c r="X7909" s="83">
        <v>43430.458333333336</v>
      </c>
      <c r="Y7909">
        <v>297012.3849</v>
      </c>
      <c r="Z7909">
        <v>39916.908810000001</v>
      </c>
      <c r="AA7909">
        <v>92751.407519999993</v>
      </c>
      <c r="AB7909">
        <v>101525.6761</v>
      </c>
      <c r="AC7909">
        <v>58205.956559999999</v>
      </c>
      <c r="AD7909">
        <v>45433.935360000003</v>
      </c>
      <c r="AE7909">
        <v>31974.640520000001</v>
      </c>
      <c r="AF7909">
        <v>63289.015480000002</v>
      </c>
      <c r="AG7909">
        <v>32798.993110000003</v>
      </c>
      <c r="AH7909">
        <v>334180.91619999998</v>
      </c>
      <c r="AI7909">
        <v>102874.94070000001</v>
      </c>
      <c r="AJ7909">
        <v>30872.696810000001</v>
      </c>
      <c r="AK7909">
        <v>33577.250549999997</v>
      </c>
      <c r="AL7909">
        <v>93276.558969999998</v>
      </c>
      <c r="AM7909">
        <v>24433.65826</v>
      </c>
      <c r="AN7909">
        <v>125396.04090000001</v>
      </c>
      <c r="AO7909">
        <v>40121.986839999998</v>
      </c>
      <c r="AP7909">
        <v>29283.615450000001</v>
      </c>
    </row>
    <row r="7910" spans="2:42" x14ac:dyDescent="0.3">
      <c r="B7910">
        <v>64.719988241294118</v>
      </c>
      <c r="C7910" s="83">
        <v>43430.5</v>
      </c>
      <c r="D7910">
        <v>285253.17450000002</v>
      </c>
      <c r="E7910">
        <v>35959.897510000003</v>
      </c>
      <c r="F7910">
        <v>86734.193660000004</v>
      </c>
      <c r="G7910">
        <v>99329.519579999993</v>
      </c>
      <c r="H7910">
        <v>54959.787949999998</v>
      </c>
      <c r="I7910">
        <v>42498.572999999997</v>
      </c>
      <c r="J7910">
        <v>31452.171969999999</v>
      </c>
      <c r="K7910">
        <v>59793.041039999996</v>
      </c>
      <c r="L7910">
        <v>35634.674099999997</v>
      </c>
      <c r="M7910">
        <v>329972.68170000002</v>
      </c>
      <c r="N7910">
        <v>98355.414780000006</v>
      </c>
      <c r="O7910">
        <v>29930.593379999998</v>
      </c>
      <c r="P7910">
        <v>34306.862699999998</v>
      </c>
      <c r="Q7910">
        <v>93729.893519999998</v>
      </c>
      <c r="R7910">
        <v>26309.612089999999</v>
      </c>
      <c r="S7910">
        <v>119013.1234</v>
      </c>
      <c r="T7910">
        <v>39978.402560000002</v>
      </c>
      <c r="U7910">
        <v>24202.026870000002</v>
      </c>
      <c r="W7910" s="83">
        <f>Bühler!N7942</f>
        <v>45621.499999980821</v>
      </c>
      <c r="X7910" s="83">
        <v>43430.5</v>
      </c>
      <c r="Y7910">
        <v>285253.17450000002</v>
      </c>
      <c r="Z7910">
        <v>35959.897510000003</v>
      </c>
      <c r="AA7910">
        <v>86734.193660000004</v>
      </c>
      <c r="AB7910">
        <v>99329.519579999993</v>
      </c>
      <c r="AC7910">
        <v>54959.787949999998</v>
      </c>
      <c r="AD7910">
        <v>42498.572999999997</v>
      </c>
      <c r="AE7910">
        <v>31452.171969999999</v>
      </c>
      <c r="AF7910">
        <v>59793.041039999996</v>
      </c>
      <c r="AG7910">
        <v>35634.674099999997</v>
      </c>
      <c r="AH7910">
        <v>329972.68170000002</v>
      </c>
      <c r="AI7910">
        <v>98355.414780000006</v>
      </c>
      <c r="AJ7910">
        <v>29930.593379999998</v>
      </c>
      <c r="AK7910">
        <v>34306.862699999998</v>
      </c>
      <c r="AL7910">
        <v>93729.893519999998</v>
      </c>
      <c r="AM7910">
        <v>26309.612089999999</v>
      </c>
      <c r="AN7910">
        <v>119013.1234</v>
      </c>
      <c r="AO7910">
        <v>39978.402560000002</v>
      </c>
      <c r="AP7910">
        <v>24202.026870000002</v>
      </c>
    </row>
    <row r="7911" spans="2:42" x14ac:dyDescent="0.3">
      <c r="B7911">
        <v>65.0761260635757</v>
      </c>
      <c r="C7911" s="83">
        <v>43430.541666666664</v>
      </c>
      <c r="D7911">
        <v>286710.71139999997</v>
      </c>
      <c r="E7911">
        <v>35935.57531</v>
      </c>
      <c r="F7911">
        <v>83386.201319999993</v>
      </c>
      <c r="G7911">
        <v>96634.766260000004</v>
      </c>
      <c r="H7911">
        <v>55520.471339999996</v>
      </c>
      <c r="I7911">
        <v>41480.59562</v>
      </c>
      <c r="J7911">
        <v>30536.19959</v>
      </c>
      <c r="K7911">
        <v>62606.29017</v>
      </c>
      <c r="L7911">
        <v>33831.70708</v>
      </c>
      <c r="M7911">
        <v>331788.43839999998</v>
      </c>
      <c r="N7911">
        <v>98427.210860000007</v>
      </c>
      <c r="O7911">
        <v>30106.282169999999</v>
      </c>
      <c r="P7911">
        <v>33253.667909999996</v>
      </c>
      <c r="Q7911">
        <v>93309.888709999999</v>
      </c>
      <c r="R7911">
        <v>26750.443149999999</v>
      </c>
      <c r="S7911">
        <v>117760.6741</v>
      </c>
      <c r="T7911">
        <v>39200.430509999998</v>
      </c>
      <c r="U7911">
        <v>26792.05285</v>
      </c>
      <c r="W7911" s="83">
        <f>Bühler!N7943</f>
        <v>45621.541666647485</v>
      </c>
      <c r="X7911" s="83">
        <v>43430.541666666664</v>
      </c>
      <c r="Y7911">
        <v>286710.71139999997</v>
      </c>
      <c r="Z7911">
        <v>35935.57531</v>
      </c>
      <c r="AA7911">
        <v>83386.201319999993</v>
      </c>
      <c r="AB7911">
        <v>96634.766260000004</v>
      </c>
      <c r="AC7911">
        <v>55520.471339999996</v>
      </c>
      <c r="AD7911">
        <v>41480.59562</v>
      </c>
      <c r="AE7911">
        <v>30536.19959</v>
      </c>
      <c r="AF7911">
        <v>62606.29017</v>
      </c>
      <c r="AG7911">
        <v>33831.70708</v>
      </c>
      <c r="AH7911">
        <v>331788.43839999998</v>
      </c>
      <c r="AI7911">
        <v>98427.210860000007</v>
      </c>
      <c r="AJ7911">
        <v>30106.282169999999</v>
      </c>
      <c r="AK7911">
        <v>33253.667909999996</v>
      </c>
      <c r="AL7911">
        <v>93309.888709999999</v>
      </c>
      <c r="AM7911">
        <v>26750.443149999999</v>
      </c>
      <c r="AN7911">
        <v>117760.6741</v>
      </c>
      <c r="AO7911">
        <v>39200.430509999998</v>
      </c>
      <c r="AP7911">
        <v>26792.05285</v>
      </c>
    </row>
    <row r="7912" spans="2:42" x14ac:dyDescent="0.3">
      <c r="B7912">
        <v>65.672620733938373</v>
      </c>
      <c r="C7912" s="83">
        <v>43430.583333333336</v>
      </c>
      <c r="D7912">
        <v>290721.34240000002</v>
      </c>
      <c r="E7912">
        <v>38785.087930000002</v>
      </c>
      <c r="F7912">
        <v>90408.476079999993</v>
      </c>
      <c r="G7912">
        <v>91539.567999999999</v>
      </c>
      <c r="H7912">
        <v>54740.943939999997</v>
      </c>
      <c r="I7912">
        <v>42319.261359999997</v>
      </c>
      <c r="J7912">
        <v>29770.272059999999</v>
      </c>
      <c r="K7912">
        <v>63674.477830000003</v>
      </c>
      <c r="L7912">
        <v>30590.870859999999</v>
      </c>
      <c r="M7912">
        <v>334829.64640000003</v>
      </c>
      <c r="N7912">
        <v>100238.8028</v>
      </c>
      <c r="O7912">
        <v>29515.97107</v>
      </c>
      <c r="P7912">
        <v>30785.274600000001</v>
      </c>
      <c r="Q7912">
        <v>92182.177920000002</v>
      </c>
      <c r="R7912">
        <v>25101.42236</v>
      </c>
      <c r="S7912">
        <v>112888.554</v>
      </c>
      <c r="T7912">
        <v>37121.913710000001</v>
      </c>
      <c r="U7912">
        <v>27474.607769999999</v>
      </c>
      <c r="W7912" s="83">
        <f>Bühler!N7944</f>
        <v>45621.583333314149</v>
      </c>
      <c r="X7912" s="83">
        <v>43430.583333333336</v>
      </c>
      <c r="Y7912">
        <v>290721.34240000002</v>
      </c>
      <c r="Z7912">
        <v>38785.087930000002</v>
      </c>
      <c r="AA7912">
        <v>90408.476079999993</v>
      </c>
      <c r="AB7912">
        <v>91539.567999999999</v>
      </c>
      <c r="AC7912">
        <v>54740.943939999997</v>
      </c>
      <c r="AD7912">
        <v>42319.261359999997</v>
      </c>
      <c r="AE7912">
        <v>29770.272059999999</v>
      </c>
      <c r="AF7912">
        <v>63674.477830000003</v>
      </c>
      <c r="AG7912">
        <v>30590.870859999999</v>
      </c>
      <c r="AH7912">
        <v>334829.64640000003</v>
      </c>
      <c r="AI7912">
        <v>100238.8028</v>
      </c>
      <c r="AJ7912">
        <v>29515.97107</v>
      </c>
      <c r="AK7912">
        <v>30785.274600000001</v>
      </c>
      <c r="AL7912">
        <v>92182.177920000002</v>
      </c>
      <c r="AM7912">
        <v>25101.42236</v>
      </c>
      <c r="AN7912">
        <v>112888.554</v>
      </c>
      <c r="AO7912">
        <v>37121.913710000001</v>
      </c>
      <c r="AP7912">
        <v>27474.607769999999</v>
      </c>
    </row>
    <row r="7913" spans="2:42" x14ac:dyDescent="0.3">
      <c r="B7913">
        <v>64.941725352844088</v>
      </c>
      <c r="C7913" s="83">
        <v>43430.625</v>
      </c>
      <c r="D7913">
        <v>288644.74479999999</v>
      </c>
      <c r="E7913">
        <v>38600.99308</v>
      </c>
      <c r="F7913">
        <v>91335.106530000005</v>
      </c>
      <c r="G7913">
        <v>89917.935889999993</v>
      </c>
      <c r="H7913">
        <v>53475.219779999999</v>
      </c>
      <c r="I7913">
        <v>43410.62356</v>
      </c>
      <c r="J7913">
        <v>29221.643</v>
      </c>
      <c r="K7913">
        <v>63564.608130000001</v>
      </c>
      <c r="L7913">
        <v>27771.4967</v>
      </c>
      <c r="M7913">
        <v>331103.2009</v>
      </c>
      <c r="N7913">
        <v>97954.684779999996</v>
      </c>
      <c r="O7913">
        <v>29917.817930000001</v>
      </c>
      <c r="P7913">
        <v>29790.981049999999</v>
      </c>
      <c r="Q7913">
        <v>91996.269400000005</v>
      </c>
      <c r="R7913">
        <v>24348.585459999998</v>
      </c>
      <c r="S7913">
        <v>111432.45970000001</v>
      </c>
      <c r="T7913">
        <v>36755.632559999998</v>
      </c>
      <c r="U7913">
        <v>26064.823939999998</v>
      </c>
      <c r="W7913" s="83">
        <f>Bühler!N7945</f>
        <v>45621.624999980813</v>
      </c>
      <c r="X7913" s="83">
        <v>43430.625</v>
      </c>
      <c r="Y7913">
        <v>288644.74479999999</v>
      </c>
      <c r="Z7913">
        <v>38600.99308</v>
      </c>
      <c r="AA7913">
        <v>91335.106530000005</v>
      </c>
      <c r="AB7913">
        <v>89917.935889999993</v>
      </c>
      <c r="AC7913">
        <v>53475.219779999999</v>
      </c>
      <c r="AD7913">
        <v>43410.62356</v>
      </c>
      <c r="AE7913">
        <v>29221.643</v>
      </c>
      <c r="AF7913">
        <v>63564.608130000001</v>
      </c>
      <c r="AG7913">
        <v>27771.4967</v>
      </c>
      <c r="AH7913">
        <v>331103.2009</v>
      </c>
      <c r="AI7913">
        <v>97954.684779999996</v>
      </c>
      <c r="AJ7913">
        <v>29917.817930000001</v>
      </c>
      <c r="AK7913">
        <v>29790.981049999999</v>
      </c>
      <c r="AL7913">
        <v>91996.269400000005</v>
      </c>
      <c r="AM7913">
        <v>24348.585459999998</v>
      </c>
      <c r="AN7913">
        <v>111432.45970000001</v>
      </c>
      <c r="AO7913">
        <v>36755.632559999998</v>
      </c>
      <c r="AP7913">
        <v>26064.823939999998</v>
      </c>
    </row>
    <row r="7914" spans="2:42" x14ac:dyDescent="0.3">
      <c r="B7914">
        <v>64.258983511173952</v>
      </c>
      <c r="C7914" s="83">
        <v>43430.666666666664</v>
      </c>
      <c r="D7914">
        <v>284337.49170000001</v>
      </c>
      <c r="E7914">
        <v>38286.757210000003</v>
      </c>
      <c r="F7914">
        <v>90821.494900000005</v>
      </c>
      <c r="G7914">
        <v>88025.409809999997</v>
      </c>
      <c r="H7914">
        <v>52372.43361</v>
      </c>
      <c r="I7914">
        <v>45829.442490000001</v>
      </c>
      <c r="J7914">
        <v>29465.605889999999</v>
      </c>
      <c r="K7914">
        <v>61138.01902</v>
      </c>
      <c r="L7914">
        <v>26946.79045</v>
      </c>
      <c r="M7914">
        <v>327622.26459999999</v>
      </c>
      <c r="N7914">
        <v>97574.9375</v>
      </c>
      <c r="O7914">
        <v>29750.904989999999</v>
      </c>
      <c r="P7914">
        <v>30420.957780000001</v>
      </c>
      <c r="Q7914">
        <v>91383.767829999997</v>
      </c>
      <c r="R7914">
        <v>25113.082460000001</v>
      </c>
      <c r="S7914">
        <v>109718.3766</v>
      </c>
      <c r="T7914">
        <v>37433.268889999999</v>
      </c>
      <c r="U7914">
        <v>24733.702209999999</v>
      </c>
      <c r="W7914" s="83">
        <f>Bühler!N7946</f>
        <v>45621.666666647478</v>
      </c>
      <c r="X7914" s="83">
        <v>43430.666666666664</v>
      </c>
      <c r="Y7914">
        <v>284337.49170000001</v>
      </c>
      <c r="Z7914">
        <v>38286.757210000003</v>
      </c>
      <c r="AA7914">
        <v>90821.494900000005</v>
      </c>
      <c r="AB7914">
        <v>88025.409809999997</v>
      </c>
      <c r="AC7914">
        <v>52372.43361</v>
      </c>
      <c r="AD7914">
        <v>45829.442490000001</v>
      </c>
      <c r="AE7914">
        <v>29465.605889999999</v>
      </c>
      <c r="AF7914">
        <v>61138.01902</v>
      </c>
      <c r="AG7914">
        <v>26946.79045</v>
      </c>
      <c r="AH7914">
        <v>327622.26459999999</v>
      </c>
      <c r="AI7914">
        <v>97574.9375</v>
      </c>
      <c r="AJ7914">
        <v>29750.904989999999</v>
      </c>
      <c r="AK7914">
        <v>30420.957780000001</v>
      </c>
      <c r="AL7914">
        <v>91383.767829999997</v>
      </c>
      <c r="AM7914">
        <v>25113.082460000001</v>
      </c>
      <c r="AN7914">
        <v>109718.3766</v>
      </c>
      <c r="AO7914">
        <v>37433.268889999999</v>
      </c>
      <c r="AP7914">
        <v>24733.702209999999</v>
      </c>
    </row>
    <row r="7915" spans="2:42" x14ac:dyDescent="0.3">
      <c r="B7915">
        <v>64.446413188239035</v>
      </c>
      <c r="C7915" s="83">
        <v>43430.708333333336</v>
      </c>
      <c r="D7915">
        <v>276129.5036</v>
      </c>
      <c r="E7915">
        <v>37297.04507</v>
      </c>
      <c r="F7915">
        <v>93295.265109999993</v>
      </c>
      <c r="G7915">
        <v>80758.166580000005</v>
      </c>
      <c r="H7915">
        <v>52636.625030000003</v>
      </c>
      <c r="I7915">
        <v>46065.290979999998</v>
      </c>
      <c r="J7915">
        <v>32252.41418</v>
      </c>
      <c r="K7915">
        <v>55717.726000000002</v>
      </c>
      <c r="L7915">
        <v>28587.578880000001</v>
      </c>
      <c r="M7915">
        <v>328577.86849999998</v>
      </c>
      <c r="N7915">
        <v>95820.739249999999</v>
      </c>
      <c r="O7915">
        <v>28338.953160000001</v>
      </c>
      <c r="P7915">
        <v>33239.893550000001</v>
      </c>
      <c r="Q7915">
        <v>91181.761929999993</v>
      </c>
      <c r="R7915">
        <v>23321.084750000002</v>
      </c>
      <c r="S7915">
        <v>110721.8827</v>
      </c>
      <c r="T7915">
        <v>39704.339390000001</v>
      </c>
      <c r="U7915">
        <v>23704.70652</v>
      </c>
      <c r="W7915" s="83">
        <f>Bühler!N7947</f>
        <v>45621.708333314142</v>
      </c>
      <c r="X7915" s="83">
        <v>43430.708333333336</v>
      </c>
      <c r="Y7915">
        <v>276129.5036</v>
      </c>
      <c r="Z7915">
        <v>37297.04507</v>
      </c>
      <c r="AA7915">
        <v>93295.265109999993</v>
      </c>
      <c r="AB7915">
        <v>80758.166580000005</v>
      </c>
      <c r="AC7915">
        <v>52636.625030000003</v>
      </c>
      <c r="AD7915">
        <v>46065.290979999998</v>
      </c>
      <c r="AE7915">
        <v>32252.41418</v>
      </c>
      <c r="AF7915">
        <v>55717.726000000002</v>
      </c>
      <c r="AG7915">
        <v>28587.578880000001</v>
      </c>
      <c r="AH7915">
        <v>328577.86849999998</v>
      </c>
      <c r="AI7915">
        <v>95820.739249999999</v>
      </c>
      <c r="AJ7915">
        <v>28338.953160000001</v>
      </c>
      <c r="AK7915">
        <v>33239.893550000001</v>
      </c>
      <c r="AL7915">
        <v>91181.761929999993</v>
      </c>
      <c r="AM7915">
        <v>23321.084750000002</v>
      </c>
      <c r="AN7915">
        <v>110721.8827</v>
      </c>
      <c r="AO7915">
        <v>39704.339390000001</v>
      </c>
      <c r="AP7915">
        <v>23704.70652</v>
      </c>
    </row>
    <row r="7916" spans="2:42" x14ac:dyDescent="0.3">
      <c r="B7916">
        <v>63.837011165824542</v>
      </c>
      <c r="C7916" s="83">
        <v>43430.75</v>
      </c>
      <c r="D7916">
        <v>271351.87410000002</v>
      </c>
      <c r="E7916">
        <v>33878.857190000002</v>
      </c>
      <c r="F7916">
        <v>91382.162249999994</v>
      </c>
      <c r="G7916">
        <v>69629.999710000004</v>
      </c>
      <c r="H7916">
        <v>50830.780700000003</v>
      </c>
      <c r="I7916">
        <v>45999.750670000001</v>
      </c>
      <c r="J7916">
        <v>32800.788690000001</v>
      </c>
      <c r="K7916">
        <v>54328.622159999999</v>
      </c>
      <c r="L7916">
        <v>29523.04321</v>
      </c>
      <c r="M7916">
        <v>325470.85279999999</v>
      </c>
      <c r="N7916">
        <v>94430.911240000001</v>
      </c>
      <c r="O7916">
        <v>27099.008750000001</v>
      </c>
      <c r="P7916">
        <v>36087.738859999998</v>
      </c>
      <c r="Q7916">
        <v>89272.778820000007</v>
      </c>
      <c r="R7916">
        <v>22565.115030000001</v>
      </c>
      <c r="S7916">
        <v>105221.9961</v>
      </c>
      <c r="T7916">
        <v>39295.080450000001</v>
      </c>
      <c r="U7916">
        <v>21548.120699999999</v>
      </c>
      <c r="W7916" s="83">
        <f>Bühler!N7948</f>
        <v>45621.749999980806</v>
      </c>
      <c r="X7916" s="83">
        <v>43430.75</v>
      </c>
      <c r="Y7916">
        <v>271351.87410000002</v>
      </c>
      <c r="Z7916">
        <v>33878.857190000002</v>
      </c>
      <c r="AA7916">
        <v>91382.162249999994</v>
      </c>
      <c r="AB7916">
        <v>69629.999710000004</v>
      </c>
      <c r="AC7916">
        <v>50830.780700000003</v>
      </c>
      <c r="AD7916">
        <v>45999.750670000001</v>
      </c>
      <c r="AE7916">
        <v>32800.788690000001</v>
      </c>
      <c r="AF7916">
        <v>54328.622159999999</v>
      </c>
      <c r="AG7916">
        <v>29523.04321</v>
      </c>
      <c r="AH7916">
        <v>325470.85279999999</v>
      </c>
      <c r="AI7916">
        <v>94430.911240000001</v>
      </c>
      <c r="AJ7916">
        <v>27099.008750000001</v>
      </c>
      <c r="AK7916">
        <v>36087.738859999998</v>
      </c>
      <c r="AL7916">
        <v>89272.778820000007</v>
      </c>
      <c r="AM7916">
        <v>22565.115030000001</v>
      </c>
      <c r="AN7916">
        <v>105221.9961</v>
      </c>
      <c r="AO7916">
        <v>39295.080450000001</v>
      </c>
      <c r="AP7916">
        <v>21548.120699999999</v>
      </c>
    </row>
    <row r="7917" spans="2:42" x14ac:dyDescent="0.3">
      <c r="B7917">
        <v>62.216560476170478</v>
      </c>
      <c r="C7917" s="83">
        <v>43430.791666666664</v>
      </c>
      <c r="D7917">
        <v>266368.7206</v>
      </c>
      <c r="E7917">
        <v>27752.60095</v>
      </c>
      <c r="F7917">
        <v>77990.321710000004</v>
      </c>
      <c r="G7917">
        <v>61712.3632</v>
      </c>
      <c r="H7917">
        <v>47556.405189999998</v>
      </c>
      <c r="I7917">
        <v>42385.568910000002</v>
      </c>
      <c r="J7917">
        <v>31930.66834</v>
      </c>
      <c r="K7917">
        <v>52581.181850000001</v>
      </c>
      <c r="L7917">
        <v>29734.97393</v>
      </c>
      <c r="M7917">
        <v>317209.03950000001</v>
      </c>
      <c r="N7917">
        <v>92608.883109999995</v>
      </c>
      <c r="O7917">
        <v>25487.535629999998</v>
      </c>
      <c r="P7917">
        <v>37098.106379999997</v>
      </c>
      <c r="Q7917">
        <v>87662.881129999994</v>
      </c>
      <c r="R7917">
        <v>22774.214650000002</v>
      </c>
      <c r="S7917">
        <v>99295.655280000006</v>
      </c>
      <c r="T7917">
        <v>38840.06828</v>
      </c>
      <c r="U7917">
        <v>20020.84491</v>
      </c>
      <c r="W7917" s="83">
        <f>Bühler!N7949</f>
        <v>45621.79166664747</v>
      </c>
      <c r="X7917" s="83">
        <v>43430.791666666664</v>
      </c>
      <c r="Y7917">
        <v>266368.7206</v>
      </c>
      <c r="Z7917">
        <v>27752.60095</v>
      </c>
      <c r="AA7917">
        <v>77990.321710000004</v>
      </c>
      <c r="AB7917">
        <v>61712.3632</v>
      </c>
      <c r="AC7917">
        <v>47556.405189999998</v>
      </c>
      <c r="AD7917">
        <v>42385.568910000002</v>
      </c>
      <c r="AE7917">
        <v>31930.66834</v>
      </c>
      <c r="AF7917">
        <v>52581.181850000001</v>
      </c>
      <c r="AG7917">
        <v>29734.97393</v>
      </c>
      <c r="AH7917">
        <v>317209.03950000001</v>
      </c>
      <c r="AI7917">
        <v>92608.883109999995</v>
      </c>
      <c r="AJ7917">
        <v>25487.535629999998</v>
      </c>
      <c r="AK7917">
        <v>37098.106379999997</v>
      </c>
      <c r="AL7917">
        <v>87662.881129999994</v>
      </c>
      <c r="AM7917">
        <v>22774.214650000002</v>
      </c>
      <c r="AN7917">
        <v>99295.655280000006</v>
      </c>
      <c r="AO7917">
        <v>38840.06828</v>
      </c>
      <c r="AP7917">
        <v>20020.84491</v>
      </c>
    </row>
    <row r="7918" spans="2:42" x14ac:dyDescent="0.3">
      <c r="B7918">
        <v>61.272529236738222</v>
      </c>
      <c r="C7918" s="83">
        <v>43430.833333333336</v>
      </c>
      <c r="D7918">
        <v>256624.65549999999</v>
      </c>
      <c r="E7918">
        <v>21300.22767</v>
      </c>
      <c r="F7918">
        <v>61036.169009999998</v>
      </c>
      <c r="G7918">
        <v>53871.356939999998</v>
      </c>
      <c r="H7918">
        <v>43972.533660000001</v>
      </c>
      <c r="I7918">
        <v>37709.405440000002</v>
      </c>
      <c r="J7918">
        <v>30981.252479999999</v>
      </c>
      <c r="K7918">
        <v>51633.53888</v>
      </c>
      <c r="L7918">
        <v>28360.11911</v>
      </c>
      <c r="M7918">
        <v>312395.92800000001</v>
      </c>
      <c r="N7918">
        <v>89518.218949999995</v>
      </c>
      <c r="O7918">
        <v>24681.156139999999</v>
      </c>
      <c r="P7918">
        <v>36931.4732</v>
      </c>
      <c r="Q7918">
        <v>85080.173630000005</v>
      </c>
      <c r="R7918">
        <v>20318.05402</v>
      </c>
      <c r="S7918">
        <v>89732.793319999997</v>
      </c>
      <c r="T7918">
        <v>36905.32026</v>
      </c>
      <c r="U7918">
        <v>18234.963790000002</v>
      </c>
      <c r="W7918" s="83">
        <f>Bühler!N7950</f>
        <v>45621.833333314135</v>
      </c>
      <c r="X7918" s="83">
        <v>43430.833333333336</v>
      </c>
      <c r="Y7918">
        <v>256624.65549999999</v>
      </c>
      <c r="Z7918">
        <v>21300.22767</v>
      </c>
      <c r="AA7918">
        <v>61036.169009999998</v>
      </c>
      <c r="AB7918">
        <v>53871.356939999998</v>
      </c>
      <c r="AC7918">
        <v>43972.533660000001</v>
      </c>
      <c r="AD7918">
        <v>37709.405440000002</v>
      </c>
      <c r="AE7918">
        <v>30981.252479999999</v>
      </c>
      <c r="AF7918">
        <v>51633.53888</v>
      </c>
      <c r="AG7918">
        <v>28360.11911</v>
      </c>
      <c r="AH7918">
        <v>312395.92800000001</v>
      </c>
      <c r="AI7918">
        <v>89518.218949999995</v>
      </c>
      <c r="AJ7918">
        <v>24681.156139999999</v>
      </c>
      <c r="AK7918">
        <v>36931.4732</v>
      </c>
      <c r="AL7918">
        <v>85080.173630000005</v>
      </c>
      <c r="AM7918">
        <v>20318.05402</v>
      </c>
      <c r="AN7918">
        <v>89732.793319999997</v>
      </c>
      <c r="AO7918">
        <v>36905.32026</v>
      </c>
      <c r="AP7918">
        <v>18234.963790000002</v>
      </c>
    </row>
    <row r="7919" spans="2:42" x14ac:dyDescent="0.3">
      <c r="B7919">
        <v>59.206226785487914</v>
      </c>
      <c r="C7919" s="83">
        <v>43430.875</v>
      </c>
      <c r="D7919">
        <v>246056.21669999999</v>
      </c>
      <c r="E7919">
        <v>18307.662700000001</v>
      </c>
      <c r="F7919">
        <v>53243.987139999997</v>
      </c>
      <c r="G7919">
        <v>50122.425819999997</v>
      </c>
      <c r="H7919">
        <v>41700.313029999998</v>
      </c>
      <c r="I7919">
        <v>32614.539959999998</v>
      </c>
      <c r="J7919">
        <v>29576.554</v>
      </c>
      <c r="K7919">
        <v>49735.876080000002</v>
      </c>
      <c r="L7919">
        <v>27015.537130000001</v>
      </c>
      <c r="M7919">
        <v>301860.95449999999</v>
      </c>
      <c r="N7919">
        <v>86506.488029999993</v>
      </c>
      <c r="O7919">
        <v>23522.59851</v>
      </c>
      <c r="P7919">
        <v>35640.200219999999</v>
      </c>
      <c r="Q7919">
        <v>83772.971999999994</v>
      </c>
      <c r="R7919">
        <v>19326.689890000001</v>
      </c>
      <c r="S7919">
        <v>83984.708060000004</v>
      </c>
      <c r="T7919">
        <v>33778.665180000004</v>
      </c>
      <c r="U7919">
        <v>16575.032449999999</v>
      </c>
      <c r="W7919" s="83">
        <f>Bühler!N7951</f>
        <v>45621.874999980799</v>
      </c>
      <c r="X7919" s="83">
        <v>43430.875</v>
      </c>
      <c r="Y7919">
        <v>246056.21669999999</v>
      </c>
      <c r="Z7919">
        <v>18307.662700000001</v>
      </c>
      <c r="AA7919">
        <v>53243.987139999997</v>
      </c>
      <c r="AB7919">
        <v>50122.425819999997</v>
      </c>
      <c r="AC7919">
        <v>41700.313029999998</v>
      </c>
      <c r="AD7919">
        <v>32614.539959999998</v>
      </c>
      <c r="AE7919">
        <v>29576.554</v>
      </c>
      <c r="AF7919">
        <v>49735.876080000002</v>
      </c>
      <c r="AG7919">
        <v>27015.537130000001</v>
      </c>
      <c r="AH7919">
        <v>301860.95449999999</v>
      </c>
      <c r="AI7919">
        <v>86506.488029999993</v>
      </c>
      <c r="AJ7919">
        <v>23522.59851</v>
      </c>
      <c r="AK7919">
        <v>35640.200219999999</v>
      </c>
      <c r="AL7919">
        <v>83772.971999999994</v>
      </c>
      <c r="AM7919">
        <v>19326.689890000001</v>
      </c>
      <c r="AN7919">
        <v>83984.708060000004</v>
      </c>
      <c r="AO7919">
        <v>33778.665180000004</v>
      </c>
      <c r="AP7919">
        <v>16575.032449999999</v>
      </c>
    </row>
    <row r="7920" spans="2:42" x14ac:dyDescent="0.3">
      <c r="B7920">
        <v>58.969886949313214</v>
      </c>
      <c r="C7920" s="83">
        <v>43430.916666666664</v>
      </c>
      <c r="D7920">
        <v>245206.95189999999</v>
      </c>
      <c r="E7920">
        <v>17789.263800000001</v>
      </c>
      <c r="F7920">
        <v>51138.704980000002</v>
      </c>
      <c r="G7920">
        <v>47255.441489999997</v>
      </c>
      <c r="H7920">
        <v>41000.54075</v>
      </c>
      <c r="I7920">
        <v>30485.846610000001</v>
      </c>
      <c r="J7920">
        <v>28575.453010000001</v>
      </c>
      <c r="K7920">
        <v>52945.769780000002</v>
      </c>
      <c r="L7920">
        <v>25022.729920000002</v>
      </c>
      <c r="M7920">
        <v>300655.98379999999</v>
      </c>
      <c r="N7920">
        <v>87473.250839999993</v>
      </c>
      <c r="O7920">
        <v>23897.200410000001</v>
      </c>
      <c r="P7920">
        <v>36401.335760000002</v>
      </c>
      <c r="Q7920">
        <v>82586.648730000001</v>
      </c>
      <c r="R7920">
        <v>27352.479159999999</v>
      </c>
      <c r="S7920">
        <v>82952.688760000005</v>
      </c>
      <c r="T7920">
        <v>30137.243709999999</v>
      </c>
      <c r="U7920">
        <v>17764.990870000001</v>
      </c>
      <c r="W7920" s="83">
        <f>Bühler!N7952</f>
        <v>45621.916666647463</v>
      </c>
      <c r="X7920" s="83">
        <v>43430.916666666664</v>
      </c>
      <c r="Y7920">
        <v>245206.95189999999</v>
      </c>
      <c r="Z7920">
        <v>17789.263800000001</v>
      </c>
      <c r="AA7920">
        <v>51138.704980000002</v>
      </c>
      <c r="AB7920">
        <v>47255.441489999997</v>
      </c>
      <c r="AC7920">
        <v>41000.54075</v>
      </c>
      <c r="AD7920">
        <v>30485.846610000001</v>
      </c>
      <c r="AE7920">
        <v>28575.453010000001</v>
      </c>
      <c r="AF7920">
        <v>52945.769780000002</v>
      </c>
      <c r="AG7920">
        <v>25022.729920000002</v>
      </c>
      <c r="AH7920">
        <v>300655.98379999999</v>
      </c>
      <c r="AI7920">
        <v>87473.250839999993</v>
      </c>
      <c r="AJ7920">
        <v>23897.200410000001</v>
      </c>
      <c r="AK7920">
        <v>36401.335760000002</v>
      </c>
      <c r="AL7920">
        <v>82586.648730000001</v>
      </c>
      <c r="AM7920">
        <v>27352.479159999999</v>
      </c>
      <c r="AN7920">
        <v>82952.688760000005</v>
      </c>
      <c r="AO7920">
        <v>30137.243709999999</v>
      </c>
      <c r="AP7920">
        <v>17764.990870000001</v>
      </c>
    </row>
    <row r="7921" spans="2:42" x14ac:dyDescent="0.3">
      <c r="B7921">
        <v>58.338375631192982</v>
      </c>
      <c r="C7921" s="83">
        <v>43430.958333333336</v>
      </c>
      <c r="D7921">
        <v>246062.25469999999</v>
      </c>
      <c r="E7921">
        <v>17308.327219999999</v>
      </c>
      <c r="F7921">
        <v>50086.318659999997</v>
      </c>
      <c r="G7921">
        <v>46090.229549999996</v>
      </c>
      <c r="H7921">
        <v>39920.604769999998</v>
      </c>
      <c r="I7921">
        <v>28998.890380000001</v>
      </c>
      <c r="J7921">
        <v>27211.231790000002</v>
      </c>
      <c r="K7921">
        <v>51593.414599999996</v>
      </c>
      <c r="L7921">
        <v>22475.96327</v>
      </c>
      <c r="M7921">
        <v>297436.24459999998</v>
      </c>
      <c r="N7921">
        <v>87095.81336</v>
      </c>
      <c r="O7921">
        <v>23938.823209999999</v>
      </c>
      <c r="P7921">
        <v>33492.899400000002</v>
      </c>
      <c r="Q7921">
        <v>83168.362569999998</v>
      </c>
      <c r="R7921">
        <v>27218.184499999999</v>
      </c>
      <c r="S7921">
        <v>81083.242169999998</v>
      </c>
      <c r="T7921">
        <v>31274.255959999999</v>
      </c>
      <c r="U7921">
        <v>17218.77131</v>
      </c>
      <c r="W7921" s="83">
        <f>Bühler!N7953</f>
        <v>45621.958333314127</v>
      </c>
      <c r="X7921" s="83">
        <v>43430.958333333336</v>
      </c>
      <c r="Y7921">
        <v>246062.25469999999</v>
      </c>
      <c r="Z7921">
        <v>17308.327219999999</v>
      </c>
      <c r="AA7921">
        <v>50086.318659999997</v>
      </c>
      <c r="AB7921">
        <v>46090.229549999996</v>
      </c>
      <c r="AC7921">
        <v>39920.604769999998</v>
      </c>
      <c r="AD7921">
        <v>28998.890380000001</v>
      </c>
      <c r="AE7921">
        <v>27211.231790000002</v>
      </c>
      <c r="AF7921">
        <v>51593.414599999996</v>
      </c>
      <c r="AG7921">
        <v>22475.96327</v>
      </c>
      <c r="AH7921">
        <v>297436.24459999998</v>
      </c>
      <c r="AI7921">
        <v>87095.81336</v>
      </c>
      <c r="AJ7921">
        <v>23938.823209999999</v>
      </c>
      <c r="AK7921">
        <v>33492.899400000002</v>
      </c>
      <c r="AL7921">
        <v>83168.362569999998</v>
      </c>
      <c r="AM7921">
        <v>27218.184499999999</v>
      </c>
      <c r="AN7921">
        <v>81083.242169999998</v>
      </c>
      <c r="AO7921">
        <v>31274.255959999999</v>
      </c>
      <c r="AP7921">
        <v>17218.77131</v>
      </c>
    </row>
    <row r="7922" spans="2:42" x14ac:dyDescent="0.3">
      <c r="B7922">
        <v>57.966470086893032</v>
      </c>
      <c r="C7922" s="83">
        <v>43431</v>
      </c>
      <c r="D7922">
        <v>243553.3204</v>
      </c>
      <c r="E7922">
        <v>17152.885880000002</v>
      </c>
      <c r="F7922">
        <v>49702.03426</v>
      </c>
      <c r="G7922">
        <v>45328.372130000003</v>
      </c>
      <c r="H7922">
        <v>39767.535279999996</v>
      </c>
      <c r="I7922">
        <v>26834.395659999998</v>
      </c>
      <c r="J7922">
        <v>26318.65481</v>
      </c>
      <c r="K7922">
        <v>50309.21744</v>
      </c>
      <c r="L7922">
        <v>20343.65004</v>
      </c>
      <c r="M7922">
        <v>295540.09669999999</v>
      </c>
      <c r="N7922">
        <v>85998.465270000001</v>
      </c>
      <c r="O7922">
        <v>23835.56839</v>
      </c>
      <c r="P7922">
        <v>31006.215779999999</v>
      </c>
      <c r="Q7922">
        <v>83073.549979999996</v>
      </c>
      <c r="R7922">
        <v>25866.421630000001</v>
      </c>
      <c r="S7922">
        <v>80868.044559999995</v>
      </c>
      <c r="T7922">
        <v>29308.721089999999</v>
      </c>
      <c r="U7922">
        <v>17150.68158</v>
      </c>
      <c r="W7922" s="83">
        <f>Bühler!N7954</f>
        <v>45621.999999980791</v>
      </c>
      <c r="X7922" s="83">
        <v>43431</v>
      </c>
      <c r="Y7922">
        <v>243553.3204</v>
      </c>
      <c r="Z7922">
        <v>17152.885880000002</v>
      </c>
      <c r="AA7922">
        <v>49702.03426</v>
      </c>
      <c r="AB7922">
        <v>45328.372130000003</v>
      </c>
      <c r="AC7922">
        <v>39767.535279999996</v>
      </c>
      <c r="AD7922">
        <v>26834.395659999998</v>
      </c>
      <c r="AE7922">
        <v>26318.65481</v>
      </c>
      <c r="AF7922">
        <v>50309.21744</v>
      </c>
      <c r="AG7922">
        <v>20343.65004</v>
      </c>
      <c r="AH7922">
        <v>295540.09669999999</v>
      </c>
      <c r="AI7922">
        <v>85998.465270000001</v>
      </c>
      <c r="AJ7922">
        <v>23835.56839</v>
      </c>
      <c r="AK7922">
        <v>31006.215779999999</v>
      </c>
      <c r="AL7922">
        <v>83073.549979999996</v>
      </c>
      <c r="AM7922">
        <v>25866.421630000001</v>
      </c>
      <c r="AN7922">
        <v>80868.044559999995</v>
      </c>
      <c r="AO7922">
        <v>29308.721089999999</v>
      </c>
      <c r="AP7922">
        <v>17150.68158</v>
      </c>
    </row>
    <row r="7923" spans="2:42" x14ac:dyDescent="0.3">
      <c r="B7923">
        <v>58.966551397235513</v>
      </c>
      <c r="C7923" s="83">
        <v>43431.041666666664</v>
      </c>
      <c r="D7923">
        <v>244861.09520000001</v>
      </c>
      <c r="E7923">
        <v>17311.245190000001</v>
      </c>
      <c r="F7923">
        <v>51965.176639999998</v>
      </c>
      <c r="G7923">
        <v>44700.803050000002</v>
      </c>
      <c r="H7923">
        <v>39530.120770000001</v>
      </c>
      <c r="I7923">
        <v>22203.414830000002</v>
      </c>
      <c r="J7923">
        <v>26239.786179999999</v>
      </c>
      <c r="K7923">
        <v>49845.023090000002</v>
      </c>
      <c r="L7923">
        <v>19626.855879999999</v>
      </c>
      <c r="M7923">
        <v>300638.97759999998</v>
      </c>
      <c r="N7923">
        <v>85910.876149999996</v>
      </c>
      <c r="O7923">
        <v>23925.125510000002</v>
      </c>
      <c r="P7923">
        <v>29818.97148</v>
      </c>
      <c r="Q7923">
        <v>84507.507769999997</v>
      </c>
      <c r="R7923">
        <v>25042.982759999999</v>
      </c>
      <c r="S7923">
        <v>82579.151110000006</v>
      </c>
      <c r="T7923">
        <v>29101.530289999999</v>
      </c>
      <c r="U7923">
        <v>16792.225559999999</v>
      </c>
      <c r="W7923" s="83">
        <f>Bühler!N7955</f>
        <v>45622.041666647456</v>
      </c>
      <c r="X7923" s="83">
        <v>43431.041666666664</v>
      </c>
      <c r="Y7923">
        <v>244861.09520000001</v>
      </c>
      <c r="Z7923">
        <v>17311.245190000001</v>
      </c>
      <c r="AA7923">
        <v>51965.176639999998</v>
      </c>
      <c r="AB7923">
        <v>44700.803050000002</v>
      </c>
      <c r="AC7923">
        <v>39530.120770000001</v>
      </c>
      <c r="AD7923">
        <v>22203.414830000002</v>
      </c>
      <c r="AE7923">
        <v>26239.786179999999</v>
      </c>
      <c r="AF7923">
        <v>49845.023090000002</v>
      </c>
      <c r="AG7923">
        <v>19626.855879999999</v>
      </c>
      <c r="AH7923">
        <v>300638.97759999998</v>
      </c>
      <c r="AI7923">
        <v>85910.876149999996</v>
      </c>
      <c r="AJ7923">
        <v>23925.125510000002</v>
      </c>
      <c r="AK7923">
        <v>29818.97148</v>
      </c>
      <c r="AL7923">
        <v>84507.507769999997</v>
      </c>
      <c r="AM7923">
        <v>25042.982759999999</v>
      </c>
      <c r="AN7923">
        <v>82579.151110000006</v>
      </c>
      <c r="AO7923">
        <v>29101.530289999999</v>
      </c>
      <c r="AP7923">
        <v>16792.225559999999</v>
      </c>
    </row>
    <row r="7924" spans="2:42" x14ac:dyDescent="0.3">
      <c r="B7924">
        <v>59.844686624520889</v>
      </c>
      <c r="C7924" s="83">
        <v>43431.083333333336</v>
      </c>
      <c r="D7924">
        <v>244973.85639999999</v>
      </c>
      <c r="E7924">
        <v>17231.699199999999</v>
      </c>
      <c r="F7924">
        <v>52333.205049999997</v>
      </c>
      <c r="G7924">
        <v>44493.563139999998</v>
      </c>
      <c r="H7924">
        <v>39680.753709999997</v>
      </c>
      <c r="I7924">
        <v>20207.875169999999</v>
      </c>
      <c r="J7924">
        <v>25910.347320000001</v>
      </c>
      <c r="K7924">
        <v>47939.3675</v>
      </c>
      <c r="L7924">
        <v>19356.297289999999</v>
      </c>
      <c r="M7924">
        <v>305116.12050000002</v>
      </c>
      <c r="N7924">
        <v>86650.433210000003</v>
      </c>
      <c r="O7924">
        <v>23318.097170000001</v>
      </c>
      <c r="P7924">
        <v>29234.47997</v>
      </c>
      <c r="Q7924">
        <v>86404.849059999993</v>
      </c>
      <c r="R7924">
        <v>25466.151099999999</v>
      </c>
      <c r="S7924">
        <v>82357.123189999998</v>
      </c>
      <c r="T7924">
        <v>28938.473580000002</v>
      </c>
      <c r="U7924">
        <v>17214.9915</v>
      </c>
      <c r="W7924" s="83">
        <f>Bühler!N7956</f>
        <v>45622.08333331412</v>
      </c>
      <c r="X7924" s="83">
        <v>43431.083333333336</v>
      </c>
      <c r="Y7924">
        <v>244973.85639999999</v>
      </c>
      <c r="Z7924">
        <v>17231.699199999999</v>
      </c>
      <c r="AA7924">
        <v>52333.205049999997</v>
      </c>
      <c r="AB7924">
        <v>44493.563139999998</v>
      </c>
      <c r="AC7924">
        <v>39680.753709999997</v>
      </c>
      <c r="AD7924">
        <v>20207.875169999999</v>
      </c>
      <c r="AE7924">
        <v>25910.347320000001</v>
      </c>
      <c r="AF7924">
        <v>47939.3675</v>
      </c>
      <c r="AG7924">
        <v>19356.297289999999</v>
      </c>
      <c r="AH7924">
        <v>305116.12050000002</v>
      </c>
      <c r="AI7924">
        <v>86650.433210000003</v>
      </c>
      <c r="AJ7924">
        <v>23318.097170000001</v>
      </c>
      <c r="AK7924">
        <v>29234.47997</v>
      </c>
      <c r="AL7924">
        <v>86404.849059999993</v>
      </c>
      <c r="AM7924">
        <v>25466.151099999999</v>
      </c>
      <c r="AN7924">
        <v>82357.123189999998</v>
      </c>
      <c r="AO7924">
        <v>28938.473580000002</v>
      </c>
      <c r="AP7924">
        <v>17214.9915</v>
      </c>
    </row>
    <row r="7925" spans="2:42" x14ac:dyDescent="0.3">
      <c r="B7925">
        <v>60.068576677615198</v>
      </c>
      <c r="C7925" s="83">
        <v>43431.125</v>
      </c>
      <c r="D7925">
        <v>247236.60879999999</v>
      </c>
      <c r="E7925">
        <v>17328.416150000001</v>
      </c>
      <c r="F7925">
        <v>53183.06422</v>
      </c>
      <c r="G7925">
        <v>44129.73545</v>
      </c>
      <c r="H7925">
        <v>39661.53628</v>
      </c>
      <c r="I7925">
        <v>20477.29118</v>
      </c>
      <c r="J7925">
        <v>26241.974750000001</v>
      </c>
      <c r="K7925">
        <v>46620.24523</v>
      </c>
      <c r="L7925">
        <v>19133.138589999999</v>
      </c>
      <c r="M7925">
        <v>306257.6164</v>
      </c>
      <c r="N7925">
        <v>87252.777319999994</v>
      </c>
      <c r="O7925">
        <v>23876.701789999999</v>
      </c>
      <c r="P7925">
        <v>28199.046969999999</v>
      </c>
      <c r="Q7925">
        <v>88795.998949999994</v>
      </c>
      <c r="R7925">
        <v>25374.748189999998</v>
      </c>
      <c r="S7925">
        <v>81041.437529999996</v>
      </c>
      <c r="T7925">
        <v>28676.995569999999</v>
      </c>
      <c r="U7925">
        <v>17269.372869999999</v>
      </c>
      <c r="W7925" s="83">
        <f>Bühler!N7957</f>
        <v>45622.124999980784</v>
      </c>
      <c r="X7925" s="83">
        <v>43431.125</v>
      </c>
      <c r="Y7925">
        <v>247236.60879999999</v>
      </c>
      <c r="Z7925">
        <v>17328.416150000001</v>
      </c>
      <c r="AA7925">
        <v>53183.06422</v>
      </c>
      <c r="AB7925">
        <v>44129.73545</v>
      </c>
      <c r="AC7925">
        <v>39661.53628</v>
      </c>
      <c r="AD7925">
        <v>20477.29118</v>
      </c>
      <c r="AE7925">
        <v>26241.974750000001</v>
      </c>
      <c r="AF7925">
        <v>46620.24523</v>
      </c>
      <c r="AG7925">
        <v>19133.138589999999</v>
      </c>
      <c r="AH7925">
        <v>306257.6164</v>
      </c>
      <c r="AI7925">
        <v>87252.777319999994</v>
      </c>
      <c r="AJ7925">
        <v>23876.701789999999</v>
      </c>
      <c r="AK7925">
        <v>28199.046969999999</v>
      </c>
      <c r="AL7925">
        <v>88795.998949999994</v>
      </c>
      <c r="AM7925">
        <v>25374.748189999998</v>
      </c>
      <c r="AN7925">
        <v>81041.437529999996</v>
      </c>
      <c r="AO7925">
        <v>28676.995569999999</v>
      </c>
      <c r="AP7925">
        <v>17269.372869999999</v>
      </c>
    </row>
    <row r="7926" spans="2:42" x14ac:dyDescent="0.3">
      <c r="B7926">
        <v>61.818243381618267</v>
      </c>
      <c r="C7926" s="83">
        <v>43431.166666666664</v>
      </c>
      <c r="D7926">
        <v>249581.39600000001</v>
      </c>
      <c r="E7926">
        <v>17960.13292</v>
      </c>
      <c r="F7926">
        <v>56963.27981</v>
      </c>
      <c r="G7926">
        <v>44062.985520000002</v>
      </c>
      <c r="H7926">
        <v>40694.233699999997</v>
      </c>
      <c r="I7926">
        <v>25243.562730000001</v>
      </c>
      <c r="J7926">
        <v>27535.918799999999</v>
      </c>
      <c r="K7926">
        <v>45971.88308</v>
      </c>
      <c r="L7926">
        <v>19298.008750000001</v>
      </c>
      <c r="M7926">
        <v>315178.23320000002</v>
      </c>
      <c r="N7926">
        <v>86709.743969999996</v>
      </c>
      <c r="O7926">
        <v>24134.660619999999</v>
      </c>
      <c r="P7926">
        <v>28241.949219999999</v>
      </c>
      <c r="Q7926">
        <v>94031.234100000001</v>
      </c>
      <c r="R7926">
        <v>25059.302210000002</v>
      </c>
      <c r="S7926">
        <v>83247.25129</v>
      </c>
      <c r="T7926">
        <v>28761.59074</v>
      </c>
      <c r="U7926">
        <v>18145.99411</v>
      </c>
      <c r="W7926" s="83">
        <f>Bühler!N7958</f>
        <v>45622.166666647448</v>
      </c>
      <c r="X7926" s="83">
        <v>43431.166666666664</v>
      </c>
      <c r="Y7926">
        <v>249581.39600000001</v>
      </c>
      <c r="Z7926">
        <v>17960.13292</v>
      </c>
      <c r="AA7926">
        <v>56963.27981</v>
      </c>
      <c r="AB7926">
        <v>44062.985520000002</v>
      </c>
      <c r="AC7926">
        <v>40694.233699999997</v>
      </c>
      <c r="AD7926">
        <v>25243.562730000001</v>
      </c>
      <c r="AE7926">
        <v>27535.918799999999</v>
      </c>
      <c r="AF7926">
        <v>45971.88308</v>
      </c>
      <c r="AG7926">
        <v>19298.008750000001</v>
      </c>
      <c r="AH7926">
        <v>315178.23320000002</v>
      </c>
      <c r="AI7926">
        <v>86709.743969999996</v>
      </c>
      <c r="AJ7926">
        <v>24134.660619999999</v>
      </c>
      <c r="AK7926">
        <v>28241.949219999999</v>
      </c>
      <c r="AL7926">
        <v>94031.234100000001</v>
      </c>
      <c r="AM7926">
        <v>25059.302210000002</v>
      </c>
      <c r="AN7926">
        <v>83247.25129</v>
      </c>
      <c r="AO7926">
        <v>28761.59074</v>
      </c>
      <c r="AP7926">
        <v>18145.99411</v>
      </c>
    </row>
    <row r="7927" spans="2:42" x14ac:dyDescent="0.3">
      <c r="B7927">
        <v>65.125976740809449</v>
      </c>
      <c r="C7927" s="83">
        <v>43431.208333333336</v>
      </c>
      <c r="D7927">
        <v>264648.78749999998</v>
      </c>
      <c r="E7927">
        <v>20145.194329999998</v>
      </c>
      <c r="F7927">
        <v>67292.738649999999</v>
      </c>
      <c r="G7927">
        <v>47183.325539999998</v>
      </c>
      <c r="H7927">
        <v>43137.57834</v>
      </c>
      <c r="I7927">
        <v>33654.714319999999</v>
      </c>
      <c r="J7927">
        <v>30068.463230000001</v>
      </c>
      <c r="K7927">
        <v>46409.970269999998</v>
      </c>
      <c r="L7927">
        <v>20527.233240000001</v>
      </c>
      <c r="M7927">
        <v>332042.6004</v>
      </c>
      <c r="N7927">
        <v>88465.439050000001</v>
      </c>
      <c r="O7927">
        <v>24834.078570000001</v>
      </c>
      <c r="P7927">
        <v>29953.733189999999</v>
      </c>
      <c r="Q7927">
        <v>96498.689159999994</v>
      </c>
      <c r="R7927">
        <v>25653.083589999998</v>
      </c>
      <c r="S7927">
        <v>85271.475009999995</v>
      </c>
      <c r="T7927">
        <v>30176.657879999999</v>
      </c>
      <c r="U7927">
        <v>20117.751489999999</v>
      </c>
      <c r="W7927" s="83">
        <f>Bühler!N7959</f>
        <v>45622.208333314113</v>
      </c>
      <c r="X7927" s="83">
        <v>43431.208333333336</v>
      </c>
      <c r="Y7927">
        <v>264648.78749999998</v>
      </c>
      <c r="Z7927">
        <v>20145.194329999998</v>
      </c>
      <c r="AA7927">
        <v>67292.738649999999</v>
      </c>
      <c r="AB7927">
        <v>47183.325539999998</v>
      </c>
      <c r="AC7927">
        <v>43137.57834</v>
      </c>
      <c r="AD7927">
        <v>33654.714319999999</v>
      </c>
      <c r="AE7927">
        <v>30068.463230000001</v>
      </c>
      <c r="AF7927">
        <v>46409.970269999998</v>
      </c>
      <c r="AG7927">
        <v>20527.233240000001</v>
      </c>
      <c r="AH7927">
        <v>332042.6004</v>
      </c>
      <c r="AI7927">
        <v>88465.439050000001</v>
      </c>
      <c r="AJ7927">
        <v>24834.078570000001</v>
      </c>
      <c r="AK7927">
        <v>29953.733189999999</v>
      </c>
      <c r="AL7927">
        <v>96498.689159999994</v>
      </c>
      <c r="AM7927">
        <v>25653.083589999998</v>
      </c>
      <c r="AN7927">
        <v>85271.475009999995</v>
      </c>
      <c r="AO7927">
        <v>30176.657879999999</v>
      </c>
      <c r="AP7927">
        <v>20117.751489999999</v>
      </c>
    </row>
    <row r="7928" spans="2:42" x14ac:dyDescent="0.3">
      <c r="B7928">
        <v>67.857972044059267</v>
      </c>
      <c r="C7928" s="83">
        <v>43431.25</v>
      </c>
      <c r="D7928">
        <v>280306.8518</v>
      </c>
      <c r="E7928">
        <v>24758.636989999999</v>
      </c>
      <c r="F7928">
        <v>79863.503779999999</v>
      </c>
      <c r="G7928">
        <v>61138.723239999999</v>
      </c>
      <c r="H7928">
        <v>46373.75376</v>
      </c>
      <c r="I7928">
        <v>42835.272420000001</v>
      </c>
      <c r="J7928">
        <v>33046.826330000004</v>
      </c>
      <c r="K7928">
        <v>50067.345209999999</v>
      </c>
      <c r="L7928">
        <v>22144.799060000001</v>
      </c>
      <c r="M7928">
        <v>345971.58649999998</v>
      </c>
      <c r="N7928">
        <v>90562.962809999997</v>
      </c>
      <c r="O7928">
        <v>25253.54</v>
      </c>
      <c r="P7928">
        <v>30952.119790000001</v>
      </c>
      <c r="Q7928">
        <v>98140.918879999997</v>
      </c>
      <c r="R7928">
        <v>20013.230449999999</v>
      </c>
      <c r="S7928">
        <v>93104.102629999994</v>
      </c>
      <c r="T7928">
        <v>32943.861320000004</v>
      </c>
      <c r="U7928">
        <v>22777.487420000001</v>
      </c>
      <c r="W7928" s="83">
        <f>Bühler!N7960</f>
        <v>45622.249999980777</v>
      </c>
      <c r="X7928" s="83">
        <v>43431.25</v>
      </c>
      <c r="Y7928">
        <v>280306.8518</v>
      </c>
      <c r="Z7928">
        <v>24758.636989999999</v>
      </c>
      <c r="AA7928">
        <v>79863.503779999999</v>
      </c>
      <c r="AB7928">
        <v>61138.723239999999</v>
      </c>
      <c r="AC7928">
        <v>46373.75376</v>
      </c>
      <c r="AD7928">
        <v>42835.272420000001</v>
      </c>
      <c r="AE7928">
        <v>33046.826330000004</v>
      </c>
      <c r="AF7928">
        <v>50067.345209999999</v>
      </c>
      <c r="AG7928">
        <v>22144.799060000001</v>
      </c>
      <c r="AH7928">
        <v>345971.58649999998</v>
      </c>
      <c r="AI7928">
        <v>90562.962809999997</v>
      </c>
      <c r="AJ7928">
        <v>25253.54</v>
      </c>
      <c r="AK7928">
        <v>30952.119790000001</v>
      </c>
      <c r="AL7928">
        <v>98140.918879999997</v>
      </c>
      <c r="AM7928">
        <v>20013.230449999999</v>
      </c>
      <c r="AN7928">
        <v>93104.102629999994</v>
      </c>
      <c r="AO7928">
        <v>32943.861320000004</v>
      </c>
      <c r="AP7928">
        <v>22777.487420000001</v>
      </c>
    </row>
    <row r="7929" spans="2:42" x14ac:dyDescent="0.3">
      <c r="B7929">
        <v>68.432551143639316</v>
      </c>
      <c r="C7929" s="83">
        <v>43431.291666666664</v>
      </c>
      <c r="D7929">
        <v>294708.679</v>
      </c>
      <c r="E7929">
        <v>30725.050090000001</v>
      </c>
      <c r="F7929">
        <v>81848.125660000005</v>
      </c>
      <c r="G7929">
        <v>77876.860939999999</v>
      </c>
      <c r="H7929">
        <v>53158.32415</v>
      </c>
      <c r="I7929">
        <v>51559.988530000002</v>
      </c>
      <c r="J7929">
        <v>33649.12715</v>
      </c>
      <c r="K7929">
        <v>54955.419979999999</v>
      </c>
      <c r="L7929">
        <v>24948.604080000001</v>
      </c>
      <c r="M7929">
        <v>348901.05869999999</v>
      </c>
      <c r="N7929">
        <v>98155.511830000003</v>
      </c>
      <c r="O7929">
        <v>27580.594160000001</v>
      </c>
      <c r="P7929">
        <v>33730.733610000003</v>
      </c>
      <c r="Q7929">
        <v>98057.716199999995</v>
      </c>
      <c r="R7929">
        <v>22911.911</v>
      </c>
      <c r="S7929">
        <v>106963.67019999999</v>
      </c>
      <c r="T7929">
        <v>35231.989679999999</v>
      </c>
      <c r="U7929">
        <v>28018.20506</v>
      </c>
      <c r="W7929" s="83">
        <f>Bühler!N7961</f>
        <v>45622.291666647441</v>
      </c>
      <c r="X7929" s="83">
        <v>43431.291666666664</v>
      </c>
      <c r="Y7929">
        <v>294708.679</v>
      </c>
      <c r="Z7929">
        <v>30725.050090000001</v>
      </c>
      <c r="AA7929">
        <v>81848.125660000005</v>
      </c>
      <c r="AB7929">
        <v>77876.860939999999</v>
      </c>
      <c r="AC7929">
        <v>53158.32415</v>
      </c>
      <c r="AD7929">
        <v>51559.988530000002</v>
      </c>
      <c r="AE7929">
        <v>33649.12715</v>
      </c>
      <c r="AF7929">
        <v>54955.419979999999</v>
      </c>
      <c r="AG7929">
        <v>24948.604080000001</v>
      </c>
      <c r="AH7929">
        <v>348901.05869999999</v>
      </c>
      <c r="AI7929">
        <v>98155.511830000003</v>
      </c>
      <c r="AJ7929">
        <v>27580.594160000001</v>
      </c>
      <c r="AK7929">
        <v>33730.733610000003</v>
      </c>
      <c r="AL7929">
        <v>98057.716199999995</v>
      </c>
      <c r="AM7929">
        <v>22911.911</v>
      </c>
      <c r="AN7929">
        <v>106963.67019999999</v>
      </c>
      <c r="AO7929">
        <v>35231.989679999999</v>
      </c>
      <c r="AP7929">
        <v>28018.20506</v>
      </c>
    </row>
    <row r="7930" spans="2:42" x14ac:dyDescent="0.3">
      <c r="B7930">
        <v>67.189735505560677</v>
      </c>
      <c r="C7930" s="83">
        <v>43431.333333333336</v>
      </c>
      <c r="D7930">
        <v>307243.81209999998</v>
      </c>
      <c r="E7930">
        <v>36498.399599999997</v>
      </c>
      <c r="F7930">
        <v>89649.500039999999</v>
      </c>
      <c r="G7930">
        <v>95243.147639999996</v>
      </c>
      <c r="H7930">
        <v>58050.466690000001</v>
      </c>
      <c r="I7930">
        <v>54512.407279999999</v>
      </c>
      <c r="J7930">
        <v>33915.754730000001</v>
      </c>
      <c r="K7930">
        <v>59961.336040000002</v>
      </c>
      <c r="L7930">
        <v>28407.658729999999</v>
      </c>
      <c r="M7930">
        <v>342564.60499999998</v>
      </c>
      <c r="N7930">
        <v>106340.07670000001</v>
      </c>
      <c r="O7930">
        <v>29467.827990000002</v>
      </c>
      <c r="P7930">
        <v>35254.95031</v>
      </c>
      <c r="Q7930">
        <v>98351.286559999993</v>
      </c>
      <c r="R7930">
        <v>23186.562030000001</v>
      </c>
      <c r="S7930">
        <v>121234.16</v>
      </c>
      <c r="T7930">
        <v>38242.710050000002</v>
      </c>
      <c r="U7930">
        <v>31884.785080000001</v>
      </c>
      <c r="W7930" s="83">
        <f>Bühler!N7962</f>
        <v>45622.333333314105</v>
      </c>
      <c r="X7930" s="83">
        <v>43431.333333333336</v>
      </c>
      <c r="Y7930">
        <v>307243.81209999998</v>
      </c>
      <c r="Z7930">
        <v>36498.399599999997</v>
      </c>
      <c r="AA7930">
        <v>89649.500039999999</v>
      </c>
      <c r="AB7930">
        <v>95243.147639999996</v>
      </c>
      <c r="AC7930">
        <v>58050.466690000001</v>
      </c>
      <c r="AD7930">
        <v>54512.407279999999</v>
      </c>
      <c r="AE7930">
        <v>33915.754730000001</v>
      </c>
      <c r="AF7930">
        <v>59961.336040000002</v>
      </c>
      <c r="AG7930">
        <v>28407.658729999999</v>
      </c>
      <c r="AH7930">
        <v>342564.60499999998</v>
      </c>
      <c r="AI7930">
        <v>106340.07670000001</v>
      </c>
      <c r="AJ7930">
        <v>29467.827990000002</v>
      </c>
      <c r="AK7930">
        <v>35254.95031</v>
      </c>
      <c r="AL7930">
        <v>98351.286559999993</v>
      </c>
      <c r="AM7930">
        <v>23186.562030000001</v>
      </c>
      <c r="AN7930">
        <v>121234.16</v>
      </c>
      <c r="AO7930">
        <v>38242.710050000002</v>
      </c>
      <c r="AP7930">
        <v>31884.785080000001</v>
      </c>
    </row>
    <row r="7931" spans="2:42" x14ac:dyDescent="0.3">
      <c r="B7931">
        <v>67.429144872639455</v>
      </c>
      <c r="C7931" s="83">
        <v>43431.375</v>
      </c>
      <c r="D7931">
        <v>308235.83630000002</v>
      </c>
      <c r="E7931">
        <v>40705.751909999999</v>
      </c>
      <c r="F7931">
        <v>94890.899449999997</v>
      </c>
      <c r="G7931">
        <v>104954.60460000001</v>
      </c>
      <c r="H7931">
        <v>60229.209430000003</v>
      </c>
      <c r="I7931">
        <v>51763.640959999997</v>
      </c>
      <c r="J7931">
        <v>33128.823960000002</v>
      </c>
      <c r="K7931">
        <v>61813.438979999999</v>
      </c>
      <c r="L7931">
        <v>31179.402279999998</v>
      </c>
      <c r="M7931">
        <v>343785.22560000001</v>
      </c>
      <c r="N7931">
        <v>108672.8605</v>
      </c>
      <c r="O7931">
        <v>30154.152770000001</v>
      </c>
      <c r="P7931">
        <v>35879.097600000001</v>
      </c>
      <c r="Q7931">
        <v>98705.821670000005</v>
      </c>
      <c r="R7931">
        <v>23584.69973</v>
      </c>
      <c r="S7931">
        <v>128220.48639999999</v>
      </c>
      <c r="T7931">
        <v>41242.939209999997</v>
      </c>
      <c r="U7931">
        <v>31133.635590000002</v>
      </c>
      <c r="W7931" s="83">
        <f>Bühler!N7963</f>
        <v>45622.37499998077</v>
      </c>
      <c r="X7931" s="83">
        <v>43431.375</v>
      </c>
      <c r="Y7931">
        <v>308235.83630000002</v>
      </c>
      <c r="Z7931">
        <v>40705.751909999999</v>
      </c>
      <c r="AA7931">
        <v>94890.899449999997</v>
      </c>
      <c r="AB7931">
        <v>104954.60460000001</v>
      </c>
      <c r="AC7931">
        <v>60229.209430000003</v>
      </c>
      <c r="AD7931">
        <v>51763.640959999997</v>
      </c>
      <c r="AE7931">
        <v>33128.823960000002</v>
      </c>
      <c r="AF7931">
        <v>61813.438979999999</v>
      </c>
      <c r="AG7931">
        <v>31179.402279999998</v>
      </c>
      <c r="AH7931">
        <v>343785.22560000001</v>
      </c>
      <c r="AI7931">
        <v>108672.8605</v>
      </c>
      <c r="AJ7931">
        <v>30154.152770000001</v>
      </c>
      <c r="AK7931">
        <v>35879.097600000001</v>
      </c>
      <c r="AL7931">
        <v>98705.821670000005</v>
      </c>
      <c r="AM7931">
        <v>23584.69973</v>
      </c>
      <c r="AN7931">
        <v>128220.48639999999</v>
      </c>
      <c r="AO7931">
        <v>41242.939209999997</v>
      </c>
      <c r="AP7931">
        <v>31133.635590000002</v>
      </c>
    </row>
    <row r="7932" spans="2:42" x14ac:dyDescent="0.3">
      <c r="B7932">
        <v>69.983605533255385</v>
      </c>
      <c r="C7932" s="83">
        <v>43431.416666666664</v>
      </c>
      <c r="D7932">
        <v>309794.03200000001</v>
      </c>
      <c r="E7932">
        <v>41905.22795</v>
      </c>
      <c r="F7932">
        <v>94707.044940000007</v>
      </c>
      <c r="G7932">
        <v>107177.28750000001</v>
      </c>
      <c r="H7932">
        <v>60762.546909999997</v>
      </c>
      <c r="I7932">
        <v>48484.182930000003</v>
      </c>
      <c r="J7932">
        <v>31997.307769999999</v>
      </c>
      <c r="K7932">
        <v>63596.764430000003</v>
      </c>
      <c r="L7932">
        <v>33449.816200000001</v>
      </c>
      <c r="M7932">
        <v>356809.05729999999</v>
      </c>
      <c r="N7932">
        <v>109147.92389999999</v>
      </c>
      <c r="O7932">
        <v>30061.588299999999</v>
      </c>
      <c r="P7932">
        <v>36616.385549999999</v>
      </c>
      <c r="Q7932">
        <v>99286.004520000002</v>
      </c>
      <c r="R7932">
        <v>24644.346249999999</v>
      </c>
      <c r="S7932">
        <v>127885.62</v>
      </c>
      <c r="T7932">
        <v>42323.177459999999</v>
      </c>
      <c r="U7932">
        <v>31114.508379999999</v>
      </c>
      <c r="W7932" s="83">
        <f>Bühler!N7964</f>
        <v>45622.416666647434</v>
      </c>
      <c r="X7932" s="83">
        <v>43431.416666666664</v>
      </c>
      <c r="Y7932">
        <v>309794.03200000001</v>
      </c>
      <c r="Z7932">
        <v>41905.22795</v>
      </c>
      <c r="AA7932">
        <v>94707.044940000007</v>
      </c>
      <c r="AB7932">
        <v>107177.28750000001</v>
      </c>
      <c r="AC7932">
        <v>60762.546909999997</v>
      </c>
      <c r="AD7932">
        <v>48484.182930000003</v>
      </c>
      <c r="AE7932">
        <v>31997.307769999999</v>
      </c>
      <c r="AF7932">
        <v>63596.764430000003</v>
      </c>
      <c r="AG7932">
        <v>33449.816200000001</v>
      </c>
      <c r="AH7932">
        <v>356809.05729999999</v>
      </c>
      <c r="AI7932">
        <v>109147.92389999999</v>
      </c>
      <c r="AJ7932">
        <v>30061.588299999999</v>
      </c>
      <c r="AK7932">
        <v>36616.385549999999</v>
      </c>
      <c r="AL7932">
        <v>99286.004520000002</v>
      </c>
      <c r="AM7932">
        <v>24644.346249999999</v>
      </c>
      <c r="AN7932">
        <v>127885.62</v>
      </c>
      <c r="AO7932">
        <v>42323.177459999999</v>
      </c>
      <c r="AP7932">
        <v>31114.508379999999</v>
      </c>
    </row>
    <row r="7933" spans="2:42" x14ac:dyDescent="0.3">
      <c r="B7933">
        <v>69.949646360361527</v>
      </c>
      <c r="C7933" s="83">
        <v>43431.458333333336</v>
      </c>
      <c r="D7933">
        <v>308071.55930000002</v>
      </c>
      <c r="E7933">
        <v>41319.470050000004</v>
      </c>
      <c r="F7933">
        <v>94343.77291</v>
      </c>
      <c r="G7933">
        <v>105683.27710000001</v>
      </c>
      <c r="H7933">
        <v>59549.698949999998</v>
      </c>
      <c r="I7933">
        <v>46985.839319999999</v>
      </c>
      <c r="J7933">
        <v>32338.27147</v>
      </c>
      <c r="K7933">
        <v>64629.106269999997</v>
      </c>
      <c r="L7933">
        <v>34030.95349</v>
      </c>
      <c r="M7933">
        <v>356635.91759999999</v>
      </c>
      <c r="N7933">
        <v>106007.5759</v>
      </c>
      <c r="O7933">
        <v>29907.90971</v>
      </c>
      <c r="P7933">
        <v>35848.04608</v>
      </c>
      <c r="Q7933">
        <v>98946.081999999995</v>
      </c>
      <c r="R7933">
        <v>26496.573349999999</v>
      </c>
      <c r="S7933">
        <v>128980.26730000001</v>
      </c>
      <c r="T7933">
        <v>42336.112249999998</v>
      </c>
      <c r="U7933">
        <v>30617.93291</v>
      </c>
      <c r="W7933" s="83">
        <f>Bühler!N7965</f>
        <v>45622.458333314098</v>
      </c>
      <c r="X7933" s="83">
        <v>43431.458333333336</v>
      </c>
      <c r="Y7933">
        <v>308071.55930000002</v>
      </c>
      <c r="Z7933">
        <v>41319.470050000004</v>
      </c>
      <c r="AA7933">
        <v>94343.77291</v>
      </c>
      <c r="AB7933">
        <v>105683.27710000001</v>
      </c>
      <c r="AC7933">
        <v>59549.698949999998</v>
      </c>
      <c r="AD7933">
        <v>46985.839319999999</v>
      </c>
      <c r="AE7933">
        <v>32338.27147</v>
      </c>
      <c r="AF7933">
        <v>64629.106269999997</v>
      </c>
      <c r="AG7933">
        <v>34030.95349</v>
      </c>
      <c r="AH7933">
        <v>356635.91759999999</v>
      </c>
      <c r="AI7933">
        <v>106007.5759</v>
      </c>
      <c r="AJ7933">
        <v>29907.90971</v>
      </c>
      <c r="AK7933">
        <v>35848.04608</v>
      </c>
      <c r="AL7933">
        <v>98946.081999999995</v>
      </c>
      <c r="AM7933">
        <v>26496.573349999999</v>
      </c>
      <c r="AN7933">
        <v>128980.26730000001</v>
      </c>
      <c r="AO7933">
        <v>42336.112249999998</v>
      </c>
      <c r="AP7933">
        <v>30617.93291</v>
      </c>
    </row>
    <row r="7934" spans="2:42" x14ac:dyDescent="0.3">
      <c r="B7934">
        <v>68.508794443864943</v>
      </c>
      <c r="C7934" s="83">
        <v>43431.5</v>
      </c>
      <c r="D7934">
        <v>294391.73639999999</v>
      </c>
      <c r="E7934">
        <v>37244.68146</v>
      </c>
      <c r="F7934">
        <v>87336.630959999995</v>
      </c>
      <c r="G7934">
        <v>102098.6145</v>
      </c>
      <c r="H7934">
        <v>56562.204409999998</v>
      </c>
      <c r="I7934">
        <v>45420.779309999998</v>
      </c>
      <c r="J7934">
        <v>32473.508440000001</v>
      </c>
      <c r="K7934">
        <v>61772.099860000002</v>
      </c>
      <c r="L7934">
        <v>36488.387739999998</v>
      </c>
      <c r="M7934">
        <v>349289.78259999998</v>
      </c>
      <c r="N7934">
        <v>101467.17630000001</v>
      </c>
      <c r="O7934">
        <v>28813.242770000001</v>
      </c>
      <c r="P7934">
        <v>37362.837370000001</v>
      </c>
      <c r="Q7934">
        <v>96020.506899999993</v>
      </c>
      <c r="R7934">
        <v>27168.344639999999</v>
      </c>
      <c r="S7934">
        <v>122486.6394</v>
      </c>
      <c r="T7934">
        <v>42793.677929999998</v>
      </c>
      <c r="U7934">
        <v>25391.968540000002</v>
      </c>
      <c r="W7934" s="83">
        <f>Bühler!N7966</f>
        <v>45622.499999980762</v>
      </c>
      <c r="X7934" s="83">
        <v>43431.5</v>
      </c>
      <c r="Y7934">
        <v>294391.73639999999</v>
      </c>
      <c r="Z7934">
        <v>37244.68146</v>
      </c>
      <c r="AA7934">
        <v>87336.630959999995</v>
      </c>
      <c r="AB7934">
        <v>102098.6145</v>
      </c>
      <c r="AC7934">
        <v>56562.204409999998</v>
      </c>
      <c r="AD7934">
        <v>45420.779309999998</v>
      </c>
      <c r="AE7934">
        <v>32473.508440000001</v>
      </c>
      <c r="AF7934">
        <v>61772.099860000002</v>
      </c>
      <c r="AG7934">
        <v>36488.387739999998</v>
      </c>
      <c r="AH7934">
        <v>349289.78259999998</v>
      </c>
      <c r="AI7934">
        <v>101467.17630000001</v>
      </c>
      <c r="AJ7934">
        <v>28813.242770000001</v>
      </c>
      <c r="AK7934">
        <v>37362.837370000001</v>
      </c>
      <c r="AL7934">
        <v>96020.506899999993</v>
      </c>
      <c r="AM7934">
        <v>27168.344639999999</v>
      </c>
      <c r="AN7934">
        <v>122486.6394</v>
      </c>
      <c r="AO7934">
        <v>42793.677929999998</v>
      </c>
      <c r="AP7934">
        <v>25391.968540000002</v>
      </c>
    </row>
    <row r="7935" spans="2:42" x14ac:dyDescent="0.3">
      <c r="B7935">
        <v>67.850476927403207</v>
      </c>
      <c r="C7935" s="83">
        <v>43431.541666666664</v>
      </c>
      <c r="D7935">
        <v>295365.69290000002</v>
      </c>
      <c r="E7935">
        <v>37100.958830000003</v>
      </c>
      <c r="F7935">
        <v>85240.282739999995</v>
      </c>
      <c r="G7935">
        <v>99163.718970000002</v>
      </c>
      <c r="H7935">
        <v>57493.874799999998</v>
      </c>
      <c r="I7935">
        <v>45823.120499999997</v>
      </c>
      <c r="J7935">
        <v>31489.049739999999</v>
      </c>
      <c r="K7935">
        <v>63051.375910000002</v>
      </c>
      <c r="L7935">
        <v>34847.617700000003</v>
      </c>
      <c r="M7935">
        <v>345933.37290000002</v>
      </c>
      <c r="N7935">
        <v>103459.675</v>
      </c>
      <c r="O7935">
        <v>29365.896270000001</v>
      </c>
      <c r="P7935">
        <v>36574.564740000002</v>
      </c>
      <c r="Q7935">
        <v>95200.746069999994</v>
      </c>
      <c r="R7935">
        <v>28055.966209999999</v>
      </c>
      <c r="S7935">
        <v>121669.43150000001</v>
      </c>
      <c r="T7935">
        <v>40933.684609999997</v>
      </c>
      <c r="U7935">
        <v>28715.813910000001</v>
      </c>
      <c r="W7935" s="83">
        <f>Bühler!N7967</f>
        <v>45622.541666647427</v>
      </c>
      <c r="X7935" s="83">
        <v>43431.541666666664</v>
      </c>
      <c r="Y7935">
        <v>295365.69290000002</v>
      </c>
      <c r="Z7935">
        <v>37100.958830000003</v>
      </c>
      <c r="AA7935">
        <v>85240.282739999995</v>
      </c>
      <c r="AB7935">
        <v>99163.718970000002</v>
      </c>
      <c r="AC7935">
        <v>57493.874799999998</v>
      </c>
      <c r="AD7935">
        <v>45823.120499999997</v>
      </c>
      <c r="AE7935">
        <v>31489.049739999999</v>
      </c>
      <c r="AF7935">
        <v>63051.375910000002</v>
      </c>
      <c r="AG7935">
        <v>34847.617700000003</v>
      </c>
      <c r="AH7935">
        <v>345933.37290000002</v>
      </c>
      <c r="AI7935">
        <v>103459.675</v>
      </c>
      <c r="AJ7935">
        <v>29365.896270000001</v>
      </c>
      <c r="AK7935">
        <v>36574.564740000002</v>
      </c>
      <c r="AL7935">
        <v>95200.746069999994</v>
      </c>
      <c r="AM7935">
        <v>28055.966209999999</v>
      </c>
      <c r="AN7935">
        <v>121669.43150000001</v>
      </c>
      <c r="AO7935">
        <v>40933.684609999997</v>
      </c>
      <c r="AP7935">
        <v>28715.813910000001</v>
      </c>
    </row>
    <row r="7936" spans="2:42" x14ac:dyDescent="0.3">
      <c r="B7936">
        <v>68.221387505833079</v>
      </c>
      <c r="C7936" s="83">
        <v>43431.583333333336</v>
      </c>
      <c r="D7936">
        <v>298641.75339999999</v>
      </c>
      <c r="E7936">
        <v>40223.45723</v>
      </c>
      <c r="F7936">
        <v>92783.665900000007</v>
      </c>
      <c r="G7936">
        <v>94379.798509999993</v>
      </c>
      <c r="H7936">
        <v>57036.573550000001</v>
      </c>
      <c r="I7936">
        <v>46077.106800000001</v>
      </c>
      <c r="J7936">
        <v>31103.589680000001</v>
      </c>
      <c r="K7936">
        <v>65056.387699999999</v>
      </c>
      <c r="L7936">
        <v>31312.99828</v>
      </c>
      <c r="M7936">
        <v>347824.44799999997</v>
      </c>
      <c r="N7936">
        <v>104434.6256</v>
      </c>
      <c r="O7936">
        <v>29098.64993</v>
      </c>
      <c r="P7936">
        <v>33482.230929999998</v>
      </c>
      <c r="Q7936">
        <v>94328.981549999997</v>
      </c>
      <c r="R7936">
        <v>26479.46096</v>
      </c>
      <c r="S7936">
        <v>117515.31419999999</v>
      </c>
      <c r="T7936">
        <v>39160.098160000001</v>
      </c>
      <c r="U7936">
        <v>28345.445500000002</v>
      </c>
      <c r="W7936" s="83">
        <f>Bühler!N7968</f>
        <v>45622.583333314091</v>
      </c>
      <c r="X7936" s="83">
        <v>43431.583333333336</v>
      </c>
      <c r="Y7936">
        <v>298641.75339999999</v>
      </c>
      <c r="Z7936">
        <v>40223.45723</v>
      </c>
      <c r="AA7936">
        <v>92783.665900000007</v>
      </c>
      <c r="AB7936">
        <v>94379.798509999993</v>
      </c>
      <c r="AC7936">
        <v>57036.573550000001</v>
      </c>
      <c r="AD7936">
        <v>46077.106800000001</v>
      </c>
      <c r="AE7936">
        <v>31103.589680000001</v>
      </c>
      <c r="AF7936">
        <v>65056.387699999999</v>
      </c>
      <c r="AG7936">
        <v>31312.99828</v>
      </c>
      <c r="AH7936">
        <v>347824.44799999997</v>
      </c>
      <c r="AI7936">
        <v>104434.6256</v>
      </c>
      <c r="AJ7936">
        <v>29098.64993</v>
      </c>
      <c r="AK7936">
        <v>33482.230929999998</v>
      </c>
      <c r="AL7936">
        <v>94328.981549999997</v>
      </c>
      <c r="AM7936">
        <v>26479.46096</v>
      </c>
      <c r="AN7936">
        <v>117515.31419999999</v>
      </c>
      <c r="AO7936">
        <v>39160.098160000001</v>
      </c>
      <c r="AP7936">
        <v>28345.445500000002</v>
      </c>
    </row>
    <row r="7937" spans="2:42" x14ac:dyDescent="0.3">
      <c r="B7937">
        <v>66.972803211451279</v>
      </c>
      <c r="C7937" s="83">
        <v>43431.625</v>
      </c>
      <c r="D7937">
        <v>295898.82909999997</v>
      </c>
      <c r="E7937">
        <v>40047.944510000001</v>
      </c>
      <c r="F7937">
        <v>93664.268660000002</v>
      </c>
      <c r="G7937">
        <v>91335.127170000007</v>
      </c>
      <c r="H7937">
        <v>56114.238380000003</v>
      </c>
      <c r="I7937">
        <v>47279.783779999998</v>
      </c>
      <c r="J7937">
        <v>30866.668399999999</v>
      </c>
      <c r="K7937">
        <v>64494.126470000003</v>
      </c>
      <c r="L7937">
        <v>28800.029689999999</v>
      </c>
      <c r="M7937">
        <v>341458.58299999998</v>
      </c>
      <c r="N7937">
        <v>103501.4031</v>
      </c>
      <c r="O7937">
        <v>28677.669569999998</v>
      </c>
      <c r="P7937">
        <v>31027.543399999999</v>
      </c>
      <c r="Q7937">
        <v>93915.097800000003</v>
      </c>
      <c r="R7937">
        <v>26296.611580000001</v>
      </c>
      <c r="S7937">
        <v>115343.7368</v>
      </c>
      <c r="T7937">
        <v>39154.833980000003</v>
      </c>
      <c r="U7937">
        <v>28157.36707</v>
      </c>
      <c r="W7937" s="83">
        <f>Bühler!N7969</f>
        <v>45622.624999980755</v>
      </c>
      <c r="X7937" s="83">
        <v>43431.625</v>
      </c>
      <c r="Y7937">
        <v>295898.82909999997</v>
      </c>
      <c r="Z7937">
        <v>40047.944510000001</v>
      </c>
      <c r="AA7937">
        <v>93664.268660000002</v>
      </c>
      <c r="AB7937">
        <v>91335.127170000007</v>
      </c>
      <c r="AC7937">
        <v>56114.238380000003</v>
      </c>
      <c r="AD7937">
        <v>47279.783779999998</v>
      </c>
      <c r="AE7937">
        <v>30866.668399999999</v>
      </c>
      <c r="AF7937">
        <v>64494.126470000003</v>
      </c>
      <c r="AG7937">
        <v>28800.029689999999</v>
      </c>
      <c r="AH7937">
        <v>341458.58299999998</v>
      </c>
      <c r="AI7937">
        <v>103501.4031</v>
      </c>
      <c r="AJ7937">
        <v>28677.669569999998</v>
      </c>
      <c r="AK7937">
        <v>31027.543399999999</v>
      </c>
      <c r="AL7937">
        <v>93915.097800000003</v>
      </c>
      <c r="AM7937">
        <v>26296.611580000001</v>
      </c>
      <c r="AN7937">
        <v>115343.7368</v>
      </c>
      <c r="AO7937">
        <v>39154.833980000003</v>
      </c>
      <c r="AP7937">
        <v>28157.36707</v>
      </c>
    </row>
    <row r="7938" spans="2:42" x14ac:dyDescent="0.3">
      <c r="B7938">
        <v>66.333292330861767</v>
      </c>
      <c r="C7938" s="83">
        <v>43431.666666666664</v>
      </c>
      <c r="D7938">
        <v>290492.9252</v>
      </c>
      <c r="E7938">
        <v>39431.408839999996</v>
      </c>
      <c r="F7938">
        <v>93991.382209999996</v>
      </c>
      <c r="G7938">
        <v>90064.370729999995</v>
      </c>
      <c r="H7938">
        <v>54695.012609999998</v>
      </c>
      <c r="I7938">
        <v>47389.226419999999</v>
      </c>
      <c r="J7938">
        <v>31147.602169999998</v>
      </c>
      <c r="K7938">
        <v>62661.188739999998</v>
      </c>
      <c r="L7938">
        <v>28224.273850000001</v>
      </c>
      <c r="M7938">
        <v>338198.05829999998</v>
      </c>
      <c r="N7938">
        <v>102067.0662</v>
      </c>
      <c r="O7938">
        <v>28276.9251</v>
      </c>
      <c r="P7938">
        <v>32036.967100000002</v>
      </c>
      <c r="Q7938">
        <v>93262.601630000005</v>
      </c>
      <c r="R7938">
        <v>26075.87473</v>
      </c>
      <c r="S7938">
        <v>115234.7243</v>
      </c>
      <c r="T7938">
        <v>39280.357819999997</v>
      </c>
      <c r="U7938">
        <v>26763.997299999999</v>
      </c>
      <c r="W7938" s="83">
        <f>Bühler!N7970</f>
        <v>45622.666666647419</v>
      </c>
      <c r="X7938" s="83">
        <v>43431.666666666664</v>
      </c>
      <c r="Y7938">
        <v>290492.9252</v>
      </c>
      <c r="Z7938">
        <v>39431.408839999996</v>
      </c>
      <c r="AA7938">
        <v>93991.382209999996</v>
      </c>
      <c r="AB7938">
        <v>90064.370729999995</v>
      </c>
      <c r="AC7938">
        <v>54695.012609999998</v>
      </c>
      <c r="AD7938">
        <v>47389.226419999999</v>
      </c>
      <c r="AE7938">
        <v>31147.602169999998</v>
      </c>
      <c r="AF7938">
        <v>62661.188739999998</v>
      </c>
      <c r="AG7938">
        <v>28224.273850000001</v>
      </c>
      <c r="AH7938">
        <v>338198.05829999998</v>
      </c>
      <c r="AI7938">
        <v>102067.0662</v>
      </c>
      <c r="AJ7938">
        <v>28276.9251</v>
      </c>
      <c r="AK7938">
        <v>32036.967100000002</v>
      </c>
      <c r="AL7938">
        <v>93262.601630000005</v>
      </c>
      <c r="AM7938">
        <v>26075.87473</v>
      </c>
      <c r="AN7938">
        <v>115234.7243</v>
      </c>
      <c r="AO7938">
        <v>39280.357819999997</v>
      </c>
      <c r="AP7938">
        <v>26763.997299999999</v>
      </c>
    </row>
    <row r="7939" spans="2:42" x14ac:dyDescent="0.3">
      <c r="B7939">
        <v>65.383751944537849</v>
      </c>
      <c r="C7939" s="83">
        <v>43431.708333333336</v>
      </c>
      <c r="D7939">
        <v>281499.17609999998</v>
      </c>
      <c r="E7939">
        <v>38038.245020000002</v>
      </c>
      <c r="F7939">
        <v>95333.011889999994</v>
      </c>
      <c r="G7939">
        <v>81771.884390000007</v>
      </c>
      <c r="H7939">
        <v>54255.683559999998</v>
      </c>
      <c r="I7939">
        <v>46089.331129999999</v>
      </c>
      <c r="J7939">
        <v>33114.267879999999</v>
      </c>
      <c r="K7939">
        <v>56291.913410000001</v>
      </c>
      <c r="L7939">
        <v>29096.020410000001</v>
      </c>
      <c r="M7939">
        <v>333356.85859999998</v>
      </c>
      <c r="N7939">
        <v>99860.598769999997</v>
      </c>
      <c r="O7939">
        <v>27392.177080000001</v>
      </c>
      <c r="P7939">
        <v>34691.478170000002</v>
      </c>
      <c r="Q7939">
        <v>92385.230280000003</v>
      </c>
      <c r="R7939">
        <v>24323.532930000001</v>
      </c>
      <c r="S7939">
        <v>113720.29489999999</v>
      </c>
      <c r="T7939">
        <v>40361.23702</v>
      </c>
      <c r="U7939">
        <v>24603.38768</v>
      </c>
      <c r="W7939" s="83">
        <f>Bühler!N7971</f>
        <v>45622.708333314084</v>
      </c>
      <c r="X7939" s="83">
        <v>43431.708333333336</v>
      </c>
      <c r="Y7939">
        <v>281499.17609999998</v>
      </c>
      <c r="Z7939">
        <v>38038.245020000002</v>
      </c>
      <c r="AA7939">
        <v>95333.011889999994</v>
      </c>
      <c r="AB7939">
        <v>81771.884390000007</v>
      </c>
      <c r="AC7939">
        <v>54255.683559999998</v>
      </c>
      <c r="AD7939">
        <v>46089.331129999999</v>
      </c>
      <c r="AE7939">
        <v>33114.267879999999</v>
      </c>
      <c r="AF7939">
        <v>56291.913410000001</v>
      </c>
      <c r="AG7939">
        <v>29096.020410000001</v>
      </c>
      <c r="AH7939">
        <v>333356.85859999998</v>
      </c>
      <c r="AI7939">
        <v>99860.598769999997</v>
      </c>
      <c r="AJ7939">
        <v>27392.177080000001</v>
      </c>
      <c r="AK7939">
        <v>34691.478170000002</v>
      </c>
      <c r="AL7939">
        <v>92385.230280000003</v>
      </c>
      <c r="AM7939">
        <v>24323.532930000001</v>
      </c>
      <c r="AN7939">
        <v>113720.29489999999</v>
      </c>
      <c r="AO7939">
        <v>40361.23702</v>
      </c>
      <c r="AP7939">
        <v>24603.38768</v>
      </c>
    </row>
    <row r="7940" spans="2:42" x14ac:dyDescent="0.3">
      <c r="B7940">
        <v>65.04756882886339</v>
      </c>
      <c r="C7940" s="83">
        <v>43431.75</v>
      </c>
      <c r="D7940">
        <v>274997.57819999999</v>
      </c>
      <c r="E7940">
        <v>34392.70491</v>
      </c>
      <c r="F7940">
        <v>93445.060310000001</v>
      </c>
      <c r="G7940">
        <v>70498.139949999997</v>
      </c>
      <c r="H7940">
        <v>51880.730730000003</v>
      </c>
      <c r="I7940">
        <v>43328.857120000001</v>
      </c>
      <c r="J7940">
        <v>33108.752209999999</v>
      </c>
      <c r="K7940">
        <v>54031.82574</v>
      </c>
      <c r="L7940">
        <v>30473.945080000001</v>
      </c>
      <c r="M7940">
        <v>331642.84029999998</v>
      </c>
      <c r="N7940">
        <v>96440.432149999993</v>
      </c>
      <c r="O7940">
        <v>26110.419430000002</v>
      </c>
      <c r="P7940">
        <v>38519.210760000002</v>
      </c>
      <c r="Q7940">
        <v>91503.221309999994</v>
      </c>
      <c r="R7940">
        <v>24579.542389999999</v>
      </c>
      <c r="S7940">
        <v>107846.9629</v>
      </c>
      <c r="T7940">
        <v>40888.641250000001</v>
      </c>
      <c r="U7940">
        <v>22175.95998</v>
      </c>
      <c r="W7940" s="83">
        <f>Bühler!N7972</f>
        <v>45622.749999980748</v>
      </c>
      <c r="X7940" s="83">
        <v>43431.75</v>
      </c>
      <c r="Y7940">
        <v>274997.57819999999</v>
      </c>
      <c r="Z7940">
        <v>34392.70491</v>
      </c>
      <c r="AA7940">
        <v>93445.060310000001</v>
      </c>
      <c r="AB7940">
        <v>70498.139949999997</v>
      </c>
      <c r="AC7940">
        <v>51880.730730000003</v>
      </c>
      <c r="AD7940">
        <v>43328.857120000001</v>
      </c>
      <c r="AE7940">
        <v>33108.752209999999</v>
      </c>
      <c r="AF7940">
        <v>54031.82574</v>
      </c>
      <c r="AG7940">
        <v>30473.945080000001</v>
      </c>
      <c r="AH7940">
        <v>331642.84029999998</v>
      </c>
      <c r="AI7940">
        <v>96440.432149999993</v>
      </c>
      <c r="AJ7940">
        <v>26110.419430000002</v>
      </c>
      <c r="AK7940">
        <v>38519.210760000002</v>
      </c>
      <c r="AL7940">
        <v>91503.221309999994</v>
      </c>
      <c r="AM7940">
        <v>24579.542389999999</v>
      </c>
      <c r="AN7940">
        <v>107846.9629</v>
      </c>
      <c r="AO7940">
        <v>40888.641250000001</v>
      </c>
      <c r="AP7940">
        <v>22175.95998</v>
      </c>
    </row>
    <row r="7941" spans="2:42" x14ac:dyDescent="0.3">
      <c r="B7941">
        <v>63.842155830561111</v>
      </c>
      <c r="C7941" s="83">
        <v>43431.791666666664</v>
      </c>
      <c r="D7941">
        <v>268183.97289999999</v>
      </c>
      <c r="E7941">
        <v>27744.38076</v>
      </c>
      <c r="F7941">
        <v>79883.743499999997</v>
      </c>
      <c r="G7941">
        <v>62690.768279999997</v>
      </c>
      <c r="H7941">
        <v>48254.336340000002</v>
      </c>
      <c r="I7941">
        <v>39942.578309999997</v>
      </c>
      <c r="J7941">
        <v>32193.980920000002</v>
      </c>
      <c r="K7941">
        <v>52115.590150000004</v>
      </c>
      <c r="L7941">
        <v>30269.135320000001</v>
      </c>
      <c r="M7941">
        <v>325497.08270000003</v>
      </c>
      <c r="N7941">
        <v>92345.633539999995</v>
      </c>
      <c r="O7941">
        <v>24904.04175</v>
      </c>
      <c r="P7941">
        <v>40208.613830000002</v>
      </c>
      <c r="Q7941">
        <v>88848.411420000004</v>
      </c>
      <c r="R7941">
        <v>23802.50981</v>
      </c>
      <c r="S7941">
        <v>101062.5946</v>
      </c>
      <c r="T7941">
        <v>40552.532469999998</v>
      </c>
      <c r="U7941">
        <v>20178.721969999999</v>
      </c>
      <c r="W7941" s="83">
        <f>Bühler!N7973</f>
        <v>45622.791666647412</v>
      </c>
      <c r="X7941" s="83">
        <v>43431.791666666664</v>
      </c>
      <c r="Y7941">
        <v>268183.97289999999</v>
      </c>
      <c r="Z7941">
        <v>27744.38076</v>
      </c>
      <c r="AA7941">
        <v>79883.743499999997</v>
      </c>
      <c r="AB7941">
        <v>62690.768279999997</v>
      </c>
      <c r="AC7941">
        <v>48254.336340000002</v>
      </c>
      <c r="AD7941">
        <v>39942.578309999997</v>
      </c>
      <c r="AE7941">
        <v>32193.980920000002</v>
      </c>
      <c r="AF7941">
        <v>52115.590150000004</v>
      </c>
      <c r="AG7941">
        <v>30269.135320000001</v>
      </c>
      <c r="AH7941">
        <v>325497.08270000003</v>
      </c>
      <c r="AI7941">
        <v>92345.633539999995</v>
      </c>
      <c r="AJ7941">
        <v>24904.04175</v>
      </c>
      <c r="AK7941">
        <v>40208.613830000002</v>
      </c>
      <c r="AL7941">
        <v>88848.411420000004</v>
      </c>
      <c r="AM7941">
        <v>23802.50981</v>
      </c>
      <c r="AN7941">
        <v>101062.5946</v>
      </c>
      <c r="AO7941">
        <v>40552.532469999998</v>
      </c>
      <c r="AP7941">
        <v>20178.721969999999</v>
      </c>
    </row>
    <row r="7942" spans="2:42" x14ac:dyDescent="0.3">
      <c r="B7942">
        <v>61.68961666212747</v>
      </c>
      <c r="C7942" s="83">
        <v>43431.833333333336</v>
      </c>
      <c r="D7942">
        <v>256662.59510000001</v>
      </c>
      <c r="E7942">
        <v>21265.977900000002</v>
      </c>
      <c r="F7942">
        <v>62019.256179999997</v>
      </c>
      <c r="G7942">
        <v>54008.994299999998</v>
      </c>
      <c r="H7942">
        <v>44783.824229999998</v>
      </c>
      <c r="I7942">
        <v>35084.245369999997</v>
      </c>
      <c r="J7942">
        <v>30431.334719999999</v>
      </c>
      <c r="K7942">
        <v>52409.539640000003</v>
      </c>
      <c r="L7942">
        <v>29875.67985</v>
      </c>
      <c r="M7942">
        <v>314522.43420000002</v>
      </c>
      <c r="N7942">
        <v>88657.618350000004</v>
      </c>
      <c r="O7942">
        <v>23719.498950000001</v>
      </c>
      <c r="P7942">
        <v>39530.230340000002</v>
      </c>
      <c r="Q7942">
        <v>86337.901639999996</v>
      </c>
      <c r="R7942">
        <v>21294.325629999999</v>
      </c>
      <c r="S7942">
        <v>90960.268100000001</v>
      </c>
      <c r="T7942">
        <v>38356.831870000002</v>
      </c>
      <c r="U7942">
        <v>18590.268619999999</v>
      </c>
      <c r="W7942" s="83">
        <f>Bühler!N7974</f>
        <v>45622.833333314076</v>
      </c>
      <c r="X7942" s="83">
        <v>43431.833333333336</v>
      </c>
      <c r="Y7942">
        <v>256662.59510000001</v>
      </c>
      <c r="Z7942">
        <v>21265.977900000002</v>
      </c>
      <c r="AA7942">
        <v>62019.256179999997</v>
      </c>
      <c r="AB7942">
        <v>54008.994299999998</v>
      </c>
      <c r="AC7942">
        <v>44783.824229999998</v>
      </c>
      <c r="AD7942">
        <v>35084.245369999997</v>
      </c>
      <c r="AE7942">
        <v>30431.334719999999</v>
      </c>
      <c r="AF7942">
        <v>52409.539640000003</v>
      </c>
      <c r="AG7942">
        <v>29875.67985</v>
      </c>
      <c r="AH7942">
        <v>314522.43420000002</v>
      </c>
      <c r="AI7942">
        <v>88657.618350000004</v>
      </c>
      <c r="AJ7942">
        <v>23719.498950000001</v>
      </c>
      <c r="AK7942">
        <v>39530.230340000002</v>
      </c>
      <c r="AL7942">
        <v>86337.901639999996</v>
      </c>
      <c r="AM7942">
        <v>21294.325629999999</v>
      </c>
      <c r="AN7942">
        <v>90960.268100000001</v>
      </c>
      <c r="AO7942">
        <v>38356.831870000002</v>
      </c>
      <c r="AP7942">
        <v>18590.268619999999</v>
      </c>
    </row>
    <row r="7943" spans="2:42" x14ac:dyDescent="0.3">
      <c r="B7943">
        <v>59.562969279800896</v>
      </c>
      <c r="C7943" s="83">
        <v>43431.875</v>
      </c>
      <c r="D7943">
        <v>246273.8259</v>
      </c>
      <c r="E7943">
        <v>18353.73921</v>
      </c>
      <c r="F7943">
        <v>54093.146079999999</v>
      </c>
      <c r="G7943">
        <v>49942.221579999998</v>
      </c>
      <c r="H7943">
        <v>41906.038849999997</v>
      </c>
      <c r="I7943">
        <v>30512.383180000001</v>
      </c>
      <c r="J7943">
        <v>29117.832890000001</v>
      </c>
      <c r="K7943">
        <v>50594.517509999998</v>
      </c>
      <c r="L7943">
        <v>28214.316510000001</v>
      </c>
      <c r="M7943">
        <v>303679.7941</v>
      </c>
      <c r="N7943">
        <v>85813.495790000001</v>
      </c>
      <c r="O7943">
        <v>21987.66675</v>
      </c>
      <c r="P7943">
        <v>37189.725279999999</v>
      </c>
      <c r="Q7943">
        <v>84244.657130000007</v>
      </c>
      <c r="R7943">
        <v>20369.80617</v>
      </c>
      <c r="S7943">
        <v>84718.569019999995</v>
      </c>
      <c r="T7943">
        <v>34398.392939999998</v>
      </c>
      <c r="U7943">
        <v>16782.973480000001</v>
      </c>
      <c r="W7943" s="83">
        <f>Bühler!N7975</f>
        <v>45622.874999980741</v>
      </c>
      <c r="X7943" s="83">
        <v>43431.875</v>
      </c>
      <c r="Y7943">
        <v>246273.8259</v>
      </c>
      <c r="Z7943">
        <v>18353.73921</v>
      </c>
      <c r="AA7943">
        <v>54093.146079999999</v>
      </c>
      <c r="AB7943">
        <v>49942.221579999998</v>
      </c>
      <c r="AC7943">
        <v>41906.038849999997</v>
      </c>
      <c r="AD7943">
        <v>30512.383180000001</v>
      </c>
      <c r="AE7943">
        <v>29117.832890000001</v>
      </c>
      <c r="AF7943">
        <v>50594.517509999998</v>
      </c>
      <c r="AG7943">
        <v>28214.316510000001</v>
      </c>
      <c r="AH7943">
        <v>303679.7941</v>
      </c>
      <c r="AI7943">
        <v>85813.495790000001</v>
      </c>
      <c r="AJ7943">
        <v>21987.66675</v>
      </c>
      <c r="AK7943">
        <v>37189.725279999999</v>
      </c>
      <c r="AL7943">
        <v>84244.657130000007</v>
      </c>
      <c r="AM7943">
        <v>20369.80617</v>
      </c>
      <c r="AN7943">
        <v>84718.569019999995</v>
      </c>
      <c r="AO7943">
        <v>34398.392939999998</v>
      </c>
      <c r="AP7943">
        <v>16782.973480000001</v>
      </c>
    </row>
    <row r="7944" spans="2:42" x14ac:dyDescent="0.3">
      <c r="B7944">
        <v>59.699557040373001</v>
      </c>
      <c r="C7944" s="83">
        <v>43431.916666666664</v>
      </c>
      <c r="D7944">
        <v>244975.47700000001</v>
      </c>
      <c r="E7944">
        <v>17524.98977</v>
      </c>
      <c r="F7944">
        <v>51966.187209999996</v>
      </c>
      <c r="G7944">
        <v>47000.87038</v>
      </c>
      <c r="H7944">
        <v>40749.609450000004</v>
      </c>
      <c r="I7944">
        <v>29097.370889999998</v>
      </c>
      <c r="J7944">
        <v>28211.280579999999</v>
      </c>
      <c r="K7944">
        <v>53817.219879999997</v>
      </c>
      <c r="L7944">
        <v>25061.660260000001</v>
      </c>
      <c r="M7944">
        <v>304376.18219999998</v>
      </c>
      <c r="N7944">
        <v>85086.147259999998</v>
      </c>
      <c r="O7944">
        <v>22823.971369999999</v>
      </c>
      <c r="P7944">
        <v>37920.767809999998</v>
      </c>
      <c r="Q7944">
        <v>83561.998670000001</v>
      </c>
      <c r="R7944">
        <v>26736.244320000002</v>
      </c>
      <c r="S7944">
        <v>82247.934039999993</v>
      </c>
      <c r="T7944">
        <v>30313.52176</v>
      </c>
      <c r="U7944">
        <v>17992.558499999999</v>
      </c>
      <c r="W7944" s="83">
        <f>Bühler!N7976</f>
        <v>45622.916666647405</v>
      </c>
      <c r="X7944" s="83">
        <v>43431.916666666664</v>
      </c>
      <c r="Y7944">
        <v>244975.47700000001</v>
      </c>
      <c r="Z7944">
        <v>17524.98977</v>
      </c>
      <c r="AA7944">
        <v>51966.187209999996</v>
      </c>
      <c r="AB7944">
        <v>47000.87038</v>
      </c>
      <c r="AC7944">
        <v>40749.609450000004</v>
      </c>
      <c r="AD7944">
        <v>29097.370889999998</v>
      </c>
      <c r="AE7944">
        <v>28211.280579999999</v>
      </c>
      <c r="AF7944">
        <v>53817.219879999997</v>
      </c>
      <c r="AG7944">
        <v>25061.660260000001</v>
      </c>
      <c r="AH7944">
        <v>304376.18219999998</v>
      </c>
      <c r="AI7944">
        <v>85086.147259999998</v>
      </c>
      <c r="AJ7944">
        <v>22823.971369999999</v>
      </c>
      <c r="AK7944">
        <v>37920.767809999998</v>
      </c>
      <c r="AL7944">
        <v>83561.998670000001</v>
      </c>
      <c r="AM7944">
        <v>26736.244320000002</v>
      </c>
      <c r="AN7944">
        <v>82247.934039999993</v>
      </c>
      <c r="AO7944">
        <v>30313.52176</v>
      </c>
      <c r="AP7944">
        <v>17992.558499999999</v>
      </c>
    </row>
    <row r="7945" spans="2:42" x14ac:dyDescent="0.3">
      <c r="B7945">
        <v>58.875069671414984</v>
      </c>
      <c r="C7945" s="83">
        <v>43431.958333333336</v>
      </c>
      <c r="D7945">
        <v>245602.73910000001</v>
      </c>
      <c r="E7945">
        <v>17073.106609999999</v>
      </c>
      <c r="F7945">
        <v>50746.303970000001</v>
      </c>
      <c r="G7945">
        <v>45927.344920000003</v>
      </c>
      <c r="H7945">
        <v>39695.01728</v>
      </c>
      <c r="I7945">
        <v>28053.59734</v>
      </c>
      <c r="J7945">
        <v>26434.161220000002</v>
      </c>
      <c r="K7945">
        <v>52938.49078</v>
      </c>
      <c r="L7945">
        <v>21394.43909</v>
      </c>
      <c r="M7945">
        <v>300172.56109999999</v>
      </c>
      <c r="N7945">
        <v>84548.851349999997</v>
      </c>
      <c r="O7945">
        <v>22906.488860000001</v>
      </c>
      <c r="P7945">
        <v>33523.134250000003</v>
      </c>
      <c r="Q7945">
        <v>83166.938500000004</v>
      </c>
      <c r="R7945">
        <v>26387.260119999999</v>
      </c>
      <c r="S7945">
        <v>81096.822880000007</v>
      </c>
      <c r="T7945">
        <v>30315.854329999998</v>
      </c>
      <c r="U7945">
        <v>17616.026140000002</v>
      </c>
      <c r="W7945" s="83">
        <f>Bühler!N7977</f>
        <v>45622.958333314069</v>
      </c>
      <c r="X7945" s="83">
        <v>43431.958333333336</v>
      </c>
      <c r="Y7945">
        <v>245602.73910000001</v>
      </c>
      <c r="Z7945">
        <v>17073.106609999999</v>
      </c>
      <c r="AA7945">
        <v>50746.303970000001</v>
      </c>
      <c r="AB7945">
        <v>45927.344920000003</v>
      </c>
      <c r="AC7945">
        <v>39695.01728</v>
      </c>
      <c r="AD7945">
        <v>28053.59734</v>
      </c>
      <c r="AE7945">
        <v>26434.161220000002</v>
      </c>
      <c r="AF7945">
        <v>52938.49078</v>
      </c>
      <c r="AG7945">
        <v>21394.43909</v>
      </c>
      <c r="AH7945">
        <v>300172.56109999999</v>
      </c>
      <c r="AI7945">
        <v>84548.851349999997</v>
      </c>
      <c r="AJ7945">
        <v>22906.488860000001</v>
      </c>
      <c r="AK7945">
        <v>33523.134250000003</v>
      </c>
      <c r="AL7945">
        <v>83166.938500000004</v>
      </c>
      <c r="AM7945">
        <v>26387.260119999999</v>
      </c>
      <c r="AN7945">
        <v>81096.822880000007</v>
      </c>
      <c r="AO7945">
        <v>30315.854329999998</v>
      </c>
      <c r="AP7945">
        <v>17616.026140000002</v>
      </c>
    </row>
    <row r="7946" spans="2:42" x14ac:dyDescent="0.3">
      <c r="B7946">
        <v>58.495218051318346</v>
      </c>
      <c r="C7946" s="83">
        <v>43432</v>
      </c>
      <c r="D7946">
        <v>244106.7187</v>
      </c>
      <c r="E7946">
        <v>16745.46643</v>
      </c>
      <c r="F7946">
        <v>50149.226430000002</v>
      </c>
      <c r="G7946">
        <v>44837.442819999997</v>
      </c>
      <c r="H7946">
        <v>38976.799919999998</v>
      </c>
      <c r="I7946">
        <v>25837.307130000001</v>
      </c>
      <c r="J7946">
        <v>25366.972760000001</v>
      </c>
      <c r="K7946">
        <v>51159.357989999997</v>
      </c>
      <c r="L7946">
        <v>19624.848409999999</v>
      </c>
      <c r="M7946">
        <v>298235.90039999998</v>
      </c>
      <c r="N7946">
        <v>83730.695139999996</v>
      </c>
      <c r="O7946">
        <v>22325.553</v>
      </c>
      <c r="P7946">
        <v>31222.599569999998</v>
      </c>
      <c r="Q7946">
        <v>83202.163570000004</v>
      </c>
      <c r="R7946">
        <v>24887.747530000001</v>
      </c>
      <c r="S7946">
        <v>79577.350250000003</v>
      </c>
      <c r="T7946">
        <v>28401.620599999998</v>
      </c>
      <c r="U7946">
        <v>17608.41821</v>
      </c>
      <c r="W7946" s="83">
        <f>Bühler!N7978</f>
        <v>45622.999999980733</v>
      </c>
      <c r="X7946" s="83">
        <v>43432</v>
      </c>
      <c r="Y7946">
        <v>244106.7187</v>
      </c>
      <c r="Z7946">
        <v>16745.46643</v>
      </c>
      <c r="AA7946">
        <v>50149.226430000002</v>
      </c>
      <c r="AB7946">
        <v>44837.442819999997</v>
      </c>
      <c r="AC7946">
        <v>38976.799919999998</v>
      </c>
      <c r="AD7946">
        <v>25837.307130000001</v>
      </c>
      <c r="AE7946">
        <v>25366.972760000001</v>
      </c>
      <c r="AF7946">
        <v>51159.357989999997</v>
      </c>
      <c r="AG7946">
        <v>19624.848409999999</v>
      </c>
      <c r="AH7946">
        <v>298235.90039999998</v>
      </c>
      <c r="AI7946">
        <v>83730.695139999996</v>
      </c>
      <c r="AJ7946">
        <v>22325.553</v>
      </c>
      <c r="AK7946">
        <v>31222.599569999998</v>
      </c>
      <c r="AL7946">
        <v>83202.163570000004</v>
      </c>
      <c r="AM7946">
        <v>24887.747530000001</v>
      </c>
      <c r="AN7946">
        <v>79577.350250000003</v>
      </c>
      <c r="AO7946">
        <v>28401.620599999998</v>
      </c>
      <c r="AP7946">
        <v>17608.41821</v>
      </c>
    </row>
    <row r="7947" spans="2:42" x14ac:dyDescent="0.3">
      <c r="B7947">
        <v>59.666224291149675</v>
      </c>
      <c r="C7947" s="83">
        <v>43432.041666666664</v>
      </c>
      <c r="D7947">
        <v>243440.71590000001</v>
      </c>
      <c r="E7947">
        <v>16811.815719999999</v>
      </c>
      <c r="F7947">
        <v>51924.984470000003</v>
      </c>
      <c r="G7947">
        <v>43951.72984</v>
      </c>
      <c r="H7947">
        <v>38895.197809999998</v>
      </c>
      <c r="I7947">
        <v>22085.782620000002</v>
      </c>
      <c r="J7947">
        <v>25613.430359999998</v>
      </c>
      <c r="K7947">
        <v>49856.96185</v>
      </c>
      <c r="L7947">
        <v>19117.62054</v>
      </c>
      <c r="M7947">
        <v>304206.23629999999</v>
      </c>
      <c r="N7947">
        <v>82740.062229999996</v>
      </c>
      <c r="O7947">
        <v>22729.031800000001</v>
      </c>
      <c r="P7947">
        <v>30201.780930000001</v>
      </c>
      <c r="Q7947">
        <v>83619.810259999998</v>
      </c>
      <c r="R7947">
        <v>24300.307690000001</v>
      </c>
      <c r="S7947">
        <v>81114.734169999996</v>
      </c>
      <c r="T7947">
        <v>28041.083790000001</v>
      </c>
      <c r="U7947">
        <v>17279.343000000001</v>
      </c>
      <c r="W7947" s="83">
        <f>Bühler!N7979</f>
        <v>45623.041666647398</v>
      </c>
      <c r="X7947" s="83">
        <v>43432.041666666664</v>
      </c>
      <c r="Y7947">
        <v>243440.71590000001</v>
      </c>
      <c r="Z7947">
        <v>16811.815719999999</v>
      </c>
      <c r="AA7947">
        <v>51924.984470000003</v>
      </c>
      <c r="AB7947">
        <v>43951.72984</v>
      </c>
      <c r="AC7947">
        <v>38895.197809999998</v>
      </c>
      <c r="AD7947">
        <v>22085.782620000002</v>
      </c>
      <c r="AE7947">
        <v>25613.430359999998</v>
      </c>
      <c r="AF7947">
        <v>49856.96185</v>
      </c>
      <c r="AG7947">
        <v>19117.62054</v>
      </c>
      <c r="AH7947">
        <v>304206.23629999999</v>
      </c>
      <c r="AI7947">
        <v>82740.062229999996</v>
      </c>
      <c r="AJ7947">
        <v>22729.031800000001</v>
      </c>
      <c r="AK7947">
        <v>30201.780930000001</v>
      </c>
      <c r="AL7947">
        <v>83619.810259999998</v>
      </c>
      <c r="AM7947">
        <v>24300.307690000001</v>
      </c>
      <c r="AN7947">
        <v>81114.734169999996</v>
      </c>
      <c r="AO7947">
        <v>28041.083790000001</v>
      </c>
      <c r="AP7947">
        <v>17279.343000000001</v>
      </c>
    </row>
    <row r="7948" spans="2:42" x14ac:dyDescent="0.3">
      <c r="B7948">
        <v>60.48788524152738</v>
      </c>
      <c r="C7948" s="83">
        <v>43432.083333333336</v>
      </c>
      <c r="D7948">
        <v>244528.3842</v>
      </c>
      <c r="E7948">
        <v>16690.57764</v>
      </c>
      <c r="F7948">
        <v>52761.191270000003</v>
      </c>
      <c r="G7948">
        <v>43805.732490000002</v>
      </c>
      <c r="H7948">
        <v>38567.922050000001</v>
      </c>
      <c r="I7948">
        <v>19916.359570000001</v>
      </c>
      <c r="J7948">
        <v>25258.319449999999</v>
      </c>
      <c r="K7948">
        <v>48657.496039999998</v>
      </c>
      <c r="L7948">
        <v>18645.3923</v>
      </c>
      <c r="M7948">
        <v>308395.44699999999</v>
      </c>
      <c r="N7948">
        <v>81940.882970000006</v>
      </c>
      <c r="O7948">
        <v>22449.47552</v>
      </c>
      <c r="P7948">
        <v>29137.831549999999</v>
      </c>
      <c r="Q7948">
        <v>85809.40324</v>
      </c>
      <c r="R7948">
        <v>23969.000810000001</v>
      </c>
      <c r="S7948">
        <v>80682.911189999999</v>
      </c>
      <c r="T7948">
        <v>27623.140609999999</v>
      </c>
      <c r="U7948">
        <v>17152.093049999999</v>
      </c>
      <c r="W7948" s="83">
        <f>Bühler!N7980</f>
        <v>45623.083333314062</v>
      </c>
      <c r="X7948" s="83">
        <v>43432.083333333336</v>
      </c>
      <c r="Y7948">
        <v>244528.3842</v>
      </c>
      <c r="Z7948">
        <v>16690.57764</v>
      </c>
      <c r="AA7948">
        <v>52761.191270000003</v>
      </c>
      <c r="AB7948">
        <v>43805.732490000002</v>
      </c>
      <c r="AC7948">
        <v>38567.922050000001</v>
      </c>
      <c r="AD7948">
        <v>19916.359570000001</v>
      </c>
      <c r="AE7948">
        <v>25258.319449999999</v>
      </c>
      <c r="AF7948">
        <v>48657.496039999998</v>
      </c>
      <c r="AG7948">
        <v>18645.3923</v>
      </c>
      <c r="AH7948">
        <v>308395.44699999999</v>
      </c>
      <c r="AI7948">
        <v>81940.882970000006</v>
      </c>
      <c r="AJ7948">
        <v>22449.47552</v>
      </c>
      <c r="AK7948">
        <v>29137.831549999999</v>
      </c>
      <c r="AL7948">
        <v>85809.40324</v>
      </c>
      <c r="AM7948">
        <v>23969.000810000001</v>
      </c>
      <c r="AN7948">
        <v>80682.911189999999</v>
      </c>
      <c r="AO7948">
        <v>27623.140609999999</v>
      </c>
      <c r="AP7948">
        <v>17152.093049999999</v>
      </c>
    </row>
    <row r="7949" spans="2:42" x14ac:dyDescent="0.3">
      <c r="B7949">
        <v>61.017984592730187</v>
      </c>
      <c r="C7949" s="83">
        <v>43432.125</v>
      </c>
      <c r="D7949">
        <v>246014.98819999999</v>
      </c>
      <c r="E7949">
        <v>16686.642</v>
      </c>
      <c r="F7949">
        <v>53120.333550000003</v>
      </c>
      <c r="G7949">
        <v>42950.807249999998</v>
      </c>
      <c r="H7949">
        <v>38841.971129999998</v>
      </c>
      <c r="I7949">
        <v>19633.147199999999</v>
      </c>
      <c r="J7949">
        <v>25308.956200000001</v>
      </c>
      <c r="K7949">
        <v>48137.513480000001</v>
      </c>
      <c r="L7949">
        <v>18402.453140000001</v>
      </c>
      <c r="M7949">
        <v>311098.14069999999</v>
      </c>
      <c r="N7949">
        <v>81581.163929999995</v>
      </c>
      <c r="O7949">
        <v>22452.864269999998</v>
      </c>
      <c r="P7949">
        <v>28363.241379999999</v>
      </c>
      <c r="Q7949">
        <v>89246.400779999996</v>
      </c>
      <c r="R7949">
        <v>24000.97409</v>
      </c>
      <c r="S7949">
        <v>80053.040980000005</v>
      </c>
      <c r="T7949">
        <v>27318.934209999999</v>
      </c>
      <c r="U7949">
        <v>17116.684499999999</v>
      </c>
      <c r="W7949" s="83">
        <f>Bühler!N7981</f>
        <v>45623.124999980726</v>
      </c>
      <c r="X7949" s="83">
        <v>43432.125</v>
      </c>
      <c r="Y7949">
        <v>246014.98819999999</v>
      </c>
      <c r="Z7949">
        <v>16686.642</v>
      </c>
      <c r="AA7949">
        <v>53120.333550000003</v>
      </c>
      <c r="AB7949">
        <v>42950.807249999998</v>
      </c>
      <c r="AC7949">
        <v>38841.971129999998</v>
      </c>
      <c r="AD7949">
        <v>19633.147199999999</v>
      </c>
      <c r="AE7949">
        <v>25308.956200000001</v>
      </c>
      <c r="AF7949">
        <v>48137.513480000001</v>
      </c>
      <c r="AG7949">
        <v>18402.453140000001</v>
      </c>
      <c r="AH7949">
        <v>311098.14069999999</v>
      </c>
      <c r="AI7949">
        <v>81581.163929999995</v>
      </c>
      <c r="AJ7949">
        <v>22452.864269999998</v>
      </c>
      <c r="AK7949">
        <v>28363.241379999999</v>
      </c>
      <c r="AL7949">
        <v>89246.400779999996</v>
      </c>
      <c r="AM7949">
        <v>24000.97409</v>
      </c>
      <c r="AN7949">
        <v>80053.040980000005</v>
      </c>
      <c r="AO7949">
        <v>27318.934209999999</v>
      </c>
      <c r="AP7949">
        <v>17116.684499999999</v>
      </c>
    </row>
    <row r="7950" spans="2:42" x14ac:dyDescent="0.3">
      <c r="B7950">
        <v>62.071983234592118</v>
      </c>
      <c r="C7950" s="83">
        <v>43432.166666666664</v>
      </c>
      <c r="D7950">
        <v>249059.48</v>
      </c>
      <c r="E7950">
        <v>17176.589980000001</v>
      </c>
      <c r="F7950">
        <v>56860.391640000002</v>
      </c>
      <c r="G7950">
        <v>42733.111270000001</v>
      </c>
      <c r="H7950">
        <v>39340.796990000003</v>
      </c>
      <c r="I7950">
        <v>22853.801060000002</v>
      </c>
      <c r="J7950">
        <v>26558.047060000001</v>
      </c>
      <c r="K7950">
        <v>45975.38882</v>
      </c>
      <c r="L7950">
        <v>18177.37199</v>
      </c>
      <c r="M7950">
        <v>316471.91729999997</v>
      </c>
      <c r="N7950">
        <v>81089.877049999996</v>
      </c>
      <c r="O7950">
        <v>22583.343919999999</v>
      </c>
      <c r="P7950">
        <v>28560.76483</v>
      </c>
      <c r="Q7950">
        <v>92382.984570000001</v>
      </c>
      <c r="R7950">
        <v>23218.722669999999</v>
      </c>
      <c r="S7950">
        <v>80712.580230000007</v>
      </c>
      <c r="T7950">
        <v>27128.501469999999</v>
      </c>
      <c r="U7950">
        <v>17469.283380000001</v>
      </c>
      <c r="W7950" s="83">
        <f>Bühler!N7982</f>
        <v>45623.16666664739</v>
      </c>
      <c r="X7950" s="83">
        <v>43432.166666666664</v>
      </c>
      <c r="Y7950">
        <v>249059.48</v>
      </c>
      <c r="Z7950">
        <v>17176.589980000001</v>
      </c>
      <c r="AA7950">
        <v>56860.391640000002</v>
      </c>
      <c r="AB7950">
        <v>42733.111270000001</v>
      </c>
      <c r="AC7950">
        <v>39340.796990000003</v>
      </c>
      <c r="AD7950">
        <v>22853.801060000002</v>
      </c>
      <c r="AE7950">
        <v>26558.047060000001</v>
      </c>
      <c r="AF7950">
        <v>45975.38882</v>
      </c>
      <c r="AG7950">
        <v>18177.37199</v>
      </c>
      <c r="AH7950">
        <v>316471.91729999997</v>
      </c>
      <c r="AI7950">
        <v>81089.877049999996</v>
      </c>
      <c r="AJ7950">
        <v>22583.343919999999</v>
      </c>
      <c r="AK7950">
        <v>28560.76483</v>
      </c>
      <c r="AL7950">
        <v>92382.984570000001</v>
      </c>
      <c r="AM7950">
        <v>23218.722669999999</v>
      </c>
      <c r="AN7950">
        <v>80712.580230000007</v>
      </c>
      <c r="AO7950">
        <v>27128.501469999999</v>
      </c>
      <c r="AP7950">
        <v>17469.283380000001</v>
      </c>
    </row>
    <row r="7951" spans="2:42" x14ac:dyDescent="0.3">
      <c r="B7951">
        <v>64.917660351376824</v>
      </c>
      <c r="C7951" s="83">
        <v>43432.208333333336</v>
      </c>
      <c r="D7951">
        <v>263488.12329999998</v>
      </c>
      <c r="E7951">
        <v>19628.95147</v>
      </c>
      <c r="F7951">
        <v>67896.780580000006</v>
      </c>
      <c r="G7951">
        <v>45598.130100000002</v>
      </c>
      <c r="H7951">
        <v>41362.639150000003</v>
      </c>
      <c r="I7951">
        <v>30377.773550000002</v>
      </c>
      <c r="J7951">
        <v>28594.791539999998</v>
      </c>
      <c r="K7951">
        <v>46591.854659999997</v>
      </c>
      <c r="L7951">
        <v>18220.761630000001</v>
      </c>
      <c r="M7951">
        <v>330980.50630000001</v>
      </c>
      <c r="N7951">
        <v>81153.79608</v>
      </c>
      <c r="O7951">
        <v>23210.696660000001</v>
      </c>
      <c r="P7951">
        <v>29770.641080000001</v>
      </c>
      <c r="Q7951">
        <v>94649.921369999996</v>
      </c>
      <c r="R7951">
        <v>24204.967069999999</v>
      </c>
      <c r="S7951">
        <v>83183.107210000002</v>
      </c>
      <c r="T7951">
        <v>28548.03729</v>
      </c>
      <c r="U7951">
        <v>18755.202649999999</v>
      </c>
      <c r="W7951" s="83">
        <f>Bühler!N7983</f>
        <v>45623.208333314054</v>
      </c>
      <c r="X7951" s="83">
        <v>43432.208333333336</v>
      </c>
      <c r="Y7951">
        <v>263488.12329999998</v>
      </c>
      <c r="Z7951">
        <v>19628.95147</v>
      </c>
      <c r="AA7951">
        <v>67896.780580000006</v>
      </c>
      <c r="AB7951">
        <v>45598.130100000002</v>
      </c>
      <c r="AC7951">
        <v>41362.639150000003</v>
      </c>
      <c r="AD7951">
        <v>30377.773550000002</v>
      </c>
      <c r="AE7951">
        <v>28594.791539999998</v>
      </c>
      <c r="AF7951">
        <v>46591.854659999997</v>
      </c>
      <c r="AG7951">
        <v>18220.761630000001</v>
      </c>
      <c r="AH7951">
        <v>330980.50630000001</v>
      </c>
      <c r="AI7951">
        <v>81153.79608</v>
      </c>
      <c r="AJ7951">
        <v>23210.696660000001</v>
      </c>
      <c r="AK7951">
        <v>29770.641080000001</v>
      </c>
      <c r="AL7951">
        <v>94649.921369999996</v>
      </c>
      <c r="AM7951">
        <v>24204.967069999999</v>
      </c>
      <c r="AN7951">
        <v>83183.107210000002</v>
      </c>
      <c r="AO7951">
        <v>28548.03729</v>
      </c>
      <c r="AP7951">
        <v>18755.202649999999</v>
      </c>
    </row>
    <row r="7952" spans="2:42" x14ac:dyDescent="0.3">
      <c r="B7952">
        <v>67.942611222011465</v>
      </c>
      <c r="C7952" s="83">
        <v>43432.25</v>
      </c>
      <c r="D7952">
        <v>279065.01809999999</v>
      </c>
      <c r="E7952">
        <v>23896.814279999999</v>
      </c>
      <c r="F7952">
        <v>78858.418300000005</v>
      </c>
      <c r="G7952">
        <v>57438.554700000001</v>
      </c>
      <c r="H7952">
        <v>45023.150430000002</v>
      </c>
      <c r="I7952">
        <v>38538.069640000002</v>
      </c>
      <c r="J7952">
        <v>31763.929189999999</v>
      </c>
      <c r="K7952">
        <v>50024.426829999997</v>
      </c>
      <c r="L7952">
        <v>20154.981919999998</v>
      </c>
      <c r="M7952">
        <v>346403.1165</v>
      </c>
      <c r="N7952">
        <v>84156.53413</v>
      </c>
      <c r="O7952">
        <v>24125.606169999999</v>
      </c>
      <c r="P7952">
        <v>30554.937290000002</v>
      </c>
      <c r="Q7952">
        <v>96234.349780000004</v>
      </c>
      <c r="R7952">
        <v>20926.335370000001</v>
      </c>
      <c r="S7952">
        <v>91733.286500000002</v>
      </c>
      <c r="T7952">
        <v>31638.77073</v>
      </c>
      <c r="U7952">
        <v>20880.368630000001</v>
      </c>
      <c r="W7952" s="83">
        <f>Bühler!N7984</f>
        <v>45623.249999980719</v>
      </c>
      <c r="X7952" s="83">
        <v>43432.25</v>
      </c>
      <c r="Y7952">
        <v>279065.01809999999</v>
      </c>
      <c r="Z7952">
        <v>23896.814279999999</v>
      </c>
      <c r="AA7952">
        <v>78858.418300000005</v>
      </c>
      <c r="AB7952">
        <v>57438.554700000001</v>
      </c>
      <c r="AC7952">
        <v>45023.150430000002</v>
      </c>
      <c r="AD7952">
        <v>38538.069640000002</v>
      </c>
      <c r="AE7952">
        <v>31763.929189999999</v>
      </c>
      <c r="AF7952">
        <v>50024.426829999997</v>
      </c>
      <c r="AG7952">
        <v>20154.981919999998</v>
      </c>
      <c r="AH7952">
        <v>346403.1165</v>
      </c>
      <c r="AI7952">
        <v>84156.53413</v>
      </c>
      <c r="AJ7952">
        <v>24125.606169999999</v>
      </c>
      <c r="AK7952">
        <v>30554.937290000002</v>
      </c>
      <c r="AL7952">
        <v>96234.349780000004</v>
      </c>
      <c r="AM7952">
        <v>20926.335370000001</v>
      </c>
      <c r="AN7952">
        <v>91733.286500000002</v>
      </c>
      <c r="AO7952">
        <v>31638.77073</v>
      </c>
      <c r="AP7952">
        <v>20880.368630000001</v>
      </c>
    </row>
    <row r="7953" spans="2:42" x14ac:dyDescent="0.3">
      <c r="B7953">
        <v>69.032401332868361</v>
      </c>
      <c r="C7953" s="83">
        <v>43432.291666666664</v>
      </c>
      <c r="D7953">
        <v>292909.92989999999</v>
      </c>
      <c r="E7953">
        <v>29064.156660000001</v>
      </c>
      <c r="F7953">
        <v>81129.715160000007</v>
      </c>
      <c r="G7953">
        <v>73746.252859999993</v>
      </c>
      <c r="H7953">
        <v>51368.8799</v>
      </c>
      <c r="I7953">
        <v>47931.772570000001</v>
      </c>
      <c r="J7953">
        <v>32480.62225</v>
      </c>
      <c r="K7953">
        <v>55692.508609999997</v>
      </c>
      <c r="L7953">
        <v>23712.480200000002</v>
      </c>
      <c r="M7953">
        <v>351959.37469999999</v>
      </c>
      <c r="N7953">
        <v>90171.878030000007</v>
      </c>
      <c r="O7953">
        <v>27064.895039999999</v>
      </c>
      <c r="P7953">
        <v>34110.609689999997</v>
      </c>
      <c r="Q7953">
        <v>96150.42654</v>
      </c>
      <c r="R7953">
        <v>23522.300429999999</v>
      </c>
      <c r="S7953">
        <v>106173.4278</v>
      </c>
      <c r="T7953">
        <v>34068.080759999997</v>
      </c>
      <c r="U7953">
        <v>26269.169689999999</v>
      </c>
      <c r="W7953" s="83">
        <f>Bühler!N7985</f>
        <v>45623.291666647383</v>
      </c>
      <c r="X7953" s="83">
        <v>43432.291666666664</v>
      </c>
      <c r="Y7953">
        <v>292909.92989999999</v>
      </c>
      <c r="Z7953">
        <v>29064.156660000001</v>
      </c>
      <c r="AA7953">
        <v>81129.715160000007</v>
      </c>
      <c r="AB7953">
        <v>73746.252859999993</v>
      </c>
      <c r="AC7953">
        <v>51368.8799</v>
      </c>
      <c r="AD7953">
        <v>47931.772570000001</v>
      </c>
      <c r="AE7953">
        <v>32480.62225</v>
      </c>
      <c r="AF7953">
        <v>55692.508609999997</v>
      </c>
      <c r="AG7953">
        <v>23712.480200000002</v>
      </c>
      <c r="AH7953">
        <v>351959.37469999999</v>
      </c>
      <c r="AI7953">
        <v>90171.878030000007</v>
      </c>
      <c r="AJ7953">
        <v>27064.895039999999</v>
      </c>
      <c r="AK7953">
        <v>34110.609689999997</v>
      </c>
      <c r="AL7953">
        <v>96150.42654</v>
      </c>
      <c r="AM7953">
        <v>23522.300429999999</v>
      </c>
      <c r="AN7953">
        <v>106173.4278</v>
      </c>
      <c r="AO7953">
        <v>34068.080759999997</v>
      </c>
      <c r="AP7953">
        <v>26269.169689999999</v>
      </c>
    </row>
    <row r="7954" spans="2:42" x14ac:dyDescent="0.3">
      <c r="B7954">
        <v>70.287572176566712</v>
      </c>
      <c r="C7954" s="83">
        <v>43432.333333333336</v>
      </c>
      <c r="D7954">
        <v>305521.70169999998</v>
      </c>
      <c r="E7954">
        <v>35116.791039999996</v>
      </c>
      <c r="F7954">
        <v>89183.218909999996</v>
      </c>
      <c r="G7954">
        <v>90525.463789999994</v>
      </c>
      <c r="H7954">
        <v>56520.385869999998</v>
      </c>
      <c r="I7954">
        <v>51150.917479999996</v>
      </c>
      <c r="J7954">
        <v>32314.949189999999</v>
      </c>
      <c r="K7954">
        <v>61381.667200000004</v>
      </c>
      <c r="L7954">
        <v>26826.588619999999</v>
      </c>
      <c r="M7954">
        <v>358358.821</v>
      </c>
      <c r="N7954">
        <v>97281.261079999997</v>
      </c>
      <c r="O7954">
        <v>28785.465950000002</v>
      </c>
      <c r="P7954">
        <v>35065.97623</v>
      </c>
      <c r="Q7954">
        <v>96103.76827</v>
      </c>
      <c r="R7954">
        <v>24704.36362</v>
      </c>
      <c r="S7954">
        <v>119500.93730000001</v>
      </c>
      <c r="T7954">
        <v>37588.999810000001</v>
      </c>
      <c r="U7954">
        <v>30198.415229999999</v>
      </c>
      <c r="W7954" s="83">
        <f>Bühler!N7986</f>
        <v>45623.333333314047</v>
      </c>
      <c r="X7954" s="83">
        <v>43432.333333333336</v>
      </c>
      <c r="Y7954">
        <v>305521.70169999998</v>
      </c>
      <c r="Z7954">
        <v>35116.791039999996</v>
      </c>
      <c r="AA7954">
        <v>89183.218909999996</v>
      </c>
      <c r="AB7954">
        <v>90525.463789999994</v>
      </c>
      <c r="AC7954">
        <v>56520.385869999998</v>
      </c>
      <c r="AD7954">
        <v>51150.917479999996</v>
      </c>
      <c r="AE7954">
        <v>32314.949189999999</v>
      </c>
      <c r="AF7954">
        <v>61381.667200000004</v>
      </c>
      <c r="AG7954">
        <v>26826.588619999999</v>
      </c>
      <c r="AH7954">
        <v>358358.821</v>
      </c>
      <c r="AI7954">
        <v>97281.261079999997</v>
      </c>
      <c r="AJ7954">
        <v>28785.465950000002</v>
      </c>
      <c r="AK7954">
        <v>35065.97623</v>
      </c>
      <c r="AL7954">
        <v>96103.76827</v>
      </c>
      <c r="AM7954">
        <v>24704.36362</v>
      </c>
      <c r="AN7954">
        <v>119500.93730000001</v>
      </c>
      <c r="AO7954">
        <v>37588.999810000001</v>
      </c>
      <c r="AP7954">
        <v>30198.415229999999</v>
      </c>
    </row>
    <row r="7955" spans="2:42" x14ac:dyDescent="0.3">
      <c r="B7955">
        <v>70.483473911129678</v>
      </c>
      <c r="C7955" s="83">
        <v>43432.375</v>
      </c>
      <c r="D7955">
        <v>302972.64909999998</v>
      </c>
      <c r="E7955">
        <v>39219.834170000002</v>
      </c>
      <c r="F7955">
        <v>95424.655209999997</v>
      </c>
      <c r="G7955">
        <v>97583.962759999995</v>
      </c>
      <c r="H7955">
        <v>58430.145810000002</v>
      </c>
      <c r="I7955">
        <v>48346.923730000002</v>
      </c>
      <c r="J7955">
        <v>31826.27118</v>
      </c>
      <c r="K7955">
        <v>62526.438499999997</v>
      </c>
      <c r="L7955">
        <v>30255.982309999999</v>
      </c>
      <c r="M7955">
        <v>359357.61940000003</v>
      </c>
      <c r="N7955">
        <v>97615.809210000007</v>
      </c>
      <c r="O7955">
        <v>28914.502830000001</v>
      </c>
      <c r="P7955">
        <v>36925.743450000002</v>
      </c>
      <c r="Q7955">
        <v>97100.111090000006</v>
      </c>
      <c r="R7955">
        <v>25350.409360000001</v>
      </c>
      <c r="S7955">
        <v>125385.6032</v>
      </c>
      <c r="T7955">
        <v>40139.0452</v>
      </c>
      <c r="U7955">
        <v>29604.05399</v>
      </c>
      <c r="W7955" s="83">
        <f>Bühler!N7987</f>
        <v>45623.374999980711</v>
      </c>
      <c r="X7955" s="83">
        <v>43432.375</v>
      </c>
      <c r="Y7955">
        <v>302972.64909999998</v>
      </c>
      <c r="Z7955">
        <v>39219.834170000002</v>
      </c>
      <c r="AA7955">
        <v>95424.655209999997</v>
      </c>
      <c r="AB7955">
        <v>97583.962759999995</v>
      </c>
      <c r="AC7955">
        <v>58430.145810000002</v>
      </c>
      <c r="AD7955">
        <v>48346.923730000002</v>
      </c>
      <c r="AE7955">
        <v>31826.27118</v>
      </c>
      <c r="AF7955">
        <v>62526.438499999997</v>
      </c>
      <c r="AG7955">
        <v>30255.982309999999</v>
      </c>
      <c r="AH7955">
        <v>359357.61940000003</v>
      </c>
      <c r="AI7955">
        <v>97615.809210000007</v>
      </c>
      <c r="AJ7955">
        <v>28914.502830000001</v>
      </c>
      <c r="AK7955">
        <v>36925.743450000002</v>
      </c>
      <c r="AL7955">
        <v>97100.111090000006</v>
      </c>
      <c r="AM7955">
        <v>25350.409360000001</v>
      </c>
      <c r="AN7955">
        <v>125385.6032</v>
      </c>
      <c r="AO7955">
        <v>40139.0452</v>
      </c>
      <c r="AP7955">
        <v>29604.05399</v>
      </c>
    </row>
    <row r="7956" spans="2:42" x14ac:dyDescent="0.3">
      <c r="B7956">
        <v>71.08094110924236</v>
      </c>
      <c r="C7956" s="83">
        <v>43432.416666666664</v>
      </c>
      <c r="D7956">
        <v>308202.53619999997</v>
      </c>
      <c r="E7956">
        <v>40298.379860000001</v>
      </c>
      <c r="F7956">
        <v>96557.405570000003</v>
      </c>
      <c r="G7956">
        <v>97884.366649999996</v>
      </c>
      <c r="H7956">
        <v>58516.251579999996</v>
      </c>
      <c r="I7956">
        <v>46571.213459999999</v>
      </c>
      <c r="J7956">
        <v>31181.445950000001</v>
      </c>
      <c r="K7956">
        <v>64368.847289999998</v>
      </c>
      <c r="L7956">
        <v>32386.354029999999</v>
      </c>
      <c r="M7956">
        <v>362403.78580000001</v>
      </c>
      <c r="N7956">
        <v>99720.520619999996</v>
      </c>
      <c r="O7956">
        <v>29118.312669999999</v>
      </c>
      <c r="P7956">
        <v>37368.748789999998</v>
      </c>
      <c r="Q7956">
        <v>97503.906730000002</v>
      </c>
      <c r="R7956">
        <v>25611.99293</v>
      </c>
      <c r="S7956">
        <v>126361.1734</v>
      </c>
      <c r="T7956">
        <v>41222.467579999997</v>
      </c>
      <c r="U7956">
        <v>28701.473310000001</v>
      </c>
      <c r="W7956" s="83">
        <f>Bühler!N7988</f>
        <v>45623.416666647376</v>
      </c>
      <c r="X7956" s="83">
        <v>43432.416666666664</v>
      </c>
      <c r="Y7956">
        <v>308202.53619999997</v>
      </c>
      <c r="Z7956">
        <v>40298.379860000001</v>
      </c>
      <c r="AA7956">
        <v>96557.405570000003</v>
      </c>
      <c r="AB7956">
        <v>97884.366649999996</v>
      </c>
      <c r="AC7956">
        <v>58516.251579999996</v>
      </c>
      <c r="AD7956">
        <v>46571.213459999999</v>
      </c>
      <c r="AE7956">
        <v>31181.445950000001</v>
      </c>
      <c r="AF7956">
        <v>64368.847289999998</v>
      </c>
      <c r="AG7956">
        <v>32386.354029999999</v>
      </c>
      <c r="AH7956">
        <v>362403.78580000001</v>
      </c>
      <c r="AI7956">
        <v>99720.520619999996</v>
      </c>
      <c r="AJ7956">
        <v>29118.312669999999</v>
      </c>
      <c r="AK7956">
        <v>37368.748789999998</v>
      </c>
      <c r="AL7956">
        <v>97503.906730000002</v>
      </c>
      <c r="AM7956">
        <v>25611.99293</v>
      </c>
      <c r="AN7956">
        <v>126361.1734</v>
      </c>
      <c r="AO7956">
        <v>41222.467579999997</v>
      </c>
      <c r="AP7956">
        <v>28701.473310000001</v>
      </c>
    </row>
    <row r="7957" spans="2:42" x14ac:dyDescent="0.3">
      <c r="B7957">
        <v>70.793399032532733</v>
      </c>
      <c r="C7957" s="83">
        <v>43432.458333333336</v>
      </c>
      <c r="D7957">
        <v>306322.6568</v>
      </c>
      <c r="E7957">
        <v>39575.547830000003</v>
      </c>
      <c r="F7957">
        <v>95271.590970000005</v>
      </c>
      <c r="G7957">
        <v>97062.805210000006</v>
      </c>
      <c r="H7957">
        <v>58172.572870000004</v>
      </c>
      <c r="I7957">
        <v>45104.449589999997</v>
      </c>
      <c r="J7957">
        <v>31169.245599999998</v>
      </c>
      <c r="K7957">
        <v>64925.645140000001</v>
      </c>
      <c r="L7957">
        <v>34182.277929999997</v>
      </c>
      <c r="M7957">
        <v>360937.7622</v>
      </c>
      <c r="N7957">
        <v>98476.932860000001</v>
      </c>
      <c r="O7957">
        <v>28525.411759999999</v>
      </c>
      <c r="P7957">
        <v>36932.718130000001</v>
      </c>
      <c r="Q7957">
        <v>97890.653990000006</v>
      </c>
      <c r="R7957">
        <v>25831.209750000002</v>
      </c>
      <c r="S7957">
        <v>126566.4359</v>
      </c>
      <c r="T7957">
        <v>40739.820939999998</v>
      </c>
      <c r="U7957">
        <v>28013.96574</v>
      </c>
      <c r="W7957" s="83">
        <f>Bühler!N7989</f>
        <v>45623.45833331404</v>
      </c>
      <c r="X7957" s="83">
        <v>43432.458333333336</v>
      </c>
      <c r="Y7957">
        <v>306322.6568</v>
      </c>
      <c r="Z7957">
        <v>39575.547830000003</v>
      </c>
      <c r="AA7957">
        <v>95271.590970000005</v>
      </c>
      <c r="AB7957">
        <v>97062.805210000006</v>
      </c>
      <c r="AC7957">
        <v>58172.572870000004</v>
      </c>
      <c r="AD7957">
        <v>45104.449589999997</v>
      </c>
      <c r="AE7957">
        <v>31169.245599999998</v>
      </c>
      <c r="AF7957">
        <v>64925.645140000001</v>
      </c>
      <c r="AG7957">
        <v>34182.277929999997</v>
      </c>
      <c r="AH7957">
        <v>360937.7622</v>
      </c>
      <c r="AI7957">
        <v>98476.932860000001</v>
      </c>
      <c r="AJ7957">
        <v>28525.411759999999</v>
      </c>
      <c r="AK7957">
        <v>36932.718130000001</v>
      </c>
      <c r="AL7957">
        <v>97890.653990000006</v>
      </c>
      <c r="AM7957">
        <v>25831.209750000002</v>
      </c>
      <c r="AN7957">
        <v>126566.4359</v>
      </c>
      <c r="AO7957">
        <v>40739.820939999998</v>
      </c>
      <c r="AP7957">
        <v>28013.96574</v>
      </c>
    </row>
    <row r="7958" spans="2:42" x14ac:dyDescent="0.3">
      <c r="B7958">
        <v>69.635999492314028</v>
      </c>
      <c r="C7958" s="83">
        <v>43432.5</v>
      </c>
      <c r="D7958">
        <v>292215.07390000002</v>
      </c>
      <c r="E7958">
        <v>35720.545550000003</v>
      </c>
      <c r="F7958">
        <v>89522.566800000001</v>
      </c>
      <c r="G7958">
        <v>89532.080149999994</v>
      </c>
      <c r="H7958">
        <v>54713.542350000003</v>
      </c>
      <c r="I7958">
        <v>43590.490389999999</v>
      </c>
      <c r="J7958">
        <v>31434.120620000002</v>
      </c>
      <c r="K7958">
        <v>60453.668949999999</v>
      </c>
      <c r="L7958">
        <v>36795.920599999998</v>
      </c>
      <c r="M7958">
        <v>355036.79960000003</v>
      </c>
      <c r="N7958">
        <v>95105.275999999998</v>
      </c>
      <c r="O7958">
        <v>28050.037929999999</v>
      </c>
      <c r="P7958">
        <v>37340.887269999999</v>
      </c>
      <c r="Q7958">
        <v>96227.045559999999</v>
      </c>
      <c r="R7958">
        <v>27117.770410000001</v>
      </c>
      <c r="S7958">
        <v>119441.3732</v>
      </c>
      <c r="T7958">
        <v>39667.646090000002</v>
      </c>
      <c r="U7958">
        <v>24316.83538</v>
      </c>
      <c r="W7958" s="83">
        <f>Bühler!N7990</f>
        <v>45623.499999980704</v>
      </c>
      <c r="X7958" s="83">
        <v>43432.5</v>
      </c>
      <c r="Y7958">
        <v>292215.07390000002</v>
      </c>
      <c r="Z7958">
        <v>35720.545550000003</v>
      </c>
      <c r="AA7958">
        <v>89522.566800000001</v>
      </c>
      <c r="AB7958">
        <v>89532.080149999994</v>
      </c>
      <c r="AC7958">
        <v>54713.542350000003</v>
      </c>
      <c r="AD7958">
        <v>43590.490389999999</v>
      </c>
      <c r="AE7958">
        <v>31434.120620000002</v>
      </c>
      <c r="AF7958">
        <v>60453.668949999999</v>
      </c>
      <c r="AG7958">
        <v>36795.920599999998</v>
      </c>
      <c r="AH7958">
        <v>355036.79960000003</v>
      </c>
      <c r="AI7958">
        <v>95105.275999999998</v>
      </c>
      <c r="AJ7958">
        <v>28050.037929999999</v>
      </c>
      <c r="AK7958">
        <v>37340.887269999999</v>
      </c>
      <c r="AL7958">
        <v>96227.045559999999</v>
      </c>
      <c r="AM7958">
        <v>27117.770410000001</v>
      </c>
      <c r="AN7958">
        <v>119441.3732</v>
      </c>
      <c r="AO7958">
        <v>39667.646090000002</v>
      </c>
      <c r="AP7958">
        <v>24316.83538</v>
      </c>
    </row>
    <row r="7959" spans="2:42" x14ac:dyDescent="0.3">
      <c r="B7959">
        <v>69.643258616434437</v>
      </c>
      <c r="C7959" s="83">
        <v>43432.541666666664</v>
      </c>
      <c r="D7959">
        <v>292753.72700000001</v>
      </c>
      <c r="E7959">
        <v>35713.270299999996</v>
      </c>
      <c r="F7959">
        <v>86625.639410000003</v>
      </c>
      <c r="G7959">
        <v>82860.271030000004</v>
      </c>
      <c r="H7959">
        <v>55294.391989999996</v>
      </c>
      <c r="I7959">
        <v>43118.498140000003</v>
      </c>
      <c r="J7959">
        <v>30543.00517</v>
      </c>
      <c r="K7959">
        <v>62737.937590000001</v>
      </c>
      <c r="L7959">
        <v>34670.795839999999</v>
      </c>
      <c r="M7959">
        <v>355073.81</v>
      </c>
      <c r="N7959">
        <v>95697.380770000003</v>
      </c>
      <c r="O7959">
        <v>28172.814849999999</v>
      </c>
      <c r="P7959">
        <v>36678.989820000003</v>
      </c>
      <c r="Q7959">
        <v>94742.405859999999</v>
      </c>
      <c r="R7959">
        <v>28126.018909999999</v>
      </c>
      <c r="S7959">
        <v>120196.51270000001</v>
      </c>
      <c r="T7959">
        <v>38885.523540000002</v>
      </c>
      <c r="U7959">
        <v>26065.609939999998</v>
      </c>
      <c r="W7959" s="83">
        <f>Bühler!N7991</f>
        <v>45623.541666647368</v>
      </c>
      <c r="X7959" s="83">
        <v>43432.541666666664</v>
      </c>
      <c r="Y7959">
        <v>292753.72700000001</v>
      </c>
      <c r="Z7959">
        <v>35713.270299999996</v>
      </c>
      <c r="AA7959">
        <v>86625.639410000003</v>
      </c>
      <c r="AB7959">
        <v>82860.271030000004</v>
      </c>
      <c r="AC7959">
        <v>55294.391989999996</v>
      </c>
      <c r="AD7959">
        <v>43118.498140000003</v>
      </c>
      <c r="AE7959">
        <v>30543.00517</v>
      </c>
      <c r="AF7959">
        <v>62737.937590000001</v>
      </c>
      <c r="AG7959">
        <v>34670.795839999999</v>
      </c>
      <c r="AH7959">
        <v>355073.81</v>
      </c>
      <c r="AI7959">
        <v>95697.380770000003</v>
      </c>
      <c r="AJ7959">
        <v>28172.814849999999</v>
      </c>
      <c r="AK7959">
        <v>36678.989820000003</v>
      </c>
      <c r="AL7959">
        <v>94742.405859999999</v>
      </c>
      <c r="AM7959">
        <v>28126.018909999999</v>
      </c>
      <c r="AN7959">
        <v>120196.51270000001</v>
      </c>
      <c r="AO7959">
        <v>38885.523540000002</v>
      </c>
      <c r="AP7959">
        <v>26065.609939999998</v>
      </c>
    </row>
    <row r="7960" spans="2:42" x14ac:dyDescent="0.3">
      <c r="B7960">
        <v>69.752672126809017</v>
      </c>
      <c r="C7960" s="83">
        <v>43432.583333333336</v>
      </c>
      <c r="D7960">
        <v>295991.50309999997</v>
      </c>
      <c r="E7960">
        <v>38503.598400000003</v>
      </c>
      <c r="F7960">
        <v>93320.906780000005</v>
      </c>
      <c r="G7960">
        <v>79700.183040000004</v>
      </c>
      <c r="H7960">
        <v>55161.049700000003</v>
      </c>
      <c r="I7960">
        <v>43873.183069999999</v>
      </c>
      <c r="J7960">
        <v>30165.077229999999</v>
      </c>
      <c r="K7960">
        <v>64629.230490000002</v>
      </c>
      <c r="L7960">
        <v>30763.544720000002</v>
      </c>
      <c r="M7960">
        <v>355631.65110000002</v>
      </c>
      <c r="N7960">
        <v>96371.369779999994</v>
      </c>
      <c r="O7960">
        <v>28295.327300000001</v>
      </c>
      <c r="P7960">
        <v>33928.402650000004</v>
      </c>
      <c r="Q7960">
        <v>93710.83008</v>
      </c>
      <c r="R7960">
        <v>26521.911479999999</v>
      </c>
      <c r="S7960">
        <v>114769.0923</v>
      </c>
      <c r="T7960">
        <v>37662.809789999999</v>
      </c>
      <c r="U7960">
        <v>26733.698059999999</v>
      </c>
      <c r="W7960" s="83">
        <f>Bühler!N7992</f>
        <v>45623.583333314033</v>
      </c>
      <c r="X7960" s="83">
        <v>43432.583333333336</v>
      </c>
      <c r="Y7960">
        <v>295991.50309999997</v>
      </c>
      <c r="Z7960">
        <v>38503.598400000003</v>
      </c>
      <c r="AA7960">
        <v>93320.906780000005</v>
      </c>
      <c r="AB7960">
        <v>79700.183040000004</v>
      </c>
      <c r="AC7960">
        <v>55161.049700000003</v>
      </c>
      <c r="AD7960">
        <v>43873.183069999999</v>
      </c>
      <c r="AE7960">
        <v>30165.077229999999</v>
      </c>
      <c r="AF7960">
        <v>64629.230490000002</v>
      </c>
      <c r="AG7960">
        <v>30763.544720000002</v>
      </c>
      <c r="AH7960">
        <v>355631.65110000002</v>
      </c>
      <c r="AI7960">
        <v>96371.369779999994</v>
      </c>
      <c r="AJ7960">
        <v>28295.327300000001</v>
      </c>
      <c r="AK7960">
        <v>33928.402650000004</v>
      </c>
      <c r="AL7960">
        <v>93710.83008</v>
      </c>
      <c r="AM7960">
        <v>26521.911479999999</v>
      </c>
      <c r="AN7960">
        <v>114769.0923</v>
      </c>
      <c r="AO7960">
        <v>37662.809789999999</v>
      </c>
      <c r="AP7960">
        <v>26733.698059999999</v>
      </c>
    </row>
    <row r="7961" spans="2:42" x14ac:dyDescent="0.3">
      <c r="B7961">
        <v>68.850901360536483</v>
      </c>
      <c r="C7961" s="83">
        <v>43432.625</v>
      </c>
      <c r="D7961">
        <v>293759.9424</v>
      </c>
      <c r="E7961">
        <v>38554.149080000003</v>
      </c>
      <c r="F7961">
        <v>94211.297699999996</v>
      </c>
      <c r="G7961">
        <v>78487.421270000006</v>
      </c>
      <c r="H7961">
        <v>54496.182289999997</v>
      </c>
      <c r="I7961">
        <v>44319.020859999997</v>
      </c>
      <c r="J7961">
        <v>29992.008989999998</v>
      </c>
      <c r="K7961">
        <v>64177.717929999999</v>
      </c>
      <c r="L7961">
        <v>27589.547030000002</v>
      </c>
      <c r="M7961">
        <v>351034.00319999998</v>
      </c>
      <c r="N7961">
        <v>95244.570689999993</v>
      </c>
      <c r="O7961">
        <v>27912.92985</v>
      </c>
      <c r="P7961">
        <v>31668.325250000002</v>
      </c>
      <c r="Q7961">
        <v>93325.334749999995</v>
      </c>
      <c r="R7961">
        <v>25882.920429999998</v>
      </c>
      <c r="S7961">
        <v>114303.8927</v>
      </c>
      <c r="T7961">
        <v>37950.712729999999</v>
      </c>
      <c r="U7961">
        <v>26416.20105</v>
      </c>
      <c r="W7961" s="83">
        <f>Bühler!N7993</f>
        <v>45623.624999980697</v>
      </c>
      <c r="X7961" s="83">
        <v>43432.625</v>
      </c>
      <c r="Y7961">
        <v>293759.9424</v>
      </c>
      <c r="Z7961">
        <v>38554.149080000003</v>
      </c>
      <c r="AA7961">
        <v>94211.297699999996</v>
      </c>
      <c r="AB7961">
        <v>78487.421270000006</v>
      </c>
      <c r="AC7961">
        <v>54496.182289999997</v>
      </c>
      <c r="AD7961">
        <v>44319.020859999997</v>
      </c>
      <c r="AE7961">
        <v>29992.008989999998</v>
      </c>
      <c r="AF7961">
        <v>64177.717929999999</v>
      </c>
      <c r="AG7961">
        <v>27589.547030000002</v>
      </c>
      <c r="AH7961">
        <v>351034.00319999998</v>
      </c>
      <c r="AI7961">
        <v>95244.570689999993</v>
      </c>
      <c r="AJ7961">
        <v>27912.92985</v>
      </c>
      <c r="AK7961">
        <v>31668.325250000002</v>
      </c>
      <c r="AL7961">
        <v>93325.334749999995</v>
      </c>
      <c r="AM7961">
        <v>25882.920429999998</v>
      </c>
      <c r="AN7961">
        <v>114303.8927</v>
      </c>
      <c r="AO7961">
        <v>37950.712729999999</v>
      </c>
      <c r="AP7961">
        <v>26416.20105</v>
      </c>
    </row>
    <row r="7962" spans="2:42" x14ac:dyDescent="0.3">
      <c r="B7962">
        <v>67.805693970198774</v>
      </c>
      <c r="C7962" s="83">
        <v>43432.666666666664</v>
      </c>
      <c r="D7962">
        <v>288089.85690000001</v>
      </c>
      <c r="E7962">
        <v>38091.64645</v>
      </c>
      <c r="F7962">
        <v>93556.709799999997</v>
      </c>
      <c r="G7962">
        <v>76632.759340000004</v>
      </c>
      <c r="H7962">
        <v>53424.452190000004</v>
      </c>
      <c r="I7962">
        <v>46173.277260000003</v>
      </c>
      <c r="J7962">
        <v>29878.282039999998</v>
      </c>
      <c r="K7962">
        <v>63192.106540000001</v>
      </c>
      <c r="L7962">
        <v>26930.52447</v>
      </c>
      <c r="M7962">
        <v>345705.04849999998</v>
      </c>
      <c r="N7962">
        <v>93792.342409999997</v>
      </c>
      <c r="O7962">
        <v>27669.177309999999</v>
      </c>
      <c r="P7962">
        <v>32271.076120000002</v>
      </c>
      <c r="Q7962">
        <v>93512.749339999995</v>
      </c>
      <c r="R7962">
        <v>25173.737700000001</v>
      </c>
      <c r="S7962">
        <v>112916.4553</v>
      </c>
      <c r="T7962">
        <v>38826.812400000003</v>
      </c>
      <c r="U7962">
        <v>25195.69123</v>
      </c>
      <c r="W7962" s="83">
        <f>Bühler!N7994</f>
        <v>45623.666666647361</v>
      </c>
      <c r="X7962" s="83">
        <v>43432.666666666664</v>
      </c>
      <c r="Y7962">
        <v>288089.85690000001</v>
      </c>
      <c r="Z7962">
        <v>38091.64645</v>
      </c>
      <c r="AA7962">
        <v>93556.709799999997</v>
      </c>
      <c r="AB7962">
        <v>76632.759340000004</v>
      </c>
      <c r="AC7962">
        <v>53424.452190000004</v>
      </c>
      <c r="AD7962">
        <v>46173.277260000003</v>
      </c>
      <c r="AE7962">
        <v>29878.282039999998</v>
      </c>
      <c r="AF7962">
        <v>63192.106540000001</v>
      </c>
      <c r="AG7962">
        <v>26930.52447</v>
      </c>
      <c r="AH7962">
        <v>345705.04849999998</v>
      </c>
      <c r="AI7962">
        <v>93792.342409999997</v>
      </c>
      <c r="AJ7962">
        <v>27669.177309999999</v>
      </c>
      <c r="AK7962">
        <v>32271.076120000002</v>
      </c>
      <c r="AL7962">
        <v>93512.749339999995</v>
      </c>
      <c r="AM7962">
        <v>25173.737700000001</v>
      </c>
      <c r="AN7962">
        <v>112916.4553</v>
      </c>
      <c r="AO7962">
        <v>38826.812400000003</v>
      </c>
      <c r="AP7962">
        <v>25195.69123</v>
      </c>
    </row>
    <row r="7963" spans="2:42" x14ac:dyDescent="0.3">
      <c r="B7963">
        <v>66.805279226253717</v>
      </c>
      <c r="C7963" s="83">
        <v>43432.708333333336</v>
      </c>
      <c r="D7963">
        <v>279916.04239999998</v>
      </c>
      <c r="E7963">
        <v>36930.250440000003</v>
      </c>
      <c r="F7963">
        <v>96002.954150000005</v>
      </c>
      <c r="G7963">
        <v>73347.374039999995</v>
      </c>
      <c r="H7963">
        <v>53661.547149999999</v>
      </c>
      <c r="I7963">
        <v>45666.863510000003</v>
      </c>
      <c r="J7963">
        <v>32085.746599999999</v>
      </c>
      <c r="K7963">
        <v>57558.765050000002</v>
      </c>
      <c r="L7963">
        <v>27824.87241</v>
      </c>
      <c r="M7963">
        <v>340604.46759999997</v>
      </c>
      <c r="N7963">
        <v>91539.70637</v>
      </c>
      <c r="O7963">
        <v>26719.018339999999</v>
      </c>
      <c r="P7963">
        <v>34831.77721</v>
      </c>
      <c r="Q7963">
        <v>93559.435570000001</v>
      </c>
      <c r="R7963">
        <v>25094.486209999999</v>
      </c>
      <c r="S7963">
        <v>112677.1208</v>
      </c>
      <c r="T7963">
        <v>39694.087630000002</v>
      </c>
      <c r="U7963">
        <v>23370.753270000001</v>
      </c>
      <c r="W7963" s="83">
        <f>Bühler!N7995</f>
        <v>45623.708333314025</v>
      </c>
      <c r="X7963" s="83">
        <v>43432.708333333336</v>
      </c>
      <c r="Y7963">
        <v>279916.04239999998</v>
      </c>
      <c r="Z7963">
        <v>36930.250440000003</v>
      </c>
      <c r="AA7963">
        <v>96002.954150000005</v>
      </c>
      <c r="AB7963">
        <v>73347.374039999995</v>
      </c>
      <c r="AC7963">
        <v>53661.547149999999</v>
      </c>
      <c r="AD7963">
        <v>45666.863510000003</v>
      </c>
      <c r="AE7963">
        <v>32085.746599999999</v>
      </c>
      <c r="AF7963">
        <v>57558.765050000002</v>
      </c>
      <c r="AG7963">
        <v>27824.87241</v>
      </c>
      <c r="AH7963">
        <v>340604.46759999997</v>
      </c>
      <c r="AI7963">
        <v>91539.70637</v>
      </c>
      <c r="AJ7963">
        <v>26719.018339999999</v>
      </c>
      <c r="AK7963">
        <v>34831.77721</v>
      </c>
      <c r="AL7963">
        <v>93559.435570000001</v>
      </c>
      <c r="AM7963">
        <v>25094.486209999999</v>
      </c>
      <c r="AN7963">
        <v>112677.1208</v>
      </c>
      <c r="AO7963">
        <v>39694.087630000002</v>
      </c>
      <c r="AP7963">
        <v>23370.753270000001</v>
      </c>
    </row>
    <row r="7964" spans="2:42" x14ac:dyDescent="0.3">
      <c r="B7964">
        <v>66.973502715921995</v>
      </c>
      <c r="C7964" s="83">
        <v>43432.75</v>
      </c>
      <c r="D7964">
        <v>274110.91389999999</v>
      </c>
      <c r="E7964">
        <v>33619.862959999999</v>
      </c>
      <c r="F7964">
        <v>94046.863920000003</v>
      </c>
      <c r="G7964">
        <v>67110.854300000006</v>
      </c>
      <c r="H7964">
        <v>50865.46675</v>
      </c>
      <c r="I7964">
        <v>44431.407149999999</v>
      </c>
      <c r="J7964">
        <v>32296.34923</v>
      </c>
      <c r="K7964">
        <v>54701.427309999999</v>
      </c>
      <c r="L7964">
        <v>29567.23662</v>
      </c>
      <c r="M7964">
        <v>341462.14939999999</v>
      </c>
      <c r="N7964">
        <v>90251.457290000006</v>
      </c>
      <c r="O7964">
        <v>25279.37917</v>
      </c>
      <c r="P7964">
        <v>37666.952069999999</v>
      </c>
      <c r="Q7964">
        <v>92376.727230000004</v>
      </c>
      <c r="R7964">
        <v>24461.127540000001</v>
      </c>
      <c r="S7964">
        <v>107018.6874</v>
      </c>
      <c r="T7964">
        <v>39909.666870000001</v>
      </c>
      <c r="U7964">
        <v>21560.97682</v>
      </c>
      <c r="W7964" s="83">
        <f>Bühler!N7996</f>
        <v>45623.74999998069</v>
      </c>
      <c r="X7964" s="83">
        <v>43432.75</v>
      </c>
      <c r="Y7964">
        <v>274110.91389999999</v>
      </c>
      <c r="Z7964">
        <v>33619.862959999999</v>
      </c>
      <c r="AA7964">
        <v>94046.863920000003</v>
      </c>
      <c r="AB7964">
        <v>67110.854300000006</v>
      </c>
      <c r="AC7964">
        <v>50865.46675</v>
      </c>
      <c r="AD7964">
        <v>44431.407149999999</v>
      </c>
      <c r="AE7964">
        <v>32296.34923</v>
      </c>
      <c r="AF7964">
        <v>54701.427309999999</v>
      </c>
      <c r="AG7964">
        <v>29567.23662</v>
      </c>
      <c r="AH7964">
        <v>341462.14939999999</v>
      </c>
      <c r="AI7964">
        <v>90251.457290000006</v>
      </c>
      <c r="AJ7964">
        <v>25279.37917</v>
      </c>
      <c r="AK7964">
        <v>37666.952069999999</v>
      </c>
      <c r="AL7964">
        <v>92376.727230000004</v>
      </c>
      <c r="AM7964">
        <v>24461.127540000001</v>
      </c>
      <c r="AN7964">
        <v>107018.6874</v>
      </c>
      <c r="AO7964">
        <v>39909.666870000001</v>
      </c>
      <c r="AP7964">
        <v>21560.97682</v>
      </c>
    </row>
    <row r="7965" spans="2:42" x14ac:dyDescent="0.3">
      <c r="B7965">
        <v>64.695304897017735</v>
      </c>
      <c r="C7965" s="83">
        <v>43432.791666666664</v>
      </c>
      <c r="D7965">
        <v>267752.77419999999</v>
      </c>
      <c r="E7965">
        <v>27645.380270000001</v>
      </c>
      <c r="F7965">
        <v>81006.304690000004</v>
      </c>
      <c r="G7965">
        <v>60127.706059999997</v>
      </c>
      <c r="H7965">
        <v>47941.010029999998</v>
      </c>
      <c r="I7965">
        <v>41037.060140000001</v>
      </c>
      <c r="J7965">
        <v>31165.580880000001</v>
      </c>
      <c r="K7965">
        <v>53175.570979999997</v>
      </c>
      <c r="L7965">
        <v>30075.01756</v>
      </c>
      <c r="M7965">
        <v>329846.8345</v>
      </c>
      <c r="N7965">
        <v>88339.742280000006</v>
      </c>
      <c r="O7965">
        <v>24186.910199999998</v>
      </c>
      <c r="P7965">
        <v>39139.597930000004</v>
      </c>
      <c r="Q7965">
        <v>89429.727599999998</v>
      </c>
      <c r="R7965">
        <v>23976.343000000001</v>
      </c>
      <c r="S7965">
        <v>100944.7868</v>
      </c>
      <c r="T7965">
        <v>39293.38132</v>
      </c>
      <c r="U7965">
        <v>19731.956129999999</v>
      </c>
      <c r="W7965" s="83">
        <f>Bühler!N7997</f>
        <v>45623.791666647354</v>
      </c>
      <c r="X7965" s="83">
        <v>43432.791666666664</v>
      </c>
      <c r="Y7965">
        <v>267752.77419999999</v>
      </c>
      <c r="Z7965">
        <v>27645.380270000001</v>
      </c>
      <c r="AA7965">
        <v>81006.304690000004</v>
      </c>
      <c r="AB7965">
        <v>60127.706059999997</v>
      </c>
      <c r="AC7965">
        <v>47941.010029999998</v>
      </c>
      <c r="AD7965">
        <v>41037.060140000001</v>
      </c>
      <c r="AE7965">
        <v>31165.580880000001</v>
      </c>
      <c r="AF7965">
        <v>53175.570979999997</v>
      </c>
      <c r="AG7965">
        <v>30075.01756</v>
      </c>
      <c r="AH7965">
        <v>329846.8345</v>
      </c>
      <c r="AI7965">
        <v>88339.742280000006</v>
      </c>
      <c r="AJ7965">
        <v>24186.910199999998</v>
      </c>
      <c r="AK7965">
        <v>39139.597930000004</v>
      </c>
      <c r="AL7965">
        <v>89429.727599999998</v>
      </c>
      <c r="AM7965">
        <v>23976.343000000001</v>
      </c>
      <c r="AN7965">
        <v>100944.7868</v>
      </c>
      <c r="AO7965">
        <v>39293.38132</v>
      </c>
      <c r="AP7965">
        <v>19731.956129999999</v>
      </c>
    </row>
    <row r="7966" spans="2:42" x14ac:dyDescent="0.3">
      <c r="B7966">
        <v>62.66473487740101</v>
      </c>
      <c r="C7966" s="83">
        <v>43432.833333333336</v>
      </c>
      <c r="D7966">
        <v>257539.21720000001</v>
      </c>
      <c r="E7966">
        <v>20799.956139999998</v>
      </c>
      <c r="F7966">
        <v>62251.43576</v>
      </c>
      <c r="G7966">
        <v>52231.658280000003</v>
      </c>
      <c r="H7966">
        <v>44378.554810000001</v>
      </c>
      <c r="I7966">
        <v>36334.067569999999</v>
      </c>
      <c r="J7966">
        <v>29926.40338</v>
      </c>
      <c r="K7966">
        <v>52842.909449999999</v>
      </c>
      <c r="L7966">
        <v>28964.839810000001</v>
      </c>
      <c r="M7966">
        <v>319494.0416</v>
      </c>
      <c r="N7966">
        <v>85185.55085</v>
      </c>
      <c r="O7966">
        <v>22609.81567</v>
      </c>
      <c r="P7966">
        <v>38920.279040000001</v>
      </c>
      <c r="Q7966">
        <v>87427.694879999995</v>
      </c>
      <c r="R7966">
        <v>21093.619070000001</v>
      </c>
      <c r="S7966">
        <v>90710.776419999995</v>
      </c>
      <c r="T7966">
        <v>37113.42931</v>
      </c>
      <c r="U7966">
        <v>18180.527320000001</v>
      </c>
      <c r="W7966" s="83">
        <f>Bühler!N7998</f>
        <v>45623.833333314018</v>
      </c>
      <c r="X7966" s="83">
        <v>43432.833333333336</v>
      </c>
      <c r="Y7966">
        <v>257539.21720000001</v>
      </c>
      <c r="Z7966">
        <v>20799.956139999998</v>
      </c>
      <c r="AA7966">
        <v>62251.43576</v>
      </c>
      <c r="AB7966">
        <v>52231.658280000003</v>
      </c>
      <c r="AC7966">
        <v>44378.554810000001</v>
      </c>
      <c r="AD7966">
        <v>36334.067569999999</v>
      </c>
      <c r="AE7966">
        <v>29926.40338</v>
      </c>
      <c r="AF7966">
        <v>52842.909449999999</v>
      </c>
      <c r="AG7966">
        <v>28964.839810000001</v>
      </c>
      <c r="AH7966">
        <v>319494.0416</v>
      </c>
      <c r="AI7966">
        <v>85185.55085</v>
      </c>
      <c r="AJ7966">
        <v>22609.81567</v>
      </c>
      <c r="AK7966">
        <v>38920.279040000001</v>
      </c>
      <c r="AL7966">
        <v>87427.694879999995</v>
      </c>
      <c r="AM7966">
        <v>21093.619070000001</v>
      </c>
      <c r="AN7966">
        <v>90710.776419999995</v>
      </c>
      <c r="AO7966">
        <v>37113.42931</v>
      </c>
      <c r="AP7966">
        <v>18180.527320000001</v>
      </c>
    </row>
    <row r="7967" spans="2:42" x14ac:dyDescent="0.3">
      <c r="B7967">
        <v>60.510287115412503</v>
      </c>
      <c r="C7967" s="83">
        <v>43432.875</v>
      </c>
      <c r="D7967">
        <v>246337.93210000001</v>
      </c>
      <c r="E7967">
        <v>17951.668280000002</v>
      </c>
      <c r="F7967">
        <v>54820.952660000003</v>
      </c>
      <c r="G7967">
        <v>48605.527950000003</v>
      </c>
      <c r="H7967">
        <v>41639.066890000002</v>
      </c>
      <c r="I7967">
        <v>30656.622050000002</v>
      </c>
      <c r="J7967">
        <v>29080.805499999999</v>
      </c>
      <c r="K7967">
        <v>51372.664640000003</v>
      </c>
      <c r="L7967">
        <v>27419.755669999999</v>
      </c>
      <c r="M7967">
        <v>308509.66220000002</v>
      </c>
      <c r="N7967">
        <v>82686.691200000001</v>
      </c>
      <c r="O7967">
        <v>21792.241859999998</v>
      </c>
      <c r="P7967">
        <v>36837.584889999998</v>
      </c>
      <c r="Q7967">
        <v>85788.385859999995</v>
      </c>
      <c r="R7967">
        <v>20212.23142</v>
      </c>
      <c r="S7967">
        <v>84702.554969999997</v>
      </c>
      <c r="T7967">
        <v>35013.746769999998</v>
      </c>
      <c r="U7967">
        <v>16685.793259999999</v>
      </c>
      <c r="W7967" s="83">
        <f>Bühler!N7999</f>
        <v>45623.874999980682</v>
      </c>
      <c r="X7967" s="83">
        <v>43432.875</v>
      </c>
      <c r="Y7967">
        <v>246337.93210000001</v>
      </c>
      <c r="Z7967">
        <v>17951.668280000002</v>
      </c>
      <c r="AA7967">
        <v>54820.952660000003</v>
      </c>
      <c r="AB7967">
        <v>48605.527950000003</v>
      </c>
      <c r="AC7967">
        <v>41639.066890000002</v>
      </c>
      <c r="AD7967">
        <v>30656.622050000002</v>
      </c>
      <c r="AE7967">
        <v>29080.805499999999</v>
      </c>
      <c r="AF7967">
        <v>51372.664640000003</v>
      </c>
      <c r="AG7967">
        <v>27419.755669999999</v>
      </c>
      <c r="AH7967">
        <v>308509.66220000002</v>
      </c>
      <c r="AI7967">
        <v>82686.691200000001</v>
      </c>
      <c r="AJ7967">
        <v>21792.241859999998</v>
      </c>
      <c r="AK7967">
        <v>36837.584889999998</v>
      </c>
      <c r="AL7967">
        <v>85788.385859999995</v>
      </c>
      <c r="AM7967">
        <v>20212.23142</v>
      </c>
      <c r="AN7967">
        <v>84702.554969999997</v>
      </c>
      <c r="AO7967">
        <v>35013.746769999998</v>
      </c>
      <c r="AP7967">
        <v>16685.793259999999</v>
      </c>
    </row>
    <row r="7968" spans="2:42" x14ac:dyDescent="0.3">
      <c r="B7968">
        <v>60.08917228283395</v>
      </c>
      <c r="C7968" s="83">
        <v>43432.916666666664</v>
      </c>
      <c r="D7968">
        <v>245327.55350000001</v>
      </c>
      <c r="E7968">
        <v>17269.369139999999</v>
      </c>
      <c r="F7968">
        <v>52125.997109999997</v>
      </c>
      <c r="G7968">
        <v>45855.063739999998</v>
      </c>
      <c r="H7968">
        <v>40749.020450000004</v>
      </c>
      <c r="I7968">
        <v>28232.27735</v>
      </c>
      <c r="J7968">
        <v>28209.265019999999</v>
      </c>
      <c r="K7968">
        <v>54776.921399999999</v>
      </c>
      <c r="L7968">
        <v>24989.717680000002</v>
      </c>
      <c r="M7968">
        <v>306362.62239999999</v>
      </c>
      <c r="N7968">
        <v>82939.236420000001</v>
      </c>
      <c r="O7968">
        <v>22281.548989999999</v>
      </c>
      <c r="P7968">
        <v>37306.613089999999</v>
      </c>
      <c r="Q7968">
        <v>84406.749259999997</v>
      </c>
      <c r="R7968">
        <v>27330.555349999999</v>
      </c>
      <c r="S7968">
        <v>83751.174809999997</v>
      </c>
      <c r="T7968">
        <v>30701.730660000001</v>
      </c>
      <c r="U7968">
        <v>17769.640429999999</v>
      </c>
      <c r="W7968" s="83">
        <f>Bühler!N8000</f>
        <v>45623.916666647347</v>
      </c>
      <c r="X7968" s="83">
        <v>43432.916666666664</v>
      </c>
      <c r="Y7968">
        <v>245327.55350000001</v>
      </c>
      <c r="Z7968">
        <v>17269.369139999999</v>
      </c>
      <c r="AA7968">
        <v>52125.997109999997</v>
      </c>
      <c r="AB7968">
        <v>45855.063739999998</v>
      </c>
      <c r="AC7968">
        <v>40749.020450000004</v>
      </c>
      <c r="AD7968">
        <v>28232.27735</v>
      </c>
      <c r="AE7968">
        <v>28209.265019999999</v>
      </c>
      <c r="AF7968">
        <v>54776.921399999999</v>
      </c>
      <c r="AG7968">
        <v>24989.717680000002</v>
      </c>
      <c r="AH7968">
        <v>306362.62239999999</v>
      </c>
      <c r="AI7968">
        <v>82939.236420000001</v>
      </c>
      <c r="AJ7968">
        <v>22281.548989999999</v>
      </c>
      <c r="AK7968">
        <v>37306.613089999999</v>
      </c>
      <c r="AL7968">
        <v>84406.749259999997</v>
      </c>
      <c r="AM7968">
        <v>27330.555349999999</v>
      </c>
      <c r="AN7968">
        <v>83751.174809999997</v>
      </c>
      <c r="AO7968">
        <v>30701.730660000001</v>
      </c>
      <c r="AP7968">
        <v>17769.640429999999</v>
      </c>
    </row>
    <row r="7969" spans="2:42" x14ac:dyDescent="0.3">
      <c r="B7969">
        <v>59.881841385834335</v>
      </c>
      <c r="C7969" s="83">
        <v>43432.958333333336</v>
      </c>
      <c r="D7969">
        <v>245420.89</v>
      </c>
      <c r="E7969">
        <v>16836.43348</v>
      </c>
      <c r="F7969">
        <v>51105.801140000003</v>
      </c>
      <c r="G7969">
        <v>44831.877829999998</v>
      </c>
      <c r="H7969">
        <v>39609.205439999998</v>
      </c>
      <c r="I7969">
        <v>26771.590550000001</v>
      </c>
      <c r="J7969">
        <v>26565.625120000001</v>
      </c>
      <c r="K7969">
        <v>53261.69829</v>
      </c>
      <c r="L7969">
        <v>21976.000390000001</v>
      </c>
      <c r="M7969">
        <v>305305.5528</v>
      </c>
      <c r="N7969">
        <v>82551.478090000004</v>
      </c>
      <c r="O7969">
        <v>22064.535390000001</v>
      </c>
      <c r="P7969">
        <v>34158.625789999998</v>
      </c>
      <c r="Q7969">
        <v>84327.372080000001</v>
      </c>
      <c r="R7969">
        <v>26658.796719999998</v>
      </c>
      <c r="S7969">
        <v>82172.240009999994</v>
      </c>
      <c r="T7969">
        <v>31319.169620000001</v>
      </c>
      <c r="U7969">
        <v>17149.90857</v>
      </c>
      <c r="W7969" s="83">
        <f>Bühler!N8001</f>
        <v>45623.958333314011</v>
      </c>
      <c r="X7969" s="83">
        <v>43432.958333333336</v>
      </c>
      <c r="Y7969">
        <v>245420.89</v>
      </c>
      <c r="Z7969">
        <v>16836.43348</v>
      </c>
      <c r="AA7969">
        <v>51105.801140000003</v>
      </c>
      <c r="AB7969">
        <v>44831.877829999998</v>
      </c>
      <c r="AC7969">
        <v>39609.205439999998</v>
      </c>
      <c r="AD7969">
        <v>26771.590550000001</v>
      </c>
      <c r="AE7969">
        <v>26565.625120000001</v>
      </c>
      <c r="AF7969">
        <v>53261.69829</v>
      </c>
      <c r="AG7969">
        <v>21976.000390000001</v>
      </c>
      <c r="AH7969">
        <v>305305.5528</v>
      </c>
      <c r="AI7969">
        <v>82551.478090000004</v>
      </c>
      <c r="AJ7969">
        <v>22064.535390000001</v>
      </c>
      <c r="AK7969">
        <v>34158.625789999998</v>
      </c>
      <c r="AL7969">
        <v>84327.372080000001</v>
      </c>
      <c r="AM7969">
        <v>26658.796719999998</v>
      </c>
      <c r="AN7969">
        <v>82172.240009999994</v>
      </c>
      <c r="AO7969">
        <v>31319.169620000001</v>
      </c>
      <c r="AP7969">
        <v>17149.90857</v>
      </c>
    </row>
    <row r="7970" spans="2:42" x14ac:dyDescent="0.3">
      <c r="B7970">
        <v>59.525798062558472</v>
      </c>
      <c r="C7970" s="83">
        <v>43433</v>
      </c>
      <c r="D7970">
        <v>243904.7996</v>
      </c>
      <c r="E7970">
        <v>16547.657859999999</v>
      </c>
      <c r="F7970">
        <v>50854.680650000002</v>
      </c>
      <c r="G7970">
        <v>44035.707219999997</v>
      </c>
      <c r="H7970">
        <v>39317.12818</v>
      </c>
      <c r="I7970">
        <v>24916.597539999999</v>
      </c>
      <c r="J7970">
        <v>24792.600640000001</v>
      </c>
      <c r="K7970">
        <v>51636.885759999997</v>
      </c>
      <c r="L7970">
        <v>19904.563180000001</v>
      </c>
      <c r="M7970">
        <v>303490.27789999999</v>
      </c>
      <c r="N7970">
        <v>82725.412500000006</v>
      </c>
      <c r="O7970">
        <v>22391.95234</v>
      </c>
      <c r="P7970">
        <v>31698.591280000001</v>
      </c>
      <c r="Q7970">
        <v>83977.804780000006</v>
      </c>
      <c r="R7970">
        <v>25097.293839999998</v>
      </c>
      <c r="S7970">
        <v>81362.278919999997</v>
      </c>
      <c r="T7970">
        <v>28971.436730000001</v>
      </c>
      <c r="U7970">
        <v>17078.45724</v>
      </c>
      <c r="W7970" s="83">
        <f>Bühler!N8002</f>
        <v>45623.999999980675</v>
      </c>
      <c r="X7970" s="83">
        <v>43433</v>
      </c>
      <c r="Y7970">
        <v>243904.7996</v>
      </c>
      <c r="Z7970">
        <v>16547.657859999999</v>
      </c>
      <c r="AA7970">
        <v>50854.680650000002</v>
      </c>
      <c r="AB7970">
        <v>44035.707219999997</v>
      </c>
      <c r="AC7970">
        <v>39317.12818</v>
      </c>
      <c r="AD7970">
        <v>24916.597539999999</v>
      </c>
      <c r="AE7970">
        <v>24792.600640000001</v>
      </c>
      <c r="AF7970">
        <v>51636.885759999997</v>
      </c>
      <c r="AG7970">
        <v>19904.563180000001</v>
      </c>
      <c r="AH7970">
        <v>303490.27789999999</v>
      </c>
      <c r="AI7970">
        <v>82725.412500000006</v>
      </c>
      <c r="AJ7970">
        <v>22391.95234</v>
      </c>
      <c r="AK7970">
        <v>31698.591280000001</v>
      </c>
      <c r="AL7970">
        <v>83977.804780000006</v>
      </c>
      <c r="AM7970">
        <v>25097.293839999998</v>
      </c>
      <c r="AN7970">
        <v>81362.278919999997</v>
      </c>
      <c r="AO7970">
        <v>28971.436730000001</v>
      </c>
      <c r="AP7970">
        <v>17078.45724</v>
      </c>
    </row>
    <row r="7971" spans="2:42" x14ac:dyDescent="0.3">
      <c r="B7971">
        <v>60.312991314570915</v>
      </c>
      <c r="C7971" s="83">
        <v>43433.041666666664</v>
      </c>
      <c r="D7971">
        <v>244147.8511</v>
      </c>
      <c r="E7971">
        <v>16683.777480000001</v>
      </c>
      <c r="F7971">
        <v>52982.867960000003</v>
      </c>
      <c r="G7971">
        <v>43240.892290000003</v>
      </c>
      <c r="H7971">
        <v>38848.591619999999</v>
      </c>
      <c r="I7971">
        <v>20866.172009999998</v>
      </c>
      <c r="J7971">
        <v>25199.91416</v>
      </c>
      <c r="K7971">
        <v>50664.698230000002</v>
      </c>
      <c r="L7971">
        <v>18917.12167</v>
      </c>
      <c r="M7971">
        <v>307503.7562</v>
      </c>
      <c r="N7971">
        <v>82112.428270000004</v>
      </c>
      <c r="O7971">
        <v>22427.592359999999</v>
      </c>
      <c r="P7971">
        <v>29854.911550000001</v>
      </c>
      <c r="Q7971">
        <v>84463.625700000004</v>
      </c>
      <c r="R7971">
        <v>24745.849549999999</v>
      </c>
      <c r="S7971">
        <v>82263.697960000005</v>
      </c>
      <c r="T7971">
        <v>28300.406609999998</v>
      </c>
      <c r="U7971">
        <v>17255.810399999998</v>
      </c>
      <c r="W7971" s="83">
        <f>Bühler!N8003</f>
        <v>45624.041666647339</v>
      </c>
      <c r="X7971" s="83">
        <v>43433.041666666664</v>
      </c>
      <c r="Y7971">
        <v>244147.8511</v>
      </c>
      <c r="Z7971">
        <v>16683.777480000001</v>
      </c>
      <c r="AA7971">
        <v>52982.867960000003</v>
      </c>
      <c r="AB7971">
        <v>43240.892290000003</v>
      </c>
      <c r="AC7971">
        <v>38848.591619999999</v>
      </c>
      <c r="AD7971">
        <v>20866.172009999998</v>
      </c>
      <c r="AE7971">
        <v>25199.91416</v>
      </c>
      <c r="AF7971">
        <v>50664.698230000002</v>
      </c>
      <c r="AG7971">
        <v>18917.12167</v>
      </c>
      <c r="AH7971">
        <v>307503.7562</v>
      </c>
      <c r="AI7971">
        <v>82112.428270000004</v>
      </c>
      <c r="AJ7971">
        <v>22427.592359999999</v>
      </c>
      <c r="AK7971">
        <v>29854.911550000001</v>
      </c>
      <c r="AL7971">
        <v>84463.625700000004</v>
      </c>
      <c r="AM7971">
        <v>24745.849549999999</v>
      </c>
      <c r="AN7971">
        <v>82263.697960000005</v>
      </c>
      <c r="AO7971">
        <v>28300.406609999998</v>
      </c>
      <c r="AP7971">
        <v>17255.810399999998</v>
      </c>
    </row>
    <row r="7972" spans="2:42" x14ac:dyDescent="0.3">
      <c r="B7972">
        <v>60.484653661892466</v>
      </c>
      <c r="C7972" s="83">
        <v>43433.083333333336</v>
      </c>
      <c r="D7972">
        <v>244528.04120000001</v>
      </c>
      <c r="E7972">
        <v>16506.170849999999</v>
      </c>
      <c r="F7972">
        <v>53200.346290000001</v>
      </c>
      <c r="G7972">
        <v>43113.819600000003</v>
      </c>
      <c r="H7972">
        <v>38774.801520000001</v>
      </c>
      <c r="I7972">
        <v>18963.964909999999</v>
      </c>
      <c r="J7972">
        <v>25267.769179999999</v>
      </c>
      <c r="K7972">
        <v>49154.324439999997</v>
      </c>
      <c r="L7972">
        <v>18670.482660000001</v>
      </c>
      <c r="M7972">
        <v>308378.97090000001</v>
      </c>
      <c r="N7972">
        <v>81357.013690000007</v>
      </c>
      <c r="O7972">
        <v>22624.46602</v>
      </c>
      <c r="P7972">
        <v>28696.074639999999</v>
      </c>
      <c r="Q7972">
        <v>86487.578540000002</v>
      </c>
      <c r="R7972">
        <v>24648.208989999999</v>
      </c>
      <c r="S7972">
        <v>81992.952059999996</v>
      </c>
      <c r="T7972">
        <v>28107.639019999999</v>
      </c>
      <c r="U7972">
        <v>17111.40554</v>
      </c>
      <c r="W7972" s="83">
        <f>Bühler!N8004</f>
        <v>45624.083333314004</v>
      </c>
      <c r="X7972" s="83">
        <v>43433.083333333336</v>
      </c>
      <c r="Y7972">
        <v>244528.04120000001</v>
      </c>
      <c r="Z7972">
        <v>16506.170849999999</v>
      </c>
      <c r="AA7972">
        <v>53200.346290000001</v>
      </c>
      <c r="AB7972">
        <v>43113.819600000003</v>
      </c>
      <c r="AC7972">
        <v>38774.801520000001</v>
      </c>
      <c r="AD7972">
        <v>18963.964909999999</v>
      </c>
      <c r="AE7972">
        <v>25267.769179999999</v>
      </c>
      <c r="AF7972">
        <v>49154.324439999997</v>
      </c>
      <c r="AG7972">
        <v>18670.482660000001</v>
      </c>
      <c r="AH7972">
        <v>308378.97090000001</v>
      </c>
      <c r="AI7972">
        <v>81357.013690000007</v>
      </c>
      <c r="AJ7972">
        <v>22624.46602</v>
      </c>
      <c r="AK7972">
        <v>28696.074639999999</v>
      </c>
      <c r="AL7972">
        <v>86487.578540000002</v>
      </c>
      <c r="AM7972">
        <v>24648.208989999999</v>
      </c>
      <c r="AN7972">
        <v>81992.952059999996</v>
      </c>
      <c r="AO7972">
        <v>28107.639019999999</v>
      </c>
      <c r="AP7972">
        <v>17111.40554</v>
      </c>
    </row>
    <row r="7973" spans="2:42" x14ac:dyDescent="0.3">
      <c r="B7973">
        <v>60.114997872564039</v>
      </c>
      <c r="C7973" s="83">
        <v>43433.125</v>
      </c>
      <c r="D7973">
        <v>246834.8749</v>
      </c>
      <c r="E7973">
        <v>16638.656429999999</v>
      </c>
      <c r="F7973">
        <v>53810.687440000002</v>
      </c>
      <c r="G7973">
        <v>42195.607190000002</v>
      </c>
      <c r="H7973">
        <v>39069.852120000003</v>
      </c>
      <c r="I7973">
        <v>18623.656050000001</v>
      </c>
      <c r="J7973">
        <v>25669.4414</v>
      </c>
      <c r="K7973">
        <v>47666.348030000001</v>
      </c>
      <c r="L7973">
        <v>18054.35943</v>
      </c>
      <c r="M7973">
        <v>306494.29330000002</v>
      </c>
      <c r="N7973">
        <v>81627.113320000004</v>
      </c>
      <c r="O7973">
        <v>22517.28643</v>
      </c>
      <c r="P7973">
        <v>29159.62947</v>
      </c>
      <c r="Q7973">
        <v>89124.97567</v>
      </c>
      <c r="R7973">
        <v>24736.177459999999</v>
      </c>
      <c r="S7973">
        <v>81355.405570000003</v>
      </c>
      <c r="T7973">
        <v>27923.749469999999</v>
      </c>
      <c r="U7973">
        <v>17119.729230000001</v>
      </c>
      <c r="W7973" s="83">
        <f>Bühler!N8005</f>
        <v>45624.124999980668</v>
      </c>
      <c r="X7973" s="83">
        <v>43433.125</v>
      </c>
      <c r="Y7973">
        <v>246834.8749</v>
      </c>
      <c r="Z7973">
        <v>16638.656429999999</v>
      </c>
      <c r="AA7973">
        <v>53810.687440000002</v>
      </c>
      <c r="AB7973">
        <v>42195.607190000002</v>
      </c>
      <c r="AC7973">
        <v>39069.852120000003</v>
      </c>
      <c r="AD7973">
        <v>18623.656050000001</v>
      </c>
      <c r="AE7973">
        <v>25669.4414</v>
      </c>
      <c r="AF7973">
        <v>47666.348030000001</v>
      </c>
      <c r="AG7973">
        <v>18054.35943</v>
      </c>
      <c r="AH7973">
        <v>306494.29330000002</v>
      </c>
      <c r="AI7973">
        <v>81627.113320000004</v>
      </c>
      <c r="AJ7973">
        <v>22517.28643</v>
      </c>
      <c r="AK7973">
        <v>29159.62947</v>
      </c>
      <c r="AL7973">
        <v>89124.97567</v>
      </c>
      <c r="AM7973">
        <v>24736.177459999999</v>
      </c>
      <c r="AN7973">
        <v>81355.405570000003</v>
      </c>
      <c r="AO7973">
        <v>27923.749469999999</v>
      </c>
      <c r="AP7973">
        <v>17119.729230000001</v>
      </c>
    </row>
    <row r="7974" spans="2:42" x14ac:dyDescent="0.3">
      <c r="B7974">
        <v>61.176688337293818</v>
      </c>
      <c r="C7974" s="83">
        <v>43433.166666666664</v>
      </c>
      <c r="D7974">
        <v>250858.85380000001</v>
      </c>
      <c r="E7974">
        <v>17297.04983</v>
      </c>
      <c r="F7974">
        <v>57733.667849999998</v>
      </c>
      <c r="G7974">
        <v>42065.86651</v>
      </c>
      <c r="H7974">
        <v>39990.195460000003</v>
      </c>
      <c r="I7974">
        <v>21182.74093</v>
      </c>
      <c r="J7974">
        <v>27196.913970000001</v>
      </c>
      <c r="K7974">
        <v>46505.309659999999</v>
      </c>
      <c r="L7974">
        <v>18164.285909999999</v>
      </c>
      <c r="M7974">
        <v>311907.28639999998</v>
      </c>
      <c r="N7974">
        <v>81856.518679999994</v>
      </c>
      <c r="O7974">
        <v>22969.00259</v>
      </c>
      <c r="P7974">
        <v>28327.29448</v>
      </c>
      <c r="Q7974">
        <v>92891.125969999994</v>
      </c>
      <c r="R7974">
        <v>24328.828659999999</v>
      </c>
      <c r="S7974">
        <v>82490.484530000002</v>
      </c>
      <c r="T7974">
        <v>28092.486919999999</v>
      </c>
      <c r="U7974">
        <v>17483.36003</v>
      </c>
      <c r="W7974" s="83">
        <f>Bühler!N8006</f>
        <v>45624.166666647332</v>
      </c>
      <c r="X7974" s="83">
        <v>43433.166666666664</v>
      </c>
      <c r="Y7974">
        <v>250858.85380000001</v>
      </c>
      <c r="Z7974">
        <v>17297.04983</v>
      </c>
      <c r="AA7974">
        <v>57733.667849999998</v>
      </c>
      <c r="AB7974">
        <v>42065.86651</v>
      </c>
      <c r="AC7974">
        <v>39990.195460000003</v>
      </c>
      <c r="AD7974">
        <v>21182.74093</v>
      </c>
      <c r="AE7974">
        <v>27196.913970000001</v>
      </c>
      <c r="AF7974">
        <v>46505.309659999999</v>
      </c>
      <c r="AG7974">
        <v>18164.285909999999</v>
      </c>
      <c r="AH7974">
        <v>311907.28639999998</v>
      </c>
      <c r="AI7974">
        <v>81856.518679999994</v>
      </c>
      <c r="AJ7974">
        <v>22969.00259</v>
      </c>
      <c r="AK7974">
        <v>28327.29448</v>
      </c>
      <c r="AL7974">
        <v>92891.125969999994</v>
      </c>
      <c r="AM7974">
        <v>24328.828659999999</v>
      </c>
      <c r="AN7974">
        <v>82490.484530000002</v>
      </c>
      <c r="AO7974">
        <v>28092.486919999999</v>
      </c>
      <c r="AP7974">
        <v>17483.36003</v>
      </c>
    </row>
    <row r="7975" spans="2:42" x14ac:dyDescent="0.3">
      <c r="B7975">
        <v>64.4416638188452</v>
      </c>
      <c r="C7975" s="83">
        <v>43433.208333333336</v>
      </c>
      <c r="D7975">
        <v>264538.90480000002</v>
      </c>
      <c r="E7975">
        <v>19564.823079999998</v>
      </c>
      <c r="F7975">
        <v>68753.762709999995</v>
      </c>
      <c r="G7975">
        <v>44982.732199999999</v>
      </c>
      <c r="H7975">
        <v>41771.721830000002</v>
      </c>
      <c r="I7975">
        <v>30123.37703</v>
      </c>
      <c r="J7975">
        <v>29387.530190000001</v>
      </c>
      <c r="K7975">
        <v>47501.986629999999</v>
      </c>
      <c r="L7975">
        <v>20121.440129999999</v>
      </c>
      <c r="M7975">
        <v>328553.65399999998</v>
      </c>
      <c r="N7975">
        <v>83750.792430000001</v>
      </c>
      <c r="O7975">
        <v>23333.434700000002</v>
      </c>
      <c r="P7975">
        <v>29137.694869999999</v>
      </c>
      <c r="Q7975">
        <v>96224.035310000007</v>
      </c>
      <c r="R7975">
        <v>24970.611400000002</v>
      </c>
      <c r="S7975">
        <v>84694.421350000004</v>
      </c>
      <c r="T7975">
        <v>29543.806049999999</v>
      </c>
      <c r="U7975">
        <v>19033.527620000001</v>
      </c>
      <c r="W7975" s="83">
        <f>Bühler!N8007</f>
        <v>45624.208333313996</v>
      </c>
      <c r="X7975" s="83">
        <v>43433.208333333336</v>
      </c>
      <c r="Y7975">
        <v>264538.90480000002</v>
      </c>
      <c r="Z7975">
        <v>19564.823079999998</v>
      </c>
      <c r="AA7975">
        <v>68753.762709999995</v>
      </c>
      <c r="AB7975">
        <v>44982.732199999999</v>
      </c>
      <c r="AC7975">
        <v>41771.721830000002</v>
      </c>
      <c r="AD7975">
        <v>30123.37703</v>
      </c>
      <c r="AE7975">
        <v>29387.530190000001</v>
      </c>
      <c r="AF7975">
        <v>47501.986629999999</v>
      </c>
      <c r="AG7975">
        <v>20121.440129999999</v>
      </c>
      <c r="AH7975">
        <v>328553.65399999998</v>
      </c>
      <c r="AI7975">
        <v>83750.792430000001</v>
      </c>
      <c r="AJ7975">
        <v>23333.434700000002</v>
      </c>
      <c r="AK7975">
        <v>29137.694869999999</v>
      </c>
      <c r="AL7975">
        <v>96224.035310000007</v>
      </c>
      <c r="AM7975">
        <v>24970.611400000002</v>
      </c>
      <c r="AN7975">
        <v>84694.421350000004</v>
      </c>
      <c r="AO7975">
        <v>29543.806049999999</v>
      </c>
      <c r="AP7975">
        <v>19033.527620000001</v>
      </c>
    </row>
    <row r="7976" spans="2:42" x14ac:dyDescent="0.3">
      <c r="B7976">
        <v>67.185046860309996</v>
      </c>
      <c r="C7976" s="83">
        <v>43433.25</v>
      </c>
      <c r="D7976">
        <v>279422.18430000002</v>
      </c>
      <c r="E7976">
        <v>23944.5635</v>
      </c>
      <c r="F7976">
        <v>81455.406700000007</v>
      </c>
      <c r="G7976">
        <v>59503.905140000003</v>
      </c>
      <c r="H7976">
        <v>46004.532279999999</v>
      </c>
      <c r="I7976">
        <v>39026.393640000002</v>
      </c>
      <c r="J7976">
        <v>32575.279259999999</v>
      </c>
      <c r="K7976">
        <v>51074.616560000002</v>
      </c>
      <c r="L7976">
        <v>20503.130379999999</v>
      </c>
      <c r="M7976">
        <v>342540.70010000002</v>
      </c>
      <c r="N7976">
        <v>86721.231100000005</v>
      </c>
      <c r="O7976">
        <v>24599.946329999999</v>
      </c>
      <c r="P7976">
        <v>30936.295289999998</v>
      </c>
      <c r="Q7976">
        <v>97481.316040000005</v>
      </c>
      <c r="R7976">
        <v>20865.385569999999</v>
      </c>
      <c r="S7976">
        <v>92218.99768</v>
      </c>
      <c r="T7976">
        <v>32401.752400000001</v>
      </c>
      <c r="U7976">
        <v>21858.557799999999</v>
      </c>
      <c r="W7976" s="83">
        <f>Bühler!N8008</f>
        <v>45624.249999980661</v>
      </c>
      <c r="X7976" s="83">
        <v>43433.25</v>
      </c>
      <c r="Y7976">
        <v>279422.18430000002</v>
      </c>
      <c r="Z7976">
        <v>23944.5635</v>
      </c>
      <c r="AA7976">
        <v>81455.406700000007</v>
      </c>
      <c r="AB7976">
        <v>59503.905140000003</v>
      </c>
      <c r="AC7976">
        <v>46004.532279999999</v>
      </c>
      <c r="AD7976">
        <v>39026.393640000002</v>
      </c>
      <c r="AE7976">
        <v>32575.279259999999</v>
      </c>
      <c r="AF7976">
        <v>51074.616560000002</v>
      </c>
      <c r="AG7976">
        <v>20503.130379999999</v>
      </c>
      <c r="AH7976">
        <v>342540.70010000002</v>
      </c>
      <c r="AI7976">
        <v>86721.231100000005</v>
      </c>
      <c r="AJ7976">
        <v>24599.946329999999</v>
      </c>
      <c r="AK7976">
        <v>30936.295289999998</v>
      </c>
      <c r="AL7976">
        <v>97481.316040000005</v>
      </c>
      <c r="AM7976">
        <v>20865.385569999999</v>
      </c>
      <c r="AN7976">
        <v>92218.99768</v>
      </c>
      <c r="AO7976">
        <v>32401.752400000001</v>
      </c>
      <c r="AP7976">
        <v>21858.557799999999</v>
      </c>
    </row>
    <row r="7977" spans="2:42" x14ac:dyDescent="0.3">
      <c r="B7977">
        <v>67.758179897583162</v>
      </c>
      <c r="C7977" s="83">
        <v>43433.291666666664</v>
      </c>
      <c r="D7977">
        <v>294171.6862</v>
      </c>
      <c r="E7977">
        <v>29325.70809</v>
      </c>
      <c r="F7977">
        <v>83023.829329999993</v>
      </c>
      <c r="G7977">
        <v>75810.266900000002</v>
      </c>
      <c r="H7977">
        <v>52508.432739999997</v>
      </c>
      <c r="I7977">
        <v>48208.538910000003</v>
      </c>
      <c r="J7977">
        <v>33811.602330000002</v>
      </c>
      <c r="K7977">
        <v>56242.899290000001</v>
      </c>
      <c r="L7977">
        <v>24053.634450000001</v>
      </c>
      <c r="M7977">
        <v>345462.79960000003</v>
      </c>
      <c r="N7977">
        <v>93383.171279999995</v>
      </c>
      <c r="O7977">
        <v>27400.220840000002</v>
      </c>
      <c r="P7977">
        <v>33643.872060000002</v>
      </c>
      <c r="Q7977">
        <v>97092.410610000006</v>
      </c>
      <c r="R7977">
        <v>23137.416689999998</v>
      </c>
      <c r="S7977">
        <v>106255.31230000001</v>
      </c>
      <c r="T7977">
        <v>34460.072480000003</v>
      </c>
      <c r="U7977">
        <v>27776.22682</v>
      </c>
      <c r="W7977" s="83">
        <f>Bühler!N8009</f>
        <v>45624.291666647325</v>
      </c>
      <c r="X7977" s="83">
        <v>43433.291666666664</v>
      </c>
      <c r="Y7977">
        <v>294171.6862</v>
      </c>
      <c r="Z7977">
        <v>29325.70809</v>
      </c>
      <c r="AA7977">
        <v>83023.829329999993</v>
      </c>
      <c r="AB7977">
        <v>75810.266900000002</v>
      </c>
      <c r="AC7977">
        <v>52508.432739999997</v>
      </c>
      <c r="AD7977">
        <v>48208.538910000003</v>
      </c>
      <c r="AE7977">
        <v>33811.602330000002</v>
      </c>
      <c r="AF7977">
        <v>56242.899290000001</v>
      </c>
      <c r="AG7977">
        <v>24053.634450000001</v>
      </c>
      <c r="AH7977">
        <v>345462.79960000003</v>
      </c>
      <c r="AI7977">
        <v>93383.171279999995</v>
      </c>
      <c r="AJ7977">
        <v>27400.220840000002</v>
      </c>
      <c r="AK7977">
        <v>33643.872060000002</v>
      </c>
      <c r="AL7977">
        <v>97092.410610000006</v>
      </c>
      <c r="AM7977">
        <v>23137.416689999998</v>
      </c>
      <c r="AN7977">
        <v>106255.31230000001</v>
      </c>
      <c r="AO7977">
        <v>34460.072480000003</v>
      </c>
      <c r="AP7977">
        <v>27776.22682</v>
      </c>
    </row>
    <row r="7978" spans="2:42" x14ac:dyDescent="0.3">
      <c r="B7978">
        <v>68.183714588701235</v>
      </c>
      <c r="C7978" s="83">
        <v>43433.333333333336</v>
      </c>
      <c r="D7978">
        <v>304941.00079999998</v>
      </c>
      <c r="E7978">
        <v>35138.606079999998</v>
      </c>
      <c r="F7978">
        <v>89127.229930000001</v>
      </c>
      <c r="G7978">
        <v>92430.407389999993</v>
      </c>
      <c r="H7978">
        <v>56732.260569999999</v>
      </c>
      <c r="I7978">
        <v>50398.971610000001</v>
      </c>
      <c r="J7978">
        <v>33621.209569999999</v>
      </c>
      <c r="K7978">
        <v>61194.783470000002</v>
      </c>
      <c r="L7978">
        <v>27152.256850000002</v>
      </c>
      <c r="M7978">
        <v>347632.37390000001</v>
      </c>
      <c r="N7978">
        <v>102054.0353</v>
      </c>
      <c r="O7978">
        <v>28952.589080000002</v>
      </c>
      <c r="P7978">
        <v>35168.600400000003</v>
      </c>
      <c r="Q7978">
        <v>97843.666270000002</v>
      </c>
      <c r="R7978">
        <v>23687.253840000001</v>
      </c>
      <c r="S7978">
        <v>120555.29670000001</v>
      </c>
      <c r="T7978">
        <v>38126.046620000001</v>
      </c>
      <c r="U7978">
        <v>30698.955880000001</v>
      </c>
      <c r="W7978" s="83">
        <f>Bühler!N8010</f>
        <v>45624.333333313989</v>
      </c>
      <c r="X7978" s="83">
        <v>43433.333333333336</v>
      </c>
      <c r="Y7978">
        <v>304941.00079999998</v>
      </c>
      <c r="Z7978">
        <v>35138.606079999998</v>
      </c>
      <c r="AA7978">
        <v>89127.229930000001</v>
      </c>
      <c r="AB7978">
        <v>92430.407389999993</v>
      </c>
      <c r="AC7978">
        <v>56732.260569999999</v>
      </c>
      <c r="AD7978">
        <v>50398.971610000001</v>
      </c>
      <c r="AE7978">
        <v>33621.209569999999</v>
      </c>
      <c r="AF7978">
        <v>61194.783470000002</v>
      </c>
      <c r="AG7978">
        <v>27152.256850000002</v>
      </c>
      <c r="AH7978">
        <v>347632.37390000001</v>
      </c>
      <c r="AI7978">
        <v>102054.0353</v>
      </c>
      <c r="AJ7978">
        <v>28952.589080000002</v>
      </c>
      <c r="AK7978">
        <v>35168.600400000003</v>
      </c>
      <c r="AL7978">
        <v>97843.666270000002</v>
      </c>
      <c r="AM7978">
        <v>23687.253840000001</v>
      </c>
      <c r="AN7978">
        <v>120555.29670000001</v>
      </c>
      <c r="AO7978">
        <v>38126.046620000001</v>
      </c>
      <c r="AP7978">
        <v>30698.955880000001</v>
      </c>
    </row>
    <row r="7979" spans="2:42" x14ac:dyDescent="0.3">
      <c r="B7979">
        <v>68.501643214935584</v>
      </c>
      <c r="C7979" s="83">
        <v>43433.375</v>
      </c>
      <c r="D7979">
        <v>306120.97649999999</v>
      </c>
      <c r="E7979">
        <v>38953.230779999998</v>
      </c>
      <c r="F7979">
        <v>95993.949659999998</v>
      </c>
      <c r="G7979">
        <v>101490.5582</v>
      </c>
      <c r="H7979">
        <v>58952.60396</v>
      </c>
      <c r="I7979">
        <v>48395.126049999999</v>
      </c>
      <c r="J7979">
        <v>32869.68821</v>
      </c>
      <c r="K7979">
        <v>62703.406889999998</v>
      </c>
      <c r="L7979">
        <v>30490.989809999999</v>
      </c>
      <c r="M7979">
        <v>349253.3223</v>
      </c>
      <c r="N7979">
        <v>102917.9654</v>
      </c>
      <c r="O7979">
        <v>29361.086960000001</v>
      </c>
      <c r="P7979">
        <v>36519.757940000003</v>
      </c>
      <c r="Q7979">
        <v>97897.011769999997</v>
      </c>
      <c r="R7979">
        <v>24396.773020000001</v>
      </c>
      <c r="S7979">
        <v>128295.2939</v>
      </c>
      <c r="T7979">
        <v>40007.67484</v>
      </c>
      <c r="U7979">
        <v>29995.019390000001</v>
      </c>
      <c r="W7979" s="83">
        <f>Bühler!N8011</f>
        <v>45624.374999980653</v>
      </c>
      <c r="X7979" s="83">
        <v>43433.375</v>
      </c>
      <c r="Y7979">
        <v>306120.97649999999</v>
      </c>
      <c r="Z7979">
        <v>38953.230779999998</v>
      </c>
      <c r="AA7979">
        <v>95993.949659999998</v>
      </c>
      <c r="AB7979">
        <v>101490.5582</v>
      </c>
      <c r="AC7979">
        <v>58952.60396</v>
      </c>
      <c r="AD7979">
        <v>48395.126049999999</v>
      </c>
      <c r="AE7979">
        <v>32869.68821</v>
      </c>
      <c r="AF7979">
        <v>62703.406889999998</v>
      </c>
      <c r="AG7979">
        <v>30490.989809999999</v>
      </c>
      <c r="AH7979">
        <v>349253.3223</v>
      </c>
      <c r="AI7979">
        <v>102917.9654</v>
      </c>
      <c r="AJ7979">
        <v>29361.086960000001</v>
      </c>
      <c r="AK7979">
        <v>36519.757940000003</v>
      </c>
      <c r="AL7979">
        <v>97897.011769999997</v>
      </c>
      <c r="AM7979">
        <v>24396.773020000001</v>
      </c>
      <c r="AN7979">
        <v>128295.2939</v>
      </c>
      <c r="AO7979">
        <v>40007.67484</v>
      </c>
      <c r="AP7979">
        <v>29995.019390000001</v>
      </c>
    </row>
    <row r="7980" spans="2:42" x14ac:dyDescent="0.3">
      <c r="B7980">
        <v>69.021404104243246</v>
      </c>
      <c r="C7980" s="83">
        <v>43433.416666666664</v>
      </c>
      <c r="D7980">
        <v>307716.2953</v>
      </c>
      <c r="E7980">
        <v>40453.030919999997</v>
      </c>
      <c r="F7980">
        <v>95041.998640000005</v>
      </c>
      <c r="G7980">
        <v>104265.05070000001</v>
      </c>
      <c r="H7980">
        <v>59308.758779999996</v>
      </c>
      <c r="I7980">
        <v>45286.463949999998</v>
      </c>
      <c r="J7980">
        <v>31563.75275</v>
      </c>
      <c r="K7980">
        <v>62880.4836</v>
      </c>
      <c r="L7980">
        <v>33114.059950000003</v>
      </c>
      <c r="M7980">
        <v>351903.30570000003</v>
      </c>
      <c r="N7980">
        <v>104117.1741</v>
      </c>
      <c r="O7980">
        <v>29344.659800000001</v>
      </c>
      <c r="P7980">
        <v>36256.841939999998</v>
      </c>
      <c r="Q7980">
        <v>97419.057960000006</v>
      </c>
      <c r="R7980">
        <v>24755.142449999999</v>
      </c>
      <c r="S7980">
        <v>126845.1214</v>
      </c>
      <c r="T7980">
        <v>41169.418129999998</v>
      </c>
      <c r="U7980">
        <v>29264.3665</v>
      </c>
      <c r="W7980" s="83">
        <f>Bühler!N8012</f>
        <v>45624.416666647317</v>
      </c>
      <c r="X7980" s="83">
        <v>43433.416666666664</v>
      </c>
      <c r="Y7980">
        <v>307716.2953</v>
      </c>
      <c r="Z7980">
        <v>40453.030919999997</v>
      </c>
      <c r="AA7980">
        <v>95041.998640000005</v>
      </c>
      <c r="AB7980">
        <v>104265.05070000001</v>
      </c>
      <c r="AC7980">
        <v>59308.758779999996</v>
      </c>
      <c r="AD7980">
        <v>45286.463949999998</v>
      </c>
      <c r="AE7980">
        <v>31563.75275</v>
      </c>
      <c r="AF7980">
        <v>62880.4836</v>
      </c>
      <c r="AG7980">
        <v>33114.059950000003</v>
      </c>
      <c r="AH7980">
        <v>351903.30570000003</v>
      </c>
      <c r="AI7980">
        <v>104117.1741</v>
      </c>
      <c r="AJ7980">
        <v>29344.659800000001</v>
      </c>
      <c r="AK7980">
        <v>36256.841939999998</v>
      </c>
      <c r="AL7980">
        <v>97419.057960000006</v>
      </c>
      <c r="AM7980">
        <v>24755.142449999999</v>
      </c>
      <c r="AN7980">
        <v>126845.1214</v>
      </c>
      <c r="AO7980">
        <v>41169.418129999998</v>
      </c>
      <c r="AP7980">
        <v>29264.3665</v>
      </c>
    </row>
    <row r="7981" spans="2:42" x14ac:dyDescent="0.3">
      <c r="B7981">
        <v>68.877942609954061</v>
      </c>
      <c r="C7981" s="83">
        <v>43433.458333333336</v>
      </c>
      <c r="D7981">
        <v>304923.90580000001</v>
      </c>
      <c r="E7981">
        <v>40041.051420000003</v>
      </c>
      <c r="F7981">
        <v>95110.635540000003</v>
      </c>
      <c r="G7981">
        <v>102518.6468</v>
      </c>
      <c r="H7981">
        <v>58510.712670000001</v>
      </c>
      <c r="I7981">
        <v>43844.890270000004</v>
      </c>
      <c r="J7981">
        <v>32146.274130000002</v>
      </c>
      <c r="K7981">
        <v>64162.25649</v>
      </c>
      <c r="L7981">
        <v>33958.608959999998</v>
      </c>
      <c r="M7981">
        <v>351171.87209999998</v>
      </c>
      <c r="N7981">
        <v>103314.6787</v>
      </c>
      <c r="O7981">
        <v>29509.286029999999</v>
      </c>
      <c r="P7981">
        <v>36189.982199999999</v>
      </c>
      <c r="Q7981">
        <v>96625.606369999994</v>
      </c>
      <c r="R7981">
        <v>24819.145570000001</v>
      </c>
      <c r="S7981">
        <v>128114.4016</v>
      </c>
      <c r="T7981">
        <v>40839.202680000002</v>
      </c>
      <c r="U7981">
        <v>28476.470249999998</v>
      </c>
      <c r="W7981" s="83">
        <f>Bühler!N8013</f>
        <v>45624.458333313982</v>
      </c>
      <c r="X7981" s="83">
        <v>43433.458333333336</v>
      </c>
      <c r="Y7981">
        <v>304923.90580000001</v>
      </c>
      <c r="Z7981">
        <v>40041.051420000003</v>
      </c>
      <c r="AA7981">
        <v>95110.635540000003</v>
      </c>
      <c r="AB7981">
        <v>102518.6468</v>
      </c>
      <c r="AC7981">
        <v>58510.712670000001</v>
      </c>
      <c r="AD7981">
        <v>43844.890270000004</v>
      </c>
      <c r="AE7981">
        <v>32146.274130000002</v>
      </c>
      <c r="AF7981">
        <v>64162.25649</v>
      </c>
      <c r="AG7981">
        <v>33958.608959999998</v>
      </c>
      <c r="AH7981">
        <v>351171.87209999998</v>
      </c>
      <c r="AI7981">
        <v>103314.6787</v>
      </c>
      <c r="AJ7981">
        <v>29509.286029999999</v>
      </c>
      <c r="AK7981">
        <v>36189.982199999999</v>
      </c>
      <c r="AL7981">
        <v>96625.606369999994</v>
      </c>
      <c r="AM7981">
        <v>24819.145570000001</v>
      </c>
      <c r="AN7981">
        <v>128114.4016</v>
      </c>
      <c r="AO7981">
        <v>40839.202680000002</v>
      </c>
      <c r="AP7981">
        <v>28476.470249999998</v>
      </c>
    </row>
    <row r="7982" spans="2:42" x14ac:dyDescent="0.3">
      <c r="B7982">
        <v>67.662771579203749</v>
      </c>
      <c r="C7982" s="83">
        <v>43433.5</v>
      </c>
      <c r="D7982">
        <v>291196.71789999999</v>
      </c>
      <c r="E7982">
        <v>35889.63495</v>
      </c>
      <c r="F7982">
        <v>92563.321450000003</v>
      </c>
      <c r="G7982">
        <v>99430.606209999998</v>
      </c>
      <c r="H7982">
        <v>55517.07948</v>
      </c>
      <c r="I7982">
        <v>41976.337599999999</v>
      </c>
      <c r="J7982">
        <v>31213.632290000001</v>
      </c>
      <c r="K7982">
        <v>60426.522199999999</v>
      </c>
      <c r="L7982">
        <v>36092.015749999999</v>
      </c>
      <c r="M7982">
        <v>344976.36349999998</v>
      </c>
      <c r="N7982">
        <v>99865.861520000006</v>
      </c>
      <c r="O7982">
        <v>28766.780360000001</v>
      </c>
      <c r="P7982">
        <v>37127.838799999998</v>
      </c>
      <c r="Q7982">
        <v>94604.195129999993</v>
      </c>
      <c r="R7982">
        <v>25751.043590000001</v>
      </c>
      <c r="S7982">
        <v>119632.7546</v>
      </c>
      <c r="T7982">
        <v>40857.782440000003</v>
      </c>
      <c r="U7982">
        <v>24373.34878</v>
      </c>
      <c r="W7982" s="83">
        <f>Bühler!N8014</f>
        <v>45624.499999980646</v>
      </c>
      <c r="X7982" s="83">
        <v>43433.5</v>
      </c>
      <c r="Y7982">
        <v>291196.71789999999</v>
      </c>
      <c r="Z7982">
        <v>35889.63495</v>
      </c>
      <c r="AA7982">
        <v>92563.321450000003</v>
      </c>
      <c r="AB7982">
        <v>99430.606209999998</v>
      </c>
      <c r="AC7982">
        <v>55517.07948</v>
      </c>
      <c r="AD7982">
        <v>41976.337599999999</v>
      </c>
      <c r="AE7982">
        <v>31213.632290000001</v>
      </c>
      <c r="AF7982">
        <v>60426.522199999999</v>
      </c>
      <c r="AG7982">
        <v>36092.015749999999</v>
      </c>
      <c r="AH7982">
        <v>344976.36349999998</v>
      </c>
      <c r="AI7982">
        <v>99865.861520000006</v>
      </c>
      <c r="AJ7982">
        <v>28766.780360000001</v>
      </c>
      <c r="AK7982">
        <v>37127.838799999998</v>
      </c>
      <c r="AL7982">
        <v>94604.195129999993</v>
      </c>
      <c r="AM7982">
        <v>25751.043590000001</v>
      </c>
      <c r="AN7982">
        <v>119632.7546</v>
      </c>
      <c r="AO7982">
        <v>40857.782440000003</v>
      </c>
      <c r="AP7982">
        <v>24373.34878</v>
      </c>
    </row>
    <row r="7983" spans="2:42" x14ac:dyDescent="0.3">
      <c r="B7983">
        <v>67.429925068041996</v>
      </c>
      <c r="C7983" s="83">
        <v>43433.541666666664</v>
      </c>
      <c r="D7983">
        <v>291965.70699999999</v>
      </c>
      <c r="E7983">
        <v>35792.76081</v>
      </c>
      <c r="F7983">
        <v>92114.147800000006</v>
      </c>
      <c r="G7983">
        <v>96191.251569999993</v>
      </c>
      <c r="H7983">
        <v>55684.982069999998</v>
      </c>
      <c r="I7983">
        <v>41841.089269999997</v>
      </c>
      <c r="J7983">
        <v>30560.926650000001</v>
      </c>
      <c r="K7983">
        <v>61186.745410000003</v>
      </c>
      <c r="L7983">
        <v>34197.92527</v>
      </c>
      <c r="M7983">
        <v>343789.2034</v>
      </c>
      <c r="N7983">
        <v>99770.571819999997</v>
      </c>
      <c r="O7983">
        <v>28249.44628</v>
      </c>
      <c r="P7983">
        <v>36395.632010000001</v>
      </c>
      <c r="Q7983">
        <v>92988.964359999998</v>
      </c>
      <c r="R7983">
        <v>26853.590059999999</v>
      </c>
      <c r="S7983">
        <v>119945.39380000001</v>
      </c>
      <c r="T7983">
        <v>39679.87124</v>
      </c>
      <c r="U7983">
        <v>27022.369709999999</v>
      </c>
      <c r="W7983" s="83">
        <f>Bühler!N8015</f>
        <v>45624.54166664731</v>
      </c>
      <c r="X7983" s="83">
        <v>43433.541666666664</v>
      </c>
      <c r="Y7983">
        <v>291965.70699999999</v>
      </c>
      <c r="Z7983">
        <v>35792.76081</v>
      </c>
      <c r="AA7983">
        <v>92114.147800000006</v>
      </c>
      <c r="AB7983">
        <v>96191.251569999993</v>
      </c>
      <c r="AC7983">
        <v>55684.982069999998</v>
      </c>
      <c r="AD7983">
        <v>41841.089269999997</v>
      </c>
      <c r="AE7983">
        <v>30560.926650000001</v>
      </c>
      <c r="AF7983">
        <v>61186.745410000003</v>
      </c>
      <c r="AG7983">
        <v>34197.92527</v>
      </c>
      <c r="AH7983">
        <v>343789.2034</v>
      </c>
      <c r="AI7983">
        <v>99770.571819999997</v>
      </c>
      <c r="AJ7983">
        <v>28249.44628</v>
      </c>
      <c r="AK7983">
        <v>36395.632010000001</v>
      </c>
      <c r="AL7983">
        <v>92988.964359999998</v>
      </c>
      <c r="AM7983">
        <v>26853.590059999999</v>
      </c>
      <c r="AN7983">
        <v>119945.39380000001</v>
      </c>
      <c r="AO7983">
        <v>39679.87124</v>
      </c>
      <c r="AP7983">
        <v>27022.369709999999</v>
      </c>
    </row>
    <row r="7984" spans="2:42" x14ac:dyDescent="0.3">
      <c r="B7984">
        <v>67.000868513917339</v>
      </c>
      <c r="C7984" s="83">
        <v>43433.583333333336</v>
      </c>
      <c r="D7984">
        <v>296363.64120000001</v>
      </c>
      <c r="E7984">
        <v>38423.740850000002</v>
      </c>
      <c r="F7984">
        <v>94055.275120000006</v>
      </c>
      <c r="G7984">
        <v>90022.605410000004</v>
      </c>
      <c r="H7984">
        <v>55841.590759999999</v>
      </c>
      <c r="I7984">
        <v>42580.514949999997</v>
      </c>
      <c r="J7984">
        <v>30195.886709999999</v>
      </c>
      <c r="K7984">
        <v>63258.415289999997</v>
      </c>
      <c r="L7984">
        <v>31004.93563</v>
      </c>
      <c r="M7984">
        <v>341601.67300000001</v>
      </c>
      <c r="N7984">
        <v>98857.177110000004</v>
      </c>
      <c r="O7984">
        <v>28050.344730000001</v>
      </c>
      <c r="P7984">
        <v>32818.905489999997</v>
      </c>
      <c r="Q7984">
        <v>92436.850990000006</v>
      </c>
      <c r="R7984">
        <v>25300.757369999999</v>
      </c>
      <c r="S7984">
        <v>114869.4428</v>
      </c>
      <c r="T7984">
        <v>37138.161359999998</v>
      </c>
      <c r="U7984">
        <v>26991.361219999999</v>
      </c>
      <c r="W7984" s="83">
        <f>Bühler!N8016</f>
        <v>45624.583333313974</v>
      </c>
      <c r="X7984" s="83">
        <v>43433.583333333336</v>
      </c>
      <c r="Y7984">
        <v>296363.64120000001</v>
      </c>
      <c r="Z7984">
        <v>38423.740850000002</v>
      </c>
      <c r="AA7984">
        <v>94055.275120000006</v>
      </c>
      <c r="AB7984">
        <v>90022.605410000004</v>
      </c>
      <c r="AC7984">
        <v>55841.590759999999</v>
      </c>
      <c r="AD7984">
        <v>42580.514949999997</v>
      </c>
      <c r="AE7984">
        <v>30195.886709999999</v>
      </c>
      <c r="AF7984">
        <v>63258.415289999997</v>
      </c>
      <c r="AG7984">
        <v>31004.93563</v>
      </c>
      <c r="AH7984">
        <v>341601.67300000001</v>
      </c>
      <c r="AI7984">
        <v>98857.177110000004</v>
      </c>
      <c r="AJ7984">
        <v>28050.344730000001</v>
      </c>
      <c r="AK7984">
        <v>32818.905489999997</v>
      </c>
      <c r="AL7984">
        <v>92436.850990000006</v>
      </c>
      <c r="AM7984">
        <v>25300.757369999999</v>
      </c>
      <c r="AN7984">
        <v>114869.4428</v>
      </c>
      <c r="AO7984">
        <v>37138.161359999998</v>
      </c>
      <c r="AP7984">
        <v>26991.361219999999</v>
      </c>
    </row>
    <row r="7985" spans="2:42" x14ac:dyDescent="0.3">
      <c r="B7985">
        <v>65.733097783176234</v>
      </c>
      <c r="C7985" s="83">
        <v>43433.625</v>
      </c>
      <c r="D7985">
        <v>294341.23479999998</v>
      </c>
      <c r="E7985">
        <v>38234.66315</v>
      </c>
      <c r="F7985">
        <v>93643.576939999999</v>
      </c>
      <c r="G7985">
        <v>87262.897779999999</v>
      </c>
      <c r="H7985">
        <v>54280.936430000002</v>
      </c>
      <c r="I7985">
        <v>43821.573669999998</v>
      </c>
      <c r="J7985">
        <v>29782.777429999998</v>
      </c>
      <c r="K7985">
        <v>63685.510060000001</v>
      </c>
      <c r="L7985">
        <v>27955.35584</v>
      </c>
      <c r="M7985">
        <v>335137.9866</v>
      </c>
      <c r="N7985">
        <v>95810.020499999999</v>
      </c>
      <c r="O7985">
        <v>28194.45405</v>
      </c>
      <c r="P7985">
        <v>31284.82202</v>
      </c>
      <c r="Q7985">
        <v>92011.873439999996</v>
      </c>
      <c r="R7985">
        <v>24728.476569999999</v>
      </c>
      <c r="S7985">
        <v>111945.476</v>
      </c>
      <c r="T7985">
        <v>36921.0095</v>
      </c>
      <c r="U7985">
        <v>26302.631529999999</v>
      </c>
      <c r="W7985" s="83">
        <f>Bühler!N8017</f>
        <v>45624.624999980639</v>
      </c>
      <c r="X7985" s="83">
        <v>43433.625</v>
      </c>
      <c r="Y7985">
        <v>294341.23479999998</v>
      </c>
      <c r="Z7985">
        <v>38234.66315</v>
      </c>
      <c r="AA7985">
        <v>93643.576939999999</v>
      </c>
      <c r="AB7985">
        <v>87262.897779999999</v>
      </c>
      <c r="AC7985">
        <v>54280.936430000002</v>
      </c>
      <c r="AD7985">
        <v>43821.573669999998</v>
      </c>
      <c r="AE7985">
        <v>29782.777429999998</v>
      </c>
      <c r="AF7985">
        <v>63685.510060000001</v>
      </c>
      <c r="AG7985">
        <v>27955.35584</v>
      </c>
      <c r="AH7985">
        <v>335137.9866</v>
      </c>
      <c r="AI7985">
        <v>95810.020499999999</v>
      </c>
      <c r="AJ7985">
        <v>28194.45405</v>
      </c>
      <c r="AK7985">
        <v>31284.82202</v>
      </c>
      <c r="AL7985">
        <v>92011.873439999996</v>
      </c>
      <c r="AM7985">
        <v>24728.476569999999</v>
      </c>
      <c r="AN7985">
        <v>111945.476</v>
      </c>
      <c r="AO7985">
        <v>36921.0095</v>
      </c>
      <c r="AP7985">
        <v>26302.631529999999</v>
      </c>
    </row>
    <row r="7986" spans="2:42" x14ac:dyDescent="0.3">
      <c r="B7986">
        <v>65.077031021986826</v>
      </c>
      <c r="C7986" s="83">
        <v>43433.666666666664</v>
      </c>
      <c r="D7986">
        <v>287104.88740000001</v>
      </c>
      <c r="E7986">
        <v>37883.05055</v>
      </c>
      <c r="F7986">
        <v>93648.335359999997</v>
      </c>
      <c r="G7986">
        <v>84990.968179999996</v>
      </c>
      <c r="H7986">
        <v>53063.065269999999</v>
      </c>
      <c r="I7986">
        <v>45918.763050000001</v>
      </c>
      <c r="J7986">
        <v>29708.808140000001</v>
      </c>
      <c r="K7986">
        <v>62192.300900000002</v>
      </c>
      <c r="L7986">
        <v>27239.534469999999</v>
      </c>
      <c r="M7986">
        <v>331793.05229999998</v>
      </c>
      <c r="N7986">
        <v>94260.972240000003</v>
      </c>
      <c r="O7986">
        <v>28416.785779999998</v>
      </c>
      <c r="P7986">
        <v>31767.38394</v>
      </c>
      <c r="Q7986">
        <v>90878.510410000003</v>
      </c>
      <c r="R7986">
        <v>23795.186600000001</v>
      </c>
      <c r="S7986">
        <v>111316.4025</v>
      </c>
      <c r="T7986">
        <v>36838.605049999998</v>
      </c>
      <c r="U7986">
        <v>24832.017489999998</v>
      </c>
      <c r="W7986" s="83">
        <f>Bühler!N8018</f>
        <v>45624.666666647303</v>
      </c>
      <c r="X7986" s="83">
        <v>43433.666666666664</v>
      </c>
      <c r="Y7986">
        <v>287104.88740000001</v>
      </c>
      <c r="Z7986">
        <v>37883.05055</v>
      </c>
      <c r="AA7986">
        <v>93648.335359999997</v>
      </c>
      <c r="AB7986">
        <v>84990.968179999996</v>
      </c>
      <c r="AC7986">
        <v>53063.065269999999</v>
      </c>
      <c r="AD7986">
        <v>45918.763050000001</v>
      </c>
      <c r="AE7986">
        <v>29708.808140000001</v>
      </c>
      <c r="AF7986">
        <v>62192.300900000002</v>
      </c>
      <c r="AG7986">
        <v>27239.534469999999</v>
      </c>
      <c r="AH7986">
        <v>331793.05229999998</v>
      </c>
      <c r="AI7986">
        <v>94260.972240000003</v>
      </c>
      <c r="AJ7986">
        <v>28416.785779999998</v>
      </c>
      <c r="AK7986">
        <v>31767.38394</v>
      </c>
      <c r="AL7986">
        <v>90878.510410000003</v>
      </c>
      <c r="AM7986">
        <v>23795.186600000001</v>
      </c>
      <c r="AN7986">
        <v>111316.4025</v>
      </c>
      <c r="AO7986">
        <v>36838.605049999998</v>
      </c>
      <c r="AP7986">
        <v>24832.017489999998</v>
      </c>
    </row>
    <row r="7987" spans="2:42" x14ac:dyDescent="0.3">
      <c r="B7987">
        <v>64.762441380234918</v>
      </c>
      <c r="C7987" s="83">
        <v>43433.708333333336</v>
      </c>
      <c r="D7987">
        <v>277949.22989999998</v>
      </c>
      <c r="E7987">
        <v>36942.706100000003</v>
      </c>
      <c r="F7987">
        <v>95180.434540000002</v>
      </c>
      <c r="G7987">
        <v>79410.238490000003</v>
      </c>
      <c r="H7987">
        <v>53162.878420000001</v>
      </c>
      <c r="I7987">
        <v>44810.102099999996</v>
      </c>
      <c r="J7987">
        <v>31924.463250000001</v>
      </c>
      <c r="K7987">
        <v>55571.958689999999</v>
      </c>
      <c r="L7987">
        <v>28597.744790000001</v>
      </c>
      <c r="M7987">
        <v>330189.12760000001</v>
      </c>
      <c r="N7987">
        <v>92261.289910000007</v>
      </c>
      <c r="O7987">
        <v>27779.002479999999</v>
      </c>
      <c r="P7987">
        <v>34014.525560000002</v>
      </c>
      <c r="Q7987">
        <v>90952.348679999996</v>
      </c>
      <c r="R7987">
        <v>23291.82661</v>
      </c>
      <c r="S7987">
        <v>111610.2087</v>
      </c>
      <c r="T7987">
        <v>38464.403709999999</v>
      </c>
      <c r="U7987">
        <v>23663.437310000001</v>
      </c>
      <c r="W7987" s="83">
        <f>Bühler!N8019</f>
        <v>45624.708333313967</v>
      </c>
      <c r="X7987" s="83">
        <v>43433.708333333336</v>
      </c>
      <c r="Y7987">
        <v>277949.22989999998</v>
      </c>
      <c r="Z7987">
        <v>36942.706100000003</v>
      </c>
      <c r="AA7987">
        <v>95180.434540000002</v>
      </c>
      <c r="AB7987">
        <v>79410.238490000003</v>
      </c>
      <c r="AC7987">
        <v>53162.878420000001</v>
      </c>
      <c r="AD7987">
        <v>44810.102099999996</v>
      </c>
      <c r="AE7987">
        <v>31924.463250000001</v>
      </c>
      <c r="AF7987">
        <v>55571.958689999999</v>
      </c>
      <c r="AG7987">
        <v>28597.744790000001</v>
      </c>
      <c r="AH7987">
        <v>330189.12760000001</v>
      </c>
      <c r="AI7987">
        <v>92261.289910000007</v>
      </c>
      <c r="AJ7987">
        <v>27779.002479999999</v>
      </c>
      <c r="AK7987">
        <v>34014.525560000002</v>
      </c>
      <c r="AL7987">
        <v>90952.348679999996</v>
      </c>
      <c r="AM7987">
        <v>23291.82661</v>
      </c>
      <c r="AN7987">
        <v>111610.2087</v>
      </c>
      <c r="AO7987">
        <v>38464.403709999999</v>
      </c>
      <c r="AP7987">
        <v>23663.437310000001</v>
      </c>
    </row>
    <row r="7988" spans="2:42" x14ac:dyDescent="0.3">
      <c r="B7988">
        <v>64.604691903028112</v>
      </c>
      <c r="C7988" s="83">
        <v>43433.75</v>
      </c>
      <c r="D7988">
        <v>273960.66100000002</v>
      </c>
      <c r="E7988">
        <v>33792.081180000001</v>
      </c>
      <c r="F7988">
        <v>93338.174580000006</v>
      </c>
      <c r="G7988">
        <v>70266.547860000006</v>
      </c>
      <c r="H7988">
        <v>50795.148419999998</v>
      </c>
      <c r="I7988">
        <v>43646.629200000003</v>
      </c>
      <c r="J7988">
        <v>32036.256259999998</v>
      </c>
      <c r="K7988">
        <v>53127.042820000002</v>
      </c>
      <c r="L7988">
        <v>30873.450400000002</v>
      </c>
      <c r="M7988">
        <v>329384.84720000002</v>
      </c>
      <c r="N7988">
        <v>90763.06697</v>
      </c>
      <c r="O7988">
        <v>26962.729729999999</v>
      </c>
      <c r="P7988">
        <v>37703.788650000002</v>
      </c>
      <c r="Q7988">
        <v>89476.989969999995</v>
      </c>
      <c r="R7988">
        <v>23071.001420000001</v>
      </c>
      <c r="S7988">
        <v>105810.2724</v>
      </c>
      <c r="T7988">
        <v>39707.416680000002</v>
      </c>
      <c r="U7988">
        <v>21765.297040000001</v>
      </c>
      <c r="W7988" s="83">
        <f>Bühler!N8020</f>
        <v>45624.749999980631</v>
      </c>
      <c r="X7988" s="83">
        <v>43433.75</v>
      </c>
      <c r="Y7988">
        <v>273960.66100000002</v>
      </c>
      <c r="Z7988">
        <v>33792.081180000001</v>
      </c>
      <c r="AA7988">
        <v>93338.174580000006</v>
      </c>
      <c r="AB7988">
        <v>70266.547860000006</v>
      </c>
      <c r="AC7988">
        <v>50795.148419999998</v>
      </c>
      <c r="AD7988">
        <v>43646.629200000003</v>
      </c>
      <c r="AE7988">
        <v>32036.256259999998</v>
      </c>
      <c r="AF7988">
        <v>53127.042820000002</v>
      </c>
      <c r="AG7988">
        <v>30873.450400000002</v>
      </c>
      <c r="AH7988">
        <v>329384.84720000002</v>
      </c>
      <c r="AI7988">
        <v>90763.06697</v>
      </c>
      <c r="AJ7988">
        <v>26962.729729999999</v>
      </c>
      <c r="AK7988">
        <v>37703.788650000002</v>
      </c>
      <c r="AL7988">
        <v>89476.989969999995</v>
      </c>
      <c r="AM7988">
        <v>23071.001420000001</v>
      </c>
      <c r="AN7988">
        <v>105810.2724</v>
      </c>
      <c r="AO7988">
        <v>39707.416680000002</v>
      </c>
      <c r="AP7988">
        <v>21765.297040000001</v>
      </c>
    </row>
    <row r="7989" spans="2:42" x14ac:dyDescent="0.3">
      <c r="B7989">
        <v>63.829260148685371</v>
      </c>
      <c r="C7989" s="83">
        <v>43433.791666666664</v>
      </c>
      <c r="D7989">
        <v>266354.82400000002</v>
      </c>
      <c r="E7989">
        <v>27960.925080000001</v>
      </c>
      <c r="F7989">
        <v>80137.678050000002</v>
      </c>
      <c r="G7989">
        <v>63140.239079999999</v>
      </c>
      <c r="H7989">
        <v>47712.000039999999</v>
      </c>
      <c r="I7989">
        <v>40892.59706</v>
      </c>
      <c r="J7989">
        <v>30899.581020000001</v>
      </c>
      <c r="K7989">
        <v>52666.796340000001</v>
      </c>
      <c r="L7989">
        <v>30854.285159999999</v>
      </c>
      <c r="M7989">
        <v>325431.3345</v>
      </c>
      <c r="N7989">
        <v>89311.091379999998</v>
      </c>
      <c r="O7989">
        <v>24789.15825</v>
      </c>
      <c r="P7989">
        <v>38252.258470000001</v>
      </c>
      <c r="Q7989">
        <v>88279.155729999999</v>
      </c>
      <c r="R7989">
        <v>22723.00491</v>
      </c>
      <c r="S7989">
        <v>100492.98</v>
      </c>
      <c r="T7989">
        <v>39393.747949999997</v>
      </c>
      <c r="U7989">
        <v>20052.639459999999</v>
      </c>
      <c r="W7989" s="83">
        <f>Bühler!N8021</f>
        <v>45624.791666647296</v>
      </c>
      <c r="X7989" s="83">
        <v>43433.791666666664</v>
      </c>
      <c r="Y7989">
        <v>266354.82400000002</v>
      </c>
      <c r="Z7989">
        <v>27960.925080000001</v>
      </c>
      <c r="AA7989">
        <v>80137.678050000002</v>
      </c>
      <c r="AB7989">
        <v>63140.239079999999</v>
      </c>
      <c r="AC7989">
        <v>47712.000039999999</v>
      </c>
      <c r="AD7989">
        <v>40892.59706</v>
      </c>
      <c r="AE7989">
        <v>30899.581020000001</v>
      </c>
      <c r="AF7989">
        <v>52666.796340000001</v>
      </c>
      <c r="AG7989">
        <v>30854.285159999999</v>
      </c>
      <c r="AH7989">
        <v>325431.3345</v>
      </c>
      <c r="AI7989">
        <v>89311.091379999998</v>
      </c>
      <c r="AJ7989">
        <v>24789.15825</v>
      </c>
      <c r="AK7989">
        <v>38252.258470000001</v>
      </c>
      <c r="AL7989">
        <v>88279.155729999999</v>
      </c>
      <c r="AM7989">
        <v>22723.00491</v>
      </c>
      <c r="AN7989">
        <v>100492.98</v>
      </c>
      <c r="AO7989">
        <v>39393.747949999997</v>
      </c>
      <c r="AP7989">
        <v>20052.639459999999</v>
      </c>
    </row>
    <row r="7990" spans="2:42" x14ac:dyDescent="0.3">
      <c r="B7990">
        <v>61.462947126135838</v>
      </c>
      <c r="C7990" s="83">
        <v>43433.833333333336</v>
      </c>
      <c r="D7990">
        <v>256774.1746</v>
      </c>
      <c r="E7990">
        <v>21682.2772</v>
      </c>
      <c r="F7990">
        <v>61847.661870000004</v>
      </c>
      <c r="G7990">
        <v>54758.701179999996</v>
      </c>
      <c r="H7990">
        <v>44494.159390000001</v>
      </c>
      <c r="I7990">
        <v>36056.788090000002</v>
      </c>
      <c r="J7990">
        <v>29755.497100000001</v>
      </c>
      <c r="K7990">
        <v>52750.857230000001</v>
      </c>
      <c r="L7990">
        <v>29915.334129999999</v>
      </c>
      <c r="M7990">
        <v>313366.7672</v>
      </c>
      <c r="N7990">
        <v>86615.778690000006</v>
      </c>
      <c r="O7990">
        <v>23583.57086</v>
      </c>
      <c r="P7990">
        <v>37461.188889999998</v>
      </c>
      <c r="Q7990">
        <v>86387.051470000006</v>
      </c>
      <c r="R7990">
        <v>20153.624339999998</v>
      </c>
      <c r="S7990">
        <v>90767.530230000004</v>
      </c>
      <c r="T7990">
        <v>37193.953200000004</v>
      </c>
      <c r="U7990">
        <v>18459.185839999998</v>
      </c>
      <c r="W7990" s="83">
        <f>Bühler!N8022</f>
        <v>45624.83333331396</v>
      </c>
      <c r="X7990" s="83">
        <v>43433.833333333336</v>
      </c>
      <c r="Y7990">
        <v>256774.1746</v>
      </c>
      <c r="Z7990">
        <v>21682.2772</v>
      </c>
      <c r="AA7990">
        <v>61847.661870000004</v>
      </c>
      <c r="AB7990">
        <v>54758.701179999996</v>
      </c>
      <c r="AC7990">
        <v>44494.159390000001</v>
      </c>
      <c r="AD7990">
        <v>36056.788090000002</v>
      </c>
      <c r="AE7990">
        <v>29755.497100000001</v>
      </c>
      <c r="AF7990">
        <v>52750.857230000001</v>
      </c>
      <c r="AG7990">
        <v>29915.334129999999</v>
      </c>
      <c r="AH7990">
        <v>313366.7672</v>
      </c>
      <c r="AI7990">
        <v>86615.778690000006</v>
      </c>
      <c r="AJ7990">
        <v>23583.57086</v>
      </c>
      <c r="AK7990">
        <v>37461.188889999998</v>
      </c>
      <c r="AL7990">
        <v>86387.051470000006</v>
      </c>
      <c r="AM7990">
        <v>20153.624339999998</v>
      </c>
      <c r="AN7990">
        <v>90767.530230000004</v>
      </c>
      <c r="AO7990">
        <v>37193.953200000004</v>
      </c>
      <c r="AP7990">
        <v>18459.185839999998</v>
      </c>
    </row>
    <row r="7991" spans="2:42" x14ac:dyDescent="0.3">
      <c r="B7991">
        <v>59.637777932917096</v>
      </c>
      <c r="C7991" s="83">
        <v>43433.875</v>
      </c>
      <c r="D7991">
        <v>248264.4797</v>
      </c>
      <c r="E7991">
        <v>18825.003359999999</v>
      </c>
      <c r="F7991">
        <v>53771.161549999997</v>
      </c>
      <c r="G7991">
        <v>49669.33339</v>
      </c>
      <c r="H7991">
        <v>42181.286999999997</v>
      </c>
      <c r="I7991">
        <v>31003.61232</v>
      </c>
      <c r="J7991">
        <v>28941.276890000001</v>
      </c>
      <c r="K7991">
        <v>50977.6129</v>
      </c>
      <c r="L7991">
        <v>28667.584999999999</v>
      </c>
      <c r="M7991">
        <v>304061.2035</v>
      </c>
      <c r="N7991">
        <v>84597.116429999995</v>
      </c>
      <c r="O7991">
        <v>23560.241249999999</v>
      </c>
      <c r="P7991">
        <v>36044.191570000003</v>
      </c>
      <c r="Q7991">
        <v>84414.710909999994</v>
      </c>
      <c r="R7991">
        <v>19479.57303</v>
      </c>
      <c r="S7991">
        <v>85356.962570000003</v>
      </c>
      <c r="T7991">
        <v>34164.671139999999</v>
      </c>
      <c r="U7991">
        <v>17084.102470000002</v>
      </c>
      <c r="W7991" s="83">
        <f>Bühler!N8023</f>
        <v>45624.874999980624</v>
      </c>
      <c r="X7991" s="83">
        <v>43433.875</v>
      </c>
      <c r="Y7991">
        <v>248264.4797</v>
      </c>
      <c r="Z7991">
        <v>18825.003359999999</v>
      </c>
      <c r="AA7991">
        <v>53771.161549999997</v>
      </c>
      <c r="AB7991">
        <v>49669.33339</v>
      </c>
      <c r="AC7991">
        <v>42181.286999999997</v>
      </c>
      <c r="AD7991">
        <v>31003.61232</v>
      </c>
      <c r="AE7991">
        <v>28941.276890000001</v>
      </c>
      <c r="AF7991">
        <v>50977.6129</v>
      </c>
      <c r="AG7991">
        <v>28667.584999999999</v>
      </c>
      <c r="AH7991">
        <v>304061.2035</v>
      </c>
      <c r="AI7991">
        <v>84597.116429999995</v>
      </c>
      <c r="AJ7991">
        <v>23560.241249999999</v>
      </c>
      <c r="AK7991">
        <v>36044.191570000003</v>
      </c>
      <c r="AL7991">
        <v>84414.710909999994</v>
      </c>
      <c r="AM7991">
        <v>19479.57303</v>
      </c>
      <c r="AN7991">
        <v>85356.962570000003</v>
      </c>
      <c r="AO7991">
        <v>34164.671139999999</v>
      </c>
      <c r="AP7991">
        <v>17084.102470000002</v>
      </c>
    </row>
    <row r="7992" spans="2:42" x14ac:dyDescent="0.3">
      <c r="B7992">
        <v>58.69207779946273</v>
      </c>
      <c r="C7992" s="83">
        <v>43433.916666666664</v>
      </c>
      <c r="D7992">
        <v>247313.1281</v>
      </c>
      <c r="E7992">
        <v>17850.500960000001</v>
      </c>
      <c r="F7992">
        <v>51520.588280000004</v>
      </c>
      <c r="G7992">
        <v>46545.672749999998</v>
      </c>
      <c r="H7992">
        <v>41008.13076</v>
      </c>
      <c r="I7992">
        <v>29181.08973</v>
      </c>
      <c r="J7992">
        <v>28565.34244</v>
      </c>
      <c r="K7992">
        <v>54712.300810000001</v>
      </c>
      <c r="L7992">
        <v>26048.979510000001</v>
      </c>
      <c r="M7992">
        <v>299239.58319999999</v>
      </c>
      <c r="N7992">
        <v>83747.816279999999</v>
      </c>
      <c r="O7992">
        <v>24722.110069999999</v>
      </c>
      <c r="P7992">
        <v>37707.164490000003</v>
      </c>
      <c r="Q7992">
        <v>83303.310819999999</v>
      </c>
      <c r="R7992">
        <v>26561.445169999999</v>
      </c>
      <c r="S7992">
        <v>83280.306079999995</v>
      </c>
      <c r="T7992">
        <v>30329.214830000001</v>
      </c>
      <c r="U7992">
        <v>17778.888920000001</v>
      </c>
      <c r="W7992" s="83">
        <f>Bühler!N8024</f>
        <v>45624.916666647288</v>
      </c>
      <c r="X7992" s="83">
        <v>43433.916666666664</v>
      </c>
      <c r="Y7992">
        <v>247313.1281</v>
      </c>
      <c r="Z7992">
        <v>17850.500960000001</v>
      </c>
      <c r="AA7992">
        <v>51520.588280000004</v>
      </c>
      <c r="AB7992">
        <v>46545.672749999998</v>
      </c>
      <c r="AC7992">
        <v>41008.13076</v>
      </c>
      <c r="AD7992">
        <v>29181.08973</v>
      </c>
      <c r="AE7992">
        <v>28565.34244</v>
      </c>
      <c r="AF7992">
        <v>54712.300810000001</v>
      </c>
      <c r="AG7992">
        <v>26048.979510000001</v>
      </c>
      <c r="AH7992">
        <v>299239.58319999999</v>
      </c>
      <c r="AI7992">
        <v>83747.816279999999</v>
      </c>
      <c r="AJ7992">
        <v>24722.110069999999</v>
      </c>
      <c r="AK7992">
        <v>37707.164490000003</v>
      </c>
      <c r="AL7992">
        <v>83303.310819999999</v>
      </c>
      <c r="AM7992">
        <v>26561.445169999999</v>
      </c>
      <c r="AN7992">
        <v>83280.306079999995</v>
      </c>
      <c r="AO7992">
        <v>30329.214830000001</v>
      </c>
      <c r="AP7992">
        <v>17778.888920000001</v>
      </c>
    </row>
    <row r="7993" spans="2:42" x14ac:dyDescent="0.3">
      <c r="B7993">
        <v>57.77814245352247</v>
      </c>
      <c r="C7993" s="83">
        <v>43433.958333333336</v>
      </c>
      <c r="D7993">
        <v>247800.61420000001</v>
      </c>
      <c r="E7993">
        <v>17274.036769999999</v>
      </c>
      <c r="F7993">
        <v>50752.73732</v>
      </c>
      <c r="G7993">
        <v>45357.282939999997</v>
      </c>
      <c r="H7993">
        <v>39928.050860000003</v>
      </c>
      <c r="I7993">
        <v>27786.744600000002</v>
      </c>
      <c r="J7993">
        <v>27086.77303</v>
      </c>
      <c r="K7993">
        <v>53837.373030000002</v>
      </c>
      <c r="L7993">
        <v>22862.68231</v>
      </c>
      <c r="M7993">
        <v>294579.91460000002</v>
      </c>
      <c r="N7993">
        <v>84370.064549999996</v>
      </c>
      <c r="O7993">
        <v>24235.62717</v>
      </c>
      <c r="P7993">
        <v>35597.305549999997</v>
      </c>
      <c r="Q7993">
        <v>82793.496929999994</v>
      </c>
      <c r="R7993">
        <v>26101.513559999999</v>
      </c>
      <c r="S7993">
        <v>82014.156350000005</v>
      </c>
      <c r="T7993">
        <v>30857.863359999999</v>
      </c>
      <c r="U7993">
        <v>17252.298449999998</v>
      </c>
      <c r="W7993" s="83">
        <f>Bühler!N8025</f>
        <v>45624.958333313953</v>
      </c>
      <c r="X7993" s="83">
        <v>43433.958333333336</v>
      </c>
      <c r="Y7993">
        <v>247800.61420000001</v>
      </c>
      <c r="Z7993">
        <v>17274.036769999999</v>
      </c>
      <c r="AA7993">
        <v>50752.73732</v>
      </c>
      <c r="AB7993">
        <v>45357.282939999997</v>
      </c>
      <c r="AC7993">
        <v>39928.050860000003</v>
      </c>
      <c r="AD7993">
        <v>27786.744600000002</v>
      </c>
      <c r="AE7993">
        <v>27086.77303</v>
      </c>
      <c r="AF7993">
        <v>53837.373030000002</v>
      </c>
      <c r="AG7993">
        <v>22862.68231</v>
      </c>
      <c r="AH7993">
        <v>294579.91460000002</v>
      </c>
      <c r="AI7993">
        <v>84370.064549999996</v>
      </c>
      <c r="AJ7993">
        <v>24235.62717</v>
      </c>
      <c r="AK7993">
        <v>35597.305549999997</v>
      </c>
      <c r="AL7993">
        <v>82793.496929999994</v>
      </c>
      <c r="AM7993">
        <v>26101.513559999999</v>
      </c>
      <c r="AN7993">
        <v>82014.156350000005</v>
      </c>
      <c r="AO7993">
        <v>30857.863359999999</v>
      </c>
      <c r="AP7993">
        <v>17252.298449999998</v>
      </c>
    </row>
    <row r="7994" spans="2:42" x14ac:dyDescent="0.3">
      <c r="B7994">
        <v>56.850050066001657</v>
      </c>
      <c r="C7994" s="83">
        <v>43434</v>
      </c>
      <c r="D7994">
        <v>245073.82680000001</v>
      </c>
      <c r="E7994">
        <v>17001.34188</v>
      </c>
      <c r="F7994">
        <v>50384.924449999999</v>
      </c>
      <c r="G7994">
        <v>44663.109429999997</v>
      </c>
      <c r="H7994">
        <v>39495.672079999997</v>
      </c>
      <c r="I7994">
        <v>26344.878939999999</v>
      </c>
      <c r="J7994">
        <v>25521.507839999998</v>
      </c>
      <c r="K7994">
        <v>51466.031880000002</v>
      </c>
      <c r="L7994">
        <v>20571.41347</v>
      </c>
      <c r="M7994">
        <v>289848.06679999997</v>
      </c>
      <c r="N7994">
        <v>83982.897469999996</v>
      </c>
      <c r="O7994">
        <v>24521.732639999998</v>
      </c>
      <c r="P7994">
        <v>32865.189659999996</v>
      </c>
      <c r="Q7994">
        <v>82553.484970000005</v>
      </c>
      <c r="R7994">
        <v>24852.848770000001</v>
      </c>
      <c r="S7994">
        <v>81679.670610000001</v>
      </c>
      <c r="T7994">
        <v>29460.491910000001</v>
      </c>
      <c r="U7994">
        <v>17273.453699999998</v>
      </c>
      <c r="W7994" s="83">
        <f>Bühler!N8026</f>
        <v>45624.999999980617</v>
      </c>
      <c r="X7994" s="83">
        <v>43434</v>
      </c>
      <c r="Y7994">
        <v>245073.82680000001</v>
      </c>
      <c r="Z7994">
        <v>17001.34188</v>
      </c>
      <c r="AA7994">
        <v>50384.924449999999</v>
      </c>
      <c r="AB7994">
        <v>44663.109429999997</v>
      </c>
      <c r="AC7994">
        <v>39495.672079999997</v>
      </c>
      <c r="AD7994">
        <v>26344.878939999999</v>
      </c>
      <c r="AE7994">
        <v>25521.507839999998</v>
      </c>
      <c r="AF7994">
        <v>51466.031880000002</v>
      </c>
      <c r="AG7994">
        <v>20571.41347</v>
      </c>
      <c r="AH7994">
        <v>289848.06679999997</v>
      </c>
      <c r="AI7994">
        <v>83982.897469999996</v>
      </c>
      <c r="AJ7994">
        <v>24521.732639999998</v>
      </c>
      <c r="AK7994">
        <v>32865.189659999996</v>
      </c>
      <c r="AL7994">
        <v>82553.484970000005</v>
      </c>
      <c r="AM7994">
        <v>24852.848770000001</v>
      </c>
      <c r="AN7994">
        <v>81679.670610000001</v>
      </c>
      <c r="AO7994">
        <v>29460.491910000001</v>
      </c>
      <c r="AP7994">
        <v>17273.453699999998</v>
      </c>
    </row>
    <row r="7995" spans="2:42" x14ac:dyDescent="0.3">
      <c r="B7995">
        <v>57.795186480916534</v>
      </c>
      <c r="C7995" s="83">
        <v>43434.041666666664</v>
      </c>
      <c r="D7995">
        <v>243308.84700000001</v>
      </c>
      <c r="E7995">
        <v>17206.318569999999</v>
      </c>
      <c r="F7995">
        <v>52513.686549999999</v>
      </c>
      <c r="G7995">
        <v>44114.082750000001</v>
      </c>
      <c r="H7995">
        <v>39213.679349999999</v>
      </c>
      <c r="I7995">
        <v>22654.761340000001</v>
      </c>
      <c r="J7995">
        <v>25097.447520000002</v>
      </c>
      <c r="K7995">
        <v>49940.75546</v>
      </c>
      <c r="L7995">
        <v>19459.329409999998</v>
      </c>
      <c r="M7995">
        <v>294666.81300000002</v>
      </c>
      <c r="N7995">
        <v>84246.939979999996</v>
      </c>
      <c r="O7995">
        <v>24645.131310000001</v>
      </c>
      <c r="P7995">
        <v>31448.275229999999</v>
      </c>
      <c r="Q7995">
        <v>83550.694329999998</v>
      </c>
      <c r="R7995">
        <v>24418.39561</v>
      </c>
      <c r="S7995">
        <v>82409.600040000005</v>
      </c>
      <c r="T7995">
        <v>28971.267029999999</v>
      </c>
      <c r="U7995">
        <v>17423.588800000001</v>
      </c>
      <c r="W7995" s="83">
        <f>Bühler!N8027</f>
        <v>45625.041666647281</v>
      </c>
      <c r="X7995" s="83">
        <v>43434.041666666664</v>
      </c>
      <c r="Y7995">
        <v>243308.84700000001</v>
      </c>
      <c r="Z7995">
        <v>17206.318569999999</v>
      </c>
      <c r="AA7995">
        <v>52513.686549999999</v>
      </c>
      <c r="AB7995">
        <v>44114.082750000001</v>
      </c>
      <c r="AC7995">
        <v>39213.679349999999</v>
      </c>
      <c r="AD7995">
        <v>22654.761340000001</v>
      </c>
      <c r="AE7995">
        <v>25097.447520000002</v>
      </c>
      <c r="AF7995">
        <v>49940.75546</v>
      </c>
      <c r="AG7995">
        <v>19459.329409999998</v>
      </c>
      <c r="AH7995">
        <v>294666.81300000002</v>
      </c>
      <c r="AI7995">
        <v>84246.939979999996</v>
      </c>
      <c r="AJ7995">
        <v>24645.131310000001</v>
      </c>
      <c r="AK7995">
        <v>31448.275229999999</v>
      </c>
      <c r="AL7995">
        <v>83550.694329999998</v>
      </c>
      <c r="AM7995">
        <v>24418.39561</v>
      </c>
      <c r="AN7995">
        <v>82409.600040000005</v>
      </c>
      <c r="AO7995">
        <v>28971.267029999999</v>
      </c>
      <c r="AP7995">
        <v>17423.588800000001</v>
      </c>
    </row>
    <row r="7996" spans="2:42" x14ac:dyDescent="0.3">
      <c r="B7996">
        <v>58.73995005822249</v>
      </c>
      <c r="C7996" s="83">
        <v>43434.083333333336</v>
      </c>
      <c r="D7996">
        <v>245453.94690000001</v>
      </c>
      <c r="E7996">
        <v>17077.98459</v>
      </c>
      <c r="F7996">
        <v>53250.377639999999</v>
      </c>
      <c r="G7996">
        <v>43934.698609999999</v>
      </c>
      <c r="H7996">
        <v>39252.692020000002</v>
      </c>
      <c r="I7996">
        <v>20143.99685</v>
      </c>
      <c r="J7996">
        <v>25015.11418</v>
      </c>
      <c r="K7996">
        <v>48235.837319999999</v>
      </c>
      <c r="L7996">
        <v>19213.869449999998</v>
      </c>
      <c r="M7996">
        <v>299483.65830000001</v>
      </c>
      <c r="N7996">
        <v>84110.364260000002</v>
      </c>
      <c r="O7996">
        <v>24641.272250000002</v>
      </c>
      <c r="P7996">
        <v>30076.930120000001</v>
      </c>
      <c r="Q7996">
        <v>85895.855620000002</v>
      </c>
      <c r="R7996">
        <v>24558.964840000001</v>
      </c>
      <c r="S7996">
        <v>82422.141409999997</v>
      </c>
      <c r="T7996">
        <v>28671.3842</v>
      </c>
      <c r="U7996">
        <v>17397.619200000001</v>
      </c>
      <c r="W7996" s="83">
        <f>Bühler!N8028</f>
        <v>45625.083333313945</v>
      </c>
      <c r="X7996" s="83">
        <v>43434.083333333336</v>
      </c>
      <c r="Y7996">
        <v>245453.94690000001</v>
      </c>
      <c r="Z7996">
        <v>17077.98459</v>
      </c>
      <c r="AA7996">
        <v>53250.377639999999</v>
      </c>
      <c r="AB7996">
        <v>43934.698609999999</v>
      </c>
      <c r="AC7996">
        <v>39252.692020000002</v>
      </c>
      <c r="AD7996">
        <v>20143.99685</v>
      </c>
      <c r="AE7996">
        <v>25015.11418</v>
      </c>
      <c r="AF7996">
        <v>48235.837319999999</v>
      </c>
      <c r="AG7996">
        <v>19213.869449999998</v>
      </c>
      <c r="AH7996">
        <v>299483.65830000001</v>
      </c>
      <c r="AI7996">
        <v>84110.364260000002</v>
      </c>
      <c r="AJ7996">
        <v>24641.272250000002</v>
      </c>
      <c r="AK7996">
        <v>30076.930120000001</v>
      </c>
      <c r="AL7996">
        <v>85895.855620000002</v>
      </c>
      <c r="AM7996">
        <v>24558.964840000001</v>
      </c>
      <c r="AN7996">
        <v>82422.141409999997</v>
      </c>
      <c r="AO7996">
        <v>28671.3842</v>
      </c>
      <c r="AP7996">
        <v>17397.619200000001</v>
      </c>
    </row>
    <row r="7997" spans="2:42" x14ac:dyDescent="0.3">
      <c r="B7997">
        <v>59.044550970700868</v>
      </c>
      <c r="C7997" s="83">
        <v>43434.125</v>
      </c>
      <c r="D7997">
        <v>247632.40779999999</v>
      </c>
      <c r="E7997">
        <v>17178.431140000001</v>
      </c>
      <c r="F7997">
        <v>54219.667350000003</v>
      </c>
      <c r="G7997">
        <v>43391.548620000001</v>
      </c>
      <c r="H7997">
        <v>39804.087249999997</v>
      </c>
      <c r="I7997">
        <v>19880.82919</v>
      </c>
      <c r="J7997">
        <v>25258.175910000002</v>
      </c>
      <c r="K7997">
        <v>47568.777900000001</v>
      </c>
      <c r="L7997">
        <v>18439.35742</v>
      </c>
      <c r="M7997">
        <v>301036.65580000001</v>
      </c>
      <c r="N7997">
        <v>84023.286829999997</v>
      </c>
      <c r="O7997">
        <v>24983.437269999999</v>
      </c>
      <c r="P7997">
        <v>29310.554390000001</v>
      </c>
      <c r="Q7997">
        <v>88007.571200000006</v>
      </c>
      <c r="R7997">
        <v>24376.509160000001</v>
      </c>
      <c r="S7997">
        <v>81704.683090000006</v>
      </c>
      <c r="T7997">
        <v>28795.237389999998</v>
      </c>
      <c r="U7997">
        <v>17569.905839999999</v>
      </c>
      <c r="W7997" s="83">
        <f>Bühler!N8029</f>
        <v>45625.12499998061</v>
      </c>
      <c r="X7997" s="83">
        <v>43434.125</v>
      </c>
      <c r="Y7997">
        <v>247632.40779999999</v>
      </c>
      <c r="Z7997">
        <v>17178.431140000001</v>
      </c>
      <c r="AA7997">
        <v>54219.667350000003</v>
      </c>
      <c r="AB7997">
        <v>43391.548620000001</v>
      </c>
      <c r="AC7997">
        <v>39804.087249999997</v>
      </c>
      <c r="AD7997">
        <v>19880.82919</v>
      </c>
      <c r="AE7997">
        <v>25258.175910000002</v>
      </c>
      <c r="AF7997">
        <v>47568.777900000001</v>
      </c>
      <c r="AG7997">
        <v>18439.35742</v>
      </c>
      <c r="AH7997">
        <v>301036.65580000001</v>
      </c>
      <c r="AI7997">
        <v>84023.286829999997</v>
      </c>
      <c r="AJ7997">
        <v>24983.437269999999</v>
      </c>
      <c r="AK7997">
        <v>29310.554390000001</v>
      </c>
      <c r="AL7997">
        <v>88007.571200000006</v>
      </c>
      <c r="AM7997">
        <v>24376.509160000001</v>
      </c>
      <c r="AN7997">
        <v>81704.683090000006</v>
      </c>
      <c r="AO7997">
        <v>28795.237389999998</v>
      </c>
      <c r="AP7997">
        <v>17569.905839999999</v>
      </c>
    </row>
    <row r="7998" spans="2:42" x14ac:dyDescent="0.3">
      <c r="B7998">
        <v>60.106997976661155</v>
      </c>
      <c r="C7998" s="83">
        <v>43434.166666666664</v>
      </c>
      <c r="D7998">
        <v>249783.0245</v>
      </c>
      <c r="E7998">
        <v>17713.45693</v>
      </c>
      <c r="F7998">
        <v>58065.852149999999</v>
      </c>
      <c r="G7998">
        <v>43228.609340000003</v>
      </c>
      <c r="H7998">
        <v>40209.009189999997</v>
      </c>
      <c r="I7998">
        <v>23216.542079999999</v>
      </c>
      <c r="J7998">
        <v>27075.32303</v>
      </c>
      <c r="K7998">
        <v>46148.648150000001</v>
      </c>
      <c r="L7998">
        <v>19492.216700000001</v>
      </c>
      <c r="M7998">
        <v>306453.5061</v>
      </c>
      <c r="N7998">
        <v>84168.75288</v>
      </c>
      <c r="O7998">
        <v>25046.269540000001</v>
      </c>
      <c r="P7998">
        <v>28363.896369999999</v>
      </c>
      <c r="Q7998">
        <v>92644.516770000002</v>
      </c>
      <c r="R7998">
        <v>24248.995159999999</v>
      </c>
      <c r="S7998">
        <v>83800.225820000007</v>
      </c>
      <c r="T7998">
        <v>28771.129300000001</v>
      </c>
      <c r="U7998">
        <v>17689.02002</v>
      </c>
      <c r="W7998" s="83">
        <f>Bühler!N8030</f>
        <v>45625.166666647274</v>
      </c>
      <c r="X7998" s="83">
        <v>43434.166666666664</v>
      </c>
      <c r="Y7998">
        <v>249783.0245</v>
      </c>
      <c r="Z7998">
        <v>17713.45693</v>
      </c>
      <c r="AA7998">
        <v>58065.852149999999</v>
      </c>
      <c r="AB7998">
        <v>43228.609340000003</v>
      </c>
      <c r="AC7998">
        <v>40209.009189999997</v>
      </c>
      <c r="AD7998">
        <v>23216.542079999999</v>
      </c>
      <c r="AE7998">
        <v>27075.32303</v>
      </c>
      <c r="AF7998">
        <v>46148.648150000001</v>
      </c>
      <c r="AG7998">
        <v>19492.216700000001</v>
      </c>
      <c r="AH7998">
        <v>306453.5061</v>
      </c>
      <c r="AI7998">
        <v>84168.75288</v>
      </c>
      <c r="AJ7998">
        <v>25046.269540000001</v>
      </c>
      <c r="AK7998">
        <v>28363.896369999999</v>
      </c>
      <c r="AL7998">
        <v>92644.516770000002</v>
      </c>
      <c r="AM7998">
        <v>24248.995159999999</v>
      </c>
      <c r="AN7998">
        <v>83800.225820000007</v>
      </c>
      <c r="AO7998">
        <v>28771.129300000001</v>
      </c>
      <c r="AP7998">
        <v>17689.02002</v>
      </c>
    </row>
    <row r="7999" spans="2:42" x14ac:dyDescent="0.3">
      <c r="B7999">
        <v>63.020248845412176</v>
      </c>
      <c r="C7999" s="83">
        <v>43434.208333333336</v>
      </c>
      <c r="D7999">
        <v>263168.43800000002</v>
      </c>
      <c r="E7999">
        <v>19702.232090000001</v>
      </c>
      <c r="F7999">
        <v>68871.169989999995</v>
      </c>
      <c r="G7999">
        <v>46127.564859999999</v>
      </c>
      <c r="H7999">
        <v>42410.862439999997</v>
      </c>
      <c r="I7999">
        <v>32447.681789999999</v>
      </c>
      <c r="J7999">
        <v>29584.658149999999</v>
      </c>
      <c r="K7999">
        <v>47090.109909999999</v>
      </c>
      <c r="L7999">
        <v>20619.820680000001</v>
      </c>
      <c r="M7999">
        <v>321306.6176</v>
      </c>
      <c r="N7999">
        <v>85593.760850000006</v>
      </c>
      <c r="O7999">
        <v>25468.150590000001</v>
      </c>
      <c r="P7999">
        <v>29789.061570000002</v>
      </c>
      <c r="Q7999">
        <v>94733.461290000007</v>
      </c>
      <c r="R7999">
        <v>24914.187140000002</v>
      </c>
      <c r="S7999">
        <v>85877.632989999998</v>
      </c>
      <c r="T7999">
        <v>30246.67539</v>
      </c>
      <c r="U7999">
        <v>19206.08554</v>
      </c>
      <c r="W7999" s="83">
        <f>Bühler!N8031</f>
        <v>45625.208333313938</v>
      </c>
      <c r="X7999" s="83">
        <v>43434.208333333336</v>
      </c>
      <c r="Y7999">
        <v>263168.43800000002</v>
      </c>
      <c r="Z7999">
        <v>19702.232090000001</v>
      </c>
      <c r="AA7999">
        <v>68871.169989999995</v>
      </c>
      <c r="AB7999">
        <v>46127.564859999999</v>
      </c>
      <c r="AC7999">
        <v>42410.862439999997</v>
      </c>
      <c r="AD7999">
        <v>32447.681789999999</v>
      </c>
      <c r="AE7999">
        <v>29584.658149999999</v>
      </c>
      <c r="AF7999">
        <v>47090.109909999999</v>
      </c>
      <c r="AG7999">
        <v>20619.820680000001</v>
      </c>
      <c r="AH7999">
        <v>321306.6176</v>
      </c>
      <c r="AI7999">
        <v>85593.760850000006</v>
      </c>
      <c r="AJ7999">
        <v>25468.150590000001</v>
      </c>
      <c r="AK7999">
        <v>29789.061570000002</v>
      </c>
      <c r="AL7999">
        <v>94733.461290000007</v>
      </c>
      <c r="AM7999">
        <v>24914.187140000002</v>
      </c>
      <c r="AN7999">
        <v>85877.632989999998</v>
      </c>
      <c r="AO7999">
        <v>30246.67539</v>
      </c>
      <c r="AP7999">
        <v>19206.08554</v>
      </c>
    </row>
    <row r="8000" spans="2:42" x14ac:dyDescent="0.3">
      <c r="B8000">
        <v>65.323314201237608</v>
      </c>
      <c r="C8000" s="83">
        <v>43434.25</v>
      </c>
      <c r="D8000">
        <v>278071.52370000002</v>
      </c>
      <c r="E8000">
        <v>24164.57015</v>
      </c>
      <c r="F8000">
        <v>80658.410860000004</v>
      </c>
      <c r="G8000">
        <v>59992.314109999999</v>
      </c>
      <c r="H8000">
        <v>46453.262139999999</v>
      </c>
      <c r="I8000">
        <v>41136.166420000001</v>
      </c>
      <c r="J8000">
        <v>33000.871850000003</v>
      </c>
      <c r="K8000">
        <v>50102.5769</v>
      </c>
      <c r="L8000">
        <v>21884.367740000002</v>
      </c>
      <c r="M8000">
        <v>333048.71879999997</v>
      </c>
      <c r="N8000">
        <v>89073.588520000005</v>
      </c>
      <c r="O8000">
        <v>26443.05546</v>
      </c>
      <c r="P8000">
        <v>30855.82187</v>
      </c>
      <c r="Q8000">
        <v>96318.30442</v>
      </c>
      <c r="R8000">
        <v>20043.946919999998</v>
      </c>
      <c r="S8000">
        <v>92393.896200000003</v>
      </c>
      <c r="T8000">
        <v>33439.169450000001</v>
      </c>
      <c r="U8000">
        <v>22180.74884</v>
      </c>
      <c r="W8000" s="83">
        <f>Bühler!N8032</f>
        <v>45625.249999980602</v>
      </c>
      <c r="X8000" s="83">
        <v>43434.25</v>
      </c>
      <c r="Y8000">
        <v>278071.52370000002</v>
      </c>
      <c r="Z8000">
        <v>24164.57015</v>
      </c>
      <c r="AA8000">
        <v>80658.410860000004</v>
      </c>
      <c r="AB8000">
        <v>59992.314109999999</v>
      </c>
      <c r="AC8000">
        <v>46453.262139999999</v>
      </c>
      <c r="AD8000">
        <v>41136.166420000001</v>
      </c>
      <c r="AE8000">
        <v>33000.871850000003</v>
      </c>
      <c r="AF8000">
        <v>50102.5769</v>
      </c>
      <c r="AG8000">
        <v>21884.367740000002</v>
      </c>
      <c r="AH8000">
        <v>333048.71879999997</v>
      </c>
      <c r="AI8000">
        <v>89073.588520000005</v>
      </c>
      <c r="AJ8000">
        <v>26443.05546</v>
      </c>
      <c r="AK8000">
        <v>30855.82187</v>
      </c>
      <c r="AL8000">
        <v>96318.30442</v>
      </c>
      <c r="AM8000">
        <v>20043.946919999998</v>
      </c>
      <c r="AN8000">
        <v>92393.896200000003</v>
      </c>
      <c r="AO8000">
        <v>33439.169450000001</v>
      </c>
      <c r="AP8000">
        <v>22180.74884</v>
      </c>
    </row>
    <row r="8001" spans="2:42" x14ac:dyDescent="0.3">
      <c r="B8001">
        <v>65.917320966581556</v>
      </c>
      <c r="C8001" s="83">
        <v>43434.291666666664</v>
      </c>
      <c r="D8001">
        <v>288268.24579999998</v>
      </c>
      <c r="E8001">
        <v>29678.22653</v>
      </c>
      <c r="F8001">
        <v>83792.168770000004</v>
      </c>
      <c r="G8001">
        <v>76374.597859999994</v>
      </c>
      <c r="H8001">
        <v>52556.756130000002</v>
      </c>
      <c r="I8001">
        <v>51445.084280000003</v>
      </c>
      <c r="J8001">
        <v>34080.980909999998</v>
      </c>
      <c r="K8001">
        <v>55033.647539999998</v>
      </c>
      <c r="L8001">
        <v>24393.270270000001</v>
      </c>
      <c r="M8001">
        <v>336077.24229999998</v>
      </c>
      <c r="N8001">
        <v>93879.260739999998</v>
      </c>
      <c r="O8001">
        <v>28765.68763</v>
      </c>
      <c r="P8001">
        <v>34415.429969999997</v>
      </c>
      <c r="Q8001">
        <v>96051.846470000004</v>
      </c>
      <c r="R8001">
        <v>22954.950690000001</v>
      </c>
      <c r="S8001">
        <v>106884.6082</v>
      </c>
      <c r="T8001">
        <v>35661.424440000003</v>
      </c>
      <c r="U8001">
        <v>28341.282910000002</v>
      </c>
      <c r="W8001" s="83">
        <f>Bühler!N8033</f>
        <v>45625.291666647267</v>
      </c>
      <c r="X8001" s="83">
        <v>43434.291666666664</v>
      </c>
      <c r="Y8001">
        <v>288268.24579999998</v>
      </c>
      <c r="Z8001">
        <v>29678.22653</v>
      </c>
      <c r="AA8001">
        <v>83792.168770000004</v>
      </c>
      <c r="AB8001">
        <v>76374.597859999994</v>
      </c>
      <c r="AC8001">
        <v>52556.756130000002</v>
      </c>
      <c r="AD8001">
        <v>51445.084280000003</v>
      </c>
      <c r="AE8001">
        <v>34080.980909999998</v>
      </c>
      <c r="AF8001">
        <v>55033.647539999998</v>
      </c>
      <c r="AG8001">
        <v>24393.270270000001</v>
      </c>
      <c r="AH8001">
        <v>336077.24229999998</v>
      </c>
      <c r="AI8001">
        <v>93879.260739999998</v>
      </c>
      <c r="AJ8001">
        <v>28765.68763</v>
      </c>
      <c r="AK8001">
        <v>34415.429969999997</v>
      </c>
      <c r="AL8001">
        <v>96051.846470000004</v>
      </c>
      <c r="AM8001">
        <v>22954.950690000001</v>
      </c>
      <c r="AN8001">
        <v>106884.6082</v>
      </c>
      <c r="AO8001">
        <v>35661.424440000003</v>
      </c>
      <c r="AP8001">
        <v>28341.282910000002</v>
      </c>
    </row>
    <row r="8002" spans="2:42" x14ac:dyDescent="0.3">
      <c r="B8002">
        <v>65.68904139740556</v>
      </c>
      <c r="C8002" s="83">
        <v>43434.333333333336</v>
      </c>
      <c r="D8002">
        <v>298550.7622</v>
      </c>
      <c r="E8002">
        <v>35950.020810000002</v>
      </c>
      <c r="F8002">
        <v>90761.008050000004</v>
      </c>
      <c r="G8002">
        <v>92534.368279999995</v>
      </c>
      <c r="H8002">
        <v>56905.024590000001</v>
      </c>
      <c r="I8002">
        <v>54166.531609999998</v>
      </c>
      <c r="J8002">
        <v>33909.902439999998</v>
      </c>
      <c r="K8002">
        <v>59380.336519999997</v>
      </c>
      <c r="L8002">
        <v>28467.998039999999</v>
      </c>
      <c r="M8002">
        <v>334913.36660000001</v>
      </c>
      <c r="N8002">
        <v>99724.750599999999</v>
      </c>
      <c r="O8002">
        <v>30012.102070000001</v>
      </c>
      <c r="P8002">
        <v>35103.19498</v>
      </c>
      <c r="Q8002">
        <v>95738.486919999996</v>
      </c>
      <c r="R8002">
        <v>22927.528419999999</v>
      </c>
      <c r="S8002">
        <v>120306.07799999999</v>
      </c>
      <c r="T8002">
        <v>38686.002119999997</v>
      </c>
      <c r="U8002">
        <v>31106.638989999999</v>
      </c>
      <c r="W8002" s="83">
        <f>Bühler!N8034</f>
        <v>45625.333333313931</v>
      </c>
      <c r="X8002" s="83">
        <v>43434.333333333336</v>
      </c>
      <c r="Y8002">
        <v>298550.7622</v>
      </c>
      <c r="Z8002">
        <v>35950.020810000002</v>
      </c>
      <c r="AA8002">
        <v>90761.008050000004</v>
      </c>
      <c r="AB8002">
        <v>92534.368279999995</v>
      </c>
      <c r="AC8002">
        <v>56905.024590000001</v>
      </c>
      <c r="AD8002">
        <v>54166.531609999998</v>
      </c>
      <c r="AE8002">
        <v>33909.902439999998</v>
      </c>
      <c r="AF8002">
        <v>59380.336519999997</v>
      </c>
      <c r="AG8002">
        <v>28467.998039999999</v>
      </c>
      <c r="AH8002">
        <v>334913.36660000001</v>
      </c>
      <c r="AI8002">
        <v>99724.750599999999</v>
      </c>
      <c r="AJ8002">
        <v>30012.102070000001</v>
      </c>
      <c r="AK8002">
        <v>35103.19498</v>
      </c>
      <c r="AL8002">
        <v>95738.486919999996</v>
      </c>
      <c r="AM8002">
        <v>22927.528419999999</v>
      </c>
      <c r="AN8002">
        <v>120306.07799999999</v>
      </c>
      <c r="AO8002">
        <v>38686.002119999997</v>
      </c>
      <c r="AP8002">
        <v>31106.638989999999</v>
      </c>
    </row>
    <row r="8003" spans="2:42" x14ac:dyDescent="0.3">
      <c r="B8003">
        <v>65.556110579676542</v>
      </c>
      <c r="C8003" s="83">
        <v>43434.375</v>
      </c>
      <c r="D8003">
        <v>299046.96350000001</v>
      </c>
      <c r="E8003">
        <v>40168.681790000002</v>
      </c>
      <c r="F8003">
        <v>95645.80356</v>
      </c>
      <c r="G8003">
        <v>101026.71400000001</v>
      </c>
      <c r="H8003">
        <v>59138.170120000002</v>
      </c>
      <c r="I8003">
        <v>49897.894569999997</v>
      </c>
      <c r="J8003">
        <v>33549.588470000002</v>
      </c>
      <c r="K8003">
        <v>61173.161540000001</v>
      </c>
      <c r="L8003">
        <v>31259.80272</v>
      </c>
      <c r="M8003">
        <v>334235.62329999998</v>
      </c>
      <c r="N8003">
        <v>103206.9751</v>
      </c>
      <c r="O8003">
        <v>30428.31897</v>
      </c>
      <c r="P8003">
        <v>36846.745540000004</v>
      </c>
      <c r="Q8003">
        <v>95426.695479999995</v>
      </c>
      <c r="R8003">
        <v>23680.696899999999</v>
      </c>
      <c r="S8003">
        <v>126635.33</v>
      </c>
      <c r="T8003">
        <v>40728.277459999998</v>
      </c>
      <c r="U8003">
        <v>30849.145049999999</v>
      </c>
      <c r="W8003" s="83">
        <f>Bühler!N8035</f>
        <v>45625.374999980595</v>
      </c>
      <c r="X8003" s="83">
        <v>43434.375</v>
      </c>
      <c r="Y8003">
        <v>299046.96350000001</v>
      </c>
      <c r="Z8003">
        <v>40168.681790000002</v>
      </c>
      <c r="AA8003">
        <v>95645.80356</v>
      </c>
      <c r="AB8003">
        <v>101026.71400000001</v>
      </c>
      <c r="AC8003">
        <v>59138.170120000002</v>
      </c>
      <c r="AD8003">
        <v>49897.894569999997</v>
      </c>
      <c r="AE8003">
        <v>33549.588470000002</v>
      </c>
      <c r="AF8003">
        <v>61173.161540000001</v>
      </c>
      <c r="AG8003">
        <v>31259.80272</v>
      </c>
      <c r="AH8003">
        <v>334235.62329999998</v>
      </c>
      <c r="AI8003">
        <v>103206.9751</v>
      </c>
      <c r="AJ8003">
        <v>30428.31897</v>
      </c>
      <c r="AK8003">
        <v>36846.745540000004</v>
      </c>
      <c r="AL8003">
        <v>95426.695479999995</v>
      </c>
      <c r="AM8003">
        <v>23680.696899999999</v>
      </c>
      <c r="AN8003">
        <v>126635.33</v>
      </c>
      <c r="AO8003">
        <v>40728.277459999998</v>
      </c>
      <c r="AP8003">
        <v>30849.145049999999</v>
      </c>
    </row>
    <row r="8004" spans="2:42" x14ac:dyDescent="0.3">
      <c r="B8004">
        <v>65.876650245997681</v>
      </c>
      <c r="C8004" s="83">
        <v>43434.416666666664</v>
      </c>
      <c r="D8004">
        <v>299690.54350000003</v>
      </c>
      <c r="E8004">
        <v>41470.125469999999</v>
      </c>
      <c r="F8004">
        <v>96231.42525</v>
      </c>
      <c r="G8004">
        <v>101985.83930000001</v>
      </c>
      <c r="H8004">
        <v>59098.398789999999</v>
      </c>
      <c r="I8004">
        <v>46784.238830000002</v>
      </c>
      <c r="J8004">
        <v>33293.249830000001</v>
      </c>
      <c r="K8004">
        <v>63199.618369999997</v>
      </c>
      <c r="L8004">
        <v>34063.276140000002</v>
      </c>
      <c r="M8004">
        <v>335869.88400000002</v>
      </c>
      <c r="N8004">
        <v>104916.4231</v>
      </c>
      <c r="O8004">
        <v>30258.477650000001</v>
      </c>
      <c r="P8004">
        <v>37762.248599999999</v>
      </c>
      <c r="Q8004">
        <v>96261.820569999996</v>
      </c>
      <c r="R8004">
        <v>25245.892639999998</v>
      </c>
      <c r="S8004">
        <v>125800.52190000001</v>
      </c>
      <c r="T8004">
        <v>41610.501060000002</v>
      </c>
      <c r="U8004">
        <v>30008.538809999998</v>
      </c>
      <c r="W8004" s="83">
        <f>Bühler!N8036</f>
        <v>45625.416666647259</v>
      </c>
      <c r="X8004" s="83">
        <v>43434.416666666664</v>
      </c>
      <c r="Y8004">
        <v>299690.54350000003</v>
      </c>
      <c r="Z8004">
        <v>41470.125469999999</v>
      </c>
      <c r="AA8004">
        <v>96231.42525</v>
      </c>
      <c r="AB8004">
        <v>101985.83930000001</v>
      </c>
      <c r="AC8004">
        <v>59098.398789999999</v>
      </c>
      <c r="AD8004">
        <v>46784.238830000002</v>
      </c>
      <c r="AE8004">
        <v>33293.249830000001</v>
      </c>
      <c r="AF8004">
        <v>63199.618369999997</v>
      </c>
      <c r="AG8004">
        <v>34063.276140000002</v>
      </c>
      <c r="AH8004">
        <v>335869.88400000002</v>
      </c>
      <c r="AI8004">
        <v>104916.4231</v>
      </c>
      <c r="AJ8004">
        <v>30258.477650000001</v>
      </c>
      <c r="AK8004">
        <v>37762.248599999999</v>
      </c>
      <c r="AL8004">
        <v>96261.820569999996</v>
      </c>
      <c r="AM8004">
        <v>25245.892639999998</v>
      </c>
      <c r="AN8004">
        <v>125800.52190000001</v>
      </c>
      <c r="AO8004">
        <v>41610.501060000002</v>
      </c>
      <c r="AP8004">
        <v>30008.538809999998</v>
      </c>
    </row>
    <row r="8005" spans="2:42" x14ac:dyDescent="0.3">
      <c r="B8005">
        <v>65.797844861583613</v>
      </c>
      <c r="C8005" s="83">
        <v>43434.458333333336</v>
      </c>
      <c r="D8005">
        <v>296514.7782</v>
      </c>
      <c r="E8005">
        <v>40753.735350000003</v>
      </c>
      <c r="F8005">
        <v>96398.264590000006</v>
      </c>
      <c r="G8005">
        <v>99246.828410000002</v>
      </c>
      <c r="H8005">
        <v>57991.066359999997</v>
      </c>
      <c r="I8005">
        <v>45043.045709999999</v>
      </c>
      <c r="J8005">
        <v>33023.461109999997</v>
      </c>
      <c r="K8005">
        <v>64281.789790000003</v>
      </c>
      <c r="L8005">
        <v>35148.339959999998</v>
      </c>
      <c r="M8005">
        <v>335468.09740000003</v>
      </c>
      <c r="N8005">
        <v>101710.9673</v>
      </c>
      <c r="O8005">
        <v>30466.31465</v>
      </c>
      <c r="P8005">
        <v>36579.07331</v>
      </c>
      <c r="Q8005">
        <v>95854.7215</v>
      </c>
      <c r="R8005">
        <v>25815.0069</v>
      </c>
      <c r="S8005">
        <v>125765.40919999999</v>
      </c>
      <c r="T8005">
        <v>40823.999730000003</v>
      </c>
      <c r="U8005">
        <v>29873.565190000001</v>
      </c>
      <c r="W8005" s="83">
        <f>Bühler!N8037</f>
        <v>45625.458333313924</v>
      </c>
      <c r="X8005" s="83">
        <v>43434.458333333336</v>
      </c>
      <c r="Y8005">
        <v>296514.7782</v>
      </c>
      <c r="Z8005">
        <v>40753.735350000003</v>
      </c>
      <c r="AA8005">
        <v>96398.264590000006</v>
      </c>
      <c r="AB8005">
        <v>99246.828410000002</v>
      </c>
      <c r="AC8005">
        <v>57991.066359999997</v>
      </c>
      <c r="AD8005">
        <v>45043.045709999999</v>
      </c>
      <c r="AE8005">
        <v>33023.461109999997</v>
      </c>
      <c r="AF8005">
        <v>64281.789790000003</v>
      </c>
      <c r="AG8005">
        <v>35148.339959999998</v>
      </c>
      <c r="AH8005">
        <v>335468.09740000003</v>
      </c>
      <c r="AI8005">
        <v>101710.9673</v>
      </c>
      <c r="AJ8005">
        <v>30466.31465</v>
      </c>
      <c r="AK8005">
        <v>36579.07331</v>
      </c>
      <c r="AL8005">
        <v>95854.7215</v>
      </c>
      <c r="AM8005">
        <v>25815.0069</v>
      </c>
      <c r="AN8005">
        <v>125765.40919999999</v>
      </c>
      <c r="AO8005">
        <v>40823.999730000003</v>
      </c>
      <c r="AP8005">
        <v>29873.565190000001</v>
      </c>
    </row>
    <row r="8006" spans="2:42" x14ac:dyDescent="0.3">
      <c r="B8006">
        <v>64.647406277389635</v>
      </c>
      <c r="C8006" s="83">
        <v>43434.5</v>
      </c>
      <c r="D8006">
        <v>279467.59340000001</v>
      </c>
      <c r="E8006">
        <v>36159.624819999997</v>
      </c>
      <c r="F8006">
        <v>94612.67929</v>
      </c>
      <c r="G8006">
        <v>94817.028630000001</v>
      </c>
      <c r="H8006">
        <v>54637.128409999998</v>
      </c>
      <c r="I8006">
        <v>42458.300389999997</v>
      </c>
      <c r="J8006">
        <v>32089.10484</v>
      </c>
      <c r="K8006">
        <v>59645.117030000001</v>
      </c>
      <c r="L8006">
        <v>37823.667229999999</v>
      </c>
      <c r="M8006">
        <v>329602.625</v>
      </c>
      <c r="N8006">
        <v>97299.502999999997</v>
      </c>
      <c r="O8006">
        <v>29230.682150000001</v>
      </c>
      <c r="P8006">
        <v>37280.266250000001</v>
      </c>
      <c r="Q8006">
        <v>93463.400670000003</v>
      </c>
      <c r="R8006">
        <v>26595.789550000001</v>
      </c>
      <c r="S8006">
        <v>117530.2595</v>
      </c>
      <c r="T8006">
        <v>41291.459130000003</v>
      </c>
      <c r="U8006">
        <v>24787.011600000002</v>
      </c>
      <c r="W8006" s="83">
        <f>Bühler!N8038</f>
        <v>45625.499999980588</v>
      </c>
      <c r="X8006" s="83">
        <v>43434.5</v>
      </c>
      <c r="Y8006">
        <v>279467.59340000001</v>
      </c>
      <c r="Z8006">
        <v>36159.624819999997</v>
      </c>
      <c r="AA8006">
        <v>94612.67929</v>
      </c>
      <c r="AB8006">
        <v>94817.028630000001</v>
      </c>
      <c r="AC8006">
        <v>54637.128409999998</v>
      </c>
      <c r="AD8006">
        <v>42458.300389999997</v>
      </c>
      <c r="AE8006">
        <v>32089.10484</v>
      </c>
      <c r="AF8006">
        <v>59645.117030000001</v>
      </c>
      <c r="AG8006">
        <v>37823.667229999999</v>
      </c>
      <c r="AH8006">
        <v>329602.625</v>
      </c>
      <c r="AI8006">
        <v>97299.502999999997</v>
      </c>
      <c r="AJ8006">
        <v>29230.682150000001</v>
      </c>
      <c r="AK8006">
        <v>37280.266250000001</v>
      </c>
      <c r="AL8006">
        <v>93463.400670000003</v>
      </c>
      <c r="AM8006">
        <v>26595.789550000001</v>
      </c>
      <c r="AN8006">
        <v>117530.2595</v>
      </c>
      <c r="AO8006">
        <v>41291.459130000003</v>
      </c>
      <c r="AP8006">
        <v>24787.011600000002</v>
      </c>
    </row>
    <row r="8007" spans="2:42" x14ac:dyDescent="0.3">
      <c r="B8007">
        <v>64.061048145455146</v>
      </c>
      <c r="C8007" s="83">
        <v>43434.541666666664</v>
      </c>
      <c r="D8007">
        <v>275951.02590000001</v>
      </c>
      <c r="E8007">
        <v>35897.033199999998</v>
      </c>
      <c r="F8007">
        <v>93256.335890000002</v>
      </c>
      <c r="G8007">
        <v>90959.529710000003</v>
      </c>
      <c r="H8007">
        <v>53624.376199999999</v>
      </c>
      <c r="I8007">
        <v>40654.418940000003</v>
      </c>
      <c r="J8007">
        <v>31144.719450000001</v>
      </c>
      <c r="K8007">
        <v>60183.735760000003</v>
      </c>
      <c r="L8007">
        <v>35828.286970000001</v>
      </c>
      <c r="M8007">
        <v>326613.09779999999</v>
      </c>
      <c r="N8007">
        <v>95356.052420000007</v>
      </c>
      <c r="O8007">
        <v>28687.40436</v>
      </c>
      <c r="P8007">
        <v>36171.683579999997</v>
      </c>
      <c r="Q8007">
        <v>91693.088600000003</v>
      </c>
      <c r="R8007">
        <v>27302.972000000002</v>
      </c>
      <c r="S8007">
        <v>116499.7874</v>
      </c>
      <c r="T8007">
        <v>39553.860659999998</v>
      </c>
      <c r="U8007">
        <v>25657.469829999998</v>
      </c>
      <c r="W8007" s="83">
        <f>Bühler!N8039</f>
        <v>45625.541666647252</v>
      </c>
      <c r="X8007" s="83">
        <v>43434.541666666664</v>
      </c>
      <c r="Y8007">
        <v>275951.02590000001</v>
      </c>
      <c r="Z8007">
        <v>35897.033199999998</v>
      </c>
      <c r="AA8007">
        <v>93256.335890000002</v>
      </c>
      <c r="AB8007">
        <v>90959.529710000003</v>
      </c>
      <c r="AC8007">
        <v>53624.376199999999</v>
      </c>
      <c r="AD8007">
        <v>40654.418940000003</v>
      </c>
      <c r="AE8007">
        <v>31144.719450000001</v>
      </c>
      <c r="AF8007">
        <v>60183.735760000003</v>
      </c>
      <c r="AG8007">
        <v>35828.286970000001</v>
      </c>
      <c r="AH8007">
        <v>326613.09779999999</v>
      </c>
      <c r="AI8007">
        <v>95356.052420000007</v>
      </c>
      <c r="AJ8007">
        <v>28687.40436</v>
      </c>
      <c r="AK8007">
        <v>36171.683579999997</v>
      </c>
      <c r="AL8007">
        <v>91693.088600000003</v>
      </c>
      <c r="AM8007">
        <v>27302.972000000002</v>
      </c>
      <c r="AN8007">
        <v>116499.7874</v>
      </c>
      <c r="AO8007">
        <v>39553.860659999998</v>
      </c>
      <c r="AP8007">
        <v>25657.469829999998</v>
      </c>
    </row>
    <row r="8008" spans="2:42" x14ac:dyDescent="0.3">
      <c r="B8008">
        <v>63.715668107244561</v>
      </c>
      <c r="C8008" s="83">
        <v>43434.583333333336</v>
      </c>
      <c r="D8008">
        <v>274097.36469999998</v>
      </c>
      <c r="E8008">
        <v>38726.324829999998</v>
      </c>
      <c r="F8008">
        <v>94726.212910000002</v>
      </c>
      <c r="G8008">
        <v>84178.235790000006</v>
      </c>
      <c r="H8008">
        <v>53017.207159999998</v>
      </c>
      <c r="I8008">
        <v>41892.460440000003</v>
      </c>
      <c r="J8008">
        <v>30825.54248</v>
      </c>
      <c r="K8008">
        <v>62335.963380000001</v>
      </c>
      <c r="L8008">
        <v>32588.253280000001</v>
      </c>
      <c r="M8008">
        <v>324852.18930000003</v>
      </c>
      <c r="N8008">
        <v>94323.007949999999</v>
      </c>
      <c r="O8008">
        <v>28266.39819</v>
      </c>
      <c r="P8008">
        <v>33697.708579999999</v>
      </c>
      <c r="Q8008">
        <v>90956.846170000004</v>
      </c>
      <c r="R8008">
        <v>25928.0507</v>
      </c>
      <c r="S8008">
        <v>112674.2227</v>
      </c>
      <c r="T8008">
        <v>37047.917070000003</v>
      </c>
      <c r="U8008">
        <v>25752.02418</v>
      </c>
      <c r="W8008" s="83">
        <f>Bühler!N8040</f>
        <v>45625.583333313916</v>
      </c>
      <c r="X8008" s="83">
        <v>43434.583333333336</v>
      </c>
      <c r="Y8008">
        <v>274097.36469999998</v>
      </c>
      <c r="Z8008">
        <v>38726.324829999998</v>
      </c>
      <c r="AA8008">
        <v>94726.212910000002</v>
      </c>
      <c r="AB8008">
        <v>84178.235790000006</v>
      </c>
      <c r="AC8008">
        <v>53017.207159999998</v>
      </c>
      <c r="AD8008">
        <v>41892.460440000003</v>
      </c>
      <c r="AE8008">
        <v>30825.54248</v>
      </c>
      <c r="AF8008">
        <v>62335.963380000001</v>
      </c>
      <c r="AG8008">
        <v>32588.253280000001</v>
      </c>
      <c r="AH8008">
        <v>324852.18930000003</v>
      </c>
      <c r="AI8008">
        <v>94323.007949999999</v>
      </c>
      <c r="AJ8008">
        <v>28266.39819</v>
      </c>
      <c r="AK8008">
        <v>33697.708579999999</v>
      </c>
      <c r="AL8008">
        <v>90956.846170000004</v>
      </c>
      <c r="AM8008">
        <v>25928.0507</v>
      </c>
      <c r="AN8008">
        <v>112674.2227</v>
      </c>
      <c r="AO8008">
        <v>37047.917070000003</v>
      </c>
      <c r="AP8008">
        <v>25752.02418</v>
      </c>
    </row>
    <row r="8009" spans="2:42" x14ac:dyDescent="0.3">
      <c r="B8009">
        <v>62.662535353221024</v>
      </c>
      <c r="C8009" s="83">
        <v>43434.625</v>
      </c>
      <c r="D8009">
        <v>269074.17310000001</v>
      </c>
      <c r="E8009">
        <v>38489.243159999998</v>
      </c>
      <c r="F8009">
        <v>93858.341459999996</v>
      </c>
      <c r="G8009">
        <v>79761.444449999995</v>
      </c>
      <c r="H8009">
        <v>51159.2909</v>
      </c>
      <c r="I8009">
        <v>43095.523999999998</v>
      </c>
      <c r="J8009">
        <v>30137.913860000001</v>
      </c>
      <c r="K8009">
        <v>61620.65453</v>
      </c>
      <c r="L8009">
        <v>29517.031760000002</v>
      </c>
      <c r="M8009">
        <v>319482.82740000001</v>
      </c>
      <c r="N8009">
        <v>92689.977679999996</v>
      </c>
      <c r="O8009">
        <v>27802.358670000001</v>
      </c>
      <c r="P8009">
        <v>32281.411179999999</v>
      </c>
      <c r="Q8009">
        <v>89731.860750000007</v>
      </c>
      <c r="R8009">
        <v>25334.148239999999</v>
      </c>
      <c r="S8009">
        <v>109688.2423</v>
      </c>
      <c r="T8009">
        <v>36884.065159999998</v>
      </c>
      <c r="U8009">
        <v>24013.82907</v>
      </c>
      <c r="W8009" s="83">
        <f>Bühler!N8041</f>
        <v>45625.62499998058</v>
      </c>
      <c r="X8009" s="83">
        <v>43434.625</v>
      </c>
      <c r="Y8009">
        <v>269074.17310000001</v>
      </c>
      <c r="Z8009">
        <v>38489.243159999998</v>
      </c>
      <c r="AA8009">
        <v>93858.341459999996</v>
      </c>
      <c r="AB8009">
        <v>79761.444449999995</v>
      </c>
      <c r="AC8009">
        <v>51159.2909</v>
      </c>
      <c r="AD8009">
        <v>43095.523999999998</v>
      </c>
      <c r="AE8009">
        <v>30137.913860000001</v>
      </c>
      <c r="AF8009">
        <v>61620.65453</v>
      </c>
      <c r="AG8009">
        <v>29517.031760000002</v>
      </c>
      <c r="AH8009">
        <v>319482.82740000001</v>
      </c>
      <c r="AI8009">
        <v>92689.977679999996</v>
      </c>
      <c r="AJ8009">
        <v>27802.358670000001</v>
      </c>
      <c r="AK8009">
        <v>32281.411179999999</v>
      </c>
      <c r="AL8009">
        <v>89731.860750000007</v>
      </c>
      <c r="AM8009">
        <v>25334.148239999999</v>
      </c>
      <c r="AN8009">
        <v>109688.2423</v>
      </c>
      <c r="AO8009">
        <v>36884.065159999998</v>
      </c>
      <c r="AP8009">
        <v>24013.82907</v>
      </c>
    </row>
    <row r="8010" spans="2:42" x14ac:dyDescent="0.3">
      <c r="B8010">
        <v>61.352540081694301</v>
      </c>
      <c r="C8010" s="83">
        <v>43434.666666666664</v>
      </c>
      <c r="D8010">
        <v>262990.2843</v>
      </c>
      <c r="E8010">
        <v>37232.679300000003</v>
      </c>
      <c r="F8010">
        <v>93503.566049999994</v>
      </c>
      <c r="G8010">
        <v>75595.642089999994</v>
      </c>
      <c r="H8010">
        <v>50476.910909999999</v>
      </c>
      <c r="I8010">
        <v>44703.166420000001</v>
      </c>
      <c r="J8010">
        <v>30128.224590000002</v>
      </c>
      <c r="K8010">
        <v>57359.679170000003</v>
      </c>
      <c r="L8010">
        <v>28141.435570000001</v>
      </c>
      <c r="M8010">
        <v>312803.86060000001</v>
      </c>
      <c r="N8010">
        <v>91246.111910000007</v>
      </c>
      <c r="O8010">
        <v>27565.729859999999</v>
      </c>
      <c r="P8010">
        <v>31828.048050000001</v>
      </c>
      <c r="Q8010">
        <v>88742.019020000007</v>
      </c>
      <c r="R8010">
        <v>24410.50605</v>
      </c>
      <c r="S8010">
        <v>107655.28079999999</v>
      </c>
      <c r="T8010">
        <v>37241.600319999998</v>
      </c>
      <c r="U8010">
        <v>23567.879369999999</v>
      </c>
      <c r="W8010" s="83">
        <f>Bühler!N8042</f>
        <v>45625.666666647245</v>
      </c>
      <c r="X8010" s="83">
        <v>43434.666666666664</v>
      </c>
      <c r="Y8010">
        <v>262990.2843</v>
      </c>
      <c r="Z8010">
        <v>37232.679300000003</v>
      </c>
      <c r="AA8010">
        <v>93503.566049999994</v>
      </c>
      <c r="AB8010">
        <v>75595.642089999994</v>
      </c>
      <c r="AC8010">
        <v>50476.910909999999</v>
      </c>
      <c r="AD8010">
        <v>44703.166420000001</v>
      </c>
      <c r="AE8010">
        <v>30128.224590000002</v>
      </c>
      <c r="AF8010">
        <v>57359.679170000003</v>
      </c>
      <c r="AG8010">
        <v>28141.435570000001</v>
      </c>
      <c r="AH8010">
        <v>312803.86060000001</v>
      </c>
      <c r="AI8010">
        <v>91246.111910000007</v>
      </c>
      <c r="AJ8010">
        <v>27565.729859999999</v>
      </c>
      <c r="AK8010">
        <v>31828.048050000001</v>
      </c>
      <c r="AL8010">
        <v>88742.019020000007</v>
      </c>
      <c r="AM8010">
        <v>24410.50605</v>
      </c>
      <c r="AN8010">
        <v>107655.28079999999</v>
      </c>
      <c r="AO8010">
        <v>37241.600319999998</v>
      </c>
      <c r="AP8010">
        <v>23567.879369999999</v>
      </c>
    </row>
    <row r="8011" spans="2:42" x14ac:dyDescent="0.3">
      <c r="B8011">
        <v>60.840142896975813</v>
      </c>
      <c r="C8011" s="83">
        <v>43434.708333333336</v>
      </c>
      <c r="D8011">
        <v>253474.29629999999</v>
      </c>
      <c r="E8011">
        <v>35974.874239999997</v>
      </c>
      <c r="F8011">
        <v>95459.914940000002</v>
      </c>
      <c r="G8011">
        <v>67510.572750000007</v>
      </c>
      <c r="H8011">
        <v>51329.505449999997</v>
      </c>
      <c r="I8011">
        <v>44543.001859999997</v>
      </c>
      <c r="J8011">
        <v>32430.1014</v>
      </c>
      <c r="K8011">
        <v>53877.064530000003</v>
      </c>
      <c r="L8011">
        <v>29888.785250000001</v>
      </c>
      <c r="M8011">
        <v>310191.42080000002</v>
      </c>
      <c r="N8011">
        <v>92228.712729999999</v>
      </c>
      <c r="O8011">
        <v>26976.022819999998</v>
      </c>
      <c r="P8011">
        <v>33737.991710000002</v>
      </c>
      <c r="Q8011">
        <v>87587.482329999999</v>
      </c>
      <c r="R8011">
        <v>23898.787629999999</v>
      </c>
      <c r="S8011">
        <v>108103.46090000001</v>
      </c>
      <c r="T8011">
        <v>39463.395929999999</v>
      </c>
      <c r="U8011">
        <v>22810.800510000001</v>
      </c>
      <c r="W8011" s="83">
        <f>Bühler!N8043</f>
        <v>45625.708333313909</v>
      </c>
      <c r="X8011" s="83">
        <v>43434.708333333336</v>
      </c>
      <c r="Y8011">
        <v>253474.29629999999</v>
      </c>
      <c r="Z8011">
        <v>35974.874239999997</v>
      </c>
      <c r="AA8011">
        <v>95459.914940000002</v>
      </c>
      <c r="AB8011">
        <v>67510.572750000007</v>
      </c>
      <c r="AC8011">
        <v>51329.505449999997</v>
      </c>
      <c r="AD8011">
        <v>44543.001859999997</v>
      </c>
      <c r="AE8011">
        <v>32430.1014</v>
      </c>
      <c r="AF8011">
        <v>53877.064530000003</v>
      </c>
      <c r="AG8011">
        <v>29888.785250000001</v>
      </c>
      <c r="AH8011">
        <v>310191.42080000002</v>
      </c>
      <c r="AI8011">
        <v>92228.712729999999</v>
      </c>
      <c r="AJ8011">
        <v>26976.022819999998</v>
      </c>
      <c r="AK8011">
        <v>33737.991710000002</v>
      </c>
      <c r="AL8011">
        <v>87587.482329999999</v>
      </c>
      <c r="AM8011">
        <v>23898.787629999999</v>
      </c>
      <c r="AN8011">
        <v>108103.46090000001</v>
      </c>
      <c r="AO8011">
        <v>39463.395929999999</v>
      </c>
      <c r="AP8011">
        <v>22810.800510000001</v>
      </c>
    </row>
    <row r="8012" spans="2:42" x14ac:dyDescent="0.3">
      <c r="B8012">
        <v>59.841033722108499</v>
      </c>
      <c r="C8012" s="83">
        <v>43434.75</v>
      </c>
      <c r="D8012">
        <v>247062.79199999999</v>
      </c>
      <c r="E8012">
        <v>33246.735439999997</v>
      </c>
      <c r="F8012">
        <v>93718.073820000005</v>
      </c>
      <c r="G8012">
        <v>58147.220240000002</v>
      </c>
      <c r="H8012">
        <v>49670.320789999998</v>
      </c>
      <c r="I8012">
        <v>42410.286950000002</v>
      </c>
      <c r="J8012">
        <v>32500.017510000001</v>
      </c>
      <c r="K8012">
        <v>52254.979950000001</v>
      </c>
      <c r="L8012">
        <v>33271.406340000001</v>
      </c>
      <c r="M8012">
        <v>305097.4963</v>
      </c>
      <c r="N8012">
        <v>91880.366110000003</v>
      </c>
      <c r="O8012">
        <v>25956.494480000001</v>
      </c>
      <c r="P8012">
        <v>37217.937310000001</v>
      </c>
      <c r="Q8012">
        <v>85473.931670000005</v>
      </c>
      <c r="R8012">
        <v>23677.317780000001</v>
      </c>
      <c r="S8012">
        <v>103094.2779</v>
      </c>
      <c r="T8012">
        <v>39569.490140000002</v>
      </c>
      <c r="U8012">
        <v>20803.235509999999</v>
      </c>
      <c r="W8012" s="83">
        <f>Bühler!N8044</f>
        <v>45625.749999980573</v>
      </c>
      <c r="X8012" s="83">
        <v>43434.75</v>
      </c>
      <c r="Y8012">
        <v>247062.79199999999</v>
      </c>
      <c r="Z8012">
        <v>33246.735439999997</v>
      </c>
      <c r="AA8012">
        <v>93718.073820000005</v>
      </c>
      <c r="AB8012">
        <v>58147.220240000002</v>
      </c>
      <c r="AC8012">
        <v>49670.320789999998</v>
      </c>
      <c r="AD8012">
        <v>42410.286950000002</v>
      </c>
      <c r="AE8012">
        <v>32500.017510000001</v>
      </c>
      <c r="AF8012">
        <v>52254.979950000001</v>
      </c>
      <c r="AG8012">
        <v>33271.406340000001</v>
      </c>
      <c r="AH8012">
        <v>305097.4963</v>
      </c>
      <c r="AI8012">
        <v>91880.366110000003</v>
      </c>
      <c r="AJ8012">
        <v>25956.494480000001</v>
      </c>
      <c r="AK8012">
        <v>37217.937310000001</v>
      </c>
      <c r="AL8012">
        <v>85473.931670000005</v>
      </c>
      <c r="AM8012">
        <v>23677.317780000001</v>
      </c>
      <c r="AN8012">
        <v>103094.2779</v>
      </c>
      <c r="AO8012">
        <v>39569.490140000002</v>
      </c>
      <c r="AP8012">
        <v>20803.235509999999</v>
      </c>
    </row>
    <row r="8013" spans="2:42" x14ac:dyDescent="0.3">
      <c r="B8013">
        <v>57.922023152305037</v>
      </c>
      <c r="C8013" s="83">
        <v>43434.791666666664</v>
      </c>
      <c r="D8013">
        <v>238245.39480000001</v>
      </c>
      <c r="E8013">
        <v>26972.030439999999</v>
      </c>
      <c r="F8013">
        <v>81348.136580000006</v>
      </c>
      <c r="G8013">
        <v>52037.958420000003</v>
      </c>
      <c r="H8013">
        <v>46773.345139999998</v>
      </c>
      <c r="I8013">
        <v>40366.238310000001</v>
      </c>
      <c r="J8013">
        <v>31508.775290000001</v>
      </c>
      <c r="K8013">
        <v>50587.872020000003</v>
      </c>
      <c r="L8013">
        <v>34555.054810000001</v>
      </c>
      <c r="M8013">
        <v>295313.48550000001</v>
      </c>
      <c r="N8013">
        <v>87622.361199999999</v>
      </c>
      <c r="O8013">
        <v>24309.53241</v>
      </c>
      <c r="P8013">
        <v>38478.204429999998</v>
      </c>
      <c r="Q8013">
        <v>82836.115919999997</v>
      </c>
      <c r="R8013">
        <v>23402.072090000001</v>
      </c>
      <c r="S8013">
        <v>97658.229640000005</v>
      </c>
      <c r="T8013">
        <v>39127.267959999997</v>
      </c>
      <c r="U8013">
        <v>19510.333890000002</v>
      </c>
      <c r="W8013" s="83">
        <f>Bühler!N8045</f>
        <v>45625.791666647237</v>
      </c>
      <c r="X8013" s="83">
        <v>43434.791666666664</v>
      </c>
      <c r="Y8013">
        <v>238245.39480000001</v>
      </c>
      <c r="Z8013">
        <v>26972.030439999999</v>
      </c>
      <c r="AA8013">
        <v>81348.136580000006</v>
      </c>
      <c r="AB8013">
        <v>52037.958420000003</v>
      </c>
      <c r="AC8013">
        <v>46773.345139999998</v>
      </c>
      <c r="AD8013">
        <v>40366.238310000001</v>
      </c>
      <c r="AE8013">
        <v>31508.775290000001</v>
      </c>
      <c r="AF8013">
        <v>50587.872020000003</v>
      </c>
      <c r="AG8013">
        <v>34555.054810000001</v>
      </c>
      <c r="AH8013">
        <v>295313.48550000001</v>
      </c>
      <c r="AI8013">
        <v>87622.361199999999</v>
      </c>
      <c r="AJ8013">
        <v>24309.53241</v>
      </c>
      <c r="AK8013">
        <v>38478.204429999998</v>
      </c>
      <c r="AL8013">
        <v>82836.115919999997</v>
      </c>
      <c r="AM8013">
        <v>23402.072090000001</v>
      </c>
      <c r="AN8013">
        <v>97658.229640000005</v>
      </c>
      <c r="AO8013">
        <v>39127.267959999997</v>
      </c>
      <c r="AP8013">
        <v>19510.333890000002</v>
      </c>
    </row>
    <row r="8014" spans="2:42" x14ac:dyDescent="0.3">
      <c r="B8014">
        <v>55.718727897110462</v>
      </c>
      <c r="C8014" s="83">
        <v>43434.833333333336</v>
      </c>
      <c r="D8014">
        <v>228778.38459999999</v>
      </c>
      <c r="E8014">
        <v>20823.28025</v>
      </c>
      <c r="F8014">
        <v>62874.771840000001</v>
      </c>
      <c r="G8014">
        <v>47770.952369999999</v>
      </c>
      <c r="H8014">
        <v>43727.267999999996</v>
      </c>
      <c r="I8014">
        <v>35274.172619999998</v>
      </c>
      <c r="J8014">
        <v>30607.65524</v>
      </c>
      <c r="K8014">
        <v>49805.798089999997</v>
      </c>
      <c r="L8014">
        <v>34545.118820000003</v>
      </c>
      <c r="M8014">
        <v>284080.0588</v>
      </c>
      <c r="N8014">
        <v>85397.854590000003</v>
      </c>
      <c r="O8014">
        <v>22950.321779999998</v>
      </c>
      <c r="P8014">
        <v>37751.475420000002</v>
      </c>
      <c r="Q8014">
        <v>79268.63149</v>
      </c>
      <c r="R8014">
        <v>21195.099340000001</v>
      </c>
      <c r="S8014">
        <v>88835.008610000004</v>
      </c>
      <c r="T8014">
        <v>36809.732680000001</v>
      </c>
      <c r="U8014">
        <v>18050.186679999999</v>
      </c>
      <c r="W8014" s="83">
        <f>Bühler!N8046</f>
        <v>45625.833333313902</v>
      </c>
      <c r="X8014" s="83">
        <v>43434.833333333336</v>
      </c>
      <c r="Y8014">
        <v>228778.38459999999</v>
      </c>
      <c r="Z8014">
        <v>20823.28025</v>
      </c>
      <c r="AA8014">
        <v>62874.771840000001</v>
      </c>
      <c r="AB8014">
        <v>47770.952369999999</v>
      </c>
      <c r="AC8014">
        <v>43727.267999999996</v>
      </c>
      <c r="AD8014">
        <v>35274.172619999998</v>
      </c>
      <c r="AE8014">
        <v>30607.65524</v>
      </c>
      <c r="AF8014">
        <v>49805.798089999997</v>
      </c>
      <c r="AG8014">
        <v>34545.118820000003</v>
      </c>
      <c r="AH8014">
        <v>284080.0588</v>
      </c>
      <c r="AI8014">
        <v>85397.854590000003</v>
      </c>
      <c r="AJ8014">
        <v>22950.321779999998</v>
      </c>
      <c r="AK8014">
        <v>37751.475420000002</v>
      </c>
      <c r="AL8014">
        <v>79268.63149</v>
      </c>
      <c r="AM8014">
        <v>21195.099340000001</v>
      </c>
      <c r="AN8014">
        <v>88835.008610000004</v>
      </c>
      <c r="AO8014">
        <v>36809.732680000001</v>
      </c>
      <c r="AP8014">
        <v>18050.186679999999</v>
      </c>
    </row>
    <row r="8015" spans="2:42" x14ac:dyDescent="0.3">
      <c r="B8015">
        <v>54.416627901790378</v>
      </c>
      <c r="C8015" s="83">
        <v>43434.875</v>
      </c>
      <c r="D8015">
        <v>220286.33960000001</v>
      </c>
      <c r="E8015">
        <v>17839.412179999999</v>
      </c>
      <c r="F8015">
        <v>54461.932529999998</v>
      </c>
      <c r="G8015">
        <v>44889.439539999999</v>
      </c>
      <c r="H8015">
        <v>41137.646580000001</v>
      </c>
      <c r="I8015">
        <v>30692.891510000001</v>
      </c>
      <c r="J8015">
        <v>29323.666160000001</v>
      </c>
      <c r="K8015">
        <v>49549.87614</v>
      </c>
      <c r="L8015">
        <v>32818.447870000004</v>
      </c>
      <c r="M8015">
        <v>277441.34580000001</v>
      </c>
      <c r="N8015">
        <v>82787.19975</v>
      </c>
      <c r="O8015">
        <v>21782.23878</v>
      </c>
      <c r="P8015">
        <v>36375.697679999997</v>
      </c>
      <c r="Q8015">
        <v>76879.393920000002</v>
      </c>
      <c r="R8015">
        <v>20447.36044</v>
      </c>
      <c r="S8015">
        <v>83028.427079999994</v>
      </c>
      <c r="T8015">
        <v>33237.188029999998</v>
      </c>
      <c r="U8015">
        <v>16594.732220000002</v>
      </c>
      <c r="W8015" s="83">
        <f>Bühler!N8047</f>
        <v>45625.874999980566</v>
      </c>
      <c r="X8015" s="83">
        <v>43434.875</v>
      </c>
      <c r="Y8015">
        <v>220286.33960000001</v>
      </c>
      <c r="Z8015">
        <v>17839.412179999999</v>
      </c>
      <c r="AA8015">
        <v>54461.932529999998</v>
      </c>
      <c r="AB8015">
        <v>44889.439539999999</v>
      </c>
      <c r="AC8015">
        <v>41137.646580000001</v>
      </c>
      <c r="AD8015">
        <v>30692.891510000001</v>
      </c>
      <c r="AE8015">
        <v>29323.666160000001</v>
      </c>
      <c r="AF8015">
        <v>49549.87614</v>
      </c>
      <c r="AG8015">
        <v>32818.447870000004</v>
      </c>
      <c r="AH8015">
        <v>277441.34580000001</v>
      </c>
      <c r="AI8015">
        <v>82787.19975</v>
      </c>
      <c r="AJ8015">
        <v>21782.23878</v>
      </c>
      <c r="AK8015">
        <v>36375.697679999997</v>
      </c>
      <c r="AL8015">
        <v>76879.393920000002</v>
      </c>
      <c r="AM8015">
        <v>20447.36044</v>
      </c>
      <c r="AN8015">
        <v>83028.427079999994</v>
      </c>
      <c r="AO8015">
        <v>33237.188029999998</v>
      </c>
      <c r="AP8015">
        <v>16594.732220000002</v>
      </c>
    </row>
    <row r="8016" spans="2:42" x14ac:dyDescent="0.3">
      <c r="B8016">
        <v>54.226123143132412</v>
      </c>
      <c r="C8016" s="83">
        <v>43434.916666666664</v>
      </c>
      <c r="D8016">
        <v>218079.71960000001</v>
      </c>
      <c r="E8016">
        <v>16886.759859999998</v>
      </c>
      <c r="F8016">
        <v>50966.907610000002</v>
      </c>
      <c r="G8016">
        <v>44050.631609999997</v>
      </c>
      <c r="H8016">
        <v>40102.554989999997</v>
      </c>
      <c r="I8016">
        <v>29011.63982</v>
      </c>
      <c r="J8016">
        <v>28588.86681</v>
      </c>
      <c r="K8016">
        <v>53650.547500000001</v>
      </c>
      <c r="L8016">
        <v>29591.743330000001</v>
      </c>
      <c r="M8016">
        <v>276470.0637</v>
      </c>
      <c r="N8016">
        <v>80615.275510000007</v>
      </c>
      <c r="O8016">
        <v>22964.188920000001</v>
      </c>
      <c r="P8016">
        <v>39312.046719999998</v>
      </c>
      <c r="Q8016">
        <v>75298.007459999993</v>
      </c>
      <c r="R8016">
        <v>27484.368699999999</v>
      </c>
      <c r="S8016">
        <v>82864.907879999999</v>
      </c>
      <c r="T8016">
        <v>29863.505860000001</v>
      </c>
      <c r="U8016">
        <v>17682.84461</v>
      </c>
      <c r="W8016" s="83">
        <f>Bühler!N8048</f>
        <v>45625.91666664723</v>
      </c>
      <c r="X8016" s="83">
        <v>43434.916666666664</v>
      </c>
      <c r="Y8016">
        <v>218079.71960000001</v>
      </c>
      <c r="Z8016">
        <v>16886.759859999998</v>
      </c>
      <c r="AA8016">
        <v>50966.907610000002</v>
      </c>
      <c r="AB8016">
        <v>44050.631609999997</v>
      </c>
      <c r="AC8016">
        <v>40102.554989999997</v>
      </c>
      <c r="AD8016">
        <v>29011.63982</v>
      </c>
      <c r="AE8016">
        <v>28588.86681</v>
      </c>
      <c r="AF8016">
        <v>53650.547500000001</v>
      </c>
      <c r="AG8016">
        <v>29591.743330000001</v>
      </c>
      <c r="AH8016">
        <v>276470.0637</v>
      </c>
      <c r="AI8016">
        <v>80615.275510000007</v>
      </c>
      <c r="AJ8016">
        <v>22964.188920000001</v>
      </c>
      <c r="AK8016">
        <v>39312.046719999998</v>
      </c>
      <c r="AL8016">
        <v>75298.007459999993</v>
      </c>
      <c r="AM8016">
        <v>27484.368699999999</v>
      </c>
      <c r="AN8016">
        <v>82864.907879999999</v>
      </c>
      <c r="AO8016">
        <v>29863.505860000001</v>
      </c>
      <c r="AP8016">
        <v>17682.84461</v>
      </c>
    </row>
    <row r="8017" spans="2:42" x14ac:dyDescent="0.3">
      <c r="B8017">
        <v>53.019521257899527</v>
      </c>
      <c r="C8017" s="83">
        <v>43434.958333333336</v>
      </c>
      <c r="D8017">
        <v>216137.60769999999</v>
      </c>
      <c r="E8017">
        <v>16248.247810000001</v>
      </c>
      <c r="F8017">
        <v>49831.895049999999</v>
      </c>
      <c r="G8017">
        <v>43377.100980000003</v>
      </c>
      <c r="H8017">
        <v>39120.708769999997</v>
      </c>
      <c r="I8017">
        <v>26951.266169999999</v>
      </c>
      <c r="J8017">
        <v>26835.167860000001</v>
      </c>
      <c r="K8017">
        <v>52121.713600000003</v>
      </c>
      <c r="L8017">
        <v>25883.80387</v>
      </c>
      <c r="M8017">
        <v>270318.24459999998</v>
      </c>
      <c r="N8017">
        <v>78511.202520000006</v>
      </c>
      <c r="O8017">
        <v>22996.053400000001</v>
      </c>
      <c r="P8017">
        <v>36630.291720000001</v>
      </c>
      <c r="Q8017">
        <v>74020.658349999998</v>
      </c>
      <c r="R8017">
        <v>26978.796149999998</v>
      </c>
      <c r="S8017">
        <v>80985.910329999999</v>
      </c>
      <c r="T8017">
        <v>30737.9277</v>
      </c>
      <c r="U8017">
        <v>17272.767469999999</v>
      </c>
      <c r="W8017" s="83">
        <f>Bühler!N8049</f>
        <v>45625.958333313894</v>
      </c>
      <c r="X8017" s="83">
        <v>43434.958333333336</v>
      </c>
      <c r="Y8017">
        <v>216137.60769999999</v>
      </c>
      <c r="Z8017">
        <v>16248.247810000001</v>
      </c>
      <c r="AA8017">
        <v>49831.895049999999</v>
      </c>
      <c r="AB8017">
        <v>43377.100980000003</v>
      </c>
      <c r="AC8017">
        <v>39120.708769999997</v>
      </c>
      <c r="AD8017">
        <v>26951.266169999999</v>
      </c>
      <c r="AE8017">
        <v>26835.167860000001</v>
      </c>
      <c r="AF8017">
        <v>52121.713600000003</v>
      </c>
      <c r="AG8017">
        <v>25883.80387</v>
      </c>
      <c r="AH8017">
        <v>270318.24459999998</v>
      </c>
      <c r="AI8017">
        <v>78511.202520000006</v>
      </c>
      <c r="AJ8017">
        <v>22996.053400000001</v>
      </c>
      <c r="AK8017">
        <v>36630.291720000001</v>
      </c>
      <c r="AL8017">
        <v>74020.658349999998</v>
      </c>
      <c r="AM8017">
        <v>26978.796149999998</v>
      </c>
      <c r="AN8017">
        <v>80985.910329999999</v>
      </c>
      <c r="AO8017">
        <v>30737.9277</v>
      </c>
      <c r="AP8017">
        <v>17272.767469999999</v>
      </c>
    </row>
    <row r="8018" spans="2:42" x14ac:dyDescent="0.3">
      <c r="B8018">
        <v>52.179232588197983</v>
      </c>
      <c r="C8018" s="83">
        <v>43435</v>
      </c>
      <c r="D8018">
        <v>213563.28140000001</v>
      </c>
      <c r="E8018">
        <v>15865.085209999999</v>
      </c>
      <c r="F8018">
        <v>49170.066769999998</v>
      </c>
      <c r="G8018">
        <v>42787.262369999997</v>
      </c>
      <c r="H8018">
        <v>38204.383679999999</v>
      </c>
      <c r="I8018">
        <v>25497.46142</v>
      </c>
      <c r="J8018">
        <v>25209.49914</v>
      </c>
      <c r="K8018">
        <v>50712.015449999999</v>
      </c>
      <c r="L8018">
        <v>22228.65598</v>
      </c>
      <c r="M8018">
        <v>266034.06109999999</v>
      </c>
      <c r="N8018">
        <v>77608.998040000006</v>
      </c>
      <c r="O8018">
        <v>22757.477279999999</v>
      </c>
      <c r="P8018">
        <v>33860.621180000002</v>
      </c>
      <c r="Q8018">
        <v>72829.802039999995</v>
      </c>
      <c r="R8018">
        <v>25341.653549999999</v>
      </c>
      <c r="S8018">
        <v>80140.170769999997</v>
      </c>
      <c r="T8018">
        <v>28613.283619999998</v>
      </c>
      <c r="U8018">
        <v>17007.989880000001</v>
      </c>
      <c r="W8018" s="83">
        <f>Bühler!N8050</f>
        <v>45625.999999980559</v>
      </c>
      <c r="X8018" s="83">
        <v>43435</v>
      </c>
      <c r="Y8018">
        <v>213563.28140000001</v>
      </c>
      <c r="Z8018">
        <v>15865.085209999999</v>
      </c>
      <c r="AA8018">
        <v>49170.066769999998</v>
      </c>
      <c r="AB8018">
        <v>42787.262369999997</v>
      </c>
      <c r="AC8018">
        <v>38204.383679999999</v>
      </c>
      <c r="AD8018">
        <v>25497.46142</v>
      </c>
      <c r="AE8018">
        <v>25209.49914</v>
      </c>
      <c r="AF8018">
        <v>50712.015449999999</v>
      </c>
      <c r="AG8018">
        <v>22228.65598</v>
      </c>
      <c r="AH8018">
        <v>266034.06109999999</v>
      </c>
      <c r="AI8018">
        <v>77608.998040000006</v>
      </c>
      <c r="AJ8018">
        <v>22757.477279999999</v>
      </c>
      <c r="AK8018">
        <v>33860.621180000002</v>
      </c>
      <c r="AL8018">
        <v>72829.802039999995</v>
      </c>
      <c r="AM8018">
        <v>25341.653549999999</v>
      </c>
      <c r="AN8018">
        <v>80140.170769999997</v>
      </c>
      <c r="AO8018">
        <v>28613.283619999998</v>
      </c>
      <c r="AP8018">
        <v>17007.989880000001</v>
      </c>
    </row>
    <row r="8019" spans="2:42" x14ac:dyDescent="0.3">
      <c r="B8019">
        <v>53.193706128493261</v>
      </c>
      <c r="C8019" s="83">
        <v>43435.041666666664</v>
      </c>
      <c r="D8019">
        <v>210626.78690000001</v>
      </c>
      <c r="E8019">
        <v>15965.04653</v>
      </c>
      <c r="F8019">
        <v>50913.890310000003</v>
      </c>
      <c r="G8019">
        <v>42404.11477</v>
      </c>
      <c r="H8019">
        <v>38192.997479999998</v>
      </c>
      <c r="I8019">
        <v>22395.424849999999</v>
      </c>
      <c r="J8019">
        <v>25322.658019999999</v>
      </c>
      <c r="K8019">
        <v>49416.79034</v>
      </c>
      <c r="L8019">
        <v>20677.34864</v>
      </c>
      <c r="M8019">
        <v>271206.32030000002</v>
      </c>
      <c r="N8019">
        <v>76167.193109999993</v>
      </c>
      <c r="O8019">
        <v>22427.186529999999</v>
      </c>
      <c r="P8019">
        <v>31994.706099999999</v>
      </c>
      <c r="Q8019">
        <v>73427.131770000007</v>
      </c>
      <c r="R8019">
        <v>24842.899140000001</v>
      </c>
      <c r="S8019">
        <v>81392.763949999993</v>
      </c>
      <c r="T8019">
        <v>28282.24957</v>
      </c>
      <c r="U8019">
        <v>17034.653839999999</v>
      </c>
      <c r="W8019" s="83">
        <f>Bühler!N8051</f>
        <v>45626.041666647223</v>
      </c>
      <c r="X8019" s="83">
        <v>43435.041666666664</v>
      </c>
      <c r="Y8019">
        <v>210626.78690000001</v>
      </c>
      <c r="Z8019">
        <v>15965.04653</v>
      </c>
      <c r="AA8019">
        <v>50913.890310000003</v>
      </c>
      <c r="AB8019">
        <v>42404.11477</v>
      </c>
      <c r="AC8019">
        <v>38192.997479999998</v>
      </c>
      <c r="AD8019">
        <v>22395.424849999999</v>
      </c>
      <c r="AE8019">
        <v>25322.658019999999</v>
      </c>
      <c r="AF8019">
        <v>49416.79034</v>
      </c>
      <c r="AG8019">
        <v>20677.34864</v>
      </c>
      <c r="AH8019">
        <v>271206.32030000002</v>
      </c>
      <c r="AI8019">
        <v>76167.193109999993</v>
      </c>
      <c r="AJ8019">
        <v>22427.186529999999</v>
      </c>
      <c r="AK8019">
        <v>31994.706099999999</v>
      </c>
      <c r="AL8019">
        <v>73427.131770000007</v>
      </c>
      <c r="AM8019">
        <v>24842.899140000001</v>
      </c>
      <c r="AN8019">
        <v>81392.763949999993</v>
      </c>
      <c r="AO8019">
        <v>28282.24957</v>
      </c>
      <c r="AP8019">
        <v>17034.653839999999</v>
      </c>
    </row>
    <row r="8020" spans="2:42" x14ac:dyDescent="0.3">
      <c r="B8020">
        <v>53.658826409956255</v>
      </c>
      <c r="C8020" s="83">
        <v>43435.083333333336</v>
      </c>
      <c r="D8020">
        <v>206654.03940000001</v>
      </c>
      <c r="E8020">
        <v>15754.59031</v>
      </c>
      <c r="F8020">
        <v>51439.403030000001</v>
      </c>
      <c r="G8020">
        <v>42105.135410000003</v>
      </c>
      <c r="H8020">
        <v>37985.439740000002</v>
      </c>
      <c r="I8020">
        <v>19489.310440000001</v>
      </c>
      <c r="J8020">
        <v>25302.440989999999</v>
      </c>
      <c r="K8020">
        <v>48080.390800000001</v>
      </c>
      <c r="L8020">
        <v>19476.873619999998</v>
      </c>
      <c r="M8020">
        <v>273577.72039999999</v>
      </c>
      <c r="N8020">
        <v>75471.035799999998</v>
      </c>
      <c r="O8020">
        <v>22505.491669999999</v>
      </c>
      <c r="P8020">
        <v>30801.128690000001</v>
      </c>
      <c r="Q8020">
        <v>73606.085080000004</v>
      </c>
      <c r="R8020">
        <v>23547.709780000001</v>
      </c>
      <c r="S8020">
        <v>80471.234360000002</v>
      </c>
      <c r="T8020">
        <v>27298.22639</v>
      </c>
      <c r="U8020">
        <v>17221.64788</v>
      </c>
      <c r="W8020" s="83">
        <f>Bühler!N8052</f>
        <v>45626.083333313887</v>
      </c>
      <c r="X8020" s="83">
        <v>43435.083333333336</v>
      </c>
      <c r="Y8020">
        <v>206654.03940000001</v>
      </c>
      <c r="Z8020">
        <v>15754.59031</v>
      </c>
      <c r="AA8020">
        <v>51439.403030000001</v>
      </c>
      <c r="AB8020">
        <v>42105.135410000003</v>
      </c>
      <c r="AC8020">
        <v>37985.439740000002</v>
      </c>
      <c r="AD8020">
        <v>19489.310440000001</v>
      </c>
      <c r="AE8020">
        <v>25302.440989999999</v>
      </c>
      <c r="AF8020">
        <v>48080.390800000001</v>
      </c>
      <c r="AG8020">
        <v>19476.873619999998</v>
      </c>
      <c r="AH8020">
        <v>273577.72039999999</v>
      </c>
      <c r="AI8020">
        <v>75471.035799999998</v>
      </c>
      <c r="AJ8020">
        <v>22505.491669999999</v>
      </c>
      <c r="AK8020">
        <v>30801.128690000001</v>
      </c>
      <c r="AL8020">
        <v>73606.085080000004</v>
      </c>
      <c r="AM8020">
        <v>23547.709780000001</v>
      </c>
      <c r="AN8020">
        <v>80471.234360000002</v>
      </c>
      <c r="AO8020">
        <v>27298.22639</v>
      </c>
      <c r="AP8020">
        <v>17221.64788</v>
      </c>
    </row>
    <row r="8021" spans="2:42" x14ac:dyDescent="0.3">
      <c r="B8021">
        <v>52.856795578380435</v>
      </c>
      <c r="C8021" s="83">
        <v>43435.125</v>
      </c>
      <c r="D8021">
        <v>201782.3235</v>
      </c>
      <c r="E8021">
        <v>15925.776610000001</v>
      </c>
      <c r="F8021">
        <v>52187.643499999998</v>
      </c>
      <c r="G8021">
        <v>41160.902370000003</v>
      </c>
      <c r="H8021">
        <v>37725.392269999997</v>
      </c>
      <c r="I8021">
        <v>18842.531569999999</v>
      </c>
      <c r="J8021">
        <v>25348.949000000001</v>
      </c>
      <c r="K8021">
        <v>46490.400139999998</v>
      </c>
      <c r="L8021">
        <v>18860.49943</v>
      </c>
      <c r="M8021">
        <v>269488.5932</v>
      </c>
      <c r="N8021">
        <v>75842.97666</v>
      </c>
      <c r="O8021">
        <v>22329.485059999999</v>
      </c>
      <c r="P8021">
        <v>29635.35902</v>
      </c>
      <c r="Q8021">
        <v>73368.674620000005</v>
      </c>
      <c r="R8021">
        <v>23322.37442</v>
      </c>
      <c r="S8021">
        <v>79117.035470000003</v>
      </c>
      <c r="T8021">
        <v>27350.492409999999</v>
      </c>
      <c r="U8021">
        <v>17009.745370000001</v>
      </c>
      <c r="W8021" s="83">
        <f>Bühler!N8053</f>
        <v>45626.124999980551</v>
      </c>
      <c r="X8021" s="83">
        <v>43435.125</v>
      </c>
      <c r="Y8021">
        <v>201782.3235</v>
      </c>
      <c r="Z8021">
        <v>15925.776610000001</v>
      </c>
      <c r="AA8021">
        <v>52187.643499999998</v>
      </c>
      <c r="AB8021">
        <v>41160.902370000003</v>
      </c>
      <c r="AC8021">
        <v>37725.392269999997</v>
      </c>
      <c r="AD8021">
        <v>18842.531569999999</v>
      </c>
      <c r="AE8021">
        <v>25348.949000000001</v>
      </c>
      <c r="AF8021">
        <v>46490.400139999998</v>
      </c>
      <c r="AG8021">
        <v>18860.49943</v>
      </c>
      <c r="AH8021">
        <v>269488.5932</v>
      </c>
      <c r="AI8021">
        <v>75842.97666</v>
      </c>
      <c r="AJ8021">
        <v>22329.485059999999</v>
      </c>
      <c r="AK8021">
        <v>29635.35902</v>
      </c>
      <c r="AL8021">
        <v>73368.674620000005</v>
      </c>
      <c r="AM8021">
        <v>23322.37442</v>
      </c>
      <c r="AN8021">
        <v>79117.035470000003</v>
      </c>
      <c r="AO8021">
        <v>27350.492409999999</v>
      </c>
      <c r="AP8021">
        <v>17009.745370000001</v>
      </c>
    </row>
    <row r="8022" spans="2:42" x14ac:dyDescent="0.3">
      <c r="B8022">
        <v>51.442296214002198</v>
      </c>
      <c r="C8022" s="83">
        <v>43435.166666666664</v>
      </c>
      <c r="D8022">
        <v>196713.5693</v>
      </c>
      <c r="E8022">
        <v>16169.841060000001</v>
      </c>
      <c r="F8022">
        <v>57241.189879999998</v>
      </c>
      <c r="G8022">
        <v>40529.514790000001</v>
      </c>
      <c r="H8022">
        <v>38129.013489999998</v>
      </c>
      <c r="I8022">
        <v>20979.115839999999</v>
      </c>
      <c r="J8022">
        <v>26789.819500000001</v>
      </c>
      <c r="K8022">
        <v>44829.242660000004</v>
      </c>
      <c r="L8022">
        <v>18757.157800000001</v>
      </c>
      <c r="M8022">
        <v>262276.81579999998</v>
      </c>
      <c r="N8022">
        <v>74833.734190000003</v>
      </c>
      <c r="O8022">
        <v>22566.890299999999</v>
      </c>
      <c r="P8022">
        <v>29053.950540000002</v>
      </c>
      <c r="Q8022">
        <v>73930.27403</v>
      </c>
      <c r="R8022">
        <v>23849.422350000001</v>
      </c>
      <c r="S8022">
        <v>80243.437650000007</v>
      </c>
      <c r="T8022">
        <v>27321.383229999999</v>
      </c>
      <c r="U8022">
        <v>16938.463909999999</v>
      </c>
      <c r="W8022" s="83">
        <f>Bühler!N8054</f>
        <v>45626.166666647216</v>
      </c>
      <c r="X8022" s="83">
        <v>43435.166666666664</v>
      </c>
      <c r="Y8022">
        <v>196713.5693</v>
      </c>
      <c r="Z8022">
        <v>16169.841060000001</v>
      </c>
      <c r="AA8022">
        <v>57241.189879999998</v>
      </c>
      <c r="AB8022">
        <v>40529.514790000001</v>
      </c>
      <c r="AC8022">
        <v>38129.013489999998</v>
      </c>
      <c r="AD8022">
        <v>20979.115839999999</v>
      </c>
      <c r="AE8022">
        <v>26789.819500000001</v>
      </c>
      <c r="AF8022">
        <v>44829.242660000004</v>
      </c>
      <c r="AG8022">
        <v>18757.157800000001</v>
      </c>
      <c r="AH8022">
        <v>262276.81579999998</v>
      </c>
      <c r="AI8022">
        <v>74833.734190000003</v>
      </c>
      <c r="AJ8022">
        <v>22566.890299999999</v>
      </c>
      <c r="AK8022">
        <v>29053.950540000002</v>
      </c>
      <c r="AL8022">
        <v>73930.27403</v>
      </c>
      <c r="AM8022">
        <v>23849.422350000001</v>
      </c>
      <c r="AN8022">
        <v>80243.437650000007</v>
      </c>
      <c r="AO8022">
        <v>27321.383229999999</v>
      </c>
      <c r="AP8022">
        <v>16938.463909999999</v>
      </c>
    </row>
    <row r="8023" spans="2:42" x14ac:dyDescent="0.3">
      <c r="B8023">
        <v>51.250671432259445</v>
      </c>
      <c r="C8023" s="83">
        <v>43435.208333333336</v>
      </c>
      <c r="D8023">
        <v>192562.4804</v>
      </c>
      <c r="E8023">
        <v>17370.231510000001</v>
      </c>
      <c r="F8023">
        <v>65509.913930000002</v>
      </c>
      <c r="G8023">
        <v>40806.531300000002</v>
      </c>
      <c r="H8023">
        <v>39236.814420000002</v>
      </c>
      <c r="I8023">
        <v>27948.290400000002</v>
      </c>
      <c r="J8023">
        <v>28669.25578</v>
      </c>
      <c r="K8023">
        <v>43621.888350000001</v>
      </c>
      <c r="L8023">
        <v>19366.121139999999</v>
      </c>
      <c r="M8023">
        <v>261299.82329999999</v>
      </c>
      <c r="N8023">
        <v>74275.565560000003</v>
      </c>
      <c r="O8023">
        <v>22568.63319</v>
      </c>
      <c r="P8023">
        <v>30390.319869999999</v>
      </c>
      <c r="Q8023">
        <v>72777.108210000006</v>
      </c>
      <c r="R8023">
        <v>24243.634829999999</v>
      </c>
      <c r="S8023">
        <v>82203.008570000005</v>
      </c>
      <c r="T8023">
        <v>29122.514520000001</v>
      </c>
      <c r="U8023">
        <v>16911.064399999999</v>
      </c>
      <c r="W8023" s="83">
        <f>Bühler!N8055</f>
        <v>45626.20833331388</v>
      </c>
      <c r="X8023" s="83">
        <v>43435.208333333336</v>
      </c>
      <c r="Y8023">
        <v>192562.4804</v>
      </c>
      <c r="Z8023">
        <v>17370.231510000001</v>
      </c>
      <c r="AA8023">
        <v>65509.913930000002</v>
      </c>
      <c r="AB8023">
        <v>40806.531300000002</v>
      </c>
      <c r="AC8023">
        <v>39236.814420000002</v>
      </c>
      <c r="AD8023">
        <v>27948.290400000002</v>
      </c>
      <c r="AE8023">
        <v>28669.25578</v>
      </c>
      <c r="AF8023">
        <v>43621.888350000001</v>
      </c>
      <c r="AG8023">
        <v>19366.121139999999</v>
      </c>
      <c r="AH8023">
        <v>261299.82329999999</v>
      </c>
      <c r="AI8023">
        <v>74275.565560000003</v>
      </c>
      <c r="AJ8023">
        <v>22568.63319</v>
      </c>
      <c r="AK8023">
        <v>30390.319869999999</v>
      </c>
      <c r="AL8023">
        <v>72777.108210000006</v>
      </c>
      <c r="AM8023">
        <v>24243.634829999999</v>
      </c>
      <c r="AN8023">
        <v>82203.008570000005</v>
      </c>
      <c r="AO8023">
        <v>29122.514520000001</v>
      </c>
      <c r="AP8023">
        <v>16911.064399999999</v>
      </c>
    </row>
    <row r="8024" spans="2:42" x14ac:dyDescent="0.3">
      <c r="B8024">
        <v>51.696541630772529</v>
      </c>
      <c r="C8024" s="83">
        <v>43435.25</v>
      </c>
      <c r="D8024">
        <v>194256.69630000001</v>
      </c>
      <c r="E8024">
        <v>19059.42743</v>
      </c>
      <c r="F8024">
        <v>78248.849589999998</v>
      </c>
      <c r="G8024">
        <v>42547.67555</v>
      </c>
      <c r="H8024">
        <v>39662.470209999999</v>
      </c>
      <c r="I8024">
        <v>30883.02447</v>
      </c>
      <c r="J8024">
        <v>30987.235560000001</v>
      </c>
      <c r="K8024">
        <v>42710.919800000003</v>
      </c>
      <c r="L8024">
        <v>20561.11261</v>
      </c>
      <c r="M8024">
        <v>263573.07750000001</v>
      </c>
      <c r="N8024">
        <v>73135.484190000003</v>
      </c>
      <c r="O8024">
        <v>22301.86882</v>
      </c>
      <c r="P8024">
        <v>30337.466570000001</v>
      </c>
      <c r="Q8024">
        <v>71284.456959999996</v>
      </c>
      <c r="R8024">
        <v>18324.828799999999</v>
      </c>
      <c r="S8024">
        <v>87223.954020000005</v>
      </c>
      <c r="T8024">
        <v>30786.302739999999</v>
      </c>
      <c r="U8024">
        <v>16368.839970000001</v>
      </c>
      <c r="W8024" s="83">
        <f>Bühler!N8056</f>
        <v>45626.249999980544</v>
      </c>
      <c r="X8024" s="83">
        <v>43435.25</v>
      </c>
      <c r="Y8024">
        <v>194256.69630000001</v>
      </c>
      <c r="Z8024">
        <v>19059.42743</v>
      </c>
      <c r="AA8024">
        <v>78248.849589999998</v>
      </c>
      <c r="AB8024">
        <v>42547.67555</v>
      </c>
      <c r="AC8024">
        <v>39662.470209999999</v>
      </c>
      <c r="AD8024">
        <v>30883.02447</v>
      </c>
      <c r="AE8024">
        <v>30987.235560000001</v>
      </c>
      <c r="AF8024">
        <v>42710.919800000003</v>
      </c>
      <c r="AG8024">
        <v>20561.11261</v>
      </c>
      <c r="AH8024">
        <v>263573.07750000001</v>
      </c>
      <c r="AI8024">
        <v>73135.484190000003</v>
      </c>
      <c r="AJ8024">
        <v>22301.86882</v>
      </c>
      <c r="AK8024">
        <v>30337.466570000001</v>
      </c>
      <c r="AL8024">
        <v>71284.456959999996</v>
      </c>
      <c r="AM8024">
        <v>18324.828799999999</v>
      </c>
      <c r="AN8024">
        <v>87223.954020000005</v>
      </c>
      <c r="AO8024">
        <v>30786.302739999999</v>
      </c>
      <c r="AP8024">
        <v>16368.839970000001</v>
      </c>
    </row>
    <row r="8025" spans="2:42" x14ac:dyDescent="0.3">
      <c r="B8025">
        <v>51.429421695353362</v>
      </c>
      <c r="C8025" s="83">
        <v>43435.291666666664</v>
      </c>
      <c r="D8025">
        <v>195795.41709999999</v>
      </c>
      <c r="E8025">
        <v>21813.719590000001</v>
      </c>
      <c r="F8025">
        <v>81645.481929999994</v>
      </c>
      <c r="G8025">
        <v>44311.951889999997</v>
      </c>
      <c r="H8025">
        <v>40730.554470000003</v>
      </c>
      <c r="I8025">
        <v>34441.86464</v>
      </c>
      <c r="J8025">
        <v>32150.520570000001</v>
      </c>
      <c r="K8025">
        <v>43171.136169999998</v>
      </c>
      <c r="L8025">
        <v>22683.710050000002</v>
      </c>
      <c r="M8025">
        <v>262211.17550000001</v>
      </c>
      <c r="N8025">
        <v>73345.257110000006</v>
      </c>
      <c r="O8025">
        <v>22967.258409999999</v>
      </c>
      <c r="P8025">
        <v>31787.867129999999</v>
      </c>
      <c r="Q8025">
        <v>69089.046789999993</v>
      </c>
      <c r="R8025">
        <v>19371.445199999998</v>
      </c>
      <c r="S8025">
        <v>94508.924140000003</v>
      </c>
      <c r="T8025">
        <v>29831.942009999999</v>
      </c>
      <c r="U8025">
        <v>16869.53685</v>
      </c>
      <c r="W8025" s="83">
        <f>Bühler!N8057</f>
        <v>45626.291666647208</v>
      </c>
      <c r="X8025" s="83">
        <v>43435.291666666664</v>
      </c>
      <c r="Y8025">
        <v>195795.41709999999</v>
      </c>
      <c r="Z8025">
        <v>21813.719590000001</v>
      </c>
      <c r="AA8025">
        <v>81645.481929999994</v>
      </c>
      <c r="AB8025">
        <v>44311.951889999997</v>
      </c>
      <c r="AC8025">
        <v>40730.554470000003</v>
      </c>
      <c r="AD8025">
        <v>34441.86464</v>
      </c>
      <c r="AE8025">
        <v>32150.520570000001</v>
      </c>
      <c r="AF8025">
        <v>43171.136169999998</v>
      </c>
      <c r="AG8025">
        <v>22683.710050000002</v>
      </c>
      <c r="AH8025">
        <v>262211.17550000001</v>
      </c>
      <c r="AI8025">
        <v>73345.257110000006</v>
      </c>
      <c r="AJ8025">
        <v>22967.258409999999</v>
      </c>
      <c r="AK8025">
        <v>31787.867129999999</v>
      </c>
      <c r="AL8025">
        <v>69089.046789999993</v>
      </c>
      <c r="AM8025">
        <v>19371.445199999998</v>
      </c>
      <c r="AN8025">
        <v>94508.924140000003</v>
      </c>
      <c r="AO8025">
        <v>29831.942009999999</v>
      </c>
      <c r="AP8025">
        <v>16869.53685</v>
      </c>
    </row>
    <row r="8026" spans="2:42" x14ac:dyDescent="0.3">
      <c r="B8026">
        <v>50.619224133390915</v>
      </c>
      <c r="C8026" s="83">
        <v>43435.333333333336</v>
      </c>
      <c r="D8026">
        <v>194421.18429999999</v>
      </c>
      <c r="E8026">
        <v>24948.911459999999</v>
      </c>
      <c r="F8026">
        <v>86290.119300000006</v>
      </c>
      <c r="G8026">
        <v>45055.460650000001</v>
      </c>
      <c r="H8026">
        <v>40521.223299999998</v>
      </c>
      <c r="I8026">
        <v>35288.093789999999</v>
      </c>
      <c r="J8026">
        <v>31656.053919999998</v>
      </c>
      <c r="K8026">
        <v>43580.385609999998</v>
      </c>
      <c r="L8026">
        <v>25463.53861</v>
      </c>
      <c r="M8026">
        <v>258080.4105</v>
      </c>
      <c r="N8026">
        <v>73763.109460000007</v>
      </c>
      <c r="O8026">
        <v>23075.134450000001</v>
      </c>
      <c r="P8026">
        <v>33670.971380000003</v>
      </c>
      <c r="Q8026">
        <v>66560.968529999998</v>
      </c>
      <c r="R8026">
        <v>18067.115280000002</v>
      </c>
      <c r="S8026">
        <v>97533.799100000004</v>
      </c>
      <c r="T8026">
        <v>31386.27363</v>
      </c>
      <c r="U8026">
        <v>16737.0435</v>
      </c>
      <c r="W8026" s="83">
        <f>Bühler!N8058</f>
        <v>45626.333333313873</v>
      </c>
      <c r="X8026" s="83">
        <v>43435.333333333336</v>
      </c>
      <c r="Y8026">
        <v>194421.18429999999</v>
      </c>
      <c r="Z8026">
        <v>24948.911459999999</v>
      </c>
      <c r="AA8026">
        <v>86290.119300000006</v>
      </c>
      <c r="AB8026">
        <v>45055.460650000001</v>
      </c>
      <c r="AC8026">
        <v>40521.223299999998</v>
      </c>
      <c r="AD8026">
        <v>35288.093789999999</v>
      </c>
      <c r="AE8026">
        <v>31656.053919999998</v>
      </c>
      <c r="AF8026">
        <v>43580.385609999998</v>
      </c>
      <c r="AG8026">
        <v>25463.53861</v>
      </c>
      <c r="AH8026">
        <v>258080.4105</v>
      </c>
      <c r="AI8026">
        <v>73763.109460000007</v>
      </c>
      <c r="AJ8026">
        <v>23075.134450000001</v>
      </c>
      <c r="AK8026">
        <v>33670.971380000003</v>
      </c>
      <c r="AL8026">
        <v>66560.968529999998</v>
      </c>
      <c r="AM8026">
        <v>18067.115280000002</v>
      </c>
      <c r="AN8026">
        <v>97533.799100000004</v>
      </c>
      <c r="AO8026">
        <v>31386.27363</v>
      </c>
      <c r="AP8026">
        <v>16737.0435</v>
      </c>
    </row>
    <row r="8027" spans="2:42" x14ac:dyDescent="0.3">
      <c r="B8027">
        <v>50.030196610489178</v>
      </c>
      <c r="C8027" s="83">
        <v>43435.375</v>
      </c>
      <c r="D8027">
        <v>191557.8481</v>
      </c>
      <c r="E8027">
        <v>28672.43288</v>
      </c>
      <c r="F8027">
        <v>90924.916360000003</v>
      </c>
      <c r="G8027">
        <v>45510.917780000003</v>
      </c>
      <c r="H8027">
        <v>40269.000769999999</v>
      </c>
      <c r="I8027">
        <v>34699.50404</v>
      </c>
      <c r="J8027">
        <v>30914.05615</v>
      </c>
      <c r="K8027">
        <v>44397.623870000003</v>
      </c>
      <c r="L8027">
        <v>28004.468239999998</v>
      </c>
      <c r="M8027">
        <v>255077.27350000001</v>
      </c>
      <c r="N8027">
        <v>72482.150080000007</v>
      </c>
      <c r="O8027">
        <v>22675.155790000001</v>
      </c>
      <c r="P8027">
        <v>35492.74841</v>
      </c>
      <c r="Q8027">
        <v>65452.203079999999</v>
      </c>
      <c r="R8027">
        <v>18698.24308</v>
      </c>
      <c r="S8027">
        <v>99611.181049999999</v>
      </c>
      <c r="T8027">
        <v>33217.797250000003</v>
      </c>
      <c r="U8027">
        <v>16386.93057</v>
      </c>
      <c r="W8027" s="83">
        <f>Bühler!N8059</f>
        <v>45626.374999980537</v>
      </c>
      <c r="X8027" s="83">
        <v>43435.375</v>
      </c>
      <c r="Y8027">
        <v>191557.8481</v>
      </c>
      <c r="Z8027">
        <v>28672.43288</v>
      </c>
      <c r="AA8027">
        <v>90924.916360000003</v>
      </c>
      <c r="AB8027">
        <v>45510.917780000003</v>
      </c>
      <c r="AC8027">
        <v>40269.000769999999</v>
      </c>
      <c r="AD8027">
        <v>34699.50404</v>
      </c>
      <c r="AE8027">
        <v>30914.05615</v>
      </c>
      <c r="AF8027">
        <v>44397.623870000003</v>
      </c>
      <c r="AG8027">
        <v>28004.468239999998</v>
      </c>
      <c r="AH8027">
        <v>255077.27350000001</v>
      </c>
      <c r="AI8027">
        <v>72482.150080000007</v>
      </c>
      <c r="AJ8027">
        <v>22675.155790000001</v>
      </c>
      <c r="AK8027">
        <v>35492.74841</v>
      </c>
      <c r="AL8027">
        <v>65452.203079999999</v>
      </c>
      <c r="AM8027">
        <v>18698.24308</v>
      </c>
      <c r="AN8027">
        <v>99611.181049999999</v>
      </c>
      <c r="AO8027">
        <v>33217.797250000003</v>
      </c>
      <c r="AP8027">
        <v>16386.93057</v>
      </c>
    </row>
    <row r="8028" spans="2:42" x14ac:dyDescent="0.3">
      <c r="B8028">
        <v>49.866529863661157</v>
      </c>
      <c r="C8028" s="83">
        <v>43435.416666666664</v>
      </c>
      <c r="D8028">
        <v>190385.44779999999</v>
      </c>
      <c r="E8028">
        <v>29920.254990000001</v>
      </c>
      <c r="F8028">
        <v>90807.868690000003</v>
      </c>
      <c r="G8028">
        <v>45548.672359999997</v>
      </c>
      <c r="H8028">
        <v>40717.730040000002</v>
      </c>
      <c r="I8028">
        <v>32795.237450000001</v>
      </c>
      <c r="J8028">
        <v>29840.707590000002</v>
      </c>
      <c r="K8028">
        <v>45722.431140000001</v>
      </c>
      <c r="L8028">
        <v>30033.50232</v>
      </c>
      <c r="M8028">
        <v>254242.8241</v>
      </c>
      <c r="N8028">
        <v>71839.434039999993</v>
      </c>
      <c r="O8028">
        <v>22760.859469999999</v>
      </c>
      <c r="P8028">
        <v>36369.38306</v>
      </c>
      <c r="Q8028">
        <v>64500.031849999999</v>
      </c>
      <c r="R8028">
        <v>19187.934980000002</v>
      </c>
      <c r="S8028">
        <v>98631.200970000005</v>
      </c>
      <c r="T8028">
        <v>35622.688499999997</v>
      </c>
      <c r="U8028">
        <v>16154.615040000001</v>
      </c>
      <c r="W8028" s="83">
        <f>Bühler!N8060</f>
        <v>45626.416666647201</v>
      </c>
      <c r="X8028" s="83">
        <v>43435.416666666664</v>
      </c>
      <c r="Y8028">
        <v>190385.44779999999</v>
      </c>
      <c r="Z8028">
        <v>29920.254990000001</v>
      </c>
      <c r="AA8028">
        <v>90807.868690000003</v>
      </c>
      <c r="AB8028">
        <v>45548.672359999997</v>
      </c>
      <c r="AC8028">
        <v>40717.730040000002</v>
      </c>
      <c r="AD8028">
        <v>32795.237450000001</v>
      </c>
      <c r="AE8028">
        <v>29840.707590000002</v>
      </c>
      <c r="AF8028">
        <v>45722.431140000001</v>
      </c>
      <c r="AG8028">
        <v>30033.50232</v>
      </c>
      <c r="AH8028">
        <v>254242.8241</v>
      </c>
      <c r="AI8028">
        <v>71839.434039999993</v>
      </c>
      <c r="AJ8028">
        <v>22760.859469999999</v>
      </c>
      <c r="AK8028">
        <v>36369.38306</v>
      </c>
      <c r="AL8028">
        <v>64500.031849999999</v>
      </c>
      <c r="AM8028">
        <v>19187.934980000002</v>
      </c>
      <c r="AN8028">
        <v>98631.200970000005</v>
      </c>
      <c r="AO8028">
        <v>35622.688499999997</v>
      </c>
      <c r="AP8028">
        <v>16154.615040000001</v>
      </c>
    </row>
    <row r="8029" spans="2:42" x14ac:dyDescent="0.3">
      <c r="B8029">
        <v>49.198393747518161</v>
      </c>
      <c r="C8029" s="83">
        <v>43435.458333333336</v>
      </c>
      <c r="D8029">
        <v>186577.58369999999</v>
      </c>
      <c r="E8029">
        <v>29280.79665</v>
      </c>
      <c r="F8029">
        <v>91138.657900000006</v>
      </c>
      <c r="G8029">
        <v>44907.710359999997</v>
      </c>
      <c r="H8029">
        <v>40850.388769999998</v>
      </c>
      <c r="I8029">
        <v>31125.765009999999</v>
      </c>
      <c r="J8029">
        <v>29370.24797</v>
      </c>
      <c r="K8029">
        <v>47498.687619999997</v>
      </c>
      <c r="L8029">
        <v>31186.84535</v>
      </c>
      <c r="M8029">
        <v>250836.35459999999</v>
      </c>
      <c r="N8029">
        <v>70939.068050000002</v>
      </c>
      <c r="O8029">
        <v>22954.2137</v>
      </c>
      <c r="P8029">
        <v>35466.088739999999</v>
      </c>
      <c r="Q8029">
        <v>62983.88521</v>
      </c>
      <c r="R8029">
        <v>19403.454310000001</v>
      </c>
      <c r="S8029">
        <v>99394.404519999996</v>
      </c>
      <c r="T8029">
        <v>35562.823709999997</v>
      </c>
      <c r="U8029">
        <v>15449.687550000001</v>
      </c>
      <c r="W8029" s="83">
        <f>Bühler!N8061</f>
        <v>45626.458333313865</v>
      </c>
      <c r="X8029" s="83">
        <v>43435.458333333336</v>
      </c>
      <c r="Y8029">
        <v>186577.58369999999</v>
      </c>
      <c r="Z8029">
        <v>29280.79665</v>
      </c>
      <c r="AA8029">
        <v>91138.657900000006</v>
      </c>
      <c r="AB8029">
        <v>44907.710359999997</v>
      </c>
      <c r="AC8029">
        <v>40850.388769999998</v>
      </c>
      <c r="AD8029">
        <v>31125.765009999999</v>
      </c>
      <c r="AE8029">
        <v>29370.24797</v>
      </c>
      <c r="AF8029">
        <v>47498.687619999997</v>
      </c>
      <c r="AG8029">
        <v>31186.84535</v>
      </c>
      <c r="AH8029">
        <v>250836.35459999999</v>
      </c>
      <c r="AI8029">
        <v>70939.068050000002</v>
      </c>
      <c r="AJ8029">
        <v>22954.2137</v>
      </c>
      <c r="AK8029">
        <v>35466.088739999999</v>
      </c>
      <c r="AL8029">
        <v>62983.88521</v>
      </c>
      <c r="AM8029">
        <v>19403.454310000001</v>
      </c>
      <c r="AN8029">
        <v>99394.404519999996</v>
      </c>
      <c r="AO8029">
        <v>35562.823709999997</v>
      </c>
      <c r="AP8029">
        <v>15449.687550000001</v>
      </c>
    </row>
    <row r="8030" spans="2:42" x14ac:dyDescent="0.3">
      <c r="B8030">
        <v>48.256182310233783</v>
      </c>
      <c r="C8030" s="83">
        <v>43435.5</v>
      </c>
      <c r="D8030">
        <v>180022.6894</v>
      </c>
      <c r="E8030">
        <v>27364.167990000002</v>
      </c>
      <c r="F8030">
        <v>89235.621140000003</v>
      </c>
      <c r="G8030">
        <v>43482.451209999999</v>
      </c>
      <c r="H8030">
        <v>39460.52306</v>
      </c>
      <c r="I8030">
        <v>30676.22019</v>
      </c>
      <c r="J8030">
        <v>29544.197240000001</v>
      </c>
      <c r="K8030">
        <v>46488.773569999998</v>
      </c>
      <c r="L8030">
        <v>33292.994160000002</v>
      </c>
      <c r="M8030">
        <v>246032.52129999999</v>
      </c>
      <c r="N8030">
        <v>69576.806219999999</v>
      </c>
      <c r="O8030">
        <v>22279.13149</v>
      </c>
      <c r="P8030">
        <v>35896.57475</v>
      </c>
      <c r="Q8030">
        <v>60884.231169999999</v>
      </c>
      <c r="R8030">
        <v>20145.766660000001</v>
      </c>
      <c r="S8030">
        <v>93717.371350000001</v>
      </c>
      <c r="T8030">
        <v>34830.38265</v>
      </c>
      <c r="U8030">
        <v>14387.495000000001</v>
      </c>
      <c r="W8030" s="83">
        <f>Bühler!N8062</f>
        <v>45626.49999998053</v>
      </c>
      <c r="X8030" s="83">
        <v>43435.5</v>
      </c>
      <c r="Y8030">
        <v>180022.6894</v>
      </c>
      <c r="Z8030">
        <v>27364.167990000002</v>
      </c>
      <c r="AA8030">
        <v>89235.621140000003</v>
      </c>
      <c r="AB8030">
        <v>43482.451209999999</v>
      </c>
      <c r="AC8030">
        <v>39460.52306</v>
      </c>
      <c r="AD8030">
        <v>30676.22019</v>
      </c>
      <c r="AE8030">
        <v>29544.197240000001</v>
      </c>
      <c r="AF8030">
        <v>46488.773569999998</v>
      </c>
      <c r="AG8030">
        <v>33292.994160000002</v>
      </c>
      <c r="AH8030">
        <v>246032.52129999999</v>
      </c>
      <c r="AI8030">
        <v>69576.806219999999</v>
      </c>
      <c r="AJ8030">
        <v>22279.13149</v>
      </c>
      <c r="AK8030">
        <v>35896.57475</v>
      </c>
      <c r="AL8030">
        <v>60884.231169999999</v>
      </c>
      <c r="AM8030">
        <v>20145.766660000001</v>
      </c>
      <c r="AN8030">
        <v>93717.371350000001</v>
      </c>
      <c r="AO8030">
        <v>34830.38265</v>
      </c>
      <c r="AP8030">
        <v>14387.495000000001</v>
      </c>
    </row>
    <row r="8031" spans="2:42" x14ac:dyDescent="0.3">
      <c r="B8031">
        <v>47.67966937421378</v>
      </c>
      <c r="C8031" s="83">
        <v>43435.541666666664</v>
      </c>
      <c r="D8031">
        <v>175941.22690000001</v>
      </c>
      <c r="E8031">
        <v>26211.138210000001</v>
      </c>
      <c r="F8031">
        <v>88196.709719999999</v>
      </c>
      <c r="G8031">
        <v>42385.597540000002</v>
      </c>
      <c r="H8031">
        <v>38988.406060000001</v>
      </c>
      <c r="I8031">
        <v>30631.505819999998</v>
      </c>
      <c r="J8031">
        <v>28491.905009999999</v>
      </c>
      <c r="K8031">
        <v>46866.74422</v>
      </c>
      <c r="L8031">
        <v>32834.268969999997</v>
      </c>
      <c r="M8031">
        <v>243093.18950000001</v>
      </c>
      <c r="N8031">
        <v>68865.183009999993</v>
      </c>
      <c r="O8031">
        <v>21992.489160000001</v>
      </c>
      <c r="P8031">
        <v>35213.663939999999</v>
      </c>
      <c r="Q8031">
        <v>57860.54825</v>
      </c>
      <c r="R8031">
        <v>21087.106940000001</v>
      </c>
      <c r="S8031">
        <v>94257.158660000001</v>
      </c>
      <c r="T8031">
        <v>33914.365669999999</v>
      </c>
      <c r="U8031">
        <v>14025.016159999999</v>
      </c>
      <c r="W8031" s="83">
        <f>Bühler!N8063</f>
        <v>45626.541666647194</v>
      </c>
      <c r="X8031" s="83">
        <v>43435.541666666664</v>
      </c>
      <c r="Y8031">
        <v>175941.22690000001</v>
      </c>
      <c r="Z8031">
        <v>26211.138210000001</v>
      </c>
      <c r="AA8031">
        <v>88196.709719999999</v>
      </c>
      <c r="AB8031">
        <v>42385.597540000002</v>
      </c>
      <c r="AC8031">
        <v>38988.406060000001</v>
      </c>
      <c r="AD8031">
        <v>30631.505819999998</v>
      </c>
      <c r="AE8031">
        <v>28491.905009999999</v>
      </c>
      <c r="AF8031">
        <v>46866.74422</v>
      </c>
      <c r="AG8031">
        <v>32834.268969999997</v>
      </c>
      <c r="AH8031">
        <v>243093.18950000001</v>
      </c>
      <c r="AI8031">
        <v>68865.183009999993</v>
      </c>
      <c r="AJ8031">
        <v>21992.489160000001</v>
      </c>
      <c r="AK8031">
        <v>35213.663939999999</v>
      </c>
      <c r="AL8031">
        <v>57860.54825</v>
      </c>
      <c r="AM8031">
        <v>21087.106940000001</v>
      </c>
      <c r="AN8031">
        <v>94257.158660000001</v>
      </c>
      <c r="AO8031">
        <v>33914.365669999999</v>
      </c>
      <c r="AP8031">
        <v>14025.016159999999</v>
      </c>
    </row>
    <row r="8032" spans="2:42" x14ac:dyDescent="0.3">
      <c r="B8032">
        <v>47.729725407319243</v>
      </c>
      <c r="C8032" s="83">
        <v>43435.583333333336</v>
      </c>
      <c r="D8032">
        <v>174080.25760000001</v>
      </c>
      <c r="E8032">
        <v>26899.36348</v>
      </c>
      <c r="F8032">
        <v>87645.113939999996</v>
      </c>
      <c r="G8032">
        <v>41879.1806</v>
      </c>
      <c r="H8032">
        <v>39085.290500000003</v>
      </c>
      <c r="I8032">
        <v>31580.92354</v>
      </c>
      <c r="J8032">
        <v>27954.345519999999</v>
      </c>
      <c r="K8032">
        <v>47008.394410000001</v>
      </c>
      <c r="L8032">
        <v>30319.46284</v>
      </c>
      <c r="M8032">
        <v>243348.39850000001</v>
      </c>
      <c r="N8032">
        <v>69053.805139999997</v>
      </c>
      <c r="O8032">
        <v>21971.29362</v>
      </c>
      <c r="P8032">
        <v>33507.876490000002</v>
      </c>
      <c r="Q8032">
        <v>56075.988039999997</v>
      </c>
      <c r="R8032">
        <v>19852.14056</v>
      </c>
      <c r="S8032">
        <v>91253.92929</v>
      </c>
      <c r="T8032">
        <v>33685.225279999999</v>
      </c>
      <c r="U8032">
        <v>14025.95767</v>
      </c>
      <c r="W8032" s="83">
        <f>Bühler!N8064</f>
        <v>45626.583333313858</v>
      </c>
      <c r="X8032" s="83">
        <v>43435.583333333336</v>
      </c>
      <c r="Y8032">
        <v>174080.25760000001</v>
      </c>
      <c r="Z8032">
        <v>26899.36348</v>
      </c>
      <c r="AA8032">
        <v>87645.113939999996</v>
      </c>
      <c r="AB8032">
        <v>41879.1806</v>
      </c>
      <c r="AC8032">
        <v>39085.290500000003</v>
      </c>
      <c r="AD8032">
        <v>31580.92354</v>
      </c>
      <c r="AE8032">
        <v>27954.345519999999</v>
      </c>
      <c r="AF8032">
        <v>47008.394410000001</v>
      </c>
      <c r="AG8032">
        <v>30319.46284</v>
      </c>
      <c r="AH8032">
        <v>243348.39850000001</v>
      </c>
      <c r="AI8032">
        <v>69053.805139999997</v>
      </c>
      <c r="AJ8032">
        <v>21971.29362</v>
      </c>
      <c r="AK8032">
        <v>33507.876490000002</v>
      </c>
      <c r="AL8032">
        <v>56075.988039999997</v>
      </c>
      <c r="AM8032">
        <v>19852.14056</v>
      </c>
      <c r="AN8032">
        <v>91253.92929</v>
      </c>
      <c r="AO8032">
        <v>33685.225279999999</v>
      </c>
      <c r="AP8032">
        <v>14025.95767</v>
      </c>
    </row>
    <row r="8033" spans="2:42" x14ac:dyDescent="0.3">
      <c r="B8033">
        <v>47.095886487288148</v>
      </c>
      <c r="C8033" s="83">
        <v>43435.625</v>
      </c>
      <c r="D8033">
        <v>174029.28880000001</v>
      </c>
      <c r="E8033">
        <v>26633.805789999999</v>
      </c>
      <c r="F8033">
        <v>87603.038690000001</v>
      </c>
      <c r="G8033">
        <v>41806.069629999998</v>
      </c>
      <c r="H8033">
        <v>38437.896869999997</v>
      </c>
      <c r="I8033">
        <v>32685.74192</v>
      </c>
      <c r="J8033">
        <v>27509.346020000001</v>
      </c>
      <c r="K8033">
        <v>46598.669139999998</v>
      </c>
      <c r="L8033">
        <v>28955.705290000002</v>
      </c>
      <c r="M8033">
        <v>240116.79209999999</v>
      </c>
      <c r="N8033">
        <v>69434.275699999998</v>
      </c>
      <c r="O8033">
        <v>21598.480370000001</v>
      </c>
      <c r="P8033">
        <v>32193.525259999999</v>
      </c>
      <c r="Q8033">
        <v>55741.284769999998</v>
      </c>
      <c r="R8033">
        <v>19483.004939999999</v>
      </c>
      <c r="S8033">
        <v>90198.561900000001</v>
      </c>
      <c r="T8033">
        <v>34715.44556</v>
      </c>
      <c r="U8033">
        <v>14388.990460000001</v>
      </c>
      <c r="W8033" s="83">
        <f>Bühler!N8065</f>
        <v>45626.624999980522</v>
      </c>
      <c r="X8033" s="83">
        <v>43435.625</v>
      </c>
      <c r="Y8033">
        <v>174029.28880000001</v>
      </c>
      <c r="Z8033">
        <v>26633.805789999999</v>
      </c>
      <c r="AA8033">
        <v>87603.038690000001</v>
      </c>
      <c r="AB8033">
        <v>41806.069629999998</v>
      </c>
      <c r="AC8033">
        <v>38437.896869999997</v>
      </c>
      <c r="AD8033">
        <v>32685.74192</v>
      </c>
      <c r="AE8033">
        <v>27509.346020000001</v>
      </c>
      <c r="AF8033">
        <v>46598.669139999998</v>
      </c>
      <c r="AG8033">
        <v>28955.705290000002</v>
      </c>
      <c r="AH8033">
        <v>240116.79209999999</v>
      </c>
      <c r="AI8033">
        <v>69434.275699999998</v>
      </c>
      <c r="AJ8033">
        <v>21598.480370000001</v>
      </c>
      <c r="AK8033">
        <v>32193.525259999999</v>
      </c>
      <c r="AL8033">
        <v>55741.284769999998</v>
      </c>
      <c r="AM8033">
        <v>19483.004939999999</v>
      </c>
      <c r="AN8033">
        <v>90198.561900000001</v>
      </c>
      <c r="AO8033">
        <v>34715.44556</v>
      </c>
      <c r="AP8033">
        <v>14388.990460000001</v>
      </c>
    </row>
    <row r="8034" spans="2:42" x14ac:dyDescent="0.3">
      <c r="B8034">
        <v>46.538859254092628</v>
      </c>
      <c r="C8034" s="83">
        <v>43435.666666666664</v>
      </c>
      <c r="D8034">
        <v>173025.88029999999</v>
      </c>
      <c r="E8034">
        <v>26735.913089999998</v>
      </c>
      <c r="F8034">
        <v>87889.546340000001</v>
      </c>
      <c r="G8034">
        <v>42183.231010000003</v>
      </c>
      <c r="H8034">
        <v>39257.214160000003</v>
      </c>
      <c r="I8034">
        <v>34047.593269999998</v>
      </c>
      <c r="J8034">
        <v>28082.88637</v>
      </c>
      <c r="K8034">
        <v>47047.173009999999</v>
      </c>
      <c r="L8034">
        <v>28251.0959</v>
      </c>
      <c r="M8034">
        <v>237276.8075</v>
      </c>
      <c r="N8034">
        <v>72191.859930000006</v>
      </c>
      <c r="O8034">
        <v>21830.41041</v>
      </c>
      <c r="P8034">
        <v>32284.860659999998</v>
      </c>
      <c r="Q8034">
        <v>55189.089249999997</v>
      </c>
      <c r="R8034">
        <v>19657.790679999998</v>
      </c>
      <c r="S8034">
        <v>92145.982130000004</v>
      </c>
      <c r="T8034">
        <v>35726.544800000003</v>
      </c>
      <c r="U8034">
        <v>14751.322029999999</v>
      </c>
      <c r="W8034" s="83">
        <f>Bühler!N8066</f>
        <v>45626.666666647187</v>
      </c>
      <c r="X8034" s="83">
        <v>43435.666666666664</v>
      </c>
      <c r="Y8034">
        <v>173025.88029999999</v>
      </c>
      <c r="Z8034">
        <v>26735.913089999998</v>
      </c>
      <c r="AA8034">
        <v>87889.546340000001</v>
      </c>
      <c r="AB8034">
        <v>42183.231010000003</v>
      </c>
      <c r="AC8034">
        <v>39257.214160000003</v>
      </c>
      <c r="AD8034">
        <v>34047.593269999998</v>
      </c>
      <c r="AE8034">
        <v>28082.88637</v>
      </c>
      <c r="AF8034">
        <v>47047.173009999999</v>
      </c>
      <c r="AG8034">
        <v>28251.0959</v>
      </c>
      <c r="AH8034">
        <v>237276.8075</v>
      </c>
      <c r="AI8034">
        <v>72191.859930000006</v>
      </c>
      <c r="AJ8034">
        <v>21830.41041</v>
      </c>
      <c r="AK8034">
        <v>32284.860659999998</v>
      </c>
      <c r="AL8034">
        <v>55189.089249999997</v>
      </c>
      <c r="AM8034">
        <v>19657.790679999998</v>
      </c>
      <c r="AN8034">
        <v>92145.982130000004</v>
      </c>
      <c r="AO8034">
        <v>35726.544800000003</v>
      </c>
      <c r="AP8034">
        <v>14751.322029999999</v>
      </c>
    </row>
    <row r="8035" spans="2:42" x14ac:dyDescent="0.3">
      <c r="B8035">
        <v>46.053191891806932</v>
      </c>
      <c r="C8035" s="83">
        <v>43435.708333333336</v>
      </c>
      <c r="D8035">
        <v>173465.96460000001</v>
      </c>
      <c r="E8035">
        <v>27690.916829999998</v>
      </c>
      <c r="F8035">
        <v>90243.673219999997</v>
      </c>
      <c r="G8035">
        <v>43627.361259999998</v>
      </c>
      <c r="H8035">
        <v>41745.36148</v>
      </c>
      <c r="I8035">
        <v>34736.545230000003</v>
      </c>
      <c r="J8035">
        <v>30622.893940000002</v>
      </c>
      <c r="K8035">
        <v>47081.027719999998</v>
      </c>
      <c r="L8035">
        <v>30534.25476</v>
      </c>
      <c r="M8035">
        <v>234800.6488</v>
      </c>
      <c r="N8035">
        <v>74214.06654</v>
      </c>
      <c r="O8035">
        <v>22235.59908</v>
      </c>
      <c r="P8035">
        <v>35326.450100000002</v>
      </c>
      <c r="Q8035">
        <v>55145.933019999997</v>
      </c>
      <c r="R8035">
        <v>20589.310949999999</v>
      </c>
      <c r="S8035">
        <v>97718.97623</v>
      </c>
      <c r="T8035">
        <v>37365.74682</v>
      </c>
      <c r="U8035">
        <v>15529.613649999999</v>
      </c>
      <c r="W8035" s="83">
        <f>Bühler!N8067</f>
        <v>45626.708333313851</v>
      </c>
      <c r="X8035" s="83">
        <v>43435.708333333336</v>
      </c>
      <c r="Y8035">
        <v>173465.96460000001</v>
      </c>
      <c r="Z8035">
        <v>27690.916829999998</v>
      </c>
      <c r="AA8035">
        <v>90243.673219999997</v>
      </c>
      <c r="AB8035">
        <v>43627.361259999998</v>
      </c>
      <c r="AC8035">
        <v>41745.36148</v>
      </c>
      <c r="AD8035">
        <v>34736.545230000003</v>
      </c>
      <c r="AE8035">
        <v>30622.893940000002</v>
      </c>
      <c r="AF8035">
        <v>47081.027719999998</v>
      </c>
      <c r="AG8035">
        <v>30534.25476</v>
      </c>
      <c r="AH8035">
        <v>234800.6488</v>
      </c>
      <c r="AI8035">
        <v>74214.06654</v>
      </c>
      <c r="AJ8035">
        <v>22235.59908</v>
      </c>
      <c r="AK8035">
        <v>35326.450100000002</v>
      </c>
      <c r="AL8035">
        <v>55145.933019999997</v>
      </c>
      <c r="AM8035">
        <v>20589.310949999999</v>
      </c>
      <c r="AN8035">
        <v>97718.97623</v>
      </c>
      <c r="AO8035">
        <v>37365.74682</v>
      </c>
      <c r="AP8035">
        <v>15529.613649999999</v>
      </c>
    </row>
    <row r="8036" spans="2:42" x14ac:dyDescent="0.3">
      <c r="B8036">
        <v>45.815266010053492</v>
      </c>
      <c r="C8036" s="83">
        <v>43435.75</v>
      </c>
      <c r="D8036">
        <v>171843.49619999999</v>
      </c>
      <c r="E8036">
        <v>26574.865969999999</v>
      </c>
      <c r="F8036">
        <v>89064.008170000001</v>
      </c>
      <c r="G8036">
        <v>43493.650450000001</v>
      </c>
      <c r="H8036">
        <v>41229.003210000003</v>
      </c>
      <c r="I8036">
        <v>34967.280680000003</v>
      </c>
      <c r="J8036">
        <v>31045.712</v>
      </c>
      <c r="K8036">
        <v>45382.461369999997</v>
      </c>
      <c r="L8036">
        <v>33711.692600000002</v>
      </c>
      <c r="M8036">
        <v>233587.59169999999</v>
      </c>
      <c r="N8036">
        <v>76338.573329999999</v>
      </c>
      <c r="O8036">
        <v>22546.01555</v>
      </c>
      <c r="P8036">
        <v>37919.27001</v>
      </c>
      <c r="Q8036">
        <v>53905.982060000002</v>
      </c>
      <c r="R8036">
        <v>21546.303329999999</v>
      </c>
      <c r="S8036">
        <v>96811.424400000004</v>
      </c>
      <c r="T8036">
        <v>37065.349950000003</v>
      </c>
      <c r="U8036">
        <v>15520.143120000001</v>
      </c>
      <c r="W8036" s="83">
        <f>Bühler!N8068</f>
        <v>45626.749999980515</v>
      </c>
      <c r="X8036" s="83">
        <v>43435.75</v>
      </c>
      <c r="Y8036">
        <v>171843.49619999999</v>
      </c>
      <c r="Z8036">
        <v>26574.865969999999</v>
      </c>
      <c r="AA8036">
        <v>89064.008170000001</v>
      </c>
      <c r="AB8036">
        <v>43493.650450000001</v>
      </c>
      <c r="AC8036">
        <v>41229.003210000003</v>
      </c>
      <c r="AD8036">
        <v>34967.280680000003</v>
      </c>
      <c r="AE8036">
        <v>31045.712</v>
      </c>
      <c r="AF8036">
        <v>45382.461369999997</v>
      </c>
      <c r="AG8036">
        <v>33711.692600000002</v>
      </c>
      <c r="AH8036">
        <v>233587.59169999999</v>
      </c>
      <c r="AI8036">
        <v>76338.573329999999</v>
      </c>
      <c r="AJ8036">
        <v>22546.01555</v>
      </c>
      <c r="AK8036">
        <v>37919.27001</v>
      </c>
      <c r="AL8036">
        <v>53905.982060000002</v>
      </c>
      <c r="AM8036">
        <v>21546.303329999999</v>
      </c>
      <c r="AN8036">
        <v>96811.424400000004</v>
      </c>
      <c r="AO8036">
        <v>37065.349950000003</v>
      </c>
      <c r="AP8036">
        <v>15520.143120000001</v>
      </c>
    </row>
    <row r="8037" spans="2:42" x14ac:dyDescent="0.3">
      <c r="B8037">
        <v>45.396169137251462</v>
      </c>
      <c r="C8037" s="83">
        <v>43435.791666666664</v>
      </c>
      <c r="D8037">
        <v>170963.64369999999</v>
      </c>
      <c r="E8037">
        <v>22782.22568</v>
      </c>
      <c r="F8037">
        <v>76766.871190000005</v>
      </c>
      <c r="G8037">
        <v>43622.964310000003</v>
      </c>
      <c r="H8037">
        <v>40395.621939999997</v>
      </c>
      <c r="I8037">
        <v>34034.740290000002</v>
      </c>
      <c r="J8037">
        <v>30358.5134</v>
      </c>
      <c r="K8037">
        <v>44729.032330000002</v>
      </c>
      <c r="L8037">
        <v>34718.01453</v>
      </c>
      <c r="M8037">
        <v>231450.84039999999</v>
      </c>
      <c r="N8037">
        <v>77304.110750000007</v>
      </c>
      <c r="O8037">
        <v>22437.872039999998</v>
      </c>
      <c r="P8037">
        <v>38857.360699999997</v>
      </c>
      <c r="Q8037">
        <v>52423.844069999999</v>
      </c>
      <c r="R8037">
        <v>21841.917290000001</v>
      </c>
      <c r="S8037">
        <v>94810.150039999993</v>
      </c>
      <c r="T8037">
        <v>35512.341979999997</v>
      </c>
      <c r="U8037">
        <v>15476.00596</v>
      </c>
      <c r="W8037" s="83">
        <f>Bühler!N8069</f>
        <v>45626.791666647179</v>
      </c>
      <c r="X8037" s="83">
        <v>43435.791666666664</v>
      </c>
      <c r="Y8037">
        <v>170963.64369999999</v>
      </c>
      <c r="Z8037">
        <v>22782.22568</v>
      </c>
      <c r="AA8037">
        <v>76766.871190000005</v>
      </c>
      <c r="AB8037">
        <v>43622.964310000003</v>
      </c>
      <c r="AC8037">
        <v>40395.621939999997</v>
      </c>
      <c r="AD8037">
        <v>34034.740290000002</v>
      </c>
      <c r="AE8037">
        <v>30358.5134</v>
      </c>
      <c r="AF8037">
        <v>44729.032330000002</v>
      </c>
      <c r="AG8037">
        <v>34718.01453</v>
      </c>
      <c r="AH8037">
        <v>231450.84039999999</v>
      </c>
      <c r="AI8037">
        <v>77304.110750000007</v>
      </c>
      <c r="AJ8037">
        <v>22437.872039999998</v>
      </c>
      <c r="AK8037">
        <v>38857.360699999997</v>
      </c>
      <c r="AL8037">
        <v>52423.844069999999</v>
      </c>
      <c r="AM8037">
        <v>21841.917290000001</v>
      </c>
      <c r="AN8037">
        <v>94810.150039999993</v>
      </c>
      <c r="AO8037">
        <v>35512.341979999997</v>
      </c>
      <c r="AP8037">
        <v>15476.00596</v>
      </c>
    </row>
    <row r="8038" spans="2:42" x14ac:dyDescent="0.3">
      <c r="B8038">
        <v>44.646864690821666</v>
      </c>
      <c r="C8038" s="83">
        <v>43435.833333333336</v>
      </c>
      <c r="D8038">
        <v>170300.14120000001</v>
      </c>
      <c r="E8038">
        <v>17751.902429999998</v>
      </c>
      <c r="F8038">
        <v>57954.423940000001</v>
      </c>
      <c r="G8038">
        <v>43293.979489999998</v>
      </c>
      <c r="H8038">
        <v>39384.15165</v>
      </c>
      <c r="I8038">
        <v>31331.697810000001</v>
      </c>
      <c r="J8038">
        <v>29694.575560000001</v>
      </c>
      <c r="K8038">
        <v>45359.656969999996</v>
      </c>
      <c r="L8038">
        <v>34754.349130000002</v>
      </c>
      <c r="M8038">
        <v>227630.53690000001</v>
      </c>
      <c r="N8038">
        <v>76561.476370000004</v>
      </c>
      <c r="O8038">
        <v>21701.440419999999</v>
      </c>
      <c r="P8038">
        <v>38628.538350000003</v>
      </c>
      <c r="Q8038">
        <v>51100.5648</v>
      </c>
      <c r="R8038">
        <v>19898.040809999999</v>
      </c>
      <c r="S8038">
        <v>87697.847110000002</v>
      </c>
      <c r="T8038">
        <v>31952.14372</v>
      </c>
      <c r="U8038">
        <v>15199.0507</v>
      </c>
      <c r="W8038" s="83">
        <f>Bühler!N8070</f>
        <v>45626.833333313843</v>
      </c>
      <c r="X8038" s="83">
        <v>43435.833333333336</v>
      </c>
      <c r="Y8038">
        <v>170300.14120000001</v>
      </c>
      <c r="Z8038">
        <v>17751.902429999998</v>
      </c>
      <c r="AA8038">
        <v>57954.423940000001</v>
      </c>
      <c r="AB8038">
        <v>43293.979489999998</v>
      </c>
      <c r="AC8038">
        <v>39384.15165</v>
      </c>
      <c r="AD8038">
        <v>31331.697810000001</v>
      </c>
      <c r="AE8038">
        <v>29694.575560000001</v>
      </c>
      <c r="AF8038">
        <v>45359.656969999996</v>
      </c>
      <c r="AG8038">
        <v>34754.349130000002</v>
      </c>
      <c r="AH8038">
        <v>227630.53690000001</v>
      </c>
      <c r="AI8038">
        <v>76561.476370000004</v>
      </c>
      <c r="AJ8038">
        <v>21701.440419999999</v>
      </c>
      <c r="AK8038">
        <v>38628.538350000003</v>
      </c>
      <c r="AL8038">
        <v>51100.5648</v>
      </c>
      <c r="AM8038">
        <v>19898.040809999999</v>
      </c>
      <c r="AN8038">
        <v>87697.847110000002</v>
      </c>
      <c r="AO8038">
        <v>31952.14372</v>
      </c>
      <c r="AP8038">
        <v>15199.0507</v>
      </c>
    </row>
    <row r="8039" spans="2:42" x14ac:dyDescent="0.3">
      <c r="B8039">
        <v>44.467995823433945</v>
      </c>
      <c r="C8039" s="83">
        <v>43435.875</v>
      </c>
      <c r="D8039">
        <v>169091.0975</v>
      </c>
      <c r="E8039">
        <v>15872.32216</v>
      </c>
      <c r="F8039">
        <v>50166.105519999997</v>
      </c>
      <c r="G8039">
        <v>42780.520320000003</v>
      </c>
      <c r="H8039">
        <v>38155.197719999996</v>
      </c>
      <c r="I8039">
        <v>28181.954450000001</v>
      </c>
      <c r="J8039">
        <v>28807.556100000002</v>
      </c>
      <c r="K8039">
        <v>45901.959089999997</v>
      </c>
      <c r="L8039">
        <v>32681.125390000001</v>
      </c>
      <c r="M8039">
        <v>226718.58</v>
      </c>
      <c r="N8039">
        <v>75725.765230000005</v>
      </c>
      <c r="O8039">
        <v>21503.352559999999</v>
      </c>
      <c r="P8039">
        <v>37599.521350000003</v>
      </c>
      <c r="Q8039">
        <v>50544.413119999997</v>
      </c>
      <c r="R8039">
        <v>19388.247650000001</v>
      </c>
      <c r="S8039">
        <v>84269.309959999999</v>
      </c>
      <c r="T8039">
        <v>30591.443370000001</v>
      </c>
      <c r="U8039">
        <v>15268.119479999999</v>
      </c>
      <c r="W8039" s="83">
        <f>Bühler!N8071</f>
        <v>45626.874999980508</v>
      </c>
      <c r="X8039" s="83">
        <v>43435.875</v>
      </c>
      <c r="Y8039">
        <v>169091.0975</v>
      </c>
      <c r="Z8039">
        <v>15872.32216</v>
      </c>
      <c r="AA8039">
        <v>50166.105519999997</v>
      </c>
      <c r="AB8039">
        <v>42780.520320000003</v>
      </c>
      <c r="AC8039">
        <v>38155.197719999996</v>
      </c>
      <c r="AD8039">
        <v>28181.954450000001</v>
      </c>
      <c r="AE8039">
        <v>28807.556100000002</v>
      </c>
      <c r="AF8039">
        <v>45901.959089999997</v>
      </c>
      <c r="AG8039">
        <v>32681.125390000001</v>
      </c>
      <c r="AH8039">
        <v>226718.58</v>
      </c>
      <c r="AI8039">
        <v>75725.765230000005</v>
      </c>
      <c r="AJ8039">
        <v>21503.352559999999</v>
      </c>
      <c r="AK8039">
        <v>37599.521350000003</v>
      </c>
      <c r="AL8039">
        <v>50544.413119999997</v>
      </c>
      <c r="AM8039">
        <v>19388.247650000001</v>
      </c>
      <c r="AN8039">
        <v>84269.309959999999</v>
      </c>
      <c r="AO8039">
        <v>30591.443370000001</v>
      </c>
      <c r="AP8039">
        <v>15268.119479999999</v>
      </c>
    </row>
    <row r="8040" spans="2:42" x14ac:dyDescent="0.3">
      <c r="B8040">
        <v>44.695327715470221</v>
      </c>
      <c r="C8040" s="83">
        <v>43435.916666666664</v>
      </c>
      <c r="D8040">
        <v>169287.46109999999</v>
      </c>
      <c r="E8040">
        <v>15568.91534</v>
      </c>
      <c r="F8040">
        <v>47998.914190000003</v>
      </c>
      <c r="G8040">
        <v>42704.616580000002</v>
      </c>
      <c r="H8040">
        <v>38719.385739999998</v>
      </c>
      <c r="I8040">
        <v>26776.150140000002</v>
      </c>
      <c r="J8040">
        <v>28162.142349999998</v>
      </c>
      <c r="K8040">
        <v>50735.085899999998</v>
      </c>
      <c r="L8040">
        <v>29676.122289999999</v>
      </c>
      <c r="M8040">
        <v>227877.62400000001</v>
      </c>
      <c r="N8040">
        <v>76197.939159999994</v>
      </c>
      <c r="O8040">
        <v>22031.214049999999</v>
      </c>
      <c r="P8040">
        <v>40516.606319999999</v>
      </c>
      <c r="Q8040">
        <v>49374.784529999997</v>
      </c>
      <c r="R8040">
        <v>26644.548050000001</v>
      </c>
      <c r="S8040">
        <v>83206.993029999998</v>
      </c>
      <c r="T8040">
        <v>29294.841479999999</v>
      </c>
      <c r="U8040">
        <v>16123.821529999999</v>
      </c>
      <c r="W8040" s="83">
        <f>Bühler!N8072</f>
        <v>45626.916666647172</v>
      </c>
      <c r="X8040" s="83">
        <v>43435.916666666664</v>
      </c>
      <c r="Y8040">
        <v>169287.46109999999</v>
      </c>
      <c r="Z8040">
        <v>15568.91534</v>
      </c>
      <c r="AA8040">
        <v>47998.914190000003</v>
      </c>
      <c r="AB8040">
        <v>42704.616580000002</v>
      </c>
      <c r="AC8040">
        <v>38719.385739999998</v>
      </c>
      <c r="AD8040">
        <v>26776.150140000002</v>
      </c>
      <c r="AE8040">
        <v>28162.142349999998</v>
      </c>
      <c r="AF8040">
        <v>50735.085899999998</v>
      </c>
      <c r="AG8040">
        <v>29676.122289999999</v>
      </c>
      <c r="AH8040">
        <v>227877.62400000001</v>
      </c>
      <c r="AI8040">
        <v>76197.939159999994</v>
      </c>
      <c r="AJ8040">
        <v>22031.214049999999</v>
      </c>
      <c r="AK8040">
        <v>40516.606319999999</v>
      </c>
      <c r="AL8040">
        <v>49374.784529999997</v>
      </c>
      <c r="AM8040">
        <v>26644.548050000001</v>
      </c>
      <c r="AN8040">
        <v>83206.993029999998</v>
      </c>
      <c r="AO8040">
        <v>29294.841479999999</v>
      </c>
      <c r="AP8040">
        <v>16123.821529999999</v>
      </c>
    </row>
    <row r="8041" spans="2:42" x14ac:dyDescent="0.3">
      <c r="B8041">
        <v>44.428944393720357</v>
      </c>
      <c r="C8041" s="83">
        <v>43435.958333333336</v>
      </c>
      <c r="D8041">
        <v>168648.64369999999</v>
      </c>
      <c r="E8041">
        <v>15365.841549999999</v>
      </c>
      <c r="F8041">
        <v>47051.221850000002</v>
      </c>
      <c r="G8041">
        <v>42718.877619999999</v>
      </c>
      <c r="H8041">
        <v>38195.437980000002</v>
      </c>
      <c r="I8041">
        <v>26329.595519999999</v>
      </c>
      <c r="J8041">
        <v>26557.961459999999</v>
      </c>
      <c r="K8041">
        <v>50522.166519999999</v>
      </c>
      <c r="L8041">
        <v>25875.14688</v>
      </c>
      <c r="M8041">
        <v>226519.47760000001</v>
      </c>
      <c r="N8041">
        <v>76023.759779999993</v>
      </c>
      <c r="O8041">
        <v>22157.045620000001</v>
      </c>
      <c r="P8041">
        <v>36026.882510000003</v>
      </c>
      <c r="Q8041">
        <v>49281.078930000003</v>
      </c>
      <c r="R8041">
        <v>26485.6947</v>
      </c>
      <c r="S8041">
        <v>82037.895990000005</v>
      </c>
      <c r="T8041">
        <v>31904.19342</v>
      </c>
      <c r="U8041">
        <v>16085.029479999999</v>
      </c>
      <c r="W8041" s="83">
        <f>Bühler!N8073</f>
        <v>45626.958333313836</v>
      </c>
      <c r="X8041" s="83">
        <v>43435.958333333336</v>
      </c>
      <c r="Y8041">
        <v>168648.64369999999</v>
      </c>
      <c r="Z8041">
        <v>15365.841549999999</v>
      </c>
      <c r="AA8041">
        <v>47051.221850000002</v>
      </c>
      <c r="AB8041">
        <v>42718.877619999999</v>
      </c>
      <c r="AC8041">
        <v>38195.437980000002</v>
      </c>
      <c r="AD8041">
        <v>26329.595519999999</v>
      </c>
      <c r="AE8041">
        <v>26557.961459999999</v>
      </c>
      <c r="AF8041">
        <v>50522.166519999999</v>
      </c>
      <c r="AG8041">
        <v>25875.14688</v>
      </c>
      <c r="AH8041">
        <v>226519.47760000001</v>
      </c>
      <c r="AI8041">
        <v>76023.759779999993</v>
      </c>
      <c r="AJ8041">
        <v>22157.045620000001</v>
      </c>
      <c r="AK8041">
        <v>36026.882510000003</v>
      </c>
      <c r="AL8041">
        <v>49281.078930000003</v>
      </c>
      <c r="AM8041">
        <v>26485.6947</v>
      </c>
      <c r="AN8041">
        <v>82037.895990000005</v>
      </c>
      <c r="AO8041">
        <v>31904.19342</v>
      </c>
      <c r="AP8041">
        <v>16085.029479999999</v>
      </c>
    </row>
    <row r="8042" spans="2:42" x14ac:dyDescent="0.3">
      <c r="B8042">
        <v>44.126837760726637</v>
      </c>
      <c r="C8042" s="83">
        <v>43436</v>
      </c>
      <c r="D8042">
        <v>167609.4129</v>
      </c>
      <c r="E8042">
        <v>15080.68138</v>
      </c>
      <c r="F8042">
        <v>46794.766349999998</v>
      </c>
      <c r="G8042">
        <v>42765.043109999999</v>
      </c>
      <c r="H8042">
        <v>37618.657520000001</v>
      </c>
      <c r="I8042">
        <v>24089.775099999999</v>
      </c>
      <c r="J8042">
        <v>25593.63984</v>
      </c>
      <c r="K8042">
        <v>49443.401559999998</v>
      </c>
      <c r="L8042">
        <v>21970.379229999999</v>
      </c>
      <c r="M8042">
        <v>224979.19709999999</v>
      </c>
      <c r="N8042">
        <v>74309.573489999995</v>
      </c>
      <c r="O8042">
        <v>22103.194589999999</v>
      </c>
      <c r="P8042">
        <v>33420.44356</v>
      </c>
      <c r="Q8042">
        <v>49816.793680000002</v>
      </c>
      <c r="R8042">
        <v>24675.402409999999</v>
      </c>
      <c r="S8042">
        <v>80883.836819999997</v>
      </c>
      <c r="T8042">
        <v>29977.752349999999</v>
      </c>
      <c r="U8042">
        <v>15962.70019</v>
      </c>
      <c r="W8042" s="83">
        <f>Bühler!N8074</f>
        <v>45626.9999999805</v>
      </c>
      <c r="X8042" s="83">
        <v>43436</v>
      </c>
      <c r="Y8042">
        <v>167609.4129</v>
      </c>
      <c r="Z8042">
        <v>15080.68138</v>
      </c>
      <c r="AA8042">
        <v>46794.766349999998</v>
      </c>
      <c r="AB8042">
        <v>42765.043109999999</v>
      </c>
      <c r="AC8042">
        <v>37618.657520000001</v>
      </c>
      <c r="AD8042">
        <v>24089.775099999999</v>
      </c>
      <c r="AE8042">
        <v>25593.63984</v>
      </c>
      <c r="AF8042">
        <v>49443.401559999998</v>
      </c>
      <c r="AG8042">
        <v>21970.379229999999</v>
      </c>
      <c r="AH8042">
        <v>224979.19709999999</v>
      </c>
      <c r="AI8042">
        <v>74309.573489999995</v>
      </c>
      <c r="AJ8042">
        <v>22103.194589999999</v>
      </c>
      <c r="AK8042">
        <v>33420.44356</v>
      </c>
      <c r="AL8042">
        <v>49816.793680000002</v>
      </c>
      <c r="AM8042">
        <v>24675.402409999999</v>
      </c>
      <c r="AN8042">
        <v>80883.836819999997</v>
      </c>
      <c r="AO8042">
        <v>29977.752349999999</v>
      </c>
      <c r="AP8042">
        <v>15962.70019</v>
      </c>
    </row>
    <row r="8043" spans="2:42" x14ac:dyDescent="0.3">
      <c r="B8043">
        <v>44.028505602313736</v>
      </c>
      <c r="C8043" s="83">
        <v>43436.041666666664</v>
      </c>
      <c r="D8043">
        <v>166831.20050000001</v>
      </c>
      <c r="E8043">
        <v>15118.667869999999</v>
      </c>
      <c r="F8043">
        <v>47272.467729999997</v>
      </c>
      <c r="G8043">
        <v>42540.656360000001</v>
      </c>
      <c r="H8043">
        <v>36997.755669999999</v>
      </c>
      <c r="I8043">
        <v>20848.48589</v>
      </c>
      <c r="J8043">
        <v>25471.87228</v>
      </c>
      <c r="K8043">
        <v>47981.452619999996</v>
      </c>
      <c r="L8043">
        <v>19739.739740000001</v>
      </c>
      <c r="M8043">
        <v>224477.85389999999</v>
      </c>
      <c r="N8043">
        <v>73273.343399999998</v>
      </c>
      <c r="O8043">
        <v>22057.767660000001</v>
      </c>
      <c r="P8043">
        <v>30979.177189999999</v>
      </c>
      <c r="Q8043">
        <v>50912.937089999999</v>
      </c>
      <c r="R8043">
        <v>23986.29364</v>
      </c>
      <c r="S8043">
        <v>79844.175659999994</v>
      </c>
      <c r="T8043">
        <v>28533.76023</v>
      </c>
      <c r="U8043">
        <v>16024.59641</v>
      </c>
      <c r="W8043" s="83">
        <f>Bühler!N8075</f>
        <v>45627.041666647165</v>
      </c>
      <c r="X8043" s="83">
        <v>43436.041666666664</v>
      </c>
      <c r="Y8043">
        <v>166831.20050000001</v>
      </c>
      <c r="Z8043">
        <v>15118.667869999999</v>
      </c>
      <c r="AA8043">
        <v>47272.467729999997</v>
      </c>
      <c r="AB8043">
        <v>42540.656360000001</v>
      </c>
      <c r="AC8043">
        <v>36997.755669999999</v>
      </c>
      <c r="AD8043">
        <v>20848.48589</v>
      </c>
      <c r="AE8043">
        <v>25471.87228</v>
      </c>
      <c r="AF8043">
        <v>47981.452619999996</v>
      </c>
      <c r="AG8043">
        <v>19739.739740000001</v>
      </c>
      <c r="AH8043">
        <v>224477.85389999999</v>
      </c>
      <c r="AI8043">
        <v>73273.343399999998</v>
      </c>
      <c r="AJ8043">
        <v>22057.767660000001</v>
      </c>
      <c r="AK8043">
        <v>30979.177189999999</v>
      </c>
      <c r="AL8043">
        <v>50912.937089999999</v>
      </c>
      <c r="AM8043">
        <v>23986.29364</v>
      </c>
      <c r="AN8043">
        <v>79844.175659999994</v>
      </c>
      <c r="AO8043">
        <v>28533.76023</v>
      </c>
      <c r="AP8043">
        <v>16024.59641</v>
      </c>
    </row>
    <row r="8044" spans="2:42" x14ac:dyDescent="0.3">
      <c r="B8044">
        <v>44.228032642755039</v>
      </c>
      <c r="C8044" s="83">
        <v>43436.083333333336</v>
      </c>
      <c r="D8044">
        <v>166641.6857</v>
      </c>
      <c r="E8044">
        <v>14952.806210000001</v>
      </c>
      <c r="F8044">
        <v>47432.774949999999</v>
      </c>
      <c r="G8044">
        <v>42224.609900000003</v>
      </c>
      <c r="H8044">
        <v>37015.238219999999</v>
      </c>
      <c r="I8044">
        <v>18485.153969999999</v>
      </c>
      <c r="J8044">
        <v>25268.91059</v>
      </c>
      <c r="K8044">
        <v>46777.046150000002</v>
      </c>
      <c r="L8044">
        <v>19041.79363</v>
      </c>
      <c r="M8044">
        <v>225495.13579999999</v>
      </c>
      <c r="N8044">
        <v>72918.458499999993</v>
      </c>
      <c r="O8044">
        <v>21926.54105</v>
      </c>
      <c r="P8044">
        <v>29760.696110000001</v>
      </c>
      <c r="Q8044">
        <v>52425.450219999999</v>
      </c>
      <c r="R8044">
        <v>22511.529450000002</v>
      </c>
      <c r="S8044">
        <v>79071.454240000006</v>
      </c>
      <c r="T8044">
        <v>27790.863689999998</v>
      </c>
      <c r="U8044">
        <v>16198.82115</v>
      </c>
      <c r="W8044" s="83">
        <f>Bühler!N8076</f>
        <v>45627.083333313829</v>
      </c>
      <c r="X8044" s="83">
        <v>43436.083333333336</v>
      </c>
      <c r="Y8044">
        <v>166641.6857</v>
      </c>
      <c r="Z8044">
        <v>14952.806210000001</v>
      </c>
      <c r="AA8044">
        <v>47432.774949999999</v>
      </c>
      <c r="AB8044">
        <v>42224.609900000003</v>
      </c>
      <c r="AC8044">
        <v>37015.238219999999</v>
      </c>
      <c r="AD8044">
        <v>18485.153969999999</v>
      </c>
      <c r="AE8044">
        <v>25268.91059</v>
      </c>
      <c r="AF8044">
        <v>46777.046150000002</v>
      </c>
      <c r="AG8044">
        <v>19041.79363</v>
      </c>
      <c r="AH8044">
        <v>225495.13579999999</v>
      </c>
      <c r="AI8044">
        <v>72918.458499999993</v>
      </c>
      <c r="AJ8044">
        <v>21926.54105</v>
      </c>
      <c r="AK8044">
        <v>29760.696110000001</v>
      </c>
      <c r="AL8044">
        <v>52425.450219999999</v>
      </c>
      <c r="AM8044">
        <v>22511.529450000002</v>
      </c>
      <c r="AN8044">
        <v>79071.454240000006</v>
      </c>
      <c r="AO8044">
        <v>27790.863689999998</v>
      </c>
      <c r="AP8044">
        <v>16198.82115</v>
      </c>
    </row>
    <row r="8045" spans="2:42" x14ac:dyDescent="0.3">
      <c r="B8045">
        <v>43.506912201153817</v>
      </c>
      <c r="C8045" s="83">
        <v>43436.125</v>
      </c>
      <c r="D8045">
        <v>165901.75159999999</v>
      </c>
      <c r="E8045">
        <v>15046.974190000001</v>
      </c>
      <c r="F8045">
        <v>47046.362139999997</v>
      </c>
      <c r="G8045">
        <v>41159.524680000002</v>
      </c>
      <c r="H8045">
        <v>36724.945979999997</v>
      </c>
      <c r="I8045">
        <v>17647.137750000002</v>
      </c>
      <c r="J8045">
        <v>25190.194159999999</v>
      </c>
      <c r="K8045">
        <v>45629.9954</v>
      </c>
      <c r="L8045">
        <v>18515.55744</v>
      </c>
      <c r="M8045">
        <v>221818.5275</v>
      </c>
      <c r="N8045">
        <v>72687.183279999997</v>
      </c>
      <c r="O8045">
        <v>21744.40466</v>
      </c>
      <c r="P8045">
        <v>28968.164939999999</v>
      </c>
      <c r="Q8045">
        <v>53502.297140000002</v>
      </c>
      <c r="R8045">
        <v>22224.375929999998</v>
      </c>
      <c r="S8045">
        <v>78586.087849999996</v>
      </c>
      <c r="T8045">
        <v>27523.625069999998</v>
      </c>
      <c r="U8045">
        <v>16294.981169999999</v>
      </c>
      <c r="W8045" s="83">
        <f>Bühler!N8077</f>
        <v>45627.124999980493</v>
      </c>
      <c r="X8045" s="83">
        <v>43436.125</v>
      </c>
      <c r="Y8045">
        <v>165901.75159999999</v>
      </c>
      <c r="Z8045">
        <v>15046.974190000001</v>
      </c>
      <c r="AA8045">
        <v>47046.362139999997</v>
      </c>
      <c r="AB8045">
        <v>41159.524680000002</v>
      </c>
      <c r="AC8045">
        <v>36724.945979999997</v>
      </c>
      <c r="AD8045">
        <v>17647.137750000002</v>
      </c>
      <c r="AE8045">
        <v>25190.194159999999</v>
      </c>
      <c r="AF8045">
        <v>45629.9954</v>
      </c>
      <c r="AG8045">
        <v>18515.55744</v>
      </c>
      <c r="AH8045">
        <v>221818.5275</v>
      </c>
      <c r="AI8045">
        <v>72687.183279999997</v>
      </c>
      <c r="AJ8045">
        <v>21744.40466</v>
      </c>
      <c r="AK8045">
        <v>28968.164939999999</v>
      </c>
      <c r="AL8045">
        <v>53502.297140000002</v>
      </c>
      <c r="AM8045">
        <v>22224.375929999998</v>
      </c>
      <c r="AN8045">
        <v>78586.087849999996</v>
      </c>
      <c r="AO8045">
        <v>27523.625069999998</v>
      </c>
      <c r="AP8045">
        <v>16294.981169999999</v>
      </c>
    </row>
    <row r="8046" spans="2:42" x14ac:dyDescent="0.3">
      <c r="B8046">
        <v>43.188848612765398</v>
      </c>
      <c r="C8046" s="83">
        <v>43436.166666666664</v>
      </c>
      <c r="D8046">
        <v>165209.23550000001</v>
      </c>
      <c r="E8046">
        <v>14916.0427</v>
      </c>
      <c r="F8046">
        <v>47767.373229999997</v>
      </c>
      <c r="G8046">
        <v>40492.718110000002</v>
      </c>
      <c r="H8046">
        <v>36583.307630000003</v>
      </c>
      <c r="I8046">
        <v>18613.949949999998</v>
      </c>
      <c r="J8046">
        <v>26248.465029999999</v>
      </c>
      <c r="K8046">
        <v>44924.123420000004</v>
      </c>
      <c r="L8046">
        <v>18316.49828</v>
      </c>
      <c r="M8046">
        <v>220196.891</v>
      </c>
      <c r="N8046">
        <v>72383.833530000004</v>
      </c>
      <c r="O8046">
        <v>21880.63193</v>
      </c>
      <c r="P8046">
        <v>27952.571329999999</v>
      </c>
      <c r="Q8046">
        <v>53566.1342</v>
      </c>
      <c r="R8046">
        <v>21459.42222</v>
      </c>
      <c r="S8046">
        <v>79301.826459999997</v>
      </c>
      <c r="T8046">
        <v>27558.067210000001</v>
      </c>
      <c r="U8046">
        <v>15939.706330000001</v>
      </c>
      <c r="W8046" s="83">
        <f>Bühler!N8078</f>
        <v>45627.166666647157</v>
      </c>
      <c r="X8046" s="83">
        <v>43436.166666666664</v>
      </c>
      <c r="Y8046">
        <v>165209.23550000001</v>
      </c>
      <c r="Z8046">
        <v>14916.0427</v>
      </c>
      <c r="AA8046">
        <v>47767.373229999997</v>
      </c>
      <c r="AB8046">
        <v>40492.718110000002</v>
      </c>
      <c r="AC8046">
        <v>36583.307630000003</v>
      </c>
      <c r="AD8046">
        <v>18613.949949999998</v>
      </c>
      <c r="AE8046">
        <v>26248.465029999999</v>
      </c>
      <c r="AF8046">
        <v>44924.123420000004</v>
      </c>
      <c r="AG8046">
        <v>18316.49828</v>
      </c>
      <c r="AH8046">
        <v>220196.891</v>
      </c>
      <c r="AI8046">
        <v>72383.833530000004</v>
      </c>
      <c r="AJ8046">
        <v>21880.63193</v>
      </c>
      <c r="AK8046">
        <v>27952.571329999999</v>
      </c>
      <c r="AL8046">
        <v>53566.1342</v>
      </c>
      <c r="AM8046">
        <v>21459.42222</v>
      </c>
      <c r="AN8046">
        <v>79301.826459999997</v>
      </c>
      <c r="AO8046">
        <v>27558.067210000001</v>
      </c>
      <c r="AP8046">
        <v>15939.706330000001</v>
      </c>
    </row>
    <row r="8047" spans="2:42" x14ac:dyDescent="0.3">
      <c r="B8047">
        <v>43.022980674589377</v>
      </c>
      <c r="C8047" s="83">
        <v>43436.208333333336</v>
      </c>
      <c r="D8047">
        <v>165262.4362</v>
      </c>
      <c r="E8047">
        <v>15137.679319999999</v>
      </c>
      <c r="F8047">
        <v>49795.997109999997</v>
      </c>
      <c r="G8047">
        <v>40688.438889999998</v>
      </c>
      <c r="H8047">
        <v>36878.442629999998</v>
      </c>
      <c r="I8047">
        <v>22533.994900000002</v>
      </c>
      <c r="J8047">
        <v>27917.089489999998</v>
      </c>
      <c r="K8047">
        <v>42998.368020000002</v>
      </c>
      <c r="L8047">
        <v>18381.687140000002</v>
      </c>
      <c r="M8047">
        <v>219351.21890000001</v>
      </c>
      <c r="N8047">
        <v>72018.797709999999</v>
      </c>
      <c r="O8047">
        <v>21564.498500000002</v>
      </c>
      <c r="P8047">
        <v>29436.03775</v>
      </c>
      <c r="Q8047">
        <v>54720.039429999997</v>
      </c>
      <c r="R8047">
        <v>21241.908009999999</v>
      </c>
      <c r="S8047">
        <v>80809.112169999993</v>
      </c>
      <c r="T8047">
        <v>27574.359779999999</v>
      </c>
      <c r="U8047">
        <v>15501.42261</v>
      </c>
      <c r="W8047" s="83">
        <f>Bühler!N8079</f>
        <v>45627.208333313822</v>
      </c>
      <c r="X8047" s="83">
        <v>43436.208333333336</v>
      </c>
      <c r="Y8047">
        <v>165262.4362</v>
      </c>
      <c r="Z8047">
        <v>15137.679319999999</v>
      </c>
      <c r="AA8047">
        <v>49795.997109999997</v>
      </c>
      <c r="AB8047">
        <v>40688.438889999998</v>
      </c>
      <c r="AC8047">
        <v>36878.442629999998</v>
      </c>
      <c r="AD8047">
        <v>22533.994900000002</v>
      </c>
      <c r="AE8047">
        <v>27917.089489999998</v>
      </c>
      <c r="AF8047">
        <v>42998.368020000002</v>
      </c>
      <c r="AG8047">
        <v>18381.687140000002</v>
      </c>
      <c r="AH8047">
        <v>219351.21890000001</v>
      </c>
      <c r="AI8047">
        <v>72018.797709999999</v>
      </c>
      <c r="AJ8047">
        <v>21564.498500000002</v>
      </c>
      <c r="AK8047">
        <v>29436.03775</v>
      </c>
      <c r="AL8047">
        <v>54720.039429999997</v>
      </c>
      <c r="AM8047">
        <v>21241.908009999999</v>
      </c>
      <c r="AN8047">
        <v>80809.112169999993</v>
      </c>
      <c r="AO8047">
        <v>27574.359779999999</v>
      </c>
      <c r="AP8047">
        <v>15501.42261</v>
      </c>
    </row>
    <row r="8048" spans="2:42" x14ac:dyDescent="0.3">
      <c r="B8048">
        <v>43.564925313364846</v>
      </c>
      <c r="C8048" s="83">
        <v>43436.25</v>
      </c>
      <c r="D8048">
        <v>165278.34880000001</v>
      </c>
      <c r="E8048">
        <v>15379.21308</v>
      </c>
      <c r="F8048">
        <v>52108.383269999998</v>
      </c>
      <c r="G8048">
        <v>41304.903550000003</v>
      </c>
      <c r="H8048">
        <v>37010.79466</v>
      </c>
      <c r="I8048">
        <v>25124.21574</v>
      </c>
      <c r="J8048">
        <v>30150.96486</v>
      </c>
      <c r="K8048">
        <v>42442.19255</v>
      </c>
      <c r="L8048">
        <v>19099.44529</v>
      </c>
      <c r="M8048">
        <v>222114.30540000001</v>
      </c>
      <c r="N8048">
        <v>71079.830059999993</v>
      </c>
      <c r="O8048">
        <v>20966.405750000002</v>
      </c>
      <c r="P8048">
        <v>29876.847890000001</v>
      </c>
      <c r="Q8048">
        <v>54184.914169999996</v>
      </c>
      <c r="R8048">
        <v>16833.95909</v>
      </c>
      <c r="S8048">
        <v>84694.518240000005</v>
      </c>
      <c r="T8048">
        <v>28590.84979</v>
      </c>
      <c r="U8048">
        <v>14865.57999</v>
      </c>
      <c r="W8048" s="83">
        <f>Bühler!N8080</f>
        <v>45627.249999980486</v>
      </c>
      <c r="X8048" s="83">
        <v>43436.25</v>
      </c>
      <c r="Y8048">
        <v>165278.34880000001</v>
      </c>
      <c r="Z8048">
        <v>15379.21308</v>
      </c>
      <c r="AA8048">
        <v>52108.383269999998</v>
      </c>
      <c r="AB8048">
        <v>41304.903550000003</v>
      </c>
      <c r="AC8048">
        <v>37010.79466</v>
      </c>
      <c r="AD8048">
        <v>25124.21574</v>
      </c>
      <c r="AE8048">
        <v>30150.96486</v>
      </c>
      <c r="AF8048">
        <v>42442.19255</v>
      </c>
      <c r="AG8048">
        <v>19099.44529</v>
      </c>
      <c r="AH8048">
        <v>222114.30540000001</v>
      </c>
      <c r="AI8048">
        <v>71079.830059999993</v>
      </c>
      <c r="AJ8048">
        <v>20966.405750000002</v>
      </c>
      <c r="AK8048">
        <v>29876.847890000001</v>
      </c>
      <c r="AL8048">
        <v>54184.914169999996</v>
      </c>
      <c r="AM8048">
        <v>16833.95909</v>
      </c>
      <c r="AN8048">
        <v>84694.518240000005</v>
      </c>
      <c r="AO8048">
        <v>28590.84979</v>
      </c>
      <c r="AP8048">
        <v>14865.57999</v>
      </c>
    </row>
    <row r="8049" spans="2:42" x14ac:dyDescent="0.3">
      <c r="B8049">
        <v>43.336514900920434</v>
      </c>
      <c r="C8049" s="83">
        <v>43436.291666666664</v>
      </c>
      <c r="D8049">
        <v>165792.86869999999</v>
      </c>
      <c r="E8049">
        <v>15896.286969999999</v>
      </c>
      <c r="F8049">
        <v>53800.4787</v>
      </c>
      <c r="G8049">
        <v>41531.336629999998</v>
      </c>
      <c r="H8049">
        <v>37847.528579999998</v>
      </c>
      <c r="I8049">
        <v>27093.86334</v>
      </c>
      <c r="J8049">
        <v>30885.98575</v>
      </c>
      <c r="K8049">
        <v>42151.667130000002</v>
      </c>
      <c r="L8049">
        <v>20897.077720000001</v>
      </c>
      <c r="M8049">
        <v>220949.76259999999</v>
      </c>
      <c r="N8049">
        <v>69622.231050000002</v>
      </c>
      <c r="O8049">
        <v>20867.459149999999</v>
      </c>
      <c r="P8049">
        <v>30570.77563</v>
      </c>
      <c r="Q8049">
        <v>53577.605640000002</v>
      </c>
      <c r="R8049">
        <v>17487.380529999999</v>
      </c>
      <c r="S8049">
        <v>92151.783540000004</v>
      </c>
      <c r="T8049">
        <v>27021.59692</v>
      </c>
      <c r="U8049">
        <v>14956.771409999999</v>
      </c>
      <c r="W8049" s="83">
        <f>Bühler!N8081</f>
        <v>45627.29166664715</v>
      </c>
      <c r="X8049" s="83">
        <v>43436.291666666664</v>
      </c>
      <c r="Y8049">
        <v>165792.86869999999</v>
      </c>
      <c r="Z8049">
        <v>15896.286969999999</v>
      </c>
      <c r="AA8049">
        <v>53800.4787</v>
      </c>
      <c r="AB8049">
        <v>41531.336629999998</v>
      </c>
      <c r="AC8049">
        <v>37847.528579999998</v>
      </c>
      <c r="AD8049">
        <v>27093.86334</v>
      </c>
      <c r="AE8049">
        <v>30885.98575</v>
      </c>
      <c r="AF8049">
        <v>42151.667130000002</v>
      </c>
      <c r="AG8049">
        <v>20897.077720000001</v>
      </c>
      <c r="AH8049">
        <v>220949.76259999999</v>
      </c>
      <c r="AI8049">
        <v>69622.231050000002</v>
      </c>
      <c r="AJ8049">
        <v>20867.459149999999</v>
      </c>
      <c r="AK8049">
        <v>30570.77563</v>
      </c>
      <c r="AL8049">
        <v>53577.605640000002</v>
      </c>
      <c r="AM8049">
        <v>17487.380529999999</v>
      </c>
      <c r="AN8049">
        <v>92151.783540000004</v>
      </c>
      <c r="AO8049">
        <v>27021.59692</v>
      </c>
      <c r="AP8049">
        <v>14956.771409999999</v>
      </c>
    </row>
    <row r="8050" spans="2:42" x14ac:dyDescent="0.3">
      <c r="B8050">
        <v>43.172643563156633</v>
      </c>
      <c r="C8050" s="83">
        <v>43436.333333333336</v>
      </c>
      <c r="D8050">
        <v>164106.62460000001</v>
      </c>
      <c r="E8050">
        <v>16351.051530000001</v>
      </c>
      <c r="F8050">
        <v>55237.779860000002</v>
      </c>
      <c r="G8050">
        <v>40832.526400000002</v>
      </c>
      <c r="H8050">
        <v>36840.525840000002</v>
      </c>
      <c r="I8050">
        <v>27398.11637</v>
      </c>
      <c r="J8050">
        <v>30437.0488</v>
      </c>
      <c r="K8050">
        <v>42455.746570000003</v>
      </c>
      <c r="L8050">
        <v>23225.759580000002</v>
      </c>
      <c r="M8050">
        <v>220114.27009999999</v>
      </c>
      <c r="N8050">
        <v>69774.218630000003</v>
      </c>
      <c r="O8050">
        <v>20713.678080000002</v>
      </c>
      <c r="P8050">
        <v>32827.802239999997</v>
      </c>
      <c r="Q8050">
        <v>52138.005319999997</v>
      </c>
      <c r="R8050">
        <v>16771.054769999999</v>
      </c>
      <c r="S8050">
        <v>94890.824970000001</v>
      </c>
      <c r="T8050">
        <v>29123.986980000001</v>
      </c>
      <c r="U8050">
        <v>14322.57015</v>
      </c>
      <c r="W8050" s="83">
        <f>Bühler!N8082</f>
        <v>45627.333333313814</v>
      </c>
      <c r="X8050" s="83">
        <v>43436.333333333336</v>
      </c>
      <c r="Y8050">
        <v>164106.62460000001</v>
      </c>
      <c r="Z8050">
        <v>16351.051530000001</v>
      </c>
      <c r="AA8050">
        <v>55237.779860000002</v>
      </c>
      <c r="AB8050">
        <v>40832.526400000002</v>
      </c>
      <c r="AC8050">
        <v>36840.525840000002</v>
      </c>
      <c r="AD8050">
        <v>27398.11637</v>
      </c>
      <c r="AE8050">
        <v>30437.0488</v>
      </c>
      <c r="AF8050">
        <v>42455.746570000003</v>
      </c>
      <c r="AG8050">
        <v>23225.759580000002</v>
      </c>
      <c r="AH8050">
        <v>220114.27009999999</v>
      </c>
      <c r="AI8050">
        <v>69774.218630000003</v>
      </c>
      <c r="AJ8050">
        <v>20713.678080000002</v>
      </c>
      <c r="AK8050">
        <v>32827.802239999997</v>
      </c>
      <c r="AL8050">
        <v>52138.005319999997</v>
      </c>
      <c r="AM8050">
        <v>16771.054769999999</v>
      </c>
      <c r="AN8050">
        <v>94890.824970000001</v>
      </c>
      <c r="AO8050">
        <v>29123.986980000001</v>
      </c>
      <c r="AP8050">
        <v>14322.57015</v>
      </c>
    </row>
    <row r="8051" spans="2:42" x14ac:dyDescent="0.3">
      <c r="B8051">
        <v>42.898566084503706</v>
      </c>
      <c r="C8051" s="83">
        <v>43436.375</v>
      </c>
      <c r="D8051">
        <v>163151.5938</v>
      </c>
      <c r="E8051">
        <v>17036.224160000002</v>
      </c>
      <c r="F8051">
        <v>56775.951580000001</v>
      </c>
      <c r="G8051">
        <v>40655.121350000001</v>
      </c>
      <c r="H8051">
        <v>36836.375699999997</v>
      </c>
      <c r="I8051">
        <v>27003.125110000001</v>
      </c>
      <c r="J8051">
        <v>29413.103060000001</v>
      </c>
      <c r="K8051">
        <v>44085.641949999997</v>
      </c>
      <c r="L8051">
        <v>26141.28224</v>
      </c>
      <c r="M8051">
        <v>218716.8953</v>
      </c>
      <c r="N8051">
        <v>69785.916469999996</v>
      </c>
      <c r="O8051">
        <v>20475.932420000001</v>
      </c>
      <c r="P8051">
        <v>35857.46645</v>
      </c>
      <c r="Q8051">
        <v>52214.498520000001</v>
      </c>
      <c r="R8051">
        <v>17394.582109999999</v>
      </c>
      <c r="S8051">
        <v>96639.373189999998</v>
      </c>
      <c r="T8051">
        <v>30614.584910000001</v>
      </c>
      <c r="U8051">
        <v>14043.046270000001</v>
      </c>
      <c r="W8051" s="83">
        <f>Bühler!N8083</f>
        <v>45627.374999980479</v>
      </c>
      <c r="X8051" s="83">
        <v>43436.375</v>
      </c>
      <c r="Y8051">
        <v>163151.5938</v>
      </c>
      <c r="Z8051">
        <v>17036.224160000002</v>
      </c>
      <c r="AA8051">
        <v>56775.951580000001</v>
      </c>
      <c r="AB8051">
        <v>40655.121350000001</v>
      </c>
      <c r="AC8051">
        <v>36836.375699999997</v>
      </c>
      <c r="AD8051">
        <v>27003.125110000001</v>
      </c>
      <c r="AE8051">
        <v>29413.103060000001</v>
      </c>
      <c r="AF8051">
        <v>44085.641949999997</v>
      </c>
      <c r="AG8051">
        <v>26141.28224</v>
      </c>
      <c r="AH8051">
        <v>218716.8953</v>
      </c>
      <c r="AI8051">
        <v>69785.916469999996</v>
      </c>
      <c r="AJ8051">
        <v>20475.932420000001</v>
      </c>
      <c r="AK8051">
        <v>35857.46645</v>
      </c>
      <c r="AL8051">
        <v>52214.498520000001</v>
      </c>
      <c r="AM8051">
        <v>17394.582109999999</v>
      </c>
      <c r="AN8051">
        <v>96639.373189999998</v>
      </c>
      <c r="AO8051">
        <v>30614.584910000001</v>
      </c>
      <c r="AP8051">
        <v>14043.046270000001</v>
      </c>
    </row>
    <row r="8052" spans="2:42" x14ac:dyDescent="0.3">
      <c r="B8052">
        <v>43.119290263996547</v>
      </c>
      <c r="C8052" s="83">
        <v>43436.416666666664</v>
      </c>
      <c r="D8052">
        <v>162550.02499999999</v>
      </c>
      <c r="E8052">
        <v>18154.446690000001</v>
      </c>
      <c r="F8052">
        <v>56951.802159999999</v>
      </c>
      <c r="G8052">
        <v>40573.924579999999</v>
      </c>
      <c r="H8052">
        <v>37590.186750000001</v>
      </c>
      <c r="I8052">
        <v>26618.710520000001</v>
      </c>
      <c r="J8052">
        <v>28790.54</v>
      </c>
      <c r="K8052">
        <v>46690.769849999997</v>
      </c>
      <c r="L8052">
        <v>28621.839240000001</v>
      </c>
      <c r="M8052">
        <v>219842.2501</v>
      </c>
      <c r="N8052">
        <v>69488.665919999999</v>
      </c>
      <c r="O8052">
        <v>20426.336609999998</v>
      </c>
      <c r="P8052">
        <v>36311.764080000001</v>
      </c>
      <c r="Q8052">
        <v>51733.720589999997</v>
      </c>
      <c r="R8052">
        <v>17700.733059999999</v>
      </c>
      <c r="S8052">
        <v>96003.477870000002</v>
      </c>
      <c r="T8052">
        <v>33188.128420000001</v>
      </c>
      <c r="U8052">
        <v>14108.02072</v>
      </c>
      <c r="W8052" s="83">
        <f>Bühler!N8084</f>
        <v>45627.416666647143</v>
      </c>
      <c r="X8052" s="83">
        <v>43436.416666666664</v>
      </c>
      <c r="Y8052">
        <v>162550.02499999999</v>
      </c>
      <c r="Z8052">
        <v>18154.446690000001</v>
      </c>
      <c r="AA8052">
        <v>56951.802159999999</v>
      </c>
      <c r="AB8052">
        <v>40573.924579999999</v>
      </c>
      <c r="AC8052">
        <v>37590.186750000001</v>
      </c>
      <c r="AD8052">
        <v>26618.710520000001</v>
      </c>
      <c r="AE8052">
        <v>28790.54</v>
      </c>
      <c r="AF8052">
        <v>46690.769849999997</v>
      </c>
      <c r="AG8052">
        <v>28621.839240000001</v>
      </c>
      <c r="AH8052">
        <v>219842.2501</v>
      </c>
      <c r="AI8052">
        <v>69488.665919999999</v>
      </c>
      <c r="AJ8052">
        <v>20426.336609999998</v>
      </c>
      <c r="AK8052">
        <v>36311.764080000001</v>
      </c>
      <c r="AL8052">
        <v>51733.720589999997</v>
      </c>
      <c r="AM8052">
        <v>17700.733059999999</v>
      </c>
      <c r="AN8052">
        <v>96003.477870000002</v>
      </c>
      <c r="AO8052">
        <v>33188.128420000001</v>
      </c>
      <c r="AP8052">
        <v>14108.02072</v>
      </c>
    </row>
    <row r="8053" spans="2:42" x14ac:dyDescent="0.3">
      <c r="B8053">
        <v>42.649505638708362</v>
      </c>
      <c r="C8053" s="83">
        <v>43436.458333333336</v>
      </c>
      <c r="D8053">
        <v>162077.09479999999</v>
      </c>
      <c r="E8053">
        <v>18253.244500000001</v>
      </c>
      <c r="F8053">
        <v>57557.88091</v>
      </c>
      <c r="G8053">
        <v>40362.697990000001</v>
      </c>
      <c r="H8053">
        <v>37616.808920000003</v>
      </c>
      <c r="I8053">
        <v>26768.16</v>
      </c>
      <c r="J8053">
        <v>28545.239809999999</v>
      </c>
      <c r="K8053">
        <v>48459.724139999998</v>
      </c>
      <c r="L8053">
        <v>28903.344949999999</v>
      </c>
      <c r="M8053">
        <v>217447.06899999999</v>
      </c>
      <c r="N8053">
        <v>67754.40105</v>
      </c>
      <c r="O8053">
        <v>20598.47075</v>
      </c>
      <c r="P8053">
        <v>35617.466959999998</v>
      </c>
      <c r="Q8053">
        <v>50965.085449999999</v>
      </c>
      <c r="R8053">
        <v>18049.422060000001</v>
      </c>
      <c r="S8053">
        <v>97189.40784</v>
      </c>
      <c r="T8053">
        <v>33435.073779999999</v>
      </c>
      <c r="U8053">
        <v>13870.932650000001</v>
      </c>
      <c r="W8053" s="83">
        <f>Bühler!N8085</f>
        <v>45627.458333313807</v>
      </c>
      <c r="X8053" s="83">
        <v>43436.458333333336</v>
      </c>
      <c r="Y8053">
        <v>162077.09479999999</v>
      </c>
      <c r="Z8053">
        <v>18253.244500000001</v>
      </c>
      <c r="AA8053">
        <v>57557.88091</v>
      </c>
      <c r="AB8053">
        <v>40362.697990000001</v>
      </c>
      <c r="AC8053">
        <v>37616.808920000003</v>
      </c>
      <c r="AD8053">
        <v>26768.16</v>
      </c>
      <c r="AE8053">
        <v>28545.239809999999</v>
      </c>
      <c r="AF8053">
        <v>48459.724139999998</v>
      </c>
      <c r="AG8053">
        <v>28903.344949999999</v>
      </c>
      <c r="AH8053">
        <v>217447.06899999999</v>
      </c>
      <c r="AI8053">
        <v>67754.40105</v>
      </c>
      <c r="AJ8053">
        <v>20598.47075</v>
      </c>
      <c r="AK8053">
        <v>35617.466959999998</v>
      </c>
      <c r="AL8053">
        <v>50965.085449999999</v>
      </c>
      <c r="AM8053">
        <v>18049.422060000001</v>
      </c>
      <c r="AN8053">
        <v>97189.40784</v>
      </c>
      <c r="AO8053">
        <v>33435.073779999999</v>
      </c>
      <c r="AP8053">
        <v>13870.932650000001</v>
      </c>
    </row>
    <row r="8054" spans="2:42" x14ac:dyDescent="0.3">
      <c r="B8054">
        <v>42.271068287043917</v>
      </c>
      <c r="C8054" s="83">
        <v>43436.5</v>
      </c>
      <c r="D8054">
        <v>161398.45689999999</v>
      </c>
      <c r="E8054">
        <v>17862.531370000001</v>
      </c>
      <c r="F8054">
        <v>55145.268620000003</v>
      </c>
      <c r="G8054">
        <v>40294.48631</v>
      </c>
      <c r="H8054">
        <v>36626.131229999999</v>
      </c>
      <c r="I8054">
        <v>26351.269489999999</v>
      </c>
      <c r="J8054">
        <v>28823.475139999999</v>
      </c>
      <c r="K8054">
        <v>48379.748529999997</v>
      </c>
      <c r="L8054">
        <v>30975.164560000001</v>
      </c>
      <c r="M8054">
        <v>215517.6189</v>
      </c>
      <c r="N8054">
        <v>66551.924660000004</v>
      </c>
      <c r="O8054">
        <v>20191.703979999998</v>
      </c>
      <c r="P8054">
        <v>35222.171000000002</v>
      </c>
      <c r="Q8054">
        <v>48710.985030000003</v>
      </c>
      <c r="R8054">
        <v>18910.602920000001</v>
      </c>
      <c r="S8054">
        <v>93111.488589999994</v>
      </c>
      <c r="T8054">
        <v>33252.947229999998</v>
      </c>
      <c r="U8054">
        <v>13498.40417</v>
      </c>
      <c r="W8054" s="83">
        <f>Bühler!N8086</f>
        <v>45627.499999980471</v>
      </c>
      <c r="X8054" s="83">
        <v>43436.5</v>
      </c>
      <c r="Y8054">
        <v>161398.45689999999</v>
      </c>
      <c r="Z8054">
        <v>17862.531370000001</v>
      </c>
      <c r="AA8054">
        <v>55145.268620000003</v>
      </c>
      <c r="AB8054">
        <v>40294.48631</v>
      </c>
      <c r="AC8054">
        <v>36626.131229999999</v>
      </c>
      <c r="AD8054">
        <v>26351.269489999999</v>
      </c>
      <c r="AE8054">
        <v>28823.475139999999</v>
      </c>
      <c r="AF8054">
        <v>48379.748529999997</v>
      </c>
      <c r="AG8054">
        <v>30975.164560000001</v>
      </c>
      <c r="AH8054">
        <v>215517.6189</v>
      </c>
      <c r="AI8054">
        <v>66551.924660000004</v>
      </c>
      <c r="AJ8054">
        <v>20191.703979999998</v>
      </c>
      <c r="AK8054">
        <v>35222.171000000002</v>
      </c>
      <c r="AL8054">
        <v>48710.985030000003</v>
      </c>
      <c r="AM8054">
        <v>18910.602920000001</v>
      </c>
      <c r="AN8054">
        <v>93111.488589999994</v>
      </c>
      <c r="AO8054">
        <v>33252.947229999998</v>
      </c>
      <c r="AP8054">
        <v>13498.40417</v>
      </c>
    </row>
    <row r="8055" spans="2:42" x14ac:dyDescent="0.3">
      <c r="B8055">
        <v>42.322187012268266</v>
      </c>
      <c r="C8055" s="83">
        <v>43436.541666666664</v>
      </c>
      <c r="D8055">
        <v>160962.42490000001</v>
      </c>
      <c r="E8055">
        <v>17547.287629999999</v>
      </c>
      <c r="F8055">
        <v>50650.286410000001</v>
      </c>
      <c r="G8055">
        <v>40015.341469999999</v>
      </c>
      <c r="H8055">
        <v>36339.912969999998</v>
      </c>
      <c r="I8055">
        <v>26552.912690000001</v>
      </c>
      <c r="J8055">
        <v>27955.92741</v>
      </c>
      <c r="K8055">
        <v>47707.595159999997</v>
      </c>
      <c r="L8055">
        <v>30003.342240000002</v>
      </c>
      <c r="M8055">
        <v>215778.24600000001</v>
      </c>
      <c r="N8055">
        <v>66339.291270000002</v>
      </c>
      <c r="O8055">
        <v>20291.4097</v>
      </c>
      <c r="P8055">
        <v>34431.265549999996</v>
      </c>
      <c r="Q8055">
        <v>47616.990559999998</v>
      </c>
      <c r="R8055">
        <v>19521.873680000001</v>
      </c>
      <c r="S8055">
        <v>93097.775479999997</v>
      </c>
      <c r="T8055">
        <v>32446.48101</v>
      </c>
      <c r="U8055">
        <v>13496.019120000001</v>
      </c>
      <c r="W8055" s="83">
        <f>Bühler!N8087</f>
        <v>45627.541666647136</v>
      </c>
      <c r="X8055" s="83">
        <v>43436.541666666664</v>
      </c>
      <c r="Y8055">
        <v>160962.42490000001</v>
      </c>
      <c r="Z8055">
        <v>17547.287629999999</v>
      </c>
      <c r="AA8055">
        <v>50650.286410000001</v>
      </c>
      <c r="AB8055">
        <v>40015.341469999999</v>
      </c>
      <c r="AC8055">
        <v>36339.912969999998</v>
      </c>
      <c r="AD8055">
        <v>26552.912690000001</v>
      </c>
      <c r="AE8055">
        <v>27955.92741</v>
      </c>
      <c r="AF8055">
        <v>47707.595159999997</v>
      </c>
      <c r="AG8055">
        <v>30003.342240000002</v>
      </c>
      <c r="AH8055">
        <v>215778.24600000001</v>
      </c>
      <c r="AI8055">
        <v>66339.291270000002</v>
      </c>
      <c r="AJ8055">
        <v>20291.4097</v>
      </c>
      <c r="AK8055">
        <v>34431.265549999996</v>
      </c>
      <c r="AL8055">
        <v>47616.990559999998</v>
      </c>
      <c r="AM8055">
        <v>19521.873680000001</v>
      </c>
      <c r="AN8055">
        <v>93097.775479999997</v>
      </c>
      <c r="AO8055">
        <v>32446.48101</v>
      </c>
      <c r="AP8055">
        <v>13496.019120000001</v>
      </c>
    </row>
    <row r="8056" spans="2:42" x14ac:dyDescent="0.3">
      <c r="B8056">
        <v>42.652097163122534</v>
      </c>
      <c r="C8056" s="83">
        <v>43436.583333333336</v>
      </c>
      <c r="D8056">
        <v>161341.7978</v>
      </c>
      <c r="E8056">
        <v>17784.13294</v>
      </c>
      <c r="F8056">
        <v>49960.709170000002</v>
      </c>
      <c r="G8056">
        <v>39789.277840000002</v>
      </c>
      <c r="H8056">
        <v>36035.395190000003</v>
      </c>
      <c r="I8056">
        <v>26477.820100000001</v>
      </c>
      <c r="J8056">
        <v>27511.228029999998</v>
      </c>
      <c r="K8056">
        <v>46864.513420000003</v>
      </c>
      <c r="L8056">
        <v>28555.966359999999</v>
      </c>
      <c r="M8056">
        <v>217460.2818</v>
      </c>
      <c r="N8056">
        <v>66127.722259999995</v>
      </c>
      <c r="O8056">
        <v>20276.177169999999</v>
      </c>
      <c r="P8056">
        <v>32685.970710000001</v>
      </c>
      <c r="Q8056">
        <v>47541.942130000003</v>
      </c>
      <c r="R8056">
        <v>18426.52275</v>
      </c>
      <c r="S8056">
        <v>90732.038039999999</v>
      </c>
      <c r="T8056">
        <v>32272.944070000001</v>
      </c>
      <c r="U8056">
        <v>13652.35565</v>
      </c>
      <c r="W8056" s="83">
        <f>Bühler!N8088</f>
        <v>45627.5833333138</v>
      </c>
      <c r="X8056" s="83">
        <v>43436.583333333336</v>
      </c>
      <c r="Y8056">
        <v>161341.7978</v>
      </c>
      <c r="Z8056">
        <v>17784.13294</v>
      </c>
      <c r="AA8056">
        <v>49960.709170000002</v>
      </c>
      <c r="AB8056">
        <v>39789.277840000002</v>
      </c>
      <c r="AC8056">
        <v>36035.395190000003</v>
      </c>
      <c r="AD8056">
        <v>26477.820100000001</v>
      </c>
      <c r="AE8056">
        <v>27511.228029999998</v>
      </c>
      <c r="AF8056">
        <v>46864.513420000003</v>
      </c>
      <c r="AG8056">
        <v>28555.966359999999</v>
      </c>
      <c r="AH8056">
        <v>217460.2818</v>
      </c>
      <c r="AI8056">
        <v>66127.722259999995</v>
      </c>
      <c r="AJ8056">
        <v>20276.177169999999</v>
      </c>
      <c r="AK8056">
        <v>32685.970710000001</v>
      </c>
      <c r="AL8056">
        <v>47541.942130000003</v>
      </c>
      <c r="AM8056">
        <v>18426.52275</v>
      </c>
      <c r="AN8056">
        <v>90732.038039999999</v>
      </c>
      <c r="AO8056">
        <v>32272.944070000001</v>
      </c>
      <c r="AP8056">
        <v>13652.35565</v>
      </c>
    </row>
    <row r="8057" spans="2:42" x14ac:dyDescent="0.3">
      <c r="B8057">
        <v>42.560191290145788</v>
      </c>
      <c r="C8057" s="83">
        <v>43436.625</v>
      </c>
      <c r="D8057">
        <v>162256.15100000001</v>
      </c>
      <c r="E8057">
        <v>17954.805100000001</v>
      </c>
      <c r="F8057">
        <v>49243.512499999997</v>
      </c>
      <c r="G8057">
        <v>39809.887490000001</v>
      </c>
      <c r="H8057">
        <v>35795.020069999999</v>
      </c>
      <c r="I8057">
        <v>26668.40639</v>
      </c>
      <c r="J8057">
        <v>26961.072479999999</v>
      </c>
      <c r="K8057">
        <v>45581.585760000002</v>
      </c>
      <c r="L8057">
        <v>27472.231800000001</v>
      </c>
      <c r="M8057">
        <v>216991.7028</v>
      </c>
      <c r="N8057">
        <v>66312.716409999994</v>
      </c>
      <c r="O8057">
        <v>20631.375410000001</v>
      </c>
      <c r="P8057">
        <v>31380.733769999999</v>
      </c>
      <c r="Q8057">
        <v>47582.150820000003</v>
      </c>
      <c r="R8057">
        <v>18334.498520000001</v>
      </c>
      <c r="S8057">
        <v>90621.096619999997</v>
      </c>
      <c r="T8057">
        <v>32207.45132</v>
      </c>
      <c r="U8057">
        <v>13552.87988</v>
      </c>
      <c r="W8057" s="83">
        <f>Bühler!N8089</f>
        <v>45627.624999980464</v>
      </c>
      <c r="X8057" s="83">
        <v>43436.625</v>
      </c>
      <c r="Y8057">
        <v>162256.15100000001</v>
      </c>
      <c r="Z8057">
        <v>17954.805100000001</v>
      </c>
      <c r="AA8057">
        <v>49243.512499999997</v>
      </c>
      <c r="AB8057">
        <v>39809.887490000001</v>
      </c>
      <c r="AC8057">
        <v>35795.020069999999</v>
      </c>
      <c r="AD8057">
        <v>26668.40639</v>
      </c>
      <c r="AE8057">
        <v>26961.072479999999</v>
      </c>
      <c r="AF8057">
        <v>45581.585760000002</v>
      </c>
      <c r="AG8057">
        <v>27472.231800000001</v>
      </c>
      <c r="AH8057">
        <v>216991.7028</v>
      </c>
      <c r="AI8057">
        <v>66312.716409999994</v>
      </c>
      <c r="AJ8057">
        <v>20631.375410000001</v>
      </c>
      <c r="AK8057">
        <v>31380.733769999999</v>
      </c>
      <c r="AL8057">
        <v>47582.150820000003</v>
      </c>
      <c r="AM8057">
        <v>18334.498520000001</v>
      </c>
      <c r="AN8057">
        <v>90621.096619999997</v>
      </c>
      <c r="AO8057">
        <v>32207.45132</v>
      </c>
      <c r="AP8057">
        <v>13552.87988</v>
      </c>
    </row>
    <row r="8058" spans="2:42" x14ac:dyDescent="0.3">
      <c r="B8058">
        <v>42.547852501227574</v>
      </c>
      <c r="C8058" s="83">
        <v>43436.666666666664</v>
      </c>
      <c r="D8058">
        <v>163110.69519999999</v>
      </c>
      <c r="E8058">
        <v>18199.168079999999</v>
      </c>
      <c r="F8058">
        <v>49765.745360000001</v>
      </c>
      <c r="G8058">
        <v>40763.94313</v>
      </c>
      <c r="H8058">
        <v>36479.701379999999</v>
      </c>
      <c r="I8058">
        <v>26208.738020000001</v>
      </c>
      <c r="J8058">
        <v>27209.800869999999</v>
      </c>
      <c r="K8058">
        <v>45877.247360000001</v>
      </c>
      <c r="L8058">
        <v>26337.434529999999</v>
      </c>
      <c r="M8058">
        <v>216928.79389999999</v>
      </c>
      <c r="N8058">
        <v>66521.145520000005</v>
      </c>
      <c r="O8058">
        <v>20777.29708</v>
      </c>
      <c r="P8058">
        <v>31753.97249</v>
      </c>
      <c r="Q8058">
        <v>48580.584510000001</v>
      </c>
      <c r="R8058">
        <v>18210.11044</v>
      </c>
      <c r="S8058">
        <v>92789.497879999995</v>
      </c>
      <c r="T8058">
        <v>32325.12544</v>
      </c>
      <c r="U8058">
        <v>13774.27239</v>
      </c>
      <c r="W8058" s="83">
        <f>Bühler!N8090</f>
        <v>45627.666666647128</v>
      </c>
      <c r="X8058" s="83">
        <v>43436.666666666664</v>
      </c>
      <c r="Y8058">
        <v>163110.69519999999</v>
      </c>
      <c r="Z8058">
        <v>18199.168079999999</v>
      </c>
      <c r="AA8058">
        <v>49765.745360000001</v>
      </c>
      <c r="AB8058">
        <v>40763.94313</v>
      </c>
      <c r="AC8058">
        <v>36479.701379999999</v>
      </c>
      <c r="AD8058">
        <v>26208.738020000001</v>
      </c>
      <c r="AE8058">
        <v>27209.800869999999</v>
      </c>
      <c r="AF8058">
        <v>45877.247360000001</v>
      </c>
      <c r="AG8058">
        <v>26337.434529999999</v>
      </c>
      <c r="AH8058">
        <v>216928.79389999999</v>
      </c>
      <c r="AI8058">
        <v>66521.145520000005</v>
      </c>
      <c r="AJ8058">
        <v>20777.29708</v>
      </c>
      <c r="AK8058">
        <v>31753.97249</v>
      </c>
      <c r="AL8058">
        <v>48580.584510000001</v>
      </c>
      <c r="AM8058">
        <v>18210.11044</v>
      </c>
      <c r="AN8058">
        <v>92789.497879999995</v>
      </c>
      <c r="AO8058">
        <v>32325.12544</v>
      </c>
      <c r="AP8058">
        <v>13774.27239</v>
      </c>
    </row>
    <row r="8059" spans="2:42" x14ac:dyDescent="0.3">
      <c r="B8059">
        <v>42.897545699224864</v>
      </c>
      <c r="C8059" s="83">
        <v>43436.708333333336</v>
      </c>
      <c r="D8059">
        <v>165652.67290000001</v>
      </c>
      <c r="E8059">
        <v>18973.037540000001</v>
      </c>
      <c r="F8059">
        <v>51179.701509999999</v>
      </c>
      <c r="G8059">
        <v>42292.964319999999</v>
      </c>
      <c r="H8059">
        <v>38394.508309999997</v>
      </c>
      <c r="I8059">
        <v>27558.462640000002</v>
      </c>
      <c r="J8059">
        <v>29820.3151</v>
      </c>
      <c r="K8059">
        <v>45957.751819999998</v>
      </c>
      <c r="L8059">
        <v>27299.535810000001</v>
      </c>
      <c r="M8059">
        <v>218711.69289999999</v>
      </c>
      <c r="N8059">
        <v>67514.373080000005</v>
      </c>
      <c r="O8059">
        <v>20719.53873</v>
      </c>
      <c r="P8059">
        <v>31717.16028</v>
      </c>
      <c r="Q8059">
        <v>50752.922789999997</v>
      </c>
      <c r="R8059">
        <v>19124.04551</v>
      </c>
      <c r="S8059">
        <v>97747.144700000004</v>
      </c>
      <c r="T8059">
        <v>32943.487410000002</v>
      </c>
      <c r="U8059">
        <v>14698.04765</v>
      </c>
      <c r="W8059" s="83">
        <f>Bühler!N8091</f>
        <v>45627.708333313793</v>
      </c>
      <c r="X8059" s="83">
        <v>43436.708333333336</v>
      </c>
      <c r="Y8059">
        <v>165652.67290000001</v>
      </c>
      <c r="Z8059">
        <v>18973.037540000001</v>
      </c>
      <c r="AA8059">
        <v>51179.701509999999</v>
      </c>
      <c r="AB8059">
        <v>42292.964319999999</v>
      </c>
      <c r="AC8059">
        <v>38394.508309999997</v>
      </c>
      <c r="AD8059">
        <v>27558.462640000002</v>
      </c>
      <c r="AE8059">
        <v>29820.3151</v>
      </c>
      <c r="AF8059">
        <v>45957.751819999998</v>
      </c>
      <c r="AG8059">
        <v>27299.535810000001</v>
      </c>
      <c r="AH8059">
        <v>218711.69289999999</v>
      </c>
      <c r="AI8059">
        <v>67514.373080000005</v>
      </c>
      <c r="AJ8059">
        <v>20719.53873</v>
      </c>
      <c r="AK8059">
        <v>31717.16028</v>
      </c>
      <c r="AL8059">
        <v>50752.922789999997</v>
      </c>
      <c r="AM8059">
        <v>19124.04551</v>
      </c>
      <c r="AN8059">
        <v>97747.144700000004</v>
      </c>
      <c r="AO8059">
        <v>32943.487410000002</v>
      </c>
      <c r="AP8059">
        <v>14698.04765</v>
      </c>
    </row>
    <row r="8060" spans="2:42" x14ac:dyDescent="0.3">
      <c r="B8060">
        <v>43.470459827531066</v>
      </c>
      <c r="C8060" s="83">
        <v>43436.75</v>
      </c>
      <c r="D8060">
        <v>166840.22399999999</v>
      </c>
      <c r="E8060">
        <v>18604.96328</v>
      </c>
      <c r="F8060">
        <v>51154.174359999997</v>
      </c>
      <c r="G8060">
        <v>43224.78325</v>
      </c>
      <c r="H8060">
        <v>38239.283990000004</v>
      </c>
      <c r="I8060">
        <v>27547.560109999999</v>
      </c>
      <c r="J8060">
        <v>30558.143309999999</v>
      </c>
      <c r="K8060">
        <v>47024.658080000001</v>
      </c>
      <c r="L8060">
        <v>28046.221239999999</v>
      </c>
      <c r="M8060">
        <v>221632.67629999999</v>
      </c>
      <c r="N8060">
        <v>68770.663690000001</v>
      </c>
      <c r="O8060">
        <v>20896.557489999999</v>
      </c>
      <c r="P8060">
        <v>34119.797789999997</v>
      </c>
      <c r="Q8060">
        <v>51964.096729999997</v>
      </c>
      <c r="R8060">
        <v>20282.14515</v>
      </c>
      <c r="S8060">
        <v>96870.505350000007</v>
      </c>
      <c r="T8060">
        <v>33170.009819999999</v>
      </c>
      <c r="U8060">
        <v>14802.514810000001</v>
      </c>
      <c r="W8060" s="83">
        <f>Bühler!N8092</f>
        <v>45627.749999980457</v>
      </c>
      <c r="X8060" s="83">
        <v>43436.75</v>
      </c>
      <c r="Y8060">
        <v>166840.22399999999</v>
      </c>
      <c r="Z8060">
        <v>18604.96328</v>
      </c>
      <c r="AA8060">
        <v>51154.174359999997</v>
      </c>
      <c r="AB8060">
        <v>43224.78325</v>
      </c>
      <c r="AC8060">
        <v>38239.283990000004</v>
      </c>
      <c r="AD8060">
        <v>27547.560109999999</v>
      </c>
      <c r="AE8060">
        <v>30558.143309999999</v>
      </c>
      <c r="AF8060">
        <v>47024.658080000001</v>
      </c>
      <c r="AG8060">
        <v>28046.221239999999</v>
      </c>
      <c r="AH8060">
        <v>221632.67629999999</v>
      </c>
      <c r="AI8060">
        <v>68770.663690000001</v>
      </c>
      <c r="AJ8060">
        <v>20896.557489999999</v>
      </c>
      <c r="AK8060">
        <v>34119.797789999997</v>
      </c>
      <c r="AL8060">
        <v>51964.096729999997</v>
      </c>
      <c r="AM8060">
        <v>20282.14515</v>
      </c>
      <c r="AN8060">
        <v>96870.505350000007</v>
      </c>
      <c r="AO8060">
        <v>33170.009819999999</v>
      </c>
      <c r="AP8060">
        <v>14802.514810000001</v>
      </c>
    </row>
    <row r="8061" spans="2:42" x14ac:dyDescent="0.3">
      <c r="B8061">
        <v>43.318382565861313</v>
      </c>
      <c r="C8061" s="83">
        <v>43436.791666666664</v>
      </c>
      <c r="D8061">
        <v>167612.62710000001</v>
      </c>
      <c r="E8061">
        <v>16893.67886</v>
      </c>
      <c r="F8061">
        <v>49685.317020000002</v>
      </c>
      <c r="G8061">
        <v>43789.81407</v>
      </c>
      <c r="H8061">
        <v>37970.90425</v>
      </c>
      <c r="I8061">
        <v>27972.94472</v>
      </c>
      <c r="J8061">
        <v>30034.49886</v>
      </c>
      <c r="K8061">
        <v>47561.041949999999</v>
      </c>
      <c r="L8061">
        <v>29025.65064</v>
      </c>
      <c r="M8061">
        <v>220857.3155</v>
      </c>
      <c r="N8061">
        <v>67763.935500000007</v>
      </c>
      <c r="O8061">
        <v>20604.416710000001</v>
      </c>
      <c r="P8061">
        <v>33803.305399999997</v>
      </c>
      <c r="Q8061">
        <v>52475.643750000003</v>
      </c>
      <c r="R8061">
        <v>20652.056939999999</v>
      </c>
      <c r="S8061">
        <v>93796.219679999995</v>
      </c>
      <c r="T8061">
        <v>31349.026460000001</v>
      </c>
      <c r="U8061">
        <v>14421.78875</v>
      </c>
      <c r="W8061" s="83">
        <f>Bühler!N8093</f>
        <v>45627.791666647121</v>
      </c>
      <c r="X8061" s="83">
        <v>43436.791666666664</v>
      </c>
      <c r="Y8061">
        <v>167612.62710000001</v>
      </c>
      <c r="Z8061">
        <v>16893.67886</v>
      </c>
      <c r="AA8061">
        <v>49685.317020000002</v>
      </c>
      <c r="AB8061">
        <v>43789.81407</v>
      </c>
      <c r="AC8061">
        <v>37970.90425</v>
      </c>
      <c r="AD8061">
        <v>27972.94472</v>
      </c>
      <c r="AE8061">
        <v>30034.49886</v>
      </c>
      <c r="AF8061">
        <v>47561.041949999999</v>
      </c>
      <c r="AG8061">
        <v>29025.65064</v>
      </c>
      <c r="AH8061">
        <v>220857.3155</v>
      </c>
      <c r="AI8061">
        <v>67763.935500000007</v>
      </c>
      <c r="AJ8061">
        <v>20604.416710000001</v>
      </c>
      <c r="AK8061">
        <v>33803.305399999997</v>
      </c>
      <c r="AL8061">
        <v>52475.643750000003</v>
      </c>
      <c r="AM8061">
        <v>20652.056939999999</v>
      </c>
      <c r="AN8061">
        <v>93796.219679999995</v>
      </c>
      <c r="AO8061">
        <v>31349.026460000001</v>
      </c>
      <c r="AP8061">
        <v>14421.78875</v>
      </c>
    </row>
    <row r="8062" spans="2:42" x14ac:dyDescent="0.3">
      <c r="B8062">
        <v>43.330425226512958</v>
      </c>
      <c r="C8062" s="83">
        <v>43436.833333333336</v>
      </c>
      <c r="D8062">
        <v>169660.4472</v>
      </c>
      <c r="E8062">
        <v>15450.099689999999</v>
      </c>
      <c r="F8062">
        <v>48973.2811</v>
      </c>
      <c r="G8062">
        <v>43731.356240000001</v>
      </c>
      <c r="H8062">
        <v>37820.885430000002</v>
      </c>
      <c r="I8062">
        <v>27081.476630000001</v>
      </c>
      <c r="J8062">
        <v>29455.825079999999</v>
      </c>
      <c r="K8062">
        <v>46585.527869999998</v>
      </c>
      <c r="L8062">
        <v>27494.84158</v>
      </c>
      <c r="M8062">
        <v>220918.71460000001</v>
      </c>
      <c r="N8062">
        <v>68681.106280000007</v>
      </c>
      <c r="O8062">
        <v>20663.428059999998</v>
      </c>
      <c r="P8062">
        <v>34278.378270000001</v>
      </c>
      <c r="Q8062">
        <v>53264.000169999999</v>
      </c>
      <c r="R8062">
        <v>19159.887129999999</v>
      </c>
      <c r="S8062">
        <v>87558.835779999994</v>
      </c>
      <c r="T8062">
        <v>28274.374459999999</v>
      </c>
      <c r="U8062">
        <v>14499.141229999999</v>
      </c>
      <c r="W8062" s="83">
        <f>Bühler!N8094</f>
        <v>45627.833333313785</v>
      </c>
      <c r="X8062" s="83">
        <v>43436.833333333336</v>
      </c>
      <c r="Y8062">
        <v>169660.4472</v>
      </c>
      <c r="Z8062">
        <v>15450.099689999999</v>
      </c>
      <c r="AA8062">
        <v>48973.2811</v>
      </c>
      <c r="AB8062">
        <v>43731.356240000001</v>
      </c>
      <c r="AC8062">
        <v>37820.885430000002</v>
      </c>
      <c r="AD8062">
        <v>27081.476630000001</v>
      </c>
      <c r="AE8062">
        <v>29455.825079999999</v>
      </c>
      <c r="AF8062">
        <v>46585.527869999998</v>
      </c>
      <c r="AG8062">
        <v>27494.84158</v>
      </c>
      <c r="AH8062">
        <v>220918.71460000001</v>
      </c>
      <c r="AI8062">
        <v>68681.106280000007</v>
      </c>
      <c r="AJ8062">
        <v>20663.428059999998</v>
      </c>
      <c r="AK8062">
        <v>34278.378270000001</v>
      </c>
      <c r="AL8062">
        <v>53264.000169999999</v>
      </c>
      <c r="AM8062">
        <v>19159.887129999999</v>
      </c>
      <c r="AN8062">
        <v>87558.835779999994</v>
      </c>
      <c r="AO8062">
        <v>28274.374459999999</v>
      </c>
      <c r="AP8062">
        <v>14499.141229999999</v>
      </c>
    </row>
    <row r="8063" spans="2:42" x14ac:dyDescent="0.3">
      <c r="B8063">
        <v>43.827564921079968</v>
      </c>
      <c r="C8063" s="83">
        <v>43436.875</v>
      </c>
      <c r="D8063">
        <v>172117.2536</v>
      </c>
      <c r="E8063">
        <v>15023.45817</v>
      </c>
      <c r="F8063">
        <v>48258.234400000001</v>
      </c>
      <c r="G8063">
        <v>43463.849860000002</v>
      </c>
      <c r="H8063">
        <v>37247.033620000002</v>
      </c>
      <c r="I8063">
        <v>25497.401109999999</v>
      </c>
      <c r="J8063">
        <v>28535.176230000001</v>
      </c>
      <c r="K8063">
        <v>46759.370949999997</v>
      </c>
      <c r="L8063">
        <v>25733.669089999999</v>
      </c>
      <c r="M8063">
        <v>223453.3646</v>
      </c>
      <c r="N8063">
        <v>68171.931289999993</v>
      </c>
      <c r="O8063">
        <v>20253.08222</v>
      </c>
      <c r="P8063">
        <v>33643.05917</v>
      </c>
      <c r="Q8063">
        <v>55529.033470000002</v>
      </c>
      <c r="R8063">
        <v>19266.712670000001</v>
      </c>
      <c r="S8063">
        <v>83509.683529999995</v>
      </c>
      <c r="T8063">
        <v>26673.346229999999</v>
      </c>
      <c r="U8063">
        <v>14498.87527</v>
      </c>
      <c r="W8063" s="83">
        <f>Bühler!N8095</f>
        <v>45627.87499998045</v>
      </c>
      <c r="X8063" s="83">
        <v>43436.875</v>
      </c>
      <c r="Y8063">
        <v>172117.2536</v>
      </c>
      <c r="Z8063">
        <v>15023.45817</v>
      </c>
      <c r="AA8063">
        <v>48258.234400000001</v>
      </c>
      <c r="AB8063">
        <v>43463.849860000002</v>
      </c>
      <c r="AC8063">
        <v>37247.033620000002</v>
      </c>
      <c r="AD8063">
        <v>25497.401109999999</v>
      </c>
      <c r="AE8063">
        <v>28535.176230000001</v>
      </c>
      <c r="AF8063">
        <v>46759.370949999997</v>
      </c>
      <c r="AG8063">
        <v>25733.669089999999</v>
      </c>
      <c r="AH8063">
        <v>223453.3646</v>
      </c>
      <c r="AI8063">
        <v>68171.931289999993</v>
      </c>
      <c r="AJ8063">
        <v>20253.08222</v>
      </c>
      <c r="AK8063">
        <v>33643.05917</v>
      </c>
      <c r="AL8063">
        <v>55529.033470000002</v>
      </c>
      <c r="AM8063">
        <v>19266.712670000001</v>
      </c>
      <c r="AN8063">
        <v>83509.683529999995</v>
      </c>
      <c r="AO8063">
        <v>26673.346229999999</v>
      </c>
      <c r="AP8063">
        <v>14498.87527</v>
      </c>
    </row>
    <row r="8064" spans="2:42" x14ac:dyDescent="0.3">
      <c r="B8064">
        <v>44.349265060220198</v>
      </c>
      <c r="C8064" s="83">
        <v>43436.916666666664</v>
      </c>
      <c r="D8064">
        <v>173310.76699999999</v>
      </c>
      <c r="E8064">
        <v>15007.69886</v>
      </c>
      <c r="F8064">
        <v>47886.144229999998</v>
      </c>
      <c r="G8064">
        <v>43735.400399999999</v>
      </c>
      <c r="H8064">
        <v>37327.31394</v>
      </c>
      <c r="I8064">
        <v>25845.034540000001</v>
      </c>
      <c r="J8064">
        <v>27730.690429999999</v>
      </c>
      <c r="K8064">
        <v>48354.44425</v>
      </c>
      <c r="L8064">
        <v>23332.593079999999</v>
      </c>
      <c r="M8064">
        <v>226113.2352</v>
      </c>
      <c r="N8064">
        <v>68910.945760000002</v>
      </c>
      <c r="O8064">
        <v>21031.194479999998</v>
      </c>
      <c r="P8064">
        <v>32221.47954</v>
      </c>
      <c r="Q8064">
        <v>57160.95577</v>
      </c>
      <c r="R8064">
        <v>23449.225450000002</v>
      </c>
      <c r="S8064">
        <v>81502.988079999996</v>
      </c>
      <c r="T8064">
        <v>25650.594079999999</v>
      </c>
      <c r="U8064">
        <v>15402.68125</v>
      </c>
      <c r="W8064" s="83">
        <f>Bühler!N8096</f>
        <v>45627.916666647114</v>
      </c>
      <c r="X8064" s="83">
        <v>43436.916666666664</v>
      </c>
      <c r="Y8064">
        <v>173310.76699999999</v>
      </c>
      <c r="Z8064">
        <v>15007.69886</v>
      </c>
      <c r="AA8064">
        <v>47886.144229999998</v>
      </c>
      <c r="AB8064">
        <v>43735.400399999999</v>
      </c>
      <c r="AC8064">
        <v>37327.31394</v>
      </c>
      <c r="AD8064">
        <v>25845.034540000001</v>
      </c>
      <c r="AE8064">
        <v>27730.690429999999</v>
      </c>
      <c r="AF8064">
        <v>48354.44425</v>
      </c>
      <c r="AG8064">
        <v>23332.593079999999</v>
      </c>
      <c r="AH8064">
        <v>226113.2352</v>
      </c>
      <c r="AI8064">
        <v>68910.945760000002</v>
      </c>
      <c r="AJ8064">
        <v>21031.194479999998</v>
      </c>
      <c r="AK8064">
        <v>32221.47954</v>
      </c>
      <c r="AL8064">
        <v>57160.95577</v>
      </c>
      <c r="AM8064">
        <v>23449.225450000002</v>
      </c>
      <c r="AN8064">
        <v>81502.988079999996</v>
      </c>
      <c r="AO8064">
        <v>25650.594079999999</v>
      </c>
      <c r="AP8064">
        <v>15402.68125</v>
      </c>
    </row>
    <row r="8065" spans="2:42" x14ac:dyDescent="0.3">
      <c r="B8065">
        <v>44.554126783324051</v>
      </c>
      <c r="C8065" s="83">
        <v>43436.958333333336</v>
      </c>
      <c r="D8065">
        <v>175087.7666</v>
      </c>
      <c r="E8065">
        <v>14835.946679999999</v>
      </c>
      <c r="F8065">
        <v>47459.518499999998</v>
      </c>
      <c r="G8065">
        <v>43673.581149999998</v>
      </c>
      <c r="H8065">
        <v>37159.789199999999</v>
      </c>
      <c r="I8065">
        <v>24979.499500000002</v>
      </c>
      <c r="J8065">
        <v>25740.260289999998</v>
      </c>
      <c r="K8065">
        <v>48966.944710000003</v>
      </c>
      <c r="L8065">
        <v>20781.056799999998</v>
      </c>
      <c r="M8065">
        <v>227157.71580000001</v>
      </c>
      <c r="N8065">
        <v>68795.269950000002</v>
      </c>
      <c r="O8065">
        <v>21189.2814</v>
      </c>
      <c r="P8065">
        <v>29688.98561</v>
      </c>
      <c r="Q8065">
        <v>58417.243750000001</v>
      </c>
      <c r="R8065">
        <v>23438.020810000002</v>
      </c>
      <c r="S8065">
        <v>80447.022630000007</v>
      </c>
      <c r="T8065">
        <v>28869.120129999999</v>
      </c>
      <c r="U8065">
        <v>14993.06466</v>
      </c>
      <c r="W8065" s="83">
        <f>Bühler!N8097</f>
        <v>45627.958333313778</v>
      </c>
      <c r="X8065" s="83">
        <v>43436.958333333336</v>
      </c>
      <c r="Y8065">
        <v>175087.7666</v>
      </c>
      <c r="Z8065">
        <v>14835.946679999999</v>
      </c>
      <c r="AA8065">
        <v>47459.518499999998</v>
      </c>
      <c r="AB8065">
        <v>43673.581149999998</v>
      </c>
      <c r="AC8065">
        <v>37159.789199999999</v>
      </c>
      <c r="AD8065">
        <v>24979.499500000002</v>
      </c>
      <c r="AE8065">
        <v>25740.260289999998</v>
      </c>
      <c r="AF8065">
        <v>48966.944710000003</v>
      </c>
      <c r="AG8065">
        <v>20781.056799999998</v>
      </c>
      <c r="AH8065">
        <v>227157.71580000001</v>
      </c>
      <c r="AI8065">
        <v>68795.269950000002</v>
      </c>
      <c r="AJ8065">
        <v>21189.2814</v>
      </c>
      <c r="AK8065">
        <v>29688.98561</v>
      </c>
      <c r="AL8065">
        <v>58417.243750000001</v>
      </c>
      <c r="AM8065">
        <v>23438.020810000002</v>
      </c>
      <c r="AN8065">
        <v>80447.022630000007</v>
      </c>
      <c r="AO8065">
        <v>28869.120129999999</v>
      </c>
      <c r="AP8065">
        <v>14993.06466</v>
      </c>
    </row>
    <row r="8066" spans="2:42" x14ac:dyDescent="0.3">
      <c r="B8066">
        <v>44.829133992543397</v>
      </c>
      <c r="C8066" s="83">
        <v>43437</v>
      </c>
      <c r="D8066">
        <v>176550.56709999999</v>
      </c>
      <c r="E8066">
        <v>14911.16712</v>
      </c>
      <c r="F8066">
        <v>47798.555110000001</v>
      </c>
      <c r="G8066">
        <v>43648.7431</v>
      </c>
      <c r="H8066">
        <v>36871.054029999999</v>
      </c>
      <c r="I8066">
        <v>23239.19455</v>
      </c>
      <c r="J8066">
        <v>24426.649560000002</v>
      </c>
      <c r="K8066">
        <v>48096.784359999998</v>
      </c>
      <c r="L8066">
        <v>18693.066309999998</v>
      </c>
      <c r="M8066">
        <v>228559.8308</v>
      </c>
      <c r="N8066">
        <v>68117.225820000007</v>
      </c>
      <c r="O8066">
        <v>21160.392029999999</v>
      </c>
      <c r="P8066">
        <v>28786.228019999999</v>
      </c>
      <c r="Q8066">
        <v>61556.858050000003</v>
      </c>
      <c r="R8066">
        <v>21830.01237</v>
      </c>
      <c r="S8066">
        <v>79545.975059999997</v>
      </c>
      <c r="T8066">
        <v>27936.224989999999</v>
      </c>
      <c r="U8066">
        <v>14945.736849999999</v>
      </c>
      <c r="W8066" s="83">
        <f>Bühler!N8098</f>
        <v>45627.999999980442</v>
      </c>
      <c r="X8066" s="83">
        <v>43437</v>
      </c>
      <c r="Y8066">
        <v>176550.56709999999</v>
      </c>
      <c r="Z8066">
        <v>14911.16712</v>
      </c>
      <c r="AA8066">
        <v>47798.555110000001</v>
      </c>
      <c r="AB8066">
        <v>43648.7431</v>
      </c>
      <c r="AC8066">
        <v>36871.054029999999</v>
      </c>
      <c r="AD8066">
        <v>23239.19455</v>
      </c>
      <c r="AE8066">
        <v>24426.649560000002</v>
      </c>
      <c r="AF8066">
        <v>48096.784359999998</v>
      </c>
      <c r="AG8066">
        <v>18693.066309999998</v>
      </c>
      <c r="AH8066">
        <v>228559.8308</v>
      </c>
      <c r="AI8066">
        <v>68117.225820000007</v>
      </c>
      <c r="AJ8066">
        <v>21160.392029999999</v>
      </c>
      <c r="AK8066">
        <v>28786.228019999999</v>
      </c>
      <c r="AL8066">
        <v>61556.858050000003</v>
      </c>
      <c r="AM8066">
        <v>21830.01237</v>
      </c>
      <c r="AN8066">
        <v>79545.975059999997</v>
      </c>
      <c r="AO8066">
        <v>27936.224989999999</v>
      </c>
      <c r="AP8066">
        <v>14945.736849999999</v>
      </c>
    </row>
    <row r="8067" spans="2:42" x14ac:dyDescent="0.3">
      <c r="B8067">
        <v>45.197381672154414</v>
      </c>
      <c r="C8067" s="83">
        <v>43437.041666666664</v>
      </c>
      <c r="D8067">
        <v>178147.3002</v>
      </c>
      <c r="E8067">
        <v>15002.727430000001</v>
      </c>
      <c r="F8067">
        <v>48805.79535</v>
      </c>
      <c r="G8067">
        <v>43226.704469999997</v>
      </c>
      <c r="H8067">
        <v>36679.245649999997</v>
      </c>
      <c r="I8067">
        <v>19577.417130000002</v>
      </c>
      <c r="J8067">
        <v>24114.303370000001</v>
      </c>
      <c r="K8067">
        <v>44323.421679999999</v>
      </c>
      <c r="L8067">
        <v>18027.43391</v>
      </c>
      <c r="M8067">
        <v>230437.32920000001</v>
      </c>
      <c r="N8067">
        <v>67679.678199999995</v>
      </c>
      <c r="O8067">
        <v>20999.139899999998</v>
      </c>
      <c r="P8067">
        <v>26998.19541</v>
      </c>
      <c r="Q8067">
        <v>65019.376819999998</v>
      </c>
      <c r="R8067">
        <v>21463.85281</v>
      </c>
      <c r="S8067">
        <v>78623.796870000006</v>
      </c>
      <c r="T8067">
        <v>27186.854749999999</v>
      </c>
      <c r="U8067">
        <v>15229.8959</v>
      </c>
      <c r="W8067" s="83">
        <f>Bühler!N8099</f>
        <v>45628.041666647106</v>
      </c>
      <c r="X8067" s="83">
        <v>43437.041666666664</v>
      </c>
      <c r="Y8067">
        <v>178147.3002</v>
      </c>
      <c r="Z8067">
        <v>15002.727430000001</v>
      </c>
      <c r="AA8067">
        <v>48805.79535</v>
      </c>
      <c r="AB8067">
        <v>43226.704469999997</v>
      </c>
      <c r="AC8067">
        <v>36679.245649999997</v>
      </c>
      <c r="AD8067">
        <v>19577.417130000002</v>
      </c>
      <c r="AE8067">
        <v>24114.303370000001</v>
      </c>
      <c r="AF8067">
        <v>44323.421679999999</v>
      </c>
      <c r="AG8067">
        <v>18027.43391</v>
      </c>
      <c r="AH8067">
        <v>230437.32920000001</v>
      </c>
      <c r="AI8067">
        <v>67679.678199999995</v>
      </c>
      <c r="AJ8067">
        <v>20999.139899999998</v>
      </c>
      <c r="AK8067">
        <v>26998.19541</v>
      </c>
      <c r="AL8067">
        <v>65019.376819999998</v>
      </c>
      <c r="AM8067">
        <v>21463.85281</v>
      </c>
      <c r="AN8067">
        <v>78623.796870000006</v>
      </c>
      <c r="AO8067">
        <v>27186.854749999999</v>
      </c>
      <c r="AP8067">
        <v>15229.8959</v>
      </c>
    </row>
    <row r="8068" spans="2:42" x14ac:dyDescent="0.3">
      <c r="B8068">
        <v>46.240672368462064</v>
      </c>
      <c r="C8068" s="83">
        <v>43437.083333333336</v>
      </c>
      <c r="D8068">
        <v>178904.70540000001</v>
      </c>
      <c r="E8068">
        <v>15075.53613</v>
      </c>
      <c r="F8068">
        <v>49872.732369999998</v>
      </c>
      <c r="G8068">
        <v>43014.798799999997</v>
      </c>
      <c r="H8068">
        <v>36570.788330000003</v>
      </c>
      <c r="I8068">
        <v>18195.766199999998</v>
      </c>
      <c r="J8068">
        <v>24051.284189999998</v>
      </c>
      <c r="K8068">
        <v>43902.622150000003</v>
      </c>
      <c r="L8068">
        <v>18321.03025</v>
      </c>
      <c r="M8068">
        <v>235756.5117</v>
      </c>
      <c r="N8068">
        <v>68211.294699999999</v>
      </c>
      <c r="O8068">
        <v>20813.068090000001</v>
      </c>
      <c r="P8068">
        <v>26955.465260000001</v>
      </c>
      <c r="Q8068">
        <v>68502.813070000004</v>
      </c>
      <c r="R8068">
        <v>21257.623940000001</v>
      </c>
      <c r="S8068">
        <v>78093.476360000001</v>
      </c>
      <c r="T8068">
        <v>26909.413339999999</v>
      </c>
      <c r="U8068">
        <v>15569.120150000001</v>
      </c>
      <c r="W8068" s="83">
        <f>Bühler!N8100</f>
        <v>45628.083333313771</v>
      </c>
      <c r="X8068" s="83">
        <v>43437.083333333336</v>
      </c>
      <c r="Y8068">
        <v>178904.70540000001</v>
      </c>
      <c r="Z8068">
        <v>15075.53613</v>
      </c>
      <c r="AA8068">
        <v>49872.732369999998</v>
      </c>
      <c r="AB8068">
        <v>43014.798799999997</v>
      </c>
      <c r="AC8068">
        <v>36570.788330000003</v>
      </c>
      <c r="AD8068">
        <v>18195.766199999998</v>
      </c>
      <c r="AE8068">
        <v>24051.284189999998</v>
      </c>
      <c r="AF8068">
        <v>43902.622150000003</v>
      </c>
      <c r="AG8068">
        <v>18321.03025</v>
      </c>
      <c r="AH8068">
        <v>235756.5117</v>
      </c>
      <c r="AI8068">
        <v>68211.294699999999</v>
      </c>
      <c r="AJ8068">
        <v>20813.068090000001</v>
      </c>
      <c r="AK8068">
        <v>26955.465260000001</v>
      </c>
      <c r="AL8068">
        <v>68502.813070000004</v>
      </c>
      <c r="AM8068">
        <v>21257.623940000001</v>
      </c>
      <c r="AN8068">
        <v>78093.476360000001</v>
      </c>
      <c r="AO8068">
        <v>26909.413339999999</v>
      </c>
      <c r="AP8068">
        <v>15569.120150000001</v>
      </c>
    </row>
    <row r="8069" spans="2:42" x14ac:dyDescent="0.3">
      <c r="B8069">
        <v>47.404221914956587</v>
      </c>
      <c r="C8069" s="83">
        <v>43437.125</v>
      </c>
      <c r="D8069">
        <v>183163.38630000001</v>
      </c>
      <c r="E8069">
        <v>15374.0479</v>
      </c>
      <c r="F8069">
        <v>51416.731050000002</v>
      </c>
      <c r="G8069">
        <v>42363.24798</v>
      </c>
      <c r="H8069">
        <v>36741.183290000001</v>
      </c>
      <c r="I8069">
        <v>18313.436969999999</v>
      </c>
      <c r="J8069">
        <v>24417.851559999999</v>
      </c>
      <c r="K8069">
        <v>42840.429700000001</v>
      </c>
      <c r="L8069">
        <v>18099.00734</v>
      </c>
      <c r="M8069">
        <v>241688.82990000001</v>
      </c>
      <c r="N8069">
        <v>68736.034769999998</v>
      </c>
      <c r="O8069">
        <v>21323.832289999998</v>
      </c>
      <c r="P8069">
        <v>26999.778149999998</v>
      </c>
      <c r="Q8069">
        <v>72717.088220000005</v>
      </c>
      <c r="R8069">
        <v>21443.870920000001</v>
      </c>
      <c r="S8069">
        <v>77285.050589999999</v>
      </c>
      <c r="T8069">
        <v>26670.277839999999</v>
      </c>
      <c r="U8069">
        <v>15735.247820000001</v>
      </c>
      <c r="W8069" s="83">
        <f>Bühler!N8101</f>
        <v>45628.124999980435</v>
      </c>
      <c r="X8069" s="83">
        <v>43437.125</v>
      </c>
      <c r="Y8069">
        <v>183163.38630000001</v>
      </c>
      <c r="Z8069">
        <v>15374.0479</v>
      </c>
      <c r="AA8069">
        <v>51416.731050000002</v>
      </c>
      <c r="AB8069">
        <v>42363.24798</v>
      </c>
      <c r="AC8069">
        <v>36741.183290000001</v>
      </c>
      <c r="AD8069">
        <v>18313.436969999999</v>
      </c>
      <c r="AE8069">
        <v>24417.851559999999</v>
      </c>
      <c r="AF8069">
        <v>42840.429700000001</v>
      </c>
      <c r="AG8069">
        <v>18099.00734</v>
      </c>
      <c r="AH8069">
        <v>241688.82990000001</v>
      </c>
      <c r="AI8069">
        <v>68736.034769999998</v>
      </c>
      <c r="AJ8069">
        <v>21323.832289999998</v>
      </c>
      <c r="AK8069">
        <v>26999.778149999998</v>
      </c>
      <c r="AL8069">
        <v>72717.088220000005</v>
      </c>
      <c r="AM8069">
        <v>21443.870920000001</v>
      </c>
      <c r="AN8069">
        <v>77285.050589999999</v>
      </c>
      <c r="AO8069">
        <v>26670.277839999999</v>
      </c>
      <c r="AP8069">
        <v>15735.247820000001</v>
      </c>
    </row>
    <row r="8070" spans="2:42" x14ac:dyDescent="0.3">
      <c r="B8070">
        <v>50.111948586876672</v>
      </c>
      <c r="C8070" s="83">
        <v>43437.166666666664</v>
      </c>
      <c r="D8070">
        <v>194732.7708</v>
      </c>
      <c r="E8070">
        <v>16209.58581</v>
      </c>
      <c r="F8070">
        <v>55583.678489999998</v>
      </c>
      <c r="G8070">
        <v>42337.068140000003</v>
      </c>
      <c r="H8070">
        <v>38180.107770000002</v>
      </c>
      <c r="I8070">
        <v>21112.437330000001</v>
      </c>
      <c r="J8070">
        <v>25684.161260000001</v>
      </c>
      <c r="K8070">
        <v>43463.955419999998</v>
      </c>
      <c r="L8070">
        <v>18133.826929999999</v>
      </c>
      <c r="M8070">
        <v>255494.08319999999</v>
      </c>
      <c r="N8070">
        <v>71200.419680000006</v>
      </c>
      <c r="O8070">
        <v>21599.479510000001</v>
      </c>
      <c r="P8070">
        <v>27402.156449999999</v>
      </c>
      <c r="Q8070">
        <v>77829.70362</v>
      </c>
      <c r="R8070">
        <v>21831.731380000001</v>
      </c>
      <c r="S8070">
        <v>78412.678109999993</v>
      </c>
      <c r="T8070">
        <v>27094.903849999999</v>
      </c>
      <c r="U8070">
        <v>17108.399959999999</v>
      </c>
      <c r="W8070" s="83">
        <f>Bühler!N8102</f>
        <v>45628.166666647099</v>
      </c>
      <c r="X8070" s="83">
        <v>43437.166666666664</v>
      </c>
      <c r="Y8070">
        <v>194732.7708</v>
      </c>
      <c r="Z8070">
        <v>16209.58581</v>
      </c>
      <c r="AA8070">
        <v>55583.678489999998</v>
      </c>
      <c r="AB8070">
        <v>42337.068140000003</v>
      </c>
      <c r="AC8070">
        <v>38180.107770000002</v>
      </c>
      <c r="AD8070">
        <v>21112.437330000001</v>
      </c>
      <c r="AE8070">
        <v>25684.161260000001</v>
      </c>
      <c r="AF8070">
        <v>43463.955419999998</v>
      </c>
      <c r="AG8070">
        <v>18133.826929999999</v>
      </c>
      <c r="AH8070">
        <v>255494.08319999999</v>
      </c>
      <c r="AI8070">
        <v>71200.419680000006</v>
      </c>
      <c r="AJ8070">
        <v>21599.479510000001</v>
      </c>
      <c r="AK8070">
        <v>27402.156449999999</v>
      </c>
      <c r="AL8070">
        <v>77829.70362</v>
      </c>
      <c r="AM8070">
        <v>21831.731380000001</v>
      </c>
      <c r="AN8070">
        <v>78412.678109999993</v>
      </c>
      <c r="AO8070">
        <v>27094.903849999999</v>
      </c>
      <c r="AP8070">
        <v>17108.399959999999</v>
      </c>
    </row>
    <row r="8071" spans="2:42" x14ac:dyDescent="0.3">
      <c r="B8071">
        <v>55.929974814862376</v>
      </c>
      <c r="C8071" s="83">
        <v>43437.208333333336</v>
      </c>
      <c r="D8071">
        <v>227574.55309999999</v>
      </c>
      <c r="E8071">
        <v>18701.691070000001</v>
      </c>
      <c r="F8071">
        <v>67584.693360000005</v>
      </c>
      <c r="G8071">
        <v>45267.631840000002</v>
      </c>
      <c r="H8071">
        <v>40387.946880000003</v>
      </c>
      <c r="I8071">
        <v>29203.978640000001</v>
      </c>
      <c r="J8071">
        <v>28270.58412</v>
      </c>
      <c r="K8071">
        <v>44936.394849999997</v>
      </c>
      <c r="L8071">
        <v>19356.255209999999</v>
      </c>
      <c r="M8071">
        <v>285157.09409999999</v>
      </c>
      <c r="N8071">
        <v>74106.016080000001</v>
      </c>
      <c r="O8071">
        <v>22440.6005</v>
      </c>
      <c r="P8071">
        <v>29203.033240000001</v>
      </c>
      <c r="Q8071">
        <v>84100.393779999999</v>
      </c>
      <c r="R8071">
        <v>23066.137139999999</v>
      </c>
      <c r="S8071">
        <v>81658.965649999998</v>
      </c>
      <c r="T8071">
        <v>28527.01859</v>
      </c>
      <c r="U8071">
        <v>19146.88161</v>
      </c>
      <c r="W8071" s="83">
        <f>Bühler!N8103</f>
        <v>45628.208333313763</v>
      </c>
      <c r="X8071" s="83">
        <v>43437.208333333336</v>
      </c>
      <c r="Y8071">
        <v>227574.55309999999</v>
      </c>
      <c r="Z8071">
        <v>18701.691070000001</v>
      </c>
      <c r="AA8071">
        <v>67584.693360000005</v>
      </c>
      <c r="AB8071">
        <v>45267.631840000002</v>
      </c>
      <c r="AC8071">
        <v>40387.946880000003</v>
      </c>
      <c r="AD8071">
        <v>29203.978640000001</v>
      </c>
      <c r="AE8071">
        <v>28270.58412</v>
      </c>
      <c r="AF8071">
        <v>44936.394849999997</v>
      </c>
      <c r="AG8071">
        <v>19356.255209999999</v>
      </c>
      <c r="AH8071">
        <v>285157.09409999999</v>
      </c>
      <c r="AI8071">
        <v>74106.016080000001</v>
      </c>
      <c r="AJ8071">
        <v>22440.6005</v>
      </c>
      <c r="AK8071">
        <v>29203.033240000001</v>
      </c>
      <c r="AL8071">
        <v>84100.393779999999</v>
      </c>
      <c r="AM8071">
        <v>23066.137139999999</v>
      </c>
      <c r="AN8071">
        <v>81658.965649999998</v>
      </c>
      <c r="AO8071">
        <v>28527.01859</v>
      </c>
      <c r="AP8071">
        <v>19146.88161</v>
      </c>
    </row>
    <row r="8072" spans="2:42" x14ac:dyDescent="0.3">
      <c r="B8072">
        <v>62.53611971040386</v>
      </c>
      <c r="C8072" s="83">
        <v>43437.25</v>
      </c>
      <c r="D8072">
        <v>255451.9296</v>
      </c>
      <c r="E8072">
        <v>23159.61188</v>
      </c>
      <c r="F8072">
        <v>81605.709520000004</v>
      </c>
      <c r="G8072">
        <v>58319.278660000004</v>
      </c>
      <c r="H8072">
        <v>44681.125359999998</v>
      </c>
      <c r="I8072">
        <v>37867.798860000003</v>
      </c>
      <c r="J8072">
        <v>31420.780910000001</v>
      </c>
      <c r="K8072">
        <v>48539.541499999999</v>
      </c>
      <c r="L8072">
        <v>21037.299060000001</v>
      </c>
      <c r="M8072">
        <v>318838.3015</v>
      </c>
      <c r="N8072">
        <v>80257.670910000001</v>
      </c>
      <c r="O8072">
        <v>23969.318090000001</v>
      </c>
      <c r="P8072">
        <v>28832.175609999998</v>
      </c>
      <c r="Q8072">
        <v>89443.035709999996</v>
      </c>
      <c r="R8072">
        <v>20247.54088</v>
      </c>
      <c r="S8072">
        <v>91938.957810000007</v>
      </c>
      <c r="T8072">
        <v>31944.90511</v>
      </c>
      <c r="U8072">
        <v>21471.60312</v>
      </c>
      <c r="W8072" s="83">
        <f>Bühler!N8104</f>
        <v>45628.249999980428</v>
      </c>
      <c r="X8072" s="83">
        <v>43437.25</v>
      </c>
      <c r="Y8072">
        <v>255451.9296</v>
      </c>
      <c r="Z8072">
        <v>23159.61188</v>
      </c>
      <c r="AA8072">
        <v>81605.709520000004</v>
      </c>
      <c r="AB8072">
        <v>58319.278660000004</v>
      </c>
      <c r="AC8072">
        <v>44681.125359999998</v>
      </c>
      <c r="AD8072">
        <v>37867.798860000003</v>
      </c>
      <c r="AE8072">
        <v>31420.780910000001</v>
      </c>
      <c r="AF8072">
        <v>48539.541499999999</v>
      </c>
      <c r="AG8072">
        <v>21037.299060000001</v>
      </c>
      <c r="AH8072">
        <v>318838.3015</v>
      </c>
      <c r="AI8072">
        <v>80257.670910000001</v>
      </c>
      <c r="AJ8072">
        <v>23969.318090000001</v>
      </c>
      <c r="AK8072">
        <v>28832.175609999998</v>
      </c>
      <c r="AL8072">
        <v>89443.035709999996</v>
      </c>
      <c r="AM8072">
        <v>20247.54088</v>
      </c>
      <c r="AN8072">
        <v>91938.957810000007</v>
      </c>
      <c r="AO8072">
        <v>31944.90511</v>
      </c>
      <c r="AP8072">
        <v>21471.60312</v>
      </c>
    </row>
    <row r="8073" spans="2:42" x14ac:dyDescent="0.3">
      <c r="B8073">
        <v>65.718673092481538</v>
      </c>
      <c r="C8073" s="83">
        <v>43437.291666666664</v>
      </c>
      <c r="D8073">
        <v>275807.9497</v>
      </c>
      <c r="E8073">
        <v>28674.586640000001</v>
      </c>
      <c r="F8073">
        <v>85937.716560000001</v>
      </c>
      <c r="G8073">
        <v>74636.548370000004</v>
      </c>
      <c r="H8073">
        <v>51042.501409999997</v>
      </c>
      <c r="I8073">
        <v>47816.281309999998</v>
      </c>
      <c r="J8073">
        <v>33188.741320000001</v>
      </c>
      <c r="K8073">
        <v>54448.92065</v>
      </c>
      <c r="L8073">
        <v>24269.73027</v>
      </c>
      <c r="M8073">
        <v>335064.44280000002</v>
      </c>
      <c r="N8073">
        <v>87365.090070000006</v>
      </c>
      <c r="O8073">
        <v>27007.85196</v>
      </c>
      <c r="P8073">
        <v>30201.044300000001</v>
      </c>
      <c r="Q8073">
        <v>91215.425359999994</v>
      </c>
      <c r="R8073">
        <v>23419.297470000001</v>
      </c>
      <c r="S8073">
        <v>108459.2322</v>
      </c>
      <c r="T8073">
        <v>34147.864020000001</v>
      </c>
      <c r="U8073">
        <v>27359.724429999998</v>
      </c>
      <c r="W8073" s="83">
        <f>Bühler!N8105</f>
        <v>45628.291666647092</v>
      </c>
      <c r="X8073" s="83">
        <v>43437.291666666664</v>
      </c>
      <c r="Y8073">
        <v>275807.9497</v>
      </c>
      <c r="Z8073">
        <v>28674.586640000001</v>
      </c>
      <c r="AA8073">
        <v>85937.716560000001</v>
      </c>
      <c r="AB8073">
        <v>74636.548370000004</v>
      </c>
      <c r="AC8073">
        <v>51042.501409999997</v>
      </c>
      <c r="AD8073">
        <v>47816.281309999998</v>
      </c>
      <c r="AE8073">
        <v>33188.741320000001</v>
      </c>
      <c r="AF8073">
        <v>54448.92065</v>
      </c>
      <c r="AG8073">
        <v>24269.73027</v>
      </c>
      <c r="AH8073">
        <v>335064.44280000002</v>
      </c>
      <c r="AI8073">
        <v>87365.090070000006</v>
      </c>
      <c r="AJ8073">
        <v>27007.85196</v>
      </c>
      <c r="AK8073">
        <v>30201.044300000001</v>
      </c>
      <c r="AL8073">
        <v>91215.425359999994</v>
      </c>
      <c r="AM8073">
        <v>23419.297470000001</v>
      </c>
      <c r="AN8073">
        <v>108459.2322</v>
      </c>
      <c r="AO8073">
        <v>34147.864020000001</v>
      </c>
      <c r="AP8073">
        <v>27359.724429999998</v>
      </c>
    </row>
    <row r="8074" spans="2:42" x14ac:dyDescent="0.3">
      <c r="B8074">
        <v>67.51991389394135</v>
      </c>
      <c r="C8074" s="83">
        <v>43437.333333333336</v>
      </c>
      <c r="D8074">
        <v>293080.9546</v>
      </c>
      <c r="E8074">
        <v>35261.903899999998</v>
      </c>
      <c r="F8074">
        <v>92923.816819999993</v>
      </c>
      <c r="G8074">
        <v>93069.226139999999</v>
      </c>
      <c r="H8074">
        <v>56759.920720000002</v>
      </c>
      <c r="I8074">
        <v>50496.033519999997</v>
      </c>
      <c r="J8074">
        <v>33246.990270000002</v>
      </c>
      <c r="K8074">
        <v>61052.954449999997</v>
      </c>
      <c r="L8074">
        <v>26564.375789999998</v>
      </c>
      <c r="M8074">
        <v>344248.00839999999</v>
      </c>
      <c r="N8074">
        <v>91824.759009999994</v>
      </c>
      <c r="O8074">
        <v>28875.485680000002</v>
      </c>
      <c r="P8074">
        <v>33021.669750000001</v>
      </c>
      <c r="Q8074">
        <v>93020.566449999998</v>
      </c>
      <c r="R8074">
        <v>23781.855500000001</v>
      </c>
      <c r="S8074">
        <v>125077.29240000001</v>
      </c>
      <c r="T8074">
        <v>38375.430220000002</v>
      </c>
      <c r="U8074">
        <v>31456.602760000002</v>
      </c>
      <c r="W8074" s="83">
        <f>Bühler!N8106</f>
        <v>45628.333333313756</v>
      </c>
      <c r="X8074" s="83">
        <v>43437.333333333336</v>
      </c>
      <c r="Y8074">
        <v>293080.9546</v>
      </c>
      <c r="Z8074">
        <v>35261.903899999998</v>
      </c>
      <c r="AA8074">
        <v>92923.816819999993</v>
      </c>
      <c r="AB8074">
        <v>93069.226139999999</v>
      </c>
      <c r="AC8074">
        <v>56759.920720000002</v>
      </c>
      <c r="AD8074">
        <v>50496.033519999997</v>
      </c>
      <c r="AE8074">
        <v>33246.990270000002</v>
      </c>
      <c r="AF8074">
        <v>61052.954449999997</v>
      </c>
      <c r="AG8074">
        <v>26564.375789999998</v>
      </c>
      <c r="AH8074">
        <v>344248.00839999999</v>
      </c>
      <c r="AI8074">
        <v>91824.759009999994</v>
      </c>
      <c r="AJ8074">
        <v>28875.485680000002</v>
      </c>
      <c r="AK8074">
        <v>33021.669750000001</v>
      </c>
      <c r="AL8074">
        <v>93020.566449999998</v>
      </c>
      <c r="AM8074">
        <v>23781.855500000001</v>
      </c>
      <c r="AN8074">
        <v>125077.29240000001</v>
      </c>
      <c r="AO8074">
        <v>38375.430220000002</v>
      </c>
      <c r="AP8074">
        <v>31456.602760000002</v>
      </c>
    </row>
    <row r="8075" spans="2:42" x14ac:dyDescent="0.3">
      <c r="B8075">
        <v>68.487299019035305</v>
      </c>
      <c r="C8075" s="83">
        <v>43437.375</v>
      </c>
      <c r="D8075">
        <v>294984.15210000001</v>
      </c>
      <c r="E8075">
        <v>38667.668870000001</v>
      </c>
      <c r="F8075">
        <v>98516.179799999998</v>
      </c>
      <c r="G8075">
        <v>103075.0773</v>
      </c>
      <c r="H8075">
        <v>59446.344369999999</v>
      </c>
      <c r="I8075">
        <v>47806.936000000002</v>
      </c>
      <c r="J8075">
        <v>33238.844230000002</v>
      </c>
      <c r="K8075">
        <v>63656.886030000001</v>
      </c>
      <c r="L8075">
        <v>29191.275870000001</v>
      </c>
      <c r="M8075">
        <v>349180.18890000001</v>
      </c>
      <c r="N8075">
        <v>95103.914839999998</v>
      </c>
      <c r="O8075">
        <v>29250.096649999999</v>
      </c>
      <c r="P8075">
        <v>33876.413820000002</v>
      </c>
      <c r="Q8075">
        <v>94400.099199999997</v>
      </c>
      <c r="R8075">
        <v>24345.552599999999</v>
      </c>
      <c r="S8075">
        <v>130834.9295</v>
      </c>
      <c r="T8075">
        <v>40111.873879999999</v>
      </c>
      <c r="U8075">
        <v>31626.02115</v>
      </c>
      <c r="W8075" s="83">
        <f>Bühler!N8107</f>
        <v>45628.37499998042</v>
      </c>
      <c r="X8075" s="83">
        <v>43437.375</v>
      </c>
      <c r="Y8075">
        <v>294984.15210000001</v>
      </c>
      <c r="Z8075">
        <v>38667.668870000001</v>
      </c>
      <c r="AA8075">
        <v>98516.179799999998</v>
      </c>
      <c r="AB8075">
        <v>103075.0773</v>
      </c>
      <c r="AC8075">
        <v>59446.344369999999</v>
      </c>
      <c r="AD8075">
        <v>47806.936000000002</v>
      </c>
      <c r="AE8075">
        <v>33238.844230000002</v>
      </c>
      <c r="AF8075">
        <v>63656.886030000001</v>
      </c>
      <c r="AG8075">
        <v>29191.275870000001</v>
      </c>
      <c r="AH8075">
        <v>349180.18890000001</v>
      </c>
      <c r="AI8075">
        <v>95103.914839999998</v>
      </c>
      <c r="AJ8075">
        <v>29250.096649999999</v>
      </c>
      <c r="AK8075">
        <v>33876.413820000002</v>
      </c>
      <c r="AL8075">
        <v>94400.099199999997</v>
      </c>
      <c r="AM8075">
        <v>24345.552599999999</v>
      </c>
      <c r="AN8075">
        <v>130834.9295</v>
      </c>
      <c r="AO8075">
        <v>40111.873879999999</v>
      </c>
      <c r="AP8075">
        <v>31626.02115</v>
      </c>
    </row>
    <row r="8076" spans="2:42" x14ac:dyDescent="0.3">
      <c r="B8076">
        <v>69.345437723217046</v>
      </c>
      <c r="C8076" s="83">
        <v>43437.416666666664</v>
      </c>
      <c r="D8076">
        <v>297727.09749999997</v>
      </c>
      <c r="E8076">
        <v>39994.214670000001</v>
      </c>
      <c r="F8076">
        <v>98737.680649999995</v>
      </c>
      <c r="G8076">
        <v>105030.9984</v>
      </c>
      <c r="H8076">
        <v>59765.879050000003</v>
      </c>
      <c r="I8076">
        <v>45051.065450000002</v>
      </c>
      <c r="J8076">
        <v>32371.74841</v>
      </c>
      <c r="K8076">
        <v>64704.421029999998</v>
      </c>
      <c r="L8076">
        <v>31772.139660000001</v>
      </c>
      <c r="M8076">
        <v>353555.38020000001</v>
      </c>
      <c r="N8076">
        <v>96953.303839999993</v>
      </c>
      <c r="O8076">
        <v>29389.805250000001</v>
      </c>
      <c r="P8076">
        <v>34660.497210000001</v>
      </c>
      <c r="Q8076">
        <v>95610.949129999994</v>
      </c>
      <c r="R8076">
        <v>24297.213759999999</v>
      </c>
      <c r="S8076">
        <v>132050.9497</v>
      </c>
      <c r="T8076">
        <v>41265.328659999999</v>
      </c>
      <c r="U8076">
        <v>30782.059639999999</v>
      </c>
      <c r="W8076" s="83">
        <f>Bühler!N8108</f>
        <v>45628.416666647085</v>
      </c>
      <c r="X8076" s="83">
        <v>43437.416666666664</v>
      </c>
      <c r="Y8076">
        <v>297727.09749999997</v>
      </c>
      <c r="Z8076">
        <v>39994.214670000001</v>
      </c>
      <c r="AA8076">
        <v>98737.680649999995</v>
      </c>
      <c r="AB8076">
        <v>105030.9984</v>
      </c>
      <c r="AC8076">
        <v>59765.879050000003</v>
      </c>
      <c r="AD8076">
        <v>45051.065450000002</v>
      </c>
      <c r="AE8076">
        <v>32371.74841</v>
      </c>
      <c r="AF8076">
        <v>64704.421029999998</v>
      </c>
      <c r="AG8076">
        <v>31772.139660000001</v>
      </c>
      <c r="AH8076">
        <v>353555.38020000001</v>
      </c>
      <c r="AI8076">
        <v>96953.303839999993</v>
      </c>
      <c r="AJ8076">
        <v>29389.805250000001</v>
      </c>
      <c r="AK8076">
        <v>34660.497210000001</v>
      </c>
      <c r="AL8076">
        <v>95610.949129999994</v>
      </c>
      <c r="AM8076">
        <v>24297.213759999999</v>
      </c>
      <c r="AN8076">
        <v>132050.9497</v>
      </c>
      <c r="AO8076">
        <v>41265.328659999999</v>
      </c>
      <c r="AP8076">
        <v>30782.059639999999</v>
      </c>
    </row>
    <row r="8077" spans="2:42" x14ac:dyDescent="0.3">
      <c r="B8077">
        <v>69.455131239362814</v>
      </c>
      <c r="C8077" s="83">
        <v>43437.458333333336</v>
      </c>
      <c r="D8077">
        <v>297224.54920000001</v>
      </c>
      <c r="E8077">
        <v>39247.008370000003</v>
      </c>
      <c r="F8077">
        <v>98643.048190000001</v>
      </c>
      <c r="G8077">
        <v>103163.7145</v>
      </c>
      <c r="H8077">
        <v>58908.481209999998</v>
      </c>
      <c r="I8077">
        <v>44304.014089999997</v>
      </c>
      <c r="J8077">
        <v>31797.892360000002</v>
      </c>
      <c r="K8077">
        <v>66832.503660000002</v>
      </c>
      <c r="L8077">
        <v>33397.374159999999</v>
      </c>
      <c r="M8077">
        <v>354114.64889999997</v>
      </c>
      <c r="N8077">
        <v>96186.787769999995</v>
      </c>
      <c r="O8077">
        <v>28786.907080000001</v>
      </c>
      <c r="P8077">
        <v>34314.148910000004</v>
      </c>
      <c r="Q8077">
        <v>95537.179740000007</v>
      </c>
      <c r="R8077">
        <v>24508.592509999999</v>
      </c>
      <c r="S8077">
        <v>132426.74679999999</v>
      </c>
      <c r="T8077">
        <v>40810.307509999999</v>
      </c>
      <c r="U8077">
        <v>29619.676240000001</v>
      </c>
      <c r="W8077" s="83">
        <f>Bühler!N8109</f>
        <v>45628.458333313749</v>
      </c>
      <c r="X8077" s="83">
        <v>43437.458333333336</v>
      </c>
      <c r="Y8077">
        <v>297224.54920000001</v>
      </c>
      <c r="Z8077">
        <v>39247.008370000003</v>
      </c>
      <c r="AA8077">
        <v>98643.048190000001</v>
      </c>
      <c r="AB8077">
        <v>103163.7145</v>
      </c>
      <c r="AC8077">
        <v>58908.481209999998</v>
      </c>
      <c r="AD8077">
        <v>44304.014089999997</v>
      </c>
      <c r="AE8077">
        <v>31797.892360000002</v>
      </c>
      <c r="AF8077">
        <v>66832.503660000002</v>
      </c>
      <c r="AG8077">
        <v>33397.374159999999</v>
      </c>
      <c r="AH8077">
        <v>354114.64889999997</v>
      </c>
      <c r="AI8077">
        <v>96186.787769999995</v>
      </c>
      <c r="AJ8077">
        <v>28786.907080000001</v>
      </c>
      <c r="AK8077">
        <v>34314.148910000004</v>
      </c>
      <c r="AL8077">
        <v>95537.179740000007</v>
      </c>
      <c r="AM8077">
        <v>24508.592509999999</v>
      </c>
      <c r="AN8077">
        <v>132426.74679999999</v>
      </c>
      <c r="AO8077">
        <v>40810.307509999999</v>
      </c>
      <c r="AP8077">
        <v>29619.676240000001</v>
      </c>
    </row>
    <row r="8078" spans="2:42" x14ac:dyDescent="0.3">
      <c r="B8078">
        <v>68.476390032632409</v>
      </c>
      <c r="C8078" s="83">
        <v>43437.5</v>
      </c>
      <c r="D8078">
        <v>285260.09240000002</v>
      </c>
      <c r="E8078">
        <v>35483.369939999997</v>
      </c>
      <c r="F8078">
        <v>92348.373640000005</v>
      </c>
      <c r="G8078">
        <v>101071.6639</v>
      </c>
      <c r="H8078">
        <v>55810.60598</v>
      </c>
      <c r="I8078">
        <v>42124.773500000003</v>
      </c>
      <c r="J8078">
        <v>31587.629300000001</v>
      </c>
      <c r="K8078">
        <v>62102.953739999997</v>
      </c>
      <c r="L8078">
        <v>35259.092129999997</v>
      </c>
      <c r="M8078">
        <v>349124.5698</v>
      </c>
      <c r="N8078">
        <v>92596.932079999999</v>
      </c>
      <c r="O8078">
        <v>27756.36997</v>
      </c>
      <c r="P8078">
        <v>34492.487209999999</v>
      </c>
      <c r="Q8078">
        <v>94892.627800000002</v>
      </c>
      <c r="R8078">
        <v>25749.82746</v>
      </c>
      <c r="S8078">
        <v>125760.1211</v>
      </c>
      <c r="T8078">
        <v>40178.486749999996</v>
      </c>
      <c r="U8078">
        <v>25596.794389999999</v>
      </c>
      <c r="W8078" s="83">
        <f>Bühler!N8110</f>
        <v>45628.499999980413</v>
      </c>
      <c r="X8078" s="83">
        <v>43437.5</v>
      </c>
      <c r="Y8078">
        <v>285260.09240000002</v>
      </c>
      <c r="Z8078">
        <v>35483.369939999997</v>
      </c>
      <c r="AA8078">
        <v>92348.373640000005</v>
      </c>
      <c r="AB8078">
        <v>101071.6639</v>
      </c>
      <c r="AC8078">
        <v>55810.60598</v>
      </c>
      <c r="AD8078">
        <v>42124.773500000003</v>
      </c>
      <c r="AE8078">
        <v>31587.629300000001</v>
      </c>
      <c r="AF8078">
        <v>62102.953739999997</v>
      </c>
      <c r="AG8078">
        <v>35259.092129999997</v>
      </c>
      <c r="AH8078">
        <v>349124.5698</v>
      </c>
      <c r="AI8078">
        <v>92596.932079999999</v>
      </c>
      <c r="AJ8078">
        <v>27756.36997</v>
      </c>
      <c r="AK8078">
        <v>34492.487209999999</v>
      </c>
      <c r="AL8078">
        <v>94892.627800000002</v>
      </c>
      <c r="AM8078">
        <v>25749.82746</v>
      </c>
      <c r="AN8078">
        <v>125760.1211</v>
      </c>
      <c r="AO8078">
        <v>40178.486749999996</v>
      </c>
      <c r="AP8078">
        <v>25596.794389999999</v>
      </c>
    </row>
    <row r="8079" spans="2:42" x14ac:dyDescent="0.3">
      <c r="B8079">
        <v>68.895805452207355</v>
      </c>
      <c r="C8079" s="83">
        <v>43437.541666666664</v>
      </c>
      <c r="D8079">
        <v>288706.30790000001</v>
      </c>
      <c r="E8079">
        <v>35400.073250000001</v>
      </c>
      <c r="F8079">
        <v>88809.999379999994</v>
      </c>
      <c r="G8079">
        <v>97792.840119999993</v>
      </c>
      <c r="H8079">
        <v>56526.722419999998</v>
      </c>
      <c r="I8079">
        <v>41531.338900000002</v>
      </c>
      <c r="J8079">
        <v>30902.03673</v>
      </c>
      <c r="K8079">
        <v>65390.498079999998</v>
      </c>
      <c r="L8079">
        <v>33646.998249999997</v>
      </c>
      <c r="M8079">
        <v>351262.94520000002</v>
      </c>
      <c r="N8079">
        <v>92590.336939999994</v>
      </c>
      <c r="O8079">
        <v>28056.79538</v>
      </c>
      <c r="P8079">
        <v>34550.767110000001</v>
      </c>
      <c r="Q8079">
        <v>93452.164749999996</v>
      </c>
      <c r="R8079">
        <v>27075.717929999999</v>
      </c>
      <c r="S8079">
        <v>124072.7556</v>
      </c>
      <c r="T8079">
        <v>39498.234810000002</v>
      </c>
      <c r="U8079">
        <v>27413.17913</v>
      </c>
      <c r="W8079" s="83">
        <f>Bühler!N8111</f>
        <v>45628.541666647077</v>
      </c>
      <c r="X8079" s="83">
        <v>43437.541666666664</v>
      </c>
      <c r="Y8079">
        <v>288706.30790000001</v>
      </c>
      <c r="Z8079">
        <v>35400.073250000001</v>
      </c>
      <c r="AA8079">
        <v>88809.999379999994</v>
      </c>
      <c r="AB8079">
        <v>97792.840119999993</v>
      </c>
      <c r="AC8079">
        <v>56526.722419999998</v>
      </c>
      <c r="AD8079">
        <v>41531.338900000002</v>
      </c>
      <c r="AE8079">
        <v>30902.03673</v>
      </c>
      <c r="AF8079">
        <v>65390.498079999998</v>
      </c>
      <c r="AG8079">
        <v>33646.998249999997</v>
      </c>
      <c r="AH8079">
        <v>351262.94520000002</v>
      </c>
      <c r="AI8079">
        <v>92590.336939999994</v>
      </c>
      <c r="AJ8079">
        <v>28056.79538</v>
      </c>
      <c r="AK8079">
        <v>34550.767110000001</v>
      </c>
      <c r="AL8079">
        <v>93452.164749999996</v>
      </c>
      <c r="AM8079">
        <v>27075.717929999999</v>
      </c>
      <c r="AN8079">
        <v>124072.7556</v>
      </c>
      <c r="AO8079">
        <v>39498.234810000002</v>
      </c>
      <c r="AP8079">
        <v>27413.17913</v>
      </c>
    </row>
    <row r="8080" spans="2:42" x14ac:dyDescent="0.3">
      <c r="B8080">
        <v>69.930045622944149</v>
      </c>
      <c r="C8080" s="83">
        <v>43437.583333333336</v>
      </c>
      <c r="D8080">
        <v>292563.51640000002</v>
      </c>
      <c r="E8080">
        <v>38069.629059999999</v>
      </c>
      <c r="F8080">
        <v>96787.899290000001</v>
      </c>
      <c r="G8080">
        <v>92156.721590000001</v>
      </c>
      <c r="H8080">
        <v>56004.664550000001</v>
      </c>
      <c r="I8080">
        <v>42235.213369999998</v>
      </c>
      <c r="J8080">
        <v>30686.477019999998</v>
      </c>
      <c r="K8080">
        <v>66181.408590000006</v>
      </c>
      <c r="L8080">
        <v>30548.577539999998</v>
      </c>
      <c r="M8080">
        <v>356535.98389999999</v>
      </c>
      <c r="N8080">
        <v>92549.85716</v>
      </c>
      <c r="O8080">
        <v>27385.956010000002</v>
      </c>
      <c r="P8080">
        <v>32605.707470000001</v>
      </c>
      <c r="Q8080">
        <v>92934.578659999999</v>
      </c>
      <c r="R8080">
        <v>25285.865310000001</v>
      </c>
      <c r="S8080">
        <v>119941.3619</v>
      </c>
      <c r="T8080">
        <v>37831.790359999999</v>
      </c>
      <c r="U8080">
        <v>28522.14129</v>
      </c>
      <c r="W8080" s="83">
        <f>Bühler!N8112</f>
        <v>45628.583333313742</v>
      </c>
      <c r="X8080" s="83">
        <v>43437.583333333336</v>
      </c>
      <c r="Y8080">
        <v>292563.51640000002</v>
      </c>
      <c r="Z8080">
        <v>38069.629059999999</v>
      </c>
      <c r="AA8080">
        <v>96787.899290000001</v>
      </c>
      <c r="AB8080">
        <v>92156.721590000001</v>
      </c>
      <c r="AC8080">
        <v>56004.664550000001</v>
      </c>
      <c r="AD8080">
        <v>42235.213369999998</v>
      </c>
      <c r="AE8080">
        <v>30686.477019999998</v>
      </c>
      <c r="AF8080">
        <v>66181.408590000006</v>
      </c>
      <c r="AG8080">
        <v>30548.577539999998</v>
      </c>
      <c r="AH8080">
        <v>356535.98389999999</v>
      </c>
      <c r="AI8080">
        <v>92549.85716</v>
      </c>
      <c r="AJ8080">
        <v>27385.956010000002</v>
      </c>
      <c r="AK8080">
        <v>32605.707470000001</v>
      </c>
      <c r="AL8080">
        <v>92934.578659999999</v>
      </c>
      <c r="AM8080">
        <v>25285.865310000001</v>
      </c>
      <c r="AN8080">
        <v>119941.3619</v>
      </c>
      <c r="AO8080">
        <v>37831.790359999999</v>
      </c>
      <c r="AP8080">
        <v>28522.14129</v>
      </c>
    </row>
    <row r="8081" spans="2:42" x14ac:dyDescent="0.3">
      <c r="B8081">
        <v>68.9423860676457</v>
      </c>
      <c r="C8081" s="83">
        <v>43437.625</v>
      </c>
      <c r="D8081">
        <v>289482.58860000002</v>
      </c>
      <c r="E8081">
        <v>38026.485520000002</v>
      </c>
      <c r="F8081">
        <v>98163.321909999999</v>
      </c>
      <c r="G8081">
        <v>89913.912750000003</v>
      </c>
      <c r="H8081">
        <v>54808.349280000002</v>
      </c>
      <c r="I8081">
        <v>41694.504809999999</v>
      </c>
      <c r="J8081">
        <v>29969.018209999998</v>
      </c>
      <c r="K8081">
        <v>65291.692419999999</v>
      </c>
      <c r="L8081">
        <v>27774.676790000001</v>
      </c>
      <c r="M8081">
        <v>351500.43489999999</v>
      </c>
      <c r="N8081">
        <v>91752.073619999996</v>
      </c>
      <c r="O8081">
        <v>27008.41215</v>
      </c>
      <c r="P8081">
        <v>30719.470789999999</v>
      </c>
      <c r="Q8081">
        <v>91492.736130000005</v>
      </c>
      <c r="R8081">
        <v>24205.513480000001</v>
      </c>
      <c r="S8081">
        <v>118081.0306</v>
      </c>
      <c r="T8081">
        <v>37688.85383</v>
      </c>
      <c r="U8081">
        <v>27019.24612</v>
      </c>
      <c r="W8081" s="83">
        <f>Bühler!N8113</f>
        <v>45628.624999980406</v>
      </c>
      <c r="X8081" s="83">
        <v>43437.625</v>
      </c>
      <c r="Y8081">
        <v>289482.58860000002</v>
      </c>
      <c r="Z8081">
        <v>38026.485520000002</v>
      </c>
      <c r="AA8081">
        <v>98163.321909999999</v>
      </c>
      <c r="AB8081">
        <v>89913.912750000003</v>
      </c>
      <c r="AC8081">
        <v>54808.349280000002</v>
      </c>
      <c r="AD8081">
        <v>41694.504809999999</v>
      </c>
      <c r="AE8081">
        <v>29969.018209999998</v>
      </c>
      <c r="AF8081">
        <v>65291.692419999999</v>
      </c>
      <c r="AG8081">
        <v>27774.676790000001</v>
      </c>
      <c r="AH8081">
        <v>351500.43489999999</v>
      </c>
      <c r="AI8081">
        <v>91752.073619999996</v>
      </c>
      <c r="AJ8081">
        <v>27008.41215</v>
      </c>
      <c r="AK8081">
        <v>30719.470789999999</v>
      </c>
      <c r="AL8081">
        <v>91492.736130000005</v>
      </c>
      <c r="AM8081">
        <v>24205.513480000001</v>
      </c>
      <c r="AN8081">
        <v>118081.0306</v>
      </c>
      <c r="AO8081">
        <v>37688.85383</v>
      </c>
      <c r="AP8081">
        <v>27019.24612</v>
      </c>
    </row>
    <row r="8082" spans="2:42" x14ac:dyDescent="0.3">
      <c r="B8082">
        <v>67.615826128562958</v>
      </c>
      <c r="C8082" s="83">
        <v>43437.666666666664</v>
      </c>
      <c r="D8082">
        <v>284914.31709999999</v>
      </c>
      <c r="E8082">
        <v>37824.68275</v>
      </c>
      <c r="F8082">
        <v>97286.505820000006</v>
      </c>
      <c r="G8082">
        <v>87140.444059999994</v>
      </c>
      <c r="H8082">
        <v>53621.766080000001</v>
      </c>
      <c r="I8082">
        <v>42892.701869999997</v>
      </c>
      <c r="J8082">
        <v>29918.96615</v>
      </c>
      <c r="K8082">
        <v>62806.554929999998</v>
      </c>
      <c r="L8082">
        <v>26450.999110000001</v>
      </c>
      <c r="M8082">
        <v>344737.01370000001</v>
      </c>
      <c r="N8082">
        <v>91083.218949999995</v>
      </c>
      <c r="O8082">
        <v>27007.065200000001</v>
      </c>
      <c r="P8082">
        <v>30466.402569999998</v>
      </c>
      <c r="Q8082">
        <v>91444.221030000001</v>
      </c>
      <c r="R8082">
        <v>24223.663789999999</v>
      </c>
      <c r="S8082">
        <v>117011.25569999999</v>
      </c>
      <c r="T8082">
        <v>37212.289219999999</v>
      </c>
      <c r="U8082">
        <v>25010.418730000001</v>
      </c>
      <c r="W8082" s="83">
        <f>Bühler!N8114</f>
        <v>45628.66666664707</v>
      </c>
      <c r="X8082" s="83">
        <v>43437.666666666664</v>
      </c>
      <c r="Y8082">
        <v>284914.31709999999</v>
      </c>
      <c r="Z8082">
        <v>37824.68275</v>
      </c>
      <c r="AA8082">
        <v>97286.505820000006</v>
      </c>
      <c r="AB8082">
        <v>87140.444059999994</v>
      </c>
      <c r="AC8082">
        <v>53621.766080000001</v>
      </c>
      <c r="AD8082">
        <v>42892.701869999997</v>
      </c>
      <c r="AE8082">
        <v>29918.96615</v>
      </c>
      <c r="AF8082">
        <v>62806.554929999998</v>
      </c>
      <c r="AG8082">
        <v>26450.999110000001</v>
      </c>
      <c r="AH8082">
        <v>344737.01370000001</v>
      </c>
      <c r="AI8082">
        <v>91083.218949999995</v>
      </c>
      <c r="AJ8082">
        <v>27007.065200000001</v>
      </c>
      <c r="AK8082">
        <v>30466.402569999998</v>
      </c>
      <c r="AL8082">
        <v>91444.221030000001</v>
      </c>
      <c r="AM8082">
        <v>24223.663789999999</v>
      </c>
      <c r="AN8082">
        <v>117011.25569999999</v>
      </c>
      <c r="AO8082">
        <v>37212.289219999999</v>
      </c>
      <c r="AP8082">
        <v>25010.418730000001</v>
      </c>
    </row>
    <row r="8083" spans="2:42" x14ac:dyDescent="0.3">
      <c r="B8083">
        <v>67.070300001007283</v>
      </c>
      <c r="C8083" s="83">
        <v>43437.708333333336</v>
      </c>
      <c r="D8083">
        <v>277483.6311</v>
      </c>
      <c r="E8083">
        <v>36321.476260000003</v>
      </c>
      <c r="F8083">
        <v>99278.096380000003</v>
      </c>
      <c r="G8083">
        <v>78992.339330000003</v>
      </c>
      <c r="H8083">
        <v>53669.515979999996</v>
      </c>
      <c r="I8083">
        <v>41988.250650000002</v>
      </c>
      <c r="J8083">
        <v>32208.92308</v>
      </c>
      <c r="K8083">
        <v>56670.286350000002</v>
      </c>
      <c r="L8083">
        <v>27578.853469999998</v>
      </c>
      <c r="M8083">
        <v>341955.66710000002</v>
      </c>
      <c r="N8083">
        <v>89724.590630000006</v>
      </c>
      <c r="O8083">
        <v>25759.67974</v>
      </c>
      <c r="P8083">
        <v>32967.519670000001</v>
      </c>
      <c r="Q8083">
        <v>91652.027629999997</v>
      </c>
      <c r="R8083">
        <v>23971.997510000001</v>
      </c>
      <c r="S8083">
        <v>116869.98420000001</v>
      </c>
      <c r="T8083">
        <v>38723.145349999999</v>
      </c>
      <c r="U8083">
        <v>22902.719079999999</v>
      </c>
      <c r="W8083" s="83">
        <f>Bühler!N8115</f>
        <v>45628.708333313734</v>
      </c>
      <c r="X8083" s="83">
        <v>43437.708333333336</v>
      </c>
      <c r="Y8083">
        <v>277483.6311</v>
      </c>
      <c r="Z8083">
        <v>36321.476260000003</v>
      </c>
      <c r="AA8083">
        <v>99278.096380000003</v>
      </c>
      <c r="AB8083">
        <v>78992.339330000003</v>
      </c>
      <c r="AC8083">
        <v>53669.515979999996</v>
      </c>
      <c r="AD8083">
        <v>41988.250650000002</v>
      </c>
      <c r="AE8083">
        <v>32208.92308</v>
      </c>
      <c r="AF8083">
        <v>56670.286350000002</v>
      </c>
      <c r="AG8083">
        <v>27578.853469999998</v>
      </c>
      <c r="AH8083">
        <v>341955.66710000002</v>
      </c>
      <c r="AI8083">
        <v>89724.590630000006</v>
      </c>
      <c r="AJ8083">
        <v>25759.67974</v>
      </c>
      <c r="AK8083">
        <v>32967.519670000001</v>
      </c>
      <c r="AL8083">
        <v>91652.027629999997</v>
      </c>
      <c r="AM8083">
        <v>23971.997510000001</v>
      </c>
      <c r="AN8083">
        <v>116869.98420000001</v>
      </c>
      <c r="AO8083">
        <v>38723.145349999999</v>
      </c>
      <c r="AP8083">
        <v>22902.719079999999</v>
      </c>
    </row>
    <row r="8084" spans="2:42" x14ac:dyDescent="0.3">
      <c r="B8084">
        <v>67.35393282370535</v>
      </c>
      <c r="C8084" s="83">
        <v>43437.75</v>
      </c>
      <c r="D8084">
        <v>269405.03019999998</v>
      </c>
      <c r="E8084">
        <v>32815.18533</v>
      </c>
      <c r="F8084">
        <v>96609.261469999998</v>
      </c>
      <c r="G8084">
        <v>68522.265589999995</v>
      </c>
      <c r="H8084">
        <v>50789.911840000001</v>
      </c>
      <c r="I8084">
        <v>40909.8318</v>
      </c>
      <c r="J8084">
        <v>32216.171399999999</v>
      </c>
      <c r="K8084">
        <v>54362.108030000003</v>
      </c>
      <c r="L8084">
        <v>28670.534739999999</v>
      </c>
      <c r="M8084">
        <v>343401.75949999999</v>
      </c>
      <c r="N8084">
        <v>87078.117490000004</v>
      </c>
      <c r="O8084">
        <v>24294.08527</v>
      </c>
      <c r="P8084">
        <v>35900.013800000001</v>
      </c>
      <c r="Q8084">
        <v>90666.739319999993</v>
      </c>
      <c r="R8084">
        <v>23015.53067</v>
      </c>
      <c r="S8084">
        <v>109344.7865</v>
      </c>
      <c r="T8084">
        <v>38859.856690000001</v>
      </c>
      <c r="U8084">
        <v>20806.189149999998</v>
      </c>
      <c r="W8084" s="83">
        <f>Bühler!N8116</f>
        <v>45628.749999980399</v>
      </c>
      <c r="X8084" s="83">
        <v>43437.75</v>
      </c>
      <c r="Y8084">
        <v>269405.03019999998</v>
      </c>
      <c r="Z8084">
        <v>32815.18533</v>
      </c>
      <c r="AA8084">
        <v>96609.261469999998</v>
      </c>
      <c r="AB8084">
        <v>68522.265589999995</v>
      </c>
      <c r="AC8084">
        <v>50789.911840000001</v>
      </c>
      <c r="AD8084">
        <v>40909.8318</v>
      </c>
      <c r="AE8084">
        <v>32216.171399999999</v>
      </c>
      <c r="AF8084">
        <v>54362.108030000003</v>
      </c>
      <c r="AG8084">
        <v>28670.534739999999</v>
      </c>
      <c r="AH8084">
        <v>343401.75949999999</v>
      </c>
      <c r="AI8084">
        <v>87078.117490000004</v>
      </c>
      <c r="AJ8084">
        <v>24294.08527</v>
      </c>
      <c r="AK8084">
        <v>35900.013800000001</v>
      </c>
      <c r="AL8084">
        <v>90666.739319999993</v>
      </c>
      <c r="AM8084">
        <v>23015.53067</v>
      </c>
      <c r="AN8084">
        <v>109344.7865</v>
      </c>
      <c r="AO8084">
        <v>38859.856690000001</v>
      </c>
      <c r="AP8084">
        <v>20806.189149999998</v>
      </c>
    </row>
    <row r="8085" spans="2:42" x14ac:dyDescent="0.3">
      <c r="B8085">
        <v>66.224006152895896</v>
      </c>
      <c r="C8085" s="83">
        <v>43437.791666666664</v>
      </c>
      <c r="D8085">
        <v>263682.10310000001</v>
      </c>
      <c r="E8085">
        <v>26876.549559999999</v>
      </c>
      <c r="F8085">
        <v>82467.593829999998</v>
      </c>
      <c r="G8085">
        <v>60960.196660000001</v>
      </c>
      <c r="H8085">
        <v>47447.580399999999</v>
      </c>
      <c r="I8085">
        <v>37935.07619</v>
      </c>
      <c r="J8085">
        <v>31339.620510000001</v>
      </c>
      <c r="K8085">
        <v>53332.951829999998</v>
      </c>
      <c r="L8085">
        <v>28882.244429999999</v>
      </c>
      <c r="M8085">
        <v>337640.8664</v>
      </c>
      <c r="N8085">
        <v>84351.831040000005</v>
      </c>
      <c r="O8085">
        <v>23163.59705</v>
      </c>
      <c r="P8085">
        <v>37067.311070000003</v>
      </c>
      <c r="Q8085">
        <v>89250.315499999997</v>
      </c>
      <c r="R8085">
        <v>23016.413489999999</v>
      </c>
      <c r="S8085">
        <v>103014.2697</v>
      </c>
      <c r="T8085">
        <v>38599.169320000001</v>
      </c>
      <c r="U8085">
        <v>18932.17238</v>
      </c>
      <c r="W8085" s="83">
        <f>Bühler!N8117</f>
        <v>45628.791666647063</v>
      </c>
      <c r="X8085" s="83">
        <v>43437.791666666664</v>
      </c>
      <c r="Y8085">
        <v>263682.10310000001</v>
      </c>
      <c r="Z8085">
        <v>26876.549559999999</v>
      </c>
      <c r="AA8085">
        <v>82467.593829999998</v>
      </c>
      <c r="AB8085">
        <v>60960.196660000001</v>
      </c>
      <c r="AC8085">
        <v>47447.580399999999</v>
      </c>
      <c r="AD8085">
        <v>37935.07619</v>
      </c>
      <c r="AE8085">
        <v>31339.620510000001</v>
      </c>
      <c r="AF8085">
        <v>53332.951829999998</v>
      </c>
      <c r="AG8085">
        <v>28882.244429999999</v>
      </c>
      <c r="AH8085">
        <v>337640.8664</v>
      </c>
      <c r="AI8085">
        <v>84351.831040000005</v>
      </c>
      <c r="AJ8085">
        <v>23163.59705</v>
      </c>
      <c r="AK8085">
        <v>37067.311070000003</v>
      </c>
      <c r="AL8085">
        <v>89250.315499999997</v>
      </c>
      <c r="AM8085">
        <v>23016.413489999999</v>
      </c>
      <c r="AN8085">
        <v>103014.2697</v>
      </c>
      <c r="AO8085">
        <v>38599.169320000001</v>
      </c>
      <c r="AP8085">
        <v>18932.17238</v>
      </c>
    </row>
    <row r="8086" spans="2:42" x14ac:dyDescent="0.3">
      <c r="B8086">
        <v>64.187948071159425</v>
      </c>
      <c r="C8086" s="83">
        <v>43437.833333333336</v>
      </c>
      <c r="D8086">
        <v>254069.82699999999</v>
      </c>
      <c r="E8086">
        <v>20302.050940000001</v>
      </c>
      <c r="F8086">
        <v>65029.102019999998</v>
      </c>
      <c r="G8086">
        <v>53292.602030000002</v>
      </c>
      <c r="H8086">
        <v>44314.853049999998</v>
      </c>
      <c r="I8086">
        <v>33922.625070000002</v>
      </c>
      <c r="J8086">
        <v>30252.666300000001</v>
      </c>
      <c r="K8086">
        <v>52731.073519999998</v>
      </c>
      <c r="L8086">
        <v>27404.942859999999</v>
      </c>
      <c r="M8086">
        <v>327260.09279999998</v>
      </c>
      <c r="N8086">
        <v>81458.828909999997</v>
      </c>
      <c r="O8086">
        <v>22111.600549999999</v>
      </c>
      <c r="P8086">
        <v>36344.992610000001</v>
      </c>
      <c r="Q8086">
        <v>87394.807589999997</v>
      </c>
      <c r="R8086">
        <v>20259.0435</v>
      </c>
      <c r="S8086">
        <v>93210.018349999998</v>
      </c>
      <c r="T8086">
        <v>36080.942730000002</v>
      </c>
      <c r="U8086">
        <v>17467.328020000001</v>
      </c>
      <c r="W8086" s="83">
        <f>Bühler!N8118</f>
        <v>45628.833333313727</v>
      </c>
      <c r="X8086" s="83">
        <v>43437.833333333336</v>
      </c>
      <c r="Y8086">
        <v>254069.82699999999</v>
      </c>
      <c r="Z8086">
        <v>20302.050940000001</v>
      </c>
      <c r="AA8086">
        <v>65029.102019999998</v>
      </c>
      <c r="AB8086">
        <v>53292.602030000002</v>
      </c>
      <c r="AC8086">
        <v>44314.853049999998</v>
      </c>
      <c r="AD8086">
        <v>33922.625070000002</v>
      </c>
      <c r="AE8086">
        <v>30252.666300000001</v>
      </c>
      <c r="AF8086">
        <v>52731.073519999998</v>
      </c>
      <c r="AG8086">
        <v>27404.942859999999</v>
      </c>
      <c r="AH8086">
        <v>327260.09279999998</v>
      </c>
      <c r="AI8086">
        <v>81458.828909999997</v>
      </c>
      <c r="AJ8086">
        <v>22111.600549999999</v>
      </c>
      <c r="AK8086">
        <v>36344.992610000001</v>
      </c>
      <c r="AL8086">
        <v>87394.807589999997</v>
      </c>
      <c r="AM8086">
        <v>20259.0435</v>
      </c>
      <c r="AN8086">
        <v>93210.018349999998</v>
      </c>
      <c r="AO8086">
        <v>36080.942730000002</v>
      </c>
      <c r="AP8086">
        <v>17467.328020000001</v>
      </c>
    </row>
    <row r="8087" spans="2:42" x14ac:dyDescent="0.3">
      <c r="B8087">
        <v>62.14868796769624</v>
      </c>
      <c r="C8087" s="83">
        <v>43437.875</v>
      </c>
      <c r="D8087">
        <v>245620.1306</v>
      </c>
      <c r="E8087">
        <v>17441.756430000001</v>
      </c>
      <c r="F8087">
        <v>57076.660620000002</v>
      </c>
      <c r="G8087">
        <v>49235.4591</v>
      </c>
      <c r="H8087">
        <v>42216.539519999998</v>
      </c>
      <c r="I8087">
        <v>29134.445100000001</v>
      </c>
      <c r="J8087">
        <v>29405.790379999999</v>
      </c>
      <c r="K8087">
        <v>51284.634270000002</v>
      </c>
      <c r="L8087">
        <v>25803.35526</v>
      </c>
      <c r="M8087">
        <v>316862.9938</v>
      </c>
      <c r="N8087">
        <v>78793.007949999999</v>
      </c>
      <c r="O8087">
        <v>21454.3822</v>
      </c>
      <c r="P8087">
        <v>35527.390899999999</v>
      </c>
      <c r="Q8087">
        <v>85593.224960000007</v>
      </c>
      <c r="R8087">
        <v>19475.667839999998</v>
      </c>
      <c r="S8087">
        <v>87107.918579999998</v>
      </c>
      <c r="T8087">
        <v>32934.268409999997</v>
      </c>
      <c r="U8087">
        <v>16347.42247</v>
      </c>
      <c r="W8087" s="83">
        <f>Bühler!N8119</f>
        <v>45628.874999980391</v>
      </c>
      <c r="X8087" s="83">
        <v>43437.875</v>
      </c>
      <c r="Y8087">
        <v>245620.1306</v>
      </c>
      <c r="Z8087">
        <v>17441.756430000001</v>
      </c>
      <c r="AA8087">
        <v>57076.660620000002</v>
      </c>
      <c r="AB8087">
        <v>49235.4591</v>
      </c>
      <c r="AC8087">
        <v>42216.539519999998</v>
      </c>
      <c r="AD8087">
        <v>29134.445100000001</v>
      </c>
      <c r="AE8087">
        <v>29405.790379999999</v>
      </c>
      <c r="AF8087">
        <v>51284.634270000002</v>
      </c>
      <c r="AG8087">
        <v>25803.35526</v>
      </c>
      <c r="AH8087">
        <v>316862.9938</v>
      </c>
      <c r="AI8087">
        <v>78793.007949999999</v>
      </c>
      <c r="AJ8087">
        <v>21454.3822</v>
      </c>
      <c r="AK8087">
        <v>35527.390899999999</v>
      </c>
      <c r="AL8087">
        <v>85593.224960000007</v>
      </c>
      <c r="AM8087">
        <v>19475.667839999998</v>
      </c>
      <c r="AN8087">
        <v>87107.918579999998</v>
      </c>
      <c r="AO8087">
        <v>32934.268409999997</v>
      </c>
      <c r="AP8087">
        <v>16347.42247</v>
      </c>
    </row>
    <row r="8088" spans="2:42" x14ac:dyDescent="0.3">
      <c r="B8088">
        <v>61.788277350707602</v>
      </c>
      <c r="C8088" s="83">
        <v>43437.916666666664</v>
      </c>
      <c r="D8088">
        <v>242439.8541</v>
      </c>
      <c r="E8088">
        <v>16937.250049999999</v>
      </c>
      <c r="F8088">
        <v>54575.600760000001</v>
      </c>
      <c r="G8088">
        <v>46430.480089999997</v>
      </c>
      <c r="H8088">
        <v>40864.525459999997</v>
      </c>
      <c r="I8088">
        <v>27469.539379999998</v>
      </c>
      <c r="J8088">
        <v>28454.084910000001</v>
      </c>
      <c r="K8088">
        <v>55236.610370000002</v>
      </c>
      <c r="L8088">
        <v>23243.006949999999</v>
      </c>
      <c r="M8088">
        <v>315025.45240000001</v>
      </c>
      <c r="N8088">
        <v>78349.764259999996</v>
      </c>
      <c r="O8088">
        <v>21552.843769999999</v>
      </c>
      <c r="P8088">
        <v>36876.623919999998</v>
      </c>
      <c r="Q8088">
        <v>84714.690369999997</v>
      </c>
      <c r="R8088">
        <v>24607.450560000001</v>
      </c>
      <c r="S8088">
        <v>85410.433510000003</v>
      </c>
      <c r="T8088">
        <v>29019.105599999999</v>
      </c>
      <c r="U8088">
        <v>17227.118579999998</v>
      </c>
      <c r="W8088" s="83">
        <f>Bühler!N8120</f>
        <v>45628.916666647056</v>
      </c>
      <c r="X8088" s="83">
        <v>43437.916666666664</v>
      </c>
      <c r="Y8088">
        <v>242439.8541</v>
      </c>
      <c r="Z8088">
        <v>16937.250049999999</v>
      </c>
      <c r="AA8088">
        <v>54575.600760000001</v>
      </c>
      <c r="AB8088">
        <v>46430.480089999997</v>
      </c>
      <c r="AC8088">
        <v>40864.525459999997</v>
      </c>
      <c r="AD8088">
        <v>27469.539379999998</v>
      </c>
      <c r="AE8088">
        <v>28454.084910000001</v>
      </c>
      <c r="AF8088">
        <v>55236.610370000002</v>
      </c>
      <c r="AG8088">
        <v>23243.006949999999</v>
      </c>
      <c r="AH8088">
        <v>315025.45240000001</v>
      </c>
      <c r="AI8088">
        <v>78349.764259999996</v>
      </c>
      <c r="AJ8088">
        <v>21552.843769999999</v>
      </c>
      <c r="AK8088">
        <v>36876.623919999998</v>
      </c>
      <c r="AL8088">
        <v>84714.690369999997</v>
      </c>
      <c r="AM8088">
        <v>24607.450560000001</v>
      </c>
      <c r="AN8088">
        <v>85410.433510000003</v>
      </c>
      <c r="AO8088">
        <v>29019.105599999999</v>
      </c>
      <c r="AP8088">
        <v>17227.118579999998</v>
      </c>
    </row>
    <row r="8089" spans="2:42" x14ac:dyDescent="0.3">
      <c r="B8089">
        <v>60.863229486570681</v>
      </c>
      <c r="C8089" s="83">
        <v>43437.958333333336</v>
      </c>
      <c r="D8089">
        <v>241512.56219999999</v>
      </c>
      <c r="E8089">
        <v>16469.642609999999</v>
      </c>
      <c r="F8089">
        <v>52983.161</v>
      </c>
      <c r="G8089">
        <v>45303.08885</v>
      </c>
      <c r="H8089">
        <v>39722.511169999998</v>
      </c>
      <c r="I8089">
        <v>26139.717970000002</v>
      </c>
      <c r="J8089">
        <v>26468.413700000001</v>
      </c>
      <c r="K8089">
        <v>54298.355900000002</v>
      </c>
      <c r="L8089">
        <v>19215.541840000002</v>
      </c>
      <c r="M8089">
        <v>310309.12699999998</v>
      </c>
      <c r="N8089">
        <v>78028.726049999997</v>
      </c>
      <c r="O8089">
        <v>21455.167509999999</v>
      </c>
      <c r="P8089">
        <v>33573.82056</v>
      </c>
      <c r="Q8089">
        <v>84503.847880000001</v>
      </c>
      <c r="R8089">
        <v>23824.495080000001</v>
      </c>
      <c r="S8089">
        <v>83331.645420000001</v>
      </c>
      <c r="T8089">
        <v>30244.28988</v>
      </c>
      <c r="U8089">
        <v>16413.065689999999</v>
      </c>
      <c r="W8089" s="83">
        <f>Bühler!N8121</f>
        <v>45628.95833331372</v>
      </c>
      <c r="X8089" s="83">
        <v>43437.958333333336</v>
      </c>
      <c r="Y8089">
        <v>241512.56219999999</v>
      </c>
      <c r="Z8089">
        <v>16469.642609999999</v>
      </c>
      <c r="AA8089">
        <v>52983.161</v>
      </c>
      <c r="AB8089">
        <v>45303.08885</v>
      </c>
      <c r="AC8089">
        <v>39722.511169999998</v>
      </c>
      <c r="AD8089">
        <v>26139.717970000002</v>
      </c>
      <c r="AE8089">
        <v>26468.413700000001</v>
      </c>
      <c r="AF8089">
        <v>54298.355900000002</v>
      </c>
      <c r="AG8089">
        <v>19215.541840000002</v>
      </c>
      <c r="AH8089">
        <v>310309.12699999998</v>
      </c>
      <c r="AI8089">
        <v>78028.726049999997</v>
      </c>
      <c r="AJ8089">
        <v>21455.167509999999</v>
      </c>
      <c r="AK8089">
        <v>33573.82056</v>
      </c>
      <c r="AL8089">
        <v>84503.847880000001</v>
      </c>
      <c r="AM8089">
        <v>23824.495080000001</v>
      </c>
      <c r="AN8089">
        <v>83331.645420000001</v>
      </c>
      <c r="AO8089">
        <v>30244.28988</v>
      </c>
      <c r="AP8089">
        <v>16413.065689999999</v>
      </c>
    </row>
    <row r="8090" spans="2:42" x14ac:dyDescent="0.3">
      <c r="B8090">
        <v>60.4781814803016</v>
      </c>
      <c r="C8090" s="83">
        <v>43438</v>
      </c>
      <c r="D8090">
        <v>240269.27</v>
      </c>
      <c r="E8090">
        <v>16446.330900000001</v>
      </c>
      <c r="F8090">
        <v>52521.508549999999</v>
      </c>
      <c r="G8090">
        <v>44240.726580000002</v>
      </c>
      <c r="H8090">
        <v>39601.17671</v>
      </c>
      <c r="I8090">
        <v>24390.86033</v>
      </c>
      <c r="J8090">
        <v>25035.55185</v>
      </c>
      <c r="K8090">
        <v>52157.509259999999</v>
      </c>
      <c r="L8090">
        <v>17470.174589999999</v>
      </c>
      <c r="M8090">
        <v>308345.97269999998</v>
      </c>
      <c r="N8090">
        <v>77158.691080000004</v>
      </c>
      <c r="O8090">
        <v>21448.809359999999</v>
      </c>
      <c r="P8090">
        <v>31258.158619999998</v>
      </c>
      <c r="Q8090">
        <v>84970.190539999996</v>
      </c>
      <c r="R8090">
        <v>22822.340629999999</v>
      </c>
      <c r="S8090">
        <v>82644.398910000004</v>
      </c>
      <c r="T8090">
        <v>28466.838729999999</v>
      </c>
      <c r="U8090">
        <v>16758.325420000001</v>
      </c>
      <c r="W8090" s="83">
        <f>Bühler!N8122</f>
        <v>45628.999999980384</v>
      </c>
      <c r="X8090" s="83">
        <v>43438</v>
      </c>
      <c r="Y8090">
        <v>240269.27</v>
      </c>
      <c r="Z8090">
        <v>16446.330900000001</v>
      </c>
      <c r="AA8090">
        <v>52521.508549999999</v>
      </c>
      <c r="AB8090">
        <v>44240.726580000002</v>
      </c>
      <c r="AC8090">
        <v>39601.17671</v>
      </c>
      <c r="AD8090">
        <v>24390.86033</v>
      </c>
      <c r="AE8090">
        <v>25035.55185</v>
      </c>
      <c r="AF8090">
        <v>52157.509259999999</v>
      </c>
      <c r="AG8090">
        <v>17470.174589999999</v>
      </c>
      <c r="AH8090">
        <v>308345.97269999998</v>
      </c>
      <c r="AI8090">
        <v>77158.691080000004</v>
      </c>
      <c r="AJ8090">
        <v>21448.809359999999</v>
      </c>
      <c r="AK8090">
        <v>31258.158619999998</v>
      </c>
      <c r="AL8090">
        <v>84970.190539999996</v>
      </c>
      <c r="AM8090">
        <v>22822.340629999999</v>
      </c>
      <c r="AN8090">
        <v>82644.398910000004</v>
      </c>
      <c r="AO8090">
        <v>28466.838729999999</v>
      </c>
      <c r="AP8090">
        <v>16758.325420000001</v>
      </c>
    </row>
    <row r="8091" spans="2:42" x14ac:dyDescent="0.3">
      <c r="B8091">
        <v>60.07133150603967</v>
      </c>
      <c r="C8091" s="83">
        <v>43438.041666666664</v>
      </c>
      <c r="D8091">
        <v>240746.07860000001</v>
      </c>
      <c r="E8091">
        <v>16289.41849</v>
      </c>
      <c r="F8091">
        <v>53204.064140000002</v>
      </c>
      <c r="G8091">
        <v>43717.051489999998</v>
      </c>
      <c r="H8091">
        <v>38960.28325</v>
      </c>
      <c r="I8091">
        <v>20437.863229999999</v>
      </c>
      <c r="J8091">
        <v>24438.889899999998</v>
      </c>
      <c r="K8091">
        <v>51557.997179999998</v>
      </c>
      <c r="L8091">
        <v>17651.473839999999</v>
      </c>
      <c r="M8091">
        <v>306271.6618</v>
      </c>
      <c r="N8091">
        <v>76415.716109999994</v>
      </c>
      <c r="O8091">
        <v>21606.792079999999</v>
      </c>
      <c r="P8091">
        <v>29956.016530000001</v>
      </c>
      <c r="Q8091">
        <v>85298.345149999994</v>
      </c>
      <c r="R8091">
        <v>22708.184710000001</v>
      </c>
      <c r="S8091">
        <v>81591.664309999993</v>
      </c>
      <c r="T8091">
        <v>27732.37268</v>
      </c>
      <c r="U8091">
        <v>16707.162960000001</v>
      </c>
      <c r="W8091" s="83">
        <f>Bühler!N8123</f>
        <v>45629.041666647048</v>
      </c>
      <c r="X8091" s="83">
        <v>43438.041666666664</v>
      </c>
      <c r="Y8091">
        <v>240746.07860000001</v>
      </c>
      <c r="Z8091">
        <v>16289.41849</v>
      </c>
      <c r="AA8091">
        <v>53204.064140000002</v>
      </c>
      <c r="AB8091">
        <v>43717.051489999998</v>
      </c>
      <c r="AC8091">
        <v>38960.28325</v>
      </c>
      <c r="AD8091">
        <v>20437.863229999999</v>
      </c>
      <c r="AE8091">
        <v>24438.889899999998</v>
      </c>
      <c r="AF8091">
        <v>51557.997179999998</v>
      </c>
      <c r="AG8091">
        <v>17651.473839999999</v>
      </c>
      <c r="AH8091">
        <v>306271.6618</v>
      </c>
      <c r="AI8091">
        <v>76415.716109999994</v>
      </c>
      <c r="AJ8091">
        <v>21606.792079999999</v>
      </c>
      <c r="AK8091">
        <v>29956.016530000001</v>
      </c>
      <c r="AL8091">
        <v>85298.345149999994</v>
      </c>
      <c r="AM8091">
        <v>22708.184710000001</v>
      </c>
      <c r="AN8091">
        <v>81591.664309999993</v>
      </c>
      <c r="AO8091">
        <v>27732.37268</v>
      </c>
      <c r="AP8091">
        <v>16707.162960000001</v>
      </c>
    </row>
    <row r="8092" spans="2:42" x14ac:dyDescent="0.3">
      <c r="B8092">
        <v>60.580024969141988</v>
      </c>
      <c r="C8092" s="83">
        <v>43438.083333333336</v>
      </c>
      <c r="D8092">
        <v>238831.02489999999</v>
      </c>
      <c r="E8092">
        <v>16169.894539999999</v>
      </c>
      <c r="F8092">
        <v>53499.310060000003</v>
      </c>
      <c r="G8092">
        <v>43251.18634</v>
      </c>
      <c r="H8092">
        <v>38983.893709999997</v>
      </c>
      <c r="I8092">
        <v>18886.66303</v>
      </c>
      <c r="J8092">
        <v>24376.06554</v>
      </c>
      <c r="K8092">
        <v>49484.441729999999</v>
      </c>
      <c r="L8092">
        <v>17685.929260000001</v>
      </c>
      <c r="M8092">
        <v>308865.21830000001</v>
      </c>
      <c r="N8092">
        <v>75936.808950000006</v>
      </c>
      <c r="O8092">
        <v>20967.056120000001</v>
      </c>
      <c r="P8092">
        <v>28785.089049999999</v>
      </c>
      <c r="Q8092">
        <v>86831.331659999996</v>
      </c>
      <c r="R8092">
        <v>22056.352029999998</v>
      </c>
      <c r="S8092">
        <v>81374.350349999993</v>
      </c>
      <c r="T8092">
        <v>27229.64489</v>
      </c>
      <c r="U8092">
        <v>16530.525669999999</v>
      </c>
      <c r="W8092" s="83">
        <f>Bühler!N8124</f>
        <v>45629.083333313713</v>
      </c>
      <c r="X8092" s="83">
        <v>43438.083333333336</v>
      </c>
      <c r="Y8092">
        <v>238831.02489999999</v>
      </c>
      <c r="Z8092">
        <v>16169.894539999999</v>
      </c>
      <c r="AA8092">
        <v>53499.310060000003</v>
      </c>
      <c r="AB8092">
        <v>43251.18634</v>
      </c>
      <c r="AC8092">
        <v>38983.893709999997</v>
      </c>
      <c r="AD8092">
        <v>18886.66303</v>
      </c>
      <c r="AE8092">
        <v>24376.06554</v>
      </c>
      <c r="AF8092">
        <v>49484.441729999999</v>
      </c>
      <c r="AG8092">
        <v>17685.929260000001</v>
      </c>
      <c r="AH8092">
        <v>308865.21830000001</v>
      </c>
      <c r="AI8092">
        <v>75936.808950000006</v>
      </c>
      <c r="AJ8092">
        <v>20967.056120000001</v>
      </c>
      <c r="AK8092">
        <v>28785.089049999999</v>
      </c>
      <c r="AL8092">
        <v>86831.331659999996</v>
      </c>
      <c r="AM8092">
        <v>22056.352029999998</v>
      </c>
      <c r="AN8092">
        <v>81374.350349999993</v>
      </c>
      <c r="AO8092">
        <v>27229.64489</v>
      </c>
      <c r="AP8092">
        <v>16530.525669999999</v>
      </c>
    </row>
    <row r="8093" spans="2:42" x14ac:dyDescent="0.3">
      <c r="B8093">
        <v>60.864648501528272</v>
      </c>
      <c r="C8093" s="83">
        <v>43438.125</v>
      </c>
      <c r="D8093">
        <v>241105.11559999999</v>
      </c>
      <c r="E8093">
        <v>16280.778469999999</v>
      </c>
      <c r="F8093">
        <v>54339.506780000003</v>
      </c>
      <c r="G8093">
        <v>42511.185290000001</v>
      </c>
      <c r="H8093">
        <v>38835.413399999998</v>
      </c>
      <c r="I8093">
        <v>18705.30832</v>
      </c>
      <c r="J8093">
        <v>24414.94859</v>
      </c>
      <c r="K8093">
        <v>47519.965170000003</v>
      </c>
      <c r="L8093">
        <v>17680.93576</v>
      </c>
      <c r="M8093">
        <v>310316.36180000001</v>
      </c>
      <c r="N8093">
        <v>77106.20637</v>
      </c>
      <c r="O8093">
        <v>21471.300940000001</v>
      </c>
      <c r="P8093">
        <v>27816.89473</v>
      </c>
      <c r="Q8093">
        <v>89410.915259999994</v>
      </c>
      <c r="R8093">
        <v>21914.068950000001</v>
      </c>
      <c r="S8093">
        <v>80255.081340000004</v>
      </c>
      <c r="T8093">
        <v>27291.63277</v>
      </c>
      <c r="U8093">
        <v>17127.145990000001</v>
      </c>
      <c r="W8093" s="83">
        <f>Bühler!N8125</f>
        <v>45629.124999980377</v>
      </c>
      <c r="X8093" s="83">
        <v>43438.125</v>
      </c>
      <c r="Y8093">
        <v>241105.11559999999</v>
      </c>
      <c r="Z8093">
        <v>16280.778469999999</v>
      </c>
      <c r="AA8093">
        <v>54339.506780000003</v>
      </c>
      <c r="AB8093">
        <v>42511.185290000001</v>
      </c>
      <c r="AC8093">
        <v>38835.413399999998</v>
      </c>
      <c r="AD8093">
        <v>18705.30832</v>
      </c>
      <c r="AE8093">
        <v>24414.94859</v>
      </c>
      <c r="AF8093">
        <v>47519.965170000003</v>
      </c>
      <c r="AG8093">
        <v>17680.93576</v>
      </c>
      <c r="AH8093">
        <v>310316.36180000001</v>
      </c>
      <c r="AI8093">
        <v>77106.20637</v>
      </c>
      <c r="AJ8093">
        <v>21471.300940000001</v>
      </c>
      <c r="AK8093">
        <v>27816.89473</v>
      </c>
      <c r="AL8093">
        <v>89410.915259999994</v>
      </c>
      <c r="AM8093">
        <v>21914.068950000001</v>
      </c>
      <c r="AN8093">
        <v>80255.081340000004</v>
      </c>
      <c r="AO8093">
        <v>27291.63277</v>
      </c>
      <c r="AP8093">
        <v>17127.145990000001</v>
      </c>
    </row>
    <row r="8094" spans="2:42" x14ac:dyDescent="0.3">
      <c r="B8094">
        <v>62.84868784229208</v>
      </c>
      <c r="C8094" s="83">
        <v>43438.166666666664</v>
      </c>
      <c r="D8094">
        <v>243430.20910000001</v>
      </c>
      <c r="E8094">
        <v>16821.10023</v>
      </c>
      <c r="F8094">
        <v>58600.765379999997</v>
      </c>
      <c r="G8094">
        <v>42266.266900000002</v>
      </c>
      <c r="H8094">
        <v>39722.73717</v>
      </c>
      <c r="I8094">
        <v>21050.554629999999</v>
      </c>
      <c r="J8094">
        <v>25897.307959999998</v>
      </c>
      <c r="K8094">
        <v>46038.116730000002</v>
      </c>
      <c r="L8094">
        <v>17629.277969999999</v>
      </c>
      <c r="M8094">
        <v>320431.91960000002</v>
      </c>
      <c r="N8094">
        <v>75873.258239999996</v>
      </c>
      <c r="O8094">
        <v>22087.87816</v>
      </c>
      <c r="P8094">
        <v>27722.397359999999</v>
      </c>
      <c r="Q8094">
        <v>94351.880749999997</v>
      </c>
      <c r="R8094">
        <v>21774.791079999999</v>
      </c>
      <c r="S8094">
        <v>82059.086790000001</v>
      </c>
      <c r="T8094">
        <v>27322.220580000001</v>
      </c>
      <c r="U8094">
        <v>17710.455539999999</v>
      </c>
      <c r="W8094" s="83">
        <f>Bühler!N8126</f>
        <v>45629.166666647041</v>
      </c>
      <c r="X8094" s="83">
        <v>43438.166666666664</v>
      </c>
      <c r="Y8094">
        <v>243430.20910000001</v>
      </c>
      <c r="Z8094">
        <v>16821.10023</v>
      </c>
      <c r="AA8094">
        <v>58600.765379999997</v>
      </c>
      <c r="AB8094">
        <v>42266.266900000002</v>
      </c>
      <c r="AC8094">
        <v>39722.73717</v>
      </c>
      <c r="AD8094">
        <v>21050.554629999999</v>
      </c>
      <c r="AE8094">
        <v>25897.307959999998</v>
      </c>
      <c r="AF8094">
        <v>46038.116730000002</v>
      </c>
      <c r="AG8094">
        <v>17629.277969999999</v>
      </c>
      <c r="AH8094">
        <v>320431.91960000002</v>
      </c>
      <c r="AI8094">
        <v>75873.258239999996</v>
      </c>
      <c r="AJ8094">
        <v>22087.87816</v>
      </c>
      <c r="AK8094">
        <v>27722.397359999999</v>
      </c>
      <c r="AL8094">
        <v>94351.880749999997</v>
      </c>
      <c r="AM8094">
        <v>21774.791079999999</v>
      </c>
      <c r="AN8094">
        <v>82059.086790000001</v>
      </c>
      <c r="AO8094">
        <v>27322.220580000001</v>
      </c>
      <c r="AP8094">
        <v>17710.455539999999</v>
      </c>
    </row>
    <row r="8095" spans="2:42" x14ac:dyDescent="0.3">
      <c r="B8095">
        <v>66.345118828470234</v>
      </c>
      <c r="C8095" s="83">
        <v>43438.208333333336</v>
      </c>
      <c r="D8095">
        <v>260129.9062</v>
      </c>
      <c r="E8095">
        <v>19054.975829999999</v>
      </c>
      <c r="F8095">
        <v>68964.183449999997</v>
      </c>
      <c r="G8095">
        <v>45410.594850000001</v>
      </c>
      <c r="H8095">
        <v>41955.514799999997</v>
      </c>
      <c r="I8095">
        <v>28982.531559999999</v>
      </c>
      <c r="J8095">
        <v>28319.32749</v>
      </c>
      <c r="K8095">
        <v>48129.500030000003</v>
      </c>
      <c r="L8095">
        <v>18422.31479</v>
      </c>
      <c r="M8095">
        <v>338258.3553</v>
      </c>
      <c r="N8095">
        <v>77174.165859999994</v>
      </c>
      <c r="O8095">
        <v>22554.043470000001</v>
      </c>
      <c r="P8095">
        <v>29377.699540000001</v>
      </c>
      <c r="Q8095">
        <v>97098.385580000002</v>
      </c>
      <c r="R8095">
        <v>22471.932580000001</v>
      </c>
      <c r="S8095">
        <v>84583.267940000005</v>
      </c>
      <c r="T8095">
        <v>28646.424169999998</v>
      </c>
      <c r="U8095">
        <v>19933.105039999999</v>
      </c>
      <c r="W8095" s="83">
        <f>Bühler!N8127</f>
        <v>45629.208333313705</v>
      </c>
      <c r="X8095" s="83">
        <v>43438.208333333336</v>
      </c>
      <c r="Y8095">
        <v>260129.9062</v>
      </c>
      <c r="Z8095">
        <v>19054.975829999999</v>
      </c>
      <c r="AA8095">
        <v>68964.183449999997</v>
      </c>
      <c r="AB8095">
        <v>45410.594850000001</v>
      </c>
      <c r="AC8095">
        <v>41955.514799999997</v>
      </c>
      <c r="AD8095">
        <v>28982.531559999999</v>
      </c>
      <c r="AE8095">
        <v>28319.32749</v>
      </c>
      <c r="AF8095">
        <v>48129.500030000003</v>
      </c>
      <c r="AG8095">
        <v>18422.31479</v>
      </c>
      <c r="AH8095">
        <v>338258.3553</v>
      </c>
      <c r="AI8095">
        <v>77174.165859999994</v>
      </c>
      <c r="AJ8095">
        <v>22554.043470000001</v>
      </c>
      <c r="AK8095">
        <v>29377.699540000001</v>
      </c>
      <c r="AL8095">
        <v>97098.385580000002</v>
      </c>
      <c r="AM8095">
        <v>22471.932580000001</v>
      </c>
      <c r="AN8095">
        <v>84583.267940000005</v>
      </c>
      <c r="AO8095">
        <v>28646.424169999998</v>
      </c>
      <c r="AP8095">
        <v>19933.105039999999</v>
      </c>
    </row>
    <row r="8096" spans="2:42" x14ac:dyDescent="0.3">
      <c r="B8096">
        <v>69.68686012031624</v>
      </c>
      <c r="C8096" s="83">
        <v>43438.25</v>
      </c>
      <c r="D8096">
        <v>277291.32770000002</v>
      </c>
      <c r="E8096">
        <v>23550.545300000002</v>
      </c>
      <c r="F8096">
        <v>82720.117450000005</v>
      </c>
      <c r="G8096">
        <v>60064.794970000003</v>
      </c>
      <c r="H8096">
        <v>45510.1486</v>
      </c>
      <c r="I8096">
        <v>37887.21168</v>
      </c>
      <c r="J8096">
        <v>31516.43865</v>
      </c>
      <c r="K8096">
        <v>50684.626380000002</v>
      </c>
      <c r="L8096">
        <v>20478.264490000001</v>
      </c>
      <c r="M8096">
        <v>355296.11080000002</v>
      </c>
      <c r="N8096">
        <v>83135.360650000002</v>
      </c>
      <c r="O8096">
        <v>23962.061819999999</v>
      </c>
      <c r="P8096">
        <v>30474.485779999999</v>
      </c>
      <c r="Q8096">
        <v>98866.339640000006</v>
      </c>
      <c r="R8096">
        <v>19784.656180000002</v>
      </c>
      <c r="S8096">
        <v>93364.542589999997</v>
      </c>
      <c r="T8096">
        <v>32266.390670000001</v>
      </c>
      <c r="U8096">
        <v>22324.373650000001</v>
      </c>
      <c r="W8096" s="83">
        <f>Bühler!N8128</f>
        <v>45629.249999980369</v>
      </c>
      <c r="X8096" s="83">
        <v>43438.25</v>
      </c>
      <c r="Y8096">
        <v>277291.32770000002</v>
      </c>
      <c r="Z8096">
        <v>23550.545300000002</v>
      </c>
      <c r="AA8096">
        <v>82720.117450000005</v>
      </c>
      <c r="AB8096">
        <v>60064.794970000003</v>
      </c>
      <c r="AC8096">
        <v>45510.1486</v>
      </c>
      <c r="AD8096">
        <v>37887.21168</v>
      </c>
      <c r="AE8096">
        <v>31516.43865</v>
      </c>
      <c r="AF8096">
        <v>50684.626380000002</v>
      </c>
      <c r="AG8096">
        <v>20478.264490000001</v>
      </c>
      <c r="AH8096">
        <v>355296.11080000002</v>
      </c>
      <c r="AI8096">
        <v>83135.360650000002</v>
      </c>
      <c r="AJ8096">
        <v>23962.061819999999</v>
      </c>
      <c r="AK8096">
        <v>30474.485779999999</v>
      </c>
      <c r="AL8096">
        <v>98866.339640000006</v>
      </c>
      <c r="AM8096">
        <v>19784.656180000002</v>
      </c>
      <c r="AN8096">
        <v>93364.542589999997</v>
      </c>
      <c r="AO8096">
        <v>32266.390670000001</v>
      </c>
      <c r="AP8096">
        <v>22324.373650000001</v>
      </c>
    </row>
    <row r="8097" spans="2:42" x14ac:dyDescent="0.3">
      <c r="B8097">
        <v>71.138035513809584</v>
      </c>
      <c r="C8097" s="83">
        <v>43438.291666666664</v>
      </c>
      <c r="D8097">
        <v>291433.05170000001</v>
      </c>
      <c r="E8097">
        <v>28955.682990000001</v>
      </c>
      <c r="F8097">
        <v>86278.197289999996</v>
      </c>
      <c r="G8097">
        <v>77704.100189999997</v>
      </c>
      <c r="H8097">
        <v>52805.703430000001</v>
      </c>
      <c r="I8097">
        <v>46971.267460000003</v>
      </c>
      <c r="J8097">
        <v>32796.108919999999</v>
      </c>
      <c r="K8097">
        <v>56241.407500000001</v>
      </c>
      <c r="L8097">
        <v>22740.066490000001</v>
      </c>
      <c r="M8097">
        <v>362694.87969999999</v>
      </c>
      <c r="N8097">
        <v>89999.262619999994</v>
      </c>
      <c r="O8097">
        <v>26574.342619999999</v>
      </c>
      <c r="P8097">
        <v>33339.179960000001</v>
      </c>
      <c r="Q8097">
        <v>99265.412899999996</v>
      </c>
      <c r="R8097">
        <v>22090.803059999998</v>
      </c>
      <c r="S8097">
        <v>110021.3484</v>
      </c>
      <c r="T8097">
        <v>34142.530449999998</v>
      </c>
      <c r="U8097">
        <v>27970.171350000001</v>
      </c>
      <c r="W8097" s="83">
        <f>Bühler!N8129</f>
        <v>45629.291666647034</v>
      </c>
      <c r="X8097" s="83">
        <v>43438.291666666664</v>
      </c>
      <c r="Y8097">
        <v>291433.05170000001</v>
      </c>
      <c r="Z8097">
        <v>28955.682990000001</v>
      </c>
      <c r="AA8097">
        <v>86278.197289999996</v>
      </c>
      <c r="AB8097">
        <v>77704.100189999997</v>
      </c>
      <c r="AC8097">
        <v>52805.703430000001</v>
      </c>
      <c r="AD8097">
        <v>46971.267460000003</v>
      </c>
      <c r="AE8097">
        <v>32796.108919999999</v>
      </c>
      <c r="AF8097">
        <v>56241.407500000001</v>
      </c>
      <c r="AG8097">
        <v>22740.066490000001</v>
      </c>
      <c r="AH8097">
        <v>362694.87969999999</v>
      </c>
      <c r="AI8097">
        <v>89999.262619999994</v>
      </c>
      <c r="AJ8097">
        <v>26574.342619999999</v>
      </c>
      <c r="AK8097">
        <v>33339.179960000001</v>
      </c>
      <c r="AL8097">
        <v>99265.412899999996</v>
      </c>
      <c r="AM8097">
        <v>22090.803059999998</v>
      </c>
      <c r="AN8097">
        <v>110021.3484</v>
      </c>
      <c r="AO8097">
        <v>34142.530449999998</v>
      </c>
      <c r="AP8097">
        <v>27970.171350000001</v>
      </c>
    </row>
    <row r="8098" spans="2:42" x14ac:dyDescent="0.3">
      <c r="B8098">
        <v>71.245473665453801</v>
      </c>
      <c r="C8098" s="83">
        <v>43438.333333333336</v>
      </c>
      <c r="D8098">
        <v>301802.88689999998</v>
      </c>
      <c r="E8098">
        <v>35469.228799999997</v>
      </c>
      <c r="F8098">
        <v>94049.231289999996</v>
      </c>
      <c r="G8098">
        <v>96134.916620000004</v>
      </c>
      <c r="H8098">
        <v>57654.183680000002</v>
      </c>
      <c r="I8098">
        <v>50221.885139999999</v>
      </c>
      <c r="J8098">
        <v>32912.433169999997</v>
      </c>
      <c r="K8098">
        <v>61689.88078</v>
      </c>
      <c r="L8098">
        <v>25683.880130000001</v>
      </c>
      <c r="M8098">
        <v>363242.6495</v>
      </c>
      <c r="N8098">
        <v>96592.378280000004</v>
      </c>
      <c r="O8098">
        <v>28571.16301</v>
      </c>
      <c r="P8098">
        <v>34635.768550000001</v>
      </c>
      <c r="Q8098">
        <v>99623.291559999998</v>
      </c>
      <c r="R8098">
        <v>24322.328389999999</v>
      </c>
      <c r="S8098">
        <v>124047.1266</v>
      </c>
      <c r="T8098">
        <v>37623.058219999999</v>
      </c>
      <c r="U8098">
        <v>31084.699700000001</v>
      </c>
      <c r="W8098" s="83">
        <f>Bühler!N8130</f>
        <v>45629.333333313698</v>
      </c>
      <c r="X8098" s="83">
        <v>43438.333333333336</v>
      </c>
      <c r="Y8098">
        <v>301802.88689999998</v>
      </c>
      <c r="Z8098">
        <v>35469.228799999997</v>
      </c>
      <c r="AA8098">
        <v>94049.231289999996</v>
      </c>
      <c r="AB8098">
        <v>96134.916620000004</v>
      </c>
      <c r="AC8098">
        <v>57654.183680000002</v>
      </c>
      <c r="AD8098">
        <v>50221.885139999999</v>
      </c>
      <c r="AE8098">
        <v>32912.433169999997</v>
      </c>
      <c r="AF8098">
        <v>61689.88078</v>
      </c>
      <c r="AG8098">
        <v>25683.880130000001</v>
      </c>
      <c r="AH8098">
        <v>363242.6495</v>
      </c>
      <c r="AI8098">
        <v>96592.378280000004</v>
      </c>
      <c r="AJ8098">
        <v>28571.16301</v>
      </c>
      <c r="AK8098">
        <v>34635.768550000001</v>
      </c>
      <c r="AL8098">
        <v>99623.291559999998</v>
      </c>
      <c r="AM8098">
        <v>24322.328389999999</v>
      </c>
      <c r="AN8098">
        <v>124047.1266</v>
      </c>
      <c r="AO8098">
        <v>37623.058219999999</v>
      </c>
      <c r="AP8098">
        <v>31084.699700000001</v>
      </c>
    </row>
    <row r="8099" spans="2:42" x14ac:dyDescent="0.3">
      <c r="B8099">
        <v>70.79894332724885</v>
      </c>
      <c r="C8099" s="83">
        <v>43438.375</v>
      </c>
      <c r="D8099">
        <v>302785.6753</v>
      </c>
      <c r="E8099">
        <v>39445.054120000001</v>
      </c>
      <c r="F8099">
        <v>98175.541400000002</v>
      </c>
      <c r="G8099">
        <v>105592.1958</v>
      </c>
      <c r="H8099">
        <v>59287.029199999997</v>
      </c>
      <c r="I8099">
        <v>47212.253640000003</v>
      </c>
      <c r="J8099">
        <v>32238.10857</v>
      </c>
      <c r="K8099">
        <v>60728.114849999998</v>
      </c>
      <c r="L8099">
        <v>28555.349900000001</v>
      </c>
      <c r="M8099">
        <v>360966.02960000001</v>
      </c>
      <c r="N8099">
        <v>101019.04399999999</v>
      </c>
      <c r="O8099">
        <v>28491.64445</v>
      </c>
      <c r="P8099">
        <v>35143.384380000003</v>
      </c>
      <c r="Q8099">
        <v>100630.70970000001</v>
      </c>
      <c r="R8099">
        <v>25019.28642</v>
      </c>
      <c r="S8099">
        <v>130912.7083</v>
      </c>
      <c r="T8099">
        <v>40141.628900000003</v>
      </c>
      <c r="U8099">
        <v>30236.95822</v>
      </c>
      <c r="W8099" s="83">
        <f>Bühler!N8131</f>
        <v>45629.374999980362</v>
      </c>
      <c r="X8099" s="83">
        <v>43438.375</v>
      </c>
      <c r="Y8099">
        <v>302785.6753</v>
      </c>
      <c r="Z8099">
        <v>39445.054120000001</v>
      </c>
      <c r="AA8099">
        <v>98175.541400000002</v>
      </c>
      <c r="AB8099">
        <v>105592.1958</v>
      </c>
      <c r="AC8099">
        <v>59287.029199999997</v>
      </c>
      <c r="AD8099">
        <v>47212.253640000003</v>
      </c>
      <c r="AE8099">
        <v>32238.10857</v>
      </c>
      <c r="AF8099">
        <v>60728.114849999998</v>
      </c>
      <c r="AG8099">
        <v>28555.349900000001</v>
      </c>
      <c r="AH8099">
        <v>360966.02960000001</v>
      </c>
      <c r="AI8099">
        <v>101019.04399999999</v>
      </c>
      <c r="AJ8099">
        <v>28491.64445</v>
      </c>
      <c r="AK8099">
        <v>35143.384380000003</v>
      </c>
      <c r="AL8099">
        <v>100630.70970000001</v>
      </c>
      <c r="AM8099">
        <v>25019.28642</v>
      </c>
      <c r="AN8099">
        <v>130912.7083</v>
      </c>
      <c r="AO8099">
        <v>40141.628900000003</v>
      </c>
      <c r="AP8099">
        <v>30236.95822</v>
      </c>
    </row>
    <row r="8100" spans="2:42" x14ac:dyDescent="0.3">
      <c r="B8100">
        <v>71.782529736113233</v>
      </c>
      <c r="C8100" s="83">
        <v>43438.416666666664</v>
      </c>
      <c r="D8100">
        <v>304223.51160000003</v>
      </c>
      <c r="E8100">
        <v>40726.82013</v>
      </c>
      <c r="F8100">
        <v>98424.817200000005</v>
      </c>
      <c r="G8100">
        <v>107787.9376</v>
      </c>
      <c r="H8100">
        <v>59904.074229999998</v>
      </c>
      <c r="I8100">
        <v>44712.661959999998</v>
      </c>
      <c r="J8100">
        <v>31904.42</v>
      </c>
      <c r="K8100">
        <v>61750.694600000003</v>
      </c>
      <c r="L8100">
        <v>31701.063040000001</v>
      </c>
      <c r="M8100">
        <v>365980.81180000002</v>
      </c>
      <c r="N8100">
        <v>100926.71120000001</v>
      </c>
      <c r="O8100">
        <v>28268.782930000001</v>
      </c>
      <c r="P8100">
        <v>36587.613649999999</v>
      </c>
      <c r="Q8100">
        <v>101117.826</v>
      </c>
      <c r="R8100">
        <v>25835.902249999999</v>
      </c>
      <c r="S8100">
        <v>130052.53539999999</v>
      </c>
      <c r="T8100">
        <v>40897.02577</v>
      </c>
      <c r="U8100">
        <v>29916.56479</v>
      </c>
      <c r="W8100" s="83">
        <f>Bühler!N8132</f>
        <v>45629.416666647026</v>
      </c>
      <c r="X8100" s="83">
        <v>43438.416666666664</v>
      </c>
      <c r="Y8100">
        <v>304223.51160000003</v>
      </c>
      <c r="Z8100">
        <v>40726.82013</v>
      </c>
      <c r="AA8100">
        <v>98424.817200000005</v>
      </c>
      <c r="AB8100">
        <v>107787.9376</v>
      </c>
      <c r="AC8100">
        <v>59904.074229999998</v>
      </c>
      <c r="AD8100">
        <v>44712.661959999998</v>
      </c>
      <c r="AE8100">
        <v>31904.42</v>
      </c>
      <c r="AF8100">
        <v>61750.694600000003</v>
      </c>
      <c r="AG8100">
        <v>31701.063040000001</v>
      </c>
      <c r="AH8100">
        <v>365980.81180000002</v>
      </c>
      <c r="AI8100">
        <v>100926.71120000001</v>
      </c>
      <c r="AJ8100">
        <v>28268.782930000001</v>
      </c>
      <c r="AK8100">
        <v>36587.613649999999</v>
      </c>
      <c r="AL8100">
        <v>101117.826</v>
      </c>
      <c r="AM8100">
        <v>25835.902249999999</v>
      </c>
      <c r="AN8100">
        <v>130052.53539999999</v>
      </c>
      <c r="AO8100">
        <v>40897.02577</v>
      </c>
      <c r="AP8100">
        <v>29916.56479</v>
      </c>
    </row>
    <row r="8101" spans="2:42" x14ac:dyDescent="0.3">
      <c r="B8101">
        <v>72.26800276544985</v>
      </c>
      <c r="C8101" s="83">
        <v>43438.458333333336</v>
      </c>
      <c r="D8101">
        <v>303637.03639999998</v>
      </c>
      <c r="E8101">
        <v>40124.292170000001</v>
      </c>
      <c r="F8101">
        <v>99021.086209999994</v>
      </c>
      <c r="G8101">
        <v>104686.22960000001</v>
      </c>
      <c r="H8101">
        <v>59362.392169999999</v>
      </c>
      <c r="I8101">
        <v>44220.493600000002</v>
      </c>
      <c r="J8101">
        <v>31469.052749999999</v>
      </c>
      <c r="K8101">
        <v>67488.282999999996</v>
      </c>
      <c r="L8101">
        <v>32283.771970000002</v>
      </c>
      <c r="M8101">
        <v>368455.97970000003</v>
      </c>
      <c r="N8101">
        <v>101975.2588</v>
      </c>
      <c r="O8101">
        <v>28435.037</v>
      </c>
      <c r="P8101">
        <v>35517.241600000001</v>
      </c>
      <c r="Q8101">
        <v>100741.1881</v>
      </c>
      <c r="R8101">
        <v>25780.502179999999</v>
      </c>
      <c r="S8101">
        <v>132707.74609999999</v>
      </c>
      <c r="T8101">
        <v>41809.005120000002</v>
      </c>
      <c r="U8101">
        <v>29730.884160000001</v>
      </c>
      <c r="W8101" s="83">
        <f>Bühler!N8133</f>
        <v>45629.458333313691</v>
      </c>
      <c r="X8101" s="83">
        <v>43438.458333333336</v>
      </c>
      <c r="Y8101">
        <v>303637.03639999998</v>
      </c>
      <c r="Z8101">
        <v>40124.292170000001</v>
      </c>
      <c r="AA8101">
        <v>99021.086209999994</v>
      </c>
      <c r="AB8101">
        <v>104686.22960000001</v>
      </c>
      <c r="AC8101">
        <v>59362.392169999999</v>
      </c>
      <c r="AD8101">
        <v>44220.493600000002</v>
      </c>
      <c r="AE8101">
        <v>31469.052749999999</v>
      </c>
      <c r="AF8101">
        <v>67488.282999999996</v>
      </c>
      <c r="AG8101">
        <v>32283.771970000002</v>
      </c>
      <c r="AH8101">
        <v>368455.97970000003</v>
      </c>
      <c r="AI8101">
        <v>101975.2588</v>
      </c>
      <c r="AJ8101">
        <v>28435.037</v>
      </c>
      <c r="AK8101">
        <v>35517.241600000001</v>
      </c>
      <c r="AL8101">
        <v>100741.1881</v>
      </c>
      <c r="AM8101">
        <v>25780.502179999999</v>
      </c>
      <c r="AN8101">
        <v>132707.74609999999</v>
      </c>
      <c r="AO8101">
        <v>41809.005120000002</v>
      </c>
      <c r="AP8101">
        <v>29730.884160000001</v>
      </c>
    </row>
    <row r="8102" spans="2:42" x14ac:dyDescent="0.3">
      <c r="B8102">
        <v>71.223225877120569</v>
      </c>
      <c r="C8102" s="83">
        <v>43438.5</v>
      </c>
      <c r="D8102">
        <v>292575.62180000002</v>
      </c>
      <c r="E8102">
        <v>35910.544739999998</v>
      </c>
      <c r="F8102">
        <v>91443.544890000005</v>
      </c>
      <c r="G8102">
        <v>101512.2322</v>
      </c>
      <c r="H8102">
        <v>56020.035909999999</v>
      </c>
      <c r="I8102">
        <v>41833.982750000003</v>
      </c>
      <c r="J8102">
        <v>31436.322319999999</v>
      </c>
      <c r="K8102">
        <v>64292.784019999999</v>
      </c>
      <c r="L8102">
        <v>34562.73027</v>
      </c>
      <c r="M8102">
        <v>363129.21990000003</v>
      </c>
      <c r="N8102">
        <v>95768.946670000005</v>
      </c>
      <c r="O8102">
        <v>27228.494750000002</v>
      </c>
      <c r="P8102">
        <v>36156.686070000003</v>
      </c>
      <c r="Q8102">
        <v>98541.088929999998</v>
      </c>
      <c r="R8102">
        <v>26942.657149999999</v>
      </c>
      <c r="S8102">
        <v>124312.9614</v>
      </c>
      <c r="T8102">
        <v>41944.308270000001</v>
      </c>
      <c r="U8102">
        <v>24825.732950000001</v>
      </c>
      <c r="W8102" s="83">
        <f>Bühler!N8134</f>
        <v>45629.499999980355</v>
      </c>
      <c r="X8102" s="83">
        <v>43438.5</v>
      </c>
      <c r="Y8102">
        <v>292575.62180000002</v>
      </c>
      <c r="Z8102">
        <v>35910.544739999998</v>
      </c>
      <c r="AA8102">
        <v>91443.544890000005</v>
      </c>
      <c r="AB8102">
        <v>101512.2322</v>
      </c>
      <c r="AC8102">
        <v>56020.035909999999</v>
      </c>
      <c r="AD8102">
        <v>41833.982750000003</v>
      </c>
      <c r="AE8102">
        <v>31436.322319999999</v>
      </c>
      <c r="AF8102">
        <v>64292.784019999999</v>
      </c>
      <c r="AG8102">
        <v>34562.73027</v>
      </c>
      <c r="AH8102">
        <v>363129.21990000003</v>
      </c>
      <c r="AI8102">
        <v>95768.946670000005</v>
      </c>
      <c r="AJ8102">
        <v>27228.494750000002</v>
      </c>
      <c r="AK8102">
        <v>36156.686070000003</v>
      </c>
      <c r="AL8102">
        <v>98541.088929999998</v>
      </c>
      <c r="AM8102">
        <v>26942.657149999999</v>
      </c>
      <c r="AN8102">
        <v>124312.9614</v>
      </c>
      <c r="AO8102">
        <v>41944.308270000001</v>
      </c>
      <c r="AP8102">
        <v>24825.732950000001</v>
      </c>
    </row>
    <row r="8103" spans="2:42" x14ac:dyDescent="0.3">
      <c r="B8103">
        <v>70.581796380354362</v>
      </c>
      <c r="C8103" s="83">
        <v>43438.541666666664</v>
      </c>
      <c r="D8103">
        <v>291581.70510000002</v>
      </c>
      <c r="E8103">
        <v>35961.15049</v>
      </c>
      <c r="F8103">
        <v>88925.909520000001</v>
      </c>
      <c r="G8103">
        <v>98217.386580000006</v>
      </c>
      <c r="H8103">
        <v>56688.048869999999</v>
      </c>
      <c r="I8103">
        <v>41201.778919999997</v>
      </c>
      <c r="J8103">
        <v>29947.78456</v>
      </c>
      <c r="K8103">
        <v>66306.109079999995</v>
      </c>
      <c r="L8103">
        <v>32932.592490000003</v>
      </c>
      <c r="M8103">
        <v>359858.91320000001</v>
      </c>
      <c r="N8103">
        <v>95161.736139999994</v>
      </c>
      <c r="O8103">
        <v>27758.844369999999</v>
      </c>
      <c r="P8103">
        <v>35329.174359999997</v>
      </c>
      <c r="Q8103">
        <v>97581.832920000001</v>
      </c>
      <c r="R8103">
        <v>27510.224279999999</v>
      </c>
      <c r="S8103">
        <v>124766.5202</v>
      </c>
      <c r="T8103">
        <v>40244.948759999999</v>
      </c>
      <c r="U8103">
        <v>26679.576659999999</v>
      </c>
      <c r="W8103" s="83">
        <f>Bühler!N8135</f>
        <v>45629.541666647019</v>
      </c>
      <c r="X8103" s="83">
        <v>43438.541666666664</v>
      </c>
      <c r="Y8103">
        <v>291581.70510000002</v>
      </c>
      <c r="Z8103">
        <v>35961.15049</v>
      </c>
      <c r="AA8103">
        <v>88925.909520000001</v>
      </c>
      <c r="AB8103">
        <v>98217.386580000006</v>
      </c>
      <c r="AC8103">
        <v>56688.048869999999</v>
      </c>
      <c r="AD8103">
        <v>41201.778919999997</v>
      </c>
      <c r="AE8103">
        <v>29947.78456</v>
      </c>
      <c r="AF8103">
        <v>66306.109079999995</v>
      </c>
      <c r="AG8103">
        <v>32932.592490000003</v>
      </c>
      <c r="AH8103">
        <v>359858.91320000001</v>
      </c>
      <c r="AI8103">
        <v>95161.736139999994</v>
      </c>
      <c r="AJ8103">
        <v>27758.844369999999</v>
      </c>
      <c r="AK8103">
        <v>35329.174359999997</v>
      </c>
      <c r="AL8103">
        <v>97581.832920000001</v>
      </c>
      <c r="AM8103">
        <v>27510.224279999999</v>
      </c>
      <c r="AN8103">
        <v>124766.5202</v>
      </c>
      <c r="AO8103">
        <v>40244.948759999999</v>
      </c>
      <c r="AP8103">
        <v>26679.576659999999</v>
      </c>
    </row>
    <row r="8104" spans="2:42" x14ac:dyDescent="0.3">
      <c r="B8104">
        <v>70.895553967971665</v>
      </c>
      <c r="C8104" s="83">
        <v>43438.583333333336</v>
      </c>
      <c r="D8104">
        <v>295541.3138</v>
      </c>
      <c r="E8104">
        <v>38952.144070000002</v>
      </c>
      <c r="F8104">
        <v>97172.505709999998</v>
      </c>
      <c r="G8104">
        <v>92607.588950000005</v>
      </c>
      <c r="H8104">
        <v>56368.95781</v>
      </c>
      <c r="I8104">
        <v>41792.903729999998</v>
      </c>
      <c r="J8104">
        <v>29973.61261</v>
      </c>
      <c r="K8104">
        <v>67972.169620000001</v>
      </c>
      <c r="L8104">
        <v>29490.835200000001</v>
      </c>
      <c r="M8104">
        <v>361458.59570000001</v>
      </c>
      <c r="N8104">
        <v>95731.732000000004</v>
      </c>
      <c r="O8104">
        <v>27448.65942</v>
      </c>
      <c r="P8104">
        <v>32845.329039999997</v>
      </c>
      <c r="Q8104">
        <v>96410.672569999995</v>
      </c>
      <c r="R8104">
        <v>25928.212380000001</v>
      </c>
      <c r="S8104">
        <v>118495.9961</v>
      </c>
      <c r="T8104">
        <v>38342.466509999998</v>
      </c>
      <c r="U8104">
        <v>27760.705000000002</v>
      </c>
      <c r="W8104" s="83">
        <f>Bühler!N8136</f>
        <v>45629.583333313683</v>
      </c>
      <c r="X8104" s="83">
        <v>43438.583333333336</v>
      </c>
      <c r="Y8104">
        <v>295541.3138</v>
      </c>
      <c r="Z8104">
        <v>38952.144070000002</v>
      </c>
      <c r="AA8104">
        <v>97172.505709999998</v>
      </c>
      <c r="AB8104">
        <v>92607.588950000005</v>
      </c>
      <c r="AC8104">
        <v>56368.95781</v>
      </c>
      <c r="AD8104">
        <v>41792.903729999998</v>
      </c>
      <c r="AE8104">
        <v>29973.61261</v>
      </c>
      <c r="AF8104">
        <v>67972.169620000001</v>
      </c>
      <c r="AG8104">
        <v>29490.835200000001</v>
      </c>
      <c r="AH8104">
        <v>361458.59570000001</v>
      </c>
      <c r="AI8104">
        <v>95731.732000000004</v>
      </c>
      <c r="AJ8104">
        <v>27448.65942</v>
      </c>
      <c r="AK8104">
        <v>32845.329039999997</v>
      </c>
      <c r="AL8104">
        <v>96410.672569999995</v>
      </c>
      <c r="AM8104">
        <v>25928.212380000001</v>
      </c>
      <c r="AN8104">
        <v>118495.9961</v>
      </c>
      <c r="AO8104">
        <v>38342.466509999998</v>
      </c>
      <c r="AP8104">
        <v>27760.705000000002</v>
      </c>
    </row>
    <row r="8105" spans="2:42" x14ac:dyDescent="0.3">
      <c r="B8105">
        <v>69.773546149085902</v>
      </c>
      <c r="C8105" s="83">
        <v>43438.625</v>
      </c>
      <c r="D8105">
        <v>292458.66529999999</v>
      </c>
      <c r="E8105">
        <v>38527.362809999999</v>
      </c>
      <c r="F8105">
        <v>97689.120980000007</v>
      </c>
      <c r="G8105">
        <v>90884.224440000005</v>
      </c>
      <c r="H8105">
        <v>55234.080540000003</v>
      </c>
      <c r="I8105">
        <v>42563.137020000002</v>
      </c>
      <c r="J8105">
        <v>29393.136200000001</v>
      </c>
      <c r="K8105">
        <v>66857.658219999998</v>
      </c>
      <c r="L8105">
        <v>26287.504669999998</v>
      </c>
      <c r="M8105">
        <v>355738.07659999997</v>
      </c>
      <c r="N8105">
        <v>95126.23547</v>
      </c>
      <c r="O8105">
        <v>27141.605930000002</v>
      </c>
      <c r="P8105">
        <v>31163.631290000001</v>
      </c>
      <c r="Q8105">
        <v>95826.65569</v>
      </c>
      <c r="R8105">
        <v>25442.538970000001</v>
      </c>
      <c r="S8105">
        <v>115868.8651</v>
      </c>
      <c r="T8105">
        <v>37740.568899999998</v>
      </c>
      <c r="U8105">
        <v>25762.012650000001</v>
      </c>
      <c r="W8105" s="83">
        <f>Bühler!N8137</f>
        <v>45629.624999980348</v>
      </c>
      <c r="X8105" s="83">
        <v>43438.625</v>
      </c>
      <c r="Y8105">
        <v>292458.66529999999</v>
      </c>
      <c r="Z8105">
        <v>38527.362809999999</v>
      </c>
      <c r="AA8105">
        <v>97689.120980000007</v>
      </c>
      <c r="AB8105">
        <v>90884.224440000005</v>
      </c>
      <c r="AC8105">
        <v>55234.080540000003</v>
      </c>
      <c r="AD8105">
        <v>42563.137020000002</v>
      </c>
      <c r="AE8105">
        <v>29393.136200000001</v>
      </c>
      <c r="AF8105">
        <v>66857.658219999998</v>
      </c>
      <c r="AG8105">
        <v>26287.504669999998</v>
      </c>
      <c r="AH8105">
        <v>355738.07659999997</v>
      </c>
      <c r="AI8105">
        <v>95126.23547</v>
      </c>
      <c r="AJ8105">
        <v>27141.605930000002</v>
      </c>
      <c r="AK8105">
        <v>31163.631290000001</v>
      </c>
      <c r="AL8105">
        <v>95826.65569</v>
      </c>
      <c r="AM8105">
        <v>25442.538970000001</v>
      </c>
      <c r="AN8105">
        <v>115868.8651</v>
      </c>
      <c r="AO8105">
        <v>37740.568899999998</v>
      </c>
      <c r="AP8105">
        <v>25762.012650000001</v>
      </c>
    </row>
    <row r="8106" spans="2:42" x14ac:dyDescent="0.3">
      <c r="B8106">
        <v>68.401034058064454</v>
      </c>
      <c r="C8106" s="83">
        <v>43438.666666666664</v>
      </c>
      <c r="D8106">
        <v>286218.0318</v>
      </c>
      <c r="E8106">
        <v>37965.853410000003</v>
      </c>
      <c r="F8106">
        <v>97872.296860000002</v>
      </c>
      <c r="G8106">
        <v>87768.551659999997</v>
      </c>
      <c r="H8106">
        <v>53714.387909999998</v>
      </c>
      <c r="I8106">
        <v>44930.944669999997</v>
      </c>
      <c r="J8106">
        <v>29259.631809999999</v>
      </c>
      <c r="K8106">
        <v>62911.583440000002</v>
      </c>
      <c r="L8106">
        <v>25288.280739999998</v>
      </c>
      <c r="M8106">
        <v>348740.36989999999</v>
      </c>
      <c r="N8106">
        <v>92648.231880000007</v>
      </c>
      <c r="O8106">
        <v>27063.99898</v>
      </c>
      <c r="P8106">
        <v>31398.810420000002</v>
      </c>
      <c r="Q8106">
        <v>95435.16605</v>
      </c>
      <c r="R8106">
        <v>24653.203949999999</v>
      </c>
      <c r="S8106">
        <v>114780.6468</v>
      </c>
      <c r="T8106">
        <v>38329.053939999998</v>
      </c>
      <c r="U8106">
        <v>24380.610649999999</v>
      </c>
      <c r="W8106" s="83">
        <f>Bühler!N8138</f>
        <v>45629.666666647012</v>
      </c>
      <c r="X8106" s="83">
        <v>43438.666666666664</v>
      </c>
      <c r="Y8106">
        <v>286218.0318</v>
      </c>
      <c r="Z8106">
        <v>37965.853410000003</v>
      </c>
      <c r="AA8106">
        <v>97872.296860000002</v>
      </c>
      <c r="AB8106">
        <v>87768.551659999997</v>
      </c>
      <c r="AC8106">
        <v>53714.387909999998</v>
      </c>
      <c r="AD8106">
        <v>44930.944669999997</v>
      </c>
      <c r="AE8106">
        <v>29259.631809999999</v>
      </c>
      <c r="AF8106">
        <v>62911.583440000002</v>
      </c>
      <c r="AG8106">
        <v>25288.280739999998</v>
      </c>
      <c r="AH8106">
        <v>348740.36989999999</v>
      </c>
      <c r="AI8106">
        <v>92648.231880000007</v>
      </c>
      <c r="AJ8106">
        <v>27063.99898</v>
      </c>
      <c r="AK8106">
        <v>31398.810420000002</v>
      </c>
      <c r="AL8106">
        <v>95435.16605</v>
      </c>
      <c r="AM8106">
        <v>24653.203949999999</v>
      </c>
      <c r="AN8106">
        <v>114780.6468</v>
      </c>
      <c r="AO8106">
        <v>38329.053939999998</v>
      </c>
      <c r="AP8106">
        <v>24380.610649999999</v>
      </c>
    </row>
    <row r="8107" spans="2:42" x14ac:dyDescent="0.3">
      <c r="B8107">
        <v>68.01762460335965</v>
      </c>
      <c r="C8107" s="83">
        <v>43438.708333333336</v>
      </c>
      <c r="D8107">
        <v>278251.61489999999</v>
      </c>
      <c r="E8107">
        <v>36872.943189999998</v>
      </c>
      <c r="F8107">
        <v>98923.628750000003</v>
      </c>
      <c r="G8107">
        <v>79509.877399999998</v>
      </c>
      <c r="H8107">
        <v>53835.890979999996</v>
      </c>
      <c r="I8107">
        <v>43910.540209999999</v>
      </c>
      <c r="J8107">
        <v>31603.37023</v>
      </c>
      <c r="K8107">
        <v>56188.469660000002</v>
      </c>
      <c r="L8107">
        <v>26835.11694</v>
      </c>
      <c r="M8107">
        <v>346785.56969999999</v>
      </c>
      <c r="N8107">
        <v>89607.450230000002</v>
      </c>
      <c r="O8107">
        <v>27020.988799999999</v>
      </c>
      <c r="P8107">
        <v>33916.907780000001</v>
      </c>
      <c r="Q8107">
        <v>94138.851599999995</v>
      </c>
      <c r="R8107">
        <v>24630.553309999999</v>
      </c>
      <c r="S8107">
        <v>115355.93520000001</v>
      </c>
      <c r="T8107">
        <v>39631.50589</v>
      </c>
      <c r="U8107">
        <v>22658.534800000001</v>
      </c>
      <c r="W8107" s="83">
        <f>Bühler!N8139</f>
        <v>45629.708333313676</v>
      </c>
      <c r="X8107" s="83">
        <v>43438.708333333336</v>
      </c>
      <c r="Y8107">
        <v>278251.61489999999</v>
      </c>
      <c r="Z8107">
        <v>36872.943189999998</v>
      </c>
      <c r="AA8107">
        <v>98923.628750000003</v>
      </c>
      <c r="AB8107">
        <v>79509.877399999998</v>
      </c>
      <c r="AC8107">
        <v>53835.890979999996</v>
      </c>
      <c r="AD8107">
        <v>43910.540209999999</v>
      </c>
      <c r="AE8107">
        <v>31603.37023</v>
      </c>
      <c r="AF8107">
        <v>56188.469660000002</v>
      </c>
      <c r="AG8107">
        <v>26835.11694</v>
      </c>
      <c r="AH8107">
        <v>346785.56969999999</v>
      </c>
      <c r="AI8107">
        <v>89607.450230000002</v>
      </c>
      <c r="AJ8107">
        <v>27020.988799999999</v>
      </c>
      <c r="AK8107">
        <v>33916.907780000001</v>
      </c>
      <c r="AL8107">
        <v>94138.851599999995</v>
      </c>
      <c r="AM8107">
        <v>24630.553309999999</v>
      </c>
      <c r="AN8107">
        <v>115355.93520000001</v>
      </c>
      <c r="AO8107">
        <v>39631.50589</v>
      </c>
      <c r="AP8107">
        <v>22658.534800000001</v>
      </c>
    </row>
    <row r="8108" spans="2:42" x14ac:dyDescent="0.3">
      <c r="B8108">
        <v>66.751359913746398</v>
      </c>
      <c r="C8108" s="83">
        <v>43438.75</v>
      </c>
      <c r="D8108">
        <v>271748.89500000002</v>
      </c>
      <c r="E8108">
        <v>33309.144520000002</v>
      </c>
      <c r="F8108">
        <v>94976.561079999999</v>
      </c>
      <c r="G8108">
        <v>68742.294689999995</v>
      </c>
      <c r="H8108">
        <v>51333.493450000002</v>
      </c>
      <c r="I8108">
        <v>42439.455159999998</v>
      </c>
      <c r="J8108">
        <v>32148.816060000001</v>
      </c>
      <c r="K8108">
        <v>50008.57849</v>
      </c>
      <c r="L8108">
        <v>28395.468560000001</v>
      </c>
      <c r="M8108">
        <v>340329.56180000002</v>
      </c>
      <c r="N8108">
        <v>88253.584080000001</v>
      </c>
      <c r="O8108">
        <v>25438.497469999998</v>
      </c>
      <c r="P8108">
        <v>37177.28847</v>
      </c>
      <c r="Q8108">
        <v>92373.338650000005</v>
      </c>
      <c r="R8108">
        <v>24036.109209999999</v>
      </c>
      <c r="S8108">
        <v>108641.4939</v>
      </c>
      <c r="T8108">
        <v>39927.738149999997</v>
      </c>
      <c r="U8108">
        <v>20127.88738</v>
      </c>
      <c r="W8108" s="83">
        <f>Bühler!N8140</f>
        <v>45629.74999998034</v>
      </c>
      <c r="X8108" s="83">
        <v>43438.75</v>
      </c>
      <c r="Y8108">
        <v>271748.89500000002</v>
      </c>
      <c r="Z8108">
        <v>33309.144520000002</v>
      </c>
      <c r="AA8108">
        <v>94976.561079999999</v>
      </c>
      <c r="AB8108">
        <v>68742.294689999995</v>
      </c>
      <c r="AC8108">
        <v>51333.493450000002</v>
      </c>
      <c r="AD8108">
        <v>42439.455159999998</v>
      </c>
      <c r="AE8108">
        <v>32148.816060000001</v>
      </c>
      <c r="AF8108">
        <v>50008.57849</v>
      </c>
      <c r="AG8108">
        <v>28395.468560000001</v>
      </c>
      <c r="AH8108">
        <v>340329.56180000002</v>
      </c>
      <c r="AI8108">
        <v>88253.584080000001</v>
      </c>
      <c r="AJ8108">
        <v>25438.497469999998</v>
      </c>
      <c r="AK8108">
        <v>37177.28847</v>
      </c>
      <c r="AL8108">
        <v>92373.338650000005</v>
      </c>
      <c r="AM8108">
        <v>24036.109209999999</v>
      </c>
      <c r="AN8108">
        <v>108641.4939</v>
      </c>
      <c r="AO8108">
        <v>39927.738149999997</v>
      </c>
      <c r="AP8108">
        <v>20127.88738</v>
      </c>
    </row>
    <row r="8109" spans="2:42" x14ac:dyDescent="0.3">
      <c r="B8109">
        <v>65.586778978664157</v>
      </c>
      <c r="C8109" s="83">
        <v>43438.791666666664</v>
      </c>
      <c r="D8109">
        <v>265585.40700000001</v>
      </c>
      <c r="E8109">
        <v>26961.022290000001</v>
      </c>
      <c r="F8109">
        <v>81434.580409999995</v>
      </c>
      <c r="G8109">
        <v>60591.645530000002</v>
      </c>
      <c r="H8109">
        <v>47689.67121</v>
      </c>
      <c r="I8109">
        <v>39236.068829999997</v>
      </c>
      <c r="J8109">
        <v>31140.55431</v>
      </c>
      <c r="K8109">
        <v>49766.741099999999</v>
      </c>
      <c r="L8109">
        <v>28944.17959</v>
      </c>
      <c r="M8109">
        <v>334391.98509999999</v>
      </c>
      <c r="N8109">
        <v>86137.149430000005</v>
      </c>
      <c r="O8109">
        <v>24220.40567</v>
      </c>
      <c r="P8109">
        <v>38874.847549999999</v>
      </c>
      <c r="Q8109">
        <v>89988.519920000006</v>
      </c>
      <c r="R8109">
        <v>23744.313579999998</v>
      </c>
      <c r="S8109">
        <v>102287.9538</v>
      </c>
      <c r="T8109">
        <v>40080.972719999998</v>
      </c>
      <c r="U8109">
        <v>18608.231889999999</v>
      </c>
      <c r="W8109" s="83">
        <f>Bühler!N8141</f>
        <v>45629.791666647005</v>
      </c>
      <c r="X8109" s="83">
        <v>43438.791666666664</v>
      </c>
      <c r="Y8109">
        <v>265585.40700000001</v>
      </c>
      <c r="Z8109">
        <v>26961.022290000001</v>
      </c>
      <c r="AA8109">
        <v>81434.580409999995</v>
      </c>
      <c r="AB8109">
        <v>60591.645530000002</v>
      </c>
      <c r="AC8109">
        <v>47689.67121</v>
      </c>
      <c r="AD8109">
        <v>39236.068829999997</v>
      </c>
      <c r="AE8109">
        <v>31140.55431</v>
      </c>
      <c r="AF8109">
        <v>49766.741099999999</v>
      </c>
      <c r="AG8109">
        <v>28944.17959</v>
      </c>
      <c r="AH8109">
        <v>334391.98509999999</v>
      </c>
      <c r="AI8109">
        <v>86137.149430000005</v>
      </c>
      <c r="AJ8109">
        <v>24220.40567</v>
      </c>
      <c r="AK8109">
        <v>38874.847549999999</v>
      </c>
      <c r="AL8109">
        <v>89988.519920000006</v>
      </c>
      <c r="AM8109">
        <v>23744.313579999998</v>
      </c>
      <c r="AN8109">
        <v>102287.9538</v>
      </c>
      <c r="AO8109">
        <v>40080.972719999998</v>
      </c>
      <c r="AP8109">
        <v>18608.231889999999</v>
      </c>
    </row>
    <row r="8110" spans="2:42" x14ac:dyDescent="0.3">
      <c r="B8110">
        <v>64.132308221649083</v>
      </c>
      <c r="C8110" s="83">
        <v>43438.833333333336</v>
      </c>
      <c r="D8110">
        <v>254711.7133</v>
      </c>
      <c r="E8110">
        <v>21303.08813</v>
      </c>
      <c r="F8110">
        <v>63711.746200000001</v>
      </c>
      <c r="G8110">
        <v>52966.089690000001</v>
      </c>
      <c r="H8110">
        <v>44933.927009999999</v>
      </c>
      <c r="I8110">
        <v>35045.285100000001</v>
      </c>
      <c r="J8110">
        <v>30161.636849999999</v>
      </c>
      <c r="K8110">
        <v>54900.147579999997</v>
      </c>
      <c r="L8110">
        <v>28196.207330000001</v>
      </c>
      <c r="M8110">
        <v>326976.41489999997</v>
      </c>
      <c r="N8110">
        <v>83854.662049999999</v>
      </c>
      <c r="O8110">
        <v>23499.77116</v>
      </c>
      <c r="P8110">
        <v>38424.475189999997</v>
      </c>
      <c r="Q8110">
        <v>87321.919779999997</v>
      </c>
      <c r="R8110">
        <v>21127.015670000001</v>
      </c>
      <c r="S8110">
        <v>92742.573099999994</v>
      </c>
      <c r="T8110">
        <v>37729.863720000001</v>
      </c>
      <c r="U8110">
        <v>17431.55112</v>
      </c>
      <c r="W8110" s="83">
        <f>Bühler!N8142</f>
        <v>45629.833333313669</v>
      </c>
      <c r="X8110" s="83">
        <v>43438.833333333336</v>
      </c>
      <c r="Y8110">
        <v>254711.7133</v>
      </c>
      <c r="Z8110">
        <v>21303.08813</v>
      </c>
      <c r="AA8110">
        <v>63711.746200000001</v>
      </c>
      <c r="AB8110">
        <v>52966.089690000001</v>
      </c>
      <c r="AC8110">
        <v>44933.927009999999</v>
      </c>
      <c r="AD8110">
        <v>35045.285100000001</v>
      </c>
      <c r="AE8110">
        <v>30161.636849999999</v>
      </c>
      <c r="AF8110">
        <v>54900.147579999997</v>
      </c>
      <c r="AG8110">
        <v>28196.207330000001</v>
      </c>
      <c r="AH8110">
        <v>326976.41489999997</v>
      </c>
      <c r="AI8110">
        <v>83854.662049999999</v>
      </c>
      <c r="AJ8110">
        <v>23499.77116</v>
      </c>
      <c r="AK8110">
        <v>38424.475189999997</v>
      </c>
      <c r="AL8110">
        <v>87321.919779999997</v>
      </c>
      <c r="AM8110">
        <v>21127.015670000001</v>
      </c>
      <c r="AN8110">
        <v>92742.573099999994</v>
      </c>
      <c r="AO8110">
        <v>37729.863720000001</v>
      </c>
      <c r="AP8110">
        <v>17431.55112</v>
      </c>
    </row>
    <row r="8111" spans="2:42" x14ac:dyDescent="0.3">
      <c r="B8111">
        <v>61.906569531051517</v>
      </c>
      <c r="C8111" s="83">
        <v>43438.875</v>
      </c>
      <c r="D8111">
        <v>245688.61240000001</v>
      </c>
      <c r="E8111">
        <v>18365.89083</v>
      </c>
      <c r="F8111">
        <v>56113.371279999999</v>
      </c>
      <c r="G8111">
        <v>48280.70104</v>
      </c>
      <c r="H8111">
        <v>42170.260119999999</v>
      </c>
      <c r="I8111">
        <v>30069.47899</v>
      </c>
      <c r="J8111">
        <v>28778.248169999999</v>
      </c>
      <c r="K8111">
        <v>53826.732900000003</v>
      </c>
      <c r="L8111">
        <v>26128.423429999999</v>
      </c>
      <c r="M8111">
        <v>315628.56109999999</v>
      </c>
      <c r="N8111">
        <v>80874.243740000005</v>
      </c>
      <c r="O8111">
        <v>21888.65381</v>
      </c>
      <c r="P8111">
        <v>37435.730839999997</v>
      </c>
      <c r="Q8111">
        <v>86183.211739999999</v>
      </c>
      <c r="R8111">
        <v>20169.934369999999</v>
      </c>
      <c r="S8111">
        <v>86530.954599999997</v>
      </c>
      <c r="T8111">
        <v>33725.979650000001</v>
      </c>
      <c r="U8111">
        <v>16570.87631</v>
      </c>
      <c r="W8111" s="83">
        <f>Bühler!N8143</f>
        <v>45629.874999980333</v>
      </c>
      <c r="X8111" s="83">
        <v>43438.875</v>
      </c>
      <c r="Y8111">
        <v>245688.61240000001</v>
      </c>
      <c r="Z8111">
        <v>18365.89083</v>
      </c>
      <c r="AA8111">
        <v>56113.371279999999</v>
      </c>
      <c r="AB8111">
        <v>48280.70104</v>
      </c>
      <c r="AC8111">
        <v>42170.260119999999</v>
      </c>
      <c r="AD8111">
        <v>30069.47899</v>
      </c>
      <c r="AE8111">
        <v>28778.248169999999</v>
      </c>
      <c r="AF8111">
        <v>53826.732900000003</v>
      </c>
      <c r="AG8111">
        <v>26128.423429999999</v>
      </c>
      <c r="AH8111">
        <v>315628.56109999999</v>
      </c>
      <c r="AI8111">
        <v>80874.243740000005</v>
      </c>
      <c r="AJ8111">
        <v>21888.65381</v>
      </c>
      <c r="AK8111">
        <v>37435.730839999997</v>
      </c>
      <c r="AL8111">
        <v>86183.211739999999</v>
      </c>
      <c r="AM8111">
        <v>20169.934369999999</v>
      </c>
      <c r="AN8111">
        <v>86530.954599999997</v>
      </c>
      <c r="AO8111">
        <v>33725.979650000001</v>
      </c>
      <c r="AP8111">
        <v>16570.87631</v>
      </c>
    </row>
    <row r="8112" spans="2:42" x14ac:dyDescent="0.3">
      <c r="B8112">
        <v>61.306950430922804</v>
      </c>
      <c r="C8112" s="83">
        <v>43438.916666666664</v>
      </c>
      <c r="D8112">
        <v>244515.35219999999</v>
      </c>
      <c r="E8112">
        <v>17580.417689999998</v>
      </c>
      <c r="F8112">
        <v>53897.836669999997</v>
      </c>
      <c r="G8112">
        <v>45504.404889999998</v>
      </c>
      <c r="H8112">
        <v>40981.050949999997</v>
      </c>
      <c r="I8112">
        <v>28105.632890000001</v>
      </c>
      <c r="J8112">
        <v>27788.08985</v>
      </c>
      <c r="K8112">
        <v>56748.042730000001</v>
      </c>
      <c r="L8112">
        <v>23334.593570000001</v>
      </c>
      <c r="M8112">
        <v>312571.42330000002</v>
      </c>
      <c r="N8112">
        <v>79403.383430000002</v>
      </c>
      <c r="O8112">
        <v>22866.934140000001</v>
      </c>
      <c r="P8112">
        <v>39435.251900000003</v>
      </c>
      <c r="Q8112">
        <v>85318.163549999997</v>
      </c>
      <c r="R8112">
        <v>25621.39025</v>
      </c>
      <c r="S8112">
        <v>84575.258910000004</v>
      </c>
      <c r="T8112">
        <v>30109.207350000001</v>
      </c>
      <c r="U8112">
        <v>16793.504830000002</v>
      </c>
      <c r="W8112" s="83">
        <f>Bühler!N8144</f>
        <v>45629.916666646997</v>
      </c>
      <c r="X8112" s="83">
        <v>43438.916666666664</v>
      </c>
      <c r="Y8112">
        <v>244515.35219999999</v>
      </c>
      <c r="Z8112">
        <v>17580.417689999998</v>
      </c>
      <c r="AA8112">
        <v>53897.836669999997</v>
      </c>
      <c r="AB8112">
        <v>45504.404889999998</v>
      </c>
      <c r="AC8112">
        <v>40981.050949999997</v>
      </c>
      <c r="AD8112">
        <v>28105.632890000001</v>
      </c>
      <c r="AE8112">
        <v>27788.08985</v>
      </c>
      <c r="AF8112">
        <v>56748.042730000001</v>
      </c>
      <c r="AG8112">
        <v>23334.593570000001</v>
      </c>
      <c r="AH8112">
        <v>312571.42330000002</v>
      </c>
      <c r="AI8112">
        <v>79403.383430000002</v>
      </c>
      <c r="AJ8112">
        <v>22866.934140000001</v>
      </c>
      <c r="AK8112">
        <v>39435.251900000003</v>
      </c>
      <c r="AL8112">
        <v>85318.163549999997</v>
      </c>
      <c r="AM8112">
        <v>25621.39025</v>
      </c>
      <c r="AN8112">
        <v>84575.258910000004</v>
      </c>
      <c r="AO8112">
        <v>30109.207350000001</v>
      </c>
      <c r="AP8112">
        <v>16793.504830000002</v>
      </c>
    </row>
    <row r="8113" spans="2:42" x14ac:dyDescent="0.3">
      <c r="B8113">
        <v>59.933020031038438</v>
      </c>
      <c r="C8113" s="83">
        <v>43438.958333333336</v>
      </c>
      <c r="D8113">
        <v>244550.92439999999</v>
      </c>
      <c r="E8113">
        <v>17289.676820000001</v>
      </c>
      <c r="F8113">
        <v>52285.707419999999</v>
      </c>
      <c r="G8113">
        <v>44205.391909999998</v>
      </c>
      <c r="H8113">
        <v>39945.217149999997</v>
      </c>
      <c r="I8113">
        <v>26587.983120000001</v>
      </c>
      <c r="J8113">
        <v>26156.62254</v>
      </c>
      <c r="K8113">
        <v>56479.746030000002</v>
      </c>
      <c r="L8113">
        <v>19792.38767</v>
      </c>
      <c r="M8113">
        <v>305566.48540000001</v>
      </c>
      <c r="N8113">
        <v>78768.071720000007</v>
      </c>
      <c r="O8113">
        <v>22748.632580000001</v>
      </c>
      <c r="P8113">
        <v>34162.061999999998</v>
      </c>
      <c r="Q8113">
        <v>84781.385909999997</v>
      </c>
      <c r="R8113">
        <v>25702.93044</v>
      </c>
      <c r="S8113">
        <v>83282.966450000007</v>
      </c>
      <c r="T8113">
        <v>30898.593059999999</v>
      </c>
      <c r="U8113">
        <v>16336.73926</v>
      </c>
      <c r="W8113" s="83">
        <f>Bühler!N8145</f>
        <v>45629.958333313662</v>
      </c>
      <c r="X8113" s="83">
        <v>43438.958333333336</v>
      </c>
      <c r="Y8113">
        <v>244550.92439999999</v>
      </c>
      <c r="Z8113">
        <v>17289.676820000001</v>
      </c>
      <c r="AA8113">
        <v>52285.707419999999</v>
      </c>
      <c r="AB8113">
        <v>44205.391909999998</v>
      </c>
      <c r="AC8113">
        <v>39945.217149999997</v>
      </c>
      <c r="AD8113">
        <v>26587.983120000001</v>
      </c>
      <c r="AE8113">
        <v>26156.62254</v>
      </c>
      <c r="AF8113">
        <v>56479.746030000002</v>
      </c>
      <c r="AG8113">
        <v>19792.38767</v>
      </c>
      <c r="AH8113">
        <v>305566.48540000001</v>
      </c>
      <c r="AI8113">
        <v>78768.071720000007</v>
      </c>
      <c r="AJ8113">
        <v>22748.632580000001</v>
      </c>
      <c r="AK8113">
        <v>34162.061999999998</v>
      </c>
      <c r="AL8113">
        <v>84781.385909999997</v>
      </c>
      <c r="AM8113">
        <v>25702.93044</v>
      </c>
      <c r="AN8113">
        <v>83282.966450000007</v>
      </c>
      <c r="AO8113">
        <v>30898.593059999999</v>
      </c>
      <c r="AP8113">
        <v>16336.73926</v>
      </c>
    </row>
    <row r="8114" spans="2:42" x14ac:dyDescent="0.3">
      <c r="B8114">
        <v>59.245237300937099</v>
      </c>
      <c r="C8114" s="83">
        <v>43439</v>
      </c>
      <c r="D8114">
        <v>242631.0037</v>
      </c>
      <c r="E8114">
        <v>16611.668280000002</v>
      </c>
      <c r="F8114">
        <v>51408.59592</v>
      </c>
      <c r="G8114">
        <v>43755.745790000001</v>
      </c>
      <c r="H8114">
        <v>39321.977290000003</v>
      </c>
      <c r="I8114">
        <v>24657.606879999999</v>
      </c>
      <c r="J8114">
        <v>25004.8076</v>
      </c>
      <c r="K8114">
        <v>53279.390950000001</v>
      </c>
      <c r="L8114">
        <v>18170.00273</v>
      </c>
      <c r="M8114">
        <v>302059.84830000001</v>
      </c>
      <c r="N8114">
        <v>78356.682539999994</v>
      </c>
      <c r="O8114">
        <v>22145.078649999999</v>
      </c>
      <c r="P8114">
        <v>31790.502789999999</v>
      </c>
      <c r="Q8114">
        <v>84459.52291</v>
      </c>
      <c r="R8114">
        <v>24068.109250000001</v>
      </c>
      <c r="S8114">
        <v>82553.097339999993</v>
      </c>
      <c r="T8114">
        <v>29384.863430000001</v>
      </c>
      <c r="U8114">
        <v>16852.597040000001</v>
      </c>
      <c r="W8114" s="83">
        <f>Bühler!N8146</f>
        <v>45629.999999980326</v>
      </c>
      <c r="X8114" s="83">
        <v>43439</v>
      </c>
      <c r="Y8114">
        <v>242631.0037</v>
      </c>
      <c r="Z8114">
        <v>16611.668280000002</v>
      </c>
      <c r="AA8114">
        <v>51408.59592</v>
      </c>
      <c r="AB8114">
        <v>43755.745790000001</v>
      </c>
      <c r="AC8114">
        <v>39321.977290000003</v>
      </c>
      <c r="AD8114">
        <v>24657.606879999999</v>
      </c>
      <c r="AE8114">
        <v>25004.8076</v>
      </c>
      <c r="AF8114">
        <v>53279.390950000001</v>
      </c>
      <c r="AG8114">
        <v>18170.00273</v>
      </c>
      <c r="AH8114">
        <v>302059.84830000001</v>
      </c>
      <c r="AI8114">
        <v>78356.682539999994</v>
      </c>
      <c r="AJ8114">
        <v>22145.078649999999</v>
      </c>
      <c r="AK8114">
        <v>31790.502789999999</v>
      </c>
      <c r="AL8114">
        <v>84459.52291</v>
      </c>
      <c r="AM8114">
        <v>24068.109250000001</v>
      </c>
      <c r="AN8114">
        <v>82553.097339999993</v>
      </c>
      <c r="AO8114">
        <v>29384.863430000001</v>
      </c>
      <c r="AP8114">
        <v>16852.597040000001</v>
      </c>
    </row>
    <row r="8115" spans="2:42" x14ac:dyDescent="0.3">
      <c r="B8115">
        <v>59.285949308446483</v>
      </c>
      <c r="C8115" s="83">
        <v>43439.041666666664</v>
      </c>
      <c r="D8115">
        <v>242799.32569999999</v>
      </c>
      <c r="E8115">
        <v>16610.616440000002</v>
      </c>
      <c r="F8115">
        <v>52236.471720000001</v>
      </c>
      <c r="G8115">
        <v>43581.323089999998</v>
      </c>
      <c r="H8115">
        <v>38810.493520000004</v>
      </c>
      <c r="I8115">
        <v>20450.019230000002</v>
      </c>
      <c r="J8115">
        <v>24978.836159999999</v>
      </c>
      <c r="K8115">
        <v>50699.765630000002</v>
      </c>
      <c r="L8115">
        <v>17710.556359999999</v>
      </c>
      <c r="M8115">
        <v>302267.41710000002</v>
      </c>
      <c r="N8115">
        <v>76905.887820000004</v>
      </c>
      <c r="O8115">
        <v>22275.686679999999</v>
      </c>
      <c r="P8115">
        <v>31260.977999999999</v>
      </c>
      <c r="Q8115">
        <v>84698.426430000007</v>
      </c>
      <c r="R8115">
        <v>23481.013319999998</v>
      </c>
      <c r="S8115">
        <v>82248.257129999998</v>
      </c>
      <c r="T8115">
        <v>28460.5926</v>
      </c>
      <c r="U8115">
        <v>16974.208050000001</v>
      </c>
      <c r="W8115" s="83">
        <f>Bühler!N8147</f>
        <v>45630.04166664699</v>
      </c>
      <c r="X8115" s="83">
        <v>43439.041666666664</v>
      </c>
      <c r="Y8115">
        <v>242799.32569999999</v>
      </c>
      <c r="Z8115">
        <v>16610.616440000002</v>
      </c>
      <c r="AA8115">
        <v>52236.471720000001</v>
      </c>
      <c r="AB8115">
        <v>43581.323089999998</v>
      </c>
      <c r="AC8115">
        <v>38810.493520000004</v>
      </c>
      <c r="AD8115">
        <v>20450.019230000002</v>
      </c>
      <c r="AE8115">
        <v>24978.836159999999</v>
      </c>
      <c r="AF8115">
        <v>50699.765630000002</v>
      </c>
      <c r="AG8115">
        <v>17710.556359999999</v>
      </c>
      <c r="AH8115">
        <v>302267.41710000002</v>
      </c>
      <c r="AI8115">
        <v>76905.887820000004</v>
      </c>
      <c r="AJ8115">
        <v>22275.686679999999</v>
      </c>
      <c r="AK8115">
        <v>31260.977999999999</v>
      </c>
      <c r="AL8115">
        <v>84698.426430000007</v>
      </c>
      <c r="AM8115">
        <v>23481.013319999998</v>
      </c>
      <c r="AN8115">
        <v>82248.257129999998</v>
      </c>
      <c r="AO8115">
        <v>28460.5926</v>
      </c>
      <c r="AP8115">
        <v>16974.208050000001</v>
      </c>
    </row>
    <row r="8116" spans="2:42" x14ac:dyDescent="0.3">
      <c r="B8116">
        <v>59.524468976604872</v>
      </c>
      <c r="C8116" s="83">
        <v>43439.083333333336</v>
      </c>
      <c r="D8116">
        <v>243847.92230000001</v>
      </c>
      <c r="E8116">
        <v>16694.677459999999</v>
      </c>
      <c r="F8116">
        <v>52792.184979999998</v>
      </c>
      <c r="G8116">
        <v>43167.346339999996</v>
      </c>
      <c r="H8116">
        <v>38483.388830000004</v>
      </c>
      <c r="I8116">
        <v>19138.959470000002</v>
      </c>
      <c r="J8116">
        <v>24948.927650000001</v>
      </c>
      <c r="K8116">
        <v>50394.67787</v>
      </c>
      <c r="L8116">
        <v>17471.05661</v>
      </c>
      <c r="M8116">
        <v>303483.50160000002</v>
      </c>
      <c r="N8116">
        <v>77239.673479999998</v>
      </c>
      <c r="O8116">
        <v>22151.311369999999</v>
      </c>
      <c r="P8116">
        <v>30245.028119999999</v>
      </c>
      <c r="Q8116">
        <v>86280.406340000001</v>
      </c>
      <c r="R8116">
        <v>23159.569520000001</v>
      </c>
      <c r="S8116">
        <v>81372.132089999999</v>
      </c>
      <c r="T8116">
        <v>28012.017070000002</v>
      </c>
      <c r="U8116">
        <v>17356.43087</v>
      </c>
      <c r="W8116" s="83">
        <f>Bühler!N8148</f>
        <v>45630.083333313654</v>
      </c>
      <c r="X8116" s="83">
        <v>43439.083333333336</v>
      </c>
      <c r="Y8116">
        <v>243847.92230000001</v>
      </c>
      <c r="Z8116">
        <v>16694.677459999999</v>
      </c>
      <c r="AA8116">
        <v>52792.184979999998</v>
      </c>
      <c r="AB8116">
        <v>43167.346339999996</v>
      </c>
      <c r="AC8116">
        <v>38483.388830000004</v>
      </c>
      <c r="AD8116">
        <v>19138.959470000002</v>
      </c>
      <c r="AE8116">
        <v>24948.927650000001</v>
      </c>
      <c r="AF8116">
        <v>50394.67787</v>
      </c>
      <c r="AG8116">
        <v>17471.05661</v>
      </c>
      <c r="AH8116">
        <v>303483.50160000002</v>
      </c>
      <c r="AI8116">
        <v>77239.673479999998</v>
      </c>
      <c r="AJ8116">
        <v>22151.311369999999</v>
      </c>
      <c r="AK8116">
        <v>30245.028119999999</v>
      </c>
      <c r="AL8116">
        <v>86280.406340000001</v>
      </c>
      <c r="AM8116">
        <v>23159.569520000001</v>
      </c>
      <c r="AN8116">
        <v>81372.132089999999</v>
      </c>
      <c r="AO8116">
        <v>28012.017070000002</v>
      </c>
      <c r="AP8116">
        <v>17356.43087</v>
      </c>
    </row>
    <row r="8117" spans="2:42" x14ac:dyDescent="0.3">
      <c r="B8117">
        <v>59.606248706436354</v>
      </c>
      <c r="C8117" s="83">
        <v>43439.125</v>
      </c>
      <c r="D8117">
        <v>243829.3524</v>
      </c>
      <c r="E8117">
        <v>16808.593529999998</v>
      </c>
      <c r="F8117">
        <v>53167.12</v>
      </c>
      <c r="G8117">
        <v>43016.358110000001</v>
      </c>
      <c r="H8117">
        <v>38948.749559999997</v>
      </c>
      <c r="I8117">
        <v>19050.346839999998</v>
      </c>
      <c r="J8117">
        <v>24889.995889999998</v>
      </c>
      <c r="K8117">
        <v>49210.534950000001</v>
      </c>
      <c r="L8117">
        <v>17168.36248</v>
      </c>
      <c r="M8117">
        <v>303900.45280000003</v>
      </c>
      <c r="N8117">
        <v>77030.17959</v>
      </c>
      <c r="O8117">
        <v>22711.245650000001</v>
      </c>
      <c r="P8117">
        <v>28767.915509999999</v>
      </c>
      <c r="Q8117">
        <v>88916.48848</v>
      </c>
      <c r="R8117">
        <v>23692.092089999998</v>
      </c>
      <c r="S8117">
        <v>81432.546799999996</v>
      </c>
      <c r="T8117">
        <v>27979.871210000001</v>
      </c>
      <c r="U8117">
        <v>17525.47738</v>
      </c>
      <c r="W8117" s="83">
        <f>Bühler!N8149</f>
        <v>45630.124999980319</v>
      </c>
      <c r="X8117" s="83">
        <v>43439.125</v>
      </c>
      <c r="Y8117">
        <v>243829.3524</v>
      </c>
      <c r="Z8117">
        <v>16808.593529999998</v>
      </c>
      <c r="AA8117">
        <v>53167.12</v>
      </c>
      <c r="AB8117">
        <v>43016.358110000001</v>
      </c>
      <c r="AC8117">
        <v>38948.749559999997</v>
      </c>
      <c r="AD8117">
        <v>19050.346839999998</v>
      </c>
      <c r="AE8117">
        <v>24889.995889999998</v>
      </c>
      <c r="AF8117">
        <v>49210.534950000001</v>
      </c>
      <c r="AG8117">
        <v>17168.36248</v>
      </c>
      <c r="AH8117">
        <v>303900.45280000003</v>
      </c>
      <c r="AI8117">
        <v>77030.17959</v>
      </c>
      <c r="AJ8117">
        <v>22711.245650000001</v>
      </c>
      <c r="AK8117">
        <v>28767.915509999999</v>
      </c>
      <c r="AL8117">
        <v>88916.48848</v>
      </c>
      <c r="AM8117">
        <v>23692.092089999998</v>
      </c>
      <c r="AN8117">
        <v>81432.546799999996</v>
      </c>
      <c r="AO8117">
        <v>27979.871210000001</v>
      </c>
      <c r="AP8117">
        <v>17525.47738</v>
      </c>
    </row>
    <row r="8118" spans="2:42" x14ac:dyDescent="0.3">
      <c r="B8118">
        <v>60.673766766761986</v>
      </c>
      <c r="C8118" s="83">
        <v>43439.166666666664</v>
      </c>
      <c r="D8118">
        <v>247670.85500000001</v>
      </c>
      <c r="E8118">
        <v>17505.457989999999</v>
      </c>
      <c r="F8118">
        <v>56772.813260000003</v>
      </c>
      <c r="G8118">
        <v>42357.481220000001</v>
      </c>
      <c r="H8118">
        <v>39560.201889999997</v>
      </c>
      <c r="I8118">
        <v>21794.596610000001</v>
      </c>
      <c r="J8118">
        <v>26145.16575</v>
      </c>
      <c r="K8118">
        <v>46352.593800000002</v>
      </c>
      <c r="L8118">
        <v>17045.745650000001</v>
      </c>
      <c r="M8118">
        <v>309343.15769999998</v>
      </c>
      <c r="N8118">
        <v>76766.025450000001</v>
      </c>
      <c r="O8118">
        <v>23103.04521</v>
      </c>
      <c r="P8118">
        <v>28120.168160000001</v>
      </c>
      <c r="Q8118">
        <v>92823.023419999998</v>
      </c>
      <c r="R8118">
        <v>23528.2255</v>
      </c>
      <c r="S8118">
        <v>81908.413459999996</v>
      </c>
      <c r="T8118">
        <v>28005.48949</v>
      </c>
      <c r="U8118">
        <v>18389.596409999998</v>
      </c>
      <c r="W8118" s="83">
        <f>Bühler!N8150</f>
        <v>45630.166666646983</v>
      </c>
      <c r="X8118" s="83">
        <v>43439.166666666664</v>
      </c>
      <c r="Y8118">
        <v>247670.85500000001</v>
      </c>
      <c r="Z8118">
        <v>17505.457989999999</v>
      </c>
      <c r="AA8118">
        <v>56772.813260000003</v>
      </c>
      <c r="AB8118">
        <v>42357.481220000001</v>
      </c>
      <c r="AC8118">
        <v>39560.201889999997</v>
      </c>
      <c r="AD8118">
        <v>21794.596610000001</v>
      </c>
      <c r="AE8118">
        <v>26145.16575</v>
      </c>
      <c r="AF8118">
        <v>46352.593800000002</v>
      </c>
      <c r="AG8118">
        <v>17045.745650000001</v>
      </c>
      <c r="AH8118">
        <v>309343.15769999998</v>
      </c>
      <c r="AI8118">
        <v>76766.025450000001</v>
      </c>
      <c r="AJ8118">
        <v>23103.04521</v>
      </c>
      <c r="AK8118">
        <v>28120.168160000001</v>
      </c>
      <c r="AL8118">
        <v>92823.023419999998</v>
      </c>
      <c r="AM8118">
        <v>23528.2255</v>
      </c>
      <c r="AN8118">
        <v>81908.413459999996</v>
      </c>
      <c r="AO8118">
        <v>28005.48949</v>
      </c>
      <c r="AP8118">
        <v>18389.596409999998</v>
      </c>
    </row>
    <row r="8119" spans="2:42" x14ac:dyDescent="0.3">
      <c r="B8119">
        <v>63.432297520268037</v>
      </c>
      <c r="C8119" s="83">
        <v>43439.208333333336</v>
      </c>
      <c r="D8119">
        <v>263923.72940000001</v>
      </c>
      <c r="E8119">
        <v>19815.451130000001</v>
      </c>
      <c r="F8119">
        <v>67875.421669999996</v>
      </c>
      <c r="G8119">
        <v>44778.167840000002</v>
      </c>
      <c r="H8119">
        <v>41762.177730000003</v>
      </c>
      <c r="I8119">
        <v>30400.007440000001</v>
      </c>
      <c r="J8119">
        <v>28350.93636</v>
      </c>
      <c r="K8119">
        <v>47284.776639999996</v>
      </c>
      <c r="L8119">
        <v>18622.413799999998</v>
      </c>
      <c r="M8119">
        <v>323407.4339</v>
      </c>
      <c r="N8119">
        <v>76706.358179999996</v>
      </c>
      <c r="O8119">
        <v>24164.483919999999</v>
      </c>
      <c r="P8119">
        <v>29587.27793</v>
      </c>
      <c r="Q8119">
        <v>94968.741670000003</v>
      </c>
      <c r="R8119">
        <v>24360.904900000001</v>
      </c>
      <c r="S8119">
        <v>84470.963759999999</v>
      </c>
      <c r="T8119">
        <v>29373.728009999999</v>
      </c>
      <c r="U8119">
        <v>20126.895090000002</v>
      </c>
      <c r="W8119" s="83">
        <f>Bühler!N8151</f>
        <v>45630.208333313647</v>
      </c>
      <c r="X8119" s="83">
        <v>43439.208333333336</v>
      </c>
      <c r="Y8119">
        <v>263923.72940000001</v>
      </c>
      <c r="Z8119">
        <v>19815.451130000001</v>
      </c>
      <c r="AA8119">
        <v>67875.421669999996</v>
      </c>
      <c r="AB8119">
        <v>44778.167840000002</v>
      </c>
      <c r="AC8119">
        <v>41762.177730000003</v>
      </c>
      <c r="AD8119">
        <v>30400.007440000001</v>
      </c>
      <c r="AE8119">
        <v>28350.93636</v>
      </c>
      <c r="AF8119">
        <v>47284.776639999996</v>
      </c>
      <c r="AG8119">
        <v>18622.413799999998</v>
      </c>
      <c r="AH8119">
        <v>323407.4339</v>
      </c>
      <c r="AI8119">
        <v>76706.358179999996</v>
      </c>
      <c r="AJ8119">
        <v>24164.483919999999</v>
      </c>
      <c r="AK8119">
        <v>29587.27793</v>
      </c>
      <c r="AL8119">
        <v>94968.741670000003</v>
      </c>
      <c r="AM8119">
        <v>24360.904900000001</v>
      </c>
      <c r="AN8119">
        <v>84470.963759999999</v>
      </c>
      <c r="AO8119">
        <v>29373.728009999999</v>
      </c>
      <c r="AP8119">
        <v>20126.895090000002</v>
      </c>
    </row>
    <row r="8120" spans="2:42" x14ac:dyDescent="0.3">
      <c r="B8120">
        <v>67.075647707194065</v>
      </c>
      <c r="C8120" s="83">
        <v>43439.25</v>
      </c>
      <c r="D8120">
        <v>279828.5759</v>
      </c>
      <c r="E8120">
        <v>24040.600600000002</v>
      </c>
      <c r="F8120">
        <v>80194.466469999999</v>
      </c>
      <c r="G8120">
        <v>57874.479509999997</v>
      </c>
      <c r="H8120">
        <v>45649.481350000002</v>
      </c>
      <c r="I8120">
        <v>38669.87513</v>
      </c>
      <c r="J8120">
        <v>31669.28816</v>
      </c>
      <c r="K8120">
        <v>51043.250059999998</v>
      </c>
      <c r="L8120">
        <v>19637.778750000001</v>
      </c>
      <c r="M8120">
        <v>341982.93219999998</v>
      </c>
      <c r="N8120">
        <v>80114.236069999999</v>
      </c>
      <c r="O8120">
        <v>25334.008460000001</v>
      </c>
      <c r="P8120">
        <v>30264.47208</v>
      </c>
      <c r="Q8120">
        <v>97454.61404</v>
      </c>
      <c r="R8120">
        <v>21622.026999999998</v>
      </c>
      <c r="S8120">
        <v>92338.219989999998</v>
      </c>
      <c r="T8120">
        <v>32616.946220000002</v>
      </c>
      <c r="U8120">
        <v>22825.51035</v>
      </c>
      <c r="W8120" s="83">
        <f>Bühler!N8152</f>
        <v>45630.249999980311</v>
      </c>
      <c r="X8120" s="83">
        <v>43439.25</v>
      </c>
      <c r="Y8120">
        <v>279828.5759</v>
      </c>
      <c r="Z8120">
        <v>24040.600600000002</v>
      </c>
      <c r="AA8120">
        <v>80194.466469999999</v>
      </c>
      <c r="AB8120">
        <v>57874.479509999997</v>
      </c>
      <c r="AC8120">
        <v>45649.481350000002</v>
      </c>
      <c r="AD8120">
        <v>38669.87513</v>
      </c>
      <c r="AE8120">
        <v>31669.28816</v>
      </c>
      <c r="AF8120">
        <v>51043.250059999998</v>
      </c>
      <c r="AG8120">
        <v>19637.778750000001</v>
      </c>
      <c r="AH8120">
        <v>341982.93219999998</v>
      </c>
      <c r="AI8120">
        <v>80114.236069999999</v>
      </c>
      <c r="AJ8120">
        <v>25334.008460000001</v>
      </c>
      <c r="AK8120">
        <v>30264.47208</v>
      </c>
      <c r="AL8120">
        <v>97454.61404</v>
      </c>
      <c r="AM8120">
        <v>21622.026999999998</v>
      </c>
      <c r="AN8120">
        <v>92338.219989999998</v>
      </c>
      <c r="AO8120">
        <v>32616.946220000002</v>
      </c>
      <c r="AP8120">
        <v>22825.51035</v>
      </c>
    </row>
    <row r="8121" spans="2:42" x14ac:dyDescent="0.3">
      <c r="B8121">
        <v>68.65936731196112</v>
      </c>
      <c r="C8121" s="83">
        <v>43439.291666666664</v>
      </c>
      <c r="D8121">
        <v>294525.85700000002</v>
      </c>
      <c r="E8121">
        <v>29708.074420000001</v>
      </c>
      <c r="F8121">
        <v>83195.460399999996</v>
      </c>
      <c r="G8121">
        <v>74094.964940000005</v>
      </c>
      <c r="H8121">
        <v>52382.987710000001</v>
      </c>
      <c r="I8121">
        <v>48724.287210000002</v>
      </c>
      <c r="J8121">
        <v>33044.159699999997</v>
      </c>
      <c r="K8121">
        <v>56886.186710000002</v>
      </c>
      <c r="L8121">
        <v>22827.536800000002</v>
      </c>
      <c r="M8121">
        <v>350057.47330000001</v>
      </c>
      <c r="N8121">
        <v>87336.953909999997</v>
      </c>
      <c r="O8121">
        <v>28223.428049999999</v>
      </c>
      <c r="P8121">
        <v>33504.764819999997</v>
      </c>
      <c r="Q8121">
        <v>97086.550969999997</v>
      </c>
      <c r="R8121">
        <v>23972.267739999999</v>
      </c>
      <c r="S8121">
        <v>109247.47440000001</v>
      </c>
      <c r="T8121">
        <v>35697.16676</v>
      </c>
      <c r="U8121">
        <v>28388.063020000001</v>
      </c>
      <c r="W8121" s="83">
        <f>Bühler!N8153</f>
        <v>45630.291666646976</v>
      </c>
      <c r="X8121" s="83">
        <v>43439.291666666664</v>
      </c>
      <c r="Y8121">
        <v>294525.85700000002</v>
      </c>
      <c r="Z8121">
        <v>29708.074420000001</v>
      </c>
      <c r="AA8121">
        <v>83195.460399999996</v>
      </c>
      <c r="AB8121">
        <v>74094.964940000005</v>
      </c>
      <c r="AC8121">
        <v>52382.987710000001</v>
      </c>
      <c r="AD8121">
        <v>48724.287210000002</v>
      </c>
      <c r="AE8121">
        <v>33044.159699999997</v>
      </c>
      <c r="AF8121">
        <v>56886.186710000002</v>
      </c>
      <c r="AG8121">
        <v>22827.536800000002</v>
      </c>
      <c r="AH8121">
        <v>350057.47330000001</v>
      </c>
      <c r="AI8121">
        <v>87336.953909999997</v>
      </c>
      <c r="AJ8121">
        <v>28223.428049999999</v>
      </c>
      <c r="AK8121">
        <v>33504.764819999997</v>
      </c>
      <c r="AL8121">
        <v>97086.550969999997</v>
      </c>
      <c r="AM8121">
        <v>23972.267739999999</v>
      </c>
      <c r="AN8121">
        <v>109247.47440000001</v>
      </c>
      <c r="AO8121">
        <v>35697.16676</v>
      </c>
      <c r="AP8121">
        <v>28388.063020000001</v>
      </c>
    </row>
    <row r="8122" spans="2:42" x14ac:dyDescent="0.3">
      <c r="B8122">
        <v>69.189894850750846</v>
      </c>
      <c r="C8122" s="83">
        <v>43439.333333333336</v>
      </c>
      <c r="D8122">
        <v>307329.63189999998</v>
      </c>
      <c r="E8122">
        <v>35925.013919999998</v>
      </c>
      <c r="F8122">
        <v>91086.957890000005</v>
      </c>
      <c r="G8122">
        <v>90891.761880000005</v>
      </c>
      <c r="H8122">
        <v>57740.624300000003</v>
      </c>
      <c r="I8122">
        <v>52257.221089999999</v>
      </c>
      <c r="J8122">
        <v>33215.434869999997</v>
      </c>
      <c r="K8122">
        <v>61953.189420000002</v>
      </c>
      <c r="L8122">
        <v>26484.416079999999</v>
      </c>
      <c r="M8122">
        <v>352762.35009999998</v>
      </c>
      <c r="N8122">
        <v>94164.926510000005</v>
      </c>
      <c r="O8122">
        <v>29915.916799999999</v>
      </c>
      <c r="P8122">
        <v>36045.894990000001</v>
      </c>
      <c r="Q8122">
        <v>97670.184529999999</v>
      </c>
      <c r="R8122">
        <v>25114.805520000002</v>
      </c>
      <c r="S8122">
        <v>121587.0218</v>
      </c>
      <c r="T8122">
        <v>39301.406239999997</v>
      </c>
      <c r="U8122">
        <v>30978.280599999998</v>
      </c>
      <c r="W8122" s="83">
        <f>Bühler!N8154</f>
        <v>45630.33333331364</v>
      </c>
      <c r="X8122" s="83">
        <v>43439.333333333336</v>
      </c>
      <c r="Y8122">
        <v>307329.63189999998</v>
      </c>
      <c r="Z8122">
        <v>35925.013919999998</v>
      </c>
      <c r="AA8122">
        <v>91086.957890000005</v>
      </c>
      <c r="AB8122">
        <v>90891.761880000005</v>
      </c>
      <c r="AC8122">
        <v>57740.624300000003</v>
      </c>
      <c r="AD8122">
        <v>52257.221089999999</v>
      </c>
      <c r="AE8122">
        <v>33215.434869999997</v>
      </c>
      <c r="AF8122">
        <v>61953.189420000002</v>
      </c>
      <c r="AG8122">
        <v>26484.416079999999</v>
      </c>
      <c r="AH8122">
        <v>352762.35009999998</v>
      </c>
      <c r="AI8122">
        <v>94164.926510000005</v>
      </c>
      <c r="AJ8122">
        <v>29915.916799999999</v>
      </c>
      <c r="AK8122">
        <v>36045.894990000001</v>
      </c>
      <c r="AL8122">
        <v>97670.184529999999</v>
      </c>
      <c r="AM8122">
        <v>25114.805520000002</v>
      </c>
      <c r="AN8122">
        <v>121587.0218</v>
      </c>
      <c r="AO8122">
        <v>39301.406239999997</v>
      </c>
      <c r="AP8122">
        <v>30978.280599999998</v>
      </c>
    </row>
    <row r="8123" spans="2:42" x14ac:dyDescent="0.3">
      <c r="B8123">
        <v>68.577553218854831</v>
      </c>
      <c r="C8123" s="83">
        <v>43439.375</v>
      </c>
      <c r="D8123">
        <v>306306.0111</v>
      </c>
      <c r="E8123">
        <v>40019.09304</v>
      </c>
      <c r="F8123">
        <v>95944.719419999994</v>
      </c>
      <c r="G8123">
        <v>98483.292360000007</v>
      </c>
      <c r="H8123">
        <v>58855.027390000003</v>
      </c>
      <c r="I8123">
        <v>49277.030359999997</v>
      </c>
      <c r="J8123">
        <v>32029.892199999998</v>
      </c>
      <c r="K8123">
        <v>60780.6731</v>
      </c>
      <c r="L8123">
        <v>29686.025099999999</v>
      </c>
      <c r="M8123">
        <v>349640.3469</v>
      </c>
      <c r="N8123">
        <v>95441.695980000004</v>
      </c>
      <c r="O8123">
        <v>30070.911080000002</v>
      </c>
      <c r="P8123">
        <v>36810.340810000002</v>
      </c>
      <c r="Q8123">
        <v>97646.367660000004</v>
      </c>
      <c r="R8123">
        <v>25261.85842</v>
      </c>
      <c r="S8123">
        <v>127825.167</v>
      </c>
      <c r="T8123">
        <v>41181.750169999999</v>
      </c>
      <c r="U8123">
        <v>30529.287769999999</v>
      </c>
      <c r="W8123" s="83">
        <f>Bühler!N8155</f>
        <v>45630.374999980304</v>
      </c>
      <c r="X8123" s="83">
        <v>43439.375</v>
      </c>
      <c r="Y8123">
        <v>306306.0111</v>
      </c>
      <c r="Z8123">
        <v>40019.09304</v>
      </c>
      <c r="AA8123">
        <v>95944.719419999994</v>
      </c>
      <c r="AB8123">
        <v>98483.292360000007</v>
      </c>
      <c r="AC8123">
        <v>58855.027390000003</v>
      </c>
      <c r="AD8123">
        <v>49277.030359999997</v>
      </c>
      <c r="AE8123">
        <v>32029.892199999998</v>
      </c>
      <c r="AF8123">
        <v>60780.6731</v>
      </c>
      <c r="AG8123">
        <v>29686.025099999999</v>
      </c>
      <c r="AH8123">
        <v>349640.3469</v>
      </c>
      <c r="AI8123">
        <v>95441.695980000004</v>
      </c>
      <c r="AJ8123">
        <v>30070.911080000002</v>
      </c>
      <c r="AK8123">
        <v>36810.340810000002</v>
      </c>
      <c r="AL8123">
        <v>97646.367660000004</v>
      </c>
      <c r="AM8123">
        <v>25261.85842</v>
      </c>
      <c r="AN8123">
        <v>127825.167</v>
      </c>
      <c r="AO8123">
        <v>41181.750169999999</v>
      </c>
      <c r="AP8123">
        <v>30529.287769999999</v>
      </c>
    </row>
    <row r="8124" spans="2:42" x14ac:dyDescent="0.3">
      <c r="B8124">
        <v>69.685856838219834</v>
      </c>
      <c r="C8124" s="83">
        <v>43439.416666666664</v>
      </c>
      <c r="D8124">
        <v>306250.42210000003</v>
      </c>
      <c r="E8124">
        <v>41142.137799999997</v>
      </c>
      <c r="F8124">
        <v>96961.765159999995</v>
      </c>
      <c r="G8124">
        <v>98102.942729999995</v>
      </c>
      <c r="H8124">
        <v>58919.513489999998</v>
      </c>
      <c r="I8124">
        <v>45539.471109999999</v>
      </c>
      <c r="J8124">
        <v>31583.416109999998</v>
      </c>
      <c r="K8124">
        <v>62332.148000000001</v>
      </c>
      <c r="L8124">
        <v>32235.907179999998</v>
      </c>
      <c r="M8124">
        <v>355290.99560000002</v>
      </c>
      <c r="N8124">
        <v>95698.282949999993</v>
      </c>
      <c r="O8124">
        <v>30146.12111</v>
      </c>
      <c r="P8124">
        <v>36122.610330000003</v>
      </c>
      <c r="Q8124">
        <v>98809.765339999998</v>
      </c>
      <c r="R8124">
        <v>25336.966270000001</v>
      </c>
      <c r="S8124">
        <v>128983.508</v>
      </c>
      <c r="T8124">
        <v>42371.150930000003</v>
      </c>
      <c r="U8124">
        <v>29301.556769999999</v>
      </c>
      <c r="W8124" s="83">
        <f>Bühler!N8156</f>
        <v>45630.416666646968</v>
      </c>
      <c r="X8124" s="83">
        <v>43439.416666666664</v>
      </c>
      <c r="Y8124">
        <v>306250.42210000003</v>
      </c>
      <c r="Z8124">
        <v>41142.137799999997</v>
      </c>
      <c r="AA8124">
        <v>96961.765159999995</v>
      </c>
      <c r="AB8124">
        <v>98102.942729999995</v>
      </c>
      <c r="AC8124">
        <v>58919.513489999998</v>
      </c>
      <c r="AD8124">
        <v>45539.471109999999</v>
      </c>
      <c r="AE8124">
        <v>31583.416109999998</v>
      </c>
      <c r="AF8124">
        <v>62332.148000000001</v>
      </c>
      <c r="AG8124">
        <v>32235.907179999998</v>
      </c>
      <c r="AH8124">
        <v>355290.99560000002</v>
      </c>
      <c r="AI8124">
        <v>95698.282949999993</v>
      </c>
      <c r="AJ8124">
        <v>30146.12111</v>
      </c>
      <c r="AK8124">
        <v>36122.610330000003</v>
      </c>
      <c r="AL8124">
        <v>98809.765339999998</v>
      </c>
      <c r="AM8124">
        <v>25336.966270000001</v>
      </c>
      <c r="AN8124">
        <v>128983.508</v>
      </c>
      <c r="AO8124">
        <v>42371.150930000003</v>
      </c>
      <c r="AP8124">
        <v>29301.556769999999</v>
      </c>
    </row>
    <row r="8125" spans="2:42" x14ac:dyDescent="0.3">
      <c r="B8125">
        <v>69.508162912392606</v>
      </c>
      <c r="C8125" s="83">
        <v>43439.458333333336</v>
      </c>
      <c r="D8125">
        <v>304386.429</v>
      </c>
      <c r="E8125">
        <v>40312.41201</v>
      </c>
      <c r="F8125">
        <v>97086.583740000002</v>
      </c>
      <c r="G8125">
        <v>94974.242320000005</v>
      </c>
      <c r="H8125">
        <v>58585.826670000002</v>
      </c>
      <c r="I8125">
        <v>43890.471490000004</v>
      </c>
      <c r="J8125">
        <v>30967.0461</v>
      </c>
      <c r="K8125">
        <v>67843.651320000004</v>
      </c>
      <c r="L8125">
        <v>33163.389260000004</v>
      </c>
      <c r="M8125">
        <v>354385.02909999999</v>
      </c>
      <c r="N8125">
        <v>97087.369529999996</v>
      </c>
      <c r="O8125">
        <v>29472.82099</v>
      </c>
      <c r="P8125">
        <v>35223.5694</v>
      </c>
      <c r="Q8125">
        <v>98949.210879999999</v>
      </c>
      <c r="R8125">
        <v>26052.047859999999</v>
      </c>
      <c r="S8125">
        <v>130045.2208</v>
      </c>
      <c r="T8125">
        <v>42319.937290000002</v>
      </c>
      <c r="U8125">
        <v>28531.726190000001</v>
      </c>
      <c r="W8125" s="83">
        <f>Bühler!N8157</f>
        <v>45630.458333313632</v>
      </c>
      <c r="X8125" s="83">
        <v>43439.458333333336</v>
      </c>
      <c r="Y8125">
        <v>304386.429</v>
      </c>
      <c r="Z8125">
        <v>40312.41201</v>
      </c>
      <c r="AA8125">
        <v>97086.583740000002</v>
      </c>
      <c r="AB8125">
        <v>94974.242320000005</v>
      </c>
      <c r="AC8125">
        <v>58585.826670000002</v>
      </c>
      <c r="AD8125">
        <v>43890.471490000004</v>
      </c>
      <c r="AE8125">
        <v>30967.0461</v>
      </c>
      <c r="AF8125">
        <v>67843.651320000004</v>
      </c>
      <c r="AG8125">
        <v>33163.389260000004</v>
      </c>
      <c r="AH8125">
        <v>354385.02909999999</v>
      </c>
      <c r="AI8125">
        <v>97087.369529999996</v>
      </c>
      <c r="AJ8125">
        <v>29472.82099</v>
      </c>
      <c r="AK8125">
        <v>35223.5694</v>
      </c>
      <c r="AL8125">
        <v>98949.210879999999</v>
      </c>
      <c r="AM8125">
        <v>26052.047859999999</v>
      </c>
      <c r="AN8125">
        <v>130045.2208</v>
      </c>
      <c r="AO8125">
        <v>42319.937290000002</v>
      </c>
      <c r="AP8125">
        <v>28531.726190000001</v>
      </c>
    </row>
    <row r="8126" spans="2:42" x14ac:dyDescent="0.3">
      <c r="B8126">
        <v>68.5807549659892</v>
      </c>
      <c r="C8126" s="83">
        <v>43439.5</v>
      </c>
      <c r="D8126">
        <v>292127.95549999998</v>
      </c>
      <c r="E8126">
        <v>35868.832759999998</v>
      </c>
      <c r="F8126">
        <v>91475.969259999998</v>
      </c>
      <c r="G8126">
        <v>87797.762059999994</v>
      </c>
      <c r="H8126">
        <v>54963.266779999998</v>
      </c>
      <c r="I8126">
        <v>41192.256869999997</v>
      </c>
      <c r="J8126">
        <v>31188.069670000001</v>
      </c>
      <c r="K8126">
        <v>63249.399120000002</v>
      </c>
      <c r="L8126">
        <v>35087.75157</v>
      </c>
      <c r="M8126">
        <v>349656.67090000003</v>
      </c>
      <c r="N8126">
        <v>94115.833400000003</v>
      </c>
      <c r="O8126">
        <v>29013.980820000001</v>
      </c>
      <c r="P8126">
        <v>35969.123939999998</v>
      </c>
      <c r="Q8126">
        <v>96945.618979999999</v>
      </c>
      <c r="R8126">
        <v>26997.9113</v>
      </c>
      <c r="S8126">
        <v>121885.6349</v>
      </c>
      <c r="T8126">
        <v>41107.379289999997</v>
      </c>
      <c r="U8126">
        <v>23831.48561</v>
      </c>
      <c r="W8126" s="83">
        <f>Bühler!N8158</f>
        <v>45630.499999980297</v>
      </c>
      <c r="X8126" s="83">
        <v>43439.5</v>
      </c>
      <c r="Y8126">
        <v>292127.95549999998</v>
      </c>
      <c r="Z8126">
        <v>35868.832759999998</v>
      </c>
      <c r="AA8126">
        <v>91475.969259999998</v>
      </c>
      <c r="AB8126">
        <v>87797.762059999994</v>
      </c>
      <c r="AC8126">
        <v>54963.266779999998</v>
      </c>
      <c r="AD8126">
        <v>41192.256869999997</v>
      </c>
      <c r="AE8126">
        <v>31188.069670000001</v>
      </c>
      <c r="AF8126">
        <v>63249.399120000002</v>
      </c>
      <c r="AG8126">
        <v>35087.75157</v>
      </c>
      <c r="AH8126">
        <v>349656.67090000003</v>
      </c>
      <c r="AI8126">
        <v>94115.833400000003</v>
      </c>
      <c r="AJ8126">
        <v>29013.980820000001</v>
      </c>
      <c r="AK8126">
        <v>35969.123939999998</v>
      </c>
      <c r="AL8126">
        <v>96945.618979999999</v>
      </c>
      <c r="AM8126">
        <v>26997.9113</v>
      </c>
      <c r="AN8126">
        <v>121885.6349</v>
      </c>
      <c r="AO8126">
        <v>41107.379289999997</v>
      </c>
      <c r="AP8126">
        <v>23831.48561</v>
      </c>
    </row>
    <row r="8127" spans="2:42" x14ac:dyDescent="0.3">
      <c r="B8127">
        <v>68.686800561612884</v>
      </c>
      <c r="C8127" s="83">
        <v>43439.541666666664</v>
      </c>
      <c r="D8127">
        <v>291453.97519999999</v>
      </c>
      <c r="E8127">
        <v>36027.669349999996</v>
      </c>
      <c r="F8127">
        <v>88393.211160000006</v>
      </c>
      <c r="G8127">
        <v>80687.126029999999</v>
      </c>
      <c r="H8127">
        <v>55791.293279999998</v>
      </c>
      <c r="I8127">
        <v>40180.876629999999</v>
      </c>
      <c r="J8127">
        <v>30221.644319999999</v>
      </c>
      <c r="K8127">
        <v>65231.373509999998</v>
      </c>
      <c r="L8127">
        <v>33399.164349999999</v>
      </c>
      <c r="M8127">
        <v>350197.34080000001</v>
      </c>
      <c r="N8127">
        <v>91043.477859999999</v>
      </c>
      <c r="O8127">
        <v>29134.891080000001</v>
      </c>
      <c r="P8127">
        <v>35197.468970000002</v>
      </c>
      <c r="Q8127">
        <v>93545.447750000007</v>
      </c>
      <c r="R8127">
        <v>27754.782139999999</v>
      </c>
      <c r="S8127">
        <v>120973.45050000001</v>
      </c>
      <c r="T8127">
        <v>39888.738530000002</v>
      </c>
      <c r="U8127">
        <v>25939.536660000002</v>
      </c>
      <c r="W8127" s="83">
        <f>Bühler!N8159</f>
        <v>45630.541666646961</v>
      </c>
      <c r="X8127" s="83">
        <v>43439.541666666664</v>
      </c>
      <c r="Y8127">
        <v>291453.97519999999</v>
      </c>
      <c r="Z8127">
        <v>36027.669349999996</v>
      </c>
      <c r="AA8127">
        <v>88393.211160000006</v>
      </c>
      <c r="AB8127">
        <v>80687.126029999999</v>
      </c>
      <c r="AC8127">
        <v>55791.293279999998</v>
      </c>
      <c r="AD8127">
        <v>40180.876629999999</v>
      </c>
      <c r="AE8127">
        <v>30221.644319999999</v>
      </c>
      <c r="AF8127">
        <v>65231.373509999998</v>
      </c>
      <c r="AG8127">
        <v>33399.164349999999</v>
      </c>
      <c r="AH8127">
        <v>350197.34080000001</v>
      </c>
      <c r="AI8127">
        <v>91043.477859999999</v>
      </c>
      <c r="AJ8127">
        <v>29134.891080000001</v>
      </c>
      <c r="AK8127">
        <v>35197.468970000002</v>
      </c>
      <c r="AL8127">
        <v>93545.447750000007</v>
      </c>
      <c r="AM8127">
        <v>27754.782139999999</v>
      </c>
      <c r="AN8127">
        <v>120973.45050000001</v>
      </c>
      <c r="AO8127">
        <v>39888.738530000002</v>
      </c>
      <c r="AP8127">
        <v>25939.536660000002</v>
      </c>
    </row>
    <row r="8128" spans="2:42" x14ac:dyDescent="0.3">
      <c r="B8128">
        <v>69.19449982378103</v>
      </c>
      <c r="C8128" s="83">
        <v>43439.583333333336</v>
      </c>
      <c r="D8128">
        <v>293623.88500000001</v>
      </c>
      <c r="E8128">
        <v>38467.542399999998</v>
      </c>
      <c r="F8128">
        <v>95415.130619999996</v>
      </c>
      <c r="G8128">
        <v>78105.829169999997</v>
      </c>
      <c r="H8128">
        <v>55385.634839999999</v>
      </c>
      <c r="I8128">
        <v>42016.08221</v>
      </c>
      <c r="J8128">
        <v>29828.707259999999</v>
      </c>
      <c r="K8128">
        <v>66501.165739999997</v>
      </c>
      <c r="L8128">
        <v>29472.816080000001</v>
      </c>
      <c r="M8128">
        <v>352785.8284</v>
      </c>
      <c r="N8128">
        <v>93994.976899999994</v>
      </c>
      <c r="O8128">
        <v>29444.936280000002</v>
      </c>
      <c r="P8128">
        <v>32205.229739999999</v>
      </c>
      <c r="Q8128">
        <v>93613.637919999994</v>
      </c>
      <c r="R8128">
        <v>25690.483370000002</v>
      </c>
      <c r="S8128">
        <v>116909.0143</v>
      </c>
      <c r="T8128">
        <v>38540.81596</v>
      </c>
      <c r="U8128">
        <v>27032.605459999999</v>
      </c>
      <c r="W8128" s="83">
        <f>Bühler!N8160</f>
        <v>45630.583333313625</v>
      </c>
      <c r="X8128" s="83">
        <v>43439.583333333336</v>
      </c>
      <c r="Y8128">
        <v>293623.88500000001</v>
      </c>
      <c r="Z8128">
        <v>38467.542399999998</v>
      </c>
      <c r="AA8128">
        <v>95415.130619999996</v>
      </c>
      <c r="AB8128">
        <v>78105.829169999997</v>
      </c>
      <c r="AC8128">
        <v>55385.634839999999</v>
      </c>
      <c r="AD8128">
        <v>42016.08221</v>
      </c>
      <c r="AE8128">
        <v>29828.707259999999</v>
      </c>
      <c r="AF8128">
        <v>66501.165739999997</v>
      </c>
      <c r="AG8128">
        <v>29472.816080000001</v>
      </c>
      <c r="AH8128">
        <v>352785.8284</v>
      </c>
      <c r="AI8128">
        <v>93994.976899999994</v>
      </c>
      <c r="AJ8128">
        <v>29444.936280000002</v>
      </c>
      <c r="AK8128">
        <v>32205.229739999999</v>
      </c>
      <c r="AL8128">
        <v>93613.637919999994</v>
      </c>
      <c r="AM8128">
        <v>25690.483370000002</v>
      </c>
      <c r="AN8128">
        <v>116909.0143</v>
      </c>
      <c r="AO8128">
        <v>38540.81596</v>
      </c>
      <c r="AP8128">
        <v>27032.605459999999</v>
      </c>
    </row>
    <row r="8129" spans="2:42" x14ac:dyDescent="0.3">
      <c r="B8129">
        <v>68.567517396988364</v>
      </c>
      <c r="C8129" s="83">
        <v>43439.625</v>
      </c>
      <c r="D8129">
        <v>291215.08240000001</v>
      </c>
      <c r="E8129">
        <v>38247.165059999999</v>
      </c>
      <c r="F8129">
        <v>95260.637749999994</v>
      </c>
      <c r="G8129">
        <v>76569.776930000007</v>
      </c>
      <c r="H8129">
        <v>54583.367380000003</v>
      </c>
      <c r="I8129">
        <v>42536.879139999997</v>
      </c>
      <c r="J8129">
        <v>29235.733479999999</v>
      </c>
      <c r="K8129">
        <v>66187.360910000003</v>
      </c>
      <c r="L8129">
        <v>26806.227620000001</v>
      </c>
      <c r="M8129">
        <v>349589.17959999997</v>
      </c>
      <c r="N8129">
        <v>94461.384220000007</v>
      </c>
      <c r="O8129">
        <v>29234.594880000001</v>
      </c>
      <c r="P8129">
        <v>31212.079989999998</v>
      </c>
      <c r="Q8129">
        <v>94679.935840000006</v>
      </c>
      <c r="R8129">
        <v>25258.978179999998</v>
      </c>
      <c r="S8129">
        <v>114225.7784</v>
      </c>
      <c r="T8129">
        <v>38408.247510000001</v>
      </c>
      <c r="U8129">
        <v>25096.439190000001</v>
      </c>
      <c r="W8129" s="83">
        <f>Bühler!N8161</f>
        <v>45630.624999980289</v>
      </c>
      <c r="X8129" s="83">
        <v>43439.625</v>
      </c>
      <c r="Y8129">
        <v>291215.08240000001</v>
      </c>
      <c r="Z8129">
        <v>38247.165059999999</v>
      </c>
      <c r="AA8129">
        <v>95260.637749999994</v>
      </c>
      <c r="AB8129">
        <v>76569.776930000007</v>
      </c>
      <c r="AC8129">
        <v>54583.367380000003</v>
      </c>
      <c r="AD8129">
        <v>42536.879139999997</v>
      </c>
      <c r="AE8129">
        <v>29235.733479999999</v>
      </c>
      <c r="AF8129">
        <v>66187.360910000003</v>
      </c>
      <c r="AG8129">
        <v>26806.227620000001</v>
      </c>
      <c r="AH8129">
        <v>349589.17959999997</v>
      </c>
      <c r="AI8129">
        <v>94461.384220000007</v>
      </c>
      <c r="AJ8129">
        <v>29234.594880000001</v>
      </c>
      <c r="AK8129">
        <v>31212.079989999998</v>
      </c>
      <c r="AL8129">
        <v>94679.935840000006</v>
      </c>
      <c r="AM8129">
        <v>25258.978179999998</v>
      </c>
      <c r="AN8129">
        <v>114225.7784</v>
      </c>
      <c r="AO8129">
        <v>38408.247510000001</v>
      </c>
      <c r="AP8129">
        <v>25096.439190000001</v>
      </c>
    </row>
    <row r="8130" spans="2:42" x14ac:dyDescent="0.3">
      <c r="B8130">
        <v>68.061224263549761</v>
      </c>
      <c r="C8130" s="83">
        <v>43439.666666666664</v>
      </c>
      <c r="D8130">
        <v>287198.49080000003</v>
      </c>
      <c r="E8130">
        <v>38197.82862</v>
      </c>
      <c r="F8130">
        <v>95179.292459999997</v>
      </c>
      <c r="G8130">
        <v>75092.164229999995</v>
      </c>
      <c r="H8130">
        <v>53393.264999999999</v>
      </c>
      <c r="I8130">
        <v>44053.753680000002</v>
      </c>
      <c r="J8130">
        <v>29628.324700000001</v>
      </c>
      <c r="K8130">
        <v>63097.346799999999</v>
      </c>
      <c r="L8130">
        <v>25948.417270000002</v>
      </c>
      <c r="M8130">
        <v>347007.86109999998</v>
      </c>
      <c r="N8130">
        <v>92626.811709999994</v>
      </c>
      <c r="O8130">
        <v>29152.99424</v>
      </c>
      <c r="P8130">
        <v>31115.751530000001</v>
      </c>
      <c r="Q8130">
        <v>94138.232149999996</v>
      </c>
      <c r="R8130">
        <v>24820.917379999999</v>
      </c>
      <c r="S8130">
        <v>113045.8483</v>
      </c>
      <c r="T8130">
        <v>38882.197099999998</v>
      </c>
      <c r="U8130">
        <v>23762.668239999999</v>
      </c>
      <c r="W8130" s="83">
        <f>Bühler!N8162</f>
        <v>45630.666666646954</v>
      </c>
      <c r="X8130" s="83">
        <v>43439.666666666664</v>
      </c>
      <c r="Y8130">
        <v>287198.49080000003</v>
      </c>
      <c r="Z8130">
        <v>38197.82862</v>
      </c>
      <c r="AA8130">
        <v>95179.292459999997</v>
      </c>
      <c r="AB8130">
        <v>75092.164229999995</v>
      </c>
      <c r="AC8130">
        <v>53393.264999999999</v>
      </c>
      <c r="AD8130">
        <v>44053.753680000002</v>
      </c>
      <c r="AE8130">
        <v>29628.324700000001</v>
      </c>
      <c r="AF8130">
        <v>63097.346799999999</v>
      </c>
      <c r="AG8130">
        <v>25948.417270000002</v>
      </c>
      <c r="AH8130">
        <v>347007.86109999998</v>
      </c>
      <c r="AI8130">
        <v>92626.811709999994</v>
      </c>
      <c r="AJ8130">
        <v>29152.99424</v>
      </c>
      <c r="AK8130">
        <v>31115.751530000001</v>
      </c>
      <c r="AL8130">
        <v>94138.232149999996</v>
      </c>
      <c r="AM8130">
        <v>24820.917379999999</v>
      </c>
      <c r="AN8130">
        <v>113045.8483</v>
      </c>
      <c r="AO8130">
        <v>38882.197099999998</v>
      </c>
      <c r="AP8130">
        <v>23762.668239999999</v>
      </c>
    </row>
    <row r="8131" spans="2:42" x14ac:dyDescent="0.3">
      <c r="B8131">
        <v>67.458589413395686</v>
      </c>
      <c r="C8131" s="83">
        <v>43439.708333333336</v>
      </c>
      <c r="D8131">
        <v>278476.24680000002</v>
      </c>
      <c r="E8131">
        <v>36686.694880000003</v>
      </c>
      <c r="F8131">
        <v>97019.623059999998</v>
      </c>
      <c r="G8131">
        <v>73664.261350000001</v>
      </c>
      <c r="H8131">
        <v>54198.075270000001</v>
      </c>
      <c r="I8131">
        <v>44119.839070000002</v>
      </c>
      <c r="J8131">
        <v>32123.90437</v>
      </c>
      <c r="K8131">
        <v>58039.442360000001</v>
      </c>
      <c r="L8131">
        <v>27337.00909</v>
      </c>
      <c r="M8131">
        <v>343935.34759999998</v>
      </c>
      <c r="N8131">
        <v>91368.084239999996</v>
      </c>
      <c r="O8131">
        <v>28710.038199999999</v>
      </c>
      <c r="P8131">
        <v>33498.037929999999</v>
      </c>
      <c r="Q8131">
        <v>93050.491810000007</v>
      </c>
      <c r="R8131">
        <v>25066.936020000001</v>
      </c>
      <c r="S8131">
        <v>114448.4439</v>
      </c>
      <c r="T8131">
        <v>41128.62199</v>
      </c>
      <c r="U8131">
        <v>22476.944439999999</v>
      </c>
      <c r="W8131" s="83">
        <f>Bühler!N8163</f>
        <v>45630.708333313618</v>
      </c>
      <c r="X8131" s="83">
        <v>43439.708333333336</v>
      </c>
      <c r="Y8131">
        <v>278476.24680000002</v>
      </c>
      <c r="Z8131">
        <v>36686.694880000003</v>
      </c>
      <c r="AA8131">
        <v>97019.623059999998</v>
      </c>
      <c r="AB8131">
        <v>73664.261350000001</v>
      </c>
      <c r="AC8131">
        <v>54198.075270000001</v>
      </c>
      <c r="AD8131">
        <v>44119.839070000002</v>
      </c>
      <c r="AE8131">
        <v>32123.90437</v>
      </c>
      <c r="AF8131">
        <v>58039.442360000001</v>
      </c>
      <c r="AG8131">
        <v>27337.00909</v>
      </c>
      <c r="AH8131">
        <v>343935.34759999998</v>
      </c>
      <c r="AI8131">
        <v>91368.084239999996</v>
      </c>
      <c r="AJ8131">
        <v>28710.038199999999</v>
      </c>
      <c r="AK8131">
        <v>33498.037929999999</v>
      </c>
      <c r="AL8131">
        <v>93050.491810000007</v>
      </c>
      <c r="AM8131">
        <v>25066.936020000001</v>
      </c>
      <c r="AN8131">
        <v>114448.4439</v>
      </c>
      <c r="AO8131">
        <v>41128.62199</v>
      </c>
      <c r="AP8131">
        <v>22476.944439999999</v>
      </c>
    </row>
    <row r="8132" spans="2:42" x14ac:dyDescent="0.3">
      <c r="B8132">
        <v>65.8306851097622</v>
      </c>
      <c r="C8132" s="83">
        <v>43439.75</v>
      </c>
      <c r="D8132">
        <v>273761.82380000001</v>
      </c>
      <c r="E8132">
        <v>33114.484239999998</v>
      </c>
      <c r="F8132">
        <v>93685.474459999998</v>
      </c>
      <c r="G8132">
        <v>66708.340939999995</v>
      </c>
      <c r="H8132">
        <v>51066.607830000001</v>
      </c>
      <c r="I8132">
        <v>42268.142780000002</v>
      </c>
      <c r="J8132">
        <v>32160.769260000001</v>
      </c>
      <c r="K8132">
        <v>50167.44096</v>
      </c>
      <c r="L8132">
        <v>29088.616119999999</v>
      </c>
      <c r="M8132">
        <v>335635.53230000002</v>
      </c>
      <c r="N8132">
        <v>88309.518299999996</v>
      </c>
      <c r="O8132">
        <v>26407.582480000001</v>
      </c>
      <c r="P8132">
        <v>36665.989540000002</v>
      </c>
      <c r="Q8132">
        <v>91614.099170000001</v>
      </c>
      <c r="R8132">
        <v>24248.869170000002</v>
      </c>
      <c r="S8132">
        <v>108540.8502</v>
      </c>
      <c r="T8132">
        <v>41433.01973</v>
      </c>
      <c r="U8132">
        <v>20368.271209999999</v>
      </c>
      <c r="W8132" s="83">
        <f>Bühler!N8164</f>
        <v>45630.749999980282</v>
      </c>
      <c r="X8132" s="83">
        <v>43439.75</v>
      </c>
      <c r="Y8132">
        <v>273761.82380000001</v>
      </c>
      <c r="Z8132">
        <v>33114.484239999998</v>
      </c>
      <c r="AA8132">
        <v>93685.474459999998</v>
      </c>
      <c r="AB8132">
        <v>66708.340939999995</v>
      </c>
      <c r="AC8132">
        <v>51066.607830000001</v>
      </c>
      <c r="AD8132">
        <v>42268.142780000002</v>
      </c>
      <c r="AE8132">
        <v>32160.769260000001</v>
      </c>
      <c r="AF8132">
        <v>50167.44096</v>
      </c>
      <c r="AG8132">
        <v>29088.616119999999</v>
      </c>
      <c r="AH8132">
        <v>335635.53230000002</v>
      </c>
      <c r="AI8132">
        <v>88309.518299999996</v>
      </c>
      <c r="AJ8132">
        <v>26407.582480000001</v>
      </c>
      <c r="AK8132">
        <v>36665.989540000002</v>
      </c>
      <c r="AL8132">
        <v>91614.099170000001</v>
      </c>
      <c r="AM8132">
        <v>24248.869170000002</v>
      </c>
      <c r="AN8132">
        <v>108540.8502</v>
      </c>
      <c r="AO8132">
        <v>41433.01973</v>
      </c>
      <c r="AP8132">
        <v>20368.271209999999</v>
      </c>
    </row>
    <row r="8133" spans="2:42" x14ac:dyDescent="0.3">
      <c r="B8133">
        <v>64.122994832716955</v>
      </c>
      <c r="C8133" s="83">
        <v>43439.791666666664</v>
      </c>
      <c r="D8133">
        <v>268262.54340000002</v>
      </c>
      <c r="E8133">
        <v>27116.85326</v>
      </c>
      <c r="F8133">
        <v>80355.831990000006</v>
      </c>
      <c r="G8133">
        <v>59259.625870000003</v>
      </c>
      <c r="H8133">
        <v>48144.921040000001</v>
      </c>
      <c r="I8133">
        <v>39461.013850000003</v>
      </c>
      <c r="J8133">
        <v>31279.701110000002</v>
      </c>
      <c r="K8133">
        <v>48339.637020000002</v>
      </c>
      <c r="L8133">
        <v>29528.847900000001</v>
      </c>
      <c r="M8133">
        <v>326928.93089999998</v>
      </c>
      <c r="N8133">
        <v>84393.740390000006</v>
      </c>
      <c r="O8133">
        <v>25131.204809999999</v>
      </c>
      <c r="P8133">
        <v>38047.877589999996</v>
      </c>
      <c r="Q8133">
        <v>89105.703169999993</v>
      </c>
      <c r="R8133">
        <v>23506.154409999999</v>
      </c>
      <c r="S8133">
        <v>102237.6752</v>
      </c>
      <c r="T8133">
        <v>40959.409019999999</v>
      </c>
      <c r="U8133">
        <v>18613.494839999999</v>
      </c>
      <c r="W8133" s="83">
        <f>Bühler!N8165</f>
        <v>45630.791666646946</v>
      </c>
      <c r="X8133" s="83">
        <v>43439.791666666664</v>
      </c>
      <c r="Y8133">
        <v>268262.54340000002</v>
      </c>
      <c r="Z8133">
        <v>27116.85326</v>
      </c>
      <c r="AA8133">
        <v>80355.831990000006</v>
      </c>
      <c r="AB8133">
        <v>59259.625870000003</v>
      </c>
      <c r="AC8133">
        <v>48144.921040000001</v>
      </c>
      <c r="AD8133">
        <v>39461.013850000003</v>
      </c>
      <c r="AE8133">
        <v>31279.701110000002</v>
      </c>
      <c r="AF8133">
        <v>48339.637020000002</v>
      </c>
      <c r="AG8133">
        <v>29528.847900000001</v>
      </c>
      <c r="AH8133">
        <v>326928.93089999998</v>
      </c>
      <c r="AI8133">
        <v>84393.740390000006</v>
      </c>
      <c r="AJ8133">
        <v>25131.204809999999</v>
      </c>
      <c r="AK8133">
        <v>38047.877589999996</v>
      </c>
      <c r="AL8133">
        <v>89105.703169999993</v>
      </c>
      <c r="AM8133">
        <v>23506.154409999999</v>
      </c>
      <c r="AN8133">
        <v>102237.6752</v>
      </c>
      <c r="AO8133">
        <v>40959.409019999999</v>
      </c>
      <c r="AP8133">
        <v>18613.494839999999</v>
      </c>
    </row>
    <row r="8134" spans="2:42" x14ac:dyDescent="0.3">
      <c r="B8134">
        <v>62.519625534634173</v>
      </c>
      <c r="C8134" s="83">
        <v>43439.833333333336</v>
      </c>
      <c r="D8134">
        <v>256997.82860000001</v>
      </c>
      <c r="E8134">
        <v>20746.766820000001</v>
      </c>
      <c r="F8134">
        <v>63203.98603</v>
      </c>
      <c r="G8134">
        <v>51964.873619999998</v>
      </c>
      <c r="H8134">
        <v>45105.971449999997</v>
      </c>
      <c r="I8134">
        <v>35549.684009999997</v>
      </c>
      <c r="J8134">
        <v>30363.089039999999</v>
      </c>
      <c r="K8134">
        <v>55304.647210000003</v>
      </c>
      <c r="L8134">
        <v>28823.968089999998</v>
      </c>
      <c r="M8134">
        <v>318754.20649999997</v>
      </c>
      <c r="N8134">
        <v>81486.488549999995</v>
      </c>
      <c r="O8134">
        <v>24180.510989999999</v>
      </c>
      <c r="P8134">
        <v>37911.699050000003</v>
      </c>
      <c r="Q8134">
        <v>86419.27231</v>
      </c>
      <c r="R8134">
        <v>21298.25677</v>
      </c>
      <c r="S8134">
        <v>93012.296010000005</v>
      </c>
      <c r="T8134">
        <v>38374.635750000001</v>
      </c>
      <c r="U8134">
        <v>17678.825489999999</v>
      </c>
      <c r="W8134" s="83">
        <f>Bühler!N8166</f>
        <v>45630.833333313611</v>
      </c>
      <c r="X8134" s="83">
        <v>43439.833333333336</v>
      </c>
      <c r="Y8134">
        <v>256997.82860000001</v>
      </c>
      <c r="Z8134">
        <v>20746.766820000001</v>
      </c>
      <c r="AA8134">
        <v>63203.98603</v>
      </c>
      <c r="AB8134">
        <v>51964.873619999998</v>
      </c>
      <c r="AC8134">
        <v>45105.971449999997</v>
      </c>
      <c r="AD8134">
        <v>35549.684009999997</v>
      </c>
      <c r="AE8134">
        <v>30363.089039999999</v>
      </c>
      <c r="AF8134">
        <v>55304.647210000003</v>
      </c>
      <c r="AG8134">
        <v>28823.968089999998</v>
      </c>
      <c r="AH8134">
        <v>318754.20649999997</v>
      </c>
      <c r="AI8134">
        <v>81486.488549999995</v>
      </c>
      <c r="AJ8134">
        <v>24180.510989999999</v>
      </c>
      <c r="AK8134">
        <v>37911.699050000003</v>
      </c>
      <c r="AL8134">
        <v>86419.27231</v>
      </c>
      <c r="AM8134">
        <v>21298.25677</v>
      </c>
      <c r="AN8134">
        <v>93012.296010000005</v>
      </c>
      <c r="AO8134">
        <v>38374.635750000001</v>
      </c>
      <c r="AP8134">
        <v>17678.825489999999</v>
      </c>
    </row>
    <row r="8135" spans="2:42" x14ac:dyDescent="0.3">
      <c r="B8135">
        <v>61.021233236320072</v>
      </c>
      <c r="C8135" s="83">
        <v>43439.875</v>
      </c>
      <c r="D8135">
        <v>249140.85089999999</v>
      </c>
      <c r="E8135">
        <v>17833.652610000001</v>
      </c>
      <c r="F8135">
        <v>55473.028039999997</v>
      </c>
      <c r="G8135">
        <v>48578.459849999999</v>
      </c>
      <c r="H8135">
        <v>42605.440649999997</v>
      </c>
      <c r="I8135">
        <v>30265.553899999999</v>
      </c>
      <c r="J8135">
        <v>29505.544150000002</v>
      </c>
      <c r="K8135">
        <v>54073.892679999997</v>
      </c>
      <c r="L8135">
        <v>27317.191080000001</v>
      </c>
      <c r="M8135">
        <v>311114.70380000002</v>
      </c>
      <c r="N8135">
        <v>79194.654339999994</v>
      </c>
      <c r="O8135">
        <v>23212.513559999999</v>
      </c>
      <c r="P8135">
        <v>37233.381240000002</v>
      </c>
      <c r="Q8135">
        <v>84794.910889999999</v>
      </c>
      <c r="R8135">
        <v>20119.678650000002</v>
      </c>
      <c r="S8135">
        <v>86820.569289999999</v>
      </c>
      <c r="T8135">
        <v>35539.278780000001</v>
      </c>
      <c r="U8135">
        <v>16689.51311</v>
      </c>
      <c r="W8135" s="83">
        <f>Bühler!N8167</f>
        <v>45630.874999980275</v>
      </c>
      <c r="X8135" s="83">
        <v>43439.875</v>
      </c>
      <c r="Y8135">
        <v>249140.85089999999</v>
      </c>
      <c r="Z8135">
        <v>17833.652610000001</v>
      </c>
      <c r="AA8135">
        <v>55473.028039999997</v>
      </c>
      <c r="AB8135">
        <v>48578.459849999999</v>
      </c>
      <c r="AC8135">
        <v>42605.440649999997</v>
      </c>
      <c r="AD8135">
        <v>30265.553899999999</v>
      </c>
      <c r="AE8135">
        <v>29505.544150000002</v>
      </c>
      <c r="AF8135">
        <v>54073.892679999997</v>
      </c>
      <c r="AG8135">
        <v>27317.191080000001</v>
      </c>
      <c r="AH8135">
        <v>311114.70380000002</v>
      </c>
      <c r="AI8135">
        <v>79194.654339999994</v>
      </c>
      <c r="AJ8135">
        <v>23212.513559999999</v>
      </c>
      <c r="AK8135">
        <v>37233.381240000002</v>
      </c>
      <c r="AL8135">
        <v>84794.910889999999</v>
      </c>
      <c r="AM8135">
        <v>20119.678650000002</v>
      </c>
      <c r="AN8135">
        <v>86820.569289999999</v>
      </c>
      <c r="AO8135">
        <v>35539.278780000001</v>
      </c>
      <c r="AP8135">
        <v>16689.51311</v>
      </c>
    </row>
    <row r="8136" spans="2:42" x14ac:dyDescent="0.3">
      <c r="B8136">
        <v>61.066520168607909</v>
      </c>
      <c r="C8136" s="83">
        <v>43439.916666666664</v>
      </c>
      <c r="D8136">
        <v>247588.2654</v>
      </c>
      <c r="E8136">
        <v>17436.192950000001</v>
      </c>
      <c r="F8136">
        <v>52734.46284</v>
      </c>
      <c r="G8136">
        <v>46076.416799999999</v>
      </c>
      <c r="H8136">
        <v>41554.956639999997</v>
      </c>
      <c r="I8136">
        <v>28946.47248</v>
      </c>
      <c r="J8136">
        <v>28609.05761</v>
      </c>
      <c r="K8136">
        <v>56495.7647</v>
      </c>
      <c r="L8136">
        <v>23840.693650000001</v>
      </c>
      <c r="M8136">
        <v>311345.59769999998</v>
      </c>
      <c r="N8136">
        <v>78925.427849999993</v>
      </c>
      <c r="O8136">
        <v>23311.031319999998</v>
      </c>
      <c r="P8136">
        <v>39275.102200000001</v>
      </c>
      <c r="Q8136">
        <v>84021.662970000005</v>
      </c>
      <c r="R8136">
        <v>26263.509699999999</v>
      </c>
      <c r="S8136">
        <v>85938.462799999994</v>
      </c>
      <c r="T8136">
        <v>31129.860919999999</v>
      </c>
      <c r="U8136">
        <v>17171.468489999999</v>
      </c>
      <c r="W8136" s="83">
        <f>Bühler!N8168</f>
        <v>45630.916666646939</v>
      </c>
      <c r="X8136" s="83">
        <v>43439.916666666664</v>
      </c>
      <c r="Y8136">
        <v>247588.2654</v>
      </c>
      <c r="Z8136">
        <v>17436.192950000001</v>
      </c>
      <c r="AA8136">
        <v>52734.46284</v>
      </c>
      <c r="AB8136">
        <v>46076.416799999999</v>
      </c>
      <c r="AC8136">
        <v>41554.956639999997</v>
      </c>
      <c r="AD8136">
        <v>28946.47248</v>
      </c>
      <c r="AE8136">
        <v>28609.05761</v>
      </c>
      <c r="AF8136">
        <v>56495.7647</v>
      </c>
      <c r="AG8136">
        <v>23840.693650000001</v>
      </c>
      <c r="AH8136">
        <v>311345.59769999998</v>
      </c>
      <c r="AI8136">
        <v>78925.427849999993</v>
      </c>
      <c r="AJ8136">
        <v>23311.031319999998</v>
      </c>
      <c r="AK8136">
        <v>39275.102200000001</v>
      </c>
      <c r="AL8136">
        <v>84021.662970000005</v>
      </c>
      <c r="AM8136">
        <v>26263.509699999999</v>
      </c>
      <c r="AN8136">
        <v>85938.462799999994</v>
      </c>
      <c r="AO8136">
        <v>31129.860919999999</v>
      </c>
      <c r="AP8136">
        <v>17171.468489999999</v>
      </c>
    </row>
    <row r="8137" spans="2:42" x14ac:dyDescent="0.3">
      <c r="B8137">
        <v>60.429254943718</v>
      </c>
      <c r="C8137" s="83">
        <v>43439.958333333336</v>
      </c>
      <c r="D8137">
        <v>247289.93299999999</v>
      </c>
      <c r="E8137">
        <v>17099.84216</v>
      </c>
      <c r="F8137">
        <v>51526.103009999999</v>
      </c>
      <c r="G8137">
        <v>44734.07746</v>
      </c>
      <c r="H8137">
        <v>40352.049950000001</v>
      </c>
      <c r="I8137">
        <v>27822.419109999999</v>
      </c>
      <c r="J8137">
        <v>26602.9257</v>
      </c>
      <c r="K8137">
        <v>55961.722520000003</v>
      </c>
      <c r="L8137">
        <v>20701.225579999998</v>
      </c>
      <c r="M8137">
        <v>308096.52240000002</v>
      </c>
      <c r="N8137">
        <v>79077.125199999995</v>
      </c>
      <c r="O8137">
        <v>23562.07979</v>
      </c>
      <c r="P8137">
        <v>35478.95246</v>
      </c>
      <c r="Q8137">
        <v>83373.568419999996</v>
      </c>
      <c r="R8137">
        <v>25999.19542</v>
      </c>
      <c r="S8137">
        <v>84722.396470000007</v>
      </c>
      <c r="T8137">
        <v>31419.01586</v>
      </c>
      <c r="U8137">
        <v>16822.17239</v>
      </c>
      <c r="W8137" s="83">
        <f>Bühler!N8169</f>
        <v>45630.958333313603</v>
      </c>
      <c r="X8137" s="83">
        <v>43439.958333333336</v>
      </c>
      <c r="Y8137">
        <v>247289.93299999999</v>
      </c>
      <c r="Z8137">
        <v>17099.84216</v>
      </c>
      <c r="AA8137">
        <v>51526.103009999999</v>
      </c>
      <c r="AB8137">
        <v>44734.07746</v>
      </c>
      <c r="AC8137">
        <v>40352.049950000001</v>
      </c>
      <c r="AD8137">
        <v>27822.419109999999</v>
      </c>
      <c r="AE8137">
        <v>26602.9257</v>
      </c>
      <c r="AF8137">
        <v>55961.722520000003</v>
      </c>
      <c r="AG8137">
        <v>20701.225579999998</v>
      </c>
      <c r="AH8137">
        <v>308096.52240000002</v>
      </c>
      <c r="AI8137">
        <v>79077.125199999995</v>
      </c>
      <c r="AJ8137">
        <v>23562.07979</v>
      </c>
      <c r="AK8137">
        <v>35478.95246</v>
      </c>
      <c r="AL8137">
        <v>83373.568419999996</v>
      </c>
      <c r="AM8137">
        <v>25999.19542</v>
      </c>
      <c r="AN8137">
        <v>84722.396470000007</v>
      </c>
      <c r="AO8137">
        <v>31419.01586</v>
      </c>
      <c r="AP8137">
        <v>16822.17239</v>
      </c>
    </row>
    <row r="8138" spans="2:42" x14ac:dyDescent="0.3">
      <c r="B8138">
        <v>59.877299902484829</v>
      </c>
      <c r="C8138" s="83">
        <v>43440</v>
      </c>
      <c r="D8138">
        <v>246922.10750000001</v>
      </c>
      <c r="E8138">
        <v>16875.746419999999</v>
      </c>
      <c r="F8138">
        <v>51569.178359999998</v>
      </c>
      <c r="G8138">
        <v>44186.652620000001</v>
      </c>
      <c r="H8138">
        <v>39992.495080000001</v>
      </c>
      <c r="I8138">
        <v>25765.731530000001</v>
      </c>
      <c r="J8138">
        <v>25328.017070000002</v>
      </c>
      <c r="K8138">
        <v>53797.132420000002</v>
      </c>
      <c r="L8138">
        <v>18793.780070000001</v>
      </c>
      <c r="M8138">
        <v>305282.3982</v>
      </c>
      <c r="N8138">
        <v>78570.458400000003</v>
      </c>
      <c r="O8138">
        <v>23941.482100000001</v>
      </c>
      <c r="P8138">
        <v>32885.025860000002</v>
      </c>
      <c r="Q8138">
        <v>83508.147500000006</v>
      </c>
      <c r="R8138">
        <v>24890.225160000002</v>
      </c>
      <c r="S8138">
        <v>83577.219889999993</v>
      </c>
      <c r="T8138">
        <v>29294.686229999999</v>
      </c>
      <c r="U8138">
        <v>16790.1486</v>
      </c>
      <c r="W8138" s="83">
        <f>Bühler!N8170</f>
        <v>45630.999999980268</v>
      </c>
      <c r="X8138" s="83">
        <v>43440</v>
      </c>
      <c r="Y8138">
        <v>246922.10750000001</v>
      </c>
      <c r="Z8138">
        <v>16875.746419999999</v>
      </c>
      <c r="AA8138">
        <v>51569.178359999998</v>
      </c>
      <c r="AB8138">
        <v>44186.652620000001</v>
      </c>
      <c r="AC8138">
        <v>39992.495080000001</v>
      </c>
      <c r="AD8138">
        <v>25765.731530000001</v>
      </c>
      <c r="AE8138">
        <v>25328.017070000002</v>
      </c>
      <c r="AF8138">
        <v>53797.132420000002</v>
      </c>
      <c r="AG8138">
        <v>18793.780070000001</v>
      </c>
      <c r="AH8138">
        <v>305282.3982</v>
      </c>
      <c r="AI8138">
        <v>78570.458400000003</v>
      </c>
      <c r="AJ8138">
        <v>23941.482100000001</v>
      </c>
      <c r="AK8138">
        <v>32885.025860000002</v>
      </c>
      <c r="AL8138">
        <v>83508.147500000006</v>
      </c>
      <c r="AM8138">
        <v>24890.225160000002</v>
      </c>
      <c r="AN8138">
        <v>83577.219889999993</v>
      </c>
      <c r="AO8138">
        <v>29294.686229999999</v>
      </c>
      <c r="AP8138">
        <v>16790.1486</v>
      </c>
    </row>
    <row r="8139" spans="2:42" x14ac:dyDescent="0.3">
      <c r="B8139">
        <v>59.388225084145724</v>
      </c>
      <c r="C8139" s="83">
        <v>43440.041666666664</v>
      </c>
      <c r="D8139">
        <v>246810.38190000001</v>
      </c>
      <c r="E8139">
        <v>17134.33714</v>
      </c>
      <c r="F8139">
        <v>52819.897620000003</v>
      </c>
      <c r="G8139">
        <v>43529.255870000001</v>
      </c>
      <c r="H8139">
        <v>39409.914900000003</v>
      </c>
      <c r="I8139">
        <v>21232.847389999999</v>
      </c>
      <c r="J8139">
        <v>24952.875639999998</v>
      </c>
      <c r="K8139">
        <v>52108.16072</v>
      </c>
      <c r="L8139">
        <v>17936.251690000001</v>
      </c>
      <c r="M8139">
        <v>302788.86670000001</v>
      </c>
      <c r="N8139">
        <v>77016.845740000004</v>
      </c>
      <c r="O8139">
        <v>24147.95376</v>
      </c>
      <c r="P8139">
        <v>30912.049309999999</v>
      </c>
      <c r="Q8139">
        <v>84069.16764</v>
      </c>
      <c r="R8139">
        <v>24274.489280000002</v>
      </c>
      <c r="S8139">
        <v>83030.132679999995</v>
      </c>
      <c r="T8139">
        <v>28235.528149999998</v>
      </c>
      <c r="U8139">
        <v>17289.346890000001</v>
      </c>
      <c r="W8139" s="83">
        <f>Bühler!N8171</f>
        <v>45631.041666646932</v>
      </c>
      <c r="X8139" s="83">
        <v>43440.041666666664</v>
      </c>
      <c r="Y8139">
        <v>246810.38190000001</v>
      </c>
      <c r="Z8139">
        <v>17134.33714</v>
      </c>
      <c r="AA8139">
        <v>52819.897620000003</v>
      </c>
      <c r="AB8139">
        <v>43529.255870000001</v>
      </c>
      <c r="AC8139">
        <v>39409.914900000003</v>
      </c>
      <c r="AD8139">
        <v>21232.847389999999</v>
      </c>
      <c r="AE8139">
        <v>24952.875639999998</v>
      </c>
      <c r="AF8139">
        <v>52108.16072</v>
      </c>
      <c r="AG8139">
        <v>17936.251690000001</v>
      </c>
      <c r="AH8139">
        <v>302788.86670000001</v>
      </c>
      <c r="AI8139">
        <v>77016.845740000004</v>
      </c>
      <c r="AJ8139">
        <v>24147.95376</v>
      </c>
      <c r="AK8139">
        <v>30912.049309999999</v>
      </c>
      <c r="AL8139">
        <v>84069.16764</v>
      </c>
      <c r="AM8139">
        <v>24274.489280000002</v>
      </c>
      <c r="AN8139">
        <v>83030.132679999995</v>
      </c>
      <c r="AO8139">
        <v>28235.528149999998</v>
      </c>
      <c r="AP8139">
        <v>17289.346890000001</v>
      </c>
    </row>
    <row r="8140" spans="2:42" x14ac:dyDescent="0.3">
      <c r="B8140">
        <v>59.80572847776105</v>
      </c>
      <c r="C8140" s="83">
        <v>43440.083333333336</v>
      </c>
      <c r="D8140">
        <v>246401.20970000001</v>
      </c>
      <c r="E8140">
        <v>16856.790349999999</v>
      </c>
      <c r="F8140">
        <v>53105.595419999998</v>
      </c>
      <c r="G8140">
        <v>43361.821889999999</v>
      </c>
      <c r="H8140">
        <v>39360.905140000003</v>
      </c>
      <c r="I8140">
        <v>19691.11954</v>
      </c>
      <c r="J8140">
        <v>24750.51657</v>
      </c>
      <c r="K8140">
        <v>50987.74121</v>
      </c>
      <c r="L8140">
        <v>17861.35471</v>
      </c>
      <c r="M8140">
        <v>304917.49369999999</v>
      </c>
      <c r="N8140">
        <v>76939.071330000006</v>
      </c>
      <c r="O8140">
        <v>24349.094209999999</v>
      </c>
      <c r="P8140">
        <v>29799.355339999998</v>
      </c>
      <c r="Q8140">
        <v>86621.630590000001</v>
      </c>
      <c r="R8140">
        <v>23809.227419999999</v>
      </c>
      <c r="S8140">
        <v>82628.20263</v>
      </c>
      <c r="T8140">
        <v>28046.126950000002</v>
      </c>
      <c r="U8140">
        <v>17137.604230000001</v>
      </c>
      <c r="W8140" s="83">
        <f>Bühler!N8172</f>
        <v>45631.083333313596</v>
      </c>
      <c r="X8140" s="83">
        <v>43440.083333333336</v>
      </c>
      <c r="Y8140">
        <v>246401.20970000001</v>
      </c>
      <c r="Z8140">
        <v>16856.790349999999</v>
      </c>
      <c r="AA8140">
        <v>53105.595419999998</v>
      </c>
      <c r="AB8140">
        <v>43361.821889999999</v>
      </c>
      <c r="AC8140">
        <v>39360.905140000003</v>
      </c>
      <c r="AD8140">
        <v>19691.11954</v>
      </c>
      <c r="AE8140">
        <v>24750.51657</v>
      </c>
      <c r="AF8140">
        <v>50987.74121</v>
      </c>
      <c r="AG8140">
        <v>17861.35471</v>
      </c>
      <c r="AH8140">
        <v>304917.49369999999</v>
      </c>
      <c r="AI8140">
        <v>76939.071330000006</v>
      </c>
      <c r="AJ8140">
        <v>24349.094209999999</v>
      </c>
      <c r="AK8140">
        <v>29799.355339999998</v>
      </c>
      <c r="AL8140">
        <v>86621.630590000001</v>
      </c>
      <c r="AM8140">
        <v>23809.227419999999</v>
      </c>
      <c r="AN8140">
        <v>82628.20263</v>
      </c>
      <c r="AO8140">
        <v>28046.126950000002</v>
      </c>
      <c r="AP8140">
        <v>17137.604230000001</v>
      </c>
    </row>
    <row r="8141" spans="2:42" x14ac:dyDescent="0.3">
      <c r="B8141">
        <v>60.253562168690983</v>
      </c>
      <c r="C8141" s="83">
        <v>43440.125</v>
      </c>
      <c r="D8141">
        <v>247365.4938</v>
      </c>
      <c r="E8141">
        <v>16993.260330000001</v>
      </c>
      <c r="F8141">
        <v>53828.864869999998</v>
      </c>
      <c r="G8141">
        <v>42695.25071</v>
      </c>
      <c r="H8141">
        <v>39292.38624</v>
      </c>
      <c r="I8141">
        <v>19965.32546</v>
      </c>
      <c r="J8141">
        <v>25187.850419999999</v>
      </c>
      <c r="K8141">
        <v>49568.379560000001</v>
      </c>
      <c r="L8141">
        <v>17731.134880000001</v>
      </c>
      <c r="M8141">
        <v>307200.75870000001</v>
      </c>
      <c r="N8141">
        <v>76788.400609999997</v>
      </c>
      <c r="O8141">
        <v>23875.534230000001</v>
      </c>
      <c r="P8141">
        <v>29366.07329</v>
      </c>
      <c r="Q8141">
        <v>88512.361300000004</v>
      </c>
      <c r="R8141">
        <v>23809.564040000001</v>
      </c>
      <c r="S8141">
        <v>81673.423750000002</v>
      </c>
      <c r="T8141">
        <v>28245.075140000001</v>
      </c>
      <c r="U8141">
        <v>17700.277040000001</v>
      </c>
      <c r="W8141" s="83">
        <f>Bühler!N8173</f>
        <v>45631.12499998026</v>
      </c>
      <c r="X8141" s="83">
        <v>43440.125</v>
      </c>
      <c r="Y8141">
        <v>247365.4938</v>
      </c>
      <c r="Z8141">
        <v>16993.260330000001</v>
      </c>
      <c r="AA8141">
        <v>53828.864869999998</v>
      </c>
      <c r="AB8141">
        <v>42695.25071</v>
      </c>
      <c r="AC8141">
        <v>39292.38624</v>
      </c>
      <c r="AD8141">
        <v>19965.32546</v>
      </c>
      <c r="AE8141">
        <v>25187.850419999999</v>
      </c>
      <c r="AF8141">
        <v>49568.379560000001</v>
      </c>
      <c r="AG8141">
        <v>17731.134880000001</v>
      </c>
      <c r="AH8141">
        <v>307200.75870000001</v>
      </c>
      <c r="AI8141">
        <v>76788.400609999997</v>
      </c>
      <c r="AJ8141">
        <v>23875.534230000001</v>
      </c>
      <c r="AK8141">
        <v>29366.07329</v>
      </c>
      <c r="AL8141">
        <v>88512.361300000004</v>
      </c>
      <c r="AM8141">
        <v>23809.564040000001</v>
      </c>
      <c r="AN8141">
        <v>81673.423750000002</v>
      </c>
      <c r="AO8141">
        <v>28245.075140000001</v>
      </c>
      <c r="AP8141">
        <v>17700.277040000001</v>
      </c>
    </row>
    <row r="8142" spans="2:42" x14ac:dyDescent="0.3">
      <c r="B8142">
        <v>61.6429155398624</v>
      </c>
      <c r="C8142" s="83">
        <v>43440.166666666664</v>
      </c>
      <c r="D8142">
        <v>249955.52420000001</v>
      </c>
      <c r="E8142">
        <v>17578.560030000001</v>
      </c>
      <c r="F8142">
        <v>57520.139109999996</v>
      </c>
      <c r="G8142">
        <v>42442.66764</v>
      </c>
      <c r="H8142">
        <v>40262.109770000003</v>
      </c>
      <c r="I8142">
        <v>22267.675009999999</v>
      </c>
      <c r="J8142">
        <v>26528.304990000001</v>
      </c>
      <c r="K8142">
        <v>47326.968610000004</v>
      </c>
      <c r="L8142">
        <v>18086.172259999999</v>
      </c>
      <c r="M8142">
        <v>314284.33010000002</v>
      </c>
      <c r="N8142">
        <v>75672.185759999993</v>
      </c>
      <c r="O8142">
        <v>24622.797009999998</v>
      </c>
      <c r="P8142">
        <v>29126.433990000001</v>
      </c>
      <c r="Q8142">
        <v>91840.50722</v>
      </c>
      <c r="R8142">
        <v>23936.977050000001</v>
      </c>
      <c r="S8142">
        <v>82708.073780000006</v>
      </c>
      <c r="T8142">
        <v>28256.86564</v>
      </c>
      <c r="U8142">
        <v>18138.346259999998</v>
      </c>
      <c r="W8142" s="83">
        <f>Bühler!N8174</f>
        <v>45631.166666646925</v>
      </c>
      <c r="X8142" s="83">
        <v>43440.166666666664</v>
      </c>
      <c r="Y8142">
        <v>249955.52420000001</v>
      </c>
      <c r="Z8142">
        <v>17578.560030000001</v>
      </c>
      <c r="AA8142">
        <v>57520.139109999996</v>
      </c>
      <c r="AB8142">
        <v>42442.66764</v>
      </c>
      <c r="AC8142">
        <v>40262.109770000003</v>
      </c>
      <c r="AD8142">
        <v>22267.675009999999</v>
      </c>
      <c r="AE8142">
        <v>26528.304990000001</v>
      </c>
      <c r="AF8142">
        <v>47326.968610000004</v>
      </c>
      <c r="AG8142">
        <v>18086.172259999999</v>
      </c>
      <c r="AH8142">
        <v>314284.33010000002</v>
      </c>
      <c r="AI8142">
        <v>75672.185759999993</v>
      </c>
      <c r="AJ8142">
        <v>24622.797009999998</v>
      </c>
      <c r="AK8142">
        <v>29126.433990000001</v>
      </c>
      <c r="AL8142">
        <v>91840.50722</v>
      </c>
      <c r="AM8142">
        <v>23936.977050000001</v>
      </c>
      <c r="AN8142">
        <v>82708.073780000006</v>
      </c>
      <c r="AO8142">
        <v>28256.86564</v>
      </c>
      <c r="AP8142">
        <v>18138.346259999998</v>
      </c>
    </row>
    <row r="8143" spans="2:42" x14ac:dyDescent="0.3">
      <c r="B8143">
        <v>65.002411327654571</v>
      </c>
      <c r="C8143" s="83">
        <v>43440.208333333336</v>
      </c>
      <c r="D8143">
        <v>267243.48700000002</v>
      </c>
      <c r="E8143">
        <v>19955.16993</v>
      </c>
      <c r="F8143">
        <v>68459.258889999997</v>
      </c>
      <c r="G8143">
        <v>45327.018759999999</v>
      </c>
      <c r="H8143">
        <v>42233.291830000002</v>
      </c>
      <c r="I8143">
        <v>30880.72798</v>
      </c>
      <c r="J8143">
        <v>28862.33784</v>
      </c>
      <c r="K8143">
        <v>48038.644310000003</v>
      </c>
      <c r="L8143">
        <v>18841.474539999999</v>
      </c>
      <c r="M8143">
        <v>331412.60629999998</v>
      </c>
      <c r="N8143">
        <v>77833.740820000006</v>
      </c>
      <c r="O8143">
        <v>25429.466799999998</v>
      </c>
      <c r="P8143">
        <v>30516.946759999999</v>
      </c>
      <c r="Q8143">
        <v>95263.034750000006</v>
      </c>
      <c r="R8143">
        <v>25007.610949999998</v>
      </c>
      <c r="S8143">
        <v>84763.533060000002</v>
      </c>
      <c r="T8143">
        <v>29539.801500000001</v>
      </c>
      <c r="U8143">
        <v>20749.334589999999</v>
      </c>
      <c r="W8143" s="83">
        <f>Bühler!N8175</f>
        <v>45631.208333313589</v>
      </c>
      <c r="X8143" s="83">
        <v>43440.208333333336</v>
      </c>
      <c r="Y8143">
        <v>267243.48700000002</v>
      </c>
      <c r="Z8143">
        <v>19955.16993</v>
      </c>
      <c r="AA8143">
        <v>68459.258889999997</v>
      </c>
      <c r="AB8143">
        <v>45327.018759999999</v>
      </c>
      <c r="AC8143">
        <v>42233.291830000002</v>
      </c>
      <c r="AD8143">
        <v>30880.72798</v>
      </c>
      <c r="AE8143">
        <v>28862.33784</v>
      </c>
      <c r="AF8143">
        <v>48038.644310000003</v>
      </c>
      <c r="AG8143">
        <v>18841.474539999999</v>
      </c>
      <c r="AH8143">
        <v>331412.60629999998</v>
      </c>
      <c r="AI8143">
        <v>77833.740820000006</v>
      </c>
      <c r="AJ8143">
        <v>25429.466799999998</v>
      </c>
      <c r="AK8143">
        <v>30516.946759999999</v>
      </c>
      <c r="AL8143">
        <v>95263.034750000006</v>
      </c>
      <c r="AM8143">
        <v>25007.610949999998</v>
      </c>
      <c r="AN8143">
        <v>84763.533060000002</v>
      </c>
      <c r="AO8143">
        <v>29539.801500000001</v>
      </c>
      <c r="AP8143">
        <v>20749.334589999999</v>
      </c>
    </row>
    <row r="8144" spans="2:42" x14ac:dyDescent="0.3">
      <c r="B8144">
        <v>68.686096487140432</v>
      </c>
      <c r="C8144" s="83">
        <v>43440.25</v>
      </c>
      <c r="D8144">
        <v>284154.01659999997</v>
      </c>
      <c r="E8144">
        <v>24034.617559999999</v>
      </c>
      <c r="F8144">
        <v>82144.865220000007</v>
      </c>
      <c r="G8144">
        <v>59885.71643</v>
      </c>
      <c r="H8144">
        <v>46508.023910000004</v>
      </c>
      <c r="I8144">
        <v>39948.958590000002</v>
      </c>
      <c r="J8144">
        <v>32218.008809999999</v>
      </c>
      <c r="K8144">
        <v>51041.760199999997</v>
      </c>
      <c r="L8144">
        <v>20730.336800000001</v>
      </c>
      <c r="M8144">
        <v>350193.75109999999</v>
      </c>
      <c r="N8144">
        <v>83105.036590000003</v>
      </c>
      <c r="O8144">
        <v>26543.308540000002</v>
      </c>
      <c r="P8144">
        <v>30788.921350000001</v>
      </c>
      <c r="Q8144">
        <v>97870.304099999994</v>
      </c>
      <c r="R8144">
        <v>21505.247220000001</v>
      </c>
      <c r="S8144">
        <v>93227.163629999995</v>
      </c>
      <c r="T8144">
        <v>33250.093999999997</v>
      </c>
      <c r="U8144">
        <v>23223.92769</v>
      </c>
      <c r="W8144" s="83">
        <f>Bühler!N8176</f>
        <v>45631.249999980253</v>
      </c>
      <c r="X8144" s="83">
        <v>43440.25</v>
      </c>
      <c r="Y8144">
        <v>284154.01659999997</v>
      </c>
      <c r="Z8144">
        <v>24034.617559999999</v>
      </c>
      <c r="AA8144">
        <v>82144.865220000007</v>
      </c>
      <c r="AB8144">
        <v>59885.71643</v>
      </c>
      <c r="AC8144">
        <v>46508.023910000004</v>
      </c>
      <c r="AD8144">
        <v>39948.958590000002</v>
      </c>
      <c r="AE8144">
        <v>32218.008809999999</v>
      </c>
      <c r="AF8144">
        <v>51041.760199999997</v>
      </c>
      <c r="AG8144">
        <v>20730.336800000001</v>
      </c>
      <c r="AH8144">
        <v>350193.75109999999</v>
      </c>
      <c r="AI8144">
        <v>83105.036590000003</v>
      </c>
      <c r="AJ8144">
        <v>26543.308540000002</v>
      </c>
      <c r="AK8144">
        <v>30788.921350000001</v>
      </c>
      <c r="AL8144">
        <v>97870.304099999994</v>
      </c>
      <c r="AM8144">
        <v>21505.247220000001</v>
      </c>
      <c r="AN8144">
        <v>93227.163629999995</v>
      </c>
      <c r="AO8144">
        <v>33250.093999999997</v>
      </c>
      <c r="AP8144">
        <v>23223.92769</v>
      </c>
    </row>
    <row r="8145" spans="2:42" x14ac:dyDescent="0.3">
      <c r="B8145">
        <v>70.440157159544469</v>
      </c>
      <c r="C8145" s="83">
        <v>43440.291666666664</v>
      </c>
      <c r="D8145">
        <v>297782.76199999999</v>
      </c>
      <c r="E8145">
        <v>29510.93907</v>
      </c>
      <c r="F8145">
        <v>84291.028839999999</v>
      </c>
      <c r="G8145">
        <v>77550.715719999993</v>
      </c>
      <c r="H8145">
        <v>53321.87543</v>
      </c>
      <c r="I8145">
        <v>48263.850019999998</v>
      </c>
      <c r="J8145">
        <v>33593.209889999998</v>
      </c>
      <c r="K8145">
        <v>57188.0677</v>
      </c>
      <c r="L8145">
        <v>23777.38884</v>
      </c>
      <c r="M8145">
        <v>359136.77039999998</v>
      </c>
      <c r="N8145">
        <v>89435.995720000006</v>
      </c>
      <c r="O8145">
        <v>29277.681189999999</v>
      </c>
      <c r="P8145">
        <v>33988.02938</v>
      </c>
      <c r="Q8145">
        <v>97546.079530000003</v>
      </c>
      <c r="R8145">
        <v>23579.252570000001</v>
      </c>
      <c r="S8145">
        <v>109183.4134</v>
      </c>
      <c r="T8145">
        <v>35473.54898</v>
      </c>
      <c r="U8145">
        <v>28689.06684</v>
      </c>
      <c r="W8145" s="83">
        <f>Bühler!N8177</f>
        <v>45631.291666646917</v>
      </c>
      <c r="X8145" s="83">
        <v>43440.291666666664</v>
      </c>
      <c r="Y8145">
        <v>297782.76199999999</v>
      </c>
      <c r="Z8145">
        <v>29510.93907</v>
      </c>
      <c r="AA8145">
        <v>84291.028839999999</v>
      </c>
      <c r="AB8145">
        <v>77550.715719999993</v>
      </c>
      <c r="AC8145">
        <v>53321.87543</v>
      </c>
      <c r="AD8145">
        <v>48263.850019999998</v>
      </c>
      <c r="AE8145">
        <v>33593.209889999998</v>
      </c>
      <c r="AF8145">
        <v>57188.0677</v>
      </c>
      <c r="AG8145">
        <v>23777.38884</v>
      </c>
      <c r="AH8145">
        <v>359136.77039999998</v>
      </c>
      <c r="AI8145">
        <v>89435.995720000006</v>
      </c>
      <c r="AJ8145">
        <v>29277.681189999999</v>
      </c>
      <c r="AK8145">
        <v>33988.02938</v>
      </c>
      <c r="AL8145">
        <v>97546.079530000003</v>
      </c>
      <c r="AM8145">
        <v>23579.252570000001</v>
      </c>
      <c r="AN8145">
        <v>109183.4134</v>
      </c>
      <c r="AO8145">
        <v>35473.54898</v>
      </c>
      <c r="AP8145">
        <v>28689.06684</v>
      </c>
    </row>
    <row r="8146" spans="2:42" x14ac:dyDescent="0.3">
      <c r="B8146">
        <v>70.876001774564074</v>
      </c>
      <c r="C8146" s="83">
        <v>43440.333333333336</v>
      </c>
      <c r="D8146">
        <v>309288.54859999998</v>
      </c>
      <c r="E8146">
        <v>35833.508470000001</v>
      </c>
      <c r="F8146">
        <v>90178.343240000002</v>
      </c>
      <c r="G8146">
        <v>94903.574789999999</v>
      </c>
      <c r="H8146">
        <v>58031.163890000003</v>
      </c>
      <c r="I8146">
        <v>50509.355560000004</v>
      </c>
      <c r="J8146">
        <v>33599.54247</v>
      </c>
      <c r="K8146">
        <v>62401.196430000004</v>
      </c>
      <c r="L8146">
        <v>27820.74912</v>
      </c>
      <c r="M8146">
        <v>361358.90950000001</v>
      </c>
      <c r="N8146">
        <v>97530.390849999996</v>
      </c>
      <c r="O8146">
        <v>30082.667819999999</v>
      </c>
      <c r="P8146">
        <v>35984.555990000001</v>
      </c>
      <c r="Q8146">
        <v>98481.591929999995</v>
      </c>
      <c r="R8146">
        <v>23759.80256</v>
      </c>
      <c r="S8146">
        <v>124402.4155</v>
      </c>
      <c r="T8146">
        <v>39569.116730000002</v>
      </c>
      <c r="U8146">
        <v>31630.20261</v>
      </c>
      <c r="W8146" s="83">
        <f>Bühler!N8178</f>
        <v>45631.333333313582</v>
      </c>
      <c r="X8146" s="83">
        <v>43440.333333333336</v>
      </c>
      <c r="Y8146">
        <v>309288.54859999998</v>
      </c>
      <c r="Z8146">
        <v>35833.508470000001</v>
      </c>
      <c r="AA8146">
        <v>90178.343240000002</v>
      </c>
      <c r="AB8146">
        <v>94903.574789999999</v>
      </c>
      <c r="AC8146">
        <v>58031.163890000003</v>
      </c>
      <c r="AD8146">
        <v>50509.355560000004</v>
      </c>
      <c r="AE8146">
        <v>33599.54247</v>
      </c>
      <c r="AF8146">
        <v>62401.196430000004</v>
      </c>
      <c r="AG8146">
        <v>27820.74912</v>
      </c>
      <c r="AH8146">
        <v>361358.90950000001</v>
      </c>
      <c r="AI8146">
        <v>97530.390849999996</v>
      </c>
      <c r="AJ8146">
        <v>30082.667819999999</v>
      </c>
      <c r="AK8146">
        <v>35984.555990000001</v>
      </c>
      <c r="AL8146">
        <v>98481.591929999995</v>
      </c>
      <c r="AM8146">
        <v>23759.80256</v>
      </c>
      <c r="AN8146">
        <v>124402.4155</v>
      </c>
      <c r="AO8146">
        <v>39569.116730000002</v>
      </c>
      <c r="AP8146">
        <v>31630.20261</v>
      </c>
    </row>
    <row r="8147" spans="2:42" x14ac:dyDescent="0.3">
      <c r="B8147">
        <v>70.404165002748229</v>
      </c>
      <c r="C8147" s="83">
        <v>43440.375</v>
      </c>
      <c r="D8147">
        <v>308427.8138</v>
      </c>
      <c r="E8147">
        <v>39878.937039999997</v>
      </c>
      <c r="F8147">
        <v>96310.685410000006</v>
      </c>
      <c r="G8147">
        <v>105086.64169999999</v>
      </c>
      <c r="H8147">
        <v>59863.141739999999</v>
      </c>
      <c r="I8147">
        <v>47694.518960000001</v>
      </c>
      <c r="J8147">
        <v>33023.96789</v>
      </c>
      <c r="K8147">
        <v>60519.614260000002</v>
      </c>
      <c r="L8147">
        <v>30393.542300000001</v>
      </c>
      <c r="M8147">
        <v>358953.26559999998</v>
      </c>
      <c r="N8147">
        <v>99877.066699999996</v>
      </c>
      <c r="O8147">
        <v>30397.20622</v>
      </c>
      <c r="P8147">
        <v>37269.989629999996</v>
      </c>
      <c r="Q8147">
        <v>98788.60974</v>
      </c>
      <c r="R8147">
        <v>22372.082849999999</v>
      </c>
      <c r="S8147">
        <v>129764.67200000001</v>
      </c>
      <c r="T8147">
        <v>41452.037830000001</v>
      </c>
      <c r="U8147">
        <v>30459.279640000001</v>
      </c>
      <c r="W8147" s="83">
        <f>Bühler!N8179</f>
        <v>45631.374999980246</v>
      </c>
      <c r="X8147" s="83">
        <v>43440.375</v>
      </c>
      <c r="Y8147">
        <v>308427.8138</v>
      </c>
      <c r="Z8147">
        <v>39878.937039999997</v>
      </c>
      <c r="AA8147">
        <v>96310.685410000006</v>
      </c>
      <c r="AB8147">
        <v>105086.64169999999</v>
      </c>
      <c r="AC8147">
        <v>59863.141739999999</v>
      </c>
      <c r="AD8147">
        <v>47694.518960000001</v>
      </c>
      <c r="AE8147">
        <v>33023.96789</v>
      </c>
      <c r="AF8147">
        <v>60519.614260000002</v>
      </c>
      <c r="AG8147">
        <v>30393.542300000001</v>
      </c>
      <c r="AH8147">
        <v>358953.26559999998</v>
      </c>
      <c r="AI8147">
        <v>99877.066699999996</v>
      </c>
      <c r="AJ8147">
        <v>30397.20622</v>
      </c>
      <c r="AK8147">
        <v>37269.989629999996</v>
      </c>
      <c r="AL8147">
        <v>98788.60974</v>
      </c>
      <c r="AM8147">
        <v>22372.082849999999</v>
      </c>
      <c r="AN8147">
        <v>129764.67200000001</v>
      </c>
      <c r="AO8147">
        <v>41452.037830000001</v>
      </c>
      <c r="AP8147">
        <v>30459.279640000001</v>
      </c>
    </row>
    <row r="8148" spans="2:42" x14ac:dyDescent="0.3">
      <c r="B8148">
        <v>71.120066168940895</v>
      </c>
      <c r="C8148" s="83">
        <v>43440.416666666664</v>
      </c>
      <c r="D8148">
        <v>309674.3751</v>
      </c>
      <c r="E8148">
        <v>41241.776890000001</v>
      </c>
      <c r="F8148">
        <v>96054.891520000005</v>
      </c>
      <c r="G8148">
        <v>105688.3799</v>
      </c>
      <c r="H8148">
        <v>60141.157780000001</v>
      </c>
      <c r="I8148">
        <v>44432.291660000003</v>
      </c>
      <c r="J8148">
        <v>31593.521420000001</v>
      </c>
      <c r="K8148">
        <v>61527.355389999997</v>
      </c>
      <c r="L8148">
        <v>31861.39588</v>
      </c>
      <c r="M8148">
        <v>362603.26360000001</v>
      </c>
      <c r="N8148">
        <v>100501.9653</v>
      </c>
      <c r="O8148">
        <v>29817.661840000001</v>
      </c>
      <c r="P8148">
        <v>37199.510569999999</v>
      </c>
      <c r="Q8148">
        <v>97896.080979999999</v>
      </c>
      <c r="R8148">
        <v>22934.09073</v>
      </c>
      <c r="S8148">
        <v>130628.53539999999</v>
      </c>
      <c r="T8148">
        <v>42250.208919999997</v>
      </c>
      <c r="U8148">
        <v>30028.372090000001</v>
      </c>
      <c r="W8148" s="83">
        <f>Bühler!N8180</f>
        <v>45631.41666664691</v>
      </c>
      <c r="X8148" s="83">
        <v>43440.416666666664</v>
      </c>
      <c r="Y8148">
        <v>309674.3751</v>
      </c>
      <c r="Z8148">
        <v>41241.776890000001</v>
      </c>
      <c r="AA8148">
        <v>96054.891520000005</v>
      </c>
      <c r="AB8148">
        <v>105688.3799</v>
      </c>
      <c r="AC8148">
        <v>60141.157780000001</v>
      </c>
      <c r="AD8148">
        <v>44432.291660000003</v>
      </c>
      <c r="AE8148">
        <v>31593.521420000001</v>
      </c>
      <c r="AF8148">
        <v>61527.355389999997</v>
      </c>
      <c r="AG8148">
        <v>31861.39588</v>
      </c>
      <c r="AH8148">
        <v>362603.26360000001</v>
      </c>
      <c r="AI8148">
        <v>100501.9653</v>
      </c>
      <c r="AJ8148">
        <v>29817.661840000001</v>
      </c>
      <c r="AK8148">
        <v>37199.510569999999</v>
      </c>
      <c r="AL8148">
        <v>97896.080979999999</v>
      </c>
      <c r="AM8148">
        <v>22934.09073</v>
      </c>
      <c r="AN8148">
        <v>130628.53539999999</v>
      </c>
      <c r="AO8148">
        <v>42250.208919999997</v>
      </c>
      <c r="AP8148">
        <v>30028.372090000001</v>
      </c>
    </row>
    <row r="8149" spans="2:42" x14ac:dyDescent="0.3">
      <c r="B8149">
        <v>71.404661418312173</v>
      </c>
      <c r="C8149" s="83">
        <v>43440.458333333336</v>
      </c>
      <c r="D8149">
        <v>308445.83159999998</v>
      </c>
      <c r="E8149">
        <v>40405.999730000003</v>
      </c>
      <c r="F8149">
        <v>96897.785189999995</v>
      </c>
      <c r="G8149">
        <v>103212.88400000001</v>
      </c>
      <c r="H8149">
        <v>59458.388299999999</v>
      </c>
      <c r="I8149">
        <v>42763.563139999998</v>
      </c>
      <c r="J8149">
        <v>31490.156879999999</v>
      </c>
      <c r="K8149">
        <v>67024.4948</v>
      </c>
      <c r="L8149">
        <v>32985.551299999999</v>
      </c>
      <c r="M8149">
        <v>364054.26289999997</v>
      </c>
      <c r="N8149">
        <v>99797.759019999998</v>
      </c>
      <c r="O8149">
        <v>29404.5926</v>
      </c>
      <c r="P8149">
        <v>36718.975700000003</v>
      </c>
      <c r="Q8149">
        <v>97240.431230000002</v>
      </c>
      <c r="R8149">
        <v>26615.12556</v>
      </c>
      <c r="S8149">
        <v>130577.42909999999</v>
      </c>
      <c r="T8149">
        <v>42183.21716</v>
      </c>
      <c r="U8149">
        <v>29345.089240000001</v>
      </c>
      <c r="W8149" s="83">
        <f>Bühler!N8181</f>
        <v>45631.458333313574</v>
      </c>
      <c r="X8149" s="83">
        <v>43440.458333333336</v>
      </c>
      <c r="Y8149">
        <v>308445.83159999998</v>
      </c>
      <c r="Z8149">
        <v>40405.999730000003</v>
      </c>
      <c r="AA8149">
        <v>96897.785189999995</v>
      </c>
      <c r="AB8149">
        <v>103212.88400000001</v>
      </c>
      <c r="AC8149">
        <v>59458.388299999999</v>
      </c>
      <c r="AD8149">
        <v>42763.563139999998</v>
      </c>
      <c r="AE8149">
        <v>31490.156879999999</v>
      </c>
      <c r="AF8149">
        <v>67024.4948</v>
      </c>
      <c r="AG8149">
        <v>32985.551299999999</v>
      </c>
      <c r="AH8149">
        <v>364054.26289999997</v>
      </c>
      <c r="AI8149">
        <v>99797.759019999998</v>
      </c>
      <c r="AJ8149">
        <v>29404.5926</v>
      </c>
      <c r="AK8149">
        <v>36718.975700000003</v>
      </c>
      <c r="AL8149">
        <v>97240.431230000002</v>
      </c>
      <c r="AM8149">
        <v>26615.12556</v>
      </c>
      <c r="AN8149">
        <v>130577.42909999999</v>
      </c>
      <c r="AO8149">
        <v>42183.21716</v>
      </c>
      <c r="AP8149">
        <v>29345.089240000001</v>
      </c>
    </row>
    <row r="8150" spans="2:42" x14ac:dyDescent="0.3">
      <c r="B8150">
        <v>70.705514074596906</v>
      </c>
      <c r="C8150" s="83">
        <v>43440.5</v>
      </c>
      <c r="D8150">
        <v>293966.42340000003</v>
      </c>
      <c r="E8150">
        <v>36462.215839999997</v>
      </c>
      <c r="F8150">
        <v>94805.491599999994</v>
      </c>
      <c r="G8150">
        <v>100609.355</v>
      </c>
      <c r="H8150">
        <v>56489.774550000002</v>
      </c>
      <c r="I8150">
        <v>40623.09074</v>
      </c>
      <c r="J8150">
        <v>31360.268680000001</v>
      </c>
      <c r="K8150">
        <v>62825.676399999997</v>
      </c>
      <c r="L8150">
        <v>35579.289380000002</v>
      </c>
      <c r="M8150">
        <v>360489.68369999999</v>
      </c>
      <c r="N8150">
        <v>95843.009860000006</v>
      </c>
      <c r="O8150">
        <v>28290.42325</v>
      </c>
      <c r="P8150">
        <v>37586.791649999999</v>
      </c>
      <c r="Q8150">
        <v>95859.735839999994</v>
      </c>
      <c r="R8150">
        <v>25989.365269999998</v>
      </c>
      <c r="S8150">
        <v>122474.4822</v>
      </c>
      <c r="T8150">
        <v>41924.242509999996</v>
      </c>
      <c r="U8150">
        <v>24317.723730000002</v>
      </c>
      <c r="W8150" s="83">
        <f>Bühler!N8182</f>
        <v>45631.499999980238</v>
      </c>
      <c r="X8150" s="83">
        <v>43440.5</v>
      </c>
      <c r="Y8150">
        <v>293966.42340000003</v>
      </c>
      <c r="Z8150">
        <v>36462.215839999997</v>
      </c>
      <c r="AA8150">
        <v>94805.491599999994</v>
      </c>
      <c r="AB8150">
        <v>100609.355</v>
      </c>
      <c r="AC8150">
        <v>56489.774550000002</v>
      </c>
      <c r="AD8150">
        <v>40623.09074</v>
      </c>
      <c r="AE8150">
        <v>31360.268680000001</v>
      </c>
      <c r="AF8150">
        <v>62825.676399999997</v>
      </c>
      <c r="AG8150">
        <v>35579.289380000002</v>
      </c>
      <c r="AH8150">
        <v>360489.68369999999</v>
      </c>
      <c r="AI8150">
        <v>95843.009860000006</v>
      </c>
      <c r="AJ8150">
        <v>28290.42325</v>
      </c>
      <c r="AK8150">
        <v>37586.791649999999</v>
      </c>
      <c r="AL8150">
        <v>95859.735839999994</v>
      </c>
      <c r="AM8150">
        <v>25989.365269999998</v>
      </c>
      <c r="AN8150">
        <v>122474.4822</v>
      </c>
      <c r="AO8150">
        <v>41924.242509999996</v>
      </c>
      <c r="AP8150">
        <v>24317.723730000002</v>
      </c>
    </row>
    <row r="8151" spans="2:42" x14ac:dyDescent="0.3">
      <c r="B8151">
        <v>70.899644943296607</v>
      </c>
      <c r="C8151" s="83">
        <v>43440.541666666664</v>
      </c>
      <c r="D8151">
        <v>293514.47649999999</v>
      </c>
      <c r="E8151">
        <v>36334.625800000002</v>
      </c>
      <c r="F8151">
        <v>94008.180680000005</v>
      </c>
      <c r="G8151">
        <v>96883.52781</v>
      </c>
      <c r="H8151">
        <v>56641.844830000002</v>
      </c>
      <c r="I8151">
        <v>39739.894240000001</v>
      </c>
      <c r="J8151">
        <v>30511.721590000001</v>
      </c>
      <c r="K8151">
        <v>65243.790650000003</v>
      </c>
      <c r="L8151">
        <v>34224.253270000001</v>
      </c>
      <c r="M8151">
        <v>361479.4534</v>
      </c>
      <c r="N8151">
        <v>96080.116209999993</v>
      </c>
      <c r="O8151">
        <v>27622.81</v>
      </c>
      <c r="P8151">
        <v>36258.64271</v>
      </c>
      <c r="Q8151">
        <v>94825.646850000005</v>
      </c>
      <c r="R8151">
        <v>27203.25909</v>
      </c>
      <c r="S8151">
        <v>120754.6652</v>
      </c>
      <c r="T8151">
        <v>40445.140319999999</v>
      </c>
      <c r="U8151">
        <v>25664.015800000001</v>
      </c>
      <c r="W8151" s="83">
        <f>Bühler!N8183</f>
        <v>45631.541666646903</v>
      </c>
      <c r="X8151" s="83">
        <v>43440.541666666664</v>
      </c>
      <c r="Y8151">
        <v>293514.47649999999</v>
      </c>
      <c r="Z8151">
        <v>36334.625800000002</v>
      </c>
      <c r="AA8151">
        <v>94008.180680000005</v>
      </c>
      <c r="AB8151">
        <v>96883.52781</v>
      </c>
      <c r="AC8151">
        <v>56641.844830000002</v>
      </c>
      <c r="AD8151">
        <v>39739.894240000001</v>
      </c>
      <c r="AE8151">
        <v>30511.721590000001</v>
      </c>
      <c r="AF8151">
        <v>65243.790650000003</v>
      </c>
      <c r="AG8151">
        <v>34224.253270000001</v>
      </c>
      <c r="AH8151">
        <v>361479.4534</v>
      </c>
      <c r="AI8151">
        <v>96080.116209999993</v>
      </c>
      <c r="AJ8151">
        <v>27622.81</v>
      </c>
      <c r="AK8151">
        <v>36258.64271</v>
      </c>
      <c r="AL8151">
        <v>94825.646850000005</v>
      </c>
      <c r="AM8151">
        <v>27203.25909</v>
      </c>
      <c r="AN8151">
        <v>120754.6652</v>
      </c>
      <c r="AO8151">
        <v>40445.140319999999</v>
      </c>
      <c r="AP8151">
        <v>25664.015800000001</v>
      </c>
    </row>
    <row r="8152" spans="2:42" x14ac:dyDescent="0.3">
      <c r="B8152">
        <v>71.167497295044441</v>
      </c>
      <c r="C8152" s="83">
        <v>43440.583333333336</v>
      </c>
      <c r="D8152">
        <v>297285.71720000001</v>
      </c>
      <c r="E8152">
        <v>38635.492279999999</v>
      </c>
      <c r="F8152">
        <v>96023.426130000007</v>
      </c>
      <c r="G8152">
        <v>91249.666060000003</v>
      </c>
      <c r="H8152">
        <v>56741.45564</v>
      </c>
      <c r="I8152">
        <v>40691.970209999999</v>
      </c>
      <c r="J8152">
        <v>30161.252479999999</v>
      </c>
      <c r="K8152">
        <v>66534.420169999998</v>
      </c>
      <c r="L8152">
        <v>30782.74638</v>
      </c>
      <c r="M8152">
        <v>362845.08960000001</v>
      </c>
      <c r="N8152">
        <v>97330.852849999996</v>
      </c>
      <c r="O8152">
        <v>27255.07833</v>
      </c>
      <c r="P8152">
        <v>32786.641739999999</v>
      </c>
      <c r="Q8152">
        <v>94190.06207</v>
      </c>
      <c r="R8152">
        <v>25078.993849999999</v>
      </c>
      <c r="S8152">
        <v>116202.71890000001</v>
      </c>
      <c r="T8152">
        <v>38264.031410000003</v>
      </c>
      <c r="U8152">
        <v>27230.598099999999</v>
      </c>
      <c r="W8152" s="83">
        <f>Bühler!N8184</f>
        <v>45631.583333313567</v>
      </c>
      <c r="X8152" s="83">
        <v>43440.583333333336</v>
      </c>
      <c r="Y8152">
        <v>297285.71720000001</v>
      </c>
      <c r="Z8152">
        <v>38635.492279999999</v>
      </c>
      <c r="AA8152">
        <v>96023.426130000007</v>
      </c>
      <c r="AB8152">
        <v>91249.666060000003</v>
      </c>
      <c r="AC8152">
        <v>56741.45564</v>
      </c>
      <c r="AD8152">
        <v>40691.970209999999</v>
      </c>
      <c r="AE8152">
        <v>30161.252479999999</v>
      </c>
      <c r="AF8152">
        <v>66534.420169999998</v>
      </c>
      <c r="AG8152">
        <v>30782.74638</v>
      </c>
      <c r="AH8152">
        <v>362845.08960000001</v>
      </c>
      <c r="AI8152">
        <v>97330.852849999996</v>
      </c>
      <c r="AJ8152">
        <v>27255.07833</v>
      </c>
      <c r="AK8152">
        <v>32786.641739999999</v>
      </c>
      <c r="AL8152">
        <v>94190.06207</v>
      </c>
      <c r="AM8152">
        <v>25078.993849999999</v>
      </c>
      <c r="AN8152">
        <v>116202.71890000001</v>
      </c>
      <c r="AO8152">
        <v>38264.031410000003</v>
      </c>
      <c r="AP8152">
        <v>27230.598099999999</v>
      </c>
    </row>
    <row r="8153" spans="2:42" x14ac:dyDescent="0.3">
      <c r="B8153">
        <v>70.036740766839387</v>
      </c>
      <c r="C8153" s="83">
        <v>43440.625</v>
      </c>
      <c r="D8153">
        <v>294908.2953</v>
      </c>
      <c r="E8153">
        <v>38599.40337</v>
      </c>
      <c r="F8153">
        <v>95886.632169999997</v>
      </c>
      <c r="G8153">
        <v>89073.7837</v>
      </c>
      <c r="H8153">
        <v>55096.963750000003</v>
      </c>
      <c r="I8153">
        <v>41442.411650000002</v>
      </c>
      <c r="J8153">
        <v>29699.66532</v>
      </c>
      <c r="K8153">
        <v>64356.770550000001</v>
      </c>
      <c r="L8153">
        <v>27409.184310000001</v>
      </c>
      <c r="M8153">
        <v>357079.96549999999</v>
      </c>
      <c r="N8153">
        <v>95492.624410000004</v>
      </c>
      <c r="O8153">
        <v>27360.959309999998</v>
      </c>
      <c r="P8153">
        <v>30965.344300000001</v>
      </c>
      <c r="Q8153">
        <v>93955.641659999994</v>
      </c>
      <c r="R8153">
        <v>24331.652419999999</v>
      </c>
      <c r="S8153">
        <v>114526.35739999999</v>
      </c>
      <c r="T8153">
        <v>38053.594089999999</v>
      </c>
      <c r="U8153">
        <v>25591.923070000001</v>
      </c>
      <c r="W8153" s="83">
        <f>Bühler!N8185</f>
        <v>45631.624999980231</v>
      </c>
      <c r="X8153" s="83">
        <v>43440.625</v>
      </c>
      <c r="Y8153">
        <v>294908.2953</v>
      </c>
      <c r="Z8153">
        <v>38599.40337</v>
      </c>
      <c r="AA8153">
        <v>95886.632169999997</v>
      </c>
      <c r="AB8153">
        <v>89073.7837</v>
      </c>
      <c r="AC8153">
        <v>55096.963750000003</v>
      </c>
      <c r="AD8153">
        <v>41442.411650000002</v>
      </c>
      <c r="AE8153">
        <v>29699.66532</v>
      </c>
      <c r="AF8153">
        <v>64356.770550000001</v>
      </c>
      <c r="AG8153">
        <v>27409.184310000001</v>
      </c>
      <c r="AH8153">
        <v>357079.96549999999</v>
      </c>
      <c r="AI8153">
        <v>95492.624410000004</v>
      </c>
      <c r="AJ8153">
        <v>27360.959309999998</v>
      </c>
      <c r="AK8153">
        <v>30965.344300000001</v>
      </c>
      <c r="AL8153">
        <v>93955.641659999994</v>
      </c>
      <c r="AM8153">
        <v>24331.652419999999</v>
      </c>
      <c r="AN8153">
        <v>114526.35739999999</v>
      </c>
      <c r="AO8153">
        <v>38053.594089999999</v>
      </c>
      <c r="AP8153">
        <v>25591.923070000001</v>
      </c>
    </row>
    <row r="8154" spans="2:42" x14ac:dyDescent="0.3">
      <c r="B8154">
        <v>68.633816903021852</v>
      </c>
      <c r="C8154" s="83">
        <v>43440.666666666664</v>
      </c>
      <c r="D8154">
        <v>288721.21470000001</v>
      </c>
      <c r="E8154">
        <v>38142.833769999997</v>
      </c>
      <c r="F8154">
        <v>95573.43879</v>
      </c>
      <c r="G8154">
        <v>86249.090330000006</v>
      </c>
      <c r="H8154">
        <v>54192.378909999999</v>
      </c>
      <c r="I8154">
        <v>43291.788560000001</v>
      </c>
      <c r="J8154">
        <v>29856.90523</v>
      </c>
      <c r="K8154">
        <v>63114.77031</v>
      </c>
      <c r="L8154">
        <v>26785.74638</v>
      </c>
      <c r="M8154">
        <v>349927.20539999998</v>
      </c>
      <c r="N8154">
        <v>92279.115309999994</v>
      </c>
      <c r="O8154">
        <v>27514.310420000002</v>
      </c>
      <c r="P8154">
        <v>31828.512739999998</v>
      </c>
      <c r="Q8154">
        <v>93427.317880000002</v>
      </c>
      <c r="R8154">
        <v>24568.19803</v>
      </c>
      <c r="S8154">
        <v>113468.0364</v>
      </c>
      <c r="T8154">
        <v>37996.017570000004</v>
      </c>
      <c r="U8154">
        <v>24486.170269999999</v>
      </c>
      <c r="W8154" s="83">
        <f>Bühler!N8186</f>
        <v>45631.666666646895</v>
      </c>
      <c r="X8154" s="83">
        <v>43440.666666666664</v>
      </c>
      <c r="Y8154">
        <v>288721.21470000001</v>
      </c>
      <c r="Z8154">
        <v>38142.833769999997</v>
      </c>
      <c r="AA8154">
        <v>95573.43879</v>
      </c>
      <c r="AB8154">
        <v>86249.090330000006</v>
      </c>
      <c r="AC8154">
        <v>54192.378909999999</v>
      </c>
      <c r="AD8154">
        <v>43291.788560000001</v>
      </c>
      <c r="AE8154">
        <v>29856.90523</v>
      </c>
      <c r="AF8154">
        <v>63114.77031</v>
      </c>
      <c r="AG8154">
        <v>26785.74638</v>
      </c>
      <c r="AH8154">
        <v>349927.20539999998</v>
      </c>
      <c r="AI8154">
        <v>92279.115309999994</v>
      </c>
      <c r="AJ8154">
        <v>27514.310420000002</v>
      </c>
      <c r="AK8154">
        <v>31828.512739999998</v>
      </c>
      <c r="AL8154">
        <v>93427.317880000002</v>
      </c>
      <c r="AM8154">
        <v>24568.19803</v>
      </c>
      <c r="AN8154">
        <v>113468.0364</v>
      </c>
      <c r="AO8154">
        <v>37996.017570000004</v>
      </c>
      <c r="AP8154">
        <v>24486.170269999999</v>
      </c>
    </row>
    <row r="8155" spans="2:42" x14ac:dyDescent="0.3">
      <c r="B8155">
        <v>68.273168606715814</v>
      </c>
      <c r="C8155" s="83">
        <v>43440.708333333336</v>
      </c>
      <c r="D8155">
        <v>279130.06809999997</v>
      </c>
      <c r="E8155">
        <v>36919.672409999999</v>
      </c>
      <c r="F8155">
        <v>97117.296419999999</v>
      </c>
      <c r="G8155">
        <v>80138.438569999998</v>
      </c>
      <c r="H8155">
        <v>54262.091350000002</v>
      </c>
      <c r="I8155">
        <v>42657.213150000003</v>
      </c>
      <c r="J8155">
        <v>32192.534660000001</v>
      </c>
      <c r="K8155">
        <v>56387.054909999999</v>
      </c>
      <c r="L8155">
        <v>28474.35368</v>
      </c>
      <c r="M8155">
        <v>348088.4522</v>
      </c>
      <c r="N8155">
        <v>91643.067540000004</v>
      </c>
      <c r="O8155">
        <v>27013.364580000001</v>
      </c>
      <c r="P8155">
        <v>33934.440479999997</v>
      </c>
      <c r="Q8155">
        <v>92307.724910000004</v>
      </c>
      <c r="R8155">
        <v>23551.234629999999</v>
      </c>
      <c r="S8155">
        <v>114510.0025</v>
      </c>
      <c r="T8155">
        <v>39605.12012</v>
      </c>
      <c r="U8155">
        <v>22681.039779999999</v>
      </c>
      <c r="W8155" s="83">
        <f>Bühler!N8187</f>
        <v>45631.70833331356</v>
      </c>
      <c r="X8155" s="83">
        <v>43440.708333333336</v>
      </c>
      <c r="Y8155">
        <v>279130.06809999997</v>
      </c>
      <c r="Z8155">
        <v>36919.672409999999</v>
      </c>
      <c r="AA8155">
        <v>97117.296419999999</v>
      </c>
      <c r="AB8155">
        <v>80138.438569999998</v>
      </c>
      <c r="AC8155">
        <v>54262.091350000002</v>
      </c>
      <c r="AD8155">
        <v>42657.213150000003</v>
      </c>
      <c r="AE8155">
        <v>32192.534660000001</v>
      </c>
      <c r="AF8155">
        <v>56387.054909999999</v>
      </c>
      <c r="AG8155">
        <v>28474.35368</v>
      </c>
      <c r="AH8155">
        <v>348088.4522</v>
      </c>
      <c r="AI8155">
        <v>91643.067540000004</v>
      </c>
      <c r="AJ8155">
        <v>27013.364580000001</v>
      </c>
      <c r="AK8155">
        <v>33934.440479999997</v>
      </c>
      <c r="AL8155">
        <v>92307.724910000004</v>
      </c>
      <c r="AM8155">
        <v>23551.234629999999</v>
      </c>
      <c r="AN8155">
        <v>114510.0025</v>
      </c>
      <c r="AO8155">
        <v>39605.12012</v>
      </c>
      <c r="AP8155">
        <v>22681.039779999999</v>
      </c>
    </row>
    <row r="8156" spans="2:42" x14ac:dyDescent="0.3">
      <c r="B8156">
        <v>66.929150221498489</v>
      </c>
      <c r="C8156" s="83">
        <v>43440.75</v>
      </c>
      <c r="D8156">
        <v>272429.82179999998</v>
      </c>
      <c r="E8156">
        <v>33139.298909999998</v>
      </c>
      <c r="F8156">
        <v>93235.634229999996</v>
      </c>
      <c r="G8156">
        <v>69710.567139999999</v>
      </c>
      <c r="H8156">
        <v>50961.291700000002</v>
      </c>
      <c r="I8156">
        <v>40192.198969999998</v>
      </c>
      <c r="J8156">
        <v>32076.373250000001</v>
      </c>
      <c r="K8156">
        <v>49639.087169999999</v>
      </c>
      <c r="L8156">
        <v>30564.217820000002</v>
      </c>
      <c r="M8156">
        <v>341236.0197</v>
      </c>
      <c r="N8156">
        <v>89510.060660000003</v>
      </c>
      <c r="O8156">
        <v>25815.631509999999</v>
      </c>
      <c r="P8156">
        <v>37348.746829999996</v>
      </c>
      <c r="Q8156">
        <v>91279.210560000007</v>
      </c>
      <c r="R8156">
        <v>20783.431260000001</v>
      </c>
      <c r="S8156">
        <v>108156.0239</v>
      </c>
      <c r="T8156">
        <v>40770.90698</v>
      </c>
      <c r="U8156">
        <v>20376.395840000001</v>
      </c>
      <c r="W8156" s="83">
        <f>Bühler!N8188</f>
        <v>45631.749999980224</v>
      </c>
      <c r="X8156" s="83">
        <v>43440.75</v>
      </c>
      <c r="Y8156">
        <v>272429.82179999998</v>
      </c>
      <c r="Z8156">
        <v>33139.298909999998</v>
      </c>
      <c r="AA8156">
        <v>93235.634229999996</v>
      </c>
      <c r="AB8156">
        <v>69710.567139999999</v>
      </c>
      <c r="AC8156">
        <v>50961.291700000002</v>
      </c>
      <c r="AD8156">
        <v>40192.198969999998</v>
      </c>
      <c r="AE8156">
        <v>32076.373250000001</v>
      </c>
      <c r="AF8156">
        <v>49639.087169999999</v>
      </c>
      <c r="AG8156">
        <v>30564.217820000002</v>
      </c>
      <c r="AH8156">
        <v>341236.0197</v>
      </c>
      <c r="AI8156">
        <v>89510.060660000003</v>
      </c>
      <c r="AJ8156">
        <v>25815.631509999999</v>
      </c>
      <c r="AK8156">
        <v>37348.746829999996</v>
      </c>
      <c r="AL8156">
        <v>91279.210560000007</v>
      </c>
      <c r="AM8156">
        <v>20783.431260000001</v>
      </c>
      <c r="AN8156">
        <v>108156.0239</v>
      </c>
      <c r="AO8156">
        <v>40770.90698</v>
      </c>
      <c r="AP8156">
        <v>20376.395840000001</v>
      </c>
    </row>
    <row r="8157" spans="2:42" x14ac:dyDescent="0.3">
      <c r="B8157">
        <v>65.548813934468967</v>
      </c>
      <c r="C8157" s="83">
        <v>43440.791666666664</v>
      </c>
      <c r="D8157">
        <v>267525.1128</v>
      </c>
      <c r="E8157">
        <v>27391.282090000001</v>
      </c>
      <c r="F8157">
        <v>79677.019320000007</v>
      </c>
      <c r="G8157">
        <v>61372.127050000003</v>
      </c>
      <c r="H8157">
        <v>47961.478349999998</v>
      </c>
      <c r="I8157">
        <v>38065.387880000002</v>
      </c>
      <c r="J8157">
        <v>30973.890810000001</v>
      </c>
      <c r="K8157">
        <v>48924.894399999997</v>
      </c>
      <c r="L8157">
        <v>31565.05487</v>
      </c>
      <c r="M8157">
        <v>334198.4216</v>
      </c>
      <c r="N8157">
        <v>87106.205390000003</v>
      </c>
      <c r="O8157">
        <v>24101.23789</v>
      </c>
      <c r="P8157">
        <v>38359.171909999997</v>
      </c>
      <c r="Q8157">
        <v>89346.263819999993</v>
      </c>
      <c r="R8157">
        <v>19996.77764</v>
      </c>
      <c r="S8157">
        <v>103031.3478</v>
      </c>
      <c r="T8157">
        <v>39839.261939999997</v>
      </c>
      <c r="U8157">
        <v>18690.229739999999</v>
      </c>
      <c r="W8157" s="83">
        <f>Bühler!N8189</f>
        <v>45631.791666646888</v>
      </c>
      <c r="X8157" s="83">
        <v>43440.791666666664</v>
      </c>
      <c r="Y8157">
        <v>267525.1128</v>
      </c>
      <c r="Z8157">
        <v>27391.282090000001</v>
      </c>
      <c r="AA8157">
        <v>79677.019320000007</v>
      </c>
      <c r="AB8157">
        <v>61372.127050000003</v>
      </c>
      <c r="AC8157">
        <v>47961.478349999998</v>
      </c>
      <c r="AD8157">
        <v>38065.387880000002</v>
      </c>
      <c r="AE8157">
        <v>30973.890810000001</v>
      </c>
      <c r="AF8157">
        <v>48924.894399999997</v>
      </c>
      <c r="AG8157">
        <v>31565.05487</v>
      </c>
      <c r="AH8157">
        <v>334198.4216</v>
      </c>
      <c r="AI8157">
        <v>87106.205390000003</v>
      </c>
      <c r="AJ8157">
        <v>24101.23789</v>
      </c>
      <c r="AK8157">
        <v>38359.171909999997</v>
      </c>
      <c r="AL8157">
        <v>89346.263819999993</v>
      </c>
      <c r="AM8157">
        <v>19996.77764</v>
      </c>
      <c r="AN8157">
        <v>103031.3478</v>
      </c>
      <c r="AO8157">
        <v>39839.261939999997</v>
      </c>
      <c r="AP8157">
        <v>18690.229739999999</v>
      </c>
    </row>
    <row r="8158" spans="2:42" x14ac:dyDescent="0.3">
      <c r="B8158">
        <v>63.918626826709819</v>
      </c>
      <c r="C8158" s="83">
        <v>43440.833333333336</v>
      </c>
      <c r="D8158">
        <v>259316.46160000001</v>
      </c>
      <c r="E8158">
        <v>21375.76339</v>
      </c>
      <c r="F8158">
        <v>63502.971769999996</v>
      </c>
      <c r="G8158">
        <v>53812.622029999999</v>
      </c>
      <c r="H8158">
        <v>45153.843919999999</v>
      </c>
      <c r="I8158">
        <v>33948.71544</v>
      </c>
      <c r="J8158">
        <v>30161.327499999999</v>
      </c>
      <c r="K8158">
        <v>55493.297839999999</v>
      </c>
      <c r="L8158">
        <v>30800.469679999998</v>
      </c>
      <c r="M8158">
        <v>325886.96750000003</v>
      </c>
      <c r="N8158">
        <v>84462.584709999996</v>
      </c>
      <c r="O8158">
        <v>23151.80228</v>
      </c>
      <c r="P8158">
        <v>37887.072440000004</v>
      </c>
      <c r="Q8158">
        <v>87150.456539999999</v>
      </c>
      <c r="R8158">
        <v>21026.204369999999</v>
      </c>
      <c r="S8158">
        <v>92310.337509999998</v>
      </c>
      <c r="T8158">
        <v>37864.165359999999</v>
      </c>
      <c r="U8158">
        <v>18066.298910000001</v>
      </c>
      <c r="W8158" s="83">
        <f>Bühler!N8190</f>
        <v>45631.833333313552</v>
      </c>
      <c r="X8158" s="83">
        <v>43440.833333333336</v>
      </c>
      <c r="Y8158">
        <v>259316.46160000001</v>
      </c>
      <c r="Z8158">
        <v>21375.76339</v>
      </c>
      <c r="AA8158">
        <v>63502.971769999996</v>
      </c>
      <c r="AB8158">
        <v>53812.622029999999</v>
      </c>
      <c r="AC8158">
        <v>45153.843919999999</v>
      </c>
      <c r="AD8158">
        <v>33948.71544</v>
      </c>
      <c r="AE8158">
        <v>30161.327499999999</v>
      </c>
      <c r="AF8158">
        <v>55493.297839999999</v>
      </c>
      <c r="AG8158">
        <v>30800.469679999998</v>
      </c>
      <c r="AH8158">
        <v>325886.96750000003</v>
      </c>
      <c r="AI8158">
        <v>84462.584709999996</v>
      </c>
      <c r="AJ8158">
        <v>23151.80228</v>
      </c>
      <c r="AK8158">
        <v>37887.072440000004</v>
      </c>
      <c r="AL8158">
        <v>87150.456539999999</v>
      </c>
      <c r="AM8158">
        <v>21026.204369999999</v>
      </c>
      <c r="AN8158">
        <v>92310.337509999998</v>
      </c>
      <c r="AO8158">
        <v>37864.165359999999</v>
      </c>
      <c r="AP8158">
        <v>18066.298910000001</v>
      </c>
    </row>
    <row r="8159" spans="2:42" x14ac:dyDescent="0.3">
      <c r="B8159">
        <v>62.090183335127541</v>
      </c>
      <c r="C8159" s="83">
        <v>43440.875</v>
      </c>
      <c r="D8159">
        <v>248856.67879999999</v>
      </c>
      <c r="E8159">
        <v>18475.694889999999</v>
      </c>
      <c r="F8159">
        <v>55292.080009999998</v>
      </c>
      <c r="G8159">
        <v>49253.540869999997</v>
      </c>
      <c r="H8159">
        <v>42874.497329999998</v>
      </c>
      <c r="I8159">
        <v>29437.15366</v>
      </c>
      <c r="J8159">
        <v>29340.974269999999</v>
      </c>
      <c r="K8159">
        <v>53287.554889999999</v>
      </c>
      <c r="L8159">
        <v>29027.68867</v>
      </c>
      <c r="M8159">
        <v>316564.70990000002</v>
      </c>
      <c r="N8159">
        <v>81438.429019999996</v>
      </c>
      <c r="O8159">
        <v>22998.157670000001</v>
      </c>
      <c r="P8159">
        <v>36051.678599999999</v>
      </c>
      <c r="Q8159">
        <v>84756.376860000004</v>
      </c>
      <c r="R8159">
        <v>19491.689310000002</v>
      </c>
      <c r="S8159">
        <v>86803.441510000004</v>
      </c>
      <c r="T8159">
        <v>35317.288630000003</v>
      </c>
      <c r="U8159">
        <v>16631.785049999999</v>
      </c>
      <c r="W8159" s="83">
        <f>Bühler!N8191</f>
        <v>45631.874999980217</v>
      </c>
      <c r="X8159" s="83">
        <v>43440.875</v>
      </c>
      <c r="Y8159">
        <v>248856.67879999999</v>
      </c>
      <c r="Z8159">
        <v>18475.694889999999</v>
      </c>
      <c r="AA8159">
        <v>55292.080009999998</v>
      </c>
      <c r="AB8159">
        <v>49253.540869999997</v>
      </c>
      <c r="AC8159">
        <v>42874.497329999998</v>
      </c>
      <c r="AD8159">
        <v>29437.15366</v>
      </c>
      <c r="AE8159">
        <v>29340.974269999999</v>
      </c>
      <c r="AF8159">
        <v>53287.554889999999</v>
      </c>
      <c r="AG8159">
        <v>29027.68867</v>
      </c>
      <c r="AH8159">
        <v>316564.70990000002</v>
      </c>
      <c r="AI8159">
        <v>81438.429019999996</v>
      </c>
      <c r="AJ8159">
        <v>22998.157670000001</v>
      </c>
      <c r="AK8159">
        <v>36051.678599999999</v>
      </c>
      <c r="AL8159">
        <v>84756.376860000004</v>
      </c>
      <c r="AM8159">
        <v>19491.689310000002</v>
      </c>
      <c r="AN8159">
        <v>86803.441510000004</v>
      </c>
      <c r="AO8159">
        <v>35317.288630000003</v>
      </c>
      <c r="AP8159">
        <v>16631.785049999999</v>
      </c>
    </row>
    <row r="8160" spans="2:42" x14ac:dyDescent="0.3">
      <c r="B8160">
        <v>62.126374120282193</v>
      </c>
      <c r="C8160" s="83">
        <v>43440.916666666664</v>
      </c>
      <c r="D8160">
        <v>246913.79130000001</v>
      </c>
      <c r="E8160">
        <v>17701.29694</v>
      </c>
      <c r="F8160">
        <v>52806.178019999999</v>
      </c>
      <c r="G8160">
        <v>46224.614580000001</v>
      </c>
      <c r="H8160">
        <v>41453.546840000003</v>
      </c>
      <c r="I8160">
        <v>27806.454590000001</v>
      </c>
      <c r="J8160">
        <v>28533.469349999999</v>
      </c>
      <c r="K8160">
        <v>55334.935539999999</v>
      </c>
      <c r="L8160">
        <v>26147.663929999999</v>
      </c>
      <c r="M8160">
        <v>316749.22739999997</v>
      </c>
      <c r="N8160">
        <v>81048.074030000003</v>
      </c>
      <c r="O8160">
        <v>23045.141309999999</v>
      </c>
      <c r="P8160">
        <v>37898.472379999999</v>
      </c>
      <c r="Q8160">
        <v>84527.899560000005</v>
      </c>
      <c r="R8160">
        <v>26141.03629</v>
      </c>
      <c r="S8160">
        <v>85687.291580000005</v>
      </c>
      <c r="T8160">
        <v>31334.606339999998</v>
      </c>
      <c r="U8160">
        <v>17403.14446</v>
      </c>
      <c r="W8160" s="83">
        <f>Bühler!N8192</f>
        <v>45631.916666646881</v>
      </c>
      <c r="X8160" s="83">
        <v>43440.916666666664</v>
      </c>
      <c r="Y8160">
        <v>246913.79130000001</v>
      </c>
      <c r="Z8160">
        <v>17701.29694</v>
      </c>
      <c r="AA8160">
        <v>52806.178019999999</v>
      </c>
      <c r="AB8160">
        <v>46224.614580000001</v>
      </c>
      <c r="AC8160">
        <v>41453.546840000003</v>
      </c>
      <c r="AD8160">
        <v>27806.454590000001</v>
      </c>
      <c r="AE8160">
        <v>28533.469349999999</v>
      </c>
      <c r="AF8160">
        <v>55334.935539999999</v>
      </c>
      <c r="AG8160">
        <v>26147.663929999999</v>
      </c>
      <c r="AH8160">
        <v>316749.22739999997</v>
      </c>
      <c r="AI8160">
        <v>81048.074030000003</v>
      </c>
      <c r="AJ8160">
        <v>23045.141309999999</v>
      </c>
      <c r="AK8160">
        <v>37898.472379999999</v>
      </c>
      <c r="AL8160">
        <v>84527.899560000005</v>
      </c>
      <c r="AM8160">
        <v>26141.03629</v>
      </c>
      <c r="AN8160">
        <v>85687.291580000005</v>
      </c>
      <c r="AO8160">
        <v>31334.606339999998</v>
      </c>
      <c r="AP8160">
        <v>17403.14446</v>
      </c>
    </row>
    <row r="8161" spans="2:42" x14ac:dyDescent="0.3">
      <c r="B8161">
        <v>61.457737383005551</v>
      </c>
      <c r="C8161" s="83">
        <v>43440.958333333336</v>
      </c>
      <c r="D8161">
        <v>247193.15349999999</v>
      </c>
      <c r="E8161">
        <v>17246.371019999999</v>
      </c>
      <c r="F8161">
        <v>51674.475810000004</v>
      </c>
      <c r="G8161">
        <v>45391.191919999997</v>
      </c>
      <c r="H8161">
        <v>40261.955909999997</v>
      </c>
      <c r="I8161">
        <v>26055.93332</v>
      </c>
      <c r="J8161">
        <v>26963.717680000002</v>
      </c>
      <c r="K8161">
        <v>55318.129110000002</v>
      </c>
      <c r="L8161">
        <v>22777.923340000001</v>
      </c>
      <c r="M8161">
        <v>313340.20549999998</v>
      </c>
      <c r="N8161">
        <v>80598.631070000003</v>
      </c>
      <c r="O8161">
        <v>22782.76641</v>
      </c>
      <c r="P8161">
        <v>34853.50647</v>
      </c>
      <c r="Q8161">
        <v>83524.529290000006</v>
      </c>
      <c r="R8161">
        <v>25358.783370000001</v>
      </c>
      <c r="S8161">
        <v>84160.342929999999</v>
      </c>
      <c r="T8161">
        <v>31675.80731</v>
      </c>
      <c r="U8161">
        <v>16767.274069999999</v>
      </c>
      <c r="W8161" s="83">
        <f>Bühler!N8193</f>
        <v>45631.958333313545</v>
      </c>
      <c r="X8161" s="83">
        <v>43440.958333333336</v>
      </c>
      <c r="Y8161">
        <v>247193.15349999999</v>
      </c>
      <c r="Z8161">
        <v>17246.371019999999</v>
      </c>
      <c r="AA8161">
        <v>51674.475810000004</v>
      </c>
      <c r="AB8161">
        <v>45391.191919999997</v>
      </c>
      <c r="AC8161">
        <v>40261.955909999997</v>
      </c>
      <c r="AD8161">
        <v>26055.93332</v>
      </c>
      <c r="AE8161">
        <v>26963.717680000002</v>
      </c>
      <c r="AF8161">
        <v>55318.129110000002</v>
      </c>
      <c r="AG8161">
        <v>22777.923340000001</v>
      </c>
      <c r="AH8161">
        <v>313340.20549999998</v>
      </c>
      <c r="AI8161">
        <v>80598.631070000003</v>
      </c>
      <c r="AJ8161">
        <v>22782.76641</v>
      </c>
      <c r="AK8161">
        <v>34853.50647</v>
      </c>
      <c r="AL8161">
        <v>83524.529290000006</v>
      </c>
      <c r="AM8161">
        <v>25358.783370000001</v>
      </c>
      <c r="AN8161">
        <v>84160.342929999999</v>
      </c>
      <c r="AO8161">
        <v>31675.80731</v>
      </c>
      <c r="AP8161">
        <v>16767.274069999999</v>
      </c>
    </row>
    <row r="8162" spans="2:42" x14ac:dyDescent="0.3">
      <c r="B8162">
        <v>60.973853105943974</v>
      </c>
      <c r="C8162" s="83">
        <v>43441</v>
      </c>
      <c r="D8162">
        <v>246348.78479999999</v>
      </c>
      <c r="E8162">
        <v>16717.57244</v>
      </c>
      <c r="F8162">
        <v>51302.61217</v>
      </c>
      <c r="G8162">
        <v>44391.643259999997</v>
      </c>
      <c r="H8162">
        <v>39704.762990000003</v>
      </c>
      <c r="I8162">
        <v>24221.057420000001</v>
      </c>
      <c r="J8162">
        <v>25251.56928</v>
      </c>
      <c r="K8162">
        <v>52928.210059999998</v>
      </c>
      <c r="L8162">
        <v>20590.52176</v>
      </c>
      <c r="M8162">
        <v>310873.13780000003</v>
      </c>
      <c r="N8162">
        <v>79031.706290000002</v>
      </c>
      <c r="O8162">
        <v>22635.845399999998</v>
      </c>
      <c r="P8162">
        <v>32762.969720000001</v>
      </c>
      <c r="Q8162">
        <v>83683.977140000003</v>
      </c>
      <c r="R8162">
        <v>23969.89083</v>
      </c>
      <c r="S8162">
        <v>82875.782900000006</v>
      </c>
      <c r="T8162">
        <v>29117.132539999999</v>
      </c>
      <c r="U8162">
        <v>16591.54017</v>
      </c>
      <c r="W8162" s="83">
        <f>Bühler!N8194</f>
        <v>45631.999999980209</v>
      </c>
      <c r="X8162" s="83">
        <v>43441</v>
      </c>
      <c r="Y8162">
        <v>246348.78479999999</v>
      </c>
      <c r="Z8162">
        <v>16717.57244</v>
      </c>
      <c r="AA8162">
        <v>51302.61217</v>
      </c>
      <c r="AB8162">
        <v>44391.643259999997</v>
      </c>
      <c r="AC8162">
        <v>39704.762990000003</v>
      </c>
      <c r="AD8162">
        <v>24221.057420000001</v>
      </c>
      <c r="AE8162">
        <v>25251.56928</v>
      </c>
      <c r="AF8162">
        <v>52928.210059999998</v>
      </c>
      <c r="AG8162">
        <v>20590.52176</v>
      </c>
      <c r="AH8162">
        <v>310873.13780000003</v>
      </c>
      <c r="AI8162">
        <v>79031.706290000002</v>
      </c>
      <c r="AJ8162">
        <v>22635.845399999998</v>
      </c>
      <c r="AK8162">
        <v>32762.969720000001</v>
      </c>
      <c r="AL8162">
        <v>83683.977140000003</v>
      </c>
      <c r="AM8162">
        <v>23969.89083</v>
      </c>
      <c r="AN8162">
        <v>82875.782900000006</v>
      </c>
      <c r="AO8162">
        <v>29117.132539999999</v>
      </c>
      <c r="AP8162">
        <v>16591.54017</v>
      </c>
    </row>
    <row r="8163" spans="2:42" x14ac:dyDescent="0.3">
      <c r="B8163">
        <v>60.480378709673857</v>
      </c>
      <c r="C8163" s="83">
        <v>43441.041666666664</v>
      </c>
      <c r="D8163">
        <v>242409.69270000001</v>
      </c>
      <c r="E8163">
        <v>16722.869439999999</v>
      </c>
      <c r="F8163">
        <v>52624.286599999999</v>
      </c>
      <c r="G8163">
        <v>43789.956030000001</v>
      </c>
      <c r="H8163">
        <v>39055.399310000001</v>
      </c>
      <c r="I8163">
        <v>21269.413059999999</v>
      </c>
      <c r="J8163">
        <v>24649.833640000001</v>
      </c>
      <c r="K8163">
        <v>50301.497069999998</v>
      </c>
      <c r="L8163">
        <v>19731.539479999999</v>
      </c>
      <c r="M8163">
        <v>308357.1752</v>
      </c>
      <c r="N8163">
        <v>77438.330629999997</v>
      </c>
      <c r="O8163">
        <v>22545.352510000001</v>
      </c>
      <c r="P8163">
        <v>31534.035449999999</v>
      </c>
      <c r="Q8163">
        <v>84776.911829999997</v>
      </c>
      <c r="R8163">
        <v>22905.732830000001</v>
      </c>
      <c r="S8163">
        <v>81760.341220000002</v>
      </c>
      <c r="T8163">
        <v>28185.857530000001</v>
      </c>
      <c r="U8163">
        <v>17545.256420000002</v>
      </c>
      <c r="W8163" s="83">
        <f>Bühler!N8195</f>
        <v>45632.041666646874</v>
      </c>
      <c r="X8163" s="83">
        <v>43441.041666666664</v>
      </c>
      <c r="Y8163">
        <v>242409.69270000001</v>
      </c>
      <c r="Z8163">
        <v>16722.869439999999</v>
      </c>
      <c r="AA8163">
        <v>52624.286599999999</v>
      </c>
      <c r="AB8163">
        <v>43789.956030000001</v>
      </c>
      <c r="AC8163">
        <v>39055.399310000001</v>
      </c>
      <c r="AD8163">
        <v>21269.413059999999</v>
      </c>
      <c r="AE8163">
        <v>24649.833640000001</v>
      </c>
      <c r="AF8163">
        <v>50301.497069999998</v>
      </c>
      <c r="AG8163">
        <v>19731.539479999999</v>
      </c>
      <c r="AH8163">
        <v>308357.1752</v>
      </c>
      <c r="AI8163">
        <v>77438.330629999997</v>
      </c>
      <c r="AJ8163">
        <v>22545.352510000001</v>
      </c>
      <c r="AK8163">
        <v>31534.035449999999</v>
      </c>
      <c r="AL8163">
        <v>84776.911829999997</v>
      </c>
      <c r="AM8163">
        <v>22905.732830000001</v>
      </c>
      <c r="AN8163">
        <v>81760.341220000002</v>
      </c>
      <c r="AO8163">
        <v>28185.857530000001</v>
      </c>
      <c r="AP8163">
        <v>17545.256420000002</v>
      </c>
    </row>
    <row r="8164" spans="2:42" x14ac:dyDescent="0.3">
      <c r="B8164">
        <v>60.664493370248429</v>
      </c>
      <c r="C8164" s="83">
        <v>43441.083333333336</v>
      </c>
      <c r="D8164">
        <v>244285.10889999999</v>
      </c>
      <c r="E8164">
        <v>16635.896970000002</v>
      </c>
      <c r="F8164">
        <v>53843.781040000002</v>
      </c>
      <c r="G8164">
        <v>43503.845119999998</v>
      </c>
      <c r="H8164">
        <v>38954.049879999999</v>
      </c>
      <c r="I8164">
        <v>19309.901140000002</v>
      </c>
      <c r="J8164">
        <v>24799.575410000001</v>
      </c>
      <c r="K8164">
        <v>48984.073389999998</v>
      </c>
      <c r="L8164">
        <v>19303.280900000002</v>
      </c>
      <c r="M8164">
        <v>309295.87760000001</v>
      </c>
      <c r="N8164">
        <v>77510.018419999993</v>
      </c>
      <c r="O8164">
        <v>22770.702150000001</v>
      </c>
      <c r="P8164">
        <v>30016.290519999999</v>
      </c>
      <c r="Q8164">
        <v>86748.379979999998</v>
      </c>
      <c r="R8164">
        <v>22788.656480000001</v>
      </c>
      <c r="S8164">
        <v>80118.087390000001</v>
      </c>
      <c r="T8164">
        <v>27557.123049999998</v>
      </c>
      <c r="U8164">
        <v>17482.034029999999</v>
      </c>
      <c r="W8164" s="83">
        <f>Bühler!N8196</f>
        <v>45632.083333313538</v>
      </c>
      <c r="X8164" s="83">
        <v>43441.083333333336</v>
      </c>
      <c r="Y8164">
        <v>244285.10889999999</v>
      </c>
      <c r="Z8164">
        <v>16635.896970000002</v>
      </c>
      <c r="AA8164">
        <v>53843.781040000002</v>
      </c>
      <c r="AB8164">
        <v>43503.845119999998</v>
      </c>
      <c r="AC8164">
        <v>38954.049879999999</v>
      </c>
      <c r="AD8164">
        <v>19309.901140000002</v>
      </c>
      <c r="AE8164">
        <v>24799.575410000001</v>
      </c>
      <c r="AF8164">
        <v>48984.073389999998</v>
      </c>
      <c r="AG8164">
        <v>19303.280900000002</v>
      </c>
      <c r="AH8164">
        <v>309295.87760000001</v>
      </c>
      <c r="AI8164">
        <v>77510.018419999993</v>
      </c>
      <c r="AJ8164">
        <v>22770.702150000001</v>
      </c>
      <c r="AK8164">
        <v>30016.290519999999</v>
      </c>
      <c r="AL8164">
        <v>86748.379979999998</v>
      </c>
      <c r="AM8164">
        <v>22788.656480000001</v>
      </c>
      <c r="AN8164">
        <v>80118.087390000001</v>
      </c>
      <c r="AO8164">
        <v>27557.123049999998</v>
      </c>
      <c r="AP8164">
        <v>17482.034029999999</v>
      </c>
    </row>
    <row r="8165" spans="2:42" x14ac:dyDescent="0.3">
      <c r="B8165">
        <v>60.830764625787374</v>
      </c>
      <c r="C8165" s="83">
        <v>43441.125</v>
      </c>
      <c r="D8165">
        <v>243800.49679999999</v>
      </c>
      <c r="E8165">
        <v>16710.56985</v>
      </c>
      <c r="F8165">
        <v>54524.503250000002</v>
      </c>
      <c r="G8165">
        <v>43055.985979999998</v>
      </c>
      <c r="H8165">
        <v>39278.30543</v>
      </c>
      <c r="I8165">
        <v>18951.990760000001</v>
      </c>
      <c r="J8165">
        <v>24799.41661</v>
      </c>
      <c r="K8165">
        <v>48072.816879999998</v>
      </c>
      <c r="L8165">
        <v>18497.96673</v>
      </c>
      <c r="M8165">
        <v>310143.60600000003</v>
      </c>
      <c r="N8165">
        <v>78009.07948</v>
      </c>
      <c r="O8165">
        <v>23013.22683</v>
      </c>
      <c r="P8165">
        <v>29122.231299999999</v>
      </c>
      <c r="Q8165">
        <v>89370.643089999998</v>
      </c>
      <c r="R8165">
        <v>22454.028330000001</v>
      </c>
      <c r="S8165">
        <v>79418.483840000001</v>
      </c>
      <c r="T8165">
        <v>27653.123</v>
      </c>
      <c r="U8165">
        <v>17380.47885</v>
      </c>
      <c r="W8165" s="83">
        <f>Bühler!N8197</f>
        <v>45632.124999980202</v>
      </c>
      <c r="X8165" s="83">
        <v>43441.125</v>
      </c>
      <c r="Y8165">
        <v>243800.49679999999</v>
      </c>
      <c r="Z8165">
        <v>16710.56985</v>
      </c>
      <c r="AA8165">
        <v>54524.503250000002</v>
      </c>
      <c r="AB8165">
        <v>43055.985979999998</v>
      </c>
      <c r="AC8165">
        <v>39278.30543</v>
      </c>
      <c r="AD8165">
        <v>18951.990760000001</v>
      </c>
      <c r="AE8165">
        <v>24799.41661</v>
      </c>
      <c r="AF8165">
        <v>48072.816879999998</v>
      </c>
      <c r="AG8165">
        <v>18497.96673</v>
      </c>
      <c r="AH8165">
        <v>310143.60600000003</v>
      </c>
      <c r="AI8165">
        <v>78009.07948</v>
      </c>
      <c r="AJ8165">
        <v>23013.22683</v>
      </c>
      <c r="AK8165">
        <v>29122.231299999999</v>
      </c>
      <c r="AL8165">
        <v>89370.643089999998</v>
      </c>
      <c r="AM8165">
        <v>22454.028330000001</v>
      </c>
      <c r="AN8165">
        <v>79418.483840000001</v>
      </c>
      <c r="AO8165">
        <v>27653.123</v>
      </c>
      <c r="AP8165">
        <v>17380.47885</v>
      </c>
    </row>
    <row r="8166" spans="2:42" x14ac:dyDescent="0.3">
      <c r="B8166">
        <v>61.879505843513861</v>
      </c>
      <c r="C8166" s="83">
        <v>43441.166666666664</v>
      </c>
      <c r="D8166">
        <v>245418.84450000001</v>
      </c>
      <c r="E8166">
        <v>17175.771430000001</v>
      </c>
      <c r="F8166">
        <v>58769.650739999997</v>
      </c>
      <c r="G8166">
        <v>42787.36937</v>
      </c>
      <c r="H8166">
        <v>39629.699959999998</v>
      </c>
      <c r="I8166">
        <v>21728.565320000002</v>
      </c>
      <c r="J8166">
        <v>25930.02923</v>
      </c>
      <c r="K8166">
        <v>47121.440289999999</v>
      </c>
      <c r="L8166">
        <v>18861.23301</v>
      </c>
      <c r="M8166">
        <v>315490.57780000003</v>
      </c>
      <c r="N8166">
        <v>76544.809030000004</v>
      </c>
      <c r="O8166">
        <v>23397.98949</v>
      </c>
      <c r="P8166">
        <v>28362.69124</v>
      </c>
      <c r="Q8166">
        <v>92729.285999999993</v>
      </c>
      <c r="R8166">
        <v>22411.874</v>
      </c>
      <c r="S8166">
        <v>80197.986250000002</v>
      </c>
      <c r="T8166">
        <v>27632.640920000002</v>
      </c>
      <c r="U8166">
        <v>17978.937620000001</v>
      </c>
      <c r="W8166" s="83">
        <f>Bühler!N8198</f>
        <v>45632.166666646866</v>
      </c>
      <c r="X8166" s="83">
        <v>43441.166666666664</v>
      </c>
      <c r="Y8166">
        <v>245418.84450000001</v>
      </c>
      <c r="Z8166">
        <v>17175.771430000001</v>
      </c>
      <c r="AA8166">
        <v>58769.650739999997</v>
      </c>
      <c r="AB8166">
        <v>42787.36937</v>
      </c>
      <c r="AC8166">
        <v>39629.699959999998</v>
      </c>
      <c r="AD8166">
        <v>21728.565320000002</v>
      </c>
      <c r="AE8166">
        <v>25930.02923</v>
      </c>
      <c r="AF8166">
        <v>47121.440289999999</v>
      </c>
      <c r="AG8166">
        <v>18861.23301</v>
      </c>
      <c r="AH8166">
        <v>315490.57780000003</v>
      </c>
      <c r="AI8166">
        <v>76544.809030000004</v>
      </c>
      <c r="AJ8166">
        <v>23397.98949</v>
      </c>
      <c r="AK8166">
        <v>28362.69124</v>
      </c>
      <c r="AL8166">
        <v>92729.285999999993</v>
      </c>
      <c r="AM8166">
        <v>22411.874</v>
      </c>
      <c r="AN8166">
        <v>80197.986250000002</v>
      </c>
      <c r="AO8166">
        <v>27632.640920000002</v>
      </c>
      <c r="AP8166">
        <v>17978.937620000001</v>
      </c>
    </row>
    <row r="8167" spans="2:42" x14ac:dyDescent="0.3">
      <c r="B8167">
        <v>64.788419211825186</v>
      </c>
      <c r="C8167" s="83">
        <v>43441.208333333336</v>
      </c>
      <c r="D8167">
        <v>258759.75880000001</v>
      </c>
      <c r="E8167">
        <v>19067.70379</v>
      </c>
      <c r="F8167">
        <v>69542.386790000004</v>
      </c>
      <c r="G8167">
        <v>45831.58496</v>
      </c>
      <c r="H8167">
        <v>41705.271119999998</v>
      </c>
      <c r="I8167">
        <v>29620.289229999998</v>
      </c>
      <c r="J8167">
        <v>28269.21761</v>
      </c>
      <c r="K8167">
        <v>47557.098010000002</v>
      </c>
      <c r="L8167">
        <v>19439.194319999999</v>
      </c>
      <c r="M8167">
        <v>330321.5747</v>
      </c>
      <c r="N8167">
        <v>78983.671530000007</v>
      </c>
      <c r="O8167">
        <v>24029.025030000001</v>
      </c>
      <c r="P8167">
        <v>30212.23761</v>
      </c>
      <c r="Q8167">
        <v>94607.72997</v>
      </c>
      <c r="R8167">
        <v>23168.31683</v>
      </c>
      <c r="S8167">
        <v>83030.179990000004</v>
      </c>
      <c r="T8167">
        <v>28799.970209999999</v>
      </c>
      <c r="U8167">
        <v>19796.47206</v>
      </c>
      <c r="W8167" s="83">
        <f>Bühler!N8199</f>
        <v>45632.208333313531</v>
      </c>
      <c r="X8167" s="83">
        <v>43441.208333333336</v>
      </c>
      <c r="Y8167">
        <v>258759.75880000001</v>
      </c>
      <c r="Z8167">
        <v>19067.70379</v>
      </c>
      <c r="AA8167">
        <v>69542.386790000004</v>
      </c>
      <c r="AB8167">
        <v>45831.58496</v>
      </c>
      <c r="AC8167">
        <v>41705.271119999998</v>
      </c>
      <c r="AD8167">
        <v>29620.289229999998</v>
      </c>
      <c r="AE8167">
        <v>28269.21761</v>
      </c>
      <c r="AF8167">
        <v>47557.098010000002</v>
      </c>
      <c r="AG8167">
        <v>19439.194319999999</v>
      </c>
      <c r="AH8167">
        <v>330321.5747</v>
      </c>
      <c r="AI8167">
        <v>78983.671530000007</v>
      </c>
      <c r="AJ8167">
        <v>24029.025030000001</v>
      </c>
      <c r="AK8167">
        <v>30212.23761</v>
      </c>
      <c r="AL8167">
        <v>94607.72997</v>
      </c>
      <c r="AM8167">
        <v>23168.31683</v>
      </c>
      <c r="AN8167">
        <v>83030.179990000004</v>
      </c>
      <c r="AO8167">
        <v>28799.970209999999</v>
      </c>
      <c r="AP8167">
        <v>19796.47206</v>
      </c>
    </row>
    <row r="8168" spans="2:42" x14ac:dyDescent="0.3">
      <c r="B8168">
        <v>68.065215934502362</v>
      </c>
      <c r="C8168" s="83">
        <v>43441.25</v>
      </c>
      <c r="D8168">
        <v>275558.14319999999</v>
      </c>
      <c r="E8168">
        <v>23712.18663</v>
      </c>
      <c r="F8168">
        <v>82181.092099999994</v>
      </c>
      <c r="G8168">
        <v>60537.442060000001</v>
      </c>
      <c r="H8168">
        <v>45768.5651</v>
      </c>
      <c r="I8168">
        <v>37686.928919999998</v>
      </c>
      <c r="J8168">
        <v>31653.550810000001</v>
      </c>
      <c r="K8168">
        <v>51018.635880000002</v>
      </c>
      <c r="L8168">
        <v>21158.868439999998</v>
      </c>
      <c r="M8168">
        <v>347028.21250000002</v>
      </c>
      <c r="N8168">
        <v>83056.107229999994</v>
      </c>
      <c r="O8168">
        <v>25115.987280000001</v>
      </c>
      <c r="P8168">
        <v>30261.875080000002</v>
      </c>
      <c r="Q8168">
        <v>96786.841369999995</v>
      </c>
      <c r="R8168">
        <v>19856.622609999999</v>
      </c>
      <c r="S8168">
        <v>93199.434269999998</v>
      </c>
      <c r="T8168">
        <v>32190.738160000001</v>
      </c>
      <c r="U8168">
        <v>23064.933400000002</v>
      </c>
      <c r="W8168" s="83">
        <f>Bühler!N8200</f>
        <v>45632.249999980195</v>
      </c>
      <c r="X8168" s="83">
        <v>43441.25</v>
      </c>
      <c r="Y8168">
        <v>275558.14319999999</v>
      </c>
      <c r="Z8168">
        <v>23712.18663</v>
      </c>
      <c r="AA8168">
        <v>82181.092099999994</v>
      </c>
      <c r="AB8168">
        <v>60537.442060000001</v>
      </c>
      <c r="AC8168">
        <v>45768.5651</v>
      </c>
      <c r="AD8168">
        <v>37686.928919999998</v>
      </c>
      <c r="AE8168">
        <v>31653.550810000001</v>
      </c>
      <c r="AF8168">
        <v>51018.635880000002</v>
      </c>
      <c r="AG8168">
        <v>21158.868439999998</v>
      </c>
      <c r="AH8168">
        <v>347028.21250000002</v>
      </c>
      <c r="AI8168">
        <v>83056.107229999994</v>
      </c>
      <c r="AJ8168">
        <v>25115.987280000001</v>
      </c>
      <c r="AK8168">
        <v>30261.875080000002</v>
      </c>
      <c r="AL8168">
        <v>96786.841369999995</v>
      </c>
      <c r="AM8168">
        <v>19856.622609999999</v>
      </c>
      <c r="AN8168">
        <v>93199.434269999998</v>
      </c>
      <c r="AO8168">
        <v>32190.738160000001</v>
      </c>
      <c r="AP8168">
        <v>23064.933400000002</v>
      </c>
    </row>
    <row r="8169" spans="2:42" x14ac:dyDescent="0.3">
      <c r="B8169">
        <v>69.890327620231531</v>
      </c>
      <c r="C8169" s="83">
        <v>43441.291666666664</v>
      </c>
      <c r="D8169">
        <v>288780.96289999998</v>
      </c>
      <c r="E8169">
        <v>29030.001850000001</v>
      </c>
      <c r="F8169">
        <v>86288.70955</v>
      </c>
      <c r="G8169">
        <v>77064.037880000003</v>
      </c>
      <c r="H8169">
        <v>52166.432719999997</v>
      </c>
      <c r="I8169">
        <v>46955.18606</v>
      </c>
      <c r="J8169">
        <v>33091.144740000003</v>
      </c>
      <c r="K8169">
        <v>56709.827510000003</v>
      </c>
      <c r="L8169">
        <v>24345.230940000001</v>
      </c>
      <c r="M8169">
        <v>356333.48300000001</v>
      </c>
      <c r="N8169">
        <v>86955.435859999998</v>
      </c>
      <c r="O8169">
        <v>27685.860949999998</v>
      </c>
      <c r="P8169">
        <v>33499.801319999999</v>
      </c>
      <c r="Q8169">
        <v>96233.925099999993</v>
      </c>
      <c r="R8169">
        <v>22408.469959999999</v>
      </c>
      <c r="S8169">
        <v>110236.67600000001</v>
      </c>
      <c r="T8169">
        <v>34760.223239999999</v>
      </c>
      <c r="U8169">
        <v>28569.278269999999</v>
      </c>
      <c r="W8169" s="83">
        <f>Bühler!N8201</f>
        <v>45632.291666646859</v>
      </c>
      <c r="X8169" s="83">
        <v>43441.291666666664</v>
      </c>
      <c r="Y8169">
        <v>288780.96289999998</v>
      </c>
      <c r="Z8169">
        <v>29030.001850000001</v>
      </c>
      <c r="AA8169">
        <v>86288.70955</v>
      </c>
      <c r="AB8169">
        <v>77064.037880000003</v>
      </c>
      <c r="AC8169">
        <v>52166.432719999997</v>
      </c>
      <c r="AD8169">
        <v>46955.18606</v>
      </c>
      <c r="AE8169">
        <v>33091.144740000003</v>
      </c>
      <c r="AF8169">
        <v>56709.827510000003</v>
      </c>
      <c r="AG8169">
        <v>24345.230940000001</v>
      </c>
      <c r="AH8169">
        <v>356333.48300000001</v>
      </c>
      <c r="AI8169">
        <v>86955.435859999998</v>
      </c>
      <c r="AJ8169">
        <v>27685.860949999998</v>
      </c>
      <c r="AK8169">
        <v>33499.801319999999</v>
      </c>
      <c r="AL8169">
        <v>96233.925099999993</v>
      </c>
      <c r="AM8169">
        <v>22408.469959999999</v>
      </c>
      <c r="AN8169">
        <v>110236.67600000001</v>
      </c>
      <c r="AO8169">
        <v>34760.223239999999</v>
      </c>
      <c r="AP8169">
        <v>28569.278269999999</v>
      </c>
    </row>
    <row r="8170" spans="2:42" x14ac:dyDescent="0.3">
      <c r="B8170">
        <v>70.591483450286262</v>
      </c>
      <c r="C8170" s="83">
        <v>43441.333333333336</v>
      </c>
      <c r="D8170">
        <v>299129.37790000002</v>
      </c>
      <c r="E8170">
        <v>35439.931750000003</v>
      </c>
      <c r="F8170">
        <v>93809.024369999999</v>
      </c>
      <c r="G8170">
        <v>95215.212249999997</v>
      </c>
      <c r="H8170">
        <v>57004.278590000002</v>
      </c>
      <c r="I8170">
        <v>50175.003940000002</v>
      </c>
      <c r="J8170">
        <v>33217.558389999998</v>
      </c>
      <c r="K8170">
        <v>60673.139300000003</v>
      </c>
      <c r="L8170">
        <v>28092.40871</v>
      </c>
      <c r="M8170">
        <v>359908.30239999999</v>
      </c>
      <c r="N8170">
        <v>94778.065430000002</v>
      </c>
      <c r="O8170">
        <v>28758.755069999999</v>
      </c>
      <c r="P8170">
        <v>34730.569159999999</v>
      </c>
      <c r="Q8170">
        <v>96930.983609999996</v>
      </c>
      <c r="R8170">
        <v>24380.050299999999</v>
      </c>
      <c r="S8170">
        <v>124139.96610000001</v>
      </c>
      <c r="T8170">
        <v>38271.319770000002</v>
      </c>
      <c r="U8170">
        <v>30995.6675</v>
      </c>
      <c r="W8170" s="83">
        <f>Bühler!N8202</f>
        <v>45632.333333313523</v>
      </c>
      <c r="X8170" s="83">
        <v>43441.333333333336</v>
      </c>
      <c r="Y8170">
        <v>299129.37790000002</v>
      </c>
      <c r="Z8170">
        <v>35439.931750000003</v>
      </c>
      <c r="AA8170">
        <v>93809.024369999999</v>
      </c>
      <c r="AB8170">
        <v>95215.212249999997</v>
      </c>
      <c r="AC8170">
        <v>57004.278590000002</v>
      </c>
      <c r="AD8170">
        <v>50175.003940000002</v>
      </c>
      <c r="AE8170">
        <v>33217.558389999998</v>
      </c>
      <c r="AF8170">
        <v>60673.139300000003</v>
      </c>
      <c r="AG8170">
        <v>28092.40871</v>
      </c>
      <c r="AH8170">
        <v>359908.30239999999</v>
      </c>
      <c r="AI8170">
        <v>94778.065430000002</v>
      </c>
      <c r="AJ8170">
        <v>28758.755069999999</v>
      </c>
      <c r="AK8170">
        <v>34730.569159999999</v>
      </c>
      <c r="AL8170">
        <v>96930.983609999996</v>
      </c>
      <c r="AM8170">
        <v>24380.050299999999</v>
      </c>
      <c r="AN8170">
        <v>124139.96610000001</v>
      </c>
      <c r="AO8170">
        <v>38271.319770000002</v>
      </c>
      <c r="AP8170">
        <v>30995.6675</v>
      </c>
    </row>
    <row r="8171" spans="2:42" x14ac:dyDescent="0.3">
      <c r="B8171">
        <v>69.916563509816442</v>
      </c>
      <c r="C8171" s="83">
        <v>43441.375</v>
      </c>
      <c r="D8171">
        <v>298332.5404</v>
      </c>
      <c r="E8171">
        <v>39209.827490000003</v>
      </c>
      <c r="F8171">
        <v>97682.162039999996</v>
      </c>
      <c r="G8171">
        <v>103535.64350000001</v>
      </c>
      <c r="H8171">
        <v>59058.593399999998</v>
      </c>
      <c r="I8171">
        <v>47821.939879999998</v>
      </c>
      <c r="J8171">
        <v>32947.675340000002</v>
      </c>
      <c r="K8171">
        <v>59686.870260000003</v>
      </c>
      <c r="L8171">
        <v>30636.066490000001</v>
      </c>
      <c r="M8171">
        <v>356467.24579999998</v>
      </c>
      <c r="N8171">
        <v>97928.761679999996</v>
      </c>
      <c r="O8171">
        <v>29394.741679999999</v>
      </c>
      <c r="P8171">
        <v>36642.924180000002</v>
      </c>
      <c r="Q8171">
        <v>97613.853529999993</v>
      </c>
      <c r="R8171">
        <v>22329.716840000001</v>
      </c>
      <c r="S8171">
        <v>129171.15429999999</v>
      </c>
      <c r="T8171">
        <v>40984.09117</v>
      </c>
      <c r="U8171">
        <v>30060.488959999999</v>
      </c>
      <c r="W8171" s="83">
        <f>Bühler!N8203</f>
        <v>45632.374999980188</v>
      </c>
      <c r="X8171" s="83">
        <v>43441.375</v>
      </c>
      <c r="Y8171">
        <v>298332.5404</v>
      </c>
      <c r="Z8171">
        <v>39209.827490000003</v>
      </c>
      <c r="AA8171">
        <v>97682.162039999996</v>
      </c>
      <c r="AB8171">
        <v>103535.64350000001</v>
      </c>
      <c r="AC8171">
        <v>59058.593399999998</v>
      </c>
      <c r="AD8171">
        <v>47821.939879999998</v>
      </c>
      <c r="AE8171">
        <v>32947.675340000002</v>
      </c>
      <c r="AF8171">
        <v>59686.870260000003</v>
      </c>
      <c r="AG8171">
        <v>30636.066490000001</v>
      </c>
      <c r="AH8171">
        <v>356467.24579999998</v>
      </c>
      <c r="AI8171">
        <v>97928.761679999996</v>
      </c>
      <c r="AJ8171">
        <v>29394.741679999999</v>
      </c>
      <c r="AK8171">
        <v>36642.924180000002</v>
      </c>
      <c r="AL8171">
        <v>97613.853529999993</v>
      </c>
      <c r="AM8171">
        <v>22329.716840000001</v>
      </c>
      <c r="AN8171">
        <v>129171.15429999999</v>
      </c>
      <c r="AO8171">
        <v>40984.09117</v>
      </c>
      <c r="AP8171">
        <v>30060.488959999999</v>
      </c>
    </row>
    <row r="8172" spans="2:42" x14ac:dyDescent="0.3">
      <c r="B8172">
        <v>69.700003190311335</v>
      </c>
      <c r="C8172" s="83">
        <v>43441.416666666664</v>
      </c>
      <c r="D8172">
        <v>298520.25520000001</v>
      </c>
      <c r="E8172">
        <v>40400.945180000002</v>
      </c>
      <c r="F8172">
        <v>98707.448940000002</v>
      </c>
      <c r="G8172">
        <v>103818.11040000001</v>
      </c>
      <c r="H8172">
        <v>58971.718500000003</v>
      </c>
      <c r="I8172">
        <v>44048.283499999998</v>
      </c>
      <c r="J8172">
        <v>31936.651539999999</v>
      </c>
      <c r="K8172">
        <v>60444.653259999999</v>
      </c>
      <c r="L8172">
        <v>33359.947419999997</v>
      </c>
      <c r="M8172">
        <v>355363.12030000001</v>
      </c>
      <c r="N8172">
        <v>99326.767170000006</v>
      </c>
      <c r="O8172">
        <v>29314.702580000001</v>
      </c>
      <c r="P8172">
        <v>37580.334730000002</v>
      </c>
      <c r="Q8172">
        <v>97783.461620000002</v>
      </c>
      <c r="R8172">
        <v>23614.499360000002</v>
      </c>
      <c r="S8172">
        <v>130277.5224</v>
      </c>
      <c r="T8172">
        <v>42010.496919999998</v>
      </c>
      <c r="U8172">
        <v>28582.890149999999</v>
      </c>
      <c r="W8172" s="83">
        <f>Bühler!N8204</f>
        <v>45632.416666646852</v>
      </c>
      <c r="X8172" s="83">
        <v>43441.416666666664</v>
      </c>
      <c r="Y8172">
        <v>298520.25520000001</v>
      </c>
      <c r="Z8172">
        <v>40400.945180000002</v>
      </c>
      <c r="AA8172">
        <v>98707.448940000002</v>
      </c>
      <c r="AB8172">
        <v>103818.11040000001</v>
      </c>
      <c r="AC8172">
        <v>58971.718500000003</v>
      </c>
      <c r="AD8172">
        <v>44048.283499999998</v>
      </c>
      <c r="AE8172">
        <v>31936.651539999999</v>
      </c>
      <c r="AF8172">
        <v>60444.653259999999</v>
      </c>
      <c r="AG8172">
        <v>33359.947419999997</v>
      </c>
      <c r="AH8172">
        <v>355363.12030000001</v>
      </c>
      <c r="AI8172">
        <v>99326.767170000006</v>
      </c>
      <c r="AJ8172">
        <v>29314.702580000001</v>
      </c>
      <c r="AK8172">
        <v>37580.334730000002</v>
      </c>
      <c r="AL8172">
        <v>97783.461620000002</v>
      </c>
      <c r="AM8172">
        <v>23614.499360000002</v>
      </c>
      <c r="AN8172">
        <v>130277.5224</v>
      </c>
      <c r="AO8172">
        <v>42010.496919999998</v>
      </c>
      <c r="AP8172">
        <v>28582.890149999999</v>
      </c>
    </row>
    <row r="8173" spans="2:42" x14ac:dyDescent="0.3">
      <c r="B8173">
        <v>69.568042429000926</v>
      </c>
      <c r="C8173" s="83">
        <v>43441.458333333336</v>
      </c>
      <c r="D8173">
        <v>294703.93209999998</v>
      </c>
      <c r="E8173">
        <v>39766.27996</v>
      </c>
      <c r="F8173">
        <v>99688.332769999994</v>
      </c>
      <c r="G8173">
        <v>100797.19070000001</v>
      </c>
      <c r="H8173">
        <v>58037.297919999997</v>
      </c>
      <c r="I8173">
        <v>42617.53572</v>
      </c>
      <c r="J8173">
        <v>32033.01022</v>
      </c>
      <c r="K8173">
        <v>66942.303809999998</v>
      </c>
      <c r="L8173">
        <v>33766.151740000001</v>
      </c>
      <c r="M8173">
        <v>354690.32280000002</v>
      </c>
      <c r="N8173">
        <v>97344.244160000002</v>
      </c>
      <c r="O8173">
        <v>29382.657070000001</v>
      </c>
      <c r="P8173">
        <v>36493.238080000003</v>
      </c>
      <c r="Q8173">
        <v>97538.033290000007</v>
      </c>
      <c r="R8173">
        <v>27620.078979999998</v>
      </c>
      <c r="S8173">
        <v>128468.3118</v>
      </c>
      <c r="T8173">
        <v>41855.442040000002</v>
      </c>
      <c r="U8173">
        <v>27744.413619999999</v>
      </c>
      <c r="W8173" s="83">
        <f>Bühler!N8205</f>
        <v>45632.458333313516</v>
      </c>
      <c r="X8173" s="83">
        <v>43441.458333333336</v>
      </c>
      <c r="Y8173">
        <v>294703.93209999998</v>
      </c>
      <c r="Z8173">
        <v>39766.27996</v>
      </c>
      <c r="AA8173">
        <v>99688.332769999994</v>
      </c>
      <c r="AB8173">
        <v>100797.19070000001</v>
      </c>
      <c r="AC8173">
        <v>58037.297919999997</v>
      </c>
      <c r="AD8173">
        <v>42617.53572</v>
      </c>
      <c r="AE8173">
        <v>32033.01022</v>
      </c>
      <c r="AF8173">
        <v>66942.303809999998</v>
      </c>
      <c r="AG8173">
        <v>33766.151740000001</v>
      </c>
      <c r="AH8173">
        <v>354690.32280000002</v>
      </c>
      <c r="AI8173">
        <v>97344.244160000002</v>
      </c>
      <c r="AJ8173">
        <v>29382.657070000001</v>
      </c>
      <c r="AK8173">
        <v>36493.238080000003</v>
      </c>
      <c r="AL8173">
        <v>97538.033290000007</v>
      </c>
      <c r="AM8173">
        <v>27620.078979999998</v>
      </c>
      <c r="AN8173">
        <v>128468.3118</v>
      </c>
      <c r="AO8173">
        <v>41855.442040000002</v>
      </c>
      <c r="AP8173">
        <v>27744.413619999999</v>
      </c>
    </row>
    <row r="8174" spans="2:42" x14ac:dyDescent="0.3">
      <c r="B8174">
        <v>68.115343538149929</v>
      </c>
      <c r="C8174" s="83">
        <v>43441.5</v>
      </c>
      <c r="D8174">
        <v>278249.06719999999</v>
      </c>
      <c r="E8174">
        <v>35973.498440000003</v>
      </c>
      <c r="F8174">
        <v>98395.878140000001</v>
      </c>
      <c r="G8174">
        <v>96409.088300000003</v>
      </c>
      <c r="H8174">
        <v>54416.152130000002</v>
      </c>
      <c r="I8174">
        <v>40431.841769999999</v>
      </c>
      <c r="J8174">
        <v>31796.070339999998</v>
      </c>
      <c r="K8174">
        <v>62549.514580000003</v>
      </c>
      <c r="L8174">
        <v>35913.807150000001</v>
      </c>
      <c r="M8174">
        <v>347283.78639999998</v>
      </c>
      <c r="N8174">
        <v>93002.603050000005</v>
      </c>
      <c r="O8174">
        <v>28969.80788</v>
      </c>
      <c r="P8174">
        <v>37117.503250000002</v>
      </c>
      <c r="Q8174">
        <v>95120.098800000007</v>
      </c>
      <c r="R8174">
        <v>27590.708419999999</v>
      </c>
      <c r="S8174">
        <v>121815.03019999999</v>
      </c>
      <c r="T8174">
        <v>41497.446920000002</v>
      </c>
      <c r="U8174">
        <v>23209.78846</v>
      </c>
      <c r="W8174" s="83">
        <f>Bühler!N8206</f>
        <v>45632.49999998018</v>
      </c>
      <c r="X8174" s="83">
        <v>43441.5</v>
      </c>
      <c r="Y8174">
        <v>278249.06719999999</v>
      </c>
      <c r="Z8174">
        <v>35973.498440000003</v>
      </c>
      <c r="AA8174">
        <v>98395.878140000001</v>
      </c>
      <c r="AB8174">
        <v>96409.088300000003</v>
      </c>
      <c r="AC8174">
        <v>54416.152130000002</v>
      </c>
      <c r="AD8174">
        <v>40431.841769999999</v>
      </c>
      <c r="AE8174">
        <v>31796.070339999998</v>
      </c>
      <c r="AF8174">
        <v>62549.514580000003</v>
      </c>
      <c r="AG8174">
        <v>35913.807150000001</v>
      </c>
      <c r="AH8174">
        <v>347283.78639999998</v>
      </c>
      <c r="AI8174">
        <v>93002.603050000005</v>
      </c>
      <c r="AJ8174">
        <v>28969.80788</v>
      </c>
      <c r="AK8174">
        <v>37117.503250000002</v>
      </c>
      <c r="AL8174">
        <v>95120.098800000007</v>
      </c>
      <c r="AM8174">
        <v>27590.708419999999</v>
      </c>
      <c r="AN8174">
        <v>121815.03019999999</v>
      </c>
      <c r="AO8174">
        <v>41497.446920000002</v>
      </c>
      <c r="AP8174">
        <v>23209.78846</v>
      </c>
    </row>
    <row r="8175" spans="2:42" x14ac:dyDescent="0.3">
      <c r="B8175">
        <v>67.188048017711793</v>
      </c>
      <c r="C8175" s="83">
        <v>43441.541666666664</v>
      </c>
      <c r="D8175">
        <v>274426.64250000002</v>
      </c>
      <c r="E8175">
        <v>35399.339419999997</v>
      </c>
      <c r="F8175">
        <v>96824.543680000002</v>
      </c>
      <c r="G8175">
        <v>93289.488379999995</v>
      </c>
      <c r="H8175">
        <v>53533.490400000002</v>
      </c>
      <c r="I8175">
        <v>38908.527309999998</v>
      </c>
      <c r="J8175">
        <v>30349.99971</v>
      </c>
      <c r="K8175">
        <v>63824.561809999999</v>
      </c>
      <c r="L8175">
        <v>34427.128620000003</v>
      </c>
      <c r="M8175">
        <v>342556.00140000001</v>
      </c>
      <c r="N8175">
        <v>92329.197480000003</v>
      </c>
      <c r="O8175">
        <v>28553.799599999998</v>
      </c>
      <c r="P8175">
        <v>35805.579720000002</v>
      </c>
      <c r="Q8175">
        <v>93181.978940000001</v>
      </c>
      <c r="R8175">
        <v>28146.143609999999</v>
      </c>
      <c r="S8175">
        <v>120593.66</v>
      </c>
      <c r="T8175">
        <v>39570.5121</v>
      </c>
      <c r="U8175">
        <v>23915.13798</v>
      </c>
      <c r="W8175" s="83">
        <f>Bühler!N8207</f>
        <v>45632.541666646845</v>
      </c>
      <c r="X8175" s="83">
        <v>43441.541666666664</v>
      </c>
      <c r="Y8175">
        <v>274426.64250000002</v>
      </c>
      <c r="Z8175">
        <v>35399.339419999997</v>
      </c>
      <c r="AA8175">
        <v>96824.543680000002</v>
      </c>
      <c r="AB8175">
        <v>93289.488379999995</v>
      </c>
      <c r="AC8175">
        <v>53533.490400000002</v>
      </c>
      <c r="AD8175">
        <v>38908.527309999998</v>
      </c>
      <c r="AE8175">
        <v>30349.99971</v>
      </c>
      <c r="AF8175">
        <v>63824.561809999999</v>
      </c>
      <c r="AG8175">
        <v>34427.128620000003</v>
      </c>
      <c r="AH8175">
        <v>342556.00140000001</v>
      </c>
      <c r="AI8175">
        <v>92329.197480000003</v>
      </c>
      <c r="AJ8175">
        <v>28553.799599999998</v>
      </c>
      <c r="AK8175">
        <v>35805.579720000002</v>
      </c>
      <c r="AL8175">
        <v>93181.978940000001</v>
      </c>
      <c r="AM8175">
        <v>28146.143609999999</v>
      </c>
      <c r="AN8175">
        <v>120593.66</v>
      </c>
      <c r="AO8175">
        <v>39570.5121</v>
      </c>
      <c r="AP8175">
        <v>23915.13798</v>
      </c>
    </row>
    <row r="8176" spans="2:42" x14ac:dyDescent="0.3">
      <c r="B8176">
        <v>67.893606426599959</v>
      </c>
      <c r="C8176" s="83">
        <v>43441.583333333336</v>
      </c>
      <c r="D8176">
        <v>274074.39990000002</v>
      </c>
      <c r="E8176">
        <v>37679.660230000001</v>
      </c>
      <c r="F8176">
        <v>98491.313869999998</v>
      </c>
      <c r="G8176">
        <v>86646.204769999997</v>
      </c>
      <c r="H8176">
        <v>52900.492989999999</v>
      </c>
      <c r="I8176">
        <v>39003.2906</v>
      </c>
      <c r="J8176">
        <v>29965.240419999998</v>
      </c>
      <c r="K8176">
        <v>63634.462370000001</v>
      </c>
      <c r="L8176">
        <v>31437.966260000001</v>
      </c>
      <c r="M8176">
        <v>346153.2672</v>
      </c>
      <c r="N8176">
        <v>92324.652419999999</v>
      </c>
      <c r="O8176">
        <v>27846.748970000001</v>
      </c>
      <c r="P8176">
        <v>33618.47868</v>
      </c>
      <c r="Q8176">
        <v>92357.420620000004</v>
      </c>
      <c r="R8176">
        <v>26559.52506</v>
      </c>
      <c r="S8176">
        <v>115667.6982</v>
      </c>
      <c r="T8176">
        <v>37280.796320000001</v>
      </c>
      <c r="U8176">
        <v>24041.635999999999</v>
      </c>
      <c r="W8176" s="83">
        <f>Bühler!N8208</f>
        <v>45632.583333313509</v>
      </c>
      <c r="X8176" s="83">
        <v>43441.583333333336</v>
      </c>
      <c r="Y8176">
        <v>274074.39990000002</v>
      </c>
      <c r="Z8176">
        <v>37679.660230000001</v>
      </c>
      <c r="AA8176">
        <v>98491.313869999998</v>
      </c>
      <c r="AB8176">
        <v>86646.204769999997</v>
      </c>
      <c r="AC8176">
        <v>52900.492989999999</v>
      </c>
      <c r="AD8176">
        <v>39003.2906</v>
      </c>
      <c r="AE8176">
        <v>29965.240419999998</v>
      </c>
      <c r="AF8176">
        <v>63634.462370000001</v>
      </c>
      <c r="AG8176">
        <v>31437.966260000001</v>
      </c>
      <c r="AH8176">
        <v>346153.2672</v>
      </c>
      <c r="AI8176">
        <v>92324.652419999999</v>
      </c>
      <c r="AJ8176">
        <v>27846.748970000001</v>
      </c>
      <c r="AK8176">
        <v>33618.47868</v>
      </c>
      <c r="AL8176">
        <v>92357.420620000004</v>
      </c>
      <c r="AM8176">
        <v>26559.52506</v>
      </c>
      <c r="AN8176">
        <v>115667.6982</v>
      </c>
      <c r="AO8176">
        <v>37280.796320000001</v>
      </c>
      <c r="AP8176">
        <v>24041.635999999999</v>
      </c>
    </row>
    <row r="8177" spans="2:42" x14ac:dyDescent="0.3">
      <c r="B8177">
        <v>66.64150576105915</v>
      </c>
      <c r="C8177" s="83">
        <v>43441.625</v>
      </c>
      <c r="D8177">
        <v>269955.53749999998</v>
      </c>
      <c r="E8177">
        <v>37254.966379999998</v>
      </c>
      <c r="F8177">
        <v>97415.252680000005</v>
      </c>
      <c r="G8177">
        <v>81152.000249999997</v>
      </c>
      <c r="H8177">
        <v>51313.489509999999</v>
      </c>
      <c r="I8177">
        <v>39907.244830000003</v>
      </c>
      <c r="J8177">
        <v>29568.026819999999</v>
      </c>
      <c r="K8177">
        <v>61264.947780000002</v>
      </c>
      <c r="L8177">
        <v>28431.73619</v>
      </c>
      <c r="M8177">
        <v>339769.47409999999</v>
      </c>
      <c r="N8177">
        <v>88469.041840000005</v>
      </c>
      <c r="O8177">
        <v>27285.22076</v>
      </c>
      <c r="P8177">
        <v>31857.445790000002</v>
      </c>
      <c r="Q8177">
        <v>91152.330579999994</v>
      </c>
      <c r="R8177">
        <v>26041.99296</v>
      </c>
      <c r="S8177">
        <v>112258.2507</v>
      </c>
      <c r="T8177">
        <v>37448.245329999998</v>
      </c>
      <c r="U8177">
        <v>22717.03052</v>
      </c>
      <c r="W8177" s="83">
        <f>Bühler!N8209</f>
        <v>45632.624999980173</v>
      </c>
      <c r="X8177" s="83">
        <v>43441.625</v>
      </c>
      <c r="Y8177">
        <v>269955.53749999998</v>
      </c>
      <c r="Z8177">
        <v>37254.966379999998</v>
      </c>
      <c r="AA8177">
        <v>97415.252680000005</v>
      </c>
      <c r="AB8177">
        <v>81152.000249999997</v>
      </c>
      <c r="AC8177">
        <v>51313.489509999999</v>
      </c>
      <c r="AD8177">
        <v>39907.244830000003</v>
      </c>
      <c r="AE8177">
        <v>29568.026819999999</v>
      </c>
      <c r="AF8177">
        <v>61264.947780000002</v>
      </c>
      <c r="AG8177">
        <v>28431.73619</v>
      </c>
      <c r="AH8177">
        <v>339769.47409999999</v>
      </c>
      <c r="AI8177">
        <v>88469.041840000005</v>
      </c>
      <c r="AJ8177">
        <v>27285.22076</v>
      </c>
      <c r="AK8177">
        <v>31857.445790000002</v>
      </c>
      <c r="AL8177">
        <v>91152.330579999994</v>
      </c>
      <c r="AM8177">
        <v>26041.99296</v>
      </c>
      <c r="AN8177">
        <v>112258.2507</v>
      </c>
      <c r="AO8177">
        <v>37448.245329999998</v>
      </c>
      <c r="AP8177">
        <v>22717.03052</v>
      </c>
    </row>
    <row r="8178" spans="2:42" x14ac:dyDescent="0.3">
      <c r="B8178">
        <v>65.296250572541183</v>
      </c>
      <c r="C8178" s="83">
        <v>43441.666666666664</v>
      </c>
      <c r="D8178">
        <v>261652.64170000001</v>
      </c>
      <c r="E8178">
        <v>36230.901120000002</v>
      </c>
      <c r="F8178">
        <v>96577.686159999997</v>
      </c>
      <c r="G8178">
        <v>75206.609100000001</v>
      </c>
      <c r="H8178">
        <v>50911.241540000003</v>
      </c>
      <c r="I8178">
        <v>42356.073600000003</v>
      </c>
      <c r="J8178">
        <v>29312.947970000001</v>
      </c>
      <c r="K8178">
        <v>58187.282850000003</v>
      </c>
      <c r="L8178">
        <v>27589.218819999998</v>
      </c>
      <c r="M8178">
        <v>332910.73580000002</v>
      </c>
      <c r="N8178">
        <v>86241.945770000006</v>
      </c>
      <c r="O8178">
        <v>28381.510910000001</v>
      </c>
      <c r="P8178">
        <v>31752.695909999999</v>
      </c>
      <c r="Q8178">
        <v>89682.516749999995</v>
      </c>
      <c r="R8178">
        <v>25282.720300000001</v>
      </c>
      <c r="S8178">
        <v>110539.0426</v>
      </c>
      <c r="T8178">
        <v>37779.825380000002</v>
      </c>
      <c r="U8178">
        <v>21330.668450000001</v>
      </c>
      <c r="W8178" s="83">
        <f>Bühler!N8210</f>
        <v>45632.666666646837</v>
      </c>
      <c r="X8178" s="83">
        <v>43441.666666666664</v>
      </c>
      <c r="Y8178">
        <v>261652.64170000001</v>
      </c>
      <c r="Z8178">
        <v>36230.901120000002</v>
      </c>
      <c r="AA8178">
        <v>96577.686159999997</v>
      </c>
      <c r="AB8178">
        <v>75206.609100000001</v>
      </c>
      <c r="AC8178">
        <v>50911.241540000003</v>
      </c>
      <c r="AD8178">
        <v>42356.073600000003</v>
      </c>
      <c r="AE8178">
        <v>29312.947970000001</v>
      </c>
      <c r="AF8178">
        <v>58187.282850000003</v>
      </c>
      <c r="AG8178">
        <v>27589.218819999998</v>
      </c>
      <c r="AH8178">
        <v>332910.73580000002</v>
      </c>
      <c r="AI8178">
        <v>86241.945770000006</v>
      </c>
      <c r="AJ8178">
        <v>28381.510910000001</v>
      </c>
      <c r="AK8178">
        <v>31752.695909999999</v>
      </c>
      <c r="AL8178">
        <v>89682.516749999995</v>
      </c>
      <c r="AM8178">
        <v>25282.720300000001</v>
      </c>
      <c r="AN8178">
        <v>110539.0426</v>
      </c>
      <c r="AO8178">
        <v>37779.825380000002</v>
      </c>
      <c r="AP8178">
        <v>21330.668450000001</v>
      </c>
    </row>
    <row r="8179" spans="2:42" x14ac:dyDescent="0.3">
      <c r="B8179">
        <v>64.049831321382115</v>
      </c>
      <c r="C8179" s="83">
        <v>43441.708333333336</v>
      </c>
      <c r="D8179">
        <v>254612.31659999999</v>
      </c>
      <c r="E8179">
        <v>35075.472580000001</v>
      </c>
      <c r="F8179">
        <v>98167.227809999997</v>
      </c>
      <c r="G8179">
        <v>67108.028630000001</v>
      </c>
      <c r="H8179">
        <v>51635.09648</v>
      </c>
      <c r="I8179">
        <v>42769.461960000001</v>
      </c>
      <c r="J8179">
        <v>31990.49871</v>
      </c>
      <c r="K8179">
        <v>54430.196739999999</v>
      </c>
      <c r="L8179">
        <v>29350.835930000001</v>
      </c>
      <c r="M8179">
        <v>326555.90919999999</v>
      </c>
      <c r="N8179">
        <v>84930.791639999996</v>
      </c>
      <c r="O8179">
        <v>28592.84273</v>
      </c>
      <c r="P8179">
        <v>33220.945670000001</v>
      </c>
      <c r="Q8179">
        <v>87850.270170000003</v>
      </c>
      <c r="R8179">
        <v>24131.755389999998</v>
      </c>
      <c r="S8179">
        <v>110773.9595</v>
      </c>
      <c r="T8179">
        <v>39472.695970000001</v>
      </c>
      <c r="U8179">
        <v>20670.017950000001</v>
      </c>
      <c r="W8179" s="83">
        <f>Bühler!N8211</f>
        <v>45632.708333313501</v>
      </c>
      <c r="X8179" s="83">
        <v>43441.708333333336</v>
      </c>
      <c r="Y8179">
        <v>254612.31659999999</v>
      </c>
      <c r="Z8179">
        <v>35075.472580000001</v>
      </c>
      <c r="AA8179">
        <v>98167.227809999997</v>
      </c>
      <c r="AB8179">
        <v>67108.028630000001</v>
      </c>
      <c r="AC8179">
        <v>51635.09648</v>
      </c>
      <c r="AD8179">
        <v>42769.461960000001</v>
      </c>
      <c r="AE8179">
        <v>31990.49871</v>
      </c>
      <c r="AF8179">
        <v>54430.196739999999</v>
      </c>
      <c r="AG8179">
        <v>29350.835930000001</v>
      </c>
      <c r="AH8179">
        <v>326555.90919999999</v>
      </c>
      <c r="AI8179">
        <v>84930.791639999996</v>
      </c>
      <c r="AJ8179">
        <v>28592.84273</v>
      </c>
      <c r="AK8179">
        <v>33220.945670000001</v>
      </c>
      <c r="AL8179">
        <v>87850.270170000003</v>
      </c>
      <c r="AM8179">
        <v>24131.755389999998</v>
      </c>
      <c r="AN8179">
        <v>110773.9595</v>
      </c>
      <c r="AO8179">
        <v>39472.695970000001</v>
      </c>
      <c r="AP8179">
        <v>20670.017950000001</v>
      </c>
    </row>
    <row r="8180" spans="2:42" x14ac:dyDescent="0.3">
      <c r="B8180">
        <v>61.88062121814194</v>
      </c>
      <c r="C8180" s="83">
        <v>43441.75</v>
      </c>
      <c r="D8180">
        <v>246902.86050000001</v>
      </c>
      <c r="E8180">
        <v>32168.766800000001</v>
      </c>
      <c r="F8180">
        <v>94817.198059999995</v>
      </c>
      <c r="G8180">
        <v>56739.725449999998</v>
      </c>
      <c r="H8180">
        <v>49456.32735</v>
      </c>
      <c r="I8180">
        <v>41720.555379999998</v>
      </c>
      <c r="J8180">
        <v>31997.517100000001</v>
      </c>
      <c r="K8180">
        <v>48336.416239999999</v>
      </c>
      <c r="L8180">
        <v>31396.610120000001</v>
      </c>
      <c r="M8180">
        <v>315496.26449999999</v>
      </c>
      <c r="N8180">
        <v>83016.19369</v>
      </c>
      <c r="O8180">
        <v>26878.064350000001</v>
      </c>
      <c r="P8180">
        <v>36175.59102</v>
      </c>
      <c r="Q8180">
        <v>86198.670559999999</v>
      </c>
      <c r="R8180">
        <v>22012.231950000001</v>
      </c>
      <c r="S8180">
        <v>105591.91559999999</v>
      </c>
      <c r="T8180">
        <v>40192.895859999997</v>
      </c>
      <c r="U8180">
        <v>18798.779259999999</v>
      </c>
      <c r="W8180" s="83">
        <f>Bühler!N8212</f>
        <v>45632.749999980166</v>
      </c>
      <c r="X8180" s="83">
        <v>43441.75</v>
      </c>
      <c r="Y8180">
        <v>246902.86050000001</v>
      </c>
      <c r="Z8180">
        <v>32168.766800000001</v>
      </c>
      <c r="AA8180">
        <v>94817.198059999995</v>
      </c>
      <c r="AB8180">
        <v>56739.725449999998</v>
      </c>
      <c r="AC8180">
        <v>49456.32735</v>
      </c>
      <c r="AD8180">
        <v>41720.555379999998</v>
      </c>
      <c r="AE8180">
        <v>31997.517100000001</v>
      </c>
      <c r="AF8180">
        <v>48336.416239999999</v>
      </c>
      <c r="AG8180">
        <v>31396.610120000001</v>
      </c>
      <c r="AH8180">
        <v>315496.26449999999</v>
      </c>
      <c r="AI8180">
        <v>83016.19369</v>
      </c>
      <c r="AJ8180">
        <v>26878.064350000001</v>
      </c>
      <c r="AK8180">
        <v>36175.59102</v>
      </c>
      <c r="AL8180">
        <v>86198.670559999999</v>
      </c>
      <c r="AM8180">
        <v>22012.231950000001</v>
      </c>
      <c r="AN8180">
        <v>105591.91559999999</v>
      </c>
      <c r="AO8180">
        <v>40192.895859999997</v>
      </c>
      <c r="AP8180">
        <v>18798.779259999999</v>
      </c>
    </row>
    <row r="8181" spans="2:42" x14ac:dyDescent="0.3">
      <c r="B8181">
        <v>60.707961461461707</v>
      </c>
      <c r="C8181" s="83">
        <v>43441.791666666664</v>
      </c>
      <c r="D8181">
        <v>238182.0477</v>
      </c>
      <c r="E8181">
        <v>26163.857820000001</v>
      </c>
      <c r="F8181">
        <v>81888.032890000002</v>
      </c>
      <c r="G8181">
        <v>50287.17656</v>
      </c>
      <c r="H8181">
        <v>46740.337659999997</v>
      </c>
      <c r="I8181">
        <v>38755.298159999998</v>
      </c>
      <c r="J8181">
        <v>31154.383419999998</v>
      </c>
      <c r="K8181">
        <v>47636.81192</v>
      </c>
      <c r="L8181">
        <v>32311.950799999999</v>
      </c>
      <c r="M8181">
        <v>309517.49819999997</v>
      </c>
      <c r="N8181">
        <v>81796.249909999999</v>
      </c>
      <c r="O8181">
        <v>25160.220170000001</v>
      </c>
      <c r="P8181">
        <v>37217.297420000003</v>
      </c>
      <c r="Q8181">
        <v>83448.785059999995</v>
      </c>
      <c r="R8181">
        <v>21254.76424</v>
      </c>
      <c r="S8181">
        <v>100371.662</v>
      </c>
      <c r="T8181">
        <v>40058.098460000001</v>
      </c>
      <c r="U8181">
        <v>17651.461920000002</v>
      </c>
      <c r="W8181" s="83">
        <f>Bühler!N8213</f>
        <v>45632.79166664683</v>
      </c>
      <c r="X8181" s="83">
        <v>43441.791666666664</v>
      </c>
      <c r="Y8181">
        <v>238182.0477</v>
      </c>
      <c r="Z8181">
        <v>26163.857820000001</v>
      </c>
      <c r="AA8181">
        <v>81888.032890000002</v>
      </c>
      <c r="AB8181">
        <v>50287.17656</v>
      </c>
      <c r="AC8181">
        <v>46740.337659999997</v>
      </c>
      <c r="AD8181">
        <v>38755.298159999998</v>
      </c>
      <c r="AE8181">
        <v>31154.383419999998</v>
      </c>
      <c r="AF8181">
        <v>47636.81192</v>
      </c>
      <c r="AG8181">
        <v>32311.950799999999</v>
      </c>
      <c r="AH8181">
        <v>309517.49819999997</v>
      </c>
      <c r="AI8181">
        <v>81796.249909999999</v>
      </c>
      <c r="AJ8181">
        <v>25160.220170000001</v>
      </c>
      <c r="AK8181">
        <v>37217.297420000003</v>
      </c>
      <c r="AL8181">
        <v>83448.785059999995</v>
      </c>
      <c r="AM8181">
        <v>21254.76424</v>
      </c>
      <c r="AN8181">
        <v>100371.662</v>
      </c>
      <c r="AO8181">
        <v>40058.098460000001</v>
      </c>
      <c r="AP8181">
        <v>17651.461920000002</v>
      </c>
    </row>
    <row r="8182" spans="2:42" x14ac:dyDescent="0.3">
      <c r="B8182">
        <v>59.022262209261996</v>
      </c>
      <c r="C8182" s="83">
        <v>43441.833333333336</v>
      </c>
      <c r="D8182">
        <v>228526.0209</v>
      </c>
      <c r="E8182">
        <v>20119.537209999999</v>
      </c>
      <c r="F8182">
        <v>64663.03368</v>
      </c>
      <c r="G8182">
        <v>45833.873520000001</v>
      </c>
      <c r="H8182">
        <v>44265.419240000003</v>
      </c>
      <c r="I8182">
        <v>34775.111810000002</v>
      </c>
      <c r="J8182">
        <v>30220.638869999999</v>
      </c>
      <c r="K8182">
        <v>52027.989650000003</v>
      </c>
      <c r="L8182">
        <v>32530.976930000001</v>
      </c>
      <c r="M8182">
        <v>300923.01730000001</v>
      </c>
      <c r="N8182">
        <v>79380.930399999997</v>
      </c>
      <c r="O8182">
        <v>24088.265790000001</v>
      </c>
      <c r="P8182">
        <v>36926.538419999997</v>
      </c>
      <c r="Q8182">
        <v>79423.369619999998</v>
      </c>
      <c r="R8182">
        <v>22492.129580000001</v>
      </c>
      <c r="S8182">
        <v>90926.512889999998</v>
      </c>
      <c r="T8182">
        <v>38283.411870000004</v>
      </c>
      <c r="U8182">
        <v>16465.537789999998</v>
      </c>
      <c r="W8182" s="83">
        <f>Bühler!N8214</f>
        <v>45632.833333313494</v>
      </c>
      <c r="X8182" s="83">
        <v>43441.833333333336</v>
      </c>
      <c r="Y8182">
        <v>228526.0209</v>
      </c>
      <c r="Z8182">
        <v>20119.537209999999</v>
      </c>
      <c r="AA8182">
        <v>64663.03368</v>
      </c>
      <c r="AB8182">
        <v>45833.873520000001</v>
      </c>
      <c r="AC8182">
        <v>44265.419240000003</v>
      </c>
      <c r="AD8182">
        <v>34775.111810000002</v>
      </c>
      <c r="AE8182">
        <v>30220.638869999999</v>
      </c>
      <c r="AF8182">
        <v>52027.989650000003</v>
      </c>
      <c r="AG8182">
        <v>32530.976930000001</v>
      </c>
      <c r="AH8182">
        <v>300923.01730000001</v>
      </c>
      <c r="AI8182">
        <v>79380.930399999997</v>
      </c>
      <c r="AJ8182">
        <v>24088.265790000001</v>
      </c>
      <c r="AK8182">
        <v>36926.538419999997</v>
      </c>
      <c r="AL8182">
        <v>79423.369619999998</v>
      </c>
      <c r="AM8182">
        <v>22492.129580000001</v>
      </c>
      <c r="AN8182">
        <v>90926.512889999998</v>
      </c>
      <c r="AO8182">
        <v>38283.411870000004</v>
      </c>
      <c r="AP8182">
        <v>16465.537789999998</v>
      </c>
    </row>
    <row r="8183" spans="2:42" x14ac:dyDescent="0.3">
      <c r="B8183">
        <v>57.421105458883446</v>
      </c>
      <c r="C8183" s="83">
        <v>43441.875</v>
      </c>
      <c r="D8183">
        <v>222200.02970000001</v>
      </c>
      <c r="E8183">
        <v>17375.449120000001</v>
      </c>
      <c r="F8183">
        <v>55458.2039</v>
      </c>
      <c r="G8183">
        <v>43564.646460000004</v>
      </c>
      <c r="H8183">
        <v>41791.944810000001</v>
      </c>
      <c r="I8183">
        <v>29663.246579999999</v>
      </c>
      <c r="J8183">
        <v>29135.048480000001</v>
      </c>
      <c r="K8183">
        <v>52669.532590000003</v>
      </c>
      <c r="L8183">
        <v>31055.210950000001</v>
      </c>
      <c r="M8183">
        <v>292759.5735</v>
      </c>
      <c r="N8183">
        <v>76613.303369999994</v>
      </c>
      <c r="O8183">
        <v>22649.294119999999</v>
      </c>
      <c r="P8183">
        <v>35655.420270000002</v>
      </c>
      <c r="Q8183">
        <v>77611.022010000001</v>
      </c>
      <c r="R8183">
        <v>20834.20047</v>
      </c>
      <c r="S8183">
        <v>84883.661110000001</v>
      </c>
      <c r="T8183">
        <v>34736.709569999999</v>
      </c>
      <c r="U8183">
        <v>15767.969499999999</v>
      </c>
      <c r="W8183" s="83">
        <f>Bühler!N8215</f>
        <v>45632.874999980158</v>
      </c>
      <c r="X8183" s="83">
        <v>43441.875</v>
      </c>
      <c r="Y8183">
        <v>222200.02970000001</v>
      </c>
      <c r="Z8183">
        <v>17375.449120000001</v>
      </c>
      <c r="AA8183">
        <v>55458.2039</v>
      </c>
      <c r="AB8183">
        <v>43564.646460000004</v>
      </c>
      <c r="AC8183">
        <v>41791.944810000001</v>
      </c>
      <c r="AD8183">
        <v>29663.246579999999</v>
      </c>
      <c r="AE8183">
        <v>29135.048480000001</v>
      </c>
      <c r="AF8183">
        <v>52669.532590000003</v>
      </c>
      <c r="AG8183">
        <v>31055.210950000001</v>
      </c>
      <c r="AH8183">
        <v>292759.5735</v>
      </c>
      <c r="AI8183">
        <v>76613.303369999994</v>
      </c>
      <c r="AJ8183">
        <v>22649.294119999999</v>
      </c>
      <c r="AK8183">
        <v>35655.420270000002</v>
      </c>
      <c r="AL8183">
        <v>77611.022010000001</v>
      </c>
      <c r="AM8183">
        <v>20834.20047</v>
      </c>
      <c r="AN8183">
        <v>84883.661110000001</v>
      </c>
      <c r="AO8183">
        <v>34736.709569999999</v>
      </c>
      <c r="AP8183">
        <v>15767.969499999999</v>
      </c>
    </row>
    <row r="8184" spans="2:42" x14ac:dyDescent="0.3">
      <c r="B8184">
        <v>57.004636611668204</v>
      </c>
      <c r="C8184" s="83">
        <v>43441.916666666664</v>
      </c>
      <c r="D8184">
        <v>219722.5975</v>
      </c>
      <c r="E8184">
        <v>16870.477360000001</v>
      </c>
      <c r="F8184">
        <v>52493.558689999998</v>
      </c>
      <c r="G8184">
        <v>42527.504459999996</v>
      </c>
      <c r="H8184">
        <v>40628.507530000003</v>
      </c>
      <c r="I8184">
        <v>27484.0164</v>
      </c>
      <c r="J8184">
        <v>27971.155460000002</v>
      </c>
      <c r="K8184">
        <v>54552.796470000001</v>
      </c>
      <c r="L8184">
        <v>28622.78499</v>
      </c>
      <c r="M8184">
        <v>290636.22110000002</v>
      </c>
      <c r="N8184">
        <v>75917.711420000007</v>
      </c>
      <c r="O8184">
        <v>23704.756389999999</v>
      </c>
      <c r="P8184">
        <v>38909.083619999998</v>
      </c>
      <c r="Q8184">
        <v>75885.626480000006</v>
      </c>
      <c r="R8184">
        <v>27279.231199999998</v>
      </c>
      <c r="S8184">
        <v>84273.426139999996</v>
      </c>
      <c r="T8184">
        <v>31266.983390000001</v>
      </c>
      <c r="U8184">
        <v>16275.631530000001</v>
      </c>
      <c r="W8184" s="83">
        <f>Bühler!N8216</f>
        <v>45632.916666646823</v>
      </c>
      <c r="X8184" s="83">
        <v>43441.916666666664</v>
      </c>
      <c r="Y8184">
        <v>219722.5975</v>
      </c>
      <c r="Z8184">
        <v>16870.477360000001</v>
      </c>
      <c r="AA8184">
        <v>52493.558689999998</v>
      </c>
      <c r="AB8184">
        <v>42527.504459999996</v>
      </c>
      <c r="AC8184">
        <v>40628.507530000003</v>
      </c>
      <c r="AD8184">
        <v>27484.0164</v>
      </c>
      <c r="AE8184">
        <v>27971.155460000002</v>
      </c>
      <c r="AF8184">
        <v>54552.796470000001</v>
      </c>
      <c r="AG8184">
        <v>28622.78499</v>
      </c>
      <c r="AH8184">
        <v>290636.22110000002</v>
      </c>
      <c r="AI8184">
        <v>75917.711420000007</v>
      </c>
      <c r="AJ8184">
        <v>23704.756389999999</v>
      </c>
      <c r="AK8184">
        <v>38909.083619999998</v>
      </c>
      <c r="AL8184">
        <v>75885.626480000006</v>
      </c>
      <c r="AM8184">
        <v>27279.231199999998</v>
      </c>
      <c r="AN8184">
        <v>84273.426139999996</v>
      </c>
      <c r="AO8184">
        <v>31266.983390000001</v>
      </c>
      <c r="AP8184">
        <v>16275.631530000001</v>
      </c>
    </row>
    <row r="8185" spans="2:42" x14ac:dyDescent="0.3">
      <c r="B8185">
        <v>56.039793388222861</v>
      </c>
      <c r="C8185" s="83">
        <v>43441.958333333336</v>
      </c>
      <c r="D8185">
        <v>218572.66459999999</v>
      </c>
      <c r="E8185">
        <v>16582.149450000001</v>
      </c>
      <c r="F8185">
        <v>50988.444689999997</v>
      </c>
      <c r="G8185">
        <v>42494.267820000001</v>
      </c>
      <c r="H8185">
        <v>39577.352310000002</v>
      </c>
      <c r="I8185">
        <v>25928.040840000001</v>
      </c>
      <c r="J8185">
        <v>26418.09535</v>
      </c>
      <c r="K8185">
        <v>53670.271249999998</v>
      </c>
      <c r="L8185">
        <v>25031.544330000001</v>
      </c>
      <c r="M8185">
        <v>285717.00040000002</v>
      </c>
      <c r="N8185">
        <v>74017.142559999993</v>
      </c>
      <c r="O8185">
        <v>24001.152580000002</v>
      </c>
      <c r="P8185">
        <v>35610.09822</v>
      </c>
      <c r="Q8185">
        <v>75542.978749999995</v>
      </c>
      <c r="R8185">
        <v>26869.377960000002</v>
      </c>
      <c r="S8185">
        <v>83330.14688</v>
      </c>
      <c r="T8185">
        <v>32145.41517</v>
      </c>
      <c r="U8185">
        <v>15556.58632</v>
      </c>
      <c r="W8185" s="83">
        <f>Bühler!N8217</f>
        <v>45632.958333313487</v>
      </c>
      <c r="X8185" s="83">
        <v>43441.958333333336</v>
      </c>
      <c r="Y8185">
        <v>218572.66459999999</v>
      </c>
      <c r="Z8185">
        <v>16582.149450000001</v>
      </c>
      <c r="AA8185">
        <v>50988.444689999997</v>
      </c>
      <c r="AB8185">
        <v>42494.267820000001</v>
      </c>
      <c r="AC8185">
        <v>39577.352310000002</v>
      </c>
      <c r="AD8185">
        <v>25928.040840000001</v>
      </c>
      <c r="AE8185">
        <v>26418.09535</v>
      </c>
      <c r="AF8185">
        <v>53670.271249999998</v>
      </c>
      <c r="AG8185">
        <v>25031.544330000001</v>
      </c>
      <c r="AH8185">
        <v>285717.00040000002</v>
      </c>
      <c r="AI8185">
        <v>74017.142559999993</v>
      </c>
      <c r="AJ8185">
        <v>24001.152580000002</v>
      </c>
      <c r="AK8185">
        <v>35610.09822</v>
      </c>
      <c r="AL8185">
        <v>75542.978749999995</v>
      </c>
      <c r="AM8185">
        <v>26869.377960000002</v>
      </c>
      <c r="AN8185">
        <v>83330.14688</v>
      </c>
      <c r="AO8185">
        <v>32145.41517</v>
      </c>
      <c r="AP8185">
        <v>15556.58632</v>
      </c>
    </row>
    <row r="8186" spans="2:42" x14ac:dyDescent="0.3">
      <c r="B8186">
        <v>54.857976093399095</v>
      </c>
      <c r="C8186" s="83">
        <v>43442</v>
      </c>
      <c r="D8186">
        <v>215433.20689999999</v>
      </c>
      <c r="E8186">
        <v>16260.76172</v>
      </c>
      <c r="F8186">
        <v>50612.897400000002</v>
      </c>
      <c r="G8186">
        <v>41942.394</v>
      </c>
      <c r="H8186">
        <v>38749.916689999998</v>
      </c>
      <c r="I8186">
        <v>24783.480800000001</v>
      </c>
      <c r="J8186">
        <v>25426.443780000001</v>
      </c>
      <c r="K8186">
        <v>51421.638449999999</v>
      </c>
      <c r="L8186">
        <v>21846.919450000001</v>
      </c>
      <c r="M8186">
        <v>279691.54470000003</v>
      </c>
      <c r="N8186">
        <v>75041.245150000002</v>
      </c>
      <c r="O8186">
        <v>23945.759600000001</v>
      </c>
      <c r="P8186">
        <v>33113.40352</v>
      </c>
      <c r="Q8186">
        <v>73987.406359999994</v>
      </c>
      <c r="R8186">
        <v>25526.81208</v>
      </c>
      <c r="S8186">
        <v>82857.464120000004</v>
      </c>
      <c r="T8186">
        <v>30050.925899999998</v>
      </c>
      <c r="U8186">
        <v>15609.050800000001</v>
      </c>
      <c r="W8186" s="83">
        <f>Bühler!N8218</f>
        <v>45632.999999980151</v>
      </c>
      <c r="X8186" s="83">
        <v>43442</v>
      </c>
      <c r="Y8186">
        <v>215433.20689999999</v>
      </c>
      <c r="Z8186">
        <v>16260.76172</v>
      </c>
      <c r="AA8186">
        <v>50612.897400000002</v>
      </c>
      <c r="AB8186">
        <v>41942.394</v>
      </c>
      <c r="AC8186">
        <v>38749.916689999998</v>
      </c>
      <c r="AD8186">
        <v>24783.480800000001</v>
      </c>
      <c r="AE8186">
        <v>25426.443780000001</v>
      </c>
      <c r="AF8186">
        <v>51421.638449999999</v>
      </c>
      <c r="AG8186">
        <v>21846.919450000001</v>
      </c>
      <c r="AH8186">
        <v>279691.54470000003</v>
      </c>
      <c r="AI8186">
        <v>75041.245150000002</v>
      </c>
      <c r="AJ8186">
        <v>23945.759600000001</v>
      </c>
      <c r="AK8186">
        <v>33113.40352</v>
      </c>
      <c r="AL8186">
        <v>73987.406359999994</v>
      </c>
      <c r="AM8186">
        <v>25526.81208</v>
      </c>
      <c r="AN8186">
        <v>82857.464120000004</v>
      </c>
      <c r="AO8186">
        <v>30050.925899999998</v>
      </c>
      <c r="AP8186">
        <v>15609.050800000001</v>
      </c>
    </row>
    <row r="8187" spans="2:42" x14ac:dyDescent="0.3">
      <c r="B8187">
        <v>54.049260114229071</v>
      </c>
      <c r="C8187" s="83">
        <v>43442.041666666664</v>
      </c>
      <c r="D8187">
        <v>211042.1655</v>
      </c>
      <c r="E8187">
        <v>16256.03276</v>
      </c>
      <c r="F8187">
        <v>51210.799890000002</v>
      </c>
      <c r="G8187">
        <v>41538.462639999998</v>
      </c>
      <c r="H8187">
        <v>38433.771359999999</v>
      </c>
      <c r="I8187">
        <v>21398.342789999999</v>
      </c>
      <c r="J8187">
        <v>25401.571929999998</v>
      </c>
      <c r="K8187">
        <v>50077.633549999999</v>
      </c>
      <c r="L8187">
        <v>20247.95651</v>
      </c>
      <c r="M8187">
        <v>275568.33350000001</v>
      </c>
      <c r="N8187">
        <v>73266.750979999997</v>
      </c>
      <c r="O8187">
        <v>23616.427739999999</v>
      </c>
      <c r="P8187">
        <v>31811.9483</v>
      </c>
      <c r="Q8187">
        <v>74154.815879999995</v>
      </c>
      <c r="R8187">
        <v>25222.018700000001</v>
      </c>
      <c r="S8187">
        <v>81375.974799999996</v>
      </c>
      <c r="T8187">
        <v>29098.440780000001</v>
      </c>
      <c r="U8187">
        <v>16043.49879</v>
      </c>
      <c r="W8187" s="83">
        <f>Bühler!N8219</f>
        <v>45633.041666646815</v>
      </c>
      <c r="X8187" s="83">
        <v>43442.041666666664</v>
      </c>
      <c r="Y8187">
        <v>211042.1655</v>
      </c>
      <c r="Z8187">
        <v>16256.03276</v>
      </c>
      <c r="AA8187">
        <v>51210.799890000002</v>
      </c>
      <c r="AB8187">
        <v>41538.462639999998</v>
      </c>
      <c r="AC8187">
        <v>38433.771359999999</v>
      </c>
      <c r="AD8187">
        <v>21398.342789999999</v>
      </c>
      <c r="AE8187">
        <v>25401.571929999998</v>
      </c>
      <c r="AF8187">
        <v>50077.633549999999</v>
      </c>
      <c r="AG8187">
        <v>20247.95651</v>
      </c>
      <c r="AH8187">
        <v>275568.33350000001</v>
      </c>
      <c r="AI8187">
        <v>73266.750979999997</v>
      </c>
      <c r="AJ8187">
        <v>23616.427739999999</v>
      </c>
      <c r="AK8187">
        <v>31811.9483</v>
      </c>
      <c r="AL8187">
        <v>74154.815879999995</v>
      </c>
      <c r="AM8187">
        <v>25222.018700000001</v>
      </c>
      <c r="AN8187">
        <v>81375.974799999996</v>
      </c>
      <c r="AO8187">
        <v>29098.440780000001</v>
      </c>
      <c r="AP8187">
        <v>16043.49879</v>
      </c>
    </row>
    <row r="8188" spans="2:42" x14ac:dyDescent="0.3">
      <c r="B8188">
        <v>53.725808748780324</v>
      </c>
      <c r="C8188" s="83">
        <v>43442.083333333336</v>
      </c>
      <c r="D8188">
        <v>206824.3737</v>
      </c>
      <c r="E8188">
        <v>16130.8755</v>
      </c>
      <c r="F8188">
        <v>51759.133959999999</v>
      </c>
      <c r="G8188">
        <v>41315.947959999998</v>
      </c>
      <c r="H8188">
        <v>38376.552430000003</v>
      </c>
      <c r="I8188">
        <v>19170.214510000002</v>
      </c>
      <c r="J8188">
        <v>25237.084859999999</v>
      </c>
      <c r="K8188">
        <v>48997.582979999999</v>
      </c>
      <c r="L8188">
        <v>19409.763780000001</v>
      </c>
      <c r="M8188">
        <v>273919.22759999998</v>
      </c>
      <c r="N8188">
        <v>72358.764070000005</v>
      </c>
      <c r="O8188">
        <v>23432.610919999999</v>
      </c>
      <c r="P8188">
        <v>30478.043890000001</v>
      </c>
      <c r="Q8188">
        <v>73592.576520000002</v>
      </c>
      <c r="R8188">
        <v>23847.306970000001</v>
      </c>
      <c r="S8188">
        <v>81813.739050000004</v>
      </c>
      <c r="T8188">
        <v>28533.25476</v>
      </c>
      <c r="U8188">
        <v>15934.28066</v>
      </c>
      <c r="W8188" s="83">
        <f>Bühler!N8220</f>
        <v>45633.08333331348</v>
      </c>
      <c r="X8188" s="83">
        <v>43442.083333333336</v>
      </c>
      <c r="Y8188">
        <v>206824.3737</v>
      </c>
      <c r="Z8188">
        <v>16130.8755</v>
      </c>
      <c r="AA8188">
        <v>51759.133959999999</v>
      </c>
      <c r="AB8188">
        <v>41315.947959999998</v>
      </c>
      <c r="AC8188">
        <v>38376.552430000003</v>
      </c>
      <c r="AD8188">
        <v>19170.214510000002</v>
      </c>
      <c r="AE8188">
        <v>25237.084859999999</v>
      </c>
      <c r="AF8188">
        <v>48997.582979999999</v>
      </c>
      <c r="AG8188">
        <v>19409.763780000001</v>
      </c>
      <c r="AH8188">
        <v>273919.22759999998</v>
      </c>
      <c r="AI8188">
        <v>72358.764070000005</v>
      </c>
      <c r="AJ8188">
        <v>23432.610919999999</v>
      </c>
      <c r="AK8188">
        <v>30478.043890000001</v>
      </c>
      <c r="AL8188">
        <v>73592.576520000002</v>
      </c>
      <c r="AM8188">
        <v>23847.306970000001</v>
      </c>
      <c r="AN8188">
        <v>81813.739050000004</v>
      </c>
      <c r="AO8188">
        <v>28533.25476</v>
      </c>
      <c r="AP8188">
        <v>15934.28066</v>
      </c>
    </row>
    <row r="8189" spans="2:42" x14ac:dyDescent="0.3">
      <c r="B8189">
        <v>52.645398733189815</v>
      </c>
      <c r="C8189" s="83">
        <v>43442.125</v>
      </c>
      <c r="D8189">
        <v>202846.3266</v>
      </c>
      <c r="E8189">
        <v>16220.626039999999</v>
      </c>
      <c r="F8189">
        <v>52178.992960000003</v>
      </c>
      <c r="G8189">
        <v>40728.011980000003</v>
      </c>
      <c r="H8189">
        <v>38004.022060000003</v>
      </c>
      <c r="I8189">
        <v>18463.22942</v>
      </c>
      <c r="J8189">
        <v>25317.225849999999</v>
      </c>
      <c r="K8189">
        <v>46608.41257</v>
      </c>
      <c r="L8189">
        <v>18799.663120000001</v>
      </c>
      <c r="M8189">
        <v>268410.79350000003</v>
      </c>
      <c r="N8189">
        <v>71874.33481</v>
      </c>
      <c r="O8189">
        <v>23214.045259999999</v>
      </c>
      <c r="P8189">
        <v>28953.29896</v>
      </c>
      <c r="Q8189">
        <v>73137.166060000003</v>
      </c>
      <c r="R8189">
        <v>23754.967850000001</v>
      </c>
      <c r="S8189">
        <v>80358.811329999997</v>
      </c>
      <c r="T8189">
        <v>28248.547439999998</v>
      </c>
      <c r="U8189">
        <v>16330.293229999999</v>
      </c>
      <c r="W8189" s="83">
        <f>Bühler!N8221</f>
        <v>45633.124999980144</v>
      </c>
      <c r="X8189" s="83">
        <v>43442.125</v>
      </c>
      <c r="Y8189">
        <v>202846.3266</v>
      </c>
      <c r="Z8189">
        <v>16220.626039999999</v>
      </c>
      <c r="AA8189">
        <v>52178.992960000003</v>
      </c>
      <c r="AB8189">
        <v>40728.011980000003</v>
      </c>
      <c r="AC8189">
        <v>38004.022060000003</v>
      </c>
      <c r="AD8189">
        <v>18463.22942</v>
      </c>
      <c r="AE8189">
        <v>25317.225849999999</v>
      </c>
      <c r="AF8189">
        <v>46608.41257</v>
      </c>
      <c r="AG8189">
        <v>18799.663120000001</v>
      </c>
      <c r="AH8189">
        <v>268410.79350000003</v>
      </c>
      <c r="AI8189">
        <v>71874.33481</v>
      </c>
      <c r="AJ8189">
        <v>23214.045259999999</v>
      </c>
      <c r="AK8189">
        <v>28953.29896</v>
      </c>
      <c r="AL8189">
        <v>73137.166060000003</v>
      </c>
      <c r="AM8189">
        <v>23754.967850000001</v>
      </c>
      <c r="AN8189">
        <v>80358.811329999997</v>
      </c>
      <c r="AO8189">
        <v>28248.547439999998</v>
      </c>
      <c r="AP8189">
        <v>16330.293229999999</v>
      </c>
    </row>
    <row r="8190" spans="2:42" x14ac:dyDescent="0.3">
      <c r="B8190">
        <v>50.82871385605727</v>
      </c>
      <c r="C8190" s="83">
        <v>43442.166666666664</v>
      </c>
      <c r="D8190">
        <v>196229.00109999999</v>
      </c>
      <c r="E8190">
        <v>16235.40171</v>
      </c>
      <c r="F8190">
        <v>57319.203419999998</v>
      </c>
      <c r="G8190">
        <v>40003.340320000003</v>
      </c>
      <c r="H8190">
        <v>38252.203600000001</v>
      </c>
      <c r="I8190">
        <v>20919.359410000001</v>
      </c>
      <c r="J8190">
        <v>26770.873189999998</v>
      </c>
      <c r="K8190">
        <v>45175.787900000003</v>
      </c>
      <c r="L8190">
        <v>18640.339889999999</v>
      </c>
      <c r="M8190">
        <v>259148.48680000001</v>
      </c>
      <c r="N8190">
        <v>70797.652019999994</v>
      </c>
      <c r="O8190">
        <v>23456.18734</v>
      </c>
      <c r="P8190">
        <v>28838.16689</v>
      </c>
      <c r="Q8190">
        <v>72999.332049999997</v>
      </c>
      <c r="R8190">
        <v>24120.8717</v>
      </c>
      <c r="S8190">
        <v>81829.529779999997</v>
      </c>
      <c r="T8190">
        <v>28172.88307</v>
      </c>
      <c r="U8190">
        <v>16286.54026</v>
      </c>
      <c r="W8190" s="83">
        <f>Bühler!N8222</f>
        <v>45633.166666646808</v>
      </c>
      <c r="X8190" s="83">
        <v>43442.166666666664</v>
      </c>
      <c r="Y8190">
        <v>196229.00109999999</v>
      </c>
      <c r="Z8190">
        <v>16235.40171</v>
      </c>
      <c r="AA8190">
        <v>57319.203419999998</v>
      </c>
      <c r="AB8190">
        <v>40003.340320000003</v>
      </c>
      <c r="AC8190">
        <v>38252.203600000001</v>
      </c>
      <c r="AD8190">
        <v>20919.359410000001</v>
      </c>
      <c r="AE8190">
        <v>26770.873189999998</v>
      </c>
      <c r="AF8190">
        <v>45175.787900000003</v>
      </c>
      <c r="AG8190">
        <v>18640.339889999999</v>
      </c>
      <c r="AH8190">
        <v>259148.48680000001</v>
      </c>
      <c r="AI8190">
        <v>70797.652019999994</v>
      </c>
      <c r="AJ8190">
        <v>23456.18734</v>
      </c>
      <c r="AK8190">
        <v>28838.16689</v>
      </c>
      <c r="AL8190">
        <v>72999.332049999997</v>
      </c>
      <c r="AM8190">
        <v>24120.8717</v>
      </c>
      <c r="AN8190">
        <v>81829.529779999997</v>
      </c>
      <c r="AO8190">
        <v>28172.88307</v>
      </c>
      <c r="AP8190">
        <v>16286.54026</v>
      </c>
    </row>
    <row r="8191" spans="2:42" x14ac:dyDescent="0.3">
      <c r="B8191">
        <v>50.745513875602491</v>
      </c>
      <c r="C8191" s="83">
        <v>43442.208333333336</v>
      </c>
      <c r="D8191">
        <v>191559.52960000001</v>
      </c>
      <c r="E8191">
        <v>17143.131229999999</v>
      </c>
      <c r="F8191">
        <v>65738.664820000005</v>
      </c>
      <c r="G8191">
        <v>40193.386010000002</v>
      </c>
      <c r="H8191">
        <v>39446.870210000001</v>
      </c>
      <c r="I8191">
        <v>28340.286380000001</v>
      </c>
      <c r="J8191">
        <v>28728.323960000002</v>
      </c>
      <c r="K8191">
        <v>43828.117619999997</v>
      </c>
      <c r="L8191">
        <v>19474.60052</v>
      </c>
      <c r="M8191">
        <v>258724.29449999999</v>
      </c>
      <c r="N8191">
        <v>70133.392489999998</v>
      </c>
      <c r="O8191">
        <v>23400.971229999999</v>
      </c>
      <c r="P8191">
        <v>30109.43432</v>
      </c>
      <c r="Q8191">
        <v>71415.10183</v>
      </c>
      <c r="R8191">
        <v>24702.93563</v>
      </c>
      <c r="S8191">
        <v>82848.339919999999</v>
      </c>
      <c r="T8191">
        <v>29328.825629999999</v>
      </c>
      <c r="U8191">
        <v>17055.901519999999</v>
      </c>
      <c r="W8191" s="83">
        <f>Bühler!N8223</f>
        <v>45633.208333313472</v>
      </c>
      <c r="X8191" s="83">
        <v>43442.208333333336</v>
      </c>
      <c r="Y8191">
        <v>191559.52960000001</v>
      </c>
      <c r="Z8191">
        <v>17143.131229999999</v>
      </c>
      <c r="AA8191">
        <v>65738.664820000005</v>
      </c>
      <c r="AB8191">
        <v>40193.386010000002</v>
      </c>
      <c r="AC8191">
        <v>39446.870210000001</v>
      </c>
      <c r="AD8191">
        <v>28340.286380000001</v>
      </c>
      <c r="AE8191">
        <v>28728.323960000002</v>
      </c>
      <c r="AF8191">
        <v>43828.117619999997</v>
      </c>
      <c r="AG8191">
        <v>19474.60052</v>
      </c>
      <c r="AH8191">
        <v>258724.29449999999</v>
      </c>
      <c r="AI8191">
        <v>70133.392489999998</v>
      </c>
      <c r="AJ8191">
        <v>23400.971229999999</v>
      </c>
      <c r="AK8191">
        <v>30109.43432</v>
      </c>
      <c r="AL8191">
        <v>71415.10183</v>
      </c>
      <c r="AM8191">
        <v>24702.93563</v>
      </c>
      <c r="AN8191">
        <v>82848.339919999999</v>
      </c>
      <c r="AO8191">
        <v>29328.825629999999</v>
      </c>
      <c r="AP8191">
        <v>17055.901519999999</v>
      </c>
    </row>
    <row r="8192" spans="2:42" x14ac:dyDescent="0.3">
      <c r="B8192">
        <v>51.354563380244109</v>
      </c>
      <c r="C8192" s="83">
        <v>43442.25</v>
      </c>
      <c r="D8192">
        <v>193816.73569999999</v>
      </c>
      <c r="E8192">
        <v>19071.015329999998</v>
      </c>
      <c r="F8192">
        <v>78674.824460000003</v>
      </c>
      <c r="G8192">
        <v>41759.221949999999</v>
      </c>
      <c r="H8192">
        <v>39838.829599999997</v>
      </c>
      <c r="I8192">
        <v>31830.4588</v>
      </c>
      <c r="J8192">
        <v>31335.873100000001</v>
      </c>
      <c r="K8192">
        <v>43421.65148</v>
      </c>
      <c r="L8192">
        <v>20884.416509999999</v>
      </c>
      <c r="M8192">
        <v>261829.5129</v>
      </c>
      <c r="N8192">
        <v>70006.707810000007</v>
      </c>
      <c r="O8192">
        <v>23233.358179999999</v>
      </c>
      <c r="P8192">
        <v>29982.53097</v>
      </c>
      <c r="Q8192">
        <v>70766.028399999996</v>
      </c>
      <c r="R8192">
        <v>18920.115750000001</v>
      </c>
      <c r="S8192">
        <v>87509.87242</v>
      </c>
      <c r="T8192">
        <v>31148.300009999999</v>
      </c>
      <c r="U8192">
        <v>16426.81811</v>
      </c>
      <c r="W8192" s="83">
        <f>Bühler!N8224</f>
        <v>45633.249999980137</v>
      </c>
      <c r="X8192" s="83">
        <v>43442.25</v>
      </c>
      <c r="Y8192">
        <v>193816.73569999999</v>
      </c>
      <c r="Z8192">
        <v>19071.015329999998</v>
      </c>
      <c r="AA8192">
        <v>78674.824460000003</v>
      </c>
      <c r="AB8192">
        <v>41759.221949999999</v>
      </c>
      <c r="AC8192">
        <v>39838.829599999997</v>
      </c>
      <c r="AD8192">
        <v>31830.4588</v>
      </c>
      <c r="AE8192">
        <v>31335.873100000001</v>
      </c>
      <c r="AF8192">
        <v>43421.65148</v>
      </c>
      <c r="AG8192">
        <v>20884.416509999999</v>
      </c>
      <c r="AH8192">
        <v>261829.5129</v>
      </c>
      <c r="AI8192">
        <v>70006.707810000007</v>
      </c>
      <c r="AJ8192">
        <v>23233.358179999999</v>
      </c>
      <c r="AK8192">
        <v>29982.53097</v>
      </c>
      <c r="AL8192">
        <v>70766.028399999996</v>
      </c>
      <c r="AM8192">
        <v>18920.115750000001</v>
      </c>
      <c r="AN8192">
        <v>87509.87242</v>
      </c>
      <c r="AO8192">
        <v>31148.300009999999</v>
      </c>
      <c r="AP8192">
        <v>16426.81811</v>
      </c>
    </row>
    <row r="8193" spans="2:42" x14ac:dyDescent="0.3">
      <c r="B8193">
        <v>50.830417603697711</v>
      </c>
      <c r="C8193" s="83">
        <v>43442.291666666664</v>
      </c>
      <c r="D8193">
        <v>194027.53959999999</v>
      </c>
      <c r="E8193">
        <v>22029.58181</v>
      </c>
      <c r="F8193">
        <v>81787.28701</v>
      </c>
      <c r="G8193">
        <v>43334.534449999999</v>
      </c>
      <c r="H8193">
        <v>40939.256000000001</v>
      </c>
      <c r="I8193">
        <v>34643.733919999999</v>
      </c>
      <c r="J8193">
        <v>32644.917880000001</v>
      </c>
      <c r="K8193">
        <v>42931.20607</v>
      </c>
      <c r="L8193">
        <v>23162.245650000001</v>
      </c>
      <c r="M8193">
        <v>259157.17329999999</v>
      </c>
      <c r="N8193">
        <v>72345.395690000005</v>
      </c>
      <c r="O8193">
        <v>23856.42743</v>
      </c>
      <c r="P8193">
        <v>32179.721079999999</v>
      </c>
      <c r="Q8193">
        <v>67877.902019999994</v>
      </c>
      <c r="R8193">
        <v>20195.31653</v>
      </c>
      <c r="S8193">
        <v>95822.895780000006</v>
      </c>
      <c r="T8193">
        <v>30084.687819999999</v>
      </c>
      <c r="U8193">
        <v>17239.185389999999</v>
      </c>
      <c r="W8193" s="83">
        <f>Bühler!N8225</f>
        <v>45633.291666646801</v>
      </c>
      <c r="X8193" s="83">
        <v>43442.291666666664</v>
      </c>
      <c r="Y8193">
        <v>194027.53959999999</v>
      </c>
      <c r="Z8193">
        <v>22029.58181</v>
      </c>
      <c r="AA8193">
        <v>81787.28701</v>
      </c>
      <c r="AB8193">
        <v>43334.534449999999</v>
      </c>
      <c r="AC8193">
        <v>40939.256000000001</v>
      </c>
      <c r="AD8193">
        <v>34643.733919999999</v>
      </c>
      <c r="AE8193">
        <v>32644.917880000001</v>
      </c>
      <c r="AF8193">
        <v>42931.20607</v>
      </c>
      <c r="AG8193">
        <v>23162.245650000001</v>
      </c>
      <c r="AH8193">
        <v>259157.17329999999</v>
      </c>
      <c r="AI8193">
        <v>72345.395690000005</v>
      </c>
      <c r="AJ8193">
        <v>23856.42743</v>
      </c>
      <c r="AK8193">
        <v>32179.721079999999</v>
      </c>
      <c r="AL8193">
        <v>67877.902019999994</v>
      </c>
      <c r="AM8193">
        <v>20195.31653</v>
      </c>
      <c r="AN8193">
        <v>95822.895780000006</v>
      </c>
      <c r="AO8193">
        <v>30084.687819999999</v>
      </c>
      <c r="AP8193">
        <v>17239.185389999999</v>
      </c>
    </row>
    <row r="8194" spans="2:42" x14ac:dyDescent="0.3">
      <c r="B8194">
        <v>49.874852856724935</v>
      </c>
      <c r="C8194" s="83">
        <v>43442.333333333336</v>
      </c>
      <c r="D8194">
        <v>194061.55859999999</v>
      </c>
      <c r="E8194">
        <v>24975.775710000002</v>
      </c>
      <c r="F8194">
        <v>86354.705140000005</v>
      </c>
      <c r="G8194">
        <v>44694.848539999999</v>
      </c>
      <c r="H8194">
        <v>40934.772420000001</v>
      </c>
      <c r="I8194">
        <v>36226.544690000002</v>
      </c>
      <c r="J8194">
        <v>32343.655220000001</v>
      </c>
      <c r="K8194">
        <v>42873.413110000001</v>
      </c>
      <c r="L8194">
        <v>25768.294430000002</v>
      </c>
      <c r="M8194">
        <v>254285.2586</v>
      </c>
      <c r="N8194">
        <v>74372.060870000001</v>
      </c>
      <c r="O8194">
        <v>24036.528419999999</v>
      </c>
      <c r="P8194">
        <v>33726.202380000002</v>
      </c>
      <c r="Q8194">
        <v>65811.745519999997</v>
      </c>
      <c r="R8194">
        <v>18721.052159999999</v>
      </c>
      <c r="S8194">
        <v>99076.904179999998</v>
      </c>
      <c r="T8194">
        <v>31057.299650000001</v>
      </c>
      <c r="U8194">
        <v>16979.55961</v>
      </c>
      <c r="W8194" s="83">
        <f>Bühler!N8226</f>
        <v>45633.333333313465</v>
      </c>
      <c r="X8194" s="83">
        <v>43442.333333333336</v>
      </c>
      <c r="Y8194">
        <v>194061.55859999999</v>
      </c>
      <c r="Z8194">
        <v>24975.775710000002</v>
      </c>
      <c r="AA8194">
        <v>86354.705140000005</v>
      </c>
      <c r="AB8194">
        <v>44694.848539999999</v>
      </c>
      <c r="AC8194">
        <v>40934.772420000001</v>
      </c>
      <c r="AD8194">
        <v>36226.544690000002</v>
      </c>
      <c r="AE8194">
        <v>32343.655220000001</v>
      </c>
      <c r="AF8194">
        <v>42873.413110000001</v>
      </c>
      <c r="AG8194">
        <v>25768.294430000002</v>
      </c>
      <c r="AH8194">
        <v>254285.2586</v>
      </c>
      <c r="AI8194">
        <v>74372.060870000001</v>
      </c>
      <c r="AJ8194">
        <v>24036.528419999999</v>
      </c>
      <c r="AK8194">
        <v>33726.202380000002</v>
      </c>
      <c r="AL8194">
        <v>65811.745519999997</v>
      </c>
      <c r="AM8194">
        <v>18721.052159999999</v>
      </c>
      <c r="AN8194">
        <v>99076.904179999998</v>
      </c>
      <c r="AO8194">
        <v>31057.299650000001</v>
      </c>
      <c r="AP8194">
        <v>16979.55961</v>
      </c>
    </row>
    <row r="8195" spans="2:42" x14ac:dyDescent="0.3">
      <c r="B8195">
        <v>49.166102762551724</v>
      </c>
      <c r="C8195" s="83">
        <v>43442.375</v>
      </c>
      <c r="D8195">
        <v>191988.00279999999</v>
      </c>
      <c r="E8195">
        <v>28526.506410000002</v>
      </c>
      <c r="F8195">
        <v>90704.206720000002</v>
      </c>
      <c r="G8195">
        <v>45384.458189999998</v>
      </c>
      <c r="H8195">
        <v>40311.621959999997</v>
      </c>
      <c r="I8195">
        <v>35128.593780000003</v>
      </c>
      <c r="J8195">
        <v>31859.224590000002</v>
      </c>
      <c r="K8195">
        <v>41962.614500000003</v>
      </c>
      <c r="L8195">
        <v>27954.446260000001</v>
      </c>
      <c r="M8195">
        <v>250671.72010000001</v>
      </c>
      <c r="N8195">
        <v>75971.306100000002</v>
      </c>
      <c r="O8195">
        <v>23263.82574</v>
      </c>
      <c r="P8195">
        <v>34895.054750000003</v>
      </c>
      <c r="Q8195">
        <v>64616.744890000002</v>
      </c>
      <c r="R8195">
        <v>17260.536800000002</v>
      </c>
      <c r="S8195">
        <v>100356.0414</v>
      </c>
      <c r="T8195">
        <v>33052.22608</v>
      </c>
      <c r="U8195">
        <v>16687.798419999999</v>
      </c>
      <c r="W8195" s="83">
        <f>Bühler!N8227</f>
        <v>45633.374999980129</v>
      </c>
      <c r="X8195" s="83">
        <v>43442.375</v>
      </c>
      <c r="Y8195">
        <v>191988.00279999999</v>
      </c>
      <c r="Z8195">
        <v>28526.506410000002</v>
      </c>
      <c r="AA8195">
        <v>90704.206720000002</v>
      </c>
      <c r="AB8195">
        <v>45384.458189999998</v>
      </c>
      <c r="AC8195">
        <v>40311.621959999997</v>
      </c>
      <c r="AD8195">
        <v>35128.593780000003</v>
      </c>
      <c r="AE8195">
        <v>31859.224590000002</v>
      </c>
      <c r="AF8195">
        <v>41962.614500000003</v>
      </c>
      <c r="AG8195">
        <v>27954.446260000001</v>
      </c>
      <c r="AH8195">
        <v>250671.72010000001</v>
      </c>
      <c r="AI8195">
        <v>75971.306100000002</v>
      </c>
      <c r="AJ8195">
        <v>23263.82574</v>
      </c>
      <c r="AK8195">
        <v>34895.054750000003</v>
      </c>
      <c r="AL8195">
        <v>64616.744890000002</v>
      </c>
      <c r="AM8195">
        <v>17260.536800000002</v>
      </c>
      <c r="AN8195">
        <v>100356.0414</v>
      </c>
      <c r="AO8195">
        <v>33052.22608</v>
      </c>
      <c r="AP8195">
        <v>16687.798419999999</v>
      </c>
    </row>
    <row r="8196" spans="2:42" x14ac:dyDescent="0.3">
      <c r="B8196">
        <v>49.596925082966905</v>
      </c>
      <c r="C8196" s="83">
        <v>43442.416666666664</v>
      </c>
      <c r="D8196">
        <v>189852.1292</v>
      </c>
      <c r="E8196">
        <v>29651.359219999998</v>
      </c>
      <c r="F8196">
        <v>90520.580560000002</v>
      </c>
      <c r="G8196">
        <v>45739.241699999999</v>
      </c>
      <c r="H8196">
        <v>41044.392999999996</v>
      </c>
      <c r="I8196">
        <v>34004.668010000001</v>
      </c>
      <c r="J8196">
        <v>30658.831429999998</v>
      </c>
      <c r="K8196">
        <v>43455.020900000003</v>
      </c>
      <c r="L8196">
        <v>29909.359570000001</v>
      </c>
      <c r="M8196">
        <v>252868.25320000001</v>
      </c>
      <c r="N8196">
        <v>75776.582039999994</v>
      </c>
      <c r="O8196">
        <v>23195.911230000002</v>
      </c>
      <c r="P8196">
        <v>35775.172919999997</v>
      </c>
      <c r="Q8196">
        <v>64164.480300000003</v>
      </c>
      <c r="R8196">
        <v>17898.796839999999</v>
      </c>
      <c r="S8196">
        <v>98647.320389999993</v>
      </c>
      <c r="T8196">
        <v>34682.692410000003</v>
      </c>
      <c r="U8196">
        <v>16222.2392</v>
      </c>
      <c r="W8196" s="83">
        <f>Bühler!N8228</f>
        <v>45633.416666646794</v>
      </c>
      <c r="X8196" s="83">
        <v>43442.416666666664</v>
      </c>
      <c r="Y8196">
        <v>189852.1292</v>
      </c>
      <c r="Z8196">
        <v>29651.359219999998</v>
      </c>
      <c r="AA8196">
        <v>90520.580560000002</v>
      </c>
      <c r="AB8196">
        <v>45739.241699999999</v>
      </c>
      <c r="AC8196">
        <v>41044.392999999996</v>
      </c>
      <c r="AD8196">
        <v>34004.668010000001</v>
      </c>
      <c r="AE8196">
        <v>30658.831429999998</v>
      </c>
      <c r="AF8196">
        <v>43455.020900000003</v>
      </c>
      <c r="AG8196">
        <v>29909.359570000001</v>
      </c>
      <c r="AH8196">
        <v>252868.25320000001</v>
      </c>
      <c r="AI8196">
        <v>75776.582039999994</v>
      </c>
      <c r="AJ8196">
        <v>23195.911230000002</v>
      </c>
      <c r="AK8196">
        <v>35775.172919999997</v>
      </c>
      <c r="AL8196">
        <v>64164.480300000003</v>
      </c>
      <c r="AM8196">
        <v>17898.796839999999</v>
      </c>
      <c r="AN8196">
        <v>98647.320389999993</v>
      </c>
      <c r="AO8196">
        <v>34682.692410000003</v>
      </c>
      <c r="AP8196">
        <v>16222.2392</v>
      </c>
    </row>
    <row r="8197" spans="2:42" x14ac:dyDescent="0.3">
      <c r="B8197">
        <v>48.933383858391046</v>
      </c>
      <c r="C8197" s="83">
        <v>43442.458333333336</v>
      </c>
      <c r="D8197">
        <v>186013.33679999999</v>
      </c>
      <c r="E8197">
        <v>29103.195629999998</v>
      </c>
      <c r="F8197">
        <v>91634.327269999994</v>
      </c>
      <c r="G8197">
        <v>44910.981299999999</v>
      </c>
      <c r="H8197">
        <v>41369.637719999999</v>
      </c>
      <c r="I8197">
        <v>32661.657439999999</v>
      </c>
      <c r="J8197">
        <v>29909.754389999998</v>
      </c>
      <c r="K8197">
        <v>47797.278749999998</v>
      </c>
      <c r="L8197">
        <v>32080.529709999999</v>
      </c>
      <c r="M8197">
        <v>249485.21059999999</v>
      </c>
      <c r="N8197">
        <v>74256.771290000004</v>
      </c>
      <c r="O8197">
        <v>22836.512910000001</v>
      </c>
      <c r="P8197">
        <v>35452.767800000001</v>
      </c>
      <c r="Q8197">
        <v>62876.639439999999</v>
      </c>
      <c r="R8197">
        <v>20367.63895</v>
      </c>
      <c r="S8197">
        <v>100231.82</v>
      </c>
      <c r="T8197">
        <v>35059.59418</v>
      </c>
      <c r="U8197">
        <v>15549.84222</v>
      </c>
      <c r="W8197" s="83">
        <f>Bühler!N8229</f>
        <v>45633.458333313458</v>
      </c>
      <c r="X8197" s="83">
        <v>43442.458333333336</v>
      </c>
      <c r="Y8197">
        <v>186013.33679999999</v>
      </c>
      <c r="Z8197">
        <v>29103.195629999998</v>
      </c>
      <c r="AA8197">
        <v>91634.327269999994</v>
      </c>
      <c r="AB8197">
        <v>44910.981299999999</v>
      </c>
      <c r="AC8197">
        <v>41369.637719999999</v>
      </c>
      <c r="AD8197">
        <v>32661.657439999999</v>
      </c>
      <c r="AE8197">
        <v>29909.754389999998</v>
      </c>
      <c r="AF8197">
        <v>47797.278749999998</v>
      </c>
      <c r="AG8197">
        <v>32080.529709999999</v>
      </c>
      <c r="AH8197">
        <v>249485.21059999999</v>
      </c>
      <c r="AI8197">
        <v>74256.771290000004</v>
      </c>
      <c r="AJ8197">
        <v>22836.512910000001</v>
      </c>
      <c r="AK8197">
        <v>35452.767800000001</v>
      </c>
      <c r="AL8197">
        <v>62876.639439999999</v>
      </c>
      <c r="AM8197">
        <v>20367.63895</v>
      </c>
      <c r="AN8197">
        <v>100231.82</v>
      </c>
      <c r="AO8197">
        <v>35059.59418</v>
      </c>
      <c r="AP8197">
        <v>15549.84222</v>
      </c>
    </row>
    <row r="8198" spans="2:42" x14ac:dyDescent="0.3">
      <c r="B8198">
        <v>48.342115916658649</v>
      </c>
      <c r="C8198" s="83">
        <v>43442.5</v>
      </c>
      <c r="D8198">
        <v>178569.4578</v>
      </c>
      <c r="E8198">
        <v>27390.640090000001</v>
      </c>
      <c r="F8198">
        <v>89969.087549999997</v>
      </c>
      <c r="G8198">
        <v>43413.941919999997</v>
      </c>
      <c r="H8198">
        <v>39827.296280000002</v>
      </c>
      <c r="I8198">
        <v>32418.93837</v>
      </c>
      <c r="J8198">
        <v>29975.919320000001</v>
      </c>
      <c r="K8198">
        <v>48434.723339999997</v>
      </c>
      <c r="L8198">
        <v>34480.199739999996</v>
      </c>
      <c r="M8198">
        <v>246470.65090000001</v>
      </c>
      <c r="N8198">
        <v>72936.075819999998</v>
      </c>
      <c r="O8198">
        <v>22720.167160000001</v>
      </c>
      <c r="P8198">
        <v>35802.119509999997</v>
      </c>
      <c r="Q8198">
        <v>60645.665690000002</v>
      </c>
      <c r="R8198">
        <v>20363.03973</v>
      </c>
      <c r="S8198">
        <v>95222.831850000002</v>
      </c>
      <c r="T8198">
        <v>34586.159610000002</v>
      </c>
      <c r="U8198">
        <v>14643.42476</v>
      </c>
      <c r="W8198" s="83">
        <f>Bühler!N8230</f>
        <v>45633.499999980122</v>
      </c>
      <c r="X8198" s="83">
        <v>43442.5</v>
      </c>
      <c r="Y8198">
        <v>178569.4578</v>
      </c>
      <c r="Z8198">
        <v>27390.640090000001</v>
      </c>
      <c r="AA8198">
        <v>89969.087549999997</v>
      </c>
      <c r="AB8198">
        <v>43413.941919999997</v>
      </c>
      <c r="AC8198">
        <v>39827.296280000002</v>
      </c>
      <c r="AD8198">
        <v>32418.93837</v>
      </c>
      <c r="AE8198">
        <v>29975.919320000001</v>
      </c>
      <c r="AF8198">
        <v>48434.723339999997</v>
      </c>
      <c r="AG8198">
        <v>34480.199739999996</v>
      </c>
      <c r="AH8198">
        <v>246470.65090000001</v>
      </c>
      <c r="AI8198">
        <v>72936.075819999998</v>
      </c>
      <c r="AJ8198">
        <v>22720.167160000001</v>
      </c>
      <c r="AK8198">
        <v>35802.119509999997</v>
      </c>
      <c r="AL8198">
        <v>60645.665690000002</v>
      </c>
      <c r="AM8198">
        <v>20363.03973</v>
      </c>
      <c r="AN8198">
        <v>95222.831850000002</v>
      </c>
      <c r="AO8198">
        <v>34586.159610000002</v>
      </c>
      <c r="AP8198">
        <v>14643.42476</v>
      </c>
    </row>
    <row r="8199" spans="2:42" x14ac:dyDescent="0.3">
      <c r="B8199">
        <v>47.323954424195229</v>
      </c>
      <c r="C8199" s="83">
        <v>43442.541666666664</v>
      </c>
      <c r="D8199">
        <v>174328.87210000001</v>
      </c>
      <c r="E8199">
        <v>26416.944780000002</v>
      </c>
      <c r="F8199">
        <v>88734.743220000004</v>
      </c>
      <c r="G8199">
        <v>41901.119729999999</v>
      </c>
      <c r="H8199">
        <v>39533.218699999998</v>
      </c>
      <c r="I8199">
        <v>32179.91273</v>
      </c>
      <c r="J8199">
        <v>28546.95808</v>
      </c>
      <c r="K8199">
        <v>49344.225709999999</v>
      </c>
      <c r="L8199">
        <v>34261.378620000003</v>
      </c>
      <c r="M8199">
        <v>241279.5888</v>
      </c>
      <c r="N8199">
        <v>71781.499429999996</v>
      </c>
      <c r="O8199">
        <v>22385.912850000001</v>
      </c>
      <c r="P8199">
        <v>35024.446680000001</v>
      </c>
      <c r="Q8199">
        <v>57909.066059999997</v>
      </c>
      <c r="R8199">
        <v>21075.739839999998</v>
      </c>
      <c r="S8199">
        <v>94965.946720000007</v>
      </c>
      <c r="T8199">
        <v>34295.061119999998</v>
      </c>
      <c r="U8199">
        <v>14106.54427</v>
      </c>
      <c r="W8199" s="83">
        <f>Bühler!N8231</f>
        <v>45633.541666646786</v>
      </c>
      <c r="X8199" s="83">
        <v>43442.541666666664</v>
      </c>
      <c r="Y8199">
        <v>174328.87210000001</v>
      </c>
      <c r="Z8199">
        <v>26416.944780000002</v>
      </c>
      <c r="AA8199">
        <v>88734.743220000004</v>
      </c>
      <c r="AB8199">
        <v>41901.119729999999</v>
      </c>
      <c r="AC8199">
        <v>39533.218699999998</v>
      </c>
      <c r="AD8199">
        <v>32179.91273</v>
      </c>
      <c r="AE8199">
        <v>28546.95808</v>
      </c>
      <c r="AF8199">
        <v>49344.225709999999</v>
      </c>
      <c r="AG8199">
        <v>34261.378620000003</v>
      </c>
      <c r="AH8199">
        <v>241279.5888</v>
      </c>
      <c r="AI8199">
        <v>71781.499429999996</v>
      </c>
      <c r="AJ8199">
        <v>22385.912850000001</v>
      </c>
      <c r="AK8199">
        <v>35024.446680000001</v>
      </c>
      <c r="AL8199">
        <v>57909.066059999997</v>
      </c>
      <c r="AM8199">
        <v>21075.739839999998</v>
      </c>
      <c r="AN8199">
        <v>94965.946720000007</v>
      </c>
      <c r="AO8199">
        <v>34295.061119999998</v>
      </c>
      <c r="AP8199">
        <v>14106.54427</v>
      </c>
    </row>
    <row r="8200" spans="2:42" x14ac:dyDescent="0.3">
      <c r="B8200">
        <v>47.254278118386033</v>
      </c>
      <c r="C8200" s="83">
        <v>43442.583333333336</v>
      </c>
      <c r="D8200">
        <v>173350.17249999999</v>
      </c>
      <c r="E8200">
        <v>27047.252329999999</v>
      </c>
      <c r="F8200">
        <v>88449.036040000006</v>
      </c>
      <c r="G8200">
        <v>41517.426809999997</v>
      </c>
      <c r="H8200">
        <v>39489.773330000004</v>
      </c>
      <c r="I8200">
        <v>32688.18576</v>
      </c>
      <c r="J8200">
        <v>27541.509719999998</v>
      </c>
      <c r="K8200">
        <v>48789.769670000001</v>
      </c>
      <c r="L8200">
        <v>31936.149410000002</v>
      </c>
      <c r="M8200">
        <v>240924.34650000001</v>
      </c>
      <c r="N8200">
        <v>71900.728629999998</v>
      </c>
      <c r="O8200">
        <v>21957.518260000001</v>
      </c>
      <c r="P8200">
        <v>33438.564919999997</v>
      </c>
      <c r="Q8200">
        <v>56745.150529999999</v>
      </c>
      <c r="R8200">
        <v>19670.687539999999</v>
      </c>
      <c r="S8200">
        <v>91217.828659999999</v>
      </c>
      <c r="T8200">
        <v>33846.689630000001</v>
      </c>
      <c r="U8200">
        <v>14125.9645</v>
      </c>
      <c r="W8200" s="83">
        <f>Bühler!N8232</f>
        <v>45633.583333313451</v>
      </c>
      <c r="X8200" s="83">
        <v>43442.583333333336</v>
      </c>
      <c r="Y8200">
        <v>173350.17249999999</v>
      </c>
      <c r="Z8200">
        <v>27047.252329999999</v>
      </c>
      <c r="AA8200">
        <v>88449.036040000006</v>
      </c>
      <c r="AB8200">
        <v>41517.426809999997</v>
      </c>
      <c r="AC8200">
        <v>39489.773330000004</v>
      </c>
      <c r="AD8200">
        <v>32688.18576</v>
      </c>
      <c r="AE8200">
        <v>27541.509719999998</v>
      </c>
      <c r="AF8200">
        <v>48789.769670000001</v>
      </c>
      <c r="AG8200">
        <v>31936.149410000002</v>
      </c>
      <c r="AH8200">
        <v>240924.34650000001</v>
      </c>
      <c r="AI8200">
        <v>71900.728629999998</v>
      </c>
      <c r="AJ8200">
        <v>21957.518260000001</v>
      </c>
      <c r="AK8200">
        <v>33438.564919999997</v>
      </c>
      <c r="AL8200">
        <v>56745.150529999999</v>
      </c>
      <c r="AM8200">
        <v>19670.687539999999</v>
      </c>
      <c r="AN8200">
        <v>91217.828659999999</v>
      </c>
      <c r="AO8200">
        <v>33846.689630000001</v>
      </c>
      <c r="AP8200">
        <v>14125.9645</v>
      </c>
    </row>
    <row r="8201" spans="2:42" x14ac:dyDescent="0.3">
      <c r="B8201">
        <v>46.976218677582466</v>
      </c>
      <c r="C8201" s="83">
        <v>43442.625</v>
      </c>
      <c r="D8201">
        <v>172295.13959999999</v>
      </c>
      <c r="E8201">
        <v>26827.532190000002</v>
      </c>
      <c r="F8201">
        <v>88188.904509999993</v>
      </c>
      <c r="G8201">
        <v>41480.449509999999</v>
      </c>
      <c r="H8201">
        <v>38828.75</v>
      </c>
      <c r="I8201">
        <v>33107.689879999998</v>
      </c>
      <c r="J8201">
        <v>27109.428810000001</v>
      </c>
      <c r="K8201">
        <v>47599.221429999998</v>
      </c>
      <c r="L8201">
        <v>29843.989720000001</v>
      </c>
      <c r="M8201">
        <v>239506.6698</v>
      </c>
      <c r="N8201">
        <v>72976.704459999994</v>
      </c>
      <c r="O8201">
        <v>21603.02378</v>
      </c>
      <c r="P8201">
        <v>31989.656910000002</v>
      </c>
      <c r="Q8201">
        <v>56228.970459999997</v>
      </c>
      <c r="R8201">
        <v>20074.201430000001</v>
      </c>
      <c r="S8201">
        <v>90956.573569999993</v>
      </c>
      <c r="T8201">
        <v>34558.203950000003</v>
      </c>
      <c r="U8201">
        <v>14330.04772</v>
      </c>
      <c r="W8201" s="83">
        <f>Bühler!N8233</f>
        <v>45633.624999980115</v>
      </c>
      <c r="X8201" s="83">
        <v>43442.625</v>
      </c>
      <c r="Y8201">
        <v>172295.13959999999</v>
      </c>
      <c r="Z8201">
        <v>26827.532190000002</v>
      </c>
      <c r="AA8201">
        <v>88188.904509999993</v>
      </c>
      <c r="AB8201">
        <v>41480.449509999999</v>
      </c>
      <c r="AC8201">
        <v>38828.75</v>
      </c>
      <c r="AD8201">
        <v>33107.689879999998</v>
      </c>
      <c r="AE8201">
        <v>27109.428810000001</v>
      </c>
      <c r="AF8201">
        <v>47599.221429999998</v>
      </c>
      <c r="AG8201">
        <v>29843.989720000001</v>
      </c>
      <c r="AH8201">
        <v>239506.6698</v>
      </c>
      <c r="AI8201">
        <v>72976.704459999994</v>
      </c>
      <c r="AJ8201">
        <v>21603.02378</v>
      </c>
      <c r="AK8201">
        <v>31989.656910000002</v>
      </c>
      <c r="AL8201">
        <v>56228.970459999997</v>
      </c>
      <c r="AM8201">
        <v>20074.201430000001</v>
      </c>
      <c r="AN8201">
        <v>90956.573569999993</v>
      </c>
      <c r="AO8201">
        <v>34558.203950000003</v>
      </c>
      <c r="AP8201">
        <v>14330.04772</v>
      </c>
    </row>
    <row r="8202" spans="2:42" x14ac:dyDescent="0.3">
      <c r="B8202">
        <v>46.328461081769198</v>
      </c>
      <c r="C8202" s="83">
        <v>43442.666666666664</v>
      </c>
      <c r="D8202">
        <v>171597.67569999999</v>
      </c>
      <c r="E8202">
        <v>26972.711899999998</v>
      </c>
      <c r="F8202">
        <v>88651.454440000001</v>
      </c>
      <c r="G8202">
        <v>41883.272250000002</v>
      </c>
      <c r="H8202">
        <v>39434.280379999997</v>
      </c>
      <c r="I8202">
        <v>33701.976779999997</v>
      </c>
      <c r="J8202">
        <v>27680.88521</v>
      </c>
      <c r="K8202">
        <v>46682.748420000004</v>
      </c>
      <c r="L8202">
        <v>29043.26899</v>
      </c>
      <c r="M8202">
        <v>236204.09950000001</v>
      </c>
      <c r="N8202">
        <v>73483.033349999998</v>
      </c>
      <c r="O8202">
        <v>21893.906419999999</v>
      </c>
      <c r="P8202">
        <v>33158.419739999998</v>
      </c>
      <c r="Q8202">
        <v>55891.507460000001</v>
      </c>
      <c r="R8202">
        <v>19802.639210000001</v>
      </c>
      <c r="S8202">
        <v>92008.288520000002</v>
      </c>
      <c r="T8202">
        <v>34675.331700000002</v>
      </c>
      <c r="U8202">
        <v>14714.96046</v>
      </c>
      <c r="W8202" s="83">
        <f>Bühler!N8234</f>
        <v>45633.666666646779</v>
      </c>
      <c r="X8202" s="83">
        <v>43442.666666666664</v>
      </c>
      <c r="Y8202">
        <v>171597.67569999999</v>
      </c>
      <c r="Z8202">
        <v>26972.711899999998</v>
      </c>
      <c r="AA8202">
        <v>88651.454440000001</v>
      </c>
      <c r="AB8202">
        <v>41883.272250000002</v>
      </c>
      <c r="AC8202">
        <v>39434.280379999997</v>
      </c>
      <c r="AD8202">
        <v>33701.976779999997</v>
      </c>
      <c r="AE8202">
        <v>27680.88521</v>
      </c>
      <c r="AF8202">
        <v>46682.748420000004</v>
      </c>
      <c r="AG8202">
        <v>29043.26899</v>
      </c>
      <c r="AH8202">
        <v>236204.09950000001</v>
      </c>
      <c r="AI8202">
        <v>73483.033349999998</v>
      </c>
      <c r="AJ8202">
        <v>21893.906419999999</v>
      </c>
      <c r="AK8202">
        <v>33158.419739999998</v>
      </c>
      <c r="AL8202">
        <v>55891.507460000001</v>
      </c>
      <c r="AM8202">
        <v>19802.639210000001</v>
      </c>
      <c r="AN8202">
        <v>92008.288520000002</v>
      </c>
      <c r="AO8202">
        <v>34675.331700000002</v>
      </c>
      <c r="AP8202">
        <v>14714.96046</v>
      </c>
    </row>
    <row r="8203" spans="2:42" x14ac:dyDescent="0.3">
      <c r="B8203">
        <v>45.808702055766965</v>
      </c>
      <c r="C8203" s="83">
        <v>43442.708333333336</v>
      </c>
      <c r="D8203">
        <v>172410.77220000001</v>
      </c>
      <c r="E8203">
        <v>27589.975829999999</v>
      </c>
      <c r="F8203">
        <v>90762.235839999994</v>
      </c>
      <c r="G8203">
        <v>42668.540289999997</v>
      </c>
      <c r="H8203">
        <v>41939.609759999999</v>
      </c>
      <c r="I8203">
        <v>34803.384270000002</v>
      </c>
      <c r="J8203">
        <v>30120.832910000001</v>
      </c>
      <c r="K8203">
        <v>45998.664250000002</v>
      </c>
      <c r="L8203">
        <v>30732.32185</v>
      </c>
      <c r="M8203">
        <v>233554.1256</v>
      </c>
      <c r="N8203">
        <v>73318.323130000004</v>
      </c>
      <c r="O8203">
        <v>22340.654589999998</v>
      </c>
      <c r="P8203">
        <v>34961.334309999998</v>
      </c>
      <c r="Q8203">
        <v>55033.700689999998</v>
      </c>
      <c r="R8203">
        <v>20719.98777</v>
      </c>
      <c r="S8203">
        <v>96984.873680000004</v>
      </c>
      <c r="T8203">
        <v>36141.91646</v>
      </c>
      <c r="U8203">
        <v>15659.49785</v>
      </c>
      <c r="W8203" s="83">
        <f>Bühler!N8235</f>
        <v>45633.708333313443</v>
      </c>
      <c r="X8203" s="83">
        <v>43442.708333333336</v>
      </c>
      <c r="Y8203">
        <v>172410.77220000001</v>
      </c>
      <c r="Z8203">
        <v>27589.975829999999</v>
      </c>
      <c r="AA8203">
        <v>90762.235839999994</v>
      </c>
      <c r="AB8203">
        <v>42668.540289999997</v>
      </c>
      <c r="AC8203">
        <v>41939.609759999999</v>
      </c>
      <c r="AD8203">
        <v>34803.384270000002</v>
      </c>
      <c r="AE8203">
        <v>30120.832910000001</v>
      </c>
      <c r="AF8203">
        <v>45998.664250000002</v>
      </c>
      <c r="AG8203">
        <v>30732.32185</v>
      </c>
      <c r="AH8203">
        <v>233554.1256</v>
      </c>
      <c r="AI8203">
        <v>73318.323130000004</v>
      </c>
      <c r="AJ8203">
        <v>22340.654589999998</v>
      </c>
      <c r="AK8203">
        <v>34961.334309999998</v>
      </c>
      <c r="AL8203">
        <v>55033.700689999998</v>
      </c>
      <c r="AM8203">
        <v>20719.98777</v>
      </c>
      <c r="AN8203">
        <v>96984.873680000004</v>
      </c>
      <c r="AO8203">
        <v>36141.91646</v>
      </c>
      <c r="AP8203">
        <v>15659.49785</v>
      </c>
    </row>
    <row r="8204" spans="2:42" x14ac:dyDescent="0.3">
      <c r="B8204">
        <v>45.215065480176847</v>
      </c>
      <c r="C8204" s="83">
        <v>43442.75</v>
      </c>
      <c r="D8204">
        <v>171741.09479999999</v>
      </c>
      <c r="E8204">
        <v>26374.159940000001</v>
      </c>
      <c r="F8204">
        <v>88536.198919999995</v>
      </c>
      <c r="G8204">
        <v>42708.71024</v>
      </c>
      <c r="H8204">
        <v>40939.452270000002</v>
      </c>
      <c r="I8204">
        <v>34719.02648</v>
      </c>
      <c r="J8204">
        <v>30530.818019999999</v>
      </c>
      <c r="K8204">
        <v>41164.315240000004</v>
      </c>
      <c r="L8204">
        <v>32593.656050000001</v>
      </c>
      <c r="M8204">
        <v>230527.4895</v>
      </c>
      <c r="N8204">
        <v>73717.437839999999</v>
      </c>
      <c r="O8204">
        <v>22389.445879999999</v>
      </c>
      <c r="P8204">
        <v>37378.054949999998</v>
      </c>
      <c r="Q8204">
        <v>53831.02162</v>
      </c>
      <c r="R8204">
        <v>19537.20163</v>
      </c>
      <c r="S8204">
        <v>96046.368979999999</v>
      </c>
      <c r="T8204">
        <v>36336.939619999997</v>
      </c>
      <c r="U8204">
        <v>15584.283450000001</v>
      </c>
      <c r="W8204" s="83">
        <f>Bühler!N8236</f>
        <v>45633.749999980108</v>
      </c>
      <c r="X8204" s="83">
        <v>43442.75</v>
      </c>
      <c r="Y8204">
        <v>171741.09479999999</v>
      </c>
      <c r="Z8204">
        <v>26374.159940000001</v>
      </c>
      <c r="AA8204">
        <v>88536.198919999995</v>
      </c>
      <c r="AB8204">
        <v>42708.71024</v>
      </c>
      <c r="AC8204">
        <v>40939.452270000002</v>
      </c>
      <c r="AD8204">
        <v>34719.02648</v>
      </c>
      <c r="AE8204">
        <v>30530.818019999999</v>
      </c>
      <c r="AF8204">
        <v>41164.315240000004</v>
      </c>
      <c r="AG8204">
        <v>32593.656050000001</v>
      </c>
      <c r="AH8204">
        <v>230527.4895</v>
      </c>
      <c r="AI8204">
        <v>73717.437839999999</v>
      </c>
      <c r="AJ8204">
        <v>22389.445879999999</v>
      </c>
      <c r="AK8204">
        <v>37378.054949999998</v>
      </c>
      <c r="AL8204">
        <v>53831.02162</v>
      </c>
      <c r="AM8204">
        <v>19537.20163</v>
      </c>
      <c r="AN8204">
        <v>96046.368979999999</v>
      </c>
      <c r="AO8204">
        <v>36336.939619999997</v>
      </c>
      <c r="AP8204">
        <v>15584.283450000001</v>
      </c>
    </row>
    <row r="8205" spans="2:42" x14ac:dyDescent="0.3">
      <c r="B8205">
        <v>44.640782626545821</v>
      </c>
      <c r="C8205" s="83">
        <v>43442.791666666664</v>
      </c>
      <c r="D8205">
        <v>170936.4474</v>
      </c>
      <c r="E8205">
        <v>22337.267309999999</v>
      </c>
      <c r="F8205">
        <v>75794.162729999996</v>
      </c>
      <c r="G8205">
        <v>42654.961560000003</v>
      </c>
      <c r="H8205">
        <v>40225.082779999997</v>
      </c>
      <c r="I8205">
        <v>33711.408210000001</v>
      </c>
      <c r="J8205">
        <v>29751.534749999999</v>
      </c>
      <c r="K8205">
        <v>41064.269679999998</v>
      </c>
      <c r="L8205">
        <v>34503.39918</v>
      </c>
      <c r="M8205">
        <v>227599.52770000001</v>
      </c>
      <c r="N8205">
        <v>73129.715679999994</v>
      </c>
      <c r="O8205">
        <v>22169.080290000002</v>
      </c>
      <c r="P8205">
        <v>38724.689769999997</v>
      </c>
      <c r="Q8205">
        <v>52000.11361</v>
      </c>
      <c r="R8205">
        <v>19800.889899999998</v>
      </c>
      <c r="S8205">
        <v>94439.028590000002</v>
      </c>
      <c r="T8205">
        <v>35456.254000000001</v>
      </c>
      <c r="U8205">
        <v>15169.767470000001</v>
      </c>
      <c r="W8205" s="83">
        <f>Bühler!N8237</f>
        <v>45633.791666646772</v>
      </c>
      <c r="X8205" s="83">
        <v>43442.791666666664</v>
      </c>
      <c r="Y8205">
        <v>170936.4474</v>
      </c>
      <c r="Z8205">
        <v>22337.267309999999</v>
      </c>
      <c r="AA8205">
        <v>75794.162729999996</v>
      </c>
      <c r="AB8205">
        <v>42654.961560000003</v>
      </c>
      <c r="AC8205">
        <v>40225.082779999997</v>
      </c>
      <c r="AD8205">
        <v>33711.408210000001</v>
      </c>
      <c r="AE8205">
        <v>29751.534749999999</v>
      </c>
      <c r="AF8205">
        <v>41064.269679999998</v>
      </c>
      <c r="AG8205">
        <v>34503.39918</v>
      </c>
      <c r="AH8205">
        <v>227599.52770000001</v>
      </c>
      <c r="AI8205">
        <v>73129.715679999994</v>
      </c>
      <c r="AJ8205">
        <v>22169.080290000002</v>
      </c>
      <c r="AK8205">
        <v>38724.689769999997</v>
      </c>
      <c r="AL8205">
        <v>52000.11361</v>
      </c>
      <c r="AM8205">
        <v>19800.889899999998</v>
      </c>
      <c r="AN8205">
        <v>94439.028590000002</v>
      </c>
      <c r="AO8205">
        <v>35456.254000000001</v>
      </c>
      <c r="AP8205">
        <v>15169.767470000001</v>
      </c>
    </row>
    <row r="8206" spans="2:42" x14ac:dyDescent="0.3">
      <c r="B8206">
        <v>44.222756507110368</v>
      </c>
      <c r="C8206" s="83">
        <v>43442.833333333336</v>
      </c>
      <c r="D8206">
        <v>170579.5803</v>
      </c>
      <c r="E8206">
        <v>17345.43562</v>
      </c>
      <c r="F8206">
        <v>58228.411310000003</v>
      </c>
      <c r="G8206">
        <v>41844.139049999998</v>
      </c>
      <c r="H8206">
        <v>39629.664140000001</v>
      </c>
      <c r="I8206">
        <v>30885.001990000001</v>
      </c>
      <c r="J8206">
        <v>29203.642909999999</v>
      </c>
      <c r="K8206">
        <v>48634.446709999997</v>
      </c>
      <c r="L8206">
        <v>33466.236470000003</v>
      </c>
      <c r="M8206">
        <v>225468.23560000001</v>
      </c>
      <c r="N8206">
        <v>72678.185029999993</v>
      </c>
      <c r="O8206">
        <v>21825.199690000001</v>
      </c>
      <c r="P8206">
        <v>39082.648589999997</v>
      </c>
      <c r="Q8206">
        <v>51229.578000000001</v>
      </c>
      <c r="R8206">
        <v>21281.53527</v>
      </c>
      <c r="S8206">
        <v>88061.115009999994</v>
      </c>
      <c r="T8206">
        <v>32804.463689999997</v>
      </c>
      <c r="U8206">
        <v>14966.340490000001</v>
      </c>
      <c r="W8206" s="83">
        <f>Bühler!N8238</f>
        <v>45633.833333313436</v>
      </c>
      <c r="X8206" s="83">
        <v>43442.833333333336</v>
      </c>
      <c r="Y8206">
        <v>170579.5803</v>
      </c>
      <c r="Z8206">
        <v>17345.43562</v>
      </c>
      <c r="AA8206">
        <v>58228.411310000003</v>
      </c>
      <c r="AB8206">
        <v>41844.139049999998</v>
      </c>
      <c r="AC8206">
        <v>39629.664140000001</v>
      </c>
      <c r="AD8206">
        <v>30885.001990000001</v>
      </c>
      <c r="AE8206">
        <v>29203.642909999999</v>
      </c>
      <c r="AF8206">
        <v>48634.446709999997</v>
      </c>
      <c r="AG8206">
        <v>33466.236470000003</v>
      </c>
      <c r="AH8206">
        <v>225468.23560000001</v>
      </c>
      <c r="AI8206">
        <v>72678.185029999993</v>
      </c>
      <c r="AJ8206">
        <v>21825.199690000001</v>
      </c>
      <c r="AK8206">
        <v>39082.648589999997</v>
      </c>
      <c r="AL8206">
        <v>51229.578000000001</v>
      </c>
      <c r="AM8206">
        <v>21281.53527</v>
      </c>
      <c r="AN8206">
        <v>88061.115009999994</v>
      </c>
      <c r="AO8206">
        <v>32804.463689999997</v>
      </c>
      <c r="AP8206">
        <v>14966.340490000001</v>
      </c>
    </row>
    <row r="8207" spans="2:42" x14ac:dyDescent="0.3">
      <c r="B8207">
        <v>43.801784168362559</v>
      </c>
      <c r="C8207" s="83">
        <v>43442.875</v>
      </c>
      <c r="D8207">
        <v>169487.5613</v>
      </c>
      <c r="E8207">
        <v>15611.11729</v>
      </c>
      <c r="F8207">
        <v>50036.147900000004</v>
      </c>
      <c r="G8207">
        <v>41462.508840000002</v>
      </c>
      <c r="H8207">
        <v>38193.632720000001</v>
      </c>
      <c r="I8207">
        <v>27699.445360000002</v>
      </c>
      <c r="J8207">
        <v>28403.97105</v>
      </c>
      <c r="K8207">
        <v>49191.97453</v>
      </c>
      <c r="L8207">
        <v>32331.425350000001</v>
      </c>
      <c r="M8207">
        <v>223321.92230000001</v>
      </c>
      <c r="N8207">
        <v>71664.922309999994</v>
      </c>
      <c r="O8207">
        <v>21598.854179999998</v>
      </c>
      <c r="P8207">
        <v>37575.061300000001</v>
      </c>
      <c r="Q8207">
        <v>50351.591999999997</v>
      </c>
      <c r="R8207">
        <v>19853.545409999999</v>
      </c>
      <c r="S8207">
        <v>84127.774460000001</v>
      </c>
      <c r="T8207">
        <v>31145.768220000002</v>
      </c>
      <c r="U8207">
        <v>15164.25303</v>
      </c>
      <c r="W8207" s="83">
        <f>Bühler!N8239</f>
        <v>45633.8749999801</v>
      </c>
      <c r="X8207" s="83">
        <v>43442.875</v>
      </c>
      <c r="Y8207">
        <v>169487.5613</v>
      </c>
      <c r="Z8207">
        <v>15611.11729</v>
      </c>
      <c r="AA8207">
        <v>50036.147900000004</v>
      </c>
      <c r="AB8207">
        <v>41462.508840000002</v>
      </c>
      <c r="AC8207">
        <v>38193.632720000001</v>
      </c>
      <c r="AD8207">
        <v>27699.445360000002</v>
      </c>
      <c r="AE8207">
        <v>28403.97105</v>
      </c>
      <c r="AF8207">
        <v>49191.97453</v>
      </c>
      <c r="AG8207">
        <v>32331.425350000001</v>
      </c>
      <c r="AH8207">
        <v>223321.92230000001</v>
      </c>
      <c r="AI8207">
        <v>71664.922309999994</v>
      </c>
      <c r="AJ8207">
        <v>21598.854179999998</v>
      </c>
      <c r="AK8207">
        <v>37575.061300000001</v>
      </c>
      <c r="AL8207">
        <v>50351.591999999997</v>
      </c>
      <c r="AM8207">
        <v>19853.545409999999</v>
      </c>
      <c r="AN8207">
        <v>84127.774460000001</v>
      </c>
      <c r="AO8207">
        <v>31145.768220000002</v>
      </c>
      <c r="AP8207">
        <v>15164.25303</v>
      </c>
    </row>
    <row r="8208" spans="2:42" x14ac:dyDescent="0.3">
      <c r="B8208">
        <v>44.170840502914778</v>
      </c>
      <c r="C8208" s="83">
        <v>43442.916666666664</v>
      </c>
      <c r="D8208">
        <v>169367.557</v>
      </c>
      <c r="E8208">
        <v>15700.79495</v>
      </c>
      <c r="F8208">
        <v>48270.772969999998</v>
      </c>
      <c r="G8208">
        <v>41406.421829999999</v>
      </c>
      <c r="H8208">
        <v>38883.163439999997</v>
      </c>
      <c r="I8208">
        <v>26545.3969</v>
      </c>
      <c r="J8208">
        <v>27667.347600000001</v>
      </c>
      <c r="K8208">
        <v>51231.690419999999</v>
      </c>
      <c r="L8208">
        <v>30180.447889999999</v>
      </c>
      <c r="M8208">
        <v>225203.5436</v>
      </c>
      <c r="N8208">
        <v>71737.969209999996</v>
      </c>
      <c r="O8208">
        <v>22227.027730000002</v>
      </c>
      <c r="P8208">
        <v>40818.783450000003</v>
      </c>
      <c r="Q8208">
        <v>49627.46256</v>
      </c>
      <c r="R8208">
        <v>27369.54695</v>
      </c>
      <c r="S8208">
        <v>83820.728109999996</v>
      </c>
      <c r="T8208">
        <v>30106.15223</v>
      </c>
      <c r="U8208">
        <v>15749.58257</v>
      </c>
      <c r="W8208" s="83">
        <f>Bühler!N8240</f>
        <v>45633.916666646764</v>
      </c>
      <c r="X8208" s="83">
        <v>43442.916666666664</v>
      </c>
      <c r="Y8208">
        <v>169367.557</v>
      </c>
      <c r="Z8208">
        <v>15700.79495</v>
      </c>
      <c r="AA8208">
        <v>48270.772969999998</v>
      </c>
      <c r="AB8208">
        <v>41406.421829999999</v>
      </c>
      <c r="AC8208">
        <v>38883.163439999997</v>
      </c>
      <c r="AD8208">
        <v>26545.3969</v>
      </c>
      <c r="AE8208">
        <v>27667.347600000001</v>
      </c>
      <c r="AF8208">
        <v>51231.690419999999</v>
      </c>
      <c r="AG8208">
        <v>30180.447889999999</v>
      </c>
      <c r="AH8208">
        <v>225203.5436</v>
      </c>
      <c r="AI8208">
        <v>71737.969209999996</v>
      </c>
      <c r="AJ8208">
        <v>22227.027730000002</v>
      </c>
      <c r="AK8208">
        <v>40818.783450000003</v>
      </c>
      <c r="AL8208">
        <v>49627.46256</v>
      </c>
      <c r="AM8208">
        <v>27369.54695</v>
      </c>
      <c r="AN8208">
        <v>83820.728109999996</v>
      </c>
      <c r="AO8208">
        <v>30106.15223</v>
      </c>
      <c r="AP8208">
        <v>15749.58257</v>
      </c>
    </row>
    <row r="8209" spans="2:42" x14ac:dyDescent="0.3">
      <c r="B8209">
        <v>43.914686276838424</v>
      </c>
      <c r="C8209" s="83">
        <v>43442.958333333336</v>
      </c>
      <c r="D8209">
        <v>168556.25630000001</v>
      </c>
      <c r="E8209">
        <v>15587.827289999999</v>
      </c>
      <c r="F8209">
        <v>47152.360159999997</v>
      </c>
      <c r="G8209">
        <v>41467.037510000002</v>
      </c>
      <c r="H8209">
        <v>38332.996749999998</v>
      </c>
      <c r="I8209">
        <v>25383.612140000001</v>
      </c>
      <c r="J8209">
        <v>25984.330620000001</v>
      </c>
      <c r="K8209">
        <v>50752.535640000002</v>
      </c>
      <c r="L8209">
        <v>25360.171770000001</v>
      </c>
      <c r="M8209">
        <v>223897.54990000001</v>
      </c>
      <c r="N8209">
        <v>71357.531099999993</v>
      </c>
      <c r="O8209">
        <v>22266.11551</v>
      </c>
      <c r="P8209">
        <v>36530.780310000002</v>
      </c>
      <c r="Q8209">
        <v>49653.793799999999</v>
      </c>
      <c r="R8209">
        <v>27309.423309999998</v>
      </c>
      <c r="S8209">
        <v>81799.957240000003</v>
      </c>
      <c r="T8209">
        <v>32230.729299999999</v>
      </c>
      <c r="U8209">
        <v>15079.752280000001</v>
      </c>
      <c r="W8209" s="83">
        <f>Bühler!N8241</f>
        <v>45633.958333313429</v>
      </c>
      <c r="X8209" s="83">
        <v>43442.958333333336</v>
      </c>
      <c r="Y8209">
        <v>168556.25630000001</v>
      </c>
      <c r="Z8209">
        <v>15587.827289999999</v>
      </c>
      <c r="AA8209">
        <v>47152.360159999997</v>
      </c>
      <c r="AB8209">
        <v>41467.037510000002</v>
      </c>
      <c r="AC8209">
        <v>38332.996749999998</v>
      </c>
      <c r="AD8209">
        <v>25383.612140000001</v>
      </c>
      <c r="AE8209">
        <v>25984.330620000001</v>
      </c>
      <c r="AF8209">
        <v>50752.535640000002</v>
      </c>
      <c r="AG8209">
        <v>25360.171770000001</v>
      </c>
      <c r="AH8209">
        <v>223897.54990000001</v>
      </c>
      <c r="AI8209">
        <v>71357.531099999993</v>
      </c>
      <c r="AJ8209">
        <v>22266.11551</v>
      </c>
      <c r="AK8209">
        <v>36530.780310000002</v>
      </c>
      <c r="AL8209">
        <v>49653.793799999999</v>
      </c>
      <c r="AM8209">
        <v>27309.423309999998</v>
      </c>
      <c r="AN8209">
        <v>81799.957240000003</v>
      </c>
      <c r="AO8209">
        <v>32230.729299999999</v>
      </c>
      <c r="AP8209">
        <v>15079.752280000001</v>
      </c>
    </row>
    <row r="8210" spans="2:42" x14ac:dyDescent="0.3">
      <c r="B8210">
        <v>43.647128503871592</v>
      </c>
      <c r="C8210" s="83">
        <v>43443</v>
      </c>
      <c r="D8210">
        <v>166924.5062</v>
      </c>
      <c r="E8210">
        <v>15316.931689999999</v>
      </c>
      <c r="F8210">
        <v>47014.974690000003</v>
      </c>
      <c r="G8210">
        <v>41223.963179999999</v>
      </c>
      <c r="H8210">
        <v>37718.026360000003</v>
      </c>
      <c r="I8210">
        <v>24229.47882</v>
      </c>
      <c r="J8210">
        <v>25067.414400000001</v>
      </c>
      <c r="K8210">
        <v>49443.746209999998</v>
      </c>
      <c r="L8210">
        <v>22144.242139999998</v>
      </c>
      <c r="M8210">
        <v>222533.41560000001</v>
      </c>
      <c r="N8210">
        <v>70212.599759999997</v>
      </c>
      <c r="O8210">
        <v>22263.711449999999</v>
      </c>
      <c r="P8210">
        <v>33989.087599999999</v>
      </c>
      <c r="Q8210">
        <v>49200.104619999998</v>
      </c>
      <c r="R8210">
        <v>25493.739280000002</v>
      </c>
      <c r="S8210">
        <v>81148.581149999998</v>
      </c>
      <c r="T8210">
        <v>30258.32158</v>
      </c>
      <c r="U8210">
        <v>15198.385179999999</v>
      </c>
      <c r="W8210" s="83">
        <f>Bühler!N8242</f>
        <v>45633.999999980093</v>
      </c>
      <c r="X8210" s="83">
        <v>43443</v>
      </c>
      <c r="Y8210">
        <v>166924.5062</v>
      </c>
      <c r="Z8210">
        <v>15316.931689999999</v>
      </c>
      <c r="AA8210">
        <v>47014.974690000003</v>
      </c>
      <c r="AB8210">
        <v>41223.963179999999</v>
      </c>
      <c r="AC8210">
        <v>37718.026360000003</v>
      </c>
      <c r="AD8210">
        <v>24229.47882</v>
      </c>
      <c r="AE8210">
        <v>25067.414400000001</v>
      </c>
      <c r="AF8210">
        <v>49443.746209999998</v>
      </c>
      <c r="AG8210">
        <v>22144.242139999998</v>
      </c>
      <c r="AH8210">
        <v>222533.41560000001</v>
      </c>
      <c r="AI8210">
        <v>70212.599759999997</v>
      </c>
      <c r="AJ8210">
        <v>22263.711449999999</v>
      </c>
      <c r="AK8210">
        <v>33989.087599999999</v>
      </c>
      <c r="AL8210">
        <v>49200.104619999998</v>
      </c>
      <c r="AM8210">
        <v>25493.739280000002</v>
      </c>
      <c r="AN8210">
        <v>81148.581149999998</v>
      </c>
      <c r="AO8210">
        <v>30258.32158</v>
      </c>
      <c r="AP8210">
        <v>15198.385179999999</v>
      </c>
    </row>
    <row r="8211" spans="2:42" x14ac:dyDescent="0.3">
      <c r="B8211">
        <v>43.624554892067408</v>
      </c>
      <c r="C8211" s="83">
        <v>43443.041666666664</v>
      </c>
      <c r="D8211">
        <v>166749.62330000001</v>
      </c>
      <c r="E8211">
        <v>15271.00484</v>
      </c>
      <c r="F8211">
        <v>47420.2719</v>
      </c>
      <c r="G8211">
        <v>41412.765959999997</v>
      </c>
      <c r="H8211">
        <v>37109.40999</v>
      </c>
      <c r="I8211">
        <v>20886.861819999998</v>
      </c>
      <c r="J8211">
        <v>25035.616720000002</v>
      </c>
      <c r="K8211">
        <v>48039.274709999998</v>
      </c>
      <c r="L8211">
        <v>19921.53441</v>
      </c>
      <c r="M8211">
        <v>222418.3248</v>
      </c>
      <c r="N8211">
        <v>68256.86709</v>
      </c>
      <c r="O8211">
        <v>22238.315630000001</v>
      </c>
      <c r="P8211">
        <v>32094.632539999999</v>
      </c>
      <c r="Q8211">
        <v>50753.24684</v>
      </c>
      <c r="R8211">
        <v>24996.28687</v>
      </c>
      <c r="S8211">
        <v>79910.691160000002</v>
      </c>
      <c r="T8211">
        <v>29066.949509999999</v>
      </c>
      <c r="U8211">
        <v>15222.556409999999</v>
      </c>
      <c r="W8211" s="83">
        <f>Bühler!N8243</f>
        <v>45634.041666646757</v>
      </c>
      <c r="X8211" s="83">
        <v>43443.041666666664</v>
      </c>
      <c r="Y8211">
        <v>166749.62330000001</v>
      </c>
      <c r="Z8211">
        <v>15271.00484</v>
      </c>
      <c r="AA8211">
        <v>47420.2719</v>
      </c>
      <c r="AB8211">
        <v>41412.765959999997</v>
      </c>
      <c r="AC8211">
        <v>37109.40999</v>
      </c>
      <c r="AD8211">
        <v>20886.861819999998</v>
      </c>
      <c r="AE8211">
        <v>25035.616720000002</v>
      </c>
      <c r="AF8211">
        <v>48039.274709999998</v>
      </c>
      <c r="AG8211">
        <v>19921.53441</v>
      </c>
      <c r="AH8211">
        <v>222418.3248</v>
      </c>
      <c r="AI8211">
        <v>68256.86709</v>
      </c>
      <c r="AJ8211">
        <v>22238.315630000001</v>
      </c>
      <c r="AK8211">
        <v>32094.632539999999</v>
      </c>
      <c r="AL8211">
        <v>50753.24684</v>
      </c>
      <c r="AM8211">
        <v>24996.28687</v>
      </c>
      <c r="AN8211">
        <v>79910.691160000002</v>
      </c>
      <c r="AO8211">
        <v>29066.949509999999</v>
      </c>
      <c r="AP8211">
        <v>15222.556409999999</v>
      </c>
    </row>
    <row r="8212" spans="2:42" x14ac:dyDescent="0.3">
      <c r="B8212">
        <v>43.918331647574142</v>
      </c>
      <c r="C8212" s="83">
        <v>43443.083333333336</v>
      </c>
      <c r="D8212">
        <v>166875.25200000001</v>
      </c>
      <c r="E8212">
        <v>15170.21578</v>
      </c>
      <c r="F8212">
        <v>47819.539770000003</v>
      </c>
      <c r="G8212">
        <v>40981.182679999998</v>
      </c>
      <c r="H8212">
        <v>37180.345209999999</v>
      </c>
      <c r="I8212">
        <v>19047.98157</v>
      </c>
      <c r="J8212">
        <v>24864.1983</v>
      </c>
      <c r="K8212">
        <v>46363.512349999997</v>
      </c>
      <c r="L8212">
        <v>18235.00045</v>
      </c>
      <c r="M8212">
        <v>223916.13570000001</v>
      </c>
      <c r="N8212">
        <v>67175.535459999999</v>
      </c>
      <c r="O8212">
        <v>22092.65796</v>
      </c>
      <c r="P8212">
        <v>30020.638770000001</v>
      </c>
      <c r="Q8212">
        <v>52559.105600000003</v>
      </c>
      <c r="R8212">
        <v>23297.533960000001</v>
      </c>
      <c r="S8212">
        <v>79802.506930000003</v>
      </c>
      <c r="T8212">
        <v>28039.613890000001</v>
      </c>
      <c r="U8212">
        <v>15377.225920000001</v>
      </c>
      <c r="W8212" s="83">
        <f>Bühler!N8244</f>
        <v>45634.083333313421</v>
      </c>
      <c r="X8212" s="83">
        <v>43443.083333333336</v>
      </c>
      <c r="Y8212">
        <v>166875.25200000001</v>
      </c>
      <c r="Z8212">
        <v>15170.21578</v>
      </c>
      <c r="AA8212">
        <v>47819.539770000003</v>
      </c>
      <c r="AB8212">
        <v>40981.182679999998</v>
      </c>
      <c r="AC8212">
        <v>37180.345209999999</v>
      </c>
      <c r="AD8212">
        <v>19047.98157</v>
      </c>
      <c r="AE8212">
        <v>24864.1983</v>
      </c>
      <c r="AF8212">
        <v>46363.512349999997</v>
      </c>
      <c r="AG8212">
        <v>18235.00045</v>
      </c>
      <c r="AH8212">
        <v>223916.13570000001</v>
      </c>
      <c r="AI8212">
        <v>67175.535459999999</v>
      </c>
      <c r="AJ8212">
        <v>22092.65796</v>
      </c>
      <c r="AK8212">
        <v>30020.638770000001</v>
      </c>
      <c r="AL8212">
        <v>52559.105600000003</v>
      </c>
      <c r="AM8212">
        <v>23297.533960000001</v>
      </c>
      <c r="AN8212">
        <v>79802.506930000003</v>
      </c>
      <c r="AO8212">
        <v>28039.613890000001</v>
      </c>
      <c r="AP8212">
        <v>15377.225920000001</v>
      </c>
    </row>
    <row r="8213" spans="2:42" x14ac:dyDescent="0.3">
      <c r="B8213">
        <v>43.509434763653481</v>
      </c>
      <c r="C8213" s="83">
        <v>43443.125</v>
      </c>
      <c r="D8213">
        <v>166265.07310000001</v>
      </c>
      <c r="E8213">
        <v>15187.076510000001</v>
      </c>
      <c r="F8213">
        <v>47405.823320000003</v>
      </c>
      <c r="G8213">
        <v>40324.582560000003</v>
      </c>
      <c r="H8213">
        <v>37191.26382</v>
      </c>
      <c r="I8213">
        <v>17932.020120000001</v>
      </c>
      <c r="J8213">
        <v>24732.329290000001</v>
      </c>
      <c r="K8213">
        <v>45141.405720000002</v>
      </c>
      <c r="L8213">
        <v>17976.955440000002</v>
      </c>
      <c r="M8213">
        <v>221831.38870000001</v>
      </c>
      <c r="N8213">
        <v>67685.410399999993</v>
      </c>
      <c r="O8213">
        <v>21897.369449999998</v>
      </c>
      <c r="P8213">
        <v>29509.480810000001</v>
      </c>
      <c r="Q8213">
        <v>53803.501929999999</v>
      </c>
      <c r="R8213">
        <v>23104.918600000001</v>
      </c>
      <c r="S8213">
        <v>78887.389620000002</v>
      </c>
      <c r="T8213">
        <v>27730.546450000002</v>
      </c>
      <c r="U8213">
        <v>15818.943799999999</v>
      </c>
      <c r="W8213" s="83">
        <f>Bühler!N8245</f>
        <v>45634.124999980086</v>
      </c>
      <c r="X8213" s="83">
        <v>43443.125</v>
      </c>
      <c r="Y8213">
        <v>166265.07310000001</v>
      </c>
      <c r="Z8213">
        <v>15187.076510000001</v>
      </c>
      <c r="AA8213">
        <v>47405.823320000003</v>
      </c>
      <c r="AB8213">
        <v>40324.582560000003</v>
      </c>
      <c r="AC8213">
        <v>37191.26382</v>
      </c>
      <c r="AD8213">
        <v>17932.020120000001</v>
      </c>
      <c r="AE8213">
        <v>24732.329290000001</v>
      </c>
      <c r="AF8213">
        <v>45141.405720000002</v>
      </c>
      <c r="AG8213">
        <v>17976.955440000002</v>
      </c>
      <c r="AH8213">
        <v>221831.38870000001</v>
      </c>
      <c r="AI8213">
        <v>67685.410399999993</v>
      </c>
      <c r="AJ8213">
        <v>21897.369449999998</v>
      </c>
      <c r="AK8213">
        <v>29509.480810000001</v>
      </c>
      <c r="AL8213">
        <v>53803.501929999999</v>
      </c>
      <c r="AM8213">
        <v>23104.918600000001</v>
      </c>
      <c r="AN8213">
        <v>78887.389620000002</v>
      </c>
      <c r="AO8213">
        <v>27730.546450000002</v>
      </c>
      <c r="AP8213">
        <v>15818.943799999999</v>
      </c>
    </row>
    <row r="8214" spans="2:42" x14ac:dyDescent="0.3">
      <c r="B8214">
        <v>42.986869266245868</v>
      </c>
      <c r="C8214" s="83">
        <v>43443.166666666664</v>
      </c>
      <c r="D8214">
        <v>165010.383</v>
      </c>
      <c r="E8214">
        <v>15039.30881</v>
      </c>
      <c r="F8214">
        <v>48469.587729999999</v>
      </c>
      <c r="G8214">
        <v>39283.424359999997</v>
      </c>
      <c r="H8214">
        <v>36904.852209999997</v>
      </c>
      <c r="I8214">
        <v>17891.771100000002</v>
      </c>
      <c r="J8214">
        <v>25647.807260000001</v>
      </c>
      <c r="K8214">
        <v>43634.836869999999</v>
      </c>
      <c r="L8214">
        <v>17810.203409999998</v>
      </c>
      <c r="M8214">
        <v>219167.1061</v>
      </c>
      <c r="N8214">
        <v>67160.487720000005</v>
      </c>
      <c r="O8214">
        <v>22062.58438</v>
      </c>
      <c r="P8214">
        <v>28523.9889</v>
      </c>
      <c r="Q8214">
        <v>53744.423510000001</v>
      </c>
      <c r="R8214">
        <v>22487.266739999999</v>
      </c>
      <c r="S8214">
        <v>79745.182950000002</v>
      </c>
      <c r="T8214">
        <v>27702.858639999999</v>
      </c>
      <c r="U8214">
        <v>15796.93687</v>
      </c>
      <c r="W8214" s="83">
        <f>Bühler!N8246</f>
        <v>45634.16666664675</v>
      </c>
      <c r="X8214" s="83">
        <v>43443.166666666664</v>
      </c>
      <c r="Y8214">
        <v>165010.383</v>
      </c>
      <c r="Z8214">
        <v>15039.30881</v>
      </c>
      <c r="AA8214">
        <v>48469.587729999999</v>
      </c>
      <c r="AB8214">
        <v>39283.424359999997</v>
      </c>
      <c r="AC8214">
        <v>36904.852209999997</v>
      </c>
      <c r="AD8214">
        <v>17891.771100000002</v>
      </c>
      <c r="AE8214">
        <v>25647.807260000001</v>
      </c>
      <c r="AF8214">
        <v>43634.836869999999</v>
      </c>
      <c r="AG8214">
        <v>17810.203409999998</v>
      </c>
      <c r="AH8214">
        <v>219167.1061</v>
      </c>
      <c r="AI8214">
        <v>67160.487720000005</v>
      </c>
      <c r="AJ8214">
        <v>22062.58438</v>
      </c>
      <c r="AK8214">
        <v>28523.9889</v>
      </c>
      <c r="AL8214">
        <v>53744.423510000001</v>
      </c>
      <c r="AM8214">
        <v>22487.266739999999</v>
      </c>
      <c r="AN8214">
        <v>79745.182950000002</v>
      </c>
      <c r="AO8214">
        <v>27702.858639999999</v>
      </c>
      <c r="AP8214">
        <v>15796.93687</v>
      </c>
    </row>
    <row r="8215" spans="2:42" x14ac:dyDescent="0.3">
      <c r="B8215">
        <v>43.134528669977705</v>
      </c>
      <c r="C8215" s="83">
        <v>43443.208333333336</v>
      </c>
      <c r="D8215">
        <v>164896.9927</v>
      </c>
      <c r="E8215">
        <v>15348.818209999999</v>
      </c>
      <c r="F8215">
        <v>50577.949959999998</v>
      </c>
      <c r="G8215">
        <v>39322.055439999996</v>
      </c>
      <c r="H8215">
        <v>37179.958209999997</v>
      </c>
      <c r="I8215">
        <v>22304.543440000001</v>
      </c>
      <c r="J8215">
        <v>27325.01858</v>
      </c>
      <c r="K8215">
        <v>42725.681299999997</v>
      </c>
      <c r="L8215">
        <v>18751.772970000002</v>
      </c>
      <c r="M8215">
        <v>219919.94260000001</v>
      </c>
      <c r="N8215">
        <v>67035.828720000005</v>
      </c>
      <c r="O8215">
        <v>21920.609240000002</v>
      </c>
      <c r="P8215">
        <v>29646.134870000002</v>
      </c>
      <c r="Q8215">
        <v>54098.004829999998</v>
      </c>
      <c r="R8215">
        <v>22106.123449999999</v>
      </c>
      <c r="S8215">
        <v>80572.096030000001</v>
      </c>
      <c r="T8215">
        <v>27715.991000000002</v>
      </c>
      <c r="U8215">
        <v>15747.58317</v>
      </c>
      <c r="W8215" s="83">
        <f>Bühler!N8247</f>
        <v>45634.208333313414</v>
      </c>
      <c r="X8215" s="83">
        <v>43443.208333333336</v>
      </c>
      <c r="Y8215">
        <v>164896.9927</v>
      </c>
      <c r="Z8215">
        <v>15348.818209999999</v>
      </c>
      <c r="AA8215">
        <v>50577.949959999998</v>
      </c>
      <c r="AB8215">
        <v>39322.055439999996</v>
      </c>
      <c r="AC8215">
        <v>37179.958209999997</v>
      </c>
      <c r="AD8215">
        <v>22304.543440000001</v>
      </c>
      <c r="AE8215">
        <v>27325.01858</v>
      </c>
      <c r="AF8215">
        <v>42725.681299999997</v>
      </c>
      <c r="AG8215">
        <v>18751.772970000002</v>
      </c>
      <c r="AH8215">
        <v>219919.94260000001</v>
      </c>
      <c r="AI8215">
        <v>67035.828720000005</v>
      </c>
      <c r="AJ8215">
        <v>21920.609240000002</v>
      </c>
      <c r="AK8215">
        <v>29646.134870000002</v>
      </c>
      <c r="AL8215">
        <v>54098.004829999998</v>
      </c>
      <c r="AM8215">
        <v>22106.123449999999</v>
      </c>
      <c r="AN8215">
        <v>80572.096030000001</v>
      </c>
      <c r="AO8215">
        <v>27715.991000000002</v>
      </c>
      <c r="AP8215">
        <v>15747.58317</v>
      </c>
    </row>
    <row r="8216" spans="2:42" x14ac:dyDescent="0.3">
      <c r="B8216">
        <v>43.811345298461404</v>
      </c>
      <c r="C8216" s="83">
        <v>43443.25</v>
      </c>
      <c r="D8216">
        <v>164888.65549999999</v>
      </c>
      <c r="E8216">
        <v>15596.46848</v>
      </c>
      <c r="F8216">
        <v>53273.446080000002</v>
      </c>
      <c r="G8216">
        <v>39713.206960000003</v>
      </c>
      <c r="H8216">
        <v>37423.230360000001</v>
      </c>
      <c r="I8216">
        <v>24542.91777</v>
      </c>
      <c r="J8216">
        <v>29448.5946</v>
      </c>
      <c r="K8216">
        <v>42233.78613</v>
      </c>
      <c r="L8216">
        <v>19209.754079999999</v>
      </c>
      <c r="M8216">
        <v>223370.66940000001</v>
      </c>
      <c r="N8216">
        <v>65989.058019999997</v>
      </c>
      <c r="O8216">
        <v>21721.82445</v>
      </c>
      <c r="P8216">
        <v>29898.727790000001</v>
      </c>
      <c r="Q8216">
        <v>53966.09792</v>
      </c>
      <c r="R8216">
        <v>17165.752639999999</v>
      </c>
      <c r="S8216">
        <v>85334.028449999998</v>
      </c>
      <c r="T8216">
        <v>28858.264459999999</v>
      </c>
      <c r="U8216">
        <v>15003.17152</v>
      </c>
      <c r="W8216" s="83">
        <f>Bühler!N8248</f>
        <v>45634.249999980078</v>
      </c>
      <c r="X8216" s="83">
        <v>43443.25</v>
      </c>
      <c r="Y8216">
        <v>164888.65549999999</v>
      </c>
      <c r="Z8216">
        <v>15596.46848</v>
      </c>
      <c r="AA8216">
        <v>53273.446080000002</v>
      </c>
      <c r="AB8216">
        <v>39713.206960000003</v>
      </c>
      <c r="AC8216">
        <v>37423.230360000001</v>
      </c>
      <c r="AD8216">
        <v>24542.91777</v>
      </c>
      <c r="AE8216">
        <v>29448.5946</v>
      </c>
      <c r="AF8216">
        <v>42233.78613</v>
      </c>
      <c r="AG8216">
        <v>19209.754079999999</v>
      </c>
      <c r="AH8216">
        <v>223370.66940000001</v>
      </c>
      <c r="AI8216">
        <v>65989.058019999997</v>
      </c>
      <c r="AJ8216">
        <v>21721.82445</v>
      </c>
      <c r="AK8216">
        <v>29898.727790000001</v>
      </c>
      <c r="AL8216">
        <v>53966.09792</v>
      </c>
      <c r="AM8216">
        <v>17165.752639999999</v>
      </c>
      <c r="AN8216">
        <v>85334.028449999998</v>
      </c>
      <c r="AO8216">
        <v>28858.264459999999</v>
      </c>
      <c r="AP8216">
        <v>15003.17152</v>
      </c>
    </row>
    <row r="8217" spans="2:42" x14ac:dyDescent="0.3">
      <c r="B8217">
        <v>43.562126040202529</v>
      </c>
      <c r="C8217" s="83">
        <v>43443.291666666664</v>
      </c>
      <c r="D8217">
        <v>164728.5442</v>
      </c>
      <c r="E8217">
        <v>16171.29486</v>
      </c>
      <c r="F8217">
        <v>55362.591260000001</v>
      </c>
      <c r="G8217">
        <v>40337.989500000003</v>
      </c>
      <c r="H8217">
        <v>38354.657149999999</v>
      </c>
      <c r="I8217">
        <v>26694.91675</v>
      </c>
      <c r="J8217">
        <v>30586.561659999999</v>
      </c>
      <c r="K8217">
        <v>41998.257559999998</v>
      </c>
      <c r="L8217">
        <v>21173.98071</v>
      </c>
      <c r="M8217">
        <v>222100.03339999999</v>
      </c>
      <c r="N8217">
        <v>66885.054820000005</v>
      </c>
      <c r="O8217">
        <v>21766.83812</v>
      </c>
      <c r="P8217">
        <v>31420.69571</v>
      </c>
      <c r="Q8217">
        <v>53749.057630000003</v>
      </c>
      <c r="R8217">
        <v>17813.274460000001</v>
      </c>
      <c r="S8217">
        <v>92806.873600000006</v>
      </c>
      <c r="T8217">
        <v>27551.358550000001</v>
      </c>
      <c r="U8217">
        <v>15407.7778</v>
      </c>
      <c r="W8217" s="83">
        <f>Bühler!N8249</f>
        <v>45634.291666646743</v>
      </c>
      <c r="X8217" s="83">
        <v>43443.291666666664</v>
      </c>
      <c r="Y8217">
        <v>164728.5442</v>
      </c>
      <c r="Z8217">
        <v>16171.29486</v>
      </c>
      <c r="AA8217">
        <v>55362.591260000001</v>
      </c>
      <c r="AB8217">
        <v>40337.989500000003</v>
      </c>
      <c r="AC8217">
        <v>38354.657149999999</v>
      </c>
      <c r="AD8217">
        <v>26694.91675</v>
      </c>
      <c r="AE8217">
        <v>30586.561659999999</v>
      </c>
      <c r="AF8217">
        <v>41998.257559999998</v>
      </c>
      <c r="AG8217">
        <v>21173.98071</v>
      </c>
      <c r="AH8217">
        <v>222100.03339999999</v>
      </c>
      <c r="AI8217">
        <v>66885.054820000005</v>
      </c>
      <c r="AJ8217">
        <v>21766.83812</v>
      </c>
      <c r="AK8217">
        <v>31420.69571</v>
      </c>
      <c r="AL8217">
        <v>53749.057630000003</v>
      </c>
      <c r="AM8217">
        <v>17813.274460000001</v>
      </c>
      <c r="AN8217">
        <v>92806.873600000006</v>
      </c>
      <c r="AO8217">
        <v>27551.358550000001</v>
      </c>
      <c r="AP8217">
        <v>15407.7778</v>
      </c>
    </row>
    <row r="8218" spans="2:42" x14ac:dyDescent="0.3">
      <c r="B8218">
        <v>43.116319978623594</v>
      </c>
      <c r="C8218" s="83">
        <v>43443.333333333336</v>
      </c>
      <c r="D8218">
        <v>163343.5895</v>
      </c>
      <c r="E8218">
        <v>17191.163820000002</v>
      </c>
      <c r="F8218">
        <v>56627.34908</v>
      </c>
      <c r="G8218">
        <v>39954.5118</v>
      </c>
      <c r="H8218">
        <v>37404.580040000001</v>
      </c>
      <c r="I8218">
        <v>26516.658579999999</v>
      </c>
      <c r="J8218">
        <v>29641.751820000001</v>
      </c>
      <c r="K8218">
        <v>42659.086309999999</v>
      </c>
      <c r="L8218">
        <v>23810.425080000001</v>
      </c>
      <c r="M8218">
        <v>219827.10620000001</v>
      </c>
      <c r="N8218">
        <v>69015.187969999999</v>
      </c>
      <c r="O8218">
        <v>21779.419020000001</v>
      </c>
      <c r="P8218">
        <v>33521.550329999998</v>
      </c>
      <c r="Q8218">
        <v>53115.209210000001</v>
      </c>
      <c r="R8218">
        <v>16860.269609999999</v>
      </c>
      <c r="S8218">
        <v>95761.255669999999</v>
      </c>
      <c r="T8218">
        <v>29395.4408</v>
      </c>
      <c r="U8218">
        <v>14702.928099999999</v>
      </c>
      <c r="W8218" s="83">
        <f>Bühler!N8250</f>
        <v>45634.333333313407</v>
      </c>
      <c r="X8218" s="83">
        <v>43443.333333333336</v>
      </c>
      <c r="Y8218">
        <v>163343.5895</v>
      </c>
      <c r="Z8218">
        <v>17191.163820000002</v>
      </c>
      <c r="AA8218">
        <v>56627.34908</v>
      </c>
      <c r="AB8218">
        <v>39954.5118</v>
      </c>
      <c r="AC8218">
        <v>37404.580040000001</v>
      </c>
      <c r="AD8218">
        <v>26516.658579999999</v>
      </c>
      <c r="AE8218">
        <v>29641.751820000001</v>
      </c>
      <c r="AF8218">
        <v>42659.086309999999</v>
      </c>
      <c r="AG8218">
        <v>23810.425080000001</v>
      </c>
      <c r="AH8218">
        <v>219827.10620000001</v>
      </c>
      <c r="AI8218">
        <v>69015.187969999999</v>
      </c>
      <c r="AJ8218">
        <v>21779.419020000001</v>
      </c>
      <c r="AK8218">
        <v>33521.550329999998</v>
      </c>
      <c r="AL8218">
        <v>53115.209210000001</v>
      </c>
      <c r="AM8218">
        <v>16860.269609999999</v>
      </c>
      <c r="AN8218">
        <v>95761.255669999999</v>
      </c>
      <c r="AO8218">
        <v>29395.4408</v>
      </c>
      <c r="AP8218">
        <v>14702.928099999999</v>
      </c>
    </row>
    <row r="8219" spans="2:42" x14ac:dyDescent="0.3">
      <c r="B8219">
        <v>42.718092361959314</v>
      </c>
      <c r="C8219" s="83">
        <v>43443.375</v>
      </c>
      <c r="D8219">
        <v>161766.60370000001</v>
      </c>
      <c r="E8219">
        <v>18717.9764</v>
      </c>
      <c r="F8219">
        <v>59044.410170000003</v>
      </c>
      <c r="G8219">
        <v>40221.905350000001</v>
      </c>
      <c r="H8219">
        <v>37237.35052</v>
      </c>
      <c r="I8219">
        <v>26141.711340000002</v>
      </c>
      <c r="J8219">
        <v>28945.45592</v>
      </c>
      <c r="K8219">
        <v>44051.527889999998</v>
      </c>
      <c r="L8219">
        <v>26890.434929999999</v>
      </c>
      <c r="M8219">
        <v>217796.7561</v>
      </c>
      <c r="N8219">
        <v>71005.273939999999</v>
      </c>
      <c r="O8219">
        <v>21411.669010000001</v>
      </c>
      <c r="P8219">
        <v>36701.565629999997</v>
      </c>
      <c r="Q8219">
        <v>52846.373639999998</v>
      </c>
      <c r="R8219">
        <v>17399.123609999999</v>
      </c>
      <c r="S8219">
        <v>96382.205860000002</v>
      </c>
      <c r="T8219">
        <v>31252.437269999999</v>
      </c>
      <c r="U8219">
        <v>14482.10543</v>
      </c>
      <c r="W8219" s="83">
        <f>Bühler!N8251</f>
        <v>45634.374999980071</v>
      </c>
      <c r="X8219" s="83">
        <v>43443.375</v>
      </c>
      <c r="Y8219">
        <v>161766.60370000001</v>
      </c>
      <c r="Z8219">
        <v>18717.9764</v>
      </c>
      <c r="AA8219">
        <v>59044.410170000003</v>
      </c>
      <c r="AB8219">
        <v>40221.905350000001</v>
      </c>
      <c r="AC8219">
        <v>37237.35052</v>
      </c>
      <c r="AD8219">
        <v>26141.711340000002</v>
      </c>
      <c r="AE8219">
        <v>28945.45592</v>
      </c>
      <c r="AF8219">
        <v>44051.527889999998</v>
      </c>
      <c r="AG8219">
        <v>26890.434929999999</v>
      </c>
      <c r="AH8219">
        <v>217796.7561</v>
      </c>
      <c r="AI8219">
        <v>71005.273939999999</v>
      </c>
      <c r="AJ8219">
        <v>21411.669010000001</v>
      </c>
      <c r="AK8219">
        <v>36701.565629999997</v>
      </c>
      <c r="AL8219">
        <v>52846.373639999998</v>
      </c>
      <c r="AM8219">
        <v>17399.123609999999</v>
      </c>
      <c r="AN8219">
        <v>96382.205860000002</v>
      </c>
      <c r="AO8219">
        <v>31252.437269999999</v>
      </c>
      <c r="AP8219">
        <v>14482.10543</v>
      </c>
    </row>
    <row r="8220" spans="2:42" x14ac:dyDescent="0.3">
      <c r="B8220">
        <v>43.238538398479037</v>
      </c>
      <c r="C8220" s="83">
        <v>43443.416666666664</v>
      </c>
      <c r="D8220">
        <v>161105.25080000001</v>
      </c>
      <c r="E8220">
        <v>20403.887610000002</v>
      </c>
      <c r="F8220">
        <v>59357.725259999999</v>
      </c>
      <c r="G8220">
        <v>39982.041219999999</v>
      </c>
      <c r="H8220">
        <v>38039.013650000001</v>
      </c>
      <c r="I8220">
        <v>25868.460480000002</v>
      </c>
      <c r="J8220">
        <v>28108.416639999999</v>
      </c>
      <c r="K8220">
        <v>45829.960209999997</v>
      </c>
      <c r="L8220">
        <v>28874.59073</v>
      </c>
      <c r="M8220">
        <v>220450.23269999999</v>
      </c>
      <c r="N8220">
        <v>71321.60024</v>
      </c>
      <c r="O8220">
        <v>21255.024519999999</v>
      </c>
      <c r="P8220">
        <v>37083.641259999997</v>
      </c>
      <c r="Q8220">
        <v>52469.511939999997</v>
      </c>
      <c r="R8220">
        <v>18264.53357</v>
      </c>
      <c r="S8220">
        <v>95961.781669999997</v>
      </c>
      <c r="T8220">
        <v>33627.030330000001</v>
      </c>
      <c r="U8220">
        <v>14245.322840000001</v>
      </c>
      <c r="W8220" s="83">
        <f>Bühler!N8252</f>
        <v>45634.416666646735</v>
      </c>
      <c r="X8220" s="83">
        <v>43443.416666666664</v>
      </c>
      <c r="Y8220">
        <v>161105.25080000001</v>
      </c>
      <c r="Z8220">
        <v>20403.887610000002</v>
      </c>
      <c r="AA8220">
        <v>59357.725259999999</v>
      </c>
      <c r="AB8220">
        <v>39982.041219999999</v>
      </c>
      <c r="AC8220">
        <v>38039.013650000001</v>
      </c>
      <c r="AD8220">
        <v>25868.460480000002</v>
      </c>
      <c r="AE8220">
        <v>28108.416639999999</v>
      </c>
      <c r="AF8220">
        <v>45829.960209999997</v>
      </c>
      <c r="AG8220">
        <v>28874.59073</v>
      </c>
      <c r="AH8220">
        <v>220450.23269999999</v>
      </c>
      <c r="AI8220">
        <v>71321.60024</v>
      </c>
      <c r="AJ8220">
        <v>21255.024519999999</v>
      </c>
      <c r="AK8220">
        <v>37083.641259999997</v>
      </c>
      <c r="AL8220">
        <v>52469.511939999997</v>
      </c>
      <c r="AM8220">
        <v>18264.53357</v>
      </c>
      <c r="AN8220">
        <v>95961.781669999997</v>
      </c>
      <c r="AO8220">
        <v>33627.030330000001</v>
      </c>
      <c r="AP8220">
        <v>14245.322840000001</v>
      </c>
    </row>
    <row r="8221" spans="2:42" x14ac:dyDescent="0.3">
      <c r="B8221">
        <v>42.828051546231379</v>
      </c>
      <c r="C8221" s="83">
        <v>43443.458333333336</v>
      </c>
      <c r="D8221">
        <v>160435.02780000001</v>
      </c>
      <c r="E8221">
        <v>20592.632450000001</v>
      </c>
      <c r="F8221">
        <v>60344.808109999998</v>
      </c>
      <c r="G8221">
        <v>39876.274279999998</v>
      </c>
      <c r="H8221">
        <v>38019.191749999998</v>
      </c>
      <c r="I8221">
        <v>25448.649300000001</v>
      </c>
      <c r="J8221">
        <v>28035.843769999999</v>
      </c>
      <c r="K8221">
        <v>48266.084779999997</v>
      </c>
      <c r="L8221">
        <v>30216.578310000001</v>
      </c>
      <c r="M8221">
        <v>218357.3793</v>
      </c>
      <c r="N8221">
        <v>71249.38609</v>
      </c>
      <c r="O8221">
        <v>21360.585319999998</v>
      </c>
      <c r="P8221">
        <v>36328.088609999999</v>
      </c>
      <c r="Q8221">
        <v>51754.361320000004</v>
      </c>
      <c r="R8221">
        <v>18353.97436</v>
      </c>
      <c r="S8221">
        <v>97696.667509999999</v>
      </c>
      <c r="T8221">
        <v>34035.567739999999</v>
      </c>
      <c r="U8221">
        <v>14051.537490000001</v>
      </c>
      <c r="W8221" s="83">
        <f>Bühler!N8253</f>
        <v>45634.4583333134</v>
      </c>
      <c r="X8221" s="83">
        <v>43443.458333333336</v>
      </c>
      <c r="Y8221">
        <v>160435.02780000001</v>
      </c>
      <c r="Z8221">
        <v>20592.632450000001</v>
      </c>
      <c r="AA8221">
        <v>60344.808109999998</v>
      </c>
      <c r="AB8221">
        <v>39876.274279999998</v>
      </c>
      <c r="AC8221">
        <v>38019.191749999998</v>
      </c>
      <c r="AD8221">
        <v>25448.649300000001</v>
      </c>
      <c r="AE8221">
        <v>28035.843769999999</v>
      </c>
      <c r="AF8221">
        <v>48266.084779999997</v>
      </c>
      <c r="AG8221">
        <v>30216.578310000001</v>
      </c>
      <c r="AH8221">
        <v>218357.3793</v>
      </c>
      <c r="AI8221">
        <v>71249.38609</v>
      </c>
      <c r="AJ8221">
        <v>21360.585319999998</v>
      </c>
      <c r="AK8221">
        <v>36328.088609999999</v>
      </c>
      <c r="AL8221">
        <v>51754.361320000004</v>
      </c>
      <c r="AM8221">
        <v>18353.97436</v>
      </c>
      <c r="AN8221">
        <v>97696.667509999999</v>
      </c>
      <c r="AO8221">
        <v>34035.567739999999</v>
      </c>
      <c r="AP8221">
        <v>14051.537490000001</v>
      </c>
    </row>
    <row r="8222" spans="2:42" x14ac:dyDescent="0.3">
      <c r="B8222">
        <v>42.708552787362194</v>
      </c>
      <c r="C8222" s="83">
        <v>43443.5</v>
      </c>
      <c r="D8222">
        <v>160116.04560000001</v>
      </c>
      <c r="E8222">
        <v>20186.045180000001</v>
      </c>
      <c r="F8222">
        <v>58048.247049999998</v>
      </c>
      <c r="G8222">
        <v>39791.219819999998</v>
      </c>
      <c r="H8222">
        <v>37115.728280000003</v>
      </c>
      <c r="I8222">
        <v>25766.375830000001</v>
      </c>
      <c r="J8222">
        <v>28344.172429999999</v>
      </c>
      <c r="K8222">
        <v>48243.989249999999</v>
      </c>
      <c r="L8222">
        <v>32056.200379999998</v>
      </c>
      <c r="M8222">
        <v>217748.1189</v>
      </c>
      <c r="N8222">
        <v>69860.340500000006</v>
      </c>
      <c r="O8222">
        <v>20648.266540000001</v>
      </c>
      <c r="P8222">
        <v>36094.816480000001</v>
      </c>
      <c r="Q8222">
        <v>50052.999340000002</v>
      </c>
      <c r="R8222">
        <v>19025.825089999998</v>
      </c>
      <c r="S8222">
        <v>92534.367459999994</v>
      </c>
      <c r="T8222">
        <v>34074.885719999998</v>
      </c>
      <c r="U8222">
        <v>13399.999449999999</v>
      </c>
      <c r="W8222" s="83">
        <f>Bühler!N8254</f>
        <v>45634.499999980064</v>
      </c>
      <c r="X8222" s="83">
        <v>43443.5</v>
      </c>
      <c r="Y8222">
        <v>160116.04560000001</v>
      </c>
      <c r="Z8222">
        <v>20186.045180000001</v>
      </c>
      <c r="AA8222">
        <v>58048.247049999998</v>
      </c>
      <c r="AB8222">
        <v>39791.219819999998</v>
      </c>
      <c r="AC8222">
        <v>37115.728280000003</v>
      </c>
      <c r="AD8222">
        <v>25766.375830000001</v>
      </c>
      <c r="AE8222">
        <v>28344.172429999999</v>
      </c>
      <c r="AF8222">
        <v>48243.989249999999</v>
      </c>
      <c r="AG8222">
        <v>32056.200379999998</v>
      </c>
      <c r="AH8222">
        <v>217748.1189</v>
      </c>
      <c r="AI8222">
        <v>69860.340500000006</v>
      </c>
      <c r="AJ8222">
        <v>20648.266540000001</v>
      </c>
      <c r="AK8222">
        <v>36094.816480000001</v>
      </c>
      <c r="AL8222">
        <v>50052.999340000002</v>
      </c>
      <c r="AM8222">
        <v>19025.825089999998</v>
      </c>
      <c r="AN8222">
        <v>92534.367459999994</v>
      </c>
      <c r="AO8222">
        <v>34074.885719999998</v>
      </c>
      <c r="AP8222">
        <v>13399.999449999999</v>
      </c>
    </row>
    <row r="8223" spans="2:42" x14ac:dyDescent="0.3">
      <c r="B8223">
        <v>43.091489531287252</v>
      </c>
      <c r="C8223" s="83">
        <v>43443.541666666664</v>
      </c>
      <c r="D8223">
        <v>160108.1985</v>
      </c>
      <c r="E8223">
        <v>20100.910749999999</v>
      </c>
      <c r="F8223">
        <v>53578.733869999996</v>
      </c>
      <c r="G8223">
        <v>39463.355519999997</v>
      </c>
      <c r="H8223">
        <v>36926.355000000003</v>
      </c>
      <c r="I8223">
        <v>26740.373800000001</v>
      </c>
      <c r="J8223">
        <v>27720.0982</v>
      </c>
      <c r="K8223">
        <v>48117.736920000003</v>
      </c>
      <c r="L8223">
        <v>31299.688050000001</v>
      </c>
      <c r="M8223">
        <v>219700.50899999999</v>
      </c>
      <c r="N8223">
        <v>69345.15148</v>
      </c>
      <c r="O8223">
        <v>20603.961940000001</v>
      </c>
      <c r="P8223">
        <v>34392.009189999997</v>
      </c>
      <c r="Q8223">
        <v>49646.863669999999</v>
      </c>
      <c r="R8223">
        <v>19777.437989999999</v>
      </c>
      <c r="S8223">
        <v>93206.36447</v>
      </c>
      <c r="T8223">
        <v>33720.230340000002</v>
      </c>
      <c r="U8223">
        <v>13535.586960000001</v>
      </c>
      <c r="W8223" s="83">
        <f>Bühler!N8255</f>
        <v>45634.541666646728</v>
      </c>
      <c r="X8223" s="83">
        <v>43443.541666666664</v>
      </c>
      <c r="Y8223">
        <v>160108.1985</v>
      </c>
      <c r="Z8223">
        <v>20100.910749999999</v>
      </c>
      <c r="AA8223">
        <v>53578.733869999996</v>
      </c>
      <c r="AB8223">
        <v>39463.355519999997</v>
      </c>
      <c r="AC8223">
        <v>36926.355000000003</v>
      </c>
      <c r="AD8223">
        <v>26740.373800000001</v>
      </c>
      <c r="AE8223">
        <v>27720.0982</v>
      </c>
      <c r="AF8223">
        <v>48117.736920000003</v>
      </c>
      <c r="AG8223">
        <v>31299.688050000001</v>
      </c>
      <c r="AH8223">
        <v>219700.50899999999</v>
      </c>
      <c r="AI8223">
        <v>69345.15148</v>
      </c>
      <c r="AJ8223">
        <v>20603.961940000001</v>
      </c>
      <c r="AK8223">
        <v>34392.009189999997</v>
      </c>
      <c r="AL8223">
        <v>49646.863669999999</v>
      </c>
      <c r="AM8223">
        <v>19777.437989999999</v>
      </c>
      <c r="AN8223">
        <v>93206.36447</v>
      </c>
      <c r="AO8223">
        <v>33720.230340000002</v>
      </c>
      <c r="AP8223">
        <v>13535.586960000001</v>
      </c>
    </row>
    <row r="8224" spans="2:42" x14ac:dyDescent="0.3">
      <c r="B8224">
        <v>43.111168154871443</v>
      </c>
      <c r="C8224" s="83">
        <v>43443.583333333336</v>
      </c>
      <c r="D8224">
        <v>160415.5295</v>
      </c>
      <c r="E8224">
        <v>20180.20379</v>
      </c>
      <c r="F8224">
        <v>52844.196020000003</v>
      </c>
      <c r="G8224">
        <v>39126.805310000003</v>
      </c>
      <c r="H8224">
        <v>36518.910629999998</v>
      </c>
      <c r="I8224">
        <v>26895.741979999999</v>
      </c>
      <c r="J8224">
        <v>26621.58021</v>
      </c>
      <c r="K8224">
        <v>45399.512000000002</v>
      </c>
      <c r="L8224">
        <v>29892.242839999999</v>
      </c>
      <c r="M8224">
        <v>219800.83979999999</v>
      </c>
      <c r="N8224">
        <v>68784.019579999993</v>
      </c>
      <c r="O8224">
        <v>20306.72149</v>
      </c>
      <c r="P8224">
        <v>32321.875250000001</v>
      </c>
      <c r="Q8224">
        <v>49605.376700000001</v>
      </c>
      <c r="R8224">
        <v>18859.453560000002</v>
      </c>
      <c r="S8224">
        <v>90310.888590000002</v>
      </c>
      <c r="T8224">
        <v>32641.497719999999</v>
      </c>
      <c r="U8224">
        <v>13000.56056</v>
      </c>
      <c r="W8224" s="83">
        <f>Bühler!N8256</f>
        <v>45634.583333313392</v>
      </c>
      <c r="X8224" s="83">
        <v>43443.583333333336</v>
      </c>
      <c r="Y8224">
        <v>160415.5295</v>
      </c>
      <c r="Z8224">
        <v>20180.20379</v>
      </c>
      <c r="AA8224">
        <v>52844.196020000003</v>
      </c>
      <c r="AB8224">
        <v>39126.805310000003</v>
      </c>
      <c r="AC8224">
        <v>36518.910629999998</v>
      </c>
      <c r="AD8224">
        <v>26895.741979999999</v>
      </c>
      <c r="AE8224">
        <v>26621.58021</v>
      </c>
      <c r="AF8224">
        <v>45399.512000000002</v>
      </c>
      <c r="AG8224">
        <v>29892.242839999999</v>
      </c>
      <c r="AH8224">
        <v>219800.83979999999</v>
      </c>
      <c r="AI8224">
        <v>68784.019579999993</v>
      </c>
      <c r="AJ8224">
        <v>20306.72149</v>
      </c>
      <c r="AK8224">
        <v>32321.875250000001</v>
      </c>
      <c r="AL8224">
        <v>49605.376700000001</v>
      </c>
      <c r="AM8224">
        <v>18859.453560000002</v>
      </c>
      <c r="AN8224">
        <v>90310.888590000002</v>
      </c>
      <c r="AO8224">
        <v>32641.497719999999</v>
      </c>
      <c r="AP8224">
        <v>13000.56056</v>
      </c>
    </row>
    <row r="8225" spans="2:42" x14ac:dyDescent="0.3">
      <c r="B8225">
        <v>42.911760993617136</v>
      </c>
      <c r="C8225" s="83">
        <v>43443.625</v>
      </c>
      <c r="D8225">
        <v>160072.6311</v>
      </c>
      <c r="E8225">
        <v>20076.50303</v>
      </c>
      <c r="F8225">
        <v>52122.179389999998</v>
      </c>
      <c r="G8225">
        <v>38834.053460000003</v>
      </c>
      <c r="H8225">
        <v>36338.859179999999</v>
      </c>
      <c r="I8225">
        <v>27796.925370000001</v>
      </c>
      <c r="J8225">
        <v>26596.40467</v>
      </c>
      <c r="K8225">
        <v>45782.329039999997</v>
      </c>
      <c r="L8225">
        <v>28360.663410000001</v>
      </c>
      <c r="M8225">
        <v>218784.1691</v>
      </c>
      <c r="N8225">
        <v>68860.937090000007</v>
      </c>
      <c r="O8225">
        <v>20743.516759999999</v>
      </c>
      <c r="P8225">
        <v>31336.362270000001</v>
      </c>
      <c r="Q8225">
        <v>49307.423210000001</v>
      </c>
      <c r="R8225">
        <v>18902.014080000001</v>
      </c>
      <c r="S8225">
        <v>89901.804629999999</v>
      </c>
      <c r="T8225">
        <v>32729.784100000001</v>
      </c>
      <c r="U8225">
        <v>13242.114509999999</v>
      </c>
      <c r="W8225" s="83">
        <f>Bühler!N8257</f>
        <v>45634.624999980057</v>
      </c>
      <c r="X8225" s="83">
        <v>43443.625</v>
      </c>
      <c r="Y8225">
        <v>160072.6311</v>
      </c>
      <c r="Z8225">
        <v>20076.50303</v>
      </c>
      <c r="AA8225">
        <v>52122.179389999998</v>
      </c>
      <c r="AB8225">
        <v>38834.053460000003</v>
      </c>
      <c r="AC8225">
        <v>36338.859179999999</v>
      </c>
      <c r="AD8225">
        <v>27796.925370000001</v>
      </c>
      <c r="AE8225">
        <v>26596.40467</v>
      </c>
      <c r="AF8225">
        <v>45782.329039999997</v>
      </c>
      <c r="AG8225">
        <v>28360.663410000001</v>
      </c>
      <c r="AH8225">
        <v>218784.1691</v>
      </c>
      <c r="AI8225">
        <v>68860.937090000007</v>
      </c>
      <c r="AJ8225">
        <v>20743.516759999999</v>
      </c>
      <c r="AK8225">
        <v>31336.362270000001</v>
      </c>
      <c r="AL8225">
        <v>49307.423210000001</v>
      </c>
      <c r="AM8225">
        <v>18902.014080000001</v>
      </c>
      <c r="AN8225">
        <v>89901.804629999999</v>
      </c>
      <c r="AO8225">
        <v>32729.784100000001</v>
      </c>
      <c r="AP8225">
        <v>13242.114509999999</v>
      </c>
    </row>
    <row r="8226" spans="2:42" x14ac:dyDescent="0.3">
      <c r="B8226">
        <v>42.784495899276799</v>
      </c>
      <c r="C8226" s="83">
        <v>43443.666666666664</v>
      </c>
      <c r="D8226">
        <v>160432.88589999999</v>
      </c>
      <c r="E8226">
        <v>20340.012289999999</v>
      </c>
      <c r="F8226">
        <v>52424.478439999999</v>
      </c>
      <c r="G8226">
        <v>39752.501380000002</v>
      </c>
      <c r="H8226">
        <v>37155.959159999999</v>
      </c>
      <c r="I8226">
        <v>28210.801749999999</v>
      </c>
      <c r="J8226">
        <v>26796.072609999999</v>
      </c>
      <c r="K8226">
        <v>46374.266580000003</v>
      </c>
      <c r="L8226">
        <v>27701.532480000002</v>
      </c>
      <c r="M8226">
        <v>218135.31229999999</v>
      </c>
      <c r="N8226">
        <v>67979.276010000001</v>
      </c>
      <c r="O8226">
        <v>21224.097600000001</v>
      </c>
      <c r="P8226">
        <v>31350.728019999999</v>
      </c>
      <c r="Q8226">
        <v>49938.458279999999</v>
      </c>
      <c r="R8226">
        <v>18909.755349999999</v>
      </c>
      <c r="S8226">
        <v>91631.913920000006</v>
      </c>
      <c r="T8226">
        <v>32588.071189999999</v>
      </c>
      <c r="U8226">
        <v>13547.67571</v>
      </c>
      <c r="W8226" s="83">
        <f>Bühler!N8258</f>
        <v>45634.666666646721</v>
      </c>
      <c r="X8226" s="83">
        <v>43443.666666666664</v>
      </c>
      <c r="Y8226">
        <v>160432.88589999999</v>
      </c>
      <c r="Z8226">
        <v>20340.012289999999</v>
      </c>
      <c r="AA8226">
        <v>52424.478439999999</v>
      </c>
      <c r="AB8226">
        <v>39752.501380000002</v>
      </c>
      <c r="AC8226">
        <v>37155.959159999999</v>
      </c>
      <c r="AD8226">
        <v>28210.801749999999</v>
      </c>
      <c r="AE8226">
        <v>26796.072609999999</v>
      </c>
      <c r="AF8226">
        <v>46374.266580000003</v>
      </c>
      <c r="AG8226">
        <v>27701.532480000002</v>
      </c>
      <c r="AH8226">
        <v>218135.31229999999</v>
      </c>
      <c r="AI8226">
        <v>67979.276010000001</v>
      </c>
      <c r="AJ8226">
        <v>21224.097600000001</v>
      </c>
      <c r="AK8226">
        <v>31350.728019999999</v>
      </c>
      <c r="AL8226">
        <v>49938.458279999999</v>
      </c>
      <c r="AM8226">
        <v>18909.755349999999</v>
      </c>
      <c r="AN8226">
        <v>91631.913920000006</v>
      </c>
      <c r="AO8226">
        <v>32588.071189999999</v>
      </c>
      <c r="AP8226">
        <v>13547.67571</v>
      </c>
    </row>
    <row r="8227" spans="2:42" x14ac:dyDescent="0.3">
      <c r="B8227">
        <v>43.176176998270591</v>
      </c>
      <c r="C8227" s="83">
        <v>43443.708333333336</v>
      </c>
      <c r="D8227">
        <v>163734.83480000001</v>
      </c>
      <c r="E8227">
        <v>20772.689200000001</v>
      </c>
      <c r="F8227">
        <v>53859.303959999997</v>
      </c>
      <c r="G8227">
        <v>41063.377500000002</v>
      </c>
      <c r="H8227">
        <v>39095.801820000001</v>
      </c>
      <c r="I8227">
        <v>27909.37874</v>
      </c>
      <c r="J8227">
        <v>29451.853159999999</v>
      </c>
      <c r="K8227">
        <v>46131.790289999997</v>
      </c>
      <c r="L8227">
        <v>28018.809600000001</v>
      </c>
      <c r="M8227">
        <v>220132.28520000001</v>
      </c>
      <c r="N8227">
        <v>68340.298880000002</v>
      </c>
      <c r="O8227">
        <v>21297.030579999999</v>
      </c>
      <c r="P8227">
        <v>31988.15998</v>
      </c>
      <c r="Q8227">
        <v>50713.458809999996</v>
      </c>
      <c r="R8227">
        <v>19958.861570000001</v>
      </c>
      <c r="S8227">
        <v>97035.595570000005</v>
      </c>
      <c r="T8227">
        <v>33690.558290000001</v>
      </c>
      <c r="U8227">
        <v>14740.39083</v>
      </c>
      <c r="W8227" s="83">
        <f>Bühler!N8259</f>
        <v>45634.708333313385</v>
      </c>
      <c r="X8227" s="83">
        <v>43443.708333333336</v>
      </c>
      <c r="Y8227">
        <v>163734.83480000001</v>
      </c>
      <c r="Z8227">
        <v>20772.689200000001</v>
      </c>
      <c r="AA8227">
        <v>53859.303959999997</v>
      </c>
      <c r="AB8227">
        <v>41063.377500000002</v>
      </c>
      <c r="AC8227">
        <v>39095.801820000001</v>
      </c>
      <c r="AD8227">
        <v>27909.37874</v>
      </c>
      <c r="AE8227">
        <v>29451.853159999999</v>
      </c>
      <c r="AF8227">
        <v>46131.790289999997</v>
      </c>
      <c r="AG8227">
        <v>28018.809600000001</v>
      </c>
      <c r="AH8227">
        <v>220132.28520000001</v>
      </c>
      <c r="AI8227">
        <v>68340.298880000002</v>
      </c>
      <c r="AJ8227">
        <v>21297.030579999999</v>
      </c>
      <c r="AK8227">
        <v>31988.15998</v>
      </c>
      <c r="AL8227">
        <v>50713.458809999996</v>
      </c>
      <c r="AM8227">
        <v>19958.861570000001</v>
      </c>
      <c r="AN8227">
        <v>97035.595570000005</v>
      </c>
      <c r="AO8227">
        <v>33690.558290000001</v>
      </c>
      <c r="AP8227">
        <v>14740.39083</v>
      </c>
    </row>
    <row r="8228" spans="2:42" x14ac:dyDescent="0.3">
      <c r="B8228">
        <v>43.801252126015299</v>
      </c>
      <c r="C8228" s="83">
        <v>43443.75</v>
      </c>
      <c r="D8228">
        <v>165596.99609999999</v>
      </c>
      <c r="E8228">
        <v>19967.902620000001</v>
      </c>
      <c r="F8228">
        <v>53360.496180000002</v>
      </c>
      <c r="G8228">
        <v>42175.928269999997</v>
      </c>
      <c r="H8228">
        <v>38863.662450000003</v>
      </c>
      <c r="I8228">
        <v>28145.489389999999</v>
      </c>
      <c r="J8228">
        <v>30265.20796</v>
      </c>
      <c r="K8228">
        <v>46113.284310000003</v>
      </c>
      <c r="L8228">
        <v>29106.324540000001</v>
      </c>
      <c r="M8228">
        <v>223319.20970000001</v>
      </c>
      <c r="N8228">
        <v>68973.464890000003</v>
      </c>
      <c r="O8228">
        <v>21407.787990000001</v>
      </c>
      <c r="P8228">
        <v>35238.917070000003</v>
      </c>
      <c r="Q8228">
        <v>51967.9156</v>
      </c>
      <c r="R8228">
        <v>20777.873869999999</v>
      </c>
      <c r="S8228">
        <v>96460.67916</v>
      </c>
      <c r="T8228">
        <v>33507.788180000003</v>
      </c>
      <c r="U8228">
        <v>14876.357480000001</v>
      </c>
      <c r="W8228" s="83">
        <f>Bühler!N8260</f>
        <v>45634.749999980049</v>
      </c>
      <c r="X8228" s="83">
        <v>43443.75</v>
      </c>
      <c r="Y8228">
        <v>165596.99609999999</v>
      </c>
      <c r="Z8228">
        <v>19967.902620000001</v>
      </c>
      <c r="AA8228">
        <v>53360.496180000002</v>
      </c>
      <c r="AB8228">
        <v>42175.928269999997</v>
      </c>
      <c r="AC8228">
        <v>38863.662450000003</v>
      </c>
      <c r="AD8228">
        <v>28145.489389999999</v>
      </c>
      <c r="AE8228">
        <v>30265.20796</v>
      </c>
      <c r="AF8228">
        <v>46113.284310000003</v>
      </c>
      <c r="AG8228">
        <v>29106.324540000001</v>
      </c>
      <c r="AH8228">
        <v>223319.20970000001</v>
      </c>
      <c r="AI8228">
        <v>68973.464890000003</v>
      </c>
      <c r="AJ8228">
        <v>21407.787990000001</v>
      </c>
      <c r="AK8228">
        <v>35238.917070000003</v>
      </c>
      <c r="AL8228">
        <v>51967.9156</v>
      </c>
      <c r="AM8228">
        <v>20777.873869999999</v>
      </c>
      <c r="AN8228">
        <v>96460.67916</v>
      </c>
      <c r="AO8228">
        <v>33507.788180000003</v>
      </c>
      <c r="AP8228">
        <v>14876.357480000001</v>
      </c>
    </row>
    <row r="8229" spans="2:42" x14ac:dyDescent="0.3">
      <c r="B8229">
        <v>43.700394737633921</v>
      </c>
      <c r="C8229" s="83">
        <v>43443.791666666664</v>
      </c>
      <c r="D8229">
        <v>167194.6458</v>
      </c>
      <c r="E8229">
        <v>17199.48559</v>
      </c>
      <c r="F8229">
        <v>51188.122089999997</v>
      </c>
      <c r="G8229">
        <v>42209.089090000001</v>
      </c>
      <c r="H8229">
        <v>38208.531419999999</v>
      </c>
      <c r="I8229">
        <v>28334.863150000001</v>
      </c>
      <c r="J8229">
        <v>29999.330859999998</v>
      </c>
      <c r="K8229">
        <v>46287.632169999997</v>
      </c>
      <c r="L8229">
        <v>30423.361150000001</v>
      </c>
      <c r="M8229">
        <v>222804.99170000001</v>
      </c>
      <c r="N8229">
        <v>68977.534</v>
      </c>
      <c r="O8229">
        <v>21010.26093</v>
      </c>
      <c r="P8229">
        <v>34425.31222</v>
      </c>
      <c r="Q8229">
        <v>52813.673920000001</v>
      </c>
      <c r="R8229">
        <v>21299.05733</v>
      </c>
      <c r="S8229">
        <v>93758.920880000005</v>
      </c>
      <c r="T8229">
        <v>32321.31539</v>
      </c>
      <c r="U8229">
        <v>14697.61565</v>
      </c>
      <c r="W8229" s="83">
        <f>Bühler!N8261</f>
        <v>45634.791666646714</v>
      </c>
      <c r="X8229" s="83">
        <v>43443.791666666664</v>
      </c>
      <c r="Y8229">
        <v>167194.6458</v>
      </c>
      <c r="Z8229">
        <v>17199.48559</v>
      </c>
      <c r="AA8229">
        <v>51188.122089999997</v>
      </c>
      <c r="AB8229">
        <v>42209.089090000001</v>
      </c>
      <c r="AC8229">
        <v>38208.531419999999</v>
      </c>
      <c r="AD8229">
        <v>28334.863150000001</v>
      </c>
      <c r="AE8229">
        <v>29999.330859999998</v>
      </c>
      <c r="AF8229">
        <v>46287.632169999997</v>
      </c>
      <c r="AG8229">
        <v>30423.361150000001</v>
      </c>
      <c r="AH8229">
        <v>222804.99170000001</v>
      </c>
      <c r="AI8229">
        <v>68977.534</v>
      </c>
      <c r="AJ8229">
        <v>21010.26093</v>
      </c>
      <c r="AK8229">
        <v>34425.31222</v>
      </c>
      <c r="AL8229">
        <v>52813.673920000001</v>
      </c>
      <c r="AM8229">
        <v>21299.05733</v>
      </c>
      <c r="AN8229">
        <v>93758.920880000005</v>
      </c>
      <c r="AO8229">
        <v>32321.31539</v>
      </c>
      <c r="AP8229">
        <v>14697.61565</v>
      </c>
    </row>
    <row r="8230" spans="2:42" x14ac:dyDescent="0.3">
      <c r="B8230">
        <v>43.741963885253064</v>
      </c>
      <c r="C8230" s="83">
        <v>43443.833333333336</v>
      </c>
      <c r="D8230">
        <v>168302.70869999999</v>
      </c>
      <c r="E8230">
        <v>15519.47451</v>
      </c>
      <c r="F8230">
        <v>49839.640469999998</v>
      </c>
      <c r="G8230">
        <v>42013.300629999998</v>
      </c>
      <c r="H8230">
        <v>38246.197379999998</v>
      </c>
      <c r="I8230">
        <v>26203.499</v>
      </c>
      <c r="J8230">
        <v>29050.792949999999</v>
      </c>
      <c r="K8230">
        <v>46293.786890000003</v>
      </c>
      <c r="L8230">
        <v>29009.712370000001</v>
      </c>
      <c r="M8230">
        <v>223016.93059999999</v>
      </c>
      <c r="N8230">
        <v>69902.754950000002</v>
      </c>
      <c r="O8230">
        <v>21365.774860000001</v>
      </c>
      <c r="P8230">
        <v>34368.519010000004</v>
      </c>
      <c r="Q8230">
        <v>53478.172489999997</v>
      </c>
      <c r="R8230">
        <v>19376.492409999999</v>
      </c>
      <c r="S8230">
        <v>87253.918279999998</v>
      </c>
      <c r="T8230">
        <v>28973.39878</v>
      </c>
      <c r="U8230">
        <v>14694.62522</v>
      </c>
      <c r="W8230" s="83">
        <f>Bühler!N8262</f>
        <v>45634.833333313378</v>
      </c>
      <c r="X8230" s="83">
        <v>43443.833333333336</v>
      </c>
      <c r="Y8230">
        <v>168302.70869999999</v>
      </c>
      <c r="Z8230">
        <v>15519.47451</v>
      </c>
      <c r="AA8230">
        <v>49839.640469999998</v>
      </c>
      <c r="AB8230">
        <v>42013.300629999998</v>
      </c>
      <c r="AC8230">
        <v>38246.197379999998</v>
      </c>
      <c r="AD8230">
        <v>26203.499</v>
      </c>
      <c r="AE8230">
        <v>29050.792949999999</v>
      </c>
      <c r="AF8230">
        <v>46293.786890000003</v>
      </c>
      <c r="AG8230">
        <v>29009.712370000001</v>
      </c>
      <c r="AH8230">
        <v>223016.93059999999</v>
      </c>
      <c r="AI8230">
        <v>69902.754950000002</v>
      </c>
      <c r="AJ8230">
        <v>21365.774860000001</v>
      </c>
      <c r="AK8230">
        <v>34368.519010000004</v>
      </c>
      <c r="AL8230">
        <v>53478.172489999997</v>
      </c>
      <c r="AM8230">
        <v>19376.492409999999</v>
      </c>
      <c r="AN8230">
        <v>87253.918279999998</v>
      </c>
      <c r="AO8230">
        <v>28973.39878</v>
      </c>
      <c r="AP8230">
        <v>14694.62522</v>
      </c>
    </row>
    <row r="8231" spans="2:42" x14ac:dyDescent="0.3">
      <c r="B8231">
        <v>44.091076555734531</v>
      </c>
      <c r="C8231" s="83">
        <v>43443.875</v>
      </c>
      <c r="D8231">
        <v>169350.79329999999</v>
      </c>
      <c r="E8231">
        <v>15113.36082</v>
      </c>
      <c r="F8231">
        <v>48740.47481</v>
      </c>
      <c r="G8231">
        <v>42063.783430000003</v>
      </c>
      <c r="H8231">
        <v>37281.97464</v>
      </c>
      <c r="I8231">
        <v>24567.419870000002</v>
      </c>
      <c r="J8231">
        <v>28218.698939999998</v>
      </c>
      <c r="K8231">
        <v>47368.221790000003</v>
      </c>
      <c r="L8231">
        <v>27165.116760000001</v>
      </c>
      <c r="M8231">
        <v>224796.86979999999</v>
      </c>
      <c r="N8231">
        <v>68933.989619999993</v>
      </c>
      <c r="O8231">
        <v>20770.487440000001</v>
      </c>
      <c r="P8231">
        <v>33240.388639999997</v>
      </c>
      <c r="Q8231">
        <v>55776.250119999997</v>
      </c>
      <c r="R8231">
        <v>19569.814409999999</v>
      </c>
      <c r="S8231">
        <v>83268.430559999993</v>
      </c>
      <c r="T8231">
        <v>27204.938870000002</v>
      </c>
      <c r="U8231">
        <v>14501.967339999999</v>
      </c>
      <c r="W8231" s="83">
        <f>Bühler!N8263</f>
        <v>45634.874999980042</v>
      </c>
      <c r="X8231" s="83">
        <v>43443.875</v>
      </c>
      <c r="Y8231">
        <v>169350.79329999999</v>
      </c>
      <c r="Z8231">
        <v>15113.36082</v>
      </c>
      <c r="AA8231">
        <v>48740.47481</v>
      </c>
      <c r="AB8231">
        <v>42063.783430000003</v>
      </c>
      <c r="AC8231">
        <v>37281.97464</v>
      </c>
      <c r="AD8231">
        <v>24567.419870000002</v>
      </c>
      <c r="AE8231">
        <v>28218.698939999998</v>
      </c>
      <c r="AF8231">
        <v>47368.221790000003</v>
      </c>
      <c r="AG8231">
        <v>27165.116760000001</v>
      </c>
      <c r="AH8231">
        <v>224796.86979999999</v>
      </c>
      <c r="AI8231">
        <v>68933.989619999993</v>
      </c>
      <c r="AJ8231">
        <v>20770.487440000001</v>
      </c>
      <c r="AK8231">
        <v>33240.388639999997</v>
      </c>
      <c r="AL8231">
        <v>55776.250119999997</v>
      </c>
      <c r="AM8231">
        <v>19569.814409999999</v>
      </c>
      <c r="AN8231">
        <v>83268.430559999993</v>
      </c>
      <c r="AO8231">
        <v>27204.938870000002</v>
      </c>
      <c r="AP8231">
        <v>14501.967339999999</v>
      </c>
    </row>
    <row r="8232" spans="2:42" x14ac:dyDescent="0.3">
      <c r="B8232">
        <v>44.472758922446715</v>
      </c>
      <c r="C8232" s="83">
        <v>43443.916666666664</v>
      </c>
      <c r="D8232">
        <v>171799.99479999999</v>
      </c>
      <c r="E8232">
        <v>15101.185090000001</v>
      </c>
      <c r="F8232">
        <v>48107.97496</v>
      </c>
      <c r="G8232">
        <v>41473.947419999997</v>
      </c>
      <c r="H8232">
        <v>37392.509890000001</v>
      </c>
      <c r="I8232">
        <v>24537.726979999999</v>
      </c>
      <c r="J8232">
        <v>27616.266869999999</v>
      </c>
      <c r="K8232">
        <v>49783.227890000002</v>
      </c>
      <c r="L8232">
        <v>23774.205190000001</v>
      </c>
      <c r="M8232">
        <v>226742.8645</v>
      </c>
      <c r="N8232">
        <v>68852.464550000004</v>
      </c>
      <c r="O8232">
        <v>21476.152160000001</v>
      </c>
      <c r="P8232">
        <v>33248.171240000003</v>
      </c>
      <c r="Q8232">
        <v>57510.318679999997</v>
      </c>
      <c r="R8232">
        <v>25702.182509999999</v>
      </c>
      <c r="S8232">
        <v>81467.085269999996</v>
      </c>
      <c r="T8232">
        <v>26366.336210000001</v>
      </c>
      <c r="U8232">
        <v>15137.768459999999</v>
      </c>
      <c r="W8232" s="83">
        <f>Bühler!N8264</f>
        <v>45634.916666646706</v>
      </c>
      <c r="X8232" s="83">
        <v>43443.916666666664</v>
      </c>
      <c r="Y8232">
        <v>171799.99479999999</v>
      </c>
      <c r="Z8232">
        <v>15101.185090000001</v>
      </c>
      <c r="AA8232">
        <v>48107.97496</v>
      </c>
      <c r="AB8232">
        <v>41473.947419999997</v>
      </c>
      <c r="AC8232">
        <v>37392.509890000001</v>
      </c>
      <c r="AD8232">
        <v>24537.726979999999</v>
      </c>
      <c r="AE8232">
        <v>27616.266869999999</v>
      </c>
      <c r="AF8232">
        <v>49783.227890000002</v>
      </c>
      <c r="AG8232">
        <v>23774.205190000001</v>
      </c>
      <c r="AH8232">
        <v>226742.8645</v>
      </c>
      <c r="AI8232">
        <v>68852.464550000004</v>
      </c>
      <c r="AJ8232">
        <v>21476.152160000001</v>
      </c>
      <c r="AK8232">
        <v>33248.171240000003</v>
      </c>
      <c r="AL8232">
        <v>57510.318679999997</v>
      </c>
      <c r="AM8232">
        <v>25702.182509999999</v>
      </c>
      <c r="AN8232">
        <v>81467.085269999996</v>
      </c>
      <c r="AO8232">
        <v>26366.336210000001</v>
      </c>
      <c r="AP8232">
        <v>15137.768459999999</v>
      </c>
    </row>
    <row r="8233" spans="2:42" x14ac:dyDescent="0.3">
      <c r="B8233">
        <v>44.044969337556878</v>
      </c>
      <c r="C8233" s="83">
        <v>43443.958333333336</v>
      </c>
      <c r="D8233">
        <v>173848.10949999999</v>
      </c>
      <c r="E8233">
        <v>14990.840969999999</v>
      </c>
      <c r="F8233">
        <v>47436.397219999999</v>
      </c>
      <c r="G8233">
        <v>40900.452810000003</v>
      </c>
      <c r="H8233">
        <v>37269.071709999997</v>
      </c>
      <c r="I8233">
        <v>23430.71601</v>
      </c>
      <c r="J8233">
        <v>25794.584650000001</v>
      </c>
      <c r="K8233">
        <v>48556.839010000003</v>
      </c>
      <c r="L8233">
        <v>20957.50648</v>
      </c>
      <c r="M8233">
        <v>224561.79370000001</v>
      </c>
      <c r="N8233">
        <v>68426.166930000007</v>
      </c>
      <c r="O8233">
        <v>21669.427889999999</v>
      </c>
      <c r="P8233">
        <v>30421.031350000001</v>
      </c>
      <c r="Q8233">
        <v>58937.483419999997</v>
      </c>
      <c r="R8233">
        <v>25612.77145</v>
      </c>
      <c r="S8233">
        <v>80470.224860000002</v>
      </c>
      <c r="T8233">
        <v>28919.021239999998</v>
      </c>
      <c r="U8233">
        <v>14942.936079999999</v>
      </c>
      <c r="W8233" s="83">
        <f>Bühler!N8265</f>
        <v>45634.958333313371</v>
      </c>
      <c r="X8233" s="83">
        <v>43443.958333333336</v>
      </c>
      <c r="Y8233">
        <v>173848.10949999999</v>
      </c>
      <c r="Z8233">
        <v>14990.840969999999</v>
      </c>
      <c r="AA8233">
        <v>47436.397219999999</v>
      </c>
      <c r="AB8233">
        <v>40900.452810000003</v>
      </c>
      <c r="AC8233">
        <v>37269.071709999997</v>
      </c>
      <c r="AD8233">
        <v>23430.71601</v>
      </c>
      <c r="AE8233">
        <v>25794.584650000001</v>
      </c>
      <c r="AF8233">
        <v>48556.839010000003</v>
      </c>
      <c r="AG8233">
        <v>20957.50648</v>
      </c>
      <c r="AH8233">
        <v>224561.79370000001</v>
      </c>
      <c r="AI8233">
        <v>68426.166930000007</v>
      </c>
      <c r="AJ8233">
        <v>21669.427889999999</v>
      </c>
      <c r="AK8233">
        <v>30421.031350000001</v>
      </c>
      <c r="AL8233">
        <v>58937.483419999997</v>
      </c>
      <c r="AM8233">
        <v>25612.77145</v>
      </c>
      <c r="AN8233">
        <v>80470.224860000002</v>
      </c>
      <c r="AO8233">
        <v>28919.021239999998</v>
      </c>
      <c r="AP8233">
        <v>14942.936079999999</v>
      </c>
    </row>
    <row r="8234" spans="2:42" x14ac:dyDescent="0.3">
      <c r="B8234">
        <v>44.040099892838633</v>
      </c>
      <c r="C8234" s="83">
        <v>43444</v>
      </c>
      <c r="D8234">
        <v>175848.1476</v>
      </c>
      <c r="E8234">
        <v>15072.07576</v>
      </c>
      <c r="F8234">
        <v>48157.535779999998</v>
      </c>
      <c r="G8234">
        <v>41947.040809999999</v>
      </c>
      <c r="H8234">
        <v>36915.894959999998</v>
      </c>
      <c r="I8234">
        <v>22091.08253</v>
      </c>
      <c r="J8234">
        <v>24561.790919999999</v>
      </c>
      <c r="K8234">
        <v>47626.770170000003</v>
      </c>
      <c r="L8234">
        <v>18972.522580000001</v>
      </c>
      <c r="M8234">
        <v>224536.967</v>
      </c>
      <c r="N8234">
        <v>68076.749460000006</v>
      </c>
      <c r="O8234">
        <v>21765.875639999998</v>
      </c>
      <c r="P8234">
        <v>29145.986349999999</v>
      </c>
      <c r="Q8234">
        <v>62743.735610000003</v>
      </c>
      <c r="R8234">
        <v>24441.722949999999</v>
      </c>
      <c r="S8234">
        <v>79444.73242</v>
      </c>
      <c r="T8234">
        <v>28029.935819999999</v>
      </c>
      <c r="U8234">
        <v>15042.759840000001</v>
      </c>
      <c r="W8234" s="83">
        <f>Bühler!N8266</f>
        <v>45634.999999980035</v>
      </c>
      <c r="X8234" s="83">
        <v>43444</v>
      </c>
      <c r="Y8234">
        <v>175848.1476</v>
      </c>
      <c r="Z8234">
        <v>15072.07576</v>
      </c>
      <c r="AA8234">
        <v>48157.535779999998</v>
      </c>
      <c r="AB8234">
        <v>41947.040809999999</v>
      </c>
      <c r="AC8234">
        <v>36915.894959999998</v>
      </c>
      <c r="AD8234">
        <v>22091.08253</v>
      </c>
      <c r="AE8234">
        <v>24561.790919999999</v>
      </c>
      <c r="AF8234">
        <v>47626.770170000003</v>
      </c>
      <c r="AG8234">
        <v>18972.522580000001</v>
      </c>
      <c r="AH8234">
        <v>224536.967</v>
      </c>
      <c r="AI8234">
        <v>68076.749460000006</v>
      </c>
      <c r="AJ8234">
        <v>21765.875639999998</v>
      </c>
      <c r="AK8234">
        <v>29145.986349999999</v>
      </c>
      <c r="AL8234">
        <v>62743.735610000003</v>
      </c>
      <c r="AM8234">
        <v>24441.722949999999</v>
      </c>
      <c r="AN8234">
        <v>79444.73242</v>
      </c>
      <c r="AO8234">
        <v>28029.935819999999</v>
      </c>
      <c r="AP8234">
        <v>15042.759840000001</v>
      </c>
    </row>
    <row r="8235" spans="2:42" x14ac:dyDescent="0.3">
      <c r="B8235">
        <v>44.660828948938679</v>
      </c>
      <c r="C8235" s="83">
        <v>43444.041666666664</v>
      </c>
      <c r="D8235">
        <v>177349.94209999999</v>
      </c>
      <c r="E8235">
        <v>15151.8377</v>
      </c>
      <c r="F8235">
        <v>49035.020129999997</v>
      </c>
      <c r="G8235">
        <v>42061.789790000003</v>
      </c>
      <c r="H8235">
        <v>36997.617489999997</v>
      </c>
      <c r="I8235">
        <v>18412.15511</v>
      </c>
      <c r="J8235">
        <v>24045.615010000001</v>
      </c>
      <c r="K8235">
        <v>43989.037380000002</v>
      </c>
      <c r="L8235">
        <v>18432.11764</v>
      </c>
      <c r="M8235">
        <v>227701.73319999999</v>
      </c>
      <c r="N8235">
        <v>68264.858319999999</v>
      </c>
      <c r="O8235">
        <v>22033.971519999999</v>
      </c>
      <c r="P8235">
        <v>27483.676169999999</v>
      </c>
      <c r="Q8235">
        <v>66059.340800000005</v>
      </c>
      <c r="R8235">
        <v>23585.777709999998</v>
      </c>
      <c r="S8235">
        <v>79014.799129999999</v>
      </c>
      <c r="T8235">
        <v>27825.225709999999</v>
      </c>
      <c r="U8235">
        <v>15392.39631</v>
      </c>
      <c r="W8235" s="83">
        <f>Bühler!N8267</f>
        <v>45635.041666646699</v>
      </c>
      <c r="X8235" s="83">
        <v>43444.041666666664</v>
      </c>
      <c r="Y8235">
        <v>177349.94209999999</v>
      </c>
      <c r="Z8235">
        <v>15151.8377</v>
      </c>
      <c r="AA8235">
        <v>49035.020129999997</v>
      </c>
      <c r="AB8235">
        <v>42061.789790000003</v>
      </c>
      <c r="AC8235">
        <v>36997.617489999997</v>
      </c>
      <c r="AD8235">
        <v>18412.15511</v>
      </c>
      <c r="AE8235">
        <v>24045.615010000001</v>
      </c>
      <c r="AF8235">
        <v>43989.037380000002</v>
      </c>
      <c r="AG8235">
        <v>18432.11764</v>
      </c>
      <c r="AH8235">
        <v>227701.73319999999</v>
      </c>
      <c r="AI8235">
        <v>68264.858319999999</v>
      </c>
      <c r="AJ8235">
        <v>22033.971519999999</v>
      </c>
      <c r="AK8235">
        <v>27483.676169999999</v>
      </c>
      <c r="AL8235">
        <v>66059.340800000005</v>
      </c>
      <c r="AM8235">
        <v>23585.777709999998</v>
      </c>
      <c r="AN8235">
        <v>79014.799129999999</v>
      </c>
      <c r="AO8235">
        <v>27825.225709999999</v>
      </c>
      <c r="AP8235">
        <v>15392.39631</v>
      </c>
    </row>
    <row r="8236" spans="2:42" x14ac:dyDescent="0.3">
      <c r="B8236">
        <v>45.474436242148535</v>
      </c>
      <c r="C8236" s="83">
        <v>43444.083333333336</v>
      </c>
      <c r="D8236">
        <v>178469.76269999999</v>
      </c>
      <c r="E8236">
        <v>15164.24192</v>
      </c>
      <c r="F8236">
        <v>50321.90137</v>
      </c>
      <c r="G8236">
        <v>41808.66951</v>
      </c>
      <c r="H8236">
        <v>36938.90137</v>
      </c>
      <c r="I8236">
        <v>17038.523069999999</v>
      </c>
      <c r="J8236">
        <v>23965.796869999998</v>
      </c>
      <c r="K8236">
        <v>43682.914140000001</v>
      </c>
      <c r="L8236">
        <v>18175.59964</v>
      </c>
      <c r="M8236">
        <v>231849.88260000001</v>
      </c>
      <c r="N8236">
        <v>67280.140230000005</v>
      </c>
      <c r="O8236">
        <v>21889.675749999999</v>
      </c>
      <c r="P8236">
        <v>27681.094980000002</v>
      </c>
      <c r="Q8236">
        <v>68112.761840000006</v>
      </c>
      <c r="R8236">
        <v>22278.759569999998</v>
      </c>
      <c r="S8236">
        <v>78029.072180000003</v>
      </c>
      <c r="T8236">
        <v>27604.946810000001</v>
      </c>
      <c r="U8236">
        <v>15570.595230000001</v>
      </c>
      <c r="W8236" s="83">
        <f>Bühler!N8268</f>
        <v>45635.083333313363</v>
      </c>
      <c r="X8236" s="83">
        <v>43444.083333333336</v>
      </c>
      <c r="Y8236">
        <v>178469.76269999999</v>
      </c>
      <c r="Z8236">
        <v>15164.24192</v>
      </c>
      <c r="AA8236">
        <v>50321.90137</v>
      </c>
      <c r="AB8236">
        <v>41808.66951</v>
      </c>
      <c r="AC8236">
        <v>36938.90137</v>
      </c>
      <c r="AD8236">
        <v>17038.523069999999</v>
      </c>
      <c r="AE8236">
        <v>23965.796869999998</v>
      </c>
      <c r="AF8236">
        <v>43682.914140000001</v>
      </c>
      <c r="AG8236">
        <v>18175.59964</v>
      </c>
      <c r="AH8236">
        <v>231849.88260000001</v>
      </c>
      <c r="AI8236">
        <v>67280.140230000005</v>
      </c>
      <c r="AJ8236">
        <v>21889.675749999999</v>
      </c>
      <c r="AK8236">
        <v>27681.094980000002</v>
      </c>
      <c r="AL8236">
        <v>68112.761840000006</v>
      </c>
      <c r="AM8236">
        <v>22278.759569999998</v>
      </c>
      <c r="AN8236">
        <v>78029.072180000003</v>
      </c>
      <c r="AO8236">
        <v>27604.946810000001</v>
      </c>
      <c r="AP8236">
        <v>15570.595230000001</v>
      </c>
    </row>
    <row r="8237" spans="2:42" x14ac:dyDescent="0.3">
      <c r="B8237">
        <v>46.408422421642172</v>
      </c>
      <c r="C8237" s="83">
        <v>43444.125</v>
      </c>
      <c r="D8237">
        <v>184244.06210000001</v>
      </c>
      <c r="E8237">
        <v>15513.695599999999</v>
      </c>
      <c r="F8237">
        <v>51527.449849999997</v>
      </c>
      <c r="G8237">
        <v>41251.711920000002</v>
      </c>
      <c r="H8237">
        <v>37083.945910000002</v>
      </c>
      <c r="I8237">
        <v>17323.101839999999</v>
      </c>
      <c r="J8237">
        <v>24297.960920000001</v>
      </c>
      <c r="K8237">
        <v>43024.78544</v>
      </c>
      <c r="L8237">
        <v>18126.4987</v>
      </c>
      <c r="M8237">
        <v>236611.77970000001</v>
      </c>
      <c r="N8237">
        <v>68709.013949999993</v>
      </c>
      <c r="O8237">
        <v>22244.470389999999</v>
      </c>
      <c r="P8237">
        <v>28156.54106</v>
      </c>
      <c r="Q8237">
        <v>73087.932409999994</v>
      </c>
      <c r="R8237">
        <v>23169.737929999999</v>
      </c>
      <c r="S8237">
        <v>77946.740250000003</v>
      </c>
      <c r="T8237">
        <v>27653.398669999999</v>
      </c>
      <c r="U8237">
        <v>16113.48625</v>
      </c>
      <c r="W8237" s="83">
        <f>Bühler!N8269</f>
        <v>45635.124999980027</v>
      </c>
      <c r="X8237" s="83">
        <v>43444.125</v>
      </c>
      <c r="Y8237">
        <v>184244.06210000001</v>
      </c>
      <c r="Z8237">
        <v>15513.695599999999</v>
      </c>
      <c r="AA8237">
        <v>51527.449849999997</v>
      </c>
      <c r="AB8237">
        <v>41251.711920000002</v>
      </c>
      <c r="AC8237">
        <v>37083.945910000002</v>
      </c>
      <c r="AD8237">
        <v>17323.101839999999</v>
      </c>
      <c r="AE8237">
        <v>24297.960920000001</v>
      </c>
      <c r="AF8237">
        <v>43024.78544</v>
      </c>
      <c r="AG8237">
        <v>18126.4987</v>
      </c>
      <c r="AH8237">
        <v>236611.77970000001</v>
      </c>
      <c r="AI8237">
        <v>68709.013949999993</v>
      </c>
      <c r="AJ8237">
        <v>22244.470389999999</v>
      </c>
      <c r="AK8237">
        <v>28156.54106</v>
      </c>
      <c r="AL8237">
        <v>73087.932409999994</v>
      </c>
      <c r="AM8237">
        <v>23169.737929999999</v>
      </c>
      <c r="AN8237">
        <v>77946.740250000003</v>
      </c>
      <c r="AO8237">
        <v>27653.398669999999</v>
      </c>
      <c r="AP8237">
        <v>16113.48625</v>
      </c>
    </row>
    <row r="8238" spans="2:42" x14ac:dyDescent="0.3">
      <c r="B8238">
        <v>49.617618698051061</v>
      </c>
      <c r="C8238" s="83">
        <v>43444.166666666664</v>
      </c>
      <c r="D8238">
        <v>195680.24429999999</v>
      </c>
      <c r="E8238">
        <v>16314.364939999999</v>
      </c>
      <c r="F8238">
        <v>55811.266230000001</v>
      </c>
      <c r="G8238">
        <v>41350.936889999997</v>
      </c>
      <c r="H8238">
        <v>38364.656289999999</v>
      </c>
      <c r="I8238">
        <v>19818.915590000001</v>
      </c>
      <c r="J8238">
        <v>25385.58916</v>
      </c>
      <c r="K8238">
        <v>43147.231690000001</v>
      </c>
      <c r="L8238">
        <v>17965.599709999999</v>
      </c>
      <c r="M8238">
        <v>252973.75889999999</v>
      </c>
      <c r="N8238">
        <v>70295.132719999994</v>
      </c>
      <c r="O8238">
        <v>22429.266899999999</v>
      </c>
      <c r="P8238">
        <v>27619.006170000001</v>
      </c>
      <c r="Q8238">
        <v>79299.720660000006</v>
      </c>
      <c r="R8238">
        <v>23494.42483</v>
      </c>
      <c r="S8238">
        <v>78281.479919999998</v>
      </c>
      <c r="T8238">
        <v>27648.819149999999</v>
      </c>
      <c r="U8238">
        <v>17367.76871</v>
      </c>
      <c r="W8238" s="83">
        <f>Bühler!N8270</f>
        <v>45635.166666646692</v>
      </c>
      <c r="X8238" s="83">
        <v>43444.166666666664</v>
      </c>
      <c r="Y8238">
        <v>195680.24429999999</v>
      </c>
      <c r="Z8238">
        <v>16314.364939999999</v>
      </c>
      <c r="AA8238">
        <v>55811.266230000001</v>
      </c>
      <c r="AB8238">
        <v>41350.936889999997</v>
      </c>
      <c r="AC8238">
        <v>38364.656289999999</v>
      </c>
      <c r="AD8238">
        <v>19818.915590000001</v>
      </c>
      <c r="AE8238">
        <v>25385.58916</v>
      </c>
      <c r="AF8238">
        <v>43147.231690000001</v>
      </c>
      <c r="AG8238">
        <v>17965.599709999999</v>
      </c>
      <c r="AH8238">
        <v>252973.75889999999</v>
      </c>
      <c r="AI8238">
        <v>70295.132719999994</v>
      </c>
      <c r="AJ8238">
        <v>22429.266899999999</v>
      </c>
      <c r="AK8238">
        <v>27619.006170000001</v>
      </c>
      <c r="AL8238">
        <v>79299.720660000006</v>
      </c>
      <c r="AM8238">
        <v>23494.42483</v>
      </c>
      <c r="AN8238">
        <v>78281.479919999998</v>
      </c>
      <c r="AO8238">
        <v>27648.819149999999</v>
      </c>
      <c r="AP8238">
        <v>17367.76871</v>
      </c>
    </row>
    <row r="8239" spans="2:42" x14ac:dyDescent="0.3">
      <c r="B8239">
        <v>55.334236234614146</v>
      </c>
      <c r="C8239" s="83">
        <v>43444.208333333336</v>
      </c>
      <c r="D8239">
        <v>228352.0816</v>
      </c>
      <c r="E8239">
        <v>18799.740010000001</v>
      </c>
      <c r="F8239">
        <v>67599.828689999995</v>
      </c>
      <c r="G8239">
        <v>43816.090750000003</v>
      </c>
      <c r="H8239">
        <v>40734.143949999998</v>
      </c>
      <c r="I8239">
        <v>28255.717410000001</v>
      </c>
      <c r="J8239">
        <v>27838.741099999999</v>
      </c>
      <c r="K8239">
        <v>44860.110849999997</v>
      </c>
      <c r="L8239">
        <v>18796.606360000002</v>
      </c>
      <c r="M8239">
        <v>282119.74099999998</v>
      </c>
      <c r="N8239">
        <v>73576.594899999996</v>
      </c>
      <c r="O8239">
        <v>23311.799169999998</v>
      </c>
      <c r="P8239">
        <v>29165.286619999999</v>
      </c>
      <c r="Q8239">
        <v>85259.051389999993</v>
      </c>
      <c r="R8239">
        <v>24213.973330000001</v>
      </c>
      <c r="S8239">
        <v>81898.997390000004</v>
      </c>
      <c r="T8239">
        <v>28891.878229999998</v>
      </c>
      <c r="U8239">
        <v>19301.971649999999</v>
      </c>
      <c r="W8239" s="83">
        <f>Bühler!N8271</f>
        <v>45635.208333313356</v>
      </c>
      <c r="X8239" s="83">
        <v>43444.208333333336</v>
      </c>
      <c r="Y8239">
        <v>228352.0816</v>
      </c>
      <c r="Z8239">
        <v>18799.740010000001</v>
      </c>
      <c r="AA8239">
        <v>67599.828689999995</v>
      </c>
      <c r="AB8239">
        <v>43816.090750000003</v>
      </c>
      <c r="AC8239">
        <v>40734.143949999998</v>
      </c>
      <c r="AD8239">
        <v>28255.717410000001</v>
      </c>
      <c r="AE8239">
        <v>27838.741099999999</v>
      </c>
      <c r="AF8239">
        <v>44860.110849999997</v>
      </c>
      <c r="AG8239">
        <v>18796.606360000002</v>
      </c>
      <c r="AH8239">
        <v>282119.74099999998</v>
      </c>
      <c r="AI8239">
        <v>73576.594899999996</v>
      </c>
      <c r="AJ8239">
        <v>23311.799169999998</v>
      </c>
      <c r="AK8239">
        <v>29165.286619999999</v>
      </c>
      <c r="AL8239">
        <v>85259.051389999993</v>
      </c>
      <c r="AM8239">
        <v>24213.973330000001</v>
      </c>
      <c r="AN8239">
        <v>81898.997390000004</v>
      </c>
      <c r="AO8239">
        <v>28891.878229999998</v>
      </c>
      <c r="AP8239">
        <v>19301.971649999999</v>
      </c>
    </row>
    <row r="8240" spans="2:42" x14ac:dyDescent="0.3">
      <c r="B8240">
        <v>61.063003777835171</v>
      </c>
      <c r="C8240" s="83">
        <v>43444.25</v>
      </c>
      <c r="D8240">
        <v>256837.1103</v>
      </c>
      <c r="E8240">
        <v>22914.922139999999</v>
      </c>
      <c r="F8240">
        <v>81852.182230000006</v>
      </c>
      <c r="G8240">
        <v>57626.224479999997</v>
      </c>
      <c r="H8240">
        <v>44768.694210000001</v>
      </c>
      <c r="I8240">
        <v>37509.731010000003</v>
      </c>
      <c r="J8240">
        <v>31582.767110000001</v>
      </c>
      <c r="K8240">
        <v>49006.17499</v>
      </c>
      <c r="L8240">
        <v>20534.25131</v>
      </c>
      <c r="M8240">
        <v>311327.66950000002</v>
      </c>
      <c r="N8240">
        <v>77494.993170000002</v>
      </c>
      <c r="O8240">
        <v>24421.47796</v>
      </c>
      <c r="P8240">
        <v>28682.713230000001</v>
      </c>
      <c r="Q8240">
        <v>90032.111669999998</v>
      </c>
      <c r="R8240">
        <v>20946.94384</v>
      </c>
      <c r="S8240">
        <v>90836.565270000006</v>
      </c>
      <c r="T8240">
        <v>32074.490140000002</v>
      </c>
      <c r="U8240">
        <v>21975.61204</v>
      </c>
      <c r="W8240" s="83">
        <f>Bühler!N8272</f>
        <v>45635.24999998002</v>
      </c>
      <c r="X8240" s="83">
        <v>43444.25</v>
      </c>
      <c r="Y8240">
        <v>256837.1103</v>
      </c>
      <c r="Z8240">
        <v>22914.922139999999</v>
      </c>
      <c r="AA8240">
        <v>81852.182230000006</v>
      </c>
      <c r="AB8240">
        <v>57626.224479999997</v>
      </c>
      <c r="AC8240">
        <v>44768.694210000001</v>
      </c>
      <c r="AD8240">
        <v>37509.731010000003</v>
      </c>
      <c r="AE8240">
        <v>31582.767110000001</v>
      </c>
      <c r="AF8240">
        <v>49006.17499</v>
      </c>
      <c r="AG8240">
        <v>20534.25131</v>
      </c>
      <c r="AH8240">
        <v>311327.66950000002</v>
      </c>
      <c r="AI8240">
        <v>77494.993170000002</v>
      </c>
      <c r="AJ8240">
        <v>24421.47796</v>
      </c>
      <c r="AK8240">
        <v>28682.713230000001</v>
      </c>
      <c r="AL8240">
        <v>90032.111669999998</v>
      </c>
      <c r="AM8240">
        <v>20946.94384</v>
      </c>
      <c r="AN8240">
        <v>90836.565270000006</v>
      </c>
      <c r="AO8240">
        <v>32074.490140000002</v>
      </c>
      <c r="AP8240">
        <v>21975.61204</v>
      </c>
    </row>
    <row r="8241" spans="2:42" x14ac:dyDescent="0.3">
      <c r="B8241">
        <v>64.386055606299621</v>
      </c>
      <c r="C8241" s="83">
        <v>43444.291666666664</v>
      </c>
      <c r="D8241">
        <v>276193.9424</v>
      </c>
      <c r="E8241">
        <v>28267.80935</v>
      </c>
      <c r="F8241">
        <v>85883.739950000003</v>
      </c>
      <c r="G8241">
        <v>73647.188980000006</v>
      </c>
      <c r="H8241">
        <v>51411.423880000002</v>
      </c>
      <c r="I8241">
        <v>46745.957130000003</v>
      </c>
      <c r="J8241">
        <v>33105.379739999997</v>
      </c>
      <c r="K8241">
        <v>55324.130839999998</v>
      </c>
      <c r="L8241">
        <v>23696.99972</v>
      </c>
      <c r="M8241">
        <v>328270.13740000001</v>
      </c>
      <c r="N8241">
        <v>85592.897100000002</v>
      </c>
      <c r="O8241">
        <v>27373.177940000001</v>
      </c>
      <c r="P8241">
        <v>30991.28299</v>
      </c>
      <c r="Q8241">
        <v>91131.15969</v>
      </c>
      <c r="R8241">
        <v>24249.21544</v>
      </c>
      <c r="S8241">
        <v>107868.93180000001</v>
      </c>
      <c r="T8241">
        <v>34406.180780000002</v>
      </c>
      <c r="U8241">
        <v>27217.504990000001</v>
      </c>
      <c r="W8241" s="83">
        <f>Bühler!N8273</f>
        <v>45635.291666646684</v>
      </c>
      <c r="X8241" s="83">
        <v>43444.291666666664</v>
      </c>
      <c r="Y8241">
        <v>276193.9424</v>
      </c>
      <c r="Z8241">
        <v>28267.80935</v>
      </c>
      <c r="AA8241">
        <v>85883.739950000003</v>
      </c>
      <c r="AB8241">
        <v>73647.188980000006</v>
      </c>
      <c r="AC8241">
        <v>51411.423880000002</v>
      </c>
      <c r="AD8241">
        <v>46745.957130000003</v>
      </c>
      <c r="AE8241">
        <v>33105.379739999997</v>
      </c>
      <c r="AF8241">
        <v>55324.130839999998</v>
      </c>
      <c r="AG8241">
        <v>23696.99972</v>
      </c>
      <c r="AH8241">
        <v>328270.13740000001</v>
      </c>
      <c r="AI8241">
        <v>85592.897100000002</v>
      </c>
      <c r="AJ8241">
        <v>27373.177940000001</v>
      </c>
      <c r="AK8241">
        <v>30991.28299</v>
      </c>
      <c r="AL8241">
        <v>91131.15969</v>
      </c>
      <c r="AM8241">
        <v>24249.21544</v>
      </c>
      <c r="AN8241">
        <v>107868.93180000001</v>
      </c>
      <c r="AO8241">
        <v>34406.180780000002</v>
      </c>
      <c r="AP8241">
        <v>27217.504990000001</v>
      </c>
    </row>
    <row r="8242" spans="2:42" x14ac:dyDescent="0.3">
      <c r="B8242">
        <v>65.510535403846134</v>
      </c>
      <c r="C8242" s="83">
        <v>43444.333333333336</v>
      </c>
      <c r="D8242">
        <v>292606.03230000002</v>
      </c>
      <c r="E8242">
        <v>34482.807659999999</v>
      </c>
      <c r="F8242">
        <v>92073.25503</v>
      </c>
      <c r="G8242">
        <v>92575.264299999995</v>
      </c>
      <c r="H8242">
        <v>56865.85802</v>
      </c>
      <c r="I8242">
        <v>50161.061379999999</v>
      </c>
      <c r="J8242">
        <v>32838.291770000003</v>
      </c>
      <c r="K8242">
        <v>60221.473409999999</v>
      </c>
      <c r="L8242">
        <v>27196.019990000001</v>
      </c>
      <c r="M8242">
        <v>334003.2598</v>
      </c>
      <c r="N8242">
        <v>94612.479850000003</v>
      </c>
      <c r="O8242">
        <v>29053.87213</v>
      </c>
      <c r="P8242">
        <v>33885.077340000003</v>
      </c>
      <c r="Q8242">
        <v>92564.956330000001</v>
      </c>
      <c r="R8242">
        <v>24205.779439999998</v>
      </c>
      <c r="S8242">
        <v>124279.45209999999</v>
      </c>
      <c r="T8242">
        <v>37612.488920000003</v>
      </c>
      <c r="U8242">
        <v>30076.337060000002</v>
      </c>
      <c r="W8242" s="83">
        <f>Bühler!N8274</f>
        <v>45635.333333313349</v>
      </c>
      <c r="X8242" s="83">
        <v>43444.333333333336</v>
      </c>
      <c r="Y8242">
        <v>292606.03230000002</v>
      </c>
      <c r="Z8242">
        <v>34482.807659999999</v>
      </c>
      <c r="AA8242">
        <v>92073.25503</v>
      </c>
      <c r="AB8242">
        <v>92575.264299999995</v>
      </c>
      <c r="AC8242">
        <v>56865.85802</v>
      </c>
      <c r="AD8242">
        <v>50161.061379999999</v>
      </c>
      <c r="AE8242">
        <v>32838.291770000003</v>
      </c>
      <c r="AF8242">
        <v>60221.473409999999</v>
      </c>
      <c r="AG8242">
        <v>27196.019990000001</v>
      </c>
      <c r="AH8242">
        <v>334003.2598</v>
      </c>
      <c r="AI8242">
        <v>94612.479850000003</v>
      </c>
      <c r="AJ8242">
        <v>29053.87213</v>
      </c>
      <c r="AK8242">
        <v>33885.077340000003</v>
      </c>
      <c r="AL8242">
        <v>92564.956330000001</v>
      </c>
      <c r="AM8242">
        <v>24205.779439999998</v>
      </c>
      <c r="AN8242">
        <v>124279.45209999999</v>
      </c>
      <c r="AO8242">
        <v>37612.488920000003</v>
      </c>
      <c r="AP8242">
        <v>30076.337060000002</v>
      </c>
    </row>
    <row r="8243" spans="2:42" x14ac:dyDescent="0.3">
      <c r="B8243">
        <v>66.396535466811613</v>
      </c>
      <c r="C8243" s="83">
        <v>43444.375</v>
      </c>
      <c r="D8243">
        <v>295328.72720000002</v>
      </c>
      <c r="E8243">
        <v>37994.498740000003</v>
      </c>
      <c r="F8243">
        <v>97619.015169999999</v>
      </c>
      <c r="G8243">
        <v>103238.6038</v>
      </c>
      <c r="H8243">
        <v>59217.193679999997</v>
      </c>
      <c r="I8243">
        <v>46917.916640000003</v>
      </c>
      <c r="J8243">
        <v>32634.717189999999</v>
      </c>
      <c r="K8243">
        <v>59741.109479999999</v>
      </c>
      <c r="L8243">
        <v>29863.998439999999</v>
      </c>
      <c r="M8243">
        <v>338520.5013</v>
      </c>
      <c r="N8243">
        <v>97389.668220000007</v>
      </c>
      <c r="O8243">
        <v>29283.253990000001</v>
      </c>
      <c r="P8243">
        <v>34377.070269999997</v>
      </c>
      <c r="Q8243">
        <v>94337.267540000001</v>
      </c>
      <c r="R8243">
        <v>23044.86059</v>
      </c>
      <c r="S8243">
        <v>130145.1548</v>
      </c>
      <c r="T8243">
        <v>40364.676370000001</v>
      </c>
      <c r="U8243">
        <v>29682.220519999999</v>
      </c>
      <c r="W8243" s="83">
        <f>Bühler!N8275</f>
        <v>45635.374999980013</v>
      </c>
      <c r="X8243" s="83">
        <v>43444.375</v>
      </c>
      <c r="Y8243">
        <v>295328.72720000002</v>
      </c>
      <c r="Z8243">
        <v>37994.498740000003</v>
      </c>
      <c r="AA8243">
        <v>97619.015169999999</v>
      </c>
      <c r="AB8243">
        <v>103238.6038</v>
      </c>
      <c r="AC8243">
        <v>59217.193679999997</v>
      </c>
      <c r="AD8243">
        <v>46917.916640000003</v>
      </c>
      <c r="AE8243">
        <v>32634.717189999999</v>
      </c>
      <c r="AF8243">
        <v>59741.109479999999</v>
      </c>
      <c r="AG8243">
        <v>29863.998439999999</v>
      </c>
      <c r="AH8243">
        <v>338520.5013</v>
      </c>
      <c r="AI8243">
        <v>97389.668220000007</v>
      </c>
      <c r="AJ8243">
        <v>29283.253990000001</v>
      </c>
      <c r="AK8243">
        <v>34377.070269999997</v>
      </c>
      <c r="AL8243">
        <v>94337.267540000001</v>
      </c>
      <c r="AM8243">
        <v>23044.86059</v>
      </c>
      <c r="AN8243">
        <v>130145.1548</v>
      </c>
      <c r="AO8243">
        <v>40364.676370000001</v>
      </c>
      <c r="AP8243">
        <v>29682.220519999999</v>
      </c>
    </row>
    <row r="8244" spans="2:42" x14ac:dyDescent="0.3">
      <c r="B8244">
        <v>67.561647149734185</v>
      </c>
      <c r="C8244" s="83">
        <v>43444.416666666664</v>
      </c>
      <c r="D8244">
        <v>298723.75819999998</v>
      </c>
      <c r="E8244">
        <v>39294.692430000003</v>
      </c>
      <c r="F8244">
        <v>97706.749979999993</v>
      </c>
      <c r="G8244">
        <v>105145.81230000001</v>
      </c>
      <c r="H8244">
        <v>59398.380080000003</v>
      </c>
      <c r="I8244">
        <v>43454.187149999998</v>
      </c>
      <c r="J8244">
        <v>31426.897519999999</v>
      </c>
      <c r="K8244">
        <v>60692.886050000001</v>
      </c>
      <c r="L8244">
        <v>32059.036479999999</v>
      </c>
      <c r="M8244">
        <v>344460.78399999999</v>
      </c>
      <c r="N8244">
        <v>101406.21859999999</v>
      </c>
      <c r="O8244">
        <v>29433.64169</v>
      </c>
      <c r="P8244">
        <v>35006.719149999997</v>
      </c>
      <c r="Q8244">
        <v>95193.370970000004</v>
      </c>
      <c r="R8244">
        <v>23409.438859999998</v>
      </c>
      <c r="S8244">
        <v>130404.4636</v>
      </c>
      <c r="T8244">
        <v>40771.288910000003</v>
      </c>
      <c r="U8244">
        <v>28822.71818</v>
      </c>
      <c r="W8244" s="83">
        <f>Bühler!N8276</f>
        <v>45635.416666646677</v>
      </c>
      <c r="X8244" s="83">
        <v>43444.416666666664</v>
      </c>
      <c r="Y8244">
        <v>298723.75819999998</v>
      </c>
      <c r="Z8244">
        <v>39294.692430000003</v>
      </c>
      <c r="AA8244">
        <v>97706.749979999993</v>
      </c>
      <c r="AB8244">
        <v>105145.81230000001</v>
      </c>
      <c r="AC8244">
        <v>59398.380080000003</v>
      </c>
      <c r="AD8244">
        <v>43454.187149999998</v>
      </c>
      <c r="AE8244">
        <v>31426.897519999999</v>
      </c>
      <c r="AF8244">
        <v>60692.886050000001</v>
      </c>
      <c r="AG8244">
        <v>32059.036479999999</v>
      </c>
      <c r="AH8244">
        <v>344460.78399999999</v>
      </c>
      <c r="AI8244">
        <v>101406.21859999999</v>
      </c>
      <c r="AJ8244">
        <v>29433.64169</v>
      </c>
      <c r="AK8244">
        <v>35006.719149999997</v>
      </c>
      <c r="AL8244">
        <v>95193.370970000004</v>
      </c>
      <c r="AM8244">
        <v>23409.438859999998</v>
      </c>
      <c r="AN8244">
        <v>130404.4636</v>
      </c>
      <c r="AO8244">
        <v>40771.288910000003</v>
      </c>
      <c r="AP8244">
        <v>28822.71818</v>
      </c>
    </row>
    <row r="8245" spans="2:42" x14ac:dyDescent="0.3">
      <c r="B8245">
        <v>68.128434612116777</v>
      </c>
      <c r="C8245" s="83">
        <v>43444.458333333336</v>
      </c>
      <c r="D8245">
        <v>297490.56</v>
      </c>
      <c r="E8245">
        <v>39133.467190000003</v>
      </c>
      <c r="F8245">
        <v>98690.059110000002</v>
      </c>
      <c r="G8245">
        <v>101845.6563</v>
      </c>
      <c r="H8245">
        <v>58679.216280000001</v>
      </c>
      <c r="I8245">
        <v>42093.380980000002</v>
      </c>
      <c r="J8245">
        <v>31088.971689999998</v>
      </c>
      <c r="K8245">
        <v>66680.973889999994</v>
      </c>
      <c r="L8245">
        <v>33185.630140000001</v>
      </c>
      <c r="M8245">
        <v>347350.53080000001</v>
      </c>
      <c r="N8245">
        <v>99925.164610000007</v>
      </c>
      <c r="O8245">
        <v>28913.72306</v>
      </c>
      <c r="P8245">
        <v>34250.326289999997</v>
      </c>
      <c r="Q8245">
        <v>96231.137669999996</v>
      </c>
      <c r="R8245">
        <v>26954.764739999999</v>
      </c>
      <c r="S8245">
        <v>132718.375</v>
      </c>
      <c r="T8245">
        <v>40365.942450000002</v>
      </c>
      <c r="U8245">
        <v>28260.387340000001</v>
      </c>
      <c r="W8245" s="83">
        <f>Bühler!N8277</f>
        <v>45635.458333313341</v>
      </c>
      <c r="X8245" s="83">
        <v>43444.458333333336</v>
      </c>
      <c r="Y8245">
        <v>297490.56</v>
      </c>
      <c r="Z8245">
        <v>39133.467190000003</v>
      </c>
      <c r="AA8245">
        <v>98690.059110000002</v>
      </c>
      <c r="AB8245">
        <v>101845.6563</v>
      </c>
      <c r="AC8245">
        <v>58679.216280000001</v>
      </c>
      <c r="AD8245">
        <v>42093.380980000002</v>
      </c>
      <c r="AE8245">
        <v>31088.971689999998</v>
      </c>
      <c r="AF8245">
        <v>66680.973889999994</v>
      </c>
      <c r="AG8245">
        <v>33185.630140000001</v>
      </c>
      <c r="AH8245">
        <v>347350.53080000001</v>
      </c>
      <c r="AI8245">
        <v>99925.164610000007</v>
      </c>
      <c r="AJ8245">
        <v>28913.72306</v>
      </c>
      <c r="AK8245">
        <v>34250.326289999997</v>
      </c>
      <c r="AL8245">
        <v>96231.137669999996</v>
      </c>
      <c r="AM8245">
        <v>26954.764739999999</v>
      </c>
      <c r="AN8245">
        <v>132718.375</v>
      </c>
      <c r="AO8245">
        <v>40365.942450000002</v>
      </c>
      <c r="AP8245">
        <v>28260.387340000001</v>
      </c>
    </row>
    <row r="8246" spans="2:42" x14ac:dyDescent="0.3">
      <c r="B8246">
        <v>67.944189284797488</v>
      </c>
      <c r="C8246" s="83">
        <v>43444.5</v>
      </c>
      <c r="D8246">
        <v>284824.82020000002</v>
      </c>
      <c r="E8246">
        <v>36058.880440000001</v>
      </c>
      <c r="F8246">
        <v>92284.851190000001</v>
      </c>
      <c r="G8246">
        <v>100306.776</v>
      </c>
      <c r="H8246">
        <v>55294.389029999998</v>
      </c>
      <c r="I8246">
        <v>40006.516219999998</v>
      </c>
      <c r="J8246">
        <v>31133.74728</v>
      </c>
      <c r="K8246">
        <v>63374.507570000002</v>
      </c>
      <c r="L8246">
        <v>34832.184370000003</v>
      </c>
      <c r="M8246">
        <v>346411.16220000002</v>
      </c>
      <c r="N8246">
        <v>95670.004719999997</v>
      </c>
      <c r="O8246">
        <v>28052.417119999998</v>
      </c>
      <c r="P8246">
        <v>34337.566800000001</v>
      </c>
      <c r="Q8246">
        <v>95881.35527</v>
      </c>
      <c r="R8246">
        <v>26893.751639999999</v>
      </c>
      <c r="S8246">
        <v>123348.0419</v>
      </c>
      <c r="T8246">
        <v>39787.845249999998</v>
      </c>
      <c r="U8246">
        <v>23760.578460000001</v>
      </c>
      <c r="W8246" s="83">
        <f>Bühler!N8278</f>
        <v>45635.499999980006</v>
      </c>
      <c r="X8246" s="83">
        <v>43444.5</v>
      </c>
      <c r="Y8246">
        <v>284824.82020000002</v>
      </c>
      <c r="Z8246">
        <v>36058.880440000001</v>
      </c>
      <c r="AA8246">
        <v>92284.851190000001</v>
      </c>
      <c r="AB8246">
        <v>100306.776</v>
      </c>
      <c r="AC8246">
        <v>55294.389029999998</v>
      </c>
      <c r="AD8246">
        <v>40006.516219999998</v>
      </c>
      <c r="AE8246">
        <v>31133.74728</v>
      </c>
      <c r="AF8246">
        <v>63374.507570000002</v>
      </c>
      <c r="AG8246">
        <v>34832.184370000003</v>
      </c>
      <c r="AH8246">
        <v>346411.16220000002</v>
      </c>
      <c r="AI8246">
        <v>95670.004719999997</v>
      </c>
      <c r="AJ8246">
        <v>28052.417119999998</v>
      </c>
      <c r="AK8246">
        <v>34337.566800000001</v>
      </c>
      <c r="AL8246">
        <v>95881.35527</v>
      </c>
      <c r="AM8246">
        <v>26893.751639999999</v>
      </c>
      <c r="AN8246">
        <v>123348.0419</v>
      </c>
      <c r="AO8246">
        <v>39787.845249999998</v>
      </c>
      <c r="AP8246">
        <v>23760.578460000001</v>
      </c>
    </row>
    <row r="8247" spans="2:42" x14ac:dyDescent="0.3">
      <c r="B8247">
        <v>68.145281442955522</v>
      </c>
      <c r="C8247" s="83">
        <v>43444.541666666664</v>
      </c>
      <c r="D8247">
        <v>287473.4817</v>
      </c>
      <c r="E8247">
        <v>35975.554960000001</v>
      </c>
      <c r="F8247">
        <v>89369.168890000001</v>
      </c>
      <c r="G8247">
        <v>95889.695359999998</v>
      </c>
      <c r="H8247">
        <v>56056.089090000001</v>
      </c>
      <c r="I8247">
        <v>39587.012669999996</v>
      </c>
      <c r="J8247">
        <v>30113.186399999999</v>
      </c>
      <c r="K8247">
        <v>65498.168189999997</v>
      </c>
      <c r="L8247">
        <v>32640.20897</v>
      </c>
      <c r="M8247">
        <v>347436.42379999999</v>
      </c>
      <c r="N8247">
        <v>96056.310559999998</v>
      </c>
      <c r="O8247">
        <v>28433.86908</v>
      </c>
      <c r="P8247">
        <v>33634.327429999998</v>
      </c>
      <c r="Q8247">
        <v>94609.161300000007</v>
      </c>
      <c r="R8247">
        <v>27994.536400000001</v>
      </c>
      <c r="S8247">
        <v>123472.87420000001</v>
      </c>
      <c r="T8247">
        <v>38647.590989999997</v>
      </c>
      <c r="U8247">
        <v>25961.142210000002</v>
      </c>
      <c r="W8247" s="83">
        <f>Bühler!N8279</f>
        <v>45635.54166664667</v>
      </c>
      <c r="X8247" s="83">
        <v>43444.541666666664</v>
      </c>
      <c r="Y8247">
        <v>287473.4817</v>
      </c>
      <c r="Z8247">
        <v>35975.554960000001</v>
      </c>
      <c r="AA8247">
        <v>89369.168890000001</v>
      </c>
      <c r="AB8247">
        <v>95889.695359999998</v>
      </c>
      <c r="AC8247">
        <v>56056.089090000001</v>
      </c>
      <c r="AD8247">
        <v>39587.012669999996</v>
      </c>
      <c r="AE8247">
        <v>30113.186399999999</v>
      </c>
      <c r="AF8247">
        <v>65498.168189999997</v>
      </c>
      <c r="AG8247">
        <v>32640.20897</v>
      </c>
      <c r="AH8247">
        <v>347436.42379999999</v>
      </c>
      <c r="AI8247">
        <v>96056.310559999998</v>
      </c>
      <c r="AJ8247">
        <v>28433.86908</v>
      </c>
      <c r="AK8247">
        <v>33634.327429999998</v>
      </c>
      <c r="AL8247">
        <v>94609.161300000007</v>
      </c>
      <c r="AM8247">
        <v>27994.536400000001</v>
      </c>
      <c r="AN8247">
        <v>123472.87420000001</v>
      </c>
      <c r="AO8247">
        <v>38647.590989999997</v>
      </c>
      <c r="AP8247">
        <v>25961.142210000002</v>
      </c>
    </row>
    <row r="8248" spans="2:42" x14ac:dyDescent="0.3">
      <c r="B8248">
        <v>68.843697507939126</v>
      </c>
      <c r="C8248" s="83">
        <v>43444.583333333336</v>
      </c>
      <c r="D8248">
        <v>291983.0612</v>
      </c>
      <c r="E8248">
        <v>37904.607949999998</v>
      </c>
      <c r="F8248">
        <v>97403.778439999995</v>
      </c>
      <c r="G8248">
        <v>89618.237559999994</v>
      </c>
      <c r="H8248">
        <v>55147.550629999998</v>
      </c>
      <c r="I8248">
        <v>39532.82789</v>
      </c>
      <c r="J8248">
        <v>29617.359479999999</v>
      </c>
      <c r="K8248">
        <v>67158.827059999996</v>
      </c>
      <c r="L8248">
        <v>29071.744330000001</v>
      </c>
      <c r="M8248">
        <v>350997.2746</v>
      </c>
      <c r="N8248">
        <v>96731.13523</v>
      </c>
      <c r="O8248">
        <v>26838.98084</v>
      </c>
      <c r="P8248">
        <v>31829.09347</v>
      </c>
      <c r="Q8248">
        <v>94027.227299999999</v>
      </c>
      <c r="R8248">
        <v>25852.666550000002</v>
      </c>
      <c r="S8248">
        <v>117711.2899</v>
      </c>
      <c r="T8248">
        <v>37041.840389999998</v>
      </c>
      <c r="U8248">
        <v>25192.153880000002</v>
      </c>
      <c r="W8248" s="83">
        <f>Bühler!N8280</f>
        <v>45635.583333313334</v>
      </c>
      <c r="X8248" s="83">
        <v>43444.583333333336</v>
      </c>
      <c r="Y8248">
        <v>291983.0612</v>
      </c>
      <c r="Z8248">
        <v>37904.607949999998</v>
      </c>
      <c r="AA8248">
        <v>97403.778439999995</v>
      </c>
      <c r="AB8248">
        <v>89618.237559999994</v>
      </c>
      <c r="AC8248">
        <v>55147.550629999998</v>
      </c>
      <c r="AD8248">
        <v>39532.82789</v>
      </c>
      <c r="AE8248">
        <v>29617.359479999999</v>
      </c>
      <c r="AF8248">
        <v>67158.827059999996</v>
      </c>
      <c r="AG8248">
        <v>29071.744330000001</v>
      </c>
      <c r="AH8248">
        <v>350997.2746</v>
      </c>
      <c r="AI8248">
        <v>96731.13523</v>
      </c>
      <c r="AJ8248">
        <v>26838.98084</v>
      </c>
      <c r="AK8248">
        <v>31829.09347</v>
      </c>
      <c r="AL8248">
        <v>94027.227299999999</v>
      </c>
      <c r="AM8248">
        <v>25852.666550000002</v>
      </c>
      <c r="AN8248">
        <v>117711.2899</v>
      </c>
      <c r="AO8248">
        <v>37041.840389999998</v>
      </c>
      <c r="AP8248">
        <v>25192.153880000002</v>
      </c>
    </row>
    <row r="8249" spans="2:42" x14ac:dyDescent="0.3">
      <c r="B8249">
        <v>68.4987093130528</v>
      </c>
      <c r="C8249" s="83">
        <v>43444.625</v>
      </c>
      <c r="D8249">
        <v>291313.05050000001</v>
      </c>
      <c r="E8249">
        <v>37390.015549999996</v>
      </c>
      <c r="F8249">
        <v>98442.220069999996</v>
      </c>
      <c r="G8249">
        <v>86647.123730000007</v>
      </c>
      <c r="H8249">
        <v>54068.44109</v>
      </c>
      <c r="I8249">
        <v>40792.385929999997</v>
      </c>
      <c r="J8249">
        <v>29348.407739999999</v>
      </c>
      <c r="K8249">
        <v>65086.223420000002</v>
      </c>
      <c r="L8249">
        <v>27079.896049999999</v>
      </c>
      <c r="M8249">
        <v>349238.3639</v>
      </c>
      <c r="N8249">
        <v>95822.376239999998</v>
      </c>
      <c r="O8249">
        <v>26984.000960000001</v>
      </c>
      <c r="P8249">
        <v>30600.672869999999</v>
      </c>
      <c r="Q8249">
        <v>93193.110350000003</v>
      </c>
      <c r="R8249">
        <v>25347.771680000002</v>
      </c>
      <c r="S8249">
        <v>116299.6862</v>
      </c>
      <c r="T8249">
        <v>36579.045989999999</v>
      </c>
      <c r="U8249">
        <v>24271.10601</v>
      </c>
      <c r="W8249" s="83">
        <f>Bühler!N8281</f>
        <v>45635.624999979998</v>
      </c>
      <c r="X8249" s="83">
        <v>43444.625</v>
      </c>
      <c r="Y8249">
        <v>291313.05050000001</v>
      </c>
      <c r="Z8249">
        <v>37390.015549999996</v>
      </c>
      <c r="AA8249">
        <v>98442.220069999996</v>
      </c>
      <c r="AB8249">
        <v>86647.123730000007</v>
      </c>
      <c r="AC8249">
        <v>54068.44109</v>
      </c>
      <c r="AD8249">
        <v>40792.385929999997</v>
      </c>
      <c r="AE8249">
        <v>29348.407739999999</v>
      </c>
      <c r="AF8249">
        <v>65086.223420000002</v>
      </c>
      <c r="AG8249">
        <v>27079.896049999999</v>
      </c>
      <c r="AH8249">
        <v>349238.3639</v>
      </c>
      <c r="AI8249">
        <v>95822.376239999998</v>
      </c>
      <c r="AJ8249">
        <v>26984.000960000001</v>
      </c>
      <c r="AK8249">
        <v>30600.672869999999</v>
      </c>
      <c r="AL8249">
        <v>93193.110350000003</v>
      </c>
      <c r="AM8249">
        <v>25347.771680000002</v>
      </c>
      <c r="AN8249">
        <v>116299.6862</v>
      </c>
      <c r="AO8249">
        <v>36579.045989999999</v>
      </c>
      <c r="AP8249">
        <v>24271.10601</v>
      </c>
    </row>
    <row r="8250" spans="2:42" x14ac:dyDescent="0.3">
      <c r="B8250">
        <v>67.755305484177811</v>
      </c>
      <c r="C8250" s="83">
        <v>43444.666666666664</v>
      </c>
      <c r="D8250">
        <v>284871.8248</v>
      </c>
      <c r="E8250">
        <v>37009.706299999998</v>
      </c>
      <c r="F8250">
        <v>97316.461679999993</v>
      </c>
      <c r="G8250">
        <v>84946.406289999999</v>
      </c>
      <c r="H8250">
        <v>53067.546739999998</v>
      </c>
      <c r="I8250">
        <v>43072.823819999998</v>
      </c>
      <c r="J8250">
        <v>29449.474310000001</v>
      </c>
      <c r="K8250">
        <v>61935.705260000002</v>
      </c>
      <c r="L8250">
        <v>26494.69398</v>
      </c>
      <c r="M8250">
        <v>345448.14449999999</v>
      </c>
      <c r="N8250">
        <v>93888.759160000001</v>
      </c>
      <c r="O8250">
        <v>26832.132819999999</v>
      </c>
      <c r="P8250">
        <v>30419.812620000001</v>
      </c>
      <c r="Q8250">
        <v>93019.646689999994</v>
      </c>
      <c r="R8250">
        <v>24970.910980000001</v>
      </c>
      <c r="S8250">
        <v>114223.1382</v>
      </c>
      <c r="T8250">
        <v>36705.297809999996</v>
      </c>
      <c r="U8250">
        <v>23508.636159999998</v>
      </c>
      <c r="W8250" s="83">
        <f>Bühler!N8282</f>
        <v>45635.666666646663</v>
      </c>
      <c r="X8250" s="83">
        <v>43444.666666666664</v>
      </c>
      <c r="Y8250">
        <v>284871.8248</v>
      </c>
      <c r="Z8250">
        <v>37009.706299999998</v>
      </c>
      <c r="AA8250">
        <v>97316.461679999993</v>
      </c>
      <c r="AB8250">
        <v>84946.406289999999</v>
      </c>
      <c r="AC8250">
        <v>53067.546739999998</v>
      </c>
      <c r="AD8250">
        <v>43072.823819999998</v>
      </c>
      <c r="AE8250">
        <v>29449.474310000001</v>
      </c>
      <c r="AF8250">
        <v>61935.705260000002</v>
      </c>
      <c r="AG8250">
        <v>26494.69398</v>
      </c>
      <c r="AH8250">
        <v>345448.14449999999</v>
      </c>
      <c r="AI8250">
        <v>93888.759160000001</v>
      </c>
      <c r="AJ8250">
        <v>26832.132819999999</v>
      </c>
      <c r="AK8250">
        <v>30419.812620000001</v>
      </c>
      <c r="AL8250">
        <v>93019.646689999994</v>
      </c>
      <c r="AM8250">
        <v>24970.910980000001</v>
      </c>
      <c r="AN8250">
        <v>114223.1382</v>
      </c>
      <c r="AO8250">
        <v>36705.297809999996</v>
      </c>
      <c r="AP8250">
        <v>23508.636159999998</v>
      </c>
    </row>
    <row r="8251" spans="2:42" x14ac:dyDescent="0.3">
      <c r="B8251">
        <v>67.299905106049707</v>
      </c>
      <c r="C8251" s="83">
        <v>43444.708333333336</v>
      </c>
      <c r="D8251">
        <v>276263.99849999999</v>
      </c>
      <c r="E8251">
        <v>35956.784699999997</v>
      </c>
      <c r="F8251">
        <v>99010.033850000007</v>
      </c>
      <c r="G8251">
        <v>79096.908979999993</v>
      </c>
      <c r="H8251">
        <v>53783.635629999997</v>
      </c>
      <c r="I8251">
        <v>43344.183319999996</v>
      </c>
      <c r="J8251">
        <v>31969.681369999998</v>
      </c>
      <c r="K8251">
        <v>56015.749210000002</v>
      </c>
      <c r="L8251">
        <v>27609.53211</v>
      </c>
      <c r="M8251">
        <v>343126.30099999998</v>
      </c>
      <c r="N8251">
        <v>90107.523220000003</v>
      </c>
      <c r="O8251">
        <v>26014.767019999999</v>
      </c>
      <c r="P8251">
        <v>33273.991620000001</v>
      </c>
      <c r="Q8251">
        <v>92430.997390000004</v>
      </c>
      <c r="R8251">
        <v>24545.691019999998</v>
      </c>
      <c r="S8251">
        <v>116236.99980000001</v>
      </c>
      <c r="T8251">
        <v>39600.512820000004</v>
      </c>
      <c r="U8251">
        <v>22950.252639999999</v>
      </c>
      <c r="W8251" s="83">
        <f>Bühler!N8283</f>
        <v>45635.708333313327</v>
      </c>
      <c r="X8251" s="83">
        <v>43444.708333333336</v>
      </c>
      <c r="Y8251">
        <v>276263.99849999999</v>
      </c>
      <c r="Z8251">
        <v>35956.784699999997</v>
      </c>
      <c r="AA8251">
        <v>99010.033850000007</v>
      </c>
      <c r="AB8251">
        <v>79096.908979999993</v>
      </c>
      <c r="AC8251">
        <v>53783.635629999997</v>
      </c>
      <c r="AD8251">
        <v>43344.183319999996</v>
      </c>
      <c r="AE8251">
        <v>31969.681369999998</v>
      </c>
      <c r="AF8251">
        <v>56015.749210000002</v>
      </c>
      <c r="AG8251">
        <v>27609.53211</v>
      </c>
      <c r="AH8251">
        <v>343126.30099999998</v>
      </c>
      <c r="AI8251">
        <v>90107.523220000003</v>
      </c>
      <c r="AJ8251">
        <v>26014.767019999999</v>
      </c>
      <c r="AK8251">
        <v>33273.991620000001</v>
      </c>
      <c r="AL8251">
        <v>92430.997390000004</v>
      </c>
      <c r="AM8251">
        <v>24545.691019999998</v>
      </c>
      <c r="AN8251">
        <v>116236.99980000001</v>
      </c>
      <c r="AO8251">
        <v>39600.512820000004</v>
      </c>
      <c r="AP8251">
        <v>22950.252639999999</v>
      </c>
    </row>
    <row r="8252" spans="2:42" x14ac:dyDescent="0.3">
      <c r="B8252">
        <v>65.824923867453251</v>
      </c>
      <c r="C8252" s="83">
        <v>43444.75</v>
      </c>
      <c r="D8252">
        <v>269370.49119999999</v>
      </c>
      <c r="E8252">
        <v>32089.15871</v>
      </c>
      <c r="F8252">
        <v>95074.700889999993</v>
      </c>
      <c r="G8252">
        <v>68907.785459999999</v>
      </c>
      <c r="H8252">
        <v>50675.367789999997</v>
      </c>
      <c r="I8252">
        <v>41894.695229999998</v>
      </c>
      <c r="J8252">
        <v>31931.08093</v>
      </c>
      <c r="K8252">
        <v>49518.192770000001</v>
      </c>
      <c r="L8252">
        <v>28822.784350000002</v>
      </c>
      <c r="M8252">
        <v>335606.15879999998</v>
      </c>
      <c r="N8252">
        <v>87186.760290000006</v>
      </c>
      <c r="O8252">
        <v>24869.955689999999</v>
      </c>
      <c r="P8252">
        <v>35553.542159999997</v>
      </c>
      <c r="Q8252">
        <v>90771.230049999998</v>
      </c>
      <c r="R8252">
        <v>20697.340359999998</v>
      </c>
      <c r="S8252">
        <v>108377.2623</v>
      </c>
      <c r="T8252">
        <v>39899.795570000002</v>
      </c>
      <c r="U8252">
        <v>20539.355629999998</v>
      </c>
      <c r="W8252" s="83">
        <f>Bühler!N8284</f>
        <v>45635.749999979991</v>
      </c>
      <c r="X8252" s="83">
        <v>43444.75</v>
      </c>
      <c r="Y8252">
        <v>269370.49119999999</v>
      </c>
      <c r="Z8252">
        <v>32089.15871</v>
      </c>
      <c r="AA8252">
        <v>95074.700889999993</v>
      </c>
      <c r="AB8252">
        <v>68907.785459999999</v>
      </c>
      <c r="AC8252">
        <v>50675.367789999997</v>
      </c>
      <c r="AD8252">
        <v>41894.695229999998</v>
      </c>
      <c r="AE8252">
        <v>31931.08093</v>
      </c>
      <c r="AF8252">
        <v>49518.192770000001</v>
      </c>
      <c r="AG8252">
        <v>28822.784350000002</v>
      </c>
      <c r="AH8252">
        <v>335606.15879999998</v>
      </c>
      <c r="AI8252">
        <v>87186.760290000006</v>
      </c>
      <c r="AJ8252">
        <v>24869.955689999999</v>
      </c>
      <c r="AK8252">
        <v>35553.542159999997</v>
      </c>
      <c r="AL8252">
        <v>90771.230049999998</v>
      </c>
      <c r="AM8252">
        <v>20697.340359999998</v>
      </c>
      <c r="AN8252">
        <v>108377.2623</v>
      </c>
      <c r="AO8252">
        <v>39899.795570000002</v>
      </c>
      <c r="AP8252">
        <v>20539.355629999998</v>
      </c>
    </row>
    <row r="8253" spans="2:42" x14ac:dyDescent="0.3">
      <c r="B8253">
        <v>64.69369431464861</v>
      </c>
      <c r="C8253" s="83">
        <v>43444.791666666664</v>
      </c>
      <c r="D8253">
        <v>263451.85600000003</v>
      </c>
      <c r="E8253">
        <v>26570.924500000001</v>
      </c>
      <c r="F8253">
        <v>80684.682790000006</v>
      </c>
      <c r="G8253">
        <v>60538.20278</v>
      </c>
      <c r="H8253">
        <v>47282.369400000003</v>
      </c>
      <c r="I8253">
        <v>38093.435769999996</v>
      </c>
      <c r="J8253">
        <v>30988.682479999999</v>
      </c>
      <c r="K8253">
        <v>49291.181380000002</v>
      </c>
      <c r="L8253">
        <v>29233.416560000001</v>
      </c>
      <c r="M8253">
        <v>329838.62300000002</v>
      </c>
      <c r="N8253">
        <v>86053.902430000002</v>
      </c>
      <c r="O8253">
        <v>23614.014179999998</v>
      </c>
      <c r="P8253">
        <v>36831.962339999998</v>
      </c>
      <c r="Q8253">
        <v>89620.009489999997</v>
      </c>
      <c r="R8253">
        <v>19763.682639999999</v>
      </c>
      <c r="S8253">
        <v>102042.26880000001</v>
      </c>
      <c r="T8253">
        <v>39093.52852</v>
      </c>
      <c r="U8253">
        <v>19068.86191</v>
      </c>
      <c r="W8253" s="83">
        <f>Bühler!N8285</f>
        <v>45635.791666646655</v>
      </c>
      <c r="X8253" s="83">
        <v>43444.791666666664</v>
      </c>
      <c r="Y8253">
        <v>263451.85600000003</v>
      </c>
      <c r="Z8253">
        <v>26570.924500000001</v>
      </c>
      <c r="AA8253">
        <v>80684.682790000006</v>
      </c>
      <c r="AB8253">
        <v>60538.20278</v>
      </c>
      <c r="AC8253">
        <v>47282.369400000003</v>
      </c>
      <c r="AD8253">
        <v>38093.435769999996</v>
      </c>
      <c r="AE8253">
        <v>30988.682479999999</v>
      </c>
      <c r="AF8253">
        <v>49291.181380000002</v>
      </c>
      <c r="AG8253">
        <v>29233.416560000001</v>
      </c>
      <c r="AH8253">
        <v>329838.62300000002</v>
      </c>
      <c r="AI8253">
        <v>86053.902430000002</v>
      </c>
      <c r="AJ8253">
        <v>23614.014179999998</v>
      </c>
      <c r="AK8253">
        <v>36831.962339999998</v>
      </c>
      <c r="AL8253">
        <v>89620.009489999997</v>
      </c>
      <c r="AM8253">
        <v>19763.682639999999</v>
      </c>
      <c r="AN8253">
        <v>102042.26880000001</v>
      </c>
      <c r="AO8253">
        <v>39093.52852</v>
      </c>
      <c r="AP8253">
        <v>19068.86191</v>
      </c>
    </row>
    <row r="8254" spans="2:42" x14ac:dyDescent="0.3">
      <c r="B8254">
        <v>63.376377272711665</v>
      </c>
      <c r="C8254" s="83">
        <v>43444.833333333336</v>
      </c>
      <c r="D8254">
        <v>253270.201</v>
      </c>
      <c r="E8254">
        <v>20274.06972</v>
      </c>
      <c r="F8254">
        <v>64084.656600000002</v>
      </c>
      <c r="G8254">
        <v>52715.053160000003</v>
      </c>
      <c r="H8254">
        <v>44554.664720000001</v>
      </c>
      <c r="I8254">
        <v>34469.607499999998</v>
      </c>
      <c r="J8254">
        <v>30023.815589999998</v>
      </c>
      <c r="K8254">
        <v>55374.842920000003</v>
      </c>
      <c r="L8254">
        <v>27722.210159999999</v>
      </c>
      <c r="M8254">
        <v>323122.32640000002</v>
      </c>
      <c r="N8254">
        <v>83247.573999999993</v>
      </c>
      <c r="O8254">
        <v>22831.66444</v>
      </c>
      <c r="P8254">
        <v>36812.890769999998</v>
      </c>
      <c r="Q8254">
        <v>86805.543959999995</v>
      </c>
      <c r="R8254">
        <v>21348.46862</v>
      </c>
      <c r="S8254">
        <v>92568.666540000006</v>
      </c>
      <c r="T8254">
        <v>36785.390169999999</v>
      </c>
      <c r="U8254">
        <v>18104.250039999999</v>
      </c>
      <c r="W8254" s="83">
        <f>Bühler!N8286</f>
        <v>45635.83333331332</v>
      </c>
      <c r="X8254" s="83">
        <v>43444.833333333336</v>
      </c>
      <c r="Y8254">
        <v>253270.201</v>
      </c>
      <c r="Z8254">
        <v>20274.06972</v>
      </c>
      <c r="AA8254">
        <v>64084.656600000002</v>
      </c>
      <c r="AB8254">
        <v>52715.053160000003</v>
      </c>
      <c r="AC8254">
        <v>44554.664720000001</v>
      </c>
      <c r="AD8254">
        <v>34469.607499999998</v>
      </c>
      <c r="AE8254">
        <v>30023.815589999998</v>
      </c>
      <c r="AF8254">
        <v>55374.842920000003</v>
      </c>
      <c r="AG8254">
        <v>27722.210159999999</v>
      </c>
      <c r="AH8254">
        <v>323122.32640000002</v>
      </c>
      <c r="AI8254">
        <v>83247.573999999993</v>
      </c>
      <c r="AJ8254">
        <v>22831.66444</v>
      </c>
      <c r="AK8254">
        <v>36812.890769999998</v>
      </c>
      <c r="AL8254">
        <v>86805.543959999995</v>
      </c>
      <c r="AM8254">
        <v>21348.46862</v>
      </c>
      <c r="AN8254">
        <v>92568.666540000006</v>
      </c>
      <c r="AO8254">
        <v>36785.390169999999</v>
      </c>
      <c r="AP8254">
        <v>18104.250039999999</v>
      </c>
    </row>
    <row r="8255" spans="2:42" x14ac:dyDescent="0.3">
      <c r="B8255">
        <v>61.45220726902442</v>
      </c>
      <c r="C8255" s="83">
        <v>43444.875</v>
      </c>
      <c r="D8255">
        <v>243879.90659999999</v>
      </c>
      <c r="E8255">
        <v>17416.283029999999</v>
      </c>
      <c r="F8255">
        <v>56299.033620000002</v>
      </c>
      <c r="G8255">
        <v>49050.156849999999</v>
      </c>
      <c r="H8255">
        <v>42240.572970000001</v>
      </c>
      <c r="I8255">
        <v>29287.6669</v>
      </c>
      <c r="J8255">
        <v>28768.097379999999</v>
      </c>
      <c r="K8255">
        <v>53124.929830000001</v>
      </c>
      <c r="L8255">
        <v>25571.866720000002</v>
      </c>
      <c r="M8255">
        <v>313312.01040000003</v>
      </c>
      <c r="N8255">
        <v>80492.443039999998</v>
      </c>
      <c r="O8255">
        <v>21981.974429999998</v>
      </c>
      <c r="P8255">
        <v>35573.847609999997</v>
      </c>
      <c r="Q8255">
        <v>85059.789449999997</v>
      </c>
      <c r="R8255">
        <v>19896.61636</v>
      </c>
      <c r="S8255">
        <v>87203.9182</v>
      </c>
      <c r="T8255">
        <v>33917.786099999998</v>
      </c>
      <c r="U8255">
        <v>16380.351790000001</v>
      </c>
      <c r="W8255" s="83">
        <f>Bühler!N8287</f>
        <v>45635.874999979984</v>
      </c>
      <c r="X8255" s="83">
        <v>43444.875</v>
      </c>
      <c r="Y8255">
        <v>243879.90659999999</v>
      </c>
      <c r="Z8255">
        <v>17416.283029999999</v>
      </c>
      <c r="AA8255">
        <v>56299.033620000002</v>
      </c>
      <c r="AB8255">
        <v>49050.156849999999</v>
      </c>
      <c r="AC8255">
        <v>42240.572970000001</v>
      </c>
      <c r="AD8255">
        <v>29287.6669</v>
      </c>
      <c r="AE8255">
        <v>28768.097379999999</v>
      </c>
      <c r="AF8255">
        <v>53124.929830000001</v>
      </c>
      <c r="AG8255">
        <v>25571.866720000002</v>
      </c>
      <c r="AH8255">
        <v>313312.01040000003</v>
      </c>
      <c r="AI8255">
        <v>80492.443039999998</v>
      </c>
      <c r="AJ8255">
        <v>21981.974429999998</v>
      </c>
      <c r="AK8255">
        <v>35573.847609999997</v>
      </c>
      <c r="AL8255">
        <v>85059.789449999997</v>
      </c>
      <c r="AM8255">
        <v>19896.61636</v>
      </c>
      <c r="AN8255">
        <v>87203.9182</v>
      </c>
      <c r="AO8255">
        <v>33917.786099999998</v>
      </c>
      <c r="AP8255">
        <v>16380.351790000001</v>
      </c>
    </row>
    <row r="8256" spans="2:42" x14ac:dyDescent="0.3">
      <c r="B8256">
        <v>61.550046985233791</v>
      </c>
      <c r="C8256" s="83">
        <v>43444.916666666664</v>
      </c>
      <c r="D8256">
        <v>242702.64540000001</v>
      </c>
      <c r="E8256">
        <v>16775.230520000001</v>
      </c>
      <c r="F8256">
        <v>53970.082280000002</v>
      </c>
      <c r="G8256">
        <v>46187.571089999998</v>
      </c>
      <c r="H8256">
        <v>40978.993949999996</v>
      </c>
      <c r="I8256">
        <v>27436.705539999999</v>
      </c>
      <c r="J8256">
        <v>27932.067050000001</v>
      </c>
      <c r="K8256">
        <v>55053.885540000003</v>
      </c>
      <c r="L8256">
        <v>23706.143550000001</v>
      </c>
      <c r="M8256">
        <v>313810.84289999999</v>
      </c>
      <c r="N8256">
        <v>79541.099990000002</v>
      </c>
      <c r="O8256">
        <v>22431.367030000001</v>
      </c>
      <c r="P8256">
        <v>38120.185680000002</v>
      </c>
      <c r="Q8256">
        <v>84415.011629999994</v>
      </c>
      <c r="R8256">
        <v>26307.934229999999</v>
      </c>
      <c r="S8256">
        <v>85520.952350000007</v>
      </c>
      <c r="T8256">
        <v>30054.208210000001</v>
      </c>
      <c r="U8256">
        <v>16952.088210000002</v>
      </c>
      <c r="W8256" s="83">
        <f>Bühler!N8288</f>
        <v>45635.916666646648</v>
      </c>
      <c r="X8256" s="83">
        <v>43444.916666666664</v>
      </c>
      <c r="Y8256">
        <v>242702.64540000001</v>
      </c>
      <c r="Z8256">
        <v>16775.230520000001</v>
      </c>
      <c r="AA8256">
        <v>53970.082280000002</v>
      </c>
      <c r="AB8256">
        <v>46187.571089999998</v>
      </c>
      <c r="AC8256">
        <v>40978.993949999996</v>
      </c>
      <c r="AD8256">
        <v>27436.705539999999</v>
      </c>
      <c r="AE8256">
        <v>27932.067050000001</v>
      </c>
      <c r="AF8256">
        <v>55053.885540000003</v>
      </c>
      <c r="AG8256">
        <v>23706.143550000001</v>
      </c>
      <c r="AH8256">
        <v>313810.84289999999</v>
      </c>
      <c r="AI8256">
        <v>79541.099990000002</v>
      </c>
      <c r="AJ8256">
        <v>22431.367030000001</v>
      </c>
      <c r="AK8256">
        <v>38120.185680000002</v>
      </c>
      <c r="AL8256">
        <v>84415.011629999994</v>
      </c>
      <c r="AM8256">
        <v>26307.934229999999</v>
      </c>
      <c r="AN8256">
        <v>85520.952350000007</v>
      </c>
      <c r="AO8256">
        <v>30054.208210000001</v>
      </c>
      <c r="AP8256">
        <v>16952.088210000002</v>
      </c>
    </row>
    <row r="8257" spans="2:42" x14ac:dyDescent="0.3">
      <c r="B8257">
        <v>60.940157443664845</v>
      </c>
      <c r="C8257" s="83">
        <v>43444.958333333336</v>
      </c>
      <c r="D8257">
        <v>243087.8124</v>
      </c>
      <c r="E8257">
        <v>16501.890070000001</v>
      </c>
      <c r="F8257">
        <v>52503.051359999998</v>
      </c>
      <c r="G8257">
        <v>44335.868130000003</v>
      </c>
      <c r="H8257">
        <v>39812.116900000001</v>
      </c>
      <c r="I8257">
        <v>25780.72464</v>
      </c>
      <c r="J8257">
        <v>26443.817719999999</v>
      </c>
      <c r="K8257">
        <v>53432.66936</v>
      </c>
      <c r="L8257">
        <v>20243.196400000001</v>
      </c>
      <c r="M8257">
        <v>310701.34159999999</v>
      </c>
      <c r="N8257">
        <v>78540.878410000005</v>
      </c>
      <c r="O8257">
        <v>22411.17337</v>
      </c>
      <c r="P8257">
        <v>34612.223919999997</v>
      </c>
      <c r="Q8257">
        <v>84402.630139999994</v>
      </c>
      <c r="R8257">
        <v>25377.52348</v>
      </c>
      <c r="S8257">
        <v>83895.773010000004</v>
      </c>
      <c r="T8257">
        <v>31175.16948</v>
      </c>
      <c r="U8257">
        <v>16337.61627</v>
      </c>
      <c r="W8257" s="83">
        <f>Bühler!N8289</f>
        <v>45635.958333313312</v>
      </c>
      <c r="X8257" s="83">
        <v>43444.958333333336</v>
      </c>
      <c r="Y8257">
        <v>243087.8124</v>
      </c>
      <c r="Z8257">
        <v>16501.890070000001</v>
      </c>
      <c r="AA8257">
        <v>52503.051359999998</v>
      </c>
      <c r="AB8257">
        <v>44335.868130000003</v>
      </c>
      <c r="AC8257">
        <v>39812.116900000001</v>
      </c>
      <c r="AD8257">
        <v>25780.72464</v>
      </c>
      <c r="AE8257">
        <v>26443.817719999999</v>
      </c>
      <c r="AF8257">
        <v>53432.66936</v>
      </c>
      <c r="AG8257">
        <v>20243.196400000001</v>
      </c>
      <c r="AH8257">
        <v>310701.34159999999</v>
      </c>
      <c r="AI8257">
        <v>78540.878410000005</v>
      </c>
      <c r="AJ8257">
        <v>22411.17337</v>
      </c>
      <c r="AK8257">
        <v>34612.223919999997</v>
      </c>
      <c r="AL8257">
        <v>84402.630139999994</v>
      </c>
      <c r="AM8257">
        <v>25377.52348</v>
      </c>
      <c r="AN8257">
        <v>83895.773010000004</v>
      </c>
      <c r="AO8257">
        <v>31175.16948</v>
      </c>
      <c r="AP8257">
        <v>16337.61627</v>
      </c>
    </row>
    <row r="8258" spans="2:42" x14ac:dyDescent="0.3">
      <c r="B8258">
        <v>60.759047569034223</v>
      </c>
      <c r="C8258" s="83">
        <v>43445</v>
      </c>
      <c r="D8258">
        <v>242461.61369999999</v>
      </c>
      <c r="E8258">
        <v>16222.47047</v>
      </c>
      <c r="F8258">
        <v>52208.915540000002</v>
      </c>
      <c r="G8258">
        <v>43616.048510000001</v>
      </c>
      <c r="H8258">
        <v>39687.709719999999</v>
      </c>
      <c r="I8258">
        <v>23878.917010000001</v>
      </c>
      <c r="J8258">
        <v>25415.709900000002</v>
      </c>
      <c r="K8258">
        <v>51818.098879999998</v>
      </c>
      <c r="L8258">
        <v>18721.008849999998</v>
      </c>
      <c r="M8258">
        <v>309777.95899999997</v>
      </c>
      <c r="N8258">
        <v>78166.185519999999</v>
      </c>
      <c r="O8258">
        <v>22388.559130000001</v>
      </c>
      <c r="P8258">
        <v>32300.496589999999</v>
      </c>
      <c r="Q8258">
        <v>84610.555479999995</v>
      </c>
      <c r="R8258">
        <v>24893.77692</v>
      </c>
      <c r="S8258">
        <v>82627.692009999999</v>
      </c>
      <c r="T8258">
        <v>29210.797890000002</v>
      </c>
      <c r="U8258">
        <v>16493.353220000001</v>
      </c>
      <c r="W8258" s="83">
        <f>Bühler!N8290</f>
        <v>45635.999999979977</v>
      </c>
      <c r="X8258" s="83">
        <v>43445</v>
      </c>
      <c r="Y8258">
        <v>242461.61369999999</v>
      </c>
      <c r="Z8258">
        <v>16222.47047</v>
      </c>
      <c r="AA8258">
        <v>52208.915540000002</v>
      </c>
      <c r="AB8258">
        <v>43616.048510000001</v>
      </c>
      <c r="AC8258">
        <v>39687.709719999999</v>
      </c>
      <c r="AD8258">
        <v>23878.917010000001</v>
      </c>
      <c r="AE8258">
        <v>25415.709900000002</v>
      </c>
      <c r="AF8258">
        <v>51818.098879999998</v>
      </c>
      <c r="AG8258">
        <v>18721.008849999998</v>
      </c>
      <c r="AH8258">
        <v>309777.95899999997</v>
      </c>
      <c r="AI8258">
        <v>78166.185519999999</v>
      </c>
      <c r="AJ8258">
        <v>22388.559130000001</v>
      </c>
      <c r="AK8258">
        <v>32300.496589999999</v>
      </c>
      <c r="AL8258">
        <v>84610.555479999995</v>
      </c>
      <c r="AM8258">
        <v>24893.77692</v>
      </c>
      <c r="AN8258">
        <v>82627.692009999999</v>
      </c>
      <c r="AO8258">
        <v>29210.797890000002</v>
      </c>
      <c r="AP8258">
        <v>16493.353220000001</v>
      </c>
    </row>
    <row r="8259" spans="2:42" x14ac:dyDescent="0.3">
      <c r="B8259">
        <v>60.740805024362587</v>
      </c>
      <c r="C8259" s="83">
        <v>43445.041666666664</v>
      </c>
      <c r="D8259">
        <v>240939.10320000001</v>
      </c>
      <c r="E8259">
        <v>16466.522659999999</v>
      </c>
      <c r="F8259">
        <v>53116.801850000003</v>
      </c>
      <c r="G8259">
        <v>42815.466990000001</v>
      </c>
      <c r="H8259">
        <v>39172.950389999998</v>
      </c>
      <c r="I8259">
        <v>20130.60627</v>
      </c>
      <c r="J8259">
        <v>25070.425360000001</v>
      </c>
      <c r="K8259">
        <v>50921.864809999999</v>
      </c>
      <c r="L8259">
        <v>18513.220020000001</v>
      </c>
      <c r="M8259">
        <v>309684.95</v>
      </c>
      <c r="N8259">
        <v>77328.874100000001</v>
      </c>
      <c r="O8259">
        <v>22570.104950000001</v>
      </c>
      <c r="P8259">
        <v>30274.159500000002</v>
      </c>
      <c r="Q8259">
        <v>85625.515230000005</v>
      </c>
      <c r="R8259">
        <v>24095.326069999999</v>
      </c>
      <c r="S8259">
        <v>82164.519830000005</v>
      </c>
      <c r="T8259">
        <v>28632.171900000001</v>
      </c>
      <c r="U8259">
        <v>17155.302930000002</v>
      </c>
      <c r="W8259" s="83">
        <f>Bühler!N8291</f>
        <v>45636.041666646641</v>
      </c>
      <c r="X8259" s="83">
        <v>43445.041666666664</v>
      </c>
      <c r="Y8259">
        <v>240939.10320000001</v>
      </c>
      <c r="Z8259">
        <v>16466.522659999999</v>
      </c>
      <c r="AA8259">
        <v>53116.801850000003</v>
      </c>
      <c r="AB8259">
        <v>42815.466990000001</v>
      </c>
      <c r="AC8259">
        <v>39172.950389999998</v>
      </c>
      <c r="AD8259">
        <v>20130.60627</v>
      </c>
      <c r="AE8259">
        <v>25070.425360000001</v>
      </c>
      <c r="AF8259">
        <v>50921.864809999999</v>
      </c>
      <c r="AG8259">
        <v>18513.220020000001</v>
      </c>
      <c r="AH8259">
        <v>309684.95</v>
      </c>
      <c r="AI8259">
        <v>77328.874100000001</v>
      </c>
      <c r="AJ8259">
        <v>22570.104950000001</v>
      </c>
      <c r="AK8259">
        <v>30274.159500000002</v>
      </c>
      <c r="AL8259">
        <v>85625.515230000005</v>
      </c>
      <c r="AM8259">
        <v>24095.326069999999</v>
      </c>
      <c r="AN8259">
        <v>82164.519830000005</v>
      </c>
      <c r="AO8259">
        <v>28632.171900000001</v>
      </c>
      <c r="AP8259">
        <v>17155.302930000002</v>
      </c>
    </row>
    <row r="8260" spans="2:42" x14ac:dyDescent="0.3">
      <c r="B8260">
        <v>61.555055491378056</v>
      </c>
      <c r="C8260" s="83">
        <v>43445.083333333336</v>
      </c>
      <c r="D8260">
        <v>240669.89480000001</v>
      </c>
      <c r="E8260">
        <v>16438.746319999998</v>
      </c>
      <c r="F8260">
        <v>53520.371090000001</v>
      </c>
      <c r="G8260">
        <v>42651.37012</v>
      </c>
      <c r="H8260">
        <v>39150.874170000003</v>
      </c>
      <c r="I8260">
        <v>18473.238280000001</v>
      </c>
      <c r="J8260">
        <v>24620.879570000001</v>
      </c>
      <c r="K8260">
        <v>49812.948450000004</v>
      </c>
      <c r="L8260">
        <v>17961.539550000001</v>
      </c>
      <c r="M8260">
        <v>313836.3786</v>
      </c>
      <c r="N8260">
        <v>76930.501569999993</v>
      </c>
      <c r="O8260">
        <v>22502.906230000001</v>
      </c>
      <c r="P8260">
        <v>29547.55111</v>
      </c>
      <c r="Q8260">
        <v>86937.679319999996</v>
      </c>
      <c r="R8260">
        <v>24051.745620000002</v>
      </c>
      <c r="S8260">
        <v>81154.391529999994</v>
      </c>
      <c r="T8260">
        <v>28336.401109999999</v>
      </c>
      <c r="U8260">
        <v>17137.257740000001</v>
      </c>
      <c r="W8260" s="83">
        <f>Bühler!N8292</f>
        <v>45636.083333313305</v>
      </c>
      <c r="X8260" s="83">
        <v>43445.083333333336</v>
      </c>
      <c r="Y8260">
        <v>240669.89480000001</v>
      </c>
      <c r="Z8260">
        <v>16438.746319999998</v>
      </c>
      <c r="AA8260">
        <v>53520.371090000001</v>
      </c>
      <c r="AB8260">
        <v>42651.37012</v>
      </c>
      <c r="AC8260">
        <v>39150.874170000003</v>
      </c>
      <c r="AD8260">
        <v>18473.238280000001</v>
      </c>
      <c r="AE8260">
        <v>24620.879570000001</v>
      </c>
      <c r="AF8260">
        <v>49812.948450000004</v>
      </c>
      <c r="AG8260">
        <v>17961.539550000001</v>
      </c>
      <c r="AH8260">
        <v>313836.3786</v>
      </c>
      <c r="AI8260">
        <v>76930.501569999993</v>
      </c>
      <c r="AJ8260">
        <v>22502.906230000001</v>
      </c>
      <c r="AK8260">
        <v>29547.55111</v>
      </c>
      <c r="AL8260">
        <v>86937.679319999996</v>
      </c>
      <c r="AM8260">
        <v>24051.745620000002</v>
      </c>
      <c r="AN8260">
        <v>81154.391529999994</v>
      </c>
      <c r="AO8260">
        <v>28336.401109999999</v>
      </c>
      <c r="AP8260">
        <v>17137.257740000001</v>
      </c>
    </row>
    <row r="8261" spans="2:42" x14ac:dyDescent="0.3">
      <c r="B8261">
        <v>61.710508925183802</v>
      </c>
      <c r="C8261" s="83">
        <v>43445.125</v>
      </c>
      <c r="D8261">
        <v>242551.82329999999</v>
      </c>
      <c r="E8261">
        <v>16578.999540000001</v>
      </c>
      <c r="F8261">
        <v>54232.918120000002</v>
      </c>
      <c r="G8261">
        <v>42000.491159999998</v>
      </c>
      <c r="H8261">
        <v>39107.66921</v>
      </c>
      <c r="I8261">
        <v>18463.92123</v>
      </c>
      <c r="J8261">
        <v>24617.65857</v>
      </c>
      <c r="K8261">
        <v>47542.966939999998</v>
      </c>
      <c r="L8261">
        <v>18477.610339999999</v>
      </c>
      <c r="M8261">
        <v>314628.95270000002</v>
      </c>
      <c r="N8261">
        <v>76606.079759999993</v>
      </c>
      <c r="O8261">
        <v>23069.080709999998</v>
      </c>
      <c r="P8261">
        <v>28654.733909999999</v>
      </c>
      <c r="Q8261">
        <v>89935.532529999997</v>
      </c>
      <c r="R8261">
        <v>23924.470509999999</v>
      </c>
      <c r="S8261">
        <v>80848.443880000006</v>
      </c>
      <c r="T8261">
        <v>28697.219109999998</v>
      </c>
      <c r="U8261">
        <v>17496.23013</v>
      </c>
      <c r="W8261" s="83">
        <f>Bühler!N8293</f>
        <v>45636.124999979969</v>
      </c>
      <c r="X8261" s="83">
        <v>43445.125</v>
      </c>
      <c r="Y8261">
        <v>242551.82329999999</v>
      </c>
      <c r="Z8261">
        <v>16578.999540000001</v>
      </c>
      <c r="AA8261">
        <v>54232.918120000002</v>
      </c>
      <c r="AB8261">
        <v>42000.491159999998</v>
      </c>
      <c r="AC8261">
        <v>39107.66921</v>
      </c>
      <c r="AD8261">
        <v>18463.92123</v>
      </c>
      <c r="AE8261">
        <v>24617.65857</v>
      </c>
      <c r="AF8261">
        <v>47542.966939999998</v>
      </c>
      <c r="AG8261">
        <v>18477.610339999999</v>
      </c>
      <c r="AH8261">
        <v>314628.95270000002</v>
      </c>
      <c r="AI8261">
        <v>76606.079759999993</v>
      </c>
      <c r="AJ8261">
        <v>23069.080709999998</v>
      </c>
      <c r="AK8261">
        <v>28654.733909999999</v>
      </c>
      <c r="AL8261">
        <v>89935.532529999997</v>
      </c>
      <c r="AM8261">
        <v>23924.470509999999</v>
      </c>
      <c r="AN8261">
        <v>80848.443880000006</v>
      </c>
      <c r="AO8261">
        <v>28697.219109999998</v>
      </c>
      <c r="AP8261">
        <v>17496.23013</v>
      </c>
    </row>
    <row r="8262" spans="2:42" x14ac:dyDescent="0.3">
      <c r="B8262">
        <v>63.641239588049032</v>
      </c>
      <c r="C8262" s="83">
        <v>43445.166666666664</v>
      </c>
      <c r="D8262">
        <v>245638.97010000001</v>
      </c>
      <c r="E8262">
        <v>17257.333269999999</v>
      </c>
      <c r="F8262">
        <v>58456.323179999999</v>
      </c>
      <c r="G8262">
        <v>42023.420319999997</v>
      </c>
      <c r="H8262">
        <v>40183.196559999997</v>
      </c>
      <c r="I8262">
        <v>20829.62285</v>
      </c>
      <c r="J8262">
        <v>26024.234260000001</v>
      </c>
      <c r="K8262">
        <v>46101.080260000002</v>
      </c>
      <c r="L8262">
        <v>17868.86464</v>
      </c>
      <c r="M8262">
        <v>324472.71799999999</v>
      </c>
      <c r="N8262">
        <v>78027.620280000003</v>
      </c>
      <c r="O8262">
        <v>23516.618129999999</v>
      </c>
      <c r="P8262">
        <v>28099.671190000001</v>
      </c>
      <c r="Q8262">
        <v>94060.335789999997</v>
      </c>
      <c r="R8262">
        <v>23953.292310000001</v>
      </c>
      <c r="S8262">
        <v>81648.502099999998</v>
      </c>
      <c r="T8262">
        <v>28891.005410000002</v>
      </c>
      <c r="U8262">
        <v>17988.11837</v>
      </c>
      <c r="W8262" s="83">
        <f>Bühler!N8294</f>
        <v>45636.166666646634</v>
      </c>
      <c r="X8262" s="83">
        <v>43445.166666666664</v>
      </c>
      <c r="Y8262">
        <v>245638.97010000001</v>
      </c>
      <c r="Z8262">
        <v>17257.333269999999</v>
      </c>
      <c r="AA8262">
        <v>58456.323179999999</v>
      </c>
      <c r="AB8262">
        <v>42023.420319999997</v>
      </c>
      <c r="AC8262">
        <v>40183.196559999997</v>
      </c>
      <c r="AD8262">
        <v>20829.62285</v>
      </c>
      <c r="AE8262">
        <v>26024.234260000001</v>
      </c>
      <c r="AF8262">
        <v>46101.080260000002</v>
      </c>
      <c r="AG8262">
        <v>17868.86464</v>
      </c>
      <c r="AH8262">
        <v>324472.71799999999</v>
      </c>
      <c r="AI8262">
        <v>78027.620280000003</v>
      </c>
      <c r="AJ8262">
        <v>23516.618129999999</v>
      </c>
      <c r="AK8262">
        <v>28099.671190000001</v>
      </c>
      <c r="AL8262">
        <v>94060.335789999997</v>
      </c>
      <c r="AM8262">
        <v>23953.292310000001</v>
      </c>
      <c r="AN8262">
        <v>81648.502099999998</v>
      </c>
      <c r="AO8262">
        <v>28891.005410000002</v>
      </c>
      <c r="AP8262">
        <v>17988.11837</v>
      </c>
    </row>
    <row r="8263" spans="2:42" x14ac:dyDescent="0.3">
      <c r="B8263">
        <v>67.070357783089236</v>
      </c>
      <c r="C8263" s="83">
        <v>43445.208333333336</v>
      </c>
      <c r="D8263">
        <v>261183.89</v>
      </c>
      <c r="E8263">
        <v>19461.59103</v>
      </c>
      <c r="F8263">
        <v>68855.777100000007</v>
      </c>
      <c r="G8263">
        <v>45491.747530000001</v>
      </c>
      <c r="H8263">
        <v>42540.481169999999</v>
      </c>
      <c r="I8263">
        <v>29374.57775</v>
      </c>
      <c r="J8263">
        <v>28228.182529999998</v>
      </c>
      <c r="K8263">
        <v>47482.070570000003</v>
      </c>
      <c r="L8263">
        <v>18783.863870000001</v>
      </c>
      <c r="M8263">
        <v>341955.96169999999</v>
      </c>
      <c r="N8263">
        <v>79285.259539999999</v>
      </c>
      <c r="O8263">
        <v>24026.505509999999</v>
      </c>
      <c r="P8263">
        <v>30033.006679999999</v>
      </c>
      <c r="Q8263">
        <v>97831.499960000001</v>
      </c>
      <c r="R8263">
        <v>24943.026999999998</v>
      </c>
      <c r="S8263">
        <v>84576.483219999995</v>
      </c>
      <c r="T8263">
        <v>29874.988959999999</v>
      </c>
      <c r="U8263">
        <v>20087.891619999999</v>
      </c>
      <c r="W8263" s="83">
        <f>Bühler!N8295</f>
        <v>45636.208333313298</v>
      </c>
      <c r="X8263" s="83">
        <v>43445.208333333336</v>
      </c>
      <c r="Y8263">
        <v>261183.89</v>
      </c>
      <c r="Z8263">
        <v>19461.59103</v>
      </c>
      <c r="AA8263">
        <v>68855.777100000007</v>
      </c>
      <c r="AB8263">
        <v>45491.747530000001</v>
      </c>
      <c r="AC8263">
        <v>42540.481169999999</v>
      </c>
      <c r="AD8263">
        <v>29374.57775</v>
      </c>
      <c r="AE8263">
        <v>28228.182529999998</v>
      </c>
      <c r="AF8263">
        <v>47482.070570000003</v>
      </c>
      <c r="AG8263">
        <v>18783.863870000001</v>
      </c>
      <c r="AH8263">
        <v>341955.96169999999</v>
      </c>
      <c r="AI8263">
        <v>79285.259539999999</v>
      </c>
      <c r="AJ8263">
        <v>24026.505509999999</v>
      </c>
      <c r="AK8263">
        <v>30033.006679999999</v>
      </c>
      <c r="AL8263">
        <v>97831.499960000001</v>
      </c>
      <c r="AM8263">
        <v>24943.026999999998</v>
      </c>
      <c r="AN8263">
        <v>84576.483219999995</v>
      </c>
      <c r="AO8263">
        <v>29874.988959999999</v>
      </c>
      <c r="AP8263">
        <v>20087.891619999999</v>
      </c>
    </row>
    <row r="8264" spans="2:42" x14ac:dyDescent="0.3">
      <c r="B8264">
        <v>70.967417519758769</v>
      </c>
      <c r="C8264" s="83">
        <v>43445.25</v>
      </c>
      <c r="D8264">
        <v>279466.2585</v>
      </c>
      <c r="E8264">
        <v>23538.60686</v>
      </c>
      <c r="F8264">
        <v>82834.825580000004</v>
      </c>
      <c r="G8264">
        <v>61005.09274</v>
      </c>
      <c r="H8264">
        <v>46089.200779999999</v>
      </c>
      <c r="I8264">
        <v>37856.063900000001</v>
      </c>
      <c r="J8264">
        <v>31511.594949999999</v>
      </c>
      <c r="K8264">
        <v>50835.164709999997</v>
      </c>
      <c r="L8264">
        <v>20751.742539999999</v>
      </c>
      <c r="M8264">
        <v>361824.98959999997</v>
      </c>
      <c r="N8264">
        <v>83950.878379999995</v>
      </c>
      <c r="O8264">
        <v>25400.387180000002</v>
      </c>
      <c r="P8264">
        <v>30127.899410000002</v>
      </c>
      <c r="Q8264">
        <v>100673.1976</v>
      </c>
      <c r="R8264">
        <v>20488.032179999998</v>
      </c>
      <c r="S8264">
        <v>93804.43965</v>
      </c>
      <c r="T8264">
        <v>33420.412300000004</v>
      </c>
      <c r="U8264">
        <v>22707.235939999999</v>
      </c>
      <c r="W8264" s="83">
        <f>Bühler!N8296</f>
        <v>45636.249999979962</v>
      </c>
      <c r="X8264" s="83">
        <v>43445.25</v>
      </c>
      <c r="Y8264">
        <v>279466.2585</v>
      </c>
      <c r="Z8264">
        <v>23538.60686</v>
      </c>
      <c r="AA8264">
        <v>82834.825580000004</v>
      </c>
      <c r="AB8264">
        <v>61005.09274</v>
      </c>
      <c r="AC8264">
        <v>46089.200779999999</v>
      </c>
      <c r="AD8264">
        <v>37856.063900000001</v>
      </c>
      <c r="AE8264">
        <v>31511.594949999999</v>
      </c>
      <c r="AF8264">
        <v>50835.164709999997</v>
      </c>
      <c r="AG8264">
        <v>20751.742539999999</v>
      </c>
      <c r="AH8264">
        <v>361824.98959999997</v>
      </c>
      <c r="AI8264">
        <v>83950.878379999995</v>
      </c>
      <c r="AJ8264">
        <v>25400.387180000002</v>
      </c>
      <c r="AK8264">
        <v>30127.899410000002</v>
      </c>
      <c r="AL8264">
        <v>100673.1976</v>
      </c>
      <c r="AM8264">
        <v>20488.032179999998</v>
      </c>
      <c r="AN8264">
        <v>93804.43965</v>
      </c>
      <c r="AO8264">
        <v>33420.412300000004</v>
      </c>
      <c r="AP8264">
        <v>22707.235939999999</v>
      </c>
    </row>
    <row r="8265" spans="2:42" x14ac:dyDescent="0.3">
      <c r="B8265">
        <v>72.295993692608803</v>
      </c>
      <c r="C8265" s="83">
        <v>43445.291666666664</v>
      </c>
      <c r="D8265">
        <v>294402.01309999998</v>
      </c>
      <c r="E8265">
        <v>29512.25837</v>
      </c>
      <c r="F8265">
        <v>86351.899650000007</v>
      </c>
      <c r="G8265">
        <v>78482.615779999993</v>
      </c>
      <c r="H8265">
        <v>53724.474629999997</v>
      </c>
      <c r="I8265">
        <v>46845.227749999998</v>
      </c>
      <c r="J8265">
        <v>33199.857479999999</v>
      </c>
      <c r="K8265">
        <v>56437.00071</v>
      </c>
      <c r="L8265">
        <v>24118.143059999999</v>
      </c>
      <c r="M8265">
        <v>368598.69050000003</v>
      </c>
      <c r="N8265">
        <v>91590.699049999996</v>
      </c>
      <c r="O8265">
        <v>27921.097679999999</v>
      </c>
      <c r="P8265">
        <v>33079.482559999997</v>
      </c>
      <c r="Q8265">
        <v>99861.006030000004</v>
      </c>
      <c r="R8265">
        <v>23082.456289999998</v>
      </c>
      <c r="S8265">
        <v>110937.1872</v>
      </c>
      <c r="T8265">
        <v>35261.856910000002</v>
      </c>
      <c r="U8265">
        <v>28252.574219999999</v>
      </c>
      <c r="W8265" s="83">
        <f>Bühler!N8297</f>
        <v>45636.291666646626</v>
      </c>
      <c r="X8265" s="83">
        <v>43445.291666666664</v>
      </c>
      <c r="Y8265">
        <v>294402.01309999998</v>
      </c>
      <c r="Z8265">
        <v>29512.25837</v>
      </c>
      <c r="AA8265">
        <v>86351.899650000007</v>
      </c>
      <c r="AB8265">
        <v>78482.615779999993</v>
      </c>
      <c r="AC8265">
        <v>53724.474629999997</v>
      </c>
      <c r="AD8265">
        <v>46845.227749999998</v>
      </c>
      <c r="AE8265">
        <v>33199.857479999999</v>
      </c>
      <c r="AF8265">
        <v>56437.00071</v>
      </c>
      <c r="AG8265">
        <v>24118.143059999999</v>
      </c>
      <c r="AH8265">
        <v>368598.69050000003</v>
      </c>
      <c r="AI8265">
        <v>91590.699049999996</v>
      </c>
      <c r="AJ8265">
        <v>27921.097679999999</v>
      </c>
      <c r="AK8265">
        <v>33079.482559999997</v>
      </c>
      <c r="AL8265">
        <v>99861.006030000004</v>
      </c>
      <c r="AM8265">
        <v>23082.456289999998</v>
      </c>
      <c r="AN8265">
        <v>110937.1872</v>
      </c>
      <c r="AO8265">
        <v>35261.856910000002</v>
      </c>
      <c r="AP8265">
        <v>28252.574219999999</v>
      </c>
    </row>
    <row r="8266" spans="2:42" x14ac:dyDescent="0.3">
      <c r="B8266">
        <v>72.562177954497912</v>
      </c>
      <c r="C8266" s="83">
        <v>43445.333333333336</v>
      </c>
      <c r="D8266">
        <v>307174.39520000003</v>
      </c>
      <c r="E8266">
        <v>35820.154840000003</v>
      </c>
      <c r="F8266">
        <v>94179.126340000003</v>
      </c>
      <c r="G8266">
        <v>96589.851840000003</v>
      </c>
      <c r="H8266">
        <v>58427.428800000002</v>
      </c>
      <c r="I8266">
        <v>50272.74194</v>
      </c>
      <c r="J8266">
        <v>33248.885909999997</v>
      </c>
      <c r="K8266">
        <v>62232.667730000001</v>
      </c>
      <c r="L8266">
        <v>28068.557479999999</v>
      </c>
      <c r="M8266">
        <v>369955.82199999999</v>
      </c>
      <c r="N8266">
        <v>98938.870060000001</v>
      </c>
      <c r="O8266">
        <v>29431.56048</v>
      </c>
      <c r="P8266">
        <v>35911.786670000001</v>
      </c>
      <c r="Q8266">
        <v>100519.7547</v>
      </c>
      <c r="R8266">
        <v>24605.178349999998</v>
      </c>
      <c r="S8266">
        <v>125949.48880000001</v>
      </c>
      <c r="T8266">
        <v>38648.611420000001</v>
      </c>
      <c r="U8266">
        <v>30905.739160000001</v>
      </c>
      <c r="W8266" s="83">
        <f>Bühler!N8298</f>
        <v>45636.33333331329</v>
      </c>
      <c r="X8266" s="83">
        <v>43445.333333333336</v>
      </c>
      <c r="Y8266">
        <v>307174.39520000003</v>
      </c>
      <c r="Z8266">
        <v>35820.154840000003</v>
      </c>
      <c r="AA8266">
        <v>94179.126340000003</v>
      </c>
      <c r="AB8266">
        <v>96589.851840000003</v>
      </c>
      <c r="AC8266">
        <v>58427.428800000002</v>
      </c>
      <c r="AD8266">
        <v>50272.74194</v>
      </c>
      <c r="AE8266">
        <v>33248.885909999997</v>
      </c>
      <c r="AF8266">
        <v>62232.667730000001</v>
      </c>
      <c r="AG8266">
        <v>28068.557479999999</v>
      </c>
      <c r="AH8266">
        <v>369955.82199999999</v>
      </c>
      <c r="AI8266">
        <v>98938.870060000001</v>
      </c>
      <c r="AJ8266">
        <v>29431.56048</v>
      </c>
      <c r="AK8266">
        <v>35911.786670000001</v>
      </c>
      <c r="AL8266">
        <v>100519.7547</v>
      </c>
      <c r="AM8266">
        <v>24605.178349999998</v>
      </c>
      <c r="AN8266">
        <v>125949.48880000001</v>
      </c>
      <c r="AO8266">
        <v>38648.611420000001</v>
      </c>
      <c r="AP8266">
        <v>30905.739160000001</v>
      </c>
    </row>
    <row r="8267" spans="2:42" x14ac:dyDescent="0.3">
      <c r="B8267">
        <v>72.027654155140112</v>
      </c>
      <c r="C8267" s="83">
        <v>43445.375</v>
      </c>
      <c r="D8267">
        <v>304562.8161</v>
      </c>
      <c r="E8267">
        <v>39473.466990000001</v>
      </c>
      <c r="F8267">
        <v>98643.450289999993</v>
      </c>
      <c r="G8267">
        <v>106316.90670000001</v>
      </c>
      <c r="H8267">
        <v>59598.292029999997</v>
      </c>
      <c r="I8267">
        <v>47204.666519999999</v>
      </c>
      <c r="J8267">
        <v>32420.194940000001</v>
      </c>
      <c r="K8267">
        <v>61093.992330000001</v>
      </c>
      <c r="L8267">
        <v>31251.84995</v>
      </c>
      <c r="M8267">
        <v>367230.57040000003</v>
      </c>
      <c r="N8267">
        <v>100292.6961</v>
      </c>
      <c r="O8267">
        <v>29459.482970000001</v>
      </c>
      <c r="P8267">
        <v>36677.664810000002</v>
      </c>
      <c r="Q8267">
        <v>100612.9077</v>
      </c>
      <c r="R8267">
        <v>23121.001230000002</v>
      </c>
      <c r="S8267">
        <v>131657.75870000001</v>
      </c>
      <c r="T8267">
        <v>40443.124620000002</v>
      </c>
      <c r="U8267">
        <v>29519.137780000001</v>
      </c>
      <c r="W8267" s="83">
        <f>Bühler!N8299</f>
        <v>45636.374999979955</v>
      </c>
      <c r="X8267" s="83">
        <v>43445.375</v>
      </c>
      <c r="Y8267">
        <v>304562.8161</v>
      </c>
      <c r="Z8267">
        <v>39473.466990000001</v>
      </c>
      <c r="AA8267">
        <v>98643.450289999993</v>
      </c>
      <c r="AB8267">
        <v>106316.90670000001</v>
      </c>
      <c r="AC8267">
        <v>59598.292029999997</v>
      </c>
      <c r="AD8267">
        <v>47204.666519999999</v>
      </c>
      <c r="AE8267">
        <v>32420.194940000001</v>
      </c>
      <c r="AF8267">
        <v>61093.992330000001</v>
      </c>
      <c r="AG8267">
        <v>31251.84995</v>
      </c>
      <c r="AH8267">
        <v>367230.57040000003</v>
      </c>
      <c r="AI8267">
        <v>100292.6961</v>
      </c>
      <c r="AJ8267">
        <v>29459.482970000001</v>
      </c>
      <c r="AK8267">
        <v>36677.664810000002</v>
      </c>
      <c r="AL8267">
        <v>100612.9077</v>
      </c>
      <c r="AM8267">
        <v>23121.001230000002</v>
      </c>
      <c r="AN8267">
        <v>131657.75870000001</v>
      </c>
      <c r="AO8267">
        <v>40443.124620000002</v>
      </c>
      <c r="AP8267">
        <v>29519.137780000001</v>
      </c>
    </row>
    <row r="8268" spans="2:42" x14ac:dyDescent="0.3">
      <c r="B8268">
        <v>73.052183935206571</v>
      </c>
      <c r="C8268" s="83">
        <v>43445.416666666664</v>
      </c>
      <c r="D8268">
        <v>306452.73100000003</v>
      </c>
      <c r="E8268">
        <v>40779.693370000001</v>
      </c>
      <c r="F8268">
        <v>98748.705799999996</v>
      </c>
      <c r="G8268">
        <v>106471.4669</v>
      </c>
      <c r="H8268">
        <v>60405.59835</v>
      </c>
      <c r="I8268">
        <v>42853.13293</v>
      </c>
      <c r="J8268">
        <v>31894.447550000001</v>
      </c>
      <c r="K8268">
        <v>61773.2215</v>
      </c>
      <c r="L8268">
        <v>33208.543559999998</v>
      </c>
      <c r="M8268">
        <v>372454.10100000002</v>
      </c>
      <c r="N8268">
        <v>101465.284</v>
      </c>
      <c r="O8268">
        <v>29004.355070000001</v>
      </c>
      <c r="P8268">
        <v>37407.958939999997</v>
      </c>
      <c r="Q8268">
        <v>101448.1664</v>
      </c>
      <c r="R8268">
        <v>24264.47652</v>
      </c>
      <c r="S8268">
        <v>130429.02039999999</v>
      </c>
      <c r="T8268">
        <v>41225.730459999999</v>
      </c>
      <c r="U8268">
        <v>29176.099109999999</v>
      </c>
      <c r="W8268" s="83">
        <f>Bühler!N8300</f>
        <v>45636.416666646619</v>
      </c>
      <c r="X8268" s="83">
        <v>43445.416666666664</v>
      </c>
      <c r="Y8268">
        <v>306452.73100000003</v>
      </c>
      <c r="Z8268">
        <v>40779.693370000001</v>
      </c>
      <c r="AA8268">
        <v>98748.705799999996</v>
      </c>
      <c r="AB8268">
        <v>106471.4669</v>
      </c>
      <c r="AC8268">
        <v>60405.59835</v>
      </c>
      <c r="AD8268">
        <v>42853.13293</v>
      </c>
      <c r="AE8268">
        <v>31894.447550000001</v>
      </c>
      <c r="AF8268">
        <v>61773.2215</v>
      </c>
      <c r="AG8268">
        <v>33208.543559999998</v>
      </c>
      <c r="AH8268">
        <v>372454.10100000002</v>
      </c>
      <c r="AI8268">
        <v>101465.284</v>
      </c>
      <c r="AJ8268">
        <v>29004.355070000001</v>
      </c>
      <c r="AK8268">
        <v>37407.958939999997</v>
      </c>
      <c r="AL8268">
        <v>101448.1664</v>
      </c>
      <c r="AM8268">
        <v>24264.47652</v>
      </c>
      <c r="AN8268">
        <v>130429.02039999999</v>
      </c>
      <c r="AO8268">
        <v>41225.730459999999</v>
      </c>
      <c r="AP8268">
        <v>29176.099109999999</v>
      </c>
    </row>
    <row r="8269" spans="2:42" x14ac:dyDescent="0.3">
      <c r="B8269">
        <v>73.469078577132308</v>
      </c>
      <c r="C8269" s="83">
        <v>43445.458333333336</v>
      </c>
      <c r="D8269">
        <v>306485.97580000001</v>
      </c>
      <c r="E8269">
        <v>40272.131690000002</v>
      </c>
      <c r="F8269">
        <v>99826.748170000006</v>
      </c>
      <c r="G8269">
        <v>103456.5558</v>
      </c>
      <c r="H8269">
        <v>59882.24972</v>
      </c>
      <c r="I8269">
        <v>42087.318610000002</v>
      </c>
      <c r="J8269">
        <v>31523.40209</v>
      </c>
      <c r="K8269">
        <v>67439.699280000001</v>
      </c>
      <c r="L8269">
        <v>33761.616609999997</v>
      </c>
      <c r="M8269">
        <v>374579.62430000002</v>
      </c>
      <c r="N8269">
        <v>101518.966</v>
      </c>
      <c r="O8269">
        <v>29065.710350000001</v>
      </c>
      <c r="P8269">
        <v>36184.87225</v>
      </c>
      <c r="Q8269">
        <v>101056.3355</v>
      </c>
      <c r="R8269">
        <v>27212.012279999999</v>
      </c>
      <c r="S8269">
        <v>132143.27369999999</v>
      </c>
      <c r="T8269">
        <v>41987.085149999999</v>
      </c>
      <c r="U8269">
        <v>28823.853309999999</v>
      </c>
      <c r="W8269" s="83">
        <f>Bühler!N8301</f>
        <v>45636.458333313283</v>
      </c>
      <c r="X8269" s="83">
        <v>43445.458333333336</v>
      </c>
      <c r="Y8269">
        <v>306485.97580000001</v>
      </c>
      <c r="Z8269">
        <v>40272.131690000002</v>
      </c>
      <c r="AA8269">
        <v>99826.748170000006</v>
      </c>
      <c r="AB8269">
        <v>103456.5558</v>
      </c>
      <c r="AC8269">
        <v>59882.24972</v>
      </c>
      <c r="AD8269">
        <v>42087.318610000002</v>
      </c>
      <c r="AE8269">
        <v>31523.40209</v>
      </c>
      <c r="AF8269">
        <v>67439.699280000001</v>
      </c>
      <c r="AG8269">
        <v>33761.616609999997</v>
      </c>
      <c r="AH8269">
        <v>374579.62430000002</v>
      </c>
      <c r="AI8269">
        <v>101518.966</v>
      </c>
      <c r="AJ8269">
        <v>29065.710350000001</v>
      </c>
      <c r="AK8269">
        <v>36184.87225</v>
      </c>
      <c r="AL8269">
        <v>101056.3355</v>
      </c>
      <c r="AM8269">
        <v>27212.012279999999</v>
      </c>
      <c r="AN8269">
        <v>132143.27369999999</v>
      </c>
      <c r="AO8269">
        <v>41987.085149999999</v>
      </c>
      <c r="AP8269">
        <v>28823.853309999999</v>
      </c>
    </row>
    <row r="8270" spans="2:42" x14ac:dyDescent="0.3">
      <c r="B8270">
        <v>72.266510944284448</v>
      </c>
      <c r="C8270" s="83">
        <v>43445.5</v>
      </c>
      <c r="D8270">
        <v>291280.9227</v>
      </c>
      <c r="E8270">
        <v>36062.373970000001</v>
      </c>
      <c r="F8270">
        <v>92445.963740000007</v>
      </c>
      <c r="G8270">
        <v>100595.8744</v>
      </c>
      <c r="H8270">
        <v>56553.868849999999</v>
      </c>
      <c r="I8270">
        <v>40320.121509999997</v>
      </c>
      <c r="J8270">
        <v>31210.07791</v>
      </c>
      <c r="K8270">
        <v>64173.800510000001</v>
      </c>
      <c r="L8270">
        <v>35667.311329999997</v>
      </c>
      <c r="M8270">
        <v>368448.3737</v>
      </c>
      <c r="N8270">
        <v>97880.489700000006</v>
      </c>
      <c r="O8270">
        <v>28054.097300000001</v>
      </c>
      <c r="P8270">
        <v>37057.270129999997</v>
      </c>
      <c r="Q8270">
        <v>99559.687160000001</v>
      </c>
      <c r="R8270">
        <v>27681.333449999998</v>
      </c>
      <c r="S8270">
        <v>125593.1758</v>
      </c>
      <c r="T8270">
        <v>41191.012779999997</v>
      </c>
      <c r="U8270">
        <v>24446.377339999999</v>
      </c>
      <c r="W8270" s="83">
        <f>Bühler!N8302</f>
        <v>45636.499999979947</v>
      </c>
      <c r="X8270" s="83">
        <v>43445.5</v>
      </c>
      <c r="Y8270">
        <v>291280.9227</v>
      </c>
      <c r="Z8270">
        <v>36062.373970000001</v>
      </c>
      <c r="AA8270">
        <v>92445.963740000007</v>
      </c>
      <c r="AB8270">
        <v>100595.8744</v>
      </c>
      <c r="AC8270">
        <v>56553.868849999999</v>
      </c>
      <c r="AD8270">
        <v>40320.121509999997</v>
      </c>
      <c r="AE8270">
        <v>31210.07791</v>
      </c>
      <c r="AF8270">
        <v>64173.800510000001</v>
      </c>
      <c r="AG8270">
        <v>35667.311329999997</v>
      </c>
      <c r="AH8270">
        <v>368448.3737</v>
      </c>
      <c r="AI8270">
        <v>97880.489700000006</v>
      </c>
      <c r="AJ8270">
        <v>28054.097300000001</v>
      </c>
      <c r="AK8270">
        <v>37057.270129999997</v>
      </c>
      <c r="AL8270">
        <v>99559.687160000001</v>
      </c>
      <c r="AM8270">
        <v>27681.333449999998</v>
      </c>
      <c r="AN8270">
        <v>125593.1758</v>
      </c>
      <c r="AO8270">
        <v>41191.012779999997</v>
      </c>
      <c r="AP8270">
        <v>24446.377339999999</v>
      </c>
    </row>
    <row r="8271" spans="2:42" x14ac:dyDescent="0.3">
      <c r="B8271">
        <v>71.765135015024228</v>
      </c>
      <c r="C8271" s="83">
        <v>43445.541666666664</v>
      </c>
      <c r="D8271">
        <v>294188.76309999998</v>
      </c>
      <c r="E8271">
        <v>36271.834869999999</v>
      </c>
      <c r="F8271">
        <v>90629.647140000001</v>
      </c>
      <c r="G8271">
        <v>97620.834669999997</v>
      </c>
      <c r="H8271">
        <v>57339.762739999998</v>
      </c>
      <c r="I8271">
        <v>41052.329640000004</v>
      </c>
      <c r="J8271">
        <v>29948.3583</v>
      </c>
      <c r="K8271">
        <v>66449.632570000002</v>
      </c>
      <c r="L8271">
        <v>34639.53847</v>
      </c>
      <c r="M8271">
        <v>365892.12540000002</v>
      </c>
      <c r="N8271">
        <v>97189.805210000006</v>
      </c>
      <c r="O8271">
        <v>28504.807150000001</v>
      </c>
      <c r="P8271">
        <v>35474.656580000003</v>
      </c>
      <c r="Q8271">
        <v>97984.499880000003</v>
      </c>
      <c r="R8271">
        <v>27631.164519999998</v>
      </c>
      <c r="S8271">
        <v>125115.16039999999</v>
      </c>
      <c r="T8271">
        <v>40157.291799999999</v>
      </c>
      <c r="U8271">
        <v>26843.72536</v>
      </c>
      <c r="W8271" s="83">
        <f>Bühler!N8303</f>
        <v>45636.541666646612</v>
      </c>
      <c r="X8271" s="83">
        <v>43445.541666666664</v>
      </c>
      <c r="Y8271">
        <v>294188.76309999998</v>
      </c>
      <c r="Z8271">
        <v>36271.834869999999</v>
      </c>
      <c r="AA8271">
        <v>90629.647140000001</v>
      </c>
      <c r="AB8271">
        <v>97620.834669999997</v>
      </c>
      <c r="AC8271">
        <v>57339.762739999998</v>
      </c>
      <c r="AD8271">
        <v>41052.329640000004</v>
      </c>
      <c r="AE8271">
        <v>29948.3583</v>
      </c>
      <c r="AF8271">
        <v>66449.632570000002</v>
      </c>
      <c r="AG8271">
        <v>34639.53847</v>
      </c>
      <c r="AH8271">
        <v>365892.12540000002</v>
      </c>
      <c r="AI8271">
        <v>97189.805210000006</v>
      </c>
      <c r="AJ8271">
        <v>28504.807150000001</v>
      </c>
      <c r="AK8271">
        <v>35474.656580000003</v>
      </c>
      <c r="AL8271">
        <v>97984.499880000003</v>
      </c>
      <c r="AM8271">
        <v>27631.164519999998</v>
      </c>
      <c r="AN8271">
        <v>125115.16039999999</v>
      </c>
      <c r="AO8271">
        <v>40157.291799999999</v>
      </c>
      <c r="AP8271">
        <v>26843.72536</v>
      </c>
    </row>
    <row r="8272" spans="2:42" x14ac:dyDescent="0.3">
      <c r="B8272">
        <v>72.161554538944188</v>
      </c>
      <c r="C8272" s="83">
        <v>43445.583333333336</v>
      </c>
      <c r="D8272">
        <v>297113.53850000002</v>
      </c>
      <c r="E8272">
        <v>39089.266559999996</v>
      </c>
      <c r="F8272">
        <v>98367.989579999994</v>
      </c>
      <c r="G8272">
        <v>93814.677819999997</v>
      </c>
      <c r="H8272">
        <v>57108.43058</v>
      </c>
      <c r="I8272">
        <v>41295.577770000004</v>
      </c>
      <c r="J8272">
        <v>30205.1967</v>
      </c>
      <c r="K8272">
        <v>67894.295299999998</v>
      </c>
      <c r="L8272">
        <v>31027.466069999999</v>
      </c>
      <c r="M8272">
        <v>367913.25699999998</v>
      </c>
      <c r="N8272">
        <v>97896.297990000006</v>
      </c>
      <c r="O8272">
        <v>28073.714459999999</v>
      </c>
      <c r="P8272">
        <v>33066.982819999997</v>
      </c>
      <c r="Q8272">
        <v>96419.12758</v>
      </c>
      <c r="R8272">
        <v>26747.443380000001</v>
      </c>
      <c r="S8272">
        <v>119866.9908</v>
      </c>
      <c r="T8272">
        <v>39006.052040000002</v>
      </c>
      <c r="U8272">
        <v>27108.345239999999</v>
      </c>
      <c r="W8272" s="83">
        <f>Bühler!N8304</f>
        <v>45636.583333313276</v>
      </c>
      <c r="X8272" s="83">
        <v>43445.583333333336</v>
      </c>
      <c r="Y8272">
        <v>297113.53850000002</v>
      </c>
      <c r="Z8272">
        <v>39089.266559999996</v>
      </c>
      <c r="AA8272">
        <v>98367.989579999994</v>
      </c>
      <c r="AB8272">
        <v>93814.677819999997</v>
      </c>
      <c r="AC8272">
        <v>57108.43058</v>
      </c>
      <c r="AD8272">
        <v>41295.577770000004</v>
      </c>
      <c r="AE8272">
        <v>30205.1967</v>
      </c>
      <c r="AF8272">
        <v>67894.295299999998</v>
      </c>
      <c r="AG8272">
        <v>31027.466069999999</v>
      </c>
      <c r="AH8272">
        <v>367913.25699999998</v>
      </c>
      <c r="AI8272">
        <v>97896.297990000006</v>
      </c>
      <c r="AJ8272">
        <v>28073.714459999999</v>
      </c>
      <c r="AK8272">
        <v>33066.982819999997</v>
      </c>
      <c r="AL8272">
        <v>96419.12758</v>
      </c>
      <c r="AM8272">
        <v>26747.443380000001</v>
      </c>
      <c r="AN8272">
        <v>119866.9908</v>
      </c>
      <c r="AO8272">
        <v>39006.052040000002</v>
      </c>
      <c r="AP8272">
        <v>27108.345239999999</v>
      </c>
    </row>
    <row r="8273" spans="2:42" x14ac:dyDescent="0.3">
      <c r="B8273">
        <v>70.848299640132439</v>
      </c>
      <c r="C8273" s="83">
        <v>43445.625</v>
      </c>
      <c r="D8273">
        <v>293324.33020000003</v>
      </c>
      <c r="E8273">
        <v>38773.046040000001</v>
      </c>
      <c r="F8273">
        <v>99104.847299999994</v>
      </c>
      <c r="G8273">
        <v>91687.433369999999</v>
      </c>
      <c r="H8273">
        <v>56115.783770000002</v>
      </c>
      <c r="I8273">
        <v>42027.487379999999</v>
      </c>
      <c r="J8273">
        <v>29678.553250000001</v>
      </c>
      <c r="K8273">
        <v>66253.813970000003</v>
      </c>
      <c r="L8273">
        <v>27607.829959999999</v>
      </c>
      <c r="M8273">
        <v>361217.67109999998</v>
      </c>
      <c r="N8273">
        <v>95210.118610000005</v>
      </c>
      <c r="O8273">
        <v>27324.603040000002</v>
      </c>
      <c r="P8273">
        <v>30634.320220000001</v>
      </c>
      <c r="Q8273">
        <v>96429.724130000002</v>
      </c>
      <c r="R8273">
        <v>25524.634719999998</v>
      </c>
      <c r="S8273">
        <v>118350.3152</v>
      </c>
      <c r="T8273">
        <v>38819.347399999999</v>
      </c>
      <c r="U8273">
        <v>27084.112539999998</v>
      </c>
      <c r="W8273" s="83">
        <f>Bühler!N8305</f>
        <v>45636.62499997994</v>
      </c>
      <c r="X8273" s="83">
        <v>43445.625</v>
      </c>
      <c r="Y8273">
        <v>293324.33020000003</v>
      </c>
      <c r="Z8273">
        <v>38773.046040000001</v>
      </c>
      <c r="AA8273">
        <v>99104.847299999994</v>
      </c>
      <c r="AB8273">
        <v>91687.433369999999</v>
      </c>
      <c r="AC8273">
        <v>56115.783770000002</v>
      </c>
      <c r="AD8273">
        <v>42027.487379999999</v>
      </c>
      <c r="AE8273">
        <v>29678.553250000001</v>
      </c>
      <c r="AF8273">
        <v>66253.813970000003</v>
      </c>
      <c r="AG8273">
        <v>27607.829959999999</v>
      </c>
      <c r="AH8273">
        <v>361217.67109999998</v>
      </c>
      <c r="AI8273">
        <v>95210.118610000005</v>
      </c>
      <c r="AJ8273">
        <v>27324.603040000002</v>
      </c>
      <c r="AK8273">
        <v>30634.320220000001</v>
      </c>
      <c r="AL8273">
        <v>96429.724130000002</v>
      </c>
      <c r="AM8273">
        <v>25524.634719999998</v>
      </c>
      <c r="AN8273">
        <v>118350.3152</v>
      </c>
      <c r="AO8273">
        <v>38819.347399999999</v>
      </c>
      <c r="AP8273">
        <v>27084.112539999998</v>
      </c>
    </row>
    <row r="8274" spans="2:42" x14ac:dyDescent="0.3">
      <c r="B8274">
        <v>69.464460417356719</v>
      </c>
      <c r="C8274" s="83">
        <v>43445.666666666664</v>
      </c>
      <c r="D8274">
        <v>288542.82819999999</v>
      </c>
      <c r="E8274">
        <v>38381.606800000001</v>
      </c>
      <c r="F8274">
        <v>99227.710049999994</v>
      </c>
      <c r="G8274">
        <v>88870.342839999998</v>
      </c>
      <c r="H8274">
        <v>54869.347699999998</v>
      </c>
      <c r="I8274">
        <v>43100.891300000003</v>
      </c>
      <c r="J8274">
        <v>29879.771659999999</v>
      </c>
      <c r="K8274">
        <v>63108.338839999997</v>
      </c>
      <c r="L8274">
        <v>27662.63031</v>
      </c>
      <c r="M8274">
        <v>354162.21340000001</v>
      </c>
      <c r="N8274">
        <v>95100.262189999994</v>
      </c>
      <c r="O8274">
        <v>27338.12889</v>
      </c>
      <c r="P8274">
        <v>32059.616129999999</v>
      </c>
      <c r="Q8274">
        <v>95737.072109999994</v>
      </c>
      <c r="R8274">
        <v>25479.25747</v>
      </c>
      <c r="S8274">
        <v>117323.5583</v>
      </c>
      <c r="T8274">
        <v>39338.005089999999</v>
      </c>
      <c r="U8274">
        <v>25388.930799999998</v>
      </c>
      <c r="W8274" s="83">
        <f>Bühler!N8306</f>
        <v>45636.666666646604</v>
      </c>
      <c r="X8274" s="83">
        <v>43445.666666666664</v>
      </c>
      <c r="Y8274">
        <v>288542.82819999999</v>
      </c>
      <c r="Z8274">
        <v>38381.606800000001</v>
      </c>
      <c r="AA8274">
        <v>99227.710049999994</v>
      </c>
      <c r="AB8274">
        <v>88870.342839999998</v>
      </c>
      <c r="AC8274">
        <v>54869.347699999998</v>
      </c>
      <c r="AD8274">
        <v>43100.891300000003</v>
      </c>
      <c r="AE8274">
        <v>29879.771659999999</v>
      </c>
      <c r="AF8274">
        <v>63108.338839999997</v>
      </c>
      <c r="AG8274">
        <v>27662.63031</v>
      </c>
      <c r="AH8274">
        <v>354162.21340000001</v>
      </c>
      <c r="AI8274">
        <v>95100.262189999994</v>
      </c>
      <c r="AJ8274">
        <v>27338.12889</v>
      </c>
      <c r="AK8274">
        <v>32059.616129999999</v>
      </c>
      <c r="AL8274">
        <v>95737.072109999994</v>
      </c>
      <c r="AM8274">
        <v>25479.25747</v>
      </c>
      <c r="AN8274">
        <v>117323.5583</v>
      </c>
      <c r="AO8274">
        <v>39338.005089999999</v>
      </c>
      <c r="AP8274">
        <v>25388.930799999998</v>
      </c>
    </row>
    <row r="8275" spans="2:42" x14ac:dyDescent="0.3">
      <c r="B8275">
        <v>68.394443095656115</v>
      </c>
      <c r="C8275" s="83">
        <v>43445.708333333336</v>
      </c>
      <c r="D8275">
        <v>279414.13179999997</v>
      </c>
      <c r="E8275">
        <v>36904.75664</v>
      </c>
      <c r="F8275">
        <v>100011.3502</v>
      </c>
      <c r="G8275">
        <v>81909.633759999997</v>
      </c>
      <c r="H8275">
        <v>54586.366450000001</v>
      </c>
      <c r="I8275">
        <v>42623.125520000001</v>
      </c>
      <c r="J8275">
        <v>32241.246029999998</v>
      </c>
      <c r="K8275">
        <v>57208.75445</v>
      </c>
      <c r="L8275">
        <v>28672.16878</v>
      </c>
      <c r="M8275">
        <v>348706.76610000001</v>
      </c>
      <c r="N8275">
        <v>92665.312359999996</v>
      </c>
      <c r="O8275">
        <v>27292.491600000001</v>
      </c>
      <c r="P8275">
        <v>34440.187460000001</v>
      </c>
      <c r="Q8275">
        <v>94444.013370000001</v>
      </c>
      <c r="R8275">
        <v>24171.025559999998</v>
      </c>
      <c r="S8275">
        <v>116316.708</v>
      </c>
      <c r="T8275">
        <v>40689.978629999998</v>
      </c>
      <c r="U8275">
        <v>23679.993689999999</v>
      </c>
      <c r="W8275" s="83">
        <f>Bühler!N8307</f>
        <v>45636.708333313269</v>
      </c>
      <c r="X8275" s="83">
        <v>43445.708333333336</v>
      </c>
      <c r="Y8275">
        <v>279414.13179999997</v>
      </c>
      <c r="Z8275">
        <v>36904.75664</v>
      </c>
      <c r="AA8275">
        <v>100011.3502</v>
      </c>
      <c r="AB8275">
        <v>81909.633759999997</v>
      </c>
      <c r="AC8275">
        <v>54586.366450000001</v>
      </c>
      <c r="AD8275">
        <v>42623.125520000001</v>
      </c>
      <c r="AE8275">
        <v>32241.246029999998</v>
      </c>
      <c r="AF8275">
        <v>57208.75445</v>
      </c>
      <c r="AG8275">
        <v>28672.16878</v>
      </c>
      <c r="AH8275">
        <v>348706.76610000001</v>
      </c>
      <c r="AI8275">
        <v>92665.312359999996</v>
      </c>
      <c r="AJ8275">
        <v>27292.491600000001</v>
      </c>
      <c r="AK8275">
        <v>34440.187460000001</v>
      </c>
      <c r="AL8275">
        <v>94444.013370000001</v>
      </c>
      <c r="AM8275">
        <v>24171.025559999998</v>
      </c>
      <c r="AN8275">
        <v>116316.708</v>
      </c>
      <c r="AO8275">
        <v>40689.978629999998</v>
      </c>
      <c r="AP8275">
        <v>23679.993689999999</v>
      </c>
    </row>
    <row r="8276" spans="2:42" x14ac:dyDescent="0.3">
      <c r="B8276">
        <v>65.909729350318159</v>
      </c>
      <c r="C8276" s="83">
        <v>43445.75</v>
      </c>
      <c r="D8276">
        <v>273484.98340000003</v>
      </c>
      <c r="E8276">
        <v>32897.186070000003</v>
      </c>
      <c r="F8276">
        <v>96225.363599999997</v>
      </c>
      <c r="G8276">
        <v>70157.971690000006</v>
      </c>
      <c r="H8276">
        <v>51949.841189999999</v>
      </c>
      <c r="I8276">
        <v>40386.182009999997</v>
      </c>
      <c r="J8276">
        <v>32084.421750000001</v>
      </c>
      <c r="K8276">
        <v>50629.760150000002</v>
      </c>
      <c r="L8276">
        <v>29912.68836</v>
      </c>
      <c r="M8276">
        <v>336038.5367</v>
      </c>
      <c r="N8276">
        <v>89285.379849999998</v>
      </c>
      <c r="O8276">
        <v>26184.854579999999</v>
      </c>
      <c r="P8276">
        <v>37283.070330000002</v>
      </c>
      <c r="Q8276">
        <v>92923.379480000003</v>
      </c>
      <c r="R8276">
        <v>21051.669569999998</v>
      </c>
      <c r="S8276">
        <v>108756.4746</v>
      </c>
      <c r="T8276">
        <v>41135.295059999997</v>
      </c>
      <c r="U8276">
        <v>21131.574639999999</v>
      </c>
      <c r="W8276" s="83">
        <f>Bühler!N8308</f>
        <v>45636.749999979933</v>
      </c>
      <c r="X8276" s="83">
        <v>43445.75</v>
      </c>
      <c r="Y8276">
        <v>273484.98340000003</v>
      </c>
      <c r="Z8276">
        <v>32897.186070000003</v>
      </c>
      <c r="AA8276">
        <v>96225.363599999997</v>
      </c>
      <c r="AB8276">
        <v>70157.971690000006</v>
      </c>
      <c r="AC8276">
        <v>51949.841189999999</v>
      </c>
      <c r="AD8276">
        <v>40386.182009999997</v>
      </c>
      <c r="AE8276">
        <v>32084.421750000001</v>
      </c>
      <c r="AF8276">
        <v>50629.760150000002</v>
      </c>
      <c r="AG8276">
        <v>29912.68836</v>
      </c>
      <c r="AH8276">
        <v>336038.5367</v>
      </c>
      <c r="AI8276">
        <v>89285.379849999998</v>
      </c>
      <c r="AJ8276">
        <v>26184.854579999999</v>
      </c>
      <c r="AK8276">
        <v>37283.070330000002</v>
      </c>
      <c r="AL8276">
        <v>92923.379480000003</v>
      </c>
      <c r="AM8276">
        <v>21051.669569999998</v>
      </c>
      <c r="AN8276">
        <v>108756.4746</v>
      </c>
      <c r="AO8276">
        <v>41135.295059999997</v>
      </c>
      <c r="AP8276">
        <v>21131.574639999999</v>
      </c>
    </row>
    <row r="8277" spans="2:42" x14ac:dyDescent="0.3">
      <c r="B8277">
        <v>64.547824860950342</v>
      </c>
      <c r="C8277" s="83">
        <v>43445.791666666664</v>
      </c>
      <c r="D8277">
        <v>267778.18849999999</v>
      </c>
      <c r="E8277">
        <v>26882.809440000001</v>
      </c>
      <c r="F8277">
        <v>82030.765159999995</v>
      </c>
      <c r="G8277">
        <v>61926.791799999999</v>
      </c>
      <c r="H8277">
        <v>48328.703889999997</v>
      </c>
      <c r="I8277">
        <v>37044.66792</v>
      </c>
      <c r="J8277">
        <v>31121.474569999998</v>
      </c>
      <c r="K8277">
        <v>49750.793420000002</v>
      </c>
      <c r="L8277">
        <v>30624.621230000001</v>
      </c>
      <c r="M8277">
        <v>329094.91249999998</v>
      </c>
      <c r="N8277">
        <v>85925.575719999993</v>
      </c>
      <c r="O8277">
        <v>25123.770329999999</v>
      </c>
      <c r="P8277">
        <v>39516.071360000002</v>
      </c>
      <c r="Q8277">
        <v>90401.776960000003</v>
      </c>
      <c r="R8277">
        <v>20453.804960000001</v>
      </c>
      <c r="S8277">
        <v>103683.446</v>
      </c>
      <c r="T8277">
        <v>41052.015359999998</v>
      </c>
      <c r="U8277">
        <v>19274.714830000001</v>
      </c>
      <c r="W8277" s="83">
        <f>Bühler!N8309</f>
        <v>45636.791666646597</v>
      </c>
      <c r="X8277" s="83">
        <v>43445.791666666664</v>
      </c>
      <c r="Y8277">
        <v>267778.18849999999</v>
      </c>
      <c r="Z8277">
        <v>26882.809440000001</v>
      </c>
      <c r="AA8277">
        <v>82030.765159999995</v>
      </c>
      <c r="AB8277">
        <v>61926.791799999999</v>
      </c>
      <c r="AC8277">
        <v>48328.703889999997</v>
      </c>
      <c r="AD8277">
        <v>37044.66792</v>
      </c>
      <c r="AE8277">
        <v>31121.474569999998</v>
      </c>
      <c r="AF8277">
        <v>49750.793420000002</v>
      </c>
      <c r="AG8277">
        <v>30624.621230000001</v>
      </c>
      <c r="AH8277">
        <v>329094.91249999998</v>
      </c>
      <c r="AI8277">
        <v>85925.575719999993</v>
      </c>
      <c r="AJ8277">
        <v>25123.770329999999</v>
      </c>
      <c r="AK8277">
        <v>39516.071360000002</v>
      </c>
      <c r="AL8277">
        <v>90401.776960000003</v>
      </c>
      <c r="AM8277">
        <v>20453.804960000001</v>
      </c>
      <c r="AN8277">
        <v>103683.446</v>
      </c>
      <c r="AO8277">
        <v>41052.015359999998</v>
      </c>
      <c r="AP8277">
        <v>19274.714830000001</v>
      </c>
    </row>
    <row r="8278" spans="2:42" x14ac:dyDescent="0.3">
      <c r="B8278">
        <v>64.406160338414153</v>
      </c>
      <c r="C8278" s="83">
        <v>43445.833333333336</v>
      </c>
      <c r="D8278">
        <v>258000.0969</v>
      </c>
      <c r="E8278">
        <v>20738.68046</v>
      </c>
      <c r="F8278">
        <v>64397.513610000002</v>
      </c>
      <c r="G8278">
        <v>53316.336089999997</v>
      </c>
      <c r="H8278">
        <v>45413.370260000003</v>
      </c>
      <c r="I8278">
        <v>34331.133849999998</v>
      </c>
      <c r="J8278">
        <v>30126.164769999999</v>
      </c>
      <c r="K8278">
        <v>55798.182769999999</v>
      </c>
      <c r="L8278">
        <v>28895.94585</v>
      </c>
      <c r="M8278">
        <v>328372.64069999999</v>
      </c>
      <c r="N8278">
        <v>83424.236430000004</v>
      </c>
      <c r="O8278">
        <v>24104.333129999999</v>
      </c>
      <c r="P8278">
        <v>39201.579400000002</v>
      </c>
      <c r="Q8278">
        <v>87714.262170000002</v>
      </c>
      <c r="R8278">
        <v>21862.962500000001</v>
      </c>
      <c r="S8278">
        <v>93686.015069999994</v>
      </c>
      <c r="T8278">
        <v>39454.063770000001</v>
      </c>
      <c r="U8278">
        <v>18650.732230000001</v>
      </c>
      <c r="W8278" s="83">
        <f>Bühler!N8310</f>
        <v>45636.833333313261</v>
      </c>
      <c r="X8278" s="83">
        <v>43445.833333333336</v>
      </c>
      <c r="Y8278">
        <v>258000.0969</v>
      </c>
      <c r="Z8278">
        <v>20738.68046</v>
      </c>
      <c r="AA8278">
        <v>64397.513610000002</v>
      </c>
      <c r="AB8278">
        <v>53316.336089999997</v>
      </c>
      <c r="AC8278">
        <v>45413.370260000003</v>
      </c>
      <c r="AD8278">
        <v>34331.133849999998</v>
      </c>
      <c r="AE8278">
        <v>30126.164769999999</v>
      </c>
      <c r="AF8278">
        <v>55798.182769999999</v>
      </c>
      <c r="AG8278">
        <v>28895.94585</v>
      </c>
      <c r="AH8278">
        <v>328372.64069999999</v>
      </c>
      <c r="AI8278">
        <v>83424.236430000004</v>
      </c>
      <c r="AJ8278">
        <v>24104.333129999999</v>
      </c>
      <c r="AK8278">
        <v>39201.579400000002</v>
      </c>
      <c r="AL8278">
        <v>87714.262170000002</v>
      </c>
      <c r="AM8278">
        <v>21862.962500000001</v>
      </c>
      <c r="AN8278">
        <v>93686.015069999994</v>
      </c>
      <c r="AO8278">
        <v>39454.063770000001</v>
      </c>
      <c r="AP8278">
        <v>18650.732230000001</v>
      </c>
    </row>
    <row r="8279" spans="2:42" x14ac:dyDescent="0.3">
      <c r="B8279">
        <v>62.41782833422333</v>
      </c>
      <c r="C8279" s="83">
        <v>43445.875</v>
      </c>
      <c r="D8279">
        <v>247165.04829999999</v>
      </c>
      <c r="E8279">
        <v>17919.846109999999</v>
      </c>
      <c r="F8279">
        <v>56502.10929</v>
      </c>
      <c r="G8279">
        <v>49093.48835</v>
      </c>
      <c r="H8279">
        <v>42507.542200000004</v>
      </c>
      <c r="I8279">
        <v>29148.755539999998</v>
      </c>
      <c r="J8279">
        <v>28971.717379999998</v>
      </c>
      <c r="K8279">
        <v>54437.766009999999</v>
      </c>
      <c r="L8279">
        <v>27587.044610000001</v>
      </c>
      <c r="M8279">
        <v>318235.19689999998</v>
      </c>
      <c r="N8279">
        <v>80600.508109999995</v>
      </c>
      <c r="O8279">
        <v>22396.79119</v>
      </c>
      <c r="P8279">
        <v>38135.501960000001</v>
      </c>
      <c r="Q8279">
        <v>85512.055989999993</v>
      </c>
      <c r="R8279">
        <v>20094.358120000001</v>
      </c>
      <c r="S8279">
        <v>87409.002869999997</v>
      </c>
      <c r="T8279">
        <v>35408.219660000002</v>
      </c>
      <c r="U8279">
        <v>17195.65294</v>
      </c>
      <c r="W8279" s="83">
        <f>Bühler!N8311</f>
        <v>45636.874999979926</v>
      </c>
      <c r="X8279" s="83">
        <v>43445.875</v>
      </c>
      <c r="Y8279">
        <v>247165.04829999999</v>
      </c>
      <c r="Z8279">
        <v>17919.846109999999</v>
      </c>
      <c r="AA8279">
        <v>56502.10929</v>
      </c>
      <c r="AB8279">
        <v>49093.48835</v>
      </c>
      <c r="AC8279">
        <v>42507.542200000004</v>
      </c>
      <c r="AD8279">
        <v>29148.755539999998</v>
      </c>
      <c r="AE8279">
        <v>28971.717379999998</v>
      </c>
      <c r="AF8279">
        <v>54437.766009999999</v>
      </c>
      <c r="AG8279">
        <v>27587.044610000001</v>
      </c>
      <c r="AH8279">
        <v>318235.19689999998</v>
      </c>
      <c r="AI8279">
        <v>80600.508109999995</v>
      </c>
      <c r="AJ8279">
        <v>22396.79119</v>
      </c>
      <c r="AK8279">
        <v>38135.501960000001</v>
      </c>
      <c r="AL8279">
        <v>85512.055989999993</v>
      </c>
      <c r="AM8279">
        <v>20094.358120000001</v>
      </c>
      <c r="AN8279">
        <v>87409.002869999997</v>
      </c>
      <c r="AO8279">
        <v>35408.219660000002</v>
      </c>
      <c r="AP8279">
        <v>17195.65294</v>
      </c>
    </row>
    <row r="8280" spans="2:42" x14ac:dyDescent="0.3">
      <c r="B8280">
        <v>62.660360326603957</v>
      </c>
      <c r="C8280" s="83">
        <v>43445.916666666664</v>
      </c>
      <c r="D8280">
        <v>244564.2629</v>
      </c>
      <c r="E8280">
        <v>17392.566879999998</v>
      </c>
      <c r="F8280">
        <v>54199.045109999999</v>
      </c>
      <c r="G8280">
        <v>46248.396480000003</v>
      </c>
      <c r="H8280">
        <v>41315.122210000001</v>
      </c>
      <c r="I8280">
        <v>27269.269629999999</v>
      </c>
      <c r="J8280">
        <v>28243.808440000001</v>
      </c>
      <c r="K8280">
        <v>56931.934159999997</v>
      </c>
      <c r="L8280">
        <v>24540.556909999999</v>
      </c>
      <c r="M8280">
        <v>319471.73810000002</v>
      </c>
      <c r="N8280">
        <v>79512.558799999999</v>
      </c>
      <c r="O8280">
        <v>23103.016049999998</v>
      </c>
      <c r="P8280">
        <v>40261.769809999998</v>
      </c>
      <c r="Q8280">
        <v>84868.180659999998</v>
      </c>
      <c r="R8280">
        <v>25957.10269</v>
      </c>
      <c r="S8280">
        <v>85566.794219999996</v>
      </c>
      <c r="T8280">
        <v>31251.81121</v>
      </c>
      <c r="U8280">
        <v>17936.481080000001</v>
      </c>
      <c r="W8280" s="83">
        <f>Bühler!N8312</f>
        <v>45636.91666664659</v>
      </c>
      <c r="X8280" s="83">
        <v>43445.916666666664</v>
      </c>
      <c r="Y8280">
        <v>244564.2629</v>
      </c>
      <c r="Z8280">
        <v>17392.566879999998</v>
      </c>
      <c r="AA8280">
        <v>54199.045109999999</v>
      </c>
      <c r="AB8280">
        <v>46248.396480000003</v>
      </c>
      <c r="AC8280">
        <v>41315.122210000001</v>
      </c>
      <c r="AD8280">
        <v>27269.269629999999</v>
      </c>
      <c r="AE8280">
        <v>28243.808440000001</v>
      </c>
      <c r="AF8280">
        <v>56931.934159999997</v>
      </c>
      <c r="AG8280">
        <v>24540.556909999999</v>
      </c>
      <c r="AH8280">
        <v>319471.73810000002</v>
      </c>
      <c r="AI8280">
        <v>79512.558799999999</v>
      </c>
      <c r="AJ8280">
        <v>23103.016049999998</v>
      </c>
      <c r="AK8280">
        <v>40261.769809999998</v>
      </c>
      <c r="AL8280">
        <v>84868.180659999998</v>
      </c>
      <c r="AM8280">
        <v>25957.10269</v>
      </c>
      <c r="AN8280">
        <v>85566.794219999996</v>
      </c>
      <c r="AO8280">
        <v>31251.81121</v>
      </c>
      <c r="AP8280">
        <v>17936.481080000001</v>
      </c>
    </row>
    <row r="8281" spans="2:42" x14ac:dyDescent="0.3">
      <c r="B8281">
        <v>62.261831540941586</v>
      </c>
      <c r="C8281" s="83">
        <v>43445.958333333336</v>
      </c>
      <c r="D8281">
        <v>245032.52160000001</v>
      </c>
      <c r="E8281">
        <v>17192.525519999999</v>
      </c>
      <c r="F8281">
        <v>52794.751250000001</v>
      </c>
      <c r="G8281">
        <v>44712.055670000002</v>
      </c>
      <c r="H8281">
        <v>40373.539830000002</v>
      </c>
      <c r="I8281">
        <v>25728.725119999999</v>
      </c>
      <c r="J8281">
        <v>26633.844580000001</v>
      </c>
      <c r="K8281">
        <v>55714.756300000001</v>
      </c>
      <c r="L8281">
        <v>21035.246869999999</v>
      </c>
      <c r="M8281">
        <v>317439.85249999998</v>
      </c>
      <c r="N8281">
        <v>79108.173819999996</v>
      </c>
      <c r="O8281">
        <v>23120.462019999999</v>
      </c>
      <c r="P8281">
        <v>35090.606189999999</v>
      </c>
      <c r="Q8281">
        <v>84747.545119999995</v>
      </c>
      <c r="R8281">
        <v>26166.47869</v>
      </c>
      <c r="S8281">
        <v>84595.547089999993</v>
      </c>
      <c r="T8281">
        <v>31866.070080000001</v>
      </c>
      <c r="U8281">
        <v>17089.094369999999</v>
      </c>
      <c r="W8281" s="83">
        <f>Bühler!N8313</f>
        <v>45636.958333313254</v>
      </c>
      <c r="X8281" s="83">
        <v>43445.958333333336</v>
      </c>
      <c r="Y8281">
        <v>245032.52160000001</v>
      </c>
      <c r="Z8281">
        <v>17192.525519999999</v>
      </c>
      <c r="AA8281">
        <v>52794.751250000001</v>
      </c>
      <c r="AB8281">
        <v>44712.055670000002</v>
      </c>
      <c r="AC8281">
        <v>40373.539830000002</v>
      </c>
      <c r="AD8281">
        <v>25728.725119999999</v>
      </c>
      <c r="AE8281">
        <v>26633.844580000001</v>
      </c>
      <c r="AF8281">
        <v>55714.756300000001</v>
      </c>
      <c r="AG8281">
        <v>21035.246869999999</v>
      </c>
      <c r="AH8281">
        <v>317439.85249999998</v>
      </c>
      <c r="AI8281">
        <v>79108.173819999996</v>
      </c>
      <c r="AJ8281">
        <v>23120.462019999999</v>
      </c>
      <c r="AK8281">
        <v>35090.606189999999</v>
      </c>
      <c r="AL8281">
        <v>84747.545119999995</v>
      </c>
      <c r="AM8281">
        <v>26166.47869</v>
      </c>
      <c r="AN8281">
        <v>84595.547089999993</v>
      </c>
      <c r="AO8281">
        <v>31866.070080000001</v>
      </c>
      <c r="AP8281">
        <v>17089.094369999999</v>
      </c>
    </row>
    <row r="8282" spans="2:42" x14ac:dyDescent="0.3">
      <c r="B8282">
        <v>61.361036695596312</v>
      </c>
      <c r="C8282" s="83">
        <v>43446</v>
      </c>
      <c r="D8282">
        <v>243241.64980000001</v>
      </c>
      <c r="E8282">
        <v>16929.964449999999</v>
      </c>
      <c r="F8282">
        <v>52373.878060000003</v>
      </c>
      <c r="G8282">
        <v>44015.440519999996</v>
      </c>
      <c r="H8282">
        <v>39978.269460000003</v>
      </c>
      <c r="I8282">
        <v>23904.602739999998</v>
      </c>
      <c r="J8282">
        <v>24699.21386</v>
      </c>
      <c r="K8282">
        <v>53841.337379999997</v>
      </c>
      <c r="L8282">
        <v>19026.64818</v>
      </c>
      <c r="M8282">
        <v>312847.18030000001</v>
      </c>
      <c r="N8282">
        <v>79008.912760000007</v>
      </c>
      <c r="O8282">
        <v>23101.580979999999</v>
      </c>
      <c r="P8282">
        <v>32464.444370000001</v>
      </c>
      <c r="Q8282">
        <v>84496.359989999997</v>
      </c>
      <c r="R8282">
        <v>24877.044129999998</v>
      </c>
      <c r="S8282">
        <v>83303.639739999999</v>
      </c>
      <c r="T8282">
        <v>29107.612150000001</v>
      </c>
      <c r="U8282">
        <v>17164.457880000002</v>
      </c>
      <c r="W8282" s="83">
        <f>Bühler!N8314</f>
        <v>45636.999999979918</v>
      </c>
      <c r="X8282" s="83">
        <v>43446</v>
      </c>
      <c r="Y8282">
        <v>243241.64980000001</v>
      </c>
      <c r="Z8282">
        <v>16929.964449999999</v>
      </c>
      <c r="AA8282">
        <v>52373.878060000003</v>
      </c>
      <c r="AB8282">
        <v>44015.440519999996</v>
      </c>
      <c r="AC8282">
        <v>39978.269460000003</v>
      </c>
      <c r="AD8282">
        <v>23904.602739999998</v>
      </c>
      <c r="AE8282">
        <v>24699.21386</v>
      </c>
      <c r="AF8282">
        <v>53841.337379999997</v>
      </c>
      <c r="AG8282">
        <v>19026.64818</v>
      </c>
      <c r="AH8282">
        <v>312847.18030000001</v>
      </c>
      <c r="AI8282">
        <v>79008.912760000007</v>
      </c>
      <c r="AJ8282">
        <v>23101.580979999999</v>
      </c>
      <c r="AK8282">
        <v>32464.444370000001</v>
      </c>
      <c r="AL8282">
        <v>84496.359989999997</v>
      </c>
      <c r="AM8282">
        <v>24877.044129999998</v>
      </c>
      <c r="AN8282">
        <v>83303.639739999999</v>
      </c>
      <c r="AO8282">
        <v>29107.612150000001</v>
      </c>
      <c r="AP8282">
        <v>17164.457880000002</v>
      </c>
    </row>
    <row r="8283" spans="2:42" x14ac:dyDescent="0.3">
      <c r="B8283">
        <v>61.224717368688012</v>
      </c>
      <c r="C8283" s="83">
        <v>43446.041666666664</v>
      </c>
      <c r="D8283">
        <v>243686.2574</v>
      </c>
      <c r="E8283">
        <v>17104.44414</v>
      </c>
      <c r="F8283">
        <v>53173.210299999999</v>
      </c>
      <c r="G8283">
        <v>43312.595410000002</v>
      </c>
      <c r="H8283">
        <v>39746.92499</v>
      </c>
      <c r="I8283">
        <v>19823.097870000001</v>
      </c>
      <c r="J8283">
        <v>24696.425579999999</v>
      </c>
      <c r="K8283">
        <v>52173.040639999999</v>
      </c>
      <c r="L8283">
        <v>18546.821039999999</v>
      </c>
      <c r="M8283">
        <v>312152.16080000001</v>
      </c>
      <c r="N8283">
        <v>78171.676609999995</v>
      </c>
      <c r="O8283">
        <v>22736.85543</v>
      </c>
      <c r="P8283">
        <v>31237.979019999999</v>
      </c>
      <c r="Q8283">
        <v>85128.030239999993</v>
      </c>
      <c r="R8283">
        <v>24818.739320000001</v>
      </c>
      <c r="S8283">
        <v>83289.24944</v>
      </c>
      <c r="T8283">
        <v>28379.610639999999</v>
      </c>
      <c r="U8283">
        <v>17839.94382</v>
      </c>
      <c r="W8283" s="83">
        <f>Bühler!N8315</f>
        <v>45637.041666646583</v>
      </c>
      <c r="X8283" s="83">
        <v>43446.041666666664</v>
      </c>
      <c r="Y8283">
        <v>243686.2574</v>
      </c>
      <c r="Z8283">
        <v>17104.44414</v>
      </c>
      <c r="AA8283">
        <v>53173.210299999999</v>
      </c>
      <c r="AB8283">
        <v>43312.595410000002</v>
      </c>
      <c r="AC8283">
        <v>39746.92499</v>
      </c>
      <c r="AD8283">
        <v>19823.097870000001</v>
      </c>
      <c r="AE8283">
        <v>24696.425579999999</v>
      </c>
      <c r="AF8283">
        <v>52173.040639999999</v>
      </c>
      <c r="AG8283">
        <v>18546.821039999999</v>
      </c>
      <c r="AH8283">
        <v>312152.16080000001</v>
      </c>
      <c r="AI8283">
        <v>78171.676609999995</v>
      </c>
      <c r="AJ8283">
        <v>22736.85543</v>
      </c>
      <c r="AK8283">
        <v>31237.979019999999</v>
      </c>
      <c r="AL8283">
        <v>85128.030239999993</v>
      </c>
      <c r="AM8283">
        <v>24818.739320000001</v>
      </c>
      <c r="AN8283">
        <v>83289.24944</v>
      </c>
      <c r="AO8283">
        <v>28379.610639999999</v>
      </c>
      <c r="AP8283">
        <v>17839.94382</v>
      </c>
    </row>
    <row r="8284" spans="2:42" x14ac:dyDescent="0.3">
      <c r="B8284">
        <v>61.672292942782065</v>
      </c>
      <c r="C8284" s="83">
        <v>43446.083333333336</v>
      </c>
      <c r="D8284">
        <v>243837.02979999999</v>
      </c>
      <c r="E8284">
        <v>17038.644540000001</v>
      </c>
      <c r="F8284">
        <v>53657.015899999999</v>
      </c>
      <c r="G8284">
        <v>43023.099490000001</v>
      </c>
      <c r="H8284">
        <v>39346.816500000001</v>
      </c>
      <c r="I8284">
        <v>18196.39286</v>
      </c>
      <c r="J8284">
        <v>24623.727299999999</v>
      </c>
      <c r="K8284">
        <v>51351.631549999998</v>
      </c>
      <c r="L8284">
        <v>17992.117399999999</v>
      </c>
      <c r="M8284">
        <v>314434.10979999998</v>
      </c>
      <c r="N8284">
        <v>78249.532269999996</v>
      </c>
      <c r="O8284">
        <v>23580.875479999999</v>
      </c>
      <c r="P8284">
        <v>30012.64271</v>
      </c>
      <c r="Q8284">
        <v>86283.114539999995</v>
      </c>
      <c r="R8284">
        <v>24557.524829999998</v>
      </c>
      <c r="S8284">
        <v>82529.357480000006</v>
      </c>
      <c r="T8284">
        <v>27858.24567</v>
      </c>
      <c r="U8284">
        <v>17656.155419999999</v>
      </c>
      <c r="W8284" s="83">
        <f>Bühler!N8316</f>
        <v>45637.083333313247</v>
      </c>
      <c r="X8284" s="83">
        <v>43446.083333333336</v>
      </c>
      <c r="Y8284">
        <v>243837.02979999999</v>
      </c>
      <c r="Z8284">
        <v>17038.644540000001</v>
      </c>
      <c r="AA8284">
        <v>53657.015899999999</v>
      </c>
      <c r="AB8284">
        <v>43023.099490000001</v>
      </c>
      <c r="AC8284">
        <v>39346.816500000001</v>
      </c>
      <c r="AD8284">
        <v>18196.39286</v>
      </c>
      <c r="AE8284">
        <v>24623.727299999999</v>
      </c>
      <c r="AF8284">
        <v>51351.631549999998</v>
      </c>
      <c r="AG8284">
        <v>17992.117399999999</v>
      </c>
      <c r="AH8284">
        <v>314434.10979999998</v>
      </c>
      <c r="AI8284">
        <v>78249.532269999996</v>
      </c>
      <c r="AJ8284">
        <v>23580.875479999999</v>
      </c>
      <c r="AK8284">
        <v>30012.64271</v>
      </c>
      <c r="AL8284">
        <v>86283.114539999995</v>
      </c>
      <c r="AM8284">
        <v>24557.524829999998</v>
      </c>
      <c r="AN8284">
        <v>82529.357480000006</v>
      </c>
      <c r="AO8284">
        <v>27858.24567</v>
      </c>
      <c r="AP8284">
        <v>17656.155419999999</v>
      </c>
    </row>
    <row r="8285" spans="2:42" x14ac:dyDescent="0.3">
      <c r="B8285">
        <v>61.615293468722868</v>
      </c>
      <c r="C8285" s="83">
        <v>43446.125</v>
      </c>
      <c r="D8285">
        <v>244980.48050000001</v>
      </c>
      <c r="E8285">
        <v>17378.178550000001</v>
      </c>
      <c r="F8285">
        <v>54139.943670000001</v>
      </c>
      <c r="G8285">
        <v>42420.953020000001</v>
      </c>
      <c r="H8285">
        <v>39965.035490000002</v>
      </c>
      <c r="I8285">
        <v>18489.92873</v>
      </c>
      <c r="J8285">
        <v>24710.459340000001</v>
      </c>
      <c r="K8285">
        <v>49812.859949999998</v>
      </c>
      <c r="L8285">
        <v>17839.426660000001</v>
      </c>
      <c r="M8285">
        <v>314143.4999</v>
      </c>
      <c r="N8285">
        <v>78861.432249999998</v>
      </c>
      <c r="O8285">
        <v>23428.314040000001</v>
      </c>
      <c r="P8285">
        <v>28754.974699999999</v>
      </c>
      <c r="Q8285">
        <v>89724.183290000001</v>
      </c>
      <c r="R8285">
        <v>24753.198499999999</v>
      </c>
      <c r="S8285">
        <v>82581.600430000006</v>
      </c>
      <c r="T8285">
        <v>28291.184359999999</v>
      </c>
      <c r="U8285">
        <v>17975.914840000001</v>
      </c>
      <c r="W8285" s="83">
        <f>Bühler!N8317</f>
        <v>45637.124999979911</v>
      </c>
      <c r="X8285" s="83">
        <v>43446.125</v>
      </c>
      <c r="Y8285">
        <v>244980.48050000001</v>
      </c>
      <c r="Z8285">
        <v>17378.178550000001</v>
      </c>
      <c r="AA8285">
        <v>54139.943670000001</v>
      </c>
      <c r="AB8285">
        <v>42420.953020000001</v>
      </c>
      <c r="AC8285">
        <v>39965.035490000002</v>
      </c>
      <c r="AD8285">
        <v>18489.92873</v>
      </c>
      <c r="AE8285">
        <v>24710.459340000001</v>
      </c>
      <c r="AF8285">
        <v>49812.859949999998</v>
      </c>
      <c r="AG8285">
        <v>17839.426660000001</v>
      </c>
      <c r="AH8285">
        <v>314143.4999</v>
      </c>
      <c r="AI8285">
        <v>78861.432249999998</v>
      </c>
      <c r="AJ8285">
        <v>23428.314040000001</v>
      </c>
      <c r="AK8285">
        <v>28754.974699999999</v>
      </c>
      <c r="AL8285">
        <v>89724.183290000001</v>
      </c>
      <c r="AM8285">
        <v>24753.198499999999</v>
      </c>
      <c r="AN8285">
        <v>82581.600430000006</v>
      </c>
      <c r="AO8285">
        <v>28291.184359999999</v>
      </c>
      <c r="AP8285">
        <v>17975.914840000001</v>
      </c>
    </row>
    <row r="8286" spans="2:42" x14ac:dyDescent="0.3">
      <c r="B8286">
        <v>62.795813196875351</v>
      </c>
      <c r="C8286" s="83">
        <v>43446.166666666664</v>
      </c>
      <c r="D8286">
        <v>248477.20730000001</v>
      </c>
      <c r="E8286">
        <v>17850.684079999999</v>
      </c>
      <c r="F8286">
        <v>57934.128579999997</v>
      </c>
      <c r="G8286">
        <v>42584.679649999998</v>
      </c>
      <c r="H8286">
        <v>40623.356890000003</v>
      </c>
      <c r="I8286">
        <v>21090.10613</v>
      </c>
      <c r="J8286">
        <v>26130.719949999999</v>
      </c>
      <c r="K8286">
        <v>47347.104570000003</v>
      </c>
      <c r="L8286">
        <v>17918.392769999999</v>
      </c>
      <c r="M8286">
        <v>320162.34000000003</v>
      </c>
      <c r="N8286">
        <v>78623.574110000001</v>
      </c>
      <c r="O8286">
        <v>24037.056079999998</v>
      </c>
      <c r="P8286">
        <v>28626.503369999999</v>
      </c>
      <c r="Q8286">
        <v>93383.996750000006</v>
      </c>
      <c r="R8286">
        <v>24722.503000000001</v>
      </c>
      <c r="S8286">
        <v>82383.825790000003</v>
      </c>
      <c r="T8286">
        <v>28660.311379999999</v>
      </c>
      <c r="U8286">
        <v>18656.901470000001</v>
      </c>
      <c r="W8286" s="83">
        <f>Bühler!N8318</f>
        <v>45637.166666646575</v>
      </c>
      <c r="X8286" s="83">
        <v>43446.166666666664</v>
      </c>
      <c r="Y8286">
        <v>248477.20730000001</v>
      </c>
      <c r="Z8286">
        <v>17850.684079999999</v>
      </c>
      <c r="AA8286">
        <v>57934.128579999997</v>
      </c>
      <c r="AB8286">
        <v>42584.679649999998</v>
      </c>
      <c r="AC8286">
        <v>40623.356890000003</v>
      </c>
      <c r="AD8286">
        <v>21090.10613</v>
      </c>
      <c r="AE8286">
        <v>26130.719949999999</v>
      </c>
      <c r="AF8286">
        <v>47347.104570000003</v>
      </c>
      <c r="AG8286">
        <v>17918.392769999999</v>
      </c>
      <c r="AH8286">
        <v>320162.34000000003</v>
      </c>
      <c r="AI8286">
        <v>78623.574110000001</v>
      </c>
      <c r="AJ8286">
        <v>24037.056079999998</v>
      </c>
      <c r="AK8286">
        <v>28626.503369999999</v>
      </c>
      <c r="AL8286">
        <v>93383.996750000006</v>
      </c>
      <c r="AM8286">
        <v>24722.503000000001</v>
      </c>
      <c r="AN8286">
        <v>82383.825790000003</v>
      </c>
      <c r="AO8286">
        <v>28660.311379999999</v>
      </c>
      <c r="AP8286">
        <v>18656.901470000001</v>
      </c>
    </row>
    <row r="8287" spans="2:42" x14ac:dyDescent="0.3">
      <c r="B8287">
        <v>65.653293902418639</v>
      </c>
      <c r="C8287" s="83">
        <v>43446.208333333336</v>
      </c>
      <c r="D8287">
        <v>265285.08069999999</v>
      </c>
      <c r="E8287">
        <v>20061.194080000001</v>
      </c>
      <c r="F8287">
        <v>69259.389230000001</v>
      </c>
      <c r="G8287">
        <v>45814.2808</v>
      </c>
      <c r="H8287">
        <v>42834.36537</v>
      </c>
      <c r="I8287">
        <v>29602.58628</v>
      </c>
      <c r="J8287">
        <v>28332.644749999999</v>
      </c>
      <c r="K8287">
        <v>48539.452420000001</v>
      </c>
      <c r="L8287">
        <v>18711.783459999999</v>
      </c>
      <c r="M8287">
        <v>334731.10920000001</v>
      </c>
      <c r="N8287">
        <v>79869.393129999997</v>
      </c>
      <c r="O8287">
        <v>24547.448619999999</v>
      </c>
      <c r="P8287">
        <v>30184.85282</v>
      </c>
      <c r="Q8287">
        <v>95448.855880000003</v>
      </c>
      <c r="R8287">
        <v>25492.80904</v>
      </c>
      <c r="S8287">
        <v>85329.616510000007</v>
      </c>
      <c r="T8287">
        <v>29926.453890000001</v>
      </c>
      <c r="U8287">
        <v>20082.691210000001</v>
      </c>
      <c r="W8287" s="83">
        <f>Bühler!N8319</f>
        <v>45637.20833331324</v>
      </c>
      <c r="X8287" s="83">
        <v>43446.208333333336</v>
      </c>
      <c r="Y8287">
        <v>265285.08069999999</v>
      </c>
      <c r="Z8287">
        <v>20061.194080000001</v>
      </c>
      <c r="AA8287">
        <v>69259.389230000001</v>
      </c>
      <c r="AB8287">
        <v>45814.2808</v>
      </c>
      <c r="AC8287">
        <v>42834.36537</v>
      </c>
      <c r="AD8287">
        <v>29602.58628</v>
      </c>
      <c r="AE8287">
        <v>28332.644749999999</v>
      </c>
      <c r="AF8287">
        <v>48539.452420000001</v>
      </c>
      <c r="AG8287">
        <v>18711.783459999999</v>
      </c>
      <c r="AH8287">
        <v>334731.10920000001</v>
      </c>
      <c r="AI8287">
        <v>79869.393129999997</v>
      </c>
      <c r="AJ8287">
        <v>24547.448619999999</v>
      </c>
      <c r="AK8287">
        <v>30184.85282</v>
      </c>
      <c r="AL8287">
        <v>95448.855880000003</v>
      </c>
      <c r="AM8287">
        <v>25492.80904</v>
      </c>
      <c r="AN8287">
        <v>85329.616510000007</v>
      </c>
      <c r="AO8287">
        <v>29926.453890000001</v>
      </c>
      <c r="AP8287">
        <v>20082.691210000001</v>
      </c>
    </row>
    <row r="8288" spans="2:42" x14ac:dyDescent="0.3">
      <c r="B8288">
        <v>69.440338516425854</v>
      </c>
      <c r="C8288" s="83">
        <v>43446.25</v>
      </c>
      <c r="D8288">
        <v>282582.84889999998</v>
      </c>
      <c r="E8288">
        <v>24301.874319999999</v>
      </c>
      <c r="F8288">
        <v>81629.076809999999</v>
      </c>
      <c r="G8288">
        <v>58983.311150000001</v>
      </c>
      <c r="H8288">
        <v>46794.256309999997</v>
      </c>
      <c r="I8288">
        <v>38386.99699</v>
      </c>
      <c r="J8288">
        <v>31937.043549999999</v>
      </c>
      <c r="K8288">
        <v>51788.142720000003</v>
      </c>
      <c r="L8288">
        <v>20641.278910000001</v>
      </c>
      <c r="M8288">
        <v>354039.22869999998</v>
      </c>
      <c r="N8288">
        <v>84053.306039999996</v>
      </c>
      <c r="O8288">
        <v>25737.291440000001</v>
      </c>
      <c r="P8288">
        <v>30714.72293</v>
      </c>
      <c r="Q8288">
        <v>97509.386670000007</v>
      </c>
      <c r="R8288">
        <v>21566.57847</v>
      </c>
      <c r="S8288">
        <v>93989.661649999995</v>
      </c>
      <c r="T8288">
        <v>33557.999320000003</v>
      </c>
      <c r="U8288">
        <v>22350.443510000001</v>
      </c>
      <c r="W8288" s="83">
        <f>Bühler!N8320</f>
        <v>45637.249999979904</v>
      </c>
      <c r="X8288" s="83">
        <v>43446.25</v>
      </c>
      <c r="Y8288">
        <v>282582.84889999998</v>
      </c>
      <c r="Z8288">
        <v>24301.874319999999</v>
      </c>
      <c r="AA8288">
        <v>81629.076809999999</v>
      </c>
      <c r="AB8288">
        <v>58983.311150000001</v>
      </c>
      <c r="AC8288">
        <v>46794.256309999997</v>
      </c>
      <c r="AD8288">
        <v>38386.99699</v>
      </c>
      <c r="AE8288">
        <v>31937.043549999999</v>
      </c>
      <c r="AF8288">
        <v>51788.142720000003</v>
      </c>
      <c r="AG8288">
        <v>20641.278910000001</v>
      </c>
      <c r="AH8288">
        <v>354039.22869999998</v>
      </c>
      <c r="AI8288">
        <v>84053.306039999996</v>
      </c>
      <c r="AJ8288">
        <v>25737.291440000001</v>
      </c>
      <c r="AK8288">
        <v>30714.72293</v>
      </c>
      <c r="AL8288">
        <v>97509.386670000007</v>
      </c>
      <c r="AM8288">
        <v>21566.57847</v>
      </c>
      <c r="AN8288">
        <v>93989.661649999995</v>
      </c>
      <c r="AO8288">
        <v>33557.999320000003</v>
      </c>
      <c r="AP8288">
        <v>22350.443510000001</v>
      </c>
    </row>
    <row r="8289" spans="2:42" x14ac:dyDescent="0.3">
      <c r="B8289">
        <v>70.924191913229521</v>
      </c>
      <c r="C8289" s="83">
        <v>43446.291666666664</v>
      </c>
      <c r="D8289">
        <v>297281.71779999998</v>
      </c>
      <c r="E8289">
        <v>30078.462790000001</v>
      </c>
      <c r="F8289">
        <v>84291.839240000001</v>
      </c>
      <c r="G8289">
        <v>75299.164659999995</v>
      </c>
      <c r="H8289">
        <v>53544.1754</v>
      </c>
      <c r="I8289">
        <v>47847.751680000001</v>
      </c>
      <c r="J8289">
        <v>33070.108679999998</v>
      </c>
      <c r="K8289">
        <v>57913.693399999996</v>
      </c>
      <c r="L8289">
        <v>23792.549569999999</v>
      </c>
      <c r="M8289">
        <v>361604.6053</v>
      </c>
      <c r="N8289">
        <v>89905.23474</v>
      </c>
      <c r="O8289">
        <v>28665.649669999999</v>
      </c>
      <c r="P8289">
        <v>33955.74267</v>
      </c>
      <c r="Q8289">
        <v>97124.085909999994</v>
      </c>
      <c r="R8289">
        <v>24067.88665</v>
      </c>
      <c r="S8289">
        <v>111697.0445</v>
      </c>
      <c r="T8289">
        <v>35229.399109999998</v>
      </c>
      <c r="U8289">
        <v>27678.070660000001</v>
      </c>
      <c r="W8289" s="83">
        <f>Bühler!N8321</f>
        <v>45637.291666646568</v>
      </c>
      <c r="X8289" s="83">
        <v>43446.291666666664</v>
      </c>
      <c r="Y8289">
        <v>297281.71779999998</v>
      </c>
      <c r="Z8289">
        <v>30078.462790000001</v>
      </c>
      <c r="AA8289">
        <v>84291.839240000001</v>
      </c>
      <c r="AB8289">
        <v>75299.164659999995</v>
      </c>
      <c r="AC8289">
        <v>53544.1754</v>
      </c>
      <c r="AD8289">
        <v>47847.751680000001</v>
      </c>
      <c r="AE8289">
        <v>33070.108679999998</v>
      </c>
      <c r="AF8289">
        <v>57913.693399999996</v>
      </c>
      <c r="AG8289">
        <v>23792.549569999999</v>
      </c>
      <c r="AH8289">
        <v>361604.6053</v>
      </c>
      <c r="AI8289">
        <v>89905.23474</v>
      </c>
      <c r="AJ8289">
        <v>28665.649669999999</v>
      </c>
      <c r="AK8289">
        <v>33955.74267</v>
      </c>
      <c r="AL8289">
        <v>97124.085909999994</v>
      </c>
      <c r="AM8289">
        <v>24067.88665</v>
      </c>
      <c r="AN8289">
        <v>111697.0445</v>
      </c>
      <c r="AO8289">
        <v>35229.399109999998</v>
      </c>
      <c r="AP8289">
        <v>27678.070660000001</v>
      </c>
    </row>
    <row r="8290" spans="2:42" x14ac:dyDescent="0.3">
      <c r="B8290">
        <v>71.644623579076537</v>
      </c>
      <c r="C8290" s="83">
        <v>43446.333333333336</v>
      </c>
      <c r="D8290">
        <v>309107.61550000001</v>
      </c>
      <c r="E8290">
        <v>36519.648150000001</v>
      </c>
      <c r="F8290">
        <v>92513.962169999999</v>
      </c>
      <c r="G8290">
        <v>91905.886570000002</v>
      </c>
      <c r="H8290">
        <v>59231.026870000002</v>
      </c>
      <c r="I8290">
        <v>50537.60039</v>
      </c>
      <c r="J8290">
        <v>33110.071550000001</v>
      </c>
      <c r="K8290">
        <v>62149.769039999999</v>
      </c>
      <c r="L8290">
        <v>27605.463169999999</v>
      </c>
      <c r="M8290">
        <v>365277.70189999999</v>
      </c>
      <c r="N8290">
        <v>97829.459350000005</v>
      </c>
      <c r="O8290">
        <v>30054.779109999999</v>
      </c>
      <c r="P8290">
        <v>36965.757850000002</v>
      </c>
      <c r="Q8290">
        <v>97119.771189999999</v>
      </c>
      <c r="R8290">
        <v>23679.146369999999</v>
      </c>
      <c r="S8290">
        <v>125235.4329</v>
      </c>
      <c r="T8290">
        <v>38664.895770000003</v>
      </c>
      <c r="U8290">
        <v>31158.482489999999</v>
      </c>
      <c r="W8290" s="83">
        <f>Bühler!N8322</f>
        <v>45637.333333313232</v>
      </c>
      <c r="X8290" s="83">
        <v>43446.333333333336</v>
      </c>
      <c r="Y8290">
        <v>309107.61550000001</v>
      </c>
      <c r="Z8290">
        <v>36519.648150000001</v>
      </c>
      <c r="AA8290">
        <v>92513.962169999999</v>
      </c>
      <c r="AB8290">
        <v>91905.886570000002</v>
      </c>
      <c r="AC8290">
        <v>59231.026870000002</v>
      </c>
      <c r="AD8290">
        <v>50537.60039</v>
      </c>
      <c r="AE8290">
        <v>33110.071550000001</v>
      </c>
      <c r="AF8290">
        <v>62149.769039999999</v>
      </c>
      <c r="AG8290">
        <v>27605.463169999999</v>
      </c>
      <c r="AH8290">
        <v>365277.70189999999</v>
      </c>
      <c r="AI8290">
        <v>97829.459350000005</v>
      </c>
      <c r="AJ8290">
        <v>30054.779109999999</v>
      </c>
      <c r="AK8290">
        <v>36965.757850000002</v>
      </c>
      <c r="AL8290">
        <v>97119.771189999999</v>
      </c>
      <c r="AM8290">
        <v>23679.146369999999</v>
      </c>
      <c r="AN8290">
        <v>125235.4329</v>
      </c>
      <c r="AO8290">
        <v>38664.895770000003</v>
      </c>
      <c r="AP8290">
        <v>31158.482489999999</v>
      </c>
    </row>
    <row r="8291" spans="2:42" x14ac:dyDescent="0.3">
      <c r="B8291">
        <v>71.721062918646737</v>
      </c>
      <c r="C8291" s="83">
        <v>43446.375</v>
      </c>
      <c r="D8291">
        <v>307270.16110000003</v>
      </c>
      <c r="E8291">
        <v>40424.94846</v>
      </c>
      <c r="F8291">
        <v>98147.430259999994</v>
      </c>
      <c r="G8291">
        <v>98294.832030000005</v>
      </c>
      <c r="H8291">
        <v>60162.091189999999</v>
      </c>
      <c r="I8291">
        <v>47442.702219999999</v>
      </c>
      <c r="J8291">
        <v>32463.607530000001</v>
      </c>
      <c r="K8291">
        <v>60672.29148</v>
      </c>
      <c r="L8291">
        <v>30615.04175</v>
      </c>
      <c r="M8291">
        <v>365667.4253</v>
      </c>
      <c r="N8291">
        <v>100826.22199999999</v>
      </c>
      <c r="O8291">
        <v>29682.2359</v>
      </c>
      <c r="P8291">
        <v>38827.645080000002</v>
      </c>
      <c r="Q8291">
        <v>96467.249620000002</v>
      </c>
      <c r="R8291">
        <v>23094.469880000001</v>
      </c>
      <c r="S8291">
        <v>132030.85459999999</v>
      </c>
      <c r="T8291">
        <v>41440.199110000001</v>
      </c>
      <c r="U8291">
        <v>30076.15281</v>
      </c>
      <c r="W8291" s="83">
        <f>Bühler!N8323</f>
        <v>45637.374999979897</v>
      </c>
      <c r="X8291" s="83">
        <v>43446.375</v>
      </c>
      <c r="Y8291">
        <v>307270.16110000003</v>
      </c>
      <c r="Z8291">
        <v>40424.94846</v>
      </c>
      <c r="AA8291">
        <v>98147.430259999994</v>
      </c>
      <c r="AB8291">
        <v>98294.832030000005</v>
      </c>
      <c r="AC8291">
        <v>60162.091189999999</v>
      </c>
      <c r="AD8291">
        <v>47442.702219999999</v>
      </c>
      <c r="AE8291">
        <v>32463.607530000001</v>
      </c>
      <c r="AF8291">
        <v>60672.29148</v>
      </c>
      <c r="AG8291">
        <v>30615.04175</v>
      </c>
      <c r="AH8291">
        <v>365667.4253</v>
      </c>
      <c r="AI8291">
        <v>100826.22199999999</v>
      </c>
      <c r="AJ8291">
        <v>29682.2359</v>
      </c>
      <c r="AK8291">
        <v>38827.645080000002</v>
      </c>
      <c r="AL8291">
        <v>96467.249620000002</v>
      </c>
      <c r="AM8291">
        <v>23094.469880000001</v>
      </c>
      <c r="AN8291">
        <v>132030.85459999999</v>
      </c>
      <c r="AO8291">
        <v>41440.199110000001</v>
      </c>
      <c r="AP8291">
        <v>30076.15281</v>
      </c>
    </row>
    <row r="8292" spans="2:42" x14ac:dyDescent="0.3">
      <c r="B8292">
        <v>72.057161773688463</v>
      </c>
      <c r="C8292" s="83">
        <v>43446.416666666664</v>
      </c>
      <c r="D8292">
        <v>308130.51909999998</v>
      </c>
      <c r="E8292">
        <v>41458.954969999999</v>
      </c>
      <c r="F8292">
        <v>98509.221260000006</v>
      </c>
      <c r="G8292">
        <v>97903.158280000003</v>
      </c>
      <c r="H8292">
        <v>60268.671150000002</v>
      </c>
      <c r="I8292">
        <v>43170.710729999999</v>
      </c>
      <c r="J8292">
        <v>31729.44974</v>
      </c>
      <c r="K8292">
        <v>62574.980219999998</v>
      </c>
      <c r="L8292">
        <v>32696.453710000002</v>
      </c>
      <c r="M8292">
        <v>367381.01400000002</v>
      </c>
      <c r="N8292">
        <v>101696.80929999999</v>
      </c>
      <c r="O8292">
        <v>29326.766210000002</v>
      </c>
      <c r="P8292">
        <v>38061.76496</v>
      </c>
      <c r="Q8292">
        <v>97871.482780000006</v>
      </c>
      <c r="R8292">
        <v>23566.662319999999</v>
      </c>
      <c r="S8292">
        <v>130649.5779</v>
      </c>
      <c r="T8292">
        <v>41837.88867</v>
      </c>
      <c r="U8292">
        <v>29385.202969999998</v>
      </c>
      <c r="W8292" s="83">
        <f>Bühler!N8324</f>
        <v>45637.416666646561</v>
      </c>
      <c r="X8292" s="83">
        <v>43446.416666666664</v>
      </c>
      <c r="Y8292">
        <v>308130.51909999998</v>
      </c>
      <c r="Z8292">
        <v>41458.954969999999</v>
      </c>
      <c r="AA8292">
        <v>98509.221260000006</v>
      </c>
      <c r="AB8292">
        <v>97903.158280000003</v>
      </c>
      <c r="AC8292">
        <v>60268.671150000002</v>
      </c>
      <c r="AD8292">
        <v>43170.710729999999</v>
      </c>
      <c r="AE8292">
        <v>31729.44974</v>
      </c>
      <c r="AF8292">
        <v>62574.980219999998</v>
      </c>
      <c r="AG8292">
        <v>32696.453710000002</v>
      </c>
      <c r="AH8292">
        <v>367381.01400000002</v>
      </c>
      <c r="AI8292">
        <v>101696.80929999999</v>
      </c>
      <c r="AJ8292">
        <v>29326.766210000002</v>
      </c>
      <c r="AK8292">
        <v>38061.76496</v>
      </c>
      <c r="AL8292">
        <v>97871.482780000006</v>
      </c>
      <c r="AM8292">
        <v>23566.662319999999</v>
      </c>
      <c r="AN8292">
        <v>130649.5779</v>
      </c>
      <c r="AO8292">
        <v>41837.88867</v>
      </c>
      <c r="AP8292">
        <v>29385.202969999998</v>
      </c>
    </row>
    <row r="8293" spans="2:42" x14ac:dyDescent="0.3">
      <c r="B8293">
        <v>71.531288693398281</v>
      </c>
      <c r="C8293" s="83">
        <v>43446.458333333336</v>
      </c>
      <c r="D8293">
        <v>306209.15639999998</v>
      </c>
      <c r="E8293">
        <v>40865.932430000001</v>
      </c>
      <c r="F8293">
        <v>98776.380999999994</v>
      </c>
      <c r="G8293">
        <v>94650.374630000006</v>
      </c>
      <c r="H8293">
        <v>59586.927620000002</v>
      </c>
      <c r="I8293">
        <v>42487.799570000003</v>
      </c>
      <c r="J8293">
        <v>31601.05963</v>
      </c>
      <c r="K8293">
        <v>67287.352679999996</v>
      </c>
      <c r="L8293">
        <v>33867.459419999999</v>
      </c>
      <c r="M8293">
        <v>364699.86780000001</v>
      </c>
      <c r="N8293">
        <v>99945.236879999997</v>
      </c>
      <c r="O8293">
        <v>29770.071100000001</v>
      </c>
      <c r="P8293">
        <v>36699.863360000003</v>
      </c>
      <c r="Q8293">
        <v>98159.331730000005</v>
      </c>
      <c r="R8293">
        <v>25267.1636</v>
      </c>
      <c r="S8293">
        <v>130703.28019999999</v>
      </c>
      <c r="T8293">
        <v>41528.870889999998</v>
      </c>
      <c r="U8293">
        <v>28688.00848</v>
      </c>
      <c r="W8293" s="83">
        <f>Bühler!N8325</f>
        <v>45637.458333313225</v>
      </c>
      <c r="X8293" s="83">
        <v>43446.458333333336</v>
      </c>
      <c r="Y8293">
        <v>306209.15639999998</v>
      </c>
      <c r="Z8293">
        <v>40865.932430000001</v>
      </c>
      <c r="AA8293">
        <v>98776.380999999994</v>
      </c>
      <c r="AB8293">
        <v>94650.374630000006</v>
      </c>
      <c r="AC8293">
        <v>59586.927620000002</v>
      </c>
      <c r="AD8293">
        <v>42487.799570000003</v>
      </c>
      <c r="AE8293">
        <v>31601.05963</v>
      </c>
      <c r="AF8293">
        <v>67287.352679999996</v>
      </c>
      <c r="AG8293">
        <v>33867.459419999999</v>
      </c>
      <c r="AH8293">
        <v>364699.86780000001</v>
      </c>
      <c r="AI8293">
        <v>99945.236879999997</v>
      </c>
      <c r="AJ8293">
        <v>29770.071100000001</v>
      </c>
      <c r="AK8293">
        <v>36699.863360000003</v>
      </c>
      <c r="AL8293">
        <v>98159.331730000005</v>
      </c>
      <c r="AM8293">
        <v>25267.1636</v>
      </c>
      <c r="AN8293">
        <v>130703.28019999999</v>
      </c>
      <c r="AO8293">
        <v>41528.870889999998</v>
      </c>
      <c r="AP8293">
        <v>28688.00848</v>
      </c>
    </row>
    <row r="8294" spans="2:42" x14ac:dyDescent="0.3">
      <c r="B8294">
        <v>70.872478911256678</v>
      </c>
      <c r="C8294" s="83">
        <v>43446.5</v>
      </c>
      <c r="D8294">
        <v>292316.647</v>
      </c>
      <c r="E8294">
        <v>36144.256970000002</v>
      </c>
      <c r="F8294">
        <v>93167.864929999996</v>
      </c>
      <c r="G8294">
        <v>87404.745209999994</v>
      </c>
      <c r="H8294">
        <v>55533.152569999998</v>
      </c>
      <c r="I8294">
        <v>40553.251920000002</v>
      </c>
      <c r="J8294">
        <v>31522.656269999999</v>
      </c>
      <c r="K8294">
        <v>64154.513149999999</v>
      </c>
      <c r="L8294">
        <v>35818.380980000002</v>
      </c>
      <c r="M8294">
        <v>361340.94829999999</v>
      </c>
      <c r="N8294">
        <v>96661.306039999996</v>
      </c>
      <c r="O8294">
        <v>29996.723119999999</v>
      </c>
      <c r="P8294">
        <v>36994.843030000004</v>
      </c>
      <c r="Q8294">
        <v>96485.233359999998</v>
      </c>
      <c r="R8294">
        <v>26952.859359999999</v>
      </c>
      <c r="S8294">
        <v>122867.36719999999</v>
      </c>
      <c r="T8294">
        <v>40428.236239999998</v>
      </c>
      <c r="U8294">
        <v>23788.333849999999</v>
      </c>
      <c r="W8294" s="83">
        <f>Bühler!N8326</f>
        <v>45637.499999979889</v>
      </c>
      <c r="X8294" s="83">
        <v>43446.5</v>
      </c>
      <c r="Y8294">
        <v>292316.647</v>
      </c>
      <c r="Z8294">
        <v>36144.256970000002</v>
      </c>
      <c r="AA8294">
        <v>93167.864929999996</v>
      </c>
      <c r="AB8294">
        <v>87404.745209999994</v>
      </c>
      <c r="AC8294">
        <v>55533.152569999998</v>
      </c>
      <c r="AD8294">
        <v>40553.251920000002</v>
      </c>
      <c r="AE8294">
        <v>31522.656269999999</v>
      </c>
      <c r="AF8294">
        <v>64154.513149999999</v>
      </c>
      <c r="AG8294">
        <v>35818.380980000002</v>
      </c>
      <c r="AH8294">
        <v>361340.94829999999</v>
      </c>
      <c r="AI8294">
        <v>96661.306039999996</v>
      </c>
      <c r="AJ8294">
        <v>29996.723119999999</v>
      </c>
      <c r="AK8294">
        <v>36994.843030000004</v>
      </c>
      <c r="AL8294">
        <v>96485.233359999998</v>
      </c>
      <c r="AM8294">
        <v>26952.859359999999</v>
      </c>
      <c r="AN8294">
        <v>122867.36719999999</v>
      </c>
      <c r="AO8294">
        <v>40428.236239999998</v>
      </c>
      <c r="AP8294">
        <v>23788.333849999999</v>
      </c>
    </row>
    <row r="8295" spans="2:42" x14ac:dyDescent="0.3">
      <c r="B8295">
        <v>70.658282439856407</v>
      </c>
      <c r="C8295" s="83">
        <v>43446.541666666664</v>
      </c>
      <c r="D8295">
        <v>292765.12119999999</v>
      </c>
      <c r="E8295">
        <v>36142.265820000001</v>
      </c>
      <c r="F8295">
        <v>90034.605519999997</v>
      </c>
      <c r="G8295">
        <v>81445.344379999995</v>
      </c>
      <c r="H8295">
        <v>56016.949569999997</v>
      </c>
      <c r="I8295">
        <v>40692.829539999999</v>
      </c>
      <c r="J8295">
        <v>30613.586879999999</v>
      </c>
      <c r="K8295">
        <v>65370.302490000002</v>
      </c>
      <c r="L8295">
        <v>33911.266439999999</v>
      </c>
      <c r="M8295">
        <v>360248.87479999999</v>
      </c>
      <c r="N8295">
        <v>95231.317760000005</v>
      </c>
      <c r="O8295">
        <v>29960.498479999998</v>
      </c>
      <c r="P8295">
        <v>36722.899109999998</v>
      </c>
      <c r="Q8295">
        <v>95626.806939999995</v>
      </c>
      <c r="R8295">
        <v>27240.297760000001</v>
      </c>
      <c r="S8295">
        <v>121605.4676</v>
      </c>
      <c r="T8295">
        <v>39641.389640000001</v>
      </c>
      <c r="U8295">
        <v>25589.656650000001</v>
      </c>
      <c r="W8295" s="83">
        <f>Bühler!N8327</f>
        <v>45637.541666646553</v>
      </c>
      <c r="X8295" s="83">
        <v>43446.541666666664</v>
      </c>
      <c r="Y8295">
        <v>292765.12119999999</v>
      </c>
      <c r="Z8295">
        <v>36142.265820000001</v>
      </c>
      <c r="AA8295">
        <v>90034.605519999997</v>
      </c>
      <c r="AB8295">
        <v>81445.344379999995</v>
      </c>
      <c r="AC8295">
        <v>56016.949569999997</v>
      </c>
      <c r="AD8295">
        <v>40692.829539999999</v>
      </c>
      <c r="AE8295">
        <v>30613.586879999999</v>
      </c>
      <c r="AF8295">
        <v>65370.302490000002</v>
      </c>
      <c r="AG8295">
        <v>33911.266439999999</v>
      </c>
      <c r="AH8295">
        <v>360248.87479999999</v>
      </c>
      <c r="AI8295">
        <v>95231.317760000005</v>
      </c>
      <c r="AJ8295">
        <v>29960.498479999998</v>
      </c>
      <c r="AK8295">
        <v>36722.899109999998</v>
      </c>
      <c r="AL8295">
        <v>95626.806939999995</v>
      </c>
      <c r="AM8295">
        <v>27240.297760000001</v>
      </c>
      <c r="AN8295">
        <v>121605.4676</v>
      </c>
      <c r="AO8295">
        <v>39641.389640000001</v>
      </c>
      <c r="AP8295">
        <v>25589.656650000001</v>
      </c>
    </row>
    <row r="8296" spans="2:42" x14ac:dyDescent="0.3">
      <c r="B8296">
        <v>70.730820037477983</v>
      </c>
      <c r="C8296" s="83">
        <v>43446.583333333336</v>
      </c>
      <c r="D8296">
        <v>296609.18099999998</v>
      </c>
      <c r="E8296">
        <v>38979.752639999999</v>
      </c>
      <c r="F8296">
        <v>97041.99424</v>
      </c>
      <c r="G8296">
        <v>79031.741129999995</v>
      </c>
      <c r="H8296">
        <v>55326.730620000002</v>
      </c>
      <c r="I8296">
        <v>41223.409339999998</v>
      </c>
      <c r="J8296">
        <v>30128.501069999998</v>
      </c>
      <c r="K8296">
        <v>67117.451929999996</v>
      </c>
      <c r="L8296">
        <v>30122.481360000002</v>
      </c>
      <c r="M8296">
        <v>360618.70529999997</v>
      </c>
      <c r="N8296">
        <v>96403.382270000002</v>
      </c>
      <c r="O8296">
        <v>28897.499680000001</v>
      </c>
      <c r="P8296">
        <v>32800.749969999997</v>
      </c>
      <c r="Q8296">
        <v>94179.132970000006</v>
      </c>
      <c r="R8296">
        <v>25809.059590000001</v>
      </c>
      <c r="S8296">
        <v>115970.8037</v>
      </c>
      <c r="T8296">
        <v>37836.801590000003</v>
      </c>
      <c r="U8296">
        <v>26300.34346</v>
      </c>
      <c r="W8296" s="83">
        <f>Bühler!N8328</f>
        <v>45637.583333313218</v>
      </c>
      <c r="X8296" s="83">
        <v>43446.583333333336</v>
      </c>
      <c r="Y8296">
        <v>296609.18099999998</v>
      </c>
      <c r="Z8296">
        <v>38979.752639999999</v>
      </c>
      <c r="AA8296">
        <v>97041.99424</v>
      </c>
      <c r="AB8296">
        <v>79031.741129999995</v>
      </c>
      <c r="AC8296">
        <v>55326.730620000002</v>
      </c>
      <c r="AD8296">
        <v>41223.409339999998</v>
      </c>
      <c r="AE8296">
        <v>30128.501069999998</v>
      </c>
      <c r="AF8296">
        <v>67117.451929999996</v>
      </c>
      <c r="AG8296">
        <v>30122.481360000002</v>
      </c>
      <c r="AH8296">
        <v>360618.70529999997</v>
      </c>
      <c r="AI8296">
        <v>96403.382270000002</v>
      </c>
      <c r="AJ8296">
        <v>28897.499680000001</v>
      </c>
      <c r="AK8296">
        <v>32800.749969999997</v>
      </c>
      <c r="AL8296">
        <v>94179.132970000006</v>
      </c>
      <c r="AM8296">
        <v>25809.059590000001</v>
      </c>
      <c r="AN8296">
        <v>115970.8037</v>
      </c>
      <c r="AO8296">
        <v>37836.801590000003</v>
      </c>
      <c r="AP8296">
        <v>26300.34346</v>
      </c>
    </row>
    <row r="8297" spans="2:42" x14ac:dyDescent="0.3">
      <c r="B8297">
        <v>69.945638488458584</v>
      </c>
      <c r="C8297" s="83">
        <v>43446.625</v>
      </c>
      <c r="D8297">
        <v>295196.1777</v>
      </c>
      <c r="E8297">
        <v>38958.037060000002</v>
      </c>
      <c r="F8297">
        <v>96806.557560000001</v>
      </c>
      <c r="G8297">
        <v>76684.886029999994</v>
      </c>
      <c r="H8297">
        <v>54467.815170000002</v>
      </c>
      <c r="I8297">
        <v>40991.038670000002</v>
      </c>
      <c r="J8297">
        <v>29863.356540000001</v>
      </c>
      <c r="K8297">
        <v>66547.055919999999</v>
      </c>
      <c r="L8297">
        <v>27043.562030000001</v>
      </c>
      <c r="M8297">
        <v>356615.48359999998</v>
      </c>
      <c r="N8297">
        <v>95712.804569999993</v>
      </c>
      <c r="O8297">
        <v>27777.850890000002</v>
      </c>
      <c r="P8297">
        <v>31323.771919999999</v>
      </c>
      <c r="Q8297">
        <v>95188.218510000006</v>
      </c>
      <c r="R8297">
        <v>24734.854169999999</v>
      </c>
      <c r="S8297">
        <v>113436.74860000001</v>
      </c>
      <c r="T8297">
        <v>38115.087169999999</v>
      </c>
      <c r="U8297">
        <v>25882.70809</v>
      </c>
      <c r="W8297" s="83">
        <f>Bühler!N8329</f>
        <v>45637.624999979882</v>
      </c>
      <c r="X8297" s="83">
        <v>43446.625</v>
      </c>
      <c r="Y8297">
        <v>295196.1777</v>
      </c>
      <c r="Z8297">
        <v>38958.037060000002</v>
      </c>
      <c r="AA8297">
        <v>96806.557560000001</v>
      </c>
      <c r="AB8297">
        <v>76684.886029999994</v>
      </c>
      <c r="AC8297">
        <v>54467.815170000002</v>
      </c>
      <c r="AD8297">
        <v>40991.038670000002</v>
      </c>
      <c r="AE8297">
        <v>29863.356540000001</v>
      </c>
      <c r="AF8297">
        <v>66547.055919999999</v>
      </c>
      <c r="AG8297">
        <v>27043.562030000001</v>
      </c>
      <c r="AH8297">
        <v>356615.48359999998</v>
      </c>
      <c r="AI8297">
        <v>95712.804569999993</v>
      </c>
      <c r="AJ8297">
        <v>27777.850890000002</v>
      </c>
      <c r="AK8297">
        <v>31323.771919999999</v>
      </c>
      <c r="AL8297">
        <v>95188.218510000006</v>
      </c>
      <c r="AM8297">
        <v>24734.854169999999</v>
      </c>
      <c r="AN8297">
        <v>113436.74860000001</v>
      </c>
      <c r="AO8297">
        <v>38115.087169999999</v>
      </c>
      <c r="AP8297">
        <v>25882.70809</v>
      </c>
    </row>
    <row r="8298" spans="2:42" x14ac:dyDescent="0.3">
      <c r="B8298">
        <v>68.875313270246622</v>
      </c>
      <c r="C8298" s="83">
        <v>43446.666666666664</v>
      </c>
      <c r="D8298">
        <v>288325.12109999999</v>
      </c>
      <c r="E8298">
        <v>38489.299039999998</v>
      </c>
      <c r="F8298">
        <v>96653.421069999997</v>
      </c>
      <c r="G8298">
        <v>75351.09448</v>
      </c>
      <c r="H8298">
        <v>53676.482490000002</v>
      </c>
      <c r="I8298">
        <v>43733.692840000003</v>
      </c>
      <c r="J8298">
        <v>29695.574850000001</v>
      </c>
      <c r="K8298">
        <v>62851.8946</v>
      </c>
      <c r="L8298">
        <v>26735.453290000001</v>
      </c>
      <c r="M8298">
        <v>351158.46649999998</v>
      </c>
      <c r="N8298">
        <v>93960.045639999997</v>
      </c>
      <c r="O8298">
        <v>28192.110619999999</v>
      </c>
      <c r="P8298">
        <v>32014.66015</v>
      </c>
      <c r="Q8298">
        <v>94044.720119999998</v>
      </c>
      <c r="R8298">
        <v>23574.523239999999</v>
      </c>
      <c r="S8298">
        <v>113426.54790000001</v>
      </c>
      <c r="T8298">
        <v>38759.919170000001</v>
      </c>
      <c r="U8298">
        <v>24887.7726</v>
      </c>
      <c r="W8298" s="83">
        <f>Bühler!N8330</f>
        <v>45637.666666646546</v>
      </c>
      <c r="X8298" s="83">
        <v>43446.666666666664</v>
      </c>
      <c r="Y8298">
        <v>288325.12109999999</v>
      </c>
      <c r="Z8298">
        <v>38489.299039999998</v>
      </c>
      <c r="AA8298">
        <v>96653.421069999997</v>
      </c>
      <c r="AB8298">
        <v>75351.09448</v>
      </c>
      <c r="AC8298">
        <v>53676.482490000002</v>
      </c>
      <c r="AD8298">
        <v>43733.692840000003</v>
      </c>
      <c r="AE8298">
        <v>29695.574850000001</v>
      </c>
      <c r="AF8298">
        <v>62851.8946</v>
      </c>
      <c r="AG8298">
        <v>26735.453290000001</v>
      </c>
      <c r="AH8298">
        <v>351158.46649999998</v>
      </c>
      <c r="AI8298">
        <v>93960.045639999997</v>
      </c>
      <c r="AJ8298">
        <v>28192.110619999999</v>
      </c>
      <c r="AK8298">
        <v>32014.66015</v>
      </c>
      <c r="AL8298">
        <v>94044.720119999998</v>
      </c>
      <c r="AM8298">
        <v>23574.523239999999</v>
      </c>
      <c r="AN8298">
        <v>113426.54790000001</v>
      </c>
      <c r="AO8298">
        <v>38759.919170000001</v>
      </c>
      <c r="AP8298">
        <v>24887.7726</v>
      </c>
    </row>
    <row r="8299" spans="2:42" x14ac:dyDescent="0.3">
      <c r="B8299">
        <v>67.876955438968366</v>
      </c>
      <c r="C8299" s="83">
        <v>43446.708333333336</v>
      </c>
      <c r="D8299">
        <v>281289.19329999998</v>
      </c>
      <c r="E8299">
        <v>37088.271370000002</v>
      </c>
      <c r="F8299">
        <v>98293.741649999996</v>
      </c>
      <c r="G8299">
        <v>74079.361990000005</v>
      </c>
      <c r="H8299">
        <v>54405.192889999998</v>
      </c>
      <c r="I8299">
        <v>43511.160259999997</v>
      </c>
      <c r="J8299">
        <v>32088.41388</v>
      </c>
      <c r="K8299">
        <v>56768.74366</v>
      </c>
      <c r="L8299">
        <v>27794.867300000002</v>
      </c>
      <c r="M8299">
        <v>346068.37270000001</v>
      </c>
      <c r="N8299">
        <v>93726.961540000004</v>
      </c>
      <c r="O8299">
        <v>28677.294720000002</v>
      </c>
      <c r="P8299">
        <v>34459.675949999997</v>
      </c>
      <c r="Q8299">
        <v>93317.15496</v>
      </c>
      <c r="R8299">
        <v>24101.76051</v>
      </c>
      <c r="S8299">
        <v>115334.4292</v>
      </c>
      <c r="T8299">
        <v>40315.382270000002</v>
      </c>
      <c r="U8299">
        <v>24053.990949999999</v>
      </c>
      <c r="W8299" s="83">
        <f>Bühler!N8331</f>
        <v>45637.70833331321</v>
      </c>
      <c r="X8299" s="83">
        <v>43446.708333333336</v>
      </c>
      <c r="Y8299">
        <v>281289.19329999998</v>
      </c>
      <c r="Z8299">
        <v>37088.271370000002</v>
      </c>
      <c r="AA8299">
        <v>98293.741649999996</v>
      </c>
      <c r="AB8299">
        <v>74079.361990000005</v>
      </c>
      <c r="AC8299">
        <v>54405.192889999998</v>
      </c>
      <c r="AD8299">
        <v>43511.160259999997</v>
      </c>
      <c r="AE8299">
        <v>32088.41388</v>
      </c>
      <c r="AF8299">
        <v>56768.74366</v>
      </c>
      <c r="AG8299">
        <v>27794.867300000002</v>
      </c>
      <c r="AH8299">
        <v>346068.37270000001</v>
      </c>
      <c r="AI8299">
        <v>93726.961540000004</v>
      </c>
      <c r="AJ8299">
        <v>28677.294720000002</v>
      </c>
      <c r="AK8299">
        <v>34459.675949999997</v>
      </c>
      <c r="AL8299">
        <v>93317.15496</v>
      </c>
      <c r="AM8299">
        <v>24101.76051</v>
      </c>
      <c r="AN8299">
        <v>115334.4292</v>
      </c>
      <c r="AO8299">
        <v>40315.382270000002</v>
      </c>
      <c r="AP8299">
        <v>24053.990949999999</v>
      </c>
    </row>
    <row r="8300" spans="2:42" x14ac:dyDescent="0.3">
      <c r="B8300">
        <v>66.20738040814939</v>
      </c>
      <c r="C8300" s="83">
        <v>43446.75</v>
      </c>
      <c r="D8300">
        <v>274198.11060000001</v>
      </c>
      <c r="E8300">
        <v>33632.43058</v>
      </c>
      <c r="F8300">
        <v>94564.31998</v>
      </c>
      <c r="G8300">
        <v>66872.778999999995</v>
      </c>
      <c r="H8300">
        <v>51517.896659999999</v>
      </c>
      <c r="I8300">
        <v>42586.874349999998</v>
      </c>
      <c r="J8300">
        <v>32260.61679</v>
      </c>
      <c r="K8300">
        <v>49670.381659999999</v>
      </c>
      <c r="L8300">
        <v>29752.002949999998</v>
      </c>
      <c r="M8300">
        <v>337556.10060000001</v>
      </c>
      <c r="N8300">
        <v>91769.205430000002</v>
      </c>
      <c r="O8300">
        <v>27451.89329</v>
      </c>
      <c r="P8300">
        <v>37964.202619999996</v>
      </c>
      <c r="Q8300">
        <v>91113.394839999994</v>
      </c>
      <c r="R8300">
        <v>21250.10266</v>
      </c>
      <c r="S8300">
        <v>108163.6547</v>
      </c>
      <c r="T8300">
        <v>40444.075449999997</v>
      </c>
      <c r="U8300">
        <v>21370.237980000002</v>
      </c>
      <c r="W8300" s="83">
        <f>Bühler!N8332</f>
        <v>45637.749999979875</v>
      </c>
      <c r="X8300" s="83">
        <v>43446.75</v>
      </c>
      <c r="Y8300">
        <v>274198.11060000001</v>
      </c>
      <c r="Z8300">
        <v>33632.43058</v>
      </c>
      <c r="AA8300">
        <v>94564.31998</v>
      </c>
      <c r="AB8300">
        <v>66872.778999999995</v>
      </c>
      <c r="AC8300">
        <v>51517.896659999999</v>
      </c>
      <c r="AD8300">
        <v>42586.874349999998</v>
      </c>
      <c r="AE8300">
        <v>32260.61679</v>
      </c>
      <c r="AF8300">
        <v>49670.381659999999</v>
      </c>
      <c r="AG8300">
        <v>29752.002949999998</v>
      </c>
      <c r="AH8300">
        <v>337556.10060000001</v>
      </c>
      <c r="AI8300">
        <v>91769.205430000002</v>
      </c>
      <c r="AJ8300">
        <v>27451.89329</v>
      </c>
      <c r="AK8300">
        <v>37964.202619999996</v>
      </c>
      <c r="AL8300">
        <v>91113.394839999994</v>
      </c>
      <c r="AM8300">
        <v>21250.10266</v>
      </c>
      <c r="AN8300">
        <v>108163.6547</v>
      </c>
      <c r="AO8300">
        <v>40444.075449999997</v>
      </c>
      <c r="AP8300">
        <v>21370.237980000002</v>
      </c>
    </row>
    <row r="8301" spans="2:42" x14ac:dyDescent="0.3">
      <c r="B8301">
        <v>65.12700059772051</v>
      </c>
      <c r="C8301" s="83">
        <v>43446.791666666664</v>
      </c>
      <c r="D8301">
        <v>268041.91450000001</v>
      </c>
      <c r="E8301">
        <v>27518.892029999999</v>
      </c>
      <c r="F8301">
        <v>81005.049459999995</v>
      </c>
      <c r="G8301">
        <v>60578.13538</v>
      </c>
      <c r="H8301">
        <v>48687.610939999999</v>
      </c>
      <c r="I8301">
        <v>39544.54105</v>
      </c>
      <c r="J8301">
        <v>31502.1522</v>
      </c>
      <c r="K8301">
        <v>49494.086739999999</v>
      </c>
      <c r="L8301">
        <v>31021.57748</v>
      </c>
      <c r="M8301">
        <v>332047.82049999997</v>
      </c>
      <c r="N8301">
        <v>89110.829840000006</v>
      </c>
      <c r="O8301">
        <v>26353.899560000002</v>
      </c>
      <c r="P8301">
        <v>39970.888809999997</v>
      </c>
      <c r="Q8301">
        <v>89054.721539999999</v>
      </c>
      <c r="R8301">
        <v>20517.98056</v>
      </c>
      <c r="S8301">
        <v>102703.21859999999</v>
      </c>
      <c r="T8301">
        <v>40385.930840000001</v>
      </c>
      <c r="U8301">
        <v>19935.8387</v>
      </c>
      <c r="W8301" s="83">
        <f>Bühler!N8333</f>
        <v>45637.791666646539</v>
      </c>
      <c r="X8301" s="83">
        <v>43446.791666666664</v>
      </c>
      <c r="Y8301">
        <v>268041.91450000001</v>
      </c>
      <c r="Z8301">
        <v>27518.892029999999</v>
      </c>
      <c r="AA8301">
        <v>81005.049459999995</v>
      </c>
      <c r="AB8301">
        <v>60578.13538</v>
      </c>
      <c r="AC8301">
        <v>48687.610939999999</v>
      </c>
      <c r="AD8301">
        <v>39544.54105</v>
      </c>
      <c r="AE8301">
        <v>31502.1522</v>
      </c>
      <c r="AF8301">
        <v>49494.086739999999</v>
      </c>
      <c r="AG8301">
        <v>31021.57748</v>
      </c>
      <c r="AH8301">
        <v>332047.82049999997</v>
      </c>
      <c r="AI8301">
        <v>89110.829840000006</v>
      </c>
      <c r="AJ8301">
        <v>26353.899560000002</v>
      </c>
      <c r="AK8301">
        <v>39970.888809999997</v>
      </c>
      <c r="AL8301">
        <v>89054.721539999999</v>
      </c>
      <c r="AM8301">
        <v>20517.98056</v>
      </c>
      <c r="AN8301">
        <v>102703.21859999999</v>
      </c>
      <c r="AO8301">
        <v>40385.930840000001</v>
      </c>
      <c r="AP8301">
        <v>19935.8387</v>
      </c>
    </row>
    <row r="8302" spans="2:42" x14ac:dyDescent="0.3">
      <c r="B8302">
        <v>63.896387746877721</v>
      </c>
      <c r="C8302" s="83">
        <v>43446.833333333336</v>
      </c>
      <c r="D8302">
        <v>257817.97229999999</v>
      </c>
      <c r="E8302">
        <v>21193.4673</v>
      </c>
      <c r="F8302">
        <v>63605.235540000001</v>
      </c>
      <c r="G8302">
        <v>53225.68017</v>
      </c>
      <c r="H8302">
        <v>45552.64157</v>
      </c>
      <c r="I8302">
        <v>35306.18275</v>
      </c>
      <c r="J8302">
        <v>30389.8357</v>
      </c>
      <c r="K8302">
        <v>56286.63536</v>
      </c>
      <c r="L8302">
        <v>30578.05834</v>
      </c>
      <c r="M8302">
        <v>325773.58230000001</v>
      </c>
      <c r="N8302">
        <v>87333.21686</v>
      </c>
      <c r="O8302">
        <v>25582.859830000001</v>
      </c>
      <c r="P8302">
        <v>39481.802929999998</v>
      </c>
      <c r="Q8302">
        <v>86014.753169999996</v>
      </c>
      <c r="R8302">
        <v>21805.055410000001</v>
      </c>
      <c r="S8302">
        <v>94457.308919999996</v>
      </c>
      <c r="T8302">
        <v>38141.711900000002</v>
      </c>
      <c r="U8302">
        <v>19123.724719999998</v>
      </c>
      <c r="W8302" s="83">
        <f>Bühler!N8334</f>
        <v>45637.833333313203</v>
      </c>
      <c r="X8302" s="83">
        <v>43446.833333333336</v>
      </c>
      <c r="Y8302">
        <v>257817.97229999999</v>
      </c>
      <c r="Z8302">
        <v>21193.4673</v>
      </c>
      <c r="AA8302">
        <v>63605.235540000001</v>
      </c>
      <c r="AB8302">
        <v>53225.68017</v>
      </c>
      <c r="AC8302">
        <v>45552.64157</v>
      </c>
      <c r="AD8302">
        <v>35306.18275</v>
      </c>
      <c r="AE8302">
        <v>30389.8357</v>
      </c>
      <c r="AF8302">
        <v>56286.63536</v>
      </c>
      <c r="AG8302">
        <v>30578.05834</v>
      </c>
      <c r="AH8302">
        <v>325773.58230000001</v>
      </c>
      <c r="AI8302">
        <v>87333.21686</v>
      </c>
      <c r="AJ8302">
        <v>25582.859830000001</v>
      </c>
      <c r="AK8302">
        <v>39481.802929999998</v>
      </c>
      <c r="AL8302">
        <v>86014.753169999996</v>
      </c>
      <c r="AM8302">
        <v>21805.055410000001</v>
      </c>
      <c r="AN8302">
        <v>94457.308919999996</v>
      </c>
      <c r="AO8302">
        <v>38141.711900000002</v>
      </c>
      <c r="AP8302">
        <v>19123.724719999998</v>
      </c>
    </row>
    <row r="8303" spans="2:42" x14ac:dyDescent="0.3">
      <c r="B8303">
        <v>62.12327556104097</v>
      </c>
      <c r="C8303" s="83">
        <v>43446.875</v>
      </c>
      <c r="D8303">
        <v>248288.65830000001</v>
      </c>
      <c r="E8303">
        <v>18245.294279999998</v>
      </c>
      <c r="F8303">
        <v>55762.600630000001</v>
      </c>
      <c r="G8303">
        <v>49749.638610000002</v>
      </c>
      <c r="H8303">
        <v>43014.034809999997</v>
      </c>
      <c r="I8303">
        <v>30416.194909999998</v>
      </c>
      <c r="J8303">
        <v>29498.063959999999</v>
      </c>
      <c r="K8303">
        <v>54508.692089999997</v>
      </c>
      <c r="L8303">
        <v>28140.859509999998</v>
      </c>
      <c r="M8303">
        <v>316733.42950000003</v>
      </c>
      <c r="N8303">
        <v>85660.643790000002</v>
      </c>
      <c r="O8303">
        <v>24718.500650000002</v>
      </c>
      <c r="P8303">
        <v>37393.307540000002</v>
      </c>
      <c r="Q8303">
        <v>84377.412729999996</v>
      </c>
      <c r="R8303">
        <v>20074.609779999999</v>
      </c>
      <c r="S8303">
        <v>88322.800329999998</v>
      </c>
      <c r="T8303">
        <v>35297.062510000003</v>
      </c>
      <c r="U8303">
        <v>17452.379970000002</v>
      </c>
      <c r="W8303" s="83">
        <f>Bühler!N8335</f>
        <v>45637.874999979867</v>
      </c>
      <c r="X8303" s="83">
        <v>43446.875</v>
      </c>
      <c r="Y8303">
        <v>248288.65830000001</v>
      </c>
      <c r="Z8303">
        <v>18245.294279999998</v>
      </c>
      <c r="AA8303">
        <v>55762.600630000001</v>
      </c>
      <c r="AB8303">
        <v>49749.638610000002</v>
      </c>
      <c r="AC8303">
        <v>43014.034809999997</v>
      </c>
      <c r="AD8303">
        <v>30416.194909999998</v>
      </c>
      <c r="AE8303">
        <v>29498.063959999999</v>
      </c>
      <c r="AF8303">
        <v>54508.692089999997</v>
      </c>
      <c r="AG8303">
        <v>28140.859509999998</v>
      </c>
      <c r="AH8303">
        <v>316733.42950000003</v>
      </c>
      <c r="AI8303">
        <v>85660.643790000002</v>
      </c>
      <c r="AJ8303">
        <v>24718.500650000002</v>
      </c>
      <c r="AK8303">
        <v>37393.307540000002</v>
      </c>
      <c r="AL8303">
        <v>84377.412729999996</v>
      </c>
      <c r="AM8303">
        <v>20074.609779999999</v>
      </c>
      <c r="AN8303">
        <v>88322.800329999998</v>
      </c>
      <c r="AO8303">
        <v>35297.062510000003</v>
      </c>
      <c r="AP8303">
        <v>17452.379970000002</v>
      </c>
    </row>
    <row r="8304" spans="2:42" x14ac:dyDescent="0.3">
      <c r="B8304">
        <v>62.652107491892899</v>
      </c>
      <c r="C8304" s="83">
        <v>43446.916666666664</v>
      </c>
      <c r="D8304">
        <v>248936.0753</v>
      </c>
      <c r="E8304">
        <v>18039.829809999999</v>
      </c>
      <c r="F8304">
        <v>53201.050260000004</v>
      </c>
      <c r="G8304">
        <v>46988.292020000001</v>
      </c>
      <c r="H8304">
        <v>42051.137739999998</v>
      </c>
      <c r="I8304">
        <v>28495.180939999998</v>
      </c>
      <c r="J8304">
        <v>28848.30672</v>
      </c>
      <c r="K8304">
        <v>56442.17727</v>
      </c>
      <c r="L8304">
        <v>25293.987720000001</v>
      </c>
      <c r="M8304">
        <v>319429.66129999998</v>
      </c>
      <c r="N8304">
        <v>85845.911770000006</v>
      </c>
      <c r="O8304">
        <v>25873.620320000002</v>
      </c>
      <c r="P8304">
        <v>39900.102250000004</v>
      </c>
      <c r="Q8304">
        <v>84022.742329999994</v>
      </c>
      <c r="R8304">
        <v>28580.17902</v>
      </c>
      <c r="S8304">
        <v>87152.414789999995</v>
      </c>
      <c r="T8304">
        <v>31125.389289999999</v>
      </c>
      <c r="U8304">
        <v>18253.571380000001</v>
      </c>
      <c r="W8304" s="83">
        <f>Bühler!N8336</f>
        <v>45637.916666646532</v>
      </c>
      <c r="X8304" s="83">
        <v>43446.916666666664</v>
      </c>
      <c r="Y8304">
        <v>248936.0753</v>
      </c>
      <c r="Z8304">
        <v>18039.829809999999</v>
      </c>
      <c r="AA8304">
        <v>53201.050260000004</v>
      </c>
      <c r="AB8304">
        <v>46988.292020000001</v>
      </c>
      <c r="AC8304">
        <v>42051.137739999998</v>
      </c>
      <c r="AD8304">
        <v>28495.180939999998</v>
      </c>
      <c r="AE8304">
        <v>28848.30672</v>
      </c>
      <c r="AF8304">
        <v>56442.17727</v>
      </c>
      <c r="AG8304">
        <v>25293.987720000001</v>
      </c>
      <c r="AH8304">
        <v>319429.66129999998</v>
      </c>
      <c r="AI8304">
        <v>85845.911770000006</v>
      </c>
      <c r="AJ8304">
        <v>25873.620320000002</v>
      </c>
      <c r="AK8304">
        <v>39900.102250000004</v>
      </c>
      <c r="AL8304">
        <v>84022.742329999994</v>
      </c>
      <c r="AM8304">
        <v>28580.17902</v>
      </c>
      <c r="AN8304">
        <v>87152.414789999995</v>
      </c>
      <c r="AO8304">
        <v>31125.389289999999</v>
      </c>
      <c r="AP8304">
        <v>18253.571380000001</v>
      </c>
    </row>
    <row r="8305" spans="2:42" x14ac:dyDescent="0.3">
      <c r="B8305">
        <v>61.910463388276114</v>
      </c>
      <c r="C8305" s="83">
        <v>43446.958333333336</v>
      </c>
      <c r="D8305">
        <v>248619.73680000001</v>
      </c>
      <c r="E8305">
        <v>17805.493689999999</v>
      </c>
      <c r="F8305">
        <v>52018.39993</v>
      </c>
      <c r="G8305">
        <v>45550.636729999998</v>
      </c>
      <c r="H8305">
        <v>41153.786619999999</v>
      </c>
      <c r="I8305">
        <v>26896.60181</v>
      </c>
      <c r="J8305">
        <v>26836.991429999998</v>
      </c>
      <c r="K8305">
        <v>55867.14402</v>
      </c>
      <c r="L8305">
        <v>22645.65395</v>
      </c>
      <c r="M8305">
        <v>315648.41379999998</v>
      </c>
      <c r="N8305">
        <v>86511.009130000006</v>
      </c>
      <c r="O8305">
        <v>25736.686389999999</v>
      </c>
      <c r="P8305">
        <v>36755.809880000001</v>
      </c>
      <c r="Q8305">
        <v>84295.649569999994</v>
      </c>
      <c r="R8305">
        <v>28589.749629999998</v>
      </c>
      <c r="S8305">
        <v>86639.385580000002</v>
      </c>
      <c r="T8305">
        <v>32157.751189999999</v>
      </c>
      <c r="U8305">
        <v>18060.23979</v>
      </c>
      <c r="W8305" s="83">
        <f>Bühler!N8337</f>
        <v>45637.958333313196</v>
      </c>
      <c r="X8305" s="83">
        <v>43446.958333333336</v>
      </c>
      <c r="Y8305">
        <v>248619.73680000001</v>
      </c>
      <c r="Z8305">
        <v>17805.493689999999</v>
      </c>
      <c r="AA8305">
        <v>52018.39993</v>
      </c>
      <c r="AB8305">
        <v>45550.636729999998</v>
      </c>
      <c r="AC8305">
        <v>41153.786619999999</v>
      </c>
      <c r="AD8305">
        <v>26896.60181</v>
      </c>
      <c r="AE8305">
        <v>26836.991429999998</v>
      </c>
      <c r="AF8305">
        <v>55867.14402</v>
      </c>
      <c r="AG8305">
        <v>22645.65395</v>
      </c>
      <c r="AH8305">
        <v>315648.41379999998</v>
      </c>
      <c r="AI8305">
        <v>86511.009130000006</v>
      </c>
      <c r="AJ8305">
        <v>25736.686389999999</v>
      </c>
      <c r="AK8305">
        <v>36755.809880000001</v>
      </c>
      <c r="AL8305">
        <v>84295.649569999994</v>
      </c>
      <c r="AM8305">
        <v>28589.749629999998</v>
      </c>
      <c r="AN8305">
        <v>86639.385580000002</v>
      </c>
      <c r="AO8305">
        <v>32157.751189999999</v>
      </c>
      <c r="AP8305">
        <v>18060.23979</v>
      </c>
    </row>
    <row r="8306" spans="2:42" x14ac:dyDescent="0.3">
      <c r="B8306">
        <v>61.198262334771229</v>
      </c>
      <c r="C8306" s="83">
        <v>43447</v>
      </c>
      <c r="D8306">
        <v>246550.50210000001</v>
      </c>
      <c r="E8306">
        <v>17418.73819</v>
      </c>
      <c r="F8306">
        <v>51572.477939999997</v>
      </c>
      <c r="G8306">
        <v>44824.387739999998</v>
      </c>
      <c r="H8306">
        <v>40992.125630000002</v>
      </c>
      <c r="I8306">
        <v>25069.311290000001</v>
      </c>
      <c r="J8306">
        <v>25015.522000000001</v>
      </c>
      <c r="K8306">
        <v>53395.724289999998</v>
      </c>
      <c r="L8306">
        <v>20212.253400000001</v>
      </c>
      <c r="M8306">
        <v>312017.2807</v>
      </c>
      <c r="N8306">
        <v>86487.039919999996</v>
      </c>
      <c r="O8306">
        <v>25336.614870000001</v>
      </c>
      <c r="P8306">
        <v>34007.634810000003</v>
      </c>
      <c r="Q8306">
        <v>83789.270189999996</v>
      </c>
      <c r="R8306">
        <v>26389.438920000001</v>
      </c>
      <c r="S8306">
        <v>85110.830839999995</v>
      </c>
      <c r="T8306">
        <v>29847.703649999999</v>
      </c>
      <c r="U8306">
        <v>18147.11767</v>
      </c>
      <c r="W8306" s="83">
        <f>Bühler!N8338</f>
        <v>45637.99999997986</v>
      </c>
      <c r="X8306" s="83">
        <v>43447</v>
      </c>
      <c r="Y8306">
        <v>246550.50210000001</v>
      </c>
      <c r="Z8306">
        <v>17418.73819</v>
      </c>
      <c r="AA8306">
        <v>51572.477939999997</v>
      </c>
      <c r="AB8306">
        <v>44824.387739999998</v>
      </c>
      <c r="AC8306">
        <v>40992.125630000002</v>
      </c>
      <c r="AD8306">
        <v>25069.311290000001</v>
      </c>
      <c r="AE8306">
        <v>25015.522000000001</v>
      </c>
      <c r="AF8306">
        <v>53395.724289999998</v>
      </c>
      <c r="AG8306">
        <v>20212.253400000001</v>
      </c>
      <c r="AH8306">
        <v>312017.2807</v>
      </c>
      <c r="AI8306">
        <v>86487.039919999996</v>
      </c>
      <c r="AJ8306">
        <v>25336.614870000001</v>
      </c>
      <c r="AK8306">
        <v>34007.634810000003</v>
      </c>
      <c r="AL8306">
        <v>83789.270189999996</v>
      </c>
      <c r="AM8306">
        <v>26389.438920000001</v>
      </c>
      <c r="AN8306">
        <v>85110.830839999995</v>
      </c>
      <c r="AO8306">
        <v>29847.703649999999</v>
      </c>
      <c r="AP8306">
        <v>18147.11767</v>
      </c>
    </row>
    <row r="8307" spans="2:42" x14ac:dyDescent="0.3">
      <c r="B8307">
        <v>60.82762281824651</v>
      </c>
      <c r="C8307" s="83">
        <v>43447.041666666664</v>
      </c>
      <c r="D8307">
        <v>245666.5576</v>
      </c>
      <c r="E8307">
        <v>17563.58525</v>
      </c>
      <c r="F8307">
        <v>52122.152670000003</v>
      </c>
      <c r="G8307">
        <v>43830.1512</v>
      </c>
      <c r="H8307">
        <v>40605.659160000003</v>
      </c>
      <c r="I8307">
        <v>21035.499260000001</v>
      </c>
      <c r="J8307">
        <v>24908.162359999998</v>
      </c>
      <c r="K8307">
        <v>51493.00116</v>
      </c>
      <c r="L8307">
        <v>19298.050060000001</v>
      </c>
      <c r="M8307">
        <v>310127.58760000003</v>
      </c>
      <c r="N8307">
        <v>84947.770250000001</v>
      </c>
      <c r="O8307">
        <v>24346.07231</v>
      </c>
      <c r="P8307">
        <v>32254.5409</v>
      </c>
      <c r="Q8307">
        <v>84180.077000000005</v>
      </c>
      <c r="R8307">
        <v>26362.878990000001</v>
      </c>
      <c r="S8307">
        <v>84924.710529999997</v>
      </c>
      <c r="T8307">
        <v>28540.472280000002</v>
      </c>
      <c r="U8307">
        <v>18334.954109999999</v>
      </c>
      <c r="W8307" s="83">
        <f>Bühler!N8339</f>
        <v>45638.041666646524</v>
      </c>
      <c r="X8307" s="83">
        <v>43447.041666666664</v>
      </c>
      <c r="Y8307">
        <v>245666.5576</v>
      </c>
      <c r="Z8307">
        <v>17563.58525</v>
      </c>
      <c r="AA8307">
        <v>52122.152670000003</v>
      </c>
      <c r="AB8307">
        <v>43830.1512</v>
      </c>
      <c r="AC8307">
        <v>40605.659160000003</v>
      </c>
      <c r="AD8307">
        <v>21035.499260000001</v>
      </c>
      <c r="AE8307">
        <v>24908.162359999998</v>
      </c>
      <c r="AF8307">
        <v>51493.00116</v>
      </c>
      <c r="AG8307">
        <v>19298.050060000001</v>
      </c>
      <c r="AH8307">
        <v>310127.58760000003</v>
      </c>
      <c r="AI8307">
        <v>84947.770250000001</v>
      </c>
      <c r="AJ8307">
        <v>24346.07231</v>
      </c>
      <c r="AK8307">
        <v>32254.5409</v>
      </c>
      <c r="AL8307">
        <v>84180.077000000005</v>
      </c>
      <c r="AM8307">
        <v>26362.878990000001</v>
      </c>
      <c r="AN8307">
        <v>84924.710529999997</v>
      </c>
      <c r="AO8307">
        <v>28540.472280000002</v>
      </c>
      <c r="AP8307">
        <v>18334.954109999999</v>
      </c>
    </row>
    <row r="8308" spans="2:42" x14ac:dyDescent="0.3">
      <c r="B8308">
        <v>61.336957650690245</v>
      </c>
      <c r="C8308" s="83">
        <v>43447.083333333336</v>
      </c>
      <c r="D8308">
        <v>246842.15609999999</v>
      </c>
      <c r="E8308">
        <v>17430.10886</v>
      </c>
      <c r="F8308">
        <v>52920.366009999998</v>
      </c>
      <c r="G8308">
        <v>43678.496290000003</v>
      </c>
      <c r="H8308">
        <v>39915.436840000002</v>
      </c>
      <c r="I8308">
        <v>19770.48962</v>
      </c>
      <c r="J8308">
        <v>25030.07906</v>
      </c>
      <c r="K8308">
        <v>50282.441070000001</v>
      </c>
      <c r="L8308">
        <v>19242.310529999999</v>
      </c>
      <c r="M8308">
        <v>312724.41409999999</v>
      </c>
      <c r="N8308">
        <v>84839.270650000006</v>
      </c>
      <c r="O8308">
        <v>24722.345420000001</v>
      </c>
      <c r="P8308">
        <v>31211.9941</v>
      </c>
      <c r="Q8308">
        <v>86682.589749999999</v>
      </c>
      <c r="R8308">
        <v>25582.822329999999</v>
      </c>
      <c r="S8308">
        <v>84213.631259999995</v>
      </c>
      <c r="T8308">
        <v>28080.44037</v>
      </c>
      <c r="U8308">
        <v>18501.725109999999</v>
      </c>
      <c r="W8308" s="83">
        <f>Bühler!N8340</f>
        <v>45638.083333313189</v>
      </c>
      <c r="X8308" s="83">
        <v>43447.083333333336</v>
      </c>
      <c r="Y8308">
        <v>246842.15609999999</v>
      </c>
      <c r="Z8308">
        <v>17430.10886</v>
      </c>
      <c r="AA8308">
        <v>52920.366009999998</v>
      </c>
      <c r="AB8308">
        <v>43678.496290000003</v>
      </c>
      <c r="AC8308">
        <v>39915.436840000002</v>
      </c>
      <c r="AD8308">
        <v>19770.48962</v>
      </c>
      <c r="AE8308">
        <v>25030.07906</v>
      </c>
      <c r="AF8308">
        <v>50282.441070000001</v>
      </c>
      <c r="AG8308">
        <v>19242.310529999999</v>
      </c>
      <c r="AH8308">
        <v>312724.41409999999</v>
      </c>
      <c r="AI8308">
        <v>84839.270650000006</v>
      </c>
      <c r="AJ8308">
        <v>24722.345420000001</v>
      </c>
      <c r="AK8308">
        <v>31211.9941</v>
      </c>
      <c r="AL8308">
        <v>86682.589749999999</v>
      </c>
      <c r="AM8308">
        <v>25582.822329999999</v>
      </c>
      <c r="AN8308">
        <v>84213.631259999995</v>
      </c>
      <c r="AO8308">
        <v>28080.44037</v>
      </c>
      <c r="AP8308">
        <v>18501.725109999999</v>
      </c>
    </row>
    <row r="8309" spans="2:42" x14ac:dyDescent="0.3">
      <c r="B8309">
        <v>61.573048196212667</v>
      </c>
      <c r="C8309" s="83">
        <v>43447.125</v>
      </c>
      <c r="D8309">
        <v>248530.6825</v>
      </c>
      <c r="E8309">
        <v>17544.549159999999</v>
      </c>
      <c r="F8309">
        <v>53614.882539999999</v>
      </c>
      <c r="G8309">
        <v>43383.290760000004</v>
      </c>
      <c r="H8309">
        <v>40554.363890000001</v>
      </c>
      <c r="I8309">
        <v>20029.981759999999</v>
      </c>
      <c r="J8309">
        <v>25438.445210000002</v>
      </c>
      <c r="K8309">
        <v>49064.426720000003</v>
      </c>
      <c r="L8309">
        <v>18983.766490000002</v>
      </c>
      <c r="M8309">
        <v>313928.11379999999</v>
      </c>
      <c r="N8309">
        <v>85591.274690000006</v>
      </c>
      <c r="O8309">
        <v>25132.354200000002</v>
      </c>
      <c r="P8309">
        <v>30898.965670000001</v>
      </c>
      <c r="Q8309">
        <v>89851.931429999997</v>
      </c>
      <c r="R8309">
        <v>25962.744839999999</v>
      </c>
      <c r="S8309">
        <v>83628.279980000007</v>
      </c>
      <c r="T8309">
        <v>28331.47928</v>
      </c>
      <c r="U8309">
        <v>18891.0857</v>
      </c>
      <c r="W8309" s="83">
        <f>Bühler!N8341</f>
        <v>45638.124999979853</v>
      </c>
      <c r="X8309" s="83">
        <v>43447.125</v>
      </c>
      <c r="Y8309">
        <v>248530.6825</v>
      </c>
      <c r="Z8309">
        <v>17544.549159999999</v>
      </c>
      <c r="AA8309">
        <v>53614.882539999999</v>
      </c>
      <c r="AB8309">
        <v>43383.290760000004</v>
      </c>
      <c r="AC8309">
        <v>40554.363890000001</v>
      </c>
      <c r="AD8309">
        <v>20029.981759999999</v>
      </c>
      <c r="AE8309">
        <v>25438.445210000002</v>
      </c>
      <c r="AF8309">
        <v>49064.426720000003</v>
      </c>
      <c r="AG8309">
        <v>18983.766490000002</v>
      </c>
      <c r="AH8309">
        <v>313928.11379999999</v>
      </c>
      <c r="AI8309">
        <v>85591.274690000006</v>
      </c>
      <c r="AJ8309">
        <v>25132.354200000002</v>
      </c>
      <c r="AK8309">
        <v>30898.965670000001</v>
      </c>
      <c r="AL8309">
        <v>89851.931429999997</v>
      </c>
      <c r="AM8309">
        <v>25962.744839999999</v>
      </c>
      <c r="AN8309">
        <v>83628.279980000007</v>
      </c>
      <c r="AO8309">
        <v>28331.47928</v>
      </c>
      <c r="AP8309">
        <v>18891.0857</v>
      </c>
    </row>
    <row r="8310" spans="2:42" x14ac:dyDescent="0.3">
      <c r="B8310">
        <v>62.804761574081361</v>
      </c>
      <c r="C8310" s="83">
        <v>43447.166666666664</v>
      </c>
      <c r="D8310">
        <v>251409.77919999999</v>
      </c>
      <c r="E8310">
        <v>18069.514810000001</v>
      </c>
      <c r="F8310">
        <v>57202.544049999997</v>
      </c>
      <c r="G8310">
        <v>42868.088710000004</v>
      </c>
      <c r="H8310">
        <v>41684.538639999999</v>
      </c>
      <c r="I8310">
        <v>22229.070090000001</v>
      </c>
      <c r="J8310">
        <v>26940.147959999998</v>
      </c>
      <c r="K8310">
        <v>46851.793799999999</v>
      </c>
      <c r="L8310">
        <v>18780.868170000002</v>
      </c>
      <c r="M8310">
        <v>320207.96299999999</v>
      </c>
      <c r="N8310">
        <v>86153.260299999994</v>
      </c>
      <c r="O8310">
        <v>25886.351790000001</v>
      </c>
      <c r="P8310">
        <v>30125.053059999998</v>
      </c>
      <c r="Q8310">
        <v>92073.105500000005</v>
      </c>
      <c r="R8310">
        <v>25949.259529999999</v>
      </c>
      <c r="S8310">
        <v>84433.430519999994</v>
      </c>
      <c r="T8310">
        <v>28894.394840000001</v>
      </c>
      <c r="U8310">
        <v>19257.929120000001</v>
      </c>
      <c r="W8310" s="83">
        <f>Bühler!N8342</f>
        <v>45638.166666646517</v>
      </c>
      <c r="X8310" s="83">
        <v>43447.166666666664</v>
      </c>
      <c r="Y8310">
        <v>251409.77919999999</v>
      </c>
      <c r="Z8310">
        <v>18069.514810000001</v>
      </c>
      <c r="AA8310">
        <v>57202.544049999997</v>
      </c>
      <c r="AB8310">
        <v>42868.088710000004</v>
      </c>
      <c r="AC8310">
        <v>41684.538639999999</v>
      </c>
      <c r="AD8310">
        <v>22229.070090000001</v>
      </c>
      <c r="AE8310">
        <v>26940.147959999998</v>
      </c>
      <c r="AF8310">
        <v>46851.793799999999</v>
      </c>
      <c r="AG8310">
        <v>18780.868170000002</v>
      </c>
      <c r="AH8310">
        <v>320207.96299999999</v>
      </c>
      <c r="AI8310">
        <v>86153.260299999994</v>
      </c>
      <c r="AJ8310">
        <v>25886.351790000001</v>
      </c>
      <c r="AK8310">
        <v>30125.053059999998</v>
      </c>
      <c r="AL8310">
        <v>92073.105500000005</v>
      </c>
      <c r="AM8310">
        <v>25949.259529999999</v>
      </c>
      <c r="AN8310">
        <v>84433.430519999994</v>
      </c>
      <c r="AO8310">
        <v>28894.394840000001</v>
      </c>
      <c r="AP8310">
        <v>19257.929120000001</v>
      </c>
    </row>
    <row r="8311" spans="2:42" x14ac:dyDescent="0.3">
      <c r="B8311">
        <v>65.40433148610245</v>
      </c>
      <c r="C8311" s="83">
        <v>43447.208333333336</v>
      </c>
      <c r="D8311">
        <v>266949.09090000001</v>
      </c>
      <c r="E8311">
        <v>20228.506099999999</v>
      </c>
      <c r="F8311">
        <v>68804.471770000004</v>
      </c>
      <c r="G8311">
        <v>46348.352800000001</v>
      </c>
      <c r="H8311">
        <v>43584.339520000001</v>
      </c>
      <c r="I8311">
        <v>29819.18953</v>
      </c>
      <c r="J8311">
        <v>29814.3269</v>
      </c>
      <c r="K8311">
        <v>48306.364970000002</v>
      </c>
      <c r="L8311">
        <v>20070.706330000001</v>
      </c>
      <c r="M8311">
        <v>333461.78269999998</v>
      </c>
      <c r="N8311">
        <v>87597.826589999997</v>
      </c>
      <c r="O8311">
        <v>26375.532790000001</v>
      </c>
      <c r="P8311">
        <v>31743.72927</v>
      </c>
      <c r="Q8311">
        <v>95324.208910000001</v>
      </c>
      <c r="R8311">
        <v>26395.081569999998</v>
      </c>
      <c r="S8311">
        <v>87309.281369999997</v>
      </c>
      <c r="T8311">
        <v>30873.81221</v>
      </c>
      <c r="U8311">
        <v>20625.750459999999</v>
      </c>
      <c r="W8311" s="83">
        <f>Bühler!N8343</f>
        <v>45638.208333313181</v>
      </c>
      <c r="X8311" s="83">
        <v>43447.208333333336</v>
      </c>
      <c r="Y8311">
        <v>266949.09090000001</v>
      </c>
      <c r="Z8311">
        <v>20228.506099999999</v>
      </c>
      <c r="AA8311">
        <v>68804.471770000004</v>
      </c>
      <c r="AB8311">
        <v>46348.352800000001</v>
      </c>
      <c r="AC8311">
        <v>43584.339520000001</v>
      </c>
      <c r="AD8311">
        <v>29819.18953</v>
      </c>
      <c r="AE8311">
        <v>29814.3269</v>
      </c>
      <c r="AF8311">
        <v>48306.364970000002</v>
      </c>
      <c r="AG8311">
        <v>20070.706330000001</v>
      </c>
      <c r="AH8311">
        <v>333461.78269999998</v>
      </c>
      <c r="AI8311">
        <v>87597.826589999997</v>
      </c>
      <c r="AJ8311">
        <v>26375.532790000001</v>
      </c>
      <c r="AK8311">
        <v>31743.72927</v>
      </c>
      <c r="AL8311">
        <v>95324.208910000001</v>
      </c>
      <c r="AM8311">
        <v>26395.081569999998</v>
      </c>
      <c r="AN8311">
        <v>87309.281369999997</v>
      </c>
      <c r="AO8311">
        <v>30873.81221</v>
      </c>
      <c r="AP8311">
        <v>20625.750459999999</v>
      </c>
    </row>
    <row r="8312" spans="2:42" x14ac:dyDescent="0.3">
      <c r="B8312">
        <v>69.031153683168768</v>
      </c>
      <c r="C8312" s="83">
        <v>43447.25</v>
      </c>
      <c r="D8312">
        <v>284093.55209999997</v>
      </c>
      <c r="E8312">
        <v>24371.236540000002</v>
      </c>
      <c r="F8312">
        <v>81171.358810000005</v>
      </c>
      <c r="G8312">
        <v>62314.305410000001</v>
      </c>
      <c r="H8312">
        <v>47298.399519999999</v>
      </c>
      <c r="I8312">
        <v>38651.241009999998</v>
      </c>
      <c r="J8312">
        <v>33160.495089999997</v>
      </c>
      <c r="K8312">
        <v>51574.738089999999</v>
      </c>
      <c r="L8312">
        <v>21592.918150000001</v>
      </c>
      <c r="M8312">
        <v>351953.01360000001</v>
      </c>
      <c r="N8312">
        <v>90381.198640000002</v>
      </c>
      <c r="O8312">
        <v>27948.81609</v>
      </c>
      <c r="P8312">
        <v>32799.42179</v>
      </c>
      <c r="Q8312">
        <v>97353.464529999997</v>
      </c>
      <c r="R8312">
        <v>21453.333879999998</v>
      </c>
      <c r="S8312">
        <v>95372.480540000004</v>
      </c>
      <c r="T8312">
        <v>34720.283130000003</v>
      </c>
      <c r="U8312">
        <v>23782.293470000001</v>
      </c>
      <c r="W8312" s="83">
        <f>Bühler!N8344</f>
        <v>45638.249999979846</v>
      </c>
      <c r="X8312" s="83">
        <v>43447.25</v>
      </c>
      <c r="Y8312">
        <v>284093.55209999997</v>
      </c>
      <c r="Z8312">
        <v>24371.236540000002</v>
      </c>
      <c r="AA8312">
        <v>81171.358810000005</v>
      </c>
      <c r="AB8312">
        <v>62314.305410000001</v>
      </c>
      <c r="AC8312">
        <v>47298.399519999999</v>
      </c>
      <c r="AD8312">
        <v>38651.241009999998</v>
      </c>
      <c r="AE8312">
        <v>33160.495089999997</v>
      </c>
      <c r="AF8312">
        <v>51574.738089999999</v>
      </c>
      <c r="AG8312">
        <v>21592.918150000001</v>
      </c>
      <c r="AH8312">
        <v>351953.01360000001</v>
      </c>
      <c r="AI8312">
        <v>90381.198640000002</v>
      </c>
      <c r="AJ8312">
        <v>27948.81609</v>
      </c>
      <c r="AK8312">
        <v>32799.42179</v>
      </c>
      <c r="AL8312">
        <v>97353.464529999997</v>
      </c>
      <c r="AM8312">
        <v>21453.333879999998</v>
      </c>
      <c r="AN8312">
        <v>95372.480540000004</v>
      </c>
      <c r="AO8312">
        <v>34720.283130000003</v>
      </c>
      <c r="AP8312">
        <v>23782.293470000001</v>
      </c>
    </row>
    <row r="8313" spans="2:42" x14ac:dyDescent="0.3">
      <c r="B8313">
        <v>70.834903572487946</v>
      </c>
      <c r="C8313" s="83">
        <v>43447.291666666664</v>
      </c>
      <c r="D8313">
        <v>297968.0073</v>
      </c>
      <c r="E8313">
        <v>30306.835510000001</v>
      </c>
      <c r="F8313">
        <v>84595.667929999996</v>
      </c>
      <c r="G8313">
        <v>80093.015960000004</v>
      </c>
      <c r="H8313">
        <v>54703.201710000001</v>
      </c>
      <c r="I8313">
        <v>49112.97522</v>
      </c>
      <c r="J8313">
        <v>34894.209620000001</v>
      </c>
      <c r="K8313">
        <v>57364.927309999999</v>
      </c>
      <c r="L8313">
        <v>24713.050660000001</v>
      </c>
      <c r="M8313">
        <v>361149.37170000002</v>
      </c>
      <c r="N8313">
        <v>95971.690579999995</v>
      </c>
      <c r="O8313">
        <v>30570.184669999999</v>
      </c>
      <c r="P8313">
        <v>34984.773670000002</v>
      </c>
      <c r="Q8313">
        <v>97226.668309999994</v>
      </c>
      <c r="R8313">
        <v>23251.98173</v>
      </c>
      <c r="S8313">
        <v>112837.9287</v>
      </c>
      <c r="T8313">
        <v>36413.713190000002</v>
      </c>
      <c r="U8313">
        <v>29245.987239999999</v>
      </c>
      <c r="W8313" s="83">
        <f>Bühler!N8345</f>
        <v>45638.29166664651</v>
      </c>
      <c r="X8313" s="83">
        <v>43447.291666666664</v>
      </c>
      <c r="Y8313">
        <v>297968.0073</v>
      </c>
      <c r="Z8313">
        <v>30306.835510000001</v>
      </c>
      <c r="AA8313">
        <v>84595.667929999996</v>
      </c>
      <c r="AB8313">
        <v>80093.015960000004</v>
      </c>
      <c r="AC8313">
        <v>54703.201710000001</v>
      </c>
      <c r="AD8313">
        <v>49112.97522</v>
      </c>
      <c r="AE8313">
        <v>34894.209620000001</v>
      </c>
      <c r="AF8313">
        <v>57364.927309999999</v>
      </c>
      <c r="AG8313">
        <v>24713.050660000001</v>
      </c>
      <c r="AH8313">
        <v>361149.37170000002</v>
      </c>
      <c r="AI8313">
        <v>95971.690579999995</v>
      </c>
      <c r="AJ8313">
        <v>30570.184669999999</v>
      </c>
      <c r="AK8313">
        <v>34984.773670000002</v>
      </c>
      <c r="AL8313">
        <v>97226.668309999994</v>
      </c>
      <c r="AM8313">
        <v>23251.98173</v>
      </c>
      <c r="AN8313">
        <v>112837.9287</v>
      </c>
      <c r="AO8313">
        <v>36413.713190000002</v>
      </c>
      <c r="AP8313">
        <v>29245.987239999999</v>
      </c>
    </row>
    <row r="8314" spans="2:42" x14ac:dyDescent="0.3">
      <c r="B8314">
        <v>71.506240808125582</v>
      </c>
      <c r="C8314" s="83">
        <v>43447.333333333336</v>
      </c>
      <c r="D8314">
        <v>311767.12310000003</v>
      </c>
      <c r="E8314">
        <v>37066.221669999999</v>
      </c>
      <c r="F8314">
        <v>91888.11133</v>
      </c>
      <c r="G8314">
        <v>96925.186650000003</v>
      </c>
      <c r="H8314">
        <v>59939.518649999998</v>
      </c>
      <c r="I8314">
        <v>52254.517549999997</v>
      </c>
      <c r="J8314">
        <v>34873.85858</v>
      </c>
      <c r="K8314">
        <v>61371.088689999997</v>
      </c>
      <c r="L8314">
        <v>28380.905040000001</v>
      </c>
      <c r="M8314">
        <v>364572.16200000001</v>
      </c>
      <c r="N8314">
        <v>104945.1924</v>
      </c>
      <c r="O8314">
        <v>32404.761630000001</v>
      </c>
      <c r="P8314">
        <v>36834.426379999997</v>
      </c>
      <c r="Q8314">
        <v>97997.373430000007</v>
      </c>
      <c r="R8314">
        <v>23749.66689</v>
      </c>
      <c r="S8314">
        <v>128112.67690000001</v>
      </c>
      <c r="T8314">
        <v>40876.326699999998</v>
      </c>
      <c r="U8314">
        <v>31641.764080000001</v>
      </c>
      <c r="W8314" s="83">
        <f>Bühler!N8346</f>
        <v>45638.333333313174</v>
      </c>
      <c r="X8314" s="83">
        <v>43447.333333333336</v>
      </c>
      <c r="Y8314">
        <v>311767.12310000003</v>
      </c>
      <c r="Z8314">
        <v>37066.221669999999</v>
      </c>
      <c r="AA8314">
        <v>91888.11133</v>
      </c>
      <c r="AB8314">
        <v>96925.186650000003</v>
      </c>
      <c r="AC8314">
        <v>59939.518649999998</v>
      </c>
      <c r="AD8314">
        <v>52254.517549999997</v>
      </c>
      <c r="AE8314">
        <v>34873.85858</v>
      </c>
      <c r="AF8314">
        <v>61371.088689999997</v>
      </c>
      <c r="AG8314">
        <v>28380.905040000001</v>
      </c>
      <c r="AH8314">
        <v>364572.16200000001</v>
      </c>
      <c r="AI8314">
        <v>104945.1924</v>
      </c>
      <c r="AJ8314">
        <v>32404.761630000001</v>
      </c>
      <c r="AK8314">
        <v>36834.426379999997</v>
      </c>
      <c r="AL8314">
        <v>97997.373430000007</v>
      </c>
      <c r="AM8314">
        <v>23749.66689</v>
      </c>
      <c r="AN8314">
        <v>128112.67690000001</v>
      </c>
      <c r="AO8314">
        <v>40876.326699999998</v>
      </c>
      <c r="AP8314">
        <v>31641.764080000001</v>
      </c>
    </row>
    <row r="8315" spans="2:42" x14ac:dyDescent="0.3">
      <c r="B8315">
        <v>71.029865848068795</v>
      </c>
      <c r="C8315" s="83">
        <v>43447.375</v>
      </c>
      <c r="D8315">
        <v>310170.34960000002</v>
      </c>
      <c r="E8315">
        <v>41276.269379999998</v>
      </c>
      <c r="F8315">
        <v>97375.421289999998</v>
      </c>
      <c r="G8315">
        <v>105539.6277</v>
      </c>
      <c r="H8315">
        <v>61106.264170000002</v>
      </c>
      <c r="I8315">
        <v>50299.065900000001</v>
      </c>
      <c r="J8315">
        <v>33972.603949999997</v>
      </c>
      <c r="K8315">
        <v>59793.755519999999</v>
      </c>
      <c r="L8315">
        <v>31401.482840000001</v>
      </c>
      <c r="M8315">
        <v>362143.38030000002</v>
      </c>
      <c r="N8315">
        <v>106040.1237</v>
      </c>
      <c r="O8315">
        <v>32346.731599999999</v>
      </c>
      <c r="P8315">
        <v>38433.457739999998</v>
      </c>
      <c r="Q8315">
        <v>97965.232480000006</v>
      </c>
      <c r="R8315">
        <v>23207.801479999998</v>
      </c>
      <c r="S8315">
        <v>133860.80300000001</v>
      </c>
      <c r="T8315">
        <v>42956.096299999997</v>
      </c>
      <c r="U8315">
        <v>31513.123640000002</v>
      </c>
      <c r="W8315" s="83">
        <f>Bühler!N8347</f>
        <v>45638.374999979838</v>
      </c>
      <c r="X8315" s="83">
        <v>43447.375</v>
      </c>
      <c r="Y8315">
        <v>310170.34960000002</v>
      </c>
      <c r="Z8315">
        <v>41276.269379999998</v>
      </c>
      <c r="AA8315">
        <v>97375.421289999998</v>
      </c>
      <c r="AB8315">
        <v>105539.6277</v>
      </c>
      <c r="AC8315">
        <v>61106.264170000002</v>
      </c>
      <c r="AD8315">
        <v>50299.065900000001</v>
      </c>
      <c r="AE8315">
        <v>33972.603949999997</v>
      </c>
      <c r="AF8315">
        <v>59793.755519999999</v>
      </c>
      <c r="AG8315">
        <v>31401.482840000001</v>
      </c>
      <c r="AH8315">
        <v>362143.38030000002</v>
      </c>
      <c r="AI8315">
        <v>106040.1237</v>
      </c>
      <c r="AJ8315">
        <v>32346.731599999999</v>
      </c>
      <c r="AK8315">
        <v>38433.457739999998</v>
      </c>
      <c r="AL8315">
        <v>97965.232480000006</v>
      </c>
      <c r="AM8315">
        <v>23207.801479999998</v>
      </c>
      <c r="AN8315">
        <v>133860.80300000001</v>
      </c>
      <c r="AO8315">
        <v>42956.096299999997</v>
      </c>
      <c r="AP8315">
        <v>31513.123640000002</v>
      </c>
    </row>
    <row r="8316" spans="2:42" x14ac:dyDescent="0.3">
      <c r="B8316">
        <v>71.196803990426631</v>
      </c>
      <c r="C8316" s="83">
        <v>43447.416666666664</v>
      </c>
      <c r="D8316">
        <v>311768.02389999997</v>
      </c>
      <c r="E8316">
        <v>42186.531909999998</v>
      </c>
      <c r="F8316">
        <v>97118.427890000006</v>
      </c>
      <c r="G8316">
        <v>106436.3602</v>
      </c>
      <c r="H8316">
        <v>61919.05717</v>
      </c>
      <c r="I8316">
        <v>46232.532899999998</v>
      </c>
      <c r="J8316">
        <v>33155.713259999997</v>
      </c>
      <c r="K8316">
        <v>60709.133779999996</v>
      </c>
      <c r="L8316">
        <v>34633.891409999997</v>
      </c>
      <c r="M8316">
        <v>362994.50880000001</v>
      </c>
      <c r="N8316">
        <v>105571.526</v>
      </c>
      <c r="O8316">
        <v>32206.5772</v>
      </c>
      <c r="P8316">
        <v>39016.013619999998</v>
      </c>
      <c r="Q8316">
        <v>97255.555859999993</v>
      </c>
      <c r="R8316">
        <v>23865.724910000001</v>
      </c>
      <c r="S8316">
        <v>131861.76800000001</v>
      </c>
      <c r="T8316">
        <v>43794.893790000002</v>
      </c>
      <c r="U8316">
        <v>30732.415349999999</v>
      </c>
      <c r="W8316" s="83">
        <f>Bühler!N8348</f>
        <v>45638.416666646503</v>
      </c>
      <c r="X8316" s="83">
        <v>43447.416666666664</v>
      </c>
      <c r="Y8316">
        <v>311768.02389999997</v>
      </c>
      <c r="Z8316">
        <v>42186.531909999998</v>
      </c>
      <c r="AA8316">
        <v>97118.427890000006</v>
      </c>
      <c r="AB8316">
        <v>106436.3602</v>
      </c>
      <c r="AC8316">
        <v>61919.05717</v>
      </c>
      <c r="AD8316">
        <v>46232.532899999998</v>
      </c>
      <c r="AE8316">
        <v>33155.713259999997</v>
      </c>
      <c r="AF8316">
        <v>60709.133779999996</v>
      </c>
      <c r="AG8316">
        <v>34633.891409999997</v>
      </c>
      <c r="AH8316">
        <v>362994.50880000001</v>
      </c>
      <c r="AI8316">
        <v>105571.526</v>
      </c>
      <c r="AJ8316">
        <v>32206.5772</v>
      </c>
      <c r="AK8316">
        <v>39016.013619999998</v>
      </c>
      <c r="AL8316">
        <v>97255.555859999993</v>
      </c>
      <c r="AM8316">
        <v>23865.724910000001</v>
      </c>
      <c r="AN8316">
        <v>131861.76800000001</v>
      </c>
      <c r="AO8316">
        <v>43794.893790000002</v>
      </c>
      <c r="AP8316">
        <v>30732.415349999999</v>
      </c>
    </row>
    <row r="8317" spans="2:42" x14ac:dyDescent="0.3">
      <c r="B8317">
        <v>71.615847847285835</v>
      </c>
      <c r="C8317" s="83">
        <v>43447.458333333336</v>
      </c>
      <c r="D8317">
        <v>310266.3835</v>
      </c>
      <c r="E8317">
        <v>41705.794410000002</v>
      </c>
      <c r="F8317">
        <v>97450.298540000003</v>
      </c>
      <c r="G8317">
        <v>103021.08900000001</v>
      </c>
      <c r="H8317">
        <v>61557.864670000003</v>
      </c>
      <c r="I8317">
        <v>43829.09476</v>
      </c>
      <c r="J8317">
        <v>33356.477959999997</v>
      </c>
      <c r="K8317">
        <v>66514.028950000007</v>
      </c>
      <c r="L8317">
        <v>35688.411370000002</v>
      </c>
      <c r="M8317">
        <v>365130.98979999998</v>
      </c>
      <c r="N8317">
        <v>103610.1917</v>
      </c>
      <c r="O8317">
        <v>32091.797350000001</v>
      </c>
      <c r="P8317">
        <v>37871.44745</v>
      </c>
      <c r="Q8317">
        <v>97090.217730000004</v>
      </c>
      <c r="R8317">
        <v>26485.722300000001</v>
      </c>
      <c r="S8317">
        <v>135008.93030000001</v>
      </c>
      <c r="T8317">
        <v>43530.125769999999</v>
      </c>
      <c r="U8317">
        <v>30672.28644</v>
      </c>
      <c r="W8317" s="83">
        <f>Bühler!N8349</f>
        <v>45638.458333313167</v>
      </c>
      <c r="X8317" s="83">
        <v>43447.458333333336</v>
      </c>
      <c r="Y8317">
        <v>310266.3835</v>
      </c>
      <c r="Z8317">
        <v>41705.794410000002</v>
      </c>
      <c r="AA8317">
        <v>97450.298540000003</v>
      </c>
      <c r="AB8317">
        <v>103021.08900000001</v>
      </c>
      <c r="AC8317">
        <v>61557.864670000003</v>
      </c>
      <c r="AD8317">
        <v>43829.09476</v>
      </c>
      <c r="AE8317">
        <v>33356.477959999997</v>
      </c>
      <c r="AF8317">
        <v>66514.028950000007</v>
      </c>
      <c r="AG8317">
        <v>35688.411370000002</v>
      </c>
      <c r="AH8317">
        <v>365130.98979999998</v>
      </c>
      <c r="AI8317">
        <v>103610.1917</v>
      </c>
      <c r="AJ8317">
        <v>32091.797350000001</v>
      </c>
      <c r="AK8317">
        <v>37871.44745</v>
      </c>
      <c r="AL8317">
        <v>97090.217730000004</v>
      </c>
      <c r="AM8317">
        <v>26485.722300000001</v>
      </c>
      <c r="AN8317">
        <v>135008.93030000001</v>
      </c>
      <c r="AO8317">
        <v>43530.125769999999</v>
      </c>
      <c r="AP8317">
        <v>30672.28644</v>
      </c>
    </row>
    <row r="8318" spans="2:42" x14ac:dyDescent="0.3">
      <c r="B8318">
        <v>70.959332323694866</v>
      </c>
      <c r="C8318" s="83">
        <v>43447.5</v>
      </c>
      <c r="D8318">
        <v>296071.50290000002</v>
      </c>
      <c r="E8318">
        <v>37421.807560000001</v>
      </c>
      <c r="F8318">
        <v>95933.694629999998</v>
      </c>
      <c r="G8318">
        <v>100475.5019</v>
      </c>
      <c r="H8318">
        <v>58145.04623</v>
      </c>
      <c r="I8318">
        <v>41367.20637</v>
      </c>
      <c r="J8318">
        <v>33370.772040000003</v>
      </c>
      <c r="K8318">
        <v>63516.77115</v>
      </c>
      <c r="L8318">
        <v>37271.183770000003</v>
      </c>
      <c r="M8318">
        <v>361783.76750000002</v>
      </c>
      <c r="N8318">
        <v>98857.832720000006</v>
      </c>
      <c r="O8318">
        <v>31772.514019999999</v>
      </c>
      <c r="P8318">
        <v>38062.418160000001</v>
      </c>
      <c r="Q8318">
        <v>95312.809219999996</v>
      </c>
      <c r="R8318">
        <v>26752.567510000001</v>
      </c>
      <c r="S8318">
        <v>126111.20050000001</v>
      </c>
      <c r="T8318">
        <v>43133.806530000002</v>
      </c>
      <c r="U8318">
        <v>25783.162039999999</v>
      </c>
      <c r="W8318" s="83">
        <f>Bühler!N8350</f>
        <v>45638.499999979831</v>
      </c>
      <c r="X8318" s="83">
        <v>43447.5</v>
      </c>
      <c r="Y8318">
        <v>296071.50290000002</v>
      </c>
      <c r="Z8318">
        <v>37421.807560000001</v>
      </c>
      <c r="AA8318">
        <v>95933.694629999998</v>
      </c>
      <c r="AB8318">
        <v>100475.5019</v>
      </c>
      <c r="AC8318">
        <v>58145.04623</v>
      </c>
      <c r="AD8318">
        <v>41367.20637</v>
      </c>
      <c r="AE8318">
        <v>33370.772040000003</v>
      </c>
      <c r="AF8318">
        <v>63516.77115</v>
      </c>
      <c r="AG8318">
        <v>37271.183770000003</v>
      </c>
      <c r="AH8318">
        <v>361783.76750000002</v>
      </c>
      <c r="AI8318">
        <v>98857.832720000006</v>
      </c>
      <c r="AJ8318">
        <v>31772.514019999999</v>
      </c>
      <c r="AK8318">
        <v>38062.418160000001</v>
      </c>
      <c r="AL8318">
        <v>95312.809219999996</v>
      </c>
      <c r="AM8318">
        <v>26752.567510000001</v>
      </c>
      <c r="AN8318">
        <v>126111.20050000001</v>
      </c>
      <c r="AO8318">
        <v>43133.806530000002</v>
      </c>
      <c r="AP8318">
        <v>25783.162039999999</v>
      </c>
    </row>
    <row r="8319" spans="2:42" x14ac:dyDescent="0.3">
      <c r="B8319">
        <v>70.855194223256532</v>
      </c>
      <c r="C8319" s="83">
        <v>43447.541666666664</v>
      </c>
      <c r="D8319">
        <v>296232.99739999999</v>
      </c>
      <c r="E8319">
        <v>37250.1152</v>
      </c>
      <c r="F8319">
        <v>95359.104000000007</v>
      </c>
      <c r="G8319">
        <v>97259.515629999994</v>
      </c>
      <c r="H8319">
        <v>58328.430119999997</v>
      </c>
      <c r="I8319">
        <v>40314.867429999998</v>
      </c>
      <c r="J8319">
        <v>32429.691210000001</v>
      </c>
      <c r="K8319">
        <v>64916.419099999999</v>
      </c>
      <c r="L8319">
        <v>35164.345370000003</v>
      </c>
      <c r="M8319">
        <v>361252.82290000003</v>
      </c>
      <c r="N8319">
        <v>100816.3192</v>
      </c>
      <c r="O8319">
        <v>31409.54782</v>
      </c>
      <c r="P8319">
        <v>37422.9251</v>
      </c>
      <c r="Q8319">
        <v>94268.665169999993</v>
      </c>
      <c r="R8319">
        <v>28487.269550000001</v>
      </c>
      <c r="S8319">
        <v>125550.62330000001</v>
      </c>
      <c r="T8319">
        <v>42022.10757</v>
      </c>
      <c r="U8319">
        <v>27434.365880000001</v>
      </c>
      <c r="W8319" s="83">
        <f>Bühler!N8351</f>
        <v>45638.541666646495</v>
      </c>
      <c r="X8319" s="83">
        <v>43447.541666666664</v>
      </c>
      <c r="Y8319">
        <v>296232.99739999999</v>
      </c>
      <c r="Z8319">
        <v>37250.1152</v>
      </c>
      <c r="AA8319">
        <v>95359.104000000007</v>
      </c>
      <c r="AB8319">
        <v>97259.515629999994</v>
      </c>
      <c r="AC8319">
        <v>58328.430119999997</v>
      </c>
      <c r="AD8319">
        <v>40314.867429999998</v>
      </c>
      <c r="AE8319">
        <v>32429.691210000001</v>
      </c>
      <c r="AF8319">
        <v>64916.419099999999</v>
      </c>
      <c r="AG8319">
        <v>35164.345370000003</v>
      </c>
      <c r="AH8319">
        <v>361252.82290000003</v>
      </c>
      <c r="AI8319">
        <v>100816.3192</v>
      </c>
      <c r="AJ8319">
        <v>31409.54782</v>
      </c>
      <c r="AK8319">
        <v>37422.9251</v>
      </c>
      <c r="AL8319">
        <v>94268.665169999993</v>
      </c>
      <c r="AM8319">
        <v>28487.269550000001</v>
      </c>
      <c r="AN8319">
        <v>125550.62330000001</v>
      </c>
      <c r="AO8319">
        <v>42022.10757</v>
      </c>
      <c r="AP8319">
        <v>27434.365880000001</v>
      </c>
    </row>
    <row r="8320" spans="2:42" x14ac:dyDescent="0.3">
      <c r="B8320">
        <v>71.033503098715585</v>
      </c>
      <c r="C8320" s="83">
        <v>43447.583333333336</v>
      </c>
      <c r="D8320">
        <v>298023.39130000002</v>
      </c>
      <c r="E8320">
        <v>40269.482259999997</v>
      </c>
      <c r="F8320">
        <v>96559.116699999999</v>
      </c>
      <c r="G8320">
        <v>91921.688989999995</v>
      </c>
      <c r="H8320">
        <v>58456.742919999997</v>
      </c>
      <c r="I8320">
        <v>41265.105519999997</v>
      </c>
      <c r="J8320">
        <v>31268.918549999999</v>
      </c>
      <c r="K8320">
        <v>66114.392680000004</v>
      </c>
      <c r="L8320">
        <v>31588.489109999999</v>
      </c>
      <c r="M8320">
        <v>362161.92469999997</v>
      </c>
      <c r="N8320">
        <v>102067.893</v>
      </c>
      <c r="O8320">
        <v>31373.601729999998</v>
      </c>
      <c r="P8320">
        <v>34073.636209999997</v>
      </c>
      <c r="Q8320">
        <v>94290.199139999997</v>
      </c>
      <c r="R8320">
        <v>27375.129649999999</v>
      </c>
      <c r="S8320">
        <v>120138.39629999999</v>
      </c>
      <c r="T8320">
        <v>39936.954089999999</v>
      </c>
      <c r="U8320">
        <v>27413.389579999999</v>
      </c>
      <c r="W8320" s="83">
        <f>Bühler!N8352</f>
        <v>45638.58333331316</v>
      </c>
      <c r="X8320" s="83">
        <v>43447.583333333336</v>
      </c>
      <c r="Y8320">
        <v>298023.39130000002</v>
      </c>
      <c r="Z8320">
        <v>40269.482259999997</v>
      </c>
      <c r="AA8320">
        <v>96559.116699999999</v>
      </c>
      <c r="AB8320">
        <v>91921.688989999995</v>
      </c>
      <c r="AC8320">
        <v>58456.742919999997</v>
      </c>
      <c r="AD8320">
        <v>41265.105519999997</v>
      </c>
      <c r="AE8320">
        <v>31268.918549999999</v>
      </c>
      <c r="AF8320">
        <v>66114.392680000004</v>
      </c>
      <c r="AG8320">
        <v>31588.489109999999</v>
      </c>
      <c r="AH8320">
        <v>362161.92469999997</v>
      </c>
      <c r="AI8320">
        <v>102067.893</v>
      </c>
      <c r="AJ8320">
        <v>31373.601729999998</v>
      </c>
      <c r="AK8320">
        <v>34073.636209999997</v>
      </c>
      <c r="AL8320">
        <v>94290.199139999997</v>
      </c>
      <c r="AM8320">
        <v>27375.129649999999</v>
      </c>
      <c r="AN8320">
        <v>120138.39629999999</v>
      </c>
      <c r="AO8320">
        <v>39936.954089999999</v>
      </c>
      <c r="AP8320">
        <v>27413.389579999999</v>
      </c>
    </row>
    <row r="8321" spans="2:42" x14ac:dyDescent="0.3">
      <c r="B8321">
        <v>69.658003540683779</v>
      </c>
      <c r="C8321" s="83">
        <v>43447.625</v>
      </c>
      <c r="D8321">
        <v>297267.6237</v>
      </c>
      <c r="E8321">
        <v>39877.528480000001</v>
      </c>
      <c r="F8321">
        <v>97143.147620000003</v>
      </c>
      <c r="G8321">
        <v>88638.435459999993</v>
      </c>
      <c r="H8321">
        <v>56834.560189999997</v>
      </c>
      <c r="I8321">
        <v>41860.050040000002</v>
      </c>
      <c r="J8321">
        <v>31129.503639999999</v>
      </c>
      <c r="K8321">
        <v>66034.837960000004</v>
      </c>
      <c r="L8321">
        <v>29147.945400000001</v>
      </c>
      <c r="M8321">
        <v>355148.9865</v>
      </c>
      <c r="N8321">
        <v>101676.94010000001</v>
      </c>
      <c r="O8321">
        <v>30182.218959999998</v>
      </c>
      <c r="P8321">
        <v>32308.527989999999</v>
      </c>
      <c r="Q8321">
        <v>93340.588040000002</v>
      </c>
      <c r="R8321">
        <v>25982.31064</v>
      </c>
      <c r="S8321">
        <v>116450.50719999999</v>
      </c>
      <c r="T8321">
        <v>39180.163269999997</v>
      </c>
      <c r="U8321">
        <v>26474.580839999999</v>
      </c>
      <c r="W8321" s="83">
        <f>Bühler!N8353</f>
        <v>45638.624999979824</v>
      </c>
      <c r="X8321" s="83">
        <v>43447.625</v>
      </c>
      <c r="Y8321">
        <v>297267.6237</v>
      </c>
      <c r="Z8321">
        <v>39877.528480000001</v>
      </c>
      <c r="AA8321">
        <v>97143.147620000003</v>
      </c>
      <c r="AB8321">
        <v>88638.435459999993</v>
      </c>
      <c r="AC8321">
        <v>56834.560189999997</v>
      </c>
      <c r="AD8321">
        <v>41860.050040000002</v>
      </c>
      <c r="AE8321">
        <v>31129.503639999999</v>
      </c>
      <c r="AF8321">
        <v>66034.837960000004</v>
      </c>
      <c r="AG8321">
        <v>29147.945400000001</v>
      </c>
      <c r="AH8321">
        <v>355148.9865</v>
      </c>
      <c r="AI8321">
        <v>101676.94010000001</v>
      </c>
      <c r="AJ8321">
        <v>30182.218959999998</v>
      </c>
      <c r="AK8321">
        <v>32308.527989999999</v>
      </c>
      <c r="AL8321">
        <v>93340.588040000002</v>
      </c>
      <c r="AM8321">
        <v>25982.31064</v>
      </c>
      <c r="AN8321">
        <v>116450.50719999999</v>
      </c>
      <c r="AO8321">
        <v>39180.163269999997</v>
      </c>
      <c r="AP8321">
        <v>26474.580839999999</v>
      </c>
    </row>
    <row r="8322" spans="2:42" x14ac:dyDescent="0.3">
      <c r="B8322">
        <v>68.915948548799918</v>
      </c>
      <c r="C8322" s="83">
        <v>43447.666666666664</v>
      </c>
      <c r="D8322">
        <v>290037.07079999999</v>
      </c>
      <c r="E8322">
        <v>39288.199979999998</v>
      </c>
      <c r="F8322">
        <v>96825.973859999998</v>
      </c>
      <c r="G8322">
        <v>85852.013999999996</v>
      </c>
      <c r="H8322">
        <v>55429.630640000003</v>
      </c>
      <c r="I8322">
        <v>43494.6345</v>
      </c>
      <c r="J8322">
        <v>30892.04291</v>
      </c>
      <c r="K8322">
        <v>62262.094129999998</v>
      </c>
      <c r="L8322">
        <v>27588.950830000002</v>
      </c>
      <c r="M8322">
        <v>351365.64409999998</v>
      </c>
      <c r="N8322">
        <v>97022.495999999999</v>
      </c>
      <c r="O8322">
        <v>29470.316220000001</v>
      </c>
      <c r="P8322">
        <v>33633.972139999998</v>
      </c>
      <c r="Q8322">
        <v>92889.831959999996</v>
      </c>
      <c r="R8322">
        <v>25594.42468</v>
      </c>
      <c r="S8322">
        <v>116436.8199</v>
      </c>
      <c r="T8322">
        <v>39585.286590000003</v>
      </c>
      <c r="U8322">
        <v>25654.651409999999</v>
      </c>
      <c r="W8322" s="83">
        <f>Bühler!N8354</f>
        <v>45638.666666646488</v>
      </c>
      <c r="X8322" s="83">
        <v>43447.666666666664</v>
      </c>
      <c r="Y8322">
        <v>290037.07079999999</v>
      </c>
      <c r="Z8322">
        <v>39288.199979999998</v>
      </c>
      <c r="AA8322">
        <v>96825.973859999998</v>
      </c>
      <c r="AB8322">
        <v>85852.013999999996</v>
      </c>
      <c r="AC8322">
        <v>55429.630640000003</v>
      </c>
      <c r="AD8322">
        <v>43494.6345</v>
      </c>
      <c r="AE8322">
        <v>30892.04291</v>
      </c>
      <c r="AF8322">
        <v>62262.094129999998</v>
      </c>
      <c r="AG8322">
        <v>27588.950830000002</v>
      </c>
      <c r="AH8322">
        <v>351365.64409999998</v>
      </c>
      <c r="AI8322">
        <v>97022.495999999999</v>
      </c>
      <c r="AJ8322">
        <v>29470.316220000001</v>
      </c>
      <c r="AK8322">
        <v>33633.972139999998</v>
      </c>
      <c r="AL8322">
        <v>92889.831959999996</v>
      </c>
      <c r="AM8322">
        <v>25594.42468</v>
      </c>
      <c r="AN8322">
        <v>116436.8199</v>
      </c>
      <c r="AO8322">
        <v>39585.286590000003</v>
      </c>
      <c r="AP8322">
        <v>25654.651409999999</v>
      </c>
    </row>
    <row r="8323" spans="2:42" x14ac:dyDescent="0.3">
      <c r="B8323">
        <v>67.917283429036274</v>
      </c>
      <c r="C8323" s="83">
        <v>43447.708333333336</v>
      </c>
      <c r="D8323">
        <v>283095.73859999998</v>
      </c>
      <c r="E8323">
        <v>37981.435530000002</v>
      </c>
      <c r="F8323">
        <v>97324.379679999998</v>
      </c>
      <c r="G8323">
        <v>80789.652459999998</v>
      </c>
      <c r="H8323">
        <v>55304.602209999997</v>
      </c>
      <c r="I8323">
        <v>44109.17542</v>
      </c>
      <c r="J8323">
        <v>33227.126080000002</v>
      </c>
      <c r="K8323">
        <v>57223.633479999997</v>
      </c>
      <c r="L8323">
        <v>28803.423019999998</v>
      </c>
      <c r="M8323">
        <v>346273.98359999998</v>
      </c>
      <c r="N8323">
        <v>95803.803570000004</v>
      </c>
      <c r="O8323">
        <v>28810.26899</v>
      </c>
      <c r="P8323">
        <v>35899.98429</v>
      </c>
      <c r="Q8323">
        <v>92159.161009999996</v>
      </c>
      <c r="R8323">
        <v>24748.060659999999</v>
      </c>
      <c r="S8323">
        <v>116541.11440000001</v>
      </c>
      <c r="T8323">
        <v>41698.473969999999</v>
      </c>
      <c r="U8323">
        <v>24240.303309999999</v>
      </c>
      <c r="W8323" s="83">
        <f>Bühler!N8355</f>
        <v>45638.708333313152</v>
      </c>
      <c r="X8323" s="83">
        <v>43447.708333333336</v>
      </c>
      <c r="Y8323">
        <v>283095.73859999998</v>
      </c>
      <c r="Z8323">
        <v>37981.435530000002</v>
      </c>
      <c r="AA8323">
        <v>97324.379679999998</v>
      </c>
      <c r="AB8323">
        <v>80789.652459999998</v>
      </c>
      <c r="AC8323">
        <v>55304.602209999997</v>
      </c>
      <c r="AD8323">
        <v>44109.17542</v>
      </c>
      <c r="AE8323">
        <v>33227.126080000002</v>
      </c>
      <c r="AF8323">
        <v>57223.633479999997</v>
      </c>
      <c r="AG8323">
        <v>28803.423019999998</v>
      </c>
      <c r="AH8323">
        <v>346273.98359999998</v>
      </c>
      <c r="AI8323">
        <v>95803.803570000004</v>
      </c>
      <c r="AJ8323">
        <v>28810.26899</v>
      </c>
      <c r="AK8323">
        <v>35899.98429</v>
      </c>
      <c r="AL8323">
        <v>92159.161009999996</v>
      </c>
      <c r="AM8323">
        <v>24748.060659999999</v>
      </c>
      <c r="AN8323">
        <v>116541.11440000001</v>
      </c>
      <c r="AO8323">
        <v>41698.473969999999</v>
      </c>
      <c r="AP8323">
        <v>24240.303309999999</v>
      </c>
    </row>
    <row r="8324" spans="2:42" x14ac:dyDescent="0.3">
      <c r="B8324">
        <v>66.300307627478304</v>
      </c>
      <c r="C8324" s="83">
        <v>43447.75</v>
      </c>
      <c r="D8324">
        <v>277694.7794</v>
      </c>
      <c r="E8324">
        <v>34570.134140000002</v>
      </c>
      <c r="F8324">
        <v>93189.856159999996</v>
      </c>
      <c r="G8324">
        <v>70644.803360000005</v>
      </c>
      <c r="H8324">
        <v>52525.575299999997</v>
      </c>
      <c r="I8324">
        <v>42291.535360000002</v>
      </c>
      <c r="J8324">
        <v>33570.194190000002</v>
      </c>
      <c r="K8324">
        <v>49254.412799999998</v>
      </c>
      <c r="L8324">
        <v>30303.116129999999</v>
      </c>
      <c r="M8324">
        <v>338029.88689999998</v>
      </c>
      <c r="N8324">
        <v>93358.837409999993</v>
      </c>
      <c r="O8324">
        <v>27497.195070000002</v>
      </c>
      <c r="P8324">
        <v>39436.095269999998</v>
      </c>
      <c r="Q8324">
        <v>90227.362959999999</v>
      </c>
      <c r="R8324">
        <v>21746.89471</v>
      </c>
      <c r="S8324">
        <v>110135.5371</v>
      </c>
      <c r="T8324">
        <v>42260.677320000003</v>
      </c>
      <c r="U8324">
        <v>21652.553100000001</v>
      </c>
      <c r="W8324" s="83">
        <f>Bühler!N8356</f>
        <v>45638.749999979816</v>
      </c>
      <c r="X8324" s="83">
        <v>43447.75</v>
      </c>
      <c r="Y8324">
        <v>277694.7794</v>
      </c>
      <c r="Z8324">
        <v>34570.134140000002</v>
      </c>
      <c r="AA8324">
        <v>93189.856159999996</v>
      </c>
      <c r="AB8324">
        <v>70644.803360000005</v>
      </c>
      <c r="AC8324">
        <v>52525.575299999997</v>
      </c>
      <c r="AD8324">
        <v>42291.535360000002</v>
      </c>
      <c r="AE8324">
        <v>33570.194190000002</v>
      </c>
      <c r="AF8324">
        <v>49254.412799999998</v>
      </c>
      <c r="AG8324">
        <v>30303.116129999999</v>
      </c>
      <c r="AH8324">
        <v>338029.88689999998</v>
      </c>
      <c r="AI8324">
        <v>93358.837409999993</v>
      </c>
      <c r="AJ8324">
        <v>27497.195070000002</v>
      </c>
      <c r="AK8324">
        <v>39436.095269999998</v>
      </c>
      <c r="AL8324">
        <v>90227.362959999999</v>
      </c>
      <c r="AM8324">
        <v>21746.89471</v>
      </c>
      <c r="AN8324">
        <v>110135.5371</v>
      </c>
      <c r="AO8324">
        <v>42260.677320000003</v>
      </c>
      <c r="AP8324">
        <v>21652.553100000001</v>
      </c>
    </row>
    <row r="8325" spans="2:42" x14ac:dyDescent="0.3">
      <c r="B8325">
        <v>65.473233264880363</v>
      </c>
      <c r="C8325" s="83">
        <v>43447.791666666664</v>
      </c>
      <c r="D8325">
        <v>269567.6384</v>
      </c>
      <c r="E8325">
        <v>28409.722259999999</v>
      </c>
      <c r="F8325">
        <v>80020.536980000004</v>
      </c>
      <c r="G8325">
        <v>62499.405200000001</v>
      </c>
      <c r="H8325">
        <v>49449.939140000002</v>
      </c>
      <c r="I8325">
        <v>39659.262139999999</v>
      </c>
      <c r="J8325">
        <v>32590.762719999999</v>
      </c>
      <c r="K8325">
        <v>48836.349609999997</v>
      </c>
      <c r="L8325">
        <v>30593.839820000001</v>
      </c>
      <c r="M8325">
        <v>333813.07610000001</v>
      </c>
      <c r="N8325">
        <v>92145.152719999998</v>
      </c>
      <c r="O8325">
        <v>26523.183560000001</v>
      </c>
      <c r="P8325">
        <v>40108.14056</v>
      </c>
      <c r="Q8325">
        <v>88299.400469999993</v>
      </c>
      <c r="R8325">
        <v>21137.391250000001</v>
      </c>
      <c r="S8325">
        <v>104683.6551</v>
      </c>
      <c r="T8325">
        <v>41142.45768</v>
      </c>
      <c r="U8325">
        <v>20044.983049999999</v>
      </c>
      <c r="W8325" s="83">
        <f>Bühler!N8357</f>
        <v>45638.791666646481</v>
      </c>
      <c r="X8325" s="83">
        <v>43447.791666666664</v>
      </c>
      <c r="Y8325">
        <v>269567.6384</v>
      </c>
      <c r="Z8325">
        <v>28409.722259999999</v>
      </c>
      <c r="AA8325">
        <v>80020.536980000004</v>
      </c>
      <c r="AB8325">
        <v>62499.405200000001</v>
      </c>
      <c r="AC8325">
        <v>49449.939140000002</v>
      </c>
      <c r="AD8325">
        <v>39659.262139999999</v>
      </c>
      <c r="AE8325">
        <v>32590.762719999999</v>
      </c>
      <c r="AF8325">
        <v>48836.349609999997</v>
      </c>
      <c r="AG8325">
        <v>30593.839820000001</v>
      </c>
      <c r="AH8325">
        <v>333813.07610000001</v>
      </c>
      <c r="AI8325">
        <v>92145.152719999998</v>
      </c>
      <c r="AJ8325">
        <v>26523.183560000001</v>
      </c>
      <c r="AK8325">
        <v>40108.14056</v>
      </c>
      <c r="AL8325">
        <v>88299.400469999993</v>
      </c>
      <c r="AM8325">
        <v>21137.391250000001</v>
      </c>
      <c r="AN8325">
        <v>104683.6551</v>
      </c>
      <c r="AO8325">
        <v>41142.45768</v>
      </c>
      <c r="AP8325">
        <v>20044.983049999999</v>
      </c>
    </row>
    <row r="8326" spans="2:42" x14ac:dyDescent="0.3">
      <c r="B8326">
        <v>64.14785542637371</v>
      </c>
      <c r="C8326" s="83">
        <v>43447.833333333336</v>
      </c>
      <c r="D8326">
        <v>259001.5068</v>
      </c>
      <c r="E8326">
        <v>21860.64054</v>
      </c>
      <c r="F8326">
        <v>63439.216240000002</v>
      </c>
      <c r="G8326">
        <v>53949.228369999997</v>
      </c>
      <c r="H8326">
        <v>46331.83496</v>
      </c>
      <c r="I8326">
        <v>35005.756950000003</v>
      </c>
      <c r="J8326">
        <v>31635.139190000002</v>
      </c>
      <c r="K8326">
        <v>54092.840190000003</v>
      </c>
      <c r="L8326">
        <v>29629.08036</v>
      </c>
      <c r="M8326">
        <v>327055.68180000002</v>
      </c>
      <c r="N8326">
        <v>89733.093059999999</v>
      </c>
      <c r="O8326">
        <v>25276.810320000001</v>
      </c>
      <c r="P8326">
        <v>39288.993210000001</v>
      </c>
      <c r="Q8326">
        <v>85839.872929999998</v>
      </c>
      <c r="R8326">
        <v>22818.797060000001</v>
      </c>
      <c r="S8326">
        <v>94598.27953</v>
      </c>
      <c r="T8326">
        <v>39711.2284</v>
      </c>
      <c r="U8326">
        <v>19296.705320000001</v>
      </c>
      <c r="W8326" s="83">
        <f>Bühler!N8358</f>
        <v>45638.833333313145</v>
      </c>
      <c r="X8326" s="83">
        <v>43447.833333333336</v>
      </c>
      <c r="Y8326">
        <v>259001.5068</v>
      </c>
      <c r="Z8326">
        <v>21860.64054</v>
      </c>
      <c r="AA8326">
        <v>63439.216240000002</v>
      </c>
      <c r="AB8326">
        <v>53949.228369999997</v>
      </c>
      <c r="AC8326">
        <v>46331.83496</v>
      </c>
      <c r="AD8326">
        <v>35005.756950000003</v>
      </c>
      <c r="AE8326">
        <v>31635.139190000002</v>
      </c>
      <c r="AF8326">
        <v>54092.840190000003</v>
      </c>
      <c r="AG8326">
        <v>29629.08036</v>
      </c>
      <c r="AH8326">
        <v>327055.68180000002</v>
      </c>
      <c r="AI8326">
        <v>89733.093059999999</v>
      </c>
      <c r="AJ8326">
        <v>25276.810320000001</v>
      </c>
      <c r="AK8326">
        <v>39288.993210000001</v>
      </c>
      <c r="AL8326">
        <v>85839.872929999998</v>
      </c>
      <c r="AM8326">
        <v>22818.797060000001</v>
      </c>
      <c r="AN8326">
        <v>94598.27953</v>
      </c>
      <c r="AO8326">
        <v>39711.2284</v>
      </c>
      <c r="AP8326">
        <v>19296.705320000001</v>
      </c>
    </row>
    <row r="8327" spans="2:42" x14ac:dyDescent="0.3">
      <c r="B8327">
        <v>61.817708691415923</v>
      </c>
      <c r="C8327" s="83">
        <v>43447.875</v>
      </c>
      <c r="D8327">
        <v>247979.87330000001</v>
      </c>
      <c r="E8327">
        <v>19179.580689999999</v>
      </c>
      <c r="F8327">
        <v>55111.18664</v>
      </c>
      <c r="G8327">
        <v>49874.936119999998</v>
      </c>
      <c r="H8327">
        <v>43508.445310000003</v>
      </c>
      <c r="I8327">
        <v>30902.936900000001</v>
      </c>
      <c r="J8327">
        <v>30753.077659999999</v>
      </c>
      <c r="K8327">
        <v>52277.89791</v>
      </c>
      <c r="L8327">
        <v>28385.008890000001</v>
      </c>
      <c r="M8327">
        <v>315175.50709999999</v>
      </c>
      <c r="N8327">
        <v>86953.21415</v>
      </c>
      <c r="O8327">
        <v>24339.693579999999</v>
      </c>
      <c r="P8327">
        <v>38019.087910000002</v>
      </c>
      <c r="Q8327">
        <v>83777.218359999999</v>
      </c>
      <c r="R8327">
        <v>20984.133620000001</v>
      </c>
      <c r="S8327">
        <v>88706.738989999998</v>
      </c>
      <c r="T8327">
        <v>36945.646979999998</v>
      </c>
      <c r="U8327">
        <v>18128.063239999999</v>
      </c>
      <c r="W8327" s="83">
        <f>Bühler!N8359</f>
        <v>45638.874999979809</v>
      </c>
      <c r="X8327" s="83">
        <v>43447.875</v>
      </c>
      <c r="Y8327">
        <v>247979.87330000001</v>
      </c>
      <c r="Z8327">
        <v>19179.580689999999</v>
      </c>
      <c r="AA8327">
        <v>55111.18664</v>
      </c>
      <c r="AB8327">
        <v>49874.936119999998</v>
      </c>
      <c r="AC8327">
        <v>43508.445310000003</v>
      </c>
      <c r="AD8327">
        <v>30902.936900000001</v>
      </c>
      <c r="AE8327">
        <v>30753.077659999999</v>
      </c>
      <c r="AF8327">
        <v>52277.89791</v>
      </c>
      <c r="AG8327">
        <v>28385.008890000001</v>
      </c>
      <c r="AH8327">
        <v>315175.50709999999</v>
      </c>
      <c r="AI8327">
        <v>86953.21415</v>
      </c>
      <c r="AJ8327">
        <v>24339.693579999999</v>
      </c>
      <c r="AK8327">
        <v>38019.087910000002</v>
      </c>
      <c r="AL8327">
        <v>83777.218359999999</v>
      </c>
      <c r="AM8327">
        <v>20984.133620000001</v>
      </c>
      <c r="AN8327">
        <v>88706.738989999998</v>
      </c>
      <c r="AO8327">
        <v>36945.646979999998</v>
      </c>
      <c r="AP8327">
        <v>18128.063239999999</v>
      </c>
    </row>
    <row r="8328" spans="2:42" x14ac:dyDescent="0.3">
      <c r="B8328">
        <v>61.25639361977376</v>
      </c>
      <c r="C8328" s="83">
        <v>43447.916666666664</v>
      </c>
      <c r="D8328">
        <v>248471.75090000001</v>
      </c>
      <c r="E8328">
        <v>18615.391749999999</v>
      </c>
      <c r="F8328">
        <v>53356.927960000001</v>
      </c>
      <c r="G8328">
        <v>47121.283719999999</v>
      </c>
      <c r="H8328">
        <v>43019.661950000002</v>
      </c>
      <c r="I8328">
        <v>29314.689129999999</v>
      </c>
      <c r="J8328">
        <v>30058.043689999999</v>
      </c>
      <c r="K8328">
        <v>55386.496019999999</v>
      </c>
      <c r="L8328">
        <v>25828.850719999999</v>
      </c>
      <c r="M8328">
        <v>312313.66110000003</v>
      </c>
      <c r="N8328">
        <v>86584.55992</v>
      </c>
      <c r="O8328">
        <v>25137.135610000001</v>
      </c>
      <c r="P8328">
        <v>40718.26354</v>
      </c>
      <c r="Q8328">
        <v>83952.85454</v>
      </c>
      <c r="R8328">
        <v>28884.586090000001</v>
      </c>
      <c r="S8328">
        <v>88209.223190000004</v>
      </c>
      <c r="T8328">
        <v>32952.372689999997</v>
      </c>
      <c r="U8328">
        <v>18617.566500000001</v>
      </c>
      <c r="W8328" s="83">
        <f>Bühler!N8360</f>
        <v>45638.916666646473</v>
      </c>
      <c r="X8328" s="83">
        <v>43447.916666666664</v>
      </c>
      <c r="Y8328">
        <v>248471.75090000001</v>
      </c>
      <c r="Z8328">
        <v>18615.391749999999</v>
      </c>
      <c r="AA8328">
        <v>53356.927960000001</v>
      </c>
      <c r="AB8328">
        <v>47121.283719999999</v>
      </c>
      <c r="AC8328">
        <v>43019.661950000002</v>
      </c>
      <c r="AD8328">
        <v>29314.689129999999</v>
      </c>
      <c r="AE8328">
        <v>30058.043689999999</v>
      </c>
      <c r="AF8328">
        <v>55386.496019999999</v>
      </c>
      <c r="AG8328">
        <v>25828.850719999999</v>
      </c>
      <c r="AH8328">
        <v>312313.66110000003</v>
      </c>
      <c r="AI8328">
        <v>86584.55992</v>
      </c>
      <c r="AJ8328">
        <v>25137.135610000001</v>
      </c>
      <c r="AK8328">
        <v>40718.26354</v>
      </c>
      <c r="AL8328">
        <v>83952.85454</v>
      </c>
      <c r="AM8328">
        <v>28884.586090000001</v>
      </c>
      <c r="AN8328">
        <v>88209.223190000004</v>
      </c>
      <c r="AO8328">
        <v>32952.372689999997</v>
      </c>
      <c r="AP8328">
        <v>18617.566500000001</v>
      </c>
    </row>
    <row r="8329" spans="2:42" x14ac:dyDescent="0.3">
      <c r="B8329">
        <v>59.297507607756025</v>
      </c>
      <c r="C8329" s="83">
        <v>43447.958333333336</v>
      </c>
      <c r="D8329">
        <v>246410.4062</v>
      </c>
      <c r="E8329">
        <v>18129.340960000001</v>
      </c>
      <c r="F8329">
        <v>51978.835570000003</v>
      </c>
      <c r="G8329">
        <v>45793.665919999999</v>
      </c>
      <c r="H8329">
        <v>42239.522859999997</v>
      </c>
      <c r="I8329">
        <v>26745.348099999999</v>
      </c>
      <c r="J8329">
        <v>28113.868299999998</v>
      </c>
      <c r="K8329">
        <v>54791.240239999999</v>
      </c>
      <c r="L8329">
        <v>22118.347969999999</v>
      </c>
      <c r="M8329">
        <v>302326.34669999999</v>
      </c>
      <c r="N8329">
        <v>86528.431020000004</v>
      </c>
      <c r="O8329">
        <v>25212.969560000001</v>
      </c>
      <c r="P8329">
        <v>37683.406880000002</v>
      </c>
      <c r="Q8329">
        <v>83719.441980000003</v>
      </c>
      <c r="R8329">
        <v>28757.11493</v>
      </c>
      <c r="S8329">
        <v>86082.482780000006</v>
      </c>
      <c r="T8329">
        <v>33250.892549999997</v>
      </c>
      <c r="U8329">
        <v>18377.746609999998</v>
      </c>
      <c r="W8329" s="83">
        <f>Bühler!N8361</f>
        <v>45638.958333313138</v>
      </c>
      <c r="X8329" s="83">
        <v>43447.958333333336</v>
      </c>
      <c r="Y8329">
        <v>246410.4062</v>
      </c>
      <c r="Z8329">
        <v>18129.340960000001</v>
      </c>
      <c r="AA8329">
        <v>51978.835570000003</v>
      </c>
      <c r="AB8329">
        <v>45793.665919999999</v>
      </c>
      <c r="AC8329">
        <v>42239.522859999997</v>
      </c>
      <c r="AD8329">
        <v>26745.348099999999</v>
      </c>
      <c r="AE8329">
        <v>28113.868299999998</v>
      </c>
      <c r="AF8329">
        <v>54791.240239999999</v>
      </c>
      <c r="AG8329">
        <v>22118.347969999999</v>
      </c>
      <c r="AH8329">
        <v>302326.34669999999</v>
      </c>
      <c r="AI8329">
        <v>86528.431020000004</v>
      </c>
      <c r="AJ8329">
        <v>25212.969560000001</v>
      </c>
      <c r="AK8329">
        <v>37683.406880000002</v>
      </c>
      <c r="AL8329">
        <v>83719.441980000003</v>
      </c>
      <c r="AM8329">
        <v>28757.11493</v>
      </c>
      <c r="AN8329">
        <v>86082.482780000006</v>
      </c>
      <c r="AO8329">
        <v>33250.892549999997</v>
      </c>
      <c r="AP8329">
        <v>18377.746609999998</v>
      </c>
    </row>
    <row r="8330" spans="2:42" x14ac:dyDescent="0.3">
      <c r="B8330">
        <v>58.761029004868782</v>
      </c>
      <c r="C8330" s="83">
        <v>43448</v>
      </c>
      <c r="D8330">
        <v>246395.6208</v>
      </c>
      <c r="E8330">
        <v>18021.635549999999</v>
      </c>
      <c r="F8330">
        <v>51756.03933</v>
      </c>
      <c r="G8330">
        <v>44921.885549999999</v>
      </c>
      <c r="H8330">
        <v>41344.165240000002</v>
      </c>
      <c r="I8330">
        <v>24564.391189999998</v>
      </c>
      <c r="J8330">
        <v>26407.90206</v>
      </c>
      <c r="K8330">
        <v>53077.858480000003</v>
      </c>
      <c r="L8330">
        <v>19808.6302</v>
      </c>
      <c r="M8330">
        <v>299591.1286</v>
      </c>
      <c r="N8330">
        <v>86141.812300000005</v>
      </c>
      <c r="O8330">
        <v>25032.188719999998</v>
      </c>
      <c r="P8330">
        <v>35401.597520000003</v>
      </c>
      <c r="Q8330">
        <v>83235.295740000001</v>
      </c>
      <c r="R8330">
        <v>28096.05947</v>
      </c>
      <c r="S8330">
        <v>85432.32445</v>
      </c>
      <c r="T8330">
        <v>31534.5003</v>
      </c>
      <c r="U8330">
        <v>18073.699700000001</v>
      </c>
      <c r="W8330" s="83">
        <f>Bühler!N8362</f>
        <v>45638.999999979802</v>
      </c>
      <c r="X8330" s="83">
        <v>43448</v>
      </c>
      <c r="Y8330">
        <v>246395.6208</v>
      </c>
      <c r="Z8330">
        <v>18021.635549999999</v>
      </c>
      <c r="AA8330">
        <v>51756.03933</v>
      </c>
      <c r="AB8330">
        <v>44921.885549999999</v>
      </c>
      <c r="AC8330">
        <v>41344.165240000002</v>
      </c>
      <c r="AD8330">
        <v>24564.391189999998</v>
      </c>
      <c r="AE8330">
        <v>26407.90206</v>
      </c>
      <c r="AF8330">
        <v>53077.858480000003</v>
      </c>
      <c r="AG8330">
        <v>19808.6302</v>
      </c>
      <c r="AH8330">
        <v>299591.1286</v>
      </c>
      <c r="AI8330">
        <v>86141.812300000005</v>
      </c>
      <c r="AJ8330">
        <v>25032.188719999998</v>
      </c>
      <c r="AK8330">
        <v>35401.597520000003</v>
      </c>
      <c r="AL8330">
        <v>83235.295740000001</v>
      </c>
      <c r="AM8330">
        <v>28096.05947</v>
      </c>
      <c r="AN8330">
        <v>85432.32445</v>
      </c>
      <c r="AO8330">
        <v>31534.5003</v>
      </c>
      <c r="AP8330">
        <v>18073.699700000001</v>
      </c>
    </row>
    <row r="8331" spans="2:42" x14ac:dyDescent="0.3">
      <c r="B8331">
        <v>58.299132673295333</v>
      </c>
      <c r="C8331" s="83">
        <v>43448.041666666664</v>
      </c>
      <c r="D8331">
        <v>246147.7182</v>
      </c>
      <c r="E8331">
        <v>18034.303019999999</v>
      </c>
      <c r="F8331">
        <v>53140.028980000003</v>
      </c>
      <c r="G8331">
        <v>44486.244839999999</v>
      </c>
      <c r="H8331">
        <v>41204.915050000003</v>
      </c>
      <c r="I8331">
        <v>21331.04564</v>
      </c>
      <c r="J8331">
        <v>25932.88409</v>
      </c>
      <c r="K8331">
        <v>50709.899019999997</v>
      </c>
      <c r="L8331">
        <v>19197.673719999999</v>
      </c>
      <c r="M8331">
        <v>297236.16570000001</v>
      </c>
      <c r="N8331">
        <v>85348.954419999995</v>
      </c>
      <c r="O8331">
        <v>25634.875840000001</v>
      </c>
      <c r="P8331">
        <v>33917.96084</v>
      </c>
      <c r="Q8331">
        <v>84381.501019999996</v>
      </c>
      <c r="R8331">
        <v>27523.105090000001</v>
      </c>
      <c r="S8331">
        <v>84548.661680000005</v>
      </c>
      <c r="T8331">
        <v>30219.319149999999</v>
      </c>
      <c r="U8331">
        <v>18903.000069999998</v>
      </c>
      <c r="W8331" s="83">
        <f>Bühler!N8363</f>
        <v>45639.041666646466</v>
      </c>
      <c r="X8331" s="83">
        <v>43448.041666666664</v>
      </c>
      <c r="Y8331">
        <v>246147.7182</v>
      </c>
      <c r="Z8331">
        <v>18034.303019999999</v>
      </c>
      <c r="AA8331">
        <v>53140.028980000003</v>
      </c>
      <c r="AB8331">
        <v>44486.244839999999</v>
      </c>
      <c r="AC8331">
        <v>41204.915050000003</v>
      </c>
      <c r="AD8331">
        <v>21331.04564</v>
      </c>
      <c r="AE8331">
        <v>25932.88409</v>
      </c>
      <c r="AF8331">
        <v>50709.899019999997</v>
      </c>
      <c r="AG8331">
        <v>19197.673719999999</v>
      </c>
      <c r="AH8331">
        <v>297236.16570000001</v>
      </c>
      <c r="AI8331">
        <v>85348.954419999995</v>
      </c>
      <c r="AJ8331">
        <v>25634.875840000001</v>
      </c>
      <c r="AK8331">
        <v>33917.96084</v>
      </c>
      <c r="AL8331">
        <v>84381.501019999996</v>
      </c>
      <c r="AM8331">
        <v>27523.105090000001</v>
      </c>
      <c r="AN8331">
        <v>84548.661680000005</v>
      </c>
      <c r="AO8331">
        <v>30219.319149999999</v>
      </c>
      <c r="AP8331">
        <v>18903.000069999998</v>
      </c>
    </row>
    <row r="8332" spans="2:42" x14ac:dyDescent="0.3">
      <c r="B8332">
        <v>58.793741606818806</v>
      </c>
      <c r="C8332" s="83">
        <v>43448.083333333336</v>
      </c>
      <c r="D8332">
        <v>246244.48009999999</v>
      </c>
      <c r="E8332">
        <v>18014.203300000001</v>
      </c>
      <c r="F8332">
        <v>53787.160080000001</v>
      </c>
      <c r="G8332">
        <v>44043.292840000002</v>
      </c>
      <c r="H8332">
        <v>40926.797740000002</v>
      </c>
      <c r="I8332">
        <v>19911.521919999999</v>
      </c>
      <c r="J8332">
        <v>25860.212339999998</v>
      </c>
      <c r="K8332">
        <v>49597.021560000001</v>
      </c>
      <c r="L8332">
        <v>18525.559590000001</v>
      </c>
      <c r="M8332">
        <v>299757.91269999999</v>
      </c>
      <c r="N8332">
        <v>85865.991320000001</v>
      </c>
      <c r="O8332">
        <v>25566.173699999999</v>
      </c>
      <c r="P8332">
        <v>32859.441590000002</v>
      </c>
      <c r="Q8332">
        <v>86858.231010000003</v>
      </c>
      <c r="R8332">
        <v>26753.37529</v>
      </c>
      <c r="S8332">
        <v>84469.114520000003</v>
      </c>
      <c r="T8332">
        <v>29717.85569</v>
      </c>
      <c r="U8332">
        <v>18753.257000000001</v>
      </c>
      <c r="W8332" s="83">
        <f>Bühler!N8364</f>
        <v>45639.08333331313</v>
      </c>
      <c r="X8332" s="83">
        <v>43448.083333333336</v>
      </c>
      <c r="Y8332">
        <v>246244.48009999999</v>
      </c>
      <c r="Z8332">
        <v>18014.203300000001</v>
      </c>
      <c r="AA8332">
        <v>53787.160080000001</v>
      </c>
      <c r="AB8332">
        <v>44043.292840000002</v>
      </c>
      <c r="AC8332">
        <v>40926.797740000002</v>
      </c>
      <c r="AD8332">
        <v>19911.521919999999</v>
      </c>
      <c r="AE8332">
        <v>25860.212339999998</v>
      </c>
      <c r="AF8332">
        <v>49597.021560000001</v>
      </c>
      <c r="AG8332">
        <v>18525.559590000001</v>
      </c>
      <c r="AH8332">
        <v>299757.91269999999</v>
      </c>
      <c r="AI8332">
        <v>85865.991320000001</v>
      </c>
      <c r="AJ8332">
        <v>25566.173699999999</v>
      </c>
      <c r="AK8332">
        <v>32859.441590000002</v>
      </c>
      <c r="AL8332">
        <v>86858.231010000003</v>
      </c>
      <c r="AM8332">
        <v>26753.37529</v>
      </c>
      <c r="AN8332">
        <v>84469.114520000003</v>
      </c>
      <c r="AO8332">
        <v>29717.85569</v>
      </c>
      <c r="AP8332">
        <v>18753.257000000001</v>
      </c>
    </row>
    <row r="8333" spans="2:42" x14ac:dyDescent="0.3">
      <c r="B8333">
        <v>58.797213945128526</v>
      </c>
      <c r="C8333" s="83">
        <v>43448.125</v>
      </c>
      <c r="D8333">
        <v>247112.4442</v>
      </c>
      <c r="E8333">
        <v>17986.79335</v>
      </c>
      <c r="F8333">
        <v>54437.533409999996</v>
      </c>
      <c r="G8333">
        <v>43810.227500000001</v>
      </c>
      <c r="H8333">
        <v>40982.376519999998</v>
      </c>
      <c r="I8333">
        <v>19873.091260000001</v>
      </c>
      <c r="J8333">
        <v>26442.720580000001</v>
      </c>
      <c r="K8333">
        <v>48409.076439999997</v>
      </c>
      <c r="L8333">
        <v>18032.43708</v>
      </c>
      <c r="M8333">
        <v>299775.61629999999</v>
      </c>
      <c r="N8333">
        <v>85997.348899999997</v>
      </c>
      <c r="O8333">
        <v>25666.133180000001</v>
      </c>
      <c r="P8333">
        <v>32356.89157</v>
      </c>
      <c r="Q8333">
        <v>90465.807769999999</v>
      </c>
      <c r="R8333">
        <v>26955.065890000002</v>
      </c>
      <c r="S8333">
        <v>83479.350930000001</v>
      </c>
      <c r="T8333">
        <v>29652.494630000001</v>
      </c>
      <c r="U8333">
        <v>19024.21531</v>
      </c>
      <c r="W8333" s="83">
        <f>Bühler!N8365</f>
        <v>45639.124999979795</v>
      </c>
      <c r="X8333" s="83">
        <v>43448.125</v>
      </c>
      <c r="Y8333">
        <v>247112.4442</v>
      </c>
      <c r="Z8333">
        <v>17986.79335</v>
      </c>
      <c r="AA8333">
        <v>54437.533409999996</v>
      </c>
      <c r="AB8333">
        <v>43810.227500000001</v>
      </c>
      <c r="AC8333">
        <v>40982.376519999998</v>
      </c>
      <c r="AD8333">
        <v>19873.091260000001</v>
      </c>
      <c r="AE8333">
        <v>26442.720580000001</v>
      </c>
      <c r="AF8333">
        <v>48409.076439999997</v>
      </c>
      <c r="AG8333">
        <v>18032.43708</v>
      </c>
      <c r="AH8333">
        <v>299775.61629999999</v>
      </c>
      <c r="AI8333">
        <v>85997.348899999997</v>
      </c>
      <c r="AJ8333">
        <v>25666.133180000001</v>
      </c>
      <c r="AK8333">
        <v>32356.89157</v>
      </c>
      <c r="AL8333">
        <v>90465.807769999999</v>
      </c>
      <c r="AM8333">
        <v>26955.065890000002</v>
      </c>
      <c r="AN8333">
        <v>83479.350930000001</v>
      </c>
      <c r="AO8333">
        <v>29652.494630000001</v>
      </c>
      <c r="AP8333">
        <v>19024.21531</v>
      </c>
    </row>
    <row r="8334" spans="2:42" x14ac:dyDescent="0.3">
      <c r="B8334">
        <v>60.079549271381218</v>
      </c>
      <c r="C8334" s="83">
        <v>43448.166666666664</v>
      </c>
      <c r="D8334">
        <v>249895.80119999999</v>
      </c>
      <c r="E8334">
        <v>18712.378100000002</v>
      </c>
      <c r="F8334">
        <v>58388.175369999997</v>
      </c>
      <c r="G8334">
        <v>43590.612889999997</v>
      </c>
      <c r="H8334">
        <v>41468.288310000004</v>
      </c>
      <c r="I8334">
        <v>22728.402050000001</v>
      </c>
      <c r="J8334">
        <v>27935.86838</v>
      </c>
      <c r="K8334">
        <v>47926.641799999998</v>
      </c>
      <c r="L8334">
        <v>18140.275870000001</v>
      </c>
      <c r="M8334">
        <v>306313.55979999999</v>
      </c>
      <c r="N8334">
        <v>85375.238190000004</v>
      </c>
      <c r="O8334">
        <v>26019.75635</v>
      </c>
      <c r="P8334">
        <v>30850.65914</v>
      </c>
      <c r="Q8334">
        <v>93013.790370000002</v>
      </c>
      <c r="R8334">
        <v>26526.19529</v>
      </c>
      <c r="S8334">
        <v>85186.144490000006</v>
      </c>
      <c r="T8334">
        <v>29632.363379999999</v>
      </c>
      <c r="U8334">
        <v>19034.816159999998</v>
      </c>
      <c r="W8334" s="83">
        <f>Bühler!N8366</f>
        <v>45639.166666646459</v>
      </c>
      <c r="X8334" s="83">
        <v>43448.166666666664</v>
      </c>
      <c r="Y8334">
        <v>249895.80119999999</v>
      </c>
      <c r="Z8334">
        <v>18712.378100000002</v>
      </c>
      <c r="AA8334">
        <v>58388.175369999997</v>
      </c>
      <c r="AB8334">
        <v>43590.612889999997</v>
      </c>
      <c r="AC8334">
        <v>41468.288310000004</v>
      </c>
      <c r="AD8334">
        <v>22728.402050000001</v>
      </c>
      <c r="AE8334">
        <v>27935.86838</v>
      </c>
      <c r="AF8334">
        <v>47926.641799999998</v>
      </c>
      <c r="AG8334">
        <v>18140.275870000001</v>
      </c>
      <c r="AH8334">
        <v>306313.55979999999</v>
      </c>
      <c r="AI8334">
        <v>85375.238190000004</v>
      </c>
      <c r="AJ8334">
        <v>26019.75635</v>
      </c>
      <c r="AK8334">
        <v>30850.65914</v>
      </c>
      <c r="AL8334">
        <v>93013.790370000002</v>
      </c>
      <c r="AM8334">
        <v>26526.19529</v>
      </c>
      <c r="AN8334">
        <v>85186.144490000006</v>
      </c>
      <c r="AO8334">
        <v>29632.363379999999</v>
      </c>
      <c r="AP8334">
        <v>19034.816159999998</v>
      </c>
    </row>
    <row r="8335" spans="2:42" x14ac:dyDescent="0.3">
      <c r="B8335">
        <v>63.067714668224141</v>
      </c>
      <c r="C8335" s="83">
        <v>43448.208333333336</v>
      </c>
      <c r="D8335">
        <v>264236.45990000002</v>
      </c>
      <c r="E8335">
        <v>20628.313259999999</v>
      </c>
      <c r="F8335">
        <v>69644.858179999996</v>
      </c>
      <c r="G8335">
        <v>46367.89273</v>
      </c>
      <c r="H8335">
        <v>43900.381880000001</v>
      </c>
      <c r="I8335">
        <v>31678.048439999999</v>
      </c>
      <c r="J8335">
        <v>30238.553449999999</v>
      </c>
      <c r="K8335">
        <v>47713.802580000003</v>
      </c>
      <c r="L8335">
        <v>19185.68432</v>
      </c>
      <c r="M8335">
        <v>321548.62050000002</v>
      </c>
      <c r="N8335">
        <v>86422.448170000003</v>
      </c>
      <c r="O8335">
        <v>26342.2713</v>
      </c>
      <c r="P8335">
        <v>31851.894779999999</v>
      </c>
      <c r="Q8335">
        <v>95804.369120000003</v>
      </c>
      <c r="R8335">
        <v>26988.58829</v>
      </c>
      <c r="S8335">
        <v>86547.181039999996</v>
      </c>
      <c r="T8335">
        <v>30901.61578</v>
      </c>
      <c r="U8335">
        <v>20891.012279999999</v>
      </c>
      <c r="W8335" s="83">
        <f>Bühler!N8367</f>
        <v>45639.208333313123</v>
      </c>
      <c r="X8335" s="83">
        <v>43448.208333333336</v>
      </c>
      <c r="Y8335">
        <v>264236.45990000002</v>
      </c>
      <c r="Z8335">
        <v>20628.313259999999</v>
      </c>
      <c r="AA8335">
        <v>69644.858179999996</v>
      </c>
      <c r="AB8335">
        <v>46367.89273</v>
      </c>
      <c r="AC8335">
        <v>43900.381880000001</v>
      </c>
      <c r="AD8335">
        <v>31678.048439999999</v>
      </c>
      <c r="AE8335">
        <v>30238.553449999999</v>
      </c>
      <c r="AF8335">
        <v>47713.802580000003</v>
      </c>
      <c r="AG8335">
        <v>19185.68432</v>
      </c>
      <c r="AH8335">
        <v>321548.62050000002</v>
      </c>
      <c r="AI8335">
        <v>86422.448170000003</v>
      </c>
      <c r="AJ8335">
        <v>26342.2713</v>
      </c>
      <c r="AK8335">
        <v>31851.894779999999</v>
      </c>
      <c r="AL8335">
        <v>95804.369120000003</v>
      </c>
      <c r="AM8335">
        <v>26988.58829</v>
      </c>
      <c r="AN8335">
        <v>86547.181039999996</v>
      </c>
      <c r="AO8335">
        <v>30901.61578</v>
      </c>
      <c r="AP8335">
        <v>20891.012279999999</v>
      </c>
    </row>
    <row r="8336" spans="2:42" x14ac:dyDescent="0.3">
      <c r="B8336">
        <v>66.82341322848086</v>
      </c>
      <c r="C8336" s="83">
        <v>43448.25</v>
      </c>
      <c r="D8336">
        <v>279273.45880000002</v>
      </c>
      <c r="E8336">
        <v>25030.800309999999</v>
      </c>
      <c r="F8336">
        <v>81959.289510000002</v>
      </c>
      <c r="G8336">
        <v>61773.772120000001</v>
      </c>
      <c r="H8336">
        <v>47538.981610000003</v>
      </c>
      <c r="I8336">
        <v>39655.893730000003</v>
      </c>
      <c r="J8336">
        <v>33804.333330000001</v>
      </c>
      <c r="K8336">
        <v>50454.561609999997</v>
      </c>
      <c r="L8336">
        <v>20598.004710000001</v>
      </c>
      <c r="M8336">
        <v>340696.92320000002</v>
      </c>
      <c r="N8336">
        <v>91343.345159999997</v>
      </c>
      <c r="O8336">
        <v>26988.551390000001</v>
      </c>
      <c r="P8336">
        <v>31783.536660000002</v>
      </c>
      <c r="Q8336">
        <v>96984.324840000001</v>
      </c>
      <c r="R8336">
        <v>21489.574649999999</v>
      </c>
      <c r="S8336">
        <v>94726.172349999993</v>
      </c>
      <c r="T8336">
        <v>34293.23029</v>
      </c>
      <c r="U8336">
        <v>23740.536039999999</v>
      </c>
      <c r="W8336" s="83">
        <f>Bühler!N8368</f>
        <v>45639.249999979787</v>
      </c>
      <c r="X8336" s="83">
        <v>43448.25</v>
      </c>
      <c r="Y8336">
        <v>279273.45880000002</v>
      </c>
      <c r="Z8336">
        <v>25030.800309999999</v>
      </c>
      <c r="AA8336">
        <v>81959.289510000002</v>
      </c>
      <c r="AB8336">
        <v>61773.772120000001</v>
      </c>
      <c r="AC8336">
        <v>47538.981610000003</v>
      </c>
      <c r="AD8336">
        <v>39655.893730000003</v>
      </c>
      <c r="AE8336">
        <v>33804.333330000001</v>
      </c>
      <c r="AF8336">
        <v>50454.561609999997</v>
      </c>
      <c r="AG8336">
        <v>20598.004710000001</v>
      </c>
      <c r="AH8336">
        <v>340696.92320000002</v>
      </c>
      <c r="AI8336">
        <v>91343.345159999997</v>
      </c>
      <c r="AJ8336">
        <v>26988.551390000001</v>
      </c>
      <c r="AK8336">
        <v>31783.536660000002</v>
      </c>
      <c r="AL8336">
        <v>96984.324840000001</v>
      </c>
      <c r="AM8336">
        <v>21489.574649999999</v>
      </c>
      <c r="AN8336">
        <v>94726.172349999993</v>
      </c>
      <c r="AO8336">
        <v>34293.23029</v>
      </c>
      <c r="AP8336">
        <v>23740.536039999999</v>
      </c>
    </row>
    <row r="8337" spans="2:42" x14ac:dyDescent="0.3">
      <c r="B8337">
        <v>68.448096700809671</v>
      </c>
      <c r="C8337" s="83">
        <v>43448.291666666664</v>
      </c>
      <c r="D8337">
        <v>290300.76659999997</v>
      </c>
      <c r="E8337">
        <v>30965.38178</v>
      </c>
      <c r="F8337">
        <v>86595.078940000007</v>
      </c>
      <c r="G8337">
        <v>78853.611720000001</v>
      </c>
      <c r="H8337">
        <v>54398.155740000002</v>
      </c>
      <c r="I8337">
        <v>48986.705849999998</v>
      </c>
      <c r="J8337">
        <v>35298.332199999997</v>
      </c>
      <c r="K8337">
        <v>56248.519339999999</v>
      </c>
      <c r="L8337">
        <v>24035.013200000001</v>
      </c>
      <c r="M8337">
        <v>348980.31719999999</v>
      </c>
      <c r="N8337">
        <v>97199.976120000007</v>
      </c>
      <c r="O8337">
        <v>29974.7323</v>
      </c>
      <c r="P8337">
        <v>34893.643669999998</v>
      </c>
      <c r="Q8337">
        <v>97675.693939999997</v>
      </c>
      <c r="R8337">
        <v>23325.484520000002</v>
      </c>
      <c r="S8337">
        <v>112185.91499999999</v>
      </c>
      <c r="T8337">
        <v>36932.18722</v>
      </c>
      <c r="U8337">
        <v>29582.94385</v>
      </c>
      <c r="W8337" s="83">
        <f>Bühler!N8369</f>
        <v>45639.291666646452</v>
      </c>
      <c r="X8337" s="83">
        <v>43448.291666666664</v>
      </c>
      <c r="Y8337">
        <v>290300.76659999997</v>
      </c>
      <c r="Z8337">
        <v>30965.38178</v>
      </c>
      <c r="AA8337">
        <v>86595.078940000007</v>
      </c>
      <c r="AB8337">
        <v>78853.611720000001</v>
      </c>
      <c r="AC8337">
        <v>54398.155740000002</v>
      </c>
      <c r="AD8337">
        <v>48986.705849999998</v>
      </c>
      <c r="AE8337">
        <v>35298.332199999997</v>
      </c>
      <c r="AF8337">
        <v>56248.519339999999</v>
      </c>
      <c r="AG8337">
        <v>24035.013200000001</v>
      </c>
      <c r="AH8337">
        <v>348980.31719999999</v>
      </c>
      <c r="AI8337">
        <v>97199.976120000007</v>
      </c>
      <c r="AJ8337">
        <v>29974.7323</v>
      </c>
      <c r="AK8337">
        <v>34893.643669999998</v>
      </c>
      <c r="AL8337">
        <v>97675.693939999997</v>
      </c>
      <c r="AM8337">
        <v>23325.484520000002</v>
      </c>
      <c r="AN8337">
        <v>112185.91499999999</v>
      </c>
      <c r="AO8337">
        <v>36932.18722</v>
      </c>
      <c r="AP8337">
        <v>29582.94385</v>
      </c>
    </row>
    <row r="8338" spans="2:42" x14ac:dyDescent="0.3">
      <c r="B8338">
        <v>68.709574567012211</v>
      </c>
      <c r="C8338" s="83">
        <v>43448.333333333336</v>
      </c>
      <c r="D8338">
        <v>302370.1054</v>
      </c>
      <c r="E8338">
        <v>37540.899680000002</v>
      </c>
      <c r="F8338">
        <v>95403.63235</v>
      </c>
      <c r="G8338">
        <v>95785.186000000002</v>
      </c>
      <c r="H8338">
        <v>59165.130709999998</v>
      </c>
      <c r="I8338">
        <v>52853.331169999998</v>
      </c>
      <c r="J8338">
        <v>35325.071960000001</v>
      </c>
      <c r="K8338">
        <v>61527.646110000001</v>
      </c>
      <c r="L8338">
        <v>28614.0942</v>
      </c>
      <c r="M8338">
        <v>350313.45329999999</v>
      </c>
      <c r="N8338">
        <v>102856.726</v>
      </c>
      <c r="O8338">
        <v>31599.052220000001</v>
      </c>
      <c r="P8338">
        <v>36833.860489999999</v>
      </c>
      <c r="Q8338">
        <v>97290.26672</v>
      </c>
      <c r="R8338">
        <v>23905.64631</v>
      </c>
      <c r="S8338">
        <v>127443.9978</v>
      </c>
      <c r="T8338">
        <v>40308.094850000001</v>
      </c>
      <c r="U8338">
        <v>31941.199479999999</v>
      </c>
      <c r="W8338" s="83">
        <f>Bühler!N8370</f>
        <v>45639.333333313116</v>
      </c>
      <c r="X8338" s="83">
        <v>43448.333333333336</v>
      </c>
      <c r="Y8338">
        <v>302370.1054</v>
      </c>
      <c r="Z8338">
        <v>37540.899680000002</v>
      </c>
      <c r="AA8338">
        <v>95403.63235</v>
      </c>
      <c r="AB8338">
        <v>95785.186000000002</v>
      </c>
      <c r="AC8338">
        <v>59165.130709999998</v>
      </c>
      <c r="AD8338">
        <v>52853.331169999998</v>
      </c>
      <c r="AE8338">
        <v>35325.071960000001</v>
      </c>
      <c r="AF8338">
        <v>61527.646110000001</v>
      </c>
      <c r="AG8338">
        <v>28614.0942</v>
      </c>
      <c r="AH8338">
        <v>350313.45329999999</v>
      </c>
      <c r="AI8338">
        <v>102856.726</v>
      </c>
      <c r="AJ8338">
        <v>31599.052220000001</v>
      </c>
      <c r="AK8338">
        <v>36833.860489999999</v>
      </c>
      <c r="AL8338">
        <v>97290.26672</v>
      </c>
      <c r="AM8338">
        <v>23905.64631</v>
      </c>
      <c r="AN8338">
        <v>127443.9978</v>
      </c>
      <c r="AO8338">
        <v>40308.094850000001</v>
      </c>
      <c r="AP8338">
        <v>31941.199479999999</v>
      </c>
    </row>
    <row r="8339" spans="2:42" x14ac:dyDescent="0.3">
      <c r="B8339">
        <v>67.580174113268839</v>
      </c>
      <c r="C8339" s="83">
        <v>43448.375</v>
      </c>
      <c r="D8339">
        <v>301989.7586</v>
      </c>
      <c r="E8339">
        <v>41062.152670000003</v>
      </c>
      <c r="F8339">
        <v>100468.85129999999</v>
      </c>
      <c r="G8339">
        <v>106371.7208</v>
      </c>
      <c r="H8339">
        <v>60808.166469999996</v>
      </c>
      <c r="I8339">
        <v>49290.763059999997</v>
      </c>
      <c r="J8339">
        <v>34712.778859999999</v>
      </c>
      <c r="K8339">
        <v>60331.52392</v>
      </c>
      <c r="L8339">
        <v>31403.488280000001</v>
      </c>
      <c r="M8339">
        <v>344555.24310000002</v>
      </c>
      <c r="N8339">
        <v>104171.2124</v>
      </c>
      <c r="O8339">
        <v>31584.008730000001</v>
      </c>
      <c r="P8339">
        <v>38823.106330000002</v>
      </c>
      <c r="Q8339">
        <v>97537.268049999999</v>
      </c>
      <c r="R8339">
        <v>22942.892469999999</v>
      </c>
      <c r="S8339">
        <v>133648.1635</v>
      </c>
      <c r="T8339">
        <v>42188.260110000003</v>
      </c>
      <c r="U8339">
        <v>30707.196380000001</v>
      </c>
      <c r="W8339" s="83">
        <f>Bühler!N8371</f>
        <v>45639.37499997978</v>
      </c>
      <c r="X8339" s="83">
        <v>43448.375</v>
      </c>
      <c r="Y8339">
        <v>301989.7586</v>
      </c>
      <c r="Z8339">
        <v>41062.152670000003</v>
      </c>
      <c r="AA8339">
        <v>100468.85129999999</v>
      </c>
      <c r="AB8339">
        <v>106371.7208</v>
      </c>
      <c r="AC8339">
        <v>60808.166469999996</v>
      </c>
      <c r="AD8339">
        <v>49290.763059999997</v>
      </c>
      <c r="AE8339">
        <v>34712.778859999999</v>
      </c>
      <c r="AF8339">
        <v>60331.52392</v>
      </c>
      <c r="AG8339">
        <v>31403.488280000001</v>
      </c>
      <c r="AH8339">
        <v>344555.24310000002</v>
      </c>
      <c r="AI8339">
        <v>104171.2124</v>
      </c>
      <c r="AJ8339">
        <v>31584.008730000001</v>
      </c>
      <c r="AK8339">
        <v>38823.106330000002</v>
      </c>
      <c r="AL8339">
        <v>97537.268049999999</v>
      </c>
      <c r="AM8339">
        <v>22942.892469999999</v>
      </c>
      <c r="AN8339">
        <v>133648.1635</v>
      </c>
      <c r="AO8339">
        <v>42188.260110000003</v>
      </c>
      <c r="AP8339">
        <v>30707.196380000001</v>
      </c>
    </row>
    <row r="8340" spans="2:42" x14ac:dyDescent="0.3">
      <c r="B8340">
        <v>67.54150856430212</v>
      </c>
      <c r="C8340" s="83">
        <v>43448.416666666664</v>
      </c>
      <c r="D8340">
        <v>300904.1066</v>
      </c>
      <c r="E8340">
        <v>42192.129829999998</v>
      </c>
      <c r="F8340">
        <v>100551.4169</v>
      </c>
      <c r="G8340">
        <v>106177.63280000001</v>
      </c>
      <c r="H8340">
        <v>61529.554519999998</v>
      </c>
      <c r="I8340">
        <v>45907.301330000002</v>
      </c>
      <c r="J8340">
        <v>34067.693359999997</v>
      </c>
      <c r="K8340">
        <v>61407.210140000003</v>
      </c>
      <c r="L8340">
        <v>33659.741000000002</v>
      </c>
      <c r="M8340">
        <v>344358.10810000001</v>
      </c>
      <c r="N8340">
        <v>105407.1461</v>
      </c>
      <c r="O8340">
        <v>31583.787840000001</v>
      </c>
      <c r="P8340">
        <v>39306.271979999998</v>
      </c>
      <c r="Q8340">
        <v>96224.404020000002</v>
      </c>
      <c r="R8340">
        <v>24119.58786</v>
      </c>
      <c r="S8340">
        <v>131629.39300000001</v>
      </c>
      <c r="T8340">
        <v>43294.295720000002</v>
      </c>
      <c r="U8340">
        <v>30220.704600000001</v>
      </c>
      <c r="W8340" s="83">
        <f>Bühler!N8372</f>
        <v>45639.416666646444</v>
      </c>
      <c r="X8340" s="83">
        <v>43448.416666666664</v>
      </c>
      <c r="Y8340">
        <v>300904.1066</v>
      </c>
      <c r="Z8340">
        <v>42192.129829999998</v>
      </c>
      <c r="AA8340">
        <v>100551.4169</v>
      </c>
      <c r="AB8340">
        <v>106177.63280000001</v>
      </c>
      <c r="AC8340">
        <v>61529.554519999998</v>
      </c>
      <c r="AD8340">
        <v>45907.301330000002</v>
      </c>
      <c r="AE8340">
        <v>34067.693359999997</v>
      </c>
      <c r="AF8340">
        <v>61407.210140000003</v>
      </c>
      <c r="AG8340">
        <v>33659.741000000002</v>
      </c>
      <c r="AH8340">
        <v>344358.10810000001</v>
      </c>
      <c r="AI8340">
        <v>105407.1461</v>
      </c>
      <c r="AJ8340">
        <v>31583.787840000001</v>
      </c>
      <c r="AK8340">
        <v>39306.271979999998</v>
      </c>
      <c r="AL8340">
        <v>96224.404020000002</v>
      </c>
      <c r="AM8340">
        <v>24119.58786</v>
      </c>
      <c r="AN8340">
        <v>131629.39300000001</v>
      </c>
      <c r="AO8340">
        <v>43294.295720000002</v>
      </c>
      <c r="AP8340">
        <v>30220.704600000001</v>
      </c>
    </row>
    <row r="8341" spans="2:42" x14ac:dyDescent="0.3">
      <c r="B8341">
        <v>67.798384046488323</v>
      </c>
      <c r="C8341" s="83">
        <v>43448.458333333336</v>
      </c>
      <c r="D8341">
        <v>295492.68469999998</v>
      </c>
      <c r="E8341">
        <v>41280.625440000003</v>
      </c>
      <c r="F8341">
        <v>101672.5013</v>
      </c>
      <c r="G8341">
        <v>102266.914</v>
      </c>
      <c r="H8341">
        <v>60356.971720000001</v>
      </c>
      <c r="I8341">
        <v>45484.793989999998</v>
      </c>
      <c r="J8341">
        <v>33605.499660000001</v>
      </c>
      <c r="K8341">
        <v>66639.648350000003</v>
      </c>
      <c r="L8341">
        <v>34932.046479999997</v>
      </c>
      <c r="M8341">
        <v>345667.77909999999</v>
      </c>
      <c r="N8341">
        <v>103721.5978</v>
      </c>
      <c r="O8341">
        <v>31581.450260000001</v>
      </c>
      <c r="P8341">
        <v>38632.651519999999</v>
      </c>
      <c r="Q8341">
        <v>96137.697209999998</v>
      </c>
      <c r="R8341">
        <v>28145.02274</v>
      </c>
      <c r="S8341">
        <v>132746.04120000001</v>
      </c>
      <c r="T8341">
        <v>43590.967929999999</v>
      </c>
      <c r="U8341">
        <v>28504.048699999999</v>
      </c>
      <c r="W8341" s="83">
        <f>Bühler!N8373</f>
        <v>45639.458333313109</v>
      </c>
      <c r="X8341" s="83">
        <v>43448.458333333336</v>
      </c>
      <c r="Y8341">
        <v>295492.68469999998</v>
      </c>
      <c r="Z8341">
        <v>41280.625440000003</v>
      </c>
      <c r="AA8341">
        <v>101672.5013</v>
      </c>
      <c r="AB8341">
        <v>102266.914</v>
      </c>
      <c r="AC8341">
        <v>60356.971720000001</v>
      </c>
      <c r="AD8341">
        <v>45484.793989999998</v>
      </c>
      <c r="AE8341">
        <v>33605.499660000001</v>
      </c>
      <c r="AF8341">
        <v>66639.648350000003</v>
      </c>
      <c r="AG8341">
        <v>34932.046479999997</v>
      </c>
      <c r="AH8341">
        <v>345667.77909999999</v>
      </c>
      <c r="AI8341">
        <v>103721.5978</v>
      </c>
      <c r="AJ8341">
        <v>31581.450260000001</v>
      </c>
      <c r="AK8341">
        <v>38632.651519999999</v>
      </c>
      <c r="AL8341">
        <v>96137.697209999998</v>
      </c>
      <c r="AM8341">
        <v>28145.02274</v>
      </c>
      <c r="AN8341">
        <v>132746.04120000001</v>
      </c>
      <c r="AO8341">
        <v>43590.967929999999</v>
      </c>
      <c r="AP8341">
        <v>28504.048699999999</v>
      </c>
    </row>
    <row r="8342" spans="2:42" x14ac:dyDescent="0.3">
      <c r="B8342">
        <v>66.950067511688772</v>
      </c>
      <c r="C8342" s="83">
        <v>43448.5</v>
      </c>
      <c r="D8342">
        <v>281652.54220000003</v>
      </c>
      <c r="E8342">
        <v>36802.748249999997</v>
      </c>
      <c r="F8342">
        <v>99753.020829999994</v>
      </c>
      <c r="G8342">
        <v>98053.209539999996</v>
      </c>
      <c r="H8342">
        <v>56486.207110000003</v>
      </c>
      <c r="I8342">
        <v>43080.427450000003</v>
      </c>
      <c r="J8342">
        <v>32674.238249999999</v>
      </c>
      <c r="K8342">
        <v>62722.247759999998</v>
      </c>
      <c r="L8342">
        <v>36959.489000000001</v>
      </c>
      <c r="M8342">
        <v>341342.66580000002</v>
      </c>
      <c r="N8342">
        <v>98964.677469999995</v>
      </c>
      <c r="O8342">
        <v>29665.599160000002</v>
      </c>
      <c r="P8342">
        <v>40490.699460000003</v>
      </c>
      <c r="Q8342">
        <v>94598.451650000003</v>
      </c>
      <c r="R8342">
        <v>28293.67973</v>
      </c>
      <c r="S8342">
        <v>124994.6204</v>
      </c>
      <c r="T8342">
        <v>43024.336080000001</v>
      </c>
      <c r="U8342">
        <v>23978.56725</v>
      </c>
      <c r="W8342" s="83">
        <f>Bühler!N8374</f>
        <v>45639.499999979773</v>
      </c>
      <c r="X8342" s="83">
        <v>43448.5</v>
      </c>
      <c r="Y8342">
        <v>281652.54220000003</v>
      </c>
      <c r="Z8342">
        <v>36802.748249999997</v>
      </c>
      <c r="AA8342">
        <v>99753.020829999994</v>
      </c>
      <c r="AB8342">
        <v>98053.209539999996</v>
      </c>
      <c r="AC8342">
        <v>56486.207110000003</v>
      </c>
      <c r="AD8342">
        <v>43080.427450000003</v>
      </c>
      <c r="AE8342">
        <v>32674.238249999999</v>
      </c>
      <c r="AF8342">
        <v>62722.247759999998</v>
      </c>
      <c r="AG8342">
        <v>36959.489000000001</v>
      </c>
      <c r="AH8342">
        <v>341342.66580000002</v>
      </c>
      <c r="AI8342">
        <v>98964.677469999995</v>
      </c>
      <c r="AJ8342">
        <v>29665.599160000002</v>
      </c>
      <c r="AK8342">
        <v>40490.699460000003</v>
      </c>
      <c r="AL8342">
        <v>94598.451650000003</v>
      </c>
      <c r="AM8342">
        <v>28293.67973</v>
      </c>
      <c r="AN8342">
        <v>124994.6204</v>
      </c>
      <c r="AO8342">
        <v>43024.336080000001</v>
      </c>
      <c r="AP8342">
        <v>23978.56725</v>
      </c>
    </row>
    <row r="8343" spans="2:42" x14ac:dyDescent="0.3">
      <c r="B8343">
        <v>66.225942597963453</v>
      </c>
      <c r="C8343" s="83">
        <v>43448.541666666664</v>
      </c>
      <c r="D8343">
        <v>277155.2781</v>
      </c>
      <c r="E8343">
        <v>36466.76283</v>
      </c>
      <c r="F8343">
        <v>98858.151490000004</v>
      </c>
      <c r="G8343">
        <v>94460.212329999995</v>
      </c>
      <c r="H8343">
        <v>55653.661610000003</v>
      </c>
      <c r="I8343">
        <v>41218.779929999997</v>
      </c>
      <c r="J8343">
        <v>31499.301490000002</v>
      </c>
      <c r="K8343">
        <v>63710.703750000001</v>
      </c>
      <c r="L8343">
        <v>35595.084690000003</v>
      </c>
      <c r="M8343">
        <v>337650.73930000002</v>
      </c>
      <c r="N8343">
        <v>97789.113949999999</v>
      </c>
      <c r="O8343">
        <v>29141.638879999999</v>
      </c>
      <c r="P8343">
        <v>38866.350749999998</v>
      </c>
      <c r="Q8343">
        <v>92646.536489999999</v>
      </c>
      <c r="R8343">
        <v>28945.67643</v>
      </c>
      <c r="S8343">
        <v>123466.916</v>
      </c>
      <c r="T8343">
        <v>41249.15206</v>
      </c>
      <c r="U8343">
        <v>24862.156630000001</v>
      </c>
      <c r="W8343" s="83">
        <f>Bühler!N8375</f>
        <v>45639.541666646437</v>
      </c>
      <c r="X8343" s="83">
        <v>43448.541666666664</v>
      </c>
      <c r="Y8343">
        <v>277155.2781</v>
      </c>
      <c r="Z8343">
        <v>36466.76283</v>
      </c>
      <c r="AA8343">
        <v>98858.151490000004</v>
      </c>
      <c r="AB8343">
        <v>94460.212329999995</v>
      </c>
      <c r="AC8343">
        <v>55653.661610000003</v>
      </c>
      <c r="AD8343">
        <v>41218.779929999997</v>
      </c>
      <c r="AE8343">
        <v>31499.301490000002</v>
      </c>
      <c r="AF8343">
        <v>63710.703750000001</v>
      </c>
      <c r="AG8343">
        <v>35595.084690000003</v>
      </c>
      <c r="AH8343">
        <v>337650.73930000002</v>
      </c>
      <c r="AI8343">
        <v>97789.113949999999</v>
      </c>
      <c r="AJ8343">
        <v>29141.638879999999</v>
      </c>
      <c r="AK8343">
        <v>38866.350749999998</v>
      </c>
      <c r="AL8343">
        <v>92646.536489999999</v>
      </c>
      <c r="AM8343">
        <v>28945.67643</v>
      </c>
      <c r="AN8343">
        <v>123466.916</v>
      </c>
      <c r="AO8343">
        <v>41249.15206</v>
      </c>
      <c r="AP8343">
        <v>24862.156630000001</v>
      </c>
    </row>
    <row r="8344" spans="2:42" x14ac:dyDescent="0.3">
      <c r="B8344">
        <v>66.400971663597673</v>
      </c>
      <c r="C8344" s="83">
        <v>43448.583333333336</v>
      </c>
      <c r="D8344">
        <v>276054.50099999999</v>
      </c>
      <c r="E8344">
        <v>39027.148840000002</v>
      </c>
      <c r="F8344">
        <v>99906.062139999995</v>
      </c>
      <c r="G8344">
        <v>87394.111520000006</v>
      </c>
      <c r="H8344">
        <v>55146.349419999999</v>
      </c>
      <c r="I8344">
        <v>41310.833769999997</v>
      </c>
      <c r="J8344">
        <v>30803.340779999999</v>
      </c>
      <c r="K8344">
        <v>64384.010849999999</v>
      </c>
      <c r="L8344">
        <v>32281.731019999999</v>
      </c>
      <c r="M8344">
        <v>338543.11910000001</v>
      </c>
      <c r="N8344">
        <v>96392.444380000001</v>
      </c>
      <c r="O8344">
        <v>29086.603899999998</v>
      </c>
      <c r="P8344">
        <v>35430.05833</v>
      </c>
      <c r="Q8344">
        <v>91202.307870000004</v>
      </c>
      <c r="R8344">
        <v>27275.7559</v>
      </c>
      <c r="S8344">
        <v>119902.4584</v>
      </c>
      <c r="T8344">
        <v>38935.373540000001</v>
      </c>
      <c r="U8344">
        <v>24580.897540000002</v>
      </c>
      <c r="W8344" s="83">
        <f>Bühler!N8376</f>
        <v>45639.583333313101</v>
      </c>
      <c r="X8344" s="83">
        <v>43448.583333333336</v>
      </c>
      <c r="Y8344">
        <v>276054.50099999999</v>
      </c>
      <c r="Z8344">
        <v>39027.148840000002</v>
      </c>
      <c r="AA8344">
        <v>99906.062139999995</v>
      </c>
      <c r="AB8344">
        <v>87394.111520000006</v>
      </c>
      <c r="AC8344">
        <v>55146.349419999999</v>
      </c>
      <c r="AD8344">
        <v>41310.833769999997</v>
      </c>
      <c r="AE8344">
        <v>30803.340779999999</v>
      </c>
      <c r="AF8344">
        <v>64384.010849999999</v>
      </c>
      <c r="AG8344">
        <v>32281.731019999999</v>
      </c>
      <c r="AH8344">
        <v>338543.11910000001</v>
      </c>
      <c r="AI8344">
        <v>96392.444380000001</v>
      </c>
      <c r="AJ8344">
        <v>29086.603899999998</v>
      </c>
      <c r="AK8344">
        <v>35430.05833</v>
      </c>
      <c r="AL8344">
        <v>91202.307870000004</v>
      </c>
      <c r="AM8344">
        <v>27275.7559</v>
      </c>
      <c r="AN8344">
        <v>119902.4584</v>
      </c>
      <c r="AO8344">
        <v>38935.373540000001</v>
      </c>
      <c r="AP8344">
        <v>24580.897540000002</v>
      </c>
    </row>
    <row r="8345" spans="2:42" x14ac:dyDescent="0.3">
      <c r="B8345">
        <v>65.573350509118981</v>
      </c>
      <c r="C8345" s="83">
        <v>43448.625</v>
      </c>
      <c r="D8345">
        <v>270611.59909999999</v>
      </c>
      <c r="E8345">
        <v>38442.881529999999</v>
      </c>
      <c r="F8345">
        <v>99877.002179999996</v>
      </c>
      <c r="G8345">
        <v>82508.946330000006</v>
      </c>
      <c r="H8345">
        <v>53217.027820000003</v>
      </c>
      <c r="I8345">
        <v>42220.301440000003</v>
      </c>
      <c r="J8345">
        <v>30189.396049999999</v>
      </c>
      <c r="K8345">
        <v>63856.766060000002</v>
      </c>
      <c r="L8345">
        <v>29270.00186</v>
      </c>
      <c r="M8345">
        <v>334323.52049999998</v>
      </c>
      <c r="N8345">
        <v>92567.074460000003</v>
      </c>
      <c r="O8345">
        <v>28158.03817</v>
      </c>
      <c r="P8345">
        <v>33554.40466</v>
      </c>
      <c r="Q8345">
        <v>89810.196620000002</v>
      </c>
      <c r="R8345">
        <v>26730.810570000001</v>
      </c>
      <c r="S8345">
        <v>116786.1517</v>
      </c>
      <c r="T8345">
        <v>38572.996950000001</v>
      </c>
      <c r="U8345">
        <v>22914.185160000001</v>
      </c>
      <c r="W8345" s="83">
        <f>Bühler!N8377</f>
        <v>45639.624999979766</v>
      </c>
      <c r="X8345" s="83">
        <v>43448.625</v>
      </c>
      <c r="Y8345">
        <v>270611.59909999999</v>
      </c>
      <c r="Z8345">
        <v>38442.881529999999</v>
      </c>
      <c r="AA8345">
        <v>99877.002179999996</v>
      </c>
      <c r="AB8345">
        <v>82508.946330000006</v>
      </c>
      <c r="AC8345">
        <v>53217.027820000003</v>
      </c>
      <c r="AD8345">
        <v>42220.301440000003</v>
      </c>
      <c r="AE8345">
        <v>30189.396049999999</v>
      </c>
      <c r="AF8345">
        <v>63856.766060000002</v>
      </c>
      <c r="AG8345">
        <v>29270.00186</v>
      </c>
      <c r="AH8345">
        <v>334323.52049999998</v>
      </c>
      <c r="AI8345">
        <v>92567.074460000003</v>
      </c>
      <c r="AJ8345">
        <v>28158.03817</v>
      </c>
      <c r="AK8345">
        <v>33554.40466</v>
      </c>
      <c r="AL8345">
        <v>89810.196620000002</v>
      </c>
      <c r="AM8345">
        <v>26730.810570000001</v>
      </c>
      <c r="AN8345">
        <v>116786.1517</v>
      </c>
      <c r="AO8345">
        <v>38572.996950000001</v>
      </c>
      <c r="AP8345">
        <v>22914.185160000001</v>
      </c>
    </row>
    <row r="8346" spans="2:42" x14ac:dyDescent="0.3">
      <c r="B8346">
        <v>64.334970852075244</v>
      </c>
      <c r="C8346" s="83">
        <v>43448.666666666664</v>
      </c>
      <c r="D8346">
        <v>263178.44959999999</v>
      </c>
      <c r="E8346">
        <v>37407.885470000001</v>
      </c>
      <c r="F8346">
        <v>99725.922399999996</v>
      </c>
      <c r="G8346">
        <v>77025.429669999998</v>
      </c>
      <c r="H8346">
        <v>51927.521050000003</v>
      </c>
      <c r="I8346">
        <v>43550.549149999999</v>
      </c>
      <c r="J8346">
        <v>30153.414680000002</v>
      </c>
      <c r="K8346">
        <v>59806.083899999998</v>
      </c>
      <c r="L8346">
        <v>28133.924559999999</v>
      </c>
      <c r="M8346">
        <v>328009.68349999998</v>
      </c>
      <c r="N8346">
        <v>91019.227289999995</v>
      </c>
      <c r="O8346">
        <v>27404.611290000001</v>
      </c>
      <c r="P8346">
        <v>33995.266020000003</v>
      </c>
      <c r="Q8346">
        <v>88753.977859999999</v>
      </c>
      <c r="R8346">
        <v>26057.961439999999</v>
      </c>
      <c r="S8346">
        <v>114695.1306</v>
      </c>
      <c r="T8346">
        <v>38026.83728</v>
      </c>
      <c r="U8346">
        <v>21804.45535</v>
      </c>
      <c r="W8346" s="83">
        <f>Bühler!N8378</f>
        <v>45639.66666664643</v>
      </c>
      <c r="X8346" s="83">
        <v>43448.666666666664</v>
      </c>
      <c r="Y8346">
        <v>263178.44959999999</v>
      </c>
      <c r="Z8346">
        <v>37407.885470000001</v>
      </c>
      <c r="AA8346">
        <v>99725.922399999996</v>
      </c>
      <c r="AB8346">
        <v>77025.429669999998</v>
      </c>
      <c r="AC8346">
        <v>51927.521050000003</v>
      </c>
      <c r="AD8346">
        <v>43550.549149999999</v>
      </c>
      <c r="AE8346">
        <v>30153.414680000002</v>
      </c>
      <c r="AF8346">
        <v>59806.083899999998</v>
      </c>
      <c r="AG8346">
        <v>28133.924559999999</v>
      </c>
      <c r="AH8346">
        <v>328009.68349999998</v>
      </c>
      <c r="AI8346">
        <v>91019.227289999995</v>
      </c>
      <c r="AJ8346">
        <v>27404.611290000001</v>
      </c>
      <c r="AK8346">
        <v>33995.266020000003</v>
      </c>
      <c r="AL8346">
        <v>88753.977859999999</v>
      </c>
      <c r="AM8346">
        <v>26057.961439999999</v>
      </c>
      <c r="AN8346">
        <v>114695.1306</v>
      </c>
      <c r="AO8346">
        <v>38026.83728</v>
      </c>
      <c r="AP8346">
        <v>21804.45535</v>
      </c>
    </row>
    <row r="8347" spans="2:42" x14ac:dyDescent="0.3">
      <c r="B8347">
        <v>63.399278218244866</v>
      </c>
      <c r="C8347" s="83">
        <v>43448.708333333336</v>
      </c>
      <c r="D8347">
        <v>253570.33050000001</v>
      </c>
      <c r="E8347">
        <v>35745.275580000001</v>
      </c>
      <c r="F8347">
        <v>100700.9853</v>
      </c>
      <c r="G8347">
        <v>68957.894180000003</v>
      </c>
      <c r="H8347">
        <v>52854.32</v>
      </c>
      <c r="I8347">
        <v>43422.27031</v>
      </c>
      <c r="J8347">
        <v>32429.030449999998</v>
      </c>
      <c r="K8347">
        <v>54174.378640000003</v>
      </c>
      <c r="L8347">
        <v>29633.742730000002</v>
      </c>
      <c r="M8347">
        <v>323239.08610000001</v>
      </c>
      <c r="N8347">
        <v>90689.578550000006</v>
      </c>
      <c r="O8347">
        <v>26775.855029999999</v>
      </c>
      <c r="P8347">
        <v>35945.315390000003</v>
      </c>
      <c r="Q8347">
        <v>86904.532399999996</v>
      </c>
      <c r="R8347">
        <v>25190.732410000001</v>
      </c>
      <c r="S8347">
        <v>114329.9871</v>
      </c>
      <c r="T8347">
        <v>40109.054640000002</v>
      </c>
      <c r="U8347">
        <v>21549.302759999999</v>
      </c>
      <c r="W8347" s="83">
        <f>Bühler!N8379</f>
        <v>45639.708333313094</v>
      </c>
      <c r="X8347" s="83">
        <v>43448.708333333336</v>
      </c>
      <c r="Y8347">
        <v>253570.33050000001</v>
      </c>
      <c r="Z8347">
        <v>35745.275580000001</v>
      </c>
      <c r="AA8347">
        <v>100700.9853</v>
      </c>
      <c r="AB8347">
        <v>68957.894180000003</v>
      </c>
      <c r="AC8347">
        <v>52854.32</v>
      </c>
      <c r="AD8347">
        <v>43422.27031</v>
      </c>
      <c r="AE8347">
        <v>32429.030449999998</v>
      </c>
      <c r="AF8347">
        <v>54174.378640000003</v>
      </c>
      <c r="AG8347">
        <v>29633.742730000002</v>
      </c>
      <c r="AH8347">
        <v>323239.08610000001</v>
      </c>
      <c r="AI8347">
        <v>90689.578550000006</v>
      </c>
      <c r="AJ8347">
        <v>26775.855029999999</v>
      </c>
      <c r="AK8347">
        <v>35945.315390000003</v>
      </c>
      <c r="AL8347">
        <v>86904.532399999996</v>
      </c>
      <c r="AM8347">
        <v>25190.732410000001</v>
      </c>
      <c r="AN8347">
        <v>114329.9871</v>
      </c>
      <c r="AO8347">
        <v>40109.054640000002</v>
      </c>
      <c r="AP8347">
        <v>21549.302759999999</v>
      </c>
    </row>
    <row r="8348" spans="2:42" x14ac:dyDescent="0.3">
      <c r="B8348">
        <v>61.93191419184425</v>
      </c>
      <c r="C8348" s="83">
        <v>43448.75</v>
      </c>
      <c r="D8348">
        <v>244651.25949999999</v>
      </c>
      <c r="E8348">
        <v>32759.178739999999</v>
      </c>
      <c r="F8348">
        <v>96989.035369999998</v>
      </c>
      <c r="G8348">
        <v>59506.018219999998</v>
      </c>
      <c r="H8348">
        <v>50491.757870000001</v>
      </c>
      <c r="I8348">
        <v>41910.114130000002</v>
      </c>
      <c r="J8348">
        <v>32575.078310000001</v>
      </c>
      <c r="K8348">
        <v>48446.883410000002</v>
      </c>
      <c r="L8348">
        <v>31292.092799999999</v>
      </c>
      <c r="M8348">
        <v>315757.78000000003</v>
      </c>
      <c r="N8348">
        <v>90543.09895</v>
      </c>
      <c r="O8348">
        <v>25447.394970000001</v>
      </c>
      <c r="P8348">
        <v>38514.990039999997</v>
      </c>
      <c r="Q8348">
        <v>85093.078630000004</v>
      </c>
      <c r="R8348">
        <v>22495.862239999999</v>
      </c>
      <c r="S8348">
        <v>108747.6247</v>
      </c>
      <c r="T8348">
        <v>39968.901639999996</v>
      </c>
      <c r="U8348">
        <v>20064.75115</v>
      </c>
      <c r="W8348" s="83">
        <f>Bühler!N8380</f>
        <v>45639.749999979758</v>
      </c>
      <c r="X8348" s="83">
        <v>43448.75</v>
      </c>
      <c r="Y8348">
        <v>244651.25949999999</v>
      </c>
      <c r="Z8348">
        <v>32759.178739999999</v>
      </c>
      <c r="AA8348">
        <v>96989.035369999998</v>
      </c>
      <c r="AB8348">
        <v>59506.018219999998</v>
      </c>
      <c r="AC8348">
        <v>50491.757870000001</v>
      </c>
      <c r="AD8348">
        <v>41910.114130000002</v>
      </c>
      <c r="AE8348">
        <v>32575.078310000001</v>
      </c>
      <c r="AF8348">
        <v>48446.883410000002</v>
      </c>
      <c r="AG8348">
        <v>31292.092799999999</v>
      </c>
      <c r="AH8348">
        <v>315757.78000000003</v>
      </c>
      <c r="AI8348">
        <v>90543.09895</v>
      </c>
      <c r="AJ8348">
        <v>25447.394970000001</v>
      </c>
      <c r="AK8348">
        <v>38514.990039999997</v>
      </c>
      <c r="AL8348">
        <v>85093.078630000004</v>
      </c>
      <c r="AM8348">
        <v>22495.862239999999</v>
      </c>
      <c r="AN8348">
        <v>108747.6247</v>
      </c>
      <c r="AO8348">
        <v>39968.901639999996</v>
      </c>
      <c r="AP8348">
        <v>20064.75115</v>
      </c>
    </row>
    <row r="8349" spans="2:42" x14ac:dyDescent="0.3">
      <c r="B8349">
        <v>60.084318352585093</v>
      </c>
      <c r="C8349" s="83">
        <v>43448.791666666664</v>
      </c>
      <c r="D8349">
        <v>235888.3584</v>
      </c>
      <c r="E8349">
        <v>27353.95419</v>
      </c>
      <c r="F8349">
        <v>84109.489619999993</v>
      </c>
      <c r="G8349">
        <v>52514.313959999999</v>
      </c>
      <c r="H8349">
        <v>47342.166380000002</v>
      </c>
      <c r="I8349">
        <v>38965.465459999999</v>
      </c>
      <c r="J8349">
        <v>31774.89356</v>
      </c>
      <c r="K8349">
        <v>48071.469129999998</v>
      </c>
      <c r="L8349">
        <v>32738.741580000002</v>
      </c>
      <c r="M8349">
        <v>306337.87479999999</v>
      </c>
      <c r="N8349">
        <v>88055.912920000002</v>
      </c>
      <c r="O8349">
        <v>24216.448919999999</v>
      </c>
      <c r="P8349">
        <v>38898.447209999998</v>
      </c>
      <c r="Q8349">
        <v>82366.774359999996</v>
      </c>
      <c r="R8349">
        <v>22007.129560000001</v>
      </c>
      <c r="S8349">
        <v>103712.4927</v>
      </c>
      <c r="T8349">
        <v>38139.99252</v>
      </c>
      <c r="U8349">
        <v>18969.898690000002</v>
      </c>
      <c r="W8349" s="83">
        <f>Bühler!N8381</f>
        <v>45639.791666646423</v>
      </c>
      <c r="X8349" s="83">
        <v>43448.791666666664</v>
      </c>
      <c r="Y8349">
        <v>235888.3584</v>
      </c>
      <c r="Z8349">
        <v>27353.95419</v>
      </c>
      <c r="AA8349">
        <v>84109.489619999993</v>
      </c>
      <c r="AB8349">
        <v>52514.313959999999</v>
      </c>
      <c r="AC8349">
        <v>47342.166380000002</v>
      </c>
      <c r="AD8349">
        <v>38965.465459999999</v>
      </c>
      <c r="AE8349">
        <v>31774.89356</v>
      </c>
      <c r="AF8349">
        <v>48071.469129999998</v>
      </c>
      <c r="AG8349">
        <v>32738.741580000002</v>
      </c>
      <c r="AH8349">
        <v>306337.87479999999</v>
      </c>
      <c r="AI8349">
        <v>88055.912920000002</v>
      </c>
      <c r="AJ8349">
        <v>24216.448919999999</v>
      </c>
      <c r="AK8349">
        <v>38898.447209999998</v>
      </c>
      <c r="AL8349">
        <v>82366.774359999996</v>
      </c>
      <c r="AM8349">
        <v>22007.129560000001</v>
      </c>
      <c r="AN8349">
        <v>103712.4927</v>
      </c>
      <c r="AO8349">
        <v>38139.99252</v>
      </c>
      <c r="AP8349">
        <v>18969.898690000002</v>
      </c>
    </row>
    <row r="8350" spans="2:42" x14ac:dyDescent="0.3">
      <c r="B8350">
        <v>58.774623426279327</v>
      </c>
      <c r="C8350" s="83">
        <v>43448.833333333336</v>
      </c>
      <c r="D8350">
        <v>226935.54399999999</v>
      </c>
      <c r="E8350">
        <v>21118.768619999999</v>
      </c>
      <c r="F8350">
        <v>66322.075500000006</v>
      </c>
      <c r="G8350">
        <v>48291.668039999997</v>
      </c>
      <c r="H8350">
        <v>45006.539810000002</v>
      </c>
      <c r="I8350">
        <v>34304.126069999998</v>
      </c>
      <c r="J8350">
        <v>30590.088810000001</v>
      </c>
      <c r="K8350">
        <v>53293.104200000002</v>
      </c>
      <c r="L8350">
        <v>32263.84058</v>
      </c>
      <c r="M8350">
        <v>299660.43930000003</v>
      </c>
      <c r="N8350">
        <v>85333.37758</v>
      </c>
      <c r="O8350">
        <v>23215.238720000001</v>
      </c>
      <c r="P8350">
        <v>39331.830159999998</v>
      </c>
      <c r="Q8350">
        <v>79840.351949999997</v>
      </c>
      <c r="R8350">
        <v>22895.80906</v>
      </c>
      <c r="S8350">
        <v>94053.850760000001</v>
      </c>
      <c r="T8350">
        <v>35530.894979999997</v>
      </c>
      <c r="U8350">
        <v>17847.278200000001</v>
      </c>
      <c r="W8350" s="83">
        <f>Bühler!N8382</f>
        <v>45639.833333313087</v>
      </c>
      <c r="X8350" s="83">
        <v>43448.833333333336</v>
      </c>
      <c r="Y8350">
        <v>226935.54399999999</v>
      </c>
      <c r="Z8350">
        <v>21118.768619999999</v>
      </c>
      <c r="AA8350">
        <v>66322.075500000006</v>
      </c>
      <c r="AB8350">
        <v>48291.668039999997</v>
      </c>
      <c r="AC8350">
        <v>45006.539810000002</v>
      </c>
      <c r="AD8350">
        <v>34304.126069999998</v>
      </c>
      <c r="AE8350">
        <v>30590.088810000001</v>
      </c>
      <c r="AF8350">
        <v>53293.104200000002</v>
      </c>
      <c r="AG8350">
        <v>32263.84058</v>
      </c>
      <c r="AH8350">
        <v>299660.43930000003</v>
      </c>
      <c r="AI8350">
        <v>85333.37758</v>
      </c>
      <c r="AJ8350">
        <v>23215.238720000001</v>
      </c>
      <c r="AK8350">
        <v>39331.830159999998</v>
      </c>
      <c r="AL8350">
        <v>79840.351949999997</v>
      </c>
      <c r="AM8350">
        <v>22895.80906</v>
      </c>
      <c r="AN8350">
        <v>94053.850760000001</v>
      </c>
      <c r="AO8350">
        <v>35530.894979999997</v>
      </c>
      <c r="AP8350">
        <v>17847.278200000001</v>
      </c>
    </row>
    <row r="8351" spans="2:42" x14ac:dyDescent="0.3">
      <c r="B8351">
        <v>57.402826883768981</v>
      </c>
      <c r="C8351" s="83">
        <v>43448.875</v>
      </c>
      <c r="D8351">
        <v>220644.95139999999</v>
      </c>
      <c r="E8351">
        <v>18296.926340000002</v>
      </c>
      <c r="F8351">
        <v>57165.024989999998</v>
      </c>
      <c r="G8351">
        <v>45372.482880000003</v>
      </c>
      <c r="H8351">
        <v>42218.39299</v>
      </c>
      <c r="I8351">
        <v>29537.896959999998</v>
      </c>
      <c r="J8351">
        <v>29433.178810000001</v>
      </c>
      <c r="K8351">
        <v>51148.994350000001</v>
      </c>
      <c r="L8351">
        <v>30846.86709</v>
      </c>
      <c r="M8351">
        <v>292666.38079999998</v>
      </c>
      <c r="N8351">
        <v>83334.914810000002</v>
      </c>
      <c r="O8351">
        <v>22840.29592</v>
      </c>
      <c r="P8351">
        <v>37790.448179999999</v>
      </c>
      <c r="Q8351">
        <v>77261.347930000004</v>
      </c>
      <c r="R8351">
        <v>20978.974399999999</v>
      </c>
      <c r="S8351">
        <v>87966.610090000002</v>
      </c>
      <c r="T8351">
        <v>33532.813860000002</v>
      </c>
      <c r="U8351">
        <v>16474.908759999998</v>
      </c>
      <c r="W8351" s="83">
        <f>Bühler!N8383</f>
        <v>45639.874999979751</v>
      </c>
      <c r="X8351" s="83">
        <v>43448.875</v>
      </c>
      <c r="Y8351">
        <v>220644.95139999999</v>
      </c>
      <c r="Z8351">
        <v>18296.926340000002</v>
      </c>
      <c r="AA8351">
        <v>57165.024989999998</v>
      </c>
      <c r="AB8351">
        <v>45372.482880000003</v>
      </c>
      <c r="AC8351">
        <v>42218.39299</v>
      </c>
      <c r="AD8351">
        <v>29537.896959999998</v>
      </c>
      <c r="AE8351">
        <v>29433.178810000001</v>
      </c>
      <c r="AF8351">
        <v>51148.994350000001</v>
      </c>
      <c r="AG8351">
        <v>30846.86709</v>
      </c>
      <c r="AH8351">
        <v>292666.38079999998</v>
      </c>
      <c r="AI8351">
        <v>83334.914810000002</v>
      </c>
      <c r="AJ8351">
        <v>22840.29592</v>
      </c>
      <c r="AK8351">
        <v>37790.448179999999</v>
      </c>
      <c r="AL8351">
        <v>77261.347930000004</v>
      </c>
      <c r="AM8351">
        <v>20978.974399999999</v>
      </c>
      <c r="AN8351">
        <v>87966.610090000002</v>
      </c>
      <c r="AO8351">
        <v>33532.813860000002</v>
      </c>
      <c r="AP8351">
        <v>16474.908759999998</v>
      </c>
    </row>
    <row r="8352" spans="2:42" x14ac:dyDescent="0.3">
      <c r="B8352">
        <v>57.060138321598373</v>
      </c>
      <c r="C8352" s="83">
        <v>43448.916666666664</v>
      </c>
      <c r="D8352">
        <v>218606.20699999999</v>
      </c>
      <c r="E8352">
        <v>17505.039239999998</v>
      </c>
      <c r="F8352">
        <v>54191.890529999997</v>
      </c>
      <c r="G8352">
        <v>44007.851499999997</v>
      </c>
      <c r="H8352">
        <v>40756.485930000003</v>
      </c>
      <c r="I8352">
        <v>27701.730940000001</v>
      </c>
      <c r="J8352">
        <v>28743.714189999999</v>
      </c>
      <c r="K8352">
        <v>54443.38407</v>
      </c>
      <c r="L8352">
        <v>28348.243549999999</v>
      </c>
      <c r="M8352">
        <v>290919.19469999999</v>
      </c>
      <c r="N8352">
        <v>82362.720969999995</v>
      </c>
      <c r="O8352">
        <v>23202.495190000001</v>
      </c>
      <c r="P8352">
        <v>41445.934130000001</v>
      </c>
      <c r="Q8352">
        <v>76092.442190000002</v>
      </c>
      <c r="R8352">
        <v>27387.182700000001</v>
      </c>
      <c r="S8352">
        <v>86522.17409</v>
      </c>
      <c r="T8352">
        <v>31382.528310000002</v>
      </c>
      <c r="U8352">
        <v>17103.37427</v>
      </c>
      <c r="W8352" s="83">
        <f>Bühler!N8384</f>
        <v>45639.916666646415</v>
      </c>
      <c r="X8352" s="83">
        <v>43448.916666666664</v>
      </c>
      <c r="Y8352">
        <v>218606.20699999999</v>
      </c>
      <c r="Z8352">
        <v>17505.039239999998</v>
      </c>
      <c r="AA8352">
        <v>54191.890529999997</v>
      </c>
      <c r="AB8352">
        <v>44007.851499999997</v>
      </c>
      <c r="AC8352">
        <v>40756.485930000003</v>
      </c>
      <c r="AD8352">
        <v>27701.730940000001</v>
      </c>
      <c r="AE8352">
        <v>28743.714189999999</v>
      </c>
      <c r="AF8352">
        <v>54443.38407</v>
      </c>
      <c r="AG8352">
        <v>28348.243549999999</v>
      </c>
      <c r="AH8352">
        <v>290919.19469999999</v>
      </c>
      <c r="AI8352">
        <v>82362.720969999995</v>
      </c>
      <c r="AJ8352">
        <v>23202.495190000001</v>
      </c>
      <c r="AK8352">
        <v>41445.934130000001</v>
      </c>
      <c r="AL8352">
        <v>76092.442190000002</v>
      </c>
      <c r="AM8352">
        <v>27387.182700000001</v>
      </c>
      <c r="AN8352">
        <v>86522.17409</v>
      </c>
      <c r="AO8352">
        <v>31382.528310000002</v>
      </c>
      <c r="AP8352">
        <v>17103.37427</v>
      </c>
    </row>
    <row r="8353" spans="2:42" x14ac:dyDescent="0.3">
      <c r="B8353">
        <v>55.813485745372468</v>
      </c>
      <c r="C8353" s="83">
        <v>43448.958333333336</v>
      </c>
      <c r="D8353">
        <v>216954.2212</v>
      </c>
      <c r="E8353">
        <v>17030.66203</v>
      </c>
      <c r="F8353">
        <v>52465.547850000003</v>
      </c>
      <c r="G8353">
        <v>43579.131820000002</v>
      </c>
      <c r="H8353">
        <v>40088.102480000001</v>
      </c>
      <c r="I8353">
        <v>26200.872039999998</v>
      </c>
      <c r="J8353">
        <v>26884.214650000002</v>
      </c>
      <c r="K8353">
        <v>53675.640420000003</v>
      </c>
      <c r="L8353">
        <v>24920.15681</v>
      </c>
      <c r="M8353">
        <v>284563.17849999998</v>
      </c>
      <c r="N8353">
        <v>80995.282080000004</v>
      </c>
      <c r="O8353">
        <v>23351.5923</v>
      </c>
      <c r="P8353">
        <v>38319.77882</v>
      </c>
      <c r="Q8353">
        <v>75434.742960000003</v>
      </c>
      <c r="R8353">
        <v>27558.462289999999</v>
      </c>
      <c r="S8353">
        <v>84804.808699999994</v>
      </c>
      <c r="T8353">
        <v>31307.53054</v>
      </c>
      <c r="U8353">
        <v>16476.94745</v>
      </c>
      <c r="W8353" s="83">
        <f>Bühler!N8385</f>
        <v>45639.958333313079</v>
      </c>
      <c r="X8353" s="83">
        <v>43448.958333333336</v>
      </c>
      <c r="Y8353">
        <v>216954.2212</v>
      </c>
      <c r="Z8353">
        <v>17030.66203</v>
      </c>
      <c r="AA8353">
        <v>52465.547850000003</v>
      </c>
      <c r="AB8353">
        <v>43579.131820000002</v>
      </c>
      <c r="AC8353">
        <v>40088.102480000001</v>
      </c>
      <c r="AD8353">
        <v>26200.872039999998</v>
      </c>
      <c r="AE8353">
        <v>26884.214650000002</v>
      </c>
      <c r="AF8353">
        <v>53675.640420000003</v>
      </c>
      <c r="AG8353">
        <v>24920.15681</v>
      </c>
      <c r="AH8353">
        <v>284563.17849999998</v>
      </c>
      <c r="AI8353">
        <v>80995.282080000004</v>
      </c>
      <c r="AJ8353">
        <v>23351.5923</v>
      </c>
      <c r="AK8353">
        <v>38319.77882</v>
      </c>
      <c r="AL8353">
        <v>75434.742960000003</v>
      </c>
      <c r="AM8353">
        <v>27558.462289999999</v>
      </c>
      <c r="AN8353">
        <v>84804.808699999994</v>
      </c>
      <c r="AO8353">
        <v>31307.53054</v>
      </c>
      <c r="AP8353">
        <v>16476.94745</v>
      </c>
    </row>
    <row r="8354" spans="2:42" x14ac:dyDescent="0.3">
      <c r="B8354">
        <v>54.879533340741403</v>
      </c>
      <c r="C8354" s="83">
        <v>43449</v>
      </c>
      <c r="D8354">
        <v>214130.11780000001</v>
      </c>
      <c r="E8354">
        <v>16589.36407</v>
      </c>
      <c r="F8354">
        <v>52293.939700000003</v>
      </c>
      <c r="G8354">
        <v>42945.65077</v>
      </c>
      <c r="H8354">
        <v>39602.901919999997</v>
      </c>
      <c r="I8354">
        <v>25130.473699999999</v>
      </c>
      <c r="J8354">
        <v>25893.774730000001</v>
      </c>
      <c r="K8354">
        <v>51516.777600000001</v>
      </c>
      <c r="L8354">
        <v>21059.10283</v>
      </c>
      <c r="M8354">
        <v>279801.45360000001</v>
      </c>
      <c r="N8354">
        <v>79893.237810000006</v>
      </c>
      <c r="O8354">
        <v>23159.113860000001</v>
      </c>
      <c r="P8354">
        <v>35244.637730000002</v>
      </c>
      <c r="Q8354">
        <v>74409.118789999993</v>
      </c>
      <c r="R8354">
        <v>25694.55071</v>
      </c>
      <c r="S8354">
        <v>83466.208929999993</v>
      </c>
      <c r="T8354">
        <v>29958.798790000001</v>
      </c>
      <c r="U8354">
        <v>15994.770829999999</v>
      </c>
      <c r="W8354" s="83">
        <f>Bühler!N8386</f>
        <v>45639.999999979744</v>
      </c>
      <c r="X8354" s="83">
        <v>43449</v>
      </c>
      <c r="Y8354">
        <v>214130.11780000001</v>
      </c>
      <c r="Z8354">
        <v>16589.36407</v>
      </c>
      <c r="AA8354">
        <v>52293.939700000003</v>
      </c>
      <c r="AB8354">
        <v>42945.65077</v>
      </c>
      <c r="AC8354">
        <v>39602.901919999997</v>
      </c>
      <c r="AD8354">
        <v>25130.473699999999</v>
      </c>
      <c r="AE8354">
        <v>25893.774730000001</v>
      </c>
      <c r="AF8354">
        <v>51516.777600000001</v>
      </c>
      <c r="AG8354">
        <v>21059.10283</v>
      </c>
      <c r="AH8354">
        <v>279801.45360000001</v>
      </c>
      <c r="AI8354">
        <v>79893.237810000006</v>
      </c>
      <c r="AJ8354">
        <v>23159.113860000001</v>
      </c>
      <c r="AK8354">
        <v>35244.637730000002</v>
      </c>
      <c r="AL8354">
        <v>74409.118789999993</v>
      </c>
      <c r="AM8354">
        <v>25694.55071</v>
      </c>
      <c r="AN8354">
        <v>83466.208929999993</v>
      </c>
      <c r="AO8354">
        <v>29958.798790000001</v>
      </c>
      <c r="AP8354">
        <v>15994.770829999999</v>
      </c>
    </row>
    <row r="8355" spans="2:42" x14ac:dyDescent="0.3">
      <c r="B8355">
        <v>53.804390183495912</v>
      </c>
      <c r="C8355" s="83">
        <v>43449.041666666664</v>
      </c>
      <c r="D8355">
        <v>209724.5814</v>
      </c>
      <c r="E8355">
        <v>16342.838040000001</v>
      </c>
      <c r="F8355">
        <v>52721.169119999999</v>
      </c>
      <c r="G8355">
        <v>42744.642449999999</v>
      </c>
      <c r="H8355">
        <v>38823.034809999997</v>
      </c>
      <c r="I8355">
        <v>22401.25532</v>
      </c>
      <c r="J8355">
        <v>25216.47005</v>
      </c>
      <c r="K8355">
        <v>49823.648990000002</v>
      </c>
      <c r="L8355">
        <v>19377.955679999999</v>
      </c>
      <c r="M8355">
        <v>274319.87239999999</v>
      </c>
      <c r="N8355">
        <v>78467.016709999996</v>
      </c>
      <c r="O8355">
        <v>23351.340970000001</v>
      </c>
      <c r="P8355">
        <v>33590.938139999998</v>
      </c>
      <c r="Q8355">
        <v>74475.599170000001</v>
      </c>
      <c r="R8355">
        <v>25207.181189999999</v>
      </c>
      <c r="S8355">
        <v>82143.073099999994</v>
      </c>
      <c r="T8355">
        <v>29007.482499999998</v>
      </c>
      <c r="U8355">
        <v>16228.09247</v>
      </c>
      <c r="W8355" s="83">
        <f>Bühler!N8387</f>
        <v>45640.041666646408</v>
      </c>
      <c r="X8355" s="83">
        <v>43449.041666666664</v>
      </c>
      <c r="Y8355">
        <v>209724.5814</v>
      </c>
      <c r="Z8355">
        <v>16342.838040000001</v>
      </c>
      <c r="AA8355">
        <v>52721.169119999999</v>
      </c>
      <c r="AB8355">
        <v>42744.642449999999</v>
      </c>
      <c r="AC8355">
        <v>38823.034809999997</v>
      </c>
      <c r="AD8355">
        <v>22401.25532</v>
      </c>
      <c r="AE8355">
        <v>25216.47005</v>
      </c>
      <c r="AF8355">
        <v>49823.648990000002</v>
      </c>
      <c r="AG8355">
        <v>19377.955679999999</v>
      </c>
      <c r="AH8355">
        <v>274319.87239999999</v>
      </c>
      <c r="AI8355">
        <v>78467.016709999996</v>
      </c>
      <c r="AJ8355">
        <v>23351.340970000001</v>
      </c>
      <c r="AK8355">
        <v>33590.938139999998</v>
      </c>
      <c r="AL8355">
        <v>74475.599170000001</v>
      </c>
      <c r="AM8355">
        <v>25207.181189999999</v>
      </c>
      <c r="AN8355">
        <v>82143.073099999994</v>
      </c>
      <c r="AO8355">
        <v>29007.482499999998</v>
      </c>
      <c r="AP8355">
        <v>16228.09247</v>
      </c>
    </row>
    <row r="8356" spans="2:42" x14ac:dyDescent="0.3">
      <c r="B8356">
        <v>53.393439544720813</v>
      </c>
      <c r="C8356" s="83">
        <v>43449.083333333336</v>
      </c>
      <c r="D8356">
        <v>204582.94209999999</v>
      </c>
      <c r="E8356">
        <v>16129.050579999999</v>
      </c>
      <c r="F8356">
        <v>53308.125440000003</v>
      </c>
      <c r="G8356">
        <v>42526.246939999997</v>
      </c>
      <c r="H8356">
        <v>38436.986729999997</v>
      </c>
      <c r="I8356">
        <v>20112.579150000001</v>
      </c>
      <c r="J8356">
        <v>25150.146840000001</v>
      </c>
      <c r="K8356">
        <v>48123.00692</v>
      </c>
      <c r="L8356">
        <v>18789.26542</v>
      </c>
      <c r="M8356">
        <v>272224.6544</v>
      </c>
      <c r="N8356">
        <v>77716.874930000005</v>
      </c>
      <c r="O8356">
        <v>23478.8783</v>
      </c>
      <c r="P8356">
        <v>32005.859970000001</v>
      </c>
      <c r="Q8356">
        <v>73779.257020000005</v>
      </c>
      <c r="R8356">
        <v>23549.63969</v>
      </c>
      <c r="S8356">
        <v>80319.664850000001</v>
      </c>
      <c r="T8356">
        <v>28227.725210000001</v>
      </c>
      <c r="U8356">
        <v>16239.05113</v>
      </c>
      <c r="W8356" s="83">
        <f>Bühler!N8388</f>
        <v>45640.083333313072</v>
      </c>
      <c r="X8356" s="83">
        <v>43449.083333333336</v>
      </c>
      <c r="Y8356">
        <v>204582.94209999999</v>
      </c>
      <c r="Z8356">
        <v>16129.050579999999</v>
      </c>
      <c r="AA8356">
        <v>53308.125440000003</v>
      </c>
      <c r="AB8356">
        <v>42526.246939999997</v>
      </c>
      <c r="AC8356">
        <v>38436.986729999997</v>
      </c>
      <c r="AD8356">
        <v>20112.579150000001</v>
      </c>
      <c r="AE8356">
        <v>25150.146840000001</v>
      </c>
      <c r="AF8356">
        <v>48123.00692</v>
      </c>
      <c r="AG8356">
        <v>18789.26542</v>
      </c>
      <c r="AH8356">
        <v>272224.6544</v>
      </c>
      <c r="AI8356">
        <v>77716.874930000005</v>
      </c>
      <c r="AJ8356">
        <v>23478.8783</v>
      </c>
      <c r="AK8356">
        <v>32005.859970000001</v>
      </c>
      <c r="AL8356">
        <v>73779.257020000005</v>
      </c>
      <c r="AM8356">
        <v>23549.63969</v>
      </c>
      <c r="AN8356">
        <v>80319.664850000001</v>
      </c>
      <c r="AO8356">
        <v>28227.725210000001</v>
      </c>
      <c r="AP8356">
        <v>16239.05113</v>
      </c>
    </row>
    <row r="8357" spans="2:42" x14ac:dyDescent="0.3">
      <c r="B8357">
        <v>52.60213531136727</v>
      </c>
      <c r="C8357" s="83">
        <v>43449.125</v>
      </c>
      <c r="D8357">
        <v>199899.46919999999</v>
      </c>
      <c r="E8357">
        <v>16207.122310000001</v>
      </c>
      <c r="F8357">
        <v>53558.294690000002</v>
      </c>
      <c r="G8357">
        <v>41769.296970000003</v>
      </c>
      <c r="H8357">
        <v>38265.542450000001</v>
      </c>
      <c r="I8357">
        <v>19539.50923</v>
      </c>
      <c r="J8357">
        <v>25183.5566</v>
      </c>
      <c r="K8357">
        <v>46793.924919999998</v>
      </c>
      <c r="L8357">
        <v>18027.110049999999</v>
      </c>
      <c r="M8357">
        <v>268190.21639999998</v>
      </c>
      <c r="N8357">
        <v>75956.342659999995</v>
      </c>
      <c r="O8357">
        <v>23628.341189999999</v>
      </c>
      <c r="P8357">
        <v>30692.378260000001</v>
      </c>
      <c r="Q8357">
        <v>74120.262789999993</v>
      </c>
      <c r="R8357">
        <v>23347.110929999999</v>
      </c>
      <c r="S8357">
        <v>81101.266149999996</v>
      </c>
      <c r="T8357">
        <v>28240.78932</v>
      </c>
      <c r="U8357">
        <v>16467.373439999999</v>
      </c>
      <c r="W8357" s="83">
        <f>Bühler!N8389</f>
        <v>45640.124999979736</v>
      </c>
      <c r="X8357" s="83">
        <v>43449.125</v>
      </c>
      <c r="Y8357">
        <v>199899.46919999999</v>
      </c>
      <c r="Z8357">
        <v>16207.122310000001</v>
      </c>
      <c r="AA8357">
        <v>53558.294690000002</v>
      </c>
      <c r="AB8357">
        <v>41769.296970000003</v>
      </c>
      <c r="AC8357">
        <v>38265.542450000001</v>
      </c>
      <c r="AD8357">
        <v>19539.50923</v>
      </c>
      <c r="AE8357">
        <v>25183.5566</v>
      </c>
      <c r="AF8357">
        <v>46793.924919999998</v>
      </c>
      <c r="AG8357">
        <v>18027.110049999999</v>
      </c>
      <c r="AH8357">
        <v>268190.21639999998</v>
      </c>
      <c r="AI8357">
        <v>75956.342659999995</v>
      </c>
      <c r="AJ8357">
        <v>23628.341189999999</v>
      </c>
      <c r="AK8357">
        <v>30692.378260000001</v>
      </c>
      <c r="AL8357">
        <v>74120.262789999993</v>
      </c>
      <c r="AM8357">
        <v>23347.110929999999</v>
      </c>
      <c r="AN8357">
        <v>81101.266149999996</v>
      </c>
      <c r="AO8357">
        <v>28240.78932</v>
      </c>
      <c r="AP8357">
        <v>16467.373439999999</v>
      </c>
    </row>
    <row r="8358" spans="2:42" x14ac:dyDescent="0.3">
      <c r="B8358">
        <v>51.253414394370409</v>
      </c>
      <c r="C8358" s="83">
        <v>43449.166666666664</v>
      </c>
      <c r="D8358">
        <v>192675.4406</v>
      </c>
      <c r="E8358">
        <v>16100.33252</v>
      </c>
      <c r="F8358">
        <v>56125.435550000002</v>
      </c>
      <c r="G8358">
        <v>41042.564700000003</v>
      </c>
      <c r="H8358">
        <v>38659.417820000002</v>
      </c>
      <c r="I8358">
        <v>21115.258969999999</v>
      </c>
      <c r="J8358">
        <v>26582.36692</v>
      </c>
      <c r="K8358">
        <v>44503.070699999997</v>
      </c>
      <c r="L8358">
        <v>17897.443869999999</v>
      </c>
      <c r="M8358">
        <v>261313.8082</v>
      </c>
      <c r="N8358">
        <v>74685.429149999996</v>
      </c>
      <c r="O8358">
        <v>23736.067179999998</v>
      </c>
      <c r="P8358">
        <v>30151.286749999999</v>
      </c>
      <c r="Q8358">
        <v>73673.130420000001</v>
      </c>
      <c r="R8358">
        <v>23943.584780000001</v>
      </c>
      <c r="S8358">
        <v>82032.139070000005</v>
      </c>
      <c r="T8358">
        <v>27989.421900000001</v>
      </c>
      <c r="U8358">
        <v>16489.25762</v>
      </c>
      <c r="W8358" s="83">
        <f>Bühler!N8390</f>
        <v>45640.166666646401</v>
      </c>
      <c r="X8358" s="83">
        <v>43449.166666666664</v>
      </c>
      <c r="Y8358">
        <v>192675.4406</v>
      </c>
      <c r="Z8358">
        <v>16100.33252</v>
      </c>
      <c r="AA8358">
        <v>56125.435550000002</v>
      </c>
      <c r="AB8358">
        <v>41042.564700000003</v>
      </c>
      <c r="AC8358">
        <v>38659.417820000002</v>
      </c>
      <c r="AD8358">
        <v>21115.258969999999</v>
      </c>
      <c r="AE8358">
        <v>26582.36692</v>
      </c>
      <c r="AF8358">
        <v>44503.070699999997</v>
      </c>
      <c r="AG8358">
        <v>17897.443869999999</v>
      </c>
      <c r="AH8358">
        <v>261313.8082</v>
      </c>
      <c r="AI8358">
        <v>74685.429149999996</v>
      </c>
      <c r="AJ8358">
        <v>23736.067179999998</v>
      </c>
      <c r="AK8358">
        <v>30151.286749999999</v>
      </c>
      <c r="AL8358">
        <v>73673.130420000001</v>
      </c>
      <c r="AM8358">
        <v>23943.584780000001</v>
      </c>
      <c r="AN8358">
        <v>82032.139070000005</v>
      </c>
      <c r="AO8358">
        <v>27989.421900000001</v>
      </c>
      <c r="AP8358">
        <v>16489.25762</v>
      </c>
    </row>
    <row r="8359" spans="2:42" x14ac:dyDescent="0.3">
      <c r="B8359">
        <v>51.353749645343903</v>
      </c>
      <c r="C8359" s="83">
        <v>43449.208333333336</v>
      </c>
      <c r="D8359">
        <v>189366.3572</v>
      </c>
      <c r="E8359">
        <v>16969.230640000002</v>
      </c>
      <c r="F8359">
        <v>66961.501090000005</v>
      </c>
      <c r="G8359">
        <v>41629.542309999997</v>
      </c>
      <c r="H8359">
        <v>39086.38164</v>
      </c>
      <c r="I8359">
        <v>28179.44239</v>
      </c>
      <c r="J8359">
        <v>28531.349050000001</v>
      </c>
      <c r="K8359">
        <v>43626.864979999998</v>
      </c>
      <c r="L8359">
        <v>18190.929059999999</v>
      </c>
      <c r="M8359">
        <v>261825.36410000001</v>
      </c>
      <c r="N8359">
        <v>74089.247780000005</v>
      </c>
      <c r="O8359">
        <v>23768.695159999999</v>
      </c>
      <c r="P8359">
        <v>30942.406040000002</v>
      </c>
      <c r="Q8359">
        <v>73388.993459999998</v>
      </c>
      <c r="R8359">
        <v>24121.299149999999</v>
      </c>
      <c r="S8359">
        <v>84004.75</v>
      </c>
      <c r="T8359">
        <v>28971.873459999999</v>
      </c>
      <c r="U8359">
        <v>17026.37054</v>
      </c>
      <c r="W8359" s="83">
        <f>Bühler!N8391</f>
        <v>45640.208333313065</v>
      </c>
      <c r="X8359" s="83">
        <v>43449.208333333336</v>
      </c>
      <c r="Y8359">
        <v>189366.3572</v>
      </c>
      <c r="Z8359">
        <v>16969.230640000002</v>
      </c>
      <c r="AA8359">
        <v>66961.501090000005</v>
      </c>
      <c r="AB8359">
        <v>41629.542309999997</v>
      </c>
      <c r="AC8359">
        <v>39086.38164</v>
      </c>
      <c r="AD8359">
        <v>28179.44239</v>
      </c>
      <c r="AE8359">
        <v>28531.349050000001</v>
      </c>
      <c r="AF8359">
        <v>43626.864979999998</v>
      </c>
      <c r="AG8359">
        <v>18190.929059999999</v>
      </c>
      <c r="AH8359">
        <v>261825.36410000001</v>
      </c>
      <c r="AI8359">
        <v>74089.247780000005</v>
      </c>
      <c r="AJ8359">
        <v>23768.695159999999</v>
      </c>
      <c r="AK8359">
        <v>30942.406040000002</v>
      </c>
      <c r="AL8359">
        <v>73388.993459999998</v>
      </c>
      <c r="AM8359">
        <v>24121.299149999999</v>
      </c>
      <c r="AN8359">
        <v>84004.75</v>
      </c>
      <c r="AO8359">
        <v>28971.873459999999</v>
      </c>
      <c r="AP8359">
        <v>17026.37054</v>
      </c>
    </row>
    <row r="8360" spans="2:42" x14ac:dyDescent="0.3">
      <c r="B8360">
        <v>52.014529098230859</v>
      </c>
      <c r="C8360" s="83">
        <v>43449.25</v>
      </c>
      <c r="D8360">
        <v>191008.31640000001</v>
      </c>
      <c r="E8360">
        <v>18982.847750000001</v>
      </c>
      <c r="F8360">
        <v>79858.169049999997</v>
      </c>
      <c r="G8360">
        <v>43667.680610000003</v>
      </c>
      <c r="H8360">
        <v>40106.551760000002</v>
      </c>
      <c r="I8360">
        <v>30877.88595</v>
      </c>
      <c r="J8360">
        <v>31084.177510000001</v>
      </c>
      <c r="K8360">
        <v>42528.836669999997</v>
      </c>
      <c r="L8360">
        <v>19216.207330000001</v>
      </c>
      <c r="M8360">
        <v>265194.3259</v>
      </c>
      <c r="N8360">
        <v>72553.65681</v>
      </c>
      <c r="O8360">
        <v>23471.780060000001</v>
      </c>
      <c r="P8360">
        <v>30605.79768</v>
      </c>
      <c r="Q8360">
        <v>72208.073980000001</v>
      </c>
      <c r="R8360">
        <v>19624.55804</v>
      </c>
      <c r="S8360">
        <v>88560.177779999998</v>
      </c>
      <c r="T8360">
        <v>30873.361400000002</v>
      </c>
      <c r="U8360">
        <v>16655.780200000001</v>
      </c>
      <c r="W8360" s="83">
        <f>Bühler!N8392</f>
        <v>45640.249999979729</v>
      </c>
      <c r="X8360" s="83">
        <v>43449.25</v>
      </c>
      <c r="Y8360">
        <v>191008.31640000001</v>
      </c>
      <c r="Z8360">
        <v>18982.847750000001</v>
      </c>
      <c r="AA8360">
        <v>79858.169049999997</v>
      </c>
      <c r="AB8360">
        <v>43667.680610000003</v>
      </c>
      <c r="AC8360">
        <v>40106.551760000002</v>
      </c>
      <c r="AD8360">
        <v>30877.88595</v>
      </c>
      <c r="AE8360">
        <v>31084.177510000001</v>
      </c>
      <c r="AF8360">
        <v>42528.836669999997</v>
      </c>
      <c r="AG8360">
        <v>19216.207330000001</v>
      </c>
      <c r="AH8360">
        <v>265194.3259</v>
      </c>
      <c r="AI8360">
        <v>72553.65681</v>
      </c>
      <c r="AJ8360">
        <v>23471.780060000001</v>
      </c>
      <c r="AK8360">
        <v>30605.79768</v>
      </c>
      <c r="AL8360">
        <v>72208.073980000001</v>
      </c>
      <c r="AM8360">
        <v>19624.55804</v>
      </c>
      <c r="AN8360">
        <v>88560.177779999998</v>
      </c>
      <c r="AO8360">
        <v>30873.361400000002</v>
      </c>
      <c r="AP8360">
        <v>16655.780200000001</v>
      </c>
    </row>
    <row r="8361" spans="2:42" x14ac:dyDescent="0.3">
      <c r="B8361">
        <v>51.901750497484137</v>
      </c>
      <c r="C8361" s="83">
        <v>43449.291666666664</v>
      </c>
      <c r="D8361">
        <v>192263.31479999999</v>
      </c>
      <c r="E8361">
        <v>22127.962360000001</v>
      </c>
      <c r="F8361">
        <v>83902.375249999997</v>
      </c>
      <c r="G8361">
        <v>45637.127979999997</v>
      </c>
      <c r="H8361">
        <v>41313.062940000003</v>
      </c>
      <c r="I8361">
        <v>33406.944029999999</v>
      </c>
      <c r="J8361">
        <v>32375.761879999998</v>
      </c>
      <c r="K8361">
        <v>42830.600830000003</v>
      </c>
      <c r="L8361">
        <v>21571.552909999999</v>
      </c>
      <c r="M8361">
        <v>264619.32799999998</v>
      </c>
      <c r="N8361">
        <v>72419.611520000006</v>
      </c>
      <c r="O8361">
        <v>23782.777959999999</v>
      </c>
      <c r="P8361">
        <v>32517.835879999999</v>
      </c>
      <c r="Q8361">
        <v>69494.444380000001</v>
      </c>
      <c r="R8361">
        <v>19920.704160000001</v>
      </c>
      <c r="S8361">
        <v>97032.699729999993</v>
      </c>
      <c r="T8361">
        <v>30987.15252</v>
      </c>
      <c r="U8361">
        <v>17145.446820000001</v>
      </c>
      <c r="W8361" s="83">
        <f>Bühler!N8393</f>
        <v>45640.291666646393</v>
      </c>
      <c r="X8361" s="83">
        <v>43449.291666666664</v>
      </c>
      <c r="Y8361">
        <v>192263.31479999999</v>
      </c>
      <c r="Z8361">
        <v>22127.962360000001</v>
      </c>
      <c r="AA8361">
        <v>83902.375249999997</v>
      </c>
      <c r="AB8361">
        <v>45637.127979999997</v>
      </c>
      <c r="AC8361">
        <v>41313.062940000003</v>
      </c>
      <c r="AD8361">
        <v>33406.944029999999</v>
      </c>
      <c r="AE8361">
        <v>32375.761879999998</v>
      </c>
      <c r="AF8361">
        <v>42830.600830000003</v>
      </c>
      <c r="AG8361">
        <v>21571.552909999999</v>
      </c>
      <c r="AH8361">
        <v>264619.32799999998</v>
      </c>
      <c r="AI8361">
        <v>72419.611520000006</v>
      </c>
      <c r="AJ8361">
        <v>23782.777959999999</v>
      </c>
      <c r="AK8361">
        <v>32517.835879999999</v>
      </c>
      <c r="AL8361">
        <v>69494.444380000001</v>
      </c>
      <c r="AM8361">
        <v>19920.704160000001</v>
      </c>
      <c r="AN8361">
        <v>97032.699729999993</v>
      </c>
      <c r="AO8361">
        <v>30987.15252</v>
      </c>
      <c r="AP8361">
        <v>17145.446820000001</v>
      </c>
    </row>
    <row r="8362" spans="2:42" x14ac:dyDescent="0.3">
      <c r="B8362">
        <v>51.087437462633837</v>
      </c>
      <c r="C8362" s="83">
        <v>43449.333333333336</v>
      </c>
      <c r="D8362">
        <v>190424.19889999999</v>
      </c>
      <c r="E8362">
        <v>25048.91217</v>
      </c>
      <c r="F8362">
        <v>89418.332009999998</v>
      </c>
      <c r="G8362">
        <v>46527.094709999998</v>
      </c>
      <c r="H8362">
        <v>40701.859349999999</v>
      </c>
      <c r="I8362">
        <v>34770.789620000003</v>
      </c>
      <c r="J8362">
        <v>31870.812450000001</v>
      </c>
      <c r="K8362">
        <v>43150.983240000001</v>
      </c>
      <c r="L8362">
        <v>24296.756280000001</v>
      </c>
      <c r="M8362">
        <v>260467.58040000001</v>
      </c>
      <c r="N8362">
        <v>73757.232940000002</v>
      </c>
      <c r="O8362">
        <v>23696.232230000001</v>
      </c>
      <c r="P8362">
        <v>35491.937899999997</v>
      </c>
      <c r="Q8362">
        <v>68253.639129999996</v>
      </c>
      <c r="R8362">
        <v>19204.92813</v>
      </c>
      <c r="S8362">
        <v>101522.7236</v>
      </c>
      <c r="T8362">
        <v>33369.084990000003</v>
      </c>
      <c r="U8362">
        <v>17160.603179999998</v>
      </c>
      <c r="W8362" s="83">
        <f>Bühler!N8394</f>
        <v>45640.333333313058</v>
      </c>
      <c r="X8362" s="83">
        <v>43449.333333333336</v>
      </c>
      <c r="Y8362">
        <v>190424.19889999999</v>
      </c>
      <c r="Z8362">
        <v>25048.91217</v>
      </c>
      <c r="AA8362">
        <v>89418.332009999998</v>
      </c>
      <c r="AB8362">
        <v>46527.094709999998</v>
      </c>
      <c r="AC8362">
        <v>40701.859349999999</v>
      </c>
      <c r="AD8362">
        <v>34770.789620000003</v>
      </c>
      <c r="AE8362">
        <v>31870.812450000001</v>
      </c>
      <c r="AF8362">
        <v>43150.983240000001</v>
      </c>
      <c r="AG8362">
        <v>24296.756280000001</v>
      </c>
      <c r="AH8362">
        <v>260467.58040000001</v>
      </c>
      <c r="AI8362">
        <v>73757.232940000002</v>
      </c>
      <c r="AJ8362">
        <v>23696.232230000001</v>
      </c>
      <c r="AK8362">
        <v>35491.937899999997</v>
      </c>
      <c r="AL8362">
        <v>68253.639129999996</v>
      </c>
      <c r="AM8362">
        <v>19204.92813</v>
      </c>
      <c r="AN8362">
        <v>101522.7236</v>
      </c>
      <c r="AO8362">
        <v>33369.084990000003</v>
      </c>
      <c r="AP8362">
        <v>17160.603179999998</v>
      </c>
    </row>
    <row r="8363" spans="2:42" x14ac:dyDescent="0.3">
      <c r="B8363">
        <v>50.317086471458417</v>
      </c>
      <c r="C8363" s="83">
        <v>43449.375</v>
      </c>
      <c r="D8363">
        <v>187997.56599999999</v>
      </c>
      <c r="E8363">
        <v>28455.984520000002</v>
      </c>
      <c r="F8363">
        <v>94130.264939999994</v>
      </c>
      <c r="G8363">
        <v>47051.464070000002</v>
      </c>
      <c r="H8363">
        <v>40718.170409999999</v>
      </c>
      <c r="I8363">
        <v>33500.434549999998</v>
      </c>
      <c r="J8363">
        <v>30934.148359999999</v>
      </c>
      <c r="K8363">
        <v>42027.351219999997</v>
      </c>
      <c r="L8363">
        <v>26892.317470000002</v>
      </c>
      <c r="M8363">
        <v>256539.9718</v>
      </c>
      <c r="N8363">
        <v>73406.702420000001</v>
      </c>
      <c r="O8363">
        <v>23382.53068</v>
      </c>
      <c r="P8363">
        <v>36920.302710000004</v>
      </c>
      <c r="Q8363">
        <v>67308.259760000001</v>
      </c>
      <c r="R8363">
        <v>17599.101869999999</v>
      </c>
      <c r="S8363">
        <v>101960.88740000001</v>
      </c>
      <c r="T8363">
        <v>33984.35181</v>
      </c>
      <c r="U8363">
        <v>16411.57645</v>
      </c>
      <c r="W8363" s="83">
        <f>Bühler!N8395</f>
        <v>45640.374999979722</v>
      </c>
      <c r="X8363" s="83">
        <v>43449.375</v>
      </c>
      <c r="Y8363">
        <v>187997.56599999999</v>
      </c>
      <c r="Z8363">
        <v>28455.984520000002</v>
      </c>
      <c r="AA8363">
        <v>94130.264939999994</v>
      </c>
      <c r="AB8363">
        <v>47051.464070000002</v>
      </c>
      <c r="AC8363">
        <v>40718.170409999999</v>
      </c>
      <c r="AD8363">
        <v>33500.434549999998</v>
      </c>
      <c r="AE8363">
        <v>30934.148359999999</v>
      </c>
      <c r="AF8363">
        <v>42027.351219999997</v>
      </c>
      <c r="AG8363">
        <v>26892.317470000002</v>
      </c>
      <c r="AH8363">
        <v>256539.9718</v>
      </c>
      <c r="AI8363">
        <v>73406.702420000001</v>
      </c>
      <c r="AJ8363">
        <v>23382.53068</v>
      </c>
      <c r="AK8363">
        <v>36920.302710000004</v>
      </c>
      <c r="AL8363">
        <v>67308.259760000001</v>
      </c>
      <c r="AM8363">
        <v>17599.101869999999</v>
      </c>
      <c r="AN8363">
        <v>101960.88740000001</v>
      </c>
      <c r="AO8363">
        <v>33984.35181</v>
      </c>
      <c r="AP8363">
        <v>16411.57645</v>
      </c>
    </row>
    <row r="8364" spans="2:42" x14ac:dyDescent="0.3">
      <c r="B8364">
        <v>50.214715745637406</v>
      </c>
      <c r="C8364" s="83">
        <v>43449.416666666664</v>
      </c>
      <c r="D8364">
        <v>186368.7352</v>
      </c>
      <c r="E8364">
        <v>29851.471320000001</v>
      </c>
      <c r="F8364">
        <v>93946.924050000001</v>
      </c>
      <c r="G8364">
        <v>46730.629079999999</v>
      </c>
      <c r="H8364">
        <v>41199.340389999998</v>
      </c>
      <c r="I8364">
        <v>32463.658200000002</v>
      </c>
      <c r="J8364">
        <v>29911.420610000001</v>
      </c>
      <c r="K8364">
        <v>42993.852059999997</v>
      </c>
      <c r="L8364">
        <v>29856.30459</v>
      </c>
      <c r="M8364">
        <v>256018.03810000001</v>
      </c>
      <c r="N8364">
        <v>73965.904209999993</v>
      </c>
      <c r="O8364">
        <v>23397.115559999998</v>
      </c>
      <c r="P8364">
        <v>37478.084089999997</v>
      </c>
      <c r="Q8364">
        <v>66247.916200000007</v>
      </c>
      <c r="R8364">
        <v>18060.381430000001</v>
      </c>
      <c r="S8364">
        <v>101225.3322</v>
      </c>
      <c r="T8364">
        <v>35665.608160000003</v>
      </c>
      <c r="U8364">
        <v>16138.80096</v>
      </c>
      <c r="W8364" s="83">
        <f>Bühler!N8396</f>
        <v>45640.416666646386</v>
      </c>
      <c r="X8364" s="83">
        <v>43449.416666666664</v>
      </c>
      <c r="Y8364">
        <v>186368.7352</v>
      </c>
      <c r="Z8364">
        <v>29851.471320000001</v>
      </c>
      <c r="AA8364">
        <v>93946.924050000001</v>
      </c>
      <c r="AB8364">
        <v>46730.629079999999</v>
      </c>
      <c r="AC8364">
        <v>41199.340389999998</v>
      </c>
      <c r="AD8364">
        <v>32463.658200000002</v>
      </c>
      <c r="AE8364">
        <v>29911.420610000001</v>
      </c>
      <c r="AF8364">
        <v>42993.852059999997</v>
      </c>
      <c r="AG8364">
        <v>29856.30459</v>
      </c>
      <c r="AH8364">
        <v>256018.03810000001</v>
      </c>
      <c r="AI8364">
        <v>73965.904209999993</v>
      </c>
      <c r="AJ8364">
        <v>23397.115559999998</v>
      </c>
      <c r="AK8364">
        <v>37478.084089999997</v>
      </c>
      <c r="AL8364">
        <v>66247.916200000007</v>
      </c>
      <c r="AM8364">
        <v>18060.381430000001</v>
      </c>
      <c r="AN8364">
        <v>101225.3322</v>
      </c>
      <c r="AO8364">
        <v>35665.608160000003</v>
      </c>
      <c r="AP8364">
        <v>16138.80096</v>
      </c>
    </row>
    <row r="8365" spans="2:42" x14ac:dyDescent="0.3">
      <c r="B8365">
        <v>49.891115668801909</v>
      </c>
      <c r="C8365" s="83">
        <v>43449.458333333336</v>
      </c>
      <c r="D8365">
        <v>183364.63690000001</v>
      </c>
      <c r="E8365">
        <v>29413.838469999999</v>
      </c>
      <c r="F8365">
        <v>94939.118119999999</v>
      </c>
      <c r="G8365">
        <v>46166.732660000001</v>
      </c>
      <c r="H8365">
        <v>41314.93692</v>
      </c>
      <c r="I8365">
        <v>32028.88852</v>
      </c>
      <c r="J8365">
        <v>30088.65912</v>
      </c>
      <c r="K8365">
        <v>47851.789550000001</v>
      </c>
      <c r="L8365">
        <v>31262.885320000001</v>
      </c>
      <c r="M8365">
        <v>254368.174</v>
      </c>
      <c r="N8365">
        <v>74307.70624</v>
      </c>
      <c r="O8365">
        <v>23219.98157</v>
      </c>
      <c r="P8365">
        <v>37184.811569999998</v>
      </c>
      <c r="Q8365">
        <v>65526.46716</v>
      </c>
      <c r="R8365">
        <v>20468.90165</v>
      </c>
      <c r="S8365">
        <v>101928.1018</v>
      </c>
      <c r="T8365">
        <v>35900.121740000002</v>
      </c>
      <c r="U8365">
        <v>15997.87644</v>
      </c>
      <c r="W8365" s="83">
        <f>Bühler!N8397</f>
        <v>45640.45833331305</v>
      </c>
      <c r="X8365" s="83">
        <v>43449.458333333336</v>
      </c>
      <c r="Y8365">
        <v>183364.63690000001</v>
      </c>
      <c r="Z8365">
        <v>29413.838469999999</v>
      </c>
      <c r="AA8365">
        <v>94939.118119999999</v>
      </c>
      <c r="AB8365">
        <v>46166.732660000001</v>
      </c>
      <c r="AC8365">
        <v>41314.93692</v>
      </c>
      <c r="AD8365">
        <v>32028.88852</v>
      </c>
      <c r="AE8365">
        <v>30088.65912</v>
      </c>
      <c r="AF8365">
        <v>47851.789550000001</v>
      </c>
      <c r="AG8365">
        <v>31262.885320000001</v>
      </c>
      <c r="AH8365">
        <v>254368.174</v>
      </c>
      <c r="AI8365">
        <v>74307.70624</v>
      </c>
      <c r="AJ8365">
        <v>23219.98157</v>
      </c>
      <c r="AK8365">
        <v>37184.811569999998</v>
      </c>
      <c r="AL8365">
        <v>65526.46716</v>
      </c>
      <c r="AM8365">
        <v>20468.90165</v>
      </c>
      <c r="AN8365">
        <v>101928.1018</v>
      </c>
      <c r="AO8365">
        <v>35900.121740000002</v>
      </c>
      <c r="AP8365">
        <v>15997.87644</v>
      </c>
    </row>
    <row r="8366" spans="2:42" x14ac:dyDescent="0.3">
      <c r="B8366">
        <v>48.717071848851134</v>
      </c>
      <c r="C8366" s="83">
        <v>43449.5</v>
      </c>
      <c r="D8366">
        <v>175760.37899999999</v>
      </c>
      <c r="E8366">
        <v>27469.392080000001</v>
      </c>
      <c r="F8366">
        <v>93530.316409999999</v>
      </c>
      <c r="G8366">
        <v>44268.37932</v>
      </c>
      <c r="H8366">
        <v>40670.513610000002</v>
      </c>
      <c r="I8366">
        <v>31789.122469999998</v>
      </c>
      <c r="J8366">
        <v>29978.723620000001</v>
      </c>
      <c r="K8366">
        <v>47829.411189999999</v>
      </c>
      <c r="L8366">
        <v>33562.431389999998</v>
      </c>
      <c r="M8366">
        <v>248382.3511</v>
      </c>
      <c r="N8366">
        <v>71580.930210000006</v>
      </c>
      <c r="O8366">
        <v>22582.94641</v>
      </c>
      <c r="P8366">
        <v>36449.751559999997</v>
      </c>
      <c r="Q8366">
        <v>61718.311750000001</v>
      </c>
      <c r="R8366">
        <v>20826.214230000001</v>
      </c>
      <c r="S8366">
        <v>96931.898379999999</v>
      </c>
      <c r="T8366">
        <v>35595.667249999999</v>
      </c>
      <c r="U8366">
        <v>14722.025449999999</v>
      </c>
      <c r="W8366" s="83">
        <f>Bühler!N8398</f>
        <v>45640.499999979715</v>
      </c>
      <c r="X8366" s="83">
        <v>43449.5</v>
      </c>
      <c r="Y8366">
        <v>175760.37899999999</v>
      </c>
      <c r="Z8366">
        <v>27469.392080000001</v>
      </c>
      <c r="AA8366">
        <v>93530.316409999999</v>
      </c>
      <c r="AB8366">
        <v>44268.37932</v>
      </c>
      <c r="AC8366">
        <v>40670.513610000002</v>
      </c>
      <c r="AD8366">
        <v>31789.122469999998</v>
      </c>
      <c r="AE8366">
        <v>29978.723620000001</v>
      </c>
      <c r="AF8366">
        <v>47829.411189999999</v>
      </c>
      <c r="AG8366">
        <v>33562.431389999998</v>
      </c>
      <c r="AH8366">
        <v>248382.3511</v>
      </c>
      <c r="AI8366">
        <v>71580.930210000006</v>
      </c>
      <c r="AJ8366">
        <v>22582.94641</v>
      </c>
      <c r="AK8366">
        <v>36449.751559999997</v>
      </c>
      <c r="AL8366">
        <v>61718.311750000001</v>
      </c>
      <c r="AM8366">
        <v>20826.214230000001</v>
      </c>
      <c r="AN8366">
        <v>96931.898379999999</v>
      </c>
      <c r="AO8366">
        <v>35595.667249999999</v>
      </c>
      <c r="AP8366">
        <v>14722.025449999999</v>
      </c>
    </row>
    <row r="8367" spans="2:42" x14ac:dyDescent="0.3">
      <c r="B8367">
        <v>48.01943174270194</v>
      </c>
      <c r="C8367" s="83">
        <v>43449.541666666664</v>
      </c>
      <c r="D8367">
        <v>171173.63510000001</v>
      </c>
      <c r="E8367">
        <v>26688.648949999999</v>
      </c>
      <c r="F8367">
        <v>91688.011979999996</v>
      </c>
      <c r="G8367">
        <v>42952.701789999999</v>
      </c>
      <c r="H8367">
        <v>39848.98805</v>
      </c>
      <c r="I8367">
        <v>32596.435239999999</v>
      </c>
      <c r="J8367">
        <v>28695.590950000002</v>
      </c>
      <c r="K8367">
        <v>49872.925730000003</v>
      </c>
      <c r="L8367">
        <v>33233.560669999999</v>
      </c>
      <c r="M8367">
        <v>244825.4565</v>
      </c>
      <c r="N8367">
        <v>70675.917050000004</v>
      </c>
      <c r="O8367">
        <v>22763.69312</v>
      </c>
      <c r="P8367">
        <v>35616.797809999996</v>
      </c>
      <c r="Q8367">
        <v>58937.02046</v>
      </c>
      <c r="R8367">
        <v>21525.90293</v>
      </c>
      <c r="S8367">
        <v>96740.765780000002</v>
      </c>
      <c r="T8367">
        <v>34342.969779999999</v>
      </c>
      <c r="U8367">
        <v>14093.223980000001</v>
      </c>
      <c r="W8367" s="83">
        <f>Bühler!N8399</f>
        <v>45640.541666646379</v>
      </c>
      <c r="X8367" s="83">
        <v>43449.541666666664</v>
      </c>
      <c r="Y8367">
        <v>171173.63510000001</v>
      </c>
      <c r="Z8367">
        <v>26688.648949999999</v>
      </c>
      <c r="AA8367">
        <v>91688.011979999996</v>
      </c>
      <c r="AB8367">
        <v>42952.701789999999</v>
      </c>
      <c r="AC8367">
        <v>39848.98805</v>
      </c>
      <c r="AD8367">
        <v>32596.435239999999</v>
      </c>
      <c r="AE8367">
        <v>28695.590950000002</v>
      </c>
      <c r="AF8367">
        <v>49872.925730000003</v>
      </c>
      <c r="AG8367">
        <v>33233.560669999999</v>
      </c>
      <c r="AH8367">
        <v>244825.4565</v>
      </c>
      <c r="AI8367">
        <v>70675.917050000004</v>
      </c>
      <c r="AJ8367">
        <v>22763.69312</v>
      </c>
      <c r="AK8367">
        <v>35616.797809999996</v>
      </c>
      <c r="AL8367">
        <v>58937.02046</v>
      </c>
      <c r="AM8367">
        <v>21525.90293</v>
      </c>
      <c r="AN8367">
        <v>96740.765780000002</v>
      </c>
      <c r="AO8367">
        <v>34342.969779999999</v>
      </c>
      <c r="AP8367">
        <v>14093.223980000001</v>
      </c>
    </row>
    <row r="8368" spans="2:42" x14ac:dyDescent="0.3">
      <c r="B8368">
        <v>48.202237774455106</v>
      </c>
      <c r="C8368" s="83">
        <v>43449.583333333336</v>
      </c>
      <c r="D8368">
        <v>170644.14970000001</v>
      </c>
      <c r="E8368">
        <v>27355.030480000001</v>
      </c>
      <c r="F8368">
        <v>91666.913969999994</v>
      </c>
      <c r="G8368">
        <v>42360.629489999999</v>
      </c>
      <c r="H8368">
        <v>39444.67323</v>
      </c>
      <c r="I8368">
        <v>32304.842329999999</v>
      </c>
      <c r="J8368">
        <v>27651.638459999998</v>
      </c>
      <c r="K8368">
        <v>47689.799930000001</v>
      </c>
      <c r="L8368">
        <v>31460.53818</v>
      </c>
      <c r="M8368">
        <v>245757.48689999999</v>
      </c>
      <c r="N8368">
        <v>70946.033519999997</v>
      </c>
      <c r="O8368">
        <v>22709.976790000001</v>
      </c>
      <c r="P8368">
        <v>34008.03703</v>
      </c>
      <c r="Q8368">
        <v>57578.266259999997</v>
      </c>
      <c r="R8368">
        <v>20299.077959999999</v>
      </c>
      <c r="S8368">
        <v>93482.09693</v>
      </c>
      <c r="T8368">
        <v>33672.212549999997</v>
      </c>
      <c r="U8368">
        <v>14063.937840000001</v>
      </c>
      <c r="W8368" s="83">
        <f>Bühler!N8400</f>
        <v>45640.583333313043</v>
      </c>
      <c r="X8368" s="83">
        <v>43449.583333333336</v>
      </c>
      <c r="Y8368">
        <v>170644.14970000001</v>
      </c>
      <c r="Z8368">
        <v>27355.030480000001</v>
      </c>
      <c r="AA8368">
        <v>91666.913969999994</v>
      </c>
      <c r="AB8368">
        <v>42360.629489999999</v>
      </c>
      <c r="AC8368">
        <v>39444.67323</v>
      </c>
      <c r="AD8368">
        <v>32304.842329999999</v>
      </c>
      <c r="AE8368">
        <v>27651.638459999998</v>
      </c>
      <c r="AF8368">
        <v>47689.799930000001</v>
      </c>
      <c r="AG8368">
        <v>31460.53818</v>
      </c>
      <c r="AH8368">
        <v>245757.48689999999</v>
      </c>
      <c r="AI8368">
        <v>70946.033519999997</v>
      </c>
      <c r="AJ8368">
        <v>22709.976790000001</v>
      </c>
      <c r="AK8368">
        <v>34008.03703</v>
      </c>
      <c r="AL8368">
        <v>57578.266259999997</v>
      </c>
      <c r="AM8368">
        <v>20299.077959999999</v>
      </c>
      <c r="AN8368">
        <v>93482.09693</v>
      </c>
      <c r="AO8368">
        <v>33672.212549999997</v>
      </c>
      <c r="AP8368">
        <v>14063.937840000001</v>
      </c>
    </row>
    <row r="8369" spans="2:42" x14ac:dyDescent="0.3">
      <c r="B8369">
        <v>47.491278094252607</v>
      </c>
      <c r="C8369" s="83">
        <v>43449.625</v>
      </c>
      <c r="D8369">
        <v>169588.56</v>
      </c>
      <c r="E8369">
        <v>27037.423419999999</v>
      </c>
      <c r="F8369">
        <v>90970.073510000002</v>
      </c>
      <c r="G8369">
        <v>42138.181219999999</v>
      </c>
      <c r="H8369">
        <v>39558.753449999997</v>
      </c>
      <c r="I8369">
        <v>31971.65782</v>
      </c>
      <c r="J8369">
        <v>27315.939460000001</v>
      </c>
      <c r="K8369">
        <v>46714.456570000002</v>
      </c>
      <c r="L8369">
        <v>29480.93634</v>
      </c>
      <c r="M8369">
        <v>242132.68290000001</v>
      </c>
      <c r="N8369">
        <v>71130.762700000007</v>
      </c>
      <c r="O8369">
        <v>22685.699240000002</v>
      </c>
      <c r="P8369">
        <v>32276.51065</v>
      </c>
      <c r="Q8369">
        <v>56046.886980000003</v>
      </c>
      <c r="R8369">
        <v>20394.47739</v>
      </c>
      <c r="S8369">
        <v>92412.89443</v>
      </c>
      <c r="T8369">
        <v>34185.904240000003</v>
      </c>
      <c r="U8369">
        <v>14322.46637</v>
      </c>
      <c r="W8369" s="83">
        <f>Bühler!N8401</f>
        <v>45640.624999979707</v>
      </c>
      <c r="X8369" s="83">
        <v>43449.625</v>
      </c>
      <c r="Y8369">
        <v>169588.56</v>
      </c>
      <c r="Z8369">
        <v>27037.423419999999</v>
      </c>
      <c r="AA8369">
        <v>90970.073510000002</v>
      </c>
      <c r="AB8369">
        <v>42138.181219999999</v>
      </c>
      <c r="AC8369">
        <v>39558.753449999997</v>
      </c>
      <c r="AD8369">
        <v>31971.65782</v>
      </c>
      <c r="AE8369">
        <v>27315.939460000001</v>
      </c>
      <c r="AF8369">
        <v>46714.456570000002</v>
      </c>
      <c r="AG8369">
        <v>29480.93634</v>
      </c>
      <c r="AH8369">
        <v>242132.68290000001</v>
      </c>
      <c r="AI8369">
        <v>71130.762700000007</v>
      </c>
      <c r="AJ8369">
        <v>22685.699240000002</v>
      </c>
      <c r="AK8369">
        <v>32276.51065</v>
      </c>
      <c r="AL8369">
        <v>56046.886980000003</v>
      </c>
      <c r="AM8369">
        <v>20394.47739</v>
      </c>
      <c r="AN8369">
        <v>92412.89443</v>
      </c>
      <c r="AO8369">
        <v>34185.904240000003</v>
      </c>
      <c r="AP8369">
        <v>14322.46637</v>
      </c>
    </row>
    <row r="8370" spans="2:42" x14ac:dyDescent="0.3">
      <c r="B8370">
        <v>46.636381737649771</v>
      </c>
      <c r="C8370" s="83">
        <v>43449.666666666664</v>
      </c>
      <c r="D8370">
        <v>168245.57459999999</v>
      </c>
      <c r="E8370">
        <v>27132.434700000002</v>
      </c>
      <c r="F8370">
        <v>91248.344389999998</v>
      </c>
      <c r="G8370">
        <v>42376.180460000003</v>
      </c>
      <c r="H8370">
        <v>39706.19672</v>
      </c>
      <c r="I8370">
        <v>33186.531589999999</v>
      </c>
      <c r="J8370">
        <v>27406.344570000001</v>
      </c>
      <c r="K8370">
        <v>47271.065649999997</v>
      </c>
      <c r="L8370">
        <v>29272.156630000001</v>
      </c>
      <c r="M8370">
        <v>237774.0226</v>
      </c>
      <c r="N8370">
        <v>71180.273199999996</v>
      </c>
      <c r="O8370">
        <v>22904.45955</v>
      </c>
      <c r="P8370">
        <v>33587.758370000003</v>
      </c>
      <c r="Q8370">
        <v>55385.00157</v>
      </c>
      <c r="R8370">
        <v>20254.984560000001</v>
      </c>
      <c r="S8370">
        <v>94612.023780000003</v>
      </c>
      <c r="T8370">
        <v>34855.45953</v>
      </c>
      <c r="U8370">
        <v>14346.80307</v>
      </c>
      <c r="W8370" s="83">
        <f>Bühler!N8402</f>
        <v>45640.666666646372</v>
      </c>
      <c r="X8370" s="83">
        <v>43449.666666666664</v>
      </c>
      <c r="Y8370">
        <v>168245.57459999999</v>
      </c>
      <c r="Z8370">
        <v>27132.434700000002</v>
      </c>
      <c r="AA8370">
        <v>91248.344389999998</v>
      </c>
      <c r="AB8370">
        <v>42376.180460000003</v>
      </c>
      <c r="AC8370">
        <v>39706.19672</v>
      </c>
      <c r="AD8370">
        <v>33186.531589999999</v>
      </c>
      <c r="AE8370">
        <v>27406.344570000001</v>
      </c>
      <c r="AF8370">
        <v>47271.065649999997</v>
      </c>
      <c r="AG8370">
        <v>29272.156630000001</v>
      </c>
      <c r="AH8370">
        <v>237774.0226</v>
      </c>
      <c r="AI8370">
        <v>71180.273199999996</v>
      </c>
      <c r="AJ8370">
        <v>22904.45955</v>
      </c>
      <c r="AK8370">
        <v>33587.758370000003</v>
      </c>
      <c r="AL8370">
        <v>55385.00157</v>
      </c>
      <c r="AM8370">
        <v>20254.984560000001</v>
      </c>
      <c r="AN8370">
        <v>94612.023780000003</v>
      </c>
      <c r="AO8370">
        <v>34855.45953</v>
      </c>
      <c r="AP8370">
        <v>14346.80307</v>
      </c>
    </row>
    <row r="8371" spans="2:42" x14ac:dyDescent="0.3">
      <c r="B8371">
        <v>46.413419591043947</v>
      </c>
      <c r="C8371" s="83">
        <v>43449.708333333336</v>
      </c>
      <c r="D8371">
        <v>168584.4374</v>
      </c>
      <c r="E8371">
        <v>27867.853060000001</v>
      </c>
      <c r="F8371">
        <v>93187.102039999998</v>
      </c>
      <c r="G8371">
        <v>44179.959000000003</v>
      </c>
      <c r="H8371">
        <v>42131.746359999997</v>
      </c>
      <c r="I8371">
        <v>34630.13523</v>
      </c>
      <c r="J8371">
        <v>30446.297750000002</v>
      </c>
      <c r="K8371">
        <v>45695.599020000001</v>
      </c>
      <c r="L8371">
        <v>30859.382420000002</v>
      </c>
      <c r="M8371">
        <v>236637.25760000001</v>
      </c>
      <c r="N8371">
        <v>71260.60312</v>
      </c>
      <c r="O8371">
        <v>23510.059310000001</v>
      </c>
      <c r="P8371">
        <v>35757.204030000001</v>
      </c>
      <c r="Q8371">
        <v>54749.228349999998</v>
      </c>
      <c r="R8371">
        <v>21127.437269999999</v>
      </c>
      <c r="S8371">
        <v>100672.1005</v>
      </c>
      <c r="T8371">
        <v>36896.150020000001</v>
      </c>
      <c r="U8371">
        <v>15676.01086</v>
      </c>
      <c r="W8371" s="83">
        <f>Bühler!N8403</f>
        <v>45640.708333313036</v>
      </c>
      <c r="X8371" s="83">
        <v>43449.708333333336</v>
      </c>
      <c r="Y8371">
        <v>168584.4374</v>
      </c>
      <c r="Z8371">
        <v>27867.853060000001</v>
      </c>
      <c r="AA8371">
        <v>93187.102039999998</v>
      </c>
      <c r="AB8371">
        <v>44179.959000000003</v>
      </c>
      <c r="AC8371">
        <v>42131.746359999997</v>
      </c>
      <c r="AD8371">
        <v>34630.13523</v>
      </c>
      <c r="AE8371">
        <v>30446.297750000002</v>
      </c>
      <c r="AF8371">
        <v>45695.599020000001</v>
      </c>
      <c r="AG8371">
        <v>30859.382420000002</v>
      </c>
      <c r="AH8371">
        <v>236637.25760000001</v>
      </c>
      <c r="AI8371">
        <v>71260.60312</v>
      </c>
      <c r="AJ8371">
        <v>23510.059310000001</v>
      </c>
      <c r="AK8371">
        <v>35757.204030000001</v>
      </c>
      <c r="AL8371">
        <v>54749.228349999998</v>
      </c>
      <c r="AM8371">
        <v>21127.437269999999</v>
      </c>
      <c r="AN8371">
        <v>100672.1005</v>
      </c>
      <c r="AO8371">
        <v>36896.150020000001</v>
      </c>
      <c r="AP8371">
        <v>15676.01086</v>
      </c>
    </row>
    <row r="8372" spans="2:42" x14ac:dyDescent="0.3">
      <c r="B8372">
        <v>45.452770197383067</v>
      </c>
      <c r="C8372" s="83">
        <v>43449.75</v>
      </c>
      <c r="D8372">
        <v>167811.46220000001</v>
      </c>
      <c r="E8372">
        <v>26848.180769999999</v>
      </c>
      <c r="F8372">
        <v>90643.239449999994</v>
      </c>
      <c r="G8372">
        <v>44342.081769999997</v>
      </c>
      <c r="H8372">
        <v>41796.134050000001</v>
      </c>
      <c r="I8372">
        <v>34711.396130000001</v>
      </c>
      <c r="J8372">
        <v>30732.865330000001</v>
      </c>
      <c r="K8372">
        <v>41355.552380000001</v>
      </c>
      <c r="L8372">
        <v>33009.381699999998</v>
      </c>
      <c r="M8372">
        <v>231739.41899999999</v>
      </c>
      <c r="N8372">
        <v>72854.760240000003</v>
      </c>
      <c r="O8372">
        <v>22500.296579999998</v>
      </c>
      <c r="P8372">
        <v>38822.169159999998</v>
      </c>
      <c r="Q8372">
        <v>53758.02708</v>
      </c>
      <c r="R8372">
        <v>20147.715939999998</v>
      </c>
      <c r="S8372">
        <v>98974.768230000001</v>
      </c>
      <c r="T8372">
        <v>37413.360500000003</v>
      </c>
      <c r="U8372">
        <v>15480.7156</v>
      </c>
      <c r="W8372" s="83">
        <f>Bühler!N8404</f>
        <v>45640.7499999797</v>
      </c>
      <c r="X8372" s="83">
        <v>43449.75</v>
      </c>
      <c r="Y8372">
        <v>167811.46220000001</v>
      </c>
      <c r="Z8372">
        <v>26848.180769999999</v>
      </c>
      <c r="AA8372">
        <v>90643.239449999994</v>
      </c>
      <c r="AB8372">
        <v>44342.081769999997</v>
      </c>
      <c r="AC8372">
        <v>41796.134050000001</v>
      </c>
      <c r="AD8372">
        <v>34711.396130000001</v>
      </c>
      <c r="AE8372">
        <v>30732.865330000001</v>
      </c>
      <c r="AF8372">
        <v>41355.552380000001</v>
      </c>
      <c r="AG8372">
        <v>33009.381699999998</v>
      </c>
      <c r="AH8372">
        <v>231739.41899999999</v>
      </c>
      <c r="AI8372">
        <v>72854.760240000003</v>
      </c>
      <c r="AJ8372">
        <v>22500.296579999998</v>
      </c>
      <c r="AK8372">
        <v>38822.169159999998</v>
      </c>
      <c r="AL8372">
        <v>53758.02708</v>
      </c>
      <c r="AM8372">
        <v>20147.715939999998</v>
      </c>
      <c r="AN8372">
        <v>98974.768230000001</v>
      </c>
      <c r="AO8372">
        <v>37413.360500000003</v>
      </c>
      <c r="AP8372">
        <v>15480.7156</v>
      </c>
    </row>
    <row r="8373" spans="2:42" x14ac:dyDescent="0.3">
      <c r="B8373">
        <v>45.031973891963688</v>
      </c>
      <c r="C8373" s="83">
        <v>43449.791666666664</v>
      </c>
      <c r="D8373">
        <v>167612.83410000001</v>
      </c>
      <c r="E8373">
        <v>22886.662189999999</v>
      </c>
      <c r="F8373">
        <v>77854.071720000007</v>
      </c>
      <c r="G8373">
        <v>44177.350200000001</v>
      </c>
      <c r="H8373">
        <v>40443.149579999998</v>
      </c>
      <c r="I8373">
        <v>33756.175940000001</v>
      </c>
      <c r="J8373">
        <v>30072.172579999999</v>
      </c>
      <c r="K8373">
        <v>41338.780619999998</v>
      </c>
      <c r="L8373">
        <v>35114.202310000001</v>
      </c>
      <c r="M8373">
        <v>229594.00320000001</v>
      </c>
      <c r="N8373">
        <v>73910.758870000005</v>
      </c>
      <c r="O8373">
        <v>22647.994640000001</v>
      </c>
      <c r="P8373">
        <v>40282.081810000003</v>
      </c>
      <c r="Q8373">
        <v>52150.108869999996</v>
      </c>
      <c r="R8373">
        <v>20138.13982</v>
      </c>
      <c r="S8373">
        <v>96706.99523</v>
      </c>
      <c r="T8373">
        <v>35476.364350000003</v>
      </c>
      <c r="U8373">
        <v>15403.48767</v>
      </c>
      <c r="W8373" s="83">
        <f>Bühler!N8405</f>
        <v>45640.791666646364</v>
      </c>
      <c r="X8373" s="83">
        <v>43449.791666666664</v>
      </c>
      <c r="Y8373">
        <v>167612.83410000001</v>
      </c>
      <c r="Z8373">
        <v>22886.662189999999</v>
      </c>
      <c r="AA8373">
        <v>77854.071720000007</v>
      </c>
      <c r="AB8373">
        <v>44177.350200000001</v>
      </c>
      <c r="AC8373">
        <v>40443.149579999998</v>
      </c>
      <c r="AD8373">
        <v>33756.175940000001</v>
      </c>
      <c r="AE8373">
        <v>30072.172579999999</v>
      </c>
      <c r="AF8373">
        <v>41338.780619999998</v>
      </c>
      <c r="AG8373">
        <v>35114.202310000001</v>
      </c>
      <c r="AH8373">
        <v>229594.00320000001</v>
      </c>
      <c r="AI8373">
        <v>73910.758870000005</v>
      </c>
      <c r="AJ8373">
        <v>22647.994640000001</v>
      </c>
      <c r="AK8373">
        <v>40282.081810000003</v>
      </c>
      <c r="AL8373">
        <v>52150.108869999996</v>
      </c>
      <c r="AM8373">
        <v>20138.13982</v>
      </c>
      <c r="AN8373">
        <v>96706.99523</v>
      </c>
      <c r="AO8373">
        <v>35476.364350000003</v>
      </c>
      <c r="AP8373">
        <v>15403.48767</v>
      </c>
    </row>
    <row r="8374" spans="2:42" x14ac:dyDescent="0.3">
      <c r="B8374">
        <v>44.445326888846914</v>
      </c>
      <c r="C8374" s="83">
        <v>43449.833333333336</v>
      </c>
      <c r="D8374">
        <v>167251.3463</v>
      </c>
      <c r="E8374">
        <v>17560.40929</v>
      </c>
      <c r="F8374">
        <v>59991.798710000003</v>
      </c>
      <c r="G8374">
        <v>43619.004000000001</v>
      </c>
      <c r="H8374">
        <v>39677.010900000001</v>
      </c>
      <c r="I8374">
        <v>30772.643690000001</v>
      </c>
      <c r="J8374">
        <v>29605.964899999999</v>
      </c>
      <c r="K8374">
        <v>47936.45609</v>
      </c>
      <c r="L8374">
        <v>34849.811390000003</v>
      </c>
      <c r="M8374">
        <v>226603.00320000001</v>
      </c>
      <c r="N8374">
        <v>74415.09332</v>
      </c>
      <c r="O8374">
        <v>22794.634959999999</v>
      </c>
      <c r="P8374">
        <v>39760.395450000004</v>
      </c>
      <c r="Q8374">
        <v>51090.852980000003</v>
      </c>
      <c r="R8374">
        <v>21346.48978</v>
      </c>
      <c r="S8374">
        <v>89995.494000000006</v>
      </c>
      <c r="T8374">
        <v>32174.490239999999</v>
      </c>
      <c r="U8374">
        <v>15143.16461</v>
      </c>
      <c r="W8374" s="83">
        <f>Bühler!N8406</f>
        <v>45640.833333313029</v>
      </c>
      <c r="X8374" s="83">
        <v>43449.833333333336</v>
      </c>
      <c r="Y8374">
        <v>167251.3463</v>
      </c>
      <c r="Z8374">
        <v>17560.40929</v>
      </c>
      <c r="AA8374">
        <v>59991.798710000003</v>
      </c>
      <c r="AB8374">
        <v>43619.004000000001</v>
      </c>
      <c r="AC8374">
        <v>39677.010900000001</v>
      </c>
      <c r="AD8374">
        <v>30772.643690000001</v>
      </c>
      <c r="AE8374">
        <v>29605.964899999999</v>
      </c>
      <c r="AF8374">
        <v>47936.45609</v>
      </c>
      <c r="AG8374">
        <v>34849.811390000003</v>
      </c>
      <c r="AH8374">
        <v>226603.00320000001</v>
      </c>
      <c r="AI8374">
        <v>74415.09332</v>
      </c>
      <c r="AJ8374">
        <v>22794.634959999999</v>
      </c>
      <c r="AK8374">
        <v>39760.395450000004</v>
      </c>
      <c r="AL8374">
        <v>51090.852980000003</v>
      </c>
      <c r="AM8374">
        <v>21346.48978</v>
      </c>
      <c r="AN8374">
        <v>89995.494000000006</v>
      </c>
      <c r="AO8374">
        <v>32174.490239999999</v>
      </c>
      <c r="AP8374">
        <v>15143.16461</v>
      </c>
    </row>
    <row r="8375" spans="2:42" x14ac:dyDescent="0.3">
      <c r="B8375">
        <v>43.795608154265757</v>
      </c>
      <c r="C8375" s="83">
        <v>43449.875</v>
      </c>
      <c r="D8375">
        <v>166074.33259999999</v>
      </c>
      <c r="E8375">
        <v>15899.47364</v>
      </c>
      <c r="F8375">
        <v>52270.790399999998</v>
      </c>
      <c r="G8375">
        <v>43278.280480000001</v>
      </c>
      <c r="H8375">
        <v>39018.744659999997</v>
      </c>
      <c r="I8375">
        <v>27549.221890000001</v>
      </c>
      <c r="J8375">
        <v>28881.016329999999</v>
      </c>
      <c r="K8375">
        <v>48088.077039999996</v>
      </c>
      <c r="L8375">
        <v>33092.335209999997</v>
      </c>
      <c r="M8375">
        <v>223290.43410000001</v>
      </c>
      <c r="N8375">
        <v>72910.214600000007</v>
      </c>
      <c r="O8375">
        <v>22623.18446</v>
      </c>
      <c r="P8375">
        <v>38291.567320000002</v>
      </c>
      <c r="Q8375">
        <v>50639.315210000001</v>
      </c>
      <c r="R8375">
        <v>20393.774949999999</v>
      </c>
      <c r="S8375">
        <v>85951.310639999996</v>
      </c>
      <c r="T8375">
        <v>31104.155729999999</v>
      </c>
      <c r="U8375">
        <v>15145.86865</v>
      </c>
      <c r="W8375" s="83">
        <f>Bühler!N8407</f>
        <v>45640.874999979693</v>
      </c>
      <c r="X8375" s="83">
        <v>43449.875</v>
      </c>
      <c r="Y8375">
        <v>166074.33259999999</v>
      </c>
      <c r="Z8375">
        <v>15899.47364</v>
      </c>
      <c r="AA8375">
        <v>52270.790399999998</v>
      </c>
      <c r="AB8375">
        <v>43278.280480000001</v>
      </c>
      <c r="AC8375">
        <v>39018.744659999997</v>
      </c>
      <c r="AD8375">
        <v>27549.221890000001</v>
      </c>
      <c r="AE8375">
        <v>28881.016329999999</v>
      </c>
      <c r="AF8375">
        <v>48088.077039999996</v>
      </c>
      <c r="AG8375">
        <v>33092.335209999997</v>
      </c>
      <c r="AH8375">
        <v>223290.43410000001</v>
      </c>
      <c r="AI8375">
        <v>72910.214600000007</v>
      </c>
      <c r="AJ8375">
        <v>22623.18446</v>
      </c>
      <c r="AK8375">
        <v>38291.567320000002</v>
      </c>
      <c r="AL8375">
        <v>50639.315210000001</v>
      </c>
      <c r="AM8375">
        <v>20393.774949999999</v>
      </c>
      <c r="AN8375">
        <v>85951.310639999996</v>
      </c>
      <c r="AO8375">
        <v>31104.155729999999</v>
      </c>
      <c r="AP8375">
        <v>15145.86865</v>
      </c>
    </row>
    <row r="8376" spans="2:42" x14ac:dyDescent="0.3">
      <c r="B8376">
        <v>44.209423713395395</v>
      </c>
      <c r="C8376" s="83">
        <v>43449.916666666664</v>
      </c>
      <c r="D8376">
        <v>166578.84030000001</v>
      </c>
      <c r="E8376">
        <v>15893.637119999999</v>
      </c>
      <c r="F8376">
        <v>49973.035779999998</v>
      </c>
      <c r="G8376">
        <v>43356.703849999998</v>
      </c>
      <c r="H8376">
        <v>39148.911699999997</v>
      </c>
      <c r="I8376">
        <v>26500.498869999999</v>
      </c>
      <c r="J8376">
        <v>28394.140770000002</v>
      </c>
      <c r="K8376">
        <v>51013.069000000003</v>
      </c>
      <c r="L8376">
        <v>30128.63062</v>
      </c>
      <c r="M8376">
        <v>225400.25880000001</v>
      </c>
      <c r="N8376">
        <v>73076.752569999997</v>
      </c>
      <c r="O8376">
        <v>23305.897850000001</v>
      </c>
      <c r="P8376">
        <v>42524.755129999998</v>
      </c>
      <c r="Q8376">
        <v>50262.440640000001</v>
      </c>
      <c r="R8376">
        <v>26954.936259999999</v>
      </c>
      <c r="S8376">
        <v>84746.426699999996</v>
      </c>
      <c r="T8376">
        <v>30265.225149999998</v>
      </c>
      <c r="U8376">
        <v>16337.69512</v>
      </c>
      <c r="W8376" s="83">
        <f>Bühler!N8408</f>
        <v>45640.916666646357</v>
      </c>
      <c r="X8376" s="83">
        <v>43449.916666666664</v>
      </c>
      <c r="Y8376">
        <v>166578.84030000001</v>
      </c>
      <c r="Z8376">
        <v>15893.637119999999</v>
      </c>
      <c r="AA8376">
        <v>49973.035779999998</v>
      </c>
      <c r="AB8376">
        <v>43356.703849999998</v>
      </c>
      <c r="AC8376">
        <v>39148.911699999997</v>
      </c>
      <c r="AD8376">
        <v>26500.498869999999</v>
      </c>
      <c r="AE8376">
        <v>28394.140770000002</v>
      </c>
      <c r="AF8376">
        <v>51013.069000000003</v>
      </c>
      <c r="AG8376">
        <v>30128.63062</v>
      </c>
      <c r="AH8376">
        <v>225400.25880000001</v>
      </c>
      <c r="AI8376">
        <v>73076.752569999997</v>
      </c>
      <c r="AJ8376">
        <v>23305.897850000001</v>
      </c>
      <c r="AK8376">
        <v>42524.755129999998</v>
      </c>
      <c r="AL8376">
        <v>50262.440640000001</v>
      </c>
      <c r="AM8376">
        <v>26954.936259999999</v>
      </c>
      <c r="AN8376">
        <v>84746.426699999996</v>
      </c>
      <c r="AO8376">
        <v>30265.225149999998</v>
      </c>
      <c r="AP8376">
        <v>16337.69512</v>
      </c>
    </row>
    <row r="8377" spans="2:42" x14ac:dyDescent="0.3">
      <c r="B8377">
        <v>44.098938390512217</v>
      </c>
      <c r="C8377" s="83">
        <v>43449.958333333336</v>
      </c>
      <c r="D8377">
        <v>166449.56289999999</v>
      </c>
      <c r="E8377">
        <v>15707.95809</v>
      </c>
      <c r="F8377">
        <v>48628.681510000002</v>
      </c>
      <c r="G8377">
        <v>42725.840049999999</v>
      </c>
      <c r="H8377">
        <v>38754.749239999997</v>
      </c>
      <c r="I8377">
        <v>25942.234680000001</v>
      </c>
      <c r="J8377">
        <v>26560.959190000001</v>
      </c>
      <c r="K8377">
        <v>51161.273889999997</v>
      </c>
      <c r="L8377">
        <v>25554.206020000001</v>
      </c>
      <c r="M8377">
        <v>224836.95310000001</v>
      </c>
      <c r="N8377">
        <v>72116.736690000005</v>
      </c>
      <c r="O8377">
        <v>23297.54854</v>
      </c>
      <c r="P8377">
        <v>38928.752269999997</v>
      </c>
      <c r="Q8377">
        <v>50047.478309999999</v>
      </c>
      <c r="R8377">
        <v>26818.130410000002</v>
      </c>
      <c r="S8377">
        <v>83626.450679999994</v>
      </c>
      <c r="T8377">
        <v>31960.83137</v>
      </c>
      <c r="U8377">
        <v>16079.019190000001</v>
      </c>
      <c r="W8377" s="83">
        <f>Bühler!N8409</f>
        <v>45640.958333313021</v>
      </c>
      <c r="X8377" s="83">
        <v>43449.958333333336</v>
      </c>
      <c r="Y8377">
        <v>166449.56289999999</v>
      </c>
      <c r="Z8377">
        <v>15707.95809</v>
      </c>
      <c r="AA8377">
        <v>48628.681510000002</v>
      </c>
      <c r="AB8377">
        <v>42725.840049999999</v>
      </c>
      <c r="AC8377">
        <v>38754.749239999997</v>
      </c>
      <c r="AD8377">
        <v>25942.234680000001</v>
      </c>
      <c r="AE8377">
        <v>26560.959190000001</v>
      </c>
      <c r="AF8377">
        <v>51161.273889999997</v>
      </c>
      <c r="AG8377">
        <v>25554.206020000001</v>
      </c>
      <c r="AH8377">
        <v>224836.95310000001</v>
      </c>
      <c r="AI8377">
        <v>72116.736690000005</v>
      </c>
      <c r="AJ8377">
        <v>23297.54854</v>
      </c>
      <c r="AK8377">
        <v>38928.752269999997</v>
      </c>
      <c r="AL8377">
        <v>50047.478309999999</v>
      </c>
      <c r="AM8377">
        <v>26818.130410000002</v>
      </c>
      <c r="AN8377">
        <v>83626.450679999994</v>
      </c>
      <c r="AO8377">
        <v>31960.83137</v>
      </c>
      <c r="AP8377">
        <v>16079.019190000001</v>
      </c>
    </row>
    <row r="8378" spans="2:42" x14ac:dyDescent="0.3">
      <c r="B8378">
        <v>43.570928118511979</v>
      </c>
      <c r="C8378" s="83">
        <v>43450</v>
      </c>
      <c r="D8378">
        <v>166438.19289999999</v>
      </c>
      <c r="E8378">
        <v>15539.09755</v>
      </c>
      <c r="F8378">
        <v>48251.427230000001</v>
      </c>
      <c r="G8378">
        <v>43135.711960000001</v>
      </c>
      <c r="H8378">
        <v>38415.399619999997</v>
      </c>
      <c r="I8378">
        <v>24531.709009999999</v>
      </c>
      <c r="J8378">
        <v>25421.234349999999</v>
      </c>
      <c r="K8378">
        <v>49966.603600000002</v>
      </c>
      <c r="L8378">
        <v>22589.530200000001</v>
      </c>
      <c r="M8378">
        <v>222144.9105</v>
      </c>
      <c r="N8378">
        <v>70739.644780000002</v>
      </c>
      <c r="O8378">
        <v>23340.019329999999</v>
      </c>
      <c r="P8378">
        <v>35743.157370000001</v>
      </c>
      <c r="Q8378">
        <v>49969.506509999999</v>
      </c>
      <c r="R8378">
        <v>25104.65581</v>
      </c>
      <c r="S8378">
        <v>83359.513389999993</v>
      </c>
      <c r="T8378">
        <v>30168.833600000002</v>
      </c>
      <c r="U8378">
        <v>15767.208860000001</v>
      </c>
      <c r="W8378" s="83">
        <f>Bühler!N8410</f>
        <v>45640.999999979686</v>
      </c>
      <c r="X8378" s="83">
        <v>43450</v>
      </c>
      <c r="Y8378">
        <v>166438.19289999999</v>
      </c>
      <c r="Z8378">
        <v>15539.09755</v>
      </c>
      <c r="AA8378">
        <v>48251.427230000001</v>
      </c>
      <c r="AB8378">
        <v>43135.711960000001</v>
      </c>
      <c r="AC8378">
        <v>38415.399619999997</v>
      </c>
      <c r="AD8378">
        <v>24531.709009999999</v>
      </c>
      <c r="AE8378">
        <v>25421.234349999999</v>
      </c>
      <c r="AF8378">
        <v>49966.603600000002</v>
      </c>
      <c r="AG8378">
        <v>22589.530200000001</v>
      </c>
      <c r="AH8378">
        <v>222144.9105</v>
      </c>
      <c r="AI8378">
        <v>70739.644780000002</v>
      </c>
      <c r="AJ8378">
        <v>23340.019329999999</v>
      </c>
      <c r="AK8378">
        <v>35743.157370000001</v>
      </c>
      <c r="AL8378">
        <v>49969.506509999999</v>
      </c>
      <c r="AM8378">
        <v>25104.65581</v>
      </c>
      <c r="AN8378">
        <v>83359.513389999993</v>
      </c>
      <c r="AO8378">
        <v>30168.833600000002</v>
      </c>
      <c r="AP8378">
        <v>15767.208860000001</v>
      </c>
    </row>
    <row r="8379" spans="2:42" x14ac:dyDescent="0.3">
      <c r="B8379">
        <v>43.598301703162633</v>
      </c>
      <c r="C8379" s="83">
        <v>43450.041666666664</v>
      </c>
      <c r="D8379">
        <v>165997.24729999999</v>
      </c>
      <c r="E8379">
        <v>15609.141809999999</v>
      </c>
      <c r="F8379">
        <v>48852.518300000003</v>
      </c>
      <c r="G8379">
        <v>42647.942669999997</v>
      </c>
      <c r="H8379">
        <v>37979.312230000003</v>
      </c>
      <c r="I8379">
        <v>21745.411499999998</v>
      </c>
      <c r="J8379">
        <v>25397.252240000002</v>
      </c>
      <c r="K8379">
        <v>48296.12818</v>
      </c>
      <c r="L8379">
        <v>20496.09662</v>
      </c>
      <c r="M8379">
        <v>222284.47380000001</v>
      </c>
      <c r="N8379">
        <v>69749.335779999994</v>
      </c>
      <c r="O8379">
        <v>23170.708030000002</v>
      </c>
      <c r="P8379">
        <v>33096.898130000001</v>
      </c>
      <c r="Q8379">
        <v>50814.16431</v>
      </c>
      <c r="R8379">
        <v>24360.398389999998</v>
      </c>
      <c r="S8379">
        <v>81935.649890000001</v>
      </c>
      <c r="T8379">
        <v>29361.122449999999</v>
      </c>
      <c r="U8379">
        <v>15911.017949999999</v>
      </c>
      <c r="W8379" s="83">
        <f>Bühler!N8411</f>
        <v>45641.04166664635</v>
      </c>
      <c r="X8379" s="83">
        <v>43450.041666666664</v>
      </c>
      <c r="Y8379">
        <v>165997.24729999999</v>
      </c>
      <c r="Z8379">
        <v>15609.141809999999</v>
      </c>
      <c r="AA8379">
        <v>48852.518300000003</v>
      </c>
      <c r="AB8379">
        <v>42647.942669999997</v>
      </c>
      <c r="AC8379">
        <v>37979.312230000003</v>
      </c>
      <c r="AD8379">
        <v>21745.411499999998</v>
      </c>
      <c r="AE8379">
        <v>25397.252240000002</v>
      </c>
      <c r="AF8379">
        <v>48296.12818</v>
      </c>
      <c r="AG8379">
        <v>20496.09662</v>
      </c>
      <c r="AH8379">
        <v>222284.47380000001</v>
      </c>
      <c r="AI8379">
        <v>69749.335779999994</v>
      </c>
      <c r="AJ8379">
        <v>23170.708030000002</v>
      </c>
      <c r="AK8379">
        <v>33096.898130000001</v>
      </c>
      <c r="AL8379">
        <v>50814.16431</v>
      </c>
      <c r="AM8379">
        <v>24360.398389999998</v>
      </c>
      <c r="AN8379">
        <v>81935.649890000001</v>
      </c>
      <c r="AO8379">
        <v>29361.122449999999</v>
      </c>
      <c r="AP8379">
        <v>15911.017949999999</v>
      </c>
    </row>
    <row r="8380" spans="2:42" x14ac:dyDescent="0.3">
      <c r="B8380">
        <v>43.60531075208111</v>
      </c>
      <c r="C8380" s="83">
        <v>43450.083333333336</v>
      </c>
      <c r="D8380">
        <v>166124.8792</v>
      </c>
      <c r="E8380">
        <v>15446.989369999999</v>
      </c>
      <c r="F8380">
        <v>49645.899129999998</v>
      </c>
      <c r="G8380">
        <v>42473.568359999997</v>
      </c>
      <c r="H8380">
        <v>37236.683349999999</v>
      </c>
      <c r="I8380">
        <v>19592.474569999998</v>
      </c>
      <c r="J8380">
        <v>25599.797549999999</v>
      </c>
      <c r="K8380">
        <v>46564.891860000003</v>
      </c>
      <c r="L8380">
        <v>19350.617460000001</v>
      </c>
      <c r="M8380">
        <v>222320.20920000001</v>
      </c>
      <c r="N8380">
        <v>70321.805099999998</v>
      </c>
      <c r="O8380">
        <v>23364.9499</v>
      </c>
      <c r="P8380">
        <v>31337.43663</v>
      </c>
      <c r="Q8380">
        <v>52387.611669999998</v>
      </c>
      <c r="R8380">
        <v>23035.676899999999</v>
      </c>
      <c r="S8380">
        <v>81765.731620000006</v>
      </c>
      <c r="T8380">
        <v>28585.791160000001</v>
      </c>
      <c r="U8380">
        <v>16368.33181</v>
      </c>
      <c r="W8380" s="83">
        <f>Bühler!N8412</f>
        <v>45641.083333313014</v>
      </c>
      <c r="X8380" s="83">
        <v>43450.083333333336</v>
      </c>
      <c r="Y8380">
        <v>166124.8792</v>
      </c>
      <c r="Z8380">
        <v>15446.989369999999</v>
      </c>
      <c r="AA8380">
        <v>49645.899129999998</v>
      </c>
      <c r="AB8380">
        <v>42473.568359999997</v>
      </c>
      <c r="AC8380">
        <v>37236.683349999999</v>
      </c>
      <c r="AD8380">
        <v>19592.474569999998</v>
      </c>
      <c r="AE8380">
        <v>25599.797549999999</v>
      </c>
      <c r="AF8380">
        <v>46564.891860000003</v>
      </c>
      <c r="AG8380">
        <v>19350.617460000001</v>
      </c>
      <c r="AH8380">
        <v>222320.20920000001</v>
      </c>
      <c r="AI8380">
        <v>70321.805099999998</v>
      </c>
      <c r="AJ8380">
        <v>23364.9499</v>
      </c>
      <c r="AK8380">
        <v>31337.43663</v>
      </c>
      <c r="AL8380">
        <v>52387.611669999998</v>
      </c>
      <c r="AM8380">
        <v>23035.676899999999</v>
      </c>
      <c r="AN8380">
        <v>81765.731620000006</v>
      </c>
      <c r="AO8380">
        <v>28585.791160000001</v>
      </c>
      <c r="AP8380">
        <v>16368.33181</v>
      </c>
    </row>
    <row r="8381" spans="2:42" x14ac:dyDescent="0.3">
      <c r="B8381">
        <v>43.109377381060725</v>
      </c>
      <c r="C8381" s="83">
        <v>43450.125</v>
      </c>
      <c r="D8381">
        <v>165837.7243</v>
      </c>
      <c r="E8381">
        <v>15598.3226</v>
      </c>
      <c r="F8381">
        <v>48740.052810000001</v>
      </c>
      <c r="G8381">
        <v>41958.476419999999</v>
      </c>
      <c r="H8381">
        <v>37828.779049999997</v>
      </c>
      <c r="I8381">
        <v>18531.875520000001</v>
      </c>
      <c r="J8381">
        <v>25872.0913</v>
      </c>
      <c r="K8381">
        <v>45512.741600000001</v>
      </c>
      <c r="L8381">
        <v>18946.802790000002</v>
      </c>
      <c r="M8381">
        <v>219791.7096</v>
      </c>
      <c r="N8381">
        <v>71454.690919999994</v>
      </c>
      <c r="O8381">
        <v>23425.711240000001</v>
      </c>
      <c r="P8381">
        <v>31121.91229</v>
      </c>
      <c r="Q8381">
        <v>54225.712019999999</v>
      </c>
      <c r="R8381">
        <v>22926.460009999999</v>
      </c>
      <c r="S8381">
        <v>81392.076390000002</v>
      </c>
      <c r="T8381">
        <v>28441.139210000001</v>
      </c>
      <c r="U8381">
        <v>16309.899460000001</v>
      </c>
      <c r="W8381" s="83">
        <f>Bühler!N8413</f>
        <v>45641.124999979678</v>
      </c>
      <c r="X8381" s="83">
        <v>43450.125</v>
      </c>
      <c r="Y8381">
        <v>165837.7243</v>
      </c>
      <c r="Z8381">
        <v>15598.3226</v>
      </c>
      <c r="AA8381">
        <v>48740.052810000001</v>
      </c>
      <c r="AB8381">
        <v>41958.476419999999</v>
      </c>
      <c r="AC8381">
        <v>37828.779049999997</v>
      </c>
      <c r="AD8381">
        <v>18531.875520000001</v>
      </c>
      <c r="AE8381">
        <v>25872.0913</v>
      </c>
      <c r="AF8381">
        <v>45512.741600000001</v>
      </c>
      <c r="AG8381">
        <v>18946.802790000002</v>
      </c>
      <c r="AH8381">
        <v>219791.7096</v>
      </c>
      <c r="AI8381">
        <v>71454.690919999994</v>
      </c>
      <c r="AJ8381">
        <v>23425.711240000001</v>
      </c>
      <c r="AK8381">
        <v>31121.91229</v>
      </c>
      <c r="AL8381">
        <v>54225.712019999999</v>
      </c>
      <c r="AM8381">
        <v>22926.460009999999</v>
      </c>
      <c r="AN8381">
        <v>81392.076390000002</v>
      </c>
      <c r="AO8381">
        <v>28441.139210000001</v>
      </c>
      <c r="AP8381">
        <v>16309.899460000001</v>
      </c>
    </row>
    <row r="8382" spans="2:42" x14ac:dyDescent="0.3">
      <c r="B8382">
        <v>43.213045516643099</v>
      </c>
      <c r="C8382" s="83">
        <v>43450.166666666664</v>
      </c>
      <c r="D8382">
        <v>164893.54010000001</v>
      </c>
      <c r="E8382">
        <v>15573.89769</v>
      </c>
      <c r="F8382">
        <v>50187.819439999999</v>
      </c>
      <c r="G8382">
        <v>41051.677539999997</v>
      </c>
      <c r="H8382">
        <v>38249.735719999997</v>
      </c>
      <c r="I8382">
        <v>19163.936440000001</v>
      </c>
      <c r="J8382">
        <v>26929.920569999998</v>
      </c>
      <c r="K8382">
        <v>43681.358569999997</v>
      </c>
      <c r="L8382">
        <v>19000.001660000002</v>
      </c>
      <c r="M8382">
        <v>220320.25810000001</v>
      </c>
      <c r="N8382">
        <v>70733.450519999999</v>
      </c>
      <c r="O8382">
        <v>23762.090069999998</v>
      </c>
      <c r="P8382">
        <v>30334.847249999999</v>
      </c>
      <c r="Q8382">
        <v>54421.448049999999</v>
      </c>
      <c r="R8382">
        <v>22766.976170000002</v>
      </c>
      <c r="S8382">
        <v>82009.744420000003</v>
      </c>
      <c r="T8382">
        <v>28252.67786</v>
      </c>
      <c r="U8382">
        <v>16421.993460000002</v>
      </c>
      <c r="W8382" s="83">
        <f>Bühler!N8414</f>
        <v>45641.166666646342</v>
      </c>
      <c r="X8382" s="83">
        <v>43450.166666666664</v>
      </c>
      <c r="Y8382">
        <v>164893.54010000001</v>
      </c>
      <c r="Z8382">
        <v>15573.89769</v>
      </c>
      <c r="AA8382">
        <v>50187.819439999999</v>
      </c>
      <c r="AB8382">
        <v>41051.677539999997</v>
      </c>
      <c r="AC8382">
        <v>38249.735719999997</v>
      </c>
      <c r="AD8382">
        <v>19163.936440000001</v>
      </c>
      <c r="AE8382">
        <v>26929.920569999998</v>
      </c>
      <c r="AF8382">
        <v>43681.358569999997</v>
      </c>
      <c r="AG8382">
        <v>19000.001660000002</v>
      </c>
      <c r="AH8382">
        <v>220320.25810000001</v>
      </c>
      <c r="AI8382">
        <v>70733.450519999999</v>
      </c>
      <c r="AJ8382">
        <v>23762.090069999998</v>
      </c>
      <c r="AK8382">
        <v>30334.847249999999</v>
      </c>
      <c r="AL8382">
        <v>54421.448049999999</v>
      </c>
      <c r="AM8382">
        <v>22766.976170000002</v>
      </c>
      <c r="AN8382">
        <v>82009.744420000003</v>
      </c>
      <c r="AO8382">
        <v>28252.67786</v>
      </c>
      <c r="AP8382">
        <v>16421.993460000002</v>
      </c>
    </row>
    <row r="8383" spans="2:42" x14ac:dyDescent="0.3">
      <c r="B8383">
        <v>43.583647276715766</v>
      </c>
      <c r="C8383" s="83">
        <v>43450.208333333336</v>
      </c>
      <c r="D8383">
        <v>165033.2752</v>
      </c>
      <c r="E8383">
        <v>16027.37658</v>
      </c>
      <c r="F8383">
        <v>52959.509359999996</v>
      </c>
      <c r="G8383">
        <v>41329.010219999996</v>
      </c>
      <c r="H8383">
        <v>38109.06495</v>
      </c>
      <c r="I8383">
        <v>23666.921030000001</v>
      </c>
      <c r="J8383">
        <v>28662.683300000001</v>
      </c>
      <c r="K8383">
        <v>42665.941800000001</v>
      </c>
      <c r="L8383">
        <v>19443.661189999999</v>
      </c>
      <c r="M8383">
        <v>222209.75870000001</v>
      </c>
      <c r="N8383">
        <v>70042.77059</v>
      </c>
      <c r="O8383">
        <v>23835.714980000001</v>
      </c>
      <c r="P8383">
        <v>31380.871230000001</v>
      </c>
      <c r="Q8383">
        <v>55068.377869999997</v>
      </c>
      <c r="R8383">
        <v>22326.399109999998</v>
      </c>
      <c r="S8383">
        <v>83390.030209999997</v>
      </c>
      <c r="T8383">
        <v>28743.684109999998</v>
      </c>
      <c r="U8383">
        <v>16268.22544</v>
      </c>
      <c r="W8383" s="83">
        <f>Bühler!N8415</f>
        <v>45641.208333313007</v>
      </c>
      <c r="X8383" s="83">
        <v>43450.208333333336</v>
      </c>
      <c r="Y8383">
        <v>165033.2752</v>
      </c>
      <c r="Z8383">
        <v>16027.37658</v>
      </c>
      <c r="AA8383">
        <v>52959.509359999996</v>
      </c>
      <c r="AB8383">
        <v>41329.010219999996</v>
      </c>
      <c r="AC8383">
        <v>38109.06495</v>
      </c>
      <c r="AD8383">
        <v>23666.921030000001</v>
      </c>
      <c r="AE8383">
        <v>28662.683300000001</v>
      </c>
      <c r="AF8383">
        <v>42665.941800000001</v>
      </c>
      <c r="AG8383">
        <v>19443.661189999999</v>
      </c>
      <c r="AH8383">
        <v>222209.75870000001</v>
      </c>
      <c r="AI8383">
        <v>70042.77059</v>
      </c>
      <c r="AJ8383">
        <v>23835.714980000001</v>
      </c>
      <c r="AK8383">
        <v>31380.871230000001</v>
      </c>
      <c r="AL8383">
        <v>55068.377869999997</v>
      </c>
      <c r="AM8383">
        <v>22326.399109999998</v>
      </c>
      <c r="AN8383">
        <v>83390.030209999997</v>
      </c>
      <c r="AO8383">
        <v>28743.684109999998</v>
      </c>
      <c r="AP8383">
        <v>16268.22544</v>
      </c>
    </row>
    <row r="8384" spans="2:42" x14ac:dyDescent="0.3">
      <c r="B8384">
        <v>44.145144618856101</v>
      </c>
      <c r="C8384" s="83">
        <v>43450.25</v>
      </c>
      <c r="D8384">
        <v>165712.04629999999</v>
      </c>
      <c r="E8384">
        <v>16171.00894</v>
      </c>
      <c r="F8384">
        <v>57280.959139999999</v>
      </c>
      <c r="G8384">
        <v>42161.564270000003</v>
      </c>
      <c r="H8384">
        <v>38166.397599999997</v>
      </c>
      <c r="I8384">
        <v>26141.195889999999</v>
      </c>
      <c r="J8384">
        <v>30947.089459999999</v>
      </c>
      <c r="K8384">
        <v>41904.259469999997</v>
      </c>
      <c r="L8384">
        <v>19933.121159999999</v>
      </c>
      <c r="M8384">
        <v>225072.53400000001</v>
      </c>
      <c r="N8384">
        <v>69442.286949999994</v>
      </c>
      <c r="O8384">
        <v>23488.582839999999</v>
      </c>
      <c r="P8384">
        <v>30807.294760000001</v>
      </c>
      <c r="Q8384">
        <v>55181.760820000003</v>
      </c>
      <c r="R8384">
        <v>17742.702120000002</v>
      </c>
      <c r="S8384">
        <v>87768.785950000005</v>
      </c>
      <c r="T8384">
        <v>29969.047869999999</v>
      </c>
      <c r="U8384">
        <v>15608.777679999999</v>
      </c>
      <c r="W8384" s="83">
        <f>Bühler!N8416</f>
        <v>45641.249999979671</v>
      </c>
      <c r="X8384" s="83">
        <v>43450.25</v>
      </c>
      <c r="Y8384">
        <v>165712.04629999999</v>
      </c>
      <c r="Z8384">
        <v>16171.00894</v>
      </c>
      <c r="AA8384">
        <v>57280.959139999999</v>
      </c>
      <c r="AB8384">
        <v>42161.564270000003</v>
      </c>
      <c r="AC8384">
        <v>38166.397599999997</v>
      </c>
      <c r="AD8384">
        <v>26141.195889999999</v>
      </c>
      <c r="AE8384">
        <v>30947.089459999999</v>
      </c>
      <c r="AF8384">
        <v>41904.259469999997</v>
      </c>
      <c r="AG8384">
        <v>19933.121159999999</v>
      </c>
      <c r="AH8384">
        <v>225072.53400000001</v>
      </c>
      <c r="AI8384">
        <v>69442.286949999994</v>
      </c>
      <c r="AJ8384">
        <v>23488.582839999999</v>
      </c>
      <c r="AK8384">
        <v>30807.294760000001</v>
      </c>
      <c r="AL8384">
        <v>55181.760820000003</v>
      </c>
      <c r="AM8384">
        <v>17742.702120000002</v>
      </c>
      <c r="AN8384">
        <v>87768.785950000005</v>
      </c>
      <c r="AO8384">
        <v>29969.047869999999</v>
      </c>
      <c r="AP8384">
        <v>15608.777679999999</v>
      </c>
    </row>
    <row r="8385" spans="2:42" x14ac:dyDescent="0.3">
      <c r="B8385">
        <v>43.651171092096682</v>
      </c>
      <c r="C8385" s="83">
        <v>43450.291666666664</v>
      </c>
      <c r="D8385">
        <v>165227.81659999999</v>
      </c>
      <c r="E8385">
        <v>16749.00417</v>
      </c>
      <c r="F8385">
        <v>60917.871850000003</v>
      </c>
      <c r="G8385">
        <v>42706.358690000001</v>
      </c>
      <c r="H8385">
        <v>39349.72754</v>
      </c>
      <c r="I8385">
        <v>28052.153630000001</v>
      </c>
      <c r="J8385">
        <v>31790.08221</v>
      </c>
      <c r="K8385">
        <v>40931.040000000001</v>
      </c>
      <c r="L8385">
        <v>22069.84404</v>
      </c>
      <c r="M8385">
        <v>222554.02660000001</v>
      </c>
      <c r="N8385">
        <v>70027.693159999995</v>
      </c>
      <c r="O8385">
        <v>23341.089</v>
      </c>
      <c r="P8385">
        <v>32239.765670000001</v>
      </c>
      <c r="Q8385">
        <v>55141.956169999998</v>
      </c>
      <c r="R8385">
        <v>17922.207460000001</v>
      </c>
      <c r="S8385">
        <v>94892.635049999997</v>
      </c>
      <c r="T8385">
        <v>29491.069070000001</v>
      </c>
      <c r="U8385">
        <v>15748.577520000001</v>
      </c>
      <c r="W8385" s="83">
        <f>Bühler!N8417</f>
        <v>45641.291666646335</v>
      </c>
      <c r="X8385" s="83">
        <v>43450.291666666664</v>
      </c>
      <c r="Y8385">
        <v>165227.81659999999</v>
      </c>
      <c r="Z8385">
        <v>16749.00417</v>
      </c>
      <c r="AA8385">
        <v>60917.871850000003</v>
      </c>
      <c r="AB8385">
        <v>42706.358690000001</v>
      </c>
      <c r="AC8385">
        <v>39349.72754</v>
      </c>
      <c r="AD8385">
        <v>28052.153630000001</v>
      </c>
      <c r="AE8385">
        <v>31790.08221</v>
      </c>
      <c r="AF8385">
        <v>40931.040000000001</v>
      </c>
      <c r="AG8385">
        <v>22069.84404</v>
      </c>
      <c r="AH8385">
        <v>222554.02660000001</v>
      </c>
      <c r="AI8385">
        <v>70027.693159999995</v>
      </c>
      <c r="AJ8385">
        <v>23341.089</v>
      </c>
      <c r="AK8385">
        <v>32239.765670000001</v>
      </c>
      <c r="AL8385">
        <v>55141.956169999998</v>
      </c>
      <c r="AM8385">
        <v>17922.207460000001</v>
      </c>
      <c r="AN8385">
        <v>94892.635049999997</v>
      </c>
      <c r="AO8385">
        <v>29491.069070000001</v>
      </c>
      <c r="AP8385">
        <v>15748.577520000001</v>
      </c>
    </row>
    <row r="8386" spans="2:42" x14ac:dyDescent="0.3">
      <c r="B8386">
        <v>43.231450659230347</v>
      </c>
      <c r="C8386" s="83">
        <v>43450.333333333336</v>
      </c>
      <c r="D8386">
        <v>164696.46969999999</v>
      </c>
      <c r="E8386">
        <v>17796.626189999999</v>
      </c>
      <c r="F8386">
        <v>63494.479480000002</v>
      </c>
      <c r="G8386">
        <v>41868.263220000001</v>
      </c>
      <c r="H8386">
        <v>39007.386810000004</v>
      </c>
      <c r="I8386">
        <v>28537.297159999998</v>
      </c>
      <c r="J8386">
        <v>31179.2019</v>
      </c>
      <c r="K8386">
        <v>41500.369350000001</v>
      </c>
      <c r="L8386">
        <v>24307.218669999998</v>
      </c>
      <c r="M8386">
        <v>220414.0961</v>
      </c>
      <c r="N8386">
        <v>72927.995710000003</v>
      </c>
      <c r="O8386">
        <v>23532.4643</v>
      </c>
      <c r="P8386">
        <v>34582.101490000001</v>
      </c>
      <c r="Q8386">
        <v>53770.10441</v>
      </c>
      <c r="R8386">
        <v>17033.9784</v>
      </c>
      <c r="S8386">
        <v>97866.784409999993</v>
      </c>
      <c r="T8386">
        <v>32189.73198</v>
      </c>
      <c r="U8386">
        <v>15602.02535</v>
      </c>
      <c r="W8386" s="83">
        <f>Bühler!N8418</f>
        <v>45641.333333312999</v>
      </c>
      <c r="X8386" s="83">
        <v>43450.333333333336</v>
      </c>
      <c r="Y8386">
        <v>164696.46969999999</v>
      </c>
      <c r="Z8386">
        <v>17796.626189999999</v>
      </c>
      <c r="AA8386">
        <v>63494.479480000002</v>
      </c>
      <c r="AB8386">
        <v>41868.263220000001</v>
      </c>
      <c r="AC8386">
        <v>39007.386810000004</v>
      </c>
      <c r="AD8386">
        <v>28537.297159999998</v>
      </c>
      <c r="AE8386">
        <v>31179.2019</v>
      </c>
      <c r="AF8386">
        <v>41500.369350000001</v>
      </c>
      <c r="AG8386">
        <v>24307.218669999998</v>
      </c>
      <c r="AH8386">
        <v>220414.0961</v>
      </c>
      <c r="AI8386">
        <v>72927.995710000003</v>
      </c>
      <c r="AJ8386">
        <v>23532.4643</v>
      </c>
      <c r="AK8386">
        <v>34582.101490000001</v>
      </c>
      <c r="AL8386">
        <v>53770.10441</v>
      </c>
      <c r="AM8386">
        <v>17033.9784</v>
      </c>
      <c r="AN8386">
        <v>97866.784409999993</v>
      </c>
      <c r="AO8386">
        <v>32189.73198</v>
      </c>
      <c r="AP8386">
        <v>15602.02535</v>
      </c>
    </row>
    <row r="8387" spans="2:42" x14ac:dyDescent="0.3">
      <c r="B8387">
        <v>42.625898284667493</v>
      </c>
      <c r="C8387" s="83">
        <v>43450.375</v>
      </c>
      <c r="D8387">
        <v>163177.86309999999</v>
      </c>
      <c r="E8387">
        <v>19546.545969999999</v>
      </c>
      <c r="F8387">
        <v>68262.964890000003</v>
      </c>
      <c r="G8387">
        <v>41772.329519999999</v>
      </c>
      <c r="H8387">
        <v>38484.17136</v>
      </c>
      <c r="I8387">
        <v>28001.20607</v>
      </c>
      <c r="J8387">
        <v>30248.476210000001</v>
      </c>
      <c r="K8387">
        <v>43175.910239999997</v>
      </c>
      <c r="L8387">
        <v>27308.327150000001</v>
      </c>
      <c r="M8387">
        <v>217326.7077</v>
      </c>
      <c r="N8387">
        <v>73616.814429999999</v>
      </c>
      <c r="O8387">
        <v>23024.792229999999</v>
      </c>
      <c r="P8387">
        <v>37574.122430000003</v>
      </c>
      <c r="Q8387">
        <v>53577.231570000004</v>
      </c>
      <c r="R8387">
        <v>18289.638940000001</v>
      </c>
      <c r="S8387">
        <v>99838.048110000003</v>
      </c>
      <c r="T8387">
        <v>34091.232060000002</v>
      </c>
      <c r="U8387">
        <v>15107.492459999999</v>
      </c>
      <c r="W8387" s="83">
        <f>Bühler!N8419</f>
        <v>45641.374999979664</v>
      </c>
      <c r="X8387" s="83">
        <v>43450.375</v>
      </c>
      <c r="Y8387">
        <v>163177.86309999999</v>
      </c>
      <c r="Z8387">
        <v>19546.545969999999</v>
      </c>
      <c r="AA8387">
        <v>68262.964890000003</v>
      </c>
      <c r="AB8387">
        <v>41772.329519999999</v>
      </c>
      <c r="AC8387">
        <v>38484.17136</v>
      </c>
      <c r="AD8387">
        <v>28001.20607</v>
      </c>
      <c r="AE8387">
        <v>30248.476210000001</v>
      </c>
      <c r="AF8387">
        <v>43175.910239999997</v>
      </c>
      <c r="AG8387">
        <v>27308.327150000001</v>
      </c>
      <c r="AH8387">
        <v>217326.7077</v>
      </c>
      <c r="AI8387">
        <v>73616.814429999999</v>
      </c>
      <c r="AJ8387">
        <v>23024.792229999999</v>
      </c>
      <c r="AK8387">
        <v>37574.122430000003</v>
      </c>
      <c r="AL8387">
        <v>53577.231570000004</v>
      </c>
      <c r="AM8387">
        <v>18289.638940000001</v>
      </c>
      <c r="AN8387">
        <v>99838.048110000003</v>
      </c>
      <c r="AO8387">
        <v>34091.232060000002</v>
      </c>
      <c r="AP8387">
        <v>15107.492459999999</v>
      </c>
    </row>
    <row r="8388" spans="2:42" x14ac:dyDescent="0.3">
      <c r="B8388">
        <v>43.028139480833438</v>
      </c>
      <c r="C8388" s="83">
        <v>43450.416666666664</v>
      </c>
      <c r="D8388">
        <v>162298.23430000001</v>
      </c>
      <c r="E8388">
        <v>21865.293799999999</v>
      </c>
      <c r="F8388">
        <v>69711.581909999994</v>
      </c>
      <c r="G8388">
        <v>41625.995770000001</v>
      </c>
      <c r="H8388">
        <v>39281.424370000001</v>
      </c>
      <c r="I8388">
        <v>27871.042799999999</v>
      </c>
      <c r="J8388">
        <v>29246.70665</v>
      </c>
      <c r="K8388">
        <v>45428.612719999997</v>
      </c>
      <c r="L8388">
        <v>28917.392059999998</v>
      </c>
      <c r="M8388">
        <v>219377.5209</v>
      </c>
      <c r="N8388">
        <v>73147.631340000007</v>
      </c>
      <c r="O8388">
        <v>23880.46486</v>
      </c>
      <c r="P8388">
        <v>38305.913589999996</v>
      </c>
      <c r="Q8388">
        <v>52762.181949999998</v>
      </c>
      <c r="R8388">
        <v>18599.94731</v>
      </c>
      <c r="S8388">
        <v>97914.788230000006</v>
      </c>
      <c r="T8388">
        <v>35633.483699999997</v>
      </c>
      <c r="U8388">
        <v>15372.62254</v>
      </c>
      <c r="W8388" s="83">
        <f>Bühler!N8420</f>
        <v>45641.416666646328</v>
      </c>
      <c r="X8388" s="83">
        <v>43450.416666666664</v>
      </c>
      <c r="Y8388">
        <v>162298.23430000001</v>
      </c>
      <c r="Z8388">
        <v>21865.293799999999</v>
      </c>
      <c r="AA8388">
        <v>69711.581909999994</v>
      </c>
      <c r="AB8388">
        <v>41625.995770000001</v>
      </c>
      <c r="AC8388">
        <v>39281.424370000001</v>
      </c>
      <c r="AD8388">
        <v>27871.042799999999</v>
      </c>
      <c r="AE8388">
        <v>29246.70665</v>
      </c>
      <c r="AF8388">
        <v>45428.612719999997</v>
      </c>
      <c r="AG8388">
        <v>28917.392059999998</v>
      </c>
      <c r="AH8388">
        <v>219377.5209</v>
      </c>
      <c r="AI8388">
        <v>73147.631340000007</v>
      </c>
      <c r="AJ8388">
        <v>23880.46486</v>
      </c>
      <c r="AK8388">
        <v>38305.913589999996</v>
      </c>
      <c r="AL8388">
        <v>52762.181949999998</v>
      </c>
      <c r="AM8388">
        <v>18599.94731</v>
      </c>
      <c r="AN8388">
        <v>97914.788230000006</v>
      </c>
      <c r="AO8388">
        <v>35633.483699999997</v>
      </c>
      <c r="AP8388">
        <v>15372.62254</v>
      </c>
    </row>
    <row r="8389" spans="2:42" x14ac:dyDescent="0.3">
      <c r="B8389">
        <v>41.963379387130871</v>
      </c>
      <c r="C8389" s="83">
        <v>43450.458333333336</v>
      </c>
      <c r="D8389">
        <v>162006.03099999999</v>
      </c>
      <c r="E8389">
        <v>22083.671020000002</v>
      </c>
      <c r="F8389">
        <v>69050.875270000004</v>
      </c>
      <c r="G8389">
        <v>41547.53211</v>
      </c>
      <c r="H8389">
        <v>39409.616929999997</v>
      </c>
      <c r="I8389">
        <v>27205.788369999998</v>
      </c>
      <c r="J8389">
        <v>29064.539809999998</v>
      </c>
      <c r="K8389">
        <v>47842.681490000003</v>
      </c>
      <c r="L8389">
        <v>30831.474869999998</v>
      </c>
      <c r="M8389">
        <v>213948.8774</v>
      </c>
      <c r="N8389">
        <v>71929.718919999999</v>
      </c>
      <c r="O8389">
        <v>24267.87311</v>
      </c>
      <c r="P8389">
        <v>37269.472779999996</v>
      </c>
      <c r="Q8389">
        <v>52189.43363</v>
      </c>
      <c r="R8389">
        <v>18883.29192</v>
      </c>
      <c r="S8389">
        <v>99338.216539999994</v>
      </c>
      <c r="T8389">
        <v>35493.869319999998</v>
      </c>
      <c r="U8389">
        <v>14957.01799</v>
      </c>
      <c r="W8389" s="83">
        <f>Bühler!N8421</f>
        <v>45641.458333312992</v>
      </c>
      <c r="X8389" s="83">
        <v>43450.458333333336</v>
      </c>
      <c r="Y8389">
        <v>162006.03099999999</v>
      </c>
      <c r="Z8389">
        <v>22083.671020000002</v>
      </c>
      <c r="AA8389">
        <v>69050.875270000004</v>
      </c>
      <c r="AB8389">
        <v>41547.53211</v>
      </c>
      <c r="AC8389">
        <v>39409.616929999997</v>
      </c>
      <c r="AD8389">
        <v>27205.788369999998</v>
      </c>
      <c r="AE8389">
        <v>29064.539809999998</v>
      </c>
      <c r="AF8389">
        <v>47842.681490000003</v>
      </c>
      <c r="AG8389">
        <v>30831.474869999998</v>
      </c>
      <c r="AH8389">
        <v>213948.8774</v>
      </c>
      <c r="AI8389">
        <v>71929.718919999999</v>
      </c>
      <c r="AJ8389">
        <v>24267.87311</v>
      </c>
      <c r="AK8389">
        <v>37269.472779999996</v>
      </c>
      <c r="AL8389">
        <v>52189.43363</v>
      </c>
      <c r="AM8389">
        <v>18883.29192</v>
      </c>
      <c r="AN8389">
        <v>99338.216539999994</v>
      </c>
      <c r="AO8389">
        <v>35493.869319999998</v>
      </c>
      <c r="AP8389">
        <v>14957.01799</v>
      </c>
    </row>
    <row r="8390" spans="2:42" x14ac:dyDescent="0.3">
      <c r="B8390">
        <v>42.188593897335828</v>
      </c>
      <c r="C8390" s="83">
        <v>43450.5</v>
      </c>
      <c r="D8390">
        <v>160779.66940000001</v>
      </c>
      <c r="E8390">
        <v>21205.42843</v>
      </c>
      <c r="F8390">
        <v>67237.901670000007</v>
      </c>
      <c r="G8390">
        <v>40892.248420000004</v>
      </c>
      <c r="H8390">
        <v>38183.52317</v>
      </c>
      <c r="I8390">
        <v>27530.475170000002</v>
      </c>
      <c r="J8390">
        <v>29476.640579999999</v>
      </c>
      <c r="K8390">
        <v>47783.928890000003</v>
      </c>
      <c r="L8390">
        <v>31628.07459</v>
      </c>
      <c r="M8390">
        <v>215097.12599999999</v>
      </c>
      <c r="N8390">
        <v>70691.109769999995</v>
      </c>
      <c r="O8390">
        <v>23786.162980000001</v>
      </c>
      <c r="P8390">
        <v>36470.984859999997</v>
      </c>
      <c r="Q8390">
        <v>50746.35628</v>
      </c>
      <c r="R8390">
        <v>19281.161940000002</v>
      </c>
      <c r="S8390">
        <v>94007.393649999998</v>
      </c>
      <c r="T8390">
        <v>35062.602610000002</v>
      </c>
      <c r="U8390">
        <v>14767.003650000001</v>
      </c>
      <c r="W8390" s="83">
        <f>Bühler!N8422</f>
        <v>45641.499999979656</v>
      </c>
      <c r="X8390" s="83">
        <v>43450.5</v>
      </c>
      <c r="Y8390">
        <v>160779.66940000001</v>
      </c>
      <c r="Z8390">
        <v>21205.42843</v>
      </c>
      <c r="AA8390">
        <v>67237.901670000007</v>
      </c>
      <c r="AB8390">
        <v>40892.248420000004</v>
      </c>
      <c r="AC8390">
        <v>38183.52317</v>
      </c>
      <c r="AD8390">
        <v>27530.475170000002</v>
      </c>
      <c r="AE8390">
        <v>29476.640579999999</v>
      </c>
      <c r="AF8390">
        <v>47783.928890000003</v>
      </c>
      <c r="AG8390">
        <v>31628.07459</v>
      </c>
      <c r="AH8390">
        <v>215097.12599999999</v>
      </c>
      <c r="AI8390">
        <v>70691.109769999995</v>
      </c>
      <c r="AJ8390">
        <v>23786.162980000001</v>
      </c>
      <c r="AK8390">
        <v>36470.984859999997</v>
      </c>
      <c r="AL8390">
        <v>50746.35628</v>
      </c>
      <c r="AM8390">
        <v>19281.161940000002</v>
      </c>
      <c r="AN8390">
        <v>94007.393649999998</v>
      </c>
      <c r="AO8390">
        <v>35062.602610000002</v>
      </c>
      <c r="AP8390">
        <v>14767.003650000001</v>
      </c>
    </row>
    <row r="8391" spans="2:42" x14ac:dyDescent="0.3">
      <c r="B8391">
        <v>42.289727859083669</v>
      </c>
      <c r="C8391" s="83">
        <v>43450.541666666664</v>
      </c>
      <c r="D8391">
        <v>159914.36559999999</v>
      </c>
      <c r="E8391">
        <v>20776.057000000001</v>
      </c>
      <c r="F8391">
        <v>57477.937810000003</v>
      </c>
      <c r="G8391">
        <v>40530.906349999997</v>
      </c>
      <c r="H8391">
        <v>37941.569620000002</v>
      </c>
      <c r="I8391">
        <v>28278.41087</v>
      </c>
      <c r="J8391">
        <v>28577.94369</v>
      </c>
      <c r="K8391">
        <v>47436.400629999996</v>
      </c>
      <c r="L8391">
        <v>31408.598269999999</v>
      </c>
      <c r="M8391">
        <v>215612.75409999999</v>
      </c>
      <c r="N8391">
        <v>70482.333620000005</v>
      </c>
      <c r="O8391">
        <v>23463.823639999999</v>
      </c>
      <c r="P8391">
        <v>34900.673069999997</v>
      </c>
      <c r="Q8391">
        <v>49337.228360000001</v>
      </c>
      <c r="R8391">
        <v>20092.258949999999</v>
      </c>
      <c r="S8391">
        <v>95050.703710000002</v>
      </c>
      <c r="T8391">
        <v>34379.585890000002</v>
      </c>
      <c r="U8391">
        <v>14138.92497</v>
      </c>
      <c r="W8391" s="83">
        <f>Bühler!N8423</f>
        <v>45641.541666646321</v>
      </c>
      <c r="X8391" s="83">
        <v>43450.541666666664</v>
      </c>
      <c r="Y8391">
        <v>159914.36559999999</v>
      </c>
      <c r="Z8391">
        <v>20776.057000000001</v>
      </c>
      <c r="AA8391">
        <v>57477.937810000003</v>
      </c>
      <c r="AB8391">
        <v>40530.906349999997</v>
      </c>
      <c r="AC8391">
        <v>37941.569620000002</v>
      </c>
      <c r="AD8391">
        <v>28278.41087</v>
      </c>
      <c r="AE8391">
        <v>28577.94369</v>
      </c>
      <c r="AF8391">
        <v>47436.400629999996</v>
      </c>
      <c r="AG8391">
        <v>31408.598269999999</v>
      </c>
      <c r="AH8391">
        <v>215612.75409999999</v>
      </c>
      <c r="AI8391">
        <v>70482.333620000005</v>
      </c>
      <c r="AJ8391">
        <v>23463.823639999999</v>
      </c>
      <c r="AK8391">
        <v>34900.673069999997</v>
      </c>
      <c r="AL8391">
        <v>49337.228360000001</v>
      </c>
      <c r="AM8391">
        <v>20092.258949999999</v>
      </c>
      <c r="AN8391">
        <v>95050.703710000002</v>
      </c>
      <c r="AO8391">
        <v>34379.585890000002</v>
      </c>
      <c r="AP8391">
        <v>14138.92497</v>
      </c>
    </row>
    <row r="8392" spans="2:42" x14ac:dyDescent="0.3">
      <c r="B8392">
        <v>42.397371543123278</v>
      </c>
      <c r="C8392" s="83">
        <v>43450.583333333336</v>
      </c>
      <c r="D8392">
        <v>159743.47560000001</v>
      </c>
      <c r="E8392">
        <v>21528.674910000002</v>
      </c>
      <c r="F8392">
        <v>56163.478020000002</v>
      </c>
      <c r="G8392">
        <v>39934.611530000002</v>
      </c>
      <c r="H8392">
        <v>37849.158689999997</v>
      </c>
      <c r="I8392">
        <v>28829.535960000001</v>
      </c>
      <c r="J8392">
        <v>27767.354090000001</v>
      </c>
      <c r="K8392">
        <v>44421.308449999997</v>
      </c>
      <c r="L8392">
        <v>29431.389569999999</v>
      </c>
      <c r="M8392">
        <v>216161.57180000001</v>
      </c>
      <c r="N8392">
        <v>70634.740220000007</v>
      </c>
      <c r="O8392">
        <v>23098.311969999999</v>
      </c>
      <c r="P8392">
        <v>34542.476089999996</v>
      </c>
      <c r="Q8392">
        <v>49399.845759999997</v>
      </c>
      <c r="R8392">
        <v>19309.875250000001</v>
      </c>
      <c r="S8392">
        <v>91695.613519999999</v>
      </c>
      <c r="T8392">
        <v>34266.197110000001</v>
      </c>
      <c r="U8392">
        <v>14092.69493</v>
      </c>
      <c r="W8392" s="83">
        <f>Bühler!N8424</f>
        <v>45641.583333312985</v>
      </c>
      <c r="X8392" s="83">
        <v>43450.583333333336</v>
      </c>
      <c r="Y8392">
        <v>159743.47560000001</v>
      </c>
      <c r="Z8392">
        <v>21528.674910000002</v>
      </c>
      <c r="AA8392">
        <v>56163.478020000002</v>
      </c>
      <c r="AB8392">
        <v>39934.611530000002</v>
      </c>
      <c r="AC8392">
        <v>37849.158689999997</v>
      </c>
      <c r="AD8392">
        <v>28829.535960000001</v>
      </c>
      <c r="AE8392">
        <v>27767.354090000001</v>
      </c>
      <c r="AF8392">
        <v>44421.308449999997</v>
      </c>
      <c r="AG8392">
        <v>29431.389569999999</v>
      </c>
      <c r="AH8392">
        <v>216161.57180000001</v>
      </c>
      <c r="AI8392">
        <v>70634.740220000007</v>
      </c>
      <c r="AJ8392">
        <v>23098.311969999999</v>
      </c>
      <c r="AK8392">
        <v>34542.476089999996</v>
      </c>
      <c r="AL8392">
        <v>49399.845759999997</v>
      </c>
      <c r="AM8392">
        <v>19309.875250000001</v>
      </c>
      <c r="AN8392">
        <v>91695.613519999999</v>
      </c>
      <c r="AO8392">
        <v>34266.197110000001</v>
      </c>
      <c r="AP8392">
        <v>14092.69493</v>
      </c>
    </row>
    <row r="8393" spans="2:42" x14ac:dyDescent="0.3">
      <c r="B8393">
        <v>42.215998824745121</v>
      </c>
      <c r="C8393" s="83">
        <v>43450.625</v>
      </c>
      <c r="D8393">
        <v>160307.459</v>
      </c>
      <c r="E8393">
        <v>21749.37701</v>
      </c>
      <c r="F8393">
        <v>55291.675239999997</v>
      </c>
      <c r="G8393">
        <v>40205.337229999997</v>
      </c>
      <c r="H8393">
        <v>37305.758070000003</v>
      </c>
      <c r="I8393">
        <v>29842.540980000002</v>
      </c>
      <c r="J8393">
        <v>27391.297780000001</v>
      </c>
      <c r="K8393">
        <v>44555.506479999996</v>
      </c>
      <c r="L8393">
        <v>27681.18952</v>
      </c>
      <c r="M8393">
        <v>215236.84909999999</v>
      </c>
      <c r="N8393">
        <v>70686.583509999997</v>
      </c>
      <c r="O8393">
        <v>23996.9401</v>
      </c>
      <c r="P8393">
        <v>33530.840340000002</v>
      </c>
      <c r="Q8393">
        <v>49402.556989999997</v>
      </c>
      <c r="R8393">
        <v>19433.034790000002</v>
      </c>
      <c r="S8393">
        <v>91210.854699999996</v>
      </c>
      <c r="T8393">
        <v>33806.43417</v>
      </c>
      <c r="U8393">
        <v>13832.14399</v>
      </c>
      <c r="W8393" s="83">
        <f>Bühler!N8425</f>
        <v>45641.624999979649</v>
      </c>
      <c r="X8393" s="83">
        <v>43450.625</v>
      </c>
      <c r="Y8393">
        <v>160307.459</v>
      </c>
      <c r="Z8393">
        <v>21749.37701</v>
      </c>
      <c r="AA8393">
        <v>55291.675239999997</v>
      </c>
      <c r="AB8393">
        <v>40205.337229999997</v>
      </c>
      <c r="AC8393">
        <v>37305.758070000003</v>
      </c>
      <c r="AD8393">
        <v>29842.540980000002</v>
      </c>
      <c r="AE8393">
        <v>27391.297780000001</v>
      </c>
      <c r="AF8393">
        <v>44555.506479999996</v>
      </c>
      <c r="AG8393">
        <v>27681.18952</v>
      </c>
      <c r="AH8393">
        <v>215236.84909999999</v>
      </c>
      <c r="AI8393">
        <v>70686.583509999997</v>
      </c>
      <c r="AJ8393">
        <v>23996.9401</v>
      </c>
      <c r="AK8393">
        <v>33530.840340000002</v>
      </c>
      <c r="AL8393">
        <v>49402.556989999997</v>
      </c>
      <c r="AM8393">
        <v>19433.034790000002</v>
      </c>
      <c r="AN8393">
        <v>91210.854699999996</v>
      </c>
      <c r="AO8393">
        <v>33806.43417</v>
      </c>
      <c r="AP8393">
        <v>13832.14399</v>
      </c>
    </row>
    <row r="8394" spans="2:42" x14ac:dyDescent="0.3">
      <c r="B8394">
        <v>42.252195709773339</v>
      </c>
      <c r="C8394" s="83">
        <v>43450.666666666664</v>
      </c>
      <c r="D8394">
        <v>159850.44829999999</v>
      </c>
      <c r="E8394">
        <v>21913.998210000002</v>
      </c>
      <c r="F8394">
        <v>55040.28959</v>
      </c>
      <c r="G8394">
        <v>40599.449840000001</v>
      </c>
      <c r="H8394">
        <v>37787.3439</v>
      </c>
      <c r="I8394">
        <v>30120.48919</v>
      </c>
      <c r="J8394">
        <v>27680.65148</v>
      </c>
      <c r="K8394">
        <v>45123.199529999998</v>
      </c>
      <c r="L8394">
        <v>26918.049869999999</v>
      </c>
      <c r="M8394">
        <v>215421.3977</v>
      </c>
      <c r="N8394">
        <v>70929.356570000004</v>
      </c>
      <c r="O8394">
        <v>23435.015479999998</v>
      </c>
      <c r="P8394">
        <v>32897.759209999997</v>
      </c>
      <c r="Q8394">
        <v>49744.216439999997</v>
      </c>
      <c r="R8394">
        <v>19211.025689999999</v>
      </c>
      <c r="S8394">
        <v>93372.109219999998</v>
      </c>
      <c r="T8394">
        <v>33911.76943</v>
      </c>
      <c r="U8394">
        <v>14128.20412</v>
      </c>
      <c r="W8394" s="83">
        <f>Bühler!N8426</f>
        <v>45641.666666646313</v>
      </c>
      <c r="X8394" s="83">
        <v>43450.666666666664</v>
      </c>
      <c r="Y8394">
        <v>159850.44829999999</v>
      </c>
      <c r="Z8394">
        <v>21913.998210000002</v>
      </c>
      <c r="AA8394">
        <v>55040.28959</v>
      </c>
      <c r="AB8394">
        <v>40599.449840000001</v>
      </c>
      <c r="AC8394">
        <v>37787.3439</v>
      </c>
      <c r="AD8394">
        <v>30120.48919</v>
      </c>
      <c r="AE8394">
        <v>27680.65148</v>
      </c>
      <c r="AF8394">
        <v>45123.199529999998</v>
      </c>
      <c r="AG8394">
        <v>26918.049869999999</v>
      </c>
      <c r="AH8394">
        <v>215421.3977</v>
      </c>
      <c r="AI8394">
        <v>70929.356570000004</v>
      </c>
      <c r="AJ8394">
        <v>23435.015479999998</v>
      </c>
      <c r="AK8394">
        <v>32897.759209999997</v>
      </c>
      <c r="AL8394">
        <v>49744.216439999997</v>
      </c>
      <c r="AM8394">
        <v>19211.025689999999</v>
      </c>
      <c r="AN8394">
        <v>93372.109219999998</v>
      </c>
      <c r="AO8394">
        <v>33911.76943</v>
      </c>
      <c r="AP8394">
        <v>14128.20412</v>
      </c>
    </row>
    <row r="8395" spans="2:42" x14ac:dyDescent="0.3">
      <c r="B8395">
        <v>42.633716027754666</v>
      </c>
      <c r="C8395" s="83">
        <v>43450.708333333336</v>
      </c>
      <c r="D8395">
        <v>162629.6153</v>
      </c>
      <c r="E8395">
        <v>22657.081429999998</v>
      </c>
      <c r="F8395">
        <v>56290.233079999998</v>
      </c>
      <c r="G8395">
        <v>42542.152869999998</v>
      </c>
      <c r="H8395">
        <v>40173.511919999997</v>
      </c>
      <c r="I8395">
        <v>31035.231339999998</v>
      </c>
      <c r="J8395">
        <v>30152.034629999998</v>
      </c>
      <c r="K8395">
        <v>44968.048320000002</v>
      </c>
      <c r="L8395">
        <v>28496.26614</v>
      </c>
      <c r="M8395">
        <v>217366.5662</v>
      </c>
      <c r="N8395">
        <v>71726.33627</v>
      </c>
      <c r="O8395">
        <v>23411.178790000002</v>
      </c>
      <c r="P8395">
        <v>33502.808530000002</v>
      </c>
      <c r="Q8395">
        <v>51867.91906</v>
      </c>
      <c r="R8395">
        <v>20456.3963</v>
      </c>
      <c r="S8395">
        <v>98691.218510000006</v>
      </c>
      <c r="T8395">
        <v>35164.26629</v>
      </c>
      <c r="U8395">
        <v>15505.45217</v>
      </c>
      <c r="W8395" s="83">
        <f>Bühler!N8427</f>
        <v>45641.708333312978</v>
      </c>
      <c r="X8395" s="83">
        <v>43450.708333333336</v>
      </c>
      <c r="Y8395">
        <v>162629.6153</v>
      </c>
      <c r="Z8395">
        <v>22657.081429999998</v>
      </c>
      <c r="AA8395">
        <v>56290.233079999998</v>
      </c>
      <c r="AB8395">
        <v>42542.152869999998</v>
      </c>
      <c r="AC8395">
        <v>40173.511919999997</v>
      </c>
      <c r="AD8395">
        <v>31035.231339999998</v>
      </c>
      <c r="AE8395">
        <v>30152.034629999998</v>
      </c>
      <c r="AF8395">
        <v>44968.048320000002</v>
      </c>
      <c r="AG8395">
        <v>28496.26614</v>
      </c>
      <c r="AH8395">
        <v>217366.5662</v>
      </c>
      <c r="AI8395">
        <v>71726.33627</v>
      </c>
      <c r="AJ8395">
        <v>23411.178790000002</v>
      </c>
      <c r="AK8395">
        <v>33502.808530000002</v>
      </c>
      <c r="AL8395">
        <v>51867.91906</v>
      </c>
      <c r="AM8395">
        <v>20456.3963</v>
      </c>
      <c r="AN8395">
        <v>98691.218510000006</v>
      </c>
      <c r="AO8395">
        <v>35164.26629</v>
      </c>
      <c r="AP8395">
        <v>15505.45217</v>
      </c>
    </row>
    <row r="8396" spans="2:42" x14ac:dyDescent="0.3">
      <c r="B8396">
        <v>43.085402857782199</v>
      </c>
      <c r="C8396" s="83">
        <v>43450.75</v>
      </c>
      <c r="D8396">
        <v>165081.6819</v>
      </c>
      <c r="E8396">
        <v>21670.97193</v>
      </c>
      <c r="F8396">
        <v>55365.751029999999</v>
      </c>
      <c r="G8396">
        <v>43500.252569999997</v>
      </c>
      <c r="H8396">
        <v>39963.74338</v>
      </c>
      <c r="I8396">
        <v>31323.13264</v>
      </c>
      <c r="J8396">
        <v>31077.738549999998</v>
      </c>
      <c r="K8396">
        <v>44743.37672</v>
      </c>
      <c r="L8396">
        <v>29132.015289999999</v>
      </c>
      <c r="M8396">
        <v>219669.47630000001</v>
      </c>
      <c r="N8396">
        <v>73652.538130000001</v>
      </c>
      <c r="O8396">
        <v>22674.862130000001</v>
      </c>
      <c r="P8396">
        <v>35678.368029999998</v>
      </c>
      <c r="Q8396">
        <v>53101.782930000001</v>
      </c>
      <c r="R8396">
        <v>21431.949769999999</v>
      </c>
      <c r="S8396">
        <v>98065.76526</v>
      </c>
      <c r="T8396">
        <v>35344.798040000001</v>
      </c>
      <c r="U8396">
        <v>15647.86875</v>
      </c>
      <c r="W8396" s="83">
        <f>Bühler!N8428</f>
        <v>45641.749999979642</v>
      </c>
      <c r="X8396" s="83">
        <v>43450.75</v>
      </c>
      <c r="Y8396">
        <v>165081.6819</v>
      </c>
      <c r="Z8396">
        <v>21670.97193</v>
      </c>
      <c r="AA8396">
        <v>55365.751029999999</v>
      </c>
      <c r="AB8396">
        <v>43500.252569999997</v>
      </c>
      <c r="AC8396">
        <v>39963.74338</v>
      </c>
      <c r="AD8396">
        <v>31323.13264</v>
      </c>
      <c r="AE8396">
        <v>31077.738549999998</v>
      </c>
      <c r="AF8396">
        <v>44743.37672</v>
      </c>
      <c r="AG8396">
        <v>29132.015289999999</v>
      </c>
      <c r="AH8396">
        <v>219669.47630000001</v>
      </c>
      <c r="AI8396">
        <v>73652.538130000001</v>
      </c>
      <c r="AJ8396">
        <v>22674.862130000001</v>
      </c>
      <c r="AK8396">
        <v>35678.368029999998</v>
      </c>
      <c r="AL8396">
        <v>53101.782930000001</v>
      </c>
      <c r="AM8396">
        <v>21431.949769999999</v>
      </c>
      <c r="AN8396">
        <v>98065.76526</v>
      </c>
      <c r="AO8396">
        <v>35344.798040000001</v>
      </c>
      <c r="AP8396">
        <v>15647.86875</v>
      </c>
    </row>
    <row r="8397" spans="2:42" x14ac:dyDescent="0.3">
      <c r="B8397">
        <v>42.803907658296488</v>
      </c>
      <c r="C8397" s="83">
        <v>43450.791666666664</v>
      </c>
      <c r="D8397">
        <v>166800.97020000001</v>
      </c>
      <c r="E8397">
        <v>18331.268199999999</v>
      </c>
      <c r="F8397">
        <v>51793.157140000003</v>
      </c>
      <c r="G8397">
        <v>43672.476970000003</v>
      </c>
      <c r="H8397">
        <v>39255.819259999997</v>
      </c>
      <c r="I8397">
        <v>30823.701730000001</v>
      </c>
      <c r="J8397">
        <v>30518.18981</v>
      </c>
      <c r="K8397">
        <v>45092.30111</v>
      </c>
      <c r="L8397">
        <v>30415.381539999998</v>
      </c>
      <c r="M8397">
        <v>218234.2825</v>
      </c>
      <c r="N8397">
        <v>74424.210949999993</v>
      </c>
      <c r="O8397">
        <v>22516.744739999998</v>
      </c>
      <c r="P8397">
        <v>35208.7765</v>
      </c>
      <c r="Q8397">
        <v>53108.142330000002</v>
      </c>
      <c r="R8397">
        <v>21367.73186</v>
      </c>
      <c r="S8397">
        <v>96737.803050000002</v>
      </c>
      <c r="T8397">
        <v>34401.731800000001</v>
      </c>
      <c r="U8397">
        <v>15372.488530000001</v>
      </c>
      <c r="W8397" s="83">
        <f>Bühler!N8429</f>
        <v>45641.791666646306</v>
      </c>
      <c r="X8397" s="83">
        <v>43450.791666666664</v>
      </c>
      <c r="Y8397">
        <v>166800.97020000001</v>
      </c>
      <c r="Z8397">
        <v>18331.268199999999</v>
      </c>
      <c r="AA8397">
        <v>51793.157140000003</v>
      </c>
      <c r="AB8397">
        <v>43672.476970000003</v>
      </c>
      <c r="AC8397">
        <v>39255.819259999997</v>
      </c>
      <c r="AD8397">
        <v>30823.701730000001</v>
      </c>
      <c r="AE8397">
        <v>30518.18981</v>
      </c>
      <c r="AF8397">
        <v>45092.30111</v>
      </c>
      <c r="AG8397">
        <v>30415.381539999998</v>
      </c>
      <c r="AH8397">
        <v>218234.2825</v>
      </c>
      <c r="AI8397">
        <v>74424.210949999993</v>
      </c>
      <c r="AJ8397">
        <v>22516.744739999998</v>
      </c>
      <c r="AK8397">
        <v>35208.7765</v>
      </c>
      <c r="AL8397">
        <v>53108.142330000002</v>
      </c>
      <c r="AM8397">
        <v>21367.73186</v>
      </c>
      <c r="AN8397">
        <v>96737.803050000002</v>
      </c>
      <c r="AO8397">
        <v>34401.731800000001</v>
      </c>
      <c r="AP8397">
        <v>15372.488530000001</v>
      </c>
    </row>
    <row r="8398" spans="2:42" x14ac:dyDescent="0.3">
      <c r="B8398">
        <v>43.038904639671166</v>
      </c>
      <c r="C8398" s="83">
        <v>43450.833333333336</v>
      </c>
      <c r="D8398">
        <v>168180.44990000001</v>
      </c>
      <c r="E8398">
        <v>16506.262549999999</v>
      </c>
      <c r="F8398">
        <v>49204.485509999999</v>
      </c>
      <c r="G8398">
        <v>43419.862410000002</v>
      </c>
      <c r="H8398">
        <v>39193.241979999999</v>
      </c>
      <c r="I8398">
        <v>28953.87905</v>
      </c>
      <c r="J8398">
        <v>29914.08584</v>
      </c>
      <c r="K8398">
        <v>46243.495389999996</v>
      </c>
      <c r="L8398">
        <v>29631.60773</v>
      </c>
      <c r="M8398">
        <v>219432.40669999999</v>
      </c>
      <c r="N8398">
        <v>75138.533200000005</v>
      </c>
      <c r="O8398">
        <v>22466.274150000001</v>
      </c>
      <c r="P8398">
        <v>35654.232459999999</v>
      </c>
      <c r="Q8398">
        <v>54404.474289999998</v>
      </c>
      <c r="R8398">
        <v>19822.331249999999</v>
      </c>
      <c r="S8398">
        <v>90867.446679999994</v>
      </c>
      <c r="T8398">
        <v>31545.229309999999</v>
      </c>
      <c r="U8398">
        <v>15345.98443</v>
      </c>
      <c r="W8398" s="83">
        <f>Bühler!N8430</f>
        <v>45641.83333331297</v>
      </c>
      <c r="X8398" s="83">
        <v>43450.833333333336</v>
      </c>
      <c r="Y8398">
        <v>168180.44990000001</v>
      </c>
      <c r="Z8398">
        <v>16506.262549999999</v>
      </c>
      <c r="AA8398">
        <v>49204.485509999999</v>
      </c>
      <c r="AB8398">
        <v>43419.862410000002</v>
      </c>
      <c r="AC8398">
        <v>39193.241979999999</v>
      </c>
      <c r="AD8398">
        <v>28953.87905</v>
      </c>
      <c r="AE8398">
        <v>29914.08584</v>
      </c>
      <c r="AF8398">
        <v>46243.495389999996</v>
      </c>
      <c r="AG8398">
        <v>29631.60773</v>
      </c>
      <c r="AH8398">
        <v>219432.40669999999</v>
      </c>
      <c r="AI8398">
        <v>75138.533200000005</v>
      </c>
      <c r="AJ8398">
        <v>22466.274150000001</v>
      </c>
      <c r="AK8398">
        <v>35654.232459999999</v>
      </c>
      <c r="AL8398">
        <v>54404.474289999998</v>
      </c>
      <c r="AM8398">
        <v>19822.331249999999</v>
      </c>
      <c r="AN8398">
        <v>90867.446679999994</v>
      </c>
      <c r="AO8398">
        <v>31545.229309999999</v>
      </c>
      <c r="AP8398">
        <v>15345.98443</v>
      </c>
    </row>
    <row r="8399" spans="2:42" x14ac:dyDescent="0.3">
      <c r="B8399">
        <v>43.649965710009631</v>
      </c>
      <c r="C8399" s="83">
        <v>43450.875</v>
      </c>
      <c r="D8399">
        <v>170101.8235</v>
      </c>
      <c r="E8399">
        <v>16091.88236</v>
      </c>
      <c r="F8399">
        <v>48001.242610000001</v>
      </c>
      <c r="G8399">
        <v>43580.33786</v>
      </c>
      <c r="H8399">
        <v>38521.63147</v>
      </c>
      <c r="I8399">
        <v>27231.45665</v>
      </c>
      <c r="J8399">
        <v>28970.61492</v>
      </c>
      <c r="K8399">
        <v>46653.312389999999</v>
      </c>
      <c r="L8399">
        <v>27986.242610000001</v>
      </c>
      <c r="M8399">
        <v>222547.88099999999</v>
      </c>
      <c r="N8399">
        <v>74477.568889999995</v>
      </c>
      <c r="O8399">
        <v>23304.17354</v>
      </c>
      <c r="P8399">
        <v>34123.453320000001</v>
      </c>
      <c r="Q8399">
        <v>56126.655160000002</v>
      </c>
      <c r="R8399">
        <v>20136.985049999999</v>
      </c>
      <c r="S8399">
        <v>86599.337499999994</v>
      </c>
      <c r="T8399">
        <v>30127.245459999998</v>
      </c>
      <c r="U8399">
        <v>15259.734549999999</v>
      </c>
      <c r="W8399" s="83">
        <f>Bühler!N8431</f>
        <v>45641.874999979635</v>
      </c>
      <c r="X8399" s="83">
        <v>43450.875</v>
      </c>
      <c r="Y8399">
        <v>170101.8235</v>
      </c>
      <c r="Z8399">
        <v>16091.88236</v>
      </c>
      <c r="AA8399">
        <v>48001.242610000001</v>
      </c>
      <c r="AB8399">
        <v>43580.33786</v>
      </c>
      <c r="AC8399">
        <v>38521.63147</v>
      </c>
      <c r="AD8399">
        <v>27231.45665</v>
      </c>
      <c r="AE8399">
        <v>28970.61492</v>
      </c>
      <c r="AF8399">
        <v>46653.312389999999</v>
      </c>
      <c r="AG8399">
        <v>27986.242610000001</v>
      </c>
      <c r="AH8399">
        <v>222547.88099999999</v>
      </c>
      <c r="AI8399">
        <v>74477.568889999995</v>
      </c>
      <c r="AJ8399">
        <v>23304.17354</v>
      </c>
      <c r="AK8399">
        <v>34123.453320000001</v>
      </c>
      <c r="AL8399">
        <v>56126.655160000002</v>
      </c>
      <c r="AM8399">
        <v>20136.985049999999</v>
      </c>
      <c r="AN8399">
        <v>86599.337499999994</v>
      </c>
      <c r="AO8399">
        <v>30127.245459999998</v>
      </c>
      <c r="AP8399">
        <v>15259.734549999999</v>
      </c>
    </row>
    <row r="8400" spans="2:42" x14ac:dyDescent="0.3">
      <c r="B8400">
        <v>44.456768584464271</v>
      </c>
      <c r="C8400" s="83">
        <v>43450.916666666664</v>
      </c>
      <c r="D8400">
        <v>172073.95980000001</v>
      </c>
      <c r="E8400">
        <v>16336.29394</v>
      </c>
      <c r="F8400">
        <v>47475.259189999997</v>
      </c>
      <c r="G8400">
        <v>42965.934359999999</v>
      </c>
      <c r="H8400">
        <v>38821.139539999996</v>
      </c>
      <c r="I8400">
        <v>26670.544569999998</v>
      </c>
      <c r="J8400">
        <v>28259.741379999999</v>
      </c>
      <c r="K8400">
        <v>48569.060230000003</v>
      </c>
      <c r="L8400">
        <v>25026.15422</v>
      </c>
      <c r="M8400">
        <v>226661.3383</v>
      </c>
      <c r="N8400">
        <v>75047.075559999997</v>
      </c>
      <c r="O8400">
        <v>23857.952259999998</v>
      </c>
      <c r="P8400">
        <v>34703.598590000001</v>
      </c>
      <c r="Q8400">
        <v>57791.394139999997</v>
      </c>
      <c r="R8400">
        <v>27246.51683</v>
      </c>
      <c r="S8400">
        <v>85354.531600000002</v>
      </c>
      <c r="T8400">
        <v>28711.665959999998</v>
      </c>
      <c r="U8400">
        <v>16414.258000000002</v>
      </c>
      <c r="W8400" s="83">
        <f>Bühler!N8432</f>
        <v>45641.916666646299</v>
      </c>
      <c r="X8400" s="83">
        <v>43450.916666666664</v>
      </c>
      <c r="Y8400">
        <v>172073.95980000001</v>
      </c>
      <c r="Z8400">
        <v>16336.29394</v>
      </c>
      <c r="AA8400">
        <v>47475.259189999997</v>
      </c>
      <c r="AB8400">
        <v>42965.934359999999</v>
      </c>
      <c r="AC8400">
        <v>38821.139539999996</v>
      </c>
      <c r="AD8400">
        <v>26670.544569999998</v>
      </c>
      <c r="AE8400">
        <v>28259.741379999999</v>
      </c>
      <c r="AF8400">
        <v>48569.060230000003</v>
      </c>
      <c r="AG8400">
        <v>25026.15422</v>
      </c>
      <c r="AH8400">
        <v>226661.3383</v>
      </c>
      <c r="AI8400">
        <v>75047.075559999997</v>
      </c>
      <c r="AJ8400">
        <v>23857.952259999998</v>
      </c>
      <c r="AK8400">
        <v>34703.598590000001</v>
      </c>
      <c r="AL8400">
        <v>57791.394139999997</v>
      </c>
      <c r="AM8400">
        <v>27246.51683</v>
      </c>
      <c r="AN8400">
        <v>85354.531600000002</v>
      </c>
      <c r="AO8400">
        <v>28711.665959999998</v>
      </c>
      <c r="AP8400">
        <v>16414.258000000002</v>
      </c>
    </row>
    <row r="8401" spans="2:42" x14ac:dyDescent="0.3">
      <c r="B8401">
        <v>44.807309370679299</v>
      </c>
      <c r="C8401" s="83">
        <v>43450.958333333336</v>
      </c>
      <c r="D8401">
        <v>173845.65890000001</v>
      </c>
      <c r="E8401">
        <v>16250.73091</v>
      </c>
      <c r="F8401">
        <v>46810.25189</v>
      </c>
      <c r="G8401">
        <v>42544.945650000001</v>
      </c>
      <c r="H8401">
        <v>39211.220480000004</v>
      </c>
      <c r="I8401">
        <v>25811.28152</v>
      </c>
      <c r="J8401">
        <v>26657.621350000001</v>
      </c>
      <c r="K8401">
        <v>47841.17467</v>
      </c>
      <c r="L8401">
        <v>21639.61332</v>
      </c>
      <c r="M8401">
        <v>228448.55869999999</v>
      </c>
      <c r="N8401">
        <v>74832.215429999997</v>
      </c>
      <c r="O8401">
        <v>23809.596269999998</v>
      </c>
      <c r="P8401">
        <v>32082.050859999999</v>
      </c>
      <c r="Q8401">
        <v>59871.358240000001</v>
      </c>
      <c r="R8401">
        <v>27529.786929999998</v>
      </c>
      <c r="S8401">
        <v>83965.725229999996</v>
      </c>
      <c r="T8401">
        <v>30207.573980000001</v>
      </c>
      <c r="U8401">
        <v>16218.71607</v>
      </c>
      <c r="W8401" s="83">
        <f>Bühler!N8433</f>
        <v>45641.958333312963</v>
      </c>
      <c r="X8401" s="83">
        <v>43450.958333333336</v>
      </c>
      <c r="Y8401">
        <v>173845.65890000001</v>
      </c>
      <c r="Z8401">
        <v>16250.73091</v>
      </c>
      <c r="AA8401">
        <v>46810.25189</v>
      </c>
      <c r="AB8401">
        <v>42544.945650000001</v>
      </c>
      <c r="AC8401">
        <v>39211.220480000004</v>
      </c>
      <c r="AD8401">
        <v>25811.28152</v>
      </c>
      <c r="AE8401">
        <v>26657.621350000001</v>
      </c>
      <c r="AF8401">
        <v>47841.17467</v>
      </c>
      <c r="AG8401">
        <v>21639.61332</v>
      </c>
      <c r="AH8401">
        <v>228448.55869999999</v>
      </c>
      <c r="AI8401">
        <v>74832.215429999997</v>
      </c>
      <c r="AJ8401">
        <v>23809.596269999998</v>
      </c>
      <c r="AK8401">
        <v>32082.050859999999</v>
      </c>
      <c r="AL8401">
        <v>59871.358240000001</v>
      </c>
      <c r="AM8401">
        <v>27529.786929999998</v>
      </c>
      <c r="AN8401">
        <v>83965.725229999996</v>
      </c>
      <c r="AO8401">
        <v>30207.573980000001</v>
      </c>
      <c r="AP8401">
        <v>16218.71607</v>
      </c>
    </row>
    <row r="8402" spans="2:42" x14ac:dyDescent="0.3">
      <c r="B8402">
        <v>44.994672929822386</v>
      </c>
      <c r="C8402" s="83">
        <v>43451</v>
      </c>
      <c r="D8402">
        <v>176814.70559999999</v>
      </c>
      <c r="E8402">
        <v>16302.018330000001</v>
      </c>
      <c r="F8402">
        <v>47604.786719999996</v>
      </c>
      <c r="G8402">
        <v>43998.765870000003</v>
      </c>
      <c r="H8402">
        <v>38949.903830000003</v>
      </c>
      <c r="I8402">
        <v>24178.796160000002</v>
      </c>
      <c r="J8402">
        <v>25639.919569999998</v>
      </c>
      <c r="K8402">
        <v>47040.306850000001</v>
      </c>
      <c r="L8402">
        <v>19594.49697</v>
      </c>
      <c r="M8402">
        <v>229403.82550000001</v>
      </c>
      <c r="N8402">
        <v>74649.390549999996</v>
      </c>
      <c r="O8402">
        <v>24156.078089999999</v>
      </c>
      <c r="P8402">
        <v>31107.89618</v>
      </c>
      <c r="Q8402">
        <v>62695.827109999998</v>
      </c>
      <c r="R8402">
        <v>25984.016060000002</v>
      </c>
      <c r="S8402">
        <v>83360.236680000002</v>
      </c>
      <c r="T8402">
        <v>29028.21846</v>
      </c>
      <c r="U8402">
        <v>16166.37862</v>
      </c>
      <c r="W8402" s="83">
        <f>Bühler!N8434</f>
        <v>45641.999999979627</v>
      </c>
      <c r="X8402" s="83">
        <v>43451</v>
      </c>
      <c r="Y8402">
        <v>176814.70559999999</v>
      </c>
      <c r="Z8402">
        <v>16302.018330000001</v>
      </c>
      <c r="AA8402">
        <v>47604.786719999996</v>
      </c>
      <c r="AB8402">
        <v>43998.765870000003</v>
      </c>
      <c r="AC8402">
        <v>38949.903830000003</v>
      </c>
      <c r="AD8402">
        <v>24178.796160000002</v>
      </c>
      <c r="AE8402">
        <v>25639.919569999998</v>
      </c>
      <c r="AF8402">
        <v>47040.306850000001</v>
      </c>
      <c r="AG8402">
        <v>19594.49697</v>
      </c>
      <c r="AH8402">
        <v>229403.82550000001</v>
      </c>
      <c r="AI8402">
        <v>74649.390549999996</v>
      </c>
      <c r="AJ8402">
        <v>24156.078089999999</v>
      </c>
      <c r="AK8402">
        <v>31107.89618</v>
      </c>
      <c r="AL8402">
        <v>62695.827109999998</v>
      </c>
      <c r="AM8402">
        <v>25984.016060000002</v>
      </c>
      <c r="AN8402">
        <v>83360.236680000002</v>
      </c>
      <c r="AO8402">
        <v>29028.21846</v>
      </c>
      <c r="AP8402">
        <v>16166.37862</v>
      </c>
    </row>
    <row r="8403" spans="2:42" x14ac:dyDescent="0.3">
      <c r="B8403">
        <v>45.37902845334014</v>
      </c>
      <c r="C8403" s="83">
        <v>43451.041666666664</v>
      </c>
      <c r="D8403">
        <v>178584.94080000001</v>
      </c>
      <c r="E8403">
        <v>16374.2953</v>
      </c>
      <c r="F8403">
        <v>47890.121610000002</v>
      </c>
      <c r="G8403">
        <v>43970.935400000002</v>
      </c>
      <c r="H8403">
        <v>38273.427259999997</v>
      </c>
      <c r="I8403">
        <v>20257.379570000001</v>
      </c>
      <c r="J8403">
        <v>25376.24422</v>
      </c>
      <c r="K8403">
        <v>43913.833659999997</v>
      </c>
      <c r="L8403">
        <v>19282.568930000001</v>
      </c>
      <c r="M8403">
        <v>231363.4492</v>
      </c>
      <c r="N8403">
        <v>74303.453670000003</v>
      </c>
      <c r="O8403">
        <v>24409.577499999999</v>
      </c>
      <c r="P8403">
        <v>30115.136040000001</v>
      </c>
      <c r="Q8403">
        <v>65284.20304</v>
      </c>
      <c r="R8403">
        <v>24815.835849999999</v>
      </c>
      <c r="S8403">
        <v>82347.056750000003</v>
      </c>
      <c r="T8403">
        <v>28574.61607</v>
      </c>
      <c r="U8403">
        <v>16134.12234</v>
      </c>
      <c r="W8403" s="83">
        <f>Bühler!N8435</f>
        <v>45642.041666646292</v>
      </c>
      <c r="X8403" s="83">
        <v>43451.041666666664</v>
      </c>
      <c r="Y8403">
        <v>178584.94080000001</v>
      </c>
      <c r="Z8403">
        <v>16374.2953</v>
      </c>
      <c r="AA8403">
        <v>47890.121610000002</v>
      </c>
      <c r="AB8403">
        <v>43970.935400000002</v>
      </c>
      <c r="AC8403">
        <v>38273.427259999997</v>
      </c>
      <c r="AD8403">
        <v>20257.379570000001</v>
      </c>
      <c r="AE8403">
        <v>25376.24422</v>
      </c>
      <c r="AF8403">
        <v>43913.833659999997</v>
      </c>
      <c r="AG8403">
        <v>19282.568930000001</v>
      </c>
      <c r="AH8403">
        <v>231363.4492</v>
      </c>
      <c r="AI8403">
        <v>74303.453670000003</v>
      </c>
      <c r="AJ8403">
        <v>24409.577499999999</v>
      </c>
      <c r="AK8403">
        <v>30115.136040000001</v>
      </c>
      <c r="AL8403">
        <v>65284.20304</v>
      </c>
      <c r="AM8403">
        <v>24815.835849999999</v>
      </c>
      <c r="AN8403">
        <v>82347.056750000003</v>
      </c>
      <c r="AO8403">
        <v>28574.61607</v>
      </c>
      <c r="AP8403">
        <v>16134.12234</v>
      </c>
    </row>
    <row r="8404" spans="2:42" x14ac:dyDescent="0.3">
      <c r="B8404">
        <v>46.364819623253439</v>
      </c>
      <c r="C8404" s="83">
        <v>43451.083333333336</v>
      </c>
      <c r="D8404">
        <v>180383.96590000001</v>
      </c>
      <c r="E8404">
        <v>16257.21319</v>
      </c>
      <c r="F8404">
        <v>49355.820310000003</v>
      </c>
      <c r="G8404">
        <v>43453.688900000001</v>
      </c>
      <c r="H8404">
        <v>38317.238039999997</v>
      </c>
      <c r="I8404">
        <v>19049.928400000001</v>
      </c>
      <c r="J8404">
        <v>25410.107680000001</v>
      </c>
      <c r="K8404">
        <v>43597.832240000003</v>
      </c>
      <c r="L8404">
        <v>18824.85657</v>
      </c>
      <c r="M8404">
        <v>236389.47229999999</v>
      </c>
      <c r="N8404">
        <v>74795.859710000004</v>
      </c>
      <c r="O8404">
        <v>24149.88954</v>
      </c>
      <c r="P8404">
        <v>29851.796979999999</v>
      </c>
      <c r="Q8404">
        <v>68494.211930000005</v>
      </c>
      <c r="R8404">
        <v>24107.510330000001</v>
      </c>
      <c r="S8404">
        <v>82268.137549999999</v>
      </c>
      <c r="T8404">
        <v>27942.9133</v>
      </c>
      <c r="U8404">
        <v>16621.841189999999</v>
      </c>
      <c r="W8404" s="83">
        <f>Bühler!N8436</f>
        <v>45642.083333312956</v>
      </c>
      <c r="X8404" s="83">
        <v>43451.083333333336</v>
      </c>
      <c r="Y8404">
        <v>180383.96590000001</v>
      </c>
      <c r="Z8404">
        <v>16257.21319</v>
      </c>
      <c r="AA8404">
        <v>49355.820310000003</v>
      </c>
      <c r="AB8404">
        <v>43453.688900000001</v>
      </c>
      <c r="AC8404">
        <v>38317.238039999997</v>
      </c>
      <c r="AD8404">
        <v>19049.928400000001</v>
      </c>
      <c r="AE8404">
        <v>25410.107680000001</v>
      </c>
      <c r="AF8404">
        <v>43597.832240000003</v>
      </c>
      <c r="AG8404">
        <v>18824.85657</v>
      </c>
      <c r="AH8404">
        <v>236389.47229999999</v>
      </c>
      <c r="AI8404">
        <v>74795.859710000004</v>
      </c>
      <c r="AJ8404">
        <v>24149.88954</v>
      </c>
      <c r="AK8404">
        <v>29851.796979999999</v>
      </c>
      <c r="AL8404">
        <v>68494.211930000005</v>
      </c>
      <c r="AM8404">
        <v>24107.510330000001</v>
      </c>
      <c r="AN8404">
        <v>82268.137549999999</v>
      </c>
      <c r="AO8404">
        <v>27942.9133</v>
      </c>
      <c r="AP8404">
        <v>16621.841189999999</v>
      </c>
    </row>
    <row r="8405" spans="2:42" x14ac:dyDescent="0.3">
      <c r="B8405">
        <v>47.493001985205396</v>
      </c>
      <c r="C8405" s="83">
        <v>43451.125</v>
      </c>
      <c r="D8405">
        <v>186958.21900000001</v>
      </c>
      <c r="E8405">
        <v>16463.763029999998</v>
      </c>
      <c r="F8405">
        <v>50432.209510000001</v>
      </c>
      <c r="G8405">
        <v>43015.789709999997</v>
      </c>
      <c r="H8405">
        <v>38873.263270000003</v>
      </c>
      <c r="I8405">
        <v>19338.094550000002</v>
      </c>
      <c r="J8405">
        <v>25331.177599999999</v>
      </c>
      <c r="K8405">
        <v>42369.480869999999</v>
      </c>
      <c r="L8405">
        <v>18385.22048</v>
      </c>
      <c r="M8405">
        <v>242141.47210000001</v>
      </c>
      <c r="N8405">
        <v>75657.144289999997</v>
      </c>
      <c r="O8405">
        <v>24197.031660000001</v>
      </c>
      <c r="P8405">
        <v>29378.048429999999</v>
      </c>
      <c r="Q8405">
        <v>73648.550340000002</v>
      </c>
      <c r="R8405">
        <v>24751.508409999999</v>
      </c>
      <c r="S8405">
        <v>81262.31495</v>
      </c>
      <c r="T8405">
        <v>28219.040239999998</v>
      </c>
      <c r="U8405">
        <v>17075.864839999998</v>
      </c>
      <c r="W8405" s="83">
        <f>Bühler!N8437</f>
        <v>45642.12499997962</v>
      </c>
      <c r="X8405" s="83">
        <v>43451.125</v>
      </c>
      <c r="Y8405">
        <v>186958.21900000001</v>
      </c>
      <c r="Z8405">
        <v>16463.763029999998</v>
      </c>
      <c r="AA8405">
        <v>50432.209510000001</v>
      </c>
      <c r="AB8405">
        <v>43015.789709999997</v>
      </c>
      <c r="AC8405">
        <v>38873.263270000003</v>
      </c>
      <c r="AD8405">
        <v>19338.094550000002</v>
      </c>
      <c r="AE8405">
        <v>25331.177599999999</v>
      </c>
      <c r="AF8405">
        <v>42369.480869999999</v>
      </c>
      <c r="AG8405">
        <v>18385.22048</v>
      </c>
      <c r="AH8405">
        <v>242141.47210000001</v>
      </c>
      <c r="AI8405">
        <v>75657.144289999997</v>
      </c>
      <c r="AJ8405">
        <v>24197.031660000001</v>
      </c>
      <c r="AK8405">
        <v>29378.048429999999</v>
      </c>
      <c r="AL8405">
        <v>73648.550340000002</v>
      </c>
      <c r="AM8405">
        <v>24751.508409999999</v>
      </c>
      <c r="AN8405">
        <v>81262.31495</v>
      </c>
      <c r="AO8405">
        <v>28219.040239999998</v>
      </c>
      <c r="AP8405">
        <v>17075.864839999998</v>
      </c>
    </row>
    <row r="8406" spans="2:42" x14ac:dyDescent="0.3">
      <c r="B8406">
        <v>50.669643805260591</v>
      </c>
      <c r="C8406" s="83">
        <v>43451.166666666664</v>
      </c>
      <c r="D8406">
        <v>197363.80729999999</v>
      </c>
      <c r="E8406">
        <v>17364.4604</v>
      </c>
      <c r="F8406">
        <v>54554.868840000003</v>
      </c>
      <c r="G8406">
        <v>42716.140619999998</v>
      </c>
      <c r="H8406">
        <v>40180.487029999997</v>
      </c>
      <c r="I8406">
        <v>22227.158439999999</v>
      </c>
      <c r="J8406">
        <v>26579.960589999999</v>
      </c>
      <c r="K8406">
        <v>42817.86015</v>
      </c>
      <c r="L8406">
        <v>18606.541929999999</v>
      </c>
      <c r="M8406">
        <v>258337.47349999999</v>
      </c>
      <c r="N8406">
        <v>76838.915659999999</v>
      </c>
      <c r="O8406">
        <v>24691.115669999999</v>
      </c>
      <c r="P8406">
        <v>29193.545480000001</v>
      </c>
      <c r="Q8406">
        <v>78048.635999999999</v>
      </c>
      <c r="R8406">
        <v>25291.166689999998</v>
      </c>
      <c r="S8406">
        <v>82999.056679999994</v>
      </c>
      <c r="T8406">
        <v>28402.500700000001</v>
      </c>
      <c r="U8406">
        <v>18132.27938</v>
      </c>
      <c r="W8406" s="83">
        <f>Bühler!N8438</f>
        <v>45642.166666646284</v>
      </c>
      <c r="X8406" s="83">
        <v>43451.166666666664</v>
      </c>
      <c r="Y8406">
        <v>197363.80729999999</v>
      </c>
      <c r="Z8406">
        <v>17364.4604</v>
      </c>
      <c r="AA8406">
        <v>54554.868840000003</v>
      </c>
      <c r="AB8406">
        <v>42716.140619999998</v>
      </c>
      <c r="AC8406">
        <v>40180.487029999997</v>
      </c>
      <c r="AD8406">
        <v>22227.158439999999</v>
      </c>
      <c r="AE8406">
        <v>26579.960589999999</v>
      </c>
      <c r="AF8406">
        <v>42817.86015</v>
      </c>
      <c r="AG8406">
        <v>18606.541929999999</v>
      </c>
      <c r="AH8406">
        <v>258337.47349999999</v>
      </c>
      <c r="AI8406">
        <v>76838.915659999999</v>
      </c>
      <c r="AJ8406">
        <v>24691.115669999999</v>
      </c>
      <c r="AK8406">
        <v>29193.545480000001</v>
      </c>
      <c r="AL8406">
        <v>78048.635999999999</v>
      </c>
      <c r="AM8406">
        <v>25291.166689999998</v>
      </c>
      <c r="AN8406">
        <v>82999.056679999994</v>
      </c>
      <c r="AO8406">
        <v>28402.500700000001</v>
      </c>
      <c r="AP8406">
        <v>18132.27938</v>
      </c>
    </row>
    <row r="8407" spans="2:42" x14ac:dyDescent="0.3">
      <c r="B8407">
        <v>56.271961224707191</v>
      </c>
      <c r="C8407" s="83">
        <v>43451.208333333336</v>
      </c>
      <c r="D8407">
        <v>226936.63219999999</v>
      </c>
      <c r="E8407">
        <v>19785.193719999999</v>
      </c>
      <c r="F8407">
        <v>66406.108120000004</v>
      </c>
      <c r="G8407">
        <v>45365.517099999997</v>
      </c>
      <c r="H8407">
        <v>42482.86881</v>
      </c>
      <c r="I8407">
        <v>31283.771430000001</v>
      </c>
      <c r="J8407">
        <v>29245.64471</v>
      </c>
      <c r="K8407">
        <v>44116.740429999998</v>
      </c>
      <c r="L8407">
        <v>19359.18665</v>
      </c>
      <c r="M8407">
        <v>286900.70030000003</v>
      </c>
      <c r="N8407">
        <v>79051.787160000007</v>
      </c>
      <c r="O8407">
        <v>25541.03357</v>
      </c>
      <c r="P8407">
        <v>30609.588049999998</v>
      </c>
      <c r="Q8407">
        <v>84451.240349999993</v>
      </c>
      <c r="R8407">
        <v>25759.1185</v>
      </c>
      <c r="S8407">
        <v>85287.968670000002</v>
      </c>
      <c r="T8407">
        <v>30040.701430000001</v>
      </c>
      <c r="U8407">
        <v>20378.491699999999</v>
      </c>
      <c r="W8407" s="83">
        <f>Bühler!N8439</f>
        <v>45642.208333312949</v>
      </c>
      <c r="X8407" s="83">
        <v>43451.208333333336</v>
      </c>
      <c r="Y8407">
        <v>226936.63219999999</v>
      </c>
      <c r="Z8407">
        <v>19785.193719999999</v>
      </c>
      <c r="AA8407">
        <v>66406.108120000004</v>
      </c>
      <c r="AB8407">
        <v>45365.517099999997</v>
      </c>
      <c r="AC8407">
        <v>42482.86881</v>
      </c>
      <c r="AD8407">
        <v>31283.771430000001</v>
      </c>
      <c r="AE8407">
        <v>29245.64471</v>
      </c>
      <c r="AF8407">
        <v>44116.740429999998</v>
      </c>
      <c r="AG8407">
        <v>19359.18665</v>
      </c>
      <c r="AH8407">
        <v>286900.70030000003</v>
      </c>
      <c r="AI8407">
        <v>79051.787160000007</v>
      </c>
      <c r="AJ8407">
        <v>25541.03357</v>
      </c>
      <c r="AK8407">
        <v>30609.588049999998</v>
      </c>
      <c r="AL8407">
        <v>84451.240349999993</v>
      </c>
      <c r="AM8407">
        <v>25759.1185</v>
      </c>
      <c r="AN8407">
        <v>85287.968670000002</v>
      </c>
      <c r="AO8407">
        <v>30040.701430000001</v>
      </c>
      <c r="AP8407">
        <v>20378.491699999999</v>
      </c>
    </row>
    <row r="8408" spans="2:42" x14ac:dyDescent="0.3">
      <c r="B8408">
        <v>62.595810895867928</v>
      </c>
      <c r="C8408" s="83">
        <v>43451.25</v>
      </c>
      <c r="D8408">
        <v>253922.0687</v>
      </c>
      <c r="E8408">
        <v>23912.357260000001</v>
      </c>
      <c r="F8408">
        <v>80496.034920000006</v>
      </c>
      <c r="G8408">
        <v>59138.082929999997</v>
      </c>
      <c r="H8408">
        <v>46425.589919999999</v>
      </c>
      <c r="I8408">
        <v>39872.004269999998</v>
      </c>
      <c r="J8408">
        <v>33093.821340000002</v>
      </c>
      <c r="K8408">
        <v>48019.167889999997</v>
      </c>
      <c r="L8408">
        <v>21149.119500000001</v>
      </c>
      <c r="M8408">
        <v>319142.63500000001</v>
      </c>
      <c r="N8408">
        <v>82910.908479999998</v>
      </c>
      <c r="O8408">
        <v>26962.33842</v>
      </c>
      <c r="P8408">
        <v>29530.405409999999</v>
      </c>
      <c r="Q8408">
        <v>89293.105119999993</v>
      </c>
      <c r="R8408">
        <v>21789.866010000002</v>
      </c>
      <c r="S8408">
        <v>93707.996809999997</v>
      </c>
      <c r="T8408">
        <v>33057.989699999998</v>
      </c>
      <c r="U8408">
        <v>23241.326290000001</v>
      </c>
      <c r="W8408" s="83">
        <f>Bühler!N8440</f>
        <v>45642.249999979613</v>
      </c>
      <c r="X8408" s="83">
        <v>43451.25</v>
      </c>
      <c r="Y8408">
        <v>253922.0687</v>
      </c>
      <c r="Z8408">
        <v>23912.357260000001</v>
      </c>
      <c r="AA8408">
        <v>80496.034920000006</v>
      </c>
      <c r="AB8408">
        <v>59138.082929999997</v>
      </c>
      <c r="AC8408">
        <v>46425.589919999999</v>
      </c>
      <c r="AD8408">
        <v>39872.004269999998</v>
      </c>
      <c r="AE8408">
        <v>33093.821340000002</v>
      </c>
      <c r="AF8408">
        <v>48019.167889999997</v>
      </c>
      <c r="AG8408">
        <v>21149.119500000001</v>
      </c>
      <c r="AH8408">
        <v>319142.63500000001</v>
      </c>
      <c r="AI8408">
        <v>82910.908479999998</v>
      </c>
      <c r="AJ8408">
        <v>26962.33842</v>
      </c>
      <c r="AK8408">
        <v>29530.405409999999</v>
      </c>
      <c r="AL8408">
        <v>89293.105119999993</v>
      </c>
      <c r="AM8408">
        <v>21789.866010000002</v>
      </c>
      <c r="AN8408">
        <v>93707.996809999997</v>
      </c>
      <c r="AO8408">
        <v>33057.989699999998</v>
      </c>
      <c r="AP8408">
        <v>23241.326290000001</v>
      </c>
    </row>
    <row r="8409" spans="2:42" x14ac:dyDescent="0.3">
      <c r="B8409">
        <v>65.982667656675076</v>
      </c>
      <c r="C8409" s="83">
        <v>43451.291666666664</v>
      </c>
      <c r="D8409">
        <v>275206.34490000003</v>
      </c>
      <c r="E8409">
        <v>29506.081279999999</v>
      </c>
      <c r="F8409">
        <v>83739.288870000004</v>
      </c>
      <c r="G8409">
        <v>74253.297810000004</v>
      </c>
      <c r="H8409">
        <v>53098.737249999998</v>
      </c>
      <c r="I8409">
        <v>49748.589630000002</v>
      </c>
      <c r="J8409">
        <v>34761.176079999997</v>
      </c>
      <c r="K8409">
        <v>54186.222970000003</v>
      </c>
      <c r="L8409">
        <v>24012.38379</v>
      </c>
      <c r="M8409">
        <v>336410.41019999998</v>
      </c>
      <c r="N8409">
        <v>90393.735990000001</v>
      </c>
      <c r="O8409">
        <v>30125.098979999999</v>
      </c>
      <c r="P8409">
        <v>32169.665649999999</v>
      </c>
      <c r="Q8409">
        <v>91603.969920000003</v>
      </c>
      <c r="R8409">
        <v>23972.80056</v>
      </c>
      <c r="S8409">
        <v>110988.9512</v>
      </c>
      <c r="T8409">
        <v>36201.20091</v>
      </c>
      <c r="U8409">
        <v>28430.072789999998</v>
      </c>
      <c r="W8409" s="83">
        <f>Bühler!N8441</f>
        <v>45642.291666646277</v>
      </c>
      <c r="X8409" s="83">
        <v>43451.291666666664</v>
      </c>
      <c r="Y8409">
        <v>275206.34490000003</v>
      </c>
      <c r="Z8409">
        <v>29506.081279999999</v>
      </c>
      <c r="AA8409">
        <v>83739.288870000004</v>
      </c>
      <c r="AB8409">
        <v>74253.297810000004</v>
      </c>
      <c r="AC8409">
        <v>53098.737249999998</v>
      </c>
      <c r="AD8409">
        <v>49748.589630000002</v>
      </c>
      <c r="AE8409">
        <v>34761.176079999997</v>
      </c>
      <c r="AF8409">
        <v>54186.222970000003</v>
      </c>
      <c r="AG8409">
        <v>24012.38379</v>
      </c>
      <c r="AH8409">
        <v>336410.41019999998</v>
      </c>
      <c r="AI8409">
        <v>90393.735990000001</v>
      </c>
      <c r="AJ8409">
        <v>30125.098979999999</v>
      </c>
      <c r="AK8409">
        <v>32169.665649999999</v>
      </c>
      <c r="AL8409">
        <v>91603.969920000003</v>
      </c>
      <c r="AM8409">
        <v>23972.80056</v>
      </c>
      <c r="AN8409">
        <v>110988.9512</v>
      </c>
      <c r="AO8409">
        <v>36201.20091</v>
      </c>
      <c r="AP8409">
        <v>28430.072789999998</v>
      </c>
    </row>
    <row r="8410" spans="2:42" x14ac:dyDescent="0.3">
      <c r="B8410">
        <v>67.730749315400203</v>
      </c>
      <c r="C8410" s="83">
        <v>43451.333333333336</v>
      </c>
      <c r="D8410">
        <v>294108.73560000001</v>
      </c>
      <c r="E8410">
        <v>36195.936070000003</v>
      </c>
      <c r="F8410">
        <v>91611.816930000001</v>
      </c>
      <c r="G8410">
        <v>94491.081980000003</v>
      </c>
      <c r="H8410">
        <v>59034.498930000002</v>
      </c>
      <c r="I8410">
        <v>52810.413950000002</v>
      </c>
      <c r="J8410">
        <v>34827.671829999999</v>
      </c>
      <c r="K8410">
        <v>60086.874029999999</v>
      </c>
      <c r="L8410">
        <v>26976.004400000002</v>
      </c>
      <c r="M8410">
        <v>345322.94569999998</v>
      </c>
      <c r="N8410">
        <v>98602.270059999995</v>
      </c>
      <c r="O8410">
        <v>31782.078249999999</v>
      </c>
      <c r="P8410">
        <v>34397.029499999997</v>
      </c>
      <c r="Q8410">
        <v>93037.695479999995</v>
      </c>
      <c r="R8410">
        <v>24553.604909999998</v>
      </c>
      <c r="S8410">
        <v>125696.6186</v>
      </c>
      <c r="T8410">
        <v>39910.63147</v>
      </c>
      <c r="U8410">
        <v>31642.226859999999</v>
      </c>
      <c r="W8410" s="83">
        <f>Bühler!N8442</f>
        <v>45642.333333312941</v>
      </c>
      <c r="X8410" s="83">
        <v>43451.333333333336</v>
      </c>
      <c r="Y8410">
        <v>294108.73560000001</v>
      </c>
      <c r="Z8410">
        <v>36195.936070000003</v>
      </c>
      <c r="AA8410">
        <v>91611.816930000001</v>
      </c>
      <c r="AB8410">
        <v>94491.081980000003</v>
      </c>
      <c r="AC8410">
        <v>59034.498930000002</v>
      </c>
      <c r="AD8410">
        <v>52810.413950000002</v>
      </c>
      <c r="AE8410">
        <v>34827.671829999999</v>
      </c>
      <c r="AF8410">
        <v>60086.874029999999</v>
      </c>
      <c r="AG8410">
        <v>26976.004400000002</v>
      </c>
      <c r="AH8410">
        <v>345322.94569999998</v>
      </c>
      <c r="AI8410">
        <v>98602.270059999995</v>
      </c>
      <c r="AJ8410">
        <v>31782.078249999999</v>
      </c>
      <c r="AK8410">
        <v>34397.029499999997</v>
      </c>
      <c r="AL8410">
        <v>93037.695479999995</v>
      </c>
      <c r="AM8410">
        <v>24553.604909999998</v>
      </c>
      <c r="AN8410">
        <v>125696.6186</v>
      </c>
      <c r="AO8410">
        <v>39910.63147</v>
      </c>
      <c r="AP8410">
        <v>31642.226859999999</v>
      </c>
    </row>
    <row r="8411" spans="2:42" x14ac:dyDescent="0.3">
      <c r="B8411">
        <v>67.639617577179934</v>
      </c>
      <c r="C8411" s="83">
        <v>43451.375</v>
      </c>
      <c r="D8411">
        <v>297721.57650000002</v>
      </c>
      <c r="E8411">
        <v>40002.93017</v>
      </c>
      <c r="F8411">
        <v>96985.729009999995</v>
      </c>
      <c r="G8411">
        <v>104811.8162</v>
      </c>
      <c r="H8411">
        <v>60706.041250000002</v>
      </c>
      <c r="I8411">
        <v>50849.649120000002</v>
      </c>
      <c r="J8411">
        <v>34365.612110000002</v>
      </c>
      <c r="K8411">
        <v>58481.411</v>
      </c>
      <c r="L8411">
        <v>29845.63753</v>
      </c>
      <c r="M8411">
        <v>344858.31359999999</v>
      </c>
      <c r="N8411">
        <v>101988.3235</v>
      </c>
      <c r="O8411">
        <v>31461.481609999999</v>
      </c>
      <c r="P8411">
        <v>36177.691959999996</v>
      </c>
      <c r="Q8411">
        <v>95121.53602</v>
      </c>
      <c r="R8411">
        <v>23710.833449999998</v>
      </c>
      <c r="S8411">
        <v>132946.00459999999</v>
      </c>
      <c r="T8411">
        <v>41159.773280000001</v>
      </c>
      <c r="U8411">
        <v>31432.188819999999</v>
      </c>
      <c r="W8411" s="83">
        <f>Bühler!N8443</f>
        <v>45642.374999979605</v>
      </c>
      <c r="X8411" s="83">
        <v>43451.375</v>
      </c>
      <c r="Y8411">
        <v>297721.57650000002</v>
      </c>
      <c r="Z8411">
        <v>40002.93017</v>
      </c>
      <c r="AA8411">
        <v>96985.729009999995</v>
      </c>
      <c r="AB8411">
        <v>104811.8162</v>
      </c>
      <c r="AC8411">
        <v>60706.041250000002</v>
      </c>
      <c r="AD8411">
        <v>50849.649120000002</v>
      </c>
      <c r="AE8411">
        <v>34365.612110000002</v>
      </c>
      <c r="AF8411">
        <v>58481.411</v>
      </c>
      <c r="AG8411">
        <v>29845.63753</v>
      </c>
      <c r="AH8411">
        <v>344858.31359999999</v>
      </c>
      <c r="AI8411">
        <v>101988.3235</v>
      </c>
      <c r="AJ8411">
        <v>31461.481609999999</v>
      </c>
      <c r="AK8411">
        <v>36177.691959999996</v>
      </c>
      <c r="AL8411">
        <v>95121.53602</v>
      </c>
      <c r="AM8411">
        <v>23710.833449999998</v>
      </c>
      <c r="AN8411">
        <v>132946.00459999999</v>
      </c>
      <c r="AO8411">
        <v>41159.773280000001</v>
      </c>
      <c r="AP8411">
        <v>31432.188819999999</v>
      </c>
    </row>
    <row r="8412" spans="2:42" x14ac:dyDescent="0.3">
      <c r="B8412">
        <v>69.250697448867257</v>
      </c>
      <c r="C8412" s="83">
        <v>43451.416666666664</v>
      </c>
      <c r="D8412">
        <v>299668.89750000002</v>
      </c>
      <c r="E8412">
        <v>41029.922789999997</v>
      </c>
      <c r="F8412">
        <v>96730.712520000001</v>
      </c>
      <c r="G8412">
        <v>105661.7965</v>
      </c>
      <c r="H8412">
        <v>61853.142930000002</v>
      </c>
      <c r="I8412">
        <v>47653.972450000001</v>
      </c>
      <c r="J8412">
        <v>33509.896189999999</v>
      </c>
      <c r="K8412">
        <v>60163.240709999998</v>
      </c>
      <c r="L8412">
        <v>31980.470740000001</v>
      </c>
      <c r="M8412">
        <v>353072.35009999998</v>
      </c>
      <c r="N8412">
        <v>103036.31939999999</v>
      </c>
      <c r="O8412">
        <v>31333.818060000001</v>
      </c>
      <c r="P8412">
        <v>37120.118430000002</v>
      </c>
      <c r="Q8412">
        <v>95336.078500000003</v>
      </c>
      <c r="R8412">
        <v>24138.812620000001</v>
      </c>
      <c r="S8412">
        <v>134554.45730000001</v>
      </c>
      <c r="T8412">
        <v>42168.582560000003</v>
      </c>
      <c r="U8412">
        <v>30716.721819999999</v>
      </c>
      <c r="W8412" s="83">
        <f>Bühler!N8444</f>
        <v>45642.41666664627</v>
      </c>
      <c r="X8412" s="83">
        <v>43451.416666666664</v>
      </c>
      <c r="Y8412">
        <v>299668.89750000002</v>
      </c>
      <c r="Z8412">
        <v>41029.922789999997</v>
      </c>
      <c r="AA8412">
        <v>96730.712520000001</v>
      </c>
      <c r="AB8412">
        <v>105661.7965</v>
      </c>
      <c r="AC8412">
        <v>61853.142930000002</v>
      </c>
      <c r="AD8412">
        <v>47653.972450000001</v>
      </c>
      <c r="AE8412">
        <v>33509.896189999999</v>
      </c>
      <c r="AF8412">
        <v>60163.240709999998</v>
      </c>
      <c r="AG8412">
        <v>31980.470740000001</v>
      </c>
      <c r="AH8412">
        <v>353072.35009999998</v>
      </c>
      <c r="AI8412">
        <v>103036.31939999999</v>
      </c>
      <c r="AJ8412">
        <v>31333.818060000001</v>
      </c>
      <c r="AK8412">
        <v>37120.118430000002</v>
      </c>
      <c r="AL8412">
        <v>95336.078500000003</v>
      </c>
      <c r="AM8412">
        <v>24138.812620000001</v>
      </c>
      <c r="AN8412">
        <v>134554.45730000001</v>
      </c>
      <c r="AO8412">
        <v>42168.582560000003</v>
      </c>
      <c r="AP8412">
        <v>30716.721819999999</v>
      </c>
    </row>
    <row r="8413" spans="2:42" x14ac:dyDescent="0.3">
      <c r="B8413">
        <v>70.341869936212959</v>
      </c>
      <c r="C8413" s="83">
        <v>43451.458333333336</v>
      </c>
      <c r="D8413">
        <v>298417.60479999997</v>
      </c>
      <c r="E8413">
        <v>40612.81222</v>
      </c>
      <c r="F8413">
        <v>97492.484270000001</v>
      </c>
      <c r="G8413">
        <v>102323.5301</v>
      </c>
      <c r="H8413">
        <v>61578.014300000003</v>
      </c>
      <c r="I8413">
        <v>46320.60484</v>
      </c>
      <c r="J8413">
        <v>33291.324529999998</v>
      </c>
      <c r="K8413">
        <v>67055.568570000003</v>
      </c>
      <c r="L8413">
        <v>33344.232219999998</v>
      </c>
      <c r="M8413">
        <v>358635.65629999997</v>
      </c>
      <c r="N8413">
        <v>102994.3337</v>
      </c>
      <c r="O8413">
        <v>31229.449960000002</v>
      </c>
      <c r="P8413">
        <v>37153.435640000003</v>
      </c>
      <c r="Q8413">
        <v>96228.162700000001</v>
      </c>
      <c r="R8413">
        <v>28209.26094</v>
      </c>
      <c r="S8413">
        <v>133549.42790000001</v>
      </c>
      <c r="T8413">
        <v>41744.700380000002</v>
      </c>
      <c r="U8413">
        <v>30419.700990000001</v>
      </c>
      <c r="W8413" s="83">
        <f>Bühler!N8445</f>
        <v>45642.458333312934</v>
      </c>
      <c r="X8413" s="83">
        <v>43451.458333333336</v>
      </c>
      <c r="Y8413">
        <v>298417.60479999997</v>
      </c>
      <c r="Z8413">
        <v>40612.81222</v>
      </c>
      <c r="AA8413">
        <v>97492.484270000001</v>
      </c>
      <c r="AB8413">
        <v>102323.5301</v>
      </c>
      <c r="AC8413">
        <v>61578.014300000003</v>
      </c>
      <c r="AD8413">
        <v>46320.60484</v>
      </c>
      <c r="AE8413">
        <v>33291.324529999998</v>
      </c>
      <c r="AF8413">
        <v>67055.568570000003</v>
      </c>
      <c r="AG8413">
        <v>33344.232219999998</v>
      </c>
      <c r="AH8413">
        <v>358635.65629999997</v>
      </c>
      <c r="AI8413">
        <v>102994.3337</v>
      </c>
      <c r="AJ8413">
        <v>31229.449960000002</v>
      </c>
      <c r="AK8413">
        <v>37153.435640000003</v>
      </c>
      <c r="AL8413">
        <v>96228.162700000001</v>
      </c>
      <c r="AM8413">
        <v>28209.26094</v>
      </c>
      <c r="AN8413">
        <v>133549.42790000001</v>
      </c>
      <c r="AO8413">
        <v>41744.700380000002</v>
      </c>
      <c r="AP8413">
        <v>30419.700990000001</v>
      </c>
    </row>
    <row r="8414" spans="2:42" x14ac:dyDescent="0.3">
      <c r="B8414">
        <v>69.574309097810143</v>
      </c>
      <c r="C8414" s="83">
        <v>43451.5</v>
      </c>
      <c r="D8414">
        <v>286629.21679999999</v>
      </c>
      <c r="E8414">
        <v>36497.883560000002</v>
      </c>
      <c r="F8414">
        <v>90788.708929999993</v>
      </c>
      <c r="G8414">
        <v>99495.642470000006</v>
      </c>
      <c r="H8414">
        <v>57913.413509999998</v>
      </c>
      <c r="I8414">
        <v>43228.814680000003</v>
      </c>
      <c r="J8414">
        <v>33140.297939999997</v>
      </c>
      <c r="K8414">
        <v>63401.88751</v>
      </c>
      <c r="L8414">
        <v>35137.643929999998</v>
      </c>
      <c r="M8414">
        <v>354722.2732</v>
      </c>
      <c r="N8414">
        <v>99877.153130000006</v>
      </c>
      <c r="O8414">
        <v>30644.316350000001</v>
      </c>
      <c r="P8414">
        <v>36919.11004</v>
      </c>
      <c r="Q8414">
        <v>95719.993090000004</v>
      </c>
      <c r="R8414">
        <v>27983.106530000001</v>
      </c>
      <c r="S8414">
        <v>126835.3272</v>
      </c>
      <c r="T8414">
        <v>41357.267310000003</v>
      </c>
      <c r="U8414">
        <v>25794.97104</v>
      </c>
      <c r="W8414" s="83">
        <f>Bühler!N8446</f>
        <v>45642.499999979598</v>
      </c>
      <c r="X8414" s="83">
        <v>43451.5</v>
      </c>
      <c r="Y8414">
        <v>286629.21679999999</v>
      </c>
      <c r="Z8414">
        <v>36497.883560000002</v>
      </c>
      <c r="AA8414">
        <v>90788.708929999993</v>
      </c>
      <c r="AB8414">
        <v>99495.642470000006</v>
      </c>
      <c r="AC8414">
        <v>57913.413509999998</v>
      </c>
      <c r="AD8414">
        <v>43228.814680000003</v>
      </c>
      <c r="AE8414">
        <v>33140.297939999997</v>
      </c>
      <c r="AF8414">
        <v>63401.88751</v>
      </c>
      <c r="AG8414">
        <v>35137.643929999998</v>
      </c>
      <c r="AH8414">
        <v>354722.2732</v>
      </c>
      <c r="AI8414">
        <v>99877.153130000006</v>
      </c>
      <c r="AJ8414">
        <v>30644.316350000001</v>
      </c>
      <c r="AK8414">
        <v>36919.11004</v>
      </c>
      <c r="AL8414">
        <v>95719.993090000004</v>
      </c>
      <c r="AM8414">
        <v>27983.106530000001</v>
      </c>
      <c r="AN8414">
        <v>126835.3272</v>
      </c>
      <c r="AO8414">
        <v>41357.267310000003</v>
      </c>
      <c r="AP8414">
        <v>25794.97104</v>
      </c>
    </row>
    <row r="8415" spans="2:42" x14ac:dyDescent="0.3">
      <c r="B8415">
        <v>69.910716320093016</v>
      </c>
      <c r="C8415" s="83">
        <v>43451.541666666664</v>
      </c>
      <c r="D8415">
        <v>287843.47529999999</v>
      </c>
      <c r="E8415">
        <v>36620.520600000003</v>
      </c>
      <c r="F8415">
        <v>88645.608030000003</v>
      </c>
      <c r="G8415">
        <v>95848.294540000003</v>
      </c>
      <c r="H8415">
        <v>57913.082710000002</v>
      </c>
      <c r="I8415">
        <v>42893.238069999999</v>
      </c>
      <c r="J8415">
        <v>32364.775109999999</v>
      </c>
      <c r="K8415">
        <v>64402.710310000002</v>
      </c>
      <c r="L8415">
        <v>33342.228929999997</v>
      </c>
      <c r="M8415">
        <v>356437.43410000001</v>
      </c>
      <c r="N8415">
        <v>99432.357520000005</v>
      </c>
      <c r="O8415">
        <v>30012.604619999998</v>
      </c>
      <c r="P8415">
        <v>35601.919699999999</v>
      </c>
      <c r="Q8415">
        <v>94959.086599999995</v>
      </c>
      <c r="R8415">
        <v>28159.770270000001</v>
      </c>
      <c r="S8415">
        <v>125387.7745</v>
      </c>
      <c r="T8415">
        <v>39985.238810000003</v>
      </c>
      <c r="U8415">
        <v>26743.895069999999</v>
      </c>
      <c r="W8415" s="83">
        <f>Bühler!N8447</f>
        <v>45642.541666646262</v>
      </c>
      <c r="X8415" s="83">
        <v>43451.541666666664</v>
      </c>
      <c r="Y8415">
        <v>287843.47529999999</v>
      </c>
      <c r="Z8415">
        <v>36620.520600000003</v>
      </c>
      <c r="AA8415">
        <v>88645.608030000003</v>
      </c>
      <c r="AB8415">
        <v>95848.294540000003</v>
      </c>
      <c r="AC8415">
        <v>57913.082710000002</v>
      </c>
      <c r="AD8415">
        <v>42893.238069999999</v>
      </c>
      <c r="AE8415">
        <v>32364.775109999999</v>
      </c>
      <c r="AF8415">
        <v>64402.710310000002</v>
      </c>
      <c r="AG8415">
        <v>33342.228929999997</v>
      </c>
      <c r="AH8415">
        <v>356437.43410000001</v>
      </c>
      <c r="AI8415">
        <v>99432.357520000005</v>
      </c>
      <c r="AJ8415">
        <v>30012.604619999998</v>
      </c>
      <c r="AK8415">
        <v>35601.919699999999</v>
      </c>
      <c r="AL8415">
        <v>94959.086599999995</v>
      </c>
      <c r="AM8415">
        <v>28159.770270000001</v>
      </c>
      <c r="AN8415">
        <v>125387.7745</v>
      </c>
      <c r="AO8415">
        <v>39985.238810000003</v>
      </c>
      <c r="AP8415">
        <v>26743.895069999999</v>
      </c>
    </row>
    <row r="8416" spans="2:42" x14ac:dyDescent="0.3">
      <c r="B8416">
        <v>70.755891792673879</v>
      </c>
      <c r="C8416" s="83">
        <v>43451.583333333336</v>
      </c>
      <c r="D8416">
        <v>291008.19620000001</v>
      </c>
      <c r="E8416">
        <v>39113.375760000003</v>
      </c>
      <c r="F8416">
        <v>96345.263500000001</v>
      </c>
      <c r="G8416">
        <v>90755.483089999994</v>
      </c>
      <c r="H8416">
        <v>57614.462030000002</v>
      </c>
      <c r="I8416">
        <v>43143.966930000002</v>
      </c>
      <c r="J8416">
        <v>31121.692190000002</v>
      </c>
      <c r="K8416">
        <v>65880.294309999997</v>
      </c>
      <c r="L8416">
        <v>30584.980650000001</v>
      </c>
      <c r="M8416">
        <v>360746.53279999999</v>
      </c>
      <c r="N8416">
        <v>99654.853610000006</v>
      </c>
      <c r="O8416">
        <v>29543.471600000001</v>
      </c>
      <c r="P8416">
        <v>33742.717900000003</v>
      </c>
      <c r="Q8416">
        <v>94205.757039999997</v>
      </c>
      <c r="R8416">
        <v>26135.980220000001</v>
      </c>
      <c r="S8416">
        <v>120768.1338</v>
      </c>
      <c r="T8416">
        <v>38044.106220000001</v>
      </c>
      <c r="U8416">
        <v>27536.859179999999</v>
      </c>
      <c r="W8416" s="83">
        <f>Bühler!N8448</f>
        <v>45642.583333312927</v>
      </c>
      <c r="X8416" s="83">
        <v>43451.583333333336</v>
      </c>
      <c r="Y8416">
        <v>291008.19620000001</v>
      </c>
      <c r="Z8416">
        <v>39113.375760000003</v>
      </c>
      <c r="AA8416">
        <v>96345.263500000001</v>
      </c>
      <c r="AB8416">
        <v>90755.483089999994</v>
      </c>
      <c r="AC8416">
        <v>57614.462030000002</v>
      </c>
      <c r="AD8416">
        <v>43143.966930000002</v>
      </c>
      <c r="AE8416">
        <v>31121.692190000002</v>
      </c>
      <c r="AF8416">
        <v>65880.294309999997</v>
      </c>
      <c r="AG8416">
        <v>30584.980650000001</v>
      </c>
      <c r="AH8416">
        <v>360746.53279999999</v>
      </c>
      <c r="AI8416">
        <v>99654.853610000006</v>
      </c>
      <c r="AJ8416">
        <v>29543.471600000001</v>
      </c>
      <c r="AK8416">
        <v>33742.717900000003</v>
      </c>
      <c r="AL8416">
        <v>94205.757039999997</v>
      </c>
      <c r="AM8416">
        <v>26135.980220000001</v>
      </c>
      <c r="AN8416">
        <v>120768.1338</v>
      </c>
      <c r="AO8416">
        <v>38044.106220000001</v>
      </c>
      <c r="AP8416">
        <v>27536.859179999999</v>
      </c>
    </row>
    <row r="8417" spans="2:42" x14ac:dyDescent="0.3">
      <c r="B8417">
        <v>69.79153457812491</v>
      </c>
      <c r="C8417" s="83">
        <v>43451.625</v>
      </c>
      <c r="D8417">
        <v>289142.83260000002</v>
      </c>
      <c r="E8417">
        <v>38859.50589</v>
      </c>
      <c r="F8417">
        <v>95789.519740000003</v>
      </c>
      <c r="G8417">
        <v>88596.154620000001</v>
      </c>
      <c r="H8417">
        <v>56177.089460000003</v>
      </c>
      <c r="I8417">
        <v>43906.41519</v>
      </c>
      <c r="J8417">
        <v>30440.83368</v>
      </c>
      <c r="K8417">
        <v>65019.206630000001</v>
      </c>
      <c r="L8417">
        <v>27769.775269999998</v>
      </c>
      <c r="M8417">
        <v>355829.79</v>
      </c>
      <c r="N8417">
        <v>97708.948659999995</v>
      </c>
      <c r="O8417">
        <v>28753.3645</v>
      </c>
      <c r="P8417">
        <v>32562.04264</v>
      </c>
      <c r="Q8417">
        <v>94114.561189999993</v>
      </c>
      <c r="R8417">
        <v>25684.78529</v>
      </c>
      <c r="S8417">
        <v>118543.9471</v>
      </c>
      <c r="T8417">
        <v>38197.490590000001</v>
      </c>
      <c r="U8417">
        <v>25907.186750000001</v>
      </c>
      <c r="W8417" s="83">
        <f>Bühler!N8449</f>
        <v>45642.624999979591</v>
      </c>
      <c r="X8417" s="83">
        <v>43451.625</v>
      </c>
      <c r="Y8417">
        <v>289142.83260000002</v>
      </c>
      <c r="Z8417">
        <v>38859.50589</v>
      </c>
      <c r="AA8417">
        <v>95789.519740000003</v>
      </c>
      <c r="AB8417">
        <v>88596.154620000001</v>
      </c>
      <c r="AC8417">
        <v>56177.089460000003</v>
      </c>
      <c r="AD8417">
        <v>43906.41519</v>
      </c>
      <c r="AE8417">
        <v>30440.83368</v>
      </c>
      <c r="AF8417">
        <v>65019.206630000001</v>
      </c>
      <c r="AG8417">
        <v>27769.775269999998</v>
      </c>
      <c r="AH8417">
        <v>355829.79</v>
      </c>
      <c r="AI8417">
        <v>97708.948659999995</v>
      </c>
      <c r="AJ8417">
        <v>28753.3645</v>
      </c>
      <c r="AK8417">
        <v>32562.04264</v>
      </c>
      <c r="AL8417">
        <v>94114.561189999993</v>
      </c>
      <c r="AM8417">
        <v>25684.78529</v>
      </c>
      <c r="AN8417">
        <v>118543.9471</v>
      </c>
      <c r="AO8417">
        <v>38197.490590000001</v>
      </c>
      <c r="AP8417">
        <v>25907.186750000001</v>
      </c>
    </row>
    <row r="8418" spans="2:42" x14ac:dyDescent="0.3">
      <c r="B8418">
        <v>69.050394724183917</v>
      </c>
      <c r="C8418" s="83">
        <v>43451.666666666664</v>
      </c>
      <c r="D8418">
        <v>283491.62609999999</v>
      </c>
      <c r="E8418">
        <v>38329.773889999997</v>
      </c>
      <c r="F8418">
        <v>96625.263040000005</v>
      </c>
      <c r="G8418">
        <v>86229.860660000006</v>
      </c>
      <c r="H8418">
        <v>54510.164669999998</v>
      </c>
      <c r="I8418">
        <v>45175.461230000001</v>
      </c>
      <c r="J8418">
        <v>30530.885610000001</v>
      </c>
      <c r="K8418">
        <v>61562.775900000001</v>
      </c>
      <c r="L8418">
        <v>26956.315399999999</v>
      </c>
      <c r="M8418">
        <v>352051.11339999997</v>
      </c>
      <c r="N8418">
        <v>95792.273730000001</v>
      </c>
      <c r="O8418">
        <v>28482.04263</v>
      </c>
      <c r="P8418">
        <v>32546.686539999999</v>
      </c>
      <c r="Q8418">
        <v>93589.392540000001</v>
      </c>
      <c r="R8418">
        <v>25770.64877</v>
      </c>
      <c r="S8418">
        <v>116926.052</v>
      </c>
      <c r="T8418">
        <v>39426.793319999997</v>
      </c>
      <c r="U8418">
        <v>24804.245620000002</v>
      </c>
      <c r="W8418" s="83">
        <f>Bühler!N8450</f>
        <v>45642.666666646255</v>
      </c>
      <c r="X8418" s="83">
        <v>43451.666666666664</v>
      </c>
      <c r="Y8418">
        <v>283491.62609999999</v>
      </c>
      <c r="Z8418">
        <v>38329.773889999997</v>
      </c>
      <c r="AA8418">
        <v>96625.263040000005</v>
      </c>
      <c r="AB8418">
        <v>86229.860660000006</v>
      </c>
      <c r="AC8418">
        <v>54510.164669999998</v>
      </c>
      <c r="AD8418">
        <v>45175.461230000001</v>
      </c>
      <c r="AE8418">
        <v>30530.885610000001</v>
      </c>
      <c r="AF8418">
        <v>61562.775900000001</v>
      </c>
      <c r="AG8418">
        <v>26956.315399999999</v>
      </c>
      <c r="AH8418">
        <v>352051.11339999997</v>
      </c>
      <c r="AI8418">
        <v>95792.273730000001</v>
      </c>
      <c r="AJ8418">
        <v>28482.04263</v>
      </c>
      <c r="AK8418">
        <v>32546.686539999999</v>
      </c>
      <c r="AL8418">
        <v>93589.392540000001</v>
      </c>
      <c r="AM8418">
        <v>25770.64877</v>
      </c>
      <c r="AN8418">
        <v>116926.052</v>
      </c>
      <c r="AO8418">
        <v>39426.793319999997</v>
      </c>
      <c r="AP8418">
        <v>24804.245620000002</v>
      </c>
    </row>
    <row r="8419" spans="2:42" x14ac:dyDescent="0.3">
      <c r="B8419">
        <v>67.709358549494283</v>
      </c>
      <c r="C8419" s="83">
        <v>43451.708333333336</v>
      </c>
      <c r="D8419">
        <v>275742.00679999997</v>
      </c>
      <c r="E8419">
        <v>37382.084150000002</v>
      </c>
      <c r="F8419">
        <v>97244.046069999997</v>
      </c>
      <c r="G8419">
        <v>79792.771649999995</v>
      </c>
      <c r="H8419">
        <v>54755.933830000002</v>
      </c>
      <c r="I8419">
        <v>44484.844409999998</v>
      </c>
      <c r="J8419">
        <v>32624.828300000001</v>
      </c>
      <c r="K8419">
        <v>56748.277349999997</v>
      </c>
      <c r="L8419">
        <v>28091.355629999998</v>
      </c>
      <c r="M8419">
        <v>345213.88559999998</v>
      </c>
      <c r="N8419">
        <v>92827.706210000004</v>
      </c>
      <c r="O8419">
        <v>28223.173009999999</v>
      </c>
      <c r="P8419">
        <v>34818.625780000002</v>
      </c>
      <c r="Q8419">
        <v>92156.979040000006</v>
      </c>
      <c r="R8419">
        <v>25431.215080000002</v>
      </c>
      <c r="S8419">
        <v>117332.98420000001</v>
      </c>
      <c r="T8419">
        <v>41104.930330000003</v>
      </c>
      <c r="U8419">
        <v>23630.910380000001</v>
      </c>
      <c r="W8419" s="83">
        <f>Bühler!N8451</f>
        <v>45642.708333312919</v>
      </c>
      <c r="X8419" s="83">
        <v>43451.708333333336</v>
      </c>
      <c r="Y8419">
        <v>275742.00679999997</v>
      </c>
      <c r="Z8419">
        <v>37382.084150000002</v>
      </c>
      <c r="AA8419">
        <v>97244.046069999997</v>
      </c>
      <c r="AB8419">
        <v>79792.771649999995</v>
      </c>
      <c r="AC8419">
        <v>54755.933830000002</v>
      </c>
      <c r="AD8419">
        <v>44484.844409999998</v>
      </c>
      <c r="AE8419">
        <v>32624.828300000001</v>
      </c>
      <c r="AF8419">
        <v>56748.277349999997</v>
      </c>
      <c r="AG8419">
        <v>28091.355629999998</v>
      </c>
      <c r="AH8419">
        <v>345213.88559999998</v>
      </c>
      <c r="AI8419">
        <v>92827.706210000004</v>
      </c>
      <c r="AJ8419">
        <v>28223.173009999999</v>
      </c>
      <c r="AK8419">
        <v>34818.625780000002</v>
      </c>
      <c r="AL8419">
        <v>92156.979040000006</v>
      </c>
      <c r="AM8419">
        <v>25431.215080000002</v>
      </c>
      <c r="AN8419">
        <v>117332.98420000001</v>
      </c>
      <c r="AO8419">
        <v>41104.930330000003</v>
      </c>
      <c r="AP8419">
        <v>23630.910380000001</v>
      </c>
    </row>
    <row r="8420" spans="2:42" x14ac:dyDescent="0.3">
      <c r="B8420">
        <v>66.443568806627297</v>
      </c>
      <c r="C8420" s="83">
        <v>43451.75</v>
      </c>
      <c r="D8420">
        <v>266110.56359999999</v>
      </c>
      <c r="E8420">
        <v>33471.433239999998</v>
      </c>
      <c r="F8420">
        <v>94547.667409999995</v>
      </c>
      <c r="G8420">
        <v>69581.831940000004</v>
      </c>
      <c r="H8420">
        <v>51868.10557</v>
      </c>
      <c r="I8420">
        <v>42509.789129999997</v>
      </c>
      <c r="J8420">
        <v>32556.696530000001</v>
      </c>
      <c r="K8420">
        <v>50022.065580000002</v>
      </c>
      <c r="L8420">
        <v>30085.16937</v>
      </c>
      <c r="M8420">
        <v>338760.29920000001</v>
      </c>
      <c r="N8420">
        <v>91675.306200000006</v>
      </c>
      <c r="O8420">
        <v>26735.014930000001</v>
      </c>
      <c r="P8420">
        <v>37519.72264</v>
      </c>
      <c r="Q8420">
        <v>91044.970759999997</v>
      </c>
      <c r="R8420">
        <v>21771.712790000001</v>
      </c>
      <c r="S8420">
        <v>110258.85249999999</v>
      </c>
      <c r="T8420">
        <v>40859.304219999998</v>
      </c>
      <c r="U8420">
        <v>21390.186740000001</v>
      </c>
      <c r="W8420" s="83">
        <f>Bühler!N8452</f>
        <v>45642.749999979584</v>
      </c>
      <c r="X8420" s="83">
        <v>43451.75</v>
      </c>
      <c r="Y8420">
        <v>266110.56359999999</v>
      </c>
      <c r="Z8420">
        <v>33471.433239999998</v>
      </c>
      <c r="AA8420">
        <v>94547.667409999995</v>
      </c>
      <c r="AB8420">
        <v>69581.831940000004</v>
      </c>
      <c r="AC8420">
        <v>51868.10557</v>
      </c>
      <c r="AD8420">
        <v>42509.789129999997</v>
      </c>
      <c r="AE8420">
        <v>32556.696530000001</v>
      </c>
      <c r="AF8420">
        <v>50022.065580000002</v>
      </c>
      <c r="AG8420">
        <v>30085.16937</v>
      </c>
      <c r="AH8420">
        <v>338760.29920000001</v>
      </c>
      <c r="AI8420">
        <v>91675.306200000006</v>
      </c>
      <c r="AJ8420">
        <v>26735.014930000001</v>
      </c>
      <c r="AK8420">
        <v>37519.72264</v>
      </c>
      <c r="AL8420">
        <v>91044.970759999997</v>
      </c>
      <c r="AM8420">
        <v>21771.712790000001</v>
      </c>
      <c r="AN8420">
        <v>110258.85249999999</v>
      </c>
      <c r="AO8420">
        <v>40859.304219999998</v>
      </c>
      <c r="AP8420">
        <v>21390.186740000001</v>
      </c>
    </row>
    <row r="8421" spans="2:42" x14ac:dyDescent="0.3">
      <c r="B8421">
        <v>65.532340765016258</v>
      </c>
      <c r="C8421" s="83">
        <v>43451.791666666664</v>
      </c>
      <c r="D8421">
        <v>260748.6275</v>
      </c>
      <c r="E8421">
        <v>27271.429329999999</v>
      </c>
      <c r="F8421">
        <v>81424.392980000004</v>
      </c>
      <c r="G8421">
        <v>61209.153720000002</v>
      </c>
      <c r="H8421">
        <v>48087.800260000004</v>
      </c>
      <c r="I8421">
        <v>40301.812449999998</v>
      </c>
      <c r="J8421">
        <v>31533.922930000001</v>
      </c>
      <c r="K8421">
        <v>50695.247920000002</v>
      </c>
      <c r="L8421">
        <v>30332.90539</v>
      </c>
      <c r="M8421">
        <v>334114.43369999999</v>
      </c>
      <c r="N8421">
        <v>88340.87268</v>
      </c>
      <c r="O8421">
        <v>25236.23776</v>
      </c>
      <c r="P8421">
        <v>38405.573539999998</v>
      </c>
      <c r="Q8421">
        <v>89355.606849999996</v>
      </c>
      <c r="R8421">
        <v>20694.567330000002</v>
      </c>
      <c r="S8421">
        <v>103443.8303</v>
      </c>
      <c r="T8421">
        <v>39977.205170000001</v>
      </c>
      <c r="U8421">
        <v>19504.01353</v>
      </c>
      <c r="W8421" s="83">
        <f>Bühler!N8453</f>
        <v>45642.791666646248</v>
      </c>
      <c r="X8421" s="83">
        <v>43451.791666666664</v>
      </c>
      <c r="Y8421">
        <v>260748.6275</v>
      </c>
      <c r="Z8421">
        <v>27271.429329999999</v>
      </c>
      <c r="AA8421">
        <v>81424.392980000004</v>
      </c>
      <c r="AB8421">
        <v>61209.153720000002</v>
      </c>
      <c r="AC8421">
        <v>48087.800260000004</v>
      </c>
      <c r="AD8421">
        <v>40301.812449999998</v>
      </c>
      <c r="AE8421">
        <v>31533.922930000001</v>
      </c>
      <c r="AF8421">
        <v>50695.247920000002</v>
      </c>
      <c r="AG8421">
        <v>30332.90539</v>
      </c>
      <c r="AH8421">
        <v>334114.43369999999</v>
      </c>
      <c r="AI8421">
        <v>88340.87268</v>
      </c>
      <c r="AJ8421">
        <v>25236.23776</v>
      </c>
      <c r="AK8421">
        <v>38405.573539999998</v>
      </c>
      <c r="AL8421">
        <v>89355.606849999996</v>
      </c>
      <c r="AM8421">
        <v>20694.567330000002</v>
      </c>
      <c r="AN8421">
        <v>103443.8303</v>
      </c>
      <c r="AO8421">
        <v>39977.205170000001</v>
      </c>
      <c r="AP8421">
        <v>19504.01353</v>
      </c>
    </row>
    <row r="8422" spans="2:42" x14ac:dyDescent="0.3">
      <c r="B8422">
        <v>64.231380524204724</v>
      </c>
      <c r="C8422" s="83">
        <v>43451.833333333336</v>
      </c>
      <c r="D8422">
        <v>251117.38399999999</v>
      </c>
      <c r="E8422">
        <v>20952.208559999999</v>
      </c>
      <c r="F8422">
        <v>63860.73272</v>
      </c>
      <c r="G8422">
        <v>53581.351419999999</v>
      </c>
      <c r="H8422">
        <v>45264.741370000003</v>
      </c>
      <c r="I8422">
        <v>35047.705390000003</v>
      </c>
      <c r="J8422">
        <v>30465.188979999999</v>
      </c>
      <c r="K8422">
        <v>55512.973149999998</v>
      </c>
      <c r="L8422">
        <v>29883.250469999999</v>
      </c>
      <c r="M8422">
        <v>327481.53169999999</v>
      </c>
      <c r="N8422">
        <v>85473.312550000002</v>
      </c>
      <c r="O8422">
        <v>23955.498210000002</v>
      </c>
      <c r="P8422">
        <v>39048.816290000002</v>
      </c>
      <c r="Q8422">
        <v>86647.273329999996</v>
      </c>
      <c r="R8422">
        <v>22307.026419999998</v>
      </c>
      <c r="S8422">
        <v>93727.487399999998</v>
      </c>
      <c r="T8422">
        <v>37166.377289999997</v>
      </c>
      <c r="U8422">
        <v>18334.280940000001</v>
      </c>
      <c r="W8422" s="83">
        <f>Bühler!N8454</f>
        <v>45642.833333312912</v>
      </c>
      <c r="X8422" s="83">
        <v>43451.833333333336</v>
      </c>
      <c r="Y8422">
        <v>251117.38399999999</v>
      </c>
      <c r="Z8422">
        <v>20952.208559999999</v>
      </c>
      <c r="AA8422">
        <v>63860.73272</v>
      </c>
      <c r="AB8422">
        <v>53581.351419999999</v>
      </c>
      <c r="AC8422">
        <v>45264.741370000003</v>
      </c>
      <c r="AD8422">
        <v>35047.705390000003</v>
      </c>
      <c r="AE8422">
        <v>30465.188979999999</v>
      </c>
      <c r="AF8422">
        <v>55512.973149999998</v>
      </c>
      <c r="AG8422">
        <v>29883.250469999999</v>
      </c>
      <c r="AH8422">
        <v>327481.53169999999</v>
      </c>
      <c r="AI8422">
        <v>85473.312550000002</v>
      </c>
      <c r="AJ8422">
        <v>23955.498210000002</v>
      </c>
      <c r="AK8422">
        <v>39048.816290000002</v>
      </c>
      <c r="AL8422">
        <v>86647.273329999996</v>
      </c>
      <c r="AM8422">
        <v>22307.026419999998</v>
      </c>
      <c r="AN8422">
        <v>93727.487399999998</v>
      </c>
      <c r="AO8422">
        <v>37166.377289999997</v>
      </c>
      <c r="AP8422">
        <v>18334.280940000001</v>
      </c>
    </row>
    <row r="8423" spans="2:42" x14ac:dyDescent="0.3">
      <c r="B8423">
        <v>62.735244453396788</v>
      </c>
      <c r="C8423" s="83">
        <v>43451.875</v>
      </c>
      <c r="D8423">
        <v>240974.74160000001</v>
      </c>
      <c r="E8423">
        <v>18175.05832</v>
      </c>
      <c r="F8423">
        <v>55668.796849999999</v>
      </c>
      <c r="G8423">
        <v>49443.834040000002</v>
      </c>
      <c r="H8423">
        <v>43110.088389999997</v>
      </c>
      <c r="I8423">
        <v>30621.515090000001</v>
      </c>
      <c r="J8423">
        <v>29504.605650000001</v>
      </c>
      <c r="K8423">
        <v>52942.598129999998</v>
      </c>
      <c r="L8423">
        <v>27949.66833</v>
      </c>
      <c r="M8423">
        <v>319853.53230000002</v>
      </c>
      <c r="N8423">
        <v>82719.616949999996</v>
      </c>
      <c r="O8423">
        <v>22965.24739</v>
      </c>
      <c r="P8423">
        <v>37583.103860000003</v>
      </c>
      <c r="Q8423">
        <v>84793.23126</v>
      </c>
      <c r="R8423">
        <v>19976.138419999999</v>
      </c>
      <c r="S8423">
        <v>87637.672470000005</v>
      </c>
      <c r="T8423">
        <v>34715.962449999999</v>
      </c>
      <c r="U8423">
        <v>17689.835230000001</v>
      </c>
      <c r="W8423" s="83">
        <f>Bühler!N8455</f>
        <v>45642.874999979576</v>
      </c>
      <c r="X8423" s="83">
        <v>43451.875</v>
      </c>
      <c r="Y8423">
        <v>240974.74160000001</v>
      </c>
      <c r="Z8423">
        <v>18175.05832</v>
      </c>
      <c r="AA8423">
        <v>55668.796849999999</v>
      </c>
      <c r="AB8423">
        <v>49443.834040000002</v>
      </c>
      <c r="AC8423">
        <v>43110.088389999997</v>
      </c>
      <c r="AD8423">
        <v>30621.515090000001</v>
      </c>
      <c r="AE8423">
        <v>29504.605650000001</v>
      </c>
      <c r="AF8423">
        <v>52942.598129999998</v>
      </c>
      <c r="AG8423">
        <v>27949.66833</v>
      </c>
      <c r="AH8423">
        <v>319853.53230000002</v>
      </c>
      <c r="AI8423">
        <v>82719.616949999996</v>
      </c>
      <c r="AJ8423">
        <v>22965.24739</v>
      </c>
      <c r="AK8423">
        <v>37583.103860000003</v>
      </c>
      <c r="AL8423">
        <v>84793.23126</v>
      </c>
      <c r="AM8423">
        <v>19976.138419999999</v>
      </c>
      <c r="AN8423">
        <v>87637.672470000005</v>
      </c>
      <c r="AO8423">
        <v>34715.962449999999</v>
      </c>
      <c r="AP8423">
        <v>17689.835230000001</v>
      </c>
    </row>
    <row r="8424" spans="2:42" x14ac:dyDescent="0.3">
      <c r="B8424">
        <v>62.390160111950465</v>
      </c>
      <c r="C8424" s="83">
        <v>43451.916666666664</v>
      </c>
      <c r="D8424">
        <v>239846.15789999999</v>
      </c>
      <c r="E8424">
        <v>17714.718819999998</v>
      </c>
      <c r="F8424">
        <v>53363.864750000001</v>
      </c>
      <c r="G8424">
        <v>46576.974560000002</v>
      </c>
      <c r="H8424">
        <v>41704.688549999999</v>
      </c>
      <c r="I8424">
        <v>29045.117180000001</v>
      </c>
      <c r="J8424">
        <v>28604.997630000002</v>
      </c>
      <c r="K8424">
        <v>54805.69745</v>
      </c>
      <c r="L8424">
        <v>25308.813440000002</v>
      </c>
      <c r="M8424">
        <v>318094.13140000001</v>
      </c>
      <c r="N8424">
        <v>82435.809850000005</v>
      </c>
      <c r="O8424">
        <v>23871.788830000001</v>
      </c>
      <c r="P8424">
        <v>39542.346129999998</v>
      </c>
      <c r="Q8424">
        <v>84075.393679999994</v>
      </c>
      <c r="R8424">
        <v>26656.553510000002</v>
      </c>
      <c r="S8424">
        <v>86101.729819999993</v>
      </c>
      <c r="T8424">
        <v>30642.990020000001</v>
      </c>
      <c r="U8424">
        <v>18043.001850000001</v>
      </c>
      <c r="W8424" s="83">
        <f>Bühler!N8456</f>
        <v>45642.916666646241</v>
      </c>
      <c r="X8424" s="83">
        <v>43451.916666666664</v>
      </c>
      <c r="Y8424">
        <v>239846.15789999999</v>
      </c>
      <c r="Z8424">
        <v>17714.718819999998</v>
      </c>
      <c r="AA8424">
        <v>53363.864750000001</v>
      </c>
      <c r="AB8424">
        <v>46576.974560000002</v>
      </c>
      <c r="AC8424">
        <v>41704.688549999999</v>
      </c>
      <c r="AD8424">
        <v>29045.117180000001</v>
      </c>
      <c r="AE8424">
        <v>28604.997630000002</v>
      </c>
      <c r="AF8424">
        <v>54805.69745</v>
      </c>
      <c r="AG8424">
        <v>25308.813440000002</v>
      </c>
      <c r="AH8424">
        <v>318094.13140000001</v>
      </c>
      <c r="AI8424">
        <v>82435.809850000005</v>
      </c>
      <c r="AJ8424">
        <v>23871.788830000001</v>
      </c>
      <c r="AK8424">
        <v>39542.346129999998</v>
      </c>
      <c r="AL8424">
        <v>84075.393679999994</v>
      </c>
      <c r="AM8424">
        <v>26656.553510000002</v>
      </c>
      <c r="AN8424">
        <v>86101.729819999993</v>
      </c>
      <c r="AO8424">
        <v>30642.990020000001</v>
      </c>
      <c r="AP8424">
        <v>18043.001850000001</v>
      </c>
    </row>
    <row r="8425" spans="2:42" x14ac:dyDescent="0.3">
      <c r="B8425">
        <v>61.783544770676343</v>
      </c>
      <c r="C8425" s="83">
        <v>43451.958333333336</v>
      </c>
      <c r="D8425">
        <v>239534.1703</v>
      </c>
      <c r="E8425">
        <v>17397.808669999999</v>
      </c>
      <c r="F8425">
        <v>52180.54191</v>
      </c>
      <c r="G8425">
        <v>45615.77463</v>
      </c>
      <c r="H8425">
        <v>41143.072890000003</v>
      </c>
      <c r="I8425">
        <v>27677.320049999998</v>
      </c>
      <c r="J8425">
        <v>26874.679530000001</v>
      </c>
      <c r="K8425">
        <v>54024.898639999999</v>
      </c>
      <c r="L8425">
        <v>22121.524000000001</v>
      </c>
      <c r="M8425">
        <v>315001.3235</v>
      </c>
      <c r="N8425">
        <v>81934.049060000005</v>
      </c>
      <c r="O8425">
        <v>23588.307349999999</v>
      </c>
      <c r="P8425">
        <v>35263.201889999997</v>
      </c>
      <c r="Q8425">
        <v>84890.120110000003</v>
      </c>
      <c r="R8425">
        <v>26901.955620000001</v>
      </c>
      <c r="S8425">
        <v>84150.289749999996</v>
      </c>
      <c r="T8425">
        <v>31127.603760000002</v>
      </c>
      <c r="U8425">
        <v>17222.699670000002</v>
      </c>
      <c r="W8425" s="83">
        <f>Bühler!N8457</f>
        <v>45642.958333312905</v>
      </c>
      <c r="X8425" s="83">
        <v>43451.958333333336</v>
      </c>
      <c r="Y8425">
        <v>239534.1703</v>
      </c>
      <c r="Z8425">
        <v>17397.808669999999</v>
      </c>
      <c r="AA8425">
        <v>52180.54191</v>
      </c>
      <c r="AB8425">
        <v>45615.77463</v>
      </c>
      <c r="AC8425">
        <v>41143.072890000003</v>
      </c>
      <c r="AD8425">
        <v>27677.320049999998</v>
      </c>
      <c r="AE8425">
        <v>26874.679530000001</v>
      </c>
      <c r="AF8425">
        <v>54024.898639999999</v>
      </c>
      <c r="AG8425">
        <v>22121.524000000001</v>
      </c>
      <c r="AH8425">
        <v>315001.3235</v>
      </c>
      <c r="AI8425">
        <v>81934.049060000005</v>
      </c>
      <c r="AJ8425">
        <v>23588.307349999999</v>
      </c>
      <c r="AK8425">
        <v>35263.201889999997</v>
      </c>
      <c r="AL8425">
        <v>84890.120110000003</v>
      </c>
      <c r="AM8425">
        <v>26901.955620000001</v>
      </c>
      <c r="AN8425">
        <v>84150.289749999996</v>
      </c>
      <c r="AO8425">
        <v>31127.603760000002</v>
      </c>
      <c r="AP8425">
        <v>17222.699670000002</v>
      </c>
    </row>
    <row r="8426" spans="2:42" x14ac:dyDescent="0.3">
      <c r="B8426">
        <v>61.030023075654931</v>
      </c>
      <c r="C8426" s="83">
        <v>43452</v>
      </c>
      <c r="D8426">
        <v>237717.6954</v>
      </c>
      <c r="E8426">
        <v>16890.43866</v>
      </c>
      <c r="F8426">
        <v>51532.807630000003</v>
      </c>
      <c r="G8426">
        <v>43830.395069999999</v>
      </c>
      <c r="H8426">
        <v>40812.633130000002</v>
      </c>
      <c r="I8426">
        <v>25905.217710000001</v>
      </c>
      <c r="J8426">
        <v>25152.705109999999</v>
      </c>
      <c r="K8426">
        <v>51624.784950000001</v>
      </c>
      <c r="L8426">
        <v>20020.146799999999</v>
      </c>
      <c r="M8426">
        <v>311159.51850000001</v>
      </c>
      <c r="N8426">
        <v>81705.12242</v>
      </c>
      <c r="O8426">
        <v>23646.491709999998</v>
      </c>
      <c r="P8426">
        <v>32851.145570000001</v>
      </c>
      <c r="Q8426">
        <v>84932.169859999995</v>
      </c>
      <c r="R8426">
        <v>24950.013289999999</v>
      </c>
      <c r="S8426">
        <v>83049.732870000007</v>
      </c>
      <c r="T8426">
        <v>29376.184430000001</v>
      </c>
      <c r="U8426">
        <v>17334.870500000001</v>
      </c>
      <c r="W8426" s="83">
        <f>Bühler!N8458</f>
        <v>45642.999999979569</v>
      </c>
      <c r="X8426" s="83">
        <v>43452</v>
      </c>
      <c r="Y8426">
        <v>237717.6954</v>
      </c>
      <c r="Z8426">
        <v>16890.43866</v>
      </c>
      <c r="AA8426">
        <v>51532.807630000003</v>
      </c>
      <c r="AB8426">
        <v>43830.395069999999</v>
      </c>
      <c r="AC8426">
        <v>40812.633130000002</v>
      </c>
      <c r="AD8426">
        <v>25905.217710000001</v>
      </c>
      <c r="AE8426">
        <v>25152.705109999999</v>
      </c>
      <c r="AF8426">
        <v>51624.784950000001</v>
      </c>
      <c r="AG8426">
        <v>20020.146799999999</v>
      </c>
      <c r="AH8426">
        <v>311159.51850000001</v>
      </c>
      <c r="AI8426">
        <v>81705.12242</v>
      </c>
      <c r="AJ8426">
        <v>23646.491709999998</v>
      </c>
      <c r="AK8426">
        <v>32851.145570000001</v>
      </c>
      <c r="AL8426">
        <v>84932.169859999995</v>
      </c>
      <c r="AM8426">
        <v>24950.013289999999</v>
      </c>
      <c r="AN8426">
        <v>83049.732870000007</v>
      </c>
      <c r="AO8426">
        <v>29376.184430000001</v>
      </c>
      <c r="AP8426">
        <v>17334.870500000001</v>
      </c>
    </row>
    <row r="8427" spans="2:42" x14ac:dyDescent="0.3">
      <c r="B8427">
        <v>61.04669869814564</v>
      </c>
      <c r="C8427" s="83">
        <v>43452.041666666664</v>
      </c>
      <c r="D8427">
        <v>236714.5667</v>
      </c>
      <c r="E8427">
        <v>16916.106380000001</v>
      </c>
      <c r="F8427">
        <v>52359.220670000002</v>
      </c>
      <c r="G8427">
        <v>43167.894890000003</v>
      </c>
      <c r="H8427">
        <v>39926.857300000003</v>
      </c>
      <c r="I8427">
        <v>22056.013279999999</v>
      </c>
      <c r="J8427">
        <v>24850.651699999999</v>
      </c>
      <c r="K8427">
        <v>50812.246890000002</v>
      </c>
      <c r="L8427">
        <v>19322.670959999999</v>
      </c>
      <c r="M8427">
        <v>311244.53860000003</v>
      </c>
      <c r="N8427">
        <v>80831.820519999994</v>
      </c>
      <c r="O8427">
        <v>23395.40091</v>
      </c>
      <c r="P8427">
        <v>31300.259959999999</v>
      </c>
      <c r="Q8427">
        <v>85257.267009999996</v>
      </c>
      <c r="R8427">
        <v>24949.418659999999</v>
      </c>
      <c r="S8427">
        <v>82104.22726</v>
      </c>
      <c r="T8427">
        <v>28642.842359999999</v>
      </c>
      <c r="U8427">
        <v>17845.312689999999</v>
      </c>
      <c r="W8427" s="83">
        <f>Bühler!N8459</f>
        <v>45643.041666646233</v>
      </c>
      <c r="X8427" s="83">
        <v>43452.041666666664</v>
      </c>
      <c r="Y8427">
        <v>236714.5667</v>
      </c>
      <c r="Z8427">
        <v>16916.106380000001</v>
      </c>
      <c r="AA8427">
        <v>52359.220670000002</v>
      </c>
      <c r="AB8427">
        <v>43167.894890000003</v>
      </c>
      <c r="AC8427">
        <v>39926.857300000003</v>
      </c>
      <c r="AD8427">
        <v>22056.013279999999</v>
      </c>
      <c r="AE8427">
        <v>24850.651699999999</v>
      </c>
      <c r="AF8427">
        <v>50812.246890000002</v>
      </c>
      <c r="AG8427">
        <v>19322.670959999999</v>
      </c>
      <c r="AH8427">
        <v>311244.53860000003</v>
      </c>
      <c r="AI8427">
        <v>80831.820519999994</v>
      </c>
      <c r="AJ8427">
        <v>23395.40091</v>
      </c>
      <c r="AK8427">
        <v>31300.259959999999</v>
      </c>
      <c r="AL8427">
        <v>85257.267009999996</v>
      </c>
      <c r="AM8427">
        <v>24949.418659999999</v>
      </c>
      <c r="AN8427">
        <v>82104.22726</v>
      </c>
      <c r="AO8427">
        <v>28642.842359999999</v>
      </c>
      <c r="AP8427">
        <v>17845.312689999999</v>
      </c>
    </row>
    <row r="8428" spans="2:42" x14ac:dyDescent="0.3">
      <c r="B8428">
        <v>61.822075161351556</v>
      </c>
      <c r="C8428" s="83">
        <v>43452.083333333336</v>
      </c>
      <c r="D8428">
        <v>238202.05530000001</v>
      </c>
      <c r="E8428">
        <v>16692.01857</v>
      </c>
      <c r="F8428">
        <v>53216.575550000001</v>
      </c>
      <c r="G8428">
        <v>42634.336539999997</v>
      </c>
      <c r="H8428">
        <v>39615.174370000001</v>
      </c>
      <c r="I8428">
        <v>20230.58869</v>
      </c>
      <c r="J8428">
        <v>24949.899580000001</v>
      </c>
      <c r="K8428">
        <v>49452.809159999997</v>
      </c>
      <c r="L8428">
        <v>18876.015640000001</v>
      </c>
      <c r="M8428">
        <v>315197.76939999999</v>
      </c>
      <c r="N8428">
        <v>81408.608189999999</v>
      </c>
      <c r="O8428">
        <v>23244.362560000001</v>
      </c>
      <c r="P8428">
        <v>30568.64806</v>
      </c>
      <c r="Q8428">
        <v>87567.186310000005</v>
      </c>
      <c r="R8428">
        <v>23743.44226</v>
      </c>
      <c r="S8428">
        <v>82116.892269999997</v>
      </c>
      <c r="T8428">
        <v>28358.826779999999</v>
      </c>
      <c r="U8428">
        <v>18040.27666</v>
      </c>
      <c r="W8428" s="83">
        <f>Bühler!N8460</f>
        <v>45643.083333312898</v>
      </c>
      <c r="X8428" s="83">
        <v>43452.083333333336</v>
      </c>
      <c r="Y8428">
        <v>238202.05530000001</v>
      </c>
      <c r="Z8428">
        <v>16692.01857</v>
      </c>
      <c r="AA8428">
        <v>53216.575550000001</v>
      </c>
      <c r="AB8428">
        <v>42634.336539999997</v>
      </c>
      <c r="AC8428">
        <v>39615.174370000001</v>
      </c>
      <c r="AD8428">
        <v>20230.58869</v>
      </c>
      <c r="AE8428">
        <v>24949.899580000001</v>
      </c>
      <c r="AF8428">
        <v>49452.809159999997</v>
      </c>
      <c r="AG8428">
        <v>18876.015640000001</v>
      </c>
      <c r="AH8428">
        <v>315197.76939999999</v>
      </c>
      <c r="AI8428">
        <v>81408.608189999999</v>
      </c>
      <c r="AJ8428">
        <v>23244.362560000001</v>
      </c>
      <c r="AK8428">
        <v>30568.64806</v>
      </c>
      <c r="AL8428">
        <v>87567.186310000005</v>
      </c>
      <c r="AM8428">
        <v>23743.44226</v>
      </c>
      <c r="AN8428">
        <v>82116.892269999997</v>
      </c>
      <c r="AO8428">
        <v>28358.826779999999</v>
      </c>
      <c r="AP8428">
        <v>18040.27666</v>
      </c>
    </row>
    <row r="8429" spans="2:42" x14ac:dyDescent="0.3">
      <c r="B8429">
        <v>62.046716420738726</v>
      </c>
      <c r="C8429" s="83">
        <v>43452.125</v>
      </c>
      <c r="D8429">
        <v>239970.42800000001</v>
      </c>
      <c r="E8429">
        <v>16751.209780000001</v>
      </c>
      <c r="F8429">
        <v>53653.428019999999</v>
      </c>
      <c r="G8429">
        <v>42222.626060000002</v>
      </c>
      <c r="H8429">
        <v>39958.99469</v>
      </c>
      <c r="I8429">
        <v>20253.51125</v>
      </c>
      <c r="J8429">
        <v>25095.198690000001</v>
      </c>
      <c r="K8429">
        <v>47240.029349999997</v>
      </c>
      <c r="L8429">
        <v>18746.42095</v>
      </c>
      <c r="M8429">
        <v>316343.09529999999</v>
      </c>
      <c r="N8429">
        <v>79626.716400000005</v>
      </c>
      <c r="O8429">
        <v>23521.910339999999</v>
      </c>
      <c r="P8429">
        <v>29713.810649999999</v>
      </c>
      <c r="Q8429">
        <v>91139.828080000007</v>
      </c>
      <c r="R8429">
        <v>23943.09835</v>
      </c>
      <c r="S8429">
        <v>80888.793319999997</v>
      </c>
      <c r="T8429">
        <v>28489.972730000001</v>
      </c>
      <c r="U8429">
        <v>18391.825779999999</v>
      </c>
      <c r="W8429" s="83">
        <f>Bühler!N8461</f>
        <v>45643.124999979562</v>
      </c>
      <c r="X8429" s="83">
        <v>43452.125</v>
      </c>
      <c r="Y8429">
        <v>239970.42800000001</v>
      </c>
      <c r="Z8429">
        <v>16751.209780000001</v>
      </c>
      <c r="AA8429">
        <v>53653.428019999999</v>
      </c>
      <c r="AB8429">
        <v>42222.626060000002</v>
      </c>
      <c r="AC8429">
        <v>39958.99469</v>
      </c>
      <c r="AD8429">
        <v>20253.51125</v>
      </c>
      <c r="AE8429">
        <v>25095.198690000001</v>
      </c>
      <c r="AF8429">
        <v>47240.029349999997</v>
      </c>
      <c r="AG8429">
        <v>18746.42095</v>
      </c>
      <c r="AH8429">
        <v>316343.09529999999</v>
      </c>
      <c r="AI8429">
        <v>79626.716400000005</v>
      </c>
      <c r="AJ8429">
        <v>23521.910339999999</v>
      </c>
      <c r="AK8429">
        <v>29713.810649999999</v>
      </c>
      <c r="AL8429">
        <v>91139.828080000007</v>
      </c>
      <c r="AM8429">
        <v>23943.09835</v>
      </c>
      <c r="AN8429">
        <v>80888.793319999997</v>
      </c>
      <c r="AO8429">
        <v>28489.972730000001</v>
      </c>
      <c r="AP8429">
        <v>18391.825779999999</v>
      </c>
    </row>
    <row r="8430" spans="2:42" x14ac:dyDescent="0.3">
      <c r="B8430">
        <v>63.409720848720212</v>
      </c>
      <c r="C8430" s="83">
        <v>43452.166666666664</v>
      </c>
      <c r="D8430">
        <v>242628.75690000001</v>
      </c>
      <c r="E8430">
        <v>17457.067630000001</v>
      </c>
      <c r="F8430">
        <v>59174.188470000001</v>
      </c>
      <c r="G8430">
        <v>42153.108820000001</v>
      </c>
      <c r="H8430">
        <v>40510.762759999998</v>
      </c>
      <c r="I8430">
        <v>22134.463309999999</v>
      </c>
      <c r="J8430">
        <v>26680.436959999999</v>
      </c>
      <c r="K8430">
        <v>46123.972240000003</v>
      </c>
      <c r="L8430">
        <v>18018.885200000001</v>
      </c>
      <c r="M8430">
        <v>323292.32750000001</v>
      </c>
      <c r="N8430">
        <v>81027.177720000007</v>
      </c>
      <c r="O8430">
        <v>23588.541529999999</v>
      </c>
      <c r="P8430">
        <v>29262.049449999999</v>
      </c>
      <c r="Q8430">
        <v>94887.523360000007</v>
      </c>
      <c r="R8430">
        <v>24156.118600000002</v>
      </c>
      <c r="S8430">
        <v>81678.714999999997</v>
      </c>
      <c r="T8430">
        <v>28688.104660000001</v>
      </c>
      <c r="U8430">
        <v>18373.14213</v>
      </c>
      <c r="W8430" s="83">
        <f>Bühler!N8462</f>
        <v>45643.166666646226</v>
      </c>
      <c r="X8430" s="83">
        <v>43452.166666666664</v>
      </c>
      <c r="Y8430">
        <v>242628.75690000001</v>
      </c>
      <c r="Z8430">
        <v>17457.067630000001</v>
      </c>
      <c r="AA8430">
        <v>59174.188470000001</v>
      </c>
      <c r="AB8430">
        <v>42153.108820000001</v>
      </c>
      <c r="AC8430">
        <v>40510.762759999998</v>
      </c>
      <c r="AD8430">
        <v>22134.463309999999</v>
      </c>
      <c r="AE8430">
        <v>26680.436959999999</v>
      </c>
      <c r="AF8430">
        <v>46123.972240000003</v>
      </c>
      <c r="AG8430">
        <v>18018.885200000001</v>
      </c>
      <c r="AH8430">
        <v>323292.32750000001</v>
      </c>
      <c r="AI8430">
        <v>81027.177720000007</v>
      </c>
      <c r="AJ8430">
        <v>23588.541529999999</v>
      </c>
      <c r="AK8430">
        <v>29262.049449999999</v>
      </c>
      <c r="AL8430">
        <v>94887.523360000007</v>
      </c>
      <c r="AM8430">
        <v>24156.118600000002</v>
      </c>
      <c r="AN8430">
        <v>81678.714999999997</v>
      </c>
      <c r="AO8430">
        <v>28688.104660000001</v>
      </c>
      <c r="AP8430">
        <v>18373.14213</v>
      </c>
    </row>
    <row r="8431" spans="2:42" x14ac:dyDescent="0.3">
      <c r="B8431">
        <v>66.850991580590971</v>
      </c>
      <c r="C8431" s="83">
        <v>43452.208333333336</v>
      </c>
      <c r="D8431">
        <v>255278.5588</v>
      </c>
      <c r="E8431">
        <v>19760.356680000001</v>
      </c>
      <c r="F8431">
        <v>68419.322960000005</v>
      </c>
      <c r="G8431">
        <v>45617.446830000001</v>
      </c>
      <c r="H8431">
        <v>42930.104959999997</v>
      </c>
      <c r="I8431">
        <v>30115.456150000002</v>
      </c>
      <c r="J8431">
        <v>28975.429749999999</v>
      </c>
      <c r="K8431">
        <v>47649.397279999997</v>
      </c>
      <c r="L8431">
        <v>19264.10802</v>
      </c>
      <c r="M8431">
        <v>340837.53049999999</v>
      </c>
      <c r="N8431">
        <v>81857.346170000004</v>
      </c>
      <c r="O8431">
        <v>24538.216219999998</v>
      </c>
      <c r="P8431">
        <v>30951.80834</v>
      </c>
      <c r="Q8431">
        <v>98120.138139999995</v>
      </c>
      <c r="R8431">
        <v>24676.847689999999</v>
      </c>
      <c r="S8431">
        <v>84599.111130000005</v>
      </c>
      <c r="T8431">
        <v>30004.722669999999</v>
      </c>
      <c r="U8431">
        <v>20368.715609999999</v>
      </c>
      <c r="W8431" s="83">
        <f>Bühler!N8463</f>
        <v>45643.20833331289</v>
      </c>
      <c r="X8431" s="83">
        <v>43452.208333333336</v>
      </c>
      <c r="Y8431">
        <v>255278.5588</v>
      </c>
      <c r="Z8431">
        <v>19760.356680000001</v>
      </c>
      <c r="AA8431">
        <v>68419.322960000005</v>
      </c>
      <c r="AB8431">
        <v>45617.446830000001</v>
      </c>
      <c r="AC8431">
        <v>42930.104959999997</v>
      </c>
      <c r="AD8431">
        <v>30115.456150000002</v>
      </c>
      <c r="AE8431">
        <v>28975.429749999999</v>
      </c>
      <c r="AF8431">
        <v>47649.397279999997</v>
      </c>
      <c r="AG8431">
        <v>19264.10802</v>
      </c>
      <c r="AH8431">
        <v>340837.53049999999</v>
      </c>
      <c r="AI8431">
        <v>81857.346170000004</v>
      </c>
      <c r="AJ8431">
        <v>24538.216219999998</v>
      </c>
      <c r="AK8431">
        <v>30951.80834</v>
      </c>
      <c r="AL8431">
        <v>98120.138139999995</v>
      </c>
      <c r="AM8431">
        <v>24676.847689999999</v>
      </c>
      <c r="AN8431">
        <v>84599.111130000005</v>
      </c>
      <c r="AO8431">
        <v>30004.722669999999</v>
      </c>
      <c r="AP8431">
        <v>20368.715609999999</v>
      </c>
    </row>
    <row r="8432" spans="2:42" x14ac:dyDescent="0.3">
      <c r="B8432">
        <v>69.425828290205231</v>
      </c>
      <c r="C8432" s="83">
        <v>43452.25</v>
      </c>
      <c r="D8432">
        <v>271780.73979999998</v>
      </c>
      <c r="E8432">
        <v>23725.293669999999</v>
      </c>
      <c r="F8432">
        <v>82664.284230000005</v>
      </c>
      <c r="G8432">
        <v>60401.728150000003</v>
      </c>
      <c r="H8432">
        <v>47000.527990000002</v>
      </c>
      <c r="I8432">
        <v>38184.844239999999</v>
      </c>
      <c r="J8432">
        <v>32162.7199</v>
      </c>
      <c r="K8432">
        <v>51184.617870000002</v>
      </c>
      <c r="L8432">
        <v>21255.426299999999</v>
      </c>
      <c r="M8432">
        <v>353965.2488</v>
      </c>
      <c r="N8432">
        <v>85013.946240000005</v>
      </c>
      <c r="O8432">
        <v>25413.66372</v>
      </c>
      <c r="P8432">
        <v>30892.80845</v>
      </c>
      <c r="Q8432">
        <v>99806.185729999997</v>
      </c>
      <c r="R8432">
        <v>20584.689610000001</v>
      </c>
      <c r="S8432">
        <v>93877.73143</v>
      </c>
      <c r="T8432">
        <v>33359.134109999999</v>
      </c>
      <c r="U8432">
        <v>23132.56899</v>
      </c>
      <c r="W8432" s="83">
        <f>Bühler!N8464</f>
        <v>45643.249999979555</v>
      </c>
      <c r="X8432" s="83">
        <v>43452.25</v>
      </c>
      <c r="Y8432">
        <v>271780.73979999998</v>
      </c>
      <c r="Z8432">
        <v>23725.293669999999</v>
      </c>
      <c r="AA8432">
        <v>82664.284230000005</v>
      </c>
      <c r="AB8432">
        <v>60401.728150000003</v>
      </c>
      <c r="AC8432">
        <v>47000.527990000002</v>
      </c>
      <c r="AD8432">
        <v>38184.844239999999</v>
      </c>
      <c r="AE8432">
        <v>32162.7199</v>
      </c>
      <c r="AF8432">
        <v>51184.617870000002</v>
      </c>
      <c r="AG8432">
        <v>21255.426299999999</v>
      </c>
      <c r="AH8432">
        <v>353965.2488</v>
      </c>
      <c r="AI8432">
        <v>85013.946240000005</v>
      </c>
      <c r="AJ8432">
        <v>25413.66372</v>
      </c>
      <c r="AK8432">
        <v>30892.80845</v>
      </c>
      <c r="AL8432">
        <v>99806.185729999997</v>
      </c>
      <c r="AM8432">
        <v>20584.689610000001</v>
      </c>
      <c r="AN8432">
        <v>93877.73143</v>
      </c>
      <c r="AO8432">
        <v>33359.134109999999</v>
      </c>
      <c r="AP8432">
        <v>23132.56899</v>
      </c>
    </row>
    <row r="8433" spans="2:42" x14ac:dyDescent="0.3">
      <c r="B8433">
        <v>71.079538197166386</v>
      </c>
      <c r="C8433" s="83">
        <v>43452.291666666664</v>
      </c>
      <c r="D8433">
        <v>289353.40519999998</v>
      </c>
      <c r="E8433">
        <v>29159.804700000001</v>
      </c>
      <c r="F8433">
        <v>85969.170370000007</v>
      </c>
      <c r="G8433">
        <v>78403.50361</v>
      </c>
      <c r="H8433">
        <v>53282.6901</v>
      </c>
      <c r="I8433">
        <v>47792.63566</v>
      </c>
      <c r="J8433">
        <v>33745.999190000002</v>
      </c>
      <c r="K8433">
        <v>56927.352619999998</v>
      </c>
      <c r="L8433">
        <v>24141.227739999998</v>
      </c>
      <c r="M8433">
        <v>362396.63309999998</v>
      </c>
      <c r="N8433">
        <v>92162.068840000007</v>
      </c>
      <c r="O8433">
        <v>28146.061379999999</v>
      </c>
      <c r="P8433">
        <v>34606.798390000004</v>
      </c>
      <c r="Q8433">
        <v>99708.816019999998</v>
      </c>
      <c r="R8433">
        <v>23603.482240000001</v>
      </c>
      <c r="S8433">
        <v>111537.8986</v>
      </c>
      <c r="T8433">
        <v>35895.352650000001</v>
      </c>
      <c r="U8433">
        <v>27841.012559999999</v>
      </c>
      <c r="W8433" s="83">
        <f>Bühler!N8465</f>
        <v>45643.291666646219</v>
      </c>
      <c r="X8433" s="83">
        <v>43452.291666666664</v>
      </c>
      <c r="Y8433">
        <v>289353.40519999998</v>
      </c>
      <c r="Z8433">
        <v>29159.804700000001</v>
      </c>
      <c r="AA8433">
        <v>85969.170370000007</v>
      </c>
      <c r="AB8433">
        <v>78403.50361</v>
      </c>
      <c r="AC8433">
        <v>53282.6901</v>
      </c>
      <c r="AD8433">
        <v>47792.63566</v>
      </c>
      <c r="AE8433">
        <v>33745.999190000002</v>
      </c>
      <c r="AF8433">
        <v>56927.352619999998</v>
      </c>
      <c r="AG8433">
        <v>24141.227739999998</v>
      </c>
      <c r="AH8433">
        <v>362396.63309999998</v>
      </c>
      <c r="AI8433">
        <v>92162.068840000007</v>
      </c>
      <c r="AJ8433">
        <v>28146.061379999999</v>
      </c>
      <c r="AK8433">
        <v>34606.798390000004</v>
      </c>
      <c r="AL8433">
        <v>99708.816019999998</v>
      </c>
      <c r="AM8433">
        <v>23603.482240000001</v>
      </c>
      <c r="AN8433">
        <v>111537.8986</v>
      </c>
      <c r="AO8433">
        <v>35895.352650000001</v>
      </c>
      <c r="AP8433">
        <v>27841.012559999999</v>
      </c>
    </row>
    <row r="8434" spans="2:42" x14ac:dyDescent="0.3">
      <c r="B8434">
        <v>71.755797834623863</v>
      </c>
      <c r="C8434" s="83">
        <v>43452.333333333336</v>
      </c>
      <c r="D8434">
        <v>301095.36050000001</v>
      </c>
      <c r="E8434">
        <v>36295.33165</v>
      </c>
      <c r="F8434">
        <v>94381.578779999996</v>
      </c>
      <c r="G8434">
        <v>96597.601089999996</v>
      </c>
      <c r="H8434">
        <v>59470.050790000001</v>
      </c>
      <c r="I8434">
        <v>51077.061249999999</v>
      </c>
      <c r="J8434">
        <v>34059.326300000001</v>
      </c>
      <c r="K8434">
        <v>62361.072529999998</v>
      </c>
      <c r="L8434">
        <v>27500.911039999999</v>
      </c>
      <c r="M8434">
        <v>365844.52010000002</v>
      </c>
      <c r="N8434">
        <v>99441.502479999996</v>
      </c>
      <c r="O8434">
        <v>30159.860240000002</v>
      </c>
      <c r="P8434">
        <v>36734.546569999999</v>
      </c>
      <c r="Q8434">
        <v>100281.9816</v>
      </c>
      <c r="R8434">
        <v>25263.993920000001</v>
      </c>
      <c r="S8434">
        <v>126767.59080000001</v>
      </c>
      <c r="T8434">
        <v>39541.10396</v>
      </c>
      <c r="U8434">
        <v>31725.750179999999</v>
      </c>
      <c r="W8434" s="83">
        <f>Bühler!N8466</f>
        <v>45643.333333312883</v>
      </c>
      <c r="X8434" s="83">
        <v>43452.333333333336</v>
      </c>
      <c r="Y8434">
        <v>301095.36050000001</v>
      </c>
      <c r="Z8434">
        <v>36295.33165</v>
      </c>
      <c r="AA8434">
        <v>94381.578779999996</v>
      </c>
      <c r="AB8434">
        <v>96597.601089999996</v>
      </c>
      <c r="AC8434">
        <v>59470.050790000001</v>
      </c>
      <c r="AD8434">
        <v>51077.061249999999</v>
      </c>
      <c r="AE8434">
        <v>34059.326300000001</v>
      </c>
      <c r="AF8434">
        <v>62361.072529999998</v>
      </c>
      <c r="AG8434">
        <v>27500.911039999999</v>
      </c>
      <c r="AH8434">
        <v>365844.52010000002</v>
      </c>
      <c r="AI8434">
        <v>99441.502479999996</v>
      </c>
      <c r="AJ8434">
        <v>30159.860240000002</v>
      </c>
      <c r="AK8434">
        <v>36734.546569999999</v>
      </c>
      <c r="AL8434">
        <v>100281.9816</v>
      </c>
      <c r="AM8434">
        <v>25263.993920000001</v>
      </c>
      <c r="AN8434">
        <v>126767.59080000001</v>
      </c>
      <c r="AO8434">
        <v>39541.10396</v>
      </c>
      <c r="AP8434">
        <v>31725.750179999999</v>
      </c>
    </row>
    <row r="8435" spans="2:42" x14ac:dyDescent="0.3">
      <c r="B8435">
        <v>71.682143881687111</v>
      </c>
      <c r="C8435" s="83">
        <v>43452.375</v>
      </c>
      <c r="D8435">
        <v>300461.17060000001</v>
      </c>
      <c r="E8435">
        <v>40086.752569999997</v>
      </c>
      <c r="F8435">
        <v>98909.099109999996</v>
      </c>
      <c r="G8435">
        <v>104324.8248</v>
      </c>
      <c r="H8435">
        <v>61023.337630000002</v>
      </c>
      <c r="I8435">
        <v>47879.192459999998</v>
      </c>
      <c r="J8435">
        <v>32967.440750000002</v>
      </c>
      <c r="K8435">
        <v>59709.369650000001</v>
      </c>
      <c r="L8435">
        <v>29861.79451</v>
      </c>
      <c r="M8435">
        <v>365468.99790000002</v>
      </c>
      <c r="N8435">
        <v>100356.6817</v>
      </c>
      <c r="O8435">
        <v>29820.75793</v>
      </c>
      <c r="P8435">
        <v>37110.391940000001</v>
      </c>
      <c r="Q8435">
        <v>100254.21430000001</v>
      </c>
      <c r="R8435">
        <v>23779.53297</v>
      </c>
      <c r="S8435">
        <v>132667.60930000001</v>
      </c>
      <c r="T8435">
        <v>41384.880299999997</v>
      </c>
      <c r="U8435">
        <v>31201.802009999999</v>
      </c>
      <c r="W8435" s="83">
        <f>Bühler!N8467</f>
        <v>45643.374999979547</v>
      </c>
      <c r="X8435" s="83">
        <v>43452.375</v>
      </c>
      <c r="Y8435">
        <v>300461.17060000001</v>
      </c>
      <c r="Z8435">
        <v>40086.752569999997</v>
      </c>
      <c r="AA8435">
        <v>98909.099109999996</v>
      </c>
      <c r="AB8435">
        <v>104324.8248</v>
      </c>
      <c r="AC8435">
        <v>61023.337630000002</v>
      </c>
      <c r="AD8435">
        <v>47879.192459999998</v>
      </c>
      <c r="AE8435">
        <v>32967.440750000002</v>
      </c>
      <c r="AF8435">
        <v>59709.369650000001</v>
      </c>
      <c r="AG8435">
        <v>29861.79451</v>
      </c>
      <c r="AH8435">
        <v>365468.99790000002</v>
      </c>
      <c r="AI8435">
        <v>100356.6817</v>
      </c>
      <c r="AJ8435">
        <v>29820.75793</v>
      </c>
      <c r="AK8435">
        <v>37110.391940000001</v>
      </c>
      <c r="AL8435">
        <v>100254.21430000001</v>
      </c>
      <c r="AM8435">
        <v>23779.53297</v>
      </c>
      <c r="AN8435">
        <v>132667.60930000001</v>
      </c>
      <c r="AO8435">
        <v>41384.880299999997</v>
      </c>
      <c r="AP8435">
        <v>31201.802009999999</v>
      </c>
    </row>
    <row r="8436" spans="2:42" x14ac:dyDescent="0.3">
      <c r="B8436">
        <v>72.779448173756649</v>
      </c>
      <c r="C8436" s="83">
        <v>43452.416666666664</v>
      </c>
      <c r="D8436">
        <v>300526.64860000001</v>
      </c>
      <c r="E8436">
        <v>41319.227429999999</v>
      </c>
      <c r="F8436">
        <v>99037.428029999995</v>
      </c>
      <c r="G8436">
        <v>106654.5545</v>
      </c>
      <c r="H8436">
        <v>61361.233529999998</v>
      </c>
      <c r="I8436">
        <v>45313.150860000002</v>
      </c>
      <c r="J8436">
        <v>31877.17467</v>
      </c>
      <c r="K8436">
        <v>61639.537389999998</v>
      </c>
      <c r="L8436">
        <v>31799.11809</v>
      </c>
      <c r="M8436">
        <v>371063.56689999998</v>
      </c>
      <c r="N8436">
        <v>101081.7573</v>
      </c>
      <c r="O8436">
        <v>29984.667229999999</v>
      </c>
      <c r="P8436">
        <v>38413.996619999998</v>
      </c>
      <c r="Q8436">
        <v>100915.3156</v>
      </c>
      <c r="R8436">
        <v>24600.905220000001</v>
      </c>
      <c r="S8436">
        <v>133638.9467</v>
      </c>
      <c r="T8436">
        <v>42116.304219999998</v>
      </c>
      <c r="U8436">
        <v>30254.732789999998</v>
      </c>
      <c r="W8436" s="83">
        <f>Bühler!N8468</f>
        <v>45643.416666646212</v>
      </c>
      <c r="X8436" s="83">
        <v>43452.416666666664</v>
      </c>
      <c r="Y8436">
        <v>300526.64860000001</v>
      </c>
      <c r="Z8436">
        <v>41319.227429999999</v>
      </c>
      <c r="AA8436">
        <v>99037.428029999995</v>
      </c>
      <c r="AB8436">
        <v>106654.5545</v>
      </c>
      <c r="AC8436">
        <v>61361.233529999998</v>
      </c>
      <c r="AD8436">
        <v>45313.150860000002</v>
      </c>
      <c r="AE8436">
        <v>31877.17467</v>
      </c>
      <c r="AF8436">
        <v>61639.537389999998</v>
      </c>
      <c r="AG8436">
        <v>31799.11809</v>
      </c>
      <c r="AH8436">
        <v>371063.56689999998</v>
      </c>
      <c r="AI8436">
        <v>101081.7573</v>
      </c>
      <c r="AJ8436">
        <v>29984.667229999999</v>
      </c>
      <c r="AK8436">
        <v>38413.996619999998</v>
      </c>
      <c r="AL8436">
        <v>100915.3156</v>
      </c>
      <c r="AM8436">
        <v>24600.905220000001</v>
      </c>
      <c r="AN8436">
        <v>133638.9467</v>
      </c>
      <c r="AO8436">
        <v>42116.304219999998</v>
      </c>
      <c r="AP8436">
        <v>30254.732789999998</v>
      </c>
    </row>
    <row r="8437" spans="2:42" x14ac:dyDescent="0.3">
      <c r="B8437">
        <v>72.83613441636686</v>
      </c>
      <c r="C8437" s="83">
        <v>43452.458333333336</v>
      </c>
      <c r="D8437">
        <v>300080.06550000003</v>
      </c>
      <c r="E8437">
        <v>40693.5236</v>
      </c>
      <c r="F8437">
        <v>100049.6106</v>
      </c>
      <c r="G8437">
        <v>104051.4449</v>
      </c>
      <c r="H8437">
        <v>60729.126300000004</v>
      </c>
      <c r="I8437">
        <v>44301.32993</v>
      </c>
      <c r="J8437">
        <v>32215.774440000001</v>
      </c>
      <c r="K8437">
        <v>68371.310700000002</v>
      </c>
      <c r="L8437">
        <v>32984.435060000003</v>
      </c>
      <c r="M8437">
        <v>371352.57980000001</v>
      </c>
      <c r="N8437">
        <v>100966.10060000001</v>
      </c>
      <c r="O8437">
        <v>29893.5517</v>
      </c>
      <c r="P8437">
        <v>37555.483249999997</v>
      </c>
      <c r="Q8437">
        <v>100842.663</v>
      </c>
      <c r="R8437">
        <v>28881.14057</v>
      </c>
      <c r="S8437">
        <v>135277.32980000001</v>
      </c>
      <c r="T8437">
        <v>41834.858639999999</v>
      </c>
      <c r="U8437">
        <v>29583.033940000001</v>
      </c>
      <c r="W8437" s="83">
        <f>Bühler!N8469</f>
        <v>45643.458333312876</v>
      </c>
      <c r="X8437" s="83">
        <v>43452.458333333336</v>
      </c>
      <c r="Y8437">
        <v>300080.06550000003</v>
      </c>
      <c r="Z8437">
        <v>40693.5236</v>
      </c>
      <c r="AA8437">
        <v>100049.6106</v>
      </c>
      <c r="AB8437">
        <v>104051.4449</v>
      </c>
      <c r="AC8437">
        <v>60729.126300000004</v>
      </c>
      <c r="AD8437">
        <v>44301.32993</v>
      </c>
      <c r="AE8437">
        <v>32215.774440000001</v>
      </c>
      <c r="AF8437">
        <v>68371.310700000002</v>
      </c>
      <c r="AG8437">
        <v>32984.435060000003</v>
      </c>
      <c r="AH8437">
        <v>371352.57980000001</v>
      </c>
      <c r="AI8437">
        <v>100966.10060000001</v>
      </c>
      <c r="AJ8437">
        <v>29893.5517</v>
      </c>
      <c r="AK8437">
        <v>37555.483249999997</v>
      </c>
      <c r="AL8437">
        <v>100842.663</v>
      </c>
      <c r="AM8437">
        <v>28881.14057</v>
      </c>
      <c r="AN8437">
        <v>135277.32980000001</v>
      </c>
      <c r="AO8437">
        <v>41834.858639999999</v>
      </c>
      <c r="AP8437">
        <v>29583.033940000001</v>
      </c>
    </row>
    <row r="8438" spans="2:42" x14ac:dyDescent="0.3">
      <c r="B8438">
        <v>71.500013641391391</v>
      </c>
      <c r="C8438" s="83">
        <v>43452.5</v>
      </c>
      <c r="D8438">
        <v>286956.83059999999</v>
      </c>
      <c r="E8438">
        <v>36201.219469999996</v>
      </c>
      <c r="F8438">
        <v>93513.151450000005</v>
      </c>
      <c r="G8438">
        <v>101052.6437</v>
      </c>
      <c r="H8438">
        <v>57359.041669999999</v>
      </c>
      <c r="I8438">
        <v>42103.370900000002</v>
      </c>
      <c r="J8438">
        <v>31972.49036</v>
      </c>
      <c r="K8438">
        <v>64354.217900000003</v>
      </c>
      <c r="L8438">
        <v>35830.448980000001</v>
      </c>
      <c r="M8438">
        <v>364540.413</v>
      </c>
      <c r="N8438">
        <v>97642.439060000004</v>
      </c>
      <c r="O8438">
        <v>29836.915079999999</v>
      </c>
      <c r="P8438">
        <v>38148.21933</v>
      </c>
      <c r="Q8438">
        <v>98913.74725</v>
      </c>
      <c r="R8438">
        <v>28895.754659999999</v>
      </c>
      <c r="S8438">
        <v>127095.8401</v>
      </c>
      <c r="T8438">
        <v>42104.777580000002</v>
      </c>
      <c r="U8438">
        <v>25415.794180000001</v>
      </c>
      <c r="W8438" s="83">
        <f>Bühler!N8470</f>
        <v>45643.49999997954</v>
      </c>
      <c r="X8438" s="83">
        <v>43452.5</v>
      </c>
      <c r="Y8438">
        <v>286956.83059999999</v>
      </c>
      <c r="Z8438">
        <v>36201.219469999996</v>
      </c>
      <c r="AA8438">
        <v>93513.151450000005</v>
      </c>
      <c r="AB8438">
        <v>101052.6437</v>
      </c>
      <c r="AC8438">
        <v>57359.041669999999</v>
      </c>
      <c r="AD8438">
        <v>42103.370900000002</v>
      </c>
      <c r="AE8438">
        <v>31972.49036</v>
      </c>
      <c r="AF8438">
        <v>64354.217900000003</v>
      </c>
      <c r="AG8438">
        <v>35830.448980000001</v>
      </c>
      <c r="AH8438">
        <v>364540.413</v>
      </c>
      <c r="AI8438">
        <v>97642.439060000004</v>
      </c>
      <c r="AJ8438">
        <v>29836.915079999999</v>
      </c>
      <c r="AK8438">
        <v>38148.21933</v>
      </c>
      <c r="AL8438">
        <v>98913.74725</v>
      </c>
      <c r="AM8438">
        <v>28895.754659999999</v>
      </c>
      <c r="AN8438">
        <v>127095.8401</v>
      </c>
      <c r="AO8438">
        <v>42104.777580000002</v>
      </c>
      <c r="AP8438">
        <v>25415.794180000001</v>
      </c>
    </row>
    <row r="8439" spans="2:42" x14ac:dyDescent="0.3">
      <c r="B8439">
        <v>71.076782329213643</v>
      </c>
      <c r="C8439" s="83">
        <v>43452.541666666664</v>
      </c>
      <c r="D8439">
        <v>288108.6936</v>
      </c>
      <c r="E8439">
        <v>36031.950879999997</v>
      </c>
      <c r="F8439">
        <v>90741.951130000001</v>
      </c>
      <c r="G8439">
        <v>97191.294410000002</v>
      </c>
      <c r="H8439">
        <v>58385.62515</v>
      </c>
      <c r="I8439">
        <v>41866.060239999999</v>
      </c>
      <c r="J8439">
        <v>31260.926100000001</v>
      </c>
      <c r="K8439">
        <v>65380.041380000002</v>
      </c>
      <c r="L8439">
        <v>34222.68808</v>
      </c>
      <c r="M8439">
        <v>362382.58240000001</v>
      </c>
      <c r="N8439">
        <v>98042.412639999995</v>
      </c>
      <c r="O8439">
        <v>29962.24669</v>
      </c>
      <c r="P8439">
        <v>37330.20016</v>
      </c>
      <c r="Q8439">
        <v>97964.195449999999</v>
      </c>
      <c r="R8439">
        <v>29544.450509999999</v>
      </c>
      <c r="S8439">
        <v>125788.34269999999</v>
      </c>
      <c r="T8439">
        <v>40903.00232</v>
      </c>
      <c r="U8439">
        <v>27065.69253</v>
      </c>
      <c r="W8439" s="83">
        <f>Bühler!N8471</f>
        <v>45643.541666646204</v>
      </c>
      <c r="X8439" s="83">
        <v>43452.541666666664</v>
      </c>
      <c r="Y8439">
        <v>288108.6936</v>
      </c>
      <c r="Z8439">
        <v>36031.950879999997</v>
      </c>
      <c r="AA8439">
        <v>90741.951130000001</v>
      </c>
      <c r="AB8439">
        <v>97191.294410000002</v>
      </c>
      <c r="AC8439">
        <v>58385.62515</v>
      </c>
      <c r="AD8439">
        <v>41866.060239999999</v>
      </c>
      <c r="AE8439">
        <v>31260.926100000001</v>
      </c>
      <c r="AF8439">
        <v>65380.041380000002</v>
      </c>
      <c r="AG8439">
        <v>34222.68808</v>
      </c>
      <c r="AH8439">
        <v>362382.58240000001</v>
      </c>
      <c r="AI8439">
        <v>98042.412639999995</v>
      </c>
      <c r="AJ8439">
        <v>29962.24669</v>
      </c>
      <c r="AK8439">
        <v>37330.20016</v>
      </c>
      <c r="AL8439">
        <v>97964.195449999999</v>
      </c>
      <c r="AM8439">
        <v>29544.450509999999</v>
      </c>
      <c r="AN8439">
        <v>125788.34269999999</v>
      </c>
      <c r="AO8439">
        <v>40903.00232</v>
      </c>
      <c r="AP8439">
        <v>27065.69253</v>
      </c>
    </row>
    <row r="8440" spans="2:42" x14ac:dyDescent="0.3">
      <c r="B8440">
        <v>71.674342672983869</v>
      </c>
      <c r="C8440" s="83">
        <v>43452.583333333336</v>
      </c>
      <c r="D8440">
        <v>292973.99310000002</v>
      </c>
      <c r="E8440">
        <v>39257.458930000001</v>
      </c>
      <c r="F8440">
        <v>98921.175279999996</v>
      </c>
      <c r="G8440">
        <v>93157.125599999999</v>
      </c>
      <c r="H8440">
        <v>57747.208129999999</v>
      </c>
      <c r="I8440">
        <v>42781.124660000001</v>
      </c>
      <c r="J8440">
        <v>30620.662660000002</v>
      </c>
      <c r="K8440">
        <v>66269.11189</v>
      </c>
      <c r="L8440">
        <v>30977.711599999999</v>
      </c>
      <c r="M8440">
        <v>365429.22369999997</v>
      </c>
      <c r="N8440">
        <v>97291.779450000002</v>
      </c>
      <c r="O8440">
        <v>29570.98962</v>
      </c>
      <c r="P8440">
        <v>33795.228609999998</v>
      </c>
      <c r="Q8440">
        <v>96711.058529999995</v>
      </c>
      <c r="R8440">
        <v>27866.386890000002</v>
      </c>
      <c r="S8440">
        <v>120302.44929999999</v>
      </c>
      <c r="T8440">
        <v>38857.448819999998</v>
      </c>
      <c r="U8440">
        <v>27313.20075</v>
      </c>
      <c r="W8440" s="83">
        <f>Bühler!N8472</f>
        <v>45643.583333312868</v>
      </c>
      <c r="X8440" s="83">
        <v>43452.583333333336</v>
      </c>
      <c r="Y8440">
        <v>292973.99310000002</v>
      </c>
      <c r="Z8440">
        <v>39257.458930000001</v>
      </c>
      <c r="AA8440">
        <v>98921.175279999996</v>
      </c>
      <c r="AB8440">
        <v>93157.125599999999</v>
      </c>
      <c r="AC8440">
        <v>57747.208129999999</v>
      </c>
      <c r="AD8440">
        <v>42781.124660000001</v>
      </c>
      <c r="AE8440">
        <v>30620.662660000002</v>
      </c>
      <c r="AF8440">
        <v>66269.11189</v>
      </c>
      <c r="AG8440">
        <v>30977.711599999999</v>
      </c>
      <c r="AH8440">
        <v>365429.22369999997</v>
      </c>
      <c r="AI8440">
        <v>97291.779450000002</v>
      </c>
      <c r="AJ8440">
        <v>29570.98962</v>
      </c>
      <c r="AK8440">
        <v>33795.228609999998</v>
      </c>
      <c r="AL8440">
        <v>96711.058529999995</v>
      </c>
      <c r="AM8440">
        <v>27866.386890000002</v>
      </c>
      <c r="AN8440">
        <v>120302.44929999999</v>
      </c>
      <c r="AO8440">
        <v>38857.448819999998</v>
      </c>
      <c r="AP8440">
        <v>27313.20075</v>
      </c>
    </row>
    <row r="8441" spans="2:42" x14ac:dyDescent="0.3">
      <c r="B8441">
        <v>70.443498968405649</v>
      </c>
      <c r="C8441" s="83">
        <v>43452.625</v>
      </c>
      <c r="D8441">
        <v>291931.95490000001</v>
      </c>
      <c r="E8441">
        <v>38847.52994</v>
      </c>
      <c r="F8441">
        <v>99104.110320000007</v>
      </c>
      <c r="G8441">
        <v>90714.586930000005</v>
      </c>
      <c r="H8441">
        <v>56744.758629999997</v>
      </c>
      <c r="I8441">
        <v>43112.771990000001</v>
      </c>
      <c r="J8441">
        <v>30408.68346</v>
      </c>
      <c r="K8441">
        <v>65300.557099999998</v>
      </c>
      <c r="L8441">
        <v>28111.029989999999</v>
      </c>
      <c r="M8441">
        <v>359153.80849999998</v>
      </c>
      <c r="N8441">
        <v>96808.97898</v>
      </c>
      <c r="O8441">
        <v>28468.886279999999</v>
      </c>
      <c r="P8441">
        <v>31537.381839999998</v>
      </c>
      <c r="Q8441">
        <v>96418.809269999998</v>
      </c>
      <c r="R8441">
        <v>27460.113160000001</v>
      </c>
      <c r="S8441">
        <v>119471.5944</v>
      </c>
      <c r="T8441">
        <v>38810.058989999998</v>
      </c>
      <c r="U8441">
        <v>26473.26093</v>
      </c>
      <c r="W8441" s="83">
        <f>Bühler!N8473</f>
        <v>45643.624999979533</v>
      </c>
      <c r="X8441" s="83">
        <v>43452.625</v>
      </c>
      <c r="Y8441">
        <v>291931.95490000001</v>
      </c>
      <c r="Z8441">
        <v>38847.52994</v>
      </c>
      <c r="AA8441">
        <v>99104.110320000007</v>
      </c>
      <c r="AB8441">
        <v>90714.586930000005</v>
      </c>
      <c r="AC8441">
        <v>56744.758629999997</v>
      </c>
      <c r="AD8441">
        <v>43112.771990000001</v>
      </c>
      <c r="AE8441">
        <v>30408.68346</v>
      </c>
      <c r="AF8441">
        <v>65300.557099999998</v>
      </c>
      <c r="AG8441">
        <v>28111.029989999999</v>
      </c>
      <c r="AH8441">
        <v>359153.80849999998</v>
      </c>
      <c r="AI8441">
        <v>96808.97898</v>
      </c>
      <c r="AJ8441">
        <v>28468.886279999999</v>
      </c>
      <c r="AK8441">
        <v>31537.381839999998</v>
      </c>
      <c r="AL8441">
        <v>96418.809269999998</v>
      </c>
      <c r="AM8441">
        <v>27460.113160000001</v>
      </c>
      <c r="AN8441">
        <v>119471.5944</v>
      </c>
      <c r="AO8441">
        <v>38810.058989999998</v>
      </c>
      <c r="AP8441">
        <v>26473.26093</v>
      </c>
    </row>
    <row r="8442" spans="2:42" x14ac:dyDescent="0.3">
      <c r="B8442">
        <v>69.998497344813543</v>
      </c>
      <c r="C8442" s="83">
        <v>43452.666666666664</v>
      </c>
      <c r="D8442">
        <v>283989.8677</v>
      </c>
      <c r="E8442">
        <v>38430.719400000002</v>
      </c>
      <c r="F8442">
        <v>99371.024550000002</v>
      </c>
      <c r="G8442">
        <v>88303.515169999999</v>
      </c>
      <c r="H8442">
        <v>55719.580719999998</v>
      </c>
      <c r="I8442">
        <v>44946.161189999999</v>
      </c>
      <c r="J8442">
        <v>30457.981599999999</v>
      </c>
      <c r="K8442">
        <v>63130.149060000003</v>
      </c>
      <c r="L8442">
        <v>27513.882099999999</v>
      </c>
      <c r="M8442">
        <v>356884.98269999999</v>
      </c>
      <c r="N8442">
        <v>94809.304480000006</v>
      </c>
      <c r="O8442">
        <v>28208.039949999998</v>
      </c>
      <c r="P8442">
        <v>32990.90756</v>
      </c>
      <c r="Q8442">
        <v>95001.833859999999</v>
      </c>
      <c r="R8442">
        <v>27292.25748</v>
      </c>
      <c r="S8442">
        <v>117785.44469999999</v>
      </c>
      <c r="T8442">
        <v>39225.001300000004</v>
      </c>
      <c r="U8442">
        <v>25096.995439999999</v>
      </c>
      <c r="W8442" s="83">
        <f>Bühler!N8474</f>
        <v>45643.666666646197</v>
      </c>
      <c r="X8442" s="83">
        <v>43452.666666666664</v>
      </c>
      <c r="Y8442">
        <v>283989.8677</v>
      </c>
      <c r="Z8442">
        <v>38430.719400000002</v>
      </c>
      <c r="AA8442">
        <v>99371.024550000002</v>
      </c>
      <c r="AB8442">
        <v>88303.515169999999</v>
      </c>
      <c r="AC8442">
        <v>55719.580719999998</v>
      </c>
      <c r="AD8442">
        <v>44946.161189999999</v>
      </c>
      <c r="AE8442">
        <v>30457.981599999999</v>
      </c>
      <c r="AF8442">
        <v>63130.149060000003</v>
      </c>
      <c r="AG8442">
        <v>27513.882099999999</v>
      </c>
      <c r="AH8442">
        <v>356884.98269999999</v>
      </c>
      <c r="AI8442">
        <v>94809.304480000006</v>
      </c>
      <c r="AJ8442">
        <v>28208.039949999998</v>
      </c>
      <c r="AK8442">
        <v>32990.90756</v>
      </c>
      <c r="AL8442">
        <v>95001.833859999999</v>
      </c>
      <c r="AM8442">
        <v>27292.25748</v>
      </c>
      <c r="AN8442">
        <v>117785.44469999999</v>
      </c>
      <c r="AO8442">
        <v>39225.001300000004</v>
      </c>
      <c r="AP8442">
        <v>25096.995439999999</v>
      </c>
    </row>
    <row r="8443" spans="2:42" x14ac:dyDescent="0.3">
      <c r="B8443">
        <v>69.431883424814245</v>
      </c>
      <c r="C8443" s="83">
        <v>43452.708333333336</v>
      </c>
      <c r="D8443">
        <v>275402.40899999999</v>
      </c>
      <c r="E8443">
        <v>37167.784809999997</v>
      </c>
      <c r="F8443">
        <v>100376.3895</v>
      </c>
      <c r="G8443">
        <v>80762.538449999993</v>
      </c>
      <c r="H8443">
        <v>55235.066270000003</v>
      </c>
      <c r="I8443">
        <v>43383.610269999997</v>
      </c>
      <c r="J8443">
        <v>32568.45995</v>
      </c>
      <c r="K8443">
        <v>55937.111709999997</v>
      </c>
      <c r="L8443">
        <v>28959.150119999998</v>
      </c>
      <c r="M8443">
        <v>353996.12070000003</v>
      </c>
      <c r="N8443">
        <v>91853.832729999995</v>
      </c>
      <c r="O8443">
        <v>27714.333009999998</v>
      </c>
      <c r="P8443">
        <v>35308.503559999997</v>
      </c>
      <c r="Q8443">
        <v>94021.590679999994</v>
      </c>
      <c r="R8443">
        <v>26201.193930000001</v>
      </c>
      <c r="S8443">
        <v>116497.2107</v>
      </c>
      <c r="T8443">
        <v>40395.505510000003</v>
      </c>
      <c r="U8443">
        <v>23830.5082</v>
      </c>
      <c r="W8443" s="83">
        <f>Bühler!N8475</f>
        <v>45643.708333312861</v>
      </c>
      <c r="X8443" s="83">
        <v>43452.708333333336</v>
      </c>
      <c r="Y8443">
        <v>275402.40899999999</v>
      </c>
      <c r="Z8443">
        <v>37167.784809999997</v>
      </c>
      <c r="AA8443">
        <v>100376.3895</v>
      </c>
      <c r="AB8443">
        <v>80762.538449999993</v>
      </c>
      <c r="AC8443">
        <v>55235.066270000003</v>
      </c>
      <c r="AD8443">
        <v>43383.610269999997</v>
      </c>
      <c r="AE8443">
        <v>32568.45995</v>
      </c>
      <c r="AF8443">
        <v>55937.111709999997</v>
      </c>
      <c r="AG8443">
        <v>28959.150119999998</v>
      </c>
      <c r="AH8443">
        <v>353996.12070000003</v>
      </c>
      <c r="AI8443">
        <v>91853.832729999995</v>
      </c>
      <c r="AJ8443">
        <v>27714.333009999998</v>
      </c>
      <c r="AK8443">
        <v>35308.503559999997</v>
      </c>
      <c r="AL8443">
        <v>94021.590679999994</v>
      </c>
      <c r="AM8443">
        <v>26201.193930000001</v>
      </c>
      <c r="AN8443">
        <v>116497.2107</v>
      </c>
      <c r="AO8443">
        <v>40395.505510000003</v>
      </c>
      <c r="AP8443">
        <v>23830.5082</v>
      </c>
    </row>
    <row r="8444" spans="2:42" x14ac:dyDescent="0.3">
      <c r="B8444">
        <v>67.416036420897797</v>
      </c>
      <c r="C8444" s="83">
        <v>43452.75</v>
      </c>
      <c r="D8444">
        <v>266666.87520000001</v>
      </c>
      <c r="E8444">
        <v>33048.268109999997</v>
      </c>
      <c r="F8444">
        <v>96596.630950000006</v>
      </c>
      <c r="G8444">
        <v>70597.162240000005</v>
      </c>
      <c r="H8444">
        <v>52140.773370000003</v>
      </c>
      <c r="I8444">
        <v>41180.14819</v>
      </c>
      <c r="J8444">
        <v>32370.662329999999</v>
      </c>
      <c r="K8444">
        <v>49629.480860000003</v>
      </c>
      <c r="L8444">
        <v>30491.978729999999</v>
      </c>
      <c r="M8444">
        <v>343718.39260000002</v>
      </c>
      <c r="N8444">
        <v>89319.35686</v>
      </c>
      <c r="O8444">
        <v>25881.313160000002</v>
      </c>
      <c r="P8444">
        <v>38981.065069999997</v>
      </c>
      <c r="Q8444">
        <v>92850.877359999999</v>
      </c>
      <c r="R8444">
        <v>23383.568060000001</v>
      </c>
      <c r="S8444">
        <v>109899.3852</v>
      </c>
      <c r="T8444">
        <v>40766.437530000003</v>
      </c>
      <c r="U8444">
        <v>21615.905340000001</v>
      </c>
      <c r="W8444" s="83">
        <f>Bühler!N8476</f>
        <v>45643.749999979525</v>
      </c>
      <c r="X8444" s="83">
        <v>43452.75</v>
      </c>
      <c r="Y8444">
        <v>266666.87520000001</v>
      </c>
      <c r="Z8444">
        <v>33048.268109999997</v>
      </c>
      <c r="AA8444">
        <v>96596.630950000006</v>
      </c>
      <c r="AB8444">
        <v>70597.162240000005</v>
      </c>
      <c r="AC8444">
        <v>52140.773370000003</v>
      </c>
      <c r="AD8444">
        <v>41180.14819</v>
      </c>
      <c r="AE8444">
        <v>32370.662329999999</v>
      </c>
      <c r="AF8444">
        <v>49629.480860000003</v>
      </c>
      <c r="AG8444">
        <v>30491.978729999999</v>
      </c>
      <c r="AH8444">
        <v>343718.39260000002</v>
      </c>
      <c r="AI8444">
        <v>89319.35686</v>
      </c>
      <c r="AJ8444">
        <v>25881.313160000002</v>
      </c>
      <c r="AK8444">
        <v>38981.065069999997</v>
      </c>
      <c r="AL8444">
        <v>92850.877359999999</v>
      </c>
      <c r="AM8444">
        <v>23383.568060000001</v>
      </c>
      <c r="AN8444">
        <v>109899.3852</v>
      </c>
      <c r="AO8444">
        <v>40766.437530000003</v>
      </c>
      <c r="AP8444">
        <v>21615.905340000001</v>
      </c>
    </row>
    <row r="8445" spans="2:42" x14ac:dyDescent="0.3">
      <c r="B8445">
        <v>66.17150026542987</v>
      </c>
      <c r="C8445" s="83">
        <v>43452.791666666664</v>
      </c>
      <c r="D8445">
        <v>260183.47560000001</v>
      </c>
      <c r="E8445">
        <v>26642.146550000001</v>
      </c>
      <c r="F8445">
        <v>83876.174920000005</v>
      </c>
      <c r="G8445">
        <v>62123.647510000003</v>
      </c>
      <c r="H8445">
        <v>48936.923340000001</v>
      </c>
      <c r="I8445">
        <v>37513.796560000003</v>
      </c>
      <c r="J8445">
        <v>31353.305830000001</v>
      </c>
      <c r="K8445">
        <v>49392.543749999997</v>
      </c>
      <c r="L8445">
        <v>31819.361509999999</v>
      </c>
      <c r="M8445">
        <v>337373.16690000001</v>
      </c>
      <c r="N8445">
        <v>86577.529460000005</v>
      </c>
      <c r="O8445">
        <v>24482.175950000001</v>
      </c>
      <c r="P8445">
        <v>39714.501470000003</v>
      </c>
      <c r="Q8445">
        <v>90685.866070000004</v>
      </c>
      <c r="R8445">
        <v>22499.283749999999</v>
      </c>
      <c r="S8445">
        <v>103771.9173</v>
      </c>
      <c r="T8445">
        <v>40090.382250000002</v>
      </c>
      <c r="U8445">
        <v>19560.573090000002</v>
      </c>
      <c r="W8445" s="83">
        <f>Bühler!N8477</f>
        <v>45643.79166664619</v>
      </c>
      <c r="X8445" s="83">
        <v>43452.791666666664</v>
      </c>
      <c r="Y8445">
        <v>260183.47560000001</v>
      </c>
      <c r="Z8445">
        <v>26642.146550000001</v>
      </c>
      <c r="AA8445">
        <v>83876.174920000005</v>
      </c>
      <c r="AB8445">
        <v>62123.647510000003</v>
      </c>
      <c r="AC8445">
        <v>48936.923340000001</v>
      </c>
      <c r="AD8445">
        <v>37513.796560000003</v>
      </c>
      <c r="AE8445">
        <v>31353.305830000001</v>
      </c>
      <c r="AF8445">
        <v>49392.543749999997</v>
      </c>
      <c r="AG8445">
        <v>31819.361509999999</v>
      </c>
      <c r="AH8445">
        <v>337373.16690000001</v>
      </c>
      <c r="AI8445">
        <v>86577.529460000005</v>
      </c>
      <c r="AJ8445">
        <v>24482.175950000001</v>
      </c>
      <c r="AK8445">
        <v>39714.501470000003</v>
      </c>
      <c r="AL8445">
        <v>90685.866070000004</v>
      </c>
      <c r="AM8445">
        <v>22499.283749999999</v>
      </c>
      <c r="AN8445">
        <v>103771.9173</v>
      </c>
      <c r="AO8445">
        <v>40090.382250000002</v>
      </c>
      <c r="AP8445">
        <v>19560.573090000002</v>
      </c>
    </row>
    <row r="8446" spans="2:42" x14ac:dyDescent="0.3">
      <c r="B8446">
        <v>64.171109791911903</v>
      </c>
      <c r="C8446" s="83">
        <v>43452.833333333336</v>
      </c>
      <c r="D8446">
        <v>250619.77110000001</v>
      </c>
      <c r="E8446">
        <v>20788.616870000002</v>
      </c>
      <c r="F8446">
        <v>65682.893809999994</v>
      </c>
      <c r="G8446">
        <v>53694.072229999998</v>
      </c>
      <c r="H8446">
        <v>45549.664989999997</v>
      </c>
      <c r="I8446">
        <v>33973.621489999998</v>
      </c>
      <c r="J8446">
        <v>30417.455269999999</v>
      </c>
      <c r="K8446">
        <v>55836.553390000001</v>
      </c>
      <c r="L8446">
        <v>31195.410800000001</v>
      </c>
      <c r="M8446">
        <v>327174.24339999998</v>
      </c>
      <c r="N8446">
        <v>83787.628249999994</v>
      </c>
      <c r="O8446">
        <v>23976.49192</v>
      </c>
      <c r="P8446">
        <v>39105.83395</v>
      </c>
      <c r="Q8446">
        <v>88315.769239999994</v>
      </c>
      <c r="R8446">
        <v>23738.431</v>
      </c>
      <c r="S8446">
        <v>93520.818360000005</v>
      </c>
      <c r="T8446">
        <v>38460.063110000003</v>
      </c>
      <c r="U8446">
        <v>18271.111150000001</v>
      </c>
      <c r="W8446" s="83">
        <f>Bühler!N8478</f>
        <v>45643.833333312854</v>
      </c>
      <c r="X8446" s="83">
        <v>43452.833333333336</v>
      </c>
      <c r="Y8446">
        <v>250619.77110000001</v>
      </c>
      <c r="Z8446">
        <v>20788.616870000002</v>
      </c>
      <c r="AA8446">
        <v>65682.893809999994</v>
      </c>
      <c r="AB8446">
        <v>53694.072229999998</v>
      </c>
      <c r="AC8446">
        <v>45549.664989999997</v>
      </c>
      <c r="AD8446">
        <v>33973.621489999998</v>
      </c>
      <c r="AE8446">
        <v>30417.455269999999</v>
      </c>
      <c r="AF8446">
        <v>55836.553390000001</v>
      </c>
      <c r="AG8446">
        <v>31195.410800000001</v>
      </c>
      <c r="AH8446">
        <v>327174.24339999998</v>
      </c>
      <c r="AI8446">
        <v>83787.628249999994</v>
      </c>
      <c r="AJ8446">
        <v>23976.49192</v>
      </c>
      <c r="AK8446">
        <v>39105.83395</v>
      </c>
      <c r="AL8446">
        <v>88315.769239999994</v>
      </c>
      <c r="AM8446">
        <v>23738.431</v>
      </c>
      <c r="AN8446">
        <v>93520.818360000005</v>
      </c>
      <c r="AO8446">
        <v>38460.063110000003</v>
      </c>
      <c r="AP8446">
        <v>18271.111150000001</v>
      </c>
    </row>
    <row r="8447" spans="2:42" x14ac:dyDescent="0.3">
      <c r="B8447">
        <v>62.429122338368494</v>
      </c>
      <c r="C8447" s="83">
        <v>43452.875</v>
      </c>
      <c r="D8447">
        <v>240597.08100000001</v>
      </c>
      <c r="E8447">
        <v>17890.77981</v>
      </c>
      <c r="F8447">
        <v>57668.45968</v>
      </c>
      <c r="G8447">
        <v>48992.642760000002</v>
      </c>
      <c r="H8447">
        <v>42865.020210000002</v>
      </c>
      <c r="I8447">
        <v>29222.541529999999</v>
      </c>
      <c r="J8447">
        <v>29302.72681</v>
      </c>
      <c r="K8447">
        <v>54394.755319999997</v>
      </c>
      <c r="L8447">
        <v>29204.064549999999</v>
      </c>
      <c r="M8447">
        <v>318292.77899999998</v>
      </c>
      <c r="N8447">
        <v>80011.066590000002</v>
      </c>
      <c r="O8447">
        <v>22816.556519999998</v>
      </c>
      <c r="P8447">
        <v>37493.668230000003</v>
      </c>
      <c r="Q8447">
        <v>85868.456760000001</v>
      </c>
      <c r="R8447">
        <v>21265.341489999999</v>
      </c>
      <c r="S8447">
        <v>87795.509279999998</v>
      </c>
      <c r="T8447">
        <v>35108.54883</v>
      </c>
      <c r="U8447">
        <v>17788.566859999999</v>
      </c>
      <c r="W8447" s="83">
        <f>Bühler!N8479</f>
        <v>45643.874999979518</v>
      </c>
      <c r="X8447" s="83">
        <v>43452.875</v>
      </c>
      <c r="Y8447">
        <v>240597.08100000001</v>
      </c>
      <c r="Z8447">
        <v>17890.77981</v>
      </c>
      <c r="AA8447">
        <v>57668.45968</v>
      </c>
      <c r="AB8447">
        <v>48992.642760000002</v>
      </c>
      <c r="AC8447">
        <v>42865.020210000002</v>
      </c>
      <c r="AD8447">
        <v>29222.541529999999</v>
      </c>
      <c r="AE8447">
        <v>29302.72681</v>
      </c>
      <c r="AF8447">
        <v>54394.755319999997</v>
      </c>
      <c r="AG8447">
        <v>29204.064549999999</v>
      </c>
      <c r="AH8447">
        <v>318292.77899999998</v>
      </c>
      <c r="AI8447">
        <v>80011.066590000002</v>
      </c>
      <c r="AJ8447">
        <v>22816.556519999998</v>
      </c>
      <c r="AK8447">
        <v>37493.668230000003</v>
      </c>
      <c r="AL8447">
        <v>85868.456760000001</v>
      </c>
      <c r="AM8447">
        <v>21265.341489999999</v>
      </c>
      <c r="AN8447">
        <v>87795.509279999998</v>
      </c>
      <c r="AO8447">
        <v>35108.54883</v>
      </c>
      <c r="AP8447">
        <v>17788.566859999999</v>
      </c>
    </row>
    <row r="8448" spans="2:42" x14ac:dyDescent="0.3">
      <c r="B8448">
        <v>61.058385859735708</v>
      </c>
      <c r="C8448" s="83">
        <v>43452.916666666664</v>
      </c>
      <c r="D8448">
        <v>239769.68909999999</v>
      </c>
      <c r="E8448">
        <v>17296.520960000002</v>
      </c>
      <c r="F8448">
        <v>55199.517890000003</v>
      </c>
      <c r="G8448">
        <v>46263.914559999997</v>
      </c>
      <c r="H8448">
        <v>41833.933389999998</v>
      </c>
      <c r="I8448">
        <v>27447.72234</v>
      </c>
      <c r="J8448">
        <v>28462.70535</v>
      </c>
      <c r="K8448">
        <v>56342.513059999997</v>
      </c>
      <c r="L8448">
        <v>26314.16201</v>
      </c>
      <c r="M8448">
        <v>311304.12520000001</v>
      </c>
      <c r="N8448">
        <v>79189.909020000006</v>
      </c>
      <c r="O8448">
        <v>23360.971239999999</v>
      </c>
      <c r="P8448">
        <v>39726.588020000003</v>
      </c>
      <c r="Q8448">
        <v>85097.488039999997</v>
      </c>
      <c r="R8448">
        <v>27209.83613</v>
      </c>
      <c r="S8448">
        <v>85427.802179999999</v>
      </c>
      <c r="T8448">
        <v>30776.757290000001</v>
      </c>
      <c r="U8448">
        <v>17609.769530000001</v>
      </c>
      <c r="W8448" s="83">
        <f>Bühler!N8480</f>
        <v>45643.916666646182</v>
      </c>
      <c r="X8448" s="83">
        <v>43452.916666666664</v>
      </c>
      <c r="Y8448">
        <v>239769.68909999999</v>
      </c>
      <c r="Z8448">
        <v>17296.520960000002</v>
      </c>
      <c r="AA8448">
        <v>55199.517890000003</v>
      </c>
      <c r="AB8448">
        <v>46263.914559999997</v>
      </c>
      <c r="AC8448">
        <v>41833.933389999998</v>
      </c>
      <c r="AD8448">
        <v>27447.72234</v>
      </c>
      <c r="AE8448">
        <v>28462.70535</v>
      </c>
      <c r="AF8448">
        <v>56342.513059999997</v>
      </c>
      <c r="AG8448">
        <v>26314.16201</v>
      </c>
      <c r="AH8448">
        <v>311304.12520000001</v>
      </c>
      <c r="AI8448">
        <v>79189.909020000006</v>
      </c>
      <c r="AJ8448">
        <v>23360.971239999999</v>
      </c>
      <c r="AK8448">
        <v>39726.588020000003</v>
      </c>
      <c r="AL8448">
        <v>85097.488039999997</v>
      </c>
      <c r="AM8448">
        <v>27209.83613</v>
      </c>
      <c r="AN8448">
        <v>85427.802179999999</v>
      </c>
      <c r="AO8448">
        <v>30776.757290000001</v>
      </c>
      <c r="AP8448">
        <v>17609.769530000001</v>
      </c>
    </row>
    <row r="8449" spans="2:42" x14ac:dyDescent="0.3">
      <c r="B8449">
        <v>60.059705303957635</v>
      </c>
      <c r="C8449" s="83">
        <v>43452.958333333336</v>
      </c>
      <c r="D8449">
        <v>239788.35370000001</v>
      </c>
      <c r="E8449">
        <v>16742.91675</v>
      </c>
      <c r="F8449">
        <v>53797.427040000002</v>
      </c>
      <c r="G8449">
        <v>44673.229939999997</v>
      </c>
      <c r="H8449">
        <v>40623.646180000003</v>
      </c>
      <c r="I8449">
        <v>25822.049800000001</v>
      </c>
      <c r="J8449">
        <v>26645.095079999999</v>
      </c>
      <c r="K8449">
        <v>54926.346060000003</v>
      </c>
      <c r="L8449">
        <v>23289.832180000001</v>
      </c>
      <c r="M8449">
        <v>306212.386</v>
      </c>
      <c r="N8449">
        <v>79002.820900000006</v>
      </c>
      <c r="O8449">
        <v>22488.144810000002</v>
      </c>
      <c r="P8449">
        <v>34495.643040000003</v>
      </c>
      <c r="Q8449">
        <v>85154.870370000004</v>
      </c>
      <c r="R8449">
        <v>26328.069070000001</v>
      </c>
      <c r="S8449">
        <v>83503.771399999998</v>
      </c>
      <c r="T8449">
        <v>31654.262559999999</v>
      </c>
      <c r="U8449">
        <v>16865.56797</v>
      </c>
      <c r="W8449" s="83">
        <f>Bühler!N8481</f>
        <v>45643.958333312847</v>
      </c>
      <c r="X8449" s="83">
        <v>43452.958333333336</v>
      </c>
      <c r="Y8449">
        <v>239788.35370000001</v>
      </c>
      <c r="Z8449">
        <v>16742.91675</v>
      </c>
      <c r="AA8449">
        <v>53797.427040000002</v>
      </c>
      <c r="AB8449">
        <v>44673.229939999997</v>
      </c>
      <c r="AC8449">
        <v>40623.646180000003</v>
      </c>
      <c r="AD8449">
        <v>25822.049800000001</v>
      </c>
      <c r="AE8449">
        <v>26645.095079999999</v>
      </c>
      <c r="AF8449">
        <v>54926.346060000003</v>
      </c>
      <c r="AG8449">
        <v>23289.832180000001</v>
      </c>
      <c r="AH8449">
        <v>306212.386</v>
      </c>
      <c r="AI8449">
        <v>79002.820900000006</v>
      </c>
      <c r="AJ8449">
        <v>22488.144810000002</v>
      </c>
      <c r="AK8449">
        <v>34495.643040000003</v>
      </c>
      <c r="AL8449">
        <v>85154.870370000004</v>
      </c>
      <c r="AM8449">
        <v>26328.069070000001</v>
      </c>
      <c r="AN8449">
        <v>83503.771399999998</v>
      </c>
      <c r="AO8449">
        <v>31654.262559999999</v>
      </c>
      <c r="AP8449">
        <v>16865.56797</v>
      </c>
    </row>
    <row r="8450" spans="2:42" x14ac:dyDescent="0.3">
      <c r="B8450">
        <v>59.013677627730125</v>
      </c>
      <c r="C8450" s="83">
        <v>43453</v>
      </c>
      <c r="D8450">
        <v>239242.75529999999</v>
      </c>
      <c r="E8450">
        <v>16480.11535</v>
      </c>
      <c r="F8450">
        <v>53745.261980000003</v>
      </c>
      <c r="G8450">
        <v>44158.02491</v>
      </c>
      <c r="H8450">
        <v>39836.59042</v>
      </c>
      <c r="I8450">
        <v>24715.207689999999</v>
      </c>
      <c r="J8450">
        <v>25060.106899999999</v>
      </c>
      <c r="K8450">
        <v>52493.678979999997</v>
      </c>
      <c r="L8450">
        <v>20790.67194</v>
      </c>
      <c r="M8450">
        <v>300879.24910000002</v>
      </c>
      <c r="N8450">
        <v>78880.837750000006</v>
      </c>
      <c r="O8450">
        <v>22380.354869999999</v>
      </c>
      <c r="P8450">
        <v>32138.238949999999</v>
      </c>
      <c r="Q8450">
        <v>85164.384330000001</v>
      </c>
      <c r="R8450">
        <v>24847.601340000001</v>
      </c>
      <c r="S8450">
        <v>81920.290309999997</v>
      </c>
      <c r="T8450">
        <v>29205.25143</v>
      </c>
      <c r="U8450">
        <v>17244.863420000001</v>
      </c>
      <c r="W8450" s="83">
        <f>Bühler!N8482</f>
        <v>45643.999999979511</v>
      </c>
      <c r="X8450" s="83">
        <v>43453</v>
      </c>
      <c r="Y8450">
        <v>239242.75529999999</v>
      </c>
      <c r="Z8450">
        <v>16480.11535</v>
      </c>
      <c r="AA8450">
        <v>53745.261980000003</v>
      </c>
      <c r="AB8450">
        <v>44158.02491</v>
      </c>
      <c r="AC8450">
        <v>39836.59042</v>
      </c>
      <c r="AD8450">
        <v>24715.207689999999</v>
      </c>
      <c r="AE8450">
        <v>25060.106899999999</v>
      </c>
      <c r="AF8450">
        <v>52493.678979999997</v>
      </c>
      <c r="AG8450">
        <v>20790.67194</v>
      </c>
      <c r="AH8450">
        <v>300879.24910000002</v>
      </c>
      <c r="AI8450">
        <v>78880.837750000006</v>
      </c>
      <c r="AJ8450">
        <v>22380.354869999999</v>
      </c>
      <c r="AK8450">
        <v>32138.238949999999</v>
      </c>
      <c r="AL8450">
        <v>85164.384330000001</v>
      </c>
      <c r="AM8450">
        <v>24847.601340000001</v>
      </c>
      <c r="AN8450">
        <v>81920.290309999997</v>
      </c>
      <c r="AO8450">
        <v>29205.25143</v>
      </c>
      <c r="AP8450">
        <v>17244.863420000001</v>
      </c>
    </row>
    <row r="8451" spans="2:42" x14ac:dyDescent="0.3">
      <c r="B8451">
        <v>56.53104136987362</v>
      </c>
      <c r="C8451" s="83">
        <v>43453.041666666664</v>
      </c>
      <c r="D8451">
        <v>237712.36120000001</v>
      </c>
      <c r="E8451">
        <v>16472.588830000001</v>
      </c>
      <c r="F8451">
        <v>54441.129630000003</v>
      </c>
      <c r="G8451">
        <v>43466.195820000001</v>
      </c>
      <c r="H8451">
        <v>39699.472260000002</v>
      </c>
      <c r="I8451">
        <v>20832.69643</v>
      </c>
      <c r="J8451">
        <v>24832.872810000001</v>
      </c>
      <c r="K8451">
        <v>50995.372230000001</v>
      </c>
      <c r="L8451">
        <v>20293.536690000001</v>
      </c>
      <c r="M8451">
        <v>288221.61170000001</v>
      </c>
      <c r="N8451">
        <v>77607.973010000002</v>
      </c>
      <c r="O8451">
        <v>22710.854759999998</v>
      </c>
      <c r="P8451">
        <v>31495.18129</v>
      </c>
      <c r="Q8451">
        <v>85610.654030000005</v>
      </c>
      <c r="R8451">
        <v>24477.613150000001</v>
      </c>
      <c r="S8451">
        <v>81842.401089999999</v>
      </c>
      <c r="T8451">
        <v>28143.266889999999</v>
      </c>
      <c r="U8451">
        <v>17290.438170000001</v>
      </c>
      <c r="W8451" s="83">
        <f>Bühler!N8483</f>
        <v>45644.041666646175</v>
      </c>
      <c r="X8451" s="83">
        <v>43453.041666666664</v>
      </c>
      <c r="Y8451">
        <v>237712.36120000001</v>
      </c>
      <c r="Z8451">
        <v>16472.588830000001</v>
      </c>
      <c r="AA8451">
        <v>54441.129630000003</v>
      </c>
      <c r="AB8451">
        <v>43466.195820000001</v>
      </c>
      <c r="AC8451">
        <v>39699.472260000002</v>
      </c>
      <c r="AD8451">
        <v>20832.69643</v>
      </c>
      <c r="AE8451">
        <v>24832.872810000001</v>
      </c>
      <c r="AF8451">
        <v>50995.372230000001</v>
      </c>
      <c r="AG8451">
        <v>20293.536690000001</v>
      </c>
      <c r="AH8451">
        <v>288221.61170000001</v>
      </c>
      <c r="AI8451">
        <v>77607.973010000002</v>
      </c>
      <c r="AJ8451">
        <v>22710.854759999998</v>
      </c>
      <c r="AK8451">
        <v>31495.18129</v>
      </c>
      <c r="AL8451">
        <v>85610.654030000005</v>
      </c>
      <c r="AM8451">
        <v>24477.613150000001</v>
      </c>
      <c r="AN8451">
        <v>81842.401089999999</v>
      </c>
      <c r="AO8451">
        <v>28143.266889999999</v>
      </c>
      <c r="AP8451">
        <v>17290.438170000001</v>
      </c>
    </row>
    <row r="8452" spans="2:42" x14ac:dyDescent="0.3">
      <c r="B8452">
        <v>55.919329417529191</v>
      </c>
      <c r="C8452" s="83">
        <v>43453.083333333336</v>
      </c>
      <c r="D8452">
        <v>238580.6899</v>
      </c>
      <c r="E8452">
        <v>16490.555960000002</v>
      </c>
      <c r="F8452">
        <v>55339.730839999997</v>
      </c>
      <c r="G8452">
        <v>43086.501450000003</v>
      </c>
      <c r="H8452">
        <v>38875.731809999997</v>
      </c>
      <c r="I8452">
        <v>19446.446479999999</v>
      </c>
      <c r="J8452">
        <v>24782.539349999999</v>
      </c>
      <c r="K8452">
        <v>49580.524689999998</v>
      </c>
      <c r="L8452">
        <v>19871.666290000001</v>
      </c>
      <c r="M8452">
        <v>285102.81890000001</v>
      </c>
      <c r="N8452">
        <v>77536.475730000006</v>
      </c>
      <c r="O8452">
        <v>22611.49899</v>
      </c>
      <c r="P8452">
        <v>30086.056530000002</v>
      </c>
      <c r="Q8452">
        <v>87765.499689999997</v>
      </c>
      <c r="R8452">
        <v>23976.483469999999</v>
      </c>
      <c r="S8452">
        <v>80781.132070000007</v>
      </c>
      <c r="T8452">
        <v>27180.99567</v>
      </c>
      <c r="U8452">
        <v>17619.66921</v>
      </c>
      <c r="W8452" s="83">
        <f>Bühler!N8484</f>
        <v>45644.083333312839</v>
      </c>
      <c r="X8452" s="83">
        <v>43453.083333333336</v>
      </c>
      <c r="Y8452">
        <v>238580.6899</v>
      </c>
      <c r="Z8452">
        <v>16490.555960000002</v>
      </c>
      <c r="AA8452">
        <v>55339.730839999997</v>
      </c>
      <c r="AB8452">
        <v>43086.501450000003</v>
      </c>
      <c r="AC8452">
        <v>38875.731809999997</v>
      </c>
      <c r="AD8452">
        <v>19446.446479999999</v>
      </c>
      <c r="AE8452">
        <v>24782.539349999999</v>
      </c>
      <c r="AF8452">
        <v>49580.524689999998</v>
      </c>
      <c r="AG8452">
        <v>19871.666290000001</v>
      </c>
      <c r="AH8452">
        <v>285102.81890000001</v>
      </c>
      <c r="AI8452">
        <v>77536.475730000006</v>
      </c>
      <c r="AJ8452">
        <v>22611.49899</v>
      </c>
      <c r="AK8452">
        <v>30086.056530000002</v>
      </c>
      <c r="AL8452">
        <v>87765.499689999997</v>
      </c>
      <c r="AM8452">
        <v>23976.483469999999</v>
      </c>
      <c r="AN8452">
        <v>80781.132070000007</v>
      </c>
      <c r="AO8452">
        <v>27180.99567</v>
      </c>
      <c r="AP8452">
        <v>17619.66921</v>
      </c>
    </row>
    <row r="8453" spans="2:42" x14ac:dyDescent="0.3">
      <c r="B8453">
        <v>54.867953642840057</v>
      </c>
      <c r="C8453" s="83">
        <v>43453.125</v>
      </c>
      <c r="D8453">
        <v>239551.7524</v>
      </c>
      <c r="E8453">
        <v>16740.385330000001</v>
      </c>
      <c r="F8453">
        <v>55964.737829999998</v>
      </c>
      <c r="G8453">
        <v>42515.173179999998</v>
      </c>
      <c r="H8453">
        <v>39054.121509999997</v>
      </c>
      <c r="I8453">
        <v>19353.538270000001</v>
      </c>
      <c r="J8453">
        <v>24698.754639999999</v>
      </c>
      <c r="K8453">
        <v>48602.025800000003</v>
      </c>
      <c r="L8453">
        <v>18851.040130000001</v>
      </c>
      <c r="M8453">
        <v>279742.41489999997</v>
      </c>
      <c r="N8453">
        <v>77510.811709999994</v>
      </c>
      <c r="O8453">
        <v>22810.427540000001</v>
      </c>
      <c r="P8453">
        <v>28991.301800000001</v>
      </c>
      <c r="Q8453">
        <v>90683.892810000005</v>
      </c>
      <c r="R8453">
        <v>23920.203300000001</v>
      </c>
      <c r="S8453">
        <v>79830.62599</v>
      </c>
      <c r="T8453">
        <v>27231.565890000002</v>
      </c>
      <c r="U8453">
        <v>17761.672480000001</v>
      </c>
      <c r="W8453" s="83">
        <f>Bühler!N8485</f>
        <v>45644.124999979504</v>
      </c>
      <c r="X8453" s="83">
        <v>43453.125</v>
      </c>
      <c r="Y8453">
        <v>239551.7524</v>
      </c>
      <c r="Z8453">
        <v>16740.385330000001</v>
      </c>
      <c r="AA8453">
        <v>55964.737829999998</v>
      </c>
      <c r="AB8453">
        <v>42515.173179999998</v>
      </c>
      <c r="AC8453">
        <v>39054.121509999997</v>
      </c>
      <c r="AD8453">
        <v>19353.538270000001</v>
      </c>
      <c r="AE8453">
        <v>24698.754639999999</v>
      </c>
      <c r="AF8453">
        <v>48602.025800000003</v>
      </c>
      <c r="AG8453">
        <v>18851.040130000001</v>
      </c>
      <c r="AH8453">
        <v>279742.41489999997</v>
      </c>
      <c r="AI8453">
        <v>77510.811709999994</v>
      </c>
      <c r="AJ8453">
        <v>22810.427540000001</v>
      </c>
      <c r="AK8453">
        <v>28991.301800000001</v>
      </c>
      <c r="AL8453">
        <v>90683.892810000005</v>
      </c>
      <c r="AM8453">
        <v>23920.203300000001</v>
      </c>
      <c r="AN8453">
        <v>79830.62599</v>
      </c>
      <c r="AO8453">
        <v>27231.565890000002</v>
      </c>
      <c r="AP8453">
        <v>17761.672480000001</v>
      </c>
    </row>
    <row r="8454" spans="2:42" x14ac:dyDescent="0.3">
      <c r="B8454">
        <v>55.491958389879287</v>
      </c>
      <c r="C8454" s="83">
        <v>43453.166666666664</v>
      </c>
      <c r="D8454">
        <v>241593.26800000001</v>
      </c>
      <c r="E8454">
        <v>17316.166010000001</v>
      </c>
      <c r="F8454">
        <v>61138.751499999998</v>
      </c>
      <c r="G8454">
        <v>42126.52706</v>
      </c>
      <c r="H8454">
        <v>40338.364509999999</v>
      </c>
      <c r="I8454">
        <v>21216.527300000002</v>
      </c>
      <c r="J8454">
        <v>25936.875629999999</v>
      </c>
      <c r="K8454">
        <v>46364.411489999999</v>
      </c>
      <c r="L8454">
        <v>18046.241129999999</v>
      </c>
      <c r="M8454">
        <v>282923.88209999999</v>
      </c>
      <c r="N8454">
        <v>77816.473069999993</v>
      </c>
      <c r="O8454">
        <v>23108.339319999999</v>
      </c>
      <c r="P8454">
        <v>28750.23198</v>
      </c>
      <c r="Q8454">
        <v>94039.489140000005</v>
      </c>
      <c r="R8454">
        <v>23828.227729999999</v>
      </c>
      <c r="S8454">
        <v>80590.94197</v>
      </c>
      <c r="T8454">
        <v>27253.953249999999</v>
      </c>
      <c r="U8454">
        <v>18662.79781</v>
      </c>
      <c r="W8454" s="83">
        <f>Bühler!N8486</f>
        <v>45644.166666646168</v>
      </c>
      <c r="X8454" s="83">
        <v>43453.166666666664</v>
      </c>
      <c r="Y8454">
        <v>241593.26800000001</v>
      </c>
      <c r="Z8454">
        <v>17316.166010000001</v>
      </c>
      <c r="AA8454">
        <v>61138.751499999998</v>
      </c>
      <c r="AB8454">
        <v>42126.52706</v>
      </c>
      <c r="AC8454">
        <v>40338.364509999999</v>
      </c>
      <c r="AD8454">
        <v>21216.527300000002</v>
      </c>
      <c r="AE8454">
        <v>25936.875629999999</v>
      </c>
      <c r="AF8454">
        <v>46364.411489999999</v>
      </c>
      <c r="AG8454">
        <v>18046.241129999999</v>
      </c>
      <c r="AH8454">
        <v>282923.88209999999</v>
      </c>
      <c r="AI8454">
        <v>77816.473069999993</v>
      </c>
      <c r="AJ8454">
        <v>23108.339319999999</v>
      </c>
      <c r="AK8454">
        <v>28750.23198</v>
      </c>
      <c r="AL8454">
        <v>94039.489140000005</v>
      </c>
      <c r="AM8454">
        <v>23828.227729999999</v>
      </c>
      <c r="AN8454">
        <v>80590.94197</v>
      </c>
      <c r="AO8454">
        <v>27253.953249999999</v>
      </c>
      <c r="AP8454">
        <v>18662.79781</v>
      </c>
    </row>
    <row r="8455" spans="2:42" x14ac:dyDescent="0.3">
      <c r="B8455">
        <v>58.094304607371598</v>
      </c>
      <c r="C8455" s="83">
        <v>43453.208333333336</v>
      </c>
      <c r="D8455">
        <v>254818.6906</v>
      </c>
      <c r="E8455">
        <v>19579.942470000002</v>
      </c>
      <c r="F8455">
        <v>70431.846220000007</v>
      </c>
      <c r="G8455">
        <v>45222.37341</v>
      </c>
      <c r="H8455">
        <v>42420.41059</v>
      </c>
      <c r="I8455">
        <v>29281.711650000001</v>
      </c>
      <c r="J8455">
        <v>28493.847129999998</v>
      </c>
      <c r="K8455">
        <v>47527.746310000002</v>
      </c>
      <c r="L8455">
        <v>19124.766510000001</v>
      </c>
      <c r="M8455">
        <v>296191.8567</v>
      </c>
      <c r="N8455">
        <v>79110.702340000003</v>
      </c>
      <c r="O8455">
        <v>24110.396769999999</v>
      </c>
      <c r="P8455">
        <v>29646.011900000001</v>
      </c>
      <c r="Q8455">
        <v>96421.836519999997</v>
      </c>
      <c r="R8455">
        <v>24462.839360000002</v>
      </c>
      <c r="S8455">
        <v>83890.657439999995</v>
      </c>
      <c r="T8455">
        <v>28934.62703</v>
      </c>
      <c r="U8455">
        <v>20019.445909999999</v>
      </c>
      <c r="W8455" s="83">
        <f>Bühler!N8487</f>
        <v>45644.208333312832</v>
      </c>
      <c r="X8455" s="83">
        <v>43453.208333333336</v>
      </c>
      <c r="Y8455">
        <v>254818.6906</v>
      </c>
      <c r="Z8455">
        <v>19579.942470000002</v>
      </c>
      <c r="AA8455">
        <v>70431.846220000007</v>
      </c>
      <c r="AB8455">
        <v>45222.37341</v>
      </c>
      <c r="AC8455">
        <v>42420.41059</v>
      </c>
      <c r="AD8455">
        <v>29281.711650000001</v>
      </c>
      <c r="AE8455">
        <v>28493.847129999998</v>
      </c>
      <c r="AF8455">
        <v>47527.746310000002</v>
      </c>
      <c r="AG8455">
        <v>19124.766510000001</v>
      </c>
      <c r="AH8455">
        <v>296191.8567</v>
      </c>
      <c r="AI8455">
        <v>79110.702340000003</v>
      </c>
      <c r="AJ8455">
        <v>24110.396769999999</v>
      </c>
      <c r="AK8455">
        <v>29646.011900000001</v>
      </c>
      <c r="AL8455">
        <v>96421.836519999997</v>
      </c>
      <c r="AM8455">
        <v>24462.839360000002</v>
      </c>
      <c r="AN8455">
        <v>83890.657439999995</v>
      </c>
      <c r="AO8455">
        <v>28934.62703</v>
      </c>
      <c r="AP8455">
        <v>20019.445909999999</v>
      </c>
    </row>
    <row r="8456" spans="2:42" x14ac:dyDescent="0.3">
      <c r="B8456">
        <v>62.111473678677854</v>
      </c>
      <c r="C8456" s="83">
        <v>43453.25</v>
      </c>
      <c r="D8456">
        <v>270570.5809</v>
      </c>
      <c r="E8456">
        <v>23608.221130000002</v>
      </c>
      <c r="F8456">
        <v>84073.210279999999</v>
      </c>
      <c r="G8456">
        <v>57869.784950000001</v>
      </c>
      <c r="H8456">
        <v>45723.658040000002</v>
      </c>
      <c r="I8456">
        <v>36930.685039999997</v>
      </c>
      <c r="J8456">
        <v>31488.40884</v>
      </c>
      <c r="K8456">
        <v>50852.785199999998</v>
      </c>
      <c r="L8456">
        <v>20822.934099999999</v>
      </c>
      <c r="M8456">
        <v>316673.25799999997</v>
      </c>
      <c r="N8456">
        <v>82611.969500000007</v>
      </c>
      <c r="O8456">
        <v>25207.85082</v>
      </c>
      <c r="P8456">
        <v>30399.848590000001</v>
      </c>
      <c r="Q8456">
        <v>99222.418160000001</v>
      </c>
      <c r="R8456">
        <v>21833.80615</v>
      </c>
      <c r="S8456">
        <v>92990.707729999995</v>
      </c>
      <c r="T8456">
        <v>32649.934959999999</v>
      </c>
      <c r="U8456">
        <v>23156.941910000001</v>
      </c>
      <c r="W8456" s="83">
        <f>Bühler!N8488</f>
        <v>45644.249999979496</v>
      </c>
      <c r="X8456" s="83">
        <v>43453.25</v>
      </c>
      <c r="Y8456">
        <v>270570.5809</v>
      </c>
      <c r="Z8456">
        <v>23608.221130000002</v>
      </c>
      <c r="AA8456">
        <v>84073.210279999999</v>
      </c>
      <c r="AB8456">
        <v>57869.784950000001</v>
      </c>
      <c r="AC8456">
        <v>45723.658040000002</v>
      </c>
      <c r="AD8456">
        <v>36930.685039999997</v>
      </c>
      <c r="AE8456">
        <v>31488.40884</v>
      </c>
      <c r="AF8456">
        <v>50852.785199999998</v>
      </c>
      <c r="AG8456">
        <v>20822.934099999999</v>
      </c>
      <c r="AH8456">
        <v>316673.25799999997</v>
      </c>
      <c r="AI8456">
        <v>82611.969500000007</v>
      </c>
      <c r="AJ8456">
        <v>25207.85082</v>
      </c>
      <c r="AK8456">
        <v>30399.848590000001</v>
      </c>
      <c r="AL8456">
        <v>99222.418160000001</v>
      </c>
      <c r="AM8456">
        <v>21833.80615</v>
      </c>
      <c r="AN8456">
        <v>92990.707729999995</v>
      </c>
      <c r="AO8456">
        <v>32649.934959999999</v>
      </c>
      <c r="AP8456">
        <v>23156.941910000001</v>
      </c>
    </row>
    <row r="8457" spans="2:42" x14ac:dyDescent="0.3">
      <c r="B8457">
        <v>64.720564002670798</v>
      </c>
      <c r="C8457" s="83">
        <v>43453.291666666664</v>
      </c>
      <c r="D8457">
        <v>285929.75719999999</v>
      </c>
      <c r="E8457">
        <v>29339.598389999999</v>
      </c>
      <c r="F8457">
        <v>88379.981520000001</v>
      </c>
      <c r="G8457">
        <v>74372.786359999998</v>
      </c>
      <c r="H8457">
        <v>52901.474430000002</v>
      </c>
      <c r="I8457">
        <v>46255.702400000002</v>
      </c>
      <c r="J8457">
        <v>33315.871870000003</v>
      </c>
      <c r="K8457">
        <v>56357.351260000003</v>
      </c>
      <c r="L8457">
        <v>24551.599760000001</v>
      </c>
      <c r="M8457">
        <v>329975.61719999998</v>
      </c>
      <c r="N8457">
        <v>88050.562049999993</v>
      </c>
      <c r="O8457">
        <v>28139.590469999999</v>
      </c>
      <c r="P8457">
        <v>34064.72481</v>
      </c>
      <c r="Q8457">
        <v>99255.308439999993</v>
      </c>
      <c r="R8457">
        <v>24422.219509999999</v>
      </c>
      <c r="S8457">
        <v>109976.89479999999</v>
      </c>
      <c r="T8457">
        <v>33980.972520000003</v>
      </c>
      <c r="U8457">
        <v>27967.646260000001</v>
      </c>
      <c r="W8457" s="83">
        <f>Bühler!N8489</f>
        <v>45644.291666646161</v>
      </c>
      <c r="X8457" s="83">
        <v>43453.291666666664</v>
      </c>
      <c r="Y8457">
        <v>285929.75719999999</v>
      </c>
      <c r="Z8457">
        <v>29339.598389999999</v>
      </c>
      <c r="AA8457">
        <v>88379.981520000001</v>
      </c>
      <c r="AB8457">
        <v>74372.786359999998</v>
      </c>
      <c r="AC8457">
        <v>52901.474430000002</v>
      </c>
      <c r="AD8457">
        <v>46255.702400000002</v>
      </c>
      <c r="AE8457">
        <v>33315.871870000003</v>
      </c>
      <c r="AF8457">
        <v>56357.351260000003</v>
      </c>
      <c r="AG8457">
        <v>24551.599760000001</v>
      </c>
      <c r="AH8457">
        <v>329975.61719999998</v>
      </c>
      <c r="AI8457">
        <v>88050.562049999993</v>
      </c>
      <c r="AJ8457">
        <v>28139.590469999999</v>
      </c>
      <c r="AK8457">
        <v>34064.72481</v>
      </c>
      <c r="AL8457">
        <v>99255.308439999993</v>
      </c>
      <c r="AM8457">
        <v>24422.219509999999</v>
      </c>
      <c r="AN8457">
        <v>109976.89479999999</v>
      </c>
      <c r="AO8457">
        <v>33980.972520000003</v>
      </c>
      <c r="AP8457">
        <v>27967.646260000001</v>
      </c>
    </row>
    <row r="8458" spans="2:42" x14ac:dyDescent="0.3">
      <c r="B8458">
        <v>65.814220080012134</v>
      </c>
      <c r="C8458" s="83">
        <v>43453.333333333336</v>
      </c>
      <c r="D8458">
        <v>299177.36660000001</v>
      </c>
      <c r="E8458">
        <v>35876.627260000001</v>
      </c>
      <c r="F8458">
        <v>96574.444380000001</v>
      </c>
      <c r="G8458">
        <v>91430.824030000003</v>
      </c>
      <c r="H8458">
        <v>58511.0317</v>
      </c>
      <c r="I8458">
        <v>50155.368040000001</v>
      </c>
      <c r="J8458">
        <v>33629.740579999998</v>
      </c>
      <c r="K8458">
        <v>61982.027739999998</v>
      </c>
      <c r="L8458">
        <v>28207.87672</v>
      </c>
      <c r="M8458">
        <v>335551.58590000001</v>
      </c>
      <c r="N8458">
        <v>95175.422749999998</v>
      </c>
      <c r="O8458">
        <v>30043.029050000001</v>
      </c>
      <c r="P8458">
        <v>35862.473760000001</v>
      </c>
      <c r="Q8458">
        <v>100142.82640000001</v>
      </c>
      <c r="R8458">
        <v>25495.602169999998</v>
      </c>
      <c r="S8458">
        <v>126067.0462</v>
      </c>
      <c r="T8458">
        <v>37972.375</v>
      </c>
      <c r="U8458">
        <v>30930.916959999999</v>
      </c>
      <c r="W8458" s="83">
        <f>Bühler!N8490</f>
        <v>45644.333333312825</v>
      </c>
      <c r="X8458" s="83">
        <v>43453.333333333336</v>
      </c>
      <c r="Y8458">
        <v>299177.36660000001</v>
      </c>
      <c r="Z8458">
        <v>35876.627260000001</v>
      </c>
      <c r="AA8458">
        <v>96574.444380000001</v>
      </c>
      <c r="AB8458">
        <v>91430.824030000003</v>
      </c>
      <c r="AC8458">
        <v>58511.0317</v>
      </c>
      <c r="AD8458">
        <v>50155.368040000001</v>
      </c>
      <c r="AE8458">
        <v>33629.740579999998</v>
      </c>
      <c r="AF8458">
        <v>61982.027739999998</v>
      </c>
      <c r="AG8458">
        <v>28207.87672</v>
      </c>
      <c r="AH8458">
        <v>335551.58590000001</v>
      </c>
      <c r="AI8458">
        <v>95175.422749999998</v>
      </c>
      <c r="AJ8458">
        <v>30043.029050000001</v>
      </c>
      <c r="AK8458">
        <v>35862.473760000001</v>
      </c>
      <c r="AL8458">
        <v>100142.82640000001</v>
      </c>
      <c r="AM8458">
        <v>25495.602169999998</v>
      </c>
      <c r="AN8458">
        <v>126067.0462</v>
      </c>
      <c r="AO8458">
        <v>37972.375</v>
      </c>
      <c r="AP8458">
        <v>30930.916959999999</v>
      </c>
    </row>
    <row r="8459" spans="2:42" x14ac:dyDescent="0.3">
      <c r="B8459">
        <v>65.955010673075989</v>
      </c>
      <c r="C8459" s="83">
        <v>43453.375</v>
      </c>
      <c r="D8459">
        <v>297698.43329999998</v>
      </c>
      <c r="E8459">
        <v>39610.46716</v>
      </c>
      <c r="F8459">
        <v>102886.5931</v>
      </c>
      <c r="G8459">
        <v>98676.602780000001</v>
      </c>
      <c r="H8459">
        <v>59465.106749999999</v>
      </c>
      <c r="I8459">
        <v>47285.603640000001</v>
      </c>
      <c r="J8459">
        <v>32864.958039999998</v>
      </c>
      <c r="K8459">
        <v>59839.122730000003</v>
      </c>
      <c r="L8459">
        <v>31825.986130000001</v>
      </c>
      <c r="M8459">
        <v>336269.402</v>
      </c>
      <c r="N8459">
        <v>98583.750679999997</v>
      </c>
      <c r="O8459">
        <v>30073.274440000001</v>
      </c>
      <c r="P8459">
        <v>37953.494259999999</v>
      </c>
      <c r="Q8459">
        <v>100107.36599999999</v>
      </c>
      <c r="R8459">
        <v>25153.005669999999</v>
      </c>
      <c r="S8459">
        <v>132653.66930000001</v>
      </c>
      <c r="T8459">
        <v>40278.286829999997</v>
      </c>
      <c r="U8459">
        <v>29729.033599999999</v>
      </c>
      <c r="W8459" s="83">
        <f>Bühler!N8491</f>
        <v>45644.374999979489</v>
      </c>
      <c r="X8459" s="83">
        <v>43453.375</v>
      </c>
      <c r="Y8459">
        <v>297698.43329999998</v>
      </c>
      <c r="Z8459">
        <v>39610.46716</v>
      </c>
      <c r="AA8459">
        <v>102886.5931</v>
      </c>
      <c r="AB8459">
        <v>98676.602780000001</v>
      </c>
      <c r="AC8459">
        <v>59465.106749999999</v>
      </c>
      <c r="AD8459">
        <v>47285.603640000001</v>
      </c>
      <c r="AE8459">
        <v>32864.958039999998</v>
      </c>
      <c r="AF8459">
        <v>59839.122730000003</v>
      </c>
      <c r="AG8459">
        <v>31825.986130000001</v>
      </c>
      <c r="AH8459">
        <v>336269.402</v>
      </c>
      <c r="AI8459">
        <v>98583.750679999997</v>
      </c>
      <c r="AJ8459">
        <v>30073.274440000001</v>
      </c>
      <c r="AK8459">
        <v>37953.494259999999</v>
      </c>
      <c r="AL8459">
        <v>100107.36599999999</v>
      </c>
      <c r="AM8459">
        <v>25153.005669999999</v>
      </c>
      <c r="AN8459">
        <v>132653.66930000001</v>
      </c>
      <c r="AO8459">
        <v>40278.286829999997</v>
      </c>
      <c r="AP8459">
        <v>29729.033599999999</v>
      </c>
    </row>
    <row r="8460" spans="2:42" x14ac:dyDescent="0.3">
      <c r="B8460">
        <v>66.868152309745923</v>
      </c>
      <c r="C8460" s="83">
        <v>43453.416666666664</v>
      </c>
      <c r="D8460">
        <v>299561.77860000002</v>
      </c>
      <c r="E8460">
        <v>40866.106</v>
      </c>
      <c r="F8460">
        <v>103002.2325</v>
      </c>
      <c r="G8460">
        <v>97873.647280000005</v>
      </c>
      <c r="H8460">
        <v>59949.280579999999</v>
      </c>
      <c r="I8460">
        <v>44421.90612</v>
      </c>
      <c r="J8460">
        <v>32098.581320000001</v>
      </c>
      <c r="K8460">
        <v>61083.331989999999</v>
      </c>
      <c r="L8460">
        <v>34681.278749999998</v>
      </c>
      <c r="M8460">
        <v>340925.02389999997</v>
      </c>
      <c r="N8460">
        <v>100000.1896</v>
      </c>
      <c r="O8460">
        <v>30144.069100000001</v>
      </c>
      <c r="P8460">
        <v>38379.537089999998</v>
      </c>
      <c r="Q8460">
        <v>99555.917130000002</v>
      </c>
      <c r="R8460">
        <v>25881.762750000002</v>
      </c>
      <c r="S8460">
        <v>131940.58910000001</v>
      </c>
      <c r="T8460">
        <v>41471.367319999998</v>
      </c>
      <c r="U8460">
        <v>29310.245889999998</v>
      </c>
      <c r="W8460" s="83">
        <f>Bühler!N8492</f>
        <v>45644.416666646153</v>
      </c>
      <c r="X8460" s="83">
        <v>43453.416666666664</v>
      </c>
      <c r="Y8460">
        <v>299561.77860000002</v>
      </c>
      <c r="Z8460">
        <v>40866.106</v>
      </c>
      <c r="AA8460">
        <v>103002.2325</v>
      </c>
      <c r="AB8460">
        <v>97873.647280000005</v>
      </c>
      <c r="AC8460">
        <v>59949.280579999999</v>
      </c>
      <c r="AD8460">
        <v>44421.90612</v>
      </c>
      <c r="AE8460">
        <v>32098.581320000001</v>
      </c>
      <c r="AF8460">
        <v>61083.331989999999</v>
      </c>
      <c r="AG8460">
        <v>34681.278749999998</v>
      </c>
      <c r="AH8460">
        <v>340925.02389999997</v>
      </c>
      <c r="AI8460">
        <v>100000.1896</v>
      </c>
      <c r="AJ8460">
        <v>30144.069100000001</v>
      </c>
      <c r="AK8460">
        <v>38379.537089999998</v>
      </c>
      <c r="AL8460">
        <v>99555.917130000002</v>
      </c>
      <c r="AM8460">
        <v>25881.762750000002</v>
      </c>
      <c r="AN8460">
        <v>131940.58910000001</v>
      </c>
      <c r="AO8460">
        <v>41471.367319999998</v>
      </c>
      <c r="AP8460">
        <v>29310.245889999998</v>
      </c>
    </row>
    <row r="8461" spans="2:42" x14ac:dyDescent="0.3">
      <c r="B8461">
        <v>68.222336673617164</v>
      </c>
      <c r="C8461" s="83">
        <v>43453.458333333336</v>
      </c>
      <c r="D8461">
        <v>297333.28690000001</v>
      </c>
      <c r="E8461">
        <v>40208.016790000001</v>
      </c>
      <c r="F8461">
        <v>103431.4241</v>
      </c>
      <c r="G8461">
        <v>94665.135970000003</v>
      </c>
      <c r="H8461">
        <v>59690.082620000001</v>
      </c>
      <c r="I8461">
        <v>43603.56626</v>
      </c>
      <c r="J8461">
        <v>32311.23431</v>
      </c>
      <c r="K8461">
        <v>68203.658909999998</v>
      </c>
      <c r="L8461">
        <v>34929.833180000001</v>
      </c>
      <c r="M8461">
        <v>347829.28730000003</v>
      </c>
      <c r="N8461">
        <v>99805.740749999997</v>
      </c>
      <c r="O8461">
        <v>29886.292219999999</v>
      </c>
      <c r="P8461">
        <v>36951.994789999997</v>
      </c>
      <c r="Q8461">
        <v>100242.69590000001</v>
      </c>
      <c r="R8461">
        <v>28475.450550000001</v>
      </c>
      <c r="S8461">
        <v>132543.3463</v>
      </c>
      <c r="T8461">
        <v>41663.905850000003</v>
      </c>
      <c r="U8461">
        <v>28856.829099999999</v>
      </c>
      <c r="W8461" s="83">
        <f>Bühler!N8493</f>
        <v>45644.458333312818</v>
      </c>
      <c r="X8461" s="83">
        <v>43453.458333333336</v>
      </c>
      <c r="Y8461">
        <v>297333.28690000001</v>
      </c>
      <c r="Z8461">
        <v>40208.016790000001</v>
      </c>
      <c r="AA8461">
        <v>103431.4241</v>
      </c>
      <c r="AB8461">
        <v>94665.135970000003</v>
      </c>
      <c r="AC8461">
        <v>59690.082620000001</v>
      </c>
      <c r="AD8461">
        <v>43603.56626</v>
      </c>
      <c r="AE8461">
        <v>32311.23431</v>
      </c>
      <c r="AF8461">
        <v>68203.658909999998</v>
      </c>
      <c r="AG8461">
        <v>34929.833180000001</v>
      </c>
      <c r="AH8461">
        <v>347829.28730000003</v>
      </c>
      <c r="AI8461">
        <v>99805.740749999997</v>
      </c>
      <c r="AJ8461">
        <v>29886.292219999999</v>
      </c>
      <c r="AK8461">
        <v>36951.994789999997</v>
      </c>
      <c r="AL8461">
        <v>100242.69590000001</v>
      </c>
      <c r="AM8461">
        <v>28475.450550000001</v>
      </c>
      <c r="AN8461">
        <v>132543.3463</v>
      </c>
      <c r="AO8461">
        <v>41663.905850000003</v>
      </c>
      <c r="AP8461">
        <v>28856.829099999999</v>
      </c>
    </row>
    <row r="8462" spans="2:42" x14ac:dyDescent="0.3">
      <c r="B8462">
        <v>67.698239990265307</v>
      </c>
      <c r="C8462" s="83">
        <v>43453.5</v>
      </c>
      <c r="D8462">
        <v>284098.43329999998</v>
      </c>
      <c r="E8462">
        <v>36062.28746</v>
      </c>
      <c r="F8462">
        <v>95939.922300000006</v>
      </c>
      <c r="G8462">
        <v>87724.920819999999</v>
      </c>
      <c r="H8462">
        <v>55677.410129999997</v>
      </c>
      <c r="I8462">
        <v>41264.90612</v>
      </c>
      <c r="J8462">
        <v>31802.457139999999</v>
      </c>
      <c r="K8462">
        <v>63298.66446</v>
      </c>
      <c r="L8462">
        <v>36431.664640000003</v>
      </c>
      <c r="M8462">
        <v>345157.19799999997</v>
      </c>
      <c r="N8462">
        <v>96355.594949999999</v>
      </c>
      <c r="O8462">
        <v>29347.845270000002</v>
      </c>
      <c r="P8462">
        <v>37841.393759999999</v>
      </c>
      <c r="Q8462">
        <v>99130.619149999999</v>
      </c>
      <c r="R8462">
        <v>28754.477589999999</v>
      </c>
      <c r="S8462">
        <v>124756.79399999999</v>
      </c>
      <c r="T8462">
        <v>40203.091130000001</v>
      </c>
      <c r="U8462">
        <v>24530.152190000001</v>
      </c>
      <c r="W8462" s="83">
        <f>Bühler!N8494</f>
        <v>45644.499999979482</v>
      </c>
      <c r="X8462" s="83">
        <v>43453.5</v>
      </c>
      <c r="Y8462">
        <v>284098.43329999998</v>
      </c>
      <c r="Z8462">
        <v>36062.28746</v>
      </c>
      <c r="AA8462">
        <v>95939.922300000006</v>
      </c>
      <c r="AB8462">
        <v>87724.920819999999</v>
      </c>
      <c r="AC8462">
        <v>55677.410129999997</v>
      </c>
      <c r="AD8462">
        <v>41264.90612</v>
      </c>
      <c r="AE8462">
        <v>31802.457139999999</v>
      </c>
      <c r="AF8462">
        <v>63298.66446</v>
      </c>
      <c r="AG8462">
        <v>36431.664640000003</v>
      </c>
      <c r="AH8462">
        <v>345157.19799999997</v>
      </c>
      <c r="AI8462">
        <v>96355.594949999999</v>
      </c>
      <c r="AJ8462">
        <v>29347.845270000002</v>
      </c>
      <c r="AK8462">
        <v>37841.393759999999</v>
      </c>
      <c r="AL8462">
        <v>99130.619149999999</v>
      </c>
      <c r="AM8462">
        <v>28754.477589999999</v>
      </c>
      <c r="AN8462">
        <v>124756.79399999999</v>
      </c>
      <c r="AO8462">
        <v>40203.091130000001</v>
      </c>
      <c r="AP8462">
        <v>24530.152190000001</v>
      </c>
    </row>
    <row r="8463" spans="2:42" x14ac:dyDescent="0.3">
      <c r="B8463">
        <v>68.319217454399279</v>
      </c>
      <c r="C8463" s="83">
        <v>43453.541666666664</v>
      </c>
      <c r="D8463">
        <v>285858.10700000002</v>
      </c>
      <c r="E8463">
        <v>36030.808230000002</v>
      </c>
      <c r="F8463">
        <v>92733.569759999998</v>
      </c>
      <c r="G8463">
        <v>81370.794429999994</v>
      </c>
      <c r="H8463">
        <v>56570.186710000002</v>
      </c>
      <c r="I8463">
        <v>41011.252930000002</v>
      </c>
      <c r="J8463">
        <v>30758.344400000002</v>
      </c>
      <c r="K8463">
        <v>65576.803899999999</v>
      </c>
      <c r="L8463">
        <v>35045.323360000002</v>
      </c>
      <c r="M8463">
        <v>348323.23070000001</v>
      </c>
      <c r="N8463">
        <v>97990.505489999996</v>
      </c>
      <c r="O8463">
        <v>29240.822390000001</v>
      </c>
      <c r="P8463">
        <v>37120.290309999997</v>
      </c>
      <c r="Q8463">
        <v>98220.057570000004</v>
      </c>
      <c r="R8463">
        <v>29183.600979999999</v>
      </c>
      <c r="S8463">
        <v>125346.1865</v>
      </c>
      <c r="T8463">
        <v>39687.569759999998</v>
      </c>
      <c r="U8463">
        <v>25684.310529999999</v>
      </c>
      <c r="W8463" s="83">
        <f>Bühler!N8495</f>
        <v>45644.541666646146</v>
      </c>
      <c r="X8463" s="83">
        <v>43453.541666666664</v>
      </c>
      <c r="Y8463">
        <v>285858.10700000002</v>
      </c>
      <c r="Z8463">
        <v>36030.808230000002</v>
      </c>
      <c r="AA8463">
        <v>92733.569759999998</v>
      </c>
      <c r="AB8463">
        <v>81370.794429999994</v>
      </c>
      <c r="AC8463">
        <v>56570.186710000002</v>
      </c>
      <c r="AD8463">
        <v>41011.252930000002</v>
      </c>
      <c r="AE8463">
        <v>30758.344400000002</v>
      </c>
      <c r="AF8463">
        <v>65576.803899999999</v>
      </c>
      <c r="AG8463">
        <v>35045.323360000002</v>
      </c>
      <c r="AH8463">
        <v>348323.23070000001</v>
      </c>
      <c r="AI8463">
        <v>97990.505489999996</v>
      </c>
      <c r="AJ8463">
        <v>29240.822390000001</v>
      </c>
      <c r="AK8463">
        <v>37120.290309999997</v>
      </c>
      <c r="AL8463">
        <v>98220.057570000004</v>
      </c>
      <c r="AM8463">
        <v>29183.600979999999</v>
      </c>
      <c r="AN8463">
        <v>125346.1865</v>
      </c>
      <c r="AO8463">
        <v>39687.569759999998</v>
      </c>
      <c r="AP8463">
        <v>25684.310529999999</v>
      </c>
    </row>
    <row r="8464" spans="2:42" x14ac:dyDescent="0.3">
      <c r="B8464">
        <v>68.884766309016996</v>
      </c>
      <c r="C8464" s="83">
        <v>43453.583333333336</v>
      </c>
      <c r="D8464">
        <v>288513.0773</v>
      </c>
      <c r="E8464">
        <v>39349.086770000002</v>
      </c>
      <c r="F8464">
        <v>101594.74679999999</v>
      </c>
      <c r="G8464">
        <v>78516.561470000001</v>
      </c>
      <c r="H8464">
        <v>56884.61421</v>
      </c>
      <c r="I8464">
        <v>41716.631430000001</v>
      </c>
      <c r="J8464">
        <v>30491.82143</v>
      </c>
      <c r="K8464">
        <v>66908.350319999998</v>
      </c>
      <c r="L8464">
        <v>31547.18965</v>
      </c>
      <c r="M8464">
        <v>351206.66249999998</v>
      </c>
      <c r="N8464">
        <v>98347.37311</v>
      </c>
      <c r="O8464">
        <v>28775.532800000001</v>
      </c>
      <c r="P8464">
        <v>34038.188240000003</v>
      </c>
      <c r="Q8464">
        <v>96970.279339999994</v>
      </c>
      <c r="R8464">
        <v>27193.295819999999</v>
      </c>
      <c r="S8464">
        <v>120143.1507</v>
      </c>
      <c r="T8464">
        <v>39052.728060000001</v>
      </c>
      <c r="U8464">
        <v>26553.61346</v>
      </c>
      <c r="W8464" s="83">
        <f>Bühler!N8496</f>
        <v>45644.58333331281</v>
      </c>
      <c r="X8464" s="83">
        <v>43453.583333333336</v>
      </c>
      <c r="Y8464">
        <v>288513.0773</v>
      </c>
      <c r="Z8464">
        <v>39349.086770000002</v>
      </c>
      <c r="AA8464">
        <v>101594.74679999999</v>
      </c>
      <c r="AB8464">
        <v>78516.561470000001</v>
      </c>
      <c r="AC8464">
        <v>56884.61421</v>
      </c>
      <c r="AD8464">
        <v>41716.631430000001</v>
      </c>
      <c r="AE8464">
        <v>30491.82143</v>
      </c>
      <c r="AF8464">
        <v>66908.350319999998</v>
      </c>
      <c r="AG8464">
        <v>31547.18965</v>
      </c>
      <c r="AH8464">
        <v>351206.66249999998</v>
      </c>
      <c r="AI8464">
        <v>98347.37311</v>
      </c>
      <c r="AJ8464">
        <v>28775.532800000001</v>
      </c>
      <c r="AK8464">
        <v>34038.188240000003</v>
      </c>
      <c r="AL8464">
        <v>96970.279339999994</v>
      </c>
      <c r="AM8464">
        <v>27193.295819999999</v>
      </c>
      <c r="AN8464">
        <v>120143.1507</v>
      </c>
      <c r="AO8464">
        <v>39052.728060000001</v>
      </c>
      <c r="AP8464">
        <v>26553.61346</v>
      </c>
    </row>
    <row r="8465" spans="2:42" x14ac:dyDescent="0.3">
      <c r="B8465">
        <v>69.057653554098209</v>
      </c>
      <c r="C8465" s="83">
        <v>43453.625</v>
      </c>
      <c r="D8465">
        <v>285343.57280000002</v>
      </c>
      <c r="E8465">
        <v>39206.5916</v>
      </c>
      <c r="F8465">
        <v>102000.8459</v>
      </c>
      <c r="G8465">
        <v>76819.74381</v>
      </c>
      <c r="H8465">
        <v>55547.264000000003</v>
      </c>
      <c r="I8465">
        <v>42306.790459999997</v>
      </c>
      <c r="J8465">
        <v>30188.430059999999</v>
      </c>
      <c r="K8465">
        <v>66204.379870000004</v>
      </c>
      <c r="L8465">
        <v>27851.699110000001</v>
      </c>
      <c r="M8465">
        <v>352088.12229999999</v>
      </c>
      <c r="N8465">
        <v>97237.067939999994</v>
      </c>
      <c r="O8465">
        <v>28433.65353</v>
      </c>
      <c r="P8465">
        <v>32259.655920000001</v>
      </c>
      <c r="Q8465">
        <v>96023.392600000006</v>
      </c>
      <c r="R8465">
        <v>27134.519420000001</v>
      </c>
      <c r="S8465">
        <v>116746.0981</v>
      </c>
      <c r="T8465">
        <v>38927.764770000002</v>
      </c>
      <c r="U8465">
        <v>25817.689160000002</v>
      </c>
      <c r="W8465" s="83">
        <f>Bühler!N8497</f>
        <v>45644.624999979475</v>
      </c>
      <c r="X8465" s="83">
        <v>43453.625</v>
      </c>
      <c r="Y8465">
        <v>285343.57280000002</v>
      </c>
      <c r="Z8465">
        <v>39206.5916</v>
      </c>
      <c r="AA8465">
        <v>102000.8459</v>
      </c>
      <c r="AB8465">
        <v>76819.74381</v>
      </c>
      <c r="AC8465">
        <v>55547.264000000003</v>
      </c>
      <c r="AD8465">
        <v>42306.790459999997</v>
      </c>
      <c r="AE8465">
        <v>30188.430059999999</v>
      </c>
      <c r="AF8465">
        <v>66204.379870000004</v>
      </c>
      <c r="AG8465">
        <v>27851.699110000001</v>
      </c>
      <c r="AH8465">
        <v>352088.12229999999</v>
      </c>
      <c r="AI8465">
        <v>97237.067939999994</v>
      </c>
      <c r="AJ8465">
        <v>28433.65353</v>
      </c>
      <c r="AK8465">
        <v>32259.655920000001</v>
      </c>
      <c r="AL8465">
        <v>96023.392600000006</v>
      </c>
      <c r="AM8465">
        <v>27134.519420000001</v>
      </c>
      <c r="AN8465">
        <v>116746.0981</v>
      </c>
      <c r="AO8465">
        <v>38927.764770000002</v>
      </c>
      <c r="AP8465">
        <v>25817.689160000002</v>
      </c>
    </row>
    <row r="8466" spans="2:42" x14ac:dyDescent="0.3">
      <c r="B8466">
        <v>68.792701466666784</v>
      </c>
      <c r="C8466" s="83">
        <v>43453.666666666664</v>
      </c>
      <c r="D8466">
        <v>279419.47950000002</v>
      </c>
      <c r="E8466">
        <v>38528.470439999997</v>
      </c>
      <c r="F8466">
        <v>101999.0542</v>
      </c>
      <c r="G8466">
        <v>74477.117970000007</v>
      </c>
      <c r="H8466">
        <v>54286.277349999997</v>
      </c>
      <c r="I8466">
        <v>43282.951289999997</v>
      </c>
      <c r="J8466">
        <v>30150.294709999998</v>
      </c>
      <c r="K8466">
        <v>63098.376479999999</v>
      </c>
      <c r="L8466">
        <v>27980.34823</v>
      </c>
      <c r="M8466">
        <v>350737.27299999999</v>
      </c>
      <c r="N8466">
        <v>94542.553820000001</v>
      </c>
      <c r="O8466">
        <v>28043.542590000001</v>
      </c>
      <c r="P8466">
        <v>33143.3295</v>
      </c>
      <c r="Q8466">
        <v>94997.826969999995</v>
      </c>
      <c r="R8466">
        <v>26771.775539999999</v>
      </c>
      <c r="S8466">
        <v>117561.4396</v>
      </c>
      <c r="T8466">
        <v>39293.797579999999</v>
      </c>
      <c r="U8466">
        <v>24727.822939999998</v>
      </c>
      <c r="W8466" s="83">
        <f>Bühler!N8498</f>
        <v>45644.666666646139</v>
      </c>
      <c r="X8466" s="83">
        <v>43453.666666666664</v>
      </c>
      <c r="Y8466">
        <v>279419.47950000002</v>
      </c>
      <c r="Z8466">
        <v>38528.470439999997</v>
      </c>
      <c r="AA8466">
        <v>101999.0542</v>
      </c>
      <c r="AB8466">
        <v>74477.117970000007</v>
      </c>
      <c r="AC8466">
        <v>54286.277349999997</v>
      </c>
      <c r="AD8466">
        <v>43282.951289999997</v>
      </c>
      <c r="AE8466">
        <v>30150.294709999998</v>
      </c>
      <c r="AF8466">
        <v>63098.376479999999</v>
      </c>
      <c r="AG8466">
        <v>27980.34823</v>
      </c>
      <c r="AH8466">
        <v>350737.27299999999</v>
      </c>
      <c r="AI8466">
        <v>94542.553820000001</v>
      </c>
      <c r="AJ8466">
        <v>28043.542590000001</v>
      </c>
      <c r="AK8466">
        <v>33143.3295</v>
      </c>
      <c r="AL8466">
        <v>94997.826969999995</v>
      </c>
      <c r="AM8466">
        <v>26771.775539999999</v>
      </c>
      <c r="AN8466">
        <v>117561.4396</v>
      </c>
      <c r="AO8466">
        <v>39293.797579999999</v>
      </c>
      <c r="AP8466">
        <v>24727.822939999998</v>
      </c>
    </row>
    <row r="8467" spans="2:42" x14ac:dyDescent="0.3">
      <c r="B8467">
        <v>67.880174975766096</v>
      </c>
      <c r="C8467" s="83">
        <v>43453.708333333336</v>
      </c>
      <c r="D8467">
        <v>271412.60230000003</v>
      </c>
      <c r="E8467">
        <v>37191.525959999999</v>
      </c>
      <c r="F8467">
        <v>103661.5946</v>
      </c>
      <c r="G8467">
        <v>71547.655350000001</v>
      </c>
      <c r="H8467">
        <v>54658.240109999999</v>
      </c>
      <c r="I8467">
        <v>41768.135260000003</v>
      </c>
      <c r="J8467">
        <v>32269.457009999998</v>
      </c>
      <c r="K8467">
        <v>56429.311840000002</v>
      </c>
      <c r="L8467">
        <v>28907.704430000002</v>
      </c>
      <c r="M8467">
        <v>346084.78739999997</v>
      </c>
      <c r="N8467">
        <v>90830.924369999993</v>
      </c>
      <c r="O8467">
        <v>27413.70019</v>
      </c>
      <c r="P8467">
        <v>35353.722450000001</v>
      </c>
      <c r="Q8467">
        <v>94293.612479999996</v>
      </c>
      <c r="R8467">
        <v>25892.404289999999</v>
      </c>
      <c r="S8467">
        <v>117778.3538</v>
      </c>
      <c r="T8467">
        <v>40169.915260000002</v>
      </c>
      <c r="U8467">
        <v>23510.363570000001</v>
      </c>
      <c r="W8467" s="83">
        <f>Bühler!N8499</f>
        <v>45644.708333312803</v>
      </c>
      <c r="X8467" s="83">
        <v>43453.708333333336</v>
      </c>
      <c r="Y8467">
        <v>271412.60230000003</v>
      </c>
      <c r="Z8467">
        <v>37191.525959999999</v>
      </c>
      <c r="AA8467">
        <v>103661.5946</v>
      </c>
      <c r="AB8467">
        <v>71547.655350000001</v>
      </c>
      <c r="AC8467">
        <v>54658.240109999999</v>
      </c>
      <c r="AD8467">
        <v>41768.135260000003</v>
      </c>
      <c r="AE8467">
        <v>32269.457009999998</v>
      </c>
      <c r="AF8467">
        <v>56429.311840000002</v>
      </c>
      <c r="AG8467">
        <v>28907.704430000002</v>
      </c>
      <c r="AH8467">
        <v>346084.78739999997</v>
      </c>
      <c r="AI8467">
        <v>90830.924369999993</v>
      </c>
      <c r="AJ8467">
        <v>27413.70019</v>
      </c>
      <c r="AK8467">
        <v>35353.722450000001</v>
      </c>
      <c r="AL8467">
        <v>94293.612479999996</v>
      </c>
      <c r="AM8467">
        <v>25892.404289999999</v>
      </c>
      <c r="AN8467">
        <v>117778.3538</v>
      </c>
      <c r="AO8467">
        <v>40169.915260000002</v>
      </c>
      <c r="AP8467">
        <v>23510.363570000001</v>
      </c>
    </row>
    <row r="8468" spans="2:42" x14ac:dyDescent="0.3">
      <c r="B8468">
        <v>66.492963346692719</v>
      </c>
      <c r="C8468" s="83">
        <v>43453.75</v>
      </c>
      <c r="D8468">
        <v>263134.81599999999</v>
      </c>
      <c r="E8468">
        <v>33441.695679999997</v>
      </c>
      <c r="F8468">
        <v>100433.37</v>
      </c>
      <c r="G8468">
        <v>65399.030149999999</v>
      </c>
      <c r="H8468">
        <v>51796.893250000001</v>
      </c>
      <c r="I8468">
        <v>40150.166409999998</v>
      </c>
      <c r="J8468">
        <v>32127.483489999999</v>
      </c>
      <c r="K8468">
        <v>49623.86825</v>
      </c>
      <c r="L8468">
        <v>30731.545890000001</v>
      </c>
      <c r="M8468">
        <v>339012.13559999998</v>
      </c>
      <c r="N8468">
        <v>87543.326879999993</v>
      </c>
      <c r="O8468">
        <v>26086.62717</v>
      </c>
      <c r="P8468">
        <v>37316.532769999998</v>
      </c>
      <c r="Q8468">
        <v>93656.477410000007</v>
      </c>
      <c r="R8468">
        <v>23243.014490000001</v>
      </c>
      <c r="S8468">
        <v>110852.194</v>
      </c>
      <c r="T8468">
        <v>40048.060060000003</v>
      </c>
      <c r="U8468">
        <v>21401.129919999999</v>
      </c>
      <c r="W8468" s="83">
        <f>Bühler!N8500</f>
        <v>45644.749999979467</v>
      </c>
      <c r="X8468" s="83">
        <v>43453.75</v>
      </c>
      <c r="Y8468">
        <v>263134.81599999999</v>
      </c>
      <c r="Z8468">
        <v>33441.695679999997</v>
      </c>
      <c r="AA8468">
        <v>100433.37</v>
      </c>
      <c r="AB8468">
        <v>65399.030149999999</v>
      </c>
      <c r="AC8468">
        <v>51796.893250000001</v>
      </c>
      <c r="AD8468">
        <v>40150.166409999998</v>
      </c>
      <c r="AE8468">
        <v>32127.483489999999</v>
      </c>
      <c r="AF8468">
        <v>49623.86825</v>
      </c>
      <c r="AG8468">
        <v>30731.545890000001</v>
      </c>
      <c r="AH8468">
        <v>339012.13559999998</v>
      </c>
      <c r="AI8468">
        <v>87543.326879999993</v>
      </c>
      <c r="AJ8468">
        <v>26086.62717</v>
      </c>
      <c r="AK8468">
        <v>37316.532769999998</v>
      </c>
      <c r="AL8468">
        <v>93656.477410000007</v>
      </c>
      <c r="AM8468">
        <v>23243.014490000001</v>
      </c>
      <c r="AN8468">
        <v>110852.194</v>
      </c>
      <c r="AO8468">
        <v>40048.060060000003</v>
      </c>
      <c r="AP8468">
        <v>21401.129919999999</v>
      </c>
    </row>
    <row r="8469" spans="2:42" x14ac:dyDescent="0.3">
      <c r="B8469">
        <v>64.78041333373119</v>
      </c>
      <c r="C8469" s="83">
        <v>43453.791666666664</v>
      </c>
      <c r="D8469">
        <v>256627.7623</v>
      </c>
      <c r="E8469">
        <v>27245.638360000001</v>
      </c>
      <c r="F8469">
        <v>86299.01483</v>
      </c>
      <c r="G8469">
        <v>58939.848610000001</v>
      </c>
      <c r="H8469">
        <v>48473.633860000002</v>
      </c>
      <c r="I8469">
        <v>37466.471870000001</v>
      </c>
      <c r="J8469">
        <v>31232.220689999998</v>
      </c>
      <c r="K8469">
        <v>49141.264130000003</v>
      </c>
      <c r="L8469">
        <v>30825.194530000001</v>
      </c>
      <c r="M8469">
        <v>330280.75699999998</v>
      </c>
      <c r="N8469">
        <v>84581.739239999995</v>
      </c>
      <c r="O8469">
        <v>24201.4113</v>
      </c>
      <c r="P8469">
        <v>38255.977400000003</v>
      </c>
      <c r="Q8469">
        <v>90850.291259999998</v>
      </c>
      <c r="R8469">
        <v>22793.781149999999</v>
      </c>
      <c r="S8469">
        <v>104805.607</v>
      </c>
      <c r="T8469">
        <v>39741.491970000003</v>
      </c>
      <c r="U8469">
        <v>19436.013589999999</v>
      </c>
      <c r="W8469" s="83">
        <f>Bühler!N8501</f>
        <v>45644.791666646131</v>
      </c>
      <c r="X8469" s="83">
        <v>43453.791666666664</v>
      </c>
      <c r="Y8469">
        <v>256627.7623</v>
      </c>
      <c r="Z8469">
        <v>27245.638360000001</v>
      </c>
      <c r="AA8469">
        <v>86299.01483</v>
      </c>
      <c r="AB8469">
        <v>58939.848610000001</v>
      </c>
      <c r="AC8469">
        <v>48473.633860000002</v>
      </c>
      <c r="AD8469">
        <v>37466.471870000001</v>
      </c>
      <c r="AE8469">
        <v>31232.220689999998</v>
      </c>
      <c r="AF8469">
        <v>49141.264130000003</v>
      </c>
      <c r="AG8469">
        <v>30825.194530000001</v>
      </c>
      <c r="AH8469">
        <v>330280.75699999998</v>
      </c>
      <c r="AI8469">
        <v>84581.739239999995</v>
      </c>
      <c r="AJ8469">
        <v>24201.4113</v>
      </c>
      <c r="AK8469">
        <v>38255.977400000003</v>
      </c>
      <c r="AL8469">
        <v>90850.291259999998</v>
      </c>
      <c r="AM8469">
        <v>22793.781149999999</v>
      </c>
      <c r="AN8469">
        <v>104805.607</v>
      </c>
      <c r="AO8469">
        <v>39741.491970000003</v>
      </c>
      <c r="AP8469">
        <v>19436.013589999999</v>
      </c>
    </row>
    <row r="8470" spans="2:42" x14ac:dyDescent="0.3">
      <c r="B8470">
        <v>63.649383841088081</v>
      </c>
      <c r="C8470" s="83">
        <v>43453.833333333336</v>
      </c>
      <c r="D8470">
        <v>245713.60079999999</v>
      </c>
      <c r="E8470">
        <v>21105.652620000001</v>
      </c>
      <c r="F8470">
        <v>67994.9476</v>
      </c>
      <c r="G8470">
        <v>51099.279439999998</v>
      </c>
      <c r="H8470">
        <v>45359.447379999998</v>
      </c>
      <c r="I8470">
        <v>32658.32386</v>
      </c>
      <c r="J8470">
        <v>30089.385989999999</v>
      </c>
      <c r="K8470">
        <v>57050.715700000001</v>
      </c>
      <c r="L8470">
        <v>30095.210299999999</v>
      </c>
      <c r="M8470">
        <v>324514.24119999999</v>
      </c>
      <c r="N8470">
        <v>82254.389360000001</v>
      </c>
      <c r="O8470">
        <v>23562.02764</v>
      </c>
      <c r="P8470">
        <v>37977.272749999996</v>
      </c>
      <c r="Q8470">
        <v>87868.953280000002</v>
      </c>
      <c r="R8470">
        <v>24025.614269999998</v>
      </c>
      <c r="S8470">
        <v>94967.069040000002</v>
      </c>
      <c r="T8470">
        <v>37840.498420000004</v>
      </c>
      <c r="U8470">
        <v>18081.690770000001</v>
      </c>
      <c r="W8470" s="83">
        <f>Bühler!N8502</f>
        <v>45644.833333312796</v>
      </c>
      <c r="X8470" s="83">
        <v>43453.833333333336</v>
      </c>
      <c r="Y8470">
        <v>245713.60079999999</v>
      </c>
      <c r="Z8470">
        <v>21105.652620000001</v>
      </c>
      <c r="AA8470">
        <v>67994.9476</v>
      </c>
      <c r="AB8470">
        <v>51099.279439999998</v>
      </c>
      <c r="AC8470">
        <v>45359.447379999998</v>
      </c>
      <c r="AD8470">
        <v>32658.32386</v>
      </c>
      <c r="AE8470">
        <v>30089.385989999999</v>
      </c>
      <c r="AF8470">
        <v>57050.715700000001</v>
      </c>
      <c r="AG8470">
        <v>30095.210299999999</v>
      </c>
      <c r="AH8470">
        <v>324514.24119999999</v>
      </c>
      <c r="AI8470">
        <v>82254.389360000001</v>
      </c>
      <c r="AJ8470">
        <v>23562.02764</v>
      </c>
      <c r="AK8470">
        <v>37977.272749999996</v>
      </c>
      <c r="AL8470">
        <v>87868.953280000002</v>
      </c>
      <c r="AM8470">
        <v>24025.614269999998</v>
      </c>
      <c r="AN8470">
        <v>94967.069040000002</v>
      </c>
      <c r="AO8470">
        <v>37840.498420000004</v>
      </c>
      <c r="AP8470">
        <v>18081.690770000001</v>
      </c>
    </row>
    <row r="8471" spans="2:42" x14ac:dyDescent="0.3">
      <c r="B8471">
        <v>61.888765431953516</v>
      </c>
      <c r="C8471" s="83">
        <v>43453.875</v>
      </c>
      <c r="D8471">
        <v>237458.0564</v>
      </c>
      <c r="E8471">
        <v>17779.288260000001</v>
      </c>
      <c r="F8471">
        <v>59667.299420000003</v>
      </c>
      <c r="G8471">
        <v>47479.416019999997</v>
      </c>
      <c r="H8471">
        <v>42670.664270000001</v>
      </c>
      <c r="I8471">
        <v>28503.935949999999</v>
      </c>
      <c r="J8471">
        <v>29128.373309999999</v>
      </c>
      <c r="K8471">
        <v>54514.790959999998</v>
      </c>
      <c r="L8471">
        <v>29050.295340000001</v>
      </c>
      <c r="M8471">
        <v>315537.78749999998</v>
      </c>
      <c r="N8471">
        <v>79453.058579999997</v>
      </c>
      <c r="O8471">
        <v>23037.671419999999</v>
      </c>
      <c r="P8471">
        <v>36623.396829999998</v>
      </c>
      <c r="Q8471">
        <v>85376.512959999993</v>
      </c>
      <c r="R8471">
        <v>21896.836080000001</v>
      </c>
      <c r="S8471">
        <v>87891.063869999998</v>
      </c>
      <c r="T8471">
        <v>34342.538789999999</v>
      </c>
      <c r="U8471">
        <v>17001.75763</v>
      </c>
      <c r="W8471" s="83">
        <f>Bühler!N8503</f>
        <v>45644.87499997946</v>
      </c>
      <c r="X8471" s="83">
        <v>43453.875</v>
      </c>
      <c r="Y8471">
        <v>237458.0564</v>
      </c>
      <c r="Z8471">
        <v>17779.288260000001</v>
      </c>
      <c r="AA8471">
        <v>59667.299420000003</v>
      </c>
      <c r="AB8471">
        <v>47479.416019999997</v>
      </c>
      <c r="AC8471">
        <v>42670.664270000001</v>
      </c>
      <c r="AD8471">
        <v>28503.935949999999</v>
      </c>
      <c r="AE8471">
        <v>29128.373309999999</v>
      </c>
      <c r="AF8471">
        <v>54514.790959999998</v>
      </c>
      <c r="AG8471">
        <v>29050.295340000001</v>
      </c>
      <c r="AH8471">
        <v>315537.78749999998</v>
      </c>
      <c r="AI8471">
        <v>79453.058579999997</v>
      </c>
      <c r="AJ8471">
        <v>23037.671419999999</v>
      </c>
      <c r="AK8471">
        <v>36623.396829999998</v>
      </c>
      <c r="AL8471">
        <v>85376.512959999993</v>
      </c>
      <c r="AM8471">
        <v>21896.836080000001</v>
      </c>
      <c r="AN8471">
        <v>87891.063869999998</v>
      </c>
      <c r="AO8471">
        <v>34342.538789999999</v>
      </c>
      <c r="AP8471">
        <v>17001.75763</v>
      </c>
    </row>
    <row r="8472" spans="2:42" x14ac:dyDescent="0.3">
      <c r="B8472">
        <v>61.82416194574639</v>
      </c>
      <c r="C8472" s="83">
        <v>43453.916666666664</v>
      </c>
      <c r="D8472">
        <v>236473.68609999999</v>
      </c>
      <c r="E8472">
        <v>16816.623039999999</v>
      </c>
      <c r="F8472">
        <v>56703.73936</v>
      </c>
      <c r="G8472">
        <v>45110.383020000001</v>
      </c>
      <c r="H8472">
        <v>41389.443939999997</v>
      </c>
      <c r="I8472">
        <v>27075.710739999999</v>
      </c>
      <c r="J8472">
        <v>28170.442780000001</v>
      </c>
      <c r="K8472">
        <v>55775.979099999997</v>
      </c>
      <c r="L8472">
        <v>26591.180110000001</v>
      </c>
      <c r="M8472">
        <v>315208.40879999998</v>
      </c>
      <c r="N8472">
        <v>79189.667860000001</v>
      </c>
      <c r="O8472">
        <v>22581.779500000001</v>
      </c>
      <c r="P8472">
        <v>39457.216829999998</v>
      </c>
      <c r="Q8472">
        <v>85002.76887</v>
      </c>
      <c r="R8472">
        <v>27257.507539999999</v>
      </c>
      <c r="S8472">
        <v>86608.082729999995</v>
      </c>
      <c r="T8472">
        <v>30468.863020000001</v>
      </c>
      <c r="U8472">
        <v>17178.92297</v>
      </c>
      <c r="W8472" s="83">
        <f>Bühler!N8504</f>
        <v>45644.916666646124</v>
      </c>
      <c r="X8472" s="83">
        <v>43453.916666666664</v>
      </c>
      <c r="Y8472">
        <v>236473.68609999999</v>
      </c>
      <c r="Z8472">
        <v>16816.623039999999</v>
      </c>
      <c r="AA8472">
        <v>56703.73936</v>
      </c>
      <c r="AB8472">
        <v>45110.383020000001</v>
      </c>
      <c r="AC8472">
        <v>41389.443939999997</v>
      </c>
      <c r="AD8472">
        <v>27075.710739999999</v>
      </c>
      <c r="AE8472">
        <v>28170.442780000001</v>
      </c>
      <c r="AF8472">
        <v>55775.979099999997</v>
      </c>
      <c r="AG8472">
        <v>26591.180110000001</v>
      </c>
      <c r="AH8472">
        <v>315208.40879999998</v>
      </c>
      <c r="AI8472">
        <v>79189.667860000001</v>
      </c>
      <c r="AJ8472">
        <v>22581.779500000001</v>
      </c>
      <c r="AK8472">
        <v>39457.216829999998</v>
      </c>
      <c r="AL8472">
        <v>85002.76887</v>
      </c>
      <c r="AM8472">
        <v>27257.507539999999</v>
      </c>
      <c r="AN8472">
        <v>86608.082729999995</v>
      </c>
      <c r="AO8472">
        <v>30468.863020000001</v>
      </c>
      <c r="AP8472">
        <v>17178.92297</v>
      </c>
    </row>
    <row r="8473" spans="2:42" x14ac:dyDescent="0.3">
      <c r="B8473">
        <v>60.783950822578369</v>
      </c>
      <c r="C8473" s="83">
        <v>43453.958333333336</v>
      </c>
      <c r="D8473">
        <v>235947.34719999999</v>
      </c>
      <c r="E8473">
        <v>16194.15223</v>
      </c>
      <c r="F8473">
        <v>55193.202649999999</v>
      </c>
      <c r="G8473">
        <v>43962.080719999998</v>
      </c>
      <c r="H8473">
        <v>40418.629589999997</v>
      </c>
      <c r="I8473">
        <v>25646.004639999999</v>
      </c>
      <c r="J8473">
        <v>26243.12817</v>
      </c>
      <c r="K8473">
        <v>55396.733509999998</v>
      </c>
      <c r="L8473">
        <v>23207.358469999999</v>
      </c>
      <c r="M8473">
        <v>309904.92739999999</v>
      </c>
      <c r="N8473">
        <v>77693.557579999993</v>
      </c>
      <c r="O8473">
        <v>22268.61852</v>
      </c>
      <c r="P8473">
        <v>35512.129869999997</v>
      </c>
      <c r="Q8473">
        <v>84422.886670000007</v>
      </c>
      <c r="R8473">
        <v>26853.511269999999</v>
      </c>
      <c r="S8473">
        <v>84485.101259999996</v>
      </c>
      <c r="T8473">
        <v>31344.228859999999</v>
      </c>
      <c r="U8473">
        <v>16504.48417</v>
      </c>
      <c r="W8473" s="83">
        <f>Bühler!N8505</f>
        <v>45644.958333312788</v>
      </c>
      <c r="X8473" s="83">
        <v>43453.958333333336</v>
      </c>
      <c r="Y8473">
        <v>235947.34719999999</v>
      </c>
      <c r="Z8473">
        <v>16194.15223</v>
      </c>
      <c r="AA8473">
        <v>55193.202649999999</v>
      </c>
      <c r="AB8473">
        <v>43962.080719999998</v>
      </c>
      <c r="AC8473">
        <v>40418.629589999997</v>
      </c>
      <c r="AD8473">
        <v>25646.004639999999</v>
      </c>
      <c r="AE8473">
        <v>26243.12817</v>
      </c>
      <c r="AF8473">
        <v>55396.733509999998</v>
      </c>
      <c r="AG8473">
        <v>23207.358469999999</v>
      </c>
      <c r="AH8473">
        <v>309904.92739999999</v>
      </c>
      <c r="AI8473">
        <v>77693.557579999993</v>
      </c>
      <c r="AJ8473">
        <v>22268.61852</v>
      </c>
      <c r="AK8473">
        <v>35512.129869999997</v>
      </c>
      <c r="AL8473">
        <v>84422.886670000007</v>
      </c>
      <c r="AM8473">
        <v>26853.511269999999</v>
      </c>
      <c r="AN8473">
        <v>84485.101259999996</v>
      </c>
      <c r="AO8473">
        <v>31344.228859999999</v>
      </c>
      <c r="AP8473">
        <v>16504.48417</v>
      </c>
    </row>
    <row r="8474" spans="2:42" x14ac:dyDescent="0.3">
      <c r="B8474">
        <v>59.933964844571939</v>
      </c>
      <c r="C8474" s="83">
        <v>43454</v>
      </c>
      <c r="D8474">
        <v>235726.8768</v>
      </c>
      <c r="E8474">
        <v>16112.06509</v>
      </c>
      <c r="F8474">
        <v>55012.984649999999</v>
      </c>
      <c r="G8474">
        <v>43051.961450000003</v>
      </c>
      <c r="H8474">
        <v>39895.701789999999</v>
      </c>
      <c r="I8474">
        <v>23679.420030000001</v>
      </c>
      <c r="J8474">
        <v>24949.427930000002</v>
      </c>
      <c r="K8474">
        <v>53127.441129999999</v>
      </c>
      <c r="L8474">
        <v>20808.580239999999</v>
      </c>
      <c r="M8474">
        <v>305571.30249999999</v>
      </c>
      <c r="N8474">
        <v>77406.900219999996</v>
      </c>
      <c r="O8474">
        <v>22217.171630000001</v>
      </c>
      <c r="P8474">
        <v>33511.175609999998</v>
      </c>
      <c r="Q8474">
        <v>84765.333840000007</v>
      </c>
      <c r="R8474">
        <v>25302.375609999999</v>
      </c>
      <c r="S8474">
        <v>83393.7549</v>
      </c>
      <c r="T8474">
        <v>29183.150389999999</v>
      </c>
      <c r="U8474">
        <v>16995.0507</v>
      </c>
      <c r="W8474" s="83">
        <f>Bühler!N8506</f>
        <v>45644.999999979453</v>
      </c>
      <c r="X8474" s="83">
        <v>43454</v>
      </c>
      <c r="Y8474">
        <v>235726.8768</v>
      </c>
      <c r="Z8474">
        <v>16112.06509</v>
      </c>
      <c r="AA8474">
        <v>55012.984649999999</v>
      </c>
      <c r="AB8474">
        <v>43051.961450000003</v>
      </c>
      <c r="AC8474">
        <v>39895.701789999999</v>
      </c>
      <c r="AD8474">
        <v>23679.420030000001</v>
      </c>
      <c r="AE8474">
        <v>24949.427930000002</v>
      </c>
      <c r="AF8474">
        <v>53127.441129999999</v>
      </c>
      <c r="AG8474">
        <v>20808.580239999999</v>
      </c>
      <c r="AH8474">
        <v>305571.30249999999</v>
      </c>
      <c r="AI8474">
        <v>77406.900219999996</v>
      </c>
      <c r="AJ8474">
        <v>22217.171630000001</v>
      </c>
      <c r="AK8474">
        <v>33511.175609999998</v>
      </c>
      <c r="AL8474">
        <v>84765.333840000007</v>
      </c>
      <c r="AM8474">
        <v>25302.375609999999</v>
      </c>
      <c r="AN8474">
        <v>83393.7549</v>
      </c>
      <c r="AO8474">
        <v>29183.150389999999</v>
      </c>
      <c r="AP8474">
        <v>16995.0507</v>
      </c>
    </row>
    <row r="8475" spans="2:42" x14ac:dyDescent="0.3">
      <c r="B8475">
        <v>59.697976231663205</v>
      </c>
      <c r="C8475" s="83">
        <v>43454.041666666664</v>
      </c>
      <c r="D8475">
        <v>234274.45170000001</v>
      </c>
      <c r="E8475">
        <v>16009.400519999999</v>
      </c>
      <c r="F8475">
        <v>55802.658029999999</v>
      </c>
      <c r="G8475">
        <v>42516.103990000003</v>
      </c>
      <c r="H8475">
        <v>39202.257270000002</v>
      </c>
      <c r="I8475">
        <v>20234.511129999999</v>
      </c>
      <c r="J8475">
        <v>24347.75892</v>
      </c>
      <c r="K8475">
        <v>50966.196069999998</v>
      </c>
      <c r="L8475">
        <v>19426.051309999999</v>
      </c>
      <c r="M8475">
        <v>304368.1225</v>
      </c>
      <c r="N8475">
        <v>76806.429999999993</v>
      </c>
      <c r="O8475">
        <v>22272.32086</v>
      </c>
      <c r="P8475">
        <v>30896.119729999999</v>
      </c>
      <c r="Q8475">
        <v>85305.866420000006</v>
      </c>
      <c r="R8475">
        <v>24414.57792</v>
      </c>
      <c r="S8475">
        <v>82665.106119999997</v>
      </c>
      <c r="T8475">
        <v>28361.86088</v>
      </c>
      <c r="U8475">
        <v>16850.609520000002</v>
      </c>
      <c r="W8475" s="83">
        <f>Bühler!N8507</f>
        <v>45645.041666646117</v>
      </c>
      <c r="X8475" s="83">
        <v>43454.041666666664</v>
      </c>
      <c r="Y8475">
        <v>234274.45170000001</v>
      </c>
      <c r="Z8475">
        <v>16009.400519999999</v>
      </c>
      <c r="AA8475">
        <v>55802.658029999999</v>
      </c>
      <c r="AB8475">
        <v>42516.103990000003</v>
      </c>
      <c r="AC8475">
        <v>39202.257270000002</v>
      </c>
      <c r="AD8475">
        <v>20234.511129999999</v>
      </c>
      <c r="AE8475">
        <v>24347.75892</v>
      </c>
      <c r="AF8475">
        <v>50966.196069999998</v>
      </c>
      <c r="AG8475">
        <v>19426.051309999999</v>
      </c>
      <c r="AH8475">
        <v>304368.1225</v>
      </c>
      <c r="AI8475">
        <v>76806.429999999993</v>
      </c>
      <c r="AJ8475">
        <v>22272.32086</v>
      </c>
      <c r="AK8475">
        <v>30896.119729999999</v>
      </c>
      <c r="AL8475">
        <v>85305.866420000006</v>
      </c>
      <c r="AM8475">
        <v>24414.57792</v>
      </c>
      <c r="AN8475">
        <v>82665.106119999997</v>
      </c>
      <c r="AO8475">
        <v>28361.86088</v>
      </c>
      <c r="AP8475">
        <v>16850.609520000002</v>
      </c>
    </row>
    <row r="8476" spans="2:42" x14ac:dyDescent="0.3">
      <c r="B8476">
        <v>60.040210382674729</v>
      </c>
      <c r="C8476" s="83">
        <v>43454.083333333336</v>
      </c>
      <c r="D8476">
        <v>234824.15900000001</v>
      </c>
      <c r="E8476">
        <v>15973.944439999999</v>
      </c>
      <c r="F8476">
        <v>56232.298880000002</v>
      </c>
      <c r="G8476">
        <v>41992.887999999999</v>
      </c>
      <c r="H8476">
        <v>39029.323360000002</v>
      </c>
      <c r="I8476">
        <v>18991.576519999999</v>
      </c>
      <c r="J8476">
        <v>24141.183219999999</v>
      </c>
      <c r="K8476">
        <v>49650.87126</v>
      </c>
      <c r="L8476">
        <v>19184.328010000001</v>
      </c>
      <c r="M8476">
        <v>306112.99180000002</v>
      </c>
      <c r="N8476">
        <v>75840.086139999999</v>
      </c>
      <c r="O8476">
        <v>22278.250540000001</v>
      </c>
      <c r="P8476">
        <v>30006.775870000001</v>
      </c>
      <c r="Q8476">
        <v>88123.326409999994</v>
      </c>
      <c r="R8476">
        <v>23998.444899999999</v>
      </c>
      <c r="S8476">
        <v>80434.009609999994</v>
      </c>
      <c r="T8476">
        <v>27476.80215</v>
      </c>
      <c r="U8476">
        <v>17483.838240000001</v>
      </c>
      <c r="W8476" s="83">
        <f>Bühler!N8508</f>
        <v>45645.083333312781</v>
      </c>
      <c r="X8476" s="83">
        <v>43454.083333333336</v>
      </c>
      <c r="Y8476">
        <v>234824.15900000001</v>
      </c>
      <c r="Z8476">
        <v>15973.944439999999</v>
      </c>
      <c r="AA8476">
        <v>56232.298880000002</v>
      </c>
      <c r="AB8476">
        <v>41992.887999999999</v>
      </c>
      <c r="AC8476">
        <v>39029.323360000002</v>
      </c>
      <c r="AD8476">
        <v>18991.576519999999</v>
      </c>
      <c r="AE8476">
        <v>24141.183219999999</v>
      </c>
      <c r="AF8476">
        <v>49650.87126</v>
      </c>
      <c r="AG8476">
        <v>19184.328010000001</v>
      </c>
      <c r="AH8476">
        <v>306112.99180000002</v>
      </c>
      <c r="AI8476">
        <v>75840.086139999999</v>
      </c>
      <c r="AJ8476">
        <v>22278.250540000001</v>
      </c>
      <c r="AK8476">
        <v>30006.775870000001</v>
      </c>
      <c r="AL8476">
        <v>88123.326409999994</v>
      </c>
      <c r="AM8476">
        <v>23998.444899999999</v>
      </c>
      <c r="AN8476">
        <v>80434.009609999994</v>
      </c>
      <c r="AO8476">
        <v>27476.80215</v>
      </c>
      <c r="AP8476">
        <v>17483.838240000001</v>
      </c>
    </row>
    <row r="8477" spans="2:42" x14ac:dyDescent="0.3">
      <c r="B8477">
        <v>60.386265918136644</v>
      </c>
      <c r="C8477" s="83">
        <v>43454.125</v>
      </c>
      <c r="D8477">
        <v>234968.78219999999</v>
      </c>
      <c r="E8477">
        <v>16103.518550000001</v>
      </c>
      <c r="F8477">
        <v>56007.879079999999</v>
      </c>
      <c r="G8477">
        <v>41644.577709999998</v>
      </c>
      <c r="H8477">
        <v>38903.858820000001</v>
      </c>
      <c r="I8477">
        <v>18770.01525</v>
      </c>
      <c r="J8477">
        <v>24533.880929999999</v>
      </c>
      <c r="K8477">
        <v>48405.22997</v>
      </c>
      <c r="L8477">
        <v>19292.02478</v>
      </c>
      <c r="M8477">
        <v>307877.3443</v>
      </c>
      <c r="N8477">
        <v>75917.874949999998</v>
      </c>
      <c r="O8477">
        <v>22256.14329</v>
      </c>
      <c r="P8477">
        <v>29518.542509999999</v>
      </c>
      <c r="Q8477">
        <v>91341.847280000002</v>
      </c>
      <c r="R8477">
        <v>24106.362440000001</v>
      </c>
      <c r="S8477">
        <v>80087.915099999998</v>
      </c>
      <c r="T8477">
        <v>27342.431120000001</v>
      </c>
      <c r="U8477">
        <v>17359.497149999999</v>
      </c>
      <c r="W8477" s="83">
        <f>Bühler!N8509</f>
        <v>45645.124999979445</v>
      </c>
      <c r="X8477" s="83">
        <v>43454.125</v>
      </c>
      <c r="Y8477">
        <v>234968.78219999999</v>
      </c>
      <c r="Z8477">
        <v>16103.518550000001</v>
      </c>
      <c r="AA8477">
        <v>56007.879079999999</v>
      </c>
      <c r="AB8477">
        <v>41644.577709999998</v>
      </c>
      <c r="AC8477">
        <v>38903.858820000001</v>
      </c>
      <c r="AD8477">
        <v>18770.01525</v>
      </c>
      <c r="AE8477">
        <v>24533.880929999999</v>
      </c>
      <c r="AF8477">
        <v>48405.22997</v>
      </c>
      <c r="AG8477">
        <v>19292.02478</v>
      </c>
      <c r="AH8477">
        <v>307877.3443</v>
      </c>
      <c r="AI8477">
        <v>75917.874949999998</v>
      </c>
      <c r="AJ8477">
        <v>22256.14329</v>
      </c>
      <c r="AK8477">
        <v>29518.542509999999</v>
      </c>
      <c r="AL8477">
        <v>91341.847280000002</v>
      </c>
      <c r="AM8477">
        <v>24106.362440000001</v>
      </c>
      <c r="AN8477">
        <v>80087.915099999998</v>
      </c>
      <c r="AO8477">
        <v>27342.431120000001</v>
      </c>
      <c r="AP8477">
        <v>17359.497149999999</v>
      </c>
    </row>
    <row r="8478" spans="2:42" x14ac:dyDescent="0.3">
      <c r="B8478">
        <v>61.103333964642111</v>
      </c>
      <c r="C8478" s="83">
        <v>43454.166666666664</v>
      </c>
      <c r="D8478">
        <v>237428.34020000001</v>
      </c>
      <c r="E8478">
        <v>16735.573929999999</v>
      </c>
      <c r="F8478">
        <v>62128.735569999997</v>
      </c>
      <c r="G8478">
        <v>41425.696000000004</v>
      </c>
      <c r="H8478">
        <v>39913.316630000001</v>
      </c>
      <c r="I8478">
        <v>20863.322889999999</v>
      </c>
      <c r="J8478">
        <v>25976.356790000002</v>
      </c>
      <c r="K8478">
        <v>46086.56076</v>
      </c>
      <c r="L8478">
        <v>18631.179619999999</v>
      </c>
      <c r="M8478">
        <v>311533.2916</v>
      </c>
      <c r="N8478">
        <v>74976.635250000007</v>
      </c>
      <c r="O8478">
        <v>23048.803019999999</v>
      </c>
      <c r="P8478">
        <v>29521.039509999999</v>
      </c>
      <c r="Q8478">
        <v>94696.839649999994</v>
      </c>
      <c r="R8478">
        <v>24178.273099999999</v>
      </c>
      <c r="S8478">
        <v>81015.930649999995</v>
      </c>
      <c r="T8478">
        <v>27591.171729999998</v>
      </c>
      <c r="U8478">
        <v>18292.619500000001</v>
      </c>
      <c r="W8478" s="83">
        <f>Bühler!N8510</f>
        <v>45645.16666664611</v>
      </c>
      <c r="X8478" s="83">
        <v>43454.166666666664</v>
      </c>
      <c r="Y8478">
        <v>237428.34020000001</v>
      </c>
      <c r="Z8478">
        <v>16735.573929999999</v>
      </c>
      <c r="AA8478">
        <v>62128.735569999997</v>
      </c>
      <c r="AB8478">
        <v>41425.696000000004</v>
      </c>
      <c r="AC8478">
        <v>39913.316630000001</v>
      </c>
      <c r="AD8478">
        <v>20863.322889999999</v>
      </c>
      <c r="AE8478">
        <v>25976.356790000002</v>
      </c>
      <c r="AF8478">
        <v>46086.56076</v>
      </c>
      <c r="AG8478">
        <v>18631.179619999999</v>
      </c>
      <c r="AH8478">
        <v>311533.2916</v>
      </c>
      <c r="AI8478">
        <v>74976.635250000007</v>
      </c>
      <c r="AJ8478">
        <v>23048.803019999999</v>
      </c>
      <c r="AK8478">
        <v>29521.039509999999</v>
      </c>
      <c r="AL8478">
        <v>94696.839649999994</v>
      </c>
      <c r="AM8478">
        <v>24178.273099999999</v>
      </c>
      <c r="AN8478">
        <v>81015.930649999995</v>
      </c>
      <c r="AO8478">
        <v>27591.171729999998</v>
      </c>
      <c r="AP8478">
        <v>18292.619500000001</v>
      </c>
    </row>
    <row r="8479" spans="2:42" x14ac:dyDescent="0.3">
      <c r="B8479">
        <v>63.628680595656931</v>
      </c>
      <c r="C8479" s="83">
        <v>43454.208333333336</v>
      </c>
      <c r="D8479">
        <v>250097.7286</v>
      </c>
      <c r="E8479">
        <v>18958.588940000001</v>
      </c>
      <c r="F8479">
        <v>72160.226179999998</v>
      </c>
      <c r="G8479">
        <v>44631.320379999997</v>
      </c>
      <c r="H8479">
        <v>41917.534240000001</v>
      </c>
      <c r="I8479">
        <v>27928.552599999999</v>
      </c>
      <c r="J8479">
        <v>28510.129659999999</v>
      </c>
      <c r="K8479">
        <v>46067.281779999998</v>
      </c>
      <c r="L8479">
        <v>19670.181700000001</v>
      </c>
      <c r="M8479">
        <v>324408.68640000001</v>
      </c>
      <c r="N8479">
        <v>76396.79608</v>
      </c>
      <c r="O8479">
        <v>23649.104230000001</v>
      </c>
      <c r="P8479">
        <v>30040.953379999999</v>
      </c>
      <c r="Q8479">
        <v>97493.605280000003</v>
      </c>
      <c r="R8479">
        <v>24836.283510000001</v>
      </c>
      <c r="S8479">
        <v>84224.781480000005</v>
      </c>
      <c r="T8479">
        <v>28909.040669999998</v>
      </c>
      <c r="U8479">
        <v>19947.353810000001</v>
      </c>
      <c r="W8479" s="83">
        <f>Bühler!N8511</f>
        <v>45645.208333312774</v>
      </c>
      <c r="X8479" s="83">
        <v>43454.208333333336</v>
      </c>
      <c r="Y8479">
        <v>250097.7286</v>
      </c>
      <c r="Z8479">
        <v>18958.588940000001</v>
      </c>
      <c r="AA8479">
        <v>72160.226179999998</v>
      </c>
      <c r="AB8479">
        <v>44631.320379999997</v>
      </c>
      <c r="AC8479">
        <v>41917.534240000001</v>
      </c>
      <c r="AD8479">
        <v>27928.552599999999</v>
      </c>
      <c r="AE8479">
        <v>28510.129659999999</v>
      </c>
      <c r="AF8479">
        <v>46067.281779999998</v>
      </c>
      <c r="AG8479">
        <v>19670.181700000001</v>
      </c>
      <c r="AH8479">
        <v>324408.68640000001</v>
      </c>
      <c r="AI8479">
        <v>76396.79608</v>
      </c>
      <c r="AJ8479">
        <v>23649.104230000001</v>
      </c>
      <c r="AK8479">
        <v>30040.953379999999</v>
      </c>
      <c r="AL8479">
        <v>97493.605280000003</v>
      </c>
      <c r="AM8479">
        <v>24836.283510000001</v>
      </c>
      <c r="AN8479">
        <v>84224.781480000005</v>
      </c>
      <c r="AO8479">
        <v>28909.040669999998</v>
      </c>
      <c r="AP8479">
        <v>19947.353810000001</v>
      </c>
    </row>
    <row r="8480" spans="2:42" x14ac:dyDescent="0.3">
      <c r="B8480">
        <v>67.333186074995936</v>
      </c>
      <c r="C8480" s="83">
        <v>43454.25</v>
      </c>
      <c r="D8480">
        <v>264761.42790000001</v>
      </c>
      <c r="E8480">
        <v>23068.536029999999</v>
      </c>
      <c r="F8480">
        <v>86343.848320000005</v>
      </c>
      <c r="G8480">
        <v>59931.881229999999</v>
      </c>
      <c r="H8480">
        <v>45536.500330000003</v>
      </c>
      <c r="I8480">
        <v>36285.296690000003</v>
      </c>
      <c r="J8480">
        <v>31797.642790000002</v>
      </c>
      <c r="K8480">
        <v>50409.424140000003</v>
      </c>
      <c r="L8480">
        <v>20912.529139999999</v>
      </c>
      <c r="M8480">
        <v>343295.9829</v>
      </c>
      <c r="N8480">
        <v>81088.971309999994</v>
      </c>
      <c r="O8480">
        <v>25057.77116</v>
      </c>
      <c r="P8480">
        <v>30279.838329999999</v>
      </c>
      <c r="Q8480">
        <v>99779.659079999998</v>
      </c>
      <c r="R8480">
        <v>22911.659930000002</v>
      </c>
      <c r="S8480">
        <v>93944.760200000004</v>
      </c>
      <c r="T8480">
        <v>33181.52304</v>
      </c>
      <c r="U8480">
        <v>23414.99365</v>
      </c>
      <c r="W8480" s="83">
        <f>Bühler!N8512</f>
        <v>45645.249999979438</v>
      </c>
      <c r="X8480" s="83">
        <v>43454.25</v>
      </c>
      <c r="Y8480">
        <v>264761.42790000001</v>
      </c>
      <c r="Z8480">
        <v>23068.536029999999</v>
      </c>
      <c r="AA8480">
        <v>86343.848320000005</v>
      </c>
      <c r="AB8480">
        <v>59931.881229999999</v>
      </c>
      <c r="AC8480">
        <v>45536.500330000003</v>
      </c>
      <c r="AD8480">
        <v>36285.296690000003</v>
      </c>
      <c r="AE8480">
        <v>31797.642790000002</v>
      </c>
      <c r="AF8480">
        <v>50409.424140000003</v>
      </c>
      <c r="AG8480">
        <v>20912.529139999999</v>
      </c>
      <c r="AH8480">
        <v>343295.9829</v>
      </c>
      <c r="AI8480">
        <v>81088.971309999994</v>
      </c>
      <c r="AJ8480">
        <v>25057.77116</v>
      </c>
      <c r="AK8480">
        <v>30279.838329999999</v>
      </c>
      <c r="AL8480">
        <v>99779.659079999998</v>
      </c>
      <c r="AM8480">
        <v>22911.659930000002</v>
      </c>
      <c r="AN8480">
        <v>93944.760200000004</v>
      </c>
      <c r="AO8480">
        <v>33181.52304</v>
      </c>
      <c r="AP8480">
        <v>23414.99365</v>
      </c>
    </row>
    <row r="8481" spans="2:42" x14ac:dyDescent="0.3">
      <c r="B8481">
        <v>69.114720734792485</v>
      </c>
      <c r="C8481" s="83">
        <v>43454.291666666664</v>
      </c>
      <c r="D8481">
        <v>280143.08059999999</v>
      </c>
      <c r="E8481">
        <v>28655.110390000002</v>
      </c>
      <c r="F8481">
        <v>90442.644880000007</v>
      </c>
      <c r="G8481">
        <v>77179.777040000001</v>
      </c>
      <c r="H8481">
        <v>52659.552219999998</v>
      </c>
      <c r="I8481">
        <v>45431.931850000001</v>
      </c>
      <c r="J8481">
        <v>33616.868730000002</v>
      </c>
      <c r="K8481">
        <v>56606.844850000001</v>
      </c>
      <c r="L8481">
        <v>25162.08541</v>
      </c>
      <c r="M8481">
        <v>352379.07740000001</v>
      </c>
      <c r="N8481">
        <v>88317.415259999994</v>
      </c>
      <c r="O8481">
        <v>28081.84204</v>
      </c>
      <c r="P8481">
        <v>34860.199930000002</v>
      </c>
      <c r="Q8481">
        <v>99192.157930000001</v>
      </c>
      <c r="R8481">
        <v>24810.604469999998</v>
      </c>
      <c r="S8481">
        <v>112303.9289</v>
      </c>
      <c r="T8481">
        <v>34863.08165</v>
      </c>
      <c r="U8481">
        <v>28127.02781</v>
      </c>
      <c r="W8481" s="83">
        <f>Bühler!N8513</f>
        <v>45645.291666646102</v>
      </c>
      <c r="X8481" s="83">
        <v>43454.291666666664</v>
      </c>
      <c r="Y8481">
        <v>280143.08059999999</v>
      </c>
      <c r="Z8481">
        <v>28655.110390000002</v>
      </c>
      <c r="AA8481">
        <v>90442.644880000007</v>
      </c>
      <c r="AB8481">
        <v>77179.777040000001</v>
      </c>
      <c r="AC8481">
        <v>52659.552219999998</v>
      </c>
      <c r="AD8481">
        <v>45431.931850000001</v>
      </c>
      <c r="AE8481">
        <v>33616.868730000002</v>
      </c>
      <c r="AF8481">
        <v>56606.844850000001</v>
      </c>
      <c r="AG8481">
        <v>25162.08541</v>
      </c>
      <c r="AH8481">
        <v>352379.07740000001</v>
      </c>
      <c r="AI8481">
        <v>88317.415259999994</v>
      </c>
      <c r="AJ8481">
        <v>28081.84204</v>
      </c>
      <c r="AK8481">
        <v>34860.199930000002</v>
      </c>
      <c r="AL8481">
        <v>99192.157930000001</v>
      </c>
      <c r="AM8481">
        <v>24810.604469999998</v>
      </c>
      <c r="AN8481">
        <v>112303.9289</v>
      </c>
      <c r="AO8481">
        <v>34863.08165</v>
      </c>
      <c r="AP8481">
        <v>28127.02781</v>
      </c>
    </row>
    <row r="8482" spans="2:42" x14ac:dyDescent="0.3">
      <c r="B8482">
        <v>69.219168673502566</v>
      </c>
      <c r="C8482" s="83">
        <v>43454.333333333336</v>
      </c>
      <c r="D8482">
        <v>292620.4595</v>
      </c>
      <c r="E8482">
        <v>35434.008020000001</v>
      </c>
      <c r="F8482">
        <v>98208.280809999997</v>
      </c>
      <c r="G8482">
        <v>95040.193180000002</v>
      </c>
      <c r="H8482">
        <v>57615.08569</v>
      </c>
      <c r="I8482">
        <v>49215.706590000002</v>
      </c>
      <c r="J8482">
        <v>33775.817309999999</v>
      </c>
      <c r="K8482">
        <v>61888.074670000002</v>
      </c>
      <c r="L8482">
        <v>28382.13265</v>
      </c>
      <c r="M8482">
        <v>352911.6017</v>
      </c>
      <c r="N8482">
        <v>95202.838140000007</v>
      </c>
      <c r="O8482">
        <v>29359.200339999999</v>
      </c>
      <c r="P8482">
        <v>35857.722849999998</v>
      </c>
      <c r="Q8482">
        <v>99456.946290000007</v>
      </c>
      <c r="R8482">
        <v>25344.177459999999</v>
      </c>
      <c r="S8482">
        <v>126888.7542</v>
      </c>
      <c r="T8482">
        <v>38774.709419999999</v>
      </c>
      <c r="U8482">
        <v>31618.255120000002</v>
      </c>
      <c r="W8482" s="83">
        <f>Bühler!N8514</f>
        <v>45645.333333312767</v>
      </c>
      <c r="X8482" s="83">
        <v>43454.333333333336</v>
      </c>
      <c r="Y8482">
        <v>292620.4595</v>
      </c>
      <c r="Z8482">
        <v>35434.008020000001</v>
      </c>
      <c r="AA8482">
        <v>98208.280809999997</v>
      </c>
      <c r="AB8482">
        <v>95040.193180000002</v>
      </c>
      <c r="AC8482">
        <v>57615.08569</v>
      </c>
      <c r="AD8482">
        <v>49215.706590000002</v>
      </c>
      <c r="AE8482">
        <v>33775.817309999999</v>
      </c>
      <c r="AF8482">
        <v>61888.074670000002</v>
      </c>
      <c r="AG8482">
        <v>28382.13265</v>
      </c>
      <c r="AH8482">
        <v>352911.6017</v>
      </c>
      <c r="AI8482">
        <v>95202.838140000007</v>
      </c>
      <c r="AJ8482">
        <v>29359.200339999999</v>
      </c>
      <c r="AK8482">
        <v>35857.722849999998</v>
      </c>
      <c r="AL8482">
        <v>99456.946290000007</v>
      </c>
      <c r="AM8482">
        <v>25344.177459999999</v>
      </c>
      <c r="AN8482">
        <v>126888.7542</v>
      </c>
      <c r="AO8482">
        <v>38774.709419999999</v>
      </c>
      <c r="AP8482">
        <v>31618.255120000002</v>
      </c>
    </row>
    <row r="8483" spans="2:42" x14ac:dyDescent="0.3">
      <c r="B8483">
        <v>68.430575000359312</v>
      </c>
      <c r="C8483" s="83">
        <v>43454.375</v>
      </c>
      <c r="D8483">
        <v>290963.65340000001</v>
      </c>
      <c r="E8483">
        <v>39628.069949999997</v>
      </c>
      <c r="F8483">
        <v>102822.8953</v>
      </c>
      <c r="G8483">
        <v>102486.8826</v>
      </c>
      <c r="H8483">
        <v>59048.107510000002</v>
      </c>
      <c r="I8483">
        <v>46617.32215</v>
      </c>
      <c r="J8483">
        <v>32813.616329999997</v>
      </c>
      <c r="K8483">
        <v>59094.524539999999</v>
      </c>
      <c r="L8483">
        <v>31622.142530000001</v>
      </c>
      <c r="M8483">
        <v>348890.98340000003</v>
      </c>
      <c r="N8483">
        <v>97257.285870000007</v>
      </c>
      <c r="O8483">
        <v>29611.129359999999</v>
      </c>
      <c r="P8483">
        <v>37269.204969999999</v>
      </c>
      <c r="Q8483">
        <v>100001.0333</v>
      </c>
      <c r="R8483">
        <v>24653.03746</v>
      </c>
      <c r="S8483">
        <v>132561.37520000001</v>
      </c>
      <c r="T8483">
        <v>40886.475229999996</v>
      </c>
      <c r="U8483">
        <v>30329.844109999998</v>
      </c>
      <c r="W8483" s="83">
        <f>Bühler!N8515</f>
        <v>45645.374999979431</v>
      </c>
      <c r="X8483" s="83">
        <v>43454.375</v>
      </c>
      <c r="Y8483">
        <v>290963.65340000001</v>
      </c>
      <c r="Z8483">
        <v>39628.069949999997</v>
      </c>
      <c r="AA8483">
        <v>102822.8953</v>
      </c>
      <c r="AB8483">
        <v>102486.8826</v>
      </c>
      <c r="AC8483">
        <v>59048.107510000002</v>
      </c>
      <c r="AD8483">
        <v>46617.32215</v>
      </c>
      <c r="AE8483">
        <v>32813.616329999997</v>
      </c>
      <c r="AF8483">
        <v>59094.524539999999</v>
      </c>
      <c r="AG8483">
        <v>31622.142530000001</v>
      </c>
      <c r="AH8483">
        <v>348890.98340000003</v>
      </c>
      <c r="AI8483">
        <v>97257.285870000007</v>
      </c>
      <c r="AJ8483">
        <v>29611.129359999999</v>
      </c>
      <c r="AK8483">
        <v>37269.204969999999</v>
      </c>
      <c r="AL8483">
        <v>100001.0333</v>
      </c>
      <c r="AM8483">
        <v>24653.03746</v>
      </c>
      <c r="AN8483">
        <v>132561.37520000001</v>
      </c>
      <c r="AO8483">
        <v>40886.475229999996</v>
      </c>
      <c r="AP8483">
        <v>30329.844109999998</v>
      </c>
    </row>
    <row r="8484" spans="2:42" x14ac:dyDescent="0.3">
      <c r="B8484">
        <v>69.347956382582183</v>
      </c>
      <c r="C8484" s="83">
        <v>43454.416666666664</v>
      </c>
      <c r="D8484">
        <v>291931.58230000001</v>
      </c>
      <c r="E8484">
        <v>40622.840960000001</v>
      </c>
      <c r="F8484">
        <v>103199.003</v>
      </c>
      <c r="G8484">
        <v>102999.7023</v>
      </c>
      <c r="H8484">
        <v>59328.728990000003</v>
      </c>
      <c r="I8484">
        <v>43271.275289999998</v>
      </c>
      <c r="J8484">
        <v>32142.034329999999</v>
      </c>
      <c r="K8484">
        <v>60635.745519999997</v>
      </c>
      <c r="L8484">
        <v>33676.864229999999</v>
      </c>
      <c r="M8484">
        <v>353568.22149999999</v>
      </c>
      <c r="N8484">
        <v>97698.210439999995</v>
      </c>
      <c r="O8484">
        <v>29259.231919999998</v>
      </c>
      <c r="P8484">
        <v>38333.2523</v>
      </c>
      <c r="Q8484">
        <v>98820.036229999998</v>
      </c>
      <c r="R8484">
        <v>25209.99267</v>
      </c>
      <c r="S8484">
        <v>131199.07449999999</v>
      </c>
      <c r="T8484">
        <v>41655.301619999998</v>
      </c>
      <c r="U8484">
        <v>30116.02951</v>
      </c>
      <c r="W8484" s="83">
        <f>Bühler!N8516</f>
        <v>45645.416666646095</v>
      </c>
      <c r="X8484" s="83">
        <v>43454.416666666664</v>
      </c>
      <c r="Y8484">
        <v>291931.58230000001</v>
      </c>
      <c r="Z8484">
        <v>40622.840960000001</v>
      </c>
      <c r="AA8484">
        <v>103199.003</v>
      </c>
      <c r="AB8484">
        <v>102999.7023</v>
      </c>
      <c r="AC8484">
        <v>59328.728990000003</v>
      </c>
      <c r="AD8484">
        <v>43271.275289999998</v>
      </c>
      <c r="AE8484">
        <v>32142.034329999999</v>
      </c>
      <c r="AF8484">
        <v>60635.745519999997</v>
      </c>
      <c r="AG8484">
        <v>33676.864229999999</v>
      </c>
      <c r="AH8484">
        <v>353568.22149999999</v>
      </c>
      <c r="AI8484">
        <v>97698.210439999995</v>
      </c>
      <c r="AJ8484">
        <v>29259.231919999998</v>
      </c>
      <c r="AK8484">
        <v>38333.2523</v>
      </c>
      <c r="AL8484">
        <v>98820.036229999998</v>
      </c>
      <c r="AM8484">
        <v>25209.99267</v>
      </c>
      <c r="AN8484">
        <v>131199.07449999999</v>
      </c>
      <c r="AO8484">
        <v>41655.301619999998</v>
      </c>
      <c r="AP8484">
        <v>30116.02951</v>
      </c>
    </row>
    <row r="8485" spans="2:42" x14ac:dyDescent="0.3">
      <c r="B8485">
        <v>68.986946958070803</v>
      </c>
      <c r="C8485" s="83">
        <v>43454.458333333336</v>
      </c>
      <c r="D8485">
        <v>290086.8714</v>
      </c>
      <c r="E8485">
        <v>39615.160490000002</v>
      </c>
      <c r="F8485">
        <v>104660.8285</v>
      </c>
      <c r="G8485">
        <v>101344.0573</v>
      </c>
      <c r="H8485">
        <v>58541.635199999997</v>
      </c>
      <c r="I8485">
        <v>42064.943850000003</v>
      </c>
      <c r="J8485">
        <v>31725.818940000001</v>
      </c>
      <c r="K8485">
        <v>66465.132710000005</v>
      </c>
      <c r="L8485">
        <v>35044.15251</v>
      </c>
      <c r="M8485">
        <v>351727.62709999998</v>
      </c>
      <c r="N8485">
        <v>98736.927800000005</v>
      </c>
      <c r="O8485">
        <v>29059.875260000001</v>
      </c>
      <c r="P8485">
        <v>37186.584949999997</v>
      </c>
      <c r="Q8485">
        <v>100910.80809999999</v>
      </c>
      <c r="R8485">
        <v>28197.244739999998</v>
      </c>
      <c r="S8485">
        <v>133030.7752</v>
      </c>
      <c r="T8485">
        <v>40941.542240000002</v>
      </c>
      <c r="U8485">
        <v>29680.37082</v>
      </c>
      <c r="W8485" s="83">
        <f>Bühler!N8517</f>
        <v>45645.458333312759</v>
      </c>
      <c r="X8485" s="83">
        <v>43454.458333333336</v>
      </c>
      <c r="Y8485">
        <v>290086.8714</v>
      </c>
      <c r="Z8485">
        <v>39615.160490000002</v>
      </c>
      <c r="AA8485">
        <v>104660.8285</v>
      </c>
      <c r="AB8485">
        <v>101344.0573</v>
      </c>
      <c r="AC8485">
        <v>58541.635199999997</v>
      </c>
      <c r="AD8485">
        <v>42064.943850000003</v>
      </c>
      <c r="AE8485">
        <v>31725.818940000001</v>
      </c>
      <c r="AF8485">
        <v>66465.132710000005</v>
      </c>
      <c r="AG8485">
        <v>35044.15251</v>
      </c>
      <c r="AH8485">
        <v>351727.62709999998</v>
      </c>
      <c r="AI8485">
        <v>98736.927800000005</v>
      </c>
      <c r="AJ8485">
        <v>29059.875260000001</v>
      </c>
      <c r="AK8485">
        <v>37186.584949999997</v>
      </c>
      <c r="AL8485">
        <v>100910.80809999999</v>
      </c>
      <c r="AM8485">
        <v>28197.244739999998</v>
      </c>
      <c r="AN8485">
        <v>133030.7752</v>
      </c>
      <c r="AO8485">
        <v>40941.542240000002</v>
      </c>
      <c r="AP8485">
        <v>29680.37082</v>
      </c>
    </row>
    <row r="8486" spans="2:42" x14ac:dyDescent="0.3">
      <c r="B8486">
        <v>68.921116475433692</v>
      </c>
      <c r="C8486" s="83">
        <v>43454.5</v>
      </c>
      <c r="D8486">
        <v>277312.0074</v>
      </c>
      <c r="E8486">
        <v>35589.71125</v>
      </c>
      <c r="F8486">
        <v>102716.1721</v>
      </c>
      <c r="G8486">
        <v>98157.808950000006</v>
      </c>
      <c r="H8486">
        <v>55458.91418</v>
      </c>
      <c r="I8486">
        <v>40111.625740000003</v>
      </c>
      <c r="J8486">
        <v>31323.502479999999</v>
      </c>
      <c r="K8486">
        <v>62840.047619999998</v>
      </c>
      <c r="L8486">
        <v>37479.43993</v>
      </c>
      <c r="M8486">
        <v>351391.9926</v>
      </c>
      <c r="N8486">
        <v>95580.709470000002</v>
      </c>
      <c r="O8486">
        <v>28327.28642</v>
      </c>
      <c r="P8486">
        <v>37931.011299999998</v>
      </c>
      <c r="Q8486">
        <v>98520.84143</v>
      </c>
      <c r="R8486">
        <v>29112.733970000001</v>
      </c>
      <c r="S8486">
        <v>123065.52190000001</v>
      </c>
      <c r="T8486">
        <v>40272.561800000003</v>
      </c>
      <c r="U8486">
        <v>24442.559290000001</v>
      </c>
      <c r="W8486" s="83">
        <f>Bühler!N8518</f>
        <v>45645.499999979424</v>
      </c>
      <c r="X8486" s="83">
        <v>43454.5</v>
      </c>
      <c r="Y8486">
        <v>277312.0074</v>
      </c>
      <c r="Z8486">
        <v>35589.71125</v>
      </c>
      <c r="AA8486">
        <v>102716.1721</v>
      </c>
      <c r="AB8486">
        <v>98157.808950000006</v>
      </c>
      <c r="AC8486">
        <v>55458.91418</v>
      </c>
      <c r="AD8486">
        <v>40111.625740000003</v>
      </c>
      <c r="AE8486">
        <v>31323.502479999999</v>
      </c>
      <c r="AF8486">
        <v>62840.047619999998</v>
      </c>
      <c r="AG8486">
        <v>37479.43993</v>
      </c>
      <c r="AH8486">
        <v>351391.9926</v>
      </c>
      <c r="AI8486">
        <v>95580.709470000002</v>
      </c>
      <c r="AJ8486">
        <v>28327.28642</v>
      </c>
      <c r="AK8486">
        <v>37931.011299999998</v>
      </c>
      <c r="AL8486">
        <v>98520.84143</v>
      </c>
      <c r="AM8486">
        <v>29112.733970000001</v>
      </c>
      <c r="AN8486">
        <v>123065.52190000001</v>
      </c>
      <c r="AO8486">
        <v>40272.561800000003</v>
      </c>
      <c r="AP8486">
        <v>24442.559290000001</v>
      </c>
    </row>
    <row r="8487" spans="2:42" x14ac:dyDescent="0.3">
      <c r="B8487">
        <v>68.945846931916748</v>
      </c>
      <c r="C8487" s="83">
        <v>43454.541666666664</v>
      </c>
      <c r="D8487">
        <v>277888.15360000002</v>
      </c>
      <c r="E8487">
        <v>35463.345789999999</v>
      </c>
      <c r="F8487">
        <v>102274.08409999999</v>
      </c>
      <c r="G8487">
        <v>94757.491399999999</v>
      </c>
      <c r="H8487">
        <v>55840.669289999998</v>
      </c>
      <c r="I8487">
        <v>39721.44571</v>
      </c>
      <c r="J8487">
        <v>30517.836599999999</v>
      </c>
      <c r="K8487">
        <v>65159.935100000002</v>
      </c>
      <c r="L8487">
        <v>36208.285069999998</v>
      </c>
      <c r="M8487">
        <v>351518.08</v>
      </c>
      <c r="N8487">
        <v>95479.035690000004</v>
      </c>
      <c r="O8487">
        <v>28444.052609999999</v>
      </c>
      <c r="P8487">
        <v>37238.050459999999</v>
      </c>
      <c r="Q8487">
        <v>97178.056169999996</v>
      </c>
      <c r="R8487">
        <v>29262.892090000001</v>
      </c>
      <c r="S8487">
        <v>123887.85219999999</v>
      </c>
      <c r="T8487">
        <v>39697.409679999997</v>
      </c>
      <c r="U8487">
        <v>25449.475549999999</v>
      </c>
      <c r="W8487" s="83">
        <f>Bühler!N8519</f>
        <v>45645.541666646088</v>
      </c>
      <c r="X8487" s="83">
        <v>43454.541666666664</v>
      </c>
      <c r="Y8487">
        <v>277888.15360000002</v>
      </c>
      <c r="Z8487">
        <v>35463.345789999999</v>
      </c>
      <c r="AA8487">
        <v>102274.08409999999</v>
      </c>
      <c r="AB8487">
        <v>94757.491399999999</v>
      </c>
      <c r="AC8487">
        <v>55840.669289999998</v>
      </c>
      <c r="AD8487">
        <v>39721.44571</v>
      </c>
      <c r="AE8487">
        <v>30517.836599999999</v>
      </c>
      <c r="AF8487">
        <v>65159.935100000002</v>
      </c>
      <c r="AG8487">
        <v>36208.285069999998</v>
      </c>
      <c r="AH8487">
        <v>351518.08</v>
      </c>
      <c r="AI8487">
        <v>95479.035690000004</v>
      </c>
      <c r="AJ8487">
        <v>28444.052609999999</v>
      </c>
      <c r="AK8487">
        <v>37238.050459999999</v>
      </c>
      <c r="AL8487">
        <v>97178.056169999996</v>
      </c>
      <c r="AM8487">
        <v>29262.892090000001</v>
      </c>
      <c r="AN8487">
        <v>123887.85219999999</v>
      </c>
      <c r="AO8487">
        <v>39697.409679999997</v>
      </c>
      <c r="AP8487">
        <v>25449.475549999999</v>
      </c>
    </row>
    <row r="8488" spans="2:42" x14ac:dyDescent="0.3">
      <c r="B8488">
        <v>69.312925357952238</v>
      </c>
      <c r="C8488" s="83">
        <v>43454.583333333336</v>
      </c>
      <c r="D8488">
        <v>281567.29810000001</v>
      </c>
      <c r="E8488">
        <v>38811.585319999998</v>
      </c>
      <c r="F8488">
        <v>104207.963</v>
      </c>
      <c r="G8488">
        <v>91066.176999999996</v>
      </c>
      <c r="H8488">
        <v>56140.424570000003</v>
      </c>
      <c r="I8488">
        <v>40999.516089999997</v>
      </c>
      <c r="J8488">
        <v>30370.929889999999</v>
      </c>
      <c r="K8488">
        <v>66253.465809999994</v>
      </c>
      <c r="L8488">
        <v>32289.067159999999</v>
      </c>
      <c r="M8488">
        <v>353389.61700000003</v>
      </c>
      <c r="N8488">
        <v>96239.526790000004</v>
      </c>
      <c r="O8488">
        <v>28285.99337</v>
      </c>
      <c r="P8488">
        <v>33809.942920000001</v>
      </c>
      <c r="Q8488">
        <v>96776.329289999994</v>
      </c>
      <c r="R8488">
        <v>27204.924889999998</v>
      </c>
      <c r="S8488">
        <v>117831.8302</v>
      </c>
      <c r="T8488">
        <v>37312.292930000003</v>
      </c>
      <c r="U8488">
        <v>26805.766070000001</v>
      </c>
      <c r="W8488" s="83">
        <f>Bühler!N8520</f>
        <v>45645.583333312752</v>
      </c>
      <c r="X8488" s="83">
        <v>43454.583333333336</v>
      </c>
      <c r="Y8488">
        <v>281567.29810000001</v>
      </c>
      <c r="Z8488">
        <v>38811.585319999998</v>
      </c>
      <c r="AA8488">
        <v>104207.963</v>
      </c>
      <c r="AB8488">
        <v>91066.176999999996</v>
      </c>
      <c r="AC8488">
        <v>56140.424570000003</v>
      </c>
      <c r="AD8488">
        <v>40999.516089999997</v>
      </c>
      <c r="AE8488">
        <v>30370.929889999999</v>
      </c>
      <c r="AF8488">
        <v>66253.465809999994</v>
      </c>
      <c r="AG8488">
        <v>32289.067159999999</v>
      </c>
      <c r="AH8488">
        <v>353389.61700000003</v>
      </c>
      <c r="AI8488">
        <v>96239.526790000004</v>
      </c>
      <c r="AJ8488">
        <v>28285.99337</v>
      </c>
      <c r="AK8488">
        <v>33809.942920000001</v>
      </c>
      <c r="AL8488">
        <v>96776.329289999994</v>
      </c>
      <c r="AM8488">
        <v>27204.924889999998</v>
      </c>
      <c r="AN8488">
        <v>117831.8302</v>
      </c>
      <c r="AO8488">
        <v>37312.292930000003</v>
      </c>
      <c r="AP8488">
        <v>26805.766070000001</v>
      </c>
    </row>
    <row r="8489" spans="2:42" x14ac:dyDescent="0.3">
      <c r="B8489">
        <v>68.698829629941784</v>
      </c>
      <c r="C8489" s="83">
        <v>43454.625</v>
      </c>
      <c r="D8489">
        <v>280197.99060000002</v>
      </c>
      <c r="E8489">
        <v>38932.565049999997</v>
      </c>
      <c r="F8489">
        <v>103670.7913</v>
      </c>
      <c r="G8489">
        <v>87826.061350000004</v>
      </c>
      <c r="H8489">
        <v>54936.45205</v>
      </c>
      <c r="I8489">
        <v>41211.967149999997</v>
      </c>
      <c r="J8489">
        <v>29965.999309999999</v>
      </c>
      <c r="K8489">
        <v>65770.588199999998</v>
      </c>
      <c r="L8489">
        <v>29194.127339999999</v>
      </c>
      <c r="M8489">
        <v>350258.67060000001</v>
      </c>
      <c r="N8489">
        <v>93623.414980000001</v>
      </c>
      <c r="O8489">
        <v>27569.01642</v>
      </c>
      <c r="P8489">
        <v>33094.785680000001</v>
      </c>
      <c r="Q8489">
        <v>95848.955459999997</v>
      </c>
      <c r="R8489">
        <v>26929.54796</v>
      </c>
      <c r="S8489">
        <v>117487.8777</v>
      </c>
      <c r="T8489">
        <v>36664.648540000002</v>
      </c>
      <c r="U8489">
        <v>25545.34043</v>
      </c>
      <c r="W8489" s="83">
        <f>Bühler!N8521</f>
        <v>45645.624999979416</v>
      </c>
      <c r="X8489" s="83">
        <v>43454.625</v>
      </c>
      <c r="Y8489">
        <v>280197.99060000002</v>
      </c>
      <c r="Z8489">
        <v>38932.565049999997</v>
      </c>
      <c r="AA8489">
        <v>103670.7913</v>
      </c>
      <c r="AB8489">
        <v>87826.061350000004</v>
      </c>
      <c r="AC8489">
        <v>54936.45205</v>
      </c>
      <c r="AD8489">
        <v>41211.967149999997</v>
      </c>
      <c r="AE8489">
        <v>29965.999309999999</v>
      </c>
      <c r="AF8489">
        <v>65770.588199999998</v>
      </c>
      <c r="AG8489">
        <v>29194.127339999999</v>
      </c>
      <c r="AH8489">
        <v>350258.67060000001</v>
      </c>
      <c r="AI8489">
        <v>93623.414980000001</v>
      </c>
      <c r="AJ8489">
        <v>27569.01642</v>
      </c>
      <c r="AK8489">
        <v>33094.785680000001</v>
      </c>
      <c r="AL8489">
        <v>95848.955459999997</v>
      </c>
      <c r="AM8489">
        <v>26929.54796</v>
      </c>
      <c r="AN8489">
        <v>117487.8777</v>
      </c>
      <c r="AO8489">
        <v>36664.648540000002</v>
      </c>
      <c r="AP8489">
        <v>25545.34043</v>
      </c>
    </row>
    <row r="8490" spans="2:42" x14ac:dyDescent="0.3">
      <c r="B8490">
        <v>68.055004746174689</v>
      </c>
      <c r="C8490" s="83">
        <v>43454.666666666664</v>
      </c>
      <c r="D8490">
        <v>273915.01809999999</v>
      </c>
      <c r="E8490">
        <v>38063.616829999999</v>
      </c>
      <c r="F8490">
        <v>103300.87639999999</v>
      </c>
      <c r="G8490">
        <v>85296.776660000003</v>
      </c>
      <c r="H8490">
        <v>53778.705970000003</v>
      </c>
      <c r="I8490">
        <v>42963.719100000002</v>
      </c>
      <c r="J8490">
        <v>30384.127519999998</v>
      </c>
      <c r="K8490">
        <v>62898.894509999998</v>
      </c>
      <c r="L8490">
        <v>28485.77188</v>
      </c>
      <c r="M8490">
        <v>346976.15110000002</v>
      </c>
      <c r="N8490">
        <v>92056.963650000005</v>
      </c>
      <c r="O8490">
        <v>27576.200420000001</v>
      </c>
      <c r="P8490">
        <v>33062.062429999998</v>
      </c>
      <c r="Q8490">
        <v>94086.795370000007</v>
      </c>
      <c r="R8490">
        <v>26762.590840000001</v>
      </c>
      <c r="S8490">
        <v>116895.07610000001</v>
      </c>
      <c r="T8490">
        <v>37376.81048</v>
      </c>
      <c r="U8490">
        <v>23664.589940000002</v>
      </c>
      <c r="W8490" s="83">
        <f>Bühler!N8522</f>
        <v>45645.666666646081</v>
      </c>
      <c r="X8490" s="83">
        <v>43454.666666666664</v>
      </c>
      <c r="Y8490">
        <v>273915.01809999999</v>
      </c>
      <c r="Z8490">
        <v>38063.616829999999</v>
      </c>
      <c r="AA8490">
        <v>103300.87639999999</v>
      </c>
      <c r="AB8490">
        <v>85296.776660000003</v>
      </c>
      <c r="AC8490">
        <v>53778.705970000003</v>
      </c>
      <c r="AD8490">
        <v>42963.719100000002</v>
      </c>
      <c r="AE8490">
        <v>30384.127519999998</v>
      </c>
      <c r="AF8490">
        <v>62898.894509999998</v>
      </c>
      <c r="AG8490">
        <v>28485.77188</v>
      </c>
      <c r="AH8490">
        <v>346976.15110000002</v>
      </c>
      <c r="AI8490">
        <v>92056.963650000005</v>
      </c>
      <c r="AJ8490">
        <v>27576.200420000001</v>
      </c>
      <c r="AK8490">
        <v>33062.062429999998</v>
      </c>
      <c r="AL8490">
        <v>94086.795370000007</v>
      </c>
      <c r="AM8490">
        <v>26762.590840000001</v>
      </c>
      <c r="AN8490">
        <v>116895.07610000001</v>
      </c>
      <c r="AO8490">
        <v>37376.81048</v>
      </c>
      <c r="AP8490">
        <v>23664.589940000002</v>
      </c>
    </row>
    <row r="8491" spans="2:42" x14ac:dyDescent="0.3">
      <c r="B8491">
        <v>67.993038739377667</v>
      </c>
      <c r="C8491" s="83">
        <v>43454.708333333336</v>
      </c>
      <c r="D8491">
        <v>265293.08549999999</v>
      </c>
      <c r="E8491">
        <v>36851.642899999999</v>
      </c>
      <c r="F8491">
        <v>104669.8795</v>
      </c>
      <c r="G8491">
        <v>79878.068539999993</v>
      </c>
      <c r="H8491">
        <v>54070.50849</v>
      </c>
      <c r="I8491">
        <v>42642.745580000003</v>
      </c>
      <c r="J8491">
        <v>32428.101920000001</v>
      </c>
      <c r="K8491">
        <v>55673.96226</v>
      </c>
      <c r="L8491">
        <v>29803.756740000001</v>
      </c>
      <c r="M8491">
        <v>346660.21950000001</v>
      </c>
      <c r="N8491">
        <v>88769.556589999993</v>
      </c>
      <c r="O8491">
        <v>27178.294900000001</v>
      </c>
      <c r="P8491">
        <v>34941.052710000004</v>
      </c>
      <c r="Q8491">
        <v>93567.975309999994</v>
      </c>
      <c r="R8491">
        <v>26198.705460000001</v>
      </c>
      <c r="S8491">
        <v>117031.5992</v>
      </c>
      <c r="T8491">
        <v>39154.587789999998</v>
      </c>
      <c r="U8491">
        <v>23025.83784</v>
      </c>
      <c r="W8491" s="83">
        <f>Bühler!N8523</f>
        <v>45645.708333312745</v>
      </c>
      <c r="X8491" s="83">
        <v>43454.708333333336</v>
      </c>
      <c r="Y8491">
        <v>265293.08549999999</v>
      </c>
      <c r="Z8491">
        <v>36851.642899999999</v>
      </c>
      <c r="AA8491">
        <v>104669.8795</v>
      </c>
      <c r="AB8491">
        <v>79878.068539999993</v>
      </c>
      <c r="AC8491">
        <v>54070.50849</v>
      </c>
      <c r="AD8491">
        <v>42642.745580000003</v>
      </c>
      <c r="AE8491">
        <v>32428.101920000001</v>
      </c>
      <c r="AF8491">
        <v>55673.96226</v>
      </c>
      <c r="AG8491">
        <v>29803.756740000001</v>
      </c>
      <c r="AH8491">
        <v>346660.21950000001</v>
      </c>
      <c r="AI8491">
        <v>88769.556589999993</v>
      </c>
      <c r="AJ8491">
        <v>27178.294900000001</v>
      </c>
      <c r="AK8491">
        <v>34941.052710000004</v>
      </c>
      <c r="AL8491">
        <v>93567.975309999994</v>
      </c>
      <c r="AM8491">
        <v>26198.705460000001</v>
      </c>
      <c r="AN8491">
        <v>117031.5992</v>
      </c>
      <c r="AO8491">
        <v>39154.587789999998</v>
      </c>
      <c r="AP8491">
        <v>23025.83784</v>
      </c>
    </row>
    <row r="8492" spans="2:42" x14ac:dyDescent="0.3">
      <c r="B8492">
        <v>66.134928856011001</v>
      </c>
      <c r="C8492" s="83">
        <v>43454.75</v>
      </c>
      <c r="D8492">
        <v>257929.84770000001</v>
      </c>
      <c r="E8492">
        <v>33086.16762</v>
      </c>
      <c r="F8492">
        <v>100559.7176</v>
      </c>
      <c r="G8492">
        <v>68742.466329999996</v>
      </c>
      <c r="H8492">
        <v>50925.617319999998</v>
      </c>
      <c r="I8492">
        <v>41022.39273</v>
      </c>
      <c r="J8492">
        <v>32457.68244</v>
      </c>
      <c r="K8492">
        <v>49842.534110000001</v>
      </c>
      <c r="L8492">
        <v>31791.586879999999</v>
      </c>
      <c r="M8492">
        <v>337186.70880000002</v>
      </c>
      <c r="N8492">
        <v>87362.590150000004</v>
      </c>
      <c r="O8492">
        <v>25354.404210000001</v>
      </c>
      <c r="P8492">
        <v>37892.581050000001</v>
      </c>
      <c r="Q8492">
        <v>91849.421069999997</v>
      </c>
      <c r="R8492">
        <v>22839.604770000002</v>
      </c>
      <c r="S8492">
        <v>108974.7702</v>
      </c>
      <c r="T8492">
        <v>38699.42297</v>
      </c>
      <c r="U8492">
        <v>20855.156330000002</v>
      </c>
      <c r="W8492" s="83">
        <f>Bühler!N8524</f>
        <v>45645.749999979409</v>
      </c>
      <c r="X8492" s="83">
        <v>43454.75</v>
      </c>
      <c r="Y8492">
        <v>257929.84770000001</v>
      </c>
      <c r="Z8492">
        <v>33086.16762</v>
      </c>
      <c r="AA8492">
        <v>100559.7176</v>
      </c>
      <c r="AB8492">
        <v>68742.466329999996</v>
      </c>
      <c r="AC8492">
        <v>50925.617319999998</v>
      </c>
      <c r="AD8492">
        <v>41022.39273</v>
      </c>
      <c r="AE8492">
        <v>32457.68244</v>
      </c>
      <c r="AF8492">
        <v>49842.534110000001</v>
      </c>
      <c r="AG8492">
        <v>31791.586879999999</v>
      </c>
      <c r="AH8492">
        <v>337186.70880000002</v>
      </c>
      <c r="AI8492">
        <v>87362.590150000004</v>
      </c>
      <c r="AJ8492">
        <v>25354.404210000001</v>
      </c>
      <c r="AK8492">
        <v>37892.581050000001</v>
      </c>
      <c r="AL8492">
        <v>91849.421069999997</v>
      </c>
      <c r="AM8492">
        <v>22839.604770000002</v>
      </c>
      <c r="AN8492">
        <v>108974.7702</v>
      </c>
      <c r="AO8492">
        <v>38699.42297</v>
      </c>
      <c r="AP8492">
        <v>20855.156330000002</v>
      </c>
    </row>
    <row r="8493" spans="2:42" x14ac:dyDescent="0.3">
      <c r="B8493">
        <v>64.653887226322865</v>
      </c>
      <c r="C8493" s="83">
        <v>43454.791666666664</v>
      </c>
      <c r="D8493">
        <v>251557.8333</v>
      </c>
      <c r="E8493">
        <v>26793.286029999999</v>
      </c>
      <c r="F8493">
        <v>86816.288950000002</v>
      </c>
      <c r="G8493">
        <v>60462.98502</v>
      </c>
      <c r="H8493">
        <v>47650.963329999999</v>
      </c>
      <c r="I8493">
        <v>38292.496859999999</v>
      </c>
      <c r="J8493">
        <v>31178.364300000001</v>
      </c>
      <c r="K8493">
        <v>49662.156499999997</v>
      </c>
      <c r="L8493">
        <v>32511.072779999999</v>
      </c>
      <c r="M8493">
        <v>329635.6679</v>
      </c>
      <c r="N8493">
        <v>84510.488270000002</v>
      </c>
      <c r="O8493">
        <v>23878.22567</v>
      </c>
      <c r="P8493">
        <v>39570.043039999997</v>
      </c>
      <c r="Q8493">
        <v>89526.568580000006</v>
      </c>
      <c r="R8493">
        <v>22259.198609999999</v>
      </c>
      <c r="S8493">
        <v>104169.84699999999</v>
      </c>
      <c r="T8493">
        <v>38346.021419999997</v>
      </c>
      <c r="U8493">
        <v>18874.832419999999</v>
      </c>
      <c r="W8493" s="83">
        <f>Bühler!N8525</f>
        <v>45645.791666646073</v>
      </c>
      <c r="X8493" s="83">
        <v>43454.791666666664</v>
      </c>
      <c r="Y8493">
        <v>251557.8333</v>
      </c>
      <c r="Z8493">
        <v>26793.286029999999</v>
      </c>
      <c r="AA8493">
        <v>86816.288950000002</v>
      </c>
      <c r="AB8493">
        <v>60462.98502</v>
      </c>
      <c r="AC8493">
        <v>47650.963329999999</v>
      </c>
      <c r="AD8493">
        <v>38292.496859999999</v>
      </c>
      <c r="AE8493">
        <v>31178.364300000001</v>
      </c>
      <c r="AF8493">
        <v>49662.156499999997</v>
      </c>
      <c r="AG8493">
        <v>32511.072779999999</v>
      </c>
      <c r="AH8493">
        <v>329635.6679</v>
      </c>
      <c r="AI8493">
        <v>84510.488270000002</v>
      </c>
      <c r="AJ8493">
        <v>23878.22567</v>
      </c>
      <c r="AK8493">
        <v>39570.043039999997</v>
      </c>
      <c r="AL8493">
        <v>89526.568580000006</v>
      </c>
      <c r="AM8493">
        <v>22259.198609999999</v>
      </c>
      <c r="AN8493">
        <v>104169.84699999999</v>
      </c>
      <c r="AO8493">
        <v>38346.021419999997</v>
      </c>
      <c r="AP8493">
        <v>18874.832419999999</v>
      </c>
    </row>
    <row r="8494" spans="2:42" x14ac:dyDescent="0.3">
      <c r="B8494">
        <v>63.330893359619665</v>
      </c>
      <c r="C8494" s="83">
        <v>43454.833333333336</v>
      </c>
      <c r="D8494">
        <v>241556.25279999999</v>
      </c>
      <c r="E8494">
        <v>20359.849579999998</v>
      </c>
      <c r="F8494">
        <v>68161.804900000003</v>
      </c>
      <c r="G8494">
        <v>52706.638370000001</v>
      </c>
      <c r="H8494">
        <v>44779.021339999999</v>
      </c>
      <c r="I8494">
        <v>34085.142679999997</v>
      </c>
      <c r="J8494">
        <v>30209.953969999999</v>
      </c>
      <c r="K8494">
        <v>55412.5052</v>
      </c>
      <c r="L8494">
        <v>31666.191330000001</v>
      </c>
      <c r="M8494">
        <v>322890.42820000002</v>
      </c>
      <c r="N8494">
        <v>81393.777650000004</v>
      </c>
      <c r="O8494">
        <v>22960.54595</v>
      </c>
      <c r="P8494">
        <v>38919.410029999999</v>
      </c>
      <c r="Q8494">
        <v>87606.927639999994</v>
      </c>
      <c r="R8494">
        <v>23607.415120000001</v>
      </c>
      <c r="S8494">
        <v>93992.34577</v>
      </c>
      <c r="T8494">
        <v>35917.876640000002</v>
      </c>
      <c r="U8494">
        <v>18206.960800000001</v>
      </c>
      <c r="W8494" s="83">
        <f>Bühler!N8526</f>
        <v>45645.833333312738</v>
      </c>
      <c r="X8494" s="83">
        <v>43454.833333333336</v>
      </c>
      <c r="Y8494">
        <v>241556.25279999999</v>
      </c>
      <c r="Z8494">
        <v>20359.849579999998</v>
      </c>
      <c r="AA8494">
        <v>68161.804900000003</v>
      </c>
      <c r="AB8494">
        <v>52706.638370000001</v>
      </c>
      <c r="AC8494">
        <v>44779.021339999999</v>
      </c>
      <c r="AD8494">
        <v>34085.142679999997</v>
      </c>
      <c r="AE8494">
        <v>30209.953969999999</v>
      </c>
      <c r="AF8494">
        <v>55412.5052</v>
      </c>
      <c r="AG8494">
        <v>31666.191330000001</v>
      </c>
      <c r="AH8494">
        <v>322890.42820000002</v>
      </c>
      <c r="AI8494">
        <v>81393.777650000004</v>
      </c>
      <c r="AJ8494">
        <v>22960.54595</v>
      </c>
      <c r="AK8494">
        <v>38919.410029999999</v>
      </c>
      <c r="AL8494">
        <v>87606.927639999994</v>
      </c>
      <c r="AM8494">
        <v>23607.415120000001</v>
      </c>
      <c r="AN8494">
        <v>93992.34577</v>
      </c>
      <c r="AO8494">
        <v>35917.876640000002</v>
      </c>
      <c r="AP8494">
        <v>18206.960800000001</v>
      </c>
    </row>
    <row r="8495" spans="2:42" x14ac:dyDescent="0.3">
      <c r="B8495">
        <v>61.580765399261793</v>
      </c>
      <c r="C8495" s="83">
        <v>43454.875</v>
      </c>
      <c r="D8495">
        <v>233102.057</v>
      </c>
      <c r="E8495">
        <v>17324.523410000002</v>
      </c>
      <c r="F8495">
        <v>60169.85168</v>
      </c>
      <c r="G8495">
        <v>48245.003669999998</v>
      </c>
      <c r="H8495">
        <v>42404.620949999997</v>
      </c>
      <c r="I8495">
        <v>29063.327570000001</v>
      </c>
      <c r="J8495">
        <v>29268.902539999999</v>
      </c>
      <c r="K8495">
        <v>53805.259319999997</v>
      </c>
      <c r="L8495">
        <v>29760.42712</v>
      </c>
      <c r="M8495">
        <v>313967.45970000001</v>
      </c>
      <c r="N8495">
        <v>78997.114029999997</v>
      </c>
      <c r="O8495">
        <v>22023.739020000001</v>
      </c>
      <c r="P8495">
        <v>36882.761930000001</v>
      </c>
      <c r="Q8495">
        <v>85181.607600000003</v>
      </c>
      <c r="R8495">
        <v>21437.996650000001</v>
      </c>
      <c r="S8495">
        <v>87764.233200000002</v>
      </c>
      <c r="T8495">
        <v>33503.033669999997</v>
      </c>
      <c r="U8495">
        <v>16823.581559999999</v>
      </c>
      <c r="W8495" s="83">
        <f>Bühler!N8527</f>
        <v>45645.874999979402</v>
      </c>
      <c r="X8495" s="83">
        <v>43454.875</v>
      </c>
      <c r="Y8495">
        <v>233102.057</v>
      </c>
      <c r="Z8495">
        <v>17324.523410000002</v>
      </c>
      <c r="AA8495">
        <v>60169.85168</v>
      </c>
      <c r="AB8495">
        <v>48245.003669999998</v>
      </c>
      <c r="AC8495">
        <v>42404.620949999997</v>
      </c>
      <c r="AD8495">
        <v>29063.327570000001</v>
      </c>
      <c r="AE8495">
        <v>29268.902539999999</v>
      </c>
      <c r="AF8495">
        <v>53805.259319999997</v>
      </c>
      <c r="AG8495">
        <v>29760.42712</v>
      </c>
      <c r="AH8495">
        <v>313967.45970000001</v>
      </c>
      <c r="AI8495">
        <v>78997.114029999997</v>
      </c>
      <c r="AJ8495">
        <v>22023.739020000001</v>
      </c>
      <c r="AK8495">
        <v>36882.761930000001</v>
      </c>
      <c r="AL8495">
        <v>85181.607600000003</v>
      </c>
      <c r="AM8495">
        <v>21437.996650000001</v>
      </c>
      <c r="AN8495">
        <v>87764.233200000002</v>
      </c>
      <c r="AO8495">
        <v>33503.033669999997</v>
      </c>
      <c r="AP8495">
        <v>16823.581559999999</v>
      </c>
    </row>
    <row r="8496" spans="2:42" x14ac:dyDescent="0.3">
      <c r="B8496">
        <v>61.552540068280237</v>
      </c>
      <c r="C8496" s="83">
        <v>43454.916666666664</v>
      </c>
      <c r="D8496">
        <v>231861.514</v>
      </c>
      <c r="E8496">
        <v>16264.678110000001</v>
      </c>
      <c r="F8496">
        <v>57293.974849999999</v>
      </c>
      <c r="G8496">
        <v>46144.114650000003</v>
      </c>
      <c r="H8496">
        <v>41159.91534</v>
      </c>
      <c r="I8496">
        <v>27319.70536</v>
      </c>
      <c r="J8496">
        <v>28592.335370000001</v>
      </c>
      <c r="K8496">
        <v>55411.843679999998</v>
      </c>
      <c r="L8496">
        <v>26519.268489999999</v>
      </c>
      <c r="M8496">
        <v>313823.55379999999</v>
      </c>
      <c r="N8496">
        <v>76799.644499999995</v>
      </c>
      <c r="O8496">
        <v>22058.54781</v>
      </c>
      <c r="P8496">
        <v>40001.147660000002</v>
      </c>
      <c r="Q8496">
        <v>85033.414650000006</v>
      </c>
      <c r="R8496">
        <v>26033.728630000001</v>
      </c>
      <c r="S8496">
        <v>85321.760670000003</v>
      </c>
      <c r="T8496">
        <v>29107.676360000001</v>
      </c>
      <c r="U8496">
        <v>17052.855469999999</v>
      </c>
      <c r="W8496" s="83">
        <f>Bühler!N8528</f>
        <v>45645.916666646066</v>
      </c>
      <c r="X8496" s="83">
        <v>43454.916666666664</v>
      </c>
      <c r="Y8496">
        <v>231861.514</v>
      </c>
      <c r="Z8496">
        <v>16264.678110000001</v>
      </c>
      <c r="AA8496">
        <v>57293.974849999999</v>
      </c>
      <c r="AB8496">
        <v>46144.114650000003</v>
      </c>
      <c r="AC8496">
        <v>41159.91534</v>
      </c>
      <c r="AD8496">
        <v>27319.70536</v>
      </c>
      <c r="AE8496">
        <v>28592.335370000001</v>
      </c>
      <c r="AF8496">
        <v>55411.843679999998</v>
      </c>
      <c r="AG8496">
        <v>26519.268489999999</v>
      </c>
      <c r="AH8496">
        <v>313823.55379999999</v>
      </c>
      <c r="AI8496">
        <v>76799.644499999995</v>
      </c>
      <c r="AJ8496">
        <v>22058.54781</v>
      </c>
      <c r="AK8496">
        <v>40001.147660000002</v>
      </c>
      <c r="AL8496">
        <v>85033.414650000006</v>
      </c>
      <c r="AM8496">
        <v>26033.728630000001</v>
      </c>
      <c r="AN8496">
        <v>85321.760670000003</v>
      </c>
      <c r="AO8496">
        <v>29107.676360000001</v>
      </c>
      <c r="AP8496">
        <v>17052.855469999999</v>
      </c>
    </row>
    <row r="8497" spans="2:42" x14ac:dyDescent="0.3">
      <c r="B8497">
        <v>60.911531796222796</v>
      </c>
      <c r="C8497" s="83">
        <v>43454.958333333336</v>
      </c>
      <c r="D8497">
        <v>231169.58929999999</v>
      </c>
      <c r="E8497">
        <v>15958.24703</v>
      </c>
      <c r="F8497">
        <v>55571.323069999999</v>
      </c>
      <c r="G8497">
        <v>44711.634129999999</v>
      </c>
      <c r="H8497">
        <v>40549.705390000003</v>
      </c>
      <c r="I8497">
        <v>25698.711670000001</v>
      </c>
      <c r="J8497">
        <v>26820.829860000002</v>
      </c>
      <c r="K8497">
        <v>55811.031410000003</v>
      </c>
      <c r="L8497">
        <v>23104.995569999999</v>
      </c>
      <c r="M8497">
        <v>310555.3947</v>
      </c>
      <c r="N8497">
        <v>77331.816659999997</v>
      </c>
      <c r="O8497">
        <v>21855.805209999999</v>
      </c>
      <c r="P8497">
        <v>35838.855150000003</v>
      </c>
      <c r="Q8497">
        <v>84840.803769999999</v>
      </c>
      <c r="R8497">
        <v>25473.160360000002</v>
      </c>
      <c r="S8497">
        <v>83256.34865</v>
      </c>
      <c r="T8497">
        <v>30123.263780000001</v>
      </c>
      <c r="U8497">
        <v>16425.992559999999</v>
      </c>
      <c r="W8497" s="83">
        <f>Bühler!N8529</f>
        <v>45645.95833331273</v>
      </c>
      <c r="X8497" s="83">
        <v>43454.958333333336</v>
      </c>
      <c r="Y8497">
        <v>231169.58929999999</v>
      </c>
      <c r="Z8497">
        <v>15958.24703</v>
      </c>
      <c r="AA8497">
        <v>55571.323069999999</v>
      </c>
      <c r="AB8497">
        <v>44711.634129999999</v>
      </c>
      <c r="AC8497">
        <v>40549.705390000003</v>
      </c>
      <c r="AD8497">
        <v>25698.711670000001</v>
      </c>
      <c r="AE8497">
        <v>26820.829860000002</v>
      </c>
      <c r="AF8497">
        <v>55811.031410000003</v>
      </c>
      <c r="AG8497">
        <v>23104.995569999999</v>
      </c>
      <c r="AH8497">
        <v>310555.3947</v>
      </c>
      <c r="AI8497">
        <v>77331.816659999997</v>
      </c>
      <c r="AJ8497">
        <v>21855.805209999999</v>
      </c>
      <c r="AK8497">
        <v>35838.855150000003</v>
      </c>
      <c r="AL8497">
        <v>84840.803769999999</v>
      </c>
      <c r="AM8497">
        <v>25473.160360000002</v>
      </c>
      <c r="AN8497">
        <v>83256.34865</v>
      </c>
      <c r="AO8497">
        <v>30123.263780000001</v>
      </c>
      <c r="AP8497">
        <v>16425.992559999999</v>
      </c>
    </row>
    <row r="8498" spans="2:42" x14ac:dyDescent="0.3">
      <c r="B8498">
        <v>60.621680103403115</v>
      </c>
      <c r="C8498" s="83">
        <v>43455</v>
      </c>
      <c r="D8498">
        <v>230480.177</v>
      </c>
      <c r="E8498">
        <v>15667.09362</v>
      </c>
      <c r="F8498">
        <v>55205.743260000003</v>
      </c>
      <c r="G8498">
        <v>43735.68939</v>
      </c>
      <c r="H8498">
        <v>39122.274270000002</v>
      </c>
      <c r="I8498">
        <v>24285.93561</v>
      </c>
      <c r="J8498">
        <v>25319.960350000001</v>
      </c>
      <c r="K8498">
        <v>53044.321029999999</v>
      </c>
      <c r="L8498">
        <v>20350.366300000002</v>
      </c>
      <c r="M8498">
        <v>309077.5956</v>
      </c>
      <c r="N8498">
        <v>77057.699840000001</v>
      </c>
      <c r="O8498">
        <v>21746.115419999998</v>
      </c>
      <c r="P8498">
        <v>33254.93879</v>
      </c>
      <c r="Q8498">
        <v>84044.442899999995</v>
      </c>
      <c r="R8498">
        <v>23924.208180000001</v>
      </c>
      <c r="S8498">
        <v>82044.710439999995</v>
      </c>
      <c r="T8498">
        <v>28541.280200000001</v>
      </c>
      <c r="U8498">
        <v>16620.041249999998</v>
      </c>
      <c r="W8498" s="83">
        <f>Bühler!N8530</f>
        <v>45645.999999979394</v>
      </c>
      <c r="X8498" s="83">
        <v>43455</v>
      </c>
      <c r="Y8498">
        <v>230480.177</v>
      </c>
      <c r="Z8498">
        <v>15667.09362</v>
      </c>
      <c r="AA8498">
        <v>55205.743260000003</v>
      </c>
      <c r="AB8498">
        <v>43735.68939</v>
      </c>
      <c r="AC8498">
        <v>39122.274270000002</v>
      </c>
      <c r="AD8498">
        <v>24285.93561</v>
      </c>
      <c r="AE8498">
        <v>25319.960350000001</v>
      </c>
      <c r="AF8498">
        <v>53044.321029999999</v>
      </c>
      <c r="AG8498">
        <v>20350.366300000002</v>
      </c>
      <c r="AH8498">
        <v>309077.5956</v>
      </c>
      <c r="AI8498">
        <v>77057.699840000001</v>
      </c>
      <c r="AJ8498">
        <v>21746.115419999998</v>
      </c>
      <c r="AK8498">
        <v>33254.93879</v>
      </c>
      <c r="AL8498">
        <v>84044.442899999995</v>
      </c>
      <c r="AM8498">
        <v>23924.208180000001</v>
      </c>
      <c r="AN8498">
        <v>82044.710439999995</v>
      </c>
      <c r="AO8498">
        <v>28541.280200000001</v>
      </c>
      <c r="AP8498">
        <v>16620.041249999998</v>
      </c>
    </row>
    <row r="8499" spans="2:42" x14ac:dyDescent="0.3">
      <c r="B8499">
        <v>60.431806887602164</v>
      </c>
      <c r="C8499" s="83">
        <v>43455.041666666664</v>
      </c>
      <c r="D8499">
        <v>229163.6721</v>
      </c>
      <c r="E8499">
        <v>15357.076489999999</v>
      </c>
      <c r="F8499">
        <v>55879.172599999998</v>
      </c>
      <c r="G8499">
        <v>42938.165390000002</v>
      </c>
      <c r="H8499">
        <v>38552.491650000004</v>
      </c>
      <c r="I8499">
        <v>21575.583780000001</v>
      </c>
      <c r="J8499">
        <v>24808.85601</v>
      </c>
      <c r="K8499">
        <v>50304.656459999998</v>
      </c>
      <c r="L8499">
        <v>19176.016650000001</v>
      </c>
      <c r="M8499">
        <v>308109.53340000001</v>
      </c>
      <c r="N8499">
        <v>75281.059429999994</v>
      </c>
      <c r="O8499">
        <v>22206.792649999999</v>
      </c>
      <c r="P8499">
        <v>31680.087780000002</v>
      </c>
      <c r="Q8499">
        <v>85094.109419999993</v>
      </c>
      <c r="R8499">
        <v>23329.60526</v>
      </c>
      <c r="S8499">
        <v>81208.405849999996</v>
      </c>
      <c r="T8499">
        <v>27544.300439999999</v>
      </c>
      <c r="U8499">
        <v>16909.362819999998</v>
      </c>
      <c r="W8499" s="83">
        <f>Bühler!N8531</f>
        <v>45646.041666646059</v>
      </c>
      <c r="X8499" s="83">
        <v>43455.041666666664</v>
      </c>
      <c r="Y8499">
        <v>229163.6721</v>
      </c>
      <c r="Z8499">
        <v>15357.076489999999</v>
      </c>
      <c r="AA8499">
        <v>55879.172599999998</v>
      </c>
      <c r="AB8499">
        <v>42938.165390000002</v>
      </c>
      <c r="AC8499">
        <v>38552.491650000004</v>
      </c>
      <c r="AD8499">
        <v>21575.583780000001</v>
      </c>
      <c r="AE8499">
        <v>24808.85601</v>
      </c>
      <c r="AF8499">
        <v>50304.656459999998</v>
      </c>
      <c r="AG8499">
        <v>19176.016650000001</v>
      </c>
      <c r="AH8499">
        <v>308109.53340000001</v>
      </c>
      <c r="AI8499">
        <v>75281.059429999994</v>
      </c>
      <c r="AJ8499">
        <v>22206.792649999999</v>
      </c>
      <c r="AK8499">
        <v>31680.087780000002</v>
      </c>
      <c r="AL8499">
        <v>85094.109419999993</v>
      </c>
      <c r="AM8499">
        <v>23329.60526</v>
      </c>
      <c r="AN8499">
        <v>81208.405849999996</v>
      </c>
      <c r="AO8499">
        <v>27544.300439999999</v>
      </c>
      <c r="AP8499">
        <v>16909.362819999998</v>
      </c>
    </row>
    <row r="8500" spans="2:42" x14ac:dyDescent="0.3">
      <c r="B8500">
        <v>60.99718792704909</v>
      </c>
      <c r="C8500" s="83">
        <v>43455.083333333336</v>
      </c>
      <c r="D8500">
        <v>228562.57759999999</v>
      </c>
      <c r="E8500">
        <v>15353.03882</v>
      </c>
      <c r="F8500">
        <v>56887.59145</v>
      </c>
      <c r="G8500">
        <v>42454.849309999998</v>
      </c>
      <c r="H8500">
        <v>38860.814420000002</v>
      </c>
      <c r="I8500">
        <v>19698.97608</v>
      </c>
      <c r="J8500">
        <v>24796.888770000001</v>
      </c>
      <c r="K8500">
        <v>48886.246220000001</v>
      </c>
      <c r="L8500">
        <v>18911.541929999999</v>
      </c>
      <c r="M8500">
        <v>310992.10960000003</v>
      </c>
      <c r="N8500">
        <v>74490.415859999994</v>
      </c>
      <c r="O8500">
        <v>22182.01298</v>
      </c>
      <c r="P8500">
        <v>30094.707999999999</v>
      </c>
      <c r="Q8500">
        <v>88379.482459999999</v>
      </c>
      <c r="R8500">
        <v>22948.969669999999</v>
      </c>
      <c r="S8500">
        <v>80082.047860000006</v>
      </c>
      <c r="T8500">
        <v>27061.316849999999</v>
      </c>
      <c r="U8500">
        <v>16702.852739999998</v>
      </c>
      <c r="W8500" s="83">
        <f>Bühler!N8532</f>
        <v>45646.083333312723</v>
      </c>
      <c r="X8500" s="83">
        <v>43455.083333333336</v>
      </c>
      <c r="Y8500">
        <v>228562.57759999999</v>
      </c>
      <c r="Z8500">
        <v>15353.03882</v>
      </c>
      <c r="AA8500">
        <v>56887.59145</v>
      </c>
      <c r="AB8500">
        <v>42454.849309999998</v>
      </c>
      <c r="AC8500">
        <v>38860.814420000002</v>
      </c>
      <c r="AD8500">
        <v>19698.97608</v>
      </c>
      <c r="AE8500">
        <v>24796.888770000001</v>
      </c>
      <c r="AF8500">
        <v>48886.246220000001</v>
      </c>
      <c r="AG8500">
        <v>18911.541929999999</v>
      </c>
      <c r="AH8500">
        <v>310992.10960000003</v>
      </c>
      <c r="AI8500">
        <v>74490.415859999994</v>
      </c>
      <c r="AJ8500">
        <v>22182.01298</v>
      </c>
      <c r="AK8500">
        <v>30094.707999999999</v>
      </c>
      <c r="AL8500">
        <v>88379.482459999999</v>
      </c>
      <c r="AM8500">
        <v>22948.969669999999</v>
      </c>
      <c r="AN8500">
        <v>80082.047860000006</v>
      </c>
      <c r="AO8500">
        <v>27061.316849999999</v>
      </c>
      <c r="AP8500">
        <v>16702.852739999998</v>
      </c>
    </row>
    <row r="8501" spans="2:42" x14ac:dyDescent="0.3">
      <c r="B8501">
        <v>61.482532427538786</v>
      </c>
      <c r="C8501" s="83">
        <v>43455.125</v>
      </c>
      <c r="D8501">
        <v>229136.80710000001</v>
      </c>
      <c r="E8501">
        <v>15345.07346</v>
      </c>
      <c r="F8501">
        <v>56890.591610000003</v>
      </c>
      <c r="G8501">
        <v>41744.497819999997</v>
      </c>
      <c r="H8501">
        <v>38769.608469999999</v>
      </c>
      <c r="I8501">
        <v>19548.336289999999</v>
      </c>
      <c r="J8501">
        <v>24753.428609999999</v>
      </c>
      <c r="K8501">
        <v>48547.910779999998</v>
      </c>
      <c r="L8501">
        <v>18821.372739999999</v>
      </c>
      <c r="M8501">
        <v>313466.62219999998</v>
      </c>
      <c r="N8501">
        <v>74036.304040000003</v>
      </c>
      <c r="O8501">
        <v>22362.85771</v>
      </c>
      <c r="P8501">
        <v>30146.57332</v>
      </c>
      <c r="Q8501">
        <v>91514.662620000003</v>
      </c>
      <c r="R8501">
        <v>22955.269660000002</v>
      </c>
      <c r="S8501">
        <v>79551.979739999995</v>
      </c>
      <c r="T8501">
        <v>26995.30013</v>
      </c>
      <c r="U8501">
        <v>17040.114850000002</v>
      </c>
      <c r="W8501" s="83">
        <f>Bühler!N8533</f>
        <v>45646.124999979387</v>
      </c>
      <c r="X8501" s="83">
        <v>43455.125</v>
      </c>
      <c r="Y8501">
        <v>229136.80710000001</v>
      </c>
      <c r="Z8501">
        <v>15345.07346</v>
      </c>
      <c r="AA8501">
        <v>56890.591610000003</v>
      </c>
      <c r="AB8501">
        <v>41744.497819999997</v>
      </c>
      <c r="AC8501">
        <v>38769.608469999999</v>
      </c>
      <c r="AD8501">
        <v>19548.336289999999</v>
      </c>
      <c r="AE8501">
        <v>24753.428609999999</v>
      </c>
      <c r="AF8501">
        <v>48547.910779999998</v>
      </c>
      <c r="AG8501">
        <v>18821.372739999999</v>
      </c>
      <c r="AH8501">
        <v>313466.62219999998</v>
      </c>
      <c r="AI8501">
        <v>74036.304040000003</v>
      </c>
      <c r="AJ8501">
        <v>22362.85771</v>
      </c>
      <c r="AK8501">
        <v>30146.57332</v>
      </c>
      <c r="AL8501">
        <v>91514.662620000003</v>
      </c>
      <c r="AM8501">
        <v>22955.269660000002</v>
      </c>
      <c r="AN8501">
        <v>79551.979739999995</v>
      </c>
      <c r="AO8501">
        <v>26995.30013</v>
      </c>
      <c r="AP8501">
        <v>17040.114850000002</v>
      </c>
    </row>
    <row r="8502" spans="2:42" x14ac:dyDescent="0.3">
      <c r="B8502">
        <v>62.283576158354805</v>
      </c>
      <c r="C8502" s="83">
        <v>43455.166666666664</v>
      </c>
      <c r="D8502">
        <v>230101.8328</v>
      </c>
      <c r="E8502">
        <v>15897.200860000001</v>
      </c>
      <c r="F8502">
        <v>62372.998579999999</v>
      </c>
      <c r="G8502">
        <v>41536.819049999998</v>
      </c>
      <c r="H8502">
        <v>39412.788619999999</v>
      </c>
      <c r="I8502">
        <v>21183.873469999999</v>
      </c>
      <c r="J8502">
        <v>26037.925589999999</v>
      </c>
      <c r="K8502">
        <v>45673.952579999997</v>
      </c>
      <c r="L8502">
        <v>18606.89718</v>
      </c>
      <c r="M8502">
        <v>317550.71669999999</v>
      </c>
      <c r="N8502">
        <v>73731.687869999994</v>
      </c>
      <c r="O8502">
        <v>22829.510490000001</v>
      </c>
      <c r="P8502">
        <v>30282.03254</v>
      </c>
      <c r="Q8502">
        <v>94665.002389999994</v>
      </c>
      <c r="R8502">
        <v>23062.83654</v>
      </c>
      <c r="S8502">
        <v>80166.510209999993</v>
      </c>
      <c r="T8502">
        <v>27195.13235</v>
      </c>
      <c r="U8502">
        <v>18089.637360000001</v>
      </c>
      <c r="W8502" s="83">
        <f>Bühler!N8534</f>
        <v>45646.166666646051</v>
      </c>
      <c r="X8502" s="83">
        <v>43455.166666666664</v>
      </c>
      <c r="Y8502">
        <v>230101.8328</v>
      </c>
      <c r="Z8502">
        <v>15897.200860000001</v>
      </c>
      <c r="AA8502">
        <v>62372.998579999999</v>
      </c>
      <c r="AB8502">
        <v>41536.819049999998</v>
      </c>
      <c r="AC8502">
        <v>39412.788619999999</v>
      </c>
      <c r="AD8502">
        <v>21183.873469999999</v>
      </c>
      <c r="AE8502">
        <v>26037.925589999999</v>
      </c>
      <c r="AF8502">
        <v>45673.952579999997</v>
      </c>
      <c r="AG8502">
        <v>18606.89718</v>
      </c>
      <c r="AH8502">
        <v>317550.71669999999</v>
      </c>
      <c r="AI8502">
        <v>73731.687869999994</v>
      </c>
      <c r="AJ8502">
        <v>22829.510490000001</v>
      </c>
      <c r="AK8502">
        <v>30282.03254</v>
      </c>
      <c r="AL8502">
        <v>94665.002389999994</v>
      </c>
      <c r="AM8502">
        <v>23062.83654</v>
      </c>
      <c r="AN8502">
        <v>80166.510209999993</v>
      </c>
      <c r="AO8502">
        <v>27195.13235</v>
      </c>
      <c r="AP8502">
        <v>18089.637360000001</v>
      </c>
    </row>
    <row r="8503" spans="2:42" x14ac:dyDescent="0.3">
      <c r="B8503">
        <v>65.270114085397296</v>
      </c>
      <c r="C8503" s="83">
        <v>43455.208333333336</v>
      </c>
      <c r="D8503">
        <v>241425.40640000001</v>
      </c>
      <c r="E8503">
        <v>18041.30272</v>
      </c>
      <c r="F8503">
        <v>73209.848450000005</v>
      </c>
      <c r="G8503">
        <v>44866.251069999998</v>
      </c>
      <c r="H8503">
        <v>41436.167990000002</v>
      </c>
      <c r="I8503">
        <v>28162.13076</v>
      </c>
      <c r="J8503">
        <v>28186.183199999999</v>
      </c>
      <c r="K8503">
        <v>46878.506260000002</v>
      </c>
      <c r="L8503">
        <v>19452.576229999999</v>
      </c>
      <c r="M8503">
        <v>332777.47979999997</v>
      </c>
      <c r="N8503">
        <v>74945.399059999996</v>
      </c>
      <c r="O8503">
        <v>23198.635320000001</v>
      </c>
      <c r="P8503">
        <v>31329.451789999999</v>
      </c>
      <c r="Q8503">
        <v>97154.991829999999</v>
      </c>
      <c r="R8503">
        <v>23642.263490000001</v>
      </c>
      <c r="S8503">
        <v>83430.61606</v>
      </c>
      <c r="T8503">
        <v>28566.83238</v>
      </c>
      <c r="U8503">
        <v>19645.895219999999</v>
      </c>
      <c r="W8503" s="83">
        <f>Bühler!N8535</f>
        <v>45646.208333312716</v>
      </c>
      <c r="X8503" s="83">
        <v>43455.208333333336</v>
      </c>
      <c r="Y8503">
        <v>241425.40640000001</v>
      </c>
      <c r="Z8503">
        <v>18041.30272</v>
      </c>
      <c r="AA8503">
        <v>73209.848450000005</v>
      </c>
      <c r="AB8503">
        <v>44866.251069999998</v>
      </c>
      <c r="AC8503">
        <v>41436.167990000002</v>
      </c>
      <c r="AD8503">
        <v>28162.13076</v>
      </c>
      <c r="AE8503">
        <v>28186.183199999999</v>
      </c>
      <c r="AF8503">
        <v>46878.506260000002</v>
      </c>
      <c r="AG8503">
        <v>19452.576229999999</v>
      </c>
      <c r="AH8503">
        <v>332777.47979999997</v>
      </c>
      <c r="AI8503">
        <v>74945.399059999996</v>
      </c>
      <c r="AJ8503">
        <v>23198.635320000001</v>
      </c>
      <c r="AK8503">
        <v>31329.451789999999</v>
      </c>
      <c r="AL8503">
        <v>97154.991829999999</v>
      </c>
      <c r="AM8503">
        <v>23642.263490000001</v>
      </c>
      <c r="AN8503">
        <v>83430.61606</v>
      </c>
      <c r="AO8503">
        <v>28566.83238</v>
      </c>
      <c r="AP8503">
        <v>19645.895219999999</v>
      </c>
    </row>
    <row r="8504" spans="2:42" x14ac:dyDescent="0.3">
      <c r="B8504">
        <v>68.481387711991459</v>
      </c>
      <c r="C8504" s="83">
        <v>43455.25</v>
      </c>
      <c r="D8504">
        <v>256655.69620000001</v>
      </c>
      <c r="E8504">
        <v>22494.563310000001</v>
      </c>
      <c r="F8504">
        <v>86892.112850000005</v>
      </c>
      <c r="G8504">
        <v>59391.465929999998</v>
      </c>
      <c r="H8504">
        <v>45256.741970000003</v>
      </c>
      <c r="I8504">
        <v>37251.10482</v>
      </c>
      <c r="J8504">
        <v>31303.08066</v>
      </c>
      <c r="K8504">
        <v>51426.082020000002</v>
      </c>
      <c r="L8504">
        <v>21018.250410000001</v>
      </c>
      <c r="M8504">
        <v>349150.0503</v>
      </c>
      <c r="N8504">
        <v>78266.864409999995</v>
      </c>
      <c r="O8504">
        <v>24928.12903</v>
      </c>
      <c r="P8504">
        <v>30747.279030000002</v>
      </c>
      <c r="Q8504">
        <v>99042.584040000002</v>
      </c>
      <c r="R8504">
        <v>21916.534489999998</v>
      </c>
      <c r="S8504">
        <v>93587.163109999994</v>
      </c>
      <c r="T8504">
        <v>31849.946029999999</v>
      </c>
      <c r="U8504">
        <v>23050.673610000002</v>
      </c>
      <c r="W8504" s="83">
        <f>Bühler!N8536</f>
        <v>45646.24999997938</v>
      </c>
      <c r="X8504" s="83">
        <v>43455.25</v>
      </c>
      <c r="Y8504">
        <v>256655.69620000001</v>
      </c>
      <c r="Z8504">
        <v>22494.563310000001</v>
      </c>
      <c r="AA8504">
        <v>86892.112850000005</v>
      </c>
      <c r="AB8504">
        <v>59391.465929999998</v>
      </c>
      <c r="AC8504">
        <v>45256.741970000003</v>
      </c>
      <c r="AD8504">
        <v>37251.10482</v>
      </c>
      <c r="AE8504">
        <v>31303.08066</v>
      </c>
      <c r="AF8504">
        <v>51426.082020000002</v>
      </c>
      <c r="AG8504">
        <v>21018.250410000001</v>
      </c>
      <c r="AH8504">
        <v>349150.0503</v>
      </c>
      <c r="AI8504">
        <v>78266.864409999995</v>
      </c>
      <c r="AJ8504">
        <v>24928.12903</v>
      </c>
      <c r="AK8504">
        <v>30747.279030000002</v>
      </c>
      <c r="AL8504">
        <v>99042.584040000002</v>
      </c>
      <c r="AM8504">
        <v>21916.534489999998</v>
      </c>
      <c r="AN8504">
        <v>93587.163109999994</v>
      </c>
      <c r="AO8504">
        <v>31849.946029999999</v>
      </c>
      <c r="AP8504">
        <v>23050.673610000002</v>
      </c>
    </row>
    <row r="8505" spans="2:42" x14ac:dyDescent="0.3">
      <c r="B8505">
        <v>69.768686177804724</v>
      </c>
      <c r="C8505" s="83">
        <v>43455.291666666664</v>
      </c>
      <c r="D8505">
        <v>270244.33960000001</v>
      </c>
      <c r="E8505">
        <v>28183.32561</v>
      </c>
      <c r="F8505">
        <v>90799.103369999997</v>
      </c>
      <c r="G8505">
        <v>76049.845209999999</v>
      </c>
      <c r="H8505">
        <v>51869.388729999999</v>
      </c>
      <c r="I8505">
        <v>46480.675029999999</v>
      </c>
      <c r="J8505">
        <v>33498.930419999997</v>
      </c>
      <c r="K8505">
        <v>56421.257160000001</v>
      </c>
      <c r="L8505">
        <v>24580.888660000001</v>
      </c>
      <c r="M8505">
        <v>355713.29820000002</v>
      </c>
      <c r="N8505">
        <v>84807.936350000004</v>
      </c>
      <c r="O8505">
        <v>27428.454249999999</v>
      </c>
      <c r="P8505">
        <v>34027.630830000002</v>
      </c>
      <c r="Q8505">
        <v>98939.910950000005</v>
      </c>
      <c r="R8505">
        <v>24807.089550000001</v>
      </c>
      <c r="S8505">
        <v>110952.88679999999</v>
      </c>
      <c r="T8505">
        <v>34209.491849999999</v>
      </c>
      <c r="U8505">
        <v>27907.63942</v>
      </c>
      <c r="W8505" s="83">
        <f>Bühler!N8537</f>
        <v>45646.291666646044</v>
      </c>
      <c r="X8505" s="83">
        <v>43455.291666666664</v>
      </c>
      <c r="Y8505">
        <v>270244.33960000001</v>
      </c>
      <c r="Z8505">
        <v>28183.32561</v>
      </c>
      <c r="AA8505">
        <v>90799.103369999997</v>
      </c>
      <c r="AB8505">
        <v>76049.845209999999</v>
      </c>
      <c r="AC8505">
        <v>51869.388729999999</v>
      </c>
      <c r="AD8505">
        <v>46480.675029999999</v>
      </c>
      <c r="AE8505">
        <v>33498.930419999997</v>
      </c>
      <c r="AF8505">
        <v>56421.257160000001</v>
      </c>
      <c r="AG8505">
        <v>24580.888660000001</v>
      </c>
      <c r="AH8505">
        <v>355713.29820000002</v>
      </c>
      <c r="AI8505">
        <v>84807.936350000004</v>
      </c>
      <c r="AJ8505">
        <v>27428.454249999999</v>
      </c>
      <c r="AK8505">
        <v>34027.630830000002</v>
      </c>
      <c r="AL8505">
        <v>98939.910950000005</v>
      </c>
      <c r="AM8505">
        <v>24807.089550000001</v>
      </c>
      <c r="AN8505">
        <v>110952.88679999999</v>
      </c>
      <c r="AO8505">
        <v>34209.491849999999</v>
      </c>
      <c r="AP8505">
        <v>27907.63942</v>
      </c>
    </row>
    <row r="8506" spans="2:42" x14ac:dyDescent="0.3">
      <c r="B8506">
        <v>70.090750282943091</v>
      </c>
      <c r="C8506" s="83">
        <v>43455.333333333336</v>
      </c>
      <c r="D8506">
        <v>280537.82089999999</v>
      </c>
      <c r="E8506">
        <v>35252.489809999999</v>
      </c>
      <c r="F8506">
        <v>98266.12285</v>
      </c>
      <c r="G8506">
        <v>93495.498609999995</v>
      </c>
      <c r="H8506">
        <v>57304.164879999997</v>
      </c>
      <c r="I8506">
        <v>49912.040419999998</v>
      </c>
      <c r="J8506">
        <v>33840.339209999998</v>
      </c>
      <c r="K8506">
        <v>60265.496079999997</v>
      </c>
      <c r="L8506">
        <v>28179.685280000002</v>
      </c>
      <c r="M8506">
        <v>357355.33120000002</v>
      </c>
      <c r="N8506">
        <v>94076.623300000007</v>
      </c>
      <c r="O8506">
        <v>29657.377039999999</v>
      </c>
      <c r="P8506">
        <v>35167.947440000004</v>
      </c>
      <c r="Q8506">
        <v>99828.242209999997</v>
      </c>
      <c r="R8506">
        <v>25741.04708</v>
      </c>
      <c r="S8506">
        <v>125439.6872</v>
      </c>
      <c r="T8506">
        <v>38130.905850000003</v>
      </c>
      <c r="U8506">
        <v>30711.11089</v>
      </c>
      <c r="W8506" s="83">
        <f>Bühler!N8538</f>
        <v>45646.333333312708</v>
      </c>
      <c r="X8506" s="83">
        <v>43455.333333333336</v>
      </c>
      <c r="Y8506">
        <v>280537.82089999999</v>
      </c>
      <c r="Z8506">
        <v>35252.489809999999</v>
      </c>
      <c r="AA8506">
        <v>98266.12285</v>
      </c>
      <c r="AB8506">
        <v>93495.498609999995</v>
      </c>
      <c r="AC8506">
        <v>57304.164879999997</v>
      </c>
      <c r="AD8506">
        <v>49912.040419999998</v>
      </c>
      <c r="AE8506">
        <v>33840.339209999998</v>
      </c>
      <c r="AF8506">
        <v>60265.496079999997</v>
      </c>
      <c r="AG8506">
        <v>28179.685280000002</v>
      </c>
      <c r="AH8506">
        <v>357355.33120000002</v>
      </c>
      <c r="AI8506">
        <v>94076.623300000007</v>
      </c>
      <c r="AJ8506">
        <v>29657.377039999999</v>
      </c>
      <c r="AK8506">
        <v>35167.947440000004</v>
      </c>
      <c r="AL8506">
        <v>99828.242209999997</v>
      </c>
      <c r="AM8506">
        <v>25741.04708</v>
      </c>
      <c r="AN8506">
        <v>125439.6872</v>
      </c>
      <c r="AO8506">
        <v>38130.905850000003</v>
      </c>
      <c r="AP8506">
        <v>30711.11089</v>
      </c>
    </row>
    <row r="8507" spans="2:42" x14ac:dyDescent="0.3">
      <c r="B8507">
        <v>69.754969503944494</v>
      </c>
      <c r="C8507" s="83">
        <v>43455.375</v>
      </c>
      <c r="D8507">
        <v>278774.72460000002</v>
      </c>
      <c r="E8507">
        <v>38986.337189999998</v>
      </c>
      <c r="F8507">
        <v>103434.4289</v>
      </c>
      <c r="G8507">
        <v>103013.0338</v>
      </c>
      <c r="H8507">
        <v>58608.833400000003</v>
      </c>
      <c r="I8507">
        <v>46886.116800000003</v>
      </c>
      <c r="J8507">
        <v>32983.572619999999</v>
      </c>
      <c r="K8507">
        <v>57720.11881</v>
      </c>
      <c r="L8507">
        <v>29714.0098</v>
      </c>
      <c r="M8507">
        <v>355643.36420000001</v>
      </c>
      <c r="N8507">
        <v>97805.218789999999</v>
      </c>
      <c r="O8507">
        <v>29737.424780000001</v>
      </c>
      <c r="P8507">
        <v>37089.307630000003</v>
      </c>
      <c r="Q8507">
        <v>99429.424230000004</v>
      </c>
      <c r="R8507">
        <v>23851.335179999998</v>
      </c>
      <c r="S8507">
        <v>132506.56289999999</v>
      </c>
      <c r="T8507">
        <v>40538.38162</v>
      </c>
      <c r="U8507">
        <v>29400.051920000002</v>
      </c>
      <c r="W8507" s="83">
        <f>Bühler!N8539</f>
        <v>45646.374999979373</v>
      </c>
      <c r="X8507" s="83">
        <v>43455.375</v>
      </c>
      <c r="Y8507">
        <v>278774.72460000002</v>
      </c>
      <c r="Z8507">
        <v>38986.337189999998</v>
      </c>
      <c r="AA8507">
        <v>103434.4289</v>
      </c>
      <c r="AB8507">
        <v>103013.0338</v>
      </c>
      <c r="AC8507">
        <v>58608.833400000003</v>
      </c>
      <c r="AD8507">
        <v>46886.116800000003</v>
      </c>
      <c r="AE8507">
        <v>32983.572619999999</v>
      </c>
      <c r="AF8507">
        <v>57720.11881</v>
      </c>
      <c r="AG8507">
        <v>29714.0098</v>
      </c>
      <c r="AH8507">
        <v>355643.36420000001</v>
      </c>
      <c r="AI8507">
        <v>97805.218789999999</v>
      </c>
      <c r="AJ8507">
        <v>29737.424780000001</v>
      </c>
      <c r="AK8507">
        <v>37089.307630000003</v>
      </c>
      <c r="AL8507">
        <v>99429.424230000004</v>
      </c>
      <c r="AM8507">
        <v>23851.335179999998</v>
      </c>
      <c r="AN8507">
        <v>132506.56289999999</v>
      </c>
      <c r="AO8507">
        <v>40538.38162</v>
      </c>
      <c r="AP8507">
        <v>29400.051920000002</v>
      </c>
    </row>
    <row r="8508" spans="2:42" x14ac:dyDescent="0.3">
      <c r="B8508">
        <v>70.551190254995461</v>
      </c>
      <c r="C8508" s="83">
        <v>43455.416666666664</v>
      </c>
      <c r="D8508">
        <v>277314.70909999998</v>
      </c>
      <c r="E8508">
        <v>40454.577400000002</v>
      </c>
      <c r="F8508">
        <v>105181.2873</v>
      </c>
      <c r="G8508">
        <v>101610.6618</v>
      </c>
      <c r="H8508">
        <v>58606.119160000002</v>
      </c>
      <c r="I8508">
        <v>43303.917280000001</v>
      </c>
      <c r="J8508">
        <v>32241.955669999999</v>
      </c>
      <c r="K8508">
        <v>59913.264069999997</v>
      </c>
      <c r="L8508">
        <v>32324.318009999999</v>
      </c>
      <c r="M8508">
        <v>359702.8689</v>
      </c>
      <c r="N8508">
        <v>99192.292600000001</v>
      </c>
      <c r="O8508">
        <v>29392.661609999999</v>
      </c>
      <c r="P8508">
        <v>38204.046249999999</v>
      </c>
      <c r="Q8508">
        <v>99434.756240000002</v>
      </c>
      <c r="R8508">
        <v>24463.27433</v>
      </c>
      <c r="S8508">
        <v>131776.0208</v>
      </c>
      <c r="T8508">
        <v>40833.10254</v>
      </c>
      <c r="U8508">
        <v>28373.928029999999</v>
      </c>
      <c r="W8508" s="83">
        <f>Bühler!N8540</f>
        <v>45646.416666646037</v>
      </c>
      <c r="X8508" s="83">
        <v>43455.416666666664</v>
      </c>
      <c r="Y8508">
        <v>277314.70909999998</v>
      </c>
      <c r="Z8508">
        <v>40454.577400000002</v>
      </c>
      <c r="AA8508">
        <v>105181.2873</v>
      </c>
      <c r="AB8508">
        <v>101610.6618</v>
      </c>
      <c r="AC8508">
        <v>58606.119160000002</v>
      </c>
      <c r="AD8508">
        <v>43303.917280000001</v>
      </c>
      <c r="AE8508">
        <v>32241.955669999999</v>
      </c>
      <c r="AF8508">
        <v>59913.264069999997</v>
      </c>
      <c r="AG8508">
        <v>32324.318009999999</v>
      </c>
      <c r="AH8508">
        <v>359702.8689</v>
      </c>
      <c r="AI8508">
        <v>99192.292600000001</v>
      </c>
      <c r="AJ8508">
        <v>29392.661609999999</v>
      </c>
      <c r="AK8508">
        <v>38204.046249999999</v>
      </c>
      <c r="AL8508">
        <v>99434.756240000002</v>
      </c>
      <c r="AM8508">
        <v>24463.27433</v>
      </c>
      <c r="AN8508">
        <v>131776.0208</v>
      </c>
      <c r="AO8508">
        <v>40833.10254</v>
      </c>
      <c r="AP8508">
        <v>28373.928029999999</v>
      </c>
    </row>
    <row r="8509" spans="2:42" x14ac:dyDescent="0.3">
      <c r="B8509">
        <v>70.147348538309686</v>
      </c>
      <c r="C8509" s="83">
        <v>43455.458333333336</v>
      </c>
      <c r="D8509">
        <v>272701.91859999998</v>
      </c>
      <c r="E8509">
        <v>39310.214760000003</v>
      </c>
      <c r="F8509">
        <v>106162.874</v>
      </c>
      <c r="G8509">
        <v>97924.61507</v>
      </c>
      <c r="H8509">
        <v>57520.304340000002</v>
      </c>
      <c r="I8509">
        <v>42571.406560000003</v>
      </c>
      <c r="J8509">
        <v>31850.769319999999</v>
      </c>
      <c r="K8509">
        <v>63876.042820000002</v>
      </c>
      <c r="L8509">
        <v>34392.040439999997</v>
      </c>
      <c r="M8509">
        <v>357643.89549999998</v>
      </c>
      <c r="N8509">
        <v>96822.067280000003</v>
      </c>
      <c r="O8509">
        <v>29443.004929999999</v>
      </c>
      <c r="P8509">
        <v>37024.092680000002</v>
      </c>
      <c r="Q8509">
        <v>99483.917319999993</v>
      </c>
      <c r="R8509">
        <v>29140.828990000002</v>
      </c>
      <c r="S8509">
        <v>132026.32870000001</v>
      </c>
      <c r="T8509">
        <v>40828.766179999999</v>
      </c>
      <c r="U8509">
        <v>26613.948110000001</v>
      </c>
      <c r="W8509" s="83">
        <f>Bühler!N8541</f>
        <v>45646.458333312701</v>
      </c>
      <c r="X8509" s="83">
        <v>43455.458333333336</v>
      </c>
      <c r="Y8509">
        <v>272701.91859999998</v>
      </c>
      <c r="Z8509">
        <v>39310.214760000003</v>
      </c>
      <c r="AA8509">
        <v>106162.874</v>
      </c>
      <c r="AB8509">
        <v>97924.61507</v>
      </c>
      <c r="AC8509">
        <v>57520.304340000002</v>
      </c>
      <c r="AD8509">
        <v>42571.406560000003</v>
      </c>
      <c r="AE8509">
        <v>31850.769319999999</v>
      </c>
      <c r="AF8509">
        <v>63876.042820000002</v>
      </c>
      <c r="AG8509">
        <v>34392.040439999997</v>
      </c>
      <c r="AH8509">
        <v>357643.89549999998</v>
      </c>
      <c r="AI8509">
        <v>96822.067280000003</v>
      </c>
      <c r="AJ8509">
        <v>29443.004929999999</v>
      </c>
      <c r="AK8509">
        <v>37024.092680000002</v>
      </c>
      <c r="AL8509">
        <v>99483.917319999993</v>
      </c>
      <c r="AM8509">
        <v>29140.828990000002</v>
      </c>
      <c r="AN8509">
        <v>132026.32870000001</v>
      </c>
      <c r="AO8509">
        <v>40828.766179999999</v>
      </c>
      <c r="AP8509">
        <v>26613.948110000001</v>
      </c>
    </row>
    <row r="8510" spans="2:42" x14ac:dyDescent="0.3">
      <c r="B8510">
        <v>67.759924324123119</v>
      </c>
      <c r="C8510" s="83">
        <v>43455.5</v>
      </c>
      <c r="D8510">
        <v>257688.2476</v>
      </c>
      <c r="E8510">
        <v>34726.267379999998</v>
      </c>
      <c r="F8510">
        <v>104220.54429999999</v>
      </c>
      <c r="G8510">
        <v>93891.152029999997</v>
      </c>
      <c r="H8510">
        <v>53934.786209999998</v>
      </c>
      <c r="I8510">
        <v>39955.758529999999</v>
      </c>
      <c r="J8510">
        <v>31168.860990000001</v>
      </c>
      <c r="K8510">
        <v>61500.340980000001</v>
      </c>
      <c r="L8510">
        <v>37481.211629999998</v>
      </c>
      <c r="M8510">
        <v>345471.69349999999</v>
      </c>
      <c r="N8510">
        <v>91815.717730000004</v>
      </c>
      <c r="O8510">
        <v>28544.882300000001</v>
      </c>
      <c r="P8510">
        <v>38533.914989999997</v>
      </c>
      <c r="Q8510">
        <v>97379.775989999995</v>
      </c>
      <c r="R8510">
        <v>28937.548510000001</v>
      </c>
      <c r="S8510">
        <v>123352.12639999999</v>
      </c>
      <c r="T8510">
        <v>40412.323709999997</v>
      </c>
      <c r="U8510">
        <v>22875.39674</v>
      </c>
      <c r="W8510" s="83">
        <f>Bühler!N8542</f>
        <v>45646.499999979365</v>
      </c>
      <c r="X8510" s="83">
        <v>43455.5</v>
      </c>
      <c r="Y8510">
        <v>257688.2476</v>
      </c>
      <c r="Z8510">
        <v>34726.267379999998</v>
      </c>
      <c r="AA8510">
        <v>104220.54429999999</v>
      </c>
      <c r="AB8510">
        <v>93891.152029999997</v>
      </c>
      <c r="AC8510">
        <v>53934.786209999998</v>
      </c>
      <c r="AD8510">
        <v>39955.758529999999</v>
      </c>
      <c r="AE8510">
        <v>31168.860990000001</v>
      </c>
      <c r="AF8510">
        <v>61500.340980000001</v>
      </c>
      <c r="AG8510">
        <v>37481.211629999998</v>
      </c>
      <c r="AH8510">
        <v>345471.69349999999</v>
      </c>
      <c r="AI8510">
        <v>91815.717730000004</v>
      </c>
      <c r="AJ8510">
        <v>28544.882300000001</v>
      </c>
      <c r="AK8510">
        <v>38533.914989999997</v>
      </c>
      <c r="AL8510">
        <v>97379.775989999995</v>
      </c>
      <c r="AM8510">
        <v>28937.548510000001</v>
      </c>
      <c r="AN8510">
        <v>123352.12639999999</v>
      </c>
      <c r="AO8510">
        <v>40412.323709999997</v>
      </c>
      <c r="AP8510">
        <v>22875.39674</v>
      </c>
    </row>
    <row r="8511" spans="2:42" x14ac:dyDescent="0.3">
      <c r="B8511">
        <v>66.454508645445287</v>
      </c>
      <c r="C8511" s="83">
        <v>43455.541666666664</v>
      </c>
      <c r="D8511">
        <v>254047.77530000001</v>
      </c>
      <c r="E8511">
        <v>34471.568299999999</v>
      </c>
      <c r="F8511">
        <v>103650.4225</v>
      </c>
      <c r="G8511">
        <v>88922.63463</v>
      </c>
      <c r="H8511">
        <v>52736.54507</v>
      </c>
      <c r="I8511">
        <v>39156.916340000003</v>
      </c>
      <c r="J8511">
        <v>30722.430469999999</v>
      </c>
      <c r="K8511">
        <v>62904.91115</v>
      </c>
      <c r="L8511">
        <v>36163.10729</v>
      </c>
      <c r="M8511">
        <v>338816.07559999998</v>
      </c>
      <c r="N8511">
        <v>91305.706179999994</v>
      </c>
      <c r="O8511">
        <v>28099.360390000002</v>
      </c>
      <c r="P8511">
        <v>36589.077559999998</v>
      </c>
      <c r="Q8511">
        <v>95462.104049999994</v>
      </c>
      <c r="R8511">
        <v>29619.185700000002</v>
      </c>
      <c r="S8511">
        <v>122202.5287</v>
      </c>
      <c r="T8511">
        <v>38132.214</v>
      </c>
      <c r="U8511">
        <v>22464.325499999999</v>
      </c>
      <c r="W8511" s="83">
        <f>Bühler!N8543</f>
        <v>45646.54166664603</v>
      </c>
      <c r="X8511" s="83">
        <v>43455.541666666664</v>
      </c>
      <c r="Y8511">
        <v>254047.77530000001</v>
      </c>
      <c r="Z8511">
        <v>34471.568299999999</v>
      </c>
      <c r="AA8511">
        <v>103650.4225</v>
      </c>
      <c r="AB8511">
        <v>88922.63463</v>
      </c>
      <c r="AC8511">
        <v>52736.54507</v>
      </c>
      <c r="AD8511">
        <v>39156.916340000003</v>
      </c>
      <c r="AE8511">
        <v>30722.430469999999</v>
      </c>
      <c r="AF8511">
        <v>62904.91115</v>
      </c>
      <c r="AG8511">
        <v>36163.10729</v>
      </c>
      <c r="AH8511">
        <v>338816.07559999998</v>
      </c>
      <c r="AI8511">
        <v>91305.706179999994</v>
      </c>
      <c r="AJ8511">
        <v>28099.360390000002</v>
      </c>
      <c r="AK8511">
        <v>36589.077559999998</v>
      </c>
      <c r="AL8511">
        <v>95462.104049999994</v>
      </c>
      <c r="AM8511">
        <v>29619.185700000002</v>
      </c>
      <c r="AN8511">
        <v>122202.5287</v>
      </c>
      <c r="AO8511">
        <v>38132.214</v>
      </c>
      <c r="AP8511">
        <v>22464.325499999999</v>
      </c>
    </row>
    <row r="8512" spans="2:42" x14ac:dyDescent="0.3">
      <c r="B8512">
        <v>67.003334726138164</v>
      </c>
      <c r="C8512" s="83">
        <v>43455.583333333336</v>
      </c>
      <c r="D8512">
        <v>254361.82320000001</v>
      </c>
      <c r="E8512">
        <v>37041.256990000002</v>
      </c>
      <c r="F8512">
        <v>103762.0644</v>
      </c>
      <c r="G8512">
        <v>81376.471319999997</v>
      </c>
      <c r="H8512">
        <v>52444.813119999999</v>
      </c>
      <c r="I8512">
        <v>39800.336869999999</v>
      </c>
      <c r="J8512">
        <v>30142.14287</v>
      </c>
      <c r="K8512">
        <v>62273.74078</v>
      </c>
      <c r="L8512">
        <v>32527.070189999999</v>
      </c>
      <c r="M8512">
        <v>341614.24690000003</v>
      </c>
      <c r="N8512">
        <v>92466.423790000001</v>
      </c>
      <c r="O8512">
        <v>27431.789130000001</v>
      </c>
      <c r="P8512">
        <v>34213.248489999998</v>
      </c>
      <c r="Q8512">
        <v>94267.613140000001</v>
      </c>
      <c r="R8512">
        <v>27804.927019999999</v>
      </c>
      <c r="S8512">
        <v>115816.269</v>
      </c>
      <c r="T8512">
        <v>35720.971530000003</v>
      </c>
      <c r="U8512">
        <v>22494.104930000001</v>
      </c>
      <c r="W8512" s="83">
        <f>Bühler!N8544</f>
        <v>45646.583333312694</v>
      </c>
      <c r="X8512" s="83">
        <v>43455.583333333336</v>
      </c>
      <c r="Y8512">
        <v>254361.82320000001</v>
      </c>
      <c r="Z8512">
        <v>37041.256990000002</v>
      </c>
      <c r="AA8512">
        <v>103762.0644</v>
      </c>
      <c r="AB8512">
        <v>81376.471319999997</v>
      </c>
      <c r="AC8512">
        <v>52444.813119999999</v>
      </c>
      <c r="AD8512">
        <v>39800.336869999999</v>
      </c>
      <c r="AE8512">
        <v>30142.14287</v>
      </c>
      <c r="AF8512">
        <v>62273.74078</v>
      </c>
      <c r="AG8512">
        <v>32527.070189999999</v>
      </c>
      <c r="AH8512">
        <v>341614.24690000003</v>
      </c>
      <c r="AI8512">
        <v>92466.423790000001</v>
      </c>
      <c r="AJ8512">
        <v>27431.789130000001</v>
      </c>
      <c r="AK8512">
        <v>34213.248489999998</v>
      </c>
      <c r="AL8512">
        <v>94267.613140000001</v>
      </c>
      <c r="AM8512">
        <v>27804.927019999999</v>
      </c>
      <c r="AN8512">
        <v>115816.269</v>
      </c>
      <c r="AO8512">
        <v>35720.971530000003</v>
      </c>
      <c r="AP8512">
        <v>22494.104930000001</v>
      </c>
    </row>
    <row r="8513" spans="2:42" x14ac:dyDescent="0.3">
      <c r="B8513">
        <v>65.688175960683196</v>
      </c>
      <c r="C8513" s="83">
        <v>43455.625</v>
      </c>
      <c r="D8513">
        <v>249107.30679999999</v>
      </c>
      <c r="E8513">
        <v>36807.011440000002</v>
      </c>
      <c r="F8513">
        <v>102796.9565</v>
      </c>
      <c r="G8513">
        <v>75674.808409999998</v>
      </c>
      <c r="H8513">
        <v>50734.108970000001</v>
      </c>
      <c r="I8513">
        <v>40092.433440000001</v>
      </c>
      <c r="J8513">
        <v>29918.41318</v>
      </c>
      <c r="K8513">
        <v>61480.973019999998</v>
      </c>
      <c r="L8513">
        <v>29551.771089999998</v>
      </c>
      <c r="M8513">
        <v>334908.95419999998</v>
      </c>
      <c r="N8513">
        <v>91935.873749999999</v>
      </c>
      <c r="O8513">
        <v>27265.760760000001</v>
      </c>
      <c r="P8513">
        <v>32551.23962</v>
      </c>
      <c r="Q8513">
        <v>92423.412920000002</v>
      </c>
      <c r="R8513">
        <v>27226.899590000001</v>
      </c>
      <c r="S8513">
        <v>114807.2733</v>
      </c>
      <c r="T8513">
        <v>35551.209450000002</v>
      </c>
      <c r="U8513">
        <v>20768.989959999999</v>
      </c>
      <c r="W8513" s="83">
        <f>Bühler!N8545</f>
        <v>45646.624999979358</v>
      </c>
      <c r="X8513" s="83">
        <v>43455.625</v>
      </c>
      <c r="Y8513">
        <v>249107.30679999999</v>
      </c>
      <c r="Z8513">
        <v>36807.011440000002</v>
      </c>
      <c r="AA8513">
        <v>102796.9565</v>
      </c>
      <c r="AB8513">
        <v>75674.808409999998</v>
      </c>
      <c r="AC8513">
        <v>50734.108970000001</v>
      </c>
      <c r="AD8513">
        <v>40092.433440000001</v>
      </c>
      <c r="AE8513">
        <v>29918.41318</v>
      </c>
      <c r="AF8513">
        <v>61480.973019999998</v>
      </c>
      <c r="AG8513">
        <v>29551.771089999998</v>
      </c>
      <c r="AH8513">
        <v>334908.95419999998</v>
      </c>
      <c r="AI8513">
        <v>91935.873749999999</v>
      </c>
      <c r="AJ8513">
        <v>27265.760760000001</v>
      </c>
      <c r="AK8513">
        <v>32551.23962</v>
      </c>
      <c r="AL8513">
        <v>92423.412920000002</v>
      </c>
      <c r="AM8513">
        <v>27226.899590000001</v>
      </c>
      <c r="AN8513">
        <v>114807.2733</v>
      </c>
      <c r="AO8513">
        <v>35551.209450000002</v>
      </c>
      <c r="AP8513">
        <v>20768.989959999999</v>
      </c>
    </row>
    <row r="8514" spans="2:42" x14ac:dyDescent="0.3">
      <c r="B8514">
        <v>64.320219514132489</v>
      </c>
      <c r="C8514" s="83">
        <v>43455.666666666664</v>
      </c>
      <c r="D8514">
        <v>242443.1703</v>
      </c>
      <c r="E8514">
        <v>35984.304400000001</v>
      </c>
      <c r="F8514">
        <v>101930.11689999999</v>
      </c>
      <c r="G8514">
        <v>70176.024839999998</v>
      </c>
      <c r="H8514">
        <v>50358.914210000003</v>
      </c>
      <c r="I8514">
        <v>40983.997150000003</v>
      </c>
      <c r="J8514">
        <v>29735.189890000001</v>
      </c>
      <c r="K8514">
        <v>57235.559759999996</v>
      </c>
      <c r="L8514">
        <v>27846.58626</v>
      </c>
      <c r="M8514">
        <v>327934.4743</v>
      </c>
      <c r="N8514">
        <v>86173.049400000004</v>
      </c>
      <c r="O8514">
        <v>26696.08599</v>
      </c>
      <c r="P8514">
        <v>32928.225839999999</v>
      </c>
      <c r="Q8514">
        <v>90464.498640000005</v>
      </c>
      <c r="R8514">
        <v>26460.41517</v>
      </c>
      <c r="S8514">
        <v>112363.5594</v>
      </c>
      <c r="T8514">
        <v>35997.760490000001</v>
      </c>
      <c r="U8514">
        <v>19820.864409999998</v>
      </c>
      <c r="W8514" s="83">
        <f>Bühler!N8546</f>
        <v>45646.666666646022</v>
      </c>
      <c r="X8514" s="83">
        <v>43455.666666666664</v>
      </c>
      <c r="Y8514">
        <v>242443.1703</v>
      </c>
      <c r="Z8514">
        <v>35984.304400000001</v>
      </c>
      <c r="AA8514">
        <v>101930.11689999999</v>
      </c>
      <c r="AB8514">
        <v>70176.024839999998</v>
      </c>
      <c r="AC8514">
        <v>50358.914210000003</v>
      </c>
      <c r="AD8514">
        <v>40983.997150000003</v>
      </c>
      <c r="AE8514">
        <v>29735.189890000001</v>
      </c>
      <c r="AF8514">
        <v>57235.559759999996</v>
      </c>
      <c r="AG8514">
        <v>27846.58626</v>
      </c>
      <c r="AH8514">
        <v>327934.4743</v>
      </c>
      <c r="AI8514">
        <v>86173.049400000004</v>
      </c>
      <c r="AJ8514">
        <v>26696.08599</v>
      </c>
      <c r="AK8514">
        <v>32928.225839999999</v>
      </c>
      <c r="AL8514">
        <v>90464.498640000005</v>
      </c>
      <c r="AM8514">
        <v>26460.41517</v>
      </c>
      <c r="AN8514">
        <v>112363.5594</v>
      </c>
      <c r="AO8514">
        <v>35997.760490000001</v>
      </c>
      <c r="AP8514">
        <v>19820.864409999998</v>
      </c>
    </row>
    <row r="8515" spans="2:42" x14ac:dyDescent="0.3">
      <c r="B8515">
        <v>62.965016530219138</v>
      </c>
      <c r="C8515" s="83">
        <v>43455.708333333336</v>
      </c>
      <c r="D8515">
        <v>233530.50930000001</v>
      </c>
      <c r="E8515">
        <v>34590.951930000003</v>
      </c>
      <c r="F8515">
        <v>103467.5353</v>
      </c>
      <c r="G8515">
        <v>62375.568740000002</v>
      </c>
      <c r="H8515">
        <v>50892.28916</v>
      </c>
      <c r="I8515">
        <v>40627.281309999998</v>
      </c>
      <c r="J8515">
        <v>31864.428059999998</v>
      </c>
      <c r="K8515">
        <v>52938.274279999998</v>
      </c>
      <c r="L8515">
        <v>28924.50576</v>
      </c>
      <c r="M8515">
        <v>321025.01750000002</v>
      </c>
      <c r="N8515">
        <v>83360.689689999999</v>
      </c>
      <c r="O8515">
        <v>25866.411189999999</v>
      </c>
      <c r="P8515">
        <v>34180.006379999999</v>
      </c>
      <c r="Q8515">
        <v>88634.436310000005</v>
      </c>
      <c r="R8515">
        <v>25674.178100000001</v>
      </c>
      <c r="S8515">
        <v>112404.9754</v>
      </c>
      <c r="T8515">
        <v>37947.322209999998</v>
      </c>
      <c r="U8515">
        <v>20212.73331</v>
      </c>
      <c r="W8515" s="83">
        <f>Bühler!N8547</f>
        <v>45646.708333312687</v>
      </c>
      <c r="X8515" s="83">
        <v>43455.708333333336</v>
      </c>
      <c r="Y8515">
        <v>233530.50930000001</v>
      </c>
      <c r="Z8515">
        <v>34590.951930000003</v>
      </c>
      <c r="AA8515">
        <v>103467.5353</v>
      </c>
      <c r="AB8515">
        <v>62375.568740000002</v>
      </c>
      <c r="AC8515">
        <v>50892.28916</v>
      </c>
      <c r="AD8515">
        <v>40627.281309999998</v>
      </c>
      <c r="AE8515">
        <v>31864.428059999998</v>
      </c>
      <c r="AF8515">
        <v>52938.274279999998</v>
      </c>
      <c r="AG8515">
        <v>28924.50576</v>
      </c>
      <c r="AH8515">
        <v>321025.01750000002</v>
      </c>
      <c r="AI8515">
        <v>83360.689689999999</v>
      </c>
      <c r="AJ8515">
        <v>25866.411189999999</v>
      </c>
      <c r="AK8515">
        <v>34180.006379999999</v>
      </c>
      <c r="AL8515">
        <v>88634.436310000005</v>
      </c>
      <c r="AM8515">
        <v>25674.178100000001</v>
      </c>
      <c r="AN8515">
        <v>112404.9754</v>
      </c>
      <c r="AO8515">
        <v>37947.322209999998</v>
      </c>
      <c r="AP8515">
        <v>20212.73331</v>
      </c>
    </row>
    <row r="8516" spans="2:42" x14ac:dyDescent="0.3">
      <c r="B8516">
        <v>61.016491124010521</v>
      </c>
      <c r="C8516" s="83">
        <v>43455.75</v>
      </c>
      <c r="D8516">
        <v>226102.36989999999</v>
      </c>
      <c r="E8516">
        <v>31553.99007</v>
      </c>
      <c r="F8516">
        <v>99864.676640000005</v>
      </c>
      <c r="G8516">
        <v>53113.959569999999</v>
      </c>
      <c r="H8516">
        <v>48960.891660000001</v>
      </c>
      <c r="I8516">
        <v>39181.537929999999</v>
      </c>
      <c r="J8516">
        <v>32119.411390000001</v>
      </c>
      <c r="K8516">
        <v>47861.186690000002</v>
      </c>
      <c r="L8516">
        <v>32108.871650000001</v>
      </c>
      <c r="M8516">
        <v>311090.52630000003</v>
      </c>
      <c r="N8516">
        <v>80730.772630000007</v>
      </c>
      <c r="O8516">
        <v>24453.87182</v>
      </c>
      <c r="P8516">
        <v>37345.737260000002</v>
      </c>
      <c r="Q8516">
        <v>86466.326350000003</v>
      </c>
      <c r="R8516">
        <v>23054.538960000002</v>
      </c>
      <c r="S8516">
        <v>106836.9234</v>
      </c>
      <c r="T8516">
        <v>37834.502919999999</v>
      </c>
      <c r="U8516">
        <v>18570.477009999999</v>
      </c>
      <c r="W8516" s="83">
        <f>Bühler!N8548</f>
        <v>45646.749999979351</v>
      </c>
      <c r="X8516" s="83">
        <v>43455.75</v>
      </c>
      <c r="Y8516">
        <v>226102.36989999999</v>
      </c>
      <c r="Z8516">
        <v>31553.99007</v>
      </c>
      <c r="AA8516">
        <v>99864.676640000005</v>
      </c>
      <c r="AB8516">
        <v>53113.959569999999</v>
      </c>
      <c r="AC8516">
        <v>48960.891660000001</v>
      </c>
      <c r="AD8516">
        <v>39181.537929999999</v>
      </c>
      <c r="AE8516">
        <v>32119.411390000001</v>
      </c>
      <c r="AF8516">
        <v>47861.186690000002</v>
      </c>
      <c r="AG8516">
        <v>32108.871650000001</v>
      </c>
      <c r="AH8516">
        <v>311090.52630000003</v>
      </c>
      <c r="AI8516">
        <v>80730.772630000007</v>
      </c>
      <c r="AJ8516">
        <v>24453.87182</v>
      </c>
      <c r="AK8516">
        <v>37345.737260000002</v>
      </c>
      <c r="AL8516">
        <v>86466.326350000003</v>
      </c>
      <c r="AM8516">
        <v>23054.538960000002</v>
      </c>
      <c r="AN8516">
        <v>106836.9234</v>
      </c>
      <c r="AO8516">
        <v>37834.502919999999</v>
      </c>
      <c r="AP8516">
        <v>18570.477009999999</v>
      </c>
    </row>
    <row r="8517" spans="2:42" x14ac:dyDescent="0.3">
      <c r="B8517">
        <v>59.578725704304269</v>
      </c>
      <c r="C8517" s="83">
        <v>43455.791666666664</v>
      </c>
      <c r="D8517">
        <v>217509.6611</v>
      </c>
      <c r="E8517">
        <v>25752.037199999999</v>
      </c>
      <c r="F8517">
        <v>86929.607279999997</v>
      </c>
      <c r="G8517">
        <v>47374.508040000001</v>
      </c>
      <c r="H8517">
        <v>46031.898880000001</v>
      </c>
      <c r="I8517">
        <v>35868.225259999999</v>
      </c>
      <c r="J8517">
        <v>31275.984520000002</v>
      </c>
      <c r="K8517">
        <v>47109.523260000002</v>
      </c>
      <c r="L8517">
        <v>33292.683490000003</v>
      </c>
      <c r="M8517">
        <v>303760.12770000001</v>
      </c>
      <c r="N8517">
        <v>77753.668919999996</v>
      </c>
      <c r="O8517">
        <v>23204.846249999999</v>
      </c>
      <c r="P8517">
        <v>38419.052280000004</v>
      </c>
      <c r="Q8517">
        <v>83020.585200000001</v>
      </c>
      <c r="R8517">
        <v>22550.864829999999</v>
      </c>
      <c r="S8517">
        <v>101745.2136</v>
      </c>
      <c r="T8517">
        <v>37393.474710000002</v>
      </c>
      <c r="U8517">
        <v>17281.336039999998</v>
      </c>
      <c r="W8517" s="83">
        <f>Bühler!N8549</f>
        <v>45646.791666646015</v>
      </c>
      <c r="X8517" s="83">
        <v>43455.791666666664</v>
      </c>
      <c r="Y8517">
        <v>217509.6611</v>
      </c>
      <c r="Z8517">
        <v>25752.037199999999</v>
      </c>
      <c r="AA8517">
        <v>86929.607279999997</v>
      </c>
      <c r="AB8517">
        <v>47374.508040000001</v>
      </c>
      <c r="AC8517">
        <v>46031.898880000001</v>
      </c>
      <c r="AD8517">
        <v>35868.225259999999</v>
      </c>
      <c r="AE8517">
        <v>31275.984520000002</v>
      </c>
      <c r="AF8517">
        <v>47109.523260000002</v>
      </c>
      <c r="AG8517">
        <v>33292.683490000003</v>
      </c>
      <c r="AH8517">
        <v>303760.12770000001</v>
      </c>
      <c r="AI8517">
        <v>77753.668919999996</v>
      </c>
      <c r="AJ8517">
        <v>23204.846249999999</v>
      </c>
      <c r="AK8517">
        <v>38419.052280000004</v>
      </c>
      <c r="AL8517">
        <v>83020.585200000001</v>
      </c>
      <c r="AM8517">
        <v>22550.864829999999</v>
      </c>
      <c r="AN8517">
        <v>101745.2136</v>
      </c>
      <c r="AO8517">
        <v>37393.474710000002</v>
      </c>
      <c r="AP8517">
        <v>17281.336039999998</v>
      </c>
    </row>
    <row r="8518" spans="2:42" x14ac:dyDescent="0.3">
      <c r="B8518">
        <v>58.062808528113699</v>
      </c>
      <c r="C8518" s="83">
        <v>43455.833333333336</v>
      </c>
      <c r="D8518">
        <v>209325.12520000001</v>
      </c>
      <c r="E8518">
        <v>19614.868880000002</v>
      </c>
      <c r="F8518">
        <v>67790.345759999997</v>
      </c>
      <c r="G8518">
        <v>44110.437720000002</v>
      </c>
      <c r="H8518">
        <v>43549.76298</v>
      </c>
      <c r="I8518">
        <v>32714.521830000002</v>
      </c>
      <c r="J8518">
        <v>30094.38163</v>
      </c>
      <c r="K8518">
        <v>53638.407030000002</v>
      </c>
      <c r="L8518">
        <v>32235.789980000001</v>
      </c>
      <c r="M8518">
        <v>296031.27500000002</v>
      </c>
      <c r="N8518">
        <v>75798.859599999996</v>
      </c>
      <c r="O8518">
        <v>22506.387180000002</v>
      </c>
      <c r="P8518">
        <v>38699.051330000002</v>
      </c>
      <c r="Q8518">
        <v>80201.003330000007</v>
      </c>
      <c r="R8518">
        <v>23928.58308</v>
      </c>
      <c r="S8518">
        <v>91546.454360000003</v>
      </c>
      <c r="T8518">
        <v>34943.484839999997</v>
      </c>
      <c r="U8518">
        <v>16223.5429</v>
      </c>
      <c r="W8518" s="83">
        <f>Bühler!N8550</f>
        <v>45646.833333312679</v>
      </c>
      <c r="X8518" s="83">
        <v>43455.833333333336</v>
      </c>
      <c r="Y8518">
        <v>209325.12520000001</v>
      </c>
      <c r="Z8518">
        <v>19614.868880000002</v>
      </c>
      <c r="AA8518">
        <v>67790.345759999997</v>
      </c>
      <c r="AB8518">
        <v>44110.437720000002</v>
      </c>
      <c r="AC8518">
        <v>43549.76298</v>
      </c>
      <c r="AD8518">
        <v>32714.521830000002</v>
      </c>
      <c r="AE8518">
        <v>30094.38163</v>
      </c>
      <c r="AF8518">
        <v>53638.407030000002</v>
      </c>
      <c r="AG8518">
        <v>32235.789980000001</v>
      </c>
      <c r="AH8518">
        <v>296031.27500000002</v>
      </c>
      <c r="AI8518">
        <v>75798.859599999996</v>
      </c>
      <c r="AJ8518">
        <v>22506.387180000002</v>
      </c>
      <c r="AK8518">
        <v>38699.051330000002</v>
      </c>
      <c r="AL8518">
        <v>80201.003330000007</v>
      </c>
      <c r="AM8518">
        <v>23928.58308</v>
      </c>
      <c r="AN8518">
        <v>91546.454360000003</v>
      </c>
      <c r="AO8518">
        <v>34943.484839999997</v>
      </c>
      <c r="AP8518">
        <v>16223.5429</v>
      </c>
    </row>
    <row r="8519" spans="2:42" x14ac:dyDescent="0.3">
      <c r="B8519">
        <v>56.724418815927677</v>
      </c>
      <c r="C8519" s="83">
        <v>43455.875</v>
      </c>
      <c r="D8519">
        <v>204828.59729999999</v>
      </c>
      <c r="E8519">
        <v>16703.380880000001</v>
      </c>
      <c r="F8519">
        <v>59303.51238</v>
      </c>
      <c r="G8519">
        <v>41432.868060000001</v>
      </c>
      <c r="H8519">
        <v>41383.45319</v>
      </c>
      <c r="I8519">
        <v>28235.281439999999</v>
      </c>
      <c r="J8519">
        <v>29187.676589999999</v>
      </c>
      <c r="K8519">
        <v>51569.608840000001</v>
      </c>
      <c r="L8519">
        <v>30880.285619999999</v>
      </c>
      <c r="M8519">
        <v>289207.54009999998</v>
      </c>
      <c r="N8519">
        <v>73344.253060000003</v>
      </c>
      <c r="O8519">
        <v>22013.123049999998</v>
      </c>
      <c r="P8519">
        <v>37065.953049999996</v>
      </c>
      <c r="Q8519">
        <v>77232.446500000005</v>
      </c>
      <c r="R8519">
        <v>22239.38666</v>
      </c>
      <c r="S8519">
        <v>85914.723530000003</v>
      </c>
      <c r="T8519">
        <v>32365.250520000001</v>
      </c>
      <c r="U8519">
        <v>15672.691210000001</v>
      </c>
      <c r="W8519" s="83">
        <f>Bühler!N8551</f>
        <v>45646.874999979344</v>
      </c>
      <c r="X8519" s="83">
        <v>43455.875</v>
      </c>
      <c r="Y8519">
        <v>204828.59729999999</v>
      </c>
      <c r="Z8519">
        <v>16703.380880000001</v>
      </c>
      <c r="AA8519">
        <v>59303.51238</v>
      </c>
      <c r="AB8519">
        <v>41432.868060000001</v>
      </c>
      <c r="AC8519">
        <v>41383.45319</v>
      </c>
      <c r="AD8519">
        <v>28235.281439999999</v>
      </c>
      <c r="AE8519">
        <v>29187.676589999999</v>
      </c>
      <c r="AF8519">
        <v>51569.608840000001</v>
      </c>
      <c r="AG8519">
        <v>30880.285619999999</v>
      </c>
      <c r="AH8519">
        <v>289207.54009999998</v>
      </c>
      <c r="AI8519">
        <v>73344.253060000003</v>
      </c>
      <c r="AJ8519">
        <v>22013.123049999998</v>
      </c>
      <c r="AK8519">
        <v>37065.953049999996</v>
      </c>
      <c r="AL8519">
        <v>77232.446500000005</v>
      </c>
      <c r="AM8519">
        <v>22239.38666</v>
      </c>
      <c r="AN8519">
        <v>85914.723530000003</v>
      </c>
      <c r="AO8519">
        <v>32365.250520000001</v>
      </c>
      <c r="AP8519">
        <v>15672.691210000001</v>
      </c>
    </row>
    <row r="8520" spans="2:42" x14ac:dyDescent="0.3">
      <c r="B8520">
        <v>56.570702630032571</v>
      </c>
      <c r="C8520" s="83">
        <v>43455.916666666664</v>
      </c>
      <c r="D8520">
        <v>202814.2573</v>
      </c>
      <c r="E8520">
        <v>15747.108130000001</v>
      </c>
      <c r="F8520">
        <v>55671.361660000002</v>
      </c>
      <c r="G8520">
        <v>40783.223819999999</v>
      </c>
      <c r="H8520">
        <v>39776.240850000002</v>
      </c>
      <c r="I8520">
        <v>26757.97393</v>
      </c>
      <c r="J8520">
        <v>28568.2192</v>
      </c>
      <c r="K8520">
        <v>54877.543709999998</v>
      </c>
      <c r="L8520">
        <v>28317.756839999998</v>
      </c>
      <c r="M8520">
        <v>288423.82329999999</v>
      </c>
      <c r="N8520">
        <v>72575.966039999999</v>
      </c>
      <c r="O8520">
        <v>22205.427360000001</v>
      </c>
      <c r="P8520">
        <v>40340.467299999997</v>
      </c>
      <c r="Q8520">
        <v>76020.146999999997</v>
      </c>
      <c r="R8520">
        <v>26825.919860000002</v>
      </c>
      <c r="S8520">
        <v>83395.176030000002</v>
      </c>
      <c r="T8520">
        <v>28969.28887</v>
      </c>
      <c r="U8520">
        <v>16297.90223</v>
      </c>
      <c r="W8520" s="83">
        <f>Bühler!N8552</f>
        <v>45646.916666646008</v>
      </c>
      <c r="X8520" s="83">
        <v>43455.916666666664</v>
      </c>
      <c r="Y8520">
        <v>202814.2573</v>
      </c>
      <c r="Z8520">
        <v>15747.108130000001</v>
      </c>
      <c r="AA8520">
        <v>55671.361660000002</v>
      </c>
      <c r="AB8520">
        <v>40783.223819999999</v>
      </c>
      <c r="AC8520">
        <v>39776.240850000002</v>
      </c>
      <c r="AD8520">
        <v>26757.97393</v>
      </c>
      <c r="AE8520">
        <v>28568.2192</v>
      </c>
      <c r="AF8520">
        <v>54877.543709999998</v>
      </c>
      <c r="AG8520">
        <v>28317.756839999998</v>
      </c>
      <c r="AH8520">
        <v>288423.82329999999</v>
      </c>
      <c r="AI8520">
        <v>72575.966039999999</v>
      </c>
      <c r="AJ8520">
        <v>22205.427360000001</v>
      </c>
      <c r="AK8520">
        <v>40340.467299999997</v>
      </c>
      <c r="AL8520">
        <v>76020.146999999997</v>
      </c>
      <c r="AM8520">
        <v>26825.919860000002</v>
      </c>
      <c r="AN8520">
        <v>83395.176030000002</v>
      </c>
      <c r="AO8520">
        <v>28969.28887</v>
      </c>
      <c r="AP8520">
        <v>16297.90223</v>
      </c>
    </row>
    <row r="8521" spans="2:42" x14ac:dyDescent="0.3">
      <c r="B8521">
        <v>55.435249218805481</v>
      </c>
      <c r="C8521" s="83">
        <v>43455.958333333336</v>
      </c>
      <c r="D8521">
        <v>200326.07089999999</v>
      </c>
      <c r="E8521">
        <v>15224.234409999999</v>
      </c>
      <c r="F8521">
        <v>53922.887799999997</v>
      </c>
      <c r="G8521">
        <v>40614.80227</v>
      </c>
      <c r="H8521">
        <v>39327.232320000003</v>
      </c>
      <c r="I8521">
        <v>25446.2896</v>
      </c>
      <c r="J8521">
        <v>26814.011900000001</v>
      </c>
      <c r="K8521">
        <v>54713.051549999996</v>
      </c>
      <c r="L8521">
        <v>24746.554370000002</v>
      </c>
      <c r="M8521">
        <v>282634.75229999999</v>
      </c>
      <c r="N8521">
        <v>72137.964959999998</v>
      </c>
      <c r="O8521">
        <v>22008.351259999999</v>
      </c>
      <c r="P8521">
        <v>36088.878649999999</v>
      </c>
      <c r="Q8521">
        <v>75175.306760000007</v>
      </c>
      <c r="R8521">
        <v>26165.420709999999</v>
      </c>
      <c r="S8521">
        <v>82284.689830000003</v>
      </c>
      <c r="T8521">
        <v>30310.477510000001</v>
      </c>
      <c r="U8521">
        <v>15230.787420000001</v>
      </c>
      <c r="W8521" s="83">
        <f>Bühler!N8553</f>
        <v>45646.958333312672</v>
      </c>
      <c r="X8521" s="83">
        <v>43455.958333333336</v>
      </c>
      <c r="Y8521">
        <v>200326.07089999999</v>
      </c>
      <c r="Z8521">
        <v>15224.234409999999</v>
      </c>
      <c r="AA8521">
        <v>53922.887799999997</v>
      </c>
      <c r="AB8521">
        <v>40614.80227</v>
      </c>
      <c r="AC8521">
        <v>39327.232320000003</v>
      </c>
      <c r="AD8521">
        <v>25446.2896</v>
      </c>
      <c r="AE8521">
        <v>26814.011900000001</v>
      </c>
      <c r="AF8521">
        <v>54713.051549999996</v>
      </c>
      <c r="AG8521">
        <v>24746.554370000002</v>
      </c>
      <c r="AH8521">
        <v>282634.75229999999</v>
      </c>
      <c r="AI8521">
        <v>72137.964959999998</v>
      </c>
      <c r="AJ8521">
        <v>22008.351259999999</v>
      </c>
      <c r="AK8521">
        <v>36088.878649999999</v>
      </c>
      <c r="AL8521">
        <v>75175.306760000007</v>
      </c>
      <c r="AM8521">
        <v>26165.420709999999</v>
      </c>
      <c r="AN8521">
        <v>82284.689830000003</v>
      </c>
      <c r="AO8521">
        <v>30310.477510000001</v>
      </c>
      <c r="AP8521">
        <v>15230.787420000001</v>
      </c>
    </row>
    <row r="8522" spans="2:42" x14ac:dyDescent="0.3">
      <c r="B8522">
        <v>54.181501293199247</v>
      </c>
      <c r="C8522" s="83">
        <v>43456</v>
      </c>
      <c r="D8522">
        <v>197652.57889999999</v>
      </c>
      <c r="E8522">
        <v>15042.337810000001</v>
      </c>
      <c r="F8522">
        <v>53207.705620000001</v>
      </c>
      <c r="G8522">
        <v>40190.143230000001</v>
      </c>
      <c r="H8522">
        <v>38032.6374</v>
      </c>
      <c r="I8522">
        <v>24329.55947</v>
      </c>
      <c r="J8522">
        <v>25282.402679999999</v>
      </c>
      <c r="K8522">
        <v>52452.492559999999</v>
      </c>
      <c r="L8522">
        <v>21869.731830000001</v>
      </c>
      <c r="M8522">
        <v>276242.56069999997</v>
      </c>
      <c r="N8522">
        <v>70438.478130000003</v>
      </c>
      <c r="O8522">
        <v>22437.113679999999</v>
      </c>
      <c r="P8522">
        <v>32985.598480000001</v>
      </c>
      <c r="Q8522">
        <v>74399.213480000006</v>
      </c>
      <c r="R8522">
        <v>24451.513989999999</v>
      </c>
      <c r="S8522">
        <v>80573.513590000002</v>
      </c>
      <c r="T8522">
        <v>28316.73157</v>
      </c>
      <c r="U8522">
        <v>15400.29125</v>
      </c>
      <c r="W8522" s="83">
        <f>Bühler!N8554</f>
        <v>45646.999999979336</v>
      </c>
      <c r="X8522" s="83">
        <v>43456</v>
      </c>
      <c r="Y8522">
        <v>197652.57889999999</v>
      </c>
      <c r="Z8522">
        <v>15042.337810000001</v>
      </c>
      <c r="AA8522">
        <v>53207.705620000001</v>
      </c>
      <c r="AB8522">
        <v>40190.143230000001</v>
      </c>
      <c r="AC8522">
        <v>38032.6374</v>
      </c>
      <c r="AD8522">
        <v>24329.55947</v>
      </c>
      <c r="AE8522">
        <v>25282.402679999999</v>
      </c>
      <c r="AF8522">
        <v>52452.492559999999</v>
      </c>
      <c r="AG8522">
        <v>21869.731830000001</v>
      </c>
      <c r="AH8522">
        <v>276242.56069999997</v>
      </c>
      <c r="AI8522">
        <v>70438.478130000003</v>
      </c>
      <c r="AJ8522">
        <v>22437.113679999999</v>
      </c>
      <c r="AK8522">
        <v>32985.598480000001</v>
      </c>
      <c r="AL8522">
        <v>74399.213480000006</v>
      </c>
      <c r="AM8522">
        <v>24451.513989999999</v>
      </c>
      <c r="AN8522">
        <v>80573.513590000002</v>
      </c>
      <c r="AO8522">
        <v>28316.73157</v>
      </c>
      <c r="AP8522">
        <v>15400.29125</v>
      </c>
    </row>
    <row r="8523" spans="2:42" x14ac:dyDescent="0.3">
      <c r="B8523">
        <v>53.094884881826609</v>
      </c>
      <c r="C8523" s="83">
        <v>43456.041666666664</v>
      </c>
      <c r="D8523">
        <v>193686.3113</v>
      </c>
      <c r="E8523">
        <v>14992.24971</v>
      </c>
      <c r="F8523">
        <v>54089.689639999997</v>
      </c>
      <c r="G8523">
        <v>39909.778409999999</v>
      </c>
      <c r="H8523">
        <v>37697.400139999998</v>
      </c>
      <c r="I8523">
        <v>21457.001329999999</v>
      </c>
      <c r="J8523">
        <v>24757.624299999999</v>
      </c>
      <c r="K8523">
        <v>50163.776259999999</v>
      </c>
      <c r="L8523">
        <v>19901.39688</v>
      </c>
      <c r="M8523">
        <v>270702.48349999997</v>
      </c>
      <c r="N8523">
        <v>69335.200580000004</v>
      </c>
      <c r="O8523">
        <v>22770.755519999999</v>
      </c>
      <c r="P8523">
        <v>31447.02922</v>
      </c>
      <c r="Q8523">
        <v>74518.884279999998</v>
      </c>
      <c r="R8523">
        <v>24188.496169999999</v>
      </c>
      <c r="S8523">
        <v>79887.143070000006</v>
      </c>
      <c r="T8523">
        <v>27638.656910000002</v>
      </c>
      <c r="U8523">
        <v>15606.81755</v>
      </c>
      <c r="W8523" s="83">
        <f>Bühler!N8555</f>
        <v>45647.041666646001</v>
      </c>
      <c r="X8523" s="83">
        <v>43456.041666666664</v>
      </c>
      <c r="Y8523">
        <v>193686.3113</v>
      </c>
      <c r="Z8523">
        <v>14992.24971</v>
      </c>
      <c r="AA8523">
        <v>54089.689639999997</v>
      </c>
      <c r="AB8523">
        <v>39909.778409999999</v>
      </c>
      <c r="AC8523">
        <v>37697.400139999998</v>
      </c>
      <c r="AD8523">
        <v>21457.001329999999</v>
      </c>
      <c r="AE8523">
        <v>24757.624299999999</v>
      </c>
      <c r="AF8523">
        <v>50163.776259999999</v>
      </c>
      <c r="AG8523">
        <v>19901.39688</v>
      </c>
      <c r="AH8523">
        <v>270702.48349999997</v>
      </c>
      <c r="AI8523">
        <v>69335.200580000004</v>
      </c>
      <c r="AJ8523">
        <v>22770.755519999999</v>
      </c>
      <c r="AK8523">
        <v>31447.02922</v>
      </c>
      <c r="AL8523">
        <v>74518.884279999998</v>
      </c>
      <c r="AM8523">
        <v>24188.496169999999</v>
      </c>
      <c r="AN8523">
        <v>79887.143070000006</v>
      </c>
      <c r="AO8523">
        <v>27638.656910000002</v>
      </c>
      <c r="AP8523">
        <v>15606.81755</v>
      </c>
    </row>
    <row r="8524" spans="2:42" x14ac:dyDescent="0.3">
      <c r="B8524">
        <v>53.32727098002443</v>
      </c>
      <c r="C8524" s="83">
        <v>43456.083333333336</v>
      </c>
      <c r="D8524">
        <v>189812.5722</v>
      </c>
      <c r="E8524">
        <v>14857.263220000001</v>
      </c>
      <c r="F8524">
        <v>54906.531949999997</v>
      </c>
      <c r="G8524">
        <v>39502.902609999997</v>
      </c>
      <c r="H8524">
        <v>37428.115870000001</v>
      </c>
      <c r="I8524">
        <v>19632.310600000001</v>
      </c>
      <c r="J8524">
        <v>24731.34247</v>
      </c>
      <c r="K8524">
        <v>48405.820240000001</v>
      </c>
      <c r="L8524">
        <v>18934.570759999999</v>
      </c>
      <c r="M8524">
        <v>271887.29619999998</v>
      </c>
      <c r="N8524">
        <v>69094.566380000004</v>
      </c>
      <c r="O8524">
        <v>23006.753570000001</v>
      </c>
      <c r="P8524">
        <v>30477.662319999999</v>
      </c>
      <c r="Q8524">
        <v>75193.811470000001</v>
      </c>
      <c r="R8524">
        <v>22538.32648</v>
      </c>
      <c r="S8524">
        <v>79606.195519999994</v>
      </c>
      <c r="T8524">
        <v>27044.072789999998</v>
      </c>
      <c r="U8524">
        <v>15704.897940000001</v>
      </c>
      <c r="W8524" s="83">
        <f>Bühler!N8556</f>
        <v>45647.083333312665</v>
      </c>
      <c r="X8524" s="83">
        <v>43456.083333333336</v>
      </c>
      <c r="Y8524">
        <v>189812.5722</v>
      </c>
      <c r="Z8524">
        <v>14857.263220000001</v>
      </c>
      <c r="AA8524">
        <v>54906.531949999997</v>
      </c>
      <c r="AB8524">
        <v>39502.902609999997</v>
      </c>
      <c r="AC8524">
        <v>37428.115870000001</v>
      </c>
      <c r="AD8524">
        <v>19632.310600000001</v>
      </c>
      <c r="AE8524">
        <v>24731.34247</v>
      </c>
      <c r="AF8524">
        <v>48405.820240000001</v>
      </c>
      <c r="AG8524">
        <v>18934.570759999999</v>
      </c>
      <c r="AH8524">
        <v>271887.29619999998</v>
      </c>
      <c r="AI8524">
        <v>69094.566380000004</v>
      </c>
      <c r="AJ8524">
        <v>23006.753570000001</v>
      </c>
      <c r="AK8524">
        <v>30477.662319999999</v>
      </c>
      <c r="AL8524">
        <v>75193.811470000001</v>
      </c>
      <c r="AM8524">
        <v>22538.32648</v>
      </c>
      <c r="AN8524">
        <v>79606.195519999994</v>
      </c>
      <c r="AO8524">
        <v>27044.072789999998</v>
      </c>
      <c r="AP8524">
        <v>15704.897940000001</v>
      </c>
    </row>
    <row r="8525" spans="2:42" x14ac:dyDescent="0.3">
      <c r="B8525">
        <v>52.281646876138488</v>
      </c>
      <c r="C8525" s="83">
        <v>43456.125</v>
      </c>
      <c r="D8525">
        <v>185425.60939999999</v>
      </c>
      <c r="E8525">
        <v>15045.622230000001</v>
      </c>
      <c r="F8525">
        <v>54766.494659999997</v>
      </c>
      <c r="G8525">
        <v>38465.754079999999</v>
      </c>
      <c r="H8525">
        <v>37530.08051</v>
      </c>
      <c r="I8525">
        <v>18814.201949999999</v>
      </c>
      <c r="J8525">
        <v>24836.749609999999</v>
      </c>
      <c r="K8525">
        <v>47687.883500000004</v>
      </c>
      <c r="L8525">
        <v>18555.5399</v>
      </c>
      <c r="M8525">
        <v>266556.2169</v>
      </c>
      <c r="N8525">
        <v>69383.107220000005</v>
      </c>
      <c r="O8525">
        <v>22905.235489999999</v>
      </c>
      <c r="P8525">
        <v>29199.80934</v>
      </c>
      <c r="Q8525">
        <v>75016.648579999994</v>
      </c>
      <c r="R8525">
        <v>22332.718359999999</v>
      </c>
      <c r="S8525">
        <v>78507.412280000004</v>
      </c>
      <c r="T8525">
        <v>27034.98934</v>
      </c>
      <c r="U8525">
        <v>15754.8467</v>
      </c>
      <c r="W8525" s="83">
        <f>Bühler!N8557</f>
        <v>45647.124999979329</v>
      </c>
      <c r="X8525" s="83">
        <v>43456.125</v>
      </c>
      <c r="Y8525">
        <v>185425.60939999999</v>
      </c>
      <c r="Z8525">
        <v>15045.622230000001</v>
      </c>
      <c r="AA8525">
        <v>54766.494659999997</v>
      </c>
      <c r="AB8525">
        <v>38465.754079999999</v>
      </c>
      <c r="AC8525">
        <v>37530.08051</v>
      </c>
      <c r="AD8525">
        <v>18814.201949999999</v>
      </c>
      <c r="AE8525">
        <v>24836.749609999999</v>
      </c>
      <c r="AF8525">
        <v>47687.883500000004</v>
      </c>
      <c r="AG8525">
        <v>18555.5399</v>
      </c>
      <c r="AH8525">
        <v>266556.2169</v>
      </c>
      <c r="AI8525">
        <v>69383.107220000005</v>
      </c>
      <c r="AJ8525">
        <v>22905.235489999999</v>
      </c>
      <c r="AK8525">
        <v>29199.80934</v>
      </c>
      <c r="AL8525">
        <v>75016.648579999994</v>
      </c>
      <c r="AM8525">
        <v>22332.718359999999</v>
      </c>
      <c r="AN8525">
        <v>78507.412280000004</v>
      </c>
      <c r="AO8525">
        <v>27034.98934</v>
      </c>
      <c r="AP8525">
        <v>15754.8467</v>
      </c>
    </row>
    <row r="8526" spans="2:42" x14ac:dyDescent="0.3">
      <c r="B8526">
        <v>51.537838180415015</v>
      </c>
      <c r="C8526" s="83">
        <v>43456.166666666664</v>
      </c>
      <c r="D8526">
        <v>180059.5558</v>
      </c>
      <c r="E8526">
        <v>15112.93453</v>
      </c>
      <c r="F8526">
        <v>59833.216540000001</v>
      </c>
      <c r="G8526">
        <v>37828.662969999998</v>
      </c>
      <c r="H8526">
        <v>37265.044269999999</v>
      </c>
      <c r="I8526">
        <v>19980.086930000001</v>
      </c>
      <c r="J8526">
        <v>25854.211609999998</v>
      </c>
      <c r="K8526">
        <v>45918.655680000003</v>
      </c>
      <c r="L8526">
        <v>18367.938040000001</v>
      </c>
      <c r="M8526">
        <v>262763.93329999998</v>
      </c>
      <c r="N8526">
        <v>68573.991110000003</v>
      </c>
      <c r="O8526">
        <v>22537.43879</v>
      </c>
      <c r="P8526">
        <v>28473.313870000002</v>
      </c>
      <c r="Q8526">
        <v>75327.02936</v>
      </c>
      <c r="R8526">
        <v>22876.202969999998</v>
      </c>
      <c r="S8526">
        <v>78990.839970000001</v>
      </c>
      <c r="T8526">
        <v>26986.813699999999</v>
      </c>
      <c r="U8526">
        <v>16066.78456</v>
      </c>
      <c r="W8526" s="83">
        <f>Bühler!N8558</f>
        <v>45647.166666645993</v>
      </c>
      <c r="X8526" s="83">
        <v>43456.166666666664</v>
      </c>
      <c r="Y8526">
        <v>180059.5558</v>
      </c>
      <c r="Z8526">
        <v>15112.93453</v>
      </c>
      <c r="AA8526">
        <v>59833.216540000001</v>
      </c>
      <c r="AB8526">
        <v>37828.662969999998</v>
      </c>
      <c r="AC8526">
        <v>37265.044269999999</v>
      </c>
      <c r="AD8526">
        <v>19980.086930000001</v>
      </c>
      <c r="AE8526">
        <v>25854.211609999998</v>
      </c>
      <c r="AF8526">
        <v>45918.655680000003</v>
      </c>
      <c r="AG8526">
        <v>18367.938040000001</v>
      </c>
      <c r="AH8526">
        <v>262763.93329999998</v>
      </c>
      <c r="AI8526">
        <v>68573.991110000003</v>
      </c>
      <c r="AJ8526">
        <v>22537.43879</v>
      </c>
      <c r="AK8526">
        <v>28473.313870000002</v>
      </c>
      <c r="AL8526">
        <v>75327.02936</v>
      </c>
      <c r="AM8526">
        <v>22876.202969999998</v>
      </c>
      <c r="AN8526">
        <v>78990.839970000001</v>
      </c>
      <c r="AO8526">
        <v>26986.813699999999</v>
      </c>
      <c r="AP8526">
        <v>16066.78456</v>
      </c>
    </row>
    <row r="8527" spans="2:42" x14ac:dyDescent="0.3">
      <c r="B8527">
        <v>51.338150797638356</v>
      </c>
      <c r="C8527" s="83">
        <v>43456.208333333336</v>
      </c>
      <c r="D8527">
        <v>175628.75109999999</v>
      </c>
      <c r="E8527">
        <v>15917.05651</v>
      </c>
      <c r="F8527">
        <v>69833.771569999997</v>
      </c>
      <c r="G8527">
        <v>37948.552519999997</v>
      </c>
      <c r="H8527">
        <v>38143.898930000003</v>
      </c>
      <c r="I8527">
        <v>26150.463</v>
      </c>
      <c r="J8527">
        <v>27978.168099999999</v>
      </c>
      <c r="K8527">
        <v>44290.52966</v>
      </c>
      <c r="L8527">
        <v>18836.227869999999</v>
      </c>
      <c r="M8527">
        <v>261745.8339</v>
      </c>
      <c r="N8527">
        <v>67124.255690000005</v>
      </c>
      <c r="O8527">
        <v>23043.305110000001</v>
      </c>
      <c r="P8527">
        <v>29340.391490000002</v>
      </c>
      <c r="Q8527">
        <v>73175.628790000002</v>
      </c>
      <c r="R8527">
        <v>23399.350060000001</v>
      </c>
      <c r="S8527">
        <v>80855.617620000005</v>
      </c>
      <c r="T8527">
        <v>27733.35109</v>
      </c>
      <c r="U8527">
        <v>16283.732840000001</v>
      </c>
      <c r="W8527" s="83">
        <f>Bühler!N8559</f>
        <v>45647.208333312657</v>
      </c>
      <c r="X8527" s="83">
        <v>43456.208333333336</v>
      </c>
      <c r="Y8527">
        <v>175628.75109999999</v>
      </c>
      <c r="Z8527">
        <v>15917.05651</v>
      </c>
      <c r="AA8527">
        <v>69833.771569999997</v>
      </c>
      <c r="AB8527">
        <v>37948.552519999997</v>
      </c>
      <c r="AC8527">
        <v>38143.898930000003</v>
      </c>
      <c r="AD8527">
        <v>26150.463</v>
      </c>
      <c r="AE8527">
        <v>27978.168099999999</v>
      </c>
      <c r="AF8527">
        <v>44290.52966</v>
      </c>
      <c r="AG8527">
        <v>18836.227869999999</v>
      </c>
      <c r="AH8527">
        <v>261745.8339</v>
      </c>
      <c r="AI8527">
        <v>67124.255690000005</v>
      </c>
      <c r="AJ8527">
        <v>23043.305110000001</v>
      </c>
      <c r="AK8527">
        <v>29340.391490000002</v>
      </c>
      <c r="AL8527">
        <v>73175.628790000002</v>
      </c>
      <c r="AM8527">
        <v>23399.350060000001</v>
      </c>
      <c r="AN8527">
        <v>80855.617620000005</v>
      </c>
      <c r="AO8527">
        <v>27733.35109</v>
      </c>
      <c r="AP8527">
        <v>16283.732840000001</v>
      </c>
    </row>
    <row r="8528" spans="2:42" x14ac:dyDescent="0.3">
      <c r="B8528">
        <v>52.072456282641127</v>
      </c>
      <c r="C8528" s="83">
        <v>43456.25</v>
      </c>
      <c r="D8528">
        <v>177045.76500000001</v>
      </c>
      <c r="E8528">
        <v>17918.48775</v>
      </c>
      <c r="F8528">
        <v>83173.819510000001</v>
      </c>
      <c r="G8528">
        <v>39727.424879999999</v>
      </c>
      <c r="H8528">
        <v>39301.954089999999</v>
      </c>
      <c r="I8528">
        <v>29226.398440000001</v>
      </c>
      <c r="J8528">
        <v>30558.312099999999</v>
      </c>
      <c r="K8528">
        <v>43212.493260000003</v>
      </c>
      <c r="L8528">
        <v>20213.777669999999</v>
      </c>
      <c r="M8528">
        <v>265489.66570000001</v>
      </c>
      <c r="N8528">
        <v>65162.802669999997</v>
      </c>
      <c r="O8528">
        <v>22195.040110000002</v>
      </c>
      <c r="P8528">
        <v>29882.931949999998</v>
      </c>
      <c r="Q8528">
        <v>71281.36318</v>
      </c>
      <c r="R8528">
        <v>20790.20465</v>
      </c>
      <c r="S8528">
        <v>86802.311319999993</v>
      </c>
      <c r="T8528">
        <v>29209.964629999999</v>
      </c>
      <c r="U8528">
        <v>15678.241770000001</v>
      </c>
      <c r="W8528" s="83">
        <f>Bühler!N8560</f>
        <v>45647.249999979322</v>
      </c>
      <c r="X8528" s="83">
        <v>43456.25</v>
      </c>
      <c r="Y8528">
        <v>177045.76500000001</v>
      </c>
      <c r="Z8528">
        <v>17918.48775</v>
      </c>
      <c r="AA8528">
        <v>83173.819510000001</v>
      </c>
      <c r="AB8528">
        <v>39727.424879999999</v>
      </c>
      <c r="AC8528">
        <v>39301.954089999999</v>
      </c>
      <c r="AD8528">
        <v>29226.398440000001</v>
      </c>
      <c r="AE8528">
        <v>30558.312099999999</v>
      </c>
      <c r="AF8528">
        <v>43212.493260000003</v>
      </c>
      <c r="AG8528">
        <v>20213.777669999999</v>
      </c>
      <c r="AH8528">
        <v>265489.66570000001</v>
      </c>
      <c r="AI8528">
        <v>65162.802669999997</v>
      </c>
      <c r="AJ8528">
        <v>22195.040110000002</v>
      </c>
      <c r="AK8528">
        <v>29882.931949999998</v>
      </c>
      <c r="AL8528">
        <v>71281.36318</v>
      </c>
      <c r="AM8528">
        <v>20790.20465</v>
      </c>
      <c r="AN8528">
        <v>86802.311319999993</v>
      </c>
      <c r="AO8528">
        <v>29209.964629999999</v>
      </c>
      <c r="AP8528">
        <v>15678.241770000001</v>
      </c>
    </row>
    <row r="8529" spans="2:42" x14ac:dyDescent="0.3">
      <c r="B8529">
        <v>51.447412634951249</v>
      </c>
      <c r="C8529" s="83">
        <v>43456.291666666664</v>
      </c>
      <c r="D8529">
        <v>179097.4553</v>
      </c>
      <c r="E8529">
        <v>21226.735489999999</v>
      </c>
      <c r="F8529">
        <v>87686.581130000006</v>
      </c>
      <c r="G8529">
        <v>41615.09102</v>
      </c>
      <c r="H8529">
        <v>40096.759570000002</v>
      </c>
      <c r="I8529">
        <v>32201.433389999998</v>
      </c>
      <c r="J8529">
        <v>31910.96153</v>
      </c>
      <c r="K8529">
        <v>43328.960120000003</v>
      </c>
      <c r="L8529">
        <v>22304.799029999998</v>
      </c>
      <c r="M8529">
        <v>262302.90169999999</v>
      </c>
      <c r="N8529">
        <v>67953.854550000004</v>
      </c>
      <c r="O8529">
        <v>22681.375209999998</v>
      </c>
      <c r="P8529">
        <v>32004.042379999999</v>
      </c>
      <c r="Q8529">
        <v>68643.017909999995</v>
      </c>
      <c r="R8529">
        <v>21658.270860000001</v>
      </c>
      <c r="S8529">
        <v>94958.484849999993</v>
      </c>
      <c r="T8529">
        <v>28621.151969999999</v>
      </c>
      <c r="U8529">
        <v>16198.47191</v>
      </c>
      <c r="W8529" s="83">
        <f>Bühler!N8561</f>
        <v>45647.291666645986</v>
      </c>
      <c r="X8529" s="83">
        <v>43456.291666666664</v>
      </c>
      <c r="Y8529">
        <v>179097.4553</v>
      </c>
      <c r="Z8529">
        <v>21226.735489999999</v>
      </c>
      <c r="AA8529">
        <v>87686.581130000006</v>
      </c>
      <c r="AB8529">
        <v>41615.09102</v>
      </c>
      <c r="AC8529">
        <v>40096.759570000002</v>
      </c>
      <c r="AD8529">
        <v>32201.433389999998</v>
      </c>
      <c r="AE8529">
        <v>31910.96153</v>
      </c>
      <c r="AF8529">
        <v>43328.960120000003</v>
      </c>
      <c r="AG8529">
        <v>22304.799029999998</v>
      </c>
      <c r="AH8529">
        <v>262302.90169999999</v>
      </c>
      <c r="AI8529">
        <v>67953.854550000004</v>
      </c>
      <c r="AJ8529">
        <v>22681.375209999998</v>
      </c>
      <c r="AK8529">
        <v>32004.042379999999</v>
      </c>
      <c r="AL8529">
        <v>68643.017909999995</v>
      </c>
      <c r="AM8529">
        <v>21658.270860000001</v>
      </c>
      <c r="AN8529">
        <v>94958.484849999993</v>
      </c>
      <c r="AO8529">
        <v>28621.151969999999</v>
      </c>
      <c r="AP8529">
        <v>16198.47191</v>
      </c>
    </row>
    <row r="8530" spans="2:42" x14ac:dyDescent="0.3">
      <c r="B8530">
        <v>50.946770691118985</v>
      </c>
      <c r="C8530" s="83">
        <v>43456.333333333336</v>
      </c>
      <c r="D8530">
        <v>177544.98190000001</v>
      </c>
      <c r="E8530">
        <v>24178.47997</v>
      </c>
      <c r="F8530">
        <v>93448.772880000004</v>
      </c>
      <c r="G8530">
        <v>41761.159509999998</v>
      </c>
      <c r="H8530">
        <v>40277.004849999998</v>
      </c>
      <c r="I8530">
        <v>33312.057719999997</v>
      </c>
      <c r="J8530">
        <v>31576.072680000001</v>
      </c>
      <c r="K8530">
        <v>43197.566440000002</v>
      </c>
      <c r="L8530">
        <v>25081.198759999999</v>
      </c>
      <c r="M8530">
        <v>259750.39559999999</v>
      </c>
      <c r="N8530">
        <v>70386.732269999993</v>
      </c>
      <c r="O8530">
        <v>23239.62153</v>
      </c>
      <c r="P8530">
        <v>33756.449840000001</v>
      </c>
      <c r="Q8530">
        <v>67540.301649999994</v>
      </c>
      <c r="R8530">
        <v>20595.123080000001</v>
      </c>
      <c r="S8530">
        <v>99866.827839999998</v>
      </c>
      <c r="T8530">
        <v>30324.473160000001</v>
      </c>
      <c r="U8530">
        <v>16334.030269999999</v>
      </c>
      <c r="W8530" s="83">
        <f>Bühler!N8562</f>
        <v>45647.33333331265</v>
      </c>
      <c r="X8530" s="83">
        <v>43456.333333333336</v>
      </c>
      <c r="Y8530">
        <v>177544.98190000001</v>
      </c>
      <c r="Z8530">
        <v>24178.47997</v>
      </c>
      <c r="AA8530">
        <v>93448.772880000004</v>
      </c>
      <c r="AB8530">
        <v>41761.159509999998</v>
      </c>
      <c r="AC8530">
        <v>40277.004849999998</v>
      </c>
      <c r="AD8530">
        <v>33312.057719999997</v>
      </c>
      <c r="AE8530">
        <v>31576.072680000001</v>
      </c>
      <c r="AF8530">
        <v>43197.566440000002</v>
      </c>
      <c r="AG8530">
        <v>25081.198759999999</v>
      </c>
      <c r="AH8530">
        <v>259750.39559999999</v>
      </c>
      <c r="AI8530">
        <v>70386.732269999993</v>
      </c>
      <c r="AJ8530">
        <v>23239.62153</v>
      </c>
      <c r="AK8530">
        <v>33756.449840000001</v>
      </c>
      <c r="AL8530">
        <v>67540.301649999994</v>
      </c>
      <c r="AM8530">
        <v>20595.123080000001</v>
      </c>
      <c r="AN8530">
        <v>99866.827839999998</v>
      </c>
      <c r="AO8530">
        <v>30324.473160000001</v>
      </c>
      <c r="AP8530">
        <v>16334.030269999999</v>
      </c>
    </row>
    <row r="8531" spans="2:42" x14ac:dyDescent="0.3">
      <c r="B8531">
        <v>50.012393570533206</v>
      </c>
      <c r="C8531" s="83">
        <v>43456.375</v>
      </c>
      <c r="D8531">
        <v>175860.2427</v>
      </c>
      <c r="E8531">
        <v>27475.543170000001</v>
      </c>
      <c r="F8531">
        <v>97219.363530000002</v>
      </c>
      <c r="G8531">
        <v>41730.892509999998</v>
      </c>
      <c r="H8531">
        <v>39168.946199999998</v>
      </c>
      <c r="I8531">
        <v>32013.020820000002</v>
      </c>
      <c r="J8531">
        <v>30635.879949999999</v>
      </c>
      <c r="K8531">
        <v>41326.989500000003</v>
      </c>
      <c r="L8531">
        <v>26638.528610000001</v>
      </c>
      <c r="M8531">
        <v>254986.50529999999</v>
      </c>
      <c r="N8531">
        <v>73191.319499999998</v>
      </c>
      <c r="O8531">
        <v>22596.425640000001</v>
      </c>
      <c r="P8531">
        <v>34879.854939999997</v>
      </c>
      <c r="Q8531">
        <v>65964.835829999996</v>
      </c>
      <c r="R8531">
        <v>18477.762360000001</v>
      </c>
      <c r="S8531">
        <v>99768.373399999997</v>
      </c>
      <c r="T8531">
        <v>30589.129229999999</v>
      </c>
      <c r="U8531">
        <v>15382.347529999999</v>
      </c>
      <c r="W8531" s="83">
        <f>Bühler!N8563</f>
        <v>45647.374999979314</v>
      </c>
      <c r="X8531" s="83">
        <v>43456.375</v>
      </c>
      <c r="Y8531">
        <v>175860.2427</v>
      </c>
      <c r="Z8531">
        <v>27475.543170000001</v>
      </c>
      <c r="AA8531">
        <v>97219.363530000002</v>
      </c>
      <c r="AB8531">
        <v>41730.892509999998</v>
      </c>
      <c r="AC8531">
        <v>39168.946199999998</v>
      </c>
      <c r="AD8531">
        <v>32013.020820000002</v>
      </c>
      <c r="AE8531">
        <v>30635.879949999999</v>
      </c>
      <c r="AF8531">
        <v>41326.989500000003</v>
      </c>
      <c r="AG8531">
        <v>26638.528610000001</v>
      </c>
      <c r="AH8531">
        <v>254986.50529999999</v>
      </c>
      <c r="AI8531">
        <v>73191.319499999998</v>
      </c>
      <c r="AJ8531">
        <v>22596.425640000001</v>
      </c>
      <c r="AK8531">
        <v>34879.854939999997</v>
      </c>
      <c r="AL8531">
        <v>65964.835829999996</v>
      </c>
      <c r="AM8531">
        <v>18477.762360000001</v>
      </c>
      <c r="AN8531">
        <v>99768.373399999997</v>
      </c>
      <c r="AO8531">
        <v>30589.129229999999</v>
      </c>
      <c r="AP8531">
        <v>15382.347529999999</v>
      </c>
    </row>
    <row r="8532" spans="2:42" x14ac:dyDescent="0.3">
      <c r="B8532">
        <v>50.094694241334345</v>
      </c>
      <c r="C8532" s="83">
        <v>43456.416666666664</v>
      </c>
      <c r="D8532">
        <v>173796.29759999999</v>
      </c>
      <c r="E8532">
        <v>28495.607220000002</v>
      </c>
      <c r="F8532">
        <v>96814.420450000005</v>
      </c>
      <c r="G8532">
        <v>41470.843399999998</v>
      </c>
      <c r="H8532">
        <v>39602.036679999997</v>
      </c>
      <c r="I8532">
        <v>30993.601640000001</v>
      </c>
      <c r="J8532">
        <v>29678.259750000001</v>
      </c>
      <c r="K8532">
        <v>42515.20607</v>
      </c>
      <c r="L8532">
        <v>28809.75059</v>
      </c>
      <c r="M8532">
        <v>255406.11249999999</v>
      </c>
      <c r="N8532">
        <v>75065.753670000006</v>
      </c>
      <c r="O8532">
        <v>22576.933239999998</v>
      </c>
      <c r="P8532">
        <v>35092.565009999998</v>
      </c>
      <c r="Q8532">
        <v>64633.536569999997</v>
      </c>
      <c r="R8532">
        <v>19329.651999999998</v>
      </c>
      <c r="S8532">
        <v>98171.265440000003</v>
      </c>
      <c r="T8532">
        <v>32741.923129999999</v>
      </c>
      <c r="U8532">
        <v>15045.308129999999</v>
      </c>
      <c r="W8532" s="83">
        <f>Bühler!N8564</f>
        <v>45647.416666645979</v>
      </c>
      <c r="X8532" s="83">
        <v>43456.416666666664</v>
      </c>
      <c r="Y8532">
        <v>173796.29759999999</v>
      </c>
      <c r="Z8532">
        <v>28495.607220000002</v>
      </c>
      <c r="AA8532">
        <v>96814.420450000005</v>
      </c>
      <c r="AB8532">
        <v>41470.843399999998</v>
      </c>
      <c r="AC8532">
        <v>39602.036679999997</v>
      </c>
      <c r="AD8532">
        <v>30993.601640000001</v>
      </c>
      <c r="AE8532">
        <v>29678.259750000001</v>
      </c>
      <c r="AF8532">
        <v>42515.20607</v>
      </c>
      <c r="AG8532">
        <v>28809.75059</v>
      </c>
      <c r="AH8532">
        <v>255406.11249999999</v>
      </c>
      <c r="AI8532">
        <v>75065.753670000006</v>
      </c>
      <c r="AJ8532">
        <v>22576.933239999998</v>
      </c>
      <c r="AK8532">
        <v>35092.565009999998</v>
      </c>
      <c r="AL8532">
        <v>64633.536569999997</v>
      </c>
      <c r="AM8532">
        <v>19329.651999999998</v>
      </c>
      <c r="AN8532">
        <v>98171.265440000003</v>
      </c>
      <c r="AO8532">
        <v>32741.923129999999</v>
      </c>
      <c r="AP8532">
        <v>15045.308129999999</v>
      </c>
    </row>
    <row r="8533" spans="2:42" x14ac:dyDescent="0.3">
      <c r="B8533">
        <v>49.524455368504043</v>
      </c>
      <c r="C8533" s="83">
        <v>43456.458333333336</v>
      </c>
      <c r="D8533">
        <v>171180.56080000001</v>
      </c>
      <c r="E8533">
        <v>28303.891380000001</v>
      </c>
      <c r="F8533">
        <v>97863.171700000006</v>
      </c>
      <c r="G8533">
        <v>40861.912669999998</v>
      </c>
      <c r="H8533">
        <v>40010.590239999998</v>
      </c>
      <c r="I8533">
        <v>30589.897649999999</v>
      </c>
      <c r="J8533">
        <v>29407.674129999999</v>
      </c>
      <c r="K8533">
        <v>48737.06439</v>
      </c>
      <c r="L8533">
        <v>30910.2637</v>
      </c>
      <c r="M8533">
        <v>252498.76879999999</v>
      </c>
      <c r="N8533">
        <v>73357.970879999993</v>
      </c>
      <c r="O8533">
        <v>22619.68576</v>
      </c>
      <c r="P8533">
        <v>34806.454980000002</v>
      </c>
      <c r="Q8533">
        <v>63978.676599999999</v>
      </c>
      <c r="R8533">
        <v>21843.389439999999</v>
      </c>
      <c r="S8533">
        <v>100773.7047</v>
      </c>
      <c r="T8533">
        <v>32587.99253</v>
      </c>
      <c r="U8533">
        <v>14681.13421</v>
      </c>
      <c r="W8533" s="83">
        <f>Bühler!N8565</f>
        <v>45647.458333312643</v>
      </c>
      <c r="X8533" s="83">
        <v>43456.458333333336</v>
      </c>
      <c r="Y8533">
        <v>171180.56080000001</v>
      </c>
      <c r="Z8533">
        <v>28303.891380000001</v>
      </c>
      <c r="AA8533">
        <v>97863.171700000006</v>
      </c>
      <c r="AB8533">
        <v>40861.912669999998</v>
      </c>
      <c r="AC8533">
        <v>40010.590239999998</v>
      </c>
      <c r="AD8533">
        <v>30589.897649999999</v>
      </c>
      <c r="AE8533">
        <v>29407.674129999999</v>
      </c>
      <c r="AF8533">
        <v>48737.06439</v>
      </c>
      <c r="AG8533">
        <v>30910.2637</v>
      </c>
      <c r="AH8533">
        <v>252498.76879999999</v>
      </c>
      <c r="AI8533">
        <v>73357.970879999993</v>
      </c>
      <c r="AJ8533">
        <v>22619.68576</v>
      </c>
      <c r="AK8533">
        <v>34806.454980000002</v>
      </c>
      <c r="AL8533">
        <v>63978.676599999999</v>
      </c>
      <c r="AM8533">
        <v>21843.389439999999</v>
      </c>
      <c r="AN8533">
        <v>100773.7047</v>
      </c>
      <c r="AO8533">
        <v>32587.99253</v>
      </c>
      <c r="AP8533">
        <v>14681.13421</v>
      </c>
    </row>
    <row r="8534" spans="2:42" x14ac:dyDescent="0.3">
      <c r="B8534">
        <v>48.746565208209539</v>
      </c>
      <c r="C8534" s="83">
        <v>43456.5</v>
      </c>
      <c r="D8534">
        <v>165944.82689999999</v>
      </c>
      <c r="E8534">
        <v>26326.6194</v>
      </c>
      <c r="F8534">
        <v>96621.201140000005</v>
      </c>
      <c r="G8534">
        <v>39108.252610000003</v>
      </c>
      <c r="H8534">
        <v>38582.258470000001</v>
      </c>
      <c r="I8534">
        <v>30297.29738</v>
      </c>
      <c r="J8534">
        <v>28898.992760000001</v>
      </c>
      <c r="K8534">
        <v>49121.635520000003</v>
      </c>
      <c r="L8534">
        <v>33418.295740000001</v>
      </c>
      <c r="M8534">
        <v>248532.72200000001</v>
      </c>
      <c r="N8534">
        <v>71935.785499999998</v>
      </c>
      <c r="O8534">
        <v>22325.95451</v>
      </c>
      <c r="P8534">
        <v>34873.313540000003</v>
      </c>
      <c r="Q8534">
        <v>61348.084369999997</v>
      </c>
      <c r="R8534">
        <v>22242.943930000001</v>
      </c>
      <c r="S8534">
        <v>93865.240239999999</v>
      </c>
      <c r="T8534">
        <v>32138.298019999998</v>
      </c>
      <c r="U8534">
        <v>13615.228929999999</v>
      </c>
      <c r="W8534" s="83">
        <f>Bühler!N8566</f>
        <v>45647.499999979307</v>
      </c>
      <c r="X8534" s="83">
        <v>43456.5</v>
      </c>
      <c r="Y8534">
        <v>165944.82689999999</v>
      </c>
      <c r="Z8534">
        <v>26326.6194</v>
      </c>
      <c r="AA8534">
        <v>96621.201140000005</v>
      </c>
      <c r="AB8534">
        <v>39108.252610000003</v>
      </c>
      <c r="AC8534">
        <v>38582.258470000001</v>
      </c>
      <c r="AD8534">
        <v>30297.29738</v>
      </c>
      <c r="AE8534">
        <v>28898.992760000001</v>
      </c>
      <c r="AF8534">
        <v>49121.635520000003</v>
      </c>
      <c r="AG8534">
        <v>33418.295740000001</v>
      </c>
      <c r="AH8534">
        <v>248532.72200000001</v>
      </c>
      <c r="AI8534">
        <v>71935.785499999998</v>
      </c>
      <c r="AJ8534">
        <v>22325.95451</v>
      </c>
      <c r="AK8534">
        <v>34873.313540000003</v>
      </c>
      <c r="AL8534">
        <v>61348.084369999997</v>
      </c>
      <c r="AM8534">
        <v>22242.943930000001</v>
      </c>
      <c r="AN8534">
        <v>93865.240239999999</v>
      </c>
      <c r="AO8534">
        <v>32138.298019999998</v>
      </c>
      <c r="AP8534">
        <v>13615.228929999999</v>
      </c>
    </row>
    <row r="8535" spans="2:42" x14ac:dyDescent="0.3">
      <c r="B8535">
        <v>48.480484291123467</v>
      </c>
      <c r="C8535" s="83">
        <v>43456.541666666664</v>
      </c>
      <c r="D8535">
        <v>162104.6642</v>
      </c>
      <c r="E8535">
        <v>25423.466619999999</v>
      </c>
      <c r="F8535">
        <v>96360.19932</v>
      </c>
      <c r="G8535">
        <v>38483.592879999997</v>
      </c>
      <c r="H8535">
        <v>38281.550490000001</v>
      </c>
      <c r="I8535">
        <v>30372.714739999999</v>
      </c>
      <c r="J8535">
        <v>28063.257450000001</v>
      </c>
      <c r="K8535">
        <v>49322.07417</v>
      </c>
      <c r="L8535">
        <v>32952.338839999997</v>
      </c>
      <c r="M8535">
        <v>247176.11739999999</v>
      </c>
      <c r="N8535">
        <v>69940.267619999999</v>
      </c>
      <c r="O8535">
        <v>21946.171190000001</v>
      </c>
      <c r="P8535">
        <v>34042.802680000001</v>
      </c>
      <c r="Q8535">
        <v>58688.927669999997</v>
      </c>
      <c r="R8535">
        <v>23412.00546</v>
      </c>
      <c r="S8535">
        <v>94949.769329999996</v>
      </c>
      <c r="T8535">
        <v>31022.138920000001</v>
      </c>
      <c r="U8535">
        <v>13140.00167</v>
      </c>
      <c r="W8535" s="83">
        <f>Bühler!N8567</f>
        <v>45647.541666645971</v>
      </c>
      <c r="X8535" s="83">
        <v>43456.541666666664</v>
      </c>
      <c r="Y8535">
        <v>162104.6642</v>
      </c>
      <c r="Z8535">
        <v>25423.466619999999</v>
      </c>
      <c r="AA8535">
        <v>96360.19932</v>
      </c>
      <c r="AB8535">
        <v>38483.592879999997</v>
      </c>
      <c r="AC8535">
        <v>38281.550490000001</v>
      </c>
      <c r="AD8535">
        <v>30372.714739999999</v>
      </c>
      <c r="AE8535">
        <v>28063.257450000001</v>
      </c>
      <c r="AF8535">
        <v>49322.07417</v>
      </c>
      <c r="AG8535">
        <v>32952.338839999997</v>
      </c>
      <c r="AH8535">
        <v>247176.11739999999</v>
      </c>
      <c r="AI8535">
        <v>69940.267619999999</v>
      </c>
      <c r="AJ8535">
        <v>21946.171190000001</v>
      </c>
      <c r="AK8535">
        <v>34042.802680000001</v>
      </c>
      <c r="AL8535">
        <v>58688.927669999997</v>
      </c>
      <c r="AM8535">
        <v>23412.00546</v>
      </c>
      <c r="AN8535">
        <v>94949.769329999996</v>
      </c>
      <c r="AO8535">
        <v>31022.138920000001</v>
      </c>
      <c r="AP8535">
        <v>13140.00167</v>
      </c>
    </row>
    <row r="8536" spans="2:42" x14ac:dyDescent="0.3">
      <c r="B8536">
        <v>47.877794267515043</v>
      </c>
      <c r="C8536" s="83">
        <v>43456.583333333336</v>
      </c>
      <c r="D8536">
        <v>160759.18049999999</v>
      </c>
      <c r="E8536">
        <v>26142.828750000001</v>
      </c>
      <c r="F8536">
        <v>96110.34117</v>
      </c>
      <c r="G8536">
        <v>38159.95592</v>
      </c>
      <c r="H8536">
        <v>37742.735220000002</v>
      </c>
      <c r="I8536">
        <v>30864.197489999999</v>
      </c>
      <c r="J8536">
        <v>27277.015510000001</v>
      </c>
      <c r="K8536">
        <v>48913.02519</v>
      </c>
      <c r="L8536">
        <v>30809.881000000001</v>
      </c>
      <c r="M8536">
        <v>244103.32260000001</v>
      </c>
      <c r="N8536">
        <v>70497.024239999999</v>
      </c>
      <c r="O8536">
        <v>21295.129700000001</v>
      </c>
      <c r="P8536">
        <v>33202.80719</v>
      </c>
      <c r="Q8536">
        <v>57205.923519999997</v>
      </c>
      <c r="R8536">
        <v>21977.065330000001</v>
      </c>
      <c r="S8536">
        <v>91963.825330000007</v>
      </c>
      <c r="T8536">
        <v>31080.310700000002</v>
      </c>
      <c r="U8536">
        <v>13231.70602</v>
      </c>
      <c r="W8536" s="83">
        <f>Bühler!N8568</f>
        <v>45647.583333312636</v>
      </c>
      <c r="X8536" s="83">
        <v>43456.583333333336</v>
      </c>
      <c r="Y8536">
        <v>160759.18049999999</v>
      </c>
      <c r="Z8536">
        <v>26142.828750000001</v>
      </c>
      <c r="AA8536">
        <v>96110.34117</v>
      </c>
      <c r="AB8536">
        <v>38159.95592</v>
      </c>
      <c r="AC8536">
        <v>37742.735220000002</v>
      </c>
      <c r="AD8536">
        <v>30864.197489999999</v>
      </c>
      <c r="AE8536">
        <v>27277.015510000001</v>
      </c>
      <c r="AF8536">
        <v>48913.02519</v>
      </c>
      <c r="AG8536">
        <v>30809.881000000001</v>
      </c>
      <c r="AH8536">
        <v>244103.32260000001</v>
      </c>
      <c r="AI8536">
        <v>70497.024239999999</v>
      </c>
      <c r="AJ8536">
        <v>21295.129700000001</v>
      </c>
      <c r="AK8536">
        <v>33202.80719</v>
      </c>
      <c r="AL8536">
        <v>57205.923519999997</v>
      </c>
      <c r="AM8536">
        <v>21977.065330000001</v>
      </c>
      <c r="AN8536">
        <v>91963.825330000007</v>
      </c>
      <c r="AO8536">
        <v>31080.310700000002</v>
      </c>
      <c r="AP8536">
        <v>13231.70602</v>
      </c>
    </row>
    <row r="8537" spans="2:42" x14ac:dyDescent="0.3">
      <c r="B8537">
        <v>47.108168670948892</v>
      </c>
      <c r="C8537" s="83">
        <v>43456.625</v>
      </c>
      <c r="D8537">
        <v>159670.1299</v>
      </c>
      <c r="E8537">
        <v>26074.094519999999</v>
      </c>
      <c r="F8537">
        <v>95359.776400000002</v>
      </c>
      <c r="G8537">
        <v>37734.233160000003</v>
      </c>
      <c r="H8537">
        <v>37661.689440000002</v>
      </c>
      <c r="I8537">
        <v>30713.854480000002</v>
      </c>
      <c r="J8537">
        <v>27301.097559999998</v>
      </c>
      <c r="K8537">
        <v>47293.722040000001</v>
      </c>
      <c r="L8537">
        <v>28237.77954</v>
      </c>
      <c r="M8537">
        <v>240179.4124</v>
      </c>
      <c r="N8537">
        <v>69338.674239999993</v>
      </c>
      <c r="O8537">
        <v>21130.402040000001</v>
      </c>
      <c r="P8537">
        <v>31857.166379999999</v>
      </c>
      <c r="Q8537">
        <v>56146.544690000002</v>
      </c>
      <c r="R8537">
        <v>21970.55055</v>
      </c>
      <c r="S8537">
        <v>90937.42108</v>
      </c>
      <c r="T8537">
        <v>31447.046979999999</v>
      </c>
      <c r="U8537">
        <v>13340.11815</v>
      </c>
      <c r="W8537" s="83">
        <f>Bühler!N8569</f>
        <v>45647.6249999793</v>
      </c>
      <c r="X8537" s="83">
        <v>43456.625</v>
      </c>
      <c r="Y8537">
        <v>159670.1299</v>
      </c>
      <c r="Z8537">
        <v>26074.094519999999</v>
      </c>
      <c r="AA8537">
        <v>95359.776400000002</v>
      </c>
      <c r="AB8537">
        <v>37734.233160000003</v>
      </c>
      <c r="AC8537">
        <v>37661.689440000002</v>
      </c>
      <c r="AD8537">
        <v>30713.854480000002</v>
      </c>
      <c r="AE8537">
        <v>27301.097559999998</v>
      </c>
      <c r="AF8537">
        <v>47293.722040000001</v>
      </c>
      <c r="AG8537">
        <v>28237.77954</v>
      </c>
      <c r="AH8537">
        <v>240179.4124</v>
      </c>
      <c r="AI8537">
        <v>69338.674239999993</v>
      </c>
      <c r="AJ8537">
        <v>21130.402040000001</v>
      </c>
      <c r="AK8537">
        <v>31857.166379999999</v>
      </c>
      <c r="AL8537">
        <v>56146.544690000002</v>
      </c>
      <c r="AM8537">
        <v>21970.55055</v>
      </c>
      <c r="AN8537">
        <v>90937.42108</v>
      </c>
      <c r="AO8537">
        <v>31447.046979999999</v>
      </c>
      <c r="AP8537">
        <v>13340.11815</v>
      </c>
    </row>
    <row r="8538" spans="2:42" x14ac:dyDescent="0.3">
      <c r="B8538">
        <v>46.424527970741174</v>
      </c>
      <c r="C8538" s="83">
        <v>43456.666666666664</v>
      </c>
      <c r="D8538">
        <v>159652.78210000001</v>
      </c>
      <c r="E8538">
        <v>26180.944800000001</v>
      </c>
      <c r="F8538">
        <v>94915.467040000003</v>
      </c>
      <c r="G8538">
        <v>37866.759940000004</v>
      </c>
      <c r="H8538">
        <v>37964.82402</v>
      </c>
      <c r="I8538">
        <v>31832.868020000002</v>
      </c>
      <c r="J8538">
        <v>27428.139090000001</v>
      </c>
      <c r="K8538">
        <v>46132.34289</v>
      </c>
      <c r="L8538">
        <v>28258.913140000001</v>
      </c>
      <c r="M8538">
        <v>236693.8933</v>
      </c>
      <c r="N8538">
        <v>68697.520529999994</v>
      </c>
      <c r="O8538">
        <v>20971.727340000001</v>
      </c>
      <c r="P8538">
        <v>31542.304830000001</v>
      </c>
      <c r="Q8538">
        <v>56363.065540000003</v>
      </c>
      <c r="R8538">
        <v>21711.731080000001</v>
      </c>
      <c r="S8538">
        <v>92697.030870000002</v>
      </c>
      <c r="T8538">
        <v>32376.378239999998</v>
      </c>
      <c r="U8538">
        <v>13607.64219</v>
      </c>
      <c r="W8538" s="83">
        <f>Bühler!N8570</f>
        <v>45647.666666645964</v>
      </c>
      <c r="X8538" s="83">
        <v>43456.666666666664</v>
      </c>
      <c r="Y8538">
        <v>159652.78210000001</v>
      </c>
      <c r="Z8538">
        <v>26180.944800000001</v>
      </c>
      <c r="AA8538">
        <v>94915.467040000003</v>
      </c>
      <c r="AB8538">
        <v>37866.759940000004</v>
      </c>
      <c r="AC8538">
        <v>37964.82402</v>
      </c>
      <c r="AD8538">
        <v>31832.868020000002</v>
      </c>
      <c r="AE8538">
        <v>27428.139090000001</v>
      </c>
      <c r="AF8538">
        <v>46132.34289</v>
      </c>
      <c r="AG8538">
        <v>28258.913140000001</v>
      </c>
      <c r="AH8538">
        <v>236693.8933</v>
      </c>
      <c r="AI8538">
        <v>68697.520529999994</v>
      </c>
      <c r="AJ8538">
        <v>20971.727340000001</v>
      </c>
      <c r="AK8538">
        <v>31542.304830000001</v>
      </c>
      <c r="AL8538">
        <v>56363.065540000003</v>
      </c>
      <c r="AM8538">
        <v>21711.731080000001</v>
      </c>
      <c r="AN8538">
        <v>92697.030870000002</v>
      </c>
      <c r="AO8538">
        <v>32376.378239999998</v>
      </c>
      <c r="AP8538">
        <v>13607.64219</v>
      </c>
    </row>
    <row r="8539" spans="2:42" x14ac:dyDescent="0.3">
      <c r="B8539">
        <v>46.289875125364802</v>
      </c>
      <c r="C8539" s="83">
        <v>43456.708333333336</v>
      </c>
      <c r="D8539">
        <v>160331.9276</v>
      </c>
      <c r="E8539">
        <v>26889.029299999998</v>
      </c>
      <c r="F8539">
        <v>97996.949930000002</v>
      </c>
      <c r="G8539">
        <v>39200.246270000003</v>
      </c>
      <c r="H8539">
        <v>40450.691149999999</v>
      </c>
      <c r="I8539">
        <v>32564.2202</v>
      </c>
      <c r="J8539">
        <v>30438.517790000002</v>
      </c>
      <c r="K8539">
        <v>45262.078350000003</v>
      </c>
      <c r="L8539">
        <v>29880.908019999999</v>
      </c>
      <c r="M8539">
        <v>236007.37030000001</v>
      </c>
      <c r="N8539">
        <v>67903.387010000006</v>
      </c>
      <c r="O8539">
        <v>21458.736710000001</v>
      </c>
      <c r="P8539">
        <v>34692.460420000003</v>
      </c>
      <c r="Q8539">
        <v>55376.514539999996</v>
      </c>
      <c r="R8539">
        <v>22322.63841</v>
      </c>
      <c r="S8539">
        <v>98387.888470000005</v>
      </c>
      <c r="T8539">
        <v>33953.656990000003</v>
      </c>
      <c r="U8539">
        <v>14996.263720000001</v>
      </c>
      <c r="W8539" s="83">
        <f>Bühler!N8571</f>
        <v>45647.708333312628</v>
      </c>
      <c r="X8539" s="83">
        <v>43456.708333333336</v>
      </c>
      <c r="Y8539">
        <v>160331.9276</v>
      </c>
      <c r="Z8539">
        <v>26889.029299999998</v>
      </c>
      <c r="AA8539">
        <v>97996.949930000002</v>
      </c>
      <c r="AB8539">
        <v>39200.246270000003</v>
      </c>
      <c r="AC8539">
        <v>40450.691149999999</v>
      </c>
      <c r="AD8539">
        <v>32564.2202</v>
      </c>
      <c r="AE8539">
        <v>30438.517790000002</v>
      </c>
      <c r="AF8539">
        <v>45262.078350000003</v>
      </c>
      <c r="AG8539">
        <v>29880.908019999999</v>
      </c>
      <c r="AH8539">
        <v>236007.37030000001</v>
      </c>
      <c r="AI8539">
        <v>67903.387010000006</v>
      </c>
      <c r="AJ8539">
        <v>21458.736710000001</v>
      </c>
      <c r="AK8539">
        <v>34692.460420000003</v>
      </c>
      <c r="AL8539">
        <v>55376.514539999996</v>
      </c>
      <c r="AM8539">
        <v>22322.63841</v>
      </c>
      <c r="AN8539">
        <v>98387.888470000005</v>
      </c>
      <c r="AO8539">
        <v>33953.656990000003</v>
      </c>
      <c r="AP8539">
        <v>14996.263720000001</v>
      </c>
    </row>
    <row r="8540" spans="2:42" x14ac:dyDescent="0.3">
      <c r="B8540">
        <v>45.678663715699059</v>
      </c>
      <c r="C8540" s="83">
        <v>43456.75</v>
      </c>
      <c r="D8540">
        <v>160113.74340000001</v>
      </c>
      <c r="E8540">
        <v>25674.828140000001</v>
      </c>
      <c r="F8540">
        <v>94427.822239999994</v>
      </c>
      <c r="G8540">
        <v>39229.53153</v>
      </c>
      <c r="H8540">
        <v>39808.280530000004</v>
      </c>
      <c r="I8540">
        <v>32139.87169</v>
      </c>
      <c r="J8540">
        <v>30741.478729999999</v>
      </c>
      <c r="K8540">
        <v>41362.633229999999</v>
      </c>
      <c r="L8540">
        <v>32430.71703</v>
      </c>
      <c r="M8540">
        <v>232891.12950000001</v>
      </c>
      <c r="N8540">
        <v>68413.95091</v>
      </c>
      <c r="O8540">
        <v>21457.977220000001</v>
      </c>
      <c r="P8540">
        <v>37068.971850000002</v>
      </c>
      <c r="Q8540">
        <v>53625.013830000004</v>
      </c>
      <c r="R8540">
        <v>21137.575550000001</v>
      </c>
      <c r="S8540">
        <v>96862.840580000004</v>
      </c>
      <c r="T8540">
        <v>34364.240969999999</v>
      </c>
      <c r="U8540">
        <v>15145.47681</v>
      </c>
      <c r="W8540" s="83">
        <f>Bühler!N8572</f>
        <v>45647.749999979293</v>
      </c>
      <c r="X8540" s="83">
        <v>43456.75</v>
      </c>
      <c r="Y8540">
        <v>160113.74340000001</v>
      </c>
      <c r="Z8540">
        <v>25674.828140000001</v>
      </c>
      <c r="AA8540">
        <v>94427.822239999994</v>
      </c>
      <c r="AB8540">
        <v>39229.53153</v>
      </c>
      <c r="AC8540">
        <v>39808.280530000004</v>
      </c>
      <c r="AD8540">
        <v>32139.87169</v>
      </c>
      <c r="AE8540">
        <v>30741.478729999999</v>
      </c>
      <c r="AF8540">
        <v>41362.633229999999</v>
      </c>
      <c r="AG8540">
        <v>32430.71703</v>
      </c>
      <c r="AH8540">
        <v>232891.12950000001</v>
      </c>
      <c r="AI8540">
        <v>68413.95091</v>
      </c>
      <c r="AJ8540">
        <v>21457.977220000001</v>
      </c>
      <c r="AK8540">
        <v>37068.971850000002</v>
      </c>
      <c r="AL8540">
        <v>53625.013830000004</v>
      </c>
      <c r="AM8540">
        <v>21137.575550000001</v>
      </c>
      <c r="AN8540">
        <v>96862.840580000004</v>
      </c>
      <c r="AO8540">
        <v>34364.240969999999</v>
      </c>
      <c r="AP8540">
        <v>15145.47681</v>
      </c>
    </row>
    <row r="8541" spans="2:42" x14ac:dyDescent="0.3">
      <c r="B8541">
        <v>45.065824267434401</v>
      </c>
      <c r="C8541" s="83">
        <v>43456.791666666664</v>
      </c>
      <c r="D8541">
        <v>159138.3265</v>
      </c>
      <c r="E8541">
        <v>22129.415990000001</v>
      </c>
      <c r="F8541">
        <v>81885.673139999999</v>
      </c>
      <c r="G8541">
        <v>39193.785839999997</v>
      </c>
      <c r="H8541">
        <v>38750.351060000001</v>
      </c>
      <c r="I8541">
        <v>31620.775890000001</v>
      </c>
      <c r="J8541">
        <v>29781.677599999999</v>
      </c>
      <c r="K8541">
        <v>41279.381520000003</v>
      </c>
      <c r="L8541">
        <v>33932.669430000002</v>
      </c>
      <c r="M8541">
        <v>229766.5882</v>
      </c>
      <c r="N8541">
        <v>68238.355360000001</v>
      </c>
      <c r="O8541">
        <v>21176.75317</v>
      </c>
      <c r="P8541">
        <v>38541.073049999999</v>
      </c>
      <c r="Q8541">
        <v>52214.248460000003</v>
      </c>
      <c r="R8541">
        <v>21240.929179999999</v>
      </c>
      <c r="S8541">
        <v>94696.922730000006</v>
      </c>
      <c r="T8541">
        <v>33277.19124</v>
      </c>
      <c r="U8541">
        <v>14557.70714</v>
      </c>
      <c r="W8541" s="83">
        <f>Bühler!N8573</f>
        <v>45647.791666645957</v>
      </c>
      <c r="X8541" s="83">
        <v>43456.791666666664</v>
      </c>
      <c r="Y8541">
        <v>159138.3265</v>
      </c>
      <c r="Z8541">
        <v>22129.415990000001</v>
      </c>
      <c r="AA8541">
        <v>81885.673139999999</v>
      </c>
      <c r="AB8541">
        <v>39193.785839999997</v>
      </c>
      <c r="AC8541">
        <v>38750.351060000001</v>
      </c>
      <c r="AD8541">
        <v>31620.775890000001</v>
      </c>
      <c r="AE8541">
        <v>29781.677599999999</v>
      </c>
      <c r="AF8541">
        <v>41279.381520000003</v>
      </c>
      <c r="AG8541">
        <v>33932.669430000002</v>
      </c>
      <c r="AH8541">
        <v>229766.5882</v>
      </c>
      <c r="AI8541">
        <v>68238.355360000001</v>
      </c>
      <c r="AJ8541">
        <v>21176.75317</v>
      </c>
      <c r="AK8541">
        <v>38541.073049999999</v>
      </c>
      <c r="AL8541">
        <v>52214.248460000003</v>
      </c>
      <c r="AM8541">
        <v>21240.929179999999</v>
      </c>
      <c r="AN8541">
        <v>94696.922730000006</v>
      </c>
      <c r="AO8541">
        <v>33277.19124</v>
      </c>
      <c r="AP8541">
        <v>14557.70714</v>
      </c>
    </row>
    <row r="8542" spans="2:42" x14ac:dyDescent="0.3">
      <c r="B8542">
        <v>44.704322008444684</v>
      </c>
      <c r="C8542" s="83">
        <v>43456.833333333336</v>
      </c>
      <c r="D8542">
        <v>158888.9088</v>
      </c>
      <c r="E8542">
        <v>17566.827740000001</v>
      </c>
      <c r="F8542">
        <v>62328.518730000003</v>
      </c>
      <c r="G8542">
        <v>38778.330779999997</v>
      </c>
      <c r="H8542">
        <v>38541.50273</v>
      </c>
      <c r="I8542">
        <v>29068.939689999999</v>
      </c>
      <c r="J8542">
        <v>29184.895199999999</v>
      </c>
      <c r="K8542">
        <v>48518.230499999998</v>
      </c>
      <c r="L8542">
        <v>33469.645680000001</v>
      </c>
      <c r="M8542">
        <v>227923.4811</v>
      </c>
      <c r="N8542">
        <v>68077.260219999996</v>
      </c>
      <c r="O8542">
        <v>21475.848529999999</v>
      </c>
      <c r="P8542">
        <v>38850.2379</v>
      </c>
      <c r="Q8542">
        <v>51341.217210000003</v>
      </c>
      <c r="R8542">
        <v>22717.228370000001</v>
      </c>
      <c r="S8542">
        <v>88030.979439999996</v>
      </c>
      <c r="T8542">
        <v>29142.977149999999</v>
      </c>
      <c r="U8542">
        <v>14863.9604</v>
      </c>
      <c r="W8542" s="83">
        <f>Bühler!N8574</f>
        <v>45647.833333312621</v>
      </c>
      <c r="X8542" s="83">
        <v>43456.833333333336</v>
      </c>
      <c r="Y8542">
        <v>158888.9088</v>
      </c>
      <c r="Z8542">
        <v>17566.827740000001</v>
      </c>
      <c r="AA8542">
        <v>62328.518730000003</v>
      </c>
      <c r="AB8542">
        <v>38778.330779999997</v>
      </c>
      <c r="AC8542">
        <v>38541.50273</v>
      </c>
      <c r="AD8542">
        <v>29068.939689999999</v>
      </c>
      <c r="AE8542">
        <v>29184.895199999999</v>
      </c>
      <c r="AF8542">
        <v>48518.230499999998</v>
      </c>
      <c r="AG8542">
        <v>33469.645680000001</v>
      </c>
      <c r="AH8542">
        <v>227923.4811</v>
      </c>
      <c r="AI8542">
        <v>68077.260219999996</v>
      </c>
      <c r="AJ8542">
        <v>21475.848529999999</v>
      </c>
      <c r="AK8542">
        <v>38850.2379</v>
      </c>
      <c r="AL8542">
        <v>51341.217210000003</v>
      </c>
      <c r="AM8542">
        <v>22717.228370000001</v>
      </c>
      <c r="AN8542">
        <v>88030.979439999996</v>
      </c>
      <c r="AO8542">
        <v>29142.977149999999</v>
      </c>
      <c r="AP8542">
        <v>14863.9604</v>
      </c>
    </row>
    <row r="8543" spans="2:42" x14ac:dyDescent="0.3">
      <c r="B8543">
        <v>44.209768562195421</v>
      </c>
      <c r="C8543" s="83">
        <v>43456.875</v>
      </c>
      <c r="D8543">
        <v>158396.1882</v>
      </c>
      <c r="E8543">
        <v>15566.60944</v>
      </c>
      <c r="F8543">
        <v>54234.810940000003</v>
      </c>
      <c r="G8543">
        <v>38823.578699999998</v>
      </c>
      <c r="H8543">
        <v>37840.780350000001</v>
      </c>
      <c r="I8543">
        <v>26115.53368</v>
      </c>
      <c r="J8543">
        <v>28054.426820000001</v>
      </c>
      <c r="K8543">
        <v>48237.064460000001</v>
      </c>
      <c r="L8543">
        <v>31711.19083</v>
      </c>
      <c r="M8543">
        <v>225402.01699999999</v>
      </c>
      <c r="N8543">
        <v>67295.965620000003</v>
      </c>
      <c r="O8543">
        <v>21370.72681</v>
      </c>
      <c r="P8543">
        <v>36783.458729999998</v>
      </c>
      <c r="Q8543">
        <v>50373.021800000002</v>
      </c>
      <c r="R8543">
        <v>21197.097089999999</v>
      </c>
      <c r="S8543">
        <v>83979.647440000001</v>
      </c>
      <c r="T8543">
        <v>28300.45954</v>
      </c>
      <c r="U8543">
        <v>14589.39861</v>
      </c>
      <c r="W8543" s="83">
        <f>Bühler!N8575</f>
        <v>45647.874999979285</v>
      </c>
      <c r="X8543" s="83">
        <v>43456.875</v>
      </c>
      <c r="Y8543">
        <v>158396.1882</v>
      </c>
      <c r="Z8543">
        <v>15566.60944</v>
      </c>
      <c r="AA8543">
        <v>54234.810940000003</v>
      </c>
      <c r="AB8543">
        <v>38823.578699999998</v>
      </c>
      <c r="AC8543">
        <v>37840.780350000001</v>
      </c>
      <c r="AD8543">
        <v>26115.53368</v>
      </c>
      <c r="AE8543">
        <v>28054.426820000001</v>
      </c>
      <c r="AF8543">
        <v>48237.064460000001</v>
      </c>
      <c r="AG8543">
        <v>31711.19083</v>
      </c>
      <c r="AH8543">
        <v>225402.01699999999</v>
      </c>
      <c r="AI8543">
        <v>67295.965620000003</v>
      </c>
      <c r="AJ8543">
        <v>21370.72681</v>
      </c>
      <c r="AK8543">
        <v>36783.458729999998</v>
      </c>
      <c r="AL8543">
        <v>50373.021800000002</v>
      </c>
      <c r="AM8543">
        <v>21197.097089999999</v>
      </c>
      <c r="AN8543">
        <v>83979.647440000001</v>
      </c>
      <c r="AO8543">
        <v>28300.45954</v>
      </c>
      <c r="AP8543">
        <v>14589.39861</v>
      </c>
    </row>
    <row r="8544" spans="2:42" x14ac:dyDescent="0.3">
      <c r="B8544">
        <v>44.392697630947943</v>
      </c>
      <c r="C8544" s="83">
        <v>43456.916666666664</v>
      </c>
      <c r="D8544">
        <v>158275.3051</v>
      </c>
      <c r="E8544">
        <v>14619.23335</v>
      </c>
      <c r="F8544">
        <v>52127.81136</v>
      </c>
      <c r="G8544">
        <v>38769.85716</v>
      </c>
      <c r="H8544">
        <v>37954.53686</v>
      </c>
      <c r="I8544">
        <v>24353.15163</v>
      </c>
      <c r="J8544">
        <v>27608.23821</v>
      </c>
      <c r="K8544">
        <v>51974.684200000003</v>
      </c>
      <c r="L8544">
        <v>28372.232039999999</v>
      </c>
      <c r="M8544">
        <v>226334.6747</v>
      </c>
      <c r="N8544">
        <v>67561.644350000002</v>
      </c>
      <c r="O8544">
        <v>21600.803790000002</v>
      </c>
      <c r="P8544">
        <v>40953.576260000002</v>
      </c>
      <c r="Q8544">
        <v>49957.924899999998</v>
      </c>
      <c r="R8544">
        <v>26917.127240000002</v>
      </c>
      <c r="S8544">
        <v>82581.839739999996</v>
      </c>
      <c r="T8544">
        <v>27749.960859999999</v>
      </c>
      <c r="U8544">
        <v>15775.346649999999</v>
      </c>
      <c r="W8544" s="83">
        <f>Bühler!N8576</f>
        <v>45647.91666664595</v>
      </c>
      <c r="X8544" s="83">
        <v>43456.916666666664</v>
      </c>
      <c r="Y8544">
        <v>158275.3051</v>
      </c>
      <c r="Z8544">
        <v>14619.23335</v>
      </c>
      <c r="AA8544">
        <v>52127.81136</v>
      </c>
      <c r="AB8544">
        <v>38769.85716</v>
      </c>
      <c r="AC8544">
        <v>37954.53686</v>
      </c>
      <c r="AD8544">
        <v>24353.15163</v>
      </c>
      <c r="AE8544">
        <v>27608.23821</v>
      </c>
      <c r="AF8544">
        <v>51974.684200000003</v>
      </c>
      <c r="AG8544">
        <v>28372.232039999999</v>
      </c>
      <c r="AH8544">
        <v>226334.6747</v>
      </c>
      <c r="AI8544">
        <v>67561.644350000002</v>
      </c>
      <c r="AJ8544">
        <v>21600.803790000002</v>
      </c>
      <c r="AK8544">
        <v>40953.576260000002</v>
      </c>
      <c r="AL8544">
        <v>49957.924899999998</v>
      </c>
      <c r="AM8544">
        <v>26917.127240000002</v>
      </c>
      <c r="AN8544">
        <v>82581.839739999996</v>
      </c>
      <c r="AO8544">
        <v>27749.960859999999</v>
      </c>
      <c r="AP8544">
        <v>15775.346649999999</v>
      </c>
    </row>
    <row r="8545" spans="2:42" x14ac:dyDescent="0.3">
      <c r="B8545">
        <v>43.857491685280493</v>
      </c>
      <c r="C8545" s="83">
        <v>43456.958333333336</v>
      </c>
      <c r="D8545">
        <v>157348.97270000001</v>
      </c>
      <c r="E8545">
        <v>14378.71413</v>
      </c>
      <c r="F8545">
        <v>50116.288430000001</v>
      </c>
      <c r="G8545">
        <v>38386.930890000003</v>
      </c>
      <c r="H8545">
        <v>37406.896760000003</v>
      </c>
      <c r="I8545">
        <v>23583.869979999999</v>
      </c>
      <c r="J8545">
        <v>26251.259880000001</v>
      </c>
      <c r="K8545">
        <v>51061.478880000002</v>
      </c>
      <c r="L8545">
        <v>24136.83397</v>
      </c>
      <c r="M8545">
        <v>223605.94519999999</v>
      </c>
      <c r="N8545">
        <v>66483.631009999997</v>
      </c>
      <c r="O8545">
        <v>21336.633570000002</v>
      </c>
      <c r="P8545">
        <v>36620.852780000001</v>
      </c>
      <c r="Q8545">
        <v>49478.666310000001</v>
      </c>
      <c r="R8545">
        <v>26899.56249</v>
      </c>
      <c r="S8545">
        <v>80866.086649999997</v>
      </c>
      <c r="T8545">
        <v>29811.350880000002</v>
      </c>
      <c r="U8545">
        <v>14686.448200000001</v>
      </c>
      <c r="W8545" s="83">
        <f>Bühler!N8577</f>
        <v>45647.958333312614</v>
      </c>
      <c r="X8545" s="83">
        <v>43456.958333333336</v>
      </c>
      <c r="Y8545">
        <v>157348.97270000001</v>
      </c>
      <c r="Z8545">
        <v>14378.71413</v>
      </c>
      <c r="AA8545">
        <v>50116.288430000001</v>
      </c>
      <c r="AB8545">
        <v>38386.930890000003</v>
      </c>
      <c r="AC8545">
        <v>37406.896760000003</v>
      </c>
      <c r="AD8545">
        <v>23583.869979999999</v>
      </c>
      <c r="AE8545">
        <v>26251.259880000001</v>
      </c>
      <c r="AF8545">
        <v>51061.478880000002</v>
      </c>
      <c r="AG8545">
        <v>24136.83397</v>
      </c>
      <c r="AH8545">
        <v>223605.94519999999</v>
      </c>
      <c r="AI8545">
        <v>66483.631009999997</v>
      </c>
      <c r="AJ8545">
        <v>21336.633570000002</v>
      </c>
      <c r="AK8545">
        <v>36620.852780000001</v>
      </c>
      <c r="AL8545">
        <v>49478.666310000001</v>
      </c>
      <c r="AM8545">
        <v>26899.56249</v>
      </c>
      <c r="AN8545">
        <v>80866.086649999997</v>
      </c>
      <c r="AO8545">
        <v>29811.350880000002</v>
      </c>
      <c r="AP8545">
        <v>14686.448200000001</v>
      </c>
    </row>
    <row r="8546" spans="2:42" x14ac:dyDescent="0.3">
      <c r="B8546">
        <v>43.518607580901509</v>
      </c>
      <c r="C8546" s="83">
        <v>43457</v>
      </c>
      <c r="D8546">
        <v>156933.9809</v>
      </c>
      <c r="E8546">
        <v>14283.70982</v>
      </c>
      <c r="F8546">
        <v>49782.902549999999</v>
      </c>
      <c r="G8546">
        <v>38890.666440000001</v>
      </c>
      <c r="H8546">
        <v>37145.746449999999</v>
      </c>
      <c r="I8546">
        <v>22434.808110000002</v>
      </c>
      <c r="J8546">
        <v>25162.412100000001</v>
      </c>
      <c r="K8546">
        <v>49770.919009999998</v>
      </c>
      <c r="L8546">
        <v>20367.938440000002</v>
      </c>
      <c r="M8546">
        <v>221878.15599999999</v>
      </c>
      <c r="N8546">
        <v>66341.469159999993</v>
      </c>
      <c r="O8546">
        <v>21518.045699999999</v>
      </c>
      <c r="P8546">
        <v>33936.188150000002</v>
      </c>
      <c r="Q8546">
        <v>50001.818769999998</v>
      </c>
      <c r="R8546">
        <v>25327.875510000002</v>
      </c>
      <c r="S8546">
        <v>79876.420790000004</v>
      </c>
      <c r="T8546">
        <v>28251.057390000002</v>
      </c>
      <c r="U8546">
        <v>15047.038039999999</v>
      </c>
      <c r="W8546" s="83">
        <f>Bühler!N8578</f>
        <v>45647.999999979278</v>
      </c>
      <c r="X8546" s="83">
        <v>43457</v>
      </c>
      <c r="Y8546">
        <v>156933.9809</v>
      </c>
      <c r="Z8546">
        <v>14283.70982</v>
      </c>
      <c r="AA8546">
        <v>49782.902549999999</v>
      </c>
      <c r="AB8546">
        <v>38890.666440000001</v>
      </c>
      <c r="AC8546">
        <v>37145.746449999999</v>
      </c>
      <c r="AD8546">
        <v>22434.808110000002</v>
      </c>
      <c r="AE8546">
        <v>25162.412100000001</v>
      </c>
      <c r="AF8546">
        <v>49770.919009999998</v>
      </c>
      <c r="AG8546">
        <v>20367.938440000002</v>
      </c>
      <c r="AH8546">
        <v>221878.15599999999</v>
      </c>
      <c r="AI8546">
        <v>66341.469159999993</v>
      </c>
      <c r="AJ8546">
        <v>21518.045699999999</v>
      </c>
      <c r="AK8546">
        <v>33936.188150000002</v>
      </c>
      <c r="AL8546">
        <v>50001.818769999998</v>
      </c>
      <c r="AM8546">
        <v>25327.875510000002</v>
      </c>
      <c r="AN8546">
        <v>79876.420790000004</v>
      </c>
      <c r="AO8546">
        <v>28251.057390000002</v>
      </c>
      <c r="AP8546">
        <v>15047.038039999999</v>
      </c>
    </row>
    <row r="8547" spans="2:42" x14ac:dyDescent="0.3">
      <c r="B8547">
        <v>43.578583754027079</v>
      </c>
      <c r="C8547" s="83">
        <v>43457.041666666664</v>
      </c>
      <c r="D8547">
        <v>156277.14610000001</v>
      </c>
      <c r="E8547">
        <v>14298.778399999999</v>
      </c>
      <c r="F8547">
        <v>50128.242299999998</v>
      </c>
      <c r="G8547">
        <v>38763.741829999999</v>
      </c>
      <c r="H8547">
        <v>36632.560299999997</v>
      </c>
      <c r="I8547">
        <v>19668.892039999999</v>
      </c>
      <c r="J8547">
        <v>24341.27939</v>
      </c>
      <c r="K8547">
        <v>49479.948230000002</v>
      </c>
      <c r="L8547">
        <v>18335.764469999998</v>
      </c>
      <c r="M8547">
        <v>222183.9425</v>
      </c>
      <c r="N8547">
        <v>65490.169560000002</v>
      </c>
      <c r="O8547">
        <v>21459.540140000001</v>
      </c>
      <c r="P8547">
        <v>32864.281389999996</v>
      </c>
      <c r="Q8547">
        <v>50730.161749999999</v>
      </c>
      <c r="R8547">
        <v>23896.122520000001</v>
      </c>
      <c r="S8547">
        <v>79099.580419999998</v>
      </c>
      <c r="T8547">
        <v>27352.276610000001</v>
      </c>
      <c r="U8547">
        <v>15103.702859999999</v>
      </c>
      <c r="W8547" s="83">
        <f>Bühler!N8579</f>
        <v>45648.041666645942</v>
      </c>
      <c r="X8547" s="83">
        <v>43457.041666666664</v>
      </c>
      <c r="Y8547">
        <v>156277.14610000001</v>
      </c>
      <c r="Z8547">
        <v>14298.778399999999</v>
      </c>
      <c r="AA8547">
        <v>50128.242299999998</v>
      </c>
      <c r="AB8547">
        <v>38763.741829999999</v>
      </c>
      <c r="AC8547">
        <v>36632.560299999997</v>
      </c>
      <c r="AD8547">
        <v>19668.892039999999</v>
      </c>
      <c r="AE8547">
        <v>24341.27939</v>
      </c>
      <c r="AF8547">
        <v>49479.948230000002</v>
      </c>
      <c r="AG8547">
        <v>18335.764469999998</v>
      </c>
      <c r="AH8547">
        <v>222183.9425</v>
      </c>
      <c r="AI8547">
        <v>65490.169560000002</v>
      </c>
      <c r="AJ8547">
        <v>21459.540140000001</v>
      </c>
      <c r="AK8547">
        <v>32864.281389999996</v>
      </c>
      <c r="AL8547">
        <v>50730.161749999999</v>
      </c>
      <c r="AM8547">
        <v>23896.122520000001</v>
      </c>
      <c r="AN8547">
        <v>79099.580419999998</v>
      </c>
      <c r="AO8547">
        <v>27352.276610000001</v>
      </c>
      <c r="AP8547">
        <v>15103.702859999999</v>
      </c>
    </row>
    <row r="8548" spans="2:42" x14ac:dyDescent="0.3">
      <c r="B8548">
        <v>43.927727276923655</v>
      </c>
      <c r="C8548" s="83">
        <v>43457.083333333336</v>
      </c>
      <c r="D8548">
        <v>155342.0429</v>
      </c>
      <c r="E8548">
        <v>14303.56294</v>
      </c>
      <c r="F8548">
        <v>50743.495179999998</v>
      </c>
      <c r="G8548">
        <v>38682.324910000003</v>
      </c>
      <c r="H8548">
        <v>36155.49048</v>
      </c>
      <c r="I8548">
        <v>18165.801329999998</v>
      </c>
      <c r="J8548">
        <v>24185.594690000002</v>
      </c>
      <c r="K8548">
        <v>47515.362130000001</v>
      </c>
      <c r="L8548">
        <v>17679.449799999999</v>
      </c>
      <c r="M8548">
        <v>223964.03899999999</v>
      </c>
      <c r="N8548">
        <v>65054.552920000002</v>
      </c>
      <c r="O8548">
        <v>21623.581870000002</v>
      </c>
      <c r="P8548">
        <v>30427.69241</v>
      </c>
      <c r="Q8548">
        <v>53495.495510000001</v>
      </c>
      <c r="R8548">
        <v>22474.18677</v>
      </c>
      <c r="S8548">
        <v>78539.759510000004</v>
      </c>
      <c r="T8548">
        <v>26821.80546</v>
      </c>
      <c r="U8548">
        <v>14921.00332</v>
      </c>
      <c r="W8548" s="83">
        <f>Bühler!N8580</f>
        <v>45648.083333312607</v>
      </c>
      <c r="X8548" s="83">
        <v>43457.083333333336</v>
      </c>
      <c r="Y8548">
        <v>155342.0429</v>
      </c>
      <c r="Z8548">
        <v>14303.56294</v>
      </c>
      <c r="AA8548">
        <v>50743.495179999998</v>
      </c>
      <c r="AB8548">
        <v>38682.324910000003</v>
      </c>
      <c r="AC8548">
        <v>36155.49048</v>
      </c>
      <c r="AD8548">
        <v>18165.801329999998</v>
      </c>
      <c r="AE8548">
        <v>24185.594690000002</v>
      </c>
      <c r="AF8548">
        <v>47515.362130000001</v>
      </c>
      <c r="AG8548">
        <v>17679.449799999999</v>
      </c>
      <c r="AH8548">
        <v>223964.03899999999</v>
      </c>
      <c r="AI8548">
        <v>65054.552920000002</v>
      </c>
      <c r="AJ8548">
        <v>21623.581870000002</v>
      </c>
      <c r="AK8548">
        <v>30427.69241</v>
      </c>
      <c r="AL8548">
        <v>53495.495510000001</v>
      </c>
      <c r="AM8548">
        <v>22474.18677</v>
      </c>
      <c r="AN8548">
        <v>78539.759510000004</v>
      </c>
      <c r="AO8548">
        <v>26821.80546</v>
      </c>
      <c r="AP8548">
        <v>14921.00332</v>
      </c>
    </row>
    <row r="8549" spans="2:42" x14ac:dyDescent="0.3">
      <c r="B8549">
        <v>43.334769846740755</v>
      </c>
      <c r="C8549" s="83">
        <v>43457.125</v>
      </c>
      <c r="D8549">
        <v>154670.5429</v>
      </c>
      <c r="E8549">
        <v>14335.745929999999</v>
      </c>
      <c r="F8549">
        <v>50681.91446</v>
      </c>
      <c r="G8549">
        <v>38150.148549999998</v>
      </c>
      <c r="H8549">
        <v>36417.230490000002</v>
      </c>
      <c r="I8549">
        <v>17282.219809999999</v>
      </c>
      <c r="J8549">
        <v>24229.134829999999</v>
      </c>
      <c r="K8549">
        <v>45898.028530000003</v>
      </c>
      <c r="L8549">
        <v>17165.829880000001</v>
      </c>
      <c r="M8549">
        <v>220940.86550000001</v>
      </c>
      <c r="N8549">
        <v>64592.244440000002</v>
      </c>
      <c r="O8549">
        <v>21312.576290000001</v>
      </c>
      <c r="P8549">
        <v>29256.373769999998</v>
      </c>
      <c r="Q8549">
        <v>54367.940210000001</v>
      </c>
      <c r="R8549">
        <v>21961.616109999999</v>
      </c>
      <c r="S8549">
        <v>77254.239419999998</v>
      </c>
      <c r="T8549">
        <v>26878.3878</v>
      </c>
      <c r="U8549">
        <v>15089.96228</v>
      </c>
      <c r="W8549" s="83">
        <f>Bühler!N8581</f>
        <v>45648.124999979271</v>
      </c>
      <c r="X8549" s="83">
        <v>43457.125</v>
      </c>
      <c r="Y8549">
        <v>154670.5429</v>
      </c>
      <c r="Z8549">
        <v>14335.745929999999</v>
      </c>
      <c r="AA8549">
        <v>50681.91446</v>
      </c>
      <c r="AB8549">
        <v>38150.148549999998</v>
      </c>
      <c r="AC8549">
        <v>36417.230490000002</v>
      </c>
      <c r="AD8549">
        <v>17282.219809999999</v>
      </c>
      <c r="AE8549">
        <v>24229.134829999999</v>
      </c>
      <c r="AF8549">
        <v>45898.028530000003</v>
      </c>
      <c r="AG8549">
        <v>17165.829880000001</v>
      </c>
      <c r="AH8549">
        <v>220940.86550000001</v>
      </c>
      <c r="AI8549">
        <v>64592.244440000002</v>
      </c>
      <c r="AJ8549">
        <v>21312.576290000001</v>
      </c>
      <c r="AK8549">
        <v>29256.373769999998</v>
      </c>
      <c r="AL8549">
        <v>54367.940210000001</v>
      </c>
      <c r="AM8549">
        <v>21961.616109999999</v>
      </c>
      <c r="AN8549">
        <v>77254.239419999998</v>
      </c>
      <c r="AO8549">
        <v>26878.3878</v>
      </c>
      <c r="AP8549">
        <v>15089.96228</v>
      </c>
    </row>
    <row r="8550" spans="2:42" x14ac:dyDescent="0.3">
      <c r="B8550">
        <v>43.165182260590612</v>
      </c>
      <c r="C8550" s="83">
        <v>43457.166666666664</v>
      </c>
      <c r="D8550">
        <v>154001.64859999999</v>
      </c>
      <c r="E8550">
        <v>14397.15386</v>
      </c>
      <c r="F8550">
        <v>52218.304080000002</v>
      </c>
      <c r="G8550">
        <v>37109.753049999999</v>
      </c>
      <c r="H8550">
        <v>36127.213580000003</v>
      </c>
      <c r="I8550">
        <v>17786.975829999999</v>
      </c>
      <c r="J8550">
        <v>25456.706719999998</v>
      </c>
      <c r="K8550">
        <v>43577.597959999999</v>
      </c>
      <c r="L8550">
        <v>17149.293239999999</v>
      </c>
      <c r="M8550">
        <v>220076.22889999999</v>
      </c>
      <c r="N8550">
        <v>63499.449910000003</v>
      </c>
      <c r="O8550">
        <v>21770.399509999999</v>
      </c>
      <c r="P8550">
        <v>28778.74351</v>
      </c>
      <c r="Q8550">
        <v>54605.602270000003</v>
      </c>
      <c r="R8550">
        <v>21962.037380000002</v>
      </c>
      <c r="S8550">
        <v>78370.320699999997</v>
      </c>
      <c r="T8550">
        <v>26918.580450000001</v>
      </c>
      <c r="U8550">
        <v>15551.62528</v>
      </c>
      <c r="W8550" s="83">
        <f>Bühler!N8582</f>
        <v>45648.166666645935</v>
      </c>
      <c r="X8550" s="83">
        <v>43457.166666666664</v>
      </c>
      <c r="Y8550">
        <v>154001.64859999999</v>
      </c>
      <c r="Z8550">
        <v>14397.15386</v>
      </c>
      <c r="AA8550">
        <v>52218.304080000002</v>
      </c>
      <c r="AB8550">
        <v>37109.753049999999</v>
      </c>
      <c r="AC8550">
        <v>36127.213580000003</v>
      </c>
      <c r="AD8550">
        <v>17786.975829999999</v>
      </c>
      <c r="AE8550">
        <v>25456.706719999998</v>
      </c>
      <c r="AF8550">
        <v>43577.597959999999</v>
      </c>
      <c r="AG8550">
        <v>17149.293239999999</v>
      </c>
      <c r="AH8550">
        <v>220076.22889999999</v>
      </c>
      <c r="AI8550">
        <v>63499.449910000003</v>
      </c>
      <c r="AJ8550">
        <v>21770.399509999999</v>
      </c>
      <c r="AK8550">
        <v>28778.74351</v>
      </c>
      <c r="AL8550">
        <v>54605.602270000003</v>
      </c>
      <c r="AM8550">
        <v>21962.037380000002</v>
      </c>
      <c r="AN8550">
        <v>78370.320699999997</v>
      </c>
      <c r="AO8550">
        <v>26918.580450000001</v>
      </c>
      <c r="AP8550">
        <v>15551.62528</v>
      </c>
    </row>
    <row r="8551" spans="2:42" x14ac:dyDescent="0.3">
      <c r="B8551">
        <v>43.291589410657785</v>
      </c>
      <c r="C8551" s="83">
        <v>43457.208333333336</v>
      </c>
      <c r="D8551">
        <v>153190.39540000001</v>
      </c>
      <c r="E8551">
        <v>14623.98076</v>
      </c>
      <c r="F8551">
        <v>56384.040009999997</v>
      </c>
      <c r="G8551">
        <v>37179.491170000001</v>
      </c>
      <c r="H8551">
        <v>36873.915150000001</v>
      </c>
      <c r="I8551">
        <v>21403.028320000001</v>
      </c>
      <c r="J8551">
        <v>27183.375189999999</v>
      </c>
      <c r="K8551">
        <v>43216.313219999996</v>
      </c>
      <c r="L8551">
        <v>17420.177210000002</v>
      </c>
      <c r="M8551">
        <v>220720.7115</v>
      </c>
      <c r="N8551">
        <v>62823.446210000002</v>
      </c>
      <c r="O8551">
        <v>21897.30932</v>
      </c>
      <c r="P8551">
        <v>29728.223389999999</v>
      </c>
      <c r="Q8551">
        <v>54987.369789999997</v>
      </c>
      <c r="R8551">
        <v>21729.43477</v>
      </c>
      <c r="S8551">
        <v>80250.506710000001</v>
      </c>
      <c r="T8551">
        <v>26980.342049999999</v>
      </c>
      <c r="U8551">
        <v>15551.755010000001</v>
      </c>
      <c r="W8551" s="83">
        <f>Bühler!N8583</f>
        <v>45648.208333312599</v>
      </c>
      <c r="X8551" s="83">
        <v>43457.208333333336</v>
      </c>
      <c r="Y8551">
        <v>153190.39540000001</v>
      </c>
      <c r="Z8551">
        <v>14623.98076</v>
      </c>
      <c r="AA8551">
        <v>56384.040009999997</v>
      </c>
      <c r="AB8551">
        <v>37179.491170000001</v>
      </c>
      <c r="AC8551">
        <v>36873.915150000001</v>
      </c>
      <c r="AD8551">
        <v>21403.028320000001</v>
      </c>
      <c r="AE8551">
        <v>27183.375189999999</v>
      </c>
      <c r="AF8551">
        <v>43216.313219999996</v>
      </c>
      <c r="AG8551">
        <v>17420.177210000002</v>
      </c>
      <c r="AH8551">
        <v>220720.7115</v>
      </c>
      <c r="AI8551">
        <v>62823.446210000002</v>
      </c>
      <c r="AJ8551">
        <v>21897.30932</v>
      </c>
      <c r="AK8551">
        <v>29728.223389999999</v>
      </c>
      <c r="AL8551">
        <v>54987.369789999997</v>
      </c>
      <c r="AM8551">
        <v>21729.43477</v>
      </c>
      <c r="AN8551">
        <v>80250.506710000001</v>
      </c>
      <c r="AO8551">
        <v>26980.342049999999</v>
      </c>
      <c r="AP8551">
        <v>15551.755010000001</v>
      </c>
    </row>
    <row r="8552" spans="2:42" x14ac:dyDescent="0.3">
      <c r="B8552">
        <v>43.748813729433195</v>
      </c>
      <c r="C8552" s="83">
        <v>43457.25</v>
      </c>
      <c r="D8552">
        <v>153605.48050000001</v>
      </c>
      <c r="E8552">
        <v>15134.624970000001</v>
      </c>
      <c r="F8552">
        <v>62241.814030000001</v>
      </c>
      <c r="G8552">
        <v>38361.621720000003</v>
      </c>
      <c r="H8552">
        <v>36831.393490000002</v>
      </c>
      <c r="I8552">
        <v>23740.572980000001</v>
      </c>
      <c r="J8552">
        <v>29331.583439999999</v>
      </c>
      <c r="K8552">
        <v>41770.76397</v>
      </c>
      <c r="L8552">
        <v>18251.02421</v>
      </c>
      <c r="M8552">
        <v>223051.85430000001</v>
      </c>
      <c r="N8552">
        <v>62587.943200000002</v>
      </c>
      <c r="O8552">
        <v>21539.316449999998</v>
      </c>
      <c r="P8552">
        <v>29703.27577</v>
      </c>
      <c r="Q8552">
        <v>55607.908380000001</v>
      </c>
      <c r="R8552">
        <v>18736.426780000002</v>
      </c>
      <c r="S8552">
        <v>85308.54522</v>
      </c>
      <c r="T8552">
        <v>27860.511859999999</v>
      </c>
      <c r="U8552">
        <v>14822.024230000001</v>
      </c>
      <c r="W8552" s="83">
        <f>Bühler!N8584</f>
        <v>45648.249999979264</v>
      </c>
      <c r="X8552" s="83">
        <v>43457.25</v>
      </c>
      <c r="Y8552">
        <v>153605.48050000001</v>
      </c>
      <c r="Z8552">
        <v>15134.624970000001</v>
      </c>
      <c r="AA8552">
        <v>62241.814030000001</v>
      </c>
      <c r="AB8552">
        <v>38361.621720000003</v>
      </c>
      <c r="AC8552">
        <v>36831.393490000002</v>
      </c>
      <c r="AD8552">
        <v>23740.572980000001</v>
      </c>
      <c r="AE8552">
        <v>29331.583439999999</v>
      </c>
      <c r="AF8552">
        <v>41770.76397</v>
      </c>
      <c r="AG8552">
        <v>18251.02421</v>
      </c>
      <c r="AH8552">
        <v>223051.85430000001</v>
      </c>
      <c r="AI8552">
        <v>62587.943200000002</v>
      </c>
      <c r="AJ8552">
        <v>21539.316449999998</v>
      </c>
      <c r="AK8552">
        <v>29703.27577</v>
      </c>
      <c r="AL8552">
        <v>55607.908380000001</v>
      </c>
      <c r="AM8552">
        <v>18736.426780000002</v>
      </c>
      <c r="AN8552">
        <v>85308.54522</v>
      </c>
      <c r="AO8552">
        <v>27860.511859999999</v>
      </c>
      <c r="AP8552">
        <v>14822.024230000001</v>
      </c>
    </row>
    <row r="8553" spans="2:42" x14ac:dyDescent="0.3">
      <c r="B8553">
        <v>43.946654439236347</v>
      </c>
      <c r="C8553" s="83">
        <v>43457.291666666664</v>
      </c>
      <c r="D8553">
        <v>153750.5693</v>
      </c>
      <c r="E8553">
        <v>15712.309639999999</v>
      </c>
      <c r="F8553">
        <v>66766.023839999994</v>
      </c>
      <c r="G8553">
        <v>38551.553509999998</v>
      </c>
      <c r="H8553">
        <v>36926.080990000002</v>
      </c>
      <c r="I8553">
        <v>26377.35009</v>
      </c>
      <c r="J8553">
        <v>30402.817849999999</v>
      </c>
      <c r="K8553">
        <v>42066.3292</v>
      </c>
      <c r="L8553">
        <v>20370.124459999999</v>
      </c>
      <c r="M8553">
        <v>224060.5385</v>
      </c>
      <c r="N8553">
        <v>63702.937989999999</v>
      </c>
      <c r="O8553">
        <v>22118.118490000001</v>
      </c>
      <c r="P8553">
        <v>31325.3806</v>
      </c>
      <c r="Q8553">
        <v>55677.389280000003</v>
      </c>
      <c r="R8553">
        <v>19308.596809999999</v>
      </c>
      <c r="S8553">
        <v>92867.779009999998</v>
      </c>
      <c r="T8553">
        <v>26492.72682</v>
      </c>
      <c r="U8553">
        <v>15193.96747</v>
      </c>
      <c r="W8553" s="83">
        <f>Bühler!N8585</f>
        <v>45648.291666645928</v>
      </c>
      <c r="X8553" s="83">
        <v>43457.291666666664</v>
      </c>
      <c r="Y8553">
        <v>153750.5693</v>
      </c>
      <c r="Z8553">
        <v>15712.309639999999</v>
      </c>
      <c r="AA8553">
        <v>66766.023839999994</v>
      </c>
      <c r="AB8553">
        <v>38551.553509999998</v>
      </c>
      <c r="AC8553">
        <v>36926.080990000002</v>
      </c>
      <c r="AD8553">
        <v>26377.35009</v>
      </c>
      <c r="AE8553">
        <v>30402.817849999999</v>
      </c>
      <c r="AF8553">
        <v>42066.3292</v>
      </c>
      <c r="AG8553">
        <v>20370.124459999999</v>
      </c>
      <c r="AH8553">
        <v>224060.5385</v>
      </c>
      <c r="AI8553">
        <v>63702.937989999999</v>
      </c>
      <c r="AJ8553">
        <v>22118.118490000001</v>
      </c>
      <c r="AK8553">
        <v>31325.3806</v>
      </c>
      <c r="AL8553">
        <v>55677.389280000003</v>
      </c>
      <c r="AM8553">
        <v>19308.596809999999</v>
      </c>
      <c r="AN8553">
        <v>92867.779009999998</v>
      </c>
      <c r="AO8553">
        <v>26492.72682</v>
      </c>
      <c r="AP8553">
        <v>15193.96747</v>
      </c>
    </row>
    <row r="8554" spans="2:42" x14ac:dyDescent="0.3">
      <c r="B8554">
        <v>43.646579476024336</v>
      </c>
      <c r="C8554" s="83">
        <v>43457.333333333336</v>
      </c>
      <c r="D8554">
        <v>153089.79399999999</v>
      </c>
      <c r="E8554">
        <v>17072.610680000002</v>
      </c>
      <c r="F8554">
        <v>69787.671279999995</v>
      </c>
      <c r="G8554">
        <v>38006.239589999997</v>
      </c>
      <c r="H8554">
        <v>37186.61666</v>
      </c>
      <c r="I8554">
        <v>26626.13249</v>
      </c>
      <c r="J8554">
        <v>30200.997950000001</v>
      </c>
      <c r="K8554">
        <v>41711.254809999999</v>
      </c>
      <c r="L8554">
        <v>22723.43432</v>
      </c>
      <c r="M8554">
        <v>222530.6164</v>
      </c>
      <c r="N8554">
        <v>65405.379919999999</v>
      </c>
      <c r="O8554">
        <v>22044.074229999998</v>
      </c>
      <c r="P8554">
        <v>34802.541409999998</v>
      </c>
      <c r="Q8554">
        <v>54809.666599999997</v>
      </c>
      <c r="R8554">
        <v>18779.36707</v>
      </c>
      <c r="S8554">
        <v>97351.244720000002</v>
      </c>
      <c r="T8554">
        <v>29083.86491</v>
      </c>
      <c r="U8554">
        <v>14884.665709999999</v>
      </c>
      <c r="W8554" s="83">
        <f>Bühler!N8586</f>
        <v>45648.333333312592</v>
      </c>
      <c r="X8554" s="83">
        <v>43457.333333333336</v>
      </c>
      <c r="Y8554">
        <v>153089.79399999999</v>
      </c>
      <c r="Z8554">
        <v>17072.610680000002</v>
      </c>
      <c r="AA8554">
        <v>69787.671279999995</v>
      </c>
      <c r="AB8554">
        <v>38006.239589999997</v>
      </c>
      <c r="AC8554">
        <v>37186.61666</v>
      </c>
      <c r="AD8554">
        <v>26626.13249</v>
      </c>
      <c r="AE8554">
        <v>30200.997950000001</v>
      </c>
      <c r="AF8554">
        <v>41711.254809999999</v>
      </c>
      <c r="AG8554">
        <v>22723.43432</v>
      </c>
      <c r="AH8554">
        <v>222530.6164</v>
      </c>
      <c r="AI8554">
        <v>65405.379919999999</v>
      </c>
      <c r="AJ8554">
        <v>22044.074229999998</v>
      </c>
      <c r="AK8554">
        <v>34802.541409999998</v>
      </c>
      <c r="AL8554">
        <v>54809.666599999997</v>
      </c>
      <c r="AM8554">
        <v>18779.36707</v>
      </c>
      <c r="AN8554">
        <v>97351.244720000002</v>
      </c>
      <c r="AO8554">
        <v>29083.86491</v>
      </c>
      <c r="AP8554">
        <v>14884.665709999999</v>
      </c>
    </row>
    <row r="8555" spans="2:42" x14ac:dyDescent="0.3">
      <c r="B8555">
        <v>43.217243700678139</v>
      </c>
      <c r="C8555" s="83">
        <v>43457.375</v>
      </c>
      <c r="D8555">
        <v>151399.37030000001</v>
      </c>
      <c r="E8555">
        <v>18521.19022</v>
      </c>
      <c r="F8555">
        <v>75356.509529999996</v>
      </c>
      <c r="G8555">
        <v>37674.669869999998</v>
      </c>
      <c r="H8555">
        <v>36622.08079</v>
      </c>
      <c r="I8555">
        <v>25841.26094</v>
      </c>
      <c r="J8555">
        <v>28933.64573</v>
      </c>
      <c r="K8555">
        <v>44019.568359999997</v>
      </c>
      <c r="L8555">
        <v>25171.170870000002</v>
      </c>
      <c r="M8555">
        <v>220341.6624</v>
      </c>
      <c r="N8555">
        <v>68402.334480000005</v>
      </c>
      <c r="O8555">
        <v>21915.732980000001</v>
      </c>
      <c r="P8555">
        <v>37388.728139999999</v>
      </c>
      <c r="Q8555">
        <v>53972.545810000003</v>
      </c>
      <c r="R8555">
        <v>19023.16821</v>
      </c>
      <c r="S8555">
        <v>97543.090349999999</v>
      </c>
      <c r="T8555">
        <v>30048.243729999998</v>
      </c>
      <c r="U8555">
        <v>13969.77995</v>
      </c>
      <c r="W8555" s="83">
        <f>Bühler!N8587</f>
        <v>45648.374999979256</v>
      </c>
      <c r="X8555" s="83">
        <v>43457.375</v>
      </c>
      <c r="Y8555">
        <v>151399.37030000001</v>
      </c>
      <c r="Z8555">
        <v>18521.19022</v>
      </c>
      <c r="AA8555">
        <v>75356.509529999996</v>
      </c>
      <c r="AB8555">
        <v>37674.669869999998</v>
      </c>
      <c r="AC8555">
        <v>36622.08079</v>
      </c>
      <c r="AD8555">
        <v>25841.26094</v>
      </c>
      <c r="AE8555">
        <v>28933.64573</v>
      </c>
      <c r="AF8555">
        <v>44019.568359999997</v>
      </c>
      <c r="AG8555">
        <v>25171.170870000002</v>
      </c>
      <c r="AH8555">
        <v>220341.6624</v>
      </c>
      <c r="AI8555">
        <v>68402.334480000005</v>
      </c>
      <c r="AJ8555">
        <v>21915.732980000001</v>
      </c>
      <c r="AK8555">
        <v>37388.728139999999</v>
      </c>
      <c r="AL8555">
        <v>53972.545810000003</v>
      </c>
      <c r="AM8555">
        <v>19023.16821</v>
      </c>
      <c r="AN8555">
        <v>97543.090349999999</v>
      </c>
      <c r="AO8555">
        <v>30048.243729999998</v>
      </c>
      <c r="AP8555">
        <v>13969.77995</v>
      </c>
    </row>
    <row r="8556" spans="2:42" x14ac:dyDescent="0.3">
      <c r="B8556">
        <v>43.454322053055058</v>
      </c>
      <c r="C8556" s="83">
        <v>43457.416666666664</v>
      </c>
      <c r="D8556">
        <v>151022.06849999999</v>
      </c>
      <c r="E8556">
        <v>20922.048640000001</v>
      </c>
      <c r="F8556">
        <v>76409.038079999998</v>
      </c>
      <c r="G8556">
        <v>37812.112289999997</v>
      </c>
      <c r="H8556">
        <v>36950.706480000001</v>
      </c>
      <c r="I8556">
        <v>25903.438279999998</v>
      </c>
      <c r="J8556">
        <v>28388.21153</v>
      </c>
      <c r="K8556">
        <v>46211.90554</v>
      </c>
      <c r="L8556">
        <v>27537.60974</v>
      </c>
      <c r="M8556">
        <v>221550.39840000001</v>
      </c>
      <c r="N8556">
        <v>70512.711120000007</v>
      </c>
      <c r="O8556">
        <v>21944.295440000002</v>
      </c>
      <c r="P8556">
        <v>37613.425230000001</v>
      </c>
      <c r="Q8556">
        <v>54018.017220000002</v>
      </c>
      <c r="R8556">
        <v>19377.05487</v>
      </c>
      <c r="S8556">
        <v>96186.653099999996</v>
      </c>
      <c r="T8556">
        <v>31944.109329999999</v>
      </c>
      <c r="U8556">
        <v>13791.59765</v>
      </c>
      <c r="W8556" s="83">
        <f>Bühler!N8588</f>
        <v>45648.41666664592</v>
      </c>
      <c r="X8556" s="83">
        <v>43457.416666666664</v>
      </c>
      <c r="Y8556">
        <v>151022.06849999999</v>
      </c>
      <c r="Z8556">
        <v>20922.048640000001</v>
      </c>
      <c r="AA8556">
        <v>76409.038079999998</v>
      </c>
      <c r="AB8556">
        <v>37812.112289999997</v>
      </c>
      <c r="AC8556">
        <v>36950.706480000001</v>
      </c>
      <c r="AD8556">
        <v>25903.438279999998</v>
      </c>
      <c r="AE8556">
        <v>28388.21153</v>
      </c>
      <c r="AF8556">
        <v>46211.90554</v>
      </c>
      <c r="AG8556">
        <v>27537.60974</v>
      </c>
      <c r="AH8556">
        <v>221550.39840000001</v>
      </c>
      <c r="AI8556">
        <v>70512.711120000007</v>
      </c>
      <c r="AJ8556">
        <v>21944.295440000002</v>
      </c>
      <c r="AK8556">
        <v>37613.425230000001</v>
      </c>
      <c r="AL8556">
        <v>54018.017220000002</v>
      </c>
      <c r="AM8556">
        <v>19377.05487</v>
      </c>
      <c r="AN8556">
        <v>96186.653099999996</v>
      </c>
      <c r="AO8556">
        <v>31944.109329999999</v>
      </c>
      <c r="AP8556">
        <v>13791.59765</v>
      </c>
    </row>
    <row r="8557" spans="2:42" x14ac:dyDescent="0.3">
      <c r="B8557">
        <v>43.149821249112414</v>
      </c>
      <c r="C8557" s="83">
        <v>43457.458333333336</v>
      </c>
      <c r="D8557">
        <v>150310.14809999999</v>
      </c>
      <c r="E8557">
        <v>20952.92525</v>
      </c>
      <c r="F8557">
        <v>75666.165240000002</v>
      </c>
      <c r="G8557">
        <v>37740.300300000003</v>
      </c>
      <c r="H8557">
        <v>37257.25144</v>
      </c>
      <c r="I8557">
        <v>25841.455620000001</v>
      </c>
      <c r="J8557">
        <v>28714.867760000001</v>
      </c>
      <c r="K8557">
        <v>48174.954140000002</v>
      </c>
      <c r="L8557">
        <v>28902.78715</v>
      </c>
      <c r="M8557">
        <v>219997.91130000001</v>
      </c>
      <c r="N8557">
        <v>69763.430189999999</v>
      </c>
      <c r="O8557">
        <v>21721.06338</v>
      </c>
      <c r="P8557">
        <v>36101.482739999999</v>
      </c>
      <c r="Q8557">
        <v>52955.537049999999</v>
      </c>
      <c r="R8557">
        <v>19849.709129999999</v>
      </c>
      <c r="S8557">
        <v>98432.934049999996</v>
      </c>
      <c r="T8557">
        <v>31835.550370000001</v>
      </c>
      <c r="U8557">
        <v>13770.3195</v>
      </c>
      <c r="W8557" s="83">
        <f>Bühler!N8589</f>
        <v>45648.458333312585</v>
      </c>
      <c r="X8557" s="83">
        <v>43457.458333333336</v>
      </c>
      <c r="Y8557">
        <v>150310.14809999999</v>
      </c>
      <c r="Z8557">
        <v>20952.92525</v>
      </c>
      <c r="AA8557">
        <v>75666.165240000002</v>
      </c>
      <c r="AB8557">
        <v>37740.300300000003</v>
      </c>
      <c r="AC8557">
        <v>37257.25144</v>
      </c>
      <c r="AD8557">
        <v>25841.455620000001</v>
      </c>
      <c r="AE8557">
        <v>28714.867760000001</v>
      </c>
      <c r="AF8557">
        <v>48174.954140000002</v>
      </c>
      <c r="AG8557">
        <v>28902.78715</v>
      </c>
      <c r="AH8557">
        <v>219997.91130000001</v>
      </c>
      <c r="AI8557">
        <v>69763.430189999999</v>
      </c>
      <c r="AJ8557">
        <v>21721.06338</v>
      </c>
      <c r="AK8557">
        <v>36101.482739999999</v>
      </c>
      <c r="AL8557">
        <v>52955.537049999999</v>
      </c>
      <c r="AM8557">
        <v>19849.709129999999</v>
      </c>
      <c r="AN8557">
        <v>98432.934049999996</v>
      </c>
      <c r="AO8557">
        <v>31835.550370000001</v>
      </c>
      <c r="AP8557">
        <v>13770.3195</v>
      </c>
    </row>
    <row r="8558" spans="2:42" x14ac:dyDescent="0.3">
      <c r="B8558">
        <v>42.948853167482007</v>
      </c>
      <c r="C8558" s="83">
        <v>43457.5</v>
      </c>
      <c r="D8558">
        <v>149637.71650000001</v>
      </c>
      <c r="E8558">
        <v>20574.179820000001</v>
      </c>
      <c r="F8558">
        <v>73997.956080000004</v>
      </c>
      <c r="G8558">
        <v>37521.999770000002</v>
      </c>
      <c r="H8558">
        <v>36479.483500000002</v>
      </c>
      <c r="I8558">
        <v>25926.294549999999</v>
      </c>
      <c r="J8558">
        <v>28724.488979999998</v>
      </c>
      <c r="K8558">
        <v>49186.419860000002</v>
      </c>
      <c r="L8558">
        <v>30985.573400000001</v>
      </c>
      <c r="M8558">
        <v>218973.28229999999</v>
      </c>
      <c r="N8558">
        <v>68563.32922</v>
      </c>
      <c r="O8558">
        <v>22192.804039999999</v>
      </c>
      <c r="P8558">
        <v>35925.293180000001</v>
      </c>
      <c r="Q8558">
        <v>52013.546779999997</v>
      </c>
      <c r="R8558">
        <v>20677.275389999999</v>
      </c>
      <c r="S8558">
        <v>93775.244250000003</v>
      </c>
      <c r="T8558">
        <v>31833.072080000002</v>
      </c>
      <c r="U8558">
        <v>13302.468489999999</v>
      </c>
      <c r="W8558" s="83">
        <f>Bühler!N8590</f>
        <v>45648.499999979249</v>
      </c>
      <c r="X8558" s="83">
        <v>43457.5</v>
      </c>
      <c r="Y8558">
        <v>149637.71650000001</v>
      </c>
      <c r="Z8558">
        <v>20574.179820000001</v>
      </c>
      <c r="AA8558">
        <v>73997.956080000004</v>
      </c>
      <c r="AB8558">
        <v>37521.999770000002</v>
      </c>
      <c r="AC8558">
        <v>36479.483500000002</v>
      </c>
      <c r="AD8558">
        <v>25926.294549999999</v>
      </c>
      <c r="AE8558">
        <v>28724.488979999998</v>
      </c>
      <c r="AF8558">
        <v>49186.419860000002</v>
      </c>
      <c r="AG8558">
        <v>30985.573400000001</v>
      </c>
      <c r="AH8558">
        <v>218973.28229999999</v>
      </c>
      <c r="AI8558">
        <v>68563.32922</v>
      </c>
      <c r="AJ8558">
        <v>22192.804039999999</v>
      </c>
      <c r="AK8558">
        <v>35925.293180000001</v>
      </c>
      <c r="AL8558">
        <v>52013.546779999997</v>
      </c>
      <c r="AM8558">
        <v>20677.275389999999</v>
      </c>
      <c r="AN8558">
        <v>93775.244250000003</v>
      </c>
      <c r="AO8558">
        <v>31833.072080000002</v>
      </c>
      <c r="AP8558">
        <v>13302.468489999999</v>
      </c>
    </row>
    <row r="8559" spans="2:42" x14ac:dyDescent="0.3">
      <c r="B8559">
        <v>43.052843909881737</v>
      </c>
      <c r="C8559" s="83">
        <v>43457.541666666664</v>
      </c>
      <c r="D8559">
        <v>149351.59710000001</v>
      </c>
      <c r="E8559">
        <v>19978.110799999999</v>
      </c>
      <c r="F8559">
        <v>69840.807750000007</v>
      </c>
      <c r="G8559">
        <v>37392.892590000003</v>
      </c>
      <c r="H8559">
        <v>35826.373249999997</v>
      </c>
      <c r="I8559">
        <v>26385.048900000002</v>
      </c>
      <c r="J8559">
        <v>28076.203539999999</v>
      </c>
      <c r="K8559">
        <v>48342.873520000001</v>
      </c>
      <c r="L8559">
        <v>30719.288670000002</v>
      </c>
      <c r="M8559">
        <v>219503.47560000001</v>
      </c>
      <c r="N8559">
        <v>67929.399460000001</v>
      </c>
      <c r="O8559">
        <v>21784.98489</v>
      </c>
      <c r="P8559">
        <v>35102.534160000003</v>
      </c>
      <c r="Q8559">
        <v>50969.73487</v>
      </c>
      <c r="R8559">
        <v>21430.81668</v>
      </c>
      <c r="S8559">
        <v>93831.063070000004</v>
      </c>
      <c r="T8559">
        <v>30415.059870000001</v>
      </c>
      <c r="U8559">
        <v>13019.8565</v>
      </c>
      <c r="W8559" s="83">
        <f>Bühler!N8591</f>
        <v>45648.541666645913</v>
      </c>
      <c r="X8559" s="83">
        <v>43457.541666666664</v>
      </c>
      <c r="Y8559">
        <v>149351.59710000001</v>
      </c>
      <c r="Z8559">
        <v>19978.110799999999</v>
      </c>
      <c r="AA8559">
        <v>69840.807750000007</v>
      </c>
      <c r="AB8559">
        <v>37392.892590000003</v>
      </c>
      <c r="AC8559">
        <v>35826.373249999997</v>
      </c>
      <c r="AD8559">
        <v>26385.048900000002</v>
      </c>
      <c r="AE8559">
        <v>28076.203539999999</v>
      </c>
      <c r="AF8559">
        <v>48342.873520000001</v>
      </c>
      <c r="AG8559">
        <v>30719.288670000002</v>
      </c>
      <c r="AH8559">
        <v>219503.47560000001</v>
      </c>
      <c r="AI8559">
        <v>67929.399460000001</v>
      </c>
      <c r="AJ8559">
        <v>21784.98489</v>
      </c>
      <c r="AK8559">
        <v>35102.534160000003</v>
      </c>
      <c r="AL8559">
        <v>50969.73487</v>
      </c>
      <c r="AM8559">
        <v>21430.81668</v>
      </c>
      <c r="AN8559">
        <v>93831.063070000004</v>
      </c>
      <c r="AO8559">
        <v>30415.059870000001</v>
      </c>
      <c r="AP8559">
        <v>13019.8565</v>
      </c>
    </row>
    <row r="8560" spans="2:42" x14ac:dyDescent="0.3">
      <c r="B8560">
        <v>43.463349355956176</v>
      </c>
      <c r="C8560" s="83">
        <v>43457.583333333336</v>
      </c>
      <c r="D8560">
        <v>149458.6654</v>
      </c>
      <c r="E8560">
        <v>20653.28944</v>
      </c>
      <c r="F8560">
        <v>69185.357770000002</v>
      </c>
      <c r="G8560">
        <v>37177.174350000001</v>
      </c>
      <c r="H8560">
        <v>35934.856950000001</v>
      </c>
      <c r="I8560">
        <v>27275.67137</v>
      </c>
      <c r="J8560">
        <v>27407.762500000001</v>
      </c>
      <c r="K8560">
        <v>46355.621469999998</v>
      </c>
      <c r="L8560">
        <v>28971.47651</v>
      </c>
      <c r="M8560">
        <v>221596.42379999999</v>
      </c>
      <c r="N8560">
        <v>68392.641889999999</v>
      </c>
      <c r="O8560">
        <v>21390.10097</v>
      </c>
      <c r="P8560">
        <v>33373.192779999998</v>
      </c>
      <c r="Q8560">
        <v>51171.032639999998</v>
      </c>
      <c r="R8560">
        <v>20423.598480000001</v>
      </c>
      <c r="S8560">
        <v>90880.865749999997</v>
      </c>
      <c r="T8560">
        <v>30061.942520000001</v>
      </c>
      <c r="U8560">
        <v>12945.623939999999</v>
      </c>
      <c r="W8560" s="83">
        <f>Bühler!N8592</f>
        <v>45648.583333312577</v>
      </c>
      <c r="X8560" s="83">
        <v>43457.583333333336</v>
      </c>
      <c r="Y8560">
        <v>149458.6654</v>
      </c>
      <c r="Z8560">
        <v>20653.28944</v>
      </c>
      <c r="AA8560">
        <v>69185.357770000002</v>
      </c>
      <c r="AB8560">
        <v>37177.174350000001</v>
      </c>
      <c r="AC8560">
        <v>35934.856950000001</v>
      </c>
      <c r="AD8560">
        <v>27275.67137</v>
      </c>
      <c r="AE8560">
        <v>27407.762500000001</v>
      </c>
      <c r="AF8560">
        <v>46355.621469999998</v>
      </c>
      <c r="AG8560">
        <v>28971.47651</v>
      </c>
      <c r="AH8560">
        <v>221596.42379999999</v>
      </c>
      <c r="AI8560">
        <v>68392.641889999999</v>
      </c>
      <c r="AJ8560">
        <v>21390.10097</v>
      </c>
      <c r="AK8560">
        <v>33373.192779999998</v>
      </c>
      <c r="AL8560">
        <v>51171.032639999998</v>
      </c>
      <c r="AM8560">
        <v>20423.598480000001</v>
      </c>
      <c r="AN8560">
        <v>90880.865749999997</v>
      </c>
      <c r="AO8560">
        <v>30061.942520000001</v>
      </c>
      <c r="AP8560">
        <v>12945.623939999999</v>
      </c>
    </row>
    <row r="8561" spans="2:42" x14ac:dyDescent="0.3">
      <c r="B8561">
        <v>42.772525868309295</v>
      </c>
      <c r="C8561" s="83">
        <v>43457.625</v>
      </c>
      <c r="D8561">
        <v>149343.36809999999</v>
      </c>
      <c r="E8561">
        <v>20815.406849999999</v>
      </c>
      <c r="F8561">
        <v>68324.03052</v>
      </c>
      <c r="G8561">
        <v>36900.283580000003</v>
      </c>
      <c r="H8561">
        <v>35157.913399999998</v>
      </c>
      <c r="I8561">
        <v>27393.41488</v>
      </c>
      <c r="J8561">
        <v>27151.220519999999</v>
      </c>
      <c r="K8561">
        <v>45850.453229999999</v>
      </c>
      <c r="L8561">
        <v>26856.598559999999</v>
      </c>
      <c r="M8561">
        <v>218074.28349999999</v>
      </c>
      <c r="N8561">
        <v>68943.312909999993</v>
      </c>
      <c r="O8561">
        <v>20597.79493</v>
      </c>
      <c r="P8561">
        <v>31039.084709999999</v>
      </c>
      <c r="Q8561">
        <v>50465.573239999998</v>
      </c>
      <c r="R8561">
        <v>20577.87659</v>
      </c>
      <c r="S8561">
        <v>90648.733909999995</v>
      </c>
      <c r="T8561">
        <v>30352.76901</v>
      </c>
      <c r="U8561">
        <v>12995.356040000001</v>
      </c>
      <c r="W8561" s="83">
        <f>Bühler!N8593</f>
        <v>45648.624999979242</v>
      </c>
      <c r="X8561" s="83">
        <v>43457.625</v>
      </c>
      <c r="Y8561">
        <v>149343.36809999999</v>
      </c>
      <c r="Z8561">
        <v>20815.406849999999</v>
      </c>
      <c r="AA8561">
        <v>68324.03052</v>
      </c>
      <c r="AB8561">
        <v>36900.283580000003</v>
      </c>
      <c r="AC8561">
        <v>35157.913399999998</v>
      </c>
      <c r="AD8561">
        <v>27393.41488</v>
      </c>
      <c r="AE8561">
        <v>27151.220519999999</v>
      </c>
      <c r="AF8561">
        <v>45850.453229999999</v>
      </c>
      <c r="AG8561">
        <v>26856.598559999999</v>
      </c>
      <c r="AH8561">
        <v>218074.28349999999</v>
      </c>
      <c r="AI8561">
        <v>68943.312909999993</v>
      </c>
      <c r="AJ8561">
        <v>20597.79493</v>
      </c>
      <c r="AK8561">
        <v>31039.084709999999</v>
      </c>
      <c r="AL8561">
        <v>50465.573239999998</v>
      </c>
      <c r="AM8561">
        <v>20577.87659</v>
      </c>
      <c r="AN8561">
        <v>90648.733909999995</v>
      </c>
      <c r="AO8561">
        <v>30352.76901</v>
      </c>
      <c r="AP8561">
        <v>12995.356040000001</v>
      </c>
    </row>
    <row r="8562" spans="2:42" x14ac:dyDescent="0.3">
      <c r="B8562">
        <v>42.439173427397016</v>
      </c>
      <c r="C8562" s="83">
        <v>43457.666666666664</v>
      </c>
      <c r="D8562">
        <v>150762.07509999999</v>
      </c>
      <c r="E8562">
        <v>21098.320449999999</v>
      </c>
      <c r="F8562">
        <v>67844.429839999997</v>
      </c>
      <c r="G8562">
        <v>37281.445769999998</v>
      </c>
      <c r="H8562">
        <v>35815.980880000003</v>
      </c>
      <c r="I8562">
        <v>27533.83077</v>
      </c>
      <c r="J8562">
        <v>27363.246520000001</v>
      </c>
      <c r="K8562">
        <v>45528.712209999998</v>
      </c>
      <c r="L8562">
        <v>25664.47579</v>
      </c>
      <c r="M8562">
        <v>216374.6973</v>
      </c>
      <c r="N8562">
        <v>67553.95448</v>
      </c>
      <c r="O8562">
        <v>20752.51743</v>
      </c>
      <c r="P8562">
        <v>31480.836879999999</v>
      </c>
      <c r="Q8562">
        <v>51114.773800000003</v>
      </c>
      <c r="R8562">
        <v>20588.941080000001</v>
      </c>
      <c r="S8562">
        <v>93491.12066</v>
      </c>
      <c r="T8562">
        <v>30702.9977</v>
      </c>
      <c r="U8562">
        <v>13518.08783</v>
      </c>
      <c r="W8562" s="83">
        <f>Bühler!N8594</f>
        <v>45648.666666645906</v>
      </c>
      <c r="X8562" s="83">
        <v>43457.666666666664</v>
      </c>
      <c r="Y8562">
        <v>150762.07509999999</v>
      </c>
      <c r="Z8562">
        <v>21098.320449999999</v>
      </c>
      <c r="AA8562">
        <v>67844.429839999997</v>
      </c>
      <c r="AB8562">
        <v>37281.445769999998</v>
      </c>
      <c r="AC8562">
        <v>35815.980880000003</v>
      </c>
      <c r="AD8562">
        <v>27533.83077</v>
      </c>
      <c r="AE8562">
        <v>27363.246520000001</v>
      </c>
      <c r="AF8562">
        <v>45528.712209999998</v>
      </c>
      <c r="AG8562">
        <v>25664.47579</v>
      </c>
      <c r="AH8562">
        <v>216374.6973</v>
      </c>
      <c r="AI8562">
        <v>67553.95448</v>
      </c>
      <c r="AJ8562">
        <v>20752.51743</v>
      </c>
      <c r="AK8562">
        <v>31480.836879999999</v>
      </c>
      <c r="AL8562">
        <v>51114.773800000003</v>
      </c>
      <c r="AM8562">
        <v>20588.941080000001</v>
      </c>
      <c r="AN8562">
        <v>93491.12066</v>
      </c>
      <c r="AO8562">
        <v>30702.9977</v>
      </c>
      <c r="AP8562">
        <v>13518.08783</v>
      </c>
    </row>
    <row r="8563" spans="2:42" x14ac:dyDescent="0.3">
      <c r="B8563">
        <v>43.244632780184439</v>
      </c>
      <c r="C8563" s="83">
        <v>43457.708333333336</v>
      </c>
      <c r="D8563">
        <v>153718.73850000001</v>
      </c>
      <c r="E8563">
        <v>21958.774969999999</v>
      </c>
      <c r="F8563">
        <v>69890.662410000004</v>
      </c>
      <c r="G8563">
        <v>38443.999609999999</v>
      </c>
      <c r="H8563">
        <v>38001.634890000001</v>
      </c>
      <c r="I8563">
        <v>28352.793249999999</v>
      </c>
      <c r="J8563">
        <v>29909.757130000002</v>
      </c>
      <c r="K8563">
        <v>45021.459309999998</v>
      </c>
      <c r="L8563">
        <v>26773.11694</v>
      </c>
      <c r="M8563">
        <v>220481.30470000001</v>
      </c>
      <c r="N8563">
        <v>65379.697070000002</v>
      </c>
      <c r="O8563">
        <v>21821.894680000001</v>
      </c>
      <c r="P8563">
        <v>32625.440890000002</v>
      </c>
      <c r="Q8563">
        <v>51913.915789999999</v>
      </c>
      <c r="R8563">
        <v>21580.67452</v>
      </c>
      <c r="S8563">
        <v>97791.549979999996</v>
      </c>
      <c r="T8563">
        <v>31569.374210000002</v>
      </c>
      <c r="U8563">
        <v>14890.381170000001</v>
      </c>
      <c r="W8563" s="83">
        <f>Bühler!N8595</f>
        <v>45648.70833331257</v>
      </c>
      <c r="X8563" s="83">
        <v>43457.708333333336</v>
      </c>
      <c r="Y8563">
        <v>153718.73850000001</v>
      </c>
      <c r="Z8563">
        <v>21958.774969999999</v>
      </c>
      <c r="AA8563">
        <v>69890.662410000004</v>
      </c>
      <c r="AB8563">
        <v>38443.999609999999</v>
      </c>
      <c r="AC8563">
        <v>38001.634890000001</v>
      </c>
      <c r="AD8563">
        <v>28352.793249999999</v>
      </c>
      <c r="AE8563">
        <v>29909.757130000002</v>
      </c>
      <c r="AF8563">
        <v>45021.459309999998</v>
      </c>
      <c r="AG8563">
        <v>26773.11694</v>
      </c>
      <c r="AH8563">
        <v>220481.30470000001</v>
      </c>
      <c r="AI8563">
        <v>65379.697070000002</v>
      </c>
      <c r="AJ8563">
        <v>21821.894680000001</v>
      </c>
      <c r="AK8563">
        <v>32625.440890000002</v>
      </c>
      <c r="AL8563">
        <v>51913.915789999999</v>
      </c>
      <c r="AM8563">
        <v>21580.67452</v>
      </c>
      <c r="AN8563">
        <v>97791.549979999996</v>
      </c>
      <c r="AO8563">
        <v>31569.374210000002</v>
      </c>
      <c r="AP8563">
        <v>14890.381170000001</v>
      </c>
    </row>
    <row r="8564" spans="2:42" x14ac:dyDescent="0.3">
      <c r="B8564">
        <v>43.705246843804836</v>
      </c>
      <c r="C8564" s="83">
        <v>43457.75</v>
      </c>
      <c r="D8564">
        <v>154908.2959</v>
      </c>
      <c r="E8564">
        <v>20838.791249999998</v>
      </c>
      <c r="F8564">
        <v>61587.964019999999</v>
      </c>
      <c r="G8564">
        <v>39532.755129999998</v>
      </c>
      <c r="H8564">
        <v>37934.937339999997</v>
      </c>
      <c r="I8564">
        <v>28499.693800000001</v>
      </c>
      <c r="J8564">
        <v>30526.247899999998</v>
      </c>
      <c r="K8564">
        <v>44345.837460000002</v>
      </c>
      <c r="L8564">
        <v>28324.41113</v>
      </c>
      <c r="M8564">
        <v>222829.73</v>
      </c>
      <c r="N8564">
        <v>65958.248430000007</v>
      </c>
      <c r="O8564">
        <v>21423.9041</v>
      </c>
      <c r="P8564">
        <v>35095.614560000002</v>
      </c>
      <c r="Q8564">
        <v>53378.827539999998</v>
      </c>
      <c r="R8564">
        <v>22117.058669999999</v>
      </c>
      <c r="S8564">
        <v>95845.867029999994</v>
      </c>
      <c r="T8564">
        <v>31283.10095</v>
      </c>
      <c r="U8564">
        <v>14974.47219</v>
      </c>
      <c r="W8564" s="83">
        <f>Bühler!N8596</f>
        <v>45648.749999979234</v>
      </c>
      <c r="X8564" s="83">
        <v>43457.75</v>
      </c>
      <c r="Y8564">
        <v>154908.2959</v>
      </c>
      <c r="Z8564">
        <v>20838.791249999998</v>
      </c>
      <c r="AA8564">
        <v>61587.964019999999</v>
      </c>
      <c r="AB8564">
        <v>39532.755129999998</v>
      </c>
      <c r="AC8564">
        <v>37934.937339999997</v>
      </c>
      <c r="AD8564">
        <v>28499.693800000001</v>
      </c>
      <c r="AE8564">
        <v>30526.247899999998</v>
      </c>
      <c r="AF8564">
        <v>44345.837460000002</v>
      </c>
      <c r="AG8564">
        <v>28324.41113</v>
      </c>
      <c r="AH8564">
        <v>222829.73</v>
      </c>
      <c r="AI8564">
        <v>65958.248430000007</v>
      </c>
      <c r="AJ8564">
        <v>21423.9041</v>
      </c>
      <c r="AK8564">
        <v>35095.614560000002</v>
      </c>
      <c r="AL8564">
        <v>53378.827539999998</v>
      </c>
      <c r="AM8564">
        <v>22117.058669999999</v>
      </c>
      <c r="AN8564">
        <v>95845.867029999994</v>
      </c>
      <c r="AO8564">
        <v>31283.10095</v>
      </c>
      <c r="AP8564">
        <v>14974.47219</v>
      </c>
    </row>
    <row r="8565" spans="2:42" x14ac:dyDescent="0.3">
      <c r="B8565">
        <v>43.597595216199998</v>
      </c>
      <c r="C8565" s="83">
        <v>43457.791666666664</v>
      </c>
      <c r="D8565">
        <v>155645.7464</v>
      </c>
      <c r="E8565">
        <v>17986.801599999999</v>
      </c>
      <c r="F8565">
        <v>56389.955479999997</v>
      </c>
      <c r="G8565">
        <v>39491.552909999999</v>
      </c>
      <c r="H8565">
        <v>37625.35456</v>
      </c>
      <c r="I8565">
        <v>28134.765050000002</v>
      </c>
      <c r="J8565">
        <v>30136.428769999999</v>
      </c>
      <c r="K8565">
        <v>46197.991379999999</v>
      </c>
      <c r="L8565">
        <v>29981.166710000001</v>
      </c>
      <c r="M8565">
        <v>222280.87179999999</v>
      </c>
      <c r="N8565">
        <v>66887.815530000007</v>
      </c>
      <c r="O8565">
        <v>20784.13825</v>
      </c>
      <c r="P8565">
        <v>35615.779620000001</v>
      </c>
      <c r="Q8565">
        <v>54505.727270000003</v>
      </c>
      <c r="R8565">
        <v>22871.267319999999</v>
      </c>
      <c r="S8565">
        <v>93968.709329999998</v>
      </c>
      <c r="T8565">
        <v>29804.720659999999</v>
      </c>
      <c r="U8565">
        <v>14555.076859999999</v>
      </c>
      <c r="W8565" s="83">
        <f>Bühler!N8597</f>
        <v>45648.791666645899</v>
      </c>
      <c r="X8565" s="83">
        <v>43457.791666666664</v>
      </c>
      <c r="Y8565">
        <v>155645.7464</v>
      </c>
      <c r="Z8565">
        <v>17986.801599999999</v>
      </c>
      <c r="AA8565">
        <v>56389.955479999997</v>
      </c>
      <c r="AB8565">
        <v>39491.552909999999</v>
      </c>
      <c r="AC8565">
        <v>37625.35456</v>
      </c>
      <c r="AD8565">
        <v>28134.765050000002</v>
      </c>
      <c r="AE8565">
        <v>30136.428769999999</v>
      </c>
      <c r="AF8565">
        <v>46197.991379999999</v>
      </c>
      <c r="AG8565">
        <v>29981.166710000001</v>
      </c>
      <c r="AH8565">
        <v>222280.87179999999</v>
      </c>
      <c r="AI8565">
        <v>66887.815530000007</v>
      </c>
      <c r="AJ8565">
        <v>20784.13825</v>
      </c>
      <c r="AK8565">
        <v>35615.779620000001</v>
      </c>
      <c r="AL8565">
        <v>54505.727270000003</v>
      </c>
      <c r="AM8565">
        <v>22871.267319999999</v>
      </c>
      <c r="AN8565">
        <v>93968.709329999998</v>
      </c>
      <c r="AO8565">
        <v>29804.720659999999</v>
      </c>
      <c r="AP8565">
        <v>14555.076859999999</v>
      </c>
    </row>
    <row r="8566" spans="2:42" x14ac:dyDescent="0.3">
      <c r="B8566">
        <v>43.619315630256416</v>
      </c>
      <c r="C8566" s="83">
        <v>43457.833333333336</v>
      </c>
      <c r="D8566">
        <v>156112.1274</v>
      </c>
      <c r="E8566">
        <v>15569.17951</v>
      </c>
      <c r="F8566">
        <v>52916.095950000003</v>
      </c>
      <c r="G8566">
        <v>39538.304279999997</v>
      </c>
      <c r="H8566">
        <v>37209.844340000003</v>
      </c>
      <c r="I8566">
        <v>25961.468529999998</v>
      </c>
      <c r="J8566">
        <v>29367.170040000001</v>
      </c>
      <c r="K8566">
        <v>46146.382989999998</v>
      </c>
      <c r="L8566">
        <v>28931.496729999999</v>
      </c>
      <c r="M8566">
        <v>222391.61259999999</v>
      </c>
      <c r="N8566">
        <v>65924.891359999994</v>
      </c>
      <c r="O8566">
        <v>20943.72741</v>
      </c>
      <c r="P8566">
        <v>35395.289140000001</v>
      </c>
      <c r="Q8566">
        <v>56041.393539999997</v>
      </c>
      <c r="R8566">
        <v>20803.191500000001</v>
      </c>
      <c r="S8566">
        <v>87567.616410000002</v>
      </c>
      <c r="T8566">
        <v>26244.472679999999</v>
      </c>
      <c r="U8566">
        <v>14648.57489</v>
      </c>
      <c r="W8566" s="83">
        <f>Bühler!N8598</f>
        <v>45648.833333312563</v>
      </c>
      <c r="X8566" s="83">
        <v>43457.833333333336</v>
      </c>
      <c r="Y8566">
        <v>156112.1274</v>
      </c>
      <c r="Z8566">
        <v>15569.17951</v>
      </c>
      <c r="AA8566">
        <v>52916.095950000003</v>
      </c>
      <c r="AB8566">
        <v>39538.304279999997</v>
      </c>
      <c r="AC8566">
        <v>37209.844340000003</v>
      </c>
      <c r="AD8566">
        <v>25961.468529999998</v>
      </c>
      <c r="AE8566">
        <v>29367.170040000001</v>
      </c>
      <c r="AF8566">
        <v>46146.382989999998</v>
      </c>
      <c r="AG8566">
        <v>28931.496729999999</v>
      </c>
      <c r="AH8566">
        <v>222391.61259999999</v>
      </c>
      <c r="AI8566">
        <v>65924.891359999994</v>
      </c>
      <c r="AJ8566">
        <v>20943.72741</v>
      </c>
      <c r="AK8566">
        <v>35395.289140000001</v>
      </c>
      <c r="AL8566">
        <v>56041.393539999997</v>
      </c>
      <c r="AM8566">
        <v>20803.191500000001</v>
      </c>
      <c r="AN8566">
        <v>87567.616410000002</v>
      </c>
      <c r="AO8566">
        <v>26244.472679999999</v>
      </c>
      <c r="AP8566">
        <v>14648.57489</v>
      </c>
    </row>
    <row r="8567" spans="2:42" x14ac:dyDescent="0.3">
      <c r="B8567">
        <v>44.358967723076461</v>
      </c>
      <c r="C8567" s="83">
        <v>43457.875</v>
      </c>
      <c r="D8567">
        <v>157690.58429999999</v>
      </c>
      <c r="E8567">
        <v>14976.45897</v>
      </c>
      <c r="F8567">
        <v>51779.755539999998</v>
      </c>
      <c r="G8567">
        <v>39620.106789999998</v>
      </c>
      <c r="H8567">
        <v>37178.327989999998</v>
      </c>
      <c r="I8567">
        <v>24162.81222</v>
      </c>
      <c r="J8567">
        <v>28679.523929999999</v>
      </c>
      <c r="K8567">
        <v>46189.93909</v>
      </c>
      <c r="L8567">
        <v>26835.555359999998</v>
      </c>
      <c r="M8567">
        <v>226162.70389999999</v>
      </c>
      <c r="N8567">
        <v>64479.974929999997</v>
      </c>
      <c r="O8567">
        <v>21227.85716</v>
      </c>
      <c r="P8567">
        <v>33700.848610000001</v>
      </c>
      <c r="Q8567">
        <v>58299.274299999997</v>
      </c>
      <c r="R8567">
        <v>20762.22478</v>
      </c>
      <c r="S8567">
        <v>83861.055420000004</v>
      </c>
      <c r="T8567">
        <v>24627.57821</v>
      </c>
      <c r="U8567">
        <v>14586.02101</v>
      </c>
      <c r="W8567" s="83">
        <f>Bühler!N8599</f>
        <v>45648.874999979227</v>
      </c>
      <c r="X8567" s="83">
        <v>43457.875</v>
      </c>
      <c r="Y8567">
        <v>157690.58429999999</v>
      </c>
      <c r="Z8567">
        <v>14976.45897</v>
      </c>
      <c r="AA8567">
        <v>51779.755539999998</v>
      </c>
      <c r="AB8567">
        <v>39620.106789999998</v>
      </c>
      <c r="AC8567">
        <v>37178.327989999998</v>
      </c>
      <c r="AD8567">
        <v>24162.81222</v>
      </c>
      <c r="AE8567">
        <v>28679.523929999999</v>
      </c>
      <c r="AF8567">
        <v>46189.93909</v>
      </c>
      <c r="AG8567">
        <v>26835.555359999998</v>
      </c>
      <c r="AH8567">
        <v>226162.70389999999</v>
      </c>
      <c r="AI8567">
        <v>64479.974929999997</v>
      </c>
      <c r="AJ8567">
        <v>21227.85716</v>
      </c>
      <c r="AK8567">
        <v>33700.848610000001</v>
      </c>
      <c r="AL8567">
        <v>58299.274299999997</v>
      </c>
      <c r="AM8567">
        <v>20762.22478</v>
      </c>
      <c r="AN8567">
        <v>83861.055420000004</v>
      </c>
      <c r="AO8567">
        <v>24627.57821</v>
      </c>
      <c r="AP8567">
        <v>14586.02101</v>
      </c>
    </row>
    <row r="8568" spans="2:42" x14ac:dyDescent="0.3">
      <c r="B8568">
        <v>45.385433320570755</v>
      </c>
      <c r="C8568" s="83">
        <v>43457.916666666664</v>
      </c>
      <c r="D8568">
        <v>159137.07999999999</v>
      </c>
      <c r="E8568">
        <v>14845.2595</v>
      </c>
      <c r="F8568">
        <v>51221.145850000001</v>
      </c>
      <c r="G8568">
        <v>39841.162020000003</v>
      </c>
      <c r="H8568">
        <v>37338.76051</v>
      </c>
      <c r="I8568">
        <v>23797.879300000001</v>
      </c>
      <c r="J8568">
        <v>27741.109280000001</v>
      </c>
      <c r="K8568">
        <v>49656.496449999999</v>
      </c>
      <c r="L8568">
        <v>23476.967290000001</v>
      </c>
      <c r="M8568">
        <v>231396.1042</v>
      </c>
      <c r="N8568">
        <v>65079.533600000002</v>
      </c>
      <c r="O8568">
        <v>21750.651140000002</v>
      </c>
      <c r="P8568">
        <v>33751.995439999999</v>
      </c>
      <c r="Q8568">
        <v>59801.043259999999</v>
      </c>
      <c r="R8568">
        <v>26456.165280000001</v>
      </c>
      <c r="S8568">
        <v>82474.339200000002</v>
      </c>
      <c r="T8568">
        <v>24392.512480000001</v>
      </c>
      <c r="U8568">
        <v>15324.54701</v>
      </c>
      <c r="W8568" s="83">
        <f>Bühler!N8600</f>
        <v>45648.916666645891</v>
      </c>
      <c r="X8568" s="83">
        <v>43457.916666666664</v>
      </c>
      <c r="Y8568">
        <v>159137.07999999999</v>
      </c>
      <c r="Z8568">
        <v>14845.2595</v>
      </c>
      <c r="AA8568">
        <v>51221.145850000001</v>
      </c>
      <c r="AB8568">
        <v>39841.162020000003</v>
      </c>
      <c r="AC8568">
        <v>37338.76051</v>
      </c>
      <c r="AD8568">
        <v>23797.879300000001</v>
      </c>
      <c r="AE8568">
        <v>27741.109280000001</v>
      </c>
      <c r="AF8568">
        <v>49656.496449999999</v>
      </c>
      <c r="AG8568">
        <v>23476.967290000001</v>
      </c>
      <c r="AH8568">
        <v>231396.1042</v>
      </c>
      <c r="AI8568">
        <v>65079.533600000002</v>
      </c>
      <c r="AJ8568">
        <v>21750.651140000002</v>
      </c>
      <c r="AK8568">
        <v>33751.995439999999</v>
      </c>
      <c r="AL8568">
        <v>59801.043259999999</v>
      </c>
      <c r="AM8568">
        <v>26456.165280000001</v>
      </c>
      <c r="AN8568">
        <v>82474.339200000002</v>
      </c>
      <c r="AO8568">
        <v>24392.512480000001</v>
      </c>
      <c r="AP8568">
        <v>15324.54701</v>
      </c>
    </row>
    <row r="8569" spans="2:42" x14ac:dyDescent="0.3">
      <c r="B8569">
        <v>45.673424355819371</v>
      </c>
      <c r="C8569" s="83">
        <v>43457.958333333336</v>
      </c>
      <c r="D8569">
        <v>160183.9485</v>
      </c>
      <c r="E8569">
        <v>14700.62095</v>
      </c>
      <c r="F8569">
        <v>50399.719579999997</v>
      </c>
      <c r="G8569">
        <v>39802.736100000002</v>
      </c>
      <c r="H8569">
        <v>37085.062669999999</v>
      </c>
      <c r="I8569">
        <v>23465.39156</v>
      </c>
      <c r="J8569">
        <v>25826.425940000001</v>
      </c>
      <c r="K8569">
        <v>48872.072970000001</v>
      </c>
      <c r="L8569">
        <v>20171.325649999999</v>
      </c>
      <c r="M8569">
        <v>232864.41680000001</v>
      </c>
      <c r="N8569">
        <v>65702.305129999993</v>
      </c>
      <c r="O8569">
        <v>21404.253239999998</v>
      </c>
      <c r="P8569">
        <v>31585.867249999999</v>
      </c>
      <c r="Q8569">
        <v>61201.254789999999</v>
      </c>
      <c r="R8569">
        <v>26934.085650000001</v>
      </c>
      <c r="S8569">
        <v>80474.523390000002</v>
      </c>
      <c r="T8569">
        <v>27796.888180000002</v>
      </c>
      <c r="U8569">
        <v>14678.00641</v>
      </c>
      <c r="W8569" s="83">
        <f>Bühler!N8601</f>
        <v>45648.958333312556</v>
      </c>
      <c r="X8569" s="83">
        <v>43457.958333333336</v>
      </c>
      <c r="Y8569">
        <v>160183.9485</v>
      </c>
      <c r="Z8569">
        <v>14700.62095</v>
      </c>
      <c r="AA8569">
        <v>50399.719579999997</v>
      </c>
      <c r="AB8569">
        <v>39802.736100000002</v>
      </c>
      <c r="AC8569">
        <v>37085.062669999999</v>
      </c>
      <c r="AD8569">
        <v>23465.39156</v>
      </c>
      <c r="AE8569">
        <v>25826.425940000001</v>
      </c>
      <c r="AF8569">
        <v>48872.072970000001</v>
      </c>
      <c r="AG8569">
        <v>20171.325649999999</v>
      </c>
      <c r="AH8569">
        <v>232864.41680000001</v>
      </c>
      <c r="AI8569">
        <v>65702.305129999993</v>
      </c>
      <c r="AJ8569">
        <v>21404.253239999998</v>
      </c>
      <c r="AK8569">
        <v>31585.867249999999</v>
      </c>
      <c r="AL8569">
        <v>61201.254789999999</v>
      </c>
      <c r="AM8569">
        <v>26934.085650000001</v>
      </c>
      <c r="AN8569">
        <v>80474.523390000002</v>
      </c>
      <c r="AO8569">
        <v>27796.888180000002</v>
      </c>
      <c r="AP8569">
        <v>14678.00641</v>
      </c>
    </row>
    <row r="8570" spans="2:42" x14ac:dyDescent="0.3">
      <c r="B8570">
        <v>46.102637604123487</v>
      </c>
      <c r="C8570" s="83">
        <v>43458</v>
      </c>
      <c r="D8570">
        <v>162352.4</v>
      </c>
      <c r="E8570">
        <v>14798.885609999999</v>
      </c>
      <c r="F8570">
        <v>50555.45766</v>
      </c>
      <c r="G8570">
        <v>39756.483740000003</v>
      </c>
      <c r="H8570">
        <v>36994.711060000001</v>
      </c>
      <c r="I8570">
        <v>22511.927680000001</v>
      </c>
      <c r="J8570">
        <v>24841.144079999998</v>
      </c>
      <c r="K8570">
        <v>46869.59635</v>
      </c>
      <c r="L8570">
        <v>17636.486250000002</v>
      </c>
      <c r="M8570">
        <v>235052.74609999999</v>
      </c>
      <c r="N8570">
        <v>65743.615260000006</v>
      </c>
      <c r="O8570">
        <v>21603.212940000001</v>
      </c>
      <c r="P8570">
        <v>29564.686750000001</v>
      </c>
      <c r="Q8570">
        <v>63645.074710000001</v>
      </c>
      <c r="R8570">
        <v>25456.004130000001</v>
      </c>
      <c r="S8570">
        <v>80057.902130000002</v>
      </c>
      <c r="T8570">
        <v>27051.464830000001</v>
      </c>
      <c r="U8570">
        <v>15015.09067</v>
      </c>
      <c r="W8570" s="83">
        <f>Bühler!N8602</f>
        <v>45648.99999997922</v>
      </c>
      <c r="X8570" s="83">
        <v>43458</v>
      </c>
      <c r="Y8570">
        <v>162352.4</v>
      </c>
      <c r="Z8570">
        <v>14798.885609999999</v>
      </c>
      <c r="AA8570">
        <v>50555.45766</v>
      </c>
      <c r="AB8570">
        <v>39756.483740000003</v>
      </c>
      <c r="AC8570">
        <v>36994.711060000001</v>
      </c>
      <c r="AD8570">
        <v>22511.927680000001</v>
      </c>
      <c r="AE8570">
        <v>24841.144079999998</v>
      </c>
      <c r="AF8570">
        <v>46869.59635</v>
      </c>
      <c r="AG8570">
        <v>17636.486250000002</v>
      </c>
      <c r="AH8570">
        <v>235052.74609999999</v>
      </c>
      <c r="AI8570">
        <v>65743.615260000006</v>
      </c>
      <c r="AJ8570">
        <v>21603.212940000001</v>
      </c>
      <c r="AK8570">
        <v>29564.686750000001</v>
      </c>
      <c r="AL8570">
        <v>63645.074710000001</v>
      </c>
      <c r="AM8570">
        <v>25456.004130000001</v>
      </c>
      <c r="AN8570">
        <v>80057.902130000002</v>
      </c>
      <c r="AO8570">
        <v>27051.464830000001</v>
      </c>
      <c r="AP8570">
        <v>15015.09067</v>
      </c>
    </row>
    <row r="8571" spans="2:42" x14ac:dyDescent="0.3">
      <c r="B8571">
        <v>46.694919929329892</v>
      </c>
      <c r="C8571" s="83">
        <v>43458.041666666664</v>
      </c>
      <c r="D8571">
        <v>163733.34210000001</v>
      </c>
      <c r="E8571">
        <v>14918.673140000001</v>
      </c>
      <c r="F8571">
        <v>51718.696360000002</v>
      </c>
      <c r="G8571">
        <v>39671.616020000001</v>
      </c>
      <c r="H8571">
        <v>36656.377339999999</v>
      </c>
      <c r="I8571">
        <v>18883.766360000001</v>
      </c>
      <c r="J8571">
        <v>24369.942930000001</v>
      </c>
      <c r="K8571">
        <v>45233.407059999998</v>
      </c>
      <c r="L8571">
        <v>17009.442910000002</v>
      </c>
      <c r="M8571">
        <v>238072.47760000001</v>
      </c>
      <c r="N8571">
        <v>65462.572849999997</v>
      </c>
      <c r="O8571">
        <v>21618.99641</v>
      </c>
      <c r="P8571">
        <v>28478.499489999998</v>
      </c>
      <c r="Q8571">
        <v>67035.644740000003</v>
      </c>
      <c r="R8571">
        <v>24160.125</v>
      </c>
      <c r="S8571">
        <v>79559.636660000004</v>
      </c>
      <c r="T8571">
        <v>26350.661179999999</v>
      </c>
      <c r="U8571">
        <v>15256.42776</v>
      </c>
      <c r="W8571" s="83">
        <f>Bühler!N8603</f>
        <v>45649.041666645884</v>
      </c>
      <c r="X8571" s="83">
        <v>43458.041666666664</v>
      </c>
      <c r="Y8571">
        <v>163733.34210000001</v>
      </c>
      <c r="Z8571">
        <v>14918.673140000001</v>
      </c>
      <c r="AA8571">
        <v>51718.696360000002</v>
      </c>
      <c r="AB8571">
        <v>39671.616020000001</v>
      </c>
      <c r="AC8571">
        <v>36656.377339999999</v>
      </c>
      <c r="AD8571">
        <v>18883.766360000001</v>
      </c>
      <c r="AE8571">
        <v>24369.942930000001</v>
      </c>
      <c r="AF8571">
        <v>45233.407059999998</v>
      </c>
      <c r="AG8571">
        <v>17009.442910000002</v>
      </c>
      <c r="AH8571">
        <v>238072.47760000001</v>
      </c>
      <c r="AI8571">
        <v>65462.572849999997</v>
      </c>
      <c r="AJ8571">
        <v>21618.99641</v>
      </c>
      <c r="AK8571">
        <v>28478.499489999998</v>
      </c>
      <c r="AL8571">
        <v>67035.644740000003</v>
      </c>
      <c r="AM8571">
        <v>24160.125</v>
      </c>
      <c r="AN8571">
        <v>79559.636660000004</v>
      </c>
      <c r="AO8571">
        <v>26350.661179999999</v>
      </c>
      <c r="AP8571">
        <v>15256.42776</v>
      </c>
    </row>
    <row r="8572" spans="2:42" x14ac:dyDescent="0.3">
      <c r="B8572">
        <v>47.612957548110103</v>
      </c>
      <c r="C8572" s="83">
        <v>43458.083333333336</v>
      </c>
      <c r="D8572">
        <v>163694.12220000001</v>
      </c>
      <c r="E8572">
        <v>14803.1006</v>
      </c>
      <c r="F8572">
        <v>52835.96097</v>
      </c>
      <c r="G8572">
        <v>39530.476360000001</v>
      </c>
      <c r="H8572">
        <v>36662.480909999998</v>
      </c>
      <c r="I8572">
        <v>17302.53674</v>
      </c>
      <c r="J8572">
        <v>24360.995620000002</v>
      </c>
      <c r="K8572">
        <v>43554.779730000002</v>
      </c>
      <c r="L8572">
        <v>16584.989560000002</v>
      </c>
      <c r="M8572">
        <v>242753.06150000001</v>
      </c>
      <c r="N8572">
        <v>64902.246650000001</v>
      </c>
      <c r="O8572">
        <v>21742.29377</v>
      </c>
      <c r="P8572">
        <v>28236.36508</v>
      </c>
      <c r="Q8572">
        <v>70036.531870000006</v>
      </c>
      <c r="R8572">
        <v>23110.508709999998</v>
      </c>
      <c r="S8572">
        <v>78631.058879999997</v>
      </c>
      <c r="T8572">
        <v>26340.80039</v>
      </c>
      <c r="U8572">
        <v>15037.4632</v>
      </c>
      <c r="W8572" s="83">
        <f>Bühler!N8604</f>
        <v>45649.083333312548</v>
      </c>
      <c r="X8572" s="83">
        <v>43458.083333333336</v>
      </c>
      <c r="Y8572">
        <v>163694.12220000001</v>
      </c>
      <c r="Z8572">
        <v>14803.1006</v>
      </c>
      <c r="AA8572">
        <v>52835.96097</v>
      </c>
      <c r="AB8572">
        <v>39530.476360000001</v>
      </c>
      <c r="AC8572">
        <v>36662.480909999998</v>
      </c>
      <c r="AD8572">
        <v>17302.53674</v>
      </c>
      <c r="AE8572">
        <v>24360.995620000002</v>
      </c>
      <c r="AF8572">
        <v>43554.779730000002</v>
      </c>
      <c r="AG8572">
        <v>16584.989560000002</v>
      </c>
      <c r="AH8572">
        <v>242753.06150000001</v>
      </c>
      <c r="AI8572">
        <v>64902.246650000001</v>
      </c>
      <c r="AJ8572">
        <v>21742.29377</v>
      </c>
      <c r="AK8572">
        <v>28236.36508</v>
      </c>
      <c r="AL8572">
        <v>70036.531870000006</v>
      </c>
      <c r="AM8572">
        <v>23110.508709999998</v>
      </c>
      <c r="AN8572">
        <v>78631.058879999997</v>
      </c>
      <c r="AO8572">
        <v>26340.80039</v>
      </c>
      <c r="AP8572">
        <v>15037.4632</v>
      </c>
    </row>
    <row r="8573" spans="2:42" x14ac:dyDescent="0.3">
      <c r="B8573">
        <v>48.67654801557606</v>
      </c>
      <c r="C8573" s="83">
        <v>43458.125</v>
      </c>
      <c r="D8573">
        <v>167185.88570000001</v>
      </c>
      <c r="E8573">
        <v>15239.56451</v>
      </c>
      <c r="F8573">
        <v>53538.771789999999</v>
      </c>
      <c r="G8573">
        <v>39083.528290000002</v>
      </c>
      <c r="H8573">
        <v>37125.766559999996</v>
      </c>
      <c r="I8573">
        <v>17375.22378</v>
      </c>
      <c r="J8573">
        <v>24490.004120000001</v>
      </c>
      <c r="K8573">
        <v>42599.328759999997</v>
      </c>
      <c r="L8573">
        <v>16797.21041</v>
      </c>
      <c r="M8573">
        <v>248175.74170000001</v>
      </c>
      <c r="N8573">
        <v>64952.455909999997</v>
      </c>
      <c r="O8573">
        <v>21776.247729999999</v>
      </c>
      <c r="P8573">
        <v>29224.529310000002</v>
      </c>
      <c r="Q8573">
        <v>72784.070170000006</v>
      </c>
      <c r="R8573">
        <v>23579.571940000002</v>
      </c>
      <c r="S8573">
        <v>78252.469889999993</v>
      </c>
      <c r="T8573">
        <v>26243.1963</v>
      </c>
      <c r="U8573">
        <v>15155.31352</v>
      </c>
      <c r="W8573" s="83">
        <f>Bühler!N8605</f>
        <v>45649.124999979213</v>
      </c>
      <c r="X8573" s="83">
        <v>43458.125</v>
      </c>
      <c r="Y8573">
        <v>167185.88570000001</v>
      </c>
      <c r="Z8573">
        <v>15239.56451</v>
      </c>
      <c r="AA8573">
        <v>53538.771789999999</v>
      </c>
      <c r="AB8573">
        <v>39083.528290000002</v>
      </c>
      <c r="AC8573">
        <v>37125.766559999996</v>
      </c>
      <c r="AD8573">
        <v>17375.22378</v>
      </c>
      <c r="AE8573">
        <v>24490.004120000001</v>
      </c>
      <c r="AF8573">
        <v>42599.328759999997</v>
      </c>
      <c r="AG8573">
        <v>16797.21041</v>
      </c>
      <c r="AH8573">
        <v>248175.74170000001</v>
      </c>
      <c r="AI8573">
        <v>64952.455909999997</v>
      </c>
      <c r="AJ8573">
        <v>21776.247729999999</v>
      </c>
      <c r="AK8573">
        <v>29224.529310000002</v>
      </c>
      <c r="AL8573">
        <v>72784.070170000006</v>
      </c>
      <c r="AM8573">
        <v>23579.571940000002</v>
      </c>
      <c r="AN8573">
        <v>78252.469889999993</v>
      </c>
      <c r="AO8573">
        <v>26243.1963</v>
      </c>
      <c r="AP8573">
        <v>15155.31352</v>
      </c>
    </row>
    <row r="8574" spans="2:42" x14ac:dyDescent="0.3">
      <c r="B8574">
        <v>51.529557023461493</v>
      </c>
      <c r="C8574" s="83">
        <v>43458.166666666664</v>
      </c>
      <c r="D8574">
        <v>174668.64439999999</v>
      </c>
      <c r="E8574">
        <v>15940.175590000001</v>
      </c>
      <c r="F8574">
        <v>60591.416160000001</v>
      </c>
      <c r="G8574">
        <v>38859.160980000001</v>
      </c>
      <c r="H8574">
        <v>38269.506020000001</v>
      </c>
      <c r="I8574">
        <v>19673.399109999998</v>
      </c>
      <c r="J8574">
        <v>25897.278730000002</v>
      </c>
      <c r="K8574">
        <v>42835.803639999998</v>
      </c>
      <c r="L8574">
        <v>16890.349549999999</v>
      </c>
      <c r="M8574">
        <v>262721.7121</v>
      </c>
      <c r="N8574">
        <v>66543.928050000002</v>
      </c>
      <c r="O8574">
        <v>22508.92308</v>
      </c>
      <c r="P8574">
        <v>28416.488799999999</v>
      </c>
      <c r="Q8574">
        <v>78700.770610000007</v>
      </c>
      <c r="R8574">
        <v>23931.36778</v>
      </c>
      <c r="S8574">
        <v>78556.859460000007</v>
      </c>
      <c r="T8574">
        <v>26469.80557</v>
      </c>
      <c r="U8574">
        <v>16222.174129999999</v>
      </c>
      <c r="W8574" s="83">
        <f>Bühler!N8606</f>
        <v>45649.166666645877</v>
      </c>
      <c r="X8574" s="83">
        <v>43458.166666666664</v>
      </c>
      <c r="Y8574">
        <v>174668.64439999999</v>
      </c>
      <c r="Z8574">
        <v>15940.175590000001</v>
      </c>
      <c r="AA8574">
        <v>60591.416160000001</v>
      </c>
      <c r="AB8574">
        <v>38859.160980000001</v>
      </c>
      <c r="AC8574">
        <v>38269.506020000001</v>
      </c>
      <c r="AD8574">
        <v>19673.399109999998</v>
      </c>
      <c r="AE8574">
        <v>25897.278730000002</v>
      </c>
      <c r="AF8574">
        <v>42835.803639999998</v>
      </c>
      <c r="AG8574">
        <v>16890.349549999999</v>
      </c>
      <c r="AH8574">
        <v>262721.7121</v>
      </c>
      <c r="AI8574">
        <v>66543.928050000002</v>
      </c>
      <c r="AJ8574">
        <v>22508.92308</v>
      </c>
      <c r="AK8574">
        <v>28416.488799999999</v>
      </c>
      <c r="AL8574">
        <v>78700.770610000007</v>
      </c>
      <c r="AM8574">
        <v>23931.36778</v>
      </c>
      <c r="AN8574">
        <v>78556.859460000007</v>
      </c>
      <c r="AO8574">
        <v>26469.80557</v>
      </c>
      <c r="AP8574">
        <v>16222.174129999999</v>
      </c>
    </row>
    <row r="8575" spans="2:42" x14ac:dyDescent="0.3">
      <c r="B8575">
        <v>56.300971026886891</v>
      </c>
      <c r="C8575" s="83">
        <v>43458.208333333336</v>
      </c>
      <c r="D8575">
        <v>195696.83</v>
      </c>
      <c r="E8575">
        <v>18179.557550000001</v>
      </c>
      <c r="F8575">
        <v>71166.833509999997</v>
      </c>
      <c r="G8575">
        <v>40568.527909999997</v>
      </c>
      <c r="H8575">
        <v>40054.350639999997</v>
      </c>
      <c r="I8575">
        <v>27615.651330000001</v>
      </c>
      <c r="J8575">
        <v>28231.897939999999</v>
      </c>
      <c r="K8575">
        <v>45182.343840000001</v>
      </c>
      <c r="L8575">
        <v>17967.836920000002</v>
      </c>
      <c r="M8575">
        <v>287048.60580000002</v>
      </c>
      <c r="N8575">
        <v>68185.024709999998</v>
      </c>
      <c r="O8575">
        <v>23187.42412</v>
      </c>
      <c r="P8575">
        <v>29162.293150000001</v>
      </c>
      <c r="Q8575">
        <v>83986.169169999994</v>
      </c>
      <c r="R8575">
        <v>24762.03527</v>
      </c>
      <c r="S8575">
        <v>82193.574649999995</v>
      </c>
      <c r="T8575">
        <v>27268.740979999999</v>
      </c>
      <c r="U8575">
        <v>18261.012719999999</v>
      </c>
      <c r="W8575" s="83">
        <f>Bühler!N8607</f>
        <v>45649.208333312541</v>
      </c>
      <c r="X8575" s="83">
        <v>43458.208333333336</v>
      </c>
      <c r="Y8575">
        <v>195696.83</v>
      </c>
      <c r="Z8575">
        <v>18179.557550000001</v>
      </c>
      <c r="AA8575">
        <v>71166.833509999997</v>
      </c>
      <c r="AB8575">
        <v>40568.527909999997</v>
      </c>
      <c r="AC8575">
        <v>40054.350639999997</v>
      </c>
      <c r="AD8575">
        <v>27615.651330000001</v>
      </c>
      <c r="AE8575">
        <v>28231.897939999999</v>
      </c>
      <c r="AF8575">
        <v>45182.343840000001</v>
      </c>
      <c r="AG8575">
        <v>17967.836920000002</v>
      </c>
      <c r="AH8575">
        <v>287048.60580000002</v>
      </c>
      <c r="AI8575">
        <v>68185.024709999998</v>
      </c>
      <c r="AJ8575">
        <v>23187.42412</v>
      </c>
      <c r="AK8575">
        <v>29162.293150000001</v>
      </c>
      <c r="AL8575">
        <v>83986.169169999994</v>
      </c>
      <c r="AM8575">
        <v>24762.03527</v>
      </c>
      <c r="AN8575">
        <v>82193.574649999995</v>
      </c>
      <c r="AO8575">
        <v>27268.740979999999</v>
      </c>
      <c r="AP8575">
        <v>18261.012719999999</v>
      </c>
    </row>
    <row r="8576" spans="2:42" x14ac:dyDescent="0.3">
      <c r="B8576">
        <v>61.670609809183759</v>
      </c>
      <c r="C8576" s="83">
        <v>43458.25</v>
      </c>
      <c r="D8576">
        <v>215535.0895</v>
      </c>
      <c r="E8576">
        <v>22293.622289999999</v>
      </c>
      <c r="F8576">
        <v>84935.299889999995</v>
      </c>
      <c r="G8576">
        <v>49158.982940000002</v>
      </c>
      <c r="H8576">
        <v>43811.716260000001</v>
      </c>
      <c r="I8576">
        <v>34342.964760000003</v>
      </c>
      <c r="J8576">
        <v>31373.786469999999</v>
      </c>
      <c r="K8576">
        <v>48365.782749999998</v>
      </c>
      <c r="L8576">
        <v>20003.786639999998</v>
      </c>
      <c r="M8576">
        <v>314425.52840000001</v>
      </c>
      <c r="N8576">
        <v>71349.571330000006</v>
      </c>
      <c r="O8576">
        <v>24496.928090000001</v>
      </c>
      <c r="P8576">
        <v>28478.418259999999</v>
      </c>
      <c r="Q8576">
        <v>87506.960699999996</v>
      </c>
      <c r="R8576">
        <v>22884.090339999999</v>
      </c>
      <c r="S8576">
        <v>92106.447419999997</v>
      </c>
      <c r="T8576">
        <v>29519.053240000001</v>
      </c>
      <c r="U8576">
        <v>19968.425879999999</v>
      </c>
      <c r="W8576" s="83">
        <f>Bühler!N8608</f>
        <v>45649.249999979205</v>
      </c>
      <c r="X8576" s="83">
        <v>43458.25</v>
      </c>
      <c r="Y8576">
        <v>215535.0895</v>
      </c>
      <c r="Z8576">
        <v>22293.622289999999</v>
      </c>
      <c r="AA8576">
        <v>84935.299889999995</v>
      </c>
      <c r="AB8576">
        <v>49158.982940000002</v>
      </c>
      <c r="AC8576">
        <v>43811.716260000001</v>
      </c>
      <c r="AD8576">
        <v>34342.964760000003</v>
      </c>
      <c r="AE8576">
        <v>31373.786469999999</v>
      </c>
      <c r="AF8576">
        <v>48365.782749999998</v>
      </c>
      <c r="AG8576">
        <v>20003.786639999998</v>
      </c>
      <c r="AH8576">
        <v>314425.52840000001</v>
      </c>
      <c r="AI8576">
        <v>71349.571330000006</v>
      </c>
      <c r="AJ8576">
        <v>24496.928090000001</v>
      </c>
      <c r="AK8576">
        <v>28478.418259999999</v>
      </c>
      <c r="AL8576">
        <v>87506.960699999996</v>
      </c>
      <c r="AM8576">
        <v>22884.090339999999</v>
      </c>
      <c r="AN8576">
        <v>92106.447419999997</v>
      </c>
      <c r="AO8576">
        <v>29519.053240000001</v>
      </c>
      <c r="AP8576">
        <v>19968.425879999999</v>
      </c>
    </row>
    <row r="8577" spans="2:42" x14ac:dyDescent="0.3">
      <c r="B8577">
        <v>65.136744037544986</v>
      </c>
      <c r="C8577" s="83">
        <v>43458.291666666664</v>
      </c>
      <c r="D8577">
        <v>231818.96369999999</v>
      </c>
      <c r="E8577">
        <v>27888.632799999999</v>
      </c>
      <c r="F8577">
        <v>89567.234479999999</v>
      </c>
      <c r="G8577">
        <v>58134.720809999999</v>
      </c>
      <c r="H8577">
        <v>49171.873390000001</v>
      </c>
      <c r="I8577">
        <v>41813.336410000004</v>
      </c>
      <c r="J8577">
        <v>33307.320619999999</v>
      </c>
      <c r="K8577">
        <v>51754.033719999999</v>
      </c>
      <c r="L8577">
        <v>23785.235909999999</v>
      </c>
      <c r="M8577">
        <v>332097.49709999998</v>
      </c>
      <c r="N8577">
        <v>79409.172609999994</v>
      </c>
      <c r="O8577">
        <v>27391.052810000001</v>
      </c>
      <c r="P8577">
        <v>30469.0988</v>
      </c>
      <c r="Q8577">
        <v>89573.442569999999</v>
      </c>
      <c r="R8577">
        <v>24877.702430000001</v>
      </c>
      <c r="S8577">
        <v>109304.98480000001</v>
      </c>
      <c r="T8577">
        <v>30184.830239999999</v>
      </c>
      <c r="U8577">
        <v>23442.049660000001</v>
      </c>
      <c r="W8577" s="83">
        <f>Bühler!N8609</f>
        <v>45649.29166664587</v>
      </c>
      <c r="X8577" s="83">
        <v>43458.291666666664</v>
      </c>
      <c r="Y8577">
        <v>231818.96369999999</v>
      </c>
      <c r="Z8577">
        <v>27888.632799999999</v>
      </c>
      <c r="AA8577">
        <v>89567.234479999999</v>
      </c>
      <c r="AB8577">
        <v>58134.720809999999</v>
      </c>
      <c r="AC8577">
        <v>49171.873390000001</v>
      </c>
      <c r="AD8577">
        <v>41813.336410000004</v>
      </c>
      <c r="AE8577">
        <v>33307.320619999999</v>
      </c>
      <c r="AF8577">
        <v>51754.033719999999</v>
      </c>
      <c r="AG8577">
        <v>23785.235909999999</v>
      </c>
      <c r="AH8577">
        <v>332097.49709999998</v>
      </c>
      <c r="AI8577">
        <v>79409.172609999994</v>
      </c>
      <c r="AJ8577">
        <v>27391.052810000001</v>
      </c>
      <c r="AK8577">
        <v>30469.0988</v>
      </c>
      <c r="AL8577">
        <v>89573.442569999999</v>
      </c>
      <c r="AM8577">
        <v>24877.702430000001</v>
      </c>
      <c r="AN8577">
        <v>109304.98480000001</v>
      </c>
      <c r="AO8577">
        <v>30184.830239999999</v>
      </c>
      <c r="AP8577">
        <v>23442.049660000001</v>
      </c>
    </row>
    <row r="8578" spans="2:42" x14ac:dyDescent="0.3">
      <c r="B8578">
        <v>67.03939511914048</v>
      </c>
      <c r="C8578" s="83">
        <v>43458.333333333336</v>
      </c>
      <c r="D8578">
        <v>244835.3351</v>
      </c>
      <c r="E8578">
        <v>34188.052730000003</v>
      </c>
      <c r="F8578">
        <v>97024.289900000003</v>
      </c>
      <c r="G8578">
        <v>60022.412600000003</v>
      </c>
      <c r="H8578">
        <v>53644.342429999997</v>
      </c>
      <c r="I8578">
        <v>45651.232120000001</v>
      </c>
      <c r="J8578">
        <v>34155.297469999998</v>
      </c>
      <c r="K8578">
        <v>56147.675719999999</v>
      </c>
      <c r="L8578">
        <v>27369.833470000001</v>
      </c>
      <c r="M8578">
        <v>341798.09960000002</v>
      </c>
      <c r="N8578">
        <v>88995.372270000007</v>
      </c>
      <c r="O8578">
        <v>29230.61868</v>
      </c>
      <c r="P8578">
        <v>33148.671410000003</v>
      </c>
      <c r="Q8578">
        <v>91984.507830000002</v>
      </c>
      <c r="R8578">
        <v>24913.873660000001</v>
      </c>
      <c r="S8578">
        <v>124297.38619999999</v>
      </c>
      <c r="T8578">
        <v>32353.14702</v>
      </c>
      <c r="U8578">
        <v>25412.202000000001</v>
      </c>
      <c r="W8578" s="83">
        <f>Bühler!N8610</f>
        <v>45649.333333312534</v>
      </c>
      <c r="X8578" s="83">
        <v>43458.333333333336</v>
      </c>
      <c r="Y8578">
        <v>244835.3351</v>
      </c>
      <c r="Z8578">
        <v>34188.052730000003</v>
      </c>
      <c r="AA8578">
        <v>97024.289900000003</v>
      </c>
      <c r="AB8578">
        <v>60022.412600000003</v>
      </c>
      <c r="AC8578">
        <v>53644.342429999997</v>
      </c>
      <c r="AD8578">
        <v>45651.232120000001</v>
      </c>
      <c r="AE8578">
        <v>34155.297469999998</v>
      </c>
      <c r="AF8578">
        <v>56147.675719999999</v>
      </c>
      <c r="AG8578">
        <v>27369.833470000001</v>
      </c>
      <c r="AH8578">
        <v>341798.09960000002</v>
      </c>
      <c r="AI8578">
        <v>88995.372270000007</v>
      </c>
      <c r="AJ8578">
        <v>29230.61868</v>
      </c>
      <c r="AK8578">
        <v>33148.671410000003</v>
      </c>
      <c r="AL8578">
        <v>91984.507830000002</v>
      </c>
      <c r="AM8578">
        <v>24913.873660000001</v>
      </c>
      <c r="AN8578">
        <v>124297.38619999999</v>
      </c>
      <c r="AO8578">
        <v>32353.14702</v>
      </c>
      <c r="AP8578">
        <v>25412.202000000001</v>
      </c>
    </row>
    <row r="8579" spans="2:42" x14ac:dyDescent="0.3">
      <c r="B8579">
        <v>67.341556278335091</v>
      </c>
      <c r="C8579" s="83">
        <v>43458.375</v>
      </c>
      <c r="D8579">
        <v>246116.2329</v>
      </c>
      <c r="E8579">
        <v>37770.483480000003</v>
      </c>
      <c r="F8579">
        <v>101929.6799</v>
      </c>
      <c r="G8579">
        <v>60641.109649999999</v>
      </c>
      <c r="H8579">
        <v>54675.843240000002</v>
      </c>
      <c r="I8579">
        <v>43715.532399999996</v>
      </c>
      <c r="J8579">
        <v>33352.519849999997</v>
      </c>
      <c r="K8579">
        <v>56176.122459999999</v>
      </c>
      <c r="L8579">
        <v>30096.768319999999</v>
      </c>
      <c r="M8579">
        <v>343338.6581</v>
      </c>
      <c r="N8579">
        <v>94868.924320000006</v>
      </c>
      <c r="O8579">
        <v>29055.40754</v>
      </c>
      <c r="P8579">
        <v>34965.776539999999</v>
      </c>
      <c r="Q8579">
        <v>92327.849660000007</v>
      </c>
      <c r="R8579">
        <v>24356.853889999999</v>
      </c>
      <c r="S8579">
        <v>130203.82460000001</v>
      </c>
      <c r="T8579">
        <v>34110.617859999998</v>
      </c>
      <c r="U8579">
        <v>24223.678479999999</v>
      </c>
      <c r="W8579" s="83">
        <f>Bühler!N8611</f>
        <v>45649.374999979198</v>
      </c>
      <c r="X8579" s="83">
        <v>43458.375</v>
      </c>
      <c r="Y8579">
        <v>246116.2329</v>
      </c>
      <c r="Z8579">
        <v>37770.483480000003</v>
      </c>
      <c r="AA8579">
        <v>101929.6799</v>
      </c>
      <c r="AB8579">
        <v>60641.109649999999</v>
      </c>
      <c r="AC8579">
        <v>54675.843240000002</v>
      </c>
      <c r="AD8579">
        <v>43715.532399999996</v>
      </c>
      <c r="AE8579">
        <v>33352.519849999997</v>
      </c>
      <c r="AF8579">
        <v>56176.122459999999</v>
      </c>
      <c r="AG8579">
        <v>30096.768319999999</v>
      </c>
      <c r="AH8579">
        <v>343338.6581</v>
      </c>
      <c r="AI8579">
        <v>94868.924320000006</v>
      </c>
      <c r="AJ8579">
        <v>29055.40754</v>
      </c>
      <c r="AK8579">
        <v>34965.776539999999</v>
      </c>
      <c r="AL8579">
        <v>92327.849660000007</v>
      </c>
      <c r="AM8579">
        <v>24356.853889999999</v>
      </c>
      <c r="AN8579">
        <v>130203.82460000001</v>
      </c>
      <c r="AO8579">
        <v>34110.617859999998</v>
      </c>
      <c r="AP8579">
        <v>24223.678479999999</v>
      </c>
    </row>
    <row r="8580" spans="2:42" x14ac:dyDescent="0.3">
      <c r="B8580">
        <v>68.228492818993999</v>
      </c>
      <c r="C8580" s="83">
        <v>43458.416666666664</v>
      </c>
      <c r="D8580">
        <v>248962.6679</v>
      </c>
      <c r="E8580">
        <v>39348.633829999999</v>
      </c>
      <c r="F8580">
        <v>102523.08809999999</v>
      </c>
      <c r="G8580">
        <v>60142.24091</v>
      </c>
      <c r="H8580">
        <v>55608.060839999998</v>
      </c>
      <c r="I8580">
        <v>41125.111129999998</v>
      </c>
      <c r="J8580">
        <v>32257.028480000001</v>
      </c>
      <c r="K8580">
        <v>56443.387150000002</v>
      </c>
      <c r="L8580">
        <v>32061.14518</v>
      </c>
      <c r="M8580">
        <v>347860.67420000001</v>
      </c>
      <c r="N8580">
        <v>97058.783469999995</v>
      </c>
      <c r="O8580">
        <v>28543.397840000001</v>
      </c>
      <c r="P8580">
        <v>36223.887069999997</v>
      </c>
      <c r="Q8580">
        <v>93402.30575</v>
      </c>
      <c r="R8580">
        <v>24616.834309999998</v>
      </c>
      <c r="S8580">
        <v>129479.6682</v>
      </c>
      <c r="T8580">
        <v>35416.154170000002</v>
      </c>
      <c r="U8580">
        <v>23183.676869999999</v>
      </c>
      <c r="W8580" s="83">
        <f>Bühler!N8612</f>
        <v>45649.416666645862</v>
      </c>
      <c r="X8580" s="83">
        <v>43458.416666666664</v>
      </c>
      <c r="Y8580">
        <v>248962.6679</v>
      </c>
      <c r="Z8580">
        <v>39348.633829999999</v>
      </c>
      <c r="AA8580">
        <v>102523.08809999999</v>
      </c>
      <c r="AB8580">
        <v>60142.24091</v>
      </c>
      <c r="AC8580">
        <v>55608.060839999998</v>
      </c>
      <c r="AD8580">
        <v>41125.111129999998</v>
      </c>
      <c r="AE8580">
        <v>32257.028480000001</v>
      </c>
      <c r="AF8580">
        <v>56443.387150000002</v>
      </c>
      <c r="AG8580">
        <v>32061.14518</v>
      </c>
      <c r="AH8580">
        <v>347860.67420000001</v>
      </c>
      <c r="AI8580">
        <v>97058.783469999995</v>
      </c>
      <c r="AJ8580">
        <v>28543.397840000001</v>
      </c>
      <c r="AK8580">
        <v>36223.887069999997</v>
      </c>
      <c r="AL8580">
        <v>93402.30575</v>
      </c>
      <c r="AM8580">
        <v>24616.834309999998</v>
      </c>
      <c r="AN8580">
        <v>129479.6682</v>
      </c>
      <c r="AO8580">
        <v>35416.154170000002</v>
      </c>
      <c r="AP8580">
        <v>23183.676869999999</v>
      </c>
    </row>
    <row r="8581" spans="2:42" x14ac:dyDescent="0.3">
      <c r="B8581">
        <v>69.003502662147028</v>
      </c>
      <c r="C8581" s="83">
        <v>43458.458333333336</v>
      </c>
      <c r="D8581">
        <v>248878.45430000001</v>
      </c>
      <c r="E8581">
        <v>39267.618820000003</v>
      </c>
      <c r="F8581">
        <v>103198.8245</v>
      </c>
      <c r="G8581">
        <v>57795.409449999999</v>
      </c>
      <c r="H8581">
        <v>55229.024169999997</v>
      </c>
      <c r="I8581">
        <v>39907.54262</v>
      </c>
      <c r="J8581">
        <v>32459.392530000001</v>
      </c>
      <c r="K8581">
        <v>63498.153039999997</v>
      </c>
      <c r="L8581">
        <v>33373.700400000002</v>
      </c>
      <c r="M8581">
        <v>351812.03580000001</v>
      </c>
      <c r="N8581">
        <v>98265.434099999999</v>
      </c>
      <c r="O8581">
        <v>28858.533159999999</v>
      </c>
      <c r="P8581">
        <v>35858.853260000004</v>
      </c>
      <c r="Q8581">
        <v>95666.314830000003</v>
      </c>
      <c r="R8581">
        <v>27755.276679999999</v>
      </c>
      <c r="S8581">
        <v>130291.9752</v>
      </c>
      <c r="T8581">
        <v>35635.216529999998</v>
      </c>
      <c r="U8581">
        <v>23180.740010000001</v>
      </c>
      <c r="W8581" s="83">
        <f>Bühler!N8613</f>
        <v>45649.458333312527</v>
      </c>
      <c r="X8581" s="83">
        <v>43458.458333333336</v>
      </c>
      <c r="Y8581">
        <v>248878.45430000001</v>
      </c>
      <c r="Z8581">
        <v>39267.618820000003</v>
      </c>
      <c r="AA8581">
        <v>103198.8245</v>
      </c>
      <c r="AB8581">
        <v>57795.409449999999</v>
      </c>
      <c r="AC8581">
        <v>55229.024169999997</v>
      </c>
      <c r="AD8581">
        <v>39907.54262</v>
      </c>
      <c r="AE8581">
        <v>32459.392530000001</v>
      </c>
      <c r="AF8581">
        <v>63498.153039999997</v>
      </c>
      <c r="AG8581">
        <v>33373.700400000002</v>
      </c>
      <c r="AH8581">
        <v>351812.03580000001</v>
      </c>
      <c r="AI8581">
        <v>98265.434099999999</v>
      </c>
      <c r="AJ8581">
        <v>28858.533159999999</v>
      </c>
      <c r="AK8581">
        <v>35858.853260000004</v>
      </c>
      <c r="AL8581">
        <v>95666.314830000003</v>
      </c>
      <c r="AM8581">
        <v>27755.276679999999</v>
      </c>
      <c r="AN8581">
        <v>130291.9752</v>
      </c>
      <c r="AO8581">
        <v>35635.216529999998</v>
      </c>
      <c r="AP8581">
        <v>23180.740010000001</v>
      </c>
    </row>
    <row r="8582" spans="2:42" x14ac:dyDescent="0.3">
      <c r="B8582">
        <v>68.661748773205659</v>
      </c>
      <c r="C8582" s="83">
        <v>43458.5</v>
      </c>
      <c r="D8582">
        <v>240304.0398</v>
      </c>
      <c r="E8582">
        <v>35246.011830000003</v>
      </c>
      <c r="F8582">
        <v>96293.40814</v>
      </c>
      <c r="G8582">
        <v>52049.074359999999</v>
      </c>
      <c r="H8582">
        <v>51739.542410000002</v>
      </c>
      <c r="I8582">
        <v>37991.001550000001</v>
      </c>
      <c r="J8582">
        <v>31709.705279999998</v>
      </c>
      <c r="K8582">
        <v>61706.98588</v>
      </c>
      <c r="L8582">
        <v>36274.57617</v>
      </c>
      <c r="M8582">
        <v>350069.6151</v>
      </c>
      <c r="N8582">
        <v>92859.019820000001</v>
      </c>
      <c r="O8582">
        <v>27896.23357</v>
      </c>
      <c r="P8582">
        <v>35831.311529999999</v>
      </c>
      <c r="Q8582">
        <v>93794.692469999995</v>
      </c>
      <c r="R8582">
        <v>28762.226890000002</v>
      </c>
      <c r="S8582">
        <v>123172.2326</v>
      </c>
      <c r="T8582">
        <v>34520.98083</v>
      </c>
      <c r="U8582">
        <v>20952.647629999999</v>
      </c>
      <c r="W8582" s="83">
        <f>Bühler!N8614</f>
        <v>45649.499999979191</v>
      </c>
      <c r="X8582" s="83">
        <v>43458.5</v>
      </c>
      <c r="Y8582">
        <v>240304.0398</v>
      </c>
      <c r="Z8582">
        <v>35246.011830000003</v>
      </c>
      <c r="AA8582">
        <v>96293.40814</v>
      </c>
      <c r="AB8582">
        <v>52049.074359999999</v>
      </c>
      <c r="AC8582">
        <v>51739.542410000002</v>
      </c>
      <c r="AD8582">
        <v>37991.001550000001</v>
      </c>
      <c r="AE8582">
        <v>31709.705279999998</v>
      </c>
      <c r="AF8582">
        <v>61706.98588</v>
      </c>
      <c r="AG8582">
        <v>36274.57617</v>
      </c>
      <c r="AH8582">
        <v>350069.6151</v>
      </c>
      <c r="AI8582">
        <v>92859.019820000001</v>
      </c>
      <c r="AJ8582">
        <v>27896.23357</v>
      </c>
      <c r="AK8582">
        <v>35831.311529999999</v>
      </c>
      <c r="AL8582">
        <v>93794.692469999995</v>
      </c>
      <c r="AM8582">
        <v>28762.226890000002</v>
      </c>
      <c r="AN8582">
        <v>123172.2326</v>
      </c>
      <c r="AO8582">
        <v>34520.98083</v>
      </c>
      <c r="AP8582">
        <v>20952.647629999999</v>
      </c>
    </row>
    <row r="8583" spans="2:42" x14ac:dyDescent="0.3">
      <c r="B8583">
        <v>68.287088792756066</v>
      </c>
      <c r="C8583" s="83">
        <v>43458.541666666664</v>
      </c>
      <c r="D8583">
        <v>239253.6097</v>
      </c>
      <c r="E8583">
        <v>35089.093560000001</v>
      </c>
      <c r="F8583">
        <v>93301.640419999996</v>
      </c>
      <c r="G8583">
        <v>51007.551679999997</v>
      </c>
      <c r="H8583">
        <v>52441.458980000003</v>
      </c>
      <c r="I8583">
        <v>37815.394110000001</v>
      </c>
      <c r="J8583">
        <v>30933.16172</v>
      </c>
      <c r="K8583">
        <v>62947.438710000002</v>
      </c>
      <c r="L8583">
        <v>34888.396910000003</v>
      </c>
      <c r="M8583">
        <v>348159.42379999999</v>
      </c>
      <c r="N8583">
        <v>91939.833169999998</v>
      </c>
      <c r="O8583">
        <v>27754.254499999999</v>
      </c>
      <c r="P8583">
        <v>34346.534449999999</v>
      </c>
      <c r="Q8583">
        <v>91456.480119999993</v>
      </c>
      <c r="R8583">
        <v>29509.583269999999</v>
      </c>
      <c r="S8583">
        <v>121050.91899999999</v>
      </c>
      <c r="T8583">
        <v>33987.922039999998</v>
      </c>
      <c r="U8583">
        <v>21448.261350000001</v>
      </c>
      <c r="W8583" s="83">
        <f>Bühler!N8615</f>
        <v>45649.541666645855</v>
      </c>
      <c r="X8583" s="83">
        <v>43458.541666666664</v>
      </c>
      <c r="Y8583">
        <v>239253.6097</v>
      </c>
      <c r="Z8583">
        <v>35089.093560000001</v>
      </c>
      <c r="AA8583">
        <v>93301.640419999996</v>
      </c>
      <c r="AB8583">
        <v>51007.551679999997</v>
      </c>
      <c r="AC8583">
        <v>52441.458980000003</v>
      </c>
      <c r="AD8583">
        <v>37815.394110000001</v>
      </c>
      <c r="AE8583">
        <v>30933.16172</v>
      </c>
      <c r="AF8583">
        <v>62947.438710000002</v>
      </c>
      <c r="AG8583">
        <v>34888.396910000003</v>
      </c>
      <c r="AH8583">
        <v>348159.42379999999</v>
      </c>
      <c r="AI8583">
        <v>91939.833169999998</v>
      </c>
      <c r="AJ8583">
        <v>27754.254499999999</v>
      </c>
      <c r="AK8583">
        <v>34346.534449999999</v>
      </c>
      <c r="AL8583">
        <v>91456.480119999993</v>
      </c>
      <c r="AM8583">
        <v>29509.583269999999</v>
      </c>
      <c r="AN8583">
        <v>121050.91899999999</v>
      </c>
      <c r="AO8583">
        <v>33987.922039999998</v>
      </c>
      <c r="AP8583">
        <v>21448.261350000001</v>
      </c>
    </row>
    <row r="8584" spans="2:42" x14ac:dyDescent="0.3">
      <c r="B8584">
        <v>68.54962635017506</v>
      </c>
      <c r="C8584" s="83">
        <v>43458.583333333336</v>
      </c>
      <c r="D8584">
        <v>241536.8633</v>
      </c>
      <c r="E8584">
        <v>37420.464169999999</v>
      </c>
      <c r="F8584">
        <v>100574.2153</v>
      </c>
      <c r="G8584">
        <v>49900.435210000003</v>
      </c>
      <c r="H8584">
        <v>52696.759270000002</v>
      </c>
      <c r="I8584">
        <v>38001.127589999996</v>
      </c>
      <c r="J8584">
        <v>30447.513709999999</v>
      </c>
      <c r="K8584">
        <v>62867.517480000002</v>
      </c>
      <c r="L8584">
        <v>31662.86738</v>
      </c>
      <c r="M8584">
        <v>349497.96269999997</v>
      </c>
      <c r="N8584">
        <v>92543.890350000001</v>
      </c>
      <c r="O8584">
        <v>27559.412950000002</v>
      </c>
      <c r="P8584">
        <v>32083.722860000002</v>
      </c>
      <c r="Q8584">
        <v>90777.484809999994</v>
      </c>
      <c r="R8584">
        <v>26310.450499999999</v>
      </c>
      <c r="S8584">
        <v>116695.79790000001</v>
      </c>
      <c r="T8584">
        <v>33533.865899999997</v>
      </c>
      <c r="U8584">
        <v>21962.934270000002</v>
      </c>
      <c r="W8584" s="83">
        <f>Bühler!N8616</f>
        <v>45649.583333312519</v>
      </c>
      <c r="X8584" s="83">
        <v>43458.583333333336</v>
      </c>
      <c r="Y8584">
        <v>241536.8633</v>
      </c>
      <c r="Z8584">
        <v>37420.464169999999</v>
      </c>
      <c r="AA8584">
        <v>100574.2153</v>
      </c>
      <c r="AB8584">
        <v>49900.435210000003</v>
      </c>
      <c r="AC8584">
        <v>52696.759270000002</v>
      </c>
      <c r="AD8584">
        <v>38001.127589999996</v>
      </c>
      <c r="AE8584">
        <v>30447.513709999999</v>
      </c>
      <c r="AF8584">
        <v>62867.517480000002</v>
      </c>
      <c r="AG8584">
        <v>31662.86738</v>
      </c>
      <c r="AH8584">
        <v>349497.96269999997</v>
      </c>
      <c r="AI8584">
        <v>92543.890350000001</v>
      </c>
      <c r="AJ8584">
        <v>27559.412950000002</v>
      </c>
      <c r="AK8584">
        <v>32083.722860000002</v>
      </c>
      <c r="AL8584">
        <v>90777.484809999994</v>
      </c>
      <c r="AM8584">
        <v>26310.450499999999</v>
      </c>
      <c r="AN8584">
        <v>116695.79790000001</v>
      </c>
      <c r="AO8584">
        <v>33533.865899999997</v>
      </c>
      <c r="AP8584">
        <v>21962.934270000002</v>
      </c>
    </row>
    <row r="8585" spans="2:42" x14ac:dyDescent="0.3">
      <c r="B8585">
        <v>67.843895222680786</v>
      </c>
      <c r="C8585" s="83">
        <v>43458.625</v>
      </c>
      <c r="D8585">
        <v>238858.356</v>
      </c>
      <c r="E8585">
        <v>36977.103470000002</v>
      </c>
      <c r="F8585">
        <v>101761.20239999999</v>
      </c>
      <c r="G8585">
        <v>48504.3125</v>
      </c>
      <c r="H8585">
        <v>51261.082620000001</v>
      </c>
      <c r="I8585">
        <v>38004.563979999999</v>
      </c>
      <c r="J8585">
        <v>30065.85526</v>
      </c>
      <c r="K8585">
        <v>61033.561979999999</v>
      </c>
      <c r="L8585">
        <v>28402.395420000001</v>
      </c>
      <c r="M8585">
        <v>345899.81630000001</v>
      </c>
      <c r="N8585">
        <v>91086.334579999995</v>
      </c>
      <c r="O8585">
        <v>27511.091700000001</v>
      </c>
      <c r="P8585">
        <v>30689.401239999999</v>
      </c>
      <c r="Q8585">
        <v>90826.889320000002</v>
      </c>
      <c r="R8585">
        <v>25507.714550000001</v>
      </c>
      <c r="S8585">
        <v>114605.2199</v>
      </c>
      <c r="T8585">
        <v>33208.656430000003</v>
      </c>
      <c r="U8585">
        <v>21103.469870000001</v>
      </c>
      <c r="W8585" s="83">
        <f>Bühler!N8617</f>
        <v>45649.624999979183</v>
      </c>
      <c r="X8585" s="83">
        <v>43458.625</v>
      </c>
      <c r="Y8585">
        <v>238858.356</v>
      </c>
      <c r="Z8585">
        <v>36977.103470000002</v>
      </c>
      <c r="AA8585">
        <v>101761.20239999999</v>
      </c>
      <c r="AB8585">
        <v>48504.3125</v>
      </c>
      <c r="AC8585">
        <v>51261.082620000001</v>
      </c>
      <c r="AD8585">
        <v>38004.563979999999</v>
      </c>
      <c r="AE8585">
        <v>30065.85526</v>
      </c>
      <c r="AF8585">
        <v>61033.561979999999</v>
      </c>
      <c r="AG8585">
        <v>28402.395420000001</v>
      </c>
      <c r="AH8585">
        <v>345899.81630000001</v>
      </c>
      <c r="AI8585">
        <v>91086.334579999995</v>
      </c>
      <c r="AJ8585">
        <v>27511.091700000001</v>
      </c>
      <c r="AK8585">
        <v>30689.401239999999</v>
      </c>
      <c r="AL8585">
        <v>90826.889320000002</v>
      </c>
      <c r="AM8585">
        <v>25507.714550000001</v>
      </c>
      <c r="AN8585">
        <v>114605.2199</v>
      </c>
      <c r="AO8585">
        <v>33208.656430000003</v>
      </c>
      <c r="AP8585">
        <v>21103.469870000001</v>
      </c>
    </row>
    <row r="8586" spans="2:42" x14ac:dyDescent="0.3">
      <c r="B8586">
        <v>67.216071856728689</v>
      </c>
      <c r="C8586" s="83">
        <v>43458.666666666664</v>
      </c>
      <c r="D8586">
        <v>233936.25099999999</v>
      </c>
      <c r="E8586">
        <v>36174.232479999999</v>
      </c>
      <c r="F8586">
        <v>101971.0168</v>
      </c>
      <c r="G8586">
        <v>46768.440179999998</v>
      </c>
      <c r="H8586">
        <v>49865.549890000002</v>
      </c>
      <c r="I8586">
        <v>39491.423620000001</v>
      </c>
      <c r="J8586">
        <v>30086.46284</v>
      </c>
      <c r="K8586">
        <v>58171.618560000003</v>
      </c>
      <c r="L8586">
        <v>27086.91433</v>
      </c>
      <c r="M8586">
        <v>342698.88</v>
      </c>
      <c r="N8586">
        <v>88170.736229999995</v>
      </c>
      <c r="O8586">
        <v>27068.242689999999</v>
      </c>
      <c r="P8586">
        <v>31615.24394</v>
      </c>
      <c r="Q8586">
        <v>90028.454870000001</v>
      </c>
      <c r="R8586">
        <v>26816.77174</v>
      </c>
      <c r="S8586">
        <v>113036.0966</v>
      </c>
      <c r="T8586">
        <v>34118.114939999999</v>
      </c>
      <c r="U8586">
        <v>20817.340960000001</v>
      </c>
      <c r="W8586" s="83">
        <f>Bühler!N8618</f>
        <v>45649.666666645848</v>
      </c>
      <c r="X8586" s="83">
        <v>43458.666666666664</v>
      </c>
      <c r="Y8586">
        <v>233936.25099999999</v>
      </c>
      <c r="Z8586">
        <v>36174.232479999999</v>
      </c>
      <c r="AA8586">
        <v>101971.0168</v>
      </c>
      <c r="AB8586">
        <v>46768.440179999998</v>
      </c>
      <c r="AC8586">
        <v>49865.549890000002</v>
      </c>
      <c r="AD8586">
        <v>39491.423620000001</v>
      </c>
      <c r="AE8586">
        <v>30086.46284</v>
      </c>
      <c r="AF8586">
        <v>58171.618560000003</v>
      </c>
      <c r="AG8586">
        <v>27086.91433</v>
      </c>
      <c r="AH8586">
        <v>342698.88</v>
      </c>
      <c r="AI8586">
        <v>88170.736229999995</v>
      </c>
      <c r="AJ8586">
        <v>27068.242689999999</v>
      </c>
      <c r="AK8586">
        <v>31615.24394</v>
      </c>
      <c r="AL8586">
        <v>90028.454870000001</v>
      </c>
      <c r="AM8586">
        <v>26816.77174</v>
      </c>
      <c r="AN8586">
        <v>113036.0966</v>
      </c>
      <c r="AO8586">
        <v>34118.114939999999</v>
      </c>
      <c r="AP8586">
        <v>20817.340960000001</v>
      </c>
    </row>
    <row r="8587" spans="2:42" x14ac:dyDescent="0.3">
      <c r="B8587">
        <v>66.791048927349337</v>
      </c>
      <c r="C8587" s="83">
        <v>43458.708333333336</v>
      </c>
      <c r="D8587">
        <v>227598.0281</v>
      </c>
      <c r="E8587">
        <v>35039.115519999999</v>
      </c>
      <c r="F8587">
        <v>103017.1161</v>
      </c>
      <c r="G8587">
        <v>46610.548540000003</v>
      </c>
      <c r="H8587">
        <v>50490.988980000002</v>
      </c>
      <c r="I8587">
        <v>38901.091789999999</v>
      </c>
      <c r="J8587">
        <v>32271.581170000001</v>
      </c>
      <c r="K8587">
        <v>53544.493549999999</v>
      </c>
      <c r="L8587">
        <v>28308.618460000002</v>
      </c>
      <c r="M8587">
        <v>340531.91489999997</v>
      </c>
      <c r="N8587">
        <v>83748.468819999995</v>
      </c>
      <c r="O8587">
        <v>26618.00836</v>
      </c>
      <c r="P8587">
        <v>35149.76599</v>
      </c>
      <c r="Q8587">
        <v>89532.121090000001</v>
      </c>
      <c r="R8587">
        <v>25505.118259999999</v>
      </c>
      <c r="S8587">
        <v>113182.2985</v>
      </c>
      <c r="T8587">
        <v>34404.927949999998</v>
      </c>
      <c r="U8587">
        <v>20706.54696</v>
      </c>
      <c r="W8587" s="83">
        <f>Bühler!N8619</f>
        <v>45649.708333312512</v>
      </c>
      <c r="X8587" s="83">
        <v>43458.708333333336</v>
      </c>
      <c r="Y8587">
        <v>227598.0281</v>
      </c>
      <c r="Z8587">
        <v>35039.115519999999</v>
      </c>
      <c r="AA8587">
        <v>103017.1161</v>
      </c>
      <c r="AB8587">
        <v>46610.548540000003</v>
      </c>
      <c r="AC8587">
        <v>50490.988980000002</v>
      </c>
      <c r="AD8587">
        <v>38901.091789999999</v>
      </c>
      <c r="AE8587">
        <v>32271.581170000001</v>
      </c>
      <c r="AF8587">
        <v>53544.493549999999</v>
      </c>
      <c r="AG8587">
        <v>28308.618460000002</v>
      </c>
      <c r="AH8587">
        <v>340531.91489999997</v>
      </c>
      <c r="AI8587">
        <v>83748.468819999995</v>
      </c>
      <c r="AJ8587">
        <v>26618.00836</v>
      </c>
      <c r="AK8587">
        <v>35149.76599</v>
      </c>
      <c r="AL8587">
        <v>89532.121090000001</v>
      </c>
      <c r="AM8587">
        <v>25505.118259999999</v>
      </c>
      <c r="AN8587">
        <v>113182.2985</v>
      </c>
      <c r="AO8587">
        <v>34404.927949999998</v>
      </c>
      <c r="AP8587">
        <v>20706.54696</v>
      </c>
    </row>
    <row r="8588" spans="2:42" x14ac:dyDescent="0.3">
      <c r="B8588">
        <v>65.116757438994483</v>
      </c>
      <c r="C8588" s="83">
        <v>43458.75</v>
      </c>
      <c r="D8588">
        <v>219694.25719999999</v>
      </c>
      <c r="E8588">
        <v>31682.508819999999</v>
      </c>
      <c r="F8588">
        <v>99367.264689999996</v>
      </c>
      <c r="G8588">
        <v>45134.966280000001</v>
      </c>
      <c r="H8588">
        <v>48037.573089999998</v>
      </c>
      <c r="I8588">
        <v>38062.101699999999</v>
      </c>
      <c r="J8588">
        <v>32485.767360000002</v>
      </c>
      <c r="K8588">
        <v>47918.360030000003</v>
      </c>
      <c r="L8588">
        <v>30246.546620000001</v>
      </c>
      <c r="M8588">
        <v>331995.59610000002</v>
      </c>
      <c r="N8588">
        <v>82922.661890000003</v>
      </c>
      <c r="O8588">
        <v>24623.145690000001</v>
      </c>
      <c r="P8588">
        <v>36913.248209999998</v>
      </c>
      <c r="Q8588">
        <v>88491.897060000003</v>
      </c>
      <c r="R8588">
        <v>22536.436979999999</v>
      </c>
      <c r="S8588">
        <v>107542.2482</v>
      </c>
      <c r="T8588">
        <v>34312.313470000001</v>
      </c>
      <c r="U8588">
        <v>19465.695779999998</v>
      </c>
      <c r="W8588" s="83">
        <f>Bühler!N8620</f>
        <v>45649.749999979176</v>
      </c>
      <c r="X8588" s="83">
        <v>43458.75</v>
      </c>
      <c r="Y8588">
        <v>219694.25719999999</v>
      </c>
      <c r="Z8588">
        <v>31682.508819999999</v>
      </c>
      <c r="AA8588">
        <v>99367.264689999996</v>
      </c>
      <c r="AB8588">
        <v>45134.966280000001</v>
      </c>
      <c r="AC8588">
        <v>48037.573089999998</v>
      </c>
      <c r="AD8588">
        <v>38062.101699999999</v>
      </c>
      <c r="AE8588">
        <v>32485.767360000002</v>
      </c>
      <c r="AF8588">
        <v>47918.360030000003</v>
      </c>
      <c r="AG8588">
        <v>30246.546620000001</v>
      </c>
      <c r="AH8588">
        <v>331995.59610000002</v>
      </c>
      <c r="AI8588">
        <v>82922.661890000003</v>
      </c>
      <c r="AJ8588">
        <v>24623.145690000001</v>
      </c>
      <c r="AK8588">
        <v>36913.248209999998</v>
      </c>
      <c r="AL8588">
        <v>88491.897060000003</v>
      </c>
      <c r="AM8588">
        <v>22536.436979999999</v>
      </c>
      <c r="AN8588">
        <v>107542.2482</v>
      </c>
      <c r="AO8588">
        <v>34312.313470000001</v>
      </c>
      <c r="AP8588">
        <v>19465.695779999998</v>
      </c>
    </row>
    <row r="8589" spans="2:42" x14ac:dyDescent="0.3">
      <c r="B8589">
        <v>63.795863537120283</v>
      </c>
      <c r="C8589" s="83">
        <v>43458.791666666664</v>
      </c>
      <c r="D8589">
        <v>214640.09760000001</v>
      </c>
      <c r="E8589">
        <v>26193.18792</v>
      </c>
      <c r="F8589">
        <v>86079.890270000004</v>
      </c>
      <c r="G8589">
        <v>43064.040609999996</v>
      </c>
      <c r="H8589">
        <v>45037.178449999999</v>
      </c>
      <c r="I8589">
        <v>35898.17957</v>
      </c>
      <c r="J8589">
        <v>31567.343199999999</v>
      </c>
      <c r="K8589">
        <v>47642.352270000003</v>
      </c>
      <c r="L8589">
        <v>31763.133000000002</v>
      </c>
      <c r="M8589">
        <v>325261.06300000002</v>
      </c>
      <c r="N8589">
        <v>80859.380359999996</v>
      </c>
      <c r="O8589">
        <v>23622.558519999999</v>
      </c>
      <c r="P8589">
        <v>36799.608440000004</v>
      </c>
      <c r="Q8589">
        <v>85824.613750000004</v>
      </c>
      <c r="R8589">
        <v>21511.888739999999</v>
      </c>
      <c r="S8589">
        <v>102557.784</v>
      </c>
      <c r="T8589">
        <v>33663.487159999997</v>
      </c>
      <c r="U8589">
        <v>18099.705859999998</v>
      </c>
      <c r="W8589" s="83">
        <f>Bühler!N8621</f>
        <v>45649.79166664584</v>
      </c>
      <c r="X8589" s="83">
        <v>43458.791666666664</v>
      </c>
      <c r="Y8589">
        <v>214640.09760000001</v>
      </c>
      <c r="Z8589">
        <v>26193.18792</v>
      </c>
      <c r="AA8589">
        <v>86079.890270000004</v>
      </c>
      <c r="AB8589">
        <v>43064.040609999996</v>
      </c>
      <c r="AC8589">
        <v>45037.178449999999</v>
      </c>
      <c r="AD8589">
        <v>35898.17957</v>
      </c>
      <c r="AE8589">
        <v>31567.343199999999</v>
      </c>
      <c r="AF8589">
        <v>47642.352270000003</v>
      </c>
      <c r="AG8589">
        <v>31763.133000000002</v>
      </c>
      <c r="AH8589">
        <v>325261.06300000002</v>
      </c>
      <c r="AI8589">
        <v>80859.380359999996</v>
      </c>
      <c r="AJ8589">
        <v>23622.558519999999</v>
      </c>
      <c r="AK8589">
        <v>36799.608440000004</v>
      </c>
      <c r="AL8589">
        <v>85824.613750000004</v>
      </c>
      <c r="AM8589">
        <v>21511.888739999999</v>
      </c>
      <c r="AN8589">
        <v>102557.784</v>
      </c>
      <c r="AO8589">
        <v>33663.487159999997</v>
      </c>
      <c r="AP8589">
        <v>18099.705859999998</v>
      </c>
    </row>
    <row r="8590" spans="2:42" x14ac:dyDescent="0.3">
      <c r="B8590">
        <v>62.758405830187336</v>
      </c>
      <c r="C8590" s="83">
        <v>43458.833333333336</v>
      </c>
      <c r="D8590">
        <v>206489.0698</v>
      </c>
      <c r="E8590">
        <v>19797.10125</v>
      </c>
      <c r="F8590">
        <v>67663.450469999996</v>
      </c>
      <c r="G8590">
        <v>41502.86967</v>
      </c>
      <c r="H8590">
        <v>42837.928500000002</v>
      </c>
      <c r="I8590">
        <v>32705.814279999999</v>
      </c>
      <c r="J8590">
        <v>30355.632089999999</v>
      </c>
      <c r="K8590">
        <v>53894.94399</v>
      </c>
      <c r="L8590">
        <v>31094.285260000001</v>
      </c>
      <c r="M8590">
        <v>319971.61979999999</v>
      </c>
      <c r="N8590">
        <v>78286.218500000003</v>
      </c>
      <c r="O8590">
        <v>23009.291069999999</v>
      </c>
      <c r="P8590">
        <v>36870.729469999998</v>
      </c>
      <c r="Q8590">
        <v>84214.481549999997</v>
      </c>
      <c r="R8590">
        <v>23871.16273</v>
      </c>
      <c r="S8590">
        <v>93126.958570000003</v>
      </c>
      <c r="T8590">
        <v>31360.619170000002</v>
      </c>
      <c r="U8590">
        <v>17161.572970000001</v>
      </c>
      <c r="W8590" s="83">
        <f>Bühler!N8622</f>
        <v>45649.833333312505</v>
      </c>
      <c r="X8590" s="83">
        <v>43458.833333333336</v>
      </c>
      <c r="Y8590">
        <v>206489.0698</v>
      </c>
      <c r="Z8590">
        <v>19797.10125</v>
      </c>
      <c r="AA8590">
        <v>67663.450469999996</v>
      </c>
      <c r="AB8590">
        <v>41502.86967</v>
      </c>
      <c r="AC8590">
        <v>42837.928500000002</v>
      </c>
      <c r="AD8590">
        <v>32705.814279999999</v>
      </c>
      <c r="AE8590">
        <v>30355.632089999999</v>
      </c>
      <c r="AF8590">
        <v>53894.94399</v>
      </c>
      <c r="AG8590">
        <v>31094.285260000001</v>
      </c>
      <c r="AH8590">
        <v>319971.61979999999</v>
      </c>
      <c r="AI8590">
        <v>78286.218500000003</v>
      </c>
      <c r="AJ8590">
        <v>23009.291069999999</v>
      </c>
      <c r="AK8590">
        <v>36870.729469999998</v>
      </c>
      <c r="AL8590">
        <v>84214.481549999997</v>
      </c>
      <c r="AM8590">
        <v>23871.16273</v>
      </c>
      <c r="AN8590">
        <v>93126.958570000003</v>
      </c>
      <c r="AO8590">
        <v>31360.619170000002</v>
      </c>
      <c r="AP8590">
        <v>17161.572970000001</v>
      </c>
    </row>
    <row r="8591" spans="2:42" x14ac:dyDescent="0.3">
      <c r="B8591">
        <v>60.828727228793198</v>
      </c>
      <c r="C8591" s="83">
        <v>43458.875</v>
      </c>
      <c r="D8591">
        <v>199813.12520000001</v>
      </c>
      <c r="E8591">
        <v>17053.209009999999</v>
      </c>
      <c r="F8591">
        <v>59025.654280000002</v>
      </c>
      <c r="G8591">
        <v>40442.103000000003</v>
      </c>
      <c r="H8591">
        <v>40731.29348</v>
      </c>
      <c r="I8591">
        <v>28676.549950000001</v>
      </c>
      <c r="J8591">
        <v>29262.160260000001</v>
      </c>
      <c r="K8591">
        <v>53012.978009999999</v>
      </c>
      <c r="L8591">
        <v>28981.1973</v>
      </c>
      <c r="M8591">
        <v>310133.21840000001</v>
      </c>
      <c r="N8591">
        <v>75073.512239999996</v>
      </c>
      <c r="O8591">
        <v>22219.635569999999</v>
      </c>
      <c r="P8591">
        <v>35385.522199999999</v>
      </c>
      <c r="Q8591">
        <v>82532.612989999994</v>
      </c>
      <c r="R8591">
        <v>21958.233520000002</v>
      </c>
      <c r="S8591">
        <v>87810.702850000001</v>
      </c>
      <c r="T8591">
        <v>28953.42901</v>
      </c>
      <c r="U8591">
        <v>15858.581190000001</v>
      </c>
      <c r="W8591" s="83">
        <f>Bühler!N8623</f>
        <v>45649.874999979169</v>
      </c>
      <c r="X8591" s="83">
        <v>43458.875</v>
      </c>
      <c r="Y8591">
        <v>199813.12520000001</v>
      </c>
      <c r="Z8591">
        <v>17053.209009999999</v>
      </c>
      <c r="AA8591">
        <v>59025.654280000002</v>
      </c>
      <c r="AB8591">
        <v>40442.103000000003</v>
      </c>
      <c r="AC8591">
        <v>40731.29348</v>
      </c>
      <c r="AD8591">
        <v>28676.549950000001</v>
      </c>
      <c r="AE8591">
        <v>29262.160260000001</v>
      </c>
      <c r="AF8591">
        <v>53012.978009999999</v>
      </c>
      <c r="AG8591">
        <v>28981.1973</v>
      </c>
      <c r="AH8591">
        <v>310133.21840000001</v>
      </c>
      <c r="AI8591">
        <v>75073.512239999996</v>
      </c>
      <c r="AJ8591">
        <v>22219.635569999999</v>
      </c>
      <c r="AK8591">
        <v>35385.522199999999</v>
      </c>
      <c r="AL8591">
        <v>82532.612989999994</v>
      </c>
      <c r="AM8591">
        <v>21958.233520000002</v>
      </c>
      <c r="AN8591">
        <v>87810.702850000001</v>
      </c>
      <c r="AO8591">
        <v>28953.42901</v>
      </c>
      <c r="AP8591">
        <v>15858.581190000001</v>
      </c>
    </row>
    <row r="8592" spans="2:42" x14ac:dyDescent="0.3">
      <c r="B8592">
        <v>60.645608769754411</v>
      </c>
      <c r="C8592" s="83">
        <v>43458.916666666664</v>
      </c>
      <c r="D8592">
        <v>198528.39749999999</v>
      </c>
      <c r="E8592">
        <v>16177.56358</v>
      </c>
      <c r="F8592">
        <v>56748.213129999996</v>
      </c>
      <c r="G8592">
        <v>39896.340559999997</v>
      </c>
      <c r="H8592">
        <v>39638.65382</v>
      </c>
      <c r="I8592">
        <v>26586.512500000001</v>
      </c>
      <c r="J8592">
        <v>28322.675009999999</v>
      </c>
      <c r="K8592">
        <v>54580.842349999999</v>
      </c>
      <c r="L8592">
        <v>25500.754939999999</v>
      </c>
      <c r="M8592">
        <v>309199.59509999998</v>
      </c>
      <c r="N8592">
        <v>75260.554359999995</v>
      </c>
      <c r="O8592">
        <v>22499.22766</v>
      </c>
      <c r="P8592">
        <v>38011.064019999998</v>
      </c>
      <c r="Q8592">
        <v>81605.586450000003</v>
      </c>
      <c r="R8592">
        <v>27727.558290000001</v>
      </c>
      <c r="S8592">
        <v>85614.736409999998</v>
      </c>
      <c r="T8592">
        <v>25785.403900000001</v>
      </c>
      <c r="U8592">
        <v>16370.71293</v>
      </c>
      <c r="W8592" s="83">
        <f>Bühler!N8624</f>
        <v>45649.916666645833</v>
      </c>
      <c r="X8592" s="83">
        <v>43458.916666666664</v>
      </c>
      <c r="Y8592">
        <v>198528.39749999999</v>
      </c>
      <c r="Z8592">
        <v>16177.56358</v>
      </c>
      <c r="AA8592">
        <v>56748.213129999996</v>
      </c>
      <c r="AB8592">
        <v>39896.340559999997</v>
      </c>
      <c r="AC8592">
        <v>39638.65382</v>
      </c>
      <c r="AD8592">
        <v>26586.512500000001</v>
      </c>
      <c r="AE8592">
        <v>28322.675009999999</v>
      </c>
      <c r="AF8592">
        <v>54580.842349999999</v>
      </c>
      <c r="AG8592">
        <v>25500.754939999999</v>
      </c>
      <c r="AH8592">
        <v>309199.59509999998</v>
      </c>
      <c r="AI8592">
        <v>75260.554359999995</v>
      </c>
      <c r="AJ8592">
        <v>22499.22766</v>
      </c>
      <c r="AK8592">
        <v>38011.064019999998</v>
      </c>
      <c r="AL8592">
        <v>81605.586450000003</v>
      </c>
      <c r="AM8592">
        <v>27727.558290000001</v>
      </c>
      <c r="AN8592">
        <v>85614.736409999998</v>
      </c>
      <c r="AO8592">
        <v>25785.403900000001</v>
      </c>
      <c r="AP8592">
        <v>16370.71293</v>
      </c>
    </row>
    <row r="8593" spans="2:42" x14ac:dyDescent="0.3">
      <c r="B8593">
        <v>59.865839005014706</v>
      </c>
      <c r="C8593" s="83">
        <v>43458.958333333336</v>
      </c>
      <c r="D8593">
        <v>197118.435</v>
      </c>
      <c r="E8593">
        <v>15911.449570000001</v>
      </c>
      <c r="F8593">
        <v>54996.849670000003</v>
      </c>
      <c r="G8593">
        <v>39626.541929999999</v>
      </c>
      <c r="H8593">
        <v>39318.69846</v>
      </c>
      <c r="I8593">
        <v>25252.534500000002</v>
      </c>
      <c r="J8593">
        <v>26640.258109999999</v>
      </c>
      <c r="K8593">
        <v>53554.576520000002</v>
      </c>
      <c r="L8593">
        <v>22196.544440000001</v>
      </c>
      <c r="M8593">
        <v>305223.96519999998</v>
      </c>
      <c r="N8593">
        <v>75468.842069999999</v>
      </c>
      <c r="O8593">
        <v>22237.63956</v>
      </c>
      <c r="P8593">
        <v>34565.160559999997</v>
      </c>
      <c r="Q8593">
        <v>81923.633189999993</v>
      </c>
      <c r="R8593">
        <v>26902.165150000001</v>
      </c>
      <c r="S8593">
        <v>83667.937399999995</v>
      </c>
      <c r="T8593">
        <v>27837.393599999999</v>
      </c>
      <c r="U8593">
        <v>15385.244189999999</v>
      </c>
      <c r="W8593" s="83">
        <f>Bühler!N8625</f>
        <v>45649.958333312497</v>
      </c>
      <c r="X8593" s="83">
        <v>43458.958333333336</v>
      </c>
      <c r="Y8593">
        <v>197118.435</v>
      </c>
      <c r="Z8593">
        <v>15911.449570000001</v>
      </c>
      <c r="AA8593">
        <v>54996.849670000003</v>
      </c>
      <c r="AB8593">
        <v>39626.541929999999</v>
      </c>
      <c r="AC8593">
        <v>39318.69846</v>
      </c>
      <c r="AD8593">
        <v>25252.534500000002</v>
      </c>
      <c r="AE8593">
        <v>26640.258109999999</v>
      </c>
      <c r="AF8593">
        <v>53554.576520000002</v>
      </c>
      <c r="AG8593">
        <v>22196.544440000001</v>
      </c>
      <c r="AH8593">
        <v>305223.96519999998</v>
      </c>
      <c r="AI8593">
        <v>75468.842069999999</v>
      </c>
      <c r="AJ8593">
        <v>22237.63956</v>
      </c>
      <c r="AK8593">
        <v>34565.160559999997</v>
      </c>
      <c r="AL8593">
        <v>81923.633189999993</v>
      </c>
      <c r="AM8593">
        <v>26902.165150000001</v>
      </c>
      <c r="AN8593">
        <v>83667.937399999995</v>
      </c>
      <c r="AO8593">
        <v>27837.393599999999</v>
      </c>
      <c r="AP8593">
        <v>15385.244189999999</v>
      </c>
    </row>
    <row r="8594" spans="2:42" x14ac:dyDescent="0.3">
      <c r="B8594">
        <v>59.04483097647207</v>
      </c>
      <c r="C8594" s="83">
        <v>43459</v>
      </c>
      <c r="D8594">
        <v>196179.15119999999</v>
      </c>
      <c r="E8594">
        <v>15735.965529999999</v>
      </c>
      <c r="F8594">
        <v>54888.013059999997</v>
      </c>
      <c r="G8594">
        <v>39349.062910000001</v>
      </c>
      <c r="H8594">
        <v>39008.662510000002</v>
      </c>
      <c r="I8594">
        <v>23792.486509999999</v>
      </c>
      <c r="J8594">
        <v>25778.069439999999</v>
      </c>
      <c r="K8594">
        <v>52025.7785</v>
      </c>
      <c r="L8594">
        <v>19943.01225</v>
      </c>
      <c r="M8594">
        <v>301038.0834</v>
      </c>
      <c r="N8594">
        <v>75177.339739999996</v>
      </c>
      <c r="O8594">
        <v>22409.49034</v>
      </c>
      <c r="P8594">
        <v>33509.501559999997</v>
      </c>
      <c r="Q8594">
        <v>82045.410080000001</v>
      </c>
      <c r="R8594">
        <v>25537.4493</v>
      </c>
      <c r="S8594">
        <v>83014.510339999993</v>
      </c>
      <c r="T8594">
        <v>26129.065190000001</v>
      </c>
      <c r="U8594">
        <v>15819.708570000001</v>
      </c>
      <c r="W8594" s="83">
        <f>Bühler!N8626</f>
        <v>45649.999999979162</v>
      </c>
      <c r="X8594" s="83">
        <v>43459</v>
      </c>
      <c r="Y8594">
        <v>196179.15119999999</v>
      </c>
      <c r="Z8594">
        <v>15735.965529999999</v>
      </c>
      <c r="AA8594">
        <v>54888.013059999997</v>
      </c>
      <c r="AB8594">
        <v>39349.062910000001</v>
      </c>
      <c r="AC8594">
        <v>39008.662510000002</v>
      </c>
      <c r="AD8594">
        <v>23792.486509999999</v>
      </c>
      <c r="AE8594">
        <v>25778.069439999999</v>
      </c>
      <c r="AF8594">
        <v>52025.7785</v>
      </c>
      <c r="AG8594">
        <v>19943.01225</v>
      </c>
      <c r="AH8594">
        <v>301038.0834</v>
      </c>
      <c r="AI8594">
        <v>75177.339739999996</v>
      </c>
      <c r="AJ8594">
        <v>22409.49034</v>
      </c>
      <c r="AK8594">
        <v>33509.501559999997</v>
      </c>
      <c r="AL8594">
        <v>82045.410080000001</v>
      </c>
      <c r="AM8594">
        <v>25537.4493</v>
      </c>
      <c r="AN8594">
        <v>83014.510339999993</v>
      </c>
      <c r="AO8594">
        <v>26129.065190000001</v>
      </c>
      <c r="AP8594">
        <v>15819.708570000001</v>
      </c>
    </row>
    <row r="8595" spans="2:42" x14ac:dyDescent="0.3">
      <c r="B8595">
        <v>58.962981755155063</v>
      </c>
      <c r="C8595" s="83">
        <v>43459.041666666664</v>
      </c>
      <c r="D8595">
        <v>195296.02429999999</v>
      </c>
      <c r="E8595">
        <v>15613.811170000001</v>
      </c>
      <c r="F8595">
        <v>55255.094729999997</v>
      </c>
      <c r="G8595">
        <v>38818.295890000001</v>
      </c>
      <c r="H8595">
        <v>38292.050170000002</v>
      </c>
      <c r="I8595">
        <v>20081.2857</v>
      </c>
      <c r="J8595">
        <v>25046.2081</v>
      </c>
      <c r="K8595">
        <v>51538.524259999998</v>
      </c>
      <c r="L8595">
        <v>18830.877250000001</v>
      </c>
      <c r="M8595">
        <v>300620.77789999999</v>
      </c>
      <c r="N8595">
        <v>74150.449340000006</v>
      </c>
      <c r="O8595">
        <v>22074.615760000001</v>
      </c>
      <c r="P8595">
        <v>30962.312119999999</v>
      </c>
      <c r="Q8595">
        <v>82410.283729999996</v>
      </c>
      <c r="R8595">
        <v>25252.797729999998</v>
      </c>
      <c r="S8595">
        <v>82536.023100000006</v>
      </c>
      <c r="T8595">
        <v>26005.20782</v>
      </c>
      <c r="U8595">
        <v>15844.972669999999</v>
      </c>
      <c r="W8595" s="83">
        <f>Bühler!N8627</f>
        <v>45650.041666645826</v>
      </c>
      <c r="X8595" s="83">
        <v>43459.041666666664</v>
      </c>
      <c r="Y8595">
        <v>195296.02429999999</v>
      </c>
      <c r="Z8595">
        <v>15613.811170000001</v>
      </c>
      <c r="AA8595">
        <v>55255.094729999997</v>
      </c>
      <c r="AB8595">
        <v>38818.295890000001</v>
      </c>
      <c r="AC8595">
        <v>38292.050170000002</v>
      </c>
      <c r="AD8595">
        <v>20081.2857</v>
      </c>
      <c r="AE8595">
        <v>25046.2081</v>
      </c>
      <c r="AF8595">
        <v>51538.524259999998</v>
      </c>
      <c r="AG8595">
        <v>18830.877250000001</v>
      </c>
      <c r="AH8595">
        <v>300620.77789999999</v>
      </c>
      <c r="AI8595">
        <v>74150.449340000006</v>
      </c>
      <c r="AJ8595">
        <v>22074.615760000001</v>
      </c>
      <c r="AK8595">
        <v>30962.312119999999</v>
      </c>
      <c r="AL8595">
        <v>82410.283729999996</v>
      </c>
      <c r="AM8595">
        <v>25252.797729999998</v>
      </c>
      <c r="AN8595">
        <v>82536.023100000006</v>
      </c>
      <c r="AO8595">
        <v>26005.20782</v>
      </c>
      <c r="AP8595">
        <v>15844.972669999999</v>
      </c>
    </row>
    <row r="8596" spans="2:42" x14ac:dyDescent="0.3">
      <c r="B8596">
        <v>59.642735423720168</v>
      </c>
      <c r="C8596" s="83">
        <v>43459.083333333336</v>
      </c>
      <c r="D8596">
        <v>196248.28099999999</v>
      </c>
      <c r="E8596">
        <v>15593.32243</v>
      </c>
      <c r="F8596">
        <v>55879.089220000002</v>
      </c>
      <c r="G8596">
        <v>38513.786659999998</v>
      </c>
      <c r="H8596">
        <v>38114.425660000001</v>
      </c>
      <c r="I8596">
        <v>18522.97697</v>
      </c>
      <c r="J8596">
        <v>24896.839960000001</v>
      </c>
      <c r="K8596">
        <v>49360.293749999997</v>
      </c>
      <c r="L8596">
        <v>18651.56423</v>
      </c>
      <c r="M8596">
        <v>304086.4791</v>
      </c>
      <c r="N8596">
        <v>74108.896470000007</v>
      </c>
      <c r="O8596">
        <v>22017.33166</v>
      </c>
      <c r="P8596">
        <v>30210.314320000001</v>
      </c>
      <c r="Q8596">
        <v>84431.299379999997</v>
      </c>
      <c r="R8596">
        <v>24611.427459999999</v>
      </c>
      <c r="S8596">
        <v>81017.865779999993</v>
      </c>
      <c r="T8596">
        <v>25545.82214</v>
      </c>
      <c r="U8596">
        <v>16134.143169999999</v>
      </c>
      <c r="W8596" s="83">
        <f>Bühler!N8628</f>
        <v>45650.08333331249</v>
      </c>
      <c r="X8596" s="83">
        <v>43459.083333333336</v>
      </c>
      <c r="Y8596">
        <v>196248.28099999999</v>
      </c>
      <c r="Z8596">
        <v>15593.32243</v>
      </c>
      <c r="AA8596">
        <v>55879.089220000002</v>
      </c>
      <c r="AB8596">
        <v>38513.786659999998</v>
      </c>
      <c r="AC8596">
        <v>38114.425660000001</v>
      </c>
      <c r="AD8596">
        <v>18522.97697</v>
      </c>
      <c r="AE8596">
        <v>24896.839960000001</v>
      </c>
      <c r="AF8596">
        <v>49360.293749999997</v>
      </c>
      <c r="AG8596">
        <v>18651.56423</v>
      </c>
      <c r="AH8596">
        <v>304086.4791</v>
      </c>
      <c r="AI8596">
        <v>74108.896470000007</v>
      </c>
      <c r="AJ8596">
        <v>22017.33166</v>
      </c>
      <c r="AK8596">
        <v>30210.314320000001</v>
      </c>
      <c r="AL8596">
        <v>84431.299379999997</v>
      </c>
      <c r="AM8596">
        <v>24611.427459999999</v>
      </c>
      <c r="AN8596">
        <v>81017.865779999993</v>
      </c>
      <c r="AO8596">
        <v>25545.82214</v>
      </c>
      <c r="AP8596">
        <v>16134.143169999999</v>
      </c>
    </row>
    <row r="8597" spans="2:42" x14ac:dyDescent="0.3">
      <c r="B8597">
        <v>60.516093802760103</v>
      </c>
      <c r="C8597" s="83">
        <v>43459.125</v>
      </c>
      <c r="D8597">
        <v>196831.07810000001</v>
      </c>
      <c r="E8597">
        <v>15719.287630000001</v>
      </c>
      <c r="F8597">
        <v>56297.39501</v>
      </c>
      <c r="G8597">
        <v>38143.217960000002</v>
      </c>
      <c r="H8597">
        <v>38440.029009999998</v>
      </c>
      <c r="I8597">
        <v>18430.26586</v>
      </c>
      <c r="J8597">
        <v>24929.288830000001</v>
      </c>
      <c r="K8597">
        <v>47472.003279999997</v>
      </c>
      <c r="L8597">
        <v>18309.474450000002</v>
      </c>
      <c r="M8597">
        <v>308539.26740000001</v>
      </c>
      <c r="N8597">
        <v>74787.016560000004</v>
      </c>
      <c r="O8597">
        <v>21889.10223</v>
      </c>
      <c r="P8597">
        <v>29054.250830000001</v>
      </c>
      <c r="Q8597">
        <v>86519.726630000005</v>
      </c>
      <c r="R8597">
        <v>23721.732639999998</v>
      </c>
      <c r="S8597">
        <v>80512.467430000004</v>
      </c>
      <c r="T8597">
        <v>26171.549129999999</v>
      </c>
      <c r="U8597">
        <v>16040.941559999999</v>
      </c>
      <c r="W8597" s="83">
        <f>Bühler!N8629</f>
        <v>45650.124999979154</v>
      </c>
      <c r="X8597" s="83">
        <v>43459.125</v>
      </c>
      <c r="Y8597">
        <v>196831.07810000001</v>
      </c>
      <c r="Z8597">
        <v>15719.287630000001</v>
      </c>
      <c r="AA8597">
        <v>56297.39501</v>
      </c>
      <c r="AB8597">
        <v>38143.217960000002</v>
      </c>
      <c r="AC8597">
        <v>38440.029009999998</v>
      </c>
      <c r="AD8597">
        <v>18430.26586</v>
      </c>
      <c r="AE8597">
        <v>24929.288830000001</v>
      </c>
      <c r="AF8597">
        <v>47472.003279999997</v>
      </c>
      <c r="AG8597">
        <v>18309.474450000002</v>
      </c>
      <c r="AH8597">
        <v>308539.26740000001</v>
      </c>
      <c r="AI8597">
        <v>74787.016560000004</v>
      </c>
      <c r="AJ8597">
        <v>21889.10223</v>
      </c>
      <c r="AK8597">
        <v>29054.250830000001</v>
      </c>
      <c r="AL8597">
        <v>86519.726630000005</v>
      </c>
      <c r="AM8597">
        <v>23721.732639999998</v>
      </c>
      <c r="AN8597">
        <v>80512.467430000004</v>
      </c>
      <c r="AO8597">
        <v>26171.549129999999</v>
      </c>
      <c r="AP8597">
        <v>16040.941559999999</v>
      </c>
    </row>
    <row r="8598" spans="2:42" x14ac:dyDescent="0.3">
      <c r="B8598">
        <v>61.936425607328289</v>
      </c>
      <c r="C8598" s="83">
        <v>43459.166666666664</v>
      </c>
      <c r="D8598">
        <v>198558.27359999999</v>
      </c>
      <c r="E8598">
        <v>16262.231599999999</v>
      </c>
      <c r="F8598">
        <v>62192.906360000001</v>
      </c>
      <c r="G8598">
        <v>38259.901180000001</v>
      </c>
      <c r="H8598">
        <v>38666.586450000003</v>
      </c>
      <c r="I8598">
        <v>20798.69904</v>
      </c>
      <c r="J8598">
        <v>26221.96099</v>
      </c>
      <c r="K8598">
        <v>45914.819349999998</v>
      </c>
      <c r="L8598">
        <v>18102.830689999999</v>
      </c>
      <c r="M8598">
        <v>315780.78129999997</v>
      </c>
      <c r="N8598">
        <v>74677.219400000002</v>
      </c>
      <c r="O8598">
        <v>22758.448079999998</v>
      </c>
      <c r="P8598">
        <v>28813.299510000001</v>
      </c>
      <c r="Q8598">
        <v>89853.018110000005</v>
      </c>
      <c r="R8598">
        <v>23986.098399999999</v>
      </c>
      <c r="S8598">
        <v>81304.150020000001</v>
      </c>
      <c r="T8598">
        <v>26163.854220000001</v>
      </c>
      <c r="U8598">
        <v>16632.1682</v>
      </c>
      <c r="W8598" s="83">
        <f>Bühler!N8630</f>
        <v>45650.166666645819</v>
      </c>
      <c r="X8598" s="83">
        <v>43459.166666666664</v>
      </c>
      <c r="Y8598">
        <v>198558.27359999999</v>
      </c>
      <c r="Z8598">
        <v>16262.231599999999</v>
      </c>
      <c r="AA8598">
        <v>62192.906360000001</v>
      </c>
      <c r="AB8598">
        <v>38259.901180000001</v>
      </c>
      <c r="AC8598">
        <v>38666.586450000003</v>
      </c>
      <c r="AD8598">
        <v>20798.69904</v>
      </c>
      <c r="AE8598">
        <v>26221.96099</v>
      </c>
      <c r="AF8598">
        <v>45914.819349999998</v>
      </c>
      <c r="AG8598">
        <v>18102.830689999999</v>
      </c>
      <c r="AH8598">
        <v>315780.78129999997</v>
      </c>
      <c r="AI8598">
        <v>74677.219400000002</v>
      </c>
      <c r="AJ8598">
        <v>22758.448079999998</v>
      </c>
      <c r="AK8598">
        <v>28813.299510000001</v>
      </c>
      <c r="AL8598">
        <v>89853.018110000005</v>
      </c>
      <c r="AM8598">
        <v>23986.098399999999</v>
      </c>
      <c r="AN8598">
        <v>81304.150020000001</v>
      </c>
      <c r="AO8598">
        <v>26163.854220000001</v>
      </c>
      <c r="AP8598">
        <v>16632.1682</v>
      </c>
    </row>
    <row r="8599" spans="2:42" x14ac:dyDescent="0.3">
      <c r="B8599">
        <v>65.039395155212347</v>
      </c>
      <c r="C8599" s="83">
        <v>43459.208333333336</v>
      </c>
      <c r="D8599">
        <v>210223.16940000001</v>
      </c>
      <c r="E8599">
        <v>18313.77088</v>
      </c>
      <c r="F8599">
        <v>72506.120649999997</v>
      </c>
      <c r="G8599">
        <v>39892.65021</v>
      </c>
      <c r="H8599">
        <v>41059.775609999997</v>
      </c>
      <c r="I8599">
        <v>27832.996790000001</v>
      </c>
      <c r="J8599">
        <v>28761.580279999998</v>
      </c>
      <c r="K8599">
        <v>47211.048840000003</v>
      </c>
      <c r="L8599">
        <v>19229.357469999999</v>
      </c>
      <c r="M8599">
        <v>331601.16710000002</v>
      </c>
      <c r="N8599">
        <v>75596.030899999998</v>
      </c>
      <c r="O8599">
        <v>23200.985420000001</v>
      </c>
      <c r="P8599">
        <v>29730.150519999999</v>
      </c>
      <c r="Q8599">
        <v>93337.829849999995</v>
      </c>
      <c r="R8599">
        <v>24339.950959999998</v>
      </c>
      <c r="S8599">
        <v>84414.550350000005</v>
      </c>
      <c r="T8599">
        <v>27667.10398</v>
      </c>
      <c r="U8599">
        <v>18494.730169999999</v>
      </c>
      <c r="W8599" s="83">
        <f>Bühler!N8631</f>
        <v>45650.208333312483</v>
      </c>
      <c r="X8599" s="83">
        <v>43459.208333333336</v>
      </c>
      <c r="Y8599">
        <v>210223.16940000001</v>
      </c>
      <c r="Z8599">
        <v>18313.77088</v>
      </c>
      <c r="AA8599">
        <v>72506.120649999997</v>
      </c>
      <c r="AB8599">
        <v>39892.65021</v>
      </c>
      <c r="AC8599">
        <v>41059.775609999997</v>
      </c>
      <c r="AD8599">
        <v>27832.996790000001</v>
      </c>
      <c r="AE8599">
        <v>28761.580279999998</v>
      </c>
      <c r="AF8599">
        <v>47211.048840000003</v>
      </c>
      <c r="AG8599">
        <v>19229.357469999999</v>
      </c>
      <c r="AH8599">
        <v>331601.16710000002</v>
      </c>
      <c r="AI8599">
        <v>75596.030899999998</v>
      </c>
      <c r="AJ8599">
        <v>23200.985420000001</v>
      </c>
      <c r="AK8599">
        <v>29730.150519999999</v>
      </c>
      <c r="AL8599">
        <v>93337.829849999995</v>
      </c>
      <c r="AM8599">
        <v>24339.950959999998</v>
      </c>
      <c r="AN8599">
        <v>84414.550350000005</v>
      </c>
      <c r="AO8599">
        <v>27667.10398</v>
      </c>
      <c r="AP8599">
        <v>18494.730169999999</v>
      </c>
    </row>
    <row r="8600" spans="2:42" x14ac:dyDescent="0.3">
      <c r="B8600">
        <v>68.256108692191276</v>
      </c>
      <c r="C8600" s="83">
        <v>43459.25</v>
      </c>
      <c r="D8600">
        <v>222938.08869999999</v>
      </c>
      <c r="E8600">
        <v>22282.771669999998</v>
      </c>
      <c r="F8600">
        <v>86895.784400000004</v>
      </c>
      <c r="G8600">
        <v>46034.120849999999</v>
      </c>
      <c r="H8600">
        <v>44725.249380000001</v>
      </c>
      <c r="I8600">
        <v>35622.074769999999</v>
      </c>
      <c r="J8600">
        <v>31526.103299999999</v>
      </c>
      <c r="K8600">
        <v>50508.080029999997</v>
      </c>
      <c r="L8600">
        <v>20968.963879999999</v>
      </c>
      <c r="M8600">
        <v>348001.47279999999</v>
      </c>
      <c r="N8600">
        <v>78363.264349999998</v>
      </c>
      <c r="O8600">
        <v>24751.751420000001</v>
      </c>
      <c r="P8600">
        <v>29827.474249999999</v>
      </c>
      <c r="Q8600">
        <v>95122.999219999998</v>
      </c>
      <c r="R8600">
        <v>22268.840410000001</v>
      </c>
      <c r="S8600">
        <v>93908.43707</v>
      </c>
      <c r="T8600">
        <v>29964.584220000001</v>
      </c>
      <c r="U8600">
        <v>19342.835950000001</v>
      </c>
      <c r="W8600" s="83">
        <f>Bühler!N8632</f>
        <v>45650.249999979147</v>
      </c>
      <c r="X8600" s="83">
        <v>43459.25</v>
      </c>
      <c r="Y8600">
        <v>222938.08869999999</v>
      </c>
      <c r="Z8600">
        <v>22282.771669999998</v>
      </c>
      <c r="AA8600">
        <v>86895.784400000004</v>
      </c>
      <c r="AB8600">
        <v>46034.120849999999</v>
      </c>
      <c r="AC8600">
        <v>44725.249380000001</v>
      </c>
      <c r="AD8600">
        <v>35622.074769999999</v>
      </c>
      <c r="AE8600">
        <v>31526.103299999999</v>
      </c>
      <c r="AF8600">
        <v>50508.080029999997</v>
      </c>
      <c r="AG8600">
        <v>20968.963879999999</v>
      </c>
      <c r="AH8600">
        <v>348001.47279999999</v>
      </c>
      <c r="AI8600">
        <v>78363.264349999998</v>
      </c>
      <c r="AJ8600">
        <v>24751.751420000001</v>
      </c>
      <c r="AK8600">
        <v>29827.474249999999</v>
      </c>
      <c r="AL8600">
        <v>95122.999219999998</v>
      </c>
      <c r="AM8600">
        <v>22268.840410000001</v>
      </c>
      <c r="AN8600">
        <v>93908.43707</v>
      </c>
      <c r="AO8600">
        <v>29964.584220000001</v>
      </c>
      <c r="AP8600">
        <v>19342.835950000001</v>
      </c>
    </row>
    <row r="8601" spans="2:42" x14ac:dyDescent="0.3">
      <c r="B8601">
        <v>69.675527124053318</v>
      </c>
      <c r="C8601" s="83">
        <v>43459.291666666664</v>
      </c>
      <c r="D8601">
        <v>235565.0699</v>
      </c>
      <c r="E8601">
        <v>28462.990570000002</v>
      </c>
      <c r="F8601">
        <v>91314.450280000005</v>
      </c>
      <c r="G8601">
        <v>53074.306779999999</v>
      </c>
      <c r="H8601">
        <v>49725.183290000001</v>
      </c>
      <c r="I8601">
        <v>42920.733079999998</v>
      </c>
      <c r="J8601">
        <v>33328.496700000003</v>
      </c>
      <c r="K8601">
        <v>53869.736720000001</v>
      </c>
      <c r="L8601">
        <v>24359.753410000001</v>
      </c>
      <c r="M8601">
        <v>355238.32990000001</v>
      </c>
      <c r="N8601">
        <v>83571.630260000005</v>
      </c>
      <c r="O8601">
        <v>27268.793740000001</v>
      </c>
      <c r="P8601">
        <v>32296.317470000002</v>
      </c>
      <c r="Q8601">
        <v>94767.441789999997</v>
      </c>
      <c r="R8601">
        <v>24127.757850000002</v>
      </c>
      <c r="S8601">
        <v>110502.49189999999</v>
      </c>
      <c r="T8601">
        <v>29954.130730000001</v>
      </c>
      <c r="U8601">
        <v>22344.765340000002</v>
      </c>
      <c r="W8601" s="83">
        <f>Bühler!N8633</f>
        <v>45650.291666645811</v>
      </c>
      <c r="X8601" s="83">
        <v>43459.291666666664</v>
      </c>
      <c r="Y8601">
        <v>235565.0699</v>
      </c>
      <c r="Z8601">
        <v>28462.990570000002</v>
      </c>
      <c r="AA8601">
        <v>91314.450280000005</v>
      </c>
      <c r="AB8601">
        <v>53074.306779999999</v>
      </c>
      <c r="AC8601">
        <v>49725.183290000001</v>
      </c>
      <c r="AD8601">
        <v>42920.733079999998</v>
      </c>
      <c r="AE8601">
        <v>33328.496700000003</v>
      </c>
      <c r="AF8601">
        <v>53869.736720000001</v>
      </c>
      <c r="AG8601">
        <v>24359.753410000001</v>
      </c>
      <c r="AH8601">
        <v>355238.32990000001</v>
      </c>
      <c r="AI8601">
        <v>83571.630260000005</v>
      </c>
      <c r="AJ8601">
        <v>27268.793740000001</v>
      </c>
      <c r="AK8601">
        <v>32296.317470000002</v>
      </c>
      <c r="AL8601">
        <v>94767.441789999997</v>
      </c>
      <c r="AM8601">
        <v>24127.757850000002</v>
      </c>
      <c r="AN8601">
        <v>110502.49189999999</v>
      </c>
      <c r="AO8601">
        <v>29954.130730000001</v>
      </c>
      <c r="AP8601">
        <v>22344.765340000002</v>
      </c>
    </row>
    <row r="8602" spans="2:42" x14ac:dyDescent="0.3">
      <c r="B8602">
        <v>70.281514119510248</v>
      </c>
      <c r="C8602" s="83">
        <v>43459.333333333336</v>
      </c>
      <c r="D8602">
        <v>245593.45019999999</v>
      </c>
      <c r="E8602">
        <v>34903.559350000003</v>
      </c>
      <c r="F8602">
        <v>99950.764639999994</v>
      </c>
      <c r="G8602">
        <v>55048.221290000001</v>
      </c>
      <c r="H8602">
        <v>54428.403050000001</v>
      </c>
      <c r="I8602">
        <v>46667.225409999999</v>
      </c>
      <c r="J8602">
        <v>34106.336470000002</v>
      </c>
      <c r="K8602">
        <v>58233.897949999999</v>
      </c>
      <c r="L8602">
        <v>27720.784589999999</v>
      </c>
      <c r="M8602">
        <v>358327.93420000002</v>
      </c>
      <c r="N8602">
        <v>90019.335489999998</v>
      </c>
      <c r="O8602">
        <v>28867.075799999999</v>
      </c>
      <c r="P8602">
        <v>35490.870329999998</v>
      </c>
      <c r="Q8602">
        <v>95372.878490000003</v>
      </c>
      <c r="R8602">
        <v>25431.299350000001</v>
      </c>
      <c r="S8602">
        <v>123923.3996</v>
      </c>
      <c r="T8602">
        <v>32392.300370000001</v>
      </c>
      <c r="U8602">
        <v>24560.601569999999</v>
      </c>
      <c r="W8602" s="83">
        <f>Bühler!N8634</f>
        <v>45650.333333312476</v>
      </c>
      <c r="X8602" s="83">
        <v>43459.333333333336</v>
      </c>
      <c r="Y8602">
        <v>245593.45019999999</v>
      </c>
      <c r="Z8602">
        <v>34903.559350000003</v>
      </c>
      <c r="AA8602">
        <v>99950.764639999994</v>
      </c>
      <c r="AB8602">
        <v>55048.221290000001</v>
      </c>
      <c r="AC8602">
        <v>54428.403050000001</v>
      </c>
      <c r="AD8602">
        <v>46667.225409999999</v>
      </c>
      <c r="AE8602">
        <v>34106.336470000002</v>
      </c>
      <c r="AF8602">
        <v>58233.897949999999</v>
      </c>
      <c r="AG8602">
        <v>27720.784589999999</v>
      </c>
      <c r="AH8602">
        <v>358327.93420000002</v>
      </c>
      <c r="AI8602">
        <v>90019.335489999998</v>
      </c>
      <c r="AJ8602">
        <v>28867.075799999999</v>
      </c>
      <c r="AK8602">
        <v>35490.870329999998</v>
      </c>
      <c r="AL8602">
        <v>95372.878490000003</v>
      </c>
      <c r="AM8602">
        <v>25431.299350000001</v>
      </c>
      <c r="AN8602">
        <v>123923.3996</v>
      </c>
      <c r="AO8602">
        <v>32392.300370000001</v>
      </c>
      <c r="AP8602">
        <v>24560.601569999999</v>
      </c>
    </row>
    <row r="8603" spans="2:42" x14ac:dyDescent="0.3">
      <c r="B8603">
        <v>69.620219040977531</v>
      </c>
      <c r="C8603" s="83">
        <v>43459.375</v>
      </c>
      <c r="D8603">
        <v>245710.42850000001</v>
      </c>
      <c r="E8603">
        <v>38346.113960000002</v>
      </c>
      <c r="F8603">
        <v>104497.0947</v>
      </c>
      <c r="G8603">
        <v>55120.300490000001</v>
      </c>
      <c r="H8603">
        <v>55303.02259</v>
      </c>
      <c r="I8603">
        <v>43785.729440000003</v>
      </c>
      <c r="J8603">
        <v>32890.619059999997</v>
      </c>
      <c r="K8603">
        <v>56387.145400000001</v>
      </c>
      <c r="L8603">
        <v>30346.82044</v>
      </c>
      <c r="M8603">
        <v>354956.34350000002</v>
      </c>
      <c r="N8603">
        <v>94941.353839999996</v>
      </c>
      <c r="O8603">
        <v>28978.097989999998</v>
      </c>
      <c r="P8603">
        <v>36804.468869999997</v>
      </c>
      <c r="Q8603">
        <v>95100.491720000005</v>
      </c>
      <c r="R8603">
        <v>23650.709330000002</v>
      </c>
      <c r="S8603">
        <v>130470.46859999999</v>
      </c>
      <c r="T8603">
        <v>34257.278810000003</v>
      </c>
      <c r="U8603">
        <v>23913.327229999999</v>
      </c>
      <c r="W8603" s="83">
        <f>Bühler!N8635</f>
        <v>45650.37499997914</v>
      </c>
      <c r="X8603" s="83">
        <v>43459.375</v>
      </c>
      <c r="Y8603">
        <v>245710.42850000001</v>
      </c>
      <c r="Z8603">
        <v>38346.113960000002</v>
      </c>
      <c r="AA8603">
        <v>104497.0947</v>
      </c>
      <c r="AB8603">
        <v>55120.300490000001</v>
      </c>
      <c r="AC8603">
        <v>55303.02259</v>
      </c>
      <c r="AD8603">
        <v>43785.729440000003</v>
      </c>
      <c r="AE8603">
        <v>32890.619059999997</v>
      </c>
      <c r="AF8603">
        <v>56387.145400000001</v>
      </c>
      <c r="AG8603">
        <v>30346.82044</v>
      </c>
      <c r="AH8603">
        <v>354956.34350000002</v>
      </c>
      <c r="AI8603">
        <v>94941.353839999996</v>
      </c>
      <c r="AJ8603">
        <v>28978.097989999998</v>
      </c>
      <c r="AK8603">
        <v>36804.468869999997</v>
      </c>
      <c r="AL8603">
        <v>95100.491720000005</v>
      </c>
      <c r="AM8603">
        <v>23650.709330000002</v>
      </c>
      <c r="AN8603">
        <v>130470.46859999999</v>
      </c>
      <c r="AO8603">
        <v>34257.278810000003</v>
      </c>
      <c r="AP8603">
        <v>23913.327229999999</v>
      </c>
    </row>
    <row r="8604" spans="2:42" x14ac:dyDescent="0.3">
      <c r="B8604">
        <v>70.994665674533636</v>
      </c>
      <c r="C8604" s="83">
        <v>43459.416666666664</v>
      </c>
      <c r="D8604">
        <v>246743.40419999999</v>
      </c>
      <c r="E8604">
        <v>39972.491470000001</v>
      </c>
      <c r="F8604">
        <v>103979.42389999999</v>
      </c>
      <c r="G8604">
        <v>54149.429190000003</v>
      </c>
      <c r="H8604">
        <v>55358.777710000002</v>
      </c>
      <c r="I8604">
        <v>41906.843220000002</v>
      </c>
      <c r="J8604">
        <v>31900.456450000001</v>
      </c>
      <c r="K8604">
        <v>56782.545969999999</v>
      </c>
      <c r="L8604">
        <v>32834.482980000001</v>
      </c>
      <c r="M8604">
        <v>361963.91340000002</v>
      </c>
      <c r="N8604">
        <v>96831.539359999995</v>
      </c>
      <c r="O8604">
        <v>28770.426459999999</v>
      </c>
      <c r="P8604">
        <v>38384.187510000003</v>
      </c>
      <c r="Q8604">
        <v>94634.919120000006</v>
      </c>
      <c r="R8604">
        <v>24261.945159999999</v>
      </c>
      <c r="S8604">
        <v>127888.7653</v>
      </c>
      <c r="T8604">
        <v>34514.220549999998</v>
      </c>
      <c r="U8604">
        <v>23078.06682</v>
      </c>
      <c r="W8604" s="83">
        <f>Bühler!N8636</f>
        <v>45650.416666645804</v>
      </c>
      <c r="X8604" s="83">
        <v>43459.416666666664</v>
      </c>
      <c r="Y8604">
        <v>246743.40419999999</v>
      </c>
      <c r="Z8604">
        <v>39972.491470000001</v>
      </c>
      <c r="AA8604">
        <v>103979.42389999999</v>
      </c>
      <c r="AB8604">
        <v>54149.429190000003</v>
      </c>
      <c r="AC8604">
        <v>55358.777710000002</v>
      </c>
      <c r="AD8604">
        <v>41906.843220000002</v>
      </c>
      <c r="AE8604">
        <v>31900.456450000001</v>
      </c>
      <c r="AF8604">
        <v>56782.545969999999</v>
      </c>
      <c r="AG8604">
        <v>32834.482980000001</v>
      </c>
      <c r="AH8604">
        <v>361963.91340000002</v>
      </c>
      <c r="AI8604">
        <v>96831.539359999995</v>
      </c>
      <c r="AJ8604">
        <v>28770.426459999999</v>
      </c>
      <c r="AK8604">
        <v>38384.187510000003</v>
      </c>
      <c r="AL8604">
        <v>94634.919120000006</v>
      </c>
      <c r="AM8604">
        <v>24261.945159999999</v>
      </c>
      <c r="AN8604">
        <v>127888.7653</v>
      </c>
      <c r="AO8604">
        <v>34514.220549999998</v>
      </c>
      <c r="AP8604">
        <v>23078.06682</v>
      </c>
    </row>
    <row r="8605" spans="2:42" x14ac:dyDescent="0.3">
      <c r="B8605">
        <v>71.173056260839076</v>
      </c>
      <c r="C8605" s="83">
        <v>43459.458333333336</v>
      </c>
      <c r="D8605">
        <v>244419.17879999999</v>
      </c>
      <c r="E8605">
        <v>39345.097170000001</v>
      </c>
      <c r="F8605">
        <v>104957.28389999999</v>
      </c>
      <c r="G8605">
        <v>52721.469770000003</v>
      </c>
      <c r="H8605">
        <v>54404.215850000001</v>
      </c>
      <c r="I8605">
        <v>40357.74338</v>
      </c>
      <c r="J8605">
        <v>31730.48646</v>
      </c>
      <c r="K8605">
        <v>63555.069300000003</v>
      </c>
      <c r="L8605">
        <v>33119.341699999997</v>
      </c>
      <c r="M8605">
        <v>362873.43180000002</v>
      </c>
      <c r="N8605">
        <v>97643.176420000003</v>
      </c>
      <c r="O8605">
        <v>28800.654009999998</v>
      </c>
      <c r="P8605">
        <v>36645.098380000003</v>
      </c>
      <c r="Q8605">
        <v>96679.989749999993</v>
      </c>
      <c r="R8605">
        <v>26936.45059</v>
      </c>
      <c r="S8605">
        <v>129792.05250000001</v>
      </c>
      <c r="T8605">
        <v>35039.294249999999</v>
      </c>
      <c r="U8605">
        <v>22809.177950000001</v>
      </c>
      <c r="W8605" s="83">
        <f>Bühler!N8637</f>
        <v>45650.458333312468</v>
      </c>
      <c r="X8605" s="83">
        <v>43459.458333333336</v>
      </c>
      <c r="Y8605">
        <v>244419.17879999999</v>
      </c>
      <c r="Z8605">
        <v>39345.097170000001</v>
      </c>
      <c r="AA8605">
        <v>104957.28389999999</v>
      </c>
      <c r="AB8605">
        <v>52721.469770000003</v>
      </c>
      <c r="AC8605">
        <v>54404.215850000001</v>
      </c>
      <c r="AD8605">
        <v>40357.74338</v>
      </c>
      <c r="AE8605">
        <v>31730.48646</v>
      </c>
      <c r="AF8605">
        <v>63555.069300000003</v>
      </c>
      <c r="AG8605">
        <v>33119.341699999997</v>
      </c>
      <c r="AH8605">
        <v>362873.43180000002</v>
      </c>
      <c r="AI8605">
        <v>97643.176420000003</v>
      </c>
      <c r="AJ8605">
        <v>28800.654009999998</v>
      </c>
      <c r="AK8605">
        <v>36645.098380000003</v>
      </c>
      <c r="AL8605">
        <v>96679.989749999993</v>
      </c>
      <c r="AM8605">
        <v>26936.45059</v>
      </c>
      <c r="AN8605">
        <v>129792.05250000001</v>
      </c>
      <c r="AO8605">
        <v>35039.294249999999</v>
      </c>
      <c r="AP8605">
        <v>22809.177950000001</v>
      </c>
    </row>
    <row r="8606" spans="2:42" x14ac:dyDescent="0.3">
      <c r="B8606">
        <v>69.940433884128524</v>
      </c>
      <c r="C8606" s="83">
        <v>43459.5</v>
      </c>
      <c r="D8606">
        <v>232101.58970000001</v>
      </c>
      <c r="E8606">
        <v>35023.891049999998</v>
      </c>
      <c r="F8606">
        <v>97995.393219999998</v>
      </c>
      <c r="G8606">
        <v>48931.428099999997</v>
      </c>
      <c r="H8606">
        <v>51791.130669999999</v>
      </c>
      <c r="I8606">
        <v>37816.898950000003</v>
      </c>
      <c r="J8606">
        <v>31328.348180000001</v>
      </c>
      <c r="K8606">
        <v>61224.079120000002</v>
      </c>
      <c r="L8606">
        <v>36328.60368</v>
      </c>
      <c r="M8606">
        <v>356588.94809999998</v>
      </c>
      <c r="N8606">
        <v>92127.319069999998</v>
      </c>
      <c r="O8606">
        <v>27456.330249999999</v>
      </c>
      <c r="P8606">
        <v>37418.984570000001</v>
      </c>
      <c r="Q8606">
        <v>94964.256630000003</v>
      </c>
      <c r="R8606">
        <v>27557.968280000001</v>
      </c>
      <c r="S8606">
        <v>122830.5411</v>
      </c>
      <c r="T8606">
        <v>33992.054799999998</v>
      </c>
      <c r="U8606">
        <v>20464.954249999999</v>
      </c>
      <c r="W8606" s="83">
        <f>Bühler!N8638</f>
        <v>45650.499999979133</v>
      </c>
      <c r="X8606" s="83">
        <v>43459.5</v>
      </c>
      <c r="Y8606">
        <v>232101.58970000001</v>
      </c>
      <c r="Z8606">
        <v>35023.891049999998</v>
      </c>
      <c r="AA8606">
        <v>97995.393219999998</v>
      </c>
      <c r="AB8606">
        <v>48931.428099999997</v>
      </c>
      <c r="AC8606">
        <v>51791.130669999999</v>
      </c>
      <c r="AD8606">
        <v>37816.898950000003</v>
      </c>
      <c r="AE8606">
        <v>31328.348180000001</v>
      </c>
      <c r="AF8606">
        <v>61224.079120000002</v>
      </c>
      <c r="AG8606">
        <v>36328.60368</v>
      </c>
      <c r="AH8606">
        <v>356588.94809999998</v>
      </c>
      <c r="AI8606">
        <v>92127.319069999998</v>
      </c>
      <c r="AJ8606">
        <v>27456.330249999999</v>
      </c>
      <c r="AK8606">
        <v>37418.984570000001</v>
      </c>
      <c r="AL8606">
        <v>94964.256630000003</v>
      </c>
      <c r="AM8606">
        <v>27557.968280000001</v>
      </c>
      <c r="AN8606">
        <v>122830.5411</v>
      </c>
      <c r="AO8606">
        <v>33992.054799999998</v>
      </c>
      <c r="AP8606">
        <v>20464.954249999999</v>
      </c>
    </row>
    <row r="8607" spans="2:42" x14ac:dyDescent="0.3">
      <c r="B8607">
        <v>69.855218199477491</v>
      </c>
      <c r="C8607" s="83">
        <v>43459.541666666664</v>
      </c>
      <c r="D8607">
        <v>230674.02499999999</v>
      </c>
      <c r="E8607">
        <v>34405.999920000002</v>
      </c>
      <c r="F8607">
        <v>93528.961769999994</v>
      </c>
      <c r="G8607">
        <v>47642.610280000001</v>
      </c>
      <c r="H8607">
        <v>52091.586539999997</v>
      </c>
      <c r="I8607">
        <v>37074.822800000002</v>
      </c>
      <c r="J8607">
        <v>30409.834999999999</v>
      </c>
      <c r="K8607">
        <v>62387.680780000002</v>
      </c>
      <c r="L8607">
        <v>35427.072650000002</v>
      </c>
      <c r="M8607">
        <v>356154.47879999998</v>
      </c>
      <c r="N8607">
        <v>90116.131009999997</v>
      </c>
      <c r="O8607">
        <v>27261.142080000001</v>
      </c>
      <c r="P8607">
        <v>35774.235520000002</v>
      </c>
      <c r="Q8607">
        <v>93125.52966</v>
      </c>
      <c r="R8607">
        <v>28707.223099999999</v>
      </c>
      <c r="S8607">
        <v>122231.0833</v>
      </c>
      <c r="T8607">
        <v>33522.354829999997</v>
      </c>
      <c r="U8607">
        <v>19540.416679999998</v>
      </c>
      <c r="W8607" s="83">
        <f>Bühler!N8639</f>
        <v>45650.541666645797</v>
      </c>
      <c r="X8607" s="83">
        <v>43459.541666666664</v>
      </c>
      <c r="Y8607">
        <v>230674.02499999999</v>
      </c>
      <c r="Z8607">
        <v>34405.999920000002</v>
      </c>
      <c r="AA8607">
        <v>93528.961769999994</v>
      </c>
      <c r="AB8607">
        <v>47642.610280000001</v>
      </c>
      <c r="AC8607">
        <v>52091.586539999997</v>
      </c>
      <c r="AD8607">
        <v>37074.822800000002</v>
      </c>
      <c r="AE8607">
        <v>30409.834999999999</v>
      </c>
      <c r="AF8607">
        <v>62387.680780000002</v>
      </c>
      <c r="AG8607">
        <v>35427.072650000002</v>
      </c>
      <c r="AH8607">
        <v>356154.47879999998</v>
      </c>
      <c r="AI8607">
        <v>90116.131009999997</v>
      </c>
      <c r="AJ8607">
        <v>27261.142080000001</v>
      </c>
      <c r="AK8607">
        <v>35774.235520000002</v>
      </c>
      <c r="AL8607">
        <v>93125.52966</v>
      </c>
      <c r="AM8607">
        <v>28707.223099999999</v>
      </c>
      <c r="AN8607">
        <v>122231.0833</v>
      </c>
      <c r="AO8607">
        <v>33522.354829999997</v>
      </c>
      <c r="AP8607">
        <v>19540.416679999998</v>
      </c>
    </row>
    <row r="8608" spans="2:42" x14ac:dyDescent="0.3">
      <c r="B8608">
        <v>70.056628433678654</v>
      </c>
      <c r="C8608" s="83">
        <v>43459.583333333336</v>
      </c>
      <c r="D8608">
        <v>232052.5809</v>
      </c>
      <c r="E8608">
        <v>37274.580349999997</v>
      </c>
      <c r="F8608">
        <v>102817.11840000001</v>
      </c>
      <c r="G8608">
        <v>46721.22911</v>
      </c>
      <c r="H8608">
        <v>51651.438719999998</v>
      </c>
      <c r="I8608">
        <v>37811.041539999998</v>
      </c>
      <c r="J8608">
        <v>30256.20105</v>
      </c>
      <c r="K8608">
        <v>61956.354890000002</v>
      </c>
      <c r="L8608">
        <v>32329.14704</v>
      </c>
      <c r="M8608">
        <v>357181.36210000003</v>
      </c>
      <c r="N8608">
        <v>92007.597590000005</v>
      </c>
      <c r="O8608">
        <v>27252.592199999999</v>
      </c>
      <c r="P8608">
        <v>33383.750070000002</v>
      </c>
      <c r="Q8608">
        <v>92072.809569999998</v>
      </c>
      <c r="R8608">
        <v>26167.899700000002</v>
      </c>
      <c r="S8608">
        <v>114981.18</v>
      </c>
      <c r="T8608">
        <v>33896.001669999998</v>
      </c>
      <c r="U8608">
        <v>19520.910619999999</v>
      </c>
      <c r="W8608" s="83">
        <f>Bühler!N8640</f>
        <v>45650.583333312461</v>
      </c>
      <c r="X8608" s="83">
        <v>43459.583333333336</v>
      </c>
      <c r="Y8608">
        <v>232052.5809</v>
      </c>
      <c r="Z8608">
        <v>37274.580349999997</v>
      </c>
      <c r="AA8608">
        <v>102817.11840000001</v>
      </c>
      <c r="AB8608">
        <v>46721.22911</v>
      </c>
      <c r="AC8608">
        <v>51651.438719999998</v>
      </c>
      <c r="AD8608">
        <v>37811.041539999998</v>
      </c>
      <c r="AE8608">
        <v>30256.20105</v>
      </c>
      <c r="AF8608">
        <v>61956.354890000002</v>
      </c>
      <c r="AG8608">
        <v>32329.14704</v>
      </c>
      <c r="AH8608">
        <v>357181.36210000003</v>
      </c>
      <c r="AI8608">
        <v>92007.597590000005</v>
      </c>
      <c r="AJ8608">
        <v>27252.592199999999</v>
      </c>
      <c r="AK8608">
        <v>33383.750070000002</v>
      </c>
      <c r="AL8608">
        <v>92072.809569999998</v>
      </c>
      <c r="AM8608">
        <v>26167.899700000002</v>
      </c>
      <c r="AN8608">
        <v>114981.18</v>
      </c>
      <c r="AO8608">
        <v>33896.001669999998</v>
      </c>
      <c r="AP8608">
        <v>19520.910619999999</v>
      </c>
    </row>
    <row r="8609" spans="2:42" x14ac:dyDescent="0.3">
      <c r="B8609">
        <v>68.617770352056766</v>
      </c>
      <c r="C8609" s="83">
        <v>43459.625</v>
      </c>
      <c r="D8609">
        <v>229042.47529999999</v>
      </c>
      <c r="E8609">
        <v>37091.082199999997</v>
      </c>
      <c r="F8609">
        <v>103329.90029999999</v>
      </c>
      <c r="G8609">
        <v>45528.980750000002</v>
      </c>
      <c r="H8609">
        <v>50751.513039999998</v>
      </c>
      <c r="I8609">
        <v>37980.498310000003</v>
      </c>
      <c r="J8609">
        <v>29767.576209999999</v>
      </c>
      <c r="K8609">
        <v>60801.45912</v>
      </c>
      <c r="L8609">
        <v>29298.23213</v>
      </c>
      <c r="M8609">
        <v>349845.39260000002</v>
      </c>
      <c r="N8609">
        <v>89945.883780000004</v>
      </c>
      <c r="O8609">
        <v>26533.752280000001</v>
      </c>
      <c r="P8609">
        <v>31482.216970000001</v>
      </c>
      <c r="Q8609">
        <v>90444.561029999997</v>
      </c>
      <c r="R8609">
        <v>25686.488570000001</v>
      </c>
      <c r="S8609">
        <v>112536.9126</v>
      </c>
      <c r="T8609">
        <v>33264.15438</v>
      </c>
      <c r="U8609">
        <v>19910.37167</v>
      </c>
      <c r="W8609" s="83">
        <f>Bühler!N8641</f>
        <v>45650.624999979125</v>
      </c>
      <c r="X8609" s="83">
        <v>43459.625</v>
      </c>
      <c r="Y8609">
        <v>229042.47529999999</v>
      </c>
      <c r="Z8609">
        <v>37091.082199999997</v>
      </c>
      <c r="AA8609">
        <v>103329.90029999999</v>
      </c>
      <c r="AB8609">
        <v>45528.980750000002</v>
      </c>
      <c r="AC8609">
        <v>50751.513039999998</v>
      </c>
      <c r="AD8609">
        <v>37980.498310000003</v>
      </c>
      <c r="AE8609">
        <v>29767.576209999999</v>
      </c>
      <c r="AF8609">
        <v>60801.45912</v>
      </c>
      <c r="AG8609">
        <v>29298.23213</v>
      </c>
      <c r="AH8609">
        <v>349845.39260000002</v>
      </c>
      <c r="AI8609">
        <v>89945.883780000004</v>
      </c>
      <c r="AJ8609">
        <v>26533.752280000001</v>
      </c>
      <c r="AK8609">
        <v>31482.216970000001</v>
      </c>
      <c r="AL8609">
        <v>90444.561029999997</v>
      </c>
      <c r="AM8609">
        <v>25686.488570000001</v>
      </c>
      <c r="AN8609">
        <v>112536.9126</v>
      </c>
      <c r="AO8609">
        <v>33264.15438</v>
      </c>
      <c r="AP8609">
        <v>19910.37167</v>
      </c>
    </row>
    <row r="8610" spans="2:42" x14ac:dyDescent="0.3">
      <c r="B8610">
        <v>67.414971041696347</v>
      </c>
      <c r="C8610" s="83">
        <v>43459.666666666664</v>
      </c>
      <c r="D8610">
        <v>223219.0239</v>
      </c>
      <c r="E8610">
        <v>36434.552770000002</v>
      </c>
      <c r="F8610">
        <v>103706.78049999999</v>
      </c>
      <c r="G8610">
        <v>44956.456359999996</v>
      </c>
      <c r="H8610">
        <v>49328.851999999999</v>
      </c>
      <c r="I8610">
        <v>38873.427049999998</v>
      </c>
      <c r="J8610">
        <v>29841.582299999998</v>
      </c>
      <c r="K8610">
        <v>57608.558519999999</v>
      </c>
      <c r="L8610">
        <v>27963.990330000001</v>
      </c>
      <c r="M8610">
        <v>343712.9608</v>
      </c>
      <c r="N8610">
        <v>86778.205719999998</v>
      </c>
      <c r="O8610">
        <v>26675.506700000002</v>
      </c>
      <c r="P8610">
        <v>32315.343929999999</v>
      </c>
      <c r="Q8610">
        <v>89088.640029999995</v>
      </c>
      <c r="R8610">
        <v>25653.93447</v>
      </c>
      <c r="S8610">
        <v>111545.5229</v>
      </c>
      <c r="T8610">
        <v>33237.682699999998</v>
      </c>
      <c r="U8610">
        <v>20153.07778</v>
      </c>
      <c r="W8610" s="83">
        <f>Bühler!N8642</f>
        <v>45650.66666664579</v>
      </c>
      <c r="X8610" s="83">
        <v>43459.666666666664</v>
      </c>
      <c r="Y8610">
        <v>223219.0239</v>
      </c>
      <c r="Z8610">
        <v>36434.552770000002</v>
      </c>
      <c r="AA8610">
        <v>103706.78049999999</v>
      </c>
      <c r="AB8610">
        <v>44956.456359999996</v>
      </c>
      <c r="AC8610">
        <v>49328.851999999999</v>
      </c>
      <c r="AD8610">
        <v>38873.427049999998</v>
      </c>
      <c r="AE8610">
        <v>29841.582299999998</v>
      </c>
      <c r="AF8610">
        <v>57608.558519999999</v>
      </c>
      <c r="AG8610">
        <v>27963.990330000001</v>
      </c>
      <c r="AH8610">
        <v>343712.9608</v>
      </c>
      <c r="AI8610">
        <v>86778.205719999998</v>
      </c>
      <c r="AJ8610">
        <v>26675.506700000002</v>
      </c>
      <c r="AK8610">
        <v>32315.343929999999</v>
      </c>
      <c r="AL8610">
        <v>89088.640029999995</v>
      </c>
      <c r="AM8610">
        <v>25653.93447</v>
      </c>
      <c r="AN8610">
        <v>111545.5229</v>
      </c>
      <c r="AO8610">
        <v>33237.682699999998</v>
      </c>
      <c r="AP8610">
        <v>20153.07778</v>
      </c>
    </row>
    <row r="8611" spans="2:42" x14ac:dyDescent="0.3">
      <c r="B8611">
        <v>66.796042017092915</v>
      </c>
      <c r="C8611" s="83">
        <v>43459.708333333336</v>
      </c>
      <c r="D8611">
        <v>216354.7782</v>
      </c>
      <c r="E8611">
        <v>35122.53254</v>
      </c>
      <c r="F8611">
        <v>104997.55929999999</v>
      </c>
      <c r="G8611">
        <v>44729.44702</v>
      </c>
      <c r="H8611">
        <v>49464.22292</v>
      </c>
      <c r="I8611">
        <v>38094.694239999997</v>
      </c>
      <c r="J8611">
        <v>31991.661</v>
      </c>
      <c r="K8611">
        <v>53073.768819999998</v>
      </c>
      <c r="L8611">
        <v>29007.728940000001</v>
      </c>
      <c r="M8611">
        <v>340557.37199999997</v>
      </c>
      <c r="N8611">
        <v>83329.738989999998</v>
      </c>
      <c r="O8611">
        <v>26058.996459999998</v>
      </c>
      <c r="P8611">
        <v>34813.793489999996</v>
      </c>
      <c r="Q8611">
        <v>88338.823350000006</v>
      </c>
      <c r="R8611">
        <v>25367.544809999999</v>
      </c>
      <c r="S8611">
        <v>112403.7735</v>
      </c>
      <c r="T8611">
        <v>34322.863649999999</v>
      </c>
      <c r="U8611">
        <v>20059.661830000001</v>
      </c>
      <c r="W8611" s="83">
        <f>Bühler!N8643</f>
        <v>45650.708333312454</v>
      </c>
      <c r="X8611" s="83">
        <v>43459.708333333336</v>
      </c>
      <c r="Y8611">
        <v>216354.7782</v>
      </c>
      <c r="Z8611">
        <v>35122.53254</v>
      </c>
      <c r="AA8611">
        <v>104997.55929999999</v>
      </c>
      <c r="AB8611">
        <v>44729.44702</v>
      </c>
      <c r="AC8611">
        <v>49464.22292</v>
      </c>
      <c r="AD8611">
        <v>38094.694239999997</v>
      </c>
      <c r="AE8611">
        <v>31991.661</v>
      </c>
      <c r="AF8611">
        <v>53073.768819999998</v>
      </c>
      <c r="AG8611">
        <v>29007.728940000001</v>
      </c>
      <c r="AH8611">
        <v>340557.37199999997</v>
      </c>
      <c r="AI8611">
        <v>83329.738989999998</v>
      </c>
      <c r="AJ8611">
        <v>26058.996459999998</v>
      </c>
      <c r="AK8611">
        <v>34813.793489999996</v>
      </c>
      <c r="AL8611">
        <v>88338.823350000006</v>
      </c>
      <c r="AM8611">
        <v>25367.544809999999</v>
      </c>
      <c r="AN8611">
        <v>112403.7735</v>
      </c>
      <c r="AO8611">
        <v>34322.863649999999</v>
      </c>
      <c r="AP8611">
        <v>20059.661830000001</v>
      </c>
    </row>
    <row r="8612" spans="2:42" x14ac:dyDescent="0.3">
      <c r="B8612">
        <v>65.187829517477795</v>
      </c>
      <c r="C8612" s="83">
        <v>43459.75</v>
      </c>
      <c r="D8612">
        <v>208381.94839999999</v>
      </c>
      <c r="E8612">
        <v>31736.498920000002</v>
      </c>
      <c r="F8612">
        <v>100952.0058</v>
      </c>
      <c r="G8612">
        <v>43367.54823</v>
      </c>
      <c r="H8612">
        <v>47194.805650000002</v>
      </c>
      <c r="I8612">
        <v>37794.034110000001</v>
      </c>
      <c r="J8612">
        <v>32274.08052</v>
      </c>
      <c r="K8612">
        <v>47022.224779999997</v>
      </c>
      <c r="L8612">
        <v>30910.27204</v>
      </c>
      <c r="M8612">
        <v>332357.9547</v>
      </c>
      <c r="N8612">
        <v>82051.47</v>
      </c>
      <c r="O8612">
        <v>25130.877410000001</v>
      </c>
      <c r="P8612">
        <v>36481.267670000001</v>
      </c>
      <c r="Q8612">
        <v>87159.147729999997</v>
      </c>
      <c r="R8612">
        <v>22505.86896</v>
      </c>
      <c r="S8612">
        <v>106606.2101</v>
      </c>
      <c r="T8612">
        <v>34597.009689999999</v>
      </c>
      <c r="U8612">
        <v>19205.238949999999</v>
      </c>
      <c r="W8612" s="83">
        <f>Bühler!N8644</f>
        <v>45650.749999979118</v>
      </c>
      <c r="X8612" s="83">
        <v>43459.75</v>
      </c>
      <c r="Y8612">
        <v>208381.94839999999</v>
      </c>
      <c r="Z8612">
        <v>31736.498920000002</v>
      </c>
      <c r="AA8612">
        <v>100952.0058</v>
      </c>
      <c r="AB8612">
        <v>43367.54823</v>
      </c>
      <c r="AC8612">
        <v>47194.805650000002</v>
      </c>
      <c r="AD8612">
        <v>37794.034110000001</v>
      </c>
      <c r="AE8612">
        <v>32274.08052</v>
      </c>
      <c r="AF8612">
        <v>47022.224779999997</v>
      </c>
      <c r="AG8612">
        <v>30910.27204</v>
      </c>
      <c r="AH8612">
        <v>332357.9547</v>
      </c>
      <c r="AI8612">
        <v>82051.47</v>
      </c>
      <c r="AJ8612">
        <v>25130.877410000001</v>
      </c>
      <c r="AK8612">
        <v>36481.267670000001</v>
      </c>
      <c r="AL8612">
        <v>87159.147729999997</v>
      </c>
      <c r="AM8612">
        <v>22505.86896</v>
      </c>
      <c r="AN8612">
        <v>106606.2101</v>
      </c>
      <c r="AO8612">
        <v>34597.009689999999</v>
      </c>
      <c r="AP8612">
        <v>19205.238949999999</v>
      </c>
    </row>
    <row r="8613" spans="2:42" x14ac:dyDescent="0.3">
      <c r="B8613">
        <v>64.052860036090479</v>
      </c>
      <c r="C8613" s="83">
        <v>43459.791666666664</v>
      </c>
      <c r="D8613">
        <v>202803.94880000001</v>
      </c>
      <c r="E8613">
        <v>25787.940460000002</v>
      </c>
      <c r="F8613">
        <v>87321.30833</v>
      </c>
      <c r="G8613">
        <v>41887.893700000001</v>
      </c>
      <c r="H8613">
        <v>44487.968419999997</v>
      </c>
      <c r="I8613">
        <v>35544.36346</v>
      </c>
      <c r="J8613">
        <v>31259.25663</v>
      </c>
      <c r="K8613">
        <v>46182.872130000003</v>
      </c>
      <c r="L8613">
        <v>32208.418320000001</v>
      </c>
      <c r="M8613">
        <v>326571.35100000002</v>
      </c>
      <c r="N8613">
        <v>79672.642349999995</v>
      </c>
      <c r="O8613">
        <v>23645.771100000002</v>
      </c>
      <c r="P8613">
        <v>37838.654090000004</v>
      </c>
      <c r="Q8613">
        <v>85253.359370000006</v>
      </c>
      <c r="R8613">
        <v>21717.124039999999</v>
      </c>
      <c r="S8613">
        <v>102270.02159999999</v>
      </c>
      <c r="T8613">
        <v>33491.404649999997</v>
      </c>
      <c r="U8613">
        <v>17558.947800000002</v>
      </c>
      <c r="W8613" s="83">
        <f>Bühler!N8645</f>
        <v>45650.791666645782</v>
      </c>
      <c r="X8613" s="83">
        <v>43459.791666666664</v>
      </c>
      <c r="Y8613">
        <v>202803.94880000001</v>
      </c>
      <c r="Z8613">
        <v>25787.940460000002</v>
      </c>
      <c r="AA8613">
        <v>87321.30833</v>
      </c>
      <c r="AB8613">
        <v>41887.893700000001</v>
      </c>
      <c r="AC8613">
        <v>44487.968419999997</v>
      </c>
      <c r="AD8613">
        <v>35544.36346</v>
      </c>
      <c r="AE8613">
        <v>31259.25663</v>
      </c>
      <c r="AF8613">
        <v>46182.872130000003</v>
      </c>
      <c r="AG8613">
        <v>32208.418320000001</v>
      </c>
      <c r="AH8613">
        <v>326571.35100000002</v>
      </c>
      <c r="AI8613">
        <v>79672.642349999995</v>
      </c>
      <c r="AJ8613">
        <v>23645.771100000002</v>
      </c>
      <c r="AK8613">
        <v>37838.654090000004</v>
      </c>
      <c r="AL8613">
        <v>85253.359370000006</v>
      </c>
      <c r="AM8613">
        <v>21717.124039999999</v>
      </c>
      <c r="AN8613">
        <v>102270.02159999999</v>
      </c>
      <c r="AO8613">
        <v>33491.404649999997</v>
      </c>
      <c r="AP8613">
        <v>17558.947800000002</v>
      </c>
    </row>
    <row r="8614" spans="2:42" x14ac:dyDescent="0.3">
      <c r="B8614">
        <v>62.682252145145831</v>
      </c>
      <c r="C8614" s="83">
        <v>43459.833333333336</v>
      </c>
      <c r="D8614">
        <v>195599.61840000001</v>
      </c>
      <c r="E8614">
        <v>19584.883900000001</v>
      </c>
      <c r="F8614">
        <v>68228.823480000006</v>
      </c>
      <c r="G8614">
        <v>40330.775950000003</v>
      </c>
      <c r="H8614">
        <v>42090.228620000002</v>
      </c>
      <c r="I8614">
        <v>31369.558130000001</v>
      </c>
      <c r="J8614">
        <v>30265.850839999999</v>
      </c>
      <c r="K8614">
        <v>53335.102550000003</v>
      </c>
      <c r="L8614">
        <v>31735.60471</v>
      </c>
      <c r="M8614">
        <v>319583.35279999999</v>
      </c>
      <c r="N8614">
        <v>76836.230779999998</v>
      </c>
      <c r="O8614">
        <v>22813.28832</v>
      </c>
      <c r="P8614">
        <v>37432.435389999999</v>
      </c>
      <c r="Q8614">
        <v>83801.636329999994</v>
      </c>
      <c r="R8614">
        <v>23650.741040000001</v>
      </c>
      <c r="S8614">
        <v>92994.317660000001</v>
      </c>
      <c r="T8614">
        <v>32450.880359999999</v>
      </c>
      <c r="U8614">
        <v>16562.176579999999</v>
      </c>
      <c r="W8614" s="83">
        <f>Bühler!N8646</f>
        <v>45650.833333312446</v>
      </c>
      <c r="X8614" s="83">
        <v>43459.833333333336</v>
      </c>
      <c r="Y8614">
        <v>195599.61840000001</v>
      </c>
      <c r="Z8614">
        <v>19584.883900000001</v>
      </c>
      <c r="AA8614">
        <v>68228.823480000006</v>
      </c>
      <c r="AB8614">
        <v>40330.775950000003</v>
      </c>
      <c r="AC8614">
        <v>42090.228620000002</v>
      </c>
      <c r="AD8614">
        <v>31369.558130000001</v>
      </c>
      <c r="AE8614">
        <v>30265.850839999999</v>
      </c>
      <c r="AF8614">
        <v>53335.102550000003</v>
      </c>
      <c r="AG8614">
        <v>31735.60471</v>
      </c>
      <c r="AH8614">
        <v>319583.35279999999</v>
      </c>
      <c r="AI8614">
        <v>76836.230779999998</v>
      </c>
      <c r="AJ8614">
        <v>22813.28832</v>
      </c>
      <c r="AK8614">
        <v>37432.435389999999</v>
      </c>
      <c r="AL8614">
        <v>83801.636329999994</v>
      </c>
      <c r="AM8614">
        <v>23650.741040000001</v>
      </c>
      <c r="AN8614">
        <v>92994.317660000001</v>
      </c>
      <c r="AO8614">
        <v>32450.880359999999</v>
      </c>
      <c r="AP8614">
        <v>16562.176579999999</v>
      </c>
    </row>
    <row r="8615" spans="2:42" x14ac:dyDescent="0.3">
      <c r="B8615">
        <v>60.300180069851592</v>
      </c>
      <c r="C8615" s="83">
        <v>43459.875</v>
      </c>
      <c r="D8615">
        <v>189552.77280000001</v>
      </c>
      <c r="E8615">
        <v>16981.405320000002</v>
      </c>
      <c r="F8615">
        <v>60090.887849999999</v>
      </c>
      <c r="G8615">
        <v>38943.733939999998</v>
      </c>
      <c r="H8615">
        <v>40453.622380000001</v>
      </c>
      <c r="I8615">
        <v>28311.659930000002</v>
      </c>
      <c r="J8615">
        <v>29145.493129999999</v>
      </c>
      <c r="K8615">
        <v>52321.702440000001</v>
      </c>
      <c r="L8615">
        <v>28629.70289</v>
      </c>
      <c r="M8615">
        <v>307438.43849999999</v>
      </c>
      <c r="N8615">
        <v>74939.226670000004</v>
      </c>
      <c r="O8615">
        <v>22312.26468</v>
      </c>
      <c r="P8615">
        <v>36285.620479999998</v>
      </c>
      <c r="Q8615">
        <v>81884.324189999999</v>
      </c>
      <c r="R8615">
        <v>21500.308649999999</v>
      </c>
      <c r="S8615">
        <v>86952.241859999995</v>
      </c>
      <c r="T8615">
        <v>30044.35756</v>
      </c>
      <c r="U8615">
        <v>15400.443670000001</v>
      </c>
      <c r="W8615" s="83">
        <f>Bühler!N8647</f>
        <v>45650.874999979111</v>
      </c>
      <c r="X8615" s="83">
        <v>43459.875</v>
      </c>
      <c r="Y8615">
        <v>189552.77280000001</v>
      </c>
      <c r="Z8615">
        <v>16981.405320000002</v>
      </c>
      <c r="AA8615">
        <v>60090.887849999999</v>
      </c>
      <c r="AB8615">
        <v>38943.733939999998</v>
      </c>
      <c r="AC8615">
        <v>40453.622380000001</v>
      </c>
      <c r="AD8615">
        <v>28311.659930000002</v>
      </c>
      <c r="AE8615">
        <v>29145.493129999999</v>
      </c>
      <c r="AF8615">
        <v>52321.702440000001</v>
      </c>
      <c r="AG8615">
        <v>28629.70289</v>
      </c>
      <c r="AH8615">
        <v>307438.43849999999</v>
      </c>
      <c r="AI8615">
        <v>74939.226670000004</v>
      </c>
      <c r="AJ8615">
        <v>22312.26468</v>
      </c>
      <c r="AK8615">
        <v>36285.620479999998</v>
      </c>
      <c r="AL8615">
        <v>81884.324189999999</v>
      </c>
      <c r="AM8615">
        <v>21500.308649999999</v>
      </c>
      <c r="AN8615">
        <v>86952.241859999995</v>
      </c>
      <c r="AO8615">
        <v>30044.35756</v>
      </c>
      <c r="AP8615">
        <v>15400.443670000001</v>
      </c>
    </row>
    <row r="8616" spans="2:42" x14ac:dyDescent="0.3">
      <c r="B8616">
        <v>59.72611463454318</v>
      </c>
      <c r="C8616" s="83">
        <v>43459.916666666664</v>
      </c>
      <c r="D8616">
        <v>187855.23629999999</v>
      </c>
      <c r="E8616">
        <v>16080.27188</v>
      </c>
      <c r="F8616">
        <v>56894.450859999997</v>
      </c>
      <c r="G8616">
        <v>38710.534149999999</v>
      </c>
      <c r="H8616">
        <v>39428.421900000001</v>
      </c>
      <c r="I8616">
        <v>26416.34893</v>
      </c>
      <c r="J8616">
        <v>28376.486389999998</v>
      </c>
      <c r="K8616">
        <v>53985.759839999999</v>
      </c>
      <c r="L8616">
        <v>24757.13078</v>
      </c>
      <c r="M8616">
        <v>304511.58519999997</v>
      </c>
      <c r="N8616">
        <v>74840.608800000002</v>
      </c>
      <c r="O8616">
        <v>22671.088479999999</v>
      </c>
      <c r="P8616">
        <v>39357.27291</v>
      </c>
      <c r="Q8616">
        <v>82235.761159999995</v>
      </c>
      <c r="R8616">
        <v>27000.03081</v>
      </c>
      <c r="S8616">
        <v>85328.113360000003</v>
      </c>
      <c r="T8616">
        <v>27638.353770000002</v>
      </c>
      <c r="U8616">
        <v>16018.755139999999</v>
      </c>
      <c r="W8616" s="83">
        <f>Bühler!N8648</f>
        <v>45650.916666645775</v>
      </c>
      <c r="X8616" s="83">
        <v>43459.916666666664</v>
      </c>
      <c r="Y8616">
        <v>187855.23629999999</v>
      </c>
      <c r="Z8616">
        <v>16080.27188</v>
      </c>
      <c r="AA8616">
        <v>56894.450859999997</v>
      </c>
      <c r="AB8616">
        <v>38710.534149999999</v>
      </c>
      <c r="AC8616">
        <v>39428.421900000001</v>
      </c>
      <c r="AD8616">
        <v>26416.34893</v>
      </c>
      <c r="AE8616">
        <v>28376.486389999998</v>
      </c>
      <c r="AF8616">
        <v>53985.759839999999</v>
      </c>
      <c r="AG8616">
        <v>24757.13078</v>
      </c>
      <c r="AH8616">
        <v>304511.58519999997</v>
      </c>
      <c r="AI8616">
        <v>74840.608800000002</v>
      </c>
      <c r="AJ8616">
        <v>22671.088479999999</v>
      </c>
      <c r="AK8616">
        <v>39357.27291</v>
      </c>
      <c r="AL8616">
        <v>82235.761159999995</v>
      </c>
      <c r="AM8616">
        <v>27000.03081</v>
      </c>
      <c r="AN8616">
        <v>85328.113360000003</v>
      </c>
      <c r="AO8616">
        <v>27638.353770000002</v>
      </c>
      <c r="AP8616">
        <v>16018.755139999999</v>
      </c>
    </row>
    <row r="8617" spans="2:42" x14ac:dyDescent="0.3">
      <c r="B8617">
        <v>58.244197290532249</v>
      </c>
      <c r="C8617" s="83">
        <v>43459.958333333336</v>
      </c>
      <c r="D8617">
        <v>187129.90349999999</v>
      </c>
      <c r="E8617">
        <v>15766.459940000001</v>
      </c>
      <c r="F8617">
        <v>55614.008849999998</v>
      </c>
      <c r="G8617">
        <v>38571.31912</v>
      </c>
      <c r="H8617">
        <v>39078.334040000002</v>
      </c>
      <c r="I8617">
        <v>24699.507460000001</v>
      </c>
      <c r="J8617">
        <v>27005.18074</v>
      </c>
      <c r="K8617">
        <v>53728.913809999998</v>
      </c>
      <c r="L8617">
        <v>20555.547330000001</v>
      </c>
      <c r="M8617">
        <v>296956.07949999999</v>
      </c>
      <c r="N8617">
        <v>73911.139840000003</v>
      </c>
      <c r="O8617">
        <v>22298.162509999998</v>
      </c>
      <c r="P8617">
        <v>35418.463830000001</v>
      </c>
      <c r="Q8617">
        <v>82150.460789999997</v>
      </c>
      <c r="R8617">
        <v>26815.97971</v>
      </c>
      <c r="S8617">
        <v>83261.681429999997</v>
      </c>
      <c r="T8617">
        <v>29344.309560000002</v>
      </c>
      <c r="U8617">
        <v>15371.19146</v>
      </c>
      <c r="W8617" s="83">
        <f>Bühler!N8649</f>
        <v>45650.958333312439</v>
      </c>
      <c r="X8617" s="83">
        <v>43459.958333333336</v>
      </c>
      <c r="Y8617">
        <v>187129.90349999999</v>
      </c>
      <c r="Z8617">
        <v>15766.459940000001</v>
      </c>
      <c r="AA8617">
        <v>55614.008849999998</v>
      </c>
      <c r="AB8617">
        <v>38571.31912</v>
      </c>
      <c r="AC8617">
        <v>39078.334040000002</v>
      </c>
      <c r="AD8617">
        <v>24699.507460000001</v>
      </c>
      <c r="AE8617">
        <v>27005.18074</v>
      </c>
      <c r="AF8617">
        <v>53728.913809999998</v>
      </c>
      <c r="AG8617">
        <v>20555.547330000001</v>
      </c>
      <c r="AH8617">
        <v>296956.07949999999</v>
      </c>
      <c r="AI8617">
        <v>73911.139840000003</v>
      </c>
      <c r="AJ8617">
        <v>22298.162509999998</v>
      </c>
      <c r="AK8617">
        <v>35418.463830000001</v>
      </c>
      <c r="AL8617">
        <v>82150.460789999997</v>
      </c>
      <c r="AM8617">
        <v>26815.97971</v>
      </c>
      <c r="AN8617">
        <v>83261.681429999997</v>
      </c>
      <c r="AO8617">
        <v>29344.309560000002</v>
      </c>
      <c r="AP8617">
        <v>15371.19146</v>
      </c>
    </row>
    <row r="8618" spans="2:42" x14ac:dyDescent="0.3">
      <c r="B8618">
        <v>57.72820627999026</v>
      </c>
      <c r="C8618" s="83">
        <v>43460</v>
      </c>
      <c r="D8618">
        <v>186433.0932</v>
      </c>
      <c r="E8618">
        <v>15423.783579999999</v>
      </c>
      <c r="F8618">
        <v>55386.949699999997</v>
      </c>
      <c r="G8618">
        <v>38388.758040000001</v>
      </c>
      <c r="H8618">
        <v>38677.955959999999</v>
      </c>
      <c r="I8618">
        <v>23568.457999999999</v>
      </c>
      <c r="J8618">
        <v>25444.792750000001</v>
      </c>
      <c r="K8618">
        <v>51466.639609999998</v>
      </c>
      <c r="L8618">
        <v>18467.32029</v>
      </c>
      <c r="M8618">
        <v>294325.31670000002</v>
      </c>
      <c r="N8618">
        <v>73448.517510000005</v>
      </c>
      <c r="O8618">
        <v>22323.06911</v>
      </c>
      <c r="P8618">
        <v>32867.875899999999</v>
      </c>
      <c r="Q8618">
        <v>82722.494909999994</v>
      </c>
      <c r="R8618">
        <v>25165.95105</v>
      </c>
      <c r="S8618">
        <v>82276.350930000001</v>
      </c>
      <c r="T8618">
        <v>27543.653579999998</v>
      </c>
      <c r="U8618">
        <v>15572.020990000001</v>
      </c>
      <c r="W8618" s="83">
        <f>Bühler!N8650</f>
        <v>45650.999999979103</v>
      </c>
      <c r="X8618" s="83">
        <v>43460</v>
      </c>
      <c r="Y8618">
        <v>186433.0932</v>
      </c>
      <c r="Z8618">
        <v>15423.783579999999</v>
      </c>
      <c r="AA8618">
        <v>55386.949699999997</v>
      </c>
      <c r="AB8618">
        <v>38388.758040000001</v>
      </c>
      <c r="AC8618">
        <v>38677.955959999999</v>
      </c>
      <c r="AD8618">
        <v>23568.457999999999</v>
      </c>
      <c r="AE8618">
        <v>25444.792750000001</v>
      </c>
      <c r="AF8618">
        <v>51466.639609999998</v>
      </c>
      <c r="AG8618">
        <v>18467.32029</v>
      </c>
      <c r="AH8618">
        <v>294325.31670000002</v>
      </c>
      <c r="AI8618">
        <v>73448.517510000005</v>
      </c>
      <c r="AJ8618">
        <v>22323.06911</v>
      </c>
      <c r="AK8618">
        <v>32867.875899999999</v>
      </c>
      <c r="AL8618">
        <v>82722.494909999994</v>
      </c>
      <c r="AM8618">
        <v>25165.95105</v>
      </c>
      <c r="AN8618">
        <v>82276.350930000001</v>
      </c>
      <c r="AO8618">
        <v>27543.653579999998</v>
      </c>
      <c r="AP8618">
        <v>15572.020990000001</v>
      </c>
    </row>
    <row r="8619" spans="2:42" x14ac:dyDescent="0.3">
      <c r="B8619">
        <v>57.606878147467427</v>
      </c>
      <c r="C8619" s="83">
        <v>43460.041666666664</v>
      </c>
      <c r="D8619">
        <v>184951.38860000001</v>
      </c>
      <c r="E8619">
        <v>15357.619909999999</v>
      </c>
      <c r="F8619">
        <v>56432.190210000001</v>
      </c>
      <c r="G8619">
        <v>38128.054989999997</v>
      </c>
      <c r="H8619">
        <v>37732.458120000003</v>
      </c>
      <c r="I8619">
        <v>19663.28645</v>
      </c>
      <c r="J8619">
        <v>24639.322469999999</v>
      </c>
      <c r="K8619">
        <v>50005.404090000004</v>
      </c>
      <c r="L8619">
        <v>17294.244009999999</v>
      </c>
      <c r="M8619">
        <v>293706.72930000001</v>
      </c>
      <c r="N8619">
        <v>72501.244049999994</v>
      </c>
      <c r="O8619">
        <v>22162.013650000001</v>
      </c>
      <c r="P8619">
        <v>31737.179110000001</v>
      </c>
      <c r="Q8619">
        <v>84393.675310000006</v>
      </c>
      <c r="R8619">
        <v>24384.8334</v>
      </c>
      <c r="S8619">
        <v>81096.405069999993</v>
      </c>
      <c r="T8619">
        <v>26668.834220000001</v>
      </c>
      <c r="U8619">
        <v>15343.446029999999</v>
      </c>
      <c r="W8619" s="83">
        <f>Bühler!N8651</f>
        <v>45651.041666645768</v>
      </c>
      <c r="X8619" s="83">
        <v>43460.041666666664</v>
      </c>
      <c r="Y8619">
        <v>184951.38860000001</v>
      </c>
      <c r="Z8619">
        <v>15357.619909999999</v>
      </c>
      <c r="AA8619">
        <v>56432.190210000001</v>
      </c>
      <c r="AB8619">
        <v>38128.054989999997</v>
      </c>
      <c r="AC8619">
        <v>37732.458120000003</v>
      </c>
      <c r="AD8619">
        <v>19663.28645</v>
      </c>
      <c r="AE8619">
        <v>24639.322469999999</v>
      </c>
      <c r="AF8619">
        <v>50005.404090000004</v>
      </c>
      <c r="AG8619">
        <v>17294.244009999999</v>
      </c>
      <c r="AH8619">
        <v>293706.72930000001</v>
      </c>
      <c r="AI8619">
        <v>72501.244049999994</v>
      </c>
      <c r="AJ8619">
        <v>22162.013650000001</v>
      </c>
      <c r="AK8619">
        <v>31737.179110000001</v>
      </c>
      <c r="AL8619">
        <v>84393.675310000006</v>
      </c>
      <c r="AM8619">
        <v>24384.8334</v>
      </c>
      <c r="AN8619">
        <v>81096.405069999993</v>
      </c>
      <c r="AO8619">
        <v>26668.834220000001</v>
      </c>
      <c r="AP8619">
        <v>15343.446029999999</v>
      </c>
    </row>
    <row r="8620" spans="2:42" x14ac:dyDescent="0.3">
      <c r="B8620">
        <v>57.829569997104016</v>
      </c>
      <c r="C8620" s="83">
        <v>43460.083333333336</v>
      </c>
      <c r="D8620">
        <v>183935.44810000001</v>
      </c>
      <c r="E8620">
        <v>15323.657149999999</v>
      </c>
      <c r="F8620">
        <v>57043.746930000001</v>
      </c>
      <c r="G8620">
        <v>37770.085189999998</v>
      </c>
      <c r="H8620">
        <v>37999.857060000002</v>
      </c>
      <c r="I8620">
        <v>18159.526010000001</v>
      </c>
      <c r="J8620">
        <v>24396.832719999999</v>
      </c>
      <c r="K8620">
        <v>47981.286659999998</v>
      </c>
      <c r="L8620">
        <v>17408.548569999999</v>
      </c>
      <c r="M8620">
        <v>294842.11619999999</v>
      </c>
      <c r="N8620">
        <v>72878.731409999993</v>
      </c>
      <c r="O8620">
        <v>22346.19456</v>
      </c>
      <c r="P8620">
        <v>30457.767950000001</v>
      </c>
      <c r="Q8620">
        <v>85996.971780000007</v>
      </c>
      <c r="R8620">
        <v>23730.72781</v>
      </c>
      <c r="S8620">
        <v>80133.361050000007</v>
      </c>
      <c r="T8620">
        <v>26195.844430000001</v>
      </c>
      <c r="U8620">
        <v>15502.55753</v>
      </c>
      <c r="W8620" s="83">
        <f>Bühler!N8652</f>
        <v>45651.083333312432</v>
      </c>
      <c r="X8620" s="83">
        <v>43460.083333333336</v>
      </c>
      <c r="Y8620">
        <v>183935.44810000001</v>
      </c>
      <c r="Z8620">
        <v>15323.657149999999</v>
      </c>
      <c r="AA8620">
        <v>57043.746930000001</v>
      </c>
      <c r="AB8620">
        <v>37770.085189999998</v>
      </c>
      <c r="AC8620">
        <v>37999.857060000002</v>
      </c>
      <c r="AD8620">
        <v>18159.526010000001</v>
      </c>
      <c r="AE8620">
        <v>24396.832719999999</v>
      </c>
      <c r="AF8620">
        <v>47981.286659999998</v>
      </c>
      <c r="AG8620">
        <v>17408.548569999999</v>
      </c>
      <c r="AH8620">
        <v>294842.11619999999</v>
      </c>
      <c r="AI8620">
        <v>72878.731409999993</v>
      </c>
      <c r="AJ8620">
        <v>22346.19456</v>
      </c>
      <c r="AK8620">
        <v>30457.767950000001</v>
      </c>
      <c r="AL8620">
        <v>85996.971780000007</v>
      </c>
      <c r="AM8620">
        <v>23730.72781</v>
      </c>
      <c r="AN8620">
        <v>80133.361050000007</v>
      </c>
      <c r="AO8620">
        <v>26195.844430000001</v>
      </c>
      <c r="AP8620">
        <v>15502.55753</v>
      </c>
    </row>
    <row r="8621" spans="2:42" x14ac:dyDescent="0.3">
      <c r="B8621">
        <v>58.28607129453286</v>
      </c>
      <c r="C8621" s="83">
        <v>43460.125</v>
      </c>
      <c r="D8621">
        <v>184450.5454</v>
      </c>
      <c r="E8621">
        <v>15392.012839999999</v>
      </c>
      <c r="F8621">
        <v>57698.251069999998</v>
      </c>
      <c r="G8621">
        <v>36985.136449999998</v>
      </c>
      <c r="H8621">
        <v>38068.754280000001</v>
      </c>
      <c r="I8621">
        <v>18220.519479999999</v>
      </c>
      <c r="J8621">
        <v>24650.917570000001</v>
      </c>
      <c r="K8621">
        <v>47244.722090000003</v>
      </c>
      <c r="L8621">
        <v>17656.770680000001</v>
      </c>
      <c r="M8621">
        <v>297169.57270000002</v>
      </c>
      <c r="N8621">
        <v>72451.933319999996</v>
      </c>
      <c r="O8621">
        <v>22152.382989999998</v>
      </c>
      <c r="P8621">
        <v>28732.2189</v>
      </c>
      <c r="Q8621">
        <v>87431.798890000005</v>
      </c>
      <c r="R8621">
        <v>23452.657179999998</v>
      </c>
      <c r="S8621">
        <v>79764.66459</v>
      </c>
      <c r="T8621">
        <v>26280.52795</v>
      </c>
      <c r="U8621">
        <v>15782.067779999999</v>
      </c>
      <c r="W8621" s="83">
        <f>Bühler!N8653</f>
        <v>45651.124999979096</v>
      </c>
      <c r="X8621" s="83">
        <v>43460.125</v>
      </c>
      <c r="Y8621">
        <v>184450.5454</v>
      </c>
      <c r="Z8621">
        <v>15392.012839999999</v>
      </c>
      <c r="AA8621">
        <v>57698.251069999998</v>
      </c>
      <c r="AB8621">
        <v>36985.136449999998</v>
      </c>
      <c r="AC8621">
        <v>38068.754280000001</v>
      </c>
      <c r="AD8621">
        <v>18220.519479999999</v>
      </c>
      <c r="AE8621">
        <v>24650.917570000001</v>
      </c>
      <c r="AF8621">
        <v>47244.722090000003</v>
      </c>
      <c r="AG8621">
        <v>17656.770680000001</v>
      </c>
      <c r="AH8621">
        <v>297169.57270000002</v>
      </c>
      <c r="AI8621">
        <v>72451.933319999996</v>
      </c>
      <c r="AJ8621">
        <v>22152.382989999998</v>
      </c>
      <c r="AK8621">
        <v>28732.2189</v>
      </c>
      <c r="AL8621">
        <v>87431.798890000005</v>
      </c>
      <c r="AM8621">
        <v>23452.657179999998</v>
      </c>
      <c r="AN8621">
        <v>79764.66459</v>
      </c>
      <c r="AO8621">
        <v>26280.52795</v>
      </c>
      <c r="AP8621">
        <v>15782.067779999999</v>
      </c>
    </row>
    <row r="8622" spans="2:42" x14ac:dyDescent="0.3">
      <c r="B8622">
        <v>59.145930300352731</v>
      </c>
      <c r="C8622" s="83">
        <v>43460.166666666664</v>
      </c>
      <c r="D8622">
        <v>186334.86050000001</v>
      </c>
      <c r="E8622">
        <v>15828.400030000001</v>
      </c>
      <c r="F8622">
        <v>63440.370389999996</v>
      </c>
      <c r="G8622">
        <v>36493.037349999999</v>
      </c>
      <c r="H8622">
        <v>38349.422610000001</v>
      </c>
      <c r="I8622">
        <v>20445.564330000001</v>
      </c>
      <c r="J8622">
        <v>25984.55472</v>
      </c>
      <c r="K8622">
        <v>45280.14501</v>
      </c>
      <c r="L8622">
        <v>17414.755440000001</v>
      </c>
      <c r="M8622">
        <v>301553.53490000003</v>
      </c>
      <c r="N8622">
        <v>71730.42873</v>
      </c>
      <c r="O8622">
        <v>22853.21773</v>
      </c>
      <c r="P8622">
        <v>28946.7497</v>
      </c>
      <c r="Q8622">
        <v>89610.477419999996</v>
      </c>
      <c r="R8622">
        <v>23276.600890000002</v>
      </c>
      <c r="S8622">
        <v>80205.475600000005</v>
      </c>
      <c r="T8622">
        <v>26378.422279999999</v>
      </c>
      <c r="U8622">
        <v>16224.93843</v>
      </c>
      <c r="W8622" s="83">
        <f>Bühler!N8654</f>
        <v>45651.16666664576</v>
      </c>
      <c r="X8622" s="83">
        <v>43460.166666666664</v>
      </c>
      <c r="Y8622">
        <v>186334.86050000001</v>
      </c>
      <c r="Z8622">
        <v>15828.400030000001</v>
      </c>
      <c r="AA8622">
        <v>63440.370389999996</v>
      </c>
      <c r="AB8622">
        <v>36493.037349999999</v>
      </c>
      <c r="AC8622">
        <v>38349.422610000001</v>
      </c>
      <c r="AD8622">
        <v>20445.564330000001</v>
      </c>
      <c r="AE8622">
        <v>25984.55472</v>
      </c>
      <c r="AF8622">
        <v>45280.14501</v>
      </c>
      <c r="AG8622">
        <v>17414.755440000001</v>
      </c>
      <c r="AH8622">
        <v>301553.53490000003</v>
      </c>
      <c r="AI8622">
        <v>71730.42873</v>
      </c>
      <c r="AJ8622">
        <v>22853.21773</v>
      </c>
      <c r="AK8622">
        <v>28946.7497</v>
      </c>
      <c r="AL8622">
        <v>89610.477419999996</v>
      </c>
      <c r="AM8622">
        <v>23276.600890000002</v>
      </c>
      <c r="AN8622">
        <v>80205.475600000005</v>
      </c>
      <c r="AO8622">
        <v>26378.422279999999</v>
      </c>
      <c r="AP8622">
        <v>16224.93843</v>
      </c>
    </row>
    <row r="8623" spans="2:42" x14ac:dyDescent="0.3">
      <c r="B8623">
        <v>61.763030680166551</v>
      </c>
      <c r="C8623" s="83">
        <v>43460.208333333336</v>
      </c>
      <c r="D8623">
        <v>193591.3983</v>
      </c>
      <c r="E8623">
        <v>17890.484079999998</v>
      </c>
      <c r="F8623">
        <v>74190.451879999993</v>
      </c>
      <c r="G8623">
        <v>37938.428220000002</v>
      </c>
      <c r="H8623">
        <v>40481.781369999997</v>
      </c>
      <c r="I8623">
        <v>27499.260920000001</v>
      </c>
      <c r="J8623">
        <v>28420.84765</v>
      </c>
      <c r="K8623">
        <v>46291.068120000004</v>
      </c>
      <c r="L8623">
        <v>17201.22409</v>
      </c>
      <c r="M8623">
        <v>314896.73310000001</v>
      </c>
      <c r="N8623">
        <v>73673.253219999999</v>
      </c>
      <c r="O8623">
        <v>23084.366310000001</v>
      </c>
      <c r="P8623">
        <v>29983.388360000001</v>
      </c>
      <c r="Q8623">
        <v>92723.822490000006</v>
      </c>
      <c r="R8623">
        <v>25282.422699999999</v>
      </c>
      <c r="S8623">
        <v>83717.158230000001</v>
      </c>
      <c r="T8623">
        <v>27513.783790000001</v>
      </c>
      <c r="U8623">
        <v>17644.75561</v>
      </c>
      <c r="W8623" s="83">
        <f>Bühler!N8655</f>
        <v>45651.208333312425</v>
      </c>
      <c r="X8623" s="83">
        <v>43460.208333333336</v>
      </c>
      <c r="Y8623">
        <v>193591.3983</v>
      </c>
      <c r="Z8623">
        <v>17890.484079999998</v>
      </c>
      <c r="AA8623">
        <v>74190.451879999993</v>
      </c>
      <c r="AB8623">
        <v>37938.428220000002</v>
      </c>
      <c r="AC8623">
        <v>40481.781369999997</v>
      </c>
      <c r="AD8623">
        <v>27499.260920000001</v>
      </c>
      <c r="AE8623">
        <v>28420.84765</v>
      </c>
      <c r="AF8623">
        <v>46291.068120000004</v>
      </c>
      <c r="AG8623">
        <v>17201.22409</v>
      </c>
      <c r="AH8623">
        <v>314896.73310000001</v>
      </c>
      <c r="AI8623">
        <v>73673.253219999999</v>
      </c>
      <c r="AJ8623">
        <v>23084.366310000001</v>
      </c>
      <c r="AK8623">
        <v>29983.388360000001</v>
      </c>
      <c r="AL8623">
        <v>92723.822490000006</v>
      </c>
      <c r="AM8623">
        <v>25282.422699999999</v>
      </c>
      <c r="AN8623">
        <v>83717.158230000001</v>
      </c>
      <c r="AO8623">
        <v>27513.783790000001</v>
      </c>
      <c r="AP8623">
        <v>17644.75561</v>
      </c>
    </row>
    <row r="8624" spans="2:42" x14ac:dyDescent="0.3">
      <c r="B8624">
        <v>65.489624076233227</v>
      </c>
      <c r="C8624" s="83">
        <v>43460.25</v>
      </c>
      <c r="D8624">
        <v>204054.929</v>
      </c>
      <c r="E8624">
        <v>21837.549470000002</v>
      </c>
      <c r="F8624">
        <v>87001.290299999993</v>
      </c>
      <c r="G8624">
        <v>40709.216789999999</v>
      </c>
      <c r="H8624">
        <v>44019.850939999997</v>
      </c>
      <c r="I8624">
        <v>33845.493190000001</v>
      </c>
      <c r="J8624">
        <v>31538.374820000001</v>
      </c>
      <c r="K8624">
        <v>49949.653570000002</v>
      </c>
      <c r="L8624">
        <v>19220.0808</v>
      </c>
      <c r="M8624">
        <v>333896.64409999998</v>
      </c>
      <c r="N8624">
        <v>76418.105729999996</v>
      </c>
      <c r="O8624">
        <v>24614.494989999999</v>
      </c>
      <c r="P8624">
        <v>30732.334760000002</v>
      </c>
      <c r="Q8624">
        <v>95095.667230000006</v>
      </c>
      <c r="R8624">
        <v>23204.131819999999</v>
      </c>
      <c r="S8624">
        <v>92852.858559999993</v>
      </c>
      <c r="T8624">
        <v>29815.977200000001</v>
      </c>
      <c r="U8624">
        <v>18202.54191</v>
      </c>
      <c r="W8624" s="83">
        <f>Bühler!N8656</f>
        <v>45651.249999979089</v>
      </c>
      <c r="X8624" s="83">
        <v>43460.25</v>
      </c>
      <c r="Y8624">
        <v>204054.929</v>
      </c>
      <c r="Z8624">
        <v>21837.549470000002</v>
      </c>
      <c r="AA8624">
        <v>87001.290299999993</v>
      </c>
      <c r="AB8624">
        <v>40709.216789999999</v>
      </c>
      <c r="AC8624">
        <v>44019.850939999997</v>
      </c>
      <c r="AD8624">
        <v>33845.493190000001</v>
      </c>
      <c r="AE8624">
        <v>31538.374820000001</v>
      </c>
      <c r="AF8624">
        <v>49949.653570000002</v>
      </c>
      <c r="AG8624">
        <v>19220.0808</v>
      </c>
      <c r="AH8624">
        <v>333896.64409999998</v>
      </c>
      <c r="AI8624">
        <v>76418.105729999996</v>
      </c>
      <c r="AJ8624">
        <v>24614.494989999999</v>
      </c>
      <c r="AK8624">
        <v>30732.334760000002</v>
      </c>
      <c r="AL8624">
        <v>95095.667230000006</v>
      </c>
      <c r="AM8624">
        <v>23204.131819999999</v>
      </c>
      <c r="AN8624">
        <v>92852.858559999993</v>
      </c>
      <c r="AO8624">
        <v>29815.977200000001</v>
      </c>
      <c r="AP8624">
        <v>18202.54191</v>
      </c>
    </row>
    <row r="8625" spans="2:42" x14ac:dyDescent="0.3">
      <c r="B8625">
        <v>66.801093712695589</v>
      </c>
      <c r="C8625" s="83">
        <v>43460.291666666664</v>
      </c>
      <c r="D8625">
        <v>214503.2524</v>
      </c>
      <c r="E8625">
        <v>27211.254250000002</v>
      </c>
      <c r="F8625">
        <v>90927.592489999995</v>
      </c>
      <c r="G8625">
        <v>43640.175490000001</v>
      </c>
      <c r="H8625">
        <v>48648.968390000002</v>
      </c>
      <c r="I8625">
        <v>41421.242400000003</v>
      </c>
      <c r="J8625">
        <v>33142.179839999997</v>
      </c>
      <c r="K8625">
        <v>53181.19685</v>
      </c>
      <c r="L8625">
        <v>22793.223740000001</v>
      </c>
      <c r="M8625">
        <v>340583.12790000002</v>
      </c>
      <c r="N8625">
        <v>82236.369990000007</v>
      </c>
      <c r="O8625">
        <v>26611.417440000001</v>
      </c>
      <c r="P8625">
        <v>32618.943640000001</v>
      </c>
      <c r="Q8625">
        <v>95635.967250000002</v>
      </c>
      <c r="R8625">
        <v>25103.034250000001</v>
      </c>
      <c r="S8625">
        <v>107177.5772</v>
      </c>
      <c r="T8625">
        <v>29935.439399999999</v>
      </c>
      <c r="U8625">
        <v>21011.7179</v>
      </c>
      <c r="W8625" s="83">
        <f>Bühler!N8657</f>
        <v>45651.291666645753</v>
      </c>
      <c r="X8625" s="83">
        <v>43460.291666666664</v>
      </c>
      <c r="Y8625">
        <v>214503.2524</v>
      </c>
      <c r="Z8625">
        <v>27211.254250000002</v>
      </c>
      <c r="AA8625">
        <v>90927.592489999995</v>
      </c>
      <c r="AB8625">
        <v>43640.175490000001</v>
      </c>
      <c r="AC8625">
        <v>48648.968390000002</v>
      </c>
      <c r="AD8625">
        <v>41421.242400000003</v>
      </c>
      <c r="AE8625">
        <v>33142.179839999997</v>
      </c>
      <c r="AF8625">
        <v>53181.19685</v>
      </c>
      <c r="AG8625">
        <v>22793.223740000001</v>
      </c>
      <c r="AH8625">
        <v>340583.12790000002</v>
      </c>
      <c r="AI8625">
        <v>82236.369990000007</v>
      </c>
      <c r="AJ8625">
        <v>26611.417440000001</v>
      </c>
      <c r="AK8625">
        <v>32618.943640000001</v>
      </c>
      <c r="AL8625">
        <v>95635.967250000002</v>
      </c>
      <c r="AM8625">
        <v>25103.034250000001</v>
      </c>
      <c r="AN8625">
        <v>107177.5772</v>
      </c>
      <c r="AO8625">
        <v>29935.439399999999</v>
      </c>
      <c r="AP8625">
        <v>21011.7179</v>
      </c>
    </row>
    <row r="8626" spans="2:42" x14ac:dyDescent="0.3">
      <c r="B8626">
        <v>66.700997749366294</v>
      </c>
      <c r="C8626" s="83">
        <v>43460.333333333336</v>
      </c>
      <c r="D8626">
        <v>222179.4423</v>
      </c>
      <c r="E8626">
        <v>34016.530850000003</v>
      </c>
      <c r="F8626">
        <v>99777.815239999996</v>
      </c>
      <c r="G8626">
        <v>44677.932249999998</v>
      </c>
      <c r="H8626">
        <v>52324.761839999999</v>
      </c>
      <c r="I8626">
        <v>43994.795250000003</v>
      </c>
      <c r="J8626">
        <v>33565.198689999997</v>
      </c>
      <c r="K8626">
        <v>56870.819080000001</v>
      </c>
      <c r="L8626">
        <v>26885.034110000001</v>
      </c>
      <c r="M8626">
        <v>340072.79200000002</v>
      </c>
      <c r="N8626">
        <v>90556.271009999997</v>
      </c>
      <c r="O8626">
        <v>28311.642810000001</v>
      </c>
      <c r="P8626">
        <v>34828.663119999997</v>
      </c>
      <c r="Q8626">
        <v>96070.474719999998</v>
      </c>
      <c r="R8626">
        <v>25798.546630000001</v>
      </c>
      <c r="S8626">
        <v>120468.7951</v>
      </c>
      <c r="T8626">
        <v>32138.647219999999</v>
      </c>
      <c r="U8626">
        <v>22458.185649999999</v>
      </c>
      <c r="W8626" s="83">
        <f>Bühler!N8658</f>
        <v>45651.333333312417</v>
      </c>
      <c r="X8626" s="83">
        <v>43460.333333333336</v>
      </c>
      <c r="Y8626">
        <v>222179.4423</v>
      </c>
      <c r="Z8626">
        <v>34016.530850000003</v>
      </c>
      <c r="AA8626">
        <v>99777.815239999996</v>
      </c>
      <c r="AB8626">
        <v>44677.932249999998</v>
      </c>
      <c r="AC8626">
        <v>52324.761839999999</v>
      </c>
      <c r="AD8626">
        <v>43994.795250000003</v>
      </c>
      <c r="AE8626">
        <v>33565.198689999997</v>
      </c>
      <c r="AF8626">
        <v>56870.819080000001</v>
      </c>
      <c r="AG8626">
        <v>26885.034110000001</v>
      </c>
      <c r="AH8626">
        <v>340072.79200000002</v>
      </c>
      <c r="AI8626">
        <v>90556.271009999997</v>
      </c>
      <c r="AJ8626">
        <v>28311.642810000001</v>
      </c>
      <c r="AK8626">
        <v>34828.663119999997</v>
      </c>
      <c r="AL8626">
        <v>96070.474719999998</v>
      </c>
      <c r="AM8626">
        <v>25798.546630000001</v>
      </c>
      <c r="AN8626">
        <v>120468.7951</v>
      </c>
      <c r="AO8626">
        <v>32138.647219999999</v>
      </c>
      <c r="AP8626">
        <v>22458.185649999999</v>
      </c>
    </row>
    <row r="8627" spans="2:42" x14ac:dyDescent="0.3">
      <c r="B8627">
        <v>66.260412238089117</v>
      </c>
      <c r="C8627" s="83">
        <v>43460.375</v>
      </c>
      <c r="D8627">
        <v>220720.03700000001</v>
      </c>
      <c r="E8627">
        <v>37566.85585</v>
      </c>
      <c r="F8627">
        <v>103251.1501</v>
      </c>
      <c r="G8627">
        <v>44744.509709999998</v>
      </c>
      <c r="H8627">
        <v>52506.820789999998</v>
      </c>
      <c r="I8627">
        <v>41950.293570000002</v>
      </c>
      <c r="J8627">
        <v>32322.978500000001</v>
      </c>
      <c r="K8627">
        <v>54663.95059</v>
      </c>
      <c r="L8627">
        <v>28411.32877</v>
      </c>
      <c r="M8627">
        <v>337826.4816</v>
      </c>
      <c r="N8627">
        <v>93432.946710000004</v>
      </c>
      <c r="O8627">
        <v>28234.878519999998</v>
      </c>
      <c r="P8627">
        <v>36681.369079999997</v>
      </c>
      <c r="Q8627">
        <v>95778.449120000005</v>
      </c>
      <c r="R8627">
        <v>23656.329320000001</v>
      </c>
      <c r="S8627">
        <v>125128.1489</v>
      </c>
      <c r="T8627">
        <v>33521.899859999998</v>
      </c>
      <c r="U8627">
        <v>21290.58569</v>
      </c>
      <c r="W8627" s="83">
        <f>Bühler!N8659</f>
        <v>45651.374999979082</v>
      </c>
      <c r="X8627" s="83">
        <v>43460.375</v>
      </c>
      <c r="Y8627">
        <v>220720.03700000001</v>
      </c>
      <c r="Z8627">
        <v>37566.85585</v>
      </c>
      <c r="AA8627">
        <v>103251.1501</v>
      </c>
      <c r="AB8627">
        <v>44744.509709999998</v>
      </c>
      <c r="AC8627">
        <v>52506.820789999998</v>
      </c>
      <c r="AD8627">
        <v>41950.293570000002</v>
      </c>
      <c r="AE8627">
        <v>32322.978500000001</v>
      </c>
      <c r="AF8627">
        <v>54663.95059</v>
      </c>
      <c r="AG8627">
        <v>28411.32877</v>
      </c>
      <c r="AH8627">
        <v>337826.4816</v>
      </c>
      <c r="AI8627">
        <v>93432.946710000004</v>
      </c>
      <c r="AJ8627">
        <v>28234.878519999998</v>
      </c>
      <c r="AK8627">
        <v>36681.369079999997</v>
      </c>
      <c r="AL8627">
        <v>95778.449120000005</v>
      </c>
      <c r="AM8627">
        <v>23656.329320000001</v>
      </c>
      <c r="AN8627">
        <v>125128.1489</v>
      </c>
      <c r="AO8627">
        <v>33521.899859999998</v>
      </c>
      <c r="AP8627">
        <v>21290.58569</v>
      </c>
    </row>
    <row r="8628" spans="2:42" x14ac:dyDescent="0.3">
      <c r="B8628">
        <v>67.140045621778341</v>
      </c>
      <c r="C8628" s="83">
        <v>43460.416666666664</v>
      </c>
      <c r="D8628">
        <v>219901.19829999999</v>
      </c>
      <c r="E8628">
        <v>38704.325409999998</v>
      </c>
      <c r="F8628">
        <v>103740.9768</v>
      </c>
      <c r="G8628">
        <v>44544.486109999998</v>
      </c>
      <c r="H8628">
        <v>52728.589</v>
      </c>
      <c r="I8628">
        <v>40038.335859999999</v>
      </c>
      <c r="J8628">
        <v>31619.700769999999</v>
      </c>
      <c r="K8628">
        <v>56176.715989999997</v>
      </c>
      <c r="L8628">
        <v>30630.476419999999</v>
      </c>
      <c r="M8628">
        <v>342311.26280000003</v>
      </c>
      <c r="N8628">
        <v>97070.241259999995</v>
      </c>
      <c r="O8628">
        <v>28251.331180000001</v>
      </c>
      <c r="P8628">
        <v>36730.49411</v>
      </c>
      <c r="Q8628">
        <v>96258.385680000007</v>
      </c>
      <c r="R8628">
        <v>24831.24798</v>
      </c>
      <c r="S8628">
        <v>123405.552</v>
      </c>
      <c r="T8628">
        <v>34196.116110000003</v>
      </c>
      <c r="U8628">
        <v>20963.692849999999</v>
      </c>
      <c r="W8628" s="83">
        <f>Bühler!N8660</f>
        <v>45651.416666645746</v>
      </c>
      <c r="X8628" s="83">
        <v>43460.416666666664</v>
      </c>
      <c r="Y8628">
        <v>219901.19829999999</v>
      </c>
      <c r="Z8628">
        <v>38704.325409999998</v>
      </c>
      <c r="AA8628">
        <v>103740.9768</v>
      </c>
      <c r="AB8628">
        <v>44544.486109999998</v>
      </c>
      <c r="AC8628">
        <v>52728.589</v>
      </c>
      <c r="AD8628">
        <v>40038.335859999999</v>
      </c>
      <c r="AE8628">
        <v>31619.700769999999</v>
      </c>
      <c r="AF8628">
        <v>56176.715989999997</v>
      </c>
      <c r="AG8628">
        <v>30630.476419999999</v>
      </c>
      <c r="AH8628">
        <v>342311.26280000003</v>
      </c>
      <c r="AI8628">
        <v>97070.241259999995</v>
      </c>
      <c r="AJ8628">
        <v>28251.331180000001</v>
      </c>
      <c r="AK8628">
        <v>36730.49411</v>
      </c>
      <c r="AL8628">
        <v>96258.385680000007</v>
      </c>
      <c r="AM8628">
        <v>24831.24798</v>
      </c>
      <c r="AN8628">
        <v>123405.552</v>
      </c>
      <c r="AO8628">
        <v>34196.116110000003</v>
      </c>
      <c r="AP8628">
        <v>20963.692849999999</v>
      </c>
    </row>
    <row r="8629" spans="2:42" x14ac:dyDescent="0.3">
      <c r="B8629">
        <v>67.459075991090543</v>
      </c>
      <c r="C8629" s="83">
        <v>43460.458333333336</v>
      </c>
      <c r="D8629">
        <v>215066.47270000001</v>
      </c>
      <c r="E8629">
        <v>37821.54423</v>
      </c>
      <c r="F8629">
        <v>105113.8239</v>
      </c>
      <c r="G8629">
        <v>43883.20246</v>
      </c>
      <c r="H8629">
        <v>52741.069739999999</v>
      </c>
      <c r="I8629">
        <v>38364.654069999997</v>
      </c>
      <c r="J8629">
        <v>31623.233469999999</v>
      </c>
      <c r="K8629">
        <v>62804.80702</v>
      </c>
      <c r="L8629">
        <v>32383.755260000002</v>
      </c>
      <c r="M8629">
        <v>343937.8284</v>
      </c>
      <c r="N8629">
        <v>94629.197209999998</v>
      </c>
      <c r="O8629">
        <v>28226.93965</v>
      </c>
      <c r="P8629">
        <v>35957.486559999998</v>
      </c>
      <c r="Q8629">
        <v>96717.756630000003</v>
      </c>
      <c r="R8629">
        <v>27322.791730000001</v>
      </c>
      <c r="S8629">
        <v>123685.68580000001</v>
      </c>
      <c r="T8629">
        <v>33678.786569999997</v>
      </c>
      <c r="U8629">
        <v>20296.94656</v>
      </c>
      <c r="W8629" s="83">
        <f>Bühler!N8661</f>
        <v>45651.45833331241</v>
      </c>
      <c r="X8629" s="83">
        <v>43460.458333333336</v>
      </c>
      <c r="Y8629">
        <v>215066.47270000001</v>
      </c>
      <c r="Z8629">
        <v>37821.54423</v>
      </c>
      <c r="AA8629">
        <v>105113.8239</v>
      </c>
      <c r="AB8629">
        <v>43883.20246</v>
      </c>
      <c r="AC8629">
        <v>52741.069739999999</v>
      </c>
      <c r="AD8629">
        <v>38364.654069999997</v>
      </c>
      <c r="AE8629">
        <v>31623.233469999999</v>
      </c>
      <c r="AF8629">
        <v>62804.80702</v>
      </c>
      <c r="AG8629">
        <v>32383.755260000002</v>
      </c>
      <c r="AH8629">
        <v>343937.8284</v>
      </c>
      <c r="AI8629">
        <v>94629.197209999998</v>
      </c>
      <c r="AJ8629">
        <v>28226.93965</v>
      </c>
      <c r="AK8629">
        <v>35957.486559999998</v>
      </c>
      <c r="AL8629">
        <v>96717.756630000003</v>
      </c>
      <c r="AM8629">
        <v>27322.791730000001</v>
      </c>
      <c r="AN8629">
        <v>123685.68580000001</v>
      </c>
      <c r="AO8629">
        <v>33678.786569999997</v>
      </c>
      <c r="AP8629">
        <v>20296.94656</v>
      </c>
    </row>
    <row r="8630" spans="2:42" x14ac:dyDescent="0.3">
      <c r="B8630">
        <v>65.996992317288999</v>
      </c>
      <c r="C8630" s="83">
        <v>43460.5</v>
      </c>
      <c r="D8630">
        <v>203732.9013</v>
      </c>
      <c r="E8630">
        <v>33843.873310000003</v>
      </c>
      <c r="F8630">
        <v>103683.9887</v>
      </c>
      <c r="G8630">
        <v>42292.334390000004</v>
      </c>
      <c r="H8630">
        <v>49602.786469999999</v>
      </c>
      <c r="I8630">
        <v>36139.559150000001</v>
      </c>
      <c r="J8630">
        <v>31131.095259999998</v>
      </c>
      <c r="K8630">
        <v>59107.231970000001</v>
      </c>
      <c r="L8630">
        <v>34175.650869999998</v>
      </c>
      <c r="M8630">
        <v>336483.44400000002</v>
      </c>
      <c r="N8630">
        <v>89395.109979999994</v>
      </c>
      <c r="O8630">
        <v>27622.822110000001</v>
      </c>
      <c r="P8630">
        <v>35852.735549999998</v>
      </c>
      <c r="Q8630">
        <v>94328.164139999993</v>
      </c>
      <c r="R8630">
        <v>27608.757539999999</v>
      </c>
      <c r="S8630">
        <v>116640.5959</v>
      </c>
      <c r="T8630">
        <v>33573.284729999999</v>
      </c>
      <c r="U8630">
        <v>18270.497230000001</v>
      </c>
      <c r="W8630" s="83">
        <f>Bühler!N8662</f>
        <v>45651.499999979074</v>
      </c>
      <c r="X8630" s="83">
        <v>43460.5</v>
      </c>
      <c r="Y8630">
        <v>203732.9013</v>
      </c>
      <c r="Z8630">
        <v>33843.873310000003</v>
      </c>
      <c r="AA8630">
        <v>103683.9887</v>
      </c>
      <c r="AB8630">
        <v>42292.334390000004</v>
      </c>
      <c r="AC8630">
        <v>49602.786469999999</v>
      </c>
      <c r="AD8630">
        <v>36139.559150000001</v>
      </c>
      <c r="AE8630">
        <v>31131.095259999998</v>
      </c>
      <c r="AF8630">
        <v>59107.231970000001</v>
      </c>
      <c r="AG8630">
        <v>34175.650869999998</v>
      </c>
      <c r="AH8630">
        <v>336483.44400000002</v>
      </c>
      <c r="AI8630">
        <v>89395.109979999994</v>
      </c>
      <c r="AJ8630">
        <v>27622.822110000001</v>
      </c>
      <c r="AK8630">
        <v>35852.735549999998</v>
      </c>
      <c r="AL8630">
        <v>94328.164139999993</v>
      </c>
      <c r="AM8630">
        <v>27608.757539999999</v>
      </c>
      <c r="AN8630">
        <v>116640.5959</v>
      </c>
      <c r="AO8630">
        <v>33573.284729999999</v>
      </c>
      <c r="AP8630">
        <v>18270.497230000001</v>
      </c>
    </row>
    <row r="8631" spans="2:42" x14ac:dyDescent="0.3">
      <c r="B8631">
        <v>65.964821407646966</v>
      </c>
      <c r="C8631" s="83">
        <v>43460.541666666664</v>
      </c>
      <c r="D8631">
        <v>200842.7328</v>
      </c>
      <c r="E8631">
        <v>33364.512260000003</v>
      </c>
      <c r="F8631">
        <v>102805.399</v>
      </c>
      <c r="G8631">
        <v>41435.34691</v>
      </c>
      <c r="H8631">
        <v>49902.531410000003</v>
      </c>
      <c r="I8631">
        <v>35243.267260000001</v>
      </c>
      <c r="J8631">
        <v>30067.287960000001</v>
      </c>
      <c r="K8631">
        <v>60974.553870000003</v>
      </c>
      <c r="L8631">
        <v>32905.934540000002</v>
      </c>
      <c r="M8631">
        <v>336319.42170000001</v>
      </c>
      <c r="N8631">
        <v>88988.515530000004</v>
      </c>
      <c r="O8631">
        <v>27341.34433</v>
      </c>
      <c r="P8631">
        <v>35101.45867</v>
      </c>
      <c r="Q8631">
        <v>91818.805399999997</v>
      </c>
      <c r="R8631">
        <v>28179.305929999999</v>
      </c>
      <c r="S8631">
        <v>115597.7087</v>
      </c>
      <c r="T8631">
        <v>33396.805569999997</v>
      </c>
      <c r="U8631">
        <v>17854.52378</v>
      </c>
      <c r="W8631" s="83">
        <f>Bühler!N8663</f>
        <v>45651.541666645739</v>
      </c>
      <c r="X8631" s="83">
        <v>43460.541666666664</v>
      </c>
      <c r="Y8631">
        <v>200842.7328</v>
      </c>
      <c r="Z8631">
        <v>33364.512260000003</v>
      </c>
      <c r="AA8631">
        <v>102805.399</v>
      </c>
      <c r="AB8631">
        <v>41435.34691</v>
      </c>
      <c r="AC8631">
        <v>49902.531410000003</v>
      </c>
      <c r="AD8631">
        <v>35243.267260000001</v>
      </c>
      <c r="AE8631">
        <v>30067.287960000001</v>
      </c>
      <c r="AF8631">
        <v>60974.553870000003</v>
      </c>
      <c r="AG8631">
        <v>32905.934540000002</v>
      </c>
      <c r="AH8631">
        <v>336319.42170000001</v>
      </c>
      <c r="AI8631">
        <v>88988.515530000004</v>
      </c>
      <c r="AJ8631">
        <v>27341.34433</v>
      </c>
      <c r="AK8631">
        <v>35101.45867</v>
      </c>
      <c r="AL8631">
        <v>91818.805399999997</v>
      </c>
      <c r="AM8631">
        <v>28179.305929999999</v>
      </c>
      <c r="AN8631">
        <v>115597.7087</v>
      </c>
      <c r="AO8631">
        <v>33396.805569999997</v>
      </c>
      <c r="AP8631">
        <v>17854.52378</v>
      </c>
    </row>
    <row r="8632" spans="2:42" x14ac:dyDescent="0.3">
      <c r="B8632">
        <v>65.819144776639703</v>
      </c>
      <c r="C8632" s="83">
        <v>43460.583333333336</v>
      </c>
      <c r="D8632">
        <v>201368.59210000001</v>
      </c>
      <c r="E8632">
        <v>35377.275110000002</v>
      </c>
      <c r="F8632">
        <v>103770.51149999999</v>
      </c>
      <c r="G8632">
        <v>40876.364869999998</v>
      </c>
      <c r="H8632">
        <v>49790.678939999998</v>
      </c>
      <c r="I8632">
        <v>35637.047209999997</v>
      </c>
      <c r="J8632">
        <v>29684.742920000001</v>
      </c>
      <c r="K8632">
        <v>61656.30085</v>
      </c>
      <c r="L8632">
        <v>30660.044180000001</v>
      </c>
      <c r="M8632">
        <v>335576.69429999997</v>
      </c>
      <c r="N8632">
        <v>88278.461689999996</v>
      </c>
      <c r="O8632">
        <v>26505.62239</v>
      </c>
      <c r="P8632">
        <v>33314.138769999998</v>
      </c>
      <c r="Q8632">
        <v>90387.077090000006</v>
      </c>
      <c r="R8632">
        <v>27890.786510000002</v>
      </c>
      <c r="S8632">
        <v>109939.12880000001</v>
      </c>
      <c r="T8632">
        <v>32279.40927</v>
      </c>
      <c r="U8632">
        <v>18337.574049999999</v>
      </c>
      <c r="W8632" s="83">
        <f>Bühler!N8664</f>
        <v>45651.583333312403</v>
      </c>
      <c r="X8632" s="83">
        <v>43460.583333333336</v>
      </c>
      <c r="Y8632">
        <v>201368.59210000001</v>
      </c>
      <c r="Z8632">
        <v>35377.275110000002</v>
      </c>
      <c r="AA8632">
        <v>103770.51149999999</v>
      </c>
      <c r="AB8632">
        <v>40876.364869999998</v>
      </c>
      <c r="AC8632">
        <v>49790.678939999998</v>
      </c>
      <c r="AD8632">
        <v>35637.047209999997</v>
      </c>
      <c r="AE8632">
        <v>29684.742920000001</v>
      </c>
      <c r="AF8632">
        <v>61656.30085</v>
      </c>
      <c r="AG8632">
        <v>30660.044180000001</v>
      </c>
      <c r="AH8632">
        <v>335576.69429999997</v>
      </c>
      <c r="AI8632">
        <v>88278.461689999996</v>
      </c>
      <c r="AJ8632">
        <v>26505.62239</v>
      </c>
      <c r="AK8632">
        <v>33314.138769999998</v>
      </c>
      <c r="AL8632">
        <v>90387.077090000006</v>
      </c>
      <c r="AM8632">
        <v>27890.786510000002</v>
      </c>
      <c r="AN8632">
        <v>109939.12880000001</v>
      </c>
      <c r="AO8632">
        <v>32279.40927</v>
      </c>
      <c r="AP8632">
        <v>18337.574049999999</v>
      </c>
    </row>
    <row r="8633" spans="2:42" x14ac:dyDescent="0.3">
      <c r="B8633">
        <v>64.575847228936638</v>
      </c>
      <c r="C8633" s="83">
        <v>43460.625</v>
      </c>
      <c r="D8633">
        <v>197698.8971</v>
      </c>
      <c r="E8633">
        <v>34961.312089999999</v>
      </c>
      <c r="F8633">
        <v>103502.8962</v>
      </c>
      <c r="G8633">
        <v>40663.000610000003</v>
      </c>
      <c r="H8633">
        <v>48197.506840000002</v>
      </c>
      <c r="I8633">
        <v>35605.06609</v>
      </c>
      <c r="J8633">
        <v>29790.866150000002</v>
      </c>
      <c r="K8633">
        <v>59753.555520000002</v>
      </c>
      <c r="L8633">
        <v>28088.837800000001</v>
      </c>
      <c r="M8633">
        <v>329237.78360000002</v>
      </c>
      <c r="N8633">
        <v>87087.731830000004</v>
      </c>
      <c r="O8633">
        <v>26690.977419999999</v>
      </c>
      <c r="P8633">
        <v>31339.630570000001</v>
      </c>
      <c r="Q8633">
        <v>89108.557589999997</v>
      </c>
      <c r="R8633">
        <v>26202.107380000001</v>
      </c>
      <c r="S8633">
        <v>108003.3893</v>
      </c>
      <c r="T8633">
        <v>32273.294040000001</v>
      </c>
      <c r="U8633">
        <v>17995.019619999999</v>
      </c>
      <c r="W8633" s="83">
        <f>Bühler!N8665</f>
        <v>45651.624999979067</v>
      </c>
      <c r="X8633" s="83">
        <v>43460.625</v>
      </c>
      <c r="Y8633">
        <v>197698.8971</v>
      </c>
      <c r="Z8633">
        <v>34961.312089999999</v>
      </c>
      <c r="AA8633">
        <v>103502.8962</v>
      </c>
      <c r="AB8633">
        <v>40663.000610000003</v>
      </c>
      <c r="AC8633">
        <v>48197.506840000002</v>
      </c>
      <c r="AD8633">
        <v>35605.06609</v>
      </c>
      <c r="AE8633">
        <v>29790.866150000002</v>
      </c>
      <c r="AF8633">
        <v>59753.555520000002</v>
      </c>
      <c r="AG8633">
        <v>28088.837800000001</v>
      </c>
      <c r="AH8633">
        <v>329237.78360000002</v>
      </c>
      <c r="AI8633">
        <v>87087.731830000004</v>
      </c>
      <c r="AJ8633">
        <v>26690.977419999999</v>
      </c>
      <c r="AK8633">
        <v>31339.630570000001</v>
      </c>
      <c r="AL8633">
        <v>89108.557589999997</v>
      </c>
      <c r="AM8633">
        <v>26202.107380000001</v>
      </c>
      <c r="AN8633">
        <v>108003.3893</v>
      </c>
      <c r="AO8633">
        <v>32273.294040000001</v>
      </c>
      <c r="AP8633">
        <v>17995.019619999999</v>
      </c>
    </row>
    <row r="8634" spans="2:42" x14ac:dyDescent="0.3">
      <c r="B8634">
        <v>63.187555078853514</v>
      </c>
      <c r="C8634" s="83">
        <v>43460.666666666664</v>
      </c>
      <c r="D8634">
        <v>190853.3377</v>
      </c>
      <c r="E8634">
        <v>33381.027950000003</v>
      </c>
      <c r="F8634">
        <v>102278.23609999999</v>
      </c>
      <c r="G8634">
        <v>40718.175459999999</v>
      </c>
      <c r="H8634">
        <v>46774.839840000001</v>
      </c>
      <c r="I8634">
        <v>36585.688219999996</v>
      </c>
      <c r="J8634">
        <v>29978.594809999999</v>
      </c>
      <c r="K8634">
        <v>56917.824619999999</v>
      </c>
      <c r="L8634">
        <v>26604.628720000001</v>
      </c>
      <c r="M8634">
        <v>322159.62280000001</v>
      </c>
      <c r="N8634">
        <v>84539.891229999994</v>
      </c>
      <c r="O8634">
        <v>25880.86577</v>
      </c>
      <c r="P8634">
        <v>31749.172569999999</v>
      </c>
      <c r="Q8634">
        <v>87716.112139999997</v>
      </c>
      <c r="R8634">
        <v>24721.28498</v>
      </c>
      <c r="S8634">
        <v>106714.0675</v>
      </c>
      <c r="T8634">
        <v>32426.866590000001</v>
      </c>
      <c r="U8634">
        <v>17834.26643</v>
      </c>
      <c r="W8634" s="83">
        <f>Bühler!N8666</f>
        <v>45651.666666645731</v>
      </c>
      <c r="X8634" s="83">
        <v>43460.666666666664</v>
      </c>
      <c r="Y8634">
        <v>190853.3377</v>
      </c>
      <c r="Z8634">
        <v>33381.027950000003</v>
      </c>
      <c r="AA8634">
        <v>102278.23609999999</v>
      </c>
      <c r="AB8634">
        <v>40718.175459999999</v>
      </c>
      <c r="AC8634">
        <v>46774.839840000001</v>
      </c>
      <c r="AD8634">
        <v>36585.688219999996</v>
      </c>
      <c r="AE8634">
        <v>29978.594809999999</v>
      </c>
      <c r="AF8634">
        <v>56917.824619999999</v>
      </c>
      <c r="AG8634">
        <v>26604.628720000001</v>
      </c>
      <c r="AH8634">
        <v>322159.62280000001</v>
      </c>
      <c r="AI8634">
        <v>84539.891229999994</v>
      </c>
      <c r="AJ8634">
        <v>25880.86577</v>
      </c>
      <c r="AK8634">
        <v>31749.172569999999</v>
      </c>
      <c r="AL8634">
        <v>87716.112139999997</v>
      </c>
      <c r="AM8634">
        <v>24721.28498</v>
      </c>
      <c r="AN8634">
        <v>106714.0675</v>
      </c>
      <c r="AO8634">
        <v>32426.866590000001</v>
      </c>
      <c r="AP8634">
        <v>17834.26643</v>
      </c>
    </row>
    <row r="8635" spans="2:42" x14ac:dyDescent="0.3">
      <c r="B8635">
        <v>62.393670167484757</v>
      </c>
      <c r="C8635" s="83">
        <v>43460.708333333336</v>
      </c>
      <c r="D8635">
        <v>185192.25760000001</v>
      </c>
      <c r="E8635">
        <v>31086.09129</v>
      </c>
      <c r="F8635">
        <v>102862.0337</v>
      </c>
      <c r="G8635">
        <v>41453.917560000002</v>
      </c>
      <c r="H8635">
        <v>47273.386749999998</v>
      </c>
      <c r="I8635">
        <v>37778.108039999999</v>
      </c>
      <c r="J8635">
        <v>32148.873210000002</v>
      </c>
      <c r="K8635">
        <v>53515.138059999997</v>
      </c>
      <c r="L8635">
        <v>26559.159680000001</v>
      </c>
      <c r="M8635">
        <v>318112.02730000002</v>
      </c>
      <c r="N8635">
        <v>81534.240220000007</v>
      </c>
      <c r="O8635">
        <v>25557.27951</v>
      </c>
      <c r="P8635">
        <v>33522.857660000001</v>
      </c>
      <c r="Q8635">
        <v>85907.29393</v>
      </c>
      <c r="R8635">
        <v>25143.167959999999</v>
      </c>
      <c r="S8635">
        <v>107712.86079999999</v>
      </c>
      <c r="T8635">
        <v>33115.82415</v>
      </c>
      <c r="U8635">
        <v>18362.33539</v>
      </c>
      <c r="W8635" s="83">
        <f>Bühler!N8667</f>
        <v>45651.708333312396</v>
      </c>
      <c r="X8635" s="83">
        <v>43460.708333333336</v>
      </c>
      <c r="Y8635">
        <v>185192.25760000001</v>
      </c>
      <c r="Z8635">
        <v>31086.09129</v>
      </c>
      <c r="AA8635">
        <v>102862.0337</v>
      </c>
      <c r="AB8635">
        <v>41453.917560000002</v>
      </c>
      <c r="AC8635">
        <v>47273.386749999998</v>
      </c>
      <c r="AD8635">
        <v>37778.108039999999</v>
      </c>
      <c r="AE8635">
        <v>32148.873210000002</v>
      </c>
      <c r="AF8635">
        <v>53515.138059999997</v>
      </c>
      <c r="AG8635">
        <v>26559.159680000001</v>
      </c>
      <c r="AH8635">
        <v>318112.02730000002</v>
      </c>
      <c r="AI8635">
        <v>81534.240220000007</v>
      </c>
      <c r="AJ8635">
        <v>25557.27951</v>
      </c>
      <c r="AK8635">
        <v>33522.857660000001</v>
      </c>
      <c r="AL8635">
        <v>85907.29393</v>
      </c>
      <c r="AM8635">
        <v>25143.167959999999</v>
      </c>
      <c r="AN8635">
        <v>107712.86079999999</v>
      </c>
      <c r="AO8635">
        <v>33115.82415</v>
      </c>
      <c r="AP8635">
        <v>18362.33539</v>
      </c>
    </row>
    <row r="8636" spans="2:42" x14ac:dyDescent="0.3">
      <c r="B8636">
        <v>60.705183724187378</v>
      </c>
      <c r="C8636" s="83">
        <v>43460.75</v>
      </c>
      <c r="D8636">
        <v>178651.98190000001</v>
      </c>
      <c r="E8636">
        <v>27006.578699999998</v>
      </c>
      <c r="F8636">
        <v>96025.976169999994</v>
      </c>
      <c r="G8636">
        <v>40952.325470000003</v>
      </c>
      <c r="H8636">
        <v>44592.040300000001</v>
      </c>
      <c r="I8636">
        <v>36826.394500000002</v>
      </c>
      <c r="J8636">
        <v>32312.104480000002</v>
      </c>
      <c r="K8636">
        <v>45993.842199999999</v>
      </c>
      <c r="L8636">
        <v>24675.547920000001</v>
      </c>
      <c r="M8636">
        <v>309503.33600000001</v>
      </c>
      <c r="N8636">
        <v>79733.882360000003</v>
      </c>
      <c r="O8636">
        <v>23997.921040000001</v>
      </c>
      <c r="P8636">
        <v>35743.14774</v>
      </c>
      <c r="Q8636">
        <v>83686.585789999997</v>
      </c>
      <c r="R8636">
        <v>21336.566940000001</v>
      </c>
      <c r="S8636">
        <v>102640.6778</v>
      </c>
      <c r="T8636">
        <v>31996.351470000001</v>
      </c>
      <c r="U8636">
        <v>17297.983339999999</v>
      </c>
      <c r="W8636" s="83">
        <f>Bühler!N8668</f>
        <v>45651.74999997906</v>
      </c>
      <c r="X8636" s="83">
        <v>43460.75</v>
      </c>
      <c r="Y8636">
        <v>178651.98190000001</v>
      </c>
      <c r="Z8636">
        <v>27006.578699999998</v>
      </c>
      <c r="AA8636">
        <v>96025.976169999994</v>
      </c>
      <c r="AB8636">
        <v>40952.325470000003</v>
      </c>
      <c r="AC8636">
        <v>44592.040300000001</v>
      </c>
      <c r="AD8636">
        <v>36826.394500000002</v>
      </c>
      <c r="AE8636">
        <v>32312.104480000002</v>
      </c>
      <c r="AF8636">
        <v>45993.842199999999</v>
      </c>
      <c r="AG8636">
        <v>24675.547920000001</v>
      </c>
      <c r="AH8636">
        <v>309503.33600000001</v>
      </c>
      <c r="AI8636">
        <v>79733.882360000003</v>
      </c>
      <c r="AJ8636">
        <v>23997.921040000001</v>
      </c>
      <c r="AK8636">
        <v>35743.14774</v>
      </c>
      <c r="AL8636">
        <v>83686.585789999997</v>
      </c>
      <c r="AM8636">
        <v>21336.566940000001</v>
      </c>
      <c r="AN8636">
        <v>102640.6778</v>
      </c>
      <c r="AO8636">
        <v>31996.351470000001</v>
      </c>
      <c r="AP8636">
        <v>17297.983339999999</v>
      </c>
    </row>
    <row r="8637" spans="2:42" x14ac:dyDescent="0.3">
      <c r="B8637">
        <v>59.488425882922414</v>
      </c>
      <c r="C8637" s="83">
        <v>43460.791666666664</v>
      </c>
      <c r="D8637">
        <v>173335.9541</v>
      </c>
      <c r="E8637">
        <v>23404.6548</v>
      </c>
      <c r="F8637">
        <v>83191.771189999999</v>
      </c>
      <c r="G8637">
        <v>39998.970020000001</v>
      </c>
      <c r="H8637">
        <v>42337.079879999998</v>
      </c>
      <c r="I8637">
        <v>34903.064769999997</v>
      </c>
      <c r="J8637">
        <v>31254.598269999999</v>
      </c>
      <c r="K8637">
        <v>45793.710489999998</v>
      </c>
      <c r="L8637">
        <v>24107.573090000002</v>
      </c>
      <c r="M8637">
        <v>303299.73710000003</v>
      </c>
      <c r="N8637">
        <v>77278.653189999997</v>
      </c>
      <c r="O8637">
        <v>22883.587579999999</v>
      </c>
      <c r="P8637">
        <v>36447.240539999999</v>
      </c>
      <c r="Q8637">
        <v>81463.840219999998</v>
      </c>
      <c r="R8637">
        <v>20892.797890000002</v>
      </c>
      <c r="S8637">
        <v>98179.927670000005</v>
      </c>
      <c r="T8637">
        <v>31408.127779999999</v>
      </c>
      <c r="U8637">
        <v>16534.17138</v>
      </c>
      <c r="W8637" s="83">
        <f>Bühler!N8669</f>
        <v>45651.791666645724</v>
      </c>
      <c r="X8637" s="83">
        <v>43460.791666666664</v>
      </c>
      <c r="Y8637">
        <v>173335.9541</v>
      </c>
      <c r="Z8637">
        <v>23404.6548</v>
      </c>
      <c r="AA8637">
        <v>83191.771189999999</v>
      </c>
      <c r="AB8637">
        <v>39998.970020000001</v>
      </c>
      <c r="AC8637">
        <v>42337.079879999998</v>
      </c>
      <c r="AD8637">
        <v>34903.064769999997</v>
      </c>
      <c r="AE8637">
        <v>31254.598269999999</v>
      </c>
      <c r="AF8637">
        <v>45793.710489999998</v>
      </c>
      <c r="AG8637">
        <v>24107.573090000002</v>
      </c>
      <c r="AH8637">
        <v>303299.73710000003</v>
      </c>
      <c r="AI8637">
        <v>77278.653189999997</v>
      </c>
      <c r="AJ8637">
        <v>22883.587579999999</v>
      </c>
      <c r="AK8637">
        <v>36447.240539999999</v>
      </c>
      <c r="AL8637">
        <v>81463.840219999998</v>
      </c>
      <c r="AM8637">
        <v>20892.797890000002</v>
      </c>
      <c r="AN8637">
        <v>98179.927670000005</v>
      </c>
      <c r="AO8637">
        <v>31408.127779999999</v>
      </c>
      <c r="AP8637">
        <v>16534.17138</v>
      </c>
    </row>
    <row r="8638" spans="2:42" x14ac:dyDescent="0.3">
      <c r="B8638">
        <v>58.577755773797186</v>
      </c>
      <c r="C8638" s="83">
        <v>43460.833333333336</v>
      </c>
      <c r="D8638">
        <v>166957.505</v>
      </c>
      <c r="E8638">
        <v>19109.401239999999</v>
      </c>
      <c r="F8638">
        <v>66615.087799999994</v>
      </c>
      <c r="G8638">
        <v>38979.333659999997</v>
      </c>
      <c r="H8638">
        <v>40681.103929999997</v>
      </c>
      <c r="I8638">
        <v>31741.51758</v>
      </c>
      <c r="J8638">
        <v>30331.847229999999</v>
      </c>
      <c r="K8638">
        <v>53404.247369999997</v>
      </c>
      <c r="L8638">
        <v>24234.13738</v>
      </c>
      <c r="M8638">
        <v>298656.71620000002</v>
      </c>
      <c r="N8638">
        <v>75154.184359999999</v>
      </c>
      <c r="O8638">
        <v>22835.753229999998</v>
      </c>
      <c r="P8638">
        <v>35308.483910000003</v>
      </c>
      <c r="Q8638">
        <v>79593.242639999997</v>
      </c>
      <c r="R8638">
        <v>23504.737560000001</v>
      </c>
      <c r="S8638">
        <v>90338.381049999996</v>
      </c>
      <c r="T8638">
        <v>29068.117969999999</v>
      </c>
      <c r="U8638">
        <v>15470.247149999999</v>
      </c>
      <c r="W8638" s="83">
        <f>Bühler!N8670</f>
        <v>45651.833333312388</v>
      </c>
      <c r="X8638" s="83">
        <v>43460.833333333336</v>
      </c>
      <c r="Y8638">
        <v>166957.505</v>
      </c>
      <c r="Z8638">
        <v>19109.401239999999</v>
      </c>
      <c r="AA8638">
        <v>66615.087799999994</v>
      </c>
      <c r="AB8638">
        <v>38979.333659999997</v>
      </c>
      <c r="AC8638">
        <v>40681.103929999997</v>
      </c>
      <c r="AD8638">
        <v>31741.51758</v>
      </c>
      <c r="AE8638">
        <v>30331.847229999999</v>
      </c>
      <c r="AF8638">
        <v>53404.247369999997</v>
      </c>
      <c r="AG8638">
        <v>24234.13738</v>
      </c>
      <c r="AH8638">
        <v>298656.71620000002</v>
      </c>
      <c r="AI8638">
        <v>75154.184359999999</v>
      </c>
      <c r="AJ8638">
        <v>22835.753229999998</v>
      </c>
      <c r="AK8638">
        <v>35308.483910000003</v>
      </c>
      <c r="AL8638">
        <v>79593.242639999997</v>
      </c>
      <c r="AM8638">
        <v>23504.737560000001</v>
      </c>
      <c r="AN8638">
        <v>90338.381049999996</v>
      </c>
      <c r="AO8638">
        <v>29068.117969999999</v>
      </c>
      <c r="AP8638">
        <v>15470.247149999999</v>
      </c>
    </row>
    <row r="8639" spans="2:42" x14ac:dyDescent="0.3">
      <c r="B8639">
        <v>56.632266496291152</v>
      </c>
      <c r="C8639" s="83">
        <v>43460.875</v>
      </c>
      <c r="D8639">
        <v>161667.79790000001</v>
      </c>
      <c r="E8639">
        <v>16771.073489999999</v>
      </c>
      <c r="F8639">
        <v>58808.404849999999</v>
      </c>
      <c r="G8639">
        <v>38398.64428</v>
      </c>
      <c r="H8639">
        <v>38769.998160000003</v>
      </c>
      <c r="I8639">
        <v>27460.961739999999</v>
      </c>
      <c r="J8639">
        <v>29433.28527</v>
      </c>
      <c r="K8639">
        <v>52398.67</v>
      </c>
      <c r="L8639">
        <v>22740.436170000001</v>
      </c>
      <c r="M8639">
        <v>288737.7046</v>
      </c>
      <c r="N8639">
        <v>73124.26715</v>
      </c>
      <c r="O8639">
        <v>21955.661479999999</v>
      </c>
      <c r="P8639">
        <v>33609.60067</v>
      </c>
      <c r="Q8639">
        <v>77295.349029999998</v>
      </c>
      <c r="R8639">
        <v>21616.787769999999</v>
      </c>
      <c r="S8639">
        <v>85436.051800000001</v>
      </c>
      <c r="T8639">
        <v>27213.755679999998</v>
      </c>
      <c r="U8639">
        <v>14813.32987</v>
      </c>
      <c r="W8639" s="83">
        <f>Bühler!N8671</f>
        <v>45651.874999979053</v>
      </c>
      <c r="X8639" s="83">
        <v>43460.875</v>
      </c>
      <c r="Y8639">
        <v>161667.79790000001</v>
      </c>
      <c r="Z8639">
        <v>16771.073489999999</v>
      </c>
      <c r="AA8639">
        <v>58808.404849999999</v>
      </c>
      <c r="AB8639">
        <v>38398.64428</v>
      </c>
      <c r="AC8639">
        <v>38769.998160000003</v>
      </c>
      <c r="AD8639">
        <v>27460.961739999999</v>
      </c>
      <c r="AE8639">
        <v>29433.28527</v>
      </c>
      <c r="AF8639">
        <v>52398.67</v>
      </c>
      <c r="AG8639">
        <v>22740.436170000001</v>
      </c>
      <c r="AH8639">
        <v>288737.7046</v>
      </c>
      <c r="AI8639">
        <v>73124.26715</v>
      </c>
      <c r="AJ8639">
        <v>21955.661479999999</v>
      </c>
      <c r="AK8639">
        <v>33609.60067</v>
      </c>
      <c r="AL8639">
        <v>77295.349029999998</v>
      </c>
      <c r="AM8639">
        <v>21616.787769999999</v>
      </c>
      <c r="AN8639">
        <v>85436.051800000001</v>
      </c>
      <c r="AO8639">
        <v>27213.755679999998</v>
      </c>
      <c r="AP8639">
        <v>14813.32987</v>
      </c>
    </row>
    <row r="8640" spans="2:42" x14ac:dyDescent="0.3">
      <c r="B8640">
        <v>56.648588757618093</v>
      </c>
      <c r="C8640" s="83">
        <v>43460.916666666664</v>
      </c>
      <c r="D8640">
        <v>160932.5215</v>
      </c>
      <c r="E8640">
        <v>16180.047619999999</v>
      </c>
      <c r="F8640">
        <v>56348.131909999996</v>
      </c>
      <c r="G8640">
        <v>38457.4931</v>
      </c>
      <c r="H8640">
        <v>38547.249309999999</v>
      </c>
      <c r="I8640">
        <v>26167.44284</v>
      </c>
      <c r="J8640">
        <v>28732.471259999998</v>
      </c>
      <c r="K8640">
        <v>53688.36709</v>
      </c>
      <c r="L8640">
        <v>21471.036080000002</v>
      </c>
      <c r="M8640">
        <v>288820.92310000001</v>
      </c>
      <c r="N8640">
        <v>73023.472250000006</v>
      </c>
      <c r="O8640">
        <v>22647.413069999999</v>
      </c>
      <c r="P8640">
        <v>37354.09562</v>
      </c>
      <c r="Q8640">
        <v>76343.139890000006</v>
      </c>
      <c r="R8640">
        <v>28670.06609</v>
      </c>
      <c r="S8640">
        <v>83646.316810000004</v>
      </c>
      <c r="T8640">
        <v>26172.58438</v>
      </c>
      <c r="U8640">
        <v>15468.033820000001</v>
      </c>
      <c r="W8640" s="83">
        <f>Bühler!N8672</f>
        <v>45651.916666645717</v>
      </c>
      <c r="X8640" s="83">
        <v>43460.916666666664</v>
      </c>
      <c r="Y8640">
        <v>160932.5215</v>
      </c>
      <c r="Z8640">
        <v>16180.047619999999</v>
      </c>
      <c r="AA8640">
        <v>56348.131909999996</v>
      </c>
      <c r="AB8640">
        <v>38457.4931</v>
      </c>
      <c r="AC8640">
        <v>38547.249309999999</v>
      </c>
      <c r="AD8640">
        <v>26167.44284</v>
      </c>
      <c r="AE8640">
        <v>28732.471259999998</v>
      </c>
      <c r="AF8640">
        <v>53688.36709</v>
      </c>
      <c r="AG8640">
        <v>21471.036080000002</v>
      </c>
      <c r="AH8640">
        <v>288820.92310000001</v>
      </c>
      <c r="AI8640">
        <v>73023.472250000006</v>
      </c>
      <c r="AJ8640">
        <v>22647.413069999999</v>
      </c>
      <c r="AK8640">
        <v>37354.09562</v>
      </c>
      <c r="AL8640">
        <v>76343.139890000006</v>
      </c>
      <c r="AM8640">
        <v>28670.06609</v>
      </c>
      <c r="AN8640">
        <v>83646.316810000004</v>
      </c>
      <c r="AO8640">
        <v>26172.58438</v>
      </c>
      <c r="AP8640">
        <v>15468.033820000001</v>
      </c>
    </row>
    <row r="8641" spans="2:42" x14ac:dyDescent="0.3">
      <c r="B8641">
        <v>55.727323070062646</v>
      </c>
      <c r="C8641" s="83">
        <v>43460.958333333336</v>
      </c>
      <c r="D8641">
        <v>159047.9184</v>
      </c>
      <c r="E8641">
        <v>15982.163060000001</v>
      </c>
      <c r="F8641">
        <v>54593.303720000004</v>
      </c>
      <c r="G8641">
        <v>38381.128060000003</v>
      </c>
      <c r="H8641">
        <v>37993.175459999999</v>
      </c>
      <c r="I8641">
        <v>24629.557990000001</v>
      </c>
      <c r="J8641">
        <v>26589.740409999999</v>
      </c>
      <c r="K8641">
        <v>53954.545449999998</v>
      </c>
      <c r="L8641">
        <v>19753.445769999998</v>
      </c>
      <c r="M8641">
        <v>284123.88099999999</v>
      </c>
      <c r="N8641">
        <v>72468.519450000007</v>
      </c>
      <c r="O8641">
        <v>22356.660980000001</v>
      </c>
      <c r="P8641">
        <v>34633.609490000003</v>
      </c>
      <c r="Q8641">
        <v>75433.959510000001</v>
      </c>
      <c r="R8641">
        <v>28723.383279999998</v>
      </c>
      <c r="S8641">
        <v>82502.151809999996</v>
      </c>
      <c r="T8641">
        <v>29032.826229999999</v>
      </c>
      <c r="U8641">
        <v>14729.767589999999</v>
      </c>
      <c r="W8641" s="83">
        <f>Bühler!N8673</f>
        <v>45651.958333312381</v>
      </c>
      <c r="X8641" s="83">
        <v>43460.958333333336</v>
      </c>
      <c r="Y8641">
        <v>159047.9184</v>
      </c>
      <c r="Z8641">
        <v>15982.163060000001</v>
      </c>
      <c r="AA8641">
        <v>54593.303720000004</v>
      </c>
      <c r="AB8641">
        <v>38381.128060000003</v>
      </c>
      <c r="AC8641">
        <v>37993.175459999999</v>
      </c>
      <c r="AD8641">
        <v>24629.557990000001</v>
      </c>
      <c r="AE8641">
        <v>26589.740409999999</v>
      </c>
      <c r="AF8641">
        <v>53954.545449999998</v>
      </c>
      <c r="AG8641">
        <v>19753.445769999998</v>
      </c>
      <c r="AH8641">
        <v>284123.88099999999</v>
      </c>
      <c r="AI8641">
        <v>72468.519450000007</v>
      </c>
      <c r="AJ8641">
        <v>22356.660980000001</v>
      </c>
      <c r="AK8641">
        <v>34633.609490000003</v>
      </c>
      <c r="AL8641">
        <v>75433.959510000001</v>
      </c>
      <c r="AM8641">
        <v>28723.383279999998</v>
      </c>
      <c r="AN8641">
        <v>82502.151809999996</v>
      </c>
      <c r="AO8641">
        <v>29032.826229999999</v>
      </c>
      <c r="AP8641">
        <v>14729.767589999999</v>
      </c>
    </row>
    <row r="8642" spans="2:42" x14ac:dyDescent="0.3">
      <c r="B8642">
        <v>55.083728647756153</v>
      </c>
      <c r="C8642" s="83">
        <v>43461</v>
      </c>
      <c r="D8642">
        <v>156893.5613</v>
      </c>
      <c r="E8642">
        <v>15726.03709</v>
      </c>
      <c r="F8642">
        <v>54476.37599</v>
      </c>
      <c r="G8642">
        <v>38209.957069999997</v>
      </c>
      <c r="H8642">
        <v>37623.976719999999</v>
      </c>
      <c r="I8642">
        <v>23364.216570000001</v>
      </c>
      <c r="J8642">
        <v>25231.462329999998</v>
      </c>
      <c r="K8642">
        <v>51784.430910000003</v>
      </c>
      <c r="L8642">
        <v>18752.828590000001</v>
      </c>
      <c r="M8642">
        <v>280842.53649999999</v>
      </c>
      <c r="N8642">
        <v>71955.259170000005</v>
      </c>
      <c r="O8642">
        <v>22573.419709999998</v>
      </c>
      <c r="P8642">
        <v>31621.187419999998</v>
      </c>
      <c r="Q8642">
        <v>74434.157670000001</v>
      </c>
      <c r="R8642">
        <v>26455.613140000001</v>
      </c>
      <c r="S8642">
        <v>80885.316739999995</v>
      </c>
      <c r="T8642">
        <v>27499.058249999998</v>
      </c>
      <c r="U8642">
        <v>15145.708060000001</v>
      </c>
      <c r="W8642" s="83">
        <f>Bühler!N8674</f>
        <v>45651.999999979045</v>
      </c>
      <c r="X8642" s="83">
        <v>43461</v>
      </c>
      <c r="Y8642">
        <v>156893.5613</v>
      </c>
      <c r="Z8642">
        <v>15726.03709</v>
      </c>
      <c r="AA8642">
        <v>54476.37599</v>
      </c>
      <c r="AB8642">
        <v>38209.957069999997</v>
      </c>
      <c r="AC8642">
        <v>37623.976719999999</v>
      </c>
      <c r="AD8642">
        <v>23364.216570000001</v>
      </c>
      <c r="AE8642">
        <v>25231.462329999998</v>
      </c>
      <c r="AF8642">
        <v>51784.430910000003</v>
      </c>
      <c r="AG8642">
        <v>18752.828590000001</v>
      </c>
      <c r="AH8642">
        <v>280842.53649999999</v>
      </c>
      <c r="AI8642">
        <v>71955.259170000005</v>
      </c>
      <c r="AJ8642">
        <v>22573.419709999998</v>
      </c>
      <c r="AK8642">
        <v>31621.187419999998</v>
      </c>
      <c r="AL8642">
        <v>74434.157670000001</v>
      </c>
      <c r="AM8642">
        <v>26455.613140000001</v>
      </c>
      <c r="AN8642">
        <v>80885.316739999995</v>
      </c>
      <c r="AO8642">
        <v>27499.058249999998</v>
      </c>
      <c r="AP8642">
        <v>15145.708060000001</v>
      </c>
    </row>
    <row r="8643" spans="2:42" x14ac:dyDescent="0.3">
      <c r="B8643">
        <v>54.133195492301184</v>
      </c>
      <c r="C8643" s="83">
        <v>43461.041666666664</v>
      </c>
      <c r="D8643">
        <v>155867.7469</v>
      </c>
      <c r="E8643">
        <v>15670.89509</v>
      </c>
      <c r="F8643">
        <v>55291.545279999998</v>
      </c>
      <c r="G8643">
        <v>37901.756699999998</v>
      </c>
      <c r="H8643">
        <v>37187.084329999998</v>
      </c>
      <c r="I8643">
        <v>19862.284009999999</v>
      </c>
      <c r="J8643">
        <v>24671.871630000001</v>
      </c>
      <c r="K8643">
        <v>49349.060060000003</v>
      </c>
      <c r="L8643">
        <v>17886.246920000001</v>
      </c>
      <c r="M8643">
        <v>275996.27519999997</v>
      </c>
      <c r="N8643">
        <v>71000.756120000005</v>
      </c>
      <c r="O8643">
        <v>22463.032449999999</v>
      </c>
      <c r="P8643">
        <v>30485.707279999999</v>
      </c>
      <c r="Q8643">
        <v>74999.848360000004</v>
      </c>
      <c r="R8643">
        <v>25306.630509999999</v>
      </c>
      <c r="S8643">
        <v>79803.473700000002</v>
      </c>
      <c r="T8643">
        <v>26957.615849999998</v>
      </c>
      <c r="U8643">
        <v>15141.72754</v>
      </c>
      <c r="W8643" s="83">
        <f>Bühler!N8675</f>
        <v>45652.041666645709</v>
      </c>
      <c r="X8643" s="83">
        <v>43461.041666666664</v>
      </c>
      <c r="Y8643">
        <v>155867.7469</v>
      </c>
      <c r="Z8643">
        <v>15670.89509</v>
      </c>
      <c r="AA8643">
        <v>55291.545279999998</v>
      </c>
      <c r="AB8643">
        <v>37901.756699999998</v>
      </c>
      <c r="AC8643">
        <v>37187.084329999998</v>
      </c>
      <c r="AD8643">
        <v>19862.284009999999</v>
      </c>
      <c r="AE8643">
        <v>24671.871630000001</v>
      </c>
      <c r="AF8643">
        <v>49349.060060000003</v>
      </c>
      <c r="AG8643">
        <v>17886.246920000001</v>
      </c>
      <c r="AH8643">
        <v>275996.27519999997</v>
      </c>
      <c r="AI8643">
        <v>71000.756120000005</v>
      </c>
      <c r="AJ8643">
        <v>22463.032449999999</v>
      </c>
      <c r="AK8643">
        <v>30485.707279999999</v>
      </c>
      <c r="AL8643">
        <v>74999.848360000004</v>
      </c>
      <c r="AM8643">
        <v>25306.630509999999</v>
      </c>
      <c r="AN8643">
        <v>79803.473700000002</v>
      </c>
      <c r="AO8643">
        <v>26957.615849999998</v>
      </c>
      <c r="AP8643">
        <v>15141.72754</v>
      </c>
    </row>
    <row r="8644" spans="2:42" x14ac:dyDescent="0.3">
      <c r="B8644">
        <v>54.028711778126919</v>
      </c>
      <c r="C8644" s="83">
        <v>43461.083333333336</v>
      </c>
      <c r="D8644">
        <v>153816.22089999999</v>
      </c>
      <c r="E8644">
        <v>15479.63386</v>
      </c>
      <c r="F8644">
        <v>56223.917739999997</v>
      </c>
      <c r="G8644">
        <v>37253.261279999999</v>
      </c>
      <c r="H8644">
        <v>37092.455820000003</v>
      </c>
      <c r="I8644">
        <v>18465.700199999999</v>
      </c>
      <c r="J8644">
        <v>24584.862789999999</v>
      </c>
      <c r="K8644">
        <v>48740.370990000003</v>
      </c>
      <c r="L8644">
        <v>17351.853319999998</v>
      </c>
      <c r="M8644">
        <v>275463.56849999999</v>
      </c>
      <c r="N8644">
        <v>70122.894119999997</v>
      </c>
      <c r="O8644">
        <v>22522.178919999998</v>
      </c>
      <c r="P8644">
        <v>30459.212039999999</v>
      </c>
      <c r="Q8644">
        <v>76250.542249999999</v>
      </c>
      <c r="R8644">
        <v>25446.709800000001</v>
      </c>
      <c r="S8644">
        <v>79036.460359999997</v>
      </c>
      <c r="T8644">
        <v>26656.550910000002</v>
      </c>
      <c r="U8644">
        <v>15034.0198</v>
      </c>
      <c r="W8644" s="83">
        <f>Bühler!N8676</f>
        <v>45652.083333312374</v>
      </c>
      <c r="X8644" s="83">
        <v>43461.083333333336</v>
      </c>
      <c r="Y8644">
        <v>153816.22089999999</v>
      </c>
      <c r="Z8644">
        <v>15479.63386</v>
      </c>
      <c r="AA8644">
        <v>56223.917739999997</v>
      </c>
      <c r="AB8644">
        <v>37253.261279999999</v>
      </c>
      <c r="AC8644">
        <v>37092.455820000003</v>
      </c>
      <c r="AD8644">
        <v>18465.700199999999</v>
      </c>
      <c r="AE8644">
        <v>24584.862789999999</v>
      </c>
      <c r="AF8644">
        <v>48740.370990000003</v>
      </c>
      <c r="AG8644">
        <v>17351.853319999998</v>
      </c>
      <c r="AH8644">
        <v>275463.56849999999</v>
      </c>
      <c r="AI8644">
        <v>70122.894119999997</v>
      </c>
      <c r="AJ8644">
        <v>22522.178919999998</v>
      </c>
      <c r="AK8644">
        <v>30459.212039999999</v>
      </c>
      <c r="AL8644">
        <v>76250.542249999999</v>
      </c>
      <c r="AM8644">
        <v>25446.709800000001</v>
      </c>
      <c r="AN8644">
        <v>79036.460359999997</v>
      </c>
      <c r="AO8644">
        <v>26656.550910000002</v>
      </c>
      <c r="AP8644">
        <v>15034.0198</v>
      </c>
    </row>
    <row r="8645" spans="2:42" x14ac:dyDescent="0.3">
      <c r="B8645">
        <v>54.023509919720652</v>
      </c>
      <c r="C8645" s="83">
        <v>43461.125</v>
      </c>
      <c r="D8645">
        <v>150823.07699999999</v>
      </c>
      <c r="E8645">
        <v>15658.278270000001</v>
      </c>
      <c r="F8645">
        <v>58983.410559999997</v>
      </c>
      <c r="G8645">
        <v>36565.26569</v>
      </c>
      <c r="H8645">
        <v>37211.232550000001</v>
      </c>
      <c r="I8645">
        <v>18541.814409999999</v>
      </c>
      <c r="J8645">
        <v>24710.592420000001</v>
      </c>
      <c r="K8645">
        <v>46600.288710000001</v>
      </c>
      <c r="L8645">
        <v>16640.146270000001</v>
      </c>
      <c r="M8645">
        <v>275437.04700000002</v>
      </c>
      <c r="N8645">
        <v>69943.584350000005</v>
      </c>
      <c r="O8645">
        <v>22627.0805</v>
      </c>
      <c r="P8645">
        <v>30033.86435</v>
      </c>
      <c r="Q8645">
        <v>76435.868480000005</v>
      </c>
      <c r="R8645">
        <v>24710.21257</v>
      </c>
      <c r="S8645">
        <v>78596.862059999999</v>
      </c>
      <c r="T8645">
        <v>26505.501799999998</v>
      </c>
      <c r="U8645">
        <v>15150.40733</v>
      </c>
      <c r="W8645" s="83">
        <f>Bühler!N8677</f>
        <v>45652.124999979038</v>
      </c>
      <c r="X8645" s="83">
        <v>43461.125</v>
      </c>
      <c r="Y8645">
        <v>150823.07699999999</v>
      </c>
      <c r="Z8645">
        <v>15658.278270000001</v>
      </c>
      <c r="AA8645">
        <v>58983.410559999997</v>
      </c>
      <c r="AB8645">
        <v>36565.26569</v>
      </c>
      <c r="AC8645">
        <v>37211.232550000001</v>
      </c>
      <c r="AD8645">
        <v>18541.814409999999</v>
      </c>
      <c r="AE8645">
        <v>24710.592420000001</v>
      </c>
      <c r="AF8645">
        <v>46600.288710000001</v>
      </c>
      <c r="AG8645">
        <v>16640.146270000001</v>
      </c>
      <c r="AH8645">
        <v>275437.04700000002</v>
      </c>
      <c r="AI8645">
        <v>69943.584350000005</v>
      </c>
      <c r="AJ8645">
        <v>22627.0805</v>
      </c>
      <c r="AK8645">
        <v>30033.86435</v>
      </c>
      <c r="AL8645">
        <v>76435.868480000005</v>
      </c>
      <c r="AM8645">
        <v>24710.21257</v>
      </c>
      <c r="AN8645">
        <v>78596.862059999999</v>
      </c>
      <c r="AO8645">
        <v>26505.501799999998</v>
      </c>
      <c r="AP8645">
        <v>15150.40733</v>
      </c>
    </row>
    <row r="8646" spans="2:42" x14ac:dyDescent="0.3">
      <c r="B8646">
        <v>54.745220774163329</v>
      </c>
      <c r="C8646" s="83">
        <v>43461.166666666664</v>
      </c>
      <c r="D8646">
        <v>147095.86679999999</v>
      </c>
      <c r="E8646">
        <v>15968.89957</v>
      </c>
      <c r="F8646">
        <v>65742.658200000005</v>
      </c>
      <c r="G8646">
        <v>36268.702749999997</v>
      </c>
      <c r="H8646">
        <v>37462.141210000002</v>
      </c>
      <c r="I8646">
        <v>20797.006450000001</v>
      </c>
      <c r="J8646">
        <v>25995.92857</v>
      </c>
      <c r="K8646">
        <v>45423.833980000003</v>
      </c>
      <c r="L8646">
        <v>16997.41908</v>
      </c>
      <c r="M8646">
        <v>279116.6655</v>
      </c>
      <c r="N8646">
        <v>68267.523589999997</v>
      </c>
      <c r="O8646">
        <v>23153.778559999999</v>
      </c>
      <c r="P8646">
        <v>29806.82531</v>
      </c>
      <c r="Q8646">
        <v>77414.915359999999</v>
      </c>
      <c r="R8646">
        <v>24701.626970000001</v>
      </c>
      <c r="S8646">
        <v>79632.51741</v>
      </c>
      <c r="T8646">
        <v>26738.544399999999</v>
      </c>
      <c r="U8646">
        <v>15739.33396</v>
      </c>
      <c r="W8646" s="83">
        <f>Bühler!N8678</f>
        <v>45652.166666645702</v>
      </c>
      <c r="X8646" s="83">
        <v>43461.166666666664</v>
      </c>
      <c r="Y8646">
        <v>147095.86679999999</v>
      </c>
      <c r="Z8646">
        <v>15968.89957</v>
      </c>
      <c r="AA8646">
        <v>65742.658200000005</v>
      </c>
      <c r="AB8646">
        <v>36268.702749999997</v>
      </c>
      <c r="AC8646">
        <v>37462.141210000002</v>
      </c>
      <c r="AD8646">
        <v>20797.006450000001</v>
      </c>
      <c r="AE8646">
        <v>25995.92857</v>
      </c>
      <c r="AF8646">
        <v>45423.833980000003</v>
      </c>
      <c r="AG8646">
        <v>16997.41908</v>
      </c>
      <c r="AH8646">
        <v>279116.6655</v>
      </c>
      <c r="AI8646">
        <v>68267.523589999997</v>
      </c>
      <c r="AJ8646">
        <v>23153.778559999999</v>
      </c>
      <c r="AK8646">
        <v>29806.82531</v>
      </c>
      <c r="AL8646">
        <v>77414.915359999999</v>
      </c>
      <c r="AM8646">
        <v>24701.626970000001</v>
      </c>
      <c r="AN8646">
        <v>79632.51741</v>
      </c>
      <c r="AO8646">
        <v>26738.544399999999</v>
      </c>
      <c r="AP8646">
        <v>15739.33396</v>
      </c>
    </row>
    <row r="8647" spans="2:42" x14ac:dyDescent="0.3">
      <c r="B8647">
        <v>57.135914579415505</v>
      </c>
      <c r="C8647" s="83">
        <v>43461.208333333336</v>
      </c>
      <c r="D8647">
        <v>147298.1059</v>
      </c>
      <c r="E8647">
        <v>17787.046549999999</v>
      </c>
      <c r="F8647">
        <v>76825.861940000003</v>
      </c>
      <c r="G8647">
        <v>37234.762170000002</v>
      </c>
      <c r="H8647">
        <v>39354.134460000001</v>
      </c>
      <c r="I8647">
        <v>26747.010999999999</v>
      </c>
      <c r="J8647">
        <v>28543.97509</v>
      </c>
      <c r="K8647">
        <v>46151.552089999997</v>
      </c>
      <c r="L8647">
        <v>18173.849740000001</v>
      </c>
      <c r="M8647">
        <v>291305.53739999997</v>
      </c>
      <c r="N8647">
        <v>68378.307780000003</v>
      </c>
      <c r="O8647">
        <v>23366.743279999999</v>
      </c>
      <c r="P8647">
        <v>30283.361929999999</v>
      </c>
      <c r="Q8647">
        <v>77661.123600000006</v>
      </c>
      <c r="R8647">
        <v>24783.594130000001</v>
      </c>
      <c r="S8647">
        <v>82162.733890000003</v>
      </c>
      <c r="T8647">
        <v>27588.511589999998</v>
      </c>
      <c r="U8647">
        <v>16469.323339999999</v>
      </c>
      <c r="W8647" s="83">
        <f>Bühler!N8679</f>
        <v>45652.208333312366</v>
      </c>
      <c r="X8647" s="83">
        <v>43461.208333333336</v>
      </c>
      <c r="Y8647">
        <v>147298.1059</v>
      </c>
      <c r="Z8647">
        <v>17787.046549999999</v>
      </c>
      <c r="AA8647">
        <v>76825.861940000003</v>
      </c>
      <c r="AB8647">
        <v>37234.762170000002</v>
      </c>
      <c r="AC8647">
        <v>39354.134460000001</v>
      </c>
      <c r="AD8647">
        <v>26747.010999999999</v>
      </c>
      <c r="AE8647">
        <v>28543.97509</v>
      </c>
      <c r="AF8647">
        <v>46151.552089999997</v>
      </c>
      <c r="AG8647">
        <v>18173.849740000001</v>
      </c>
      <c r="AH8647">
        <v>291305.53739999997</v>
      </c>
      <c r="AI8647">
        <v>68378.307780000003</v>
      </c>
      <c r="AJ8647">
        <v>23366.743279999999</v>
      </c>
      <c r="AK8647">
        <v>30283.361929999999</v>
      </c>
      <c r="AL8647">
        <v>77661.123600000006</v>
      </c>
      <c r="AM8647">
        <v>24783.594130000001</v>
      </c>
      <c r="AN8647">
        <v>82162.733890000003</v>
      </c>
      <c r="AO8647">
        <v>27588.511589999998</v>
      </c>
      <c r="AP8647">
        <v>16469.323339999999</v>
      </c>
    </row>
    <row r="8648" spans="2:42" x14ac:dyDescent="0.3">
      <c r="B8648">
        <v>59.76037332888086</v>
      </c>
      <c r="C8648" s="83">
        <v>43461.25</v>
      </c>
      <c r="D8648">
        <v>152450.6728</v>
      </c>
      <c r="E8648">
        <v>21546.32243</v>
      </c>
      <c r="F8648">
        <v>86196.989700000006</v>
      </c>
      <c r="G8648">
        <v>40008.211060000001</v>
      </c>
      <c r="H8648">
        <v>41855.008840000002</v>
      </c>
      <c r="I8648">
        <v>33017.985229999998</v>
      </c>
      <c r="J8648">
        <v>31602.643899999999</v>
      </c>
      <c r="K8648">
        <v>48583.776969999999</v>
      </c>
      <c r="L8648">
        <v>20248.22452</v>
      </c>
      <c r="M8648">
        <v>304686.25199999998</v>
      </c>
      <c r="N8648">
        <v>71073.086979999993</v>
      </c>
      <c r="O8648">
        <v>24487.18662</v>
      </c>
      <c r="P8648">
        <v>29098.209739999998</v>
      </c>
      <c r="Q8648">
        <v>78644.181169999996</v>
      </c>
      <c r="R8648">
        <v>21012.04523</v>
      </c>
      <c r="S8648">
        <v>91045.206649999993</v>
      </c>
      <c r="T8648">
        <v>29567.613079999999</v>
      </c>
      <c r="U8648">
        <v>16778.814900000001</v>
      </c>
      <c r="W8648" s="83">
        <f>Bühler!N8680</f>
        <v>45652.249999979031</v>
      </c>
      <c r="X8648" s="83">
        <v>43461.25</v>
      </c>
      <c r="Y8648">
        <v>152450.6728</v>
      </c>
      <c r="Z8648">
        <v>21546.32243</v>
      </c>
      <c r="AA8648">
        <v>86196.989700000006</v>
      </c>
      <c r="AB8648">
        <v>40008.211060000001</v>
      </c>
      <c r="AC8648">
        <v>41855.008840000002</v>
      </c>
      <c r="AD8648">
        <v>33017.985229999998</v>
      </c>
      <c r="AE8648">
        <v>31602.643899999999</v>
      </c>
      <c r="AF8648">
        <v>48583.776969999999</v>
      </c>
      <c r="AG8648">
        <v>20248.22452</v>
      </c>
      <c r="AH8648">
        <v>304686.25199999998</v>
      </c>
      <c r="AI8648">
        <v>71073.086979999993</v>
      </c>
      <c r="AJ8648">
        <v>24487.18662</v>
      </c>
      <c r="AK8648">
        <v>29098.209739999998</v>
      </c>
      <c r="AL8648">
        <v>78644.181169999996</v>
      </c>
      <c r="AM8648">
        <v>21012.04523</v>
      </c>
      <c r="AN8648">
        <v>91045.206649999993</v>
      </c>
      <c r="AO8648">
        <v>29567.613079999999</v>
      </c>
      <c r="AP8648">
        <v>16778.814900000001</v>
      </c>
    </row>
    <row r="8649" spans="2:42" x14ac:dyDescent="0.3">
      <c r="B8649">
        <v>60.854490309529666</v>
      </c>
      <c r="C8649" s="83">
        <v>43461.291666666664</v>
      </c>
      <c r="D8649">
        <v>157110.06390000001</v>
      </c>
      <c r="E8649">
        <v>26282.467130000001</v>
      </c>
      <c r="F8649">
        <v>89566.908389999997</v>
      </c>
      <c r="G8649">
        <v>41975.717360000002</v>
      </c>
      <c r="H8649">
        <v>45383.465270000001</v>
      </c>
      <c r="I8649">
        <v>39489.155010000002</v>
      </c>
      <c r="J8649">
        <v>33232.424160000002</v>
      </c>
      <c r="K8649">
        <v>51488.179210000002</v>
      </c>
      <c r="L8649">
        <v>24327.215499999998</v>
      </c>
      <c r="M8649">
        <v>310264.57059999998</v>
      </c>
      <c r="N8649">
        <v>77003.758230000007</v>
      </c>
      <c r="O8649">
        <v>25972.656559999999</v>
      </c>
      <c r="P8649">
        <v>31441.580610000001</v>
      </c>
      <c r="Q8649">
        <v>76663.688920000001</v>
      </c>
      <c r="R8649">
        <v>23381.390630000002</v>
      </c>
      <c r="S8649">
        <v>105230.9785</v>
      </c>
      <c r="T8649">
        <v>29185.952850000001</v>
      </c>
      <c r="U8649">
        <v>18301.358230000002</v>
      </c>
      <c r="W8649" s="83">
        <f>Bühler!N8681</f>
        <v>45652.291666645695</v>
      </c>
      <c r="X8649" s="83">
        <v>43461.291666666664</v>
      </c>
      <c r="Y8649">
        <v>157110.06390000001</v>
      </c>
      <c r="Z8649">
        <v>26282.467130000001</v>
      </c>
      <c r="AA8649">
        <v>89566.908389999997</v>
      </c>
      <c r="AB8649">
        <v>41975.717360000002</v>
      </c>
      <c r="AC8649">
        <v>45383.465270000001</v>
      </c>
      <c r="AD8649">
        <v>39489.155010000002</v>
      </c>
      <c r="AE8649">
        <v>33232.424160000002</v>
      </c>
      <c r="AF8649">
        <v>51488.179210000002</v>
      </c>
      <c r="AG8649">
        <v>24327.215499999998</v>
      </c>
      <c r="AH8649">
        <v>310264.57059999998</v>
      </c>
      <c r="AI8649">
        <v>77003.758230000007</v>
      </c>
      <c r="AJ8649">
        <v>25972.656559999999</v>
      </c>
      <c r="AK8649">
        <v>31441.580610000001</v>
      </c>
      <c r="AL8649">
        <v>76663.688920000001</v>
      </c>
      <c r="AM8649">
        <v>23381.390630000002</v>
      </c>
      <c r="AN8649">
        <v>105230.9785</v>
      </c>
      <c r="AO8649">
        <v>29185.952850000001</v>
      </c>
      <c r="AP8649">
        <v>18301.358230000002</v>
      </c>
    </row>
    <row r="8650" spans="2:42" x14ac:dyDescent="0.3">
      <c r="B8650">
        <v>60.487895264149209</v>
      </c>
      <c r="C8650" s="83">
        <v>43461.333333333336</v>
      </c>
      <c r="D8650">
        <v>159030.04610000001</v>
      </c>
      <c r="E8650">
        <v>31370.54536</v>
      </c>
      <c r="F8650">
        <v>97273.911840000001</v>
      </c>
      <c r="G8650">
        <v>41956.270839999997</v>
      </c>
      <c r="H8650">
        <v>47445.805630000003</v>
      </c>
      <c r="I8650">
        <v>41273.334840000003</v>
      </c>
      <c r="J8650">
        <v>33228.952660000003</v>
      </c>
      <c r="K8650">
        <v>53532.58152</v>
      </c>
      <c r="L8650">
        <v>28213.11953</v>
      </c>
      <c r="M8650">
        <v>308395.49810000003</v>
      </c>
      <c r="N8650">
        <v>81886.592069999999</v>
      </c>
      <c r="O8650">
        <v>27283.7137</v>
      </c>
      <c r="P8650">
        <v>34574.388050000001</v>
      </c>
      <c r="Q8650">
        <v>75158.907260000007</v>
      </c>
      <c r="R8650">
        <v>24498.520629999999</v>
      </c>
      <c r="S8650">
        <v>115984.92660000001</v>
      </c>
      <c r="T8650">
        <v>30682.400580000001</v>
      </c>
      <c r="U8650">
        <v>18837.10627</v>
      </c>
      <c r="W8650" s="83">
        <f>Bühler!N8682</f>
        <v>45652.333333312359</v>
      </c>
      <c r="X8650" s="83">
        <v>43461.333333333336</v>
      </c>
      <c r="Y8650">
        <v>159030.04610000001</v>
      </c>
      <c r="Z8650">
        <v>31370.54536</v>
      </c>
      <c r="AA8650">
        <v>97273.911840000001</v>
      </c>
      <c r="AB8650">
        <v>41956.270839999997</v>
      </c>
      <c r="AC8650">
        <v>47445.805630000003</v>
      </c>
      <c r="AD8650">
        <v>41273.334840000003</v>
      </c>
      <c r="AE8650">
        <v>33228.952660000003</v>
      </c>
      <c r="AF8650">
        <v>53532.58152</v>
      </c>
      <c r="AG8650">
        <v>28213.11953</v>
      </c>
      <c r="AH8650">
        <v>308395.49810000003</v>
      </c>
      <c r="AI8650">
        <v>81886.592069999999</v>
      </c>
      <c r="AJ8650">
        <v>27283.7137</v>
      </c>
      <c r="AK8650">
        <v>34574.388050000001</v>
      </c>
      <c r="AL8650">
        <v>75158.907260000007</v>
      </c>
      <c r="AM8650">
        <v>24498.520629999999</v>
      </c>
      <c r="AN8650">
        <v>115984.92660000001</v>
      </c>
      <c r="AO8650">
        <v>30682.400580000001</v>
      </c>
      <c r="AP8650">
        <v>18837.10627</v>
      </c>
    </row>
    <row r="8651" spans="2:42" x14ac:dyDescent="0.3">
      <c r="B8651">
        <v>59.435616217830699</v>
      </c>
      <c r="C8651" s="83">
        <v>43461.375</v>
      </c>
      <c r="D8651">
        <v>156048.26360000001</v>
      </c>
      <c r="E8651">
        <v>33952.548999999999</v>
      </c>
      <c r="F8651">
        <v>102435.52069999999</v>
      </c>
      <c r="G8651">
        <v>41461.135340000001</v>
      </c>
      <c r="H8651">
        <v>47093.409670000001</v>
      </c>
      <c r="I8651">
        <v>38735.978419999999</v>
      </c>
      <c r="J8651">
        <v>31777.323280000001</v>
      </c>
      <c r="K8651">
        <v>52574.817860000003</v>
      </c>
      <c r="L8651">
        <v>30183.93115</v>
      </c>
      <c r="M8651">
        <v>303030.48879999999</v>
      </c>
      <c r="N8651">
        <v>85599.010429999995</v>
      </c>
      <c r="O8651">
        <v>26669.44284</v>
      </c>
      <c r="P8651">
        <v>37563.87455</v>
      </c>
      <c r="Q8651">
        <v>73300.682660000006</v>
      </c>
      <c r="R8651">
        <v>22236.65495</v>
      </c>
      <c r="S8651">
        <v>119849.3324</v>
      </c>
      <c r="T8651">
        <v>31147.95219</v>
      </c>
      <c r="U8651">
        <v>18016.194759999998</v>
      </c>
      <c r="W8651" s="83">
        <f>Bühler!N8683</f>
        <v>45652.374999979023</v>
      </c>
      <c r="X8651" s="83">
        <v>43461.375</v>
      </c>
      <c r="Y8651">
        <v>156048.26360000001</v>
      </c>
      <c r="Z8651">
        <v>33952.548999999999</v>
      </c>
      <c r="AA8651">
        <v>102435.52069999999</v>
      </c>
      <c r="AB8651">
        <v>41461.135340000001</v>
      </c>
      <c r="AC8651">
        <v>47093.409670000001</v>
      </c>
      <c r="AD8651">
        <v>38735.978419999999</v>
      </c>
      <c r="AE8651">
        <v>31777.323280000001</v>
      </c>
      <c r="AF8651">
        <v>52574.817860000003</v>
      </c>
      <c r="AG8651">
        <v>30183.93115</v>
      </c>
      <c r="AH8651">
        <v>303030.48879999999</v>
      </c>
      <c r="AI8651">
        <v>85599.010429999995</v>
      </c>
      <c r="AJ8651">
        <v>26669.44284</v>
      </c>
      <c r="AK8651">
        <v>37563.87455</v>
      </c>
      <c r="AL8651">
        <v>73300.682660000006</v>
      </c>
      <c r="AM8651">
        <v>22236.65495</v>
      </c>
      <c r="AN8651">
        <v>119849.3324</v>
      </c>
      <c r="AO8651">
        <v>31147.95219</v>
      </c>
      <c r="AP8651">
        <v>18016.194759999998</v>
      </c>
    </row>
    <row r="8652" spans="2:42" x14ac:dyDescent="0.3">
      <c r="B8652">
        <v>58.90785294167501</v>
      </c>
      <c r="C8652" s="83">
        <v>43461.416666666664</v>
      </c>
      <c r="D8652">
        <v>153669.7861</v>
      </c>
      <c r="E8652">
        <v>35294.112220000003</v>
      </c>
      <c r="F8652">
        <v>103109.97470000001</v>
      </c>
      <c r="G8652">
        <v>41440.410179999999</v>
      </c>
      <c r="H8652">
        <v>47365.322169999999</v>
      </c>
      <c r="I8652">
        <v>36121.858410000001</v>
      </c>
      <c r="J8652">
        <v>31290.42353</v>
      </c>
      <c r="K8652">
        <v>53940.24699</v>
      </c>
      <c r="L8652">
        <v>32519.57977</v>
      </c>
      <c r="M8652">
        <v>300339.70549999998</v>
      </c>
      <c r="N8652">
        <v>87203.559829999998</v>
      </c>
      <c r="O8652">
        <v>26100.64676</v>
      </c>
      <c r="P8652">
        <v>38980.977220000001</v>
      </c>
      <c r="Q8652">
        <v>72234.13364</v>
      </c>
      <c r="R8652">
        <v>22961.919389999999</v>
      </c>
      <c r="S8652">
        <v>118102.67449999999</v>
      </c>
      <c r="T8652">
        <v>32620.685430000001</v>
      </c>
      <c r="U8652">
        <v>17531.099010000002</v>
      </c>
      <c r="W8652" s="83">
        <f>Bühler!N8684</f>
        <v>45652.416666645688</v>
      </c>
      <c r="X8652" s="83">
        <v>43461.416666666664</v>
      </c>
      <c r="Y8652">
        <v>153669.7861</v>
      </c>
      <c r="Z8652">
        <v>35294.112220000003</v>
      </c>
      <c r="AA8652">
        <v>103109.97470000001</v>
      </c>
      <c r="AB8652">
        <v>41440.410179999999</v>
      </c>
      <c r="AC8652">
        <v>47365.322169999999</v>
      </c>
      <c r="AD8652">
        <v>36121.858410000001</v>
      </c>
      <c r="AE8652">
        <v>31290.42353</v>
      </c>
      <c r="AF8652">
        <v>53940.24699</v>
      </c>
      <c r="AG8652">
        <v>32519.57977</v>
      </c>
      <c r="AH8652">
        <v>300339.70549999998</v>
      </c>
      <c r="AI8652">
        <v>87203.559829999998</v>
      </c>
      <c r="AJ8652">
        <v>26100.64676</v>
      </c>
      <c r="AK8652">
        <v>38980.977220000001</v>
      </c>
      <c r="AL8652">
        <v>72234.13364</v>
      </c>
      <c r="AM8652">
        <v>22961.919389999999</v>
      </c>
      <c r="AN8652">
        <v>118102.67449999999</v>
      </c>
      <c r="AO8652">
        <v>32620.685430000001</v>
      </c>
      <c r="AP8652">
        <v>17531.099010000002</v>
      </c>
    </row>
    <row r="8653" spans="2:42" x14ac:dyDescent="0.3">
      <c r="B8653">
        <v>57.760845840367587</v>
      </c>
      <c r="C8653" s="83">
        <v>43461.458333333336</v>
      </c>
      <c r="D8653">
        <v>148473.52489999999</v>
      </c>
      <c r="E8653">
        <v>34578.930310000003</v>
      </c>
      <c r="F8653">
        <v>103118.7929</v>
      </c>
      <c r="G8653">
        <v>40999.813750000001</v>
      </c>
      <c r="H8653">
        <v>47719.546670000003</v>
      </c>
      <c r="I8653">
        <v>35098.617440000002</v>
      </c>
      <c r="J8653">
        <v>31198.042460000001</v>
      </c>
      <c r="K8653">
        <v>58265.819170000002</v>
      </c>
      <c r="L8653">
        <v>33683.471319999997</v>
      </c>
      <c r="M8653">
        <v>294491.72840000002</v>
      </c>
      <c r="N8653">
        <v>83581.026880000005</v>
      </c>
      <c r="O8653">
        <v>26735.95736</v>
      </c>
      <c r="P8653">
        <v>36731.948349999999</v>
      </c>
      <c r="Q8653">
        <v>69035.434689999995</v>
      </c>
      <c r="R8653">
        <v>26622.007590000001</v>
      </c>
      <c r="S8653">
        <v>118056.30009999999</v>
      </c>
      <c r="T8653">
        <v>32898.936549999999</v>
      </c>
      <c r="U8653">
        <v>17232.09002</v>
      </c>
      <c r="W8653" s="83">
        <f>Bühler!N8685</f>
        <v>45652.458333312352</v>
      </c>
      <c r="X8653" s="83">
        <v>43461.458333333336</v>
      </c>
      <c r="Y8653">
        <v>148473.52489999999</v>
      </c>
      <c r="Z8653">
        <v>34578.930310000003</v>
      </c>
      <c r="AA8653">
        <v>103118.7929</v>
      </c>
      <c r="AB8653">
        <v>40999.813750000001</v>
      </c>
      <c r="AC8653">
        <v>47719.546670000003</v>
      </c>
      <c r="AD8653">
        <v>35098.617440000002</v>
      </c>
      <c r="AE8653">
        <v>31198.042460000001</v>
      </c>
      <c r="AF8653">
        <v>58265.819170000002</v>
      </c>
      <c r="AG8653">
        <v>33683.471319999997</v>
      </c>
      <c r="AH8653">
        <v>294491.72840000002</v>
      </c>
      <c r="AI8653">
        <v>83581.026880000005</v>
      </c>
      <c r="AJ8653">
        <v>26735.95736</v>
      </c>
      <c r="AK8653">
        <v>36731.948349999999</v>
      </c>
      <c r="AL8653">
        <v>69035.434689999995</v>
      </c>
      <c r="AM8653">
        <v>26622.007590000001</v>
      </c>
      <c r="AN8653">
        <v>118056.30009999999</v>
      </c>
      <c r="AO8653">
        <v>32898.936549999999</v>
      </c>
      <c r="AP8653">
        <v>17232.09002</v>
      </c>
    </row>
    <row r="8654" spans="2:42" x14ac:dyDescent="0.3">
      <c r="B8654">
        <v>54.532598109367186</v>
      </c>
      <c r="C8654" s="83">
        <v>43461.5</v>
      </c>
      <c r="D8654">
        <v>139492.38519999999</v>
      </c>
      <c r="E8654">
        <v>30564.279109999999</v>
      </c>
      <c r="F8654">
        <v>101036.4133</v>
      </c>
      <c r="G8654">
        <v>40123.218739999997</v>
      </c>
      <c r="H8654">
        <v>45992.282630000002</v>
      </c>
      <c r="I8654">
        <v>33900.791010000001</v>
      </c>
      <c r="J8654">
        <v>30869.944520000001</v>
      </c>
      <c r="K8654">
        <v>56904.700369999999</v>
      </c>
      <c r="L8654">
        <v>35228.831870000002</v>
      </c>
      <c r="M8654">
        <v>278032.61599999998</v>
      </c>
      <c r="N8654">
        <v>80876.480909999998</v>
      </c>
      <c r="O8654">
        <v>25735.203710000002</v>
      </c>
      <c r="P8654">
        <v>36359.866650000004</v>
      </c>
      <c r="Q8654">
        <v>64308.983520000002</v>
      </c>
      <c r="R8654">
        <v>26840.670119999999</v>
      </c>
      <c r="S8654">
        <v>111391.43120000001</v>
      </c>
      <c r="T8654">
        <v>32007.900160000001</v>
      </c>
      <c r="U8654">
        <v>16121.92866</v>
      </c>
      <c r="W8654" s="83">
        <f>Bühler!N8686</f>
        <v>45652.499999979016</v>
      </c>
      <c r="X8654" s="83">
        <v>43461.5</v>
      </c>
      <c r="Y8654">
        <v>139492.38519999999</v>
      </c>
      <c r="Z8654">
        <v>30564.279109999999</v>
      </c>
      <c r="AA8654">
        <v>101036.4133</v>
      </c>
      <c r="AB8654">
        <v>40123.218739999997</v>
      </c>
      <c r="AC8654">
        <v>45992.282630000002</v>
      </c>
      <c r="AD8654">
        <v>33900.791010000001</v>
      </c>
      <c r="AE8654">
        <v>30869.944520000001</v>
      </c>
      <c r="AF8654">
        <v>56904.700369999999</v>
      </c>
      <c r="AG8654">
        <v>35228.831870000002</v>
      </c>
      <c r="AH8654">
        <v>278032.61599999998</v>
      </c>
      <c r="AI8654">
        <v>80876.480909999998</v>
      </c>
      <c r="AJ8654">
        <v>25735.203710000002</v>
      </c>
      <c r="AK8654">
        <v>36359.866650000004</v>
      </c>
      <c r="AL8654">
        <v>64308.983520000002</v>
      </c>
      <c r="AM8654">
        <v>26840.670119999999</v>
      </c>
      <c r="AN8654">
        <v>111391.43120000001</v>
      </c>
      <c r="AO8654">
        <v>32007.900160000001</v>
      </c>
      <c r="AP8654">
        <v>16121.92866</v>
      </c>
    </row>
    <row r="8655" spans="2:42" x14ac:dyDescent="0.3">
      <c r="B8655">
        <v>52.847725301772059</v>
      </c>
      <c r="C8655" s="83">
        <v>43461.541666666664</v>
      </c>
      <c r="D8655">
        <v>132903.90470000001</v>
      </c>
      <c r="E8655">
        <v>29916.66951</v>
      </c>
      <c r="F8655">
        <v>99759.690600000002</v>
      </c>
      <c r="G8655">
        <v>39703.101990000003</v>
      </c>
      <c r="H8655">
        <v>45117.426829999997</v>
      </c>
      <c r="I8655">
        <v>32950.875010000003</v>
      </c>
      <c r="J8655">
        <v>29781.075980000001</v>
      </c>
      <c r="K8655">
        <v>57501.581510000004</v>
      </c>
      <c r="L8655">
        <v>34095.55818</v>
      </c>
      <c r="M8655">
        <v>269442.34869999997</v>
      </c>
      <c r="N8655">
        <v>78254.588390000004</v>
      </c>
      <c r="O8655">
        <v>25391.31236</v>
      </c>
      <c r="P8655">
        <v>34390.373390000001</v>
      </c>
      <c r="Q8655">
        <v>58872.851280000003</v>
      </c>
      <c r="R8655">
        <v>26525.753400000001</v>
      </c>
      <c r="S8655">
        <v>109591.49770000001</v>
      </c>
      <c r="T8655">
        <v>31711.768550000001</v>
      </c>
      <c r="U8655">
        <v>15631.07272</v>
      </c>
      <c r="W8655" s="83">
        <f>Bühler!N8687</f>
        <v>45652.54166664568</v>
      </c>
      <c r="X8655" s="83">
        <v>43461.541666666664</v>
      </c>
      <c r="Y8655">
        <v>132903.90470000001</v>
      </c>
      <c r="Z8655">
        <v>29916.66951</v>
      </c>
      <c r="AA8655">
        <v>99759.690600000002</v>
      </c>
      <c r="AB8655">
        <v>39703.101990000003</v>
      </c>
      <c r="AC8655">
        <v>45117.426829999997</v>
      </c>
      <c r="AD8655">
        <v>32950.875010000003</v>
      </c>
      <c r="AE8655">
        <v>29781.075980000001</v>
      </c>
      <c r="AF8655">
        <v>57501.581510000004</v>
      </c>
      <c r="AG8655">
        <v>34095.55818</v>
      </c>
      <c r="AH8655">
        <v>269442.34869999997</v>
      </c>
      <c r="AI8655">
        <v>78254.588390000004</v>
      </c>
      <c r="AJ8655">
        <v>25391.31236</v>
      </c>
      <c r="AK8655">
        <v>34390.373390000001</v>
      </c>
      <c r="AL8655">
        <v>58872.851280000003</v>
      </c>
      <c r="AM8655">
        <v>26525.753400000001</v>
      </c>
      <c r="AN8655">
        <v>109591.49770000001</v>
      </c>
      <c r="AO8655">
        <v>31711.768550000001</v>
      </c>
      <c r="AP8655">
        <v>15631.07272</v>
      </c>
    </row>
    <row r="8656" spans="2:42" x14ac:dyDescent="0.3">
      <c r="B8656">
        <v>51.447609498072957</v>
      </c>
      <c r="C8656" s="83">
        <v>43461.583333333336</v>
      </c>
      <c r="D8656">
        <v>128906.31969999999</v>
      </c>
      <c r="E8656">
        <v>31805.337599999999</v>
      </c>
      <c r="F8656">
        <v>99464.264439999999</v>
      </c>
      <c r="G8656">
        <v>39112.441149999999</v>
      </c>
      <c r="H8656">
        <v>44235.40135</v>
      </c>
      <c r="I8656">
        <v>32676.694319999999</v>
      </c>
      <c r="J8656">
        <v>28972.614140000001</v>
      </c>
      <c r="K8656">
        <v>55166.50993</v>
      </c>
      <c r="L8656">
        <v>31102.771550000001</v>
      </c>
      <c r="M8656">
        <v>262303.90539999999</v>
      </c>
      <c r="N8656">
        <v>76386.757700000002</v>
      </c>
      <c r="O8656">
        <v>24549.17554</v>
      </c>
      <c r="P8656">
        <v>32812.615149999998</v>
      </c>
      <c r="Q8656">
        <v>53760.619890000002</v>
      </c>
      <c r="R8656">
        <v>23581.125759999999</v>
      </c>
      <c r="S8656">
        <v>104521.15820000001</v>
      </c>
      <c r="T8656">
        <v>30441.181830000001</v>
      </c>
      <c r="U8656">
        <v>15370.530119999999</v>
      </c>
      <c r="W8656" s="83">
        <f>Bühler!N8688</f>
        <v>45652.583333312345</v>
      </c>
      <c r="X8656" s="83">
        <v>43461.583333333336</v>
      </c>
      <c r="Y8656">
        <v>128906.31969999999</v>
      </c>
      <c r="Z8656">
        <v>31805.337599999999</v>
      </c>
      <c r="AA8656">
        <v>99464.264439999999</v>
      </c>
      <c r="AB8656">
        <v>39112.441149999999</v>
      </c>
      <c r="AC8656">
        <v>44235.40135</v>
      </c>
      <c r="AD8656">
        <v>32676.694319999999</v>
      </c>
      <c r="AE8656">
        <v>28972.614140000001</v>
      </c>
      <c r="AF8656">
        <v>55166.50993</v>
      </c>
      <c r="AG8656">
        <v>31102.771550000001</v>
      </c>
      <c r="AH8656">
        <v>262303.90539999999</v>
      </c>
      <c r="AI8656">
        <v>76386.757700000002</v>
      </c>
      <c r="AJ8656">
        <v>24549.17554</v>
      </c>
      <c r="AK8656">
        <v>32812.615149999998</v>
      </c>
      <c r="AL8656">
        <v>53760.619890000002</v>
      </c>
      <c r="AM8656">
        <v>23581.125759999999</v>
      </c>
      <c r="AN8656">
        <v>104521.15820000001</v>
      </c>
      <c r="AO8656">
        <v>30441.181830000001</v>
      </c>
      <c r="AP8656">
        <v>15370.530119999999</v>
      </c>
    </row>
    <row r="8657" spans="2:42" x14ac:dyDescent="0.3">
      <c r="B8657">
        <v>49.268409174914922</v>
      </c>
      <c r="C8657" s="83">
        <v>43461.625</v>
      </c>
      <c r="D8657">
        <v>123808.8922</v>
      </c>
      <c r="E8657">
        <v>30973.59765</v>
      </c>
      <c r="F8657">
        <v>98142.678650000002</v>
      </c>
      <c r="G8657">
        <v>38709.863830000002</v>
      </c>
      <c r="H8657">
        <v>42888.470260000002</v>
      </c>
      <c r="I8657">
        <v>32592.279259999999</v>
      </c>
      <c r="J8657">
        <v>28731.921900000001</v>
      </c>
      <c r="K8657">
        <v>51865.073680000001</v>
      </c>
      <c r="L8657">
        <v>28726.645479999999</v>
      </c>
      <c r="M8657">
        <v>251193.3259</v>
      </c>
      <c r="N8657">
        <v>73560.504990000001</v>
      </c>
      <c r="O8657">
        <v>24033.673569999999</v>
      </c>
      <c r="P8657">
        <v>30903.472010000001</v>
      </c>
      <c r="Q8657">
        <v>50318.752480000003</v>
      </c>
      <c r="R8657">
        <v>23081.696650000002</v>
      </c>
      <c r="S8657">
        <v>101836.19289999999</v>
      </c>
      <c r="T8657">
        <v>30051.007890000001</v>
      </c>
      <c r="U8657">
        <v>15113.066699999999</v>
      </c>
      <c r="W8657" s="83">
        <f>Bühler!N8689</f>
        <v>45652.624999979009</v>
      </c>
      <c r="X8657" s="83">
        <v>43461.625</v>
      </c>
      <c r="Y8657">
        <v>123808.8922</v>
      </c>
      <c r="Z8657">
        <v>30973.59765</v>
      </c>
      <c r="AA8657">
        <v>98142.678650000002</v>
      </c>
      <c r="AB8657">
        <v>38709.863830000002</v>
      </c>
      <c r="AC8657">
        <v>42888.470260000002</v>
      </c>
      <c r="AD8657">
        <v>32592.279259999999</v>
      </c>
      <c r="AE8657">
        <v>28731.921900000001</v>
      </c>
      <c r="AF8657">
        <v>51865.073680000001</v>
      </c>
      <c r="AG8657">
        <v>28726.645479999999</v>
      </c>
      <c r="AH8657">
        <v>251193.3259</v>
      </c>
      <c r="AI8657">
        <v>73560.504990000001</v>
      </c>
      <c r="AJ8657">
        <v>24033.673569999999</v>
      </c>
      <c r="AK8657">
        <v>30903.472010000001</v>
      </c>
      <c r="AL8657">
        <v>50318.752480000003</v>
      </c>
      <c r="AM8657">
        <v>23081.696650000002</v>
      </c>
      <c r="AN8657">
        <v>101836.19289999999</v>
      </c>
      <c r="AO8657">
        <v>30051.007890000001</v>
      </c>
      <c r="AP8657">
        <v>15113.066699999999</v>
      </c>
    </row>
    <row r="8658" spans="2:42" x14ac:dyDescent="0.3">
      <c r="B8658">
        <v>46.750670204203914</v>
      </c>
      <c r="C8658" s="83">
        <v>43461.666666666664</v>
      </c>
      <c r="D8658">
        <v>119243.9516</v>
      </c>
      <c r="E8658">
        <v>29645.090189999999</v>
      </c>
      <c r="F8658">
        <v>96007.322409999993</v>
      </c>
      <c r="G8658">
        <v>38694.871429999999</v>
      </c>
      <c r="H8658">
        <v>42074.626340000003</v>
      </c>
      <c r="I8658">
        <v>34117.891960000001</v>
      </c>
      <c r="J8658">
        <v>28650.08683</v>
      </c>
      <c r="K8658">
        <v>49251.664989999997</v>
      </c>
      <c r="L8658">
        <v>27987.883600000001</v>
      </c>
      <c r="M8658">
        <v>238356.71849999999</v>
      </c>
      <c r="N8658">
        <v>69151.302280000004</v>
      </c>
      <c r="O8658">
        <v>23552.690739999998</v>
      </c>
      <c r="P8658">
        <v>32798.529159999998</v>
      </c>
      <c r="Q8658">
        <v>47195.996769999998</v>
      </c>
      <c r="R8658">
        <v>22323.87702</v>
      </c>
      <c r="S8658">
        <v>99965.056200000006</v>
      </c>
      <c r="T8658">
        <v>28686.991099999999</v>
      </c>
      <c r="U8658">
        <v>15061.502189999999</v>
      </c>
      <c r="W8658" s="83">
        <f>Bühler!N8690</f>
        <v>45652.666666645673</v>
      </c>
      <c r="X8658" s="83">
        <v>43461.666666666664</v>
      </c>
      <c r="Y8658">
        <v>119243.9516</v>
      </c>
      <c r="Z8658">
        <v>29645.090189999999</v>
      </c>
      <c r="AA8658">
        <v>96007.322409999993</v>
      </c>
      <c r="AB8658">
        <v>38694.871429999999</v>
      </c>
      <c r="AC8658">
        <v>42074.626340000003</v>
      </c>
      <c r="AD8658">
        <v>34117.891960000001</v>
      </c>
      <c r="AE8658">
        <v>28650.08683</v>
      </c>
      <c r="AF8658">
        <v>49251.664989999997</v>
      </c>
      <c r="AG8658">
        <v>27987.883600000001</v>
      </c>
      <c r="AH8658">
        <v>238356.71849999999</v>
      </c>
      <c r="AI8658">
        <v>69151.302280000004</v>
      </c>
      <c r="AJ8658">
        <v>23552.690739999998</v>
      </c>
      <c r="AK8658">
        <v>32798.529159999998</v>
      </c>
      <c r="AL8658">
        <v>47195.996769999998</v>
      </c>
      <c r="AM8658">
        <v>22323.87702</v>
      </c>
      <c r="AN8658">
        <v>99965.056200000006</v>
      </c>
      <c r="AO8658">
        <v>28686.991099999999</v>
      </c>
      <c r="AP8658">
        <v>15061.502189999999</v>
      </c>
    </row>
    <row r="8659" spans="2:42" x14ac:dyDescent="0.3">
      <c r="B8659">
        <v>43.908665368208041</v>
      </c>
      <c r="C8659" s="83">
        <v>43461.708333333336</v>
      </c>
      <c r="D8659">
        <v>116676.3327</v>
      </c>
      <c r="E8659">
        <v>28040.65209</v>
      </c>
      <c r="F8659">
        <v>95783.832320000001</v>
      </c>
      <c r="G8659">
        <v>39926.789069999999</v>
      </c>
      <c r="H8659">
        <v>42215.23126</v>
      </c>
      <c r="I8659">
        <v>34815.883000000002</v>
      </c>
      <c r="J8659">
        <v>31099.753840000001</v>
      </c>
      <c r="K8659">
        <v>48170.809910000004</v>
      </c>
      <c r="L8659">
        <v>29395.699700000001</v>
      </c>
      <c r="M8659">
        <v>223866.85250000001</v>
      </c>
      <c r="N8659">
        <v>67681.128620000003</v>
      </c>
      <c r="O8659">
        <v>23244.685979999998</v>
      </c>
      <c r="P8659">
        <v>34285.944100000001</v>
      </c>
      <c r="Q8659">
        <v>44143.442150000003</v>
      </c>
      <c r="R8659">
        <v>22760.274170000001</v>
      </c>
      <c r="S8659">
        <v>101772.8316</v>
      </c>
      <c r="T8659">
        <v>28952.69183</v>
      </c>
      <c r="U8659">
        <v>16312.888150000001</v>
      </c>
      <c r="W8659" s="83">
        <f>Bühler!N8691</f>
        <v>45652.708333312337</v>
      </c>
      <c r="X8659" s="83">
        <v>43461.708333333336</v>
      </c>
      <c r="Y8659">
        <v>116676.3327</v>
      </c>
      <c r="Z8659">
        <v>28040.65209</v>
      </c>
      <c r="AA8659">
        <v>95783.832320000001</v>
      </c>
      <c r="AB8659">
        <v>39926.789069999999</v>
      </c>
      <c r="AC8659">
        <v>42215.23126</v>
      </c>
      <c r="AD8659">
        <v>34815.883000000002</v>
      </c>
      <c r="AE8659">
        <v>31099.753840000001</v>
      </c>
      <c r="AF8659">
        <v>48170.809910000004</v>
      </c>
      <c r="AG8659">
        <v>29395.699700000001</v>
      </c>
      <c r="AH8659">
        <v>223866.85250000001</v>
      </c>
      <c r="AI8659">
        <v>67681.128620000003</v>
      </c>
      <c r="AJ8659">
        <v>23244.685979999998</v>
      </c>
      <c r="AK8659">
        <v>34285.944100000001</v>
      </c>
      <c r="AL8659">
        <v>44143.442150000003</v>
      </c>
      <c r="AM8659">
        <v>22760.274170000001</v>
      </c>
      <c r="AN8659">
        <v>101772.8316</v>
      </c>
      <c r="AO8659">
        <v>28952.69183</v>
      </c>
      <c r="AP8659">
        <v>16312.888150000001</v>
      </c>
    </row>
    <row r="8660" spans="2:42" x14ac:dyDescent="0.3">
      <c r="B8660">
        <v>40.824124911289402</v>
      </c>
      <c r="C8660" s="83">
        <v>43461.75</v>
      </c>
      <c r="D8660">
        <v>115149.97689999999</v>
      </c>
      <c r="E8660">
        <v>24288.918369999999</v>
      </c>
      <c r="F8660">
        <v>75788.401750000005</v>
      </c>
      <c r="G8660">
        <v>39243.642010000003</v>
      </c>
      <c r="H8660">
        <v>40765.079299999998</v>
      </c>
      <c r="I8660">
        <v>33607.625870000003</v>
      </c>
      <c r="J8660">
        <v>31258.24178</v>
      </c>
      <c r="K8660">
        <v>42184.39415</v>
      </c>
      <c r="L8660">
        <v>31052.129389999998</v>
      </c>
      <c r="M8660">
        <v>208140.42679999999</v>
      </c>
      <c r="N8660">
        <v>67690.634609999994</v>
      </c>
      <c r="O8660">
        <v>22402.72293</v>
      </c>
      <c r="P8660">
        <v>36859.082390000003</v>
      </c>
      <c r="Q8660">
        <v>41956.277329999997</v>
      </c>
      <c r="R8660">
        <v>20493.999230000001</v>
      </c>
      <c r="S8660">
        <v>97632.112670000002</v>
      </c>
      <c r="T8660">
        <v>28156.72781</v>
      </c>
      <c r="U8660">
        <v>15758.312959999999</v>
      </c>
      <c r="W8660" s="83">
        <f>Bühler!N8692</f>
        <v>45652.749999979002</v>
      </c>
      <c r="X8660" s="83">
        <v>43461.75</v>
      </c>
      <c r="Y8660">
        <v>115149.97689999999</v>
      </c>
      <c r="Z8660">
        <v>24288.918369999999</v>
      </c>
      <c r="AA8660">
        <v>75788.401750000005</v>
      </c>
      <c r="AB8660">
        <v>39243.642010000003</v>
      </c>
      <c r="AC8660">
        <v>40765.079299999998</v>
      </c>
      <c r="AD8660">
        <v>33607.625870000003</v>
      </c>
      <c r="AE8660">
        <v>31258.24178</v>
      </c>
      <c r="AF8660">
        <v>42184.39415</v>
      </c>
      <c r="AG8660">
        <v>31052.129389999998</v>
      </c>
      <c r="AH8660">
        <v>208140.42679999999</v>
      </c>
      <c r="AI8660">
        <v>67690.634609999994</v>
      </c>
      <c r="AJ8660">
        <v>22402.72293</v>
      </c>
      <c r="AK8660">
        <v>36859.082390000003</v>
      </c>
      <c r="AL8660">
        <v>41956.277329999997</v>
      </c>
      <c r="AM8660">
        <v>20493.999230000001</v>
      </c>
      <c r="AN8660">
        <v>97632.112670000002</v>
      </c>
      <c r="AO8660">
        <v>28156.72781</v>
      </c>
      <c r="AP8660">
        <v>15758.312959999999</v>
      </c>
    </row>
    <row r="8661" spans="2:42" x14ac:dyDescent="0.3">
      <c r="B8661">
        <v>39.124011912862656</v>
      </c>
      <c r="C8661" s="83">
        <v>43461.791666666664</v>
      </c>
      <c r="D8661">
        <v>113562.87149999999</v>
      </c>
      <c r="E8661">
        <v>19522.958610000001</v>
      </c>
      <c r="F8661">
        <v>64072.155469999998</v>
      </c>
      <c r="G8661">
        <v>38705.590530000001</v>
      </c>
      <c r="H8661">
        <v>39313.015169999999</v>
      </c>
      <c r="I8661">
        <v>31772.225060000001</v>
      </c>
      <c r="J8661">
        <v>30229.670849999999</v>
      </c>
      <c r="K8661">
        <v>42226.020859999997</v>
      </c>
      <c r="L8661">
        <v>31030.77577</v>
      </c>
      <c r="M8661">
        <v>199472.45790000001</v>
      </c>
      <c r="N8661">
        <v>66798.585510000004</v>
      </c>
      <c r="O8661">
        <v>21440.16041</v>
      </c>
      <c r="P8661">
        <v>36623.656179999998</v>
      </c>
      <c r="Q8661">
        <v>39972.511120000003</v>
      </c>
      <c r="R8661">
        <v>19799.712090000001</v>
      </c>
      <c r="S8661">
        <v>95257.245349999997</v>
      </c>
      <c r="T8661">
        <v>27435.443510000001</v>
      </c>
      <c r="U8661">
        <v>14807.681909999999</v>
      </c>
      <c r="W8661" s="83">
        <f>Bühler!N8693</f>
        <v>45652.791666645666</v>
      </c>
      <c r="X8661" s="83">
        <v>43461.791666666664</v>
      </c>
      <c r="Y8661">
        <v>113562.87149999999</v>
      </c>
      <c r="Z8661">
        <v>19522.958610000001</v>
      </c>
      <c r="AA8661">
        <v>64072.155469999998</v>
      </c>
      <c r="AB8661">
        <v>38705.590530000001</v>
      </c>
      <c r="AC8661">
        <v>39313.015169999999</v>
      </c>
      <c r="AD8661">
        <v>31772.225060000001</v>
      </c>
      <c r="AE8661">
        <v>30229.670849999999</v>
      </c>
      <c r="AF8661">
        <v>42226.020859999997</v>
      </c>
      <c r="AG8661">
        <v>31030.77577</v>
      </c>
      <c r="AH8661">
        <v>199472.45790000001</v>
      </c>
      <c r="AI8661">
        <v>66798.585510000004</v>
      </c>
      <c r="AJ8661">
        <v>21440.16041</v>
      </c>
      <c r="AK8661">
        <v>36623.656179999998</v>
      </c>
      <c r="AL8661">
        <v>39972.511120000003</v>
      </c>
      <c r="AM8661">
        <v>19799.712090000001</v>
      </c>
      <c r="AN8661">
        <v>95257.245349999997</v>
      </c>
      <c r="AO8661">
        <v>27435.443510000001</v>
      </c>
      <c r="AP8661">
        <v>14807.681909999999</v>
      </c>
    </row>
    <row r="8662" spans="2:42" x14ac:dyDescent="0.3">
      <c r="B8662">
        <v>38.837261348684315</v>
      </c>
      <c r="C8662" s="83">
        <v>43461.833333333336</v>
      </c>
      <c r="D8662">
        <v>113015.29889999999</v>
      </c>
      <c r="E8662">
        <v>16243.839449999999</v>
      </c>
      <c r="F8662">
        <v>55782.486080000002</v>
      </c>
      <c r="G8662">
        <v>37785.039900000003</v>
      </c>
      <c r="H8662">
        <v>38138.496270000003</v>
      </c>
      <c r="I8662">
        <v>28771.753229999998</v>
      </c>
      <c r="J8662">
        <v>29066.337920000002</v>
      </c>
      <c r="K8662">
        <v>49360.48661</v>
      </c>
      <c r="L8662">
        <v>30533.60785</v>
      </c>
      <c r="M8662">
        <v>198010.46979999999</v>
      </c>
      <c r="N8662">
        <v>65138.69225</v>
      </c>
      <c r="O8662">
        <v>21432.88767</v>
      </c>
      <c r="P8662">
        <v>35866.747790000001</v>
      </c>
      <c r="Q8662">
        <v>39337.018889999999</v>
      </c>
      <c r="R8662">
        <v>21973.492999999999</v>
      </c>
      <c r="S8662">
        <v>88342.92108</v>
      </c>
      <c r="T8662">
        <v>26898.548330000001</v>
      </c>
      <c r="U8662">
        <v>14507.19268</v>
      </c>
      <c r="W8662" s="83">
        <f>Bühler!N8694</f>
        <v>45652.83333331233</v>
      </c>
      <c r="X8662" s="83">
        <v>43461.833333333336</v>
      </c>
      <c r="Y8662">
        <v>113015.29889999999</v>
      </c>
      <c r="Z8662">
        <v>16243.839449999999</v>
      </c>
      <c r="AA8662">
        <v>55782.486080000002</v>
      </c>
      <c r="AB8662">
        <v>37785.039900000003</v>
      </c>
      <c r="AC8662">
        <v>38138.496270000003</v>
      </c>
      <c r="AD8662">
        <v>28771.753229999998</v>
      </c>
      <c r="AE8662">
        <v>29066.337920000002</v>
      </c>
      <c r="AF8662">
        <v>49360.48661</v>
      </c>
      <c r="AG8662">
        <v>30533.60785</v>
      </c>
      <c r="AH8662">
        <v>198010.46979999999</v>
      </c>
      <c r="AI8662">
        <v>65138.69225</v>
      </c>
      <c r="AJ8662">
        <v>21432.88767</v>
      </c>
      <c r="AK8662">
        <v>35866.747790000001</v>
      </c>
      <c r="AL8662">
        <v>39337.018889999999</v>
      </c>
      <c r="AM8662">
        <v>21973.492999999999</v>
      </c>
      <c r="AN8662">
        <v>88342.92108</v>
      </c>
      <c r="AO8662">
        <v>26898.548330000001</v>
      </c>
      <c r="AP8662">
        <v>14507.19268</v>
      </c>
    </row>
    <row r="8663" spans="2:42" x14ac:dyDescent="0.3">
      <c r="B8663">
        <v>37.815464272742112</v>
      </c>
      <c r="C8663" s="83">
        <v>43461.875</v>
      </c>
      <c r="D8663">
        <v>112261.4685</v>
      </c>
      <c r="E8663">
        <v>14920.192520000001</v>
      </c>
      <c r="F8663">
        <v>51480.316639999997</v>
      </c>
      <c r="G8663">
        <v>37606.913200000003</v>
      </c>
      <c r="H8663">
        <v>36775.852429999999</v>
      </c>
      <c r="I8663">
        <v>24907.82416</v>
      </c>
      <c r="J8663">
        <v>28499.502710000001</v>
      </c>
      <c r="K8663">
        <v>48077.778899999998</v>
      </c>
      <c r="L8663">
        <v>28592.73474</v>
      </c>
      <c r="M8663">
        <v>192800.87179999999</v>
      </c>
      <c r="N8663">
        <v>63878.314780000001</v>
      </c>
      <c r="O8663">
        <v>20873.48416</v>
      </c>
      <c r="P8663">
        <v>34343.393029999999</v>
      </c>
      <c r="Q8663">
        <v>39033.798150000002</v>
      </c>
      <c r="R8663">
        <v>20049.61421</v>
      </c>
      <c r="S8663">
        <v>84047.160550000001</v>
      </c>
      <c r="T8663">
        <v>25901.815340000001</v>
      </c>
      <c r="U8663">
        <v>14178.18295</v>
      </c>
      <c r="W8663" s="83">
        <f>Bühler!N8695</f>
        <v>45652.874999978994</v>
      </c>
      <c r="X8663" s="83">
        <v>43461.875</v>
      </c>
      <c r="Y8663">
        <v>112261.4685</v>
      </c>
      <c r="Z8663">
        <v>14920.192520000001</v>
      </c>
      <c r="AA8663">
        <v>51480.316639999997</v>
      </c>
      <c r="AB8663">
        <v>37606.913200000003</v>
      </c>
      <c r="AC8663">
        <v>36775.852429999999</v>
      </c>
      <c r="AD8663">
        <v>24907.82416</v>
      </c>
      <c r="AE8663">
        <v>28499.502710000001</v>
      </c>
      <c r="AF8663">
        <v>48077.778899999998</v>
      </c>
      <c r="AG8663">
        <v>28592.73474</v>
      </c>
      <c r="AH8663">
        <v>192800.87179999999</v>
      </c>
      <c r="AI8663">
        <v>63878.314780000001</v>
      </c>
      <c r="AJ8663">
        <v>20873.48416</v>
      </c>
      <c r="AK8663">
        <v>34343.393029999999</v>
      </c>
      <c r="AL8663">
        <v>39033.798150000002</v>
      </c>
      <c r="AM8663">
        <v>20049.61421</v>
      </c>
      <c r="AN8663">
        <v>84047.160550000001</v>
      </c>
      <c r="AO8663">
        <v>25901.815340000001</v>
      </c>
      <c r="AP8663">
        <v>14178.18295</v>
      </c>
    </row>
    <row r="8664" spans="2:42" x14ac:dyDescent="0.3">
      <c r="B8664">
        <v>38.255647839618256</v>
      </c>
      <c r="C8664" s="83">
        <v>43461.916666666664</v>
      </c>
      <c r="D8664">
        <v>111596.60679999999</v>
      </c>
      <c r="E8664">
        <v>14518.998610000001</v>
      </c>
      <c r="F8664">
        <v>50031.374380000001</v>
      </c>
      <c r="G8664">
        <v>37192.439590000002</v>
      </c>
      <c r="H8664">
        <v>37019.497499999998</v>
      </c>
      <c r="I8664">
        <v>23328.317029999998</v>
      </c>
      <c r="J8664">
        <v>27683.50071</v>
      </c>
      <c r="K8664">
        <v>51108.533810000001</v>
      </c>
      <c r="L8664">
        <v>25581.70493</v>
      </c>
      <c r="M8664">
        <v>195045.1329</v>
      </c>
      <c r="N8664">
        <v>63526.69973</v>
      </c>
      <c r="O8664">
        <v>22464.19542</v>
      </c>
      <c r="P8664">
        <v>38225.189019999998</v>
      </c>
      <c r="Q8664">
        <v>39308.030639999997</v>
      </c>
      <c r="R8664">
        <v>26496.502850000001</v>
      </c>
      <c r="S8664">
        <v>81823.37298</v>
      </c>
      <c r="T8664">
        <v>24026.657019999999</v>
      </c>
      <c r="U8664">
        <v>15404.71421</v>
      </c>
      <c r="W8664" s="83">
        <f>Bühler!N8696</f>
        <v>45652.916666645659</v>
      </c>
      <c r="X8664" s="83">
        <v>43461.916666666664</v>
      </c>
      <c r="Y8664">
        <v>111596.60679999999</v>
      </c>
      <c r="Z8664">
        <v>14518.998610000001</v>
      </c>
      <c r="AA8664">
        <v>50031.374380000001</v>
      </c>
      <c r="AB8664">
        <v>37192.439590000002</v>
      </c>
      <c r="AC8664">
        <v>37019.497499999998</v>
      </c>
      <c r="AD8664">
        <v>23328.317029999998</v>
      </c>
      <c r="AE8664">
        <v>27683.50071</v>
      </c>
      <c r="AF8664">
        <v>51108.533810000001</v>
      </c>
      <c r="AG8664">
        <v>25581.70493</v>
      </c>
      <c r="AH8664">
        <v>195045.1329</v>
      </c>
      <c r="AI8664">
        <v>63526.69973</v>
      </c>
      <c r="AJ8664">
        <v>22464.19542</v>
      </c>
      <c r="AK8664">
        <v>38225.189019999998</v>
      </c>
      <c r="AL8664">
        <v>39308.030639999997</v>
      </c>
      <c r="AM8664">
        <v>26496.502850000001</v>
      </c>
      <c r="AN8664">
        <v>81823.37298</v>
      </c>
      <c r="AO8664">
        <v>24026.657019999999</v>
      </c>
      <c r="AP8664">
        <v>15404.71421</v>
      </c>
    </row>
    <row r="8665" spans="2:42" x14ac:dyDescent="0.3">
      <c r="B8665">
        <v>37.704309611322373</v>
      </c>
      <c r="C8665" s="83">
        <v>43461.958333333336</v>
      </c>
      <c r="D8665">
        <v>111407.8308</v>
      </c>
      <c r="E8665">
        <v>14627.256799999999</v>
      </c>
      <c r="F8665">
        <v>48986.841890000003</v>
      </c>
      <c r="G8665">
        <v>36748.596700000002</v>
      </c>
      <c r="H8665">
        <v>36294.100639999997</v>
      </c>
      <c r="I8665">
        <v>22287.60269</v>
      </c>
      <c r="J8665">
        <v>25830.82459</v>
      </c>
      <c r="K8665">
        <v>51127.859570000001</v>
      </c>
      <c r="L8665">
        <v>22819.271840000001</v>
      </c>
      <c r="M8665">
        <v>192234.15349999999</v>
      </c>
      <c r="N8665">
        <v>63856.500059999998</v>
      </c>
      <c r="O8665">
        <v>21835.030900000002</v>
      </c>
      <c r="P8665">
        <v>35638.206039999997</v>
      </c>
      <c r="Q8665">
        <v>40088.071400000001</v>
      </c>
      <c r="R8665">
        <v>27305.288509999998</v>
      </c>
      <c r="S8665">
        <v>80705.79135</v>
      </c>
      <c r="T8665">
        <v>27524.6862</v>
      </c>
      <c r="U8665">
        <v>14734.222879999999</v>
      </c>
      <c r="W8665" s="83">
        <f>Bühler!N8697</f>
        <v>45652.958333312323</v>
      </c>
      <c r="X8665" s="83">
        <v>43461.958333333336</v>
      </c>
      <c r="Y8665">
        <v>111407.8308</v>
      </c>
      <c r="Z8665">
        <v>14627.256799999999</v>
      </c>
      <c r="AA8665">
        <v>48986.841890000003</v>
      </c>
      <c r="AB8665">
        <v>36748.596700000002</v>
      </c>
      <c r="AC8665">
        <v>36294.100639999997</v>
      </c>
      <c r="AD8665">
        <v>22287.60269</v>
      </c>
      <c r="AE8665">
        <v>25830.82459</v>
      </c>
      <c r="AF8665">
        <v>51127.859570000001</v>
      </c>
      <c r="AG8665">
        <v>22819.271840000001</v>
      </c>
      <c r="AH8665">
        <v>192234.15349999999</v>
      </c>
      <c r="AI8665">
        <v>63856.500059999998</v>
      </c>
      <c r="AJ8665">
        <v>21835.030900000002</v>
      </c>
      <c r="AK8665">
        <v>35638.206039999997</v>
      </c>
      <c r="AL8665">
        <v>40088.071400000001</v>
      </c>
      <c r="AM8665">
        <v>27305.288509999998</v>
      </c>
      <c r="AN8665">
        <v>80705.79135</v>
      </c>
      <c r="AO8665">
        <v>27524.6862</v>
      </c>
      <c r="AP8665">
        <v>14734.222879999999</v>
      </c>
    </row>
    <row r="8666" spans="2:42" x14ac:dyDescent="0.3">
      <c r="B8666">
        <v>39.285581087738102</v>
      </c>
      <c r="C8666" s="83">
        <v>43462</v>
      </c>
      <c r="D8666">
        <v>111800.6376</v>
      </c>
      <c r="E8666">
        <v>14220.56364</v>
      </c>
      <c r="F8666">
        <v>50060.382879999997</v>
      </c>
      <c r="G8666">
        <v>37508.219100000002</v>
      </c>
      <c r="H8666">
        <v>36328.73171</v>
      </c>
      <c r="I8666">
        <v>21522.487300000001</v>
      </c>
      <c r="J8666">
        <v>24775.098160000001</v>
      </c>
      <c r="K8666">
        <v>48650.137300000002</v>
      </c>
      <c r="L8666">
        <v>18502.633860000002</v>
      </c>
      <c r="M8666">
        <v>200296.21290000001</v>
      </c>
      <c r="N8666">
        <v>61741.516839999997</v>
      </c>
      <c r="O8666">
        <v>21591.999159999999</v>
      </c>
      <c r="P8666">
        <v>32107.3953</v>
      </c>
      <c r="Q8666">
        <v>40680.081330000001</v>
      </c>
      <c r="R8666">
        <v>24674.007519999999</v>
      </c>
      <c r="S8666">
        <v>79397.442089999997</v>
      </c>
      <c r="T8666">
        <v>26641.5789</v>
      </c>
      <c r="U8666">
        <v>14975.739589999999</v>
      </c>
      <c r="W8666" s="83">
        <f>Bühler!N8698</f>
        <v>45652.999999978987</v>
      </c>
      <c r="X8666" s="83">
        <v>43462</v>
      </c>
      <c r="Y8666">
        <v>111800.6376</v>
      </c>
      <c r="Z8666">
        <v>14220.56364</v>
      </c>
      <c r="AA8666">
        <v>50060.382879999997</v>
      </c>
      <c r="AB8666">
        <v>37508.219100000002</v>
      </c>
      <c r="AC8666">
        <v>36328.73171</v>
      </c>
      <c r="AD8666">
        <v>21522.487300000001</v>
      </c>
      <c r="AE8666">
        <v>24775.098160000001</v>
      </c>
      <c r="AF8666">
        <v>48650.137300000002</v>
      </c>
      <c r="AG8666">
        <v>18502.633860000002</v>
      </c>
      <c r="AH8666">
        <v>200296.21290000001</v>
      </c>
      <c r="AI8666">
        <v>61741.516839999997</v>
      </c>
      <c r="AJ8666">
        <v>21591.999159999999</v>
      </c>
      <c r="AK8666">
        <v>32107.3953</v>
      </c>
      <c r="AL8666">
        <v>40680.081330000001</v>
      </c>
      <c r="AM8666">
        <v>24674.007519999999</v>
      </c>
      <c r="AN8666">
        <v>79397.442089999997</v>
      </c>
      <c r="AO8666">
        <v>26641.5789</v>
      </c>
      <c r="AP8666">
        <v>14975.739589999999</v>
      </c>
    </row>
    <row r="8667" spans="2:42" x14ac:dyDescent="0.3">
      <c r="B8667">
        <v>39.695978834758904</v>
      </c>
      <c r="C8667" s="83">
        <v>43462.041666666664</v>
      </c>
      <c r="D8667">
        <v>111972.52650000001</v>
      </c>
      <c r="E8667">
        <v>14133.366609999999</v>
      </c>
      <c r="F8667">
        <v>50818.969570000001</v>
      </c>
      <c r="G8667">
        <v>37291.06235</v>
      </c>
      <c r="H8667">
        <v>36067.306909999999</v>
      </c>
      <c r="I8667">
        <v>18452.371859999999</v>
      </c>
      <c r="J8667">
        <v>24236.7369</v>
      </c>
      <c r="K8667">
        <v>47444.905250000003</v>
      </c>
      <c r="L8667">
        <v>17758.912629999999</v>
      </c>
      <c r="M8667">
        <v>202388.61199999999</v>
      </c>
      <c r="N8667">
        <v>61009.360050000003</v>
      </c>
      <c r="O8667">
        <v>21549.10772</v>
      </c>
      <c r="P8667">
        <v>30779.925999999999</v>
      </c>
      <c r="Q8667">
        <v>42897.082009999998</v>
      </c>
      <c r="R8667">
        <v>24234.61321</v>
      </c>
      <c r="S8667">
        <v>78185.929310000007</v>
      </c>
      <c r="T8667">
        <v>26362.36709</v>
      </c>
      <c r="U8667">
        <v>15121.639010000001</v>
      </c>
      <c r="W8667" s="83">
        <f>Bühler!N8699</f>
        <v>45653.041666645651</v>
      </c>
      <c r="X8667" s="83">
        <v>43462.041666666664</v>
      </c>
      <c r="Y8667">
        <v>111972.52650000001</v>
      </c>
      <c r="Z8667">
        <v>14133.366609999999</v>
      </c>
      <c r="AA8667">
        <v>50818.969570000001</v>
      </c>
      <c r="AB8667">
        <v>37291.06235</v>
      </c>
      <c r="AC8667">
        <v>36067.306909999999</v>
      </c>
      <c r="AD8667">
        <v>18452.371859999999</v>
      </c>
      <c r="AE8667">
        <v>24236.7369</v>
      </c>
      <c r="AF8667">
        <v>47444.905250000003</v>
      </c>
      <c r="AG8667">
        <v>17758.912629999999</v>
      </c>
      <c r="AH8667">
        <v>202388.61199999999</v>
      </c>
      <c r="AI8667">
        <v>61009.360050000003</v>
      </c>
      <c r="AJ8667">
        <v>21549.10772</v>
      </c>
      <c r="AK8667">
        <v>30779.925999999999</v>
      </c>
      <c r="AL8667">
        <v>42897.082009999998</v>
      </c>
      <c r="AM8667">
        <v>24234.61321</v>
      </c>
      <c r="AN8667">
        <v>78185.929310000007</v>
      </c>
      <c r="AO8667">
        <v>26362.36709</v>
      </c>
      <c r="AP8667">
        <v>15121.639010000001</v>
      </c>
    </row>
    <row r="8668" spans="2:42" x14ac:dyDescent="0.3">
      <c r="B8668">
        <v>40.412236539541418</v>
      </c>
      <c r="C8668" s="83">
        <v>43462.083333333336</v>
      </c>
      <c r="D8668">
        <v>112210.0644</v>
      </c>
      <c r="E8668">
        <v>14235.82101</v>
      </c>
      <c r="F8668">
        <v>51905.461139999999</v>
      </c>
      <c r="G8668">
        <v>36814.456380000003</v>
      </c>
      <c r="H8668">
        <v>35533.384409999999</v>
      </c>
      <c r="I8668">
        <v>16738.405050000001</v>
      </c>
      <c r="J8668">
        <v>24470.6014</v>
      </c>
      <c r="K8668">
        <v>44247.82372</v>
      </c>
      <c r="L8668">
        <v>17594.83322</v>
      </c>
      <c r="M8668">
        <v>206040.4278</v>
      </c>
      <c r="N8668">
        <v>61017.616679999999</v>
      </c>
      <c r="O8668">
        <v>21602.130020000001</v>
      </c>
      <c r="P8668">
        <v>31057.037069999998</v>
      </c>
      <c r="Q8668">
        <v>45095.584699999999</v>
      </c>
      <c r="R8668">
        <v>23590.756219999999</v>
      </c>
      <c r="S8668">
        <v>77828.511490000004</v>
      </c>
      <c r="T8668">
        <v>26106.540110000002</v>
      </c>
      <c r="U8668">
        <v>15101.77289</v>
      </c>
      <c r="W8668" s="83">
        <f>Bühler!N8700</f>
        <v>45653.083333312316</v>
      </c>
      <c r="X8668" s="83">
        <v>43462.083333333336</v>
      </c>
      <c r="Y8668">
        <v>112210.0644</v>
      </c>
      <c r="Z8668">
        <v>14235.82101</v>
      </c>
      <c r="AA8668">
        <v>51905.461139999999</v>
      </c>
      <c r="AB8668">
        <v>36814.456380000003</v>
      </c>
      <c r="AC8668">
        <v>35533.384409999999</v>
      </c>
      <c r="AD8668">
        <v>16738.405050000001</v>
      </c>
      <c r="AE8668">
        <v>24470.6014</v>
      </c>
      <c r="AF8668">
        <v>44247.82372</v>
      </c>
      <c r="AG8668">
        <v>17594.83322</v>
      </c>
      <c r="AH8668">
        <v>206040.4278</v>
      </c>
      <c r="AI8668">
        <v>61017.616679999999</v>
      </c>
      <c r="AJ8668">
        <v>21602.130020000001</v>
      </c>
      <c r="AK8668">
        <v>31057.037069999998</v>
      </c>
      <c r="AL8668">
        <v>45095.584699999999</v>
      </c>
      <c r="AM8668">
        <v>23590.756219999999</v>
      </c>
      <c r="AN8668">
        <v>77828.511490000004</v>
      </c>
      <c r="AO8668">
        <v>26106.540110000002</v>
      </c>
      <c r="AP8668">
        <v>15101.77289</v>
      </c>
    </row>
    <row r="8669" spans="2:42" x14ac:dyDescent="0.3">
      <c r="B8669">
        <v>40.156877611448422</v>
      </c>
      <c r="C8669" s="83">
        <v>43462.125</v>
      </c>
      <c r="D8669">
        <v>112499.4353</v>
      </c>
      <c r="E8669">
        <v>14358.15813</v>
      </c>
      <c r="F8669">
        <v>52372.085740000002</v>
      </c>
      <c r="G8669">
        <v>36140.53082</v>
      </c>
      <c r="H8669">
        <v>35972.786520000001</v>
      </c>
      <c r="I8669">
        <v>16452.99552</v>
      </c>
      <c r="J8669">
        <v>24575.767599999999</v>
      </c>
      <c r="K8669">
        <v>43891.025730000001</v>
      </c>
      <c r="L8669">
        <v>17026.168699999998</v>
      </c>
      <c r="M8669">
        <v>204738.4889</v>
      </c>
      <c r="N8669">
        <v>60563.406580000003</v>
      </c>
      <c r="O8669">
        <v>21518.771400000001</v>
      </c>
      <c r="P8669">
        <v>30003.663400000001</v>
      </c>
      <c r="Q8669">
        <v>46588.908660000001</v>
      </c>
      <c r="R8669">
        <v>23520.804069999998</v>
      </c>
      <c r="S8669">
        <v>77683.320089999994</v>
      </c>
      <c r="T8669">
        <v>26178.599289999998</v>
      </c>
      <c r="U8669">
        <v>15121.18324</v>
      </c>
      <c r="W8669" s="83">
        <f>Bühler!N8701</f>
        <v>45653.12499997898</v>
      </c>
      <c r="X8669" s="83">
        <v>43462.125</v>
      </c>
      <c r="Y8669">
        <v>112499.4353</v>
      </c>
      <c r="Z8669">
        <v>14358.15813</v>
      </c>
      <c r="AA8669">
        <v>52372.085740000002</v>
      </c>
      <c r="AB8669">
        <v>36140.53082</v>
      </c>
      <c r="AC8669">
        <v>35972.786520000001</v>
      </c>
      <c r="AD8669">
        <v>16452.99552</v>
      </c>
      <c r="AE8669">
        <v>24575.767599999999</v>
      </c>
      <c r="AF8669">
        <v>43891.025730000001</v>
      </c>
      <c r="AG8669">
        <v>17026.168699999998</v>
      </c>
      <c r="AH8669">
        <v>204738.4889</v>
      </c>
      <c r="AI8669">
        <v>60563.406580000003</v>
      </c>
      <c r="AJ8669">
        <v>21518.771400000001</v>
      </c>
      <c r="AK8669">
        <v>30003.663400000001</v>
      </c>
      <c r="AL8669">
        <v>46588.908660000001</v>
      </c>
      <c r="AM8669">
        <v>23520.804069999998</v>
      </c>
      <c r="AN8669">
        <v>77683.320089999994</v>
      </c>
      <c r="AO8669">
        <v>26178.599289999998</v>
      </c>
      <c r="AP8669">
        <v>15121.18324</v>
      </c>
    </row>
    <row r="8670" spans="2:42" x14ac:dyDescent="0.3">
      <c r="B8670">
        <v>40.846294107361146</v>
      </c>
      <c r="C8670" s="83">
        <v>43462.166666666664</v>
      </c>
      <c r="D8670">
        <v>112839.6079</v>
      </c>
      <c r="E8670">
        <v>14501.67416</v>
      </c>
      <c r="F8670">
        <v>57073.723590000001</v>
      </c>
      <c r="G8670">
        <v>35966.149729999997</v>
      </c>
      <c r="H8670">
        <v>36310.862540000002</v>
      </c>
      <c r="I8670">
        <v>18390.300749999999</v>
      </c>
      <c r="J8670">
        <v>26029.536769999999</v>
      </c>
      <c r="K8670">
        <v>43171.932489999999</v>
      </c>
      <c r="L8670">
        <v>17212.26785</v>
      </c>
      <c r="M8670">
        <v>208253.45569999999</v>
      </c>
      <c r="N8670">
        <v>59342.062790000004</v>
      </c>
      <c r="O8670">
        <v>22287.850839999999</v>
      </c>
      <c r="P8670">
        <v>29438.738450000001</v>
      </c>
      <c r="Q8670">
        <v>47590.078970000002</v>
      </c>
      <c r="R8670">
        <v>22862.440500000001</v>
      </c>
      <c r="S8670">
        <v>78202.577130000005</v>
      </c>
      <c r="T8670">
        <v>26340.861440000001</v>
      </c>
      <c r="U8670">
        <v>15796.008599999999</v>
      </c>
      <c r="W8670" s="83">
        <f>Bühler!N8702</f>
        <v>45653.166666645644</v>
      </c>
      <c r="X8670" s="83">
        <v>43462.166666666664</v>
      </c>
      <c r="Y8670">
        <v>112839.6079</v>
      </c>
      <c r="Z8670">
        <v>14501.67416</v>
      </c>
      <c r="AA8670">
        <v>57073.723590000001</v>
      </c>
      <c r="AB8670">
        <v>35966.149729999997</v>
      </c>
      <c r="AC8670">
        <v>36310.862540000002</v>
      </c>
      <c r="AD8670">
        <v>18390.300749999999</v>
      </c>
      <c r="AE8670">
        <v>26029.536769999999</v>
      </c>
      <c r="AF8670">
        <v>43171.932489999999</v>
      </c>
      <c r="AG8670">
        <v>17212.26785</v>
      </c>
      <c r="AH8670">
        <v>208253.45569999999</v>
      </c>
      <c r="AI8670">
        <v>59342.062790000004</v>
      </c>
      <c r="AJ8670">
        <v>22287.850839999999</v>
      </c>
      <c r="AK8670">
        <v>29438.738450000001</v>
      </c>
      <c r="AL8670">
        <v>47590.078970000002</v>
      </c>
      <c r="AM8670">
        <v>22862.440500000001</v>
      </c>
      <c r="AN8670">
        <v>78202.577130000005</v>
      </c>
      <c r="AO8670">
        <v>26340.861440000001</v>
      </c>
      <c r="AP8670">
        <v>15796.008599999999</v>
      </c>
    </row>
    <row r="8671" spans="2:42" x14ac:dyDescent="0.3">
      <c r="B8671">
        <v>42.434143346137297</v>
      </c>
      <c r="C8671" s="83">
        <v>43462.208333333336</v>
      </c>
      <c r="D8671">
        <v>114424.9421</v>
      </c>
      <c r="E8671">
        <v>15553.938770000001</v>
      </c>
      <c r="F8671">
        <v>67763.252129999993</v>
      </c>
      <c r="G8671">
        <v>36315.814160000002</v>
      </c>
      <c r="H8671">
        <v>37101.797310000002</v>
      </c>
      <c r="I8671">
        <v>24703.286110000001</v>
      </c>
      <c r="J8671">
        <v>28199.155419999999</v>
      </c>
      <c r="K8671">
        <v>41973.610280000001</v>
      </c>
      <c r="L8671">
        <v>17859.63552</v>
      </c>
      <c r="M8671">
        <v>216349.05160000001</v>
      </c>
      <c r="N8671">
        <v>60088.684549999998</v>
      </c>
      <c r="O8671">
        <v>22152.762060000001</v>
      </c>
      <c r="P8671">
        <v>29883.74898</v>
      </c>
      <c r="Q8671">
        <v>48655.536099999998</v>
      </c>
      <c r="R8671">
        <v>24023.52896</v>
      </c>
      <c r="S8671">
        <v>80602.134120000002</v>
      </c>
      <c r="T8671">
        <v>27423.67295</v>
      </c>
      <c r="U8671">
        <v>16028.462659999999</v>
      </c>
      <c r="W8671" s="83">
        <f>Bühler!N8703</f>
        <v>45653.208333312308</v>
      </c>
      <c r="X8671" s="83">
        <v>43462.208333333336</v>
      </c>
      <c r="Y8671">
        <v>114424.9421</v>
      </c>
      <c r="Z8671">
        <v>15553.938770000001</v>
      </c>
      <c r="AA8671">
        <v>67763.252129999993</v>
      </c>
      <c r="AB8671">
        <v>36315.814160000002</v>
      </c>
      <c r="AC8671">
        <v>37101.797310000002</v>
      </c>
      <c r="AD8671">
        <v>24703.286110000001</v>
      </c>
      <c r="AE8671">
        <v>28199.155419999999</v>
      </c>
      <c r="AF8671">
        <v>41973.610280000001</v>
      </c>
      <c r="AG8671">
        <v>17859.63552</v>
      </c>
      <c r="AH8671">
        <v>216349.05160000001</v>
      </c>
      <c r="AI8671">
        <v>60088.684549999998</v>
      </c>
      <c r="AJ8671">
        <v>22152.762060000001</v>
      </c>
      <c r="AK8671">
        <v>29883.74898</v>
      </c>
      <c r="AL8671">
        <v>48655.536099999998</v>
      </c>
      <c r="AM8671">
        <v>24023.52896</v>
      </c>
      <c r="AN8671">
        <v>80602.134120000002</v>
      </c>
      <c r="AO8671">
        <v>27423.67295</v>
      </c>
      <c r="AP8671">
        <v>16028.462659999999</v>
      </c>
    </row>
    <row r="8672" spans="2:42" x14ac:dyDescent="0.3">
      <c r="B8672">
        <v>43.631431509004443</v>
      </c>
      <c r="C8672" s="83">
        <v>43462.25</v>
      </c>
      <c r="D8672">
        <v>116406.439</v>
      </c>
      <c r="E8672">
        <v>17996.39818</v>
      </c>
      <c r="F8672">
        <v>80365.966560000001</v>
      </c>
      <c r="G8672">
        <v>37874.212829999997</v>
      </c>
      <c r="H8672">
        <v>38069.451520000002</v>
      </c>
      <c r="I8672">
        <v>27984.020830000001</v>
      </c>
      <c r="J8672">
        <v>30746.833170000002</v>
      </c>
      <c r="K8672">
        <v>41213.771309999996</v>
      </c>
      <c r="L8672">
        <v>19336.697039999999</v>
      </c>
      <c r="M8672">
        <v>222453.38500000001</v>
      </c>
      <c r="N8672">
        <v>60440.557829999998</v>
      </c>
      <c r="O8672">
        <v>21902.206320000001</v>
      </c>
      <c r="P8672">
        <v>28845.78759</v>
      </c>
      <c r="Q8672">
        <v>50471.849820000003</v>
      </c>
      <c r="R8672">
        <v>19420.555499999999</v>
      </c>
      <c r="S8672">
        <v>85836.467399999994</v>
      </c>
      <c r="T8672">
        <v>28978.79567</v>
      </c>
      <c r="U8672">
        <v>15288.09294</v>
      </c>
      <c r="W8672" s="83">
        <f>Bühler!N8704</f>
        <v>45653.249999978972</v>
      </c>
      <c r="X8672" s="83">
        <v>43462.25</v>
      </c>
      <c r="Y8672">
        <v>116406.439</v>
      </c>
      <c r="Z8672">
        <v>17996.39818</v>
      </c>
      <c r="AA8672">
        <v>80365.966560000001</v>
      </c>
      <c r="AB8672">
        <v>37874.212829999997</v>
      </c>
      <c r="AC8672">
        <v>38069.451520000002</v>
      </c>
      <c r="AD8672">
        <v>27984.020830000001</v>
      </c>
      <c r="AE8672">
        <v>30746.833170000002</v>
      </c>
      <c r="AF8672">
        <v>41213.771309999996</v>
      </c>
      <c r="AG8672">
        <v>19336.697039999999</v>
      </c>
      <c r="AH8672">
        <v>222453.38500000001</v>
      </c>
      <c r="AI8672">
        <v>60440.557829999998</v>
      </c>
      <c r="AJ8672">
        <v>21902.206320000001</v>
      </c>
      <c r="AK8672">
        <v>28845.78759</v>
      </c>
      <c r="AL8672">
        <v>50471.849820000003</v>
      </c>
      <c r="AM8672">
        <v>19420.555499999999</v>
      </c>
      <c r="AN8672">
        <v>85836.467399999994</v>
      </c>
      <c r="AO8672">
        <v>28978.79567</v>
      </c>
      <c r="AP8672">
        <v>15288.09294</v>
      </c>
    </row>
    <row r="8673" spans="2:42" x14ac:dyDescent="0.3">
      <c r="B8673">
        <v>44.666346313987958</v>
      </c>
      <c r="C8673" s="83">
        <v>43462.291666666664</v>
      </c>
      <c r="D8673">
        <v>117394.6122</v>
      </c>
      <c r="E8673">
        <v>21210.874930000002</v>
      </c>
      <c r="F8673">
        <v>84773.756630000003</v>
      </c>
      <c r="G8673">
        <v>38783.407780000001</v>
      </c>
      <c r="H8673">
        <v>39128.852939999997</v>
      </c>
      <c r="I8673">
        <v>31277.360909999999</v>
      </c>
      <c r="J8673">
        <v>31856.103729999999</v>
      </c>
      <c r="K8673">
        <v>41067.314890000001</v>
      </c>
      <c r="L8673">
        <v>22727.662769999999</v>
      </c>
      <c r="M8673">
        <v>227729.8633</v>
      </c>
      <c r="N8673">
        <v>59929.838600000003</v>
      </c>
      <c r="O8673">
        <v>22628.37629</v>
      </c>
      <c r="P8673">
        <v>31420.278139999999</v>
      </c>
      <c r="Q8673">
        <v>50811.134700000002</v>
      </c>
      <c r="R8673">
        <v>19713.86076</v>
      </c>
      <c r="S8673">
        <v>94444.893309999999</v>
      </c>
      <c r="T8673">
        <v>28897.917150000001</v>
      </c>
      <c r="U8673">
        <v>15973.43634</v>
      </c>
      <c r="W8673" s="83">
        <f>Bühler!N8705</f>
        <v>45653.291666645637</v>
      </c>
      <c r="X8673" s="83">
        <v>43462.291666666664</v>
      </c>
      <c r="Y8673">
        <v>117394.6122</v>
      </c>
      <c r="Z8673">
        <v>21210.874930000002</v>
      </c>
      <c r="AA8673">
        <v>84773.756630000003</v>
      </c>
      <c r="AB8673">
        <v>38783.407780000001</v>
      </c>
      <c r="AC8673">
        <v>39128.852939999997</v>
      </c>
      <c r="AD8673">
        <v>31277.360909999999</v>
      </c>
      <c r="AE8673">
        <v>31856.103729999999</v>
      </c>
      <c r="AF8673">
        <v>41067.314890000001</v>
      </c>
      <c r="AG8673">
        <v>22727.662769999999</v>
      </c>
      <c r="AH8673">
        <v>227729.8633</v>
      </c>
      <c r="AI8673">
        <v>59929.838600000003</v>
      </c>
      <c r="AJ8673">
        <v>22628.37629</v>
      </c>
      <c r="AK8673">
        <v>31420.278139999999</v>
      </c>
      <c r="AL8673">
        <v>50811.134700000002</v>
      </c>
      <c r="AM8673">
        <v>19713.86076</v>
      </c>
      <c r="AN8673">
        <v>94444.893309999999</v>
      </c>
      <c r="AO8673">
        <v>28897.917150000001</v>
      </c>
      <c r="AP8673">
        <v>15973.43634</v>
      </c>
    </row>
    <row r="8674" spans="2:42" x14ac:dyDescent="0.3">
      <c r="B8674">
        <v>44.985012632647383</v>
      </c>
      <c r="C8674" s="83">
        <v>43462.333333333336</v>
      </c>
      <c r="D8674">
        <v>117299.2862</v>
      </c>
      <c r="E8674">
        <v>24890.875080000002</v>
      </c>
      <c r="F8674">
        <v>90393.630139999994</v>
      </c>
      <c r="G8674">
        <v>38320.966650000002</v>
      </c>
      <c r="H8674">
        <v>38725.197659999998</v>
      </c>
      <c r="I8674">
        <v>32530.82401</v>
      </c>
      <c r="J8674">
        <v>31298.952280000001</v>
      </c>
      <c r="K8674">
        <v>41116.220609999997</v>
      </c>
      <c r="L8674">
        <v>26325.31855</v>
      </c>
      <c r="M8674">
        <v>229354.57279999999</v>
      </c>
      <c r="N8674">
        <v>62348.485849999997</v>
      </c>
      <c r="O8674">
        <v>22975.059550000002</v>
      </c>
      <c r="P8674">
        <v>33707.735309999996</v>
      </c>
      <c r="Q8674">
        <v>50593.03097</v>
      </c>
      <c r="R8674">
        <v>19083.58323</v>
      </c>
      <c r="S8674">
        <v>99106.115390000006</v>
      </c>
      <c r="T8674">
        <v>29307.56885</v>
      </c>
      <c r="U8674">
        <v>16157.374879999999</v>
      </c>
      <c r="W8674" s="83">
        <f>Bühler!N8706</f>
        <v>45653.333333312301</v>
      </c>
      <c r="X8674" s="83">
        <v>43462.333333333336</v>
      </c>
      <c r="Y8674">
        <v>117299.2862</v>
      </c>
      <c r="Z8674">
        <v>24890.875080000002</v>
      </c>
      <c r="AA8674">
        <v>90393.630139999994</v>
      </c>
      <c r="AB8674">
        <v>38320.966650000002</v>
      </c>
      <c r="AC8674">
        <v>38725.197659999998</v>
      </c>
      <c r="AD8674">
        <v>32530.82401</v>
      </c>
      <c r="AE8674">
        <v>31298.952280000001</v>
      </c>
      <c r="AF8674">
        <v>41116.220609999997</v>
      </c>
      <c r="AG8674">
        <v>26325.31855</v>
      </c>
      <c r="AH8674">
        <v>229354.57279999999</v>
      </c>
      <c r="AI8674">
        <v>62348.485849999997</v>
      </c>
      <c r="AJ8674">
        <v>22975.059550000002</v>
      </c>
      <c r="AK8674">
        <v>33707.735309999996</v>
      </c>
      <c r="AL8674">
        <v>50593.03097</v>
      </c>
      <c r="AM8674">
        <v>19083.58323</v>
      </c>
      <c r="AN8674">
        <v>99106.115390000006</v>
      </c>
      <c r="AO8674">
        <v>29307.56885</v>
      </c>
      <c r="AP8674">
        <v>16157.374879999999</v>
      </c>
    </row>
    <row r="8675" spans="2:42" x14ac:dyDescent="0.3">
      <c r="B8675">
        <v>44.567306256423052</v>
      </c>
      <c r="C8675" s="83">
        <v>43462.375</v>
      </c>
      <c r="D8675">
        <v>116064.8389</v>
      </c>
      <c r="E8675">
        <v>27810.31738</v>
      </c>
      <c r="F8675">
        <v>93033.280790000004</v>
      </c>
      <c r="G8675">
        <v>37763.615559999998</v>
      </c>
      <c r="H8675">
        <v>37938.84244</v>
      </c>
      <c r="I8675">
        <v>31084.61349</v>
      </c>
      <c r="J8675">
        <v>30169.80027</v>
      </c>
      <c r="K8675">
        <v>39528.546779999997</v>
      </c>
      <c r="L8675">
        <v>28421.799220000001</v>
      </c>
      <c r="M8675">
        <v>227224.91089999999</v>
      </c>
      <c r="N8675">
        <v>67495.599109999996</v>
      </c>
      <c r="O8675">
        <v>22980.36161</v>
      </c>
      <c r="P8675">
        <v>36792.946250000001</v>
      </c>
      <c r="Q8675">
        <v>49978.173840000003</v>
      </c>
      <c r="R8675">
        <v>16986.489300000001</v>
      </c>
      <c r="S8675">
        <v>100399.0558</v>
      </c>
      <c r="T8675">
        <v>29719.100340000001</v>
      </c>
      <c r="U8675">
        <v>15329.053690000001</v>
      </c>
      <c r="W8675" s="83">
        <f>Bühler!N8707</f>
        <v>45653.374999978965</v>
      </c>
      <c r="X8675" s="83">
        <v>43462.375</v>
      </c>
      <c r="Y8675">
        <v>116064.8389</v>
      </c>
      <c r="Z8675">
        <v>27810.31738</v>
      </c>
      <c r="AA8675">
        <v>93033.280790000004</v>
      </c>
      <c r="AB8675">
        <v>37763.615559999998</v>
      </c>
      <c r="AC8675">
        <v>37938.84244</v>
      </c>
      <c r="AD8675">
        <v>31084.61349</v>
      </c>
      <c r="AE8675">
        <v>30169.80027</v>
      </c>
      <c r="AF8675">
        <v>39528.546779999997</v>
      </c>
      <c r="AG8675">
        <v>28421.799220000001</v>
      </c>
      <c r="AH8675">
        <v>227224.91089999999</v>
      </c>
      <c r="AI8675">
        <v>67495.599109999996</v>
      </c>
      <c r="AJ8675">
        <v>22980.36161</v>
      </c>
      <c r="AK8675">
        <v>36792.946250000001</v>
      </c>
      <c r="AL8675">
        <v>49978.173840000003</v>
      </c>
      <c r="AM8675">
        <v>16986.489300000001</v>
      </c>
      <c r="AN8675">
        <v>100399.0558</v>
      </c>
      <c r="AO8675">
        <v>29719.100340000001</v>
      </c>
      <c r="AP8675">
        <v>15329.053690000001</v>
      </c>
    </row>
    <row r="8676" spans="2:42" x14ac:dyDescent="0.3">
      <c r="B8676">
        <v>44.973278378464379</v>
      </c>
      <c r="C8676" s="83">
        <v>43462.416666666664</v>
      </c>
      <c r="D8676">
        <v>115215.598</v>
      </c>
      <c r="E8676">
        <v>29414.40004</v>
      </c>
      <c r="F8676">
        <v>94019.681949999998</v>
      </c>
      <c r="G8676">
        <v>37367.994610000002</v>
      </c>
      <c r="H8676">
        <v>38265.774819999999</v>
      </c>
      <c r="I8676">
        <v>29766.853940000001</v>
      </c>
      <c r="J8676">
        <v>29304.555550000001</v>
      </c>
      <c r="K8676">
        <v>41541.296329999997</v>
      </c>
      <c r="L8676">
        <v>30812.31495</v>
      </c>
      <c r="M8676">
        <v>229294.74609999999</v>
      </c>
      <c r="N8676">
        <v>67805.565549999999</v>
      </c>
      <c r="O8676">
        <v>22342.83295</v>
      </c>
      <c r="P8676">
        <v>37492.03297</v>
      </c>
      <c r="Q8676">
        <v>49959.317589999999</v>
      </c>
      <c r="R8676">
        <v>17714.551589999999</v>
      </c>
      <c r="S8676">
        <v>97629.953980000006</v>
      </c>
      <c r="T8676">
        <v>30756.684949999999</v>
      </c>
      <c r="U8676">
        <v>14945.53354</v>
      </c>
      <c r="W8676" s="83">
        <f>Bühler!N8708</f>
        <v>45653.416666645629</v>
      </c>
      <c r="X8676" s="83">
        <v>43462.416666666664</v>
      </c>
      <c r="Y8676">
        <v>115215.598</v>
      </c>
      <c r="Z8676">
        <v>29414.40004</v>
      </c>
      <c r="AA8676">
        <v>94019.681949999998</v>
      </c>
      <c r="AB8676">
        <v>37367.994610000002</v>
      </c>
      <c r="AC8676">
        <v>38265.774819999999</v>
      </c>
      <c r="AD8676">
        <v>29766.853940000001</v>
      </c>
      <c r="AE8676">
        <v>29304.555550000001</v>
      </c>
      <c r="AF8676">
        <v>41541.296329999997</v>
      </c>
      <c r="AG8676">
        <v>30812.31495</v>
      </c>
      <c r="AH8676">
        <v>229294.74609999999</v>
      </c>
      <c r="AI8676">
        <v>67805.565549999999</v>
      </c>
      <c r="AJ8676">
        <v>22342.83295</v>
      </c>
      <c r="AK8676">
        <v>37492.03297</v>
      </c>
      <c r="AL8676">
        <v>49959.317589999999</v>
      </c>
      <c r="AM8676">
        <v>17714.551589999999</v>
      </c>
      <c r="AN8676">
        <v>97629.953980000006</v>
      </c>
      <c r="AO8676">
        <v>30756.684949999999</v>
      </c>
      <c r="AP8676">
        <v>14945.53354</v>
      </c>
    </row>
    <row r="8677" spans="2:42" x14ac:dyDescent="0.3">
      <c r="B8677">
        <v>45.265687860063153</v>
      </c>
      <c r="C8677" s="83">
        <v>43462.458333333336</v>
      </c>
      <c r="D8677">
        <v>114413.5857</v>
      </c>
      <c r="E8677">
        <v>28920.309600000001</v>
      </c>
      <c r="F8677">
        <v>95011.936889999997</v>
      </c>
      <c r="G8677">
        <v>36914.638370000001</v>
      </c>
      <c r="H8677">
        <v>38242.729050000002</v>
      </c>
      <c r="I8677">
        <v>29594.304359999998</v>
      </c>
      <c r="J8677">
        <v>29377.72567</v>
      </c>
      <c r="K8677">
        <v>47067.380080000003</v>
      </c>
      <c r="L8677">
        <v>32006.131259999998</v>
      </c>
      <c r="M8677">
        <v>230785.58600000001</v>
      </c>
      <c r="N8677">
        <v>68413.939369999993</v>
      </c>
      <c r="O8677">
        <v>22371.369439999999</v>
      </c>
      <c r="P8677">
        <v>35871.137280000003</v>
      </c>
      <c r="Q8677">
        <v>50087.261930000001</v>
      </c>
      <c r="R8677">
        <v>20471.664980000001</v>
      </c>
      <c r="S8677">
        <v>98413.483970000001</v>
      </c>
      <c r="T8677">
        <v>30851.09072</v>
      </c>
      <c r="U8677">
        <v>14758.156349999999</v>
      </c>
      <c r="W8677" s="83">
        <f>Bühler!N8709</f>
        <v>45653.458333312294</v>
      </c>
      <c r="X8677" s="83">
        <v>43462.458333333336</v>
      </c>
      <c r="Y8677">
        <v>114413.5857</v>
      </c>
      <c r="Z8677">
        <v>28920.309600000001</v>
      </c>
      <c r="AA8677">
        <v>95011.936889999997</v>
      </c>
      <c r="AB8677">
        <v>36914.638370000001</v>
      </c>
      <c r="AC8677">
        <v>38242.729050000002</v>
      </c>
      <c r="AD8677">
        <v>29594.304359999998</v>
      </c>
      <c r="AE8677">
        <v>29377.72567</v>
      </c>
      <c r="AF8677">
        <v>47067.380080000003</v>
      </c>
      <c r="AG8677">
        <v>32006.131259999998</v>
      </c>
      <c r="AH8677">
        <v>230785.58600000001</v>
      </c>
      <c r="AI8677">
        <v>68413.939369999993</v>
      </c>
      <c r="AJ8677">
        <v>22371.369439999999</v>
      </c>
      <c r="AK8677">
        <v>35871.137280000003</v>
      </c>
      <c r="AL8677">
        <v>50087.261930000001</v>
      </c>
      <c r="AM8677">
        <v>20471.664980000001</v>
      </c>
      <c r="AN8677">
        <v>98413.483970000001</v>
      </c>
      <c r="AO8677">
        <v>30851.09072</v>
      </c>
      <c r="AP8677">
        <v>14758.156349999999</v>
      </c>
    </row>
    <row r="8678" spans="2:42" x14ac:dyDescent="0.3">
      <c r="B8678">
        <v>44.503824597764925</v>
      </c>
      <c r="C8678" s="83">
        <v>43462.5</v>
      </c>
      <c r="D8678">
        <v>113098.27370000001</v>
      </c>
      <c r="E8678">
        <v>26187.804759999999</v>
      </c>
      <c r="F8678">
        <v>94388.486520000006</v>
      </c>
      <c r="G8678">
        <v>36247.131909999996</v>
      </c>
      <c r="H8678">
        <v>37640.505709999998</v>
      </c>
      <c r="I8678">
        <v>28624.469710000001</v>
      </c>
      <c r="J8678">
        <v>29465.49584</v>
      </c>
      <c r="K8678">
        <v>47761.866520000003</v>
      </c>
      <c r="L8678">
        <v>33934.559450000001</v>
      </c>
      <c r="M8678">
        <v>226901.2518</v>
      </c>
      <c r="N8678">
        <v>66398.465540000005</v>
      </c>
      <c r="O8678">
        <v>22180.731660000001</v>
      </c>
      <c r="P8678">
        <v>34712.959690000003</v>
      </c>
      <c r="Q8678">
        <v>48229.628149999997</v>
      </c>
      <c r="R8678">
        <v>21146.454989999998</v>
      </c>
      <c r="S8678">
        <v>93225.95349</v>
      </c>
      <c r="T8678">
        <v>29532.375830000001</v>
      </c>
      <c r="U8678">
        <v>14115.66879</v>
      </c>
      <c r="W8678" s="83">
        <f>Bühler!N8710</f>
        <v>45653.499999978958</v>
      </c>
      <c r="X8678" s="83">
        <v>43462.5</v>
      </c>
      <c r="Y8678">
        <v>113098.27370000001</v>
      </c>
      <c r="Z8678">
        <v>26187.804759999999</v>
      </c>
      <c r="AA8678">
        <v>94388.486520000006</v>
      </c>
      <c r="AB8678">
        <v>36247.131909999996</v>
      </c>
      <c r="AC8678">
        <v>37640.505709999998</v>
      </c>
      <c r="AD8678">
        <v>28624.469710000001</v>
      </c>
      <c r="AE8678">
        <v>29465.49584</v>
      </c>
      <c r="AF8678">
        <v>47761.866520000003</v>
      </c>
      <c r="AG8678">
        <v>33934.559450000001</v>
      </c>
      <c r="AH8678">
        <v>226901.2518</v>
      </c>
      <c r="AI8678">
        <v>66398.465540000005</v>
      </c>
      <c r="AJ8678">
        <v>22180.731660000001</v>
      </c>
      <c r="AK8678">
        <v>34712.959690000003</v>
      </c>
      <c r="AL8678">
        <v>48229.628149999997</v>
      </c>
      <c r="AM8678">
        <v>21146.454989999998</v>
      </c>
      <c r="AN8678">
        <v>93225.95349</v>
      </c>
      <c r="AO8678">
        <v>29532.375830000001</v>
      </c>
      <c r="AP8678">
        <v>14115.66879</v>
      </c>
    </row>
    <row r="8679" spans="2:42" x14ac:dyDescent="0.3">
      <c r="B8679">
        <v>44.31833605345156</v>
      </c>
      <c r="C8679" s="83">
        <v>43462.541666666664</v>
      </c>
      <c r="D8679">
        <v>112561.2184</v>
      </c>
      <c r="E8679">
        <v>26008.72813</v>
      </c>
      <c r="F8679">
        <v>92855.157269999996</v>
      </c>
      <c r="G8679">
        <v>35978.173419999999</v>
      </c>
      <c r="H8679">
        <v>37190.760199999997</v>
      </c>
      <c r="I8679">
        <v>28861.946230000001</v>
      </c>
      <c r="J8679">
        <v>28650.497589999999</v>
      </c>
      <c r="K8679">
        <v>48932.231119999997</v>
      </c>
      <c r="L8679">
        <v>32832.900889999997</v>
      </c>
      <c r="M8679">
        <v>225955.5447</v>
      </c>
      <c r="N8679">
        <v>65337.941879999998</v>
      </c>
      <c r="O8679">
        <v>21707.775430000002</v>
      </c>
      <c r="P8679">
        <v>34012.730759999999</v>
      </c>
      <c r="Q8679">
        <v>46599.307130000001</v>
      </c>
      <c r="R8679">
        <v>21371.377789999999</v>
      </c>
      <c r="S8679">
        <v>94027.610910000003</v>
      </c>
      <c r="T8679">
        <v>29339.636050000001</v>
      </c>
      <c r="U8679">
        <v>13627.650439999999</v>
      </c>
      <c r="W8679" s="83">
        <f>Bühler!N8711</f>
        <v>45653.541666645622</v>
      </c>
      <c r="X8679" s="83">
        <v>43462.541666666664</v>
      </c>
      <c r="Y8679">
        <v>112561.2184</v>
      </c>
      <c r="Z8679">
        <v>26008.72813</v>
      </c>
      <c r="AA8679">
        <v>92855.157269999996</v>
      </c>
      <c r="AB8679">
        <v>35978.173419999999</v>
      </c>
      <c r="AC8679">
        <v>37190.760199999997</v>
      </c>
      <c r="AD8679">
        <v>28861.946230000001</v>
      </c>
      <c r="AE8679">
        <v>28650.497589999999</v>
      </c>
      <c r="AF8679">
        <v>48932.231119999997</v>
      </c>
      <c r="AG8679">
        <v>32832.900889999997</v>
      </c>
      <c r="AH8679">
        <v>225955.5447</v>
      </c>
      <c r="AI8679">
        <v>65337.941879999998</v>
      </c>
      <c r="AJ8679">
        <v>21707.775430000002</v>
      </c>
      <c r="AK8679">
        <v>34012.730759999999</v>
      </c>
      <c r="AL8679">
        <v>46599.307130000001</v>
      </c>
      <c r="AM8679">
        <v>21371.377789999999</v>
      </c>
      <c r="AN8679">
        <v>94027.610910000003</v>
      </c>
      <c r="AO8679">
        <v>29339.636050000001</v>
      </c>
      <c r="AP8679">
        <v>13627.650439999999</v>
      </c>
    </row>
    <row r="8680" spans="2:42" x14ac:dyDescent="0.3">
      <c r="B8680">
        <v>44.144544301075278</v>
      </c>
      <c r="C8680" s="83">
        <v>43462.583333333336</v>
      </c>
      <c r="D8680">
        <v>113011.1928</v>
      </c>
      <c r="E8680">
        <v>27591.318790000001</v>
      </c>
      <c r="F8680">
        <v>92133.442760000005</v>
      </c>
      <c r="G8680">
        <v>35343.865769999997</v>
      </c>
      <c r="H8680">
        <v>36927.43043</v>
      </c>
      <c r="I8680">
        <v>28872.474440000002</v>
      </c>
      <c r="J8680">
        <v>27729.392059999998</v>
      </c>
      <c r="K8680">
        <v>47849.477120000003</v>
      </c>
      <c r="L8680">
        <v>30366.829430000002</v>
      </c>
      <c r="M8680">
        <v>225069.47330000001</v>
      </c>
      <c r="N8680">
        <v>66102.069680000001</v>
      </c>
      <c r="O8680">
        <v>21680.03918</v>
      </c>
      <c r="P8680">
        <v>32225.555639999999</v>
      </c>
      <c r="Q8680">
        <v>45660.868170000002</v>
      </c>
      <c r="R8680">
        <v>20477.78513</v>
      </c>
      <c r="S8680">
        <v>90308.43634</v>
      </c>
      <c r="T8680">
        <v>28644.88754</v>
      </c>
      <c r="U8680">
        <v>13590.412</v>
      </c>
      <c r="W8680" s="83">
        <f>Bühler!N8712</f>
        <v>45653.583333312286</v>
      </c>
      <c r="X8680" s="83">
        <v>43462.583333333336</v>
      </c>
      <c r="Y8680">
        <v>113011.1928</v>
      </c>
      <c r="Z8680">
        <v>27591.318790000001</v>
      </c>
      <c r="AA8680">
        <v>92133.442760000005</v>
      </c>
      <c r="AB8680">
        <v>35343.865769999997</v>
      </c>
      <c r="AC8680">
        <v>36927.43043</v>
      </c>
      <c r="AD8680">
        <v>28872.474440000002</v>
      </c>
      <c r="AE8680">
        <v>27729.392059999998</v>
      </c>
      <c r="AF8680">
        <v>47849.477120000003</v>
      </c>
      <c r="AG8680">
        <v>30366.829430000002</v>
      </c>
      <c r="AH8680">
        <v>225069.47330000001</v>
      </c>
      <c r="AI8680">
        <v>66102.069680000001</v>
      </c>
      <c r="AJ8680">
        <v>21680.03918</v>
      </c>
      <c r="AK8680">
        <v>32225.555639999999</v>
      </c>
      <c r="AL8680">
        <v>45660.868170000002</v>
      </c>
      <c r="AM8680">
        <v>20477.78513</v>
      </c>
      <c r="AN8680">
        <v>90308.43634</v>
      </c>
      <c r="AO8680">
        <v>28644.88754</v>
      </c>
      <c r="AP8680">
        <v>13590.412</v>
      </c>
    </row>
    <row r="8681" spans="2:42" x14ac:dyDescent="0.3">
      <c r="B8681">
        <v>43.704228243376456</v>
      </c>
      <c r="C8681" s="83">
        <v>43462.625</v>
      </c>
      <c r="D8681">
        <v>113008.92230000001</v>
      </c>
      <c r="E8681">
        <v>27320.569619999998</v>
      </c>
      <c r="F8681">
        <v>92463.588780000005</v>
      </c>
      <c r="G8681">
        <v>35420.699030000003</v>
      </c>
      <c r="H8681">
        <v>36742.062089999999</v>
      </c>
      <c r="I8681">
        <v>29267.96687</v>
      </c>
      <c r="J8681">
        <v>27917.029139999999</v>
      </c>
      <c r="K8681">
        <v>46166.028810000003</v>
      </c>
      <c r="L8681">
        <v>28129.187020000001</v>
      </c>
      <c r="M8681">
        <v>222824.5367</v>
      </c>
      <c r="N8681">
        <v>65702.598970000006</v>
      </c>
      <c r="O8681">
        <v>21208.998390000001</v>
      </c>
      <c r="P8681">
        <v>30968.88767</v>
      </c>
      <c r="Q8681">
        <v>45733.897199999999</v>
      </c>
      <c r="R8681">
        <v>20625.741679999999</v>
      </c>
      <c r="S8681">
        <v>89397.871769999998</v>
      </c>
      <c r="T8681">
        <v>28843.095160000001</v>
      </c>
      <c r="U8681">
        <v>13699.95306</v>
      </c>
      <c r="W8681" s="83">
        <f>Bühler!N8713</f>
        <v>45653.624999978951</v>
      </c>
      <c r="X8681" s="83">
        <v>43462.625</v>
      </c>
      <c r="Y8681">
        <v>113008.92230000001</v>
      </c>
      <c r="Z8681">
        <v>27320.569619999998</v>
      </c>
      <c r="AA8681">
        <v>92463.588780000005</v>
      </c>
      <c r="AB8681">
        <v>35420.699030000003</v>
      </c>
      <c r="AC8681">
        <v>36742.062089999999</v>
      </c>
      <c r="AD8681">
        <v>29267.96687</v>
      </c>
      <c r="AE8681">
        <v>27917.029139999999</v>
      </c>
      <c r="AF8681">
        <v>46166.028810000003</v>
      </c>
      <c r="AG8681">
        <v>28129.187020000001</v>
      </c>
      <c r="AH8681">
        <v>222824.5367</v>
      </c>
      <c r="AI8681">
        <v>65702.598970000006</v>
      </c>
      <c r="AJ8681">
        <v>21208.998390000001</v>
      </c>
      <c r="AK8681">
        <v>30968.88767</v>
      </c>
      <c r="AL8681">
        <v>45733.897199999999</v>
      </c>
      <c r="AM8681">
        <v>20625.741679999999</v>
      </c>
      <c r="AN8681">
        <v>89397.871769999998</v>
      </c>
      <c r="AO8681">
        <v>28843.095160000001</v>
      </c>
      <c r="AP8681">
        <v>13699.95306</v>
      </c>
    </row>
    <row r="8682" spans="2:42" x14ac:dyDescent="0.3">
      <c r="B8682">
        <v>43.255573325097124</v>
      </c>
      <c r="C8682" s="83">
        <v>43462.666666666664</v>
      </c>
      <c r="D8682">
        <v>113155.3619</v>
      </c>
      <c r="E8682">
        <v>27226.34893</v>
      </c>
      <c r="F8682">
        <v>91374.410130000004</v>
      </c>
      <c r="G8682">
        <v>35834.094380000002</v>
      </c>
      <c r="H8682">
        <v>36528.753570000001</v>
      </c>
      <c r="I8682">
        <v>29807.007290000001</v>
      </c>
      <c r="J8682">
        <v>27373.20004</v>
      </c>
      <c r="K8682">
        <v>45215.8871</v>
      </c>
      <c r="L8682">
        <v>27576.32574</v>
      </c>
      <c r="M8682">
        <v>220537.08470000001</v>
      </c>
      <c r="N8682">
        <v>64210.092929999999</v>
      </c>
      <c r="O8682">
        <v>21410.528279999999</v>
      </c>
      <c r="P8682">
        <v>31562.293399999999</v>
      </c>
      <c r="Q8682">
        <v>45795.057489999999</v>
      </c>
      <c r="R8682">
        <v>19787.27521</v>
      </c>
      <c r="S8682">
        <v>90579.557549999998</v>
      </c>
      <c r="T8682">
        <v>29477.096699999998</v>
      </c>
      <c r="U8682">
        <v>14081.34024</v>
      </c>
      <c r="W8682" s="83">
        <f>Bühler!N8714</f>
        <v>45653.666666645615</v>
      </c>
      <c r="X8682" s="83">
        <v>43462.666666666664</v>
      </c>
      <c r="Y8682">
        <v>113155.3619</v>
      </c>
      <c r="Z8682">
        <v>27226.34893</v>
      </c>
      <c r="AA8682">
        <v>91374.410130000004</v>
      </c>
      <c r="AB8682">
        <v>35834.094380000002</v>
      </c>
      <c r="AC8682">
        <v>36528.753570000001</v>
      </c>
      <c r="AD8682">
        <v>29807.007290000001</v>
      </c>
      <c r="AE8682">
        <v>27373.20004</v>
      </c>
      <c r="AF8682">
        <v>45215.8871</v>
      </c>
      <c r="AG8682">
        <v>27576.32574</v>
      </c>
      <c r="AH8682">
        <v>220537.08470000001</v>
      </c>
      <c r="AI8682">
        <v>64210.092929999999</v>
      </c>
      <c r="AJ8682">
        <v>21410.528279999999</v>
      </c>
      <c r="AK8682">
        <v>31562.293399999999</v>
      </c>
      <c r="AL8682">
        <v>45795.057489999999</v>
      </c>
      <c r="AM8682">
        <v>19787.27521</v>
      </c>
      <c r="AN8682">
        <v>90579.557549999998</v>
      </c>
      <c r="AO8682">
        <v>29477.096699999998</v>
      </c>
      <c r="AP8682">
        <v>14081.34024</v>
      </c>
    </row>
    <row r="8683" spans="2:42" x14ac:dyDescent="0.3">
      <c r="B8683">
        <v>43.026226395731797</v>
      </c>
      <c r="C8683" s="83">
        <v>43462.708333333336</v>
      </c>
      <c r="D8683">
        <v>114465.3869</v>
      </c>
      <c r="E8683">
        <v>27379.703079999999</v>
      </c>
      <c r="F8683">
        <v>93681.287970000005</v>
      </c>
      <c r="G8683">
        <v>36951.875460000003</v>
      </c>
      <c r="H8683">
        <v>38881.264620000002</v>
      </c>
      <c r="I8683">
        <v>30463.821830000001</v>
      </c>
      <c r="J8683">
        <v>30502.167099999999</v>
      </c>
      <c r="K8683">
        <v>44639.803449999999</v>
      </c>
      <c r="L8683">
        <v>29315.502619999999</v>
      </c>
      <c r="M8683">
        <v>219367.7671</v>
      </c>
      <c r="N8683">
        <v>64233.273289999997</v>
      </c>
      <c r="O8683">
        <v>21876.637910000001</v>
      </c>
      <c r="P8683">
        <v>34371.252050000003</v>
      </c>
      <c r="Q8683">
        <v>45306.07533</v>
      </c>
      <c r="R8683">
        <v>20536.732759999999</v>
      </c>
      <c r="S8683">
        <v>96646.055479999995</v>
      </c>
      <c r="T8683">
        <v>30585.665980000002</v>
      </c>
      <c r="U8683">
        <v>15455.92218</v>
      </c>
      <c r="W8683" s="83">
        <f>Bühler!N8715</f>
        <v>45653.708333312279</v>
      </c>
      <c r="X8683" s="83">
        <v>43462.708333333336</v>
      </c>
      <c r="Y8683">
        <v>114465.3869</v>
      </c>
      <c r="Z8683">
        <v>27379.703079999999</v>
      </c>
      <c r="AA8683">
        <v>93681.287970000005</v>
      </c>
      <c r="AB8683">
        <v>36951.875460000003</v>
      </c>
      <c r="AC8683">
        <v>38881.264620000002</v>
      </c>
      <c r="AD8683">
        <v>30463.821830000001</v>
      </c>
      <c r="AE8683">
        <v>30502.167099999999</v>
      </c>
      <c r="AF8683">
        <v>44639.803449999999</v>
      </c>
      <c r="AG8683">
        <v>29315.502619999999</v>
      </c>
      <c r="AH8683">
        <v>219367.7671</v>
      </c>
      <c r="AI8683">
        <v>64233.273289999997</v>
      </c>
      <c r="AJ8683">
        <v>21876.637910000001</v>
      </c>
      <c r="AK8683">
        <v>34371.252050000003</v>
      </c>
      <c r="AL8683">
        <v>45306.07533</v>
      </c>
      <c r="AM8683">
        <v>20536.732759999999</v>
      </c>
      <c r="AN8683">
        <v>96646.055479999995</v>
      </c>
      <c r="AO8683">
        <v>30585.665980000002</v>
      </c>
      <c r="AP8683">
        <v>15455.92218</v>
      </c>
    </row>
    <row r="8684" spans="2:42" x14ac:dyDescent="0.3">
      <c r="B8684">
        <v>42.512282039869881</v>
      </c>
      <c r="C8684" s="83">
        <v>43462.75</v>
      </c>
      <c r="D8684">
        <v>116353.78389999999</v>
      </c>
      <c r="E8684">
        <v>25830.55502</v>
      </c>
      <c r="F8684">
        <v>91350.037089999998</v>
      </c>
      <c r="G8684">
        <v>37416.556470000003</v>
      </c>
      <c r="H8684">
        <v>38890.910839999997</v>
      </c>
      <c r="I8684">
        <v>30790.80445</v>
      </c>
      <c r="J8684">
        <v>30868.866050000001</v>
      </c>
      <c r="K8684">
        <v>40310.504110000002</v>
      </c>
      <c r="L8684">
        <v>31566.455760000001</v>
      </c>
      <c r="M8684">
        <v>216747.43909999999</v>
      </c>
      <c r="N8684">
        <v>64311.993139999999</v>
      </c>
      <c r="O8684">
        <v>21674.918379999999</v>
      </c>
      <c r="P8684">
        <v>37953.688620000001</v>
      </c>
      <c r="Q8684">
        <v>44759.573400000001</v>
      </c>
      <c r="R8684">
        <v>19313.419870000002</v>
      </c>
      <c r="S8684">
        <v>94834.058969999998</v>
      </c>
      <c r="T8684">
        <v>30389.741979999999</v>
      </c>
      <c r="U8684">
        <v>15181.593269999999</v>
      </c>
      <c r="W8684" s="83">
        <f>Bühler!N8716</f>
        <v>45653.749999978943</v>
      </c>
      <c r="X8684" s="83">
        <v>43462.75</v>
      </c>
      <c r="Y8684">
        <v>116353.78389999999</v>
      </c>
      <c r="Z8684">
        <v>25830.55502</v>
      </c>
      <c r="AA8684">
        <v>91350.037089999998</v>
      </c>
      <c r="AB8684">
        <v>37416.556470000003</v>
      </c>
      <c r="AC8684">
        <v>38890.910839999997</v>
      </c>
      <c r="AD8684">
        <v>30790.80445</v>
      </c>
      <c r="AE8684">
        <v>30868.866050000001</v>
      </c>
      <c r="AF8684">
        <v>40310.504110000002</v>
      </c>
      <c r="AG8684">
        <v>31566.455760000001</v>
      </c>
      <c r="AH8684">
        <v>216747.43909999999</v>
      </c>
      <c r="AI8684">
        <v>64311.993139999999</v>
      </c>
      <c r="AJ8684">
        <v>21674.918379999999</v>
      </c>
      <c r="AK8684">
        <v>37953.688620000001</v>
      </c>
      <c r="AL8684">
        <v>44759.573400000001</v>
      </c>
      <c r="AM8684">
        <v>19313.419870000002</v>
      </c>
      <c r="AN8684">
        <v>94834.058969999998</v>
      </c>
      <c r="AO8684">
        <v>30389.741979999999</v>
      </c>
      <c r="AP8684">
        <v>15181.593269999999</v>
      </c>
    </row>
    <row r="8685" spans="2:42" x14ac:dyDescent="0.3">
      <c r="B8685">
        <v>42.198803516564197</v>
      </c>
      <c r="C8685" s="83">
        <v>43462.791666666664</v>
      </c>
      <c r="D8685">
        <v>116627.1663</v>
      </c>
      <c r="E8685">
        <v>21393.62631</v>
      </c>
      <c r="F8685">
        <v>78602.908960000001</v>
      </c>
      <c r="G8685">
        <v>37331.325069999999</v>
      </c>
      <c r="H8685">
        <v>37673.292860000001</v>
      </c>
      <c r="I8685">
        <v>29825.058099999998</v>
      </c>
      <c r="J8685">
        <v>30129.368310000002</v>
      </c>
      <c r="K8685">
        <v>40178.230560000004</v>
      </c>
      <c r="L8685">
        <v>32548.347389999999</v>
      </c>
      <c r="M8685">
        <v>215149.17939999999</v>
      </c>
      <c r="N8685">
        <v>64544.608370000002</v>
      </c>
      <c r="O8685">
        <v>21748.823789999999</v>
      </c>
      <c r="P8685">
        <v>38765.608740000003</v>
      </c>
      <c r="Q8685">
        <v>43513.385450000002</v>
      </c>
      <c r="R8685">
        <v>19797.009750000001</v>
      </c>
      <c r="S8685">
        <v>93570.393429999996</v>
      </c>
      <c r="T8685">
        <v>29306.534380000001</v>
      </c>
      <c r="U8685">
        <v>14975.9465</v>
      </c>
      <c r="W8685" s="83">
        <f>Bühler!N8717</f>
        <v>45653.791666645608</v>
      </c>
      <c r="X8685" s="83">
        <v>43462.791666666664</v>
      </c>
      <c r="Y8685">
        <v>116627.1663</v>
      </c>
      <c r="Z8685">
        <v>21393.62631</v>
      </c>
      <c r="AA8685">
        <v>78602.908960000001</v>
      </c>
      <c r="AB8685">
        <v>37331.325069999999</v>
      </c>
      <c r="AC8685">
        <v>37673.292860000001</v>
      </c>
      <c r="AD8685">
        <v>29825.058099999998</v>
      </c>
      <c r="AE8685">
        <v>30129.368310000002</v>
      </c>
      <c r="AF8685">
        <v>40178.230560000004</v>
      </c>
      <c r="AG8685">
        <v>32548.347389999999</v>
      </c>
      <c r="AH8685">
        <v>215149.17939999999</v>
      </c>
      <c r="AI8685">
        <v>64544.608370000002</v>
      </c>
      <c r="AJ8685">
        <v>21748.823789999999</v>
      </c>
      <c r="AK8685">
        <v>38765.608740000003</v>
      </c>
      <c r="AL8685">
        <v>43513.385450000002</v>
      </c>
      <c r="AM8685">
        <v>19797.009750000001</v>
      </c>
      <c r="AN8685">
        <v>93570.393429999996</v>
      </c>
      <c r="AO8685">
        <v>29306.534380000001</v>
      </c>
      <c r="AP8685">
        <v>14975.9465</v>
      </c>
    </row>
    <row r="8686" spans="2:42" x14ac:dyDescent="0.3">
      <c r="B8686">
        <v>42.379276493786413</v>
      </c>
      <c r="C8686" s="83">
        <v>43462.833333333336</v>
      </c>
      <c r="D8686">
        <v>116401.6024</v>
      </c>
      <c r="E8686">
        <v>16515.510989999999</v>
      </c>
      <c r="F8686">
        <v>60006.774980000002</v>
      </c>
      <c r="G8686">
        <v>37066.467210000003</v>
      </c>
      <c r="H8686">
        <v>37280.06566</v>
      </c>
      <c r="I8686">
        <v>27986.419839999999</v>
      </c>
      <c r="J8686">
        <v>29301.672289999999</v>
      </c>
      <c r="K8686">
        <v>47698.08253</v>
      </c>
      <c r="L8686">
        <v>32495.637449999998</v>
      </c>
      <c r="M8686">
        <v>216069.31479999999</v>
      </c>
      <c r="N8686">
        <v>65830.010939999993</v>
      </c>
      <c r="O8686">
        <v>21669.72927</v>
      </c>
      <c r="P8686">
        <v>38470.751539999997</v>
      </c>
      <c r="Q8686">
        <v>43065.782279999999</v>
      </c>
      <c r="R8686">
        <v>21503.70249</v>
      </c>
      <c r="S8686">
        <v>86999.872310000006</v>
      </c>
      <c r="T8686">
        <v>28059.527959999999</v>
      </c>
      <c r="U8686">
        <v>14835.54428</v>
      </c>
      <c r="W8686" s="83">
        <f>Bühler!N8718</f>
        <v>45653.833333312272</v>
      </c>
      <c r="X8686" s="83">
        <v>43462.833333333336</v>
      </c>
      <c r="Y8686">
        <v>116401.6024</v>
      </c>
      <c r="Z8686">
        <v>16515.510989999999</v>
      </c>
      <c r="AA8686">
        <v>60006.774980000002</v>
      </c>
      <c r="AB8686">
        <v>37066.467210000003</v>
      </c>
      <c r="AC8686">
        <v>37280.06566</v>
      </c>
      <c r="AD8686">
        <v>27986.419839999999</v>
      </c>
      <c r="AE8686">
        <v>29301.672289999999</v>
      </c>
      <c r="AF8686">
        <v>47698.08253</v>
      </c>
      <c r="AG8686">
        <v>32495.637449999998</v>
      </c>
      <c r="AH8686">
        <v>216069.31479999999</v>
      </c>
      <c r="AI8686">
        <v>65830.010939999993</v>
      </c>
      <c r="AJ8686">
        <v>21669.72927</v>
      </c>
      <c r="AK8686">
        <v>38470.751539999997</v>
      </c>
      <c r="AL8686">
        <v>43065.782279999999</v>
      </c>
      <c r="AM8686">
        <v>21503.70249</v>
      </c>
      <c r="AN8686">
        <v>86999.872310000006</v>
      </c>
      <c r="AO8686">
        <v>28059.527959999999</v>
      </c>
      <c r="AP8686">
        <v>14835.54428</v>
      </c>
    </row>
    <row r="8687" spans="2:42" x14ac:dyDescent="0.3">
      <c r="B8687">
        <v>41.814655781022068</v>
      </c>
      <c r="C8687" s="83">
        <v>43462.875</v>
      </c>
      <c r="D8687">
        <v>116386.4758</v>
      </c>
      <c r="E8687">
        <v>14987.86068</v>
      </c>
      <c r="F8687">
        <v>52440.09143</v>
      </c>
      <c r="G8687">
        <v>36958.075920000003</v>
      </c>
      <c r="H8687">
        <v>36955.020360000002</v>
      </c>
      <c r="I8687">
        <v>25230.273280000001</v>
      </c>
      <c r="J8687">
        <v>28404.506430000001</v>
      </c>
      <c r="K8687">
        <v>48211.61148</v>
      </c>
      <c r="L8687">
        <v>29852.53901</v>
      </c>
      <c r="M8687">
        <v>213190.6151</v>
      </c>
      <c r="N8687">
        <v>65089.413540000001</v>
      </c>
      <c r="O8687">
        <v>21737.52462</v>
      </c>
      <c r="P8687">
        <v>37113.7307</v>
      </c>
      <c r="Q8687">
        <v>42588.783309999999</v>
      </c>
      <c r="R8687">
        <v>20494.784729999999</v>
      </c>
      <c r="S8687">
        <v>83484.475529999996</v>
      </c>
      <c r="T8687">
        <v>27234.01712</v>
      </c>
      <c r="U8687">
        <v>14643.713379999999</v>
      </c>
      <c r="W8687" s="83">
        <f>Bühler!N8719</f>
        <v>45653.874999978936</v>
      </c>
      <c r="X8687" s="83">
        <v>43462.875</v>
      </c>
      <c r="Y8687">
        <v>116386.4758</v>
      </c>
      <c r="Z8687">
        <v>14987.86068</v>
      </c>
      <c r="AA8687">
        <v>52440.09143</v>
      </c>
      <c r="AB8687">
        <v>36958.075920000003</v>
      </c>
      <c r="AC8687">
        <v>36955.020360000002</v>
      </c>
      <c r="AD8687">
        <v>25230.273280000001</v>
      </c>
      <c r="AE8687">
        <v>28404.506430000001</v>
      </c>
      <c r="AF8687">
        <v>48211.61148</v>
      </c>
      <c r="AG8687">
        <v>29852.53901</v>
      </c>
      <c r="AH8687">
        <v>213190.6151</v>
      </c>
      <c r="AI8687">
        <v>65089.413540000001</v>
      </c>
      <c r="AJ8687">
        <v>21737.52462</v>
      </c>
      <c r="AK8687">
        <v>37113.7307</v>
      </c>
      <c r="AL8687">
        <v>42588.783309999999</v>
      </c>
      <c r="AM8687">
        <v>20494.784729999999</v>
      </c>
      <c r="AN8687">
        <v>83484.475529999996</v>
      </c>
      <c r="AO8687">
        <v>27234.01712</v>
      </c>
      <c r="AP8687">
        <v>14643.713379999999</v>
      </c>
    </row>
    <row r="8688" spans="2:42" x14ac:dyDescent="0.3">
      <c r="B8688">
        <v>42.263566599784504</v>
      </c>
      <c r="C8688" s="83">
        <v>43462.916666666664</v>
      </c>
      <c r="D8688">
        <v>116423.80039999999</v>
      </c>
      <c r="E8688">
        <v>14692.9213</v>
      </c>
      <c r="F8688">
        <v>50257.911039999999</v>
      </c>
      <c r="G8688">
        <v>37204.287270000001</v>
      </c>
      <c r="H8688">
        <v>37054.761050000001</v>
      </c>
      <c r="I8688">
        <v>24588.922620000001</v>
      </c>
      <c r="J8688">
        <v>27872.835279999999</v>
      </c>
      <c r="K8688">
        <v>51495.917889999997</v>
      </c>
      <c r="L8688">
        <v>26818.37428</v>
      </c>
      <c r="M8688">
        <v>215479.37179999999</v>
      </c>
      <c r="N8688">
        <v>64823.838889999999</v>
      </c>
      <c r="O8688">
        <v>22247.54796</v>
      </c>
      <c r="P8688">
        <v>41334.380729999997</v>
      </c>
      <c r="Q8688">
        <v>43400.508090000003</v>
      </c>
      <c r="R8688">
        <v>27972.32591</v>
      </c>
      <c r="S8688">
        <v>82349.406069999997</v>
      </c>
      <c r="T8688">
        <v>25697.92021</v>
      </c>
      <c r="U8688">
        <v>15791.375120000001</v>
      </c>
      <c r="W8688" s="83">
        <f>Bühler!N8720</f>
        <v>45653.9166666456</v>
      </c>
      <c r="X8688" s="83">
        <v>43462.916666666664</v>
      </c>
      <c r="Y8688">
        <v>116423.80039999999</v>
      </c>
      <c r="Z8688">
        <v>14692.9213</v>
      </c>
      <c r="AA8688">
        <v>50257.911039999999</v>
      </c>
      <c r="AB8688">
        <v>37204.287270000001</v>
      </c>
      <c r="AC8688">
        <v>37054.761050000001</v>
      </c>
      <c r="AD8688">
        <v>24588.922620000001</v>
      </c>
      <c r="AE8688">
        <v>27872.835279999999</v>
      </c>
      <c r="AF8688">
        <v>51495.917889999997</v>
      </c>
      <c r="AG8688">
        <v>26818.37428</v>
      </c>
      <c r="AH8688">
        <v>215479.37179999999</v>
      </c>
      <c r="AI8688">
        <v>64823.838889999999</v>
      </c>
      <c r="AJ8688">
        <v>22247.54796</v>
      </c>
      <c r="AK8688">
        <v>41334.380729999997</v>
      </c>
      <c r="AL8688">
        <v>43400.508090000003</v>
      </c>
      <c r="AM8688">
        <v>27972.32591</v>
      </c>
      <c r="AN8688">
        <v>82349.406069999997</v>
      </c>
      <c r="AO8688">
        <v>25697.92021</v>
      </c>
      <c r="AP8688">
        <v>15791.375120000001</v>
      </c>
    </row>
    <row r="8689" spans="2:42" x14ac:dyDescent="0.3">
      <c r="B8689">
        <v>42.044605519113368</v>
      </c>
      <c r="C8689" s="83">
        <v>43462.958333333336</v>
      </c>
      <c r="D8689">
        <v>116432.4396</v>
      </c>
      <c r="E8689">
        <v>14601.79198</v>
      </c>
      <c r="F8689">
        <v>49082.39662</v>
      </c>
      <c r="G8689">
        <v>37092.484369999998</v>
      </c>
      <c r="H8689">
        <v>36645.962480000002</v>
      </c>
      <c r="I8689">
        <v>23787.020270000001</v>
      </c>
      <c r="J8689">
        <v>26513.585770000002</v>
      </c>
      <c r="K8689">
        <v>50349.721890000001</v>
      </c>
      <c r="L8689">
        <v>23435.089019999999</v>
      </c>
      <c r="M8689">
        <v>214363.0061</v>
      </c>
      <c r="N8689">
        <v>64736.735520000002</v>
      </c>
      <c r="O8689">
        <v>22263.902760000001</v>
      </c>
      <c r="P8689">
        <v>37792.706919999997</v>
      </c>
      <c r="Q8689">
        <v>43620.00546</v>
      </c>
      <c r="R8689">
        <v>28311.916819999999</v>
      </c>
      <c r="S8689">
        <v>80300.124259999997</v>
      </c>
      <c r="T8689">
        <v>28372.047869999999</v>
      </c>
      <c r="U8689">
        <v>14824.19657</v>
      </c>
      <c r="W8689" s="83">
        <f>Bühler!N8721</f>
        <v>45653.958333312265</v>
      </c>
      <c r="X8689" s="83">
        <v>43462.958333333336</v>
      </c>
      <c r="Y8689">
        <v>116432.4396</v>
      </c>
      <c r="Z8689">
        <v>14601.79198</v>
      </c>
      <c r="AA8689">
        <v>49082.39662</v>
      </c>
      <c r="AB8689">
        <v>37092.484369999998</v>
      </c>
      <c r="AC8689">
        <v>36645.962480000002</v>
      </c>
      <c r="AD8689">
        <v>23787.020270000001</v>
      </c>
      <c r="AE8689">
        <v>26513.585770000002</v>
      </c>
      <c r="AF8689">
        <v>50349.721890000001</v>
      </c>
      <c r="AG8689">
        <v>23435.089019999999</v>
      </c>
      <c r="AH8689">
        <v>214363.0061</v>
      </c>
      <c r="AI8689">
        <v>64736.735520000002</v>
      </c>
      <c r="AJ8689">
        <v>22263.902760000001</v>
      </c>
      <c r="AK8689">
        <v>37792.706919999997</v>
      </c>
      <c r="AL8689">
        <v>43620.00546</v>
      </c>
      <c r="AM8689">
        <v>28311.916819999999</v>
      </c>
      <c r="AN8689">
        <v>80300.124259999997</v>
      </c>
      <c r="AO8689">
        <v>28372.047869999999</v>
      </c>
      <c r="AP8689">
        <v>14824.19657</v>
      </c>
    </row>
    <row r="8690" spans="2:42" x14ac:dyDescent="0.3">
      <c r="B8690">
        <v>39.285554923007162</v>
      </c>
      <c r="C8690" s="83">
        <v>43463</v>
      </c>
      <c r="D8690">
        <v>111791.88</v>
      </c>
      <c r="E8690">
        <v>14407.86232</v>
      </c>
      <c r="F8690">
        <v>49998.52117</v>
      </c>
      <c r="G8690">
        <v>37375.63783</v>
      </c>
      <c r="H8690">
        <v>36326.966769999999</v>
      </c>
      <c r="I8690">
        <v>21414.312150000002</v>
      </c>
      <c r="J8690">
        <v>24859.639859999999</v>
      </c>
      <c r="K8690">
        <v>49014.740559999998</v>
      </c>
      <c r="L8690">
        <v>19938.335650000001</v>
      </c>
      <c r="M8690">
        <v>200296.07949999999</v>
      </c>
      <c r="N8690">
        <v>61863.956740000001</v>
      </c>
      <c r="O8690">
        <v>21557.095219999999</v>
      </c>
      <c r="P8690">
        <v>32121.80271</v>
      </c>
      <c r="Q8690">
        <v>41040.16663</v>
      </c>
      <c r="R8690">
        <v>25739.75244</v>
      </c>
      <c r="S8690">
        <v>79294.267879999999</v>
      </c>
      <c r="T8690">
        <v>26948.906510000001</v>
      </c>
      <c r="U8690">
        <v>15176.643400000001</v>
      </c>
      <c r="W8690" s="83">
        <f>Bühler!N8722</f>
        <v>45653.999999978929</v>
      </c>
      <c r="X8690" s="83">
        <v>43463</v>
      </c>
      <c r="Y8690">
        <v>111791.88</v>
      </c>
      <c r="Z8690">
        <v>14407.86232</v>
      </c>
      <c r="AA8690">
        <v>49998.52117</v>
      </c>
      <c r="AB8690">
        <v>37375.63783</v>
      </c>
      <c r="AC8690">
        <v>36326.966769999999</v>
      </c>
      <c r="AD8690">
        <v>21414.312150000002</v>
      </c>
      <c r="AE8690">
        <v>24859.639859999999</v>
      </c>
      <c r="AF8690">
        <v>49014.740559999998</v>
      </c>
      <c r="AG8690">
        <v>19938.335650000001</v>
      </c>
      <c r="AH8690">
        <v>200296.07949999999</v>
      </c>
      <c r="AI8690">
        <v>61863.956740000001</v>
      </c>
      <c r="AJ8690">
        <v>21557.095219999999</v>
      </c>
      <c r="AK8690">
        <v>32121.80271</v>
      </c>
      <c r="AL8690">
        <v>41040.16663</v>
      </c>
      <c r="AM8690">
        <v>25739.75244</v>
      </c>
      <c r="AN8690">
        <v>79294.267879999999</v>
      </c>
      <c r="AO8690">
        <v>26948.906510000001</v>
      </c>
      <c r="AP8690">
        <v>15176.643400000001</v>
      </c>
    </row>
    <row r="8691" spans="2:42" x14ac:dyDescent="0.3">
      <c r="B8691">
        <v>39.698112868656608</v>
      </c>
      <c r="C8691" s="83">
        <v>43463.041666666664</v>
      </c>
      <c r="D8691">
        <v>111957.0091</v>
      </c>
      <c r="E8691">
        <v>14329.91296</v>
      </c>
      <c r="F8691">
        <v>50738.13697</v>
      </c>
      <c r="G8691">
        <v>37139.49353</v>
      </c>
      <c r="H8691">
        <v>36068.797850000003</v>
      </c>
      <c r="I8691">
        <v>18294.98833</v>
      </c>
      <c r="J8691">
        <v>24365.630730000001</v>
      </c>
      <c r="K8691">
        <v>47831.07834</v>
      </c>
      <c r="L8691">
        <v>18461.441709999999</v>
      </c>
      <c r="M8691">
        <v>202399.49230000001</v>
      </c>
      <c r="N8691">
        <v>61086.945540000001</v>
      </c>
      <c r="O8691">
        <v>21493.714339999999</v>
      </c>
      <c r="P8691">
        <v>30867.97005</v>
      </c>
      <c r="Q8691">
        <v>43350.466670000002</v>
      </c>
      <c r="R8691">
        <v>25394.021789999999</v>
      </c>
      <c r="S8691">
        <v>78372.558690000005</v>
      </c>
      <c r="T8691">
        <v>26697.201059999999</v>
      </c>
      <c r="U8691">
        <v>15308.043379999999</v>
      </c>
      <c r="W8691" s="83">
        <f>Bühler!N8723</f>
        <v>45654.041666645593</v>
      </c>
      <c r="X8691" s="83">
        <v>43463.041666666664</v>
      </c>
      <c r="Y8691">
        <v>111957.0091</v>
      </c>
      <c r="Z8691">
        <v>14329.91296</v>
      </c>
      <c r="AA8691">
        <v>50738.13697</v>
      </c>
      <c r="AB8691">
        <v>37139.49353</v>
      </c>
      <c r="AC8691">
        <v>36068.797850000003</v>
      </c>
      <c r="AD8691">
        <v>18294.98833</v>
      </c>
      <c r="AE8691">
        <v>24365.630730000001</v>
      </c>
      <c r="AF8691">
        <v>47831.07834</v>
      </c>
      <c r="AG8691">
        <v>18461.441709999999</v>
      </c>
      <c r="AH8691">
        <v>202399.49230000001</v>
      </c>
      <c r="AI8691">
        <v>61086.945540000001</v>
      </c>
      <c r="AJ8691">
        <v>21493.714339999999</v>
      </c>
      <c r="AK8691">
        <v>30867.97005</v>
      </c>
      <c r="AL8691">
        <v>43350.466670000002</v>
      </c>
      <c r="AM8691">
        <v>25394.021789999999</v>
      </c>
      <c r="AN8691">
        <v>78372.558690000005</v>
      </c>
      <c r="AO8691">
        <v>26697.201059999999</v>
      </c>
      <c r="AP8691">
        <v>15308.043379999999</v>
      </c>
    </row>
    <row r="8692" spans="2:42" x14ac:dyDescent="0.3">
      <c r="B8692">
        <v>40.409966543188837</v>
      </c>
      <c r="C8692" s="83">
        <v>43463.083333333336</v>
      </c>
      <c r="D8692">
        <v>112172.6931</v>
      </c>
      <c r="E8692">
        <v>14419.32929</v>
      </c>
      <c r="F8692">
        <v>51946.646639999999</v>
      </c>
      <c r="G8692">
        <v>36661.824919999999</v>
      </c>
      <c r="H8692">
        <v>35560.33311</v>
      </c>
      <c r="I8692">
        <v>16732.244869999999</v>
      </c>
      <c r="J8692">
        <v>24390.568650000001</v>
      </c>
      <c r="K8692">
        <v>44533.743770000001</v>
      </c>
      <c r="L8692">
        <v>18066.736980000001</v>
      </c>
      <c r="M8692">
        <v>206028.85430000001</v>
      </c>
      <c r="N8692">
        <v>61180.246890000002</v>
      </c>
      <c r="O8692">
        <v>21545.78413</v>
      </c>
      <c r="P8692">
        <v>30966.949059999999</v>
      </c>
      <c r="Q8692">
        <v>46511.333689999999</v>
      </c>
      <c r="R8692">
        <v>23420.323179999999</v>
      </c>
      <c r="S8692">
        <v>77735.423680000007</v>
      </c>
      <c r="T8692">
        <v>26457.087380000001</v>
      </c>
      <c r="U8692">
        <v>15209.37824</v>
      </c>
      <c r="W8692" s="83">
        <f>Bühler!N8724</f>
        <v>45654.083333312257</v>
      </c>
      <c r="X8692" s="83">
        <v>43463.083333333336</v>
      </c>
      <c r="Y8692">
        <v>112172.6931</v>
      </c>
      <c r="Z8692">
        <v>14419.32929</v>
      </c>
      <c r="AA8692">
        <v>51946.646639999999</v>
      </c>
      <c r="AB8692">
        <v>36661.824919999999</v>
      </c>
      <c r="AC8692">
        <v>35560.33311</v>
      </c>
      <c r="AD8692">
        <v>16732.244869999999</v>
      </c>
      <c r="AE8692">
        <v>24390.568650000001</v>
      </c>
      <c r="AF8692">
        <v>44533.743770000001</v>
      </c>
      <c r="AG8692">
        <v>18066.736980000001</v>
      </c>
      <c r="AH8692">
        <v>206028.85430000001</v>
      </c>
      <c r="AI8692">
        <v>61180.246890000002</v>
      </c>
      <c r="AJ8692">
        <v>21545.78413</v>
      </c>
      <c r="AK8692">
        <v>30966.949059999999</v>
      </c>
      <c r="AL8692">
        <v>46511.333689999999</v>
      </c>
      <c r="AM8692">
        <v>23420.323179999999</v>
      </c>
      <c r="AN8692">
        <v>77735.423680000007</v>
      </c>
      <c r="AO8692">
        <v>26457.087380000001</v>
      </c>
      <c r="AP8692">
        <v>15209.37824</v>
      </c>
    </row>
    <row r="8693" spans="2:42" x14ac:dyDescent="0.3">
      <c r="B8693">
        <v>40.159916172254931</v>
      </c>
      <c r="C8693" s="83">
        <v>43463.125</v>
      </c>
      <c r="D8693">
        <v>112476.9418</v>
      </c>
      <c r="E8693">
        <v>14561.36901</v>
      </c>
      <c r="F8693">
        <v>52279.109819999998</v>
      </c>
      <c r="G8693">
        <v>36065.43939</v>
      </c>
      <c r="H8693">
        <v>35971.596490000004</v>
      </c>
      <c r="I8693">
        <v>16469.284199999998</v>
      </c>
      <c r="J8693">
        <v>24690.68953</v>
      </c>
      <c r="K8693">
        <v>44051.189769999997</v>
      </c>
      <c r="L8693">
        <v>17728.20217</v>
      </c>
      <c r="M8693">
        <v>204753.9809</v>
      </c>
      <c r="N8693">
        <v>60618.543590000001</v>
      </c>
      <c r="O8693">
        <v>21411.174900000002</v>
      </c>
      <c r="P8693">
        <v>29727.211039999998</v>
      </c>
      <c r="Q8693">
        <v>47376.997089999997</v>
      </c>
      <c r="R8693">
        <v>22973.538209999999</v>
      </c>
      <c r="S8693">
        <v>77312.934590000004</v>
      </c>
      <c r="T8693">
        <v>26472.68966</v>
      </c>
      <c r="U8693">
        <v>15267.922490000001</v>
      </c>
      <c r="W8693" s="83">
        <f>Bühler!N8725</f>
        <v>45654.124999978922</v>
      </c>
      <c r="X8693" s="83">
        <v>43463.125</v>
      </c>
      <c r="Y8693">
        <v>112476.9418</v>
      </c>
      <c r="Z8693">
        <v>14561.36901</v>
      </c>
      <c r="AA8693">
        <v>52279.109819999998</v>
      </c>
      <c r="AB8693">
        <v>36065.43939</v>
      </c>
      <c r="AC8693">
        <v>35971.596490000004</v>
      </c>
      <c r="AD8693">
        <v>16469.284199999998</v>
      </c>
      <c r="AE8693">
        <v>24690.68953</v>
      </c>
      <c r="AF8693">
        <v>44051.189769999997</v>
      </c>
      <c r="AG8693">
        <v>17728.20217</v>
      </c>
      <c r="AH8693">
        <v>204753.9809</v>
      </c>
      <c r="AI8693">
        <v>60618.543590000001</v>
      </c>
      <c r="AJ8693">
        <v>21411.174900000002</v>
      </c>
      <c r="AK8693">
        <v>29727.211039999998</v>
      </c>
      <c r="AL8693">
        <v>47376.997089999997</v>
      </c>
      <c r="AM8693">
        <v>22973.538209999999</v>
      </c>
      <c r="AN8693">
        <v>77312.934590000004</v>
      </c>
      <c r="AO8693">
        <v>26472.68966</v>
      </c>
      <c r="AP8693">
        <v>15267.922490000001</v>
      </c>
    </row>
    <row r="8694" spans="2:42" x14ac:dyDescent="0.3">
      <c r="B8694">
        <v>40.847065319670158</v>
      </c>
      <c r="C8694" s="83">
        <v>43463.166666666664</v>
      </c>
      <c r="D8694">
        <v>112814.31329999999</v>
      </c>
      <c r="E8694">
        <v>14509.007019999999</v>
      </c>
      <c r="F8694">
        <v>57131.614029999997</v>
      </c>
      <c r="G8694">
        <v>35819.987249999998</v>
      </c>
      <c r="H8694">
        <v>36195.043319999997</v>
      </c>
      <c r="I8694">
        <v>18189.631850000002</v>
      </c>
      <c r="J8694">
        <v>26098.27175</v>
      </c>
      <c r="K8694">
        <v>43192.955130000002</v>
      </c>
      <c r="L8694">
        <v>17796.825830000002</v>
      </c>
      <c r="M8694">
        <v>208257.38769999999</v>
      </c>
      <c r="N8694">
        <v>59425.996899999998</v>
      </c>
      <c r="O8694">
        <v>22142.208709999999</v>
      </c>
      <c r="P8694">
        <v>29592.02621</v>
      </c>
      <c r="Q8694">
        <v>49185.338790000002</v>
      </c>
      <c r="R8694">
        <v>23068.341560000001</v>
      </c>
      <c r="S8694">
        <v>78138.024720000001</v>
      </c>
      <c r="T8694">
        <v>26444.054370000002</v>
      </c>
      <c r="U8694">
        <v>15840.49114</v>
      </c>
      <c r="W8694" s="83">
        <f>Bühler!N8726</f>
        <v>45654.166666645586</v>
      </c>
      <c r="X8694" s="83">
        <v>43463.166666666664</v>
      </c>
      <c r="Y8694">
        <v>112814.31329999999</v>
      </c>
      <c r="Z8694">
        <v>14509.007019999999</v>
      </c>
      <c r="AA8694">
        <v>57131.614029999997</v>
      </c>
      <c r="AB8694">
        <v>35819.987249999998</v>
      </c>
      <c r="AC8694">
        <v>36195.043319999997</v>
      </c>
      <c r="AD8694">
        <v>18189.631850000002</v>
      </c>
      <c r="AE8694">
        <v>26098.27175</v>
      </c>
      <c r="AF8694">
        <v>43192.955130000002</v>
      </c>
      <c r="AG8694">
        <v>17796.825830000002</v>
      </c>
      <c r="AH8694">
        <v>208257.38769999999</v>
      </c>
      <c r="AI8694">
        <v>59425.996899999998</v>
      </c>
      <c r="AJ8694">
        <v>22142.208709999999</v>
      </c>
      <c r="AK8694">
        <v>29592.02621</v>
      </c>
      <c r="AL8694">
        <v>49185.338790000002</v>
      </c>
      <c r="AM8694">
        <v>23068.341560000001</v>
      </c>
      <c r="AN8694">
        <v>78138.024720000001</v>
      </c>
      <c r="AO8694">
        <v>26444.054370000002</v>
      </c>
      <c r="AP8694">
        <v>15840.49114</v>
      </c>
    </row>
    <row r="8695" spans="2:42" x14ac:dyDescent="0.3">
      <c r="B8695">
        <v>42.418516607691579</v>
      </c>
      <c r="C8695" s="83">
        <v>43463.208333333336</v>
      </c>
      <c r="D8695">
        <v>114381.82709999999</v>
      </c>
      <c r="E8695">
        <v>15341.493350000001</v>
      </c>
      <c r="F8695">
        <v>67880.24325</v>
      </c>
      <c r="G8695">
        <v>36125.954409999998</v>
      </c>
      <c r="H8695">
        <v>36972.10987</v>
      </c>
      <c r="I8695">
        <v>24642.515940000001</v>
      </c>
      <c r="J8695">
        <v>28152.533589999999</v>
      </c>
      <c r="K8695">
        <v>42169.370999999999</v>
      </c>
      <c r="L8695">
        <v>18368.147639999999</v>
      </c>
      <c r="M8695">
        <v>216269.3792</v>
      </c>
      <c r="N8695">
        <v>60351.337079999998</v>
      </c>
      <c r="O8695">
        <v>22071.907520000001</v>
      </c>
      <c r="P8695">
        <v>29918.607830000001</v>
      </c>
      <c r="Q8695">
        <v>51331.85757</v>
      </c>
      <c r="R8695">
        <v>24192.889220000001</v>
      </c>
      <c r="S8695">
        <v>80786.743289999999</v>
      </c>
      <c r="T8695">
        <v>27687.782670000001</v>
      </c>
      <c r="U8695">
        <v>16155.424849999999</v>
      </c>
      <c r="W8695" s="83">
        <f>Bühler!N8727</f>
        <v>45654.20833331225</v>
      </c>
      <c r="X8695" s="83">
        <v>43463.208333333336</v>
      </c>
      <c r="Y8695">
        <v>114381.82709999999</v>
      </c>
      <c r="Z8695">
        <v>15341.493350000001</v>
      </c>
      <c r="AA8695">
        <v>67880.24325</v>
      </c>
      <c r="AB8695">
        <v>36125.954409999998</v>
      </c>
      <c r="AC8695">
        <v>36972.10987</v>
      </c>
      <c r="AD8695">
        <v>24642.515940000001</v>
      </c>
      <c r="AE8695">
        <v>28152.533589999999</v>
      </c>
      <c r="AF8695">
        <v>42169.370999999999</v>
      </c>
      <c r="AG8695">
        <v>18368.147639999999</v>
      </c>
      <c r="AH8695">
        <v>216269.3792</v>
      </c>
      <c r="AI8695">
        <v>60351.337079999998</v>
      </c>
      <c r="AJ8695">
        <v>22071.907520000001</v>
      </c>
      <c r="AK8695">
        <v>29918.607830000001</v>
      </c>
      <c r="AL8695">
        <v>51331.85757</v>
      </c>
      <c r="AM8695">
        <v>24192.889220000001</v>
      </c>
      <c r="AN8695">
        <v>80786.743289999999</v>
      </c>
      <c r="AO8695">
        <v>27687.782670000001</v>
      </c>
      <c r="AP8695">
        <v>16155.424849999999</v>
      </c>
    </row>
    <row r="8696" spans="2:42" x14ac:dyDescent="0.3">
      <c r="B8696">
        <v>43.644532311386982</v>
      </c>
      <c r="C8696" s="83">
        <v>43463.25</v>
      </c>
      <c r="D8696">
        <v>116349.57339999999</v>
      </c>
      <c r="E8696">
        <v>17014.048289999999</v>
      </c>
      <c r="F8696">
        <v>80223.425889999999</v>
      </c>
      <c r="G8696">
        <v>37368.039629999999</v>
      </c>
      <c r="H8696">
        <v>37864.9185</v>
      </c>
      <c r="I8696">
        <v>27954.2428</v>
      </c>
      <c r="J8696">
        <v>30558.896239999998</v>
      </c>
      <c r="K8696">
        <v>41208.336360000001</v>
      </c>
      <c r="L8696">
        <v>19460.89762</v>
      </c>
      <c r="M8696">
        <v>222520.179</v>
      </c>
      <c r="N8696">
        <v>60415.105669999997</v>
      </c>
      <c r="O8696">
        <v>21713.576219999999</v>
      </c>
      <c r="P8696">
        <v>28694.520380000002</v>
      </c>
      <c r="Q8696">
        <v>52566.330110000003</v>
      </c>
      <c r="R8696">
        <v>19269.862369999999</v>
      </c>
      <c r="S8696">
        <v>85620.200209999995</v>
      </c>
      <c r="T8696">
        <v>28795.54221</v>
      </c>
      <c r="U8696">
        <v>15269.08971</v>
      </c>
      <c r="W8696" s="83">
        <f>Bühler!N8728</f>
        <v>45654.249999978914</v>
      </c>
      <c r="X8696" s="83">
        <v>43463.25</v>
      </c>
      <c r="Y8696">
        <v>116349.57339999999</v>
      </c>
      <c r="Z8696">
        <v>17014.048289999999</v>
      </c>
      <c r="AA8696">
        <v>80223.425889999999</v>
      </c>
      <c r="AB8696">
        <v>37368.039629999999</v>
      </c>
      <c r="AC8696">
        <v>37864.9185</v>
      </c>
      <c r="AD8696">
        <v>27954.2428</v>
      </c>
      <c r="AE8696">
        <v>30558.896239999998</v>
      </c>
      <c r="AF8696">
        <v>41208.336360000001</v>
      </c>
      <c r="AG8696">
        <v>19460.89762</v>
      </c>
      <c r="AH8696">
        <v>222520.179</v>
      </c>
      <c r="AI8696">
        <v>60415.105669999997</v>
      </c>
      <c r="AJ8696">
        <v>21713.576219999999</v>
      </c>
      <c r="AK8696">
        <v>28694.520380000002</v>
      </c>
      <c r="AL8696">
        <v>52566.330110000003</v>
      </c>
      <c r="AM8696">
        <v>19269.862369999999</v>
      </c>
      <c r="AN8696">
        <v>85620.200209999995</v>
      </c>
      <c r="AO8696">
        <v>28795.54221</v>
      </c>
      <c r="AP8696">
        <v>15269.08971</v>
      </c>
    </row>
    <row r="8697" spans="2:42" x14ac:dyDescent="0.3">
      <c r="B8697">
        <v>44.658482439381181</v>
      </c>
      <c r="C8697" s="83">
        <v>43463.291666666664</v>
      </c>
      <c r="D8697">
        <v>117220.1336</v>
      </c>
      <c r="E8697">
        <v>19870.601170000002</v>
      </c>
      <c r="F8697">
        <v>84619.729099999997</v>
      </c>
      <c r="G8697">
        <v>38021.265209999998</v>
      </c>
      <c r="H8697">
        <v>38674.817790000001</v>
      </c>
      <c r="I8697">
        <v>30759.399440000001</v>
      </c>
      <c r="J8697">
        <v>31580.11635</v>
      </c>
      <c r="K8697">
        <v>40918.077640000003</v>
      </c>
      <c r="L8697">
        <v>21671.68893</v>
      </c>
      <c r="M8697">
        <v>227689.7696</v>
      </c>
      <c r="N8697">
        <v>59676.696250000001</v>
      </c>
      <c r="O8697">
        <v>22461.24872</v>
      </c>
      <c r="P8697">
        <v>31177.55687</v>
      </c>
      <c r="Q8697">
        <v>52397.49454</v>
      </c>
      <c r="R8697">
        <v>19497.92556</v>
      </c>
      <c r="S8697">
        <v>93777.96587</v>
      </c>
      <c r="T8697">
        <v>28286.845799999999</v>
      </c>
      <c r="U8697">
        <v>15711.794620000001</v>
      </c>
      <c r="W8697" s="83">
        <f>Bühler!N8729</f>
        <v>45654.291666645579</v>
      </c>
      <c r="X8697" s="83">
        <v>43463.291666666664</v>
      </c>
      <c r="Y8697">
        <v>117220.1336</v>
      </c>
      <c r="Z8697">
        <v>19870.601170000002</v>
      </c>
      <c r="AA8697">
        <v>84619.729099999997</v>
      </c>
      <c r="AB8697">
        <v>38021.265209999998</v>
      </c>
      <c r="AC8697">
        <v>38674.817790000001</v>
      </c>
      <c r="AD8697">
        <v>30759.399440000001</v>
      </c>
      <c r="AE8697">
        <v>31580.11635</v>
      </c>
      <c r="AF8697">
        <v>40918.077640000003</v>
      </c>
      <c r="AG8697">
        <v>21671.68893</v>
      </c>
      <c r="AH8697">
        <v>227689.7696</v>
      </c>
      <c r="AI8697">
        <v>59676.696250000001</v>
      </c>
      <c r="AJ8697">
        <v>22461.24872</v>
      </c>
      <c r="AK8697">
        <v>31177.55687</v>
      </c>
      <c r="AL8697">
        <v>52397.49454</v>
      </c>
      <c r="AM8697">
        <v>19497.92556</v>
      </c>
      <c r="AN8697">
        <v>93777.96587</v>
      </c>
      <c r="AO8697">
        <v>28286.845799999999</v>
      </c>
      <c r="AP8697">
        <v>15711.794620000001</v>
      </c>
    </row>
    <row r="8698" spans="2:42" x14ac:dyDescent="0.3">
      <c r="B8698">
        <v>44.953676817269873</v>
      </c>
      <c r="C8698" s="83">
        <v>43463.333333333336</v>
      </c>
      <c r="D8698">
        <v>117067.2928</v>
      </c>
      <c r="E8698">
        <v>22826.860229999998</v>
      </c>
      <c r="F8698">
        <v>90590.48504</v>
      </c>
      <c r="G8698">
        <v>37467.056649999999</v>
      </c>
      <c r="H8698">
        <v>38124.068200000002</v>
      </c>
      <c r="I8698">
        <v>31925.913250000001</v>
      </c>
      <c r="J8698">
        <v>31079.666379999999</v>
      </c>
      <c r="K8698">
        <v>40905.571660000001</v>
      </c>
      <c r="L8698">
        <v>24642.296849999999</v>
      </c>
      <c r="M8698">
        <v>229194.8082</v>
      </c>
      <c r="N8698">
        <v>62283.381950000003</v>
      </c>
      <c r="O8698">
        <v>22705.092639999999</v>
      </c>
      <c r="P8698">
        <v>33619.499920000002</v>
      </c>
      <c r="Q8698">
        <v>51895.154699999999</v>
      </c>
      <c r="R8698">
        <v>18815.195380000001</v>
      </c>
      <c r="S8698">
        <v>98514.015140000003</v>
      </c>
      <c r="T8698">
        <v>28869.041150000001</v>
      </c>
      <c r="U8698">
        <v>15543.56494</v>
      </c>
      <c r="W8698" s="83">
        <f>Bühler!N8730</f>
        <v>45654.333333312243</v>
      </c>
      <c r="X8698" s="83">
        <v>43463.333333333336</v>
      </c>
      <c r="Y8698">
        <v>117067.2928</v>
      </c>
      <c r="Z8698">
        <v>22826.860229999998</v>
      </c>
      <c r="AA8698">
        <v>90590.48504</v>
      </c>
      <c r="AB8698">
        <v>37467.056649999999</v>
      </c>
      <c r="AC8698">
        <v>38124.068200000002</v>
      </c>
      <c r="AD8698">
        <v>31925.913250000001</v>
      </c>
      <c r="AE8698">
        <v>31079.666379999999</v>
      </c>
      <c r="AF8698">
        <v>40905.571660000001</v>
      </c>
      <c r="AG8698">
        <v>24642.296849999999</v>
      </c>
      <c r="AH8698">
        <v>229194.8082</v>
      </c>
      <c r="AI8698">
        <v>62283.381950000003</v>
      </c>
      <c r="AJ8698">
        <v>22705.092639999999</v>
      </c>
      <c r="AK8698">
        <v>33619.499920000002</v>
      </c>
      <c r="AL8698">
        <v>51895.154699999999</v>
      </c>
      <c r="AM8698">
        <v>18815.195380000001</v>
      </c>
      <c r="AN8698">
        <v>98514.015140000003</v>
      </c>
      <c r="AO8698">
        <v>28869.041150000001</v>
      </c>
      <c r="AP8698">
        <v>15543.56494</v>
      </c>
    </row>
    <row r="8699" spans="2:42" x14ac:dyDescent="0.3">
      <c r="B8699">
        <v>44.556201779860345</v>
      </c>
      <c r="C8699" s="83">
        <v>43463.375</v>
      </c>
      <c r="D8699">
        <v>115875.3968</v>
      </c>
      <c r="E8699">
        <v>25863.636600000002</v>
      </c>
      <c r="F8699">
        <v>93524.855979999993</v>
      </c>
      <c r="G8699">
        <v>37025.647969999998</v>
      </c>
      <c r="H8699">
        <v>37300.067320000002</v>
      </c>
      <c r="I8699">
        <v>30574.055469999999</v>
      </c>
      <c r="J8699">
        <v>30058.946980000001</v>
      </c>
      <c r="K8699">
        <v>39102.182480000003</v>
      </c>
      <c r="L8699">
        <v>26949.687709999998</v>
      </c>
      <c r="M8699">
        <v>227168.29509999999</v>
      </c>
      <c r="N8699">
        <v>67321.859570000001</v>
      </c>
      <c r="O8699">
        <v>22805.342509999999</v>
      </c>
      <c r="P8699">
        <v>36511.713329999999</v>
      </c>
      <c r="Q8699">
        <v>50968.999609999999</v>
      </c>
      <c r="R8699">
        <v>16892.29853</v>
      </c>
      <c r="S8699">
        <v>99883.663050000003</v>
      </c>
      <c r="T8699">
        <v>28951.574339999999</v>
      </c>
      <c r="U8699">
        <v>14850.957700000001</v>
      </c>
      <c r="W8699" s="83">
        <f>Bühler!N8731</f>
        <v>45654.374999978907</v>
      </c>
      <c r="X8699" s="83">
        <v>43463.375</v>
      </c>
      <c r="Y8699">
        <v>115875.3968</v>
      </c>
      <c r="Z8699">
        <v>25863.636600000002</v>
      </c>
      <c r="AA8699">
        <v>93524.855979999993</v>
      </c>
      <c r="AB8699">
        <v>37025.647969999998</v>
      </c>
      <c r="AC8699">
        <v>37300.067320000002</v>
      </c>
      <c r="AD8699">
        <v>30574.055469999999</v>
      </c>
      <c r="AE8699">
        <v>30058.946980000001</v>
      </c>
      <c r="AF8699">
        <v>39102.182480000003</v>
      </c>
      <c r="AG8699">
        <v>26949.687709999998</v>
      </c>
      <c r="AH8699">
        <v>227168.29509999999</v>
      </c>
      <c r="AI8699">
        <v>67321.859570000001</v>
      </c>
      <c r="AJ8699">
        <v>22805.342509999999</v>
      </c>
      <c r="AK8699">
        <v>36511.713329999999</v>
      </c>
      <c r="AL8699">
        <v>50968.999609999999</v>
      </c>
      <c r="AM8699">
        <v>16892.29853</v>
      </c>
      <c r="AN8699">
        <v>99883.663050000003</v>
      </c>
      <c r="AO8699">
        <v>28951.574339999999</v>
      </c>
      <c r="AP8699">
        <v>14850.957700000001</v>
      </c>
    </row>
    <row r="8700" spans="2:42" x14ac:dyDescent="0.3">
      <c r="B8700">
        <v>44.95030358719508</v>
      </c>
      <c r="C8700" s="83">
        <v>43463.416666666664</v>
      </c>
      <c r="D8700">
        <v>115048.7401</v>
      </c>
      <c r="E8700">
        <v>27394.33943</v>
      </c>
      <c r="F8700">
        <v>94351.286550000004</v>
      </c>
      <c r="G8700">
        <v>36685.037089999998</v>
      </c>
      <c r="H8700">
        <v>37667.72666</v>
      </c>
      <c r="I8700">
        <v>29109.20233</v>
      </c>
      <c r="J8700">
        <v>29400.568749999999</v>
      </c>
      <c r="K8700">
        <v>41289.516680000001</v>
      </c>
      <c r="L8700">
        <v>29167.79304</v>
      </c>
      <c r="M8700">
        <v>229177.60990000001</v>
      </c>
      <c r="N8700">
        <v>67738.904819999996</v>
      </c>
      <c r="O8700">
        <v>22160.260719999998</v>
      </c>
      <c r="P8700">
        <v>37634.917800000003</v>
      </c>
      <c r="Q8700">
        <v>51211.695509999998</v>
      </c>
      <c r="R8700">
        <v>17610.787250000001</v>
      </c>
      <c r="S8700">
        <v>96987.551290000003</v>
      </c>
      <c r="T8700">
        <v>29761.117610000001</v>
      </c>
      <c r="U8700">
        <v>14641.002130000001</v>
      </c>
      <c r="W8700" s="83">
        <f>Bühler!N8732</f>
        <v>45654.416666645571</v>
      </c>
      <c r="X8700" s="83">
        <v>43463.416666666664</v>
      </c>
      <c r="Y8700">
        <v>115048.7401</v>
      </c>
      <c r="Z8700">
        <v>27394.33943</v>
      </c>
      <c r="AA8700">
        <v>94351.286550000004</v>
      </c>
      <c r="AB8700">
        <v>36685.037089999998</v>
      </c>
      <c r="AC8700">
        <v>37667.72666</v>
      </c>
      <c r="AD8700">
        <v>29109.20233</v>
      </c>
      <c r="AE8700">
        <v>29400.568749999999</v>
      </c>
      <c r="AF8700">
        <v>41289.516680000001</v>
      </c>
      <c r="AG8700">
        <v>29167.79304</v>
      </c>
      <c r="AH8700">
        <v>229177.60990000001</v>
      </c>
      <c r="AI8700">
        <v>67738.904819999996</v>
      </c>
      <c r="AJ8700">
        <v>22160.260719999998</v>
      </c>
      <c r="AK8700">
        <v>37634.917800000003</v>
      </c>
      <c r="AL8700">
        <v>51211.695509999998</v>
      </c>
      <c r="AM8700">
        <v>17610.787250000001</v>
      </c>
      <c r="AN8700">
        <v>96987.551290000003</v>
      </c>
      <c r="AO8700">
        <v>29761.117610000001</v>
      </c>
      <c r="AP8700">
        <v>14641.002130000001</v>
      </c>
    </row>
    <row r="8701" spans="2:42" x14ac:dyDescent="0.3">
      <c r="B8701">
        <v>45.252441641402399</v>
      </c>
      <c r="C8701" s="83">
        <v>43463.458333333336</v>
      </c>
      <c r="D8701">
        <v>114303.0402</v>
      </c>
      <c r="E8701">
        <v>26838.444049999998</v>
      </c>
      <c r="F8701">
        <v>95193.757729999998</v>
      </c>
      <c r="G8701">
        <v>36316.204310000001</v>
      </c>
      <c r="H8701">
        <v>37640.958619999998</v>
      </c>
      <c r="I8701">
        <v>29022.924760000002</v>
      </c>
      <c r="J8701">
        <v>29221.414980000001</v>
      </c>
      <c r="K8701">
        <v>46551.548560000003</v>
      </c>
      <c r="L8701">
        <v>30459.30992</v>
      </c>
      <c r="M8701">
        <v>230718.05059999999</v>
      </c>
      <c r="N8701">
        <v>68087.364719999998</v>
      </c>
      <c r="O8701">
        <v>22156.300630000002</v>
      </c>
      <c r="P8701">
        <v>36075.441120000003</v>
      </c>
      <c r="Q8701">
        <v>51733.260560000002</v>
      </c>
      <c r="R8701">
        <v>20228.227050000001</v>
      </c>
      <c r="S8701">
        <v>97696.55</v>
      </c>
      <c r="T8701">
        <v>30060.815610000001</v>
      </c>
      <c r="U8701">
        <v>14380.279850000001</v>
      </c>
      <c r="W8701" s="83">
        <f>Bühler!N8733</f>
        <v>45654.458333312235</v>
      </c>
      <c r="X8701" s="83">
        <v>43463.458333333336</v>
      </c>
      <c r="Y8701">
        <v>114303.0402</v>
      </c>
      <c r="Z8701">
        <v>26838.444049999998</v>
      </c>
      <c r="AA8701">
        <v>95193.757729999998</v>
      </c>
      <c r="AB8701">
        <v>36316.204310000001</v>
      </c>
      <c r="AC8701">
        <v>37640.958619999998</v>
      </c>
      <c r="AD8701">
        <v>29022.924760000002</v>
      </c>
      <c r="AE8701">
        <v>29221.414980000001</v>
      </c>
      <c r="AF8701">
        <v>46551.548560000003</v>
      </c>
      <c r="AG8701">
        <v>30459.30992</v>
      </c>
      <c r="AH8701">
        <v>230718.05059999999</v>
      </c>
      <c r="AI8701">
        <v>68087.364719999998</v>
      </c>
      <c r="AJ8701">
        <v>22156.300630000002</v>
      </c>
      <c r="AK8701">
        <v>36075.441120000003</v>
      </c>
      <c r="AL8701">
        <v>51733.260560000002</v>
      </c>
      <c r="AM8701">
        <v>20228.227050000001</v>
      </c>
      <c r="AN8701">
        <v>97696.55</v>
      </c>
      <c r="AO8701">
        <v>30060.815610000001</v>
      </c>
      <c r="AP8701">
        <v>14380.279850000001</v>
      </c>
    </row>
    <row r="8702" spans="2:42" x14ac:dyDescent="0.3">
      <c r="B8702">
        <v>44.491828755113829</v>
      </c>
      <c r="C8702" s="83">
        <v>43463.5</v>
      </c>
      <c r="D8702">
        <v>113047.15700000001</v>
      </c>
      <c r="E8702">
        <v>25401.447039999999</v>
      </c>
      <c r="F8702">
        <v>94694.577290000001</v>
      </c>
      <c r="G8702">
        <v>35673.879419999997</v>
      </c>
      <c r="H8702">
        <v>37107.364569999998</v>
      </c>
      <c r="I8702">
        <v>27910.56265</v>
      </c>
      <c r="J8702">
        <v>28709.7179</v>
      </c>
      <c r="K8702">
        <v>47177.421540000003</v>
      </c>
      <c r="L8702">
        <v>32648.439689999999</v>
      </c>
      <c r="M8702">
        <v>226840.0914</v>
      </c>
      <c r="N8702">
        <v>66308.57965</v>
      </c>
      <c r="O8702">
        <v>22016.552739999999</v>
      </c>
      <c r="P8702">
        <v>36009.055460000003</v>
      </c>
      <c r="Q8702">
        <v>48951.93692</v>
      </c>
      <c r="R8702">
        <v>21047.845710000001</v>
      </c>
      <c r="S8702">
        <v>92502.932069999995</v>
      </c>
      <c r="T8702">
        <v>28766.243979999999</v>
      </c>
      <c r="U8702">
        <v>14041.17786</v>
      </c>
      <c r="W8702" s="83">
        <f>Bühler!N8734</f>
        <v>45654.4999999789</v>
      </c>
      <c r="X8702" s="83">
        <v>43463.5</v>
      </c>
      <c r="Y8702">
        <v>113047.15700000001</v>
      </c>
      <c r="Z8702">
        <v>25401.447039999999</v>
      </c>
      <c r="AA8702">
        <v>94694.577290000001</v>
      </c>
      <c r="AB8702">
        <v>35673.879419999997</v>
      </c>
      <c r="AC8702">
        <v>37107.364569999998</v>
      </c>
      <c r="AD8702">
        <v>27910.56265</v>
      </c>
      <c r="AE8702">
        <v>28709.7179</v>
      </c>
      <c r="AF8702">
        <v>47177.421540000003</v>
      </c>
      <c r="AG8702">
        <v>32648.439689999999</v>
      </c>
      <c r="AH8702">
        <v>226840.0914</v>
      </c>
      <c r="AI8702">
        <v>66308.57965</v>
      </c>
      <c r="AJ8702">
        <v>22016.552739999999</v>
      </c>
      <c r="AK8702">
        <v>36009.055460000003</v>
      </c>
      <c r="AL8702">
        <v>48951.93692</v>
      </c>
      <c r="AM8702">
        <v>21047.845710000001</v>
      </c>
      <c r="AN8702">
        <v>92502.932069999995</v>
      </c>
      <c r="AO8702">
        <v>28766.243979999999</v>
      </c>
      <c r="AP8702">
        <v>14041.17786</v>
      </c>
    </row>
    <row r="8703" spans="2:42" x14ac:dyDescent="0.3">
      <c r="B8703">
        <v>44.318033766470215</v>
      </c>
      <c r="C8703" s="83">
        <v>43463.541666666664</v>
      </c>
      <c r="D8703">
        <v>112481.0891</v>
      </c>
      <c r="E8703">
        <v>24817.54724</v>
      </c>
      <c r="F8703">
        <v>93152.721130000005</v>
      </c>
      <c r="G8703">
        <v>35467.406969999996</v>
      </c>
      <c r="H8703">
        <v>36593.664210000003</v>
      </c>
      <c r="I8703">
        <v>28039.300940000001</v>
      </c>
      <c r="J8703">
        <v>27877.286700000001</v>
      </c>
      <c r="K8703">
        <v>48403.526919999997</v>
      </c>
      <c r="L8703">
        <v>32152.646639999999</v>
      </c>
      <c r="M8703">
        <v>225954.00349999999</v>
      </c>
      <c r="N8703">
        <v>65045.742839999999</v>
      </c>
      <c r="O8703">
        <v>21629.197209999998</v>
      </c>
      <c r="P8703">
        <v>35337.338960000001</v>
      </c>
      <c r="Q8703">
        <v>46845.766409999997</v>
      </c>
      <c r="R8703">
        <v>21263.334429999999</v>
      </c>
      <c r="S8703">
        <v>93510.81366</v>
      </c>
      <c r="T8703">
        <v>28447.00664</v>
      </c>
      <c r="U8703">
        <v>13524.884840000001</v>
      </c>
      <c r="W8703" s="83">
        <f>Bühler!N8735</f>
        <v>45654.541666645564</v>
      </c>
      <c r="X8703" s="83">
        <v>43463.541666666664</v>
      </c>
      <c r="Y8703">
        <v>112481.0891</v>
      </c>
      <c r="Z8703">
        <v>24817.54724</v>
      </c>
      <c r="AA8703">
        <v>93152.721130000005</v>
      </c>
      <c r="AB8703">
        <v>35467.406969999996</v>
      </c>
      <c r="AC8703">
        <v>36593.664210000003</v>
      </c>
      <c r="AD8703">
        <v>28039.300940000001</v>
      </c>
      <c r="AE8703">
        <v>27877.286700000001</v>
      </c>
      <c r="AF8703">
        <v>48403.526919999997</v>
      </c>
      <c r="AG8703">
        <v>32152.646639999999</v>
      </c>
      <c r="AH8703">
        <v>225954.00349999999</v>
      </c>
      <c r="AI8703">
        <v>65045.742839999999</v>
      </c>
      <c r="AJ8703">
        <v>21629.197209999998</v>
      </c>
      <c r="AK8703">
        <v>35337.338960000001</v>
      </c>
      <c r="AL8703">
        <v>46845.766409999997</v>
      </c>
      <c r="AM8703">
        <v>21263.334429999999</v>
      </c>
      <c r="AN8703">
        <v>93510.81366</v>
      </c>
      <c r="AO8703">
        <v>28447.00664</v>
      </c>
      <c r="AP8703">
        <v>13524.884840000001</v>
      </c>
    </row>
    <row r="8704" spans="2:42" x14ac:dyDescent="0.3">
      <c r="B8704">
        <v>44.117053857753795</v>
      </c>
      <c r="C8704" s="83">
        <v>43463.583333333336</v>
      </c>
      <c r="D8704">
        <v>112970.3803</v>
      </c>
      <c r="E8704">
        <v>25531.827529999999</v>
      </c>
      <c r="F8704">
        <v>92367.563729999994</v>
      </c>
      <c r="G8704">
        <v>34894.51038</v>
      </c>
      <c r="H8704">
        <v>36201.519719999997</v>
      </c>
      <c r="I8704">
        <v>28141.965410000001</v>
      </c>
      <c r="J8704">
        <v>27313.135389999999</v>
      </c>
      <c r="K8704">
        <v>47803.398459999997</v>
      </c>
      <c r="L8704">
        <v>29855.588049999998</v>
      </c>
      <c r="M8704">
        <v>224929.31419999999</v>
      </c>
      <c r="N8704">
        <v>65893.038849999997</v>
      </c>
      <c r="O8704">
        <v>21526.283769999998</v>
      </c>
      <c r="P8704">
        <v>33484.113100000002</v>
      </c>
      <c r="Q8704">
        <v>46141.061880000001</v>
      </c>
      <c r="R8704">
        <v>20404.685519999999</v>
      </c>
      <c r="S8704">
        <v>89503.569289999999</v>
      </c>
      <c r="T8704">
        <v>27951.101600000002</v>
      </c>
      <c r="U8704">
        <v>13485.06612</v>
      </c>
      <c r="W8704" s="83">
        <f>Bühler!N8736</f>
        <v>45654.583333312228</v>
      </c>
      <c r="X8704" s="83">
        <v>43463.583333333336</v>
      </c>
      <c r="Y8704">
        <v>112970.3803</v>
      </c>
      <c r="Z8704">
        <v>25531.827529999999</v>
      </c>
      <c r="AA8704">
        <v>92367.563729999994</v>
      </c>
      <c r="AB8704">
        <v>34894.51038</v>
      </c>
      <c r="AC8704">
        <v>36201.519719999997</v>
      </c>
      <c r="AD8704">
        <v>28141.965410000001</v>
      </c>
      <c r="AE8704">
        <v>27313.135389999999</v>
      </c>
      <c r="AF8704">
        <v>47803.398459999997</v>
      </c>
      <c r="AG8704">
        <v>29855.588049999998</v>
      </c>
      <c r="AH8704">
        <v>224929.31419999999</v>
      </c>
      <c r="AI8704">
        <v>65893.038849999997</v>
      </c>
      <c r="AJ8704">
        <v>21526.283769999998</v>
      </c>
      <c r="AK8704">
        <v>33484.113100000002</v>
      </c>
      <c r="AL8704">
        <v>46141.061880000001</v>
      </c>
      <c r="AM8704">
        <v>20404.685519999999</v>
      </c>
      <c r="AN8704">
        <v>89503.569289999999</v>
      </c>
      <c r="AO8704">
        <v>27951.101600000002</v>
      </c>
      <c r="AP8704">
        <v>13485.06612</v>
      </c>
    </row>
    <row r="8705" spans="2:42" x14ac:dyDescent="0.3">
      <c r="B8705">
        <v>43.696330338928476</v>
      </c>
      <c r="C8705" s="83">
        <v>43463.625</v>
      </c>
      <c r="D8705">
        <v>112965.55250000001</v>
      </c>
      <c r="E8705">
        <v>25311.895420000001</v>
      </c>
      <c r="F8705">
        <v>92494.751120000001</v>
      </c>
      <c r="G8705">
        <v>34897.040730000001</v>
      </c>
      <c r="H8705">
        <v>36124.485359999999</v>
      </c>
      <c r="I8705">
        <v>28503.215929999998</v>
      </c>
      <c r="J8705">
        <v>26924.91836</v>
      </c>
      <c r="K8705">
        <v>46101.38063</v>
      </c>
      <c r="L8705">
        <v>27811.740419999998</v>
      </c>
      <c r="M8705">
        <v>222784.26949999999</v>
      </c>
      <c r="N8705">
        <v>65525.466979999997</v>
      </c>
      <c r="O8705">
        <v>21100.370889999998</v>
      </c>
      <c r="P8705">
        <v>32369.84762</v>
      </c>
      <c r="Q8705">
        <v>45908.631950000003</v>
      </c>
      <c r="R8705">
        <v>20530.12688</v>
      </c>
      <c r="S8705">
        <v>88989.601689999996</v>
      </c>
      <c r="T8705">
        <v>28519.88623</v>
      </c>
      <c r="U8705">
        <v>13608.259599999999</v>
      </c>
      <c r="W8705" s="83">
        <f>Bühler!N8737</f>
        <v>45654.624999978892</v>
      </c>
      <c r="X8705" s="83">
        <v>43463.625</v>
      </c>
      <c r="Y8705">
        <v>112965.55250000001</v>
      </c>
      <c r="Z8705">
        <v>25311.895420000001</v>
      </c>
      <c r="AA8705">
        <v>92494.751120000001</v>
      </c>
      <c r="AB8705">
        <v>34897.040730000001</v>
      </c>
      <c r="AC8705">
        <v>36124.485359999999</v>
      </c>
      <c r="AD8705">
        <v>28503.215929999998</v>
      </c>
      <c r="AE8705">
        <v>26924.91836</v>
      </c>
      <c r="AF8705">
        <v>46101.38063</v>
      </c>
      <c r="AG8705">
        <v>27811.740419999998</v>
      </c>
      <c r="AH8705">
        <v>222784.26949999999</v>
      </c>
      <c r="AI8705">
        <v>65525.466979999997</v>
      </c>
      <c r="AJ8705">
        <v>21100.370889999998</v>
      </c>
      <c r="AK8705">
        <v>32369.84762</v>
      </c>
      <c r="AL8705">
        <v>45908.631950000003</v>
      </c>
      <c r="AM8705">
        <v>20530.12688</v>
      </c>
      <c r="AN8705">
        <v>88989.601689999996</v>
      </c>
      <c r="AO8705">
        <v>28519.88623</v>
      </c>
      <c r="AP8705">
        <v>13608.259599999999</v>
      </c>
    </row>
    <row r="8706" spans="2:42" x14ac:dyDescent="0.3">
      <c r="B8706">
        <v>43.2386279352082</v>
      </c>
      <c r="C8706" s="83">
        <v>43463.666666666664</v>
      </c>
      <c r="D8706">
        <v>113133.89939999999</v>
      </c>
      <c r="E8706">
        <v>25255.67597</v>
      </c>
      <c r="F8706">
        <v>91212.504480000003</v>
      </c>
      <c r="G8706">
        <v>35391.165220000003</v>
      </c>
      <c r="H8706">
        <v>36012.924659999997</v>
      </c>
      <c r="I8706">
        <v>29159.323469999999</v>
      </c>
      <c r="J8706">
        <v>26974.52318</v>
      </c>
      <c r="K8706">
        <v>44875.913679999998</v>
      </c>
      <c r="L8706">
        <v>27619.379120000001</v>
      </c>
      <c r="M8706">
        <v>220450.68919999999</v>
      </c>
      <c r="N8706">
        <v>64058.443429999999</v>
      </c>
      <c r="O8706">
        <v>21242.487939999999</v>
      </c>
      <c r="P8706">
        <v>32718.45694</v>
      </c>
      <c r="Q8706">
        <v>46088.030570000003</v>
      </c>
      <c r="R8706">
        <v>19505.954870000001</v>
      </c>
      <c r="S8706">
        <v>90309.069950000005</v>
      </c>
      <c r="T8706">
        <v>29409.183659999999</v>
      </c>
      <c r="U8706">
        <v>14133.34777</v>
      </c>
      <c r="W8706" s="83">
        <f>Bühler!N8738</f>
        <v>45654.666666645557</v>
      </c>
      <c r="X8706" s="83">
        <v>43463.666666666664</v>
      </c>
      <c r="Y8706">
        <v>113133.89939999999</v>
      </c>
      <c r="Z8706">
        <v>25255.67597</v>
      </c>
      <c r="AA8706">
        <v>91212.504480000003</v>
      </c>
      <c r="AB8706">
        <v>35391.165220000003</v>
      </c>
      <c r="AC8706">
        <v>36012.924659999997</v>
      </c>
      <c r="AD8706">
        <v>29159.323469999999</v>
      </c>
      <c r="AE8706">
        <v>26974.52318</v>
      </c>
      <c r="AF8706">
        <v>44875.913679999998</v>
      </c>
      <c r="AG8706">
        <v>27619.379120000001</v>
      </c>
      <c r="AH8706">
        <v>220450.68919999999</v>
      </c>
      <c r="AI8706">
        <v>64058.443429999999</v>
      </c>
      <c r="AJ8706">
        <v>21242.487939999999</v>
      </c>
      <c r="AK8706">
        <v>32718.45694</v>
      </c>
      <c r="AL8706">
        <v>46088.030570000003</v>
      </c>
      <c r="AM8706">
        <v>19505.954870000001</v>
      </c>
      <c r="AN8706">
        <v>90309.069950000005</v>
      </c>
      <c r="AO8706">
        <v>29409.183659999999</v>
      </c>
      <c r="AP8706">
        <v>14133.34777</v>
      </c>
    </row>
    <row r="8707" spans="2:42" x14ac:dyDescent="0.3">
      <c r="B8707">
        <v>43.020882553452054</v>
      </c>
      <c r="C8707" s="83">
        <v>43463.708333333336</v>
      </c>
      <c r="D8707">
        <v>114451.65150000001</v>
      </c>
      <c r="E8707">
        <v>25781.37111</v>
      </c>
      <c r="F8707">
        <v>93621.532560000007</v>
      </c>
      <c r="G8707">
        <v>36389.976360000001</v>
      </c>
      <c r="H8707">
        <v>38353.530630000001</v>
      </c>
      <c r="I8707">
        <v>29918.69788</v>
      </c>
      <c r="J8707">
        <v>30075.890469999998</v>
      </c>
      <c r="K8707">
        <v>44618.906540000004</v>
      </c>
      <c r="L8707">
        <v>29092.281439999999</v>
      </c>
      <c r="M8707">
        <v>219340.52170000001</v>
      </c>
      <c r="N8707">
        <v>64119.289779999999</v>
      </c>
      <c r="O8707">
        <v>21753.460709999999</v>
      </c>
      <c r="P8707">
        <v>35812.61292</v>
      </c>
      <c r="Q8707">
        <v>45657.718339999999</v>
      </c>
      <c r="R8707">
        <v>20499.521959999998</v>
      </c>
      <c r="S8707">
        <v>96347.791500000007</v>
      </c>
      <c r="T8707">
        <v>30391.60108</v>
      </c>
      <c r="U8707">
        <v>15275.93419</v>
      </c>
      <c r="W8707" s="83">
        <f>Bühler!N8739</f>
        <v>45654.708333312221</v>
      </c>
      <c r="X8707" s="83">
        <v>43463.708333333336</v>
      </c>
      <c r="Y8707">
        <v>114451.65150000001</v>
      </c>
      <c r="Z8707">
        <v>25781.37111</v>
      </c>
      <c r="AA8707">
        <v>93621.532560000007</v>
      </c>
      <c r="AB8707">
        <v>36389.976360000001</v>
      </c>
      <c r="AC8707">
        <v>38353.530630000001</v>
      </c>
      <c r="AD8707">
        <v>29918.69788</v>
      </c>
      <c r="AE8707">
        <v>30075.890469999998</v>
      </c>
      <c r="AF8707">
        <v>44618.906540000004</v>
      </c>
      <c r="AG8707">
        <v>29092.281439999999</v>
      </c>
      <c r="AH8707">
        <v>219340.52170000001</v>
      </c>
      <c r="AI8707">
        <v>64119.289779999999</v>
      </c>
      <c r="AJ8707">
        <v>21753.460709999999</v>
      </c>
      <c r="AK8707">
        <v>35812.61292</v>
      </c>
      <c r="AL8707">
        <v>45657.718339999999</v>
      </c>
      <c r="AM8707">
        <v>20499.521959999998</v>
      </c>
      <c r="AN8707">
        <v>96347.791500000007</v>
      </c>
      <c r="AO8707">
        <v>30391.60108</v>
      </c>
      <c r="AP8707">
        <v>15275.93419</v>
      </c>
    </row>
    <row r="8708" spans="2:42" x14ac:dyDescent="0.3">
      <c r="B8708">
        <v>42.508492017791873</v>
      </c>
      <c r="C8708" s="83">
        <v>43463.75</v>
      </c>
      <c r="D8708">
        <v>116342.7604</v>
      </c>
      <c r="E8708">
        <v>24985.913130000001</v>
      </c>
      <c r="F8708">
        <v>91240.594549999994</v>
      </c>
      <c r="G8708">
        <v>37115.269099999998</v>
      </c>
      <c r="H8708">
        <v>38501.19008</v>
      </c>
      <c r="I8708">
        <v>30335.121299999999</v>
      </c>
      <c r="J8708">
        <v>30513.31854</v>
      </c>
      <c r="K8708">
        <v>40252.744570000003</v>
      </c>
      <c r="L8708">
        <v>31344.93651</v>
      </c>
      <c r="M8708">
        <v>216728.1158</v>
      </c>
      <c r="N8708">
        <v>64205.936829999999</v>
      </c>
      <c r="O8708">
        <v>21671.047129999999</v>
      </c>
      <c r="P8708">
        <v>39085.220959999999</v>
      </c>
      <c r="Q8708">
        <v>44950.989479999997</v>
      </c>
      <c r="R8708">
        <v>19246.990559999998</v>
      </c>
      <c r="S8708">
        <v>95087.835330000002</v>
      </c>
      <c r="T8708">
        <v>30273.044040000001</v>
      </c>
      <c r="U8708">
        <v>15135.84755</v>
      </c>
      <c r="W8708" s="83">
        <f>Bühler!N8740</f>
        <v>45654.749999978885</v>
      </c>
      <c r="X8708" s="83">
        <v>43463.75</v>
      </c>
      <c r="Y8708">
        <v>116342.7604</v>
      </c>
      <c r="Z8708">
        <v>24985.913130000001</v>
      </c>
      <c r="AA8708">
        <v>91240.594549999994</v>
      </c>
      <c r="AB8708">
        <v>37115.269099999998</v>
      </c>
      <c r="AC8708">
        <v>38501.19008</v>
      </c>
      <c r="AD8708">
        <v>30335.121299999999</v>
      </c>
      <c r="AE8708">
        <v>30513.31854</v>
      </c>
      <c r="AF8708">
        <v>40252.744570000003</v>
      </c>
      <c r="AG8708">
        <v>31344.93651</v>
      </c>
      <c r="AH8708">
        <v>216728.1158</v>
      </c>
      <c r="AI8708">
        <v>64205.936829999999</v>
      </c>
      <c r="AJ8708">
        <v>21671.047129999999</v>
      </c>
      <c r="AK8708">
        <v>39085.220959999999</v>
      </c>
      <c r="AL8708">
        <v>44950.989479999997</v>
      </c>
      <c r="AM8708">
        <v>19246.990559999998</v>
      </c>
      <c r="AN8708">
        <v>95087.835330000002</v>
      </c>
      <c r="AO8708">
        <v>30273.044040000001</v>
      </c>
      <c r="AP8708">
        <v>15135.84755</v>
      </c>
    </row>
    <row r="8709" spans="2:42" x14ac:dyDescent="0.3">
      <c r="B8709">
        <v>42.202077187288012</v>
      </c>
      <c r="C8709" s="83">
        <v>43463.791666666664</v>
      </c>
      <c r="D8709">
        <v>116644.92570000001</v>
      </c>
      <c r="E8709">
        <v>21038.306909999999</v>
      </c>
      <c r="F8709">
        <v>78274.340590000007</v>
      </c>
      <c r="G8709">
        <v>37364.241390000003</v>
      </c>
      <c r="H8709">
        <v>37485.345280000001</v>
      </c>
      <c r="I8709">
        <v>29569.414629999999</v>
      </c>
      <c r="J8709">
        <v>30042.839100000001</v>
      </c>
      <c r="K8709">
        <v>40106.779670000004</v>
      </c>
      <c r="L8709">
        <v>32033.253659999998</v>
      </c>
      <c r="M8709">
        <v>215165.8701</v>
      </c>
      <c r="N8709">
        <v>64357.376360000002</v>
      </c>
      <c r="O8709">
        <v>21842.25981</v>
      </c>
      <c r="P8709">
        <v>39690.217100000002</v>
      </c>
      <c r="Q8709">
        <v>43832.41994</v>
      </c>
      <c r="R8709">
        <v>19683.866170000001</v>
      </c>
      <c r="S8709">
        <v>93684.835439999995</v>
      </c>
      <c r="T8709">
        <v>28717.71269</v>
      </c>
      <c r="U8709">
        <v>15086.541219999999</v>
      </c>
      <c r="W8709" s="83">
        <f>Bühler!N8741</f>
        <v>45654.791666645549</v>
      </c>
      <c r="X8709" s="83">
        <v>43463.791666666664</v>
      </c>
      <c r="Y8709">
        <v>116644.92570000001</v>
      </c>
      <c r="Z8709">
        <v>21038.306909999999</v>
      </c>
      <c r="AA8709">
        <v>78274.340590000007</v>
      </c>
      <c r="AB8709">
        <v>37364.241390000003</v>
      </c>
      <c r="AC8709">
        <v>37485.345280000001</v>
      </c>
      <c r="AD8709">
        <v>29569.414629999999</v>
      </c>
      <c r="AE8709">
        <v>30042.839100000001</v>
      </c>
      <c r="AF8709">
        <v>40106.779670000004</v>
      </c>
      <c r="AG8709">
        <v>32033.253659999998</v>
      </c>
      <c r="AH8709">
        <v>215165.8701</v>
      </c>
      <c r="AI8709">
        <v>64357.376360000002</v>
      </c>
      <c r="AJ8709">
        <v>21842.25981</v>
      </c>
      <c r="AK8709">
        <v>39690.217100000002</v>
      </c>
      <c r="AL8709">
        <v>43832.41994</v>
      </c>
      <c r="AM8709">
        <v>19683.866170000001</v>
      </c>
      <c r="AN8709">
        <v>93684.835439999995</v>
      </c>
      <c r="AO8709">
        <v>28717.71269</v>
      </c>
      <c r="AP8709">
        <v>15086.541219999999</v>
      </c>
    </row>
    <row r="8710" spans="2:42" x14ac:dyDescent="0.3">
      <c r="B8710">
        <v>42.382834740283151</v>
      </c>
      <c r="C8710" s="83">
        <v>43463.833333333336</v>
      </c>
      <c r="D8710">
        <v>116424.96219999999</v>
      </c>
      <c r="E8710">
        <v>16267.09447</v>
      </c>
      <c r="F8710">
        <v>59688.323859999997</v>
      </c>
      <c r="G8710">
        <v>37041.269939999998</v>
      </c>
      <c r="H8710">
        <v>37339.299279999999</v>
      </c>
      <c r="I8710">
        <v>27711.804929999998</v>
      </c>
      <c r="J8710">
        <v>29249.50043</v>
      </c>
      <c r="K8710">
        <v>47448.362099999998</v>
      </c>
      <c r="L8710">
        <v>31554.67956</v>
      </c>
      <c r="M8710">
        <v>216087.4564</v>
      </c>
      <c r="N8710">
        <v>65535.032090000001</v>
      </c>
      <c r="O8710">
        <v>21775.63018</v>
      </c>
      <c r="P8710">
        <v>39565.77332</v>
      </c>
      <c r="Q8710">
        <v>43056.351719999999</v>
      </c>
      <c r="R8710">
        <v>21469.83654</v>
      </c>
      <c r="S8710">
        <v>87077.714070000002</v>
      </c>
      <c r="T8710">
        <v>25993.149730000001</v>
      </c>
      <c r="U8710">
        <v>14973.052750000001</v>
      </c>
      <c r="W8710" s="83">
        <f>Bühler!N8742</f>
        <v>45654.833333312214</v>
      </c>
      <c r="X8710" s="83">
        <v>43463.833333333336</v>
      </c>
      <c r="Y8710">
        <v>116424.96219999999</v>
      </c>
      <c r="Z8710">
        <v>16267.09447</v>
      </c>
      <c r="AA8710">
        <v>59688.323859999997</v>
      </c>
      <c r="AB8710">
        <v>37041.269939999998</v>
      </c>
      <c r="AC8710">
        <v>37339.299279999999</v>
      </c>
      <c r="AD8710">
        <v>27711.804929999998</v>
      </c>
      <c r="AE8710">
        <v>29249.50043</v>
      </c>
      <c r="AF8710">
        <v>47448.362099999998</v>
      </c>
      <c r="AG8710">
        <v>31554.67956</v>
      </c>
      <c r="AH8710">
        <v>216087.4564</v>
      </c>
      <c r="AI8710">
        <v>65535.032090000001</v>
      </c>
      <c r="AJ8710">
        <v>21775.63018</v>
      </c>
      <c r="AK8710">
        <v>39565.77332</v>
      </c>
      <c r="AL8710">
        <v>43056.351719999999</v>
      </c>
      <c r="AM8710">
        <v>21469.83654</v>
      </c>
      <c r="AN8710">
        <v>87077.714070000002</v>
      </c>
      <c r="AO8710">
        <v>25993.149730000001</v>
      </c>
      <c r="AP8710">
        <v>14973.052750000001</v>
      </c>
    </row>
    <row r="8711" spans="2:42" x14ac:dyDescent="0.3">
      <c r="B8711">
        <v>41.814367655161966</v>
      </c>
      <c r="C8711" s="83">
        <v>43463.875</v>
      </c>
      <c r="D8711">
        <v>116404.5194</v>
      </c>
      <c r="E8711">
        <v>14799.16805</v>
      </c>
      <c r="F8711">
        <v>52197.614200000004</v>
      </c>
      <c r="G8711">
        <v>36957.818639999998</v>
      </c>
      <c r="H8711">
        <v>36932.368909999997</v>
      </c>
      <c r="I8711">
        <v>25137.611150000001</v>
      </c>
      <c r="J8711">
        <v>28444.008570000002</v>
      </c>
      <c r="K8711">
        <v>48156.017010000003</v>
      </c>
      <c r="L8711">
        <v>29586.751059999999</v>
      </c>
      <c r="M8711">
        <v>213189.14610000001</v>
      </c>
      <c r="N8711">
        <v>64780.770450000004</v>
      </c>
      <c r="O8711">
        <v>21855.16085</v>
      </c>
      <c r="P8711">
        <v>38252.276100000003</v>
      </c>
      <c r="Q8711">
        <v>42486.937980000002</v>
      </c>
      <c r="R8711">
        <v>20496.04536</v>
      </c>
      <c r="S8711">
        <v>83456.952210000003</v>
      </c>
      <c r="T8711">
        <v>25528.03629</v>
      </c>
      <c r="U8711">
        <v>14672.598910000001</v>
      </c>
      <c r="W8711" s="83">
        <f>Bühler!N8743</f>
        <v>45654.874999978878</v>
      </c>
      <c r="X8711" s="83">
        <v>43463.875</v>
      </c>
      <c r="Y8711">
        <v>116404.5194</v>
      </c>
      <c r="Z8711">
        <v>14799.16805</v>
      </c>
      <c r="AA8711">
        <v>52197.614200000004</v>
      </c>
      <c r="AB8711">
        <v>36957.818639999998</v>
      </c>
      <c r="AC8711">
        <v>36932.368909999997</v>
      </c>
      <c r="AD8711">
        <v>25137.611150000001</v>
      </c>
      <c r="AE8711">
        <v>28444.008570000002</v>
      </c>
      <c r="AF8711">
        <v>48156.017010000003</v>
      </c>
      <c r="AG8711">
        <v>29586.751059999999</v>
      </c>
      <c r="AH8711">
        <v>213189.14610000001</v>
      </c>
      <c r="AI8711">
        <v>64780.770450000004</v>
      </c>
      <c r="AJ8711">
        <v>21855.16085</v>
      </c>
      <c r="AK8711">
        <v>38252.276100000003</v>
      </c>
      <c r="AL8711">
        <v>42486.937980000002</v>
      </c>
      <c r="AM8711">
        <v>20496.04536</v>
      </c>
      <c r="AN8711">
        <v>83456.952210000003</v>
      </c>
      <c r="AO8711">
        <v>25528.03629</v>
      </c>
      <c r="AP8711">
        <v>14672.598910000001</v>
      </c>
    </row>
    <row r="8712" spans="2:42" x14ac:dyDescent="0.3">
      <c r="B8712">
        <v>42.259376633907081</v>
      </c>
      <c r="C8712" s="83">
        <v>43463.916666666664</v>
      </c>
      <c r="D8712">
        <v>116445.7311</v>
      </c>
      <c r="E8712">
        <v>14455.28918</v>
      </c>
      <c r="F8712">
        <v>50002.889990000003</v>
      </c>
      <c r="G8712">
        <v>37412.616929999997</v>
      </c>
      <c r="H8712">
        <v>37011.050430000003</v>
      </c>
      <c r="I8712">
        <v>24523.61493</v>
      </c>
      <c r="J8712">
        <v>28024.657080000001</v>
      </c>
      <c r="K8712">
        <v>51582.791960000002</v>
      </c>
      <c r="L8712">
        <v>26861.668839999998</v>
      </c>
      <c r="M8712">
        <v>215458.00940000001</v>
      </c>
      <c r="N8712">
        <v>64597.014510000001</v>
      </c>
      <c r="O8712">
        <v>22452.348979999999</v>
      </c>
      <c r="P8712">
        <v>42864.056879999996</v>
      </c>
      <c r="Q8712">
        <v>43350.299789999997</v>
      </c>
      <c r="R8712">
        <v>27922.043099999999</v>
      </c>
      <c r="S8712">
        <v>82050.215979999994</v>
      </c>
      <c r="T8712">
        <v>25427.853179999998</v>
      </c>
      <c r="U8712">
        <v>15777.225</v>
      </c>
      <c r="W8712" s="83">
        <f>Bühler!N8744</f>
        <v>45654.916666645542</v>
      </c>
      <c r="X8712" s="83">
        <v>43463.916666666664</v>
      </c>
      <c r="Y8712">
        <v>116445.7311</v>
      </c>
      <c r="Z8712">
        <v>14455.28918</v>
      </c>
      <c r="AA8712">
        <v>50002.889990000003</v>
      </c>
      <c r="AB8712">
        <v>37412.616929999997</v>
      </c>
      <c r="AC8712">
        <v>37011.050430000003</v>
      </c>
      <c r="AD8712">
        <v>24523.61493</v>
      </c>
      <c r="AE8712">
        <v>28024.657080000001</v>
      </c>
      <c r="AF8712">
        <v>51582.791960000002</v>
      </c>
      <c r="AG8712">
        <v>26861.668839999998</v>
      </c>
      <c r="AH8712">
        <v>215458.00940000001</v>
      </c>
      <c r="AI8712">
        <v>64597.014510000001</v>
      </c>
      <c r="AJ8712">
        <v>22452.348979999999</v>
      </c>
      <c r="AK8712">
        <v>42864.056879999996</v>
      </c>
      <c r="AL8712">
        <v>43350.299789999997</v>
      </c>
      <c r="AM8712">
        <v>27922.043099999999</v>
      </c>
      <c r="AN8712">
        <v>82050.215979999994</v>
      </c>
      <c r="AO8712">
        <v>25427.853179999998</v>
      </c>
      <c r="AP8712">
        <v>15777.225</v>
      </c>
    </row>
    <row r="8713" spans="2:42" x14ac:dyDescent="0.3">
      <c r="B8713">
        <v>42.041400496484201</v>
      </c>
      <c r="C8713" s="83">
        <v>43463.958333333336</v>
      </c>
      <c r="D8713">
        <v>116453.5045</v>
      </c>
      <c r="E8713">
        <v>14560.99848</v>
      </c>
      <c r="F8713">
        <v>48817.588170000003</v>
      </c>
      <c r="G8713">
        <v>37313.45177</v>
      </c>
      <c r="H8713">
        <v>36676.9136</v>
      </c>
      <c r="I8713">
        <v>23783.909449999999</v>
      </c>
      <c r="J8713">
        <v>26267.57734</v>
      </c>
      <c r="K8713">
        <v>50449.281920000001</v>
      </c>
      <c r="L8713">
        <v>23089.467850000001</v>
      </c>
      <c r="M8713">
        <v>214346.6654</v>
      </c>
      <c r="N8713">
        <v>64711.429759999999</v>
      </c>
      <c r="O8713">
        <v>22384.702590000001</v>
      </c>
      <c r="P8713">
        <v>38654.777309999998</v>
      </c>
      <c r="Q8713">
        <v>42840.567569999999</v>
      </c>
      <c r="R8713">
        <v>27997.504369999999</v>
      </c>
      <c r="S8713">
        <v>80465.581879999998</v>
      </c>
      <c r="T8713">
        <v>28182.639650000001</v>
      </c>
      <c r="U8713">
        <v>15015.16958</v>
      </c>
      <c r="W8713" s="83">
        <f>Bühler!N8745</f>
        <v>45654.958333312206</v>
      </c>
      <c r="X8713" s="83">
        <v>43463.958333333336</v>
      </c>
      <c r="Y8713">
        <v>116453.5045</v>
      </c>
      <c r="Z8713">
        <v>14560.99848</v>
      </c>
      <c r="AA8713">
        <v>48817.588170000003</v>
      </c>
      <c r="AB8713">
        <v>37313.45177</v>
      </c>
      <c r="AC8713">
        <v>36676.9136</v>
      </c>
      <c r="AD8713">
        <v>23783.909449999999</v>
      </c>
      <c r="AE8713">
        <v>26267.57734</v>
      </c>
      <c r="AF8713">
        <v>50449.281920000001</v>
      </c>
      <c r="AG8713">
        <v>23089.467850000001</v>
      </c>
      <c r="AH8713">
        <v>214346.6654</v>
      </c>
      <c r="AI8713">
        <v>64711.429759999999</v>
      </c>
      <c r="AJ8713">
        <v>22384.702590000001</v>
      </c>
      <c r="AK8713">
        <v>38654.777309999998</v>
      </c>
      <c r="AL8713">
        <v>42840.567569999999</v>
      </c>
      <c r="AM8713">
        <v>27997.504369999999</v>
      </c>
      <c r="AN8713">
        <v>80465.581879999998</v>
      </c>
      <c r="AO8713">
        <v>28182.639650000001</v>
      </c>
      <c r="AP8713">
        <v>15015.16958</v>
      </c>
    </row>
    <row r="8714" spans="2:42" x14ac:dyDescent="0.3">
      <c r="B8714">
        <v>39.629072813002338</v>
      </c>
      <c r="C8714" s="83">
        <v>43464</v>
      </c>
      <c r="D8714">
        <v>113943.3195</v>
      </c>
      <c r="E8714">
        <v>14253.565619999999</v>
      </c>
      <c r="F8714">
        <v>48635.712489999998</v>
      </c>
      <c r="G8714">
        <v>36966.230539999997</v>
      </c>
      <c r="H8714">
        <v>36257.848259999999</v>
      </c>
      <c r="I8714">
        <v>22118.05096</v>
      </c>
      <c r="J8714">
        <v>24710.360960000002</v>
      </c>
      <c r="K8714">
        <v>49143.291499999999</v>
      </c>
      <c r="L8714">
        <v>19110.467420000001</v>
      </c>
      <c r="M8714">
        <v>202047.4939</v>
      </c>
      <c r="N8714">
        <v>63717.092080000002</v>
      </c>
      <c r="O8714">
        <v>22014.505349999999</v>
      </c>
      <c r="P8714">
        <v>33869.432610000003</v>
      </c>
      <c r="Q8714">
        <v>41671.040549999998</v>
      </c>
      <c r="R8714">
        <v>25968.72884</v>
      </c>
      <c r="S8714">
        <v>80037.714569999996</v>
      </c>
      <c r="T8714">
        <v>27168.45161</v>
      </c>
      <c r="U8714">
        <v>15163.15962</v>
      </c>
      <c r="W8714" s="83">
        <f>Bühler!N8746</f>
        <v>45654.999999978871</v>
      </c>
      <c r="X8714" s="83">
        <v>43464</v>
      </c>
      <c r="Y8714">
        <v>113943.3195</v>
      </c>
      <c r="Z8714">
        <v>14253.565619999999</v>
      </c>
      <c r="AA8714">
        <v>48635.712489999998</v>
      </c>
      <c r="AB8714">
        <v>36966.230539999997</v>
      </c>
      <c r="AC8714">
        <v>36257.848259999999</v>
      </c>
      <c r="AD8714">
        <v>22118.05096</v>
      </c>
      <c r="AE8714">
        <v>24710.360960000002</v>
      </c>
      <c r="AF8714">
        <v>49143.291499999999</v>
      </c>
      <c r="AG8714">
        <v>19110.467420000001</v>
      </c>
      <c r="AH8714">
        <v>202047.4939</v>
      </c>
      <c r="AI8714">
        <v>63717.092080000002</v>
      </c>
      <c r="AJ8714">
        <v>22014.505349999999</v>
      </c>
      <c r="AK8714">
        <v>33869.432610000003</v>
      </c>
      <c r="AL8714">
        <v>41671.040549999998</v>
      </c>
      <c r="AM8714">
        <v>25968.72884</v>
      </c>
      <c r="AN8714">
        <v>80037.714569999996</v>
      </c>
      <c r="AO8714">
        <v>27168.45161</v>
      </c>
      <c r="AP8714">
        <v>15163.15962</v>
      </c>
    </row>
    <row r="8715" spans="2:42" x14ac:dyDescent="0.3">
      <c r="B8715">
        <v>39.796906067673149</v>
      </c>
      <c r="C8715" s="83">
        <v>43464.041666666664</v>
      </c>
      <c r="D8715">
        <v>113764.9909</v>
      </c>
      <c r="E8715">
        <v>14306.99243</v>
      </c>
      <c r="F8715">
        <v>48868.56235</v>
      </c>
      <c r="G8715">
        <v>36997.878579999997</v>
      </c>
      <c r="H8715">
        <v>35822.48317</v>
      </c>
      <c r="I8715">
        <v>19346.105769999998</v>
      </c>
      <c r="J8715">
        <v>24419.682519999998</v>
      </c>
      <c r="K8715">
        <v>48092.46802</v>
      </c>
      <c r="L8715">
        <v>18408.463619999999</v>
      </c>
      <c r="M8715">
        <v>202903.18609999999</v>
      </c>
      <c r="N8715">
        <v>62728.734279999997</v>
      </c>
      <c r="O8715">
        <v>21942.76067</v>
      </c>
      <c r="P8715">
        <v>32253.736099999998</v>
      </c>
      <c r="Q8715">
        <v>42807.798600000002</v>
      </c>
      <c r="R8715">
        <v>25602.456699999999</v>
      </c>
      <c r="S8715">
        <v>79329.854349999994</v>
      </c>
      <c r="T8715">
        <v>26835.253079999999</v>
      </c>
      <c r="U8715">
        <v>15271.49625</v>
      </c>
      <c r="W8715" s="83">
        <f>Bühler!N8747</f>
        <v>45655.041666645535</v>
      </c>
      <c r="X8715" s="83">
        <v>43464.041666666664</v>
      </c>
      <c r="Y8715">
        <v>113764.9909</v>
      </c>
      <c r="Z8715">
        <v>14306.99243</v>
      </c>
      <c r="AA8715">
        <v>48868.56235</v>
      </c>
      <c r="AB8715">
        <v>36997.878579999997</v>
      </c>
      <c r="AC8715">
        <v>35822.48317</v>
      </c>
      <c r="AD8715">
        <v>19346.105769999998</v>
      </c>
      <c r="AE8715">
        <v>24419.682519999998</v>
      </c>
      <c r="AF8715">
        <v>48092.46802</v>
      </c>
      <c r="AG8715">
        <v>18408.463619999999</v>
      </c>
      <c r="AH8715">
        <v>202903.18609999999</v>
      </c>
      <c r="AI8715">
        <v>62728.734279999997</v>
      </c>
      <c r="AJ8715">
        <v>21942.76067</v>
      </c>
      <c r="AK8715">
        <v>32253.736099999998</v>
      </c>
      <c r="AL8715">
        <v>42807.798600000002</v>
      </c>
      <c r="AM8715">
        <v>25602.456699999999</v>
      </c>
      <c r="AN8715">
        <v>79329.854349999994</v>
      </c>
      <c r="AO8715">
        <v>26835.253079999999</v>
      </c>
      <c r="AP8715">
        <v>15271.49625</v>
      </c>
    </row>
    <row r="8716" spans="2:42" x14ac:dyDescent="0.3">
      <c r="B8716">
        <v>39.998255518889934</v>
      </c>
      <c r="C8716" s="83">
        <v>43464.083333333336</v>
      </c>
      <c r="D8716">
        <v>114028.63860000001</v>
      </c>
      <c r="E8716">
        <v>14279.174059999999</v>
      </c>
      <c r="F8716">
        <v>49198.735180000003</v>
      </c>
      <c r="G8716">
        <v>36611.061350000004</v>
      </c>
      <c r="H8716">
        <v>35783.869579999999</v>
      </c>
      <c r="I8716">
        <v>17295.265589999999</v>
      </c>
      <c r="J8716">
        <v>24566.199120000001</v>
      </c>
      <c r="K8716">
        <v>46949.014539999996</v>
      </c>
      <c r="L8716">
        <v>17820.782070000001</v>
      </c>
      <c r="M8716">
        <v>203929.75949999999</v>
      </c>
      <c r="N8716">
        <v>62410.299870000003</v>
      </c>
      <c r="O8716">
        <v>21977.815579999999</v>
      </c>
      <c r="P8716">
        <v>30964.86868</v>
      </c>
      <c r="Q8716">
        <v>45734.88437</v>
      </c>
      <c r="R8716">
        <v>24363.277300000002</v>
      </c>
      <c r="S8716">
        <v>78939.784710000007</v>
      </c>
      <c r="T8716">
        <v>26678.79722</v>
      </c>
      <c r="U8716">
        <v>15367.146989999999</v>
      </c>
      <c r="W8716" s="83">
        <f>Bühler!N8748</f>
        <v>45655.083333312199</v>
      </c>
      <c r="X8716" s="83">
        <v>43464.083333333336</v>
      </c>
      <c r="Y8716">
        <v>114028.63860000001</v>
      </c>
      <c r="Z8716">
        <v>14279.174059999999</v>
      </c>
      <c r="AA8716">
        <v>49198.735180000003</v>
      </c>
      <c r="AB8716">
        <v>36611.061350000004</v>
      </c>
      <c r="AC8716">
        <v>35783.869579999999</v>
      </c>
      <c r="AD8716">
        <v>17295.265589999999</v>
      </c>
      <c r="AE8716">
        <v>24566.199120000001</v>
      </c>
      <c r="AF8716">
        <v>46949.014539999996</v>
      </c>
      <c r="AG8716">
        <v>17820.782070000001</v>
      </c>
      <c r="AH8716">
        <v>203929.75949999999</v>
      </c>
      <c r="AI8716">
        <v>62410.299870000003</v>
      </c>
      <c r="AJ8716">
        <v>21977.815579999999</v>
      </c>
      <c r="AK8716">
        <v>30964.86868</v>
      </c>
      <c r="AL8716">
        <v>45734.88437</v>
      </c>
      <c r="AM8716">
        <v>24363.277300000002</v>
      </c>
      <c r="AN8716">
        <v>78939.784710000007</v>
      </c>
      <c r="AO8716">
        <v>26678.79722</v>
      </c>
      <c r="AP8716">
        <v>15367.146989999999</v>
      </c>
    </row>
    <row r="8717" spans="2:42" x14ac:dyDescent="0.3">
      <c r="B8717">
        <v>39.77318052122704</v>
      </c>
      <c r="C8717" s="83">
        <v>43464.125</v>
      </c>
      <c r="D8717">
        <v>113843.6075</v>
      </c>
      <c r="E8717">
        <v>14357.179480000001</v>
      </c>
      <c r="F8717">
        <v>48684.744059999997</v>
      </c>
      <c r="G8717">
        <v>36023.026129999998</v>
      </c>
      <c r="H8717">
        <v>35807.457520000004</v>
      </c>
      <c r="I8717">
        <v>16520.38812</v>
      </c>
      <c r="J8717">
        <v>24545.708070000001</v>
      </c>
      <c r="K8717">
        <v>46294.401879999998</v>
      </c>
      <c r="L8717">
        <v>17830.86839</v>
      </c>
      <c r="M8717">
        <v>202782.22219999999</v>
      </c>
      <c r="N8717">
        <v>62391.995600000002</v>
      </c>
      <c r="O8717">
        <v>22071.86896</v>
      </c>
      <c r="P8717">
        <v>30225.011119999999</v>
      </c>
      <c r="Q8717">
        <v>46194.919809999999</v>
      </c>
      <c r="R8717">
        <v>23811.053159999999</v>
      </c>
      <c r="S8717">
        <v>78203.487439999997</v>
      </c>
      <c r="T8717">
        <v>26823.935710000002</v>
      </c>
      <c r="U8717">
        <v>15609.90832</v>
      </c>
      <c r="W8717" s="83">
        <f>Bühler!N8749</f>
        <v>45655.124999978863</v>
      </c>
      <c r="X8717" s="83">
        <v>43464.125</v>
      </c>
      <c r="Y8717">
        <v>113843.6075</v>
      </c>
      <c r="Z8717">
        <v>14357.179480000001</v>
      </c>
      <c r="AA8717">
        <v>48684.744059999997</v>
      </c>
      <c r="AB8717">
        <v>36023.026129999998</v>
      </c>
      <c r="AC8717">
        <v>35807.457520000004</v>
      </c>
      <c r="AD8717">
        <v>16520.38812</v>
      </c>
      <c r="AE8717">
        <v>24545.708070000001</v>
      </c>
      <c r="AF8717">
        <v>46294.401879999998</v>
      </c>
      <c r="AG8717">
        <v>17830.86839</v>
      </c>
      <c r="AH8717">
        <v>202782.22219999999</v>
      </c>
      <c r="AI8717">
        <v>62391.995600000002</v>
      </c>
      <c r="AJ8717">
        <v>22071.86896</v>
      </c>
      <c r="AK8717">
        <v>30225.011119999999</v>
      </c>
      <c r="AL8717">
        <v>46194.919809999999</v>
      </c>
      <c r="AM8717">
        <v>23811.053159999999</v>
      </c>
      <c r="AN8717">
        <v>78203.487439999997</v>
      </c>
      <c r="AO8717">
        <v>26823.935710000002</v>
      </c>
      <c r="AP8717">
        <v>15609.90832</v>
      </c>
    </row>
    <row r="8718" spans="2:42" x14ac:dyDescent="0.3">
      <c r="B8718">
        <v>39.711192213606132</v>
      </c>
      <c r="C8718" s="83">
        <v>43464.166666666664</v>
      </c>
      <c r="D8718">
        <v>114461.359</v>
      </c>
      <c r="E8718">
        <v>14376.20995</v>
      </c>
      <c r="F8718">
        <v>49305.4522</v>
      </c>
      <c r="G8718">
        <v>35881.05906</v>
      </c>
      <c r="H8718">
        <v>35899.915800000002</v>
      </c>
      <c r="I8718">
        <v>17474.579249999999</v>
      </c>
      <c r="J8718">
        <v>25901.182260000001</v>
      </c>
      <c r="K8718">
        <v>44430.35267</v>
      </c>
      <c r="L8718">
        <v>18068.103289999999</v>
      </c>
      <c r="M8718">
        <v>202466.17689999999</v>
      </c>
      <c r="N8718">
        <v>61954.558250000002</v>
      </c>
      <c r="O8718">
        <v>22382.023140000001</v>
      </c>
      <c r="P8718">
        <v>29946.608919999999</v>
      </c>
      <c r="Q8718">
        <v>46107.630770000003</v>
      </c>
      <c r="R8718">
        <v>23220.978910000002</v>
      </c>
      <c r="S8718">
        <v>79095.957850000006</v>
      </c>
      <c r="T8718">
        <v>26897.861489999999</v>
      </c>
      <c r="U8718">
        <v>15860.83181</v>
      </c>
      <c r="W8718" s="83">
        <f>Bühler!N8750</f>
        <v>45655.166666645528</v>
      </c>
      <c r="X8718" s="83">
        <v>43464.166666666664</v>
      </c>
      <c r="Y8718">
        <v>114461.359</v>
      </c>
      <c r="Z8718">
        <v>14376.20995</v>
      </c>
      <c r="AA8718">
        <v>49305.4522</v>
      </c>
      <c r="AB8718">
        <v>35881.05906</v>
      </c>
      <c r="AC8718">
        <v>35899.915800000002</v>
      </c>
      <c r="AD8718">
        <v>17474.579249999999</v>
      </c>
      <c r="AE8718">
        <v>25901.182260000001</v>
      </c>
      <c r="AF8718">
        <v>44430.35267</v>
      </c>
      <c r="AG8718">
        <v>18068.103289999999</v>
      </c>
      <c r="AH8718">
        <v>202466.17689999999</v>
      </c>
      <c r="AI8718">
        <v>61954.558250000002</v>
      </c>
      <c r="AJ8718">
        <v>22382.023140000001</v>
      </c>
      <c r="AK8718">
        <v>29946.608919999999</v>
      </c>
      <c r="AL8718">
        <v>46107.630770000003</v>
      </c>
      <c r="AM8718">
        <v>23220.978910000002</v>
      </c>
      <c r="AN8718">
        <v>79095.957850000006</v>
      </c>
      <c r="AO8718">
        <v>26897.861489999999</v>
      </c>
      <c r="AP8718">
        <v>15860.83181</v>
      </c>
    </row>
    <row r="8719" spans="2:42" x14ac:dyDescent="0.3">
      <c r="B8719">
        <v>40.03438306934256</v>
      </c>
      <c r="C8719" s="83">
        <v>43464.208333333336</v>
      </c>
      <c r="D8719">
        <v>114998.1388</v>
      </c>
      <c r="E8719">
        <v>14936.45218</v>
      </c>
      <c r="F8719">
        <v>51071.864580000001</v>
      </c>
      <c r="G8719">
        <v>36385.374940000002</v>
      </c>
      <c r="H8719">
        <v>36579.879480000003</v>
      </c>
      <c r="I8719">
        <v>21527.809379999999</v>
      </c>
      <c r="J8719">
        <v>27695.351549999999</v>
      </c>
      <c r="K8719">
        <v>42931.832060000001</v>
      </c>
      <c r="L8719">
        <v>18507.05689</v>
      </c>
      <c r="M8719">
        <v>204113.9546</v>
      </c>
      <c r="N8719">
        <v>61278.665110000002</v>
      </c>
      <c r="O8719">
        <v>22374.476900000001</v>
      </c>
      <c r="P8719">
        <v>31149.788270000001</v>
      </c>
      <c r="Q8719">
        <v>47262.569170000002</v>
      </c>
      <c r="R8719">
        <v>23177.594710000001</v>
      </c>
      <c r="S8719">
        <v>80619.21458</v>
      </c>
      <c r="T8719">
        <v>26903.282739999999</v>
      </c>
      <c r="U8719">
        <v>15991.52046</v>
      </c>
      <c r="W8719" s="83">
        <f>Bühler!N8751</f>
        <v>45655.208333312192</v>
      </c>
      <c r="X8719" s="83">
        <v>43464.208333333336</v>
      </c>
      <c r="Y8719">
        <v>114998.1388</v>
      </c>
      <c r="Z8719">
        <v>14936.45218</v>
      </c>
      <c r="AA8719">
        <v>51071.864580000001</v>
      </c>
      <c r="AB8719">
        <v>36385.374940000002</v>
      </c>
      <c r="AC8719">
        <v>36579.879480000003</v>
      </c>
      <c r="AD8719">
        <v>21527.809379999999</v>
      </c>
      <c r="AE8719">
        <v>27695.351549999999</v>
      </c>
      <c r="AF8719">
        <v>42931.832060000001</v>
      </c>
      <c r="AG8719">
        <v>18507.05689</v>
      </c>
      <c r="AH8719">
        <v>204113.9546</v>
      </c>
      <c r="AI8719">
        <v>61278.665110000002</v>
      </c>
      <c r="AJ8719">
        <v>22374.476900000001</v>
      </c>
      <c r="AK8719">
        <v>31149.788270000001</v>
      </c>
      <c r="AL8719">
        <v>47262.569170000002</v>
      </c>
      <c r="AM8719">
        <v>23177.594710000001</v>
      </c>
      <c r="AN8719">
        <v>80619.21458</v>
      </c>
      <c r="AO8719">
        <v>26903.282739999999</v>
      </c>
      <c r="AP8719">
        <v>15991.52046</v>
      </c>
    </row>
    <row r="8720" spans="2:42" x14ac:dyDescent="0.3">
      <c r="B8720">
        <v>40.42043596603483</v>
      </c>
      <c r="C8720" s="83">
        <v>43464.25</v>
      </c>
      <c r="D8720">
        <v>116018.51179999999</v>
      </c>
      <c r="E8720">
        <v>15576.93274</v>
      </c>
      <c r="F8720">
        <v>52611.315929999997</v>
      </c>
      <c r="G8720">
        <v>37707.338020000003</v>
      </c>
      <c r="H8720">
        <v>36794.848279999998</v>
      </c>
      <c r="I8720">
        <v>23835.886869999998</v>
      </c>
      <c r="J8720">
        <v>29975.560519999999</v>
      </c>
      <c r="K8720">
        <v>41498.604829999997</v>
      </c>
      <c r="L8720">
        <v>18792.281920000001</v>
      </c>
      <c r="M8720">
        <v>206082.2323</v>
      </c>
      <c r="N8720">
        <v>60552.755920000003</v>
      </c>
      <c r="O8720">
        <v>22066.530320000002</v>
      </c>
      <c r="P8720">
        <v>30714.042420000002</v>
      </c>
      <c r="Q8720">
        <v>47116.39054</v>
      </c>
      <c r="R8720">
        <v>18353.012599999998</v>
      </c>
      <c r="S8720">
        <v>85987.955010000005</v>
      </c>
      <c r="T8720">
        <v>27714.519980000001</v>
      </c>
      <c r="U8720">
        <v>15306.39617</v>
      </c>
      <c r="W8720" s="83">
        <f>Bühler!N8752</f>
        <v>45655.249999978856</v>
      </c>
      <c r="X8720" s="83">
        <v>43464.25</v>
      </c>
      <c r="Y8720">
        <v>116018.51179999999</v>
      </c>
      <c r="Z8720">
        <v>15576.93274</v>
      </c>
      <c r="AA8720">
        <v>52611.315929999997</v>
      </c>
      <c r="AB8720">
        <v>37707.338020000003</v>
      </c>
      <c r="AC8720">
        <v>36794.848279999998</v>
      </c>
      <c r="AD8720">
        <v>23835.886869999998</v>
      </c>
      <c r="AE8720">
        <v>29975.560519999999</v>
      </c>
      <c r="AF8720">
        <v>41498.604829999997</v>
      </c>
      <c r="AG8720">
        <v>18792.281920000001</v>
      </c>
      <c r="AH8720">
        <v>206082.2323</v>
      </c>
      <c r="AI8720">
        <v>60552.755920000003</v>
      </c>
      <c r="AJ8720">
        <v>22066.530320000002</v>
      </c>
      <c r="AK8720">
        <v>30714.042420000002</v>
      </c>
      <c r="AL8720">
        <v>47116.39054</v>
      </c>
      <c r="AM8720">
        <v>18353.012599999998</v>
      </c>
      <c r="AN8720">
        <v>85987.955010000005</v>
      </c>
      <c r="AO8720">
        <v>27714.519980000001</v>
      </c>
      <c r="AP8720">
        <v>15306.39617</v>
      </c>
    </row>
    <row r="8721" spans="2:42" x14ac:dyDescent="0.3">
      <c r="B8721">
        <v>40.237748107073159</v>
      </c>
      <c r="C8721" s="83">
        <v>43464.291666666664</v>
      </c>
      <c r="D8721">
        <v>116527.83530000001</v>
      </c>
      <c r="E8721">
        <v>16363.34641</v>
      </c>
      <c r="F8721">
        <v>53716.165569999997</v>
      </c>
      <c r="G8721">
        <v>38687.833639999997</v>
      </c>
      <c r="H8721">
        <v>37264.204279999998</v>
      </c>
      <c r="I8721">
        <v>25577.350549999999</v>
      </c>
      <c r="J8721">
        <v>31009.95881</v>
      </c>
      <c r="K8721">
        <v>41511.446830000001</v>
      </c>
      <c r="L8721">
        <v>20676.657889999999</v>
      </c>
      <c r="M8721">
        <v>205150.80439999999</v>
      </c>
      <c r="N8721">
        <v>60609.258110000002</v>
      </c>
      <c r="O8721">
        <v>22621.965359999998</v>
      </c>
      <c r="P8721">
        <v>31630.84765</v>
      </c>
      <c r="Q8721">
        <v>46121.072809999998</v>
      </c>
      <c r="R8721">
        <v>18378.616139999998</v>
      </c>
      <c r="S8721">
        <v>93846.538759999996</v>
      </c>
      <c r="T8721">
        <v>26224.115679999999</v>
      </c>
      <c r="U8721">
        <v>15649.3835</v>
      </c>
      <c r="W8721" s="83">
        <f>Bühler!N8753</f>
        <v>45655.29166664552</v>
      </c>
      <c r="X8721" s="83">
        <v>43464.291666666664</v>
      </c>
      <c r="Y8721">
        <v>116527.83530000001</v>
      </c>
      <c r="Z8721">
        <v>16363.34641</v>
      </c>
      <c r="AA8721">
        <v>53716.165569999997</v>
      </c>
      <c r="AB8721">
        <v>38687.833639999997</v>
      </c>
      <c r="AC8721">
        <v>37264.204279999998</v>
      </c>
      <c r="AD8721">
        <v>25577.350549999999</v>
      </c>
      <c r="AE8721">
        <v>31009.95881</v>
      </c>
      <c r="AF8721">
        <v>41511.446830000001</v>
      </c>
      <c r="AG8721">
        <v>20676.657889999999</v>
      </c>
      <c r="AH8721">
        <v>205150.80439999999</v>
      </c>
      <c r="AI8721">
        <v>60609.258110000002</v>
      </c>
      <c r="AJ8721">
        <v>22621.965359999998</v>
      </c>
      <c r="AK8721">
        <v>31630.84765</v>
      </c>
      <c r="AL8721">
        <v>46121.072809999998</v>
      </c>
      <c r="AM8721">
        <v>18378.616139999998</v>
      </c>
      <c r="AN8721">
        <v>93846.538759999996</v>
      </c>
      <c r="AO8721">
        <v>26224.115679999999</v>
      </c>
      <c r="AP8721">
        <v>15649.3835</v>
      </c>
    </row>
    <row r="8722" spans="2:42" x14ac:dyDescent="0.3">
      <c r="B8722">
        <v>39.845615558595227</v>
      </c>
      <c r="C8722" s="83">
        <v>43464.333333333336</v>
      </c>
      <c r="D8722">
        <v>115748.8256</v>
      </c>
      <c r="E8722">
        <v>16787.431069999999</v>
      </c>
      <c r="F8722">
        <v>53840.858659999998</v>
      </c>
      <c r="G8722">
        <v>37919.543599999997</v>
      </c>
      <c r="H8722">
        <v>36880.529320000001</v>
      </c>
      <c r="I8722">
        <v>25711.902259999999</v>
      </c>
      <c r="J8722">
        <v>30734.64373</v>
      </c>
      <c r="K8722">
        <v>40849.480860000003</v>
      </c>
      <c r="L8722">
        <v>22428.247609999999</v>
      </c>
      <c r="M8722">
        <v>203151.52979999999</v>
      </c>
      <c r="N8722">
        <v>63104.144679999998</v>
      </c>
      <c r="O8722">
        <v>22441.77649</v>
      </c>
      <c r="P8722">
        <v>34362.602440000002</v>
      </c>
      <c r="Q8722">
        <v>45458.270490000003</v>
      </c>
      <c r="R8722">
        <v>17810.873970000001</v>
      </c>
      <c r="S8722">
        <v>97145.281260000003</v>
      </c>
      <c r="T8722">
        <v>26993.703020000001</v>
      </c>
      <c r="U8722">
        <v>15376.41627</v>
      </c>
      <c r="W8722" s="83">
        <f>Bühler!N8754</f>
        <v>45655.333333312185</v>
      </c>
      <c r="X8722" s="83">
        <v>43464.333333333336</v>
      </c>
      <c r="Y8722">
        <v>115748.8256</v>
      </c>
      <c r="Z8722">
        <v>16787.431069999999</v>
      </c>
      <c r="AA8722">
        <v>53840.858659999998</v>
      </c>
      <c r="AB8722">
        <v>37919.543599999997</v>
      </c>
      <c r="AC8722">
        <v>36880.529320000001</v>
      </c>
      <c r="AD8722">
        <v>25711.902259999999</v>
      </c>
      <c r="AE8722">
        <v>30734.64373</v>
      </c>
      <c r="AF8722">
        <v>40849.480860000003</v>
      </c>
      <c r="AG8722">
        <v>22428.247609999999</v>
      </c>
      <c r="AH8722">
        <v>203151.52979999999</v>
      </c>
      <c r="AI8722">
        <v>63104.144679999998</v>
      </c>
      <c r="AJ8722">
        <v>22441.77649</v>
      </c>
      <c r="AK8722">
        <v>34362.602440000002</v>
      </c>
      <c r="AL8722">
        <v>45458.270490000003</v>
      </c>
      <c r="AM8722">
        <v>17810.873970000001</v>
      </c>
      <c r="AN8722">
        <v>97145.281260000003</v>
      </c>
      <c r="AO8722">
        <v>26993.703020000001</v>
      </c>
      <c r="AP8722">
        <v>15376.41627</v>
      </c>
    </row>
    <row r="8723" spans="2:42" x14ac:dyDescent="0.3">
      <c r="B8723">
        <v>39.278569881308073</v>
      </c>
      <c r="C8723" s="83">
        <v>43464.375</v>
      </c>
      <c r="D8723">
        <v>113848.182</v>
      </c>
      <c r="E8723">
        <v>16583.275710000002</v>
      </c>
      <c r="F8723">
        <v>53545.820890000003</v>
      </c>
      <c r="G8723">
        <v>37574.129820000002</v>
      </c>
      <c r="H8723">
        <v>35822.060210000003</v>
      </c>
      <c r="I8723">
        <v>24586.991300000002</v>
      </c>
      <c r="J8723">
        <v>29816.49483</v>
      </c>
      <c r="K8723">
        <v>40623.409019999999</v>
      </c>
      <c r="L8723">
        <v>23992.839400000001</v>
      </c>
      <c r="M8723">
        <v>200260.46650000001</v>
      </c>
      <c r="N8723">
        <v>65958.594979999994</v>
      </c>
      <c r="O8723">
        <v>22040.762989999999</v>
      </c>
      <c r="P8723">
        <v>36135.5749</v>
      </c>
      <c r="Q8723">
        <v>44862.931759999999</v>
      </c>
      <c r="R8723">
        <v>16589.83381</v>
      </c>
      <c r="S8723">
        <v>97337.761790000004</v>
      </c>
      <c r="T8723">
        <v>27152.334220000001</v>
      </c>
      <c r="U8723">
        <v>14364.07494</v>
      </c>
      <c r="W8723" s="83">
        <f>Bühler!N8755</f>
        <v>45655.374999978849</v>
      </c>
      <c r="X8723" s="83">
        <v>43464.375</v>
      </c>
      <c r="Y8723">
        <v>113848.182</v>
      </c>
      <c r="Z8723">
        <v>16583.275710000002</v>
      </c>
      <c r="AA8723">
        <v>53545.820890000003</v>
      </c>
      <c r="AB8723">
        <v>37574.129820000002</v>
      </c>
      <c r="AC8723">
        <v>35822.060210000003</v>
      </c>
      <c r="AD8723">
        <v>24586.991300000002</v>
      </c>
      <c r="AE8723">
        <v>29816.49483</v>
      </c>
      <c r="AF8723">
        <v>40623.409019999999</v>
      </c>
      <c r="AG8723">
        <v>23992.839400000001</v>
      </c>
      <c r="AH8723">
        <v>200260.46650000001</v>
      </c>
      <c r="AI8723">
        <v>65958.594979999994</v>
      </c>
      <c r="AJ8723">
        <v>22040.762989999999</v>
      </c>
      <c r="AK8723">
        <v>36135.5749</v>
      </c>
      <c r="AL8723">
        <v>44862.931759999999</v>
      </c>
      <c r="AM8723">
        <v>16589.83381</v>
      </c>
      <c r="AN8723">
        <v>97337.761790000004</v>
      </c>
      <c r="AO8723">
        <v>27152.334220000001</v>
      </c>
      <c r="AP8723">
        <v>14364.07494</v>
      </c>
    </row>
    <row r="8724" spans="2:42" x14ac:dyDescent="0.3">
      <c r="B8724">
        <v>39.612485942691144</v>
      </c>
      <c r="C8724" s="83">
        <v>43464.416666666664</v>
      </c>
      <c r="D8724">
        <v>112963.66280000001</v>
      </c>
      <c r="E8724">
        <v>17259.09244</v>
      </c>
      <c r="F8724">
        <v>53064.565620000001</v>
      </c>
      <c r="G8724">
        <v>37415.524539999999</v>
      </c>
      <c r="H8724">
        <v>35937.532650000001</v>
      </c>
      <c r="I8724">
        <v>24092.390520000001</v>
      </c>
      <c r="J8724">
        <v>28923.600310000002</v>
      </c>
      <c r="K8724">
        <v>42815.16461</v>
      </c>
      <c r="L8724">
        <v>25525.95779</v>
      </c>
      <c r="M8724">
        <v>201962.92629999999</v>
      </c>
      <c r="N8724">
        <v>68599.146770000007</v>
      </c>
      <c r="O8724">
        <v>21920.829689999999</v>
      </c>
      <c r="P8724">
        <v>37791.560299999997</v>
      </c>
      <c r="Q8724">
        <v>44502.554519999998</v>
      </c>
      <c r="R8724">
        <v>16834.70882</v>
      </c>
      <c r="S8724">
        <v>96346.484660000002</v>
      </c>
      <c r="T8724">
        <v>27127.70753</v>
      </c>
      <c r="U8724">
        <v>14148.890890000001</v>
      </c>
      <c r="W8724" s="83">
        <f>Bühler!N8756</f>
        <v>45655.416666645513</v>
      </c>
      <c r="X8724" s="83">
        <v>43464.416666666664</v>
      </c>
      <c r="Y8724">
        <v>112963.66280000001</v>
      </c>
      <c r="Z8724">
        <v>17259.09244</v>
      </c>
      <c r="AA8724">
        <v>53064.565620000001</v>
      </c>
      <c r="AB8724">
        <v>37415.524539999999</v>
      </c>
      <c r="AC8724">
        <v>35937.532650000001</v>
      </c>
      <c r="AD8724">
        <v>24092.390520000001</v>
      </c>
      <c r="AE8724">
        <v>28923.600310000002</v>
      </c>
      <c r="AF8724">
        <v>42815.16461</v>
      </c>
      <c r="AG8724">
        <v>25525.95779</v>
      </c>
      <c r="AH8724">
        <v>201962.92629999999</v>
      </c>
      <c r="AI8724">
        <v>68599.146770000007</v>
      </c>
      <c r="AJ8724">
        <v>21920.829689999999</v>
      </c>
      <c r="AK8724">
        <v>37791.560299999997</v>
      </c>
      <c r="AL8724">
        <v>44502.554519999998</v>
      </c>
      <c r="AM8724">
        <v>16834.70882</v>
      </c>
      <c r="AN8724">
        <v>96346.484660000002</v>
      </c>
      <c r="AO8724">
        <v>27127.70753</v>
      </c>
      <c r="AP8724">
        <v>14148.890890000001</v>
      </c>
    </row>
    <row r="8725" spans="2:42" x14ac:dyDescent="0.3">
      <c r="B8725">
        <v>39.630098945107392</v>
      </c>
      <c r="C8725" s="83">
        <v>43464.458333333336</v>
      </c>
      <c r="D8725">
        <v>112073.5892</v>
      </c>
      <c r="E8725">
        <v>17167.832330000001</v>
      </c>
      <c r="F8725">
        <v>53661.141969999997</v>
      </c>
      <c r="G8725">
        <v>36906.831140000002</v>
      </c>
      <c r="H8725">
        <v>35771.180979999997</v>
      </c>
      <c r="I8725">
        <v>23766.559980000002</v>
      </c>
      <c r="J8725">
        <v>29016.555420000001</v>
      </c>
      <c r="K8725">
        <v>47046.133099999999</v>
      </c>
      <c r="L8725">
        <v>26082.410380000001</v>
      </c>
      <c r="M8725">
        <v>202052.72560000001</v>
      </c>
      <c r="N8725">
        <v>68166.874960000001</v>
      </c>
      <c r="O8725">
        <v>21870.089499999998</v>
      </c>
      <c r="P8725">
        <v>36585.038959999998</v>
      </c>
      <c r="Q8725">
        <v>43469.945059999998</v>
      </c>
      <c r="R8725">
        <v>18528.79999</v>
      </c>
      <c r="S8725">
        <v>96875.945259999993</v>
      </c>
      <c r="T8725">
        <v>26917.642159999999</v>
      </c>
      <c r="U8725">
        <v>13914.39309</v>
      </c>
      <c r="W8725" s="83">
        <f>Bühler!N8757</f>
        <v>45655.458333312177</v>
      </c>
      <c r="X8725" s="83">
        <v>43464.458333333336</v>
      </c>
      <c r="Y8725">
        <v>112073.5892</v>
      </c>
      <c r="Z8725">
        <v>17167.832330000001</v>
      </c>
      <c r="AA8725">
        <v>53661.141969999997</v>
      </c>
      <c r="AB8725">
        <v>36906.831140000002</v>
      </c>
      <c r="AC8725">
        <v>35771.180979999997</v>
      </c>
      <c r="AD8725">
        <v>23766.559980000002</v>
      </c>
      <c r="AE8725">
        <v>29016.555420000001</v>
      </c>
      <c r="AF8725">
        <v>47046.133099999999</v>
      </c>
      <c r="AG8725">
        <v>26082.410380000001</v>
      </c>
      <c r="AH8725">
        <v>202052.72560000001</v>
      </c>
      <c r="AI8725">
        <v>68166.874960000001</v>
      </c>
      <c r="AJ8725">
        <v>21870.089499999998</v>
      </c>
      <c r="AK8725">
        <v>36585.038959999998</v>
      </c>
      <c r="AL8725">
        <v>43469.945059999998</v>
      </c>
      <c r="AM8725">
        <v>18528.79999</v>
      </c>
      <c r="AN8725">
        <v>96875.945259999993</v>
      </c>
      <c r="AO8725">
        <v>26917.642159999999</v>
      </c>
      <c r="AP8725">
        <v>13914.39309</v>
      </c>
    </row>
    <row r="8726" spans="2:42" x14ac:dyDescent="0.3">
      <c r="B8726">
        <v>39.69007990398584</v>
      </c>
      <c r="C8726" s="83">
        <v>43464.5</v>
      </c>
      <c r="D8726">
        <v>111425.86320000001</v>
      </c>
      <c r="E8726">
        <v>16807.191169999998</v>
      </c>
      <c r="F8726">
        <v>53280.953820000002</v>
      </c>
      <c r="G8726">
        <v>36563.454369999999</v>
      </c>
      <c r="H8726">
        <v>35448.992319999998</v>
      </c>
      <c r="I8726">
        <v>23451.009109999999</v>
      </c>
      <c r="J8726">
        <v>28893.660830000001</v>
      </c>
      <c r="K8726">
        <v>47093.19227</v>
      </c>
      <c r="L8726">
        <v>26680.35903</v>
      </c>
      <c r="M8726">
        <v>202358.53649999999</v>
      </c>
      <c r="N8726">
        <v>66994.028999999995</v>
      </c>
      <c r="O8726">
        <v>21543.507580000001</v>
      </c>
      <c r="P8726">
        <v>35591.669540000003</v>
      </c>
      <c r="Q8726">
        <v>41978.254309999997</v>
      </c>
      <c r="R8726">
        <v>18864.945220000001</v>
      </c>
      <c r="S8726">
        <v>92016.321259999997</v>
      </c>
      <c r="T8726">
        <v>26412.85656</v>
      </c>
      <c r="U8726">
        <v>13383.01694</v>
      </c>
      <c r="W8726" s="83">
        <f>Bühler!N8758</f>
        <v>45655.499999978842</v>
      </c>
      <c r="X8726" s="83">
        <v>43464.5</v>
      </c>
      <c r="Y8726">
        <v>111425.86320000001</v>
      </c>
      <c r="Z8726">
        <v>16807.191169999998</v>
      </c>
      <c r="AA8726">
        <v>53280.953820000002</v>
      </c>
      <c r="AB8726">
        <v>36563.454369999999</v>
      </c>
      <c r="AC8726">
        <v>35448.992319999998</v>
      </c>
      <c r="AD8726">
        <v>23451.009109999999</v>
      </c>
      <c r="AE8726">
        <v>28893.660830000001</v>
      </c>
      <c r="AF8726">
        <v>47093.19227</v>
      </c>
      <c r="AG8726">
        <v>26680.35903</v>
      </c>
      <c r="AH8726">
        <v>202358.53649999999</v>
      </c>
      <c r="AI8726">
        <v>66994.028999999995</v>
      </c>
      <c r="AJ8726">
        <v>21543.507580000001</v>
      </c>
      <c r="AK8726">
        <v>35591.669540000003</v>
      </c>
      <c r="AL8726">
        <v>41978.254309999997</v>
      </c>
      <c r="AM8726">
        <v>18864.945220000001</v>
      </c>
      <c r="AN8726">
        <v>92016.321259999997</v>
      </c>
      <c r="AO8726">
        <v>26412.85656</v>
      </c>
      <c r="AP8726">
        <v>13383.01694</v>
      </c>
    </row>
    <row r="8727" spans="2:42" x14ac:dyDescent="0.3">
      <c r="B8727">
        <v>39.706460653489415</v>
      </c>
      <c r="C8727" s="83">
        <v>43464.541666666664</v>
      </c>
      <c r="D8727">
        <v>110916.29</v>
      </c>
      <c r="E8727">
        <v>16400.261119999999</v>
      </c>
      <c r="F8727">
        <v>51032.240400000002</v>
      </c>
      <c r="G8727">
        <v>36428.67527</v>
      </c>
      <c r="H8727">
        <v>35037.776210000004</v>
      </c>
      <c r="I8727">
        <v>23376.236870000001</v>
      </c>
      <c r="J8727">
        <v>27729.63478</v>
      </c>
      <c r="K8727">
        <v>47097.951820000002</v>
      </c>
      <c r="L8727">
        <v>26481.119579999999</v>
      </c>
      <c r="M8727">
        <v>202442.05319999999</v>
      </c>
      <c r="N8727">
        <v>65869.908410000004</v>
      </c>
      <c r="O8727">
        <v>21224.562730000001</v>
      </c>
      <c r="P8727">
        <v>34791.883909999997</v>
      </c>
      <c r="Q8727">
        <v>40638.594290000001</v>
      </c>
      <c r="R8727">
        <v>19620.001619999999</v>
      </c>
      <c r="S8727">
        <v>92458.721439999994</v>
      </c>
      <c r="T8727">
        <v>25683.45552</v>
      </c>
      <c r="U8727">
        <v>13172.65697</v>
      </c>
      <c r="W8727" s="83">
        <f>Bühler!N8759</f>
        <v>45655.541666645506</v>
      </c>
      <c r="X8727" s="83">
        <v>43464.541666666664</v>
      </c>
      <c r="Y8727">
        <v>110916.29</v>
      </c>
      <c r="Z8727">
        <v>16400.261119999999</v>
      </c>
      <c r="AA8727">
        <v>51032.240400000002</v>
      </c>
      <c r="AB8727">
        <v>36428.67527</v>
      </c>
      <c r="AC8727">
        <v>35037.776210000004</v>
      </c>
      <c r="AD8727">
        <v>23376.236870000001</v>
      </c>
      <c r="AE8727">
        <v>27729.63478</v>
      </c>
      <c r="AF8727">
        <v>47097.951820000002</v>
      </c>
      <c r="AG8727">
        <v>26481.119579999999</v>
      </c>
      <c r="AH8727">
        <v>202442.05319999999</v>
      </c>
      <c r="AI8727">
        <v>65869.908410000004</v>
      </c>
      <c r="AJ8727">
        <v>21224.562730000001</v>
      </c>
      <c r="AK8727">
        <v>34791.883909999997</v>
      </c>
      <c r="AL8727">
        <v>40638.594290000001</v>
      </c>
      <c r="AM8727">
        <v>19620.001619999999</v>
      </c>
      <c r="AN8727">
        <v>92458.721439999994</v>
      </c>
      <c r="AO8727">
        <v>25683.45552</v>
      </c>
      <c r="AP8727">
        <v>13172.65697</v>
      </c>
    </row>
    <row r="8728" spans="2:42" x14ac:dyDescent="0.3">
      <c r="B8728">
        <v>39.9198345638059</v>
      </c>
      <c r="C8728" s="83">
        <v>43464.583333333336</v>
      </c>
      <c r="D8728">
        <v>110839.29889999999</v>
      </c>
      <c r="E8728">
        <v>16408.401290000002</v>
      </c>
      <c r="F8728">
        <v>50824.620389999996</v>
      </c>
      <c r="G8728">
        <v>36141.784</v>
      </c>
      <c r="H8728">
        <v>34312.515220000001</v>
      </c>
      <c r="I8728">
        <v>23414.770550000001</v>
      </c>
      <c r="J8728">
        <v>27045.19124</v>
      </c>
      <c r="K8728">
        <v>46297.96615</v>
      </c>
      <c r="L8728">
        <v>25747.403590000002</v>
      </c>
      <c r="M8728">
        <v>203529.93290000001</v>
      </c>
      <c r="N8728">
        <v>66560.98371</v>
      </c>
      <c r="O8728">
        <v>20968.215690000001</v>
      </c>
      <c r="P8728">
        <v>33372.34446</v>
      </c>
      <c r="Q8728">
        <v>40199.159220000001</v>
      </c>
      <c r="R8728">
        <v>18666.00691</v>
      </c>
      <c r="S8728">
        <v>89913.812560000006</v>
      </c>
      <c r="T8728">
        <v>25274.717700000001</v>
      </c>
      <c r="U8728">
        <v>12944.127039999999</v>
      </c>
      <c r="W8728" s="83">
        <f>Bühler!N8760</f>
        <v>45655.58333331217</v>
      </c>
      <c r="X8728" s="83">
        <v>43464.583333333336</v>
      </c>
      <c r="Y8728">
        <v>110839.29889999999</v>
      </c>
      <c r="Z8728">
        <v>16408.401290000002</v>
      </c>
      <c r="AA8728">
        <v>50824.620389999996</v>
      </c>
      <c r="AB8728">
        <v>36141.784</v>
      </c>
      <c r="AC8728">
        <v>34312.515220000001</v>
      </c>
      <c r="AD8728">
        <v>23414.770550000001</v>
      </c>
      <c r="AE8728">
        <v>27045.19124</v>
      </c>
      <c r="AF8728">
        <v>46297.96615</v>
      </c>
      <c r="AG8728">
        <v>25747.403590000002</v>
      </c>
      <c r="AH8728">
        <v>203529.93290000001</v>
      </c>
      <c r="AI8728">
        <v>66560.98371</v>
      </c>
      <c r="AJ8728">
        <v>20968.215690000001</v>
      </c>
      <c r="AK8728">
        <v>33372.34446</v>
      </c>
      <c r="AL8728">
        <v>40199.159220000001</v>
      </c>
      <c r="AM8728">
        <v>18666.00691</v>
      </c>
      <c r="AN8728">
        <v>89913.812560000006</v>
      </c>
      <c r="AO8728">
        <v>25274.717700000001</v>
      </c>
      <c r="AP8728">
        <v>12944.127039999999</v>
      </c>
    </row>
    <row r="8729" spans="2:42" x14ac:dyDescent="0.3">
      <c r="B8729">
        <v>39.805573870309473</v>
      </c>
      <c r="C8729" s="83">
        <v>43464.625</v>
      </c>
      <c r="D8729">
        <v>110628.06540000001</v>
      </c>
      <c r="E8729">
        <v>16547.811229999999</v>
      </c>
      <c r="F8729">
        <v>50106.386129999999</v>
      </c>
      <c r="G8729">
        <v>36071.15481</v>
      </c>
      <c r="H8729">
        <v>34262.60529</v>
      </c>
      <c r="I8729">
        <v>23441.97824</v>
      </c>
      <c r="J8729">
        <v>26840.135060000001</v>
      </c>
      <c r="K8729">
        <v>45514.862070000003</v>
      </c>
      <c r="L8729">
        <v>24614.416379999999</v>
      </c>
      <c r="M8729">
        <v>202947.3786</v>
      </c>
      <c r="N8729">
        <v>65610.857000000004</v>
      </c>
      <c r="O8729">
        <v>20556.91504</v>
      </c>
      <c r="P8729">
        <v>32127.04782</v>
      </c>
      <c r="Q8729">
        <v>40711.689429999999</v>
      </c>
      <c r="R8729">
        <v>18781.168989999998</v>
      </c>
      <c r="S8729">
        <v>88980.350879999998</v>
      </c>
      <c r="T8729">
        <v>25509.284520000001</v>
      </c>
      <c r="U8729">
        <v>12923.399160000001</v>
      </c>
      <c r="W8729" s="83">
        <f>Bühler!N8761</f>
        <v>45655.624999978834</v>
      </c>
      <c r="X8729" s="83">
        <v>43464.625</v>
      </c>
      <c r="Y8729">
        <v>110628.06540000001</v>
      </c>
      <c r="Z8729">
        <v>16547.811229999999</v>
      </c>
      <c r="AA8729">
        <v>50106.386129999999</v>
      </c>
      <c r="AB8729">
        <v>36071.15481</v>
      </c>
      <c r="AC8729">
        <v>34262.60529</v>
      </c>
      <c r="AD8729">
        <v>23441.97824</v>
      </c>
      <c r="AE8729">
        <v>26840.135060000001</v>
      </c>
      <c r="AF8729">
        <v>45514.862070000003</v>
      </c>
      <c r="AG8729">
        <v>24614.416379999999</v>
      </c>
      <c r="AH8729">
        <v>202947.3786</v>
      </c>
      <c r="AI8729">
        <v>65610.857000000004</v>
      </c>
      <c r="AJ8729">
        <v>20556.91504</v>
      </c>
      <c r="AK8729">
        <v>32127.04782</v>
      </c>
      <c r="AL8729">
        <v>40711.689429999999</v>
      </c>
      <c r="AM8729">
        <v>18781.168989999998</v>
      </c>
      <c r="AN8729">
        <v>88980.350879999998</v>
      </c>
      <c r="AO8729">
        <v>25509.284520000001</v>
      </c>
      <c r="AP8729">
        <v>12923.399160000001</v>
      </c>
    </row>
    <row r="8730" spans="2:42" x14ac:dyDescent="0.3">
      <c r="B8730">
        <v>39.798287385019911</v>
      </c>
      <c r="C8730" s="83">
        <v>43464.666666666664</v>
      </c>
      <c r="D8730">
        <v>110731.17909999999</v>
      </c>
      <c r="E8730">
        <v>16798.06005</v>
      </c>
      <c r="F8730">
        <v>50199.664299999997</v>
      </c>
      <c r="G8730">
        <v>36362.082130000003</v>
      </c>
      <c r="H8730">
        <v>34690.987110000002</v>
      </c>
      <c r="I8730">
        <v>24093.771199999999</v>
      </c>
      <c r="J8730">
        <v>26792.368320000001</v>
      </c>
      <c r="K8730">
        <v>44596.823320000003</v>
      </c>
      <c r="L8730">
        <v>23641.703130000002</v>
      </c>
      <c r="M8730">
        <v>202910.22870000001</v>
      </c>
      <c r="N8730">
        <v>63577.316469999998</v>
      </c>
      <c r="O8730">
        <v>20682.77922</v>
      </c>
      <c r="P8730">
        <v>32752.215250000001</v>
      </c>
      <c r="Q8730">
        <v>40836.850339999997</v>
      </c>
      <c r="R8730">
        <v>18693.85369</v>
      </c>
      <c r="S8730">
        <v>90885.868329999998</v>
      </c>
      <c r="T8730">
        <v>25883.951249999998</v>
      </c>
      <c r="U8730">
        <v>13358.50764</v>
      </c>
      <c r="W8730" s="83">
        <f>Bühler!N8762</f>
        <v>45655.666666645498</v>
      </c>
      <c r="X8730" s="83">
        <v>43464.666666666664</v>
      </c>
      <c r="Y8730">
        <v>110731.17909999999</v>
      </c>
      <c r="Z8730">
        <v>16798.06005</v>
      </c>
      <c r="AA8730">
        <v>50199.664299999997</v>
      </c>
      <c r="AB8730">
        <v>36362.082130000003</v>
      </c>
      <c r="AC8730">
        <v>34690.987110000002</v>
      </c>
      <c r="AD8730">
        <v>24093.771199999999</v>
      </c>
      <c r="AE8730">
        <v>26792.368320000001</v>
      </c>
      <c r="AF8730">
        <v>44596.823320000003</v>
      </c>
      <c r="AG8730">
        <v>23641.703130000002</v>
      </c>
      <c r="AH8730">
        <v>202910.22870000001</v>
      </c>
      <c r="AI8730">
        <v>63577.316469999998</v>
      </c>
      <c r="AJ8730">
        <v>20682.77922</v>
      </c>
      <c r="AK8730">
        <v>32752.215250000001</v>
      </c>
      <c r="AL8730">
        <v>40836.850339999997</v>
      </c>
      <c r="AM8730">
        <v>18693.85369</v>
      </c>
      <c r="AN8730">
        <v>90885.868329999998</v>
      </c>
      <c r="AO8730">
        <v>25883.951249999998</v>
      </c>
      <c r="AP8730">
        <v>13358.50764</v>
      </c>
    </row>
    <row r="8731" spans="2:42" x14ac:dyDescent="0.3">
      <c r="B8731">
        <v>40.251240085912748</v>
      </c>
      <c r="C8731" s="83">
        <v>43464.708333333336</v>
      </c>
      <c r="D8731">
        <v>112796.14939999999</v>
      </c>
      <c r="E8731">
        <v>17707.915099999998</v>
      </c>
      <c r="F8731">
        <v>52339.919439999998</v>
      </c>
      <c r="G8731">
        <v>37788.446100000001</v>
      </c>
      <c r="H8731">
        <v>36783.89471</v>
      </c>
      <c r="I8731">
        <v>25021.63193</v>
      </c>
      <c r="J8731">
        <v>29798.528439999998</v>
      </c>
      <c r="K8731">
        <v>43891.37876</v>
      </c>
      <c r="L8731">
        <v>24377.68029</v>
      </c>
      <c r="M8731">
        <v>205219.59280000001</v>
      </c>
      <c r="N8731">
        <v>63066.002800000002</v>
      </c>
      <c r="O8731">
        <v>21112.972959999999</v>
      </c>
      <c r="P8731">
        <v>34265.871910000002</v>
      </c>
      <c r="Q8731">
        <v>42138.004630000003</v>
      </c>
      <c r="R8731">
        <v>20074.255290000001</v>
      </c>
      <c r="S8731">
        <v>96363.164139999993</v>
      </c>
      <c r="T8731">
        <v>27125.977009999999</v>
      </c>
      <c r="U8731">
        <v>14869.448179999999</v>
      </c>
      <c r="W8731" s="83">
        <f>Bühler!N8763</f>
        <v>45655.708333312163</v>
      </c>
      <c r="X8731" s="83">
        <v>43464.708333333336</v>
      </c>
      <c r="Y8731">
        <v>112796.14939999999</v>
      </c>
      <c r="Z8731">
        <v>17707.915099999998</v>
      </c>
      <c r="AA8731">
        <v>52339.919439999998</v>
      </c>
      <c r="AB8731">
        <v>37788.446100000001</v>
      </c>
      <c r="AC8731">
        <v>36783.89471</v>
      </c>
      <c r="AD8731">
        <v>25021.63193</v>
      </c>
      <c r="AE8731">
        <v>29798.528439999998</v>
      </c>
      <c r="AF8731">
        <v>43891.37876</v>
      </c>
      <c r="AG8731">
        <v>24377.68029</v>
      </c>
      <c r="AH8731">
        <v>205219.59280000001</v>
      </c>
      <c r="AI8731">
        <v>63066.002800000002</v>
      </c>
      <c r="AJ8731">
        <v>21112.972959999999</v>
      </c>
      <c r="AK8731">
        <v>34265.871910000002</v>
      </c>
      <c r="AL8731">
        <v>42138.004630000003</v>
      </c>
      <c r="AM8731">
        <v>20074.255290000001</v>
      </c>
      <c r="AN8731">
        <v>96363.164139999993</v>
      </c>
      <c r="AO8731">
        <v>27125.977009999999</v>
      </c>
      <c r="AP8731">
        <v>14869.448179999999</v>
      </c>
    </row>
    <row r="8732" spans="2:42" x14ac:dyDescent="0.3">
      <c r="B8732">
        <v>40.20092770120813</v>
      </c>
      <c r="C8732" s="83">
        <v>43464.75</v>
      </c>
      <c r="D8732">
        <v>113771.46309999999</v>
      </c>
      <c r="E8732">
        <v>17533.13982</v>
      </c>
      <c r="F8732">
        <v>51937.675280000003</v>
      </c>
      <c r="G8732">
        <v>38192.756659999999</v>
      </c>
      <c r="H8732">
        <v>37197.156719999999</v>
      </c>
      <c r="I8732">
        <v>25348.748469999999</v>
      </c>
      <c r="J8732">
        <v>30312.30991</v>
      </c>
      <c r="K8732">
        <v>41693.069810000001</v>
      </c>
      <c r="L8732">
        <v>25474.877270000001</v>
      </c>
      <c r="M8732">
        <v>204963.07680000001</v>
      </c>
      <c r="N8732">
        <v>64115.553240000001</v>
      </c>
      <c r="O8732">
        <v>21000.85483</v>
      </c>
      <c r="P8732">
        <v>36393.329579999998</v>
      </c>
      <c r="Q8732">
        <v>42757.50187</v>
      </c>
      <c r="R8732">
        <v>20125.204119999999</v>
      </c>
      <c r="S8732">
        <v>94665.777629999997</v>
      </c>
      <c r="T8732">
        <v>27769.18477</v>
      </c>
      <c r="U8732">
        <v>14977.793659999999</v>
      </c>
      <c r="W8732" s="83">
        <f>Bühler!N8764</f>
        <v>45655.749999978827</v>
      </c>
      <c r="X8732" s="83">
        <v>43464.75</v>
      </c>
      <c r="Y8732">
        <v>113771.46309999999</v>
      </c>
      <c r="Z8732">
        <v>17533.13982</v>
      </c>
      <c r="AA8732">
        <v>51937.675280000003</v>
      </c>
      <c r="AB8732">
        <v>38192.756659999999</v>
      </c>
      <c r="AC8732">
        <v>37197.156719999999</v>
      </c>
      <c r="AD8732">
        <v>25348.748469999999</v>
      </c>
      <c r="AE8732">
        <v>30312.30991</v>
      </c>
      <c r="AF8732">
        <v>41693.069810000001</v>
      </c>
      <c r="AG8732">
        <v>25474.877270000001</v>
      </c>
      <c r="AH8732">
        <v>204963.07680000001</v>
      </c>
      <c r="AI8732">
        <v>64115.553240000001</v>
      </c>
      <c r="AJ8732">
        <v>21000.85483</v>
      </c>
      <c r="AK8732">
        <v>36393.329579999998</v>
      </c>
      <c r="AL8732">
        <v>42757.50187</v>
      </c>
      <c r="AM8732">
        <v>20125.204119999999</v>
      </c>
      <c r="AN8732">
        <v>94665.777629999997</v>
      </c>
      <c r="AO8732">
        <v>27769.18477</v>
      </c>
      <c r="AP8732">
        <v>14977.793659999999</v>
      </c>
    </row>
    <row r="8733" spans="2:42" x14ac:dyDescent="0.3">
      <c r="B8733">
        <v>39.974565257564471</v>
      </c>
      <c r="C8733" s="83">
        <v>43464.791666666664</v>
      </c>
      <c r="D8733">
        <v>114114.9068</v>
      </c>
      <c r="E8733">
        <v>16489.657340000002</v>
      </c>
      <c r="F8733">
        <v>50491.350259999999</v>
      </c>
      <c r="G8733">
        <v>37898.152450000001</v>
      </c>
      <c r="H8733">
        <v>36697.979769999998</v>
      </c>
      <c r="I8733">
        <v>25201.943200000002</v>
      </c>
      <c r="J8733">
        <v>29716.798930000001</v>
      </c>
      <c r="K8733">
        <v>42505.437319999997</v>
      </c>
      <c r="L8733">
        <v>26353.66258</v>
      </c>
      <c r="M8733">
        <v>203808.9755</v>
      </c>
      <c r="N8733">
        <v>64066.969870000001</v>
      </c>
      <c r="O8733">
        <v>20970.432990000001</v>
      </c>
      <c r="P8733">
        <v>36671.06667</v>
      </c>
      <c r="Q8733">
        <v>43196.665540000002</v>
      </c>
      <c r="R8733">
        <v>20279.76915</v>
      </c>
      <c r="S8733">
        <v>93111.523119999998</v>
      </c>
      <c r="T8733">
        <v>26927.309539999998</v>
      </c>
      <c r="U8733">
        <v>14704.33461</v>
      </c>
      <c r="W8733" s="83">
        <f>Bühler!N8765</f>
        <v>45655.791666645491</v>
      </c>
      <c r="X8733" s="83">
        <v>43464.791666666664</v>
      </c>
      <c r="Y8733">
        <v>114114.9068</v>
      </c>
      <c r="Z8733">
        <v>16489.657340000002</v>
      </c>
      <c r="AA8733">
        <v>50491.350259999999</v>
      </c>
      <c r="AB8733">
        <v>37898.152450000001</v>
      </c>
      <c r="AC8733">
        <v>36697.979769999998</v>
      </c>
      <c r="AD8733">
        <v>25201.943200000002</v>
      </c>
      <c r="AE8733">
        <v>29716.798930000001</v>
      </c>
      <c r="AF8733">
        <v>42505.437319999997</v>
      </c>
      <c r="AG8733">
        <v>26353.66258</v>
      </c>
      <c r="AH8733">
        <v>203808.9755</v>
      </c>
      <c r="AI8733">
        <v>64066.969870000001</v>
      </c>
      <c r="AJ8733">
        <v>20970.432990000001</v>
      </c>
      <c r="AK8733">
        <v>36671.06667</v>
      </c>
      <c r="AL8733">
        <v>43196.665540000002</v>
      </c>
      <c r="AM8733">
        <v>20279.76915</v>
      </c>
      <c r="AN8733">
        <v>93111.523119999998</v>
      </c>
      <c r="AO8733">
        <v>26927.309539999998</v>
      </c>
      <c r="AP8733">
        <v>14704.33461</v>
      </c>
    </row>
    <row r="8734" spans="2:42" x14ac:dyDescent="0.3">
      <c r="B8734">
        <v>40.599430812483092</v>
      </c>
      <c r="C8734" s="83">
        <v>43464.833333333336</v>
      </c>
      <c r="D8734">
        <v>114786.64870000001</v>
      </c>
      <c r="E8734">
        <v>15363.70191</v>
      </c>
      <c r="F8734">
        <v>50247.854079999997</v>
      </c>
      <c r="G8734">
        <v>37429.978949999997</v>
      </c>
      <c r="H8734">
        <v>36737.545760000001</v>
      </c>
      <c r="I8734">
        <v>24925.02519</v>
      </c>
      <c r="J8734">
        <v>29172.459009999999</v>
      </c>
      <c r="K8734">
        <v>46212.228130000003</v>
      </c>
      <c r="L8734">
        <v>25952.385760000001</v>
      </c>
      <c r="M8734">
        <v>206994.8315</v>
      </c>
      <c r="N8734">
        <v>63978.257019999997</v>
      </c>
      <c r="O8734">
        <v>21356.59505</v>
      </c>
      <c r="P8734">
        <v>37365.962220000001</v>
      </c>
      <c r="Q8734">
        <v>44041.247230000001</v>
      </c>
      <c r="R8734">
        <v>20955.927530000001</v>
      </c>
      <c r="S8734">
        <v>86751.211840000004</v>
      </c>
      <c r="T8734">
        <v>25494.4925</v>
      </c>
      <c r="U8734">
        <v>14719.55128</v>
      </c>
      <c r="W8734" s="83">
        <f>Bühler!N8766</f>
        <v>45655.833333312155</v>
      </c>
      <c r="X8734" s="83">
        <v>43464.833333333336</v>
      </c>
      <c r="Y8734">
        <v>114786.64870000001</v>
      </c>
      <c r="Z8734">
        <v>15363.70191</v>
      </c>
      <c r="AA8734">
        <v>50247.854079999997</v>
      </c>
      <c r="AB8734">
        <v>37429.978949999997</v>
      </c>
      <c r="AC8734">
        <v>36737.545760000001</v>
      </c>
      <c r="AD8734">
        <v>24925.02519</v>
      </c>
      <c r="AE8734">
        <v>29172.459009999999</v>
      </c>
      <c r="AF8734">
        <v>46212.228130000003</v>
      </c>
      <c r="AG8734">
        <v>25952.385760000001</v>
      </c>
      <c r="AH8734">
        <v>206994.8315</v>
      </c>
      <c r="AI8734">
        <v>63978.257019999997</v>
      </c>
      <c r="AJ8734">
        <v>21356.59505</v>
      </c>
      <c r="AK8734">
        <v>37365.962220000001</v>
      </c>
      <c r="AL8734">
        <v>44041.247230000001</v>
      </c>
      <c r="AM8734">
        <v>20955.927530000001</v>
      </c>
      <c r="AN8734">
        <v>86751.211840000004</v>
      </c>
      <c r="AO8734">
        <v>25494.4925</v>
      </c>
      <c r="AP8734">
        <v>14719.55128</v>
      </c>
    </row>
    <row r="8735" spans="2:42" x14ac:dyDescent="0.3">
      <c r="B8735">
        <v>41.353603311055508</v>
      </c>
      <c r="C8735" s="83">
        <v>43464.875</v>
      </c>
      <c r="D8735">
        <v>115381.11500000001</v>
      </c>
      <c r="E8735">
        <v>14816.90064</v>
      </c>
      <c r="F8735">
        <v>49228.777320000001</v>
      </c>
      <c r="G8735">
        <v>37397.73878</v>
      </c>
      <c r="H8735">
        <v>36311.053899999999</v>
      </c>
      <c r="I8735">
        <v>23831.361870000001</v>
      </c>
      <c r="J8735">
        <v>28331.235240000002</v>
      </c>
      <c r="K8735">
        <v>46220.863709999998</v>
      </c>
      <c r="L8735">
        <v>24974.67813</v>
      </c>
      <c r="M8735">
        <v>210839.9546</v>
      </c>
      <c r="N8735">
        <v>63633.949910000003</v>
      </c>
      <c r="O8735">
        <v>21488.066190000001</v>
      </c>
      <c r="P8735">
        <v>35373.739289999998</v>
      </c>
      <c r="Q8735">
        <v>45587.941409999999</v>
      </c>
      <c r="R8735">
        <v>19971.442599999998</v>
      </c>
      <c r="S8735">
        <v>83202.624830000001</v>
      </c>
      <c r="T8735">
        <v>24787.162950000002</v>
      </c>
      <c r="U8735">
        <v>14628.71989</v>
      </c>
      <c r="W8735" s="83">
        <f>Bühler!N8767</f>
        <v>45655.87499997882</v>
      </c>
      <c r="X8735" s="83">
        <v>43464.875</v>
      </c>
      <c r="Y8735">
        <v>115381.11500000001</v>
      </c>
      <c r="Z8735">
        <v>14816.90064</v>
      </c>
      <c r="AA8735">
        <v>49228.777320000001</v>
      </c>
      <c r="AB8735">
        <v>37397.73878</v>
      </c>
      <c r="AC8735">
        <v>36311.053899999999</v>
      </c>
      <c r="AD8735">
        <v>23831.361870000001</v>
      </c>
      <c r="AE8735">
        <v>28331.235240000002</v>
      </c>
      <c r="AF8735">
        <v>46220.863709999998</v>
      </c>
      <c r="AG8735">
        <v>24974.67813</v>
      </c>
      <c r="AH8735">
        <v>210839.9546</v>
      </c>
      <c r="AI8735">
        <v>63633.949910000003</v>
      </c>
      <c r="AJ8735">
        <v>21488.066190000001</v>
      </c>
      <c r="AK8735">
        <v>35373.739289999998</v>
      </c>
      <c r="AL8735">
        <v>45587.941409999999</v>
      </c>
      <c r="AM8735">
        <v>19971.442599999998</v>
      </c>
      <c r="AN8735">
        <v>83202.624830000001</v>
      </c>
      <c r="AO8735">
        <v>24787.162950000002</v>
      </c>
      <c r="AP8735">
        <v>14628.71989</v>
      </c>
    </row>
    <row r="8736" spans="2:42" x14ac:dyDescent="0.3">
      <c r="B8736">
        <v>42.297278129580356</v>
      </c>
      <c r="C8736" s="83">
        <v>43464.916666666664</v>
      </c>
      <c r="D8736">
        <v>115921.5716</v>
      </c>
      <c r="E8736">
        <v>14685.94269</v>
      </c>
      <c r="F8736">
        <v>49137.93737</v>
      </c>
      <c r="G8736">
        <v>37587.765220000001</v>
      </c>
      <c r="H8736">
        <v>36605.529900000001</v>
      </c>
      <c r="I8736">
        <v>23628.318240000001</v>
      </c>
      <c r="J8736">
        <v>27725.748510000001</v>
      </c>
      <c r="K8736">
        <v>49077.291590000001</v>
      </c>
      <c r="L8736">
        <v>22870.757089999999</v>
      </c>
      <c r="M8736">
        <v>215651.24890000001</v>
      </c>
      <c r="N8736">
        <v>63815.230649999998</v>
      </c>
      <c r="O8736">
        <v>22091.14875</v>
      </c>
      <c r="P8736">
        <v>37559.114580000001</v>
      </c>
      <c r="Q8736">
        <v>46292.631379999999</v>
      </c>
      <c r="R8736">
        <v>26911.993480000001</v>
      </c>
      <c r="S8736">
        <v>82011.156310000006</v>
      </c>
      <c r="T8736">
        <v>24431.332729999998</v>
      </c>
      <c r="U8736">
        <v>15776.34117</v>
      </c>
      <c r="W8736" s="83">
        <f>Bühler!N8768</f>
        <v>45655.916666645484</v>
      </c>
      <c r="X8736" s="83">
        <v>43464.916666666664</v>
      </c>
      <c r="Y8736">
        <v>115921.5716</v>
      </c>
      <c r="Z8736">
        <v>14685.94269</v>
      </c>
      <c r="AA8736">
        <v>49137.93737</v>
      </c>
      <c r="AB8736">
        <v>37587.765220000001</v>
      </c>
      <c r="AC8736">
        <v>36605.529900000001</v>
      </c>
      <c r="AD8736">
        <v>23628.318240000001</v>
      </c>
      <c r="AE8736">
        <v>27725.748510000001</v>
      </c>
      <c r="AF8736">
        <v>49077.291590000001</v>
      </c>
      <c r="AG8736">
        <v>22870.757089999999</v>
      </c>
      <c r="AH8736">
        <v>215651.24890000001</v>
      </c>
      <c r="AI8736">
        <v>63815.230649999998</v>
      </c>
      <c r="AJ8736">
        <v>22091.14875</v>
      </c>
      <c r="AK8736">
        <v>37559.114580000001</v>
      </c>
      <c r="AL8736">
        <v>46292.631379999999</v>
      </c>
      <c r="AM8736">
        <v>26911.993480000001</v>
      </c>
      <c r="AN8736">
        <v>82011.156310000006</v>
      </c>
      <c r="AO8736">
        <v>24431.332729999998</v>
      </c>
      <c r="AP8736">
        <v>15776.34117</v>
      </c>
    </row>
    <row r="8737" spans="2:42" x14ac:dyDescent="0.3">
      <c r="B8737">
        <v>42.785990427138508</v>
      </c>
      <c r="C8737" s="83">
        <v>43464.958333333336</v>
      </c>
      <c r="D8737">
        <v>117335.73149999999</v>
      </c>
      <c r="E8737">
        <v>22341.2058</v>
      </c>
      <c r="F8737">
        <v>53374.705289999998</v>
      </c>
      <c r="G8737">
        <v>39474.456319999998</v>
      </c>
      <c r="H8737">
        <v>46675.885840000003</v>
      </c>
      <c r="I8737">
        <v>30474.41995</v>
      </c>
      <c r="J8737">
        <v>48728.822</v>
      </c>
      <c r="K8737">
        <v>56690.540330000003</v>
      </c>
      <c r="L8737">
        <v>33667.791389999999</v>
      </c>
      <c r="M8737">
        <v>218142.93210000001</v>
      </c>
      <c r="N8737">
        <v>95411.483200000002</v>
      </c>
      <c r="O8737">
        <v>28229.429749999999</v>
      </c>
      <c r="P8737">
        <v>39570.14387</v>
      </c>
      <c r="Q8737">
        <v>58135.984179999999</v>
      </c>
      <c r="R8737">
        <v>45208.558369999999</v>
      </c>
      <c r="S8737">
        <v>83088.201679999998</v>
      </c>
      <c r="T8737">
        <v>35591.886899999998</v>
      </c>
      <c r="U8737">
        <v>22505.643459999999</v>
      </c>
      <c r="W8737" s="83">
        <f>Bühler!N8769</f>
        <v>45655.958333312148</v>
      </c>
      <c r="X8737" s="83">
        <v>43464.958333333336</v>
      </c>
      <c r="Y8737">
        <v>117335.73149999999</v>
      </c>
      <c r="Z8737">
        <v>22341.2058</v>
      </c>
      <c r="AA8737">
        <v>53374.705289999998</v>
      </c>
      <c r="AB8737">
        <v>39474.456319999998</v>
      </c>
      <c r="AC8737">
        <v>46675.885840000003</v>
      </c>
      <c r="AD8737">
        <v>30474.41995</v>
      </c>
      <c r="AE8737">
        <v>48728.822</v>
      </c>
      <c r="AF8737">
        <v>56690.540330000003</v>
      </c>
      <c r="AG8737">
        <v>33667.791389999999</v>
      </c>
      <c r="AH8737">
        <v>218142.93210000001</v>
      </c>
      <c r="AI8737">
        <v>95411.483200000002</v>
      </c>
      <c r="AJ8737">
        <v>28229.429749999999</v>
      </c>
      <c r="AK8737">
        <v>39570.14387</v>
      </c>
      <c r="AL8737">
        <v>58135.984179999999</v>
      </c>
      <c r="AM8737">
        <v>45208.558369999999</v>
      </c>
      <c r="AN8737">
        <v>83088.201679999998</v>
      </c>
      <c r="AO8737">
        <v>35591.886899999998</v>
      </c>
      <c r="AP8737">
        <v>22505.643459999999</v>
      </c>
    </row>
    <row r="8738" spans="2:42" x14ac:dyDescent="0.3">
      <c r="B8738">
        <v>39.629072813002338</v>
      </c>
      <c r="C8738" s="83">
        <v>43464.999999305554</v>
      </c>
      <c r="D8738">
        <v>113943.3195</v>
      </c>
      <c r="E8738">
        <v>14253.565619999999</v>
      </c>
      <c r="F8738">
        <v>48635.712489999998</v>
      </c>
      <c r="G8738">
        <v>36966.230539999997</v>
      </c>
      <c r="H8738">
        <v>36257.848259999999</v>
      </c>
      <c r="I8738">
        <v>22118.05096</v>
      </c>
      <c r="J8738">
        <v>24710.360960000002</v>
      </c>
      <c r="K8738">
        <v>49143.291499999999</v>
      </c>
      <c r="L8738">
        <v>19110.467420000001</v>
      </c>
      <c r="M8738">
        <v>202047.4939</v>
      </c>
      <c r="N8738">
        <v>63717.092080000002</v>
      </c>
      <c r="O8738">
        <v>22014.505349999999</v>
      </c>
      <c r="P8738">
        <v>33869.432610000003</v>
      </c>
      <c r="Q8738">
        <v>41671.040549999998</v>
      </c>
      <c r="R8738">
        <v>25968.72884</v>
      </c>
      <c r="S8738">
        <v>80037.714569999996</v>
      </c>
      <c r="T8738">
        <v>27168.45161</v>
      </c>
      <c r="U8738">
        <v>15163.15962</v>
      </c>
      <c r="W8738" s="83">
        <f>Bühler!N8770</f>
        <v>45655.999999978812</v>
      </c>
      <c r="X8738" s="83">
        <v>43464.999999305554</v>
      </c>
      <c r="Y8738">
        <f>Y8714</f>
        <v>113943.3195</v>
      </c>
      <c r="Z8738">
        <f t="shared" ref="Z8738:AP8753" si="0">Z8714</f>
        <v>14253.565619999999</v>
      </c>
      <c r="AA8738">
        <f t="shared" si="0"/>
        <v>48635.712489999998</v>
      </c>
      <c r="AB8738">
        <f t="shared" si="0"/>
        <v>36966.230539999997</v>
      </c>
      <c r="AC8738">
        <f t="shared" si="0"/>
        <v>36257.848259999999</v>
      </c>
      <c r="AD8738">
        <f t="shared" si="0"/>
        <v>22118.05096</v>
      </c>
      <c r="AE8738">
        <f t="shared" si="0"/>
        <v>24710.360960000002</v>
      </c>
      <c r="AF8738">
        <f t="shared" si="0"/>
        <v>49143.291499999999</v>
      </c>
      <c r="AG8738">
        <f t="shared" si="0"/>
        <v>19110.467420000001</v>
      </c>
      <c r="AH8738">
        <f t="shared" si="0"/>
        <v>202047.4939</v>
      </c>
      <c r="AI8738">
        <f t="shared" si="0"/>
        <v>63717.092080000002</v>
      </c>
      <c r="AJ8738">
        <f t="shared" si="0"/>
        <v>22014.505349999999</v>
      </c>
      <c r="AK8738">
        <f t="shared" si="0"/>
        <v>33869.432610000003</v>
      </c>
      <c r="AL8738">
        <f t="shared" si="0"/>
        <v>41671.040549999998</v>
      </c>
      <c r="AM8738">
        <f t="shared" si="0"/>
        <v>25968.72884</v>
      </c>
      <c r="AN8738">
        <f t="shared" si="0"/>
        <v>80037.714569999996</v>
      </c>
      <c r="AO8738">
        <f t="shared" si="0"/>
        <v>27168.45161</v>
      </c>
      <c r="AP8738">
        <f t="shared" si="0"/>
        <v>15163.15962</v>
      </c>
    </row>
    <row r="8739" spans="2:42" x14ac:dyDescent="0.3">
      <c r="B8739">
        <v>39.796906067673149</v>
      </c>
      <c r="C8739" s="83">
        <v>43465.041665914352</v>
      </c>
      <c r="D8739">
        <v>113764.9909</v>
      </c>
      <c r="E8739">
        <v>14306.99243</v>
      </c>
      <c r="F8739">
        <v>48868.56235</v>
      </c>
      <c r="G8739">
        <v>36997.878579999997</v>
      </c>
      <c r="H8739">
        <v>35822.48317</v>
      </c>
      <c r="I8739">
        <v>19346.105769999998</v>
      </c>
      <c r="J8739">
        <v>24419.682519999998</v>
      </c>
      <c r="K8739">
        <v>48092.46802</v>
      </c>
      <c r="L8739">
        <v>18408.463619999999</v>
      </c>
      <c r="M8739">
        <v>202903.18609999999</v>
      </c>
      <c r="N8739">
        <v>62728.734279999997</v>
      </c>
      <c r="O8739">
        <v>21942.76067</v>
      </c>
      <c r="P8739">
        <v>32253.736099999998</v>
      </c>
      <c r="Q8739">
        <v>42807.798600000002</v>
      </c>
      <c r="R8739">
        <v>25602.456699999999</v>
      </c>
      <c r="S8739">
        <v>79329.854349999994</v>
      </c>
      <c r="T8739">
        <v>26835.253079999999</v>
      </c>
      <c r="U8739">
        <v>15271.49625</v>
      </c>
      <c r="W8739" s="83">
        <f>Bühler!N8771</f>
        <v>45656.041666645477</v>
      </c>
      <c r="X8739" s="83">
        <v>43465.041665914352</v>
      </c>
      <c r="Y8739">
        <f t="shared" ref="Y8739:AN8761" si="1">Y8715</f>
        <v>113764.9909</v>
      </c>
      <c r="Z8739">
        <f t="shared" si="1"/>
        <v>14306.99243</v>
      </c>
      <c r="AA8739">
        <f t="shared" si="1"/>
        <v>48868.56235</v>
      </c>
      <c r="AB8739">
        <f t="shared" si="1"/>
        <v>36997.878579999997</v>
      </c>
      <c r="AC8739">
        <f t="shared" si="1"/>
        <v>35822.48317</v>
      </c>
      <c r="AD8739">
        <f t="shared" si="1"/>
        <v>19346.105769999998</v>
      </c>
      <c r="AE8739">
        <f t="shared" si="1"/>
        <v>24419.682519999998</v>
      </c>
      <c r="AF8739">
        <f t="shared" si="1"/>
        <v>48092.46802</v>
      </c>
      <c r="AG8739">
        <f t="shared" si="1"/>
        <v>18408.463619999999</v>
      </c>
      <c r="AH8739">
        <f t="shared" si="1"/>
        <v>202903.18609999999</v>
      </c>
      <c r="AI8739">
        <f t="shared" si="1"/>
        <v>62728.734279999997</v>
      </c>
      <c r="AJ8739">
        <f t="shared" si="1"/>
        <v>21942.76067</v>
      </c>
      <c r="AK8739">
        <f t="shared" si="1"/>
        <v>32253.736099999998</v>
      </c>
      <c r="AL8739">
        <f t="shared" si="1"/>
        <v>42807.798600000002</v>
      </c>
      <c r="AM8739">
        <f t="shared" si="1"/>
        <v>25602.456699999999</v>
      </c>
      <c r="AN8739">
        <f t="shared" si="1"/>
        <v>79329.854349999994</v>
      </c>
      <c r="AO8739">
        <f t="shared" si="0"/>
        <v>26835.253079999999</v>
      </c>
      <c r="AP8739">
        <f t="shared" si="0"/>
        <v>15271.49625</v>
      </c>
    </row>
    <row r="8740" spans="2:42" x14ac:dyDescent="0.3">
      <c r="B8740">
        <v>39.998255518889934</v>
      </c>
      <c r="C8740" s="83">
        <v>43465.083332523151</v>
      </c>
      <c r="D8740">
        <v>114028.63860000001</v>
      </c>
      <c r="E8740">
        <v>14279.174059999999</v>
      </c>
      <c r="F8740">
        <v>49198.735180000003</v>
      </c>
      <c r="G8740">
        <v>36611.061350000004</v>
      </c>
      <c r="H8740">
        <v>35783.869579999999</v>
      </c>
      <c r="I8740">
        <v>17295.265589999999</v>
      </c>
      <c r="J8740">
        <v>24566.199120000001</v>
      </c>
      <c r="K8740">
        <v>46949.014539999996</v>
      </c>
      <c r="L8740">
        <v>17820.782070000001</v>
      </c>
      <c r="M8740">
        <v>203929.75949999999</v>
      </c>
      <c r="N8740">
        <v>62410.299870000003</v>
      </c>
      <c r="O8740">
        <v>21977.815579999999</v>
      </c>
      <c r="P8740">
        <v>30964.86868</v>
      </c>
      <c r="Q8740">
        <v>45734.88437</v>
      </c>
      <c r="R8740">
        <v>24363.277300000002</v>
      </c>
      <c r="S8740">
        <v>78939.784710000007</v>
      </c>
      <c r="T8740">
        <v>26678.79722</v>
      </c>
      <c r="U8740">
        <v>15367.146989999999</v>
      </c>
      <c r="W8740" s="83">
        <f>Bühler!N8772</f>
        <v>45656.083333312141</v>
      </c>
      <c r="X8740" s="83">
        <v>43465.083332523151</v>
      </c>
      <c r="Y8740">
        <f t="shared" si="1"/>
        <v>114028.63860000001</v>
      </c>
      <c r="Z8740">
        <f t="shared" si="0"/>
        <v>14279.174059999999</v>
      </c>
      <c r="AA8740">
        <f t="shared" si="0"/>
        <v>49198.735180000003</v>
      </c>
      <c r="AB8740">
        <f t="shared" si="0"/>
        <v>36611.061350000004</v>
      </c>
      <c r="AC8740">
        <f t="shared" si="0"/>
        <v>35783.869579999999</v>
      </c>
      <c r="AD8740">
        <f t="shared" si="0"/>
        <v>17295.265589999999</v>
      </c>
      <c r="AE8740">
        <f t="shared" si="0"/>
        <v>24566.199120000001</v>
      </c>
      <c r="AF8740">
        <f t="shared" si="0"/>
        <v>46949.014539999996</v>
      </c>
      <c r="AG8740">
        <f t="shared" si="0"/>
        <v>17820.782070000001</v>
      </c>
      <c r="AH8740">
        <f t="shared" si="0"/>
        <v>203929.75949999999</v>
      </c>
      <c r="AI8740">
        <f t="shared" si="0"/>
        <v>62410.299870000003</v>
      </c>
      <c r="AJ8740">
        <f t="shared" si="0"/>
        <v>21977.815579999999</v>
      </c>
      <c r="AK8740">
        <f t="shared" si="0"/>
        <v>30964.86868</v>
      </c>
      <c r="AL8740">
        <f t="shared" si="0"/>
        <v>45734.88437</v>
      </c>
      <c r="AM8740">
        <f t="shared" si="0"/>
        <v>24363.277300000002</v>
      </c>
      <c r="AN8740">
        <f t="shared" si="0"/>
        <v>78939.784710000007</v>
      </c>
      <c r="AO8740">
        <f t="shared" si="0"/>
        <v>26678.79722</v>
      </c>
      <c r="AP8740">
        <f t="shared" si="0"/>
        <v>15367.146989999999</v>
      </c>
    </row>
    <row r="8741" spans="2:42" x14ac:dyDescent="0.3">
      <c r="B8741">
        <v>39.77318052122704</v>
      </c>
      <c r="C8741" s="83">
        <v>43465.124999131942</v>
      </c>
      <c r="D8741">
        <v>113843.6075</v>
      </c>
      <c r="E8741">
        <v>14357.179480000001</v>
      </c>
      <c r="F8741">
        <v>48684.744059999997</v>
      </c>
      <c r="G8741">
        <v>36023.026129999998</v>
      </c>
      <c r="H8741">
        <v>35807.457520000004</v>
      </c>
      <c r="I8741">
        <v>16520.38812</v>
      </c>
      <c r="J8741">
        <v>24545.708070000001</v>
      </c>
      <c r="K8741">
        <v>46294.401879999998</v>
      </c>
      <c r="L8741">
        <v>17830.86839</v>
      </c>
      <c r="M8741">
        <v>202782.22219999999</v>
      </c>
      <c r="N8741">
        <v>62391.995600000002</v>
      </c>
      <c r="O8741">
        <v>22071.86896</v>
      </c>
      <c r="P8741">
        <v>30225.011119999999</v>
      </c>
      <c r="Q8741">
        <v>46194.919809999999</v>
      </c>
      <c r="R8741">
        <v>23811.053159999999</v>
      </c>
      <c r="S8741">
        <v>78203.487439999997</v>
      </c>
      <c r="T8741">
        <v>26823.935710000002</v>
      </c>
      <c r="U8741">
        <v>15609.90832</v>
      </c>
      <c r="W8741" s="83">
        <f>Bühler!N8773</f>
        <v>45656.124999978805</v>
      </c>
      <c r="X8741" s="83">
        <v>43465.124999131942</v>
      </c>
      <c r="Y8741">
        <f t="shared" si="1"/>
        <v>113843.6075</v>
      </c>
      <c r="Z8741">
        <f t="shared" si="0"/>
        <v>14357.179480000001</v>
      </c>
      <c r="AA8741">
        <f t="shared" si="0"/>
        <v>48684.744059999997</v>
      </c>
      <c r="AB8741">
        <f t="shared" si="0"/>
        <v>36023.026129999998</v>
      </c>
      <c r="AC8741">
        <f t="shared" si="0"/>
        <v>35807.457520000004</v>
      </c>
      <c r="AD8741">
        <f t="shared" si="0"/>
        <v>16520.38812</v>
      </c>
      <c r="AE8741">
        <f t="shared" si="0"/>
        <v>24545.708070000001</v>
      </c>
      <c r="AF8741">
        <f t="shared" si="0"/>
        <v>46294.401879999998</v>
      </c>
      <c r="AG8741">
        <f t="shared" si="0"/>
        <v>17830.86839</v>
      </c>
      <c r="AH8741">
        <f t="shared" si="0"/>
        <v>202782.22219999999</v>
      </c>
      <c r="AI8741">
        <f t="shared" si="0"/>
        <v>62391.995600000002</v>
      </c>
      <c r="AJ8741">
        <f t="shared" si="0"/>
        <v>22071.86896</v>
      </c>
      <c r="AK8741">
        <f t="shared" si="0"/>
        <v>30225.011119999999</v>
      </c>
      <c r="AL8741">
        <f t="shared" si="0"/>
        <v>46194.919809999999</v>
      </c>
      <c r="AM8741">
        <f t="shared" si="0"/>
        <v>23811.053159999999</v>
      </c>
      <c r="AN8741">
        <f t="shared" si="0"/>
        <v>78203.487439999997</v>
      </c>
      <c r="AO8741">
        <f t="shared" si="0"/>
        <v>26823.935710000002</v>
      </c>
      <c r="AP8741">
        <f t="shared" si="0"/>
        <v>15609.90832</v>
      </c>
    </row>
    <row r="8742" spans="2:42" x14ac:dyDescent="0.3">
      <c r="B8742">
        <v>39.711192213606132</v>
      </c>
      <c r="C8742" s="83">
        <v>43465.16666574074</v>
      </c>
      <c r="D8742">
        <v>114461.359</v>
      </c>
      <c r="E8742">
        <v>14376.20995</v>
      </c>
      <c r="F8742">
        <v>49305.4522</v>
      </c>
      <c r="G8742">
        <v>35881.05906</v>
      </c>
      <c r="H8742">
        <v>35899.915800000002</v>
      </c>
      <c r="I8742">
        <v>17474.579249999999</v>
      </c>
      <c r="J8742">
        <v>25901.182260000001</v>
      </c>
      <c r="K8742">
        <v>44430.35267</v>
      </c>
      <c r="L8742">
        <v>18068.103289999999</v>
      </c>
      <c r="M8742">
        <v>202466.17689999999</v>
      </c>
      <c r="N8742">
        <v>61954.558250000002</v>
      </c>
      <c r="O8742">
        <v>22382.023140000001</v>
      </c>
      <c r="P8742">
        <v>29946.608919999999</v>
      </c>
      <c r="Q8742">
        <v>46107.630770000003</v>
      </c>
      <c r="R8742">
        <v>23220.978910000002</v>
      </c>
      <c r="S8742">
        <v>79095.957850000006</v>
      </c>
      <c r="T8742">
        <v>26897.861489999999</v>
      </c>
      <c r="U8742">
        <v>15860.83181</v>
      </c>
      <c r="W8742" s="83">
        <f>Bühler!N8774</f>
        <v>45656.166666645469</v>
      </c>
      <c r="X8742" s="83">
        <v>43465.16666574074</v>
      </c>
      <c r="Y8742">
        <f t="shared" si="1"/>
        <v>114461.359</v>
      </c>
      <c r="Z8742">
        <f t="shared" si="0"/>
        <v>14376.20995</v>
      </c>
      <c r="AA8742">
        <f t="shared" si="0"/>
        <v>49305.4522</v>
      </c>
      <c r="AB8742">
        <f t="shared" si="0"/>
        <v>35881.05906</v>
      </c>
      <c r="AC8742">
        <f t="shared" si="0"/>
        <v>35899.915800000002</v>
      </c>
      <c r="AD8742">
        <f t="shared" si="0"/>
        <v>17474.579249999999</v>
      </c>
      <c r="AE8742">
        <f t="shared" si="0"/>
        <v>25901.182260000001</v>
      </c>
      <c r="AF8742">
        <f t="shared" si="0"/>
        <v>44430.35267</v>
      </c>
      <c r="AG8742">
        <f t="shared" si="0"/>
        <v>18068.103289999999</v>
      </c>
      <c r="AH8742">
        <f t="shared" si="0"/>
        <v>202466.17689999999</v>
      </c>
      <c r="AI8742">
        <f t="shared" si="0"/>
        <v>61954.558250000002</v>
      </c>
      <c r="AJ8742">
        <f t="shared" si="0"/>
        <v>22382.023140000001</v>
      </c>
      <c r="AK8742">
        <f t="shared" si="0"/>
        <v>29946.608919999999</v>
      </c>
      <c r="AL8742">
        <f t="shared" si="0"/>
        <v>46107.630770000003</v>
      </c>
      <c r="AM8742">
        <f t="shared" si="0"/>
        <v>23220.978910000002</v>
      </c>
      <c r="AN8742">
        <f t="shared" si="0"/>
        <v>79095.957850000006</v>
      </c>
      <c r="AO8742">
        <f t="shared" si="0"/>
        <v>26897.861489999999</v>
      </c>
      <c r="AP8742">
        <f t="shared" si="0"/>
        <v>15860.83181</v>
      </c>
    </row>
    <row r="8743" spans="2:42" x14ac:dyDescent="0.3">
      <c r="B8743">
        <v>40.03438306934256</v>
      </c>
      <c r="C8743" s="83">
        <v>43465.208332349539</v>
      </c>
      <c r="D8743">
        <v>114998.1388</v>
      </c>
      <c r="E8743">
        <v>14936.45218</v>
      </c>
      <c r="F8743">
        <v>51071.864580000001</v>
      </c>
      <c r="G8743">
        <v>36385.374940000002</v>
      </c>
      <c r="H8743">
        <v>36579.879480000003</v>
      </c>
      <c r="I8743">
        <v>21527.809379999999</v>
      </c>
      <c r="J8743">
        <v>27695.351549999999</v>
      </c>
      <c r="K8743">
        <v>42931.832060000001</v>
      </c>
      <c r="L8743">
        <v>18507.05689</v>
      </c>
      <c r="M8743">
        <v>204113.9546</v>
      </c>
      <c r="N8743">
        <v>61278.665110000002</v>
      </c>
      <c r="O8743">
        <v>22374.476900000001</v>
      </c>
      <c r="P8743">
        <v>31149.788270000001</v>
      </c>
      <c r="Q8743">
        <v>47262.569170000002</v>
      </c>
      <c r="R8743">
        <v>23177.594710000001</v>
      </c>
      <c r="S8743">
        <v>80619.21458</v>
      </c>
      <c r="T8743">
        <v>26903.282739999999</v>
      </c>
      <c r="U8743">
        <v>15991.52046</v>
      </c>
      <c r="W8743" s="83">
        <f>Bühler!N8775</f>
        <v>45656.208333312134</v>
      </c>
      <c r="X8743" s="83">
        <v>43465.208332349539</v>
      </c>
      <c r="Y8743">
        <f t="shared" si="1"/>
        <v>114998.1388</v>
      </c>
      <c r="Z8743">
        <f t="shared" si="0"/>
        <v>14936.45218</v>
      </c>
      <c r="AA8743">
        <f t="shared" si="0"/>
        <v>51071.864580000001</v>
      </c>
      <c r="AB8743">
        <f t="shared" si="0"/>
        <v>36385.374940000002</v>
      </c>
      <c r="AC8743">
        <f t="shared" si="0"/>
        <v>36579.879480000003</v>
      </c>
      <c r="AD8743">
        <f t="shared" si="0"/>
        <v>21527.809379999999</v>
      </c>
      <c r="AE8743">
        <f t="shared" si="0"/>
        <v>27695.351549999999</v>
      </c>
      <c r="AF8743">
        <f t="shared" si="0"/>
        <v>42931.832060000001</v>
      </c>
      <c r="AG8743">
        <f t="shared" si="0"/>
        <v>18507.05689</v>
      </c>
      <c r="AH8743">
        <f t="shared" si="0"/>
        <v>204113.9546</v>
      </c>
      <c r="AI8743">
        <f t="shared" si="0"/>
        <v>61278.665110000002</v>
      </c>
      <c r="AJ8743">
        <f t="shared" si="0"/>
        <v>22374.476900000001</v>
      </c>
      <c r="AK8743">
        <f t="shared" si="0"/>
        <v>31149.788270000001</v>
      </c>
      <c r="AL8743">
        <f t="shared" si="0"/>
        <v>47262.569170000002</v>
      </c>
      <c r="AM8743">
        <f t="shared" si="0"/>
        <v>23177.594710000001</v>
      </c>
      <c r="AN8743">
        <f t="shared" si="0"/>
        <v>80619.21458</v>
      </c>
      <c r="AO8743">
        <f t="shared" si="0"/>
        <v>26903.282739999999</v>
      </c>
      <c r="AP8743">
        <f t="shared" si="0"/>
        <v>15991.52046</v>
      </c>
    </row>
    <row r="8744" spans="2:42" x14ac:dyDescent="0.3">
      <c r="B8744">
        <v>40.42043596603483</v>
      </c>
      <c r="C8744" s="83">
        <v>43465.24999895833</v>
      </c>
      <c r="D8744">
        <v>116018.51179999999</v>
      </c>
      <c r="E8744">
        <v>15576.93274</v>
      </c>
      <c r="F8744">
        <v>52611.315929999997</v>
      </c>
      <c r="G8744">
        <v>37707.338020000003</v>
      </c>
      <c r="H8744">
        <v>36794.848279999998</v>
      </c>
      <c r="I8744">
        <v>23835.886869999998</v>
      </c>
      <c r="J8744">
        <v>29975.560519999999</v>
      </c>
      <c r="K8744">
        <v>41498.604829999997</v>
      </c>
      <c r="L8744">
        <v>18792.281920000001</v>
      </c>
      <c r="M8744">
        <v>206082.2323</v>
      </c>
      <c r="N8744">
        <v>60552.755920000003</v>
      </c>
      <c r="O8744">
        <v>22066.530320000002</v>
      </c>
      <c r="P8744">
        <v>30714.042420000002</v>
      </c>
      <c r="Q8744">
        <v>47116.39054</v>
      </c>
      <c r="R8744">
        <v>18353.012599999998</v>
      </c>
      <c r="S8744">
        <v>85987.955010000005</v>
      </c>
      <c r="T8744">
        <v>27714.519980000001</v>
      </c>
      <c r="U8744">
        <v>15306.39617</v>
      </c>
      <c r="W8744" s="83">
        <f>Bühler!N8776</f>
        <v>45656.249999978798</v>
      </c>
      <c r="X8744" s="83">
        <v>43465.24999895833</v>
      </c>
      <c r="Y8744">
        <f t="shared" si="1"/>
        <v>116018.51179999999</v>
      </c>
      <c r="Z8744">
        <f t="shared" si="0"/>
        <v>15576.93274</v>
      </c>
      <c r="AA8744">
        <f t="shared" si="0"/>
        <v>52611.315929999997</v>
      </c>
      <c r="AB8744">
        <f t="shared" si="0"/>
        <v>37707.338020000003</v>
      </c>
      <c r="AC8744">
        <f t="shared" si="0"/>
        <v>36794.848279999998</v>
      </c>
      <c r="AD8744">
        <f t="shared" si="0"/>
        <v>23835.886869999998</v>
      </c>
      <c r="AE8744">
        <f t="shared" si="0"/>
        <v>29975.560519999999</v>
      </c>
      <c r="AF8744">
        <f t="shared" si="0"/>
        <v>41498.604829999997</v>
      </c>
      <c r="AG8744">
        <f t="shared" si="0"/>
        <v>18792.281920000001</v>
      </c>
      <c r="AH8744">
        <f t="shared" si="0"/>
        <v>206082.2323</v>
      </c>
      <c r="AI8744">
        <f t="shared" si="0"/>
        <v>60552.755920000003</v>
      </c>
      <c r="AJ8744">
        <f t="shared" si="0"/>
        <v>22066.530320000002</v>
      </c>
      <c r="AK8744">
        <f t="shared" si="0"/>
        <v>30714.042420000002</v>
      </c>
      <c r="AL8744">
        <f t="shared" si="0"/>
        <v>47116.39054</v>
      </c>
      <c r="AM8744">
        <f t="shared" si="0"/>
        <v>18353.012599999998</v>
      </c>
      <c r="AN8744">
        <f t="shared" si="0"/>
        <v>85987.955010000005</v>
      </c>
      <c r="AO8744">
        <f t="shared" si="0"/>
        <v>27714.519980000001</v>
      </c>
      <c r="AP8744">
        <f t="shared" si="0"/>
        <v>15306.39617</v>
      </c>
    </row>
    <row r="8745" spans="2:42" x14ac:dyDescent="0.3">
      <c r="B8745">
        <v>40.237748107073159</v>
      </c>
      <c r="C8745" s="83">
        <v>43465.291665567129</v>
      </c>
      <c r="D8745">
        <v>116527.83530000001</v>
      </c>
      <c r="E8745">
        <v>16363.34641</v>
      </c>
      <c r="F8745">
        <v>53716.165569999997</v>
      </c>
      <c r="G8745">
        <v>38687.833639999997</v>
      </c>
      <c r="H8745">
        <v>37264.204279999998</v>
      </c>
      <c r="I8745">
        <v>25577.350549999999</v>
      </c>
      <c r="J8745">
        <v>31009.95881</v>
      </c>
      <c r="K8745">
        <v>41511.446830000001</v>
      </c>
      <c r="L8745">
        <v>20676.657889999999</v>
      </c>
      <c r="M8745">
        <v>205150.80439999999</v>
      </c>
      <c r="N8745">
        <v>60609.258110000002</v>
      </c>
      <c r="O8745">
        <v>22621.965359999998</v>
      </c>
      <c r="P8745">
        <v>31630.84765</v>
      </c>
      <c r="Q8745">
        <v>46121.072809999998</v>
      </c>
      <c r="R8745">
        <v>18378.616139999998</v>
      </c>
      <c r="S8745">
        <v>93846.538759999996</v>
      </c>
      <c r="T8745">
        <v>26224.115679999999</v>
      </c>
      <c r="U8745">
        <v>15649.3835</v>
      </c>
      <c r="W8745" s="83">
        <f>Bühler!N8777</f>
        <v>45656.291666645462</v>
      </c>
      <c r="X8745" s="83">
        <v>43465.291665567129</v>
      </c>
      <c r="Y8745">
        <f t="shared" si="1"/>
        <v>116527.83530000001</v>
      </c>
      <c r="Z8745">
        <f t="shared" si="0"/>
        <v>16363.34641</v>
      </c>
      <c r="AA8745">
        <f t="shared" si="0"/>
        <v>53716.165569999997</v>
      </c>
      <c r="AB8745">
        <f t="shared" si="0"/>
        <v>38687.833639999997</v>
      </c>
      <c r="AC8745">
        <f t="shared" si="0"/>
        <v>37264.204279999998</v>
      </c>
      <c r="AD8745">
        <f t="shared" si="0"/>
        <v>25577.350549999999</v>
      </c>
      <c r="AE8745">
        <f t="shared" si="0"/>
        <v>31009.95881</v>
      </c>
      <c r="AF8745">
        <f t="shared" si="0"/>
        <v>41511.446830000001</v>
      </c>
      <c r="AG8745">
        <f t="shared" si="0"/>
        <v>20676.657889999999</v>
      </c>
      <c r="AH8745">
        <f t="shared" si="0"/>
        <v>205150.80439999999</v>
      </c>
      <c r="AI8745">
        <f t="shared" si="0"/>
        <v>60609.258110000002</v>
      </c>
      <c r="AJ8745">
        <f t="shared" si="0"/>
        <v>22621.965359999998</v>
      </c>
      <c r="AK8745">
        <f t="shared" si="0"/>
        <v>31630.84765</v>
      </c>
      <c r="AL8745">
        <f t="shared" si="0"/>
        <v>46121.072809999998</v>
      </c>
      <c r="AM8745">
        <f t="shared" si="0"/>
        <v>18378.616139999998</v>
      </c>
      <c r="AN8745">
        <f t="shared" si="0"/>
        <v>93846.538759999996</v>
      </c>
      <c r="AO8745">
        <f t="shared" si="0"/>
        <v>26224.115679999999</v>
      </c>
      <c r="AP8745">
        <f t="shared" si="0"/>
        <v>15649.3835</v>
      </c>
    </row>
    <row r="8746" spans="2:42" x14ac:dyDescent="0.3">
      <c r="B8746">
        <v>39.845615558595227</v>
      </c>
      <c r="C8746" s="83">
        <v>43465.333332175927</v>
      </c>
      <c r="D8746">
        <v>115748.8256</v>
      </c>
      <c r="E8746">
        <v>16787.431069999999</v>
      </c>
      <c r="F8746">
        <v>53840.858659999998</v>
      </c>
      <c r="G8746">
        <v>37919.543599999997</v>
      </c>
      <c r="H8746">
        <v>36880.529320000001</v>
      </c>
      <c r="I8746">
        <v>25711.902259999999</v>
      </c>
      <c r="J8746">
        <v>30734.64373</v>
      </c>
      <c r="K8746">
        <v>40849.480860000003</v>
      </c>
      <c r="L8746">
        <v>22428.247609999999</v>
      </c>
      <c r="M8746">
        <v>203151.52979999999</v>
      </c>
      <c r="N8746">
        <v>63104.144679999998</v>
      </c>
      <c r="O8746">
        <v>22441.77649</v>
      </c>
      <c r="P8746">
        <v>34362.602440000002</v>
      </c>
      <c r="Q8746">
        <v>45458.270490000003</v>
      </c>
      <c r="R8746">
        <v>17810.873970000001</v>
      </c>
      <c r="S8746">
        <v>97145.281260000003</v>
      </c>
      <c r="T8746">
        <v>26993.703020000001</v>
      </c>
      <c r="U8746">
        <v>15376.41627</v>
      </c>
      <c r="W8746" s="83">
        <f>Bühler!N8778</f>
        <v>45656.333333312126</v>
      </c>
      <c r="X8746" s="83">
        <v>43465.333332175927</v>
      </c>
      <c r="Y8746">
        <f t="shared" si="1"/>
        <v>115748.8256</v>
      </c>
      <c r="Z8746">
        <f t="shared" si="0"/>
        <v>16787.431069999999</v>
      </c>
      <c r="AA8746">
        <f t="shared" si="0"/>
        <v>53840.858659999998</v>
      </c>
      <c r="AB8746">
        <f t="shared" si="0"/>
        <v>37919.543599999997</v>
      </c>
      <c r="AC8746">
        <f t="shared" si="0"/>
        <v>36880.529320000001</v>
      </c>
      <c r="AD8746">
        <f t="shared" si="0"/>
        <v>25711.902259999999</v>
      </c>
      <c r="AE8746">
        <f t="shared" si="0"/>
        <v>30734.64373</v>
      </c>
      <c r="AF8746">
        <f t="shared" si="0"/>
        <v>40849.480860000003</v>
      </c>
      <c r="AG8746">
        <f t="shared" si="0"/>
        <v>22428.247609999999</v>
      </c>
      <c r="AH8746">
        <f t="shared" si="0"/>
        <v>203151.52979999999</v>
      </c>
      <c r="AI8746">
        <f t="shared" si="0"/>
        <v>63104.144679999998</v>
      </c>
      <c r="AJ8746">
        <f t="shared" si="0"/>
        <v>22441.77649</v>
      </c>
      <c r="AK8746">
        <f t="shared" si="0"/>
        <v>34362.602440000002</v>
      </c>
      <c r="AL8746">
        <f t="shared" si="0"/>
        <v>45458.270490000003</v>
      </c>
      <c r="AM8746">
        <f t="shared" si="0"/>
        <v>17810.873970000001</v>
      </c>
      <c r="AN8746">
        <f t="shared" si="0"/>
        <v>97145.281260000003</v>
      </c>
      <c r="AO8746">
        <f t="shared" si="0"/>
        <v>26993.703020000001</v>
      </c>
      <c r="AP8746">
        <f t="shared" si="0"/>
        <v>15376.41627</v>
      </c>
    </row>
    <row r="8747" spans="2:42" x14ac:dyDescent="0.3">
      <c r="B8747">
        <v>39.278569881308073</v>
      </c>
      <c r="C8747" s="83">
        <v>43465.374998784719</v>
      </c>
      <c r="D8747">
        <v>113848.182</v>
      </c>
      <c r="E8747">
        <v>16583.275710000002</v>
      </c>
      <c r="F8747">
        <v>53545.820890000003</v>
      </c>
      <c r="G8747">
        <v>37574.129820000002</v>
      </c>
      <c r="H8747">
        <v>35822.060210000003</v>
      </c>
      <c r="I8747">
        <v>24586.991300000002</v>
      </c>
      <c r="J8747">
        <v>29816.49483</v>
      </c>
      <c r="K8747">
        <v>40623.409019999999</v>
      </c>
      <c r="L8747">
        <v>23992.839400000001</v>
      </c>
      <c r="M8747">
        <v>200260.46650000001</v>
      </c>
      <c r="N8747">
        <v>65958.594979999994</v>
      </c>
      <c r="O8747">
        <v>22040.762989999999</v>
      </c>
      <c r="P8747">
        <v>36135.5749</v>
      </c>
      <c r="Q8747">
        <v>44862.931759999999</v>
      </c>
      <c r="R8747">
        <v>16589.83381</v>
      </c>
      <c r="S8747">
        <v>97337.761790000004</v>
      </c>
      <c r="T8747">
        <v>27152.334220000001</v>
      </c>
      <c r="U8747">
        <v>14364.07494</v>
      </c>
      <c r="W8747" s="83">
        <f>Bühler!N8779</f>
        <v>45656.374999978791</v>
      </c>
      <c r="X8747" s="83">
        <v>43465.374998784719</v>
      </c>
      <c r="Y8747">
        <f t="shared" si="1"/>
        <v>113848.182</v>
      </c>
      <c r="Z8747">
        <f t="shared" si="0"/>
        <v>16583.275710000002</v>
      </c>
      <c r="AA8747">
        <f t="shared" si="0"/>
        <v>53545.820890000003</v>
      </c>
      <c r="AB8747">
        <f t="shared" si="0"/>
        <v>37574.129820000002</v>
      </c>
      <c r="AC8747">
        <f t="shared" si="0"/>
        <v>35822.060210000003</v>
      </c>
      <c r="AD8747">
        <f t="shared" si="0"/>
        <v>24586.991300000002</v>
      </c>
      <c r="AE8747">
        <f t="shared" si="0"/>
        <v>29816.49483</v>
      </c>
      <c r="AF8747">
        <f t="shared" si="0"/>
        <v>40623.409019999999</v>
      </c>
      <c r="AG8747">
        <f t="shared" si="0"/>
        <v>23992.839400000001</v>
      </c>
      <c r="AH8747">
        <f t="shared" si="0"/>
        <v>200260.46650000001</v>
      </c>
      <c r="AI8747">
        <f t="shared" si="0"/>
        <v>65958.594979999994</v>
      </c>
      <c r="AJ8747">
        <f t="shared" si="0"/>
        <v>22040.762989999999</v>
      </c>
      <c r="AK8747">
        <f t="shared" si="0"/>
        <v>36135.5749</v>
      </c>
      <c r="AL8747">
        <f t="shared" si="0"/>
        <v>44862.931759999999</v>
      </c>
      <c r="AM8747">
        <f t="shared" si="0"/>
        <v>16589.83381</v>
      </c>
      <c r="AN8747">
        <f t="shared" si="0"/>
        <v>97337.761790000004</v>
      </c>
      <c r="AO8747">
        <f t="shared" si="0"/>
        <v>27152.334220000001</v>
      </c>
      <c r="AP8747">
        <f t="shared" si="0"/>
        <v>14364.07494</v>
      </c>
    </row>
    <row r="8748" spans="2:42" x14ac:dyDescent="0.3">
      <c r="B8748">
        <v>39.612485942691144</v>
      </c>
      <c r="C8748" s="83">
        <v>43465.416665393517</v>
      </c>
      <c r="D8748">
        <v>112963.66280000001</v>
      </c>
      <c r="E8748">
        <v>17259.09244</v>
      </c>
      <c r="F8748">
        <v>53064.565620000001</v>
      </c>
      <c r="G8748">
        <v>37415.524539999999</v>
      </c>
      <c r="H8748">
        <v>35937.532650000001</v>
      </c>
      <c r="I8748">
        <v>24092.390520000001</v>
      </c>
      <c r="J8748">
        <v>28923.600310000002</v>
      </c>
      <c r="K8748">
        <v>42815.16461</v>
      </c>
      <c r="L8748">
        <v>25525.95779</v>
      </c>
      <c r="M8748">
        <v>201962.92629999999</v>
      </c>
      <c r="N8748">
        <v>68599.146770000007</v>
      </c>
      <c r="O8748">
        <v>21920.829689999999</v>
      </c>
      <c r="P8748">
        <v>37791.560299999997</v>
      </c>
      <c r="Q8748">
        <v>44502.554519999998</v>
      </c>
      <c r="R8748">
        <v>16834.70882</v>
      </c>
      <c r="S8748">
        <v>96346.484660000002</v>
      </c>
      <c r="T8748">
        <v>27127.70753</v>
      </c>
      <c r="U8748">
        <v>14148.890890000001</v>
      </c>
      <c r="W8748" s="83">
        <f>Bühler!N8780</f>
        <v>45656.416666645455</v>
      </c>
      <c r="X8748" s="83">
        <v>43465.416665393517</v>
      </c>
      <c r="Y8748">
        <f t="shared" si="1"/>
        <v>112963.66280000001</v>
      </c>
      <c r="Z8748">
        <f t="shared" si="0"/>
        <v>17259.09244</v>
      </c>
      <c r="AA8748">
        <f t="shared" si="0"/>
        <v>53064.565620000001</v>
      </c>
      <c r="AB8748">
        <f t="shared" si="0"/>
        <v>37415.524539999999</v>
      </c>
      <c r="AC8748">
        <f t="shared" si="0"/>
        <v>35937.532650000001</v>
      </c>
      <c r="AD8748">
        <f t="shared" si="0"/>
        <v>24092.390520000001</v>
      </c>
      <c r="AE8748">
        <f t="shared" si="0"/>
        <v>28923.600310000002</v>
      </c>
      <c r="AF8748">
        <f t="shared" si="0"/>
        <v>42815.16461</v>
      </c>
      <c r="AG8748">
        <f t="shared" si="0"/>
        <v>25525.95779</v>
      </c>
      <c r="AH8748">
        <f t="shared" si="0"/>
        <v>201962.92629999999</v>
      </c>
      <c r="AI8748">
        <f t="shared" si="0"/>
        <v>68599.146770000007</v>
      </c>
      <c r="AJ8748">
        <f t="shared" si="0"/>
        <v>21920.829689999999</v>
      </c>
      <c r="AK8748">
        <f t="shared" si="0"/>
        <v>37791.560299999997</v>
      </c>
      <c r="AL8748">
        <f t="shared" si="0"/>
        <v>44502.554519999998</v>
      </c>
      <c r="AM8748">
        <f t="shared" si="0"/>
        <v>16834.70882</v>
      </c>
      <c r="AN8748">
        <f t="shared" si="0"/>
        <v>96346.484660000002</v>
      </c>
      <c r="AO8748">
        <f t="shared" si="0"/>
        <v>27127.70753</v>
      </c>
      <c r="AP8748">
        <f t="shared" si="0"/>
        <v>14148.890890000001</v>
      </c>
    </row>
    <row r="8749" spans="2:42" x14ac:dyDescent="0.3">
      <c r="B8749">
        <v>39.630098945107392</v>
      </c>
      <c r="C8749" s="83">
        <v>43465.458332002316</v>
      </c>
      <c r="D8749">
        <v>112073.5892</v>
      </c>
      <c r="E8749">
        <v>17167.832330000001</v>
      </c>
      <c r="F8749">
        <v>53661.141969999997</v>
      </c>
      <c r="G8749">
        <v>36906.831140000002</v>
      </c>
      <c r="H8749">
        <v>35771.180979999997</v>
      </c>
      <c r="I8749">
        <v>23766.559980000002</v>
      </c>
      <c r="J8749">
        <v>29016.555420000001</v>
      </c>
      <c r="K8749">
        <v>47046.133099999999</v>
      </c>
      <c r="L8749">
        <v>26082.410380000001</v>
      </c>
      <c r="M8749">
        <v>202052.72560000001</v>
      </c>
      <c r="N8749">
        <v>68166.874960000001</v>
      </c>
      <c r="O8749">
        <v>21870.089499999998</v>
      </c>
      <c r="P8749">
        <v>36585.038959999998</v>
      </c>
      <c r="Q8749">
        <v>43469.945059999998</v>
      </c>
      <c r="R8749">
        <v>18528.79999</v>
      </c>
      <c r="S8749">
        <v>96875.945259999993</v>
      </c>
      <c r="T8749">
        <v>26917.642159999999</v>
      </c>
      <c r="U8749">
        <v>13914.39309</v>
      </c>
      <c r="W8749" s="83">
        <f>Bühler!N8781</f>
        <v>45656.458333312119</v>
      </c>
      <c r="X8749" s="83">
        <v>43465.458332002316</v>
      </c>
      <c r="Y8749">
        <f t="shared" si="1"/>
        <v>112073.5892</v>
      </c>
      <c r="Z8749">
        <f t="shared" si="0"/>
        <v>17167.832330000001</v>
      </c>
      <c r="AA8749">
        <f t="shared" si="0"/>
        <v>53661.141969999997</v>
      </c>
      <c r="AB8749">
        <f t="shared" si="0"/>
        <v>36906.831140000002</v>
      </c>
      <c r="AC8749">
        <f t="shared" si="0"/>
        <v>35771.180979999997</v>
      </c>
      <c r="AD8749">
        <f t="shared" si="0"/>
        <v>23766.559980000002</v>
      </c>
      <c r="AE8749">
        <f t="shared" si="0"/>
        <v>29016.555420000001</v>
      </c>
      <c r="AF8749">
        <f t="shared" si="0"/>
        <v>47046.133099999999</v>
      </c>
      <c r="AG8749">
        <f t="shared" si="0"/>
        <v>26082.410380000001</v>
      </c>
      <c r="AH8749">
        <f t="shared" si="0"/>
        <v>202052.72560000001</v>
      </c>
      <c r="AI8749">
        <f t="shared" si="0"/>
        <v>68166.874960000001</v>
      </c>
      <c r="AJ8749">
        <f t="shared" si="0"/>
        <v>21870.089499999998</v>
      </c>
      <c r="AK8749">
        <f t="shared" si="0"/>
        <v>36585.038959999998</v>
      </c>
      <c r="AL8749">
        <f t="shared" si="0"/>
        <v>43469.945059999998</v>
      </c>
      <c r="AM8749">
        <f t="shared" si="0"/>
        <v>18528.79999</v>
      </c>
      <c r="AN8749">
        <f t="shared" si="0"/>
        <v>96875.945259999993</v>
      </c>
      <c r="AO8749">
        <f t="shared" si="0"/>
        <v>26917.642159999999</v>
      </c>
      <c r="AP8749">
        <f t="shared" si="0"/>
        <v>13914.39309</v>
      </c>
    </row>
    <row r="8750" spans="2:42" x14ac:dyDescent="0.3">
      <c r="B8750">
        <v>39.69007990398584</v>
      </c>
      <c r="C8750" s="83">
        <v>43465.499998611114</v>
      </c>
      <c r="D8750">
        <v>111425.86320000001</v>
      </c>
      <c r="E8750">
        <v>16807.191169999998</v>
      </c>
      <c r="F8750">
        <v>53280.953820000002</v>
      </c>
      <c r="G8750">
        <v>36563.454369999999</v>
      </c>
      <c r="H8750">
        <v>35448.992319999998</v>
      </c>
      <c r="I8750">
        <v>23451.009109999999</v>
      </c>
      <c r="J8750">
        <v>28893.660830000001</v>
      </c>
      <c r="K8750">
        <v>47093.19227</v>
      </c>
      <c r="L8750">
        <v>26680.35903</v>
      </c>
      <c r="M8750">
        <v>202358.53649999999</v>
      </c>
      <c r="N8750">
        <v>66994.028999999995</v>
      </c>
      <c r="O8750">
        <v>21543.507580000001</v>
      </c>
      <c r="P8750">
        <v>35591.669540000003</v>
      </c>
      <c r="Q8750">
        <v>41978.254309999997</v>
      </c>
      <c r="R8750">
        <v>18864.945220000001</v>
      </c>
      <c r="S8750">
        <v>92016.321259999997</v>
      </c>
      <c r="T8750">
        <v>26412.85656</v>
      </c>
      <c r="U8750">
        <v>13383.01694</v>
      </c>
      <c r="W8750" s="83">
        <f>Bühler!N8782</f>
        <v>45656.499999978783</v>
      </c>
      <c r="X8750" s="83">
        <v>43465.499998611114</v>
      </c>
      <c r="Y8750">
        <f t="shared" si="1"/>
        <v>111425.86320000001</v>
      </c>
      <c r="Z8750">
        <f t="shared" si="0"/>
        <v>16807.191169999998</v>
      </c>
      <c r="AA8750">
        <f t="shared" si="0"/>
        <v>53280.953820000002</v>
      </c>
      <c r="AB8750">
        <f t="shared" si="0"/>
        <v>36563.454369999999</v>
      </c>
      <c r="AC8750">
        <f t="shared" si="0"/>
        <v>35448.992319999998</v>
      </c>
      <c r="AD8750">
        <f t="shared" si="0"/>
        <v>23451.009109999999</v>
      </c>
      <c r="AE8750">
        <f t="shared" si="0"/>
        <v>28893.660830000001</v>
      </c>
      <c r="AF8750">
        <f t="shared" si="0"/>
        <v>47093.19227</v>
      </c>
      <c r="AG8750">
        <f t="shared" si="0"/>
        <v>26680.35903</v>
      </c>
      <c r="AH8750">
        <f t="shared" si="0"/>
        <v>202358.53649999999</v>
      </c>
      <c r="AI8750">
        <f t="shared" si="0"/>
        <v>66994.028999999995</v>
      </c>
      <c r="AJ8750">
        <f t="shared" si="0"/>
        <v>21543.507580000001</v>
      </c>
      <c r="AK8750">
        <f t="shared" si="0"/>
        <v>35591.669540000003</v>
      </c>
      <c r="AL8750">
        <f t="shared" si="0"/>
        <v>41978.254309999997</v>
      </c>
      <c r="AM8750">
        <f t="shared" si="0"/>
        <v>18864.945220000001</v>
      </c>
      <c r="AN8750">
        <f t="shared" si="0"/>
        <v>92016.321259999997</v>
      </c>
      <c r="AO8750">
        <f t="shared" si="0"/>
        <v>26412.85656</v>
      </c>
      <c r="AP8750">
        <f t="shared" si="0"/>
        <v>13383.01694</v>
      </c>
    </row>
    <row r="8751" spans="2:42" x14ac:dyDescent="0.3">
      <c r="B8751">
        <v>39.706460653489415</v>
      </c>
      <c r="C8751" s="83">
        <v>43465.541665219906</v>
      </c>
      <c r="D8751">
        <v>110916.29</v>
      </c>
      <c r="E8751">
        <v>16400.261119999999</v>
      </c>
      <c r="F8751">
        <v>51032.240400000002</v>
      </c>
      <c r="G8751">
        <v>36428.67527</v>
      </c>
      <c r="H8751">
        <v>35037.776210000004</v>
      </c>
      <c r="I8751">
        <v>23376.236870000001</v>
      </c>
      <c r="J8751">
        <v>27729.63478</v>
      </c>
      <c r="K8751">
        <v>47097.951820000002</v>
      </c>
      <c r="L8751">
        <v>26481.119579999999</v>
      </c>
      <c r="M8751">
        <v>202442.05319999999</v>
      </c>
      <c r="N8751">
        <v>65869.908410000004</v>
      </c>
      <c r="O8751">
        <v>21224.562730000001</v>
      </c>
      <c r="P8751">
        <v>34791.883909999997</v>
      </c>
      <c r="Q8751">
        <v>40638.594290000001</v>
      </c>
      <c r="R8751">
        <v>19620.001619999999</v>
      </c>
      <c r="S8751">
        <v>92458.721439999994</v>
      </c>
      <c r="T8751">
        <v>25683.45552</v>
      </c>
      <c r="U8751">
        <v>13172.65697</v>
      </c>
      <c r="W8751" s="83">
        <f>Bühler!N8783</f>
        <v>45656.541666645448</v>
      </c>
      <c r="X8751" s="83">
        <v>43465.541665219906</v>
      </c>
      <c r="Y8751">
        <f t="shared" si="1"/>
        <v>110916.29</v>
      </c>
      <c r="Z8751">
        <f t="shared" si="0"/>
        <v>16400.261119999999</v>
      </c>
      <c r="AA8751">
        <f t="shared" si="0"/>
        <v>51032.240400000002</v>
      </c>
      <c r="AB8751">
        <f t="shared" si="0"/>
        <v>36428.67527</v>
      </c>
      <c r="AC8751">
        <f t="shared" si="0"/>
        <v>35037.776210000004</v>
      </c>
      <c r="AD8751">
        <f t="shared" si="0"/>
        <v>23376.236870000001</v>
      </c>
      <c r="AE8751">
        <f t="shared" si="0"/>
        <v>27729.63478</v>
      </c>
      <c r="AF8751">
        <f t="shared" si="0"/>
        <v>47097.951820000002</v>
      </c>
      <c r="AG8751">
        <f t="shared" si="0"/>
        <v>26481.119579999999</v>
      </c>
      <c r="AH8751">
        <f t="shared" si="0"/>
        <v>202442.05319999999</v>
      </c>
      <c r="AI8751">
        <f t="shared" si="0"/>
        <v>65869.908410000004</v>
      </c>
      <c r="AJ8751">
        <f t="shared" si="0"/>
        <v>21224.562730000001</v>
      </c>
      <c r="AK8751">
        <f t="shared" si="0"/>
        <v>34791.883909999997</v>
      </c>
      <c r="AL8751">
        <f t="shared" si="0"/>
        <v>40638.594290000001</v>
      </c>
      <c r="AM8751">
        <f t="shared" si="0"/>
        <v>19620.001619999999</v>
      </c>
      <c r="AN8751">
        <f t="shared" si="0"/>
        <v>92458.721439999994</v>
      </c>
      <c r="AO8751">
        <f t="shared" si="0"/>
        <v>25683.45552</v>
      </c>
      <c r="AP8751">
        <f t="shared" si="0"/>
        <v>13172.65697</v>
      </c>
    </row>
    <row r="8752" spans="2:42" x14ac:dyDescent="0.3">
      <c r="B8752">
        <v>39.9198345638059</v>
      </c>
      <c r="C8752" s="83">
        <v>43465.583331828704</v>
      </c>
      <c r="D8752">
        <v>110839.29889999999</v>
      </c>
      <c r="E8752">
        <v>16408.401290000002</v>
      </c>
      <c r="F8752">
        <v>50824.620389999996</v>
      </c>
      <c r="G8752">
        <v>36141.784</v>
      </c>
      <c r="H8752">
        <v>34312.515220000001</v>
      </c>
      <c r="I8752">
        <v>23414.770550000001</v>
      </c>
      <c r="J8752">
        <v>27045.19124</v>
      </c>
      <c r="K8752">
        <v>46297.96615</v>
      </c>
      <c r="L8752">
        <v>25747.403590000002</v>
      </c>
      <c r="M8752">
        <v>203529.93290000001</v>
      </c>
      <c r="N8752">
        <v>66560.98371</v>
      </c>
      <c r="O8752">
        <v>20968.215690000001</v>
      </c>
      <c r="P8752">
        <v>33372.34446</v>
      </c>
      <c r="Q8752">
        <v>40199.159220000001</v>
      </c>
      <c r="R8752">
        <v>18666.00691</v>
      </c>
      <c r="S8752">
        <v>89913.812560000006</v>
      </c>
      <c r="T8752">
        <v>25274.717700000001</v>
      </c>
      <c r="U8752">
        <v>12944.127039999999</v>
      </c>
      <c r="W8752" s="83">
        <f>Bühler!N8784</f>
        <v>45656.583333312112</v>
      </c>
      <c r="X8752" s="83">
        <v>43465.583331828704</v>
      </c>
      <c r="Y8752">
        <f t="shared" si="1"/>
        <v>110839.29889999999</v>
      </c>
      <c r="Z8752">
        <f t="shared" si="0"/>
        <v>16408.401290000002</v>
      </c>
      <c r="AA8752">
        <f t="shared" si="0"/>
        <v>50824.620389999996</v>
      </c>
      <c r="AB8752">
        <f t="shared" si="0"/>
        <v>36141.784</v>
      </c>
      <c r="AC8752">
        <f t="shared" si="0"/>
        <v>34312.515220000001</v>
      </c>
      <c r="AD8752">
        <f t="shared" si="0"/>
        <v>23414.770550000001</v>
      </c>
      <c r="AE8752">
        <f t="shared" si="0"/>
        <v>27045.19124</v>
      </c>
      <c r="AF8752">
        <f t="shared" si="0"/>
        <v>46297.96615</v>
      </c>
      <c r="AG8752">
        <f t="shared" si="0"/>
        <v>25747.403590000002</v>
      </c>
      <c r="AH8752">
        <f t="shared" si="0"/>
        <v>203529.93290000001</v>
      </c>
      <c r="AI8752">
        <f t="shared" si="0"/>
        <v>66560.98371</v>
      </c>
      <c r="AJ8752">
        <f t="shared" si="0"/>
        <v>20968.215690000001</v>
      </c>
      <c r="AK8752">
        <f t="shared" si="0"/>
        <v>33372.34446</v>
      </c>
      <c r="AL8752">
        <f t="shared" si="0"/>
        <v>40199.159220000001</v>
      </c>
      <c r="AM8752">
        <f t="shared" si="0"/>
        <v>18666.00691</v>
      </c>
      <c r="AN8752">
        <f t="shared" si="0"/>
        <v>89913.812560000006</v>
      </c>
      <c r="AO8752">
        <f t="shared" si="0"/>
        <v>25274.717700000001</v>
      </c>
      <c r="AP8752">
        <f t="shared" si="0"/>
        <v>12944.127039999999</v>
      </c>
    </row>
    <row r="8753" spans="2:42" x14ac:dyDescent="0.3">
      <c r="B8753">
        <v>39.805573870309473</v>
      </c>
      <c r="C8753" s="83">
        <v>43465.624998437503</v>
      </c>
      <c r="D8753">
        <v>110628.06540000001</v>
      </c>
      <c r="E8753">
        <v>16547.811229999999</v>
      </c>
      <c r="F8753">
        <v>50106.386129999999</v>
      </c>
      <c r="G8753">
        <v>36071.15481</v>
      </c>
      <c r="H8753">
        <v>34262.60529</v>
      </c>
      <c r="I8753">
        <v>23441.97824</v>
      </c>
      <c r="J8753">
        <v>26840.135060000001</v>
      </c>
      <c r="K8753">
        <v>45514.862070000003</v>
      </c>
      <c r="L8753">
        <v>24614.416379999999</v>
      </c>
      <c r="M8753">
        <v>202947.3786</v>
      </c>
      <c r="N8753">
        <v>65610.857000000004</v>
      </c>
      <c r="O8753">
        <v>20556.91504</v>
      </c>
      <c r="P8753">
        <v>32127.04782</v>
      </c>
      <c r="Q8753">
        <v>40711.689429999999</v>
      </c>
      <c r="R8753">
        <v>18781.168989999998</v>
      </c>
      <c r="S8753">
        <v>88980.350879999998</v>
      </c>
      <c r="T8753">
        <v>25509.284520000001</v>
      </c>
      <c r="U8753">
        <v>12923.399160000001</v>
      </c>
      <c r="W8753" s="83">
        <f>Bühler!N8785</f>
        <v>45656.624999978776</v>
      </c>
      <c r="X8753" s="83">
        <v>43465.624998437503</v>
      </c>
      <c r="Y8753">
        <f t="shared" si="1"/>
        <v>110628.06540000001</v>
      </c>
      <c r="Z8753">
        <f t="shared" si="0"/>
        <v>16547.811229999999</v>
      </c>
      <c r="AA8753">
        <f t="shared" si="0"/>
        <v>50106.386129999999</v>
      </c>
      <c r="AB8753">
        <f t="shared" si="0"/>
        <v>36071.15481</v>
      </c>
      <c r="AC8753">
        <f t="shared" si="0"/>
        <v>34262.60529</v>
      </c>
      <c r="AD8753">
        <f t="shared" si="0"/>
        <v>23441.97824</v>
      </c>
      <c r="AE8753">
        <f t="shared" si="0"/>
        <v>26840.135060000001</v>
      </c>
      <c r="AF8753">
        <f t="shared" si="0"/>
        <v>45514.862070000003</v>
      </c>
      <c r="AG8753">
        <f t="shared" si="0"/>
        <v>24614.416379999999</v>
      </c>
      <c r="AH8753">
        <f t="shared" si="0"/>
        <v>202947.3786</v>
      </c>
      <c r="AI8753">
        <f t="shared" si="0"/>
        <v>65610.857000000004</v>
      </c>
      <c r="AJ8753">
        <f t="shared" si="0"/>
        <v>20556.91504</v>
      </c>
      <c r="AK8753">
        <f t="shared" si="0"/>
        <v>32127.04782</v>
      </c>
      <c r="AL8753">
        <f t="shared" si="0"/>
        <v>40711.689429999999</v>
      </c>
      <c r="AM8753">
        <f t="shared" si="0"/>
        <v>18781.168989999998</v>
      </c>
      <c r="AN8753">
        <f t="shared" si="0"/>
        <v>88980.350879999998</v>
      </c>
      <c r="AO8753">
        <f t="shared" ref="Z8753:AP8761" si="2">AO8729</f>
        <v>25509.284520000001</v>
      </c>
      <c r="AP8753">
        <f t="shared" si="2"/>
        <v>12923.399160000001</v>
      </c>
    </row>
    <row r="8754" spans="2:42" x14ac:dyDescent="0.3">
      <c r="B8754">
        <v>39.798287385019911</v>
      </c>
      <c r="C8754" s="83">
        <v>43465.666665046294</v>
      </c>
      <c r="D8754">
        <v>110731.17909999999</v>
      </c>
      <c r="E8754">
        <v>16798.06005</v>
      </c>
      <c r="F8754">
        <v>50199.664299999997</v>
      </c>
      <c r="G8754">
        <v>36362.082130000003</v>
      </c>
      <c r="H8754">
        <v>34690.987110000002</v>
      </c>
      <c r="I8754">
        <v>24093.771199999999</v>
      </c>
      <c r="J8754">
        <v>26792.368320000001</v>
      </c>
      <c r="K8754">
        <v>44596.823320000003</v>
      </c>
      <c r="L8754">
        <v>23641.703130000002</v>
      </c>
      <c r="M8754">
        <v>202910.22870000001</v>
      </c>
      <c r="N8754">
        <v>63577.316469999998</v>
      </c>
      <c r="O8754">
        <v>20682.77922</v>
      </c>
      <c r="P8754">
        <v>32752.215250000001</v>
      </c>
      <c r="Q8754">
        <v>40836.850339999997</v>
      </c>
      <c r="R8754">
        <v>18693.85369</v>
      </c>
      <c r="S8754">
        <v>90885.868329999998</v>
      </c>
      <c r="T8754">
        <v>25883.951249999998</v>
      </c>
      <c r="U8754">
        <v>13358.50764</v>
      </c>
      <c r="W8754" s="83">
        <f>Bühler!N8786</f>
        <v>45656.66666664544</v>
      </c>
      <c r="X8754" s="83">
        <v>43465.666665046294</v>
      </c>
      <c r="Y8754">
        <f t="shared" si="1"/>
        <v>110731.17909999999</v>
      </c>
      <c r="Z8754">
        <f t="shared" si="2"/>
        <v>16798.06005</v>
      </c>
      <c r="AA8754">
        <f t="shared" si="2"/>
        <v>50199.664299999997</v>
      </c>
      <c r="AB8754">
        <f t="shared" si="2"/>
        <v>36362.082130000003</v>
      </c>
      <c r="AC8754">
        <f t="shared" si="2"/>
        <v>34690.987110000002</v>
      </c>
      <c r="AD8754">
        <f t="shared" si="2"/>
        <v>24093.771199999999</v>
      </c>
      <c r="AE8754">
        <f t="shared" si="2"/>
        <v>26792.368320000001</v>
      </c>
      <c r="AF8754">
        <f t="shared" si="2"/>
        <v>44596.823320000003</v>
      </c>
      <c r="AG8754">
        <f t="shared" si="2"/>
        <v>23641.703130000002</v>
      </c>
      <c r="AH8754">
        <f t="shared" si="2"/>
        <v>202910.22870000001</v>
      </c>
      <c r="AI8754">
        <f t="shared" si="2"/>
        <v>63577.316469999998</v>
      </c>
      <c r="AJ8754">
        <f t="shared" si="2"/>
        <v>20682.77922</v>
      </c>
      <c r="AK8754">
        <f t="shared" si="2"/>
        <v>32752.215250000001</v>
      </c>
      <c r="AL8754">
        <f t="shared" si="2"/>
        <v>40836.850339999997</v>
      </c>
      <c r="AM8754">
        <f t="shared" si="2"/>
        <v>18693.85369</v>
      </c>
      <c r="AN8754">
        <f t="shared" si="2"/>
        <v>90885.868329999998</v>
      </c>
      <c r="AO8754">
        <f t="shared" si="2"/>
        <v>25883.951249999998</v>
      </c>
      <c r="AP8754">
        <f t="shared" si="2"/>
        <v>13358.50764</v>
      </c>
    </row>
    <row r="8755" spans="2:42" x14ac:dyDescent="0.3">
      <c r="B8755">
        <v>40.251240085912748</v>
      </c>
      <c r="C8755" s="83">
        <v>43465.708331655092</v>
      </c>
      <c r="D8755">
        <v>112796.14939999999</v>
      </c>
      <c r="E8755">
        <v>17707.915099999998</v>
      </c>
      <c r="F8755">
        <v>52339.919439999998</v>
      </c>
      <c r="G8755">
        <v>37788.446100000001</v>
      </c>
      <c r="H8755">
        <v>36783.89471</v>
      </c>
      <c r="I8755">
        <v>25021.63193</v>
      </c>
      <c r="J8755">
        <v>29798.528439999998</v>
      </c>
      <c r="K8755">
        <v>43891.37876</v>
      </c>
      <c r="L8755">
        <v>24377.68029</v>
      </c>
      <c r="M8755">
        <v>205219.59280000001</v>
      </c>
      <c r="N8755">
        <v>63066.002800000002</v>
      </c>
      <c r="O8755">
        <v>21112.972959999999</v>
      </c>
      <c r="P8755">
        <v>34265.871910000002</v>
      </c>
      <c r="Q8755">
        <v>42138.004630000003</v>
      </c>
      <c r="R8755">
        <v>20074.255290000001</v>
      </c>
      <c r="S8755">
        <v>96363.164139999993</v>
      </c>
      <c r="T8755">
        <v>27125.977009999999</v>
      </c>
      <c r="U8755">
        <v>14869.448179999999</v>
      </c>
      <c r="W8755" s="83">
        <f>Bühler!N8787</f>
        <v>45656.708333312105</v>
      </c>
      <c r="X8755" s="83">
        <v>43465.708331655092</v>
      </c>
      <c r="Y8755">
        <f t="shared" si="1"/>
        <v>112796.14939999999</v>
      </c>
      <c r="Z8755">
        <f t="shared" si="2"/>
        <v>17707.915099999998</v>
      </c>
      <c r="AA8755">
        <f t="shared" si="2"/>
        <v>52339.919439999998</v>
      </c>
      <c r="AB8755">
        <f t="shared" si="2"/>
        <v>37788.446100000001</v>
      </c>
      <c r="AC8755">
        <f t="shared" si="2"/>
        <v>36783.89471</v>
      </c>
      <c r="AD8755">
        <f t="shared" si="2"/>
        <v>25021.63193</v>
      </c>
      <c r="AE8755">
        <f t="shared" si="2"/>
        <v>29798.528439999998</v>
      </c>
      <c r="AF8755">
        <f t="shared" si="2"/>
        <v>43891.37876</v>
      </c>
      <c r="AG8755">
        <f t="shared" si="2"/>
        <v>24377.68029</v>
      </c>
      <c r="AH8755">
        <f t="shared" si="2"/>
        <v>205219.59280000001</v>
      </c>
      <c r="AI8755">
        <f t="shared" si="2"/>
        <v>63066.002800000002</v>
      </c>
      <c r="AJ8755">
        <f t="shared" si="2"/>
        <v>21112.972959999999</v>
      </c>
      <c r="AK8755">
        <f t="shared" si="2"/>
        <v>34265.871910000002</v>
      </c>
      <c r="AL8755">
        <f t="shared" si="2"/>
        <v>42138.004630000003</v>
      </c>
      <c r="AM8755">
        <f t="shared" si="2"/>
        <v>20074.255290000001</v>
      </c>
      <c r="AN8755">
        <f t="shared" si="2"/>
        <v>96363.164139999993</v>
      </c>
      <c r="AO8755">
        <f t="shared" si="2"/>
        <v>27125.977009999999</v>
      </c>
      <c r="AP8755">
        <f t="shared" si="2"/>
        <v>14869.448179999999</v>
      </c>
    </row>
    <row r="8756" spans="2:42" x14ac:dyDescent="0.3">
      <c r="B8756">
        <v>40.20092770120813</v>
      </c>
      <c r="C8756" s="83">
        <v>43465.749998263891</v>
      </c>
      <c r="D8756">
        <v>113771.46309999999</v>
      </c>
      <c r="E8756">
        <v>17533.13982</v>
      </c>
      <c r="F8756">
        <v>51937.675280000003</v>
      </c>
      <c r="G8756">
        <v>38192.756659999999</v>
      </c>
      <c r="H8756">
        <v>37197.156719999999</v>
      </c>
      <c r="I8756">
        <v>25348.748469999999</v>
      </c>
      <c r="J8756">
        <v>30312.30991</v>
      </c>
      <c r="K8756">
        <v>41693.069810000001</v>
      </c>
      <c r="L8756">
        <v>25474.877270000001</v>
      </c>
      <c r="M8756">
        <v>204963.07680000001</v>
      </c>
      <c r="N8756">
        <v>64115.553240000001</v>
      </c>
      <c r="O8756">
        <v>21000.85483</v>
      </c>
      <c r="P8756">
        <v>36393.329579999998</v>
      </c>
      <c r="Q8756">
        <v>42757.50187</v>
      </c>
      <c r="R8756">
        <v>20125.204119999999</v>
      </c>
      <c r="S8756">
        <v>94665.777629999997</v>
      </c>
      <c r="T8756">
        <v>27769.18477</v>
      </c>
      <c r="U8756">
        <v>14977.793659999999</v>
      </c>
      <c r="W8756" s="83">
        <f>Bühler!N8788</f>
        <v>45656.749999978769</v>
      </c>
      <c r="X8756" s="83">
        <v>43465.749998263891</v>
      </c>
      <c r="Y8756">
        <f t="shared" si="1"/>
        <v>113771.46309999999</v>
      </c>
      <c r="Z8756">
        <f t="shared" si="2"/>
        <v>17533.13982</v>
      </c>
      <c r="AA8756">
        <f t="shared" si="2"/>
        <v>51937.675280000003</v>
      </c>
      <c r="AB8756">
        <f t="shared" si="2"/>
        <v>38192.756659999999</v>
      </c>
      <c r="AC8756">
        <f t="shared" si="2"/>
        <v>37197.156719999999</v>
      </c>
      <c r="AD8756">
        <f t="shared" si="2"/>
        <v>25348.748469999999</v>
      </c>
      <c r="AE8756">
        <f t="shared" si="2"/>
        <v>30312.30991</v>
      </c>
      <c r="AF8756">
        <f t="shared" si="2"/>
        <v>41693.069810000001</v>
      </c>
      <c r="AG8756">
        <f t="shared" si="2"/>
        <v>25474.877270000001</v>
      </c>
      <c r="AH8756">
        <f t="shared" si="2"/>
        <v>204963.07680000001</v>
      </c>
      <c r="AI8756">
        <f t="shared" si="2"/>
        <v>64115.553240000001</v>
      </c>
      <c r="AJ8756">
        <f t="shared" si="2"/>
        <v>21000.85483</v>
      </c>
      <c r="AK8756">
        <f t="shared" si="2"/>
        <v>36393.329579999998</v>
      </c>
      <c r="AL8756">
        <f t="shared" si="2"/>
        <v>42757.50187</v>
      </c>
      <c r="AM8756">
        <f t="shared" si="2"/>
        <v>20125.204119999999</v>
      </c>
      <c r="AN8756">
        <f t="shared" si="2"/>
        <v>94665.777629999997</v>
      </c>
      <c r="AO8756">
        <f t="shared" si="2"/>
        <v>27769.18477</v>
      </c>
      <c r="AP8756">
        <f t="shared" si="2"/>
        <v>14977.793659999999</v>
      </c>
    </row>
    <row r="8757" spans="2:42" x14ac:dyDescent="0.3">
      <c r="B8757">
        <v>39.974565257564471</v>
      </c>
      <c r="C8757" s="83">
        <v>43465.791664872682</v>
      </c>
      <c r="D8757">
        <v>114114.9068</v>
      </c>
      <c r="E8757">
        <v>16489.657340000002</v>
      </c>
      <c r="F8757">
        <v>50491.350259999999</v>
      </c>
      <c r="G8757">
        <v>37898.152450000001</v>
      </c>
      <c r="H8757">
        <v>36697.979769999998</v>
      </c>
      <c r="I8757">
        <v>25201.943200000002</v>
      </c>
      <c r="J8757">
        <v>29716.798930000001</v>
      </c>
      <c r="K8757">
        <v>42505.437319999997</v>
      </c>
      <c r="L8757">
        <v>26353.66258</v>
      </c>
      <c r="M8757">
        <v>203808.9755</v>
      </c>
      <c r="N8757">
        <v>64066.969870000001</v>
      </c>
      <c r="O8757">
        <v>20970.432990000001</v>
      </c>
      <c r="P8757">
        <v>36671.06667</v>
      </c>
      <c r="Q8757">
        <v>43196.665540000002</v>
      </c>
      <c r="R8757">
        <v>20279.76915</v>
      </c>
      <c r="S8757">
        <v>93111.523119999998</v>
      </c>
      <c r="T8757">
        <v>26927.309539999998</v>
      </c>
      <c r="U8757">
        <v>14704.33461</v>
      </c>
      <c r="W8757" s="83">
        <f>Bühler!N8789</f>
        <v>45656.791666645433</v>
      </c>
      <c r="X8757" s="83">
        <v>43465.791664872682</v>
      </c>
      <c r="Y8757">
        <f t="shared" si="1"/>
        <v>114114.9068</v>
      </c>
      <c r="Z8757">
        <f t="shared" si="2"/>
        <v>16489.657340000002</v>
      </c>
      <c r="AA8757">
        <f t="shared" si="2"/>
        <v>50491.350259999999</v>
      </c>
      <c r="AB8757">
        <f t="shared" si="2"/>
        <v>37898.152450000001</v>
      </c>
      <c r="AC8757">
        <f t="shared" si="2"/>
        <v>36697.979769999998</v>
      </c>
      <c r="AD8757">
        <f t="shared" si="2"/>
        <v>25201.943200000002</v>
      </c>
      <c r="AE8757">
        <f t="shared" si="2"/>
        <v>29716.798930000001</v>
      </c>
      <c r="AF8757">
        <f t="shared" si="2"/>
        <v>42505.437319999997</v>
      </c>
      <c r="AG8757">
        <f t="shared" si="2"/>
        <v>26353.66258</v>
      </c>
      <c r="AH8757">
        <f t="shared" si="2"/>
        <v>203808.9755</v>
      </c>
      <c r="AI8757">
        <f t="shared" si="2"/>
        <v>64066.969870000001</v>
      </c>
      <c r="AJ8757">
        <f t="shared" si="2"/>
        <v>20970.432990000001</v>
      </c>
      <c r="AK8757">
        <f t="shared" si="2"/>
        <v>36671.06667</v>
      </c>
      <c r="AL8757">
        <f t="shared" si="2"/>
        <v>43196.665540000002</v>
      </c>
      <c r="AM8757">
        <f t="shared" si="2"/>
        <v>20279.76915</v>
      </c>
      <c r="AN8757">
        <f t="shared" si="2"/>
        <v>93111.523119999998</v>
      </c>
      <c r="AO8757">
        <f t="shared" si="2"/>
        <v>26927.309539999998</v>
      </c>
      <c r="AP8757">
        <f t="shared" si="2"/>
        <v>14704.33461</v>
      </c>
    </row>
    <row r="8758" spans="2:42" x14ac:dyDescent="0.3">
      <c r="B8758">
        <v>40.599430812483092</v>
      </c>
      <c r="C8758" s="83">
        <v>43465.833331481481</v>
      </c>
      <c r="D8758">
        <v>114786.64870000001</v>
      </c>
      <c r="E8758">
        <v>15363.70191</v>
      </c>
      <c r="F8758">
        <v>50247.854079999997</v>
      </c>
      <c r="G8758">
        <v>37429.978949999997</v>
      </c>
      <c r="H8758">
        <v>36737.545760000001</v>
      </c>
      <c r="I8758">
        <v>24925.02519</v>
      </c>
      <c r="J8758">
        <v>29172.459009999999</v>
      </c>
      <c r="K8758">
        <v>46212.228130000003</v>
      </c>
      <c r="L8758">
        <v>25952.385760000001</v>
      </c>
      <c r="M8758">
        <v>206994.8315</v>
      </c>
      <c r="N8758">
        <v>63978.257019999997</v>
      </c>
      <c r="O8758">
        <v>21356.59505</v>
      </c>
      <c r="P8758">
        <v>37365.962220000001</v>
      </c>
      <c r="Q8758">
        <v>44041.247230000001</v>
      </c>
      <c r="R8758">
        <v>20955.927530000001</v>
      </c>
      <c r="S8758">
        <v>86751.211840000004</v>
      </c>
      <c r="T8758">
        <v>25494.4925</v>
      </c>
      <c r="U8758">
        <v>14719.55128</v>
      </c>
      <c r="W8758" s="83">
        <f>Bühler!N8790</f>
        <v>45656.833333312097</v>
      </c>
      <c r="X8758" s="83">
        <v>43465.833331481481</v>
      </c>
      <c r="Y8758">
        <f t="shared" si="1"/>
        <v>114786.64870000001</v>
      </c>
      <c r="Z8758">
        <f t="shared" si="2"/>
        <v>15363.70191</v>
      </c>
      <c r="AA8758">
        <f t="shared" si="2"/>
        <v>50247.854079999997</v>
      </c>
      <c r="AB8758">
        <f t="shared" si="2"/>
        <v>37429.978949999997</v>
      </c>
      <c r="AC8758">
        <f t="shared" si="2"/>
        <v>36737.545760000001</v>
      </c>
      <c r="AD8758">
        <f t="shared" si="2"/>
        <v>24925.02519</v>
      </c>
      <c r="AE8758">
        <f t="shared" si="2"/>
        <v>29172.459009999999</v>
      </c>
      <c r="AF8758">
        <f t="shared" si="2"/>
        <v>46212.228130000003</v>
      </c>
      <c r="AG8758">
        <f t="shared" si="2"/>
        <v>25952.385760000001</v>
      </c>
      <c r="AH8758">
        <f t="shared" si="2"/>
        <v>206994.8315</v>
      </c>
      <c r="AI8758">
        <f t="shared" si="2"/>
        <v>63978.257019999997</v>
      </c>
      <c r="AJ8758">
        <f t="shared" si="2"/>
        <v>21356.59505</v>
      </c>
      <c r="AK8758">
        <f t="shared" si="2"/>
        <v>37365.962220000001</v>
      </c>
      <c r="AL8758">
        <f t="shared" si="2"/>
        <v>44041.247230000001</v>
      </c>
      <c r="AM8758">
        <f t="shared" si="2"/>
        <v>20955.927530000001</v>
      </c>
      <c r="AN8758">
        <f t="shared" si="2"/>
        <v>86751.211840000004</v>
      </c>
      <c r="AO8758">
        <f t="shared" si="2"/>
        <v>25494.4925</v>
      </c>
      <c r="AP8758">
        <f t="shared" si="2"/>
        <v>14719.55128</v>
      </c>
    </row>
    <row r="8759" spans="2:42" x14ac:dyDescent="0.3">
      <c r="B8759">
        <v>41.353603311055508</v>
      </c>
      <c r="C8759" s="83">
        <v>43465.874998090279</v>
      </c>
      <c r="D8759">
        <v>115381.11500000001</v>
      </c>
      <c r="E8759">
        <v>14816.90064</v>
      </c>
      <c r="F8759">
        <v>49228.777320000001</v>
      </c>
      <c r="G8759">
        <v>37397.73878</v>
      </c>
      <c r="H8759">
        <v>36311.053899999999</v>
      </c>
      <c r="I8759">
        <v>23831.361870000001</v>
      </c>
      <c r="J8759">
        <v>28331.235240000002</v>
      </c>
      <c r="K8759">
        <v>46220.863709999998</v>
      </c>
      <c r="L8759">
        <v>24974.67813</v>
      </c>
      <c r="M8759">
        <v>210839.9546</v>
      </c>
      <c r="N8759">
        <v>63633.949910000003</v>
      </c>
      <c r="O8759">
        <v>21488.066190000001</v>
      </c>
      <c r="P8759">
        <v>35373.739289999998</v>
      </c>
      <c r="Q8759">
        <v>45587.941409999999</v>
      </c>
      <c r="R8759">
        <v>19971.442599999998</v>
      </c>
      <c r="S8759">
        <v>83202.624830000001</v>
      </c>
      <c r="T8759">
        <v>24787.162950000002</v>
      </c>
      <c r="U8759">
        <v>14628.71989</v>
      </c>
      <c r="W8759" s="83">
        <f>Bühler!N8791</f>
        <v>45656.874999978761</v>
      </c>
      <c r="X8759" s="83">
        <v>43465.874998090279</v>
      </c>
      <c r="Y8759">
        <f t="shared" si="1"/>
        <v>115381.11500000001</v>
      </c>
      <c r="Z8759">
        <f t="shared" si="2"/>
        <v>14816.90064</v>
      </c>
      <c r="AA8759">
        <f t="shared" si="2"/>
        <v>49228.777320000001</v>
      </c>
      <c r="AB8759">
        <f t="shared" si="2"/>
        <v>37397.73878</v>
      </c>
      <c r="AC8759">
        <f t="shared" si="2"/>
        <v>36311.053899999999</v>
      </c>
      <c r="AD8759">
        <f t="shared" si="2"/>
        <v>23831.361870000001</v>
      </c>
      <c r="AE8759">
        <f t="shared" si="2"/>
        <v>28331.235240000002</v>
      </c>
      <c r="AF8759">
        <f t="shared" si="2"/>
        <v>46220.863709999998</v>
      </c>
      <c r="AG8759">
        <f t="shared" si="2"/>
        <v>24974.67813</v>
      </c>
      <c r="AH8759">
        <f t="shared" si="2"/>
        <v>210839.9546</v>
      </c>
      <c r="AI8759">
        <f t="shared" si="2"/>
        <v>63633.949910000003</v>
      </c>
      <c r="AJ8759">
        <f t="shared" si="2"/>
        <v>21488.066190000001</v>
      </c>
      <c r="AK8759">
        <f t="shared" si="2"/>
        <v>35373.739289999998</v>
      </c>
      <c r="AL8759">
        <f t="shared" si="2"/>
        <v>45587.941409999999</v>
      </c>
      <c r="AM8759">
        <f t="shared" si="2"/>
        <v>19971.442599999998</v>
      </c>
      <c r="AN8759">
        <f t="shared" si="2"/>
        <v>83202.624830000001</v>
      </c>
      <c r="AO8759">
        <f t="shared" si="2"/>
        <v>24787.162950000002</v>
      </c>
      <c r="AP8759">
        <f t="shared" si="2"/>
        <v>14628.71989</v>
      </c>
    </row>
    <row r="8760" spans="2:42" x14ac:dyDescent="0.3">
      <c r="B8760">
        <v>42.297278129580356</v>
      </c>
      <c r="C8760" s="83">
        <v>43465.916664699071</v>
      </c>
      <c r="D8760">
        <v>115921.5716</v>
      </c>
      <c r="E8760">
        <v>14685.94269</v>
      </c>
      <c r="F8760">
        <v>49137.93737</v>
      </c>
      <c r="G8760">
        <v>37587.765220000001</v>
      </c>
      <c r="H8760">
        <v>36605.529900000001</v>
      </c>
      <c r="I8760">
        <v>23628.318240000001</v>
      </c>
      <c r="J8760">
        <v>27725.748510000001</v>
      </c>
      <c r="K8760">
        <v>49077.291590000001</v>
      </c>
      <c r="L8760">
        <v>22870.757089999999</v>
      </c>
      <c r="M8760">
        <v>215651.24890000001</v>
      </c>
      <c r="N8760">
        <v>63815.230649999998</v>
      </c>
      <c r="O8760">
        <v>22091.14875</v>
      </c>
      <c r="P8760">
        <v>37559.114580000001</v>
      </c>
      <c r="Q8760">
        <v>46292.631379999999</v>
      </c>
      <c r="R8760">
        <v>26911.993480000001</v>
      </c>
      <c r="S8760">
        <v>82011.156310000006</v>
      </c>
      <c r="T8760">
        <v>24431.332729999998</v>
      </c>
      <c r="U8760">
        <v>15776.34117</v>
      </c>
      <c r="W8760" s="83">
        <f>Bühler!N8792</f>
        <v>45656.916666645426</v>
      </c>
      <c r="X8760" s="83">
        <v>43465.916664699071</v>
      </c>
      <c r="Y8760">
        <f t="shared" si="1"/>
        <v>115921.5716</v>
      </c>
      <c r="Z8760">
        <f t="shared" si="2"/>
        <v>14685.94269</v>
      </c>
      <c r="AA8760">
        <f t="shared" si="2"/>
        <v>49137.93737</v>
      </c>
      <c r="AB8760">
        <f t="shared" si="2"/>
        <v>37587.765220000001</v>
      </c>
      <c r="AC8760">
        <f t="shared" si="2"/>
        <v>36605.529900000001</v>
      </c>
      <c r="AD8760">
        <f t="shared" si="2"/>
        <v>23628.318240000001</v>
      </c>
      <c r="AE8760">
        <f t="shared" si="2"/>
        <v>27725.748510000001</v>
      </c>
      <c r="AF8760">
        <f t="shared" si="2"/>
        <v>49077.291590000001</v>
      </c>
      <c r="AG8760">
        <f t="shared" si="2"/>
        <v>22870.757089999999</v>
      </c>
      <c r="AH8760">
        <f t="shared" si="2"/>
        <v>215651.24890000001</v>
      </c>
      <c r="AI8760">
        <f t="shared" si="2"/>
        <v>63815.230649999998</v>
      </c>
      <c r="AJ8760">
        <f t="shared" si="2"/>
        <v>22091.14875</v>
      </c>
      <c r="AK8760">
        <f t="shared" si="2"/>
        <v>37559.114580000001</v>
      </c>
      <c r="AL8760">
        <f t="shared" si="2"/>
        <v>46292.631379999999</v>
      </c>
      <c r="AM8760">
        <f t="shared" si="2"/>
        <v>26911.993480000001</v>
      </c>
      <c r="AN8760">
        <f t="shared" si="2"/>
        <v>82011.156310000006</v>
      </c>
      <c r="AO8760">
        <f t="shared" si="2"/>
        <v>24431.332729999998</v>
      </c>
      <c r="AP8760">
        <f t="shared" si="2"/>
        <v>15776.34117</v>
      </c>
    </row>
    <row r="8761" spans="2:42" x14ac:dyDescent="0.3">
      <c r="B8761">
        <v>42.785990427138508</v>
      </c>
      <c r="C8761" s="83">
        <v>43465.958331307869</v>
      </c>
      <c r="D8761">
        <v>117335.73149999999</v>
      </c>
      <c r="E8761">
        <v>22341.2058</v>
      </c>
      <c r="F8761">
        <v>53374.705289999998</v>
      </c>
      <c r="G8761">
        <v>39474.456319999998</v>
      </c>
      <c r="H8761">
        <v>46675.885840000003</v>
      </c>
      <c r="I8761">
        <v>30474.41995</v>
      </c>
      <c r="J8761">
        <v>48728.822</v>
      </c>
      <c r="K8761">
        <v>56690.540330000003</v>
      </c>
      <c r="L8761">
        <v>33667.791389999999</v>
      </c>
      <c r="M8761">
        <v>218142.93210000001</v>
      </c>
      <c r="N8761">
        <v>95411.483200000002</v>
      </c>
      <c r="O8761">
        <v>28229.429749999999</v>
      </c>
      <c r="P8761">
        <v>39570.14387</v>
      </c>
      <c r="Q8761">
        <v>58135.984179999999</v>
      </c>
      <c r="R8761">
        <v>45208.558369999999</v>
      </c>
      <c r="S8761">
        <v>83088.201679999998</v>
      </c>
      <c r="T8761">
        <v>35591.886899999998</v>
      </c>
      <c r="U8761">
        <v>22505.643459999999</v>
      </c>
      <c r="W8761" s="83">
        <f>Bühler!N8793</f>
        <v>45656.95833331209</v>
      </c>
      <c r="X8761" s="83">
        <v>43465.958331307869</v>
      </c>
      <c r="Y8761">
        <f t="shared" si="1"/>
        <v>117335.73149999999</v>
      </c>
      <c r="Z8761">
        <f t="shared" si="2"/>
        <v>22341.2058</v>
      </c>
      <c r="AA8761">
        <f t="shared" si="2"/>
        <v>53374.705289999998</v>
      </c>
      <c r="AB8761">
        <f t="shared" si="2"/>
        <v>39474.456319999998</v>
      </c>
      <c r="AC8761">
        <f t="shared" si="2"/>
        <v>46675.885840000003</v>
      </c>
      <c r="AD8761">
        <f t="shared" si="2"/>
        <v>30474.41995</v>
      </c>
      <c r="AE8761">
        <f t="shared" si="2"/>
        <v>48728.822</v>
      </c>
      <c r="AF8761">
        <f t="shared" si="2"/>
        <v>56690.540330000003</v>
      </c>
      <c r="AG8761">
        <f t="shared" si="2"/>
        <v>33667.791389999999</v>
      </c>
      <c r="AH8761">
        <f t="shared" si="2"/>
        <v>218142.93210000001</v>
      </c>
      <c r="AI8761">
        <f t="shared" si="2"/>
        <v>95411.483200000002</v>
      </c>
      <c r="AJ8761">
        <f t="shared" si="2"/>
        <v>28229.429749999999</v>
      </c>
      <c r="AK8761">
        <f t="shared" si="2"/>
        <v>39570.14387</v>
      </c>
      <c r="AL8761">
        <f t="shared" si="2"/>
        <v>58135.984179999999</v>
      </c>
      <c r="AM8761">
        <f t="shared" si="2"/>
        <v>45208.558369999999</v>
      </c>
      <c r="AN8761">
        <f t="shared" si="2"/>
        <v>83088.201679999998</v>
      </c>
      <c r="AO8761">
        <f t="shared" si="2"/>
        <v>35591.886899999998</v>
      </c>
      <c r="AP8761">
        <f t="shared" si="2"/>
        <v>22505.643459999999</v>
      </c>
    </row>
  </sheetData>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B4E449-618C-4991-AFD9-C57E5316657B}">
  <dimension ref="B1:FP8793"/>
  <sheetViews>
    <sheetView zoomScale="85" zoomScaleNormal="85" workbookViewId="0">
      <selection activeCell="FS19" sqref="FS19"/>
    </sheetView>
  </sheetViews>
  <sheetFormatPr defaultRowHeight="14.4" x14ac:dyDescent="0.3"/>
  <cols>
    <col min="3" max="3" width="8.88671875" style="16"/>
    <col min="14" max="14" width="16.5546875" bestFit="1" customWidth="1"/>
    <col min="20" max="20" width="15.6640625" bestFit="1" customWidth="1"/>
    <col min="28" max="172" width="8.88671875" hidden="1" customWidth="1"/>
  </cols>
  <sheetData>
    <row r="1" spans="2:172" x14ac:dyDescent="0.3">
      <c r="D1" s="171" t="s">
        <v>44</v>
      </c>
      <c r="E1" s="171"/>
      <c r="F1" s="171"/>
      <c r="G1" s="171"/>
      <c r="H1" s="171"/>
      <c r="I1" s="171"/>
      <c r="J1" s="171"/>
      <c r="K1" s="171"/>
      <c r="L1" s="171"/>
      <c r="M1" s="171"/>
      <c r="N1" s="171"/>
      <c r="O1" s="171"/>
      <c r="P1" s="171"/>
      <c r="Q1" s="171"/>
      <c r="R1" s="171"/>
      <c r="S1" s="171"/>
      <c r="T1" s="171"/>
      <c r="U1" s="171"/>
      <c r="V1" s="171"/>
      <c r="W1" s="171"/>
      <c r="X1" s="171"/>
      <c r="Y1" s="171"/>
      <c r="Z1" s="171"/>
      <c r="AA1" s="171"/>
    </row>
    <row r="2" spans="2:172" ht="15" thickBot="1" x14ac:dyDescent="0.35">
      <c r="C2" s="16" t="s">
        <v>45</v>
      </c>
      <c r="D2" s="17">
        <v>0</v>
      </c>
      <c r="E2" s="17">
        <v>1</v>
      </c>
      <c r="F2" s="17">
        <v>2</v>
      </c>
      <c r="G2" s="17">
        <v>3</v>
      </c>
      <c r="H2" s="17">
        <v>4</v>
      </c>
      <c r="I2" s="17">
        <v>5</v>
      </c>
      <c r="J2" s="17">
        <v>6</v>
      </c>
      <c r="K2" s="17">
        <v>7</v>
      </c>
      <c r="L2" s="17">
        <v>8</v>
      </c>
      <c r="M2" s="17">
        <v>9</v>
      </c>
      <c r="N2" s="17">
        <v>10</v>
      </c>
      <c r="O2" s="17">
        <v>11</v>
      </c>
      <c r="P2" s="17">
        <v>12</v>
      </c>
      <c r="Q2" s="17">
        <v>13</v>
      </c>
      <c r="R2" s="17">
        <v>14</v>
      </c>
      <c r="S2" s="17">
        <v>15</v>
      </c>
      <c r="T2" s="17">
        <v>16</v>
      </c>
      <c r="U2" s="17">
        <v>17</v>
      </c>
      <c r="V2" s="17">
        <v>18</v>
      </c>
      <c r="W2" s="17">
        <v>19</v>
      </c>
      <c r="X2" s="17">
        <v>20</v>
      </c>
      <c r="Y2" s="17">
        <v>21</v>
      </c>
      <c r="Z2" s="17">
        <v>22</v>
      </c>
      <c r="AA2" s="17">
        <v>23</v>
      </c>
      <c r="AB2">
        <v>24</v>
      </c>
      <c r="AC2">
        <v>25</v>
      </c>
      <c r="AD2">
        <v>26</v>
      </c>
      <c r="AE2">
        <v>27</v>
      </c>
      <c r="AF2">
        <v>28</v>
      </c>
      <c r="AG2">
        <v>29</v>
      </c>
      <c r="AH2">
        <v>30</v>
      </c>
      <c r="AI2">
        <v>31</v>
      </c>
      <c r="AJ2">
        <v>32</v>
      </c>
      <c r="AK2">
        <v>33</v>
      </c>
      <c r="AL2">
        <v>34</v>
      </c>
      <c r="AM2">
        <v>35</v>
      </c>
      <c r="AN2">
        <v>36</v>
      </c>
      <c r="AO2">
        <v>37</v>
      </c>
      <c r="AP2">
        <v>38</v>
      </c>
      <c r="AQ2">
        <v>39</v>
      </c>
      <c r="AR2">
        <v>40</v>
      </c>
      <c r="AS2">
        <v>41</v>
      </c>
      <c r="AT2">
        <v>42</v>
      </c>
      <c r="AU2">
        <v>43</v>
      </c>
      <c r="AV2">
        <v>44</v>
      </c>
      <c r="AW2">
        <v>45</v>
      </c>
      <c r="AX2">
        <v>46</v>
      </c>
      <c r="AY2">
        <v>47</v>
      </c>
      <c r="AZ2">
        <v>48</v>
      </c>
      <c r="BA2">
        <v>49</v>
      </c>
      <c r="BB2">
        <v>50</v>
      </c>
      <c r="BC2">
        <v>51</v>
      </c>
      <c r="BD2">
        <v>52</v>
      </c>
      <c r="BE2">
        <v>53</v>
      </c>
      <c r="BF2">
        <v>54</v>
      </c>
      <c r="BG2">
        <v>55</v>
      </c>
      <c r="BH2">
        <v>56</v>
      </c>
      <c r="BI2">
        <v>57</v>
      </c>
      <c r="BJ2">
        <v>58</v>
      </c>
      <c r="BK2">
        <v>59</v>
      </c>
      <c r="BL2">
        <v>60</v>
      </c>
      <c r="BM2">
        <v>61</v>
      </c>
      <c r="BN2">
        <v>62</v>
      </c>
      <c r="BO2">
        <v>63</v>
      </c>
      <c r="BP2">
        <v>64</v>
      </c>
      <c r="BQ2">
        <v>65</v>
      </c>
      <c r="BR2">
        <v>66</v>
      </c>
      <c r="BS2">
        <v>67</v>
      </c>
      <c r="BT2">
        <v>68</v>
      </c>
      <c r="BU2">
        <v>69</v>
      </c>
      <c r="BV2">
        <v>70</v>
      </c>
      <c r="BW2">
        <v>71</v>
      </c>
      <c r="BX2">
        <v>72</v>
      </c>
      <c r="BY2">
        <v>73</v>
      </c>
      <c r="BZ2">
        <v>74</v>
      </c>
      <c r="CA2">
        <v>75</v>
      </c>
      <c r="CB2">
        <v>76</v>
      </c>
      <c r="CC2">
        <v>77</v>
      </c>
      <c r="CD2">
        <v>78</v>
      </c>
      <c r="CE2">
        <v>79</v>
      </c>
      <c r="CF2">
        <v>80</v>
      </c>
      <c r="CG2">
        <v>81</v>
      </c>
      <c r="CH2">
        <v>82</v>
      </c>
      <c r="CI2">
        <v>83</v>
      </c>
      <c r="CJ2">
        <v>84</v>
      </c>
      <c r="CK2">
        <v>85</v>
      </c>
      <c r="CL2">
        <v>86</v>
      </c>
      <c r="CM2">
        <v>87</v>
      </c>
      <c r="CN2">
        <v>88</v>
      </c>
      <c r="CO2">
        <v>89</v>
      </c>
      <c r="CP2">
        <v>90</v>
      </c>
      <c r="CQ2">
        <v>91</v>
      </c>
      <c r="CR2">
        <v>92</v>
      </c>
      <c r="CS2">
        <v>93</v>
      </c>
      <c r="CT2">
        <v>94</v>
      </c>
      <c r="CU2">
        <v>95</v>
      </c>
      <c r="CV2">
        <v>96</v>
      </c>
      <c r="CW2">
        <v>97</v>
      </c>
      <c r="CX2">
        <v>98</v>
      </c>
      <c r="CY2">
        <v>99</v>
      </c>
      <c r="CZ2">
        <v>100</v>
      </c>
      <c r="DA2">
        <v>101</v>
      </c>
      <c r="DB2">
        <v>102</v>
      </c>
      <c r="DC2">
        <v>103</v>
      </c>
      <c r="DD2">
        <v>104</v>
      </c>
      <c r="DE2">
        <v>105</v>
      </c>
      <c r="DF2">
        <v>106</v>
      </c>
      <c r="DG2">
        <v>107</v>
      </c>
      <c r="DH2">
        <v>108</v>
      </c>
      <c r="DI2">
        <v>109</v>
      </c>
      <c r="DJ2">
        <v>110</v>
      </c>
      <c r="DK2">
        <v>111</v>
      </c>
      <c r="DL2">
        <v>112</v>
      </c>
      <c r="DM2">
        <v>113</v>
      </c>
      <c r="DN2">
        <v>114</v>
      </c>
      <c r="DO2">
        <v>115</v>
      </c>
      <c r="DP2">
        <v>116</v>
      </c>
      <c r="DQ2">
        <v>117</v>
      </c>
      <c r="DR2">
        <v>118</v>
      </c>
      <c r="DS2">
        <v>119</v>
      </c>
      <c r="DT2">
        <v>120</v>
      </c>
      <c r="DU2">
        <v>121</v>
      </c>
      <c r="DV2">
        <v>122</v>
      </c>
      <c r="DW2">
        <v>123</v>
      </c>
      <c r="DX2">
        <v>124</v>
      </c>
      <c r="DY2">
        <v>125</v>
      </c>
      <c r="DZ2">
        <v>126</v>
      </c>
      <c r="EA2">
        <v>127</v>
      </c>
      <c r="EB2">
        <v>128</v>
      </c>
      <c r="EC2">
        <v>129</v>
      </c>
      <c r="ED2">
        <v>130</v>
      </c>
      <c r="EE2">
        <v>131</v>
      </c>
      <c r="EF2">
        <v>132</v>
      </c>
      <c r="EG2">
        <v>133</v>
      </c>
      <c r="EH2">
        <v>134</v>
      </c>
      <c r="EI2">
        <v>135</v>
      </c>
      <c r="EJ2">
        <v>136</v>
      </c>
      <c r="EK2">
        <v>137</v>
      </c>
      <c r="EL2">
        <v>138</v>
      </c>
      <c r="EM2">
        <v>139</v>
      </c>
      <c r="EN2">
        <v>140</v>
      </c>
      <c r="EO2">
        <v>141</v>
      </c>
      <c r="EP2">
        <v>142</v>
      </c>
      <c r="EQ2">
        <v>143</v>
      </c>
      <c r="ER2">
        <v>144</v>
      </c>
      <c r="ES2">
        <v>145</v>
      </c>
      <c r="ET2">
        <v>146</v>
      </c>
      <c r="EU2">
        <v>147</v>
      </c>
      <c r="EV2">
        <v>148</v>
      </c>
      <c r="EW2">
        <v>149</v>
      </c>
      <c r="EX2">
        <v>150</v>
      </c>
      <c r="EY2">
        <v>151</v>
      </c>
      <c r="EZ2">
        <v>152</v>
      </c>
      <c r="FA2">
        <v>153</v>
      </c>
      <c r="FB2">
        <v>154</v>
      </c>
      <c r="FC2">
        <v>155</v>
      </c>
      <c r="FD2">
        <v>156</v>
      </c>
      <c r="FE2">
        <v>157</v>
      </c>
      <c r="FF2">
        <v>158</v>
      </c>
      <c r="FG2">
        <v>159</v>
      </c>
      <c r="FH2">
        <v>160</v>
      </c>
      <c r="FI2">
        <v>161</v>
      </c>
      <c r="FJ2">
        <v>162</v>
      </c>
      <c r="FK2">
        <v>163</v>
      </c>
      <c r="FL2">
        <v>164</v>
      </c>
      <c r="FM2">
        <v>165</v>
      </c>
      <c r="FN2">
        <v>166</v>
      </c>
      <c r="FO2">
        <v>167</v>
      </c>
      <c r="FP2">
        <v>168</v>
      </c>
    </row>
    <row r="3" spans="2:172" x14ac:dyDescent="0.3">
      <c r="B3" s="172" t="s">
        <v>10</v>
      </c>
      <c r="C3" s="17">
        <v>1</v>
      </c>
      <c r="D3" s="32">
        <v>0</v>
      </c>
      <c r="E3" s="33">
        <v>0</v>
      </c>
      <c r="F3" s="33">
        <v>0</v>
      </c>
      <c r="G3" s="33">
        <v>0</v>
      </c>
      <c r="H3" s="33">
        <v>0</v>
      </c>
      <c r="I3" s="33">
        <v>0</v>
      </c>
      <c r="J3" s="33">
        <v>0</v>
      </c>
      <c r="K3" s="33">
        <v>1.2E-2</v>
      </c>
      <c r="L3" s="33">
        <v>1.35E-2</v>
      </c>
      <c r="M3" s="33">
        <v>1.4999999999999999E-2</v>
      </c>
      <c r="N3" s="33">
        <v>1.4999999999999999E-2</v>
      </c>
      <c r="O3" s="33">
        <v>1.7999999999999999E-2</v>
      </c>
      <c r="P3" s="33">
        <v>1.7999999999999999E-2</v>
      </c>
      <c r="Q3" s="33">
        <v>1.2E-2</v>
      </c>
      <c r="R3" s="33">
        <v>1.7999999999999999E-2</v>
      </c>
      <c r="S3" s="33">
        <v>1.7999999999999999E-2</v>
      </c>
      <c r="T3" s="33">
        <v>1.0499999999999999E-2</v>
      </c>
      <c r="U3" s="33">
        <v>3.0000000000000001E-3</v>
      </c>
      <c r="V3" s="33">
        <v>0</v>
      </c>
      <c r="W3" s="33">
        <v>0</v>
      </c>
      <c r="X3" s="33">
        <v>0</v>
      </c>
      <c r="Y3" s="33">
        <v>0</v>
      </c>
      <c r="Z3" s="33">
        <v>0</v>
      </c>
      <c r="AA3" s="34">
        <v>0</v>
      </c>
      <c r="AB3">
        <v>0</v>
      </c>
      <c r="AC3">
        <v>0</v>
      </c>
      <c r="AD3">
        <v>0</v>
      </c>
      <c r="AE3">
        <v>0</v>
      </c>
      <c r="AF3">
        <v>0</v>
      </c>
      <c r="AG3">
        <v>0</v>
      </c>
      <c r="AH3">
        <v>0</v>
      </c>
      <c r="AI3">
        <v>1.9E-2</v>
      </c>
      <c r="AJ3">
        <f>(AI3+AK3)/2</f>
        <v>2.12E-2</v>
      </c>
      <c r="AK3">
        <v>2.3400000000000001E-2</v>
      </c>
      <c r="AL3">
        <v>2.3400000000000001E-2</v>
      </c>
      <c r="AM3">
        <v>2.8000000000000001E-2</v>
      </c>
      <c r="AN3">
        <v>2.8000000000000001E-2</v>
      </c>
      <c r="AO3">
        <v>1.8599999999999998E-2</v>
      </c>
      <c r="AP3">
        <v>2.8000000000000001E-2</v>
      </c>
      <c r="AQ3">
        <v>2.8000000000000001E-2</v>
      </c>
      <c r="AR3">
        <f>(AQ3+AS3)/2</f>
        <v>1.6500000000000001E-2</v>
      </c>
      <c r="AS3">
        <v>5.0000000000000001E-3</v>
      </c>
      <c r="AT3">
        <v>0</v>
      </c>
      <c r="AU3">
        <v>0</v>
      </c>
      <c r="AV3">
        <v>0</v>
      </c>
      <c r="AW3">
        <v>0</v>
      </c>
      <c r="AX3">
        <v>0</v>
      </c>
      <c r="AY3">
        <v>0</v>
      </c>
      <c r="AZ3">
        <v>0</v>
      </c>
      <c r="BA3">
        <v>0</v>
      </c>
      <c r="BB3">
        <v>0</v>
      </c>
      <c r="BC3">
        <v>0</v>
      </c>
      <c r="BD3">
        <v>0</v>
      </c>
      <c r="BE3">
        <v>0</v>
      </c>
      <c r="BF3">
        <v>0</v>
      </c>
      <c r="BG3">
        <v>1.9E-2</v>
      </c>
      <c r="BH3">
        <f>(BG3+BI3)/2</f>
        <v>2.12E-2</v>
      </c>
      <c r="BI3">
        <v>2.3400000000000001E-2</v>
      </c>
      <c r="BJ3">
        <v>2.3400000000000001E-2</v>
      </c>
      <c r="BK3">
        <v>2.8000000000000001E-2</v>
      </c>
      <c r="BL3">
        <v>2.8000000000000001E-2</v>
      </c>
      <c r="BM3">
        <v>1.8599999999999998E-2</v>
      </c>
      <c r="BN3">
        <v>2.8000000000000001E-2</v>
      </c>
      <c r="BO3">
        <v>2.8000000000000001E-2</v>
      </c>
      <c r="BP3">
        <f>(BO3+BQ3)/2</f>
        <v>1.6500000000000001E-2</v>
      </c>
      <c r="BQ3">
        <v>5.0000000000000001E-3</v>
      </c>
      <c r="BR3">
        <v>0</v>
      </c>
      <c r="BS3">
        <v>0</v>
      </c>
      <c r="BT3">
        <v>0</v>
      </c>
      <c r="BU3">
        <v>0</v>
      </c>
      <c r="BV3">
        <v>0</v>
      </c>
      <c r="BW3">
        <v>0</v>
      </c>
      <c r="BX3">
        <v>0</v>
      </c>
      <c r="BY3">
        <v>0</v>
      </c>
      <c r="BZ3">
        <v>0</v>
      </c>
      <c r="CA3">
        <v>0</v>
      </c>
      <c r="CB3">
        <v>0</v>
      </c>
      <c r="CC3">
        <v>0</v>
      </c>
      <c r="CD3">
        <v>0</v>
      </c>
      <c r="CE3">
        <v>1.9E-2</v>
      </c>
      <c r="CF3">
        <f>(CE3+CG3)/2</f>
        <v>2.12E-2</v>
      </c>
      <c r="CG3">
        <v>2.3400000000000001E-2</v>
      </c>
      <c r="CH3">
        <v>2.3400000000000001E-2</v>
      </c>
      <c r="CI3">
        <v>2.8000000000000001E-2</v>
      </c>
      <c r="CJ3">
        <v>2.8000000000000001E-2</v>
      </c>
      <c r="CK3">
        <v>1.8599999999999998E-2</v>
      </c>
      <c r="CL3">
        <v>2.8000000000000001E-2</v>
      </c>
      <c r="CM3">
        <v>2.8000000000000001E-2</v>
      </c>
      <c r="CN3">
        <f>(CM3+CO3)/2</f>
        <v>1.6500000000000001E-2</v>
      </c>
      <c r="CO3">
        <v>5.0000000000000001E-3</v>
      </c>
      <c r="CP3">
        <v>0</v>
      </c>
      <c r="CQ3">
        <v>0</v>
      </c>
      <c r="CR3">
        <v>0</v>
      </c>
      <c r="CS3">
        <v>0</v>
      </c>
      <c r="CT3">
        <v>0</v>
      </c>
      <c r="CU3">
        <v>0</v>
      </c>
      <c r="CV3">
        <v>0</v>
      </c>
      <c r="CW3">
        <v>0</v>
      </c>
      <c r="CX3">
        <v>0</v>
      </c>
      <c r="CY3">
        <v>0</v>
      </c>
      <c r="CZ3">
        <v>0</v>
      </c>
      <c r="DA3">
        <v>0</v>
      </c>
      <c r="DB3">
        <v>0</v>
      </c>
      <c r="DC3">
        <v>1.2E-2</v>
      </c>
      <c r="DD3">
        <v>1.4999999999999999E-2</v>
      </c>
      <c r="DE3">
        <v>1.6500000000000001E-2</v>
      </c>
      <c r="DF3">
        <v>1.6500000000000001E-2</v>
      </c>
      <c r="DG3">
        <v>1.95E-2</v>
      </c>
      <c r="DH3">
        <v>1.95E-2</v>
      </c>
      <c r="DI3">
        <v>1.35E-2</v>
      </c>
      <c r="DJ3">
        <v>1.95E-2</v>
      </c>
      <c r="DK3">
        <v>1.4999999999999999E-2</v>
      </c>
      <c r="DL3">
        <v>3.0000000000000001E-3</v>
      </c>
      <c r="DM3">
        <v>0</v>
      </c>
      <c r="DN3">
        <v>0</v>
      </c>
      <c r="DO3">
        <v>0</v>
      </c>
      <c r="DP3">
        <v>0</v>
      </c>
      <c r="DQ3">
        <v>0</v>
      </c>
      <c r="DR3">
        <v>0</v>
      </c>
      <c r="DS3">
        <v>0</v>
      </c>
      <c r="DT3">
        <v>0</v>
      </c>
      <c r="DU3">
        <v>0</v>
      </c>
      <c r="DV3">
        <v>0</v>
      </c>
      <c r="DW3">
        <v>0</v>
      </c>
      <c r="DX3">
        <v>0</v>
      </c>
      <c r="DY3">
        <v>0</v>
      </c>
      <c r="DZ3">
        <v>0</v>
      </c>
      <c r="EA3">
        <v>0</v>
      </c>
      <c r="EB3">
        <v>0</v>
      </c>
      <c r="EC3">
        <v>0</v>
      </c>
      <c r="ED3">
        <v>0</v>
      </c>
      <c r="EE3">
        <v>0</v>
      </c>
      <c r="EF3">
        <v>0</v>
      </c>
      <c r="EG3">
        <v>0</v>
      </c>
      <c r="EH3">
        <v>0</v>
      </c>
      <c r="EI3">
        <v>0</v>
      </c>
      <c r="EJ3">
        <v>0</v>
      </c>
      <c r="EK3">
        <v>0</v>
      </c>
      <c r="EL3">
        <v>0</v>
      </c>
      <c r="EM3">
        <v>0</v>
      </c>
      <c r="EN3">
        <v>0</v>
      </c>
      <c r="EO3">
        <v>0</v>
      </c>
      <c r="EP3">
        <v>0</v>
      </c>
      <c r="EQ3">
        <v>0</v>
      </c>
      <c r="ER3">
        <v>0</v>
      </c>
      <c r="ES3">
        <v>0</v>
      </c>
      <c r="ET3">
        <v>0</v>
      </c>
      <c r="EU3">
        <v>0</v>
      </c>
      <c r="EV3">
        <v>0</v>
      </c>
      <c r="EW3">
        <v>0</v>
      </c>
      <c r="EX3">
        <v>0</v>
      </c>
      <c r="EY3">
        <v>0</v>
      </c>
      <c r="EZ3">
        <v>0</v>
      </c>
      <c r="FA3">
        <v>0</v>
      </c>
      <c r="FB3">
        <v>0</v>
      </c>
      <c r="FC3">
        <v>0</v>
      </c>
      <c r="FD3">
        <v>0</v>
      </c>
      <c r="FE3">
        <v>0</v>
      </c>
      <c r="FF3">
        <v>0</v>
      </c>
      <c r="FG3">
        <v>0</v>
      </c>
      <c r="FH3">
        <v>0</v>
      </c>
      <c r="FI3">
        <v>0</v>
      </c>
      <c r="FJ3">
        <v>0</v>
      </c>
      <c r="FK3">
        <v>0</v>
      </c>
      <c r="FL3">
        <v>0</v>
      </c>
      <c r="FM3">
        <v>0</v>
      </c>
      <c r="FN3">
        <v>0</v>
      </c>
      <c r="FO3">
        <v>0</v>
      </c>
      <c r="FP3">
        <v>0</v>
      </c>
    </row>
    <row r="4" spans="2:172" x14ac:dyDescent="0.3">
      <c r="B4" s="172"/>
      <c r="C4" s="17">
        <v>2</v>
      </c>
      <c r="D4" s="35">
        <v>0</v>
      </c>
      <c r="E4" s="16">
        <v>0</v>
      </c>
      <c r="F4" s="16">
        <v>0</v>
      </c>
      <c r="G4" s="16">
        <v>0</v>
      </c>
      <c r="H4" s="16">
        <v>0</v>
      </c>
      <c r="I4" s="16">
        <v>0</v>
      </c>
      <c r="J4" s="16">
        <v>0</v>
      </c>
      <c r="K4" s="16">
        <v>1.9E-2</v>
      </c>
      <c r="L4" s="16">
        <v>2.12E-2</v>
      </c>
      <c r="M4" s="16">
        <v>2.3400000000000001E-2</v>
      </c>
      <c r="N4" s="16">
        <v>2.3400000000000001E-2</v>
      </c>
      <c r="O4" s="16">
        <v>2.8000000000000001E-2</v>
      </c>
      <c r="P4" s="16">
        <v>2.8000000000000001E-2</v>
      </c>
      <c r="Q4" s="16">
        <v>1.8599999999999998E-2</v>
      </c>
      <c r="R4" s="16">
        <v>2.8000000000000001E-2</v>
      </c>
      <c r="S4" s="16">
        <v>2.8000000000000001E-2</v>
      </c>
      <c r="T4" s="16">
        <v>1.6500000000000001E-2</v>
      </c>
      <c r="U4" s="16">
        <v>5.0000000000000001E-3</v>
      </c>
      <c r="V4" s="16">
        <v>0</v>
      </c>
      <c r="W4" s="16">
        <v>0</v>
      </c>
      <c r="X4" s="16">
        <v>0</v>
      </c>
      <c r="Y4" s="16">
        <v>0</v>
      </c>
      <c r="Z4" s="16">
        <v>0</v>
      </c>
      <c r="AA4" s="36">
        <v>0</v>
      </c>
    </row>
    <row r="5" spans="2:172" x14ac:dyDescent="0.3">
      <c r="B5" s="172"/>
      <c r="C5" s="17">
        <v>3</v>
      </c>
      <c r="D5" s="35">
        <v>0</v>
      </c>
      <c r="E5" s="16">
        <v>0</v>
      </c>
      <c r="F5" s="16">
        <v>0</v>
      </c>
      <c r="G5" s="16">
        <v>0</v>
      </c>
      <c r="H5" s="16">
        <v>0</v>
      </c>
      <c r="I5" s="16">
        <v>0</v>
      </c>
      <c r="J5" s="16">
        <v>0</v>
      </c>
      <c r="K5" s="16">
        <v>1.9E-2</v>
      </c>
      <c r="L5" s="16">
        <v>2.12E-2</v>
      </c>
      <c r="M5" s="16">
        <v>2.3400000000000001E-2</v>
      </c>
      <c r="N5" s="16">
        <v>2.3400000000000001E-2</v>
      </c>
      <c r="O5" s="16">
        <v>2.8000000000000001E-2</v>
      </c>
      <c r="P5" s="16">
        <v>2.8000000000000001E-2</v>
      </c>
      <c r="Q5" s="16">
        <v>1.8599999999999998E-2</v>
      </c>
      <c r="R5" s="16">
        <v>2.8000000000000001E-2</v>
      </c>
      <c r="S5" s="16">
        <v>2.8000000000000001E-2</v>
      </c>
      <c r="T5" s="16">
        <v>1.6500000000000001E-2</v>
      </c>
      <c r="U5" s="16">
        <v>5.0000000000000001E-3</v>
      </c>
      <c r="V5" s="16">
        <v>0</v>
      </c>
      <c r="W5" s="16">
        <v>0</v>
      </c>
      <c r="X5" s="16">
        <v>0</v>
      </c>
      <c r="Y5" s="16">
        <v>0</v>
      </c>
      <c r="Z5" s="16">
        <v>0</v>
      </c>
      <c r="AA5" s="36">
        <v>0</v>
      </c>
    </row>
    <row r="6" spans="2:172" x14ac:dyDescent="0.3">
      <c r="B6" s="172"/>
      <c r="C6" s="17">
        <v>4</v>
      </c>
      <c r="D6" s="35">
        <v>0</v>
      </c>
      <c r="E6" s="16">
        <v>0</v>
      </c>
      <c r="F6" s="16">
        <v>0</v>
      </c>
      <c r="G6" s="16">
        <v>0</v>
      </c>
      <c r="H6" s="16">
        <v>0</v>
      </c>
      <c r="I6" s="16">
        <v>0</v>
      </c>
      <c r="J6" s="16">
        <v>0</v>
      </c>
      <c r="K6" s="16">
        <v>1.9E-2</v>
      </c>
      <c r="L6" s="16">
        <v>2.12E-2</v>
      </c>
      <c r="M6" s="16">
        <v>2.3400000000000001E-2</v>
      </c>
      <c r="N6" s="16">
        <v>2.3400000000000001E-2</v>
      </c>
      <c r="O6" s="16">
        <v>2.8000000000000001E-2</v>
      </c>
      <c r="P6" s="16">
        <v>2.8000000000000001E-2</v>
      </c>
      <c r="Q6" s="16">
        <v>1.8599999999999998E-2</v>
      </c>
      <c r="R6" s="16">
        <v>2.8000000000000001E-2</v>
      </c>
      <c r="S6" s="16">
        <v>2.8000000000000001E-2</v>
      </c>
      <c r="T6" s="16">
        <v>1.6500000000000001E-2</v>
      </c>
      <c r="U6" s="16">
        <v>5.0000000000000001E-3</v>
      </c>
      <c r="V6" s="16">
        <v>0</v>
      </c>
      <c r="W6" s="16">
        <v>0</v>
      </c>
      <c r="X6" s="16">
        <v>0</v>
      </c>
      <c r="Y6" s="16">
        <v>0</v>
      </c>
      <c r="Z6" s="16">
        <v>0</v>
      </c>
      <c r="AA6" s="36">
        <v>0</v>
      </c>
    </row>
    <row r="7" spans="2:172" x14ac:dyDescent="0.3">
      <c r="B7" s="172"/>
      <c r="C7" s="17">
        <v>5</v>
      </c>
      <c r="D7" s="35">
        <v>0</v>
      </c>
      <c r="E7" s="16">
        <v>0</v>
      </c>
      <c r="F7" s="16">
        <v>0</v>
      </c>
      <c r="G7" s="16">
        <v>0</v>
      </c>
      <c r="H7" s="16">
        <v>0</v>
      </c>
      <c r="I7" s="16">
        <v>0</v>
      </c>
      <c r="J7" s="16">
        <v>0</v>
      </c>
      <c r="K7" s="16">
        <v>1.2E-2</v>
      </c>
      <c r="L7" s="16">
        <v>1.4999999999999999E-2</v>
      </c>
      <c r="M7" s="16">
        <v>1.6500000000000001E-2</v>
      </c>
      <c r="N7" s="16">
        <v>1.6500000000000001E-2</v>
      </c>
      <c r="O7" s="16">
        <v>1.95E-2</v>
      </c>
      <c r="P7" s="16">
        <v>1.95E-2</v>
      </c>
      <c r="Q7" s="16">
        <v>1.35E-2</v>
      </c>
      <c r="R7" s="16">
        <v>1.95E-2</v>
      </c>
      <c r="S7" s="16">
        <v>1.4999999999999999E-2</v>
      </c>
      <c r="T7" s="16">
        <v>3.0000000000000001E-3</v>
      </c>
      <c r="U7" s="16">
        <v>0</v>
      </c>
      <c r="V7" s="16">
        <v>0</v>
      </c>
      <c r="W7" s="16">
        <v>0</v>
      </c>
      <c r="X7" s="16">
        <v>0</v>
      </c>
      <c r="Y7" s="16">
        <v>0</v>
      </c>
      <c r="Z7" s="16">
        <v>0</v>
      </c>
      <c r="AA7" s="36">
        <v>0</v>
      </c>
    </row>
    <row r="8" spans="2:172" x14ac:dyDescent="0.3">
      <c r="B8" s="172"/>
      <c r="C8" s="17">
        <v>6</v>
      </c>
      <c r="D8" s="35">
        <v>0</v>
      </c>
      <c r="E8" s="16">
        <v>0</v>
      </c>
      <c r="F8" s="16">
        <v>0</v>
      </c>
      <c r="G8" s="16">
        <v>0</v>
      </c>
      <c r="H8" s="16">
        <v>0</v>
      </c>
      <c r="I8" s="16">
        <v>0</v>
      </c>
      <c r="J8" s="16">
        <v>0</v>
      </c>
      <c r="K8" s="16">
        <v>0</v>
      </c>
      <c r="L8" s="16">
        <v>0</v>
      </c>
      <c r="M8" s="16">
        <v>0</v>
      </c>
      <c r="N8" s="16">
        <v>0</v>
      </c>
      <c r="O8" s="16">
        <v>0</v>
      </c>
      <c r="P8" s="16">
        <v>0</v>
      </c>
      <c r="Q8" s="16">
        <v>0</v>
      </c>
      <c r="R8" s="16">
        <v>0</v>
      </c>
      <c r="S8" s="16">
        <v>0</v>
      </c>
      <c r="T8" s="16">
        <v>0</v>
      </c>
      <c r="U8" s="16">
        <v>0</v>
      </c>
      <c r="V8" s="16">
        <v>0</v>
      </c>
      <c r="W8" s="16">
        <v>0</v>
      </c>
      <c r="X8" s="16">
        <v>0</v>
      </c>
      <c r="Y8" s="16">
        <v>0</v>
      </c>
      <c r="Z8" s="16">
        <v>0</v>
      </c>
      <c r="AA8" s="36">
        <v>0</v>
      </c>
    </row>
    <row r="9" spans="2:172" ht="15" thickBot="1" x14ac:dyDescent="0.35">
      <c r="B9" s="172"/>
      <c r="C9" s="17">
        <v>7</v>
      </c>
      <c r="D9" s="37">
        <v>0</v>
      </c>
      <c r="E9" s="38">
        <v>0</v>
      </c>
      <c r="F9" s="38">
        <v>0</v>
      </c>
      <c r="G9" s="38">
        <v>0</v>
      </c>
      <c r="H9" s="38">
        <v>0</v>
      </c>
      <c r="I9" s="38">
        <v>0</v>
      </c>
      <c r="J9" s="38">
        <v>0</v>
      </c>
      <c r="K9" s="38">
        <v>0</v>
      </c>
      <c r="L9" s="38">
        <v>0</v>
      </c>
      <c r="M9" s="38">
        <v>0</v>
      </c>
      <c r="N9" s="38">
        <v>0</v>
      </c>
      <c r="O9" s="38">
        <v>0</v>
      </c>
      <c r="P9" s="38">
        <v>0</v>
      </c>
      <c r="Q9" s="38">
        <v>0</v>
      </c>
      <c r="R9" s="38">
        <v>0</v>
      </c>
      <c r="S9" s="38">
        <v>0</v>
      </c>
      <c r="T9" s="38">
        <v>0</v>
      </c>
      <c r="U9" s="38">
        <v>0</v>
      </c>
      <c r="V9" s="38">
        <v>0</v>
      </c>
      <c r="W9" s="38">
        <v>0</v>
      </c>
      <c r="X9" s="38">
        <v>0</v>
      </c>
      <c r="Y9" s="38">
        <v>0</v>
      </c>
      <c r="Z9" s="38">
        <v>0</v>
      </c>
      <c r="AA9" s="39">
        <v>0</v>
      </c>
    </row>
    <row r="10" spans="2:172" x14ac:dyDescent="0.3">
      <c r="B10" s="172" t="s">
        <v>41</v>
      </c>
      <c r="C10" s="17">
        <v>1</v>
      </c>
      <c r="D10" s="32">
        <v>1.6000000000000001E-3</v>
      </c>
      <c r="E10" s="33">
        <v>1.6000000000000001E-3</v>
      </c>
      <c r="F10" s="33">
        <v>1.6000000000000001E-3</v>
      </c>
      <c r="G10" s="33">
        <v>1.6000000000000001E-3</v>
      </c>
      <c r="H10" s="33">
        <v>1.6000000000000001E-3</v>
      </c>
      <c r="I10" s="33">
        <v>1.6000000000000001E-3</v>
      </c>
      <c r="J10" s="33">
        <v>1.6000000000000001E-3</v>
      </c>
      <c r="K10" s="33">
        <v>6.96E-3</v>
      </c>
      <c r="L10" s="33">
        <v>7.8300000000000002E-3</v>
      </c>
      <c r="M10" s="33">
        <v>8.6999999999999994E-3</v>
      </c>
      <c r="N10" s="33">
        <v>8.6999999999999994E-3</v>
      </c>
      <c r="O10" s="33">
        <v>1.0439999999999998E-2</v>
      </c>
      <c r="P10" s="33">
        <v>1.0439999999999998E-2</v>
      </c>
      <c r="Q10" s="33">
        <v>6.96E-3</v>
      </c>
      <c r="R10" s="33">
        <v>1.0439999999999998E-2</v>
      </c>
      <c r="S10" s="33">
        <v>1.0439999999999998E-2</v>
      </c>
      <c r="T10" s="33">
        <v>8.6999999999999994E-3</v>
      </c>
      <c r="U10" s="33">
        <v>7.0000000000000001E-3</v>
      </c>
      <c r="V10" s="33">
        <v>2.5000000000000001E-3</v>
      </c>
      <c r="W10" s="33">
        <v>2.5000000000000001E-3</v>
      </c>
      <c r="X10" s="33">
        <v>2.5000000000000001E-3</v>
      </c>
      <c r="Y10" s="33">
        <v>2.5000000000000001E-3</v>
      </c>
      <c r="Z10" s="33">
        <v>2.5000000000000001E-3</v>
      </c>
      <c r="AA10" s="34">
        <v>2.5000000000000001E-3</v>
      </c>
    </row>
    <row r="11" spans="2:172" x14ac:dyDescent="0.3">
      <c r="B11" s="172"/>
      <c r="C11" s="17">
        <v>2</v>
      </c>
      <c r="D11" s="35">
        <v>3.0999999999999999E-3</v>
      </c>
      <c r="E11" s="16">
        <v>3.0999999999999999E-3</v>
      </c>
      <c r="F11" s="16">
        <v>3.0999999999999999E-3</v>
      </c>
      <c r="G11" s="16">
        <v>3.0999999999999999E-3</v>
      </c>
      <c r="H11" s="16">
        <v>3.0999999999999999E-3</v>
      </c>
      <c r="I11" s="16">
        <v>3.0999999999999999E-3</v>
      </c>
      <c r="J11" s="16">
        <v>3.0999999999999999E-3</v>
      </c>
      <c r="K11" s="16">
        <v>8.9299999999999987E-3</v>
      </c>
      <c r="L11" s="16">
        <v>9.9639999999999989E-3</v>
      </c>
      <c r="M11" s="16">
        <v>1.0997999999999999E-2</v>
      </c>
      <c r="N11" s="16">
        <v>1.0997999999999999E-2</v>
      </c>
      <c r="O11" s="16">
        <v>1.316E-2</v>
      </c>
      <c r="P11" s="16">
        <v>1.316E-2</v>
      </c>
      <c r="Q11" s="16">
        <v>8.741999999999998E-3</v>
      </c>
      <c r="R11" s="16">
        <v>1.316E-2</v>
      </c>
      <c r="S11" s="16">
        <v>1.316E-2</v>
      </c>
      <c r="T11" s="16">
        <v>1.0999999999999999E-2</v>
      </c>
      <c r="U11" s="16">
        <v>8.7399999999999995E-3</v>
      </c>
      <c r="V11" s="16">
        <v>3.0999999999999999E-3</v>
      </c>
      <c r="W11" s="16">
        <v>3.0999999999999999E-3</v>
      </c>
      <c r="X11" s="16">
        <v>3.0999999999999999E-3</v>
      </c>
      <c r="Y11" s="16">
        <v>3.0999999999999999E-3</v>
      </c>
      <c r="Z11" s="16">
        <v>3.0999999999999999E-3</v>
      </c>
      <c r="AA11" s="36">
        <v>3.0999999999999999E-3</v>
      </c>
      <c r="AB11">
        <v>24</v>
      </c>
      <c r="AC11">
        <v>25</v>
      </c>
      <c r="AD11">
        <v>26</v>
      </c>
      <c r="AE11">
        <v>27</v>
      </c>
      <c r="AF11">
        <v>28</v>
      </c>
      <c r="AG11">
        <v>29</v>
      </c>
      <c r="AH11">
        <v>30</v>
      </c>
      <c r="AI11">
        <v>31</v>
      </c>
      <c r="AJ11">
        <v>32</v>
      </c>
      <c r="AK11">
        <v>33</v>
      </c>
      <c r="AL11">
        <v>34</v>
      </c>
      <c r="AM11">
        <v>35</v>
      </c>
      <c r="AN11">
        <v>36</v>
      </c>
      <c r="AO11">
        <v>37</v>
      </c>
      <c r="AP11">
        <v>38</v>
      </c>
      <c r="AQ11">
        <v>39</v>
      </c>
      <c r="AR11">
        <v>40</v>
      </c>
      <c r="AS11">
        <v>41</v>
      </c>
      <c r="AT11">
        <v>42</v>
      </c>
      <c r="AU11">
        <v>43</v>
      </c>
      <c r="AV11">
        <v>44</v>
      </c>
      <c r="AW11">
        <v>45</v>
      </c>
      <c r="AX11">
        <v>46</v>
      </c>
      <c r="AY11">
        <v>47</v>
      </c>
      <c r="AZ11">
        <v>48</v>
      </c>
      <c r="BA11">
        <v>49</v>
      </c>
      <c r="BB11">
        <v>50</v>
      </c>
      <c r="BC11">
        <v>51</v>
      </c>
      <c r="BD11">
        <v>52</v>
      </c>
      <c r="BE11">
        <v>53</v>
      </c>
      <c r="BF11">
        <v>54</v>
      </c>
      <c r="BG11">
        <v>55</v>
      </c>
      <c r="BH11">
        <v>56</v>
      </c>
      <c r="BI11">
        <v>57</v>
      </c>
      <c r="BJ11">
        <v>58</v>
      </c>
      <c r="BK11">
        <v>59</v>
      </c>
      <c r="BL11">
        <v>60</v>
      </c>
      <c r="BM11">
        <v>61</v>
      </c>
      <c r="BN11">
        <v>62</v>
      </c>
      <c r="BO11">
        <v>63</v>
      </c>
      <c r="BP11">
        <v>64</v>
      </c>
      <c r="BQ11">
        <v>65</v>
      </c>
      <c r="BR11">
        <v>66</v>
      </c>
      <c r="BS11">
        <v>67</v>
      </c>
      <c r="BT11">
        <v>68</v>
      </c>
      <c r="BU11">
        <v>69</v>
      </c>
      <c r="BV11">
        <v>70</v>
      </c>
      <c r="BW11">
        <v>71</v>
      </c>
      <c r="BX11">
        <v>72</v>
      </c>
      <c r="BY11">
        <v>73</v>
      </c>
      <c r="BZ11">
        <v>74</v>
      </c>
      <c r="CA11">
        <v>75</v>
      </c>
      <c r="CB11">
        <v>76</v>
      </c>
      <c r="CC11">
        <v>77</v>
      </c>
      <c r="CD11">
        <v>78</v>
      </c>
      <c r="CE11">
        <v>79</v>
      </c>
      <c r="CF11">
        <v>80</v>
      </c>
      <c r="CG11">
        <v>81</v>
      </c>
      <c r="CH11">
        <v>82</v>
      </c>
      <c r="CI11">
        <v>83</v>
      </c>
      <c r="CJ11">
        <v>84</v>
      </c>
      <c r="CK11">
        <v>85</v>
      </c>
      <c r="CL11">
        <v>86</v>
      </c>
      <c r="CM11">
        <v>87</v>
      </c>
      <c r="CN11">
        <v>88</v>
      </c>
      <c r="CO11">
        <v>89</v>
      </c>
      <c r="CP11">
        <v>90</v>
      </c>
      <c r="CQ11">
        <v>91</v>
      </c>
      <c r="CR11">
        <v>92</v>
      </c>
      <c r="CS11">
        <v>93</v>
      </c>
      <c r="CT11">
        <v>94</v>
      </c>
      <c r="CU11">
        <v>95</v>
      </c>
      <c r="CV11">
        <v>96</v>
      </c>
      <c r="CW11">
        <v>97</v>
      </c>
      <c r="CX11">
        <v>98</v>
      </c>
      <c r="CY11">
        <v>99</v>
      </c>
      <c r="CZ11">
        <v>100</v>
      </c>
      <c r="DA11">
        <v>101</v>
      </c>
      <c r="DB11">
        <v>102</v>
      </c>
      <c r="DC11">
        <v>103</v>
      </c>
      <c r="DD11">
        <v>104</v>
      </c>
      <c r="DE11">
        <v>105</v>
      </c>
      <c r="DF11">
        <v>106</v>
      </c>
      <c r="DG11">
        <v>107</v>
      </c>
      <c r="DH11">
        <v>108</v>
      </c>
      <c r="DI11">
        <v>109</v>
      </c>
      <c r="DJ11">
        <v>110</v>
      </c>
      <c r="DK11">
        <v>111</v>
      </c>
      <c r="DL11">
        <v>112</v>
      </c>
      <c r="DM11">
        <v>113</v>
      </c>
      <c r="DN11">
        <v>114</v>
      </c>
      <c r="DO11">
        <v>115</v>
      </c>
      <c r="DP11">
        <v>116</v>
      </c>
      <c r="DQ11">
        <v>117</v>
      </c>
      <c r="DR11">
        <v>118</v>
      </c>
      <c r="DS11">
        <v>119</v>
      </c>
      <c r="DT11">
        <v>120</v>
      </c>
      <c r="DU11">
        <v>121</v>
      </c>
      <c r="DV11">
        <v>122</v>
      </c>
      <c r="DW11">
        <v>123</v>
      </c>
      <c r="DX11">
        <v>124</v>
      </c>
      <c r="DY11">
        <v>125</v>
      </c>
      <c r="DZ11">
        <v>126</v>
      </c>
      <c r="EA11">
        <v>127</v>
      </c>
      <c r="EB11">
        <v>128</v>
      </c>
      <c r="EC11">
        <v>129</v>
      </c>
      <c r="ED11">
        <v>130</v>
      </c>
      <c r="EE11">
        <v>131</v>
      </c>
      <c r="EF11">
        <v>132</v>
      </c>
      <c r="EG11">
        <v>133</v>
      </c>
      <c r="EH11">
        <v>134</v>
      </c>
      <c r="EI11">
        <v>135</v>
      </c>
      <c r="EJ11">
        <v>136</v>
      </c>
      <c r="EK11">
        <v>137</v>
      </c>
      <c r="EL11">
        <v>138</v>
      </c>
      <c r="EM11">
        <v>139</v>
      </c>
      <c r="EN11">
        <v>140</v>
      </c>
      <c r="EO11">
        <v>141</v>
      </c>
      <c r="EP11">
        <v>142</v>
      </c>
      <c r="EQ11">
        <v>143</v>
      </c>
      <c r="ER11">
        <v>144</v>
      </c>
      <c r="ES11">
        <v>145</v>
      </c>
      <c r="ET11">
        <v>146</v>
      </c>
      <c r="EU11">
        <v>147</v>
      </c>
      <c r="EV11">
        <v>148</v>
      </c>
      <c r="EW11">
        <v>149</v>
      </c>
      <c r="EX11">
        <v>150</v>
      </c>
      <c r="EY11">
        <v>151</v>
      </c>
      <c r="EZ11">
        <v>152</v>
      </c>
      <c r="FA11">
        <v>153</v>
      </c>
      <c r="FB11">
        <v>154</v>
      </c>
      <c r="FC11">
        <v>155</v>
      </c>
      <c r="FD11">
        <v>156</v>
      </c>
      <c r="FE11">
        <v>157</v>
      </c>
      <c r="FF11">
        <v>158</v>
      </c>
      <c r="FG11">
        <v>159</v>
      </c>
      <c r="FH11">
        <v>160</v>
      </c>
      <c r="FI11">
        <v>161</v>
      </c>
      <c r="FJ11">
        <v>162</v>
      </c>
      <c r="FK11">
        <v>163</v>
      </c>
      <c r="FL11">
        <v>164</v>
      </c>
      <c r="FM11">
        <v>165</v>
      </c>
      <c r="FN11">
        <v>166</v>
      </c>
      <c r="FO11">
        <v>167</v>
      </c>
      <c r="FP11">
        <v>168</v>
      </c>
    </row>
    <row r="12" spans="2:172" x14ac:dyDescent="0.3">
      <c r="B12" s="172"/>
      <c r="C12" s="17">
        <v>3</v>
      </c>
      <c r="D12" s="35">
        <v>4.0000000000000001E-3</v>
      </c>
      <c r="E12" s="16">
        <v>4.0000000000000001E-3</v>
      </c>
      <c r="F12" s="16">
        <v>4.0000000000000001E-3</v>
      </c>
      <c r="G12" s="16">
        <v>4.0000000000000001E-3</v>
      </c>
      <c r="H12" s="16">
        <v>4.0000000000000001E-3</v>
      </c>
      <c r="I12" s="16">
        <v>4.0000000000000001E-3</v>
      </c>
      <c r="J12" s="16">
        <v>4.0000000000000001E-3</v>
      </c>
      <c r="K12" s="16">
        <v>1.1019999999999999E-2</v>
      </c>
      <c r="L12" s="16">
        <v>1.2296E-2</v>
      </c>
      <c r="M12" s="16">
        <v>1.3571999999999999E-2</v>
      </c>
      <c r="N12" s="16">
        <v>1.3571999999999999E-2</v>
      </c>
      <c r="O12" s="16">
        <v>1.6239999999999997E-2</v>
      </c>
      <c r="P12" s="16">
        <v>1.6239999999999997E-2</v>
      </c>
      <c r="Q12" s="16">
        <v>1.0787999999999999E-2</v>
      </c>
      <c r="R12" s="16">
        <v>1.6239999999999997E-2</v>
      </c>
      <c r="S12" s="16">
        <v>1.6239999999999997E-2</v>
      </c>
      <c r="T12" s="16">
        <v>1.357E-2</v>
      </c>
      <c r="U12" s="16">
        <v>1.0789999999999999E-2</v>
      </c>
      <c r="V12" s="16">
        <v>4.0000000000000001E-3</v>
      </c>
      <c r="W12" s="16">
        <v>4.0000000000000001E-3</v>
      </c>
      <c r="X12" s="16">
        <v>4.0000000000000001E-3</v>
      </c>
      <c r="Y12" s="16">
        <v>4.0000000000000001E-3</v>
      </c>
      <c r="Z12" s="16">
        <v>4.0000000000000001E-3</v>
      </c>
      <c r="AA12" s="36">
        <v>4.0000000000000001E-3</v>
      </c>
      <c r="AB12">
        <f t="shared" ref="AB12:AY12" si="0">D11</f>
        <v>3.0999999999999999E-3</v>
      </c>
      <c r="AC12">
        <f t="shared" si="0"/>
        <v>3.0999999999999999E-3</v>
      </c>
      <c r="AD12">
        <f t="shared" si="0"/>
        <v>3.0999999999999999E-3</v>
      </c>
      <c r="AE12">
        <f t="shared" si="0"/>
        <v>3.0999999999999999E-3</v>
      </c>
      <c r="AF12">
        <f t="shared" si="0"/>
        <v>3.0999999999999999E-3</v>
      </c>
      <c r="AG12">
        <f t="shared" si="0"/>
        <v>3.0999999999999999E-3</v>
      </c>
      <c r="AH12">
        <f t="shared" si="0"/>
        <v>3.0999999999999999E-3</v>
      </c>
      <c r="AI12">
        <f t="shared" si="0"/>
        <v>8.9299999999999987E-3</v>
      </c>
      <c r="AJ12">
        <f t="shared" si="0"/>
        <v>9.9639999999999989E-3</v>
      </c>
      <c r="AK12">
        <f t="shared" si="0"/>
        <v>1.0997999999999999E-2</v>
      </c>
      <c r="AL12">
        <f t="shared" si="0"/>
        <v>1.0997999999999999E-2</v>
      </c>
      <c r="AM12">
        <f t="shared" si="0"/>
        <v>1.316E-2</v>
      </c>
      <c r="AN12">
        <f t="shared" si="0"/>
        <v>1.316E-2</v>
      </c>
      <c r="AO12">
        <f t="shared" si="0"/>
        <v>8.741999999999998E-3</v>
      </c>
      <c r="AP12">
        <f t="shared" si="0"/>
        <v>1.316E-2</v>
      </c>
      <c r="AQ12">
        <f t="shared" si="0"/>
        <v>1.316E-2</v>
      </c>
      <c r="AR12">
        <f t="shared" si="0"/>
        <v>1.0999999999999999E-2</v>
      </c>
      <c r="AS12">
        <f t="shared" si="0"/>
        <v>8.7399999999999995E-3</v>
      </c>
      <c r="AT12">
        <f t="shared" si="0"/>
        <v>3.0999999999999999E-3</v>
      </c>
      <c r="AU12">
        <f t="shared" si="0"/>
        <v>3.0999999999999999E-3</v>
      </c>
      <c r="AV12">
        <f t="shared" si="0"/>
        <v>3.0999999999999999E-3</v>
      </c>
      <c r="AW12">
        <f t="shared" si="0"/>
        <v>3.0999999999999999E-3</v>
      </c>
      <c r="AX12">
        <f t="shared" si="0"/>
        <v>3.0999999999999999E-3</v>
      </c>
      <c r="AY12">
        <f t="shared" si="0"/>
        <v>3.0999999999999999E-3</v>
      </c>
      <c r="AZ12">
        <f t="shared" ref="AZ12:BW12" si="1">D12</f>
        <v>4.0000000000000001E-3</v>
      </c>
      <c r="BA12">
        <f t="shared" si="1"/>
        <v>4.0000000000000001E-3</v>
      </c>
      <c r="BB12">
        <f t="shared" si="1"/>
        <v>4.0000000000000001E-3</v>
      </c>
      <c r="BC12">
        <f t="shared" si="1"/>
        <v>4.0000000000000001E-3</v>
      </c>
      <c r="BD12">
        <f t="shared" si="1"/>
        <v>4.0000000000000001E-3</v>
      </c>
      <c r="BE12">
        <f t="shared" si="1"/>
        <v>4.0000000000000001E-3</v>
      </c>
      <c r="BF12">
        <f t="shared" si="1"/>
        <v>4.0000000000000001E-3</v>
      </c>
      <c r="BG12">
        <f t="shared" si="1"/>
        <v>1.1019999999999999E-2</v>
      </c>
      <c r="BH12">
        <f t="shared" si="1"/>
        <v>1.2296E-2</v>
      </c>
      <c r="BI12">
        <f t="shared" si="1"/>
        <v>1.3571999999999999E-2</v>
      </c>
      <c r="BJ12">
        <f t="shared" si="1"/>
        <v>1.3571999999999999E-2</v>
      </c>
      <c r="BK12">
        <f t="shared" si="1"/>
        <v>1.6239999999999997E-2</v>
      </c>
      <c r="BL12">
        <f t="shared" si="1"/>
        <v>1.6239999999999997E-2</v>
      </c>
      <c r="BM12">
        <f t="shared" si="1"/>
        <v>1.0787999999999999E-2</v>
      </c>
      <c r="BN12">
        <f t="shared" si="1"/>
        <v>1.6239999999999997E-2</v>
      </c>
      <c r="BO12">
        <f t="shared" si="1"/>
        <v>1.6239999999999997E-2</v>
      </c>
      <c r="BP12">
        <f t="shared" si="1"/>
        <v>1.357E-2</v>
      </c>
      <c r="BQ12">
        <f t="shared" si="1"/>
        <v>1.0789999999999999E-2</v>
      </c>
      <c r="BR12">
        <f t="shared" si="1"/>
        <v>4.0000000000000001E-3</v>
      </c>
      <c r="BS12">
        <f t="shared" si="1"/>
        <v>4.0000000000000001E-3</v>
      </c>
      <c r="BT12">
        <f t="shared" si="1"/>
        <v>4.0000000000000001E-3</v>
      </c>
      <c r="BU12">
        <f t="shared" si="1"/>
        <v>4.0000000000000001E-3</v>
      </c>
      <c r="BV12">
        <f t="shared" si="1"/>
        <v>4.0000000000000001E-3</v>
      </c>
      <c r="BW12">
        <f t="shared" si="1"/>
        <v>4.0000000000000001E-3</v>
      </c>
      <c r="BX12">
        <f t="shared" ref="BX12:CU12" si="2">D13</f>
        <v>4.0000000000000001E-3</v>
      </c>
      <c r="BY12">
        <f t="shared" si="2"/>
        <v>4.0000000000000001E-3</v>
      </c>
      <c r="BZ12">
        <f t="shared" si="2"/>
        <v>4.0000000000000001E-3</v>
      </c>
      <c r="CA12">
        <f t="shared" si="2"/>
        <v>4.0000000000000001E-3</v>
      </c>
      <c r="CB12">
        <f t="shared" si="2"/>
        <v>4.0000000000000001E-3</v>
      </c>
      <c r="CC12">
        <f t="shared" si="2"/>
        <v>4.0000000000000001E-3</v>
      </c>
      <c r="CD12">
        <f t="shared" si="2"/>
        <v>4.0000000000000001E-3</v>
      </c>
      <c r="CE12">
        <f t="shared" si="2"/>
        <v>1.1019999999999999E-2</v>
      </c>
      <c r="CF12">
        <f t="shared" si="2"/>
        <v>1.2296E-2</v>
      </c>
      <c r="CG12">
        <f t="shared" si="2"/>
        <v>1.3571999999999999E-2</v>
      </c>
      <c r="CH12">
        <f t="shared" si="2"/>
        <v>1.3571999999999999E-2</v>
      </c>
      <c r="CI12">
        <f t="shared" si="2"/>
        <v>1.6239999999999997E-2</v>
      </c>
      <c r="CJ12">
        <f t="shared" si="2"/>
        <v>1.6239999999999997E-2</v>
      </c>
      <c r="CK12">
        <f t="shared" si="2"/>
        <v>1.0787999999999999E-2</v>
      </c>
      <c r="CL12">
        <f t="shared" si="2"/>
        <v>1.6239999999999997E-2</v>
      </c>
      <c r="CM12">
        <f t="shared" si="2"/>
        <v>1.6239999999999997E-2</v>
      </c>
      <c r="CN12">
        <f t="shared" si="2"/>
        <v>1.357E-2</v>
      </c>
      <c r="CO12">
        <f t="shared" si="2"/>
        <v>1.0789999999999999E-2</v>
      </c>
      <c r="CP12">
        <f t="shared" si="2"/>
        <v>4.0000000000000001E-3</v>
      </c>
      <c r="CQ12">
        <f t="shared" si="2"/>
        <v>4.0000000000000001E-3</v>
      </c>
      <c r="CR12">
        <f t="shared" si="2"/>
        <v>4.0000000000000001E-3</v>
      </c>
      <c r="CS12">
        <f t="shared" si="2"/>
        <v>4.0000000000000001E-3</v>
      </c>
      <c r="CT12">
        <f t="shared" si="2"/>
        <v>4.0000000000000001E-3</v>
      </c>
      <c r="CU12">
        <f t="shared" si="2"/>
        <v>4.0000000000000001E-3</v>
      </c>
      <c r="CV12">
        <f t="shared" ref="CV12:DS12" si="3">D14</f>
        <v>3.0999999999999999E-3</v>
      </c>
      <c r="CW12">
        <f t="shared" si="3"/>
        <v>3.0999999999999999E-3</v>
      </c>
      <c r="CX12">
        <f t="shared" si="3"/>
        <v>3.0999999999999999E-3</v>
      </c>
      <c r="CY12">
        <f t="shared" si="3"/>
        <v>3.0999999999999999E-3</v>
      </c>
      <c r="CZ12">
        <f t="shared" si="3"/>
        <v>3.0999999999999999E-3</v>
      </c>
      <c r="DA12">
        <f t="shared" si="3"/>
        <v>3.0999999999999999E-3</v>
      </c>
      <c r="DB12">
        <f t="shared" si="3"/>
        <v>3.0999999999999999E-3</v>
      </c>
      <c r="DC12">
        <f t="shared" si="3"/>
        <v>8.3999999999999995E-3</v>
      </c>
      <c r="DD12">
        <f t="shared" si="3"/>
        <v>1.0499999999999999E-2</v>
      </c>
      <c r="DE12">
        <f t="shared" si="3"/>
        <v>1.155E-2</v>
      </c>
      <c r="DF12">
        <f t="shared" si="3"/>
        <v>1.155E-2</v>
      </c>
      <c r="DG12">
        <f t="shared" si="3"/>
        <v>1.3649999999999999E-2</v>
      </c>
      <c r="DH12">
        <f t="shared" si="3"/>
        <v>1.3649999999999999E-2</v>
      </c>
      <c r="DI12">
        <f t="shared" si="3"/>
        <v>9.4500000000000001E-3</v>
      </c>
      <c r="DJ12">
        <f t="shared" si="3"/>
        <v>1.3649999999999999E-2</v>
      </c>
      <c r="DK12">
        <f t="shared" si="3"/>
        <v>1.155E-2</v>
      </c>
      <c r="DL12">
        <f t="shared" si="3"/>
        <v>0.01</v>
      </c>
      <c r="DM12">
        <f t="shared" si="3"/>
        <v>8.3999999999999995E-3</v>
      </c>
      <c r="DN12">
        <f t="shared" si="3"/>
        <v>3.0999999999999999E-3</v>
      </c>
      <c r="DO12">
        <f t="shared" si="3"/>
        <v>3.0999999999999999E-3</v>
      </c>
      <c r="DP12">
        <f t="shared" si="3"/>
        <v>3.0999999999999999E-3</v>
      </c>
      <c r="DQ12">
        <f t="shared" si="3"/>
        <v>3.0999999999999999E-3</v>
      </c>
      <c r="DR12">
        <f t="shared" si="3"/>
        <v>3.0999999999999999E-3</v>
      </c>
      <c r="DS12">
        <f t="shared" si="3"/>
        <v>3.0999999999999999E-3</v>
      </c>
      <c r="DT12">
        <f t="shared" ref="DT12:EQ12" si="4">D15</f>
        <v>3.3E-3</v>
      </c>
      <c r="DU12">
        <f t="shared" si="4"/>
        <v>3.3E-3</v>
      </c>
      <c r="DV12">
        <f t="shared" si="4"/>
        <v>3.3E-3</v>
      </c>
      <c r="DW12">
        <f t="shared" si="4"/>
        <v>3.3E-3</v>
      </c>
      <c r="DX12">
        <f t="shared" si="4"/>
        <v>3.3E-3</v>
      </c>
      <c r="DY12">
        <f t="shared" si="4"/>
        <v>3.3E-3</v>
      </c>
      <c r="DZ12">
        <f t="shared" si="4"/>
        <v>3.3E-3</v>
      </c>
      <c r="EA12">
        <f t="shared" si="4"/>
        <v>3.3E-3</v>
      </c>
      <c r="EB12">
        <f t="shared" si="4"/>
        <v>3.3E-3</v>
      </c>
      <c r="EC12">
        <f t="shared" si="4"/>
        <v>3.3E-3</v>
      </c>
      <c r="ED12">
        <f t="shared" si="4"/>
        <v>3.3E-3</v>
      </c>
      <c r="EE12">
        <f t="shared" si="4"/>
        <v>3.3E-3</v>
      </c>
      <c r="EF12">
        <f t="shared" si="4"/>
        <v>3.3E-3</v>
      </c>
      <c r="EG12">
        <f t="shared" si="4"/>
        <v>3.3E-3</v>
      </c>
      <c r="EH12">
        <f t="shared" si="4"/>
        <v>3.3E-3</v>
      </c>
      <c r="EI12">
        <f t="shared" si="4"/>
        <v>3.3E-3</v>
      </c>
      <c r="EJ12">
        <f t="shared" si="4"/>
        <v>3.3E-3</v>
      </c>
      <c r="EK12">
        <f t="shared" si="4"/>
        <v>3.3E-3</v>
      </c>
      <c r="EL12">
        <f t="shared" si="4"/>
        <v>3.3E-3</v>
      </c>
      <c r="EM12">
        <f t="shared" si="4"/>
        <v>3.3E-3</v>
      </c>
      <c r="EN12">
        <f t="shared" si="4"/>
        <v>3.3E-3</v>
      </c>
      <c r="EO12">
        <f t="shared" si="4"/>
        <v>3.3E-3</v>
      </c>
      <c r="EP12">
        <f t="shared" si="4"/>
        <v>3.3E-3</v>
      </c>
      <c r="EQ12">
        <f t="shared" si="4"/>
        <v>3.3E-3</v>
      </c>
      <c r="ER12">
        <f t="shared" ref="ER12:FO12" si="5">D16</f>
        <v>2.3E-3</v>
      </c>
      <c r="ES12">
        <f t="shared" si="5"/>
        <v>2.3E-3</v>
      </c>
      <c r="ET12">
        <f t="shared" si="5"/>
        <v>2.3E-3</v>
      </c>
      <c r="EU12">
        <f t="shared" si="5"/>
        <v>2.3E-3</v>
      </c>
      <c r="EV12">
        <f t="shared" si="5"/>
        <v>2.3E-3</v>
      </c>
      <c r="EW12">
        <f t="shared" si="5"/>
        <v>2.3E-3</v>
      </c>
      <c r="EX12">
        <f t="shared" si="5"/>
        <v>2.3E-3</v>
      </c>
      <c r="EY12">
        <f t="shared" si="5"/>
        <v>2.3E-3</v>
      </c>
      <c r="EZ12">
        <f t="shared" si="5"/>
        <v>2.3E-3</v>
      </c>
      <c r="FA12">
        <f t="shared" si="5"/>
        <v>2.3E-3</v>
      </c>
      <c r="FB12">
        <f t="shared" si="5"/>
        <v>2.3E-3</v>
      </c>
      <c r="FC12">
        <f t="shared" si="5"/>
        <v>2.3E-3</v>
      </c>
      <c r="FD12">
        <f t="shared" si="5"/>
        <v>2.3E-3</v>
      </c>
      <c r="FE12">
        <f t="shared" si="5"/>
        <v>2.3E-3</v>
      </c>
      <c r="FF12">
        <f t="shared" si="5"/>
        <v>2.3E-3</v>
      </c>
      <c r="FG12">
        <f t="shared" si="5"/>
        <v>2.3E-3</v>
      </c>
      <c r="FH12">
        <f t="shared" si="5"/>
        <v>2.3E-3</v>
      </c>
      <c r="FI12">
        <f t="shared" si="5"/>
        <v>2.3E-3</v>
      </c>
      <c r="FJ12">
        <f t="shared" si="5"/>
        <v>2.3E-3</v>
      </c>
      <c r="FK12">
        <f t="shared" si="5"/>
        <v>2.3E-3</v>
      </c>
      <c r="FL12">
        <f t="shared" si="5"/>
        <v>2.3E-3</v>
      </c>
      <c r="FM12">
        <f t="shared" si="5"/>
        <v>2.3E-3</v>
      </c>
      <c r="FN12">
        <f t="shared" si="5"/>
        <v>2.3E-3</v>
      </c>
      <c r="FO12">
        <f t="shared" si="5"/>
        <v>2.3E-3</v>
      </c>
      <c r="FP12">
        <f>FO12</f>
        <v>2.3E-3</v>
      </c>
    </row>
    <row r="13" spans="2:172" x14ac:dyDescent="0.3">
      <c r="B13" s="172"/>
      <c r="C13" s="17">
        <v>4</v>
      </c>
      <c r="D13" s="35">
        <v>4.0000000000000001E-3</v>
      </c>
      <c r="E13" s="16">
        <v>4.0000000000000001E-3</v>
      </c>
      <c r="F13" s="16">
        <v>4.0000000000000001E-3</v>
      </c>
      <c r="G13" s="16">
        <v>4.0000000000000001E-3</v>
      </c>
      <c r="H13" s="16">
        <v>4.0000000000000001E-3</v>
      </c>
      <c r="I13" s="16">
        <v>4.0000000000000001E-3</v>
      </c>
      <c r="J13" s="16">
        <v>4.0000000000000001E-3</v>
      </c>
      <c r="K13" s="16">
        <v>1.1019999999999999E-2</v>
      </c>
      <c r="L13" s="16">
        <v>1.2296E-2</v>
      </c>
      <c r="M13" s="16">
        <v>1.3571999999999999E-2</v>
      </c>
      <c r="N13" s="16">
        <v>1.3571999999999999E-2</v>
      </c>
      <c r="O13" s="16">
        <v>1.6239999999999997E-2</v>
      </c>
      <c r="P13" s="16">
        <v>1.6239999999999997E-2</v>
      </c>
      <c r="Q13" s="16">
        <v>1.0787999999999999E-2</v>
      </c>
      <c r="R13" s="16">
        <v>1.6239999999999997E-2</v>
      </c>
      <c r="S13" s="16">
        <v>1.6239999999999997E-2</v>
      </c>
      <c r="T13" s="16">
        <v>1.357E-2</v>
      </c>
      <c r="U13" s="16">
        <v>1.0789999999999999E-2</v>
      </c>
      <c r="V13" s="16">
        <v>4.0000000000000001E-3</v>
      </c>
      <c r="W13" s="16">
        <v>4.0000000000000001E-3</v>
      </c>
      <c r="X13" s="16">
        <v>4.0000000000000001E-3</v>
      </c>
      <c r="Y13" s="16">
        <v>4.0000000000000001E-3</v>
      </c>
      <c r="Z13" s="16">
        <v>4.0000000000000001E-3</v>
      </c>
      <c r="AA13" s="36">
        <v>4.0000000000000001E-3</v>
      </c>
    </row>
    <row r="14" spans="2:172" x14ac:dyDescent="0.3">
      <c r="B14" s="172"/>
      <c r="C14" s="17">
        <v>5</v>
      </c>
      <c r="D14" s="35">
        <v>3.0999999999999999E-3</v>
      </c>
      <c r="E14" s="16">
        <v>3.0999999999999999E-3</v>
      </c>
      <c r="F14" s="16">
        <v>3.0999999999999999E-3</v>
      </c>
      <c r="G14" s="16">
        <v>3.0999999999999999E-3</v>
      </c>
      <c r="H14" s="16">
        <v>3.0999999999999999E-3</v>
      </c>
      <c r="I14" s="16">
        <v>3.0999999999999999E-3</v>
      </c>
      <c r="J14" s="16">
        <v>3.0999999999999999E-3</v>
      </c>
      <c r="K14" s="16">
        <v>8.3999999999999995E-3</v>
      </c>
      <c r="L14" s="16">
        <v>1.0499999999999999E-2</v>
      </c>
      <c r="M14" s="16">
        <v>1.155E-2</v>
      </c>
      <c r="N14" s="16">
        <v>1.155E-2</v>
      </c>
      <c r="O14" s="16">
        <v>1.3649999999999999E-2</v>
      </c>
      <c r="P14" s="16">
        <v>1.3649999999999999E-2</v>
      </c>
      <c r="Q14" s="16">
        <v>9.4500000000000001E-3</v>
      </c>
      <c r="R14" s="16">
        <v>1.3649999999999999E-2</v>
      </c>
      <c r="S14" s="16">
        <v>1.155E-2</v>
      </c>
      <c r="T14" s="16">
        <v>0.01</v>
      </c>
      <c r="U14" s="16">
        <v>8.3999999999999995E-3</v>
      </c>
      <c r="V14" s="16">
        <v>3.0999999999999999E-3</v>
      </c>
      <c r="W14" s="16">
        <v>3.0999999999999999E-3</v>
      </c>
      <c r="X14" s="16">
        <v>3.0999999999999999E-3</v>
      </c>
      <c r="Y14" s="16">
        <v>3.0999999999999999E-3</v>
      </c>
      <c r="Z14" s="16">
        <v>3.0999999999999999E-3</v>
      </c>
      <c r="AA14" s="36">
        <v>3.0999999999999999E-3</v>
      </c>
    </row>
    <row r="15" spans="2:172" x14ac:dyDescent="0.3">
      <c r="B15" s="172"/>
      <c r="C15" s="17">
        <v>6</v>
      </c>
      <c r="D15" s="35">
        <v>3.3E-3</v>
      </c>
      <c r="E15" s="16">
        <v>3.3E-3</v>
      </c>
      <c r="F15" s="16">
        <v>3.3E-3</v>
      </c>
      <c r="G15" s="16">
        <v>3.3E-3</v>
      </c>
      <c r="H15" s="16">
        <v>3.3E-3</v>
      </c>
      <c r="I15" s="16">
        <v>3.3E-3</v>
      </c>
      <c r="J15" s="16">
        <v>3.3E-3</v>
      </c>
      <c r="K15" s="16">
        <v>3.3E-3</v>
      </c>
      <c r="L15" s="16">
        <v>3.3E-3</v>
      </c>
      <c r="M15" s="16">
        <v>3.3E-3</v>
      </c>
      <c r="N15" s="16">
        <v>3.3E-3</v>
      </c>
      <c r="O15" s="16">
        <v>3.3E-3</v>
      </c>
      <c r="P15" s="16">
        <v>3.3E-3</v>
      </c>
      <c r="Q15" s="16">
        <v>3.3E-3</v>
      </c>
      <c r="R15" s="16">
        <v>3.3E-3</v>
      </c>
      <c r="S15" s="16">
        <v>3.3E-3</v>
      </c>
      <c r="T15" s="16">
        <v>3.3E-3</v>
      </c>
      <c r="U15" s="16">
        <v>3.3E-3</v>
      </c>
      <c r="V15" s="16">
        <v>3.3E-3</v>
      </c>
      <c r="W15" s="16">
        <v>3.3E-3</v>
      </c>
      <c r="X15" s="16">
        <v>3.3E-3</v>
      </c>
      <c r="Y15" s="16">
        <v>3.3E-3</v>
      </c>
      <c r="Z15" s="16">
        <v>3.3E-3</v>
      </c>
      <c r="AA15" s="36">
        <v>3.3E-3</v>
      </c>
    </row>
    <row r="16" spans="2:172" ht="15" thickBot="1" x14ac:dyDescent="0.35">
      <c r="B16" s="172"/>
      <c r="C16" s="17">
        <v>7</v>
      </c>
      <c r="D16" s="37">
        <v>2.3E-3</v>
      </c>
      <c r="E16" s="38">
        <v>2.3E-3</v>
      </c>
      <c r="F16" s="38">
        <v>2.3E-3</v>
      </c>
      <c r="G16" s="38">
        <v>2.3E-3</v>
      </c>
      <c r="H16" s="38">
        <v>2.3E-3</v>
      </c>
      <c r="I16" s="38">
        <v>2.3E-3</v>
      </c>
      <c r="J16" s="38">
        <v>2.3E-3</v>
      </c>
      <c r="K16" s="38">
        <v>2.3E-3</v>
      </c>
      <c r="L16" s="38">
        <v>2.3E-3</v>
      </c>
      <c r="M16" s="38">
        <v>2.3E-3</v>
      </c>
      <c r="N16" s="38">
        <v>2.3E-3</v>
      </c>
      <c r="O16" s="38">
        <v>2.3E-3</v>
      </c>
      <c r="P16" s="38">
        <v>2.3E-3</v>
      </c>
      <c r="Q16" s="38">
        <v>2.3E-3</v>
      </c>
      <c r="R16" s="38">
        <v>2.3E-3</v>
      </c>
      <c r="S16" s="38">
        <v>2.3E-3</v>
      </c>
      <c r="T16" s="38">
        <v>2.3E-3</v>
      </c>
      <c r="U16" s="38">
        <v>2.3E-3</v>
      </c>
      <c r="V16" s="38">
        <v>2.3E-3</v>
      </c>
      <c r="W16" s="38">
        <v>2.3E-3</v>
      </c>
      <c r="X16" s="38">
        <v>2.3E-3</v>
      </c>
      <c r="Y16" s="38">
        <v>2.3E-3</v>
      </c>
      <c r="Z16" s="38">
        <v>2.3E-3</v>
      </c>
      <c r="AA16" s="39">
        <v>2.3E-3</v>
      </c>
    </row>
    <row r="17" spans="2:172" x14ac:dyDescent="0.3">
      <c r="B17" s="172" t="s">
        <v>42</v>
      </c>
      <c r="C17" s="17">
        <v>1</v>
      </c>
      <c r="D17" s="32">
        <v>1.1999999999999999E-3</v>
      </c>
      <c r="E17" s="33">
        <v>1.1999999999999999E-3</v>
      </c>
      <c r="F17" s="33">
        <v>1.1999999999999999E-3</v>
      </c>
      <c r="G17" s="33">
        <v>1.1999999999999999E-3</v>
      </c>
      <c r="H17" s="33">
        <v>1.1999999999999999E-3</v>
      </c>
      <c r="I17" s="33">
        <v>5.1999999999999998E-3</v>
      </c>
      <c r="J17" s="33">
        <v>5.8999999999999999E-3</v>
      </c>
      <c r="K17" s="33">
        <v>5.8999999999999999E-3</v>
      </c>
      <c r="L17" s="33">
        <v>5.8999999999999999E-3</v>
      </c>
      <c r="M17" s="33">
        <v>6.3E-3</v>
      </c>
      <c r="N17" s="33">
        <v>6.3E-3</v>
      </c>
      <c r="O17" s="33">
        <v>8.0000000000000002E-3</v>
      </c>
      <c r="P17" s="33">
        <v>8.0000000000000002E-3</v>
      </c>
      <c r="Q17" s="33">
        <v>5.3E-3</v>
      </c>
      <c r="R17" s="33">
        <v>8.0000000000000002E-3</v>
      </c>
      <c r="S17" s="33">
        <v>8.0000000000000002E-3</v>
      </c>
      <c r="T17" s="33">
        <v>8.0000000000000002E-3</v>
      </c>
      <c r="U17" s="33">
        <v>8.0000000000000002E-3</v>
      </c>
      <c r="V17" s="33">
        <v>8.0000000000000002E-3</v>
      </c>
      <c r="W17" s="33">
        <v>6.7000000000000002E-3</v>
      </c>
      <c r="X17" s="33">
        <v>5.4999999999999997E-3</v>
      </c>
      <c r="Y17" s="33">
        <v>4.0000000000000001E-3</v>
      </c>
      <c r="Z17" s="33">
        <v>3.8E-3</v>
      </c>
      <c r="AA17" s="34">
        <v>3.8E-3</v>
      </c>
    </row>
    <row r="18" spans="2:172" x14ac:dyDescent="0.3">
      <c r="B18" s="172"/>
      <c r="C18" s="17">
        <v>2</v>
      </c>
      <c r="D18" s="35">
        <v>4.0000000000000001E-3</v>
      </c>
      <c r="E18" s="16">
        <v>4.0000000000000001E-3</v>
      </c>
      <c r="F18" s="16">
        <v>4.0000000000000001E-3</v>
      </c>
      <c r="G18" s="16">
        <v>4.0000000000000001E-3</v>
      </c>
      <c r="H18" s="16">
        <v>4.0000000000000001E-3</v>
      </c>
      <c r="I18" s="16">
        <v>5.1999999999999998E-3</v>
      </c>
      <c r="J18" s="16">
        <v>5.7999999999999996E-3</v>
      </c>
      <c r="K18" s="16">
        <v>6.0000000000000001E-3</v>
      </c>
      <c r="L18" s="16">
        <v>6.0000000000000001E-3</v>
      </c>
      <c r="M18" s="16">
        <v>6.4999999999999997E-3</v>
      </c>
      <c r="N18" s="16">
        <v>6.7999999999999996E-3</v>
      </c>
      <c r="O18" s="16">
        <v>8.0000000000000002E-3</v>
      </c>
      <c r="P18" s="16">
        <v>8.0000000000000002E-3</v>
      </c>
      <c r="Q18" s="16">
        <v>8.0000000000000002E-3</v>
      </c>
      <c r="R18" s="16">
        <v>8.0000000000000002E-3</v>
      </c>
      <c r="S18" s="16">
        <v>8.0000000000000002E-3</v>
      </c>
      <c r="T18" s="16">
        <v>8.0000000000000002E-3</v>
      </c>
      <c r="U18" s="16">
        <v>8.0000000000000002E-3</v>
      </c>
      <c r="V18" s="16">
        <v>8.0000000000000002E-3</v>
      </c>
      <c r="W18" s="16">
        <v>6.7000000000000002E-3</v>
      </c>
      <c r="X18" s="16">
        <v>5.4999999999999997E-3</v>
      </c>
      <c r="Y18" s="16">
        <v>4.0000000000000001E-3</v>
      </c>
      <c r="Z18" s="16">
        <v>4.0000000000000001E-3</v>
      </c>
      <c r="AA18" s="36">
        <v>4.0000000000000001E-3</v>
      </c>
    </row>
    <row r="19" spans="2:172" x14ac:dyDescent="0.3">
      <c r="B19" s="172"/>
      <c r="C19" s="17">
        <v>3</v>
      </c>
      <c r="D19" s="35">
        <v>4.0000000000000001E-3</v>
      </c>
      <c r="E19" s="16">
        <v>4.4999999999999997E-3</v>
      </c>
      <c r="F19" s="16">
        <v>4.4999999999999997E-3</v>
      </c>
      <c r="G19" s="16">
        <v>4.4999999999999997E-3</v>
      </c>
      <c r="H19" s="16">
        <v>4.4999999999999997E-3</v>
      </c>
      <c r="I19" s="16">
        <v>5.7999999999999996E-3</v>
      </c>
      <c r="J19" s="16">
        <v>6.7000000000000002E-3</v>
      </c>
      <c r="K19" s="16">
        <v>6.7000000000000002E-3</v>
      </c>
      <c r="L19" s="16">
        <v>6.7000000000000002E-3</v>
      </c>
      <c r="M19" s="16">
        <v>7.1999999999999998E-3</v>
      </c>
      <c r="N19" s="16">
        <v>7.7999999999999996E-3</v>
      </c>
      <c r="O19" s="16">
        <v>8.9999999999999993E-3</v>
      </c>
      <c r="P19" s="16">
        <v>8.9999999999999993E-3</v>
      </c>
      <c r="Q19" s="16">
        <v>8.9999999999999993E-3</v>
      </c>
      <c r="R19" s="16">
        <v>8.9999999999999993E-3</v>
      </c>
      <c r="S19" s="16">
        <v>8.9999999999999993E-3</v>
      </c>
      <c r="T19" s="16">
        <v>8.9999999999999993E-3</v>
      </c>
      <c r="U19" s="16">
        <v>8.9999999999999993E-3</v>
      </c>
      <c r="V19" s="16">
        <v>8.9999999999999993E-3</v>
      </c>
      <c r="W19" s="16">
        <v>7.4999999999999997E-3</v>
      </c>
      <c r="X19" s="16">
        <v>6.0000000000000001E-3</v>
      </c>
      <c r="Y19" s="16">
        <v>4.4999999999999997E-3</v>
      </c>
      <c r="Z19" s="16">
        <v>4.4999999999999997E-3</v>
      </c>
      <c r="AA19" s="36">
        <v>4.4999999999999997E-3</v>
      </c>
    </row>
    <row r="20" spans="2:172" x14ac:dyDescent="0.3">
      <c r="B20" s="172"/>
      <c r="C20" s="17">
        <v>4</v>
      </c>
      <c r="D20" s="35">
        <v>4.4999999999999997E-3</v>
      </c>
      <c r="E20" s="16">
        <v>4.4999999999999997E-3</v>
      </c>
      <c r="F20" s="16">
        <v>4.4999999999999997E-3</v>
      </c>
      <c r="G20" s="16">
        <v>4.4999999999999997E-3</v>
      </c>
      <c r="H20" s="16">
        <v>4.4999999999999997E-3</v>
      </c>
      <c r="I20" s="16">
        <v>5.7999999999999996E-3</v>
      </c>
      <c r="J20" s="16">
        <v>6.7000000000000002E-3</v>
      </c>
      <c r="K20" s="16">
        <v>6.7000000000000002E-3</v>
      </c>
      <c r="L20" s="16">
        <v>6.7000000000000002E-3</v>
      </c>
      <c r="M20" s="16">
        <v>7.1999999999999998E-3</v>
      </c>
      <c r="N20" s="16">
        <v>7.7999999999999996E-3</v>
      </c>
      <c r="O20" s="16">
        <v>8.9999999999999993E-3</v>
      </c>
      <c r="P20" s="16">
        <v>8.9999999999999993E-3</v>
      </c>
      <c r="Q20" s="16">
        <v>8.9999999999999993E-3</v>
      </c>
      <c r="R20" s="16">
        <v>8.9999999999999993E-3</v>
      </c>
      <c r="S20" s="16">
        <v>8.9999999999999993E-3</v>
      </c>
      <c r="T20" s="16">
        <v>8.9999999999999993E-3</v>
      </c>
      <c r="U20" s="16">
        <v>8.9999999999999993E-3</v>
      </c>
      <c r="V20" s="16">
        <v>8.9999999999999993E-3</v>
      </c>
      <c r="W20" s="16">
        <v>7.4999999999999997E-3</v>
      </c>
      <c r="X20" s="16">
        <v>6.0000000000000001E-3</v>
      </c>
      <c r="Y20" s="16">
        <v>4.4999999999999997E-3</v>
      </c>
      <c r="Z20" s="16">
        <v>4.4999999999999997E-3</v>
      </c>
      <c r="AA20" s="36">
        <v>4.4999999999999997E-3</v>
      </c>
      <c r="AB20">
        <v>24</v>
      </c>
      <c r="AC20">
        <v>25</v>
      </c>
      <c r="AD20">
        <v>26</v>
      </c>
      <c r="AE20">
        <v>27</v>
      </c>
      <c r="AF20">
        <v>28</v>
      </c>
      <c r="AG20">
        <v>29</v>
      </c>
      <c r="AH20">
        <v>30</v>
      </c>
      <c r="AI20">
        <v>31</v>
      </c>
      <c r="AJ20">
        <v>32</v>
      </c>
      <c r="AK20">
        <v>33</v>
      </c>
      <c r="AL20">
        <v>34</v>
      </c>
      <c r="AM20">
        <v>35</v>
      </c>
      <c r="AN20">
        <v>36</v>
      </c>
      <c r="AO20">
        <v>37</v>
      </c>
      <c r="AP20">
        <v>38</v>
      </c>
      <c r="AQ20">
        <v>39</v>
      </c>
      <c r="AR20">
        <v>40</v>
      </c>
      <c r="AS20">
        <v>41</v>
      </c>
      <c r="AT20">
        <v>42</v>
      </c>
      <c r="AU20">
        <v>43</v>
      </c>
      <c r="AV20">
        <v>44</v>
      </c>
      <c r="AW20">
        <v>45</v>
      </c>
      <c r="AX20">
        <v>46</v>
      </c>
      <c r="AY20">
        <v>47</v>
      </c>
      <c r="AZ20">
        <v>48</v>
      </c>
      <c r="BA20">
        <v>49</v>
      </c>
      <c r="BB20">
        <v>50</v>
      </c>
      <c r="BC20">
        <v>51</v>
      </c>
      <c r="BD20">
        <v>52</v>
      </c>
      <c r="BE20">
        <v>53</v>
      </c>
      <c r="BF20">
        <v>54</v>
      </c>
      <c r="BG20">
        <v>55</v>
      </c>
      <c r="BH20">
        <v>56</v>
      </c>
      <c r="BI20">
        <v>57</v>
      </c>
      <c r="BJ20">
        <v>58</v>
      </c>
      <c r="BK20">
        <v>59</v>
      </c>
      <c r="BL20">
        <v>60</v>
      </c>
      <c r="BM20">
        <v>61</v>
      </c>
      <c r="BN20">
        <v>62</v>
      </c>
      <c r="BO20">
        <v>63</v>
      </c>
      <c r="BP20">
        <v>64</v>
      </c>
      <c r="BQ20">
        <v>65</v>
      </c>
      <c r="BR20">
        <v>66</v>
      </c>
      <c r="BS20">
        <v>67</v>
      </c>
      <c r="BT20">
        <v>68</v>
      </c>
      <c r="BU20">
        <v>69</v>
      </c>
      <c r="BV20">
        <v>70</v>
      </c>
      <c r="BW20">
        <v>71</v>
      </c>
      <c r="BX20">
        <v>72</v>
      </c>
      <c r="BY20">
        <v>73</v>
      </c>
      <c r="BZ20">
        <v>74</v>
      </c>
      <c r="CA20">
        <v>75</v>
      </c>
      <c r="CB20">
        <v>76</v>
      </c>
      <c r="CC20">
        <v>77</v>
      </c>
      <c r="CD20">
        <v>78</v>
      </c>
      <c r="CE20">
        <v>79</v>
      </c>
      <c r="CF20">
        <v>80</v>
      </c>
      <c r="CG20">
        <v>81</v>
      </c>
      <c r="CH20">
        <v>82</v>
      </c>
      <c r="CI20">
        <v>83</v>
      </c>
      <c r="CJ20">
        <v>84</v>
      </c>
      <c r="CK20">
        <v>85</v>
      </c>
      <c r="CL20">
        <v>86</v>
      </c>
      <c r="CM20">
        <v>87</v>
      </c>
      <c r="CN20">
        <v>88</v>
      </c>
      <c r="CO20">
        <v>89</v>
      </c>
      <c r="CP20">
        <v>90</v>
      </c>
      <c r="CQ20">
        <v>91</v>
      </c>
      <c r="CR20">
        <v>92</v>
      </c>
      <c r="CS20">
        <v>93</v>
      </c>
      <c r="CT20">
        <v>94</v>
      </c>
      <c r="CU20">
        <v>95</v>
      </c>
      <c r="CV20">
        <v>96</v>
      </c>
      <c r="CW20">
        <v>97</v>
      </c>
      <c r="CX20">
        <v>98</v>
      </c>
      <c r="CY20">
        <v>99</v>
      </c>
      <c r="CZ20">
        <v>100</v>
      </c>
      <c r="DA20">
        <v>101</v>
      </c>
      <c r="DB20">
        <v>102</v>
      </c>
      <c r="DC20">
        <v>103</v>
      </c>
      <c r="DD20">
        <v>104</v>
      </c>
      <c r="DE20">
        <v>105</v>
      </c>
      <c r="DF20">
        <v>106</v>
      </c>
      <c r="DG20">
        <v>107</v>
      </c>
      <c r="DH20">
        <v>108</v>
      </c>
      <c r="DI20">
        <v>109</v>
      </c>
      <c r="DJ20">
        <v>110</v>
      </c>
      <c r="DK20">
        <v>111</v>
      </c>
      <c r="DL20">
        <v>112</v>
      </c>
      <c r="DM20">
        <v>113</v>
      </c>
      <c r="DN20">
        <v>114</v>
      </c>
      <c r="DO20">
        <v>115</v>
      </c>
      <c r="DP20">
        <v>116</v>
      </c>
      <c r="DQ20">
        <v>117</v>
      </c>
      <c r="DR20">
        <v>118</v>
      </c>
      <c r="DS20">
        <v>119</v>
      </c>
      <c r="DT20">
        <v>120</v>
      </c>
      <c r="DU20">
        <v>121</v>
      </c>
      <c r="DV20">
        <v>122</v>
      </c>
      <c r="DW20">
        <v>123</v>
      </c>
      <c r="DX20">
        <v>124</v>
      </c>
      <c r="DY20">
        <v>125</v>
      </c>
      <c r="DZ20">
        <v>126</v>
      </c>
      <c r="EA20">
        <v>127</v>
      </c>
      <c r="EB20">
        <v>128</v>
      </c>
      <c r="EC20">
        <v>129</v>
      </c>
      <c r="ED20">
        <v>130</v>
      </c>
      <c r="EE20">
        <v>131</v>
      </c>
      <c r="EF20">
        <v>132</v>
      </c>
      <c r="EG20">
        <v>133</v>
      </c>
      <c r="EH20">
        <v>134</v>
      </c>
      <c r="EI20">
        <v>135</v>
      </c>
      <c r="EJ20">
        <v>136</v>
      </c>
      <c r="EK20">
        <v>137</v>
      </c>
      <c r="EL20">
        <v>138</v>
      </c>
      <c r="EM20">
        <v>139</v>
      </c>
      <c r="EN20">
        <v>140</v>
      </c>
      <c r="EO20">
        <v>141</v>
      </c>
      <c r="EP20">
        <v>142</v>
      </c>
      <c r="EQ20">
        <v>143</v>
      </c>
      <c r="ER20">
        <v>144</v>
      </c>
      <c r="ES20">
        <v>145</v>
      </c>
      <c r="ET20">
        <v>146</v>
      </c>
      <c r="EU20">
        <v>147</v>
      </c>
      <c r="EV20">
        <v>148</v>
      </c>
      <c r="EW20">
        <v>149</v>
      </c>
      <c r="EX20">
        <v>150</v>
      </c>
      <c r="EY20">
        <v>151</v>
      </c>
      <c r="EZ20">
        <v>152</v>
      </c>
      <c r="FA20">
        <v>153</v>
      </c>
      <c r="FB20">
        <v>154</v>
      </c>
      <c r="FC20">
        <v>155</v>
      </c>
      <c r="FD20">
        <v>156</v>
      </c>
      <c r="FE20">
        <v>157</v>
      </c>
      <c r="FF20">
        <v>158</v>
      </c>
      <c r="FG20">
        <v>159</v>
      </c>
      <c r="FH20">
        <v>160</v>
      </c>
      <c r="FI20">
        <v>161</v>
      </c>
      <c r="FJ20">
        <v>162</v>
      </c>
      <c r="FK20">
        <v>163</v>
      </c>
      <c r="FL20">
        <v>164</v>
      </c>
      <c r="FM20">
        <v>165</v>
      </c>
      <c r="FN20">
        <v>166</v>
      </c>
      <c r="FO20">
        <v>167</v>
      </c>
      <c r="FP20">
        <v>168</v>
      </c>
    </row>
    <row r="21" spans="2:172" x14ac:dyDescent="0.3">
      <c r="B21" s="172"/>
      <c r="C21" s="17">
        <v>5</v>
      </c>
      <c r="D21" s="35">
        <v>4.4999999999999997E-3</v>
      </c>
      <c r="E21" s="16">
        <v>4.4999999999999997E-3</v>
      </c>
      <c r="F21" s="16">
        <v>4.4999999999999997E-3</v>
      </c>
      <c r="G21" s="16">
        <v>4.4999999999999997E-3</v>
      </c>
      <c r="H21" s="16">
        <v>4.4999999999999997E-3</v>
      </c>
      <c r="I21" s="16">
        <v>5.7999999999999996E-3</v>
      </c>
      <c r="J21" s="16">
        <v>7.0000000000000001E-3</v>
      </c>
      <c r="K21" s="16">
        <v>7.0000000000000001E-3</v>
      </c>
      <c r="L21" s="16">
        <v>7.0000000000000001E-3</v>
      </c>
      <c r="M21" s="16">
        <v>7.4999999999999997E-3</v>
      </c>
      <c r="N21" s="16">
        <v>7.7999999999999996E-3</v>
      </c>
      <c r="O21" s="16">
        <v>8.9999999999999993E-3</v>
      </c>
      <c r="P21" s="16">
        <v>8.9999999999999993E-3</v>
      </c>
      <c r="Q21" s="16">
        <v>8.9999999999999993E-3</v>
      </c>
      <c r="R21" s="16">
        <v>8.9999999999999993E-3</v>
      </c>
      <c r="S21" s="16">
        <v>7.4999999999999997E-3</v>
      </c>
      <c r="T21" s="16">
        <v>7.1000000000000004E-3</v>
      </c>
      <c r="U21" s="16">
        <v>7.1000000000000004E-3</v>
      </c>
      <c r="V21" s="16">
        <v>7.1000000000000004E-3</v>
      </c>
      <c r="W21" s="16">
        <v>7.1000000000000004E-3</v>
      </c>
      <c r="X21" s="16">
        <v>5.4999999999999997E-3</v>
      </c>
      <c r="Y21" s="16">
        <v>2.0999999999999999E-3</v>
      </c>
      <c r="Z21" s="16">
        <v>2.0999999999999999E-3</v>
      </c>
      <c r="AA21" s="36">
        <v>2.0999999999999999E-3</v>
      </c>
      <c r="AB21">
        <f t="shared" ref="AB21:AY21" si="6">D18</f>
        <v>4.0000000000000001E-3</v>
      </c>
      <c r="AC21">
        <f t="shared" si="6"/>
        <v>4.0000000000000001E-3</v>
      </c>
      <c r="AD21">
        <f t="shared" si="6"/>
        <v>4.0000000000000001E-3</v>
      </c>
      <c r="AE21">
        <f t="shared" si="6"/>
        <v>4.0000000000000001E-3</v>
      </c>
      <c r="AF21">
        <f t="shared" si="6"/>
        <v>4.0000000000000001E-3</v>
      </c>
      <c r="AG21">
        <f t="shared" si="6"/>
        <v>5.1999999999999998E-3</v>
      </c>
      <c r="AH21">
        <f t="shared" si="6"/>
        <v>5.7999999999999996E-3</v>
      </c>
      <c r="AI21">
        <f t="shared" si="6"/>
        <v>6.0000000000000001E-3</v>
      </c>
      <c r="AJ21">
        <f t="shared" si="6"/>
        <v>6.0000000000000001E-3</v>
      </c>
      <c r="AK21">
        <f t="shared" si="6"/>
        <v>6.4999999999999997E-3</v>
      </c>
      <c r="AL21">
        <f t="shared" si="6"/>
        <v>6.7999999999999996E-3</v>
      </c>
      <c r="AM21">
        <f t="shared" si="6"/>
        <v>8.0000000000000002E-3</v>
      </c>
      <c r="AN21">
        <f t="shared" si="6"/>
        <v>8.0000000000000002E-3</v>
      </c>
      <c r="AO21">
        <f t="shared" si="6"/>
        <v>8.0000000000000002E-3</v>
      </c>
      <c r="AP21">
        <f t="shared" si="6"/>
        <v>8.0000000000000002E-3</v>
      </c>
      <c r="AQ21">
        <f t="shared" si="6"/>
        <v>8.0000000000000002E-3</v>
      </c>
      <c r="AR21">
        <f t="shared" si="6"/>
        <v>8.0000000000000002E-3</v>
      </c>
      <c r="AS21">
        <f t="shared" si="6"/>
        <v>8.0000000000000002E-3</v>
      </c>
      <c r="AT21">
        <f t="shared" si="6"/>
        <v>8.0000000000000002E-3</v>
      </c>
      <c r="AU21">
        <f t="shared" si="6"/>
        <v>6.7000000000000002E-3</v>
      </c>
      <c r="AV21">
        <f t="shared" si="6"/>
        <v>5.4999999999999997E-3</v>
      </c>
      <c r="AW21">
        <f t="shared" si="6"/>
        <v>4.0000000000000001E-3</v>
      </c>
      <c r="AX21">
        <f t="shared" si="6"/>
        <v>4.0000000000000001E-3</v>
      </c>
      <c r="AY21">
        <f t="shared" si="6"/>
        <v>4.0000000000000001E-3</v>
      </c>
      <c r="AZ21">
        <f t="shared" ref="AZ21:BW21" si="7">D19</f>
        <v>4.0000000000000001E-3</v>
      </c>
      <c r="BA21">
        <f t="shared" si="7"/>
        <v>4.4999999999999997E-3</v>
      </c>
      <c r="BB21">
        <f t="shared" si="7"/>
        <v>4.4999999999999997E-3</v>
      </c>
      <c r="BC21">
        <f t="shared" si="7"/>
        <v>4.4999999999999997E-3</v>
      </c>
      <c r="BD21">
        <f t="shared" si="7"/>
        <v>4.4999999999999997E-3</v>
      </c>
      <c r="BE21">
        <f t="shared" si="7"/>
        <v>5.7999999999999996E-3</v>
      </c>
      <c r="BF21">
        <f t="shared" si="7"/>
        <v>6.7000000000000002E-3</v>
      </c>
      <c r="BG21">
        <f t="shared" si="7"/>
        <v>6.7000000000000002E-3</v>
      </c>
      <c r="BH21">
        <f t="shared" si="7"/>
        <v>6.7000000000000002E-3</v>
      </c>
      <c r="BI21">
        <f t="shared" si="7"/>
        <v>7.1999999999999998E-3</v>
      </c>
      <c r="BJ21">
        <f t="shared" si="7"/>
        <v>7.7999999999999996E-3</v>
      </c>
      <c r="BK21">
        <f t="shared" si="7"/>
        <v>8.9999999999999993E-3</v>
      </c>
      <c r="BL21">
        <f t="shared" si="7"/>
        <v>8.9999999999999993E-3</v>
      </c>
      <c r="BM21">
        <f t="shared" si="7"/>
        <v>8.9999999999999993E-3</v>
      </c>
      <c r="BN21">
        <f t="shared" si="7"/>
        <v>8.9999999999999993E-3</v>
      </c>
      <c r="BO21">
        <f t="shared" si="7"/>
        <v>8.9999999999999993E-3</v>
      </c>
      <c r="BP21">
        <f t="shared" si="7"/>
        <v>8.9999999999999993E-3</v>
      </c>
      <c r="BQ21">
        <f t="shared" si="7"/>
        <v>8.9999999999999993E-3</v>
      </c>
      <c r="BR21">
        <f t="shared" si="7"/>
        <v>8.9999999999999993E-3</v>
      </c>
      <c r="BS21">
        <f t="shared" si="7"/>
        <v>7.4999999999999997E-3</v>
      </c>
      <c r="BT21">
        <f t="shared" si="7"/>
        <v>6.0000000000000001E-3</v>
      </c>
      <c r="BU21">
        <f t="shared" si="7"/>
        <v>4.4999999999999997E-3</v>
      </c>
      <c r="BV21">
        <f t="shared" si="7"/>
        <v>4.4999999999999997E-3</v>
      </c>
      <c r="BW21">
        <f t="shared" si="7"/>
        <v>4.4999999999999997E-3</v>
      </c>
      <c r="BX21">
        <f t="shared" ref="BX21:CU21" si="8">D20</f>
        <v>4.4999999999999997E-3</v>
      </c>
      <c r="BY21">
        <f t="shared" si="8"/>
        <v>4.4999999999999997E-3</v>
      </c>
      <c r="BZ21">
        <f t="shared" si="8"/>
        <v>4.4999999999999997E-3</v>
      </c>
      <c r="CA21">
        <f t="shared" si="8"/>
        <v>4.4999999999999997E-3</v>
      </c>
      <c r="CB21">
        <f t="shared" si="8"/>
        <v>4.4999999999999997E-3</v>
      </c>
      <c r="CC21">
        <f t="shared" si="8"/>
        <v>5.7999999999999996E-3</v>
      </c>
      <c r="CD21">
        <f t="shared" si="8"/>
        <v>6.7000000000000002E-3</v>
      </c>
      <c r="CE21">
        <f t="shared" si="8"/>
        <v>6.7000000000000002E-3</v>
      </c>
      <c r="CF21">
        <f t="shared" si="8"/>
        <v>6.7000000000000002E-3</v>
      </c>
      <c r="CG21">
        <f t="shared" si="8"/>
        <v>7.1999999999999998E-3</v>
      </c>
      <c r="CH21">
        <f t="shared" si="8"/>
        <v>7.7999999999999996E-3</v>
      </c>
      <c r="CI21">
        <f t="shared" si="8"/>
        <v>8.9999999999999993E-3</v>
      </c>
      <c r="CJ21">
        <f t="shared" si="8"/>
        <v>8.9999999999999993E-3</v>
      </c>
      <c r="CK21">
        <f t="shared" si="8"/>
        <v>8.9999999999999993E-3</v>
      </c>
      <c r="CL21">
        <f t="shared" si="8"/>
        <v>8.9999999999999993E-3</v>
      </c>
      <c r="CM21">
        <f t="shared" si="8"/>
        <v>8.9999999999999993E-3</v>
      </c>
      <c r="CN21">
        <f t="shared" si="8"/>
        <v>8.9999999999999993E-3</v>
      </c>
      <c r="CO21">
        <f t="shared" si="8"/>
        <v>8.9999999999999993E-3</v>
      </c>
      <c r="CP21">
        <f t="shared" si="8"/>
        <v>8.9999999999999993E-3</v>
      </c>
      <c r="CQ21">
        <f t="shared" si="8"/>
        <v>7.4999999999999997E-3</v>
      </c>
      <c r="CR21">
        <f t="shared" si="8"/>
        <v>6.0000000000000001E-3</v>
      </c>
      <c r="CS21">
        <f t="shared" si="8"/>
        <v>4.4999999999999997E-3</v>
      </c>
      <c r="CT21">
        <f t="shared" si="8"/>
        <v>4.4999999999999997E-3</v>
      </c>
      <c r="CU21">
        <f t="shared" si="8"/>
        <v>4.4999999999999997E-3</v>
      </c>
      <c r="CV21">
        <f t="shared" ref="CV21:DS21" si="9">D21</f>
        <v>4.4999999999999997E-3</v>
      </c>
      <c r="CW21">
        <f t="shared" si="9"/>
        <v>4.4999999999999997E-3</v>
      </c>
      <c r="CX21">
        <f t="shared" si="9"/>
        <v>4.4999999999999997E-3</v>
      </c>
      <c r="CY21">
        <f t="shared" si="9"/>
        <v>4.4999999999999997E-3</v>
      </c>
      <c r="CZ21">
        <f t="shared" si="9"/>
        <v>4.4999999999999997E-3</v>
      </c>
      <c r="DA21">
        <f t="shared" si="9"/>
        <v>5.7999999999999996E-3</v>
      </c>
      <c r="DB21">
        <f t="shared" si="9"/>
        <v>7.0000000000000001E-3</v>
      </c>
      <c r="DC21">
        <f t="shared" si="9"/>
        <v>7.0000000000000001E-3</v>
      </c>
      <c r="DD21">
        <f t="shared" si="9"/>
        <v>7.0000000000000001E-3</v>
      </c>
      <c r="DE21">
        <f t="shared" si="9"/>
        <v>7.4999999999999997E-3</v>
      </c>
      <c r="DF21">
        <f t="shared" si="9"/>
        <v>7.7999999999999996E-3</v>
      </c>
      <c r="DG21">
        <f t="shared" si="9"/>
        <v>8.9999999999999993E-3</v>
      </c>
      <c r="DH21">
        <f t="shared" si="9"/>
        <v>8.9999999999999993E-3</v>
      </c>
      <c r="DI21">
        <f t="shared" si="9"/>
        <v>8.9999999999999993E-3</v>
      </c>
      <c r="DJ21">
        <f t="shared" si="9"/>
        <v>8.9999999999999993E-3</v>
      </c>
      <c r="DK21">
        <f t="shared" si="9"/>
        <v>7.4999999999999997E-3</v>
      </c>
      <c r="DL21">
        <f t="shared" si="9"/>
        <v>7.1000000000000004E-3</v>
      </c>
      <c r="DM21">
        <f t="shared" si="9"/>
        <v>7.1000000000000004E-3</v>
      </c>
      <c r="DN21">
        <f t="shared" si="9"/>
        <v>7.1000000000000004E-3</v>
      </c>
      <c r="DO21">
        <f t="shared" si="9"/>
        <v>7.1000000000000004E-3</v>
      </c>
      <c r="DP21">
        <f t="shared" si="9"/>
        <v>5.4999999999999997E-3</v>
      </c>
      <c r="DQ21">
        <f t="shared" si="9"/>
        <v>2.0999999999999999E-3</v>
      </c>
      <c r="DR21">
        <f t="shared" si="9"/>
        <v>2.0999999999999999E-3</v>
      </c>
      <c r="DS21">
        <f t="shared" si="9"/>
        <v>2.0999999999999999E-3</v>
      </c>
      <c r="DT21">
        <f t="shared" ref="DT21:EQ21" si="10">D22</f>
        <v>2.0999999999999999E-3</v>
      </c>
      <c r="DU21">
        <f t="shared" si="10"/>
        <v>4.1000000000000003E-3</v>
      </c>
      <c r="DV21">
        <f t="shared" si="10"/>
        <v>4.1000000000000003E-3</v>
      </c>
      <c r="DW21">
        <f t="shared" si="10"/>
        <v>4.1000000000000003E-3</v>
      </c>
      <c r="DX21">
        <f t="shared" si="10"/>
        <v>4.1000000000000003E-3</v>
      </c>
      <c r="DY21">
        <f t="shared" si="10"/>
        <v>5.1000000000000004E-3</v>
      </c>
      <c r="DZ21">
        <f t="shared" si="10"/>
        <v>6.4000000000000003E-3</v>
      </c>
      <c r="EA21">
        <f t="shared" si="10"/>
        <v>7.3000000000000001E-3</v>
      </c>
      <c r="EB21">
        <f t="shared" si="10"/>
        <v>7.3000000000000001E-3</v>
      </c>
      <c r="EC21">
        <f t="shared" si="10"/>
        <v>7.3000000000000001E-3</v>
      </c>
      <c r="ED21">
        <f t="shared" si="10"/>
        <v>7.3000000000000001E-3</v>
      </c>
      <c r="EE21">
        <f t="shared" si="10"/>
        <v>7.3000000000000001E-3</v>
      </c>
      <c r="EF21">
        <f t="shared" si="10"/>
        <v>7.3000000000000001E-3</v>
      </c>
      <c r="EG21">
        <f t="shared" si="10"/>
        <v>7.3000000000000001E-3</v>
      </c>
      <c r="EH21">
        <f t="shared" si="10"/>
        <v>7.3000000000000001E-3</v>
      </c>
      <c r="EI21">
        <f t="shared" si="10"/>
        <v>6.6E-3</v>
      </c>
      <c r="EJ21">
        <f t="shared" si="10"/>
        <v>6.0000000000000001E-3</v>
      </c>
      <c r="EK21">
        <f t="shared" si="10"/>
        <v>5.4000000000000003E-3</v>
      </c>
      <c r="EL21">
        <f t="shared" si="10"/>
        <v>5.1999999999999998E-3</v>
      </c>
      <c r="EM21">
        <f t="shared" si="10"/>
        <v>4.1999999999999997E-3</v>
      </c>
      <c r="EN21">
        <f t="shared" si="10"/>
        <v>3.0999999999999999E-3</v>
      </c>
      <c r="EO21">
        <f t="shared" si="10"/>
        <v>3.0999999999999999E-3</v>
      </c>
      <c r="EP21">
        <f t="shared" si="10"/>
        <v>3.0999999999999999E-3</v>
      </c>
      <c r="EQ21">
        <f t="shared" si="10"/>
        <v>3.0999999999999999E-3</v>
      </c>
      <c r="ER21">
        <f t="shared" ref="ER21:FO21" si="11">D23</f>
        <v>3.0999999999999999E-3</v>
      </c>
      <c r="ES21">
        <f t="shared" si="11"/>
        <v>3.5999999999999999E-3</v>
      </c>
      <c r="ET21">
        <f t="shared" si="11"/>
        <v>3.5999999999999999E-3</v>
      </c>
      <c r="EU21">
        <f t="shared" si="11"/>
        <v>3.5999999999999999E-3</v>
      </c>
      <c r="EV21">
        <f t="shared" si="11"/>
        <v>3.5999999999999999E-3</v>
      </c>
      <c r="EW21">
        <f t="shared" si="11"/>
        <v>4.4999999999999997E-3</v>
      </c>
      <c r="EX21">
        <f t="shared" si="11"/>
        <v>5.3E-3</v>
      </c>
      <c r="EY21">
        <f t="shared" si="11"/>
        <v>6.3E-3</v>
      </c>
      <c r="EZ21">
        <f t="shared" si="11"/>
        <v>6.3E-3</v>
      </c>
      <c r="FA21">
        <f t="shared" si="11"/>
        <v>6.3E-3</v>
      </c>
      <c r="FB21">
        <f t="shared" si="11"/>
        <v>6.3E-3</v>
      </c>
      <c r="FC21">
        <f t="shared" si="11"/>
        <v>6.3E-3</v>
      </c>
      <c r="FD21">
        <f t="shared" si="11"/>
        <v>6.3E-3</v>
      </c>
      <c r="FE21">
        <f t="shared" si="11"/>
        <v>6.3E-3</v>
      </c>
      <c r="FF21">
        <f t="shared" si="11"/>
        <v>6.3E-3</v>
      </c>
      <c r="FG21">
        <f t="shared" si="11"/>
        <v>5.5999999999999999E-3</v>
      </c>
      <c r="FH21">
        <f t="shared" si="11"/>
        <v>5.4999999999999997E-3</v>
      </c>
      <c r="FI21">
        <f t="shared" si="11"/>
        <v>4.7000000000000002E-3</v>
      </c>
      <c r="FJ21">
        <f t="shared" si="11"/>
        <v>4.4000000000000003E-3</v>
      </c>
      <c r="FK21">
        <f t="shared" si="11"/>
        <v>3.7000000000000002E-3</v>
      </c>
      <c r="FL21">
        <f t="shared" si="11"/>
        <v>3.0999999999999999E-3</v>
      </c>
      <c r="FM21">
        <f t="shared" si="11"/>
        <v>2.7000000000000001E-3</v>
      </c>
      <c r="FN21">
        <f t="shared" si="11"/>
        <v>2.7000000000000001E-3</v>
      </c>
      <c r="FO21">
        <f t="shared" si="11"/>
        <v>2.7000000000000001E-3</v>
      </c>
      <c r="FP21">
        <f>FO21</f>
        <v>2.7000000000000001E-3</v>
      </c>
    </row>
    <row r="22" spans="2:172" x14ac:dyDescent="0.3">
      <c r="B22" s="172"/>
      <c r="C22" s="17">
        <v>6</v>
      </c>
      <c r="D22" s="35">
        <v>2.0999999999999999E-3</v>
      </c>
      <c r="E22" s="16">
        <v>4.1000000000000003E-3</v>
      </c>
      <c r="F22" s="16">
        <v>4.1000000000000003E-3</v>
      </c>
      <c r="G22" s="16">
        <v>4.1000000000000003E-3</v>
      </c>
      <c r="H22" s="16">
        <v>4.1000000000000003E-3</v>
      </c>
      <c r="I22" s="16">
        <v>5.1000000000000004E-3</v>
      </c>
      <c r="J22" s="16">
        <v>6.4000000000000003E-3</v>
      </c>
      <c r="K22" s="16">
        <v>7.3000000000000001E-3</v>
      </c>
      <c r="L22" s="16">
        <v>7.3000000000000001E-3</v>
      </c>
      <c r="M22" s="16">
        <v>7.3000000000000001E-3</v>
      </c>
      <c r="N22" s="16">
        <v>7.3000000000000001E-3</v>
      </c>
      <c r="O22" s="16">
        <v>7.3000000000000001E-3</v>
      </c>
      <c r="P22" s="16">
        <v>7.3000000000000001E-3</v>
      </c>
      <c r="Q22" s="16">
        <v>7.3000000000000001E-3</v>
      </c>
      <c r="R22" s="16">
        <v>7.3000000000000001E-3</v>
      </c>
      <c r="S22" s="16">
        <v>6.6E-3</v>
      </c>
      <c r="T22" s="16">
        <v>6.0000000000000001E-3</v>
      </c>
      <c r="U22" s="16">
        <v>5.4000000000000003E-3</v>
      </c>
      <c r="V22" s="16">
        <v>5.1999999999999998E-3</v>
      </c>
      <c r="W22" s="16">
        <v>4.1999999999999997E-3</v>
      </c>
      <c r="X22" s="16">
        <v>3.0999999999999999E-3</v>
      </c>
      <c r="Y22" s="16">
        <v>3.0999999999999999E-3</v>
      </c>
      <c r="Z22" s="16">
        <v>3.0999999999999999E-3</v>
      </c>
      <c r="AA22" s="36">
        <v>3.0999999999999999E-3</v>
      </c>
    </row>
    <row r="23" spans="2:172" ht="15" thickBot="1" x14ac:dyDescent="0.35">
      <c r="B23" s="172"/>
      <c r="C23" s="17">
        <v>7</v>
      </c>
      <c r="D23" s="37">
        <v>3.0999999999999999E-3</v>
      </c>
      <c r="E23" s="38">
        <v>3.5999999999999999E-3</v>
      </c>
      <c r="F23" s="38">
        <v>3.5999999999999999E-3</v>
      </c>
      <c r="G23" s="38">
        <v>3.5999999999999999E-3</v>
      </c>
      <c r="H23" s="38">
        <v>3.5999999999999999E-3</v>
      </c>
      <c r="I23" s="38">
        <v>4.4999999999999997E-3</v>
      </c>
      <c r="J23" s="38">
        <v>5.3E-3</v>
      </c>
      <c r="K23" s="38">
        <v>6.3E-3</v>
      </c>
      <c r="L23" s="38">
        <v>6.3E-3</v>
      </c>
      <c r="M23" s="38">
        <v>6.3E-3</v>
      </c>
      <c r="N23" s="38">
        <v>6.3E-3</v>
      </c>
      <c r="O23" s="38">
        <v>6.3E-3</v>
      </c>
      <c r="P23" s="38">
        <v>6.3E-3</v>
      </c>
      <c r="Q23" s="38">
        <v>6.3E-3</v>
      </c>
      <c r="R23" s="38">
        <v>6.3E-3</v>
      </c>
      <c r="S23" s="38">
        <v>5.5999999999999999E-3</v>
      </c>
      <c r="T23" s="38">
        <v>5.4999999999999997E-3</v>
      </c>
      <c r="U23" s="38">
        <v>4.7000000000000002E-3</v>
      </c>
      <c r="V23" s="38">
        <v>4.4000000000000003E-3</v>
      </c>
      <c r="W23" s="38">
        <v>3.7000000000000002E-3</v>
      </c>
      <c r="X23" s="38">
        <v>3.0999999999999999E-3</v>
      </c>
      <c r="Y23" s="38">
        <v>2.7000000000000001E-3</v>
      </c>
      <c r="Z23" s="38">
        <v>2.7000000000000001E-3</v>
      </c>
      <c r="AA23" s="39">
        <v>2.7000000000000001E-3</v>
      </c>
    </row>
    <row r="24" spans="2:172" ht="14.4" customHeight="1" x14ac:dyDescent="0.3">
      <c r="B24" s="173" t="s">
        <v>43</v>
      </c>
      <c r="C24" s="17">
        <v>1</v>
      </c>
      <c r="D24" s="32">
        <v>2E-3</v>
      </c>
      <c r="E24" s="33">
        <v>2E-3</v>
      </c>
      <c r="F24" s="33">
        <v>2E-3</v>
      </c>
      <c r="G24" s="33">
        <v>2E-3</v>
      </c>
      <c r="H24" s="33">
        <v>2E-3</v>
      </c>
      <c r="I24" s="33">
        <v>2E-3</v>
      </c>
      <c r="J24" s="33">
        <v>2E-3</v>
      </c>
      <c r="K24" s="33">
        <v>8.5199999999999998E-3</v>
      </c>
      <c r="L24" s="33">
        <v>9.5849999999999998E-3</v>
      </c>
      <c r="M24" s="33">
        <v>1.065E-2</v>
      </c>
      <c r="N24" s="33">
        <v>1.065E-2</v>
      </c>
      <c r="O24" s="33">
        <v>1.2779999999999998E-2</v>
      </c>
      <c r="P24" s="33">
        <v>1.2779999999999998E-2</v>
      </c>
      <c r="Q24" s="33">
        <v>8.5199999999999998E-3</v>
      </c>
      <c r="R24" s="33">
        <v>1.2779999999999998E-2</v>
      </c>
      <c r="S24" s="33">
        <v>1.2779999999999998E-2</v>
      </c>
      <c r="T24" s="33">
        <v>7.454999999999999E-3</v>
      </c>
      <c r="U24" s="33">
        <v>2.1299999999999999E-3</v>
      </c>
      <c r="V24" s="33">
        <v>2.0999999999999999E-3</v>
      </c>
      <c r="W24" s="33">
        <v>2.0999999999999999E-3</v>
      </c>
      <c r="X24" s="33">
        <v>2.0999999999999999E-3</v>
      </c>
      <c r="Y24" s="33">
        <v>2.0999999999999999E-3</v>
      </c>
      <c r="Z24" s="33">
        <v>2.0999999999999999E-3</v>
      </c>
      <c r="AA24" s="34">
        <v>2.0999999999999999E-3</v>
      </c>
    </row>
    <row r="25" spans="2:172" x14ac:dyDescent="0.3">
      <c r="B25" s="173"/>
      <c r="C25" s="17">
        <v>2</v>
      </c>
      <c r="D25" s="35">
        <v>2.0999999999999999E-3</v>
      </c>
      <c r="E25" s="16">
        <v>3.2000000000000002E-3</v>
      </c>
      <c r="F25" s="16">
        <v>3.2000000000000002E-3</v>
      </c>
      <c r="G25" s="16">
        <v>3.2000000000000002E-3</v>
      </c>
      <c r="H25" s="16">
        <v>3.2000000000000002E-3</v>
      </c>
      <c r="I25" s="16">
        <v>3.2000000000000002E-3</v>
      </c>
      <c r="J25" s="16">
        <v>3.2000000000000002E-3</v>
      </c>
      <c r="K25" s="16">
        <v>1.3489999999999999E-2</v>
      </c>
      <c r="L25" s="16">
        <v>1.5051999999999999E-2</v>
      </c>
      <c r="M25" s="16">
        <v>1.6614E-2</v>
      </c>
      <c r="N25" s="16">
        <v>1.6614E-2</v>
      </c>
      <c r="O25" s="16">
        <v>1.9879999999999998E-2</v>
      </c>
      <c r="P25" s="16">
        <v>1.9879999999999998E-2</v>
      </c>
      <c r="Q25" s="16">
        <v>1.3205999999999999E-2</v>
      </c>
      <c r="R25" s="16">
        <v>1.9879999999999998E-2</v>
      </c>
      <c r="S25" s="16">
        <v>1.9879999999999998E-2</v>
      </c>
      <c r="T25" s="16">
        <v>1.1715E-2</v>
      </c>
      <c r="U25" s="16">
        <v>5.0000000000000001E-3</v>
      </c>
      <c r="V25" s="16">
        <v>3.3E-3</v>
      </c>
      <c r="W25" s="16">
        <v>3.3E-3</v>
      </c>
      <c r="X25" s="16">
        <v>3.3E-3</v>
      </c>
      <c r="Y25" s="16">
        <v>3.3E-3</v>
      </c>
      <c r="Z25" s="16">
        <v>3.3E-3</v>
      </c>
      <c r="AA25" s="36">
        <v>3.3E-3</v>
      </c>
    </row>
    <row r="26" spans="2:172" x14ac:dyDescent="0.3">
      <c r="B26" s="173"/>
      <c r="C26" s="17">
        <v>3</v>
      </c>
      <c r="D26" s="35">
        <v>3.3E-3</v>
      </c>
      <c r="E26" s="16">
        <v>3.3E-3</v>
      </c>
      <c r="F26" s="16">
        <v>3.3E-3</v>
      </c>
      <c r="G26" s="16">
        <v>3.3E-3</v>
      </c>
      <c r="H26" s="16">
        <v>3.3E-3</v>
      </c>
      <c r="I26" s="16">
        <v>3.3E-3</v>
      </c>
      <c r="J26" s="16">
        <v>3.3E-3</v>
      </c>
      <c r="K26" s="16">
        <v>1.3489999999999999E-2</v>
      </c>
      <c r="L26" s="16">
        <v>1.5051999999999999E-2</v>
      </c>
      <c r="M26" s="16">
        <v>1.6614E-2</v>
      </c>
      <c r="N26" s="16">
        <v>1.6614E-2</v>
      </c>
      <c r="O26" s="16">
        <v>1.9879999999999998E-2</v>
      </c>
      <c r="P26" s="16">
        <v>1.9879999999999998E-2</v>
      </c>
      <c r="Q26" s="16">
        <v>1.3205999999999999E-2</v>
      </c>
      <c r="R26" s="16">
        <v>1.9879999999999998E-2</v>
      </c>
      <c r="S26" s="16">
        <v>1.9879999999999998E-2</v>
      </c>
      <c r="T26" s="16">
        <v>1.1715E-2</v>
      </c>
      <c r="U26" s="16">
        <v>5.0000000000000001E-3</v>
      </c>
      <c r="V26" s="16">
        <v>3.3E-3</v>
      </c>
      <c r="W26" s="16">
        <v>3.3E-3</v>
      </c>
      <c r="X26" s="16">
        <v>3.3E-3</v>
      </c>
      <c r="Y26" s="16">
        <v>3.3E-3</v>
      </c>
      <c r="Z26" s="16">
        <v>3.3E-3</v>
      </c>
      <c r="AA26" s="36">
        <v>3.3E-3</v>
      </c>
    </row>
    <row r="27" spans="2:172" x14ac:dyDescent="0.3">
      <c r="B27" s="173"/>
      <c r="C27" s="17">
        <v>4</v>
      </c>
      <c r="D27" s="35">
        <v>3.3E-3</v>
      </c>
      <c r="E27" s="16">
        <v>3.3E-3</v>
      </c>
      <c r="F27" s="16">
        <v>3.3E-3</v>
      </c>
      <c r="G27" s="16">
        <v>3.3E-3</v>
      </c>
      <c r="H27" s="16">
        <v>3.3E-3</v>
      </c>
      <c r="I27" s="16">
        <v>3.3E-3</v>
      </c>
      <c r="J27" s="16">
        <v>3.3E-3</v>
      </c>
      <c r="K27" s="16">
        <v>1.3489999999999999E-2</v>
      </c>
      <c r="L27" s="16">
        <v>1.5051999999999999E-2</v>
      </c>
      <c r="M27" s="16">
        <v>1.6614E-2</v>
      </c>
      <c r="N27" s="16">
        <v>1.6614E-2</v>
      </c>
      <c r="O27" s="16">
        <v>1.9879999999999998E-2</v>
      </c>
      <c r="P27" s="16">
        <v>1.9879999999999998E-2</v>
      </c>
      <c r="Q27" s="16">
        <v>1.3205999999999999E-2</v>
      </c>
      <c r="R27" s="16">
        <v>1.9879999999999998E-2</v>
      </c>
      <c r="S27" s="16">
        <v>1.9879999999999998E-2</v>
      </c>
      <c r="T27" s="16">
        <v>1.1715E-2</v>
      </c>
      <c r="U27" s="16">
        <v>5.0000000000000001E-3</v>
      </c>
      <c r="V27" s="16">
        <v>3.3E-3</v>
      </c>
      <c r="W27" s="16">
        <v>3.3E-3</v>
      </c>
      <c r="X27" s="16">
        <v>3.3E-3</v>
      </c>
      <c r="Y27" s="16">
        <v>3.3E-3</v>
      </c>
      <c r="Z27" s="16">
        <v>3.3E-3</v>
      </c>
      <c r="AA27" s="36">
        <v>3.3E-3</v>
      </c>
    </row>
    <row r="28" spans="2:172" x14ac:dyDescent="0.3">
      <c r="B28" s="173"/>
      <c r="C28" s="17">
        <v>5</v>
      </c>
      <c r="D28" s="35">
        <v>3.3E-3</v>
      </c>
      <c r="E28" s="16">
        <v>2E-3</v>
      </c>
      <c r="F28" s="16">
        <v>2E-3</v>
      </c>
      <c r="G28" s="16">
        <v>2E-3</v>
      </c>
      <c r="H28" s="16">
        <v>2E-3</v>
      </c>
      <c r="I28" s="16">
        <v>2E-3</v>
      </c>
      <c r="J28" s="16">
        <v>2E-3</v>
      </c>
      <c r="K28" s="16">
        <v>8.5199999999999998E-3</v>
      </c>
      <c r="L28" s="16">
        <v>1.065E-2</v>
      </c>
      <c r="M28" s="16">
        <v>1.1715E-2</v>
      </c>
      <c r="N28" s="16">
        <v>1.1715E-2</v>
      </c>
      <c r="O28" s="16">
        <v>1.3845E-2</v>
      </c>
      <c r="P28" s="16">
        <v>1.3845E-2</v>
      </c>
      <c r="Q28" s="16">
        <v>9.5849999999999998E-3</v>
      </c>
      <c r="R28" s="16">
        <v>1.3845E-2</v>
      </c>
      <c r="S28" s="16">
        <v>1.065E-2</v>
      </c>
      <c r="T28" s="16">
        <v>5.0000000000000001E-3</v>
      </c>
      <c r="U28" s="16">
        <v>3.3E-3</v>
      </c>
      <c r="V28" s="16">
        <v>2.0999999999999999E-3</v>
      </c>
      <c r="W28" s="16">
        <v>2E-3</v>
      </c>
      <c r="X28" s="16">
        <v>2E-3</v>
      </c>
      <c r="Y28" s="16">
        <v>2E-3</v>
      </c>
      <c r="Z28" s="16">
        <v>2E-3</v>
      </c>
      <c r="AA28" s="36">
        <v>2E-3</v>
      </c>
    </row>
    <row r="29" spans="2:172" x14ac:dyDescent="0.3">
      <c r="B29" s="173"/>
      <c r="C29" s="17">
        <v>6</v>
      </c>
      <c r="D29" s="35">
        <v>2E-3</v>
      </c>
      <c r="E29" s="16">
        <v>1.8E-3</v>
      </c>
      <c r="F29" s="16">
        <v>1.8E-3</v>
      </c>
      <c r="G29" s="16">
        <v>1.8E-3</v>
      </c>
      <c r="H29" s="16">
        <v>1.8E-3</v>
      </c>
      <c r="I29" s="16">
        <v>1.8E-3</v>
      </c>
      <c r="J29" s="16">
        <v>1.8E-3</v>
      </c>
      <c r="K29" s="16">
        <v>1.8E-3</v>
      </c>
      <c r="L29" s="16">
        <v>1.8E-3</v>
      </c>
      <c r="M29" s="16">
        <v>1.8E-3</v>
      </c>
      <c r="N29" s="16">
        <v>1.8E-3</v>
      </c>
      <c r="O29" s="16">
        <v>1.8E-3</v>
      </c>
      <c r="P29" s="16">
        <v>1.8E-3</v>
      </c>
      <c r="Q29" s="16">
        <v>1.8E-3</v>
      </c>
      <c r="R29" s="16">
        <v>1.8E-3</v>
      </c>
      <c r="S29" s="16">
        <v>1.8E-3</v>
      </c>
      <c r="T29" s="16">
        <v>1.8E-3</v>
      </c>
      <c r="U29" s="16">
        <v>1.8E-3</v>
      </c>
      <c r="V29" s="16">
        <v>1.8E-3</v>
      </c>
      <c r="W29" s="16">
        <v>1.8E-3</v>
      </c>
      <c r="X29" s="16">
        <v>1.8E-3</v>
      </c>
      <c r="Y29" s="16">
        <v>1.8E-3</v>
      </c>
      <c r="Z29" s="16">
        <v>1.8E-3</v>
      </c>
      <c r="AA29" s="36">
        <v>1.8E-3</v>
      </c>
      <c r="AB29">
        <v>24</v>
      </c>
      <c r="AC29">
        <v>25</v>
      </c>
      <c r="AD29">
        <v>26</v>
      </c>
      <c r="AE29">
        <v>27</v>
      </c>
      <c r="AF29">
        <v>28</v>
      </c>
      <c r="AG29">
        <v>29</v>
      </c>
      <c r="AH29">
        <v>30</v>
      </c>
      <c r="AI29">
        <v>31</v>
      </c>
      <c r="AJ29">
        <v>32</v>
      </c>
      <c r="AK29">
        <v>33</v>
      </c>
      <c r="AL29">
        <v>34</v>
      </c>
      <c r="AM29">
        <v>35</v>
      </c>
      <c r="AN29">
        <v>36</v>
      </c>
      <c r="AO29">
        <v>37</v>
      </c>
      <c r="AP29">
        <v>38</v>
      </c>
      <c r="AQ29">
        <v>39</v>
      </c>
      <c r="AR29">
        <v>40</v>
      </c>
      <c r="AS29">
        <v>41</v>
      </c>
      <c r="AT29">
        <v>42</v>
      </c>
      <c r="AU29">
        <v>43</v>
      </c>
      <c r="AV29">
        <v>44</v>
      </c>
      <c r="AW29">
        <v>45</v>
      </c>
      <c r="AX29">
        <v>46</v>
      </c>
      <c r="AY29">
        <v>47</v>
      </c>
      <c r="AZ29">
        <v>48</v>
      </c>
      <c r="BA29">
        <v>49</v>
      </c>
      <c r="BB29">
        <v>50</v>
      </c>
      <c r="BC29">
        <v>51</v>
      </c>
      <c r="BD29">
        <v>52</v>
      </c>
      <c r="BE29">
        <v>53</v>
      </c>
      <c r="BF29">
        <v>54</v>
      </c>
      <c r="BG29">
        <v>55</v>
      </c>
      <c r="BH29">
        <v>56</v>
      </c>
      <c r="BI29">
        <v>57</v>
      </c>
      <c r="BJ29">
        <v>58</v>
      </c>
      <c r="BK29">
        <v>59</v>
      </c>
      <c r="BL29">
        <v>60</v>
      </c>
      <c r="BM29">
        <v>61</v>
      </c>
      <c r="BN29">
        <v>62</v>
      </c>
      <c r="BO29">
        <v>63</v>
      </c>
      <c r="BP29">
        <v>64</v>
      </c>
      <c r="BQ29">
        <v>65</v>
      </c>
      <c r="BR29">
        <v>66</v>
      </c>
      <c r="BS29">
        <v>67</v>
      </c>
      <c r="BT29">
        <v>68</v>
      </c>
      <c r="BU29">
        <v>69</v>
      </c>
      <c r="BV29">
        <v>70</v>
      </c>
      <c r="BW29">
        <v>71</v>
      </c>
      <c r="BX29">
        <v>72</v>
      </c>
      <c r="BY29">
        <v>73</v>
      </c>
      <c r="BZ29">
        <v>74</v>
      </c>
      <c r="CA29">
        <v>75</v>
      </c>
      <c r="CB29">
        <v>76</v>
      </c>
      <c r="CC29">
        <v>77</v>
      </c>
      <c r="CD29">
        <v>78</v>
      </c>
      <c r="CE29">
        <v>79</v>
      </c>
      <c r="CF29">
        <v>80</v>
      </c>
      <c r="CG29">
        <v>81</v>
      </c>
      <c r="CH29">
        <v>82</v>
      </c>
      <c r="CI29">
        <v>83</v>
      </c>
      <c r="CJ29">
        <v>84</v>
      </c>
      <c r="CK29">
        <v>85</v>
      </c>
      <c r="CL29">
        <v>86</v>
      </c>
      <c r="CM29">
        <v>87</v>
      </c>
      <c r="CN29">
        <v>88</v>
      </c>
      <c r="CO29">
        <v>89</v>
      </c>
      <c r="CP29">
        <v>90</v>
      </c>
      <c r="CQ29">
        <v>91</v>
      </c>
      <c r="CR29">
        <v>92</v>
      </c>
      <c r="CS29">
        <v>93</v>
      </c>
      <c r="CT29">
        <v>94</v>
      </c>
      <c r="CU29">
        <v>95</v>
      </c>
      <c r="CV29">
        <v>96</v>
      </c>
      <c r="CW29">
        <v>97</v>
      </c>
      <c r="CX29">
        <v>98</v>
      </c>
      <c r="CY29">
        <v>99</v>
      </c>
      <c r="CZ29">
        <v>100</v>
      </c>
      <c r="DA29">
        <v>101</v>
      </c>
      <c r="DB29">
        <v>102</v>
      </c>
      <c r="DC29">
        <v>103</v>
      </c>
      <c r="DD29">
        <v>104</v>
      </c>
      <c r="DE29">
        <v>105</v>
      </c>
      <c r="DF29">
        <v>106</v>
      </c>
      <c r="DG29">
        <v>107</v>
      </c>
      <c r="DH29">
        <v>108</v>
      </c>
      <c r="DI29">
        <v>109</v>
      </c>
      <c r="DJ29">
        <v>110</v>
      </c>
      <c r="DK29">
        <v>111</v>
      </c>
      <c r="DL29">
        <v>112</v>
      </c>
      <c r="DM29">
        <v>113</v>
      </c>
      <c r="DN29">
        <v>114</v>
      </c>
      <c r="DO29">
        <v>115</v>
      </c>
      <c r="DP29">
        <v>116</v>
      </c>
      <c r="DQ29">
        <v>117</v>
      </c>
      <c r="DR29">
        <v>118</v>
      </c>
      <c r="DS29">
        <v>119</v>
      </c>
      <c r="DT29">
        <v>120</v>
      </c>
      <c r="DU29">
        <v>121</v>
      </c>
      <c r="DV29">
        <v>122</v>
      </c>
      <c r="DW29">
        <v>123</v>
      </c>
      <c r="DX29">
        <v>124</v>
      </c>
      <c r="DY29">
        <v>125</v>
      </c>
      <c r="DZ29">
        <v>126</v>
      </c>
      <c r="EA29">
        <v>127</v>
      </c>
      <c r="EB29">
        <v>128</v>
      </c>
      <c r="EC29">
        <v>129</v>
      </c>
      <c r="ED29">
        <v>130</v>
      </c>
      <c r="EE29">
        <v>131</v>
      </c>
      <c r="EF29">
        <v>132</v>
      </c>
      <c r="EG29">
        <v>133</v>
      </c>
      <c r="EH29">
        <v>134</v>
      </c>
      <c r="EI29">
        <v>135</v>
      </c>
      <c r="EJ29">
        <v>136</v>
      </c>
      <c r="EK29">
        <v>137</v>
      </c>
      <c r="EL29">
        <v>138</v>
      </c>
      <c r="EM29">
        <v>139</v>
      </c>
      <c r="EN29">
        <v>140</v>
      </c>
      <c r="EO29">
        <v>141</v>
      </c>
      <c r="EP29">
        <v>142</v>
      </c>
      <c r="EQ29">
        <v>143</v>
      </c>
      <c r="ER29">
        <v>144</v>
      </c>
      <c r="ES29">
        <v>145</v>
      </c>
      <c r="ET29">
        <v>146</v>
      </c>
      <c r="EU29">
        <v>147</v>
      </c>
      <c r="EV29">
        <v>148</v>
      </c>
      <c r="EW29">
        <v>149</v>
      </c>
      <c r="EX29">
        <v>150</v>
      </c>
      <c r="EY29">
        <v>151</v>
      </c>
      <c r="EZ29">
        <v>152</v>
      </c>
      <c r="FA29">
        <v>153</v>
      </c>
      <c r="FB29">
        <v>154</v>
      </c>
      <c r="FC29">
        <v>155</v>
      </c>
      <c r="FD29">
        <v>156</v>
      </c>
      <c r="FE29">
        <v>157</v>
      </c>
      <c r="FF29">
        <v>158</v>
      </c>
      <c r="FG29">
        <v>159</v>
      </c>
      <c r="FH29">
        <v>160</v>
      </c>
      <c r="FI29">
        <v>161</v>
      </c>
      <c r="FJ29">
        <v>162</v>
      </c>
      <c r="FK29">
        <v>163</v>
      </c>
      <c r="FL29">
        <v>164</v>
      </c>
      <c r="FM29">
        <v>165</v>
      </c>
      <c r="FN29">
        <v>166</v>
      </c>
      <c r="FO29">
        <v>167</v>
      </c>
      <c r="FP29">
        <v>168</v>
      </c>
    </row>
    <row r="30" spans="2:172" ht="14.4" customHeight="1" thickBot="1" x14ac:dyDescent="0.35">
      <c r="B30" s="173"/>
      <c r="C30" s="17">
        <v>7</v>
      </c>
      <c r="D30" s="37">
        <v>1.8E-3</v>
      </c>
      <c r="E30" s="38">
        <v>1.8E-3</v>
      </c>
      <c r="F30" s="38">
        <v>1.8E-3</v>
      </c>
      <c r="G30" s="38">
        <v>1.8E-3</v>
      </c>
      <c r="H30" s="38">
        <v>1.8E-3</v>
      </c>
      <c r="I30" s="38">
        <v>1.8E-3</v>
      </c>
      <c r="J30" s="38">
        <v>1.8E-3</v>
      </c>
      <c r="K30" s="38">
        <v>1.8E-3</v>
      </c>
      <c r="L30" s="38">
        <v>1.8E-3</v>
      </c>
      <c r="M30" s="38">
        <v>1.8E-3</v>
      </c>
      <c r="N30" s="38">
        <v>1.8E-3</v>
      </c>
      <c r="O30" s="38">
        <v>1.8E-3</v>
      </c>
      <c r="P30" s="38">
        <v>1.8E-3</v>
      </c>
      <c r="Q30" s="38">
        <v>1.8E-3</v>
      </c>
      <c r="R30" s="38">
        <v>1.8E-3</v>
      </c>
      <c r="S30" s="38">
        <v>1.8E-3</v>
      </c>
      <c r="T30" s="38">
        <v>1.8E-3</v>
      </c>
      <c r="U30" s="38">
        <v>1.8E-3</v>
      </c>
      <c r="V30" s="38">
        <v>1.8E-3</v>
      </c>
      <c r="W30" s="38">
        <v>1.8E-3</v>
      </c>
      <c r="X30" s="38">
        <v>1.8E-3</v>
      </c>
      <c r="Y30" s="38">
        <v>1.8E-3</v>
      </c>
      <c r="Z30" s="38">
        <v>1.8E-3</v>
      </c>
      <c r="AA30" s="39">
        <v>1.8E-3</v>
      </c>
      <c r="AB30">
        <f t="shared" ref="AB30:AY30" si="12">D25</f>
        <v>2.0999999999999999E-3</v>
      </c>
      <c r="AC30">
        <f t="shared" si="12"/>
        <v>3.2000000000000002E-3</v>
      </c>
      <c r="AD30">
        <f t="shared" si="12"/>
        <v>3.2000000000000002E-3</v>
      </c>
      <c r="AE30">
        <f t="shared" si="12"/>
        <v>3.2000000000000002E-3</v>
      </c>
      <c r="AF30">
        <f t="shared" si="12"/>
        <v>3.2000000000000002E-3</v>
      </c>
      <c r="AG30">
        <f t="shared" si="12"/>
        <v>3.2000000000000002E-3</v>
      </c>
      <c r="AH30">
        <f t="shared" si="12"/>
        <v>3.2000000000000002E-3</v>
      </c>
      <c r="AI30">
        <f t="shared" si="12"/>
        <v>1.3489999999999999E-2</v>
      </c>
      <c r="AJ30">
        <f t="shared" si="12"/>
        <v>1.5051999999999999E-2</v>
      </c>
      <c r="AK30">
        <f t="shared" si="12"/>
        <v>1.6614E-2</v>
      </c>
      <c r="AL30">
        <f t="shared" si="12"/>
        <v>1.6614E-2</v>
      </c>
      <c r="AM30">
        <f t="shared" si="12"/>
        <v>1.9879999999999998E-2</v>
      </c>
      <c r="AN30">
        <f t="shared" si="12"/>
        <v>1.9879999999999998E-2</v>
      </c>
      <c r="AO30">
        <f t="shared" si="12"/>
        <v>1.3205999999999999E-2</v>
      </c>
      <c r="AP30">
        <f t="shared" si="12"/>
        <v>1.9879999999999998E-2</v>
      </c>
      <c r="AQ30">
        <f t="shared" si="12"/>
        <v>1.9879999999999998E-2</v>
      </c>
      <c r="AR30">
        <f t="shared" si="12"/>
        <v>1.1715E-2</v>
      </c>
      <c r="AS30">
        <f t="shared" si="12"/>
        <v>5.0000000000000001E-3</v>
      </c>
      <c r="AT30">
        <f t="shared" si="12"/>
        <v>3.3E-3</v>
      </c>
      <c r="AU30">
        <f t="shared" si="12"/>
        <v>3.3E-3</v>
      </c>
      <c r="AV30">
        <f t="shared" si="12"/>
        <v>3.3E-3</v>
      </c>
      <c r="AW30">
        <f t="shared" si="12"/>
        <v>3.3E-3</v>
      </c>
      <c r="AX30">
        <f t="shared" si="12"/>
        <v>3.3E-3</v>
      </c>
      <c r="AY30">
        <f t="shared" si="12"/>
        <v>3.3E-3</v>
      </c>
      <c r="AZ30">
        <f t="shared" ref="AZ30:BW30" si="13">D26</f>
        <v>3.3E-3</v>
      </c>
      <c r="BA30">
        <f t="shared" si="13"/>
        <v>3.3E-3</v>
      </c>
      <c r="BB30">
        <f t="shared" si="13"/>
        <v>3.3E-3</v>
      </c>
      <c r="BC30">
        <f t="shared" si="13"/>
        <v>3.3E-3</v>
      </c>
      <c r="BD30">
        <f t="shared" si="13"/>
        <v>3.3E-3</v>
      </c>
      <c r="BE30">
        <f t="shared" si="13"/>
        <v>3.3E-3</v>
      </c>
      <c r="BF30">
        <f t="shared" si="13"/>
        <v>3.3E-3</v>
      </c>
      <c r="BG30">
        <f t="shared" si="13"/>
        <v>1.3489999999999999E-2</v>
      </c>
      <c r="BH30">
        <f t="shared" si="13"/>
        <v>1.5051999999999999E-2</v>
      </c>
      <c r="BI30">
        <f t="shared" si="13"/>
        <v>1.6614E-2</v>
      </c>
      <c r="BJ30">
        <f t="shared" si="13"/>
        <v>1.6614E-2</v>
      </c>
      <c r="BK30">
        <f t="shared" si="13"/>
        <v>1.9879999999999998E-2</v>
      </c>
      <c r="BL30">
        <f t="shared" si="13"/>
        <v>1.9879999999999998E-2</v>
      </c>
      <c r="BM30">
        <f t="shared" si="13"/>
        <v>1.3205999999999999E-2</v>
      </c>
      <c r="BN30">
        <f t="shared" si="13"/>
        <v>1.9879999999999998E-2</v>
      </c>
      <c r="BO30">
        <f t="shared" si="13"/>
        <v>1.9879999999999998E-2</v>
      </c>
      <c r="BP30">
        <f t="shared" si="13"/>
        <v>1.1715E-2</v>
      </c>
      <c r="BQ30">
        <f t="shared" si="13"/>
        <v>5.0000000000000001E-3</v>
      </c>
      <c r="BR30">
        <f t="shared" si="13"/>
        <v>3.3E-3</v>
      </c>
      <c r="BS30">
        <f t="shared" si="13"/>
        <v>3.3E-3</v>
      </c>
      <c r="BT30">
        <f t="shared" si="13"/>
        <v>3.3E-3</v>
      </c>
      <c r="BU30">
        <f t="shared" si="13"/>
        <v>3.3E-3</v>
      </c>
      <c r="BV30">
        <f t="shared" si="13"/>
        <v>3.3E-3</v>
      </c>
      <c r="BW30">
        <f t="shared" si="13"/>
        <v>3.3E-3</v>
      </c>
      <c r="BX30">
        <f t="shared" ref="BX30:CU30" si="14">D27</f>
        <v>3.3E-3</v>
      </c>
      <c r="BY30">
        <f t="shared" si="14"/>
        <v>3.3E-3</v>
      </c>
      <c r="BZ30">
        <f t="shared" si="14"/>
        <v>3.3E-3</v>
      </c>
      <c r="CA30">
        <f t="shared" si="14"/>
        <v>3.3E-3</v>
      </c>
      <c r="CB30">
        <f t="shared" si="14"/>
        <v>3.3E-3</v>
      </c>
      <c r="CC30">
        <f t="shared" si="14"/>
        <v>3.3E-3</v>
      </c>
      <c r="CD30">
        <f t="shared" si="14"/>
        <v>3.3E-3</v>
      </c>
      <c r="CE30">
        <f t="shared" si="14"/>
        <v>1.3489999999999999E-2</v>
      </c>
      <c r="CF30">
        <f t="shared" si="14"/>
        <v>1.5051999999999999E-2</v>
      </c>
      <c r="CG30">
        <f t="shared" si="14"/>
        <v>1.6614E-2</v>
      </c>
      <c r="CH30">
        <f t="shared" si="14"/>
        <v>1.6614E-2</v>
      </c>
      <c r="CI30">
        <f t="shared" si="14"/>
        <v>1.9879999999999998E-2</v>
      </c>
      <c r="CJ30">
        <f t="shared" si="14"/>
        <v>1.9879999999999998E-2</v>
      </c>
      <c r="CK30">
        <f t="shared" si="14"/>
        <v>1.3205999999999999E-2</v>
      </c>
      <c r="CL30">
        <f t="shared" si="14"/>
        <v>1.9879999999999998E-2</v>
      </c>
      <c r="CM30">
        <f t="shared" si="14"/>
        <v>1.9879999999999998E-2</v>
      </c>
      <c r="CN30">
        <f t="shared" si="14"/>
        <v>1.1715E-2</v>
      </c>
      <c r="CO30">
        <f t="shared" si="14"/>
        <v>5.0000000000000001E-3</v>
      </c>
      <c r="CP30">
        <f t="shared" si="14"/>
        <v>3.3E-3</v>
      </c>
      <c r="CQ30">
        <f t="shared" si="14"/>
        <v>3.3E-3</v>
      </c>
      <c r="CR30">
        <f t="shared" si="14"/>
        <v>3.3E-3</v>
      </c>
      <c r="CS30">
        <f t="shared" si="14"/>
        <v>3.3E-3</v>
      </c>
      <c r="CT30">
        <f t="shared" si="14"/>
        <v>3.3E-3</v>
      </c>
      <c r="CU30">
        <f t="shared" si="14"/>
        <v>3.3E-3</v>
      </c>
      <c r="CV30">
        <f t="shared" ref="CV30:DS30" si="15">D28</f>
        <v>3.3E-3</v>
      </c>
      <c r="CW30">
        <f t="shared" si="15"/>
        <v>2E-3</v>
      </c>
      <c r="CX30">
        <f t="shared" si="15"/>
        <v>2E-3</v>
      </c>
      <c r="CY30">
        <f t="shared" si="15"/>
        <v>2E-3</v>
      </c>
      <c r="CZ30">
        <f t="shared" si="15"/>
        <v>2E-3</v>
      </c>
      <c r="DA30">
        <f t="shared" si="15"/>
        <v>2E-3</v>
      </c>
      <c r="DB30">
        <f t="shared" si="15"/>
        <v>2E-3</v>
      </c>
      <c r="DC30">
        <f t="shared" si="15"/>
        <v>8.5199999999999998E-3</v>
      </c>
      <c r="DD30">
        <f t="shared" si="15"/>
        <v>1.065E-2</v>
      </c>
      <c r="DE30">
        <f t="shared" si="15"/>
        <v>1.1715E-2</v>
      </c>
      <c r="DF30">
        <f t="shared" si="15"/>
        <v>1.1715E-2</v>
      </c>
      <c r="DG30">
        <f t="shared" si="15"/>
        <v>1.3845E-2</v>
      </c>
      <c r="DH30">
        <f t="shared" si="15"/>
        <v>1.3845E-2</v>
      </c>
      <c r="DI30">
        <f t="shared" si="15"/>
        <v>9.5849999999999998E-3</v>
      </c>
      <c r="DJ30">
        <f t="shared" si="15"/>
        <v>1.3845E-2</v>
      </c>
      <c r="DK30">
        <f t="shared" si="15"/>
        <v>1.065E-2</v>
      </c>
      <c r="DL30">
        <f t="shared" si="15"/>
        <v>5.0000000000000001E-3</v>
      </c>
      <c r="DM30">
        <f t="shared" si="15"/>
        <v>3.3E-3</v>
      </c>
      <c r="DN30">
        <f t="shared" si="15"/>
        <v>2.0999999999999999E-3</v>
      </c>
      <c r="DO30">
        <f t="shared" si="15"/>
        <v>2E-3</v>
      </c>
      <c r="DP30">
        <f t="shared" si="15"/>
        <v>2E-3</v>
      </c>
      <c r="DQ30">
        <f t="shared" si="15"/>
        <v>2E-3</v>
      </c>
      <c r="DR30">
        <f t="shared" si="15"/>
        <v>2E-3</v>
      </c>
      <c r="DS30">
        <f t="shared" si="15"/>
        <v>2E-3</v>
      </c>
      <c r="DT30">
        <f t="shared" ref="DT30:EQ30" si="16">D29</f>
        <v>2E-3</v>
      </c>
      <c r="DU30">
        <f t="shared" si="16"/>
        <v>1.8E-3</v>
      </c>
      <c r="DV30">
        <f t="shared" si="16"/>
        <v>1.8E-3</v>
      </c>
      <c r="DW30">
        <f t="shared" si="16"/>
        <v>1.8E-3</v>
      </c>
      <c r="DX30">
        <f t="shared" si="16"/>
        <v>1.8E-3</v>
      </c>
      <c r="DY30">
        <f t="shared" si="16"/>
        <v>1.8E-3</v>
      </c>
      <c r="DZ30">
        <f t="shared" si="16"/>
        <v>1.8E-3</v>
      </c>
      <c r="EA30">
        <f t="shared" si="16"/>
        <v>1.8E-3</v>
      </c>
      <c r="EB30">
        <f t="shared" si="16"/>
        <v>1.8E-3</v>
      </c>
      <c r="EC30">
        <f t="shared" si="16"/>
        <v>1.8E-3</v>
      </c>
      <c r="ED30">
        <f t="shared" si="16"/>
        <v>1.8E-3</v>
      </c>
      <c r="EE30">
        <f t="shared" si="16"/>
        <v>1.8E-3</v>
      </c>
      <c r="EF30">
        <f t="shared" si="16"/>
        <v>1.8E-3</v>
      </c>
      <c r="EG30">
        <f t="shared" si="16"/>
        <v>1.8E-3</v>
      </c>
      <c r="EH30">
        <f t="shared" si="16"/>
        <v>1.8E-3</v>
      </c>
      <c r="EI30">
        <f t="shared" si="16"/>
        <v>1.8E-3</v>
      </c>
      <c r="EJ30">
        <f t="shared" si="16"/>
        <v>1.8E-3</v>
      </c>
      <c r="EK30">
        <f t="shared" si="16"/>
        <v>1.8E-3</v>
      </c>
      <c r="EL30">
        <f t="shared" si="16"/>
        <v>1.8E-3</v>
      </c>
      <c r="EM30">
        <f t="shared" si="16"/>
        <v>1.8E-3</v>
      </c>
      <c r="EN30">
        <f t="shared" si="16"/>
        <v>1.8E-3</v>
      </c>
      <c r="EO30">
        <f t="shared" si="16"/>
        <v>1.8E-3</v>
      </c>
      <c r="EP30">
        <f t="shared" si="16"/>
        <v>1.8E-3</v>
      </c>
      <c r="EQ30">
        <f t="shared" si="16"/>
        <v>1.8E-3</v>
      </c>
      <c r="ER30">
        <f t="shared" ref="ER30:FO30" si="17">D30</f>
        <v>1.8E-3</v>
      </c>
      <c r="ES30">
        <f t="shared" si="17"/>
        <v>1.8E-3</v>
      </c>
      <c r="ET30">
        <f t="shared" si="17"/>
        <v>1.8E-3</v>
      </c>
      <c r="EU30">
        <f t="shared" si="17"/>
        <v>1.8E-3</v>
      </c>
      <c r="EV30">
        <f t="shared" si="17"/>
        <v>1.8E-3</v>
      </c>
      <c r="EW30">
        <f t="shared" si="17"/>
        <v>1.8E-3</v>
      </c>
      <c r="EX30">
        <f t="shared" si="17"/>
        <v>1.8E-3</v>
      </c>
      <c r="EY30">
        <f t="shared" si="17"/>
        <v>1.8E-3</v>
      </c>
      <c r="EZ30">
        <f t="shared" si="17"/>
        <v>1.8E-3</v>
      </c>
      <c r="FA30">
        <f t="shared" si="17"/>
        <v>1.8E-3</v>
      </c>
      <c r="FB30">
        <f t="shared" si="17"/>
        <v>1.8E-3</v>
      </c>
      <c r="FC30">
        <f t="shared" si="17"/>
        <v>1.8E-3</v>
      </c>
      <c r="FD30">
        <f t="shared" si="17"/>
        <v>1.8E-3</v>
      </c>
      <c r="FE30">
        <f t="shared" si="17"/>
        <v>1.8E-3</v>
      </c>
      <c r="FF30">
        <f t="shared" si="17"/>
        <v>1.8E-3</v>
      </c>
      <c r="FG30">
        <f t="shared" si="17"/>
        <v>1.8E-3</v>
      </c>
      <c r="FH30">
        <f t="shared" si="17"/>
        <v>1.8E-3</v>
      </c>
      <c r="FI30">
        <f t="shared" si="17"/>
        <v>1.8E-3</v>
      </c>
      <c r="FJ30">
        <f t="shared" si="17"/>
        <v>1.8E-3</v>
      </c>
      <c r="FK30">
        <f t="shared" si="17"/>
        <v>1.8E-3</v>
      </c>
      <c r="FL30">
        <f t="shared" si="17"/>
        <v>1.8E-3</v>
      </c>
      <c r="FM30">
        <f t="shared" si="17"/>
        <v>1.8E-3</v>
      </c>
      <c r="FN30">
        <f t="shared" si="17"/>
        <v>1.8E-3</v>
      </c>
      <c r="FO30">
        <f t="shared" si="17"/>
        <v>1.8E-3</v>
      </c>
      <c r="FP30">
        <f>FO30</f>
        <v>1.8E-3</v>
      </c>
    </row>
    <row r="32" spans="2:172" x14ac:dyDescent="0.3">
      <c r="O32" s="171" t="s">
        <v>84</v>
      </c>
      <c r="P32" s="171"/>
      <c r="Q32" s="171"/>
      <c r="R32" s="171"/>
      <c r="S32" s="171"/>
      <c r="T32" s="171"/>
    </row>
    <row r="33" spans="2:33" ht="18" x14ac:dyDescent="0.35">
      <c r="B33" t="s">
        <v>9</v>
      </c>
      <c r="C33" s="16" t="s">
        <v>44</v>
      </c>
      <c r="D33" s="40" t="s">
        <v>50</v>
      </c>
      <c r="E33" s="40" t="s">
        <v>46</v>
      </c>
      <c r="F33" s="40" t="s">
        <v>47</v>
      </c>
      <c r="G33" s="40" t="s">
        <v>48</v>
      </c>
      <c r="H33" s="40" t="s">
        <v>49</v>
      </c>
      <c r="I33" s="40" t="s">
        <v>32</v>
      </c>
      <c r="J33" s="40" t="s">
        <v>33</v>
      </c>
      <c r="K33" s="40" t="s">
        <v>34</v>
      </c>
      <c r="L33" s="40" t="s">
        <v>35</v>
      </c>
      <c r="M33" s="40" t="s">
        <v>36</v>
      </c>
      <c r="N33" s="45" t="s">
        <v>52</v>
      </c>
      <c r="O33" s="91" t="s">
        <v>32</v>
      </c>
      <c r="P33" s="91" t="s">
        <v>33</v>
      </c>
      <c r="Q33" s="91" t="s">
        <v>34</v>
      </c>
      <c r="R33" s="91" t="s">
        <v>35</v>
      </c>
      <c r="S33" s="91" t="s">
        <v>36</v>
      </c>
      <c r="T33" s="91" t="s">
        <v>52</v>
      </c>
      <c r="V33" s="91"/>
      <c r="W33" s="91"/>
      <c r="X33" s="91"/>
    </row>
    <row r="34" spans="2:33" x14ac:dyDescent="0.3">
      <c r="B34">
        <f>WEEKDAY(N34,2)</f>
        <v>1</v>
      </c>
      <c r="C34" s="16" cm="1">
        <f t="array" ref="C34:C8793">_xlfn.SEQUENCE(8760,1,0,1)</f>
        <v>0</v>
      </c>
      <c r="D34" cm="1">
        <f t="array" ref="D34">IFERROR(INDEX(Jesper!AH$2:AH$366,ROUNDDOWN($C34/24,0)+1,1)*INDEX($D$3:$AA$30,INDEX(Jesper!$R$2:$R$366,ROW(INDEX(Jesper!AH$2:AH$366,ROUNDDOWN($C34/24,0)+1,1))-1)+IF('Standard Profiles'!$G$18=$B$10,7,0)+IF('Standard Profiles'!$G$18=$B$17,14,0)+IF('Standard Profiles'!$G$18=$B$24,21,0),MOD($C34,24)+1)/SUM(INDEX($D$3:$AA$30,INDEX(Jesper!$R$2:$R$366,ROW(INDEX(Jesper!AH$2:AH$366,ROUNDDOWN($C34/24,0)+1,1))-1)+IF('Standard Profiles'!$G$18=$B$10,7,0)+IF('Standard Profiles'!$G$18=$B$17,14,0)+IF('Standard Profiles'!$G$18=$B$24,21,0),0)),0)</f>
        <v>2.7743858883561785</v>
      </c>
      <c r="E34" cm="1">
        <f t="array" ref="E34">IFERROR(INDEX(Jesper!AI$2:AI$366,ROUNDDOWN($C34/24,0)+1,1)*INDEX($D$3:$AA$30,INDEX(Jesper!$R$2:$R$366,ROW(INDEX(Jesper!AI$2:AI$366,ROUNDDOWN($C34/24,0)+1,1))-1)+IF('Standard Profiles'!$G$19=$B$10,7,0)+IF('Standard Profiles'!$G$19=$B$17,14,0)+IF('Standard Profiles'!$G$19=$B$24,21,0),MOD($C34,24)+1)/SUM(INDEX($D$3:$AA$30,INDEX(Jesper!$R$2:$R$366,ROW(INDEX(Jesper!AI$2:AI$366,ROUNDDOWN($C34/24,0)+1,1))-1)+IF('Standard Profiles'!$G$19=$B$10,7,0)+IF('Standard Profiles'!$G$19=$B$17,14,0)+IF('Standard Profiles'!$G$19=$B$24,21,0),0)),0)</f>
        <v>0</v>
      </c>
      <c r="F34" cm="1">
        <f t="array" ref="F34">IFERROR(INDEX(Jesper!AJ$2:AJ$366,ROUNDDOWN($C34/24,0)+1,1)*INDEX($D$3:$AA$30,INDEX(Jesper!$R$2:$R$366,ROW(INDEX(Jesper!AJ$2:AJ$366,ROUNDDOWN($C34/24,0)+1,1))-1)+IF('Standard Profiles'!$G$20=$B$10,7,0)+IF('Standard Profiles'!$G$20=$B$17,14,0)+IF('Standard Profiles'!$G$20=$B$24,21,0),MOD($C34,24)+1)/SUM(INDEX($D$3:$AA$30,INDEX(Jesper!$R$2:$R$366,ROW(INDEX(Jesper!AJ$2:AJ$366,ROUNDDOWN($C34/24,0)+1,1))-1)+IF('Standard Profiles'!$G$20=$B$10,7,0)+IF('Standard Profiles'!$G$20=$B$17,14,0)+IF('Standard Profiles'!$G$20=$B$24,21,0),0)),0)</f>
        <v>0</v>
      </c>
      <c r="G34" cm="1">
        <f t="array" ref="G34">IFERROR(INDEX(Jesper!AK$2:AK$366,ROUNDDOWN($C34/24,0)+1,1)*INDEX($D$3:$AA$30,INDEX(Jesper!$R$2:$R$366,ROW(INDEX(Jesper!AK$2:AK$366,ROUNDDOWN($C34/24,0)+1,1))-1)+IF('Standard Profiles'!$G$21=$B$10,7,0)+IF('Standard Profiles'!$G$21=$B$17,14,0)+IF('Standard Profiles'!$G$21=$B$24,21,0),MOD($C34,24)+1)/SUM(INDEX($D$3:$AA$30,INDEX(Jesper!$R$2:$R$366,ROW(INDEX(Jesper!AK$2:AK$366,ROUNDDOWN($C34/24,0)+1,1))-1)+IF('Standard Profiles'!$G$21=$B$10,7,0)+IF('Standard Profiles'!$G$21=$B$17,14,0)+IF('Standard Profiles'!$G$21=$B$24,21,0),0)),0)</f>
        <v>0</v>
      </c>
      <c r="H34" cm="1">
        <f t="array" ref="H34">IFERROR(INDEX(Jesper!AL$2:AL$366,ROUNDDOWN($C34/24,0)+1,1)*INDEX($D$3:$AA$30,INDEX(Jesper!$R$2:$R$366,ROW(INDEX(Jesper!AL$2:AL$366,ROUNDDOWN($C34/24,0)+1,1))-1)+IF('Standard Profiles'!$G$22=$B$10,7,0)+IF('Standard Profiles'!$G$22=$B$17,14,0)+IF('Standard Profiles'!$G$22=$B$24,21,0),MOD($C34,24)+1)/SUM(INDEX($D$3:$AA$30,INDEX(Jesper!$R$2:$R$366,ROW(INDEX(Jesper!AL$2:AL$366,ROUNDDOWN($C34/24,0)+1,1))-1)+IF('Standard Profiles'!$G$22=$B$10,7,0)+IF('Standard Profiles'!$G$22=$B$17,14,0)+IF('Standard Profiles'!$G$22=$B$24,21,0),0)),0)</f>
        <v>0</v>
      </c>
      <c r="I34">
        <f>IF($B34&lt;6,AC$37*$D34+AC$38*$E34+AC$39*$F34+AC$40*$G34,AC$46*$D34+AC$47*$E34+AC$48*$F34+AC$49*$G34+AC$50*$H34)</f>
        <v>8.3231576650685354E-2</v>
      </c>
      <c r="J34">
        <f>IF($B34&lt;6,AD$37*$D34+AD$38*$E34+AD$39*$F34+AD$40*$G34,AD$46*$D34+AD$47*$E34+AD$48*$F34+AD$49*$G34+AD$50*$H34)</f>
        <v>0.27743858883561784</v>
      </c>
      <c r="K34">
        <f>IF($B34&lt;6,AE$37*$D34+AE$38*$E34+AE$39*$F34+AE$40*$G34,AE$46*$D34+AE$47*$E34+AE$48*$F34+AE$49*$G34+AE$50*$H34)</f>
        <v>0.41615788325342679</v>
      </c>
      <c r="L34">
        <f t="shared" ref="L34:M34" si="18">IF($B34&lt;6,AF$37*$D34+AF$38*$E34+AF$39*$F34+AF$40*$G34,AF$46*$D34+AF$47*$E34+AF$48*$F34+AF$49*$G34+AF$50*$H34)</f>
        <v>1.9975578396164484</v>
      </c>
      <c r="M34">
        <f t="shared" si="18"/>
        <v>0</v>
      </c>
      <c r="N34" s="46">
        <f>DATE(Input!$D$13,1,1)</f>
        <v>45292</v>
      </c>
      <c r="O34" cm="1">
        <f t="array" ref="O34:O201">IFERROR(INDEX(I34:I8793,_xlfn.SEQUENCE(7*24,1,(Input!$D$25-1)*7*24+1)),_xlfn.SEQUENCE(7*24-1,1,0,0))</f>
        <v>8.2195133389656949E-2</v>
      </c>
      <c r="P34" cm="1">
        <f t="array" ref="P34:P201">IFERROR(INDEX(J34:J8793,_xlfn.SEQUENCE(7*24,1,(Input!$D$25-1)*7*24+1)),_xlfn.SEQUENCE(7*24-1,1,0,0))</f>
        <v>0.27398377796552315</v>
      </c>
      <c r="Q34" cm="1">
        <f t="array" ref="Q34:Q201">IFERROR(INDEX(K34:K8793,_xlfn.SEQUENCE(7*24,1,(Input!$D$25-1)*7*24+1)),_xlfn.SEQUENCE(7*24-1,1,0,0))</f>
        <v>0.41097566694828475</v>
      </c>
      <c r="R34" cm="1">
        <f t="array" ref="R34:R201">IFERROR(INDEX(L34:L8793,_xlfn.SEQUENCE(7*24,1,(Input!$D$25-1)*7*24+1)),_xlfn.SEQUENCE(7*24-1,1,0,0))</f>
        <v>1.9726832013517666</v>
      </c>
      <c r="S34" cm="1">
        <f t="array" ref="S34:S201">IFERROR(INDEX(M34:M8793,_xlfn.SEQUENCE(7*24,1,(Input!$D$25-1)*7*24+1)),_xlfn.SEQUENCE(7*24-1,1,0,0))</f>
        <v>0</v>
      </c>
      <c r="T34" s="46" cm="1">
        <f t="array" ref="T34:T201">IFERROR(INDEX(N34:N8793,_xlfn.SEQUENCE(7*24,1,(Input!$D$25-1)*7*24+1)),_xlfn.SEQUENCE(7*24-1,1,0,0))</f>
        <v>45634.999999980035</v>
      </c>
      <c r="AB34" t="str">
        <f>Jesper!AT19</f>
        <v>Temperature-Cluster Distribution - working days</v>
      </c>
    </row>
    <row r="35" spans="2:33" x14ac:dyDescent="0.3">
      <c r="B35">
        <f t="shared" ref="B35:B98" si="19">WEEKDAY(N35,2)</f>
        <v>1</v>
      </c>
      <c r="C35" s="16">
        <v>1</v>
      </c>
      <c r="D35" cm="1">
        <f t="array" ref="D35">IFERROR(INDEX(Jesper!AH$2:AH$366,ROUNDDOWN($C35/24,0)+1,1)*INDEX($D$3:$AA$30,INDEX(Jesper!$R$2:$R$366,ROW(INDEX(Jesper!AH$2:AH$366,ROUNDDOWN($C35/24,0)+1,1))-1)+IF('Standard Profiles'!$G$18=$B$10,7,0)+IF('Standard Profiles'!$G$18=$B$17,14,0)+IF('Standard Profiles'!$G$18=$B$24,21,0),MOD($C35,24)+1)/SUM(INDEX($D$3:$AA$30,INDEX(Jesper!$R$2:$R$366,ROW(INDEX(Jesper!AH$2:AH$366,ROUNDDOWN($C35/24,0)+1,1))-1)+IF('Standard Profiles'!$G$18=$B$10,7,0)+IF('Standard Profiles'!$G$18=$B$17,14,0)+IF('Standard Profiles'!$G$18=$B$24,21,0),0)),0)</f>
        <v>2.7743858883561785</v>
      </c>
      <c r="E35" cm="1">
        <f t="array" ref="E35">IFERROR(INDEX(Jesper!AI$2:AI$366,ROUNDDOWN($C35/24,0)+1,1)*INDEX($D$3:$AA$30,INDEX(Jesper!$R$2:$R$366,ROW(INDEX(Jesper!AI$2:AI$366,ROUNDDOWN($C35/24,0)+1,1))-1)+IF('Standard Profiles'!$G$19=$B$10,7,0)+IF('Standard Profiles'!$G$19=$B$17,14,0)+IF('Standard Profiles'!$G$19=$B$24,21,0),MOD($C35,24)+1)/SUM(INDEX($D$3:$AA$30,INDEX(Jesper!$R$2:$R$366,ROW(INDEX(Jesper!AI$2:AI$366,ROUNDDOWN($C35/24,0)+1,1))-1)+IF('Standard Profiles'!$G$19=$B$10,7,0)+IF('Standard Profiles'!$G$19=$B$17,14,0)+IF('Standard Profiles'!$G$19=$B$24,21,0),0)),0)</f>
        <v>0</v>
      </c>
      <c r="F35" cm="1">
        <f t="array" ref="F35">IFERROR(INDEX(Jesper!AJ$2:AJ$366,ROUNDDOWN($C35/24,0)+1,1)*INDEX($D$3:$AA$30,INDEX(Jesper!$R$2:$R$366,ROW(INDEX(Jesper!AJ$2:AJ$366,ROUNDDOWN($C35/24,0)+1,1))-1)+IF('Standard Profiles'!$G$20=$B$10,7,0)+IF('Standard Profiles'!$G$20=$B$17,14,0)+IF('Standard Profiles'!$G$20=$B$24,21,0),MOD($C35,24)+1)/SUM(INDEX($D$3:$AA$30,INDEX(Jesper!$R$2:$R$366,ROW(INDEX(Jesper!AJ$2:AJ$366,ROUNDDOWN($C35/24,0)+1,1))-1)+IF('Standard Profiles'!$G$20=$B$10,7,0)+IF('Standard Profiles'!$G$20=$B$17,14,0)+IF('Standard Profiles'!$G$20=$B$24,21,0),0)),0)</f>
        <v>0</v>
      </c>
      <c r="G35" cm="1">
        <f t="array" ref="G35">IFERROR(INDEX(Jesper!AK$2:AK$366,ROUNDDOWN($C35/24,0)+1,1)*INDEX($D$3:$AA$30,INDEX(Jesper!$R$2:$R$366,ROW(INDEX(Jesper!AK$2:AK$366,ROUNDDOWN($C35/24,0)+1,1))-1)+IF('Standard Profiles'!$G$21=$B$10,7,0)+IF('Standard Profiles'!$G$21=$B$17,14,0)+IF('Standard Profiles'!$G$21=$B$24,21,0),MOD($C35,24)+1)/SUM(INDEX($D$3:$AA$30,INDEX(Jesper!$R$2:$R$366,ROW(INDEX(Jesper!AK$2:AK$366,ROUNDDOWN($C35/24,0)+1,1))-1)+IF('Standard Profiles'!$G$21=$B$10,7,0)+IF('Standard Profiles'!$G$21=$B$17,14,0)+IF('Standard Profiles'!$G$21=$B$24,21,0),0)),0)</f>
        <v>0</v>
      </c>
      <c r="H35" cm="1">
        <f t="array" ref="H35">IFERROR(INDEX(Jesper!AL$2:AL$366,ROUNDDOWN($C35/24,0)+1,1)*INDEX($D$3:$AA$30,INDEX(Jesper!$R$2:$R$366,ROW(INDEX(Jesper!AL$2:AL$366,ROUNDDOWN($C35/24,0)+1,1))-1)+IF('Standard Profiles'!$G$22=$B$10,7,0)+IF('Standard Profiles'!$G$22=$B$17,14,0)+IF('Standard Profiles'!$G$22=$B$24,21,0),MOD($C35,24)+1)/SUM(INDEX($D$3:$AA$30,INDEX(Jesper!$R$2:$R$366,ROW(INDEX(Jesper!AL$2:AL$366,ROUNDDOWN($C35/24,0)+1,1))-1)+IF('Standard Profiles'!$G$22=$B$10,7,0)+IF('Standard Profiles'!$G$22=$B$17,14,0)+IF('Standard Profiles'!$G$22=$B$24,21,0),0)),0)</f>
        <v>0</v>
      </c>
      <c r="I35">
        <f t="shared" ref="I35:I98" si="20">IF($B35&lt;6,AC$37*$D35+AC$38*$E35+AC$39*$F35+AC$40*$G35,AC$46*$D35+AC$47*$E35+AC$48*$F35+AC$49*$G35+AC$50*$H35)</f>
        <v>8.3231576650685354E-2</v>
      </c>
      <c r="J35">
        <f t="shared" ref="J35:J98" si="21">IF($B35&lt;6,AD$37*$D35+AD$38*$E35+AD$39*$F35+AD$40*$G35,AD$46*$D35+AD$47*$E35+AD$48*$F35+AD$49*$G35+AD$50*$H35)</f>
        <v>0.27743858883561784</v>
      </c>
      <c r="K35">
        <f t="shared" ref="K35:K98" si="22">IF($B35&lt;6,AE$37*$D35+AE$38*$E35+AE$39*$F35+AE$40*$G35,AE$46*$D35+AE$47*$E35+AE$48*$F35+AE$49*$G35+AE$50*$H35)</f>
        <v>0.41615788325342679</v>
      </c>
      <c r="L35">
        <f t="shared" ref="L35:L98" si="23">IF($B35&lt;6,AF$37*$D35+AF$38*$E35+AF$39*$F35+AF$40*$G35,AF$46*$D35+AF$47*$E35+AF$48*$F35+AF$49*$G35+AF$50*$H35)</f>
        <v>1.9975578396164484</v>
      </c>
      <c r="M35">
        <f t="shared" ref="M35:M98" si="24">IF($B35&lt;6,AG$37*$D35+AG$38*$E35+AG$39*$F35+AG$40*$G35,AG$46*$D35+AG$47*$E35+AG$48*$F35+AG$49*$G35+AG$50*$H35)</f>
        <v>0</v>
      </c>
      <c r="N35" s="46">
        <f>N34+1/24</f>
        <v>45292.041666666664</v>
      </c>
      <c r="O35">
        <v>8.2195133389656949E-2</v>
      </c>
      <c r="P35">
        <v>0.27398377796552315</v>
      </c>
      <c r="Q35">
        <v>0.41097566694828475</v>
      </c>
      <c r="R35">
        <v>1.9726832013517666</v>
      </c>
      <c r="S35">
        <v>0</v>
      </c>
      <c r="T35" s="46">
        <v>45635.041666646699</v>
      </c>
    </row>
    <row r="36" spans="2:33" x14ac:dyDescent="0.3">
      <c r="B36">
        <f t="shared" si="19"/>
        <v>1</v>
      </c>
      <c r="C36" s="16">
        <v>2</v>
      </c>
      <c r="D36" cm="1">
        <f t="array" ref="D36">IFERROR(INDEX(Jesper!AH$2:AH$366,ROUNDDOWN($C36/24,0)+1,1)*INDEX($D$3:$AA$30,INDEX(Jesper!$R$2:$R$366,ROW(INDEX(Jesper!AH$2:AH$366,ROUNDDOWN($C36/24,0)+1,1))-1)+IF('Standard Profiles'!$G$18=$B$10,7,0)+IF('Standard Profiles'!$G$18=$B$17,14,0)+IF('Standard Profiles'!$G$18=$B$24,21,0),MOD($C36,24)+1)/SUM(INDEX($D$3:$AA$30,INDEX(Jesper!$R$2:$R$366,ROW(INDEX(Jesper!AH$2:AH$366,ROUNDDOWN($C36/24,0)+1,1))-1)+IF('Standard Profiles'!$G$18=$B$10,7,0)+IF('Standard Profiles'!$G$18=$B$17,14,0)+IF('Standard Profiles'!$G$18=$B$24,21,0),0)),0)</f>
        <v>2.7743858883561785</v>
      </c>
      <c r="E36" cm="1">
        <f t="array" ref="E36">IFERROR(INDEX(Jesper!AI$2:AI$366,ROUNDDOWN($C36/24,0)+1,1)*INDEX($D$3:$AA$30,INDEX(Jesper!$R$2:$R$366,ROW(INDEX(Jesper!AI$2:AI$366,ROUNDDOWN($C36/24,0)+1,1))-1)+IF('Standard Profiles'!$G$19=$B$10,7,0)+IF('Standard Profiles'!$G$19=$B$17,14,0)+IF('Standard Profiles'!$G$19=$B$24,21,0),MOD($C36,24)+1)/SUM(INDEX($D$3:$AA$30,INDEX(Jesper!$R$2:$R$366,ROW(INDEX(Jesper!AI$2:AI$366,ROUNDDOWN($C36/24,0)+1,1))-1)+IF('Standard Profiles'!$G$19=$B$10,7,0)+IF('Standard Profiles'!$G$19=$B$17,14,0)+IF('Standard Profiles'!$G$19=$B$24,21,0),0)),0)</f>
        <v>0</v>
      </c>
      <c r="F36" cm="1">
        <f t="array" ref="F36">IFERROR(INDEX(Jesper!AJ$2:AJ$366,ROUNDDOWN($C36/24,0)+1,1)*INDEX($D$3:$AA$30,INDEX(Jesper!$R$2:$R$366,ROW(INDEX(Jesper!AJ$2:AJ$366,ROUNDDOWN($C36/24,0)+1,1))-1)+IF('Standard Profiles'!$G$20=$B$10,7,0)+IF('Standard Profiles'!$G$20=$B$17,14,0)+IF('Standard Profiles'!$G$20=$B$24,21,0),MOD($C36,24)+1)/SUM(INDEX($D$3:$AA$30,INDEX(Jesper!$R$2:$R$366,ROW(INDEX(Jesper!AJ$2:AJ$366,ROUNDDOWN($C36/24,0)+1,1))-1)+IF('Standard Profiles'!$G$20=$B$10,7,0)+IF('Standard Profiles'!$G$20=$B$17,14,0)+IF('Standard Profiles'!$G$20=$B$24,21,0),0)),0)</f>
        <v>0</v>
      </c>
      <c r="G36" cm="1">
        <f t="array" ref="G36">IFERROR(INDEX(Jesper!AK$2:AK$366,ROUNDDOWN($C36/24,0)+1,1)*INDEX($D$3:$AA$30,INDEX(Jesper!$R$2:$R$366,ROW(INDEX(Jesper!AK$2:AK$366,ROUNDDOWN($C36/24,0)+1,1))-1)+IF('Standard Profiles'!$G$21=$B$10,7,0)+IF('Standard Profiles'!$G$21=$B$17,14,0)+IF('Standard Profiles'!$G$21=$B$24,21,0),MOD($C36,24)+1)/SUM(INDEX($D$3:$AA$30,INDEX(Jesper!$R$2:$R$366,ROW(INDEX(Jesper!AK$2:AK$366,ROUNDDOWN($C36/24,0)+1,1))-1)+IF('Standard Profiles'!$G$21=$B$10,7,0)+IF('Standard Profiles'!$G$21=$B$17,14,0)+IF('Standard Profiles'!$G$21=$B$24,21,0),0)),0)</f>
        <v>0</v>
      </c>
      <c r="H36" cm="1">
        <f t="array" ref="H36">IFERROR(INDEX(Jesper!AL$2:AL$366,ROUNDDOWN($C36/24,0)+1,1)*INDEX($D$3:$AA$30,INDEX(Jesper!$R$2:$R$366,ROW(INDEX(Jesper!AL$2:AL$366,ROUNDDOWN($C36/24,0)+1,1))-1)+IF('Standard Profiles'!$G$22=$B$10,7,0)+IF('Standard Profiles'!$G$22=$B$17,14,0)+IF('Standard Profiles'!$G$22=$B$24,21,0),MOD($C36,24)+1)/SUM(INDEX($D$3:$AA$30,INDEX(Jesper!$R$2:$R$366,ROW(INDEX(Jesper!AL$2:AL$366,ROUNDDOWN($C36/24,0)+1,1))-1)+IF('Standard Profiles'!$G$22=$B$10,7,0)+IF('Standard Profiles'!$G$22=$B$17,14,0)+IF('Standard Profiles'!$G$22=$B$24,21,0),0)),0)</f>
        <v>0</v>
      </c>
      <c r="I36">
        <f t="shared" si="20"/>
        <v>8.3231576650685354E-2</v>
      </c>
      <c r="J36">
        <f t="shared" si="21"/>
        <v>0.27743858883561784</v>
      </c>
      <c r="K36">
        <f t="shared" si="22"/>
        <v>0.41615788325342679</v>
      </c>
      <c r="L36">
        <f t="shared" si="23"/>
        <v>1.9975578396164484</v>
      </c>
      <c r="M36">
        <f t="shared" si="24"/>
        <v>0</v>
      </c>
      <c r="N36" s="46">
        <f t="shared" ref="N36:N99" si="25">N35+1/24</f>
        <v>45292.083333333328</v>
      </c>
      <c r="O36">
        <v>8.2195133389656949E-2</v>
      </c>
      <c r="P36">
        <v>0.27398377796552315</v>
      </c>
      <c r="Q36">
        <v>0.41097566694828475</v>
      </c>
      <c r="R36">
        <v>1.9726832013517666</v>
      </c>
      <c r="S36">
        <v>0</v>
      </c>
      <c r="T36" s="46">
        <v>45635.083333313363</v>
      </c>
      <c r="AB36" s="16" t="str">
        <f>Jesper!AT21</f>
        <v>C</v>
      </c>
      <c r="AC36" s="16" t="str">
        <f>Jesper!AU21</f>
        <v>T1</v>
      </c>
      <c r="AD36" s="16" t="str">
        <f>Jesper!AV21</f>
        <v>T2</v>
      </c>
      <c r="AE36" s="16" t="str">
        <f>Jesper!AW21</f>
        <v>T3</v>
      </c>
      <c r="AF36" s="16" t="str">
        <f>Jesper!AX21</f>
        <v>T4</v>
      </c>
      <c r="AG36" s="16" t="str">
        <f>Jesper!AY21</f>
        <v>T5</v>
      </c>
    </row>
    <row r="37" spans="2:33" x14ac:dyDescent="0.3">
      <c r="B37">
        <f t="shared" si="19"/>
        <v>1</v>
      </c>
      <c r="C37" s="16">
        <v>3</v>
      </c>
      <c r="D37" cm="1">
        <f t="array" ref="D37">IFERROR(INDEX(Jesper!AH$2:AH$366,ROUNDDOWN($C37/24,0)+1,1)*INDEX($D$3:$AA$30,INDEX(Jesper!$R$2:$R$366,ROW(INDEX(Jesper!AH$2:AH$366,ROUNDDOWN($C37/24,0)+1,1))-1)+IF('Standard Profiles'!$G$18=$B$10,7,0)+IF('Standard Profiles'!$G$18=$B$17,14,0)+IF('Standard Profiles'!$G$18=$B$24,21,0),MOD($C37,24)+1)/SUM(INDEX($D$3:$AA$30,INDEX(Jesper!$R$2:$R$366,ROW(INDEX(Jesper!AH$2:AH$366,ROUNDDOWN($C37/24,0)+1,1))-1)+IF('Standard Profiles'!$G$18=$B$10,7,0)+IF('Standard Profiles'!$G$18=$B$17,14,0)+IF('Standard Profiles'!$G$18=$B$24,21,0),0)),0)</f>
        <v>2.7743858883561785</v>
      </c>
      <c r="E37" cm="1">
        <f t="array" ref="E37">IFERROR(INDEX(Jesper!AI$2:AI$366,ROUNDDOWN($C37/24,0)+1,1)*INDEX($D$3:$AA$30,INDEX(Jesper!$R$2:$R$366,ROW(INDEX(Jesper!AI$2:AI$366,ROUNDDOWN($C37/24,0)+1,1))-1)+IF('Standard Profiles'!$G$19=$B$10,7,0)+IF('Standard Profiles'!$G$19=$B$17,14,0)+IF('Standard Profiles'!$G$19=$B$24,21,0),MOD($C37,24)+1)/SUM(INDEX($D$3:$AA$30,INDEX(Jesper!$R$2:$R$366,ROW(INDEX(Jesper!AI$2:AI$366,ROUNDDOWN($C37/24,0)+1,1))-1)+IF('Standard Profiles'!$G$19=$B$10,7,0)+IF('Standard Profiles'!$G$19=$B$17,14,0)+IF('Standard Profiles'!$G$19=$B$24,21,0),0)),0)</f>
        <v>0</v>
      </c>
      <c r="F37" cm="1">
        <f t="array" ref="F37">IFERROR(INDEX(Jesper!AJ$2:AJ$366,ROUNDDOWN($C37/24,0)+1,1)*INDEX($D$3:$AA$30,INDEX(Jesper!$R$2:$R$366,ROW(INDEX(Jesper!AJ$2:AJ$366,ROUNDDOWN($C37/24,0)+1,1))-1)+IF('Standard Profiles'!$G$20=$B$10,7,0)+IF('Standard Profiles'!$G$20=$B$17,14,0)+IF('Standard Profiles'!$G$20=$B$24,21,0),MOD($C37,24)+1)/SUM(INDEX($D$3:$AA$30,INDEX(Jesper!$R$2:$R$366,ROW(INDEX(Jesper!AJ$2:AJ$366,ROUNDDOWN($C37/24,0)+1,1))-1)+IF('Standard Profiles'!$G$20=$B$10,7,0)+IF('Standard Profiles'!$G$20=$B$17,14,0)+IF('Standard Profiles'!$G$20=$B$24,21,0),0)),0)</f>
        <v>0</v>
      </c>
      <c r="G37" cm="1">
        <f t="array" ref="G37">IFERROR(INDEX(Jesper!AK$2:AK$366,ROUNDDOWN($C37/24,0)+1,1)*INDEX($D$3:$AA$30,INDEX(Jesper!$R$2:$R$366,ROW(INDEX(Jesper!AK$2:AK$366,ROUNDDOWN($C37/24,0)+1,1))-1)+IF('Standard Profiles'!$G$21=$B$10,7,0)+IF('Standard Profiles'!$G$21=$B$17,14,0)+IF('Standard Profiles'!$G$21=$B$24,21,0),MOD($C37,24)+1)/SUM(INDEX($D$3:$AA$30,INDEX(Jesper!$R$2:$R$366,ROW(INDEX(Jesper!AK$2:AK$366,ROUNDDOWN($C37/24,0)+1,1))-1)+IF('Standard Profiles'!$G$21=$B$10,7,0)+IF('Standard Profiles'!$G$21=$B$17,14,0)+IF('Standard Profiles'!$G$21=$B$24,21,0),0)),0)</f>
        <v>0</v>
      </c>
      <c r="H37" cm="1">
        <f t="array" ref="H37">IFERROR(INDEX(Jesper!AL$2:AL$366,ROUNDDOWN($C37/24,0)+1,1)*INDEX($D$3:$AA$30,INDEX(Jesper!$R$2:$R$366,ROW(INDEX(Jesper!AL$2:AL$366,ROUNDDOWN($C37/24,0)+1,1))-1)+IF('Standard Profiles'!$G$22=$B$10,7,0)+IF('Standard Profiles'!$G$22=$B$17,14,0)+IF('Standard Profiles'!$G$22=$B$24,21,0),MOD($C37,24)+1)/SUM(INDEX($D$3:$AA$30,INDEX(Jesper!$R$2:$R$366,ROW(INDEX(Jesper!AL$2:AL$366,ROUNDDOWN($C37/24,0)+1,1))-1)+IF('Standard Profiles'!$G$22=$B$10,7,0)+IF('Standard Profiles'!$G$22=$B$17,14,0)+IF('Standard Profiles'!$G$22=$B$24,21,0),0)),0)</f>
        <v>0</v>
      </c>
      <c r="I37">
        <f t="shared" si="20"/>
        <v>8.3231576650685354E-2</v>
      </c>
      <c r="J37">
        <f t="shared" si="21"/>
        <v>0.27743858883561784</v>
      </c>
      <c r="K37">
        <f t="shared" si="22"/>
        <v>0.41615788325342679</v>
      </c>
      <c r="L37">
        <f t="shared" si="23"/>
        <v>1.9975578396164484</v>
      </c>
      <c r="M37">
        <f t="shared" si="24"/>
        <v>0</v>
      </c>
      <c r="N37" s="46">
        <f t="shared" si="25"/>
        <v>45292.124999999993</v>
      </c>
      <c r="O37">
        <v>8.2195133389656949E-2</v>
      </c>
      <c r="P37">
        <v>0.27398377796552315</v>
      </c>
      <c r="Q37">
        <v>0.41097566694828475</v>
      </c>
      <c r="R37">
        <v>1.9726832013517666</v>
      </c>
      <c r="S37">
        <v>0</v>
      </c>
      <c r="T37" s="46">
        <v>45635.124999980027</v>
      </c>
      <c r="AB37" s="16">
        <f>Jesper!AT22</f>
        <v>0</v>
      </c>
      <c r="AC37" s="16">
        <f>Jesper!AU22</f>
        <v>0.03</v>
      </c>
      <c r="AD37" s="16">
        <f>Jesper!AV22</f>
        <v>0.1</v>
      </c>
      <c r="AE37" s="16">
        <f>Jesper!AW22</f>
        <v>0.15</v>
      </c>
      <c r="AF37" s="16">
        <f>Jesper!AX22</f>
        <v>0.72</v>
      </c>
      <c r="AG37" s="16">
        <f>Jesper!AY22</f>
        <v>0</v>
      </c>
    </row>
    <row r="38" spans="2:33" x14ac:dyDescent="0.3">
      <c r="B38">
        <f t="shared" si="19"/>
        <v>1</v>
      </c>
      <c r="C38" s="16">
        <v>4</v>
      </c>
      <c r="D38" cm="1">
        <f t="array" ref="D38">IFERROR(INDEX(Jesper!AH$2:AH$366,ROUNDDOWN($C38/24,0)+1,1)*INDEX($D$3:$AA$30,INDEX(Jesper!$R$2:$R$366,ROW(INDEX(Jesper!AH$2:AH$366,ROUNDDOWN($C38/24,0)+1,1))-1)+IF('Standard Profiles'!$G$18=$B$10,7,0)+IF('Standard Profiles'!$G$18=$B$17,14,0)+IF('Standard Profiles'!$G$18=$B$24,21,0),MOD($C38,24)+1)/SUM(INDEX($D$3:$AA$30,INDEX(Jesper!$R$2:$R$366,ROW(INDEX(Jesper!AH$2:AH$366,ROUNDDOWN($C38/24,0)+1,1))-1)+IF('Standard Profiles'!$G$18=$B$10,7,0)+IF('Standard Profiles'!$G$18=$B$17,14,0)+IF('Standard Profiles'!$G$18=$B$24,21,0),0)),0)</f>
        <v>2.7743858883561785</v>
      </c>
      <c r="E38" cm="1">
        <f t="array" ref="E38">IFERROR(INDEX(Jesper!AI$2:AI$366,ROUNDDOWN($C38/24,0)+1,1)*INDEX($D$3:$AA$30,INDEX(Jesper!$R$2:$R$366,ROW(INDEX(Jesper!AI$2:AI$366,ROUNDDOWN($C38/24,0)+1,1))-1)+IF('Standard Profiles'!$G$19=$B$10,7,0)+IF('Standard Profiles'!$G$19=$B$17,14,0)+IF('Standard Profiles'!$G$19=$B$24,21,0),MOD($C38,24)+1)/SUM(INDEX($D$3:$AA$30,INDEX(Jesper!$R$2:$R$366,ROW(INDEX(Jesper!AI$2:AI$366,ROUNDDOWN($C38/24,0)+1,1))-1)+IF('Standard Profiles'!$G$19=$B$10,7,0)+IF('Standard Profiles'!$G$19=$B$17,14,0)+IF('Standard Profiles'!$G$19=$B$24,21,0),0)),0)</f>
        <v>0</v>
      </c>
      <c r="F38" cm="1">
        <f t="array" ref="F38">IFERROR(INDEX(Jesper!AJ$2:AJ$366,ROUNDDOWN($C38/24,0)+1,1)*INDEX($D$3:$AA$30,INDEX(Jesper!$R$2:$R$366,ROW(INDEX(Jesper!AJ$2:AJ$366,ROUNDDOWN($C38/24,0)+1,1))-1)+IF('Standard Profiles'!$G$20=$B$10,7,0)+IF('Standard Profiles'!$G$20=$B$17,14,0)+IF('Standard Profiles'!$G$20=$B$24,21,0),MOD($C38,24)+1)/SUM(INDEX($D$3:$AA$30,INDEX(Jesper!$R$2:$R$366,ROW(INDEX(Jesper!AJ$2:AJ$366,ROUNDDOWN($C38/24,0)+1,1))-1)+IF('Standard Profiles'!$G$20=$B$10,7,0)+IF('Standard Profiles'!$G$20=$B$17,14,0)+IF('Standard Profiles'!$G$20=$B$24,21,0),0)),0)</f>
        <v>0</v>
      </c>
      <c r="G38" cm="1">
        <f t="array" ref="G38">IFERROR(INDEX(Jesper!AK$2:AK$366,ROUNDDOWN($C38/24,0)+1,1)*INDEX($D$3:$AA$30,INDEX(Jesper!$R$2:$R$366,ROW(INDEX(Jesper!AK$2:AK$366,ROUNDDOWN($C38/24,0)+1,1))-1)+IF('Standard Profiles'!$G$21=$B$10,7,0)+IF('Standard Profiles'!$G$21=$B$17,14,0)+IF('Standard Profiles'!$G$21=$B$24,21,0),MOD($C38,24)+1)/SUM(INDEX($D$3:$AA$30,INDEX(Jesper!$R$2:$R$366,ROW(INDEX(Jesper!AK$2:AK$366,ROUNDDOWN($C38/24,0)+1,1))-1)+IF('Standard Profiles'!$G$21=$B$10,7,0)+IF('Standard Profiles'!$G$21=$B$17,14,0)+IF('Standard Profiles'!$G$21=$B$24,21,0),0)),0)</f>
        <v>0</v>
      </c>
      <c r="H38" cm="1">
        <f t="array" ref="H38">IFERROR(INDEX(Jesper!AL$2:AL$366,ROUNDDOWN($C38/24,0)+1,1)*INDEX($D$3:$AA$30,INDEX(Jesper!$R$2:$R$366,ROW(INDEX(Jesper!AL$2:AL$366,ROUNDDOWN($C38/24,0)+1,1))-1)+IF('Standard Profiles'!$G$22=$B$10,7,0)+IF('Standard Profiles'!$G$22=$B$17,14,0)+IF('Standard Profiles'!$G$22=$B$24,21,0),MOD($C38,24)+1)/SUM(INDEX($D$3:$AA$30,INDEX(Jesper!$R$2:$R$366,ROW(INDEX(Jesper!AL$2:AL$366,ROUNDDOWN($C38/24,0)+1,1))-1)+IF('Standard Profiles'!$G$22=$B$10,7,0)+IF('Standard Profiles'!$G$22=$B$17,14,0)+IF('Standard Profiles'!$G$22=$B$24,21,0),0)),0)</f>
        <v>0</v>
      </c>
      <c r="I38">
        <f t="shared" si="20"/>
        <v>8.3231576650685354E-2</v>
      </c>
      <c r="J38">
        <f t="shared" si="21"/>
        <v>0.27743858883561784</v>
      </c>
      <c r="K38">
        <f t="shared" si="22"/>
        <v>0.41615788325342679</v>
      </c>
      <c r="L38">
        <f t="shared" si="23"/>
        <v>1.9975578396164484</v>
      </c>
      <c r="M38">
        <f t="shared" si="24"/>
        <v>0</v>
      </c>
      <c r="N38" s="46">
        <f t="shared" si="25"/>
        <v>45292.166666666657</v>
      </c>
      <c r="O38">
        <v>8.2195133389656949E-2</v>
      </c>
      <c r="P38">
        <v>0.27398377796552315</v>
      </c>
      <c r="Q38">
        <v>0.41097566694828475</v>
      </c>
      <c r="R38">
        <v>1.9726832013517666</v>
      </c>
      <c r="S38">
        <v>0</v>
      </c>
      <c r="T38" s="46">
        <v>45635.166666646692</v>
      </c>
      <c r="AB38" s="16">
        <f>Jesper!AT23</f>
        <v>1</v>
      </c>
      <c r="AC38" s="16">
        <f>Jesper!AU23</f>
        <v>0</v>
      </c>
      <c r="AD38" s="16">
        <f>Jesper!AV23</f>
        <v>0</v>
      </c>
      <c r="AE38" s="16">
        <f>Jesper!AW23</f>
        <v>0</v>
      </c>
      <c r="AF38" s="16">
        <f>Jesper!AX23</f>
        <v>0</v>
      </c>
      <c r="AG38" s="16">
        <f>Jesper!AY23</f>
        <v>0</v>
      </c>
    </row>
    <row r="39" spans="2:33" x14ac:dyDescent="0.3">
      <c r="B39">
        <f t="shared" si="19"/>
        <v>1</v>
      </c>
      <c r="C39" s="16">
        <v>5</v>
      </c>
      <c r="D39" cm="1">
        <f t="array" ref="D39">IFERROR(INDEX(Jesper!AH$2:AH$366,ROUNDDOWN($C39/24,0)+1,1)*INDEX($D$3:$AA$30,INDEX(Jesper!$R$2:$R$366,ROW(INDEX(Jesper!AH$2:AH$366,ROUNDDOWN($C39/24,0)+1,1))-1)+IF('Standard Profiles'!$G$18=$B$10,7,0)+IF('Standard Profiles'!$G$18=$B$17,14,0)+IF('Standard Profiles'!$G$18=$B$24,21,0),MOD($C39,24)+1)/SUM(INDEX($D$3:$AA$30,INDEX(Jesper!$R$2:$R$366,ROW(INDEX(Jesper!AH$2:AH$366,ROUNDDOWN($C39/24,0)+1,1))-1)+IF('Standard Profiles'!$G$18=$B$10,7,0)+IF('Standard Profiles'!$G$18=$B$17,14,0)+IF('Standard Profiles'!$G$18=$B$24,21,0),0)),0)</f>
        <v>12.022338849543441</v>
      </c>
      <c r="E39" cm="1">
        <f t="array" ref="E39">IFERROR(INDEX(Jesper!AI$2:AI$366,ROUNDDOWN($C39/24,0)+1,1)*INDEX($D$3:$AA$30,INDEX(Jesper!$R$2:$R$366,ROW(INDEX(Jesper!AI$2:AI$366,ROUNDDOWN($C39/24,0)+1,1))-1)+IF('Standard Profiles'!$G$19=$B$10,7,0)+IF('Standard Profiles'!$G$19=$B$17,14,0)+IF('Standard Profiles'!$G$19=$B$24,21,0),MOD($C39,24)+1)/SUM(INDEX($D$3:$AA$30,INDEX(Jesper!$R$2:$R$366,ROW(INDEX(Jesper!AI$2:AI$366,ROUNDDOWN($C39/24,0)+1,1))-1)+IF('Standard Profiles'!$G$19=$B$10,7,0)+IF('Standard Profiles'!$G$19=$B$17,14,0)+IF('Standard Profiles'!$G$19=$B$24,21,0),0)),0)</f>
        <v>0</v>
      </c>
      <c r="F39" cm="1">
        <f t="array" ref="F39">IFERROR(INDEX(Jesper!AJ$2:AJ$366,ROUNDDOWN($C39/24,0)+1,1)*INDEX($D$3:$AA$30,INDEX(Jesper!$R$2:$R$366,ROW(INDEX(Jesper!AJ$2:AJ$366,ROUNDDOWN($C39/24,0)+1,1))-1)+IF('Standard Profiles'!$G$20=$B$10,7,0)+IF('Standard Profiles'!$G$20=$B$17,14,0)+IF('Standard Profiles'!$G$20=$B$24,21,0),MOD($C39,24)+1)/SUM(INDEX($D$3:$AA$30,INDEX(Jesper!$R$2:$R$366,ROW(INDEX(Jesper!AJ$2:AJ$366,ROUNDDOWN($C39/24,0)+1,1))-1)+IF('Standard Profiles'!$G$20=$B$10,7,0)+IF('Standard Profiles'!$G$20=$B$17,14,0)+IF('Standard Profiles'!$G$20=$B$24,21,0),0)),0)</f>
        <v>0</v>
      </c>
      <c r="G39" cm="1">
        <f t="array" ref="G39">IFERROR(INDEX(Jesper!AK$2:AK$366,ROUNDDOWN($C39/24,0)+1,1)*INDEX($D$3:$AA$30,INDEX(Jesper!$R$2:$R$366,ROW(INDEX(Jesper!AK$2:AK$366,ROUNDDOWN($C39/24,0)+1,1))-1)+IF('Standard Profiles'!$G$21=$B$10,7,0)+IF('Standard Profiles'!$G$21=$B$17,14,0)+IF('Standard Profiles'!$G$21=$B$24,21,0),MOD($C39,24)+1)/SUM(INDEX($D$3:$AA$30,INDEX(Jesper!$R$2:$R$366,ROW(INDEX(Jesper!AK$2:AK$366,ROUNDDOWN($C39/24,0)+1,1))-1)+IF('Standard Profiles'!$G$21=$B$10,7,0)+IF('Standard Profiles'!$G$21=$B$17,14,0)+IF('Standard Profiles'!$G$21=$B$24,21,0),0)),0)</f>
        <v>0</v>
      </c>
      <c r="H39" cm="1">
        <f t="array" ref="H39">IFERROR(INDEX(Jesper!AL$2:AL$366,ROUNDDOWN($C39/24,0)+1,1)*INDEX($D$3:$AA$30,INDEX(Jesper!$R$2:$R$366,ROW(INDEX(Jesper!AL$2:AL$366,ROUNDDOWN($C39/24,0)+1,1))-1)+IF('Standard Profiles'!$G$22=$B$10,7,0)+IF('Standard Profiles'!$G$22=$B$17,14,0)+IF('Standard Profiles'!$G$22=$B$24,21,0),MOD($C39,24)+1)/SUM(INDEX($D$3:$AA$30,INDEX(Jesper!$R$2:$R$366,ROW(INDEX(Jesper!AL$2:AL$366,ROUNDDOWN($C39/24,0)+1,1))-1)+IF('Standard Profiles'!$G$22=$B$10,7,0)+IF('Standard Profiles'!$G$22=$B$17,14,0)+IF('Standard Profiles'!$G$22=$B$24,21,0),0)),0)</f>
        <v>0</v>
      </c>
      <c r="I39">
        <f t="shared" si="20"/>
        <v>0.36067016548630321</v>
      </c>
      <c r="J39">
        <f t="shared" si="21"/>
        <v>1.2022338849543441</v>
      </c>
      <c r="K39">
        <f t="shared" si="22"/>
        <v>1.8033508274315162</v>
      </c>
      <c r="L39">
        <f t="shared" si="23"/>
        <v>8.6560839716712774</v>
      </c>
      <c r="M39">
        <f t="shared" si="24"/>
        <v>0</v>
      </c>
      <c r="N39" s="46">
        <f t="shared" si="25"/>
        <v>45292.208333333321</v>
      </c>
      <c r="O39">
        <v>0.35617891135518004</v>
      </c>
      <c r="P39">
        <v>1.1872630378506004</v>
      </c>
      <c r="Q39">
        <v>1.7808945567759003</v>
      </c>
      <c r="R39">
        <v>8.5482938725243223</v>
      </c>
      <c r="S39">
        <v>0</v>
      </c>
      <c r="T39" s="46">
        <v>45635.208333313356</v>
      </c>
      <c r="AB39" s="16">
        <f>Jesper!AT24</f>
        <v>2</v>
      </c>
      <c r="AC39" s="16">
        <f>Jesper!AU24</f>
        <v>0</v>
      </c>
      <c r="AD39" s="16">
        <f>Jesper!AV24</f>
        <v>0</v>
      </c>
      <c r="AE39" s="16">
        <f>Jesper!AW24</f>
        <v>0</v>
      </c>
      <c r="AF39" s="16">
        <f>Jesper!AX24</f>
        <v>0</v>
      </c>
      <c r="AG39" s="16">
        <f>Jesper!AY24</f>
        <v>0</v>
      </c>
    </row>
    <row r="40" spans="2:33" x14ac:dyDescent="0.3">
      <c r="B40">
        <f t="shared" si="19"/>
        <v>1</v>
      </c>
      <c r="C40" s="16">
        <v>6</v>
      </c>
      <c r="D40" cm="1">
        <f t="array" ref="D40">IFERROR(INDEX(Jesper!AH$2:AH$366,ROUNDDOWN($C40/24,0)+1,1)*INDEX($D$3:$AA$30,INDEX(Jesper!$R$2:$R$366,ROW(INDEX(Jesper!AH$2:AH$366,ROUNDDOWN($C40/24,0)+1,1))-1)+IF('Standard Profiles'!$G$18=$B$10,7,0)+IF('Standard Profiles'!$G$18=$B$17,14,0)+IF('Standard Profiles'!$G$18=$B$24,21,0),MOD($C40,24)+1)/SUM(INDEX($D$3:$AA$30,INDEX(Jesper!$R$2:$R$366,ROW(INDEX(Jesper!AH$2:AH$366,ROUNDDOWN($C40/24,0)+1,1))-1)+IF('Standard Profiles'!$G$18=$B$10,7,0)+IF('Standard Profiles'!$G$18=$B$17,14,0)+IF('Standard Profiles'!$G$18=$B$24,21,0),0)),0)</f>
        <v>13.640730617751213</v>
      </c>
      <c r="E40" cm="1">
        <f t="array" ref="E40">IFERROR(INDEX(Jesper!AI$2:AI$366,ROUNDDOWN($C40/24,0)+1,1)*INDEX($D$3:$AA$30,INDEX(Jesper!$R$2:$R$366,ROW(INDEX(Jesper!AI$2:AI$366,ROUNDDOWN($C40/24,0)+1,1))-1)+IF('Standard Profiles'!$G$19=$B$10,7,0)+IF('Standard Profiles'!$G$19=$B$17,14,0)+IF('Standard Profiles'!$G$19=$B$24,21,0),MOD($C40,24)+1)/SUM(INDEX($D$3:$AA$30,INDEX(Jesper!$R$2:$R$366,ROW(INDEX(Jesper!AI$2:AI$366,ROUNDDOWN($C40/24,0)+1,1))-1)+IF('Standard Profiles'!$G$19=$B$10,7,0)+IF('Standard Profiles'!$G$19=$B$17,14,0)+IF('Standard Profiles'!$G$19=$B$24,21,0),0)),0)</f>
        <v>0</v>
      </c>
      <c r="F40" cm="1">
        <f t="array" ref="F40">IFERROR(INDEX(Jesper!AJ$2:AJ$366,ROUNDDOWN($C40/24,0)+1,1)*INDEX($D$3:$AA$30,INDEX(Jesper!$R$2:$R$366,ROW(INDEX(Jesper!AJ$2:AJ$366,ROUNDDOWN($C40/24,0)+1,1))-1)+IF('Standard Profiles'!$G$20=$B$10,7,0)+IF('Standard Profiles'!$G$20=$B$17,14,0)+IF('Standard Profiles'!$G$20=$B$24,21,0),MOD($C40,24)+1)/SUM(INDEX($D$3:$AA$30,INDEX(Jesper!$R$2:$R$366,ROW(INDEX(Jesper!AJ$2:AJ$366,ROUNDDOWN($C40/24,0)+1,1))-1)+IF('Standard Profiles'!$G$20=$B$10,7,0)+IF('Standard Profiles'!$G$20=$B$17,14,0)+IF('Standard Profiles'!$G$20=$B$24,21,0),0)),0)</f>
        <v>0</v>
      </c>
      <c r="G40" cm="1">
        <f t="array" ref="G40">IFERROR(INDEX(Jesper!AK$2:AK$366,ROUNDDOWN($C40/24,0)+1,1)*INDEX($D$3:$AA$30,INDEX(Jesper!$R$2:$R$366,ROW(INDEX(Jesper!AK$2:AK$366,ROUNDDOWN($C40/24,0)+1,1))-1)+IF('Standard Profiles'!$G$21=$B$10,7,0)+IF('Standard Profiles'!$G$21=$B$17,14,0)+IF('Standard Profiles'!$G$21=$B$24,21,0),MOD($C40,24)+1)/SUM(INDEX($D$3:$AA$30,INDEX(Jesper!$R$2:$R$366,ROW(INDEX(Jesper!AK$2:AK$366,ROUNDDOWN($C40/24,0)+1,1))-1)+IF('Standard Profiles'!$G$21=$B$10,7,0)+IF('Standard Profiles'!$G$21=$B$17,14,0)+IF('Standard Profiles'!$G$21=$B$24,21,0),0)),0)</f>
        <v>0</v>
      </c>
      <c r="H40" cm="1">
        <f t="array" ref="H40">IFERROR(INDEX(Jesper!AL$2:AL$366,ROUNDDOWN($C40/24,0)+1,1)*INDEX($D$3:$AA$30,INDEX(Jesper!$R$2:$R$366,ROW(INDEX(Jesper!AL$2:AL$366,ROUNDDOWN($C40/24,0)+1,1))-1)+IF('Standard Profiles'!$G$22=$B$10,7,0)+IF('Standard Profiles'!$G$22=$B$17,14,0)+IF('Standard Profiles'!$G$22=$B$24,21,0),MOD($C40,24)+1)/SUM(INDEX($D$3:$AA$30,INDEX(Jesper!$R$2:$R$366,ROW(INDEX(Jesper!AL$2:AL$366,ROUNDDOWN($C40/24,0)+1,1))-1)+IF('Standard Profiles'!$G$22=$B$10,7,0)+IF('Standard Profiles'!$G$22=$B$17,14,0)+IF('Standard Profiles'!$G$22=$B$24,21,0),0)),0)</f>
        <v>0</v>
      </c>
      <c r="I40">
        <f t="shared" si="20"/>
        <v>0.40922191853253637</v>
      </c>
      <c r="J40">
        <f t="shared" si="21"/>
        <v>1.3640730617751213</v>
      </c>
      <c r="K40">
        <f t="shared" si="22"/>
        <v>2.046109592662682</v>
      </c>
      <c r="L40">
        <f t="shared" si="23"/>
        <v>9.8213260447808732</v>
      </c>
      <c r="M40">
        <f t="shared" si="24"/>
        <v>0</v>
      </c>
      <c r="N40" s="46">
        <f t="shared" si="25"/>
        <v>45292.249999999985</v>
      </c>
      <c r="O40">
        <v>0.40412607249914662</v>
      </c>
      <c r="P40">
        <v>1.3470869083304888</v>
      </c>
      <c r="Q40">
        <v>2.0206303624957331</v>
      </c>
      <c r="R40">
        <v>9.6990257399795183</v>
      </c>
      <c r="S40">
        <v>0</v>
      </c>
      <c r="T40" s="46">
        <v>45635.24999998002</v>
      </c>
      <c r="AB40" s="16">
        <f>Jesper!AT25</f>
        <v>3</v>
      </c>
      <c r="AC40" s="16">
        <f>Jesper!AU25</f>
        <v>0</v>
      </c>
      <c r="AD40" s="16">
        <f>Jesper!AV25</f>
        <v>0</v>
      </c>
      <c r="AE40" s="16">
        <f>Jesper!AW25</f>
        <v>0</v>
      </c>
      <c r="AF40" s="16">
        <f>Jesper!AX25</f>
        <v>0</v>
      </c>
      <c r="AG40" s="16">
        <f>Jesper!AY25</f>
        <v>0</v>
      </c>
    </row>
    <row r="41" spans="2:33" x14ac:dyDescent="0.3">
      <c r="B41">
        <f t="shared" si="19"/>
        <v>1</v>
      </c>
      <c r="C41" s="16">
        <v>7</v>
      </c>
      <c r="D41" cm="1">
        <f t="array" ref="D41">IFERROR(INDEX(Jesper!AH$2:AH$366,ROUNDDOWN($C41/24,0)+1,1)*INDEX($D$3:$AA$30,INDEX(Jesper!$R$2:$R$366,ROW(INDEX(Jesper!AH$2:AH$366,ROUNDDOWN($C41/24,0)+1,1))-1)+IF('Standard Profiles'!$G$18=$B$10,7,0)+IF('Standard Profiles'!$G$18=$B$17,14,0)+IF('Standard Profiles'!$G$18=$B$24,21,0),MOD($C41,24)+1)/SUM(INDEX($D$3:$AA$30,INDEX(Jesper!$R$2:$R$366,ROW(INDEX(Jesper!AH$2:AH$366,ROUNDDOWN($C41/24,0)+1,1))-1)+IF('Standard Profiles'!$G$18=$B$10,7,0)+IF('Standard Profiles'!$G$18=$B$17,14,0)+IF('Standard Profiles'!$G$18=$B$24,21,0),0)),0)</f>
        <v>13.640730617751213</v>
      </c>
      <c r="E41" cm="1">
        <f t="array" ref="E41">IFERROR(INDEX(Jesper!AI$2:AI$366,ROUNDDOWN($C41/24,0)+1,1)*INDEX($D$3:$AA$30,INDEX(Jesper!$R$2:$R$366,ROW(INDEX(Jesper!AI$2:AI$366,ROUNDDOWN($C41/24,0)+1,1))-1)+IF('Standard Profiles'!$G$19=$B$10,7,0)+IF('Standard Profiles'!$G$19=$B$17,14,0)+IF('Standard Profiles'!$G$19=$B$24,21,0),MOD($C41,24)+1)/SUM(INDEX($D$3:$AA$30,INDEX(Jesper!$R$2:$R$366,ROW(INDEX(Jesper!AI$2:AI$366,ROUNDDOWN($C41/24,0)+1,1))-1)+IF('Standard Profiles'!$G$19=$B$10,7,0)+IF('Standard Profiles'!$G$19=$B$17,14,0)+IF('Standard Profiles'!$G$19=$B$24,21,0),0)),0)</f>
        <v>0</v>
      </c>
      <c r="F41" cm="1">
        <f t="array" ref="F41">IFERROR(INDEX(Jesper!AJ$2:AJ$366,ROUNDDOWN($C41/24,0)+1,1)*INDEX($D$3:$AA$30,INDEX(Jesper!$R$2:$R$366,ROW(INDEX(Jesper!AJ$2:AJ$366,ROUNDDOWN($C41/24,0)+1,1))-1)+IF('Standard Profiles'!$G$20=$B$10,7,0)+IF('Standard Profiles'!$G$20=$B$17,14,0)+IF('Standard Profiles'!$G$20=$B$24,21,0),MOD($C41,24)+1)/SUM(INDEX($D$3:$AA$30,INDEX(Jesper!$R$2:$R$366,ROW(INDEX(Jesper!AJ$2:AJ$366,ROUNDDOWN($C41/24,0)+1,1))-1)+IF('Standard Profiles'!$G$20=$B$10,7,0)+IF('Standard Profiles'!$G$20=$B$17,14,0)+IF('Standard Profiles'!$G$20=$B$24,21,0),0)),0)</f>
        <v>0</v>
      </c>
      <c r="G41" cm="1">
        <f t="array" ref="G41">IFERROR(INDEX(Jesper!AK$2:AK$366,ROUNDDOWN($C41/24,0)+1,1)*INDEX($D$3:$AA$30,INDEX(Jesper!$R$2:$R$366,ROW(INDEX(Jesper!AK$2:AK$366,ROUNDDOWN($C41/24,0)+1,1))-1)+IF('Standard Profiles'!$G$21=$B$10,7,0)+IF('Standard Profiles'!$G$21=$B$17,14,0)+IF('Standard Profiles'!$G$21=$B$24,21,0),MOD($C41,24)+1)/SUM(INDEX($D$3:$AA$30,INDEX(Jesper!$R$2:$R$366,ROW(INDEX(Jesper!AK$2:AK$366,ROUNDDOWN($C41/24,0)+1,1))-1)+IF('Standard Profiles'!$G$21=$B$10,7,0)+IF('Standard Profiles'!$G$21=$B$17,14,0)+IF('Standard Profiles'!$G$21=$B$24,21,0),0)),0)</f>
        <v>0</v>
      </c>
      <c r="H41" cm="1">
        <f t="array" ref="H41">IFERROR(INDEX(Jesper!AL$2:AL$366,ROUNDDOWN($C41/24,0)+1,1)*INDEX($D$3:$AA$30,INDEX(Jesper!$R$2:$R$366,ROW(INDEX(Jesper!AL$2:AL$366,ROUNDDOWN($C41/24,0)+1,1))-1)+IF('Standard Profiles'!$G$22=$B$10,7,0)+IF('Standard Profiles'!$G$22=$B$17,14,0)+IF('Standard Profiles'!$G$22=$B$24,21,0),MOD($C41,24)+1)/SUM(INDEX($D$3:$AA$30,INDEX(Jesper!$R$2:$R$366,ROW(INDEX(Jesper!AL$2:AL$366,ROUNDDOWN($C41/24,0)+1,1))-1)+IF('Standard Profiles'!$G$22=$B$10,7,0)+IF('Standard Profiles'!$G$22=$B$17,14,0)+IF('Standard Profiles'!$G$22=$B$24,21,0),0)),0)</f>
        <v>0</v>
      </c>
      <c r="I41">
        <f t="shared" si="20"/>
        <v>0.40922191853253637</v>
      </c>
      <c r="J41">
        <f t="shared" si="21"/>
        <v>1.3640730617751213</v>
      </c>
      <c r="K41">
        <f t="shared" si="22"/>
        <v>2.046109592662682</v>
      </c>
      <c r="L41">
        <f t="shared" si="23"/>
        <v>9.8213260447808732</v>
      </c>
      <c r="M41">
        <f t="shared" si="24"/>
        <v>0</v>
      </c>
      <c r="N41" s="46">
        <f t="shared" si="25"/>
        <v>45292.29166666665</v>
      </c>
      <c r="O41">
        <v>0.40412607249914662</v>
      </c>
      <c r="P41">
        <v>1.3470869083304888</v>
      </c>
      <c r="Q41">
        <v>2.0206303624957331</v>
      </c>
      <c r="R41">
        <v>9.6990257399795183</v>
      </c>
      <c r="S41">
        <v>0</v>
      </c>
      <c r="T41" s="46">
        <v>45635.291666646684</v>
      </c>
    </row>
    <row r="42" spans="2:33" x14ac:dyDescent="0.3">
      <c r="B42">
        <f t="shared" si="19"/>
        <v>1</v>
      </c>
      <c r="C42" s="16">
        <v>8</v>
      </c>
      <c r="D42" cm="1">
        <f t="array" ref="D42">IFERROR(INDEX(Jesper!AH$2:AH$366,ROUNDDOWN($C42/24,0)+1,1)*INDEX($D$3:$AA$30,INDEX(Jesper!$R$2:$R$366,ROW(INDEX(Jesper!AH$2:AH$366,ROUNDDOWN($C42/24,0)+1,1))-1)+IF('Standard Profiles'!$G$18=$B$10,7,0)+IF('Standard Profiles'!$G$18=$B$17,14,0)+IF('Standard Profiles'!$G$18=$B$24,21,0),MOD($C42,24)+1)/SUM(INDEX($D$3:$AA$30,INDEX(Jesper!$R$2:$R$366,ROW(INDEX(Jesper!AH$2:AH$366,ROUNDDOWN($C42/24,0)+1,1))-1)+IF('Standard Profiles'!$G$18=$B$10,7,0)+IF('Standard Profiles'!$G$18=$B$17,14,0)+IF('Standard Profiles'!$G$18=$B$24,21,0),0)),0)</f>
        <v>13.640730617751213</v>
      </c>
      <c r="E42" cm="1">
        <f t="array" ref="E42">IFERROR(INDEX(Jesper!AI$2:AI$366,ROUNDDOWN($C42/24,0)+1,1)*INDEX($D$3:$AA$30,INDEX(Jesper!$R$2:$R$366,ROW(INDEX(Jesper!AI$2:AI$366,ROUNDDOWN($C42/24,0)+1,1))-1)+IF('Standard Profiles'!$G$19=$B$10,7,0)+IF('Standard Profiles'!$G$19=$B$17,14,0)+IF('Standard Profiles'!$G$19=$B$24,21,0),MOD($C42,24)+1)/SUM(INDEX($D$3:$AA$30,INDEX(Jesper!$R$2:$R$366,ROW(INDEX(Jesper!AI$2:AI$366,ROUNDDOWN($C42/24,0)+1,1))-1)+IF('Standard Profiles'!$G$19=$B$10,7,0)+IF('Standard Profiles'!$G$19=$B$17,14,0)+IF('Standard Profiles'!$G$19=$B$24,21,0),0)),0)</f>
        <v>0</v>
      </c>
      <c r="F42" cm="1">
        <f t="array" ref="F42">IFERROR(INDEX(Jesper!AJ$2:AJ$366,ROUNDDOWN($C42/24,0)+1,1)*INDEX($D$3:$AA$30,INDEX(Jesper!$R$2:$R$366,ROW(INDEX(Jesper!AJ$2:AJ$366,ROUNDDOWN($C42/24,0)+1,1))-1)+IF('Standard Profiles'!$G$20=$B$10,7,0)+IF('Standard Profiles'!$G$20=$B$17,14,0)+IF('Standard Profiles'!$G$20=$B$24,21,0),MOD($C42,24)+1)/SUM(INDEX($D$3:$AA$30,INDEX(Jesper!$R$2:$R$366,ROW(INDEX(Jesper!AJ$2:AJ$366,ROUNDDOWN($C42/24,0)+1,1))-1)+IF('Standard Profiles'!$G$20=$B$10,7,0)+IF('Standard Profiles'!$G$20=$B$17,14,0)+IF('Standard Profiles'!$G$20=$B$24,21,0),0)),0)</f>
        <v>0</v>
      </c>
      <c r="G42" cm="1">
        <f t="array" ref="G42">IFERROR(INDEX(Jesper!AK$2:AK$366,ROUNDDOWN($C42/24,0)+1,1)*INDEX($D$3:$AA$30,INDEX(Jesper!$R$2:$R$366,ROW(INDEX(Jesper!AK$2:AK$366,ROUNDDOWN($C42/24,0)+1,1))-1)+IF('Standard Profiles'!$G$21=$B$10,7,0)+IF('Standard Profiles'!$G$21=$B$17,14,0)+IF('Standard Profiles'!$G$21=$B$24,21,0),MOD($C42,24)+1)/SUM(INDEX($D$3:$AA$30,INDEX(Jesper!$R$2:$R$366,ROW(INDEX(Jesper!AK$2:AK$366,ROUNDDOWN($C42/24,0)+1,1))-1)+IF('Standard Profiles'!$G$21=$B$10,7,0)+IF('Standard Profiles'!$G$21=$B$17,14,0)+IF('Standard Profiles'!$G$21=$B$24,21,0),0)),0)</f>
        <v>0</v>
      </c>
      <c r="H42" cm="1">
        <f t="array" ref="H42">IFERROR(INDEX(Jesper!AL$2:AL$366,ROUNDDOWN($C42/24,0)+1,1)*INDEX($D$3:$AA$30,INDEX(Jesper!$R$2:$R$366,ROW(INDEX(Jesper!AL$2:AL$366,ROUNDDOWN($C42/24,0)+1,1))-1)+IF('Standard Profiles'!$G$22=$B$10,7,0)+IF('Standard Profiles'!$G$22=$B$17,14,0)+IF('Standard Profiles'!$G$22=$B$24,21,0),MOD($C42,24)+1)/SUM(INDEX($D$3:$AA$30,INDEX(Jesper!$R$2:$R$366,ROW(INDEX(Jesper!AL$2:AL$366,ROUNDDOWN($C42/24,0)+1,1))-1)+IF('Standard Profiles'!$G$22=$B$10,7,0)+IF('Standard Profiles'!$G$22=$B$17,14,0)+IF('Standard Profiles'!$G$22=$B$24,21,0),0)),0)</f>
        <v>0</v>
      </c>
      <c r="I42">
        <f t="shared" si="20"/>
        <v>0.40922191853253637</v>
      </c>
      <c r="J42">
        <f t="shared" si="21"/>
        <v>1.3640730617751213</v>
      </c>
      <c r="K42">
        <f t="shared" si="22"/>
        <v>2.046109592662682</v>
      </c>
      <c r="L42">
        <f t="shared" si="23"/>
        <v>9.8213260447808732</v>
      </c>
      <c r="M42">
        <f t="shared" si="24"/>
        <v>0</v>
      </c>
      <c r="N42" s="46">
        <f t="shared" si="25"/>
        <v>45292.333333333314</v>
      </c>
      <c r="O42">
        <v>0.40412607249914662</v>
      </c>
      <c r="P42">
        <v>1.3470869083304888</v>
      </c>
      <c r="Q42">
        <v>2.0206303624957331</v>
      </c>
      <c r="R42">
        <v>9.6990257399795183</v>
      </c>
      <c r="S42">
        <v>0</v>
      </c>
      <c r="T42" s="46">
        <v>45635.333333313349</v>
      </c>
    </row>
    <row r="43" spans="2:33" x14ac:dyDescent="0.3">
      <c r="B43">
        <f t="shared" si="19"/>
        <v>1</v>
      </c>
      <c r="C43" s="16">
        <v>9</v>
      </c>
      <c r="D43" cm="1">
        <f t="array" ref="D43">IFERROR(INDEX(Jesper!AH$2:AH$366,ROUNDDOWN($C43/24,0)+1,1)*INDEX($D$3:$AA$30,INDEX(Jesper!$R$2:$R$366,ROW(INDEX(Jesper!AH$2:AH$366,ROUNDDOWN($C43/24,0)+1,1))-1)+IF('Standard Profiles'!$G$18=$B$10,7,0)+IF('Standard Profiles'!$G$18=$B$17,14,0)+IF('Standard Profiles'!$G$18=$B$24,21,0),MOD($C43,24)+1)/SUM(INDEX($D$3:$AA$30,INDEX(Jesper!$R$2:$R$366,ROW(INDEX(Jesper!AH$2:AH$366,ROUNDDOWN($C43/24,0)+1,1))-1)+IF('Standard Profiles'!$G$18=$B$10,7,0)+IF('Standard Profiles'!$G$18=$B$17,14,0)+IF('Standard Profiles'!$G$18=$B$24,21,0),0)),0)</f>
        <v>14.565525913869939</v>
      </c>
      <c r="E43" cm="1">
        <f t="array" ref="E43">IFERROR(INDEX(Jesper!AI$2:AI$366,ROUNDDOWN($C43/24,0)+1,1)*INDEX($D$3:$AA$30,INDEX(Jesper!$R$2:$R$366,ROW(INDEX(Jesper!AI$2:AI$366,ROUNDDOWN($C43/24,0)+1,1))-1)+IF('Standard Profiles'!$G$19=$B$10,7,0)+IF('Standard Profiles'!$G$19=$B$17,14,0)+IF('Standard Profiles'!$G$19=$B$24,21,0),MOD($C43,24)+1)/SUM(INDEX($D$3:$AA$30,INDEX(Jesper!$R$2:$R$366,ROW(INDEX(Jesper!AI$2:AI$366,ROUNDDOWN($C43/24,0)+1,1))-1)+IF('Standard Profiles'!$G$19=$B$10,7,0)+IF('Standard Profiles'!$G$19=$B$17,14,0)+IF('Standard Profiles'!$G$19=$B$24,21,0),0)),0)</f>
        <v>0</v>
      </c>
      <c r="F43" cm="1">
        <f t="array" ref="F43">IFERROR(INDEX(Jesper!AJ$2:AJ$366,ROUNDDOWN($C43/24,0)+1,1)*INDEX($D$3:$AA$30,INDEX(Jesper!$R$2:$R$366,ROW(INDEX(Jesper!AJ$2:AJ$366,ROUNDDOWN($C43/24,0)+1,1))-1)+IF('Standard Profiles'!$G$20=$B$10,7,0)+IF('Standard Profiles'!$G$20=$B$17,14,0)+IF('Standard Profiles'!$G$20=$B$24,21,0),MOD($C43,24)+1)/SUM(INDEX($D$3:$AA$30,INDEX(Jesper!$R$2:$R$366,ROW(INDEX(Jesper!AJ$2:AJ$366,ROUNDDOWN($C43/24,0)+1,1))-1)+IF('Standard Profiles'!$G$20=$B$10,7,0)+IF('Standard Profiles'!$G$20=$B$17,14,0)+IF('Standard Profiles'!$G$20=$B$24,21,0),0)),0)</f>
        <v>0</v>
      </c>
      <c r="G43" cm="1">
        <f t="array" ref="G43">IFERROR(INDEX(Jesper!AK$2:AK$366,ROUNDDOWN($C43/24,0)+1,1)*INDEX($D$3:$AA$30,INDEX(Jesper!$R$2:$R$366,ROW(INDEX(Jesper!AK$2:AK$366,ROUNDDOWN($C43/24,0)+1,1))-1)+IF('Standard Profiles'!$G$21=$B$10,7,0)+IF('Standard Profiles'!$G$21=$B$17,14,0)+IF('Standard Profiles'!$G$21=$B$24,21,0),MOD($C43,24)+1)/SUM(INDEX($D$3:$AA$30,INDEX(Jesper!$R$2:$R$366,ROW(INDEX(Jesper!AK$2:AK$366,ROUNDDOWN($C43/24,0)+1,1))-1)+IF('Standard Profiles'!$G$21=$B$10,7,0)+IF('Standard Profiles'!$G$21=$B$17,14,0)+IF('Standard Profiles'!$G$21=$B$24,21,0),0)),0)</f>
        <v>0</v>
      </c>
      <c r="H43" cm="1">
        <f t="array" ref="H43">IFERROR(INDEX(Jesper!AL$2:AL$366,ROUNDDOWN($C43/24,0)+1,1)*INDEX($D$3:$AA$30,INDEX(Jesper!$R$2:$R$366,ROW(INDEX(Jesper!AL$2:AL$366,ROUNDDOWN($C43/24,0)+1,1))-1)+IF('Standard Profiles'!$G$22=$B$10,7,0)+IF('Standard Profiles'!$G$22=$B$17,14,0)+IF('Standard Profiles'!$G$22=$B$24,21,0),MOD($C43,24)+1)/SUM(INDEX($D$3:$AA$30,INDEX(Jesper!$R$2:$R$366,ROW(INDEX(Jesper!AL$2:AL$366,ROUNDDOWN($C43/24,0)+1,1))-1)+IF('Standard Profiles'!$G$22=$B$10,7,0)+IF('Standard Profiles'!$G$22=$B$17,14,0)+IF('Standard Profiles'!$G$22=$B$24,21,0),0)),0)</f>
        <v>0</v>
      </c>
      <c r="I43">
        <f t="shared" si="20"/>
        <v>0.43696577741609816</v>
      </c>
      <c r="J43">
        <f t="shared" si="21"/>
        <v>1.4565525913869939</v>
      </c>
      <c r="K43">
        <f t="shared" si="22"/>
        <v>2.1848288870804908</v>
      </c>
      <c r="L43">
        <f t="shared" si="23"/>
        <v>10.487178657986355</v>
      </c>
      <c r="M43">
        <f t="shared" si="24"/>
        <v>0</v>
      </c>
      <c r="N43" s="46">
        <f t="shared" si="25"/>
        <v>45292.374999999978</v>
      </c>
      <c r="O43">
        <v>0.43152445029569891</v>
      </c>
      <c r="P43">
        <v>1.4384148343189966</v>
      </c>
      <c r="Q43">
        <v>2.1576222514784948</v>
      </c>
      <c r="R43">
        <v>10.356586807096775</v>
      </c>
      <c r="S43">
        <v>0</v>
      </c>
      <c r="T43" s="46">
        <v>45635.374999980013</v>
      </c>
      <c r="AB43" t="str">
        <f>Jesper!AT28</f>
        <v>Temperature-Cluster Distribution - weekends days</v>
      </c>
    </row>
    <row r="44" spans="2:33" x14ac:dyDescent="0.3">
      <c r="B44">
        <f t="shared" si="19"/>
        <v>1</v>
      </c>
      <c r="C44" s="16">
        <v>10</v>
      </c>
      <c r="D44" cm="1">
        <f t="array" ref="D44">IFERROR(INDEX(Jesper!AH$2:AH$366,ROUNDDOWN($C44/24,0)+1,1)*INDEX($D$3:$AA$30,INDEX(Jesper!$R$2:$R$366,ROW(INDEX(Jesper!AH$2:AH$366,ROUNDDOWN($C44/24,0)+1,1))-1)+IF('Standard Profiles'!$G$18=$B$10,7,0)+IF('Standard Profiles'!$G$18=$B$17,14,0)+IF('Standard Profiles'!$G$18=$B$24,21,0),MOD($C44,24)+1)/SUM(INDEX($D$3:$AA$30,INDEX(Jesper!$R$2:$R$366,ROW(INDEX(Jesper!AH$2:AH$366,ROUNDDOWN($C44/24,0)+1,1))-1)+IF('Standard Profiles'!$G$18=$B$10,7,0)+IF('Standard Profiles'!$G$18=$B$17,14,0)+IF('Standard Profiles'!$G$18=$B$24,21,0),0)),0)</f>
        <v>14.565525913869939</v>
      </c>
      <c r="E44" cm="1">
        <f t="array" ref="E44">IFERROR(INDEX(Jesper!AI$2:AI$366,ROUNDDOWN($C44/24,0)+1,1)*INDEX($D$3:$AA$30,INDEX(Jesper!$R$2:$R$366,ROW(INDEX(Jesper!AI$2:AI$366,ROUNDDOWN($C44/24,0)+1,1))-1)+IF('Standard Profiles'!$G$19=$B$10,7,0)+IF('Standard Profiles'!$G$19=$B$17,14,0)+IF('Standard Profiles'!$G$19=$B$24,21,0),MOD($C44,24)+1)/SUM(INDEX($D$3:$AA$30,INDEX(Jesper!$R$2:$R$366,ROW(INDEX(Jesper!AI$2:AI$366,ROUNDDOWN($C44/24,0)+1,1))-1)+IF('Standard Profiles'!$G$19=$B$10,7,0)+IF('Standard Profiles'!$G$19=$B$17,14,0)+IF('Standard Profiles'!$G$19=$B$24,21,0),0)),0)</f>
        <v>0</v>
      </c>
      <c r="F44" cm="1">
        <f t="array" ref="F44">IFERROR(INDEX(Jesper!AJ$2:AJ$366,ROUNDDOWN($C44/24,0)+1,1)*INDEX($D$3:$AA$30,INDEX(Jesper!$R$2:$R$366,ROW(INDEX(Jesper!AJ$2:AJ$366,ROUNDDOWN($C44/24,0)+1,1))-1)+IF('Standard Profiles'!$G$20=$B$10,7,0)+IF('Standard Profiles'!$G$20=$B$17,14,0)+IF('Standard Profiles'!$G$20=$B$24,21,0),MOD($C44,24)+1)/SUM(INDEX($D$3:$AA$30,INDEX(Jesper!$R$2:$R$366,ROW(INDEX(Jesper!AJ$2:AJ$366,ROUNDDOWN($C44/24,0)+1,1))-1)+IF('Standard Profiles'!$G$20=$B$10,7,0)+IF('Standard Profiles'!$G$20=$B$17,14,0)+IF('Standard Profiles'!$G$20=$B$24,21,0),0)),0)</f>
        <v>0</v>
      </c>
      <c r="G44" cm="1">
        <f t="array" ref="G44">IFERROR(INDEX(Jesper!AK$2:AK$366,ROUNDDOWN($C44/24,0)+1,1)*INDEX($D$3:$AA$30,INDEX(Jesper!$R$2:$R$366,ROW(INDEX(Jesper!AK$2:AK$366,ROUNDDOWN($C44/24,0)+1,1))-1)+IF('Standard Profiles'!$G$21=$B$10,7,0)+IF('Standard Profiles'!$G$21=$B$17,14,0)+IF('Standard Profiles'!$G$21=$B$24,21,0),MOD($C44,24)+1)/SUM(INDEX($D$3:$AA$30,INDEX(Jesper!$R$2:$R$366,ROW(INDEX(Jesper!AK$2:AK$366,ROUNDDOWN($C44/24,0)+1,1))-1)+IF('Standard Profiles'!$G$21=$B$10,7,0)+IF('Standard Profiles'!$G$21=$B$17,14,0)+IF('Standard Profiles'!$G$21=$B$24,21,0),0)),0)</f>
        <v>0</v>
      </c>
      <c r="H44" cm="1">
        <f t="array" ref="H44">IFERROR(INDEX(Jesper!AL$2:AL$366,ROUNDDOWN($C44/24,0)+1,1)*INDEX($D$3:$AA$30,INDEX(Jesper!$R$2:$R$366,ROW(INDEX(Jesper!AL$2:AL$366,ROUNDDOWN($C44/24,0)+1,1))-1)+IF('Standard Profiles'!$G$22=$B$10,7,0)+IF('Standard Profiles'!$G$22=$B$17,14,0)+IF('Standard Profiles'!$G$22=$B$24,21,0),MOD($C44,24)+1)/SUM(INDEX($D$3:$AA$30,INDEX(Jesper!$R$2:$R$366,ROW(INDEX(Jesper!AL$2:AL$366,ROUNDDOWN($C44/24,0)+1,1))-1)+IF('Standard Profiles'!$G$22=$B$10,7,0)+IF('Standard Profiles'!$G$22=$B$17,14,0)+IF('Standard Profiles'!$G$22=$B$24,21,0),0)),0)</f>
        <v>0</v>
      </c>
      <c r="I44">
        <f t="shared" si="20"/>
        <v>0.43696577741609816</v>
      </c>
      <c r="J44">
        <f t="shared" si="21"/>
        <v>1.4565525913869939</v>
      </c>
      <c r="K44">
        <f t="shared" si="22"/>
        <v>2.1848288870804908</v>
      </c>
      <c r="L44">
        <f t="shared" si="23"/>
        <v>10.487178657986355</v>
      </c>
      <c r="M44">
        <f t="shared" si="24"/>
        <v>0</v>
      </c>
      <c r="N44" s="46">
        <f t="shared" si="25"/>
        <v>45292.416666666642</v>
      </c>
      <c r="O44">
        <v>0.43152445029569891</v>
      </c>
      <c r="P44">
        <v>1.4384148343189966</v>
      </c>
      <c r="Q44">
        <v>2.1576222514784948</v>
      </c>
      <c r="R44">
        <v>10.356586807096775</v>
      </c>
      <c r="S44">
        <v>0</v>
      </c>
      <c r="T44" s="46">
        <v>45635.416666646677</v>
      </c>
    </row>
    <row r="45" spans="2:33" x14ac:dyDescent="0.3">
      <c r="B45">
        <f t="shared" si="19"/>
        <v>1</v>
      </c>
      <c r="C45" s="16">
        <v>11</v>
      </c>
      <c r="D45" cm="1">
        <f t="array" ref="D45">IFERROR(INDEX(Jesper!AH$2:AH$366,ROUNDDOWN($C45/24,0)+1,1)*INDEX($D$3:$AA$30,INDEX(Jesper!$R$2:$R$366,ROW(INDEX(Jesper!AH$2:AH$366,ROUNDDOWN($C45/24,0)+1,1))-1)+IF('Standard Profiles'!$G$18=$B$10,7,0)+IF('Standard Profiles'!$G$18=$B$17,14,0)+IF('Standard Profiles'!$G$18=$B$24,21,0),MOD($C45,24)+1)/SUM(INDEX($D$3:$AA$30,INDEX(Jesper!$R$2:$R$366,ROW(INDEX(Jesper!AH$2:AH$366,ROUNDDOWN($C45/24,0)+1,1))-1)+IF('Standard Profiles'!$G$18=$B$10,7,0)+IF('Standard Profiles'!$G$18=$B$17,14,0)+IF('Standard Profiles'!$G$18=$B$24,21,0),0)),0)</f>
        <v>18.495905922374529</v>
      </c>
      <c r="E45" cm="1">
        <f t="array" ref="E45">IFERROR(INDEX(Jesper!AI$2:AI$366,ROUNDDOWN($C45/24,0)+1,1)*INDEX($D$3:$AA$30,INDEX(Jesper!$R$2:$R$366,ROW(INDEX(Jesper!AI$2:AI$366,ROUNDDOWN($C45/24,0)+1,1))-1)+IF('Standard Profiles'!$G$19=$B$10,7,0)+IF('Standard Profiles'!$G$19=$B$17,14,0)+IF('Standard Profiles'!$G$19=$B$24,21,0),MOD($C45,24)+1)/SUM(INDEX($D$3:$AA$30,INDEX(Jesper!$R$2:$R$366,ROW(INDEX(Jesper!AI$2:AI$366,ROUNDDOWN($C45/24,0)+1,1))-1)+IF('Standard Profiles'!$G$19=$B$10,7,0)+IF('Standard Profiles'!$G$19=$B$17,14,0)+IF('Standard Profiles'!$G$19=$B$24,21,0),0)),0)</f>
        <v>0</v>
      </c>
      <c r="F45" cm="1">
        <f t="array" ref="F45">IFERROR(INDEX(Jesper!AJ$2:AJ$366,ROUNDDOWN($C45/24,0)+1,1)*INDEX($D$3:$AA$30,INDEX(Jesper!$R$2:$R$366,ROW(INDEX(Jesper!AJ$2:AJ$366,ROUNDDOWN($C45/24,0)+1,1))-1)+IF('Standard Profiles'!$G$20=$B$10,7,0)+IF('Standard Profiles'!$G$20=$B$17,14,0)+IF('Standard Profiles'!$G$20=$B$24,21,0),MOD($C45,24)+1)/SUM(INDEX($D$3:$AA$30,INDEX(Jesper!$R$2:$R$366,ROW(INDEX(Jesper!AJ$2:AJ$366,ROUNDDOWN($C45/24,0)+1,1))-1)+IF('Standard Profiles'!$G$20=$B$10,7,0)+IF('Standard Profiles'!$G$20=$B$17,14,0)+IF('Standard Profiles'!$G$20=$B$24,21,0),0)),0)</f>
        <v>0</v>
      </c>
      <c r="G45" cm="1">
        <f t="array" ref="G45">IFERROR(INDEX(Jesper!AK$2:AK$366,ROUNDDOWN($C45/24,0)+1,1)*INDEX($D$3:$AA$30,INDEX(Jesper!$R$2:$R$366,ROW(INDEX(Jesper!AK$2:AK$366,ROUNDDOWN($C45/24,0)+1,1))-1)+IF('Standard Profiles'!$G$21=$B$10,7,0)+IF('Standard Profiles'!$G$21=$B$17,14,0)+IF('Standard Profiles'!$G$21=$B$24,21,0),MOD($C45,24)+1)/SUM(INDEX($D$3:$AA$30,INDEX(Jesper!$R$2:$R$366,ROW(INDEX(Jesper!AK$2:AK$366,ROUNDDOWN($C45/24,0)+1,1))-1)+IF('Standard Profiles'!$G$21=$B$10,7,0)+IF('Standard Profiles'!$G$21=$B$17,14,0)+IF('Standard Profiles'!$G$21=$B$24,21,0),0)),0)</f>
        <v>0</v>
      </c>
      <c r="H45" cm="1">
        <f t="array" ref="H45">IFERROR(INDEX(Jesper!AL$2:AL$366,ROUNDDOWN($C45/24,0)+1,1)*INDEX($D$3:$AA$30,INDEX(Jesper!$R$2:$R$366,ROW(INDEX(Jesper!AL$2:AL$366,ROUNDDOWN($C45/24,0)+1,1))-1)+IF('Standard Profiles'!$G$22=$B$10,7,0)+IF('Standard Profiles'!$G$22=$B$17,14,0)+IF('Standard Profiles'!$G$22=$B$24,21,0),MOD($C45,24)+1)/SUM(INDEX($D$3:$AA$30,INDEX(Jesper!$R$2:$R$366,ROW(INDEX(Jesper!AL$2:AL$366,ROUNDDOWN($C45/24,0)+1,1))-1)+IF('Standard Profiles'!$G$22=$B$10,7,0)+IF('Standard Profiles'!$G$22=$B$17,14,0)+IF('Standard Profiles'!$G$22=$B$24,21,0),0)),0)</f>
        <v>0</v>
      </c>
      <c r="I45">
        <f t="shared" si="20"/>
        <v>0.5548771776712359</v>
      </c>
      <c r="J45">
        <f t="shared" si="21"/>
        <v>1.8495905922374529</v>
      </c>
      <c r="K45">
        <f t="shared" si="22"/>
        <v>2.7743858883561794</v>
      </c>
      <c r="L45">
        <f t="shared" si="23"/>
        <v>13.317052264109661</v>
      </c>
      <c r="M45">
        <f t="shared" si="24"/>
        <v>0</v>
      </c>
      <c r="N45" s="46">
        <f t="shared" si="25"/>
        <v>45292.458333333307</v>
      </c>
      <c r="O45">
        <v>0.54796755593104629</v>
      </c>
      <c r="P45">
        <v>1.8265585197701544</v>
      </c>
      <c r="Q45">
        <v>2.7398377796552316</v>
      </c>
      <c r="R45">
        <v>13.151221342345112</v>
      </c>
      <c r="S45">
        <v>0</v>
      </c>
      <c r="T45" s="46">
        <v>45635.458333313341</v>
      </c>
      <c r="U45" t="str">
        <f>CHOOSE(WEEKDAY(T45,2),"Monday","Tuesday","Wednesday","Thursday","Friday","Saturday","Sunday")</f>
        <v>Monday</v>
      </c>
      <c r="AB45" s="16" t="str">
        <f>Jesper!AT30</f>
        <v>C</v>
      </c>
      <c r="AC45" s="16" t="str">
        <f>Jesper!AU30</f>
        <v>T1</v>
      </c>
      <c r="AD45" s="16" t="str">
        <f>Jesper!AV30</f>
        <v>T2</v>
      </c>
      <c r="AE45" s="16" t="str">
        <f>Jesper!AW30</f>
        <v>T3</v>
      </c>
      <c r="AF45" s="16" t="str">
        <f>Jesper!AX30</f>
        <v>T4</v>
      </c>
      <c r="AG45" s="16" t="str">
        <f>Jesper!AY30</f>
        <v>T5</v>
      </c>
    </row>
    <row r="46" spans="2:33" x14ac:dyDescent="0.3">
      <c r="B46">
        <f t="shared" si="19"/>
        <v>1</v>
      </c>
      <c r="C46" s="16">
        <v>12</v>
      </c>
      <c r="D46" cm="1">
        <f t="array" ref="D46">IFERROR(INDEX(Jesper!AH$2:AH$366,ROUNDDOWN($C46/24,0)+1,1)*INDEX($D$3:$AA$30,INDEX(Jesper!$R$2:$R$366,ROW(INDEX(Jesper!AH$2:AH$366,ROUNDDOWN($C46/24,0)+1,1))-1)+IF('Standard Profiles'!$G$18=$B$10,7,0)+IF('Standard Profiles'!$G$18=$B$17,14,0)+IF('Standard Profiles'!$G$18=$B$24,21,0),MOD($C46,24)+1)/SUM(INDEX($D$3:$AA$30,INDEX(Jesper!$R$2:$R$366,ROW(INDEX(Jesper!AH$2:AH$366,ROUNDDOWN($C46/24,0)+1,1))-1)+IF('Standard Profiles'!$G$18=$B$10,7,0)+IF('Standard Profiles'!$G$18=$B$17,14,0)+IF('Standard Profiles'!$G$18=$B$24,21,0),0)),0)</f>
        <v>18.495905922374529</v>
      </c>
      <c r="E46" cm="1">
        <f t="array" ref="E46">IFERROR(INDEX(Jesper!AI$2:AI$366,ROUNDDOWN($C46/24,0)+1,1)*INDEX($D$3:$AA$30,INDEX(Jesper!$R$2:$R$366,ROW(INDEX(Jesper!AI$2:AI$366,ROUNDDOWN($C46/24,0)+1,1))-1)+IF('Standard Profiles'!$G$19=$B$10,7,0)+IF('Standard Profiles'!$G$19=$B$17,14,0)+IF('Standard Profiles'!$G$19=$B$24,21,0),MOD($C46,24)+1)/SUM(INDEX($D$3:$AA$30,INDEX(Jesper!$R$2:$R$366,ROW(INDEX(Jesper!AI$2:AI$366,ROUNDDOWN($C46/24,0)+1,1))-1)+IF('Standard Profiles'!$G$19=$B$10,7,0)+IF('Standard Profiles'!$G$19=$B$17,14,0)+IF('Standard Profiles'!$G$19=$B$24,21,0),0)),0)</f>
        <v>0</v>
      </c>
      <c r="F46" cm="1">
        <f t="array" ref="F46">IFERROR(INDEX(Jesper!AJ$2:AJ$366,ROUNDDOWN($C46/24,0)+1,1)*INDEX($D$3:$AA$30,INDEX(Jesper!$R$2:$R$366,ROW(INDEX(Jesper!AJ$2:AJ$366,ROUNDDOWN($C46/24,0)+1,1))-1)+IF('Standard Profiles'!$G$20=$B$10,7,0)+IF('Standard Profiles'!$G$20=$B$17,14,0)+IF('Standard Profiles'!$G$20=$B$24,21,0),MOD($C46,24)+1)/SUM(INDEX($D$3:$AA$30,INDEX(Jesper!$R$2:$R$366,ROW(INDEX(Jesper!AJ$2:AJ$366,ROUNDDOWN($C46/24,0)+1,1))-1)+IF('Standard Profiles'!$G$20=$B$10,7,0)+IF('Standard Profiles'!$G$20=$B$17,14,0)+IF('Standard Profiles'!$G$20=$B$24,21,0),0)),0)</f>
        <v>0</v>
      </c>
      <c r="G46" cm="1">
        <f t="array" ref="G46">IFERROR(INDEX(Jesper!AK$2:AK$366,ROUNDDOWN($C46/24,0)+1,1)*INDEX($D$3:$AA$30,INDEX(Jesper!$R$2:$R$366,ROW(INDEX(Jesper!AK$2:AK$366,ROUNDDOWN($C46/24,0)+1,1))-1)+IF('Standard Profiles'!$G$21=$B$10,7,0)+IF('Standard Profiles'!$G$21=$B$17,14,0)+IF('Standard Profiles'!$G$21=$B$24,21,0),MOD($C46,24)+1)/SUM(INDEX($D$3:$AA$30,INDEX(Jesper!$R$2:$R$366,ROW(INDEX(Jesper!AK$2:AK$366,ROUNDDOWN($C46/24,0)+1,1))-1)+IF('Standard Profiles'!$G$21=$B$10,7,0)+IF('Standard Profiles'!$G$21=$B$17,14,0)+IF('Standard Profiles'!$G$21=$B$24,21,0),0)),0)</f>
        <v>0</v>
      </c>
      <c r="H46" cm="1">
        <f t="array" ref="H46">IFERROR(INDEX(Jesper!AL$2:AL$366,ROUNDDOWN($C46/24,0)+1,1)*INDEX($D$3:$AA$30,INDEX(Jesper!$R$2:$R$366,ROW(INDEX(Jesper!AL$2:AL$366,ROUNDDOWN($C46/24,0)+1,1))-1)+IF('Standard Profiles'!$G$22=$B$10,7,0)+IF('Standard Profiles'!$G$22=$B$17,14,0)+IF('Standard Profiles'!$G$22=$B$24,21,0),MOD($C46,24)+1)/SUM(INDEX($D$3:$AA$30,INDEX(Jesper!$R$2:$R$366,ROW(INDEX(Jesper!AL$2:AL$366,ROUNDDOWN($C46/24,0)+1,1))-1)+IF('Standard Profiles'!$G$22=$B$10,7,0)+IF('Standard Profiles'!$G$22=$B$17,14,0)+IF('Standard Profiles'!$G$22=$B$24,21,0),0)),0)</f>
        <v>0</v>
      </c>
      <c r="I46">
        <f t="shared" si="20"/>
        <v>0.5548771776712359</v>
      </c>
      <c r="J46">
        <f t="shared" si="21"/>
        <v>1.8495905922374529</v>
      </c>
      <c r="K46">
        <f t="shared" si="22"/>
        <v>2.7743858883561794</v>
      </c>
      <c r="L46">
        <f t="shared" si="23"/>
        <v>13.317052264109661</v>
      </c>
      <c r="M46">
        <f t="shared" si="24"/>
        <v>0</v>
      </c>
      <c r="N46" s="46">
        <f t="shared" si="25"/>
        <v>45292.499999999971</v>
      </c>
      <c r="O46">
        <v>0.54796755593104629</v>
      </c>
      <c r="P46">
        <v>1.8265585197701544</v>
      </c>
      <c r="Q46">
        <v>2.7398377796552316</v>
      </c>
      <c r="R46">
        <v>13.151221342345112</v>
      </c>
      <c r="S46">
        <v>0</v>
      </c>
      <c r="T46" s="46">
        <v>45635.499999980006</v>
      </c>
      <c r="AB46" s="16">
        <f>Jesper!AT31</f>
        <v>0</v>
      </c>
      <c r="AC46" s="16">
        <f>Jesper!AU31</f>
        <v>0</v>
      </c>
      <c r="AD46" s="16">
        <f>Jesper!AV31</f>
        <v>0</v>
      </c>
      <c r="AE46" s="16">
        <f>Jesper!AW31</f>
        <v>0</v>
      </c>
      <c r="AF46" s="16">
        <f>Jesper!AX31</f>
        <v>1</v>
      </c>
      <c r="AG46" s="16">
        <f>Jesper!AY31</f>
        <v>0</v>
      </c>
    </row>
    <row r="47" spans="2:33" x14ac:dyDescent="0.3">
      <c r="B47">
        <f t="shared" si="19"/>
        <v>1</v>
      </c>
      <c r="C47" s="16">
        <v>13</v>
      </c>
      <c r="D47" cm="1">
        <f t="array" ref="D47">IFERROR(INDEX(Jesper!AH$2:AH$366,ROUNDDOWN($C47/24,0)+1,1)*INDEX($D$3:$AA$30,INDEX(Jesper!$R$2:$R$366,ROW(INDEX(Jesper!AH$2:AH$366,ROUNDDOWN($C47/24,0)+1,1))-1)+IF('Standard Profiles'!$G$18=$B$10,7,0)+IF('Standard Profiles'!$G$18=$B$17,14,0)+IF('Standard Profiles'!$G$18=$B$24,21,0),MOD($C47,24)+1)/SUM(INDEX($D$3:$AA$30,INDEX(Jesper!$R$2:$R$366,ROW(INDEX(Jesper!AH$2:AH$366,ROUNDDOWN($C47/24,0)+1,1))-1)+IF('Standard Profiles'!$G$18=$B$10,7,0)+IF('Standard Profiles'!$G$18=$B$17,14,0)+IF('Standard Profiles'!$G$18=$B$24,21,0),0)),0)</f>
        <v>12.253537673573124</v>
      </c>
      <c r="E47" cm="1">
        <f t="array" ref="E47">IFERROR(INDEX(Jesper!AI$2:AI$366,ROUNDDOWN($C47/24,0)+1,1)*INDEX($D$3:$AA$30,INDEX(Jesper!$R$2:$R$366,ROW(INDEX(Jesper!AI$2:AI$366,ROUNDDOWN($C47/24,0)+1,1))-1)+IF('Standard Profiles'!$G$19=$B$10,7,0)+IF('Standard Profiles'!$G$19=$B$17,14,0)+IF('Standard Profiles'!$G$19=$B$24,21,0),MOD($C47,24)+1)/SUM(INDEX($D$3:$AA$30,INDEX(Jesper!$R$2:$R$366,ROW(INDEX(Jesper!AI$2:AI$366,ROUNDDOWN($C47/24,0)+1,1))-1)+IF('Standard Profiles'!$G$19=$B$10,7,0)+IF('Standard Profiles'!$G$19=$B$17,14,0)+IF('Standard Profiles'!$G$19=$B$24,21,0),0)),0)</f>
        <v>0</v>
      </c>
      <c r="F47" cm="1">
        <f t="array" ref="F47">IFERROR(INDEX(Jesper!AJ$2:AJ$366,ROUNDDOWN($C47/24,0)+1,1)*INDEX($D$3:$AA$30,INDEX(Jesper!$R$2:$R$366,ROW(INDEX(Jesper!AJ$2:AJ$366,ROUNDDOWN($C47/24,0)+1,1))-1)+IF('Standard Profiles'!$G$20=$B$10,7,0)+IF('Standard Profiles'!$G$20=$B$17,14,0)+IF('Standard Profiles'!$G$20=$B$24,21,0),MOD($C47,24)+1)/SUM(INDEX($D$3:$AA$30,INDEX(Jesper!$R$2:$R$366,ROW(INDEX(Jesper!AJ$2:AJ$366,ROUNDDOWN($C47/24,0)+1,1))-1)+IF('Standard Profiles'!$G$20=$B$10,7,0)+IF('Standard Profiles'!$G$20=$B$17,14,0)+IF('Standard Profiles'!$G$20=$B$24,21,0),0)),0)</f>
        <v>0</v>
      </c>
      <c r="G47" cm="1">
        <f t="array" ref="G47">IFERROR(INDEX(Jesper!AK$2:AK$366,ROUNDDOWN($C47/24,0)+1,1)*INDEX($D$3:$AA$30,INDEX(Jesper!$R$2:$R$366,ROW(INDEX(Jesper!AK$2:AK$366,ROUNDDOWN($C47/24,0)+1,1))-1)+IF('Standard Profiles'!$G$21=$B$10,7,0)+IF('Standard Profiles'!$G$21=$B$17,14,0)+IF('Standard Profiles'!$G$21=$B$24,21,0),MOD($C47,24)+1)/SUM(INDEX($D$3:$AA$30,INDEX(Jesper!$R$2:$R$366,ROW(INDEX(Jesper!AK$2:AK$366,ROUNDDOWN($C47/24,0)+1,1))-1)+IF('Standard Profiles'!$G$21=$B$10,7,0)+IF('Standard Profiles'!$G$21=$B$17,14,0)+IF('Standard Profiles'!$G$21=$B$24,21,0),0)),0)</f>
        <v>0</v>
      </c>
      <c r="H47" cm="1">
        <f t="array" ref="H47">IFERROR(INDEX(Jesper!AL$2:AL$366,ROUNDDOWN($C47/24,0)+1,1)*INDEX($D$3:$AA$30,INDEX(Jesper!$R$2:$R$366,ROW(INDEX(Jesper!AL$2:AL$366,ROUNDDOWN($C47/24,0)+1,1))-1)+IF('Standard Profiles'!$G$22=$B$10,7,0)+IF('Standard Profiles'!$G$22=$B$17,14,0)+IF('Standard Profiles'!$G$22=$B$24,21,0),MOD($C47,24)+1)/SUM(INDEX($D$3:$AA$30,INDEX(Jesper!$R$2:$R$366,ROW(INDEX(Jesper!AL$2:AL$366,ROUNDDOWN($C47/24,0)+1,1))-1)+IF('Standard Profiles'!$G$22=$B$10,7,0)+IF('Standard Profiles'!$G$22=$B$17,14,0)+IF('Standard Profiles'!$G$22=$B$24,21,0),0)),0)</f>
        <v>0</v>
      </c>
      <c r="I47">
        <f t="shared" si="20"/>
        <v>0.36760613020719368</v>
      </c>
      <c r="J47">
        <f t="shared" si="21"/>
        <v>1.2253537673573125</v>
      </c>
      <c r="K47">
        <f t="shared" si="22"/>
        <v>1.8380306510359685</v>
      </c>
      <c r="L47">
        <f t="shared" si="23"/>
        <v>8.8225471249726493</v>
      </c>
      <c r="M47">
        <f t="shared" si="24"/>
        <v>0</v>
      </c>
      <c r="N47" s="46">
        <f t="shared" si="25"/>
        <v>45292.541666666635</v>
      </c>
      <c r="O47">
        <v>0.36302850580431817</v>
      </c>
      <c r="P47">
        <v>1.2100950193477273</v>
      </c>
      <c r="Q47">
        <v>1.8151425290215908</v>
      </c>
      <c r="R47">
        <v>8.7126841393036365</v>
      </c>
      <c r="S47">
        <v>0</v>
      </c>
      <c r="T47" s="46">
        <v>45635.54166664667</v>
      </c>
      <c r="AB47" s="16">
        <f>Jesper!AT32</f>
        <v>1</v>
      </c>
      <c r="AC47" s="16">
        <f>Jesper!AU32</f>
        <v>9.0090090090090114E-2</v>
      </c>
      <c r="AD47" s="16">
        <f>Jesper!AV32</f>
        <v>0.30030030030030042</v>
      </c>
      <c r="AE47" s="16">
        <f>Jesper!AW32</f>
        <v>0.45045045045045062</v>
      </c>
      <c r="AF47" s="16">
        <f>Jesper!AX32</f>
        <v>0.15915915915915893</v>
      </c>
      <c r="AG47" s="16">
        <f>Jesper!AY32</f>
        <v>0</v>
      </c>
    </row>
    <row r="48" spans="2:33" x14ac:dyDescent="0.3">
      <c r="B48">
        <f t="shared" si="19"/>
        <v>1</v>
      </c>
      <c r="C48" s="16">
        <v>14</v>
      </c>
      <c r="D48" cm="1">
        <f t="array" ref="D48">IFERROR(INDEX(Jesper!AH$2:AH$366,ROUNDDOWN($C48/24,0)+1,1)*INDEX($D$3:$AA$30,INDEX(Jesper!$R$2:$R$366,ROW(INDEX(Jesper!AH$2:AH$366,ROUNDDOWN($C48/24,0)+1,1))-1)+IF('Standard Profiles'!$G$18=$B$10,7,0)+IF('Standard Profiles'!$G$18=$B$17,14,0)+IF('Standard Profiles'!$G$18=$B$24,21,0),MOD($C48,24)+1)/SUM(INDEX($D$3:$AA$30,INDEX(Jesper!$R$2:$R$366,ROW(INDEX(Jesper!AH$2:AH$366,ROUNDDOWN($C48/24,0)+1,1))-1)+IF('Standard Profiles'!$G$18=$B$10,7,0)+IF('Standard Profiles'!$G$18=$B$17,14,0)+IF('Standard Profiles'!$G$18=$B$24,21,0),0)),0)</f>
        <v>18.495905922374529</v>
      </c>
      <c r="E48" cm="1">
        <f t="array" ref="E48">IFERROR(INDEX(Jesper!AI$2:AI$366,ROUNDDOWN($C48/24,0)+1,1)*INDEX($D$3:$AA$30,INDEX(Jesper!$R$2:$R$366,ROW(INDEX(Jesper!AI$2:AI$366,ROUNDDOWN($C48/24,0)+1,1))-1)+IF('Standard Profiles'!$G$19=$B$10,7,0)+IF('Standard Profiles'!$G$19=$B$17,14,0)+IF('Standard Profiles'!$G$19=$B$24,21,0),MOD($C48,24)+1)/SUM(INDEX($D$3:$AA$30,INDEX(Jesper!$R$2:$R$366,ROW(INDEX(Jesper!AI$2:AI$366,ROUNDDOWN($C48/24,0)+1,1))-1)+IF('Standard Profiles'!$G$19=$B$10,7,0)+IF('Standard Profiles'!$G$19=$B$17,14,0)+IF('Standard Profiles'!$G$19=$B$24,21,0),0)),0)</f>
        <v>0</v>
      </c>
      <c r="F48" cm="1">
        <f t="array" ref="F48">IFERROR(INDEX(Jesper!AJ$2:AJ$366,ROUNDDOWN($C48/24,0)+1,1)*INDEX($D$3:$AA$30,INDEX(Jesper!$R$2:$R$366,ROW(INDEX(Jesper!AJ$2:AJ$366,ROUNDDOWN($C48/24,0)+1,1))-1)+IF('Standard Profiles'!$G$20=$B$10,7,0)+IF('Standard Profiles'!$G$20=$B$17,14,0)+IF('Standard Profiles'!$G$20=$B$24,21,0),MOD($C48,24)+1)/SUM(INDEX($D$3:$AA$30,INDEX(Jesper!$R$2:$R$366,ROW(INDEX(Jesper!AJ$2:AJ$366,ROUNDDOWN($C48/24,0)+1,1))-1)+IF('Standard Profiles'!$G$20=$B$10,7,0)+IF('Standard Profiles'!$G$20=$B$17,14,0)+IF('Standard Profiles'!$G$20=$B$24,21,0),0)),0)</f>
        <v>0</v>
      </c>
      <c r="G48" cm="1">
        <f t="array" ref="G48">IFERROR(INDEX(Jesper!AK$2:AK$366,ROUNDDOWN($C48/24,0)+1,1)*INDEX($D$3:$AA$30,INDEX(Jesper!$R$2:$R$366,ROW(INDEX(Jesper!AK$2:AK$366,ROUNDDOWN($C48/24,0)+1,1))-1)+IF('Standard Profiles'!$G$21=$B$10,7,0)+IF('Standard Profiles'!$G$21=$B$17,14,0)+IF('Standard Profiles'!$G$21=$B$24,21,0),MOD($C48,24)+1)/SUM(INDEX($D$3:$AA$30,INDEX(Jesper!$R$2:$R$366,ROW(INDEX(Jesper!AK$2:AK$366,ROUNDDOWN($C48/24,0)+1,1))-1)+IF('Standard Profiles'!$G$21=$B$10,7,0)+IF('Standard Profiles'!$G$21=$B$17,14,0)+IF('Standard Profiles'!$G$21=$B$24,21,0),0)),0)</f>
        <v>0</v>
      </c>
      <c r="H48" cm="1">
        <f t="array" ref="H48">IFERROR(INDEX(Jesper!AL$2:AL$366,ROUNDDOWN($C48/24,0)+1,1)*INDEX($D$3:$AA$30,INDEX(Jesper!$R$2:$R$366,ROW(INDEX(Jesper!AL$2:AL$366,ROUNDDOWN($C48/24,0)+1,1))-1)+IF('Standard Profiles'!$G$22=$B$10,7,0)+IF('Standard Profiles'!$G$22=$B$17,14,0)+IF('Standard Profiles'!$G$22=$B$24,21,0),MOD($C48,24)+1)/SUM(INDEX($D$3:$AA$30,INDEX(Jesper!$R$2:$R$366,ROW(INDEX(Jesper!AL$2:AL$366,ROUNDDOWN($C48/24,0)+1,1))-1)+IF('Standard Profiles'!$G$22=$B$10,7,0)+IF('Standard Profiles'!$G$22=$B$17,14,0)+IF('Standard Profiles'!$G$22=$B$24,21,0),0)),0)</f>
        <v>0</v>
      </c>
      <c r="I48">
        <f t="shared" si="20"/>
        <v>0.5548771776712359</v>
      </c>
      <c r="J48">
        <f t="shared" si="21"/>
        <v>1.8495905922374529</v>
      </c>
      <c r="K48">
        <f t="shared" si="22"/>
        <v>2.7743858883561794</v>
      </c>
      <c r="L48">
        <f t="shared" si="23"/>
        <v>13.317052264109661</v>
      </c>
      <c r="M48">
        <f t="shared" si="24"/>
        <v>0</v>
      </c>
      <c r="N48" s="46">
        <f t="shared" si="25"/>
        <v>45292.583333333299</v>
      </c>
      <c r="O48">
        <v>0.54796755593104629</v>
      </c>
      <c r="P48">
        <v>1.8265585197701544</v>
      </c>
      <c r="Q48">
        <v>2.7398377796552316</v>
      </c>
      <c r="R48">
        <v>13.151221342345112</v>
      </c>
      <c r="S48">
        <v>0</v>
      </c>
      <c r="T48" s="46">
        <v>45635.583333313334</v>
      </c>
      <c r="AB48" s="16">
        <f>Jesper!AT33</f>
        <v>2</v>
      </c>
      <c r="AC48" s="16">
        <f>Jesper!AU33</f>
        <v>0</v>
      </c>
      <c r="AD48" s="16">
        <f>Jesper!AV33</f>
        <v>0</v>
      </c>
      <c r="AE48" s="16">
        <f>Jesper!AW33</f>
        <v>0</v>
      </c>
      <c r="AF48" s="16">
        <f>Jesper!AX33</f>
        <v>0</v>
      </c>
      <c r="AG48" s="16">
        <f>Jesper!AY33</f>
        <v>0</v>
      </c>
    </row>
    <row r="49" spans="2:33" x14ac:dyDescent="0.3">
      <c r="B49">
        <f t="shared" si="19"/>
        <v>1</v>
      </c>
      <c r="C49" s="16">
        <v>15</v>
      </c>
      <c r="D49" cm="1">
        <f t="array" ref="D49">IFERROR(INDEX(Jesper!AH$2:AH$366,ROUNDDOWN($C49/24,0)+1,1)*INDEX($D$3:$AA$30,INDEX(Jesper!$R$2:$R$366,ROW(INDEX(Jesper!AH$2:AH$366,ROUNDDOWN($C49/24,0)+1,1))-1)+IF('Standard Profiles'!$G$18=$B$10,7,0)+IF('Standard Profiles'!$G$18=$B$17,14,0)+IF('Standard Profiles'!$G$18=$B$24,21,0),MOD($C49,24)+1)/SUM(INDEX($D$3:$AA$30,INDEX(Jesper!$R$2:$R$366,ROW(INDEX(Jesper!AH$2:AH$366,ROUNDDOWN($C49/24,0)+1,1))-1)+IF('Standard Profiles'!$G$18=$B$10,7,0)+IF('Standard Profiles'!$G$18=$B$17,14,0)+IF('Standard Profiles'!$G$18=$B$24,21,0),0)),0)</f>
        <v>18.495905922374529</v>
      </c>
      <c r="E49" cm="1">
        <f t="array" ref="E49">IFERROR(INDEX(Jesper!AI$2:AI$366,ROUNDDOWN($C49/24,0)+1,1)*INDEX($D$3:$AA$30,INDEX(Jesper!$R$2:$R$366,ROW(INDEX(Jesper!AI$2:AI$366,ROUNDDOWN($C49/24,0)+1,1))-1)+IF('Standard Profiles'!$G$19=$B$10,7,0)+IF('Standard Profiles'!$G$19=$B$17,14,0)+IF('Standard Profiles'!$G$19=$B$24,21,0),MOD($C49,24)+1)/SUM(INDEX($D$3:$AA$30,INDEX(Jesper!$R$2:$R$366,ROW(INDEX(Jesper!AI$2:AI$366,ROUNDDOWN($C49/24,0)+1,1))-1)+IF('Standard Profiles'!$G$19=$B$10,7,0)+IF('Standard Profiles'!$G$19=$B$17,14,0)+IF('Standard Profiles'!$G$19=$B$24,21,0),0)),0)</f>
        <v>0</v>
      </c>
      <c r="F49" cm="1">
        <f t="array" ref="F49">IFERROR(INDEX(Jesper!AJ$2:AJ$366,ROUNDDOWN($C49/24,0)+1,1)*INDEX($D$3:$AA$30,INDEX(Jesper!$R$2:$R$366,ROW(INDEX(Jesper!AJ$2:AJ$366,ROUNDDOWN($C49/24,0)+1,1))-1)+IF('Standard Profiles'!$G$20=$B$10,7,0)+IF('Standard Profiles'!$G$20=$B$17,14,0)+IF('Standard Profiles'!$G$20=$B$24,21,0),MOD($C49,24)+1)/SUM(INDEX($D$3:$AA$30,INDEX(Jesper!$R$2:$R$366,ROW(INDEX(Jesper!AJ$2:AJ$366,ROUNDDOWN($C49/24,0)+1,1))-1)+IF('Standard Profiles'!$G$20=$B$10,7,0)+IF('Standard Profiles'!$G$20=$B$17,14,0)+IF('Standard Profiles'!$G$20=$B$24,21,0),0)),0)</f>
        <v>0</v>
      </c>
      <c r="G49" cm="1">
        <f t="array" ref="G49">IFERROR(INDEX(Jesper!AK$2:AK$366,ROUNDDOWN($C49/24,0)+1,1)*INDEX($D$3:$AA$30,INDEX(Jesper!$R$2:$R$366,ROW(INDEX(Jesper!AK$2:AK$366,ROUNDDOWN($C49/24,0)+1,1))-1)+IF('Standard Profiles'!$G$21=$B$10,7,0)+IF('Standard Profiles'!$G$21=$B$17,14,0)+IF('Standard Profiles'!$G$21=$B$24,21,0),MOD($C49,24)+1)/SUM(INDEX($D$3:$AA$30,INDEX(Jesper!$R$2:$R$366,ROW(INDEX(Jesper!AK$2:AK$366,ROUNDDOWN($C49/24,0)+1,1))-1)+IF('Standard Profiles'!$G$21=$B$10,7,0)+IF('Standard Profiles'!$G$21=$B$17,14,0)+IF('Standard Profiles'!$G$21=$B$24,21,0),0)),0)</f>
        <v>0</v>
      </c>
      <c r="H49" cm="1">
        <f t="array" ref="H49">IFERROR(INDEX(Jesper!AL$2:AL$366,ROUNDDOWN($C49/24,0)+1,1)*INDEX($D$3:$AA$30,INDEX(Jesper!$R$2:$R$366,ROW(INDEX(Jesper!AL$2:AL$366,ROUNDDOWN($C49/24,0)+1,1))-1)+IF('Standard Profiles'!$G$22=$B$10,7,0)+IF('Standard Profiles'!$G$22=$B$17,14,0)+IF('Standard Profiles'!$G$22=$B$24,21,0),MOD($C49,24)+1)/SUM(INDEX($D$3:$AA$30,INDEX(Jesper!$R$2:$R$366,ROW(INDEX(Jesper!AL$2:AL$366,ROUNDDOWN($C49/24,0)+1,1))-1)+IF('Standard Profiles'!$G$22=$B$10,7,0)+IF('Standard Profiles'!$G$22=$B$17,14,0)+IF('Standard Profiles'!$G$22=$B$24,21,0),0)),0)</f>
        <v>0</v>
      </c>
      <c r="I49">
        <f t="shared" si="20"/>
        <v>0.5548771776712359</v>
      </c>
      <c r="J49">
        <f t="shared" si="21"/>
        <v>1.8495905922374529</v>
      </c>
      <c r="K49">
        <f t="shared" si="22"/>
        <v>2.7743858883561794</v>
      </c>
      <c r="L49">
        <f t="shared" si="23"/>
        <v>13.317052264109661</v>
      </c>
      <c r="M49">
        <f t="shared" si="24"/>
        <v>0</v>
      </c>
      <c r="N49" s="46">
        <f t="shared" si="25"/>
        <v>45292.624999999964</v>
      </c>
      <c r="O49">
        <v>0.54796755593104629</v>
      </c>
      <c r="P49">
        <v>1.8265585197701544</v>
      </c>
      <c r="Q49">
        <v>2.7398377796552316</v>
      </c>
      <c r="R49">
        <v>13.151221342345112</v>
      </c>
      <c r="S49">
        <v>0</v>
      </c>
      <c r="T49" s="46">
        <v>45635.624999979998</v>
      </c>
      <c r="AB49" s="16">
        <f>Jesper!AT34</f>
        <v>3</v>
      </c>
      <c r="AC49" s="16">
        <f>Jesper!AU34</f>
        <v>0</v>
      </c>
      <c r="AD49" s="16">
        <f>Jesper!AV34</f>
        <v>0</v>
      </c>
      <c r="AE49" s="16">
        <f>Jesper!AW34</f>
        <v>0</v>
      </c>
      <c r="AF49" s="16">
        <f>Jesper!AX34</f>
        <v>0</v>
      </c>
      <c r="AG49" s="16">
        <f>Jesper!AY34</f>
        <v>0</v>
      </c>
    </row>
    <row r="50" spans="2:33" x14ac:dyDescent="0.3">
      <c r="B50">
        <f t="shared" si="19"/>
        <v>1</v>
      </c>
      <c r="C50" s="16">
        <v>16</v>
      </c>
      <c r="D50" cm="1">
        <f t="array" ref="D50">IFERROR(INDEX(Jesper!AH$2:AH$366,ROUNDDOWN($C50/24,0)+1,1)*INDEX($D$3:$AA$30,INDEX(Jesper!$R$2:$R$366,ROW(INDEX(Jesper!AH$2:AH$366,ROUNDDOWN($C50/24,0)+1,1))-1)+IF('Standard Profiles'!$G$18=$B$10,7,0)+IF('Standard Profiles'!$G$18=$B$17,14,0)+IF('Standard Profiles'!$G$18=$B$24,21,0),MOD($C50,24)+1)/SUM(INDEX($D$3:$AA$30,INDEX(Jesper!$R$2:$R$366,ROW(INDEX(Jesper!AH$2:AH$366,ROUNDDOWN($C50/24,0)+1,1))-1)+IF('Standard Profiles'!$G$18=$B$10,7,0)+IF('Standard Profiles'!$G$18=$B$17,14,0)+IF('Standard Profiles'!$G$18=$B$24,21,0),0)),0)</f>
        <v>18.495905922374529</v>
      </c>
      <c r="E50" cm="1">
        <f t="array" ref="E50">IFERROR(INDEX(Jesper!AI$2:AI$366,ROUNDDOWN($C50/24,0)+1,1)*INDEX($D$3:$AA$30,INDEX(Jesper!$R$2:$R$366,ROW(INDEX(Jesper!AI$2:AI$366,ROUNDDOWN($C50/24,0)+1,1))-1)+IF('Standard Profiles'!$G$19=$B$10,7,0)+IF('Standard Profiles'!$G$19=$B$17,14,0)+IF('Standard Profiles'!$G$19=$B$24,21,0),MOD($C50,24)+1)/SUM(INDEX($D$3:$AA$30,INDEX(Jesper!$R$2:$R$366,ROW(INDEX(Jesper!AI$2:AI$366,ROUNDDOWN($C50/24,0)+1,1))-1)+IF('Standard Profiles'!$G$19=$B$10,7,0)+IF('Standard Profiles'!$G$19=$B$17,14,0)+IF('Standard Profiles'!$G$19=$B$24,21,0),0)),0)</f>
        <v>0</v>
      </c>
      <c r="F50" cm="1">
        <f t="array" ref="F50">IFERROR(INDEX(Jesper!AJ$2:AJ$366,ROUNDDOWN($C50/24,0)+1,1)*INDEX($D$3:$AA$30,INDEX(Jesper!$R$2:$R$366,ROW(INDEX(Jesper!AJ$2:AJ$366,ROUNDDOWN($C50/24,0)+1,1))-1)+IF('Standard Profiles'!$G$20=$B$10,7,0)+IF('Standard Profiles'!$G$20=$B$17,14,0)+IF('Standard Profiles'!$G$20=$B$24,21,0),MOD($C50,24)+1)/SUM(INDEX($D$3:$AA$30,INDEX(Jesper!$R$2:$R$366,ROW(INDEX(Jesper!AJ$2:AJ$366,ROUNDDOWN($C50/24,0)+1,1))-1)+IF('Standard Profiles'!$G$20=$B$10,7,0)+IF('Standard Profiles'!$G$20=$B$17,14,0)+IF('Standard Profiles'!$G$20=$B$24,21,0),0)),0)</f>
        <v>0</v>
      </c>
      <c r="G50" cm="1">
        <f t="array" ref="G50">IFERROR(INDEX(Jesper!AK$2:AK$366,ROUNDDOWN($C50/24,0)+1,1)*INDEX($D$3:$AA$30,INDEX(Jesper!$R$2:$R$366,ROW(INDEX(Jesper!AK$2:AK$366,ROUNDDOWN($C50/24,0)+1,1))-1)+IF('Standard Profiles'!$G$21=$B$10,7,0)+IF('Standard Profiles'!$G$21=$B$17,14,0)+IF('Standard Profiles'!$G$21=$B$24,21,0),MOD($C50,24)+1)/SUM(INDEX($D$3:$AA$30,INDEX(Jesper!$R$2:$R$366,ROW(INDEX(Jesper!AK$2:AK$366,ROUNDDOWN($C50/24,0)+1,1))-1)+IF('Standard Profiles'!$G$21=$B$10,7,0)+IF('Standard Profiles'!$G$21=$B$17,14,0)+IF('Standard Profiles'!$G$21=$B$24,21,0),0)),0)</f>
        <v>0</v>
      </c>
      <c r="H50" cm="1">
        <f t="array" ref="H50">IFERROR(INDEX(Jesper!AL$2:AL$366,ROUNDDOWN($C50/24,0)+1,1)*INDEX($D$3:$AA$30,INDEX(Jesper!$R$2:$R$366,ROW(INDEX(Jesper!AL$2:AL$366,ROUNDDOWN($C50/24,0)+1,1))-1)+IF('Standard Profiles'!$G$22=$B$10,7,0)+IF('Standard Profiles'!$G$22=$B$17,14,0)+IF('Standard Profiles'!$G$22=$B$24,21,0),MOD($C50,24)+1)/SUM(INDEX($D$3:$AA$30,INDEX(Jesper!$R$2:$R$366,ROW(INDEX(Jesper!AL$2:AL$366,ROUNDDOWN($C50/24,0)+1,1))-1)+IF('Standard Profiles'!$G$22=$B$10,7,0)+IF('Standard Profiles'!$G$22=$B$17,14,0)+IF('Standard Profiles'!$G$22=$B$24,21,0),0)),0)</f>
        <v>0</v>
      </c>
      <c r="I50">
        <f t="shared" si="20"/>
        <v>0.5548771776712359</v>
      </c>
      <c r="J50">
        <f t="shared" si="21"/>
        <v>1.8495905922374529</v>
      </c>
      <c r="K50">
        <f t="shared" si="22"/>
        <v>2.7743858883561794</v>
      </c>
      <c r="L50">
        <f t="shared" si="23"/>
        <v>13.317052264109661</v>
      </c>
      <c r="M50">
        <f t="shared" si="24"/>
        <v>0</v>
      </c>
      <c r="N50" s="46">
        <f t="shared" si="25"/>
        <v>45292.666666666628</v>
      </c>
      <c r="O50">
        <v>0.54796755593104629</v>
      </c>
      <c r="P50">
        <v>1.8265585197701544</v>
      </c>
      <c r="Q50">
        <v>2.7398377796552316</v>
      </c>
      <c r="R50">
        <v>13.151221342345112</v>
      </c>
      <c r="S50">
        <v>0</v>
      </c>
      <c r="T50" s="46">
        <v>45635.666666646663</v>
      </c>
      <c r="AB50" s="16">
        <f>Jesper!AT35</f>
        <v>4</v>
      </c>
      <c r="AC50" s="16">
        <f>Jesper!AU35</f>
        <v>0</v>
      </c>
      <c r="AD50" s="16">
        <f>Jesper!AV35</f>
        <v>0</v>
      </c>
      <c r="AE50" s="16">
        <f>Jesper!AW35</f>
        <v>0</v>
      </c>
      <c r="AF50" s="16">
        <f>Jesper!AX35</f>
        <v>0</v>
      </c>
      <c r="AG50" s="16">
        <f>Jesper!AY35</f>
        <v>0</v>
      </c>
    </row>
    <row r="51" spans="2:33" x14ac:dyDescent="0.3">
      <c r="B51">
        <f t="shared" si="19"/>
        <v>1</v>
      </c>
      <c r="C51" s="16">
        <v>17</v>
      </c>
      <c r="D51" cm="1">
        <f t="array" ref="D51">IFERROR(INDEX(Jesper!AH$2:AH$366,ROUNDDOWN($C51/24,0)+1,1)*INDEX($D$3:$AA$30,INDEX(Jesper!$R$2:$R$366,ROW(INDEX(Jesper!AH$2:AH$366,ROUNDDOWN($C51/24,0)+1,1))-1)+IF('Standard Profiles'!$G$18=$B$10,7,0)+IF('Standard Profiles'!$G$18=$B$17,14,0)+IF('Standard Profiles'!$G$18=$B$24,21,0),MOD($C51,24)+1)/SUM(INDEX($D$3:$AA$30,INDEX(Jesper!$R$2:$R$366,ROW(INDEX(Jesper!AH$2:AH$366,ROUNDDOWN($C51/24,0)+1,1))-1)+IF('Standard Profiles'!$G$18=$B$10,7,0)+IF('Standard Profiles'!$G$18=$B$17,14,0)+IF('Standard Profiles'!$G$18=$B$24,21,0),0)),0)</f>
        <v>18.495905922374529</v>
      </c>
      <c r="E51" cm="1">
        <f t="array" ref="E51">IFERROR(INDEX(Jesper!AI$2:AI$366,ROUNDDOWN($C51/24,0)+1,1)*INDEX($D$3:$AA$30,INDEX(Jesper!$R$2:$R$366,ROW(INDEX(Jesper!AI$2:AI$366,ROUNDDOWN($C51/24,0)+1,1))-1)+IF('Standard Profiles'!$G$19=$B$10,7,0)+IF('Standard Profiles'!$G$19=$B$17,14,0)+IF('Standard Profiles'!$G$19=$B$24,21,0),MOD($C51,24)+1)/SUM(INDEX($D$3:$AA$30,INDEX(Jesper!$R$2:$R$366,ROW(INDEX(Jesper!AI$2:AI$366,ROUNDDOWN($C51/24,0)+1,1))-1)+IF('Standard Profiles'!$G$19=$B$10,7,0)+IF('Standard Profiles'!$G$19=$B$17,14,0)+IF('Standard Profiles'!$G$19=$B$24,21,0),0)),0)</f>
        <v>0</v>
      </c>
      <c r="F51" cm="1">
        <f t="array" ref="F51">IFERROR(INDEX(Jesper!AJ$2:AJ$366,ROUNDDOWN($C51/24,0)+1,1)*INDEX($D$3:$AA$30,INDEX(Jesper!$R$2:$R$366,ROW(INDEX(Jesper!AJ$2:AJ$366,ROUNDDOWN($C51/24,0)+1,1))-1)+IF('Standard Profiles'!$G$20=$B$10,7,0)+IF('Standard Profiles'!$G$20=$B$17,14,0)+IF('Standard Profiles'!$G$20=$B$24,21,0),MOD($C51,24)+1)/SUM(INDEX($D$3:$AA$30,INDEX(Jesper!$R$2:$R$366,ROW(INDEX(Jesper!AJ$2:AJ$366,ROUNDDOWN($C51/24,0)+1,1))-1)+IF('Standard Profiles'!$G$20=$B$10,7,0)+IF('Standard Profiles'!$G$20=$B$17,14,0)+IF('Standard Profiles'!$G$20=$B$24,21,0),0)),0)</f>
        <v>0</v>
      </c>
      <c r="G51" cm="1">
        <f t="array" ref="G51">IFERROR(INDEX(Jesper!AK$2:AK$366,ROUNDDOWN($C51/24,0)+1,1)*INDEX($D$3:$AA$30,INDEX(Jesper!$R$2:$R$366,ROW(INDEX(Jesper!AK$2:AK$366,ROUNDDOWN($C51/24,0)+1,1))-1)+IF('Standard Profiles'!$G$21=$B$10,7,0)+IF('Standard Profiles'!$G$21=$B$17,14,0)+IF('Standard Profiles'!$G$21=$B$24,21,0),MOD($C51,24)+1)/SUM(INDEX($D$3:$AA$30,INDEX(Jesper!$R$2:$R$366,ROW(INDEX(Jesper!AK$2:AK$366,ROUNDDOWN($C51/24,0)+1,1))-1)+IF('Standard Profiles'!$G$21=$B$10,7,0)+IF('Standard Profiles'!$G$21=$B$17,14,0)+IF('Standard Profiles'!$G$21=$B$24,21,0),0)),0)</f>
        <v>0</v>
      </c>
      <c r="H51" cm="1">
        <f t="array" ref="H51">IFERROR(INDEX(Jesper!AL$2:AL$366,ROUNDDOWN($C51/24,0)+1,1)*INDEX($D$3:$AA$30,INDEX(Jesper!$R$2:$R$366,ROW(INDEX(Jesper!AL$2:AL$366,ROUNDDOWN($C51/24,0)+1,1))-1)+IF('Standard Profiles'!$G$22=$B$10,7,0)+IF('Standard Profiles'!$G$22=$B$17,14,0)+IF('Standard Profiles'!$G$22=$B$24,21,0),MOD($C51,24)+1)/SUM(INDEX($D$3:$AA$30,INDEX(Jesper!$R$2:$R$366,ROW(INDEX(Jesper!AL$2:AL$366,ROUNDDOWN($C51/24,0)+1,1))-1)+IF('Standard Profiles'!$G$22=$B$10,7,0)+IF('Standard Profiles'!$G$22=$B$17,14,0)+IF('Standard Profiles'!$G$22=$B$24,21,0),0)),0)</f>
        <v>0</v>
      </c>
      <c r="I51">
        <f t="shared" si="20"/>
        <v>0.5548771776712359</v>
      </c>
      <c r="J51">
        <f t="shared" si="21"/>
        <v>1.8495905922374529</v>
      </c>
      <c r="K51">
        <f t="shared" si="22"/>
        <v>2.7743858883561794</v>
      </c>
      <c r="L51">
        <f t="shared" si="23"/>
        <v>13.317052264109661</v>
      </c>
      <c r="M51">
        <f t="shared" si="24"/>
        <v>0</v>
      </c>
      <c r="N51" s="46">
        <f t="shared" si="25"/>
        <v>45292.708333333292</v>
      </c>
      <c r="O51">
        <v>0.54796755593104629</v>
      </c>
      <c r="P51">
        <v>1.8265585197701544</v>
      </c>
      <c r="Q51">
        <v>2.7398377796552316</v>
      </c>
      <c r="R51">
        <v>13.151221342345112</v>
      </c>
      <c r="S51">
        <v>0</v>
      </c>
      <c r="T51" s="46">
        <v>45635.708333313327</v>
      </c>
    </row>
    <row r="52" spans="2:33" x14ac:dyDescent="0.3">
      <c r="B52">
        <f t="shared" si="19"/>
        <v>1</v>
      </c>
      <c r="C52" s="16">
        <v>18</v>
      </c>
      <c r="D52" cm="1">
        <f t="array" ref="D52">IFERROR(INDEX(Jesper!AH$2:AH$366,ROUNDDOWN($C52/24,0)+1,1)*INDEX($D$3:$AA$30,INDEX(Jesper!$R$2:$R$366,ROW(INDEX(Jesper!AH$2:AH$366,ROUNDDOWN($C52/24,0)+1,1))-1)+IF('Standard Profiles'!$G$18=$B$10,7,0)+IF('Standard Profiles'!$G$18=$B$17,14,0)+IF('Standard Profiles'!$G$18=$B$24,21,0),MOD($C52,24)+1)/SUM(INDEX($D$3:$AA$30,INDEX(Jesper!$R$2:$R$366,ROW(INDEX(Jesper!AH$2:AH$366,ROUNDDOWN($C52/24,0)+1,1))-1)+IF('Standard Profiles'!$G$18=$B$10,7,0)+IF('Standard Profiles'!$G$18=$B$17,14,0)+IF('Standard Profiles'!$G$18=$B$24,21,0),0)),0)</f>
        <v>18.495905922374529</v>
      </c>
      <c r="E52" cm="1">
        <f t="array" ref="E52">IFERROR(INDEX(Jesper!AI$2:AI$366,ROUNDDOWN($C52/24,0)+1,1)*INDEX($D$3:$AA$30,INDEX(Jesper!$R$2:$R$366,ROW(INDEX(Jesper!AI$2:AI$366,ROUNDDOWN($C52/24,0)+1,1))-1)+IF('Standard Profiles'!$G$19=$B$10,7,0)+IF('Standard Profiles'!$G$19=$B$17,14,0)+IF('Standard Profiles'!$G$19=$B$24,21,0),MOD($C52,24)+1)/SUM(INDEX($D$3:$AA$30,INDEX(Jesper!$R$2:$R$366,ROW(INDEX(Jesper!AI$2:AI$366,ROUNDDOWN($C52/24,0)+1,1))-1)+IF('Standard Profiles'!$G$19=$B$10,7,0)+IF('Standard Profiles'!$G$19=$B$17,14,0)+IF('Standard Profiles'!$G$19=$B$24,21,0),0)),0)</f>
        <v>0</v>
      </c>
      <c r="F52" cm="1">
        <f t="array" ref="F52">IFERROR(INDEX(Jesper!AJ$2:AJ$366,ROUNDDOWN($C52/24,0)+1,1)*INDEX($D$3:$AA$30,INDEX(Jesper!$R$2:$R$366,ROW(INDEX(Jesper!AJ$2:AJ$366,ROUNDDOWN($C52/24,0)+1,1))-1)+IF('Standard Profiles'!$G$20=$B$10,7,0)+IF('Standard Profiles'!$G$20=$B$17,14,0)+IF('Standard Profiles'!$G$20=$B$24,21,0),MOD($C52,24)+1)/SUM(INDEX($D$3:$AA$30,INDEX(Jesper!$R$2:$R$366,ROW(INDEX(Jesper!AJ$2:AJ$366,ROUNDDOWN($C52/24,0)+1,1))-1)+IF('Standard Profiles'!$G$20=$B$10,7,0)+IF('Standard Profiles'!$G$20=$B$17,14,0)+IF('Standard Profiles'!$G$20=$B$24,21,0),0)),0)</f>
        <v>0</v>
      </c>
      <c r="G52" cm="1">
        <f t="array" ref="G52">IFERROR(INDEX(Jesper!AK$2:AK$366,ROUNDDOWN($C52/24,0)+1,1)*INDEX($D$3:$AA$30,INDEX(Jesper!$R$2:$R$366,ROW(INDEX(Jesper!AK$2:AK$366,ROUNDDOWN($C52/24,0)+1,1))-1)+IF('Standard Profiles'!$G$21=$B$10,7,0)+IF('Standard Profiles'!$G$21=$B$17,14,0)+IF('Standard Profiles'!$G$21=$B$24,21,0),MOD($C52,24)+1)/SUM(INDEX($D$3:$AA$30,INDEX(Jesper!$R$2:$R$366,ROW(INDEX(Jesper!AK$2:AK$366,ROUNDDOWN($C52/24,0)+1,1))-1)+IF('Standard Profiles'!$G$21=$B$10,7,0)+IF('Standard Profiles'!$G$21=$B$17,14,0)+IF('Standard Profiles'!$G$21=$B$24,21,0),0)),0)</f>
        <v>0</v>
      </c>
      <c r="H52" cm="1">
        <f t="array" ref="H52">IFERROR(INDEX(Jesper!AL$2:AL$366,ROUNDDOWN($C52/24,0)+1,1)*INDEX($D$3:$AA$30,INDEX(Jesper!$R$2:$R$366,ROW(INDEX(Jesper!AL$2:AL$366,ROUNDDOWN($C52/24,0)+1,1))-1)+IF('Standard Profiles'!$G$22=$B$10,7,0)+IF('Standard Profiles'!$G$22=$B$17,14,0)+IF('Standard Profiles'!$G$22=$B$24,21,0),MOD($C52,24)+1)/SUM(INDEX($D$3:$AA$30,INDEX(Jesper!$R$2:$R$366,ROW(INDEX(Jesper!AL$2:AL$366,ROUNDDOWN($C52/24,0)+1,1))-1)+IF('Standard Profiles'!$G$22=$B$10,7,0)+IF('Standard Profiles'!$G$22=$B$17,14,0)+IF('Standard Profiles'!$G$22=$B$24,21,0),0)),0)</f>
        <v>0</v>
      </c>
      <c r="I52">
        <f t="shared" si="20"/>
        <v>0.5548771776712359</v>
      </c>
      <c r="J52">
        <f t="shared" si="21"/>
        <v>1.8495905922374529</v>
      </c>
      <c r="K52">
        <f t="shared" si="22"/>
        <v>2.7743858883561794</v>
      </c>
      <c r="L52">
        <f t="shared" si="23"/>
        <v>13.317052264109661</v>
      </c>
      <c r="M52">
        <f t="shared" si="24"/>
        <v>0</v>
      </c>
      <c r="N52" s="46">
        <f t="shared" si="25"/>
        <v>45292.749999999956</v>
      </c>
      <c r="O52">
        <v>0.54796755593104629</v>
      </c>
      <c r="P52">
        <v>1.8265585197701544</v>
      </c>
      <c r="Q52">
        <v>2.7398377796552316</v>
      </c>
      <c r="R52">
        <v>13.151221342345112</v>
      </c>
      <c r="S52">
        <v>0</v>
      </c>
      <c r="T52" s="46">
        <v>45635.749999979991</v>
      </c>
    </row>
    <row r="53" spans="2:33" x14ac:dyDescent="0.3">
      <c r="B53">
        <f t="shared" si="19"/>
        <v>1</v>
      </c>
      <c r="C53" s="16">
        <v>19</v>
      </c>
      <c r="D53" cm="1">
        <f t="array" ref="D53">IFERROR(INDEX(Jesper!AH$2:AH$366,ROUNDDOWN($C53/24,0)+1,1)*INDEX($D$3:$AA$30,INDEX(Jesper!$R$2:$R$366,ROW(INDEX(Jesper!AH$2:AH$366,ROUNDDOWN($C53/24,0)+1,1))-1)+IF('Standard Profiles'!$G$18=$B$10,7,0)+IF('Standard Profiles'!$G$18=$B$17,14,0)+IF('Standard Profiles'!$G$18=$B$24,21,0),MOD($C53,24)+1)/SUM(INDEX($D$3:$AA$30,INDEX(Jesper!$R$2:$R$366,ROW(INDEX(Jesper!AH$2:AH$366,ROUNDDOWN($C53/24,0)+1,1))-1)+IF('Standard Profiles'!$G$18=$B$10,7,0)+IF('Standard Profiles'!$G$18=$B$17,14,0)+IF('Standard Profiles'!$G$18=$B$24,21,0),0)),0)</f>
        <v>15.490321209988666</v>
      </c>
      <c r="E53" cm="1">
        <f t="array" ref="E53">IFERROR(INDEX(Jesper!AI$2:AI$366,ROUNDDOWN($C53/24,0)+1,1)*INDEX($D$3:$AA$30,INDEX(Jesper!$R$2:$R$366,ROW(INDEX(Jesper!AI$2:AI$366,ROUNDDOWN($C53/24,0)+1,1))-1)+IF('Standard Profiles'!$G$19=$B$10,7,0)+IF('Standard Profiles'!$G$19=$B$17,14,0)+IF('Standard Profiles'!$G$19=$B$24,21,0),MOD($C53,24)+1)/SUM(INDEX($D$3:$AA$30,INDEX(Jesper!$R$2:$R$366,ROW(INDEX(Jesper!AI$2:AI$366,ROUNDDOWN($C53/24,0)+1,1))-1)+IF('Standard Profiles'!$G$19=$B$10,7,0)+IF('Standard Profiles'!$G$19=$B$17,14,0)+IF('Standard Profiles'!$G$19=$B$24,21,0),0)),0)</f>
        <v>0</v>
      </c>
      <c r="F53" cm="1">
        <f t="array" ref="F53">IFERROR(INDEX(Jesper!AJ$2:AJ$366,ROUNDDOWN($C53/24,0)+1,1)*INDEX($D$3:$AA$30,INDEX(Jesper!$R$2:$R$366,ROW(INDEX(Jesper!AJ$2:AJ$366,ROUNDDOWN($C53/24,0)+1,1))-1)+IF('Standard Profiles'!$G$20=$B$10,7,0)+IF('Standard Profiles'!$G$20=$B$17,14,0)+IF('Standard Profiles'!$G$20=$B$24,21,0),MOD($C53,24)+1)/SUM(INDEX($D$3:$AA$30,INDEX(Jesper!$R$2:$R$366,ROW(INDEX(Jesper!AJ$2:AJ$366,ROUNDDOWN($C53/24,0)+1,1))-1)+IF('Standard Profiles'!$G$20=$B$10,7,0)+IF('Standard Profiles'!$G$20=$B$17,14,0)+IF('Standard Profiles'!$G$20=$B$24,21,0),0)),0)</f>
        <v>0</v>
      </c>
      <c r="G53" cm="1">
        <f t="array" ref="G53">IFERROR(INDEX(Jesper!AK$2:AK$366,ROUNDDOWN($C53/24,0)+1,1)*INDEX($D$3:$AA$30,INDEX(Jesper!$R$2:$R$366,ROW(INDEX(Jesper!AK$2:AK$366,ROUNDDOWN($C53/24,0)+1,1))-1)+IF('Standard Profiles'!$G$21=$B$10,7,0)+IF('Standard Profiles'!$G$21=$B$17,14,0)+IF('Standard Profiles'!$G$21=$B$24,21,0),MOD($C53,24)+1)/SUM(INDEX($D$3:$AA$30,INDEX(Jesper!$R$2:$R$366,ROW(INDEX(Jesper!AK$2:AK$366,ROUNDDOWN($C53/24,0)+1,1))-1)+IF('Standard Profiles'!$G$21=$B$10,7,0)+IF('Standard Profiles'!$G$21=$B$17,14,0)+IF('Standard Profiles'!$G$21=$B$24,21,0),0)),0)</f>
        <v>0</v>
      </c>
      <c r="H53" cm="1">
        <f t="array" ref="H53">IFERROR(INDEX(Jesper!AL$2:AL$366,ROUNDDOWN($C53/24,0)+1,1)*INDEX($D$3:$AA$30,INDEX(Jesper!$R$2:$R$366,ROW(INDEX(Jesper!AL$2:AL$366,ROUNDDOWN($C53/24,0)+1,1))-1)+IF('Standard Profiles'!$G$22=$B$10,7,0)+IF('Standard Profiles'!$G$22=$B$17,14,0)+IF('Standard Profiles'!$G$22=$B$24,21,0),MOD($C53,24)+1)/SUM(INDEX($D$3:$AA$30,INDEX(Jesper!$R$2:$R$366,ROW(INDEX(Jesper!AL$2:AL$366,ROUNDDOWN($C53/24,0)+1,1))-1)+IF('Standard Profiles'!$G$22=$B$10,7,0)+IF('Standard Profiles'!$G$22=$B$17,14,0)+IF('Standard Profiles'!$G$22=$B$24,21,0),0)),0)</f>
        <v>0</v>
      </c>
      <c r="I53">
        <f t="shared" si="20"/>
        <v>0.46470963629965995</v>
      </c>
      <c r="J53">
        <f t="shared" si="21"/>
        <v>1.5490321209988667</v>
      </c>
      <c r="K53">
        <f t="shared" si="22"/>
        <v>2.3235481814982997</v>
      </c>
      <c r="L53">
        <f t="shared" si="23"/>
        <v>11.153031271191839</v>
      </c>
      <c r="M53">
        <f t="shared" si="24"/>
        <v>0</v>
      </c>
      <c r="N53" s="46">
        <f t="shared" si="25"/>
        <v>45292.791666666621</v>
      </c>
      <c r="O53">
        <v>0.45892282809225127</v>
      </c>
      <c r="P53">
        <v>1.5297427603075044</v>
      </c>
      <c r="Q53">
        <v>2.2946141404612566</v>
      </c>
      <c r="R53">
        <v>11.01414787421403</v>
      </c>
      <c r="S53">
        <v>0</v>
      </c>
      <c r="T53" s="46">
        <v>45635.791666646655</v>
      </c>
    </row>
    <row r="54" spans="2:33" x14ac:dyDescent="0.3">
      <c r="B54">
        <f t="shared" si="19"/>
        <v>1</v>
      </c>
      <c r="C54" s="16">
        <v>20</v>
      </c>
      <c r="D54" cm="1">
        <f t="array" ref="D54">IFERROR(INDEX(Jesper!AH$2:AH$366,ROUNDDOWN($C54/24,0)+1,1)*INDEX($D$3:$AA$30,INDEX(Jesper!$R$2:$R$366,ROW(INDEX(Jesper!AH$2:AH$366,ROUNDDOWN($C54/24,0)+1,1))-1)+IF('Standard Profiles'!$G$18=$B$10,7,0)+IF('Standard Profiles'!$G$18=$B$17,14,0)+IF('Standard Profiles'!$G$18=$B$24,21,0),MOD($C54,24)+1)/SUM(INDEX($D$3:$AA$30,INDEX(Jesper!$R$2:$R$366,ROW(INDEX(Jesper!AH$2:AH$366,ROUNDDOWN($C54/24,0)+1,1))-1)+IF('Standard Profiles'!$G$18=$B$10,7,0)+IF('Standard Profiles'!$G$18=$B$17,14,0)+IF('Standard Profiles'!$G$18=$B$24,21,0),0)),0)</f>
        <v>12.715935321632486</v>
      </c>
      <c r="E54" cm="1">
        <f t="array" ref="E54">IFERROR(INDEX(Jesper!AI$2:AI$366,ROUNDDOWN($C54/24,0)+1,1)*INDEX($D$3:$AA$30,INDEX(Jesper!$R$2:$R$366,ROW(INDEX(Jesper!AI$2:AI$366,ROUNDDOWN($C54/24,0)+1,1))-1)+IF('Standard Profiles'!$G$19=$B$10,7,0)+IF('Standard Profiles'!$G$19=$B$17,14,0)+IF('Standard Profiles'!$G$19=$B$24,21,0),MOD($C54,24)+1)/SUM(INDEX($D$3:$AA$30,INDEX(Jesper!$R$2:$R$366,ROW(INDEX(Jesper!AI$2:AI$366,ROUNDDOWN($C54/24,0)+1,1))-1)+IF('Standard Profiles'!$G$19=$B$10,7,0)+IF('Standard Profiles'!$G$19=$B$17,14,0)+IF('Standard Profiles'!$G$19=$B$24,21,0),0)),0)</f>
        <v>0</v>
      </c>
      <c r="F54" cm="1">
        <f t="array" ref="F54">IFERROR(INDEX(Jesper!AJ$2:AJ$366,ROUNDDOWN($C54/24,0)+1,1)*INDEX($D$3:$AA$30,INDEX(Jesper!$R$2:$R$366,ROW(INDEX(Jesper!AJ$2:AJ$366,ROUNDDOWN($C54/24,0)+1,1))-1)+IF('Standard Profiles'!$G$20=$B$10,7,0)+IF('Standard Profiles'!$G$20=$B$17,14,0)+IF('Standard Profiles'!$G$20=$B$24,21,0),MOD($C54,24)+1)/SUM(INDEX($D$3:$AA$30,INDEX(Jesper!$R$2:$R$366,ROW(INDEX(Jesper!AJ$2:AJ$366,ROUNDDOWN($C54/24,0)+1,1))-1)+IF('Standard Profiles'!$G$20=$B$10,7,0)+IF('Standard Profiles'!$G$20=$B$17,14,0)+IF('Standard Profiles'!$G$20=$B$24,21,0),0)),0)</f>
        <v>0</v>
      </c>
      <c r="G54" cm="1">
        <f t="array" ref="G54">IFERROR(INDEX(Jesper!AK$2:AK$366,ROUNDDOWN($C54/24,0)+1,1)*INDEX($D$3:$AA$30,INDEX(Jesper!$R$2:$R$366,ROW(INDEX(Jesper!AK$2:AK$366,ROUNDDOWN($C54/24,0)+1,1))-1)+IF('Standard Profiles'!$G$21=$B$10,7,0)+IF('Standard Profiles'!$G$21=$B$17,14,0)+IF('Standard Profiles'!$G$21=$B$24,21,0),MOD($C54,24)+1)/SUM(INDEX($D$3:$AA$30,INDEX(Jesper!$R$2:$R$366,ROW(INDEX(Jesper!AK$2:AK$366,ROUNDDOWN($C54/24,0)+1,1))-1)+IF('Standard Profiles'!$G$21=$B$10,7,0)+IF('Standard Profiles'!$G$21=$B$17,14,0)+IF('Standard Profiles'!$G$21=$B$24,21,0),0)),0)</f>
        <v>0</v>
      </c>
      <c r="H54" cm="1">
        <f t="array" ref="H54">IFERROR(INDEX(Jesper!AL$2:AL$366,ROUNDDOWN($C54/24,0)+1,1)*INDEX($D$3:$AA$30,INDEX(Jesper!$R$2:$R$366,ROW(INDEX(Jesper!AL$2:AL$366,ROUNDDOWN($C54/24,0)+1,1))-1)+IF('Standard Profiles'!$G$22=$B$10,7,0)+IF('Standard Profiles'!$G$22=$B$17,14,0)+IF('Standard Profiles'!$G$22=$B$24,21,0),MOD($C54,24)+1)/SUM(INDEX($D$3:$AA$30,INDEX(Jesper!$R$2:$R$366,ROW(INDEX(Jesper!AL$2:AL$366,ROUNDDOWN($C54/24,0)+1,1))-1)+IF('Standard Profiles'!$G$22=$B$10,7,0)+IF('Standard Profiles'!$G$22=$B$17,14,0)+IF('Standard Profiles'!$G$22=$B$24,21,0),0)),0)</f>
        <v>0</v>
      </c>
      <c r="I54">
        <f t="shared" si="20"/>
        <v>0.38147805964897458</v>
      </c>
      <c r="J54">
        <f t="shared" si="21"/>
        <v>1.2715935321632488</v>
      </c>
      <c r="K54">
        <f t="shared" si="22"/>
        <v>1.9073902982448727</v>
      </c>
      <c r="L54">
        <f t="shared" si="23"/>
        <v>9.1554734315753894</v>
      </c>
      <c r="M54">
        <f t="shared" si="24"/>
        <v>0</v>
      </c>
      <c r="N54" s="46">
        <f t="shared" si="25"/>
        <v>45292.833333333285</v>
      </c>
      <c r="O54">
        <v>0.37672769470259432</v>
      </c>
      <c r="P54">
        <v>1.2557589823419812</v>
      </c>
      <c r="Q54">
        <v>1.8836384735129714</v>
      </c>
      <c r="R54">
        <v>9.0414646728622632</v>
      </c>
      <c r="S54">
        <v>0</v>
      </c>
      <c r="T54" s="46">
        <v>45635.83333331332</v>
      </c>
    </row>
    <row r="55" spans="2:33" x14ac:dyDescent="0.3">
      <c r="B55">
        <f t="shared" si="19"/>
        <v>1</v>
      </c>
      <c r="C55" s="16">
        <v>21</v>
      </c>
      <c r="D55" cm="1">
        <f t="array" ref="D55">IFERROR(INDEX(Jesper!AH$2:AH$366,ROUNDDOWN($C55/24,0)+1,1)*INDEX($D$3:$AA$30,INDEX(Jesper!$R$2:$R$366,ROW(INDEX(Jesper!AH$2:AH$366,ROUNDDOWN($C55/24,0)+1,1))-1)+IF('Standard Profiles'!$G$18=$B$10,7,0)+IF('Standard Profiles'!$G$18=$B$17,14,0)+IF('Standard Profiles'!$G$18=$B$24,21,0),MOD($C55,24)+1)/SUM(INDEX($D$3:$AA$30,INDEX(Jesper!$R$2:$R$366,ROW(INDEX(Jesper!AH$2:AH$366,ROUNDDOWN($C55/24,0)+1,1))-1)+IF('Standard Profiles'!$G$18=$B$10,7,0)+IF('Standard Profiles'!$G$18=$B$17,14,0)+IF('Standard Profiles'!$G$18=$B$24,21,0),0)),0)</f>
        <v>9.2479529611872646</v>
      </c>
      <c r="E55" cm="1">
        <f t="array" ref="E55">IFERROR(INDEX(Jesper!AI$2:AI$366,ROUNDDOWN($C55/24,0)+1,1)*INDEX($D$3:$AA$30,INDEX(Jesper!$R$2:$R$366,ROW(INDEX(Jesper!AI$2:AI$366,ROUNDDOWN($C55/24,0)+1,1))-1)+IF('Standard Profiles'!$G$19=$B$10,7,0)+IF('Standard Profiles'!$G$19=$B$17,14,0)+IF('Standard Profiles'!$G$19=$B$24,21,0),MOD($C55,24)+1)/SUM(INDEX($D$3:$AA$30,INDEX(Jesper!$R$2:$R$366,ROW(INDEX(Jesper!AI$2:AI$366,ROUNDDOWN($C55/24,0)+1,1))-1)+IF('Standard Profiles'!$G$19=$B$10,7,0)+IF('Standard Profiles'!$G$19=$B$17,14,0)+IF('Standard Profiles'!$G$19=$B$24,21,0),0)),0)</f>
        <v>0</v>
      </c>
      <c r="F55" cm="1">
        <f t="array" ref="F55">IFERROR(INDEX(Jesper!AJ$2:AJ$366,ROUNDDOWN($C55/24,0)+1,1)*INDEX($D$3:$AA$30,INDEX(Jesper!$R$2:$R$366,ROW(INDEX(Jesper!AJ$2:AJ$366,ROUNDDOWN($C55/24,0)+1,1))-1)+IF('Standard Profiles'!$G$20=$B$10,7,0)+IF('Standard Profiles'!$G$20=$B$17,14,0)+IF('Standard Profiles'!$G$20=$B$24,21,0),MOD($C55,24)+1)/SUM(INDEX($D$3:$AA$30,INDEX(Jesper!$R$2:$R$366,ROW(INDEX(Jesper!AJ$2:AJ$366,ROUNDDOWN($C55/24,0)+1,1))-1)+IF('Standard Profiles'!$G$20=$B$10,7,0)+IF('Standard Profiles'!$G$20=$B$17,14,0)+IF('Standard Profiles'!$G$20=$B$24,21,0),0)),0)</f>
        <v>0</v>
      </c>
      <c r="G55" cm="1">
        <f t="array" ref="G55">IFERROR(INDEX(Jesper!AK$2:AK$366,ROUNDDOWN($C55/24,0)+1,1)*INDEX($D$3:$AA$30,INDEX(Jesper!$R$2:$R$366,ROW(INDEX(Jesper!AK$2:AK$366,ROUNDDOWN($C55/24,0)+1,1))-1)+IF('Standard Profiles'!$G$21=$B$10,7,0)+IF('Standard Profiles'!$G$21=$B$17,14,0)+IF('Standard Profiles'!$G$21=$B$24,21,0),MOD($C55,24)+1)/SUM(INDEX($D$3:$AA$30,INDEX(Jesper!$R$2:$R$366,ROW(INDEX(Jesper!AK$2:AK$366,ROUNDDOWN($C55/24,0)+1,1))-1)+IF('Standard Profiles'!$G$21=$B$10,7,0)+IF('Standard Profiles'!$G$21=$B$17,14,0)+IF('Standard Profiles'!$G$21=$B$24,21,0),0)),0)</f>
        <v>0</v>
      </c>
      <c r="H55" cm="1">
        <f t="array" ref="H55">IFERROR(INDEX(Jesper!AL$2:AL$366,ROUNDDOWN($C55/24,0)+1,1)*INDEX($D$3:$AA$30,INDEX(Jesper!$R$2:$R$366,ROW(INDEX(Jesper!AL$2:AL$366,ROUNDDOWN($C55/24,0)+1,1))-1)+IF('Standard Profiles'!$G$22=$B$10,7,0)+IF('Standard Profiles'!$G$22=$B$17,14,0)+IF('Standard Profiles'!$G$22=$B$24,21,0),MOD($C55,24)+1)/SUM(INDEX($D$3:$AA$30,INDEX(Jesper!$R$2:$R$366,ROW(INDEX(Jesper!AL$2:AL$366,ROUNDDOWN($C55/24,0)+1,1))-1)+IF('Standard Profiles'!$G$22=$B$10,7,0)+IF('Standard Profiles'!$G$22=$B$17,14,0)+IF('Standard Profiles'!$G$22=$B$24,21,0),0)),0)</f>
        <v>0</v>
      </c>
      <c r="I55">
        <f t="shared" si="20"/>
        <v>0.27743858883561795</v>
      </c>
      <c r="J55">
        <f t="shared" si="21"/>
        <v>0.92479529611872646</v>
      </c>
      <c r="K55">
        <f t="shared" si="22"/>
        <v>1.3871929441780897</v>
      </c>
      <c r="L55">
        <f t="shared" si="23"/>
        <v>6.6585261320548303</v>
      </c>
      <c r="M55">
        <f t="shared" si="24"/>
        <v>0</v>
      </c>
      <c r="N55" s="46">
        <f t="shared" si="25"/>
        <v>45292.874999999949</v>
      </c>
      <c r="O55">
        <v>0.27398377796552315</v>
      </c>
      <c r="P55">
        <v>0.91327925988507719</v>
      </c>
      <c r="Q55">
        <v>1.3699188898276158</v>
      </c>
      <c r="R55">
        <v>6.5756106711725559</v>
      </c>
      <c r="S55">
        <v>0</v>
      </c>
      <c r="T55" s="46">
        <v>45635.874999979984</v>
      </c>
    </row>
    <row r="56" spans="2:33" x14ac:dyDescent="0.3">
      <c r="B56">
        <f t="shared" si="19"/>
        <v>1</v>
      </c>
      <c r="C56" s="16">
        <v>22</v>
      </c>
      <c r="D56" cm="1">
        <f t="array" ref="D56">IFERROR(INDEX(Jesper!AH$2:AH$366,ROUNDDOWN($C56/24,0)+1,1)*INDEX($D$3:$AA$30,INDEX(Jesper!$R$2:$R$366,ROW(INDEX(Jesper!AH$2:AH$366,ROUNDDOWN($C56/24,0)+1,1))-1)+IF('Standard Profiles'!$G$18=$B$10,7,0)+IF('Standard Profiles'!$G$18=$B$17,14,0)+IF('Standard Profiles'!$G$18=$B$24,21,0),MOD($C56,24)+1)/SUM(INDEX($D$3:$AA$30,INDEX(Jesper!$R$2:$R$366,ROW(INDEX(Jesper!AH$2:AH$366,ROUNDDOWN($C56/24,0)+1,1))-1)+IF('Standard Profiles'!$G$18=$B$10,7,0)+IF('Standard Profiles'!$G$18=$B$17,14,0)+IF('Standard Profiles'!$G$18=$B$24,21,0),0)),0)</f>
        <v>8.7855553131278992</v>
      </c>
      <c r="E56" cm="1">
        <f t="array" ref="E56">IFERROR(INDEX(Jesper!AI$2:AI$366,ROUNDDOWN($C56/24,0)+1,1)*INDEX($D$3:$AA$30,INDEX(Jesper!$R$2:$R$366,ROW(INDEX(Jesper!AI$2:AI$366,ROUNDDOWN($C56/24,0)+1,1))-1)+IF('Standard Profiles'!$G$19=$B$10,7,0)+IF('Standard Profiles'!$G$19=$B$17,14,0)+IF('Standard Profiles'!$G$19=$B$24,21,0),MOD($C56,24)+1)/SUM(INDEX($D$3:$AA$30,INDEX(Jesper!$R$2:$R$366,ROW(INDEX(Jesper!AI$2:AI$366,ROUNDDOWN($C56/24,0)+1,1))-1)+IF('Standard Profiles'!$G$19=$B$10,7,0)+IF('Standard Profiles'!$G$19=$B$17,14,0)+IF('Standard Profiles'!$G$19=$B$24,21,0),0)),0)</f>
        <v>0</v>
      </c>
      <c r="F56" cm="1">
        <f t="array" ref="F56">IFERROR(INDEX(Jesper!AJ$2:AJ$366,ROUNDDOWN($C56/24,0)+1,1)*INDEX($D$3:$AA$30,INDEX(Jesper!$R$2:$R$366,ROW(INDEX(Jesper!AJ$2:AJ$366,ROUNDDOWN($C56/24,0)+1,1))-1)+IF('Standard Profiles'!$G$20=$B$10,7,0)+IF('Standard Profiles'!$G$20=$B$17,14,0)+IF('Standard Profiles'!$G$20=$B$24,21,0),MOD($C56,24)+1)/SUM(INDEX($D$3:$AA$30,INDEX(Jesper!$R$2:$R$366,ROW(INDEX(Jesper!AJ$2:AJ$366,ROUNDDOWN($C56/24,0)+1,1))-1)+IF('Standard Profiles'!$G$20=$B$10,7,0)+IF('Standard Profiles'!$G$20=$B$17,14,0)+IF('Standard Profiles'!$G$20=$B$24,21,0),0)),0)</f>
        <v>0</v>
      </c>
      <c r="G56" cm="1">
        <f t="array" ref="G56">IFERROR(INDEX(Jesper!AK$2:AK$366,ROUNDDOWN($C56/24,0)+1,1)*INDEX($D$3:$AA$30,INDEX(Jesper!$R$2:$R$366,ROW(INDEX(Jesper!AK$2:AK$366,ROUNDDOWN($C56/24,0)+1,1))-1)+IF('Standard Profiles'!$G$21=$B$10,7,0)+IF('Standard Profiles'!$G$21=$B$17,14,0)+IF('Standard Profiles'!$G$21=$B$24,21,0),MOD($C56,24)+1)/SUM(INDEX($D$3:$AA$30,INDEX(Jesper!$R$2:$R$366,ROW(INDEX(Jesper!AK$2:AK$366,ROUNDDOWN($C56/24,0)+1,1))-1)+IF('Standard Profiles'!$G$21=$B$10,7,0)+IF('Standard Profiles'!$G$21=$B$17,14,0)+IF('Standard Profiles'!$G$21=$B$24,21,0),0)),0)</f>
        <v>0</v>
      </c>
      <c r="H56" cm="1">
        <f t="array" ref="H56">IFERROR(INDEX(Jesper!AL$2:AL$366,ROUNDDOWN($C56/24,0)+1,1)*INDEX($D$3:$AA$30,INDEX(Jesper!$R$2:$R$366,ROW(INDEX(Jesper!AL$2:AL$366,ROUNDDOWN($C56/24,0)+1,1))-1)+IF('Standard Profiles'!$G$22=$B$10,7,0)+IF('Standard Profiles'!$G$22=$B$17,14,0)+IF('Standard Profiles'!$G$22=$B$24,21,0),MOD($C56,24)+1)/SUM(INDEX($D$3:$AA$30,INDEX(Jesper!$R$2:$R$366,ROW(INDEX(Jesper!AL$2:AL$366,ROUNDDOWN($C56/24,0)+1,1))-1)+IF('Standard Profiles'!$G$22=$B$10,7,0)+IF('Standard Profiles'!$G$22=$B$17,14,0)+IF('Standard Profiles'!$G$22=$B$24,21,0),0)),0)</f>
        <v>0</v>
      </c>
      <c r="I56">
        <f t="shared" si="20"/>
        <v>0.26356665939383694</v>
      </c>
      <c r="J56">
        <f t="shared" si="21"/>
        <v>0.87855553131278996</v>
      </c>
      <c r="K56">
        <f t="shared" si="22"/>
        <v>1.3178332969691848</v>
      </c>
      <c r="L56">
        <f t="shared" si="23"/>
        <v>6.3255998254520875</v>
      </c>
      <c r="M56">
        <f t="shared" si="24"/>
        <v>0</v>
      </c>
      <c r="N56" s="46">
        <f t="shared" si="25"/>
        <v>45292.916666666613</v>
      </c>
      <c r="O56">
        <v>0.260284589067247</v>
      </c>
      <c r="P56">
        <v>0.8676152968908234</v>
      </c>
      <c r="Q56">
        <v>1.3014229453362349</v>
      </c>
      <c r="R56">
        <v>6.2468301376139284</v>
      </c>
      <c r="S56">
        <v>0</v>
      </c>
      <c r="T56" s="46">
        <v>45635.916666646648</v>
      </c>
    </row>
    <row r="57" spans="2:33" x14ac:dyDescent="0.3">
      <c r="B57">
        <f t="shared" si="19"/>
        <v>1</v>
      </c>
      <c r="C57" s="16">
        <v>23</v>
      </c>
      <c r="D57" cm="1">
        <f t="array" ref="D57">IFERROR(INDEX(Jesper!AH$2:AH$366,ROUNDDOWN($C57/24,0)+1,1)*INDEX($D$3:$AA$30,INDEX(Jesper!$R$2:$R$366,ROW(INDEX(Jesper!AH$2:AH$366,ROUNDDOWN($C57/24,0)+1,1))-1)+IF('Standard Profiles'!$G$18=$B$10,7,0)+IF('Standard Profiles'!$G$18=$B$17,14,0)+IF('Standard Profiles'!$G$18=$B$24,21,0),MOD($C57,24)+1)/SUM(INDEX($D$3:$AA$30,INDEX(Jesper!$R$2:$R$366,ROW(INDEX(Jesper!AH$2:AH$366,ROUNDDOWN($C57/24,0)+1,1))-1)+IF('Standard Profiles'!$G$18=$B$10,7,0)+IF('Standard Profiles'!$G$18=$B$17,14,0)+IF('Standard Profiles'!$G$18=$B$24,21,0),0)),0)</f>
        <v>8.7855553131278992</v>
      </c>
      <c r="E57" cm="1">
        <f t="array" ref="E57">IFERROR(INDEX(Jesper!AI$2:AI$366,ROUNDDOWN($C57/24,0)+1,1)*INDEX($D$3:$AA$30,INDEX(Jesper!$R$2:$R$366,ROW(INDEX(Jesper!AI$2:AI$366,ROUNDDOWN($C57/24,0)+1,1))-1)+IF('Standard Profiles'!$G$19=$B$10,7,0)+IF('Standard Profiles'!$G$19=$B$17,14,0)+IF('Standard Profiles'!$G$19=$B$24,21,0),MOD($C57,24)+1)/SUM(INDEX($D$3:$AA$30,INDEX(Jesper!$R$2:$R$366,ROW(INDEX(Jesper!AI$2:AI$366,ROUNDDOWN($C57/24,0)+1,1))-1)+IF('Standard Profiles'!$G$19=$B$10,7,0)+IF('Standard Profiles'!$G$19=$B$17,14,0)+IF('Standard Profiles'!$G$19=$B$24,21,0),0)),0)</f>
        <v>0</v>
      </c>
      <c r="F57" cm="1">
        <f t="array" ref="F57">IFERROR(INDEX(Jesper!AJ$2:AJ$366,ROUNDDOWN($C57/24,0)+1,1)*INDEX($D$3:$AA$30,INDEX(Jesper!$R$2:$R$366,ROW(INDEX(Jesper!AJ$2:AJ$366,ROUNDDOWN($C57/24,0)+1,1))-1)+IF('Standard Profiles'!$G$20=$B$10,7,0)+IF('Standard Profiles'!$G$20=$B$17,14,0)+IF('Standard Profiles'!$G$20=$B$24,21,0),MOD($C57,24)+1)/SUM(INDEX($D$3:$AA$30,INDEX(Jesper!$R$2:$R$366,ROW(INDEX(Jesper!AJ$2:AJ$366,ROUNDDOWN($C57/24,0)+1,1))-1)+IF('Standard Profiles'!$G$20=$B$10,7,0)+IF('Standard Profiles'!$G$20=$B$17,14,0)+IF('Standard Profiles'!$G$20=$B$24,21,0),0)),0)</f>
        <v>0</v>
      </c>
      <c r="G57" cm="1">
        <f t="array" ref="G57">IFERROR(INDEX(Jesper!AK$2:AK$366,ROUNDDOWN($C57/24,0)+1,1)*INDEX($D$3:$AA$30,INDEX(Jesper!$R$2:$R$366,ROW(INDEX(Jesper!AK$2:AK$366,ROUNDDOWN($C57/24,0)+1,1))-1)+IF('Standard Profiles'!$G$21=$B$10,7,0)+IF('Standard Profiles'!$G$21=$B$17,14,0)+IF('Standard Profiles'!$G$21=$B$24,21,0),MOD($C57,24)+1)/SUM(INDEX($D$3:$AA$30,INDEX(Jesper!$R$2:$R$366,ROW(INDEX(Jesper!AK$2:AK$366,ROUNDDOWN($C57/24,0)+1,1))-1)+IF('Standard Profiles'!$G$21=$B$10,7,0)+IF('Standard Profiles'!$G$21=$B$17,14,0)+IF('Standard Profiles'!$G$21=$B$24,21,0),0)),0)</f>
        <v>0</v>
      </c>
      <c r="H57" cm="1">
        <f t="array" ref="H57">IFERROR(INDEX(Jesper!AL$2:AL$366,ROUNDDOWN($C57/24,0)+1,1)*INDEX($D$3:$AA$30,INDEX(Jesper!$R$2:$R$366,ROW(INDEX(Jesper!AL$2:AL$366,ROUNDDOWN($C57/24,0)+1,1))-1)+IF('Standard Profiles'!$G$22=$B$10,7,0)+IF('Standard Profiles'!$G$22=$B$17,14,0)+IF('Standard Profiles'!$G$22=$B$24,21,0),MOD($C57,24)+1)/SUM(INDEX($D$3:$AA$30,INDEX(Jesper!$R$2:$R$366,ROW(INDEX(Jesper!AL$2:AL$366,ROUNDDOWN($C57/24,0)+1,1))-1)+IF('Standard Profiles'!$G$22=$B$10,7,0)+IF('Standard Profiles'!$G$22=$B$17,14,0)+IF('Standard Profiles'!$G$22=$B$24,21,0),0)),0)</f>
        <v>0</v>
      </c>
      <c r="I57">
        <f t="shared" si="20"/>
        <v>0.26356665939383694</v>
      </c>
      <c r="J57">
        <f t="shared" si="21"/>
        <v>0.87855553131278996</v>
      </c>
      <c r="K57">
        <f t="shared" si="22"/>
        <v>1.3178332969691848</v>
      </c>
      <c r="L57">
        <f t="shared" si="23"/>
        <v>6.3255998254520875</v>
      </c>
      <c r="M57">
        <f t="shared" si="24"/>
        <v>0</v>
      </c>
      <c r="N57" s="46">
        <f t="shared" si="25"/>
        <v>45292.958333333278</v>
      </c>
      <c r="O57">
        <v>0.260284589067247</v>
      </c>
      <c r="P57">
        <v>0.8676152968908234</v>
      </c>
      <c r="Q57">
        <v>1.3014229453362349</v>
      </c>
      <c r="R57">
        <v>6.2468301376139284</v>
      </c>
      <c r="S57">
        <v>0</v>
      </c>
      <c r="T57" s="46">
        <v>45635.958333313312</v>
      </c>
    </row>
    <row r="58" spans="2:33" x14ac:dyDescent="0.3">
      <c r="B58">
        <f t="shared" si="19"/>
        <v>2</v>
      </c>
      <c r="C58" s="16">
        <v>24</v>
      </c>
      <c r="D58" cm="1">
        <f t="array" ref="D58">IFERROR(INDEX(Jesper!AH$2:AH$366,ROUNDDOWN($C58/24,0)+1,1)*INDEX($D$3:$AA$30,INDEX(Jesper!$R$2:$R$366,ROW(INDEX(Jesper!AH$2:AH$366,ROUNDDOWN($C58/24,0)+1,1))-1)+IF('Standard Profiles'!$G$18=$B$10,7,0)+IF('Standard Profiles'!$G$18=$B$17,14,0)+IF('Standard Profiles'!$G$18=$B$24,21,0),MOD($C58,24)+1)/SUM(INDEX($D$3:$AA$30,INDEX(Jesper!$R$2:$R$366,ROW(INDEX(Jesper!AH$2:AH$366,ROUNDDOWN($C58/24,0)+1,1))-1)+IF('Standard Profiles'!$G$18=$B$10,7,0)+IF('Standard Profiles'!$G$18=$B$17,14,0)+IF('Standard Profiles'!$G$18=$B$24,21,0),0)),0)</f>
        <v>8.2705168258775554</v>
      </c>
      <c r="E58" cm="1">
        <f t="array" ref="E58">IFERROR(INDEX(Jesper!AI$2:AI$366,ROUNDDOWN($C58/24,0)+1,1)*INDEX($D$3:$AA$30,INDEX(Jesper!$R$2:$R$366,ROW(INDEX(Jesper!AI$2:AI$366,ROUNDDOWN($C58/24,0)+1,1))-1)+IF('Standard Profiles'!$G$19=$B$10,7,0)+IF('Standard Profiles'!$G$19=$B$17,14,0)+IF('Standard Profiles'!$G$19=$B$24,21,0),MOD($C58,24)+1)/SUM(INDEX($D$3:$AA$30,INDEX(Jesper!$R$2:$R$366,ROW(INDEX(Jesper!AI$2:AI$366,ROUNDDOWN($C58/24,0)+1,1))-1)+IF('Standard Profiles'!$G$19=$B$10,7,0)+IF('Standard Profiles'!$G$19=$B$17,14,0)+IF('Standard Profiles'!$G$19=$B$24,21,0),0)),0)</f>
        <v>0</v>
      </c>
      <c r="F58" cm="1">
        <f t="array" ref="F58">IFERROR(INDEX(Jesper!AJ$2:AJ$366,ROUNDDOWN($C58/24,0)+1,1)*INDEX($D$3:$AA$30,INDEX(Jesper!$R$2:$R$366,ROW(INDEX(Jesper!AJ$2:AJ$366,ROUNDDOWN($C58/24,0)+1,1))-1)+IF('Standard Profiles'!$G$20=$B$10,7,0)+IF('Standard Profiles'!$G$20=$B$17,14,0)+IF('Standard Profiles'!$G$20=$B$24,21,0),MOD($C58,24)+1)/SUM(INDEX($D$3:$AA$30,INDEX(Jesper!$R$2:$R$366,ROW(INDEX(Jesper!AJ$2:AJ$366,ROUNDDOWN($C58/24,0)+1,1))-1)+IF('Standard Profiles'!$G$20=$B$10,7,0)+IF('Standard Profiles'!$G$20=$B$17,14,0)+IF('Standard Profiles'!$G$20=$B$24,21,0),0)),0)</f>
        <v>0</v>
      </c>
      <c r="G58" cm="1">
        <f t="array" ref="G58">IFERROR(INDEX(Jesper!AK$2:AK$366,ROUNDDOWN($C58/24,0)+1,1)*INDEX($D$3:$AA$30,INDEX(Jesper!$R$2:$R$366,ROW(INDEX(Jesper!AK$2:AK$366,ROUNDDOWN($C58/24,0)+1,1))-1)+IF('Standard Profiles'!$G$21=$B$10,7,0)+IF('Standard Profiles'!$G$21=$B$17,14,0)+IF('Standard Profiles'!$G$21=$B$24,21,0),MOD($C58,24)+1)/SUM(INDEX($D$3:$AA$30,INDEX(Jesper!$R$2:$R$366,ROW(INDEX(Jesper!AK$2:AK$366,ROUNDDOWN($C58/24,0)+1,1))-1)+IF('Standard Profiles'!$G$21=$B$10,7,0)+IF('Standard Profiles'!$G$21=$B$17,14,0)+IF('Standard Profiles'!$G$21=$B$24,21,0),0)),0)</f>
        <v>0</v>
      </c>
      <c r="H58" cm="1">
        <f t="array" ref="H58">IFERROR(INDEX(Jesper!AL$2:AL$366,ROUNDDOWN($C58/24,0)+1,1)*INDEX($D$3:$AA$30,INDEX(Jesper!$R$2:$R$366,ROW(INDEX(Jesper!AL$2:AL$366,ROUNDDOWN($C58/24,0)+1,1))-1)+IF('Standard Profiles'!$G$22=$B$10,7,0)+IF('Standard Profiles'!$G$22=$B$17,14,0)+IF('Standard Profiles'!$G$22=$B$24,21,0),MOD($C58,24)+1)/SUM(INDEX($D$3:$AA$30,INDEX(Jesper!$R$2:$R$366,ROW(INDEX(Jesper!AL$2:AL$366,ROUNDDOWN($C58/24,0)+1,1))-1)+IF('Standard Profiles'!$G$22=$B$10,7,0)+IF('Standard Profiles'!$G$22=$B$17,14,0)+IF('Standard Profiles'!$G$22=$B$24,21,0),0)),0)</f>
        <v>0</v>
      </c>
      <c r="I58">
        <f t="shared" si="20"/>
        <v>0.24811550477632666</v>
      </c>
      <c r="J58">
        <f t="shared" si="21"/>
        <v>0.82705168258775563</v>
      </c>
      <c r="K58">
        <f t="shared" si="22"/>
        <v>1.2405775238816332</v>
      </c>
      <c r="L58">
        <f t="shared" si="23"/>
        <v>5.9547721146318393</v>
      </c>
      <c r="M58">
        <f t="shared" si="24"/>
        <v>0</v>
      </c>
      <c r="N58" s="46">
        <f t="shared" si="25"/>
        <v>45292.999999999942</v>
      </c>
      <c r="O58">
        <v>0.24609760832348246</v>
      </c>
      <c r="P58">
        <v>0.82032536107827492</v>
      </c>
      <c r="Q58">
        <v>1.2304880416174122</v>
      </c>
      <c r="R58">
        <v>5.9063425997635788</v>
      </c>
      <c r="S58">
        <v>0</v>
      </c>
      <c r="T58" s="46">
        <v>45635.999999979977</v>
      </c>
    </row>
    <row r="59" spans="2:33" x14ac:dyDescent="0.3">
      <c r="B59">
        <f t="shared" si="19"/>
        <v>2</v>
      </c>
      <c r="C59" s="16">
        <v>25</v>
      </c>
      <c r="D59" cm="1">
        <f t="array" ref="D59">IFERROR(INDEX(Jesper!AH$2:AH$366,ROUNDDOWN($C59/24,0)+1,1)*INDEX($D$3:$AA$30,INDEX(Jesper!$R$2:$R$366,ROW(INDEX(Jesper!AH$2:AH$366,ROUNDDOWN($C59/24,0)+1,1))-1)+IF('Standard Profiles'!$G$18=$B$10,7,0)+IF('Standard Profiles'!$G$18=$B$17,14,0)+IF('Standard Profiles'!$G$18=$B$24,21,0),MOD($C59,24)+1)/SUM(INDEX($D$3:$AA$30,INDEX(Jesper!$R$2:$R$366,ROW(INDEX(Jesper!AH$2:AH$366,ROUNDDOWN($C59/24,0)+1,1))-1)+IF('Standard Profiles'!$G$18=$B$10,7,0)+IF('Standard Profiles'!$G$18=$B$17,14,0)+IF('Standard Profiles'!$G$18=$B$24,21,0),0)),0)</f>
        <v>8.2705168258775554</v>
      </c>
      <c r="E59" cm="1">
        <f t="array" ref="E59">IFERROR(INDEX(Jesper!AI$2:AI$366,ROUNDDOWN($C59/24,0)+1,1)*INDEX($D$3:$AA$30,INDEX(Jesper!$R$2:$R$366,ROW(INDEX(Jesper!AI$2:AI$366,ROUNDDOWN($C59/24,0)+1,1))-1)+IF('Standard Profiles'!$G$19=$B$10,7,0)+IF('Standard Profiles'!$G$19=$B$17,14,0)+IF('Standard Profiles'!$G$19=$B$24,21,0),MOD($C59,24)+1)/SUM(INDEX($D$3:$AA$30,INDEX(Jesper!$R$2:$R$366,ROW(INDEX(Jesper!AI$2:AI$366,ROUNDDOWN($C59/24,0)+1,1))-1)+IF('Standard Profiles'!$G$19=$B$10,7,0)+IF('Standard Profiles'!$G$19=$B$17,14,0)+IF('Standard Profiles'!$G$19=$B$24,21,0),0)),0)</f>
        <v>0</v>
      </c>
      <c r="F59" cm="1">
        <f t="array" ref="F59">IFERROR(INDEX(Jesper!AJ$2:AJ$366,ROUNDDOWN($C59/24,0)+1,1)*INDEX($D$3:$AA$30,INDEX(Jesper!$R$2:$R$366,ROW(INDEX(Jesper!AJ$2:AJ$366,ROUNDDOWN($C59/24,0)+1,1))-1)+IF('Standard Profiles'!$G$20=$B$10,7,0)+IF('Standard Profiles'!$G$20=$B$17,14,0)+IF('Standard Profiles'!$G$20=$B$24,21,0),MOD($C59,24)+1)/SUM(INDEX($D$3:$AA$30,INDEX(Jesper!$R$2:$R$366,ROW(INDEX(Jesper!AJ$2:AJ$366,ROUNDDOWN($C59/24,0)+1,1))-1)+IF('Standard Profiles'!$G$20=$B$10,7,0)+IF('Standard Profiles'!$G$20=$B$17,14,0)+IF('Standard Profiles'!$G$20=$B$24,21,0),0)),0)</f>
        <v>0</v>
      </c>
      <c r="G59" cm="1">
        <f t="array" ref="G59">IFERROR(INDEX(Jesper!AK$2:AK$366,ROUNDDOWN($C59/24,0)+1,1)*INDEX($D$3:$AA$30,INDEX(Jesper!$R$2:$R$366,ROW(INDEX(Jesper!AK$2:AK$366,ROUNDDOWN($C59/24,0)+1,1))-1)+IF('Standard Profiles'!$G$21=$B$10,7,0)+IF('Standard Profiles'!$G$21=$B$17,14,0)+IF('Standard Profiles'!$G$21=$B$24,21,0),MOD($C59,24)+1)/SUM(INDEX($D$3:$AA$30,INDEX(Jesper!$R$2:$R$366,ROW(INDEX(Jesper!AK$2:AK$366,ROUNDDOWN($C59/24,0)+1,1))-1)+IF('Standard Profiles'!$G$21=$B$10,7,0)+IF('Standard Profiles'!$G$21=$B$17,14,0)+IF('Standard Profiles'!$G$21=$B$24,21,0),0)),0)</f>
        <v>0</v>
      </c>
      <c r="H59" cm="1">
        <f t="array" ref="H59">IFERROR(INDEX(Jesper!AL$2:AL$366,ROUNDDOWN($C59/24,0)+1,1)*INDEX($D$3:$AA$30,INDEX(Jesper!$R$2:$R$366,ROW(INDEX(Jesper!AL$2:AL$366,ROUNDDOWN($C59/24,0)+1,1))-1)+IF('Standard Profiles'!$G$22=$B$10,7,0)+IF('Standard Profiles'!$G$22=$B$17,14,0)+IF('Standard Profiles'!$G$22=$B$24,21,0),MOD($C59,24)+1)/SUM(INDEX($D$3:$AA$30,INDEX(Jesper!$R$2:$R$366,ROW(INDEX(Jesper!AL$2:AL$366,ROUNDDOWN($C59/24,0)+1,1))-1)+IF('Standard Profiles'!$G$22=$B$10,7,0)+IF('Standard Profiles'!$G$22=$B$17,14,0)+IF('Standard Profiles'!$G$22=$B$24,21,0),0)),0)</f>
        <v>0</v>
      </c>
      <c r="I59">
        <f t="shared" si="20"/>
        <v>0.24811550477632666</v>
      </c>
      <c r="J59">
        <f t="shared" si="21"/>
        <v>0.82705168258775563</v>
      </c>
      <c r="K59">
        <f t="shared" si="22"/>
        <v>1.2405775238816332</v>
      </c>
      <c r="L59">
        <f t="shared" si="23"/>
        <v>5.9547721146318393</v>
      </c>
      <c r="M59">
        <f t="shared" si="24"/>
        <v>0</v>
      </c>
      <c r="N59" s="46">
        <f t="shared" si="25"/>
        <v>45293.041666666606</v>
      </c>
      <c r="O59">
        <v>0.24609760832348246</v>
      </c>
      <c r="P59">
        <v>0.82032536107827492</v>
      </c>
      <c r="Q59">
        <v>1.2304880416174122</v>
      </c>
      <c r="R59">
        <v>5.9063425997635788</v>
      </c>
      <c r="S59">
        <v>0</v>
      </c>
      <c r="T59" s="46">
        <v>45636.041666646641</v>
      </c>
    </row>
    <row r="60" spans="2:33" x14ac:dyDescent="0.3">
      <c r="B60">
        <f t="shared" si="19"/>
        <v>2</v>
      </c>
      <c r="C60" s="16">
        <v>26</v>
      </c>
      <c r="D60" cm="1">
        <f t="array" ref="D60">IFERROR(INDEX(Jesper!AH$2:AH$366,ROUNDDOWN($C60/24,0)+1,1)*INDEX($D$3:$AA$30,INDEX(Jesper!$R$2:$R$366,ROW(INDEX(Jesper!AH$2:AH$366,ROUNDDOWN($C60/24,0)+1,1))-1)+IF('Standard Profiles'!$G$18=$B$10,7,0)+IF('Standard Profiles'!$G$18=$B$17,14,0)+IF('Standard Profiles'!$G$18=$B$24,21,0),MOD($C60,24)+1)/SUM(INDEX($D$3:$AA$30,INDEX(Jesper!$R$2:$R$366,ROW(INDEX(Jesper!AH$2:AH$366,ROUNDDOWN($C60/24,0)+1,1))-1)+IF('Standard Profiles'!$G$18=$B$10,7,0)+IF('Standard Profiles'!$G$18=$B$17,14,0)+IF('Standard Profiles'!$G$18=$B$24,21,0),0)),0)</f>
        <v>8.2705168258775554</v>
      </c>
      <c r="E60" cm="1">
        <f t="array" ref="E60">IFERROR(INDEX(Jesper!AI$2:AI$366,ROUNDDOWN($C60/24,0)+1,1)*INDEX($D$3:$AA$30,INDEX(Jesper!$R$2:$R$366,ROW(INDEX(Jesper!AI$2:AI$366,ROUNDDOWN($C60/24,0)+1,1))-1)+IF('Standard Profiles'!$G$19=$B$10,7,0)+IF('Standard Profiles'!$G$19=$B$17,14,0)+IF('Standard Profiles'!$G$19=$B$24,21,0),MOD($C60,24)+1)/SUM(INDEX($D$3:$AA$30,INDEX(Jesper!$R$2:$R$366,ROW(INDEX(Jesper!AI$2:AI$366,ROUNDDOWN($C60/24,0)+1,1))-1)+IF('Standard Profiles'!$G$19=$B$10,7,0)+IF('Standard Profiles'!$G$19=$B$17,14,0)+IF('Standard Profiles'!$G$19=$B$24,21,0),0)),0)</f>
        <v>0</v>
      </c>
      <c r="F60" cm="1">
        <f t="array" ref="F60">IFERROR(INDEX(Jesper!AJ$2:AJ$366,ROUNDDOWN($C60/24,0)+1,1)*INDEX($D$3:$AA$30,INDEX(Jesper!$R$2:$R$366,ROW(INDEX(Jesper!AJ$2:AJ$366,ROUNDDOWN($C60/24,0)+1,1))-1)+IF('Standard Profiles'!$G$20=$B$10,7,0)+IF('Standard Profiles'!$G$20=$B$17,14,0)+IF('Standard Profiles'!$G$20=$B$24,21,0),MOD($C60,24)+1)/SUM(INDEX($D$3:$AA$30,INDEX(Jesper!$R$2:$R$366,ROW(INDEX(Jesper!AJ$2:AJ$366,ROUNDDOWN($C60/24,0)+1,1))-1)+IF('Standard Profiles'!$G$20=$B$10,7,0)+IF('Standard Profiles'!$G$20=$B$17,14,0)+IF('Standard Profiles'!$G$20=$B$24,21,0),0)),0)</f>
        <v>0</v>
      </c>
      <c r="G60" cm="1">
        <f t="array" ref="G60">IFERROR(INDEX(Jesper!AK$2:AK$366,ROUNDDOWN($C60/24,0)+1,1)*INDEX($D$3:$AA$30,INDEX(Jesper!$R$2:$R$366,ROW(INDEX(Jesper!AK$2:AK$366,ROUNDDOWN($C60/24,0)+1,1))-1)+IF('Standard Profiles'!$G$21=$B$10,7,0)+IF('Standard Profiles'!$G$21=$B$17,14,0)+IF('Standard Profiles'!$G$21=$B$24,21,0),MOD($C60,24)+1)/SUM(INDEX($D$3:$AA$30,INDEX(Jesper!$R$2:$R$366,ROW(INDEX(Jesper!AK$2:AK$366,ROUNDDOWN($C60/24,0)+1,1))-1)+IF('Standard Profiles'!$G$21=$B$10,7,0)+IF('Standard Profiles'!$G$21=$B$17,14,0)+IF('Standard Profiles'!$G$21=$B$24,21,0),0)),0)</f>
        <v>0</v>
      </c>
      <c r="H60" cm="1">
        <f t="array" ref="H60">IFERROR(INDEX(Jesper!AL$2:AL$366,ROUNDDOWN($C60/24,0)+1,1)*INDEX($D$3:$AA$30,INDEX(Jesper!$R$2:$R$366,ROW(INDEX(Jesper!AL$2:AL$366,ROUNDDOWN($C60/24,0)+1,1))-1)+IF('Standard Profiles'!$G$22=$B$10,7,0)+IF('Standard Profiles'!$G$22=$B$17,14,0)+IF('Standard Profiles'!$G$22=$B$24,21,0),MOD($C60,24)+1)/SUM(INDEX($D$3:$AA$30,INDEX(Jesper!$R$2:$R$366,ROW(INDEX(Jesper!AL$2:AL$366,ROUNDDOWN($C60/24,0)+1,1))-1)+IF('Standard Profiles'!$G$22=$B$10,7,0)+IF('Standard Profiles'!$G$22=$B$17,14,0)+IF('Standard Profiles'!$G$22=$B$24,21,0),0)),0)</f>
        <v>0</v>
      </c>
      <c r="I60">
        <f t="shared" si="20"/>
        <v>0.24811550477632666</v>
      </c>
      <c r="J60">
        <f t="shared" si="21"/>
        <v>0.82705168258775563</v>
      </c>
      <c r="K60">
        <f t="shared" si="22"/>
        <v>1.2405775238816332</v>
      </c>
      <c r="L60">
        <f t="shared" si="23"/>
        <v>5.9547721146318393</v>
      </c>
      <c r="M60">
        <f t="shared" si="24"/>
        <v>0</v>
      </c>
      <c r="N60" s="46">
        <f t="shared" si="25"/>
        <v>45293.08333333327</v>
      </c>
      <c r="O60">
        <v>0.24609760832348246</v>
      </c>
      <c r="P60">
        <v>0.82032536107827492</v>
      </c>
      <c r="Q60">
        <v>1.2304880416174122</v>
      </c>
      <c r="R60">
        <v>5.9063425997635788</v>
      </c>
      <c r="S60">
        <v>0</v>
      </c>
      <c r="T60" s="46">
        <v>45636.083333313305</v>
      </c>
    </row>
    <row r="61" spans="2:33" x14ac:dyDescent="0.3">
      <c r="B61">
        <f t="shared" si="19"/>
        <v>2</v>
      </c>
      <c r="C61" s="16">
        <v>27</v>
      </c>
      <c r="D61" cm="1">
        <f t="array" ref="D61">IFERROR(INDEX(Jesper!AH$2:AH$366,ROUNDDOWN($C61/24,0)+1,1)*INDEX($D$3:$AA$30,INDEX(Jesper!$R$2:$R$366,ROW(INDEX(Jesper!AH$2:AH$366,ROUNDDOWN($C61/24,0)+1,1))-1)+IF('Standard Profiles'!$G$18=$B$10,7,0)+IF('Standard Profiles'!$G$18=$B$17,14,0)+IF('Standard Profiles'!$G$18=$B$24,21,0),MOD($C61,24)+1)/SUM(INDEX($D$3:$AA$30,INDEX(Jesper!$R$2:$R$366,ROW(INDEX(Jesper!AH$2:AH$366,ROUNDDOWN($C61/24,0)+1,1))-1)+IF('Standard Profiles'!$G$18=$B$10,7,0)+IF('Standard Profiles'!$G$18=$B$17,14,0)+IF('Standard Profiles'!$G$18=$B$24,21,0),0)),0)</f>
        <v>8.2705168258775554</v>
      </c>
      <c r="E61" cm="1">
        <f t="array" ref="E61">IFERROR(INDEX(Jesper!AI$2:AI$366,ROUNDDOWN($C61/24,0)+1,1)*INDEX($D$3:$AA$30,INDEX(Jesper!$R$2:$R$366,ROW(INDEX(Jesper!AI$2:AI$366,ROUNDDOWN($C61/24,0)+1,1))-1)+IF('Standard Profiles'!$G$19=$B$10,7,0)+IF('Standard Profiles'!$G$19=$B$17,14,0)+IF('Standard Profiles'!$G$19=$B$24,21,0),MOD($C61,24)+1)/SUM(INDEX($D$3:$AA$30,INDEX(Jesper!$R$2:$R$366,ROW(INDEX(Jesper!AI$2:AI$366,ROUNDDOWN($C61/24,0)+1,1))-1)+IF('Standard Profiles'!$G$19=$B$10,7,0)+IF('Standard Profiles'!$G$19=$B$17,14,0)+IF('Standard Profiles'!$G$19=$B$24,21,0),0)),0)</f>
        <v>0</v>
      </c>
      <c r="F61" cm="1">
        <f t="array" ref="F61">IFERROR(INDEX(Jesper!AJ$2:AJ$366,ROUNDDOWN($C61/24,0)+1,1)*INDEX($D$3:$AA$30,INDEX(Jesper!$R$2:$R$366,ROW(INDEX(Jesper!AJ$2:AJ$366,ROUNDDOWN($C61/24,0)+1,1))-1)+IF('Standard Profiles'!$G$20=$B$10,7,0)+IF('Standard Profiles'!$G$20=$B$17,14,0)+IF('Standard Profiles'!$G$20=$B$24,21,0),MOD($C61,24)+1)/SUM(INDEX($D$3:$AA$30,INDEX(Jesper!$R$2:$R$366,ROW(INDEX(Jesper!AJ$2:AJ$366,ROUNDDOWN($C61/24,0)+1,1))-1)+IF('Standard Profiles'!$G$20=$B$10,7,0)+IF('Standard Profiles'!$G$20=$B$17,14,0)+IF('Standard Profiles'!$G$20=$B$24,21,0),0)),0)</f>
        <v>0</v>
      </c>
      <c r="G61" cm="1">
        <f t="array" ref="G61">IFERROR(INDEX(Jesper!AK$2:AK$366,ROUNDDOWN($C61/24,0)+1,1)*INDEX($D$3:$AA$30,INDEX(Jesper!$R$2:$R$366,ROW(INDEX(Jesper!AK$2:AK$366,ROUNDDOWN($C61/24,0)+1,1))-1)+IF('Standard Profiles'!$G$21=$B$10,7,0)+IF('Standard Profiles'!$G$21=$B$17,14,0)+IF('Standard Profiles'!$G$21=$B$24,21,0),MOD($C61,24)+1)/SUM(INDEX($D$3:$AA$30,INDEX(Jesper!$R$2:$R$366,ROW(INDEX(Jesper!AK$2:AK$366,ROUNDDOWN($C61/24,0)+1,1))-1)+IF('Standard Profiles'!$G$21=$B$10,7,0)+IF('Standard Profiles'!$G$21=$B$17,14,0)+IF('Standard Profiles'!$G$21=$B$24,21,0),0)),0)</f>
        <v>0</v>
      </c>
      <c r="H61" cm="1">
        <f t="array" ref="H61">IFERROR(INDEX(Jesper!AL$2:AL$366,ROUNDDOWN($C61/24,0)+1,1)*INDEX($D$3:$AA$30,INDEX(Jesper!$R$2:$R$366,ROW(INDEX(Jesper!AL$2:AL$366,ROUNDDOWN($C61/24,0)+1,1))-1)+IF('Standard Profiles'!$G$22=$B$10,7,0)+IF('Standard Profiles'!$G$22=$B$17,14,0)+IF('Standard Profiles'!$G$22=$B$24,21,0),MOD($C61,24)+1)/SUM(INDEX($D$3:$AA$30,INDEX(Jesper!$R$2:$R$366,ROW(INDEX(Jesper!AL$2:AL$366,ROUNDDOWN($C61/24,0)+1,1))-1)+IF('Standard Profiles'!$G$22=$B$10,7,0)+IF('Standard Profiles'!$G$22=$B$17,14,0)+IF('Standard Profiles'!$G$22=$B$24,21,0),0)),0)</f>
        <v>0</v>
      </c>
      <c r="I61">
        <f t="shared" si="20"/>
        <v>0.24811550477632666</v>
      </c>
      <c r="J61">
        <f t="shared" si="21"/>
        <v>0.82705168258775563</v>
      </c>
      <c r="K61">
        <f t="shared" si="22"/>
        <v>1.2405775238816332</v>
      </c>
      <c r="L61">
        <f t="shared" si="23"/>
        <v>5.9547721146318393</v>
      </c>
      <c r="M61">
        <f t="shared" si="24"/>
        <v>0</v>
      </c>
      <c r="N61" s="46">
        <f t="shared" si="25"/>
        <v>45293.124999999935</v>
      </c>
      <c r="O61">
        <v>0.24609760832348246</v>
      </c>
      <c r="P61">
        <v>0.82032536107827492</v>
      </c>
      <c r="Q61">
        <v>1.2304880416174122</v>
      </c>
      <c r="R61">
        <v>5.9063425997635788</v>
      </c>
      <c r="S61">
        <v>0</v>
      </c>
      <c r="T61" s="46">
        <v>45636.124999979969</v>
      </c>
    </row>
    <row r="62" spans="2:33" x14ac:dyDescent="0.3">
      <c r="B62">
        <f t="shared" si="19"/>
        <v>2</v>
      </c>
      <c r="C62" s="16">
        <v>28</v>
      </c>
      <c r="D62" cm="1">
        <f t="array" ref="D62">IFERROR(INDEX(Jesper!AH$2:AH$366,ROUNDDOWN($C62/24,0)+1,1)*INDEX($D$3:$AA$30,INDEX(Jesper!$R$2:$R$366,ROW(INDEX(Jesper!AH$2:AH$366,ROUNDDOWN($C62/24,0)+1,1))-1)+IF('Standard Profiles'!$G$18=$B$10,7,0)+IF('Standard Profiles'!$G$18=$B$17,14,0)+IF('Standard Profiles'!$G$18=$B$24,21,0),MOD($C62,24)+1)/SUM(INDEX($D$3:$AA$30,INDEX(Jesper!$R$2:$R$366,ROW(INDEX(Jesper!AH$2:AH$366,ROUNDDOWN($C62/24,0)+1,1))-1)+IF('Standard Profiles'!$G$18=$B$10,7,0)+IF('Standard Profiles'!$G$18=$B$17,14,0)+IF('Standard Profiles'!$G$18=$B$24,21,0),0)),0)</f>
        <v>8.2705168258775554</v>
      </c>
      <c r="E62" cm="1">
        <f t="array" ref="E62">IFERROR(INDEX(Jesper!AI$2:AI$366,ROUNDDOWN($C62/24,0)+1,1)*INDEX($D$3:$AA$30,INDEX(Jesper!$R$2:$R$366,ROW(INDEX(Jesper!AI$2:AI$366,ROUNDDOWN($C62/24,0)+1,1))-1)+IF('Standard Profiles'!$G$19=$B$10,7,0)+IF('Standard Profiles'!$G$19=$B$17,14,0)+IF('Standard Profiles'!$G$19=$B$24,21,0),MOD($C62,24)+1)/SUM(INDEX($D$3:$AA$30,INDEX(Jesper!$R$2:$R$366,ROW(INDEX(Jesper!AI$2:AI$366,ROUNDDOWN($C62/24,0)+1,1))-1)+IF('Standard Profiles'!$G$19=$B$10,7,0)+IF('Standard Profiles'!$G$19=$B$17,14,0)+IF('Standard Profiles'!$G$19=$B$24,21,0),0)),0)</f>
        <v>0</v>
      </c>
      <c r="F62" cm="1">
        <f t="array" ref="F62">IFERROR(INDEX(Jesper!AJ$2:AJ$366,ROUNDDOWN($C62/24,0)+1,1)*INDEX($D$3:$AA$30,INDEX(Jesper!$R$2:$R$366,ROW(INDEX(Jesper!AJ$2:AJ$366,ROUNDDOWN($C62/24,0)+1,1))-1)+IF('Standard Profiles'!$G$20=$B$10,7,0)+IF('Standard Profiles'!$G$20=$B$17,14,0)+IF('Standard Profiles'!$G$20=$B$24,21,0),MOD($C62,24)+1)/SUM(INDEX($D$3:$AA$30,INDEX(Jesper!$R$2:$R$366,ROW(INDEX(Jesper!AJ$2:AJ$366,ROUNDDOWN($C62/24,0)+1,1))-1)+IF('Standard Profiles'!$G$20=$B$10,7,0)+IF('Standard Profiles'!$G$20=$B$17,14,0)+IF('Standard Profiles'!$G$20=$B$24,21,0),0)),0)</f>
        <v>0</v>
      </c>
      <c r="G62" cm="1">
        <f t="array" ref="G62">IFERROR(INDEX(Jesper!AK$2:AK$366,ROUNDDOWN($C62/24,0)+1,1)*INDEX($D$3:$AA$30,INDEX(Jesper!$R$2:$R$366,ROW(INDEX(Jesper!AK$2:AK$366,ROUNDDOWN($C62/24,0)+1,1))-1)+IF('Standard Profiles'!$G$21=$B$10,7,0)+IF('Standard Profiles'!$G$21=$B$17,14,0)+IF('Standard Profiles'!$G$21=$B$24,21,0),MOD($C62,24)+1)/SUM(INDEX($D$3:$AA$30,INDEX(Jesper!$R$2:$R$366,ROW(INDEX(Jesper!AK$2:AK$366,ROUNDDOWN($C62/24,0)+1,1))-1)+IF('Standard Profiles'!$G$21=$B$10,7,0)+IF('Standard Profiles'!$G$21=$B$17,14,0)+IF('Standard Profiles'!$G$21=$B$24,21,0),0)),0)</f>
        <v>0</v>
      </c>
      <c r="H62" cm="1">
        <f t="array" ref="H62">IFERROR(INDEX(Jesper!AL$2:AL$366,ROUNDDOWN($C62/24,0)+1,1)*INDEX($D$3:$AA$30,INDEX(Jesper!$R$2:$R$366,ROW(INDEX(Jesper!AL$2:AL$366,ROUNDDOWN($C62/24,0)+1,1))-1)+IF('Standard Profiles'!$G$22=$B$10,7,0)+IF('Standard Profiles'!$G$22=$B$17,14,0)+IF('Standard Profiles'!$G$22=$B$24,21,0),MOD($C62,24)+1)/SUM(INDEX($D$3:$AA$30,INDEX(Jesper!$R$2:$R$366,ROW(INDEX(Jesper!AL$2:AL$366,ROUNDDOWN($C62/24,0)+1,1))-1)+IF('Standard Profiles'!$G$22=$B$10,7,0)+IF('Standard Profiles'!$G$22=$B$17,14,0)+IF('Standard Profiles'!$G$22=$B$24,21,0),0)),0)</f>
        <v>0</v>
      </c>
      <c r="I62">
        <f t="shared" si="20"/>
        <v>0.24811550477632666</v>
      </c>
      <c r="J62">
        <f t="shared" si="21"/>
        <v>0.82705168258775563</v>
      </c>
      <c r="K62">
        <f t="shared" si="22"/>
        <v>1.2405775238816332</v>
      </c>
      <c r="L62">
        <f t="shared" si="23"/>
        <v>5.9547721146318393</v>
      </c>
      <c r="M62">
        <f t="shared" si="24"/>
        <v>0</v>
      </c>
      <c r="N62" s="46">
        <f t="shared" si="25"/>
        <v>45293.166666666599</v>
      </c>
      <c r="O62">
        <v>0.24609760832348246</v>
      </c>
      <c r="P62">
        <v>0.82032536107827492</v>
      </c>
      <c r="Q62">
        <v>1.2304880416174122</v>
      </c>
      <c r="R62">
        <v>5.9063425997635788</v>
      </c>
      <c r="S62">
        <v>0</v>
      </c>
      <c r="T62" s="46">
        <v>45636.166666646634</v>
      </c>
    </row>
    <row r="63" spans="2:33" x14ac:dyDescent="0.3">
      <c r="B63">
        <f t="shared" si="19"/>
        <v>2</v>
      </c>
      <c r="C63" s="16">
        <v>29</v>
      </c>
      <c r="D63" cm="1">
        <f t="array" ref="D63">IFERROR(INDEX(Jesper!AH$2:AH$366,ROUNDDOWN($C63/24,0)+1,1)*INDEX($D$3:$AA$30,INDEX(Jesper!$R$2:$R$366,ROW(INDEX(Jesper!AH$2:AH$366,ROUNDDOWN($C63/24,0)+1,1))-1)+IF('Standard Profiles'!$G$18=$B$10,7,0)+IF('Standard Profiles'!$G$18=$B$17,14,0)+IF('Standard Profiles'!$G$18=$B$24,21,0),MOD($C63,24)+1)/SUM(INDEX($D$3:$AA$30,INDEX(Jesper!$R$2:$R$366,ROW(INDEX(Jesper!AH$2:AH$366,ROUNDDOWN($C63/24,0)+1,1))-1)+IF('Standard Profiles'!$G$18=$B$10,7,0)+IF('Standard Profiles'!$G$18=$B$17,14,0)+IF('Standard Profiles'!$G$18=$B$24,21,0),0)),0)</f>
        <v>10.751671873640822</v>
      </c>
      <c r="E63" cm="1">
        <f t="array" ref="E63">IFERROR(INDEX(Jesper!AI$2:AI$366,ROUNDDOWN($C63/24,0)+1,1)*INDEX($D$3:$AA$30,INDEX(Jesper!$R$2:$R$366,ROW(INDEX(Jesper!AI$2:AI$366,ROUNDDOWN($C63/24,0)+1,1))-1)+IF('Standard Profiles'!$G$19=$B$10,7,0)+IF('Standard Profiles'!$G$19=$B$17,14,0)+IF('Standard Profiles'!$G$19=$B$24,21,0),MOD($C63,24)+1)/SUM(INDEX($D$3:$AA$30,INDEX(Jesper!$R$2:$R$366,ROW(INDEX(Jesper!AI$2:AI$366,ROUNDDOWN($C63/24,0)+1,1))-1)+IF('Standard Profiles'!$G$19=$B$10,7,0)+IF('Standard Profiles'!$G$19=$B$17,14,0)+IF('Standard Profiles'!$G$19=$B$24,21,0),0)),0)</f>
        <v>0</v>
      </c>
      <c r="F63" cm="1">
        <f t="array" ref="F63">IFERROR(INDEX(Jesper!AJ$2:AJ$366,ROUNDDOWN($C63/24,0)+1,1)*INDEX($D$3:$AA$30,INDEX(Jesper!$R$2:$R$366,ROW(INDEX(Jesper!AJ$2:AJ$366,ROUNDDOWN($C63/24,0)+1,1))-1)+IF('Standard Profiles'!$G$20=$B$10,7,0)+IF('Standard Profiles'!$G$20=$B$17,14,0)+IF('Standard Profiles'!$G$20=$B$24,21,0),MOD($C63,24)+1)/SUM(INDEX($D$3:$AA$30,INDEX(Jesper!$R$2:$R$366,ROW(INDEX(Jesper!AJ$2:AJ$366,ROUNDDOWN($C63/24,0)+1,1))-1)+IF('Standard Profiles'!$G$20=$B$10,7,0)+IF('Standard Profiles'!$G$20=$B$17,14,0)+IF('Standard Profiles'!$G$20=$B$24,21,0),0)),0)</f>
        <v>0</v>
      </c>
      <c r="G63" cm="1">
        <f t="array" ref="G63">IFERROR(INDEX(Jesper!AK$2:AK$366,ROUNDDOWN($C63/24,0)+1,1)*INDEX($D$3:$AA$30,INDEX(Jesper!$R$2:$R$366,ROW(INDEX(Jesper!AK$2:AK$366,ROUNDDOWN($C63/24,0)+1,1))-1)+IF('Standard Profiles'!$G$21=$B$10,7,0)+IF('Standard Profiles'!$G$21=$B$17,14,0)+IF('Standard Profiles'!$G$21=$B$24,21,0),MOD($C63,24)+1)/SUM(INDEX($D$3:$AA$30,INDEX(Jesper!$R$2:$R$366,ROW(INDEX(Jesper!AK$2:AK$366,ROUNDDOWN($C63/24,0)+1,1))-1)+IF('Standard Profiles'!$G$21=$B$10,7,0)+IF('Standard Profiles'!$G$21=$B$17,14,0)+IF('Standard Profiles'!$G$21=$B$24,21,0),0)),0)</f>
        <v>0</v>
      </c>
      <c r="H63" cm="1">
        <f t="array" ref="H63">IFERROR(INDEX(Jesper!AL$2:AL$366,ROUNDDOWN($C63/24,0)+1,1)*INDEX($D$3:$AA$30,INDEX(Jesper!$R$2:$R$366,ROW(INDEX(Jesper!AL$2:AL$366,ROUNDDOWN($C63/24,0)+1,1))-1)+IF('Standard Profiles'!$G$22=$B$10,7,0)+IF('Standard Profiles'!$G$22=$B$17,14,0)+IF('Standard Profiles'!$G$22=$B$24,21,0),MOD($C63,24)+1)/SUM(INDEX($D$3:$AA$30,INDEX(Jesper!$R$2:$R$366,ROW(INDEX(Jesper!AL$2:AL$366,ROUNDDOWN($C63/24,0)+1,1))-1)+IF('Standard Profiles'!$G$22=$B$10,7,0)+IF('Standard Profiles'!$G$22=$B$17,14,0)+IF('Standard Profiles'!$G$22=$B$24,21,0),0)),0)</f>
        <v>0</v>
      </c>
      <c r="I63">
        <f t="shared" si="20"/>
        <v>0.32255015620922467</v>
      </c>
      <c r="J63">
        <f t="shared" si="21"/>
        <v>1.0751671873640822</v>
      </c>
      <c r="K63">
        <f t="shared" si="22"/>
        <v>1.6127507810461232</v>
      </c>
      <c r="L63">
        <f t="shared" si="23"/>
        <v>7.7412037490213912</v>
      </c>
      <c r="M63">
        <f t="shared" si="24"/>
        <v>0</v>
      </c>
      <c r="N63" s="46">
        <f t="shared" si="25"/>
        <v>45293.208333333263</v>
      </c>
      <c r="O63">
        <v>0.31992689082052717</v>
      </c>
      <c r="P63">
        <v>1.0664229694017573</v>
      </c>
      <c r="Q63">
        <v>1.5996344541026359</v>
      </c>
      <c r="R63">
        <v>7.678245379692652</v>
      </c>
      <c r="S63">
        <v>0</v>
      </c>
      <c r="T63" s="46">
        <v>45636.208333313298</v>
      </c>
    </row>
    <row r="64" spans="2:33" x14ac:dyDescent="0.3">
      <c r="B64">
        <f t="shared" si="19"/>
        <v>2</v>
      </c>
      <c r="C64" s="16">
        <v>30</v>
      </c>
      <c r="D64" cm="1">
        <f t="array" ref="D64">IFERROR(INDEX(Jesper!AH$2:AH$366,ROUNDDOWN($C64/24,0)+1,1)*INDEX($D$3:$AA$30,INDEX(Jesper!$R$2:$R$366,ROW(INDEX(Jesper!AH$2:AH$366,ROUNDDOWN($C64/24,0)+1,1))-1)+IF('Standard Profiles'!$G$18=$B$10,7,0)+IF('Standard Profiles'!$G$18=$B$17,14,0)+IF('Standard Profiles'!$G$18=$B$24,21,0),MOD($C64,24)+1)/SUM(INDEX($D$3:$AA$30,INDEX(Jesper!$R$2:$R$366,ROW(INDEX(Jesper!AH$2:AH$366,ROUNDDOWN($C64/24,0)+1,1))-1)+IF('Standard Profiles'!$G$18=$B$10,7,0)+IF('Standard Profiles'!$G$18=$B$17,14,0)+IF('Standard Profiles'!$G$18=$B$24,21,0),0)),0)</f>
        <v>11.992249397522455</v>
      </c>
      <c r="E64" cm="1">
        <f t="array" ref="E64">IFERROR(INDEX(Jesper!AI$2:AI$366,ROUNDDOWN($C64/24,0)+1,1)*INDEX($D$3:$AA$30,INDEX(Jesper!$R$2:$R$366,ROW(INDEX(Jesper!AI$2:AI$366,ROUNDDOWN($C64/24,0)+1,1))-1)+IF('Standard Profiles'!$G$19=$B$10,7,0)+IF('Standard Profiles'!$G$19=$B$17,14,0)+IF('Standard Profiles'!$G$19=$B$24,21,0),MOD($C64,24)+1)/SUM(INDEX($D$3:$AA$30,INDEX(Jesper!$R$2:$R$366,ROW(INDEX(Jesper!AI$2:AI$366,ROUNDDOWN($C64/24,0)+1,1))-1)+IF('Standard Profiles'!$G$19=$B$10,7,0)+IF('Standard Profiles'!$G$19=$B$17,14,0)+IF('Standard Profiles'!$G$19=$B$24,21,0),0)),0)</f>
        <v>0</v>
      </c>
      <c r="F64" cm="1">
        <f t="array" ref="F64">IFERROR(INDEX(Jesper!AJ$2:AJ$366,ROUNDDOWN($C64/24,0)+1,1)*INDEX($D$3:$AA$30,INDEX(Jesper!$R$2:$R$366,ROW(INDEX(Jesper!AJ$2:AJ$366,ROUNDDOWN($C64/24,0)+1,1))-1)+IF('Standard Profiles'!$G$20=$B$10,7,0)+IF('Standard Profiles'!$G$20=$B$17,14,0)+IF('Standard Profiles'!$G$20=$B$24,21,0),MOD($C64,24)+1)/SUM(INDEX($D$3:$AA$30,INDEX(Jesper!$R$2:$R$366,ROW(INDEX(Jesper!AJ$2:AJ$366,ROUNDDOWN($C64/24,0)+1,1))-1)+IF('Standard Profiles'!$G$20=$B$10,7,0)+IF('Standard Profiles'!$G$20=$B$17,14,0)+IF('Standard Profiles'!$G$20=$B$24,21,0),0)),0)</f>
        <v>0</v>
      </c>
      <c r="G64" cm="1">
        <f t="array" ref="G64">IFERROR(INDEX(Jesper!AK$2:AK$366,ROUNDDOWN($C64/24,0)+1,1)*INDEX($D$3:$AA$30,INDEX(Jesper!$R$2:$R$366,ROW(INDEX(Jesper!AK$2:AK$366,ROUNDDOWN($C64/24,0)+1,1))-1)+IF('Standard Profiles'!$G$21=$B$10,7,0)+IF('Standard Profiles'!$G$21=$B$17,14,0)+IF('Standard Profiles'!$G$21=$B$24,21,0),MOD($C64,24)+1)/SUM(INDEX($D$3:$AA$30,INDEX(Jesper!$R$2:$R$366,ROW(INDEX(Jesper!AK$2:AK$366,ROUNDDOWN($C64/24,0)+1,1))-1)+IF('Standard Profiles'!$G$21=$B$10,7,0)+IF('Standard Profiles'!$G$21=$B$17,14,0)+IF('Standard Profiles'!$G$21=$B$24,21,0),0)),0)</f>
        <v>0</v>
      </c>
      <c r="H64" cm="1">
        <f t="array" ref="H64">IFERROR(INDEX(Jesper!AL$2:AL$366,ROUNDDOWN($C64/24,0)+1,1)*INDEX($D$3:$AA$30,INDEX(Jesper!$R$2:$R$366,ROW(INDEX(Jesper!AL$2:AL$366,ROUNDDOWN($C64/24,0)+1,1))-1)+IF('Standard Profiles'!$G$22=$B$10,7,0)+IF('Standard Profiles'!$G$22=$B$17,14,0)+IF('Standard Profiles'!$G$22=$B$24,21,0),MOD($C64,24)+1)/SUM(INDEX($D$3:$AA$30,INDEX(Jesper!$R$2:$R$366,ROW(INDEX(Jesper!AL$2:AL$366,ROUNDDOWN($C64/24,0)+1,1))-1)+IF('Standard Profiles'!$G$22=$B$10,7,0)+IF('Standard Profiles'!$G$22=$B$17,14,0)+IF('Standard Profiles'!$G$22=$B$24,21,0),0)),0)</f>
        <v>0</v>
      </c>
      <c r="I64">
        <f t="shared" si="20"/>
        <v>0.35976748192567365</v>
      </c>
      <c r="J64">
        <f t="shared" si="21"/>
        <v>1.1992249397522456</v>
      </c>
      <c r="K64">
        <f t="shared" si="22"/>
        <v>1.7988374096283681</v>
      </c>
      <c r="L64">
        <f t="shared" si="23"/>
        <v>8.6344195662161667</v>
      </c>
      <c r="M64">
        <f t="shared" si="24"/>
        <v>0</v>
      </c>
      <c r="N64" s="46">
        <f t="shared" si="25"/>
        <v>45293.249999999927</v>
      </c>
      <c r="O64">
        <v>0.35684153206904951</v>
      </c>
      <c r="P64">
        <v>1.1894717735634985</v>
      </c>
      <c r="Q64">
        <v>1.7842076603452475</v>
      </c>
      <c r="R64">
        <v>8.5641967696571886</v>
      </c>
      <c r="S64">
        <v>0</v>
      </c>
      <c r="T64" s="46">
        <v>45636.249999979962</v>
      </c>
    </row>
    <row r="65" spans="2:21" x14ac:dyDescent="0.3">
      <c r="B65">
        <f t="shared" si="19"/>
        <v>2</v>
      </c>
      <c r="C65" s="16">
        <v>31</v>
      </c>
      <c r="D65" cm="1">
        <f t="array" ref="D65">IFERROR(INDEX(Jesper!AH$2:AH$366,ROUNDDOWN($C65/24,0)+1,1)*INDEX($D$3:$AA$30,INDEX(Jesper!$R$2:$R$366,ROW(INDEX(Jesper!AH$2:AH$366,ROUNDDOWN($C65/24,0)+1,1))-1)+IF('Standard Profiles'!$G$18=$B$10,7,0)+IF('Standard Profiles'!$G$18=$B$17,14,0)+IF('Standard Profiles'!$G$18=$B$24,21,0),MOD($C65,24)+1)/SUM(INDEX($D$3:$AA$30,INDEX(Jesper!$R$2:$R$366,ROW(INDEX(Jesper!AH$2:AH$366,ROUNDDOWN($C65/24,0)+1,1))-1)+IF('Standard Profiles'!$G$18=$B$10,7,0)+IF('Standard Profiles'!$G$18=$B$17,14,0)+IF('Standard Profiles'!$G$18=$B$24,21,0),0)),0)</f>
        <v>12.405775238816334</v>
      </c>
      <c r="E65" cm="1">
        <f t="array" ref="E65">IFERROR(INDEX(Jesper!AI$2:AI$366,ROUNDDOWN($C65/24,0)+1,1)*INDEX($D$3:$AA$30,INDEX(Jesper!$R$2:$R$366,ROW(INDEX(Jesper!AI$2:AI$366,ROUNDDOWN($C65/24,0)+1,1))-1)+IF('Standard Profiles'!$G$19=$B$10,7,0)+IF('Standard Profiles'!$G$19=$B$17,14,0)+IF('Standard Profiles'!$G$19=$B$24,21,0),MOD($C65,24)+1)/SUM(INDEX($D$3:$AA$30,INDEX(Jesper!$R$2:$R$366,ROW(INDEX(Jesper!AI$2:AI$366,ROUNDDOWN($C65/24,0)+1,1))-1)+IF('Standard Profiles'!$G$19=$B$10,7,0)+IF('Standard Profiles'!$G$19=$B$17,14,0)+IF('Standard Profiles'!$G$19=$B$24,21,0),0)),0)</f>
        <v>0</v>
      </c>
      <c r="F65" cm="1">
        <f t="array" ref="F65">IFERROR(INDEX(Jesper!AJ$2:AJ$366,ROUNDDOWN($C65/24,0)+1,1)*INDEX($D$3:$AA$30,INDEX(Jesper!$R$2:$R$366,ROW(INDEX(Jesper!AJ$2:AJ$366,ROUNDDOWN($C65/24,0)+1,1))-1)+IF('Standard Profiles'!$G$20=$B$10,7,0)+IF('Standard Profiles'!$G$20=$B$17,14,0)+IF('Standard Profiles'!$G$20=$B$24,21,0),MOD($C65,24)+1)/SUM(INDEX($D$3:$AA$30,INDEX(Jesper!$R$2:$R$366,ROW(INDEX(Jesper!AJ$2:AJ$366,ROUNDDOWN($C65/24,0)+1,1))-1)+IF('Standard Profiles'!$G$20=$B$10,7,0)+IF('Standard Profiles'!$G$20=$B$17,14,0)+IF('Standard Profiles'!$G$20=$B$24,21,0),0)),0)</f>
        <v>0</v>
      </c>
      <c r="G65" cm="1">
        <f t="array" ref="G65">IFERROR(INDEX(Jesper!AK$2:AK$366,ROUNDDOWN($C65/24,0)+1,1)*INDEX($D$3:$AA$30,INDEX(Jesper!$R$2:$R$366,ROW(INDEX(Jesper!AK$2:AK$366,ROUNDDOWN($C65/24,0)+1,1))-1)+IF('Standard Profiles'!$G$21=$B$10,7,0)+IF('Standard Profiles'!$G$21=$B$17,14,0)+IF('Standard Profiles'!$G$21=$B$24,21,0),MOD($C65,24)+1)/SUM(INDEX($D$3:$AA$30,INDEX(Jesper!$R$2:$R$366,ROW(INDEX(Jesper!AK$2:AK$366,ROUNDDOWN($C65/24,0)+1,1))-1)+IF('Standard Profiles'!$G$21=$B$10,7,0)+IF('Standard Profiles'!$G$21=$B$17,14,0)+IF('Standard Profiles'!$G$21=$B$24,21,0),0)),0)</f>
        <v>0</v>
      </c>
      <c r="H65" cm="1">
        <f t="array" ref="H65">IFERROR(INDEX(Jesper!AL$2:AL$366,ROUNDDOWN($C65/24,0)+1,1)*INDEX($D$3:$AA$30,INDEX(Jesper!$R$2:$R$366,ROW(INDEX(Jesper!AL$2:AL$366,ROUNDDOWN($C65/24,0)+1,1))-1)+IF('Standard Profiles'!$G$22=$B$10,7,0)+IF('Standard Profiles'!$G$22=$B$17,14,0)+IF('Standard Profiles'!$G$22=$B$24,21,0),MOD($C65,24)+1)/SUM(INDEX($D$3:$AA$30,INDEX(Jesper!$R$2:$R$366,ROW(INDEX(Jesper!AL$2:AL$366,ROUNDDOWN($C65/24,0)+1,1))-1)+IF('Standard Profiles'!$G$22=$B$10,7,0)+IF('Standard Profiles'!$G$22=$B$17,14,0)+IF('Standard Profiles'!$G$22=$B$24,21,0),0)),0)</f>
        <v>0</v>
      </c>
      <c r="I65">
        <f t="shared" si="20"/>
        <v>0.37217325716449001</v>
      </c>
      <c r="J65">
        <f t="shared" si="21"/>
        <v>1.2405775238816334</v>
      </c>
      <c r="K65">
        <f t="shared" si="22"/>
        <v>1.8608662858224501</v>
      </c>
      <c r="L65">
        <f t="shared" si="23"/>
        <v>8.9321581719477603</v>
      </c>
      <c r="M65">
        <f t="shared" si="24"/>
        <v>0</v>
      </c>
      <c r="N65" s="46">
        <f t="shared" si="25"/>
        <v>45293.291666666591</v>
      </c>
      <c r="O65">
        <v>0.36914641248522362</v>
      </c>
      <c r="P65">
        <v>1.2304880416174122</v>
      </c>
      <c r="Q65">
        <v>1.8457320624261182</v>
      </c>
      <c r="R65">
        <v>8.8595138996453677</v>
      </c>
      <c r="S65">
        <v>0</v>
      </c>
      <c r="T65" s="46">
        <v>45636.291666646626</v>
      </c>
    </row>
    <row r="66" spans="2:21" x14ac:dyDescent="0.3">
      <c r="B66">
        <f t="shared" si="19"/>
        <v>2</v>
      </c>
      <c r="C66" s="16">
        <v>32</v>
      </c>
      <c r="D66" cm="1">
        <f t="array" ref="D66">IFERROR(INDEX(Jesper!AH$2:AH$366,ROUNDDOWN($C66/24,0)+1,1)*INDEX($D$3:$AA$30,INDEX(Jesper!$R$2:$R$366,ROW(INDEX(Jesper!AH$2:AH$366,ROUNDDOWN($C66/24,0)+1,1))-1)+IF('Standard Profiles'!$G$18=$B$10,7,0)+IF('Standard Profiles'!$G$18=$B$17,14,0)+IF('Standard Profiles'!$G$18=$B$24,21,0),MOD($C66,24)+1)/SUM(INDEX($D$3:$AA$30,INDEX(Jesper!$R$2:$R$366,ROW(INDEX(Jesper!AH$2:AH$366,ROUNDDOWN($C66/24,0)+1,1))-1)+IF('Standard Profiles'!$G$18=$B$10,7,0)+IF('Standard Profiles'!$G$18=$B$17,14,0)+IF('Standard Profiles'!$G$18=$B$24,21,0),0)),0)</f>
        <v>12.405775238816334</v>
      </c>
      <c r="E66" cm="1">
        <f t="array" ref="E66">IFERROR(INDEX(Jesper!AI$2:AI$366,ROUNDDOWN($C66/24,0)+1,1)*INDEX($D$3:$AA$30,INDEX(Jesper!$R$2:$R$366,ROW(INDEX(Jesper!AI$2:AI$366,ROUNDDOWN($C66/24,0)+1,1))-1)+IF('Standard Profiles'!$G$19=$B$10,7,0)+IF('Standard Profiles'!$G$19=$B$17,14,0)+IF('Standard Profiles'!$G$19=$B$24,21,0),MOD($C66,24)+1)/SUM(INDEX($D$3:$AA$30,INDEX(Jesper!$R$2:$R$366,ROW(INDEX(Jesper!AI$2:AI$366,ROUNDDOWN($C66/24,0)+1,1))-1)+IF('Standard Profiles'!$G$19=$B$10,7,0)+IF('Standard Profiles'!$G$19=$B$17,14,0)+IF('Standard Profiles'!$G$19=$B$24,21,0),0)),0)</f>
        <v>0</v>
      </c>
      <c r="F66" cm="1">
        <f t="array" ref="F66">IFERROR(INDEX(Jesper!AJ$2:AJ$366,ROUNDDOWN($C66/24,0)+1,1)*INDEX($D$3:$AA$30,INDEX(Jesper!$R$2:$R$366,ROW(INDEX(Jesper!AJ$2:AJ$366,ROUNDDOWN($C66/24,0)+1,1))-1)+IF('Standard Profiles'!$G$20=$B$10,7,0)+IF('Standard Profiles'!$G$20=$B$17,14,0)+IF('Standard Profiles'!$G$20=$B$24,21,0),MOD($C66,24)+1)/SUM(INDEX($D$3:$AA$30,INDEX(Jesper!$R$2:$R$366,ROW(INDEX(Jesper!AJ$2:AJ$366,ROUNDDOWN($C66/24,0)+1,1))-1)+IF('Standard Profiles'!$G$20=$B$10,7,0)+IF('Standard Profiles'!$G$20=$B$17,14,0)+IF('Standard Profiles'!$G$20=$B$24,21,0),0)),0)</f>
        <v>0</v>
      </c>
      <c r="G66" cm="1">
        <f t="array" ref="G66">IFERROR(INDEX(Jesper!AK$2:AK$366,ROUNDDOWN($C66/24,0)+1,1)*INDEX($D$3:$AA$30,INDEX(Jesper!$R$2:$R$366,ROW(INDEX(Jesper!AK$2:AK$366,ROUNDDOWN($C66/24,0)+1,1))-1)+IF('Standard Profiles'!$G$21=$B$10,7,0)+IF('Standard Profiles'!$G$21=$B$17,14,0)+IF('Standard Profiles'!$G$21=$B$24,21,0),MOD($C66,24)+1)/SUM(INDEX($D$3:$AA$30,INDEX(Jesper!$R$2:$R$366,ROW(INDEX(Jesper!AK$2:AK$366,ROUNDDOWN($C66/24,0)+1,1))-1)+IF('Standard Profiles'!$G$21=$B$10,7,0)+IF('Standard Profiles'!$G$21=$B$17,14,0)+IF('Standard Profiles'!$G$21=$B$24,21,0),0)),0)</f>
        <v>0</v>
      </c>
      <c r="H66" cm="1">
        <f t="array" ref="H66">IFERROR(INDEX(Jesper!AL$2:AL$366,ROUNDDOWN($C66/24,0)+1,1)*INDEX($D$3:$AA$30,INDEX(Jesper!$R$2:$R$366,ROW(INDEX(Jesper!AL$2:AL$366,ROUNDDOWN($C66/24,0)+1,1))-1)+IF('Standard Profiles'!$G$22=$B$10,7,0)+IF('Standard Profiles'!$G$22=$B$17,14,0)+IF('Standard Profiles'!$G$22=$B$24,21,0),MOD($C66,24)+1)/SUM(INDEX($D$3:$AA$30,INDEX(Jesper!$R$2:$R$366,ROW(INDEX(Jesper!AL$2:AL$366,ROUNDDOWN($C66/24,0)+1,1))-1)+IF('Standard Profiles'!$G$22=$B$10,7,0)+IF('Standard Profiles'!$G$22=$B$17,14,0)+IF('Standard Profiles'!$G$22=$B$24,21,0),0)),0)</f>
        <v>0</v>
      </c>
      <c r="I66">
        <f t="shared" si="20"/>
        <v>0.37217325716449001</v>
      </c>
      <c r="J66">
        <f t="shared" si="21"/>
        <v>1.2405775238816334</v>
      </c>
      <c r="K66">
        <f t="shared" si="22"/>
        <v>1.8608662858224501</v>
      </c>
      <c r="L66">
        <f t="shared" si="23"/>
        <v>8.9321581719477603</v>
      </c>
      <c r="M66">
        <f t="shared" si="24"/>
        <v>0</v>
      </c>
      <c r="N66" s="46">
        <f t="shared" si="25"/>
        <v>45293.333333333256</v>
      </c>
      <c r="O66">
        <v>0.36914641248522362</v>
      </c>
      <c r="P66">
        <v>1.2304880416174122</v>
      </c>
      <c r="Q66">
        <v>1.8457320624261182</v>
      </c>
      <c r="R66">
        <v>8.8595138996453677</v>
      </c>
      <c r="S66">
        <v>0</v>
      </c>
      <c r="T66" s="46">
        <v>45636.33333331329</v>
      </c>
    </row>
    <row r="67" spans="2:21" x14ac:dyDescent="0.3">
      <c r="B67">
        <f t="shared" si="19"/>
        <v>2</v>
      </c>
      <c r="C67" s="16">
        <v>33</v>
      </c>
      <c r="D67" cm="1">
        <f t="array" ref="D67">IFERROR(INDEX(Jesper!AH$2:AH$366,ROUNDDOWN($C67/24,0)+1,1)*INDEX($D$3:$AA$30,INDEX(Jesper!$R$2:$R$366,ROW(INDEX(Jesper!AH$2:AH$366,ROUNDDOWN($C67/24,0)+1,1))-1)+IF('Standard Profiles'!$G$18=$B$10,7,0)+IF('Standard Profiles'!$G$18=$B$17,14,0)+IF('Standard Profiles'!$G$18=$B$24,21,0),MOD($C67,24)+1)/SUM(INDEX($D$3:$AA$30,INDEX(Jesper!$R$2:$R$366,ROW(INDEX(Jesper!AH$2:AH$366,ROUNDDOWN($C67/24,0)+1,1))-1)+IF('Standard Profiles'!$G$18=$B$10,7,0)+IF('Standard Profiles'!$G$18=$B$17,14,0)+IF('Standard Profiles'!$G$18=$B$24,21,0),0)),0)</f>
        <v>13.439589842051028</v>
      </c>
      <c r="E67" cm="1">
        <f t="array" ref="E67">IFERROR(INDEX(Jesper!AI$2:AI$366,ROUNDDOWN($C67/24,0)+1,1)*INDEX($D$3:$AA$30,INDEX(Jesper!$R$2:$R$366,ROW(INDEX(Jesper!AI$2:AI$366,ROUNDDOWN($C67/24,0)+1,1))-1)+IF('Standard Profiles'!$G$19=$B$10,7,0)+IF('Standard Profiles'!$G$19=$B$17,14,0)+IF('Standard Profiles'!$G$19=$B$24,21,0),MOD($C67,24)+1)/SUM(INDEX($D$3:$AA$30,INDEX(Jesper!$R$2:$R$366,ROW(INDEX(Jesper!AI$2:AI$366,ROUNDDOWN($C67/24,0)+1,1))-1)+IF('Standard Profiles'!$G$19=$B$10,7,0)+IF('Standard Profiles'!$G$19=$B$17,14,0)+IF('Standard Profiles'!$G$19=$B$24,21,0),0)),0)</f>
        <v>0</v>
      </c>
      <c r="F67" cm="1">
        <f t="array" ref="F67">IFERROR(INDEX(Jesper!AJ$2:AJ$366,ROUNDDOWN($C67/24,0)+1,1)*INDEX($D$3:$AA$30,INDEX(Jesper!$R$2:$R$366,ROW(INDEX(Jesper!AJ$2:AJ$366,ROUNDDOWN($C67/24,0)+1,1))-1)+IF('Standard Profiles'!$G$20=$B$10,7,0)+IF('Standard Profiles'!$G$20=$B$17,14,0)+IF('Standard Profiles'!$G$20=$B$24,21,0),MOD($C67,24)+1)/SUM(INDEX($D$3:$AA$30,INDEX(Jesper!$R$2:$R$366,ROW(INDEX(Jesper!AJ$2:AJ$366,ROUNDDOWN($C67/24,0)+1,1))-1)+IF('Standard Profiles'!$G$20=$B$10,7,0)+IF('Standard Profiles'!$G$20=$B$17,14,0)+IF('Standard Profiles'!$G$20=$B$24,21,0),0)),0)</f>
        <v>0</v>
      </c>
      <c r="G67" cm="1">
        <f t="array" ref="G67">IFERROR(INDEX(Jesper!AK$2:AK$366,ROUNDDOWN($C67/24,0)+1,1)*INDEX($D$3:$AA$30,INDEX(Jesper!$R$2:$R$366,ROW(INDEX(Jesper!AK$2:AK$366,ROUNDDOWN($C67/24,0)+1,1))-1)+IF('Standard Profiles'!$G$21=$B$10,7,0)+IF('Standard Profiles'!$G$21=$B$17,14,0)+IF('Standard Profiles'!$G$21=$B$24,21,0),MOD($C67,24)+1)/SUM(INDEX($D$3:$AA$30,INDEX(Jesper!$R$2:$R$366,ROW(INDEX(Jesper!AK$2:AK$366,ROUNDDOWN($C67/24,0)+1,1))-1)+IF('Standard Profiles'!$G$21=$B$10,7,0)+IF('Standard Profiles'!$G$21=$B$17,14,0)+IF('Standard Profiles'!$G$21=$B$24,21,0),0)),0)</f>
        <v>0</v>
      </c>
      <c r="H67" cm="1">
        <f t="array" ref="H67">IFERROR(INDEX(Jesper!AL$2:AL$366,ROUNDDOWN($C67/24,0)+1,1)*INDEX($D$3:$AA$30,INDEX(Jesper!$R$2:$R$366,ROW(INDEX(Jesper!AL$2:AL$366,ROUNDDOWN($C67/24,0)+1,1))-1)+IF('Standard Profiles'!$G$22=$B$10,7,0)+IF('Standard Profiles'!$G$22=$B$17,14,0)+IF('Standard Profiles'!$G$22=$B$24,21,0),MOD($C67,24)+1)/SUM(INDEX($D$3:$AA$30,INDEX(Jesper!$R$2:$R$366,ROW(INDEX(Jesper!AL$2:AL$366,ROUNDDOWN($C67/24,0)+1,1))-1)+IF('Standard Profiles'!$G$22=$B$10,7,0)+IF('Standard Profiles'!$G$22=$B$17,14,0)+IF('Standard Profiles'!$G$22=$B$24,21,0),0)),0)</f>
        <v>0</v>
      </c>
      <c r="I67">
        <f t="shared" si="20"/>
        <v>0.40318769526153081</v>
      </c>
      <c r="J67">
        <f t="shared" si="21"/>
        <v>1.343958984205103</v>
      </c>
      <c r="K67">
        <f t="shared" si="22"/>
        <v>2.015938476307654</v>
      </c>
      <c r="L67">
        <f t="shared" si="23"/>
        <v>9.6765046862767399</v>
      </c>
      <c r="M67">
        <f t="shared" si="24"/>
        <v>0</v>
      </c>
      <c r="N67" s="46">
        <f t="shared" si="25"/>
        <v>45293.37499999992</v>
      </c>
      <c r="O67">
        <v>0.39990861352565893</v>
      </c>
      <c r="P67">
        <v>1.3330287117521966</v>
      </c>
      <c r="Q67">
        <v>1.9995430676282948</v>
      </c>
      <c r="R67">
        <v>9.5978067246158147</v>
      </c>
      <c r="S67">
        <v>0</v>
      </c>
      <c r="T67" s="46">
        <v>45636.374999979955</v>
      </c>
    </row>
    <row r="68" spans="2:21" x14ac:dyDescent="0.3">
      <c r="B68">
        <f t="shared" si="19"/>
        <v>2</v>
      </c>
      <c r="C68" s="16">
        <v>34</v>
      </c>
      <c r="D68" cm="1">
        <f t="array" ref="D68">IFERROR(INDEX(Jesper!AH$2:AH$366,ROUNDDOWN($C68/24,0)+1,1)*INDEX($D$3:$AA$30,INDEX(Jesper!$R$2:$R$366,ROW(INDEX(Jesper!AH$2:AH$366,ROUNDDOWN($C68/24,0)+1,1))-1)+IF('Standard Profiles'!$G$18=$B$10,7,0)+IF('Standard Profiles'!$G$18=$B$17,14,0)+IF('Standard Profiles'!$G$18=$B$24,21,0),MOD($C68,24)+1)/SUM(INDEX($D$3:$AA$30,INDEX(Jesper!$R$2:$R$366,ROW(INDEX(Jesper!AH$2:AH$366,ROUNDDOWN($C68/24,0)+1,1))-1)+IF('Standard Profiles'!$G$18=$B$10,7,0)+IF('Standard Profiles'!$G$18=$B$17,14,0)+IF('Standard Profiles'!$G$18=$B$24,21,0),0)),0)</f>
        <v>14.059878603991844</v>
      </c>
      <c r="E68" cm="1">
        <f t="array" ref="E68">IFERROR(INDEX(Jesper!AI$2:AI$366,ROUNDDOWN($C68/24,0)+1,1)*INDEX($D$3:$AA$30,INDEX(Jesper!$R$2:$R$366,ROW(INDEX(Jesper!AI$2:AI$366,ROUNDDOWN($C68/24,0)+1,1))-1)+IF('Standard Profiles'!$G$19=$B$10,7,0)+IF('Standard Profiles'!$G$19=$B$17,14,0)+IF('Standard Profiles'!$G$19=$B$24,21,0),MOD($C68,24)+1)/SUM(INDEX($D$3:$AA$30,INDEX(Jesper!$R$2:$R$366,ROW(INDEX(Jesper!AI$2:AI$366,ROUNDDOWN($C68/24,0)+1,1))-1)+IF('Standard Profiles'!$G$19=$B$10,7,0)+IF('Standard Profiles'!$G$19=$B$17,14,0)+IF('Standard Profiles'!$G$19=$B$24,21,0),0)),0)</f>
        <v>0</v>
      </c>
      <c r="F68" cm="1">
        <f t="array" ref="F68">IFERROR(INDEX(Jesper!AJ$2:AJ$366,ROUNDDOWN($C68/24,0)+1,1)*INDEX($D$3:$AA$30,INDEX(Jesper!$R$2:$R$366,ROW(INDEX(Jesper!AJ$2:AJ$366,ROUNDDOWN($C68/24,0)+1,1))-1)+IF('Standard Profiles'!$G$20=$B$10,7,0)+IF('Standard Profiles'!$G$20=$B$17,14,0)+IF('Standard Profiles'!$G$20=$B$24,21,0),MOD($C68,24)+1)/SUM(INDEX($D$3:$AA$30,INDEX(Jesper!$R$2:$R$366,ROW(INDEX(Jesper!AJ$2:AJ$366,ROUNDDOWN($C68/24,0)+1,1))-1)+IF('Standard Profiles'!$G$20=$B$10,7,0)+IF('Standard Profiles'!$G$20=$B$17,14,0)+IF('Standard Profiles'!$G$20=$B$24,21,0),0)),0)</f>
        <v>0</v>
      </c>
      <c r="G68" cm="1">
        <f t="array" ref="G68">IFERROR(INDEX(Jesper!AK$2:AK$366,ROUNDDOWN($C68/24,0)+1,1)*INDEX($D$3:$AA$30,INDEX(Jesper!$R$2:$R$366,ROW(INDEX(Jesper!AK$2:AK$366,ROUNDDOWN($C68/24,0)+1,1))-1)+IF('Standard Profiles'!$G$21=$B$10,7,0)+IF('Standard Profiles'!$G$21=$B$17,14,0)+IF('Standard Profiles'!$G$21=$B$24,21,0),MOD($C68,24)+1)/SUM(INDEX($D$3:$AA$30,INDEX(Jesper!$R$2:$R$366,ROW(INDEX(Jesper!AK$2:AK$366,ROUNDDOWN($C68/24,0)+1,1))-1)+IF('Standard Profiles'!$G$21=$B$10,7,0)+IF('Standard Profiles'!$G$21=$B$17,14,0)+IF('Standard Profiles'!$G$21=$B$24,21,0),0)),0)</f>
        <v>0</v>
      </c>
      <c r="H68" cm="1">
        <f t="array" ref="H68">IFERROR(INDEX(Jesper!AL$2:AL$366,ROUNDDOWN($C68/24,0)+1,1)*INDEX($D$3:$AA$30,INDEX(Jesper!$R$2:$R$366,ROW(INDEX(Jesper!AL$2:AL$366,ROUNDDOWN($C68/24,0)+1,1))-1)+IF('Standard Profiles'!$G$22=$B$10,7,0)+IF('Standard Profiles'!$G$22=$B$17,14,0)+IF('Standard Profiles'!$G$22=$B$24,21,0),MOD($C68,24)+1)/SUM(INDEX($D$3:$AA$30,INDEX(Jesper!$R$2:$R$366,ROW(INDEX(Jesper!AL$2:AL$366,ROUNDDOWN($C68/24,0)+1,1))-1)+IF('Standard Profiles'!$G$22=$B$10,7,0)+IF('Standard Profiles'!$G$22=$B$17,14,0)+IF('Standard Profiles'!$G$22=$B$24,21,0),0)),0)</f>
        <v>0</v>
      </c>
      <c r="I68">
        <f t="shared" si="20"/>
        <v>0.4217963581197553</v>
      </c>
      <c r="J68">
        <f t="shared" si="21"/>
        <v>1.4059878603991844</v>
      </c>
      <c r="K68">
        <f t="shared" si="22"/>
        <v>2.1089817905987767</v>
      </c>
      <c r="L68">
        <f t="shared" si="23"/>
        <v>10.123112594874128</v>
      </c>
      <c r="M68">
        <f t="shared" si="24"/>
        <v>0</v>
      </c>
      <c r="N68" s="46">
        <f t="shared" si="25"/>
        <v>45293.416666666584</v>
      </c>
      <c r="O68">
        <v>0.41836593414992007</v>
      </c>
      <c r="P68">
        <v>1.3945531138330671</v>
      </c>
      <c r="Q68">
        <v>2.0918296707496005</v>
      </c>
      <c r="R68">
        <v>10.040782419598083</v>
      </c>
      <c r="S68">
        <v>0</v>
      </c>
      <c r="T68" s="46">
        <v>45636.416666646619</v>
      </c>
    </row>
    <row r="69" spans="2:21" x14ac:dyDescent="0.3">
      <c r="B69">
        <f t="shared" si="19"/>
        <v>2</v>
      </c>
      <c r="C69" s="16">
        <v>35</v>
      </c>
      <c r="D69" cm="1">
        <f t="array" ref="D69">IFERROR(INDEX(Jesper!AH$2:AH$366,ROUNDDOWN($C69/24,0)+1,1)*INDEX($D$3:$AA$30,INDEX(Jesper!$R$2:$R$366,ROW(INDEX(Jesper!AH$2:AH$366,ROUNDDOWN($C69/24,0)+1,1))-1)+IF('Standard Profiles'!$G$18=$B$10,7,0)+IF('Standard Profiles'!$G$18=$B$17,14,0)+IF('Standard Profiles'!$G$18=$B$24,21,0),MOD($C69,24)+1)/SUM(INDEX($D$3:$AA$30,INDEX(Jesper!$R$2:$R$366,ROW(INDEX(Jesper!AH$2:AH$366,ROUNDDOWN($C69/24,0)+1,1))-1)+IF('Standard Profiles'!$G$18=$B$10,7,0)+IF('Standard Profiles'!$G$18=$B$17,14,0)+IF('Standard Profiles'!$G$18=$B$24,21,0),0)),0)</f>
        <v>16.541033651755111</v>
      </c>
      <c r="E69" cm="1">
        <f t="array" ref="E69">IFERROR(INDEX(Jesper!AI$2:AI$366,ROUNDDOWN($C69/24,0)+1,1)*INDEX($D$3:$AA$30,INDEX(Jesper!$R$2:$R$366,ROW(INDEX(Jesper!AI$2:AI$366,ROUNDDOWN($C69/24,0)+1,1))-1)+IF('Standard Profiles'!$G$19=$B$10,7,0)+IF('Standard Profiles'!$G$19=$B$17,14,0)+IF('Standard Profiles'!$G$19=$B$24,21,0),MOD($C69,24)+1)/SUM(INDEX($D$3:$AA$30,INDEX(Jesper!$R$2:$R$366,ROW(INDEX(Jesper!AI$2:AI$366,ROUNDDOWN($C69/24,0)+1,1))-1)+IF('Standard Profiles'!$G$19=$B$10,7,0)+IF('Standard Profiles'!$G$19=$B$17,14,0)+IF('Standard Profiles'!$G$19=$B$24,21,0),0)),0)</f>
        <v>0</v>
      </c>
      <c r="F69" cm="1">
        <f t="array" ref="F69">IFERROR(INDEX(Jesper!AJ$2:AJ$366,ROUNDDOWN($C69/24,0)+1,1)*INDEX($D$3:$AA$30,INDEX(Jesper!$R$2:$R$366,ROW(INDEX(Jesper!AJ$2:AJ$366,ROUNDDOWN($C69/24,0)+1,1))-1)+IF('Standard Profiles'!$G$20=$B$10,7,0)+IF('Standard Profiles'!$G$20=$B$17,14,0)+IF('Standard Profiles'!$G$20=$B$24,21,0),MOD($C69,24)+1)/SUM(INDEX($D$3:$AA$30,INDEX(Jesper!$R$2:$R$366,ROW(INDEX(Jesper!AJ$2:AJ$366,ROUNDDOWN($C69/24,0)+1,1))-1)+IF('Standard Profiles'!$G$20=$B$10,7,0)+IF('Standard Profiles'!$G$20=$B$17,14,0)+IF('Standard Profiles'!$G$20=$B$24,21,0),0)),0)</f>
        <v>0</v>
      </c>
      <c r="G69" cm="1">
        <f t="array" ref="G69">IFERROR(INDEX(Jesper!AK$2:AK$366,ROUNDDOWN($C69/24,0)+1,1)*INDEX($D$3:$AA$30,INDEX(Jesper!$R$2:$R$366,ROW(INDEX(Jesper!AK$2:AK$366,ROUNDDOWN($C69/24,0)+1,1))-1)+IF('Standard Profiles'!$G$21=$B$10,7,0)+IF('Standard Profiles'!$G$21=$B$17,14,0)+IF('Standard Profiles'!$G$21=$B$24,21,0),MOD($C69,24)+1)/SUM(INDEX($D$3:$AA$30,INDEX(Jesper!$R$2:$R$366,ROW(INDEX(Jesper!AK$2:AK$366,ROUNDDOWN($C69/24,0)+1,1))-1)+IF('Standard Profiles'!$G$21=$B$10,7,0)+IF('Standard Profiles'!$G$21=$B$17,14,0)+IF('Standard Profiles'!$G$21=$B$24,21,0),0)),0)</f>
        <v>0</v>
      </c>
      <c r="H69" cm="1">
        <f t="array" ref="H69">IFERROR(INDEX(Jesper!AL$2:AL$366,ROUNDDOWN($C69/24,0)+1,1)*INDEX($D$3:$AA$30,INDEX(Jesper!$R$2:$R$366,ROW(INDEX(Jesper!AL$2:AL$366,ROUNDDOWN($C69/24,0)+1,1))-1)+IF('Standard Profiles'!$G$22=$B$10,7,0)+IF('Standard Profiles'!$G$22=$B$17,14,0)+IF('Standard Profiles'!$G$22=$B$24,21,0),MOD($C69,24)+1)/SUM(INDEX($D$3:$AA$30,INDEX(Jesper!$R$2:$R$366,ROW(INDEX(Jesper!AL$2:AL$366,ROUNDDOWN($C69/24,0)+1,1))-1)+IF('Standard Profiles'!$G$22=$B$10,7,0)+IF('Standard Profiles'!$G$22=$B$17,14,0)+IF('Standard Profiles'!$G$22=$B$24,21,0),0)),0)</f>
        <v>0</v>
      </c>
      <c r="I69">
        <f t="shared" si="20"/>
        <v>0.49623100955265331</v>
      </c>
      <c r="J69">
        <f t="shared" si="21"/>
        <v>1.6541033651755113</v>
      </c>
      <c r="K69">
        <f t="shared" si="22"/>
        <v>2.4811550477632665</v>
      </c>
      <c r="L69">
        <f t="shared" si="23"/>
        <v>11.909544229263679</v>
      </c>
      <c r="M69">
        <f t="shared" si="24"/>
        <v>0</v>
      </c>
      <c r="N69" s="46">
        <f t="shared" si="25"/>
        <v>45293.458333333248</v>
      </c>
      <c r="O69">
        <v>0.49219521664696492</v>
      </c>
      <c r="P69">
        <v>1.6406507221565498</v>
      </c>
      <c r="Q69">
        <v>2.4609760832348244</v>
      </c>
      <c r="R69">
        <v>11.812685199527158</v>
      </c>
      <c r="S69">
        <v>0</v>
      </c>
      <c r="T69" s="46">
        <v>45636.458333313283</v>
      </c>
      <c r="U69" t="str">
        <f>CHOOSE(WEEKDAY(T69,2),"Monday","Tuesday","Wednesday","Thursday","Friday","Saturday","Sunday")</f>
        <v>Tuesday</v>
      </c>
    </row>
    <row r="70" spans="2:21" x14ac:dyDescent="0.3">
      <c r="B70">
        <f t="shared" si="19"/>
        <v>2</v>
      </c>
      <c r="C70" s="16">
        <v>36</v>
      </c>
      <c r="D70" cm="1">
        <f t="array" ref="D70">IFERROR(INDEX(Jesper!AH$2:AH$366,ROUNDDOWN($C70/24,0)+1,1)*INDEX($D$3:$AA$30,INDEX(Jesper!$R$2:$R$366,ROW(INDEX(Jesper!AH$2:AH$366,ROUNDDOWN($C70/24,0)+1,1))-1)+IF('Standard Profiles'!$G$18=$B$10,7,0)+IF('Standard Profiles'!$G$18=$B$17,14,0)+IF('Standard Profiles'!$G$18=$B$24,21,0),MOD($C70,24)+1)/SUM(INDEX($D$3:$AA$30,INDEX(Jesper!$R$2:$R$366,ROW(INDEX(Jesper!AH$2:AH$366,ROUNDDOWN($C70/24,0)+1,1))-1)+IF('Standard Profiles'!$G$18=$B$10,7,0)+IF('Standard Profiles'!$G$18=$B$17,14,0)+IF('Standard Profiles'!$G$18=$B$24,21,0),0)),0)</f>
        <v>16.541033651755111</v>
      </c>
      <c r="E70" cm="1">
        <f t="array" ref="E70">IFERROR(INDEX(Jesper!AI$2:AI$366,ROUNDDOWN($C70/24,0)+1,1)*INDEX($D$3:$AA$30,INDEX(Jesper!$R$2:$R$366,ROW(INDEX(Jesper!AI$2:AI$366,ROUNDDOWN($C70/24,0)+1,1))-1)+IF('Standard Profiles'!$G$19=$B$10,7,0)+IF('Standard Profiles'!$G$19=$B$17,14,0)+IF('Standard Profiles'!$G$19=$B$24,21,0),MOD($C70,24)+1)/SUM(INDEX($D$3:$AA$30,INDEX(Jesper!$R$2:$R$366,ROW(INDEX(Jesper!AI$2:AI$366,ROUNDDOWN($C70/24,0)+1,1))-1)+IF('Standard Profiles'!$G$19=$B$10,7,0)+IF('Standard Profiles'!$G$19=$B$17,14,0)+IF('Standard Profiles'!$G$19=$B$24,21,0),0)),0)</f>
        <v>0</v>
      </c>
      <c r="F70" cm="1">
        <f t="array" ref="F70">IFERROR(INDEX(Jesper!AJ$2:AJ$366,ROUNDDOWN($C70/24,0)+1,1)*INDEX($D$3:$AA$30,INDEX(Jesper!$R$2:$R$366,ROW(INDEX(Jesper!AJ$2:AJ$366,ROUNDDOWN($C70/24,0)+1,1))-1)+IF('Standard Profiles'!$G$20=$B$10,7,0)+IF('Standard Profiles'!$G$20=$B$17,14,0)+IF('Standard Profiles'!$G$20=$B$24,21,0),MOD($C70,24)+1)/SUM(INDEX($D$3:$AA$30,INDEX(Jesper!$R$2:$R$366,ROW(INDEX(Jesper!AJ$2:AJ$366,ROUNDDOWN($C70/24,0)+1,1))-1)+IF('Standard Profiles'!$G$20=$B$10,7,0)+IF('Standard Profiles'!$G$20=$B$17,14,0)+IF('Standard Profiles'!$G$20=$B$24,21,0),0)),0)</f>
        <v>0</v>
      </c>
      <c r="G70" cm="1">
        <f t="array" ref="G70">IFERROR(INDEX(Jesper!AK$2:AK$366,ROUNDDOWN($C70/24,0)+1,1)*INDEX($D$3:$AA$30,INDEX(Jesper!$R$2:$R$366,ROW(INDEX(Jesper!AK$2:AK$366,ROUNDDOWN($C70/24,0)+1,1))-1)+IF('Standard Profiles'!$G$21=$B$10,7,0)+IF('Standard Profiles'!$G$21=$B$17,14,0)+IF('Standard Profiles'!$G$21=$B$24,21,0),MOD($C70,24)+1)/SUM(INDEX($D$3:$AA$30,INDEX(Jesper!$R$2:$R$366,ROW(INDEX(Jesper!AK$2:AK$366,ROUNDDOWN($C70/24,0)+1,1))-1)+IF('Standard Profiles'!$G$21=$B$10,7,0)+IF('Standard Profiles'!$G$21=$B$17,14,0)+IF('Standard Profiles'!$G$21=$B$24,21,0),0)),0)</f>
        <v>0</v>
      </c>
      <c r="H70" cm="1">
        <f t="array" ref="H70">IFERROR(INDEX(Jesper!AL$2:AL$366,ROUNDDOWN($C70/24,0)+1,1)*INDEX($D$3:$AA$30,INDEX(Jesper!$R$2:$R$366,ROW(INDEX(Jesper!AL$2:AL$366,ROUNDDOWN($C70/24,0)+1,1))-1)+IF('Standard Profiles'!$G$22=$B$10,7,0)+IF('Standard Profiles'!$G$22=$B$17,14,0)+IF('Standard Profiles'!$G$22=$B$24,21,0),MOD($C70,24)+1)/SUM(INDEX($D$3:$AA$30,INDEX(Jesper!$R$2:$R$366,ROW(INDEX(Jesper!AL$2:AL$366,ROUNDDOWN($C70/24,0)+1,1))-1)+IF('Standard Profiles'!$G$22=$B$10,7,0)+IF('Standard Profiles'!$G$22=$B$17,14,0)+IF('Standard Profiles'!$G$22=$B$24,21,0),0)),0)</f>
        <v>0</v>
      </c>
      <c r="I70">
        <f t="shared" si="20"/>
        <v>0.49623100955265331</v>
      </c>
      <c r="J70">
        <f t="shared" si="21"/>
        <v>1.6541033651755113</v>
      </c>
      <c r="K70">
        <f t="shared" si="22"/>
        <v>2.4811550477632665</v>
      </c>
      <c r="L70">
        <f t="shared" si="23"/>
        <v>11.909544229263679</v>
      </c>
      <c r="M70">
        <f t="shared" si="24"/>
        <v>0</v>
      </c>
      <c r="N70" s="46">
        <f t="shared" si="25"/>
        <v>45293.499999999913</v>
      </c>
      <c r="O70">
        <v>0.49219521664696492</v>
      </c>
      <c r="P70">
        <v>1.6406507221565498</v>
      </c>
      <c r="Q70">
        <v>2.4609760832348244</v>
      </c>
      <c r="R70">
        <v>11.812685199527158</v>
      </c>
      <c r="S70">
        <v>0</v>
      </c>
      <c r="T70" s="46">
        <v>45636.499999979947</v>
      </c>
    </row>
    <row r="71" spans="2:21" x14ac:dyDescent="0.3">
      <c r="B71">
        <f t="shared" si="19"/>
        <v>2</v>
      </c>
      <c r="C71" s="16">
        <v>37</v>
      </c>
      <c r="D71" cm="1">
        <f t="array" ref="D71">IFERROR(INDEX(Jesper!AH$2:AH$366,ROUNDDOWN($C71/24,0)+1,1)*INDEX($D$3:$AA$30,INDEX(Jesper!$R$2:$R$366,ROW(INDEX(Jesper!AH$2:AH$366,ROUNDDOWN($C71/24,0)+1,1))-1)+IF('Standard Profiles'!$G$18=$B$10,7,0)+IF('Standard Profiles'!$G$18=$B$17,14,0)+IF('Standard Profiles'!$G$18=$B$24,21,0),MOD($C71,24)+1)/SUM(INDEX($D$3:$AA$30,INDEX(Jesper!$R$2:$R$366,ROW(INDEX(Jesper!AH$2:AH$366,ROUNDDOWN($C71/24,0)+1,1))-1)+IF('Standard Profiles'!$G$18=$B$10,7,0)+IF('Standard Profiles'!$G$18=$B$17,14,0)+IF('Standard Profiles'!$G$18=$B$24,21,0),0)),0)</f>
        <v>16.541033651755111</v>
      </c>
      <c r="E71" cm="1">
        <f t="array" ref="E71">IFERROR(INDEX(Jesper!AI$2:AI$366,ROUNDDOWN($C71/24,0)+1,1)*INDEX($D$3:$AA$30,INDEX(Jesper!$R$2:$R$366,ROW(INDEX(Jesper!AI$2:AI$366,ROUNDDOWN($C71/24,0)+1,1))-1)+IF('Standard Profiles'!$G$19=$B$10,7,0)+IF('Standard Profiles'!$G$19=$B$17,14,0)+IF('Standard Profiles'!$G$19=$B$24,21,0),MOD($C71,24)+1)/SUM(INDEX($D$3:$AA$30,INDEX(Jesper!$R$2:$R$366,ROW(INDEX(Jesper!AI$2:AI$366,ROUNDDOWN($C71/24,0)+1,1))-1)+IF('Standard Profiles'!$G$19=$B$10,7,0)+IF('Standard Profiles'!$G$19=$B$17,14,0)+IF('Standard Profiles'!$G$19=$B$24,21,0),0)),0)</f>
        <v>0</v>
      </c>
      <c r="F71" cm="1">
        <f t="array" ref="F71">IFERROR(INDEX(Jesper!AJ$2:AJ$366,ROUNDDOWN($C71/24,0)+1,1)*INDEX($D$3:$AA$30,INDEX(Jesper!$R$2:$R$366,ROW(INDEX(Jesper!AJ$2:AJ$366,ROUNDDOWN($C71/24,0)+1,1))-1)+IF('Standard Profiles'!$G$20=$B$10,7,0)+IF('Standard Profiles'!$G$20=$B$17,14,0)+IF('Standard Profiles'!$G$20=$B$24,21,0),MOD($C71,24)+1)/SUM(INDEX($D$3:$AA$30,INDEX(Jesper!$R$2:$R$366,ROW(INDEX(Jesper!AJ$2:AJ$366,ROUNDDOWN($C71/24,0)+1,1))-1)+IF('Standard Profiles'!$G$20=$B$10,7,0)+IF('Standard Profiles'!$G$20=$B$17,14,0)+IF('Standard Profiles'!$G$20=$B$24,21,0),0)),0)</f>
        <v>0</v>
      </c>
      <c r="G71" cm="1">
        <f t="array" ref="G71">IFERROR(INDEX(Jesper!AK$2:AK$366,ROUNDDOWN($C71/24,0)+1,1)*INDEX($D$3:$AA$30,INDEX(Jesper!$R$2:$R$366,ROW(INDEX(Jesper!AK$2:AK$366,ROUNDDOWN($C71/24,0)+1,1))-1)+IF('Standard Profiles'!$G$21=$B$10,7,0)+IF('Standard Profiles'!$G$21=$B$17,14,0)+IF('Standard Profiles'!$G$21=$B$24,21,0),MOD($C71,24)+1)/SUM(INDEX($D$3:$AA$30,INDEX(Jesper!$R$2:$R$366,ROW(INDEX(Jesper!AK$2:AK$366,ROUNDDOWN($C71/24,0)+1,1))-1)+IF('Standard Profiles'!$G$21=$B$10,7,0)+IF('Standard Profiles'!$G$21=$B$17,14,0)+IF('Standard Profiles'!$G$21=$B$24,21,0),0)),0)</f>
        <v>0</v>
      </c>
      <c r="H71" cm="1">
        <f t="array" ref="H71">IFERROR(INDEX(Jesper!AL$2:AL$366,ROUNDDOWN($C71/24,0)+1,1)*INDEX($D$3:$AA$30,INDEX(Jesper!$R$2:$R$366,ROW(INDEX(Jesper!AL$2:AL$366,ROUNDDOWN($C71/24,0)+1,1))-1)+IF('Standard Profiles'!$G$22=$B$10,7,0)+IF('Standard Profiles'!$G$22=$B$17,14,0)+IF('Standard Profiles'!$G$22=$B$24,21,0),MOD($C71,24)+1)/SUM(INDEX($D$3:$AA$30,INDEX(Jesper!$R$2:$R$366,ROW(INDEX(Jesper!AL$2:AL$366,ROUNDDOWN($C71/24,0)+1,1))-1)+IF('Standard Profiles'!$G$22=$B$10,7,0)+IF('Standard Profiles'!$G$22=$B$17,14,0)+IF('Standard Profiles'!$G$22=$B$24,21,0),0)),0)</f>
        <v>0</v>
      </c>
      <c r="I71">
        <f t="shared" si="20"/>
        <v>0.49623100955265331</v>
      </c>
      <c r="J71">
        <f t="shared" si="21"/>
        <v>1.6541033651755113</v>
      </c>
      <c r="K71">
        <f t="shared" si="22"/>
        <v>2.4811550477632665</v>
      </c>
      <c r="L71">
        <f t="shared" si="23"/>
        <v>11.909544229263679</v>
      </c>
      <c r="M71">
        <f t="shared" si="24"/>
        <v>0</v>
      </c>
      <c r="N71" s="46">
        <f t="shared" si="25"/>
        <v>45293.541666666577</v>
      </c>
      <c r="O71">
        <v>0.49219521664696492</v>
      </c>
      <c r="P71">
        <v>1.6406507221565498</v>
      </c>
      <c r="Q71">
        <v>2.4609760832348244</v>
      </c>
      <c r="R71">
        <v>11.812685199527158</v>
      </c>
      <c r="S71">
        <v>0</v>
      </c>
      <c r="T71" s="46">
        <v>45636.541666646612</v>
      </c>
    </row>
    <row r="72" spans="2:21" x14ac:dyDescent="0.3">
      <c r="B72">
        <f t="shared" si="19"/>
        <v>2</v>
      </c>
      <c r="C72" s="16">
        <v>38</v>
      </c>
      <c r="D72" cm="1">
        <f t="array" ref="D72">IFERROR(INDEX(Jesper!AH$2:AH$366,ROUNDDOWN($C72/24,0)+1,1)*INDEX($D$3:$AA$30,INDEX(Jesper!$R$2:$R$366,ROW(INDEX(Jesper!AH$2:AH$366,ROUNDDOWN($C72/24,0)+1,1))-1)+IF('Standard Profiles'!$G$18=$B$10,7,0)+IF('Standard Profiles'!$G$18=$B$17,14,0)+IF('Standard Profiles'!$G$18=$B$24,21,0),MOD($C72,24)+1)/SUM(INDEX($D$3:$AA$30,INDEX(Jesper!$R$2:$R$366,ROW(INDEX(Jesper!AH$2:AH$366,ROUNDDOWN($C72/24,0)+1,1))-1)+IF('Standard Profiles'!$G$18=$B$10,7,0)+IF('Standard Profiles'!$G$18=$B$17,14,0)+IF('Standard Profiles'!$G$18=$B$24,21,0),0)),0)</f>
        <v>16.541033651755111</v>
      </c>
      <c r="E72" cm="1">
        <f t="array" ref="E72">IFERROR(INDEX(Jesper!AI$2:AI$366,ROUNDDOWN($C72/24,0)+1,1)*INDEX($D$3:$AA$30,INDEX(Jesper!$R$2:$R$366,ROW(INDEX(Jesper!AI$2:AI$366,ROUNDDOWN($C72/24,0)+1,1))-1)+IF('Standard Profiles'!$G$19=$B$10,7,0)+IF('Standard Profiles'!$G$19=$B$17,14,0)+IF('Standard Profiles'!$G$19=$B$24,21,0),MOD($C72,24)+1)/SUM(INDEX($D$3:$AA$30,INDEX(Jesper!$R$2:$R$366,ROW(INDEX(Jesper!AI$2:AI$366,ROUNDDOWN($C72/24,0)+1,1))-1)+IF('Standard Profiles'!$G$19=$B$10,7,0)+IF('Standard Profiles'!$G$19=$B$17,14,0)+IF('Standard Profiles'!$G$19=$B$24,21,0),0)),0)</f>
        <v>0</v>
      </c>
      <c r="F72" cm="1">
        <f t="array" ref="F72">IFERROR(INDEX(Jesper!AJ$2:AJ$366,ROUNDDOWN($C72/24,0)+1,1)*INDEX($D$3:$AA$30,INDEX(Jesper!$R$2:$R$366,ROW(INDEX(Jesper!AJ$2:AJ$366,ROUNDDOWN($C72/24,0)+1,1))-1)+IF('Standard Profiles'!$G$20=$B$10,7,0)+IF('Standard Profiles'!$G$20=$B$17,14,0)+IF('Standard Profiles'!$G$20=$B$24,21,0),MOD($C72,24)+1)/SUM(INDEX($D$3:$AA$30,INDEX(Jesper!$R$2:$R$366,ROW(INDEX(Jesper!AJ$2:AJ$366,ROUNDDOWN($C72/24,0)+1,1))-1)+IF('Standard Profiles'!$G$20=$B$10,7,0)+IF('Standard Profiles'!$G$20=$B$17,14,0)+IF('Standard Profiles'!$G$20=$B$24,21,0),0)),0)</f>
        <v>0</v>
      </c>
      <c r="G72" cm="1">
        <f t="array" ref="G72">IFERROR(INDEX(Jesper!AK$2:AK$366,ROUNDDOWN($C72/24,0)+1,1)*INDEX($D$3:$AA$30,INDEX(Jesper!$R$2:$R$366,ROW(INDEX(Jesper!AK$2:AK$366,ROUNDDOWN($C72/24,0)+1,1))-1)+IF('Standard Profiles'!$G$21=$B$10,7,0)+IF('Standard Profiles'!$G$21=$B$17,14,0)+IF('Standard Profiles'!$G$21=$B$24,21,0),MOD($C72,24)+1)/SUM(INDEX($D$3:$AA$30,INDEX(Jesper!$R$2:$R$366,ROW(INDEX(Jesper!AK$2:AK$366,ROUNDDOWN($C72/24,0)+1,1))-1)+IF('Standard Profiles'!$G$21=$B$10,7,0)+IF('Standard Profiles'!$G$21=$B$17,14,0)+IF('Standard Profiles'!$G$21=$B$24,21,0),0)),0)</f>
        <v>0</v>
      </c>
      <c r="H72" cm="1">
        <f t="array" ref="H72">IFERROR(INDEX(Jesper!AL$2:AL$366,ROUNDDOWN($C72/24,0)+1,1)*INDEX($D$3:$AA$30,INDEX(Jesper!$R$2:$R$366,ROW(INDEX(Jesper!AL$2:AL$366,ROUNDDOWN($C72/24,0)+1,1))-1)+IF('Standard Profiles'!$G$22=$B$10,7,0)+IF('Standard Profiles'!$G$22=$B$17,14,0)+IF('Standard Profiles'!$G$22=$B$24,21,0),MOD($C72,24)+1)/SUM(INDEX($D$3:$AA$30,INDEX(Jesper!$R$2:$R$366,ROW(INDEX(Jesper!AL$2:AL$366,ROUNDDOWN($C72/24,0)+1,1))-1)+IF('Standard Profiles'!$G$22=$B$10,7,0)+IF('Standard Profiles'!$G$22=$B$17,14,0)+IF('Standard Profiles'!$G$22=$B$24,21,0),0)),0)</f>
        <v>0</v>
      </c>
      <c r="I72">
        <f t="shared" si="20"/>
        <v>0.49623100955265331</v>
      </c>
      <c r="J72">
        <f t="shared" si="21"/>
        <v>1.6541033651755113</v>
      </c>
      <c r="K72">
        <f t="shared" si="22"/>
        <v>2.4811550477632665</v>
      </c>
      <c r="L72">
        <f t="shared" si="23"/>
        <v>11.909544229263679</v>
      </c>
      <c r="M72">
        <f t="shared" si="24"/>
        <v>0</v>
      </c>
      <c r="N72" s="46">
        <f t="shared" si="25"/>
        <v>45293.583333333241</v>
      </c>
      <c r="O72">
        <v>0.49219521664696492</v>
      </c>
      <c r="P72">
        <v>1.6406507221565498</v>
      </c>
      <c r="Q72">
        <v>2.4609760832348244</v>
      </c>
      <c r="R72">
        <v>11.812685199527158</v>
      </c>
      <c r="S72">
        <v>0</v>
      </c>
      <c r="T72" s="46">
        <v>45636.583333313276</v>
      </c>
    </row>
    <row r="73" spans="2:21" x14ac:dyDescent="0.3">
      <c r="B73">
        <f t="shared" si="19"/>
        <v>2</v>
      </c>
      <c r="C73" s="16">
        <v>39</v>
      </c>
      <c r="D73" cm="1">
        <f t="array" ref="D73">IFERROR(INDEX(Jesper!AH$2:AH$366,ROUNDDOWN($C73/24,0)+1,1)*INDEX($D$3:$AA$30,INDEX(Jesper!$R$2:$R$366,ROW(INDEX(Jesper!AH$2:AH$366,ROUNDDOWN($C73/24,0)+1,1))-1)+IF('Standard Profiles'!$G$18=$B$10,7,0)+IF('Standard Profiles'!$G$18=$B$17,14,0)+IF('Standard Profiles'!$G$18=$B$24,21,0),MOD($C73,24)+1)/SUM(INDEX($D$3:$AA$30,INDEX(Jesper!$R$2:$R$366,ROW(INDEX(Jesper!AH$2:AH$366,ROUNDDOWN($C73/24,0)+1,1))-1)+IF('Standard Profiles'!$G$18=$B$10,7,0)+IF('Standard Profiles'!$G$18=$B$17,14,0)+IF('Standard Profiles'!$G$18=$B$24,21,0),0)),0)</f>
        <v>16.541033651755111</v>
      </c>
      <c r="E73" cm="1">
        <f t="array" ref="E73">IFERROR(INDEX(Jesper!AI$2:AI$366,ROUNDDOWN($C73/24,0)+1,1)*INDEX($D$3:$AA$30,INDEX(Jesper!$R$2:$R$366,ROW(INDEX(Jesper!AI$2:AI$366,ROUNDDOWN($C73/24,0)+1,1))-1)+IF('Standard Profiles'!$G$19=$B$10,7,0)+IF('Standard Profiles'!$G$19=$B$17,14,0)+IF('Standard Profiles'!$G$19=$B$24,21,0),MOD($C73,24)+1)/SUM(INDEX($D$3:$AA$30,INDEX(Jesper!$R$2:$R$366,ROW(INDEX(Jesper!AI$2:AI$366,ROUNDDOWN($C73/24,0)+1,1))-1)+IF('Standard Profiles'!$G$19=$B$10,7,0)+IF('Standard Profiles'!$G$19=$B$17,14,0)+IF('Standard Profiles'!$G$19=$B$24,21,0),0)),0)</f>
        <v>0</v>
      </c>
      <c r="F73" cm="1">
        <f t="array" ref="F73">IFERROR(INDEX(Jesper!AJ$2:AJ$366,ROUNDDOWN($C73/24,0)+1,1)*INDEX($D$3:$AA$30,INDEX(Jesper!$R$2:$R$366,ROW(INDEX(Jesper!AJ$2:AJ$366,ROUNDDOWN($C73/24,0)+1,1))-1)+IF('Standard Profiles'!$G$20=$B$10,7,0)+IF('Standard Profiles'!$G$20=$B$17,14,0)+IF('Standard Profiles'!$G$20=$B$24,21,0),MOD($C73,24)+1)/SUM(INDEX($D$3:$AA$30,INDEX(Jesper!$R$2:$R$366,ROW(INDEX(Jesper!AJ$2:AJ$366,ROUNDDOWN($C73/24,0)+1,1))-1)+IF('Standard Profiles'!$G$20=$B$10,7,0)+IF('Standard Profiles'!$G$20=$B$17,14,0)+IF('Standard Profiles'!$G$20=$B$24,21,0),0)),0)</f>
        <v>0</v>
      </c>
      <c r="G73" cm="1">
        <f t="array" ref="G73">IFERROR(INDEX(Jesper!AK$2:AK$366,ROUNDDOWN($C73/24,0)+1,1)*INDEX($D$3:$AA$30,INDEX(Jesper!$R$2:$R$366,ROW(INDEX(Jesper!AK$2:AK$366,ROUNDDOWN($C73/24,0)+1,1))-1)+IF('Standard Profiles'!$G$21=$B$10,7,0)+IF('Standard Profiles'!$G$21=$B$17,14,0)+IF('Standard Profiles'!$G$21=$B$24,21,0),MOD($C73,24)+1)/SUM(INDEX($D$3:$AA$30,INDEX(Jesper!$R$2:$R$366,ROW(INDEX(Jesper!AK$2:AK$366,ROUNDDOWN($C73/24,0)+1,1))-1)+IF('Standard Profiles'!$G$21=$B$10,7,0)+IF('Standard Profiles'!$G$21=$B$17,14,0)+IF('Standard Profiles'!$G$21=$B$24,21,0),0)),0)</f>
        <v>0</v>
      </c>
      <c r="H73" cm="1">
        <f t="array" ref="H73">IFERROR(INDEX(Jesper!AL$2:AL$366,ROUNDDOWN($C73/24,0)+1,1)*INDEX($D$3:$AA$30,INDEX(Jesper!$R$2:$R$366,ROW(INDEX(Jesper!AL$2:AL$366,ROUNDDOWN($C73/24,0)+1,1))-1)+IF('Standard Profiles'!$G$22=$B$10,7,0)+IF('Standard Profiles'!$G$22=$B$17,14,0)+IF('Standard Profiles'!$G$22=$B$24,21,0),MOD($C73,24)+1)/SUM(INDEX($D$3:$AA$30,INDEX(Jesper!$R$2:$R$366,ROW(INDEX(Jesper!AL$2:AL$366,ROUNDDOWN($C73/24,0)+1,1))-1)+IF('Standard Profiles'!$G$22=$B$10,7,0)+IF('Standard Profiles'!$G$22=$B$17,14,0)+IF('Standard Profiles'!$G$22=$B$24,21,0),0)),0)</f>
        <v>0</v>
      </c>
      <c r="I73">
        <f t="shared" si="20"/>
        <v>0.49623100955265331</v>
      </c>
      <c r="J73">
        <f t="shared" si="21"/>
        <v>1.6541033651755113</v>
      </c>
      <c r="K73">
        <f t="shared" si="22"/>
        <v>2.4811550477632665</v>
      </c>
      <c r="L73">
        <f t="shared" si="23"/>
        <v>11.909544229263679</v>
      </c>
      <c r="M73">
        <f t="shared" si="24"/>
        <v>0</v>
      </c>
      <c r="N73" s="46">
        <f t="shared" si="25"/>
        <v>45293.624999999905</v>
      </c>
      <c r="O73">
        <v>0.49219521664696492</v>
      </c>
      <c r="P73">
        <v>1.6406507221565498</v>
      </c>
      <c r="Q73">
        <v>2.4609760832348244</v>
      </c>
      <c r="R73">
        <v>11.812685199527158</v>
      </c>
      <c r="S73">
        <v>0</v>
      </c>
      <c r="T73" s="46">
        <v>45636.62499997994</v>
      </c>
    </row>
    <row r="74" spans="2:21" x14ac:dyDescent="0.3">
      <c r="B74">
        <f t="shared" si="19"/>
        <v>2</v>
      </c>
      <c r="C74" s="16">
        <v>40</v>
      </c>
      <c r="D74" cm="1">
        <f t="array" ref="D74">IFERROR(INDEX(Jesper!AH$2:AH$366,ROUNDDOWN($C74/24,0)+1,1)*INDEX($D$3:$AA$30,INDEX(Jesper!$R$2:$R$366,ROW(INDEX(Jesper!AH$2:AH$366,ROUNDDOWN($C74/24,0)+1,1))-1)+IF('Standard Profiles'!$G$18=$B$10,7,0)+IF('Standard Profiles'!$G$18=$B$17,14,0)+IF('Standard Profiles'!$G$18=$B$24,21,0),MOD($C74,24)+1)/SUM(INDEX($D$3:$AA$30,INDEX(Jesper!$R$2:$R$366,ROW(INDEX(Jesper!AH$2:AH$366,ROUNDDOWN($C74/24,0)+1,1))-1)+IF('Standard Profiles'!$G$18=$B$10,7,0)+IF('Standard Profiles'!$G$18=$B$17,14,0)+IF('Standard Profiles'!$G$18=$B$24,21,0),0)),0)</f>
        <v>16.541033651755111</v>
      </c>
      <c r="E74" cm="1">
        <f t="array" ref="E74">IFERROR(INDEX(Jesper!AI$2:AI$366,ROUNDDOWN($C74/24,0)+1,1)*INDEX($D$3:$AA$30,INDEX(Jesper!$R$2:$R$366,ROW(INDEX(Jesper!AI$2:AI$366,ROUNDDOWN($C74/24,0)+1,1))-1)+IF('Standard Profiles'!$G$19=$B$10,7,0)+IF('Standard Profiles'!$G$19=$B$17,14,0)+IF('Standard Profiles'!$G$19=$B$24,21,0),MOD($C74,24)+1)/SUM(INDEX($D$3:$AA$30,INDEX(Jesper!$R$2:$R$366,ROW(INDEX(Jesper!AI$2:AI$366,ROUNDDOWN($C74/24,0)+1,1))-1)+IF('Standard Profiles'!$G$19=$B$10,7,0)+IF('Standard Profiles'!$G$19=$B$17,14,0)+IF('Standard Profiles'!$G$19=$B$24,21,0),0)),0)</f>
        <v>0</v>
      </c>
      <c r="F74" cm="1">
        <f t="array" ref="F74">IFERROR(INDEX(Jesper!AJ$2:AJ$366,ROUNDDOWN($C74/24,0)+1,1)*INDEX($D$3:$AA$30,INDEX(Jesper!$R$2:$R$366,ROW(INDEX(Jesper!AJ$2:AJ$366,ROUNDDOWN($C74/24,0)+1,1))-1)+IF('Standard Profiles'!$G$20=$B$10,7,0)+IF('Standard Profiles'!$G$20=$B$17,14,0)+IF('Standard Profiles'!$G$20=$B$24,21,0),MOD($C74,24)+1)/SUM(INDEX($D$3:$AA$30,INDEX(Jesper!$R$2:$R$366,ROW(INDEX(Jesper!AJ$2:AJ$366,ROUNDDOWN($C74/24,0)+1,1))-1)+IF('Standard Profiles'!$G$20=$B$10,7,0)+IF('Standard Profiles'!$G$20=$B$17,14,0)+IF('Standard Profiles'!$G$20=$B$24,21,0),0)),0)</f>
        <v>0</v>
      </c>
      <c r="G74" cm="1">
        <f t="array" ref="G74">IFERROR(INDEX(Jesper!AK$2:AK$366,ROUNDDOWN($C74/24,0)+1,1)*INDEX($D$3:$AA$30,INDEX(Jesper!$R$2:$R$366,ROW(INDEX(Jesper!AK$2:AK$366,ROUNDDOWN($C74/24,0)+1,1))-1)+IF('Standard Profiles'!$G$21=$B$10,7,0)+IF('Standard Profiles'!$G$21=$B$17,14,0)+IF('Standard Profiles'!$G$21=$B$24,21,0),MOD($C74,24)+1)/SUM(INDEX($D$3:$AA$30,INDEX(Jesper!$R$2:$R$366,ROW(INDEX(Jesper!AK$2:AK$366,ROUNDDOWN($C74/24,0)+1,1))-1)+IF('Standard Profiles'!$G$21=$B$10,7,0)+IF('Standard Profiles'!$G$21=$B$17,14,0)+IF('Standard Profiles'!$G$21=$B$24,21,0),0)),0)</f>
        <v>0</v>
      </c>
      <c r="H74" cm="1">
        <f t="array" ref="H74">IFERROR(INDEX(Jesper!AL$2:AL$366,ROUNDDOWN($C74/24,0)+1,1)*INDEX($D$3:$AA$30,INDEX(Jesper!$R$2:$R$366,ROW(INDEX(Jesper!AL$2:AL$366,ROUNDDOWN($C74/24,0)+1,1))-1)+IF('Standard Profiles'!$G$22=$B$10,7,0)+IF('Standard Profiles'!$G$22=$B$17,14,0)+IF('Standard Profiles'!$G$22=$B$24,21,0),MOD($C74,24)+1)/SUM(INDEX($D$3:$AA$30,INDEX(Jesper!$R$2:$R$366,ROW(INDEX(Jesper!AL$2:AL$366,ROUNDDOWN($C74/24,0)+1,1))-1)+IF('Standard Profiles'!$G$22=$B$10,7,0)+IF('Standard Profiles'!$G$22=$B$17,14,0)+IF('Standard Profiles'!$G$22=$B$24,21,0),0)),0)</f>
        <v>0</v>
      </c>
      <c r="I74">
        <f t="shared" si="20"/>
        <v>0.49623100955265331</v>
      </c>
      <c r="J74">
        <f t="shared" si="21"/>
        <v>1.6541033651755113</v>
      </c>
      <c r="K74">
        <f t="shared" si="22"/>
        <v>2.4811550477632665</v>
      </c>
      <c r="L74">
        <f t="shared" si="23"/>
        <v>11.909544229263679</v>
      </c>
      <c r="M74">
        <f t="shared" si="24"/>
        <v>0</v>
      </c>
      <c r="N74" s="46">
        <f t="shared" si="25"/>
        <v>45293.66666666657</v>
      </c>
      <c r="O74">
        <v>0.49219521664696492</v>
      </c>
      <c r="P74">
        <v>1.6406507221565498</v>
      </c>
      <c r="Q74">
        <v>2.4609760832348244</v>
      </c>
      <c r="R74">
        <v>11.812685199527158</v>
      </c>
      <c r="S74">
        <v>0</v>
      </c>
      <c r="T74" s="46">
        <v>45636.666666646604</v>
      </c>
    </row>
    <row r="75" spans="2:21" x14ac:dyDescent="0.3">
      <c r="B75">
        <f t="shared" si="19"/>
        <v>2</v>
      </c>
      <c r="C75" s="16">
        <v>41</v>
      </c>
      <c r="D75" cm="1">
        <f t="array" ref="D75">IFERROR(INDEX(Jesper!AH$2:AH$366,ROUNDDOWN($C75/24,0)+1,1)*INDEX($D$3:$AA$30,INDEX(Jesper!$R$2:$R$366,ROW(INDEX(Jesper!AH$2:AH$366,ROUNDDOWN($C75/24,0)+1,1))-1)+IF('Standard Profiles'!$G$18=$B$10,7,0)+IF('Standard Profiles'!$G$18=$B$17,14,0)+IF('Standard Profiles'!$G$18=$B$24,21,0),MOD($C75,24)+1)/SUM(INDEX($D$3:$AA$30,INDEX(Jesper!$R$2:$R$366,ROW(INDEX(Jesper!AH$2:AH$366,ROUNDDOWN($C75/24,0)+1,1))-1)+IF('Standard Profiles'!$G$18=$B$10,7,0)+IF('Standard Profiles'!$G$18=$B$17,14,0)+IF('Standard Profiles'!$G$18=$B$24,21,0),0)),0)</f>
        <v>16.541033651755111</v>
      </c>
      <c r="E75" cm="1">
        <f t="array" ref="E75">IFERROR(INDEX(Jesper!AI$2:AI$366,ROUNDDOWN($C75/24,0)+1,1)*INDEX($D$3:$AA$30,INDEX(Jesper!$R$2:$R$366,ROW(INDEX(Jesper!AI$2:AI$366,ROUNDDOWN($C75/24,0)+1,1))-1)+IF('Standard Profiles'!$G$19=$B$10,7,0)+IF('Standard Profiles'!$G$19=$B$17,14,0)+IF('Standard Profiles'!$G$19=$B$24,21,0),MOD($C75,24)+1)/SUM(INDEX($D$3:$AA$30,INDEX(Jesper!$R$2:$R$366,ROW(INDEX(Jesper!AI$2:AI$366,ROUNDDOWN($C75/24,0)+1,1))-1)+IF('Standard Profiles'!$G$19=$B$10,7,0)+IF('Standard Profiles'!$G$19=$B$17,14,0)+IF('Standard Profiles'!$G$19=$B$24,21,0),0)),0)</f>
        <v>0</v>
      </c>
      <c r="F75" cm="1">
        <f t="array" ref="F75">IFERROR(INDEX(Jesper!AJ$2:AJ$366,ROUNDDOWN($C75/24,0)+1,1)*INDEX($D$3:$AA$30,INDEX(Jesper!$R$2:$R$366,ROW(INDEX(Jesper!AJ$2:AJ$366,ROUNDDOWN($C75/24,0)+1,1))-1)+IF('Standard Profiles'!$G$20=$B$10,7,0)+IF('Standard Profiles'!$G$20=$B$17,14,0)+IF('Standard Profiles'!$G$20=$B$24,21,0),MOD($C75,24)+1)/SUM(INDEX($D$3:$AA$30,INDEX(Jesper!$R$2:$R$366,ROW(INDEX(Jesper!AJ$2:AJ$366,ROUNDDOWN($C75/24,0)+1,1))-1)+IF('Standard Profiles'!$G$20=$B$10,7,0)+IF('Standard Profiles'!$G$20=$B$17,14,0)+IF('Standard Profiles'!$G$20=$B$24,21,0),0)),0)</f>
        <v>0</v>
      </c>
      <c r="G75" cm="1">
        <f t="array" ref="G75">IFERROR(INDEX(Jesper!AK$2:AK$366,ROUNDDOWN($C75/24,0)+1,1)*INDEX($D$3:$AA$30,INDEX(Jesper!$R$2:$R$366,ROW(INDEX(Jesper!AK$2:AK$366,ROUNDDOWN($C75/24,0)+1,1))-1)+IF('Standard Profiles'!$G$21=$B$10,7,0)+IF('Standard Profiles'!$G$21=$B$17,14,0)+IF('Standard Profiles'!$G$21=$B$24,21,0),MOD($C75,24)+1)/SUM(INDEX($D$3:$AA$30,INDEX(Jesper!$R$2:$R$366,ROW(INDEX(Jesper!AK$2:AK$366,ROUNDDOWN($C75/24,0)+1,1))-1)+IF('Standard Profiles'!$G$21=$B$10,7,0)+IF('Standard Profiles'!$G$21=$B$17,14,0)+IF('Standard Profiles'!$G$21=$B$24,21,0),0)),0)</f>
        <v>0</v>
      </c>
      <c r="H75" cm="1">
        <f t="array" ref="H75">IFERROR(INDEX(Jesper!AL$2:AL$366,ROUNDDOWN($C75/24,0)+1,1)*INDEX($D$3:$AA$30,INDEX(Jesper!$R$2:$R$366,ROW(INDEX(Jesper!AL$2:AL$366,ROUNDDOWN($C75/24,0)+1,1))-1)+IF('Standard Profiles'!$G$22=$B$10,7,0)+IF('Standard Profiles'!$G$22=$B$17,14,0)+IF('Standard Profiles'!$G$22=$B$24,21,0),MOD($C75,24)+1)/SUM(INDEX($D$3:$AA$30,INDEX(Jesper!$R$2:$R$366,ROW(INDEX(Jesper!AL$2:AL$366,ROUNDDOWN($C75/24,0)+1,1))-1)+IF('Standard Profiles'!$G$22=$B$10,7,0)+IF('Standard Profiles'!$G$22=$B$17,14,0)+IF('Standard Profiles'!$G$22=$B$24,21,0),0)),0)</f>
        <v>0</v>
      </c>
      <c r="I75">
        <f t="shared" si="20"/>
        <v>0.49623100955265331</v>
      </c>
      <c r="J75">
        <f t="shared" si="21"/>
        <v>1.6541033651755113</v>
      </c>
      <c r="K75">
        <f t="shared" si="22"/>
        <v>2.4811550477632665</v>
      </c>
      <c r="L75">
        <f t="shared" si="23"/>
        <v>11.909544229263679</v>
      </c>
      <c r="M75">
        <f t="shared" si="24"/>
        <v>0</v>
      </c>
      <c r="N75" s="46">
        <f t="shared" si="25"/>
        <v>45293.708333333234</v>
      </c>
      <c r="O75">
        <v>0.49219521664696492</v>
      </c>
      <c r="P75">
        <v>1.6406507221565498</v>
      </c>
      <c r="Q75">
        <v>2.4609760832348244</v>
      </c>
      <c r="R75">
        <v>11.812685199527158</v>
      </c>
      <c r="S75">
        <v>0</v>
      </c>
      <c r="T75" s="46">
        <v>45636.708333313269</v>
      </c>
    </row>
    <row r="76" spans="2:21" x14ac:dyDescent="0.3">
      <c r="B76">
        <f t="shared" si="19"/>
        <v>2</v>
      </c>
      <c r="C76" s="16">
        <v>42</v>
      </c>
      <c r="D76" cm="1">
        <f t="array" ref="D76">IFERROR(INDEX(Jesper!AH$2:AH$366,ROUNDDOWN($C76/24,0)+1,1)*INDEX($D$3:$AA$30,INDEX(Jesper!$R$2:$R$366,ROW(INDEX(Jesper!AH$2:AH$366,ROUNDDOWN($C76/24,0)+1,1))-1)+IF('Standard Profiles'!$G$18=$B$10,7,0)+IF('Standard Profiles'!$G$18=$B$17,14,0)+IF('Standard Profiles'!$G$18=$B$24,21,0),MOD($C76,24)+1)/SUM(INDEX($D$3:$AA$30,INDEX(Jesper!$R$2:$R$366,ROW(INDEX(Jesper!AH$2:AH$366,ROUNDDOWN($C76/24,0)+1,1))-1)+IF('Standard Profiles'!$G$18=$B$10,7,0)+IF('Standard Profiles'!$G$18=$B$17,14,0)+IF('Standard Profiles'!$G$18=$B$24,21,0),0)),0)</f>
        <v>16.541033651755111</v>
      </c>
      <c r="E76" cm="1">
        <f t="array" ref="E76">IFERROR(INDEX(Jesper!AI$2:AI$366,ROUNDDOWN($C76/24,0)+1,1)*INDEX($D$3:$AA$30,INDEX(Jesper!$R$2:$R$366,ROW(INDEX(Jesper!AI$2:AI$366,ROUNDDOWN($C76/24,0)+1,1))-1)+IF('Standard Profiles'!$G$19=$B$10,7,0)+IF('Standard Profiles'!$G$19=$B$17,14,0)+IF('Standard Profiles'!$G$19=$B$24,21,0),MOD($C76,24)+1)/SUM(INDEX($D$3:$AA$30,INDEX(Jesper!$R$2:$R$366,ROW(INDEX(Jesper!AI$2:AI$366,ROUNDDOWN($C76/24,0)+1,1))-1)+IF('Standard Profiles'!$G$19=$B$10,7,0)+IF('Standard Profiles'!$G$19=$B$17,14,0)+IF('Standard Profiles'!$G$19=$B$24,21,0),0)),0)</f>
        <v>0</v>
      </c>
      <c r="F76" cm="1">
        <f t="array" ref="F76">IFERROR(INDEX(Jesper!AJ$2:AJ$366,ROUNDDOWN($C76/24,0)+1,1)*INDEX($D$3:$AA$30,INDEX(Jesper!$R$2:$R$366,ROW(INDEX(Jesper!AJ$2:AJ$366,ROUNDDOWN($C76/24,0)+1,1))-1)+IF('Standard Profiles'!$G$20=$B$10,7,0)+IF('Standard Profiles'!$G$20=$B$17,14,0)+IF('Standard Profiles'!$G$20=$B$24,21,0),MOD($C76,24)+1)/SUM(INDEX($D$3:$AA$30,INDEX(Jesper!$R$2:$R$366,ROW(INDEX(Jesper!AJ$2:AJ$366,ROUNDDOWN($C76/24,0)+1,1))-1)+IF('Standard Profiles'!$G$20=$B$10,7,0)+IF('Standard Profiles'!$G$20=$B$17,14,0)+IF('Standard Profiles'!$G$20=$B$24,21,0),0)),0)</f>
        <v>0</v>
      </c>
      <c r="G76" cm="1">
        <f t="array" ref="G76">IFERROR(INDEX(Jesper!AK$2:AK$366,ROUNDDOWN($C76/24,0)+1,1)*INDEX($D$3:$AA$30,INDEX(Jesper!$R$2:$R$366,ROW(INDEX(Jesper!AK$2:AK$366,ROUNDDOWN($C76/24,0)+1,1))-1)+IF('Standard Profiles'!$G$21=$B$10,7,0)+IF('Standard Profiles'!$G$21=$B$17,14,0)+IF('Standard Profiles'!$G$21=$B$24,21,0),MOD($C76,24)+1)/SUM(INDEX($D$3:$AA$30,INDEX(Jesper!$R$2:$R$366,ROW(INDEX(Jesper!AK$2:AK$366,ROUNDDOWN($C76/24,0)+1,1))-1)+IF('Standard Profiles'!$G$21=$B$10,7,0)+IF('Standard Profiles'!$G$21=$B$17,14,0)+IF('Standard Profiles'!$G$21=$B$24,21,0),0)),0)</f>
        <v>0</v>
      </c>
      <c r="H76" cm="1">
        <f t="array" ref="H76">IFERROR(INDEX(Jesper!AL$2:AL$366,ROUNDDOWN($C76/24,0)+1,1)*INDEX($D$3:$AA$30,INDEX(Jesper!$R$2:$R$366,ROW(INDEX(Jesper!AL$2:AL$366,ROUNDDOWN($C76/24,0)+1,1))-1)+IF('Standard Profiles'!$G$22=$B$10,7,0)+IF('Standard Profiles'!$G$22=$B$17,14,0)+IF('Standard Profiles'!$G$22=$B$24,21,0),MOD($C76,24)+1)/SUM(INDEX($D$3:$AA$30,INDEX(Jesper!$R$2:$R$366,ROW(INDEX(Jesper!AL$2:AL$366,ROUNDDOWN($C76/24,0)+1,1))-1)+IF('Standard Profiles'!$G$22=$B$10,7,0)+IF('Standard Profiles'!$G$22=$B$17,14,0)+IF('Standard Profiles'!$G$22=$B$24,21,0),0)),0)</f>
        <v>0</v>
      </c>
      <c r="I76">
        <f t="shared" si="20"/>
        <v>0.49623100955265331</v>
      </c>
      <c r="J76">
        <f t="shared" si="21"/>
        <v>1.6541033651755113</v>
      </c>
      <c r="K76">
        <f t="shared" si="22"/>
        <v>2.4811550477632665</v>
      </c>
      <c r="L76">
        <f t="shared" si="23"/>
        <v>11.909544229263679</v>
      </c>
      <c r="M76">
        <f t="shared" si="24"/>
        <v>0</v>
      </c>
      <c r="N76" s="46">
        <f t="shared" si="25"/>
        <v>45293.749999999898</v>
      </c>
      <c r="O76">
        <v>0.49219521664696492</v>
      </c>
      <c r="P76">
        <v>1.6406507221565498</v>
      </c>
      <c r="Q76">
        <v>2.4609760832348244</v>
      </c>
      <c r="R76">
        <v>11.812685199527158</v>
      </c>
      <c r="S76">
        <v>0</v>
      </c>
      <c r="T76" s="46">
        <v>45636.749999979933</v>
      </c>
    </row>
    <row r="77" spans="2:21" x14ac:dyDescent="0.3">
      <c r="B77">
        <f t="shared" si="19"/>
        <v>2</v>
      </c>
      <c r="C77" s="16">
        <v>43</v>
      </c>
      <c r="D77" cm="1">
        <f t="array" ref="D77">IFERROR(INDEX(Jesper!AH$2:AH$366,ROUNDDOWN($C77/24,0)+1,1)*INDEX($D$3:$AA$30,INDEX(Jesper!$R$2:$R$366,ROW(INDEX(Jesper!AH$2:AH$366,ROUNDDOWN($C77/24,0)+1,1))-1)+IF('Standard Profiles'!$G$18=$B$10,7,0)+IF('Standard Profiles'!$G$18=$B$17,14,0)+IF('Standard Profiles'!$G$18=$B$24,21,0),MOD($C77,24)+1)/SUM(INDEX($D$3:$AA$30,INDEX(Jesper!$R$2:$R$366,ROW(INDEX(Jesper!AH$2:AH$366,ROUNDDOWN($C77/24,0)+1,1))-1)+IF('Standard Profiles'!$G$18=$B$10,7,0)+IF('Standard Profiles'!$G$18=$B$17,14,0)+IF('Standard Profiles'!$G$18=$B$24,21,0),0)),0)</f>
        <v>13.853115683344907</v>
      </c>
      <c r="E77" cm="1">
        <f t="array" ref="E77">IFERROR(INDEX(Jesper!AI$2:AI$366,ROUNDDOWN($C77/24,0)+1,1)*INDEX($D$3:$AA$30,INDEX(Jesper!$R$2:$R$366,ROW(INDEX(Jesper!AI$2:AI$366,ROUNDDOWN($C77/24,0)+1,1))-1)+IF('Standard Profiles'!$G$19=$B$10,7,0)+IF('Standard Profiles'!$G$19=$B$17,14,0)+IF('Standard Profiles'!$G$19=$B$24,21,0),MOD($C77,24)+1)/SUM(INDEX($D$3:$AA$30,INDEX(Jesper!$R$2:$R$366,ROW(INDEX(Jesper!AI$2:AI$366,ROUNDDOWN($C77/24,0)+1,1))-1)+IF('Standard Profiles'!$G$19=$B$10,7,0)+IF('Standard Profiles'!$G$19=$B$17,14,0)+IF('Standard Profiles'!$G$19=$B$24,21,0),0)),0)</f>
        <v>0</v>
      </c>
      <c r="F77" cm="1">
        <f t="array" ref="F77">IFERROR(INDEX(Jesper!AJ$2:AJ$366,ROUNDDOWN($C77/24,0)+1,1)*INDEX($D$3:$AA$30,INDEX(Jesper!$R$2:$R$366,ROW(INDEX(Jesper!AJ$2:AJ$366,ROUNDDOWN($C77/24,0)+1,1))-1)+IF('Standard Profiles'!$G$20=$B$10,7,0)+IF('Standard Profiles'!$G$20=$B$17,14,0)+IF('Standard Profiles'!$G$20=$B$24,21,0),MOD($C77,24)+1)/SUM(INDEX($D$3:$AA$30,INDEX(Jesper!$R$2:$R$366,ROW(INDEX(Jesper!AJ$2:AJ$366,ROUNDDOWN($C77/24,0)+1,1))-1)+IF('Standard Profiles'!$G$20=$B$10,7,0)+IF('Standard Profiles'!$G$20=$B$17,14,0)+IF('Standard Profiles'!$G$20=$B$24,21,0),0)),0)</f>
        <v>0</v>
      </c>
      <c r="G77" cm="1">
        <f t="array" ref="G77">IFERROR(INDEX(Jesper!AK$2:AK$366,ROUNDDOWN($C77/24,0)+1,1)*INDEX($D$3:$AA$30,INDEX(Jesper!$R$2:$R$366,ROW(INDEX(Jesper!AK$2:AK$366,ROUNDDOWN($C77/24,0)+1,1))-1)+IF('Standard Profiles'!$G$21=$B$10,7,0)+IF('Standard Profiles'!$G$21=$B$17,14,0)+IF('Standard Profiles'!$G$21=$B$24,21,0),MOD($C77,24)+1)/SUM(INDEX($D$3:$AA$30,INDEX(Jesper!$R$2:$R$366,ROW(INDEX(Jesper!AK$2:AK$366,ROUNDDOWN($C77/24,0)+1,1))-1)+IF('Standard Profiles'!$G$21=$B$10,7,0)+IF('Standard Profiles'!$G$21=$B$17,14,0)+IF('Standard Profiles'!$G$21=$B$24,21,0),0)),0)</f>
        <v>0</v>
      </c>
      <c r="H77" cm="1">
        <f t="array" ref="H77">IFERROR(INDEX(Jesper!AL$2:AL$366,ROUNDDOWN($C77/24,0)+1,1)*INDEX($D$3:$AA$30,INDEX(Jesper!$R$2:$R$366,ROW(INDEX(Jesper!AL$2:AL$366,ROUNDDOWN($C77/24,0)+1,1))-1)+IF('Standard Profiles'!$G$22=$B$10,7,0)+IF('Standard Profiles'!$G$22=$B$17,14,0)+IF('Standard Profiles'!$G$22=$B$24,21,0),MOD($C77,24)+1)/SUM(INDEX($D$3:$AA$30,INDEX(Jesper!$R$2:$R$366,ROW(INDEX(Jesper!AL$2:AL$366,ROUNDDOWN($C77/24,0)+1,1))-1)+IF('Standard Profiles'!$G$22=$B$10,7,0)+IF('Standard Profiles'!$G$22=$B$17,14,0)+IF('Standard Profiles'!$G$22=$B$24,21,0),0)),0)</f>
        <v>0</v>
      </c>
      <c r="I77">
        <f t="shared" si="20"/>
        <v>0.41559347050034717</v>
      </c>
      <c r="J77">
        <f t="shared" si="21"/>
        <v>1.3853115683344908</v>
      </c>
      <c r="K77">
        <f t="shared" si="22"/>
        <v>2.0779673525017359</v>
      </c>
      <c r="L77">
        <f t="shared" si="23"/>
        <v>9.9742432920083317</v>
      </c>
      <c r="M77">
        <f t="shared" si="24"/>
        <v>0</v>
      </c>
      <c r="N77" s="46">
        <f t="shared" si="25"/>
        <v>45293.791666666562</v>
      </c>
      <c r="O77">
        <v>0.4122134939418331</v>
      </c>
      <c r="P77">
        <v>1.3740449798061105</v>
      </c>
      <c r="Q77">
        <v>2.0610674697091653</v>
      </c>
      <c r="R77">
        <v>9.8931238546039939</v>
      </c>
      <c r="S77">
        <v>0</v>
      </c>
      <c r="T77" s="46">
        <v>45636.791666646597</v>
      </c>
    </row>
    <row r="78" spans="2:21" x14ac:dyDescent="0.3">
      <c r="B78">
        <f t="shared" si="19"/>
        <v>2</v>
      </c>
      <c r="C78" s="16">
        <v>44</v>
      </c>
      <c r="D78" cm="1">
        <f t="array" ref="D78">IFERROR(INDEX(Jesper!AH$2:AH$366,ROUNDDOWN($C78/24,0)+1,1)*INDEX($D$3:$AA$30,INDEX(Jesper!$R$2:$R$366,ROW(INDEX(Jesper!AH$2:AH$366,ROUNDDOWN($C78/24,0)+1,1))-1)+IF('Standard Profiles'!$G$18=$B$10,7,0)+IF('Standard Profiles'!$G$18=$B$17,14,0)+IF('Standard Profiles'!$G$18=$B$24,21,0),MOD($C78,24)+1)/SUM(INDEX($D$3:$AA$30,INDEX(Jesper!$R$2:$R$366,ROW(INDEX(Jesper!AH$2:AH$366,ROUNDDOWN($C78/24,0)+1,1))-1)+IF('Standard Profiles'!$G$18=$B$10,7,0)+IF('Standard Profiles'!$G$18=$B$17,14,0)+IF('Standard Profiles'!$G$18=$B$24,21,0),0)),0)</f>
        <v>11.371960635581638</v>
      </c>
      <c r="E78" cm="1">
        <f t="array" ref="E78">IFERROR(INDEX(Jesper!AI$2:AI$366,ROUNDDOWN($C78/24,0)+1,1)*INDEX($D$3:$AA$30,INDEX(Jesper!$R$2:$R$366,ROW(INDEX(Jesper!AI$2:AI$366,ROUNDDOWN($C78/24,0)+1,1))-1)+IF('Standard Profiles'!$G$19=$B$10,7,0)+IF('Standard Profiles'!$G$19=$B$17,14,0)+IF('Standard Profiles'!$G$19=$B$24,21,0),MOD($C78,24)+1)/SUM(INDEX($D$3:$AA$30,INDEX(Jesper!$R$2:$R$366,ROW(INDEX(Jesper!AI$2:AI$366,ROUNDDOWN($C78/24,0)+1,1))-1)+IF('Standard Profiles'!$G$19=$B$10,7,0)+IF('Standard Profiles'!$G$19=$B$17,14,0)+IF('Standard Profiles'!$G$19=$B$24,21,0),0)),0)</f>
        <v>0</v>
      </c>
      <c r="F78" cm="1">
        <f t="array" ref="F78">IFERROR(INDEX(Jesper!AJ$2:AJ$366,ROUNDDOWN($C78/24,0)+1,1)*INDEX($D$3:$AA$30,INDEX(Jesper!$R$2:$R$366,ROW(INDEX(Jesper!AJ$2:AJ$366,ROUNDDOWN($C78/24,0)+1,1))-1)+IF('Standard Profiles'!$G$20=$B$10,7,0)+IF('Standard Profiles'!$G$20=$B$17,14,0)+IF('Standard Profiles'!$G$20=$B$24,21,0),MOD($C78,24)+1)/SUM(INDEX($D$3:$AA$30,INDEX(Jesper!$R$2:$R$366,ROW(INDEX(Jesper!AJ$2:AJ$366,ROUNDDOWN($C78/24,0)+1,1))-1)+IF('Standard Profiles'!$G$20=$B$10,7,0)+IF('Standard Profiles'!$G$20=$B$17,14,0)+IF('Standard Profiles'!$G$20=$B$24,21,0),0)),0)</f>
        <v>0</v>
      </c>
      <c r="G78" cm="1">
        <f t="array" ref="G78">IFERROR(INDEX(Jesper!AK$2:AK$366,ROUNDDOWN($C78/24,0)+1,1)*INDEX($D$3:$AA$30,INDEX(Jesper!$R$2:$R$366,ROW(INDEX(Jesper!AK$2:AK$366,ROUNDDOWN($C78/24,0)+1,1))-1)+IF('Standard Profiles'!$G$21=$B$10,7,0)+IF('Standard Profiles'!$G$21=$B$17,14,0)+IF('Standard Profiles'!$G$21=$B$24,21,0),MOD($C78,24)+1)/SUM(INDEX($D$3:$AA$30,INDEX(Jesper!$R$2:$R$366,ROW(INDEX(Jesper!AK$2:AK$366,ROUNDDOWN($C78/24,0)+1,1))-1)+IF('Standard Profiles'!$G$21=$B$10,7,0)+IF('Standard Profiles'!$G$21=$B$17,14,0)+IF('Standard Profiles'!$G$21=$B$24,21,0),0)),0)</f>
        <v>0</v>
      </c>
      <c r="H78" cm="1">
        <f t="array" ref="H78">IFERROR(INDEX(Jesper!AL$2:AL$366,ROUNDDOWN($C78/24,0)+1,1)*INDEX($D$3:$AA$30,INDEX(Jesper!$R$2:$R$366,ROW(INDEX(Jesper!AL$2:AL$366,ROUNDDOWN($C78/24,0)+1,1))-1)+IF('Standard Profiles'!$G$22=$B$10,7,0)+IF('Standard Profiles'!$G$22=$B$17,14,0)+IF('Standard Profiles'!$G$22=$B$24,21,0),MOD($C78,24)+1)/SUM(INDEX($D$3:$AA$30,INDEX(Jesper!$R$2:$R$366,ROW(INDEX(Jesper!AL$2:AL$366,ROUNDDOWN($C78/24,0)+1,1))-1)+IF('Standard Profiles'!$G$22=$B$10,7,0)+IF('Standard Profiles'!$G$22=$B$17,14,0)+IF('Standard Profiles'!$G$22=$B$24,21,0),0)),0)</f>
        <v>0</v>
      </c>
      <c r="I78">
        <f t="shared" si="20"/>
        <v>0.34115881906744916</v>
      </c>
      <c r="J78">
        <f t="shared" si="21"/>
        <v>1.1371960635581639</v>
      </c>
      <c r="K78">
        <f t="shared" si="22"/>
        <v>1.7057940953372457</v>
      </c>
      <c r="L78">
        <f t="shared" si="23"/>
        <v>8.1878116576187789</v>
      </c>
      <c r="M78">
        <f t="shared" si="24"/>
        <v>0</v>
      </c>
      <c r="N78" s="46">
        <f t="shared" si="25"/>
        <v>45293.833333333227</v>
      </c>
      <c r="O78">
        <v>0.33838421144478831</v>
      </c>
      <c r="P78">
        <v>1.1279473714826278</v>
      </c>
      <c r="Q78">
        <v>1.6919210572239416</v>
      </c>
      <c r="R78">
        <v>8.1212210746749189</v>
      </c>
      <c r="S78">
        <v>0</v>
      </c>
      <c r="T78" s="46">
        <v>45636.833333313261</v>
      </c>
    </row>
    <row r="79" spans="2:21" x14ac:dyDescent="0.3">
      <c r="B79">
        <f t="shared" si="19"/>
        <v>2</v>
      </c>
      <c r="C79" s="16">
        <v>45</v>
      </c>
      <c r="D79" cm="1">
        <f t="array" ref="D79">IFERROR(INDEX(Jesper!AH$2:AH$366,ROUNDDOWN($C79/24,0)+1,1)*INDEX($D$3:$AA$30,INDEX(Jesper!$R$2:$R$366,ROW(INDEX(Jesper!AH$2:AH$366,ROUNDDOWN($C79/24,0)+1,1))-1)+IF('Standard Profiles'!$G$18=$B$10,7,0)+IF('Standard Profiles'!$G$18=$B$17,14,0)+IF('Standard Profiles'!$G$18=$B$24,21,0),MOD($C79,24)+1)/SUM(INDEX($D$3:$AA$30,INDEX(Jesper!$R$2:$R$366,ROW(INDEX(Jesper!AH$2:AH$366,ROUNDDOWN($C79/24,0)+1,1))-1)+IF('Standard Profiles'!$G$18=$B$10,7,0)+IF('Standard Profiles'!$G$18=$B$17,14,0)+IF('Standard Profiles'!$G$18=$B$24,21,0),0)),0)</f>
        <v>8.2705168258775554</v>
      </c>
      <c r="E79" cm="1">
        <f t="array" ref="E79">IFERROR(INDEX(Jesper!AI$2:AI$366,ROUNDDOWN($C79/24,0)+1,1)*INDEX($D$3:$AA$30,INDEX(Jesper!$R$2:$R$366,ROW(INDEX(Jesper!AI$2:AI$366,ROUNDDOWN($C79/24,0)+1,1))-1)+IF('Standard Profiles'!$G$19=$B$10,7,0)+IF('Standard Profiles'!$G$19=$B$17,14,0)+IF('Standard Profiles'!$G$19=$B$24,21,0),MOD($C79,24)+1)/SUM(INDEX($D$3:$AA$30,INDEX(Jesper!$R$2:$R$366,ROW(INDEX(Jesper!AI$2:AI$366,ROUNDDOWN($C79/24,0)+1,1))-1)+IF('Standard Profiles'!$G$19=$B$10,7,0)+IF('Standard Profiles'!$G$19=$B$17,14,0)+IF('Standard Profiles'!$G$19=$B$24,21,0),0)),0)</f>
        <v>0</v>
      </c>
      <c r="F79" cm="1">
        <f t="array" ref="F79">IFERROR(INDEX(Jesper!AJ$2:AJ$366,ROUNDDOWN($C79/24,0)+1,1)*INDEX($D$3:$AA$30,INDEX(Jesper!$R$2:$R$366,ROW(INDEX(Jesper!AJ$2:AJ$366,ROUNDDOWN($C79/24,0)+1,1))-1)+IF('Standard Profiles'!$G$20=$B$10,7,0)+IF('Standard Profiles'!$G$20=$B$17,14,0)+IF('Standard Profiles'!$G$20=$B$24,21,0),MOD($C79,24)+1)/SUM(INDEX($D$3:$AA$30,INDEX(Jesper!$R$2:$R$366,ROW(INDEX(Jesper!AJ$2:AJ$366,ROUNDDOWN($C79/24,0)+1,1))-1)+IF('Standard Profiles'!$G$20=$B$10,7,0)+IF('Standard Profiles'!$G$20=$B$17,14,0)+IF('Standard Profiles'!$G$20=$B$24,21,0),0)),0)</f>
        <v>0</v>
      </c>
      <c r="G79" cm="1">
        <f t="array" ref="G79">IFERROR(INDEX(Jesper!AK$2:AK$366,ROUNDDOWN($C79/24,0)+1,1)*INDEX($D$3:$AA$30,INDEX(Jesper!$R$2:$R$366,ROW(INDEX(Jesper!AK$2:AK$366,ROUNDDOWN($C79/24,0)+1,1))-1)+IF('Standard Profiles'!$G$21=$B$10,7,0)+IF('Standard Profiles'!$G$21=$B$17,14,0)+IF('Standard Profiles'!$G$21=$B$24,21,0),MOD($C79,24)+1)/SUM(INDEX($D$3:$AA$30,INDEX(Jesper!$R$2:$R$366,ROW(INDEX(Jesper!AK$2:AK$366,ROUNDDOWN($C79/24,0)+1,1))-1)+IF('Standard Profiles'!$G$21=$B$10,7,0)+IF('Standard Profiles'!$G$21=$B$17,14,0)+IF('Standard Profiles'!$G$21=$B$24,21,0),0)),0)</f>
        <v>0</v>
      </c>
      <c r="H79" cm="1">
        <f t="array" ref="H79">IFERROR(INDEX(Jesper!AL$2:AL$366,ROUNDDOWN($C79/24,0)+1,1)*INDEX($D$3:$AA$30,INDEX(Jesper!$R$2:$R$366,ROW(INDEX(Jesper!AL$2:AL$366,ROUNDDOWN($C79/24,0)+1,1))-1)+IF('Standard Profiles'!$G$22=$B$10,7,0)+IF('Standard Profiles'!$G$22=$B$17,14,0)+IF('Standard Profiles'!$G$22=$B$24,21,0),MOD($C79,24)+1)/SUM(INDEX($D$3:$AA$30,INDEX(Jesper!$R$2:$R$366,ROW(INDEX(Jesper!AL$2:AL$366,ROUNDDOWN($C79/24,0)+1,1))-1)+IF('Standard Profiles'!$G$22=$B$10,7,0)+IF('Standard Profiles'!$G$22=$B$17,14,0)+IF('Standard Profiles'!$G$22=$B$24,21,0),0)),0)</f>
        <v>0</v>
      </c>
      <c r="I79">
        <f t="shared" si="20"/>
        <v>0.24811550477632666</v>
      </c>
      <c r="J79">
        <f t="shared" si="21"/>
        <v>0.82705168258775563</v>
      </c>
      <c r="K79">
        <f t="shared" si="22"/>
        <v>1.2405775238816332</v>
      </c>
      <c r="L79">
        <f t="shared" si="23"/>
        <v>5.9547721146318393</v>
      </c>
      <c r="M79">
        <f t="shared" si="24"/>
        <v>0</v>
      </c>
      <c r="N79" s="46">
        <f t="shared" si="25"/>
        <v>45293.874999999891</v>
      </c>
      <c r="O79">
        <v>0.24609760832348246</v>
      </c>
      <c r="P79">
        <v>0.82032536107827492</v>
      </c>
      <c r="Q79">
        <v>1.2304880416174122</v>
      </c>
      <c r="R79">
        <v>5.9063425997635788</v>
      </c>
      <c r="S79">
        <v>0</v>
      </c>
      <c r="T79" s="46">
        <v>45636.874999979926</v>
      </c>
    </row>
    <row r="80" spans="2:21" x14ac:dyDescent="0.3">
      <c r="B80">
        <f t="shared" si="19"/>
        <v>2</v>
      </c>
      <c r="C80" s="16">
        <v>46</v>
      </c>
      <c r="D80" cm="1">
        <f t="array" ref="D80">IFERROR(INDEX(Jesper!AH$2:AH$366,ROUNDDOWN($C80/24,0)+1,1)*INDEX($D$3:$AA$30,INDEX(Jesper!$R$2:$R$366,ROW(INDEX(Jesper!AH$2:AH$366,ROUNDDOWN($C80/24,0)+1,1))-1)+IF('Standard Profiles'!$G$18=$B$10,7,0)+IF('Standard Profiles'!$G$18=$B$17,14,0)+IF('Standard Profiles'!$G$18=$B$24,21,0),MOD($C80,24)+1)/SUM(INDEX($D$3:$AA$30,INDEX(Jesper!$R$2:$R$366,ROW(INDEX(Jesper!AH$2:AH$366,ROUNDDOWN($C80/24,0)+1,1))-1)+IF('Standard Profiles'!$G$18=$B$10,7,0)+IF('Standard Profiles'!$G$18=$B$17,14,0)+IF('Standard Profiles'!$G$18=$B$24,21,0),0)),0)</f>
        <v>8.2705168258775554</v>
      </c>
      <c r="E80" cm="1">
        <f t="array" ref="E80">IFERROR(INDEX(Jesper!AI$2:AI$366,ROUNDDOWN($C80/24,0)+1,1)*INDEX($D$3:$AA$30,INDEX(Jesper!$R$2:$R$366,ROW(INDEX(Jesper!AI$2:AI$366,ROUNDDOWN($C80/24,0)+1,1))-1)+IF('Standard Profiles'!$G$19=$B$10,7,0)+IF('Standard Profiles'!$G$19=$B$17,14,0)+IF('Standard Profiles'!$G$19=$B$24,21,0),MOD($C80,24)+1)/SUM(INDEX($D$3:$AA$30,INDEX(Jesper!$R$2:$R$366,ROW(INDEX(Jesper!AI$2:AI$366,ROUNDDOWN($C80/24,0)+1,1))-1)+IF('Standard Profiles'!$G$19=$B$10,7,0)+IF('Standard Profiles'!$G$19=$B$17,14,0)+IF('Standard Profiles'!$G$19=$B$24,21,0),0)),0)</f>
        <v>0</v>
      </c>
      <c r="F80" cm="1">
        <f t="array" ref="F80">IFERROR(INDEX(Jesper!AJ$2:AJ$366,ROUNDDOWN($C80/24,0)+1,1)*INDEX($D$3:$AA$30,INDEX(Jesper!$R$2:$R$366,ROW(INDEX(Jesper!AJ$2:AJ$366,ROUNDDOWN($C80/24,0)+1,1))-1)+IF('Standard Profiles'!$G$20=$B$10,7,0)+IF('Standard Profiles'!$G$20=$B$17,14,0)+IF('Standard Profiles'!$G$20=$B$24,21,0),MOD($C80,24)+1)/SUM(INDEX($D$3:$AA$30,INDEX(Jesper!$R$2:$R$366,ROW(INDEX(Jesper!AJ$2:AJ$366,ROUNDDOWN($C80/24,0)+1,1))-1)+IF('Standard Profiles'!$G$20=$B$10,7,0)+IF('Standard Profiles'!$G$20=$B$17,14,0)+IF('Standard Profiles'!$G$20=$B$24,21,0),0)),0)</f>
        <v>0</v>
      </c>
      <c r="G80" cm="1">
        <f t="array" ref="G80">IFERROR(INDEX(Jesper!AK$2:AK$366,ROUNDDOWN($C80/24,0)+1,1)*INDEX($D$3:$AA$30,INDEX(Jesper!$R$2:$R$366,ROW(INDEX(Jesper!AK$2:AK$366,ROUNDDOWN($C80/24,0)+1,1))-1)+IF('Standard Profiles'!$G$21=$B$10,7,0)+IF('Standard Profiles'!$G$21=$B$17,14,0)+IF('Standard Profiles'!$G$21=$B$24,21,0),MOD($C80,24)+1)/SUM(INDEX($D$3:$AA$30,INDEX(Jesper!$R$2:$R$366,ROW(INDEX(Jesper!AK$2:AK$366,ROUNDDOWN($C80/24,0)+1,1))-1)+IF('Standard Profiles'!$G$21=$B$10,7,0)+IF('Standard Profiles'!$G$21=$B$17,14,0)+IF('Standard Profiles'!$G$21=$B$24,21,0),0)),0)</f>
        <v>0</v>
      </c>
      <c r="H80" cm="1">
        <f t="array" ref="H80">IFERROR(INDEX(Jesper!AL$2:AL$366,ROUNDDOWN($C80/24,0)+1,1)*INDEX($D$3:$AA$30,INDEX(Jesper!$R$2:$R$366,ROW(INDEX(Jesper!AL$2:AL$366,ROUNDDOWN($C80/24,0)+1,1))-1)+IF('Standard Profiles'!$G$22=$B$10,7,0)+IF('Standard Profiles'!$G$22=$B$17,14,0)+IF('Standard Profiles'!$G$22=$B$24,21,0),MOD($C80,24)+1)/SUM(INDEX($D$3:$AA$30,INDEX(Jesper!$R$2:$R$366,ROW(INDEX(Jesper!AL$2:AL$366,ROUNDDOWN($C80/24,0)+1,1))-1)+IF('Standard Profiles'!$G$22=$B$10,7,0)+IF('Standard Profiles'!$G$22=$B$17,14,0)+IF('Standard Profiles'!$G$22=$B$24,21,0),0)),0)</f>
        <v>0</v>
      </c>
      <c r="I80">
        <f t="shared" si="20"/>
        <v>0.24811550477632666</v>
      </c>
      <c r="J80">
        <f t="shared" si="21"/>
        <v>0.82705168258775563</v>
      </c>
      <c r="K80">
        <f t="shared" si="22"/>
        <v>1.2405775238816332</v>
      </c>
      <c r="L80">
        <f t="shared" si="23"/>
        <v>5.9547721146318393</v>
      </c>
      <c r="M80">
        <f t="shared" si="24"/>
        <v>0</v>
      </c>
      <c r="N80" s="46">
        <f t="shared" si="25"/>
        <v>45293.916666666555</v>
      </c>
      <c r="O80">
        <v>0.24609760832348246</v>
      </c>
      <c r="P80">
        <v>0.82032536107827492</v>
      </c>
      <c r="Q80">
        <v>1.2304880416174122</v>
      </c>
      <c r="R80">
        <v>5.9063425997635788</v>
      </c>
      <c r="S80">
        <v>0</v>
      </c>
      <c r="T80" s="46">
        <v>45636.91666664659</v>
      </c>
    </row>
    <row r="81" spans="2:21" x14ac:dyDescent="0.3">
      <c r="B81">
        <f t="shared" si="19"/>
        <v>2</v>
      </c>
      <c r="C81" s="16">
        <v>47</v>
      </c>
      <c r="D81" cm="1">
        <f t="array" ref="D81">IFERROR(INDEX(Jesper!AH$2:AH$366,ROUNDDOWN($C81/24,0)+1,1)*INDEX($D$3:$AA$30,INDEX(Jesper!$R$2:$R$366,ROW(INDEX(Jesper!AH$2:AH$366,ROUNDDOWN($C81/24,0)+1,1))-1)+IF('Standard Profiles'!$G$18=$B$10,7,0)+IF('Standard Profiles'!$G$18=$B$17,14,0)+IF('Standard Profiles'!$G$18=$B$24,21,0),MOD($C81,24)+1)/SUM(INDEX($D$3:$AA$30,INDEX(Jesper!$R$2:$R$366,ROW(INDEX(Jesper!AH$2:AH$366,ROUNDDOWN($C81/24,0)+1,1))-1)+IF('Standard Profiles'!$G$18=$B$10,7,0)+IF('Standard Profiles'!$G$18=$B$17,14,0)+IF('Standard Profiles'!$G$18=$B$24,21,0),0)),0)</f>
        <v>8.2705168258775554</v>
      </c>
      <c r="E81" cm="1">
        <f t="array" ref="E81">IFERROR(INDEX(Jesper!AI$2:AI$366,ROUNDDOWN($C81/24,0)+1,1)*INDEX($D$3:$AA$30,INDEX(Jesper!$R$2:$R$366,ROW(INDEX(Jesper!AI$2:AI$366,ROUNDDOWN($C81/24,0)+1,1))-1)+IF('Standard Profiles'!$G$19=$B$10,7,0)+IF('Standard Profiles'!$G$19=$B$17,14,0)+IF('Standard Profiles'!$G$19=$B$24,21,0),MOD($C81,24)+1)/SUM(INDEX($D$3:$AA$30,INDEX(Jesper!$R$2:$R$366,ROW(INDEX(Jesper!AI$2:AI$366,ROUNDDOWN($C81/24,0)+1,1))-1)+IF('Standard Profiles'!$G$19=$B$10,7,0)+IF('Standard Profiles'!$G$19=$B$17,14,0)+IF('Standard Profiles'!$G$19=$B$24,21,0),0)),0)</f>
        <v>0</v>
      </c>
      <c r="F81" cm="1">
        <f t="array" ref="F81">IFERROR(INDEX(Jesper!AJ$2:AJ$366,ROUNDDOWN($C81/24,0)+1,1)*INDEX($D$3:$AA$30,INDEX(Jesper!$R$2:$R$366,ROW(INDEX(Jesper!AJ$2:AJ$366,ROUNDDOWN($C81/24,0)+1,1))-1)+IF('Standard Profiles'!$G$20=$B$10,7,0)+IF('Standard Profiles'!$G$20=$B$17,14,0)+IF('Standard Profiles'!$G$20=$B$24,21,0),MOD($C81,24)+1)/SUM(INDEX($D$3:$AA$30,INDEX(Jesper!$R$2:$R$366,ROW(INDEX(Jesper!AJ$2:AJ$366,ROUNDDOWN($C81/24,0)+1,1))-1)+IF('Standard Profiles'!$G$20=$B$10,7,0)+IF('Standard Profiles'!$G$20=$B$17,14,0)+IF('Standard Profiles'!$G$20=$B$24,21,0),0)),0)</f>
        <v>0</v>
      </c>
      <c r="G81" cm="1">
        <f t="array" ref="G81">IFERROR(INDEX(Jesper!AK$2:AK$366,ROUNDDOWN($C81/24,0)+1,1)*INDEX($D$3:$AA$30,INDEX(Jesper!$R$2:$R$366,ROW(INDEX(Jesper!AK$2:AK$366,ROUNDDOWN($C81/24,0)+1,1))-1)+IF('Standard Profiles'!$G$21=$B$10,7,0)+IF('Standard Profiles'!$G$21=$B$17,14,0)+IF('Standard Profiles'!$G$21=$B$24,21,0),MOD($C81,24)+1)/SUM(INDEX($D$3:$AA$30,INDEX(Jesper!$R$2:$R$366,ROW(INDEX(Jesper!AK$2:AK$366,ROUNDDOWN($C81/24,0)+1,1))-1)+IF('Standard Profiles'!$G$21=$B$10,7,0)+IF('Standard Profiles'!$G$21=$B$17,14,0)+IF('Standard Profiles'!$G$21=$B$24,21,0),0)),0)</f>
        <v>0</v>
      </c>
      <c r="H81" cm="1">
        <f t="array" ref="H81">IFERROR(INDEX(Jesper!AL$2:AL$366,ROUNDDOWN($C81/24,0)+1,1)*INDEX($D$3:$AA$30,INDEX(Jesper!$R$2:$R$366,ROW(INDEX(Jesper!AL$2:AL$366,ROUNDDOWN($C81/24,0)+1,1))-1)+IF('Standard Profiles'!$G$22=$B$10,7,0)+IF('Standard Profiles'!$G$22=$B$17,14,0)+IF('Standard Profiles'!$G$22=$B$24,21,0),MOD($C81,24)+1)/SUM(INDEX($D$3:$AA$30,INDEX(Jesper!$R$2:$R$366,ROW(INDEX(Jesper!AL$2:AL$366,ROUNDDOWN($C81/24,0)+1,1))-1)+IF('Standard Profiles'!$G$22=$B$10,7,0)+IF('Standard Profiles'!$G$22=$B$17,14,0)+IF('Standard Profiles'!$G$22=$B$24,21,0),0)),0)</f>
        <v>0</v>
      </c>
      <c r="I81">
        <f t="shared" si="20"/>
        <v>0.24811550477632666</v>
      </c>
      <c r="J81">
        <f t="shared" si="21"/>
        <v>0.82705168258775563</v>
      </c>
      <c r="K81">
        <f t="shared" si="22"/>
        <v>1.2405775238816332</v>
      </c>
      <c r="L81">
        <f t="shared" si="23"/>
        <v>5.9547721146318393</v>
      </c>
      <c r="M81">
        <f t="shared" si="24"/>
        <v>0</v>
      </c>
      <c r="N81" s="46">
        <f t="shared" si="25"/>
        <v>45293.958333333219</v>
      </c>
      <c r="O81">
        <v>0.24609760832348246</v>
      </c>
      <c r="P81">
        <v>0.82032536107827492</v>
      </c>
      <c r="Q81">
        <v>1.2304880416174122</v>
      </c>
      <c r="R81">
        <v>5.9063425997635788</v>
      </c>
      <c r="S81">
        <v>0</v>
      </c>
      <c r="T81" s="46">
        <v>45636.958333313254</v>
      </c>
    </row>
    <row r="82" spans="2:21" x14ac:dyDescent="0.3">
      <c r="B82">
        <f t="shared" si="19"/>
        <v>3</v>
      </c>
      <c r="C82" s="16">
        <v>48</v>
      </c>
      <c r="D82" cm="1">
        <f t="array" ref="D82">IFERROR(INDEX(Jesper!AH$2:AH$366,ROUNDDOWN($C82/24,0)+1,1)*INDEX($D$3:$AA$30,INDEX(Jesper!$R$2:$R$366,ROW(INDEX(Jesper!AH$2:AH$366,ROUNDDOWN($C82/24,0)+1,1))-1)+IF('Standard Profiles'!$G$18=$B$10,7,0)+IF('Standard Profiles'!$G$18=$B$17,14,0)+IF('Standard Profiles'!$G$18=$B$24,21,0),MOD($C82,24)+1)/SUM(INDEX($D$3:$AA$30,INDEX(Jesper!$R$2:$R$366,ROW(INDEX(Jesper!AH$2:AH$366,ROUNDDOWN($C82/24,0)+1,1))-1)+IF('Standard Profiles'!$G$18=$B$10,7,0)+IF('Standard Profiles'!$G$18=$B$17,14,0)+IF('Standard Profiles'!$G$18=$B$24,21,0),0)),0)</f>
        <v>7.3116134918338949</v>
      </c>
      <c r="E82" cm="1">
        <f t="array" ref="E82">IFERROR(INDEX(Jesper!AI$2:AI$366,ROUNDDOWN($C82/24,0)+1,1)*INDEX($D$3:$AA$30,INDEX(Jesper!$R$2:$R$366,ROW(INDEX(Jesper!AI$2:AI$366,ROUNDDOWN($C82/24,0)+1,1))-1)+IF('Standard Profiles'!$G$19=$B$10,7,0)+IF('Standard Profiles'!$G$19=$B$17,14,0)+IF('Standard Profiles'!$G$19=$B$24,21,0),MOD($C82,24)+1)/SUM(INDEX($D$3:$AA$30,INDEX(Jesper!$R$2:$R$366,ROW(INDEX(Jesper!AI$2:AI$366,ROUNDDOWN($C82/24,0)+1,1))-1)+IF('Standard Profiles'!$G$19=$B$10,7,0)+IF('Standard Profiles'!$G$19=$B$17,14,0)+IF('Standard Profiles'!$G$19=$B$24,21,0),0)),0)</f>
        <v>0</v>
      </c>
      <c r="F82" cm="1">
        <f t="array" ref="F82">IFERROR(INDEX(Jesper!AJ$2:AJ$366,ROUNDDOWN($C82/24,0)+1,1)*INDEX($D$3:$AA$30,INDEX(Jesper!$R$2:$R$366,ROW(INDEX(Jesper!AJ$2:AJ$366,ROUNDDOWN($C82/24,0)+1,1))-1)+IF('Standard Profiles'!$G$20=$B$10,7,0)+IF('Standard Profiles'!$G$20=$B$17,14,0)+IF('Standard Profiles'!$G$20=$B$24,21,0),MOD($C82,24)+1)/SUM(INDEX($D$3:$AA$30,INDEX(Jesper!$R$2:$R$366,ROW(INDEX(Jesper!AJ$2:AJ$366,ROUNDDOWN($C82/24,0)+1,1))-1)+IF('Standard Profiles'!$G$20=$B$10,7,0)+IF('Standard Profiles'!$G$20=$B$17,14,0)+IF('Standard Profiles'!$G$20=$B$24,21,0),0)),0)</f>
        <v>0</v>
      </c>
      <c r="G82" cm="1">
        <f t="array" ref="G82">IFERROR(INDEX(Jesper!AK$2:AK$366,ROUNDDOWN($C82/24,0)+1,1)*INDEX($D$3:$AA$30,INDEX(Jesper!$R$2:$R$366,ROW(INDEX(Jesper!AK$2:AK$366,ROUNDDOWN($C82/24,0)+1,1))-1)+IF('Standard Profiles'!$G$21=$B$10,7,0)+IF('Standard Profiles'!$G$21=$B$17,14,0)+IF('Standard Profiles'!$G$21=$B$24,21,0),MOD($C82,24)+1)/SUM(INDEX($D$3:$AA$30,INDEX(Jesper!$R$2:$R$366,ROW(INDEX(Jesper!AK$2:AK$366,ROUNDDOWN($C82/24,0)+1,1))-1)+IF('Standard Profiles'!$G$21=$B$10,7,0)+IF('Standard Profiles'!$G$21=$B$17,14,0)+IF('Standard Profiles'!$G$21=$B$24,21,0),0)),0)</f>
        <v>0</v>
      </c>
      <c r="H82" cm="1">
        <f t="array" ref="H82">IFERROR(INDEX(Jesper!AL$2:AL$366,ROUNDDOWN($C82/24,0)+1,1)*INDEX($D$3:$AA$30,INDEX(Jesper!$R$2:$R$366,ROW(INDEX(Jesper!AL$2:AL$366,ROUNDDOWN($C82/24,0)+1,1))-1)+IF('Standard Profiles'!$G$22=$B$10,7,0)+IF('Standard Profiles'!$G$22=$B$17,14,0)+IF('Standard Profiles'!$G$22=$B$24,21,0),MOD($C82,24)+1)/SUM(INDEX($D$3:$AA$30,INDEX(Jesper!$R$2:$R$366,ROW(INDEX(Jesper!AL$2:AL$366,ROUNDDOWN($C82/24,0)+1,1))-1)+IF('Standard Profiles'!$G$22=$B$10,7,0)+IF('Standard Profiles'!$G$22=$B$17,14,0)+IF('Standard Profiles'!$G$22=$B$24,21,0),0)),0)</f>
        <v>0</v>
      </c>
      <c r="I82">
        <f t="shared" si="20"/>
        <v>0.21934840475501685</v>
      </c>
      <c r="J82">
        <f t="shared" si="21"/>
        <v>0.73116134918338949</v>
      </c>
      <c r="K82">
        <f t="shared" si="22"/>
        <v>1.0967420237750842</v>
      </c>
      <c r="L82">
        <f t="shared" si="23"/>
        <v>5.2643617141204038</v>
      </c>
      <c r="M82">
        <f t="shared" si="24"/>
        <v>0</v>
      </c>
      <c r="N82" s="46">
        <f t="shared" si="25"/>
        <v>45293.999999999884</v>
      </c>
      <c r="O82">
        <v>0.22775319068069921</v>
      </c>
      <c r="P82">
        <v>0.75917730226899749</v>
      </c>
      <c r="Q82">
        <v>1.1387659534034962</v>
      </c>
      <c r="R82">
        <v>5.4660765763367811</v>
      </c>
      <c r="S82">
        <v>0</v>
      </c>
      <c r="T82" s="46">
        <v>45636.999999979918</v>
      </c>
    </row>
    <row r="83" spans="2:21" x14ac:dyDescent="0.3">
      <c r="B83">
        <f t="shared" si="19"/>
        <v>3</v>
      </c>
      <c r="C83" s="16">
        <v>49</v>
      </c>
      <c r="D83" cm="1">
        <f t="array" ref="D83">IFERROR(INDEX(Jesper!AH$2:AH$366,ROUNDDOWN($C83/24,0)+1,1)*INDEX($D$3:$AA$30,INDEX(Jesper!$R$2:$R$366,ROW(INDEX(Jesper!AH$2:AH$366,ROUNDDOWN($C83/24,0)+1,1))-1)+IF('Standard Profiles'!$G$18=$B$10,7,0)+IF('Standard Profiles'!$G$18=$B$17,14,0)+IF('Standard Profiles'!$G$18=$B$24,21,0),MOD($C83,24)+1)/SUM(INDEX($D$3:$AA$30,INDEX(Jesper!$R$2:$R$366,ROW(INDEX(Jesper!AH$2:AH$366,ROUNDDOWN($C83/24,0)+1,1))-1)+IF('Standard Profiles'!$G$18=$B$10,7,0)+IF('Standard Profiles'!$G$18=$B$17,14,0)+IF('Standard Profiles'!$G$18=$B$24,21,0),0)),0)</f>
        <v>8.2255651783131309</v>
      </c>
      <c r="E83" cm="1">
        <f t="array" ref="E83">IFERROR(INDEX(Jesper!AI$2:AI$366,ROUNDDOWN($C83/24,0)+1,1)*INDEX($D$3:$AA$30,INDEX(Jesper!$R$2:$R$366,ROW(INDEX(Jesper!AI$2:AI$366,ROUNDDOWN($C83/24,0)+1,1))-1)+IF('Standard Profiles'!$G$19=$B$10,7,0)+IF('Standard Profiles'!$G$19=$B$17,14,0)+IF('Standard Profiles'!$G$19=$B$24,21,0),MOD($C83,24)+1)/SUM(INDEX($D$3:$AA$30,INDEX(Jesper!$R$2:$R$366,ROW(INDEX(Jesper!AI$2:AI$366,ROUNDDOWN($C83/24,0)+1,1))-1)+IF('Standard Profiles'!$G$19=$B$10,7,0)+IF('Standard Profiles'!$G$19=$B$17,14,0)+IF('Standard Profiles'!$G$19=$B$24,21,0),0)),0)</f>
        <v>0</v>
      </c>
      <c r="F83" cm="1">
        <f t="array" ref="F83">IFERROR(INDEX(Jesper!AJ$2:AJ$366,ROUNDDOWN($C83/24,0)+1,1)*INDEX($D$3:$AA$30,INDEX(Jesper!$R$2:$R$366,ROW(INDEX(Jesper!AJ$2:AJ$366,ROUNDDOWN($C83/24,0)+1,1))-1)+IF('Standard Profiles'!$G$20=$B$10,7,0)+IF('Standard Profiles'!$G$20=$B$17,14,0)+IF('Standard Profiles'!$G$20=$B$24,21,0),MOD($C83,24)+1)/SUM(INDEX($D$3:$AA$30,INDEX(Jesper!$R$2:$R$366,ROW(INDEX(Jesper!AJ$2:AJ$366,ROUNDDOWN($C83/24,0)+1,1))-1)+IF('Standard Profiles'!$G$20=$B$10,7,0)+IF('Standard Profiles'!$G$20=$B$17,14,0)+IF('Standard Profiles'!$G$20=$B$24,21,0),0)),0)</f>
        <v>0</v>
      </c>
      <c r="G83" cm="1">
        <f t="array" ref="G83">IFERROR(INDEX(Jesper!AK$2:AK$366,ROUNDDOWN($C83/24,0)+1,1)*INDEX($D$3:$AA$30,INDEX(Jesper!$R$2:$R$366,ROW(INDEX(Jesper!AK$2:AK$366,ROUNDDOWN($C83/24,0)+1,1))-1)+IF('Standard Profiles'!$G$21=$B$10,7,0)+IF('Standard Profiles'!$G$21=$B$17,14,0)+IF('Standard Profiles'!$G$21=$B$24,21,0),MOD($C83,24)+1)/SUM(INDEX($D$3:$AA$30,INDEX(Jesper!$R$2:$R$366,ROW(INDEX(Jesper!AK$2:AK$366,ROUNDDOWN($C83/24,0)+1,1))-1)+IF('Standard Profiles'!$G$21=$B$10,7,0)+IF('Standard Profiles'!$G$21=$B$17,14,0)+IF('Standard Profiles'!$G$21=$B$24,21,0),0)),0)</f>
        <v>0</v>
      </c>
      <c r="H83" cm="1">
        <f t="array" ref="H83">IFERROR(INDEX(Jesper!AL$2:AL$366,ROUNDDOWN($C83/24,0)+1,1)*INDEX($D$3:$AA$30,INDEX(Jesper!$R$2:$R$366,ROW(INDEX(Jesper!AL$2:AL$366,ROUNDDOWN($C83/24,0)+1,1))-1)+IF('Standard Profiles'!$G$22=$B$10,7,0)+IF('Standard Profiles'!$G$22=$B$17,14,0)+IF('Standard Profiles'!$G$22=$B$24,21,0),MOD($C83,24)+1)/SUM(INDEX($D$3:$AA$30,INDEX(Jesper!$R$2:$R$366,ROW(INDEX(Jesper!AL$2:AL$366,ROUNDDOWN($C83/24,0)+1,1))-1)+IF('Standard Profiles'!$G$22=$B$10,7,0)+IF('Standard Profiles'!$G$22=$B$17,14,0)+IF('Standard Profiles'!$G$22=$B$24,21,0),0)),0)</f>
        <v>0</v>
      </c>
      <c r="I83">
        <f t="shared" si="20"/>
        <v>0.24676695534939391</v>
      </c>
      <c r="J83">
        <f t="shared" si="21"/>
        <v>0.82255651783131312</v>
      </c>
      <c r="K83">
        <f t="shared" si="22"/>
        <v>1.2338347767469695</v>
      </c>
      <c r="L83">
        <f t="shared" si="23"/>
        <v>5.9224069283854543</v>
      </c>
      <c r="M83">
        <f t="shared" si="24"/>
        <v>0</v>
      </c>
      <c r="N83" s="46">
        <f t="shared" si="25"/>
        <v>45294.041666666548</v>
      </c>
      <c r="O83">
        <v>0.25622233951578666</v>
      </c>
      <c r="P83">
        <v>0.85407446505262219</v>
      </c>
      <c r="Q83">
        <v>1.2811116975789332</v>
      </c>
      <c r="R83">
        <v>6.1493361483788789</v>
      </c>
      <c r="S83">
        <v>0</v>
      </c>
      <c r="T83" s="46">
        <v>45637.041666646583</v>
      </c>
    </row>
    <row r="84" spans="2:21" x14ac:dyDescent="0.3">
      <c r="B84">
        <f t="shared" si="19"/>
        <v>3</v>
      </c>
      <c r="C84" s="16">
        <v>50</v>
      </c>
      <c r="D84" cm="1">
        <f t="array" ref="D84">IFERROR(INDEX(Jesper!AH$2:AH$366,ROUNDDOWN($C84/24,0)+1,1)*INDEX($D$3:$AA$30,INDEX(Jesper!$R$2:$R$366,ROW(INDEX(Jesper!AH$2:AH$366,ROUNDDOWN($C84/24,0)+1,1))-1)+IF('Standard Profiles'!$G$18=$B$10,7,0)+IF('Standard Profiles'!$G$18=$B$17,14,0)+IF('Standard Profiles'!$G$18=$B$24,21,0),MOD($C84,24)+1)/SUM(INDEX($D$3:$AA$30,INDEX(Jesper!$R$2:$R$366,ROW(INDEX(Jesper!AH$2:AH$366,ROUNDDOWN($C84/24,0)+1,1))-1)+IF('Standard Profiles'!$G$18=$B$10,7,0)+IF('Standard Profiles'!$G$18=$B$17,14,0)+IF('Standard Profiles'!$G$18=$B$24,21,0),0)),0)</f>
        <v>8.2255651783131309</v>
      </c>
      <c r="E84" cm="1">
        <f t="array" ref="E84">IFERROR(INDEX(Jesper!AI$2:AI$366,ROUNDDOWN($C84/24,0)+1,1)*INDEX($D$3:$AA$30,INDEX(Jesper!$R$2:$R$366,ROW(INDEX(Jesper!AI$2:AI$366,ROUNDDOWN($C84/24,0)+1,1))-1)+IF('Standard Profiles'!$G$19=$B$10,7,0)+IF('Standard Profiles'!$G$19=$B$17,14,0)+IF('Standard Profiles'!$G$19=$B$24,21,0),MOD($C84,24)+1)/SUM(INDEX($D$3:$AA$30,INDEX(Jesper!$R$2:$R$366,ROW(INDEX(Jesper!AI$2:AI$366,ROUNDDOWN($C84/24,0)+1,1))-1)+IF('Standard Profiles'!$G$19=$B$10,7,0)+IF('Standard Profiles'!$G$19=$B$17,14,0)+IF('Standard Profiles'!$G$19=$B$24,21,0),0)),0)</f>
        <v>0</v>
      </c>
      <c r="F84" cm="1">
        <f t="array" ref="F84">IFERROR(INDEX(Jesper!AJ$2:AJ$366,ROUNDDOWN($C84/24,0)+1,1)*INDEX($D$3:$AA$30,INDEX(Jesper!$R$2:$R$366,ROW(INDEX(Jesper!AJ$2:AJ$366,ROUNDDOWN($C84/24,0)+1,1))-1)+IF('Standard Profiles'!$G$20=$B$10,7,0)+IF('Standard Profiles'!$G$20=$B$17,14,0)+IF('Standard Profiles'!$G$20=$B$24,21,0),MOD($C84,24)+1)/SUM(INDEX($D$3:$AA$30,INDEX(Jesper!$R$2:$R$366,ROW(INDEX(Jesper!AJ$2:AJ$366,ROUNDDOWN($C84/24,0)+1,1))-1)+IF('Standard Profiles'!$G$20=$B$10,7,0)+IF('Standard Profiles'!$G$20=$B$17,14,0)+IF('Standard Profiles'!$G$20=$B$24,21,0),0)),0)</f>
        <v>0</v>
      </c>
      <c r="G84" cm="1">
        <f t="array" ref="G84">IFERROR(INDEX(Jesper!AK$2:AK$366,ROUNDDOWN($C84/24,0)+1,1)*INDEX($D$3:$AA$30,INDEX(Jesper!$R$2:$R$366,ROW(INDEX(Jesper!AK$2:AK$366,ROUNDDOWN($C84/24,0)+1,1))-1)+IF('Standard Profiles'!$G$21=$B$10,7,0)+IF('Standard Profiles'!$G$21=$B$17,14,0)+IF('Standard Profiles'!$G$21=$B$24,21,0),MOD($C84,24)+1)/SUM(INDEX($D$3:$AA$30,INDEX(Jesper!$R$2:$R$366,ROW(INDEX(Jesper!AK$2:AK$366,ROUNDDOWN($C84/24,0)+1,1))-1)+IF('Standard Profiles'!$G$21=$B$10,7,0)+IF('Standard Profiles'!$G$21=$B$17,14,0)+IF('Standard Profiles'!$G$21=$B$24,21,0),0)),0)</f>
        <v>0</v>
      </c>
      <c r="H84" cm="1">
        <f t="array" ref="H84">IFERROR(INDEX(Jesper!AL$2:AL$366,ROUNDDOWN($C84/24,0)+1,1)*INDEX($D$3:$AA$30,INDEX(Jesper!$R$2:$R$366,ROW(INDEX(Jesper!AL$2:AL$366,ROUNDDOWN($C84/24,0)+1,1))-1)+IF('Standard Profiles'!$G$22=$B$10,7,0)+IF('Standard Profiles'!$G$22=$B$17,14,0)+IF('Standard Profiles'!$G$22=$B$24,21,0),MOD($C84,24)+1)/SUM(INDEX($D$3:$AA$30,INDEX(Jesper!$R$2:$R$366,ROW(INDEX(Jesper!AL$2:AL$366,ROUNDDOWN($C84/24,0)+1,1))-1)+IF('Standard Profiles'!$G$22=$B$10,7,0)+IF('Standard Profiles'!$G$22=$B$17,14,0)+IF('Standard Profiles'!$G$22=$B$24,21,0),0)),0)</f>
        <v>0</v>
      </c>
      <c r="I84">
        <f t="shared" si="20"/>
        <v>0.24676695534939391</v>
      </c>
      <c r="J84">
        <f t="shared" si="21"/>
        <v>0.82255651783131312</v>
      </c>
      <c r="K84">
        <f t="shared" si="22"/>
        <v>1.2338347767469695</v>
      </c>
      <c r="L84">
        <f t="shared" si="23"/>
        <v>5.9224069283854543</v>
      </c>
      <c r="M84">
        <f t="shared" si="24"/>
        <v>0</v>
      </c>
      <c r="N84" s="46">
        <f t="shared" si="25"/>
        <v>45294.083333333212</v>
      </c>
      <c r="O84">
        <v>0.25622233951578666</v>
      </c>
      <c r="P84">
        <v>0.85407446505262219</v>
      </c>
      <c r="Q84">
        <v>1.2811116975789332</v>
      </c>
      <c r="R84">
        <v>6.1493361483788789</v>
      </c>
      <c r="S84">
        <v>0</v>
      </c>
      <c r="T84" s="46">
        <v>45637.083333313247</v>
      </c>
    </row>
    <row r="85" spans="2:21" x14ac:dyDescent="0.3">
      <c r="B85">
        <f t="shared" si="19"/>
        <v>3</v>
      </c>
      <c r="C85" s="16">
        <v>51</v>
      </c>
      <c r="D85" cm="1">
        <f t="array" ref="D85">IFERROR(INDEX(Jesper!AH$2:AH$366,ROUNDDOWN($C85/24,0)+1,1)*INDEX($D$3:$AA$30,INDEX(Jesper!$R$2:$R$366,ROW(INDEX(Jesper!AH$2:AH$366,ROUNDDOWN($C85/24,0)+1,1))-1)+IF('Standard Profiles'!$G$18=$B$10,7,0)+IF('Standard Profiles'!$G$18=$B$17,14,0)+IF('Standard Profiles'!$G$18=$B$24,21,0),MOD($C85,24)+1)/SUM(INDEX($D$3:$AA$30,INDEX(Jesper!$R$2:$R$366,ROW(INDEX(Jesper!AH$2:AH$366,ROUNDDOWN($C85/24,0)+1,1))-1)+IF('Standard Profiles'!$G$18=$B$10,7,0)+IF('Standard Profiles'!$G$18=$B$17,14,0)+IF('Standard Profiles'!$G$18=$B$24,21,0),0)),0)</f>
        <v>8.2255651783131309</v>
      </c>
      <c r="E85" cm="1">
        <f t="array" ref="E85">IFERROR(INDEX(Jesper!AI$2:AI$366,ROUNDDOWN($C85/24,0)+1,1)*INDEX($D$3:$AA$30,INDEX(Jesper!$R$2:$R$366,ROW(INDEX(Jesper!AI$2:AI$366,ROUNDDOWN($C85/24,0)+1,1))-1)+IF('Standard Profiles'!$G$19=$B$10,7,0)+IF('Standard Profiles'!$G$19=$B$17,14,0)+IF('Standard Profiles'!$G$19=$B$24,21,0),MOD($C85,24)+1)/SUM(INDEX($D$3:$AA$30,INDEX(Jesper!$R$2:$R$366,ROW(INDEX(Jesper!AI$2:AI$366,ROUNDDOWN($C85/24,0)+1,1))-1)+IF('Standard Profiles'!$G$19=$B$10,7,0)+IF('Standard Profiles'!$G$19=$B$17,14,0)+IF('Standard Profiles'!$G$19=$B$24,21,0),0)),0)</f>
        <v>0</v>
      </c>
      <c r="F85" cm="1">
        <f t="array" ref="F85">IFERROR(INDEX(Jesper!AJ$2:AJ$366,ROUNDDOWN($C85/24,0)+1,1)*INDEX($D$3:$AA$30,INDEX(Jesper!$R$2:$R$366,ROW(INDEX(Jesper!AJ$2:AJ$366,ROUNDDOWN($C85/24,0)+1,1))-1)+IF('Standard Profiles'!$G$20=$B$10,7,0)+IF('Standard Profiles'!$G$20=$B$17,14,0)+IF('Standard Profiles'!$G$20=$B$24,21,0),MOD($C85,24)+1)/SUM(INDEX($D$3:$AA$30,INDEX(Jesper!$R$2:$R$366,ROW(INDEX(Jesper!AJ$2:AJ$366,ROUNDDOWN($C85/24,0)+1,1))-1)+IF('Standard Profiles'!$G$20=$B$10,7,0)+IF('Standard Profiles'!$G$20=$B$17,14,0)+IF('Standard Profiles'!$G$20=$B$24,21,0),0)),0)</f>
        <v>0</v>
      </c>
      <c r="G85" cm="1">
        <f t="array" ref="G85">IFERROR(INDEX(Jesper!AK$2:AK$366,ROUNDDOWN($C85/24,0)+1,1)*INDEX($D$3:$AA$30,INDEX(Jesper!$R$2:$R$366,ROW(INDEX(Jesper!AK$2:AK$366,ROUNDDOWN($C85/24,0)+1,1))-1)+IF('Standard Profiles'!$G$21=$B$10,7,0)+IF('Standard Profiles'!$G$21=$B$17,14,0)+IF('Standard Profiles'!$G$21=$B$24,21,0),MOD($C85,24)+1)/SUM(INDEX($D$3:$AA$30,INDEX(Jesper!$R$2:$R$366,ROW(INDEX(Jesper!AK$2:AK$366,ROUNDDOWN($C85/24,0)+1,1))-1)+IF('Standard Profiles'!$G$21=$B$10,7,0)+IF('Standard Profiles'!$G$21=$B$17,14,0)+IF('Standard Profiles'!$G$21=$B$24,21,0),0)),0)</f>
        <v>0</v>
      </c>
      <c r="H85" cm="1">
        <f t="array" ref="H85">IFERROR(INDEX(Jesper!AL$2:AL$366,ROUNDDOWN($C85/24,0)+1,1)*INDEX($D$3:$AA$30,INDEX(Jesper!$R$2:$R$366,ROW(INDEX(Jesper!AL$2:AL$366,ROUNDDOWN($C85/24,0)+1,1))-1)+IF('Standard Profiles'!$G$22=$B$10,7,0)+IF('Standard Profiles'!$G$22=$B$17,14,0)+IF('Standard Profiles'!$G$22=$B$24,21,0),MOD($C85,24)+1)/SUM(INDEX($D$3:$AA$30,INDEX(Jesper!$R$2:$R$366,ROW(INDEX(Jesper!AL$2:AL$366,ROUNDDOWN($C85/24,0)+1,1))-1)+IF('Standard Profiles'!$G$22=$B$10,7,0)+IF('Standard Profiles'!$G$22=$B$17,14,0)+IF('Standard Profiles'!$G$22=$B$24,21,0),0)),0)</f>
        <v>0</v>
      </c>
      <c r="I85">
        <f t="shared" si="20"/>
        <v>0.24676695534939391</v>
      </c>
      <c r="J85">
        <f t="shared" si="21"/>
        <v>0.82255651783131312</v>
      </c>
      <c r="K85">
        <f t="shared" si="22"/>
        <v>1.2338347767469695</v>
      </c>
      <c r="L85">
        <f t="shared" si="23"/>
        <v>5.9224069283854543</v>
      </c>
      <c r="M85">
        <f t="shared" si="24"/>
        <v>0</v>
      </c>
      <c r="N85" s="46">
        <f t="shared" si="25"/>
        <v>45294.124999999876</v>
      </c>
      <c r="O85">
        <v>0.25622233951578666</v>
      </c>
      <c r="P85">
        <v>0.85407446505262219</v>
      </c>
      <c r="Q85">
        <v>1.2811116975789332</v>
      </c>
      <c r="R85">
        <v>6.1493361483788789</v>
      </c>
      <c r="S85">
        <v>0</v>
      </c>
      <c r="T85" s="46">
        <v>45637.124999979911</v>
      </c>
    </row>
    <row r="86" spans="2:21" x14ac:dyDescent="0.3">
      <c r="B86">
        <f t="shared" si="19"/>
        <v>3</v>
      </c>
      <c r="C86" s="16">
        <v>52</v>
      </c>
      <c r="D86" cm="1">
        <f t="array" ref="D86">IFERROR(INDEX(Jesper!AH$2:AH$366,ROUNDDOWN($C86/24,0)+1,1)*INDEX($D$3:$AA$30,INDEX(Jesper!$R$2:$R$366,ROW(INDEX(Jesper!AH$2:AH$366,ROUNDDOWN($C86/24,0)+1,1))-1)+IF('Standard Profiles'!$G$18=$B$10,7,0)+IF('Standard Profiles'!$G$18=$B$17,14,0)+IF('Standard Profiles'!$G$18=$B$24,21,0),MOD($C86,24)+1)/SUM(INDEX($D$3:$AA$30,INDEX(Jesper!$R$2:$R$366,ROW(INDEX(Jesper!AH$2:AH$366,ROUNDDOWN($C86/24,0)+1,1))-1)+IF('Standard Profiles'!$G$18=$B$10,7,0)+IF('Standard Profiles'!$G$18=$B$17,14,0)+IF('Standard Profiles'!$G$18=$B$24,21,0),0)),0)</f>
        <v>8.2255651783131309</v>
      </c>
      <c r="E86" cm="1">
        <f t="array" ref="E86">IFERROR(INDEX(Jesper!AI$2:AI$366,ROUNDDOWN($C86/24,0)+1,1)*INDEX($D$3:$AA$30,INDEX(Jesper!$R$2:$R$366,ROW(INDEX(Jesper!AI$2:AI$366,ROUNDDOWN($C86/24,0)+1,1))-1)+IF('Standard Profiles'!$G$19=$B$10,7,0)+IF('Standard Profiles'!$G$19=$B$17,14,0)+IF('Standard Profiles'!$G$19=$B$24,21,0),MOD($C86,24)+1)/SUM(INDEX($D$3:$AA$30,INDEX(Jesper!$R$2:$R$366,ROW(INDEX(Jesper!AI$2:AI$366,ROUNDDOWN($C86/24,0)+1,1))-1)+IF('Standard Profiles'!$G$19=$B$10,7,0)+IF('Standard Profiles'!$G$19=$B$17,14,0)+IF('Standard Profiles'!$G$19=$B$24,21,0),0)),0)</f>
        <v>0</v>
      </c>
      <c r="F86" cm="1">
        <f t="array" ref="F86">IFERROR(INDEX(Jesper!AJ$2:AJ$366,ROUNDDOWN($C86/24,0)+1,1)*INDEX($D$3:$AA$30,INDEX(Jesper!$R$2:$R$366,ROW(INDEX(Jesper!AJ$2:AJ$366,ROUNDDOWN($C86/24,0)+1,1))-1)+IF('Standard Profiles'!$G$20=$B$10,7,0)+IF('Standard Profiles'!$G$20=$B$17,14,0)+IF('Standard Profiles'!$G$20=$B$24,21,0),MOD($C86,24)+1)/SUM(INDEX($D$3:$AA$30,INDEX(Jesper!$R$2:$R$366,ROW(INDEX(Jesper!AJ$2:AJ$366,ROUNDDOWN($C86/24,0)+1,1))-1)+IF('Standard Profiles'!$G$20=$B$10,7,0)+IF('Standard Profiles'!$G$20=$B$17,14,0)+IF('Standard Profiles'!$G$20=$B$24,21,0),0)),0)</f>
        <v>0</v>
      </c>
      <c r="G86" cm="1">
        <f t="array" ref="G86">IFERROR(INDEX(Jesper!AK$2:AK$366,ROUNDDOWN($C86/24,0)+1,1)*INDEX($D$3:$AA$30,INDEX(Jesper!$R$2:$R$366,ROW(INDEX(Jesper!AK$2:AK$366,ROUNDDOWN($C86/24,0)+1,1))-1)+IF('Standard Profiles'!$G$21=$B$10,7,0)+IF('Standard Profiles'!$G$21=$B$17,14,0)+IF('Standard Profiles'!$G$21=$B$24,21,0),MOD($C86,24)+1)/SUM(INDEX($D$3:$AA$30,INDEX(Jesper!$R$2:$R$366,ROW(INDEX(Jesper!AK$2:AK$366,ROUNDDOWN($C86/24,0)+1,1))-1)+IF('Standard Profiles'!$G$21=$B$10,7,0)+IF('Standard Profiles'!$G$21=$B$17,14,0)+IF('Standard Profiles'!$G$21=$B$24,21,0),0)),0)</f>
        <v>0</v>
      </c>
      <c r="H86" cm="1">
        <f t="array" ref="H86">IFERROR(INDEX(Jesper!AL$2:AL$366,ROUNDDOWN($C86/24,0)+1,1)*INDEX($D$3:$AA$30,INDEX(Jesper!$R$2:$R$366,ROW(INDEX(Jesper!AL$2:AL$366,ROUNDDOWN($C86/24,0)+1,1))-1)+IF('Standard Profiles'!$G$22=$B$10,7,0)+IF('Standard Profiles'!$G$22=$B$17,14,0)+IF('Standard Profiles'!$G$22=$B$24,21,0),MOD($C86,24)+1)/SUM(INDEX($D$3:$AA$30,INDEX(Jesper!$R$2:$R$366,ROW(INDEX(Jesper!AL$2:AL$366,ROUNDDOWN($C86/24,0)+1,1))-1)+IF('Standard Profiles'!$G$22=$B$10,7,0)+IF('Standard Profiles'!$G$22=$B$17,14,0)+IF('Standard Profiles'!$G$22=$B$24,21,0),0)),0)</f>
        <v>0</v>
      </c>
      <c r="I86">
        <f t="shared" si="20"/>
        <v>0.24676695534939391</v>
      </c>
      <c r="J86">
        <f t="shared" si="21"/>
        <v>0.82255651783131312</v>
      </c>
      <c r="K86">
        <f t="shared" si="22"/>
        <v>1.2338347767469695</v>
      </c>
      <c r="L86">
        <f t="shared" si="23"/>
        <v>5.9224069283854543</v>
      </c>
      <c r="M86">
        <f t="shared" si="24"/>
        <v>0</v>
      </c>
      <c r="N86" s="46">
        <f t="shared" si="25"/>
        <v>45294.166666666541</v>
      </c>
      <c r="O86">
        <v>0.25622233951578666</v>
      </c>
      <c r="P86">
        <v>0.85407446505262219</v>
      </c>
      <c r="Q86">
        <v>1.2811116975789332</v>
      </c>
      <c r="R86">
        <v>6.1493361483788789</v>
      </c>
      <c r="S86">
        <v>0</v>
      </c>
      <c r="T86" s="46">
        <v>45637.166666646575</v>
      </c>
    </row>
    <row r="87" spans="2:21" x14ac:dyDescent="0.3">
      <c r="B87">
        <f t="shared" si="19"/>
        <v>3</v>
      </c>
      <c r="C87" s="16">
        <v>53</v>
      </c>
      <c r="D87" cm="1">
        <f t="array" ref="D87">IFERROR(INDEX(Jesper!AH$2:AH$366,ROUNDDOWN($C87/24,0)+1,1)*INDEX($D$3:$AA$30,INDEX(Jesper!$R$2:$R$366,ROW(INDEX(Jesper!AH$2:AH$366,ROUNDDOWN($C87/24,0)+1,1))-1)+IF('Standard Profiles'!$G$18=$B$10,7,0)+IF('Standard Profiles'!$G$18=$B$17,14,0)+IF('Standard Profiles'!$G$18=$B$24,21,0),MOD($C87,24)+1)/SUM(INDEX($D$3:$AA$30,INDEX(Jesper!$R$2:$R$366,ROW(INDEX(Jesper!AH$2:AH$366,ROUNDDOWN($C87/24,0)+1,1))-1)+IF('Standard Profiles'!$G$18=$B$10,7,0)+IF('Standard Profiles'!$G$18=$B$17,14,0)+IF('Standard Profiles'!$G$18=$B$24,21,0),0)),0)</f>
        <v>10.601839563159146</v>
      </c>
      <c r="E87" cm="1">
        <f t="array" ref="E87">IFERROR(INDEX(Jesper!AI$2:AI$366,ROUNDDOWN($C87/24,0)+1,1)*INDEX($D$3:$AA$30,INDEX(Jesper!$R$2:$R$366,ROW(INDEX(Jesper!AI$2:AI$366,ROUNDDOWN($C87/24,0)+1,1))-1)+IF('Standard Profiles'!$G$19=$B$10,7,0)+IF('Standard Profiles'!$G$19=$B$17,14,0)+IF('Standard Profiles'!$G$19=$B$24,21,0),MOD($C87,24)+1)/SUM(INDEX($D$3:$AA$30,INDEX(Jesper!$R$2:$R$366,ROW(INDEX(Jesper!AI$2:AI$366,ROUNDDOWN($C87/24,0)+1,1))-1)+IF('Standard Profiles'!$G$19=$B$10,7,0)+IF('Standard Profiles'!$G$19=$B$17,14,0)+IF('Standard Profiles'!$G$19=$B$24,21,0),0)),0)</f>
        <v>0</v>
      </c>
      <c r="F87" cm="1">
        <f t="array" ref="F87">IFERROR(INDEX(Jesper!AJ$2:AJ$366,ROUNDDOWN($C87/24,0)+1,1)*INDEX($D$3:$AA$30,INDEX(Jesper!$R$2:$R$366,ROW(INDEX(Jesper!AJ$2:AJ$366,ROUNDDOWN($C87/24,0)+1,1))-1)+IF('Standard Profiles'!$G$20=$B$10,7,0)+IF('Standard Profiles'!$G$20=$B$17,14,0)+IF('Standard Profiles'!$G$20=$B$24,21,0),MOD($C87,24)+1)/SUM(INDEX($D$3:$AA$30,INDEX(Jesper!$R$2:$R$366,ROW(INDEX(Jesper!AJ$2:AJ$366,ROUNDDOWN($C87/24,0)+1,1))-1)+IF('Standard Profiles'!$G$20=$B$10,7,0)+IF('Standard Profiles'!$G$20=$B$17,14,0)+IF('Standard Profiles'!$G$20=$B$24,21,0),0)),0)</f>
        <v>0</v>
      </c>
      <c r="G87" cm="1">
        <f t="array" ref="G87">IFERROR(INDEX(Jesper!AK$2:AK$366,ROUNDDOWN($C87/24,0)+1,1)*INDEX($D$3:$AA$30,INDEX(Jesper!$R$2:$R$366,ROW(INDEX(Jesper!AK$2:AK$366,ROUNDDOWN($C87/24,0)+1,1))-1)+IF('Standard Profiles'!$G$21=$B$10,7,0)+IF('Standard Profiles'!$G$21=$B$17,14,0)+IF('Standard Profiles'!$G$21=$B$24,21,0),MOD($C87,24)+1)/SUM(INDEX($D$3:$AA$30,INDEX(Jesper!$R$2:$R$366,ROW(INDEX(Jesper!AK$2:AK$366,ROUNDDOWN($C87/24,0)+1,1))-1)+IF('Standard Profiles'!$G$21=$B$10,7,0)+IF('Standard Profiles'!$G$21=$B$17,14,0)+IF('Standard Profiles'!$G$21=$B$24,21,0),0)),0)</f>
        <v>0</v>
      </c>
      <c r="H87" cm="1">
        <f t="array" ref="H87">IFERROR(INDEX(Jesper!AL$2:AL$366,ROUNDDOWN($C87/24,0)+1,1)*INDEX($D$3:$AA$30,INDEX(Jesper!$R$2:$R$366,ROW(INDEX(Jesper!AL$2:AL$366,ROUNDDOWN($C87/24,0)+1,1))-1)+IF('Standard Profiles'!$G$22=$B$10,7,0)+IF('Standard Profiles'!$G$22=$B$17,14,0)+IF('Standard Profiles'!$G$22=$B$24,21,0),MOD($C87,24)+1)/SUM(INDEX($D$3:$AA$30,INDEX(Jesper!$R$2:$R$366,ROW(INDEX(Jesper!AL$2:AL$366,ROUNDDOWN($C87/24,0)+1,1))-1)+IF('Standard Profiles'!$G$22=$B$10,7,0)+IF('Standard Profiles'!$G$22=$B$17,14,0)+IF('Standard Profiles'!$G$22=$B$24,21,0),0)),0)</f>
        <v>0</v>
      </c>
      <c r="I87">
        <f t="shared" si="20"/>
        <v>0.31805518689477436</v>
      </c>
      <c r="J87">
        <f t="shared" si="21"/>
        <v>1.0601839563159146</v>
      </c>
      <c r="K87">
        <f t="shared" si="22"/>
        <v>1.5902759344738719</v>
      </c>
      <c r="L87">
        <f t="shared" si="23"/>
        <v>7.633324485474585</v>
      </c>
      <c r="M87">
        <f t="shared" si="24"/>
        <v>0</v>
      </c>
      <c r="N87" s="46">
        <f t="shared" si="25"/>
        <v>45294.208333333205</v>
      </c>
      <c r="O87">
        <v>0.33024212648701384</v>
      </c>
      <c r="P87">
        <v>1.1008070882900463</v>
      </c>
      <c r="Q87">
        <v>1.6512106324350693</v>
      </c>
      <c r="R87">
        <v>7.9258110356883327</v>
      </c>
      <c r="S87">
        <v>0</v>
      </c>
      <c r="T87" s="46">
        <v>45637.20833331324</v>
      </c>
    </row>
    <row r="88" spans="2:21" x14ac:dyDescent="0.3">
      <c r="B88">
        <f t="shared" si="19"/>
        <v>3</v>
      </c>
      <c r="C88" s="16">
        <v>54</v>
      </c>
      <c r="D88" cm="1">
        <f t="array" ref="D88">IFERROR(INDEX(Jesper!AH$2:AH$366,ROUNDDOWN($C88/24,0)+1,1)*INDEX($D$3:$AA$30,INDEX(Jesper!$R$2:$R$366,ROW(INDEX(Jesper!AH$2:AH$366,ROUNDDOWN($C88/24,0)+1,1))-1)+IF('Standard Profiles'!$G$18=$B$10,7,0)+IF('Standard Profiles'!$G$18=$B$17,14,0)+IF('Standard Profiles'!$G$18=$B$24,21,0),MOD($C88,24)+1)/SUM(INDEX($D$3:$AA$30,INDEX(Jesper!$R$2:$R$366,ROW(INDEX(Jesper!AH$2:AH$366,ROUNDDOWN($C88/24,0)+1,1))-1)+IF('Standard Profiles'!$G$18=$B$10,7,0)+IF('Standard Profiles'!$G$18=$B$17,14,0)+IF('Standard Profiles'!$G$18=$B$24,21,0),0)),0)</f>
        <v>12.246952598821775</v>
      </c>
      <c r="E88" cm="1">
        <f t="array" ref="E88">IFERROR(INDEX(Jesper!AI$2:AI$366,ROUNDDOWN($C88/24,0)+1,1)*INDEX($D$3:$AA$30,INDEX(Jesper!$R$2:$R$366,ROW(INDEX(Jesper!AI$2:AI$366,ROUNDDOWN($C88/24,0)+1,1))-1)+IF('Standard Profiles'!$G$19=$B$10,7,0)+IF('Standard Profiles'!$G$19=$B$17,14,0)+IF('Standard Profiles'!$G$19=$B$24,21,0),MOD($C88,24)+1)/SUM(INDEX($D$3:$AA$30,INDEX(Jesper!$R$2:$R$366,ROW(INDEX(Jesper!AI$2:AI$366,ROUNDDOWN($C88/24,0)+1,1))-1)+IF('Standard Profiles'!$G$19=$B$10,7,0)+IF('Standard Profiles'!$G$19=$B$17,14,0)+IF('Standard Profiles'!$G$19=$B$24,21,0),0)),0)</f>
        <v>0</v>
      </c>
      <c r="F88" cm="1">
        <f t="array" ref="F88">IFERROR(INDEX(Jesper!AJ$2:AJ$366,ROUNDDOWN($C88/24,0)+1,1)*INDEX($D$3:$AA$30,INDEX(Jesper!$R$2:$R$366,ROW(INDEX(Jesper!AJ$2:AJ$366,ROUNDDOWN($C88/24,0)+1,1))-1)+IF('Standard Profiles'!$G$20=$B$10,7,0)+IF('Standard Profiles'!$G$20=$B$17,14,0)+IF('Standard Profiles'!$G$20=$B$24,21,0),MOD($C88,24)+1)/SUM(INDEX($D$3:$AA$30,INDEX(Jesper!$R$2:$R$366,ROW(INDEX(Jesper!AJ$2:AJ$366,ROUNDDOWN($C88/24,0)+1,1))-1)+IF('Standard Profiles'!$G$20=$B$10,7,0)+IF('Standard Profiles'!$G$20=$B$17,14,0)+IF('Standard Profiles'!$G$20=$B$24,21,0),0)),0)</f>
        <v>0</v>
      </c>
      <c r="G88" cm="1">
        <f t="array" ref="G88">IFERROR(INDEX(Jesper!AK$2:AK$366,ROUNDDOWN($C88/24,0)+1,1)*INDEX($D$3:$AA$30,INDEX(Jesper!$R$2:$R$366,ROW(INDEX(Jesper!AK$2:AK$366,ROUNDDOWN($C88/24,0)+1,1))-1)+IF('Standard Profiles'!$G$21=$B$10,7,0)+IF('Standard Profiles'!$G$21=$B$17,14,0)+IF('Standard Profiles'!$G$21=$B$24,21,0),MOD($C88,24)+1)/SUM(INDEX($D$3:$AA$30,INDEX(Jesper!$R$2:$R$366,ROW(INDEX(Jesper!AK$2:AK$366,ROUNDDOWN($C88/24,0)+1,1))-1)+IF('Standard Profiles'!$G$21=$B$10,7,0)+IF('Standard Profiles'!$G$21=$B$17,14,0)+IF('Standard Profiles'!$G$21=$B$24,21,0),0)),0)</f>
        <v>0</v>
      </c>
      <c r="H88" cm="1">
        <f t="array" ref="H88">IFERROR(INDEX(Jesper!AL$2:AL$366,ROUNDDOWN($C88/24,0)+1,1)*INDEX($D$3:$AA$30,INDEX(Jesper!$R$2:$R$366,ROW(INDEX(Jesper!AL$2:AL$366,ROUNDDOWN($C88/24,0)+1,1))-1)+IF('Standard Profiles'!$G$22=$B$10,7,0)+IF('Standard Profiles'!$G$22=$B$17,14,0)+IF('Standard Profiles'!$G$22=$B$24,21,0),MOD($C88,24)+1)/SUM(INDEX($D$3:$AA$30,INDEX(Jesper!$R$2:$R$366,ROW(INDEX(Jesper!AL$2:AL$366,ROUNDDOWN($C88/24,0)+1,1))-1)+IF('Standard Profiles'!$G$22=$B$10,7,0)+IF('Standard Profiles'!$G$22=$B$17,14,0)+IF('Standard Profiles'!$G$22=$B$24,21,0),0)),0)</f>
        <v>0</v>
      </c>
      <c r="I88">
        <f t="shared" si="20"/>
        <v>0.3674085779646532</v>
      </c>
      <c r="J88">
        <f t="shared" si="21"/>
        <v>1.2246952598821776</v>
      </c>
      <c r="K88">
        <f t="shared" si="22"/>
        <v>1.837042889823266</v>
      </c>
      <c r="L88">
        <f t="shared" si="23"/>
        <v>8.8178058711516769</v>
      </c>
      <c r="M88">
        <f t="shared" si="24"/>
        <v>0</v>
      </c>
      <c r="N88" s="46">
        <f t="shared" si="25"/>
        <v>45294.249999999869</v>
      </c>
      <c r="O88">
        <v>0.38148659439017124</v>
      </c>
      <c r="P88">
        <v>1.2716219813005709</v>
      </c>
      <c r="Q88">
        <v>1.907432971950856</v>
      </c>
      <c r="R88">
        <v>9.1556782653641093</v>
      </c>
      <c r="S88">
        <v>0</v>
      </c>
      <c r="T88" s="46">
        <v>45637.249999979904</v>
      </c>
    </row>
    <row r="89" spans="2:21" x14ac:dyDescent="0.3">
      <c r="B89">
        <f t="shared" si="19"/>
        <v>3</v>
      </c>
      <c r="C89" s="16">
        <v>55</v>
      </c>
      <c r="D89" cm="1">
        <f t="array" ref="D89">IFERROR(INDEX(Jesper!AH$2:AH$366,ROUNDDOWN($C89/24,0)+1,1)*INDEX($D$3:$AA$30,INDEX(Jesper!$R$2:$R$366,ROW(INDEX(Jesper!AH$2:AH$366,ROUNDDOWN($C89/24,0)+1,1))-1)+IF('Standard Profiles'!$G$18=$B$10,7,0)+IF('Standard Profiles'!$G$18=$B$17,14,0)+IF('Standard Profiles'!$G$18=$B$24,21,0),MOD($C89,24)+1)/SUM(INDEX($D$3:$AA$30,INDEX(Jesper!$R$2:$R$366,ROW(INDEX(Jesper!AH$2:AH$366,ROUNDDOWN($C89/24,0)+1,1))-1)+IF('Standard Profiles'!$G$18=$B$10,7,0)+IF('Standard Profiles'!$G$18=$B$17,14,0)+IF('Standard Profiles'!$G$18=$B$24,21,0),0)),0)</f>
        <v>12.246952598821775</v>
      </c>
      <c r="E89" cm="1">
        <f t="array" ref="E89">IFERROR(INDEX(Jesper!AI$2:AI$366,ROUNDDOWN($C89/24,0)+1,1)*INDEX($D$3:$AA$30,INDEX(Jesper!$R$2:$R$366,ROW(INDEX(Jesper!AI$2:AI$366,ROUNDDOWN($C89/24,0)+1,1))-1)+IF('Standard Profiles'!$G$19=$B$10,7,0)+IF('Standard Profiles'!$G$19=$B$17,14,0)+IF('Standard Profiles'!$G$19=$B$24,21,0),MOD($C89,24)+1)/SUM(INDEX($D$3:$AA$30,INDEX(Jesper!$R$2:$R$366,ROW(INDEX(Jesper!AI$2:AI$366,ROUNDDOWN($C89/24,0)+1,1))-1)+IF('Standard Profiles'!$G$19=$B$10,7,0)+IF('Standard Profiles'!$G$19=$B$17,14,0)+IF('Standard Profiles'!$G$19=$B$24,21,0),0)),0)</f>
        <v>0</v>
      </c>
      <c r="F89" cm="1">
        <f t="array" ref="F89">IFERROR(INDEX(Jesper!AJ$2:AJ$366,ROUNDDOWN($C89/24,0)+1,1)*INDEX($D$3:$AA$30,INDEX(Jesper!$R$2:$R$366,ROW(INDEX(Jesper!AJ$2:AJ$366,ROUNDDOWN($C89/24,0)+1,1))-1)+IF('Standard Profiles'!$G$20=$B$10,7,0)+IF('Standard Profiles'!$G$20=$B$17,14,0)+IF('Standard Profiles'!$G$20=$B$24,21,0),MOD($C89,24)+1)/SUM(INDEX($D$3:$AA$30,INDEX(Jesper!$R$2:$R$366,ROW(INDEX(Jesper!AJ$2:AJ$366,ROUNDDOWN($C89/24,0)+1,1))-1)+IF('Standard Profiles'!$G$20=$B$10,7,0)+IF('Standard Profiles'!$G$20=$B$17,14,0)+IF('Standard Profiles'!$G$20=$B$24,21,0),0)),0)</f>
        <v>0</v>
      </c>
      <c r="G89" cm="1">
        <f t="array" ref="G89">IFERROR(INDEX(Jesper!AK$2:AK$366,ROUNDDOWN($C89/24,0)+1,1)*INDEX($D$3:$AA$30,INDEX(Jesper!$R$2:$R$366,ROW(INDEX(Jesper!AK$2:AK$366,ROUNDDOWN($C89/24,0)+1,1))-1)+IF('Standard Profiles'!$G$21=$B$10,7,0)+IF('Standard Profiles'!$G$21=$B$17,14,0)+IF('Standard Profiles'!$G$21=$B$24,21,0),MOD($C89,24)+1)/SUM(INDEX($D$3:$AA$30,INDEX(Jesper!$R$2:$R$366,ROW(INDEX(Jesper!AK$2:AK$366,ROUNDDOWN($C89/24,0)+1,1))-1)+IF('Standard Profiles'!$G$21=$B$10,7,0)+IF('Standard Profiles'!$G$21=$B$17,14,0)+IF('Standard Profiles'!$G$21=$B$24,21,0),0)),0)</f>
        <v>0</v>
      </c>
      <c r="H89" cm="1">
        <f t="array" ref="H89">IFERROR(INDEX(Jesper!AL$2:AL$366,ROUNDDOWN($C89/24,0)+1,1)*INDEX($D$3:$AA$30,INDEX(Jesper!$R$2:$R$366,ROW(INDEX(Jesper!AL$2:AL$366,ROUNDDOWN($C89/24,0)+1,1))-1)+IF('Standard Profiles'!$G$22=$B$10,7,0)+IF('Standard Profiles'!$G$22=$B$17,14,0)+IF('Standard Profiles'!$G$22=$B$24,21,0),MOD($C89,24)+1)/SUM(INDEX($D$3:$AA$30,INDEX(Jesper!$R$2:$R$366,ROW(INDEX(Jesper!AL$2:AL$366,ROUNDDOWN($C89/24,0)+1,1))-1)+IF('Standard Profiles'!$G$22=$B$10,7,0)+IF('Standard Profiles'!$G$22=$B$17,14,0)+IF('Standard Profiles'!$G$22=$B$24,21,0),0)),0)</f>
        <v>0</v>
      </c>
      <c r="I89">
        <f t="shared" si="20"/>
        <v>0.3674085779646532</v>
      </c>
      <c r="J89">
        <f t="shared" si="21"/>
        <v>1.2246952598821776</v>
      </c>
      <c r="K89">
        <f t="shared" si="22"/>
        <v>1.837042889823266</v>
      </c>
      <c r="L89">
        <f t="shared" si="23"/>
        <v>8.8178058711516769</v>
      </c>
      <c r="M89">
        <f t="shared" si="24"/>
        <v>0</v>
      </c>
      <c r="N89" s="46">
        <f t="shared" si="25"/>
        <v>45294.291666666533</v>
      </c>
      <c r="O89">
        <v>0.38148659439017124</v>
      </c>
      <c r="P89">
        <v>1.2716219813005709</v>
      </c>
      <c r="Q89">
        <v>1.907432971950856</v>
      </c>
      <c r="R89">
        <v>9.1556782653641093</v>
      </c>
      <c r="S89">
        <v>0</v>
      </c>
      <c r="T89" s="46">
        <v>45637.291666646568</v>
      </c>
    </row>
    <row r="90" spans="2:21" x14ac:dyDescent="0.3">
      <c r="B90">
        <f t="shared" si="19"/>
        <v>3</v>
      </c>
      <c r="C90" s="16">
        <v>56</v>
      </c>
      <c r="D90" cm="1">
        <f t="array" ref="D90">IFERROR(INDEX(Jesper!AH$2:AH$366,ROUNDDOWN($C90/24,0)+1,1)*INDEX($D$3:$AA$30,INDEX(Jesper!$R$2:$R$366,ROW(INDEX(Jesper!AH$2:AH$366,ROUNDDOWN($C90/24,0)+1,1))-1)+IF('Standard Profiles'!$G$18=$B$10,7,0)+IF('Standard Profiles'!$G$18=$B$17,14,0)+IF('Standard Profiles'!$G$18=$B$24,21,0),MOD($C90,24)+1)/SUM(INDEX($D$3:$AA$30,INDEX(Jesper!$R$2:$R$366,ROW(INDEX(Jesper!AH$2:AH$366,ROUNDDOWN($C90/24,0)+1,1))-1)+IF('Standard Profiles'!$G$18=$B$10,7,0)+IF('Standard Profiles'!$G$18=$B$17,14,0)+IF('Standard Profiles'!$G$18=$B$24,21,0),0)),0)</f>
        <v>12.246952598821775</v>
      </c>
      <c r="E90" cm="1">
        <f t="array" ref="E90">IFERROR(INDEX(Jesper!AI$2:AI$366,ROUNDDOWN($C90/24,0)+1,1)*INDEX($D$3:$AA$30,INDEX(Jesper!$R$2:$R$366,ROW(INDEX(Jesper!AI$2:AI$366,ROUNDDOWN($C90/24,0)+1,1))-1)+IF('Standard Profiles'!$G$19=$B$10,7,0)+IF('Standard Profiles'!$G$19=$B$17,14,0)+IF('Standard Profiles'!$G$19=$B$24,21,0),MOD($C90,24)+1)/SUM(INDEX($D$3:$AA$30,INDEX(Jesper!$R$2:$R$366,ROW(INDEX(Jesper!AI$2:AI$366,ROUNDDOWN($C90/24,0)+1,1))-1)+IF('Standard Profiles'!$G$19=$B$10,7,0)+IF('Standard Profiles'!$G$19=$B$17,14,0)+IF('Standard Profiles'!$G$19=$B$24,21,0),0)),0)</f>
        <v>0</v>
      </c>
      <c r="F90" cm="1">
        <f t="array" ref="F90">IFERROR(INDEX(Jesper!AJ$2:AJ$366,ROUNDDOWN($C90/24,0)+1,1)*INDEX($D$3:$AA$30,INDEX(Jesper!$R$2:$R$366,ROW(INDEX(Jesper!AJ$2:AJ$366,ROUNDDOWN($C90/24,0)+1,1))-1)+IF('Standard Profiles'!$G$20=$B$10,7,0)+IF('Standard Profiles'!$G$20=$B$17,14,0)+IF('Standard Profiles'!$G$20=$B$24,21,0),MOD($C90,24)+1)/SUM(INDEX($D$3:$AA$30,INDEX(Jesper!$R$2:$R$366,ROW(INDEX(Jesper!AJ$2:AJ$366,ROUNDDOWN($C90/24,0)+1,1))-1)+IF('Standard Profiles'!$G$20=$B$10,7,0)+IF('Standard Profiles'!$G$20=$B$17,14,0)+IF('Standard Profiles'!$G$20=$B$24,21,0),0)),0)</f>
        <v>0</v>
      </c>
      <c r="G90" cm="1">
        <f t="array" ref="G90">IFERROR(INDEX(Jesper!AK$2:AK$366,ROUNDDOWN($C90/24,0)+1,1)*INDEX($D$3:$AA$30,INDEX(Jesper!$R$2:$R$366,ROW(INDEX(Jesper!AK$2:AK$366,ROUNDDOWN($C90/24,0)+1,1))-1)+IF('Standard Profiles'!$G$21=$B$10,7,0)+IF('Standard Profiles'!$G$21=$B$17,14,0)+IF('Standard Profiles'!$G$21=$B$24,21,0),MOD($C90,24)+1)/SUM(INDEX($D$3:$AA$30,INDEX(Jesper!$R$2:$R$366,ROW(INDEX(Jesper!AK$2:AK$366,ROUNDDOWN($C90/24,0)+1,1))-1)+IF('Standard Profiles'!$G$21=$B$10,7,0)+IF('Standard Profiles'!$G$21=$B$17,14,0)+IF('Standard Profiles'!$G$21=$B$24,21,0),0)),0)</f>
        <v>0</v>
      </c>
      <c r="H90" cm="1">
        <f t="array" ref="H90">IFERROR(INDEX(Jesper!AL$2:AL$366,ROUNDDOWN($C90/24,0)+1,1)*INDEX($D$3:$AA$30,INDEX(Jesper!$R$2:$R$366,ROW(INDEX(Jesper!AL$2:AL$366,ROUNDDOWN($C90/24,0)+1,1))-1)+IF('Standard Profiles'!$G$22=$B$10,7,0)+IF('Standard Profiles'!$G$22=$B$17,14,0)+IF('Standard Profiles'!$G$22=$B$24,21,0),MOD($C90,24)+1)/SUM(INDEX($D$3:$AA$30,INDEX(Jesper!$R$2:$R$366,ROW(INDEX(Jesper!AL$2:AL$366,ROUNDDOWN($C90/24,0)+1,1))-1)+IF('Standard Profiles'!$G$22=$B$10,7,0)+IF('Standard Profiles'!$G$22=$B$17,14,0)+IF('Standard Profiles'!$G$22=$B$24,21,0),0)),0)</f>
        <v>0</v>
      </c>
      <c r="I90">
        <f t="shared" si="20"/>
        <v>0.3674085779646532</v>
      </c>
      <c r="J90">
        <f t="shared" si="21"/>
        <v>1.2246952598821776</v>
      </c>
      <c r="K90">
        <f t="shared" si="22"/>
        <v>1.837042889823266</v>
      </c>
      <c r="L90">
        <f t="shared" si="23"/>
        <v>8.8178058711516769</v>
      </c>
      <c r="M90">
        <f t="shared" si="24"/>
        <v>0</v>
      </c>
      <c r="N90" s="46">
        <f t="shared" si="25"/>
        <v>45294.333333333198</v>
      </c>
      <c r="O90">
        <v>0.38148659439017124</v>
      </c>
      <c r="P90">
        <v>1.2716219813005709</v>
      </c>
      <c r="Q90">
        <v>1.907432971950856</v>
      </c>
      <c r="R90">
        <v>9.1556782653641093</v>
      </c>
      <c r="S90">
        <v>0</v>
      </c>
      <c r="T90" s="46">
        <v>45637.333333313232</v>
      </c>
    </row>
    <row r="91" spans="2:21" x14ac:dyDescent="0.3">
      <c r="B91">
        <f t="shared" si="19"/>
        <v>3</v>
      </c>
      <c r="C91" s="16">
        <v>57</v>
      </c>
      <c r="D91" cm="1">
        <f t="array" ref="D91">IFERROR(INDEX(Jesper!AH$2:AH$366,ROUNDDOWN($C91/24,0)+1,1)*INDEX($D$3:$AA$30,INDEX(Jesper!$R$2:$R$366,ROW(INDEX(Jesper!AH$2:AH$366,ROUNDDOWN($C91/24,0)+1,1))-1)+IF('Standard Profiles'!$G$18=$B$10,7,0)+IF('Standard Profiles'!$G$18=$B$17,14,0)+IF('Standard Profiles'!$G$18=$B$24,21,0),MOD($C91,24)+1)/SUM(INDEX($D$3:$AA$30,INDEX(Jesper!$R$2:$R$366,ROW(INDEX(Jesper!AH$2:AH$366,ROUNDDOWN($C91/24,0)+1,1))-1)+IF('Standard Profiles'!$G$18=$B$10,7,0)+IF('Standard Profiles'!$G$18=$B$17,14,0)+IF('Standard Profiles'!$G$18=$B$24,21,0),0)),0)</f>
        <v>13.160904285301012</v>
      </c>
      <c r="E91" cm="1">
        <f t="array" ref="E91">IFERROR(INDEX(Jesper!AI$2:AI$366,ROUNDDOWN($C91/24,0)+1,1)*INDEX($D$3:$AA$30,INDEX(Jesper!$R$2:$R$366,ROW(INDEX(Jesper!AI$2:AI$366,ROUNDDOWN($C91/24,0)+1,1))-1)+IF('Standard Profiles'!$G$19=$B$10,7,0)+IF('Standard Profiles'!$G$19=$B$17,14,0)+IF('Standard Profiles'!$G$19=$B$24,21,0),MOD($C91,24)+1)/SUM(INDEX($D$3:$AA$30,INDEX(Jesper!$R$2:$R$366,ROW(INDEX(Jesper!AI$2:AI$366,ROUNDDOWN($C91/24,0)+1,1))-1)+IF('Standard Profiles'!$G$19=$B$10,7,0)+IF('Standard Profiles'!$G$19=$B$17,14,0)+IF('Standard Profiles'!$G$19=$B$24,21,0),0)),0)</f>
        <v>0</v>
      </c>
      <c r="F91" cm="1">
        <f t="array" ref="F91">IFERROR(INDEX(Jesper!AJ$2:AJ$366,ROUNDDOWN($C91/24,0)+1,1)*INDEX($D$3:$AA$30,INDEX(Jesper!$R$2:$R$366,ROW(INDEX(Jesper!AJ$2:AJ$366,ROUNDDOWN($C91/24,0)+1,1))-1)+IF('Standard Profiles'!$G$20=$B$10,7,0)+IF('Standard Profiles'!$G$20=$B$17,14,0)+IF('Standard Profiles'!$G$20=$B$24,21,0),MOD($C91,24)+1)/SUM(INDEX($D$3:$AA$30,INDEX(Jesper!$R$2:$R$366,ROW(INDEX(Jesper!AJ$2:AJ$366,ROUNDDOWN($C91/24,0)+1,1))-1)+IF('Standard Profiles'!$G$20=$B$10,7,0)+IF('Standard Profiles'!$G$20=$B$17,14,0)+IF('Standard Profiles'!$G$20=$B$24,21,0),0)),0)</f>
        <v>0</v>
      </c>
      <c r="G91" cm="1">
        <f t="array" ref="G91">IFERROR(INDEX(Jesper!AK$2:AK$366,ROUNDDOWN($C91/24,0)+1,1)*INDEX($D$3:$AA$30,INDEX(Jesper!$R$2:$R$366,ROW(INDEX(Jesper!AK$2:AK$366,ROUNDDOWN($C91/24,0)+1,1))-1)+IF('Standard Profiles'!$G$21=$B$10,7,0)+IF('Standard Profiles'!$G$21=$B$17,14,0)+IF('Standard Profiles'!$G$21=$B$24,21,0),MOD($C91,24)+1)/SUM(INDEX($D$3:$AA$30,INDEX(Jesper!$R$2:$R$366,ROW(INDEX(Jesper!AK$2:AK$366,ROUNDDOWN($C91/24,0)+1,1))-1)+IF('Standard Profiles'!$G$21=$B$10,7,0)+IF('Standard Profiles'!$G$21=$B$17,14,0)+IF('Standard Profiles'!$G$21=$B$24,21,0),0)),0)</f>
        <v>0</v>
      </c>
      <c r="H91" cm="1">
        <f t="array" ref="H91">IFERROR(INDEX(Jesper!AL$2:AL$366,ROUNDDOWN($C91/24,0)+1,1)*INDEX($D$3:$AA$30,INDEX(Jesper!$R$2:$R$366,ROW(INDEX(Jesper!AL$2:AL$366,ROUNDDOWN($C91/24,0)+1,1))-1)+IF('Standard Profiles'!$G$22=$B$10,7,0)+IF('Standard Profiles'!$G$22=$B$17,14,0)+IF('Standard Profiles'!$G$22=$B$24,21,0),MOD($C91,24)+1)/SUM(INDEX($D$3:$AA$30,INDEX(Jesper!$R$2:$R$366,ROW(INDEX(Jesper!AL$2:AL$366,ROUNDDOWN($C91/24,0)+1,1))-1)+IF('Standard Profiles'!$G$22=$B$10,7,0)+IF('Standard Profiles'!$G$22=$B$17,14,0)+IF('Standard Profiles'!$G$22=$B$24,21,0),0)),0)</f>
        <v>0</v>
      </c>
      <c r="I91">
        <f t="shared" si="20"/>
        <v>0.39482712855903035</v>
      </c>
      <c r="J91">
        <f t="shared" si="21"/>
        <v>1.3160904285301012</v>
      </c>
      <c r="K91">
        <f t="shared" si="22"/>
        <v>1.9741356427951517</v>
      </c>
      <c r="L91">
        <f t="shared" si="23"/>
        <v>9.4758510854167284</v>
      </c>
      <c r="M91">
        <f t="shared" si="24"/>
        <v>0</v>
      </c>
      <c r="N91" s="46">
        <f t="shared" si="25"/>
        <v>45294.374999999862</v>
      </c>
      <c r="O91">
        <v>0.40995574322525857</v>
      </c>
      <c r="P91">
        <v>1.3665191440841955</v>
      </c>
      <c r="Q91">
        <v>2.0497787161262928</v>
      </c>
      <c r="R91">
        <v>9.8389378374062062</v>
      </c>
      <c r="S91">
        <v>0</v>
      </c>
      <c r="T91" s="46">
        <v>45637.374999979897</v>
      </c>
    </row>
    <row r="92" spans="2:21" x14ac:dyDescent="0.3">
      <c r="B92">
        <f t="shared" si="19"/>
        <v>3</v>
      </c>
      <c r="C92" s="16">
        <v>58</v>
      </c>
      <c r="D92" cm="1">
        <f t="array" ref="D92">IFERROR(INDEX(Jesper!AH$2:AH$366,ROUNDDOWN($C92/24,0)+1,1)*INDEX($D$3:$AA$30,INDEX(Jesper!$R$2:$R$366,ROW(INDEX(Jesper!AH$2:AH$366,ROUNDDOWN($C92/24,0)+1,1))-1)+IF('Standard Profiles'!$G$18=$B$10,7,0)+IF('Standard Profiles'!$G$18=$B$17,14,0)+IF('Standard Profiles'!$G$18=$B$24,21,0),MOD($C92,24)+1)/SUM(INDEX($D$3:$AA$30,INDEX(Jesper!$R$2:$R$366,ROW(INDEX(Jesper!AH$2:AH$366,ROUNDDOWN($C92/24,0)+1,1))-1)+IF('Standard Profiles'!$G$18=$B$10,7,0)+IF('Standard Profiles'!$G$18=$B$17,14,0)+IF('Standard Profiles'!$G$18=$B$24,21,0),0)),0)</f>
        <v>14.257646309076094</v>
      </c>
      <c r="E92" cm="1">
        <f t="array" ref="E92">IFERROR(INDEX(Jesper!AI$2:AI$366,ROUNDDOWN($C92/24,0)+1,1)*INDEX($D$3:$AA$30,INDEX(Jesper!$R$2:$R$366,ROW(INDEX(Jesper!AI$2:AI$366,ROUNDDOWN($C92/24,0)+1,1))-1)+IF('Standard Profiles'!$G$19=$B$10,7,0)+IF('Standard Profiles'!$G$19=$B$17,14,0)+IF('Standard Profiles'!$G$19=$B$24,21,0),MOD($C92,24)+1)/SUM(INDEX($D$3:$AA$30,INDEX(Jesper!$R$2:$R$366,ROW(INDEX(Jesper!AI$2:AI$366,ROUNDDOWN($C92/24,0)+1,1))-1)+IF('Standard Profiles'!$G$19=$B$10,7,0)+IF('Standard Profiles'!$G$19=$B$17,14,0)+IF('Standard Profiles'!$G$19=$B$24,21,0),0)),0)</f>
        <v>0</v>
      </c>
      <c r="F92" cm="1">
        <f t="array" ref="F92">IFERROR(INDEX(Jesper!AJ$2:AJ$366,ROUNDDOWN($C92/24,0)+1,1)*INDEX($D$3:$AA$30,INDEX(Jesper!$R$2:$R$366,ROW(INDEX(Jesper!AJ$2:AJ$366,ROUNDDOWN($C92/24,0)+1,1))-1)+IF('Standard Profiles'!$G$20=$B$10,7,0)+IF('Standard Profiles'!$G$20=$B$17,14,0)+IF('Standard Profiles'!$G$20=$B$24,21,0),MOD($C92,24)+1)/SUM(INDEX($D$3:$AA$30,INDEX(Jesper!$R$2:$R$366,ROW(INDEX(Jesper!AJ$2:AJ$366,ROUNDDOWN($C92/24,0)+1,1))-1)+IF('Standard Profiles'!$G$20=$B$10,7,0)+IF('Standard Profiles'!$G$20=$B$17,14,0)+IF('Standard Profiles'!$G$20=$B$24,21,0),0)),0)</f>
        <v>0</v>
      </c>
      <c r="G92" cm="1">
        <f t="array" ref="G92">IFERROR(INDEX(Jesper!AK$2:AK$366,ROUNDDOWN($C92/24,0)+1,1)*INDEX($D$3:$AA$30,INDEX(Jesper!$R$2:$R$366,ROW(INDEX(Jesper!AK$2:AK$366,ROUNDDOWN($C92/24,0)+1,1))-1)+IF('Standard Profiles'!$G$21=$B$10,7,0)+IF('Standard Profiles'!$G$21=$B$17,14,0)+IF('Standard Profiles'!$G$21=$B$24,21,0),MOD($C92,24)+1)/SUM(INDEX($D$3:$AA$30,INDEX(Jesper!$R$2:$R$366,ROW(INDEX(Jesper!AK$2:AK$366,ROUNDDOWN($C92/24,0)+1,1))-1)+IF('Standard Profiles'!$G$21=$B$10,7,0)+IF('Standard Profiles'!$G$21=$B$17,14,0)+IF('Standard Profiles'!$G$21=$B$24,21,0),0)),0)</f>
        <v>0</v>
      </c>
      <c r="H92" cm="1">
        <f t="array" ref="H92">IFERROR(INDEX(Jesper!AL$2:AL$366,ROUNDDOWN($C92/24,0)+1,1)*INDEX($D$3:$AA$30,INDEX(Jesper!$R$2:$R$366,ROW(INDEX(Jesper!AL$2:AL$366,ROUNDDOWN($C92/24,0)+1,1))-1)+IF('Standard Profiles'!$G$22=$B$10,7,0)+IF('Standard Profiles'!$G$22=$B$17,14,0)+IF('Standard Profiles'!$G$22=$B$24,21,0),MOD($C92,24)+1)/SUM(INDEX($D$3:$AA$30,INDEX(Jesper!$R$2:$R$366,ROW(INDEX(Jesper!AL$2:AL$366,ROUNDDOWN($C92/24,0)+1,1))-1)+IF('Standard Profiles'!$G$22=$B$10,7,0)+IF('Standard Profiles'!$G$22=$B$17,14,0)+IF('Standard Profiles'!$G$22=$B$24,21,0),0)),0)</f>
        <v>0</v>
      </c>
      <c r="I92">
        <f t="shared" si="20"/>
        <v>0.42772938927228282</v>
      </c>
      <c r="J92">
        <f t="shared" si="21"/>
        <v>1.4257646309076095</v>
      </c>
      <c r="K92">
        <f t="shared" si="22"/>
        <v>2.1386469463614142</v>
      </c>
      <c r="L92">
        <f t="shared" si="23"/>
        <v>10.265505342534787</v>
      </c>
      <c r="M92">
        <f t="shared" si="24"/>
        <v>0</v>
      </c>
      <c r="N92" s="46">
        <f t="shared" si="25"/>
        <v>45294.416666666526</v>
      </c>
      <c r="O92">
        <v>0.44411872182736345</v>
      </c>
      <c r="P92">
        <v>1.4803957394245451</v>
      </c>
      <c r="Q92">
        <v>2.2205936091368175</v>
      </c>
      <c r="R92">
        <v>10.658849323856723</v>
      </c>
      <c r="S92">
        <v>0</v>
      </c>
      <c r="T92" s="46">
        <v>45637.416666646561</v>
      </c>
    </row>
    <row r="93" spans="2:21" x14ac:dyDescent="0.3">
      <c r="B93">
        <f t="shared" si="19"/>
        <v>3</v>
      </c>
      <c r="C93" s="16">
        <v>59</v>
      </c>
      <c r="D93" cm="1">
        <f t="array" ref="D93">IFERROR(INDEX(Jesper!AH$2:AH$366,ROUNDDOWN($C93/24,0)+1,1)*INDEX($D$3:$AA$30,INDEX(Jesper!$R$2:$R$366,ROW(INDEX(Jesper!AH$2:AH$366,ROUNDDOWN($C93/24,0)+1,1))-1)+IF('Standard Profiles'!$G$18=$B$10,7,0)+IF('Standard Profiles'!$G$18=$B$17,14,0)+IF('Standard Profiles'!$G$18=$B$24,21,0),MOD($C93,24)+1)/SUM(INDEX($D$3:$AA$30,INDEX(Jesper!$R$2:$R$366,ROW(INDEX(Jesper!AH$2:AH$366,ROUNDDOWN($C93/24,0)+1,1))-1)+IF('Standard Profiles'!$G$18=$B$10,7,0)+IF('Standard Profiles'!$G$18=$B$17,14,0)+IF('Standard Profiles'!$G$18=$B$24,21,0),0)),0)</f>
        <v>16.451130356626262</v>
      </c>
      <c r="E93" cm="1">
        <f t="array" ref="E93">IFERROR(INDEX(Jesper!AI$2:AI$366,ROUNDDOWN($C93/24,0)+1,1)*INDEX($D$3:$AA$30,INDEX(Jesper!$R$2:$R$366,ROW(INDEX(Jesper!AI$2:AI$366,ROUNDDOWN($C93/24,0)+1,1))-1)+IF('Standard Profiles'!$G$19=$B$10,7,0)+IF('Standard Profiles'!$G$19=$B$17,14,0)+IF('Standard Profiles'!$G$19=$B$24,21,0),MOD($C93,24)+1)/SUM(INDEX($D$3:$AA$30,INDEX(Jesper!$R$2:$R$366,ROW(INDEX(Jesper!AI$2:AI$366,ROUNDDOWN($C93/24,0)+1,1))-1)+IF('Standard Profiles'!$G$19=$B$10,7,0)+IF('Standard Profiles'!$G$19=$B$17,14,0)+IF('Standard Profiles'!$G$19=$B$24,21,0),0)),0)</f>
        <v>0</v>
      </c>
      <c r="F93" cm="1">
        <f t="array" ref="F93">IFERROR(INDEX(Jesper!AJ$2:AJ$366,ROUNDDOWN($C93/24,0)+1,1)*INDEX($D$3:$AA$30,INDEX(Jesper!$R$2:$R$366,ROW(INDEX(Jesper!AJ$2:AJ$366,ROUNDDOWN($C93/24,0)+1,1))-1)+IF('Standard Profiles'!$G$20=$B$10,7,0)+IF('Standard Profiles'!$G$20=$B$17,14,0)+IF('Standard Profiles'!$G$20=$B$24,21,0),MOD($C93,24)+1)/SUM(INDEX($D$3:$AA$30,INDEX(Jesper!$R$2:$R$366,ROW(INDEX(Jesper!AJ$2:AJ$366,ROUNDDOWN($C93/24,0)+1,1))-1)+IF('Standard Profiles'!$G$20=$B$10,7,0)+IF('Standard Profiles'!$G$20=$B$17,14,0)+IF('Standard Profiles'!$G$20=$B$24,21,0),0)),0)</f>
        <v>0</v>
      </c>
      <c r="G93" cm="1">
        <f t="array" ref="G93">IFERROR(INDEX(Jesper!AK$2:AK$366,ROUNDDOWN($C93/24,0)+1,1)*INDEX($D$3:$AA$30,INDEX(Jesper!$R$2:$R$366,ROW(INDEX(Jesper!AK$2:AK$366,ROUNDDOWN($C93/24,0)+1,1))-1)+IF('Standard Profiles'!$G$21=$B$10,7,0)+IF('Standard Profiles'!$G$21=$B$17,14,0)+IF('Standard Profiles'!$G$21=$B$24,21,0),MOD($C93,24)+1)/SUM(INDEX($D$3:$AA$30,INDEX(Jesper!$R$2:$R$366,ROW(INDEX(Jesper!AK$2:AK$366,ROUNDDOWN($C93/24,0)+1,1))-1)+IF('Standard Profiles'!$G$21=$B$10,7,0)+IF('Standard Profiles'!$G$21=$B$17,14,0)+IF('Standard Profiles'!$G$21=$B$24,21,0),0)),0)</f>
        <v>0</v>
      </c>
      <c r="H93" cm="1">
        <f t="array" ref="H93">IFERROR(INDEX(Jesper!AL$2:AL$366,ROUNDDOWN($C93/24,0)+1,1)*INDEX($D$3:$AA$30,INDEX(Jesper!$R$2:$R$366,ROW(INDEX(Jesper!AL$2:AL$366,ROUNDDOWN($C93/24,0)+1,1))-1)+IF('Standard Profiles'!$G$22=$B$10,7,0)+IF('Standard Profiles'!$G$22=$B$17,14,0)+IF('Standard Profiles'!$G$22=$B$24,21,0),MOD($C93,24)+1)/SUM(INDEX($D$3:$AA$30,INDEX(Jesper!$R$2:$R$366,ROW(INDEX(Jesper!AL$2:AL$366,ROUNDDOWN($C93/24,0)+1,1))-1)+IF('Standard Profiles'!$G$22=$B$10,7,0)+IF('Standard Profiles'!$G$22=$B$17,14,0)+IF('Standard Profiles'!$G$22=$B$24,21,0),0)),0)</f>
        <v>0</v>
      </c>
      <c r="I93">
        <f t="shared" si="20"/>
        <v>0.49353391069878783</v>
      </c>
      <c r="J93">
        <f t="shared" si="21"/>
        <v>1.6451130356626262</v>
      </c>
      <c r="K93">
        <f t="shared" si="22"/>
        <v>2.467669553493939</v>
      </c>
      <c r="L93">
        <f t="shared" si="23"/>
        <v>11.844813856770909</v>
      </c>
      <c r="M93">
        <f t="shared" si="24"/>
        <v>0</v>
      </c>
      <c r="N93" s="46">
        <f t="shared" si="25"/>
        <v>45294.45833333319</v>
      </c>
      <c r="O93">
        <v>0.51244467903157331</v>
      </c>
      <c r="P93">
        <v>1.7081489301052444</v>
      </c>
      <c r="Q93">
        <v>2.5622233951578663</v>
      </c>
      <c r="R93">
        <v>12.298672296757758</v>
      </c>
      <c r="S93">
        <v>0</v>
      </c>
      <c r="T93" s="46">
        <v>45637.458333313225</v>
      </c>
      <c r="U93" t="str">
        <f>CHOOSE(WEEKDAY(T93,2),"Monday","Tuesday","Wednesday","Thursday","Friday","Saturday","Sunday")</f>
        <v>Wednesday</v>
      </c>
    </row>
    <row r="94" spans="2:21" x14ac:dyDescent="0.3">
      <c r="B94">
        <f t="shared" si="19"/>
        <v>3</v>
      </c>
      <c r="C94" s="16">
        <v>60</v>
      </c>
      <c r="D94" cm="1">
        <f t="array" ref="D94">IFERROR(INDEX(Jesper!AH$2:AH$366,ROUNDDOWN($C94/24,0)+1,1)*INDEX($D$3:$AA$30,INDEX(Jesper!$R$2:$R$366,ROW(INDEX(Jesper!AH$2:AH$366,ROUNDDOWN($C94/24,0)+1,1))-1)+IF('Standard Profiles'!$G$18=$B$10,7,0)+IF('Standard Profiles'!$G$18=$B$17,14,0)+IF('Standard Profiles'!$G$18=$B$24,21,0),MOD($C94,24)+1)/SUM(INDEX($D$3:$AA$30,INDEX(Jesper!$R$2:$R$366,ROW(INDEX(Jesper!AH$2:AH$366,ROUNDDOWN($C94/24,0)+1,1))-1)+IF('Standard Profiles'!$G$18=$B$10,7,0)+IF('Standard Profiles'!$G$18=$B$17,14,0)+IF('Standard Profiles'!$G$18=$B$24,21,0),0)),0)</f>
        <v>16.451130356626262</v>
      </c>
      <c r="E94" cm="1">
        <f t="array" ref="E94">IFERROR(INDEX(Jesper!AI$2:AI$366,ROUNDDOWN($C94/24,0)+1,1)*INDEX($D$3:$AA$30,INDEX(Jesper!$R$2:$R$366,ROW(INDEX(Jesper!AI$2:AI$366,ROUNDDOWN($C94/24,0)+1,1))-1)+IF('Standard Profiles'!$G$19=$B$10,7,0)+IF('Standard Profiles'!$G$19=$B$17,14,0)+IF('Standard Profiles'!$G$19=$B$24,21,0),MOD($C94,24)+1)/SUM(INDEX($D$3:$AA$30,INDEX(Jesper!$R$2:$R$366,ROW(INDEX(Jesper!AI$2:AI$366,ROUNDDOWN($C94/24,0)+1,1))-1)+IF('Standard Profiles'!$G$19=$B$10,7,0)+IF('Standard Profiles'!$G$19=$B$17,14,0)+IF('Standard Profiles'!$G$19=$B$24,21,0),0)),0)</f>
        <v>0</v>
      </c>
      <c r="F94" cm="1">
        <f t="array" ref="F94">IFERROR(INDEX(Jesper!AJ$2:AJ$366,ROUNDDOWN($C94/24,0)+1,1)*INDEX($D$3:$AA$30,INDEX(Jesper!$R$2:$R$366,ROW(INDEX(Jesper!AJ$2:AJ$366,ROUNDDOWN($C94/24,0)+1,1))-1)+IF('Standard Profiles'!$G$20=$B$10,7,0)+IF('Standard Profiles'!$G$20=$B$17,14,0)+IF('Standard Profiles'!$G$20=$B$24,21,0),MOD($C94,24)+1)/SUM(INDEX($D$3:$AA$30,INDEX(Jesper!$R$2:$R$366,ROW(INDEX(Jesper!AJ$2:AJ$366,ROUNDDOWN($C94/24,0)+1,1))-1)+IF('Standard Profiles'!$G$20=$B$10,7,0)+IF('Standard Profiles'!$G$20=$B$17,14,0)+IF('Standard Profiles'!$G$20=$B$24,21,0),0)),0)</f>
        <v>0</v>
      </c>
      <c r="G94" cm="1">
        <f t="array" ref="G94">IFERROR(INDEX(Jesper!AK$2:AK$366,ROUNDDOWN($C94/24,0)+1,1)*INDEX($D$3:$AA$30,INDEX(Jesper!$R$2:$R$366,ROW(INDEX(Jesper!AK$2:AK$366,ROUNDDOWN($C94/24,0)+1,1))-1)+IF('Standard Profiles'!$G$21=$B$10,7,0)+IF('Standard Profiles'!$G$21=$B$17,14,0)+IF('Standard Profiles'!$G$21=$B$24,21,0),MOD($C94,24)+1)/SUM(INDEX($D$3:$AA$30,INDEX(Jesper!$R$2:$R$366,ROW(INDEX(Jesper!AK$2:AK$366,ROUNDDOWN($C94/24,0)+1,1))-1)+IF('Standard Profiles'!$G$21=$B$10,7,0)+IF('Standard Profiles'!$G$21=$B$17,14,0)+IF('Standard Profiles'!$G$21=$B$24,21,0),0)),0)</f>
        <v>0</v>
      </c>
      <c r="H94" cm="1">
        <f t="array" ref="H94">IFERROR(INDEX(Jesper!AL$2:AL$366,ROUNDDOWN($C94/24,0)+1,1)*INDEX($D$3:$AA$30,INDEX(Jesper!$R$2:$R$366,ROW(INDEX(Jesper!AL$2:AL$366,ROUNDDOWN($C94/24,0)+1,1))-1)+IF('Standard Profiles'!$G$22=$B$10,7,0)+IF('Standard Profiles'!$G$22=$B$17,14,0)+IF('Standard Profiles'!$G$22=$B$24,21,0),MOD($C94,24)+1)/SUM(INDEX($D$3:$AA$30,INDEX(Jesper!$R$2:$R$366,ROW(INDEX(Jesper!AL$2:AL$366,ROUNDDOWN($C94/24,0)+1,1))-1)+IF('Standard Profiles'!$G$22=$B$10,7,0)+IF('Standard Profiles'!$G$22=$B$17,14,0)+IF('Standard Profiles'!$G$22=$B$24,21,0),0)),0)</f>
        <v>0</v>
      </c>
      <c r="I94">
        <f t="shared" si="20"/>
        <v>0.49353391069878783</v>
      </c>
      <c r="J94">
        <f t="shared" si="21"/>
        <v>1.6451130356626262</v>
      </c>
      <c r="K94">
        <f t="shared" si="22"/>
        <v>2.467669553493939</v>
      </c>
      <c r="L94">
        <f t="shared" si="23"/>
        <v>11.844813856770909</v>
      </c>
      <c r="M94">
        <f t="shared" si="24"/>
        <v>0</v>
      </c>
      <c r="N94" s="46">
        <f t="shared" si="25"/>
        <v>45294.499999999854</v>
      </c>
      <c r="O94">
        <v>0.51244467903157331</v>
      </c>
      <c r="P94">
        <v>1.7081489301052444</v>
      </c>
      <c r="Q94">
        <v>2.5622233951578663</v>
      </c>
      <c r="R94">
        <v>12.298672296757758</v>
      </c>
      <c r="S94">
        <v>0</v>
      </c>
      <c r="T94" s="46">
        <v>45637.499999979889</v>
      </c>
    </row>
    <row r="95" spans="2:21" x14ac:dyDescent="0.3">
      <c r="B95">
        <f t="shared" si="19"/>
        <v>3</v>
      </c>
      <c r="C95" s="16">
        <v>61</v>
      </c>
      <c r="D95" cm="1">
        <f t="array" ref="D95">IFERROR(INDEX(Jesper!AH$2:AH$366,ROUNDDOWN($C95/24,0)+1,1)*INDEX($D$3:$AA$30,INDEX(Jesper!$R$2:$R$366,ROW(INDEX(Jesper!AH$2:AH$366,ROUNDDOWN($C95/24,0)+1,1))-1)+IF('Standard Profiles'!$G$18=$B$10,7,0)+IF('Standard Profiles'!$G$18=$B$17,14,0)+IF('Standard Profiles'!$G$18=$B$24,21,0),MOD($C95,24)+1)/SUM(INDEX($D$3:$AA$30,INDEX(Jesper!$R$2:$R$366,ROW(INDEX(Jesper!AH$2:AH$366,ROUNDDOWN($C95/24,0)+1,1))-1)+IF('Standard Profiles'!$G$18=$B$10,7,0)+IF('Standard Profiles'!$G$18=$B$17,14,0)+IF('Standard Profiles'!$G$18=$B$24,21,0),0)),0)</f>
        <v>16.451130356626262</v>
      </c>
      <c r="E95" cm="1">
        <f t="array" ref="E95">IFERROR(INDEX(Jesper!AI$2:AI$366,ROUNDDOWN($C95/24,0)+1,1)*INDEX($D$3:$AA$30,INDEX(Jesper!$R$2:$R$366,ROW(INDEX(Jesper!AI$2:AI$366,ROUNDDOWN($C95/24,0)+1,1))-1)+IF('Standard Profiles'!$G$19=$B$10,7,0)+IF('Standard Profiles'!$G$19=$B$17,14,0)+IF('Standard Profiles'!$G$19=$B$24,21,0),MOD($C95,24)+1)/SUM(INDEX($D$3:$AA$30,INDEX(Jesper!$R$2:$R$366,ROW(INDEX(Jesper!AI$2:AI$366,ROUNDDOWN($C95/24,0)+1,1))-1)+IF('Standard Profiles'!$G$19=$B$10,7,0)+IF('Standard Profiles'!$G$19=$B$17,14,0)+IF('Standard Profiles'!$G$19=$B$24,21,0),0)),0)</f>
        <v>0</v>
      </c>
      <c r="F95" cm="1">
        <f t="array" ref="F95">IFERROR(INDEX(Jesper!AJ$2:AJ$366,ROUNDDOWN($C95/24,0)+1,1)*INDEX($D$3:$AA$30,INDEX(Jesper!$R$2:$R$366,ROW(INDEX(Jesper!AJ$2:AJ$366,ROUNDDOWN($C95/24,0)+1,1))-1)+IF('Standard Profiles'!$G$20=$B$10,7,0)+IF('Standard Profiles'!$G$20=$B$17,14,0)+IF('Standard Profiles'!$G$20=$B$24,21,0),MOD($C95,24)+1)/SUM(INDEX($D$3:$AA$30,INDEX(Jesper!$R$2:$R$366,ROW(INDEX(Jesper!AJ$2:AJ$366,ROUNDDOWN($C95/24,0)+1,1))-1)+IF('Standard Profiles'!$G$20=$B$10,7,0)+IF('Standard Profiles'!$G$20=$B$17,14,0)+IF('Standard Profiles'!$G$20=$B$24,21,0),0)),0)</f>
        <v>0</v>
      </c>
      <c r="G95" cm="1">
        <f t="array" ref="G95">IFERROR(INDEX(Jesper!AK$2:AK$366,ROUNDDOWN($C95/24,0)+1,1)*INDEX($D$3:$AA$30,INDEX(Jesper!$R$2:$R$366,ROW(INDEX(Jesper!AK$2:AK$366,ROUNDDOWN($C95/24,0)+1,1))-1)+IF('Standard Profiles'!$G$21=$B$10,7,0)+IF('Standard Profiles'!$G$21=$B$17,14,0)+IF('Standard Profiles'!$G$21=$B$24,21,0),MOD($C95,24)+1)/SUM(INDEX($D$3:$AA$30,INDEX(Jesper!$R$2:$R$366,ROW(INDEX(Jesper!AK$2:AK$366,ROUNDDOWN($C95/24,0)+1,1))-1)+IF('Standard Profiles'!$G$21=$B$10,7,0)+IF('Standard Profiles'!$G$21=$B$17,14,0)+IF('Standard Profiles'!$G$21=$B$24,21,0),0)),0)</f>
        <v>0</v>
      </c>
      <c r="H95" cm="1">
        <f t="array" ref="H95">IFERROR(INDEX(Jesper!AL$2:AL$366,ROUNDDOWN($C95/24,0)+1,1)*INDEX($D$3:$AA$30,INDEX(Jesper!$R$2:$R$366,ROW(INDEX(Jesper!AL$2:AL$366,ROUNDDOWN($C95/24,0)+1,1))-1)+IF('Standard Profiles'!$G$22=$B$10,7,0)+IF('Standard Profiles'!$G$22=$B$17,14,0)+IF('Standard Profiles'!$G$22=$B$24,21,0),MOD($C95,24)+1)/SUM(INDEX($D$3:$AA$30,INDEX(Jesper!$R$2:$R$366,ROW(INDEX(Jesper!AL$2:AL$366,ROUNDDOWN($C95/24,0)+1,1))-1)+IF('Standard Profiles'!$G$22=$B$10,7,0)+IF('Standard Profiles'!$G$22=$B$17,14,0)+IF('Standard Profiles'!$G$22=$B$24,21,0),0)),0)</f>
        <v>0</v>
      </c>
      <c r="I95">
        <f t="shared" si="20"/>
        <v>0.49353391069878783</v>
      </c>
      <c r="J95">
        <f t="shared" si="21"/>
        <v>1.6451130356626262</v>
      </c>
      <c r="K95">
        <f t="shared" si="22"/>
        <v>2.467669553493939</v>
      </c>
      <c r="L95">
        <f t="shared" si="23"/>
        <v>11.844813856770909</v>
      </c>
      <c r="M95">
        <f t="shared" si="24"/>
        <v>0</v>
      </c>
      <c r="N95" s="46">
        <f t="shared" si="25"/>
        <v>45294.541666666519</v>
      </c>
      <c r="O95">
        <v>0.51244467903157331</v>
      </c>
      <c r="P95">
        <v>1.7081489301052444</v>
      </c>
      <c r="Q95">
        <v>2.5622233951578663</v>
      </c>
      <c r="R95">
        <v>12.298672296757758</v>
      </c>
      <c r="S95">
        <v>0</v>
      </c>
      <c r="T95" s="46">
        <v>45637.541666646553</v>
      </c>
    </row>
    <row r="96" spans="2:21" x14ac:dyDescent="0.3">
      <c r="B96">
        <f t="shared" si="19"/>
        <v>3</v>
      </c>
      <c r="C96" s="16">
        <v>62</v>
      </c>
      <c r="D96" cm="1">
        <f t="array" ref="D96">IFERROR(INDEX(Jesper!AH$2:AH$366,ROUNDDOWN($C96/24,0)+1,1)*INDEX($D$3:$AA$30,INDEX(Jesper!$R$2:$R$366,ROW(INDEX(Jesper!AH$2:AH$366,ROUNDDOWN($C96/24,0)+1,1))-1)+IF('Standard Profiles'!$G$18=$B$10,7,0)+IF('Standard Profiles'!$G$18=$B$17,14,0)+IF('Standard Profiles'!$G$18=$B$24,21,0),MOD($C96,24)+1)/SUM(INDEX($D$3:$AA$30,INDEX(Jesper!$R$2:$R$366,ROW(INDEX(Jesper!AH$2:AH$366,ROUNDDOWN($C96/24,0)+1,1))-1)+IF('Standard Profiles'!$G$18=$B$10,7,0)+IF('Standard Profiles'!$G$18=$B$17,14,0)+IF('Standard Profiles'!$G$18=$B$24,21,0),0)),0)</f>
        <v>16.451130356626262</v>
      </c>
      <c r="E96" cm="1">
        <f t="array" ref="E96">IFERROR(INDEX(Jesper!AI$2:AI$366,ROUNDDOWN($C96/24,0)+1,1)*INDEX($D$3:$AA$30,INDEX(Jesper!$R$2:$R$366,ROW(INDEX(Jesper!AI$2:AI$366,ROUNDDOWN($C96/24,0)+1,1))-1)+IF('Standard Profiles'!$G$19=$B$10,7,0)+IF('Standard Profiles'!$G$19=$B$17,14,0)+IF('Standard Profiles'!$G$19=$B$24,21,0),MOD($C96,24)+1)/SUM(INDEX($D$3:$AA$30,INDEX(Jesper!$R$2:$R$366,ROW(INDEX(Jesper!AI$2:AI$366,ROUNDDOWN($C96/24,0)+1,1))-1)+IF('Standard Profiles'!$G$19=$B$10,7,0)+IF('Standard Profiles'!$G$19=$B$17,14,0)+IF('Standard Profiles'!$G$19=$B$24,21,0),0)),0)</f>
        <v>0</v>
      </c>
      <c r="F96" cm="1">
        <f t="array" ref="F96">IFERROR(INDEX(Jesper!AJ$2:AJ$366,ROUNDDOWN($C96/24,0)+1,1)*INDEX($D$3:$AA$30,INDEX(Jesper!$R$2:$R$366,ROW(INDEX(Jesper!AJ$2:AJ$366,ROUNDDOWN($C96/24,0)+1,1))-1)+IF('Standard Profiles'!$G$20=$B$10,7,0)+IF('Standard Profiles'!$G$20=$B$17,14,0)+IF('Standard Profiles'!$G$20=$B$24,21,0),MOD($C96,24)+1)/SUM(INDEX($D$3:$AA$30,INDEX(Jesper!$R$2:$R$366,ROW(INDEX(Jesper!AJ$2:AJ$366,ROUNDDOWN($C96/24,0)+1,1))-1)+IF('Standard Profiles'!$G$20=$B$10,7,0)+IF('Standard Profiles'!$G$20=$B$17,14,0)+IF('Standard Profiles'!$G$20=$B$24,21,0),0)),0)</f>
        <v>0</v>
      </c>
      <c r="G96" cm="1">
        <f t="array" ref="G96">IFERROR(INDEX(Jesper!AK$2:AK$366,ROUNDDOWN($C96/24,0)+1,1)*INDEX($D$3:$AA$30,INDEX(Jesper!$R$2:$R$366,ROW(INDEX(Jesper!AK$2:AK$366,ROUNDDOWN($C96/24,0)+1,1))-1)+IF('Standard Profiles'!$G$21=$B$10,7,0)+IF('Standard Profiles'!$G$21=$B$17,14,0)+IF('Standard Profiles'!$G$21=$B$24,21,0),MOD($C96,24)+1)/SUM(INDEX($D$3:$AA$30,INDEX(Jesper!$R$2:$R$366,ROW(INDEX(Jesper!AK$2:AK$366,ROUNDDOWN($C96/24,0)+1,1))-1)+IF('Standard Profiles'!$G$21=$B$10,7,0)+IF('Standard Profiles'!$G$21=$B$17,14,0)+IF('Standard Profiles'!$G$21=$B$24,21,0),0)),0)</f>
        <v>0</v>
      </c>
      <c r="H96" cm="1">
        <f t="array" ref="H96">IFERROR(INDEX(Jesper!AL$2:AL$366,ROUNDDOWN($C96/24,0)+1,1)*INDEX($D$3:$AA$30,INDEX(Jesper!$R$2:$R$366,ROW(INDEX(Jesper!AL$2:AL$366,ROUNDDOWN($C96/24,0)+1,1))-1)+IF('Standard Profiles'!$G$22=$B$10,7,0)+IF('Standard Profiles'!$G$22=$B$17,14,0)+IF('Standard Profiles'!$G$22=$B$24,21,0),MOD($C96,24)+1)/SUM(INDEX($D$3:$AA$30,INDEX(Jesper!$R$2:$R$366,ROW(INDEX(Jesper!AL$2:AL$366,ROUNDDOWN($C96/24,0)+1,1))-1)+IF('Standard Profiles'!$G$22=$B$10,7,0)+IF('Standard Profiles'!$G$22=$B$17,14,0)+IF('Standard Profiles'!$G$22=$B$24,21,0),0)),0)</f>
        <v>0</v>
      </c>
      <c r="I96">
        <f t="shared" si="20"/>
        <v>0.49353391069878783</v>
      </c>
      <c r="J96">
        <f t="shared" si="21"/>
        <v>1.6451130356626262</v>
      </c>
      <c r="K96">
        <f t="shared" si="22"/>
        <v>2.467669553493939</v>
      </c>
      <c r="L96">
        <f t="shared" si="23"/>
        <v>11.844813856770909</v>
      </c>
      <c r="M96">
        <f t="shared" si="24"/>
        <v>0</v>
      </c>
      <c r="N96" s="46">
        <f t="shared" si="25"/>
        <v>45294.583333333183</v>
      </c>
      <c r="O96">
        <v>0.51244467903157331</v>
      </c>
      <c r="P96">
        <v>1.7081489301052444</v>
      </c>
      <c r="Q96">
        <v>2.5622233951578663</v>
      </c>
      <c r="R96">
        <v>12.298672296757758</v>
      </c>
      <c r="S96">
        <v>0</v>
      </c>
      <c r="T96" s="46">
        <v>45637.583333313218</v>
      </c>
    </row>
    <row r="97" spans="2:20" x14ac:dyDescent="0.3">
      <c r="B97">
        <f t="shared" si="19"/>
        <v>3</v>
      </c>
      <c r="C97" s="16">
        <v>63</v>
      </c>
      <c r="D97" cm="1">
        <f t="array" ref="D97">IFERROR(INDEX(Jesper!AH$2:AH$366,ROUNDDOWN($C97/24,0)+1,1)*INDEX($D$3:$AA$30,INDEX(Jesper!$R$2:$R$366,ROW(INDEX(Jesper!AH$2:AH$366,ROUNDDOWN($C97/24,0)+1,1))-1)+IF('Standard Profiles'!$G$18=$B$10,7,0)+IF('Standard Profiles'!$G$18=$B$17,14,0)+IF('Standard Profiles'!$G$18=$B$24,21,0),MOD($C97,24)+1)/SUM(INDEX($D$3:$AA$30,INDEX(Jesper!$R$2:$R$366,ROW(INDEX(Jesper!AH$2:AH$366,ROUNDDOWN($C97/24,0)+1,1))-1)+IF('Standard Profiles'!$G$18=$B$10,7,0)+IF('Standard Profiles'!$G$18=$B$17,14,0)+IF('Standard Profiles'!$G$18=$B$24,21,0),0)),0)</f>
        <v>16.451130356626262</v>
      </c>
      <c r="E97" cm="1">
        <f t="array" ref="E97">IFERROR(INDEX(Jesper!AI$2:AI$366,ROUNDDOWN($C97/24,0)+1,1)*INDEX($D$3:$AA$30,INDEX(Jesper!$R$2:$R$366,ROW(INDEX(Jesper!AI$2:AI$366,ROUNDDOWN($C97/24,0)+1,1))-1)+IF('Standard Profiles'!$G$19=$B$10,7,0)+IF('Standard Profiles'!$G$19=$B$17,14,0)+IF('Standard Profiles'!$G$19=$B$24,21,0),MOD($C97,24)+1)/SUM(INDEX($D$3:$AA$30,INDEX(Jesper!$R$2:$R$366,ROW(INDEX(Jesper!AI$2:AI$366,ROUNDDOWN($C97/24,0)+1,1))-1)+IF('Standard Profiles'!$G$19=$B$10,7,0)+IF('Standard Profiles'!$G$19=$B$17,14,0)+IF('Standard Profiles'!$G$19=$B$24,21,0),0)),0)</f>
        <v>0</v>
      </c>
      <c r="F97" cm="1">
        <f t="array" ref="F97">IFERROR(INDEX(Jesper!AJ$2:AJ$366,ROUNDDOWN($C97/24,0)+1,1)*INDEX($D$3:$AA$30,INDEX(Jesper!$R$2:$R$366,ROW(INDEX(Jesper!AJ$2:AJ$366,ROUNDDOWN($C97/24,0)+1,1))-1)+IF('Standard Profiles'!$G$20=$B$10,7,0)+IF('Standard Profiles'!$G$20=$B$17,14,0)+IF('Standard Profiles'!$G$20=$B$24,21,0),MOD($C97,24)+1)/SUM(INDEX($D$3:$AA$30,INDEX(Jesper!$R$2:$R$366,ROW(INDEX(Jesper!AJ$2:AJ$366,ROUNDDOWN($C97/24,0)+1,1))-1)+IF('Standard Profiles'!$G$20=$B$10,7,0)+IF('Standard Profiles'!$G$20=$B$17,14,0)+IF('Standard Profiles'!$G$20=$B$24,21,0),0)),0)</f>
        <v>0</v>
      </c>
      <c r="G97" cm="1">
        <f t="array" ref="G97">IFERROR(INDEX(Jesper!AK$2:AK$366,ROUNDDOWN($C97/24,0)+1,1)*INDEX($D$3:$AA$30,INDEX(Jesper!$R$2:$R$366,ROW(INDEX(Jesper!AK$2:AK$366,ROUNDDOWN($C97/24,0)+1,1))-1)+IF('Standard Profiles'!$G$21=$B$10,7,0)+IF('Standard Profiles'!$G$21=$B$17,14,0)+IF('Standard Profiles'!$G$21=$B$24,21,0),MOD($C97,24)+1)/SUM(INDEX($D$3:$AA$30,INDEX(Jesper!$R$2:$R$366,ROW(INDEX(Jesper!AK$2:AK$366,ROUNDDOWN($C97/24,0)+1,1))-1)+IF('Standard Profiles'!$G$21=$B$10,7,0)+IF('Standard Profiles'!$G$21=$B$17,14,0)+IF('Standard Profiles'!$G$21=$B$24,21,0),0)),0)</f>
        <v>0</v>
      </c>
      <c r="H97" cm="1">
        <f t="array" ref="H97">IFERROR(INDEX(Jesper!AL$2:AL$366,ROUNDDOWN($C97/24,0)+1,1)*INDEX($D$3:$AA$30,INDEX(Jesper!$R$2:$R$366,ROW(INDEX(Jesper!AL$2:AL$366,ROUNDDOWN($C97/24,0)+1,1))-1)+IF('Standard Profiles'!$G$22=$B$10,7,0)+IF('Standard Profiles'!$G$22=$B$17,14,0)+IF('Standard Profiles'!$G$22=$B$24,21,0),MOD($C97,24)+1)/SUM(INDEX($D$3:$AA$30,INDEX(Jesper!$R$2:$R$366,ROW(INDEX(Jesper!AL$2:AL$366,ROUNDDOWN($C97/24,0)+1,1))-1)+IF('Standard Profiles'!$G$22=$B$10,7,0)+IF('Standard Profiles'!$G$22=$B$17,14,0)+IF('Standard Profiles'!$G$22=$B$24,21,0),0)),0)</f>
        <v>0</v>
      </c>
      <c r="I97">
        <f t="shared" si="20"/>
        <v>0.49353391069878783</v>
      </c>
      <c r="J97">
        <f t="shared" si="21"/>
        <v>1.6451130356626262</v>
      </c>
      <c r="K97">
        <f t="shared" si="22"/>
        <v>2.467669553493939</v>
      </c>
      <c r="L97">
        <f t="shared" si="23"/>
        <v>11.844813856770909</v>
      </c>
      <c r="M97">
        <f t="shared" si="24"/>
        <v>0</v>
      </c>
      <c r="N97" s="46">
        <f t="shared" si="25"/>
        <v>45294.624999999847</v>
      </c>
      <c r="O97">
        <v>0.51244467903157331</v>
      </c>
      <c r="P97">
        <v>1.7081489301052444</v>
      </c>
      <c r="Q97">
        <v>2.5622233951578663</v>
      </c>
      <c r="R97">
        <v>12.298672296757758</v>
      </c>
      <c r="S97">
        <v>0</v>
      </c>
      <c r="T97" s="46">
        <v>45637.624999979882</v>
      </c>
    </row>
    <row r="98" spans="2:20" x14ac:dyDescent="0.3">
      <c r="B98">
        <f t="shared" si="19"/>
        <v>3</v>
      </c>
      <c r="C98" s="16">
        <v>64</v>
      </c>
      <c r="D98" cm="1">
        <f t="array" ref="D98">IFERROR(INDEX(Jesper!AH$2:AH$366,ROUNDDOWN($C98/24,0)+1,1)*INDEX($D$3:$AA$30,INDEX(Jesper!$R$2:$R$366,ROW(INDEX(Jesper!AH$2:AH$366,ROUNDDOWN($C98/24,0)+1,1))-1)+IF('Standard Profiles'!$G$18=$B$10,7,0)+IF('Standard Profiles'!$G$18=$B$17,14,0)+IF('Standard Profiles'!$G$18=$B$24,21,0),MOD($C98,24)+1)/SUM(INDEX($D$3:$AA$30,INDEX(Jesper!$R$2:$R$366,ROW(INDEX(Jesper!AH$2:AH$366,ROUNDDOWN($C98/24,0)+1,1))-1)+IF('Standard Profiles'!$G$18=$B$10,7,0)+IF('Standard Profiles'!$G$18=$B$17,14,0)+IF('Standard Profiles'!$G$18=$B$24,21,0),0)),0)</f>
        <v>16.451130356626262</v>
      </c>
      <c r="E98" cm="1">
        <f t="array" ref="E98">IFERROR(INDEX(Jesper!AI$2:AI$366,ROUNDDOWN($C98/24,0)+1,1)*INDEX($D$3:$AA$30,INDEX(Jesper!$R$2:$R$366,ROW(INDEX(Jesper!AI$2:AI$366,ROUNDDOWN($C98/24,0)+1,1))-1)+IF('Standard Profiles'!$G$19=$B$10,7,0)+IF('Standard Profiles'!$G$19=$B$17,14,0)+IF('Standard Profiles'!$G$19=$B$24,21,0),MOD($C98,24)+1)/SUM(INDEX($D$3:$AA$30,INDEX(Jesper!$R$2:$R$366,ROW(INDEX(Jesper!AI$2:AI$366,ROUNDDOWN($C98/24,0)+1,1))-1)+IF('Standard Profiles'!$G$19=$B$10,7,0)+IF('Standard Profiles'!$G$19=$B$17,14,0)+IF('Standard Profiles'!$G$19=$B$24,21,0),0)),0)</f>
        <v>0</v>
      </c>
      <c r="F98" cm="1">
        <f t="array" ref="F98">IFERROR(INDEX(Jesper!AJ$2:AJ$366,ROUNDDOWN($C98/24,0)+1,1)*INDEX($D$3:$AA$30,INDEX(Jesper!$R$2:$R$366,ROW(INDEX(Jesper!AJ$2:AJ$366,ROUNDDOWN($C98/24,0)+1,1))-1)+IF('Standard Profiles'!$G$20=$B$10,7,0)+IF('Standard Profiles'!$G$20=$B$17,14,0)+IF('Standard Profiles'!$G$20=$B$24,21,0),MOD($C98,24)+1)/SUM(INDEX($D$3:$AA$30,INDEX(Jesper!$R$2:$R$366,ROW(INDEX(Jesper!AJ$2:AJ$366,ROUNDDOWN($C98/24,0)+1,1))-1)+IF('Standard Profiles'!$G$20=$B$10,7,0)+IF('Standard Profiles'!$G$20=$B$17,14,0)+IF('Standard Profiles'!$G$20=$B$24,21,0),0)),0)</f>
        <v>0</v>
      </c>
      <c r="G98" cm="1">
        <f t="array" ref="G98">IFERROR(INDEX(Jesper!AK$2:AK$366,ROUNDDOWN($C98/24,0)+1,1)*INDEX($D$3:$AA$30,INDEX(Jesper!$R$2:$R$366,ROW(INDEX(Jesper!AK$2:AK$366,ROUNDDOWN($C98/24,0)+1,1))-1)+IF('Standard Profiles'!$G$21=$B$10,7,0)+IF('Standard Profiles'!$G$21=$B$17,14,0)+IF('Standard Profiles'!$G$21=$B$24,21,0),MOD($C98,24)+1)/SUM(INDEX($D$3:$AA$30,INDEX(Jesper!$R$2:$R$366,ROW(INDEX(Jesper!AK$2:AK$366,ROUNDDOWN($C98/24,0)+1,1))-1)+IF('Standard Profiles'!$G$21=$B$10,7,0)+IF('Standard Profiles'!$G$21=$B$17,14,0)+IF('Standard Profiles'!$G$21=$B$24,21,0),0)),0)</f>
        <v>0</v>
      </c>
      <c r="H98" cm="1">
        <f t="array" ref="H98">IFERROR(INDEX(Jesper!AL$2:AL$366,ROUNDDOWN($C98/24,0)+1,1)*INDEX($D$3:$AA$30,INDEX(Jesper!$R$2:$R$366,ROW(INDEX(Jesper!AL$2:AL$366,ROUNDDOWN($C98/24,0)+1,1))-1)+IF('Standard Profiles'!$G$22=$B$10,7,0)+IF('Standard Profiles'!$G$22=$B$17,14,0)+IF('Standard Profiles'!$G$22=$B$24,21,0),MOD($C98,24)+1)/SUM(INDEX($D$3:$AA$30,INDEX(Jesper!$R$2:$R$366,ROW(INDEX(Jesper!AL$2:AL$366,ROUNDDOWN($C98/24,0)+1,1))-1)+IF('Standard Profiles'!$G$22=$B$10,7,0)+IF('Standard Profiles'!$G$22=$B$17,14,0)+IF('Standard Profiles'!$G$22=$B$24,21,0),0)),0)</f>
        <v>0</v>
      </c>
      <c r="I98">
        <f t="shared" si="20"/>
        <v>0.49353391069878783</v>
      </c>
      <c r="J98">
        <f t="shared" si="21"/>
        <v>1.6451130356626262</v>
      </c>
      <c r="K98">
        <f t="shared" si="22"/>
        <v>2.467669553493939</v>
      </c>
      <c r="L98">
        <f t="shared" si="23"/>
        <v>11.844813856770909</v>
      </c>
      <c r="M98">
        <f t="shared" si="24"/>
        <v>0</v>
      </c>
      <c r="N98" s="46">
        <f t="shared" si="25"/>
        <v>45294.666666666511</v>
      </c>
      <c r="O98">
        <v>0.51244467903157331</v>
      </c>
      <c r="P98">
        <v>1.7081489301052444</v>
      </c>
      <c r="Q98">
        <v>2.5622233951578663</v>
      </c>
      <c r="R98">
        <v>12.298672296757758</v>
      </c>
      <c r="S98">
        <v>0</v>
      </c>
      <c r="T98" s="46">
        <v>45637.666666646546</v>
      </c>
    </row>
    <row r="99" spans="2:20" x14ac:dyDescent="0.3">
      <c r="B99">
        <f t="shared" ref="B99:B162" si="26">WEEKDAY(N99,2)</f>
        <v>3</v>
      </c>
      <c r="C99" s="16">
        <v>65</v>
      </c>
      <c r="D99" cm="1">
        <f t="array" ref="D99">IFERROR(INDEX(Jesper!AH$2:AH$366,ROUNDDOWN($C99/24,0)+1,1)*INDEX($D$3:$AA$30,INDEX(Jesper!$R$2:$R$366,ROW(INDEX(Jesper!AH$2:AH$366,ROUNDDOWN($C99/24,0)+1,1))-1)+IF('Standard Profiles'!$G$18=$B$10,7,0)+IF('Standard Profiles'!$G$18=$B$17,14,0)+IF('Standard Profiles'!$G$18=$B$24,21,0),MOD($C99,24)+1)/SUM(INDEX($D$3:$AA$30,INDEX(Jesper!$R$2:$R$366,ROW(INDEX(Jesper!AH$2:AH$366,ROUNDDOWN($C99/24,0)+1,1))-1)+IF('Standard Profiles'!$G$18=$B$10,7,0)+IF('Standard Profiles'!$G$18=$B$17,14,0)+IF('Standard Profiles'!$G$18=$B$24,21,0),0)),0)</f>
        <v>16.451130356626262</v>
      </c>
      <c r="E99" cm="1">
        <f t="array" ref="E99">IFERROR(INDEX(Jesper!AI$2:AI$366,ROUNDDOWN($C99/24,0)+1,1)*INDEX($D$3:$AA$30,INDEX(Jesper!$R$2:$R$366,ROW(INDEX(Jesper!AI$2:AI$366,ROUNDDOWN($C99/24,0)+1,1))-1)+IF('Standard Profiles'!$G$19=$B$10,7,0)+IF('Standard Profiles'!$G$19=$B$17,14,0)+IF('Standard Profiles'!$G$19=$B$24,21,0),MOD($C99,24)+1)/SUM(INDEX($D$3:$AA$30,INDEX(Jesper!$R$2:$R$366,ROW(INDEX(Jesper!AI$2:AI$366,ROUNDDOWN($C99/24,0)+1,1))-1)+IF('Standard Profiles'!$G$19=$B$10,7,0)+IF('Standard Profiles'!$G$19=$B$17,14,0)+IF('Standard Profiles'!$G$19=$B$24,21,0),0)),0)</f>
        <v>0</v>
      </c>
      <c r="F99" cm="1">
        <f t="array" ref="F99">IFERROR(INDEX(Jesper!AJ$2:AJ$366,ROUNDDOWN($C99/24,0)+1,1)*INDEX($D$3:$AA$30,INDEX(Jesper!$R$2:$R$366,ROW(INDEX(Jesper!AJ$2:AJ$366,ROUNDDOWN($C99/24,0)+1,1))-1)+IF('Standard Profiles'!$G$20=$B$10,7,0)+IF('Standard Profiles'!$G$20=$B$17,14,0)+IF('Standard Profiles'!$G$20=$B$24,21,0),MOD($C99,24)+1)/SUM(INDEX($D$3:$AA$30,INDEX(Jesper!$R$2:$R$366,ROW(INDEX(Jesper!AJ$2:AJ$366,ROUNDDOWN($C99/24,0)+1,1))-1)+IF('Standard Profiles'!$G$20=$B$10,7,0)+IF('Standard Profiles'!$G$20=$B$17,14,0)+IF('Standard Profiles'!$G$20=$B$24,21,0),0)),0)</f>
        <v>0</v>
      </c>
      <c r="G99" cm="1">
        <f t="array" ref="G99">IFERROR(INDEX(Jesper!AK$2:AK$366,ROUNDDOWN($C99/24,0)+1,1)*INDEX($D$3:$AA$30,INDEX(Jesper!$R$2:$R$366,ROW(INDEX(Jesper!AK$2:AK$366,ROUNDDOWN($C99/24,0)+1,1))-1)+IF('Standard Profiles'!$G$21=$B$10,7,0)+IF('Standard Profiles'!$G$21=$B$17,14,0)+IF('Standard Profiles'!$G$21=$B$24,21,0),MOD($C99,24)+1)/SUM(INDEX($D$3:$AA$30,INDEX(Jesper!$R$2:$R$366,ROW(INDEX(Jesper!AK$2:AK$366,ROUNDDOWN($C99/24,0)+1,1))-1)+IF('Standard Profiles'!$G$21=$B$10,7,0)+IF('Standard Profiles'!$G$21=$B$17,14,0)+IF('Standard Profiles'!$G$21=$B$24,21,0),0)),0)</f>
        <v>0</v>
      </c>
      <c r="H99" cm="1">
        <f t="array" ref="H99">IFERROR(INDEX(Jesper!AL$2:AL$366,ROUNDDOWN($C99/24,0)+1,1)*INDEX($D$3:$AA$30,INDEX(Jesper!$R$2:$R$366,ROW(INDEX(Jesper!AL$2:AL$366,ROUNDDOWN($C99/24,0)+1,1))-1)+IF('Standard Profiles'!$G$22=$B$10,7,0)+IF('Standard Profiles'!$G$22=$B$17,14,0)+IF('Standard Profiles'!$G$22=$B$24,21,0),MOD($C99,24)+1)/SUM(INDEX($D$3:$AA$30,INDEX(Jesper!$R$2:$R$366,ROW(INDEX(Jesper!AL$2:AL$366,ROUNDDOWN($C99/24,0)+1,1))-1)+IF('Standard Profiles'!$G$22=$B$10,7,0)+IF('Standard Profiles'!$G$22=$B$17,14,0)+IF('Standard Profiles'!$G$22=$B$24,21,0),0)),0)</f>
        <v>0</v>
      </c>
      <c r="I99">
        <f t="shared" ref="I99:I162" si="27">IF($B99&lt;6,AC$37*$D99+AC$38*$E99+AC$39*$F99+AC$40*$G99,AC$46*$D99+AC$47*$E99+AC$48*$F99+AC$49*$G99+AC$50*$H99)</f>
        <v>0.49353391069878783</v>
      </c>
      <c r="J99">
        <f t="shared" ref="J99:J162" si="28">IF($B99&lt;6,AD$37*$D99+AD$38*$E99+AD$39*$F99+AD$40*$G99,AD$46*$D99+AD$47*$E99+AD$48*$F99+AD$49*$G99+AD$50*$H99)</f>
        <v>1.6451130356626262</v>
      </c>
      <c r="K99">
        <f t="shared" ref="K99:K162" si="29">IF($B99&lt;6,AE$37*$D99+AE$38*$E99+AE$39*$F99+AE$40*$G99,AE$46*$D99+AE$47*$E99+AE$48*$F99+AE$49*$G99+AE$50*$H99)</f>
        <v>2.467669553493939</v>
      </c>
      <c r="L99">
        <f t="shared" ref="L99:L162" si="30">IF($B99&lt;6,AF$37*$D99+AF$38*$E99+AF$39*$F99+AF$40*$G99,AF$46*$D99+AF$47*$E99+AF$48*$F99+AF$49*$G99+AF$50*$H99)</f>
        <v>11.844813856770909</v>
      </c>
      <c r="M99">
        <f t="shared" ref="M99:M162" si="31">IF($B99&lt;6,AG$37*$D99+AG$38*$E99+AG$39*$F99+AG$40*$G99,AG$46*$D99+AG$47*$E99+AG$48*$F99+AG$49*$G99+AG$50*$H99)</f>
        <v>0</v>
      </c>
      <c r="N99" s="46">
        <f t="shared" si="25"/>
        <v>45294.708333333176</v>
      </c>
      <c r="O99">
        <v>0.51244467903157331</v>
      </c>
      <c r="P99">
        <v>1.7081489301052444</v>
      </c>
      <c r="Q99">
        <v>2.5622233951578663</v>
      </c>
      <c r="R99">
        <v>12.298672296757758</v>
      </c>
      <c r="S99">
        <v>0</v>
      </c>
      <c r="T99" s="46">
        <v>45637.70833331321</v>
      </c>
    </row>
    <row r="100" spans="2:20" x14ac:dyDescent="0.3">
      <c r="B100">
        <f t="shared" si="26"/>
        <v>3</v>
      </c>
      <c r="C100" s="16">
        <v>66</v>
      </c>
      <c r="D100" cm="1">
        <f t="array" ref="D100">IFERROR(INDEX(Jesper!AH$2:AH$366,ROUNDDOWN($C100/24,0)+1,1)*INDEX($D$3:$AA$30,INDEX(Jesper!$R$2:$R$366,ROW(INDEX(Jesper!AH$2:AH$366,ROUNDDOWN($C100/24,0)+1,1))-1)+IF('Standard Profiles'!$G$18=$B$10,7,0)+IF('Standard Profiles'!$G$18=$B$17,14,0)+IF('Standard Profiles'!$G$18=$B$24,21,0),MOD($C100,24)+1)/SUM(INDEX($D$3:$AA$30,INDEX(Jesper!$R$2:$R$366,ROW(INDEX(Jesper!AH$2:AH$366,ROUNDDOWN($C100/24,0)+1,1))-1)+IF('Standard Profiles'!$G$18=$B$10,7,0)+IF('Standard Profiles'!$G$18=$B$17,14,0)+IF('Standard Profiles'!$G$18=$B$24,21,0),0)),0)</f>
        <v>16.451130356626262</v>
      </c>
      <c r="E100" cm="1">
        <f t="array" ref="E100">IFERROR(INDEX(Jesper!AI$2:AI$366,ROUNDDOWN($C100/24,0)+1,1)*INDEX($D$3:$AA$30,INDEX(Jesper!$R$2:$R$366,ROW(INDEX(Jesper!AI$2:AI$366,ROUNDDOWN($C100/24,0)+1,1))-1)+IF('Standard Profiles'!$G$19=$B$10,7,0)+IF('Standard Profiles'!$G$19=$B$17,14,0)+IF('Standard Profiles'!$G$19=$B$24,21,0),MOD($C100,24)+1)/SUM(INDEX($D$3:$AA$30,INDEX(Jesper!$R$2:$R$366,ROW(INDEX(Jesper!AI$2:AI$366,ROUNDDOWN($C100/24,0)+1,1))-1)+IF('Standard Profiles'!$G$19=$B$10,7,0)+IF('Standard Profiles'!$G$19=$B$17,14,0)+IF('Standard Profiles'!$G$19=$B$24,21,0),0)),0)</f>
        <v>0</v>
      </c>
      <c r="F100" cm="1">
        <f t="array" ref="F100">IFERROR(INDEX(Jesper!AJ$2:AJ$366,ROUNDDOWN($C100/24,0)+1,1)*INDEX($D$3:$AA$30,INDEX(Jesper!$R$2:$R$366,ROW(INDEX(Jesper!AJ$2:AJ$366,ROUNDDOWN($C100/24,0)+1,1))-1)+IF('Standard Profiles'!$G$20=$B$10,7,0)+IF('Standard Profiles'!$G$20=$B$17,14,0)+IF('Standard Profiles'!$G$20=$B$24,21,0),MOD($C100,24)+1)/SUM(INDEX($D$3:$AA$30,INDEX(Jesper!$R$2:$R$366,ROW(INDEX(Jesper!AJ$2:AJ$366,ROUNDDOWN($C100/24,0)+1,1))-1)+IF('Standard Profiles'!$G$20=$B$10,7,0)+IF('Standard Profiles'!$G$20=$B$17,14,0)+IF('Standard Profiles'!$G$20=$B$24,21,0),0)),0)</f>
        <v>0</v>
      </c>
      <c r="G100" cm="1">
        <f t="array" ref="G100">IFERROR(INDEX(Jesper!AK$2:AK$366,ROUNDDOWN($C100/24,0)+1,1)*INDEX($D$3:$AA$30,INDEX(Jesper!$R$2:$R$366,ROW(INDEX(Jesper!AK$2:AK$366,ROUNDDOWN($C100/24,0)+1,1))-1)+IF('Standard Profiles'!$G$21=$B$10,7,0)+IF('Standard Profiles'!$G$21=$B$17,14,0)+IF('Standard Profiles'!$G$21=$B$24,21,0),MOD($C100,24)+1)/SUM(INDEX($D$3:$AA$30,INDEX(Jesper!$R$2:$R$366,ROW(INDEX(Jesper!AK$2:AK$366,ROUNDDOWN($C100/24,0)+1,1))-1)+IF('Standard Profiles'!$G$21=$B$10,7,0)+IF('Standard Profiles'!$G$21=$B$17,14,0)+IF('Standard Profiles'!$G$21=$B$24,21,0),0)),0)</f>
        <v>0</v>
      </c>
      <c r="H100" cm="1">
        <f t="array" ref="H100">IFERROR(INDEX(Jesper!AL$2:AL$366,ROUNDDOWN($C100/24,0)+1,1)*INDEX($D$3:$AA$30,INDEX(Jesper!$R$2:$R$366,ROW(INDEX(Jesper!AL$2:AL$366,ROUNDDOWN($C100/24,0)+1,1))-1)+IF('Standard Profiles'!$G$22=$B$10,7,0)+IF('Standard Profiles'!$G$22=$B$17,14,0)+IF('Standard Profiles'!$G$22=$B$24,21,0),MOD($C100,24)+1)/SUM(INDEX($D$3:$AA$30,INDEX(Jesper!$R$2:$R$366,ROW(INDEX(Jesper!AL$2:AL$366,ROUNDDOWN($C100/24,0)+1,1))-1)+IF('Standard Profiles'!$G$22=$B$10,7,0)+IF('Standard Profiles'!$G$22=$B$17,14,0)+IF('Standard Profiles'!$G$22=$B$24,21,0),0)),0)</f>
        <v>0</v>
      </c>
      <c r="I100">
        <f t="shared" si="27"/>
        <v>0.49353391069878783</v>
      </c>
      <c r="J100">
        <f t="shared" si="28"/>
        <v>1.6451130356626262</v>
      </c>
      <c r="K100">
        <f t="shared" si="29"/>
        <v>2.467669553493939</v>
      </c>
      <c r="L100">
        <f t="shared" si="30"/>
        <v>11.844813856770909</v>
      </c>
      <c r="M100">
        <f t="shared" si="31"/>
        <v>0</v>
      </c>
      <c r="N100" s="46">
        <f t="shared" ref="N100:N163" si="32">N99+1/24</f>
        <v>45294.74999999984</v>
      </c>
      <c r="O100">
        <v>0.51244467903157331</v>
      </c>
      <c r="P100">
        <v>1.7081489301052444</v>
      </c>
      <c r="Q100">
        <v>2.5622233951578663</v>
      </c>
      <c r="R100">
        <v>12.298672296757758</v>
      </c>
      <c r="S100">
        <v>0</v>
      </c>
      <c r="T100" s="46">
        <v>45637.749999979875</v>
      </c>
    </row>
    <row r="101" spans="2:20" x14ac:dyDescent="0.3">
      <c r="B101">
        <f t="shared" si="26"/>
        <v>3</v>
      </c>
      <c r="C101" s="16">
        <v>67</v>
      </c>
      <c r="D101" cm="1">
        <f t="array" ref="D101">IFERROR(INDEX(Jesper!AH$2:AH$366,ROUNDDOWN($C101/24,0)+1,1)*INDEX($D$3:$AA$30,INDEX(Jesper!$R$2:$R$366,ROW(INDEX(Jesper!AH$2:AH$366,ROUNDDOWN($C101/24,0)+1,1))-1)+IF('Standard Profiles'!$G$18=$B$10,7,0)+IF('Standard Profiles'!$G$18=$B$17,14,0)+IF('Standard Profiles'!$G$18=$B$24,21,0),MOD($C101,24)+1)/SUM(INDEX($D$3:$AA$30,INDEX(Jesper!$R$2:$R$366,ROW(INDEX(Jesper!AH$2:AH$366,ROUNDDOWN($C101/24,0)+1,1))-1)+IF('Standard Profiles'!$G$18=$B$10,7,0)+IF('Standard Profiles'!$G$18=$B$17,14,0)+IF('Standard Profiles'!$G$18=$B$24,21,0),0)),0)</f>
        <v>13.709275297188555</v>
      </c>
      <c r="E101" cm="1">
        <f t="array" ref="E101">IFERROR(INDEX(Jesper!AI$2:AI$366,ROUNDDOWN($C101/24,0)+1,1)*INDEX($D$3:$AA$30,INDEX(Jesper!$R$2:$R$366,ROW(INDEX(Jesper!AI$2:AI$366,ROUNDDOWN($C101/24,0)+1,1))-1)+IF('Standard Profiles'!$G$19=$B$10,7,0)+IF('Standard Profiles'!$G$19=$B$17,14,0)+IF('Standard Profiles'!$G$19=$B$24,21,0),MOD($C101,24)+1)/SUM(INDEX($D$3:$AA$30,INDEX(Jesper!$R$2:$R$366,ROW(INDEX(Jesper!AI$2:AI$366,ROUNDDOWN($C101/24,0)+1,1))-1)+IF('Standard Profiles'!$G$19=$B$10,7,0)+IF('Standard Profiles'!$G$19=$B$17,14,0)+IF('Standard Profiles'!$G$19=$B$24,21,0),0)),0)</f>
        <v>0</v>
      </c>
      <c r="F101" cm="1">
        <f t="array" ref="F101">IFERROR(INDEX(Jesper!AJ$2:AJ$366,ROUNDDOWN($C101/24,0)+1,1)*INDEX($D$3:$AA$30,INDEX(Jesper!$R$2:$R$366,ROW(INDEX(Jesper!AJ$2:AJ$366,ROUNDDOWN($C101/24,0)+1,1))-1)+IF('Standard Profiles'!$G$20=$B$10,7,0)+IF('Standard Profiles'!$G$20=$B$17,14,0)+IF('Standard Profiles'!$G$20=$B$24,21,0),MOD($C101,24)+1)/SUM(INDEX($D$3:$AA$30,INDEX(Jesper!$R$2:$R$366,ROW(INDEX(Jesper!AJ$2:AJ$366,ROUNDDOWN($C101/24,0)+1,1))-1)+IF('Standard Profiles'!$G$20=$B$10,7,0)+IF('Standard Profiles'!$G$20=$B$17,14,0)+IF('Standard Profiles'!$G$20=$B$24,21,0),0)),0)</f>
        <v>0</v>
      </c>
      <c r="G101" cm="1">
        <f t="array" ref="G101">IFERROR(INDEX(Jesper!AK$2:AK$366,ROUNDDOWN($C101/24,0)+1,1)*INDEX($D$3:$AA$30,INDEX(Jesper!$R$2:$R$366,ROW(INDEX(Jesper!AK$2:AK$366,ROUNDDOWN($C101/24,0)+1,1))-1)+IF('Standard Profiles'!$G$21=$B$10,7,0)+IF('Standard Profiles'!$G$21=$B$17,14,0)+IF('Standard Profiles'!$G$21=$B$24,21,0),MOD($C101,24)+1)/SUM(INDEX($D$3:$AA$30,INDEX(Jesper!$R$2:$R$366,ROW(INDEX(Jesper!AK$2:AK$366,ROUNDDOWN($C101/24,0)+1,1))-1)+IF('Standard Profiles'!$G$21=$B$10,7,0)+IF('Standard Profiles'!$G$21=$B$17,14,0)+IF('Standard Profiles'!$G$21=$B$24,21,0),0)),0)</f>
        <v>0</v>
      </c>
      <c r="H101" cm="1">
        <f t="array" ref="H101">IFERROR(INDEX(Jesper!AL$2:AL$366,ROUNDDOWN($C101/24,0)+1,1)*INDEX($D$3:$AA$30,INDEX(Jesper!$R$2:$R$366,ROW(INDEX(Jesper!AL$2:AL$366,ROUNDDOWN($C101/24,0)+1,1))-1)+IF('Standard Profiles'!$G$22=$B$10,7,0)+IF('Standard Profiles'!$G$22=$B$17,14,0)+IF('Standard Profiles'!$G$22=$B$24,21,0),MOD($C101,24)+1)/SUM(INDEX($D$3:$AA$30,INDEX(Jesper!$R$2:$R$366,ROW(INDEX(Jesper!AL$2:AL$366,ROUNDDOWN($C101/24,0)+1,1))-1)+IF('Standard Profiles'!$G$22=$B$10,7,0)+IF('Standard Profiles'!$G$22=$B$17,14,0)+IF('Standard Profiles'!$G$22=$B$24,21,0),0)),0)</f>
        <v>0</v>
      </c>
      <c r="I101">
        <f t="shared" si="27"/>
        <v>0.41127825891565661</v>
      </c>
      <c r="J101">
        <f t="shared" si="28"/>
        <v>1.3709275297188555</v>
      </c>
      <c r="K101">
        <f t="shared" si="29"/>
        <v>2.0563912945782832</v>
      </c>
      <c r="L101">
        <f t="shared" si="30"/>
        <v>9.8706782139757596</v>
      </c>
      <c r="M101">
        <f t="shared" si="31"/>
        <v>0</v>
      </c>
      <c r="N101" s="46">
        <f t="shared" si="32"/>
        <v>45294.791666666504</v>
      </c>
      <c r="O101">
        <v>0.42703723252631104</v>
      </c>
      <c r="P101">
        <v>1.4234574417543702</v>
      </c>
      <c r="Q101">
        <v>2.1351861626315549</v>
      </c>
      <c r="R101">
        <v>10.248893580631465</v>
      </c>
      <c r="S101">
        <v>0</v>
      </c>
      <c r="T101" s="46">
        <v>45637.791666646539</v>
      </c>
    </row>
    <row r="102" spans="2:20" x14ac:dyDescent="0.3">
      <c r="B102">
        <f t="shared" si="26"/>
        <v>3</v>
      </c>
      <c r="C102" s="16">
        <v>68</v>
      </c>
      <c r="D102" cm="1">
        <f t="array" ref="D102">IFERROR(INDEX(Jesper!AH$2:AH$366,ROUNDDOWN($C102/24,0)+1,1)*INDEX($D$3:$AA$30,INDEX(Jesper!$R$2:$R$366,ROW(INDEX(Jesper!AH$2:AH$366,ROUNDDOWN($C102/24,0)+1,1))-1)+IF('Standard Profiles'!$G$18=$B$10,7,0)+IF('Standard Profiles'!$G$18=$B$17,14,0)+IF('Standard Profiles'!$G$18=$B$24,21,0),MOD($C102,24)+1)/SUM(INDEX($D$3:$AA$30,INDEX(Jesper!$R$2:$R$366,ROW(INDEX(Jesper!AH$2:AH$366,ROUNDDOWN($C102/24,0)+1,1))-1)+IF('Standard Profiles'!$G$18=$B$10,7,0)+IF('Standard Profiles'!$G$18=$B$17,14,0)+IF('Standard Profiles'!$G$18=$B$24,21,0),0)),0)</f>
        <v>10.967420237750842</v>
      </c>
      <c r="E102" cm="1">
        <f t="array" ref="E102">IFERROR(INDEX(Jesper!AI$2:AI$366,ROUNDDOWN($C102/24,0)+1,1)*INDEX($D$3:$AA$30,INDEX(Jesper!$R$2:$R$366,ROW(INDEX(Jesper!AI$2:AI$366,ROUNDDOWN($C102/24,0)+1,1))-1)+IF('Standard Profiles'!$G$19=$B$10,7,0)+IF('Standard Profiles'!$G$19=$B$17,14,0)+IF('Standard Profiles'!$G$19=$B$24,21,0),MOD($C102,24)+1)/SUM(INDEX($D$3:$AA$30,INDEX(Jesper!$R$2:$R$366,ROW(INDEX(Jesper!AI$2:AI$366,ROUNDDOWN($C102/24,0)+1,1))-1)+IF('Standard Profiles'!$G$19=$B$10,7,0)+IF('Standard Profiles'!$G$19=$B$17,14,0)+IF('Standard Profiles'!$G$19=$B$24,21,0),0)),0)</f>
        <v>0</v>
      </c>
      <c r="F102" cm="1">
        <f t="array" ref="F102">IFERROR(INDEX(Jesper!AJ$2:AJ$366,ROUNDDOWN($C102/24,0)+1,1)*INDEX($D$3:$AA$30,INDEX(Jesper!$R$2:$R$366,ROW(INDEX(Jesper!AJ$2:AJ$366,ROUNDDOWN($C102/24,0)+1,1))-1)+IF('Standard Profiles'!$G$20=$B$10,7,0)+IF('Standard Profiles'!$G$20=$B$17,14,0)+IF('Standard Profiles'!$G$20=$B$24,21,0),MOD($C102,24)+1)/SUM(INDEX($D$3:$AA$30,INDEX(Jesper!$R$2:$R$366,ROW(INDEX(Jesper!AJ$2:AJ$366,ROUNDDOWN($C102/24,0)+1,1))-1)+IF('Standard Profiles'!$G$20=$B$10,7,0)+IF('Standard Profiles'!$G$20=$B$17,14,0)+IF('Standard Profiles'!$G$20=$B$24,21,0),0)),0)</f>
        <v>0</v>
      </c>
      <c r="G102" cm="1">
        <f t="array" ref="G102">IFERROR(INDEX(Jesper!AK$2:AK$366,ROUNDDOWN($C102/24,0)+1,1)*INDEX($D$3:$AA$30,INDEX(Jesper!$R$2:$R$366,ROW(INDEX(Jesper!AK$2:AK$366,ROUNDDOWN($C102/24,0)+1,1))-1)+IF('Standard Profiles'!$G$21=$B$10,7,0)+IF('Standard Profiles'!$G$21=$B$17,14,0)+IF('Standard Profiles'!$G$21=$B$24,21,0),MOD($C102,24)+1)/SUM(INDEX($D$3:$AA$30,INDEX(Jesper!$R$2:$R$366,ROW(INDEX(Jesper!AK$2:AK$366,ROUNDDOWN($C102/24,0)+1,1))-1)+IF('Standard Profiles'!$G$21=$B$10,7,0)+IF('Standard Profiles'!$G$21=$B$17,14,0)+IF('Standard Profiles'!$G$21=$B$24,21,0),0)),0)</f>
        <v>0</v>
      </c>
      <c r="H102" cm="1">
        <f t="array" ref="H102">IFERROR(INDEX(Jesper!AL$2:AL$366,ROUNDDOWN($C102/24,0)+1,1)*INDEX($D$3:$AA$30,INDEX(Jesper!$R$2:$R$366,ROW(INDEX(Jesper!AL$2:AL$366,ROUNDDOWN($C102/24,0)+1,1))-1)+IF('Standard Profiles'!$G$22=$B$10,7,0)+IF('Standard Profiles'!$G$22=$B$17,14,0)+IF('Standard Profiles'!$G$22=$B$24,21,0),MOD($C102,24)+1)/SUM(INDEX($D$3:$AA$30,INDEX(Jesper!$R$2:$R$366,ROW(INDEX(Jesper!AL$2:AL$366,ROUNDDOWN($C102/24,0)+1,1))-1)+IF('Standard Profiles'!$G$22=$B$10,7,0)+IF('Standard Profiles'!$G$22=$B$17,14,0)+IF('Standard Profiles'!$G$22=$B$24,21,0),0)),0)</f>
        <v>0</v>
      </c>
      <c r="I102">
        <f t="shared" si="27"/>
        <v>0.32902260713252524</v>
      </c>
      <c r="J102">
        <f t="shared" si="28"/>
        <v>1.0967420237750842</v>
      </c>
      <c r="K102">
        <f t="shared" si="29"/>
        <v>1.6451130356626262</v>
      </c>
      <c r="L102">
        <f t="shared" si="30"/>
        <v>7.8965425711806061</v>
      </c>
      <c r="M102">
        <f t="shared" si="31"/>
        <v>0</v>
      </c>
      <c r="N102" s="46">
        <f t="shared" si="32"/>
        <v>45294.833333333168</v>
      </c>
      <c r="O102">
        <v>0.34162978602104882</v>
      </c>
      <c r="P102">
        <v>1.1387659534034962</v>
      </c>
      <c r="Q102">
        <v>1.7081489301052442</v>
      </c>
      <c r="R102">
        <v>8.1991148645051712</v>
      </c>
      <c r="S102">
        <v>0</v>
      </c>
      <c r="T102" s="46">
        <v>45637.833333313203</v>
      </c>
    </row>
    <row r="103" spans="2:20" x14ac:dyDescent="0.3">
      <c r="B103">
        <f t="shared" si="26"/>
        <v>3</v>
      </c>
      <c r="C103" s="16">
        <v>69</v>
      </c>
      <c r="D103" cm="1">
        <f t="array" ref="D103">IFERROR(INDEX(Jesper!AH$2:AH$366,ROUNDDOWN($C103/24,0)+1,1)*INDEX($D$3:$AA$30,INDEX(Jesper!$R$2:$R$366,ROW(INDEX(Jesper!AH$2:AH$366,ROUNDDOWN($C103/24,0)+1,1))-1)+IF('Standard Profiles'!$G$18=$B$10,7,0)+IF('Standard Profiles'!$G$18=$B$17,14,0)+IF('Standard Profiles'!$G$18=$B$24,21,0),MOD($C103,24)+1)/SUM(INDEX($D$3:$AA$30,INDEX(Jesper!$R$2:$R$366,ROW(INDEX(Jesper!AH$2:AH$366,ROUNDDOWN($C103/24,0)+1,1))-1)+IF('Standard Profiles'!$G$18=$B$10,7,0)+IF('Standard Profiles'!$G$18=$B$17,14,0)+IF('Standard Profiles'!$G$18=$B$24,21,0),0)),0)</f>
        <v>8.2255651783131309</v>
      </c>
      <c r="E103" cm="1">
        <f t="array" ref="E103">IFERROR(INDEX(Jesper!AI$2:AI$366,ROUNDDOWN($C103/24,0)+1,1)*INDEX($D$3:$AA$30,INDEX(Jesper!$R$2:$R$366,ROW(INDEX(Jesper!AI$2:AI$366,ROUNDDOWN($C103/24,0)+1,1))-1)+IF('Standard Profiles'!$G$19=$B$10,7,0)+IF('Standard Profiles'!$G$19=$B$17,14,0)+IF('Standard Profiles'!$G$19=$B$24,21,0),MOD($C103,24)+1)/SUM(INDEX($D$3:$AA$30,INDEX(Jesper!$R$2:$R$366,ROW(INDEX(Jesper!AI$2:AI$366,ROUNDDOWN($C103/24,0)+1,1))-1)+IF('Standard Profiles'!$G$19=$B$10,7,0)+IF('Standard Profiles'!$G$19=$B$17,14,0)+IF('Standard Profiles'!$G$19=$B$24,21,0),0)),0)</f>
        <v>0</v>
      </c>
      <c r="F103" cm="1">
        <f t="array" ref="F103">IFERROR(INDEX(Jesper!AJ$2:AJ$366,ROUNDDOWN($C103/24,0)+1,1)*INDEX($D$3:$AA$30,INDEX(Jesper!$R$2:$R$366,ROW(INDEX(Jesper!AJ$2:AJ$366,ROUNDDOWN($C103/24,0)+1,1))-1)+IF('Standard Profiles'!$G$20=$B$10,7,0)+IF('Standard Profiles'!$G$20=$B$17,14,0)+IF('Standard Profiles'!$G$20=$B$24,21,0),MOD($C103,24)+1)/SUM(INDEX($D$3:$AA$30,INDEX(Jesper!$R$2:$R$366,ROW(INDEX(Jesper!AJ$2:AJ$366,ROUNDDOWN($C103/24,0)+1,1))-1)+IF('Standard Profiles'!$G$20=$B$10,7,0)+IF('Standard Profiles'!$G$20=$B$17,14,0)+IF('Standard Profiles'!$G$20=$B$24,21,0),0)),0)</f>
        <v>0</v>
      </c>
      <c r="G103" cm="1">
        <f t="array" ref="G103">IFERROR(INDEX(Jesper!AK$2:AK$366,ROUNDDOWN($C103/24,0)+1,1)*INDEX($D$3:$AA$30,INDEX(Jesper!$R$2:$R$366,ROW(INDEX(Jesper!AK$2:AK$366,ROUNDDOWN($C103/24,0)+1,1))-1)+IF('Standard Profiles'!$G$21=$B$10,7,0)+IF('Standard Profiles'!$G$21=$B$17,14,0)+IF('Standard Profiles'!$G$21=$B$24,21,0),MOD($C103,24)+1)/SUM(INDEX($D$3:$AA$30,INDEX(Jesper!$R$2:$R$366,ROW(INDEX(Jesper!AK$2:AK$366,ROUNDDOWN($C103/24,0)+1,1))-1)+IF('Standard Profiles'!$G$21=$B$10,7,0)+IF('Standard Profiles'!$G$21=$B$17,14,0)+IF('Standard Profiles'!$G$21=$B$24,21,0),0)),0)</f>
        <v>0</v>
      </c>
      <c r="H103" cm="1">
        <f t="array" ref="H103">IFERROR(INDEX(Jesper!AL$2:AL$366,ROUNDDOWN($C103/24,0)+1,1)*INDEX($D$3:$AA$30,INDEX(Jesper!$R$2:$R$366,ROW(INDEX(Jesper!AL$2:AL$366,ROUNDDOWN($C103/24,0)+1,1))-1)+IF('Standard Profiles'!$G$22=$B$10,7,0)+IF('Standard Profiles'!$G$22=$B$17,14,0)+IF('Standard Profiles'!$G$22=$B$24,21,0),MOD($C103,24)+1)/SUM(INDEX($D$3:$AA$30,INDEX(Jesper!$R$2:$R$366,ROW(INDEX(Jesper!AL$2:AL$366,ROUNDDOWN($C103/24,0)+1,1))-1)+IF('Standard Profiles'!$G$22=$B$10,7,0)+IF('Standard Profiles'!$G$22=$B$17,14,0)+IF('Standard Profiles'!$G$22=$B$24,21,0),0)),0)</f>
        <v>0</v>
      </c>
      <c r="I103">
        <f t="shared" si="27"/>
        <v>0.24676695534939391</v>
      </c>
      <c r="J103">
        <f t="shared" si="28"/>
        <v>0.82255651783131312</v>
      </c>
      <c r="K103">
        <f t="shared" si="29"/>
        <v>1.2338347767469695</v>
      </c>
      <c r="L103">
        <f t="shared" si="30"/>
        <v>5.9224069283854543</v>
      </c>
      <c r="M103">
        <f t="shared" si="31"/>
        <v>0</v>
      </c>
      <c r="N103" s="46">
        <f t="shared" si="32"/>
        <v>45294.874999999833</v>
      </c>
      <c r="O103">
        <v>0.25622233951578666</v>
      </c>
      <c r="P103">
        <v>0.85407446505262219</v>
      </c>
      <c r="Q103">
        <v>1.2811116975789332</v>
      </c>
      <c r="R103">
        <v>6.1493361483788789</v>
      </c>
      <c r="S103">
        <v>0</v>
      </c>
      <c r="T103" s="46">
        <v>45637.874999979867</v>
      </c>
    </row>
    <row r="104" spans="2:20" x14ac:dyDescent="0.3">
      <c r="B104">
        <f t="shared" si="26"/>
        <v>3</v>
      </c>
      <c r="C104" s="16">
        <v>70</v>
      </c>
      <c r="D104" cm="1">
        <f t="array" ref="D104">IFERROR(INDEX(Jesper!AH$2:AH$366,ROUNDDOWN($C104/24,0)+1,1)*INDEX($D$3:$AA$30,INDEX(Jesper!$R$2:$R$366,ROW(INDEX(Jesper!AH$2:AH$366,ROUNDDOWN($C104/24,0)+1,1))-1)+IF('Standard Profiles'!$G$18=$B$10,7,0)+IF('Standard Profiles'!$G$18=$B$17,14,0)+IF('Standard Profiles'!$G$18=$B$24,21,0),MOD($C104,24)+1)/SUM(INDEX($D$3:$AA$30,INDEX(Jesper!$R$2:$R$366,ROW(INDEX(Jesper!AH$2:AH$366,ROUNDDOWN($C104/24,0)+1,1))-1)+IF('Standard Profiles'!$G$18=$B$10,7,0)+IF('Standard Profiles'!$G$18=$B$17,14,0)+IF('Standard Profiles'!$G$18=$B$24,21,0),0)),0)</f>
        <v>8.2255651783131309</v>
      </c>
      <c r="E104" cm="1">
        <f t="array" ref="E104">IFERROR(INDEX(Jesper!AI$2:AI$366,ROUNDDOWN($C104/24,0)+1,1)*INDEX($D$3:$AA$30,INDEX(Jesper!$R$2:$R$366,ROW(INDEX(Jesper!AI$2:AI$366,ROUNDDOWN($C104/24,0)+1,1))-1)+IF('Standard Profiles'!$G$19=$B$10,7,0)+IF('Standard Profiles'!$G$19=$B$17,14,0)+IF('Standard Profiles'!$G$19=$B$24,21,0),MOD($C104,24)+1)/SUM(INDEX($D$3:$AA$30,INDEX(Jesper!$R$2:$R$366,ROW(INDEX(Jesper!AI$2:AI$366,ROUNDDOWN($C104/24,0)+1,1))-1)+IF('Standard Profiles'!$G$19=$B$10,7,0)+IF('Standard Profiles'!$G$19=$B$17,14,0)+IF('Standard Profiles'!$G$19=$B$24,21,0),0)),0)</f>
        <v>0</v>
      </c>
      <c r="F104" cm="1">
        <f t="array" ref="F104">IFERROR(INDEX(Jesper!AJ$2:AJ$366,ROUNDDOWN($C104/24,0)+1,1)*INDEX($D$3:$AA$30,INDEX(Jesper!$R$2:$R$366,ROW(INDEX(Jesper!AJ$2:AJ$366,ROUNDDOWN($C104/24,0)+1,1))-1)+IF('Standard Profiles'!$G$20=$B$10,7,0)+IF('Standard Profiles'!$G$20=$B$17,14,0)+IF('Standard Profiles'!$G$20=$B$24,21,0),MOD($C104,24)+1)/SUM(INDEX($D$3:$AA$30,INDEX(Jesper!$R$2:$R$366,ROW(INDEX(Jesper!AJ$2:AJ$366,ROUNDDOWN($C104/24,0)+1,1))-1)+IF('Standard Profiles'!$G$20=$B$10,7,0)+IF('Standard Profiles'!$G$20=$B$17,14,0)+IF('Standard Profiles'!$G$20=$B$24,21,0),0)),0)</f>
        <v>0</v>
      </c>
      <c r="G104" cm="1">
        <f t="array" ref="G104">IFERROR(INDEX(Jesper!AK$2:AK$366,ROUNDDOWN($C104/24,0)+1,1)*INDEX($D$3:$AA$30,INDEX(Jesper!$R$2:$R$366,ROW(INDEX(Jesper!AK$2:AK$366,ROUNDDOWN($C104/24,0)+1,1))-1)+IF('Standard Profiles'!$G$21=$B$10,7,0)+IF('Standard Profiles'!$G$21=$B$17,14,0)+IF('Standard Profiles'!$G$21=$B$24,21,0),MOD($C104,24)+1)/SUM(INDEX($D$3:$AA$30,INDEX(Jesper!$R$2:$R$366,ROW(INDEX(Jesper!AK$2:AK$366,ROUNDDOWN($C104/24,0)+1,1))-1)+IF('Standard Profiles'!$G$21=$B$10,7,0)+IF('Standard Profiles'!$G$21=$B$17,14,0)+IF('Standard Profiles'!$G$21=$B$24,21,0),0)),0)</f>
        <v>0</v>
      </c>
      <c r="H104" cm="1">
        <f t="array" ref="H104">IFERROR(INDEX(Jesper!AL$2:AL$366,ROUNDDOWN($C104/24,0)+1,1)*INDEX($D$3:$AA$30,INDEX(Jesper!$R$2:$R$366,ROW(INDEX(Jesper!AL$2:AL$366,ROUNDDOWN($C104/24,0)+1,1))-1)+IF('Standard Profiles'!$G$22=$B$10,7,0)+IF('Standard Profiles'!$G$22=$B$17,14,0)+IF('Standard Profiles'!$G$22=$B$24,21,0),MOD($C104,24)+1)/SUM(INDEX($D$3:$AA$30,INDEX(Jesper!$R$2:$R$366,ROW(INDEX(Jesper!AL$2:AL$366,ROUNDDOWN($C104/24,0)+1,1))-1)+IF('Standard Profiles'!$G$22=$B$10,7,0)+IF('Standard Profiles'!$G$22=$B$17,14,0)+IF('Standard Profiles'!$G$22=$B$24,21,0),0)),0)</f>
        <v>0</v>
      </c>
      <c r="I104">
        <f t="shared" si="27"/>
        <v>0.24676695534939391</v>
      </c>
      <c r="J104">
        <f t="shared" si="28"/>
        <v>0.82255651783131312</v>
      </c>
      <c r="K104">
        <f t="shared" si="29"/>
        <v>1.2338347767469695</v>
      </c>
      <c r="L104">
        <f t="shared" si="30"/>
        <v>5.9224069283854543</v>
      </c>
      <c r="M104">
        <f t="shared" si="31"/>
        <v>0</v>
      </c>
      <c r="N104" s="46">
        <f t="shared" si="32"/>
        <v>45294.916666666497</v>
      </c>
      <c r="O104">
        <v>0.25622233951578666</v>
      </c>
      <c r="P104">
        <v>0.85407446505262219</v>
      </c>
      <c r="Q104">
        <v>1.2811116975789332</v>
      </c>
      <c r="R104">
        <v>6.1493361483788789</v>
      </c>
      <c r="S104">
        <v>0</v>
      </c>
      <c r="T104" s="46">
        <v>45637.916666646532</v>
      </c>
    </row>
    <row r="105" spans="2:20" x14ac:dyDescent="0.3">
      <c r="B105">
        <f t="shared" si="26"/>
        <v>3</v>
      </c>
      <c r="C105" s="16">
        <v>71</v>
      </c>
      <c r="D105" cm="1">
        <f t="array" ref="D105">IFERROR(INDEX(Jesper!AH$2:AH$366,ROUNDDOWN($C105/24,0)+1,1)*INDEX($D$3:$AA$30,INDEX(Jesper!$R$2:$R$366,ROW(INDEX(Jesper!AH$2:AH$366,ROUNDDOWN($C105/24,0)+1,1))-1)+IF('Standard Profiles'!$G$18=$B$10,7,0)+IF('Standard Profiles'!$G$18=$B$17,14,0)+IF('Standard Profiles'!$G$18=$B$24,21,0),MOD($C105,24)+1)/SUM(INDEX($D$3:$AA$30,INDEX(Jesper!$R$2:$R$366,ROW(INDEX(Jesper!AH$2:AH$366,ROUNDDOWN($C105/24,0)+1,1))-1)+IF('Standard Profiles'!$G$18=$B$10,7,0)+IF('Standard Profiles'!$G$18=$B$17,14,0)+IF('Standard Profiles'!$G$18=$B$24,21,0),0)),0)</f>
        <v>8.2255651783131309</v>
      </c>
      <c r="E105" cm="1">
        <f t="array" ref="E105">IFERROR(INDEX(Jesper!AI$2:AI$366,ROUNDDOWN($C105/24,0)+1,1)*INDEX($D$3:$AA$30,INDEX(Jesper!$R$2:$R$366,ROW(INDEX(Jesper!AI$2:AI$366,ROUNDDOWN($C105/24,0)+1,1))-1)+IF('Standard Profiles'!$G$19=$B$10,7,0)+IF('Standard Profiles'!$G$19=$B$17,14,0)+IF('Standard Profiles'!$G$19=$B$24,21,0),MOD($C105,24)+1)/SUM(INDEX($D$3:$AA$30,INDEX(Jesper!$R$2:$R$366,ROW(INDEX(Jesper!AI$2:AI$366,ROUNDDOWN($C105/24,0)+1,1))-1)+IF('Standard Profiles'!$G$19=$B$10,7,0)+IF('Standard Profiles'!$G$19=$B$17,14,0)+IF('Standard Profiles'!$G$19=$B$24,21,0),0)),0)</f>
        <v>0</v>
      </c>
      <c r="F105" cm="1">
        <f t="array" ref="F105">IFERROR(INDEX(Jesper!AJ$2:AJ$366,ROUNDDOWN($C105/24,0)+1,1)*INDEX($D$3:$AA$30,INDEX(Jesper!$R$2:$R$366,ROW(INDEX(Jesper!AJ$2:AJ$366,ROUNDDOWN($C105/24,0)+1,1))-1)+IF('Standard Profiles'!$G$20=$B$10,7,0)+IF('Standard Profiles'!$G$20=$B$17,14,0)+IF('Standard Profiles'!$G$20=$B$24,21,0),MOD($C105,24)+1)/SUM(INDEX($D$3:$AA$30,INDEX(Jesper!$R$2:$R$366,ROW(INDEX(Jesper!AJ$2:AJ$366,ROUNDDOWN($C105/24,0)+1,1))-1)+IF('Standard Profiles'!$G$20=$B$10,7,0)+IF('Standard Profiles'!$G$20=$B$17,14,0)+IF('Standard Profiles'!$G$20=$B$24,21,0),0)),0)</f>
        <v>0</v>
      </c>
      <c r="G105" cm="1">
        <f t="array" ref="G105">IFERROR(INDEX(Jesper!AK$2:AK$366,ROUNDDOWN($C105/24,0)+1,1)*INDEX($D$3:$AA$30,INDEX(Jesper!$R$2:$R$366,ROW(INDEX(Jesper!AK$2:AK$366,ROUNDDOWN($C105/24,0)+1,1))-1)+IF('Standard Profiles'!$G$21=$B$10,7,0)+IF('Standard Profiles'!$G$21=$B$17,14,0)+IF('Standard Profiles'!$G$21=$B$24,21,0),MOD($C105,24)+1)/SUM(INDEX($D$3:$AA$30,INDEX(Jesper!$R$2:$R$366,ROW(INDEX(Jesper!AK$2:AK$366,ROUNDDOWN($C105/24,0)+1,1))-1)+IF('Standard Profiles'!$G$21=$B$10,7,0)+IF('Standard Profiles'!$G$21=$B$17,14,0)+IF('Standard Profiles'!$G$21=$B$24,21,0),0)),0)</f>
        <v>0</v>
      </c>
      <c r="H105" cm="1">
        <f t="array" ref="H105">IFERROR(INDEX(Jesper!AL$2:AL$366,ROUNDDOWN($C105/24,0)+1,1)*INDEX($D$3:$AA$30,INDEX(Jesper!$R$2:$R$366,ROW(INDEX(Jesper!AL$2:AL$366,ROUNDDOWN($C105/24,0)+1,1))-1)+IF('Standard Profiles'!$G$22=$B$10,7,0)+IF('Standard Profiles'!$G$22=$B$17,14,0)+IF('Standard Profiles'!$G$22=$B$24,21,0),MOD($C105,24)+1)/SUM(INDEX($D$3:$AA$30,INDEX(Jesper!$R$2:$R$366,ROW(INDEX(Jesper!AL$2:AL$366,ROUNDDOWN($C105/24,0)+1,1))-1)+IF('Standard Profiles'!$G$22=$B$10,7,0)+IF('Standard Profiles'!$G$22=$B$17,14,0)+IF('Standard Profiles'!$G$22=$B$24,21,0),0)),0)</f>
        <v>0</v>
      </c>
      <c r="I105">
        <f t="shared" si="27"/>
        <v>0.24676695534939391</v>
      </c>
      <c r="J105">
        <f t="shared" si="28"/>
        <v>0.82255651783131312</v>
      </c>
      <c r="K105">
        <f t="shared" si="29"/>
        <v>1.2338347767469695</v>
      </c>
      <c r="L105">
        <f t="shared" si="30"/>
        <v>5.9224069283854543</v>
      </c>
      <c r="M105">
        <f t="shared" si="31"/>
        <v>0</v>
      </c>
      <c r="N105" s="46">
        <f t="shared" si="32"/>
        <v>45294.958333333161</v>
      </c>
      <c r="O105">
        <v>0.25622233951578666</v>
      </c>
      <c r="P105">
        <v>0.85407446505262219</v>
      </c>
      <c r="Q105">
        <v>1.2811116975789332</v>
      </c>
      <c r="R105">
        <v>6.1493361483788789</v>
      </c>
      <c r="S105">
        <v>0</v>
      </c>
      <c r="T105" s="46">
        <v>45637.958333313196</v>
      </c>
    </row>
    <row r="106" spans="2:20" x14ac:dyDescent="0.3">
      <c r="B106">
        <f t="shared" si="26"/>
        <v>4</v>
      </c>
      <c r="C106" s="16">
        <v>72</v>
      </c>
      <c r="D106" cm="1">
        <f t="array" ref="D106">IFERROR(INDEX(Jesper!AH$2:AH$366,ROUNDDOWN($C106/24,0)+1,1)*INDEX($D$3:$AA$30,INDEX(Jesper!$R$2:$R$366,ROW(INDEX(Jesper!AH$2:AH$366,ROUNDDOWN($C106/24,0)+1,1))-1)+IF('Standard Profiles'!$G$18=$B$10,7,0)+IF('Standard Profiles'!$G$18=$B$17,14,0)+IF('Standard Profiles'!$G$18=$B$24,21,0),MOD($C106,24)+1)/SUM(INDEX($D$3:$AA$30,INDEX(Jesper!$R$2:$R$366,ROW(INDEX(Jesper!AH$2:AH$366,ROUNDDOWN($C106/24,0)+1,1))-1)+IF('Standard Profiles'!$G$18=$B$10,7,0)+IF('Standard Profiles'!$G$18=$B$17,14,0)+IF('Standard Profiles'!$G$18=$B$24,21,0),0)),0)</f>
        <v>8.1890184090820277</v>
      </c>
      <c r="E106" cm="1">
        <f t="array" ref="E106">IFERROR(INDEX(Jesper!AI$2:AI$366,ROUNDDOWN($C106/24,0)+1,1)*INDEX($D$3:$AA$30,INDEX(Jesper!$R$2:$R$366,ROW(INDEX(Jesper!AI$2:AI$366,ROUNDDOWN($C106/24,0)+1,1))-1)+IF('Standard Profiles'!$G$19=$B$10,7,0)+IF('Standard Profiles'!$G$19=$B$17,14,0)+IF('Standard Profiles'!$G$19=$B$24,21,0),MOD($C106,24)+1)/SUM(INDEX($D$3:$AA$30,INDEX(Jesper!$R$2:$R$366,ROW(INDEX(Jesper!AI$2:AI$366,ROUNDDOWN($C106/24,0)+1,1))-1)+IF('Standard Profiles'!$G$19=$B$10,7,0)+IF('Standard Profiles'!$G$19=$B$17,14,0)+IF('Standard Profiles'!$G$19=$B$24,21,0),0)),0)</f>
        <v>0</v>
      </c>
      <c r="F106" cm="1">
        <f t="array" ref="F106">IFERROR(INDEX(Jesper!AJ$2:AJ$366,ROUNDDOWN($C106/24,0)+1,1)*INDEX($D$3:$AA$30,INDEX(Jesper!$R$2:$R$366,ROW(INDEX(Jesper!AJ$2:AJ$366,ROUNDDOWN($C106/24,0)+1,1))-1)+IF('Standard Profiles'!$G$20=$B$10,7,0)+IF('Standard Profiles'!$G$20=$B$17,14,0)+IF('Standard Profiles'!$G$20=$B$24,21,0),MOD($C106,24)+1)/SUM(INDEX($D$3:$AA$30,INDEX(Jesper!$R$2:$R$366,ROW(INDEX(Jesper!AJ$2:AJ$366,ROUNDDOWN($C106/24,0)+1,1))-1)+IF('Standard Profiles'!$G$20=$B$10,7,0)+IF('Standard Profiles'!$G$20=$B$17,14,0)+IF('Standard Profiles'!$G$20=$B$24,21,0),0)),0)</f>
        <v>0</v>
      </c>
      <c r="G106" cm="1">
        <f t="array" ref="G106">IFERROR(INDEX(Jesper!AK$2:AK$366,ROUNDDOWN($C106/24,0)+1,1)*INDEX($D$3:$AA$30,INDEX(Jesper!$R$2:$R$366,ROW(INDEX(Jesper!AK$2:AK$366,ROUNDDOWN($C106/24,0)+1,1))-1)+IF('Standard Profiles'!$G$21=$B$10,7,0)+IF('Standard Profiles'!$G$21=$B$17,14,0)+IF('Standard Profiles'!$G$21=$B$24,21,0),MOD($C106,24)+1)/SUM(INDEX($D$3:$AA$30,INDEX(Jesper!$R$2:$R$366,ROW(INDEX(Jesper!AK$2:AK$366,ROUNDDOWN($C106/24,0)+1,1))-1)+IF('Standard Profiles'!$G$21=$B$10,7,0)+IF('Standard Profiles'!$G$21=$B$17,14,0)+IF('Standard Profiles'!$G$21=$B$24,21,0),0)),0)</f>
        <v>0</v>
      </c>
      <c r="H106" cm="1">
        <f t="array" ref="H106">IFERROR(INDEX(Jesper!AL$2:AL$366,ROUNDDOWN($C106/24,0)+1,1)*INDEX($D$3:$AA$30,INDEX(Jesper!$R$2:$R$366,ROW(INDEX(Jesper!AL$2:AL$366,ROUNDDOWN($C106/24,0)+1,1))-1)+IF('Standard Profiles'!$G$22=$B$10,7,0)+IF('Standard Profiles'!$G$22=$B$17,14,0)+IF('Standard Profiles'!$G$22=$B$24,21,0),MOD($C106,24)+1)/SUM(INDEX($D$3:$AA$30,INDEX(Jesper!$R$2:$R$366,ROW(INDEX(Jesper!AL$2:AL$366,ROUNDDOWN($C106/24,0)+1,1))-1)+IF('Standard Profiles'!$G$22=$B$10,7,0)+IF('Standard Profiles'!$G$22=$B$17,14,0)+IF('Standard Profiles'!$G$22=$B$24,21,0),0)),0)</f>
        <v>0</v>
      </c>
      <c r="I106">
        <f t="shared" si="27"/>
        <v>0.24567055227246082</v>
      </c>
      <c r="J106">
        <f t="shared" si="28"/>
        <v>0.81890184090820284</v>
      </c>
      <c r="K106">
        <f t="shared" si="29"/>
        <v>1.2283527613623042</v>
      </c>
      <c r="L106">
        <f t="shared" si="30"/>
        <v>5.8960932545390596</v>
      </c>
      <c r="M106">
        <f t="shared" si="31"/>
        <v>0</v>
      </c>
      <c r="N106" s="46">
        <f t="shared" si="32"/>
        <v>45294.999999999825</v>
      </c>
      <c r="O106">
        <v>0.25947330881672931</v>
      </c>
      <c r="P106">
        <v>0.86491102938909781</v>
      </c>
      <c r="Q106">
        <v>1.2973665440836466</v>
      </c>
      <c r="R106">
        <v>6.2273594116015039</v>
      </c>
      <c r="S106">
        <v>0</v>
      </c>
      <c r="T106" s="46">
        <v>45637.99999997986</v>
      </c>
    </row>
    <row r="107" spans="2:20" x14ac:dyDescent="0.3">
      <c r="B107">
        <f t="shared" si="26"/>
        <v>4</v>
      </c>
      <c r="C107" s="16">
        <v>73</v>
      </c>
      <c r="D107" cm="1">
        <f t="array" ref="D107">IFERROR(INDEX(Jesper!AH$2:AH$366,ROUNDDOWN($C107/24,0)+1,1)*INDEX($D$3:$AA$30,INDEX(Jesper!$R$2:$R$366,ROW(INDEX(Jesper!AH$2:AH$366,ROUNDDOWN($C107/24,0)+1,1))-1)+IF('Standard Profiles'!$G$18=$B$10,7,0)+IF('Standard Profiles'!$G$18=$B$17,14,0)+IF('Standard Profiles'!$G$18=$B$24,21,0),MOD($C107,24)+1)/SUM(INDEX($D$3:$AA$30,INDEX(Jesper!$R$2:$R$366,ROW(INDEX(Jesper!AH$2:AH$366,ROUNDDOWN($C107/24,0)+1,1))-1)+IF('Standard Profiles'!$G$18=$B$10,7,0)+IF('Standard Profiles'!$G$18=$B$17,14,0)+IF('Standard Profiles'!$G$18=$B$24,21,0),0)),0)</f>
        <v>8.1890184090820277</v>
      </c>
      <c r="E107" cm="1">
        <f t="array" ref="E107">IFERROR(INDEX(Jesper!AI$2:AI$366,ROUNDDOWN($C107/24,0)+1,1)*INDEX($D$3:$AA$30,INDEX(Jesper!$R$2:$R$366,ROW(INDEX(Jesper!AI$2:AI$366,ROUNDDOWN($C107/24,0)+1,1))-1)+IF('Standard Profiles'!$G$19=$B$10,7,0)+IF('Standard Profiles'!$G$19=$B$17,14,0)+IF('Standard Profiles'!$G$19=$B$24,21,0),MOD($C107,24)+1)/SUM(INDEX($D$3:$AA$30,INDEX(Jesper!$R$2:$R$366,ROW(INDEX(Jesper!AI$2:AI$366,ROUNDDOWN($C107/24,0)+1,1))-1)+IF('Standard Profiles'!$G$19=$B$10,7,0)+IF('Standard Profiles'!$G$19=$B$17,14,0)+IF('Standard Profiles'!$G$19=$B$24,21,0),0)),0)</f>
        <v>0</v>
      </c>
      <c r="F107" cm="1">
        <f t="array" ref="F107">IFERROR(INDEX(Jesper!AJ$2:AJ$366,ROUNDDOWN($C107/24,0)+1,1)*INDEX($D$3:$AA$30,INDEX(Jesper!$R$2:$R$366,ROW(INDEX(Jesper!AJ$2:AJ$366,ROUNDDOWN($C107/24,0)+1,1))-1)+IF('Standard Profiles'!$G$20=$B$10,7,0)+IF('Standard Profiles'!$G$20=$B$17,14,0)+IF('Standard Profiles'!$G$20=$B$24,21,0),MOD($C107,24)+1)/SUM(INDEX($D$3:$AA$30,INDEX(Jesper!$R$2:$R$366,ROW(INDEX(Jesper!AJ$2:AJ$366,ROUNDDOWN($C107/24,0)+1,1))-1)+IF('Standard Profiles'!$G$20=$B$10,7,0)+IF('Standard Profiles'!$G$20=$B$17,14,0)+IF('Standard Profiles'!$G$20=$B$24,21,0),0)),0)</f>
        <v>0</v>
      </c>
      <c r="G107" cm="1">
        <f t="array" ref="G107">IFERROR(INDEX(Jesper!AK$2:AK$366,ROUNDDOWN($C107/24,0)+1,1)*INDEX($D$3:$AA$30,INDEX(Jesper!$R$2:$R$366,ROW(INDEX(Jesper!AK$2:AK$366,ROUNDDOWN($C107/24,0)+1,1))-1)+IF('Standard Profiles'!$G$21=$B$10,7,0)+IF('Standard Profiles'!$G$21=$B$17,14,0)+IF('Standard Profiles'!$G$21=$B$24,21,0),MOD($C107,24)+1)/SUM(INDEX($D$3:$AA$30,INDEX(Jesper!$R$2:$R$366,ROW(INDEX(Jesper!AK$2:AK$366,ROUNDDOWN($C107/24,0)+1,1))-1)+IF('Standard Profiles'!$G$21=$B$10,7,0)+IF('Standard Profiles'!$G$21=$B$17,14,0)+IF('Standard Profiles'!$G$21=$B$24,21,0),0)),0)</f>
        <v>0</v>
      </c>
      <c r="H107" cm="1">
        <f t="array" ref="H107">IFERROR(INDEX(Jesper!AL$2:AL$366,ROUNDDOWN($C107/24,0)+1,1)*INDEX($D$3:$AA$30,INDEX(Jesper!$R$2:$R$366,ROW(INDEX(Jesper!AL$2:AL$366,ROUNDDOWN($C107/24,0)+1,1))-1)+IF('Standard Profiles'!$G$22=$B$10,7,0)+IF('Standard Profiles'!$G$22=$B$17,14,0)+IF('Standard Profiles'!$G$22=$B$24,21,0),MOD($C107,24)+1)/SUM(INDEX($D$3:$AA$30,INDEX(Jesper!$R$2:$R$366,ROW(INDEX(Jesper!AL$2:AL$366,ROUNDDOWN($C107/24,0)+1,1))-1)+IF('Standard Profiles'!$G$22=$B$10,7,0)+IF('Standard Profiles'!$G$22=$B$17,14,0)+IF('Standard Profiles'!$G$22=$B$24,21,0),0)),0)</f>
        <v>0</v>
      </c>
      <c r="I107">
        <f t="shared" si="27"/>
        <v>0.24567055227246082</v>
      </c>
      <c r="J107">
        <f t="shared" si="28"/>
        <v>0.81890184090820284</v>
      </c>
      <c r="K107">
        <f t="shared" si="29"/>
        <v>1.2283527613623042</v>
      </c>
      <c r="L107">
        <f t="shared" si="30"/>
        <v>5.8960932545390596</v>
      </c>
      <c r="M107">
        <f t="shared" si="31"/>
        <v>0</v>
      </c>
      <c r="N107" s="46">
        <f t="shared" si="32"/>
        <v>45295.04166666649</v>
      </c>
      <c r="O107">
        <v>0.25947330881672931</v>
      </c>
      <c r="P107">
        <v>0.86491102938909781</v>
      </c>
      <c r="Q107">
        <v>1.2973665440836466</v>
      </c>
      <c r="R107">
        <v>6.2273594116015039</v>
      </c>
      <c r="S107">
        <v>0</v>
      </c>
      <c r="T107" s="46">
        <v>45638.041666646524</v>
      </c>
    </row>
    <row r="108" spans="2:20" x14ac:dyDescent="0.3">
      <c r="B108">
        <f t="shared" si="26"/>
        <v>4</v>
      </c>
      <c r="C108" s="16">
        <v>74</v>
      </c>
      <c r="D108" cm="1">
        <f t="array" ref="D108">IFERROR(INDEX(Jesper!AH$2:AH$366,ROUNDDOWN($C108/24,0)+1,1)*INDEX($D$3:$AA$30,INDEX(Jesper!$R$2:$R$366,ROW(INDEX(Jesper!AH$2:AH$366,ROUNDDOWN($C108/24,0)+1,1))-1)+IF('Standard Profiles'!$G$18=$B$10,7,0)+IF('Standard Profiles'!$G$18=$B$17,14,0)+IF('Standard Profiles'!$G$18=$B$24,21,0),MOD($C108,24)+1)/SUM(INDEX($D$3:$AA$30,INDEX(Jesper!$R$2:$R$366,ROW(INDEX(Jesper!AH$2:AH$366,ROUNDDOWN($C108/24,0)+1,1))-1)+IF('Standard Profiles'!$G$18=$B$10,7,0)+IF('Standard Profiles'!$G$18=$B$17,14,0)+IF('Standard Profiles'!$G$18=$B$24,21,0),0)),0)</f>
        <v>8.1890184090820277</v>
      </c>
      <c r="E108" cm="1">
        <f t="array" ref="E108">IFERROR(INDEX(Jesper!AI$2:AI$366,ROUNDDOWN($C108/24,0)+1,1)*INDEX($D$3:$AA$30,INDEX(Jesper!$R$2:$R$366,ROW(INDEX(Jesper!AI$2:AI$366,ROUNDDOWN($C108/24,0)+1,1))-1)+IF('Standard Profiles'!$G$19=$B$10,7,0)+IF('Standard Profiles'!$G$19=$B$17,14,0)+IF('Standard Profiles'!$G$19=$B$24,21,0),MOD($C108,24)+1)/SUM(INDEX($D$3:$AA$30,INDEX(Jesper!$R$2:$R$366,ROW(INDEX(Jesper!AI$2:AI$366,ROUNDDOWN($C108/24,0)+1,1))-1)+IF('Standard Profiles'!$G$19=$B$10,7,0)+IF('Standard Profiles'!$G$19=$B$17,14,0)+IF('Standard Profiles'!$G$19=$B$24,21,0),0)),0)</f>
        <v>0</v>
      </c>
      <c r="F108" cm="1">
        <f t="array" ref="F108">IFERROR(INDEX(Jesper!AJ$2:AJ$366,ROUNDDOWN($C108/24,0)+1,1)*INDEX($D$3:$AA$30,INDEX(Jesper!$R$2:$R$366,ROW(INDEX(Jesper!AJ$2:AJ$366,ROUNDDOWN($C108/24,0)+1,1))-1)+IF('Standard Profiles'!$G$20=$B$10,7,0)+IF('Standard Profiles'!$G$20=$B$17,14,0)+IF('Standard Profiles'!$G$20=$B$24,21,0),MOD($C108,24)+1)/SUM(INDEX($D$3:$AA$30,INDEX(Jesper!$R$2:$R$366,ROW(INDEX(Jesper!AJ$2:AJ$366,ROUNDDOWN($C108/24,0)+1,1))-1)+IF('Standard Profiles'!$G$20=$B$10,7,0)+IF('Standard Profiles'!$G$20=$B$17,14,0)+IF('Standard Profiles'!$G$20=$B$24,21,0),0)),0)</f>
        <v>0</v>
      </c>
      <c r="G108" cm="1">
        <f t="array" ref="G108">IFERROR(INDEX(Jesper!AK$2:AK$366,ROUNDDOWN($C108/24,0)+1,1)*INDEX($D$3:$AA$30,INDEX(Jesper!$R$2:$R$366,ROW(INDEX(Jesper!AK$2:AK$366,ROUNDDOWN($C108/24,0)+1,1))-1)+IF('Standard Profiles'!$G$21=$B$10,7,0)+IF('Standard Profiles'!$G$21=$B$17,14,0)+IF('Standard Profiles'!$G$21=$B$24,21,0),MOD($C108,24)+1)/SUM(INDEX($D$3:$AA$30,INDEX(Jesper!$R$2:$R$366,ROW(INDEX(Jesper!AK$2:AK$366,ROUNDDOWN($C108/24,0)+1,1))-1)+IF('Standard Profiles'!$G$21=$B$10,7,0)+IF('Standard Profiles'!$G$21=$B$17,14,0)+IF('Standard Profiles'!$G$21=$B$24,21,0),0)),0)</f>
        <v>0</v>
      </c>
      <c r="H108" cm="1">
        <f t="array" ref="H108">IFERROR(INDEX(Jesper!AL$2:AL$366,ROUNDDOWN($C108/24,0)+1,1)*INDEX($D$3:$AA$30,INDEX(Jesper!$R$2:$R$366,ROW(INDEX(Jesper!AL$2:AL$366,ROUNDDOWN($C108/24,0)+1,1))-1)+IF('Standard Profiles'!$G$22=$B$10,7,0)+IF('Standard Profiles'!$G$22=$B$17,14,0)+IF('Standard Profiles'!$G$22=$B$24,21,0),MOD($C108,24)+1)/SUM(INDEX($D$3:$AA$30,INDEX(Jesper!$R$2:$R$366,ROW(INDEX(Jesper!AL$2:AL$366,ROUNDDOWN($C108/24,0)+1,1))-1)+IF('Standard Profiles'!$G$22=$B$10,7,0)+IF('Standard Profiles'!$G$22=$B$17,14,0)+IF('Standard Profiles'!$G$22=$B$24,21,0),0)),0)</f>
        <v>0</v>
      </c>
      <c r="I108">
        <f t="shared" si="27"/>
        <v>0.24567055227246082</v>
      </c>
      <c r="J108">
        <f t="shared" si="28"/>
        <v>0.81890184090820284</v>
      </c>
      <c r="K108">
        <f t="shared" si="29"/>
        <v>1.2283527613623042</v>
      </c>
      <c r="L108">
        <f t="shared" si="30"/>
        <v>5.8960932545390596</v>
      </c>
      <c r="M108">
        <f t="shared" si="31"/>
        <v>0</v>
      </c>
      <c r="N108" s="46">
        <f t="shared" si="32"/>
        <v>45295.083333333154</v>
      </c>
      <c r="O108">
        <v>0.25947330881672931</v>
      </c>
      <c r="P108">
        <v>0.86491102938909781</v>
      </c>
      <c r="Q108">
        <v>1.2973665440836466</v>
      </c>
      <c r="R108">
        <v>6.2273594116015039</v>
      </c>
      <c r="S108">
        <v>0</v>
      </c>
      <c r="T108" s="46">
        <v>45638.083333313189</v>
      </c>
    </row>
    <row r="109" spans="2:20" x14ac:dyDescent="0.3">
      <c r="B109">
        <f t="shared" si="26"/>
        <v>4</v>
      </c>
      <c r="C109" s="16">
        <v>75</v>
      </c>
      <c r="D109" cm="1">
        <f t="array" ref="D109">IFERROR(INDEX(Jesper!AH$2:AH$366,ROUNDDOWN($C109/24,0)+1,1)*INDEX($D$3:$AA$30,INDEX(Jesper!$R$2:$R$366,ROW(INDEX(Jesper!AH$2:AH$366,ROUNDDOWN($C109/24,0)+1,1))-1)+IF('Standard Profiles'!$G$18=$B$10,7,0)+IF('Standard Profiles'!$G$18=$B$17,14,0)+IF('Standard Profiles'!$G$18=$B$24,21,0),MOD($C109,24)+1)/SUM(INDEX($D$3:$AA$30,INDEX(Jesper!$R$2:$R$366,ROW(INDEX(Jesper!AH$2:AH$366,ROUNDDOWN($C109/24,0)+1,1))-1)+IF('Standard Profiles'!$G$18=$B$10,7,0)+IF('Standard Profiles'!$G$18=$B$17,14,0)+IF('Standard Profiles'!$G$18=$B$24,21,0),0)),0)</f>
        <v>8.1890184090820277</v>
      </c>
      <c r="E109" cm="1">
        <f t="array" ref="E109">IFERROR(INDEX(Jesper!AI$2:AI$366,ROUNDDOWN($C109/24,0)+1,1)*INDEX($D$3:$AA$30,INDEX(Jesper!$R$2:$R$366,ROW(INDEX(Jesper!AI$2:AI$366,ROUNDDOWN($C109/24,0)+1,1))-1)+IF('Standard Profiles'!$G$19=$B$10,7,0)+IF('Standard Profiles'!$G$19=$B$17,14,0)+IF('Standard Profiles'!$G$19=$B$24,21,0),MOD($C109,24)+1)/SUM(INDEX($D$3:$AA$30,INDEX(Jesper!$R$2:$R$366,ROW(INDEX(Jesper!AI$2:AI$366,ROUNDDOWN($C109/24,0)+1,1))-1)+IF('Standard Profiles'!$G$19=$B$10,7,0)+IF('Standard Profiles'!$G$19=$B$17,14,0)+IF('Standard Profiles'!$G$19=$B$24,21,0),0)),0)</f>
        <v>0</v>
      </c>
      <c r="F109" cm="1">
        <f t="array" ref="F109">IFERROR(INDEX(Jesper!AJ$2:AJ$366,ROUNDDOWN($C109/24,0)+1,1)*INDEX($D$3:$AA$30,INDEX(Jesper!$R$2:$R$366,ROW(INDEX(Jesper!AJ$2:AJ$366,ROUNDDOWN($C109/24,0)+1,1))-1)+IF('Standard Profiles'!$G$20=$B$10,7,0)+IF('Standard Profiles'!$G$20=$B$17,14,0)+IF('Standard Profiles'!$G$20=$B$24,21,0),MOD($C109,24)+1)/SUM(INDEX($D$3:$AA$30,INDEX(Jesper!$R$2:$R$366,ROW(INDEX(Jesper!AJ$2:AJ$366,ROUNDDOWN($C109/24,0)+1,1))-1)+IF('Standard Profiles'!$G$20=$B$10,7,0)+IF('Standard Profiles'!$G$20=$B$17,14,0)+IF('Standard Profiles'!$G$20=$B$24,21,0),0)),0)</f>
        <v>0</v>
      </c>
      <c r="G109" cm="1">
        <f t="array" ref="G109">IFERROR(INDEX(Jesper!AK$2:AK$366,ROUNDDOWN($C109/24,0)+1,1)*INDEX($D$3:$AA$30,INDEX(Jesper!$R$2:$R$366,ROW(INDEX(Jesper!AK$2:AK$366,ROUNDDOWN($C109/24,0)+1,1))-1)+IF('Standard Profiles'!$G$21=$B$10,7,0)+IF('Standard Profiles'!$G$21=$B$17,14,0)+IF('Standard Profiles'!$G$21=$B$24,21,0),MOD($C109,24)+1)/SUM(INDEX($D$3:$AA$30,INDEX(Jesper!$R$2:$R$366,ROW(INDEX(Jesper!AK$2:AK$366,ROUNDDOWN($C109/24,0)+1,1))-1)+IF('Standard Profiles'!$G$21=$B$10,7,0)+IF('Standard Profiles'!$G$21=$B$17,14,0)+IF('Standard Profiles'!$G$21=$B$24,21,0),0)),0)</f>
        <v>0</v>
      </c>
      <c r="H109" cm="1">
        <f t="array" ref="H109">IFERROR(INDEX(Jesper!AL$2:AL$366,ROUNDDOWN($C109/24,0)+1,1)*INDEX($D$3:$AA$30,INDEX(Jesper!$R$2:$R$366,ROW(INDEX(Jesper!AL$2:AL$366,ROUNDDOWN($C109/24,0)+1,1))-1)+IF('Standard Profiles'!$G$22=$B$10,7,0)+IF('Standard Profiles'!$G$22=$B$17,14,0)+IF('Standard Profiles'!$G$22=$B$24,21,0),MOD($C109,24)+1)/SUM(INDEX($D$3:$AA$30,INDEX(Jesper!$R$2:$R$366,ROW(INDEX(Jesper!AL$2:AL$366,ROUNDDOWN($C109/24,0)+1,1))-1)+IF('Standard Profiles'!$G$22=$B$10,7,0)+IF('Standard Profiles'!$G$22=$B$17,14,0)+IF('Standard Profiles'!$G$22=$B$24,21,0),0)),0)</f>
        <v>0</v>
      </c>
      <c r="I109">
        <f t="shared" si="27"/>
        <v>0.24567055227246082</v>
      </c>
      <c r="J109">
        <f t="shared" si="28"/>
        <v>0.81890184090820284</v>
      </c>
      <c r="K109">
        <f t="shared" si="29"/>
        <v>1.2283527613623042</v>
      </c>
      <c r="L109">
        <f t="shared" si="30"/>
        <v>5.8960932545390596</v>
      </c>
      <c r="M109">
        <f t="shared" si="31"/>
        <v>0</v>
      </c>
      <c r="N109" s="46">
        <f t="shared" si="32"/>
        <v>45295.124999999818</v>
      </c>
      <c r="O109">
        <v>0.25947330881672931</v>
      </c>
      <c r="P109">
        <v>0.86491102938909781</v>
      </c>
      <c r="Q109">
        <v>1.2973665440836466</v>
      </c>
      <c r="R109">
        <v>6.2273594116015039</v>
      </c>
      <c r="S109">
        <v>0</v>
      </c>
      <c r="T109" s="46">
        <v>45638.124999979853</v>
      </c>
    </row>
    <row r="110" spans="2:20" x14ac:dyDescent="0.3">
      <c r="B110">
        <f t="shared" si="26"/>
        <v>4</v>
      </c>
      <c r="C110" s="16">
        <v>76</v>
      </c>
      <c r="D110" cm="1">
        <f t="array" ref="D110">IFERROR(INDEX(Jesper!AH$2:AH$366,ROUNDDOWN($C110/24,0)+1,1)*INDEX($D$3:$AA$30,INDEX(Jesper!$R$2:$R$366,ROW(INDEX(Jesper!AH$2:AH$366,ROUNDDOWN($C110/24,0)+1,1))-1)+IF('Standard Profiles'!$G$18=$B$10,7,0)+IF('Standard Profiles'!$G$18=$B$17,14,0)+IF('Standard Profiles'!$G$18=$B$24,21,0),MOD($C110,24)+1)/SUM(INDEX($D$3:$AA$30,INDEX(Jesper!$R$2:$R$366,ROW(INDEX(Jesper!AH$2:AH$366,ROUNDDOWN($C110/24,0)+1,1))-1)+IF('Standard Profiles'!$G$18=$B$10,7,0)+IF('Standard Profiles'!$G$18=$B$17,14,0)+IF('Standard Profiles'!$G$18=$B$24,21,0),0)),0)</f>
        <v>8.1890184090820277</v>
      </c>
      <c r="E110" cm="1">
        <f t="array" ref="E110">IFERROR(INDEX(Jesper!AI$2:AI$366,ROUNDDOWN($C110/24,0)+1,1)*INDEX($D$3:$AA$30,INDEX(Jesper!$R$2:$R$366,ROW(INDEX(Jesper!AI$2:AI$366,ROUNDDOWN($C110/24,0)+1,1))-1)+IF('Standard Profiles'!$G$19=$B$10,7,0)+IF('Standard Profiles'!$G$19=$B$17,14,0)+IF('Standard Profiles'!$G$19=$B$24,21,0),MOD($C110,24)+1)/SUM(INDEX($D$3:$AA$30,INDEX(Jesper!$R$2:$R$366,ROW(INDEX(Jesper!AI$2:AI$366,ROUNDDOWN($C110/24,0)+1,1))-1)+IF('Standard Profiles'!$G$19=$B$10,7,0)+IF('Standard Profiles'!$G$19=$B$17,14,0)+IF('Standard Profiles'!$G$19=$B$24,21,0),0)),0)</f>
        <v>0</v>
      </c>
      <c r="F110" cm="1">
        <f t="array" ref="F110">IFERROR(INDEX(Jesper!AJ$2:AJ$366,ROUNDDOWN($C110/24,0)+1,1)*INDEX($D$3:$AA$30,INDEX(Jesper!$R$2:$R$366,ROW(INDEX(Jesper!AJ$2:AJ$366,ROUNDDOWN($C110/24,0)+1,1))-1)+IF('Standard Profiles'!$G$20=$B$10,7,0)+IF('Standard Profiles'!$G$20=$B$17,14,0)+IF('Standard Profiles'!$G$20=$B$24,21,0),MOD($C110,24)+1)/SUM(INDEX($D$3:$AA$30,INDEX(Jesper!$R$2:$R$366,ROW(INDEX(Jesper!AJ$2:AJ$366,ROUNDDOWN($C110/24,0)+1,1))-1)+IF('Standard Profiles'!$G$20=$B$10,7,0)+IF('Standard Profiles'!$G$20=$B$17,14,0)+IF('Standard Profiles'!$G$20=$B$24,21,0),0)),0)</f>
        <v>0</v>
      </c>
      <c r="G110" cm="1">
        <f t="array" ref="G110">IFERROR(INDEX(Jesper!AK$2:AK$366,ROUNDDOWN($C110/24,0)+1,1)*INDEX($D$3:$AA$30,INDEX(Jesper!$R$2:$R$366,ROW(INDEX(Jesper!AK$2:AK$366,ROUNDDOWN($C110/24,0)+1,1))-1)+IF('Standard Profiles'!$G$21=$B$10,7,0)+IF('Standard Profiles'!$G$21=$B$17,14,0)+IF('Standard Profiles'!$G$21=$B$24,21,0),MOD($C110,24)+1)/SUM(INDEX($D$3:$AA$30,INDEX(Jesper!$R$2:$R$366,ROW(INDEX(Jesper!AK$2:AK$366,ROUNDDOWN($C110/24,0)+1,1))-1)+IF('Standard Profiles'!$G$21=$B$10,7,0)+IF('Standard Profiles'!$G$21=$B$17,14,0)+IF('Standard Profiles'!$G$21=$B$24,21,0),0)),0)</f>
        <v>0</v>
      </c>
      <c r="H110" cm="1">
        <f t="array" ref="H110">IFERROR(INDEX(Jesper!AL$2:AL$366,ROUNDDOWN($C110/24,0)+1,1)*INDEX($D$3:$AA$30,INDEX(Jesper!$R$2:$R$366,ROW(INDEX(Jesper!AL$2:AL$366,ROUNDDOWN($C110/24,0)+1,1))-1)+IF('Standard Profiles'!$G$22=$B$10,7,0)+IF('Standard Profiles'!$G$22=$B$17,14,0)+IF('Standard Profiles'!$G$22=$B$24,21,0),MOD($C110,24)+1)/SUM(INDEX($D$3:$AA$30,INDEX(Jesper!$R$2:$R$366,ROW(INDEX(Jesper!AL$2:AL$366,ROUNDDOWN($C110/24,0)+1,1))-1)+IF('Standard Profiles'!$G$22=$B$10,7,0)+IF('Standard Profiles'!$G$22=$B$17,14,0)+IF('Standard Profiles'!$G$22=$B$24,21,0),0)),0)</f>
        <v>0</v>
      </c>
      <c r="I110">
        <f t="shared" si="27"/>
        <v>0.24567055227246082</v>
      </c>
      <c r="J110">
        <f t="shared" si="28"/>
        <v>0.81890184090820284</v>
      </c>
      <c r="K110">
        <f t="shared" si="29"/>
        <v>1.2283527613623042</v>
      </c>
      <c r="L110">
        <f t="shared" si="30"/>
        <v>5.8960932545390596</v>
      </c>
      <c r="M110">
        <f t="shared" si="31"/>
        <v>0</v>
      </c>
      <c r="N110" s="46">
        <f t="shared" si="32"/>
        <v>45295.166666666482</v>
      </c>
      <c r="O110">
        <v>0.25947330881672931</v>
      </c>
      <c r="P110">
        <v>0.86491102938909781</v>
      </c>
      <c r="Q110">
        <v>1.2973665440836466</v>
      </c>
      <c r="R110">
        <v>6.2273594116015039</v>
      </c>
      <c r="S110">
        <v>0</v>
      </c>
      <c r="T110" s="46">
        <v>45638.166666646517</v>
      </c>
    </row>
    <row r="111" spans="2:20" x14ac:dyDescent="0.3">
      <c r="B111">
        <f t="shared" si="26"/>
        <v>4</v>
      </c>
      <c r="C111" s="16">
        <v>77</v>
      </c>
      <c r="D111" cm="1">
        <f t="array" ref="D111">IFERROR(INDEX(Jesper!AH$2:AH$366,ROUNDDOWN($C111/24,0)+1,1)*INDEX($D$3:$AA$30,INDEX(Jesper!$R$2:$R$366,ROW(INDEX(Jesper!AH$2:AH$366,ROUNDDOWN($C111/24,0)+1,1))-1)+IF('Standard Profiles'!$G$18=$B$10,7,0)+IF('Standard Profiles'!$G$18=$B$17,14,0)+IF('Standard Profiles'!$G$18=$B$24,21,0),MOD($C111,24)+1)/SUM(INDEX($D$3:$AA$30,INDEX(Jesper!$R$2:$R$366,ROW(INDEX(Jesper!AH$2:AH$366,ROUNDDOWN($C111/24,0)+1,1))-1)+IF('Standard Profiles'!$G$18=$B$10,7,0)+IF('Standard Profiles'!$G$18=$B$17,14,0)+IF('Standard Profiles'!$G$18=$B$24,21,0),0)),0)</f>
        <v>10.55473483837239</v>
      </c>
      <c r="E111" cm="1">
        <f t="array" ref="E111">IFERROR(INDEX(Jesper!AI$2:AI$366,ROUNDDOWN($C111/24,0)+1,1)*INDEX($D$3:$AA$30,INDEX(Jesper!$R$2:$R$366,ROW(INDEX(Jesper!AI$2:AI$366,ROUNDDOWN($C111/24,0)+1,1))-1)+IF('Standard Profiles'!$G$19=$B$10,7,0)+IF('Standard Profiles'!$G$19=$B$17,14,0)+IF('Standard Profiles'!$G$19=$B$24,21,0),MOD($C111,24)+1)/SUM(INDEX($D$3:$AA$30,INDEX(Jesper!$R$2:$R$366,ROW(INDEX(Jesper!AI$2:AI$366,ROUNDDOWN($C111/24,0)+1,1))-1)+IF('Standard Profiles'!$G$19=$B$10,7,0)+IF('Standard Profiles'!$G$19=$B$17,14,0)+IF('Standard Profiles'!$G$19=$B$24,21,0),0)),0)</f>
        <v>0</v>
      </c>
      <c r="F111" cm="1">
        <f t="array" ref="F111">IFERROR(INDEX(Jesper!AJ$2:AJ$366,ROUNDDOWN($C111/24,0)+1,1)*INDEX($D$3:$AA$30,INDEX(Jesper!$R$2:$R$366,ROW(INDEX(Jesper!AJ$2:AJ$366,ROUNDDOWN($C111/24,0)+1,1))-1)+IF('Standard Profiles'!$G$20=$B$10,7,0)+IF('Standard Profiles'!$G$20=$B$17,14,0)+IF('Standard Profiles'!$G$20=$B$24,21,0),MOD($C111,24)+1)/SUM(INDEX($D$3:$AA$30,INDEX(Jesper!$R$2:$R$366,ROW(INDEX(Jesper!AJ$2:AJ$366,ROUNDDOWN($C111/24,0)+1,1))-1)+IF('Standard Profiles'!$G$20=$B$10,7,0)+IF('Standard Profiles'!$G$20=$B$17,14,0)+IF('Standard Profiles'!$G$20=$B$24,21,0),0)),0)</f>
        <v>0</v>
      </c>
      <c r="G111" cm="1">
        <f t="array" ref="G111">IFERROR(INDEX(Jesper!AK$2:AK$366,ROUNDDOWN($C111/24,0)+1,1)*INDEX($D$3:$AA$30,INDEX(Jesper!$R$2:$R$366,ROW(INDEX(Jesper!AK$2:AK$366,ROUNDDOWN($C111/24,0)+1,1))-1)+IF('Standard Profiles'!$G$21=$B$10,7,0)+IF('Standard Profiles'!$G$21=$B$17,14,0)+IF('Standard Profiles'!$G$21=$B$24,21,0),MOD($C111,24)+1)/SUM(INDEX($D$3:$AA$30,INDEX(Jesper!$R$2:$R$366,ROW(INDEX(Jesper!AK$2:AK$366,ROUNDDOWN($C111/24,0)+1,1))-1)+IF('Standard Profiles'!$G$21=$B$10,7,0)+IF('Standard Profiles'!$G$21=$B$17,14,0)+IF('Standard Profiles'!$G$21=$B$24,21,0),0)),0)</f>
        <v>0</v>
      </c>
      <c r="H111" cm="1">
        <f t="array" ref="H111">IFERROR(INDEX(Jesper!AL$2:AL$366,ROUNDDOWN($C111/24,0)+1,1)*INDEX($D$3:$AA$30,INDEX(Jesper!$R$2:$R$366,ROW(INDEX(Jesper!AL$2:AL$366,ROUNDDOWN($C111/24,0)+1,1))-1)+IF('Standard Profiles'!$G$22=$B$10,7,0)+IF('Standard Profiles'!$G$22=$B$17,14,0)+IF('Standard Profiles'!$G$22=$B$24,21,0),MOD($C111,24)+1)/SUM(INDEX($D$3:$AA$30,INDEX(Jesper!$R$2:$R$366,ROW(INDEX(Jesper!AL$2:AL$366,ROUNDDOWN($C111/24,0)+1,1))-1)+IF('Standard Profiles'!$G$22=$B$10,7,0)+IF('Standard Profiles'!$G$22=$B$17,14,0)+IF('Standard Profiles'!$G$22=$B$24,21,0),0)),0)</f>
        <v>0</v>
      </c>
      <c r="I111">
        <f t="shared" si="27"/>
        <v>0.31664204515117167</v>
      </c>
      <c r="J111">
        <f t="shared" si="28"/>
        <v>1.055473483837239</v>
      </c>
      <c r="K111">
        <f t="shared" si="29"/>
        <v>1.5832102257558585</v>
      </c>
      <c r="L111">
        <f t="shared" si="30"/>
        <v>7.599409083628121</v>
      </c>
      <c r="M111">
        <f t="shared" si="31"/>
        <v>0</v>
      </c>
      <c r="N111" s="46">
        <f t="shared" si="32"/>
        <v>45295.208333333147</v>
      </c>
      <c r="O111">
        <v>0.33443226469711773</v>
      </c>
      <c r="P111">
        <v>1.1147742156570593</v>
      </c>
      <c r="Q111">
        <v>1.6721613234855888</v>
      </c>
      <c r="R111">
        <v>8.0263743527308264</v>
      </c>
      <c r="S111">
        <v>0</v>
      </c>
      <c r="T111" s="46">
        <v>45638.208333313181</v>
      </c>
    </row>
    <row r="112" spans="2:20" x14ac:dyDescent="0.3">
      <c r="B112">
        <f t="shared" si="26"/>
        <v>4</v>
      </c>
      <c r="C112" s="16">
        <v>78</v>
      </c>
      <c r="D112" cm="1">
        <f t="array" ref="D112">IFERROR(INDEX(Jesper!AH$2:AH$366,ROUNDDOWN($C112/24,0)+1,1)*INDEX($D$3:$AA$30,INDEX(Jesper!$R$2:$R$366,ROW(INDEX(Jesper!AH$2:AH$366,ROUNDDOWN($C112/24,0)+1,1))-1)+IF('Standard Profiles'!$G$18=$B$10,7,0)+IF('Standard Profiles'!$G$18=$B$17,14,0)+IF('Standard Profiles'!$G$18=$B$24,21,0),MOD($C112,24)+1)/SUM(INDEX($D$3:$AA$30,INDEX(Jesper!$R$2:$R$366,ROW(INDEX(Jesper!AH$2:AH$366,ROUNDDOWN($C112/24,0)+1,1))-1)+IF('Standard Profiles'!$G$18=$B$10,7,0)+IF('Standard Profiles'!$G$18=$B$17,14,0)+IF('Standard Profiles'!$G$18=$B$24,21,0),0)),0)</f>
        <v>12.192538520188798</v>
      </c>
      <c r="E112" cm="1">
        <f t="array" ref="E112">IFERROR(INDEX(Jesper!AI$2:AI$366,ROUNDDOWN($C112/24,0)+1,1)*INDEX($D$3:$AA$30,INDEX(Jesper!$R$2:$R$366,ROW(INDEX(Jesper!AI$2:AI$366,ROUNDDOWN($C112/24,0)+1,1))-1)+IF('Standard Profiles'!$G$19=$B$10,7,0)+IF('Standard Profiles'!$G$19=$B$17,14,0)+IF('Standard Profiles'!$G$19=$B$24,21,0),MOD($C112,24)+1)/SUM(INDEX($D$3:$AA$30,INDEX(Jesper!$R$2:$R$366,ROW(INDEX(Jesper!AI$2:AI$366,ROUNDDOWN($C112/24,0)+1,1))-1)+IF('Standard Profiles'!$G$19=$B$10,7,0)+IF('Standard Profiles'!$G$19=$B$17,14,0)+IF('Standard Profiles'!$G$19=$B$24,21,0),0)),0)</f>
        <v>0</v>
      </c>
      <c r="F112" cm="1">
        <f t="array" ref="F112">IFERROR(INDEX(Jesper!AJ$2:AJ$366,ROUNDDOWN($C112/24,0)+1,1)*INDEX($D$3:$AA$30,INDEX(Jesper!$R$2:$R$366,ROW(INDEX(Jesper!AJ$2:AJ$366,ROUNDDOWN($C112/24,0)+1,1))-1)+IF('Standard Profiles'!$G$20=$B$10,7,0)+IF('Standard Profiles'!$G$20=$B$17,14,0)+IF('Standard Profiles'!$G$20=$B$24,21,0),MOD($C112,24)+1)/SUM(INDEX($D$3:$AA$30,INDEX(Jesper!$R$2:$R$366,ROW(INDEX(Jesper!AJ$2:AJ$366,ROUNDDOWN($C112/24,0)+1,1))-1)+IF('Standard Profiles'!$G$20=$B$10,7,0)+IF('Standard Profiles'!$G$20=$B$17,14,0)+IF('Standard Profiles'!$G$20=$B$24,21,0),0)),0)</f>
        <v>0</v>
      </c>
      <c r="G112" cm="1">
        <f t="array" ref="G112">IFERROR(INDEX(Jesper!AK$2:AK$366,ROUNDDOWN($C112/24,0)+1,1)*INDEX($D$3:$AA$30,INDEX(Jesper!$R$2:$R$366,ROW(INDEX(Jesper!AK$2:AK$366,ROUNDDOWN($C112/24,0)+1,1))-1)+IF('Standard Profiles'!$G$21=$B$10,7,0)+IF('Standard Profiles'!$G$21=$B$17,14,0)+IF('Standard Profiles'!$G$21=$B$24,21,0),MOD($C112,24)+1)/SUM(INDEX($D$3:$AA$30,INDEX(Jesper!$R$2:$R$366,ROW(INDEX(Jesper!AK$2:AK$366,ROUNDDOWN($C112/24,0)+1,1))-1)+IF('Standard Profiles'!$G$21=$B$10,7,0)+IF('Standard Profiles'!$G$21=$B$17,14,0)+IF('Standard Profiles'!$G$21=$B$24,21,0),0)),0)</f>
        <v>0</v>
      </c>
      <c r="H112" cm="1">
        <f t="array" ref="H112">IFERROR(INDEX(Jesper!AL$2:AL$366,ROUNDDOWN($C112/24,0)+1,1)*INDEX($D$3:$AA$30,INDEX(Jesper!$R$2:$R$366,ROW(INDEX(Jesper!AL$2:AL$366,ROUNDDOWN($C112/24,0)+1,1))-1)+IF('Standard Profiles'!$G$22=$B$10,7,0)+IF('Standard Profiles'!$G$22=$B$17,14,0)+IF('Standard Profiles'!$G$22=$B$24,21,0),MOD($C112,24)+1)/SUM(INDEX($D$3:$AA$30,INDEX(Jesper!$R$2:$R$366,ROW(INDEX(Jesper!AL$2:AL$366,ROUNDDOWN($C112/24,0)+1,1))-1)+IF('Standard Profiles'!$G$22=$B$10,7,0)+IF('Standard Profiles'!$G$22=$B$17,14,0)+IF('Standard Profiles'!$G$22=$B$24,21,0),0)),0)</f>
        <v>0</v>
      </c>
      <c r="I112">
        <f t="shared" si="27"/>
        <v>0.3657761556056639</v>
      </c>
      <c r="J112">
        <f t="shared" si="28"/>
        <v>1.2192538520188798</v>
      </c>
      <c r="K112">
        <f t="shared" si="29"/>
        <v>1.8288807780283196</v>
      </c>
      <c r="L112">
        <f t="shared" si="30"/>
        <v>8.7786277345359345</v>
      </c>
      <c r="M112">
        <f t="shared" si="31"/>
        <v>0</v>
      </c>
      <c r="N112" s="46">
        <f t="shared" si="32"/>
        <v>45295.249999999811</v>
      </c>
      <c r="O112">
        <v>0.38632692646046368</v>
      </c>
      <c r="P112">
        <v>1.2877564215348789</v>
      </c>
      <c r="Q112">
        <v>1.9316346323023184</v>
      </c>
      <c r="R112">
        <v>9.271846235051127</v>
      </c>
      <c r="S112">
        <v>0</v>
      </c>
      <c r="T112" s="46">
        <v>45638.249999979846</v>
      </c>
    </row>
    <row r="113" spans="2:21" x14ac:dyDescent="0.3">
      <c r="B113">
        <f t="shared" si="26"/>
        <v>4</v>
      </c>
      <c r="C113" s="16">
        <v>79</v>
      </c>
      <c r="D113" cm="1">
        <f t="array" ref="D113">IFERROR(INDEX(Jesper!AH$2:AH$366,ROUNDDOWN($C113/24,0)+1,1)*INDEX($D$3:$AA$30,INDEX(Jesper!$R$2:$R$366,ROW(INDEX(Jesper!AH$2:AH$366,ROUNDDOWN($C113/24,0)+1,1))-1)+IF('Standard Profiles'!$G$18=$B$10,7,0)+IF('Standard Profiles'!$G$18=$B$17,14,0)+IF('Standard Profiles'!$G$18=$B$24,21,0),MOD($C113,24)+1)/SUM(INDEX($D$3:$AA$30,INDEX(Jesper!$R$2:$R$366,ROW(INDEX(Jesper!AH$2:AH$366,ROUNDDOWN($C113/24,0)+1,1))-1)+IF('Standard Profiles'!$G$18=$B$10,7,0)+IF('Standard Profiles'!$G$18=$B$17,14,0)+IF('Standard Profiles'!$G$18=$B$24,21,0),0)),0)</f>
        <v>12.192538520188798</v>
      </c>
      <c r="E113" cm="1">
        <f t="array" ref="E113">IFERROR(INDEX(Jesper!AI$2:AI$366,ROUNDDOWN($C113/24,0)+1,1)*INDEX($D$3:$AA$30,INDEX(Jesper!$R$2:$R$366,ROW(INDEX(Jesper!AI$2:AI$366,ROUNDDOWN($C113/24,0)+1,1))-1)+IF('Standard Profiles'!$G$19=$B$10,7,0)+IF('Standard Profiles'!$G$19=$B$17,14,0)+IF('Standard Profiles'!$G$19=$B$24,21,0),MOD($C113,24)+1)/SUM(INDEX($D$3:$AA$30,INDEX(Jesper!$R$2:$R$366,ROW(INDEX(Jesper!AI$2:AI$366,ROUNDDOWN($C113/24,0)+1,1))-1)+IF('Standard Profiles'!$G$19=$B$10,7,0)+IF('Standard Profiles'!$G$19=$B$17,14,0)+IF('Standard Profiles'!$G$19=$B$24,21,0),0)),0)</f>
        <v>0</v>
      </c>
      <c r="F113" cm="1">
        <f t="array" ref="F113">IFERROR(INDEX(Jesper!AJ$2:AJ$366,ROUNDDOWN($C113/24,0)+1,1)*INDEX($D$3:$AA$30,INDEX(Jesper!$R$2:$R$366,ROW(INDEX(Jesper!AJ$2:AJ$366,ROUNDDOWN($C113/24,0)+1,1))-1)+IF('Standard Profiles'!$G$20=$B$10,7,0)+IF('Standard Profiles'!$G$20=$B$17,14,0)+IF('Standard Profiles'!$G$20=$B$24,21,0),MOD($C113,24)+1)/SUM(INDEX($D$3:$AA$30,INDEX(Jesper!$R$2:$R$366,ROW(INDEX(Jesper!AJ$2:AJ$366,ROUNDDOWN($C113/24,0)+1,1))-1)+IF('Standard Profiles'!$G$20=$B$10,7,0)+IF('Standard Profiles'!$G$20=$B$17,14,0)+IF('Standard Profiles'!$G$20=$B$24,21,0),0)),0)</f>
        <v>0</v>
      </c>
      <c r="G113" cm="1">
        <f t="array" ref="G113">IFERROR(INDEX(Jesper!AK$2:AK$366,ROUNDDOWN($C113/24,0)+1,1)*INDEX($D$3:$AA$30,INDEX(Jesper!$R$2:$R$366,ROW(INDEX(Jesper!AK$2:AK$366,ROUNDDOWN($C113/24,0)+1,1))-1)+IF('Standard Profiles'!$G$21=$B$10,7,0)+IF('Standard Profiles'!$G$21=$B$17,14,0)+IF('Standard Profiles'!$G$21=$B$24,21,0),MOD($C113,24)+1)/SUM(INDEX($D$3:$AA$30,INDEX(Jesper!$R$2:$R$366,ROW(INDEX(Jesper!AK$2:AK$366,ROUNDDOWN($C113/24,0)+1,1))-1)+IF('Standard Profiles'!$G$21=$B$10,7,0)+IF('Standard Profiles'!$G$21=$B$17,14,0)+IF('Standard Profiles'!$G$21=$B$24,21,0),0)),0)</f>
        <v>0</v>
      </c>
      <c r="H113" cm="1">
        <f t="array" ref="H113">IFERROR(INDEX(Jesper!AL$2:AL$366,ROUNDDOWN($C113/24,0)+1,1)*INDEX($D$3:$AA$30,INDEX(Jesper!$R$2:$R$366,ROW(INDEX(Jesper!AL$2:AL$366,ROUNDDOWN($C113/24,0)+1,1))-1)+IF('Standard Profiles'!$G$22=$B$10,7,0)+IF('Standard Profiles'!$G$22=$B$17,14,0)+IF('Standard Profiles'!$G$22=$B$24,21,0),MOD($C113,24)+1)/SUM(INDEX($D$3:$AA$30,INDEX(Jesper!$R$2:$R$366,ROW(INDEX(Jesper!AL$2:AL$366,ROUNDDOWN($C113/24,0)+1,1))-1)+IF('Standard Profiles'!$G$22=$B$10,7,0)+IF('Standard Profiles'!$G$22=$B$17,14,0)+IF('Standard Profiles'!$G$22=$B$24,21,0),0)),0)</f>
        <v>0</v>
      </c>
      <c r="I113">
        <f t="shared" si="27"/>
        <v>0.3657761556056639</v>
      </c>
      <c r="J113">
        <f t="shared" si="28"/>
        <v>1.2192538520188798</v>
      </c>
      <c r="K113">
        <f t="shared" si="29"/>
        <v>1.8288807780283196</v>
      </c>
      <c r="L113">
        <f t="shared" si="30"/>
        <v>8.7786277345359345</v>
      </c>
      <c r="M113">
        <f t="shared" si="31"/>
        <v>0</v>
      </c>
      <c r="N113" s="46">
        <f t="shared" si="32"/>
        <v>45295.291666666475</v>
      </c>
      <c r="O113">
        <v>0.38632692646046368</v>
      </c>
      <c r="P113">
        <v>1.2877564215348789</v>
      </c>
      <c r="Q113">
        <v>1.9316346323023184</v>
      </c>
      <c r="R113">
        <v>9.271846235051127</v>
      </c>
      <c r="S113">
        <v>0</v>
      </c>
      <c r="T113" s="46">
        <v>45638.29166664651</v>
      </c>
    </row>
    <row r="114" spans="2:21" x14ac:dyDescent="0.3">
      <c r="B114">
        <f t="shared" si="26"/>
        <v>4</v>
      </c>
      <c r="C114" s="16">
        <v>80</v>
      </c>
      <c r="D114" cm="1">
        <f t="array" ref="D114">IFERROR(INDEX(Jesper!AH$2:AH$366,ROUNDDOWN($C114/24,0)+1,1)*INDEX($D$3:$AA$30,INDEX(Jesper!$R$2:$R$366,ROW(INDEX(Jesper!AH$2:AH$366,ROUNDDOWN($C114/24,0)+1,1))-1)+IF('Standard Profiles'!$G$18=$B$10,7,0)+IF('Standard Profiles'!$G$18=$B$17,14,0)+IF('Standard Profiles'!$G$18=$B$24,21,0),MOD($C114,24)+1)/SUM(INDEX($D$3:$AA$30,INDEX(Jesper!$R$2:$R$366,ROW(INDEX(Jesper!AH$2:AH$366,ROUNDDOWN($C114/24,0)+1,1))-1)+IF('Standard Profiles'!$G$18=$B$10,7,0)+IF('Standard Profiles'!$G$18=$B$17,14,0)+IF('Standard Profiles'!$G$18=$B$24,21,0),0)),0)</f>
        <v>12.192538520188798</v>
      </c>
      <c r="E114" cm="1">
        <f t="array" ref="E114">IFERROR(INDEX(Jesper!AI$2:AI$366,ROUNDDOWN($C114/24,0)+1,1)*INDEX($D$3:$AA$30,INDEX(Jesper!$R$2:$R$366,ROW(INDEX(Jesper!AI$2:AI$366,ROUNDDOWN($C114/24,0)+1,1))-1)+IF('Standard Profiles'!$G$19=$B$10,7,0)+IF('Standard Profiles'!$G$19=$B$17,14,0)+IF('Standard Profiles'!$G$19=$B$24,21,0),MOD($C114,24)+1)/SUM(INDEX($D$3:$AA$30,INDEX(Jesper!$R$2:$R$366,ROW(INDEX(Jesper!AI$2:AI$366,ROUNDDOWN($C114/24,0)+1,1))-1)+IF('Standard Profiles'!$G$19=$B$10,7,0)+IF('Standard Profiles'!$G$19=$B$17,14,0)+IF('Standard Profiles'!$G$19=$B$24,21,0),0)),0)</f>
        <v>0</v>
      </c>
      <c r="F114" cm="1">
        <f t="array" ref="F114">IFERROR(INDEX(Jesper!AJ$2:AJ$366,ROUNDDOWN($C114/24,0)+1,1)*INDEX($D$3:$AA$30,INDEX(Jesper!$R$2:$R$366,ROW(INDEX(Jesper!AJ$2:AJ$366,ROUNDDOWN($C114/24,0)+1,1))-1)+IF('Standard Profiles'!$G$20=$B$10,7,0)+IF('Standard Profiles'!$G$20=$B$17,14,0)+IF('Standard Profiles'!$G$20=$B$24,21,0),MOD($C114,24)+1)/SUM(INDEX($D$3:$AA$30,INDEX(Jesper!$R$2:$R$366,ROW(INDEX(Jesper!AJ$2:AJ$366,ROUNDDOWN($C114/24,0)+1,1))-1)+IF('Standard Profiles'!$G$20=$B$10,7,0)+IF('Standard Profiles'!$G$20=$B$17,14,0)+IF('Standard Profiles'!$G$20=$B$24,21,0),0)),0)</f>
        <v>0</v>
      </c>
      <c r="G114" cm="1">
        <f t="array" ref="G114">IFERROR(INDEX(Jesper!AK$2:AK$366,ROUNDDOWN($C114/24,0)+1,1)*INDEX($D$3:$AA$30,INDEX(Jesper!$R$2:$R$366,ROW(INDEX(Jesper!AK$2:AK$366,ROUNDDOWN($C114/24,0)+1,1))-1)+IF('Standard Profiles'!$G$21=$B$10,7,0)+IF('Standard Profiles'!$G$21=$B$17,14,0)+IF('Standard Profiles'!$G$21=$B$24,21,0),MOD($C114,24)+1)/SUM(INDEX($D$3:$AA$30,INDEX(Jesper!$R$2:$R$366,ROW(INDEX(Jesper!AK$2:AK$366,ROUNDDOWN($C114/24,0)+1,1))-1)+IF('Standard Profiles'!$G$21=$B$10,7,0)+IF('Standard Profiles'!$G$21=$B$17,14,0)+IF('Standard Profiles'!$G$21=$B$24,21,0),0)),0)</f>
        <v>0</v>
      </c>
      <c r="H114" cm="1">
        <f t="array" ref="H114">IFERROR(INDEX(Jesper!AL$2:AL$366,ROUNDDOWN($C114/24,0)+1,1)*INDEX($D$3:$AA$30,INDEX(Jesper!$R$2:$R$366,ROW(INDEX(Jesper!AL$2:AL$366,ROUNDDOWN($C114/24,0)+1,1))-1)+IF('Standard Profiles'!$G$22=$B$10,7,0)+IF('Standard Profiles'!$G$22=$B$17,14,0)+IF('Standard Profiles'!$G$22=$B$24,21,0),MOD($C114,24)+1)/SUM(INDEX($D$3:$AA$30,INDEX(Jesper!$R$2:$R$366,ROW(INDEX(Jesper!AL$2:AL$366,ROUNDDOWN($C114/24,0)+1,1))-1)+IF('Standard Profiles'!$G$22=$B$10,7,0)+IF('Standard Profiles'!$G$22=$B$17,14,0)+IF('Standard Profiles'!$G$22=$B$24,21,0),0)),0)</f>
        <v>0</v>
      </c>
      <c r="I114">
        <f t="shared" si="27"/>
        <v>0.3657761556056639</v>
      </c>
      <c r="J114">
        <f t="shared" si="28"/>
        <v>1.2192538520188798</v>
      </c>
      <c r="K114">
        <f t="shared" si="29"/>
        <v>1.8288807780283196</v>
      </c>
      <c r="L114">
        <f t="shared" si="30"/>
        <v>8.7786277345359345</v>
      </c>
      <c r="M114">
        <f t="shared" si="31"/>
        <v>0</v>
      </c>
      <c r="N114" s="46">
        <f t="shared" si="32"/>
        <v>45295.333333333139</v>
      </c>
      <c r="O114">
        <v>0.38632692646046368</v>
      </c>
      <c r="P114">
        <v>1.2877564215348789</v>
      </c>
      <c r="Q114">
        <v>1.9316346323023184</v>
      </c>
      <c r="R114">
        <v>9.271846235051127</v>
      </c>
      <c r="S114">
        <v>0</v>
      </c>
      <c r="T114" s="46">
        <v>45638.333333313174</v>
      </c>
    </row>
    <row r="115" spans="2:21" x14ac:dyDescent="0.3">
      <c r="B115">
        <f t="shared" si="26"/>
        <v>4</v>
      </c>
      <c r="C115" s="16">
        <v>81</v>
      </c>
      <c r="D115" cm="1">
        <f t="array" ref="D115">IFERROR(INDEX(Jesper!AH$2:AH$366,ROUNDDOWN($C115/24,0)+1,1)*INDEX($D$3:$AA$30,INDEX(Jesper!$R$2:$R$366,ROW(INDEX(Jesper!AH$2:AH$366,ROUNDDOWN($C115/24,0)+1,1))-1)+IF('Standard Profiles'!$G$18=$B$10,7,0)+IF('Standard Profiles'!$G$18=$B$17,14,0)+IF('Standard Profiles'!$G$18=$B$24,21,0),MOD($C115,24)+1)/SUM(INDEX($D$3:$AA$30,INDEX(Jesper!$R$2:$R$366,ROW(INDEX(Jesper!AH$2:AH$366,ROUNDDOWN($C115/24,0)+1,1))-1)+IF('Standard Profiles'!$G$18=$B$10,7,0)+IF('Standard Profiles'!$G$18=$B$17,14,0)+IF('Standard Profiles'!$G$18=$B$24,21,0),0)),0)</f>
        <v>13.102429454531245</v>
      </c>
      <c r="E115" cm="1">
        <f t="array" ref="E115">IFERROR(INDEX(Jesper!AI$2:AI$366,ROUNDDOWN($C115/24,0)+1,1)*INDEX($D$3:$AA$30,INDEX(Jesper!$R$2:$R$366,ROW(INDEX(Jesper!AI$2:AI$366,ROUNDDOWN($C115/24,0)+1,1))-1)+IF('Standard Profiles'!$G$19=$B$10,7,0)+IF('Standard Profiles'!$G$19=$B$17,14,0)+IF('Standard Profiles'!$G$19=$B$24,21,0),MOD($C115,24)+1)/SUM(INDEX($D$3:$AA$30,INDEX(Jesper!$R$2:$R$366,ROW(INDEX(Jesper!AI$2:AI$366,ROUNDDOWN($C115/24,0)+1,1))-1)+IF('Standard Profiles'!$G$19=$B$10,7,0)+IF('Standard Profiles'!$G$19=$B$17,14,0)+IF('Standard Profiles'!$G$19=$B$24,21,0),0)),0)</f>
        <v>0</v>
      </c>
      <c r="F115" cm="1">
        <f t="array" ref="F115">IFERROR(INDEX(Jesper!AJ$2:AJ$366,ROUNDDOWN($C115/24,0)+1,1)*INDEX($D$3:$AA$30,INDEX(Jesper!$R$2:$R$366,ROW(INDEX(Jesper!AJ$2:AJ$366,ROUNDDOWN($C115/24,0)+1,1))-1)+IF('Standard Profiles'!$G$20=$B$10,7,0)+IF('Standard Profiles'!$G$20=$B$17,14,0)+IF('Standard Profiles'!$G$20=$B$24,21,0),MOD($C115,24)+1)/SUM(INDEX($D$3:$AA$30,INDEX(Jesper!$R$2:$R$366,ROW(INDEX(Jesper!AJ$2:AJ$366,ROUNDDOWN($C115/24,0)+1,1))-1)+IF('Standard Profiles'!$G$20=$B$10,7,0)+IF('Standard Profiles'!$G$20=$B$17,14,0)+IF('Standard Profiles'!$G$20=$B$24,21,0),0)),0)</f>
        <v>0</v>
      </c>
      <c r="G115" cm="1">
        <f t="array" ref="G115">IFERROR(INDEX(Jesper!AK$2:AK$366,ROUNDDOWN($C115/24,0)+1,1)*INDEX($D$3:$AA$30,INDEX(Jesper!$R$2:$R$366,ROW(INDEX(Jesper!AK$2:AK$366,ROUNDDOWN($C115/24,0)+1,1))-1)+IF('Standard Profiles'!$G$21=$B$10,7,0)+IF('Standard Profiles'!$G$21=$B$17,14,0)+IF('Standard Profiles'!$G$21=$B$24,21,0),MOD($C115,24)+1)/SUM(INDEX($D$3:$AA$30,INDEX(Jesper!$R$2:$R$366,ROW(INDEX(Jesper!AK$2:AK$366,ROUNDDOWN($C115/24,0)+1,1))-1)+IF('Standard Profiles'!$G$21=$B$10,7,0)+IF('Standard Profiles'!$G$21=$B$17,14,0)+IF('Standard Profiles'!$G$21=$B$24,21,0),0)),0)</f>
        <v>0</v>
      </c>
      <c r="H115" cm="1">
        <f t="array" ref="H115">IFERROR(INDEX(Jesper!AL$2:AL$366,ROUNDDOWN($C115/24,0)+1,1)*INDEX($D$3:$AA$30,INDEX(Jesper!$R$2:$R$366,ROW(INDEX(Jesper!AL$2:AL$366,ROUNDDOWN($C115/24,0)+1,1))-1)+IF('Standard Profiles'!$G$22=$B$10,7,0)+IF('Standard Profiles'!$G$22=$B$17,14,0)+IF('Standard Profiles'!$G$22=$B$24,21,0),MOD($C115,24)+1)/SUM(INDEX($D$3:$AA$30,INDEX(Jesper!$R$2:$R$366,ROW(INDEX(Jesper!AL$2:AL$366,ROUNDDOWN($C115/24,0)+1,1))-1)+IF('Standard Profiles'!$G$22=$B$10,7,0)+IF('Standard Profiles'!$G$22=$B$17,14,0)+IF('Standard Profiles'!$G$22=$B$24,21,0),0)),0)</f>
        <v>0</v>
      </c>
      <c r="I115">
        <f t="shared" si="27"/>
        <v>0.39307288363593734</v>
      </c>
      <c r="J115">
        <f t="shared" si="28"/>
        <v>1.3102429454531246</v>
      </c>
      <c r="K115">
        <f t="shared" si="29"/>
        <v>1.9653644181796868</v>
      </c>
      <c r="L115">
        <f t="shared" si="30"/>
        <v>9.4337492072624958</v>
      </c>
      <c r="M115">
        <f t="shared" si="31"/>
        <v>0</v>
      </c>
      <c r="N115" s="46">
        <f t="shared" si="32"/>
        <v>45295.374999999804</v>
      </c>
      <c r="O115">
        <v>0.41515729410676694</v>
      </c>
      <c r="P115">
        <v>1.3838576470225565</v>
      </c>
      <c r="Q115">
        <v>2.0757864705338345</v>
      </c>
      <c r="R115">
        <v>9.9637750585624065</v>
      </c>
      <c r="S115">
        <v>0</v>
      </c>
      <c r="T115" s="46">
        <v>45638.374999979838</v>
      </c>
    </row>
    <row r="116" spans="2:21" x14ac:dyDescent="0.3">
      <c r="B116">
        <f t="shared" si="26"/>
        <v>4</v>
      </c>
      <c r="C116" s="16">
        <v>82</v>
      </c>
      <c r="D116" cm="1">
        <f t="array" ref="D116">IFERROR(INDEX(Jesper!AH$2:AH$366,ROUNDDOWN($C116/24,0)+1,1)*INDEX($D$3:$AA$30,INDEX(Jesper!$R$2:$R$366,ROW(INDEX(Jesper!AH$2:AH$366,ROUNDDOWN($C116/24,0)+1,1))-1)+IF('Standard Profiles'!$G$18=$B$10,7,0)+IF('Standard Profiles'!$G$18=$B$17,14,0)+IF('Standard Profiles'!$G$18=$B$24,21,0),MOD($C116,24)+1)/SUM(INDEX($D$3:$AA$30,INDEX(Jesper!$R$2:$R$366,ROW(INDEX(Jesper!AH$2:AH$366,ROUNDDOWN($C116/24,0)+1,1))-1)+IF('Standard Profiles'!$G$18=$B$10,7,0)+IF('Standard Profiles'!$G$18=$B$17,14,0)+IF('Standard Profiles'!$G$18=$B$24,21,0),0)),0)</f>
        <v>14.194298575742181</v>
      </c>
      <c r="E116" cm="1">
        <f t="array" ref="E116">IFERROR(INDEX(Jesper!AI$2:AI$366,ROUNDDOWN($C116/24,0)+1,1)*INDEX($D$3:$AA$30,INDEX(Jesper!$R$2:$R$366,ROW(INDEX(Jesper!AI$2:AI$366,ROUNDDOWN($C116/24,0)+1,1))-1)+IF('Standard Profiles'!$G$19=$B$10,7,0)+IF('Standard Profiles'!$G$19=$B$17,14,0)+IF('Standard Profiles'!$G$19=$B$24,21,0),MOD($C116,24)+1)/SUM(INDEX($D$3:$AA$30,INDEX(Jesper!$R$2:$R$366,ROW(INDEX(Jesper!AI$2:AI$366,ROUNDDOWN($C116/24,0)+1,1))-1)+IF('Standard Profiles'!$G$19=$B$10,7,0)+IF('Standard Profiles'!$G$19=$B$17,14,0)+IF('Standard Profiles'!$G$19=$B$24,21,0),0)),0)</f>
        <v>0</v>
      </c>
      <c r="F116" cm="1">
        <f t="array" ref="F116">IFERROR(INDEX(Jesper!AJ$2:AJ$366,ROUNDDOWN($C116/24,0)+1,1)*INDEX($D$3:$AA$30,INDEX(Jesper!$R$2:$R$366,ROW(INDEX(Jesper!AJ$2:AJ$366,ROUNDDOWN($C116/24,0)+1,1))-1)+IF('Standard Profiles'!$G$20=$B$10,7,0)+IF('Standard Profiles'!$G$20=$B$17,14,0)+IF('Standard Profiles'!$G$20=$B$24,21,0),MOD($C116,24)+1)/SUM(INDEX($D$3:$AA$30,INDEX(Jesper!$R$2:$R$366,ROW(INDEX(Jesper!AJ$2:AJ$366,ROUNDDOWN($C116/24,0)+1,1))-1)+IF('Standard Profiles'!$G$20=$B$10,7,0)+IF('Standard Profiles'!$G$20=$B$17,14,0)+IF('Standard Profiles'!$G$20=$B$24,21,0),0)),0)</f>
        <v>0</v>
      </c>
      <c r="G116" cm="1">
        <f t="array" ref="G116">IFERROR(INDEX(Jesper!AK$2:AK$366,ROUNDDOWN($C116/24,0)+1,1)*INDEX($D$3:$AA$30,INDEX(Jesper!$R$2:$R$366,ROW(INDEX(Jesper!AK$2:AK$366,ROUNDDOWN($C116/24,0)+1,1))-1)+IF('Standard Profiles'!$G$21=$B$10,7,0)+IF('Standard Profiles'!$G$21=$B$17,14,0)+IF('Standard Profiles'!$G$21=$B$24,21,0),MOD($C116,24)+1)/SUM(INDEX($D$3:$AA$30,INDEX(Jesper!$R$2:$R$366,ROW(INDEX(Jesper!AK$2:AK$366,ROUNDDOWN($C116/24,0)+1,1))-1)+IF('Standard Profiles'!$G$21=$B$10,7,0)+IF('Standard Profiles'!$G$21=$B$17,14,0)+IF('Standard Profiles'!$G$21=$B$24,21,0),0)),0)</f>
        <v>0</v>
      </c>
      <c r="H116" cm="1">
        <f t="array" ref="H116">IFERROR(INDEX(Jesper!AL$2:AL$366,ROUNDDOWN($C116/24,0)+1,1)*INDEX($D$3:$AA$30,INDEX(Jesper!$R$2:$R$366,ROW(INDEX(Jesper!AL$2:AL$366,ROUNDDOWN($C116/24,0)+1,1))-1)+IF('Standard Profiles'!$G$22=$B$10,7,0)+IF('Standard Profiles'!$G$22=$B$17,14,0)+IF('Standard Profiles'!$G$22=$B$24,21,0),MOD($C116,24)+1)/SUM(INDEX($D$3:$AA$30,INDEX(Jesper!$R$2:$R$366,ROW(INDEX(Jesper!AL$2:AL$366,ROUNDDOWN($C116/24,0)+1,1))-1)+IF('Standard Profiles'!$G$22=$B$10,7,0)+IF('Standard Profiles'!$G$22=$B$17,14,0)+IF('Standard Profiles'!$G$22=$B$24,21,0),0)),0)</f>
        <v>0</v>
      </c>
      <c r="I116">
        <f t="shared" si="27"/>
        <v>0.42582895727226538</v>
      </c>
      <c r="J116">
        <f t="shared" si="28"/>
        <v>1.4194298575742181</v>
      </c>
      <c r="K116">
        <f t="shared" si="29"/>
        <v>2.1291447863613269</v>
      </c>
      <c r="L116">
        <f t="shared" si="30"/>
        <v>10.21989497453437</v>
      </c>
      <c r="M116">
        <f t="shared" si="31"/>
        <v>0</v>
      </c>
      <c r="N116" s="46">
        <f t="shared" si="32"/>
        <v>45295.416666666468</v>
      </c>
      <c r="O116">
        <v>0.44975373528233081</v>
      </c>
      <c r="P116">
        <v>1.4991791176077696</v>
      </c>
      <c r="Q116">
        <v>2.2487686764116539</v>
      </c>
      <c r="R116">
        <v>10.794089646775939</v>
      </c>
      <c r="S116">
        <v>0</v>
      </c>
      <c r="T116" s="46">
        <v>45638.416666646503</v>
      </c>
    </row>
    <row r="117" spans="2:21" x14ac:dyDescent="0.3">
      <c r="B117">
        <f t="shared" si="26"/>
        <v>4</v>
      </c>
      <c r="C117" s="16">
        <v>83</v>
      </c>
      <c r="D117" cm="1">
        <f t="array" ref="D117">IFERROR(INDEX(Jesper!AH$2:AH$366,ROUNDDOWN($C117/24,0)+1,1)*INDEX($D$3:$AA$30,INDEX(Jesper!$R$2:$R$366,ROW(INDEX(Jesper!AH$2:AH$366,ROUNDDOWN($C117/24,0)+1,1))-1)+IF('Standard Profiles'!$G$18=$B$10,7,0)+IF('Standard Profiles'!$G$18=$B$17,14,0)+IF('Standard Profiles'!$G$18=$B$24,21,0),MOD($C117,24)+1)/SUM(INDEX($D$3:$AA$30,INDEX(Jesper!$R$2:$R$366,ROW(INDEX(Jesper!AH$2:AH$366,ROUNDDOWN($C117/24,0)+1,1))-1)+IF('Standard Profiles'!$G$18=$B$10,7,0)+IF('Standard Profiles'!$G$18=$B$17,14,0)+IF('Standard Profiles'!$G$18=$B$24,21,0),0)),0)</f>
        <v>16.378036818164055</v>
      </c>
      <c r="E117" cm="1">
        <f t="array" ref="E117">IFERROR(INDEX(Jesper!AI$2:AI$366,ROUNDDOWN($C117/24,0)+1,1)*INDEX($D$3:$AA$30,INDEX(Jesper!$R$2:$R$366,ROW(INDEX(Jesper!AI$2:AI$366,ROUNDDOWN($C117/24,0)+1,1))-1)+IF('Standard Profiles'!$G$19=$B$10,7,0)+IF('Standard Profiles'!$G$19=$B$17,14,0)+IF('Standard Profiles'!$G$19=$B$24,21,0),MOD($C117,24)+1)/SUM(INDEX($D$3:$AA$30,INDEX(Jesper!$R$2:$R$366,ROW(INDEX(Jesper!AI$2:AI$366,ROUNDDOWN($C117/24,0)+1,1))-1)+IF('Standard Profiles'!$G$19=$B$10,7,0)+IF('Standard Profiles'!$G$19=$B$17,14,0)+IF('Standard Profiles'!$G$19=$B$24,21,0),0)),0)</f>
        <v>0</v>
      </c>
      <c r="F117" cm="1">
        <f t="array" ref="F117">IFERROR(INDEX(Jesper!AJ$2:AJ$366,ROUNDDOWN($C117/24,0)+1,1)*INDEX($D$3:$AA$30,INDEX(Jesper!$R$2:$R$366,ROW(INDEX(Jesper!AJ$2:AJ$366,ROUNDDOWN($C117/24,0)+1,1))-1)+IF('Standard Profiles'!$G$20=$B$10,7,0)+IF('Standard Profiles'!$G$20=$B$17,14,0)+IF('Standard Profiles'!$G$20=$B$24,21,0),MOD($C117,24)+1)/SUM(INDEX($D$3:$AA$30,INDEX(Jesper!$R$2:$R$366,ROW(INDEX(Jesper!AJ$2:AJ$366,ROUNDDOWN($C117/24,0)+1,1))-1)+IF('Standard Profiles'!$G$20=$B$10,7,0)+IF('Standard Profiles'!$G$20=$B$17,14,0)+IF('Standard Profiles'!$G$20=$B$24,21,0),0)),0)</f>
        <v>0</v>
      </c>
      <c r="G117" cm="1">
        <f t="array" ref="G117">IFERROR(INDEX(Jesper!AK$2:AK$366,ROUNDDOWN($C117/24,0)+1,1)*INDEX($D$3:$AA$30,INDEX(Jesper!$R$2:$R$366,ROW(INDEX(Jesper!AK$2:AK$366,ROUNDDOWN($C117/24,0)+1,1))-1)+IF('Standard Profiles'!$G$21=$B$10,7,0)+IF('Standard Profiles'!$G$21=$B$17,14,0)+IF('Standard Profiles'!$G$21=$B$24,21,0),MOD($C117,24)+1)/SUM(INDEX($D$3:$AA$30,INDEX(Jesper!$R$2:$R$366,ROW(INDEX(Jesper!AK$2:AK$366,ROUNDDOWN($C117/24,0)+1,1))-1)+IF('Standard Profiles'!$G$21=$B$10,7,0)+IF('Standard Profiles'!$G$21=$B$17,14,0)+IF('Standard Profiles'!$G$21=$B$24,21,0),0)),0)</f>
        <v>0</v>
      </c>
      <c r="H117" cm="1">
        <f t="array" ref="H117">IFERROR(INDEX(Jesper!AL$2:AL$366,ROUNDDOWN($C117/24,0)+1,1)*INDEX($D$3:$AA$30,INDEX(Jesper!$R$2:$R$366,ROW(INDEX(Jesper!AL$2:AL$366,ROUNDDOWN($C117/24,0)+1,1))-1)+IF('Standard Profiles'!$G$22=$B$10,7,0)+IF('Standard Profiles'!$G$22=$B$17,14,0)+IF('Standard Profiles'!$G$22=$B$24,21,0),MOD($C117,24)+1)/SUM(INDEX($D$3:$AA$30,INDEX(Jesper!$R$2:$R$366,ROW(INDEX(Jesper!AL$2:AL$366,ROUNDDOWN($C117/24,0)+1,1))-1)+IF('Standard Profiles'!$G$22=$B$10,7,0)+IF('Standard Profiles'!$G$22=$B$17,14,0)+IF('Standard Profiles'!$G$22=$B$24,21,0),0)),0)</f>
        <v>0</v>
      </c>
      <c r="I117">
        <f t="shared" si="27"/>
        <v>0.49134110454492164</v>
      </c>
      <c r="J117">
        <f t="shared" si="28"/>
        <v>1.6378036818164057</v>
      </c>
      <c r="K117">
        <f t="shared" si="29"/>
        <v>2.4567055227246084</v>
      </c>
      <c r="L117">
        <f t="shared" si="30"/>
        <v>11.792186509078119</v>
      </c>
      <c r="M117">
        <f t="shared" si="31"/>
        <v>0</v>
      </c>
      <c r="N117" s="46">
        <f t="shared" si="32"/>
        <v>45295.458333333132</v>
      </c>
      <c r="O117">
        <v>0.51894661763345862</v>
      </c>
      <c r="P117">
        <v>1.7298220587781956</v>
      </c>
      <c r="Q117">
        <v>2.5947330881672932</v>
      </c>
      <c r="R117">
        <v>12.454718823203008</v>
      </c>
      <c r="S117">
        <v>0</v>
      </c>
      <c r="T117" s="46">
        <v>45638.458333313167</v>
      </c>
      <c r="U117" t="str">
        <f>CHOOSE(WEEKDAY(T117,2),"Monday","Tuesday","Wednesday","Thursday","Friday","Saturday","Sunday")</f>
        <v>Thursday</v>
      </c>
    </row>
    <row r="118" spans="2:21" x14ac:dyDescent="0.3">
      <c r="B118">
        <f t="shared" si="26"/>
        <v>4</v>
      </c>
      <c r="C118" s="16">
        <v>84</v>
      </c>
      <c r="D118" cm="1">
        <f t="array" ref="D118">IFERROR(INDEX(Jesper!AH$2:AH$366,ROUNDDOWN($C118/24,0)+1,1)*INDEX($D$3:$AA$30,INDEX(Jesper!$R$2:$R$366,ROW(INDEX(Jesper!AH$2:AH$366,ROUNDDOWN($C118/24,0)+1,1))-1)+IF('Standard Profiles'!$G$18=$B$10,7,0)+IF('Standard Profiles'!$G$18=$B$17,14,0)+IF('Standard Profiles'!$G$18=$B$24,21,0),MOD($C118,24)+1)/SUM(INDEX($D$3:$AA$30,INDEX(Jesper!$R$2:$R$366,ROW(INDEX(Jesper!AH$2:AH$366,ROUNDDOWN($C118/24,0)+1,1))-1)+IF('Standard Profiles'!$G$18=$B$10,7,0)+IF('Standard Profiles'!$G$18=$B$17,14,0)+IF('Standard Profiles'!$G$18=$B$24,21,0),0)),0)</f>
        <v>16.378036818164055</v>
      </c>
      <c r="E118" cm="1">
        <f t="array" ref="E118">IFERROR(INDEX(Jesper!AI$2:AI$366,ROUNDDOWN($C118/24,0)+1,1)*INDEX($D$3:$AA$30,INDEX(Jesper!$R$2:$R$366,ROW(INDEX(Jesper!AI$2:AI$366,ROUNDDOWN($C118/24,0)+1,1))-1)+IF('Standard Profiles'!$G$19=$B$10,7,0)+IF('Standard Profiles'!$G$19=$B$17,14,0)+IF('Standard Profiles'!$G$19=$B$24,21,0),MOD($C118,24)+1)/SUM(INDEX($D$3:$AA$30,INDEX(Jesper!$R$2:$R$366,ROW(INDEX(Jesper!AI$2:AI$366,ROUNDDOWN($C118/24,0)+1,1))-1)+IF('Standard Profiles'!$G$19=$B$10,7,0)+IF('Standard Profiles'!$G$19=$B$17,14,0)+IF('Standard Profiles'!$G$19=$B$24,21,0),0)),0)</f>
        <v>0</v>
      </c>
      <c r="F118" cm="1">
        <f t="array" ref="F118">IFERROR(INDEX(Jesper!AJ$2:AJ$366,ROUNDDOWN($C118/24,0)+1,1)*INDEX($D$3:$AA$30,INDEX(Jesper!$R$2:$R$366,ROW(INDEX(Jesper!AJ$2:AJ$366,ROUNDDOWN($C118/24,0)+1,1))-1)+IF('Standard Profiles'!$G$20=$B$10,7,0)+IF('Standard Profiles'!$G$20=$B$17,14,0)+IF('Standard Profiles'!$G$20=$B$24,21,0),MOD($C118,24)+1)/SUM(INDEX($D$3:$AA$30,INDEX(Jesper!$R$2:$R$366,ROW(INDEX(Jesper!AJ$2:AJ$366,ROUNDDOWN($C118/24,0)+1,1))-1)+IF('Standard Profiles'!$G$20=$B$10,7,0)+IF('Standard Profiles'!$G$20=$B$17,14,0)+IF('Standard Profiles'!$G$20=$B$24,21,0),0)),0)</f>
        <v>0</v>
      </c>
      <c r="G118" cm="1">
        <f t="array" ref="G118">IFERROR(INDEX(Jesper!AK$2:AK$366,ROUNDDOWN($C118/24,0)+1,1)*INDEX($D$3:$AA$30,INDEX(Jesper!$R$2:$R$366,ROW(INDEX(Jesper!AK$2:AK$366,ROUNDDOWN($C118/24,0)+1,1))-1)+IF('Standard Profiles'!$G$21=$B$10,7,0)+IF('Standard Profiles'!$G$21=$B$17,14,0)+IF('Standard Profiles'!$G$21=$B$24,21,0),MOD($C118,24)+1)/SUM(INDEX($D$3:$AA$30,INDEX(Jesper!$R$2:$R$366,ROW(INDEX(Jesper!AK$2:AK$366,ROUNDDOWN($C118/24,0)+1,1))-1)+IF('Standard Profiles'!$G$21=$B$10,7,0)+IF('Standard Profiles'!$G$21=$B$17,14,0)+IF('Standard Profiles'!$G$21=$B$24,21,0),0)),0)</f>
        <v>0</v>
      </c>
      <c r="H118" cm="1">
        <f t="array" ref="H118">IFERROR(INDEX(Jesper!AL$2:AL$366,ROUNDDOWN($C118/24,0)+1,1)*INDEX($D$3:$AA$30,INDEX(Jesper!$R$2:$R$366,ROW(INDEX(Jesper!AL$2:AL$366,ROUNDDOWN($C118/24,0)+1,1))-1)+IF('Standard Profiles'!$G$22=$B$10,7,0)+IF('Standard Profiles'!$G$22=$B$17,14,0)+IF('Standard Profiles'!$G$22=$B$24,21,0),MOD($C118,24)+1)/SUM(INDEX($D$3:$AA$30,INDEX(Jesper!$R$2:$R$366,ROW(INDEX(Jesper!AL$2:AL$366,ROUNDDOWN($C118/24,0)+1,1))-1)+IF('Standard Profiles'!$G$22=$B$10,7,0)+IF('Standard Profiles'!$G$22=$B$17,14,0)+IF('Standard Profiles'!$G$22=$B$24,21,0),0)),0)</f>
        <v>0</v>
      </c>
      <c r="I118">
        <f t="shared" si="27"/>
        <v>0.49134110454492164</v>
      </c>
      <c r="J118">
        <f t="shared" si="28"/>
        <v>1.6378036818164057</v>
      </c>
      <c r="K118">
        <f t="shared" si="29"/>
        <v>2.4567055227246084</v>
      </c>
      <c r="L118">
        <f t="shared" si="30"/>
        <v>11.792186509078119</v>
      </c>
      <c r="M118">
        <f t="shared" si="31"/>
        <v>0</v>
      </c>
      <c r="N118" s="46">
        <f t="shared" si="32"/>
        <v>45295.499999999796</v>
      </c>
      <c r="O118">
        <v>0.51894661763345862</v>
      </c>
      <c r="P118">
        <v>1.7298220587781956</v>
      </c>
      <c r="Q118">
        <v>2.5947330881672932</v>
      </c>
      <c r="R118">
        <v>12.454718823203008</v>
      </c>
      <c r="S118">
        <v>0</v>
      </c>
      <c r="T118" s="46">
        <v>45638.499999979831</v>
      </c>
    </row>
    <row r="119" spans="2:21" x14ac:dyDescent="0.3">
      <c r="B119">
        <f t="shared" si="26"/>
        <v>4</v>
      </c>
      <c r="C119" s="16">
        <v>85</v>
      </c>
      <c r="D119" cm="1">
        <f t="array" ref="D119">IFERROR(INDEX(Jesper!AH$2:AH$366,ROUNDDOWN($C119/24,0)+1,1)*INDEX($D$3:$AA$30,INDEX(Jesper!$R$2:$R$366,ROW(INDEX(Jesper!AH$2:AH$366,ROUNDDOWN($C119/24,0)+1,1))-1)+IF('Standard Profiles'!$G$18=$B$10,7,0)+IF('Standard Profiles'!$G$18=$B$17,14,0)+IF('Standard Profiles'!$G$18=$B$24,21,0),MOD($C119,24)+1)/SUM(INDEX($D$3:$AA$30,INDEX(Jesper!$R$2:$R$366,ROW(INDEX(Jesper!AH$2:AH$366,ROUNDDOWN($C119/24,0)+1,1))-1)+IF('Standard Profiles'!$G$18=$B$10,7,0)+IF('Standard Profiles'!$G$18=$B$17,14,0)+IF('Standard Profiles'!$G$18=$B$24,21,0),0)),0)</f>
        <v>16.378036818164055</v>
      </c>
      <c r="E119" cm="1">
        <f t="array" ref="E119">IFERROR(INDEX(Jesper!AI$2:AI$366,ROUNDDOWN($C119/24,0)+1,1)*INDEX($D$3:$AA$30,INDEX(Jesper!$R$2:$R$366,ROW(INDEX(Jesper!AI$2:AI$366,ROUNDDOWN($C119/24,0)+1,1))-1)+IF('Standard Profiles'!$G$19=$B$10,7,0)+IF('Standard Profiles'!$G$19=$B$17,14,0)+IF('Standard Profiles'!$G$19=$B$24,21,0),MOD($C119,24)+1)/SUM(INDEX($D$3:$AA$30,INDEX(Jesper!$R$2:$R$366,ROW(INDEX(Jesper!AI$2:AI$366,ROUNDDOWN($C119/24,0)+1,1))-1)+IF('Standard Profiles'!$G$19=$B$10,7,0)+IF('Standard Profiles'!$G$19=$B$17,14,0)+IF('Standard Profiles'!$G$19=$B$24,21,0),0)),0)</f>
        <v>0</v>
      </c>
      <c r="F119" cm="1">
        <f t="array" ref="F119">IFERROR(INDEX(Jesper!AJ$2:AJ$366,ROUNDDOWN($C119/24,0)+1,1)*INDEX($D$3:$AA$30,INDEX(Jesper!$R$2:$R$366,ROW(INDEX(Jesper!AJ$2:AJ$366,ROUNDDOWN($C119/24,0)+1,1))-1)+IF('Standard Profiles'!$G$20=$B$10,7,0)+IF('Standard Profiles'!$G$20=$B$17,14,0)+IF('Standard Profiles'!$G$20=$B$24,21,0),MOD($C119,24)+1)/SUM(INDEX($D$3:$AA$30,INDEX(Jesper!$R$2:$R$366,ROW(INDEX(Jesper!AJ$2:AJ$366,ROUNDDOWN($C119/24,0)+1,1))-1)+IF('Standard Profiles'!$G$20=$B$10,7,0)+IF('Standard Profiles'!$G$20=$B$17,14,0)+IF('Standard Profiles'!$G$20=$B$24,21,0),0)),0)</f>
        <v>0</v>
      </c>
      <c r="G119" cm="1">
        <f t="array" ref="G119">IFERROR(INDEX(Jesper!AK$2:AK$366,ROUNDDOWN($C119/24,0)+1,1)*INDEX($D$3:$AA$30,INDEX(Jesper!$R$2:$R$366,ROW(INDEX(Jesper!AK$2:AK$366,ROUNDDOWN($C119/24,0)+1,1))-1)+IF('Standard Profiles'!$G$21=$B$10,7,0)+IF('Standard Profiles'!$G$21=$B$17,14,0)+IF('Standard Profiles'!$G$21=$B$24,21,0),MOD($C119,24)+1)/SUM(INDEX($D$3:$AA$30,INDEX(Jesper!$R$2:$R$366,ROW(INDEX(Jesper!AK$2:AK$366,ROUNDDOWN($C119/24,0)+1,1))-1)+IF('Standard Profiles'!$G$21=$B$10,7,0)+IF('Standard Profiles'!$G$21=$B$17,14,0)+IF('Standard Profiles'!$G$21=$B$24,21,0),0)),0)</f>
        <v>0</v>
      </c>
      <c r="H119" cm="1">
        <f t="array" ref="H119">IFERROR(INDEX(Jesper!AL$2:AL$366,ROUNDDOWN($C119/24,0)+1,1)*INDEX($D$3:$AA$30,INDEX(Jesper!$R$2:$R$366,ROW(INDEX(Jesper!AL$2:AL$366,ROUNDDOWN($C119/24,0)+1,1))-1)+IF('Standard Profiles'!$G$22=$B$10,7,0)+IF('Standard Profiles'!$G$22=$B$17,14,0)+IF('Standard Profiles'!$G$22=$B$24,21,0),MOD($C119,24)+1)/SUM(INDEX($D$3:$AA$30,INDEX(Jesper!$R$2:$R$366,ROW(INDEX(Jesper!AL$2:AL$366,ROUNDDOWN($C119/24,0)+1,1))-1)+IF('Standard Profiles'!$G$22=$B$10,7,0)+IF('Standard Profiles'!$G$22=$B$17,14,0)+IF('Standard Profiles'!$G$22=$B$24,21,0),0)),0)</f>
        <v>0</v>
      </c>
      <c r="I119">
        <f t="shared" si="27"/>
        <v>0.49134110454492164</v>
      </c>
      <c r="J119">
        <f t="shared" si="28"/>
        <v>1.6378036818164057</v>
      </c>
      <c r="K119">
        <f t="shared" si="29"/>
        <v>2.4567055227246084</v>
      </c>
      <c r="L119">
        <f t="shared" si="30"/>
        <v>11.792186509078119</v>
      </c>
      <c r="M119">
        <f t="shared" si="31"/>
        <v>0</v>
      </c>
      <c r="N119" s="46">
        <f t="shared" si="32"/>
        <v>45295.541666666461</v>
      </c>
      <c r="O119">
        <v>0.51894661763345862</v>
      </c>
      <c r="P119">
        <v>1.7298220587781956</v>
      </c>
      <c r="Q119">
        <v>2.5947330881672932</v>
      </c>
      <c r="R119">
        <v>12.454718823203008</v>
      </c>
      <c r="S119">
        <v>0</v>
      </c>
      <c r="T119" s="46">
        <v>45638.541666646495</v>
      </c>
    </row>
    <row r="120" spans="2:21" x14ac:dyDescent="0.3">
      <c r="B120">
        <f t="shared" si="26"/>
        <v>4</v>
      </c>
      <c r="C120" s="16">
        <v>86</v>
      </c>
      <c r="D120" cm="1">
        <f t="array" ref="D120">IFERROR(INDEX(Jesper!AH$2:AH$366,ROUNDDOWN($C120/24,0)+1,1)*INDEX($D$3:$AA$30,INDEX(Jesper!$R$2:$R$366,ROW(INDEX(Jesper!AH$2:AH$366,ROUNDDOWN($C120/24,0)+1,1))-1)+IF('Standard Profiles'!$G$18=$B$10,7,0)+IF('Standard Profiles'!$G$18=$B$17,14,0)+IF('Standard Profiles'!$G$18=$B$24,21,0),MOD($C120,24)+1)/SUM(INDEX($D$3:$AA$30,INDEX(Jesper!$R$2:$R$366,ROW(INDEX(Jesper!AH$2:AH$366,ROUNDDOWN($C120/24,0)+1,1))-1)+IF('Standard Profiles'!$G$18=$B$10,7,0)+IF('Standard Profiles'!$G$18=$B$17,14,0)+IF('Standard Profiles'!$G$18=$B$24,21,0),0)),0)</f>
        <v>16.378036818164055</v>
      </c>
      <c r="E120" cm="1">
        <f t="array" ref="E120">IFERROR(INDEX(Jesper!AI$2:AI$366,ROUNDDOWN($C120/24,0)+1,1)*INDEX($D$3:$AA$30,INDEX(Jesper!$R$2:$R$366,ROW(INDEX(Jesper!AI$2:AI$366,ROUNDDOWN($C120/24,0)+1,1))-1)+IF('Standard Profiles'!$G$19=$B$10,7,0)+IF('Standard Profiles'!$G$19=$B$17,14,0)+IF('Standard Profiles'!$G$19=$B$24,21,0),MOD($C120,24)+1)/SUM(INDEX($D$3:$AA$30,INDEX(Jesper!$R$2:$R$366,ROW(INDEX(Jesper!AI$2:AI$366,ROUNDDOWN($C120/24,0)+1,1))-1)+IF('Standard Profiles'!$G$19=$B$10,7,0)+IF('Standard Profiles'!$G$19=$B$17,14,0)+IF('Standard Profiles'!$G$19=$B$24,21,0),0)),0)</f>
        <v>0</v>
      </c>
      <c r="F120" cm="1">
        <f t="array" ref="F120">IFERROR(INDEX(Jesper!AJ$2:AJ$366,ROUNDDOWN($C120/24,0)+1,1)*INDEX($D$3:$AA$30,INDEX(Jesper!$R$2:$R$366,ROW(INDEX(Jesper!AJ$2:AJ$366,ROUNDDOWN($C120/24,0)+1,1))-1)+IF('Standard Profiles'!$G$20=$B$10,7,0)+IF('Standard Profiles'!$G$20=$B$17,14,0)+IF('Standard Profiles'!$G$20=$B$24,21,0),MOD($C120,24)+1)/SUM(INDEX($D$3:$AA$30,INDEX(Jesper!$R$2:$R$366,ROW(INDEX(Jesper!AJ$2:AJ$366,ROUNDDOWN($C120/24,0)+1,1))-1)+IF('Standard Profiles'!$G$20=$B$10,7,0)+IF('Standard Profiles'!$G$20=$B$17,14,0)+IF('Standard Profiles'!$G$20=$B$24,21,0),0)),0)</f>
        <v>0</v>
      </c>
      <c r="G120" cm="1">
        <f t="array" ref="G120">IFERROR(INDEX(Jesper!AK$2:AK$366,ROUNDDOWN($C120/24,0)+1,1)*INDEX($D$3:$AA$30,INDEX(Jesper!$R$2:$R$366,ROW(INDEX(Jesper!AK$2:AK$366,ROUNDDOWN($C120/24,0)+1,1))-1)+IF('Standard Profiles'!$G$21=$B$10,7,0)+IF('Standard Profiles'!$G$21=$B$17,14,0)+IF('Standard Profiles'!$G$21=$B$24,21,0),MOD($C120,24)+1)/SUM(INDEX($D$3:$AA$30,INDEX(Jesper!$R$2:$R$366,ROW(INDEX(Jesper!AK$2:AK$366,ROUNDDOWN($C120/24,0)+1,1))-1)+IF('Standard Profiles'!$G$21=$B$10,7,0)+IF('Standard Profiles'!$G$21=$B$17,14,0)+IF('Standard Profiles'!$G$21=$B$24,21,0),0)),0)</f>
        <v>0</v>
      </c>
      <c r="H120" cm="1">
        <f t="array" ref="H120">IFERROR(INDEX(Jesper!AL$2:AL$366,ROUNDDOWN($C120/24,0)+1,1)*INDEX($D$3:$AA$30,INDEX(Jesper!$R$2:$R$366,ROW(INDEX(Jesper!AL$2:AL$366,ROUNDDOWN($C120/24,0)+1,1))-1)+IF('Standard Profiles'!$G$22=$B$10,7,0)+IF('Standard Profiles'!$G$22=$B$17,14,0)+IF('Standard Profiles'!$G$22=$B$24,21,0),MOD($C120,24)+1)/SUM(INDEX($D$3:$AA$30,INDEX(Jesper!$R$2:$R$366,ROW(INDEX(Jesper!AL$2:AL$366,ROUNDDOWN($C120/24,0)+1,1))-1)+IF('Standard Profiles'!$G$22=$B$10,7,0)+IF('Standard Profiles'!$G$22=$B$17,14,0)+IF('Standard Profiles'!$G$22=$B$24,21,0),0)),0)</f>
        <v>0</v>
      </c>
      <c r="I120">
        <f t="shared" si="27"/>
        <v>0.49134110454492164</v>
      </c>
      <c r="J120">
        <f t="shared" si="28"/>
        <v>1.6378036818164057</v>
      </c>
      <c r="K120">
        <f t="shared" si="29"/>
        <v>2.4567055227246084</v>
      </c>
      <c r="L120">
        <f t="shared" si="30"/>
        <v>11.792186509078119</v>
      </c>
      <c r="M120">
        <f t="shared" si="31"/>
        <v>0</v>
      </c>
      <c r="N120" s="46">
        <f t="shared" si="32"/>
        <v>45295.583333333125</v>
      </c>
      <c r="O120">
        <v>0.51894661763345862</v>
      </c>
      <c r="P120">
        <v>1.7298220587781956</v>
      </c>
      <c r="Q120">
        <v>2.5947330881672932</v>
      </c>
      <c r="R120">
        <v>12.454718823203008</v>
      </c>
      <c r="S120">
        <v>0</v>
      </c>
      <c r="T120" s="46">
        <v>45638.58333331316</v>
      </c>
    </row>
    <row r="121" spans="2:21" x14ac:dyDescent="0.3">
      <c r="B121">
        <f t="shared" si="26"/>
        <v>4</v>
      </c>
      <c r="C121" s="16">
        <v>87</v>
      </c>
      <c r="D121" cm="1">
        <f t="array" ref="D121">IFERROR(INDEX(Jesper!AH$2:AH$366,ROUNDDOWN($C121/24,0)+1,1)*INDEX($D$3:$AA$30,INDEX(Jesper!$R$2:$R$366,ROW(INDEX(Jesper!AH$2:AH$366,ROUNDDOWN($C121/24,0)+1,1))-1)+IF('Standard Profiles'!$G$18=$B$10,7,0)+IF('Standard Profiles'!$G$18=$B$17,14,0)+IF('Standard Profiles'!$G$18=$B$24,21,0),MOD($C121,24)+1)/SUM(INDEX($D$3:$AA$30,INDEX(Jesper!$R$2:$R$366,ROW(INDEX(Jesper!AH$2:AH$366,ROUNDDOWN($C121/24,0)+1,1))-1)+IF('Standard Profiles'!$G$18=$B$10,7,0)+IF('Standard Profiles'!$G$18=$B$17,14,0)+IF('Standard Profiles'!$G$18=$B$24,21,0),0)),0)</f>
        <v>16.378036818164055</v>
      </c>
      <c r="E121" cm="1">
        <f t="array" ref="E121">IFERROR(INDEX(Jesper!AI$2:AI$366,ROUNDDOWN($C121/24,0)+1,1)*INDEX($D$3:$AA$30,INDEX(Jesper!$R$2:$R$366,ROW(INDEX(Jesper!AI$2:AI$366,ROUNDDOWN($C121/24,0)+1,1))-1)+IF('Standard Profiles'!$G$19=$B$10,7,0)+IF('Standard Profiles'!$G$19=$B$17,14,0)+IF('Standard Profiles'!$G$19=$B$24,21,0),MOD($C121,24)+1)/SUM(INDEX($D$3:$AA$30,INDEX(Jesper!$R$2:$R$366,ROW(INDEX(Jesper!AI$2:AI$366,ROUNDDOWN($C121/24,0)+1,1))-1)+IF('Standard Profiles'!$G$19=$B$10,7,0)+IF('Standard Profiles'!$G$19=$B$17,14,0)+IF('Standard Profiles'!$G$19=$B$24,21,0),0)),0)</f>
        <v>0</v>
      </c>
      <c r="F121" cm="1">
        <f t="array" ref="F121">IFERROR(INDEX(Jesper!AJ$2:AJ$366,ROUNDDOWN($C121/24,0)+1,1)*INDEX($D$3:$AA$30,INDEX(Jesper!$R$2:$R$366,ROW(INDEX(Jesper!AJ$2:AJ$366,ROUNDDOWN($C121/24,0)+1,1))-1)+IF('Standard Profiles'!$G$20=$B$10,7,0)+IF('Standard Profiles'!$G$20=$B$17,14,0)+IF('Standard Profiles'!$G$20=$B$24,21,0),MOD($C121,24)+1)/SUM(INDEX($D$3:$AA$30,INDEX(Jesper!$R$2:$R$366,ROW(INDEX(Jesper!AJ$2:AJ$366,ROUNDDOWN($C121/24,0)+1,1))-1)+IF('Standard Profiles'!$G$20=$B$10,7,0)+IF('Standard Profiles'!$G$20=$B$17,14,0)+IF('Standard Profiles'!$G$20=$B$24,21,0),0)),0)</f>
        <v>0</v>
      </c>
      <c r="G121" cm="1">
        <f t="array" ref="G121">IFERROR(INDEX(Jesper!AK$2:AK$366,ROUNDDOWN($C121/24,0)+1,1)*INDEX($D$3:$AA$30,INDEX(Jesper!$R$2:$R$366,ROW(INDEX(Jesper!AK$2:AK$366,ROUNDDOWN($C121/24,0)+1,1))-1)+IF('Standard Profiles'!$G$21=$B$10,7,0)+IF('Standard Profiles'!$G$21=$B$17,14,0)+IF('Standard Profiles'!$G$21=$B$24,21,0),MOD($C121,24)+1)/SUM(INDEX($D$3:$AA$30,INDEX(Jesper!$R$2:$R$366,ROW(INDEX(Jesper!AK$2:AK$366,ROUNDDOWN($C121/24,0)+1,1))-1)+IF('Standard Profiles'!$G$21=$B$10,7,0)+IF('Standard Profiles'!$G$21=$B$17,14,0)+IF('Standard Profiles'!$G$21=$B$24,21,0),0)),0)</f>
        <v>0</v>
      </c>
      <c r="H121" cm="1">
        <f t="array" ref="H121">IFERROR(INDEX(Jesper!AL$2:AL$366,ROUNDDOWN($C121/24,0)+1,1)*INDEX($D$3:$AA$30,INDEX(Jesper!$R$2:$R$366,ROW(INDEX(Jesper!AL$2:AL$366,ROUNDDOWN($C121/24,0)+1,1))-1)+IF('Standard Profiles'!$G$22=$B$10,7,0)+IF('Standard Profiles'!$G$22=$B$17,14,0)+IF('Standard Profiles'!$G$22=$B$24,21,0),MOD($C121,24)+1)/SUM(INDEX($D$3:$AA$30,INDEX(Jesper!$R$2:$R$366,ROW(INDEX(Jesper!AL$2:AL$366,ROUNDDOWN($C121/24,0)+1,1))-1)+IF('Standard Profiles'!$G$22=$B$10,7,0)+IF('Standard Profiles'!$G$22=$B$17,14,0)+IF('Standard Profiles'!$G$22=$B$24,21,0),0)),0)</f>
        <v>0</v>
      </c>
      <c r="I121">
        <f t="shared" si="27"/>
        <v>0.49134110454492164</v>
      </c>
      <c r="J121">
        <f t="shared" si="28"/>
        <v>1.6378036818164057</v>
      </c>
      <c r="K121">
        <f t="shared" si="29"/>
        <v>2.4567055227246084</v>
      </c>
      <c r="L121">
        <f t="shared" si="30"/>
        <v>11.792186509078119</v>
      </c>
      <c r="M121">
        <f t="shared" si="31"/>
        <v>0</v>
      </c>
      <c r="N121" s="46">
        <f t="shared" si="32"/>
        <v>45295.624999999789</v>
      </c>
      <c r="O121">
        <v>0.51894661763345862</v>
      </c>
      <c r="P121">
        <v>1.7298220587781956</v>
      </c>
      <c r="Q121">
        <v>2.5947330881672932</v>
      </c>
      <c r="R121">
        <v>12.454718823203008</v>
      </c>
      <c r="S121">
        <v>0</v>
      </c>
      <c r="T121" s="46">
        <v>45638.624999979824</v>
      </c>
    </row>
    <row r="122" spans="2:21" x14ac:dyDescent="0.3">
      <c r="B122">
        <f t="shared" si="26"/>
        <v>4</v>
      </c>
      <c r="C122" s="16">
        <v>88</v>
      </c>
      <c r="D122" cm="1">
        <f t="array" ref="D122">IFERROR(INDEX(Jesper!AH$2:AH$366,ROUNDDOWN($C122/24,0)+1,1)*INDEX($D$3:$AA$30,INDEX(Jesper!$R$2:$R$366,ROW(INDEX(Jesper!AH$2:AH$366,ROUNDDOWN($C122/24,0)+1,1))-1)+IF('Standard Profiles'!$G$18=$B$10,7,0)+IF('Standard Profiles'!$G$18=$B$17,14,0)+IF('Standard Profiles'!$G$18=$B$24,21,0),MOD($C122,24)+1)/SUM(INDEX($D$3:$AA$30,INDEX(Jesper!$R$2:$R$366,ROW(INDEX(Jesper!AH$2:AH$366,ROUNDDOWN($C122/24,0)+1,1))-1)+IF('Standard Profiles'!$G$18=$B$10,7,0)+IF('Standard Profiles'!$G$18=$B$17,14,0)+IF('Standard Profiles'!$G$18=$B$24,21,0),0)),0)</f>
        <v>16.378036818164055</v>
      </c>
      <c r="E122" cm="1">
        <f t="array" ref="E122">IFERROR(INDEX(Jesper!AI$2:AI$366,ROUNDDOWN($C122/24,0)+1,1)*INDEX($D$3:$AA$30,INDEX(Jesper!$R$2:$R$366,ROW(INDEX(Jesper!AI$2:AI$366,ROUNDDOWN($C122/24,0)+1,1))-1)+IF('Standard Profiles'!$G$19=$B$10,7,0)+IF('Standard Profiles'!$G$19=$B$17,14,0)+IF('Standard Profiles'!$G$19=$B$24,21,0),MOD($C122,24)+1)/SUM(INDEX($D$3:$AA$30,INDEX(Jesper!$R$2:$R$366,ROW(INDEX(Jesper!AI$2:AI$366,ROUNDDOWN($C122/24,0)+1,1))-1)+IF('Standard Profiles'!$G$19=$B$10,7,0)+IF('Standard Profiles'!$G$19=$B$17,14,0)+IF('Standard Profiles'!$G$19=$B$24,21,0),0)),0)</f>
        <v>0</v>
      </c>
      <c r="F122" cm="1">
        <f t="array" ref="F122">IFERROR(INDEX(Jesper!AJ$2:AJ$366,ROUNDDOWN($C122/24,0)+1,1)*INDEX($D$3:$AA$30,INDEX(Jesper!$R$2:$R$366,ROW(INDEX(Jesper!AJ$2:AJ$366,ROUNDDOWN($C122/24,0)+1,1))-1)+IF('Standard Profiles'!$G$20=$B$10,7,0)+IF('Standard Profiles'!$G$20=$B$17,14,0)+IF('Standard Profiles'!$G$20=$B$24,21,0),MOD($C122,24)+1)/SUM(INDEX($D$3:$AA$30,INDEX(Jesper!$R$2:$R$366,ROW(INDEX(Jesper!AJ$2:AJ$366,ROUNDDOWN($C122/24,0)+1,1))-1)+IF('Standard Profiles'!$G$20=$B$10,7,0)+IF('Standard Profiles'!$G$20=$B$17,14,0)+IF('Standard Profiles'!$G$20=$B$24,21,0),0)),0)</f>
        <v>0</v>
      </c>
      <c r="G122" cm="1">
        <f t="array" ref="G122">IFERROR(INDEX(Jesper!AK$2:AK$366,ROUNDDOWN($C122/24,0)+1,1)*INDEX($D$3:$AA$30,INDEX(Jesper!$R$2:$R$366,ROW(INDEX(Jesper!AK$2:AK$366,ROUNDDOWN($C122/24,0)+1,1))-1)+IF('Standard Profiles'!$G$21=$B$10,7,0)+IF('Standard Profiles'!$G$21=$B$17,14,0)+IF('Standard Profiles'!$G$21=$B$24,21,0),MOD($C122,24)+1)/SUM(INDEX($D$3:$AA$30,INDEX(Jesper!$R$2:$R$366,ROW(INDEX(Jesper!AK$2:AK$366,ROUNDDOWN($C122/24,0)+1,1))-1)+IF('Standard Profiles'!$G$21=$B$10,7,0)+IF('Standard Profiles'!$G$21=$B$17,14,0)+IF('Standard Profiles'!$G$21=$B$24,21,0),0)),0)</f>
        <v>0</v>
      </c>
      <c r="H122" cm="1">
        <f t="array" ref="H122">IFERROR(INDEX(Jesper!AL$2:AL$366,ROUNDDOWN($C122/24,0)+1,1)*INDEX($D$3:$AA$30,INDEX(Jesper!$R$2:$R$366,ROW(INDEX(Jesper!AL$2:AL$366,ROUNDDOWN($C122/24,0)+1,1))-1)+IF('Standard Profiles'!$G$22=$B$10,7,0)+IF('Standard Profiles'!$G$22=$B$17,14,0)+IF('Standard Profiles'!$G$22=$B$24,21,0),MOD($C122,24)+1)/SUM(INDEX($D$3:$AA$30,INDEX(Jesper!$R$2:$R$366,ROW(INDEX(Jesper!AL$2:AL$366,ROUNDDOWN($C122/24,0)+1,1))-1)+IF('Standard Profiles'!$G$22=$B$10,7,0)+IF('Standard Profiles'!$G$22=$B$17,14,0)+IF('Standard Profiles'!$G$22=$B$24,21,0),0)),0)</f>
        <v>0</v>
      </c>
      <c r="I122">
        <f t="shared" si="27"/>
        <v>0.49134110454492164</v>
      </c>
      <c r="J122">
        <f t="shared" si="28"/>
        <v>1.6378036818164057</v>
      </c>
      <c r="K122">
        <f t="shared" si="29"/>
        <v>2.4567055227246084</v>
      </c>
      <c r="L122">
        <f t="shared" si="30"/>
        <v>11.792186509078119</v>
      </c>
      <c r="M122">
        <f t="shared" si="31"/>
        <v>0</v>
      </c>
      <c r="N122" s="46">
        <f t="shared" si="32"/>
        <v>45295.666666666453</v>
      </c>
      <c r="O122">
        <v>0.51894661763345862</v>
      </c>
      <c r="P122">
        <v>1.7298220587781956</v>
      </c>
      <c r="Q122">
        <v>2.5947330881672932</v>
      </c>
      <c r="R122">
        <v>12.454718823203008</v>
      </c>
      <c r="S122">
        <v>0</v>
      </c>
      <c r="T122" s="46">
        <v>45638.666666646488</v>
      </c>
    </row>
    <row r="123" spans="2:21" x14ac:dyDescent="0.3">
      <c r="B123">
        <f t="shared" si="26"/>
        <v>4</v>
      </c>
      <c r="C123" s="16">
        <v>89</v>
      </c>
      <c r="D123" cm="1">
        <f t="array" ref="D123">IFERROR(INDEX(Jesper!AH$2:AH$366,ROUNDDOWN($C123/24,0)+1,1)*INDEX($D$3:$AA$30,INDEX(Jesper!$R$2:$R$366,ROW(INDEX(Jesper!AH$2:AH$366,ROUNDDOWN($C123/24,0)+1,1))-1)+IF('Standard Profiles'!$G$18=$B$10,7,0)+IF('Standard Profiles'!$G$18=$B$17,14,0)+IF('Standard Profiles'!$G$18=$B$24,21,0),MOD($C123,24)+1)/SUM(INDEX($D$3:$AA$30,INDEX(Jesper!$R$2:$R$366,ROW(INDEX(Jesper!AH$2:AH$366,ROUNDDOWN($C123/24,0)+1,1))-1)+IF('Standard Profiles'!$G$18=$B$10,7,0)+IF('Standard Profiles'!$G$18=$B$17,14,0)+IF('Standard Profiles'!$G$18=$B$24,21,0),0)),0)</f>
        <v>16.378036818164055</v>
      </c>
      <c r="E123" cm="1">
        <f t="array" ref="E123">IFERROR(INDEX(Jesper!AI$2:AI$366,ROUNDDOWN($C123/24,0)+1,1)*INDEX($D$3:$AA$30,INDEX(Jesper!$R$2:$R$366,ROW(INDEX(Jesper!AI$2:AI$366,ROUNDDOWN($C123/24,0)+1,1))-1)+IF('Standard Profiles'!$G$19=$B$10,7,0)+IF('Standard Profiles'!$G$19=$B$17,14,0)+IF('Standard Profiles'!$G$19=$B$24,21,0),MOD($C123,24)+1)/SUM(INDEX($D$3:$AA$30,INDEX(Jesper!$R$2:$R$366,ROW(INDEX(Jesper!AI$2:AI$366,ROUNDDOWN($C123/24,0)+1,1))-1)+IF('Standard Profiles'!$G$19=$B$10,7,0)+IF('Standard Profiles'!$G$19=$B$17,14,0)+IF('Standard Profiles'!$G$19=$B$24,21,0),0)),0)</f>
        <v>0</v>
      </c>
      <c r="F123" cm="1">
        <f t="array" ref="F123">IFERROR(INDEX(Jesper!AJ$2:AJ$366,ROUNDDOWN($C123/24,0)+1,1)*INDEX($D$3:$AA$30,INDEX(Jesper!$R$2:$R$366,ROW(INDEX(Jesper!AJ$2:AJ$366,ROUNDDOWN($C123/24,0)+1,1))-1)+IF('Standard Profiles'!$G$20=$B$10,7,0)+IF('Standard Profiles'!$G$20=$B$17,14,0)+IF('Standard Profiles'!$G$20=$B$24,21,0),MOD($C123,24)+1)/SUM(INDEX($D$3:$AA$30,INDEX(Jesper!$R$2:$R$366,ROW(INDEX(Jesper!AJ$2:AJ$366,ROUNDDOWN($C123/24,0)+1,1))-1)+IF('Standard Profiles'!$G$20=$B$10,7,0)+IF('Standard Profiles'!$G$20=$B$17,14,0)+IF('Standard Profiles'!$G$20=$B$24,21,0),0)),0)</f>
        <v>0</v>
      </c>
      <c r="G123" cm="1">
        <f t="array" ref="G123">IFERROR(INDEX(Jesper!AK$2:AK$366,ROUNDDOWN($C123/24,0)+1,1)*INDEX($D$3:$AA$30,INDEX(Jesper!$R$2:$R$366,ROW(INDEX(Jesper!AK$2:AK$366,ROUNDDOWN($C123/24,0)+1,1))-1)+IF('Standard Profiles'!$G$21=$B$10,7,0)+IF('Standard Profiles'!$G$21=$B$17,14,0)+IF('Standard Profiles'!$G$21=$B$24,21,0),MOD($C123,24)+1)/SUM(INDEX($D$3:$AA$30,INDEX(Jesper!$R$2:$R$366,ROW(INDEX(Jesper!AK$2:AK$366,ROUNDDOWN($C123/24,0)+1,1))-1)+IF('Standard Profiles'!$G$21=$B$10,7,0)+IF('Standard Profiles'!$G$21=$B$17,14,0)+IF('Standard Profiles'!$G$21=$B$24,21,0),0)),0)</f>
        <v>0</v>
      </c>
      <c r="H123" cm="1">
        <f t="array" ref="H123">IFERROR(INDEX(Jesper!AL$2:AL$366,ROUNDDOWN($C123/24,0)+1,1)*INDEX($D$3:$AA$30,INDEX(Jesper!$R$2:$R$366,ROW(INDEX(Jesper!AL$2:AL$366,ROUNDDOWN($C123/24,0)+1,1))-1)+IF('Standard Profiles'!$G$22=$B$10,7,0)+IF('Standard Profiles'!$G$22=$B$17,14,0)+IF('Standard Profiles'!$G$22=$B$24,21,0),MOD($C123,24)+1)/SUM(INDEX($D$3:$AA$30,INDEX(Jesper!$R$2:$R$366,ROW(INDEX(Jesper!AL$2:AL$366,ROUNDDOWN($C123/24,0)+1,1))-1)+IF('Standard Profiles'!$G$22=$B$10,7,0)+IF('Standard Profiles'!$G$22=$B$17,14,0)+IF('Standard Profiles'!$G$22=$B$24,21,0),0)),0)</f>
        <v>0</v>
      </c>
      <c r="I123">
        <f t="shared" si="27"/>
        <v>0.49134110454492164</v>
      </c>
      <c r="J123">
        <f t="shared" si="28"/>
        <v>1.6378036818164057</v>
      </c>
      <c r="K123">
        <f t="shared" si="29"/>
        <v>2.4567055227246084</v>
      </c>
      <c r="L123">
        <f t="shared" si="30"/>
        <v>11.792186509078119</v>
      </c>
      <c r="M123">
        <f t="shared" si="31"/>
        <v>0</v>
      </c>
      <c r="N123" s="46">
        <f t="shared" si="32"/>
        <v>45295.708333333117</v>
      </c>
      <c r="O123">
        <v>0.51894661763345862</v>
      </c>
      <c r="P123">
        <v>1.7298220587781956</v>
      </c>
      <c r="Q123">
        <v>2.5947330881672932</v>
      </c>
      <c r="R123">
        <v>12.454718823203008</v>
      </c>
      <c r="S123">
        <v>0</v>
      </c>
      <c r="T123" s="46">
        <v>45638.708333313152</v>
      </c>
    </row>
    <row r="124" spans="2:21" x14ac:dyDescent="0.3">
      <c r="B124">
        <f t="shared" si="26"/>
        <v>4</v>
      </c>
      <c r="C124" s="16">
        <v>90</v>
      </c>
      <c r="D124" cm="1">
        <f t="array" ref="D124">IFERROR(INDEX(Jesper!AH$2:AH$366,ROUNDDOWN($C124/24,0)+1,1)*INDEX($D$3:$AA$30,INDEX(Jesper!$R$2:$R$366,ROW(INDEX(Jesper!AH$2:AH$366,ROUNDDOWN($C124/24,0)+1,1))-1)+IF('Standard Profiles'!$G$18=$B$10,7,0)+IF('Standard Profiles'!$G$18=$B$17,14,0)+IF('Standard Profiles'!$G$18=$B$24,21,0),MOD($C124,24)+1)/SUM(INDEX($D$3:$AA$30,INDEX(Jesper!$R$2:$R$366,ROW(INDEX(Jesper!AH$2:AH$366,ROUNDDOWN($C124/24,0)+1,1))-1)+IF('Standard Profiles'!$G$18=$B$10,7,0)+IF('Standard Profiles'!$G$18=$B$17,14,0)+IF('Standard Profiles'!$G$18=$B$24,21,0),0)),0)</f>
        <v>16.378036818164055</v>
      </c>
      <c r="E124" cm="1">
        <f t="array" ref="E124">IFERROR(INDEX(Jesper!AI$2:AI$366,ROUNDDOWN($C124/24,0)+1,1)*INDEX($D$3:$AA$30,INDEX(Jesper!$R$2:$R$366,ROW(INDEX(Jesper!AI$2:AI$366,ROUNDDOWN($C124/24,0)+1,1))-1)+IF('Standard Profiles'!$G$19=$B$10,7,0)+IF('Standard Profiles'!$G$19=$B$17,14,0)+IF('Standard Profiles'!$G$19=$B$24,21,0),MOD($C124,24)+1)/SUM(INDEX($D$3:$AA$30,INDEX(Jesper!$R$2:$R$366,ROW(INDEX(Jesper!AI$2:AI$366,ROUNDDOWN($C124/24,0)+1,1))-1)+IF('Standard Profiles'!$G$19=$B$10,7,0)+IF('Standard Profiles'!$G$19=$B$17,14,0)+IF('Standard Profiles'!$G$19=$B$24,21,0),0)),0)</f>
        <v>0</v>
      </c>
      <c r="F124" cm="1">
        <f t="array" ref="F124">IFERROR(INDEX(Jesper!AJ$2:AJ$366,ROUNDDOWN($C124/24,0)+1,1)*INDEX($D$3:$AA$30,INDEX(Jesper!$R$2:$R$366,ROW(INDEX(Jesper!AJ$2:AJ$366,ROUNDDOWN($C124/24,0)+1,1))-1)+IF('Standard Profiles'!$G$20=$B$10,7,0)+IF('Standard Profiles'!$G$20=$B$17,14,0)+IF('Standard Profiles'!$G$20=$B$24,21,0),MOD($C124,24)+1)/SUM(INDEX($D$3:$AA$30,INDEX(Jesper!$R$2:$R$366,ROW(INDEX(Jesper!AJ$2:AJ$366,ROUNDDOWN($C124/24,0)+1,1))-1)+IF('Standard Profiles'!$G$20=$B$10,7,0)+IF('Standard Profiles'!$G$20=$B$17,14,0)+IF('Standard Profiles'!$G$20=$B$24,21,0),0)),0)</f>
        <v>0</v>
      </c>
      <c r="G124" cm="1">
        <f t="array" ref="G124">IFERROR(INDEX(Jesper!AK$2:AK$366,ROUNDDOWN($C124/24,0)+1,1)*INDEX($D$3:$AA$30,INDEX(Jesper!$R$2:$R$366,ROW(INDEX(Jesper!AK$2:AK$366,ROUNDDOWN($C124/24,0)+1,1))-1)+IF('Standard Profiles'!$G$21=$B$10,7,0)+IF('Standard Profiles'!$G$21=$B$17,14,0)+IF('Standard Profiles'!$G$21=$B$24,21,0),MOD($C124,24)+1)/SUM(INDEX($D$3:$AA$30,INDEX(Jesper!$R$2:$R$366,ROW(INDEX(Jesper!AK$2:AK$366,ROUNDDOWN($C124/24,0)+1,1))-1)+IF('Standard Profiles'!$G$21=$B$10,7,0)+IF('Standard Profiles'!$G$21=$B$17,14,0)+IF('Standard Profiles'!$G$21=$B$24,21,0),0)),0)</f>
        <v>0</v>
      </c>
      <c r="H124" cm="1">
        <f t="array" ref="H124">IFERROR(INDEX(Jesper!AL$2:AL$366,ROUNDDOWN($C124/24,0)+1,1)*INDEX($D$3:$AA$30,INDEX(Jesper!$R$2:$R$366,ROW(INDEX(Jesper!AL$2:AL$366,ROUNDDOWN($C124/24,0)+1,1))-1)+IF('Standard Profiles'!$G$22=$B$10,7,0)+IF('Standard Profiles'!$G$22=$B$17,14,0)+IF('Standard Profiles'!$G$22=$B$24,21,0),MOD($C124,24)+1)/SUM(INDEX($D$3:$AA$30,INDEX(Jesper!$R$2:$R$366,ROW(INDEX(Jesper!AL$2:AL$366,ROUNDDOWN($C124/24,0)+1,1))-1)+IF('Standard Profiles'!$G$22=$B$10,7,0)+IF('Standard Profiles'!$G$22=$B$17,14,0)+IF('Standard Profiles'!$G$22=$B$24,21,0),0)),0)</f>
        <v>0</v>
      </c>
      <c r="I124">
        <f t="shared" si="27"/>
        <v>0.49134110454492164</v>
      </c>
      <c r="J124">
        <f t="shared" si="28"/>
        <v>1.6378036818164057</v>
      </c>
      <c r="K124">
        <f t="shared" si="29"/>
        <v>2.4567055227246084</v>
      </c>
      <c r="L124">
        <f t="shared" si="30"/>
        <v>11.792186509078119</v>
      </c>
      <c r="M124">
        <f t="shared" si="31"/>
        <v>0</v>
      </c>
      <c r="N124" s="46">
        <f t="shared" si="32"/>
        <v>45295.749999999782</v>
      </c>
      <c r="O124">
        <v>0.51894661763345862</v>
      </c>
      <c r="P124">
        <v>1.7298220587781956</v>
      </c>
      <c r="Q124">
        <v>2.5947330881672932</v>
      </c>
      <c r="R124">
        <v>12.454718823203008</v>
      </c>
      <c r="S124">
        <v>0</v>
      </c>
      <c r="T124" s="46">
        <v>45638.749999979816</v>
      </c>
    </row>
    <row r="125" spans="2:21" x14ac:dyDescent="0.3">
      <c r="B125">
        <f t="shared" si="26"/>
        <v>4</v>
      </c>
      <c r="C125" s="16">
        <v>91</v>
      </c>
      <c r="D125" cm="1">
        <f t="array" ref="D125">IFERROR(INDEX(Jesper!AH$2:AH$366,ROUNDDOWN($C125/24,0)+1,1)*INDEX($D$3:$AA$30,INDEX(Jesper!$R$2:$R$366,ROW(INDEX(Jesper!AH$2:AH$366,ROUNDDOWN($C125/24,0)+1,1))-1)+IF('Standard Profiles'!$G$18=$B$10,7,0)+IF('Standard Profiles'!$G$18=$B$17,14,0)+IF('Standard Profiles'!$G$18=$B$24,21,0),MOD($C125,24)+1)/SUM(INDEX($D$3:$AA$30,INDEX(Jesper!$R$2:$R$366,ROW(INDEX(Jesper!AH$2:AH$366,ROUNDDOWN($C125/24,0)+1,1))-1)+IF('Standard Profiles'!$G$18=$B$10,7,0)+IF('Standard Profiles'!$G$18=$B$17,14,0)+IF('Standard Profiles'!$G$18=$B$24,21,0),0)),0)</f>
        <v>13.648364015136714</v>
      </c>
      <c r="E125" cm="1">
        <f t="array" ref="E125">IFERROR(INDEX(Jesper!AI$2:AI$366,ROUNDDOWN($C125/24,0)+1,1)*INDEX($D$3:$AA$30,INDEX(Jesper!$R$2:$R$366,ROW(INDEX(Jesper!AI$2:AI$366,ROUNDDOWN($C125/24,0)+1,1))-1)+IF('Standard Profiles'!$G$19=$B$10,7,0)+IF('Standard Profiles'!$G$19=$B$17,14,0)+IF('Standard Profiles'!$G$19=$B$24,21,0),MOD($C125,24)+1)/SUM(INDEX($D$3:$AA$30,INDEX(Jesper!$R$2:$R$366,ROW(INDEX(Jesper!AI$2:AI$366,ROUNDDOWN($C125/24,0)+1,1))-1)+IF('Standard Profiles'!$G$19=$B$10,7,0)+IF('Standard Profiles'!$G$19=$B$17,14,0)+IF('Standard Profiles'!$G$19=$B$24,21,0),0)),0)</f>
        <v>0</v>
      </c>
      <c r="F125" cm="1">
        <f t="array" ref="F125">IFERROR(INDEX(Jesper!AJ$2:AJ$366,ROUNDDOWN($C125/24,0)+1,1)*INDEX($D$3:$AA$30,INDEX(Jesper!$R$2:$R$366,ROW(INDEX(Jesper!AJ$2:AJ$366,ROUNDDOWN($C125/24,0)+1,1))-1)+IF('Standard Profiles'!$G$20=$B$10,7,0)+IF('Standard Profiles'!$G$20=$B$17,14,0)+IF('Standard Profiles'!$G$20=$B$24,21,0),MOD($C125,24)+1)/SUM(INDEX($D$3:$AA$30,INDEX(Jesper!$R$2:$R$366,ROW(INDEX(Jesper!AJ$2:AJ$366,ROUNDDOWN($C125/24,0)+1,1))-1)+IF('Standard Profiles'!$G$20=$B$10,7,0)+IF('Standard Profiles'!$G$20=$B$17,14,0)+IF('Standard Profiles'!$G$20=$B$24,21,0),0)),0)</f>
        <v>0</v>
      </c>
      <c r="G125" cm="1">
        <f t="array" ref="G125">IFERROR(INDEX(Jesper!AK$2:AK$366,ROUNDDOWN($C125/24,0)+1,1)*INDEX($D$3:$AA$30,INDEX(Jesper!$R$2:$R$366,ROW(INDEX(Jesper!AK$2:AK$366,ROUNDDOWN($C125/24,0)+1,1))-1)+IF('Standard Profiles'!$G$21=$B$10,7,0)+IF('Standard Profiles'!$G$21=$B$17,14,0)+IF('Standard Profiles'!$G$21=$B$24,21,0),MOD($C125,24)+1)/SUM(INDEX($D$3:$AA$30,INDEX(Jesper!$R$2:$R$366,ROW(INDEX(Jesper!AK$2:AK$366,ROUNDDOWN($C125/24,0)+1,1))-1)+IF('Standard Profiles'!$G$21=$B$10,7,0)+IF('Standard Profiles'!$G$21=$B$17,14,0)+IF('Standard Profiles'!$G$21=$B$24,21,0),0)),0)</f>
        <v>0</v>
      </c>
      <c r="H125" cm="1">
        <f t="array" ref="H125">IFERROR(INDEX(Jesper!AL$2:AL$366,ROUNDDOWN($C125/24,0)+1,1)*INDEX($D$3:$AA$30,INDEX(Jesper!$R$2:$R$366,ROW(INDEX(Jesper!AL$2:AL$366,ROUNDDOWN($C125/24,0)+1,1))-1)+IF('Standard Profiles'!$G$22=$B$10,7,0)+IF('Standard Profiles'!$G$22=$B$17,14,0)+IF('Standard Profiles'!$G$22=$B$24,21,0),MOD($C125,24)+1)/SUM(INDEX($D$3:$AA$30,INDEX(Jesper!$R$2:$R$366,ROW(INDEX(Jesper!AL$2:AL$366,ROUNDDOWN($C125/24,0)+1,1))-1)+IF('Standard Profiles'!$G$22=$B$10,7,0)+IF('Standard Profiles'!$G$22=$B$17,14,0)+IF('Standard Profiles'!$G$22=$B$24,21,0),0)),0)</f>
        <v>0</v>
      </c>
      <c r="I125">
        <f t="shared" si="27"/>
        <v>0.40945092045410142</v>
      </c>
      <c r="J125">
        <f t="shared" si="28"/>
        <v>1.3648364015136716</v>
      </c>
      <c r="K125">
        <f t="shared" si="29"/>
        <v>2.0472546022705069</v>
      </c>
      <c r="L125">
        <f t="shared" si="30"/>
        <v>9.8268220908984336</v>
      </c>
      <c r="M125">
        <f t="shared" si="31"/>
        <v>0</v>
      </c>
      <c r="N125" s="46">
        <f t="shared" si="32"/>
        <v>45295.791666666446</v>
      </c>
      <c r="O125">
        <v>0.43245551469454879</v>
      </c>
      <c r="P125">
        <v>1.4415183823151629</v>
      </c>
      <c r="Q125">
        <v>2.162277573472744</v>
      </c>
      <c r="R125">
        <v>10.378932352669171</v>
      </c>
      <c r="S125">
        <v>0</v>
      </c>
      <c r="T125" s="46">
        <v>45638.791666646481</v>
      </c>
    </row>
    <row r="126" spans="2:21" x14ac:dyDescent="0.3">
      <c r="B126">
        <f t="shared" si="26"/>
        <v>4</v>
      </c>
      <c r="C126" s="16">
        <v>92</v>
      </c>
      <c r="D126" cm="1">
        <f t="array" ref="D126">IFERROR(INDEX(Jesper!AH$2:AH$366,ROUNDDOWN($C126/24,0)+1,1)*INDEX($D$3:$AA$30,INDEX(Jesper!$R$2:$R$366,ROW(INDEX(Jesper!AH$2:AH$366,ROUNDDOWN($C126/24,0)+1,1))-1)+IF('Standard Profiles'!$G$18=$B$10,7,0)+IF('Standard Profiles'!$G$18=$B$17,14,0)+IF('Standard Profiles'!$G$18=$B$24,21,0),MOD($C126,24)+1)/SUM(INDEX($D$3:$AA$30,INDEX(Jesper!$R$2:$R$366,ROW(INDEX(Jesper!AH$2:AH$366,ROUNDDOWN($C126/24,0)+1,1))-1)+IF('Standard Profiles'!$G$18=$B$10,7,0)+IF('Standard Profiles'!$G$18=$B$17,14,0)+IF('Standard Profiles'!$G$18=$B$24,21,0),0)),0)</f>
        <v>10.918691212109371</v>
      </c>
      <c r="E126" cm="1">
        <f t="array" ref="E126">IFERROR(INDEX(Jesper!AI$2:AI$366,ROUNDDOWN($C126/24,0)+1,1)*INDEX($D$3:$AA$30,INDEX(Jesper!$R$2:$R$366,ROW(INDEX(Jesper!AI$2:AI$366,ROUNDDOWN($C126/24,0)+1,1))-1)+IF('Standard Profiles'!$G$19=$B$10,7,0)+IF('Standard Profiles'!$G$19=$B$17,14,0)+IF('Standard Profiles'!$G$19=$B$24,21,0),MOD($C126,24)+1)/SUM(INDEX($D$3:$AA$30,INDEX(Jesper!$R$2:$R$366,ROW(INDEX(Jesper!AI$2:AI$366,ROUNDDOWN($C126/24,0)+1,1))-1)+IF('Standard Profiles'!$G$19=$B$10,7,0)+IF('Standard Profiles'!$G$19=$B$17,14,0)+IF('Standard Profiles'!$G$19=$B$24,21,0),0)),0)</f>
        <v>0</v>
      </c>
      <c r="F126" cm="1">
        <f t="array" ref="F126">IFERROR(INDEX(Jesper!AJ$2:AJ$366,ROUNDDOWN($C126/24,0)+1,1)*INDEX($D$3:$AA$30,INDEX(Jesper!$R$2:$R$366,ROW(INDEX(Jesper!AJ$2:AJ$366,ROUNDDOWN($C126/24,0)+1,1))-1)+IF('Standard Profiles'!$G$20=$B$10,7,0)+IF('Standard Profiles'!$G$20=$B$17,14,0)+IF('Standard Profiles'!$G$20=$B$24,21,0),MOD($C126,24)+1)/SUM(INDEX($D$3:$AA$30,INDEX(Jesper!$R$2:$R$366,ROW(INDEX(Jesper!AJ$2:AJ$366,ROUNDDOWN($C126/24,0)+1,1))-1)+IF('Standard Profiles'!$G$20=$B$10,7,0)+IF('Standard Profiles'!$G$20=$B$17,14,0)+IF('Standard Profiles'!$G$20=$B$24,21,0),0)),0)</f>
        <v>0</v>
      </c>
      <c r="G126" cm="1">
        <f t="array" ref="G126">IFERROR(INDEX(Jesper!AK$2:AK$366,ROUNDDOWN($C126/24,0)+1,1)*INDEX($D$3:$AA$30,INDEX(Jesper!$R$2:$R$366,ROW(INDEX(Jesper!AK$2:AK$366,ROUNDDOWN($C126/24,0)+1,1))-1)+IF('Standard Profiles'!$G$21=$B$10,7,0)+IF('Standard Profiles'!$G$21=$B$17,14,0)+IF('Standard Profiles'!$G$21=$B$24,21,0),MOD($C126,24)+1)/SUM(INDEX($D$3:$AA$30,INDEX(Jesper!$R$2:$R$366,ROW(INDEX(Jesper!AK$2:AK$366,ROUNDDOWN($C126/24,0)+1,1))-1)+IF('Standard Profiles'!$G$21=$B$10,7,0)+IF('Standard Profiles'!$G$21=$B$17,14,0)+IF('Standard Profiles'!$G$21=$B$24,21,0),0)),0)</f>
        <v>0</v>
      </c>
      <c r="H126" cm="1">
        <f t="array" ref="H126">IFERROR(INDEX(Jesper!AL$2:AL$366,ROUNDDOWN($C126/24,0)+1,1)*INDEX($D$3:$AA$30,INDEX(Jesper!$R$2:$R$366,ROW(INDEX(Jesper!AL$2:AL$366,ROUNDDOWN($C126/24,0)+1,1))-1)+IF('Standard Profiles'!$G$22=$B$10,7,0)+IF('Standard Profiles'!$G$22=$B$17,14,0)+IF('Standard Profiles'!$G$22=$B$24,21,0),MOD($C126,24)+1)/SUM(INDEX($D$3:$AA$30,INDEX(Jesper!$R$2:$R$366,ROW(INDEX(Jesper!AL$2:AL$366,ROUNDDOWN($C126/24,0)+1,1))-1)+IF('Standard Profiles'!$G$22=$B$10,7,0)+IF('Standard Profiles'!$G$22=$B$17,14,0)+IF('Standard Profiles'!$G$22=$B$24,21,0),0)),0)</f>
        <v>0</v>
      </c>
      <c r="I126">
        <f t="shared" si="27"/>
        <v>0.32756073636328109</v>
      </c>
      <c r="J126">
        <f t="shared" si="28"/>
        <v>1.091869121210937</v>
      </c>
      <c r="K126">
        <f t="shared" si="29"/>
        <v>1.6378036818164057</v>
      </c>
      <c r="L126">
        <f t="shared" si="30"/>
        <v>7.8614576727187471</v>
      </c>
      <c r="M126">
        <f t="shared" si="31"/>
        <v>0</v>
      </c>
      <c r="N126" s="46">
        <f t="shared" si="32"/>
        <v>45295.83333333311</v>
      </c>
      <c r="O126">
        <v>0.34596441175563908</v>
      </c>
      <c r="P126">
        <v>1.1532147058521305</v>
      </c>
      <c r="Q126">
        <v>1.7298220587781954</v>
      </c>
      <c r="R126">
        <v>8.3031458821353379</v>
      </c>
      <c r="S126">
        <v>0</v>
      </c>
      <c r="T126" s="46">
        <v>45638.833333313145</v>
      </c>
    </row>
    <row r="127" spans="2:21" x14ac:dyDescent="0.3">
      <c r="B127">
        <f t="shared" si="26"/>
        <v>4</v>
      </c>
      <c r="C127" s="16">
        <v>93</v>
      </c>
      <c r="D127" cm="1">
        <f t="array" ref="D127">IFERROR(INDEX(Jesper!AH$2:AH$366,ROUNDDOWN($C127/24,0)+1,1)*INDEX($D$3:$AA$30,INDEX(Jesper!$R$2:$R$366,ROW(INDEX(Jesper!AH$2:AH$366,ROUNDDOWN($C127/24,0)+1,1))-1)+IF('Standard Profiles'!$G$18=$B$10,7,0)+IF('Standard Profiles'!$G$18=$B$17,14,0)+IF('Standard Profiles'!$G$18=$B$24,21,0),MOD($C127,24)+1)/SUM(INDEX($D$3:$AA$30,INDEX(Jesper!$R$2:$R$366,ROW(INDEX(Jesper!AH$2:AH$366,ROUNDDOWN($C127/24,0)+1,1))-1)+IF('Standard Profiles'!$G$18=$B$10,7,0)+IF('Standard Profiles'!$G$18=$B$17,14,0)+IF('Standard Profiles'!$G$18=$B$24,21,0),0)),0)</f>
        <v>8.1890184090820277</v>
      </c>
      <c r="E127" cm="1">
        <f t="array" ref="E127">IFERROR(INDEX(Jesper!AI$2:AI$366,ROUNDDOWN($C127/24,0)+1,1)*INDEX($D$3:$AA$30,INDEX(Jesper!$R$2:$R$366,ROW(INDEX(Jesper!AI$2:AI$366,ROUNDDOWN($C127/24,0)+1,1))-1)+IF('Standard Profiles'!$G$19=$B$10,7,0)+IF('Standard Profiles'!$G$19=$B$17,14,0)+IF('Standard Profiles'!$G$19=$B$24,21,0),MOD($C127,24)+1)/SUM(INDEX($D$3:$AA$30,INDEX(Jesper!$R$2:$R$366,ROW(INDEX(Jesper!AI$2:AI$366,ROUNDDOWN($C127/24,0)+1,1))-1)+IF('Standard Profiles'!$G$19=$B$10,7,0)+IF('Standard Profiles'!$G$19=$B$17,14,0)+IF('Standard Profiles'!$G$19=$B$24,21,0),0)),0)</f>
        <v>0</v>
      </c>
      <c r="F127" cm="1">
        <f t="array" ref="F127">IFERROR(INDEX(Jesper!AJ$2:AJ$366,ROUNDDOWN($C127/24,0)+1,1)*INDEX($D$3:$AA$30,INDEX(Jesper!$R$2:$R$366,ROW(INDEX(Jesper!AJ$2:AJ$366,ROUNDDOWN($C127/24,0)+1,1))-1)+IF('Standard Profiles'!$G$20=$B$10,7,0)+IF('Standard Profiles'!$G$20=$B$17,14,0)+IF('Standard Profiles'!$G$20=$B$24,21,0),MOD($C127,24)+1)/SUM(INDEX($D$3:$AA$30,INDEX(Jesper!$R$2:$R$366,ROW(INDEX(Jesper!AJ$2:AJ$366,ROUNDDOWN($C127/24,0)+1,1))-1)+IF('Standard Profiles'!$G$20=$B$10,7,0)+IF('Standard Profiles'!$G$20=$B$17,14,0)+IF('Standard Profiles'!$G$20=$B$24,21,0),0)),0)</f>
        <v>0</v>
      </c>
      <c r="G127" cm="1">
        <f t="array" ref="G127">IFERROR(INDEX(Jesper!AK$2:AK$366,ROUNDDOWN($C127/24,0)+1,1)*INDEX($D$3:$AA$30,INDEX(Jesper!$R$2:$R$366,ROW(INDEX(Jesper!AK$2:AK$366,ROUNDDOWN($C127/24,0)+1,1))-1)+IF('Standard Profiles'!$G$21=$B$10,7,0)+IF('Standard Profiles'!$G$21=$B$17,14,0)+IF('Standard Profiles'!$G$21=$B$24,21,0),MOD($C127,24)+1)/SUM(INDEX($D$3:$AA$30,INDEX(Jesper!$R$2:$R$366,ROW(INDEX(Jesper!AK$2:AK$366,ROUNDDOWN($C127/24,0)+1,1))-1)+IF('Standard Profiles'!$G$21=$B$10,7,0)+IF('Standard Profiles'!$G$21=$B$17,14,0)+IF('Standard Profiles'!$G$21=$B$24,21,0),0)),0)</f>
        <v>0</v>
      </c>
      <c r="H127" cm="1">
        <f t="array" ref="H127">IFERROR(INDEX(Jesper!AL$2:AL$366,ROUNDDOWN($C127/24,0)+1,1)*INDEX($D$3:$AA$30,INDEX(Jesper!$R$2:$R$366,ROW(INDEX(Jesper!AL$2:AL$366,ROUNDDOWN($C127/24,0)+1,1))-1)+IF('Standard Profiles'!$G$22=$B$10,7,0)+IF('Standard Profiles'!$G$22=$B$17,14,0)+IF('Standard Profiles'!$G$22=$B$24,21,0),MOD($C127,24)+1)/SUM(INDEX($D$3:$AA$30,INDEX(Jesper!$R$2:$R$366,ROW(INDEX(Jesper!AL$2:AL$366,ROUNDDOWN($C127/24,0)+1,1))-1)+IF('Standard Profiles'!$G$22=$B$10,7,0)+IF('Standard Profiles'!$G$22=$B$17,14,0)+IF('Standard Profiles'!$G$22=$B$24,21,0),0)),0)</f>
        <v>0</v>
      </c>
      <c r="I127">
        <f t="shared" si="27"/>
        <v>0.24567055227246082</v>
      </c>
      <c r="J127">
        <f t="shared" si="28"/>
        <v>0.81890184090820284</v>
      </c>
      <c r="K127">
        <f t="shared" si="29"/>
        <v>1.2283527613623042</v>
      </c>
      <c r="L127">
        <f t="shared" si="30"/>
        <v>5.8960932545390596</v>
      </c>
      <c r="M127">
        <f t="shared" si="31"/>
        <v>0</v>
      </c>
      <c r="N127" s="46">
        <f t="shared" si="32"/>
        <v>45295.874999999774</v>
      </c>
      <c r="O127">
        <v>0.25947330881672931</v>
      </c>
      <c r="P127">
        <v>0.86491102938909781</v>
      </c>
      <c r="Q127">
        <v>1.2973665440836466</v>
      </c>
      <c r="R127">
        <v>6.2273594116015039</v>
      </c>
      <c r="S127">
        <v>0</v>
      </c>
      <c r="T127" s="46">
        <v>45638.874999979809</v>
      </c>
    </row>
    <row r="128" spans="2:21" x14ac:dyDescent="0.3">
      <c r="B128">
        <f t="shared" si="26"/>
        <v>4</v>
      </c>
      <c r="C128" s="16">
        <v>94</v>
      </c>
      <c r="D128" cm="1">
        <f t="array" ref="D128">IFERROR(INDEX(Jesper!AH$2:AH$366,ROUNDDOWN($C128/24,0)+1,1)*INDEX($D$3:$AA$30,INDEX(Jesper!$R$2:$R$366,ROW(INDEX(Jesper!AH$2:AH$366,ROUNDDOWN($C128/24,0)+1,1))-1)+IF('Standard Profiles'!$G$18=$B$10,7,0)+IF('Standard Profiles'!$G$18=$B$17,14,0)+IF('Standard Profiles'!$G$18=$B$24,21,0),MOD($C128,24)+1)/SUM(INDEX($D$3:$AA$30,INDEX(Jesper!$R$2:$R$366,ROW(INDEX(Jesper!AH$2:AH$366,ROUNDDOWN($C128/24,0)+1,1))-1)+IF('Standard Profiles'!$G$18=$B$10,7,0)+IF('Standard Profiles'!$G$18=$B$17,14,0)+IF('Standard Profiles'!$G$18=$B$24,21,0),0)),0)</f>
        <v>8.1890184090820277</v>
      </c>
      <c r="E128" cm="1">
        <f t="array" ref="E128">IFERROR(INDEX(Jesper!AI$2:AI$366,ROUNDDOWN($C128/24,0)+1,1)*INDEX($D$3:$AA$30,INDEX(Jesper!$R$2:$R$366,ROW(INDEX(Jesper!AI$2:AI$366,ROUNDDOWN($C128/24,0)+1,1))-1)+IF('Standard Profiles'!$G$19=$B$10,7,0)+IF('Standard Profiles'!$G$19=$B$17,14,0)+IF('Standard Profiles'!$G$19=$B$24,21,0),MOD($C128,24)+1)/SUM(INDEX($D$3:$AA$30,INDEX(Jesper!$R$2:$R$366,ROW(INDEX(Jesper!AI$2:AI$366,ROUNDDOWN($C128/24,0)+1,1))-1)+IF('Standard Profiles'!$G$19=$B$10,7,0)+IF('Standard Profiles'!$G$19=$B$17,14,0)+IF('Standard Profiles'!$G$19=$B$24,21,0),0)),0)</f>
        <v>0</v>
      </c>
      <c r="F128" cm="1">
        <f t="array" ref="F128">IFERROR(INDEX(Jesper!AJ$2:AJ$366,ROUNDDOWN($C128/24,0)+1,1)*INDEX($D$3:$AA$30,INDEX(Jesper!$R$2:$R$366,ROW(INDEX(Jesper!AJ$2:AJ$366,ROUNDDOWN($C128/24,0)+1,1))-1)+IF('Standard Profiles'!$G$20=$B$10,7,0)+IF('Standard Profiles'!$G$20=$B$17,14,0)+IF('Standard Profiles'!$G$20=$B$24,21,0),MOD($C128,24)+1)/SUM(INDEX($D$3:$AA$30,INDEX(Jesper!$R$2:$R$366,ROW(INDEX(Jesper!AJ$2:AJ$366,ROUNDDOWN($C128/24,0)+1,1))-1)+IF('Standard Profiles'!$G$20=$B$10,7,0)+IF('Standard Profiles'!$G$20=$B$17,14,0)+IF('Standard Profiles'!$G$20=$B$24,21,0),0)),0)</f>
        <v>0</v>
      </c>
      <c r="G128" cm="1">
        <f t="array" ref="G128">IFERROR(INDEX(Jesper!AK$2:AK$366,ROUNDDOWN($C128/24,0)+1,1)*INDEX($D$3:$AA$30,INDEX(Jesper!$R$2:$R$366,ROW(INDEX(Jesper!AK$2:AK$366,ROUNDDOWN($C128/24,0)+1,1))-1)+IF('Standard Profiles'!$G$21=$B$10,7,0)+IF('Standard Profiles'!$G$21=$B$17,14,0)+IF('Standard Profiles'!$G$21=$B$24,21,0),MOD($C128,24)+1)/SUM(INDEX($D$3:$AA$30,INDEX(Jesper!$R$2:$R$366,ROW(INDEX(Jesper!AK$2:AK$366,ROUNDDOWN($C128/24,0)+1,1))-1)+IF('Standard Profiles'!$G$21=$B$10,7,0)+IF('Standard Profiles'!$G$21=$B$17,14,0)+IF('Standard Profiles'!$G$21=$B$24,21,0),0)),0)</f>
        <v>0</v>
      </c>
      <c r="H128" cm="1">
        <f t="array" ref="H128">IFERROR(INDEX(Jesper!AL$2:AL$366,ROUNDDOWN($C128/24,0)+1,1)*INDEX($D$3:$AA$30,INDEX(Jesper!$R$2:$R$366,ROW(INDEX(Jesper!AL$2:AL$366,ROUNDDOWN($C128/24,0)+1,1))-1)+IF('Standard Profiles'!$G$22=$B$10,7,0)+IF('Standard Profiles'!$G$22=$B$17,14,0)+IF('Standard Profiles'!$G$22=$B$24,21,0),MOD($C128,24)+1)/SUM(INDEX($D$3:$AA$30,INDEX(Jesper!$R$2:$R$366,ROW(INDEX(Jesper!AL$2:AL$366,ROUNDDOWN($C128/24,0)+1,1))-1)+IF('Standard Profiles'!$G$22=$B$10,7,0)+IF('Standard Profiles'!$G$22=$B$17,14,0)+IF('Standard Profiles'!$G$22=$B$24,21,0),0)),0)</f>
        <v>0</v>
      </c>
      <c r="I128">
        <f t="shared" si="27"/>
        <v>0.24567055227246082</v>
      </c>
      <c r="J128">
        <f t="shared" si="28"/>
        <v>0.81890184090820284</v>
      </c>
      <c r="K128">
        <f t="shared" si="29"/>
        <v>1.2283527613623042</v>
      </c>
      <c r="L128">
        <f t="shared" si="30"/>
        <v>5.8960932545390596</v>
      </c>
      <c r="M128">
        <f t="shared" si="31"/>
        <v>0</v>
      </c>
      <c r="N128" s="46">
        <f t="shared" si="32"/>
        <v>45295.916666666439</v>
      </c>
      <c r="O128">
        <v>0.25947330881672931</v>
      </c>
      <c r="P128">
        <v>0.86491102938909781</v>
      </c>
      <c r="Q128">
        <v>1.2973665440836466</v>
      </c>
      <c r="R128">
        <v>6.2273594116015039</v>
      </c>
      <c r="S128">
        <v>0</v>
      </c>
      <c r="T128" s="46">
        <v>45638.916666646473</v>
      </c>
    </row>
    <row r="129" spans="2:21" x14ac:dyDescent="0.3">
      <c r="B129">
        <f t="shared" si="26"/>
        <v>4</v>
      </c>
      <c r="C129" s="16">
        <v>95</v>
      </c>
      <c r="D129" cm="1">
        <f t="array" ref="D129">IFERROR(INDEX(Jesper!AH$2:AH$366,ROUNDDOWN($C129/24,0)+1,1)*INDEX($D$3:$AA$30,INDEX(Jesper!$R$2:$R$366,ROW(INDEX(Jesper!AH$2:AH$366,ROUNDDOWN($C129/24,0)+1,1))-1)+IF('Standard Profiles'!$G$18=$B$10,7,0)+IF('Standard Profiles'!$G$18=$B$17,14,0)+IF('Standard Profiles'!$G$18=$B$24,21,0),MOD($C129,24)+1)/SUM(INDEX($D$3:$AA$30,INDEX(Jesper!$R$2:$R$366,ROW(INDEX(Jesper!AH$2:AH$366,ROUNDDOWN($C129/24,0)+1,1))-1)+IF('Standard Profiles'!$G$18=$B$10,7,0)+IF('Standard Profiles'!$G$18=$B$17,14,0)+IF('Standard Profiles'!$G$18=$B$24,21,0),0)),0)</f>
        <v>8.1890184090820277</v>
      </c>
      <c r="E129" cm="1">
        <f t="array" ref="E129">IFERROR(INDEX(Jesper!AI$2:AI$366,ROUNDDOWN($C129/24,0)+1,1)*INDEX($D$3:$AA$30,INDEX(Jesper!$R$2:$R$366,ROW(INDEX(Jesper!AI$2:AI$366,ROUNDDOWN($C129/24,0)+1,1))-1)+IF('Standard Profiles'!$G$19=$B$10,7,0)+IF('Standard Profiles'!$G$19=$B$17,14,0)+IF('Standard Profiles'!$G$19=$B$24,21,0),MOD($C129,24)+1)/SUM(INDEX($D$3:$AA$30,INDEX(Jesper!$R$2:$R$366,ROW(INDEX(Jesper!AI$2:AI$366,ROUNDDOWN($C129/24,0)+1,1))-1)+IF('Standard Profiles'!$G$19=$B$10,7,0)+IF('Standard Profiles'!$G$19=$B$17,14,0)+IF('Standard Profiles'!$G$19=$B$24,21,0),0)),0)</f>
        <v>0</v>
      </c>
      <c r="F129" cm="1">
        <f t="array" ref="F129">IFERROR(INDEX(Jesper!AJ$2:AJ$366,ROUNDDOWN($C129/24,0)+1,1)*INDEX($D$3:$AA$30,INDEX(Jesper!$R$2:$R$366,ROW(INDEX(Jesper!AJ$2:AJ$366,ROUNDDOWN($C129/24,0)+1,1))-1)+IF('Standard Profiles'!$G$20=$B$10,7,0)+IF('Standard Profiles'!$G$20=$B$17,14,0)+IF('Standard Profiles'!$G$20=$B$24,21,0),MOD($C129,24)+1)/SUM(INDEX($D$3:$AA$30,INDEX(Jesper!$R$2:$R$366,ROW(INDEX(Jesper!AJ$2:AJ$366,ROUNDDOWN($C129/24,0)+1,1))-1)+IF('Standard Profiles'!$G$20=$B$10,7,0)+IF('Standard Profiles'!$G$20=$B$17,14,0)+IF('Standard Profiles'!$G$20=$B$24,21,0),0)),0)</f>
        <v>0</v>
      </c>
      <c r="G129" cm="1">
        <f t="array" ref="G129">IFERROR(INDEX(Jesper!AK$2:AK$366,ROUNDDOWN($C129/24,0)+1,1)*INDEX($D$3:$AA$30,INDEX(Jesper!$R$2:$R$366,ROW(INDEX(Jesper!AK$2:AK$366,ROUNDDOWN($C129/24,0)+1,1))-1)+IF('Standard Profiles'!$G$21=$B$10,7,0)+IF('Standard Profiles'!$G$21=$B$17,14,0)+IF('Standard Profiles'!$G$21=$B$24,21,0),MOD($C129,24)+1)/SUM(INDEX($D$3:$AA$30,INDEX(Jesper!$R$2:$R$366,ROW(INDEX(Jesper!AK$2:AK$366,ROUNDDOWN($C129/24,0)+1,1))-1)+IF('Standard Profiles'!$G$21=$B$10,7,0)+IF('Standard Profiles'!$G$21=$B$17,14,0)+IF('Standard Profiles'!$G$21=$B$24,21,0),0)),0)</f>
        <v>0</v>
      </c>
      <c r="H129" cm="1">
        <f t="array" ref="H129">IFERROR(INDEX(Jesper!AL$2:AL$366,ROUNDDOWN($C129/24,0)+1,1)*INDEX($D$3:$AA$30,INDEX(Jesper!$R$2:$R$366,ROW(INDEX(Jesper!AL$2:AL$366,ROUNDDOWN($C129/24,0)+1,1))-1)+IF('Standard Profiles'!$G$22=$B$10,7,0)+IF('Standard Profiles'!$G$22=$B$17,14,0)+IF('Standard Profiles'!$G$22=$B$24,21,0),MOD($C129,24)+1)/SUM(INDEX($D$3:$AA$30,INDEX(Jesper!$R$2:$R$366,ROW(INDEX(Jesper!AL$2:AL$366,ROUNDDOWN($C129/24,0)+1,1))-1)+IF('Standard Profiles'!$G$22=$B$10,7,0)+IF('Standard Profiles'!$G$22=$B$17,14,0)+IF('Standard Profiles'!$G$22=$B$24,21,0),0)),0)</f>
        <v>0</v>
      </c>
      <c r="I129">
        <f t="shared" si="27"/>
        <v>0.24567055227246082</v>
      </c>
      <c r="J129">
        <f t="shared" si="28"/>
        <v>0.81890184090820284</v>
      </c>
      <c r="K129">
        <f t="shared" si="29"/>
        <v>1.2283527613623042</v>
      </c>
      <c r="L129">
        <f t="shared" si="30"/>
        <v>5.8960932545390596</v>
      </c>
      <c r="M129">
        <f t="shared" si="31"/>
        <v>0</v>
      </c>
      <c r="N129" s="46">
        <f t="shared" si="32"/>
        <v>45295.958333333103</v>
      </c>
      <c r="O129">
        <v>0.25947330881672931</v>
      </c>
      <c r="P129">
        <v>0.86491102938909781</v>
      </c>
      <c r="Q129">
        <v>1.2973665440836466</v>
      </c>
      <c r="R129">
        <v>6.2273594116015039</v>
      </c>
      <c r="S129">
        <v>0</v>
      </c>
      <c r="T129" s="46">
        <v>45638.958333313138</v>
      </c>
    </row>
    <row r="130" spans="2:21" x14ac:dyDescent="0.3">
      <c r="B130">
        <f t="shared" si="26"/>
        <v>5</v>
      </c>
      <c r="C130" s="16">
        <v>96</v>
      </c>
      <c r="D130" cm="1">
        <f t="array" ref="D130">IFERROR(INDEX(Jesper!AH$2:AH$366,ROUNDDOWN($C130/24,0)+1,1)*INDEX($D$3:$AA$30,INDEX(Jesper!$R$2:$R$366,ROW(INDEX(Jesper!AH$2:AH$366,ROUNDDOWN($C130/24,0)+1,1))-1)+IF('Standard Profiles'!$G$18=$B$10,7,0)+IF('Standard Profiles'!$G$18=$B$17,14,0)+IF('Standard Profiles'!$G$18=$B$24,21,0),MOD($C130,24)+1)/SUM(INDEX($D$3:$AA$30,INDEX(Jesper!$R$2:$R$366,ROW(INDEX(Jesper!AH$2:AH$366,ROUNDDOWN($C130/24,0)+1,1))-1)+IF('Standard Profiles'!$G$18=$B$10,7,0)+IF('Standard Profiles'!$G$18=$B$17,14,0)+IF('Standard Profiles'!$G$18=$B$24,21,0),0)),0)</f>
        <v>8.9184554194134993</v>
      </c>
      <c r="E130" cm="1">
        <f t="array" ref="E130">IFERROR(INDEX(Jesper!AI$2:AI$366,ROUNDDOWN($C130/24,0)+1,1)*INDEX($D$3:$AA$30,INDEX(Jesper!$R$2:$R$366,ROW(INDEX(Jesper!AI$2:AI$366,ROUNDDOWN($C130/24,0)+1,1))-1)+IF('Standard Profiles'!$G$19=$B$10,7,0)+IF('Standard Profiles'!$G$19=$B$17,14,0)+IF('Standard Profiles'!$G$19=$B$24,21,0),MOD($C130,24)+1)/SUM(INDEX($D$3:$AA$30,INDEX(Jesper!$R$2:$R$366,ROW(INDEX(Jesper!AI$2:AI$366,ROUNDDOWN($C130/24,0)+1,1))-1)+IF('Standard Profiles'!$G$19=$B$10,7,0)+IF('Standard Profiles'!$G$19=$B$17,14,0)+IF('Standard Profiles'!$G$19=$B$24,21,0),0)),0)</f>
        <v>0</v>
      </c>
      <c r="F130" cm="1">
        <f t="array" ref="F130">IFERROR(INDEX(Jesper!AJ$2:AJ$366,ROUNDDOWN($C130/24,0)+1,1)*INDEX($D$3:$AA$30,INDEX(Jesper!$R$2:$R$366,ROW(INDEX(Jesper!AJ$2:AJ$366,ROUNDDOWN($C130/24,0)+1,1))-1)+IF('Standard Profiles'!$G$20=$B$10,7,0)+IF('Standard Profiles'!$G$20=$B$17,14,0)+IF('Standard Profiles'!$G$20=$B$24,21,0),MOD($C130,24)+1)/SUM(INDEX($D$3:$AA$30,INDEX(Jesper!$R$2:$R$366,ROW(INDEX(Jesper!AJ$2:AJ$366,ROUNDDOWN($C130/24,0)+1,1))-1)+IF('Standard Profiles'!$G$20=$B$10,7,0)+IF('Standard Profiles'!$G$20=$B$17,14,0)+IF('Standard Profiles'!$G$20=$B$24,21,0),0)),0)</f>
        <v>0</v>
      </c>
      <c r="G130" cm="1">
        <f t="array" ref="G130">IFERROR(INDEX(Jesper!AK$2:AK$366,ROUNDDOWN($C130/24,0)+1,1)*INDEX($D$3:$AA$30,INDEX(Jesper!$R$2:$R$366,ROW(INDEX(Jesper!AK$2:AK$366,ROUNDDOWN($C130/24,0)+1,1))-1)+IF('Standard Profiles'!$G$21=$B$10,7,0)+IF('Standard Profiles'!$G$21=$B$17,14,0)+IF('Standard Profiles'!$G$21=$B$24,21,0),MOD($C130,24)+1)/SUM(INDEX($D$3:$AA$30,INDEX(Jesper!$R$2:$R$366,ROW(INDEX(Jesper!AK$2:AK$366,ROUNDDOWN($C130/24,0)+1,1))-1)+IF('Standard Profiles'!$G$21=$B$10,7,0)+IF('Standard Profiles'!$G$21=$B$17,14,0)+IF('Standard Profiles'!$G$21=$B$24,21,0),0)),0)</f>
        <v>0</v>
      </c>
      <c r="H130" cm="1">
        <f t="array" ref="H130">IFERROR(INDEX(Jesper!AL$2:AL$366,ROUNDDOWN($C130/24,0)+1,1)*INDEX($D$3:$AA$30,INDEX(Jesper!$R$2:$R$366,ROW(INDEX(Jesper!AL$2:AL$366,ROUNDDOWN($C130/24,0)+1,1))-1)+IF('Standard Profiles'!$G$22=$B$10,7,0)+IF('Standard Profiles'!$G$22=$B$17,14,0)+IF('Standard Profiles'!$G$22=$B$24,21,0),MOD($C130,24)+1)/SUM(INDEX($D$3:$AA$30,INDEX(Jesper!$R$2:$R$366,ROW(INDEX(Jesper!AL$2:AL$366,ROUNDDOWN($C130/24,0)+1,1))-1)+IF('Standard Profiles'!$G$22=$B$10,7,0)+IF('Standard Profiles'!$G$22=$B$17,14,0)+IF('Standard Profiles'!$G$22=$B$24,21,0),0)),0)</f>
        <v>0</v>
      </c>
      <c r="I130">
        <f t="shared" si="27"/>
        <v>0.26755366258240498</v>
      </c>
      <c r="J130">
        <f t="shared" si="28"/>
        <v>0.89184554194135002</v>
      </c>
      <c r="K130">
        <f t="shared" si="29"/>
        <v>1.3377683129120248</v>
      </c>
      <c r="L130">
        <f t="shared" si="30"/>
        <v>6.4212879019777196</v>
      </c>
      <c r="M130">
        <f t="shared" si="31"/>
        <v>0</v>
      </c>
      <c r="N130" s="46">
        <f t="shared" si="32"/>
        <v>45295.999999999767</v>
      </c>
      <c r="O130">
        <v>0.2856180369515432</v>
      </c>
      <c r="P130">
        <v>0.95206012317181077</v>
      </c>
      <c r="Q130">
        <v>1.4280901847577161</v>
      </c>
      <c r="R130">
        <v>6.8548328868370367</v>
      </c>
      <c r="S130">
        <v>0</v>
      </c>
      <c r="T130" s="46">
        <v>45638.999999979802</v>
      </c>
    </row>
    <row r="131" spans="2:21" x14ac:dyDescent="0.3">
      <c r="B131">
        <f t="shared" si="26"/>
        <v>5</v>
      </c>
      <c r="C131" s="16">
        <v>97</v>
      </c>
      <c r="D131" cm="1">
        <f t="array" ref="D131">IFERROR(INDEX(Jesper!AH$2:AH$366,ROUNDDOWN($C131/24,0)+1,1)*INDEX($D$3:$AA$30,INDEX(Jesper!$R$2:$R$366,ROW(INDEX(Jesper!AH$2:AH$366,ROUNDDOWN($C131/24,0)+1,1))-1)+IF('Standard Profiles'!$G$18=$B$10,7,0)+IF('Standard Profiles'!$G$18=$B$17,14,0)+IF('Standard Profiles'!$G$18=$B$24,21,0),MOD($C131,24)+1)/SUM(INDEX($D$3:$AA$30,INDEX(Jesper!$R$2:$R$366,ROW(INDEX(Jesper!AH$2:AH$366,ROUNDDOWN($C131/24,0)+1,1))-1)+IF('Standard Profiles'!$G$18=$B$10,7,0)+IF('Standard Profiles'!$G$18=$B$17,14,0)+IF('Standard Profiles'!$G$18=$B$24,21,0),0)),0)</f>
        <v>8.9184554194134993</v>
      </c>
      <c r="E131" cm="1">
        <f t="array" ref="E131">IFERROR(INDEX(Jesper!AI$2:AI$366,ROUNDDOWN($C131/24,0)+1,1)*INDEX($D$3:$AA$30,INDEX(Jesper!$R$2:$R$366,ROW(INDEX(Jesper!AI$2:AI$366,ROUNDDOWN($C131/24,0)+1,1))-1)+IF('Standard Profiles'!$G$19=$B$10,7,0)+IF('Standard Profiles'!$G$19=$B$17,14,0)+IF('Standard Profiles'!$G$19=$B$24,21,0),MOD($C131,24)+1)/SUM(INDEX($D$3:$AA$30,INDEX(Jesper!$R$2:$R$366,ROW(INDEX(Jesper!AI$2:AI$366,ROUNDDOWN($C131/24,0)+1,1))-1)+IF('Standard Profiles'!$G$19=$B$10,7,0)+IF('Standard Profiles'!$G$19=$B$17,14,0)+IF('Standard Profiles'!$G$19=$B$24,21,0),0)),0)</f>
        <v>0</v>
      </c>
      <c r="F131" cm="1">
        <f t="array" ref="F131">IFERROR(INDEX(Jesper!AJ$2:AJ$366,ROUNDDOWN($C131/24,0)+1,1)*INDEX($D$3:$AA$30,INDEX(Jesper!$R$2:$R$366,ROW(INDEX(Jesper!AJ$2:AJ$366,ROUNDDOWN($C131/24,0)+1,1))-1)+IF('Standard Profiles'!$G$20=$B$10,7,0)+IF('Standard Profiles'!$G$20=$B$17,14,0)+IF('Standard Profiles'!$G$20=$B$24,21,0),MOD($C131,24)+1)/SUM(INDEX($D$3:$AA$30,INDEX(Jesper!$R$2:$R$366,ROW(INDEX(Jesper!AJ$2:AJ$366,ROUNDDOWN($C131/24,0)+1,1))-1)+IF('Standard Profiles'!$G$20=$B$10,7,0)+IF('Standard Profiles'!$G$20=$B$17,14,0)+IF('Standard Profiles'!$G$20=$B$24,21,0),0)),0)</f>
        <v>0</v>
      </c>
      <c r="G131" cm="1">
        <f t="array" ref="G131">IFERROR(INDEX(Jesper!AK$2:AK$366,ROUNDDOWN($C131/24,0)+1,1)*INDEX($D$3:$AA$30,INDEX(Jesper!$R$2:$R$366,ROW(INDEX(Jesper!AK$2:AK$366,ROUNDDOWN($C131/24,0)+1,1))-1)+IF('Standard Profiles'!$G$21=$B$10,7,0)+IF('Standard Profiles'!$G$21=$B$17,14,0)+IF('Standard Profiles'!$G$21=$B$24,21,0),MOD($C131,24)+1)/SUM(INDEX($D$3:$AA$30,INDEX(Jesper!$R$2:$R$366,ROW(INDEX(Jesper!AK$2:AK$366,ROUNDDOWN($C131/24,0)+1,1))-1)+IF('Standard Profiles'!$G$21=$B$10,7,0)+IF('Standard Profiles'!$G$21=$B$17,14,0)+IF('Standard Profiles'!$G$21=$B$24,21,0),0)),0)</f>
        <v>0</v>
      </c>
      <c r="H131" cm="1">
        <f t="array" ref="H131">IFERROR(INDEX(Jesper!AL$2:AL$366,ROUNDDOWN($C131/24,0)+1,1)*INDEX($D$3:$AA$30,INDEX(Jesper!$R$2:$R$366,ROW(INDEX(Jesper!AL$2:AL$366,ROUNDDOWN($C131/24,0)+1,1))-1)+IF('Standard Profiles'!$G$22=$B$10,7,0)+IF('Standard Profiles'!$G$22=$B$17,14,0)+IF('Standard Profiles'!$G$22=$B$24,21,0),MOD($C131,24)+1)/SUM(INDEX($D$3:$AA$30,INDEX(Jesper!$R$2:$R$366,ROW(INDEX(Jesper!AL$2:AL$366,ROUNDDOWN($C131/24,0)+1,1))-1)+IF('Standard Profiles'!$G$22=$B$10,7,0)+IF('Standard Profiles'!$G$22=$B$17,14,0)+IF('Standard Profiles'!$G$22=$B$24,21,0),0)),0)</f>
        <v>0</v>
      </c>
      <c r="I131">
        <f t="shared" si="27"/>
        <v>0.26755366258240498</v>
      </c>
      <c r="J131">
        <f t="shared" si="28"/>
        <v>0.89184554194135002</v>
      </c>
      <c r="K131">
        <f t="shared" si="29"/>
        <v>1.3377683129120248</v>
      </c>
      <c r="L131">
        <f t="shared" si="30"/>
        <v>6.4212879019777196</v>
      </c>
      <c r="M131">
        <f t="shared" si="31"/>
        <v>0</v>
      </c>
      <c r="N131" s="46">
        <f t="shared" si="32"/>
        <v>45296.041666666431</v>
      </c>
      <c r="O131">
        <v>0.2856180369515432</v>
      </c>
      <c r="P131">
        <v>0.95206012317181077</v>
      </c>
      <c r="Q131">
        <v>1.4280901847577161</v>
      </c>
      <c r="R131">
        <v>6.8548328868370367</v>
      </c>
      <c r="S131">
        <v>0</v>
      </c>
      <c r="T131" s="46">
        <v>45639.041666646466</v>
      </c>
    </row>
    <row r="132" spans="2:21" x14ac:dyDescent="0.3">
      <c r="B132">
        <f t="shared" si="26"/>
        <v>5</v>
      </c>
      <c r="C132" s="16">
        <v>98</v>
      </c>
      <c r="D132" cm="1">
        <f t="array" ref="D132">IFERROR(INDEX(Jesper!AH$2:AH$366,ROUNDDOWN($C132/24,0)+1,1)*INDEX($D$3:$AA$30,INDEX(Jesper!$R$2:$R$366,ROW(INDEX(Jesper!AH$2:AH$366,ROUNDDOWN($C132/24,0)+1,1))-1)+IF('Standard Profiles'!$G$18=$B$10,7,0)+IF('Standard Profiles'!$G$18=$B$17,14,0)+IF('Standard Profiles'!$G$18=$B$24,21,0),MOD($C132,24)+1)/SUM(INDEX($D$3:$AA$30,INDEX(Jesper!$R$2:$R$366,ROW(INDEX(Jesper!AH$2:AH$366,ROUNDDOWN($C132/24,0)+1,1))-1)+IF('Standard Profiles'!$G$18=$B$10,7,0)+IF('Standard Profiles'!$G$18=$B$17,14,0)+IF('Standard Profiles'!$G$18=$B$24,21,0),0)),0)</f>
        <v>8.9184554194134993</v>
      </c>
      <c r="E132" cm="1">
        <f t="array" ref="E132">IFERROR(INDEX(Jesper!AI$2:AI$366,ROUNDDOWN($C132/24,0)+1,1)*INDEX($D$3:$AA$30,INDEX(Jesper!$R$2:$R$366,ROW(INDEX(Jesper!AI$2:AI$366,ROUNDDOWN($C132/24,0)+1,1))-1)+IF('Standard Profiles'!$G$19=$B$10,7,0)+IF('Standard Profiles'!$G$19=$B$17,14,0)+IF('Standard Profiles'!$G$19=$B$24,21,0),MOD($C132,24)+1)/SUM(INDEX($D$3:$AA$30,INDEX(Jesper!$R$2:$R$366,ROW(INDEX(Jesper!AI$2:AI$366,ROUNDDOWN($C132/24,0)+1,1))-1)+IF('Standard Profiles'!$G$19=$B$10,7,0)+IF('Standard Profiles'!$G$19=$B$17,14,0)+IF('Standard Profiles'!$G$19=$B$24,21,0),0)),0)</f>
        <v>0</v>
      </c>
      <c r="F132" cm="1">
        <f t="array" ref="F132">IFERROR(INDEX(Jesper!AJ$2:AJ$366,ROUNDDOWN($C132/24,0)+1,1)*INDEX($D$3:$AA$30,INDEX(Jesper!$R$2:$R$366,ROW(INDEX(Jesper!AJ$2:AJ$366,ROUNDDOWN($C132/24,0)+1,1))-1)+IF('Standard Profiles'!$G$20=$B$10,7,0)+IF('Standard Profiles'!$G$20=$B$17,14,0)+IF('Standard Profiles'!$G$20=$B$24,21,0),MOD($C132,24)+1)/SUM(INDEX($D$3:$AA$30,INDEX(Jesper!$R$2:$R$366,ROW(INDEX(Jesper!AJ$2:AJ$366,ROUNDDOWN($C132/24,0)+1,1))-1)+IF('Standard Profiles'!$G$20=$B$10,7,0)+IF('Standard Profiles'!$G$20=$B$17,14,0)+IF('Standard Profiles'!$G$20=$B$24,21,0),0)),0)</f>
        <v>0</v>
      </c>
      <c r="G132" cm="1">
        <f t="array" ref="G132">IFERROR(INDEX(Jesper!AK$2:AK$366,ROUNDDOWN($C132/24,0)+1,1)*INDEX($D$3:$AA$30,INDEX(Jesper!$R$2:$R$366,ROW(INDEX(Jesper!AK$2:AK$366,ROUNDDOWN($C132/24,0)+1,1))-1)+IF('Standard Profiles'!$G$21=$B$10,7,0)+IF('Standard Profiles'!$G$21=$B$17,14,0)+IF('Standard Profiles'!$G$21=$B$24,21,0),MOD($C132,24)+1)/SUM(INDEX($D$3:$AA$30,INDEX(Jesper!$R$2:$R$366,ROW(INDEX(Jesper!AK$2:AK$366,ROUNDDOWN($C132/24,0)+1,1))-1)+IF('Standard Profiles'!$G$21=$B$10,7,0)+IF('Standard Profiles'!$G$21=$B$17,14,0)+IF('Standard Profiles'!$G$21=$B$24,21,0),0)),0)</f>
        <v>0</v>
      </c>
      <c r="H132" cm="1">
        <f t="array" ref="H132">IFERROR(INDEX(Jesper!AL$2:AL$366,ROUNDDOWN($C132/24,0)+1,1)*INDEX($D$3:$AA$30,INDEX(Jesper!$R$2:$R$366,ROW(INDEX(Jesper!AL$2:AL$366,ROUNDDOWN($C132/24,0)+1,1))-1)+IF('Standard Profiles'!$G$22=$B$10,7,0)+IF('Standard Profiles'!$G$22=$B$17,14,0)+IF('Standard Profiles'!$G$22=$B$24,21,0),MOD($C132,24)+1)/SUM(INDEX($D$3:$AA$30,INDEX(Jesper!$R$2:$R$366,ROW(INDEX(Jesper!AL$2:AL$366,ROUNDDOWN($C132/24,0)+1,1))-1)+IF('Standard Profiles'!$G$22=$B$10,7,0)+IF('Standard Profiles'!$G$22=$B$17,14,0)+IF('Standard Profiles'!$G$22=$B$24,21,0),0)),0)</f>
        <v>0</v>
      </c>
      <c r="I132">
        <f t="shared" si="27"/>
        <v>0.26755366258240498</v>
      </c>
      <c r="J132">
        <f t="shared" si="28"/>
        <v>0.89184554194135002</v>
      </c>
      <c r="K132">
        <f t="shared" si="29"/>
        <v>1.3377683129120248</v>
      </c>
      <c r="L132">
        <f t="shared" si="30"/>
        <v>6.4212879019777196</v>
      </c>
      <c r="M132">
        <f t="shared" si="31"/>
        <v>0</v>
      </c>
      <c r="N132" s="46">
        <f t="shared" si="32"/>
        <v>45296.083333333096</v>
      </c>
      <c r="O132">
        <v>0.2856180369515432</v>
      </c>
      <c r="P132">
        <v>0.95206012317181077</v>
      </c>
      <c r="Q132">
        <v>1.4280901847577161</v>
      </c>
      <c r="R132">
        <v>6.8548328868370367</v>
      </c>
      <c r="S132">
        <v>0</v>
      </c>
      <c r="T132" s="46">
        <v>45639.08333331313</v>
      </c>
    </row>
    <row r="133" spans="2:21" x14ac:dyDescent="0.3">
      <c r="B133">
        <f t="shared" si="26"/>
        <v>5</v>
      </c>
      <c r="C133" s="16">
        <v>99</v>
      </c>
      <c r="D133" cm="1">
        <f t="array" ref="D133">IFERROR(INDEX(Jesper!AH$2:AH$366,ROUNDDOWN($C133/24,0)+1,1)*INDEX($D$3:$AA$30,INDEX(Jesper!$R$2:$R$366,ROW(INDEX(Jesper!AH$2:AH$366,ROUNDDOWN($C133/24,0)+1,1))-1)+IF('Standard Profiles'!$G$18=$B$10,7,0)+IF('Standard Profiles'!$G$18=$B$17,14,0)+IF('Standard Profiles'!$G$18=$B$24,21,0),MOD($C133,24)+1)/SUM(INDEX($D$3:$AA$30,INDEX(Jesper!$R$2:$R$366,ROW(INDEX(Jesper!AH$2:AH$366,ROUNDDOWN($C133/24,0)+1,1))-1)+IF('Standard Profiles'!$G$18=$B$10,7,0)+IF('Standard Profiles'!$G$18=$B$17,14,0)+IF('Standard Profiles'!$G$18=$B$24,21,0),0)),0)</f>
        <v>8.9184554194134993</v>
      </c>
      <c r="E133" cm="1">
        <f t="array" ref="E133">IFERROR(INDEX(Jesper!AI$2:AI$366,ROUNDDOWN($C133/24,0)+1,1)*INDEX($D$3:$AA$30,INDEX(Jesper!$R$2:$R$366,ROW(INDEX(Jesper!AI$2:AI$366,ROUNDDOWN($C133/24,0)+1,1))-1)+IF('Standard Profiles'!$G$19=$B$10,7,0)+IF('Standard Profiles'!$G$19=$B$17,14,0)+IF('Standard Profiles'!$G$19=$B$24,21,0),MOD($C133,24)+1)/SUM(INDEX($D$3:$AA$30,INDEX(Jesper!$R$2:$R$366,ROW(INDEX(Jesper!AI$2:AI$366,ROUNDDOWN($C133/24,0)+1,1))-1)+IF('Standard Profiles'!$G$19=$B$10,7,0)+IF('Standard Profiles'!$G$19=$B$17,14,0)+IF('Standard Profiles'!$G$19=$B$24,21,0),0)),0)</f>
        <v>0</v>
      </c>
      <c r="F133" cm="1">
        <f t="array" ref="F133">IFERROR(INDEX(Jesper!AJ$2:AJ$366,ROUNDDOWN($C133/24,0)+1,1)*INDEX($D$3:$AA$30,INDEX(Jesper!$R$2:$R$366,ROW(INDEX(Jesper!AJ$2:AJ$366,ROUNDDOWN($C133/24,0)+1,1))-1)+IF('Standard Profiles'!$G$20=$B$10,7,0)+IF('Standard Profiles'!$G$20=$B$17,14,0)+IF('Standard Profiles'!$G$20=$B$24,21,0),MOD($C133,24)+1)/SUM(INDEX($D$3:$AA$30,INDEX(Jesper!$R$2:$R$366,ROW(INDEX(Jesper!AJ$2:AJ$366,ROUNDDOWN($C133/24,0)+1,1))-1)+IF('Standard Profiles'!$G$20=$B$10,7,0)+IF('Standard Profiles'!$G$20=$B$17,14,0)+IF('Standard Profiles'!$G$20=$B$24,21,0),0)),0)</f>
        <v>0</v>
      </c>
      <c r="G133" cm="1">
        <f t="array" ref="G133">IFERROR(INDEX(Jesper!AK$2:AK$366,ROUNDDOWN($C133/24,0)+1,1)*INDEX($D$3:$AA$30,INDEX(Jesper!$R$2:$R$366,ROW(INDEX(Jesper!AK$2:AK$366,ROUNDDOWN($C133/24,0)+1,1))-1)+IF('Standard Profiles'!$G$21=$B$10,7,0)+IF('Standard Profiles'!$G$21=$B$17,14,0)+IF('Standard Profiles'!$G$21=$B$24,21,0),MOD($C133,24)+1)/SUM(INDEX($D$3:$AA$30,INDEX(Jesper!$R$2:$R$366,ROW(INDEX(Jesper!AK$2:AK$366,ROUNDDOWN($C133/24,0)+1,1))-1)+IF('Standard Profiles'!$G$21=$B$10,7,0)+IF('Standard Profiles'!$G$21=$B$17,14,0)+IF('Standard Profiles'!$G$21=$B$24,21,0),0)),0)</f>
        <v>0</v>
      </c>
      <c r="H133" cm="1">
        <f t="array" ref="H133">IFERROR(INDEX(Jesper!AL$2:AL$366,ROUNDDOWN($C133/24,0)+1,1)*INDEX($D$3:$AA$30,INDEX(Jesper!$R$2:$R$366,ROW(INDEX(Jesper!AL$2:AL$366,ROUNDDOWN($C133/24,0)+1,1))-1)+IF('Standard Profiles'!$G$22=$B$10,7,0)+IF('Standard Profiles'!$G$22=$B$17,14,0)+IF('Standard Profiles'!$G$22=$B$24,21,0),MOD($C133,24)+1)/SUM(INDEX($D$3:$AA$30,INDEX(Jesper!$R$2:$R$366,ROW(INDEX(Jesper!AL$2:AL$366,ROUNDDOWN($C133/24,0)+1,1))-1)+IF('Standard Profiles'!$G$22=$B$10,7,0)+IF('Standard Profiles'!$G$22=$B$17,14,0)+IF('Standard Profiles'!$G$22=$B$24,21,0),0)),0)</f>
        <v>0</v>
      </c>
      <c r="I133">
        <f t="shared" si="27"/>
        <v>0.26755366258240498</v>
      </c>
      <c r="J133">
        <f t="shared" si="28"/>
        <v>0.89184554194135002</v>
      </c>
      <c r="K133">
        <f t="shared" si="29"/>
        <v>1.3377683129120248</v>
      </c>
      <c r="L133">
        <f t="shared" si="30"/>
        <v>6.4212879019777196</v>
      </c>
      <c r="M133">
        <f t="shared" si="31"/>
        <v>0</v>
      </c>
      <c r="N133" s="46">
        <f t="shared" si="32"/>
        <v>45296.12499999976</v>
      </c>
      <c r="O133">
        <v>0.2856180369515432</v>
      </c>
      <c r="P133">
        <v>0.95206012317181077</v>
      </c>
      <c r="Q133">
        <v>1.4280901847577161</v>
      </c>
      <c r="R133">
        <v>6.8548328868370367</v>
      </c>
      <c r="S133">
        <v>0</v>
      </c>
      <c r="T133" s="46">
        <v>45639.124999979795</v>
      </c>
    </row>
    <row r="134" spans="2:21" x14ac:dyDescent="0.3">
      <c r="B134">
        <f t="shared" si="26"/>
        <v>5</v>
      </c>
      <c r="C134" s="16">
        <v>100</v>
      </c>
      <c r="D134" cm="1">
        <f t="array" ref="D134">IFERROR(INDEX(Jesper!AH$2:AH$366,ROUNDDOWN($C134/24,0)+1,1)*INDEX($D$3:$AA$30,INDEX(Jesper!$R$2:$R$366,ROW(INDEX(Jesper!AH$2:AH$366,ROUNDDOWN($C134/24,0)+1,1))-1)+IF('Standard Profiles'!$G$18=$B$10,7,0)+IF('Standard Profiles'!$G$18=$B$17,14,0)+IF('Standard Profiles'!$G$18=$B$24,21,0),MOD($C134,24)+1)/SUM(INDEX($D$3:$AA$30,INDEX(Jesper!$R$2:$R$366,ROW(INDEX(Jesper!AH$2:AH$366,ROUNDDOWN($C134/24,0)+1,1))-1)+IF('Standard Profiles'!$G$18=$B$10,7,0)+IF('Standard Profiles'!$G$18=$B$17,14,0)+IF('Standard Profiles'!$G$18=$B$24,21,0),0)),0)</f>
        <v>8.9184554194134993</v>
      </c>
      <c r="E134" cm="1">
        <f t="array" ref="E134">IFERROR(INDEX(Jesper!AI$2:AI$366,ROUNDDOWN($C134/24,0)+1,1)*INDEX($D$3:$AA$30,INDEX(Jesper!$R$2:$R$366,ROW(INDEX(Jesper!AI$2:AI$366,ROUNDDOWN($C134/24,0)+1,1))-1)+IF('Standard Profiles'!$G$19=$B$10,7,0)+IF('Standard Profiles'!$G$19=$B$17,14,0)+IF('Standard Profiles'!$G$19=$B$24,21,0),MOD($C134,24)+1)/SUM(INDEX($D$3:$AA$30,INDEX(Jesper!$R$2:$R$366,ROW(INDEX(Jesper!AI$2:AI$366,ROUNDDOWN($C134/24,0)+1,1))-1)+IF('Standard Profiles'!$G$19=$B$10,7,0)+IF('Standard Profiles'!$G$19=$B$17,14,0)+IF('Standard Profiles'!$G$19=$B$24,21,0),0)),0)</f>
        <v>0</v>
      </c>
      <c r="F134" cm="1">
        <f t="array" ref="F134">IFERROR(INDEX(Jesper!AJ$2:AJ$366,ROUNDDOWN($C134/24,0)+1,1)*INDEX($D$3:$AA$30,INDEX(Jesper!$R$2:$R$366,ROW(INDEX(Jesper!AJ$2:AJ$366,ROUNDDOWN($C134/24,0)+1,1))-1)+IF('Standard Profiles'!$G$20=$B$10,7,0)+IF('Standard Profiles'!$G$20=$B$17,14,0)+IF('Standard Profiles'!$G$20=$B$24,21,0),MOD($C134,24)+1)/SUM(INDEX($D$3:$AA$30,INDEX(Jesper!$R$2:$R$366,ROW(INDEX(Jesper!AJ$2:AJ$366,ROUNDDOWN($C134/24,0)+1,1))-1)+IF('Standard Profiles'!$G$20=$B$10,7,0)+IF('Standard Profiles'!$G$20=$B$17,14,0)+IF('Standard Profiles'!$G$20=$B$24,21,0),0)),0)</f>
        <v>0</v>
      </c>
      <c r="G134" cm="1">
        <f t="array" ref="G134">IFERROR(INDEX(Jesper!AK$2:AK$366,ROUNDDOWN($C134/24,0)+1,1)*INDEX($D$3:$AA$30,INDEX(Jesper!$R$2:$R$366,ROW(INDEX(Jesper!AK$2:AK$366,ROUNDDOWN($C134/24,0)+1,1))-1)+IF('Standard Profiles'!$G$21=$B$10,7,0)+IF('Standard Profiles'!$G$21=$B$17,14,0)+IF('Standard Profiles'!$G$21=$B$24,21,0),MOD($C134,24)+1)/SUM(INDEX($D$3:$AA$30,INDEX(Jesper!$R$2:$R$366,ROW(INDEX(Jesper!AK$2:AK$366,ROUNDDOWN($C134/24,0)+1,1))-1)+IF('Standard Profiles'!$G$21=$B$10,7,0)+IF('Standard Profiles'!$G$21=$B$17,14,0)+IF('Standard Profiles'!$G$21=$B$24,21,0),0)),0)</f>
        <v>0</v>
      </c>
      <c r="H134" cm="1">
        <f t="array" ref="H134">IFERROR(INDEX(Jesper!AL$2:AL$366,ROUNDDOWN($C134/24,0)+1,1)*INDEX($D$3:$AA$30,INDEX(Jesper!$R$2:$R$366,ROW(INDEX(Jesper!AL$2:AL$366,ROUNDDOWN($C134/24,0)+1,1))-1)+IF('Standard Profiles'!$G$22=$B$10,7,0)+IF('Standard Profiles'!$G$22=$B$17,14,0)+IF('Standard Profiles'!$G$22=$B$24,21,0),MOD($C134,24)+1)/SUM(INDEX($D$3:$AA$30,INDEX(Jesper!$R$2:$R$366,ROW(INDEX(Jesper!AL$2:AL$366,ROUNDDOWN($C134/24,0)+1,1))-1)+IF('Standard Profiles'!$G$22=$B$10,7,0)+IF('Standard Profiles'!$G$22=$B$17,14,0)+IF('Standard Profiles'!$G$22=$B$24,21,0),0)),0)</f>
        <v>0</v>
      </c>
      <c r="I134">
        <f t="shared" si="27"/>
        <v>0.26755366258240498</v>
      </c>
      <c r="J134">
        <f t="shared" si="28"/>
        <v>0.89184554194135002</v>
      </c>
      <c r="K134">
        <f t="shared" si="29"/>
        <v>1.3377683129120248</v>
      </c>
      <c r="L134">
        <f t="shared" si="30"/>
        <v>6.4212879019777196</v>
      </c>
      <c r="M134">
        <f t="shared" si="31"/>
        <v>0</v>
      </c>
      <c r="N134" s="46">
        <f t="shared" si="32"/>
        <v>45296.166666666424</v>
      </c>
      <c r="O134">
        <v>0.2856180369515432</v>
      </c>
      <c r="P134">
        <v>0.95206012317181077</v>
      </c>
      <c r="Q134">
        <v>1.4280901847577161</v>
      </c>
      <c r="R134">
        <v>6.8548328868370367</v>
      </c>
      <c r="S134">
        <v>0</v>
      </c>
      <c r="T134" s="46">
        <v>45639.166666646459</v>
      </c>
    </row>
    <row r="135" spans="2:21" x14ac:dyDescent="0.3">
      <c r="B135">
        <f t="shared" si="26"/>
        <v>5</v>
      </c>
      <c r="C135" s="16">
        <v>101</v>
      </c>
      <c r="D135" cm="1">
        <f t="array" ref="D135">IFERROR(INDEX(Jesper!AH$2:AH$366,ROUNDDOWN($C135/24,0)+1,1)*INDEX($D$3:$AA$30,INDEX(Jesper!$R$2:$R$366,ROW(INDEX(Jesper!AH$2:AH$366,ROUNDDOWN($C135/24,0)+1,1))-1)+IF('Standard Profiles'!$G$18=$B$10,7,0)+IF('Standard Profiles'!$G$18=$B$17,14,0)+IF('Standard Profiles'!$G$18=$B$24,21,0),MOD($C135,24)+1)/SUM(INDEX($D$3:$AA$30,INDEX(Jesper!$R$2:$R$366,ROW(INDEX(Jesper!AH$2:AH$366,ROUNDDOWN($C135/24,0)+1,1))-1)+IF('Standard Profiles'!$G$18=$B$10,7,0)+IF('Standard Profiles'!$G$18=$B$17,14,0)+IF('Standard Profiles'!$G$18=$B$24,21,0),0)),0)</f>
        <v>11.494898096132955</v>
      </c>
      <c r="E135" cm="1">
        <f t="array" ref="E135">IFERROR(INDEX(Jesper!AI$2:AI$366,ROUNDDOWN($C135/24,0)+1,1)*INDEX($D$3:$AA$30,INDEX(Jesper!$R$2:$R$366,ROW(INDEX(Jesper!AI$2:AI$366,ROUNDDOWN($C135/24,0)+1,1))-1)+IF('Standard Profiles'!$G$19=$B$10,7,0)+IF('Standard Profiles'!$G$19=$B$17,14,0)+IF('Standard Profiles'!$G$19=$B$24,21,0),MOD($C135,24)+1)/SUM(INDEX($D$3:$AA$30,INDEX(Jesper!$R$2:$R$366,ROW(INDEX(Jesper!AI$2:AI$366,ROUNDDOWN($C135/24,0)+1,1))-1)+IF('Standard Profiles'!$G$19=$B$10,7,0)+IF('Standard Profiles'!$G$19=$B$17,14,0)+IF('Standard Profiles'!$G$19=$B$24,21,0),0)),0)</f>
        <v>0</v>
      </c>
      <c r="F135" cm="1">
        <f t="array" ref="F135">IFERROR(INDEX(Jesper!AJ$2:AJ$366,ROUNDDOWN($C135/24,0)+1,1)*INDEX($D$3:$AA$30,INDEX(Jesper!$R$2:$R$366,ROW(INDEX(Jesper!AJ$2:AJ$366,ROUNDDOWN($C135/24,0)+1,1))-1)+IF('Standard Profiles'!$G$20=$B$10,7,0)+IF('Standard Profiles'!$G$20=$B$17,14,0)+IF('Standard Profiles'!$G$20=$B$24,21,0),MOD($C135,24)+1)/SUM(INDEX($D$3:$AA$30,INDEX(Jesper!$R$2:$R$366,ROW(INDEX(Jesper!AJ$2:AJ$366,ROUNDDOWN($C135/24,0)+1,1))-1)+IF('Standard Profiles'!$G$20=$B$10,7,0)+IF('Standard Profiles'!$G$20=$B$17,14,0)+IF('Standard Profiles'!$G$20=$B$24,21,0),0)),0)</f>
        <v>0</v>
      </c>
      <c r="G135" cm="1">
        <f t="array" ref="G135">IFERROR(INDEX(Jesper!AK$2:AK$366,ROUNDDOWN($C135/24,0)+1,1)*INDEX($D$3:$AA$30,INDEX(Jesper!$R$2:$R$366,ROW(INDEX(Jesper!AK$2:AK$366,ROUNDDOWN($C135/24,0)+1,1))-1)+IF('Standard Profiles'!$G$21=$B$10,7,0)+IF('Standard Profiles'!$G$21=$B$17,14,0)+IF('Standard Profiles'!$G$21=$B$24,21,0),MOD($C135,24)+1)/SUM(INDEX($D$3:$AA$30,INDEX(Jesper!$R$2:$R$366,ROW(INDEX(Jesper!AK$2:AK$366,ROUNDDOWN($C135/24,0)+1,1))-1)+IF('Standard Profiles'!$G$21=$B$10,7,0)+IF('Standard Profiles'!$G$21=$B$17,14,0)+IF('Standard Profiles'!$G$21=$B$24,21,0),0)),0)</f>
        <v>0</v>
      </c>
      <c r="H135" cm="1">
        <f t="array" ref="H135">IFERROR(INDEX(Jesper!AL$2:AL$366,ROUNDDOWN($C135/24,0)+1,1)*INDEX($D$3:$AA$30,INDEX(Jesper!$R$2:$R$366,ROW(INDEX(Jesper!AL$2:AL$366,ROUNDDOWN($C135/24,0)+1,1))-1)+IF('Standard Profiles'!$G$22=$B$10,7,0)+IF('Standard Profiles'!$G$22=$B$17,14,0)+IF('Standard Profiles'!$G$22=$B$24,21,0),MOD($C135,24)+1)/SUM(INDEX($D$3:$AA$30,INDEX(Jesper!$R$2:$R$366,ROW(INDEX(Jesper!AL$2:AL$366,ROUNDDOWN($C135/24,0)+1,1))-1)+IF('Standard Profiles'!$G$22=$B$10,7,0)+IF('Standard Profiles'!$G$22=$B$17,14,0)+IF('Standard Profiles'!$G$22=$B$24,21,0),0)),0)</f>
        <v>0</v>
      </c>
      <c r="I135">
        <f t="shared" si="27"/>
        <v>0.34484694288398865</v>
      </c>
      <c r="J135">
        <f t="shared" si="28"/>
        <v>1.1494898096132955</v>
      </c>
      <c r="K135">
        <f t="shared" si="29"/>
        <v>1.7242347144199432</v>
      </c>
      <c r="L135">
        <f t="shared" si="30"/>
        <v>8.2763266292157276</v>
      </c>
      <c r="M135">
        <f t="shared" si="31"/>
        <v>0</v>
      </c>
      <c r="N135" s="46">
        <f t="shared" si="32"/>
        <v>45296.208333333088</v>
      </c>
      <c r="O135">
        <v>0.3681299142931001</v>
      </c>
      <c r="P135">
        <v>1.2270997143103337</v>
      </c>
      <c r="Q135">
        <v>1.8406495714655005</v>
      </c>
      <c r="R135">
        <v>8.8351179430344029</v>
      </c>
      <c r="S135">
        <v>0</v>
      </c>
      <c r="T135" s="46">
        <v>45639.208333313123</v>
      </c>
    </row>
    <row r="136" spans="2:21" x14ac:dyDescent="0.3">
      <c r="B136">
        <f t="shared" si="26"/>
        <v>5</v>
      </c>
      <c r="C136" s="16">
        <v>102</v>
      </c>
      <c r="D136" cm="1">
        <f t="array" ref="D136">IFERROR(INDEX(Jesper!AH$2:AH$366,ROUNDDOWN($C136/24,0)+1,1)*INDEX($D$3:$AA$30,INDEX(Jesper!$R$2:$R$366,ROW(INDEX(Jesper!AH$2:AH$366,ROUNDDOWN($C136/24,0)+1,1))-1)+IF('Standard Profiles'!$G$18=$B$10,7,0)+IF('Standard Profiles'!$G$18=$B$17,14,0)+IF('Standard Profiles'!$G$18=$B$24,21,0),MOD($C136,24)+1)/SUM(INDEX($D$3:$AA$30,INDEX(Jesper!$R$2:$R$366,ROW(INDEX(Jesper!AH$2:AH$366,ROUNDDOWN($C136/24,0)+1,1))-1)+IF('Standard Profiles'!$G$18=$B$10,7,0)+IF('Standard Profiles'!$G$18=$B$17,14,0)+IF('Standard Profiles'!$G$18=$B$24,21,0),0)),0)</f>
        <v>13.873152874643223</v>
      </c>
      <c r="E136" cm="1">
        <f t="array" ref="E136">IFERROR(INDEX(Jesper!AI$2:AI$366,ROUNDDOWN($C136/24,0)+1,1)*INDEX($D$3:$AA$30,INDEX(Jesper!$R$2:$R$366,ROW(INDEX(Jesper!AI$2:AI$366,ROUNDDOWN($C136/24,0)+1,1))-1)+IF('Standard Profiles'!$G$19=$B$10,7,0)+IF('Standard Profiles'!$G$19=$B$17,14,0)+IF('Standard Profiles'!$G$19=$B$24,21,0),MOD($C136,24)+1)/SUM(INDEX($D$3:$AA$30,INDEX(Jesper!$R$2:$R$366,ROW(INDEX(Jesper!AI$2:AI$366,ROUNDDOWN($C136/24,0)+1,1))-1)+IF('Standard Profiles'!$G$19=$B$10,7,0)+IF('Standard Profiles'!$G$19=$B$17,14,0)+IF('Standard Profiles'!$G$19=$B$24,21,0),0)),0)</f>
        <v>0</v>
      </c>
      <c r="F136" cm="1">
        <f t="array" ref="F136">IFERROR(INDEX(Jesper!AJ$2:AJ$366,ROUNDDOWN($C136/24,0)+1,1)*INDEX($D$3:$AA$30,INDEX(Jesper!$R$2:$R$366,ROW(INDEX(Jesper!AJ$2:AJ$366,ROUNDDOWN($C136/24,0)+1,1))-1)+IF('Standard Profiles'!$G$20=$B$10,7,0)+IF('Standard Profiles'!$G$20=$B$17,14,0)+IF('Standard Profiles'!$G$20=$B$24,21,0),MOD($C136,24)+1)/SUM(INDEX($D$3:$AA$30,INDEX(Jesper!$R$2:$R$366,ROW(INDEX(Jesper!AJ$2:AJ$366,ROUNDDOWN($C136/24,0)+1,1))-1)+IF('Standard Profiles'!$G$20=$B$10,7,0)+IF('Standard Profiles'!$G$20=$B$17,14,0)+IF('Standard Profiles'!$G$20=$B$24,21,0),0)),0)</f>
        <v>0</v>
      </c>
      <c r="G136" cm="1">
        <f t="array" ref="G136">IFERROR(INDEX(Jesper!AK$2:AK$366,ROUNDDOWN($C136/24,0)+1,1)*INDEX($D$3:$AA$30,INDEX(Jesper!$R$2:$R$366,ROW(INDEX(Jesper!AK$2:AK$366,ROUNDDOWN($C136/24,0)+1,1))-1)+IF('Standard Profiles'!$G$21=$B$10,7,0)+IF('Standard Profiles'!$G$21=$B$17,14,0)+IF('Standard Profiles'!$G$21=$B$24,21,0),MOD($C136,24)+1)/SUM(INDEX($D$3:$AA$30,INDEX(Jesper!$R$2:$R$366,ROW(INDEX(Jesper!AK$2:AK$366,ROUNDDOWN($C136/24,0)+1,1))-1)+IF('Standard Profiles'!$G$21=$B$10,7,0)+IF('Standard Profiles'!$G$21=$B$17,14,0)+IF('Standard Profiles'!$G$21=$B$24,21,0),0)),0)</f>
        <v>0</v>
      </c>
      <c r="H136" cm="1">
        <f t="array" ref="H136">IFERROR(INDEX(Jesper!AL$2:AL$366,ROUNDDOWN($C136/24,0)+1,1)*INDEX($D$3:$AA$30,INDEX(Jesper!$R$2:$R$366,ROW(INDEX(Jesper!AL$2:AL$366,ROUNDDOWN($C136/24,0)+1,1))-1)+IF('Standard Profiles'!$G$22=$B$10,7,0)+IF('Standard Profiles'!$G$22=$B$17,14,0)+IF('Standard Profiles'!$G$22=$B$24,21,0),MOD($C136,24)+1)/SUM(INDEX($D$3:$AA$30,INDEX(Jesper!$R$2:$R$366,ROW(INDEX(Jesper!AL$2:AL$366,ROUNDDOWN($C136/24,0)+1,1))-1)+IF('Standard Profiles'!$G$22=$B$10,7,0)+IF('Standard Profiles'!$G$22=$B$17,14,0)+IF('Standard Profiles'!$G$22=$B$24,21,0),0)),0)</f>
        <v>0</v>
      </c>
      <c r="I136">
        <f t="shared" si="27"/>
        <v>0.41619458623929667</v>
      </c>
      <c r="J136">
        <f t="shared" si="28"/>
        <v>1.3873152874643224</v>
      </c>
      <c r="K136">
        <f t="shared" si="29"/>
        <v>2.0809729311964835</v>
      </c>
      <c r="L136">
        <f t="shared" si="30"/>
        <v>9.9886700697431205</v>
      </c>
      <c r="M136">
        <f t="shared" si="31"/>
        <v>0</v>
      </c>
      <c r="N136" s="46">
        <f t="shared" si="32"/>
        <v>45296.249999999753</v>
      </c>
      <c r="O136">
        <v>0.44429472414684501</v>
      </c>
      <c r="P136">
        <v>1.4809824138228169</v>
      </c>
      <c r="Q136">
        <v>2.2214736207342249</v>
      </c>
      <c r="R136">
        <v>10.663073379524279</v>
      </c>
      <c r="S136">
        <v>0</v>
      </c>
      <c r="T136" s="46">
        <v>45639.249999979787</v>
      </c>
    </row>
    <row r="137" spans="2:21" x14ac:dyDescent="0.3">
      <c r="B137">
        <f t="shared" si="26"/>
        <v>5</v>
      </c>
      <c r="C137" s="16">
        <v>103</v>
      </c>
      <c r="D137" cm="1">
        <f t="array" ref="D137">IFERROR(INDEX(Jesper!AH$2:AH$366,ROUNDDOWN($C137/24,0)+1,1)*INDEX($D$3:$AA$30,INDEX(Jesper!$R$2:$R$366,ROW(INDEX(Jesper!AH$2:AH$366,ROUNDDOWN($C137/24,0)+1,1))-1)+IF('Standard Profiles'!$G$18=$B$10,7,0)+IF('Standard Profiles'!$G$18=$B$17,14,0)+IF('Standard Profiles'!$G$18=$B$24,21,0),MOD($C137,24)+1)/SUM(INDEX($D$3:$AA$30,INDEX(Jesper!$R$2:$R$366,ROW(INDEX(Jesper!AH$2:AH$366,ROUNDDOWN($C137/24,0)+1,1))-1)+IF('Standard Profiles'!$G$18=$B$10,7,0)+IF('Standard Profiles'!$G$18=$B$17,14,0)+IF('Standard Profiles'!$G$18=$B$24,21,0),0)),0)</f>
        <v>13.873152874643223</v>
      </c>
      <c r="E137" cm="1">
        <f t="array" ref="E137">IFERROR(INDEX(Jesper!AI$2:AI$366,ROUNDDOWN($C137/24,0)+1,1)*INDEX($D$3:$AA$30,INDEX(Jesper!$R$2:$R$366,ROW(INDEX(Jesper!AI$2:AI$366,ROUNDDOWN($C137/24,0)+1,1))-1)+IF('Standard Profiles'!$G$19=$B$10,7,0)+IF('Standard Profiles'!$G$19=$B$17,14,0)+IF('Standard Profiles'!$G$19=$B$24,21,0),MOD($C137,24)+1)/SUM(INDEX($D$3:$AA$30,INDEX(Jesper!$R$2:$R$366,ROW(INDEX(Jesper!AI$2:AI$366,ROUNDDOWN($C137/24,0)+1,1))-1)+IF('Standard Profiles'!$G$19=$B$10,7,0)+IF('Standard Profiles'!$G$19=$B$17,14,0)+IF('Standard Profiles'!$G$19=$B$24,21,0),0)),0)</f>
        <v>0</v>
      </c>
      <c r="F137" cm="1">
        <f t="array" ref="F137">IFERROR(INDEX(Jesper!AJ$2:AJ$366,ROUNDDOWN($C137/24,0)+1,1)*INDEX($D$3:$AA$30,INDEX(Jesper!$R$2:$R$366,ROW(INDEX(Jesper!AJ$2:AJ$366,ROUNDDOWN($C137/24,0)+1,1))-1)+IF('Standard Profiles'!$G$20=$B$10,7,0)+IF('Standard Profiles'!$G$20=$B$17,14,0)+IF('Standard Profiles'!$G$20=$B$24,21,0),MOD($C137,24)+1)/SUM(INDEX($D$3:$AA$30,INDEX(Jesper!$R$2:$R$366,ROW(INDEX(Jesper!AJ$2:AJ$366,ROUNDDOWN($C137/24,0)+1,1))-1)+IF('Standard Profiles'!$G$20=$B$10,7,0)+IF('Standard Profiles'!$G$20=$B$17,14,0)+IF('Standard Profiles'!$G$20=$B$24,21,0),0)),0)</f>
        <v>0</v>
      </c>
      <c r="G137" cm="1">
        <f t="array" ref="G137">IFERROR(INDEX(Jesper!AK$2:AK$366,ROUNDDOWN($C137/24,0)+1,1)*INDEX($D$3:$AA$30,INDEX(Jesper!$R$2:$R$366,ROW(INDEX(Jesper!AK$2:AK$366,ROUNDDOWN($C137/24,0)+1,1))-1)+IF('Standard Profiles'!$G$21=$B$10,7,0)+IF('Standard Profiles'!$G$21=$B$17,14,0)+IF('Standard Profiles'!$G$21=$B$24,21,0),MOD($C137,24)+1)/SUM(INDEX($D$3:$AA$30,INDEX(Jesper!$R$2:$R$366,ROW(INDEX(Jesper!AK$2:AK$366,ROUNDDOWN($C137/24,0)+1,1))-1)+IF('Standard Profiles'!$G$21=$B$10,7,0)+IF('Standard Profiles'!$G$21=$B$17,14,0)+IF('Standard Profiles'!$G$21=$B$24,21,0),0)),0)</f>
        <v>0</v>
      </c>
      <c r="H137" cm="1">
        <f t="array" ref="H137">IFERROR(INDEX(Jesper!AL$2:AL$366,ROUNDDOWN($C137/24,0)+1,1)*INDEX($D$3:$AA$30,INDEX(Jesper!$R$2:$R$366,ROW(INDEX(Jesper!AL$2:AL$366,ROUNDDOWN($C137/24,0)+1,1))-1)+IF('Standard Profiles'!$G$22=$B$10,7,0)+IF('Standard Profiles'!$G$22=$B$17,14,0)+IF('Standard Profiles'!$G$22=$B$24,21,0),MOD($C137,24)+1)/SUM(INDEX($D$3:$AA$30,INDEX(Jesper!$R$2:$R$366,ROW(INDEX(Jesper!AL$2:AL$366,ROUNDDOWN($C137/24,0)+1,1))-1)+IF('Standard Profiles'!$G$22=$B$10,7,0)+IF('Standard Profiles'!$G$22=$B$17,14,0)+IF('Standard Profiles'!$G$22=$B$24,21,0),0)),0)</f>
        <v>0</v>
      </c>
      <c r="I137">
        <f t="shared" si="27"/>
        <v>0.41619458623929667</v>
      </c>
      <c r="J137">
        <f t="shared" si="28"/>
        <v>1.3873152874643224</v>
      </c>
      <c r="K137">
        <f t="shared" si="29"/>
        <v>2.0809729311964835</v>
      </c>
      <c r="L137">
        <f t="shared" si="30"/>
        <v>9.9886700697431205</v>
      </c>
      <c r="M137">
        <f t="shared" si="31"/>
        <v>0</v>
      </c>
      <c r="N137" s="46">
        <f t="shared" si="32"/>
        <v>45296.291666666417</v>
      </c>
      <c r="O137">
        <v>0.44429472414684501</v>
      </c>
      <c r="P137">
        <v>1.4809824138228169</v>
      </c>
      <c r="Q137">
        <v>2.2214736207342249</v>
      </c>
      <c r="R137">
        <v>10.663073379524279</v>
      </c>
      <c r="S137">
        <v>0</v>
      </c>
      <c r="T137" s="46">
        <v>45639.291666646452</v>
      </c>
    </row>
    <row r="138" spans="2:21" x14ac:dyDescent="0.3">
      <c r="B138">
        <f t="shared" si="26"/>
        <v>5</v>
      </c>
      <c r="C138" s="16">
        <v>104</v>
      </c>
      <c r="D138" cm="1">
        <f t="array" ref="D138">IFERROR(INDEX(Jesper!AH$2:AH$366,ROUNDDOWN($C138/24,0)+1,1)*INDEX($D$3:$AA$30,INDEX(Jesper!$R$2:$R$366,ROW(INDEX(Jesper!AH$2:AH$366,ROUNDDOWN($C138/24,0)+1,1))-1)+IF('Standard Profiles'!$G$18=$B$10,7,0)+IF('Standard Profiles'!$G$18=$B$17,14,0)+IF('Standard Profiles'!$G$18=$B$24,21,0),MOD($C138,24)+1)/SUM(INDEX($D$3:$AA$30,INDEX(Jesper!$R$2:$R$366,ROW(INDEX(Jesper!AH$2:AH$366,ROUNDDOWN($C138/24,0)+1,1))-1)+IF('Standard Profiles'!$G$18=$B$10,7,0)+IF('Standard Profiles'!$G$18=$B$17,14,0)+IF('Standard Profiles'!$G$18=$B$24,21,0),0)),0)</f>
        <v>13.873152874643223</v>
      </c>
      <c r="E138" cm="1">
        <f t="array" ref="E138">IFERROR(INDEX(Jesper!AI$2:AI$366,ROUNDDOWN($C138/24,0)+1,1)*INDEX($D$3:$AA$30,INDEX(Jesper!$R$2:$R$366,ROW(INDEX(Jesper!AI$2:AI$366,ROUNDDOWN($C138/24,0)+1,1))-1)+IF('Standard Profiles'!$G$19=$B$10,7,0)+IF('Standard Profiles'!$G$19=$B$17,14,0)+IF('Standard Profiles'!$G$19=$B$24,21,0),MOD($C138,24)+1)/SUM(INDEX($D$3:$AA$30,INDEX(Jesper!$R$2:$R$366,ROW(INDEX(Jesper!AI$2:AI$366,ROUNDDOWN($C138/24,0)+1,1))-1)+IF('Standard Profiles'!$G$19=$B$10,7,0)+IF('Standard Profiles'!$G$19=$B$17,14,0)+IF('Standard Profiles'!$G$19=$B$24,21,0),0)),0)</f>
        <v>0</v>
      </c>
      <c r="F138" cm="1">
        <f t="array" ref="F138">IFERROR(INDEX(Jesper!AJ$2:AJ$366,ROUNDDOWN($C138/24,0)+1,1)*INDEX($D$3:$AA$30,INDEX(Jesper!$R$2:$R$366,ROW(INDEX(Jesper!AJ$2:AJ$366,ROUNDDOWN($C138/24,0)+1,1))-1)+IF('Standard Profiles'!$G$20=$B$10,7,0)+IF('Standard Profiles'!$G$20=$B$17,14,0)+IF('Standard Profiles'!$G$20=$B$24,21,0),MOD($C138,24)+1)/SUM(INDEX($D$3:$AA$30,INDEX(Jesper!$R$2:$R$366,ROW(INDEX(Jesper!AJ$2:AJ$366,ROUNDDOWN($C138/24,0)+1,1))-1)+IF('Standard Profiles'!$G$20=$B$10,7,0)+IF('Standard Profiles'!$G$20=$B$17,14,0)+IF('Standard Profiles'!$G$20=$B$24,21,0),0)),0)</f>
        <v>0</v>
      </c>
      <c r="G138" cm="1">
        <f t="array" ref="G138">IFERROR(INDEX(Jesper!AK$2:AK$366,ROUNDDOWN($C138/24,0)+1,1)*INDEX($D$3:$AA$30,INDEX(Jesper!$R$2:$R$366,ROW(INDEX(Jesper!AK$2:AK$366,ROUNDDOWN($C138/24,0)+1,1))-1)+IF('Standard Profiles'!$G$21=$B$10,7,0)+IF('Standard Profiles'!$G$21=$B$17,14,0)+IF('Standard Profiles'!$G$21=$B$24,21,0),MOD($C138,24)+1)/SUM(INDEX($D$3:$AA$30,INDEX(Jesper!$R$2:$R$366,ROW(INDEX(Jesper!AK$2:AK$366,ROUNDDOWN($C138/24,0)+1,1))-1)+IF('Standard Profiles'!$G$21=$B$10,7,0)+IF('Standard Profiles'!$G$21=$B$17,14,0)+IF('Standard Profiles'!$G$21=$B$24,21,0),0)),0)</f>
        <v>0</v>
      </c>
      <c r="H138" cm="1">
        <f t="array" ref="H138">IFERROR(INDEX(Jesper!AL$2:AL$366,ROUNDDOWN($C138/24,0)+1,1)*INDEX($D$3:$AA$30,INDEX(Jesper!$R$2:$R$366,ROW(INDEX(Jesper!AL$2:AL$366,ROUNDDOWN($C138/24,0)+1,1))-1)+IF('Standard Profiles'!$G$22=$B$10,7,0)+IF('Standard Profiles'!$G$22=$B$17,14,0)+IF('Standard Profiles'!$G$22=$B$24,21,0),MOD($C138,24)+1)/SUM(INDEX($D$3:$AA$30,INDEX(Jesper!$R$2:$R$366,ROW(INDEX(Jesper!AL$2:AL$366,ROUNDDOWN($C138/24,0)+1,1))-1)+IF('Standard Profiles'!$G$22=$B$10,7,0)+IF('Standard Profiles'!$G$22=$B$17,14,0)+IF('Standard Profiles'!$G$22=$B$24,21,0),0)),0)</f>
        <v>0</v>
      </c>
      <c r="I138">
        <f t="shared" si="27"/>
        <v>0.41619458623929667</v>
      </c>
      <c r="J138">
        <f t="shared" si="28"/>
        <v>1.3873152874643224</v>
      </c>
      <c r="K138">
        <f t="shared" si="29"/>
        <v>2.0809729311964835</v>
      </c>
      <c r="L138">
        <f t="shared" si="30"/>
        <v>9.9886700697431205</v>
      </c>
      <c r="M138">
        <f t="shared" si="31"/>
        <v>0</v>
      </c>
      <c r="N138" s="46">
        <f t="shared" si="32"/>
        <v>45296.333333333081</v>
      </c>
      <c r="O138">
        <v>0.44429472414684501</v>
      </c>
      <c r="P138">
        <v>1.4809824138228169</v>
      </c>
      <c r="Q138">
        <v>2.2214736207342249</v>
      </c>
      <c r="R138">
        <v>10.663073379524279</v>
      </c>
      <c r="S138">
        <v>0</v>
      </c>
      <c r="T138" s="46">
        <v>45639.333333313116</v>
      </c>
    </row>
    <row r="139" spans="2:21" x14ac:dyDescent="0.3">
      <c r="B139">
        <f t="shared" si="26"/>
        <v>5</v>
      </c>
      <c r="C139" s="16">
        <v>105</v>
      </c>
      <c r="D139" cm="1">
        <f t="array" ref="D139">IFERROR(INDEX(Jesper!AH$2:AH$366,ROUNDDOWN($C139/24,0)+1,1)*INDEX($D$3:$AA$30,INDEX(Jesper!$R$2:$R$366,ROW(INDEX(Jesper!AH$2:AH$366,ROUNDDOWN($C139/24,0)+1,1))-1)+IF('Standard Profiles'!$G$18=$B$10,7,0)+IF('Standard Profiles'!$G$18=$B$17,14,0)+IF('Standard Profiles'!$G$18=$B$24,21,0),MOD($C139,24)+1)/SUM(INDEX($D$3:$AA$30,INDEX(Jesper!$R$2:$R$366,ROW(INDEX(Jesper!AH$2:AH$366,ROUNDDOWN($C139/24,0)+1,1))-1)+IF('Standard Profiles'!$G$18=$B$10,7,0)+IF('Standard Profiles'!$G$18=$B$17,14,0)+IF('Standard Profiles'!$G$18=$B$24,21,0),0)),0)</f>
        <v>14.864092365689167</v>
      </c>
      <c r="E139" cm="1">
        <f t="array" ref="E139">IFERROR(INDEX(Jesper!AI$2:AI$366,ROUNDDOWN($C139/24,0)+1,1)*INDEX($D$3:$AA$30,INDEX(Jesper!$R$2:$R$366,ROW(INDEX(Jesper!AI$2:AI$366,ROUNDDOWN($C139/24,0)+1,1))-1)+IF('Standard Profiles'!$G$19=$B$10,7,0)+IF('Standard Profiles'!$G$19=$B$17,14,0)+IF('Standard Profiles'!$G$19=$B$24,21,0),MOD($C139,24)+1)/SUM(INDEX($D$3:$AA$30,INDEX(Jesper!$R$2:$R$366,ROW(INDEX(Jesper!AI$2:AI$366,ROUNDDOWN($C139/24,0)+1,1))-1)+IF('Standard Profiles'!$G$19=$B$10,7,0)+IF('Standard Profiles'!$G$19=$B$17,14,0)+IF('Standard Profiles'!$G$19=$B$24,21,0),0)),0)</f>
        <v>0</v>
      </c>
      <c r="F139" cm="1">
        <f t="array" ref="F139">IFERROR(INDEX(Jesper!AJ$2:AJ$366,ROUNDDOWN($C139/24,0)+1,1)*INDEX($D$3:$AA$30,INDEX(Jesper!$R$2:$R$366,ROW(INDEX(Jesper!AJ$2:AJ$366,ROUNDDOWN($C139/24,0)+1,1))-1)+IF('Standard Profiles'!$G$20=$B$10,7,0)+IF('Standard Profiles'!$G$20=$B$17,14,0)+IF('Standard Profiles'!$G$20=$B$24,21,0),MOD($C139,24)+1)/SUM(INDEX($D$3:$AA$30,INDEX(Jesper!$R$2:$R$366,ROW(INDEX(Jesper!AJ$2:AJ$366,ROUNDDOWN($C139/24,0)+1,1))-1)+IF('Standard Profiles'!$G$20=$B$10,7,0)+IF('Standard Profiles'!$G$20=$B$17,14,0)+IF('Standard Profiles'!$G$20=$B$24,21,0),0)),0)</f>
        <v>0</v>
      </c>
      <c r="G139" cm="1">
        <f t="array" ref="G139">IFERROR(INDEX(Jesper!AK$2:AK$366,ROUNDDOWN($C139/24,0)+1,1)*INDEX($D$3:$AA$30,INDEX(Jesper!$R$2:$R$366,ROW(INDEX(Jesper!AK$2:AK$366,ROUNDDOWN($C139/24,0)+1,1))-1)+IF('Standard Profiles'!$G$21=$B$10,7,0)+IF('Standard Profiles'!$G$21=$B$17,14,0)+IF('Standard Profiles'!$G$21=$B$24,21,0),MOD($C139,24)+1)/SUM(INDEX($D$3:$AA$30,INDEX(Jesper!$R$2:$R$366,ROW(INDEX(Jesper!AK$2:AK$366,ROUNDDOWN($C139/24,0)+1,1))-1)+IF('Standard Profiles'!$G$21=$B$10,7,0)+IF('Standard Profiles'!$G$21=$B$17,14,0)+IF('Standard Profiles'!$G$21=$B$24,21,0),0)),0)</f>
        <v>0</v>
      </c>
      <c r="H139" cm="1">
        <f t="array" ref="H139">IFERROR(INDEX(Jesper!AL$2:AL$366,ROUNDDOWN($C139/24,0)+1,1)*INDEX($D$3:$AA$30,INDEX(Jesper!$R$2:$R$366,ROW(INDEX(Jesper!AL$2:AL$366,ROUNDDOWN($C139/24,0)+1,1))-1)+IF('Standard Profiles'!$G$22=$B$10,7,0)+IF('Standard Profiles'!$G$22=$B$17,14,0)+IF('Standard Profiles'!$G$22=$B$24,21,0),MOD($C139,24)+1)/SUM(INDEX($D$3:$AA$30,INDEX(Jesper!$R$2:$R$366,ROW(INDEX(Jesper!AL$2:AL$366,ROUNDDOWN($C139/24,0)+1,1))-1)+IF('Standard Profiles'!$G$22=$B$10,7,0)+IF('Standard Profiles'!$G$22=$B$17,14,0)+IF('Standard Profiles'!$G$22=$B$24,21,0),0)),0)</f>
        <v>0</v>
      </c>
      <c r="I139">
        <f t="shared" si="27"/>
        <v>0.44592277097067501</v>
      </c>
      <c r="J139">
        <f t="shared" si="28"/>
        <v>1.4864092365689168</v>
      </c>
      <c r="K139">
        <f t="shared" si="29"/>
        <v>2.2296138548533748</v>
      </c>
      <c r="L139">
        <f t="shared" si="30"/>
        <v>10.7021465032962</v>
      </c>
      <c r="M139">
        <f t="shared" si="31"/>
        <v>0</v>
      </c>
      <c r="N139" s="46">
        <f t="shared" si="32"/>
        <v>45296.374999999745</v>
      </c>
      <c r="O139">
        <v>0.47603006158590533</v>
      </c>
      <c r="P139">
        <v>1.5867668719530179</v>
      </c>
      <c r="Q139">
        <v>2.3801503079295268</v>
      </c>
      <c r="R139">
        <v>11.424721478061727</v>
      </c>
      <c r="S139">
        <v>0</v>
      </c>
      <c r="T139" s="46">
        <v>45639.37499997978</v>
      </c>
    </row>
    <row r="140" spans="2:21" x14ac:dyDescent="0.3">
      <c r="B140">
        <f t="shared" si="26"/>
        <v>5</v>
      </c>
      <c r="C140" s="16">
        <v>106</v>
      </c>
      <c r="D140" cm="1">
        <f t="array" ref="D140">IFERROR(INDEX(Jesper!AH$2:AH$366,ROUNDDOWN($C140/24,0)+1,1)*INDEX($D$3:$AA$30,INDEX(Jesper!$R$2:$R$366,ROW(INDEX(Jesper!AH$2:AH$366,ROUNDDOWN($C140/24,0)+1,1))-1)+IF('Standard Profiles'!$G$18=$B$10,7,0)+IF('Standard Profiles'!$G$18=$B$17,14,0)+IF('Standard Profiles'!$G$18=$B$24,21,0),MOD($C140,24)+1)/SUM(INDEX($D$3:$AA$30,INDEX(Jesper!$R$2:$R$366,ROW(INDEX(Jesper!AH$2:AH$366,ROUNDDOWN($C140/24,0)+1,1))-1)+IF('Standard Profiles'!$G$18=$B$10,7,0)+IF('Standard Profiles'!$G$18=$B$17,14,0)+IF('Standard Profiles'!$G$18=$B$24,21,0),0)),0)</f>
        <v>15.458656060316734</v>
      </c>
      <c r="E140" cm="1">
        <f t="array" ref="E140">IFERROR(INDEX(Jesper!AI$2:AI$366,ROUNDDOWN($C140/24,0)+1,1)*INDEX($D$3:$AA$30,INDEX(Jesper!$R$2:$R$366,ROW(INDEX(Jesper!AI$2:AI$366,ROUNDDOWN($C140/24,0)+1,1))-1)+IF('Standard Profiles'!$G$19=$B$10,7,0)+IF('Standard Profiles'!$G$19=$B$17,14,0)+IF('Standard Profiles'!$G$19=$B$24,21,0),MOD($C140,24)+1)/SUM(INDEX($D$3:$AA$30,INDEX(Jesper!$R$2:$R$366,ROW(INDEX(Jesper!AI$2:AI$366,ROUNDDOWN($C140/24,0)+1,1))-1)+IF('Standard Profiles'!$G$19=$B$10,7,0)+IF('Standard Profiles'!$G$19=$B$17,14,0)+IF('Standard Profiles'!$G$19=$B$24,21,0),0)),0)</f>
        <v>0</v>
      </c>
      <c r="F140" cm="1">
        <f t="array" ref="F140">IFERROR(INDEX(Jesper!AJ$2:AJ$366,ROUNDDOWN($C140/24,0)+1,1)*INDEX($D$3:$AA$30,INDEX(Jesper!$R$2:$R$366,ROW(INDEX(Jesper!AJ$2:AJ$366,ROUNDDOWN($C140/24,0)+1,1))-1)+IF('Standard Profiles'!$G$20=$B$10,7,0)+IF('Standard Profiles'!$G$20=$B$17,14,0)+IF('Standard Profiles'!$G$20=$B$24,21,0),MOD($C140,24)+1)/SUM(INDEX($D$3:$AA$30,INDEX(Jesper!$R$2:$R$366,ROW(INDEX(Jesper!AJ$2:AJ$366,ROUNDDOWN($C140/24,0)+1,1))-1)+IF('Standard Profiles'!$G$20=$B$10,7,0)+IF('Standard Profiles'!$G$20=$B$17,14,0)+IF('Standard Profiles'!$G$20=$B$24,21,0),0)),0)</f>
        <v>0</v>
      </c>
      <c r="G140" cm="1">
        <f t="array" ref="G140">IFERROR(INDEX(Jesper!AK$2:AK$366,ROUNDDOWN($C140/24,0)+1,1)*INDEX($D$3:$AA$30,INDEX(Jesper!$R$2:$R$366,ROW(INDEX(Jesper!AK$2:AK$366,ROUNDDOWN($C140/24,0)+1,1))-1)+IF('Standard Profiles'!$G$21=$B$10,7,0)+IF('Standard Profiles'!$G$21=$B$17,14,0)+IF('Standard Profiles'!$G$21=$B$24,21,0),MOD($C140,24)+1)/SUM(INDEX($D$3:$AA$30,INDEX(Jesper!$R$2:$R$366,ROW(INDEX(Jesper!AK$2:AK$366,ROUNDDOWN($C140/24,0)+1,1))-1)+IF('Standard Profiles'!$G$21=$B$10,7,0)+IF('Standard Profiles'!$G$21=$B$17,14,0)+IF('Standard Profiles'!$G$21=$B$24,21,0),0)),0)</f>
        <v>0</v>
      </c>
      <c r="H140" cm="1">
        <f t="array" ref="H140">IFERROR(INDEX(Jesper!AL$2:AL$366,ROUNDDOWN($C140/24,0)+1,1)*INDEX($D$3:$AA$30,INDEX(Jesper!$R$2:$R$366,ROW(INDEX(Jesper!AL$2:AL$366,ROUNDDOWN($C140/24,0)+1,1))-1)+IF('Standard Profiles'!$G$22=$B$10,7,0)+IF('Standard Profiles'!$G$22=$B$17,14,0)+IF('Standard Profiles'!$G$22=$B$24,21,0),MOD($C140,24)+1)/SUM(INDEX($D$3:$AA$30,INDEX(Jesper!$R$2:$R$366,ROW(INDEX(Jesper!AL$2:AL$366,ROUNDDOWN($C140/24,0)+1,1))-1)+IF('Standard Profiles'!$G$22=$B$10,7,0)+IF('Standard Profiles'!$G$22=$B$17,14,0)+IF('Standard Profiles'!$G$22=$B$24,21,0),0)),0)</f>
        <v>0</v>
      </c>
      <c r="I140">
        <f t="shared" si="27"/>
        <v>0.463759681809502</v>
      </c>
      <c r="J140">
        <f t="shared" si="28"/>
        <v>1.5458656060316736</v>
      </c>
      <c r="K140">
        <f t="shared" si="29"/>
        <v>2.3187984090475102</v>
      </c>
      <c r="L140">
        <f t="shared" si="30"/>
        <v>11.130232363428048</v>
      </c>
      <c r="M140">
        <f t="shared" si="31"/>
        <v>0</v>
      </c>
      <c r="N140" s="46">
        <f t="shared" si="32"/>
        <v>45296.41666666641</v>
      </c>
      <c r="O140">
        <v>0.49507126404934154</v>
      </c>
      <c r="P140">
        <v>1.6502375468311385</v>
      </c>
      <c r="Q140">
        <v>2.4753563202467075</v>
      </c>
      <c r="R140">
        <v>11.881710337184197</v>
      </c>
      <c r="S140">
        <v>0</v>
      </c>
      <c r="T140" s="46">
        <v>45639.416666646444</v>
      </c>
    </row>
    <row r="141" spans="2:21" x14ac:dyDescent="0.3">
      <c r="B141">
        <f t="shared" si="26"/>
        <v>5</v>
      </c>
      <c r="C141" s="16">
        <v>107</v>
      </c>
      <c r="D141" cm="1">
        <f t="array" ref="D141">IFERROR(INDEX(Jesper!AH$2:AH$366,ROUNDDOWN($C141/24,0)+1,1)*INDEX($D$3:$AA$30,INDEX(Jesper!$R$2:$R$366,ROW(INDEX(Jesper!AH$2:AH$366,ROUNDDOWN($C141/24,0)+1,1))-1)+IF('Standard Profiles'!$G$18=$B$10,7,0)+IF('Standard Profiles'!$G$18=$B$17,14,0)+IF('Standard Profiles'!$G$18=$B$24,21,0),MOD($C141,24)+1)/SUM(INDEX($D$3:$AA$30,INDEX(Jesper!$R$2:$R$366,ROW(INDEX(Jesper!AH$2:AH$366,ROUNDDOWN($C141/24,0)+1,1))-1)+IF('Standard Profiles'!$G$18=$B$10,7,0)+IF('Standard Profiles'!$G$18=$B$17,14,0)+IF('Standard Profiles'!$G$18=$B$24,21,0),0)),0)</f>
        <v>17.836910838826999</v>
      </c>
      <c r="E141" cm="1">
        <f t="array" ref="E141">IFERROR(INDEX(Jesper!AI$2:AI$366,ROUNDDOWN($C141/24,0)+1,1)*INDEX($D$3:$AA$30,INDEX(Jesper!$R$2:$R$366,ROW(INDEX(Jesper!AI$2:AI$366,ROUNDDOWN($C141/24,0)+1,1))-1)+IF('Standard Profiles'!$G$19=$B$10,7,0)+IF('Standard Profiles'!$G$19=$B$17,14,0)+IF('Standard Profiles'!$G$19=$B$24,21,0),MOD($C141,24)+1)/SUM(INDEX($D$3:$AA$30,INDEX(Jesper!$R$2:$R$366,ROW(INDEX(Jesper!AI$2:AI$366,ROUNDDOWN($C141/24,0)+1,1))-1)+IF('Standard Profiles'!$G$19=$B$10,7,0)+IF('Standard Profiles'!$G$19=$B$17,14,0)+IF('Standard Profiles'!$G$19=$B$24,21,0),0)),0)</f>
        <v>0</v>
      </c>
      <c r="F141" cm="1">
        <f t="array" ref="F141">IFERROR(INDEX(Jesper!AJ$2:AJ$366,ROUNDDOWN($C141/24,0)+1,1)*INDEX($D$3:$AA$30,INDEX(Jesper!$R$2:$R$366,ROW(INDEX(Jesper!AJ$2:AJ$366,ROUNDDOWN($C141/24,0)+1,1))-1)+IF('Standard Profiles'!$G$20=$B$10,7,0)+IF('Standard Profiles'!$G$20=$B$17,14,0)+IF('Standard Profiles'!$G$20=$B$24,21,0),MOD($C141,24)+1)/SUM(INDEX($D$3:$AA$30,INDEX(Jesper!$R$2:$R$366,ROW(INDEX(Jesper!AJ$2:AJ$366,ROUNDDOWN($C141/24,0)+1,1))-1)+IF('Standard Profiles'!$G$20=$B$10,7,0)+IF('Standard Profiles'!$G$20=$B$17,14,0)+IF('Standard Profiles'!$G$20=$B$24,21,0),0)),0)</f>
        <v>0</v>
      </c>
      <c r="G141" cm="1">
        <f t="array" ref="G141">IFERROR(INDEX(Jesper!AK$2:AK$366,ROUNDDOWN($C141/24,0)+1,1)*INDEX($D$3:$AA$30,INDEX(Jesper!$R$2:$R$366,ROW(INDEX(Jesper!AK$2:AK$366,ROUNDDOWN($C141/24,0)+1,1))-1)+IF('Standard Profiles'!$G$21=$B$10,7,0)+IF('Standard Profiles'!$G$21=$B$17,14,0)+IF('Standard Profiles'!$G$21=$B$24,21,0),MOD($C141,24)+1)/SUM(INDEX($D$3:$AA$30,INDEX(Jesper!$R$2:$R$366,ROW(INDEX(Jesper!AK$2:AK$366,ROUNDDOWN($C141/24,0)+1,1))-1)+IF('Standard Profiles'!$G$21=$B$10,7,0)+IF('Standard Profiles'!$G$21=$B$17,14,0)+IF('Standard Profiles'!$G$21=$B$24,21,0),0)),0)</f>
        <v>0</v>
      </c>
      <c r="H141" cm="1">
        <f t="array" ref="H141">IFERROR(INDEX(Jesper!AL$2:AL$366,ROUNDDOWN($C141/24,0)+1,1)*INDEX($D$3:$AA$30,INDEX(Jesper!$R$2:$R$366,ROW(INDEX(Jesper!AL$2:AL$366,ROUNDDOWN($C141/24,0)+1,1))-1)+IF('Standard Profiles'!$G$22=$B$10,7,0)+IF('Standard Profiles'!$G$22=$B$17,14,0)+IF('Standard Profiles'!$G$22=$B$24,21,0),MOD($C141,24)+1)/SUM(INDEX($D$3:$AA$30,INDEX(Jesper!$R$2:$R$366,ROW(INDEX(Jesper!AL$2:AL$366,ROUNDDOWN($C141/24,0)+1,1))-1)+IF('Standard Profiles'!$G$22=$B$10,7,0)+IF('Standard Profiles'!$G$22=$B$17,14,0)+IF('Standard Profiles'!$G$22=$B$24,21,0),0)),0)</f>
        <v>0</v>
      </c>
      <c r="I141">
        <f t="shared" si="27"/>
        <v>0.53510732516480997</v>
      </c>
      <c r="J141">
        <f t="shared" si="28"/>
        <v>1.7836910838827</v>
      </c>
      <c r="K141">
        <f t="shared" si="29"/>
        <v>2.6755366258240496</v>
      </c>
      <c r="L141">
        <f t="shared" si="30"/>
        <v>12.842575803955439</v>
      </c>
      <c r="M141">
        <f t="shared" si="31"/>
        <v>0</v>
      </c>
      <c r="N141" s="46">
        <f t="shared" si="32"/>
        <v>45296.458333333074</v>
      </c>
      <c r="O141">
        <v>0.57123607390308639</v>
      </c>
      <c r="P141">
        <v>1.9041202463436215</v>
      </c>
      <c r="Q141">
        <v>2.8561803695154322</v>
      </c>
      <c r="R141">
        <v>13.709665773674073</v>
      </c>
      <c r="S141">
        <v>0</v>
      </c>
      <c r="T141" s="46">
        <v>45639.458333313109</v>
      </c>
      <c r="U141" t="str">
        <f>CHOOSE(WEEKDAY(T141,2),"Monday","Tuesday","Wednesday","Thursday","Friday","Saturday","Sunday")</f>
        <v>Friday</v>
      </c>
    </row>
    <row r="142" spans="2:21" x14ac:dyDescent="0.3">
      <c r="B142">
        <f t="shared" si="26"/>
        <v>5</v>
      </c>
      <c r="C142" s="16">
        <v>108</v>
      </c>
      <c r="D142" cm="1">
        <f t="array" ref="D142">IFERROR(INDEX(Jesper!AH$2:AH$366,ROUNDDOWN($C142/24,0)+1,1)*INDEX($D$3:$AA$30,INDEX(Jesper!$R$2:$R$366,ROW(INDEX(Jesper!AH$2:AH$366,ROUNDDOWN($C142/24,0)+1,1))-1)+IF('Standard Profiles'!$G$18=$B$10,7,0)+IF('Standard Profiles'!$G$18=$B$17,14,0)+IF('Standard Profiles'!$G$18=$B$24,21,0),MOD($C142,24)+1)/SUM(INDEX($D$3:$AA$30,INDEX(Jesper!$R$2:$R$366,ROW(INDEX(Jesper!AH$2:AH$366,ROUNDDOWN($C142/24,0)+1,1))-1)+IF('Standard Profiles'!$G$18=$B$10,7,0)+IF('Standard Profiles'!$G$18=$B$17,14,0)+IF('Standard Profiles'!$G$18=$B$24,21,0),0)),0)</f>
        <v>17.836910838826999</v>
      </c>
      <c r="E142" cm="1">
        <f t="array" ref="E142">IFERROR(INDEX(Jesper!AI$2:AI$366,ROUNDDOWN($C142/24,0)+1,1)*INDEX($D$3:$AA$30,INDEX(Jesper!$R$2:$R$366,ROW(INDEX(Jesper!AI$2:AI$366,ROUNDDOWN($C142/24,0)+1,1))-1)+IF('Standard Profiles'!$G$19=$B$10,7,0)+IF('Standard Profiles'!$G$19=$B$17,14,0)+IF('Standard Profiles'!$G$19=$B$24,21,0),MOD($C142,24)+1)/SUM(INDEX($D$3:$AA$30,INDEX(Jesper!$R$2:$R$366,ROW(INDEX(Jesper!AI$2:AI$366,ROUNDDOWN($C142/24,0)+1,1))-1)+IF('Standard Profiles'!$G$19=$B$10,7,0)+IF('Standard Profiles'!$G$19=$B$17,14,0)+IF('Standard Profiles'!$G$19=$B$24,21,0),0)),0)</f>
        <v>0</v>
      </c>
      <c r="F142" cm="1">
        <f t="array" ref="F142">IFERROR(INDEX(Jesper!AJ$2:AJ$366,ROUNDDOWN($C142/24,0)+1,1)*INDEX($D$3:$AA$30,INDEX(Jesper!$R$2:$R$366,ROW(INDEX(Jesper!AJ$2:AJ$366,ROUNDDOWN($C142/24,0)+1,1))-1)+IF('Standard Profiles'!$G$20=$B$10,7,0)+IF('Standard Profiles'!$G$20=$B$17,14,0)+IF('Standard Profiles'!$G$20=$B$24,21,0),MOD($C142,24)+1)/SUM(INDEX($D$3:$AA$30,INDEX(Jesper!$R$2:$R$366,ROW(INDEX(Jesper!AJ$2:AJ$366,ROUNDDOWN($C142/24,0)+1,1))-1)+IF('Standard Profiles'!$G$20=$B$10,7,0)+IF('Standard Profiles'!$G$20=$B$17,14,0)+IF('Standard Profiles'!$G$20=$B$24,21,0),0)),0)</f>
        <v>0</v>
      </c>
      <c r="G142" cm="1">
        <f t="array" ref="G142">IFERROR(INDEX(Jesper!AK$2:AK$366,ROUNDDOWN($C142/24,0)+1,1)*INDEX($D$3:$AA$30,INDEX(Jesper!$R$2:$R$366,ROW(INDEX(Jesper!AK$2:AK$366,ROUNDDOWN($C142/24,0)+1,1))-1)+IF('Standard Profiles'!$G$21=$B$10,7,0)+IF('Standard Profiles'!$G$21=$B$17,14,0)+IF('Standard Profiles'!$G$21=$B$24,21,0),MOD($C142,24)+1)/SUM(INDEX($D$3:$AA$30,INDEX(Jesper!$R$2:$R$366,ROW(INDEX(Jesper!AK$2:AK$366,ROUNDDOWN($C142/24,0)+1,1))-1)+IF('Standard Profiles'!$G$21=$B$10,7,0)+IF('Standard Profiles'!$G$21=$B$17,14,0)+IF('Standard Profiles'!$G$21=$B$24,21,0),0)),0)</f>
        <v>0</v>
      </c>
      <c r="H142" cm="1">
        <f t="array" ref="H142">IFERROR(INDEX(Jesper!AL$2:AL$366,ROUNDDOWN($C142/24,0)+1,1)*INDEX($D$3:$AA$30,INDEX(Jesper!$R$2:$R$366,ROW(INDEX(Jesper!AL$2:AL$366,ROUNDDOWN($C142/24,0)+1,1))-1)+IF('Standard Profiles'!$G$22=$B$10,7,0)+IF('Standard Profiles'!$G$22=$B$17,14,0)+IF('Standard Profiles'!$G$22=$B$24,21,0),MOD($C142,24)+1)/SUM(INDEX($D$3:$AA$30,INDEX(Jesper!$R$2:$R$366,ROW(INDEX(Jesper!AL$2:AL$366,ROUNDDOWN($C142/24,0)+1,1))-1)+IF('Standard Profiles'!$G$22=$B$10,7,0)+IF('Standard Profiles'!$G$22=$B$17,14,0)+IF('Standard Profiles'!$G$22=$B$24,21,0),0)),0)</f>
        <v>0</v>
      </c>
      <c r="I142">
        <f t="shared" si="27"/>
        <v>0.53510732516480997</v>
      </c>
      <c r="J142">
        <f t="shared" si="28"/>
        <v>1.7836910838827</v>
      </c>
      <c r="K142">
        <f t="shared" si="29"/>
        <v>2.6755366258240496</v>
      </c>
      <c r="L142">
        <f t="shared" si="30"/>
        <v>12.842575803955439</v>
      </c>
      <c r="M142">
        <f t="shared" si="31"/>
        <v>0</v>
      </c>
      <c r="N142" s="46">
        <f t="shared" si="32"/>
        <v>45296.499999999738</v>
      </c>
      <c r="O142">
        <v>0.57123607390308639</v>
      </c>
      <c r="P142">
        <v>1.9041202463436215</v>
      </c>
      <c r="Q142">
        <v>2.8561803695154322</v>
      </c>
      <c r="R142">
        <v>13.709665773674073</v>
      </c>
      <c r="S142">
        <v>0</v>
      </c>
      <c r="T142" s="46">
        <v>45639.499999979773</v>
      </c>
    </row>
    <row r="143" spans="2:21" x14ac:dyDescent="0.3">
      <c r="B143">
        <f t="shared" si="26"/>
        <v>5</v>
      </c>
      <c r="C143" s="16">
        <v>109</v>
      </c>
      <c r="D143" cm="1">
        <f t="array" ref="D143">IFERROR(INDEX(Jesper!AH$2:AH$366,ROUNDDOWN($C143/24,0)+1,1)*INDEX($D$3:$AA$30,INDEX(Jesper!$R$2:$R$366,ROW(INDEX(Jesper!AH$2:AH$366,ROUNDDOWN($C143/24,0)+1,1))-1)+IF('Standard Profiles'!$G$18=$B$10,7,0)+IF('Standard Profiles'!$G$18=$B$17,14,0)+IF('Standard Profiles'!$G$18=$B$24,21,0),MOD($C143,24)+1)/SUM(INDEX($D$3:$AA$30,INDEX(Jesper!$R$2:$R$366,ROW(INDEX(Jesper!AH$2:AH$366,ROUNDDOWN($C143/24,0)+1,1))-1)+IF('Standard Profiles'!$G$18=$B$10,7,0)+IF('Standard Profiles'!$G$18=$B$17,14,0)+IF('Standard Profiles'!$G$18=$B$24,21,0),0)),0)</f>
        <v>17.836910838826999</v>
      </c>
      <c r="E143" cm="1">
        <f t="array" ref="E143">IFERROR(INDEX(Jesper!AI$2:AI$366,ROUNDDOWN($C143/24,0)+1,1)*INDEX($D$3:$AA$30,INDEX(Jesper!$R$2:$R$366,ROW(INDEX(Jesper!AI$2:AI$366,ROUNDDOWN($C143/24,0)+1,1))-1)+IF('Standard Profiles'!$G$19=$B$10,7,0)+IF('Standard Profiles'!$G$19=$B$17,14,0)+IF('Standard Profiles'!$G$19=$B$24,21,0),MOD($C143,24)+1)/SUM(INDEX($D$3:$AA$30,INDEX(Jesper!$R$2:$R$366,ROW(INDEX(Jesper!AI$2:AI$366,ROUNDDOWN($C143/24,0)+1,1))-1)+IF('Standard Profiles'!$G$19=$B$10,7,0)+IF('Standard Profiles'!$G$19=$B$17,14,0)+IF('Standard Profiles'!$G$19=$B$24,21,0),0)),0)</f>
        <v>0</v>
      </c>
      <c r="F143" cm="1">
        <f t="array" ref="F143">IFERROR(INDEX(Jesper!AJ$2:AJ$366,ROUNDDOWN($C143/24,0)+1,1)*INDEX($D$3:$AA$30,INDEX(Jesper!$R$2:$R$366,ROW(INDEX(Jesper!AJ$2:AJ$366,ROUNDDOWN($C143/24,0)+1,1))-1)+IF('Standard Profiles'!$G$20=$B$10,7,0)+IF('Standard Profiles'!$G$20=$B$17,14,0)+IF('Standard Profiles'!$G$20=$B$24,21,0),MOD($C143,24)+1)/SUM(INDEX($D$3:$AA$30,INDEX(Jesper!$R$2:$R$366,ROW(INDEX(Jesper!AJ$2:AJ$366,ROUNDDOWN($C143/24,0)+1,1))-1)+IF('Standard Profiles'!$G$20=$B$10,7,0)+IF('Standard Profiles'!$G$20=$B$17,14,0)+IF('Standard Profiles'!$G$20=$B$24,21,0),0)),0)</f>
        <v>0</v>
      </c>
      <c r="G143" cm="1">
        <f t="array" ref="G143">IFERROR(INDEX(Jesper!AK$2:AK$366,ROUNDDOWN($C143/24,0)+1,1)*INDEX($D$3:$AA$30,INDEX(Jesper!$R$2:$R$366,ROW(INDEX(Jesper!AK$2:AK$366,ROUNDDOWN($C143/24,0)+1,1))-1)+IF('Standard Profiles'!$G$21=$B$10,7,0)+IF('Standard Profiles'!$G$21=$B$17,14,0)+IF('Standard Profiles'!$G$21=$B$24,21,0),MOD($C143,24)+1)/SUM(INDEX($D$3:$AA$30,INDEX(Jesper!$R$2:$R$366,ROW(INDEX(Jesper!AK$2:AK$366,ROUNDDOWN($C143/24,0)+1,1))-1)+IF('Standard Profiles'!$G$21=$B$10,7,0)+IF('Standard Profiles'!$G$21=$B$17,14,0)+IF('Standard Profiles'!$G$21=$B$24,21,0),0)),0)</f>
        <v>0</v>
      </c>
      <c r="H143" cm="1">
        <f t="array" ref="H143">IFERROR(INDEX(Jesper!AL$2:AL$366,ROUNDDOWN($C143/24,0)+1,1)*INDEX($D$3:$AA$30,INDEX(Jesper!$R$2:$R$366,ROW(INDEX(Jesper!AL$2:AL$366,ROUNDDOWN($C143/24,0)+1,1))-1)+IF('Standard Profiles'!$G$22=$B$10,7,0)+IF('Standard Profiles'!$G$22=$B$17,14,0)+IF('Standard Profiles'!$G$22=$B$24,21,0),MOD($C143,24)+1)/SUM(INDEX($D$3:$AA$30,INDEX(Jesper!$R$2:$R$366,ROW(INDEX(Jesper!AL$2:AL$366,ROUNDDOWN($C143/24,0)+1,1))-1)+IF('Standard Profiles'!$G$22=$B$10,7,0)+IF('Standard Profiles'!$G$22=$B$17,14,0)+IF('Standard Profiles'!$G$22=$B$24,21,0),0)),0)</f>
        <v>0</v>
      </c>
      <c r="I143">
        <f t="shared" si="27"/>
        <v>0.53510732516480997</v>
      </c>
      <c r="J143">
        <f t="shared" si="28"/>
        <v>1.7836910838827</v>
      </c>
      <c r="K143">
        <f t="shared" si="29"/>
        <v>2.6755366258240496</v>
      </c>
      <c r="L143">
        <f t="shared" si="30"/>
        <v>12.842575803955439</v>
      </c>
      <c r="M143">
        <f t="shared" si="31"/>
        <v>0</v>
      </c>
      <c r="N143" s="46">
        <f t="shared" si="32"/>
        <v>45296.541666666402</v>
      </c>
      <c r="O143">
        <v>0.57123607390308639</v>
      </c>
      <c r="P143">
        <v>1.9041202463436215</v>
      </c>
      <c r="Q143">
        <v>2.8561803695154322</v>
      </c>
      <c r="R143">
        <v>13.709665773674073</v>
      </c>
      <c r="S143">
        <v>0</v>
      </c>
      <c r="T143" s="46">
        <v>45639.541666646437</v>
      </c>
    </row>
    <row r="144" spans="2:21" x14ac:dyDescent="0.3">
      <c r="B144">
        <f t="shared" si="26"/>
        <v>5</v>
      </c>
      <c r="C144" s="16">
        <v>110</v>
      </c>
      <c r="D144" cm="1">
        <f t="array" ref="D144">IFERROR(INDEX(Jesper!AH$2:AH$366,ROUNDDOWN($C144/24,0)+1,1)*INDEX($D$3:$AA$30,INDEX(Jesper!$R$2:$R$366,ROW(INDEX(Jesper!AH$2:AH$366,ROUNDDOWN($C144/24,0)+1,1))-1)+IF('Standard Profiles'!$G$18=$B$10,7,0)+IF('Standard Profiles'!$G$18=$B$17,14,0)+IF('Standard Profiles'!$G$18=$B$24,21,0),MOD($C144,24)+1)/SUM(INDEX($D$3:$AA$30,INDEX(Jesper!$R$2:$R$366,ROW(INDEX(Jesper!AH$2:AH$366,ROUNDDOWN($C144/24,0)+1,1))-1)+IF('Standard Profiles'!$G$18=$B$10,7,0)+IF('Standard Profiles'!$G$18=$B$17,14,0)+IF('Standard Profiles'!$G$18=$B$24,21,0),0)),0)</f>
        <v>17.836910838826999</v>
      </c>
      <c r="E144" cm="1">
        <f t="array" ref="E144">IFERROR(INDEX(Jesper!AI$2:AI$366,ROUNDDOWN($C144/24,0)+1,1)*INDEX($D$3:$AA$30,INDEX(Jesper!$R$2:$R$366,ROW(INDEX(Jesper!AI$2:AI$366,ROUNDDOWN($C144/24,0)+1,1))-1)+IF('Standard Profiles'!$G$19=$B$10,7,0)+IF('Standard Profiles'!$G$19=$B$17,14,0)+IF('Standard Profiles'!$G$19=$B$24,21,0),MOD($C144,24)+1)/SUM(INDEX($D$3:$AA$30,INDEX(Jesper!$R$2:$R$366,ROW(INDEX(Jesper!AI$2:AI$366,ROUNDDOWN($C144/24,0)+1,1))-1)+IF('Standard Profiles'!$G$19=$B$10,7,0)+IF('Standard Profiles'!$G$19=$B$17,14,0)+IF('Standard Profiles'!$G$19=$B$24,21,0),0)),0)</f>
        <v>0</v>
      </c>
      <c r="F144" cm="1">
        <f t="array" ref="F144">IFERROR(INDEX(Jesper!AJ$2:AJ$366,ROUNDDOWN($C144/24,0)+1,1)*INDEX($D$3:$AA$30,INDEX(Jesper!$R$2:$R$366,ROW(INDEX(Jesper!AJ$2:AJ$366,ROUNDDOWN($C144/24,0)+1,1))-1)+IF('Standard Profiles'!$G$20=$B$10,7,0)+IF('Standard Profiles'!$G$20=$B$17,14,0)+IF('Standard Profiles'!$G$20=$B$24,21,0),MOD($C144,24)+1)/SUM(INDEX($D$3:$AA$30,INDEX(Jesper!$R$2:$R$366,ROW(INDEX(Jesper!AJ$2:AJ$366,ROUNDDOWN($C144/24,0)+1,1))-1)+IF('Standard Profiles'!$G$20=$B$10,7,0)+IF('Standard Profiles'!$G$20=$B$17,14,0)+IF('Standard Profiles'!$G$20=$B$24,21,0),0)),0)</f>
        <v>0</v>
      </c>
      <c r="G144" cm="1">
        <f t="array" ref="G144">IFERROR(INDEX(Jesper!AK$2:AK$366,ROUNDDOWN($C144/24,0)+1,1)*INDEX($D$3:$AA$30,INDEX(Jesper!$R$2:$R$366,ROW(INDEX(Jesper!AK$2:AK$366,ROUNDDOWN($C144/24,0)+1,1))-1)+IF('Standard Profiles'!$G$21=$B$10,7,0)+IF('Standard Profiles'!$G$21=$B$17,14,0)+IF('Standard Profiles'!$G$21=$B$24,21,0),MOD($C144,24)+1)/SUM(INDEX($D$3:$AA$30,INDEX(Jesper!$R$2:$R$366,ROW(INDEX(Jesper!AK$2:AK$366,ROUNDDOWN($C144/24,0)+1,1))-1)+IF('Standard Profiles'!$G$21=$B$10,7,0)+IF('Standard Profiles'!$G$21=$B$17,14,0)+IF('Standard Profiles'!$G$21=$B$24,21,0),0)),0)</f>
        <v>0</v>
      </c>
      <c r="H144" cm="1">
        <f t="array" ref="H144">IFERROR(INDEX(Jesper!AL$2:AL$366,ROUNDDOWN($C144/24,0)+1,1)*INDEX($D$3:$AA$30,INDEX(Jesper!$R$2:$R$366,ROW(INDEX(Jesper!AL$2:AL$366,ROUNDDOWN($C144/24,0)+1,1))-1)+IF('Standard Profiles'!$G$22=$B$10,7,0)+IF('Standard Profiles'!$G$22=$B$17,14,0)+IF('Standard Profiles'!$G$22=$B$24,21,0),MOD($C144,24)+1)/SUM(INDEX($D$3:$AA$30,INDEX(Jesper!$R$2:$R$366,ROW(INDEX(Jesper!AL$2:AL$366,ROUNDDOWN($C144/24,0)+1,1))-1)+IF('Standard Profiles'!$G$22=$B$10,7,0)+IF('Standard Profiles'!$G$22=$B$17,14,0)+IF('Standard Profiles'!$G$22=$B$24,21,0),0)),0)</f>
        <v>0</v>
      </c>
      <c r="I144">
        <f t="shared" si="27"/>
        <v>0.53510732516480997</v>
      </c>
      <c r="J144">
        <f t="shared" si="28"/>
        <v>1.7836910838827</v>
      </c>
      <c r="K144">
        <f t="shared" si="29"/>
        <v>2.6755366258240496</v>
      </c>
      <c r="L144">
        <f t="shared" si="30"/>
        <v>12.842575803955439</v>
      </c>
      <c r="M144">
        <f t="shared" si="31"/>
        <v>0</v>
      </c>
      <c r="N144" s="46">
        <f t="shared" si="32"/>
        <v>45296.583333333067</v>
      </c>
      <c r="O144">
        <v>0.57123607390308639</v>
      </c>
      <c r="P144">
        <v>1.9041202463436215</v>
      </c>
      <c r="Q144">
        <v>2.8561803695154322</v>
      </c>
      <c r="R144">
        <v>13.709665773674073</v>
      </c>
      <c r="S144">
        <v>0</v>
      </c>
      <c r="T144" s="46">
        <v>45639.583333313101</v>
      </c>
    </row>
    <row r="145" spans="2:20" x14ac:dyDescent="0.3">
      <c r="B145">
        <f t="shared" si="26"/>
        <v>5</v>
      </c>
      <c r="C145" s="16">
        <v>111</v>
      </c>
      <c r="D145" cm="1">
        <f t="array" ref="D145">IFERROR(INDEX(Jesper!AH$2:AH$366,ROUNDDOWN($C145/24,0)+1,1)*INDEX($D$3:$AA$30,INDEX(Jesper!$R$2:$R$366,ROW(INDEX(Jesper!AH$2:AH$366,ROUNDDOWN($C145/24,0)+1,1))-1)+IF('Standard Profiles'!$G$18=$B$10,7,0)+IF('Standard Profiles'!$G$18=$B$17,14,0)+IF('Standard Profiles'!$G$18=$B$24,21,0),MOD($C145,24)+1)/SUM(INDEX($D$3:$AA$30,INDEX(Jesper!$R$2:$R$366,ROW(INDEX(Jesper!AH$2:AH$366,ROUNDDOWN($C145/24,0)+1,1))-1)+IF('Standard Profiles'!$G$18=$B$10,7,0)+IF('Standard Profiles'!$G$18=$B$17,14,0)+IF('Standard Profiles'!$G$18=$B$24,21,0),0)),0)</f>
        <v>14.864092365689167</v>
      </c>
      <c r="E145" cm="1">
        <f t="array" ref="E145">IFERROR(INDEX(Jesper!AI$2:AI$366,ROUNDDOWN($C145/24,0)+1,1)*INDEX($D$3:$AA$30,INDEX(Jesper!$R$2:$R$366,ROW(INDEX(Jesper!AI$2:AI$366,ROUNDDOWN($C145/24,0)+1,1))-1)+IF('Standard Profiles'!$G$19=$B$10,7,0)+IF('Standard Profiles'!$G$19=$B$17,14,0)+IF('Standard Profiles'!$G$19=$B$24,21,0),MOD($C145,24)+1)/SUM(INDEX($D$3:$AA$30,INDEX(Jesper!$R$2:$R$366,ROW(INDEX(Jesper!AI$2:AI$366,ROUNDDOWN($C145/24,0)+1,1))-1)+IF('Standard Profiles'!$G$19=$B$10,7,0)+IF('Standard Profiles'!$G$19=$B$17,14,0)+IF('Standard Profiles'!$G$19=$B$24,21,0),0)),0)</f>
        <v>0</v>
      </c>
      <c r="F145" cm="1">
        <f t="array" ref="F145">IFERROR(INDEX(Jesper!AJ$2:AJ$366,ROUNDDOWN($C145/24,0)+1,1)*INDEX($D$3:$AA$30,INDEX(Jesper!$R$2:$R$366,ROW(INDEX(Jesper!AJ$2:AJ$366,ROUNDDOWN($C145/24,0)+1,1))-1)+IF('Standard Profiles'!$G$20=$B$10,7,0)+IF('Standard Profiles'!$G$20=$B$17,14,0)+IF('Standard Profiles'!$G$20=$B$24,21,0),MOD($C145,24)+1)/SUM(INDEX($D$3:$AA$30,INDEX(Jesper!$R$2:$R$366,ROW(INDEX(Jesper!AJ$2:AJ$366,ROUNDDOWN($C145/24,0)+1,1))-1)+IF('Standard Profiles'!$G$20=$B$10,7,0)+IF('Standard Profiles'!$G$20=$B$17,14,0)+IF('Standard Profiles'!$G$20=$B$24,21,0),0)),0)</f>
        <v>0</v>
      </c>
      <c r="G145" cm="1">
        <f t="array" ref="G145">IFERROR(INDEX(Jesper!AK$2:AK$366,ROUNDDOWN($C145/24,0)+1,1)*INDEX($D$3:$AA$30,INDEX(Jesper!$R$2:$R$366,ROW(INDEX(Jesper!AK$2:AK$366,ROUNDDOWN($C145/24,0)+1,1))-1)+IF('Standard Profiles'!$G$21=$B$10,7,0)+IF('Standard Profiles'!$G$21=$B$17,14,0)+IF('Standard Profiles'!$G$21=$B$24,21,0),MOD($C145,24)+1)/SUM(INDEX($D$3:$AA$30,INDEX(Jesper!$R$2:$R$366,ROW(INDEX(Jesper!AK$2:AK$366,ROUNDDOWN($C145/24,0)+1,1))-1)+IF('Standard Profiles'!$G$21=$B$10,7,0)+IF('Standard Profiles'!$G$21=$B$17,14,0)+IF('Standard Profiles'!$G$21=$B$24,21,0),0)),0)</f>
        <v>0</v>
      </c>
      <c r="H145" cm="1">
        <f t="array" ref="H145">IFERROR(INDEX(Jesper!AL$2:AL$366,ROUNDDOWN($C145/24,0)+1,1)*INDEX($D$3:$AA$30,INDEX(Jesper!$R$2:$R$366,ROW(INDEX(Jesper!AL$2:AL$366,ROUNDDOWN($C145/24,0)+1,1))-1)+IF('Standard Profiles'!$G$22=$B$10,7,0)+IF('Standard Profiles'!$G$22=$B$17,14,0)+IF('Standard Profiles'!$G$22=$B$24,21,0),MOD($C145,24)+1)/SUM(INDEX($D$3:$AA$30,INDEX(Jesper!$R$2:$R$366,ROW(INDEX(Jesper!AL$2:AL$366,ROUNDDOWN($C145/24,0)+1,1))-1)+IF('Standard Profiles'!$G$22=$B$10,7,0)+IF('Standard Profiles'!$G$22=$B$17,14,0)+IF('Standard Profiles'!$G$22=$B$24,21,0),0)),0)</f>
        <v>0</v>
      </c>
      <c r="I145">
        <f t="shared" si="27"/>
        <v>0.44592277097067501</v>
      </c>
      <c r="J145">
        <f t="shared" si="28"/>
        <v>1.4864092365689168</v>
      </c>
      <c r="K145">
        <f t="shared" si="29"/>
        <v>2.2296138548533748</v>
      </c>
      <c r="L145">
        <f t="shared" si="30"/>
        <v>10.7021465032962</v>
      </c>
      <c r="M145">
        <f t="shared" si="31"/>
        <v>0</v>
      </c>
      <c r="N145" s="46">
        <f t="shared" si="32"/>
        <v>45296.624999999731</v>
      </c>
      <c r="O145">
        <v>0.47603006158590533</v>
      </c>
      <c r="P145">
        <v>1.5867668719530179</v>
      </c>
      <c r="Q145">
        <v>2.3801503079295268</v>
      </c>
      <c r="R145">
        <v>11.424721478061727</v>
      </c>
      <c r="S145">
        <v>0</v>
      </c>
      <c r="T145" s="46">
        <v>45639.624999979766</v>
      </c>
    </row>
    <row r="146" spans="2:20" x14ac:dyDescent="0.3">
      <c r="B146">
        <f t="shared" si="26"/>
        <v>5</v>
      </c>
      <c r="C146" s="16">
        <v>112</v>
      </c>
      <c r="D146" cm="1">
        <f t="array" ref="D146">IFERROR(INDEX(Jesper!AH$2:AH$366,ROUNDDOWN($C146/24,0)+1,1)*INDEX($D$3:$AA$30,INDEX(Jesper!$R$2:$R$366,ROW(INDEX(Jesper!AH$2:AH$366,ROUNDDOWN($C146/24,0)+1,1))-1)+IF('Standard Profiles'!$G$18=$B$10,7,0)+IF('Standard Profiles'!$G$18=$B$17,14,0)+IF('Standard Profiles'!$G$18=$B$24,21,0),MOD($C146,24)+1)/SUM(INDEX($D$3:$AA$30,INDEX(Jesper!$R$2:$R$366,ROW(INDEX(Jesper!AH$2:AH$366,ROUNDDOWN($C146/24,0)+1,1))-1)+IF('Standard Profiles'!$G$18=$B$10,7,0)+IF('Standard Profiles'!$G$18=$B$17,14,0)+IF('Standard Profiles'!$G$18=$B$24,21,0),0)),0)</f>
        <v>14.071340772852412</v>
      </c>
      <c r="E146" cm="1">
        <f t="array" ref="E146">IFERROR(INDEX(Jesper!AI$2:AI$366,ROUNDDOWN($C146/24,0)+1,1)*INDEX($D$3:$AA$30,INDEX(Jesper!$R$2:$R$366,ROW(INDEX(Jesper!AI$2:AI$366,ROUNDDOWN($C146/24,0)+1,1))-1)+IF('Standard Profiles'!$G$19=$B$10,7,0)+IF('Standard Profiles'!$G$19=$B$17,14,0)+IF('Standard Profiles'!$G$19=$B$24,21,0),MOD($C146,24)+1)/SUM(INDEX($D$3:$AA$30,INDEX(Jesper!$R$2:$R$366,ROW(INDEX(Jesper!AI$2:AI$366,ROUNDDOWN($C146/24,0)+1,1))-1)+IF('Standard Profiles'!$G$19=$B$10,7,0)+IF('Standard Profiles'!$G$19=$B$17,14,0)+IF('Standard Profiles'!$G$19=$B$24,21,0),0)),0)</f>
        <v>0</v>
      </c>
      <c r="F146" cm="1">
        <f t="array" ref="F146">IFERROR(INDEX(Jesper!AJ$2:AJ$366,ROUNDDOWN($C146/24,0)+1,1)*INDEX($D$3:$AA$30,INDEX(Jesper!$R$2:$R$366,ROW(INDEX(Jesper!AJ$2:AJ$366,ROUNDDOWN($C146/24,0)+1,1))-1)+IF('Standard Profiles'!$G$20=$B$10,7,0)+IF('Standard Profiles'!$G$20=$B$17,14,0)+IF('Standard Profiles'!$G$20=$B$24,21,0),MOD($C146,24)+1)/SUM(INDEX($D$3:$AA$30,INDEX(Jesper!$R$2:$R$366,ROW(INDEX(Jesper!AJ$2:AJ$366,ROUNDDOWN($C146/24,0)+1,1))-1)+IF('Standard Profiles'!$G$20=$B$10,7,0)+IF('Standard Profiles'!$G$20=$B$17,14,0)+IF('Standard Profiles'!$G$20=$B$24,21,0),0)),0)</f>
        <v>0</v>
      </c>
      <c r="G146" cm="1">
        <f t="array" ref="G146">IFERROR(INDEX(Jesper!AK$2:AK$366,ROUNDDOWN($C146/24,0)+1,1)*INDEX($D$3:$AA$30,INDEX(Jesper!$R$2:$R$366,ROW(INDEX(Jesper!AK$2:AK$366,ROUNDDOWN($C146/24,0)+1,1))-1)+IF('Standard Profiles'!$G$21=$B$10,7,0)+IF('Standard Profiles'!$G$21=$B$17,14,0)+IF('Standard Profiles'!$G$21=$B$24,21,0),MOD($C146,24)+1)/SUM(INDEX($D$3:$AA$30,INDEX(Jesper!$R$2:$R$366,ROW(INDEX(Jesper!AK$2:AK$366,ROUNDDOWN($C146/24,0)+1,1))-1)+IF('Standard Profiles'!$G$21=$B$10,7,0)+IF('Standard Profiles'!$G$21=$B$17,14,0)+IF('Standard Profiles'!$G$21=$B$24,21,0),0)),0)</f>
        <v>0</v>
      </c>
      <c r="H146" cm="1">
        <f t="array" ref="H146">IFERROR(INDEX(Jesper!AL$2:AL$366,ROUNDDOWN($C146/24,0)+1,1)*INDEX($D$3:$AA$30,INDEX(Jesper!$R$2:$R$366,ROW(INDEX(Jesper!AL$2:AL$366,ROUNDDOWN($C146/24,0)+1,1))-1)+IF('Standard Profiles'!$G$22=$B$10,7,0)+IF('Standard Profiles'!$G$22=$B$17,14,0)+IF('Standard Profiles'!$G$22=$B$24,21,0),MOD($C146,24)+1)/SUM(INDEX($D$3:$AA$30,INDEX(Jesper!$R$2:$R$366,ROW(INDEX(Jesper!AL$2:AL$366,ROUNDDOWN($C146/24,0)+1,1))-1)+IF('Standard Profiles'!$G$22=$B$10,7,0)+IF('Standard Profiles'!$G$22=$B$17,14,0)+IF('Standard Profiles'!$G$22=$B$24,21,0),0)),0)</f>
        <v>0</v>
      </c>
      <c r="I146">
        <f t="shared" si="27"/>
        <v>0.42214022318557237</v>
      </c>
      <c r="J146">
        <f t="shared" si="28"/>
        <v>1.4071340772852414</v>
      </c>
      <c r="K146">
        <f t="shared" si="29"/>
        <v>2.1107011159278617</v>
      </c>
      <c r="L146">
        <f t="shared" si="30"/>
        <v>10.131365356453736</v>
      </c>
      <c r="M146">
        <f t="shared" si="31"/>
        <v>0</v>
      </c>
      <c r="N146" s="46">
        <f t="shared" si="32"/>
        <v>45296.666666666395</v>
      </c>
      <c r="O146">
        <v>0.45064179163465712</v>
      </c>
      <c r="P146">
        <v>1.5021393054488572</v>
      </c>
      <c r="Q146">
        <v>2.2532089581732855</v>
      </c>
      <c r="R146">
        <v>10.815402999231772</v>
      </c>
      <c r="S146">
        <v>0</v>
      </c>
      <c r="T146" s="46">
        <v>45639.66666664643</v>
      </c>
    </row>
    <row r="147" spans="2:20" x14ac:dyDescent="0.3">
      <c r="B147">
        <f t="shared" si="26"/>
        <v>5</v>
      </c>
      <c r="C147" s="16">
        <v>113</v>
      </c>
      <c r="D147" cm="1">
        <f t="array" ref="D147">IFERROR(INDEX(Jesper!AH$2:AH$366,ROUNDDOWN($C147/24,0)+1,1)*INDEX($D$3:$AA$30,INDEX(Jesper!$R$2:$R$366,ROW(INDEX(Jesper!AH$2:AH$366,ROUNDDOWN($C147/24,0)+1,1))-1)+IF('Standard Profiles'!$G$18=$B$10,7,0)+IF('Standard Profiles'!$G$18=$B$17,14,0)+IF('Standard Profiles'!$G$18=$B$24,21,0),MOD($C147,24)+1)/SUM(INDEX($D$3:$AA$30,INDEX(Jesper!$R$2:$R$366,ROW(INDEX(Jesper!AH$2:AH$366,ROUNDDOWN($C147/24,0)+1,1))-1)+IF('Standard Profiles'!$G$18=$B$10,7,0)+IF('Standard Profiles'!$G$18=$B$17,14,0)+IF('Standard Profiles'!$G$18=$B$24,21,0),0)),0)</f>
        <v>14.071340772852412</v>
      </c>
      <c r="E147" cm="1">
        <f t="array" ref="E147">IFERROR(INDEX(Jesper!AI$2:AI$366,ROUNDDOWN($C147/24,0)+1,1)*INDEX($D$3:$AA$30,INDEX(Jesper!$R$2:$R$366,ROW(INDEX(Jesper!AI$2:AI$366,ROUNDDOWN($C147/24,0)+1,1))-1)+IF('Standard Profiles'!$G$19=$B$10,7,0)+IF('Standard Profiles'!$G$19=$B$17,14,0)+IF('Standard Profiles'!$G$19=$B$24,21,0),MOD($C147,24)+1)/SUM(INDEX($D$3:$AA$30,INDEX(Jesper!$R$2:$R$366,ROW(INDEX(Jesper!AI$2:AI$366,ROUNDDOWN($C147/24,0)+1,1))-1)+IF('Standard Profiles'!$G$19=$B$10,7,0)+IF('Standard Profiles'!$G$19=$B$17,14,0)+IF('Standard Profiles'!$G$19=$B$24,21,0),0)),0)</f>
        <v>0</v>
      </c>
      <c r="F147" cm="1">
        <f t="array" ref="F147">IFERROR(INDEX(Jesper!AJ$2:AJ$366,ROUNDDOWN($C147/24,0)+1,1)*INDEX($D$3:$AA$30,INDEX(Jesper!$R$2:$R$366,ROW(INDEX(Jesper!AJ$2:AJ$366,ROUNDDOWN($C147/24,0)+1,1))-1)+IF('Standard Profiles'!$G$20=$B$10,7,0)+IF('Standard Profiles'!$G$20=$B$17,14,0)+IF('Standard Profiles'!$G$20=$B$24,21,0),MOD($C147,24)+1)/SUM(INDEX($D$3:$AA$30,INDEX(Jesper!$R$2:$R$366,ROW(INDEX(Jesper!AJ$2:AJ$366,ROUNDDOWN($C147/24,0)+1,1))-1)+IF('Standard Profiles'!$G$20=$B$10,7,0)+IF('Standard Profiles'!$G$20=$B$17,14,0)+IF('Standard Profiles'!$G$20=$B$24,21,0),0)),0)</f>
        <v>0</v>
      </c>
      <c r="G147" cm="1">
        <f t="array" ref="G147">IFERROR(INDEX(Jesper!AK$2:AK$366,ROUNDDOWN($C147/24,0)+1,1)*INDEX($D$3:$AA$30,INDEX(Jesper!$R$2:$R$366,ROW(INDEX(Jesper!AK$2:AK$366,ROUNDDOWN($C147/24,0)+1,1))-1)+IF('Standard Profiles'!$G$21=$B$10,7,0)+IF('Standard Profiles'!$G$21=$B$17,14,0)+IF('Standard Profiles'!$G$21=$B$24,21,0),MOD($C147,24)+1)/SUM(INDEX($D$3:$AA$30,INDEX(Jesper!$R$2:$R$366,ROW(INDEX(Jesper!AK$2:AK$366,ROUNDDOWN($C147/24,0)+1,1))-1)+IF('Standard Profiles'!$G$21=$B$10,7,0)+IF('Standard Profiles'!$G$21=$B$17,14,0)+IF('Standard Profiles'!$G$21=$B$24,21,0),0)),0)</f>
        <v>0</v>
      </c>
      <c r="H147" cm="1">
        <f t="array" ref="H147">IFERROR(INDEX(Jesper!AL$2:AL$366,ROUNDDOWN($C147/24,0)+1,1)*INDEX($D$3:$AA$30,INDEX(Jesper!$R$2:$R$366,ROW(INDEX(Jesper!AL$2:AL$366,ROUNDDOWN($C147/24,0)+1,1))-1)+IF('Standard Profiles'!$G$22=$B$10,7,0)+IF('Standard Profiles'!$G$22=$B$17,14,0)+IF('Standard Profiles'!$G$22=$B$24,21,0),MOD($C147,24)+1)/SUM(INDEX($D$3:$AA$30,INDEX(Jesper!$R$2:$R$366,ROW(INDEX(Jesper!AL$2:AL$366,ROUNDDOWN($C147/24,0)+1,1))-1)+IF('Standard Profiles'!$G$22=$B$10,7,0)+IF('Standard Profiles'!$G$22=$B$17,14,0)+IF('Standard Profiles'!$G$22=$B$24,21,0),0)),0)</f>
        <v>0</v>
      </c>
      <c r="I147">
        <f t="shared" si="27"/>
        <v>0.42214022318557237</v>
      </c>
      <c r="J147">
        <f t="shared" si="28"/>
        <v>1.4071340772852414</v>
      </c>
      <c r="K147">
        <f t="shared" si="29"/>
        <v>2.1107011159278617</v>
      </c>
      <c r="L147">
        <f t="shared" si="30"/>
        <v>10.131365356453736</v>
      </c>
      <c r="M147">
        <f t="shared" si="31"/>
        <v>0</v>
      </c>
      <c r="N147" s="46">
        <f t="shared" si="32"/>
        <v>45296.708333333059</v>
      </c>
      <c r="O147">
        <v>0.45064179163465712</v>
      </c>
      <c r="P147">
        <v>1.5021393054488572</v>
      </c>
      <c r="Q147">
        <v>2.2532089581732855</v>
      </c>
      <c r="R147">
        <v>10.815402999231772</v>
      </c>
      <c r="S147">
        <v>0</v>
      </c>
      <c r="T147" s="46">
        <v>45639.708333313094</v>
      </c>
    </row>
    <row r="148" spans="2:20" x14ac:dyDescent="0.3">
      <c r="B148">
        <f t="shared" si="26"/>
        <v>5</v>
      </c>
      <c r="C148" s="16">
        <v>114</v>
      </c>
      <c r="D148" cm="1">
        <f t="array" ref="D148">IFERROR(INDEX(Jesper!AH$2:AH$366,ROUNDDOWN($C148/24,0)+1,1)*INDEX($D$3:$AA$30,INDEX(Jesper!$R$2:$R$366,ROW(INDEX(Jesper!AH$2:AH$366,ROUNDDOWN($C148/24,0)+1,1))-1)+IF('Standard Profiles'!$G$18=$B$10,7,0)+IF('Standard Profiles'!$G$18=$B$17,14,0)+IF('Standard Profiles'!$G$18=$B$24,21,0),MOD($C148,24)+1)/SUM(INDEX($D$3:$AA$30,INDEX(Jesper!$R$2:$R$366,ROW(INDEX(Jesper!AH$2:AH$366,ROUNDDOWN($C148/24,0)+1,1))-1)+IF('Standard Profiles'!$G$18=$B$10,7,0)+IF('Standard Profiles'!$G$18=$B$17,14,0)+IF('Standard Profiles'!$G$18=$B$24,21,0),0)),0)</f>
        <v>14.071340772852412</v>
      </c>
      <c r="E148" cm="1">
        <f t="array" ref="E148">IFERROR(INDEX(Jesper!AI$2:AI$366,ROUNDDOWN($C148/24,0)+1,1)*INDEX($D$3:$AA$30,INDEX(Jesper!$R$2:$R$366,ROW(INDEX(Jesper!AI$2:AI$366,ROUNDDOWN($C148/24,0)+1,1))-1)+IF('Standard Profiles'!$G$19=$B$10,7,0)+IF('Standard Profiles'!$G$19=$B$17,14,0)+IF('Standard Profiles'!$G$19=$B$24,21,0),MOD($C148,24)+1)/SUM(INDEX($D$3:$AA$30,INDEX(Jesper!$R$2:$R$366,ROW(INDEX(Jesper!AI$2:AI$366,ROUNDDOWN($C148/24,0)+1,1))-1)+IF('Standard Profiles'!$G$19=$B$10,7,0)+IF('Standard Profiles'!$G$19=$B$17,14,0)+IF('Standard Profiles'!$G$19=$B$24,21,0),0)),0)</f>
        <v>0</v>
      </c>
      <c r="F148" cm="1">
        <f t="array" ref="F148">IFERROR(INDEX(Jesper!AJ$2:AJ$366,ROUNDDOWN($C148/24,0)+1,1)*INDEX($D$3:$AA$30,INDEX(Jesper!$R$2:$R$366,ROW(INDEX(Jesper!AJ$2:AJ$366,ROUNDDOWN($C148/24,0)+1,1))-1)+IF('Standard Profiles'!$G$20=$B$10,7,0)+IF('Standard Profiles'!$G$20=$B$17,14,0)+IF('Standard Profiles'!$G$20=$B$24,21,0),MOD($C148,24)+1)/SUM(INDEX($D$3:$AA$30,INDEX(Jesper!$R$2:$R$366,ROW(INDEX(Jesper!AJ$2:AJ$366,ROUNDDOWN($C148/24,0)+1,1))-1)+IF('Standard Profiles'!$G$20=$B$10,7,0)+IF('Standard Profiles'!$G$20=$B$17,14,0)+IF('Standard Profiles'!$G$20=$B$24,21,0),0)),0)</f>
        <v>0</v>
      </c>
      <c r="G148" cm="1">
        <f t="array" ref="G148">IFERROR(INDEX(Jesper!AK$2:AK$366,ROUNDDOWN($C148/24,0)+1,1)*INDEX($D$3:$AA$30,INDEX(Jesper!$R$2:$R$366,ROW(INDEX(Jesper!AK$2:AK$366,ROUNDDOWN($C148/24,0)+1,1))-1)+IF('Standard Profiles'!$G$21=$B$10,7,0)+IF('Standard Profiles'!$G$21=$B$17,14,0)+IF('Standard Profiles'!$G$21=$B$24,21,0),MOD($C148,24)+1)/SUM(INDEX($D$3:$AA$30,INDEX(Jesper!$R$2:$R$366,ROW(INDEX(Jesper!AK$2:AK$366,ROUNDDOWN($C148/24,0)+1,1))-1)+IF('Standard Profiles'!$G$21=$B$10,7,0)+IF('Standard Profiles'!$G$21=$B$17,14,0)+IF('Standard Profiles'!$G$21=$B$24,21,0),0)),0)</f>
        <v>0</v>
      </c>
      <c r="H148" cm="1">
        <f t="array" ref="H148">IFERROR(INDEX(Jesper!AL$2:AL$366,ROUNDDOWN($C148/24,0)+1,1)*INDEX($D$3:$AA$30,INDEX(Jesper!$R$2:$R$366,ROW(INDEX(Jesper!AL$2:AL$366,ROUNDDOWN($C148/24,0)+1,1))-1)+IF('Standard Profiles'!$G$22=$B$10,7,0)+IF('Standard Profiles'!$G$22=$B$17,14,0)+IF('Standard Profiles'!$G$22=$B$24,21,0),MOD($C148,24)+1)/SUM(INDEX($D$3:$AA$30,INDEX(Jesper!$R$2:$R$366,ROW(INDEX(Jesper!AL$2:AL$366,ROUNDDOWN($C148/24,0)+1,1))-1)+IF('Standard Profiles'!$G$22=$B$10,7,0)+IF('Standard Profiles'!$G$22=$B$17,14,0)+IF('Standard Profiles'!$G$22=$B$24,21,0),0)),0)</f>
        <v>0</v>
      </c>
      <c r="I148">
        <f t="shared" si="27"/>
        <v>0.42214022318557237</v>
      </c>
      <c r="J148">
        <f t="shared" si="28"/>
        <v>1.4071340772852414</v>
      </c>
      <c r="K148">
        <f t="shared" si="29"/>
        <v>2.1107011159278617</v>
      </c>
      <c r="L148">
        <f t="shared" si="30"/>
        <v>10.131365356453736</v>
      </c>
      <c r="M148">
        <f t="shared" si="31"/>
        <v>0</v>
      </c>
      <c r="N148" s="46">
        <f t="shared" si="32"/>
        <v>45296.749999999724</v>
      </c>
      <c r="O148">
        <v>0.45064179163465712</v>
      </c>
      <c r="P148">
        <v>1.5021393054488572</v>
      </c>
      <c r="Q148">
        <v>2.2532089581732855</v>
      </c>
      <c r="R148">
        <v>10.815402999231772</v>
      </c>
      <c r="S148">
        <v>0</v>
      </c>
      <c r="T148" s="46">
        <v>45639.749999979758</v>
      </c>
    </row>
    <row r="149" spans="2:20" x14ac:dyDescent="0.3">
      <c r="B149">
        <f t="shared" si="26"/>
        <v>5</v>
      </c>
      <c r="C149" s="16">
        <v>115</v>
      </c>
      <c r="D149" cm="1">
        <f t="array" ref="D149">IFERROR(INDEX(Jesper!AH$2:AH$366,ROUNDDOWN($C149/24,0)+1,1)*INDEX($D$3:$AA$30,INDEX(Jesper!$R$2:$R$366,ROW(INDEX(Jesper!AH$2:AH$366,ROUNDDOWN($C149/24,0)+1,1))-1)+IF('Standard Profiles'!$G$18=$B$10,7,0)+IF('Standard Profiles'!$G$18=$B$17,14,0)+IF('Standard Profiles'!$G$18=$B$24,21,0),MOD($C149,24)+1)/SUM(INDEX($D$3:$AA$30,INDEX(Jesper!$R$2:$R$366,ROW(INDEX(Jesper!AH$2:AH$366,ROUNDDOWN($C149/24,0)+1,1))-1)+IF('Standard Profiles'!$G$18=$B$10,7,0)+IF('Standard Profiles'!$G$18=$B$17,14,0)+IF('Standard Profiles'!$G$18=$B$24,21,0),0)),0)</f>
        <v>14.071340772852412</v>
      </c>
      <c r="E149" cm="1">
        <f t="array" ref="E149">IFERROR(INDEX(Jesper!AI$2:AI$366,ROUNDDOWN($C149/24,0)+1,1)*INDEX($D$3:$AA$30,INDEX(Jesper!$R$2:$R$366,ROW(INDEX(Jesper!AI$2:AI$366,ROUNDDOWN($C149/24,0)+1,1))-1)+IF('Standard Profiles'!$G$19=$B$10,7,0)+IF('Standard Profiles'!$G$19=$B$17,14,0)+IF('Standard Profiles'!$G$19=$B$24,21,0),MOD($C149,24)+1)/SUM(INDEX($D$3:$AA$30,INDEX(Jesper!$R$2:$R$366,ROW(INDEX(Jesper!AI$2:AI$366,ROUNDDOWN($C149/24,0)+1,1))-1)+IF('Standard Profiles'!$G$19=$B$10,7,0)+IF('Standard Profiles'!$G$19=$B$17,14,0)+IF('Standard Profiles'!$G$19=$B$24,21,0),0)),0)</f>
        <v>0</v>
      </c>
      <c r="F149" cm="1">
        <f t="array" ref="F149">IFERROR(INDEX(Jesper!AJ$2:AJ$366,ROUNDDOWN($C149/24,0)+1,1)*INDEX($D$3:$AA$30,INDEX(Jesper!$R$2:$R$366,ROW(INDEX(Jesper!AJ$2:AJ$366,ROUNDDOWN($C149/24,0)+1,1))-1)+IF('Standard Profiles'!$G$20=$B$10,7,0)+IF('Standard Profiles'!$G$20=$B$17,14,0)+IF('Standard Profiles'!$G$20=$B$24,21,0),MOD($C149,24)+1)/SUM(INDEX($D$3:$AA$30,INDEX(Jesper!$R$2:$R$366,ROW(INDEX(Jesper!AJ$2:AJ$366,ROUNDDOWN($C149/24,0)+1,1))-1)+IF('Standard Profiles'!$G$20=$B$10,7,0)+IF('Standard Profiles'!$G$20=$B$17,14,0)+IF('Standard Profiles'!$G$20=$B$24,21,0),0)),0)</f>
        <v>0</v>
      </c>
      <c r="G149" cm="1">
        <f t="array" ref="G149">IFERROR(INDEX(Jesper!AK$2:AK$366,ROUNDDOWN($C149/24,0)+1,1)*INDEX($D$3:$AA$30,INDEX(Jesper!$R$2:$R$366,ROW(INDEX(Jesper!AK$2:AK$366,ROUNDDOWN($C149/24,0)+1,1))-1)+IF('Standard Profiles'!$G$21=$B$10,7,0)+IF('Standard Profiles'!$G$21=$B$17,14,0)+IF('Standard Profiles'!$G$21=$B$24,21,0),MOD($C149,24)+1)/SUM(INDEX($D$3:$AA$30,INDEX(Jesper!$R$2:$R$366,ROW(INDEX(Jesper!AK$2:AK$366,ROUNDDOWN($C149/24,0)+1,1))-1)+IF('Standard Profiles'!$G$21=$B$10,7,0)+IF('Standard Profiles'!$G$21=$B$17,14,0)+IF('Standard Profiles'!$G$21=$B$24,21,0),0)),0)</f>
        <v>0</v>
      </c>
      <c r="H149" cm="1">
        <f t="array" ref="H149">IFERROR(INDEX(Jesper!AL$2:AL$366,ROUNDDOWN($C149/24,0)+1,1)*INDEX($D$3:$AA$30,INDEX(Jesper!$R$2:$R$366,ROW(INDEX(Jesper!AL$2:AL$366,ROUNDDOWN($C149/24,0)+1,1))-1)+IF('Standard Profiles'!$G$22=$B$10,7,0)+IF('Standard Profiles'!$G$22=$B$17,14,0)+IF('Standard Profiles'!$G$22=$B$24,21,0),MOD($C149,24)+1)/SUM(INDEX($D$3:$AA$30,INDEX(Jesper!$R$2:$R$366,ROW(INDEX(Jesper!AL$2:AL$366,ROUNDDOWN($C149/24,0)+1,1))-1)+IF('Standard Profiles'!$G$22=$B$10,7,0)+IF('Standard Profiles'!$G$22=$B$17,14,0)+IF('Standard Profiles'!$G$22=$B$24,21,0),0)),0)</f>
        <v>0</v>
      </c>
      <c r="I149">
        <f t="shared" si="27"/>
        <v>0.42214022318557237</v>
      </c>
      <c r="J149">
        <f t="shared" si="28"/>
        <v>1.4071340772852414</v>
      </c>
      <c r="K149">
        <f t="shared" si="29"/>
        <v>2.1107011159278617</v>
      </c>
      <c r="L149">
        <f t="shared" si="30"/>
        <v>10.131365356453736</v>
      </c>
      <c r="M149">
        <f t="shared" si="31"/>
        <v>0</v>
      </c>
      <c r="N149" s="46">
        <f t="shared" si="32"/>
        <v>45296.791666666388</v>
      </c>
      <c r="O149">
        <v>0.45064179163465712</v>
      </c>
      <c r="P149">
        <v>1.5021393054488572</v>
      </c>
      <c r="Q149">
        <v>2.2532089581732855</v>
      </c>
      <c r="R149">
        <v>10.815402999231772</v>
      </c>
      <c r="S149">
        <v>0</v>
      </c>
      <c r="T149" s="46">
        <v>45639.791666646423</v>
      </c>
    </row>
    <row r="150" spans="2:20" x14ac:dyDescent="0.3">
      <c r="B150">
        <f t="shared" si="26"/>
        <v>5</v>
      </c>
      <c r="C150" s="16">
        <v>116</v>
      </c>
      <c r="D150" cm="1">
        <f t="array" ref="D150">IFERROR(INDEX(Jesper!AH$2:AH$366,ROUNDDOWN($C150/24,0)+1,1)*INDEX($D$3:$AA$30,INDEX(Jesper!$R$2:$R$366,ROW(INDEX(Jesper!AH$2:AH$366,ROUNDDOWN($C150/24,0)+1,1))-1)+IF('Standard Profiles'!$G$18=$B$10,7,0)+IF('Standard Profiles'!$G$18=$B$17,14,0)+IF('Standard Profiles'!$G$18=$B$24,21,0),MOD($C150,24)+1)/SUM(INDEX($D$3:$AA$30,INDEX(Jesper!$R$2:$R$366,ROW(INDEX(Jesper!AH$2:AH$366,ROUNDDOWN($C150/24,0)+1,1))-1)+IF('Standard Profiles'!$G$18=$B$10,7,0)+IF('Standard Profiles'!$G$18=$B$17,14,0)+IF('Standard Profiles'!$G$18=$B$24,21,0),0)),0)</f>
        <v>10.90033440150539</v>
      </c>
      <c r="E150" cm="1">
        <f t="array" ref="E150">IFERROR(INDEX(Jesper!AI$2:AI$366,ROUNDDOWN($C150/24,0)+1,1)*INDEX($D$3:$AA$30,INDEX(Jesper!$R$2:$R$366,ROW(INDEX(Jesper!AI$2:AI$366,ROUNDDOWN($C150/24,0)+1,1))-1)+IF('Standard Profiles'!$G$19=$B$10,7,0)+IF('Standard Profiles'!$G$19=$B$17,14,0)+IF('Standard Profiles'!$G$19=$B$24,21,0),MOD($C150,24)+1)/SUM(INDEX($D$3:$AA$30,INDEX(Jesper!$R$2:$R$366,ROW(INDEX(Jesper!AI$2:AI$366,ROUNDDOWN($C150/24,0)+1,1))-1)+IF('Standard Profiles'!$G$19=$B$10,7,0)+IF('Standard Profiles'!$G$19=$B$17,14,0)+IF('Standard Profiles'!$G$19=$B$24,21,0),0)),0)</f>
        <v>0</v>
      </c>
      <c r="F150" cm="1">
        <f t="array" ref="F150">IFERROR(INDEX(Jesper!AJ$2:AJ$366,ROUNDDOWN($C150/24,0)+1,1)*INDEX($D$3:$AA$30,INDEX(Jesper!$R$2:$R$366,ROW(INDEX(Jesper!AJ$2:AJ$366,ROUNDDOWN($C150/24,0)+1,1))-1)+IF('Standard Profiles'!$G$20=$B$10,7,0)+IF('Standard Profiles'!$G$20=$B$17,14,0)+IF('Standard Profiles'!$G$20=$B$24,21,0),MOD($C150,24)+1)/SUM(INDEX($D$3:$AA$30,INDEX(Jesper!$R$2:$R$366,ROW(INDEX(Jesper!AJ$2:AJ$366,ROUNDDOWN($C150/24,0)+1,1))-1)+IF('Standard Profiles'!$G$20=$B$10,7,0)+IF('Standard Profiles'!$G$20=$B$17,14,0)+IF('Standard Profiles'!$G$20=$B$24,21,0),0)),0)</f>
        <v>0</v>
      </c>
      <c r="G150" cm="1">
        <f t="array" ref="G150">IFERROR(INDEX(Jesper!AK$2:AK$366,ROUNDDOWN($C150/24,0)+1,1)*INDEX($D$3:$AA$30,INDEX(Jesper!$R$2:$R$366,ROW(INDEX(Jesper!AK$2:AK$366,ROUNDDOWN($C150/24,0)+1,1))-1)+IF('Standard Profiles'!$G$21=$B$10,7,0)+IF('Standard Profiles'!$G$21=$B$17,14,0)+IF('Standard Profiles'!$G$21=$B$24,21,0),MOD($C150,24)+1)/SUM(INDEX($D$3:$AA$30,INDEX(Jesper!$R$2:$R$366,ROW(INDEX(Jesper!AK$2:AK$366,ROUNDDOWN($C150/24,0)+1,1))-1)+IF('Standard Profiles'!$G$21=$B$10,7,0)+IF('Standard Profiles'!$G$21=$B$17,14,0)+IF('Standard Profiles'!$G$21=$B$24,21,0),0)),0)</f>
        <v>0</v>
      </c>
      <c r="H150" cm="1">
        <f t="array" ref="H150">IFERROR(INDEX(Jesper!AL$2:AL$366,ROUNDDOWN($C150/24,0)+1,1)*INDEX($D$3:$AA$30,INDEX(Jesper!$R$2:$R$366,ROW(INDEX(Jesper!AL$2:AL$366,ROUNDDOWN($C150/24,0)+1,1))-1)+IF('Standard Profiles'!$G$22=$B$10,7,0)+IF('Standard Profiles'!$G$22=$B$17,14,0)+IF('Standard Profiles'!$G$22=$B$24,21,0),MOD($C150,24)+1)/SUM(INDEX($D$3:$AA$30,INDEX(Jesper!$R$2:$R$366,ROW(INDEX(Jesper!AL$2:AL$366,ROUNDDOWN($C150/24,0)+1,1))-1)+IF('Standard Profiles'!$G$22=$B$10,7,0)+IF('Standard Profiles'!$G$22=$B$17,14,0)+IF('Standard Profiles'!$G$22=$B$24,21,0),0)),0)</f>
        <v>0</v>
      </c>
      <c r="I150">
        <f t="shared" si="27"/>
        <v>0.32701003204516166</v>
      </c>
      <c r="J150">
        <f t="shared" si="28"/>
        <v>1.0900334401505389</v>
      </c>
      <c r="K150">
        <f t="shared" si="29"/>
        <v>1.6350501602258085</v>
      </c>
      <c r="L150">
        <f t="shared" si="30"/>
        <v>7.8482407690838807</v>
      </c>
      <c r="M150">
        <f t="shared" si="31"/>
        <v>0</v>
      </c>
      <c r="N150" s="46">
        <f t="shared" si="32"/>
        <v>45296.833333333052</v>
      </c>
      <c r="O150">
        <v>0.34908871182966394</v>
      </c>
      <c r="P150">
        <v>1.1636290394322131</v>
      </c>
      <c r="Q150">
        <v>1.7454435591483197</v>
      </c>
      <c r="R150">
        <v>8.3781290839119347</v>
      </c>
      <c r="S150">
        <v>0</v>
      </c>
      <c r="T150" s="46">
        <v>45639.833333313087</v>
      </c>
    </row>
    <row r="151" spans="2:20" x14ac:dyDescent="0.3">
      <c r="B151">
        <f t="shared" si="26"/>
        <v>5</v>
      </c>
      <c r="C151" s="16">
        <v>117</v>
      </c>
      <c r="D151" cm="1">
        <f t="array" ref="D151">IFERROR(INDEX(Jesper!AH$2:AH$366,ROUNDDOWN($C151/24,0)+1,1)*INDEX($D$3:$AA$30,INDEX(Jesper!$R$2:$R$366,ROW(INDEX(Jesper!AH$2:AH$366,ROUNDDOWN($C151/24,0)+1,1))-1)+IF('Standard Profiles'!$G$18=$B$10,7,0)+IF('Standard Profiles'!$G$18=$B$17,14,0)+IF('Standard Profiles'!$G$18=$B$24,21,0),MOD($C151,24)+1)/SUM(INDEX($D$3:$AA$30,INDEX(Jesper!$R$2:$R$366,ROW(INDEX(Jesper!AH$2:AH$366,ROUNDDOWN($C151/24,0)+1,1))-1)+IF('Standard Profiles'!$G$18=$B$10,7,0)+IF('Standard Profiles'!$G$18=$B$17,14,0)+IF('Standard Profiles'!$G$18=$B$24,21,0),0)),0)</f>
        <v>4.161945862392967</v>
      </c>
      <c r="E151" cm="1">
        <f t="array" ref="E151">IFERROR(INDEX(Jesper!AI$2:AI$366,ROUNDDOWN($C151/24,0)+1,1)*INDEX($D$3:$AA$30,INDEX(Jesper!$R$2:$R$366,ROW(INDEX(Jesper!AI$2:AI$366,ROUNDDOWN($C151/24,0)+1,1))-1)+IF('Standard Profiles'!$G$19=$B$10,7,0)+IF('Standard Profiles'!$G$19=$B$17,14,0)+IF('Standard Profiles'!$G$19=$B$24,21,0),MOD($C151,24)+1)/SUM(INDEX($D$3:$AA$30,INDEX(Jesper!$R$2:$R$366,ROW(INDEX(Jesper!AI$2:AI$366,ROUNDDOWN($C151/24,0)+1,1))-1)+IF('Standard Profiles'!$G$19=$B$10,7,0)+IF('Standard Profiles'!$G$19=$B$17,14,0)+IF('Standard Profiles'!$G$19=$B$24,21,0),0)),0)</f>
        <v>0</v>
      </c>
      <c r="F151" cm="1">
        <f t="array" ref="F151">IFERROR(INDEX(Jesper!AJ$2:AJ$366,ROUNDDOWN($C151/24,0)+1,1)*INDEX($D$3:$AA$30,INDEX(Jesper!$R$2:$R$366,ROW(INDEX(Jesper!AJ$2:AJ$366,ROUNDDOWN($C151/24,0)+1,1))-1)+IF('Standard Profiles'!$G$20=$B$10,7,0)+IF('Standard Profiles'!$G$20=$B$17,14,0)+IF('Standard Profiles'!$G$20=$B$24,21,0),MOD($C151,24)+1)/SUM(INDEX($D$3:$AA$30,INDEX(Jesper!$R$2:$R$366,ROW(INDEX(Jesper!AJ$2:AJ$366,ROUNDDOWN($C151/24,0)+1,1))-1)+IF('Standard Profiles'!$G$20=$B$10,7,0)+IF('Standard Profiles'!$G$20=$B$17,14,0)+IF('Standard Profiles'!$G$20=$B$24,21,0),0)),0)</f>
        <v>0</v>
      </c>
      <c r="G151" cm="1">
        <f t="array" ref="G151">IFERROR(INDEX(Jesper!AK$2:AK$366,ROUNDDOWN($C151/24,0)+1,1)*INDEX($D$3:$AA$30,INDEX(Jesper!$R$2:$R$366,ROW(INDEX(Jesper!AK$2:AK$366,ROUNDDOWN($C151/24,0)+1,1))-1)+IF('Standard Profiles'!$G$21=$B$10,7,0)+IF('Standard Profiles'!$G$21=$B$17,14,0)+IF('Standard Profiles'!$G$21=$B$24,21,0),MOD($C151,24)+1)/SUM(INDEX($D$3:$AA$30,INDEX(Jesper!$R$2:$R$366,ROW(INDEX(Jesper!AK$2:AK$366,ROUNDDOWN($C151/24,0)+1,1))-1)+IF('Standard Profiles'!$G$21=$B$10,7,0)+IF('Standard Profiles'!$G$21=$B$17,14,0)+IF('Standard Profiles'!$G$21=$B$24,21,0),0)),0)</f>
        <v>0</v>
      </c>
      <c r="H151" cm="1">
        <f t="array" ref="H151">IFERROR(INDEX(Jesper!AL$2:AL$366,ROUNDDOWN($C151/24,0)+1,1)*INDEX($D$3:$AA$30,INDEX(Jesper!$R$2:$R$366,ROW(INDEX(Jesper!AL$2:AL$366,ROUNDDOWN($C151/24,0)+1,1))-1)+IF('Standard Profiles'!$G$22=$B$10,7,0)+IF('Standard Profiles'!$G$22=$B$17,14,0)+IF('Standard Profiles'!$G$22=$B$24,21,0),MOD($C151,24)+1)/SUM(INDEX($D$3:$AA$30,INDEX(Jesper!$R$2:$R$366,ROW(INDEX(Jesper!AL$2:AL$366,ROUNDDOWN($C151/24,0)+1,1))-1)+IF('Standard Profiles'!$G$22=$B$10,7,0)+IF('Standard Profiles'!$G$22=$B$17,14,0)+IF('Standard Profiles'!$G$22=$B$24,21,0),0)),0)</f>
        <v>0</v>
      </c>
      <c r="I151">
        <f t="shared" si="27"/>
        <v>0.12485837587178901</v>
      </c>
      <c r="J151">
        <f t="shared" si="28"/>
        <v>0.41619458623929673</v>
      </c>
      <c r="K151">
        <f t="shared" si="29"/>
        <v>0.62429187935894503</v>
      </c>
      <c r="L151">
        <f t="shared" si="30"/>
        <v>2.9966010209229363</v>
      </c>
      <c r="M151">
        <f t="shared" si="31"/>
        <v>0</v>
      </c>
      <c r="N151" s="46">
        <f t="shared" si="32"/>
        <v>45296.874999999716</v>
      </c>
      <c r="O151">
        <v>0.13328841724405349</v>
      </c>
      <c r="P151">
        <v>0.44429472414684501</v>
      </c>
      <c r="Q151">
        <v>0.66644208622026746</v>
      </c>
      <c r="R151">
        <v>3.1989220138572838</v>
      </c>
      <c r="S151">
        <v>0</v>
      </c>
      <c r="T151" s="46">
        <v>45639.874999979751</v>
      </c>
    </row>
    <row r="152" spans="2:20" x14ac:dyDescent="0.3">
      <c r="B152">
        <f t="shared" si="26"/>
        <v>5</v>
      </c>
      <c r="C152" s="16">
        <v>118</v>
      </c>
      <c r="D152" cm="1">
        <f t="array" ref="D152">IFERROR(INDEX(Jesper!AH$2:AH$366,ROUNDDOWN($C152/24,0)+1,1)*INDEX($D$3:$AA$30,INDEX(Jesper!$R$2:$R$366,ROW(INDEX(Jesper!AH$2:AH$366,ROUNDDOWN($C152/24,0)+1,1))-1)+IF('Standard Profiles'!$G$18=$B$10,7,0)+IF('Standard Profiles'!$G$18=$B$17,14,0)+IF('Standard Profiles'!$G$18=$B$24,21,0),MOD($C152,24)+1)/SUM(INDEX($D$3:$AA$30,INDEX(Jesper!$R$2:$R$366,ROW(INDEX(Jesper!AH$2:AH$366,ROUNDDOWN($C152/24,0)+1,1))-1)+IF('Standard Profiles'!$G$18=$B$10,7,0)+IF('Standard Profiles'!$G$18=$B$17,14,0)+IF('Standard Profiles'!$G$18=$B$24,21,0),0)),0)</f>
        <v>4.161945862392967</v>
      </c>
      <c r="E152" cm="1">
        <f t="array" ref="E152">IFERROR(INDEX(Jesper!AI$2:AI$366,ROUNDDOWN($C152/24,0)+1,1)*INDEX($D$3:$AA$30,INDEX(Jesper!$R$2:$R$366,ROW(INDEX(Jesper!AI$2:AI$366,ROUNDDOWN($C152/24,0)+1,1))-1)+IF('Standard Profiles'!$G$19=$B$10,7,0)+IF('Standard Profiles'!$G$19=$B$17,14,0)+IF('Standard Profiles'!$G$19=$B$24,21,0),MOD($C152,24)+1)/SUM(INDEX($D$3:$AA$30,INDEX(Jesper!$R$2:$R$366,ROW(INDEX(Jesper!AI$2:AI$366,ROUNDDOWN($C152/24,0)+1,1))-1)+IF('Standard Profiles'!$G$19=$B$10,7,0)+IF('Standard Profiles'!$G$19=$B$17,14,0)+IF('Standard Profiles'!$G$19=$B$24,21,0),0)),0)</f>
        <v>0</v>
      </c>
      <c r="F152" cm="1">
        <f t="array" ref="F152">IFERROR(INDEX(Jesper!AJ$2:AJ$366,ROUNDDOWN($C152/24,0)+1,1)*INDEX($D$3:$AA$30,INDEX(Jesper!$R$2:$R$366,ROW(INDEX(Jesper!AJ$2:AJ$366,ROUNDDOWN($C152/24,0)+1,1))-1)+IF('Standard Profiles'!$G$20=$B$10,7,0)+IF('Standard Profiles'!$G$20=$B$17,14,0)+IF('Standard Profiles'!$G$20=$B$24,21,0),MOD($C152,24)+1)/SUM(INDEX($D$3:$AA$30,INDEX(Jesper!$R$2:$R$366,ROW(INDEX(Jesper!AJ$2:AJ$366,ROUNDDOWN($C152/24,0)+1,1))-1)+IF('Standard Profiles'!$G$20=$B$10,7,0)+IF('Standard Profiles'!$G$20=$B$17,14,0)+IF('Standard Profiles'!$G$20=$B$24,21,0),0)),0)</f>
        <v>0</v>
      </c>
      <c r="G152" cm="1">
        <f t="array" ref="G152">IFERROR(INDEX(Jesper!AK$2:AK$366,ROUNDDOWN($C152/24,0)+1,1)*INDEX($D$3:$AA$30,INDEX(Jesper!$R$2:$R$366,ROW(INDEX(Jesper!AK$2:AK$366,ROUNDDOWN($C152/24,0)+1,1))-1)+IF('Standard Profiles'!$G$21=$B$10,7,0)+IF('Standard Profiles'!$G$21=$B$17,14,0)+IF('Standard Profiles'!$G$21=$B$24,21,0),MOD($C152,24)+1)/SUM(INDEX($D$3:$AA$30,INDEX(Jesper!$R$2:$R$366,ROW(INDEX(Jesper!AK$2:AK$366,ROUNDDOWN($C152/24,0)+1,1))-1)+IF('Standard Profiles'!$G$21=$B$10,7,0)+IF('Standard Profiles'!$G$21=$B$17,14,0)+IF('Standard Profiles'!$G$21=$B$24,21,0),0)),0)</f>
        <v>0</v>
      </c>
      <c r="H152" cm="1">
        <f t="array" ref="H152">IFERROR(INDEX(Jesper!AL$2:AL$366,ROUNDDOWN($C152/24,0)+1,1)*INDEX($D$3:$AA$30,INDEX(Jesper!$R$2:$R$366,ROW(INDEX(Jesper!AL$2:AL$366,ROUNDDOWN($C152/24,0)+1,1))-1)+IF('Standard Profiles'!$G$22=$B$10,7,0)+IF('Standard Profiles'!$G$22=$B$17,14,0)+IF('Standard Profiles'!$G$22=$B$24,21,0),MOD($C152,24)+1)/SUM(INDEX($D$3:$AA$30,INDEX(Jesper!$R$2:$R$366,ROW(INDEX(Jesper!AL$2:AL$366,ROUNDDOWN($C152/24,0)+1,1))-1)+IF('Standard Profiles'!$G$22=$B$10,7,0)+IF('Standard Profiles'!$G$22=$B$17,14,0)+IF('Standard Profiles'!$G$22=$B$24,21,0),0)),0)</f>
        <v>0</v>
      </c>
      <c r="I152">
        <f t="shared" si="27"/>
        <v>0.12485837587178901</v>
      </c>
      <c r="J152">
        <f t="shared" si="28"/>
        <v>0.41619458623929673</v>
      </c>
      <c r="K152">
        <f t="shared" si="29"/>
        <v>0.62429187935894503</v>
      </c>
      <c r="L152">
        <f t="shared" si="30"/>
        <v>2.9966010209229363</v>
      </c>
      <c r="M152">
        <f t="shared" si="31"/>
        <v>0</v>
      </c>
      <c r="N152" s="46">
        <f t="shared" si="32"/>
        <v>45296.91666666638</v>
      </c>
      <c r="O152">
        <v>0.13328841724405349</v>
      </c>
      <c r="P152">
        <v>0.44429472414684501</v>
      </c>
      <c r="Q152">
        <v>0.66644208622026746</v>
      </c>
      <c r="R152">
        <v>3.1989220138572838</v>
      </c>
      <c r="S152">
        <v>0</v>
      </c>
      <c r="T152" s="46">
        <v>45639.916666646415</v>
      </c>
    </row>
    <row r="153" spans="2:20" x14ac:dyDescent="0.3">
      <c r="B153">
        <f t="shared" si="26"/>
        <v>5</v>
      </c>
      <c r="C153" s="16">
        <v>119</v>
      </c>
      <c r="D153" cm="1">
        <f t="array" ref="D153">IFERROR(INDEX(Jesper!AH$2:AH$366,ROUNDDOWN($C153/24,0)+1,1)*INDEX($D$3:$AA$30,INDEX(Jesper!$R$2:$R$366,ROW(INDEX(Jesper!AH$2:AH$366,ROUNDDOWN($C153/24,0)+1,1))-1)+IF('Standard Profiles'!$G$18=$B$10,7,0)+IF('Standard Profiles'!$G$18=$B$17,14,0)+IF('Standard Profiles'!$G$18=$B$24,21,0),MOD($C153,24)+1)/SUM(INDEX($D$3:$AA$30,INDEX(Jesper!$R$2:$R$366,ROW(INDEX(Jesper!AH$2:AH$366,ROUNDDOWN($C153/24,0)+1,1))-1)+IF('Standard Profiles'!$G$18=$B$10,7,0)+IF('Standard Profiles'!$G$18=$B$17,14,0)+IF('Standard Profiles'!$G$18=$B$24,21,0),0)),0)</f>
        <v>4.161945862392967</v>
      </c>
      <c r="E153" cm="1">
        <f t="array" ref="E153">IFERROR(INDEX(Jesper!AI$2:AI$366,ROUNDDOWN($C153/24,0)+1,1)*INDEX($D$3:$AA$30,INDEX(Jesper!$R$2:$R$366,ROW(INDEX(Jesper!AI$2:AI$366,ROUNDDOWN($C153/24,0)+1,1))-1)+IF('Standard Profiles'!$G$19=$B$10,7,0)+IF('Standard Profiles'!$G$19=$B$17,14,0)+IF('Standard Profiles'!$G$19=$B$24,21,0),MOD($C153,24)+1)/SUM(INDEX($D$3:$AA$30,INDEX(Jesper!$R$2:$R$366,ROW(INDEX(Jesper!AI$2:AI$366,ROUNDDOWN($C153/24,0)+1,1))-1)+IF('Standard Profiles'!$G$19=$B$10,7,0)+IF('Standard Profiles'!$G$19=$B$17,14,0)+IF('Standard Profiles'!$G$19=$B$24,21,0),0)),0)</f>
        <v>0</v>
      </c>
      <c r="F153" cm="1">
        <f t="array" ref="F153">IFERROR(INDEX(Jesper!AJ$2:AJ$366,ROUNDDOWN($C153/24,0)+1,1)*INDEX($D$3:$AA$30,INDEX(Jesper!$R$2:$R$366,ROW(INDEX(Jesper!AJ$2:AJ$366,ROUNDDOWN($C153/24,0)+1,1))-1)+IF('Standard Profiles'!$G$20=$B$10,7,0)+IF('Standard Profiles'!$G$20=$B$17,14,0)+IF('Standard Profiles'!$G$20=$B$24,21,0),MOD($C153,24)+1)/SUM(INDEX($D$3:$AA$30,INDEX(Jesper!$R$2:$R$366,ROW(INDEX(Jesper!AJ$2:AJ$366,ROUNDDOWN($C153/24,0)+1,1))-1)+IF('Standard Profiles'!$G$20=$B$10,7,0)+IF('Standard Profiles'!$G$20=$B$17,14,0)+IF('Standard Profiles'!$G$20=$B$24,21,0),0)),0)</f>
        <v>0</v>
      </c>
      <c r="G153" cm="1">
        <f t="array" ref="G153">IFERROR(INDEX(Jesper!AK$2:AK$366,ROUNDDOWN($C153/24,0)+1,1)*INDEX($D$3:$AA$30,INDEX(Jesper!$R$2:$R$366,ROW(INDEX(Jesper!AK$2:AK$366,ROUNDDOWN($C153/24,0)+1,1))-1)+IF('Standard Profiles'!$G$21=$B$10,7,0)+IF('Standard Profiles'!$G$21=$B$17,14,0)+IF('Standard Profiles'!$G$21=$B$24,21,0),MOD($C153,24)+1)/SUM(INDEX($D$3:$AA$30,INDEX(Jesper!$R$2:$R$366,ROW(INDEX(Jesper!AK$2:AK$366,ROUNDDOWN($C153/24,0)+1,1))-1)+IF('Standard Profiles'!$G$21=$B$10,7,0)+IF('Standard Profiles'!$G$21=$B$17,14,0)+IF('Standard Profiles'!$G$21=$B$24,21,0),0)),0)</f>
        <v>0</v>
      </c>
      <c r="H153" cm="1">
        <f t="array" ref="H153">IFERROR(INDEX(Jesper!AL$2:AL$366,ROUNDDOWN($C153/24,0)+1,1)*INDEX($D$3:$AA$30,INDEX(Jesper!$R$2:$R$366,ROW(INDEX(Jesper!AL$2:AL$366,ROUNDDOWN($C153/24,0)+1,1))-1)+IF('Standard Profiles'!$G$22=$B$10,7,0)+IF('Standard Profiles'!$G$22=$B$17,14,0)+IF('Standard Profiles'!$G$22=$B$24,21,0),MOD($C153,24)+1)/SUM(INDEX($D$3:$AA$30,INDEX(Jesper!$R$2:$R$366,ROW(INDEX(Jesper!AL$2:AL$366,ROUNDDOWN($C153/24,0)+1,1))-1)+IF('Standard Profiles'!$G$22=$B$10,7,0)+IF('Standard Profiles'!$G$22=$B$17,14,0)+IF('Standard Profiles'!$G$22=$B$24,21,0),0)),0)</f>
        <v>0</v>
      </c>
      <c r="I153">
        <f t="shared" si="27"/>
        <v>0.12485837587178901</v>
      </c>
      <c r="J153">
        <f t="shared" si="28"/>
        <v>0.41619458623929673</v>
      </c>
      <c r="K153">
        <f t="shared" si="29"/>
        <v>0.62429187935894503</v>
      </c>
      <c r="L153">
        <f t="shared" si="30"/>
        <v>2.9966010209229363</v>
      </c>
      <c r="M153">
        <f t="shared" si="31"/>
        <v>0</v>
      </c>
      <c r="N153" s="46">
        <f t="shared" si="32"/>
        <v>45296.958333333045</v>
      </c>
      <c r="O153">
        <v>0.13328841724405349</v>
      </c>
      <c r="P153">
        <v>0.44429472414684501</v>
      </c>
      <c r="Q153">
        <v>0.66644208622026746</v>
      </c>
      <c r="R153">
        <v>3.1989220138572838</v>
      </c>
      <c r="S153">
        <v>0</v>
      </c>
      <c r="T153" s="46">
        <v>45639.958333313079</v>
      </c>
    </row>
    <row r="154" spans="2:20" x14ac:dyDescent="0.3">
      <c r="B154">
        <f t="shared" si="26"/>
        <v>6</v>
      </c>
      <c r="C154" s="16">
        <v>120</v>
      </c>
      <c r="D154" cm="1">
        <f t="array" ref="D154">IFERROR(INDEX(Jesper!AH$2:AH$366,ROUNDDOWN($C154/24,0)+1,1)*INDEX($D$3:$AA$30,INDEX(Jesper!$R$2:$R$366,ROW(INDEX(Jesper!AH$2:AH$366,ROUNDDOWN($C154/24,0)+1,1))-1)+IF('Standard Profiles'!$G$18=$B$10,7,0)+IF('Standard Profiles'!$G$18=$B$17,14,0)+IF('Standard Profiles'!$G$18=$B$24,21,0),MOD($C154,24)+1)/SUM(INDEX($D$3:$AA$30,INDEX(Jesper!$R$2:$R$366,ROW(INDEX(Jesper!AH$2:AH$366,ROUNDDOWN($C154/24,0)+1,1))-1)+IF('Standard Profiles'!$G$18=$B$10,7,0)+IF('Standard Profiles'!$G$18=$B$17,14,0)+IF('Standard Profiles'!$G$18=$B$24,21,0),0)),0)</f>
        <v>4.3896585345044601</v>
      </c>
      <c r="E154" cm="1">
        <f t="array" ref="E154">IFERROR(INDEX(Jesper!AI$2:AI$366,ROUNDDOWN($C154/24,0)+1,1)*INDEX($D$3:$AA$30,INDEX(Jesper!$R$2:$R$366,ROW(INDEX(Jesper!AI$2:AI$366,ROUNDDOWN($C154/24,0)+1,1))-1)+IF('Standard Profiles'!$G$19=$B$10,7,0)+IF('Standard Profiles'!$G$19=$B$17,14,0)+IF('Standard Profiles'!$G$19=$B$24,21,0),MOD($C154,24)+1)/SUM(INDEX($D$3:$AA$30,INDEX(Jesper!$R$2:$R$366,ROW(INDEX(Jesper!AI$2:AI$366,ROUNDDOWN($C154/24,0)+1,1))-1)+IF('Standard Profiles'!$G$19=$B$10,7,0)+IF('Standard Profiles'!$G$19=$B$17,14,0)+IF('Standard Profiles'!$G$19=$B$24,21,0),0)),0)</f>
        <v>1.0371014028313588</v>
      </c>
      <c r="F154" cm="1">
        <f t="array" ref="F154">IFERROR(INDEX(Jesper!AJ$2:AJ$366,ROUNDDOWN($C154/24,0)+1,1)*INDEX($D$3:$AA$30,INDEX(Jesper!$R$2:$R$366,ROW(INDEX(Jesper!AJ$2:AJ$366,ROUNDDOWN($C154/24,0)+1,1))-1)+IF('Standard Profiles'!$G$20=$B$10,7,0)+IF('Standard Profiles'!$G$20=$B$17,14,0)+IF('Standard Profiles'!$G$20=$B$24,21,0),MOD($C154,24)+1)/SUM(INDEX($D$3:$AA$30,INDEX(Jesper!$R$2:$R$366,ROW(INDEX(Jesper!AJ$2:AJ$366,ROUNDDOWN($C154/24,0)+1,1))-1)+IF('Standard Profiles'!$G$20=$B$10,7,0)+IF('Standard Profiles'!$G$20=$B$17,14,0)+IF('Standard Profiles'!$G$20=$B$24,21,0),0)),0)</f>
        <v>0</v>
      </c>
      <c r="G154" cm="1">
        <f t="array" ref="G154">IFERROR(INDEX(Jesper!AK$2:AK$366,ROUNDDOWN($C154/24,0)+1,1)*INDEX($D$3:$AA$30,INDEX(Jesper!$R$2:$R$366,ROW(INDEX(Jesper!AK$2:AK$366,ROUNDDOWN($C154/24,0)+1,1))-1)+IF('Standard Profiles'!$G$21=$B$10,7,0)+IF('Standard Profiles'!$G$21=$B$17,14,0)+IF('Standard Profiles'!$G$21=$B$24,21,0),MOD($C154,24)+1)/SUM(INDEX($D$3:$AA$30,INDEX(Jesper!$R$2:$R$366,ROW(INDEX(Jesper!AK$2:AK$366,ROUNDDOWN($C154/24,0)+1,1))-1)+IF('Standard Profiles'!$G$21=$B$10,7,0)+IF('Standard Profiles'!$G$21=$B$17,14,0)+IF('Standard Profiles'!$G$21=$B$24,21,0),0)),0)</f>
        <v>0</v>
      </c>
      <c r="H154" cm="1">
        <f t="array" ref="H154">IFERROR(INDEX(Jesper!AL$2:AL$366,ROUNDDOWN($C154/24,0)+1,1)*INDEX($D$3:$AA$30,INDEX(Jesper!$R$2:$R$366,ROW(INDEX(Jesper!AL$2:AL$366,ROUNDDOWN($C154/24,0)+1,1))-1)+IF('Standard Profiles'!$G$22=$B$10,7,0)+IF('Standard Profiles'!$G$22=$B$17,14,0)+IF('Standard Profiles'!$G$22=$B$24,21,0),MOD($C154,24)+1)/SUM(INDEX($D$3:$AA$30,INDEX(Jesper!$R$2:$R$366,ROW(INDEX(Jesper!AL$2:AL$366,ROUNDDOWN($C154/24,0)+1,1))-1)+IF('Standard Profiles'!$G$22=$B$10,7,0)+IF('Standard Profiles'!$G$22=$B$17,14,0)+IF('Standard Profiles'!$G$22=$B$24,21,0),0)),0)</f>
        <v>0</v>
      </c>
      <c r="I154">
        <f t="shared" si="27"/>
        <v>9.3432558813635949E-2</v>
      </c>
      <c r="J154">
        <f t="shared" si="28"/>
        <v>0.31144186271211988</v>
      </c>
      <c r="K154">
        <f t="shared" si="29"/>
        <v>0.46716279406817979</v>
      </c>
      <c r="L154">
        <f t="shared" si="30"/>
        <v>4.5547227217418831</v>
      </c>
      <c r="M154">
        <f t="shared" si="31"/>
        <v>0</v>
      </c>
      <c r="N154" s="46">
        <f t="shared" si="32"/>
        <v>45296.999999999709</v>
      </c>
      <c r="O154">
        <v>8.9085883390416079E-2</v>
      </c>
      <c r="P154">
        <v>0.29695294463472027</v>
      </c>
      <c r="Q154">
        <v>0.44542941695208044</v>
      </c>
      <c r="R154">
        <v>4.4566781416603636</v>
      </c>
      <c r="S154">
        <v>0</v>
      </c>
      <c r="T154" s="46">
        <v>45639.999999979744</v>
      </c>
    </row>
    <row r="155" spans="2:20" x14ac:dyDescent="0.3">
      <c r="B155">
        <f t="shared" si="26"/>
        <v>6</v>
      </c>
      <c r="C155" s="16">
        <v>121</v>
      </c>
      <c r="D155" cm="1">
        <f t="array" ref="D155">IFERROR(INDEX(Jesper!AH$2:AH$366,ROUNDDOWN($C155/24,0)+1,1)*INDEX($D$3:$AA$30,INDEX(Jesper!$R$2:$R$366,ROW(INDEX(Jesper!AH$2:AH$366,ROUNDDOWN($C155/24,0)+1,1))-1)+IF('Standard Profiles'!$G$18=$B$10,7,0)+IF('Standard Profiles'!$G$18=$B$17,14,0)+IF('Standard Profiles'!$G$18=$B$24,21,0),MOD($C155,24)+1)/SUM(INDEX($D$3:$AA$30,INDEX(Jesper!$R$2:$R$366,ROW(INDEX(Jesper!AH$2:AH$366,ROUNDDOWN($C155/24,0)+1,1))-1)+IF('Standard Profiles'!$G$18=$B$10,7,0)+IF('Standard Profiles'!$G$18=$B$17,14,0)+IF('Standard Profiles'!$G$18=$B$24,21,0),0)),0)</f>
        <v>8.5702857102229952</v>
      </c>
      <c r="E155" cm="1">
        <f t="array" ref="E155">IFERROR(INDEX(Jesper!AI$2:AI$366,ROUNDDOWN($C155/24,0)+1,1)*INDEX($D$3:$AA$30,INDEX(Jesper!$R$2:$R$366,ROW(INDEX(Jesper!AI$2:AI$366,ROUNDDOWN($C155/24,0)+1,1))-1)+IF('Standard Profiles'!$G$19=$B$10,7,0)+IF('Standard Profiles'!$G$19=$B$17,14,0)+IF('Standard Profiles'!$G$19=$B$24,21,0),MOD($C155,24)+1)/SUM(INDEX($D$3:$AA$30,INDEX(Jesper!$R$2:$R$366,ROW(INDEX(Jesper!AI$2:AI$366,ROUNDDOWN($C155/24,0)+1,1))-1)+IF('Standard Profiles'!$G$19=$B$10,7,0)+IF('Standard Profiles'!$G$19=$B$17,14,0)+IF('Standard Profiles'!$G$19=$B$24,21,0),0)),0)</f>
        <v>2.0248170245755102</v>
      </c>
      <c r="F155" cm="1">
        <f t="array" ref="F155">IFERROR(INDEX(Jesper!AJ$2:AJ$366,ROUNDDOWN($C155/24,0)+1,1)*INDEX($D$3:$AA$30,INDEX(Jesper!$R$2:$R$366,ROW(INDEX(Jesper!AJ$2:AJ$366,ROUNDDOWN($C155/24,0)+1,1))-1)+IF('Standard Profiles'!$G$20=$B$10,7,0)+IF('Standard Profiles'!$G$20=$B$17,14,0)+IF('Standard Profiles'!$G$20=$B$24,21,0),MOD($C155,24)+1)/SUM(INDEX($D$3:$AA$30,INDEX(Jesper!$R$2:$R$366,ROW(INDEX(Jesper!AJ$2:AJ$366,ROUNDDOWN($C155/24,0)+1,1))-1)+IF('Standard Profiles'!$G$20=$B$10,7,0)+IF('Standard Profiles'!$G$20=$B$17,14,0)+IF('Standard Profiles'!$G$20=$B$24,21,0),0)),0)</f>
        <v>0</v>
      </c>
      <c r="G155" cm="1">
        <f t="array" ref="G155">IFERROR(INDEX(Jesper!AK$2:AK$366,ROUNDDOWN($C155/24,0)+1,1)*INDEX($D$3:$AA$30,INDEX(Jesper!$R$2:$R$366,ROW(INDEX(Jesper!AK$2:AK$366,ROUNDDOWN($C155/24,0)+1,1))-1)+IF('Standard Profiles'!$G$21=$B$10,7,0)+IF('Standard Profiles'!$G$21=$B$17,14,0)+IF('Standard Profiles'!$G$21=$B$24,21,0),MOD($C155,24)+1)/SUM(INDEX($D$3:$AA$30,INDEX(Jesper!$R$2:$R$366,ROW(INDEX(Jesper!AK$2:AK$366,ROUNDDOWN($C155/24,0)+1,1))-1)+IF('Standard Profiles'!$G$21=$B$10,7,0)+IF('Standard Profiles'!$G$21=$B$17,14,0)+IF('Standard Profiles'!$G$21=$B$24,21,0),0)),0)</f>
        <v>0</v>
      </c>
      <c r="H155" cm="1">
        <f t="array" ref="H155">IFERROR(INDEX(Jesper!AL$2:AL$366,ROUNDDOWN($C155/24,0)+1,1)*INDEX($D$3:$AA$30,INDEX(Jesper!$R$2:$R$366,ROW(INDEX(Jesper!AL$2:AL$366,ROUNDDOWN($C155/24,0)+1,1))-1)+IF('Standard Profiles'!$G$22=$B$10,7,0)+IF('Standard Profiles'!$G$22=$B$17,14,0)+IF('Standard Profiles'!$G$22=$B$24,21,0),MOD($C155,24)+1)/SUM(INDEX($D$3:$AA$30,INDEX(Jesper!$R$2:$R$366,ROW(INDEX(Jesper!AL$2:AL$366,ROUNDDOWN($C155/24,0)+1,1))-1)+IF('Standard Profiles'!$G$22=$B$10,7,0)+IF('Standard Profiles'!$G$22=$B$17,14,0)+IF('Standard Profiles'!$G$22=$B$24,21,0),0)),0)</f>
        <v>0</v>
      </c>
      <c r="I155">
        <f t="shared" si="27"/>
        <v>0.1824159481599559</v>
      </c>
      <c r="J155">
        <f t="shared" si="28"/>
        <v>0.60805316053318648</v>
      </c>
      <c r="K155">
        <f t="shared" si="29"/>
        <v>0.91207974079977971</v>
      </c>
      <c r="L155">
        <f t="shared" si="30"/>
        <v>8.892553885305583</v>
      </c>
      <c r="M155">
        <f t="shared" si="31"/>
        <v>0</v>
      </c>
      <c r="N155" s="46">
        <f t="shared" si="32"/>
        <v>45297.041666666373</v>
      </c>
      <c r="O155">
        <v>0.17392958185747903</v>
      </c>
      <c r="P155">
        <v>0.57976527285826351</v>
      </c>
      <c r="Q155">
        <v>0.86964790928739533</v>
      </c>
      <c r="R155">
        <v>8.7011335146702358</v>
      </c>
      <c r="S155">
        <v>0</v>
      </c>
      <c r="T155" s="46">
        <v>45640.041666646408</v>
      </c>
    </row>
    <row r="156" spans="2:20" x14ac:dyDescent="0.3">
      <c r="B156">
        <f t="shared" si="26"/>
        <v>6</v>
      </c>
      <c r="C156" s="16">
        <v>122</v>
      </c>
      <c r="D156" cm="1">
        <f t="array" ref="D156">IFERROR(INDEX(Jesper!AH$2:AH$366,ROUNDDOWN($C156/24,0)+1,1)*INDEX($D$3:$AA$30,INDEX(Jesper!$R$2:$R$366,ROW(INDEX(Jesper!AH$2:AH$366,ROUNDDOWN($C156/24,0)+1,1))-1)+IF('Standard Profiles'!$G$18=$B$10,7,0)+IF('Standard Profiles'!$G$18=$B$17,14,0)+IF('Standard Profiles'!$G$18=$B$24,21,0),MOD($C156,24)+1)/SUM(INDEX($D$3:$AA$30,INDEX(Jesper!$R$2:$R$366,ROW(INDEX(Jesper!AH$2:AH$366,ROUNDDOWN($C156/24,0)+1,1))-1)+IF('Standard Profiles'!$G$18=$B$10,7,0)+IF('Standard Profiles'!$G$18=$B$17,14,0)+IF('Standard Profiles'!$G$18=$B$24,21,0),0)),0)</f>
        <v>8.5702857102229952</v>
      </c>
      <c r="E156" cm="1">
        <f t="array" ref="E156">IFERROR(INDEX(Jesper!AI$2:AI$366,ROUNDDOWN($C156/24,0)+1,1)*INDEX($D$3:$AA$30,INDEX(Jesper!$R$2:$R$366,ROW(INDEX(Jesper!AI$2:AI$366,ROUNDDOWN($C156/24,0)+1,1))-1)+IF('Standard Profiles'!$G$19=$B$10,7,0)+IF('Standard Profiles'!$G$19=$B$17,14,0)+IF('Standard Profiles'!$G$19=$B$24,21,0),MOD($C156,24)+1)/SUM(INDEX($D$3:$AA$30,INDEX(Jesper!$R$2:$R$366,ROW(INDEX(Jesper!AI$2:AI$366,ROUNDDOWN($C156/24,0)+1,1))-1)+IF('Standard Profiles'!$G$19=$B$10,7,0)+IF('Standard Profiles'!$G$19=$B$17,14,0)+IF('Standard Profiles'!$G$19=$B$24,21,0),0)),0)</f>
        <v>2.0248170245755102</v>
      </c>
      <c r="F156" cm="1">
        <f t="array" ref="F156">IFERROR(INDEX(Jesper!AJ$2:AJ$366,ROUNDDOWN($C156/24,0)+1,1)*INDEX($D$3:$AA$30,INDEX(Jesper!$R$2:$R$366,ROW(INDEX(Jesper!AJ$2:AJ$366,ROUNDDOWN($C156/24,0)+1,1))-1)+IF('Standard Profiles'!$G$20=$B$10,7,0)+IF('Standard Profiles'!$G$20=$B$17,14,0)+IF('Standard Profiles'!$G$20=$B$24,21,0),MOD($C156,24)+1)/SUM(INDEX($D$3:$AA$30,INDEX(Jesper!$R$2:$R$366,ROW(INDEX(Jesper!AJ$2:AJ$366,ROUNDDOWN($C156/24,0)+1,1))-1)+IF('Standard Profiles'!$G$20=$B$10,7,0)+IF('Standard Profiles'!$G$20=$B$17,14,0)+IF('Standard Profiles'!$G$20=$B$24,21,0),0)),0)</f>
        <v>0</v>
      </c>
      <c r="G156" cm="1">
        <f t="array" ref="G156">IFERROR(INDEX(Jesper!AK$2:AK$366,ROUNDDOWN($C156/24,0)+1,1)*INDEX($D$3:$AA$30,INDEX(Jesper!$R$2:$R$366,ROW(INDEX(Jesper!AK$2:AK$366,ROUNDDOWN($C156/24,0)+1,1))-1)+IF('Standard Profiles'!$G$21=$B$10,7,0)+IF('Standard Profiles'!$G$21=$B$17,14,0)+IF('Standard Profiles'!$G$21=$B$24,21,0),MOD($C156,24)+1)/SUM(INDEX($D$3:$AA$30,INDEX(Jesper!$R$2:$R$366,ROW(INDEX(Jesper!AK$2:AK$366,ROUNDDOWN($C156/24,0)+1,1))-1)+IF('Standard Profiles'!$G$21=$B$10,7,0)+IF('Standard Profiles'!$G$21=$B$17,14,0)+IF('Standard Profiles'!$G$21=$B$24,21,0),0)),0)</f>
        <v>0</v>
      </c>
      <c r="H156" cm="1">
        <f t="array" ref="H156">IFERROR(INDEX(Jesper!AL$2:AL$366,ROUNDDOWN($C156/24,0)+1,1)*INDEX($D$3:$AA$30,INDEX(Jesper!$R$2:$R$366,ROW(INDEX(Jesper!AL$2:AL$366,ROUNDDOWN($C156/24,0)+1,1))-1)+IF('Standard Profiles'!$G$22=$B$10,7,0)+IF('Standard Profiles'!$G$22=$B$17,14,0)+IF('Standard Profiles'!$G$22=$B$24,21,0),MOD($C156,24)+1)/SUM(INDEX($D$3:$AA$30,INDEX(Jesper!$R$2:$R$366,ROW(INDEX(Jesper!AL$2:AL$366,ROUNDDOWN($C156/24,0)+1,1))-1)+IF('Standard Profiles'!$G$22=$B$10,7,0)+IF('Standard Profiles'!$G$22=$B$17,14,0)+IF('Standard Profiles'!$G$22=$B$24,21,0),0)),0)</f>
        <v>0</v>
      </c>
      <c r="I156">
        <f t="shared" si="27"/>
        <v>0.1824159481599559</v>
      </c>
      <c r="J156">
        <f t="shared" si="28"/>
        <v>0.60805316053318648</v>
      </c>
      <c r="K156">
        <f t="shared" si="29"/>
        <v>0.91207974079977971</v>
      </c>
      <c r="L156">
        <f t="shared" si="30"/>
        <v>8.892553885305583</v>
      </c>
      <c r="M156">
        <f t="shared" si="31"/>
        <v>0</v>
      </c>
      <c r="N156" s="46">
        <f t="shared" si="32"/>
        <v>45297.083333333037</v>
      </c>
      <c r="O156">
        <v>0.17392958185747903</v>
      </c>
      <c r="P156">
        <v>0.57976527285826351</v>
      </c>
      <c r="Q156">
        <v>0.86964790928739533</v>
      </c>
      <c r="R156">
        <v>8.7011335146702358</v>
      </c>
      <c r="S156">
        <v>0</v>
      </c>
      <c r="T156" s="46">
        <v>45640.083333313072</v>
      </c>
    </row>
    <row r="157" spans="2:20" x14ac:dyDescent="0.3">
      <c r="B157">
        <f t="shared" si="26"/>
        <v>6</v>
      </c>
      <c r="C157" s="16">
        <v>123</v>
      </c>
      <c r="D157" cm="1">
        <f t="array" ref="D157">IFERROR(INDEX(Jesper!AH$2:AH$366,ROUNDDOWN($C157/24,0)+1,1)*INDEX($D$3:$AA$30,INDEX(Jesper!$R$2:$R$366,ROW(INDEX(Jesper!AH$2:AH$366,ROUNDDOWN($C157/24,0)+1,1))-1)+IF('Standard Profiles'!$G$18=$B$10,7,0)+IF('Standard Profiles'!$G$18=$B$17,14,0)+IF('Standard Profiles'!$G$18=$B$24,21,0),MOD($C157,24)+1)/SUM(INDEX($D$3:$AA$30,INDEX(Jesper!$R$2:$R$366,ROW(INDEX(Jesper!AH$2:AH$366,ROUNDDOWN($C157/24,0)+1,1))-1)+IF('Standard Profiles'!$G$18=$B$10,7,0)+IF('Standard Profiles'!$G$18=$B$17,14,0)+IF('Standard Profiles'!$G$18=$B$24,21,0),0)),0)</f>
        <v>8.5702857102229952</v>
      </c>
      <c r="E157" cm="1">
        <f t="array" ref="E157">IFERROR(INDEX(Jesper!AI$2:AI$366,ROUNDDOWN($C157/24,0)+1,1)*INDEX($D$3:$AA$30,INDEX(Jesper!$R$2:$R$366,ROW(INDEX(Jesper!AI$2:AI$366,ROUNDDOWN($C157/24,0)+1,1))-1)+IF('Standard Profiles'!$G$19=$B$10,7,0)+IF('Standard Profiles'!$G$19=$B$17,14,0)+IF('Standard Profiles'!$G$19=$B$24,21,0),MOD($C157,24)+1)/SUM(INDEX($D$3:$AA$30,INDEX(Jesper!$R$2:$R$366,ROW(INDEX(Jesper!AI$2:AI$366,ROUNDDOWN($C157/24,0)+1,1))-1)+IF('Standard Profiles'!$G$19=$B$10,7,0)+IF('Standard Profiles'!$G$19=$B$17,14,0)+IF('Standard Profiles'!$G$19=$B$24,21,0),0)),0)</f>
        <v>2.0248170245755102</v>
      </c>
      <c r="F157" cm="1">
        <f t="array" ref="F157">IFERROR(INDEX(Jesper!AJ$2:AJ$366,ROUNDDOWN($C157/24,0)+1,1)*INDEX($D$3:$AA$30,INDEX(Jesper!$R$2:$R$366,ROW(INDEX(Jesper!AJ$2:AJ$366,ROUNDDOWN($C157/24,0)+1,1))-1)+IF('Standard Profiles'!$G$20=$B$10,7,0)+IF('Standard Profiles'!$G$20=$B$17,14,0)+IF('Standard Profiles'!$G$20=$B$24,21,0),MOD($C157,24)+1)/SUM(INDEX($D$3:$AA$30,INDEX(Jesper!$R$2:$R$366,ROW(INDEX(Jesper!AJ$2:AJ$366,ROUNDDOWN($C157/24,0)+1,1))-1)+IF('Standard Profiles'!$G$20=$B$10,7,0)+IF('Standard Profiles'!$G$20=$B$17,14,0)+IF('Standard Profiles'!$G$20=$B$24,21,0),0)),0)</f>
        <v>0</v>
      </c>
      <c r="G157" cm="1">
        <f t="array" ref="G157">IFERROR(INDEX(Jesper!AK$2:AK$366,ROUNDDOWN($C157/24,0)+1,1)*INDEX($D$3:$AA$30,INDEX(Jesper!$R$2:$R$366,ROW(INDEX(Jesper!AK$2:AK$366,ROUNDDOWN($C157/24,0)+1,1))-1)+IF('Standard Profiles'!$G$21=$B$10,7,0)+IF('Standard Profiles'!$G$21=$B$17,14,0)+IF('Standard Profiles'!$G$21=$B$24,21,0),MOD($C157,24)+1)/SUM(INDEX($D$3:$AA$30,INDEX(Jesper!$R$2:$R$366,ROW(INDEX(Jesper!AK$2:AK$366,ROUNDDOWN($C157/24,0)+1,1))-1)+IF('Standard Profiles'!$G$21=$B$10,7,0)+IF('Standard Profiles'!$G$21=$B$17,14,0)+IF('Standard Profiles'!$G$21=$B$24,21,0),0)),0)</f>
        <v>0</v>
      </c>
      <c r="H157" cm="1">
        <f t="array" ref="H157">IFERROR(INDEX(Jesper!AL$2:AL$366,ROUNDDOWN($C157/24,0)+1,1)*INDEX($D$3:$AA$30,INDEX(Jesper!$R$2:$R$366,ROW(INDEX(Jesper!AL$2:AL$366,ROUNDDOWN($C157/24,0)+1,1))-1)+IF('Standard Profiles'!$G$22=$B$10,7,0)+IF('Standard Profiles'!$G$22=$B$17,14,0)+IF('Standard Profiles'!$G$22=$B$24,21,0),MOD($C157,24)+1)/SUM(INDEX($D$3:$AA$30,INDEX(Jesper!$R$2:$R$366,ROW(INDEX(Jesper!AL$2:AL$366,ROUNDDOWN($C157/24,0)+1,1))-1)+IF('Standard Profiles'!$G$22=$B$10,7,0)+IF('Standard Profiles'!$G$22=$B$17,14,0)+IF('Standard Profiles'!$G$22=$B$24,21,0),0)),0)</f>
        <v>0</v>
      </c>
      <c r="I157">
        <f t="shared" si="27"/>
        <v>0.1824159481599559</v>
      </c>
      <c r="J157">
        <f t="shared" si="28"/>
        <v>0.60805316053318648</v>
      </c>
      <c r="K157">
        <f t="shared" si="29"/>
        <v>0.91207974079977971</v>
      </c>
      <c r="L157">
        <f t="shared" si="30"/>
        <v>8.892553885305583</v>
      </c>
      <c r="M157">
        <f t="shared" si="31"/>
        <v>0</v>
      </c>
      <c r="N157" s="46">
        <f t="shared" si="32"/>
        <v>45297.124999999702</v>
      </c>
      <c r="O157">
        <v>0.17392958185747903</v>
      </c>
      <c r="P157">
        <v>0.57976527285826351</v>
      </c>
      <c r="Q157">
        <v>0.86964790928739533</v>
      </c>
      <c r="R157">
        <v>8.7011335146702358</v>
      </c>
      <c r="S157">
        <v>0</v>
      </c>
      <c r="T157" s="46">
        <v>45640.124999979736</v>
      </c>
    </row>
    <row r="158" spans="2:20" x14ac:dyDescent="0.3">
      <c r="B158">
        <f t="shared" si="26"/>
        <v>6</v>
      </c>
      <c r="C158" s="16">
        <v>124</v>
      </c>
      <c r="D158" cm="1">
        <f t="array" ref="D158">IFERROR(INDEX(Jesper!AH$2:AH$366,ROUNDDOWN($C158/24,0)+1,1)*INDEX($D$3:$AA$30,INDEX(Jesper!$R$2:$R$366,ROW(INDEX(Jesper!AH$2:AH$366,ROUNDDOWN($C158/24,0)+1,1))-1)+IF('Standard Profiles'!$G$18=$B$10,7,0)+IF('Standard Profiles'!$G$18=$B$17,14,0)+IF('Standard Profiles'!$G$18=$B$24,21,0),MOD($C158,24)+1)/SUM(INDEX($D$3:$AA$30,INDEX(Jesper!$R$2:$R$366,ROW(INDEX(Jesper!AH$2:AH$366,ROUNDDOWN($C158/24,0)+1,1))-1)+IF('Standard Profiles'!$G$18=$B$10,7,0)+IF('Standard Profiles'!$G$18=$B$17,14,0)+IF('Standard Profiles'!$G$18=$B$24,21,0),0)),0)</f>
        <v>8.5702857102229952</v>
      </c>
      <c r="E158" cm="1">
        <f t="array" ref="E158">IFERROR(INDEX(Jesper!AI$2:AI$366,ROUNDDOWN($C158/24,0)+1,1)*INDEX($D$3:$AA$30,INDEX(Jesper!$R$2:$R$366,ROW(INDEX(Jesper!AI$2:AI$366,ROUNDDOWN($C158/24,0)+1,1))-1)+IF('Standard Profiles'!$G$19=$B$10,7,0)+IF('Standard Profiles'!$G$19=$B$17,14,0)+IF('Standard Profiles'!$G$19=$B$24,21,0),MOD($C158,24)+1)/SUM(INDEX($D$3:$AA$30,INDEX(Jesper!$R$2:$R$366,ROW(INDEX(Jesper!AI$2:AI$366,ROUNDDOWN($C158/24,0)+1,1))-1)+IF('Standard Profiles'!$G$19=$B$10,7,0)+IF('Standard Profiles'!$G$19=$B$17,14,0)+IF('Standard Profiles'!$G$19=$B$24,21,0),0)),0)</f>
        <v>2.0248170245755102</v>
      </c>
      <c r="F158" cm="1">
        <f t="array" ref="F158">IFERROR(INDEX(Jesper!AJ$2:AJ$366,ROUNDDOWN($C158/24,0)+1,1)*INDEX($D$3:$AA$30,INDEX(Jesper!$R$2:$R$366,ROW(INDEX(Jesper!AJ$2:AJ$366,ROUNDDOWN($C158/24,0)+1,1))-1)+IF('Standard Profiles'!$G$20=$B$10,7,0)+IF('Standard Profiles'!$G$20=$B$17,14,0)+IF('Standard Profiles'!$G$20=$B$24,21,0),MOD($C158,24)+1)/SUM(INDEX($D$3:$AA$30,INDEX(Jesper!$R$2:$R$366,ROW(INDEX(Jesper!AJ$2:AJ$366,ROUNDDOWN($C158/24,0)+1,1))-1)+IF('Standard Profiles'!$G$20=$B$10,7,0)+IF('Standard Profiles'!$G$20=$B$17,14,0)+IF('Standard Profiles'!$G$20=$B$24,21,0),0)),0)</f>
        <v>0</v>
      </c>
      <c r="G158" cm="1">
        <f t="array" ref="G158">IFERROR(INDEX(Jesper!AK$2:AK$366,ROUNDDOWN($C158/24,0)+1,1)*INDEX($D$3:$AA$30,INDEX(Jesper!$R$2:$R$366,ROW(INDEX(Jesper!AK$2:AK$366,ROUNDDOWN($C158/24,0)+1,1))-1)+IF('Standard Profiles'!$G$21=$B$10,7,0)+IF('Standard Profiles'!$G$21=$B$17,14,0)+IF('Standard Profiles'!$G$21=$B$24,21,0),MOD($C158,24)+1)/SUM(INDEX($D$3:$AA$30,INDEX(Jesper!$R$2:$R$366,ROW(INDEX(Jesper!AK$2:AK$366,ROUNDDOWN($C158/24,0)+1,1))-1)+IF('Standard Profiles'!$G$21=$B$10,7,0)+IF('Standard Profiles'!$G$21=$B$17,14,0)+IF('Standard Profiles'!$G$21=$B$24,21,0),0)),0)</f>
        <v>0</v>
      </c>
      <c r="H158" cm="1">
        <f t="array" ref="H158">IFERROR(INDEX(Jesper!AL$2:AL$366,ROUNDDOWN($C158/24,0)+1,1)*INDEX($D$3:$AA$30,INDEX(Jesper!$R$2:$R$366,ROW(INDEX(Jesper!AL$2:AL$366,ROUNDDOWN($C158/24,0)+1,1))-1)+IF('Standard Profiles'!$G$22=$B$10,7,0)+IF('Standard Profiles'!$G$22=$B$17,14,0)+IF('Standard Profiles'!$G$22=$B$24,21,0),MOD($C158,24)+1)/SUM(INDEX($D$3:$AA$30,INDEX(Jesper!$R$2:$R$366,ROW(INDEX(Jesper!AL$2:AL$366,ROUNDDOWN($C158/24,0)+1,1))-1)+IF('Standard Profiles'!$G$22=$B$10,7,0)+IF('Standard Profiles'!$G$22=$B$17,14,0)+IF('Standard Profiles'!$G$22=$B$24,21,0),0)),0)</f>
        <v>0</v>
      </c>
      <c r="I158">
        <f t="shared" si="27"/>
        <v>0.1824159481599559</v>
      </c>
      <c r="J158">
        <f t="shared" si="28"/>
        <v>0.60805316053318648</v>
      </c>
      <c r="K158">
        <f t="shared" si="29"/>
        <v>0.91207974079977971</v>
      </c>
      <c r="L158">
        <f t="shared" si="30"/>
        <v>8.892553885305583</v>
      </c>
      <c r="M158">
        <f t="shared" si="31"/>
        <v>0</v>
      </c>
      <c r="N158" s="46">
        <f t="shared" si="32"/>
        <v>45297.166666666366</v>
      </c>
      <c r="O158">
        <v>0.17392958185747903</v>
      </c>
      <c r="P158">
        <v>0.57976527285826351</v>
      </c>
      <c r="Q158">
        <v>0.86964790928739533</v>
      </c>
      <c r="R158">
        <v>8.7011335146702358</v>
      </c>
      <c r="S158">
        <v>0</v>
      </c>
      <c r="T158" s="46">
        <v>45640.166666646401</v>
      </c>
    </row>
    <row r="159" spans="2:20" x14ac:dyDescent="0.3">
      <c r="B159">
        <f t="shared" si="26"/>
        <v>6</v>
      </c>
      <c r="C159" s="16">
        <v>125</v>
      </c>
      <c r="D159" cm="1">
        <f t="array" ref="D159">IFERROR(INDEX(Jesper!AH$2:AH$366,ROUNDDOWN($C159/24,0)+1,1)*INDEX($D$3:$AA$30,INDEX(Jesper!$R$2:$R$366,ROW(INDEX(Jesper!AH$2:AH$366,ROUNDDOWN($C159/24,0)+1,1))-1)+IF('Standard Profiles'!$G$18=$B$10,7,0)+IF('Standard Profiles'!$G$18=$B$17,14,0)+IF('Standard Profiles'!$G$18=$B$24,21,0),MOD($C159,24)+1)/SUM(INDEX($D$3:$AA$30,INDEX(Jesper!$R$2:$R$366,ROW(INDEX(Jesper!AH$2:AH$366,ROUNDDOWN($C159/24,0)+1,1))-1)+IF('Standard Profiles'!$G$18=$B$10,7,0)+IF('Standard Profiles'!$G$18=$B$17,14,0)+IF('Standard Profiles'!$G$18=$B$24,21,0),0)),0)</f>
        <v>10.660599298082261</v>
      </c>
      <c r="E159" cm="1">
        <f t="array" ref="E159">IFERROR(INDEX(Jesper!AI$2:AI$366,ROUNDDOWN($C159/24,0)+1,1)*INDEX($D$3:$AA$30,INDEX(Jesper!$R$2:$R$366,ROW(INDEX(Jesper!AI$2:AI$366,ROUNDDOWN($C159/24,0)+1,1))-1)+IF('Standard Profiles'!$G$19=$B$10,7,0)+IF('Standard Profiles'!$G$19=$B$17,14,0)+IF('Standard Profiles'!$G$19=$B$24,21,0),MOD($C159,24)+1)/SUM(INDEX($D$3:$AA$30,INDEX(Jesper!$R$2:$R$366,ROW(INDEX(Jesper!AI$2:AI$366,ROUNDDOWN($C159/24,0)+1,1))-1)+IF('Standard Profiles'!$G$19=$B$10,7,0)+IF('Standard Profiles'!$G$19=$B$17,14,0)+IF('Standard Profiles'!$G$19=$B$24,21,0),0)),0)</f>
        <v>2.5186748354475856</v>
      </c>
      <c r="F159" cm="1">
        <f t="array" ref="F159">IFERROR(INDEX(Jesper!AJ$2:AJ$366,ROUNDDOWN($C159/24,0)+1,1)*INDEX($D$3:$AA$30,INDEX(Jesper!$R$2:$R$366,ROW(INDEX(Jesper!AJ$2:AJ$366,ROUNDDOWN($C159/24,0)+1,1))-1)+IF('Standard Profiles'!$G$20=$B$10,7,0)+IF('Standard Profiles'!$G$20=$B$17,14,0)+IF('Standard Profiles'!$G$20=$B$24,21,0),MOD($C159,24)+1)/SUM(INDEX($D$3:$AA$30,INDEX(Jesper!$R$2:$R$366,ROW(INDEX(Jesper!AJ$2:AJ$366,ROUNDDOWN($C159/24,0)+1,1))-1)+IF('Standard Profiles'!$G$20=$B$10,7,0)+IF('Standard Profiles'!$G$20=$B$17,14,0)+IF('Standard Profiles'!$G$20=$B$24,21,0),0)),0)</f>
        <v>0</v>
      </c>
      <c r="G159" cm="1">
        <f t="array" ref="G159">IFERROR(INDEX(Jesper!AK$2:AK$366,ROUNDDOWN($C159/24,0)+1,1)*INDEX($D$3:$AA$30,INDEX(Jesper!$R$2:$R$366,ROW(INDEX(Jesper!AK$2:AK$366,ROUNDDOWN($C159/24,0)+1,1))-1)+IF('Standard Profiles'!$G$21=$B$10,7,0)+IF('Standard Profiles'!$G$21=$B$17,14,0)+IF('Standard Profiles'!$G$21=$B$24,21,0),MOD($C159,24)+1)/SUM(INDEX($D$3:$AA$30,INDEX(Jesper!$R$2:$R$366,ROW(INDEX(Jesper!AK$2:AK$366,ROUNDDOWN($C159/24,0)+1,1))-1)+IF('Standard Profiles'!$G$21=$B$10,7,0)+IF('Standard Profiles'!$G$21=$B$17,14,0)+IF('Standard Profiles'!$G$21=$B$24,21,0),0)),0)</f>
        <v>0</v>
      </c>
      <c r="H159" cm="1">
        <f t="array" ref="H159">IFERROR(INDEX(Jesper!AL$2:AL$366,ROUNDDOWN($C159/24,0)+1,1)*INDEX($D$3:$AA$30,INDEX(Jesper!$R$2:$R$366,ROW(INDEX(Jesper!AL$2:AL$366,ROUNDDOWN($C159/24,0)+1,1))-1)+IF('Standard Profiles'!$G$22=$B$10,7,0)+IF('Standard Profiles'!$G$22=$B$17,14,0)+IF('Standard Profiles'!$G$22=$B$24,21,0),MOD($C159,24)+1)/SUM(INDEX($D$3:$AA$30,INDEX(Jesper!$R$2:$R$366,ROW(INDEX(Jesper!AL$2:AL$366,ROUNDDOWN($C159/24,0)+1,1))-1)+IF('Standard Profiles'!$G$22=$B$10,7,0)+IF('Standard Profiles'!$G$22=$B$17,14,0)+IF('Standard Profiles'!$G$22=$B$24,21,0),0)),0)</f>
        <v>0</v>
      </c>
      <c r="I159">
        <f t="shared" si="27"/>
        <v>0.22690764283311587</v>
      </c>
      <c r="J159">
        <f t="shared" si="28"/>
        <v>0.75635880944371969</v>
      </c>
      <c r="K159">
        <f t="shared" si="29"/>
        <v>1.1345382141655795</v>
      </c>
      <c r="L159">
        <f t="shared" si="30"/>
        <v>11.061469467087431</v>
      </c>
      <c r="M159">
        <f t="shared" si="31"/>
        <v>0</v>
      </c>
      <c r="N159" s="46">
        <f t="shared" si="32"/>
        <v>45297.20833333303</v>
      </c>
      <c r="O159">
        <v>0.21635143109101049</v>
      </c>
      <c r="P159">
        <v>0.72117143697003505</v>
      </c>
      <c r="Q159">
        <v>1.0817571554550525</v>
      </c>
      <c r="R159">
        <v>10.823361201175171</v>
      </c>
      <c r="S159">
        <v>0</v>
      </c>
      <c r="T159" s="46">
        <v>45640.208333313065</v>
      </c>
    </row>
    <row r="160" spans="2:20" x14ac:dyDescent="0.3">
      <c r="B160">
        <f t="shared" si="26"/>
        <v>6</v>
      </c>
      <c r="C160" s="16">
        <v>126</v>
      </c>
      <c r="D160" cm="1">
        <f t="array" ref="D160">IFERROR(INDEX(Jesper!AH$2:AH$366,ROUNDDOWN($C160/24,0)+1,1)*INDEX($D$3:$AA$30,INDEX(Jesper!$R$2:$R$366,ROW(INDEX(Jesper!AH$2:AH$366,ROUNDDOWN($C160/24,0)+1,1))-1)+IF('Standard Profiles'!$G$18=$B$10,7,0)+IF('Standard Profiles'!$G$18=$B$17,14,0)+IF('Standard Profiles'!$G$18=$B$24,21,0),MOD($C160,24)+1)/SUM(INDEX($D$3:$AA$30,INDEX(Jesper!$R$2:$R$366,ROW(INDEX(Jesper!AH$2:AH$366,ROUNDDOWN($C160/24,0)+1,1))-1)+IF('Standard Profiles'!$G$18=$B$10,7,0)+IF('Standard Profiles'!$G$18=$B$17,14,0)+IF('Standard Profiles'!$G$18=$B$24,21,0),0)),0)</f>
        <v>13.378006962299308</v>
      </c>
      <c r="E160" cm="1">
        <f t="array" ref="E160">IFERROR(INDEX(Jesper!AI$2:AI$366,ROUNDDOWN($C160/24,0)+1,1)*INDEX($D$3:$AA$30,INDEX(Jesper!$R$2:$R$366,ROW(INDEX(Jesper!AI$2:AI$366,ROUNDDOWN($C160/24,0)+1,1))-1)+IF('Standard Profiles'!$G$19=$B$10,7,0)+IF('Standard Profiles'!$G$19=$B$17,14,0)+IF('Standard Profiles'!$G$19=$B$24,21,0),MOD($C160,24)+1)/SUM(INDEX($D$3:$AA$30,INDEX(Jesper!$R$2:$R$366,ROW(INDEX(Jesper!AI$2:AI$366,ROUNDDOWN($C160/24,0)+1,1))-1)+IF('Standard Profiles'!$G$19=$B$10,7,0)+IF('Standard Profiles'!$G$19=$B$17,14,0)+IF('Standard Profiles'!$G$19=$B$24,21,0),0)),0)</f>
        <v>3.1606899895812841</v>
      </c>
      <c r="F160" cm="1">
        <f t="array" ref="F160">IFERROR(INDEX(Jesper!AJ$2:AJ$366,ROUNDDOWN($C160/24,0)+1,1)*INDEX($D$3:$AA$30,INDEX(Jesper!$R$2:$R$366,ROW(INDEX(Jesper!AJ$2:AJ$366,ROUNDDOWN($C160/24,0)+1,1))-1)+IF('Standard Profiles'!$G$20=$B$10,7,0)+IF('Standard Profiles'!$G$20=$B$17,14,0)+IF('Standard Profiles'!$G$20=$B$24,21,0),MOD($C160,24)+1)/SUM(INDEX($D$3:$AA$30,INDEX(Jesper!$R$2:$R$366,ROW(INDEX(Jesper!AJ$2:AJ$366,ROUNDDOWN($C160/24,0)+1,1))-1)+IF('Standard Profiles'!$G$20=$B$10,7,0)+IF('Standard Profiles'!$G$20=$B$17,14,0)+IF('Standard Profiles'!$G$20=$B$24,21,0),0)),0)</f>
        <v>0</v>
      </c>
      <c r="G160" cm="1">
        <f t="array" ref="G160">IFERROR(INDEX(Jesper!AK$2:AK$366,ROUNDDOWN($C160/24,0)+1,1)*INDEX($D$3:$AA$30,INDEX(Jesper!$R$2:$R$366,ROW(INDEX(Jesper!AK$2:AK$366,ROUNDDOWN($C160/24,0)+1,1))-1)+IF('Standard Profiles'!$G$21=$B$10,7,0)+IF('Standard Profiles'!$G$21=$B$17,14,0)+IF('Standard Profiles'!$G$21=$B$24,21,0),MOD($C160,24)+1)/SUM(INDEX($D$3:$AA$30,INDEX(Jesper!$R$2:$R$366,ROW(INDEX(Jesper!AK$2:AK$366,ROUNDDOWN($C160/24,0)+1,1))-1)+IF('Standard Profiles'!$G$21=$B$10,7,0)+IF('Standard Profiles'!$G$21=$B$17,14,0)+IF('Standard Profiles'!$G$21=$B$24,21,0),0)),0)</f>
        <v>0</v>
      </c>
      <c r="H160" cm="1">
        <f t="array" ref="H160">IFERROR(INDEX(Jesper!AL$2:AL$366,ROUNDDOWN($C160/24,0)+1,1)*INDEX($D$3:$AA$30,INDEX(Jesper!$R$2:$R$366,ROW(INDEX(Jesper!AL$2:AL$366,ROUNDDOWN($C160/24,0)+1,1))-1)+IF('Standard Profiles'!$G$22=$B$10,7,0)+IF('Standard Profiles'!$G$22=$B$17,14,0)+IF('Standard Profiles'!$G$22=$B$24,21,0),MOD($C160,24)+1)/SUM(INDEX($D$3:$AA$30,INDEX(Jesper!$R$2:$R$366,ROW(INDEX(Jesper!AL$2:AL$366,ROUNDDOWN($C160/24,0)+1,1))-1)+IF('Standard Profiles'!$G$22=$B$10,7,0)+IF('Standard Profiles'!$G$22=$B$17,14,0)+IF('Standard Profiles'!$G$22=$B$24,21,0),0)),0)</f>
        <v>0</v>
      </c>
      <c r="I160">
        <f t="shared" si="27"/>
        <v>0.28474684590822386</v>
      </c>
      <c r="J160">
        <f t="shared" si="28"/>
        <v>0.94915615302741296</v>
      </c>
      <c r="K160">
        <f t="shared" si="29"/>
        <v>1.4237342295411195</v>
      </c>
      <c r="L160">
        <f t="shared" si="30"/>
        <v>13.881059723403835</v>
      </c>
      <c r="M160">
        <f t="shared" si="31"/>
        <v>0</v>
      </c>
      <c r="N160" s="46">
        <f t="shared" si="32"/>
        <v>45297.249999999694</v>
      </c>
      <c r="O160">
        <v>0.2714998350946014</v>
      </c>
      <c r="P160">
        <v>0.90499945031533813</v>
      </c>
      <c r="Q160">
        <v>1.3574991754730072</v>
      </c>
      <c r="R160">
        <v>13.582257193631587</v>
      </c>
      <c r="S160">
        <v>0</v>
      </c>
      <c r="T160" s="46">
        <v>45640.249999979729</v>
      </c>
    </row>
    <row r="161" spans="2:21" x14ac:dyDescent="0.3">
      <c r="B161">
        <f t="shared" si="26"/>
        <v>6</v>
      </c>
      <c r="C161" s="16">
        <v>127</v>
      </c>
      <c r="D161" cm="1">
        <f t="array" ref="D161">IFERROR(INDEX(Jesper!AH$2:AH$366,ROUNDDOWN($C161/24,0)+1,1)*INDEX($D$3:$AA$30,INDEX(Jesper!$R$2:$R$366,ROW(INDEX(Jesper!AH$2:AH$366,ROUNDDOWN($C161/24,0)+1,1))-1)+IF('Standard Profiles'!$G$18=$B$10,7,0)+IF('Standard Profiles'!$G$18=$B$17,14,0)+IF('Standard Profiles'!$G$18=$B$24,21,0),MOD($C161,24)+1)/SUM(INDEX($D$3:$AA$30,INDEX(Jesper!$R$2:$R$366,ROW(INDEX(Jesper!AH$2:AH$366,ROUNDDOWN($C161/24,0)+1,1))-1)+IF('Standard Profiles'!$G$18=$B$10,7,0)+IF('Standard Profiles'!$G$18=$B$17,14,0)+IF('Standard Profiles'!$G$18=$B$24,21,0),0)),0)</f>
        <v>15.259289191372648</v>
      </c>
      <c r="E161" cm="1">
        <f t="array" ref="E161">IFERROR(INDEX(Jesper!AI$2:AI$366,ROUNDDOWN($C161/24,0)+1,1)*INDEX($D$3:$AA$30,INDEX(Jesper!$R$2:$R$366,ROW(INDEX(Jesper!AI$2:AI$366,ROUNDDOWN($C161/24,0)+1,1))-1)+IF('Standard Profiles'!$G$19=$B$10,7,0)+IF('Standard Profiles'!$G$19=$B$17,14,0)+IF('Standard Profiles'!$G$19=$B$24,21,0),MOD($C161,24)+1)/SUM(INDEX($D$3:$AA$30,INDEX(Jesper!$R$2:$R$366,ROW(INDEX(Jesper!AI$2:AI$366,ROUNDDOWN($C161/24,0)+1,1))-1)+IF('Standard Profiles'!$G$19=$B$10,7,0)+IF('Standard Profiles'!$G$19=$B$17,14,0)+IF('Standard Profiles'!$G$19=$B$24,21,0),0)),0)</f>
        <v>3.6051620193661518</v>
      </c>
      <c r="F161" cm="1">
        <f t="array" ref="F161">IFERROR(INDEX(Jesper!AJ$2:AJ$366,ROUNDDOWN($C161/24,0)+1,1)*INDEX($D$3:$AA$30,INDEX(Jesper!$R$2:$R$366,ROW(INDEX(Jesper!AJ$2:AJ$366,ROUNDDOWN($C161/24,0)+1,1))-1)+IF('Standard Profiles'!$G$20=$B$10,7,0)+IF('Standard Profiles'!$G$20=$B$17,14,0)+IF('Standard Profiles'!$G$20=$B$24,21,0),MOD($C161,24)+1)/SUM(INDEX($D$3:$AA$30,INDEX(Jesper!$R$2:$R$366,ROW(INDEX(Jesper!AJ$2:AJ$366,ROUNDDOWN($C161/24,0)+1,1))-1)+IF('Standard Profiles'!$G$20=$B$10,7,0)+IF('Standard Profiles'!$G$20=$B$17,14,0)+IF('Standard Profiles'!$G$20=$B$24,21,0),0)),0)</f>
        <v>0</v>
      </c>
      <c r="G161" cm="1">
        <f t="array" ref="G161">IFERROR(INDEX(Jesper!AK$2:AK$366,ROUNDDOWN($C161/24,0)+1,1)*INDEX($D$3:$AA$30,INDEX(Jesper!$R$2:$R$366,ROW(INDEX(Jesper!AK$2:AK$366,ROUNDDOWN($C161/24,0)+1,1))-1)+IF('Standard Profiles'!$G$21=$B$10,7,0)+IF('Standard Profiles'!$G$21=$B$17,14,0)+IF('Standard Profiles'!$G$21=$B$24,21,0),MOD($C161,24)+1)/SUM(INDEX($D$3:$AA$30,INDEX(Jesper!$R$2:$R$366,ROW(INDEX(Jesper!AK$2:AK$366,ROUNDDOWN($C161/24,0)+1,1))-1)+IF('Standard Profiles'!$G$21=$B$10,7,0)+IF('Standard Profiles'!$G$21=$B$17,14,0)+IF('Standard Profiles'!$G$21=$B$24,21,0),0)),0)</f>
        <v>0</v>
      </c>
      <c r="H161" cm="1">
        <f t="array" ref="H161">IFERROR(INDEX(Jesper!AL$2:AL$366,ROUNDDOWN($C161/24,0)+1,1)*INDEX($D$3:$AA$30,INDEX(Jesper!$R$2:$R$366,ROW(INDEX(Jesper!AL$2:AL$366,ROUNDDOWN($C161/24,0)+1,1))-1)+IF('Standard Profiles'!$G$22=$B$10,7,0)+IF('Standard Profiles'!$G$22=$B$17,14,0)+IF('Standard Profiles'!$G$22=$B$24,21,0),MOD($C161,24)+1)/SUM(INDEX($D$3:$AA$30,INDEX(Jesper!$R$2:$R$366,ROW(INDEX(Jesper!AL$2:AL$366,ROUNDDOWN($C161/24,0)+1,1))-1)+IF('Standard Profiles'!$G$22=$B$10,7,0)+IF('Standard Profiles'!$G$22=$B$17,14,0)+IF('Standard Profiles'!$G$22=$B$24,21,0),0)),0)</f>
        <v>0</v>
      </c>
      <c r="I161">
        <f t="shared" si="27"/>
        <v>0.3247893711140678</v>
      </c>
      <c r="J161">
        <f t="shared" si="28"/>
        <v>1.0826312370468929</v>
      </c>
      <c r="K161">
        <f t="shared" si="29"/>
        <v>1.6239468555703394</v>
      </c>
      <c r="L161">
        <f t="shared" si="30"/>
        <v>15.8330837470075</v>
      </c>
      <c r="M161">
        <f t="shared" si="31"/>
        <v>0</v>
      </c>
      <c r="N161" s="46">
        <f t="shared" si="32"/>
        <v>45297.291666666359</v>
      </c>
      <c r="O161">
        <v>0.30967949940477973</v>
      </c>
      <c r="P161">
        <v>1.0322649980159326</v>
      </c>
      <c r="Q161">
        <v>1.5483974970238989</v>
      </c>
      <c r="R161">
        <v>15.492262111486028</v>
      </c>
      <c r="S161">
        <v>0</v>
      </c>
      <c r="T161" s="46">
        <v>45640.291666646393</v>
      </c>
    </row>
    <row r="162" spans="2:21" x14ac:dyDescent="0.3">
      <c r="B162">
        <f t="shared" si="26"/>
        <v>6</v>
      </c>
      <c r="C162" s="16">
        <v>128</v>
      </c>
      <c r="D162" cm="1">
        <f t="array" ref="D162">IFERROR(INDEX(Jesper!AH$2:AH$366,ROUNDDOWN($C162/24,0)+1,1)*INDEX($D$3:$AA$30,INDEX(Jesper!$R$2:$R$366,ROW(INDEX(Jesper!AH$2:AH$366,ROUNDDOWN($C162/24,0)+1,1))-1)+IF('Standard Profiles'!$G$18=$B$10,7,0)+IF('Standard Profiles'!$G$18=$B$17,14,0)+IF('Standard Profiles'!$G$18=$B$24,21,0),MOD($C162,24)+1)/SUM(INDEX($D$3:$AA$30,INDEX(Jesper!$R$2:$R$366,ROW(INDEX(Jesper!AH$2:AH$366,ROUNDDOWN($C162/24,0)+1,1))-1)+IF('Standard Profiles'!$G$18=$B$10,7,0)+IF('Standard Profiles'!$G$18=$B$17,14,0)+IF('Standard Profiles'!$G$18=$B$24,21,0),0)),0)</f>
        <v>15.259289191372648</v>
      </c>
      <c r="E162" cm="1">
        <f t="array" ref="E162">IFERROR(INDEX(Jesper!AI$2:AI$366,ROUNDDOWN($C162/24,0)+1,1)*INDEX($D$3:$AA$30,INDEX(Jesper!$R$2:$R$366,ROW(INDEX(Jesper!AI$2:AI$366,ROUNDDOWN($C162/24,0)+1,1))-1)+IF('Standard Profiles'!$G$19=$B$10,7,0)+IF('Standard Profiles'!$G$19=$B$17,14,0)+IF('Standard Profiles'!$G$19=$B$24,21,0),MOD($C162,24)+1)/SUM(INDEX($D$3:$AA$30,INDEX(Jesper!$R$2:$R$366,ROW(INDEX(Jesper!AI$2:AI$366,ROUNDDOWN($C162/24,0)+1,1))-1)+IF('Standard Profiles'!$G$19=$B$10,7,0)+IF('Standard Profiles'!$G$19=$B$17,14,0)+IF('Standard Profiles'!$G$19=$B$24,21,0),0)),0)</f>
        <v>3.6051620193661518</v>
      </c>
      <c r="F162" cm="1">
        <f t="array" ref="F162">IFERROR(INDEX(Jesper!AJ$2:AJ$366,ROUNDDOWN($C162/24,0)+1,1)*INDEX($D$3:$AA$30,INDEX(Jesper!$R$2:$R$366,ROW(INDEX(Jesper!AJ$2:AJ$366,ROUNDDOWN($C162/24,0)+1,1))-1)+IF('Standard Profiles'!$G$20=$B$10,7,0)+IF('Standard Profiles'!$G$20=$B$17,14,0)+IF('Standard Profiles'!$G$20=$B$24,21,0),MOD($C162,24)+1)/SUM(INDEX($D$3:$AA$30,INDEX(Jesper!$R$2:$R$366,ROW(INDEX(Jesper!AJ$2:AJ$366,ROUNDDOWN($C162/24,0)+1,1))-1)+IF('Standard Profiles'!$G$20=$B$10,7,0)+IF('Standard Profiles'!$G$20=$B$17,14,0)+IF('Standard Profiles'!$G$20=$B$24,21,0),0)),0)</f>
        <v>0</v>
      </c>
      <c r="G162" cm="1">
        <f t="array" ref="G162">IFERROR(INDEX(Jesper!AK$2:AK$366,ROUNDDOWN($C162/24,0)+1,1)*INDEX($D$3:$AA$30,INDEX(Jesper!$R$2:$R$366,ROW(INDEX(Jesper!AK$2:AK$366,ROUNDDOWN($C162/24,0)+1,1))-1)+IF('Standard Profiles'!$G$21=$B$10,7,0)+IF('Standard Profiles'!$G$21=$B$17,14,0)+IF('Standard Profiles'!$G$21=$B$24,21,0),MOD($C162,24)+1)/SUM(INDEX($D$3:$AA$30,INDEX(Jesper!$R$2:$R$366,ROW(INDEX(Jesper!AK$2:AK$366,ROUNDDOWN($C162/24,0)+1,1))-1)+IF('Standard Profiles'!$G$21=$B$10,7,0)+IF('Standard Profiles'!$G$21=$B$17,14,0)+IF('Standard Profiles'!$G$21=$B$24,21,0),0)),0)</f>
        <v>0</v>
      </c>
      <c r="H162" cm="1">
        <f t="array" ref="H162">IFERROR(INDEX(Jesper!AL$2:AL$366,ROUNDDOWN($C162/24,0)+1,1)*INDEX($D$3:$AA$30,INDEX(Jesper!$R$2:$R$366,ROW(INDEX(Jesper!AL$2:AL$366,ROUNDDOWN($C162/24,0)+1,1))-1)+IF('Standard Profiles'!$G$22=$B$10,7,0)+IF('Standard Profiles'!$G$22=$B$17,14,0)+IF('Standard Profiles'!$G$22=$B$24,21,0),MOD($C162,24)+1)/SUM(INDEX($D$3:$AA$30,INDEX(Jesper!$R$2:$R$366,ROW(INDEX(Jesper!AL$2:AL$366,ROUNDDOWN($C162/24,0)+1,1))-1)+IF('Standard Profiles'!$G$22=$B$10,7,0)+IF('Standard Profiles'!$G$22=$B$17,14,0)+IF('Standard Profiles'!$G$22=$B$24,21,0),0)),0)</f>
        <v>0</v>
      </c>
      <c r="I162">
        <f t="shared" si="27"/>
        <v>0.3247893711140678</v>
      </c>
      <c r="J162">
        <f t="shared" si="28"/>
        <v>1.0826312370468929</v>
      </c>
      <c r="K162">
        <f t="shared" si="29"/>
        <v>1.6239468555703394</v>
      </c>
      <c r="L162">
        <f t="shared" si="30"/>
        <v>15.8330837470075</v>
      </c>
      <c r="M162">
        <f t="shared" si="31"/>
        <v>0</v>
      </c>
      <c r="N162" s="46">
        <f t="shared" si="32"/>
        <v>45297.333333333023</v>
      </c>
      <c r="O162">
        <v>0.30967949940477973</v>
      </c>
      <c r="P162">
        <v>1.0322649980159326</v>
      </c>
      <c r="Q162">
        <v>1.5483974970238989</v>
      </c>
      <c r="R162">
        <v>15.492262111486028</v>
      </c>
      <c r="S162">
        <v>0</v>
      </c>
      <c r="T162" s="46">
        <v>45640.333333313058</v>
      </c>
    </row>
    <row r="163" spans="2:21" x14ac:dyDescent="0.3">
      <c r="B163">
        <f t="shared" ref="B163:B226" si="33">WEEKDAY(N163,2)</f>
        <v>6</v>
      </c>
      <c r="C163" s="16">
        <v>129</v>
      </c>
      <c r="D163" cm="1">
        <f t="array" ref="D163">IFERROR(INDEX(Jesper!AH$2:AH$366,ROUNDDOWN($C163/24,0)+1,1)*INDEX($D$3:$AA$30,INDEX(Jesper!$R$2:$R$366,ROW(INDEX(Jesper!AH$2:AH$366,ROUNDDOWN($C163/24,0)+1,1))-1)+IF('Standard Profiles'!$G$18=$B$10,7,0)+IF('Standard Profiles'!$G$18=$B$17,14,0)+IF('Standard Profiles'!$G$18=$B$24,21,0),MOD($C163,24)+1)/SUM(INDEX($D$3:$AA$30,INDEX(Jesper!$R$2:$R$366,ROW(INDEX(Jesper!AH$2:AH$366,ROUNDDOWN($C163/24,0)+1,1))-1)+IF('Standard Profiles'!$G$18=$B$10,7,0)+IF('Standard Profiles'!$G$18=$B$17,14,0)+IF('Standard Profiles'!$G$18=$B$24,21,0),0)),0)</f>
        <v>15.259289191372648</v>
      </c>
      <c r="E163" cm="1">
        <f t="array" ref="E163">IFERROR(INDEX(Jesper!AI$2:AI$366,ROUNDDOWN($C163/24,0)+1,1)*INDEX($D$3:$AA$30,INDEX(Jesper!$R$2:$R$366,ROW(INDEX(Jesper!AI$2:AI$366,ROUNDDOWN($C163/24,0)+1,1))-1)+IF('Standard Profiles'!$G$19=$B$10,7,0)+IF('Standard Profiles'!$G$19=$B$17,14,0)+IF('Standard Profiles'!$G$19=$B$24,21,0),MOD($C163,24)+1)/SUM(INDEX($D$3:$AA$30,INDEX(Jesper!$R$2:$R$366,ROW(INDEX(Jesper!AI$2:AI$366,ROUNDDOWN($C163/24,0)+1,1))-1)+IF('Standard Profiles'!$G$19=$B$10,7,0)+IF('Standard Profiles'!$G$19=$B$17,14,0)+IF('Standard Profiles'!$G$19=$B$24,21,0),0)),0)</f>
        <v>3.6051620193661518</v>
      </c>
      <c r="F163" cm="1">
        <f t="array" ref="F163">IFERROR(INDEX(Jesper!AJ$2:AJ$366,ROUNDDOWN($C163/24,0)+1,1)*INDEX($D$3:$AA$30,INDEX(Jesper!$R$2:$R$366,ROW(INDEX(Jesper!AJ$2:AJ$366,ROUNDDOWN($C163/24,0)+1,1))-1)+IF('Standard Profiles'!$G$20=$B$10,7,0)+IF('Standard Profiles'!$G$20=$B$17,14,0)+IF('Standard Profiles'!$G$20=$B$24,21,0),MOD($C163,24)+1)/SUM(INDEX($D$3:$AA$30,INDEX(Jesper!$R$2:$R$366,ROW(INDEX(Jesper!AJ$2:AJ$366,ROUNDDOWN($C163/24,0)+1,1))-1)+IF('Standard Profiles'!$G$20=$B$10,7,0)+IF('Standard Profiles'!$G$20=$B$17,14,0)+IF('Standard Profiles'!$G$20=$B$24,21,0),0)),0)</f>
        <v>0</v>
      </c>
      <c r="G163" cm="1">
        <f t="array" ref="G163">IFERROR(INDEX(Jesper!AK$2:AK$366,ROUNDDOWN($C163/24,0)+1,1)*INDEX($D$3:$AA$30,INDEX(Jesper!$R$2:$R$366,ROW(INDEX(Jesper!AK$2:AK$366,ROUNDDOWN($C163/24,0)+1,1))-1)+IF('Standard Profiles'!$G$21=$B$10,7,0)+IF('Standard Profiles'!$G$21=$B$17,14,0)+IF('Standard Profiles'!$G$21=$B$24,21,0),MOD($C163,24)+1)/SUM(INDEX($D$3:$AA$30,INDEX(Jesper!$R$2:$R$366,ROW(INDEX(Jesper!AK$2:AK$366,ROUNDDOWN($C163/24,0)+1,1))-1)+IF('Standard Profiles'!$G$21=$B$10,7,0)+IF('Standard Profiles'!$G$21=$B$17,14,0)+IF('Standard Profiles'!$G$21=$B$24,21,0),0)),0)</f>
        <v>0</v>
      </c>
      <c r="H163" cm="1">
        <f t="array" ref="H163">IFERROR(INDEX(Jesper!AL$2:AL$366,ROUNDDOWN($C163/24,0)+1,1)*INDEX($D$3:$AA$30,INDEX(Jesper!$R$2:$R$366,ROW(INDEX(Jesper!AL$2:AL$366,ROUNDDOWN($C163/24,0)+1,1))-1)+IF('Standard Profiles'!$G$22=$B$10,7,0)+IF('Standard Profiles'!$G$22=$B$17,14,0)+IF('Standard Profiles'!$G$22=$B$24,21,0),MOD($C163,24)+1)/SUM(INDEX($D$3:$AA$30,INDEX(Jesper!$R$2:$R$366,ROW(INDEX(Jesper!AL$2:AL$366,ROUNDDOWN($C163/24,0)+1,1))-1)+IF('Standard Profiles'!$G$22=$B$10,7,0)+IF('Standard Profiles'!$G$22=$B$17,14,0)+IF('Standard Profiles'!$G$22=$B$24,21,0),0)),0)</f>
        <v>0</v>
      </c>
      <c r="I163">
        <f t="shared" ref="I163:I226" si="34">IF($B163&lt;6,AC$37*$D163+AC$38*$E163+AC$39*$F163+AC$40*$G163,AC$46*$D163+AC$47*$E163+AC$48*$F163+AC$49*$G163+AC$50*$H163)</f>
        <v>0.3247893711140678</v>
      </c>
      <c r="J163">
        <f t="shared" ref="J163:J226" si="35">IF($B163&lt;6,AD$37*$D163+AD$38*$E163+AD$39*$F163+AD$40*$G163,AD$46*$D163+AD$47*$E163+AD$48*$F163+AD$49*$G163+AD$50*$H163)</f>
        <v>1.0826312370468929</v>
      </c>
      <c r="K163">
        <f t="shared" ref="K163:K226" si="36">IF($B163&lt;6,AE$37*$D163+AE$38*$E163+AE$39*$F163+AE$40*$G163,AE$46*$D163+AE$47*$E163+AE$48*$F163+AE$49*$G163+AE$50*$H163)</f>
        <v>1.6239468555703394</v>
      </c>
      <c r="L163">
        <f t="shared" ref="L163:L226" si="37">IF($B163&lt;6,AF$37*$D163+AF$38*$E163+AF$39*$F163+AF$40*$G163,AF$46*$D163+AF$47*$E163+AF$48*$F163+AF$49*$G163+AF$50*$H163)</f>
        <v>15.8330837470075</v>
      </c>
      <c r="M163">
        <f t="shared" ref="M163:M226" si="38">IF($B163&lt;6,AG$37*$D163+AG$38*$E163+AG$39*$F163+AG$40*$G163,AG$46*$D163+AG$47*$E163+AG$48*$F163+AG$49*$G163+AG$50*$H163)</f>
        <v>0</v>
      </c>
      <c r="N163" s="46">
        <f t="shared" si="32"/>
        <v>45297.374999999687</v>
      </c>
      <c r="O163">
        <v>0.30967949940477973</v>
      </c>
      <c r="P163">
        <v>1.0322649980159326</v>
      </c>
      <c r="Q163">
        <v>1.5483974970238989</v>
      </c>
      <c r="R163">
        <v>15.492262111486028</v>
      </c>
      <c r="S163">
        <v>0</v>
      </c>
      <c r="T163" s="46">
        <v>45640.374999979722</v>
      </c>
    </row>
    <row r="164" spans="2:21" x14ac:dyDescent="0.3">
      <c r="B164">
        <f t="shared" si="33"/>
        <v>6</v>
      </c>
      <c r="C164" s="16">
        <v>130</v>
      </c>
      <c r="D164" cm="1">
        <f t="array" ref="D164">IFERROR(INDEX(Jesper!AH$2:AH$366,ROUNDDOWN($C164/24,0)+1,1)*INDEX($D$3:$AA$30,INDEX(Jesper!$R$2:$R$366,ROW(INDEX(Jesper!AH$2:AH$366,ROUNDDOWN($C164/24,0)+1,1))-1)+IF('Standard Profiles'!$G$18=$B$10,7,0)+IF('Standard Profiles'!$G$18=$B$17,14,0)+IF('Standard Profiles'!$G$18=$B$24,21,0),MOD($C164,24)+1)/SUM(INDEX($D$3:$AA$30,INDEX(Jesper!$R$2:$R$366,ROW(INDEX(Jesper!AH$2:AH$366,ROUNDDOWN($C164/24,0)+1,1))-1)+IF('Standard Profiles'!$G$18=$B$10,7,0)+IF('Standard Profiles'!$G$18=$B$17,14,0)+IF('Standard Profiles'!$G$18=$B$24,21,0),0)),0)</f>
        <v>15.259289191372648</v>
      </c>
      <c r="E164" cm="1">
        <f t="array" ref="E164">IFERROR(INDEX(Jesper!AI$2:AI$366,ROUNDDOWN($C164/24,0)+1,1)*INDEX($D$3:$AA$30,INDEX(Jesper!$R$2:$R$366,ROW(INDEX(Jesper!AI$2:AI$366,ROUNDDOWN($C164/24,0)+1,1))-1)+IF('Standard Profiles'!$G$19=$B$10,7,0)+IF('Standard Profiles'!$G$19=$B$17,14,0)+IF('Standard Profiles'!$G$19=$B$24,21,0),MOD($C164,24)+1)/SUM(INDEX($D$3:$AA$30,INDEX(Jesper!$R$2:$R$366,ROW(INDEX(Jesper!AI$2:AI$366,ROUNDDOWN($C164/24,0)+1,1))-1)+IF('Standard Profiles'!$G$19=$B$10,7,0)+IF('Standard Profiles'!$G$19=$B$17,14,0)+IF('Standard Profiles'!$G$19=$B$24,21,0),0)),0)</f>
        <v>3.6051620193661518</v>
      </c>
      <c r="F164" cm="1">
        <f t="array" ref="F164">IFERROR(INDEX(Jesper!AJ$2:AJ$366,ROUNDDOWN($C164/24,0)+1,1)*INDEX($D$3:$AA$30,INDEX(Jesper!$R$2:$R$366,ROW(INDEX(Jesper!AJ$2:AJ$366,ROUNDDOWN($C164/24,0)+1,1))-1)+IF('Standard Profiles'!$G$20=$B$10,7,0)+IF('Standard Profiles'!$G$20=$B$17,14,0)+IF('Standard Profiles'!$G$20=$B$24,21,0),MOD($C164,24)+1)/SUM(INDEX($D$3:$AA$30,INDEX(Jesper!$R$2:$R$366,ROW(INDEX(Jesper!AJ$2:AJ$366,ROUNDDOWN($C164/24,0)+1,1))-1)+IF('Standard Profiles'!$G$20=$B$10,7,0)+IF('Standard Profiles'!$G$20=$B$17,14,0)+IF('Standard Profiles'!$G$20=$B$24,21,0),0)),0)</f>
        <v>0</v>
      </c>
      <c r="G164" cm="1">
        <f t="array" ref="G164">IFERROR(INDEX(Jesper!AK$2:AK$366,ROUNDDOWN($C164/24,0)+1,1)*INDEX($D$3:$AA$30,INDEX(Jesper!$R$2:$R$366,ROW(INDEX(Jesper!AK$2:AK$366,ROUNDDOWN($C164/24,0)+1,1))-1)+IF('Standard Profiles'!$G$21=$B$10,7,0)+IF('Standard Profiles'!$G$21=$B$17,14,0)+IF('Standard Profiles'!$G$21=$B$24,21,0),MOD($C164,24)+1)/SUM(INDEX($D$3:$AA$30,INDEX(Jesper!$R$2:$R$366,ROW(INDEX(Jesper!AK$2:AK$366,ROUNDDOWN($C164/24,0)+1,1))-1)+IF('Standard Profiles'!$G$21=$B$10,7,0)+IF('Standard Profiles'!$G$21=$B$17,14,0)+IF('Standard Profiles'!$G$21=$B$24,21,0),0)),0)</f>
        <v>0</v>
      </c>
      <c r="H164" cm="1">
        <f t="array" ref="H164">IFERROR(INDEX(Jesper!AL$2:AL$366,ROUNDDOWN($C164/24,0)+1,1)*INDEX($D$3:$AA$30,INDEX(Jesper!$R$2:$R$366,ROW(INDEX(Jesper!AL$2:AL$366,ROUNDDOWN($C164/24,0)+1,1))-1)+IF('Standard Profiles'!$G$22=$B$10,7,0)+IF('Standard Profiles'!$G$22=$B$17,14,0)+IF('Standard Profiles'!$G$22=$B$24,21,0),MOD($C164,24)+1)/SUM(INDEX($D$3:$AA$30,INDEX(Jesper!$R$2:$R$366,ROW(INDEX(Jesper!AL$2:AL$366,ROUNDDOWN($C164/24,0)+1,1))-1)+IF('Standard Profiles'!$G$22=$B$10,7,0)+IF('Standard Profiles'!$G$22=$B$17,14,0)+IF('Standard Profiles'!$G$22=$B$24,21,0),0)),0)</f>
        <v>0</v>
      </c>
      <c r="I164">
        <f t="shared" si="34"/>
        <v>0.3247893711140678</v>
      </c>
      <c r="J164">
        <f t="shared" si="35"/>
        <v>1.0826312370468929</v>
      </c>
      <c r="K164">
        <f t="shared" si="36"/>
        <v>1.6239468555703394</v>
      </c>
      <c r="L164">
        <f t="shared" si="37"/>
        <v>15.8330837470075</v>
      </c>
      <c r="M164">
        <f t="shared" si="38"/>
        <v>0</v>
      </c>
      <c r="N164" s="46">
        <f t="shared" ref="N164:N227" si="39">N163+1/24</f>
        <v>45297.416666666351</v>
      </c>
      <c r="O164">
        <v>0.30967949940477973</v>
      </c>
      <c r="P164">
        <v>1.0322649980159326</v>
      </c>
      <c r="Q164">
        <v>1.5483974970238989</v>
      </c>
      <c r="R164">
        <v>15.492262111486028</v>
      </c>
      <c r="S164">
        <v>0</v>
      </c>
      <c r="T164" s="46">
        <v>45640.416666646386</v>
      </c>
    </row>
    <row r="165" spans="2:21" x14ac:dyDescent="0.3">
      <c r="B165">
        <f t="shared" si="33"/>
        <v>6</v>
      </c>
      <c r="C165" s="16">
        <v>131</v>
      </c>
      <c r="D165" cm="1">
        <f t="array" ref="D165">IFERROR(INDEX(Jesper!AH$2:AH$366,ROUNDDOWN($C165/24,0)+1,1)*INDEX($D$3:$AA$30,INDEX(Jesper!$R$2:$R$366,ROW(INDEX(Jesper!AH$2:AH$366,ROUNDDOWN($C165/24,0)+1,1))-1)+IF('Standard Profiles'!$G$18=$B$10,7,0)+IF('Standard Profiles'!$G$18=$B$17,14,0)+IF('Standard Profiles'!$G$18=$B$24,21,0),MOD($C165,24)+1)/SUM(INDEX($D$3:$AA$30,INDEX(Jesper!$R$2:$R$366,ROW(INDEX(Jesper!AH$2:AH$366,ROUNDDOWN($C165/24,0)+1,1))-1)+IF('Standard Profiles'!$G$18=$B$10,7,0)+IF('Standard Profiles'!$G$18=$B$17,14,0)+IF('Standard Profiles'!$G$18=$B$24,21,0),0)),0)</f>
        <v>15.259289191372648</v>
      </c>
      <c r="E165" cm="1">
        <f t="array" ref="E165">IFERROR(INDEX(Jesper!AI$2:AI$366,ROUNDDOWN($C165/24,0)+1,1)*INDEX($D$3:$AA$30,INDEX(Jesper!$R$2:$R$366,ROW(INDEX(Jesper!AI$2:AI$366,ROUNDDOWN($C165/24,0)+1,1))-1)+IF('Standard Profiles'!$G$19=$B$10,7,0)+IF('Standard Profiles'!$G$19=$B$17,14,0)+IF('Standard Profiles'!$G$19=$B$24,21,0),MOD($C165,24)+1)/SUM(INDEX($D$3:$AA$30,INDEX(Jesper!$R$2:$R$366,ROW(INDEX(Jesper!AI$2:AI$366,ROUNDDOWN($C165/24,0)+1,1))-1)+IF('Standard Profiles'!$G$19=$B$10,7,0)+IF('Standard Profiles'!$G$19=$B$17,14,0)+IF('Standard Profiles'!$G$19=$B$24,21,0),0)),0)</f>
        <v>3.6051620193661518</v>
      </c>
      <c r="F165" cm="1">
        <f t="array" ref="F165">IFERROR(INDEX(Jesper!AJ$2:AJ$366,ROUNDDOWN($C165/24,0)+1,1)*INDEX($D$3:$AA$30,INDEX(Jesper!$R$2:$R$366,ROW(INDEX(Jesper!AJ$2:AJ$366,ROUNDDOWN($C165/24,0)+1,1))-1)+IF('Standard Profiles'!$G$20=$B$10,7,0)+IF('Standard Profiles'!$G$20=$B$17,14,0)+IF('Standard Profiles'!$G$20=$B$24,21,0),MOD($C165,24)+1)/SUM(INDEX($D$3:$AA$30,INDEX(Jesper!$R$2:$R$366,ROW(INDEX(Jesper!AJ$2:AJ$366,ROUNDDOWN($C165/24,0)+1,1))-1)+IF('Standard Profiles'!$G$20=$B$10,7,0)+IF('Standard Profiles'!$G$20=$B$17,14,0)+IF('Standard Profiles'!$G$20=$B$24,21,0),0)),0)</f>
        <v>0</v>
      </c>
      <c r="G165" cm="1">
        <f t="array" ref="G165">IFERROR(INDEX(Jesper!AK$2:AK$366,ROUNDDOWN($C165/24,0)+1,1)*INDEX($D$3:$AA$30,INDEX(Jesper!$R$2:$R$366,ROW(INDEX(Jesper!AK$2:AK$366,ROUNDDOWN($C165/24,0)+1,1))-1)+IF('Standard Profiles'!$G$21=$B$10,7,0)+IF('Standard Profiles'!$G$21=$B$17,14,0)+IF('Standard Profiles'!$G$21=$B$24,21,0),MOD($C165,24)+1)/SUM(INDEX($D$3:$AA$30,INDEX(Jesper!$R$2:$R$366,ROW(INDEX(Jesper!AK$2:AK$366,ROUNDDOWN($C165/24,0)+1,1))-1)+IF('Standard Profiles'!$G$21=$B$10,7,0)+IF('Standard Profiles'!$G$21=$B$17,14,0)+IF('Standard Profiles'!$G$21=$B$24,21,0),0)),0)</f>
        <v>0</v>
      </c>
      <c r="H165" cm="1">
        <f t="array" ref="H165">IFERROR(INDEX(Jesper!AL$2:AL$366,ROUNDDOWN($C165/24,0)+1,1)*INDEX($D$3:$AA$30,INDEX(Jesper!$R$2:$R$366,ROW(INDEX(Jesper!AL$2:AL$366,ROUNDDOWN($C165/24,0)+1,1))-1)+IF('Standard Profiles'!$G$22=$B$10,7,0)+IF('Standard Profiles'!$G$22=$B$17,14,0)+IF('Standard Profiles'!$G$22=$B$24,21,0),MOD($C165,24)+1)/SUM(INDEX($D$3:$AA$30,INDEX(Jesper!$R$2:$R$366,ROW(INDEX(Jesper!AL$2:AL$366,ROUNDDOWN($C165/24,0)+1,1))-1)+IF('Standard Profiles'!$G$22=$B$10,7,0)+IF('Standard Profiles'!$G$22=$B$17,14,0)+IF('Standard Profiles'!$G$22=$B$24,21,0),0)),0)</f>
        <v>0</v>
      </c>
      <c r="I165">
        <f t="shared" si="34"/>
        <v>0.3247893711140678</v>
      </c>
      <c r="J165">
        <f t="shared" si="35"/>
        <v>1.0826312370468929</v>
      </c>
      <c r="K165">
        <f t="shared" si="36"/>
        <v>1.6239468555703394</v>
      </c>
      <c r="L165">
        <f t="shared" si="37"/>
        <v>15.8330837470075</v>
      </c>
      <c r="M165">
        <f t="shared" si="38"/>
        <v>0</v>
      </c>
      <c r="N165" s="46">
        <f t="shared" si="39"/>
        <v>45297.458333333016</v>
      </c>
      <c r="O165">
        <v>0.30967949940477973</v>
      </c>
      <c r="P165">
        <v>1.0322649980159326</v>
      </c>
      <c r="Q165">
        <v>1.5483974970238989</v>
      </c>
      <c r="R165">
        <v>15.492262111486028</v>
      </c>
      <c r="S165">
        <v>0</v>
      </c>
      <c r="T165" s="46">
        <v>45640.45833331305</v>
      </c>
      <c r="U165" t="str">
        <f>CHOOSE(WEEKDAY(T165,2),"Monday","Tuesday","Wednesday","Thursday","Friday","Saturday","Sunday")</f>
        <v>Saturday</v>
      </c>
    </row>
    <row r="166" spans="2:21" x14ac:dyDescent="0.3">
      <c r="B166">
        <f t="shared" si="33"/>
        <v>6</v>
      </c>
      <c r="C166" s="16">
        <v>132</v>
      </c>
      <c r="D166" cm="1">
        <f t="array" ref="D166">IFERROR(INDEX(Jesper!AH$2:AH$366,ROUNDDOWN($C166/24,0)+1,1)*INDEX($D$3:$AA$30,INDEX(Jesper!$R$2:$R$366,ROW(INDEX(Jesper!AH$2:AH$366,ROUNDDOWN($C166/24,0)+1,1))-1)+IF('Standard Profiles'!$G$18=$B$10,7,0)+IF('Standard Profiles'!$G$18=$B$17,14,0)+IF('Standard Profiles'!$G$18=$B$24,21,0),MOD($C166,24)+1)/SUM(INDEX($D$3:$AA$30,INDEX(Jesper!$R$2:$R$366,ROW(INDEX(Jesper!AH$2:AH$366,ROUNDDOWN($C166/24,0)+1,1))-1)+IF('Standard Profiles'!$G$18=$B$10,7,0)+IF('Standard Profiles'!$G$18=$B$17,14,0)+IF('Standard Profiles'!$G$18=$B$24,21,0),0)),0)</f>
        <v>15.259289191372648</v>
      </c>
      <c r="E166" cm="1">
        <f t="array" ref="E166">IFERROR(INDEX(Jesper!AI$2:AI$366,ROUNDDOWN($C166/24,0)+1,1)*INDEX($D$3:$AA$30,INDEX(Jesper!$R$2:$R$366,ROW(INDEX(Jesper!AI$2:AI$366,ROUNDDOWN($C166/24,0)+1,1))-1)+IF('Standard Profiles'!$G$19=$B$10,7,0)+IF('Standard Profiles'!$G$19=$B$17,14,0)+IF('Standard Profiles'!$G$19=$B$24,21,0),MOD($C166,24)+1)/SUM(INDEX($D$3:$AA$30,INDEX(Jesper!$R$2:$R$366,ROW(INDEX(Jesper!AI$2:AI$366,ROUNDDOWN($C166/24,0)+1,1))-1)+IF('Standard Profiles'!$G$19=$B$10,7,0)+IF('Standard Profiles'!$G$19=$B$17,14,0)+IF('Standard Profiles'!$G$19=$B$24,21,0),0)),0)</f>
        <v>3.6051620193661518</v>
      </c>
      <c r="F166" cm="1">
        <f t="array" ref="F166">IFERROR(INDEX(Jesper!AJ$2:AJ$366,ROUNDDOWN($C166/24,0)+1,1)*INDEX($D$3:$AA$30,INDEX(Jesper!$R$2:$R$366,ROW(INDEX(Jesper!AJ$2:AJ$366,ROUNDDOWN($C166/24,0)+1,1))-1)+IF('Standard Profiles'!$G$20=$B$10,7,0)+IF('Standard Profiles'!$G$20=$B$17,14,0)+IF('Standard Profiles'!$G$20=$B$24,21,0),MOD($C166,24)+1)/SUM(INDEX($D$3:$AA$30,INDEX(Jesper!$R$2:$R$366,ROW(INDEX(Jesper!AJ$2:AJ$366,ROUNDDOWN($C166/24,0)+1,1))-1)+IF('Standard Profiles'!$G$20=$B$10,7,0)+IF('Standard Profiles'!$G$20=$B$17,14,0)+IF('Standard Profiles'!$G$20=$B$24,21,0),0)),0)</f>
        <v>0</v>
      </c>
      <c r="G166" cm="1">
        <f t="array" ref="G166">IFERROR(INDEX(Jesper!AK$2:AK$366,ROUNDDOWN($C166/24,0)+1,1)*INDEX($D$3:$AA$30,INDEX(Jesper!$R$2:$R$366,ROW(INDEX(Jesper!AK$2:AK$366,ROUNDDOWN($C166/24,0)+1,1))-1)+IF('Standard Profiles'!$G$21=$B$10,7,0)+IF('Standard Profiles'!$G$21=$B$17,14,0)+IF('Standard Profiles'!$G$21=$B$24,21,0),MOD($C166,24)+1)/SUM(INDEX($D$3:$AA$30,INDEX(Jesper!$R$2:$R$366,ROW(INDEX(Jesper!AK$2:AK$366,ROUNDDOWN($C166/24,0)+1,1))-1)+IF('Standard Profiles'!$G$21=$B$10,7,0)+IF('Standard Profiles'!$G$21=$B$17,14,0)+IF('Standard Profiles'!$G$21=$B$24,21,0),0)),0)</f>
        <v>0</v>
      </c>
      <c r="H166" cm="1">
        <f t="array" ref="H166">IFERROR(INDEX(Jesper!AL$2:AL$366,ROUNDDOWN($C166/24,0)+1,1)*INDEX($D$3:$AA$30,INDEX(Jesper!$R$2:$R$366,ROW(INDEX(Jesper!AL$2:AL$366,ROUNDDOWN($C166/24,0)+1,1))-1)+IF('Standard Profiles'!$G$22=$B$10,7,0)+IF('Standard Profiles'!$G$22=$B$17,14,0)+IF('Standard Profiles'!$G$22=$B$24,21,0),MOD($C166,24)+1)/SUM(INDEX($D$3:$AA$30,INDEX(Jesper!$R$2:$R$366,ROW(INDEX(Jesper!AL$2:AL$366,ROUNDDOWN($C166/24,0)+1,1))-1)+IF('Standard Profiles'!$G$22=$B$10,7,0)+IF('Standard Profiles'!$G$22=$B$17,14,0)+IF('Standard Profiles'!$G$22=$B$24,21,0),0)),0)</f>
        <v>0</v>
      </c>
      <c r="I166">
        <f t="shared" si="34"/>
        <v>0.3247893711140678</v>
      </c>
      <c r="J166">
        <f t="shared" si="35"/>
        <v>1.0826312370468929</v>
      </c>
      <c r="K166">
        <f t="shared" si="36"/>
        <v>1.6239468555703394</v>
      </c>
      <c r="L166">
        <f t="shared" si="37"/>
        <v>15.8330837470075</v>
      </c>
      <c r="M166">
        <f t="shared" si="38"/>
        <v>0</v>
      </c>
      <c r="N166" s="46">
        <f t="shared" si="39"/>
        <v>45297.49999999968</v>
      </c>
      <c r="O166">
        <v>0.30967949940477973</v>
      </c>
      <c r="P166">
        <v>1.0322649980159326</v>
      </c>
      <c r="Q166">
        <v>1.5483974970238989</v>
      </c>
      <c r="R166">
        <v>15.492262111486028</v>
      </c>
      <c r="S166">
        <v>0</v>
      </c>
      <c r="T166" s="46">
        <v>45640.499999979715</v>
      </c>
    </row>
    <row r="167" spans="2:21" x14ac:dyDescent="0.3">
      <c r="B167">
        <f t="shared" si="33"/>
        <v>6</v>
      </c>
      <c r="C167" s="16">
        <v>133</v>
      </c>
      <c r="D167" cm="1">
        <f t="array" ref="D167">IFERROR(INDEX(Jesper!AH$2:AH$366,ROUNDDOWN($C167/24,0)+1,1)*INDEX($D$3:$AA$30,INDEX(Jesper!$R$2:$R$366,ROW(INDEX(Jesper!AH$2:AH$366,ROUNDDOWN($C167/24,0)+1,1))-1)+IF('Standard Profiles'!$G$18=$B$10,7,0)+IF('Standard Profiles'!$G$18=$B$17,14,0)+IF('Standard Profiles'!$G$18=$B$24,21,0),MOD($C167,24)+1)/SUM(INDEX($D$3:$AA$30,INDEX(Jesper!$R$2:$R$366,ROW(INDEX(Jesper!AH$2:AH$366,ROUNDDOWN($C167/24,0)+1,1))-1)+IF('Standard Profiles'!$G$18=$B$10,7,0)+IF('Standard Profiles'!$G$18=$B$17,14,0)+IF('Standard Profiles'!$G$18=$B$24,21,0),0)),0)</f>
        <v>15.259289191372648</v>
      </c>
      <c r="E167" cm="1">
        <f t="array" ref="E167">IFERROR(INDEX(Jesper!AI$2:AI$366,ROUNDDOWN($C167/24,0)+1,1)*INDEX($D$3:$AA$30,INDEX(Jesper!$R$2:$R$366,ROW(INDEX(Jesper!AI$2:AI$366,ROUNDDOWN($C167/24,0)+1,1))-1)+IF('Standard Profiles'!$G$19=$B$10,7,0)+IF('Standard Profiles'!$G$19=$B$17,14,0)+IF('Standard Profiles'!$G$19=$B$24,21,0),MOD($C167,24)+1)/SUM(INDEX($D$3:$AA$30,INDEX(Jesper!$R$2:$R$366,ROW(INDEX(Jesper!AI$2:AI$366,ROUNDDOWN($C167/24,0)+1,1))-1)+IF('Standard Profiles'!$G$19=$B$10,7,0)+IF('Standard Profiles'!$G$19=$B$17,14,0)+IF('Standard Profiles'!$G$19=$B$24,21,0),0)),0)</f>
        <v>3.6051620193661518</v>
      </c>
      <c r="F167" cm="1">
        <f t="array" ref="F167">IFERROR(INDEX(Jesper!AJ$2:AJ$366,ROUNDDOWN($C167/24,0)+1,1)*INDEX($D$3:$AA$30,INDEX(Jesper!$R$2:$R$366,ROW(INDEX(Jesper!AJ$2:AJ$366,ROUNDDOWN($C167/24,0)+1,1))-1)+IF('Standard Profiles'!$G$20=$B$10,7,0)+IF('Standard Profiles'!$G$20=$B$17,14,0)+IF('Standard Profiles'!$G$20=$B$24,21,0),MOD($C167,24)+1)/SUM(INDEX($D$3:$AA$30,INDEX(Jesper!$R$2:$R$366,ROW(INDEX(Jesper!AJ$2:AJ$366,ROUNDDOWN($C167/24,0)+1,1))-1)+IF('Standard Profiles'!$G$20=$B$10,7,0)+IF('Standard Profiles'!$G$20=$B$17,14,0)+IF('Standard Profiles'!$G$20=$B$24,21,0),0)),0)</f>
        <v>0</v>
      </c>
      <c r="G167" cm="1">
        <f t="array" ref="G167">IFERROR(INDEX(Jesper!AK$2:AK$366,ROUNDDOWN($C167/24,0)+1,1)*INDEX($D$3:$AA$30,INDEX(Jesper!$R$2:$R$366,ROW(INDEX(Jesper!AK$2:AK$366,ROUNDDOWN($C167/24,0)+1,1))-1)+IF('Standard Profiles'!$G$21=$B$10,7,0)+IF('Standard Profiles'!$G$21=$B$17,14,0)+IF('Standard Profiles'!$G$21=$B$24,21,0),MOD($C167,24)+1)/SUM(INDEX($D$3:$AA$30,INDEX(Jesper!$R$2:$R$366,ROW(INDEX(Jesper!AK$2:AK$366,ROUNDDOWN($C167/24,0)+1,1))-1)+IF('Standard Profiles'!$G$21=$B$10,7,0)+IF('Standard Profiles'!$G$21=$B$17,14,0)+IF('Standard Profiles'!$G$21=$B$24,21,0),0)),0)</f>
        <v>0</v>
      </c>
      <c r="H167" cm="1">
        <f t="array" ref="H167">IFERROR(INDEX(Jesper!AL$2:AL$366,ROUNDDOWN($C167/24,0)+1,1)*INDEX($D$3:$AA$30,INDEX(Jesper!$R$2:$R$366,ROW(INDEX(Jesper!AL$2:AL$366,ROUNDDOWN($C167/24,0)+1,1))-1)+IF('Standard Profiles'!$G$22=$B$10,7,0)+IF('Standard Profiles'!$G$22=$B$17,14,0)+IF('Standard Profiles'!$G$22=$B$24,21,0),MOD($C167,24)+1)/SUM(INDEX($D$3:$AA$30,INDEX(Jesper!$R$2:$R$366,ROW(INDEX(Jesper!AL$2:AL$366,ROUNDDOWN($C167/24,0)+1,1))-1)+IF('Standard Profiles'!$G$22=$B$10,7,0)+IF('Standard Profiles'!$G$22=$B$17,14,0)+IF('Standard Profiles'!$G$22=$B$24,21,0),0)),0)</f>
        <v>0</v>
      </c>
      <c r="I167">
        <f t="shared" si="34"/>
        <v>0.3247893711140678</v>
      </c>
      <c r="J167">
        <f t="shared" si="35"/>
        <v>1.0826312370468929</v>
      </c>
      <c r="K167">
        <f t="shared" si="36"/>
        <v>1.6239468555703394</v>
      </c>
      <c r="L167">
        <f t="shared" si="37"/>
        <v>15.8330837470075</v>
      </c>
      <c r="M167">
        <f t="shared" si="38"/>
        <v>0</v>
      </c>
      <c r="N167" s="46">
        <f t="shared" si="39"/>
        <v>45297.541666666344</v>
      </c>
      <c r="O167">
        <v>0.30967949940477973</v>
      </c>
      <c r="P167">
        <v>1.0322649980159326</v>
      </c>
      <c r="Q167">
        <v>1.5483974970238989</v>
      </c>
      <c r="R167">
        <v>15.492262111486028</v>
      </c>
      <c r="S167">
        <v>0</v>
      </c>
      <c r="T167" s="46">
        <v>45640.541666646379</v>
      </c>
    </row>
    <row r="168" spans="2:21" x14ac:dyDescent="0.3">
      <c r="B168">
        <f t="shared" si="33"/>
        <v>6</v>
      </c>
      <c r="C168" s="16">
        <v>134</v>
      </c>
      <c r="D168" cm="1">
        <f t="array" ref="D168">IFERROR(INDEX(Jesper!AH$2:AH$366,ROUNDDOWN($C168/24,0)+1,1)*INDEX($D$3:$AA$30,INDEX(Jesper!$R$2:$R$366,ROW(INDEX(Jesper!AH$2:AH$366,ROUNDDOWN($C168/24,0)+1,1))-1)+IF('Standard Profiles'!$G$18=$B$10,7,0)+IF('Standard Profiles'!$G$18=$B$17,14,0)+IF('Standard Profiles'!$G$18=$B$24,21,0),MOD($C168,24)+1)/SUM(INDEX($D$3:$AA$30,INDEX(Jesper!$R$2:$R$366,ROW(INDEX(Jesper!AH$2:AH$366,ROUNDDOWN($C168/24,0)+1,1))-1)+IF('Standard Profiles'!$G$18=$B$10,7,0)+IF('Standard Profiles'!$G$18=$B$17,14,0)+IF('Standard Profiles'!$G$18=$B$24,21,0),0)),0)</f>
        <v>15.259289191372648</v>
      </c>
      <c r="E168" cm="1">
        <f t="array" ref="E168">IFERROR(INDEX(Jesper!AI$2:AI$366,ROUNDDOWN($C168/24,0)+1,1)*INDEX($D$3:$AA$30,INDEX(Jesper!$R$2:$R$366,ROW(INDEX(Jesper!AI$2:AI$366,ROUNDDOWN($C168/24,0)+1,1))-1)+IF('Standard Profiles'!$G$19=$B$10,7,0)+IF('Standard Profiles'!$G$19=$B$17,14,0)+IF('Standard Profiles'!$G$19=$B$24,21,0),MOD($C168,24)+1)/SUM(INDEX($D$3:$AA$30,INDEX(Jesper!$R$2:$R$366,ROW(INDEX(Jesper!AI$2:AI$366,ROUNDDOWN($C168/24,0)+1,1))-1)+IF('Standard Profiles'!$G$19=$B$10,7,0)+IF('Standard Profiles'!$G$19=$B$17,14,0)+IF('Standard Profiles'!$G$19=$B$24,21,0),0)),0)</f>
        <v>3.6051620193661518</v>
      </c>
      <c r="F168" cm="1">
        <f t="array" ref="F168">IFERROR(INDEX(Jesper!AJ$2:AJ$366,ROUNDDOWN($C168/24,0)+1,1)*INDEX($D$3:$AA$30,INDEX(Jesper!$R$2:$R$366,ROW(INDEX(Jesper!AJ$2:AJ$366,ROUNDDOWN($C168/24,0)+1,1))-1)+IF('Standard Profiles'!$G$20=$B$10,7,0)+IF('Standard Profiles'!$G$20=$B$17,14,0)+IF('Standard Profiles'!$G$20=$B$24,21,0),MOD($C168,24)+1)/SUM(INDEX($D$3:$AA$30,INDEX(Jesper!$R$2:$R$366,ROW(INDEX(Jesper!AJ$2:AJ$366,ROUNDDOWN($C168/24,0)+1,1))-1)+IF('Standard Profiles'!$G$20=$B$10,7,0)+IF('Standard Profiles'!$G$20=$B$17,14,0)+IF('Standard Profiles'!$G$20=$B$24,21,0),0)),0)</f>
        <v>0</v>
      </c>
      <c r="G168" cm="1">
        <f t="array" ref="G168">IFERROR(INDEX(Jesper!AK$2:AK$366,ROUNDDOWN($C168/24,0)+1,1)*INDEX($D$3:$AA$30,INDEX(Jesper!$R$2:$R$366,ROW(INDEX(Jesper!AK$2:AK$366,ROUNDDOWN($C168/24,0)+1,1))-1)+IF('Standard Profiles'!$G$21=$B$10,7,0)+IF('Standard Profiles'!$G$21=$B$17,14,0)+IF('Standard Profiles'!$G$21=$B$24,21,0),MOD($C168,24)+1)/SUM(INDEX($D$3:$AA$30,INDEX(Jesper!$R$2:$R$366,ROW(INDEX(Jesper!AK$2:AK$366,ROUNDDOWN($C168/24,0)+1,1))-1)+IF('Standard Profiles'!$G$21=$B$10,7,0)+IF('Standard Profiles'!$G$21=$B$17,14,0)+IF('Standard Profiles'!$G$21=$B$24,21,0),0)),0)</f>
        <v>0</v>
      </c>
      <c r="H168" cm="1">
        <f t="array" ref="H168">IFERROR(INDEX(Jesper!AL$2:AL$366,ROUNDDOWN($C168/24,0)+1,1)*INDEX($D$3:$AA$30,INDEX(Jesper!$R$2:$R$366,ROW(INDEX(Jesper!AL$2:AL$366,ROUNDDOWN($C168/24,0)+1,1))-1)+IF('Standard Profiles'!$G$22=$B$10,7,0)+IF('Standard Profiles'!$G$22=$B$17,14,0)+IF('Standard Profiles'!$G$22=$B$24,21,0),MOD($C168,24)+1)/SUM(INDEX($D$3:$AA$30,INDEX(Jesper!$R$2:$R$366,ROW(INDEX(Jesper!AL$2:AL$366,ROUNDDOWN($C168/24,0)+1,1))-1)+IF('Standard Profiles'!$G$22=$B$10,7,0)+IF('Standard Profiles'!$G$22=$B$17,14,0)+IF('Standard Profiles'!$G$22=$B$24,21,0),0)),0)</f>
        <v>0</v>
      </c>
      <c r="I168">
        <f t="shared" si="34"/>
        <v>0.3247893711140678</v>
      </c>
      <c r="J168">
        <f t="shared" si="35"/>
        <v>1.0826312370468929</v>
      </c>
      <c r="K168">
        <f t="shared" si="36"/>
        <v>1.6239468555703394</v>
      </c>
      <c r="L168">
        <f t="shared" si="37"/>
        <v>15.8330837470075</v>
      </c>
      <c r="M168">
        <f t="shared" si="38"/>
        <v>0</v>
      </c>
      <c r="N168" s="46">
        <f t="shared" si="39"/>
        <v>45297.583333333008</v>
      </c>
      <c r="O168">
        <v>0.30967949940477973</v>
      </c>
      <c r="P168">
        <v>1.0322649980159326</v>
      </c>
      <c r="Q168">
        <v>1.5483974970238989</v>
      </c>
      <c r="R168">
        <v>15.492262111486028</v>
      </c>
      <c r="S168">
        <v>0</v>
      </c>
      <c r="T168" s="46">
        <v>45640.583333313043</v>
      </c>
    </row>
    <row r="169" spans="2:21" x14ac:dyDescent="0.3">
      <c r="B169">
        <f t="shared" si="33"/>
        <v>6</v>
      </c>
      <c r="C169" s="16">
        <v>135</v>
      </c>
      <c r="D169" cm="1">
        <f t="array" ref="D169">IFERROR(INDEX(Jesper!AH$2:AH$366,ROUNDDOWN($C169/24,0)+1,1)*INDEX($D$3:$AA$30,INDEX(Jesper!$R$2:$R$366,ROW(INDEX(Jesper!AH$2:AH$366,ROUNDDOWN($C169/24,0)+1,1))-1)+IF('Standard Profiles'!$G$18=$B$10,7,0)+IF('Standard Profiles'!$G$18=$B$17,14,0)+IF('Standard Profiles'!$G$18=$B$24,21,0),MOD($C169,24)+1)/SUM(INDEX($D$3:$AA$30,INDEX(Jesper!$R$2:$R$366,ROW(INDEX(Jesper!AH$2:AH$366,ROUNDDOWN($C169/24,0)+1,1))-1)+IF('Standard Profiles'!$G$18=$B$10,7,0)+IF('Standard Profiles'!$G$18=$B$17,14,0)+IF('Standard Profiles'!$G$18=$B$24,21,0),0)),0)</f>
        <v>13.796069679871161</v>
      </c>
      <c r="E169" cm="1">
        <f t="array" ref="E169">IFERROR(INDEX(Jesper!AI$2:AI$366,ROUNDDOWN($C169/24,0)+1,1)*INDEX($D$3:$AA$30,INDEX(Jesper!$R$2:$R$366,ROW(INDEX(Jesper!AI$2:AI$366,ROUNDDOWN($C169/24,0)+1,1))-1)+IF('Standard Profiles'!$G$19=$B$10,7,0)+IF('Standard Profiles'!$G$19=$B$17,14,0)+IF('Standard Profiles'!$G$19=$B$24,21,0),MOD($C169,24)+1)/SUM(INDEX($D$3:$AA$30,INDEX(Jesper!$R$2:$R$366,ROW(INDEX(Jesper!AI$2:AI$366,ROUNDDOWN($C169/24,0)+1,1))-1)+IF('Standard Profiles'!$G$19=$B$10,7,0)+IF('Standard Profiles'!$G$19=$B$17,14,0)+IF('Standard Profiles'!$G$19=$B$24,21,0),0)),0)</f>
        <v>3.2594615517556988</v>
      </c>
      <c r="F169" cm="1">
        <f t="array" ref="F169">IFERROR(INDEX(Jesper!AJ$2:AJ$366,ROUNDDOWN($C169/24,0)+1,1)*INDEX($D$3:$AA$30,INDEX(Jesper!$R$2:$R$366,ROW(INDEX(Jesper!AJ$2:AJ$366,ROUNDDOWN($C169/24,0)+1,1))-1)+IF('Standard Profiles'!$G$20=$B$10,7,0)+IF('Standard Profiles'!$G$20=$B$17,14,0)+IF('Standard Profiles'!$G$20=$B$24,21,0),MOD($C169,24)+1)/SUM(INDEX($D$3:$AA$30,INDEX(Jesper!$R$2:$R$366,ROW(INDEX(Jesper!AJ$2:AJ$366,ROUNDDOWN($C169/24,0)+1,1))-1)+IF('Standard Profiles'!$G$20=$B$10,7,0)+IF('Standard Profiles'!$G$20=$B$17,14,0)+IF('Standard Profiles'!$G$20=$B$24,21,0),0)),0)</f>
        <v>0</v>
      </c>
      <c r="G169" cm="1">
        <f t="array" ref="G169">IFERROR(INDEX(Jesper!AK$2:AK$366,ROUNDDOWN($C169/24,0)+1,1)*INDEX($D$3:$AA$30,INDEX(Jesper!$R$2:$R$366,ROW(INDEX(Jesper!AK$2:AK$366,ROUNDDOWN($C169/24,0)+1,1))-1)+IF('Standard Profiles'!$G$21=$B$10,7,0)+IF('Standard Profiles'!$G$21=$B$17,14,0)+IF('Standard Profiles'!$G$21=$B$24,21,0),MOD($C169,24)+1)/SUM(INDEX($D$3:$AA$30,INDEX(Jesper!$R$2:$R$366,ROW(INDEX(Jesper!AK$2:AK$366,ROUNDDOWN($C169/24,0)+1,1))-1)+IF('Standard Profiles'!$G$21=$B$10,7,0)+IF('Standard Profiles'!$G$21=$B$17,14,0)+IF('Standard Profiles'!$G$21=$B$24,21,0),0)),0)</f>
        <v>0</v>
      </c>
      <c r="H169" cm="1">
        <f t="array" ref="H169">IFERROR(INDEX(Jesper!AL$2:AL$366,ROUNDDOWN($C169/24,0)+1,1)*INDEX($D$3:$AA$30,INDEX(Jesper!$R$2:$R$366,ROW(INDEX(Jesper!AL$2:AL$366,ROUNDDOWN($C169/24,0)+1,1))-1)+IF('Standard Profiles'!$G$22=$B$10,7,0)+IF('Standard Profiles'!$G$22=$B$17,14,0)+IF('Standard Profiles'!$G$22=$B$24,21,0),MOD($C169,24)+1)/SUM(INDEX($D$3:$AA$30,INDEX(Jesper!$R$2:$R$366,ROW(INDEX(Jesper!AL$2:AL$366,ROUNDDOWN($C169/24,0)+1,1))-1)+IF('Standard Profiles'!$G$22=$B$10,7,0)+IF('Standard Profiles'!$G$22=$B$17,14,0)+IF('Standard Profiles'!$G$22=$B$24,21,0),0)),0)</f>
        <v>0</v>
      </c>
      <c r="I169">
        <f t="shared" si="34"/>
        <v>0.29364518484285584</v>
      </c>
      <c r="J169">
        <f t="shared" si="35"/>
        <v>0.97881728280951952</v>
      </c>
      <c r="K169">
        <f t="shared" si="36"/>
        <v>1.4682259242142792</v>
      </c>
      <c r="L169">
        <f t="shared" si="37"/>
        <v>14.314842839760205</v>
      </c>
      <c r="M169">
        <f t="shared" si="38"/>
        <v>0</v>
      </c>
      <c r="N169" s="46">
        <f t="shared" si="39"/>
        <v>45297.624999999673</v>
      </c>
      <c r="O169">
        <v>0.27998420494130771</v>
      </c>
      <c r="P169">
        <v>0.93328068313769252</v>
      </c>
      <c r="Q169">
        <v>1.3999210247065388</v>
      </c>
      <c r="R169">
        <v>14.006702730932574</v>
      </c>
      <c r="S169">
        <v>0</v>
      </c>
      <c r="T169" s="46">
        <v>45640.624999979707</v>
      </c>
    </row>
    <row r="170" spans="2:21" x14ac:dyDescent="0.3">
      <c r="B170">
        <f t="shared" si="33"/>
        <v>6</v>
      </c>
      <c r="C170" s="16">
        <v>136</v>
      </c>
      <c r="D170" cm="1">
        <f t="array" ref="D170">IFERROR(INDEX(Jesper!AH$2:AH$366,ROUNDDOWN($C170/24,0)+1,1)*INDEX($D$3:$AA$30,INDEX(Jesper!$R$2:$R$366,ROW(INDEX(Jesper!AH$2:AH$366,ROUNDDOWN($C170/24,0)+1,1))-1)+IF('Standard Profiles'!$G$18=$B$10,7,0)+IF('Standard Profiles'!$G$18=$B$17,14,0)+IF('Standard Profiles'!$G$18=$B$24,21,0),MOD($C170,24)+1)/SUM(INDEX($D$3:$AA$30,INDEX(Jesper!$R$2:$R$366,ROW(INDEX(Jesper!AH$2:AH$366,ROUNDDOWN($C170/24,0)+1,1))-1)+IF('Standard Profiles'!$G$18=$B$10,7,0)+IF('Standard Profiles'!$G$18=$B$17,14,0)+IF('Standard Profiles'!$G$18=$B$24,21,0),0)),0)</f>
        <v>12.541881527155601</v>
      </c>
      <c r="E170" cm="1">
        <f t="array" ref="E170">IFERROR(INDEX(Jesper!AI$2:AI$366,ROUNDDOWN($C170/24,0)+1,1)*INDEX($D$3:$AA$30,INDEX(Jesper!$R$2:$R$366,ROW(INDEX(Jesper!AI$2:AI$366,ROUNDDOWN($C170/24,0)+1,1))-1)+IF('Standard Profiles'!$G$19=$B$10,7,0)+IF('Standard Profiles'!$G$19=$B$17,14,0)+IF('Standard Profiles'!$G$19=$B$24,21,0),MOD($C170,24)+1)/SUM(INDEX($D$3:$AA$30,INDEX(Jesper!$R$2:$R$366,ROW(INDEX(Jesper!AI$2:AI$366,ROUNDDOWN($C170/24,0)+1,1))-1)+IF('Standard Profiles'!$G$19=$B$10,7,0)+IF('Standard Profiles'!$G$19=$B$17,14,0)+IF('Standard Profiles'!$G$19=$B$24,21,0),0)),0)</f>
        <v>2.9631468652324533</v>
      </c>
      <c r="F170" cm="1">
        <f t="array" ref="F170">IFERROR(INDEX(Jesper!AJ$2:AJ$366,ROUNDDOWN($C170/24,0)+1,1)*INDEX($D$3:$AA$30,INDEX(Jesper!$R$2:$R$366,ROW(INDEX(Jesper!AJ$2:AJ$366,ROUNDDOWN($C170/24,0)+1,1))-1)+IF('Standard Profiles'!$G$20=$B$10,7,0)+IF('Standard Profiles'!$G$20=$B$17,14,0)+IF('Standard Profiles'!$G$20=$B$24,21,0),MOD($C170,24)+1)/SUM(INDEX($D$3:$AA$30,INDEX(Jesper!$R$2:$R$366,ROW(INDEX(Jesper!AJ$2:AJ$366,ROUNDDOWN($C170/24,0)+1,1))-1)+IF('Standard Profiles'!$G$20=$B$10,7,0)+IF('Standard Profiles'!$G$20=$B$17,14,0)+IF('Standard Profiles'!$G$20=$B$24,21,0),0)),0)</f>
        <v>0</v>
      </c>
      <c r="G170" cm="1">
        <f t="array" ref="G170">IFERROR(INDEX(Jesper!AK$2:AK$366,ROUNDDOWN($C170/24,0)+1,1)*INDEX($D$3:$AA$30,INDEX(Jesper!$R$2:$R$366,ROW(INDEX(Jesper!AK$2:AK$366,ROUNDDOWN($C170/24,0)+1,1))-1)+IF('Standard Profiles'!$G$21=$B$10,7,0)+IF('Standard Profiles'!$G$21=$B$17,14,0)+IF('Standard Profiles'!$G$21=$B$24,21,0),MOD($C170,24)+1)/SUM(INDEX($D$3:$AA$30,INDEX(Jesper!$R$2:$R$366,ROW(INDEX(Jesper!AK$2:AK$366,ROUNDDOWN($C170/24,0)+1,1))-1)+IF('Standard Profiles'!$G$21=$B$10,7,0)+IF('Standard Profiles'!$G$21=$B$17,14,0)+IF('Standard Profiles'!$G$21=$B$24,21,0),0)),0)</f>
        <v>0</v>
      </c>
      <c r="H170" cm="1">
        <f t="array" ref="H170">IFERROR(INDEX(Jesper!AL$2:AL$366,ROUNDDOWN($C170/24,0)+1,1)*INDEX($D$3:$AA$30,INDEX(Jesper!$R$2:$R$366,ROW(INDEX(Jesper!AL$2:AL$366,ROUNDDOWN($C170/24,0)+1,1))-1)+IF('Standard Profiles'!$G$22=$B$10,7,0)+IF('Standard Profiles'!$G$22=$B$17,14,0)+IF('Standard Profiles'!$G$22=$B$24,21,0),MOD($C170,24)+1)/SUM(INDEX($D$3:$AA$30,INDEX(Jesper!$R$2:$R$366,ROW(INDEX(Jesper!AL$2:AL$366,ROUNDDOWN($C170/24,0)+1,1))-1)+IF('Standard Profiles'!$G$22=$B$10,7,0)+IF('Standard Profiles'!$G$22=$B$17,14,0)+IF('Standard Profiles'!$G$22=$B$24,21,0),0)),0)</f>
        <v>0</v>
      </c>
      <c r="I170">
        <f t="shared" si="34"/>
        <v>0.26695016803895982</v>
      </c>
      <c r="J170">
        <f t="shared" si="35"/>
        <v>0.88983389346319952</v>
      </c>
      <c r="K170">
        <f t="shared" si="36"/>
        <v>1.3347508401947994</v>
      </c>
      <c r="L170">
        <f t="shared" si="37"/>
        <v>13.013493490691095</v>
      </c>
      <c r="M170">
        <f t="shared" si="38"/>
        <v>0</v>
      </c>
      <c r="N170" s="46">
        <f t="shared" si="39"/>
        <v>45297.666666666337</v>
      </c>
      <c r="O170">
        <v>0.25453109540118884</v>
      </c>
      <c r="P170">
        <v>0.84843698467062956</v>
      </c>
      <c r="Q170">
        <v>1.2726554770059442</v>
      </c>
      <c r="R170">
        <v>12.733366119029613</v>
      </c>
      <c r="S170">
        <v>0</v>
      </c>
      <c r="T170" s="46">
        <v>45640.666666646372</v>
      </c>
    </row>
    <row r="171" spans="2:21" x14ac:dyDescent="0.3">
      <c r="B171">
        <f t="shared" si="33"/>
        <v>6</v>
      </c>
      <c r="C171" s="16">
        <v>137</v>
      </c>
      <c r="D171" cm="1">
        <f t="array" ref="D171">IFERROR(INDEX(Jesper!AH$2:AH$366,ROUNDDOWN($C171/24,0)+1,1)*INDEX($D$3:$AA$30,INDEX(Jesper!$R$2:$R$366,ROW(INDEX(Jesper!AH$2:AH$366,ROUNDDOWN($C171/24,0)+1,1))-1)+IF('Standard Profiles'!$G$18=$B$10,7,0)+IF('Standard Profiles'!$G$18=$B$17,14,0)+IF('Standard Profiles'!$G$18=$B$24,21,0),MOD($C171,24)+1)/SUM(INDEX($D$3:$AA$30,INDEX(Jesper!$R$2:$R$366,ROW(INDEX(Jesper!AH$2:AH$366,ROUNDDOWN($C171/24,0)+1,1))-1)+IF('Standard Profiles'!$G$18=$B$10,7,0)+IF('Standard Profiles'!$G$18=$B$17,14,0)+IF('Standard Profiles'!$G$18=$B$24,21,0),0)),0)</f>
        <v>11.287693374440043</v>
      </c>
      <c r="E171" cm="1">
        <f t="array" ref="E171">IFERROR(INDEX(Jesper!AI$2:AI$366,ROUNDDOWN($C171/24,0)+1,1)*INDEX($D$3:$AA$30,INDEX(Jesper!$R$2:$R$366,ROW(INDEX(Jesper!AI$2:AI$366,ROUNDDOWN($C171/24,0)+1,1))-1)+IF('Standard Profiles'!$G$19=$B$10,7,0)+IF('Standard Profiles'!$G$19=$B$17,14,0)+IF('Standard Profiles'!$G$19=$B$24,21,0),MOD($C171,24)+1)/SUM(INDEX($D$3:$AA$30,INDEX(Jesper!$R$2:$R$366,ROW(INDEX(Jesper!AI$2:AI$366,ROUNDDOWN($C171/24,0)+1,1))-1)+IF('Standard Profiles'!$G$19=$B$10,7,0)+IF('Standard Profiles'!$G$19=$B$17,14,0)+IF('Standard Profiles'!$G$19=$B$24,21,0),0)),0)</f>
        <v>2.6668321787092086</v>
      </c>
      <c r="F171" cm="1">
        <f t="array" ref="F171">IFERROR(INDEX(Jesper!AJ$2:AJ$366,ROUNDDOWN($C171/24,0)+1,1)*INDEX($D$3:$AA$30,INDEX(Jesper!$R$2:$R$366,ROW(INDEX(Jesper!AJ$2:AJ$366,ROUNDDOWN($C171/24,0)+1,1))-1)+IF('Standard Profiles'!$G$20=$B$10,7,0)+IF('Standard Profiles'!$G$20=$B$17,14,0)+IF('Standard Profiles'!$G$20=$B$24,21,0),MOD($C171,24)+1)/SUM(INDEX($D$3:$AA$30,INDEX(Jesper!$R$2:$R$366,ROW(INDEX(Jesper!AJ$2:AJ$366,ROUNDDOWN($C171/24,0)+1,1))-1)+IF('Standard Profiles'!$G$20=$B$10,7,0)+IF('Standard Profiles'!$G$20=$B$17,14,0)+IF('Standard Profiles'!$G$20=$B$24,21,0),0)),0)</f>
        <v>0</v>
      </c>
      <c r="G171" cm="1">
        <f t="array" ref="G171">IFERROR(INDEX(Jesper!AK$2:AK$366,ROUNDDOWN($C171/24,0)+1,1)*INDEX($D$3:$AA$30,INDEX(Jesper!$R$2:$R$366,ROW(INDEX(Jesper!AK$2:AK$366,ROUNDDOWN($C171/24,0)+1,1))-1)+IF('Standard Profiles'!$G$21=$B$10,7,0)+IF('Standard Profiles'!$G$21=$B$17,14,0)+IF('Standard Profiles'!$G$21=$B$24,21,0),MOD($C171,24)+1)/SUM(INDEX($D$3:$AA$30,INDEX(Jesper!$R$2:$R$366,ROW(INDEX(Jesper!AK$2:AK$366,ROUNDDOWN($C171/24,0)+1,1))-1)+IF('Standard Profiles'!$G$21=$B$10,7,0)+IF('Standard Profiles'!$G$21=$B$17,14,0)+IF('Standard Profiles'!$G$21=$B$24,21,0),0)),0)</f>
        <v>0</v>
      </c>
      <c r="H171" cm="1">
        <f t="array" ref="H171">IFERROR(INDEX(Jesper!AL$2:AL$366,ROUNDDOWN($C171/24,0)+1,1)*INDEX($D$3:$AA$30,INDEX(Jesper!$R$2:$R$366,ROW(INDEX(Jesper!AL$2:AL$366,ROUNDDOWN($C171/24,0)+1,1))-1)+IF('Standard Profiles'!$G$22=$B$10,7,0)+IF('Standard Profiles'!$G$22=$B$17,14,0)+IF('Standard Profiles'!$G$22=$B$24,21,0),MOD($C171,24)+1)/SUM(INDEX($D$3:$AA$30,INDEX(Jesper!$R$2:$R$366,ROW(INDEX(Jesper!AL$2:AL$366,ROUNDDOWN($C171/24,0)+1,1))-1)+IF('Standard Profiles'!$G$22=$B$10,7,0)+IF('Standard Profiles'!$G$22=$B$17,14,0)+IF('Standard Profiles'!$G$22=$B$24,21,0),0)),0)</f>
        <v>0</v>
      </c>
      <c r="I171">
        <f t="shared" si="34"/>
        <v>0.24025515123506391</v>
      </c>
      <c r="J171">
        <f t="shared" si="35"/>
        <v>0.80085050411687975</v>
      </c>
      <c r="K171">
        <f t="shared" si="36"/>
        <v>1.2012757561753196</v>
      </c>
      <c r="L171">
        <f t="shared" si="37"/>
        <v>11.712144141621987</v>
      </c>
      <c r="M171">
        <f t="shared" si="38"/>
        <v>0</v>
      </c>
      <c r="N171" s="46">
        <f t="shared" si="39"/>
        <v>45297.708333333001</v>
      </c>
      <c r="O171">
        <v>0.22907798586106992</v>
      </c>
      <c r="P171">
        <v>0.76359328620356648</v>
      </c>
      <c r="Q171">
        <v>1.1453899293053498</v>
      </c>
      <c r="R171">
        <v>11.460029507126652</v>
      </c>
      <c r="S171">
        <v>0</v>
      </c>
      <c r="T171" s="46">
        <v>45640.708333313036</v>
      </c>
    </row>
    <row r="172" spans="2:21" x14ac:dyDescent="0.3">
      <c r="B172">
        <f t="shared" si="33"/>
        <v>6</v>
      </c>
      <c r="C172" s="16">
        <v>138</v>
      </c>
      <c r="D172" cm="1">
        <f t="array" ref="D172">IFERROR(INDEX(Jesper!AH$2:AH$366,ROUNDDOWN($C172/24,0)+1,1)*INDEX($D$3:$AA$30,INDEX(Jesper!$R$2:$R$366,ROW(INDEX(Jesper!AH$2:AH$366,ROUNDDOWN($C172/24,0)+1,1))-1)+IF('Standard Profiles'!$G$18=$B$10,7,0)+IF('Standard Profiles'!$G$18=$B$17,14,0)+IF('Standard Profiles'!$G$18=$B$24,21,0),MOD($C172,24)+1)/SUM(INDEX($D$3:$AA$30,INDEX(Jesper!$R$2:$R$366,ROW(INDEX(Jesper!AH$2:AH$366,ROUNDDOWN($C172/24,0)+1,1))-1)+IF('Standard Profiles'!$G$18=$B$10,7,0)+IF('Standard Profiles'!$G$18=$B$17,14,0)+IF('Standard Profiles'!$G$18=$B$24,21,0),0)),0)</f>
        <v>10.869630656868187</v>
      </c>
      <c r="E172" cm="1">
        <f t="array" ref="E172">IFERROR(INDEX(Jesper!AI$2:AI$366,ROUNDDOWN($C172/24,0)+1,1)*INDEX($D$3:$AA$30,INDEX(Jesper!$R$2:$R$366,ROW(INDEX(Jesper!AI$2:AI$366,ROUNDDOWN($C172/24,0)+1,1))-1)+IF('Standard Profiles'!$G$19=$B$10,7,0)+IF('Standard Profiles'!$G$19=$B$17,14,0)+IF('Standard Profiles'!$G$19=$B$24,21,0),MOD($C172,24)+1)/SUM(INDEX($D$3:$AA$30,INDEX(Jesper!$R$2:$R$366,ROW(INDEX(Jesper!AI$2:AI$366,ROUNDDOWN($C172/24,0)+1,1))-1)+IF('Standard Profiles'!$G$19=$B$10,7,0)+IF('Standard Profiles'!$G$19=$B$17,14,0)+IF('Standard Profiles'!$G$19=$B$24,21,0),0)),0)</f>
        <v>2.568060616534793</v>
      </c>
      <c r="F172" cm="1">
        <f t="array" ref="F172">IFERROR(INDEX(Jesper!AJ$2:AJ$366,ROUNDDOWN($C172/24,0)+1,1)*INDEX($D$3:$AA$30,INDEX(Jesper!$R$2:$R$366,ROW(INDEX(Jesper!AJ$2:AJ$366,ROUNDDOWN($C172/24,0)+1,1))-1)+IF('Standard Profiles'!$G$20=$B$10,7,0)+IF('Standard Profiles'!$G$20=$B$17,14,0)+IF('Standard Profiles'!$G$20=$B$24,21,0),MOD($C172,24)+1)/SUM(INDEX($D$3:$AA$30,INDEX(Jesper!$R$2:$R$366,ROW(INDEX(Jesper!AJ$2:AJ$366,ROUNDDOWN($C172/24,0)+1,1))-1)+IF('Standard Profiles'!$G$20=$B$10,7,0)+IF('Standard Profiles'!$G$20=$B$17,14,0)+IF('Standard Profiles'!$G$20=$B$24,21,0),0)),0)</f>
        <v>0</v>
      </c>
      <c r="G172" cm="1">
        <f t="array" ref="G172">IFERROR(INDEX(Jesper!AK$2:AK$366,ROUNDDOWN($C172/24,0)+1,1)*INDEX($D$3:$AA$30,INDEX(Jesper!$R$2:$R$366,ROW(INDEX(Jesper!AK$2:AK$366,ROUNDDOWN($C172/24,0)+1,1))-1)+IF('Standard Profiles'!$G$21=$B$10,7,0)+IF('Standard Profiles'!$G$21=$B$17,14,0)+IF('Standard Profiles'!$G$21=$B$24,21,0),MOD($C172,24)+1)/SUM(INDEX($D$3:$AA$30,INDEX(Jesper!$R$2:$R$366,ROW(INDEX(Jesper!AK$2:AK$366,ROUNDDOWN($C172/24,0)+1,1))-1)+IF('Standard Profiles'!$G$21=$B$10,7,0)+IF('Standard Profiles'!$G$21=$B$17,14,0)+IF('Standard Profiles'!$G$21=$B$24,21,0),0)),0)</f>
        <v>0</v>
      </c>
      <c r="H172" cm="1">
        <f t="array" ref="H172">IFERROR(INDEX(Jesper!AL$2:AL$366,ROUNDDOWN($C172/24,0)+1,1)*INDEX($D$3:$AA$30,INDEX(Jesper!$R$2:$R$366,ROW(INDEX(Jesper!AL$2:AL$366,ROUNDDOWN($C172/24,0)+1,1))-1)+IF('Standard Profiles'!$G$22=$B$10,7,0)+IF('Standard Profiles'!$G$22=$B$17,14,0)+IF('Standard Profiles'!$G$22=$B$24,21,0),MOD($C172,24)+1)/SUM(INDEX($D$3:$AA$30,INDEX(Jesper!$R$2:$R$366,ROW(INDEX(Jesper!AL$2:AL$366,ROUNDDOWN($C172/24,0)+1,1))-1)+IF('Standard Profiles'!$G$22=$B$10,7,0)+IF('Standard Profiles'!$G$22=$B$17,14,0)+IF('Standard Profiles'!$G$22=$B$24,21,0),0)),0)</f>
        <v>0</v>
      </c>
      <c r="I172">
        <f t="shared" si="34"/>
        <v>0.23135681230043187</v>
      </c>
      <c r="J172">
        <f t="shared" si="35"/>
        <v>0.77118937433477297</v>
      </c>
      <c r="K172">
        <f t="shared" si="36"/>
        <v>1.1567840615021594</v>
      </c>
      <c r="L172">
        <f t="shared" si="37"/>
        <v>11.278361025265616</v>
      </c>
      <c r="M172">
        <f t="shared" si="38"/>
        <v>0</v>
      </c>
      <c r="N172" s="46">
        <f t="shared" si="39"/>
        <v>45297.749999999665</v>
      </c>
      <c r="O172">
        <v>0.22059361601436361</v>
      </c>
      <c r="P172">
        <v>0.73531205338121219</v>
      </c>
      <c r="Q172">
        <v>1.1029680800718182</v>
      </c>
      <c r="R172">
        <v>11.035583969825662</v>
      </c>
      <c r="S172">
        <v>0</v>
      </c>
      <c r="T172" s="46">
        <v>45640.7499999797</v>
      </c>
    </row>
    <row r="173" spans="2:21" x14ac:dyDescent="0.3">
      <c r="B173">
        <f t="shared" si="33"/>
        <v>6</v>
      </c>
      <c r="C173" s="16">
        <v>139</v>
      </c>
      <c r="D173" cm="1">
        <f t="array" ref="D173">IFERROR(INDEX(Jesper!AH$2:AH$366,ROUNDDOWN($C173/24,0)+1,1)*INDEX($D$3:$AA$30,INDEX(Jesper!$R$2:$R$366,ROW(INDEX(Jesper!AH$2:AH$366,ROUNDDOWN($C173/24,0)+1,1))-1)+IF('Standard Profiles'!$G$18=$B$10,7,0)+IF('Standard Profiles'!$G$18=$B$17,14,0)+IF('Standard Profiles'!$G$18=$B$24,21,0),MOD($C173,24)+1)/SUM(INDEX($D$3:$AA$30,INDEX(Jesper!$R$2:$R$366,ROW(INDEX(Jesper!AH$2:AH$366,ROUNDDOWN($C173/24,0)+1,1))-1)+IF('Standard Profiles'!$G$18=$B$10,7,0)+IF('Standard Profiles'!$G$18=$B$17,14,0)+IF('Standard Profiles'!$G$18=$B$24,21,0),0)),0)</f>
        <v>8.7793170690089202</v>
      </c>
      <c r="E173" cm="1">
        <f t="array" ref="E173">IFERROR(INDEX(Jesper!AI$2:AI$366,ROUNDDOWN($C173/24,0)+1,1)*INDEX($D$3:$AA$30,INDEX(Jesper!$R$2:$R$366,ROW(INDEX(Jesper!AI$2:AI$366,ROUNDDOWN($C173/24,0)+1,1))-1)+IF('Standard Profiles'!$G$19=$B$10,7,0)+IF('Standard Profiles'!$G$19=$B$17,14,0)+IF('Standard Profiles'!$G$19=$B$24,21,0),MOD($C173,24)+1)/SUM(INDEX($D$3:$AA$30,INDEX(Jesper!$R$2:$R$366,ROW(INDEX(Jesper!AI$2:AI$366,ROUNDDOWN($C173/24,0)+1,1))-1)+IF('Standard Profiles'!$G$19=$B$10,7,0)+IF('Standard Profiles'!$G$19=$B$17,14,0)+IF('Standard Profiles'!$G$19=$B$24,21,0),0)),0)</f>
        <v>2.0742028056627175</v>
      </c>
      <c r="F173" cm="1">
        <f t="array" ref="F173">IFERROR(INDEX(Jesper!AJ$2:AJ$366,ROUNDDOWN($C173/24,0)+1,1)*INDEX($D$3:$AA$30,INDEX(Jesper!$R$2:$R$366,ROW(INDEX(Jesper!AJ$2:AJ$366,ROUNDDOWN($C173/24,0)+1,1))-1)+IF('Standard Profiles'!$G$20=$B$10,7,0)+IF('Standard Profiles'!$G$20=$B$17,14,0)+IF('Standard Profiles'!$G$20=$B$24,21,0),MOD($C173,24)+1)/SUM(INDEX($D$3:$AA$30,INDEX(Jesper!$R$2:$R$366,ROW(INDEX(Jesper!AJ$2:AJ$366,ROUNDDOWN($C173/24,0)+1,1))-1)+IF('Standard Profiles'!$G$20=$B$10,7,0)+IF('Standard Profiles'!$G$20=$B$17,14,0)+IF('Standard Profiles'!$G$20=$B$24,21,0),0)),0)</f>
        <v>0</v>
      </c>
      <c r="G173" cm="1">
        <f t="array" ref="G173">IFERROR(INDEX(Jesper!AK$2:AK$366,ROUNDDOWN($C173/24,0)+1,1)*INDEX($D$3:$AA$30,INDEX(Jesper!$R$2:$R$366,ROW(INDEX(Jesper!AK$2:AK$366,ROUNDDOWN($C173/24,0)+1,1))-1)+IF('Standard Profiles'!$G$21=$B$10,7,0)+IF('Standard Profiles'!$G$21=$B$17,14,0)+IF('Standard Profiles'!$G$21=$B$24,21,0),MOD($C173,24)+1)/SUM(INDEX($D$3:$AA$30,INDEX(Jesper!$R$2:$R$366,ROW(INDEX(Jesper!AK$2:AK$366,ROUNDDOWN($C173/24,0)+1,1))-1)+IF('Standard Profiles'!$G$21=$B$10,7,0)+IF('Standard Profiles'!$G$21=$B$17,14,0)+IF('Standard Profiles'!$G$21=$B$24,21,0),0)),0)</f>
        <v>0</v>
      </c>
      <c r="H173" cm="1">
        <f t="array" ref="H173">IFERROR(INDEX(Jesper!AL$2:AL$366,ROUNDDOWN($C173/24,0)+1,1)*INDEX($D$3:$AA$30,INDEX(Jesper!$R$2:$R$366,ROW(INDEX(Jesper!AL$2:AL$366,ROUNDDOWN($C173/24,0)+1,1))-1)+IF('Standard Profiles'!$G$22=$B$10,7,0)+IF('Standard Profiles'!$G$22=$B$17,14,0)+IF('Standard Profiles'!$G$22=$B$24,21,0),MOD($C173,24)+1)/SUM(INDEX($D$3:$AA$30,INDEX(Jesper!$R$2:$R$366,ROW(INDEX(Jesper!AL$2:AL$366,ROUNDDOWN($C173/24,0)+1,1))-1)+IF('Standard Profiles'!$G$22=$B$10,7,0)+IF('Standard Profiles'!$G$22=$B$17,14,0)+IF('Standard Profiles'!$G$22=$B$24,21,0),0)),0)</f>
        <v>0</v>
      </c>
      <c r="I173">
        <f t="shared" si="34"/>
        <v>0.1868651176272719</v>
      </c>
      <c r="J173">
        <f t="shared" si="35"/>
        <v>0.62288372542423975</v>
      </c>
      <c r="K173">
        <f t="shared" si="36"/>
        <v>0.93432558813635957</v>
      </c>
      <c r="L173">
        <f t="shared" si="37"/>
        <v>9.1094454434837662</v>
      </c>
      <c r="M173">
        <f t="shared" si="38"/>
        <v>0</v>
      </c>
      <c r="N173" s="46">
        <f t="shared" si="39"/>
        <v>45297.79166666633</v>
      </c>
      <c r="O173">
        <v>0.17817176678083216</v>
      </c>
      <c r="P173">
        <v>0.59390588926944055</v>
      </c>
      <c r="Q173">
        <v>0.89085883390416087</v>
      </c>
      <c r="R173">
        <v>8.9133562833207272</v>
      </c>
      <c r="S173">
        <v>0</v>
      </c>
      <c r="T173" s="46">
        <v>45640.791666646364</v>
      </c>
    </row>
    <row r="174" spans="2:21" x14ac:dyDescent="0.3">
      <c r="B174">
        <f t="shared" si="33"/>
        <v>6</v>
      </c>
      <c r="C174" s="16">
        <v>140</v>
      </c>
      <c r="D174" cm="1">
        <f t="array" ref="D174">IFERROR(INDEX(Jesper!AH$2:AH$366,ROUNDDOWN($C174/24,0)+1,1)*INDEX($D$3:$AA$30,INDEX(Jesper!$R$2:$R$366,ROW(INDEX(Jesper!AH$2:AH$366,ROUNDDOWN($C174/24,0)+1,1))-1)+IF('Standard Profiles'!$G$18=$B$10,7,0)+IF('Standard Profiles'!$G$18=$B$17,14,0)+IF('Standard Profiles'!$G$18=$B$24,21,0),MOD($C174,24)+1)/SUM(INDEX($D$3:$AA$30,INDEX(Jesper!$R$2:$R$366,ROW(INDEX(Jesper!AH$2:AH$366,ROUNDDOWN($C174/24,0)+1,1))-1)+IF('Standard Profiles'!$G$18=$B$10,7,0)+IF('Standard Profiles'!$G$18=$B$17,14,0)+IF('Standard Profiles'!$G$18=$B$24,21,0),0)),0)</f>
        <v>6.4799721223637272</v>
      </c>
      <c r="E174" cm="1">
        <f t="array" ref="E174">IFERROR(INDEX(Jesper!AI$2:AI$366,ROUNDDOWN($C174/24,0)+1,1)*INDEX($D$3:$AA$30,INDEX(Jesper!$R$2:$R$366,ROW(INDEX(Jesper!AI$2:AI$366,ROUNDDOWN($C174/24,0)+1,1))-1)+IF('Standard Profiles'!$G$19=$B$10,7,0)+IF('Standard Profiles'!$G$19=$B$17,14,0)+IF('Standard Profiles'!$G$19=$B$24,21,0),MOD($C174,24)+1)/SUM(INDEX($D$3:$AA$30,INDEX(Jesper!$R$2:$R$366,ROW(INDEX(Jesper!AI$2:AI$366,ROUNDDOWN($C174/24,0)+1,1))-1)+IF('Standard Profiles'!$G$19=$B$10,7,0)+IF('Standard Profiles'!$G$19=$B$17,14,0)+IF('Standard Profiles'!$G$19=$B$24,21,0),0)),0)</f>
        <v>1.5309592137034345</v>
      </c>
      <c r="F174" cm="1">
        <f t="array" ref="F174">IFERROR(INDEX(Jesper!AJ$2:AJ$366,ROUNDDOWN($C174/24,0)+1,1)*INDEX($D$3:$AA$30,INDEX(Jesper!$R$2:$R$366,ROW(INDEX(Jesper!AJ$2:AJ$366,ROUNDDOWN($C174/24,0)+1,1))-1)+IF('Standard Profiles'!$G$20=$B$10,7,0)+IF('Standard Profiles'!$G$20=$B$17,14,0)+IF('Standard Profiles'!$G$20=$B$24,21,0),MOD($C174,24)+1)/SUM(INDEX($D$3:$AA$30,INDEX(Jesper!$R$2:$R$366,ROW(INDEX(Jesper!AJ$2:AJ$366,ROUNDDOWN($C174/24,0)+1,1))-1)+IF('Standard Profiles'!$G$20=$B$10,7,0)+IF('Standard Profiles'!$G$20=$B$17,14,0)+IF('Standard Profiles'!$G$20=$B$24,21,0),0)),0)</f>
        <v>0</v>
      </c>
      <c r="G174" cm="1">
        <f t="array" ref="G174">IFERROR(INDEX(Jesper!AK$2:AK$366,ROUNDDOWN($C174/24,0)+1,1)*INDEX($D$3:$AA$30,INDEX(Jesper!$R$2:$R$366,ROW(INDEX(Jesper!AK$2:AK$366,ROUNDDOWN($C174/24,0)+1,1))-1)+IF('Standard Profiles'!$G$21=$B$10,7,0)+IF('Standard Profiles'!$G$21=$B$17,14,0)+IF('Standard Profiles'!$G$21=$B$24,21,0),MOD($C174,24)+1)/SUM(INDEX($D$3:$AA$30,INDEX(Jesper!$R$2:$R$366,ROW(INDEX(Jesper!AK$2:AK$366,ROUNDDOWN($C174/24,0)+1,1))-1)+IF('Standard Profiles'!$G$21=$B$10,7,0)+IF('Standard Profiles'!$G$21=$B$17,14,0)+IF('Standard Profiles'!$G$21=$B$24,21,0),0)),0)</f>
        <v>0</v>
      </c>
      <c r="H174" cm="1">
        <f t="array" ref="H174">IFERROR(INDEX(Jesper!AL$2:AL$366,ROUNDDOWN($C174/24,0)+1,1)*INDEX($D$3:$AA$30,INDEX(Jesper!$R$2:$R$366,ROW(INDEX(Jesper!AL$2:AL$366,ROUNDDOWN($C174/24,0)+1,1))-1)+IF('Standard Profiles'!$G$22=$B$10,7,0)+IF('Standard Profiles'!$G$22=$B$17,14,0)+IF('Standard Profiles'!$G$22=$B$24,21,0),MOD($C174,24)+1)/SUM(INDEX($D$3:$AA$30,INDEX(Jesper!$R$2:$R$366,ROW(INDEX(Jesper!AL$2:AL$366,ROUNDDOWN($C174/24,0)+1,1))-1)+IF('Standard Profiles'!$G$22=$B$10,7,0)+IF('Standard Profiles'!$G$22=$B$17,14,0)+IF('Standard Profiles'!$G$22=$B$24,21,0),0)),0)</f>
        <v>0</v>
      </c>
      <c r="I174">
        <f t="shared" si="34"/>
        <v>0.13792425348679593</v>
      </c>
      <c r="J174">
        <f t="shared" si="35"/>
        <v>0.45974751162265315</v>
      </c>
      <c r="K174">
        <f t="shared" si="36"/>
        <v>0.68962126743397978</v>
      </c>
      <c r="L174">
        <f t="shared" si="37"/>
        <v>6.7236383035237326</v>
      </c>
      <c r="M174">
        <f t="shared" si="38"/>
        <v>0</v>
      </c>
      <c r="N174" s="46">
        <f t="shared" si="39"/>
        <v>45297.833333332994</v>
      </c>
      <c r="O174">
        <v>0.13150773262394755</v>
      </c>
      <c r="P174">
        <v>0.43835910874649187</v>
      </c>
      <c r="Q174">
        <v>0.65753866311973785</v>
      </c>
      <c r="R174">
        <v>6.5789058281652988</v>
      </c>
      <c r="S174">
        <v>0</v>
      </c>
      <c r="T174" s="46">
        <v>45640.833333313029</v>
      </c>
    </row>
    <row r="175" spans="2:21" x14ac:dyDescent="0.3">
      <c r="B175">
        <f t="shared" si="33"/>
        <v>6</v>
      </c>
      <c r="C175" s="16">
        <v>141</v>
      </c>
      <c r="D175" cm="1">
        <f t="array" ref="D175">IFERROR(INDEX(Jesper!AH$2:AH$366,ROUNDDOWN($C175/24,0)+1,1)*INDEX($D$3:$AA$30,INDEX(Jesper!$R$2:$R$366,ROW(INDEX(Jesper!AH$2:AH$366,ROUNDDOWN($C175/24,0)+1,1))-1)+IF('Standard Profiles'!$G$18=$B$10,7,0)+IF('Standard Profiles'!$G$18=$B$17,14,0)+IF('Standard Profiles'!$G$18=$B$24,21,0),MOD($C175,24)+1)/SUM(INDEX($D$3:$AA$30,INDEX(Jesper!$R$2:$R$366,ROW(INDEX(Jesper!AH$2:AH$366,ROUNDDOWN($C175/24,0)+1,1))-1)+IF('Standard Profiles'!$G$18=$B$10,7,0)+IF('Standard Profiles'!$G$18=$B$17,14,0)+IF('Standard Profiles'!$G$18=$B$24,21,0),0)),0)</f>
        <v>6.4799721223637272</v>
      </c>
      <c r="E175" cm="1">
        <f t="array" ref="E175">IFERROR(INDEX(Jesper!AI$2:AI$366,ROUNDDOWN($C175/24,0)+1,1)*INDEX($D$3:$AA$30,INDEX(Jesper!$R$2:$R$366,ROW(INDEX(Jesper!AI$2:AI$366,ROUNDDOWN($C175/24,0)+1,1))-1)+IF('Standard Profiles'!$G$19=$B$10,7,0)+IF('Standard Profiles'!$G$19=$B$17,14,0)+IF('Standard Profiles'!$G$19=$B$24,21,0),MOD($C175,24)+1)/SUM(INDEX($D$3:$AA$30,INDEX(Jesper!$R$2:$R$366,ROW(INDEX(Jesper!AI$2:AI$366,ROUNDDOWN($C175/24,0)+1,1))-1)+IF('Standard Profiles'!$G$19=$B$10,7,0)+IF('Standard Profiles'!$G$19=$B$17,14,0)+IF('Standard Profiles'!$G$19=$B$24,21,0),0)),0)</f>
        <v>1.5309592137034345</v>
      </c>
      <c r="F175" cm="1">
        <f t="array" ref="F175">IFERROR(INDEX(Jesper!AJ$2:AJ$366,ROUNDDOWN($C175/24,0)+1,1)*INDEX($D$3:$AA$30,INDEX(Jesper!$R$2:$R$366,ROW(INDEX(Jesper!AJ$2:AJ$366,ROUNDDOWN($C175/24,0)+1,1))-1)+IF('Standard Profiles'!$G$20=$B$10,7,0)+IF('Standard Profiles'!$G$20=$B$17,14,0)+IF('Standard Profiles'!$G$20=$B$24,21,0),MOD($C175,24)+1)/SUM(INDEX($D$3:$AA$30,INDEX(Jesper!$R$2:$R$366,ROW(INDEX(Jesper!AJ$2:AJ$366,ROUNDDOWN($C175/24,0)+1,1))-1)+IF('Standard Profiles'!$G$20=$B$10,7,0)+IF('Standard Profiles'!$G$20=$B$17,14,0)+IF('Standard Profiles'!$G$20=$B$24,21,0),0)),0)</f>
        <v>0</v>
      </c>
      <c r="G175" cm="1">
        <f t="array" ref="G175">IFERROR(INDEX(Jesper!AK$2:AK$366,ROUNDDOWN($C175/24,0)+1,1)*INDEX($D$3:$AA$30,INDEX(Jesper!$R$2:$R$366,ROW(INDEX(Jesper!AK$2:AK$366,ROUNDDOWN($C175/24,0)+1,1))-1)+IF('Standard Profiles'!$G$21=$B$10,7,0)+IF('Standard Profiles'!$G$21=$B$17,14,0)+IF('Standard Profiles'!$G$21=$B$24,21,0),MOD($C175,24)+1)/SUM(INDEX($D$3:$AA$30,INDEX(Jesper!$R$2:$R$366,ROW(INDEX(Jesper!AK$2:AK$366,ROUNDDOWN($C175/24,0)+1,1))-1)+IF('Standard Profiles'!$G$21=$B$10,7,0)+IF('Standard Profiles'!$G$21=$B$17,14,0)+IF('Standard Profiles'!$G$21=$B$24,21,0),0)),0)</f>
        <v>0</v>
      </c>
      <c r="H175" cm="1">
        <f t="array" ref="H175">IFERROR(INDEX(Jesper!AL$2:AL$366,ROUNDDOWN($C175/24,0)+1,1)*INDEX($D$3:$AA$30,INDEX(Jesper!$R$2:$R$366,ROW(INDEX(Jesper!AL$2:AL$366,ROUNDDOWN($C175/24,0)+1,1))-1)+IF('Standard Profiles'!$G$22=$B$10,7,0)+IF('Standard Profiles'!$G$22=$B$17,14,0)+IF('Standard Profiles'!$G$22=$B$24,21,0),MOD($C175,24)+1)/SUM(INDEX($D$3:$AA$30,INDEX(Jesper!$R$2:$R$366,ROW(INDEX(Jesper!AL$2:AL$366,ROUNDDOWN($C175/24,0)+1,1))-1)+IF('Standard Profiles'!$G$22=$B$10,7,0)+IF('Standard Profiles'!$G$22=$B$17,14,0)+IF('Standard Profiles'!$G$22=$B$24,21,0),0)),0)</f>
        <v>0</v>
      </c>
      <c r="I175">
        <f t="shared" si="34"/>
        <v>0.13792425348679593</v>
      </c>
      <c r="J175">
        <f t="shared" si="35"/>
        <v>0.45974751162265315</v>
      </c>
      <c r="K175">
        <f t="shared" si="36"/>
        <v>0.68962126743397978</v>
      </c>
      <c r="L175">
        <f t="shared" si="37"/>
        <v>6.7236383035237326</v>
      </c>
      <c r="M175">
        <f t="shared" si="38"/>
        <v>0</v>
      </c>
      <c r="N175" s="46">
        <f t="shared" si="39"/>
        <v>45297.874999999658</v>
      </c>
      <c r="O175">
        <v>0.13150773262394755</v>
      </c>
      <c r="P175">
        <v>0.43835910874649187</v>
      </c>
      <c r="Q175">
        <v>0.65753866311973785</v>
      </c>
      <c r="R175">
        <v>6.5789058281652988</v>
      </c>
      <c r="S175">
        <v>0</v>
      </c>
      <c r="T175" s="46">
        <v>45640.874999979693</v>
      </c>
    </row>
    <row r="176" spans="2:21" x14ac:dyDescent="0.3">
      <c r="B176">
        <f t="shared" si="33"/>
        <v>6</v>
      </c>
      <c r="C176" s="16">
        <v>142</v>
      </c>
      <c r="D176" cm="1">
        <f t="array" ref="D176">IFERROR(INDEX(Jesper!AH$2:AH$366,ROUNDDOWN($C176/24,0)+1,1)*INDEX($D$3:$AA$30,INDEX(Jesper!$R$2:$R$366,ROW(INDEX(Jesper!AH$2:AH$366,ROUNDDOWN($C176/24,0)+1,1))-1)+IF('Standard Profiles'!$G$18=$B$10,7,0)+IF('Standard Profiles'!$G$18=$B$17,14,0)+IF('Standard Profiles'!$G$18=$B$24,21,0),MOD($C176,24)+1)/SUM(INDEX($D$3:$AA$30,INDEX(Jesper!$R$2:$R$366,ROW(INDEX(Jesper!AH$2:AH$366,ROUNDDOWN($C176/24,0)+1,1))-1)+IF('Standard Profiles'!$G$18=$B$10,7,0)+IF('Standard Profiles'!$G$18=$B$17,14,0)+IF('Standard Profiles'!$G$18=$B$24,21,0),0)),0)</f>
        <v>6.4799721223637272</v>
      </c>
      <c r="E176" cm="1">
        <f t="array" ref="E176">IFERROR(INDEX(Jesper!AI$2:AI$366,ROUNDDOWN($C176/24,0)+1,1)*INDEX($D$3:$AA$30,INDEX(Jesper!$R$2:$R$366,ROW(INDEX(Jesper!AI$2:AI$366,ROUNDDOWN($C176/24,0)+1,1))-1)+IF('Standard Profiles'!$G$19=$B$10,7,0)+IF('Standard Profiles'!$G$19=$B$17,14,0)+IF('Standard Profiles'!$G$19=$B$24,21,0),MOD($C176,24)+1)/SUM(INDEX($D$3:$AA$30,INDEX(Jesper!$R$2:$R$366,ROW(INDEX(Jesper!AI$2:AI$366,ROUNDDOWN($C176/24,0)+1,1))-1)+IF('Standard Profiles'!$G$19=$B$10,7,0)+IF('Standard Profiles'!$G$19=$B$17,14,0)+IF('Standard Profiles'!$G$19=$B$24,21,0),0)),0)</f>
        <v>1.5309592137034345</v>
      </c>
      <c r="F176" cm="1">
        <f t="array" ref="F176">IFERROR(INDEX(Jesper!AJ$2:AJ$366,ROUNDDOWN($C176/24,0)+1,1)*INDEX($D$3:$AA$30,INDEX(Jesper!$R$2:$R$366,ROW(INDEX(Jesper!AJ$2:AJ$366,ROUNDDOWN($C176/24,0)+1,1))-1)+IF('Standard Profiles'!$G$20=$B$10,7,0)+IF('Standard Profiles'!$G$20=$B$17,14,0)+IF('Standard Profiles'!$G$20=$B$24,21,0),MOD($C176,24)+1)/SUM(INDEX($D$3:$AA$30,INDEX(Jesper!$R$2:$R$366,ROW(INDEX(Jesper!AJ$2:AJ$366,ROUNDDOWN($C176/24,0)+1,1))-1)+IF('Standard Profiles'!$G$20=$B$10,7,0)+IF('Standard Profiles'!$G$20=$B$17,14,0)+IF('Standard Profiles'!$G$20=$B$24,21,0),0)),0)</f>
        <v>0</v>
      </c>
      <c r="G176" cm="1">
        <f t="array" ref="G176">IFERROR(INDEX(Jesper!AK$2:AK$366,ROUNDDOWN($C176/24,0)+1,1)*INDEX($D$3:$AA$30,INDEX(Jesper!$R$2:$R$366,ROW(INDEX(Jesper!AK$2:AK$366,ROUNDDOWN($C176/24,0)+1,1))-1)+IF('Standard Profiles'!$G$21=$B$10,7,0)+IF('Standard Profiles'!$G$21=$B$17,14,0)+IF('Standard Profiles'!$G$21=$B$24,21,0),MOD($C176,24)+1)/SUM(INDEX($D$3:$AA$30,INDEX(Jesper!$R$2:$R$366,ROW(INDEX(Jesper!AK$2:AK$366,ROUNDDOWN($C176/24,0)+1,1))-1)+IF('Standard Profiles'!$G$21=$B$10,7,0)+IF('Standard Profiles'!$G$21=$B$17,14,0)+IF('Standard Profiles'!$G$21=$B$24,21,0),0)),0)</f>
        <v>0</v>
      </c>
      <c r="H176" cm="1">
        <f t="array" ref="H176">IFERROR(INDEX(Jesper!AL$2:AL$366,ROUNDDOWN($C176/24,0)+1,1)*INDEX($D$3:$AA$30,INDEX(Jesper!$R$2:$R$366,ROW(INDEX(Jesper!AL$2:AL$366,ROUNDDOWN($C176/24,0)+1,1))-1)+IF('Standard Profiles'!$G$22=$B$10,7,0)+IF('Standard Profiles'!$G$22=$B$17,14,0)+IF('Standard Profiles'!$G$22=$B$24,21,0),MOD($C176,24)+1)/SUM(INDEX($D$3:$AA$30,INDEX(Jesper!$R$2:$R$366,ROW(INDEX(Jesper!AL$2:AL$366,ROUNDDOWN($C176/24,0)+1,1))-1)+IF('Standard Profiles'!$G$22=$B$10,7,0)+IF('Standard Profiles'!$G$22=$B$17,14,0)+IF('Standard Profiles'!$G$22=$B$24,21,0),0)),0)</f>
        <v>0</v>
      </c>
      <c r="I176">
        <f t="shared" si="34"/>
        <v>0.13792425348679593</v>
      </c>
      <c r="J176">
        <f t="shared" si="35"/>
        <v>0.45974751162265315</v>
      </c>
      <c r="K176">
        <f t="shared" si="36"/>
        <v>0.68962126743397978</v>
      </c>
      <c r="L176">
        <f t="shared" si="37"/>
        <v>6.7236383035237326</v>
      </c>
      <c r="M176">
        <f t="shared" si="38"/>
        <v>0</v>
      </c>
      <c r="N176" s="46">
        <f t="shared" si="39"/>
        <v>45297.916666666322</v>
      </c>
      <c r="O176">
        <v>0.13150773262394755</v>
      </c>
      <c r="P176">
        <v>0.43835910874649187</v>
      </c>
      <c r="Q176">
        <v>0.65753866311973785</v>
      </c>
      <c r="R176">
        <v>6.5789058281652988</v>
      </c>
      <c r="S176">
        <v>0</v>
      </c>
      <c r="T176" s="46">
        <v>45640.916666646357</v>
      </c>
    </row>
    <row r="177" spans="2:21" x14ac:dyDescent="0.3">
      <c r="B177">
        <f t="shared" si="33"/>
        <v>6</v>
      </c>
      <c r="C177" s="16">
        <v>143</v>
      </c>
      <c r="D177" cm="1">
        <f t="array" ref="D177">IFERROR(INDEX(Jesper!AH$2:AH$366,ROUNDDOWN($C177/24,0)+1,1)*INDEX($D$3:$AA$30,INDEX(Jesper!$R$2:$R$366,ROW(INDEX(Jesper!AH$2:AH$366,ROUNDDOWN($C177/24,0)+1,1))-1)+IF('Standard Profiles'!$G$18=$B$10,7,0)+IF('Standard Profiles'!$G$18=$B$17,14,0)+IF('Standard Profiles'!$G$18=$B$24,21,0),MOD($C177,24)+1)/SUM(INDEX($D$3:$AA$30,INDEX(Jesper!$R$2:$R$366,ROW(INDEX(Jesper!AH$2:AH$366,ROUNDDOWN($C177/24,0)+1,1))-1)+IF('Standard Profiles'!$G$18=$B$10,7,0)+IF('Standard Profiles'!$G$18=$B$17,14,0)+IF('Standard Profiles'!$G$18=$B$24,21,0),0)),0)</f>
        <v>6.4799721223637272</v>
      </c>
      <c r="E177" cm="1">
        <f t="array" ref="E177">IFERROR(INDEX(Jesper!AI$2:AI$366,ROUNDDOWN($C177/24,0)+1,1)*INDEX($D$3:$AA$30,INDEX(Jesper!$R$2:$R$366,ROW(INDEX(Jesper!AI$2:AI$366,ROUNDDOWN($C177/24,0)+1,1))-1)+IF('Standard Profiles'!$G$19=$B$10,7,0)+IF('Standard Profiles'!$G$19=$B$17,14,0)+IF('Standard Profiles'!$G$19=$B$24,21,0),MOD($C177,24)+1)/SUM(INDEX($D$3:$AA$30,INDEX(Jesper!$R$2:$R$366,ROW(INDEX(Jesper!AI$2:AI$366,ROUNDDOWN($C177/24,0)+1,1))-1)+IF('Standard Profiles'!$G$19=$B$10,7,0)+IF('Standard Profiles'!$G$19=$B$17,14,0)+IF('Standard Profiles'!$G$19=$B$24,21,0),0)),0)</f>
        <v>1.5309592137034345</v>
      </c>
      <c r="F177" cm="1">
        <f t="array" ref="F177">IFERROR(INDEX(Jesper!AJ$2:AJ$366,ROUNDDOWN($C177/24,0)+1,1)*INDEX($D$3:$AA$30,INDEX(Jesper!$R$2:$R$366,ROW(INDEX(Jesper!AJ$2:AJ$366,ROUNDDOWN($C177/24,0)+1,1))-1)+IF('Standard Profiles'!$G$20=$B$10,7,0)+IF('Standard Profiles'!$G$20=$B$17,14,0)+IF('Standard Profiles'!$G$20=$B$24,21,0),MOD($C177,24)+1)/SUM(INDEX($D$3:$AA$30,INDEX(Jesper!$R$2:$R$366,ROW(INDEX(Jesper!AJ$2:AJ$366,ROUNDDOWN($C177/24,0)+1,1))-1)+IF('Standard Profiles'!$G$20=$B$10,7,0)+IF('Standard Profiles'!$G$20=$B$17,14,0)+IF('Standard Profiles'!$G$20=$B$24,21,0),0)),0)</f>
        <v>0</v>
      </c>
      <c r="G177" cm="1">
        <f t="array" ref="G177">IFERROR(INDEX(Jesper!AK$2:AK$366,ROUNDDOWN($C177/24,0)+1,1)*INDEX($D$3:$AA$30,INDEX(Jesper!$R$2:$R$366,ROW(INDEX(Jesper!AK$2:AK$366,ROUNDDOWN($C177/24,0)+1,1))-1)+IF('Standard Profiles'!$G$21=$B$10,7,0)+IF('Standard Profiles'!$G$21=$B$17,14,0)+IF('Standard Profiles'!$G$21=$B$24,21,0),MOD($C177,24)+1)/SUM(INDEX($D$3:$AA$30,INDEX(Jesper!$R$2:$R$366,ROW(INDEX(Jesper!AK$2:AK$366,ROUNDDOWN($C177/24,0)+1,1))-1)+IF('Standard Profiles'!$G$21=$B$10,7,0)+IF('Standard Profiles'!$G$21=$B$17,14,0)+IF('Standard Profiles'!$G$21=$B$24,21,0),0)),0)</f>
        <v>0</v>
      </c>
      <c r="H177" cm="1">
        <f t="array" ref="H177">IFERROR(INDEX(Jesper!AL$2:AL$366,ROUNDDOWN($C177/24,0)+1,1)*INDEX($D$3:$AA$30,INDEX(Jesper!$R$2:$R$366,ROW(INDEX(Jesper!AL$2:AL$366,ROUNDDOWN($C177/24,0)+1,1))-1)+IF('Standard Profiles'!$G$22=$B$10,7,0)+IF('Standard Profiles'!$G$22=$B$17,14,0)+IF('Standard Profiles'!$G$22=$B$24,21,0),MOD($C177,24)+1)/SUM(INDEX($D$3:$AA$30,INDEX(Jesper!$R$2:$R$366,ROW(INDEX(Jesper!AL$2:AL$366,ROUNDDOWN($C177/24,0)+1,1))-1)+IF('Standard Profiles'!$G$22=$B$10,7,0)+IF('Standard Profiles'!$G$22=$B$17,14,0)+IF('Standard Profiles'!$G$22=$B$24,21,0),0)),0)</f>
        <v>0</v>
      </c>
      <c r="I177">
        <f t="shared" si="34"/>
        <v>0.13792425348679593</v>
      </c>
      <c r="J177">
        <f t="shared" si="35"/>
        <v>0.45974751162265315</v>
      </c>
      <c r="K177">
        <f t="shared" si="36"/>
        <v>0.68962126743397978</v>
      </c>
      <c r="L177">
        <f t="shared" si="37"/>
        <v>6.7236383035237326</v>
      </c>
      <c r="M177">
        <f t="shared" si="38"/>
        <v>0</v>
      </c>
      <c r="N177" s="46">
        <f t="shared" si="39"/>
        <v>45297.958333332987</v>
      </c>
      <c r="O177">
        <v>0.13150773262394755</v>
      </c>
      <c r="P177">
        <v>0.43835910874649187</v>
      </c>
      <c r="Q177">
        <v>0.65753866311973785</v>
      </c>
      <c r="R177">
        <v>6.5789058281652988</v>
      </c>
      <c r="S177">
        <v>0</v>
      </c>
      <c r="T177" s="46">
        <v>45640.958333313021</v>
      </c>
    </row>
    <row r="178" spans="2:21" x14ac:dyDescent="0.3">
      <c r="B178">
        <f t="shared" si="33"/>
        <v>7</v>
      </c>
      <c r="C178" s="16">
        <v>144</v>
      </c>
      <c r="D178" cm="1">
        <f t="array" ref="D178">IFERROR(INDEX(Jesper!AH$2:AH$366,ROUNDDOWN($C178/24,0)+1,1)*INDEX($D$3:$AA$30,INDEX(Jesper!$R$2:$R$366,ROW(INDEX(Jesper!AH$2:AH$366,ROUNDDOWN($C178/24,0)+1,1))-1)+IF('Standard Profiles'!$G$18=$B$10,7,0)+IF('Standard Profiles'!$G$18=$B$17,14,0)+IF('Standard Profiles'!$G$18=$B$24,21,0),MOD($C178,24)+1)/SUM(INDEX($D$3:$AA$30,INDEX(Jesper!$R$2:$R$366,ROW(INDEX(Jesper!AH$2:AH$366,ROUNDDOWN($C178/24,0)+1,1))-1)+IF('Standard Profiles'!$G$18=$B$10,7,0)+IF('Standard Profiles'!$G$18=$B$17,14,0)+IF('Standard Profiles'!$G$18=$B$24,21,0),0)),0)</f>
        <v>7.1726116429326394</v>
      </c>
      <c r="E178" cm="1">
        <f t="array" ref="E178">IFERROR(INDEX(Jesper!AI$2:AI$366,ROUNDDOWN($C178/24,0)+1,1)*INDEX($D$3:$AA$30,INDEX(Jesper!$R$2:$R$366,ROW(INDEX(Jesper!AI$2:AI$366,ROUNDDOWN($C178/24,0)+1,1))-1)+IF('Standard Profiles'!$G$19=$B$10,7,0)+IF('Standard Profiles'!$G$19=$B$17,14,0)+IF('Standard Profiles'!$G$19=$B$24,21,0),MOD($C178,24)+1)/SUM(INDEX($D$3:$AA$30,INDEX(Jesper!$R$2:$R$366,ROW(INDEX(Jesper!AI$2:AI$366,ROUNDDOWN($C178/24,0)+1,1))-1)+IF('Standard Profiles'!$G$19=$B$10,7,0)+IF('Standard Profiles'!$G$19=$B$17,14,0)+IF('Standard Profiles'!$G$19=$B$24,21,0),0)),0)</f>
        <v>1.6374401034899209</v>
      </c>
      <c r="F178" cm="1">
        <f t="array" ref="F178">IFERROR(INDEX(Jesper!AJ$2:AJ$366,ROUNDDOWN($C178/24,0)+1,1)*INDEX($D$3:$AA$30,INDEX(Jesper!$R$2:$R$366,ROW(INDEX(Jesper!AJ$2:AJ$366,ROUNDDOWN($C178/24,0)+1,1))-1)+IF('Standard Profiles'!$G$20=$B$10,7,0)+IF('Standard Profiles'!$G$20=$B$17,14,0)+IF('Standard Profiles'!$G$20=$B$24,21,0),MOD($C178,24)+1)/SUM(INDEX($D$3:$AA$30,INDEX(Jesper!$R$2:$R$366,ROW(INDEX(Jesper!AJ$2:AJ$366,ROUNDDOWN($C178/24,0)+1,1))-1)+IF('Standard Profiles'!$G$20=$B$10,7,0)+IF('Standard Profiles'!$G$20=$B$17,14,0)+IF('Standard Profiles'!$G$20=$B$24,21,0),0)),0)</f>
        <v>0</v>
      </c>
      <c r="G178" cm="1">
        <f t="array" ref="G178">IFERROR(INDEX(Jesper!AK$2:AK$366,ROUNDDOWN($C178/24,0)+1,1)*INDEX($D$3:$AA$30,INDEX(Jesper!$R$2:$R$366,ROW(INDEX(Jesper!AK$2:AK$366,ROUNDDOWN($C178/24,0)+1,1))-1)+IF('Standard Profiles'!$G$21=$B$10,7,0)+IF('Standard Profiles'!$G$21=$B$17,14,0)+IF('Standard Profiles'!$G$21=$B$24,21,0),MOD($C178,24)+1)/SUM(INDEX($D$3:$AA$30,INDEX(Jesper!$R$2:$R$366,ROW(INDEX(Jesper!AK$2:AK$366,ROUNDDOWN($C178/24,0)+1,1))-1)+IF('Standard Profiles'!$G$21=$B$10,7,0)+IF('Standard Profiles'!$G$21=$B$17,14,0)+IF('Standard Profiles'!$G$21=$B$24,21,0),0)),0)</f>
        <v>0</v>
      </c>
      <c r="H178" cm="1">
        <f t="array" ref="H178">IFERROR(INDEX(Jesper!AL$2:AL$366,ROUNDDOWN($C178/24,0)+1,1)*INDEX($D$3:$AA$30,INDEX(Jesper!$R$2:$R$366,ROW(INDEX(Jesper!AL$2:AL$366,ROUNDDOWN($C178/24,0)+1,1))-1)+IF('Standard Profiles'!$G$22=$B$10,7,0)+IF('Standard Profiles'!$G$22=$B$17,14,0)+IF('Standard Profiles'!$G$22=$B$24,21,0),MOD($C178,24)+1)/SUM(INDEX($D$3:$AA$30,INDEX(Jesper!$R$2:$R$366,ROW(INDEX(Jesper!AL$2:AL$366,ROUNDDOWN($C178/24,0)+1,1))-1)+IF('Standard Profiles'!$G$22=$B$10,7,0)+IF('Standard Profiles'!$G$22=$B$17,14,0)+IF('Standard Profiles'!$G$22=$B$24,21,0),0)),0)</f>
        <v>0</v>
      </c>
      <c r="I178">
        <f t="shared" si="34"/>
        <v>0.14751712644053344</v>
      </c>
      <c r="J178">
        <f t="shared" si="35"/>
        <v>0.49172375480177821</v>
      </c>
      <c r="K178">
        <f t="shared" si="36"/>
        <v>0.73758563220266737</v>
      </c>
      <c r="L178">
        <f t="shared" si="37"/>
        <v>7.4332252329775814</v>
      </c>
      <c r="M178">
        <f t="shared" si="38"/>
        <v>0</v>
      </c>
      <c r="N178" s="46">
        <f t="shared" si="39"/>
        <v>45297.999999999651</v>
      </c>
      <c r="O178">
        <v>0.12904270384274857</v>
      </c>
      <c r="P178">
        <v>0.4301423461424953</v>
      </c>
      <c r="Q178">
        <v>0.64521351921374293</v>
      </c>
      <c r="R178">
        <v>7.0165120373770185</v>
      </c>
      <c r="S178">
        <v>0</v>
      </c>
      <c r="T178" s="46">
        <v>45640.999999979686</v>
      </c>
    </row>
    <row r="179" spans="2:21" x14ac:dyDescent="0.3">
      <c r="B179">
        <f t="shared" si="33"/>
        <v>7</v>
      </c>
      <c r="C179" s="16">
        <v>145</v>
      </c>
      <c r="D179" cm="1">
        <f t="array" ref="D179">IFERROR(INDEX(Jesper!AH$2:AH$366,ROUNDDOWN($C179/24,0)+1,1)*INDEX($D$3:$AA$30,INDEX(Jesper!$R$2:$R$366,ROW(INDEX(Jesper!AH$2:AH$366,ROUNDDOWN($C179/24,0)+1,1))-1)+IF('Standard Profiles'!$G$18=$B$10,7,0)+IF('Standard Profiles'!$G$18=$B$17,14,0)+IF('Standard Profiles'!$G$18=$B$24,21,0),MOD($C179,24)+1)/SUM(INDEX($D$3:$AA$30,INDEX(Jesper!$R$2:$R$366,ROW(INDEX(Jesper!AH$2:AH$366,ROUNDDOWN($C179/24,0)+1,1))-1)+IF('Standard Profiles'!$G$18=$B$10,7,0)+IF('Standard Profiles'!$G$18=$B$17,14,0)+IF('Standard Profiles'!$G$18=$B$24,21,0),0)),0)</f>
        <v>8.3294844885669352</v>
      </c>
      <c r="E179" cm="1">
        <f t="array" ref="E179">IFERROR(INDEX(Jesper!AI$2:AI$366,ROUNDDOWN($C179/24,0)+1,1)*INDEX($D$3:$AA$30,INDEX(Jesper!$R$2:$R$366,ROW(INDEX(Jesper!AI$2:AI$366,ROUNDDOWN($C179/24,0)+1,1))-1)+IF('Standard Profiles'!$G$19=$B$10,7,0)+IF('Standard Profiles'!$G$19=$B$17,14,0)+IF('Standard Profiles'!$G$19=$B$24,21,0),MOD($C179,24)+1)/SUM(INDEX($D$3:$AA$30,INDEX(Jesper!$R$2:$R$366,ROW(INDEX(Jesper!AI$2:AI$366,ROUNDDOWN($C179/24,0)+1,1))-1)+IF('Standard Profiles'!$G$19=$B$10,7,0)+IF('Standard Profiles'!$G$19=$B$17,14,0)+IF('Standard Profiles'!$G$19=$B$24,21,0),0)),0)</f>
        <v>1.9015433459882953</v>
      </c>
      <c r="F179" cm="1">
        <f t="array" ref="F179">IFERROR(INDEX(Jesper!AJ$2:AJ$366,ROUNDDOWN($C179/24,0)+1,1)*INDEX($D$3:$AA$30,INDEX(Jesper!$R$2:$R$366,ROW(INDEX(Jesper!AJ$2:AJ$366,ROUNDDOWN($C179/24,0)+1,1))-1)+IF('Standard Profiles'!$G$20=$B$10,7,0)+IF('Standard Profiles'!$G$20=$B$17,14,0)+IF('Standard Profiles'!$G$20=$B$24,21,0),MOD($C179,24)+1)/SUM(INDEX($D$3:$AA$30,INDEX(Jesper!$R$2:$R$366,ROW(INDEX(Jesper!AJ$2:AJ$366,ROUNDDOWN($C179/24,0)+1,1))-1)+IF('Standard Profiles'!$G$20=$B$10,7,0)+IF('Standard Profiles'!$G$20=$B$17,14,0)+IF('Standard Profiles'!$G$20=$B$24,21,0),0)),0)</f>
        <v>0</v>
      </c>
      <c r="G179" cm="1">
        <f t="array" ref="G179">IFERROR(INDEX(Jesper!AK$2:AK$366,ROUNDDOWN($C179/24,0)+1,1)*INDEX($D$3:$AA$30,INDEX(Jesper!$R$2:$R$366,ROW(INDEX(Jesper!AK$2:AK$366,ROUNDDOWN($C179/24,0)+1,1))-1)+IF('Standard Profiles'!$G$21=$B$10,7,0)+IF('Standard Profiles'!$G$21=$B$17,14,0)+IF('Standard Profiles'!$G$21=$B$24,21,0),MOD($C179,24)+1)/SUM(INDEX($D$3:$AA$30,INDEX(Jesper!$R$2:$R$366,ROW(INDEX(Jesper!AK$2:AK$366,ROUNDDOWN($C179/24,0)+1,1))-1)+IF('Standard Profiles'!$G$21=$B$10,7,0)+IF('Standard Profiles'!$G$21=$B$17,14,0)+IF('Standard Profiles'!$G$21=$B$24,21,0),0)),0)</f>
        <v>0</v>
      </c>
      <c r="H179" cm="1">
        <f t="array" ref="H179">IFERROR(INDEX(Jesper!AL$2:AL$366,ROUNDDOWN($C179/24,0)+1,1)*INDEX($D$3:$AA$30,INDEX(Jesper!$R$2:$R$366,ROW(INDEX(Jesper!AL$2:AL$366,ROUNDDOWN($C179/24,0)+1,1))-1)+IF('Standard Profiles'!$G$22=$B$10,7,0)+IF('Standard Profiles'!$G$22=$B$17,14,0)+IF('Standard Profiles'!$G$22=$B$24,21,0),MOD($C179,24)+1)/SUM(INDEX($D$3:$AA$30,INDEX(Jesper!$R$2:$R$366,ROW(INDEX(Jesper!AL$2:AL$366,ROUNDDOWN($C179/24,0)+1,1))-1)+IF('Standard Profiles'!$G$22=$B$10,7,0)+IF('Standard Profiles'!$G$22=$B$17,14,0)+IF('Standard Profiles'!$G$22=$B$24,21,0),0)),0)</f>
        <v>0</v>
      </c>
      <c r="I179">
        <f t="shared" si="34"/>
        <v>0.17131021135029692</v>
      </c>
      <c r="J179">
        <f t="shared" si="35"/>
        <v>0.57103403783432316</v>
      </c>
      <c r="K179">
        <f t="shared" si="36"/>
        <v>0.85655105675148469</v>
      </c>
      <c r="L179">
        <f t="shared" si="37"/>
        <v>8.6321325286191257</v>
      </c>
      <c r="M179">
        <f t="shared" si="38"/>
        <v>0</v>
      </c>
      <c r="N179" s="46">
        <f t="shared" si="39"/>
        <v>45298.041666666315</v>
      </c>
      <c r="O179">
        <v>0.14985604317222415</v>
      </c>
      <c r="P179">
        <v>0.49952014390741389</v>
      </c>
      <c r="Q179">
        <v>0.74928021586112092</v>
      </c>
      <c r="R179">
        <v>8.1482075272765382</v>
      </c>
      <c r="S179">
        <v>0</v>
      </c>
      <c r="T179" s="46">
        <v>45641.04166664635</v>
      </c>
    </row>
    <row r="180" spans="2:21" x14ac:dyDescent="0.3">
      <c r="B180">
        <f t="shared" si="33"/>
        <v>7</v>
      </c>
      <c r="C180" s="16">
        <v>146</v>
      </c>
      <c r="D180" cm="1">
        <f t="array" ref="D180">IFERROR(INDEX(Jesper!AH$2:AH$366,ROUNDDOWN($C180/24,0)+1,1)*INDEX($D$3:$AA$30,INDEX(Jesper!$R$2:$R$366,ROW(INDEX(Jesper!AH$2:AH$366,ROUNDDOWN($C180/24,0)+1,1))-1)+IF('Standard Profiles'!$G$18=$B$10,7,0)+IF('Standard Profiles'!$G$18=$B$17,14,0)+IF('Standard Profiles'!$G$18=$B$24,21,0),MOD($C180,24)+1)/SUM(INDEX($D$3:$AA$30,INDEX(Jesper!$R$2:$R$366,ROW(INDEX(Jesper!AH$2:AH$366,ROUNDDOWN($C180/24,0)+1,1))-1)+IF('Standard Profiles'!$G$18=$B$10,7,0)+IF('Standard Profiles'!$G$18=$B$17,14,0)+IF('Standard Profiles'!$G$18=$B$24,21,0),0)),0)</f>
        <v>8.3294844885669352</v>
      </c>
      <c r="E180" cm="1">
        <f t="array" ref="E180">IFERROR(INDEX(Jesper!AI$2:AI$366,ROUNDDOWN($C180/24,0)+1,1)*INDEX($D$3:$AA$30,INDEX(Jesper!$R$2:$R$366,ROW(INDEX(Jesper!AI$2:AI$366,ROUNDDOWN($C180/24,0)+1,1))-1)+IF('Standard Profiles'!$G$19=$B$10,7,0)+IF('Standard Profiles'!$G$19=$B$17,14,0)+IF('Standard Profiles'!$G$19=$B$24,21,0),MOD($C180,24)+1)/SUM(INDEX($D$3:$AA$30,INDEX(Jesper!$R$2:$R$366,ROW(INDEX(Jesper!AI$2:AI$366,ROUNDDOWN($C180/24,0)+1,1))-1)+IF('Standard Profiles'!$G$19=$B$10,7,0)+IF('Standard Profiles'!$G$19=$B$17,14,0)+IF('Standard Profiles'!$G$19=$B$24,21,0),0)),0)</f>
        <v>1.9015433459882953</v>
      </c>
      <c r="F180" cm="1">
        <f t="array" ref="F180">IFERROR(INDEX(Jesper!AJ$2:AJ$366,ROUNDDOWN($C180/24,0)+1,1)*INDEX($D$3:$AA$30,INDEX(Jesper!$R$2:$R$366,ROW(INDEX(Jesper!AJ$2:AJ$366,ROUNDDOWN($C180/24,0)+1,1))-1)+IF('Standard Profiles'!$G$20=$B$10,7,0)+IF('Standard Profiles'!$G$20=$B$17,14,0)+IF('Standard Profiles'!$G$20=$B$24,21,0),MOD($C180,24)+1)/SUM(INDEX($D$3:$AA$30,INDEX(Jesper!$R$2:$R$366,ROW(INDEX(Jesper!AJ$2:AJ$366,ROUNDDOWN($C180/24,0)+1,1))-1)+IF('Standard Profiles'!$G$20=$B$10,7,0)+IF('Standard Profiles'!$G$20=$B$17,14,0)+IF('Standard Profiles'!$G$20=$B$24,21,0),0)),0)</f>
        <v>0</v>
      </c>
      <c r="G180" cm="1">
        <f t="array" ref="G180">IFERROR(INDEX(Jesper!AK$2:AK$366,ROUNDDOWN($C180/24,0)+1,1)*INDEX($D$3:$AA$30,INDEX(Jesper!$R$2:$R$366,ROW(INDEX(Jesper!AK$2:AK$366,ROUNDDOWN($C180/24,0)+1,1))-1)+IF('Standard Profiles'!$G$21=$B$10,7,0)+IF('Standard Profiles'!$G$21=$B$17,14,0)+IF('Standard Profiles'!$G$21=$B$24,21,0),MOD($C180,24)+1)/SUM(INDEX($D$3:$AA$30,INDEX(Jesper!$R$2:$R$366,ROW(INDEX(Jesper!AK$2:AK$366,ROUNDDOWN($C180/24,0)+1,1))-1)+IF('Standard Profiles'!$G$21=$B$10,7,0)+IF('Standard Profiles'!$G$21=$B$17,14,0)+IF('Standard Profiles'!$G$21=$B$24,21,0),0)),0)</f>
        <v>0</v>
      </c>
      <c r="H180" cm="1">
        <f t="array" ref="H180">IFERROR(INDEX(Jesper!AL$2:AL$366,ROUNDDOWN($C180/24,0)+1,1)*INDEX($D$3:$AA$30,INDEX(Jesper!$R$2:$R$366,ROW(INDEX(Jesper!AL$2:AL$366,ROUNDDOWN($C180/24,0)+1,1))-1)+IF('Standard Profiles'!$G$22=$B$10,7,0)+IF('Standard Profiles'!$G$22=$B$17,14,0)+IF('Standard Profiles'!$G$22=$B$24,21,0),MOD($C180,24)+1)/SUM(INDEX($D$3:$AA$30,INDEX(Jesper!$R$2:$R$366,ROW(INDEX(Jesper!AL$2:AL$366,ROUNDDOWN($C180/24,0)+1,1))-1)+IF('Standard Profiles'!$G$22=$B$10,7,0)+IF('Standard Profiles'!$G$22=$B$17,14,0)+IF('Standard Profiles'!$G$22=$B$24,21,0),0)),0)</f>
        <v>0</v>
      </c>
      <c r="I180">
        <f t="shared" si="34"/>
        <v>0.17131021135029692</v>
      </c>
      <c r="J180">
        <f t="shared" si="35"/>
        <v>0.57103403783432316</v>
      </c>
      <c r="K180">
        <f t="shared" si="36"/>
        <v>0.85655105675148469</v>
      </c>
      <c r="L180">
        <f t="shared" si="37"/>
        <v>8.6321325286191257</v>
      </c>
      <c r="M180">
        <f t="shared" si="38"/>
        <v>0</v>
      </c>
      <c r="N180" s="46">
        <f t="shared" si="39"/>
        <v>45298.083333332979</v>
      </c>
      <c r="O180">
        <v>0.14985604317222415</v>
      </c>
      <c r="P180">
        <v>0.49952014390741389</v>
      </c>
      <c r="Q180">
        <v>0.74928021586112092</v>
      </c>
      <c r="R180">
        <v>8.1482075272765382</v>
      </c>
      <c r="S180">
        <v>0</v>
      </c>
      <c r="T180" s="46">
        <v>45641.083333313014</v>
      </c>
    </row>
    <row r="181" spans="2:21" x14ac:dyDescent="0.3">
      <c r="B181">
        <f t="shared" si="33"/>
        <v>7</v>
      </c>
      <c r="C181" s="16">
        <v>147</v>
      </c>
      <c r="D181" cm="1">
        <f t="array" ref="D181">IFERROR(INDEX(Jesper!AH$2:AH$366,ROUNDDOWN($C181/24,0)+1,1)*INDEX($D$3:$AA$30,INDEX(Jesper!$R$2:$R$366,ROW(INDEX(Jesper!AH$2:AH$366,ROUNDDOWN($C181/24,0)+1,1))-1)+IF('Standard Profiles'!$G$18=$B$10,7,0)+IF('Standard Profiles'!$G$18=$B$17,14,0)+IF('Standard Profiles'!$G$18=$B$24,21,0),MOD($C181,24)+1)/SUM(INDEX($D$3:$AA$30,INDEX(Jesper!$R$2:$R$366,ROW(INDEX(Jesper!AH$2:AH$366,ROUNDDOWN($C181/24,0)+1,1))-1)+IF('Standard Profiles'!$G$18=$B$10,7,0)+IF('Standard Profiles'!$G$18=$B$17,14,0)+IF('Standard Profiles'!$G$18=$B$24,21,0),0)),0)</f>
        <v>8.3294844885669352</v>
      </c>
      <c r="E181" cm="1">
        <f t="array" ref="E181">IFERROR(INDEX(Jesper!AI$2:AI$366,ROUNDDOWN($C181/24,0)+1,1)*INDEX($D$3:$AA$30,INDEX(Jesper!$R$2:$R$366,ROW(INDEX(Jesper!AI$2:AI$366,ROUNDDOWN($C181/24,0)+1,1))-1)+IF('Standard Profiles'!$G$19=$B$10,7,0)+IF('Standard Profiles'!$G$19=$B$17,14,0)+IF('Standard Profiles'!$G$19=$B$24,21,0),MOD($C181,24)+1)/SUM(INDEX($D$3:$AA$30,INDEX(Jesper!$R$2:$R$366,ROW(INDEX(Jesper!AI$2:AI$366,ROUNDDOWN($C181/24,0)+1,1))-1)+IF('Standard Profiles'!$G$19=$B$10,7,0)+IF('Standard Profiles'!$G$19=$B$17,14,0)+IF('Standard Profiles'!$G$19=$B$24,21,0),0)),0)</f>
        <v>1.9015433459882953</v>
      </c>
      <c r="F181" cm="1">
        <f t="array" ref="F181">IFERROR(INDEX(Jesper!AJ$2:AJ$366,ROUNDDOWN($C181/24,0)+1,1)*INDEX($D$3:$AA$30,INDEX(Jesper!$R$2:$R$366,ROW(INDEX(Jesper!AJ$2:AJ$366,ROUNDDOWN($C181/24,0)+1,1))-1)+IF('Standard Profiles'!$G$20=$B$10,7,0)+IF('Standard Profiles'!$G$20=$B$17,14,0)+IF('Standard Profiles'!$G$20=$B$24,21,0),MOD($C181,24)+1)/SUM(INDEX($D$3:$AA$30,INDEX(Jesper!$R$2:$R$366,ROW(INDEX(Jesper!AJ$2:AJ$366,ROUNDDOWN($C181/24,0)+1,1))-1)+IF('Standard Profiles'!$G$20=$B$10,7,0)+IF('Standard Profiles'!$G$20=$B$17,14,0)+IF('Standard Profiles'!$G$20=$B$24,21,0),0)),0)</f>
        <v>0</v>
      </c>
      <c r="G181" cm="1">
        <f t="array" ref="G181">IFERROR(INDEX(Jesper!AK$2:AK$366,ROUNDDOWN($C181/24,0)+1,1)*INDEX($D$3:$AA$30,INDEX(Jesper!$R$2:$R$366,ROW(INDEX(Jesper!AK$2:AK$366,ROUNDDOWN($C181/24,0)+1,1))-1)+IF('Standard Profiles'!$G$21=$B$10,7,0)+IF('Standard Profiles'!$G$21=$B$17,14,0)+IF('Standard Profiles'!$G$21=$B$24,21,0),MOD($C181,24)+1)/SUM(INDEX($D$3:$AA$30,INDEX(Jesper!$R$2:$R$366,ROW(INDEX(Jesper!AK$2:AK$366,ROUNDDOWN($C181/24,0)+1,1))-1)+IF('Standard Profiles'!$G$21=$B$10,7,0)+IF('Standard Profiles'!$G$21=$B$17,14,0)+IF('Standard Profiles'!$G$21=$B$24,21,0),0)),0)</f>
        <v>0</v>
      </c>
      <c r="H181" cm="1">
        <f t="array" ref="H181">IFERROR(INDEX(Jesper!AL$2:AL$366,ROUNDDOWN($C181/24,0)+1,1)*INDEX($D$3:$AA$30,INDEX(Jesper!$R$2:$R$366,ROW(INDEX(Jesper!AL$2:AL$366,ROUNDDOWN($C181/24,0)+1,1))-1)+IF('Standard Profiles'!$G$22=$B$10,7,0)+IF('Standard Profiles'!$G$22=$B$17,14,0)+IF('Standard Profiles'!$G$22=$B$24,21,0),MOD($C181,24)+1)/SUM(INDEX($D$3:$AA$30,INDEX(Jesper!$R$2:$R$366,ROW(INDEX(Jesper!AL$2:AL$366,ROUNDDOWN($C181/24,0)+1,1))-1)+IF('Standard Profiles'!$G$22=$B$10,7,0)+IF('Standard Profiles'!$G$22=$B$17,14,0)+IF('Standard Profiles'!$G$22=$B$24,21,0),0)),0)</f>
        <v>0</v>
      </c>
      <c r="I181">
        <f t="shared" si="34"/>
        <v>0.17131021135029692</v>
      </c>
      <c r="J181">
        <f t="shared" si="35"/>
        <v>0.57103403783432316</v>
      </c>
      <c r="K181">
        <f t="shared" si="36"/>
        <v>0.85655105675148469</v>
      </c>
      <c r="L181">
        <f t="shared" si="37"/>
        <v>8.6321325286191257</v>
      </c>
      <c r="M181">
        <f t="shared" si="38"/>
        <v>0</v>
      </c>
      <c r="N181" s="46">
        <f t="shared" si="39"/>
        <v>45298.124999999643</v>
      </c>
      <c r="O181">
        <v>0.14985604317222415</v>
      </c>
      <c r="P181">
        <v>0.49952014390741389</v>
      </c>
      <c r="Q181">
        <v>0.74928021586112092</v>
      </c>
      <c r="R181">
        <v>8.1482075272765382</v>
      </c>
      <c r="S181">
        <v>0</v>
      </c>
      <c r="T181" s="46">
        <v>45641.124999979678</v>
      </c>
    </row>
    <row r="182" spans="2:21" x14ac:dyDescent="0.3">
      <c r="B182">
        <f t="shared" si="33"/>
        <v>7</v>
      </c>
      <c r="C182" s="16">
        <v>148</v>
      </c>
      <c r="D182" cm="1">
        <f t="array" ref="D182">IFERROR(INDEX(Jesper!AH$2:AH$366,ROUNDDOWN($C182/24,0)+1,1)*INDEX($D$3:$AA$30,INDEX(Jesper!$R$2:$R$366,ROW(INDEX(Jesper!AH$2:AH$366,ROUNDDOWN($C182/24,0)+1,1))-1)+IF('Standard Profiles'!$G$18=$B$10,7,0)+IF('Standard Profiles'!$G$18=$B$17,14,0)+IF('Standard Profiles'!$G$18=$B$24,21,0),MOD($C182,24)+1)/SUM(INDEX($D$3:$AA$30,INDEX(Jesper!$R$2:$R$366,ROW(INDEX(Jesper!AH$2:AH$366,ROUNDDOWN($C182/24,0)+1,1))-1)+IF('Standard Profiles'!$G$18=$B$10,7,0)+IF('Standard Profiles'!$G$18=$B$17,14,0)+IF('Standard Profiles'!$G$18=$B$24,21,0),0)),0)</f>
        <v>8.3294844885669352</v>
      </c>
      <c r="E182" cm="1">
        <f t="array" ref="E182">IFERROR(INDEX(Jesper!AI$2:AI$366,ROUNDDOWN($C182/24,0)+1,1)*INDEX($D$3:$AA$30,INDEX(Jesper!$R$2:$R$366,ROW(INDEX(Jesper!AI$2:AI$366,ROUNDDOWN($C182/24,0)+1,1))-1)+IF('Standard Profiles'!$G$19=$B$10,7,0)+IF('Standard Profiles'!$G$19=$B$17,14,0)+IF('Standard Profiles'!$G$19=$B$24,21,0),MOD($C182,24)+1)/SUM(INDEX($D$3:$AA$30,INDEX(Jesper!$R$2:$R$366,ROW(INDEX(Jesper!AI$2:AI$366,ROUNDDOWN($C182/24,0)+1,1))-1)+IF('Standard Profiles'!$G$19=$B$10,7,0)+IF('Standard Profiles'!$G$19=$B$17,14,0)+IF('Standard Profiles'!$G$19=$B$24,21,0),0)),0)</f>
        <v>1.9015433459882953</v>
      </c>
      <c r="F182" cm="1">
        <f t="array" ref="F182">IFERROR(INDEX(Jesper!AJ$2:AJ$366,ROUNDDOWN($C182/24,0)+1,1)*INDEX($D$3:$AA$30,INDEX(Jesper!$R$2:$R$366,ROW(INDEX(Jesper!AJ$2:AJ$366,ROUNDDOWN($C182/24,0)+1,1))-1)+IF('Standard Profiles'!$G$20=$B$10,7,0)+IF('Standard Profiles'!$G$20=$B$17,14,0)+IF('Standard Profiles'!$G$20=$B$24,21,0),MOD($C182,24)+1)/SUM(INDEX($D$3:$AA$30,INDEX(Jesper!$R$2:$R$366,ROW(INDEX(Jesper!AJ$2:AJ$366,ROUNDDOWN($C182/24,0)+1,1))-1)+IF('Standard Profiles'!$G$20=$B$10,7,0)+IF('Standard Profiles'!$G$20=$B$17,14,0)+IF('Standard Profiles'!$G$20=$B$24,21,0),0)),0)</f>
        <v>0</v>
      </c>
      <c r="G182" cm="1">
        <f t="array" ref="G182">IFERROR(INDEX(Jesper!AK$2:AK$366,ROUNDDOWN($C182/24,0)+1,1)*INDEX($D$3:$AA$30,INDEX(Jesper!$R$2:$R$366,ROW(INDEX(Jesper!AK$2:AK$366,ROUNDDOWN($C182/24,0)+1,1))-1)+IF('Standard Profiles'!$G$21=$B$10,7,0)+IF('Standard Profiles'!$G$21=$B$17,14,0)+IF('Standard Profiles'!$G$21=$B$24,21,0),MOD($C182,24)+1)/SUM(INDEX($D$3:$AA$30,INDEX(Jesper!$R$2:$R$366,ROW(INDEX(Jesper!AK$2:AK$366,ROUNDDOWN($C182/24,0)+1,1))-1)+IF('Standard Profiles'!$G$21=$B$10,7,0)+IF('Standard Profiles'!$G$21=$B$17,14,0)+IF('Standard Profiles'!$G$21=$B$24,21,0),0)),0)</f>
        <v>0</v>
      </c>
      <c r="H182" cm="1">
        <f t="array" ref="H182">IFERROR(INDEX(Jesper!AL$2:AL$366,ROUNDDOWN($C182/24,0)+1,1)*INDEX($D$3:$AA$30,INDEX(Jesper!$R$2:$R$366,ROW(INDEX(Jesper!AL$2:AL$366,ROUNDDOWN($C182/24,0)+1,1))-1)+IF('Standard Profiles'!$G$22=$B$10,7,0)+IF('Standard Profiles'!$G$22=$B$17,14,0)+IF('Standard Profiles'!$G$22=$B$24,21,0),MOD($C182,24)+1)/SUM(INDEX($D$3:$AA$30,INDEX(Jesper!$R$2:$R$366,ROW(INDEX(Jesper!AL$2:AL$366,ROUNDDOWN($C182/24,0)+1,1))-1)+IF('Standard Profiles'!$G$22=$B$10,7,0)+IF('Standard Profiles'!$G$22=$B$17,14,0)+IF('Standard Profiles'!$G$22=$B$24,21,0),0)),0)</f>
        <v>0</v>
      </c>
      <c r="I182">
        <f t="shared" si="34"/>
        <v>0.17131021135029692</v>
      </c>
      <c r="J182">
        <f t="shared" si="35"/>
        <v>0.57103403783432316</v>
      </c>
      <c r="K182">
        <f t="shared" si="36"/>
        <v>0.85655105675148469</v>
      </c>
      <c r="L182">
        <f t="shared" si="37"/>
        <v>8.6321325286191257</v>
      </c>
      <c r="M182">
        <f t="shared" si="38"/>
        <v>0</v>
      </c>
      <c r="N182" s="46">
        <f t="shared" si="39"/>
        <v>45298.166666666308</v>
      </c>
      <c r="O182">
        <v>0.14985604317222415</v>
      </c>
      <c r="P182">
        <v>0.49952014390741389</v>
      </c>
      <c r="Q182">
        <v>0.74928021586112092</v>
      </c>
      <c r="R182">
        <v>8.1482075272765382</v>
      </c>
      <c r="S182">
        <v>0</v>
      </c>
      <c r="T182" s="46">
        <v>45641.166666646342</v>
      </c>
    </row>
    <row r="183" spans="2:21" x14ac:dyDescent="0.3">
      <c r="B183">
        <f t="shared" si="33"/>
        <v>7</v>
      </c>
      <c r="C183" s="16">
        <v>149</v>
      </c>
      <c r="D183" cm="1">
        <f t="array" ref="D183">IFERROR(INDEX(Jesper!AH$2:AH$366,ROUNDDOWN($C183/24,0)+1,1)*INDEX($D$3:$AA$30,INDEX(Jesper!$R$2:$R$366,ROW(INDEX(Jesper!AH$2:AH$366,ROUNDDOWN($C183/24,0)+1,1))-1)+IF('Standard Profiles'!$G$18=$B$10,7,0)+IF('Standard Profiles'!$G$18=$B$17,14,0)+IF('Standard Profiles'!$G$18=$B$24,21,0),MOD($C183,24)+1)/SUM(INDEX($D$3:$AA$30,INDEX(Jesper!$R$2:$R$366,ROW(INDEX(Jesper!AH$2:AH$366,ROUNDDOWN($C183/24,0)+1,1))-1)+IF('Standard Profiles'!$G$18=$B$10,7,0)+IF('Standard Profiles'!$G$18=$B$17,14,0)+IF('Standard Profiles'!$G$18=$B$24,21,0),0)),0)</f>
        <v>10.41185561070867</v>
      </c>
      <c r="E183" cm="1">
        <f t="array" ref="E183">IFERROR(INDEX(Jesper!AI$2:AI$366,ROUNDDOWN($C183/24,0)+1,1)*INDEX($D$3:$AA$30,INDEX(Jesper!$R$2:$R$366,ROW(INDEX(Jesper!AI$2:AI$366,ROUNDDOWN($C183/24,0)+1,1))-1)+IF('Standard Profiles'!$G$19=$B$10,7,0)+IF('Standard Profiles'!$G$19=$B$17,14,0)+IF('Standard Profiles'!$G$19=$B$24,21,0),MOD($C183,24)+1)/SUM(INDEX($D$3:$AA$30,INDEX(Jesper!$R$2:$R$366,ROW(INDEX(Jesper!AI$2:AI$366,ROUNDDOWN($C183/24,0)+1,1))-1)+IF('Standard Profiles'!$G$19=$B$10,7,0)+IF('Standard Profiles'!$G$19=$B$17,14,0)+IF('Standard Profiles'!$G$19=$B$24,21,0),0)),0)</f>
        <v>2.3769291824853691</v>
      </c>
      <c r="F183" cm="1">
        <f t="array" ref="F183">IFERROR(INDEX(Jesper!AJ$2:AJ$366,ROUNDDOWN($C183/24,0)+1,1)*INDEX($D$3:$AA$30,INDEX(Jesper!$R$2:$R$366,ROW(INDEX(Jesper!AJ$2:AJ$366,ROUNDDOWN($C183/24,0)+1,1))-1)+IF('Standard Profiles'!$G$20=$B$10,7,0)+IF('Standard Profiles'!$G$20=$B$17,14,0)+IF('Standard Profiles'!$G$20=$B$24,21,0),MOD($C183,24)+1)/SUM(INDEX($D$3:$AA$30,INDEX(Jesper!$R$2:$R$366,ROW(INDEX(Jesper!AJ$2:AJ$366,ROUNDDOWN($C183/24,0)+1,1))-1)+IF('Standard Profiles'!$G$20=$B$10,7,0)+IF('Standard Profiles'!$G$20=$B$17,14,0)+IF('Standard Profiles'!$G$20=$B$24,21,0),0)),0)</f>
        <v>0</v>
      </c>
      <c r="G183" cm="1">
        <f t="array" ref="G183">IFERROR(INDEX(Jesper!AK$2:AK$366,ROUNDDOWN($C183/24,0)+1,1)*INDEX($D$3:$AA$30,INDEX(Jesper!$R$2:$R$366,ROW(INDEX(Jesper!AK$2:AK$366,ROUNDDOWN($C183/24,0)+1,1))-1)+IF('Standard Profiles'!$G$21=$B$10,7,0)+IF('Standard Profiles'!$G$21=$B$17,14,0)+IF('Standard Profiles'!$G$21=$B$24,21,0),MOD($C183,24)+1)/SUM(INDEX($D$3:$AA$30,INDEX(Jesper!$R$2:$R$366,ROW(INDEX(Jesper!AK$2:AK$366,ROUNDDOWN($C183/24,0)+1,1))-1)+IF('Standard Profiles'!$G$21=$B$10,7,0)+IF('Standard Profiles'!$G$21=$B$17,14,0)+IF('Standard Profiles'!$G$21=$B$24,21,0),0)),0)</f>
        <v>0</v>
      </c>
      <c r="H183" cm="1">
        <f t="array" ref="H183">IFERROR(INDEX(Jesper!AL$2:AL$366,ROUNDDOWN($C183/24,0)+1,1)*INDEX($D$3:$AA$30,INDEX(Jesper!$R$2:$R$366,ROW(INDEX(Jesper!AL$2:AL$366,ROUNDDOWN($C183/24,0)+1,1))-1)+IF('Standard Profiles'!$G$22=$B$10,7,0)+IF('Standard Profiles'!$G$22=$B$17,14,0)+IF('Standard Profiles'!$G$22=$B$24,21,0),MOD($C183,24)+1)/SUM(INDEX($D$3:$AA$30,INDEX(Jesper!$R$2:$R$366,ROW(INDEX(Jesper!AL$2:AL$366,ROUNDDOWN($C183/24,0)+1,1))-1)+IF('Standard Profiles'!$G$22=$B$10,7,0)+IF('Standard Profiles'!$G$22=$B$17,14,0)+IF('Standard Profiles'!$G$22=$B$24,21,0),0)),0)</f>
        <v>0</v>
      </c>
      <c r="I183">
        <f t="shared" si="34"/>
        <v>0.21413776418787114</v>
      </c>
      <c r="J183">
        <f t="shared" si="35"/>
        <v>0.71379254729290387</v>
      </c>
      <c r="K183">
        <f t="shared" si="36"/>
        <v>1.0706888209393559</v>
      </c>
      <c r="L183">
        <f t="shared" si="37"/>
        <v>10.790165660773908</v>
      </c>
      <c r="M183">
        <f t="shared" si="38"/>
        <v>0</v>
      </c>
      <c r="N183" s="46">
        <f t="shared" si="39"/>
        <v>45298.208333332972</v>
      </c>
      <c r="O183">
        <v>0.1873200539652802</v>
      </c>
      <c r="P183">
        <v>0.62440017988426744</v>
      </c>
      <c r="Q183">
        <v>0.93660026982640121</v>
      </c>
      <c r="R183">
        <v>10.185259409095671</v>
      </c>
      <c r="S183">
        <v>0</v>
      </c>
      <c r="T183" s="46">
        <v>45641.208333313007</v>
      </c>
    </row>
    <row r="184" spans="2:21" x14ac:dyDescent="0.3">
      <c r="B184">
        <f t="shared" si="33"/>
        <v>7</v>
      </c>
      <c r="C184" s="16">
        <v>150</v>
      </c>
      <c r="D184" cm="1">
        <f t="array" ref="D184">IFERROR(INDEX(Jesper!AH$2:AH$366,ROUNDDOWN($C184/24,0)+1,1)*INDEX($D$3:$AA$30,INDEX(Jesper!$R$2:$R$366,ROW(INDEX(Jesper!AH$2:AH$366,ROUNDDOWN($C184/24,0)+1,1))-1)+IF('Standard Profiles'!$G$18=$B$10,7,0)+IF('Standard Profiles'!$G$18=$B$17,14,0)+IF('Standard Profiles'!$G$18=$B$24,21,0),MOD($C184,24)+1)/SUM(INDEX($D$3:$AA$30,INDEX(Jesper!$R$2:$R$366,ROW(INDEX(Jesper!AH$2:AH$366,ROUNDDOWN($C184/24,0)+1,1))-1)+IF('Standard Profiles'!$G$18=$B$10,7,0)+IF('Standard Profiles'!$G$18=$B$17,14,0)+IF('Standard Profiles'!$G$18=$B$24,21,0),0)),0)</f>
        <v>12.262852163723545</v>
      </c>
      <c r="E184" cm="1">
        <f t="array" ref="E184">IFERROR(INDEX(Jesper!AI$2:AI$366,ROUNDDOWN($C184/24,0)+1,1)*INDEX($D$3:$AA$30,INDEX(Jesper!$R$2:$R$366,ROW(INDEX(Jesper!AI$2:AI$366,ROUNDDOWN($C184/24,0)+1,1))-1)+IF('Standard Profiles'!$G$19=$B$10,7,0)+IF('Standard Profiles'!$G$19=$B$17,14,0)+IF('Standard Profiles'!$G$19=$B$24,21,0),MOD($C184,24)+1)/SUM(INDEX($D$3:$AA$30,INDEX(Jesper!$R$2:$R$366,ROW(INDEX(Jesper!AI$2:AI$366,ROUNDDOWN($C184/24,0)+1,1))-1)+IF('Standard Profiles'!$G$19=$B$10,7,0)+IF('Standard Profiles'!$G$19=$B$17,14,0)+IF('Standard Profiles'!$G$19=$B$24,21,0),0)),0)</f>
        <v>2.7994943704827682</v>
      </c>
      <c r="F184" cm="1">
        <f t="array" ref="F184">IFERROR(INDEX(Jesper!AJ$2:AJ$366,ROUNDDOWN($C184/24,0)+1,1)*INDEX($D$3:$AA$30,INDEX(Jesper!$R$2:$R$366,ROW(INDEX(Jesper!AJ$2:AJ$366,ROUNDDOWN($C184/24,0)+1,1))-1)+IF('Standard Profiles'!$G$20=$B$10,7,0)+IF('Standard Profiles'!$G$20=$B$17,14,0)+IF('Standard Profiles'!$G$20=$B$24,21,0),MOD($C184,24)+1)/SUM(INDEX($D$3:$AA$30,INDEX(Jesper!$R$2:$R$366,ROW(INDEX(Jesper!AJ$2:AJ$366,ROUNDDOWN($C184/24,0)+1,1))-1)+IF('Standard Profiles'!$G$20=$B$10,7,0)+IF('Standard Profiles'!$G$20=$B$17,14,0)+IF('Standard Profiles'!$G$20=$B$24,21,0),0)),0)</f>
        <v>0</v>
      </c>
      <c r="G184" cm="1">
        <f t="array" ref="G184">IFERROR(INDEX(Jesper!AK$2:AK$366,ROUNDDOWN($C184/24,0)+1,1)*INDEX($D$3:$AA$30,INDEX(Jesper!$R$2:$R$366,ROW(INDEX(Jesper!AK$2:AK$366,ROUNDDOWN($C184/24,0)+1,1))-1)+IF('Standard Profiles'!$G$21=$B$10,7,0)+IF('Standard Profiles'!$G$21=$B$17,14,0)+IF('Standard Profiles'!$G$21=$B$24,21,0),MOD($C184,24)+1)/SUM(INDEX($D$3:$AA$30,INDEX(Jesper!$R$2:$R$366,ROW(INDEX(Jesper!AK$2:AK$366,ROUNDDOWN($C184/24,0)+1,1))-1)+IF('Standard Profiles'!$G$21=$B$10,7,0)+IF('Standard Profiles'!$G$21=$B$17,14,0)+IF('Standard Profiles'!$G$21=$B$24,21,0),0)),0)</f>
        <v>0</v>
      </c>
      <c r="H184" cm="1">
        <f t="array" ref="H184">IFERROR(INDEX(Jesper!AL$2:AL$366,ROUNDDOWN($C184/24,0)+1,1)*INDEX($D$3:$AA$30,INDEX(Jesper!$R$2:$R$366,ROW(INDEX(Jesper!AL$2:AL$366,ROUNDDOWN($C184/24,0)+1,1))-1)+IF('Standard Profiles'!$G$22=$B$10,7,0)+IF('Standard Profiles'!$G$22=$B$17,14,0)+IF('Standard Profiles'!$G$22=$B$24,21,0),MOD($C184,24)+1)/SUM(INDEX($D$3:$AA$30,INDEX(Jesper!$R$2:$R$366,ROW(INDEX(Jesper!AL$2:AL$366,ROUNDDOWN($C184/24,0)+1,1))-1)+IF('Standard Profiles'!$G$22=$B$10,7,0)+IF('Standard Profiles'!$G$22=$B$17,14,0)+IF('Standard Profiles'!$G$22=$B$24,21,0),0)),0)</f>
        <v>0</v>
      </c>
      <c r="I184">
        <f t="shared" si="34"/>
        <v>0.25220670004349272</v>
      </c>
      <c r="J184">
        <f t="shared" si="35"/>
        <v>0.84068900014497572</v>
      </c>
      <c r="K184">
        <f t="shared" si="36"/>
        <v>1.2610335002174635</v>
      </c>
      <c r="L184">
        <f t="shared" si="37"/>
        <v>12.708417333800382</v>
      </c>
      <c r="M184">
        <f t="shared" si="38"/>
        <v>0</v>
      </c>
      <c r="N184" s="46">
        <f t="shared" si="39"/>
        <v>45298.249999999636</v>
      </c>
      <c r="O184">
        <v>0.22062139689244115</v>
      </c>
      <c r="P184">
        <v>0.73540465630813723</v>
      </c>
      <c r="Q184">
        <v>1.1031069844622059</v>
      </c>
      <c r="R184">
        <v>11.995972192934904</v>
      </c>
      <c r="S184">
        <v>0</v>
      </c>
      <c r="T184" s="46">
        <v>45641.249999979671</v>
      </c>
    </row>
    <row r="185" spans="2:21" x14ac:dyDescent="0.3">
      <c r="B185">
        <f t="shared" si="33"/>
        <v>7</v>
      </c>
      <c r="C185" s="16">
        <v>151</v>
      </c>
      <c r="D185" cm="1">
        <f t="array" ref="D185">IFERROR(INDEX(Jesper!AH$2:AH$366,ROUNDDOWN($C185/24,0)+1,1)*INDEX($D$3:$AA$30,INDEX(Jesper!$R$2:$R$366,ROW(INDEX(Jesper!AH$2:AH$366,ROUNDDOWN($C185/24,0)+1,1))-1)+IF('Standard Profiles'!$G$18=$B$10,7,0)+IF('Standard Profiles'!$G$18=$B$17,14,0)+IF('Standard Profiles'!$G$18=$B$24,21,0),MOD($C185,24)+1)/SUM(INDEX($D$3:$AA$30,INDEX(Jesper!$R$2:$R$366,ROW(INDEX(Jesper!AH$2:AH$366,ROUNDDOWN($C185/24,0)+1,1))-1)+IF('Standard Profiles'!$G$18=$B$10,7,0)+IF('Standard Profiles'!$G$18=$B$17,14,0)+IF('Standard Profiles'!$G$18=$B$24,21,0),0)),0)</f>
        <v>14.576597854992137</v>
      </c>
      <c r="E185" cm="1">
        <f t="array" ref="E185">IFERROR(INDEX(Jesper!AI$2:AI$366,ROUNDDOWN($C185/24,0)+1,1)*INDEX($D$3:$AA$30,INDEX(Jesper!$R$2:$R$366,ROW(INDEX(Jesper!AI$2:AI$366,ROUNDDOWN($C185/24,0)+1,1))-1)+IF('Standard Profiles'!$G$19=$B$10,7,0)+IF('Standard Profiles'!$G$19=$B$17,14,0)+IF('Standard Profiles'!$G$19=$B$24,21,0),MOD($C185,24)+1)/SUM(INDEX($D$3:$AA$30,INDEX(Jesper!$R$2:$R$366,ROW(INDEX(Jesper!AI$2:AI$366,ROUNDDOWN($C185/24,0)+1,1))-1)+IF('Standard Profiles'!$G$19=$B$10,7,0)+IF('Standard Profiles'!$G$19=$B$17,14,0)+IF('Standard Profiles'!$G$19=$B$24,21,0),0)),0)</f>
        <v>3.3277008554795171</v>
      </c>
      <c r="F185" cm="1">
        <f t="array" ref="F185">IFERROR(INDEX(Jesper!AJ$2:AJ$366,ROUNDDOWN($C185/24,0)+1,1)*INDEX($D$3:$AA$30,INDEX(Jesper!$R$2:$R$366,ROW(INDEX(Jesper!AJ$2:AJ$366,ROUNDDOWN($C185/24,0)+1,1))-1)+IF('Standard Profiles'!$G$20=$B$10,7,0)+IF('Standard Profiles'!$G$20=$B$17,14,0)+IF('Standard Profiles'!$G$20=$B$24,21,0),MOD($C185,24)+1)/SUM(INDEX($D$3:$AA$30,INDEX(Jesper!$R$2:$R$366,ROW(INDEX(Jesper!AJ$2:AJ$366,ROUNDDOWN($C185/24,0)+1,1))-1)+IF('Standard Profiles'!$G$20=$B$10,7,0)+IF('Standard Profiles'!$G$20=$B$17,14,0)+IF('Standard Profiles'!$G$20=$B$24,21,0),0)),0)</f>
        <v>0</v>
      </c>
      <c r="G185" cm="1">
        <f t="array" ref="G185">IFERROR(INDEX(Jesper!AK$2:AK$366,ROUNDDOWN($C185/24,0)+1,1)*INDEX($D$3:$AA$30,INDEX(Jesper!$R$2:$R$366,ROW(INDEX(Jesper!AK$2:AK$366,ROUNDDOWN($C185/24,0)+1,1))-1)+IF('Standard Profiles'!$G$21=$B$10,7,0)+IF('Standard Profiles'!$G$21=$B$17,14,0)+IF('Standard Profiles'!$G$21=$B$24,21,0),MOD($C185,24)+1)/SUM(INDEX($D$3:$AA$30,INDEX(Jesper!$R$2:$R$366,ROW(INDEX(Jesper!AK$2:AK$366,ROUNDDOWN($C185/24,0)+1,1))-1)+IF('Standard Profiles'!$G$21=$B$10,7,0)+IF('Standard Profiles'!$G$21=$B$17,14,0)+IF('Standard Profiles'!$G$21=$B$24,21,0),0)),0)</f>
        <v>0</v>
      </c>
      <c r="H185" cm="1">
        <f t="array" ref="H185">IFERROR(INDEX(Jesper!AL$2:AL$366,ROUNDDOWN($C185/24,0)+1,1)*INDEX($D$3:$AA$30,INDEX(Jesper!$R$2:$R$366,ROW(INDEX(Jesper!AL$2:AL$366,ROUNDDOWN($C185/24,0)+1,1))-1)+IF('Standard Profiles'!$G$22=$B$10,7,0)+IF('Standard Profiles'!$G$22=$B$17,14,0)+IF('Standard Profiles'!$G$22=$B$24,21,0),MOD($C185,24)+1)/SUM(INDEX($D$3:$AA$30,INDEX(Jesper!$R$2:$R$366,ROW(INDEX(Jesper!AL$2:AL$366,ROUNDDOWN($C185/24,0)+1,1))-1)+IF('Standard Profiles'!$G$22=$B$10,7,0)+IF('Standard Profiles'!$G$22=$B$17,14,0)+IF('Standard Profiles'!$G$22=$B$24,21,0),0)),0)</f>
        <v>0</v>
      </c>
      <c r="I185">
        <f t="shared" si="34"/>
        <v>0.29979286986301962</v>
      </c>
      <c r="J185">
        <f t="shared" si="35"/>
        <v>0.99930956621006561</v>
      </c>
      <c r="K185">
        <f t="shared" si="36"/>
        <v>1.4989643493150984</v>
      </c>
      <c r="L185">
        <f t="shared" si="37"/>
        <v>15.10623192508347</v>
      </c>
      <c r="M185">
        <f t="shared" si="38"/>
        <v>0</v>
      </c>
      <c r="N185" s="46">
        <f t="shared" si="39"/>
        <v>45298.2916666663</v>
      </c>
      <c r="O185">
        <v>0.26224807555139229</v>
      </c>
      <c r="P185">
        <v>0.87416025183797441</v>
      </c>
      <c r="Q185">
        <v>1.3112403777569615</v>
      </c>
      <c r="R185">
        <v>14.25936317273394</v>
      </c>
      <c r="S185">
        <v>0</v>
      </c>
      <c r="T185" s="46">
        <v>45641.291666646335</v>
      </c>
    </row>
    <row r="186" spans="2:21" x14ac:dyDescent="0.3">
      <c r="B186">
        <f t="shared" si="33"/>
        <v>7</v>
      </c>
      <c r="C186" s="16">
        <v>152</v>
      </c>
      <c r="D186" cm="1">
        <f t="array" ref="D186">IFERROR(INDEX(Jesper!AH$2:AH$366,ROUNDDOWN($C186/24,0)+1,1)*INDEX($D$3:$AA$30,INDEX(Jesper!$R$2:$R$366,ROW(INDEX(Jesper!AH$2:AH$366,ROUNDDOWN($C186/24,0)+1,1))-1)+IF('Standard Profiles'!$G$18=$B$10,7,0)+IF('Standard Profiles'!$G$18=$B$17,14,0)+IF('Standard Profiles'!$G$18=$B$24,21,0),MOD($C186,24)+1)/SUM(INDEX($D$3:$AA$30,INDEX(Jesper!$R$2:$R$366,ROW(INDEX(Jesper!AH$2:AH$366,ROUNDDOWN($C186/24,0)+1,1))-1)+IF('Standard Profiles'!$G$18=$B$10,7,0)+IF('Standard Profiles'!$G$18=$B$17,14,0)+IF('Standard Profiles'!$G$18=$B$24,21,0),0)),0)</f>
        <v>14.576597854992137</v>
      </c>
      <c r="E186" cm="1">
        <f t="array" ref="E186">IFERROR(INDEX(Jesper!AI$2:AI$366,ROUNDDOWN($C186/24,0)+1,1)*INDEX($D$3:$AA$30,INDEX(Jesper!$R$2:$R$366,ROW(INDEX(Jesper!AI$2:AI$366,ROUNDDOWN($C186/24,0)+1,1))-1)+IF('Standard Profiles'!$G$19=$B$10,7,0)+IF('Standard Profiles'!$G$19=$B$17,14,0)+IF('Standard Profiles'!$G$19=$B$24,21,0),MOD($C186,24)+1)/SUM(INDEX($D$3:$AA$30,INDEX(Jesper!$R$2:$R$366,ROW(INDEX(Jesper!AI$2:AI$366,ROUNDDOWN($C186/24,0)+1,1))-1)+IF('Standard Profiles'!$G$19=$B$10,7,0)+IF('Standard Profiles'!$G$19=$B$17,14,0)+IF('Standard Profiles'!$G$19=$B$24,21,0),0)),0)</f>
        <v>3.3277008554795171</v>
      </c>
      <c r="F186" cm="1">
        <f t="array" ref="F186">IFERROR(INDEX(Jesper!AJ$2:AJ$366,ROUNDDOWN($C186/24,0)+1,1)*INDEX($D$3:$AA$30,INDEX(Jesper!$R$2:$R$366,ROW(INDEX(Jesper!AJ$2:AJ$366,ROUNDDOWN($C186/24,0)+1,1))-1)+IF('Standard Profiles'!$G$20=$B$10,7,0)+IF('Standard Profiles'!$G$20=$B$17,14,0)+IF('Standard Profiles'!$G$20=$B$24,21,0),MOD($C186,24)+1)/SUM(INDEX($D$3:$AA$30,INDEX(Jesper!$R$2:$R$366,ROW(INDEX(Jesper!AJ$2:AJ$366,ROUNDDOWN($C186/24,0)+1,1))-1)+IF('Standard Profiles'!$G$20=$B$10,7,0)+IF('Standard Profiles'!$G$20=$B$17,14,0)+IF('Standard Profiles'!$G$20=$B$24,21,0),0)),0)</f>
        <v>0</v>
      </c>
      <c r="G186" cm="1">
        <f t="array" ref="G186">IFERROR(INDEX(Jesper!AK$2:AK$366,ROUNDDOWN($C186/24,0)+1,1)*INDEX($D$3:$AA$30,INDEX(Jesper!$R$2:$R$366,ROW(INDEX(Jesper!AK$2:AK$366,ROUNDDOWN($C186/24,0)+1,1))-1)+IF('Standard Profiles'!$G$21=$B$10,7,0)+IF('Standard Profiles'!$G$21=$B$17,14,0)+IF('Standard Profiles'!$G$21=$B$24,21,0),MOD($C186,24)+1)/SUM(INDEX($D$3:$AA$30,INDEX(Jesper!$R$2:$R$366,ROW(INDEX(Jesper!AK$2:AK$366,ROUNDDOWN($C186/24,0)+1,1))-1)+IF('Standard Profiles'!$G$21=$B$10,7,0)+IF('Standard Profiles'!$G$21=$B$17,14,0)+IF('Standard Profiles'!$G$21=$B$24,21,0),0)),0)</f>
        <v>0</v>
      </c>
      <c r="H186" cm="1">
        <f t="array" ref="H186">IFERROR(INDEX(Jesper!AL$2:AL$366,ROUNDDOWN($C186/24,0)+1,1)*INDEX($D$3:$AA$30,INDEX(Jesper!$R$2:$R$366,ROW(INDEX(Jesper!AL$2:AL$366,ROUNDDOWN($C186/24,0)+1,1))-1)+IF('Standard Profiles'!$G$22=$B$10,7,0)+IF('Standard Profiles'!$G$22=$B$17,14,0)+IF('Standard Profiles'!$G$22=$B$24,21,0),MOD($C186,24)+1)/SUM(INDEX($D$3:$AA$30,INDEX(Jesper!$R$2:$R$366,ROW(INDEX(Jesper!AL$2:AL$366,ROUNDDOWN($C186/24,0)+1,1))-1)+IF('Standard Profiles'!$G$22=$B$10,7,0)+IF('Standard Profiles'!$G$22=$B$17,14,0)+IF('Standard Profiles'!$G$22=$B$24,21,0),0)),0)</f>
        <v>0</v>
      </c>
      <c r="I186">
        <f t="shared" si="34"/>
        <v>0.29979286986301962</v>
      </c>
      <c r="J186">
        <f t="shared" si="35"/>
        <v>0.99930956621006561</v>
      </c>
      <c r="K186">
        <f t="shared" si="36"/>
        <v>1.4989643493150984</v>
      </c>
      <c r="L186">
        <f t="shared" si="37"/>
        <v>15.10623192508347</v>
      </c>
      <c r="M186">
        <f t="shared" si="38"/>
        <v>0</v>
      </c>
      <c r="N186" s="46">
        <f t="shared" si="39"/>
        <v>45298.333333332965</v>
      </c>
      <c r="O186">
        <v>0.26224807555139229</v>
      </c>
      <c r="P186">
        <v>0.87416025183797441</v>
      </c>
      <c r="Q186">
        <v>1.3112403777569615</v>
      </c>
      <c r="R186">
        <v>14.25936317273394</v>
      </c>
      <c r="S186">
        <v>0</v>
      </c>
      <c r="T186" s="46">
        <v>45641.333333312999</v>
      </c>
    </row>
    <row r="187" spans="2:21" x14ac:dyDescent="0.3">
      <c r="B187">
        <f t="shared" si="33"/>
        <v>7</v>
      </c>
      <c r="C187" s="16">
        <v>153</v>
      </c>
      <c r="D187" cm="1">
        <f t="array" ref="D187">IFERROR(INDEX(Jesper!AH$2:AH$366,ROUNDDOWN($C187/24,0)+1,1)*INDEX($D$3:$AA$30,INDEX(Jesper!$R$2:$R$366,ROW(INDEX(Jesper!AH$2:AH$366,ROUNDDOWN($C187/24,0)+1,1))-1)+IF('Standard Profiles'!$G$18=$B$10,7,0)+IF('Standard Profiles'!$G$18=$B$17,14,0)+IF('Standard Profiles'!$G$18=$B$24,21,0),MOD($C187,24)+1)/SUM(INDEX($D$3:$AA$30,INDEX(Jesper!$R$2:$R$366,ROW(INDEX(Jesper!AH$2:AH$366,ROUNDDOWN($C187/24,0)+1,1))-1)+IF('Standard Profiles'!$G$18=$B$10,7,0)+IF('Standard Profiles'!$G$18=$B$17,14,0)+IF('Standard Profiles'!$G$18=$B$24,21,0),0)),0)</f>
        <v>14.576597854992137</v>
      </c>
      <c r="E187" cm="1">
        <f t="array" ref="E187">IFERROR(INDEX(Jesper!AI$2:AI$366,ROUNDDOWN($C187/24,0)+1,1)*INDEX($D$3:$AA$30,INDEX(Jesper!$R$2:$R$366,ROW(INDEX(Jesper!AI$2:AI$366,ROUNDDOWN($C187/24,0)+1,1))-1)+IF('Standard Profiles'!$G$19=$B$10,7,0)+IF('Standard Profiles'!$G$19=$B$17,14,0)+IF('Standard Profiles'!$G$19=$B$24,21,0),MOD($C187,24)+1)/SUM(INDEX($D$3:$AA$30,INDEX(Jesper!$R$2:$R$366,ROW(INDEX(Jesper!AI$2:AI$366,ROUNDDOWN($C187/24,0)+1,1))-1)+IF('Standard Profiles'!$G$19=$B$10,7,0)+IF('Standard Profiles'!$G$19=$B$17,14,0)+IF('Standard Profiles'!$G$19=$B$24,21,0),0)),0)</f>
        <v>3.3277008554795171</v>
      </c>
      <c r="F187" cm="1">
        <f t="array" ref="F187">IFERROR(INDEX(Jesper!AJ$2:AJ$366,ROUNDDOWN($C187/24,0)+1,1)*INDEX($D$3:$AA$30,INDEX(Jesper!$R$2:$R$366,ROW(INDEX(Jesper!AJ$2:AJ$366,ROUNDDOWN($C187/24,0)+1,1))-1)+IF('Standard Profiles'!$G$20=$B$10,7,0)+IF('Standard Profiles'!$G$20=$B$17,14,0)+IF('Standard Profiles'!$G$20=$B$24,21,0),MOD($C187,24)+1)/SUM(INDEX($D$3:$AA$30,INDEX(Jesper!$R$2:$R$366,ROW(INDEX(Jesper!AJ$2:AJ$366,ROUNDDOWN($C187/24,0)+1,1))-1)+IF('Standard Profiles'!$G$20=$B$10,7,0)+IF('Standard Profiles'!$G$20=$B$17,14,0)+IF('Standard Profiles'!$G$20=$B$24,21,0),0)),0)</f>
        <v>0</v>
      </c>
      <c r="G187" cm="1">
        <f t="array" ref="G187">IFERROR(INDEX(Jesper!AK$2:AK$366,ROUNDDOWN($C187/24,0)+1,1)*INDEX($D$3:$AA$30,INDEX(Jesper!$R$2:$R$366,ROW(INDEX(Jesper!AK$2:AK$366,ROUNDDOWN($C187/24,0)+1,1))-1)+IF('Standard Profiles'!$G$21=$B$10,7,0)+IF('Standard Profiles'!$G$21=$B$17,14,0)+IF('Standard Profiles'!$G$21=$B$24,21,0),MOD($C187,24)+1)/SUM(INDEX($D$3:$AA$30,INDEX(Jesper!$R$2:$R$366,ROW(INDEX(Jesper!AK$2:AK$366,ROUNDDOWN($C187/24,0)+1,1))-1)+IF('Standard Profiles'!$G$21=$B$10,7,0)+IF('Standard Profiles'!$G$21=$B$17,14,0)+IF('Standard Profiles'!$G$21=$B$24,21,0),0)),0)</f>
        <v>0</v>
      </c>
      <c r="H187" cm="1">
        <f t="array" ref="H187">IFERROR(INDEX(Jesper!AL$2:AL$366,ROUNDDOWN($C187/24,0)+1,1)*INDEX($D$3:$AA$30,INDEX(Jesper!$R$2:$R$366,ROW(INDEX(Jesper!AL$2:AL$366,ROUNDDOWN($C187/24,0)+1,1))-1)+IF('Standard Profiles'!$G$22=$B$10,7,0)+IF('Standard Profiles'!$G$22=$B$17,14,0)+IF('Standard Profiles'!$G$22=$B$24,21,0),MOD($C187,24)+1)/SUM(INDEX($D$3:$AA$30,INDEX(Jesper!$R$2:$R$366,ROW(INDEX(Jesper!AL$2:AL$366,ROUNDDOWN($C187/24,0)+1,1))-1)+IF('Standard Profiles'!$G$22=$B$10,7,0)+IF('Standard Profiles'!$G$22=$B$17,14,0)+IF('Standard Profiles'!$G$22=$B$24,21,0),0)),0)</f>
        <v>0</v>
      </c>
      <c r="I187">
        <f t="shared" si="34"/>
        <v>0.29979286986301962</v>
      </c>
      <c r="J187">
        <f t="shared" si="35"/>
        <v>0.99930956621006561</v>
      </c>
      <c r="K187">
        <f t="shared" si="36"/>
        <v>1.4989643493150984</v>
      </c>
      <c r="L187">
        <f t="shared" si="37"/>
        <v>15.10623192508347</v>
      </c>
      <c r="M187">
        <f t="shared" si="38"/>
        <v>0</v>
      </c>
      <c r="N187" s="46">
        <f t="shared" si="39"/>
        <v>45298.374999999629</v>
      </c>
      <c r="O187">
        <v>0.26224807555139229</v>
      </c>
      <c r="P187">
        <v>0.87416025183797441</v>
      </c>
      <c r="Q187">
        <v>1.3112403777569615</v>
      </c>
      <c r="R187">
        <v>14.25936317273394</v>
      </c>
      <c r="S187">
        <v>0</v>
      </c>
      <c r="T187" s="46">
        <v>45641.374999979664</v>
      </c>
    </row>
    <row r="188" spans="2:21" x14ac:dyDescent="0.3">
      <c r="B188">
        <f t="shared" si="33"/>
        <v>7</v>
      </c>
      <c r="C188" s="16">
        <v>154</v>
      </c>
      <c r="D188" cm="1">
        <f t="array" ref="D188">IFERROR(INDEX(Jesper!AH$2:AH$366,ROUNDDOWN($C188/24,0)+1,1)*INDEX($D$3:$AA$30,INDEX(Jesper!$R$2:$R$366,ROW(INDEX(Jesper!AH$2:AH$366,ROUNDDOWN($C188/24,0)+1,1))-1)+IF('Standard Profiles'!$G$18=$B$10,7,0)+IF('Standard Profiles'!$G$18=$B$17,14,0)+IF('Standard Profiles'!$G$18=$B$24,21,0),MOD($C188,24)+1)/SUM(INDEX($D$3:$AA$30,INDEX(Jesper!$R$2:$R$366,ROW(INDEX(Jesper!AH$2:AH$366,ROUNDDOWN($C188/24,0)+1,1))-1)+IF('Standard Profiles'!$G$18=$B$10,7,0)+IF('Standard Profiles'!$G$18=$B$17,14,0)+IF('Standard Profiles'!$G$18=$B$24,21,0),0)),0)</f>
        <v>14.576597854992137</v>
      </c>
      <c r="E188" cm="1">
        <f t="array" ref="E188">IFERROR(INDEX(Jesper!AI$2:AI$366,ROUNDDOWN($C188/24,0)+1,1)*INDEX($D$3:$AA$30,INDEX(Jesper!$R$2:$R$366,ROW(INDEX(Jesper!AI$2:AI$366,ROUNDDOWN($C188/24,0)+1,1))-1)+IF('Standard Profiles'!$G$19=$B$10,7,0)+IF('Standard Profiles'!$G$19=$B$17,14,0)+IF('Standard Profiles'!$G$19=$B$24,21,0),MOD($C188,24)+1)/SUM(INDEX($D$3:$AA$30,INDEX(Jesper!$R$2:$R$366,ROW(INDEX(Jesper!AI$2:AI$366,ROUNDDOWN($C188/24,0)+1,1))-1)+IF('Standard Profiles'!$G$19=$B$10,7,0)+IF('Standard Profiles'!$G$19=$B$17,14,0)+IF('Standard Profiles'!$G$19=$B$24,21,0),0)),0)</f>
        <v>3.3277008554795171</v>
      </c>
      <c r="F188" cm="1">
        <f t="array" ref="F188">IFERROR(INDEX(Jesper!AJ$2:AJ$366,ROUNDDOWN($C188/24,0)+1,1)*INDEX($D$3:$AA$30,INDEX(Jesper!$R$2:$R$366,ROW(INDEX(Jesper!AJ$2:AJ$366,ROUNDDOWN($C188/24,0)+1,1))-1)+IF('Standard Profiles'!$G$20=$B$10,7,0)+IF('Standard Profiles'!$G$20=$B$17,14,0)+IF('Standard Profiles'!$G$20=$B$24,21,0),MOD($C188,24)+1)/SUM(INDEX($D$3:$AA$30,INDEX(Jesper!$R$2:$R$366,ROW(INDEX(Jesper!AJ$2:AJ$366,ROUNDDOWN($C188/24,0)+1,1))-1)+IF('Standard Profiles'!$G$20=$B$10,7,0)+IF('Standard Profiles'!$G$20=$B$17,14,0)+IF('Standard Profiles'!$G$20=$B$24,21,0),0)),0)</f>
        <v>0</v>
      </c>
      <c r="G188" cm="1">
        <f t="array" ref="G188">IFERROR(INDEX(Jesper!AK$2:AK$366,ROUNDDOWN($C188/24,0)+1,1)*INDEX($D$3:$AA$30,INDEX(Jesper!$R$2:$R$366,ROW(INDEX(Jesper!AK$2:AK$366,ROUNDDOWN($C188/24,0)+1,1))-1)+IF('Standard Profiles'!$G$21=$B$10,7,0)+IF('Standard Profiles'!$G$21=$B$17,14,0)+IF('Standard Profiles'!$G$21=$B$24,21,0),MOD($C188,24)+1)/SUM(INDEX($D$3:$AA$30,INDEX(Jesper!$R$2:$R$366,ROW(INDEX(Jesper!AK$2:AK$366,ROUNDDOWN($C188/24,0)+1,1))-1)+IF('Standard Profiles'!$G$21=$B$10,7,0)+IF('Standard Profiles'!$G$21=$B$17,14,0)+IF('Standard Profiles'!$G$21=$B$24,21,0),0)),0)</f>
        <v>0</v>
      </c>
      <c r="H188" cm="1">
        <f t="array" ref="H188">IFERROR(INDEX(Jesper!AL$2:AL$366,ROUNDDOWN($C188/24,0)+1,1)*INDEX($D$3:$AA$30,INDEX(Jesper!$R$2:$R$366,ROW(INDEX(Jesper!AL$2:AL$366,ROUNDDOWN($C188/24,0)+1,1))-1)+IF('Standard Profiles'!$G$22=$B$10,7,0)+IF('Standard Profiles'!$G$22=$B$17,14,0)+IF('Standard Profiles'!$G$22=$B$24,21,0),MOD($C188,24)+1)/SUM(INDEX($D$3:$AA$30,INDEX(Jesper!$R$2:$R$366,ROW(INDEX(Jesper!AL$2:AL$366,ROUNDDOWN($C188/24,0)+1,1))-1)+IF('Standard Profiles'!$G$22=$B$10,7,0)+IF('Standard Profiles'!$G$22=$B$17,14,0)+IF('Standard Profiles'!$G$22=$B$24,21,0),0)),0)</f>
        <v>0</v>
      </c>
      <c r="I188">
        <f t="shared" si="34"/>
        <v>0.29979286986301962</v>
      </c>
      <c r="J188">
        <f t="shared" si="35"/>
        <v>0.99930956621006561</v>
      </c>
      <c r="K188">
        <f t="shared" si="36"/>
        <v>1.4989643493150984</v>
      </c>
      <c r="L188">
        <f t="shared" si="37"/>
        <v>15.10623192508347</v>
      </c>
      <c r="M188">
        <f t="shared" si="38"/>
        <v>0</v>
      </c>
      <c r="N188" s="46">
        <f t="shared" si="39"/>
        <v>45298.416666666293</v>
      </c>
      <c r="O188">
        <v>0.26224807555139229</v>
      </c>
      <c r="P188">
        <v>0.87416025183797441</v>
      </c>
      <c r="Q188">
        <v>1.3112403777569615</v>
      </c>
      <c r="R188">
        <v>14.25936317273394</v>
      </c>
      <c r="S188">
        <v>0</v>
      </c>
      <c r="T188" s="46">
        <v>45641.416666646328</v>
      </c>
    </row>
    <row r="189" spans="2:21" x14ac:dyDescent="0.3">
      <c r="B189">
        <f t="shared" si="33"/>
        <v>7</v>
      </c>
      <c r="C189" s="16">
        <v>155</v>
      </c>
      <c r="D189" cm="1">
        <f t="array" ref="D189">IFERROR(INDEX(Jesper!AH$2:AH$366,ROUNDDOWN($C189/24,0)+1,1)*INDEX($D$3:$AA$30,INDEX(Jesper!$R$2:$R$366,ROW(INDEX(Jesper!AH$2:AH$366,ROUNDDOWN($C189/24,0)+1,1))-1)+IF('Standard Profiles'!$G$18=$B$10,7,0)+IF('Standard Profiles'!$G$18=$B$17,14,0)+IF('Standard Profiles'!$G$18=$B$24,21,0),MOD($C189,24)+1)/SUM(INDEX($D$3:$AA$30,INDEX(Jesper!$R$2:$R$366,ROW(INDEX(Jesper!AH$2:AH$366,ROUNDDOWN($C189/24,0)+1,1))-1)+IF('Standard Profiles'!$G$18=$B$10,7,0)+IF('Standard Profiles'!$G$18=$B$17,14,0)+IF('Standard Profiles'!$G$18=$B$24,21,0),0)),0)</f>
        <v>14.576597854992137</v>
      </c>
      <c r="E189" cm="1">
        <f t="array" ref="E189">IFERROR(INDEX(Jesper!AI$2:AI$366,ROUNDDOWN($C189/24,0)+1,1)*INDEX($D$3:$AA$30,INDEX(Jesper!$R$2:$R$366,ROW(INDEX(Jesper!AI$2:AI$366,ROUNDDOWN($C189/24,0)+1,1))-1)+IF('Standard Profiles'!$G$19=$B$10,7,0)+IF('Standard Profiles'!$G$19=$B$17,14,0)+IF('Standard Profiles'!$G$19=$B$24,21,0),MOD($C189,24)+1)/SUM(INDEX($D$3:$AA$30,INDEX(Jesper!$R$2:$R$366,ROW(INDEX(Jesper!AI$2:AI$366,ROUNDDOWN($C189/24,0)+1,1))-1)+IF('Standard Profiles'!$G$19=$B$10,7,0)+IF('Standard Profiles'!$G$19=$B$17,14,0)+IF('Standard Profiles'!$G$19=$B$24,21,0),0)),0)</f>
        <v>3.3277008554795171</v>
      </c>
      <c r="F189" cm="1">
        <f t="array" ref="F189">IFERROR(INDEX(Jesper!AJ$2:AJ$366,ROUNDDOWN($C189/24,0)+1,1)*INDEX($D$3:$AA$30,INDEX(Jesper!$R$2:$R$366,ROW(INDEX(Jesper!AJ$2:AJ$366,ROUNDDOWN($C189/24,0)+1,1))-1)+IF('Standard Profiles'!$G$20=$B$10,7,0)+IF('Standard Profiles'!$G$20=$B$17,14,0)+IF('Standard Profiles'!$G$20=$B$24,21,0),MOD($C189,24)+1)/SUM(INDEX($D$3:$AA$30,INDEX(Jesper!$R$2:$R$366,ROW(INDEX(Jesper!AJ$2:AJ$366,ROUNDDOWN($C189/24,0)+1,1))-1)+IF('Standard Profiles'!$G$20=$B$10,7,0)+IF('Standard Profiles'!$G$20=$B$17,14,0)+IF('Standard Profiles'!$G$20=$B$24,21,0),0)),0)</f>
        <v>0</v>
      </c>
      <c r="G189" cm="1">
        <f t="array" ref="G189">IFERROR(INDEX(Jesper!AK$2:AK$366,ROUNDDOWN($C189/24,0)+1,1)*INDEX($D$3:$AA$30,INDEX(Jesper!$R$2:$R$366,ROW(INDEX(Jesper!AK$2:AK$366,ROUNDDOWN($C189/24,0)+1,1))-1)+IF('Standard Profiles'!$G$21=$B$10,7,0)+IF('Standard Profiles'!$G$21=$B$17,14,0)+IF('Standard Profiles'!$G$21=$B$24,21,0),MOD($C189,24)+1)/SUM(INDEX($D$3:$AA$30,INDEX(Jesper!$R$2:$R$366,ROW(INDEX(Jesper!AK$2:AK$366,ROUNDDOWN($C189/24,0)+1,1))-1)+IF('Standard Profiles'!$G$21=$B$10,7,0)+IF('Standard Profiles'!$G$21=$B$17,14,0)+IF('Standard Profiles'!$G$21=$B$24,21,0),0)),0)</f>
        <v>0</v>
      </c>
      <c r="H189" cm="1">
        <f t="array" ref="H189">IFERROR(INDEX(Jesper!AL$2:AL$366,ROUNDDOWN($C189/24,0)+1,1)*INDEX($D$3:$AA$30,INDEX(Jesper!$R$2:$R$366,ROW(INDEX(Jesper!AL$2:AL$366,ROUNDDOWN($C189/24,0)+1,1))-1)+IF('Standard Profiles'!$G$22=$B$10,7,0)+IF('Standard Profiles'!$G$22=$B$17,14,0)+IF('Standard Profiles'!$G$22=$B$24,21,0),MOD($C189,24)+1)/SUM(INDEX($D$3:$AA$30,INDEX(Jesper!$R$2:$R$366,ROW(INDEX(Jesper!AL$2:AL$366,ROUNDDOWN($C189/24,0)+1,1))-1)+IF('Standard Profiles'!$G$22=$B$10,7,0)+IF('Standard Profiles'!$G$22=$B$17,14,0)+IF('Standard Profiles'!$G$22=$B$24,21,0),0)),0)</f>
        <v>0</v>
      </c>
      <c r="I189">
        <f t="shared" si="34"/>
        <v>0.29979286986301962</v>
      </c>
      <c r="J189">
        <f t="shared" si="35"/>
        <v>0.99930956621006561</v>
      </c>
      <c r="K189">
        <f t="shared" si="36"/>
        <v>1.4989643493150984</v>
      </c>
      <c r="L189">
        <f t="shared" si="37"/>
        <v>15.10623192508347</v>
      </c>
      <c r="M189">
        <f t="shared" si="38"/>
        <v>0</v>
      </c>
      <c r="N189" s="46">
        <f t="shared" si="39"/>
        <v>45298.458333332957</v>
      </c>
      <c r="O189">
        <v>0.26224807555139229</v>
      </c>
      <c r="P189">
        <v>0.87416025183797441</v>
      </c>
      <c r="Q189">
        <v>1.3112403777569615</v>
      </c>
      <c r="R189">
        <v>14.25936317273394</v>
      </c>
      <c r="S189">
        <v>0</v>
      </c>
      <c r="T189" s="46">
        <v>45641.458333312992</v>
      </c>
      <c r="U189" t="str">
        <f>CHOOSE(WEEKDAY(T188,2),"Monday","Tuesday","Wednesday","Thursday","Friday","Saturday","Sunday")</f>
        <v>Sunday</v>
      </c>
    </row>
    <row r="190" spans="2:21" x14ac:dyDescent="0.3">
      <c r="B190">
        <f t="shared" si="33"/>
        <v>7</v>
      </c>
      <c r="C190" s="16">
        <v>156</v>
      </c>
      <c r="D190" cm="1">
        <f t="array" ref="D190">IFERROR(INDEX(Jesper!AH$2:AH$366,ROUNDDOWN($C190/24,0)+1,1)*INDEX($D$3:$AA$30,INDEX(Jesper!$R$2:$R$366,ROW(INDEX(Jesper!AH$2:AH$366,ROUNDDOWN($C190/24,0)+1,1))-1)+IF('Standard Profiles'!$G$18=$B$10,7,0)+IF('Standard Profiles'!$G$18=$B$17,14,0)+IF('Standard Profiles'!$G$18=$B$24,21,0),MOD($C190,24)+1)/SUM(INDEX($D$3:$AA$30,INDEX(Jesper!$R$2:$R$366,ROW(INDEX(Jesper!AH$2:AH$366,ROUNDDOWN($C190/24,0)+1,1))-1)+IF('Standard Profiles'!$G$18=$B$10,7,0)+IF('Standard Profiles'!$G$18=$B$17,14,0)+IF('Standard Profiles'!$G$18=$B$24,21,0),0)),0)</f>
        <v>14.576597854992137</v>
      </c>
      <c r="E190" cm="1">
        <f t="array" ref="E190">IFERROR(INDEX(Jesper!AI$2:AI$366,ROUNDDOWN($C190/24,0)+1,1)*INDEX($D$3:$AA$30,INDEX(Jesper!$R$2:$R$366,ROW(INDEX(Jesper!AI$2:AI$366,ROUNDDOWN($C190/24,0)+1,1))-1)+IF('Standard Profiles'!$G$19=$B$10,7,0)+IF('Standard Profiles'!$G$19=$B$17,14,0)+IF('Standard Profiles'!$G$19=$B$24,21,0),MOD($C190,24)+1)/SUM(INDEX($D$3:$AA$30,INDEX(Jesper!$R$2:$R$366,ROW(INDEX(Jesper!AI$2:AI$366,ROUNDDOWN($C190/24,0)+1,1))-1)+IF('Standard Profiles'!$G$19=$B$10,7,0)+IF('Standard Profiles'!$G$19=$B$17,14,0)+IF('Standard Profiles'!$G$19=$B$24,21,0),0)),0)</f>
        <v>3.3277008554795171</v>
      </c>
      <c r="F190" cm="1">
        <f t="array" ref="F190">IFERROR(INDEX(Jesper!AJ$2:AJ$366,ROUNDDOWN($C190/24,0)+1,1)*INDEX($D$3:$AA$30,INDEX(Jesper!$R$2:$R$366,ROW(INDEX(Jesper!AJ$2:AJ$366,ROUNDDOWN($C190/24,0)+1,1))-1)+IF('Standard Profiles'!$G$20=$B$10,7,0)+IF('Standard Profiles'!$G$20=$B$17,14,0)+IF('Standard Profiles'!$G$20=$B$24,21,0),MOD($C190,24)+1)/SUM(INDEX($D$3:$AA$30,INDEX(Jesper!$R$2:$R$366,ROW(INDEX(Jesper!AJ$2:AJ$366,ROUNDDOWN($C190/24,0)+1,1))-1)+IF('Standard Profiles'!$G$20=$B$10,7,0)+IF('Standard Profiles'!$G$20=$B$17,14,0)+IF('Standard Profiles'!$G$20=$B$24,21,0),0)),0)</f>
        <v>0</v>
      </c>
      <c r="G190" cm="1">
        <f t="array" ref="G190">IFERROR(INDEX(Jesper!AK$2:AK$366,ROUNDDOWN($C190/24,0)+1,1)*INDEX($D$3:$AA$30,INDEX(Jesper!$R$2:$R$366,ROW(INDEX(Jesper!AK$2:AK$366,ROUNDDOWN($C190/24,0)+1,1))-1)+IF('Standard Profiles'!$G$21=$B$10,7,0)+IF('Standard Profiles'!$G$21=$B$17,14,0)+IF('Standard Profiles'!$G$21=$B$24,21,0),MOD($C190,24)+1)/SUM(INDEX($D$3:$AA$30,INDEX(Jesper!$R$2:$R$366,ROW(INDEX(Jesper!AK$2:AK$366,ROUNDDOWN($C190/24,0)+1,1))-1)+IF('Standard Profiles'!$G$21=$B$10,7,0)+IF('Standard Profiles'!$G$21=$B$17,14,0)+IF('Standard Profiles'!$G$21=$B$24,21,0),0)),0)</f>
        <v>0</v>
      </c>
      <c r="H190" cm="1">
        <f t="array" ref="H190">IFERROR(INDEX(Jesper!AL$2:AL$366,ROUNDDOWN($C190/24,0)+1,1)*INDEX($D$3:$AA$30,INDEX(Jesper!$R$2:$R$366,ROW(INDEX(Jesper!AL$2:AL$366,ROUNDDOWN($C190/24,0)+1,1))-1)+IF('Standard Profiles'!$G$22=$B$10,7,0)+IF('Standard Profiles'!$G$22=$B$17,14,0)+IF('Standard Profiles'!$G$22=$B$24,21,0),MOD($C190,24)+1)/SUM(INDEX($D$3:$AA$30,INDEX(Jesper!$R$2:$R$366,ROW(INDEX(Jesper!AL$2:AL$366,ROUNDDOWN($C190/24,0)+1,1))-1)+IF('Standard Profiles'!$G$22=$B$10,7,0)+IF('Standard Profiles'!$G$22=$B$17,14,0)+IF('Standard Profiles'!$G$22=$B$24,21,0),0)),0)</f>
        <v>0</v>
      </c>
      <c r="I190">
        <f t="shared" si="34"/>
        <v>0.29979286986301962</v>
      </c>
      <c r="J190">
        <f t="shared" si="35"/>
        <v>0.99930956621006561</v>
      </c>
      <c r="K190">
        <f t="shared" si="36"/>
        <v>1.4989643493150984</v>
      </c>
      <c r="L190">
        <f t="shared" si="37"/>
        <v>15.10623192508347</v>
      </c>
      <c r="M190">
        <f t="shared" si="38"/>
        <v>0</v>
      </c>
      <c r="N190" s="46">
        <f t="shared" si="39"/>
        <v>45298.499999999622</v>
      </c>
      <c r="O190">
        <v>0.26224807555139229</v>
      </c>
      <c r="P190">
        <v>0.87416025183797441</v>
      </c>
      <c r="Q190">
        <v>1.3112403777569615</v>
      </c>
      <c r="R190">
        <v>14.25936317273394</v>
      </c>
      <c r="S190">
        <v>0</v>
      </c>
      <c r="T190" s="46">
        <v>45641.499999979656</v>
      </c>
    </row>
    <row r="191" spans="2:21" x14ac:dyDescent="0.3">
      <c r="B191">
        <f t="shared" si="33"/>
        <v>7</v>
      </c>
      <c r="C191" s="16">
        <v>157</v>
      </c>
      <c r="D191" cm="1">
        <f t="array" ref="D191">IFERROR(INDEX(Jesper!AH$2:AH$366,ROUNDDOWN($C191/24,0)+1,1)*INDEX($D$3:$AA$30,INDEX(Jesper!$R$2:$R$366,ROW(INDEX(Jesper!AH$2:AH$366,ROUNDDOWN($C191/24,0)+1,1))-1)+IF('Standard Profiles'!$G$18=$B$10,7,0)+IF('Standard Profiles'!$G$18=$B$17,14,0)+IF('Standard Profiles'!$G$18=$B$24,21,0),MOD($C191,24)+1)/SUM(INDEX($D$3:$AA$30,INDEX(Jesper!$R$2:$R$366,ROW(INDEX(Jesper!AH$2:AH$366,ROUNDDOWN($C191/24,0)+1,1))-1)+IF('Standard Profiles'!$G$18=$B$10,7,0)+IF('Standard Profiles'!$G$18=$B$17,14,0)+IF('Standard Profiles'!$G$18=$B$24,21,0),0)),0)</f>
        <v>14.576597854992137</v>
      </c>
      <c r="E191" cm="1">
        <f t="array" ref="E191">IFERROR(INDEX(Jesper!AI$2:AI$366,ROUNDDOWN($C191/24,0)+1,1)*INDEX($D$3:$AA$30,INDEX(Jesper!$R$2:$R$366,ROW(INDEX(Jesper!AI$2:AI$366,ROUNDDOWN($C191/24,0)+1,1))-1)+IF('Standard Profiles'!$G$19=$B$10,7,0)+IF('Standard Profiles'!$G$19=$B$17,14,0)+IF('Standard Profiles'!$G$19=$B$24,21,0),MOD($C191,24)+1)/SUM(INDEX($D$3:$AA$30,INDEX(Jesper!$R$2:$R$366,ROW(INDEX(Jesper!AI$2:AI$366,ROUNDDOWN($C191/24,0)+1,1))-1)+IF('Standard Profiles'!$G$19=$B$10,7,0)+IF('Standard Profiles'!$G$19=$B$17,14,0)+IF('Standard Profiles'!$G$19=$B$24,21,0),0)),0)</f>
        <v>3.3277008554795171</v>
      </c>
      <c r="F191" cm="1">
        <f t="array" ref="F191">IFERROR(INDEX(Jesper!AJ$2:AJ$366,ROUNDDOWN($C191/24,0)+1,1)*INDEX($D$3:$AA$30,INDEX(Jesper!$R$2:$R$366,ROW(INDEX(Jesper!AJ$2:AJ$366,ROUNDDOWN($C191/24,0)+1,1))-1)+IF('Standard Profiles'!$G$20=$B$10,7,0)+IF('Standard Profiles'!$G$20=$B$17,14,0)+IF('Standard Profiles'!$G$20=$B$24,21,0),MOD($C191,24)+1)/SUM(INDEX($D$3:$AA$30,INDEX(Jesper!$R$2:$R$366,ROW(INDEX(Jesper!AJ$2:AJ$366,ROUNDDOWN($C191/24,0)+1,1))-1)+IF('Standard Profiles'!$G$20=$B$10,7,0)+IF('Standard Profiles'!$G$20=$B$17,14,0)+IF('Standard Profiles'!$G$20=$B$24,21,0),0)),0)</f>
        <v>0</v>
      </c>
      <c r="G191" cm="1">
        <f t="array" ref="G191">IFERROR(INDEX(Jesper!AK$2:AK$366,ROUNDDOWN($C191/24,0)+1,1)*INDEX($D$3:$AA$30,INDEX(Jesper!$R$2:$R$366,ROW(INDEX(Jesper!AK$2:AK$366,ROUNDDOWN($C191/24,0)+1,1))-1)+IF('Standard Profiles'!$G$21=$B$10,7,0)+IF('Standard Profiles'!$G$21=$B$17,14,0)+IF('Standard Profiles'!$G$21=$B$24,21,0),MOD($C191,24)+1)/SUM(INDEX($D$3:$AA$30,INDEX(Jesper!$R$2:$R$366,ROW(INDEX(Jesper!AK$2:AK$366,ROUNDDOWN($C191/24,0)+1,1))-1)+IF('Standard Profiles'!$G$21=$B$10,7,0)+IF('Standard Profiles'!$G$21=$B$17,14,0)+IF('Standard Profiles'!$G$21=$B$24,21,0),0)),0)</f>
        <v>0</v>
      </c>
      <c r="H191" cm="1">
        <f t="array" ref="H191">IFERROR(INDEX(Jesper!AL$2:AL$366,ROUNDDOWN($C191/24,0)+1,1)*INDEX($D$3:$AA$30,INDEX(Jesper!$R$2:$R$366,ROW(INDEX(Jesper!AL$2:AL$366,ROUNDDOWN($C191/24,0)+1,1))-1)+IF('Standard Profiles'!$G$22=$B$10,7,0)+IF('Standard Profiles'!$G$22=$B$17,14,0)+IF('Standard Profiles'!$G$22=$B$24,21,0),MOD($C191,24)+1)/SUM(INDEX($D$3:$AA$30,INDEX(Jesper!$R$2:$R$366,ROW(INDEX(Jesper!AL$2:AL$366,ROUNDDOWN($C191/24,0)+1,1))-1)+IF('Standard Profiles'!$G$22=$B$10,7,0)+IF('Standard Profiles'!$G$22=$B$17,14,0)+IF('Standard Profiles'!$G$22=$B$24,21,0),0)),0)</f>
        <v>0</v>
      </c>
      <c r="I191">
        <f t="shared" si="34"/>
        <v>0.29979286986301962</v>
      </c>
      <c r="J191">
        <f t="shared" si="35"/>
        <v>0.99930956621006561</v>
      </c>
      <c r="K191">
        <f t="shared" si="36"/>
        <v>1.4989643493150984</v>
      </c>
      <c r="L191">
        <f t="shared" si="37"/>
        <v>15.10623192508347</v>
      </c>
      <c r="M191">
        <f t="shared" si="38"/>
        <v>0</v>
      </c>
      <c r="N191" s="46">
        <f t="shared" si="39"/>
        <v>45298.541666666286</v>
      </c>
      <c r="O191">
        <v>0.26224807555139229</v>
      </c>
      <c r="P191">
        <v>0.87416025183797441</v>
      </c>
      <c r="Q191">
        <v>1.3112403777569615</v>
      </c>
      <c r="R191">
        <v>14.25936317273394</v>
      </c>
      <c r="S191">
        <v>0</v>
      </c>
      <c r="T191" s="46">
        <v>45641.541666646321</v>
      </c>
    </row>
    <row r="192" spans="2:21" x14ac:dyDescent="0.3">
      <c r="B192">
        <f t="shared" si="33"/>
        <v>7</v>
      </c>
      <c r="C192" s="16">
        <v>158</v>
      </c>
      <c r="D192" cm="1">
        <f t="array" ref="D192">IFERROR(INDEX(Jesper!AH$2:AH$366,ROUNDDOWN($C192/24,0)+1,1)*INDEX($D$3:$AA$30,INDEX(Jesper!$R$2:$R$366,ROW(INDEX(Jesper!AH$2:AH$366,ROUNDDOWN($C192/24,0)+1,1))-1)+IF('Standard Profiles'!$G$18=$B$10,7,0)+IF('Standard Profiles'!$G$18=$B$17,14,0)+IF('Standard Profiles'!$G$18=$B$24,21,0),MOD($C192,24)+1)/SUM(INDEX($D$3:$AA$30,INDEX(Jesper!$R$2:$R$366,ROW(INDEX(Jesper!AH$2:AH$366,ROUNDDOWN($C192/24,0)+1,1))-1)+IF('Standard Profiles'!$G$18=$B$10,7,0)+IF('Standard Profiles'!$G$18=$B$17,14,0)+IF('Standard Profiles'!$G$18=$B$24,21,0),0)),0)</f>
        <v>14.576597854992137</v>
      </c>
      <c r="E192" cm="1">
        <f t="array" ref="E192">IFERROR(INDEX(Jesper!AI$2:AI$366,ROUNDDOWN($C192/24,0)+1,1)*INDEX($D$3:$AA$30,INDEX(Jesper!$R$2:$R$366,ROW(INDEX(Jesper!AI$2:AI$366,ROUNDDOWN($C192/24,0)+1,1))-1)+IF('Standard Profiles'!$G$19=$B$10,7,0)+IF('Standard Profiles'!$G$19=$B$17,14,0)+IF('Standard Profiles'!$G$19=$B$24,21,0),MOD($C192,24)+1)/SUM(INDEX($D$3:$AA$30,INDEX(Jesper!$R$2:$R$366,ROW(INDEX(Jesper!AI$2:AI$366,ROUNDDOWN($C192/24,0)+1,1))-1)+IF('Standard Profiles'!$G$19=$B$10,7,0)+IF('Standard Profiles'!$G$19=$B$17,14,0)+IF('Standard Profiles'!$G$19=$B$24,21,0),0)),0)</f>
        <v>3.3277008554795171</v>
      </c>
      <c r="F192" cm="1">
        <f t="array" ref="F192">IFERROR(INDEX(Jesper!AJ$2:AJ$366,ROUNDDOWN($C192/24,0)+1,1)*INDEX($D$3:$AA$30,INDEX(Jesper!$R$2:$R$366,ROW(INDEX(Jesper!AJ$2:AJ$366,ROUNDDOWN($C192/24,0)+1,1))-1)+IF('Standard Profiles'!$G$20=$B$10,7,0)+IF('Standard Profiles'!$G$20=$B$17,14,0)+IF('Standard Profiles'!$G$20=$B$24,21,0),MOD($C192,24)+1)/SUM(INDEX($D$3:$AA$30,INDEX(Jesper!$R$2:$R$366,ROW(INDEX(Jesper!AJ$2:AJ$366,ROUNDDOWN($C192/24,0)+1,1))-1)+IF('Standard Profiles'!$G$20=$B$10,7,0)+IF('Standard Profiles'!$G$20=$B$17,14,0)+IF('Standard Profiles'!$G$20=$B$24,21,0),0)),0)</f>
        <v>0</v>
      </c>
      <c r="G192" cm="1">
        <f t="array" ref="G192">IFERROR(INDEX(Jesper!AK$2:AK$366,ROUNDDOWN($C192/24,0)+1,1)*INDEX($D$3:$AA$30,INDEX(Jesper!$R$2:$R$366,ROW(INDEX(Jesper!AK$2:AK$366,ROUNDDOWN($C192/24,0)+1,1))-1)+IF('Standard Profiles'!$G$21=$B$10,7,0)+IF('Standard Profiles'!$G$21=$B$17,14,0)+IF('Standard Profiles'!$G$21=$B$24,21,0),MOD($C192,24)+1)/SUM(INDEX($D$3:$AA$30,INDEX(Jesper!$R$2:$R$366,ROW(INDEX(Jesper!AK$2:AK$366,ROUNDDOWN($C192/24,0)+1,1))-1)+IF('Standard Profiles'!$G$21=$B$10,7,0)+IF('Standard Profiles'!$G$21=$B$17,14,0)+IF('Standard Profiles'!$G$21=$B$24,21,0),0)),0)</f>
        <v>0</v>
      </c>
      <c r="H192" cm="1">
        <f t="array" ref="H192">IFERROR(INDEX(Jesper!AL$2:AL$366,ROUNDDOWN($C192/24,0)+1,1)*INDEX($D$3:$AA$30,INDEX(Jesper!$R$2:$R$366,ROW(INDEX(Jesper!AL$2:AL$366,ROUNDDOWN($C192/24,0)+1,1))-1)+IF('Standard Profiles'!$G$22=$B$10,7,0)+IF('Standard Profiles'!$G$22=$B$17,14,0)+IF('Standard Profiles'!$G$22=$B$24,21,0),MOD($C192,24)+1)/SUM(INDEX($D$3:$AA$30,INDEX(Jesper!$R$2:$R$366,ROW(INDEX(Jesper!AL$2:AL$366,ROUNDDOWN($C192/24,0)+1,1))-1)+IF('Standard Profiles'!$G$22=$B$10,7,0)+IF('Standard Profiles'!$G$22=$B$17,14,0)+IF('Standard Profiles'!$G$22=$B$24,21,0),0)),0)</f>
        <v>0</v>
      </c>
      <c r="I192">
        <f t="shared" si="34"/>
        <v>0.29979286986301962</v>
      </c>
      <c r="J192">
        <f t="shared" si="35"/>
        <v>0.99930956621006561</v>
      </c>
      <c r="K192">
        <f t="shared" si="36"/>
        <v>1.4989643493150984</v>
      </c>
      <c r="L192">
        <f t="shared" si="37"/>
        <v>15.10623192508347</v>
      </c>
      <c r="M192">
        <f t="shared" si="38"/>
        <v>0</v>
      </c>
      <c r="N192" s="46">
        <f t="shared" si="39"/>
        <v>45298.58333333295</v>
      </c>
      <c r="O192">
        <v>0.26224807555139229</v>
      </c>
      <c r="P192">
        <v>0.87416025183797441</v>
      </c>
      <c r="Q192">
        <v>1.3112403777569615</v>
      </c>
      <c r="R192">
        <v>14.25936317273394</v>
      </c>
      <c r="S192">
        <v>0</v>
      </c>
      <c r="T192" s="46">
        <v>45641.583333312985</v>
      </c>
    </row>
    <row r="193" spans="2:20" x14ac:dyDescent="0.3">
      <c r="B193">
        <f t="shared" si="33"/>
        <v>7</v>
      </c>
      <c r="C193" s="16">
        <v>159</v>
      </c>
      <c r="D193" cm="1">
        <f t="array" ref="D193">IFERROR(INDEX(Jesper!AH$2:AH$366,ROUNDDOWN($C193/24,0)+1,1)*INDEX($D$3:$AA$30,INDEX(Jesper!$R$2:$R$366,ROW(INDEX(Jesper!AH$2:AH$366,ROUNDDOWN($C193/24,0)+1,1))-1)+IF('Standard Profiles'!$G$18=$B$10,7,0)+IF('Standard Profiles'!$G$18=$B$17,14,0)+IF('Standard Profiles'!$G$18=$B$24,21,0),MOD($C193,24)+1)/SUM(INDEX($D$3:$AA$30,INDEX(Jesper!$R$2:$R$366,ROW(INDEX(Jesper!AH$2:AH$366,ROUNDDOWN($C193/24,0)+1,1))-1)+IF('Standard Profiles'!$G$18=$B$10,7,0)+IF('Standard Profiles'!$G$18=$B$17,14,0)+IF('Standard Profiles'!$G$18=$B$24,21,0),0)),0)</f>
        <v>12.956975871104122</v>
      </c>
      <c r="E193" cm="1">
        <f t="array" ref="E193">IFERROR(INDEX(Jesper!AI$2:AI$366,ROUNDDOWN($C193/24,0)+1,1)*INDEX($D$3:$AA$30,INDEX(Jesper!$R$2:$R$366,ROW(INDEX(Jesper!AI$2:AI$366,ROUNDDOWN($C193/24,0)+1,1))-1)+IF('Standard Profiles'!$G$19=$B$10,7,0)+IF('Standard Profiles'!$G$19=$B$17,14,0)+IF('Standard Profiles'!$G$19=$B$24,21,0),MOD($C193,24)+1)/SUM(INDEX($D$3:$AA$30,INDEX(Jesper!$R$2:$R$366,ROW(INDEX(Jesper!AI$2:AI$366,ROUNDDOWN($C193/24,0)+1,1))-1)+IF('Standard Profiles'!$G$19=$B$10,7,0)+IF('Standard Profiles'!$G$19=$B$17,14,0)+IF('Standard Profiles'!$G$19=$B$24,21,0),0)),0)</f>
        <v>2.9579563159817925</v>
      </c>
      <c r="F193" cm="1">
        <f t="array" ref="F193">IFERROR(INDEX(Jesper!AJ$2:AJ$366,ROUNDDOWN($C193/24,0)+1,1)*INDEX($D$3:$AA$30,INDEX(Jesper!$R$2:$R$366,ROW(INDEX(Jesper!AJ$2:AJ$366,ROUNDDOWN($C193/24,0)+1,1))-1)+IF('Standard Profiles'!$G$20=$B$10,7,0)+IF('Standard Profiles'!$G$20=$B$17,14,0)+IF('Standard Profiles'!$G$20=$B$24,21,0),MOD($C193,24)+1)/SUM(INDEX($D$3:$AA$30,INDEX(Jesper!$R$2:$R$366,ROW(INDEX(Jesper!AJ$2:AJ$366,ROUNDDOWN($C193/24,0)+1,1))-1)+IF('Standard Profiles'!$G$20=$B$10,7,0)+IF('Standard Profiles'!$G$20=$B$17,14,0)+IF('Standard Profiles'!$G$20=$B$24,21,0),0)),0)</f>
        <v>0</v>
      </c>
      <c r="G193" cm="1">
        <f t="array" ref="G193">IFERROR(INDEX(Jesper!AK$2:AK$366,ROUNDDOWN($C193/24,0)+1,1)*INDEX($D$3:$AA$30,INDEX(Jesper!$R$2:$R$366,ROW(INDEX(Jesper!AK$2:AK$366,ROUNDDOWN($C193/24,0)+1,1))-1)+IF('Standard Profiles'!$G$21=$B$10,7,0)+IF('Standard Profiles'!$G$21=$B$17,14,0)+IF('Standard Profiles'!$G$21=$B$24,21,0),MOD($C193,24)+1)/SUM(INDEX($D$3:$AA$30,INDEX(Jesper!$R$2:$R$366,ROW(INDEX(Jesper!AK$2:AK$366,ROUNDDOWN($C193/24,0)+1,1))-1)+IF('Standard Profiles'!$G$21=$B$10,7,0)+IF('Standard Profiles'!$G$21=$B$17,14,0)+IF('Standard Profiles'!$G$21=$B$24,21,0),0)),0)</f>
        <v>0</v>
      </c>
      <c r="H193" cm="1">
        <f t="array" ref="H193">IFERROR(INDEX(Jesper!AL$2:AL$366,ROUNDDOWN($C193/24,0)+1,1)*INDEX($D$3:$AA$30,INDEX(Jesper!$R$2:$R$366,ROW(INDEX(Jesper!AL$2:AL$366,ROUNDDOWN($C193/24,0)+1,1))-1)+IF('Standard Profiles'!$G$22=$B$10,7,0)+IF('Standard Profiles'!$G$22=$B$17,14,0)+IF('Standard Profiles'!$G$22=$B$24,21,0),MOD($C193,24)+1)/SUM(INDEX($D$3:$AA$30,INDEX(Jesper!$R$2:$R$366,ROW(INDEX(Jesper!AL$2:AL$366,ROUNDDOWN($C193/24,0)+1,1))-1)+IF('Standard Profiles'!$G$22=$B$10,7,0)+IF('Standard Profiles'!$G$22=$B$17,14,0)+IF('Standard Profiles'!$G$22=$B$24,21,0),0)),0)</f>
        <v>0</v>
      </c>
      <c r="I193">
        <f t="shared" si="34"/>
        <v>0.26648255098935075</v>
      </c>
      <c r="J193">
        <f t="shared" si="35"/>
        <v>0.88827516996450262</v>
      </c>
      <c r="K193">
        <f t="shared" si="36"/>
        <v>1.3324127549467539</v>
      </c>
      <c r="L193">
        <f t="shared" si="37"/>
        <v>13.427761711185308</v>
      </c>
      <c r="M193">
        <f t="shared" si="38"/>
        <v>0</v>
      </c>
      <c r="N193" s="46">
        <f t="shared" si="39"/>
        <v>45298.624999999614</v>
      </c>
      <c r="O193">
        <v>0.23310940049012649</v>
      </c>
      <c r="P193">
        <v>0.77703133496708843</v>
      </c>
      <c r="Q193">
        <v>1.1655470024506327</v>
      </c>
      <c r="R193">
        <v>12.674989486874612</v>
      </c>
      <c r="S193">
        <v>0</v>
      </c>
      <c r="T193" s="46">
        <v>45641.624999979649</v>
      </c>
    </row>
    <row r="194" spans="2:20" x14ac:dyDescent="0.3">
      <c r="B194">
        <f t="shared" si="33"/>
        <v>7</v>
      </c>
      <c r="C194" s="16">
        <v>160</v>
      </c>
      <c r="D194" cm="1">
        <f t="array" ref="D194">IFERROR(INDEX(Jesper!AH$2:AH$366,ROUNDDOWN($C194/24,0)+1,1)*INDEX($D$3:$AA$30,INDEX(Jesper!$R$2:$R$366,ROW(INDEX(Jesper!AH$2:AH$366,ROUNDDOWN($C194/24,0)+1,1))-1)+IF('Standard Profiles'!$G$18=$B$10,7,0)+IF('Standard Profiles'!$G$18=$B$17,14,0)+IF('Standard Profiles'!$G$18=$B$24,21,0),MOD($C194,24)+1)/SUM(INDEX($D$3:$AA$30,INDEX(Jesper!$R$2:$R$366,ROW(INDEX(Jesper!AH$2:AH$366,ROUNDDOWN($C194/24,0)+1,1))-1)+IF('Standard Profiles'!$G$18=$B$10,7,0)+IF('Standard Profiles'!$G$18=$B$17,14,0)+IF('Standard Profiles'!$G$18=$B$24,21,0),0)),0)</f>
        <v>12.725601301977262</v>
      </c>
      <c r="E194" cm="1">
        <f t="array" ref="E194">IFERROR(INDEX(Jesper!AI$2:AI$366,ROUNDDOWN($C194/24,0)+1,1)*INDEX($D$3:$AA$30,INDEX(Jesper!$R$2:$R$366,ROW(INDEX(Jesper!AI$2:AI$366,ROUNDDOWN($C194/24,0)+1,1))-1)+IF('Standard Profiles'!$G$19=$B$10,7,0)+IF('Standard Profiles'!$G$19=$B$17,14,0)+IF('Standard Profiles'!$G$19=$B$24,21,0),MOD($C194,24)+1)/SUM(INDEX($D$3:$AA$30,INDEX(Jesper!$R$2:$R$366,ROW(INDEX(Jesper!AI$2:AI$366,ROUNDDOWN($C194/24,0)+1,1))-1)+IF('Standard Profiles'!$G$19=$B$10,7,0)+IF('Standard Profiles'!$G$19=$B$17,14,0)+IF('Standard Profiles'!$G$19=$B$24,21,0),0)),0)</f>
        <v>2.9051356674821176</v>
      </c>
      <c r="F194" cm="1">
        <f t="array" ref="F194">IFERROR(INDEX(Jesper!AJ$2:AJ$366,ROUNDDOWN($C194/24,0)+1,1)*INDEX($D$3:$AA$30,INDEX(Jesper!$R$2:$R$366,ROW(INDEX(Jesper!AJ$2:AJ$366,ROUNDDOWN($C194/24,0)+1,1))-1)+IF('Standard Profiles'!$G$20=$B$10,7,0)+IF('Standard Profiles'!$G$20=$B$17,14,0)+IF('Standard Profiles'!$G$20=$B$24,21,0),MOD($C194,24)+1)/SUM(INDEX($D$3:$AA$30,INDEX(Jesper!$R$2:$R$366,ROW(INDEX(Jesper!AJ$2:AJ$366,ROUNDDOWN($C194/24,0)+1,1))-1)+IF('Standard Profiles'!$G$20=$B$10,7,0)+IF('Standard Profiles'!$G$20=$B$17,14,0)+IF('Standard Profiles'!$G$20=$B$24,21,0),0)),0)</f>
        <v>0</v>
      </c>
      <c r="G194" cm="1">
        <f t="array" ref="G194">IFERROR(INDEX(Jesper!AK$2:AK$366,ROUNDDOWN($C194/24,0)+1,1)*INDEX($D$3:$AA$30,INDEX(Jesper!$R$2:$R$366,ROW(INDEX(Jesper!AK$2:AK$366,ROUNDDOWN($C194/24,0)+1,1))-1)+IF('Standard Profiles'!$G$21=$B$10,7,0)+IF('Standard Profiles'!$G$21=$B$17,14,0)+IF('Standard Profiles'!$G$21=$B$24,21,0),MOD($C194,24)+1)/SUM(INDEX($D$3:$AA$30,INDEX(Jesper!$R$2:$R$366,ROW(INDEX(Jesper!AK$2:AK$366,ROUNDDOWN($C194/24,0)+1,1))-1)+IF('Standard Profiles'!$G$21=$B$10,7,0)+IF('Standard Profiles'!$G$21=$B$17,14,0)+IF('Standard Profiles'!$G$21=$B$24,21,0),0)),0)</f>
        <v>0</v>
      </c>
      <c r="H194" cm="1">
        <f t="array" ref="H194">IFERROR(INDEX(Jesper!AL$2:AL$366,ROUNDDOWN($C194/24,0)+1,1)*INDEX($D$3:$AA$30,INDEX(Jesper!$R$2:$R$366,ROW(INDEX(Jesper!AL$2:AL$366,ROUNDDOWN($C194/24,0)+1,1))-1)+IF('Standard Profiles'!$G$22=$B$10,7,0)+IF('Standard Profiles'!$G$22=$B$17,14,0)+IF('Standard Profiles'!$G$22=$B$24,21,0),MOD($C194,24)+1)/SUM(INDEX($D$3:$AA$30,INDEX(Jesper!$R$2:$R$366,ROW(INDEX(Jesper!AL$2:AL$366,ROUNDDOWN($C194/24,0)+1,1))-1)+IF('Standard Profiles'!$G$22=$B$10,7,0)+IF('Standard Profiles'!$G$22=$B$17,14,0)+IF('Standard Profiles'!$G$22=$B$24,21,0),0)),0)</f>
        <v>0</v>
      </c>
      <c r="I194">
        <f t="shared" si="34"/>
        <v>0.26172393400739807</v>
      </c>
      <c r="J194">
        <f t="shared" si="35"/>
        <v>0.87241311335799365</v>
      </c>
      <c r="K194">
        <f t="shared" si="36"/>
        <v>1.3086196700369903</v>
      </c>
      <c r="L194">
        <f t="shared" si="37"/>
        <v>13.187980252056997</v>
      </c>
      <c r="M194">
        <f t="shared" si="38"/>
        <v>0</v>
      </c>
      <c r="N194" s="46">
        <f t="shared" si="39"/>
        <v>45298.666666666279</v>
      </c>
      <c r="O194">
        <v>0.22894673262423132</v>
      </c>
      <c r="P194">
        <v>0.76315577541410451</v>
      </c>
      <c r="Q194">
        <v>1.1447336631211569</v>
      </c>
      <c r="R194">
        <v>12.448650388894711</v>
      </c>
      <c r="S194">
        <v>0</v>
      </c>
      <c r="T194" s="46">
        <v>45641.666666646313</v>
      </c>
    </row>
    <row r="195" spans="2:20" x14ac:dyDescent="0.3">
      <c r="B195">
        <f t="shared" si="33"/>
        <v>7</v>
      </c>
      <c r="C195" s="16">
        <v>161</v>
      </c>
      <c r="D195" cm="1">
        <f t="array" ref="D195">IFERROR(INDEX(Jesper!AH$2:AH$366,ROUNDDOWN($C195/24,0)+1,1)*INDEX($D$3:$AA$30,INDEX(Jesper!$R$2:$R$366,ROW(INDEX(Jesper!AH$2:AH$366,ROUNDDOWN($C195/24,0)+1,1))-1)+IF('Standard Profiles'!$G$18=$B$10,7,0)+IF('Standard Profiles'!$G$18=$B$17,14,0)+IF('Standard Profiles'!$G$18=$B$24,21,0),MOD($C195,24)+1)/SUM(INDEX($D$3:$AA$30,INDEX(Jesper!$R$2:$R$366,ROW(INDEX(Jesper!AH$2:AH$366,ROUNDDOWN($C195/24,0)+1,1))-1)+IF('Standard Profiles'!$G$18=$B$10,7,0)+IF('Standard Profiles'!$G$18=$B$17,14,0)+IF('Standard Profiles'!$G$18=$B$24,21,0),0)),0)</f>
        <v>10.874604748962389</v>
      </c>
      <c r="E195" cm="1">
        <f t="array" ref="E195">IFERROR(INDEX(Jesper!AI$2:AI$366,ROUNDDOWN($C195/24,0)+1,1)*INDEX($D$3:$AA$30,INDEX(Jesper!$R$2:$R$366,ROW(INDEX(Jesper!AI$2:AI$366,ROUNDDOWN($C195/24,0)+1,1))-1)+IF('Standard Profiles'!$G$19=$B$10,7,0)+IF('Standard Profiles'!$G$19=$B$17,14,0)+IF('Standard Profiles'!$G$19=$B$24,21,0),MOD($C195,24)+1)/SUM(INDEX($D$3:$AA$30,INDEX(Jesper!$R$2:$R$366,ROW(INDEX(Jesper!AI$2:AI$366,ROUNDDOWN($C195/24,0)+1,1))-1)+IF('Standard Profiles'!$G$19=$B$10,7,0)+IF('Standard Profiles'!$G$19=$B$17,14,0)+IF('Standard Profiles'!$G$19=$B$24,21,0),0)),0)</f>
        <v>2.482570479484719</v>
      </c>
      <c r="F195" cm="1">
        <f t="array" ref="F195">IFERROR(INDEX(Jesper!AJ$2:AJ$366,ROUNDDOWN($C195/24,0)+1,1)*INDEX($D$3:$AA$30,INDEX(Jesper!$R$2:$R$366,ROW(INDEX(Jesper!AJ$2:AJ$366,ROUNDDOWN($C195/24,0)+1,1))-1)+IF('Standard Profiles'!$G$20=$B$10,7,0)+IF('Standard Profiles'!$G$20=$B$17,14,0)+IF('Standard Profiles'!$G$20=$B$24,21,0),MOD($C195,24)+1)/SUM(INDEX($D$3:$AA$30,INDEX(Jesper!$R$2:$R$366,ROW(INDEX(Jesper!AJ$2:AJ$366,ROUNDDOWN($C195/24,0)+1,1))-1)+IF('Standard Profiles'!$G$20=$B$10,7,0)+IF('Standard Profiles'!$G$20=$B$17,14,0)+IF('Standard Profiles'!$G$20=$B$24,21,0),0)),0)</f>
        <v>0</v>
      </c>
      <c r="G195" cm="1">
        <f t="array" ref="G195">IFERROR(INDEX(Jesper!AK$2:AK$366,ROUNDDOWN($C195/24,0)+1,1)*INDEX($D$3:$AA$30,INDEX(Jesper!$R$2:$R$366,ROW(INDEX(Jesper!AK$2:AK$366,ROUNDDOWN($C195/24,0)+1,1))-1)+IF('Standard Profiles'!$G$21=$B$10,7,0)+IF('Standard Profiles'!$G$21=$B$17,14,0)+IF('Standard Profiles'!$G$21=$B$24,21,0),MOD($C195,24)+1)/SUM(INDEX($D$3:$AA$30,INDEX(Jesper!$R$2:$R$366,ROW(INDEX(Jesper!AK$2:AK$366,ROUNDDOWN($C195/24,0)+1,1))-1)+IF('Standard Profiles'!$G$21=$B$10,7,0)+IF('Standard Profiles'!$G$21=$B$17,14,0)+IF('Standard Profiles'!$G$21=$B$24,21,0),0)),0)</f>
        <v>0</v>
      </c>
      <c r="H195" cm="1">
        <f t="array" ref="H195">IFERROR(INDEX(Jesper!AL$2:AL$366,ROUNDDOWN($C195/24,0)+1,1)*INDEX($D$3:$AA$30,INDEX(Jesper!$R$2:$R$366,ROW(INDEX(Jesper!AL$2:AL$366,ROUNDDOWN($C195/24,0)+1,1))-1)+IF('Standard Profiles'!$G$22=$B$10,7,0)+IF('Standard Profiles'!$G$22=$B$17,14,0)+IF('Standard Profiles'!$G$22=$B$24,21,0),MOD($C195,24)+1)/SUM(INDEX($D$3:$AA$30,INDEX(Jesper!$R$2:$R$366,ROW(INDEX(Jesper!AL$2:AL$366,ROUNDDOWN($C195/24,0)+1,1))-1)+IF('Standard Profiles'!$G$22=$B$10,7,0)+IF('Standard Profiles'!$G$22=$B$17,14,0)+IF('Standard Profiles'!$G$22=$B$24,21,0),0)),0)</f>
        <v>0</v>
      </c>
      <c r="I195">
        <f t="shared" si="34"/>
        <v>0.22365499815177653</v>
      </c>
      <c r="J195">
        <f t="shared" si="35"/>
        <v>0.74551666050592191</v>
      </c>
      <c r="K195">
        <f t="shared" si="36"/>
        <v>1.1182749907588829</v>
      </c>
      <c r="L195">
        <f t="shared" si="37"/>
        <v>11.269728579030527</v>
      </c>
      <c r="M195">
        <f t="shared" si="38"/>
        <v>0</v>
      </c>
      <c r="N195" s="46">
        <f t="shared" si="39"/>
        <v>45298.708333332943</v>
      </c>
      <c r="O195">
        <v>0.19564538969707046</v>
      </c>
      <c r="P195">
        <v>0.65215129899023494</v>
      </c>
      <c r="Q195">
        <v>0.97822694848535241</v>
      </c>
      <c r="R195">
        <v>10.63793760505548</v>
      </c>
      <c r="S195">
        <v>0</v>
      </c>
      <c r="T195" s="46">
        <v>45641.708333312978</v>
      </c>
    </row>
    <row r="196" spans="2:20" x14ac:dyDescent="0.3">
      <c r="B196">
        <f t="shared" si="33"/>
        <v>7</v>
      </c>
      <c r="C196" s="16">
        <v>162</v>
      </c>
      <c r="D196" cm="1">
        <f t="array" ref="D196">IFERROR(INDEX(Jesper!AH$2:AH$366,ROUNDDOWN($C196/24,0)+1,1)*INDEX($D$3:$AA$30,INDEX(Jesper!$R$2:$R$366,ROW(INDEX(Jesper!AH$2:AH$366,ROUNDDOWN($C196/24,0)+1,1))-1)+IF('Standard Profiles'!$G$18=$B$10,7,0)+IF('Standard Profiles'!$G$18=$B$17,14,0)+IF('Standard Profiles'!$G$18=$B$24,21,0),MOD($C196,24)+1)/SUM(INDEX($D$3:$AA$30,INDEX(Jesper!$R$2:$R$366,ROW(INDEX(Jesper!AH$2:AH$366,ROUNDDOWN($C196/24,0)+1,1))-1)+IF('Standard Profiles'!$G$18=$B$10,7,0)+IF('Standard Profiles'!$G$18=$B$17,14,0)+IF('Standard Profiles'!$G$18=$B$24,21,0),0)),0)</f>
        <v>10.18048104158181</v>
      </c>
      <c r="E196" cm="1">
        <f t="array" ref="E196">IFERROR(INDEX(Jesper!AI$2:AI$366,ROUNDDOWN($C196/24,0)+1,1)*INDEX($D$3:$AA$30,INDEX(Jesper!$R$2:$R$366,ROW(INDEX(Jesper!AI$2:AI$366,ROUNDDOWN($C196/24,0)+1,1))-1)+IF('Standard Profiles'!$G$19=$B$10,7,0)+IF('Standard Profiles'!$G$19=$B$17,14,0)+IF('Standard Profiles'!$G$19=$B$24,21,0),MOD($C196,24)+1)/SUM(INDEX($D$3:$AA$30,INDEX(Jesper!$R$2:$R$366,ROW(INDEX(Jesper!AI$2:AI$366,ROUNDDOWN($C196/24,0)+1,1))-1)+IF('Standard Profiles'!$G$19=$B$10,7,0)+IF('Standard Profiles'!$G$19=$B$17,14,0)+IF('Standard Profiles'!$G$19=$B$24,21,0),0)),0)</f>
        <v>2.3241085339856946</v>
      </c>
      <c r="F196" cm="1">
        <f t="array" ref="F196">IFERROR(INDEX(Jesper!AJ$2:AJ$366,ROUNDDOWN($C196/24,0)+1,1)*INDEX($D$3:$AA$30,INDEX(Jesper!$R$2:$R$366,ROW(INDEX(Jesper!AJ$2:AJ$366,ROUNDDOWN($C196/24,0)+1,1))-1)+IF('Standard Profiles'!$G$20=$B$10,7,0)+IF('Standard Profiles'!$G$20=$B$17,14,0)+IF('Standard Profiles'!$G$20=$B$24,21,0),MOD($C196,24)+1)/SUM(INDEX($D$3:$AA$30,INDEX(Jesper!$R$2:$R$366,ROW(INDEX(Jesper!AJ$2:AJ$366,ROUNDDOWN($C196/24,0)+1,1))-1)+IF('Standard Profiles'!$G$20=$B$10,7,0)+IF('Standard Profiles'!$G$20=$B$17,14,0)+IF('Standard Profiles'!$G$20=$B$24,21,0),0)),0)</f>
        <v>0</v>
      </c>
      <c r="G196" cm="1">
        <f t="array" ref="G196">IFERROR(INDEX(Jesper!AK$2:AK$366,ROUNDDOWN($C196/24,0)+1,1)*INDEX($D$3:$AA$30,INDEX(Jesper!$R$2:$R$366,ROW(INDEX(Jesper!AK$2:AK$366,ROUNDDOWN($C196/24,0)+1,1))-1)+IF('Standard Profiles'!$G$21=$B$10,7,0)+IF('Standard Profiles'!$G$21=$B$17,14,0)+IF('Standard Profiles'!$G$21=$B$24,21,0),MOD($C196,24)+1)/SUM(INDEX($D$3:$AA$30,INDEX(Jesper!$R$2:$R$366,ROW(INDEX(Jesper!AK$2:AK$366,ROUNDDOWN($C196/24,0)+1,1))-1)+IF('Standard Profiles'!$G$21=$B$10,7,0)+IF('Standard Profiles'!$G$21=$B$17,14,0)+IF('Standard Profiles'!$G$21=$B$24,21,0),0)),0)</f>
        <v>0</v>
      </c>
      <c r="H196" cm="1">
        <f t="array" ref="H196">IFERROR(INDEX(Jesper!AL$2:AL$366,ROUNDDOWN($C196/24,0)+1,1)*INDEX($D$3:$AA$30,INDEX(Jesper!$R$2:$R$366,ROW(INDEX(Jesper!AL$2:AL$366,ROUNDDOWN($C196/24,0)+1,1))-1)+IF('Standard Profiles'!$G$22=$B$10,7,0)+IF('Standard Profiles'!$G$22=$B$17,14,0)+IF('Standard Profiles'!$G$22=$B$24,21,0),MOD($C196,24)+1)/SUM(INDEX($D$3:$AA$30,INDEX(Jesper!$R$2:$R$366,ROW(INDEX(Jesper!AL$2:AL$366,ROUNDDOWN($C196/24,0)+1,1))-1)+IF('Standard Profiles'!$G$22=$B$10,7,0)+IF('Standard Profiles'!$G$22=$B$17,14,0)+IF('Standard Profiles'!$G$22=$B$24,21,0),0)),0)</f>
        <v>0</v>
      </c>
      <c r="I196">
        <f t="shared" si="34"/>
        <v>0.20937914720591849</v>
      </c>
      <c r="J196">
        <f t="shared" si="35"/>
        <v>0.69793049068639501</v>
      </c>
      <c r="K196">
        <f t="shared" si="36"/>
        <v>1.0468957360295925</v>
      </c>
      <c r="L196">
        <f t="shared" si="37"/>
        <v>10.550384201645599</v>
      </c>
      <c r="M196">
        <f t="shared" si="38"/>
        <v>0</v>
      </c>
      <c r="N196" s="46">
        <f t="shared" si="39"/>
        <v>45298.749999999607</v>
      </c>
      <c r="O196">
        <v>0.18315738609938509</v>
      </c>
      <c r="P196">
        <v>0.61052462033128363</v>
      </c>
      <c r="Q196">
        <v>0.9157869304969255</v>
      </c>
      <c r="R196">
        <v>9.9589203111157687</v>
      </c>
      <c r="S196">
        <v>0</v>
      </c>
      <c r="T196" s="46">
        <v>45641.749999979642</v>
      </c>
    </row>
    <row r="197" spans="2:20" x14ac:dyDescent="0.3">
      <c r="B197">
        <f t="shared" si="33"/>
        <v>7</v>
      </c>
      <c r="C197" s="16">
        <v>163</v>
      </c>
      <c r="D197" cm="1">
        <f t="array" ref="D197">IFERROR(INDEX(Jesper!AH$2:AH$366,ROUNDDOWN($C197/24,0)+1,1)*INDEX($D$3:$AA$30,INDEX(Jesper!$R$2:$R$366,ROW(INDEX(Jesper!AH$2:AH$366,ROUNDDOWN($C197/24,0)+1,1))-1)+IF('Standard Profiles'!$G$18=$B$10,7,0)+IF('Standard Profiles'!$G$18=$B$17,14,0)+IF('Standard Profiles'!$G$18=$B$24,21,0),MOD($C197,24)+1)/SUM(INDEX($D$3:$AA$30,INDEX(Jesper!$R$2:$R$366,ROW(INDEX(Jesper!AH$2:AH$366,ROUNDDOWN($C197/24,0)+1,1))-1)+IF('Standard Profiles'!$G$18=$B$10,7,0)+IF('Standard Profiles'!$G$18=$B$17,14,0)+IF('Standard Profiles'!$G$18=$B$24,21,0),0)),0)</f>
        <v>8.5608590576937953</v>
      </c>
      <c r="E197" cm="1">
        <f t="array" ref="E197">IFERROR(INDEX(Jesper!AI$2:AI$366,ROUNDDOWN($C197/24,0)+1,1)*INDEX($D$3:$AA$30,INDEX(Jesper!$R$2:$R$366,ROW(INDEX(Jesper!AI$2:AI$366,ROUNDDOWN($C197/24,0)+1,1))-1)+IF('Standard Profiles'!$G$19=$B$10,7,0)+IF('Standard Profiles'!$G$19=$B$17,14,0)+IF('Standard Profiles'!$G$19=$B$24,21,0),MOD($C197,24)+1)/SUM(INDEX($D$3:$AA$30,INDEX(Jesper!$R$2:$R$366,ROW(INDEX(Jesper!AI$2:AI$366,ROUNDDOWN($C197/24,0)+1,1))-1)+IF('Standard Profiles'!$G$19=$B$10,7,0)+IF('Standard Profiles'!$G$19=$B$17,14,0)+IF('Standard Profiles'!$G$19=$B$24,21,0),0)),0)</f>
        <v>1.9543639944879703</v>
      </c>
      <c r="F197" cm="1">
        <f t="array" ref="F197">IFERROR(INDEX(Jesper!AJ$2:AJ$366,ROUNDDOWN($C197/24,0)+1,1)*INDEX($D$3:$AA$30,INDEX(Jesper!$R$2:$R$366,ROW(INDEX(Jesper!AJ$2:AJ$366,ROUNDDOWN($C197/24,0)+1,1))-1)+IF('Standard Profiles'!$G$20=$B$10,7,0)+IF('Standard Profiles'!$G$20=$B$17,14,0)+IF('Standard Profiles'!$G$20=$B$24,21,0),MOD($C197,24)+1)/SUM(INDEX($D$3:$AA$30,INDEX(Jesper!$R$2:$R$366,ROW(INDEX(Jesper!AJ$2:AJ$366,ROUNDDOWN($C197/24,0)+1,1))-1)+IF('Standard Profiles'!$G$20=$B$10,7,0)+IF('Standard Profiles'!$G$20=$B$17,14,0)+IF('Standard Profiles'!$G$20=$B$24,21,0),0)),0)</f>
        <v>0</v>
      </c>
      <c r="G197" cm="1">
        <f t="array" ref="G197">IFERROR(INDEX(Jesper!AK$2:AK$366,ROUNDDOWN($C197/24,0)+1,1)*INDEX($D$3:$AA$30,INDEX(Jesper!$R$2:$R$366,ROW(INDEX(Jesper!AK$2:AK$366,ROUNDDOWN($C197/24,0)+1,1))-1)+IF('Standard Profiles'!$G$21=$B$10,7,0)+IF('Standard Profiles'!$G$21=$B$17,14,0)+IF('Standard Profiles'!$G$21=$B$24,21,0),MOD($C197,24)+1)/SUM(INDEX($D$3:$AA$30,INDEX(Jesper!$R$2:$R$366,ROW(INDEX(Jesper!AK$2:AK$366,ROUNDDOWN($C197/24,0)+1,1))-1)+IF('Standard Profiles'!$G$21=$B$10,7,0)+IF('Standard Profiles'!$G$21=$B$17,14,0)+IF('Standard Profiles'!$G$21=$B$24,21,0),0)),0)</f>
        <v>0</v>
      </c>
      <c r="H197" cm="1">
        <f t="array" ref="H197">IFERROR(INDEX(Jesper!AL$2:AL$366,ROUNDDOWN($C197/24,0)+1,1)*INDEX($D$3:$AA$30,INDEX(Jesper!$R$2:$R$366,ROW(INDEX(Jesper!AL$2:AL$366,ROUNDDOWN($C197/24,0)+1,1))-1)+IF('Standard Profiles'!$G$22=$B$10,7,0)+IF('Standard Profiles'!$G$22=$B$17,14,0)+IF('Standard Profiles'!$G$22=$B$24,21,0),MOD($C197,24)+1)/SUM(INDEX($D$3:$AA$30,INDEX(Jesper!$R$2:$R$366,ROW(INDEX(Jesper!AL$2:AL$366,ROUNDDOWN($C197/24,0)+1,1))-1)+IF('Standard Profiles'!$G$22=$B$10,7,0)+IF('Standard Profiles'!$G$22=$B$17,14,0)+IF('Standard Profiles'!$G$22=$B$24,21,0),0)),0)</f>
        <v>0</v>
      </c>
      <c r="I197">
        <f t="shared" si="34"/>
        <v>0.17606882833224963</v>
      </c>
      <c r="J197">
        <f t="shared" si="35"/>
        <v>0.58689609444083213</v>
      </c>
      <c r="K197">
        <f t="shared" si="36"/>
        <v>0.88034414166124819</v>
      </c>
      <c r="L197">
        <f t="shared" si="37"/>
        <v>8.8719139877474351</v>
      </c>
      <c r="M197">
        <f t="shared" si="38"/>
        <v>0</v>
      </c>
      <c r="N197" s="46">
        <f t="shared" si="39"/>
        <v>45298.791666666271</v>
      </c>
      <c r="O197">
        <v>0.15401871103811932</v>
      </c>
      <c r="P197">
        <v>0.51339570346039776</v>
      </c>
      <c r="Q197">
        <v>0.77009355519059663</v>
      </c>
      <c r="R197">
        <v>8.3745466252564427</v>
      </c>
      <c r="S197">
        <v>0</v>
      </c>
      <c r="T197" s="46">
        <v>45641.791666646306</v>
      </c>
    </row>
    <row r="198" spans="2:20" x14ac:dyDescent="0.3">
      <c r="B198">
        <f t="shared" si="33"/>
        <v>7</v>
      </c>
      <c r="C198" s="16">
        <v>164</v>
      </c>
      <c r="D198" cm="1">
        <f t="array" ref="D198">IFERROR(INDEX(Jesper!AH$2:AH$366,ROUNDDOWN($C198/24,0)+1,1)*INDEX($D$3:$AA$30,INDEX(Jesper!$R$2:$R$366,ROW(INDEX(Jesper!AH$2:AH$366,ROUNDDOWN($C198/24,0)+1,1))-1)+IF('Standard Profiles'!$G$18=$B$10,7,0)+IF('Standard Profiles'!$G$18=$B$17,14,0)+IF('Standard Profiles'!$G$18=$B$24,21,0),MOD($C198,24)+1)/SUM(INDEX($D$3:$AA$30,INDEX(Jesper!$R$2:$R$366,ROW(INDEX(Jesper!AH$2:AH$366,ROUNDDOWN($C198/24,0)+1,1))-1)+IF('Standard Profiles'!$G$18=$B$10,7,0)+IF('Standard Profiles'!$G$18=$B$17,14,0)+IF('Standard Profiles'!$G$18=$B$24,21,0),0)),0)</f>
        <v>7.1726116429326394</v>
      </c>
      <c r="E198" cm="1">
        <f t="array" ref="E198">IFERROR(INDEX(Jesper!AI$2:AI$366,ROUNDDOWN($C198/24,0)+1,1)*INDEX($D$3:$AA$30,INDEX(Jesper!$R$2:$R$366,ROW(INDEX(Jesper!AI$2:AI$366,ROUNDDOWN($C198/24,0)+1,1))-1)+IF('Standard Profiles'!$G$19=$B$10,7,0)+IF('Standard Profiles'!$G$19=$B$17,14,0)+IF('Standard Profiles'!$G$19=$B$24,21,0),MOD($C198,24)+1)/SUM(INDEX($D$3:$AA$30,INDEX(Jesper!$R$2:$R$366,ROW(INDEX(Jesper!AI$2:AI$366,ROUNDDOWN($C198/24,0)+1,1))-1)+IF('Standard Profiles'!$G$19=$B$10,7,0)+IF('Standard Profiles'!$G$19=$B$17,14,0)+IF('Standard Profiles'!$G$19=$B$24,21,0),0)),0)</f>
        <v>1.6374401034899209</v>
      </c>
      <c r="F198" cm="1">
        <f t="array" ref="F198">IFERROR(INDEX(Jesper!AJ$2:AJ$366,ROUNDDOWN($C198/24,0)+1,1)*INDEX($D$3:$AA$30,INDEX(Jesper!$R$2:$R$366,ROW(INDEX(Jesper!AJ$2:AJ$366,ROUNDDOWN($C198/24,0)+1,1))-1)+IF('Standard Profiles'!$G$20=$B$10,7,0)+IF('Standard Profiles'!$G$20=$B$17,14,0)+IF('Standard Profiles'!$G$20=$B$24,21,0),MOD($C198,24)+1)/SUM(INDEX($D$3:$AA$30,INDEX(Jesper!$R$2:$R$366,ROW(INDEX(Jesper!AJ$2:AJ$366,ROUNDDOWN($C198/24,0)+1,1))-1)+IF('Standard Profiles'!$G$20=$B$10,7,0)+IF('Standard Profiles'!$G$20=$B$17,14,0)+IF('Standard Profiles'!$G$20=$B$24,21,0),0)),0)</f>
        <v>0</v>
      </c>
      <c r="G198" cm="1">
        <f t="array" ref="G198">IFERROR(INDEX(Jesper!AK$2:AK$366,ROUNDDOWN($C198/24,0)+1,1)*INDEX($D$3:$AA$30,INDEX(Jesper!$R$2:$R$366,ROW(INDEX(Jesper!AK$2:AK$366,ROUNDDOWN($C198/24,0)+1,1))-1)+IF('Standard Profiles'!$G$21=$B$10,7,0)+IF('Standard Profiles'!$G$21=$B$17,14,0)+IF('Standard Profiles'!$G$21=$B$24,21,0),MOD($C198,24)+1)/SUM(INDEX($D$3:$AA$30,INDEX(Jesper!$R$2:$R$366,ROW(INDEX(Jesper!AK$2:AK$366,ROUNDDOWN($C198/24,0)+1,1))-1)+IF('Standard Profiles'!$G$21=$B$10,7,0)+IF('Standard Profiles'!$G$21=$B$17,14,0)+IF('Standard Profiles'!$G$21=$B$24,21,0),0)),0)</f>
        <v>0</v>
      </c>
      <c r="H198" cm="1">
        <f t="array" ref="H198">IFERROR(INDEX(Jesper!AL$2:AL$366,ROUNDDOWN($C198/24,0)+1,1)*INDEX($D$3:$AA$30,INDEX(Jesper!$R$2:$R$366,ROW(INDEX(Jesper!AL$2:AL$366,ROUNDDOWN($C198/24,0)+1,1))-1)+IF('Standard Profiles'!$G$22=$B$10,7,0)+IF('Standard Profiles'!$G$22=$B$17,14,0)+IF('Standard Profiles'!$G$22=$B$24,21,0),MOD($C198,24)+1)/SUM(INDEX($D$3:$AA$30,INDEX(Jesper!$R$2:$R$366,ROW(INDEX(Jesper!AL$2:AL$366,ROUNDDOWN($C198/24,0)+1,1))-1)+IF('Standard Profiles'!$G$22=$B$10,7,0)+IF('Standard Profiles'!$G$22=$B$17,14,0)+IF('Standard Profiles'!$G$22=$B$24,21,0),0)),0)</f>
        <v>0</v>
      </c>
      <c r="I198">
        <f t="shared" si="34"/>
        <v>0.14751712644053344</v>
      </c>
      <c r="J198">
        <f t="shared" si="35"/>
        <v>0.49172375480177821</v>
      </c>
      <c r="K198">
        <f t="shared" si="36"/>
        <v>0.73758563220266737</v>
      </c>
      <c r="L198">
        <f t="shared" si="37"/>
        <v>7.4332252329775814</v>
      </c>
      <c r="M198">
        <f t="shared" si="38"/>
        <v>0</v>
      </c>
      <c r="N198" s="46">
        <f t="shared" si="39"/>
        <v>45298.833333332936</v>
      </c>
      <c r="O198">
        <v>0.12904270384274857</v>
      </c>
      <c r="P198">
        <v>0.4301423461424953</v>
      </c>
      <c r="Q198">
        <v>0.64521351921374293</v>
      </c>
      <c r="R198">
        <v>7.0165120373770185</v>
      </c>
      <c r="S198">
        <v>0</v>
      </c>
      <c r="T198" s="46">
        <v>45641.83333331297</v>
      </c>
    </row>
    <row r="199" spans="2:20" x14ac:dyDescent="0.3">
      <c r="B199">
        <f t="shared" si="33"/>
        <v>7</v>
      </c>
      <c r="C199" s="16">
        <v>165</v>
      </c>
      <c r="D199" cm="1">
        <f t="array" ref="D199">IFERROR(INDEX(Jesper!AH$2:AH$366,ROUNDDOWN($C199/24,0)+1,1)*INDEX($D$3:$AA$30,INDEX(Jesper!$R$2:$R$366,ROW(INDEX(Jesper!AH$2:AH$366,ROUNDDOWN($C199/24,0)+1,1))-1)+IF('Standard Profiles'!$G$18=$B$10,7,0)+IF('Standard Profiles'!$G$18=$B$17,14,0)+IF('Standard Profiles'!$G$18=$B$24,21,0),MOD($C199,24)+1)/SUM(INDEX($D$3:$AA$30,INDEX(Jesper!$R$2:$R$366,ROW(INDEX(Jesper!AH$2:AH$366,ROUNDDOWN($C199/24,0)+1,1))-1)+IF('Standard Profiles'!$G$18=$B$10,7,0)+IF('Standard Profiles'!$G$18=$B$17,14,0)+IF('Standard Profiles'!$G$18=$B$24,21,0),0)),0)</f>
        <v>6.2471133664252019</v>
      </c>
      <c r="E199" cm="1">
        <f t="array" ref="E199">IFERROR(INDEX(Jesper!AI$2:AI$366,ROUNDDOWN($C199/24,0)+1,1)*INDEX($D$3:$AA$30,INDEX(Jesper!$R$2:$R$366,ROW(INDEX(Jesper!AI$2:AI$366,ROUNDDOWN($C199/24,0)+1,1))-1)+IF('Standard Profiles'!$G$19=$B$10,7,0)+IF('Standard Profiles'!$G$19=$B$17,14,0)+IF('Standard Profiles'!$G$19=$B$24,21,0),MOD($C199,24)+1)/SUM(INDEX($D$3:$AA$30,INDEX(Jesper!$R$2:$R$366,ROW(INDEX(Jesper!AI$2:AI$366,ROUNDDOWN($C199/24,0)+1,1))-1)+IF('Standard Profiles'!$G$19=$B$10,7,0)+IF('Standard Profiles'!$G$19=$B$17,14,0)+IF('Standard Profiles'!$G$19=$B$24,21,0),0)),0)</f>
        <v>1.4261575094912216</v>
      </c>
      <c r="F199" cm="1">
        <f t="array" ref="F199">IFERROR(INDEX(Jesper!AJ$2:AJ$366,ROUNDDOWN($C199/24,0)+1,1)*INDEX($D$3:$AA$30,INDEX(Jesper!$R$2:$R$366,ROW(INDEX(Jesper!AJ$2:AJ$366,ROUNDDOWN($C199/24,0)+1,1))-1)+IF('Standard Profiles'!$G$20=$B$10,7,0)+IF('Standard Profiles'!$G$20=$B$17,14,0)+IF('Standard Profiles'!$G$20=$B$24,21,0),MOD($C199,24)+1)/SUM(INDEX($D$3:$AA$30,INDEX(Jesper!$R$2:$R$366,ROW(INDEX(Jesper!AJ$2:AJ$366,ROUNDDOWN($C199/24,0)+1,1))-1)+IF('Standard Profiles'!$G$20=$B$10,7,0)+IF('Standard Profiles'!$G$20=$B$17,14,0)+IF('Standard Profiles'!$G$20=$B$24,21,0),0)),0)</f>
        <v>0</v>
      </c>
      <c r="G199" cm="1">
        <f t="array" ref="G199">IFERROR(INDEX(Jesper!AK$2:AK$366,ROUNDDOWN($C199/24,0)+1,1)*INDEX($D$3:$AA$30,INDEX(Jesper!$R$2:$R$366,ROW(INDEX(Jesper!AK$2:AK$366,ROUNDDOWN($C199/24,0)+1,1))-1)+IF('Standard Profiles'!$G$21=$B$10,7,0)+IF('Standard Profiles'!$G$21=$B$17,14,0)+IF('Standard Profiles'!$G$21=$B$24,21,0),MOD($C199,24)+1)/SUM(INDEX($D$3:$AA$30,INDEX(Jesper!$R$2:$R$366,ROW(INDEX(Jesper!AK$2:AK$366,ROUNDDOWN($C199/24,0)+1,1))-1)+IF('Standard Profiles'!$G$21=$B$10,7,0)+IF('Standard Profiles'!$G$21=$B$17,14,0)+IF('Standard Profiles'!$G$21=$B$24,21,0),0)),0)</f>
        <v>0</v>
      </c>
      <c r="H199" cm="1">
        <f t="array" ref="H199">IFERROR(INDEX(Jesper!AL$2:AL$366,ROUNDDOWN($C199/24,0)+1,1)*INDEX($D$3:$AA$30,INDEX(Jesper!$R$2:$R$366,ROW(INDEX(Jesper!AL$2:AL$366,ROUNDDOWN($C199/24,0)+1,1))-1)+IF('Standard Profiles'!$G$22=$B$10,7,0)+IF('Standard Profiles'!$G$22=$B$17,14,0)+IF('Standard Profiles'!$G$22=$B$24,21,0),MOD($C199,24)+1)/SUM(INDEX($D$3:$AA$30,INDEX(Jesper!$R$2:$R$366,ROW(INDEX(Jesper!AL$2:AL$366,ROUNDDOWN($C199/24,0)+1,1))-1)+IF('Standard Profiles'!$G$22=$B$10,7,0)+IF('Standard Profiles'!$G$22=$B$17,14,0)+IF('Standard Profiles'!$G$22=$B$24,21,0),0)),0)</f>
        <v>0</v>
      </c>
      <c r="I199">
        <f t="shared" si="34"/>
        <v>0.1284826585127227</v>
      </c>
      <c r="J199">
        <f t="shared" si="35"/>
        <v>0.4282755283757424</v>
      </c>
      <c r="K199">
        <f t="shared" si="36"/>
        <v>0.64241329256361357</v>
      </c>
      <c r="L199">
        <f t="shared" si="37"/>
        <v>6.4740993964643447</v>
      </c>
      <c r="M199">
        <f t="shared" si="38"/>
        <v>0</v>
      </c>
      <c r="N199" s="46">
        <f t="shared" si="39"/>
        <v>45298.8749999996</v>
      </c>
      <c r="O199">
        <v>0.11239203237916812</v>
      </c>
      <c r="P199">
        <v>0.37464010793056046</v>
      </c>
      <c r="Q199">
        <v>0.56196016189584064</v>
      </c>
      <c r="R199">
        <v>6.1111556454574041</v>
      </c>
      <c r="S199">
        <v>0</v>
      </c>
      <c r="T199" s="46">
        <v>45641.874999979635</v>
      </c>
    </row>
    <row r="200" spans="2:20" x14ac:dyDescent="0.3">
      <c r="B200">
        <f t="shared" si="33"/>
        <v>7</v>
      </c>
      <c r="C200" s="16">
        <v>166</v>
      </c>
      <c r="D200" cm="1">
        <f t="array" ref="D200">IFERROR(INDEX(Jesper!AH$2:AH$366,ROUNDDOWN($C200/24,0)+1,1)*INDEX($D$3:$AA$30,INDEX(Jesper!$R$2:$R$366,ROW(INDEX(Jesper!AH$2:AH$366,ROUNDDOWN($C200/24,0)+1,1))-1)+IF('Standard Profiles'!$G$18=$B$10,7,0)+IF('Standard Profiles'!$G$18=$B$17,14,0)+IF('Standard Profiles'!$G$18=$B$24,21,0),MOD($C200,24)+1)/SUM(INDEX($D$3:$AA$30,INDEX(Jesper!$R$2:$R$366,ROW(INDEX(Jesper!AH$2:AH$366,ROUNDDOWN($C200/24,0)+1,1))-1)+IF('Standard Profiles'!$G$18=$B$10,7,0)+IF('Standard Profiles'!$G$18=$B$17,14,0)+IF('Standard Profiles'!$G$18=$B$24,21,0),0)),0)</f>
        <v>6.2471133664252019</v>
      </c>
      <c r="E200" cm="1">
        <f t="array" ref="E200">IFERROR(INDEX(Jesper!AI$2:AI$366,ROUNDDOWN($C200/24,0)+1,1)*INDEX($D$3:$AA$30,INDEX(Jesper!$R$2:$R$366,ROW(INDEX(Jesper!AI$2:AI$366,ROUNDDOWN($C200/24,0)+1,1))-1)+IF('Standard Profiles'!$G$19=$B$10,7,0)+IF('Standard Profiles'!$G$19=$B$17,14,0)+IF('Standard Profiles'!$G$19=$B$24,21,0),MOD($C200,24)+1)/SUM(INDEX($D$3:$AA$30,INDEX(Jesper!$R$2:$R$366,ROW(INDEX(Jesper!AI$2:AI$366,ROUNDDOWN($C200/24,0)+1,1))-1)+IF('Standard Profiles'!$G$19=$B$10,7,0)+IF('Standard Profiles'!$G$19=$B$17,14,0)+IF('Standard Profiles'!$G$19=$B$24,21,0),0)),0)</f>
        <v>1.4261575094912216</v>
      </c>
      <c r="F200" cm="1">
        <f t="array" ref="F200">IFERROR(INDEX(Jesper!AJ$2:AJ$366,ROUNDDOWN($C200/24,0)+1,1)*INDEX($D$3:$AA$30,INDEX(Jesper!$R$2:$R$366,ROW(INDEX(Jesper!AJ$2:AJ$366,ROUNDDOWN($C200/24,0)+1,1))-1)+IF('Standard Profiles'!$G$20=$B$10,7,0)+IF('Standard Profiles'!$G$20=$B$17,14,0)+IF('Standard Profiles'!$G$20=$B$24,21,0),MOD($C200,24)+1)/SUM(INDEX($D$3:$AA$30,INDEX(Jesper!$R$2:$R$366,ROW(INDEX(Jesper!AJ$2:AJ$366,ROUNDDOWN($C200/24,0)+1,1))-1)+IF('Standard Profiles'!$G$20=$B$10,7,0)+IF('Standard Profiles'!$G$20=$B$17,14,0)+IF('Standard Profiles'!$G$20=$B$24,21,0),0)),0)</f>
        <v>0</v>
      </c>
      <c r="G200" cm="1">
        <f t="array" ref="G200">IFERROR(INDEX(Jesper!AK$2:AK$366,ROUNDDOWN($C200/24,0)+1,1)*INDEX($D$3:$AA$30,INDEX(Jesper!$R$2:$R$366,ROW(INDEX(Jesper!AK$2:AK$366,ROUNDDOWN($C200/24,0)+1,1))-1)+IF('Standard Profiles'!$G$21=$B$10,7,0)+IF('Standard Profiles'!$G$21=$B$17,14,0)+IF('Standard Profiles'!$G$21=$B$24,21,0),MOD($C200,24)+1)/SUM(INDEX($D$3:$AA$30,INDEX(Jesper!$R$2:$R$366,ROW(INDEX(Jesper!AK$2:AK$366,ROUNDDOWN($C200/24,0)+1,1))-1)+IF('Standard Profiles'!$G$21=$B$10,7,0)+IF('Standard Profiles'!$G$21=$B$17,14,0)+IF('Standard Profiles'!$G$21=$B$24,21,0),0)),0)</f>
        <v>0</v>
      </c>
      <c r="H200" cm="1">
        <f t="array" ref="H200">IFERROR(INDEX(Jesper!AL$2:AL$366,ROUNDDOWN($C200/24,0)+1,1)*INDEX($D$3:$AA$30,INDEX(Jesper!$R$2:$R$366,ROW(INDEX(Jesper!AL$2:AL$366,ROUNDDOWN($C200/24,0)+1,1))-1)+IF('Standard Profiles'!$G$22=$B$10,7,0)+IF('Standard Profiles'!$G$22=$B$17,14,0)+IF('Standard Profiles'!$G$22=$B$24,21,0),MOD($C200,24)+1)/SUM(INDEX($D$3:$AA$30,INDEX(Jesper!$R$2:$R$366,ROW(INDEX(Jesper!AL$2:AL$366,ROUNDDOWN($C200/24,0)+1,1))-1)+IF('Standard Profiles'!$G$22=$B$10,7,0)+IF('Standard Profiles'!$G$22=$B$17,14,0)+IF('Standard Profiles'!$G$22=$B$24,21,0),0)),0)</f>
        <v>0</v>
      </c>
      <c r="I200">
        <f t="shared" si="34"/>
        <v>0.1284826585127227</v>
      </c>
      <c r="J200">
        <f t="shared" si="35"/>
        <v>0.4282755283757424</v>
      </c>
      <c r="K200">
        <f t="shared" si="36"/>
        <v>0.64241329256361357</v>
      </c>
      <c r="L200">
        <f t="shared" si="37"/>
        <v>6.4740993964643447</v>
      </c>
      <c r="M200">
        <f t="shared" si="38"/>
        <v>0</v>
      </c>
      <c r="N200" s="46">
        <f t="shared" si="39"/>
        <v>45298.916666666264</v>
      </c>
      <c r="O200">
        <v>0.11239203237916812</v>
      </c>
      <c r="P200">
        <v>0.37464010793056046</v>
      </c>
      <c r="Q200">
        <v>0.56196016189584064</v>
      </c>
      <c r="R200">
        <v>6.1111556454574041</v>
      </c>
      <c r="S200">
        <v>0</v>
      </c>
      <c r="T200" s="46">
        <v>45641.916666646299</v>
      </c>
    </row>
    <row r="201" spans="2:20" x14ac:dyDescent="0.3">
      <c r="B201">
        <f t="shared" si="33"/>
        <v>7</v>
      </c>
      <c r="C201" s="16">
        <v>167</v>
      </c>
      <c r="D201" cm="1">
        <f t="array" ref="D201">IFERROR(INDEX(Jesper!AH$2:AH$366,ROUNDDOWN($C201/24,0)+1,1)*INDEX($D$3:$AA$30,INDEX(Jesper!$R$2:$R$366,ROW(INDEX(Jesper!AH$2:AH$366,ROUNDDOWN($C201/24,0)+1,1))-1)+IF('Standard Profiles'!$G$18=$B$10,7,0)+IF('Standard Profiles'!$G$18=$B$17,14,0)+IF('Standard Profiles'!$G$18=$B$24,21,0),MOD($C201,24)+1)/SUM(INDEX($D$3:$AA$30,INDEX(Jesper!$R$2:$R$366,ROW(INDEX(Jesper!AH$2:AH$366,ROUNDDOWN($C201/24,0)+1,1))-1)+IF('Standard Profiles'!$G$18=$B$10,7,0)+IF('Standard Profiles'!$G$18=$B$17,14,0)+IF('Standard Profiles'!$G$18=$B$24,21,0),0)),0)</f>
        <v>6.2471133664252019</v>
      </c>
      <c r="E201" cm="1">
        <f t="array" ref="E201">IFERROR(INDEX(Jesper!AI$2:AI$366,ROUNDDOWN($C201/24,0)+1,1)*INDEX($D$3:$AA$30,INDEX(Jesper!$R$2:$R$366,ROW(INDEX(Jesper!AI$2:AI$366,ROUNDDOWN($C201/24,0)+1,1))-1)+IF('Standard Profiles'!$G$19=$B$10,7,0)+IF('Standard Profiles'!$G$19=$B$17,14,0)+IF('Standard Profiles'!$G$19=$B$24,21,0),MOD($C201,24)+1)/SUM(INDEX($D$3:$AA$30,INDEX(Jesper!$R$2:$R$366,ROW(INDEX(Jesper!AI$2:AI$366,ROUNDDOWN($C201/24,0)+1,1))-1)+IF('Standard Profiles'!$G$19=$B$10,7,0)+IF('Standard Profiles'!$G$19=$B$17,14,0)+IF('Standard Profiles'!$G$19=$B$24,21,0),0)),0)</f>
        <v>1.4261575094912216</v>
      </c>
      <c r="F201" cm="1">
        <f t="array" ref="F201">IFERROR(INDEX(Jesper!AJ$2:AJ$366,ROUNDDOWN($C201/24,0)+1,1)*INDEX($D$3:$AA$30,INDEX(Jesper!$R$2:$R$366,ROW(INDEX(Jesper!AJ$2:AJ$366,ROUNDDOWN($C201/24,0)+1,1))-1)+IF('Standard Profiles'!$G$20=$B$10,7,0)+IF('Standard Profiles'!$G$20=$B$17,14,0)+IF('Standard Profiles'!$G$20=$B$24,21,0),MOD($C201,24)+1)/SUM(INDEX($D$3:$AA$30,INDEX(Jesper!$R$2:$R$366,ROW(INDEX(Jesper!AJ$2:AJ$366,ROUNDDOWN($C201/24,0)+1,1))-1)+IF('Standard Profiles'!$G$20=$B$10,7,0)+IF('Standard Profiles'!$G$20=$B$17,14,0)+IF('Standard Profiles'!$G$20=$B$24,21,0),0)),0)</f>
        <v>0</v>
      </c>
      <c r="G201" cm="1">
        <f t="array" ref="G201">IFERROR(INDEX(Jesper!AK$2:AK$366,ROUNDDOWN($C201/24,0)+1,1)*INDEX($D$3:$AA$30,INDEX(Jesper!$R$2:$R$366,ROW(INDEX(Jesper!AK$2:AK$366,ROUNDDOWN($C201/24,0)+1,1))-1)+IF('Standard Profiles'!$G$21=$B$10,7,0)+IF('Standard Profiles'!$G$21=$B$17,14,0)+IF('Standard Profiles'!$G$21=$B$24,21,0),MOD($C201,24)+1)/SUM(INDEX($D$3:$AA$30,INDEX(Jesper!$R$2:$R$366,ROW(INDEX(Jesper!AK$2:AK$366,ROUNDDOWN($C201/24,0)+1,1))-1)+IF('Standard Profiles'!$G$21=$B$10,7,0)+IF('Standard Profiles'!$G$21=$B$17,14,0)+IF('Standard Profiles'!$G$21=$B$24,21,0),0)),0)</f>
        <v>0</v>
      </c>
      <c r="H201" cm="1">
        <f t="array" ref="H201">IFERROR(INDEX(Jesper!AL$2:AL$366,ROUNDDOWN($C201/24,0)+1,1)*INDEX($D$3:$AA$30,INDEX(Jesper!$R$2:$R$366,ROW(INDEX(Jesper!AL$2:AL$366,ROUNDDOWN($C201/24,0)+1,1))-1)+IF('Standard Profiles'!$G$22=$B$10,7,0)+IF('Standard Profiles'!$G$22=$B$17,14,0)+IF('Standard Profiles'!$G$22=$B$24,21,0),MOD($C201,24)+1)/SUM(INDEX($D$3:$AA$30,INDEX(Jesper!$R$2:$R$366,ROW(INDEX(Jesper!AL$2:AL$366,ROUNDDOWN($C201/24,0)+1,1))-1)+IF('Standard Profiles'!$G$22=$B$10,7,0)+IF('Standard Profiles'!$G$22=$B$17,14,0)+IF('Standard Profiles'!$G$22=$B$24,21,0),0)),0)</f>
        <v>0</v>
      </c>
      <c r="I201">
        <f t="shared" si="34"/>
        <v>0.1284826585127227</v>
      </c>
      <c r="J201">
        <f t="shared" si="35"/>
        <v>0.4282755283757424</v>
      </c>
      <c r="K201">
        <f t="shared" si="36"/>
        <v>0.64241329256361357</v>
      </c>
      <c r="L201">
        <f t="shared" si="37"/>
        <v>6.4740993964643447</v>
      </c>
      <c r="M201">
        <f t="shared" si="38"/>
        <v>0</v>
      </c>
      <c r="N201" s="46">
        <f t="shared" si="39"/>
        <v>45298.958333332928</v>
      </c>
      <c r="O201">
        <v>0.11239203237916812</v>
      </c>
      <c r="P201">
        <v>0.37464010793056046</v>
      </c>
      <c r="Q201">
        <v>0.56196016189584064</v>
      </c>
      <c r="R201">
        <v>6.1111556454574041</v>
      </c>
      <c r="S201">
        <v>0</v>
      </c>
      <c r="T201" s="46">
        <v>45641.958333312963</v>
      </c>
    </row>
    <row r="202" spans="2:20" x14ac:dyDescent="0.3">
      <c r="B202">
        <f t="shared" si="33"/>
        <v>1</v>
      </c>
      <c r="C202" s="16">
        <v>168</v>
      </c>
      <c r="D202" cm="1">
        <f t="array" ref="D202">IFERROR(INDEX(Jesper!AH$2:AH$366,ROUNDDOWN($C202/24,0)+1,1)*INDEX($D$3:$AA$30,INDEX(Jesper!$R$2:$R$366,ROW(INDEX(Jesper!AH$2:AH$366,ROUNDDOWN($C202/24,0)+1,1))-1)+IF('Standard Profiles'!$G$18=$B$10,7,0)+IF('Standard Profiles'!$G$18=$B$17,14,0)+IF('Standard Profiles'!$G$18=$B$24,21,0),MOD($C202,24)+1)/SUM(INDEX($D$3:$AA$30,INDEX(Jesper!$R$2:$R$366,ROW(INDEX(Jesper!AH$2:AH$366,ROUNDDOWN($C202/24,0)+1,1))-1)+IF('Standard Profiles'!$G$18=$B$10,7,0)+IF('Standard Profiles'!$G$18=$B$17,14,0)+IF('Standard Profiles'!$G$18=$B$24,21,0),0)),0)</f>
        <v>2.5192668095232897</v>
      </c>
      <c r="E202" cm="1">
        <f t="array" ref="E202">IFERROR(INDEX(Jesper!AI$2:AI$366,ROUNDDOWN($C202/24,0)+1,1)*INDEX($D$3:$AA$30,INDEX(Jesper!$R$2:$R$366,ROW(INDEX(Jesper!AI$2:AI$366,ROUNDDOWN($C202/24,0)+1,1))-1)+IF('Standard Profiles'!$G$19=$B$10,7,0)+IF('Standard Profiles'!$G$19=$B$17,14,0)+IF('Standard Profiles'!$G$19=$B$24,21,0),MOD($C202,24)+1)/SUM(INDEX($D$3:$AA$30,INDEX(Jesper!$R$2:$R$366,ROW(INDEX(Jesper!AI$2:AI$366,ROUNDDOWN($C202/24,0)+1,1))-1)+IF('Standard Profiles'!$G$19=$B$10,7,0)+IF('Standard Profiles'!$G$19=$B$17,14,0)+IF('Standard Profiles'!$G$19=$B$24,21,0),0)),0)</f>
        <v>0</v>
      </c>
      <c r="F202" cm="1">
        <f t="array" ref="F202">IFERROR(INDEX(Jesper!AJ$2:AJ$366,ROUNDDOWN($C202/24,0)+1,1)*INDEX($D$3:$AA$30,INDEX(Jesper!$R$2:$R$366,ROW(INDEX(Jesper!AJ$2:AJ$366,ROUNDDOWN($C202/24,0)+1,1))-1)+IF('Standard Profiles'!$G$20=$B$10,7,0)+IF('Standard Profiles'!$G$20=$B$17,14,0)+IF('Standard Profiles'!$G$20=$B$24,21,0),MOD($C202,24)+1)/SUM(INDEX($D$3:$AA$30,INDEX(Jesper!$R$2:$R$366,ROW(INDEX(Jesper!AJ$2:AJ$366,ROUNDDOWN($C202/24,0)+1,1))-1)+IF('Standard Profiles'!$G$20=$B$10,7,0)+IF('Standard Profiles'!$G$20=$B$17,14,0)+IF('Standard Profiles'!$G$20=$B$24,21,0),0)),0)</f>
        <v>0</v>
      </c>
      <c r="G202" cm="1">
        <f t="array" ref="G202">IFERROR(INDEX(Jesper!AK$2:AK$366,ROUNDDOWN($C202/24,0)+1,1)*INDEX($D$3:$AA$30,INDEX(Jesper!$R$2:$R$366,ROW(INDEX(Jesper!AK$2:AK$366,ROUNDDOWN($C202/24,0)+1,1))-1)+IF('Standard Profiles'!$G$21=$B$10,7,0)+IF('Standard Profiles'!$G$21=$B$17,14,0)+IF('Standard Profiles'!$G$21=$B$24,21,0),MOD($C202,24)+1)/SUM(INDEX($D$3:$AA$30,INDEX(Jesper!$R$2:$R$366,ROW(INDEX(Jesper!AK$2:AK$366,ROUNDDOWN($C202/24,0)+1,1))-1)+IF('Standard Profiles'!$G$21=$B$10,7,0)+IF('Standard Profiles'!$G$21=$B$17,14,0)+IF('Standard Profiles'!$G$21=$B$24,21,0),0)),0)</f>
        <v>0</v>
      </c>
      <c r="H202" cm="1">
        <f t="array" ref="H202">IFERROR(INDEX(Jesper!AL$2:AL$366,ROUNDDOWN($C202/24,0)+1,1)*INDEX($D$3:$AA$30,INDEX(Jesper!$R$2:$R$366,ROW(INDEX(Jesper!AL$2:AL$366,ROUNDDOWN($C202/24,0)+1,1))-1)+IF('Standard Profiles'!$G$22=$B$10,7,0)+IF('Standard Profiles'!$G$22=$B$17,14,0)+IF('Standard Profiles'!$G$22=$B$24,21,0),MOD($C202,24)+1)/SUM(INDEX($D$3:$AA$30,INDEX(Jesper!$R$2:$R$366,ROW(INDEX(Jesper!AL$2:AL$366,ROUNDDOWN($C202/24,0)+1,1))-1)+IF('Standard Profiles'!$G$22=$B$10,7,0)+IF('Standard Profiles'!$G$22=$B$17,14,0)+IF('Standard Profiles'!$G$22=$B$24,21,0),0)),0)</f>
        <v>0</v>
      </c>
      <c r="I202">
        <f t="shared" si="34"/>
        <v>7.5578004285698691E-2</v>
      </c>
      <c r="J202">
        <f t="shared" si="35"/>
        <v>0.25192668095232901</v>
      </c>
      <c r="K202">
        <f t="shared" si="36"/>
        <v>0.37789002142849343</v>
      </c>
      <c r="L202">
        <f t="shared" si="37"/>
        <v>1.8138721028567686</v>
      </c>
      <c r="M202">
        <f t="shared" si="38"/>
        <v>0</v>
      </c>
      <c r="N202" s="46">
        <f t="shared" si="39"/>
        <v>45298.999999999593</v>
      </c>
    </row>
    <row r="203" spans="2:20" x14ac:dyDescent="0.3">
      <c r="B203">
        <f t="shared" si="33"/>
        <v>1</v>
      </c>
      <c r="C203" s="16">
        <v>169</v>
      </c>
      <c r="D203" cm="1">
        <f t="array" ref="D203">IFERROR(INDEX(Jesper!AH$2:AH$366,ROUNDDOWN($C203/24,0)+1,1)*INDEX($D$3:$AA$30,INDEX(Jesper!$R$2:$R$366,ROW(INDEX(Jesper!AH$2:AH$366,ROUNDDOWN($C203/24,0)+1,1))-1)+IF('Standard Profiles'!$G$18=$B$10,7,0)+IF('Standard Profiles'!$G$18=$B$17,14,0)+IF('Standard Profiles'!$G$18=$B$24,21,0),MOD($C203,24)+1)/SUM(INDEX($D$3:$AA$30,INDEX(Jesper!$R$2:$R$366,ROW(INDEX(Jesper!AH$2:AH$366,ROUNDDOWN($C203/24,0)+1,1))-1)+IF('Standard Profiles'!$G$18=$B$10,7,0)+IF('Standard Profiles'!$G$18=$B$17,14,0)+IF('Standard Profiles'!$G$18=$B$24,21,0),0)),0)</f>
        <v>2.5192668095232897</v>
      </c>
      <c r="E203" cm="1">
        <f t="array" ref="E203">IFERROR(INDEX(Jesper!AI$2:AI$366,ROUNDDOWN($C203/24,0)+1,1)*INDEX($D$3:$AA$30,INDEX(Jesper!$R$2:$R$366,ROW(INDEX(Jesper!AI$2:AI$366,ROUNDDOWN($C203/24,0)+1,1))-1)+IF('Standard Profiles'!$G$19=$B$10,7,0)+IF('Standard Profiles'!$G$19=$B$17,14,0)+IF('Standard Profiles'!$G$19=$B$24,21,0),MOD($C203,24)+1)/SUM(INDEX($D$3:$AA$30,INDEX(Jesper!$R$2:$R$366,ROW(INDEX(Jesper!AI$2:AI$366,ROUNDDOWN($C203/24,0)+1,1))-1)+IF('Standard Profiles'!$G$19=$B$10,7,0)+IF('Standard Profiles'!$G$19=$B$17,14,0)+IF('Standard Profiles'!$G$19=$B$24,21,0),0)),0)</f>
        <v>0</v>
      </c>
      <c r="F203" cm="1">
        <f t="array" ref="F203">IFERROR(INDEX(Jesper!AJ$2:AJ$366,ROUNDDOWN($C203/24,0)+1,1)*INDEX($D$3:$AA$30,INDEX(Jesper!$R$2:$R$366,ROW(INDEX(Jesper!AJ$2:AJ$366,ROUNDDOWN($C203/24,0)+1,1))-1)+IF('Standard Profiles'!$G$20=$B$10,7,0)+IF('Standard Profiles'!$G$20=$B$17,14,0)+IF('Standard Profiles'!$G$20=$B$24,21,0),MOD($C203,24)+1)/SUM(INDEX($D$3:$AA$30,INDEX(Jesper!$R$2:$R$366,ROW(INDEX(Jesper!AJ$2:AJ$366,ROUNDDOWN($C203/24,0)+1,1))-1)+IF('Standard Profiles'!$G$20=$B$10,7,0)+IF('Standard Profiles'!$G$20=$B$17,14,0)+IF('Standard Profiles'!$G$20=$B$24,21,0),0)),0)</f>
        <v>0</v>
      </c>
      <c r="G203" cm="1">
        <f t="array" ref="G203">IFERROR(INDEX(Jesper!AK$2:AK$366,ROUNDDOWN($C203/24,0)+1,1)*INDEX($D$3:$AA$30,INDEX(Jesper!$R$2:$R$366,ROW(INDEX(Jesper!AK$2:AK$366,ROUNDDOWN($C203/24,0)+1,1))-1)+IF('Standard Profiles'!$G$21=$B$10,7,0)+IF('Standard Profiles'!$G$21=$B$17,14,0)+IF('Standard Profiles'!$G$21=$B$24,21,0),MOD($C203,24)+1)/SUM(INDEX($D$3:$AA$30,INDEX(Jesper!$R$2:$R$366,ROW(INDEX(Jesper!AK$2:AK$366,ROUNDDOWN($C203/24,0)+1,1))-1)+IF('Standard Profiles'!$G$21=$B$10,7,0)+IF('Standard Profiles'!$G$21=$B$17,14,0)+IF('Standard Profiles'!$G$21=$B$24,21,0),0)),0)</f>
        <v>0</v>
      </c>
      <c r="H203" cm="1">
        <f t="array" ref="H203">IFERROR(INDEX(Jesper!AL$2:AL$366,ROUNDDOWN($C203/24,0)+1,1)*INDEX($D$3:$AA$30,INDEX(Jesper!$R$2:$R$366,ROW(INDEX(Jesper!AL$2:AL$366,ROUNDDOWN($C203/24,0)+1,1))-1)+IF('Standard Profiles'!$G$22=$B$10,7,0)+IF('Standard Profiles'!$G$22=$B$17,14,0)+IF('Standard Profiles'!$G$22=$B$24,21,0),MOD($C203,24)+1)/SUM(INDEX($D$3:$AA$30,INDEX(Jesper!$R$2:$R$366,ROW(INDEX(Jesper!AL$2:AL$366,ROUNDDOWN($C203/24,0)+1,1))-1)+IF('Standard Profiles'!$G$22=$B$10,7,0)+IF('Standard Profiles'!$G$22=$B$17,14,0)+IF('Standard Profiles'!$G$22=$B$24,21,0),0)),0)</f>
        <v>0</v>
      </c>
      <c r="I203">
        <f t="shared" si="34"/>
        <v>7.5578004285698691E-2</v>
      </c>
      <c r="J203">
        <f t="shared" si="35"/>
        <v>0.25192668095232901</v>
      </c>
      <c r="K203">
        <f t="shared" si="36"/>
        <v>0.37789002142849343</v>
      </c>
      <c r="L203">
        <f t="shared" si="37"/>
        <v>1.8138721028567686</v>
      </c>
      <c r="M203">
        <f t="shared" si="38"/>
        <v>0</v>
      </c>
      <c r="N203" s="46">
        <f t="shared" si="39"/>
        <v>45299.041666666257</v>
      </c>
    </row>
    <row r="204" spans="2:20" x14ac:dyDescent="0.3">
      <c r="B204">
        <f t="shared" si="33"/>
        <v>1</v>
      </c>
      <c r="C204" s="16">
        <v>170</v>
      </c>
      <c r="D204" cm="1">
        <f t="array" ref="D204">IFERROR(INDEX(Jesper!AH$2:AH$366,ROUNDDOWN($C204/24,0)+1,1)*INDEX($D$3:$AA$30,INDEX(Jesper!$R$2:$R$366,ROW(INDEX(Jesper!AH$2:AH$366,ROUNDDOWN($C204/24,0)+1,1))-1)+IF('Standard Profiles'!$G$18=$B$10,7,0)+IF('Standard Profiles'!$G$18=$B$17,14,0)+IF('Standard Profiles'!$G$18=$B$24,21,0),MOD($C204,24)+1)/SUM(INDEX($D$3:$AA$30,INDEX(Jesper!$R$2:$R$366,ROW(INDEX(Jesper!AH$2:AH$366,ROUNDDOWN($C204/24,0)+1,1))-1)+IF('Standard Profiles'!$G$18=$B$10,7,0)+IF('Standard Profiles'!$G$18=$B$17,14,0)+IF('Standard Profiles'!$G$18=$B$24,21,0),0)),0)</f>
        <v>2.5192668095232897</v>
      </c>
      <c r="E204" cm="1">
        <f t="array" ref="E204">IFERROR(INDEX(Jesper!AI$2:AI$366,ROUNDDOWN($C204/24,0)+1,1)*INDEX($D$3:$AA$30,INDEX(Jesper!$R$2:$R$366,ROW(INDEX(Jesper!AI$2:AI$366,ROUNDDOWN($C204/24,0)+1,1))-1)+IF('Standard Profiles'!$G$19=$B$10,7,0)+IF('Standard Profiles'!$G$19=$B$17,14,0)+IF('Standard Profiles'!$G$19=$B$24,21,0),MOD($C204,24)+1)/SUM(INDEX($D$3:$AA$30,INDEX(Jesper!$R$2:$R$366,ROW(INDEX(Jesper!AI$2:AI$366,ROUNDDOWN($C204/24,0)+1,1))-1)+IF('Standard Profiles'!$G$19=$B$10,7,0)+IF('Standard Profiles'!$G$19=$B$17,14,0)+IF('Standard Profiles'!$G$19=$B$24,21,0),0)),0)</f>
        <v>0</v>
      </c>
      <c r="F204" cm="1">
        <f t="array" ref="F204">IFERROR(INDEX(Jesper!AJ$2:AJ$366,ROUNDDOWN($C204/24,0)+1,1)*INDEX($D$3:$AA$30,INDEX(Jesper!$R$2:$R$366,ROW(INDEX(Jesper!AJ$2:AJ$366,ROUNDDOWN($C204/24,0)+1,1))-1)+IF('Standard Profiles'!$G$20=$B$10,7,0)+IF('Standard Profiles'!$G$20=$B$17,14,0)+IF('Standard Profiles'!$G$20=$B$24,21,0),MOD($C204,24)+1)/SUM(INDEX($D$3:$AA$30,INDEX(Jesper!$R$2:$R$366,ROW(INDEX(Jesper!AJ$2:AJ$366,ROUNDDOWN($C204/24,0)+1,1))-1)+IF('Standard Profiles'!$G$20=$B$10,7,0)+IF('Standard Profiles'!$G$20=$B$17,14,0)+IF('Standard Profiles'!$G$20=$B$24,21,0),0)),0)</f>
        <v>0</v>
      </c>
      <c r="G204" cm="1">
        <f t="array" ref="G204">IFERROR(INDEX(Jesper!AK$2:AK$366,ROUNDDOWN($C204/24,0)+1,1)*INDEX($D$3:$AA$30,INDEX(Jesper!$R$2:$R$366,ROW(INDEX(Jesper!AK$2:AK$366,ROUNDDOWN($C204/24,0)+1,1))-1)+IF('Standard Profiles'!$G$21=$B$10,7,0)+IF('Standard Profiles'!$G$21=$B$17,14,0)+IF('Standard Profiles'!$G$21=$B$24,21,0),MOD($C204,24)+1)/SUM(INDEX($D$3:$AA$30,INDEX(Jesper!$R$2:$R$366,ROW(INDEX(Jesper!AK$2:AK$366,ROUNDDOWN($C204/24,0)+1,1))-1)+IF('Standard Profiles'!$G$21=$B$10,7,0)+IF('Standard Profiles'!$G$21=$B$17,14,0)+IF('Standard Profiles'!$G$21=$B$24,21,0),0)),0)</f>
        <v>0</v>
      </c>
      <c r="H204" cm="1">
        <f t="array" ref="H204">IFERROR(INDEX(Jesper!AL$2:AL$366,ROUNDDOWN($C204/24,0)+1,1)*INDEX($D$3:$AA$30,INDEX(Jesper!$R$2:$R$366,ROW(INDEX(Jesper!AL$2:AL$366,ROUNDDOWN($C204/24,0)+1,1))-1)+IF('Standard Profiles'!$G$22=$B$10,7,0)+IF('Standard Profiles'!$G$22=$B$17,14,0)+IF('Standard Profiles'!$G$22=$B$24,21,0),MOD($C204,24)+1)/SUM(INDEX($D$3:$AA$30,INDEX(Jesper!$R$2:$R$366,ROW(INDEX(Jesper!AL$2:AL$366,ROUNDDOWN($C204/24,0)+1,1))-1)+IF('Standard Profiles'!$G$22=$B$10,7,0)+IF('Standard Profiles'!$G$22=$B$17,14,0)+IF('Standard Profiles'!$G$22=$B$24,21,0),0)),0)</f>
        <v>0</v>
      </c>
      <c r="I204">
        <f t="shared" si="34"/>
        <v>7.5578004285698691E-2</v>
      </c>
      <c r="J204">
        <f t="shared" si="35"/>
        <v>0.25192668095232901</v>
      </c>
      <c r="K204">
        <f t="shared" si="36"/>
        <v>0.37789002142849343</v>
      </c>
      <c r="L204">
        <f t="shared" si="37"/>
        <v>1.8138721028567686</v>
      </c>
      <c r="M204">
        <f t="shared" si="38"/>
        <v>0</v>
      </c>
      <c r="N204" s="46">
        <f t="shared" si="39"/>
        <v>45299.083333332921</v>
      </c>
    </row>
    <row r="205" spans="2:20" x14ac:dyDescent="0.3">
      <c r="B205">
        <f t="shared" si="33"/>
        <v>1</v>
      </c>
      <c r="C205" s="16">
        <v>171</v>
      </c>
      <c r="D205" cm="1">
        <f t="array" ref="D205">IFERROR(INDEX(Jesper!AH$2:AH$366,ROUNDDOWN($C205/24,0)+1,1)*INDEX($D$3:$AA$30,INDEX(Jesper!$R$2:$R$366,ROW(INDEX(Jesper!AH$2:AH$366,ROUNDDOWN($C205/24,0)+1,1))-1)+IF('Standard Profiles'!$G$18=$B$10,7,0)+IF('Standard Profiles'!$G$18=$B$17,14,0)+IF('Standard Profiles'!$G$18=$B$24,21,0),MOD($C205,24)+1)/SUM(INDEX($D$3:$AA$30,INDEX(Jesper!$R$2:$R$366,ROW(INDEX(Jesper!AH$2:AH$366,ROUNDDOWN($C205/24,0)+1,1))-1)+IF('Standard Profiles'!$G$18=$B$10,7,0)+IF('Standard Profiles'!$G$18=$B$17,14,0)+IF('Standard Profiles'!$G$18=$B$24,21,0),0)),0)</f>
        <v>2.5192668095232897</v>
      </c>
      <c r="E205" cm="1">
        <f t="array" ref="E205">IFERROR(INDEX(Jesper!AI$2:AI$366,ROUNDDOWN($C205/24,0)+1,1)*INDEX($D$3:$AA$30,INDEX(Jesper!$R$2:$R$366,ROW(INDEX(Jesper!AI$2:AI$366,ROUNDDOWN($C205/24,0)+1,1))-1)+IF('Standard Profiles'!$G$19=$B$10,7,0)+IF('Standard Profiles'!$G$19=$B$17,14,0)+IF('Standard Profiles'!$G$19=$B$24,21,0),MOD($C205,24)+1)/SUM(INDEX($D$3:$AA$30,INDEX(Jesper!$R$2:$R$366,ROW(INDEX(Jesper!AI$2:AI$366,ROUNDDOWN($C205/24,0)+1,1))-1)+IF('Standard Profiles'!$G$19=$B$10,7,0)+IF('Standard Profiles'!$G$19=$B$17,14,0)+IF('Standard Profiles'!$G$19=$B$24,21,0),0)),0)</f>
        <v>0</v>
      </c>
      <c r="F205" cm="1">
        <f t="array" ref="F205">IFERROR(INDEX(Jesper!AJ$2:AJ$366,ROUNDDOWN($C205/24,0)+1,1)*INDEX($D$3:$AA$30,INDEX(Jesper!$R$2:$R$366,ROW(INDEX(Jesper!AJ$2:AJ$366,ROUNDDOWN($C205/24,0)+1,1))-1)+IF('Standard Profiles'!$G$20=$B$10,7,0)+IF('Standard Profiles'!$G$20=$B$17,14,0)+IF('Standard Profiles'!$G$20=$B$24,21,0),MOD($C205,24)+1)/SUM(INDEX($D$3:$AA$30,INDEX(Jesper!$R$2:$R$366,ROW(INDEX(Jesper!AJ$2:AJ$366,ROUNDDOWN($C205/24,0)+1,1))-1)+IF('Standard Profiles'!$G$20=$B$10,7,0)+IF('Standard Profiles'!$G$20=$B$17,14,0)+IF('Standard Profiles'!$G$20=$B$24,21,0),0)),0)</f>
        <v>0</v>
      </c>
      <c r="G205" cm="1">
        <f t="array" ref="G205">IFERROR(INDEX(Jesper!AK$2:AK$366,ROUNDDOWN($C205/24,0)+1,1)*INDEX($D$3:$AA$30,INDEX(Jesper!$R$2:$R$366,ROW(INDEX(Jesper!AK$2:AK$366,ROUNDDOWN($C205/24,0)+1,1))-1)+IF('Standard Profiles'!$G$21=$B$10,7,0)+IF('Standard Profiles'!$G$21=$B$17,14,0)+IF('Standard Profiles'!$G$21=$B$24,21,0),MOD($C205,24)+1)/SUM(INDEX($D$3:$AA$30,INDEX(Jesper!$R$2:$R$366,ROW(INDEX(Jesper!AK$2:AK$366,ROUNDDOWN($C205/24,0)+1,1))-1)+IF('Standard Profiles'!$G$21=$B$10,7,0)+IF('Standard Profiles'!$G$21=$B$17,14,0)+IF('Standard Profiles'!$G$21=$B$24,21,0),0)),0)</f>
        <v>0</v>
      </c>
      <c r="H205" cm="1">
        <f t="array" ref="H205">IFERROR(INDEX(Jesper!AL$2:AL$366,ROUNDDOWN($C205/24,0)+1,1)*INDEX($D$3:$AA$30,INDEX(Jesper!$R$2:$R$366,ROW(INDEX(Jesper!AL$2:AL$366,ROUNDDOWN($C205/24,0)+1,1))-1)+IF('Standard Profiles'!$G$22=$B$10,7,0)+IF('Standard Profiles'!$G$22=$B$17,14,0)+IF('Standard Profiles'!$G$22=$B$24,21,0),MOD($C205,24)+1)/SUM(INDEX($D$3:$AA$30,INDEX(Jesper!$R$2:$R$366,ROW(INDEX(Jesper!AL$2:AL$366,ROUNDDOWN($C205/24,0)+1,1))-1)+IF('Standard Profiles'!$G$22=$B$10,7,0)+IF('Standard Profiles'!$G$22=$B$17,14,0)+IF('Standard Profiles'!$G$22=$B$24,21,0),0)),0)</f>
        <v>0</v>
      </c>
      <c r="I205">
        <f t="shared" si="34"/>
        <v>7.5578004285698691E-2</v>
      </c>
      <c r="J205">
        <f t="shared" si="35"/>
        <v>0.25192668095232901</v>
      </c>
      <c r="K205">
        <f t="shared" si="36"/>
        <v>0.37789002142849343</v>
      </c>
      <c r="L205">
        <f t="shared" si="37"/>
        <v>1.8138721028567686</v>
      </c>
      <c r="M205">
        <f t="shared" si="38"/>
        <v>0</v>
      </c>
      <c r="N205" s="46">
        <f t="shared" si="39"/>
        <v>45299.124999999585</v>
      </c>
    </row>
    <row r="206" spans="2:20" x14ac:dyDescent="0.3">
      <c r="B206">
        <f t="shared" si="33"/>
        <v>1</v>
      </c>
      <c r="C206" s="16">
        <v>172</v>
      </c>
      <c r="D206" cm="1">
        <f t="array" ref="D206">IFERROR(INDEX(Jesper!AH$2:AH$366,ROUNDDOWN($C206/24,0)+1,1)*INDEX($D$3:$AA$30,INDEX(Jesper!$R$2:$R$366,ROW(INDEX(Jesper!AH$2:AH$366,ROUNDDOWN($C206/24,0)+1,1))-1)+IF('Standard Profiles'!$G$18=$B$10,7,0)+IF('Standard Profiles'!$G$18=$B$17,14,0)+IF('Standard Profiles'!$G$18=$B$24,21,0),MOD($C206,24)+1)/SUM(INDEX($D$3:$AA$30,INDEX(Jesper!$R$2:$R$366,ROW(INDEX(Jesper!AH$2:AH$366,ROUNDDOWN($C206/24,0)+1,1))-1)+IF('Standard Profiles'!$G$18=$B$10,7,0)+IF('Standard Profiles'!$G$18=$B$17,14,0)+IF('Standard Profiles'!$G$18=$B$24,21,0),0)),0)</f>
        <v>2.5192668095232897</v>
      </c>
      <c r="E206" cm="1">
        <f t="array" ref="E206">IFERROR(INDEX(Jesper!AI$2:AI$366,ROUNDDOWN($C206/24,0)+1,1)*INDEX($D$3:$AA$30,INDEX(Jesper!$R$2:$R$366,ROW(INDEX(Jesper!AI$2:AI$366,ROUNDDOWN($C206/24,0)+1,1))-1)+IF('Standard Profiles'!$G$19=$B$10,7,0)+IF('Standard Profiles'!$G$19=$B$17,14,0)+IF('Standard Profiles'!$G$19=$B$24,21,0),MOD($C206,24)+1)/SUM(INDEX($D$3:$AA$30,INDEX(Jesper!$R$2:$R$366,ROW(INDEX(Jesper!AI$2:AI$366,ROUNDDOWN($C206/24,0)+1,1))-1)+IF('Standard Profiles'!$G$19=$B$10,7,0)+IF('Standard Profiles'!$G$19=$B$17,14,0)+IF('Standard Profiles'!$G$19=$B$24,21,0),0)),0)</f>
        <v>0</v>
      </c>
      <c r="F206" cm="1">
        <f t="array" ref="F206">IFERROR(INDEX(Jesper!AJ$2:AJ$366,ROUNDDOWN($C206/24,0)+1,1)*INDEX($D$3:$AA$30,INDEX(Jesper!$R$2:$R$366,ROW(INDEX(Jesper!AJ$2:AJ$366,ROUNDDOWN($C206/24,0)+1,1))-1)+IF('Standard Profiles'!$G$20=$B$10,7,0)+IF('Standard Profiles'!$G$20=$B$17,14,0)+IF('Standard Profiles'!$G$20=$B$24,21,0),MOD($C206,24)+1)/SUM(INDEX($D$3:$AA$30,INDEX(Jesper!$R$2:$R$366,ROW(INDEX(Jesper!AJ$2:AJ$366,ROUNDDOWN($C206/24,0)+1,1))-1)+IF('Standard Profiles'!$G$20=$B$10,7,0)+IF('Standard Profiles'!$G$20=$B$17,14,0)+IF('Standard Profiles'!$G$20=$B$24,21,0),0)),0)</f>
        <v>0</v>
      </c>
      <c r="G206" cm="1">
        <f t="array" ref="G206">IFERROR(INDEX(Jesper!AK$2:AK$366,ROUNDDOWN($C206/24,0)+1,1)*INDEX($D$3:$AA$30,INDEX(Jesper!$R$2:$R$366,ROW(INDEX(Jesper!AK$2:AK$366,ROUNDDOWN($C206/24,0)+1,1))-1)+IF('Standard Profiles'!$G$21=$B$10,7,0)+IF('Standard Profiles'!$G$21=$B$17,14,0)+IF('Standard Profiles'!$G$21=$B$24,21,0),MOD($C206,24)+1)/SUM(INDEX($D$3:$AA$30,INDEX(Jesper!$R$2:$R$366,ROW(INDEX(Jesper!AK$2:AK$366,ROUNDDOWN($C206/24,0)+1,1))-1)+IF('Standard Profiles'!$G$21=$B$10,7,0)+IF('Standard Profiles'!$G$21=$B$17,14,0)+IF('Standard Profiles'!$G$21=$B$24,21,0),0)),0)</f>
        <v>0</v>
      </c>
      <c r="H206" cm="1">
        <f t="array" ref="H206">IFERROR(INDEX(Jesper!AL$2:AL$366,ROUNDDOWN($C206/24,0)+1,1)*INDEX($D$3:$AA$30,INDEX(Jesper!$R$2:$R$366,ROW(INDEX(Jesper!AL$2:AL$366,ROUNDDOWN($C206/24,0)+1,1))-1)+IF('Standard Profiles'!$G$22=$B$10,7,0)+IF('Standard Profiles'!$G$22=$B$17,14,0)+IF('Standard Profiles'!$G$22=$B$24,21,0),MOD($C206,24)+1)/SUM(INDEX($D$3:$AA$30,INDEX(Jesper!$R$2:$R$366,ROW(INDEX(Jesper!AL$2:AL$366,ROUNDDOWN($C206/24,0)+1,1))-1)+IF('Standard Profiles'!$G$22=$B$10,7,0)+IF('Standard Profiles'!$G$22=$B$17,14,0)+IF('Standard Profiles'!$G$22=$B$24,21,0),0)),0)</f>
        <v>0</v>
      </c>
      <c r="I206">
        <f t="shared" si="34"/>
        <v>7.5578004285698691E-2</v>
      </c>
      <c r="J206">
        <f t="shared" si="35"/>
        <v>0.25192668095232901</v>
      </c>
      <c r="K206">
        <f t="shared" si="36"/>
        <v>0.37789002142849343</v>
      </c>
      <c r="L206">
        <f t="shared" si="37"/>
        <v>1.8138721028567686</v>
      </c>
      <c r="M206">
        <f t="shared" si="38"/>
        <v>0</v>
      </c>
      <c r="N206" s="46">
        <f t="shared" si="39"/>
        <v>45299.16666666625</v>
      </c>
    </row>
    <row r="207" spans="2:20" x14ac:dyDescent="0.3">
      <c r="B207">
        <f t="shared" si="33"/>
        <v>1</v>
      </c>
      <c r="C207" s="16">
        <v>173</v>
      </c>
      <c r="D207" cm="1">
        <f t="array" ref="D207">IFERROR(INDEX(Jesper!AH$2:AH$366,ROUNDDOWN($C207/24,0)+1,1)*INDEX($D$3:$AA$30,INDEX(Jesper!$R$2:$R$366,ROW(INDEX(Jesper!AH$2:AH$366,ROUNDDOWN($C207/24,0)+1,1))-1)+IF('Standard Profiles'!$G$18=$B$10,7,0)+IF('Standard Profiles'!$G$18=$B$17,14,0)+IF('Standard Profiles'!$G$18=$B$24,21,0),MOD($C207,24)+1)/SUM(INDEX($D$3:$AA$30,INDEX(Jesper!$R$2:$R$366,ROW(INDEX(Jesper!AH$2:AH$366,ROUNDDOWN($C207/24,0)+1,1))-1)+IF('Standard Profiles'!$G$18=$B$10,7,0)+IF('Standard Profiles'!$G$18=$B$17,14,0)+IF('Standard Profiles'!$G$18=$B$24,21,0),0)),0)</f>
        <v>10.916822841267589</v>
      </c>
      <c r="E207" cm="1">
        <f t="array" ref="E207">IFERROR(INDEX(Jesper!AI$2:AI$366,ROUNDDOWN($C207/24,0)+1,1)*INDEX($D$3:$AA$30,INDEX(Jesper!$R$2:$R$366,ROW(INDEX(Jesper!AI$2:AI$366,ROUNDDOWN($C207/24,0)+1,1))-1)+IF('Standard Profiles'!$G$19=$B$10,7,0)+IF('Standard Profiles'!$G$19=$B$17,14,0)+IF('Standard Profiles'!$G$19=$B$24,21,0),MOD($C207,24)+1)/SUM(INDEX($D$3:$AA$30,INDEX(Jesper!$R$2:$R$366,ROW(INDEX(Jesper!AI$2:AI$366,ROUNDDOWN($C207/24,0)+1,1))-1)+IF('Standard Profiles'!$G$19=$B$10,7,0)+IF('Standard Profiles'!$G$19=$B$17,14,0)+IF('Standard Profiles'!$G$19=$B$24,21,0),0)),0)</f>
        <v>0</v>
      </c>
      <c r="F207" cm="1">
        <f t="array" ref="F207">IFERROR(INDEX(Jesper!AJ$2:AJ$366,ROUNDDOWN($C207/24,0)+1,1)*INDEX($D$3:$AA$30,INDEX(Jesper!$R$2:$R$366,ROW(INDEX(Jesper!AJ$2:AJ$366,ROUNDDOWN($C207/24,0)+1,1))-1)+IF('Standard Profiles'!$G$20=$B$10,7,0)+IF('Standard Profiles'!$G$20=$B$17,14,0)+IF('Standard Profiles'!$G$20=$B$24,21,0),MOD($C207,24)+1)/SUM(INDEX($D$3:$AA$30,INDEX(Jesper!$R$2:$R$366,ROW(INDEX(Jesper!AJ$2:AJ$366,ROUNDDOWN($C207/24,0)+1,1))-1)+IF('Standard Profiles'!$G$20=$B$10,7,0)+IF('Standard Profiles'!$G$20=$B$17,14,0)+IF('Standard Profiles'!$G$20=$B$24,21,0),0)),0)</f>
        <v>0</v>
      </c>
      <c r="G207" cm="1">
        <f t="array" ref="G207">IFERROR(INDEX(Jesper!AK$2:AK$366,ROUNDDOWN($C207/24,0)+1,1)*INDEX($D$3:$AA$30,INDEX(Jesper!$R$2:$R$366,ROW(INDEX(Jesper!AK$2:AK$366,ROUNDDOWN($C207/24,0)+1,1))-1)+IF('Standard Profiles'!$G$21=$B$10,7,0)+IF('Standard Profiles'!$G$21=$B$17,14,0)+IF('Standard Profiles'!$G$21=$B$24,21,0),MOD($C207,24)+1)/SUM(INDEX($D$3:$AA$30,INDEX(Jesper!$R$2:$R$366,ROW(INDEX(Jesper!AK$2:AK$366,ROUNDDOWN($C207/24,0)+1,1))-1)+IF('Standard Profiles'!$G$21=$B$10,7,0)+IF('Standard Profiles'!$G$21=$B$17,14,0)+IF('Standard Profiles'!$G$21=$B$24,21,0),0)),0)</f>
        <v>0</v>
      </c>
      <c r="H207" cm="1">
        <f t="array" ref="H207">IFERROR(INDEX(Jesper!AL$2:AL$366,ROUNDDOWN($C207/24,0)+1,1)*INDEX($D$3:$AA$30,INDEX(Jesper!$R$2:$R$366,ROW(INDEX(Jesper!AL$2:AL$366,ROUNDDOWN($C207/24,0)+1,1))-1)+IF('Standard Profiles'!$G$22=$B$10,7,0)+IF('Standard Profiles'!$G$22=$B$17,14,0)+IF('Standard Profiles'!$G$22=$B$24,21,0),MOD($C207,24)+1)/SUM(INDEX($D$3:$AA$30,INDEX(Jesper!$R$2:$R$366,ROW(INDEX(Jesper!AL$2:AL$366,ROUNDDOWN($C207/24,0)+1,1))-1)+IF('Standard Profiles'!$G$22=$B$10,7,0)+IF('Standard Profiles'!$G$22=$B$17,14,0)+IF('Standard Profiles'!$G$22=$B$24,21,0),0)),0)</f>
        <v>0</v>
      </c>
      <c r="I207">
        <f t="shared" si="34"/>
        <v>0.32750468523802767</v>
      </c>
      <c r="J207">
        <f t="shared" si="35"/>
        <v>1.0916822841267588</v>
      </c>
      <c r="K207">
        <f t="shared" si="36"/>
        <v>1.6375234261901384</v>
      </c>
      <c r="L207">
        <f t="shared" si="37"/>
        <v>7.8601124457126632</v>
      </c>
      <c r="M207">
        <f t="shared" si="38"/>
        <v>0</v>
      </c>
      <c r="N207" s="46">
        <f t="shared" si="39"/>
        <v>45299.208333332914</v>
      </c>
    </row>
    <row r="208" spans="2:20" x14ac:dyDescent="0.3">
      <c r="B208">
        <f t="shared" si="33"/>
        <v>1</v>
      </c>
      <c r="C208" s="16">
        <v>174</v>
      </c>
      <c r="D208" cm="1">
        <f t="array" ref="D208">IFERROR(INDEX(Jesper!AH$2:AH$366,ROUNDDOWN($C208/24,0)+1,1)*INDEX($D$3:$AA$30,INDEX(Jesper!$R$2:$R$366,ROW(INDEX(Jesper!AH$2:AH$366,ROUNDDOWN($C208/24,0)+1,1))-1)+IF('Standard Profiles'!$G$18=$B$10,7,0)+IF('Standard Profiles'!$G$18=$B$17,14,0)+IF('Standard Profiles'!$G$18=$B$24,21,0),MOD($C208,24)+1)/SUM(INDEX($D$3:$AA$30,INDEX(Jesper!$R$2:$R$366,ROW(INDEX(Jesper!AH$2:AH$366,ROUNDDOWN($C208/24,0)+1,1))-1)+IF('Standard Profiles'!$G$18=$B$10,7,0)+IF('Standard Profiles'!$G$18=$B$17,14,0)+IF('Standard Profiles'!$G$18=$B$24,21,0),0)),0)</f>
        <v>12.38639514682284</v>
      </c>
      <c r="E208" cm="1">
        <f t="array" ref="E208">IFERROR(INDEX(Jesper!AI$2:AI$366,ROUNDDOWN($C208/24,0)+1,1)*INDEX($D$3:$AA$30,INDEX(Jesper!$R$2:$R$366,ROW(INDEX(Jesper!AI$2:AI$366,ROUNDDOWN($C208/24,0)+1,1))-1)+IF('Standard Profiles'!$G$19=$B$10,7,0)+IF('Standard Profiles'!$G$19=$B$17,14,0)+IF('Standard Profiles'!$G$19=$B$24,21,0),MOD($C208,24)+1)/SUM(INDEX($D$3:$AA$30,INDEX(Jesper!$R$2:$R$366,ROW(INDEX(Jesper!AI$2:AI$366,ROUNDDOWN($C208/24,0)+1,1))-1)+IF('Standard Profiles'!$G$19=$B$10,7,0)+IF('Standard Profiles'!$G$19=$B$17,14,0)+IF('Standard Profiles'!$G$19=$B$24,21,0),0)),0)</f>
        <v>0</v>
      </c>
      <c r="F208" cm="1">
        <f t="array" ref="F208">IFERROR(INDEX(Jesper!AJ$2:AJ$366,ROUNDDOWN($C208/24,0)+1,1)*INDEX($D$3:$AA$30,INDEX(Jesper!$R$2:$R$366,ROW(INDEX(Jesper!AJ$2:AJ$366,ROUNDDOWN($C208/24,0)+1,1))-1)+IF('Standard Profiles'!$G$20=$B$10,7,0)+IF('Standard Profiles'!$G$20=$B$17,14,0)+IF('Standard Profiles'!$G$20=$B$24,21,0),MOD($C208,24)+1)/SUM(INDEX($D$3:$AA$30,INDEX(Jesper!$R$2:$R$366,ROW(INDEX(Jesper!AJ$2:AJ$366,ROUNDDOWN($C208/24,0)+1,1))-1)+IF('Standard Profiles'!$G$20=$B$10,7,0)+IF('Standard Profiles'!$G$20=$B$17,14,0)+IF('Standard Profiles'!$G$20=$B$24,21,0),0)),0)</f>
        <v>0</v>
      </c>
      <c r="G208" cm="1">
        <f t="array" ref="G208">IFERROR(INDEX(Jesper!AK$2:AK$366,ROUNDDOWN($C208/24,0)+1,1)*INDEX($D$3:$AA$30,INDEX(Jesper!$R$2:$R$366,ROW(INDEX(Jesper!AK$2:AK$366,ROUNDDOWN($C208/24,0)+1,1))-1)+IF('Standard Profiles'!$G$21=$B$10,7,0)+IF('Standard Profiles'!$G$21=$B$17,14,0)+IF('Standard Profiles'!$G$21=$B$24,21,0),MOD($C208,24)+1)/SUM(INDEX($D$3:$AA$30,INDEX(Jesper!$R$2:$R$366,ROW(INDEX(Jesper!AK$2:AK$366,ROUNDDOWN($C208/24,0)+1,1))-1)+IF('Standard Profiles'!$G$21=$B$10,7,0)+IF('Standard Profiles'!$G$21=$B$17,14,0)+IF('Standard Profiles'!$G$21=$B$24,21,0),0)),0)</f>
        <v>0</v>
      </c>
      <c r="H208" cm="1">
        <f t="array" ref="H208">IFERROR(INDEX(Jesper!AL$2:AL$366,ROUNDDOWN($C208/24,0)+1,1)*INDEX($D$3:$AA$30,INDEX(Jesper!$R$2:$R$366,ROW(INDEX(Jesper!AL$2:AL$366,ROUNDDOWN($C208/24,0)+1,1))-1)+IF('Standard Profiles'!$G$22=$B$10,7,0)+IF('Standard Profiles'!$G$22=$B$17,14,0)+IF('Standard Profiles'!$G$22=$B$24,21,0),MOD($C208,24)+1)/SUM(INDEX($D$3:$AA$30,INDEX(Jesper!$R$2:$R$366,ROW(INDEX(Jesper!AL$2:AL$366,ROUNDDOWN($C208/24,0)+1,1))-1)+IF('Standard Profiles'!$G$22=$B$10,7,0)+IF('Standard Profiles'!$G$22=$B$17,14,0)+IF('Standard Profiles'!$G$22=$B$24,21,0),0)),0)</f>
        <v>0</v>
      </c>
      <c r="I208">
        <f t="shared" si="34"/>
        <v>0.37159185440468517</v>
      </c>
      <c r="J208">
        <f t="shared" si="35"/>
        <v>1.2386395146822842</v>
      </c>
      <c r="K208">
        <f t="shared" si="36"/>
        <v>1.8579592720234259</v>
      </c>
      <c r="L208">
        <f t="shared" si="37"/>
        <v>8.9182045057124455</v>
      </c>
      <c r="M208">
        <f t="shared" si="38"/>
        <v>0</v>
      </c>
      <c r="N208" s="46">
        <f t="shared" si="39"/>
        <v>45299.249999999578</v>
      </c>
    </row>
    <row r="209" spans="2:14" x14ac:dyDescent="0.3">
      <c r="B209">
        <f t="shared" si="33"/>
        <v>1</v>
      </c>
      <c r="C209" s="16">
        <v>175</v>
      </c>
      <c r="D209" cm="1">
        <f t="array" ref="D209">IFERROR(INDEX(Jesper!AH$2:AH$366,ROUNDDOWN($C209/24,0)+1,1)*INDEX($D$3:$AA$30,INDEX(Jesper!$R$2:$R$366,ROW(INDEX(Jesper!AH$2:AH$366,ROUNDDOWN($C209/24,0)+1,1))-1)+IF('Standard Profiles'!$G$18=$B$10,7,0)+IF('Standard Profiles'!$G$18=$B$17,14,0)+IF('Standard Profiles'!$G$18=$B$24,21,0),MOD($C209,24)+1)/SUM(INDEX($D$3:$AA$30,INDEX(Jesper!$R$2:$R$366,ROW(INDEX(Jesper!AH$2:AH$366,ROUNDDOWN($C209/24,0)+1,1))-1)+IF('Standard Profiles'!$G$18=$B$10,7,0)+IF('Standard Profiles'!$G$18=$B$17,14,0)+IF('Standard Profiles'!$G$18=$B$24,21,0),0)),0)</f>
        <v>12.38639514682284</v>
      </c>
      <c r="E209" cm="1">
        <f t="array" ref="E209">IFERROR(INDEX(Jesper!AI$2:AI$366,ROUNDDOWN($C209/24,0)+1,1)*INDEX($D$3:$AA$30,INDEX(Jesper!$R$2:$R$366,ROW(INDEX(Jesper!AI$2:AI$366,ROUNDDOWN($C209/24,0)+1,1))-1)+IF('Standard Profiles'!$G$19=$B$10,7,0)+IF('Standard Profiles'!$G$19=$B$17,14,0)+IF('Standard Profiles'!$G$19=$B$24,21,0),MOD($C209,24)+1)/SUM(INDEX($D$3:$AA$30,INDEX(Jesper!$R$2:$R$366,ROW(INDEX(Jesper!AI$2:AI$366,ROUNDDOWN($C209/24,0)+1,1))-1)+IF('Standard Profiles'!$G$19=$B$10,7,0)+IF('Standard Profiles'!$G$19=$B$17,14,0)+IF('Standard Profiles'!$G$19=$B$24,21,0),0)),0)</f>
        <v>0</v>
      </c>
      <c r="F209" cm="1">
        <f t="array" ref="F209">IFERROR(INDEX(Jesper!AJ$2:AJ$366,ROUNDDOWN($C209/24,0)+1,1)*INDEX($D$3:$AA$30,INDEX(Jesper!$R$2:$R$366,ROW(INDEX(Jesper!AJ$2:AJ$366,ROUNDDOWN($C209/24,0)+1,1))-1)+IF('Standard Profiles'!$G$20=$B$10,7,0)+IF('Standard Profiles'!$G$20=$B$17,14,0)+IF('Standard Profiles'!$G$20=$B$24,21,0),MOD($C209,24)+1)/SUM(INDEX($D$3:$AA$30,INDEX(Jesper!$R$2:$R$366,ROW(INDEX(Jesper!AJ$2:AJ$366,ROUNDDOWN($C209/24,0)+1,1))-1)+IF('Standard Profiles'!$G$20=$B$10,7,0)+IF('Standard Profiles'!$G$20=$B$17,14,0)+IF('Standard Profiles'!$G$20=$B$24,21,0),0)),0)</f>
        <v>0</v>
      </c>
      <c r="G209" cm="1">
        <f t="array" ref="G209">IFERROR(INDEX(Jesper!AK$2:AK$366,ROUNDDOWN($C209/24,0)+1,1)*INDEX($D$3:$AA$30,INDEX(Jesper!$R$2:$R$366,ROW(INDEX(Jesper!AK$2:AK$366,ROUNDDOWN($C209/24,0)+1,1))-1)+IF('Standard Profiles'!$G$21=$B$10,7,0)+IF('Standard Profiles'!$G$21=$B$17,14,0)+IF('Standard Profiles'!$G$21=$B$24,21,0),MOD($C209,24)+1)/SUM(INDEX($D$3:$AA$30,INDEX(Jesper!$R$2:$R$366,ROW(INDEX(Jesper!AK$2:AK$366,ROUNDDOWN($C209/24,0)+1,1))-1)+IF('Standard Profiles'!$G$21=$B$10,7,0)+IF('Standard Profiles'!$G$21=$B$17,14,0)+IF('Standard Profiles'!$G$21=$B$24,21,0),0)),0)</f>
        <v>0</v>
      </c>
      <c r="H209" cm="1">
        <f t="array" ref="H209">IFERROR(INDEX(Jesper!AL$2:AL$366,ROUNDDOWN($C209/24,0)+1,1)*INDEX($D$3:$AA$30,INDEX(Jesper!$R$2:$R$366,ROW(INDEX(Jesper!AL$2:AL$366,ROUNDDOWN($C209/24,0)+1,1))-1)+IF('Standard Profiles'!$G$22=$B$10,7,0)+IF('Standard Profiles'!$G$22=$B$17,14,0)+IF('Standard Profiles'!$G$22=$B$24,21,0),MOD($C209,24)+1)/SUM(INDEX($D$3:$AA$30,INDEX(Jesper!$R$2:$R$366,ROW(INDEX(Jesper!AL$2:AL$366,ROUNDDOWN($C209/24,0)+1,1))-1)+IF('Standard Profiles'!$G$22=$B$10,7,0)+IF('Standard Profiles'!$G$22=$B$17,14,0)+IF('Standard Profiles'!$G$22=$B$24,21,0),0)),0)</f>
        <v>0</v>
      </c>
      <c r="I209">
        <f t="shared" si="34"/>
        <v>0.37159185440468517</v>
      </c>
      <c r="J209">
        <f t="shared" si="35"/>
        <v>1.2386395146822842</v>
      </c>
      <c r="K209">
        <f t="shared" si="36"/>
        <v>1.8579592720234259</v>
      </c>
      <c r="L209">
        <f t="shared" si="37"/>
        <v>8.9182045057124455</v>
      </c>
      <c r="M209">
        <f t="shared" si="38"/>
        <v>0</v>
      </c>
      <c r="N209" s="46">
        <f t="shared" si="39"/>
        <v>45299.291666666242</v>
      </c>
    </row>
    <row r="210" spans="2:14" x14ac:dyDescent="0.3">
      <c r="B210">
        <f t="shared" si="33"/>
        <v>1</v>
      </c>
      <c r="C210" s="16">
        <v>176</v>
      </c>
      <c r="D210" cm="1">
        <f t="array" ref="D210">IFERROR(INDEX(Jesper!AH$2:AH$366,ROUNDDOWN($C210/24,0)+1,1)*INDEX($D$3:$AA$30,INDEX(Jesper!$R$2:$R$366,ROW(INDEX(Jesper!AH$2:AH$366,ROUNDDOWN($C210/24,0)+1,1))-1)+IF('Standard Profiles'!$G$18=$B$10,7,0)+IF('Standard Profiles'!$G$18=$B$17,14,0)+IF('Standard Profiles'!$G$18=$B$24,21,0),MOD($C210,24)+1)/SUM(INDEX($D$3:$AA$30,INDEX(Jesper!$R$2:$R$366,ROW(INDEX(Jesper!AH$2:AH$366,ROUNDDOWN($C210/24,0)+1,1))-1)+IF('Standard Profiles'!$G$18=$B$10,7,0)+IF('Standard Profiles'!$G$18=$B$17,14,0)+IF('Standard Profiles'!$G$18=$B$24,21,0),0)),0)</f>
        <v>12.38639514682284</v>
      </c>
      <c r="E210" cm="1">
        <f t="array" ref="E210">IFERROR(INDEX(Jesper!AI$2:AI$366,ROUNDDOWN($C210/24,0)+1,1)*INDEX($D$3:$AA$30,INDEX(Jesper!$R$2:$R$366,ROW(INDEX(Jesper!AI$2:AI$366,ROUNDDOWN($C210/24,0)+1,1))-1)+IF('Standard Profiles'!$G$19=$B$10,7,0)+IF('Standard Profiles'!$G$19=$B$17,14,0)+IF('Standard Profiles'!$G$19=$B$24,21,0),MOD($C210,24)+1)/SUM(INDEX($D$3:$AA$30,INDEX(Jesper!$R$2:$R$366,ROW(INDEX(Jesper!AI$2:AI$366,ROUNDDOWN($C210/24,0)+1,1))-1)+IF('Standard Profiles'!$G$19=$B$10,7,0)+IF('Standard Profiles'!$G$19=$B$17,14,0)+IF('Standard Profiles'!$G$19=$B$24,21,0),0)),0)</f>
        <v>0</v>
      </c>
      <c r="F210" cm="1">
        <f t="array" ref="F210">IFERROR(INDEX(Jesper!AJ$2:AJ$366,ROUNDDOWN($C210/24,0)+1,1)*INDEX($D$3:$AA$30,INDEX(Jesper!$R$2:$R$366,ROW(INDEX(Jesper!AJ$2:AJ$366,ROUNDDOWN($C210/24,0)+1,1))-1)+IF('Standard Profiles'!$G$20=$B$10,7,0)+IF('Standard Profiles'!$G$20=$B$17,14,0)+IF('Standard Profiles'!$G$20=$B$24,21,0),MOD($C210,24)+1)/SUM(INDEX($D$3:$AA$30,INDEX(Jesper!$R$2:$R$366,ROW(INDEX(Jesper!AJ$2:AJ$366,ROUNDDOWN($C210/24,0)+1,1))-1)+IF('Standard Profiles'!$G$20=$B$10,7,0)+IF('Standard Profiles'!$G$20=$B$17,14,0)+IF('Standard Profiles'!$G$20=$B$24,21,0),0)),0)</f>
        <v>0</v>
      </c>
      <c r="G210" cm="1">
        <f t="array" ref="G210">IFERROR(INDEX(Jesper!AK$2:AK$366,ROUNDDOWN($C210/24,0)+1,1)*INDEX($D$3:$AA$30,INDEX(Jesper!$R$2:$R$366,ROW(INDEX(Jesper!AK$2:AK$366,ROUNDDOWN($C210/24,0)+1,1))-1)+IF('Standard Profiles'!$G$21=$B$10,7,0)+IF('Standard Profiles'!$G$21=$B$17,14,0)+IF('Standard Profiles'!$G$21=$B$24,21,0),MOD($C210,24)+1)/SUM(INDEX($D$3:$AA$30,INDEX(Jesper!$R$2:$R$366,ROW(INDEX(Jesper!AK$2:AK$366,ROUNDDOWN($C210/24,0)+1,1))-1)+IF('Standard Profiles'!$G$21=$B$10,7,0)+IF('Standard Profiles'!$G$21=$B$17,14,0)+IF('Standard Profiles'!$G$21=$B$24,21,0),0)),0)</f>
        <v>0</v>
      </c>
      <c r="H210" cm="1">
        <f t="array" ref="H210">IFERROR(INDEX(Jesper!AL$2:AL$366,ROUNDDOWN($C210/24,0)+1,1)*INDEX($D$3:$AA$30,INDEX(Jesper!$R$2:$R$366,ROW(INDEX(Jesper!AL$2:AL$366,ROUNDDOWN($C210/24,0)+1,1))-1)+IF('Standard Profiles'!$G$22=$B$10,7,0)+IF('Standard Profiles'!$G$22=$B$17,14,0)+IF('Standard Profiles'!$G$22=$B$24,21,0),MOD($C210,24)+1)/SUM(INDEX($D$3:$AA$30,INDEX(Jesper!$R$2:$R$366,ROW(INDEX(Jesper!AL$2:AL$366,ROUNDDOWN($C210/24,0)+1,1))-1)+IF('Standard Profiles'!$G$22=$B$10,7,0)+IF('Standard Profiles'!$G$22=$B$17,14,0)+IF('Standard Profiles'!$G$22=$B$24,21,0),0)),0)</f>
        <v>0</v>
      </c>
      <c r="I210">
        <f t="shared" si="34"/>
        <v>0.37159185440468517</v>
      </c>
      <c r="J210">
        <f t="shared" si="35"/>
        <v>1.2386395146822842</v>
      </c>
      <c r="K210">
        <f t="shared" si="36"/>
        <v>1.8579592720234259</v>
      </c>
      <c r="L210">
        <f t="shared" si="37"/>
        <v>8.9182045057124455</v>
      </c>
      <c r="M210">
        <f t="shared" si="38"/>
        <v>0</v>
      </c>
      <c r="N210" s="46">
        <f t="shared" si="39"/>
        <v>45299.333333332906</v>
      </c>
    </row>
    <row r="211" spans="2:14" x14ac:dyDescent="0.3">
      <c r="B211">
        <f t="shared" si="33"/>
        <v>1</v>
      </c>
      <c r="C211" s="16">
        <v>177</v>
      </c>
      <c r="D211" cm="1">
        <f t="array" ref="D211">IFERROR(INDEX(Jesper!AH$2:AH$366,ROUNDDOWN($C211/24,0)+1,1)*INDEX($D$3:$AA$30,INDEX(Jesper!$R$2:$R$366,ROW(INDEX(Jesper!AH$2:AH$366,ROUNDDOWN($C211/24,0)+1,1))-1)+IF('Standard Profiles'!$G$18=$B$10,7,0)+IF('Standard Profiles'!$G$18=$B$17,14,0)+IF('Standard Profiles'!$G$18=$B$24,21,0),MOD($C211,24)+1)/SUM(INDEX($D$3:$AA$30,INDEX(Jesper!$R$2:$R$366,ROW(INDEX(Jesper!AH$2:AH$366,ROUNDDOWN($C211/24,0)+1,1))-1)+IF('Standard Profiles'!$G$18=$B$10,7,0)+IF('Standard Profiles'!$G$18=$B$17,14,0)+IF('Standard Profiles'!$G$18=$B$24,21,0),0)),0)</f>
        <v>13.226150749997272</v>
      </c>
      <c r="E211" cm="1">
        <f t="array" ref="E211">IFERROR(INDEX(Jesper!AI$2:AI$366,ROUNDDOWN($C211/24,0)+1,1)*INDEX($D$3:$AA$30,INDEX(Jesper!$R$2:$R$366,ROW(INDEX(Jesper!AI$2:AI$366,ROUNDDOWN($C211/24,0)+1,1))-1)+IF('Standard Profiles'!$G$19=$B$10,7,0)+IF('Standard Profiles'!$G$19=$B$17,14,0)+IF('Standard Profiles'!$G$19=$B$24,21,0),MOD($C211,24)+1)/SUM(INDEX($D$3:$AA$30,INDEX(Jesper!$R$2:$R$366,ROW(INDEX(Jesper!AI$2:AI$366,ROUNDDOWN($C211/24,0)+1,1))-1)+IF('Standard Profiles'!$G$19=$B$10,7,0)+IF('Standard Profiles'!$G$19=$B$17,14,0)+IF('Standard Profiles'!$G$19=$B$24,21,0),0)),0)</f>
        <v>0</v>
      </c>
      <c r="F211" cm="1">
        <f t="array" ref="F211">IFERROR(INDEX(Jesper!AJ$2:AJ$366,ROUNDDOWN($C211/24,0)+1,1)*INDEX($D$3:$AA$30,INDEX(Jesper!$R$2:$R$366,ROW(INDEX(Jesper!AJ$2:AJ$366,ROUNDDOWN($C211/24,0)+1,1))-1)+IF('Standard Profiles'!$G$20=$B$10,7,0)+IF('Standard Profiles'!$G$20=$B$17,14,0)+IF('Standard Profiles'!$G$20=$B$24,21,0),MOD($C211,24)+1)/SUM(INDEX($D$3:$AA$30,INDEX(Jesper!$R$2:$R$366,ROW(INDEX(Jesper!AJ$2:AJ$366,ROUNDDOWN($C211/24,0)+1,1))-1)+IF('Standard Profiles'!$G$20=$B$10,7,0)+IF('Standard Profiles'!$G$20=$B$17,14,0)+IF('Standard Profiles'!$G$20=$B$24,21,0),0)),0)</f>
        <v>0</v>
      </c>
      <c r="G211" cm="1">
        <f t="array" ref="G211">IFERROR(INDEX(Jesper!AK$2:AK$366,ROUNDDOWN($C211/24,0)+1,1)*INDEX($D$3:$AA$30,INDEX(Jesper!$R$2:$R$366,ROW(INDEX(Jesper!AK$2:AK$366,ROUNDDOWN($C211/24,0)+1,1))-1)+IF('Standard Profiles'!$G$21=$B$10,7,0)+IF('Standard Profiles'!$G$21=$B$17,14,0)+IF('Standard Profiles'!$G$21=$B$24,21,0),MOD($C211,24)+1)/SUM(INDEX($D$3:$AA$30,INDEX(Jesper!$R$2:$R$366,ROW(INDEX(Jesper!AK$2:AK$366,ROUNDDOWN($C211/24,0)+1,1))-1)+IF('Standard Profiles'!$G$21=$B$10,7,0)+IF('Standard Profiles'!$G$21=$B$17,14,0)+IF('Standard Profiles'!$G$21=$B$24,21,0),0)),0)</f>
        <v>0</v>
      </c>
      <c r="H211" cm="1">
        <f t="array" ref="H211">IFERROR(INDEX(Jesper!AL$2:AL$366,ROUNDDOWN($C211/24,0)+1,1)*INDEX($D$3:$AA$30,INDEX(Jesper!$R$2:$R$366,ROW(INDEX(Jesper!AL$2:AL$366,ROUNDDOWN($C211/24,0)+1,1))-1)+IF('Standard Profiles'!$G$22=$B$10,7,0)+IF('Standard Profiles'!$G$22=$B$17,14,0)+IF('Standard Profiles'!$G$22=$B$24,21,0),MOD($C211,24)+1)/SUM(INDEX($D$3:$AA$30,INDEX(Jesper!$R$2:$R$366,ROW(INDEX(Jesper!AL$2:AL$366,ROUNDDOWN($C211/24,0)+1,1))-1)+IF('Standard Profiles'!$G$22=$B$10,7,0)+IF('Standard Profiles'!$G$22=$B$17,14,0)+IF('Standard Profiles'!$G$22=$B$24,21,0),0)),0)</f>
        <v>0</v>
      </c>
      <c r="I211">
        <f t="shared" si="34"/>
        <v>0.39678452249991814</v>
      </c>
      <c r="J211">
        <f t="shared" si="35"/>
        <v>1.3226150749997272</v>
      </c>
      <c r="K211">
        <f t="shared" si="36"/>
        <v>1.9839226124995908</v>
      </c>
      <c r="L211">
        <f t="shared" si="37"/>
        <v>9.5228285399980361</v>
      </c>
      <c r="M211">
        <f t="shared" si="38"/>
        <v>0</v>
      </c>
      <c r="N211" s="46">
        <f t="shared" si="39"/>
        <v>45299.374999999571</v>
      </c>
    </row>
    <row r="212" spans="2:14" x14ac:dyDescent="0.3">
      <c r="B212">
        <f t="shared" si="33"/>
        <v>1</v>
      </c>
      <c r="C212" s="16">
        <v>178</v>
      </c>
      <c r="D212" cm="1">
        <f t="array" ref="D212">IFERROR(INDEX(Jesper!AH$2:AH$366,ROUNDDOWN($C212/24,0)+1,1)*INDEX($D$3:$AA$30,INDEX(Jesper!$R$2:$R$366,ROW(INDEX(Jesper!AH$2:AH$366,ROUNDDOWN($C212/24,0)+1,1))-1)+IF('Standard Profiles'!$G$18=$B$10,7,0)+IF('Standard Profiles'!$G$18=$B$17,14,0)+IF('Standard Profiles'!$G$18=$B$24,21,0),MOD($C212,24)+1)/SUM(INDEX($D$3:$AA$30,INDEX(Jesper!$R$2:$R$366,ROW(INDEX(Jesper!AH$2:AH$366,ROUNDDOWN($C212/24,0)+1,1))-1)+IF('Standard Profiles'!$G$18=$B$10,7,0)+IF('Standard Profiles'!$G$18=$B$17,14,0)+IF('Standard Profiles'!$G$18=$B$24,21,0),0)),0)</f>
        <v>13.226150749997272</v>
      </c>
      <c r="E212" cm="1">
        <f t="array" ref="E212">IFERROR(INDEX(Jesper!AI$2:AI$366,ROUNDDOWN($C212/24,0)+1,1)*INDEX($D$3:$AA$30,INDEX(Jesper!$R$2:$R$366,ROW(INDEX(Jesper!AI$2:AI$366,ROUNDDOWN($C212/24,0)+1,1))-1)+IF('Standard Profiles'!$G$19=$B$10,7,0)+IF('Standard Profiles'!$G$19=$B$17,14,0)+IF('Standard Profiles'!$G$19=$B$24,21,0),MOD($C212,24)+1)/SUM(INDEX($D$3:$AA$30,INDEX(Jesper!$R$2:$R$366,ROW(INDEX(Jesper!AI$2:AI$366,ROUNDDOWN($C212/24,0)+1,1))-1)+IF('Standard Profiles'!$G$19=$B$10,7,0)+IF('Standard Profiles'!$G$19=$B$17,14,0)+IF('Standard Profiles'!$G$19=$B$24,21,0),0)),0)</f>
        <v>0</v>
      </c>
      <c r="F212" cm="1">
        <f t="array" ref="F212">IFERROR(INDEX(Jesper!AJ$2:AJ$366,ROUNDDOWN($C212/24,0)+1,1)*INDEX($D$3:$AA$30,INDEX(Jesper!$R$2:$R$366,ROW(INDEX(Jesper!AJ$2:AJ$366,ROUNDDOWN($C212/24,0)+1,1))-1)+IF('Standard Profiles'!$G$20=$B$10,7,0)+IF('Standard Profiles'!$G$20=$B$17,14,0)+IF('Standard Profiles'!$G$20=$B$24,21,0),MOD($C212,24)+1)/SUM(INDEX($D$3:$AA$30,INDEX(Jesper!$R$2:$R$366,ROW(INDEX(Jesper!AJ$2:AJ$366,ROUNDDOWN($C212/24,0)+1,1))-1)+IF('Standard Profiles'!$G$20=$B$10,7,0)+IF('Standard Profiles'!$G$20=$B$17,14,0)+IF('Standard Profiles'!$G$20=$B$24,21,0),0)),0)</f>
        <v>0</v>
      </c>
      <c r="G212" cm="1">
        <f t="array" ref="G212">IFERROR(INDEX(Jesper!AK$2:AK$366,ROUNDDOWN($C212/24,0)+1,1)*INDEX($D$3:$AA$30,INDEX(Jesper!$R$2:$R$366,ROW(INDEX(Jesper!AK$2:AK$366,ROUNDDOWN($C212/24,0)+1,1))-1)+IF('Standard Profiles'!$G$21=$B$10,7,0)+IF('Standard Profiles'!$G$21=$B$17,14,0)+IF('Standard Profiles'!$G$21=$B$24,21,0),MOD($C212,24)+1)/SUM(INDEX($D$3:$AA$30,INDEX(Jesper!$R$2:$R$366,ROW(INDEX(Jesper!AK$2:AK$366,ROUNDDOWN($C212/24,0)+1,1))-1)+IF('Standard Profiles'!$G$21=$B$10,7,0)+IF('Standard Profiles'!$G$21=$B$17,14,0)+IF('Standard Profiles'!$G$21=$B$24,21,0),0)),0)</f>
        <v>0</v>
      </c>
      <c r="H212" cm="1">
        <f t="array" ref="H212">IFERROR(INDEX(Jesper!AL$2:AL$366,ROUNDDOWN($C212/24,0)+1,1)*INDEX($D$3:$AA$30,INDEX(Jesper!$R$2:$R$366,ROW(INDEX(Jesper!AL$2:AL$366,ROUNDDOWN($C212/24,0)+1,1))-1)+IF('Standard Profiles'!$G$22=$B$10,7,0)+IF('Standard Profiles'!$G$22=$B$17,14,0)+IF('Standard Profiles'!$G$22=$B$24,21,0),MOD($C212,24)+1)/SUM(INDEX($D$3:$AA$30,INDEX(Jesper!$R$2:$R$366,ROW(INDEX(Jesper!AL$2:AL$366,ROUNDDOWN($C212/24,0)+1,1))-1)+IF('Standard Profiles'!$G$22=$B$10,7,0)+IF('Standard Profiles'!$G$22=$B$17,14,0)+IF('Standard Profiles'!$G$22=$B$24,21,0),0)),0)</f>
        <v>0</v>
      </c>
      <c r="I212">
        <f t="shared" si="34"/>
        <v>0.39678452249991814</v>
      </c>
      <c r="J212">
        <f t="shared" si="35"/>
        <v>1.3226150749997272</v>
      </c>
      <c r="K212">
        <f t="shared" si="36"/>
        <v>1.9839226124995908</v>
      </c>
      <c r="L212">
        <f t="shared" si="37"/>
        <v>9.5228285399980361</v>
      </c>
      <c r="M212">
        <f t="shared" si="38"/>
        <v>0</v>
      </c>
      <c r="N212" s="46">
        <f t="shared" si="39"/>
        <v>45299.416666666235</v>
      </c>
    </row>
    <row r="213" spans="2:14" x14ac:dyDescent="0.3">
      <c r="B213">
        <f t="shared" si="33"/>
        <v>1</v>
      </c>
      <c r="C213" s="16">
        <v>179</v>
      </c>
      <c r="D213" cm="1">
        <f t="array" ref="D213">IFERROR(INDEX(Jesper!AH$2:AH$366,ROUNDDOWN($C213/24,0)+1,1)*INDEX($D$3:$AA$30,INDEX(Jesper!$R$2:$R$366,ROW(INDEX(Jesper!AH$2:AH$366,ROUNDDOWN($C213/24,0)+1,1))-1)+IF('Standard Profiles'!$G$18=$B$10,7,0)+IF('Standard Profiles'!$G$18=$B$17,14,0)+IF('Standard Profiles'!$G$18=$B$24,21,0),MOD($C213,24)+1)/SUM(INDEX($D$3:$AA$30,INDEX(Jesper!$R$2:$R$366,ROW(INDEX(Jesper!AH$2:AH$366,ROUNDDOWN($C213/24,0)+1,1))-1)+IF('Standard Profiles'!$G$18=$B$10,7,0)+IF('Standard Profiles'!$G$18=$B$17,14,0)+IF('Standard Profiles'!$G$18=$B$24,21,0),0)),0)</f>
        <v>16.795112063488599</v>
      </c>
      <c r="E213" cm="1">
        <f t="array" ref="E213">IFERROR(INDEX(Jesper!AI$2:AI$366,ROUNDDOWN($C213/24,0)+1,1)*INDEX($D$3:$AA$30,INDEX(Jesper!$R$2:$R$366,ROW(INDEX(Jesper!AI$2:AI$366,ROUNDDOWN($C213/24,0)+1,1))-1)+IF('Standard Profiles'!$G$19=$B$10,7,0)+IF('Standard Profiles'!$G$19=$B$17,14,0)+IF('Standard Profiles'!$G$19=$B$24,21,0),MOD($C213,24)+1)/SUM(INDEX($D$3:$AA$30,INDEX(Jesper!$R$2:$R$366,ROW(INDEX(Jesper!AI$2:AI$366,ROUNDDOWN($C213/24,0)+1,1))-1)+IF('Standard Profiles'!$G$19=$B$10,7,0)+IF('Standard Profiles'!$G$19=$B$17,14,0)+IF('Standard Profiles'!$G$19=$B$24,21,0),0)),0)</f>
        <v>0</v>
      </c>
      <c r="F213" cm="1">
        <f t="array" ref="F213">IFERROR(INDEX(Jesper!AJ$2:AJ$366,ROUNDDOWN($C213/24,0)+1,1)*INDEX($D$3:$AA$30,INDEX(Jesper!$R$2:$R$366,ROW(INDEX(Jesper!AJ$2:AJ$366,ROUNDDOWN($C213/24,0)+1,1))-1)+IF('Standard Profiles'!$G$20=$B$10,7,0)+IF('Standard Profiles'!$G$20=$B$17,14,0)+IF('Standard Profiles'!$G$20=$B$24,21,0),MOD($C213,24)+1)/SUM(INDEX($D$3:$AA$30,INDEX(Jesper!$R$2:$R$366,ROW(INDEX(Jesper!AJ$2:AJ$366,ROUNDDOWN($C213/24,0)+1,1))-1)+IF('Standard Profiles'!$G$20=$B$10,7,0)+IF('Standard Profiles'!$G$20=$B$17,14,0)+IF('Standard Profiles'!$G$20=$B$24,21,0),0)),0)</f>
        <v>0</v>
      </c>
      <c r="G213" cm="1">
        <f t="array" ref="G213">IFERROR(INDEX(Jesper!AK$2:AK$366,ROUNDDOWN($C213/24,0)+1,1)*INDEX($D$3:$AA$30,INDEX(Jesper!$R$2:$R$366,ROW(INDEX(Jesper!AK$2:AK$366,ROUNDDOWN($C213/24,0)+1,1))-1)+IF('Standard Profiles'!$G$21=$B$10,7,0)+IF('Standard Profiles'!$G$21=$B$17,14,0)+IF('Standard Profiles'!$G$21=$B$24,21,0),MOD($C213,24)+1)/SUM(INDEX($D$3:$AA$30,INDEX(Jesper!$R$2:$R$366,ROW(INDEX(Jesper!AK$2:AK$366,ROUNDDOWN($C213/24,0)+1,1))-1)+IF('Standard Profiles'!$G$21=$B$10,7,0)+IF('Standard Profiles'!$G$21=$B$17,14,0)+IF('Standard Profiles'!$G$21=$B$24,21,0),0)),0)</f>
        <v>0</v>
      </c>
      <c r="H213" cm="1">
        <f t="array" ref="H213">IFERROR(INDEX(Jesper!AL$2:AL$366,ROUNDDOWN($C213/24,0)+1,1)*INDEX($D$3:$AA$30,INDEX(Jesper!$R$2:$R$366,ROW(INDEX(Jesper!AL$2:AL$366,ROUNDDOWN($C213/24,0)+1,1))-1)+IF('Standard Profiles'!$G$22=$B$10,7,0)+IF('Standard Profiles'!$G$22=$B$17,14,0)+IF('Standard Profiles'!$G$22=$B$24,21,0),MOD($C213,24)+1)/SUM(INDEX($D$3:$AA$30,INDEX(Jesper!$R$2:$R$366,ROW(INDEX(Jesper!AL$2:AL$366,ROUNDDOWN($C213/24,0)+1,1))-1)+IF('Standard Profiles'!$G$22=$B$10,7,0)+IF('Standard Profiles'!$G$22=$B$17,14,0)+IF('Standard Profiles'!$G$22=$B$24,21,0),0)),0)</f>
        <v>0</v>
      </c>
      <c r="I213">
        <f t="shared" si="34"/>
        <v>0.5038533619046579</v>
      </c>
      <c r="J213">
        <f t="shared" si="35"/>
        <v>1.67951120634886</v>
      </c>
      <c r="K213">
        <f t="shared" si="36"/>
        <v>2.5192668095232897</v>
      </c>
      <c r="L213">
        <f t="shared" si="37"/>
        <v>12.092480685711791</v>
      </c>
      <c r="M213">
        <f t="shared" si="38"/>
        <v>0</v>
      </c>
      <c r="N213" s="46">
        <f t="shared" si="39"/>
        <v>45299.458333332899</v>
      </c>
    </row>
    <row r="214" spans="2:14" x14ac:dyDescent="0.3">
      <c r="B214">
        <f t="shared" si="33"/>
        <v>1</v>
      </c>
      <c r="C214" s="16">
        <v>180</v>
      </c>
      <c r="D214" cm="1">
        <f t="array" ref="D214">IFERROR(INDEX(Jesper!AH$2:AH$366,ROUNDDOWN($C214/24,0)+1,1)*INDEX($D$3:$AA$30,INDEX(Jesper!$R$2:$R$366,ROW(INDEX(Jesper!AH$2:AH$366,ROUNDDOWN($C214/24,0)+1,1))-1)+IF('Standard Profiles'!$G$18=$B$10,7,0)+IF('Standard Profiles'!$G$18=$B$17,14,0)+IF('Standard Profiles'!$G$18=$B$24,21,0),MOD($C214,24)+1)/SUM(INDEX($D$3:$AA$30,INDEX(Jesper!$R$2:$R$366,ROW(INDEX(Jesper!AH$2:AH$366,ROUNDDOWN($C214/24,0)+1,1))-1)+IF('Standard Profiles'!$G$18=$B$10,7,0)+IF('Standard Profiles'!$G$18=$B$17,14,0)+IF('Standard Profiles'!$G$18=$B$24,21,0),0)),0)</f>
        <v>16.795112063488599</v>
      </c>
      <c r="E214" cm="1">
        <f t="array" ref="E214">IFERROR(INDEX(Jesper!AI$2:AI$366,ROUNDDOWN($C214/24,0)+1,1)*INDEX($D$3:$AA$30,INDEX(Jesper!$R$2:$R$366,ROW(INDEX(Jesper!AI$2:AI$366,ROUNDDOWN($C214/24,0)+1,1))-1)+IF('Standard Profiles'!$G$19=$B$10,7,0)+IF('Standard Profiles'!$G$19=$B$17,14,0)+IF('Standard Profiles'!$G$19=$B$24,21,0),MOD($C214,24)+1)/SUM(INDEX($D$3:$AA$30,INDEX(Jesper!$R$2:$R$366,ROW(INDEX(Jesper!AI$2:AI$366,ROUNDDOWN($C214/24,0)+1,1))-1)+IF('Standard Profiles'!$G$19=$B$10,7,0)+IF('Standard Profiles'!$G$19=$B$17,14,0)+IF('Standard Profiles'!$G$19=$B$24,21,0),0)),0)</f>
        <v>0</v>
      </c>
      <c r="F214" cm="1">
        <f t="array" ref="F214">IFERROR(INDEX(Jesper!AJ$2:AJ$366,ROUNDDOWN($C214/24,0)+1,1)*INDEX($D$3:$AA$30,INDEX(Jesper!$R$2:$R$366,ROW(INDEX(Jesper!AJ$2:AJ$366,ROUNDDOWN($C214/24,0)+1,1))-1)+IF('Standard Profiles'!$G$20=$B$10,7,0)+IF('Standard Profiles'!$G$20=$B$17,14,0)+IF('Standard Profiles'!$G$20=$B$24,21,0),MOD($C214,24)+1)/SUM(INDEX($D$3:$AA$30,INDEX(Jesper!$R$2:$R$366,ROW(INDEX(Jesper!AJ$2:AJ$366,ROUNDDOWN($C214/24,0)+1,1))-1)+IF('Standard Profiles'!$G$20=$B$10,7,0)+IF('Standard Profiles'!$G$20=$B$17,14,0)+IF('Standard Profiles'!$G$20=$B$24,21,0),0)),0)</f>
        <v>0</v>
      </c>
      <c r="G214" cm="1">
        <f t="array" ref="G214">IFERROR(INDEX(Jesper!AK$2:AK$366,ROUNDDOWN($C214/24,0)+1,1)*INDEX($D$3:$AA$30,INDEX(Jesper!$R$2:$R$366,ROW(INDEX(Jesper!AK$2:AK$366,ROUNDDOWN($C214/24,0)+1,1))-1)+IF('Standard Profiles'!$G$21=$B$10,7,0)+IF('Standard Profiles'!$G$21=$B$17,14,0)+IF('Standard Profiles'!$G$21=$B$24,21,0),MOD($C214,24)+1)/SUM(INDEX($D$3:$AA$30,INDEX(Jesper!$R$2:$R$366,ROW(INDEX(Jesper!AK$2:AK$366,ROUNDDOWN($C214/24,0)+1,1))-1)+IF('Standard Profiles'!$G$21=$B$10,7,0)+IF('Standard Profiles'!$G$21=$B$17,14,0)+IF('Standard Profiles'!$G$21=$B$24,21,0),0)),0)</f>
        <v>0</v>
      </c>
      <c r="H214" cm="1">
        <f t="array" ref="H214">IFERROR(INDEX(Jesper!AL$2:AL$366,ROUNDDOWN($C214/24,0)+1,1)*INDEX($D$3:$AA$30,INDEX(Jesper!$R$2:$R$366,ROW(INDEX(Jesper!AL$2:AL$366,ROUNDDOWN($C214/24,0)+1,1))-1)+IF('Standard Profiles'!$G$22=$B$10,7,0)+IF('Standard Profiles'!$G$22=$B$17,14,0)+IF('Standard Profiles'!$G$22=$B$24,21,0),MOD($C214,24)+1)/SUM(INDEX($D$3:$AA$30,INDEX(Jesper!$R$2:$R$366,ROW(INDEX(Jesper!AL$2:AL$366,ROUNDDOWN($C214/24,0)+1,1))-1)+IF('Standard Profiles'!$G$22=$B$10,7,0)+IF('Standard Profiles'!$G$22=$B$17,14,0)+IF('Standard Profiles'!$G$22=$B$24,21,0),0)),0)</f>
        <v>0</v>
      </c>
      <c r="I214">
        <f t="shared" si="34"/>
        <v>0.5038533619046579</v>
      </c>
      <c r="J214">
        <f t="shared" si="35"/>
        <v>1.67951120634886</v>
      </c>
      <c r="K214">
        <f t="shared" si="36"/>
        <v>2.5192668095232897</v>
      </c>
      <c r="L214">
        <f t="shared" si="37"/>
        <v>12.092480685711791</v>
      </c>
      <c r="M214">
        <f t="shared" si="38"/>
        <v>0</v>
      </c>
      <c r="N214" s="46">
        <f t="shared" si="39"/>
        <v>45299.499999999563</v>
      </c>
    </row>
    <row r="215" spans="2:14" x14ac:dyDescent="0.3">
      <c r="B215">
        <f t="shared" si="33"/>
        <v>1</v>
      </c>
      <c r="C215" s="16">
        <v>181</v>
      </c>
      <c r="D215" cm="1">
        <f t="array" ref="D215">IFERROR(INDEX(Jesper!AH$2:AH$366,ROUNDDOWN($C215/24,0)+1,1)*INDEX($D$3:$AA$30,INDEX(Jesper!$R$2:$R$366,ROW(INDEX(Jesper!AH$2:AH$366,ROUNDDOWN($C215/24,0)+1,1))-1)+IF('Standard Profiles'!$G$18=$B$10,7,0)+IF('Standard Profiles'!$G$18=$B$17,14,0)+IF('Standard Profiles'!$G$18=$B$24,21,0),MOD($C215,24)+1)/SUM(INDEX($D$3:$AA$30,INDEX(Jesper!$R$2:$R$366,ROW(INDEX(Jesper!AH$2:AH$366,ROUNDDOWN($C215/24,0)+1,1))-1)+IF('Standard Profiles'!$G$18=$B$10,7,0)+IF('Standard Profiles'!$G$18=$B$17,14,0)+IF('Standard Profiles'!$G$18=$B$24,21,0),0)),0)</f>
        <v>11.126761742061197</v>
      </c>
      <c r="E215" cm="1">
        <f t="array" ref="E215">IFERROR(INDEX(Jesper!AI$2:AI$366,ROUNDDOWN($C215/24,0)+1,1)*INDEX($D$3:$AA$30,INDEX(Jesper!$R$2:$R$366,ROW(INDEX(Jesper!AI$2:AI$366,ROUNDDOWN($C215/24,0)+1,1))-1)+IF('Standard Profiles'!$G$19=$B$10,7,0)+IF('Standard Profiles'!$G$19=$B$17,14,0)+IF('Standard Profiles'!$G$19=$B$24,21,0),MOD($C215,24)+1)/SUM(INDEX($D$3:$AA$30,INDEX(Jesper!$R$2:$R$366,ROW(INDEX(Jesper!AI$2:AI$366,ROUNDDOWN($C215/24,0)+1,1))-1)+IF('Standard Profiles'!$G$19=$B$10,7,0)+IF('Standard Profiles'!$G$19=$B$17,14,0)+IF('Standard Profiles'!$G$19=$B$24,21,0),0)),0)</f>
        <v>0</v>
      </c>
      <c r="F215" cm="1">
        <f t="array" ref="F215">IFERROR(INDEX(Jesper!AJ$2:AJ$366,ROUNDDOWN($C215/24,0)+1,1)*INDEX($D$3:$AA$30,INDEX(Jesper!$R$2:$R$366,ROW(INDEX(Jesper!AJ$2:AJ$366,ROUNDDOWN($C215/24,0)+1,1))-1)+IF('Standard Profiles'!$G$20=$B$10,7,0)+IF('Standard Profiles'!$G$20=$B$17,14,0)+IF('Standard Profiles'!$G$20=$B$24,21,0),MOD($C215,24)+1)/SUM(INDEX($D$3:$AA$30,INDEX(Jesper!$R$2:$R$366,ROW(INDEX(Jesper!AJ$2:AJ$366,ROUNDDOWN($C215/24,0)+1,1))-1)+IF('Standard Profiles'!$G$20=$B$10,7,0)+IF('Standard Profiles'!$G$20=$B$17,14,0)+IF('Standard Profiles'!$G$20=$B$24,21,0),0)),0)</f>
        <v>0</v>
      </c>
      <c r="G215" cm="1">
        <f t="array" ref="G215">IFERROR(INDEX(Jesper!AK$2:AK$366,ROUNDDOWN($C215/24,0)+1,1)*INDEX($D$3:$AA$30,INDEX(Jesper!$R$2:$R$366,ROW(INDEX(Jesper!AK$2:AK$366,ROUNDDOWN($C215/24,0)+1,1))-1)+IF('Standard Profiles'!$G$21=$B$10,7,0)+IF('Standard Profiles'!$G$21=$B$17,14,0)+IF('Standard Profiles'!$G$21=$B$24,21,0),MOD($C215,24)+1)/SUM(INDEX($D$3:$AA$30,INDEX(Jesper!$R$2:$R$366,ROW(INDEX(Jesper!AK$2:AK$366,ROUNDDOWN($C215/24,0)+1,1))-1)+IF('Standard Profiles'!$G$21=$B$10,7,0)+IF('Standard Profiles'!$G$21=$B$17,14,0)+IF('Standard Profiles'!$G$21=$B$24,21,0),0)),0)</f>
        <v>0</v>
      </c>
      <c r="H215" cm="1">
        <f t="array" ref="H215">IFERROR(INDEX(Jesper!AL$2:AL$366,ROUNDDOWN($C215/24,0)+1,1)*INDEX($D$3:$AA$30,INDEX(Jesper!$R$2:$R$366,ROW(INDEX(Jesper!AL$2:AL$366,ROUNDDOWN($C215/24,0)+1,1))-1)+IF('Standard Profiles'!$G$22=$B$10,7,0)+IF('Standard Profiles'!$G$22=$B$17,14,0)+IF('Standard Profiles'!$G$22=$B$24,21,0),MOD($C215,24)+1)/SUM(INDEX($D$3:$AA$30,INDEX(Jesper!$R$2:$R$366,ROW(INDEX(Jesper!AL$2:AL$366,ROUNDDOWN($C215/24,0)+1,1))-1)+IF('Standard Profiles'!$G$22=$B$10,7,0)+IF('Standard Profiles'!$G$22=$B$17,14,0)+IF('Standard Profiles'!$G$22=$B$24,21,0),0)),0)</f>
        <v>0</v>
      </c>
      <c r="I215">
        <f t="shared" si="34"/>
        <v>0.33380285226183587</v>
      </c>
      <c r="J215">
        <f t="shared" si="35"/>
        <v>1.1126761742061198</v>
      </c>
      <c r="K215">
        <f t="shared" si="36"/>
        <v>1.6690142613091794</v>
      </c>
      <c r="L215">
        <f t="shared" si="37"/>
        <v>8.0112684542840604</v>
      </c>
      <c r="M215">
        <f t="shared" si="38"/>
        <v>0</v>
      </c>
      <c r="N215" s="46">
        <f t="shared" si="39"/>
        <v>45299.541666666228</v>
      </c>
    </row>
    <row r="216" spans="2:14" x14ac:dyDescent="0.3">
      <c r="B216">
        <f t="shared" si="33"/>
        <v>1</v>
      </c>
      <c r="C216" s="16">
        <v>182</v>
      </c>
      <c r="D216" cm="1">
        <f t="array" ref="D216">IFERROR(INDEX(Jesper!AH$2:AH$366,ROUNDDOWN($C216/24,0)+1,1)*INDEX($D$3:$AA$30,INDEX(Jesper!$R$2:$R$366,ROW(INDEX(Jesper!AH$2:AH$366,ROUNDDOWN($C216/24,0)+1,1))-1)+IF('Standard Profiles'!$G$18=$B$10,7,0)+IF('Standard Profiles'!$G$18=$B$17,14,0)+IF('Standard Profiles'!$G$18=$B$24,21,0),MOD($C216,24)+1)/SUM(INDEX($D$3:$AA$30,INDEX(Jesper!$R$2:$R$366,ROW(INDEX(Jesper!AH$2:AH$366,ROUNDDOWN($C216/24,0)+1,1))-1)+IF('Standard Profiles'!$G$18=$B$10,7,0)+IF('Standard Profiles'!$G$18=$B$17,14,0)+IF('Standard Profiles'!$G$18=$B$24,21,0),0)),0)</f>
        <v>16.795112063488599</v>
      </c>
      <c r="E216" cm="1">
        <f t="array" ref="E216">IFERROR(INDEX(Jesper!AI$2:AI$366,ROUNDDOWN($C216/24,0)+1,1)*INDEX($D$3:$AA$30,INDEX(Jesper!$R$2:$R$366,ROW(INDEX(Jesper!AI$2:AI$366,ROUNDDOWN($C216/24,0)+1,1))-1)+IF('Standard Profiles'!$G$19=$B$10,7,0)+IF('Standard Profiles'!$G$19=$B$17,14,0)+IF('Standard Profiles'!$G$19=$B$24,21,0),MOD($C216,24)+1)/SUM(INDEX($D$3:$AA$30,INDEX(Jesper!$R$2:$R$366,ROW(INDEX(Jesper!AI$2:AI$366,ROUNDDOWN($C216/24,0)+1,1))-1)+IF('Standard Profiles'!$G$19=$B$10,7,0)+IF('Standard Profiles'!$G$19=$B$17,14,0)+IF('Standard Profiles'!$G$19=$B$24,21,0),0)),0)</f>
        <v>0</v>
      </c>
      <c r="F216" cm="1">
        <f t="array" ref="F216">IFERROR(INDEX(Jesper!AJ$2:AJ$366,ROUNDDOWN($C216/24,0)+1,1)*INDEX($D$3:$AA$30,INDEX(Jesper!$R$2:$R$366,ROW(INDEX(Jesper!AJ$2:AJ$366,ROUNDDOWN($C216/24,0)+1,1))-1)+IF('Standard Profiles'!$G$20=$B$10,7,0)+IF('Standard Profiles'!$G$20=$B$17,14,0)+IF('Standard Profiles'!$G$20=$B$24,21,0),MOD($C216,24)+1)/SUM(INDEX($D$3:$AA$30,INDEX(Jesper!$R$2:$R$366,ROW(INDEX(Jesper!AJ$2:AJ$366,ROUNDDOWN($C216/24,0)+1,1))-1)+IF('Standard Profiles'!$G$20=$B$10,7,0)+IF('Standard Profiles'!$G$20=$B$17,14,0)+IF('Standard Profiles'!$G$20=$B$24,21,0),0)),0)</f>
        <v>0</v>
      </c>
      <c r="G216" cm="1">
        <f t="array" ref="G216">IFERROR(INDEX(Jesper!AK$2:AK$366,ROUNDDOWN($C216/24,0)+1,1)*INDEX($D$3:$AA$30,INDEX(Jesper!$R$2:$R$366,ROW(INDEX(Jesper!AK$2:AK$366,ROUNDDOWN($C216/24,0)+1,1))-1)+IF('Standard Profiles'!$G$21=$B$10,7,0)+IF('Standard Profiles'!$G$21=$B$17,14,0)+IF('Standard Profiles'!$G$21=$B$24,21,0),MOD($C216,24)+1)/SUM(INDEX($D$3:$AA$30,INDEX(Jesper!$R$2:$R$366,ROW(INDEX(Jesper!AK$2:AK$366,ROUNDDOWN($C216/24,0)+1,1))-1)+IF('Standard Profiles'!$G$21=$B$10,7,0)+IF('Standard Profiles'!$G$21=$B$17,14,0)+IF('Standard Profiles'!$G$21=$B$24,21,0),0)),0)</f>
        <v>0</v>
      </c>
      <c r="H216" cm="1">
        <f t="array" ref="H216">IFERROR(INDEX(Jesper!AL$2:AL$366,ROUNDDOWN($C216/24,0)+1,1)*INDEX($D$3:$AA$30,INDEX(Jesper!$R$2:$R$366,ROW(INDEX(Jesper!AL$2:AL$366,ROUNDDOWN($C216/24,0)+1,1))-1)+IF('Standard Profiles'!$G$22=$B$10,7,0)+IF('Standard Profiles'!$G$22=$B$17,14,0)+IF('Standard Profiles'!$G$22=$B$24,21,0),MOD($C216,24)+1)/SUM(INDEX($D$3:$AA$30,INDEX(Jesper!$R$2:$R$366,ROW(INDEX(Jesper!AL$2:AL$366,ROUNDDOWN($C216/24,0)+1,1))-1)+IF('Standard Profiles'!$G$22=$B$10,7,0)+IF('Standard Profiles'!$G$22=$B$17,14,0)+IF('Standard Profiles'!$G$22=$B$24,21,0),0)),0)</f>
        <v>0</v>
      </c>
      <c r="I216">
        <f t="shared" si="34"/>
        <v>0.5038533619046579</v>
      </c>
      <c r="J216">
        <f t="shared" si="35"/>
        <v>1.67951120634886</v>
      </c>
      <c r="K216">
        <f t="shared" si="36"/>
        <v>2.5192668095232897</v>
      </c>
      <c r="L216">
        <f t="shared" si="37"/>
        <v>12.092480685711791</v>
      </c>
      <c r="M216">
        <f t="shared" si="38"/>
        <v>0</v>
      </c>
      <c r="N216" s="46">
        <f t="shared" si="39"/>
        <v>45299.583333332892</v>
      </c>
    </row>
    <row r="217" spans="2:14" x14ac:dyDescent="0.3">
      <c r="B217">
        <f t="shared" si="33"/>
        <v>1</v>
      </c>
      <c r="C217" s="16">
        <v>183</v>
      </c>
      <c r="D217" cm="1">
        <f t="array" ref="D217">IFERROR(INDEX(Jesper!AH$2:AH$366,ROUNDDOWN($C217/24,0)+1,1)*INDEX($D$3:$AA$30,INDEX(Jesper!$R$2:$R$366,ROW(INDEX(Jesper!AH$2:AH$366,ROUNDDOWN($C217/24,0)+1,1))-1)+IF('Standard Profiles'!$G$18=$B$10,7,0)+IF('Standard Profiles'!$G$18=$B$17,14,0)+IF('Standard Profiles'!$G$18=$B$24,21,0),MOD($C217,24)+1)/SUM(INDEX($D$3:$AA$30,INDEX(Jesper!$R$2:$R$366,ROW(INDEX(Jesper!AH$2:AH$366,ROUNDDOWN($C217/24,0)+1,1))-1)+IF('Standard Profiles'!$G$18=$B$10,7,0)+IF('Standard Profiles'!$G$18=$B$17,14,0)+IF('Standard Profiles'!$G$18=$B$24,21,0),0)),0)</f>
        <v>16.795112063488599</v>
      </c>
      <c r="E217" cm="1">
        <f t="array" ref="E217">IFERROR(INDEX(Jesper!AI$2:AI$366,ROUNDDOWN($C217/24,0)+1,1)*INDEX($D$3:$AA$30,INDEX(Jesper!$R$2:$R$366,ROW(INDEX(Jesper!AI$2:AI$366,ROUNDDOWN($C217/24,0)+1,1))-1)+IF('Standard Profiles'!$G$19=$B$10,7,0)+IF('Standard Profiles'!$G$19=$B$17,14,0)+IF('Standard Profiles'!$G$19=$B$24,21,0),MOD($C217,24)+1)/SUM(INDEX($D$3:$AA$30,INDEX(Jesper!$R$2:$R$366,ROW(INDEX(Jesper!AI$2:AI$366,ROUNDDOWN($C217/24,0)+1,1))-1)+IF('Standard Profiles'!$G$19=$B$10,7,0)+IF('Standard Profiles'!$G$19=$B$17,14,0)+IF('Standard Profiles'!$G$19=$B$24,21,0),0)),0)</f>
        <v>0</v>
      </c>
      <c r="F217" cm="1">
        <f t="array" ref="F217">IFERROR(INDEX(Jesper!AJ$2:AJ$366,ROUNDDOWN($C217/24,0)+1,1)*INDEX($D$3:$AA$30,INDEX(Jesper!$R$2:$R$366,ROW(INDEX(Jesper!AJ$2:AJ$366,ROUNDDOWN($C217/24,0)+1,1))-1)+IF('Standard Profiles'!$G$20=$B$10,7,0)+IF('Standard Profiles'!$G$20=$B$17,14,0)+IF('Standard Profiles'!$G$20=$B$24,21,0),MOD($C217,24)+1)/SUM(INDEX($D$3:$AA$30,INDEX(Jesper!$R$2:$R$366,ROW(INDEX(Jesper!AJ$2:AJ$366,ROUNDDOWN($C217/24,0)+1,1))-1)+IF('Standard Profiles'!$G$20=$B$10,7,0)+IF('Standard Profiles'!$G$20=$B$17,14,0)+IF('Standard Profiles'!$G$20=$B$24,21,0),0)),0)</f>
        <v>0</v>
      </c>
      <c r="G217" cm="1">
        <f t="array" ref="G217">IFERROR(INDEX(Jesper!AK$2:AK$366,ROUNDDOWN($C217/24,0)+1,1)*INDEX($D$3:$AA$30,INDEX(Jesper!$R$2:$R$366,ROW(INDEX(Jesper!AK$2:AK$366,ROUNDDOWN($C217/24,0)+1,1))-1)+IF('Standard Profiles'!$G$21=$B$10,7,0)+IF('Standard Profiles'!$G$21=$B$17,14,0)+IF('Standard Profiles'!$G$21=$B$24,21,0),MOD($C217,24)+1)/SUM(INDEX($D$3:$AA$30,INDEX(Jesper!$R$2:$R$366,ROW(INDEX(Jesper!AK$2:AK$366,ROUNDDOWN($C217/24,0)+1,1))-1)+IF('Standard Profiles'!$G$21=$B$10,7,0)+IF('Standard Profiles'!$G$21=$B$17,14,0)+IF('Standard Profiles'!$G$21=$B$24,21,0),0)),0)</f>
        <v>0</v>
      </c>
      <c r="H217" cm="1">
        <f t="array" ref="H217">IFERROR(INDEX(Jesper!AL$2:AL$366,ROUNDDOWN($C217/24,0)+1,1)*INDEX($D$3:$AA$30,INDEX(Jesper!$R$2:$R$366,ROW(INDEX(Jesper!AL$2:AL$366,ROUNDDOWN($C217/24,0)+1,1))-1)+IF('Standard Profiles'!$G$22=$B$10,7,0)+IF('Standard Profiles'!$G$22=$B$17,14,0)+IF('Standard Profiles'!$G$22=$B$24,21,0),MOD($C217,24)+1)/SUM(INDEX($D$3:$AA$30,INDEX(Jesper!$R$2:$R$366,ROW(INDEX(Jesper!AL$2:AL$366,ROUNDDOWN($C217/24,0)+1,1))-1)+IF('Standard Profiles'!$G$22=$B$10,7,0)+IF('Standard Profiles'!$G$22=$B$17,14,0)+IF('Standard Profiles'!$G$22=$B$24,21,0),0)),0)</f>
        <v>0</v>
      </c>
      <c r="I217">
        <f t="shared" si="34"/>
        <v>0.5038533619046579</v>
      </c>
      <c r="J217">
        <f t="shared" si="35"/>
        <v>1.67951120634886</v>
      </c>
      <c r="K217">
        <f t="shared" si="36"/>
        <v>2.5192668095232897</v>
      </c>
      <c r="L217">
        <f t="shared" si="37"/>
        <v>12.092480685711791</v>
      </c>
      <c r="M217">
        <f t="shared" si="38"/>
        <v>0</v>
      </c>
      <c r="N217" s="46">
        <f t="shared" si="39"/>
        <v>45299.624999999556</v>
      </c>
    </row>
    <row r="218" spans="2:14" x14ac:dyDescent="0.3">
      <c r="B218">
        <f t="shared" si="33"/>
        <v>1</v>
      </c>
      <c r="C218" s="16">
        <v>184</v>
      </c>
      <c r="D218" cm="1">
        <f t="array" ref="D218">IFERROR(INDEX(Jesper!AH$2:AH$366,ROUNDDOWN($C218/24,0)+1,1)*INDEX($D$3:$AA$30,INDEX(Jesper!$R$2:$R$366,ROW(INDEX(Jesper!AH$2:AH$366,ROUNDDOWN($C218/24,0)+1,1))-1)+IF('Standard Profiles'!$G$18=$B$10,7,0)+IF('Standard Profiles'!$G$18=$B$17,14,0)+IF('Standard Profiles'!$G$18=$B$24,21,0),MOD($C218,24)+1)/SUM(INDEX($D$3:$AA$30,INDEX(Jesper!$R$2:$R$366,ROW(INDEX(Jesper!AH$2:AH$366,ROUNDDOWN($C218/24,0)+1,1))-1)+IF('Standard Profiles'!$G$18=$B$10,7,0)+IF('Standard Profiles'!$G$18=$B$17,14,0)+IF('Standard Profiles'!$G$18=$B$24,21,0),0)),0)</f>
        <v>16.795112063488599</v>
      </c>
      <c r="E218" cm="1">
        <f t="array" ref="E218">IFERROR(INDEX(Jesper!AI$2:AI$366,ROUNDDOWN($C218/24,0)+1,1)*INDEX($D$3:$AA$30,INDEX(Jesper!$R$2:$R$366,ROW(INDEX(Jesper!AI$2:AI$366,ROUNDDOWN($C218/24,0)+1,1))-1)+IF('Standard Profiles'!$G$19=$B$10,7,0)+IF('Standard Profiles'!$G$19=$B$17,14,0)+IF('Standard Profiles'!$G$19=$B$24,21,0),MOD($C218,24)+1)/SUM(INDEX($D$3:$AA$30,INDEX(Jesper!$R$2:$R$366,ROW(INDEX(Jesper!AI$2:AI$366,ROUNDDOWN($C218/24,0)+1,1))-1)+IF('Standard Profiles'!$G$19=$B$10,7,0)+IF('Standard Profiles'!$G$19=$B$17,14,0)+IF('Standard Profiles'!$G$19=$B$24,21,0),0)),0)</f>
        <v>0</v>
      </c>
      <c r="F218" cm="1">
        <f t="array" ref="F218">IFERROR(INDEX(Jesper!AJ$2:AJ$366,ROUNDDOWN($C218/24,0)+1,1)*INDEX($D$3:$AA$30,INDEX(Jesper!$R$2:$R$366,ROW(INDEX(Jesper!AJ$2:AJ$366,ROUNDDOWN($C218/24,0)+1,1))-1)+IF('Standard Profiles'!$G$20=$B$10,7,0)+IF('Standard Profiles'!$G$20=$B$17,14,0)+IF('Standard Profiles'!$G$20=$B$24,21,0),MOD($C218,24)+1)/SUM(INDEX($D$3:$AA$30,INDEX(Jesper!$R$2:$R$366,ROW(INDEX(Jesper!AJ$2:AJ$366,ROUNDDOWN($C218/24,0)+1,1))-1)+IF('Standard Profiles'!$G$20=$B$10,7,0)+IF('Standard Profiles'!$G$20=$B$17,14,0)+IF('Standard Profiles'!$G$20=$B$24,21,0),0)),0)</f>
        <v>0</v>
      </c>
      <c r="G218" cm="1">
        <f t="array" ref="G218">IFERROR(INDEX(Jesper!AK$2:AK$366,ROUNDDOWN($C218/24,0)+1,1)*INDEX($D$3:$AA$30,INDEX(Jesper!$R$2:$R$366,ROW(INDEX(Jesper!AK$2:AK$366,ROUNDDOWN($C218/24,0)+1,1))-1)+IF('Standard Profiles'!$G$21=$B$10,7,0)+IF('Standard Profiles'!$G$21=$B$17,14,0)+IF('Standard Profiles'!$G$21=$B$24,21,0),MOD($C218,24)+1)/SUM(INDEX($D$3:$AA$30,INDEX(Jesper!$R$2:$R$366,ROW(INDEX(Jesper!AK$2:AK$366,ROUNDDOWN($C218/24,0)+1,1))-1)+IF('Standard Profiles'!$G$21=$B$10,7,0)+IF('Standard Profiles'!$G$21=$B$17,14,0)+IF('Standard Profiles'!$G$21=$B$24,21,0),0)),0)</f>
        <v>0</v>
      </c>
      <c r="H218" cm="1">
        <f t="array" ref="H218">IFERROR(INDEX(Jesper!AL$2:AL$366,ROUNDDOWN($C218/24,0)+1,1)*INDEX($D$3:$AA$30,INDEX(Jesper!$R$2:$R$366,ROW(INDEX(Jesper!AL$2:AL$366,ROUNDDOWN($C218/24,0)+1,1))-1)+IF('Standard Profiles'!$G$22=$B$10,7,0)+IF('Standard Profiles'!$G$22=$B$17,14,0)+IF('Standard Profiles'!$G$22=$B$24,21,0),MOD($C218,24)+1)/SUM(INDEX($D$3:$AA$30,INDEX(Jesper!$R$2:$R$366,ROW(INDEX(Jesper!AL$2:AL$366,ROUNDDOWN($C218/24,0)+1,1))-1)+IF('Standard Profiles'!$G$22=$B$10,7,0)+IF('Standard Profiles'!$G$22=$B$17,14,0)+IF('Standard Profiles'!$G$22=$B$24,21,0),0)),0)</f>
        <v>0</v>
      </c>
      <c r="I218">
        <f t="shared" si="34"/>
        <v>0.5038533619046579</v>
      </c>
      <c r="J218">
        <f t="shared" si="35"/>
        <v>1.67951120634886</v>
      </c>
      <c r="K218">
        <f t="shared" si="36"/>
        <v>2.5192668095232897</v>
      </c>
      <c r="L218">
        <f t="shared" si="37"/>
        <v>12.092480685711791</v>
      </c>
      <c r="M218">
        <f t="shared" si="38"/>
        <v>0</v>
      </c>
      <c r="N218" s="46">
        <f t="shared" si="39"/>
        <v>45299.66666666622</v>
      </c>
    </row>
    <row r="219" spans="2:14" x14ac:dyDescent="0.3">
      <c r="B219">
        <f t="shared" si="33"/>
        <v>1</v>
      </c>
      <c r="C219" s="16">
        <v>185</v>
      </c>
      <c r="D219" cm="1">
        <f t="array" ref="D219">IFERROR(INDEX(Jesper!AH$2:AH$366,ROUNDDOWN($C219/24,0)+1,1)*INDEX($D$3:$AA$30,INDEX(Jesper!$R$2:$R$366,ROW(INDEX(Jesper!AH$2:AH$366,ROUNDDOWN($C219/24,0)+1,1))-1)+IF('Standard Profiles'!$G$18=$B$10,7,0)+IF('Standard Profiles'!$G$18=$B$17,14,0)+IF('Standard Profiles'!$G$18=$B$24,21,0),MOD($C219,24)+1)/SUM(INDEX($D$3:$AA$30,INDEX(Jesper!$R$2:$R$366,ROW(INDEX(Jesper!AH$2:AH$366,ROUNDDOWN($C219/24,0)+1,1))-1)+IF('Standard Profiles'!$G$18=$B$10,7,0)+IF('Standard Profiles'!$G$18=$B$17,14,0)+IF('Standard Profiles'!$G$18=$B$24,21,0),0)),0)</f>
        <v>16.795112063488599</v>
      </c>
      <c r="E219" cm="1">
        <f t="array" ref="E219">IFERROR(INDEX(Jesper!AI$2:AI$366,ROUNDDOWN($C219/24,0)+1,1)*INDEX($D$3:$AA$30,INDEX(Jesper!$R$2:$R$366,ROW(INDEX(Jesper!AI$2:AI$366,ROUNDDOWN($C219/24,0)+1,1))-1)+IF('Standard Profiles'!$G$19=$B$10,7,0)+IF('Standard Profiles'!$G$19=$B$17,14,0)+IF('Standard Profiles'!$G$19=$B$24,21,0),MOD($C219,24)+1)/SUM(INDEX($D$3:$AA$30,INDEX(Jesper!$R$2:$R$366,ROW(INDEX(Jesper!AI$2:AI$366,ROUNDDOWN($C219/24,0)+1,1))-1)+IF('Standard Profiles'!$G$19=$B$10,7,0)+IF('Standard Profiles'!$G$19=$B$17,14,0)+IF('Standard Profiles'!$G$19=$B$24,21,0),0)),0)</f>
        <v>0</v>
      </c>
      <c r="F219" cm="1">
        <f t="array" ref="F219">IFERROR(INDEX(Jesper!AJ$2:AJ$366,ROUNDDOWN($C219/24,0)+1,1)*INDEX($D$3:$AA$30,INDEX(Jesper!$R$2:$R$366,ROW(INDEX(Jesper!AJ$2:AJ$366,ROUNDDOWN($C219/24,0)+1,1))-1)+IF('Standard Profiles'!$G$20=$B$10,7,0)+IF('Standard Profiles'!$G$20=$B$17,14,0)+IF('Standard Profiles'!$G$20=$B$24,21,0),MOD($C219,24)+1)/SUM(INDEX($D$3:$AA$30,INDEX(Jesper!$R$2:$R$366,ROW(INDEX(Jesper!AJ$2:AJ$366,ROUNDDOWN($C219/24,0)+1,1))-1)+IF('Standard Profiles'!$G$20=$B$10,7,0)+IF('Standard Profiles'!$G$20=$B$17,14,0)+IF('Standard Profiles'!$G$20=$B$24,21,0),0)),0)</f>
        <v>0</v>
      </c>
      <c r="G219" cm="1">
        <f t="array" ref="G219">IFERROR(INDEX(Jesper!AK$2:AK$366,ROUNDDOWN($C219/24,0)+1,1)*INDEX($D$3:$AA$30,INDEX(Jesper!$R$2:$R$366,ROW(INDEX(Jesper!AK$2:AK$366,ROUNDDOWN($C219/24,0)+1,1))-1)+IF('Standard Profiles'!$G$21=$B$10,7,0)+IF('Standard Profiles'!$G$21=$B$17,14,0)+IF('Standard Profiles'!$G$21=$B$24,21,0),MOD($C219,24)+1)/SUM(INDEX($D$3:$AA$30,INDEX(Jesper!$R$2:$R$366,ROW(INDEX(Jesper!AK$2:AK$366,ROUNDDOWN($C219/24,0)+1,1))-1)+IF('Standard Profiles'!$G$21=$B$10,7,0)+IF('Standard Profiles'!$G$21=$B$17,14,0)+IF('Standard Profiles'!$G$21=$B$24,21,0),0)),0)</f>
        <v>0</v>
      </c>
      <c r="H219" cm="1">
        <f t="array" ref="H219">IFERROR(INDEX(Jesper!AL$2:AL$366,ROUNDDOWN($C219/24,0)+1,1)*INDEX($D$3:$AA$30,INDEX(Jesper!$R$2:$R$366,ROW(INDEX(Jesper!AL$2:AL$366,ROUNDDOWN($C219/24,0)+1,1))-1)+IF('Standard Profiles'!$G$22=$B$10,7,0)+IF('Standard Profiles'!$G$22=$B$17,14,0)+IF('Standard Profiles'!$G$22=$B$24,21,0),MOD($C219,24)+1)/SUM(INDEX($D$3:$AA$30,INDEX(Jesper!$R$2:$R$366,ROW(INDEX(Jesper!AL$2:AL$366,ROUNDDOWN($C219/24,0)+1,1))-1)+IF('Standard Profiles'!$G$22=$B$10,7,0)+IF('Standard Profiles'!$G$22=$B$17,14,0)+IF('Standard Profiles'!$G$22=$B$24,21,0),0)),0)</f>
        <v>0</v>
      </c>
      <c r="I219">
        <f t="shared" si="34"/>
        <v>0.5038533619046579</v>
      </c>
      <c r="J219">
        <f t="shared" si="35"/>
        <v>1.67951120634886</v>
      </c>
      <c r="K219">
        <f t="shared" si="36"/>
        <v>2.5192668095232897</v>
      </c>
      <c r="L219">
        <f t="shared" si="37"/>
        <v>12.092480685711791</v>
      </c>
      <c r="M219">
        <f t="shared" si="38"/>
        <v>0</v>
      </c>
      <c r="N219" s="46">
        <f t="shared" si="39"/>
        <v>45299.708333332885</v>
      </c>
    </row>
    <row r="220" spans="2:14" x14ac:dyDescent="0.3">
      <c r="B220">
        <f t="shared" si="33"/>
        <v>1</v>
      </c>
      <c r="C220" s="16">
        <v>186</v>
      </c>
      <c r="D220" cm="1">
        <f t="array" ref="D220">IFERROR(INDEX(Jesper!AH$2:AH$366,ROUNDDOWN($C220/24,0)+1,1)*INDEX($D$3:$AA$30,INDEX(Jesper!$R$2:$R$366,ROW(INDEX(Jesper!AH$2:AH$366,ROUNDDOWN($C220/24,0)+1,1))-1)+IF('Standard Profiles'!$G$18=$B$10,7,0)+IF('Standard Profiles'!$G$18=$B$17,14,0)+IF('Standard Profiles'!$G$18=$B$24,21,0),MOD($C220,24)+1)/SUM(INDEX($D$3:$AA$30,INDEX(Jesper!$R$2:$R$366,ROW(INDEX(Jesper!AH$2:AH$366,ROUNDDOWN($C220/24,0)+1,1))-1)+IF('Standard Profiles'!$G$18=$B$10,7,0)+IF('Standard Profiles'!$G$18=$B$17,14,0)+IF('Standard Profiles'!$G$18=$B$24,21,0),0)),0)</f>
        <v>16.795112063488599</v>
      </c>
      <c r="E220" cm="1">
        <f t="array" ref="E220">IFERROR(INDEX(Jesper!AI$2:AI$366,ROUNDDOWN($C220/24,0)+1,1)*INDEX($D$3:$AA$30,INDEX(Jesper!$R$2:$R$366,ROW(INDEX(Jesper!AI$2:AI$366,ROUNDDOWN($C220/24,0)+1,1))-1)+IF('Standard Profiles'!$G$19=$B$10,7,0)+IF('Standard Profiles'!$G$19=$B$17,14,0)+IF('Standard Profiles'!$G$19=$B$24,21,0),MOD($C220,24)+1)/SUM(INDEX($D$3:$AA$30,INDEX(Jesper!$R$2:$R$366,ROW(INDEX(Jesper!AI$2:AI$366,ROUNDDOWN($C220/24,0)+1,1))-1)+IF('Standard Profiles'!$G$19=$B$10,7,0)+IF('Standard Profiles'!$G$19=$B$17,14,0)+IF('Standard Profiles'!$G$19=$B$24,21,0),0)),0)</f>
        <v>0</v>
      </c>
      <c r="F220" cm="1">
        <f t="array" ref="F220">IFERROR(INDEX(Jesper!AJ$2:AJ$366,ROUNDDOWN($C220/24,0)+1,1)*INDEX($D$3:$AA$30,INDEX(Jesper!$R$2:$R$366,ROW(INDEX(Jesper!AJ$2:AJ$366,ROUNDDOWN($C220/24,0)+1,1))-1)+IF('Standard Profiles'!$G$20=$B$10,7,0)+IF('Standard Profiles'!$G$20=$B$17,14,0)+IF('Standard Profiles'!$G$20=$B$24,21,0),MOD($C220,24)+1)/SUM(INDEX($D$3:$AA$30,INDEX(Jesper!$R$2:$R$366,ROW(INDEX(Jesper!AJ$2:AJ$366,ROUNDDOWN($C220/24,0)+1,1))-1)+IF('Standard Profiles'!$G$20=$B$10,7,0)+IF('Standard Profiles'!$G$20=$B$17,14,0)+IF('Standard Profiles'!$G$20=$B$24,21,0),0)),0)</f>
        <v>0</v>
      </c>
      <c r="G220" cm="1">
        <f t="array" ref="G220">IFERROR(INDEX(Jesper!AK$2:AK$366,ROUNDDOWN($C220/24,0)+1,1)*INDEX($D$3:$AA$30,INDEX(Jesper!$R$2:$R$366,ROW(INDEX(Jesper!AK$2:AK$366,ROUNDDOWN($C220/24,0)+1,1))-1)+IF('Standard Profiles'!$G$21=$B$10,7,0)+IF('Standard Profiles'!$G$21=$B$17,14,0)+IF('Standard Profiles'!$G$21=$B$24,21,0),MOD($C220,24)+1)/SUM(INDEX($D$3:$AA$30,INDEX(Jesper!$R$2:$R$366,ROW(INDEX(Jesper!AK$2:AK$366,ROUNDDOWN($C220/24,0)+1,1))-1)+IF('Standard Profiles'!$G$21=$B$10,7,0)+IF('Standard Profiles'!$G$21=$B$17,14,0)+IF('Standard Profiles'!$G$21=$B$24,21,0),0)),0)</f>
        <v>0</v>
      </c>
      <c r="H220" cm="1">
        <f t="array" ref="H220">IFERROR(INDEX(Jesper!AL$2:AL$366,ROUNDDOWN($C220/24,0)+1,1)*INDEX($D$3:$AA$30,INDEX(Jesper!$R$2:$R$366,ROW(INDEX(Jesper!AL$2:AL$366,ROUNDDOWN($C220/24,0)+1,1))-1)+IF('Standard Profiles'!$G$22=$B$10,7,0)+IF('Standard Profiles'!$G$22=$B$17,14,0)+IF('Standard Profiles'!$G$22=$B$24,21,0),MOD($C220,24)+1)/SUM(INDEX($D$3:$AA$30,INDEX(Jesper!$R$2:$R$366,ROW(INDEX(Jesper!AL$2:AL$366,ROUNDDOWN($C220/24,0)+1,1))-1)+IF('Standard Profiles'!$G$22=$B$10,7,0)+IF('Standard Profiles'!$G$22=$B$17,14,0)+IF('Standard Profiles'!$G$22=$B$24,21,0),0)),0)</f>
        <v>0</v>
      </c>
      <c r="I220">
        <f t="shared" si="34"/>
        <v>0.5038533619046579</v>
      </c>
      <c r="J220">
        <f t="shared" si="35"/>
        <v>1.67951120634886</v>
      </c>
      <c r="K220">
        <f t="shared" si="36"/>
        <v>2.5192668095232897</v>
      </c>
      <c r="L220">
        <f t="shared" si="37"/>
        <v>12.092480685711791</v>
      </c>
      <c r="M220">
        <f t="shared" si="38"/>
        <v>0</v>
      </c>
      <c r="N220" s="46">
        <f t="shared" si="39"/>
        <v>45299.749999999549</v>
      </c>
    </row>
    <row r="221" spans="2:14" x14ac:dyDescent="0.3">
      <c r="B221">
        <f t="shared" si="33"/>
        <v>1</v>
      </c>
      <c r="C221" s="16">
        <v>187</v>
      </c>
      <c r="D221" cm="1">
        <f t="array" ref="D221">IFERROR(INDEX(Jesper!AH$2:AH$366,ROUNDDOWN($C221/24,0)+1,1)*INDEX($D$3:$AA$30,INDEX(Jesper!$R$2:$R$366,ROW(INDEX(Jesper!AH$2:AH$366,ROUNDDOWN($C221/24,0)+1,1))-1)+IF('Standard Profiles'!$G$18=$B$10,7,0)+IF('Standard Profiles'!$G$18=$B$17,14,0)+IF('Standard Profiles'!$G$18=$B$24,21,0),MOD($C221,24)+1)/SUM(INDEX($D$3:$AA$30,INDEX(Jesper!$R$2:$R$366,ROW(INDEX(Jesper!AH$2:AH$366,ROUNDDOWN($C221/24,0)+1,1))-1)+IF('Standard Profiles'!$G$18=$B$10,7,0)+IF('Standard Profiles'!$G$18=$B$17,14,0)+IF('Standard Profiles'!$G$18=$B$24,21,0),0)),0)</f>
        <v>14.065906353171702</v>
      </c>
      <c r="E221" cm="1">
        <f t="array" ref="E221">IFERROR(INDEX(Jesper!AI$2:AI$366,ROUNDDOWN($C221/24,0)+1,1)*INDEX($D$3:$AA$30,INDEX(Jesper!$R$2:$R$366,ROW(INDEX(Jesper!AI$2:AI$366,ROUNDDOWN($C221/24,0)+1,1))-1)+IF('Standard Profiles'!$G$19=$B$10,7,0)+IF('Standard Profiles'!$G$19=$B$17,14,0)+IF('Standard Profiles'!$G$19=$B$24,21,0),MOD($C221,24)+1)/SUM(INDEX($D$3:$AA$30,INDEX(Jesper!$R$2:$R$366,ROW(INDEX(Jesper!AI$2:AI$366,ROUNDDOWN($C221/24,0)+1,1))-1)+IF('Standard Profiles'!$G$19=$B$10,7,0)+IF('Standard Profiles'!$G$19=$B$17,14,0)+IF('Standard Profiles'!$G$19=$B$24,21,0),0)),0)</f>
        <v>0</v>
      </c>
      <c r="F221" cm="1">
        <f t="array" ref="F221">IFERROR(INDEX(Jesper!AJ$2:AJ$366,ROUNDDOWN($C221/24,0)+1,1)*INDEX($D$3:$AA$30,INDEX(Jesper!$R$2:$R$366,ROW(INDEX(Jesper!AJ$2:AJ$366,ROUNDDOWN($C221/24,0)+1,1))-1)+IF('Standard Profiles'!$G$20=$B$10,7,0)+IF('Standard Profiles'!$G$20=$B$17,14,0)+IF('Standard Profiles'!$G$20=$B$24,21,0),MOD($C221,24)+1)/SUM(INDEX($D$3:$AA$30,INDEX(Jesper!$R$2:$R$366,ROW(INDEX(Jesper!AJ$2:AJ$366,ROUNDDOWN($C221/24,0)+1,1))-1)+IF('Standard Profiles'!$G$20=$B$10,7,0)+IF('Standard Profiles'!$G$20=$B$17,14,0)+IF('Standard Profiles'!$G$20=$B$24,21,0),0)),0)</f>
        <v>0</v>
      </c>
      <c r="G221" cm="1">
        <f t="array" ref="G221">IFERROR(INDEX(Jesper!AK$2:AK$366,ROUNDDOWN($C221/24,0)+1,1)*INDEX($D$3:$AA$30,INDEX(Jesper!$R$2:$R$366,ROW(INDEX(Jesper!AK$2:AK$366,ROUNDDOWN($C221/24,0)+1,1))-1)+IF('Standard Profiles'!$G$21=$B$10,7,0)+IF('Standard Profiles'!$G$21=$B$17,14,0)+IF('Standard Profiles'!$G$21=$B$24,21,0),MOD($C221,24)+1)/SUM(INDEX($D$3:$AA$30,INDEX(Jesper!$R$2:$R$366,ROW(INDEX(Jesper!AK$2:AK$366,ROUNDDOWN($C221/24,0)+1,1))-1)+IF('Standard Profiles'!$G$21=$B$10,7,0)+IF('Standard Profiles'!$G$21=$B$17,14,0)+IF('Standard Profiles'!$G$21=$B$24,21,0),0)),0)</f>
        <v>0</v>
      </c>
      <c r="H221" cm="1">
        <f t="array" ref="H221">IFERROR(INDEX(Jesper!AL$2:AL$366,ROUNDDOWN($C221/24,0)+1,1)*INDEX($D$3:$AA$30,INDEX(Jesper!$R$2:$R$366,ROW(INDEX(Jesper!AL$2:AL$366,ROUNDDOWN($C221/24,0)+1,1))-1)+IF('Standard Profiles'!$G$22=$B$10,7,0)+IF('Standard Profiles'!$G$22=$B$17,14,0)+IF('Standard Profiles'!$G$22=$B$24,21,0),MOD($C221,24)+1)/SUM(INDEX($D$3:$AA$30,INDEX(Jesper!$R$2:$R$366,ROW(INDEX(Jesper!AL$2:AL$366,ROUNDDOWN($C221/24,0)+1,1))-1)+IF('Standard Profiles'!$G$22=$B$10,7,0)+IF('Standard Profiles'!$G$22=$B$17,14,0)+IF('Standard Profiles'!$G$22=$B$24,21,0),0)),0)</f>
        <v>0</v>
      </c>
      <c r="I221">
        <f t="shared" si="34"/>
        <v>0.42197719059515104</v>
      </c>
      <c r="J221">
        <f t="shared" si="35"/>
        <v>1.4065906353171702</v>
      </c>
      <c r="K221">
        <f t="shared" si="36"/>
        <v>2.109885952975755</v>
      </c>
      <c r="L221">
        <f t="shared" si="37"/>
        <v>10.127452574283625</v>
      </c>
      <c r="M221">
        <f t="shared" si="38"/>
        <v>0</v>
      </c>
      <c r="N221" s="46">
        <f t="shared" si="39"/>
        <v>45299.791666666213</v>
      </c>
    </row>
    <row r="222" spans="2:14" x14ac:dyDescent="0.3">
      <c r="B222">
        <f t="shared" si="33"/>
        <v>1</v>
      </c>
      <c r="C222" s="16">
        <v>188</v>
      </c>
      <c r="D222" cm="1">
        <f t="array" ref="D222">IFERROR(INDEX(Jesper!AH$2:AH$366,ROUNDDOWN($C222/24,0)+1,1)*INDEX($D$3:$AA$30,INDEX(Jesper!$R$2:$R$366,ROW(INDEX(Jesper!AH$2:AH$366,ROUNDDOWN($C222/24,0)+1,1))-1)+IF('Standard Profiles'!$G$18=$B$10,7,0)+IF('Standard Profiles'!$G$18=$B$17,14,0)+IF('Standard Profiles'!$G$18=$B$24,21,0),MOD($C222,24)+1)/SUM(INDEX($D$3:$AA$30,INDEX(Jesper!$R$2:$R$366,ROW(INDEX(Jesper!AH$2:AH$366,ROUNDDOWN($C222/24,0)+1,1))-1)+IF('Standard Profiles'!$G$18=$B$10,7,0)+IF('Standard Profiles'!$G$18=$B$17,14,0)+IF('Standard Profiles'!$G$18=$B$24,21,0),0)),0)</f>
        <v>11.546639543648411</v>
      </c>
      <c r="E222" cm="1">
        <f t="array" ref="E222">IFERROR(INDEX(Jesper!AI$2:AI$366,ROUNDDOWN($C222/24,0)+1,1)*INDEX($D$3:$AA$30,INDEX(Jesper!$R$2:$R$366,ROW(INDEX(Jesper!AI$2:AI$366,ROUNDDOWN($C222/24,0)+1,1))-1)+IF('Standard Profiles'!$G$19=$B$10,7,0)+IF('Standard Profiles'!$G$19=$B$17,14,0)+IF('Standard Profiles'!$G$19=$B$24,21,0),MOD($C222,24)+1)/SUM(INDEX($D$3:$AA$30,INDEX(Jesper!$R$2:$R$366,ROW(INDEX(Jesper!AI$2:AI$366,ROUNDDOWN($C222/24,0)+1,1))-1)+IF('Standard Profiles'!$G$19=$B$10,7,0)+IF('Standard Profiles'!$G$19=$B$17,14,0)+IF('Standard Profiles'!$G$19=$B$24,21,0),0)),0)</f>
        <v>0</v>
      </c>
      <c r="F222" cm="1">
        <f t="array" ref="F222">IFERROR(INDEX(Jesper!AJ$2:AJ$366,ROUNDDOWN($C222/24,0)+1,1)*INDEX($D$3:$AA$30,INDEX(Jesper!$R$2:$R$366,ROW(INDEX(Jesper!AJ$2:AJ$366,ROUNDDOWN($C222/24,0)+1,1))-1)+IF('Standard Profiles'!$G$20=$B$10,7,0)+IF('Standard Profiles'!$G$20=$B$17,14,0)+IF('Standard Profiles'!$G$20=$B$24,21,0),MOD($C222,24)+1)/SUM(INDEX($D$3:$AA$30,INDEX(Jesper!$R$2:$R$366,ROW(INDEX(Jesper!AJ$2:AJ$366,ROUNDDOWN($C222/24,0)+1,1))-1)+IF('Standard Profiles'!$G$20=$B$10,7,0)+IF('Standard Profiles'!$G$20=$B$17,14,0)+IF('Standard Profiles'!$G$20=$B$24,21,0),0)),0)</f>
        <v>0</v>
      </c>
      <c r="G222" cm="1">
        <f t="array" ref="G222">IFERROR(INDEX(Jesper!AK$2:AK$366,ROUNDDOWN($C222/24,0)+1,1)*INDEX($D$3:$AA$30,INDEX(Jesper!$R$2:$R$366,ROW(INDEX(Jesper!AK$2:AK$366,ROUNDDOWN($C222/24,0)+1,1))-1)+IF('Standard Profiles'!$G$21=$B$10,7,0)+IF('Standard Profiles'!$G$21=$B$17,14,0)+IF('Standard Profiles'!$G$21=$B$24,21,0),MOD($C222,24)+1)/SUM(INDEX($D$3:$AA$30,INDEX(Jesper!$R$2:$R$366,ROW(INDEX(Jesper!AK$2:AK$366,ROUNDDOWN($C222/24,0)+1,1))-1)+IF('Standard Profiles'!$G$21=$B$10,7,0)+IF('Standard Profiles'!$G$21=$B$17,14,0)+IF('Standard Profiles'!$G$21=$B$24,21,0),0)),0)</f>
        <v>0</v>
      </c>
      <c r="H222" cm="1">
        <f t="array" ref="H222">IFERROR(INDEX(Jesper!AL$2:AL$366,ROUNDDOWN($C222/24,0)+1,1)*INDEX($D$3:$AA$30,INDEX(Jesper!$R$2:$R$366,ROW(INDEX(Jesper!AL$2:AL$366,ROUNDDOWN($C222/24,0)+1,1))-1)+IF('Standard Profiles'!$G$22=$B$10,7,0)+IF('Standard Profiles'!$G$22=$B$17,14,0)+IF('Standard Profiles'!$G$22=$B$24,21,0),MOD($C222,24)+1)/SUM(INDEX($D$3:$AA$30,INDEX(Jesper!$R$2:$R$366,ROW(INDEX(Jesper!AL$2:AL$366,ROUNDDOWN($C222/24,0)+1,1))-1)+IF('Standard Profiles'!$G$22=$B$10,7,0)+IF('Standard Profiles'!$G$22=$B$17,14,0)+IF('Standard Profiles'!$G$22=$B$24,21,0),0)),0)</f>
        <v>0</v>
      </c>
      <c r="I222">
        <f t="shared" si="34"/>
        <v>0.34639918630945232</v>
      </c>
      <c r="J222">
        <f t="shared" si="35"/>
        <v>1.1546639543648411</v>
      </c>
      <c r="K222">
        <f t="shared" si="36"/>
        <v>1.7319959315472615</v>
      </c>
      <c r="L222">
        <f t="shared" si="37"/>
        <v>8.3135804714268549</v>
      </c>
      <c r="M222">
        <f t="shared" si="38"/>
        <v>0</v>
      </c>
      <c r="N222" s="46">
        <f t="shared" si="39"/>
        <v>45299.833333332877</v>
      </c>
    </row>
    <row r="223" spans="2:14" x14ac:dyDescent="0.3">
      <c r="B223">
        <f t="shared" si="33"/>
        <v>1</v>
      </c>
      <c r="C223" s="16">
        <v>189</v>
      </c>
      <c r="D223" cm="1">
        <f t="array" ref="D223">IFERROR(INDEX(Jesper!AH$2:AH$366,ROUNDDOWN($C223/24,0)+1,1)*INDEX($D$3:$AA$30,INDEX(Jesper!$R$2:$R$366,ROW(INDEX(Jesper!AH$2:AH$366,ROUNDDOWN($C223/24,0)+1,1))-1)+IF('Standard Profiles'!$G$18=$B$10,7,0)+IF('Standard Profiles'!$G$18=$B$17,14,0)+IF('Standard Profiles'!$G$18=$B$24,21,0),MOD($C223,24)+1)/SUM(INDEX($D$3:$AA$30,INDEX(Jesper!$R$2:$R$366,ROW(INDEX(Jesper!AH$2:AH$366,ROUNDDOWN($C223/24,0)+1,1))-1)+IF('Standard Profiles'!$G$18=$B$10,7,0)+IF('Standard Profiles'!$G$18=$B$17,14,0)+IF('Standard Profiles'!$G$18=$B$24,21,0),0)),0)</f>
        <v>8.3975560317442994</v>
      </c>
      <c r="E223" cm="1">
        <f t="array" ref="E223">IFERROR(INDEX(Jesper!AI$2:AI$366,ROUNDDOWN($C223/24,0)+1,1)*INDEX($D$3:$AA$30,INDEX(Jesper!$R$2:$R$366,ROW(INDEX(Jesper!AI$2:AI$366,ROUNDDOWN($C223/24,0)+1,1))-1)+IF('Standard Profiles'!$G$19=$B$10,7,0)+IF('Standard Profiles'!$G$19=$B$17,14,0)+IF('Standard Profiles'!$G$19=$B$24,21,0),MOD($C223,24)+1)/SUM(INDEX($D$3:$AA$30,INDEX(Jesper!$R$2:$R$366,ROW(INDEX(Jesper!AI$2:AI$366,ROUNDDOWN($C223/24,0)+1,1))-1)+IF('Standard Profiles'!$G$19=$B$10,7,0)+IF('Standard Profiles'!$G$19=$B$17,14,0)+IF('Standard Profiles'!$G$19=$B$24,21,0),0)),0)</f>
        <v>0</v>
      </c>
      <c r="F223" cm="1">
        <f t="array" ref="F223">IFERROR(INDEX(Jesper!AJ$2:AJ$366,ROUNDDOWN($C223/24,0)+1,1)*INDEX($D$3:$AA$30,INDEX(Jesper!$R$2:$R$366,ROW(INDEX(Jesper!AJ$2:AJ$366,ROUNDDOWN($C223/24,0)+1,1))-1)+IF('Standard Profiles'!$G$20=$B$10,7,0)+IF('Standard Profiles'!$G$20=$B$17,14,0)+IF('Standard Profiles'!$G$20=$B$24,21,0),MOD($C223,24)+1)/SUM(INDEX($D$3:$AA$30,INDEX(Jesper!$R$2:$R$366,ROW(INDEX(Jesper!AJ$2:AJ$366,ROUNDDOWN($C223/24,0)+1,1))-1)+IF('Standard Profiles'!$G$20=$B$10,7,0)+IF('Standard Profiles'!$G$20=$B$17,14,0)+IF('Standard Profiles'!$G$20=$B$24,21,0),0)),0)</f>
        <v>0</v>
      </c>
      <c r="G223" cm="1">
        <f t="array" ref="G223">IFERROR(INDEX(Jesper!AK$2:AK$366,ROUNDDOWN($C223/24,0)+1,1)*INDEX($D$3:$AA$30,INDEX(Jesper!$R$2:$R$366,ROW(INDEX(Jesper!AK$2:AK$366,ROUNDDOWN($C223/24,0)+1,1))-1)+IF('Standard Profiles'!$G$21=$B$10,7,0)+IF('Standard Profiles'!$G$21=$B$17,14,0)+IF('Standard Profiles'!$G$21=$B$24,21,0),MOD($C223,24)+1)/SUM(INDEX($D$3:$AA$30,INDEX(Jesper!$R$2:$R$366,ROW(INDEX(Jesper!AK$2:AK$366,ROUNDDOWN($C223/24,0)+1,1))-1)+IF('Standard Profiles'!$G$21=$B$10,7,0)+IF('Standard Profiles'!$G$21=$B$17,14,0)+IF('Standard Profiles'!$G$21=$B$24,21,0),0)),0)</f>
        <v>0</v>
      </c>
      <c r="H223" cm="1">
        <f t="array" ref="H223">IFERROR(INDEX(Jesper!AL$2:AL$366,ROUNDDOWN($C223/24,0)+1,1)*INDEX($D$3:$AA$30,INDEX(Jesper!$R$2:$R$366,ROW(INDEX(Jesper!AL$2:AL$366,ROUNDDOWN($C223/24,0)+1,1))-1)+IF('Standard Profiles'!$G$22=$B$10,7,0)+IF('Standard Profiles'!$G$22=$B$17,14,0)+IF('Standard Profiles'!$G$22=$B$24,21,0),MOD($C223,24)+1)/SUM(INDEX($D$3:$AA$30,INDEX(Jesper!$R$2:$R$366,ROW(INDEX(Jesper!AL$2:AL$366,ROUNDDOWN($C223/24,0)+1,1))-1)+IF('Standard Profiles'!$G$22=$B$10,7,0)+IF('Standard Profiles'!$G$22=$B$17,14,0)+IF('Standard Profiles'!$G$22=$B$24,21,0),0)),0)</f>
        <v>0</v>
      </c>
      <c r="I223">
        <f t="shared" si="34"/>
        <v>0.25192668095232895</v>
      </c>
      <c r="J223">
        <f t="shared" si="35"/>
        <v>0.83975560317442999</v>
      </c>
      <c r="K223">
        <f t="shared" si="36"/>
        <v>1.2596334047616449</v>
      </c>
      <c r="L223">
        <f t="shared" si="37"/>
        <v>6.0462403428558957</v>
      </c>
      <c r="M223">
        <f t="shared" si="38"/>
        <v>0</v>
      </c>
      <c r="N223" s="46">
        <f t="shared" si="39"/>
        <v>45299.874999999542</v>
      </c>
    </row>
    <row r="224" spans="2:14" x14ac:dyDescent="0.3">
      <c r="B224">
        <f t="shared" si="33"/>
        <v>1</v>
      </c>
      <c r="C224" s="16">
        <v>190</v>
      </c>
      <c r="D224" cm="1">
        <f t="array" ref="D224">IFERROR(INDEX(Jesper!AH$2:AH$366,ROUNDDOWN($C224/24,0)+1,1)*INDEX($D$3:$AA$30,INDEX(Jesper!$R$2:$R$366,ROW(INDEX(Jesper!AH$2:AH$366,ROUNDDOWN($C224/24,0)+1,1))-1)+IF('Standard Profiles'!$G$18=$B$10,7,0)+IF('Standard Profiles'!$G$18=$B$17,14,0)+IF('Standard Profiles'!$G$18=$B$24,21,0),MOD($C224,24)+1)/SUM(INDEX($D$3:$AA$30,INDEX(Jesper!$R$2:$R$366,ROW(INDEX(Jesper!AH$2:AH$366,ROUNDDOWN($C224/24,0)+1,1))-1)+IF('Standard Profiles'!$G$18=$B$10,7,0)+IF('Standard Profiles'!$G$18=$B$17,14,0)+IF('Standard Profiles'!$G$18=$B$24,21,0),0)),0)</f>
        <v>7.9776782301570854</v>
      </c>
      <c r="E224" cm="1">
        <f t="array" ref="E224">IFERROR(INDEX(Jesper!AI$2:AI$366,ROUNDDOWN($C224/24,0)+1,1)*INDEX($D$3:$AA$30,INDEX(Jesper!$R$2:$R$366,ROW(INDEX(Jesper!AI$2:AI$366,ROUNDDOWN($C224/24,0)+1,1))-1)+IF('Standard Profiles'!$G$19=$B$10,7,0)+IF('Standard Profiles'!$G$19=$B$17,14,0)+IF('Standard Profiles'!$G$19=$B$24,21,0),MOD($C224,24)+1)/SUM(INDEX($D$3:$AA$30,INDEX(Jesper!$R$2:$R$366,ROW(INDEX(Jesper!AI$2:AI$366,ROUNDDOWN($C224/24,0)+1,1))-1)+IF('Standard Profiles'!$G$19=$B$10,7,0)+IF('Standard Profiles'!$G$19=$B$17,14,0)+IF('Standard Profiles'!$G$19=$B$24,21,0),0)),0)</f>
        <v>0</v>
      </c>
      <c r="F224" cm="1">
        <f t="array" ref="F224">IFERROR(INDEX(Jesper!AJ$2:AJ$366,ROUNDDOWN($C224/24,0)+1,1)*INDEX($D$3:$AA$30,INDEX(Jesper!$R$2:$R$366,ROW(INDEX(Jesper!AJ$2:AJ$366,ROUNDDOWN($C224/24,0)+1,1))-1)+IF('Standard Profiles'!$G$20=$B$10,7,0)+IF('Standard Profiles'!$G$20=$B$17,14,0)+IF('Standard Profiles'!$G$20=$B$24,21,0),MOD($C224,24)+1)/SUM(INDEX($D$3:$AA$30,INDEX(Jesper!$R$2:$R$366,ROW(INDEX(Jesper!AJ$2:AJ$366,ROUNDDOWN($C224/24,0)+1,1))-1)+IF('Standard Profiles'!$G$20=$B$10,7,0)+IF('Standard Profiles'!$G$20=$B$17,14,0)+IF('Standard Profiles'!$G$20=$B$24,21,0),0)),0)</f>
        <v>0</v>
      </c>
      <c r="G224" cm="1">
        <f t="array" ref="G224">IFERROR(INDEX(Jesper!AK$2:AK$366,ROUNDDOWN($C224/24,0)+1,1)*INDEX($D$3:$AA$30,INDEX(Jesper!$R$2:$R$366,ROW(INDEX(Jesper!AK$2:AK$366,ROUNDDOWN($C224/24,0)+1,1))-1)+IF('Standard Profiles'!$G$21=$B$10,7,0)+IF('Standard Profiles'!$G$21=$B$17,14,0)+IF('Standard Profiles'!$G$21=$B$24,21,0),MOD($C224,24)+1)/SUM(INDEX($D$3:$AA$30,INDEX(Jesper!$R$2:$R$366,ROW(INDEX(Jesper!AK$2:AK$366,ROUNDDOWN($C224/24,0)+1,1))-1)+IF('Standard Profiles'!$G$21=$B$10,7,0)+IF('Standard Profiles'!$G$21=$B$17,14,0)+IF('Standard Profiles'!$G$21=$B$24,21,0),0)),0)</f>
        <v>0</v>
      </c>
      <c r="H224" cm="1">
        <f t="array" ref="H224">IFERROR(INDEX(Jesper!AL$2:AL$366,ROUNDDOWN($C224/24,0)+1,1)*INDEX($D$3:$AA$30,INDEX(Jesper!$R$2:$R$366,ROW(INDEX(Jesper!AL$2:AL$366,ROUNDDOWN($C224/24,0)+1,1))-1)+IF('Standard Profiles'!$G$22=$B$10,7,0)+IF('Standard Profiles'!$G$22=$B$17,14,0)+IF('Standard Profiles'!$G$22=$B$24,21,0),MOD($C224,24)+1)/SUM(INDEX($D$3:$AA$30,INDEX(Jesper!$R$2:$R$366,ROW(INDEX(Jesper!AL$2:AL$366,ROUNDDOWN($C224/24,0)+1,1))-1)+IF('Standard Profiles'!$G$22=$B$10,7,0)+IF('Standard Profiles'!$G$22=$B$17,14,0)+IF('Standard Profiles'!$G$22=$B$24,21,0),0)),0)</f>
        <v>0</v>
      </c>
      <c r="I224">
        <f t="shared" si="34"/>
        <v>0.23933034690471255</v>
      </c>
      <c r="J224">
        <f t="shared" si="35"/>
        <v>0.79776782301570859</v>
      </c>
      <c r="K224">
        <f t="shared" si="36"/>
        <v>1.1966517345235628</v>
      </c>
      <c r="L224">
        <f t="shared" si="37"/>
        <v>5.7439283257131013</v>
      </c>
      <c r="M224">
        <f t="shared" si="38"/>
        <v>0</v>
      </c>
      <c r="N224" s="46">
        <f t="shared" si="39"/>
        <v>45299.916666666206</v>
      </c>
    </row>
    <row r="225" spans="2:14" x14ac:dyDescent="0.3">
      <c r="B225">
        <f t="shared" si="33"/>
        <v>1</v>
      </c>
      <c r="C225" s="16">
        <v>191</v>
      </c>
      <c r="D225" cm="1">
        <f t="array" ref="D225">IFERROR(INDEX(Jesper!AH$2:AH$366,ROUNDDOWN($C225/24,0)+1,1)*INDEX($D$3:$AA$30,INDEX(Jesper!$R$2:$R$366,ROW(INDEX(Jesper!AH$2:AH$366,ROUNDDOWN($C225/24,0)+1,1))-1)+IF('Standard Profiles'!$G$18=$B$10,7,0)+IF('Standard Profiles'!$G$18=$B$17,14,0)+IF('Standard Profiles'!$G$18=$B$24,21,0),MOD($C225,24)+1)/SUM(INDEX($D$3:$AA$30,INDEX(Jesper!$R$2:$R$366,ROW(INDEX(Jesper!AH$2:AH$366,ROUNDDOWN($C225/24,0)+1,1))-1)+IF('Standard Profiles'!$G$18=$B$10,7,0)+IF('Standard Profiles'!$G$18=$B$17,14,0)+IF('Standard Profiles'!$G$18=$B$24,21,0),0)),0)</f>
        <v>7.9776782301570854</v>
      </c>
      <c r="E225" cm="1">
        <f t="array" ref="E225">IFERROR(INDEX(Jesper!AI$2:AI$366,ROUNDDOWN($C225/24,0)+1,1)*INDEX($D$3:$AA$30,INDEX(Jesper!$R$2:$R$366,ROW(INDEX(Jesper!AI$2:AI$366,ROUNDDOWN($C225/24,0)+1,1))-1)+IF('Standard Profiles'!$G$19=$B$10,7,0)+IF('Standard Profiles'!$G$19=$B$17,14,0)+IF('Standard Profiles'!$G$19=$B$24,21,0),MOD($C225,24)+1)/SUM(INDEX($D$3:$AA$30,INDEX(Jesper!$R$2:$R$366,ROW(INDEX(Jesper!AI$2:AI$366,ROUNDDOWN($C225/24,0)+1,1))-1)+IF('Standard Profiles'!$G$19=$B$10,7,0)+IF('Standard Profiles'!$G$19=$B$17,14,0)+IF('Standard Profiles'!$G$19=$B$24,21,0),0)),0)</f>
        <v>0</v>
      </c>
      <c r="F225" cm="1">
        <f t="array" ref="F225">IFERROR(INDEX(Jesper!AJ$2:AJ$366,ROUNDDOWN($C225/24,0)+1,1)*INDEX($D$3:$AA$30,INDEX(Jesper!$R$2:$R$366,ROW(INDEX(Jesper!AJ$2:AJ$366,ROUNDDOWN($C225/24,0)+1,1))-1)+IF('Standard Profiles'!$G$20=$B$10,7,0)+IF('Standard Profiles'!$G$20=$B$17,14,0)+IF('Standard Profiles'!$G$20=$B$24,21,0),MOD($C225,24)+1)/SUM(INDEX($D$3:$AA$30,INDEX(Jesper!$R$2:$R$366,ROW(INDEX(Jesper!AJ$2:AJ$366,ROUNDDOWN($C225/24,0)+1,1))-1)+IF('Standard Profiles'!$G$20=$B$10,7,0)+IF('Standard Profiles'!$G$20=$B$17,14,0)+IF('Standard Profiles'!$G$20=$B$24,21,0),0)),0)</f>
        <v>0</v>
      </c>
      <c r="G225" cm="1">
        <f t="array" ref="G225">IFERROR(INDEX(Jesper!AK$2:AK$366,ROUNDDOWN($C225/24,0)+1,1)*INDEX($D$3:$AA$30,INDEX(Jesper!$R$2:$R$366,ROW(INDEX(Jesper!AK$2:AK$366,ROUNDDOWN($C225/24,0)+1,1))-1)+IF('Standard Profiles'!$G$21=$B$10,7,0)+IF('Standard Profiles'!$G$21=$B$17,14,0)+IF('Standard Profiles'!$G$21=$B$24,21,0),MOD($C225,24)+1)/SUM(INDEX($D$3:$AA$30,INDEX(Jesper!$R$2:$R$366,ROW(INDEX(Jesper!AK$2:AK$366,ROUNDDOWN($C225/24,0)+1,1))-1)+IF('Standard Profiles'!$G$21=$B$10,7,0)+IF('Standard Profiles'!$G$21=$B$17,14,0)+IF('Standard Profiles'!$G$21=$B$24,21,0),0)),0)</f>
        <v>0</v>
      </c>
      <c r="H225" cm="1">
        <f t="array" ref="H225">IFERROR(INDEX(Jesper!AL$2:AL$366,ROUNDDOWN($C225/24,0)+1,1)*INDEX($D$3:$AA$30,INDEX(Jesper!$R$2:$R$366,ROW(INDEX(Jesper!AL$2:AL$366,ROUNDDOWN($C225/24,0)+1,1))-1)+IF('Standard Profiles'!$G$22=$B$10,7,0)+IF('Standard Profiles'!$G$22=$B$17,14,0)+IF('Standard Profiles'!$G$22=$B$24,21,0),MOD($C225,24)+1)/SUM(INDEX($D$3:$AA$30,INDEX(Jesper!$R$2:$R$366,ROW(INDEX(Jesper!AL$2:AL$366,ROUNDDOWN($C225/24,0)+1,1))-1)+IF('Standard Profiles'!$G$22=$B$10,7,0)+IF('Standard Profiles'!$G$22=$B$17,14,0)+IF('Standard Profiles'!$G$22=$B$24,21,0),0)),0)</f>
        <v>0</v>
      </c>
      <c r="I225">
        <f t="shared" si="34"/>
        <v>0.23933034690471255</v>
      </c>
      <c r="J225">
        <f t="shared" si="35"/>
        <v>0.79776782301570859</v>
      </c>
      <c r="K225">
        <f t="shared" si="36"/>
        <v>1.1966517345235628</v>
      </c>
      <c r="L225">
        <f t="shared" si="37"/>
        <v>5.7439283257131013</v>
      </c>
      <c r="M225">
        <f t="shared" si="38"/>
        <v>0</v>
      </c>
      <c r="N225" s="46">
        <f t="shared" si="39"/>
        <v>45299.95833333287</v>
      </c>
    </row>
    <row r="226" spans="2:14" x14ac:dyDescent="0.3">
      <c r="B226">
        <f t="shared" si="33"/>
        <v>2</v>
      </c>
      <c r="C226" s="16">
        <v>192</v>
      </c>
      <c r="D226" cm="1">
        <f t="array" ref="D226">IFERROR(INDEX(Jesper!AH$2:AH$366,ROUNDDOWN($C226/24,0)+1,1)*INDEX($D$3:$AA$30,INDEX(Jesper!$R$2:$R$366,ROW(INDEX(Jesper!AH$2:AH$366,ROUNDDOWN($C226/24,0)+1,1))-1)+IF('Standard Profiles'!$G$18=$B$10,7,0)+IF('Standard Profiles'!$G$18=$B$17,14,0)+IF('Standard Profiles'!$G$18=$B$24,21,0),MOD($C226,24)+1)/SUM(INDEX($D$3:$AA$30,INDEX(Jesper!$R$2:$R$366,ROW(INDEX(Jesper!AH$2:AH$366,ROUNDDOWN($C226/24,0)+1,1))-1)+IF('Standard Profiles'!$G$18=$B$10,7,0)+IF('Standard Profiles'!$G$18=$B$17,14,0)+IF('Standard Profiles'!$G$18=$B$24,21,0),0)),0)</f>
        <v>7.3830600652802554</v>
      </c>
      <c r="E226" cm="1">
        <f t="array" ref="E226">IFERROR(INDEX(Jesper!AI$2:AI$366,ROUNDDOWN($C226/24,0)+1,1)*INDEX($D$3:$AA$30,INDEX(Jesper!$R$2:$R$366,ROW(INDEX(Jesper!AI$2:AI$366,ROUNDDOWN($C226/24,0)+1,1))-1)+IF('Standard Profiles'!$G$19=$B$10,7,0)+IF('Standard Profiles'!$G$19=$B$17,14,0)+IF('Standard Profiles'!$G$19=$B$24,21,0),MOD($C226,24)+1)/SUM(INDEX($D$3:$AA$30,INDEX(Jesper!$R$2:$R$366,ROW(INDEX(Jesper!AI$2:AI$366,ROUNDDOWN($C226/24,0)+1,1))-1)+IF('Standard Profiles'!$G$19=$B$10,7,0)+IF('Standard Profiles'!$G$19=$B$17,14,0)+IF('Standard Profiles'!$G$19=$B$24,21,0),0)),0)</f>
        <v>0</v>
      </c>
      <c r="F226" cm="1">
        <f t="array" ref="F226">IFERROR(INDEX(Jesper!AJ$2:AJ$366,ROUNDDOWN($C226/24,0)+1,1)*INDEX($D$3:$AA$30,INDEX(Jesper!$R$2:$R$366,ROW(INDEX(Jesper!AJ$2:AJ$366,ROUNDDOWN($C226/24,0)+1,1))-1)+IF('Standard Profiles'!$G$20=$B$10,7,0)+IF('Standard Profiles'!$G$20=$B$17,14,0)+IF('Standard Profiles'!$G$20=$B$24,21,0),MOD($C226,24)+1)/SUM(INDEX($D$3:$AA$30,INDEX(Jesper!$R$2:$R$366,ROW(INDEX(Jesper!AJ$2:AJ$366,ROUNDDOWN($C226/24,0)+1,1))-1)+IF('Standard Profiles'!$G$20=$B$10,7,0)+IF('Standard Profiles'!$G$20=$B$17,14,0)+IF('Standard Profiles'!$G$20=$B$24,21,0),0)),0)</f>
        <v>0</v>
      </c>
      <c r="G226" cm="1">
        <f t="array" ref="G226">IFERROR(INDEX(Jesper!AK$2:AK$366,ROUNDDOWN($C226/24,0)+1,1)*INDEX($D$3:$AA$30,INDEX(Jesper!$R$2:$R$366,ROW(INDEX(Jesper!AK$2:AK$366,ROUNDDOWN($C226/24,0)+1,1))-1)+IF('Standard Profiles'!$G$21=$B$10,7,0)+IF('Standard Profiles'!$G$21=$B$17,14,0)+IF('Standard Profiles'!$G$21=$B$24,21,0),MOD($C226,24)+1)/SUM(INDEX($D$3:$AA$30,INDEX(Jesper!$R$2:$R$366,ROW(INDEX(Jesper!AK$2:AK$366,ROUNDDOWN($C226/24,0)+1,1))-1)+IF('Standard Profiles'!$G$21=$B$10,7,0)+IF('Standard Profiles'!$G$21=$B$17,14,0)+IF('Standard Profiles'!$G$21=$B$24,21,0),0)),0)</f>
        <v>0</v>
      </c>
      <c r="H226" cm="1">
        <f t="array" ref="H226">IFERROR(INDEX(Jesper!AL$2:AL$366,ROUNDDOWN($C226/24,0)+1,1)*INDEX($D$3:$AA$30,INDEX(Jesper!$R$2:$R$366,ROW(INDEX(Jesper!AL$2:AL$366,ROUNDDOWN($C226/24,0)+1,1))-1)+IF('Standard Profiles'!$G$22=$B$10,7,0)+IF('Standard Profiles'!$G$22=$B$17,14,0)+IF('Standard Profiles'!$G$22=$B$24,21,0),MOD($C226,24)+1)/SUM(INDEX($D$3:$AA$30,INDEX(Jesper!$R$2:$R$366,ROW(INDEX(Jesper!AL$2:AL$366,ROUNDDOWN($C226/24,0)+1,1))-1)+IF('Standard Profiles'!$G$22=$B$10,7,0)+IF('Standard Profiles'!$G$22=$B$17,14,0)+IF('Standard Profiles'!$G$22=$B$24,21,0),0)),0)</f>
        <v>0</v>
      </c>
      <c r="I226">
        <f t="shared" si="34"/>
        <v>0.22149180195840765</v>
      </c>
      <c r="J226">
        <f t="shared" si="35"/>
        <v>0.73830600652802558</v>
      </c>
      <c r="K226">
        <f t="shared" si="36"/>
        <v>1.1074590097920383</v>
      </c>
      <c r="L226">
        <f t="shared" si="37"/>
        <v>5.3158032470017833</v>
      </c>
      <c r="M226">
        <f t="shared" si="38"/>
        <v>0</v>
      </c>
      <c r="N226" s="46">
        <f t="shared" si="39"/>
        <v>45299.999999999534</v>
      </c>
    </row>
    <row r="227" spans="2:14" x14ac:dyDescent="0.3">
      <c r="B227">
        <f t="shared" ref="B227:B290" si="40">WEEKDAY(N227,2)</f>
        <v>2</v>
      </c>
      <c r="C227" s="16">
        <v>193</v>
      </c>
      <c r="D227" cm="1">
        <f t="array" ref="D227">IFERROR(INDEX(Jesper!AH$2:AH$366,ROUNDDOWN($C227/24,0)+1,1)*INDEX($D$3:$AA$30,INDEX(Jesper!$R$2:$R$366,ROW(INDEX(Jesper!AH$2:AH$366,ROUNDDOWN($C227/24,0)+1,1))-1)+IF('Standard Profiles'!$G$18=$B$10,7,0)+IF('Standard Profiles'!$G$18=$B$17,14,0)+IF('Standard Profiles'!$G$18=$B$24,21,0),MOD($C227,24)+1)/SUM(INDEX($D$3:$AA$30,INDEX(Jesper!$R$2:$R$366,ROW(INDEX(Jesper!AH$2:AH$366,ROUNDDOWN($C227/24,0)+1,1))-1)+IF('Standard Profiles'!$G$18=$B$10,7,0)+IF('Standard Profiles'!$G$18=$B$17,14,0)+IF('Standard Profiles'!$G$18=$B$24,21,0),0)),0)</f>
        <v>7.3830600652802554</v>
      </c>
      <c r="E227" cm="1">
        <f t="array" ref="E227">IFERROR(INDEX(Jesper!AI$2:AI$366,ROUNDDOWN($C227/24,0)+1,1)*INDEX($D$3:$AA$30,INDEX(Jesper!$R$2:$R$366,ROW(INDEX(Jesper!AI$2:AI$366,ROUNDDOWN($C227/24,0)+1,1))-1)+IF('Standard Profiles'!$G$19=$B$10,7,0)+IF('Standard Profiles'!$G$19=$B$17,14,0)+IF('Standard Profiles'!$G$19=$B$24,21,0),MOD($C227,24)+1)/SUM(INDEX($D$3:$AA$30,INDEX(Jesper!$R$2:$R$366,ROW(INDEX(Jesper!AI$2:AI$366,ROUNDDOWN($C227/24,0)+1,1))-1)+IF('Standard Profiles'!$G$19=$B$10,7,0)+IF('Standard Profiles'!$G$19=$B$17,14,0)+IF('Standard Profiles'!$G$19=$B$24,21,0),0)),0)</f>
        <v>0</v>
      </c>
      <c r="F227" cm="1">
        <f t="array" ref="F227">IFERROR(INDEX(Jesper!AJ$2:AJ$366,ROUNDDOWN($C227/24,0)+1,1)*INDEX($D$3:$AA$30,INDEX(Jesper!$R$2:$R$366,ROW(INDEX(Jesper!AJ$2:AJ$366,ROUNDDOWN($C227/24,0)+1,1))-1)+IF('Standard Profiles'!$G$20=$B$10,7,0)+IF('Standard Profiles'!$G$20=$B$17,14,0)+IF('Standard Profiles'!$G$20=$B$24,21,0),MOD($C227,24)+1)/SUM(INDEX($D$3:$AA$30,INDEX(Jesper!$R$2:$R$366,ROW(INDEX(Jesper!AJ$2:AJ$366,ROUNDDOWN($C227/24,0)+1,1))-1)+IF('Standard Profiles'!$G$20=$B$10,7,0)+IF('Standard Profiles'!$G$20=$B$17,14,0)+IF('Standard Profiles'!$G$20=$B$24,21,0),0)),0)</f>
        <v>0</v>
      </c>
      <c r="G227" cm="1">
        <f t="array" ref="G227">IFERROR(INDEX(Jesper!AK$2:AK$366,ROUNDDOWN($C227/24,0)+1,1)*INDEX($D$3:$AA$30,INDEX(Jesper!$R$2:$R$366,ROW(INDEX(Jesper!AK$2:AK$366,ROUNDDOWN($C227/24,0)+1,1))-1)+IF('Standard Profiles'!$G$21=$B$10,7,0)+IF('Standard Profiles'!$G$21=$B$17,14,0)+IF('Standard Profiles'!$G$21=$B$24,21,0),MOD($C227,24)+1)/SUM(INDEX($D$3:$AA$30,INDEX(Jesper!$R$2:$R$366,ROW(INDEX(Jesper!AK$2:AK$366,ROUNDDOWN($C227/24,0)+1,1))-1)+IF('Standard Profiles'!$G$21=$B$10,7,0)+IF('Standard Profiles'!$G$21=$B$17,14,0)+IF('Standard Profiles'!$G$21=$B$24,21,0),0)),0)</f>
        <v>0</v>
      </c>
      <c r="H227" cm="1">
        <f t="array" ref="H227">IFERROR(INDEX(Jesper!AL$2:AL$366,ROUNDDOWN($C227/24,0)+1,1)*INDEX($D$3:$AA$30,INDEX(Jesper!$R$2:$R$366,ROW(INDEX(Jesper!AL$2:AL$366,ROUNDDOWN($C227/24,0)+1,1))-1)+IF('Standard Profiles'!$G$22=$B$10,7,0)+IF('Standard Profiles'!$G$22=$B$17,14,0)+IF('Standard Profiles'!$G$22=$B$24,21,0),MOD($C227,24)+1)/SUM(INDEX($D$3:$AA$30,INDEX(Jesper!$R$2:$R$366,ROW(INDEX(Jesper!AL$2:AL$366,ROUNDDOWN($C227/24,0)+1,1))-1)+IF('Standard Profiles'!$G$22=$B$10,7,0)+IF('Standard Profiles'!$G$22=$B$17,14,0)+IF('Standard Profiles'!$G$22=$B$24,21,0),0)),0)</f>
        <v>0</v>
      </c>
      <c r="I227">
        <f t="shared" ref="I227:I290" si="41">IF($B227&lt;6,AC$37*$D227+AC$38*$E227+AC$39*$F227+AC$40*$G227,AC$46*$D227+AC$47*$E227+AC$48*$F227+AC$49*$G227+AC$50*$H227)</f>
        <v>0.22149180195840765</v>
      </c>
      <c r="J227">
        <f t="shared" ref="J227:J290" si="42">IF($B227&lt;6,AD$37*$D227+AD$38*$E227+AD$39*$F227+AD$40*$G227,AD$46*$D227+AD$47*$E227+AD$48*$F227+AD$49*$G227+AD$50*$H227)</f>
        <v>0.73830600652802558</v>
      </c>
      <c r="K227">
        <f t="shared" ref="K227:K290" si="43">IF($B227&lt;6,AE$37*$D227+AE$38*$E227+AE$39*$F227+AE$40*$G227,AE$46*$D227+AE$47*$E227+AE$48*$F227+AE$49*$G227+AE$50*$H227)</f>
        <v>1.1074590097920383</v>
      </c>
      <c r="L227">
        <f t="shared" ref="L227:L290" si="44">IF($B227&lt;6,AF$37*$D227+AF$38*$E227+AF$39*$F227+AF$40*$G227,AF$46*$D227+AF$47*$E227+AF$48*$F227+AF$49*$G227+AF$50*$H227)</f>
        <v>5.3158032470017833</v>
      </c>
      <c r="M227">
        <f t="shared" ref="M227:M290" si="45">IF($B227&lt;6,AG$37*$D227+AG$38*$E227+AG$39*$F227+AG$40*$G227,AG$46*$D227+AG$47*$E227+AG$48*$F227+AG$49*$G227+AG$50*$H227)</f>
        <v>0</v>
      </c>
      <c r="N227" s="46">
        <f t="shared" si="39"/>
        <v>45300.041666666199</v>
      </c>
    </row>
    <row r="228" spans="2:14" x14ac:dyDescent="0.3">
      <c r="B228">
        <f t="shared" si="40"/>
        <v>2</v>
      </c>
      <c r="C228" s="16">
        <v>194</v>
      </c>
      <c r="D228" cm="1">
        <f t="array" ref="D228">IFERROR(INDEX(Jesper!AH$2:AH$366,ROUNDDOWN($C228/24,0)+1,1)*INDEX($D$3:$AA$30,INDEX(Jesper!$R$2:$R$366,ROW(INDEX(Jesper!AH$2:AH$366,ROUNDDOWN($C228/24,0)+1,1))-1)+IF('Standard Profiles'!$G$18=$B$10,7,0)+IF('Standard Profiles'!$G$18=$B$17,14,0)+IF('Standard Profiles'!$G$18=$B$24,21,0),MOD($C228,24)+1)/SUM(INDEX($D$3:$AA$30,INDEX(Jesper!$R$2:$R$366,ROW(INDEX(Jesper!AH$2:AH$366,ROUNDDOWN($C228/24,0)+1,1))-1)+IF('Standard Profiles'!$G$18=$B$10,7,0)+IF('Standard Profiles'!$G$18=$B$17,14,0)+IF('Standard Profiles'!$G$18=$B$24,21,0),0)),0)</f>
        <v>7.3830600652802554</v>
      </c>
      <c r="E228" cm="1">
        <f t="array" ref="E228">IFERROR(INDEX(Jesper!AI$2:AI$366,ROUNDDOWN($C228/24,0)+1,1)*INDEX($D$3:$AA$30,INDEX(Jesper!$R$2:$R$366,ROW(INDEX(Jesper!AI$2:AI$366,ROUNDDOWN($C228/24,0)+1,1))-1)+IF('Standard Profiles'!$G$19=$B$10,7,0)+IF('Standard Profiles'!$G$19=$B$17,14,0)+IF('Standard Profiles'!$G$19=$B$24,21,0),MOD($C228,24)+1)/SUM(INDEX($D$3:$AA$30,INDEX(Jesper!$R$2:$R$366,ROW(INDEX(Jesper!AI$2:AI$366,ROUNDDOWN($C228/24,0)+1,1))-1)+IF('Standard Profiles'!$G$19=$B$10,7,0)+IF('Standard Profiles'!$G$19=$B$17,14,0)+IF('Standard Profiles'!$G$19=$B$24,21,0),0)),0)</f>
        <v>0</v>
      </c>
      <c r="F228" cm="1">
        <f t="array" ref="F228">IFERROR(INDEX(Jesper!AJ$2:AJ$366,ROUNDDOWN($C228/24,0)+1,1)*INDEX($D$3:$AA$30,INDEX(Jesper!$R$2:$R$366,ROW(INDEX(Jesper!AJ$2:AJ$366,ROUNDDOWN($C228/24,0)+1,1))-1)+IF('Standard Profiles'!$G$20=$B$10,7,0)+IF('Standard Profiles'!$G$20=$B$17,14,0)+IF('Standard Profiles'!$G$20=$B$24,21,0),MOD($C228,24)+1)/SUM(INDEX($D$3:$AA$30,INDEX(Jesper!$R$2:$R$366,ROW(INDEX(Jesper!AJ$2:AJ$366,ROUNDDOWN($C228/24,0)+1,1))-1)+IF('Standard Profiles'!$G$20=$B$10,7,0)+IF('Standard Profiles'!$G$20=$B$17,14,0)+IF('Standard Profiles'!$G$20=$B$24,21,0),0)),0)</f>
        <v>0</v>
      </c>
      <c r="G228" cm="1">
        <f t="array" ref="G228">IFERROR(INDEX(Jesper!AK$2:AK$366,ROUNDDOWN($C228/24,0)+1,1)*INDEX($D$3:$AA$30,INDEX(Jesper!$R$2:$R$366,ROW(INDEX(Jesper!AK$2:AK$366,ROUNDDOWN($C228/24,0)+1,1))-1)+IF('Standard Profiles'!$G$21=$B$10,7,0)+IF('Standard Profiles'!$G$21=$B$17,14,0)+IF('Standard Profiles'!$G$21=$B$24,21,0),MOD($C228,24)+1)/SUM(INDEX($D$3:$AA$30,INDEX(Jesper!$R$2:$R$366,ROW(INDEX(Jesper!AK$2:AK$366,ROUNDDOWN($C228/24,0)+1,1))-1)+IF('Standard Profiles'!$G$21=$B$10,7,0)+IF('Standard Profiles'!$G$21=$B$17,14,0)+IF('Standard Profiles'!$G$21=$B$24,21,0),0)),0)</f>
        <v>0</v>
      </c>
      <c r="H228" cm="1">
        <f t="array" ref="H228">IFERROR(INDEX(Jesper!AL$2:AL$366,ROUNDDOWN($C228/24,0)+1,1)*INDEX($D$3:$AA$30,INDEX(Jesper!$R$2:$R$366,ROW(INDEX(Jesper!AL$2:AL$366,ROUNDDOWN($C228/24,0)+1,1))-1)+IF('Standard Profiles'!$G$22=$B$10,7,0)+IF('Standard Profiles'!$G$22=$B$17,14,0)+IF('Standard Profiles'!$G$22=$B$24,21,0),MOD($C228,24)+1)/SUM(INDEX($D$3:$AA$30,INDEX(Jesper!$R$2:$R$366,ROW(INDEX(Jesper!AL$2:AL$366,ROUNDDOWN($C228/24,0)+1,1))-1)+IF('Standard Profiles'!$G$22=$B$10,7,0)+IF('Standard Profiles'!$G$22=$B$17,14,0)+IF('Standard Profiles'!$G$22=$B$24,21,0),0)),0)</f>
        <v>0</v>
      </c>
      <c r="I228">
        <f t="shared" si="41"/>
        <v>0.22149180195840765</v>
      </c>
      <c r="J228">
        <f t="shared" si="42"/>
        <v>0.73830600652802558</v>
      </c>
      <c r="K228">
        <f t="shared" si="43"/>
        <v>1.1074590097920383</v>
      </c>
      <c r="L228">
        <f t="shared" si="44"/>
        <v>5.3158032470017833</v>
      </c>
      <c r="M228">
        <f t="shared" si="45"/>
        <v>0</v>
      </c>
      <c r="N228" s="46">
        <f t="shared" ref="N228:N291" si="46">N227+1/24</f>
        <v>45300.083333332863</v>
      </c>
    </row>
    <row r="229" spans="2:14" x14ac:dyDescent="0.3">
      <c r="B229">
        <f t="shared" si="40"/>
        <v>2</v>
      </c>
      <c r="C229" s="16">
        <v>195</v>
      </c>
      <c r="D229" cm="1">
        <f t="array" ref="D229">IFERROR(INDEX(Jesper!AH$2:AH$366,ROUNDDOWN($C229/24,0)+1,1)*INDEX($D$3:$AA$30,INDEX(Jesper!$R$2:$R$366,ROW(INDEX(Jesper!AH$2:AH$366,ROUNDDOWN($C229/24,0)+1,1))-1)+IF('Standard Profiles'!$G$18=$B$10,7,0)+IF('Standard Profiles'!$G$18=$B$17,14,0)+IF('Standard Profiles'!$G$18=$B$24,21,0),MOD($C229,24)+1)/SUM(INDEX($D$3:$AA$30,INDEX(Jesper!$R$2:$R$366,ROW(INDEX(Jesper!AH$2:AH$366,ROUNDDOWN($C229/24,0)+1,1))-1)+IF('Standard Profiles'!$G$18=$B$10,7,0)+IF('Standard Profiles'!$G$18=$B$17,14,0)+IF('Standard Profiles'!$G$18=$B$24,21,0),0)),0)</f>
        <v>7.3830600652802554</v>
      </c>
      <c r="E229" cm="1">
        <f t="array" ref="E229">IFERROR(INDEX(Jesper!AI$2:AI$366,ROUNDDOWN($C229/24,0)+1,1)*INDEX($D$3:$AA$30,INDEX(Jesper!$R$2:$R$366,ROW(INDEX(Jesper!AI$2:AI$366,ROUNDDOWN($C229/24,0)+1,1))-1)+IF('Standard Profiles'!$G$19=$B$10,7,0)+IF('Standard Profiles'!$G$19=$B$17,14,0)+IF('Standard Profiles'!$G$19=$B$24,21,0),MOD($C229,24)+1)/SUM(INDEX($D$3:$AA$30,INDEX(Jesper!$R$2:$R$366,ROW(INDEX(Jesper!AI$2:AI$366,ROUNDDOWN($C229/24,0)+1,1))-1)+IF('Standard Profiles'!$G$19=$B$10,7,0)+IF('Standard Profiles'!$G$19=$B$17,14,0)+IF('Standard Profiles'!$G$19=$B$24,21,0),0)),0)</f>
        <v>0</v>
      </c>
      <c r="F229" cm="1">
        <f t="array" ref="F229">IFERROR(INDEX(Jesper!AJ$2:AJ$366,ROUNDDOWN($C229/24,0)+1,1)*INDEX($D$3:$AA$30,INDEX(Jesper!$R$2:$R$366,ROW(INDEX(Jesper!AJ$2:AJ$366,ROUNDDOWN($C229/24,0)+1,1))-1)+IF('Standard Profiles'!$G$20=$B$10,7,0)+IF('Standard Profiles'!$G$20=$B$17,14,0)+IF('Standard Profiles'!$G$20=$B$24,21,0),MOD($C229,24)+1)/SUM(INDEX($D$3:$AA$30,INDEX(Jesper!$R$2:$R$366,ROW(INDEX(Jesper!AJ$2:AJ$366,ROUNDDOWN($C229/24,0)+1,1))-1)+IF('Standard Profiles'!$G$20=$B$10,7,0)+IF('Standard Profiles'!$G$20=$B$17,14,0)+IF('Standard Profiles'!$G$20=$B$24,21,0),0)),0)</f>
        <v>0</v>
      </c>
      <c r="G229" cm="1">
        <f t="array" ref="G229">IFERROR(INDEX(Jesper!AK$2:AK$366,ROUNDDOWN($C229/24,0)+1,1)*INDEX($D$3:$AA$30,INDEX(Jesper!$R$2:$R$366,ROW(INDEX(Jesper!AK$2:AK$366,ROUNDDOWN($C229/24,0)+1,1))-1)+IF('Standard Profiles'!$G$21=$B$10,7,0)+IF('Standard Profiles'!$G$21=$B$17,14,0)+IF('Standard Profiles'!$G$21=$B$24,21,0),MOD($C229,24)+1)/SUM(INDEX($D$3:$AA$30,INDEX(Jesper!$R$2:$R$366,ROW(INDEX(Jesper!AK$2:AK$366,ROUNDDOWN($C229/24,0)+1,1))-1)+IF('Standard Profiles'!$G$21=$B$10,7,0)+IF('Standard Profiles'!$G$21=$B$17,14,0)+IF('Standard Profiles'!$G$21=$B$24,21,0),0)),0)</f>
        <v>0</v>
      </c>
      <c r="H229" cm="1">
        <f t="array" ref="H229">IFERROR(INDEX(Jesper!AL$2:AL$366,ROUNDDOWN($C229/24,0)+1,1)*INDEX($D$3:$AA$30,INDEX(Jesper!$R$2:$R$366,ROW(INDEX(Jesper!AL$2:AL$366,ROUNDDOWN($C229/24,0)+1,1))-1)+IF('Standard Profiles'!$G$22=$B$10,7,0)+IF('Standard Profiles'!$G$22=$B$17,14,0)+IF('Standard Profiles'!$G$22=$B$24,21,0),MOD($C229,24)+1)/SUM(INDEX($D$3:$AA$30,INDEX(Jesper!$R$2:$R$366,ROW(INDEX(Jesper!AL$2:AL$366,ROUNDDOWN($C229/24,0)+1,1))-1)+IF('Standard Profiles'!$G$22=$B$10,7,0)+IF('Standard Profiles'!$G$22=$B$17,14,0)+IF('Standard Profiles'!$G$22=$B$24,21,0),0)),0)</f>
        <v>0</v>
      </c>
      <c r="I229">
        <f t="shared" si="41"/>
        <v>0.22149180195840765</v>
      </c>
      <c r="J229">
        <f t="shared" si="42"/>
        <v>0.73830600652802558</v>
      </c>
      <c r="K229">
        <f t="shared" si="43"/>
        <v>1.1074590097920383</v>
      </c>
      <c r="L229">
        <f t="shared" si="44"/>
        <v>5.3158032470017833</v>
      </c>
      <c r="M229">
        <f t="shared" si="45"/>
        <v>0</v>
      </c>
      <c r="N229" s="46">
        <f t="shared" si="46"/>
        <v>45300.124999999527</v>
      </c>
    </row>
    <row r="230" spans="2:14" x14ac:dyDescent="0.3">
      <c r="B230">
        <f t="shared" si="40"/>
        <v>2</v>
      </c>
      <c r="C230" s="16">
        <v>196</v>
      </c>
      <c r="D230" cm="1">
        <f t="array" ref="D230">IFERROR(INDEX(Jesper!AH$2:AH$366,ROUNDDOWN($C230/24,0)+1,1)*INDEX($D$3:$AA$30,INDEX(Jesper!$R$2:$R$366,ROW(INDEX(Jesper!AH$2:AH$366,ROUNDDOWN($C230/24,0)+1,1))-1)+IF('Standard Profiles'!$G$18=$B$10,7,0)+IF('Standard Profiles'!$G$18=$B$17,14,0)+IF('Standard Profiles'!$G$18=$B$24,21,0),MOD($C230,24)+1)/SUM(INDEX($D$3:$AA$30,INDEX(Jesper!$R$2:$R$366,ROW(INDEX(Jesper!AH$2:AH$366,ROUNDDOWN($C230/24,0)+1,1))-1)+IF('Standard Profiles'!$G$18=$B$10,7,0)+IF('Standard Profiles'!$G$18=$B$17,14,0)+IF('Standard Profiles'!$G$18=$B$24,21,0),0)),0)</f>
        <v>7.3830600652802554</v>
      </c>
      <c r="E230" cm="1">
        <f t="array" ref="E230">IFERROR(INDEX(Jesper!AI$2:AI$366,ROUNDDOWN($C230/24,0)+1,1)*INDEX($D$3:$AA$30,INDEX(Jesper!$R$2:$R$366,ROW(INDEX(Jesper!AI$2:AI$366,ROUNDDOWN($C230/24,0)+1,1))-1)+IF('Standard Profiles'!$G$19=$B$10,7,0)+IF('Standard Profiles'!$G$19=$B$17,14,0)+IF('Standard Profiles'!$G$19=$B$24,21,0),MOD($C230,24)+1)/SUM(INDEX($D$3:$AA$30,INDEX(Jesper!$R$2:$R$366,ROW(INDEX(Jesper!AI$2:AI$366,ROUNDDOWN($C230/24,0)+1,1))-1)+IF('Standard Profiles'!$G$19=$B$10,7,0)+IF('Standard Profiles'!$G$19=$B$17,14,0)+IF('Standard Profiles'!$G$19=$B$24,21,0),0)),0)</f>
        <v>0</v>
      </c>
      <c r="F230" cm="1">
        <f t="array" ref="F230">IFERROR(INDEX(Jesper!AJ$2:AJ$366,ROUNDDOWN($C230/24,0)+1,1)*INDEX($D$3:$AA$30,INDEX(Jesper!$R$2:$R$366,ROW(INDEX(Jesper!AJ$2:AJ$366,ROUNDDOWN($C230/24,0)+1,1))-1)+IF('Standard Profiles'!$G$20=$B$10,7,0)+IF('Standard Profiles'!$G$20=$B$17,14,0)+IF('Standard Profiles'!$G$20=$B$24,21,0),MOD($C230,24)+1)/SUM(INDEX($D$3:$AA$30,INDEX(Jesper!$R$2:$R$366,ROW(INDEX(Jesper!AJ$2:AJ$366,ROUNDDOWN($C230/24,0)+1,1))-1)+IF('Standard Profiles'!$G$20=$B$10,7,0)+IF('Standard Profiles'!$G$20=$B$17,14,0)+IF('Standard Profiles'!$G$20=$B$24,21,0),0)),0)</f>
        <v>0</v>
      </c>
      <c r="G230" cm="1">
        <f t="array" ref="G230">IFERROR(INDEX(Jesper!AK$2:AK$366,ROUNDDOWN($C230/24,0)+1,1)*INDEX($D$3:$AA$30,INDEX(Jesper!$R$2:$R$366,ROW(INDEX(Jesper!AK$2:AK$366,ROUNDDOWN($C230/24,0)+1,1))-1)+IF('Standard Profiles'!$G$21=$B$10,7,0)+IF('Standard Profiles'!$G$21=$B$17,14,0)+IF('Standard Profiles'!$G$21=$B$24,21,0),MOD($C230,24)+1)/SUM(INDEX($D$3:$AA$30,INDEX(Jesper!$R$2:$R$366,ROW(INDEX(Jesper!AK$2:AK$366,ROUNDDOWN($C230/24,0)+1,1))-1)+IF('Standard Profiles'!$G$21=$B$10,7,0)+IF('Standard Profiles'!$G$21=$B$17,14,0)+IF('Standard Profiles'!$G$21=$B$24,21,0),0)),0)</f>
        <v>0</v>
      </c>
      <c r="H230" cm="1">
        <f t="array" ref="H230">IFERROR(INDEX(Jesper!AL$2:AL$366,ROUNDDOWN($C230/24,0)+1,1)*INDEX($D$3:$AA$30,INDEX(Jesper!$R$2:$R$366,ROW(INDEX(Jesper!AL$2:AL$366,ROUNDDOWN($C230/24,0)+1,1))-1)+IF('Standard Profiles'!$G$22=$B$10,7,0)+IF('Standard Profiles'!$G$22=$B$17,14,0)+IF('Standard Profiles'!$G$22=$B$24,21,0),MOD($C230,24)+1)/SUM(INDEX($D$3:$AA$30,INDEX(Jesper!$R$2:$R$366,ROW(INDEX(Jesper!AL$2:AL$366,ROUNDDOWN($C230/24,0)+1,1))-1)+IF('Standard Profiles'!$G$22=$B$10,7,0)+IF('Standard Profiles'!$G$22=$B$17,14,0)+IF('Standard Profiles'!$G$22=$B$24,21,0),0)),0)</f>
        <v>0</v>
      </c>
      <c r="I230">
        <f t="shared" si="41"/>
        <v>0.22149180195840765</v>
      </c>
      <c r="J230">
        <f t="shared" si="42"/>
        <v>0.73830600652802558</v>
      </c>
      <c r="K230">
        <f t="shared" si="43"/>
        <v>1.1074590097920383</v>
      </c>
      <c r="L230">
        <f t="shared" si="44"/>
        <v>5.3158032470017833</v>
      </c>
      <c r="M230">
        <f t="shared" si="45"/>
        <v>0</v>
      </c>
      <c r="N230" s="46">
        <f t="shared" si="46"/>
        <v>45300.166666666191</v>
      </c>
    </row>
    <row r="231" spans="2:14" x14ac:dyDescent="0.3">
      <c r="B231">
        <f t="shared" si="40"/>
        <v>2</v>
      </c>
      <c r="C231" s="16">
        <v>197</v>
      </c>
      <c r="D231" cm="1">
        <f t="array" ref="D231">IFERROR(INDEX(Jesper!AH$2:AH$366,ROUNDDOWN($C231/24,0)+1,1)*INDEX($D$3:$AA$30,INDEX(Jesper!$R$2:$R$366,ROW(INDEX(Jesper!AH$2:AH$366,ROUNDDOWN($C231/24,0)+1,1))-1)+IF('Standard Profiles'!$G$18=$B$10,7,0)+IF('Standard Profiles'!$G$18=$B$17,14,0)+IF('Standard Profiles'!$G$18=$B$24,21,0),MOD($C231,24)+1)/SUM(INDEX($D$3:$AA$30,INDEX(Jesper!$R$2:$R$366,ROW(INDEX(Jesper!AH$2:AH$366,ROUNDDOWN($C231/24,0)+1,1))-1)+IF('Standard Profiles'!$G$18=$B$10,7,0)+IF('Standard Profiles'!$G$18=$B$17,14,0)+IF('Standard Profiles'!$G$18=$B$24,21,0),0)),0)</f>
        <v>9.5979780848643319</v>
      </c>
      <c r="E231" cm="1">
        <f t="array" ref="E231">IFERROR(INDEX(Jesper!AI$2:AI$366,ROUNDDOWN($C231/24,0)+1,1)*INDEX($D$3:$AA$30,INDEX(Jesper!$R$2:$R$366,ROW(INDEX(Jesper!AI$2:AI$366,ROUNDDOWN($C231/24,0)+1,1))-1)+IF('Standard Profiles'!$G$19=$B$10,7,0)+IF('Standard Profiles'!$G$19=$B$17,14,0)+IF('Standard Profiles'!$G$19=$B$24,21,0),MOD($C231,24)+1)/SUM(INDEX($D$3:$AA$30,INDEX(Jesper!$R$2:$R$366,ROW(INDEX(Jesper!AI$2:AI$366,ROUNDDOWN($C231/24,0)+1,1))-1)+IF('Standard Profiles'!$G$19=$B$10,7,0)+IF('Standard Profiles'!$G$19=$B$17,14,0)+IF('Standard Profiles'!$G$19=$B$24,21,0),0)),0)</f>
        <v>0</v>
      </c>
      <c r="F231" cm="1">
        <f t="array" ref="F231">IFERROR(INDEX(Jesper!AJ$2:AJ$366,ROUNDDOWN($C231/24,0)+1,1)*INDEX($D$3:$AA$30,INDEX(Jesper!$R$2:$R$366,ROW(INDEX(Jesper!AJ$2:AJ$366,ROUNDDOWN($C231/24,0)+1,1))-1)+IF('Standard Profiles'!$G$20=$B$10,7,0)+IF('Standard Profiles'!$G$20=$B$17,14,0)+IF('Standard Profiles'!$G$20=$B$24,21,0),MOD($C231,24)+1)/SUM(INDEX($D$3:$AA$30,INDEX(Jesper!$R$2:$R$366,ROW(INDEX(Jesper!AJ$2:AJ$366,ROUNDDOWN($C231/24,0)+1,1))-1)+IF('Standard Profiles'!$G$20=$B$10,7,0)+IF('Standard Profiles'!$G$20=$B$17,14,0)+IF('Standard Profiles'!$G$20=$B$24,21,0),0)),0)</f>
        <v>0</v>
      </c>
      <c r="G231" cm="1">
        <f t="array" ref="G231">IFERROR(INDEX(Jesper!AK$2:AK$366,ROUNDDOWN($C231/24,0)+1,1)*INDEX($D$3:$AA$30,INDEX(Jesper!$R$2:$R$366,ROW(INDEX(Jesper!AK$2:AK$366,ROUNDDOWN($C231/24,0)+1,1))-1)+IF('Standard Profiles'!$G$21=$B$10,7,0)+IF('Standard Profiles'!$G$21=$B$17,14,0)+IF('Standard Profiles'!$G$21=$B$24,21,0),MOD($C231,24)+1)/SUM(INDEX($D$3:$AA$30,INDEX(Jesper!$R$2:$R$366,ROW(INDEX(Jesper!AK$2:AK$366,ROUNDDOWN($C231/24,0)+1,1))-1)+IF('Standard Profiles'!$G$21=$B$10,7,0)+IF('Standard Profiles'!$G$21=$B$17,14,0)+IF('Standard Profiles'!$G$21=$B$24,21,0),0)),0)</f>
        <v>0</v>
      </c>
      <c r="H231" cm="1">
        <f t="array" ref="H231">IFERROR(INDEX(Jesper!AL$2:AL$366,ROUNDDOWN($C231/24,0)+1,1)*INDEX($D$3:$AA$30,INDEX(Jesper!$R$2:$R$366,ROW(INDEX(Jesper!AL$2:AL$366,ROUNDDOWN($C231/24,0)+1,1))-1)+IF('Standard Profiles'!$G$22=$B$10,7,0)+IF('Standard Profiles'!$G$22=$B$17,14,0)+IF('Standard Profiles'!$G$22=$B$24,21,0),MOD($C231,24)+1)/SUM(INDEX($D$3:$AA$30,INDEX(Jesper!$R$2:$R$366,ROW(INDEX(Jesper!AL$2:AL$366,ROUNDDOWN($C231/24,0)+1,1))-1)+IF('Standard Profiles'!$G$22=$B$10,7,0)+IF('Standard Profiles'!$G$22=$B$17,14,0)+IF('Standard Profiles'!$G$22=$B$24,21,0),0)),0)</f>
        <v>0</v>
      </c>
      <c r="I231">
        <f t="shared" si="41"/>
        <v>0.28793934254592995</v>
      </c>
      <c r="J231">
        <f t="shared" si="42"/>
        <v>0.95979780848643326</v>
      </c>
      <c r="K231">
        <f t="shared" si="43"/>
        <v>1.4396967127296498</v>
      </c>
      <c r="L231">
        <f t="shared" si="44"/>
        <v>6.9105442211023185</v>
      </c>
      <c r="M231">
        <f t="shared" si="45"/>
        <v>0</v>
      </c>
      <c r="N231" s="46">
        <f t="shared" si="46"/>
        <v>45300.208333332856</v>
      </c>
    </row>
    <row r="232" spans="2:14" x14ac:dyDescent="0.3">
      <c r="B232">
        <f t="shared" si="40"/>
        <v>2</v>
      </c>
      <c r="C232" s="16">
        <v>198</v>
      </c>
      <c r="D232" cm="1">
        <f t="array" ref="D232">IFERROR(INDEX(Jesper!AH$2:AH$366,ROUNDDOWN($C232/24,0)+1,1)*INDEX($D$3:$AA$30,INDEX(Jesper!$R$2:$R$366,ROW(INDEX(Jesper!AH$2:AH$366,ROUNDDOWN($C232/24,0)+1,1))-1)+IF('Standard Profiles'!$G$18=$B$10,7,0)+IF('Standard Profiles'!$G$18=$B$17,14,0)+IF('Standard Profiles'!$G$18=$B$24,21,0),MOD($C232,24)+1)/SUM(INDEX($D$3:$AA$30,INDEX(Jesper!$R$2:$R$366,ROW(INDEX(Jesper!AH$2:AH$366,ROUNDDOWN($C232/24,0)+1,1))-1)+IF('Standard Profiles'!$G$18=$B$10,7,0)+IF('Standard Profiles'!$G$18=$B$17,14,0)+IF('Standard Profiles'!$G$18=$B$24,21,0),0)),0)</f>
        <v>10.70543709465637</v>
      </c>
      <c r="E232" cm="1">
        <f t="array" ref="E232">IFERROR(INDEX(Jesper!AI$2:AI$366,ROUNDDOWN($C232/24,0)+1,1)*INDEX($D$3:$AA$30,INDEX(Jesper!$R$2:$R$366,ROW(INDEX(Jesper!AI$2:AI$366,ROUNDDOWN($C232/24,0)+1,1))-1)+IF('Standard Profiles'!$G$19=$B$10,7,0)+IF('Standard Profiles'!$G$19=$B$17,14,0)+IF('Standard Profiles'!$G$19=$B$24,21,0),MOD($C232,24)+1)/SUM(INDEX($D$3:$AA$30,INDEX(Jesper!$R$2:$R$366,ROW(INDEX(Jesper!AI$2:AI$366,ROUNDDOWN($C232/24,0)+1,1))-1)+IF('Standard Profiles'!$G$19=$B$10,7,0)+IF('Standard Profiles'!$G$19=$B$17,14,0)+IF('Standard Profiles'!$G$19=$B$24,21,0),0)),0)</f>
        <v>0</v>
      </c>
      <c r="F232" cm="1">
        <f t="array" ref="F232">IFERROR(INDEX(Jesper!AJ$2:AJ$366,ROUNDDOWN($C232/24,0)+1,1)*INDEX($D$3:$AA$30,INDEX(Jesper!$R$2:$R$366,ROW(INDEX(Jesper!AJ$2:AJ$366,ROUNDDOWN($C232/24,0)+1,1))-1)+IF('Standard Profiles'!$G$20=$B$10,7,0)+IF('Standard Profiles'!$G$20=$B$17,14,0)+IF('Standard Profiles'!$G$20=$B$24,21,0),MOD($C232,24)+1)/SUM(INDEX($D$3:$AA$30,INDEX(Jesper!$R$2:$R$366,ROW(INDEX(Jesper!AJ$2:AJ$366,ROUNDDOWN($C232/24,0)+1,1))-1)+IF('Standard Profiles'!$G$20=$B$10,7,0)+IF('Standard Profiles'!$G$20=$B$17,14,0)+IF('Standard Profiles'!$G$20=$B$24,21,0),0)),0)</f>
        <v>0</v>
      </c>
      <c r="G232" cm="1">
        <f t="array" ref="G232">IFERROR(INDEX(Jesper!AK$2:AK$366,ROUNDDOWN($C232/24,0)+1,1)*INDEX($D$3:$AA$30,INDEX(Jesper!$R$2:$R$366,ROW(INDEX(Jesper!AK$2:AK$366,ROUNDDOWN($C232/24,0)+1,1))-1)+IF('Standard Profiles'!$G$21=$B$10,7,0)+IF('Standard Profiles'!$G$21=$B$17,14,0)+IF('Standard Profiles'!$G$21=$B$24,21,0),MOD($C232,24)+1)/SUM(INDEX($D$3:$AA$30,INDEX(Jesper!$R$2:$R$366,ROW(INDEX(Jesper!AK$2:AK$366,ROUNDDOWN($C232/24,0)+1,1))-1)+IF('Standard Profiles'!$G$21=$B$10,7,0)+IF('Standard Profiles'!$G$21=$B$17,14,0)+IF('Standard Profiles'!$G$21=$B$24,21,0),0)),0)</f>
        <v>0</v>
      </c>
      <c r="H232" cm="1">
        <f t="array" ref="H232">IFERROR(INDEX(Jesper!AL$2:AL$366,ROUNDDOWN($C232/24,0)+1,1)*INDEX($D$3:$AA$30,INDEX(Jesper!$R$2:$R$366,ROW(INDEX(Jesper!AL$2:AL$366,ROUNDDOWN($C232/24,0)+1,1))-1)+IF('Standard Profiles'!$G$22=$B$10,7,0)+IF('Standard Profiles'!$G$22=$B$17,14,0)+IF('Standard Profiles'!$G$22=$B$24,21,0),MOD($C232,24)+1)/SUM(INDEX($D$3:$AA$30,INDEX(Jesper!$R$2:$R$366,ROW(INDEX(Jesper!AL$2:AL$366,ROUNDDOWN($C232/24,0)+1,1))-1)+IF('Standard Profiles'!$G$22=$B$10,7,0)+IF('Standard Profiles'!$G$22=$B$17,14,0)+IF('Standard Profiles'!$G$22=$B$24,21,0),0)),0)</f>
        <v>0</v>
      </c>
      <c r="I232">
        <f t="shared" si="41"/>
        <v>0.32116311283969107</v>
      </c>
      <c r="J232">
        <f t="shared" si="42"/>
        <v>1.0705437094656369</v>
      </c>
      <c r="K232">
        <f t="shared" si="43"/>
        <v>1.6058155641984555</v>
      </c>
      <c r="L232">
        <f t="shared" si="44"/>
        <v>7.7079147081525861</v>
      </c>
      <c r="M232">
        <f t="shared" si="45"/>
        <v>0</v>
      </c>
      <c r="N232" s="46">
        <f t="shared" si="46"/>
        <v>45300.24999999952</v>
      </c>
    </row>
    <row r="233" spans="2:14" x14ac:dyDescent="0.3">
      <c r="B233">
        <f t="shared" si="40"/>
        <v>2</v>
      </c>
      <c r="C233" s="16">
        <v>199</v>
      </c>
      <c r="D233" cm="1">
        <f t="array" ref="D233">IFERROR(INDEX(Jesper!AH$2:AH$366,ROUNDDOWN($C233/24,0)+1,1)*INDEX($D$3:$AA$30,INDEX(Jesper!$R$2:$R$366,ROW(INDEX(Jesper!AH$2:AH$366,ROUNDDOWN($C233/24,0)+1,1))-1)+IF('Standard Profiles'!$G$18=$B$10,7,0)+IF('Standard Profiles'!$G$18=$B$17,14,0)+IF('Standard Profiles'!$G$18=$B$24,21,0),MOD($C233,24)+1)/SUM(INDEX($D$3:$AA$30,INDEX(Jesper!$R$2:$R$366,ROW(INDEX(Jesper!AH$2:AH$366,ROUNDDOWN($C233/24,0)+1,1))-1)+IF('Standard Profiles'!$G$18=$B$10,7,0)+IF('Standard Profiles'!$G$18=$B$17,14,0)+IF('Standard Profiles'!$G$18=$B$24,21,0),0)),0)</f>
        <v>11.074590097920384</v>
      </c>
      <c r="E233" cm="1">
        <f t="array" ref="E233">IFERROR(INDEX(Jesper!AI$2:AI$366,ROUNDDOWN($C233/24,0)+1,1)*INDEX($D$3:$AA$30,INDEX(Jesper!$R$2:$R$366,ROW(INDEX(Jesper!AI$2:AI$366,ROUNDDOWN($C233/24,0)+1,1))-1)+IF('Standard Profiles'!$G$19=$B$10,7,0)+IF('Standard Profiles'!$G$19=$B$17,14,0)+IF('Standard Profiles'!$G$19=$B$24,21,0),MOD($C233,24)+1)/SUM(INDEX($D$3:$AA$30,INDEX(Jesper!$R$2:$R$366,ROW(INDEX(Jesper!AI$2:AI$366,ROUNDDOWN($C233/24,0)+1,1))-1)+IF('Standard Profiles'!$G$19=$B$10,7,0)+IF('Standard Profiles'!$G$19=$B$17,14,0)+IF('Standard Profiles'!$G$19=$B$24,21,0),0)),0)</f>
        <v>0</v>
      </c>
      <c r="F233" cm="1">
        <f t="array" ref="F233">IFERROR(INDEX(Jesper!AJ$2:AJ$366,ROUNDDOWN($C233/24,0)+1,1)*INDEX($D$3:$AA$30,INDEX(Jesper!$R$2:$R$366,ROW(INDEX(Jesper!AJ$2:AJ$366,ROUNDDOWN($C233/24,0)+1,1))-1)+IF('Standard Profiles'!$G$20=$B$10,7,0)+IF('Standard Profiles'!$G$20=$B$17,14,0)+IF('Standard Profiles'!$G$20=$B$24,21,0),MOD($C233,24)+1)/SUM(INDEX($D$3:$AA$30,INDEX(Jesper!$R$2:$R$366,ROW(INDEX(Jesper!AJ$2:AJ$366,ROUNDDOWN($C233/24,0)+1,1))-1)+IF('Standard Profiles'!$G$20=$B$10,7,0)+IF('Standard Profiles'!$G$20=$B$17,14,0)+IF('Standard Profiles'!$G$20=$B$24,21,0),0)),0)</f>
        <v>0</v>
      </c>
      <c r="G233" cm="1">
        <f t="array" ref="G233">IFERROR(INDEX(Jesper!AK$2:AK$366,ROUNDDOWN($C233/24,0)+1,1)*INDEX($D$3:$AA$30,INDEX(Jesper!$R$2:$R$366,ROW(INDEX(Jesper!AK$2:AK$366,ROUNDDOWN($C233/24,0)+1,1))-1)+IF('Standard Profiles'!$G$21=$B$10,7,0)+IF('Standard Profiles'!$G$21=$B$17,14,0)+IF('Standard Profiles'!$G$21=$B$24,21,0),MOD($C233,24)+1)/SUM(INDEX($D$3:$AA$30,INDEX(Jesper!$R$2:$R$366,ROW(INDEX(Jesper!AK$2:AK$366,ROUNDDOWN($C233/24,0)+1,1))-1)+IF('Standard Profiles'!$G$21=$B$10,7,0)+IF('Standard Profiles'!$G$21=$B$17,14,0)+IF('Standard Profiles'!$G$21=$B$24,21,0),0)),0)</f>
        <v>0</v>
      </c>
      <c r="H233" cm="1">
        <f t="array" ref="H233">IFERROR(INDEX(Jesper!AL$2:AL$366,ROUNDDOWN($C233/24,0)+1,1)*INDEX($D$3:$AA$30,INDEX(Jesper!$R$2:$R$366,ROW(INDEX(Jesper!AL$2:AL$366,ROUNDDOWN($C233/24,0)+1,1))-1)+IF('Standard Profiles'!$G$22=$B$10,7,0)+IF('Standard Profiles'!$G$22=$B$17,14,0)+IF('Standard Profiles'!$G$22=$B$24,21,0),MOD($C233,24)+1)/SUM(INDEX($D$3:$AA$30,INDEX(Jesper!$R$2:$R$366,ROW(INDEX(Jesper!AL$2:AL$366,ROUNDDOWN($C233/24,0)+1,1))-1)+IF('Standard Profiles'!$G$22=$B$10,7,0)+IF('Standard Profiles'!$G$22=$B$17,14,0)+IF('Standard Profiles'!$G$22=$B$24,21,0),0)),0)</f>
        <v>0</v>
      </c>
      <c r="I233">
        <f t="shared" si="41"/>
        <v>0.33223770293761151</v>
      </c>
      <c r="J233">
        <f t="shared" si="42"/>
        <v>1.1074590097920385</v>
      </c>
      <c r="K233">
        <f t="shared" si="43"/>
        <v>1.6611885146880574</v>
      </c>
      <c r="L233">
        <f t="shared" si="44"/>
        <v>7.9737048705026758</v>
      </c>
      <c r="M233">
        <f t="shared" si="45"/>
        <v>0</v>
      </c>
      <c r="N233" s="46">
        <f t="shared" si="46"/>
        <v>45300.291666666184</v>
      </c>
    </row>
    <row r="234" spans="2:14" x14ac:dyDescent="0.3">
      <c r="B234">
        <f t="shared" si="40"/>
        <v>2</v>
      </c>
      <c r="C234" s="16">
        <v>200</v>
      </c>
      <c r="D234" cm="1">
        <f t="array" ref="D234">IFERROR(INDEX(Jesper!AH$2:AH$366,ROUNDDOWN($C234/24,0)+1,1)*INDEX($D$3:$AA$30,INDEX(Jesper!$R$2:$R$366,ROW(INDEX(Jesper!AH$2:AH$366,ROUNDDOWN($C234/24,0)+1,1))-1)+IF('Standard Profiles'!$G$18=$B$10,7,0)+IF('Standard Profiles'!$G$18=$B$17,14,0)+IF('Standard Profiles'!$G$18=$B$24,21,0),MOD($C234,24)+1)/SUM(INDEX($D$3:$AA$30,INDEX(Jesper!$R$2:$R$366,ROW(INDEX(Jesper!AH$2:AH$366,ROUNDDOWN($C234/24,0)+1,1))-1)+IF('Standard Profiles'!$G$18=$B$10,7,0)+IF('Standard Profiles'!$G$18=$B$17,14,0)+IF('Standard Profiles'!$G$18=$B$24,21,0),0)),0)</f>
        <v>11.074590097920384</v>
      </c>
      <c r="E234" cm="1">
        <f t="array" ref="E234">IFERROR(INDEX(Jesper!AI$2:AI$366,ROUNDDOWN($C234/24,0)+1,1)*INDEX($D$3:$AA$30,INDEX(Jesper!$R$2:$R$366,ROW(INDEX(Jesper!AI$2:AI$366,ROUNDDOWN($C234/24,0)+1,1))-1)+IF('Standard Profiles'!$G$19=$B$10,7,0)+IF('Standard Profiles'!$G$19=$B$17,14,0)+IF('Standard Profiles'!$G$19=$B$24,21,0),MOD($C234,24)+1)/SUM(INDEX($D$3:$AA$30,INDEX(Jesper!$R$2:$R$366,ROW(INDEX(Jesper!AI$2:AI$366,ROUNDDOWN($C234/24,0)+1,1))-1)+IF('Standard Profiles'!$G$19=$B$10,7,0)+IF('Standard Profiles'!$G$19=$B$17,14,0)+IF('Standard Profiles'!$G$19=$B$24,21,0),0)),0)</f>
        <v>0</v>
      </c>
      <c r="F234" cm="1">
        <f t="array" ref="F234">IFERROR(INDEX(Jesper!AJ$2:AJ$366,ROUNDDOWN($C234/24,0)+1,1)*INDEX($D$3:$AA$30,INDEX(Jesper!$R$2:$R$366,ROW(INDEX(Jesper!AJ$2:AJ$366,ROUNDDOWN($C234/24,0)+1,1))-1)+IF('Standard Profiles'!$G$20=$B$10,7,0)+IF('Standard Profiles'!$G$20=$B$17,14,0)+IF('Standard Profiles'!$G$20=$B$24,21,0),MOD($C234,24)+1)/SUM(INDEX($D$3:$AA$30,INDEX(Jesper!$R$2:$R$366,ROW(INDEX(Jesper!AJ$2:AJ$366,ROUNDDOWN($C234/24,0)+1,1))-1)+IF('Standard Profiles'!$G$20=$B$10,7,0)+IF('Standard Profiles'!$G$20=$B$17,14,0)+IF('Standard Profiles'!$G$20=$B$24,21,0),0)),0)</f>
        <v>0</v>
      </c>
      <c r="G234" cm="1">
        <f t="array" ref="G234">IFERROR(INDEX(Jesper!AK$2:AK$366,ROUNDDOWN($C234/24,0)+1,1)*INDEX($D$3:$AA$30,INDEX(Jesper!$R$2:$R$366,ROW(INDEX(Jesper!AK$2:AK$366,ROUNDDOWN($C234/24,0)+1,1))-1)+IF('Standard Profiles'!$G$21=$B$10,7,0)+IF('Standard Profiles'!$G$21=$B$17,14,0)+IF('Standard Profiles'!$G$21=$B$24,21,0),MOD($C234,24)+1)/SUM(INDEX($D$3:$AA$30,INDEX(Jesper!$R$2:$R$366,ROW(INDEX(Jesper!AK$2:AK$366,ROUNDDOWN($C234/24,0)+1,1))-1)+IF('Standard Profiles'!$G$21=$B$10,7,0)+IF('Standard Profiles'!$G$21=$B$17,14,0)+IF('Standard Profiles'!$G$21=$B$24,21,0),0)),0)</f>
        <v>0</v>
      </c>
      <c r="H234" cm="1">
        <f t="array" ref="H234">IFERROR(INDEX(Jesper!AL$2:AL$366,ROUNDDOWN($C234/24,0)+1,1)*INDEX($D$3:$AA$30,INDEX(Jesper!$R$2:$R$366,ROW(INDEX(Jesper!AL$2:AL$366,ROUNDDOWN($C234/24,0)+1,1))-1)+IF('Standard Profiles'!$G$22=$B$10,7,0)+IF('Standard Profiles'!$G$22=$B$17,14,0)+IF('Standard Profiles'!$G$22=$B$24,21,0),MOD($C234,24)+1)/SUM(INDEX($D$3:$AA$30,INDEX(Jesper!$R$2:$R$366,ROW(INDEX(Jesper!AL$2:AL$366,ROUNDDOWN($C234/24,0)+1,1))-1)+IF('Standard Profiles'!$G$22=$B$10,7,0)+IF('Standard Profiles'!$G$22=$B$17,14,0)+IF('Standard Profiles'!$G$22=$B$24,21,0),0)),0)</f>
        <v>0</v>
      </c>
      <c r="I234">
        <f t="shared" si="41"/>
        <v>0.33223770293761151</v>
      </c>
      <c r="J234">
        <f t="shared" si="42"/>
        <v>1.1074590097920385</v>
      </c>
      <c r="K234">
        <f t="shared" si="43"/>
        <v>1.6611885146880574</v>
      </c>
      <c r="L234">
        <f t="shared" si="44"/>
        <v>7.9737048705026758</v>
      </c>
      <c r="M234">
        <f t="shared" si="45"/>
        <v>0</v>
      </c>
      <c r="N234" s="46">
        <f t="shared" si="46"/>
        <v>45300.333333332848</v>
      </c>
    </row>
    <row r="235" spans="2:14" x14ac:dyDescent="0.3">
      <c r="B235">
        <f t="shared" si="40"/>
        <v>2</v>
      </c>
      <c r="C235" s="16">
        <v>201</v>
      </c>
      <c r="D235" cm="1">
        <f t="array" ref="D235">IFERROR(INDEX(Jesper!AH$2:AH$366,ROUNDDOWN($C235/24,0)+1,1)*INDEX($D$3:$AA$30,INDEX(Jesper!$R$2:$R$366,ROW(INDEX(Jesper!AH$2:AH$366,ROUNDDOWN($C235/24,0)+1,1))-1)+IF('Standard Profiles'!$G$18=$B$10,7,0)+IF('Standard Profiles'!$G$18=$B$17,14,0)+IF('Standard Profiles'!$G$18=$B$24,21,0),MOD($C235,24)+1)/SUM(INDEX($D$3:$AA$30,INDEX(Jesper!$R$2:$R$366,ROW(INDEX(Jesper!AH$2:AH$366,ROUNDDOWN($C235/24,0)+1,1))-1)+IF('Standard Profiles'!$G$18=$B$10,7,0)+IF('Standard Profiles'!$G$18=$B$17,14,0)+IF('Standard Profiles'!$G$18=$B$24,21,0),0)),0)</f>
        <v>11.997472606080414</v>
      </c>
      <c r="E235" cm="1">
        <f t="array" ref="E235">IFERROR(INDEX(Jesper!AI$2:AI$366,ROUNDDOWN($C235/24,0)+1,1)*INDEX($D$3:$AA$30,INDEX(Jesper!$R$2:$R$366,ROW(INDEX(Jesper!AI$2:AI$366,ROUNDDOWN($C235/24,0)+1,1))-1)+IF('Standard Profiles'!$G$19=$B$10,7,0)+IF('Standard Profiles'!$G$19=$B$17,14,0)+IF('Standard Profiles'!$G$19=$B$24,21,0),MOD($C235,24)+1)/SUM(INDEX($D$3:$AA$30,INDEX(Jesper!$R$2:$R$366,ROW(INDEX(Jesper!AI$2:AI$366,ROUNDDOWN($C235/24,0)+1,1))-1)+IF('Standard Profiles'!$G$19=$B$10,7,0)+IF('Standard Profiles'!$G$19=$B$17,14,0)+IF('Standard Profiles'!$G$19=$B$24,21,0),0)),0)</f>
        <v>0</v>
      </c>
      <c r="F235" cm="1">
        <f t="array" ref="F235">IFERROR(INDEX(Jesper!AJ$2:AJ$366,ROUNDDOWN($C235/24,0)+1,1)*INDEX($D$3:$AA$30,INDEX(Jesper!$R$2:$R$366,ROW(INDEX(Jesper!AJ$2:AJ$366,ROUNDDOWN($C235/24,0)+1,1))-1)+IF('Standard Profiles'!$G$20=$B$10,7,0)+IF('Standard Profiles'!$G$20=$B$17,14,0)+IF('Standard Profiles'!$G$20=$B$24,21,0),MOD($C235,24)+1)/SUM(INDEX($D$3:$AA$30,INDEX(Jesper!$R$2:$R$366,ROW(INDEX(Jesper!AJ$2:AJ$366,ROUNDDOWN($C235/24,0)+1,1))-1)+IF('Standard Profiles'!$G$20=$B$10,7,0)+IF('Standard Profiles'!$G$20=$B$17,14,0)+IF('Standard Profiles'!$G$20=$B$24,21,0),0)),0)</f>
        <v>0</v>
      </c>
      <c r="G235" cm="1">
        <f t="array" ref="G235">IFERROR(INDEX(Jesper!AK$2:AK$366,ROUNDDOWN($C235/24,0)+1,1)*INDEX($D$3:$AA$30,INDEX(Jesper!$R$2:$R$366,ROW(INDEX(Jesper!AK$2:AK$366,ROUNDDOWN($C235/24,0)+1,1))-1)+IF('Standard Profiles'!$G$21=$B$10,7,0)+IF('Standard Profiles'!$G$21=$B$17,14,0)+IF('Standard Profiles'!$G$21=$B$24,21,0),MOD($C235,24)+1)/SUM(INDEX($D$3:$AA$30,INDEX(Jesper!$R$2:$R$366,ROW(INDEX(Jesper!AK$2:AK$366,ROUNDDOWN($C235/24,0)+1,1))-1)+IF('Standard Profiles'!$G$21=$B$10,7,0)+IF('Standard Profiles'!$G$21=$B$17,14,0)+IF('Standard Profiles'!$G$21=$B$24,21,0),0)),0)</f>
        <v>0</v>
      </c>
      <c r="H235" cm="1">
        <f t="array" ref="H235">IFERROR(INDEX(Jesper!AL$2:AL$366,ROUNDDOWN($C235/24,0)+1,1)*INDEX($D$3:$AA$30,INDEX(Jesper!$R$2:$R$366,ROW(INDEX(Jesper!AL$2:AL$366,ROUNDDOWN($C235/24,0)+1,1))-1)+IF('Standard Profiles'!$G$22=$B$10,7,0)+IF('Standard Profiles'!$G$22=$B$17,14,0)+IF('Standard Profiles'!$G$22=$B$24,21,0),MOD($C235,24)+1)/SUM(INDEX($D$3:$AA$30,INDEX(Jesper!$R$2:$R$366,ROW(INDEX(Jesper!AL$2:AL$366,ROUNDDOWN($C235/24,0)+1,1))-1)+IF('Standard Profiles'!$G$22=$B$10,7,0)+IF('Standard Profiles'!$G$22=$B$17,14,0)+IF('Standard Profiles'!$G$22=$B$24,21,0),0)),0)</f>
        <v>0</v>
      </c>
      <c r="I235">
        <f t="shared" si="41"/>
        <v>0.3599241781824124</v>
      </c>
      <c r="J235">
        <f t="shared" si="42"/>
        <v>1.1997472606080415</v>
      </c>
      <c r="K235">
        <f t="shared" si="43"/>
        <v>1.7996208909120621</v>
      </c>
      <c r="L235">
        <f t="shared" si="44"/>
        <v>8.6381802763778985</v>
      </c>
      <c r="M235">
        <f t="shared" si="45"/>
        <v>0</v>
      </c>
      <c r="N235" s="46">
        <f t="shared" si="46"/>
        <v>45300.374999999513</v>
      </c>
    </row>
    <row r="236" spans="2:14" x14ac:dyDescent="0.3">
      <c r="B236">
        <f t="shared" si="40"/>
        <v>2</v>
      </c>
      <c r="C236" s="16">
        <v>202</v>
      </c>
      <c r="D236" cm="1">
        <f t="array" ref="D236">IFERROR(INDEX(Jesper!AH$2:AH$366,ROUNDDOWN($C236/24,0)+1,1)*INDEX($D$3:$AA$30,INDEX(Jesper!$R$2:$R$366,ROW(INDEX(Jesper!AH$2:AH$366,ROUNDDOWN($C236/24,0)+1,1))-1)+IF('Standard Profiles'!$G$18=$B$10,7,0)+IF('Standard Profiles'!$G$18=$B$17,14,0)+IF('Standard Profiles'!$G$18=$B$24,21,0),MOD($C236,24)+1)/SUM(INDEX($D$3:$AA$30,INDEX(Jesper!$R$2:$R$366,ROW(INDEX(Jesper!AH$2:AH$366,ROUNDDOWN($C236/24,0)+1,1))-1)+IF('Standard Profiles'!$G$18=$B$10,7,0)+IF('Standard Profiles'!$G$18=$B$17,14,0)+IF('Standard Profiles'!$G$18=$B$24,21,0),0)),0)</f>
        <v>12.551202110976433</v>
      </c>
      <c r="E236" cm="1">
        <f t="array" ref="E236">IFERROR(INDEX(Jesper!AI$2:AI$366,ROUNDDOWN($C236/24,0)+1,1)*INDEX($D$3:$AA$30,INDEX(Jesper!$R$2:$R$366,ROW(INDEX(Jesper!AI$2:AI$366,ROUNDDOWN($C236/24,0)+1,1))-1)+IF('Standard Profiles'!$G$19=$B$10,7,0)+IF('Standard Profiles'!$G$19=$B$17,14,0)+IF('Standard Profiles'!$G$19=$B$24,21,0),MOD($C236,24)+1)/SUM(INDEX($D$3:$AA$30,INDEX(Jesper!$R$2:$R$366,ROW(INDEX(Jesper!AI$2:AI$366,ROUNDDOWN($C236/24,0)+1,1))-1)+IF('Standard Profiles'!$G$19=$B$10,7,0)+IF('Standard Profiles'!$G$19=$B$17,14,0)+IF('Standard Profiles'!$G$19=$B$24,21,0),0)),0)</f>
        <v>0</v>
      </c>
      <c r="F236" cm="1">
        <f t="array" ref="F236">IFERROR(INDEX(Jesper!AJ$2:AJ$366,ROUNDDOWN($C236/24,0)+1,1)*INDEX($D$3:$AA$30,INDEX(Jesper!$R$2:$R$366,ROW(INDEX(Jesper!AJ$2:AJ$366,ROUNDDOWN($C236/24,0)+1,1))-1)+IF('Standard Profiles'!$G$20=$B$10,7,0)+IF('Standard Profiles'!$G$20=$B$17,14,0)+IF('Standard Profiles'!$G$20=$B$24,21,0),MOD($C236,24)+1)/SUM(INDEX($D$3:$AA$30,INDEX(Jesper!$R$2:$R$366,ROW(INDEX(Jesper!AJ$2:AJ$366,ROUNDDOWN($C236/24,0)+1,1))-1)+IF('Standard Profiles'!$G$20=$B$10,7,0)+IF('Standard Profiles'!$G$20=$B$17,14,0)+IF('Standard Profiles'!$G$20=$B$24,21,0),0)),0)</f>
        <v>0</v>
      </c>
      <c r="G236" cm="1">
        <f t="array" ref="G236">IFERROR(INDEX(Jesper!AK$2:AK$366,ROUNDDOWN($C236/24,0)+1,1)*INDEX($D$3:$AA$30,INDEX(Jesper!$R$2:$R$366,ROW(INDEX(Jesper!AK$2:AK$366,ROUNDDOWN($C236/24,0)+1,1))-1)+IF('Standard Profiles'!$G$21=$B$10,7,0)+IF('Standard Profiles'!$G$21=$B$17,14,0)+IF('Standard Profiles'!$G$21=$B$24,21,0),MOD($C236,24)+1)/SUM(INDEX($D$3:$AA$30,INDEX(Jesper!$R$2:$R$366,ROW(INDEX(Jesper!AK$2:AK$366,ROUNDDOWN($C236/24,0)+1,1))-1)+IF('Standard Profiles'!$G$21=$B$10,7,0)+IF('Standard Profiles'!$G$21=$B$17,14,0)+IF('Standard Profiles'!$G$21=$B$24,21,0),0)),0)</f>
        <v>0</v>
      </c>
      <c r="H236" cm="1">
        <f t="array" ref="H236">IFERROR(INDEX(Jesper!AL$2:AL$366,ROUNDDOWN($C236/24,0)+1,1)*INDEX($D$3:$AA$30,INDEX(Jesper!$R$2:$R$366,ROW(INDEX(Jesper!AL$2:AL$366,ROUNDDOWN($C236/24,0)+1,1))-1)+IF('Standard Profiles'!$G$22=$B$10,7,0)+IF('Standard Profiles'!$G$22=$B$17,14,0)+IF('Standard Profiles'!$G$22=$B$24,21,0),MOD($C236,24)+1)/SUM(INDEX($D$3:$AA$30,INDEX(Jesper!$R$2:$R$366,ROW(INDEX(Jesper!AL$2:AL$366,ROUNDDOWN($C236/24,0)+1,1))-1)+IF('Standard Profiles'!$G$22=$B$10,7,0)+IF('Standard Profiles'!$G$22=$B$17,14,0)+IF('Standard Profiles'!$G$22=$B$24,21,0),0)),0)</f>
        <v>0</v>
      </c>
      <c r="I236">
        <f t="shared" si="41"/>
        <v>0.37653606332929301</v>
      </c>
      <c r="J236">
        <f t="shared" si="42"/>
        <v>1.2551202110976434</v>
      </c>
      <c r="K236">
        <f t="shared" si="43"/>
        <v>1.882680316646465</v>
      </c>
      <c r="L236">
        <f t="shared" si="44"/>
        <v>9.0368655199030314</v>
      </c>
      <c r="M236">
        <f t="shared" si="45"/>
        <v>0</v>
      </c>
      <c r="N236" s="46">
        <f t="shared" si="46"/>
        <v>45300.416666666177</v>
      </c>
    </row>
    <row r="237" spans="2:14" x14ac:dyDescent="0.3">
      <c r="B237">
        <f t="shared" si="40"/>
        <v>2</v>
      </c>
      <c r="C237" s="16">
        <v>203</v>
      </c>
      <c r="D237" cm="1">
        <f t="array" ref="D237">IFERROR(INDEX(Jesper!AH$2:AH$366,ROUNDDOWN($C237/24,0)+1,1)*INDEX($D$3:$AA$30,INDEX(Jesper!$R$2:$R$366,ROW(INDEX(Jesper!AH$2:AH$366,ROUNDDOWN($C237/24,0)+1,1))-1)+IF('Standard Profiles'!$G$18=$B$10,7,0)+IF('Standard Profiles'!$G$18=$B$17,14,0)+IF('Standard Profiles'!$G$18=$B$24,21,0),MOD($C237,24)+1)/SUM(INDEX($D$3:$AA$30,INDEX(Jesper!$R$2:$R$366,ROW(INDEX(Jesper!AH$2:AH$366,ROUNDDOWN($C237/24,0)+1,1))-1)+IF('Standard Profiles'!$G$18=$B$10,7,0)+IF('Standard Profiles'!$G$18=$B$17,14,0)+IF('Standard Profiles'!$G$18=$B$24,21,0),0)),0)</f>
        <v>14.766120130560511</v>
      </c>
      <c r="E237" cm="1">
        <f t="array" ref="E237">IFERROR(INDEX(Jesper!AI$2:AI$366,ROUNDDOWN($C237/24,0)+1,1)*INDEX($D$3:$AA$30,INDEX(Jesper!$R$2:$R$366,ROW(INDEX(Jesper!AI$2:AI$366,ROUNDDOWN($C237/24,0)+1,1))-1)+IF('Standard Profiles'!$G$19=$B$10,7,0)+IF('Standard Profiles'!$G$19=$B$17,14,0)+IF('Standard Profiles'!$G$19=$B$24,21,0),MOD($C237,24)+1)/SUM(INDEX($D$3:$AA$30,INDEX(Jesper!$R$2:$R$366,ROW(INDEX(Jesper!AI$2:AI$366,ROUNDDOWN($C237/24,0)+1,1))-1)+IF('Standard Profiles'!$G$19=$B$10,7,0)+IF('Standard Profiles'!$G$19=$B$17,14,0)+IF('Standard Profiles'!$G$19=$B$24,21,0),0)),0)</f>
        <v>0</v>
      </c>
      <c r="F237" cm="1">
        <f t="array" ref="F237">IFERROR(INDEX(Jesper!AJ$2:AJ$366,ROUNDDOWN($C237/24,0)+1,1)*INDEX($D$3:$AA$30,INDEX(Jesper!$R$2:$R$366,ROW(INDEX(Jesper!AJ$2:AJ$366,ROUNDDOWN($C237/24,0)+1,1))-1)+IF('Standard Profiles'!$G$20=$B$10,7,0)+IF('Standard Profiles'!$G$20=$B$17,14,0)+IF('Standard Profiles'!$G$20=$B$24,21,0),MOD($C237,24)+1)/SUM(INDEX($D$3:$AA$30,INDEX(Jesper!$R$2:$R$366,ROW(INDEX(Jesper!AJ$2:AJ$366,ROUNDDOWN($C237/24,0)+1,1))-1)+IF('Standard Profiles'!$G$20=$B$10,7,0)+IF('Standard Profiles'!$G$20=$B$17,14,0)+IF('Standard Profiles'!$G$20=$B$24,21,0),0)),0)</f>
        <v>0</v>
      </c>
      <c r="G237" cm="1">
        <f t="array" ref="G237">IFERROR(INDEX(Jesper!AK$2:AK$366,ROUNDDOWN($C237/24,0)+1,1)*INDEX($D$3:$AA$30,INDEX(Jesper!$R$2:$R$366,ROW(INDEX(Jesper!AK$2:AK$366,ROUNDDOWN($C237/24,0)+1,1))-1)+IF('Standard Profiles'!$G$21=$B$10,7,0)+IF('Standard Profiles'!$G$21=$B$17,14,0)+IF('Standard Profiles'!$G$21=$B$24,21,0),MOD($C237,24)+1)/SUM(INDEX($D$3:$AA$30,INDEX(Jesper!$R$2:$R$366,ROW(INDEX(Jesper!AK$2:AK$366,ROUNDDOWN($C237/24,0)+1,1))-1)+IF('Standard Profiles'!$G$21=$B$10,7,0)+IF('Standard Profiles'!$G$21=$B$17,14,0)+IF('Standard Profiles'!$G$21=$B$24,21,0),0)),0)</f>
        <v>0</v>
      </c>
      <c r="H237" cm="1">
        <f t="array" ref="H237">IFERROR(INDEX(Jesper!AL$2:AL$366,ROUNDDOWN($C237/24,0)+1,1)*INDEX($D$3:$AA$30,INDEX(Jesper!$R$2:$R$366,ROW(INDEX(Jesper!AL$2:AL$366,ROUNDDOWN($C237/24,0)+1,1))-1)+IF('Standard Profiles'!$G$22=$B$10,7,0)+IF('Standard Profiles'!$G$22=$B$17,14,0)+IF('Standard Profiles'!$G$22=$B$24,21,0),MOD($C237,24)+1)/SUM(INDEX($D$3:$AA$30,INDEX(Jesper!$R$2:$R$366,ROW(INDEX(Jesper!AL$2:AL$366,ROUNDDOWN($C237/24,0)+1,1))-1)+IF('Standard Profiles'!$G$22=$B$10,7,0)+IF('Standard Profiles'!$G$22=$B$17,14,0)+IF('Standard Profiles'!$G$22=$B$24,21,0),0)),0)</f>
        <v>0</v>
      </c>
      <c r="I237">
        <f t="shared" si="41"/>
        <v>0.44298360391681529</v>
      </c>
      <c r="J237">
        <f t="shared" si="42"/>
        <v>1.4766120130560512</v>
      </c>
      <c r="K237">
        <f t="shared" si="43"/>
        <v>2.2149180195840765</v>
      </c>
      <c r="L237">
        <f t="shared" si="44"/>
        <v>10.631606494003567</v>
      </c>
      <c r="M237">
        <f t="shared" si="45"/>
        <v>0</v>
      </c>
      <c r="N237" s="46">
        <f t="shared" si="46"/>
        <v>45300.458333332841</v>
      </c>
    </row>
    <row r="238" spans="2:14" x14ac:dyDescent="0.3">
      <c r="B238">
        <f t="shared" si="40"/>
        <v>2</v>
      </c>
      <c r="C238" s="16">
        <v>204</v>
      </c>
      <c r="D238" cm="1">
        <f t="array" ref="D238">IFERROR(INDEX(Jesper!AH$2:AH$366,ROUNDDOWN($C238/24,0)+1,1)*INDEX($D$3:$AA$30,INDEX(Jesper!$R$2:$R$366,ROW(INDEX(Jesper!AH$2:AH$366,ROUNDDOWN($C238/24,0)+1,1))-1)+IF('Standard Profiles'!$G$18=$B$10,7,0)+IF('Standard Profiles'!$G$18=$B$17,14,0)+IF('Standard Profiles'!$G$18=$B$24,21,0),MOD($C238,24)+1)/SUM(INDEX($D$3:$AA$30,INDEX(Jesper!$R$2:$R$366,ROW(INDEX(Jesper!AH$2:AH$366,ROUNDDOWN($C238/24,0)+1,1))-1)+IF('Standard Profiles'!$G$18=$B$10,7,0)+IF('Standard Profiles'!$G$18=$B$17,14,0)+IF('Standard Profiles'!$G$18=$B$24,21,0),0)),0)</f>
        <v>14.766120130560511</v>
      </c>
      <c r="E238" cm="1">
        <f t="array" ref="E238">IFERROR(INDEX(Jesper!AI$2:AI$366,ROUNDDOWN($C238/24,0)+1,1)*INDEX($D$3:$AA$30,INDEX(Jesper!$R$2:$R$366,ROW(INDEX(Jesper!AI$2:AI$366,ROUNDDOWN($C238/24,0)+1,1))-1)+IF('Standard Profiles'!$G$19=$B$10,7,0)+IF('Standard Profiles'!$G$19=$B$17,14,0)+IF('Standard Profiles'!$G$19=$B$24,21,0),MOD($C238,24)+1)/SUM(INDEX($D$3:$AA$30,INDEX(Jesper!$R$2:$R$366,ROW(INDEX(Jesper!AI$2:AI$366,ROUNDDOWN($C238/24,0)+1,1))-1)+IF('Standard Profiles'!$G$19=$B$10,7,0)+IF('Standard Profiles'!$G$19=$B$17,14,0)+IF('Standard Profiles'!$G$19=$B$24,21,0),0)),0)</f>
        <v>0</v>
      </c>
      <c r="F238" cm="1">
        <f t="array" ref="F238">IFERROR(INDEX(Jesper!AJ$2:AJ$366,ROUNDDOWN($C238/24,0)+1,1)*INDEX($D$3:$AA$30,INDEX(Jesper!$R$2:$R$366,ROW(INDEX(Jesper!AJ$2:AJ$366,ROUNDDOWN($C238/24,0)+1,1))-1)+IF('Standard Profiles'!$G$20=$B$10,7,0)+IF('Standard Profiles'!$G$20=$B$17,14,0)+IF('Standard Profiles'!$G$20=$B$24,21,0),MOD($C238,24)+1)/SUM(INDEX($D$3:$AA$30,INDEX(Jesper!$R$2:$R$366,ROW(INDEX(Jesper!AJ$2:AJ$366,ROUNDDOWN($C238/24,0)+1,1))-1)+IF('Standard Profiles'!$G$20=$B$10,7,0)+IF('Standard Profiles'!$G$20=$B$17,14,0)+IF('Standard Profiles'!$G$20=$B$24,21,0),0)),0)</f>
        <v>0</v>
      </c>
      <c r="G238" cm="1">
        <f t="array" ref="G238">IFERROR(INDEX(Jesper!AK$2:AK$366,ROUNDDOWN($C238/24,0)+1,1)*INDEX($D$3:$AA$30,INDEX(Jesper!$R$2:$R$366,ROW(INDEX(Jesper!AK$2:AK$366,ROUNDDOWN($C238/24,0)+1,1))-1)+IF('Standard Profiles'!$G$21=$B$10,7,0)+IF('Standard Profiles'!$G$21=$B$17,14,0)+IF('Standard Profiles'!$G$21=$B$24,21,0),MOD($C238,24)+1)/SUM(INDEX($D$3:$AA$30,INDEX(Jesper!$R$2:$R$366,ROW(INDEX(Jesper!AK$2:AK$366,ROUNDDOWN($C238/24,0)+1,1))-1)+IF('Standard Profiles'!$G$21=$B$10,7,0)+IF('Standard Profiles'!$G$21=$B$17,14,0)+IF('Standard Profiles'!$G$21=$B$24,21,0),0)),0)</f>
        <v>0</v>
      </c>
      <c r="H238" cm="1">
        <f t="array" ref="H238">IFERROR(INDEX(Jesper!AL$2:AL$366,ROUNDDOWN($C238/24,0)+1,1)*INDEX($D$3:$AA$30,INDEX(Jesper!$R$2:$R$366,ROW(INDEX(Jesper!AL$2:AL$366,ROUNDDOWN($C238/24,0)+1,1))-1)+IF('Standard Profiles'!$G$22=$B$10,7,0)+IF('Standard Profiles'!$G$22=$B$17,14,0)+IF('Standard Profiles'!$G$22=$B$24,21,0),MOD($C238,24)+1)/SUM(INDEX($D$3:$AA$30,INDEX(Jesper!$R$2:$R$366,ROW(INDEX(Jesper!AL$2:AL$366,ROUNDDOWN($C238/24,0)+1,1))-1)+IF('Standard Profiles'!$G$22=$B$10,7,0)+IF('Standard Profiles'!$G$22=$B$17,14,0)+IF('Standard Profiles'!$G$22=$B$24,21,0),0)),0)</f>
        <v>0</v>
      </c>
      <c r="I238">
        <f t="shared" si="41"/>
        <v>0.44298360391681529</v>
      </c>
      <c r="J238">
        <f t="shared" si="42"/>
        <v>1.4766120130560512</v>
      </c>
      <c r="K238">
        <f t="shared" si="43"/>
        <v>2.2149180195840765</v>
      </c>
      <c r="L238">
        <f t="shared" si="44"/>
        <v>10.631606494003567</v>
      </c>
      <c r="M238">
        <f t="shared" si="45"/>
        <v>0</v>
      </c>
      <c r="N238" s="46">
        <f t="shared" si="46"/>
        <v>45300.499999999505</v>
      </c>
    </row>
    <row r="239" spans="2:14" x14ac:dyDescent="0.3">
      <c r="B239">
        <f t="shared" si="40"/>
        <v>2</v>
      </c>
      <c r="C239" s="16">
        <v>205</v>
      </c>
      <c r="D239" cm="1">
        <f t="array" ref="D239">IFERROR(INDEX(Jesper!AH$2:AH$366,ROUNDDOWN($C239/24,0)+1,1)*INDEX($D$3:$AA$30,INDEX(Jesper!$R$2:$R$366,ROW(INDEX(Jesper!AH$2:AH$366,ROUNDDOWN($C239/24,0)+1,1))-1)+IF('Standard Profiles'!$G$18=$B$10,7,0)+IF('Standard Profiles'!$G$18=$B$17,14,0)+IF('Standard Profiles'!$G$18=$B$24,21,0),MOD($C239,24)+1)/SUM(INDEX($D$3:$AA$30,INDEX(Jesper!$R$2:$R$366,ROW(INDEX(Jesper!AH$2:AH$366,ROUNDDOWN($C239/24,0)+1,1))-1)+IF('Standard Profiles'!$G$18=$B$10,7,0)+IF('Standard Profiles'!$G$18=$B$17,14,0)+IF('Standard Profiles'!$G$18=$B$24,21,0),0)),0)</f>
        <v>14.766120130560511</v>
      </c>
      <c r="E239" cm="1">
        <f t="array" ref="E239">IFERROR(INDEX(Jesper!AI$2:AI$366,ROUNDDOWN($C239/24,0)+1,1)*INDEX($D$3:$AA$30,INDEX(Jesper!$R$2:$R$366,ROW(INDEX(Jesper!AI$2:AI$366,ROUNDDOWN($C239/24,0)+1,1))-1)+IF('Standard Profiles'!$G$19=$B$10,7,0)+IF('Standard Profiles'!$G$19=$B$17,14,0)+IF('Standard Profiles'!$G$19=$B$24,21,0),MOD($C239,24)+1)/SUM(INDEX($D$3:$AA$30,INDEX(Jesper!$R$2:$R$366,ROW(INDEX(Jesper!AI$2:AI$366,ROUNDDOWN($C239/24,0)+1,1))-1)+IF('Standard Profiles'!$G$19=$B$10,7,0)+IF('Standard Profiles'!$G$19=$B$17,14,0)+IF('Standard Profiles'!$G$19=$B$24,21,0),0)),0)</f>
        <v>0</v>
      </c>
      <c r="F239" cm="1">
        <f t="array" ref="F239">IFERROR(INDEX(Jesper!AJ$2:AJ$366,ROUNDDOWN($C239/24,0)+1,1)*INDEX($D$3:$AA$30,INDEX(Jesper!$R$2:$R$366,ROW(INDEX(Jesper!AJ$2:AJ$366,ROUNDDOWN($C239/24,0)+1,1))-1)+IF('Standard Profiles'!$G$20=$B$10,7,0)+IF('Standard Profiles'!$G$20=$B$17,14,0)+IF('Standard Profiles'!$G$20=$B$24,21,0),MOD($C239,24)+1)/SUM(INDEX($D$3:$AA$30,INDEX(Jesper!$R$2:$R$366,ROW(INDEX(Jesper!AJ$2:AJ$366,ROUNDDOWN($C239/24,0)+1,1))-1)+IF('Standard Profiles'!$G$20=$B$10,7,0)+IF('Standard Profiles'!$G$20=$B$17,14,0)+IF('Standard Profiles'!$G$20=$B$24,21,0),0)),0)</f>
        <v>0</v>
      </c>
      <c r="G239" cm="1">
        <f t="array" ref="G239">IFERROR(INDEX(Jesper!AK$2:AK$366,ROUNDDOWN($C239/24,0)+1,1)*INDEX($D$3:$AA$30,INDEX(Jesper!$R$2:$R$366,ROW(INDEX(Jesper!AK$2:AK$366,ROUNDDOWN($C239/24,0)+1,1))-1)+IF('Standard Profiles'!$G$21=$B$10,7,0)+IF('Standard Profiles'!$G$21=$B$17,14,0)+IF('Standard Profiles'!$G$21=$B$24,21,0),MOD($C239,24)+1)/SUM(INDEX($D$3:$AA$30,INDEX(Jesper!$R$2:$R$366,ROW(INDEX(Jesper!AK$2:AK$366,ROUNDDOWN($C239/24,0)+1,1))-1)+IF('Standard Profiles'!$G$21=$B$10,7,0)+IF('Standard Profiles'!$G$21=$B$17,14,0)+IF('Standard Profiles'!$G$21=$B$24,21,0),0)),0)</f>
        <v>0</v>
      </c>
      <c r="H239" cm="1">
        <f t="array" ref="H239">IFERROR(INDEX(Jesper!AL$2:AL$366,ROUNDDOWN($C239/24,0)+1,1)*INDEX($D$3:$AA$30,INDEX(Jesper!$R$2:$R$366,ROW(INDEX(Jesper!AL$2:AL$366,ROUNDDOWN($C239/24,0)+1,1))-1)+IF('Standard Profiles'!$G$22=$B$10,7,0)+IF('Standard Profiles'!$G$22=$B$17,14,0)+IF('Standard Profiles'!$G$22=$B$24,21,0),MOD($C239,24)+1)/SUM(INDEX($D$3:$AA$30,INDEX(Jesper!$R$2:$R$366,ROW(INDEX(Jesper!AL$2:AL$366,ROUNDDOWN($C239/24,0)+1,1))-1)+IF('Standard Profiles'!$G$22=$B$10,7,0)+IF('Standard Profiles'!$G$22=$B$17,14,0)+IF('Standard Profiles'!$G$22=$B$24,21,0),0)),0)</f>
        <v>0</v>
      </c>
      <c r="I239">
        <f t="shared" si="41"/>
        <v>0.44298360391681529</v>
      </c>
      <c r="J239">
        <f t="shared" si="42"/>
        <v>1.4766120130560512</v>
      </c>
      <c r="K239">
        <f t="shared" si="43"/>
        <v>2.2149180195840765</v>
      </c>
      <c r="L239">
        <f t="shared" si="44"/>
        <v>10.631606494003567</v>
      </c>
      <c r="M239">
        <f t="shared" si="45"/>
        <v>0</v>
      </c>
      <c r="N239" s="46">
        <f t="shared" si="46"/>
        <v>45300.541666666169</v>
      </c>
    </row>
    <row r="240" spans="2:14" x14ac:dyDescent="0.3">
      <c r="B240">
        <f t="shared" si="40"/>
        <v>2</v>
      </c>
      <c r="C240" s="16">
        <v>206</v>
      </c>
      <c r="D240" cm="1">
        <f t="array" ref="D240">IFERROR(INDEX(Jesper!AH$2:AH$366,ROUNDDOWN($C240/24,0)+1,1)*INDEX($D$3:$AA$30,INDEX(Jesper!$R$2:$R$366,ROW(INDEX(Jesper!AH$2:AH$366,ROUNDDOWN($C240/24,0)+1,1))-1)+IF('Standard Profiles'!$G$18=$B$10,7,0)+IF('Standard Profiles'!$G$18=$B$17,14,0)+IF('Standard Profiles'!$G$18=$B$24,21,0),MOD($C240,24)+1)/SUM(INDEX($D$3:$AA$30,INDEX(Jesper!$R$2:$R$366,ROW(INDEX(Jesper!AH$2:AH$366,ROUNDDOWN($C240/24,0)+1,1))-1)+IF('Standard Profiles'!$G$18=$B$10,7,0)+IF('Standard Profiles'!$G$18=$B$17,14,0)+IF('Standard Profiles'!$G$18=$B$24,21,0),0)),0)</f>
        <v>14.766120130560511</v>
      </c>
      <c r="E240" cm="1">
        <f t="array" ref="E240">IFERROR(INDEX(Jesper!AI$2:AI$366,ROUNDDOWN($C240/24,0)+1,1)*INDEX($D$3:$AA$30,INDEX(Jesper!$R$2:$R$366,ROW(INDEX(Jesper!AI$2:AI$366,ROUNDDOWN($C240/24,0)+1,1))-1)+IF('Standard Profiles'!$G$19=$B$10,7,0)+IF('Standard Profiles'!$G$19=$B$17,14,0)+IF('Standard Profiles'!$G$19=$B$24,21,0),MOD($C240,24)+1)/SUM(INDEX($D$3:$AA$30,INDEX(Jesper!$R$2:$R$366,ROW(INDEX(Jesper!AI$2:AI$366,ROUNDDOWN($C240/24,0)+1,1))-1)+IF('Standard Profiles'!$G$19=$B$10,7,0)+IF('Standard Profiles'!$G$19=$B$17,14,0)+IF('Standard Profiles'!$G$19=$B$24,21,0),0)),0)</f>
        <v>0</v>
      </c>
      <c r="F240" cm="1">
        <f t="array" ref="F240">IFERROR(INDEX(Jesper!AJ$2:AJ$366,ROUNDDOWN($C240/24,0)+1,1)*INDEX($D$3:$AA$30,INDEX(Jesper!$R$2:$R$366,ROW(INDEX(Jesper!AJ$2:AJ$366,ROUNDDOWN($C240/24,0)+1,1))-1)+IF('Standard Profiles'!$G$20=$B$10,7,0)+IF('Standard Profiles'!$G$20=$B$17,14,0)+IF('Standard Profiles'!$G$20=$B$24,21,0),MOD($C240,24)+1)/SUM(INDEX($D$3:$AA$30,INDEX(Jesper!$R$2:$R$366,ROW(INDEX(Jesper!AJ$2:AJ$366,ROUNDDOWN($C240/24,0)+1,1))-1)+IF('Standard Profiles'!$G$20=$B$10,7,0)+IF('Standard Profiles'!$G$20=$B$17,14,0)+IF('Standard Profiles'!$G$20=$B$24,21,0),0)),0)</f>
        <v>0</v>
      </c>
      <c r="G240" cm="1">
        <f t="array" ref="G240">IFERROR(INDEX(Jesper!AK$2:AK$366,ROUNDDOWN($C240/24,0)+1,1)*INDEX($D$3:$AA$30,INDEX(Jesper!$R$2:$R$366,ROW(INDEX(Jesper!AK$2:AK$366,ROUNDDOWN($C240/24,0)+1,1))-1)+IF('Standard Profiles'!$G$21=$B$10,7,0)+IF('Standard Profiles'!$G$21=$B$17,14,0)+IF('Standard Profiles'!$G$21=$B$24,21,0),MOD($C240,24)+1)/SUM(INDEX($D$3:$AA$30,INDEX(Jesper!$R$2:$R$366,ROW(INDEX(Jesper!AK$2:AK$366,ROUNDDOWN($C240/24,0)+1,1))-1)+IF('Standard Profiles'!$G$21=$B$10,7,0)+IF('Standard Profiles'!$G$21=$B$17,14,0)+IF('Standard Profiles'!$G$21=$B$24,21,0),0)),0)</f>
        <v>0</v>
      </c>
      <c r="H240" cm="1">
        <f t="array" ref="H240">IFERROR(INDEX(Jesper!AL$2:AL$366,ROUNDDOWN($C240/24,0)+1,1)*INDEX($D$3:$AA$30,INDEX(Jesper!$R$2:$R$366,ROW(INDEX(Jesper!AL$2:AL$366,ROUNDDOWN($C240/24,0)+1,1))-1)+IF('Standard Profiles'!$G$22=$B$10,7,0)+IF('Standard Profiles'!$G$22=$B$17,14,0)+IF('Standard Profiles'!$G$22=$B$24,21,0),MOD($C240,24)+1)/SUM(INDEX($D$3:$AA$30,INDEX(Jesper!$R$2:$R$366,ROW(INDEX(Jesper!AL$2:AL$366,ROUNDDOWN($C240/24,0)+1,1))-1)+IF('Standard Profiles'!$G$22=$B$10,7,0)+IF('Standard Profiles'!$G$22=$B$17,14,0)+IF('Standard Profiles'!$G$22=$B$24,21,0),0)),0)</f>
        <v>0</v>
      </c>
      <c r="I240">
        <f t="shared" si="41"/>
        <v>0.44298360391681529</v>
      </c>
      <c r="J240">
        <f t="shared" si="42"/>
        <v>1.4766120130560512</v>
      </c>
      <c r="K240">
        <f t="shared" si="43"/>
        <v>2.2149180195840765</v>
      </c>
      <c r="L240">
        <f t="shared" si="44"/>
        <v>10.631606494003567</v>
      </c>
      <c r="M240">
        <f t="shared" si="45"/>
        <v>0</v>
      </c>
      <c r="N240" s="46">
        <f t="shared" si="46"/>
        <v>45300.583333332834</v>
      </c>
    </row>
    <row r="241" spans="2:14" x14ac:dyDescent="0.3">
      <c r="B241">
        <f t="shared" si="40"/>
        <v>2</v>
      </c>
      <c r="C241" s="16">
        <v>207</v>
      </c>
      <c r="D241" cm="1">
        <f t="array" ref="D241">IFERROR(INDEX(Jesper!AH$2:AH$366,ROUNDDOWN($C241/24,0)+1,1)*INDEX($D$3:$AA$30,INDEX(Jesper!$R$2:$R$366,ROW(INDEX(Jesper!AH$2:AH$366,ROUNDDOWN($C241/24,0)+1,1))-1)+IF('Standard Profiles'!$G$18=$B$10,7,0)+IF('Standard Profiles'!$G$18=$B$17,14,0)+IF('Standard Profiles'!$G$18=$B$24,21,0),MOD($C241,24)+1)/SUM(INDEX($D$3:$AA$30,INDEX(Jesper!$R$2:$R$366,ROW(INDEX(Jesper!AH$2:AH$366,ROUNDDOWN($C241/24,0)+1,1))-1)+IF('Standard Profiles'!$G$18=$B$10,7,0)+IF('Standard Profiles'!$G$18=$B$17,14,0)+IF('Standard Profiles'!$G$18=$B$24,21,0),0)),0)</f>
        <v>14.766120130560511</v>
      </c>
      <c r="E241" cm="1">
        <f t="array" ref="E241">IFERROR(INDEX(Jesper!AI$2:AI$366,ROUNDDOWN($C241/24,0)+1,1)*INDEX($D$3:$AA$30,INDEX(Jesper!$R$2:$R$366,ROW(INDEX(Jesper!AI$2:AI$366,ROUNDDOWN($C241/24,0)+1,1))-1)+IF('Standard Profiles'!$G$19=$B$10,7,0)+IF('Standard Profiles'!$G$19=$B$17,14,0)+IF('Standard Profiles'!$G$19=$B$24,21,0),MOD($C241,24)+1)/SUM(INDEX($D$3:$AA$30,INDEX(Jesper!$R$2:$R$366,ROW(INDEX(Jesper!AI$2:AI$366,ROUNDDOWN($C241/24,0)+1,1))-1)+IF('Standard Profiles'!$G$19=$B$10,7,0)+IF('Standard Profiles'!$G$19=$B$17,14,0)+IF('Standard Profiles'!$G$19=$B$24,21,0),0)),0)</f>
        <v>0</v>
      </c>
      <c r="F241" cm="1">
        <f t="array" ref="F241">IFERROR(INDEX(Jesper!AJ$2:AJ$366,ROUNDDOWN($C241/24,0)+1,1)*INDEX($D$3:$AA$30,INDEX(Jesper!$R$2:$R$366,ROW(INDEX(Jesper!AJ$2:AJ$366,ROUNDDOWN($C241/24,0)+1,1))-1)+IF('Standard Profiles'!$G$20=$B$10,7,0)+IF('Standard Profiles'!$G$20=$B$17,14,0)+IF('Standard Profiles'!$G$20=$B$24,21,0),MOD($C241,24)+1)/SUM(INDEX($D$3:$AA$30,INDEX(Jesper!$R$2:$R$366,ROW(INDEX(Jesper!AJ$2:AJ$366,ROUNDDOWN($C241/24,0)+1,1))-1)+IF('Standard Profiles'!$G$20=$B$10,7,0)+IF('Standard Profiles'!$G$20=$B$17,14,0)+IF('Standard Profiles'!$G$20=$B$24,21,0),0)),0)</f>
        <v>0</v>
      </c>
      <c r="G241" cm="1">
        <f t="array" ref="G241">IFERROR(INDEX(Jesper!AK$2:AK$366,ROUNDDOWN($C241/24,0)+1,1)*INDEX($D$3:$AA$30,INDEX(Jesper!$R$2:$R$366,ROW(INDEX(Jesper!AK$2:AK$366,ROUNDDOWN($C241/24,0)+1,1))-1)+IF('Standard Profiles'!$G$21=$B$10,7,0)+IF('Standard Profiles'!$G$21=$B$17,14,0)+IF('Standard Profiles'!$G$21=$B$24,21,0),MOD($C241,24)+1)/SUM(INDEX($D$3:$AA$30,INDEX(Jesper!$R$2:$R$366,ROW(INDEX(Jesper!AK$2:AK$366,ROUNDDOWN($C241/24,0)+1,1))-1)+IF('Standard Profiles'!$G$21=$B$10,7,0)+IF('Standard Profiles'!$G$21=$B$17,14,0)+IF('Standard Profiles'!$G$21=$B$24,21,0),0)),0)</f>
        <v>0</v>
      </c>
      <c r="H241" cm="1">
        <f t="array" ref="H241">IFERROR(INDEX(Jesper!AL$2:AL$366,ROUNDDOWN($C241/24,0)+1,1)*INDEX($D$3:$AA$30,INDEX(Jesper!$R$2:$R$366,ROW(INDEX(Jesper!AL$2:AL$366,ROUNDDOWN($C241/24,0)+1,1))-1)+IF('Standard Profiles'!$G$22=$B$10,7,0)+IF('Standard Profiles'!$G$22=$B$17,14,0)+IF('Standard Profiles'!$G$22=$B$24,21,0),MOD($C241,24)+1)/SUM(INDEX($D$3:$AA$30,INDEX(Jesper!$R$2:$R$366,ROW(INDEX(Jesper!AL$2:AL$366,ROUNDDOWN($C241/24,0)+1,1))-1)+IF('Standard Profiles'!$G$22=$B$10,7,0)+IF('Standard Profiles'!$G$22=$B$17,14,0)+IF('Standard Profiles'!$G$22=$B$24,21,0),0)),0)</f>
        <v>0</v>
      </c>
      <c r="I241">
        <f t="shared" si="41"/>
        <v>0.44298360391681529</v>
      </c>
      <c r="J241">
        <f t="shared" si="42"/>
        <v>1.4766120130560512</v>
      </c>
      <c r="K241">
        <f t="shared" si="43"/>
        <v>2.2149180195840765</v>
      </c>
      <c r="L241">
        <f t="shared" si="44"/>
        <v>10.631606494003567</v>
      </c>
      <c r="M241">
        <f t="shared" si="45"/>
        <v>0</v>
      </c>
      <c r="N241" s="46">
        <f t="shared" si="46"/>
        <v>45300.624999999498</v>
      </c>
    </row>
    <row r="242" spans="2:14" x14ac:dyDescent="0.3">
      <c r="B242">
        <f t="shared" si="40"/>
        <v>2</v>
      </c>
      <c r="C242" s="16">
        <v>208</v>
      </c>
      <c r="D242" cm="1">
        <f t="array" ref="D242">IFERROR(INDEX(Jesper!AH$2:AH$366,ROUNDDOWN($C242/24,0)+1,1)*INDEX($D$3:$AA$30,INDEX(Jesper!$R$2:$R$366,ROW(INDEX(Jesper!AH$2:AH$366,ROUNDDOWN($C242/24,0)+1,1))-1)+IF('Standard Profiles'!$G$18=$B$10,7,0)+IF('Standard Profiles'!$G$18=$B$17,14,0)+IF('Standard Profiles'!$G$18=$B$24,21,0),MOD($C242,24)+1)/SUM(INDEX($D$3:$AA$30,INDEX(Jesper!$R$2:$R$366,ROW(INDEX(Jesper!AH$2:AH$366,ROUNDDOWN($C242/24,0)+1,1))-1)+IF('Standard Profiles'!$G$18=$B$10,7,0)+IF('Standard Profiles'!$G$18=$B$17,14,0)+IF('Standard Profiles'!$G$18=$B$24,21,0),0)),0)</f>
        <v>14.766120130560511</v>
      </c>
      <c r="E242" cm="1">
        <f t="array" ref="E242">IFERROR(INDEX(Jesper!AI$2:AI$366,ROUNDDOWN($C242/24,0)+1,1)*INDEX($D$3:$AA$30,INDEX(Jesper!$R$2:$R$366,ROW(INDEX(Jesper!AI$2:AI$366,ROUNDDOWN($C242/24,0)+1,1))-1)+IF('Standard Profiles'!$G$19=$B$10,7,0)+IF('Standard Profiles'!$G$19=$B$17,14,0)+IF('Standard Profiles'!$G$19=$B$24,21,0),MOD($C242,24)+1)/SUM(INDEX($D$3:$AA$30,INDEX(Jesper!$R$2:$R$366,ROW(INDEX(Jesper!AI$2:AI$366,ROUNDDOWN($C242/24,0)+1,1))-1)+IF('Standard Profiles'!$G$19=$B$10,7,0)+IF('Standard Profiles'!$G$19=$B$17,14,0)+IF('Standard Profiles'!$G$19=$B$24,21,0),0)),0)</f>
        <v>0</v>
      </c>
      <c r="F242" cm="1">
        <f t="array" ref="F242">IFERROR(INDEX(Jesper!AJ$2:AJ$366,ROUNDDOWN($C242/24,0)+1,1)*INDEX($D$3:$AA$30,INDEX(Jesper!$R$2:$R$366,ROW(INDEX(Jesper!AJ$2:AJ$366,ROUNDDOWN($C242/24,0)+1,1))-1)+IF('Standard Profiles'!$G$20=$B$10,7,0)+IF('Standard Profiles'!$G$20=$B$17,14,0)+IF('Standard Profiles'!$G$20=$B$24,21,0),MOD($C242,24)+1)/SUM(INDEX($D$3:$AA$30,INDEX(Jesper!$R$2:$R$366,ROW(INDEX(Jesper!AJ$2:AJ$366,ROUNDDOWN($C242/24,0)+1,1))-1)+IF('Standard Profiles'!$G$20=$B$10,7,0)+IF('Standard Profiles'!$G$20=$B$17,14,0)+IF('Standard Profiles'!$G$20=$B$24,21,0),0)),0)</f>
        <v>0</v>
      </c>
      <c r="G242" cm="1">
        <f t="array" ref="G242">IFERROR(INDEX(Jesper!AK$2:AK$366,ROUNDDOWN($C242/24,0)+1,1)*INDEX($D$3:$AA$30,INDEX(Jesper!$R$2:$R$366,ROW(INDEX(Jesper!AK$2:AK$366,ROUNDDOWN($C242/24,0)+1,1))-1)+IF('Standard Profiles'!$G$21=$B$10,7,0)+IF('Standard Profiles'!$G$21=$B$17,14,0)+IF('Standard Profiles'!$G$21=$B$24,21,0),MOD($C242,24)+1)/SUM(INDEX($D$3:$AA$30,INDEX(Jesper!$R$2:$R$366,ROW(INDEX(Jesper!AK$2:AK$366,ROUNDDOWN($C242/24,0)+1,1))-1)+IF('Standard Profiles'!$G$21=$B$10,7,0)+IF('Standard Profiles'!$G$21=$B$17,14,0)+IF('Standard Profiles'!$G$21=$B$24,21,0),0)),0)</f>
        <v>0</v>
      </c>
      <c r="H242" cm="1">
        <f t="array" ref="H242">IFERROR(INDEX(Jesper!AL$2:AL$366,ROUNDDOWN($C242/24,0)+1,1)*INDEX($D$3:$AA$30,INDEX(Jesper!$R$2:$R$366,ROW(INDEX(Jesper!AL$2:AL$366,ROUNDDOWN($C242/24,0)+1,1))-1)+IF('Standard Profiles'!$G$22=$B$10,7,0)+IF('Standard Profiles'!$G$22=$B$17,14,0)+IF('Standard Profiles'!$G$22=$B$24,21,0),MOD($C242,24)+1)/SUM(INDEX($D$3:$AA$30,INDEX(Jesper!$R$2:$R$366,ROW(INDEX(Jesper!AL$2:AL$366,ROUNDDOWN($C242/24,0)+1,1))-1)+IF('Standard Profiles'!$G$22=$B$10,7,0)+IF('Standard Profiles'!$G$22=$B$17,14,0)+IF('Standard Profiles'!$G$22=$B$24,21,0),0)),0)</f>
        <v>0</v>
      </c>
      <c r="I242">
        <f t="shared" si="41"/>
        <v>0.44298360391681529</v>
      </c>
      <c r="J242">
        <f t="shared" si="42"/>
        <v>1.4766120130560512</v>
      </c>
      <c r="K242">
        <f t="shared" si="43"/>
        <v>2.2149180195840765</v>
      </c>
      <c r="L242">
        <f t="shared" si="44"/>
        <v>10.631606494003567</v>
      </c>
      <c r="M242">
        <f t="shared" si="45"/>
        <v>0</v>
      </c>
      <c r="N242" s="46">
        <f t="shared" si="46"/>
        <v>45300.666666666162</v>
      </c>
    </row>
    <row r="243" spans="2:14" x14ac:dyDescent="0.3">
      <c r="B243">
        <f t="shared" si="40"/>
        <v>2</v>
      </c>
      <c r="C243" s="16">
        <v>209</v>
      </c>
      <c r="D243" cm="1">
        <f t="array" ref="D243">IFERROR(INDEX(Jesper!AH$2:AH$366,ROUNDDOWN($C243/24,0)+1,1)*INDEX($D$3:$AA$30,INDEX(Jesper!$R$2:$R$366,ROW(INDEX(Jesper!AH$2:AH$366,ROUNDDOWN($C243/24,0)+1,1))-1)+IF('Standard Profiles'!$G$18=$B$10,7,0)+IF('Standard Profiles'!$G$18=$B$17,14,0)+IF('Standard Profiles'!$G$18=$B$24,21,0),MOD($C243,24)+1)/SUM(INDEX($D$3:$AA$30,INDEX(Jesper!$R$2:$R$366,ROW(INDEX(Jesper!AH$2:AH$366,ROUNDDOWN($C243/24,0)+1,1))-1)+IF('Standard Profiles'!$G$18=$B$10,7,0)+IF('Standard Profiles'!$G$18=$B$17,14,0)+IF('Standard Profiles'!$G$18=$B$24,21,0),0)),0)</f>
        <v>14.766120130560511</v>
      </c>
      <c r="E243" cm="1">
        <f t="array" ref="E243">IFERROR(INDEX(Jesper!AI$2:AI$366,ROUNDDOWN($C243/24,0)+1,1)*INDEX($D$3:$AA$30,INDEX(Jesper!$R$2:$R$366,ROW(INDEX(Jesper!AI$2:AI$366,ROUNDDOWN($C243/24,0)+1,1))-1)+IF('Standard Profiles'!$G$19=$B$10,7,0)+IF('Standard Profiles'!$G$19=$B$17,14,0)+IF('Standard Profiles'!$G$19=$B$24,21,0),MOD($C243,24)+1)/SUM(INDEX($D$3:$AA$30,INDEX(Jesper!$R$2:$R$366,ROW(INDEX(Jesper!AI$2:AI$366,ROUNDDOWN($C243/24,0)+1,1))-1)+IF('Standard Profiles'!$G$19=$B$10,7,0)+IF('Standard Profiles'!$G$19=$B$17,14,0)+IF('Standard Profiles'!$G$19=$B$24,21,0),0)),0)</f>
        <v>0</v>
      </c>
      <c r="F243" cm="1">
        <f t="array" ref="F243">IFERROR(INDEX(Jesper!AJ$2:AJ$366,ROUNDDOWN($C243/24,0)+1,1)*INDEX($D$3:$AA$30,INDEX(Jesper!$R$2:$R$366,ROW(INDEX(Jesper!AJ$2:AJ$366,ROUNDDOWN($C243/24,0)+1,1))-1)+IF('Standard Profiles'!$G$20=$B$10,7,0)+IF('Standard Profiles'!$G$20=$B$17,14,0)+IF('Standard Profiles'!$G$20=$B$24,21,0),MOD($C243,24)+1)/SUM(INDEX($D$3:$AA$30,INDEX(Jesper!$R$2:$R$366,ROW(INDEX(Jesper!AJ$2:AJ$366,ROUNDDOWN($C243/24,0)+1,1))-1)+IF('Standard Profiles'!$G$20=$B$10,7,0)+IF('Standard Profiles'!$G$20=$B$17,14,0)+IF('Standard Profiles'!$G$20=$B$24,21,0),0)),0)</f>
        <v>0</v>
      </c>
      <c r="G243" cm="1">
        <f t="array" ref="G243">IFERROR(INDEX(Jesper!AK$2:AK$366,ROUNDDOWN($C243/24,0)+1,1)*INDEX($D$3:$AA$30,INDEX(Jesper!$R$2:$R$366,ROW(INDEX(Jesper!AK$2:AK$366,ROUNDDOWN($C243/24,0)+1,1))-1)+IF('Standard Profiles'!$G$21=$B$10,7,0)+IF('Standard Profiles'!$G$21=$B$17,14,0)+IF('Standard Profiles'!$G$21=$B$24,21,0),MOD($C243,24)+1)/SUM(INDEX($D$3:$AA$30,INDEX(Jesper!$R$2:$R$366,ROW(INDEX(Jesper!AK$2:AK$366,ROUNDDOWN($C243/24,0)+1,1))-1)+IF('Standard Profiles'!$G$21=$B$10,7,0)+IF('Standard Profiles'!$G$21=$B$17,14,0)+IF('Standard Profiles'!$G$21=$B$24,21,0),0)),0)</f>
        <v>0</v>
      </c>
      <c r="H243" cm="1">
        <f t="array" ref="H243">IFERROR(INDEX(Jesper!AL$2:AL$366,ROUNDDOWN($C243/24,0)+1,1)*INDEX($D$3:$AA$30,INDEX(Jesper!$R$2:$R$366,ROW(INDEX(Jesper!AL$2:AL$366,ROUNDDOWN($C243/24,0)+1,1))-1)+IF('Standard Profiles'!$G$22=$B$10,7,0)+IF('Standard Profiles'!$G$22=$B$17,14,0)+IF('Standard Profiles'!$G$22=$B$24,21,0),MOD($C243,24)+1)/SUM(INDEX($D$3:$AA$30,INDEX(Jesper!$R$2:$R$366,ROW(INDEX(Jesper!AL$2:AL$366,ROUNDDOWN($C243/24,0)+1,1))-1)+IF('Standard Profiles'!$G$22=$B$10,7,0)+IF('Standard Profiles'!$G$22=$B$17,14,0)+IF('Standard Profiles'!$G$22=$B$24,21,0),0)),0)</f>
        <v>0</v>
      </c>
      <c r="I243">
        <f t="shared" si="41"/>
        <v>0.44298360391681529</v>
      </c>
      <c r="J243">
        <f t="shared" si="42"/>
        <v>1.4766120130560512</v>
      </c>
      <c r="K243">
        <f t="shared" si="43"/>
        <v>2.2149180195840765</v>
      </c>
      <c r="L243">
        <f t="shared" si="44"/>
        <v>10.631606494003567</v>
      </c>
      <c r="M243">
        <f t="shared" si="45"/>
        <v>0</v>
      </c>
      <c r="N243" s="46">
        <f t="shared" si="46"/>
        <v>45300.708333332826</v>
      </c>
    </row>
    <row r="244" spans="2:14" x14ac:dyDescent="0.3">
      <c r="B244">
        <f t="shared" si="40"/>
        <v>2</v>
      </c>
      <c r="C244" s="16">
        <v>210</v>
      </c>
      <c r="D244" cm="1">
        <f t="array" ref="D244">IFERROR(INDEX(Jesper!AH$2:AH$366,ROUNDDOWN($C244/24,0)+1,1)*INDEX($D$3:$AA$30,INDEX(Jesper!$R$2:$R$366,ROW(INDEX(Jesper!AH$2:AH$366,ROUNDDOWN($C244/24,0)+1,1))-1)+IF('Standard Profiles'!$G$18=$B$10,7,0)+IF('Standard Profiles'!$G$18=$B$17,14,0)+IF('Standard Profiles'!$G$18=$B$24,21,0),MOD($C244,24)+1)/SUM(INDEX($D$3:$AA$30,INDEX(Jesper!$R$2:$R$366,ROW(INDEX(Jesper!AH$2:AH$366,ROUNDDOWN($C244/24,0)+1,1))-1)+IF('Standard Profiles'!$G$18=$B$10,7,0)+IF('Standard Profiles'!$G$18=$B$17,14,0)+IF('Standard Profiles'!$G$18=$B$24,21,0),0)),0)</f>
        <v>14.766120130560511</v>
      </c>
      <c r="E244" cm="1">
        <f t="array" ref="E244">IFERROR(INDEX(Jesper!AI$2:AI$366,ROUNDDOWN($C244/24,0)+1,1)*INDEX($D$3:$AA$30,INDEX(Jesper!$R$2:$R$366,ROW(INDEX(Jesper!AI$2:AI$366,ROUNDDOWN($C244/24,0)+1,1))-1)+IF('Standard Profiles'!$G$19=$B$10,7,0)+IF('Standard Profiles'!$G$19=$B$17,14,0)+IF('Standard Profiles'!$G$19=$B$24,21,0),MOD($C244,24)+1)/SUM(INDEX($D$3:$AA$30,INDEX(Jesper!$R$2:$R$366,ROW(INDEX(Jesper!AI$2:AI$366,ROUNDDOWN($C244/24,0)+1,1))-1)+IF('Standard Profiles'!$G$19=$B$10,7,0)+IF('Standard Profiles'!$G$19=$B$17,14,0)+IF('Standard Profiles'!$G$19=$B$24,21,0),0)),0)</f>
        <v>0</v>
      </c>
      <c r="F244" cm="1">
        <f t="array" ref="F244">IFERROR(INDEX(Jesper!AJ$2:AJ$366,ROUNDDOWN($C244/24,0)+1,1)*INDEX($D$3:$AA$30,INDEX(Jesper!$R$2:$R$366,ROW(INDEX(Jesper!AJ$2:AJ$366,ROUNDDOWN($C244/24,0)+1,1))-1)+IF('Standard Profiles'!$G$20=$B$10,7,0)+IF('Standard Profiles'!$G$20=$B$17,14,0)+IF('Standard Profiles'!$G$20=$B$24,21,0),MOD($C244,24)+1)/SUM(INDEX($D$3:$AA$30,INDEX(Jesper!$R$2:$R$366,ROW(INDEX(Jesper!AJ$2:AJ$366,ROUNDDOWN($C244/24,0)+1,1))-1)+IF('Standard Profiles'!$G$20=$B$10,7,0)+IF('Standard Profiles'!$G$20=$B$17,14,0)+IF('Standard Profiles'!$G$20=$B$24,21,0),0)),0)</f>
        <v>0</v>
      </c>
      <c r="G244" cm="1">
        <f t="array" ref="G244">IFERROR(INDEX(Jesper!AK$2:AK$366,ROUNDDOWN($C244/24,0)+1,1)*INDEX($D$3:$AA$30,INDEX(Jesper!$R$2:$R$366,ROW(INDEX(Jesper!AK$2:AK$366,ROUNDDOWN($C244/24,0)+1,1))-1)+IF('Standard Profiles'!$G$21=$B$10,7,0)+IF('Standard Profiles'!$G$21=$B$17,14,0)+IF('Standard Profiles'!$G$21=$B$24,21,0),MOD($C244,24)+1)/SUM(INDEX($D$3:$AA$30,INDEX(Jesper!$R$2:$R$366,ROW(INDEX(Jesper!AK$2:AK$366,ROUNDDOWN($C244/24,0)+1,1))-1)+IF('Standard Profiles'!$G$21=$B$10,7,0)+IF('Standard Profiles'!$G$21=$B$17,14,0)+IF('Standard Profiles'!$G$21=$B$24,21,0),0)),0)</f>
        <v>0</v>
      </c>
      <c r="H244" cm="1">
        <f t="array" ref="H244">IFERROR(INDEX(Jesper!AL$2:AL$366,ROUNDDOWN($C244/24,0)+1,1)*INDEX($D$3:$AA$30,INDEX(Jesper!$R$2:$R$366,ROW(INDEX(Jesper!AL$2:AL$366,ROUNDDOWN($C244/24,0)+1,1))-1)+IF('Standard Profiles'!$G$22=$B$10,7,0)+IF('Standard Profiles'!$G$22=$B$17,14,0)+IF('Standard Profiles'!$G$22=$B$24,21,0),MOD($C244,24)+1)/SUM(INDEX($D$3:$AA$30,INDEX(Jesper!$R$2:$R$366,ROW(INDEX(Jesper!AL$2:AL$366,ROUNDDOWN($C244/24,0)+1,1))-1)+IF('Standard Profiles'!$G$22=$B$10,7,0)+IF('Standard Profiles'!$G$22=$B$17,14,0)+IF('Standard Profiles'!$G$22=$B$24,21,0),0)),0)</f>
        <v>0</v>
      </c>
      <c r="I244">
        <f t="shared" si="41"/>
        <v>0.44298360391681529</v>
      </c>
      <c r="J244">
        <f t="shared" si="42"/>
        <v>1.4766120130560512</v>
      </c>
      <c r="K244">
        <f t="shared" si="43"/>
        <v>2.2149180195840765</v>
      </c>
      <c r="L244">
        <f t="shared" si="44"/>
        <v>10.631606494003567</v>
      </c>
      <c r="M244">
        <f t="shared" si="45"/>
        <v>0</v>
      </c>
      <c r="N244" s="46">
        <f t="shared" si="46"/>
        <v>45300.749999999491</v>
      </c>
    </row>
    <row r="245" spans="2:14" x14ac:dyDescent="0.3">
      <c r="B245">
        <f t="shared" si="40"/>
        <v>2</v>
      </c>
      <c r="C245" s="16">
        <v>211</v>
      </c>
      <c r="D245" cm="1">
        <f t="array" ref="D245">IFERROR(INDEX(Jesper!AH$2:AH$366,ROUNDDOWN($C245/24,0)+1,1)*INDEX($D$3:$AA$30,INDEX(Jesper!$R$2:$R$366,ROW(INDEX(Jesper!AH$2:AH$366,ROUNDDOWN($C245/24,0)+1,1))-1)+IF('Standard Profiles'!$G$18=$B$10,7,0)+IF('Standard Profiles'!$G$18=$B$17,14,0)+IF('Standard Profiles'!$G$18=$B$24,21,0),MOD($C245,24)+1)/SUM(INDEX($D$3:$AA$30,INDEX(Jesper!$R$2:$R$366,ROW(INDEX(Jesper!AH$2:AH$366,ROUNDDOWN($C245/24,0)+1,1))-1)+IF('Standard Profiles'!$G$18=$B$10,7,0)+IF('Standard Profiles'!$G$18=$B$17,14,0)+IF('Standard Profiles'!$G$18=$B$24,21,0),0)),0)</f>
        <v>12.366625609344428</v>
      </c>
      <c r="E245" cm="1">
        <f t="array" ref="E245">IFERROR(INDEX(Jesper!AI$2:AI$366,ROUNDDOWN($C245/24,0)+1,1)*INDEX($D$3:$AA$30,INDEX(Jesper!$R$2:$R$366,ROW(INDEX(Jesper!AI$2:AI$366,ROUNDDOWN($C245/24,0)+1,1))-1)+IF('Standard Profiles'!$G$19=$B$10,7,0)+IF('Standard Profiles'!$G$19=$B$17,14,0)+IF('Standard Profiles'!$G$19=$B$24,21,0),MOD($C245,24)+1)/SUM(INDEX($D$3:$AA$30,INDEX(Jesper!$R$2:$R$366,ROW(INDEX(Jesper!AI$2:AI$366,ROUNDDOWN($C245/24,0)+1,1))-1)+IF('Standard Profiles'!$G$19=$B$10,7,0)+IF('Standard Profiles'!$G$19=$B$17,14,0)+IF('Standard Profiles'!$G$19=$B$24,21,0),0)),0)</f>
        <v>0</v>
      </c>
      <c r="F245" cm="1">
        <f t="array" ref="F245">IFERROR(INDEX(Jesper!AJ$2:AJ$366,ROUNDDOWN($C245/24,0)+1,1)*INDEX($D$3:$AA$30,INDEX(Jesper!$R$2:$R$366,ROW(INDEX(Jesper!AJ$2:AJ$366,ROUNDDOWN($C245/24,0)+1,1))-1)+IF('Standard Profiles'!$G$20=$B$10,7,0)+IF('Standard Profiles'!$G$20=$B$17,14,0)+IF('Standard Profiles'!$G$20=$B$24,21,0),MOD($C245,24)+1)/SUM(INDEX($D$3:$AA$30,INDEX(Jesper!$R$2:$R$366,ROW(INDEX(Jesper!AJ$2:AJ$366,ROUNDDOWN($C245/24,0)+1,1))-1)+IF('Standard Profiles'!$G$20=$B$10,7,0)+IF('Standard Profiles'!$G$20=$B$17,14,0)+IF('Standard Profiles'!$G$20=$B$24,21,0),0)),0)</f>
        <v>0</v>
      </c>
      <c r="G245" cm="1">
        <f t="array" ref="G245">IFERROR(INDEX(Jesper!AK$2:AK$366,ROUNDDOWN($C245/24,0)+1,1)*INDEX($D$3:$AA$30,INDEX(Jesper!$R$2:$R$366,ROW(INDEX(Jesper!AK$2:AK$366,ROUNDDOWN($C245/24,0)+1,1))-1)+IF('Standard Profiles'!$G$21=$B$10,7,0)+IF('Standard Profiles'!$G$21=$B$17,14,0)+IF('Standard Profiles'!$G$21=$B$24,21,0),MOD($C245,24)+1)/SUM(INDEX($D$3:$AA$30,INDEX(Jesper!$R$2:$R$366,ROW(INDEX(Jesper!AK$2:AK$366,ROUNDDOWN($C245/24,0)+1,1))-1)+IF('Standard Profiles'!$G$21=$B$10,7,0)+IF('Standard Profiles'!$G$21=$B$17,14,0)+IF('Standard Profiles'!$G$21=$B$24,21,0),0)),0)</f>
        <v>0</v>
      </c>
      <c r="H245" cm="1">
        <f t="array" ref="H245">IFERROR(INDEX(Jesper!AL$2:AL$366,ROUNDDOWN($C245/24,0)+1,1)*INDEX($D$3:$AA$30,INDEX(Jesper!$R$2:$R$366,ROW(INDEX(Jesper!AL$2:AL$366,ROUNDDOWN($C245/24,0)+1,1))-1)+IF('Standard Profiles'!$G$22=$B$10,7,0)+IF('Standard Profiles'!$G$22=$B$17,14,0)+IF('Standard Profiles'!$G$22=$B$24,21,0),MOD($C245,24)+1)/SUM(INDEX($D$3:$AA$30,INDEX(Jesper!$R$2:$R$366,ROW(INDEX(Jesper!AL$2:AL$366,ROUNDDOWN($C245/24,0)+1,1))-1)+IF('Standard Profiles'!$G$22=$B$10,7,0)+IF('Standard Profiles'!$G$22=$B$17,14,0)+IF('Standard Profiles'!$G$22=$B$24,21,0),0)),0)</f>
        <v>0</v>
      </c>
      <c r="I245">
        <f t="shared" si="41"/>
        <v>0.37099876828033285</v>
      </c>
      <c r="J245">
        <f t="shared" si="42"/>
        <v>1.2366625609344428</v>
      </c>
      <c r="K245">
        <f t="shared" si="43"/>
        <v>1.8549938414016642</v>
      </c>
      <c r="L245">
        <f t="shared" si="44"/>
        <v>8.9039704387279883</v>
      </c>
      <c r="M245">
        <f t="shared" si="45"/>
        <v>0</v>
      </c>
      <c r="N245" s="46">
        <f t="shared" si="46"/>
        <v>45300.791666666155</v>
      </c>
    </row>
    <row r="246" spans="2:14" x14ac:dyDescent="0.3">
      <c r="B246">
        <f t="shared" si="40"/>
        <v>2</v>
      </c>
      <c r="C246" s="16">
        <v>212</v>
      </c>
      <c r="D246" cm="1">
        <f t="array" ref="D246">IFERROR(INDEX(Jesper!AH$2:AH$366,ROUNDDOWN($C246/24,0)+1,1)*INDEX($D$3:$AA$30,INDEX(Jesper!$R$2:$R$366,ROW(INDEX(Jesper!AH$2:AH$366,ROUNDDOWN($C246/24,0)+1,1))-1)+IF('Standard Profiles'!$G$18=$B$10,7,0)+IF('Standard Profiles'!$G$18=$B$17,14,0)+IF('Standard Profiles'!$G$18=$B$24,21,0),MOD($C246,24)+1)/SUM(INDEX($D$3:$AA$30,INDEX(Jesper!$R$2:$R$366,ROW(INDEX(Jesper!AH$2:AH$366,ROUNDDOWN($C246/24,0)+1,1))-1)+IF('Standard Profiles'!$G$18=$B$10,7,0)+IF('Standard Profiles'!$G$18=$B$17,14,0)+IF('Standard Profiles'!$G$18=$B$24,21,0),0)),0)</f>
        <v>10.151707589760351</v>
      </c>
      <c r="E246" cm="1">
        <f t="array" ref="E246">IFERROR(INDEX(Jesper!AI$2:AI$366,ROUNDDOWN($C246/24,0)+1,1)*INDEX($D$3:$AA$30,INDEX(Jesper!$R$2:$R$366,ROW(INDEX(Jesper!AI$2:AI$366,ROUNDDOWN($C246/24,0)+1,1))-1)+IF('Standard Profiles'!$G$19=$B$10,7,0)+IF('Standard Profiles'!$G$19=$B$17,14,0)+IF('Standard Profiles'!$G$19=$B$24,21,0),MOD($C246,24)+1)/SUM(INDEX($D$3:$AA$30,INDEX(Jesper!$R$2:$R$366,ROW(INDEX(Jesper!AI$2:AI$366,ROUNDDOWN($C246/24,0)+1,1))-1)+IF('Standard Profiles'!$G$19=$B$10,7,0)+IF('Standard Profiles'!$G$19=$B$17,14,0)+IF('Standard Profiles'!$G$19=$B$24,21,0),0)),0)</f>
        <v>0</v>
      </c>
      <c r="F246" cm="1">
        <f t="array" ref="F246">IFERROR(INDEX(Jesper!AJ$2:AJ$366,ROUNDDOWN($C246/24,0)+1,1)*INDEX($D$3:$AA$30,INDEX(Jesper!$R$2:$R$366,ROW(INDEX(Jesper!AJ$2:AJ$366,ROUNDDOWN($C246/24,0)+1,1))-1)+IF('Standard Profiles'!$G$20=$B$10,7,0)+IF('Standard Profiles'!$G$20=$B$17,14,0)+IF('Standard Profiles'!$G$20=$B$24,21,0),MOD($C246,24)+1)/SUM(INDEX($D$3:$AA$30,INDEX(Jesper!$R$2:$R$366,ROW(INDEX(Jesper!AJ$2:AJ$366,ROUNDDOWN($C246/24,0)+1,1))-1)+IF('Standard Profiles'!$G$20=$B$10,7,0)+IF('Standard Profiles'!$G$20=$B$17,14,0)+IF('Standard Profiles'!$G$20=$B$24,21,0),0)),0)</f>
        <v>0</v>
      </c>
      <c r="G246" cm="1">
        <f t="array" ref="G246">IFERROR(INDEX(Jesper!AK$2:AK$366,ROUNDDOWN($C246/24,0)+1,1)*INDEX($D$3:$AA$30,INDEX(Jesper!$R$2:$R$366,ROW(INDEX(Jesper!AK$2:AK$366,ROUNDDOWN($C246/24,0)+1,1))-1)+IF('Standard Profiles'!$G$21=$B$10,7,0)+IF('Standard Profiles'!$G$21=$B$17,14,0)+IF('Standard Profiles'!$G$21=$B$24,21,0),MOD($C246,24)+1)/SUM(INDEX($D$3:$AA$30,INDEX(Jesper!$R$2:$R$366,ROW(INDEX(Jesper!AK$2:AK$366,ROUNDDOWN($C246/24,0)+1,1))-1)+IF('Standard Profiles'!$G$21=$B$10,7,0)+IF('Standard Profiles'!$G$21=$B$17,14,0)+IF('Standard Profiles'!$G$21=$B$24,21,0),0)),0)</f>
        <v>0</v>
      </c>
      <c r="H246" cm="1">
        <f t="array" ref="H246">IFERROR(INDEX(Jesper!AL$2:AL$366,ROUNDDOWN($C246/24,0)+1,1)*INDEX($D$3:$AA$30,INDEX(Jesper!$R$2:$R$366,ROW(INDEX(Jesper!AL$2:AL$366,ROUNDDOWN($C246/24,0)+1,1))-1)+IF('Standard Profiles'!$G$22=$B$10,7,0)+IF('Standard Profiles'!$G$22=$B$17,14,0)+IF('Standard Profiles'!$G$22=$B$24,21,0),MOD($C246,24)+1)/SUM(INDEX($D$3:$AA$30,INDEX(Jesper!$R$2:$R$366,ROW(INDEX(Jesper!AL$2:AL$366,ROUNDDOWN($C246/24,0)+1,1))-1)+IF('Standard Profiles'!$G$22=$B$10,7,0)+IF('Standard Profiles'!$G$22=$B$17,14,0)+IF('Standard Profiles'!$G$22=$B$24,21,0),0)),0)</f>
        <v>0</v>
      </c>
      <c r="I246">
        <f t="shared" si="41"/>
        <v>0.30455122769281051</v>
      </c>
      <c r="J246">
        <f t="shared" si="42"/>
        <v>1.015170758976035</v>
      </c>
      <c r="K246">
        <f t="shared" si="43"/>
        <v>1.5227561384640527</v>
      </c>
      <c r="L246">
        <f t="shared" si="44"/>
        <v>7.3092294646274523</v>
      </c>
      <c r="M246">
        <f t="shared" si="45"/>
        <v>0</v>
      </c>
      <c r="N246" s="46">
        <f t="shared" si="46"/>
        <v>45300.833333332819</v>
      </c>
    </row>
    <row r="247" spans="2:14" x14ac:dyDescent="0.3">
      <c r="B247">
        <f t="shared" si="40"/>
        <v>2</v>
      </c>
      <c r="C247" s="16">
        <v>213</v>
      </c>
      <c r="D247" cm="1">
        <f t="array" ref="D247">IFERROR(INDEX(Jesper!AH$2:AH$366,ROUNDDOWN($C247/24,0)+1,1)*INDEX($D$3:$AA$30,INDEX(Jesper!$R$2:$R$366,ROW(INDEX(Jesper!AH$2:AH$366,ROUNDDOWN($C247/24,0)+1,1))-1)+IF('Standard Profiles'!$G$18=$B$10,7,0)+IF('Standard Profiles'!$G$18=$B$17,14,0)+IF('Standard Profiles'!$G$18=$B$24,21,0),MOD($C247,24)+1)/SUM(INDEX($D$3:$AA$30,INDEX(Jesper!$R$2:$R$366,ROW(INDEX(Jesper!AH$2:AH$366,ROUNDDOWN($C247/24,0)+1,1))-1)+IF('Standard Profiles'!$G$18=$B$10,7,0)+IF('Standard Profiles'!$G$18=$B$17,14,0)+IF('Standard Profiles'!$G$18=$B$24,21,0),0)),0)</f>
        <v>7.3830600652802554</v>
      </c>
      <c r="E247" cm="1">
        <f t="array" ref="E247">IFERROR(INDEX(Jesper!AI$2:AI$366,ROUNDDOWN($C247/24,0)+1,1)*INDEX($D$3:$AA$30,INDEX(Jesper!$R$2:$R$366,ROW(INDEX(Jesper!AI$2:AI$366,ROUNDDOWN($C247/24,0)+1,1))-1)+IF('Standard Profiles'!$G$19=$B$10,7,0)+IF('Standard Profiles'!$G$19=$B$17,14,0)+IF('Standard Profiles'!$G$19=$B$24,21,0),MOD($C247,24)+1)/SUM(INDEX($D$3:$AA$30,INDEX(Jesper!$R$2:$R$366,ROW(INDEX(Jesper!AI$2:AI$366,ROUNDDOWN($C247/24,0)+1,1))-1)+IF('Standard Profiles'!$G$19=$B$10,7,0)+IF('Standard Profiles'!$G$19=$B$17,14,0)+IF('Standard Profiles'!$G$19=$B$24,21,0),0)),0)</f>
        <v>0</v>
      </c>
      <c r="F247" cm="1">
        <f t="array" ref="F247">IFERROR(INDEX(Jesper!AJ$2:AJ$366,ROUNDDOWN($C247/24,0)+1,1)*INDEX($D$3:$AA$30,INDEX(Jesper!$R$2:$R$366,ROW(INDEX(Jesper!AJ$2:AJ$366,ROUNDDOWN($C247/24,0)+1,1))-1)+IF('Standard Profiles'!$G$20=$B$10,7,0)+IF('Standard Profiles'!$G$20=$B$17,14,0)+IF('Standard Profiles'!$G$20=$B$24,21,0),MOD($C247,24)+1)/SUM(INDEX($D$3:$AA$30,INDEX(Jesper!$R$2:$R$366,ROW(INDEX(Jesper!AJ$2:AJ$366,ROUNDDOWN($C247/24,0)+1,1))-1)+IF('Standard Profiles'!$G$20=$B$10,7,0)+IF('Standard Profiles'!$G$20=$B$17,14,0)+IF('Standard Profiles'!$G$20=$B$24,21,0),0)),0)</f>
        <v>0</v>
      </c>
      <c r="G247" cm="1">
        <f t="array" ref="G247">IFERROR(INDEX(Jesper!AK$2:AK$366,ROUNDDOWN($C247/24,0)+1,1)*INDEX($D$3:$AA$30,INDEX(Jesper!$R$2:$R$366,ROW(INDEX(Jesper!AK$2:AK$366,ROUNDDOWN($C247/24,0)+1,1))-1)+IF('Standard Profiles'!$G$21=$B$10,7,0)+IF('Standard Profiles'!$G$21=$B$17,14,0)+IF('Standard Profiles'!$G$21=$B$24,21,0),MOD($C247,24)+1)/SUM(INDEX($D$3:$AA$30,INDEX(Jesper!$R$2:$R$366,ROW(INDEX(Jesper!AK$2:AK$366,ROUNDDOWN($C247/24,0)+1,1))-1)+IF('Standard Profiles'!$G$21=$B$10,7,0)+IF('Standard Profiles'!$G$21=$B$17,14,0)+IF('Standard Profiles'!$G$21=$B$24,21,0),0)),0)</f>
        <v>0</v>
      </c>
      <c r="H247" cm="1">
        <f t="array" ref="H247">IFERROR(INDEX(Jesper!AL$2:AL$366,ROUNDDOWN($C247/24,0)+1,1)*INDEX($D$3:$AA$30,INDEX(Jesper!$R$2:$R$366,ROW(INDEX(Jesper!AL$2:AL$366,ROUNDDOWN($C247/24,0)+1,1))-1)+IF('Standard Profiles'!$G$22=$B$10,7,0)+IF('Standard Profiles'!$G$22=$B$17,14,0)+IF('Standard Profiles'!$G$22=$B$24,21,0),MOD($C247,24)+1)/SUM(INDEX($D$3:$AA$30,INDEX(Jesper!$R$2:$R$366,ROW(INDEX(Jesper!AL$2:AL$366,ROUNDDOWN($C247/24,0)+1,1))-1)+IF('Standard Profiles'!$G$22=$B$10,7,0)+IF('Standard Profiles'!$G$22=$B$17,14,0)+IF('Standard Profiles'!$G$22=$B$24,21,0),0)),0)</f>
        <v>0</v>
      </c>
      <c r="I247">
        <f t="shared" si="41"/>
        <v>0.22149180195840765</v>
      </c>
      <c r="J247">
        <f t="shared" si="42"/>
        <v>0.73830600652802558</v>
      </c>
      <c r="K247">
        <f t="shared" si="43"/>
        <v>1.1074590097920383</v>
      </c>
      <c r="L247">
        <f t="shared" si="44"/>
        <v>5.3158032470017833</v>
      </c>
      <c r="M247">
        <f t="shared" si="45"/>
        <v>0</v>
      </c>
      <c r="N247" s="46">
        <f t="shared" si="46"/>
        <v>45300.874999999483</v>
      </c>
    </row>
    <row r="248" spans="2:14" x14ac:dyDescent="0.3">
      <c r="B248">
        <f t="shared" si="40"/>
        <v>2</v>
      </c>
      <c r="C248" s="16">
        <v>214</v>
      </c>
      <c r="D248" cm="1">
        <f t="array" ref="D248">IFERROR(INDEX(Jesper!AH$2:AH$366,ROUNDDOWN($C248/24,0)+1,1)*INDEX($D$3:$AA$30,INDEX(Jesper!$R$2:$R$366,ROW(INDEX(Jesper!AH$2:AH$366,ROUNDDOWN($C248/24,0)+1,1))-1)+IF('Standard Profiles'!$G$18=$B$10,7,0)+IF('Standard Profiles'!$G$18=$B$17,14,0)+IF('Standard Profiles'!$G$18=$B$24,21,0),MOD($C248,24)+1)/SUM(INDEX($D$3:$AA$30,INDEX(Jesper!$R$2:$R$366,ROW(INDEX(Jesper!AH$2:AH$366,ROUNDDOWN($C248/24,0)+1,1))-1)+IF('Standard Profiles'!$G$18=$B$10,7,0)+IF('Standard Profiles'!$G$18=$B$17,14,0)+IF('Standard Profiles'!$G$18=$B$24,21,0),0)),0)</f>
        <v>7.3830600652802554</v>
      </c>
      <c r="E248" cm="1">
        <f t="array" ref="E248">IFERROR(INDEX(Jesper!AI$2:AI$366,ROUNDDOWN($C248/24,0)+1,1)*INDEX($D$3:$AA$30,INDEX(Jesper!$R$2:$R$366,ROW(INDEX(Jesper!AI$2:AI$366,ROUNDDOWN($C248/24,0)+1,1))-1)+IF('Standard Profiles'!$G$19=$B$10,7,0)+IF('Standard Profiles'!$G$19=$B$17,14,0)+IF('Standard Profiles'!$G$19=$B$24,21,0),MOD($C248,24)+1)/SUM(INDEX($D$3:$AA$30,INDEX(Jesper!$R$2:$R$366,ROW(INDEX(Jesper!AI$2:AI$366,ROUNDDOWN($C248/24,0)+1,1))-1)+IF('Standard Profiles'!$G$19=$B$10,7,0)+IF('Standard Profiles'!$G$19=$B$17,14,0)+IF('Standard Profiles'!$G$19=$B$24,21,0),0)),0)</f>
        <v>0</v>
      </c>
      <c r="F248" cm="1">
        <f t="array" ref="F248">IFERROR(INDEX(Jesper!AJ$2:AJ$366,ROUNDDOWN($C248/24,0)+1,1)*INDEX($D$3:$AA$30,INDEX(Jesper!$R$2:$R$366,ROW(INDEX(Jesper!AJ$2:AJ$366,ROUNDDOWN($C248/24,0)+1,1))-1)+IF('Standard Profiles'!$G$20=$B$10,7,0)+IF('Standard Profiles'!$G$20=$B$17,14,0)+IF('Standard Profiles'!$G$20=$B$24,21,0),MOD($C248,24)+1)/SUM(INDEX($D$3:$AA$30,INDEX(Jesper!$R$2:$R$366,ROW(INDEX(Jesper!AJ$2:AJ$366,ROUNDDOWN($C248/24,0)+1,1))-1)+IF('Standard Profiles'!$G$20=$B$10,7,0)+IF('Standard Profiles'!$G$20=$B$17,14,0)+IF('Standard Profiles'!$G$20=$B$24,21,0),0)),0)</f>
        <v>0</v>
      </c>
      <c r="G248" cm="1">
        <f t="array" ref="G248">IFERROR(INDEX(Jesper!AK$2:AK$366,ROUNDDOWN($C248/24,0)+1,1)*INDEX($D$3:$AA$30,INDEX(Jesper!$R$2:$R$366,ROW(INDEX(Jesper!AK$2:AK$366,ROUNDDOWN($C248/24,0)+1,1))-1)+IF('Standard Profiles'!$G$21=$B$10,7,0)+IF('Standard Profiles'!$G$21=$B$17,14,0)+IF('Standard Profiles'!$G$21=$B$24,21,0),MOD($C248,24)+1)/SUM(INDEX($D$3:$AA$30,INDEX(Jesper!$R$2:$R$366,ROW(INDEX(Jesper!AK$2:AK$366,ROUNDDOWN($C248/24,0)+1,1))-1)+IF('Standard Profiles'!$G$21=$B$10,7,0)+IF('Standard Profiles'!$G$21=$B$17,14,0)+IF('Standard Profiles'!$G$21=$B$24,21,0),0)),0)</f>
        <v>0</v>
      </c>
      <c r="H248" cm="1">
        <f t="array" ref="H248">IFERROR(INDEX(Jesper!AL$2:AL$366,ROUNDDOWN($C248/24,0)+1,1)*INDEX($D$3:$AA$30,INDEX(Jesper!$R$2:$R$366,ROW(INDEX(Jesper!AL$2:AL$366,ROUNDDOWN($C248/24,0)+1,1))-1)+IF('Standard Profiles'!$G$22=$B$10,7,0)+IF('Standard Profiles'!$G$22=$B$17,14,0)+IF('Standard Profiles'!$G$22=$B$24,21,0),MOD($C248,24)+1)/SUM(INDEX($D$3:$AA$30,INDEX(Jesper!$R$2:$R$366,ROW(INDEX(Jesper!AL$2:AL$366,ROUNDDOWN($C248/24,0)+1,1))-1)+IF('Standard Profiles'!$G$22=$B$10,7,0)+IF('Standard Profiles'!$G$22=$B$17,14,0)+IF('Standard Profiles'!$G$22=$B$24,21,0),0)),0)</f>
        <v>0</v>
      </c>
      <c r="I248">
        <f t="shared" si="41"/>
        <v>0.22149180195840765</v>
      </c>
      <c r="J248">
        <f t="shared" si="42"/>
        <v>0.73830600652802558</v>
      </c>
      <c r="K248">
        <f t="shared" si="43"/>
        <v>1.1074590097920383</v>
      </c>
      <c r="L248">
        <f t="shared" si="44"/>
        <v>5.3158032470017833</v>
      </c>
      <c r="M248">
        <f t="shared" si="45"/>
        <v>0</v>
      </c>
      <c r="N248" s="46">
        <f t="shared" si="46"/>
        <v>45300.916666666148</v>
      </c>
    </row>
    <row r="249" spans="2:14" x14ac:dyDescent="0.3">
      <c r="B249">
        <f t="shared" si="40"/>
        <v>2</v>
      </c>
      <c r="C249" s="16">
        <v>215</v>
      </c>
      <c r="D249" cm="1">
        <f t="array" ref="D249">IFERROR(INDEX(Jesper!AH$2:AH$366,ROUNDDOWN($C249/24,0)+1,1)*INDEX($D$3:$AA$30,INDEX(Jesper!$R$2:$R$366,ROW(INDEX(Jesper!AH$2:AH$366,ROUNDDOWN($C249/24,0)+1,1))-1)+IF('Standard Profiles'!$G$18=$B$10,7,0)+IF('Standard Profiles'!$G$18=$B$17,14,0)+IF('Standard Profiles'!$G$18=$B$24,21,0),MOD($C249,24)+1)/SUM(INDEX($D$3:$AA$30,INDEX(Jesper!$R$2:$R$366,ROW(INDEX(Jesper!AH$2:AH$366,ROUNDDOWN($C249/24,0)+1,1))-1)+IF('Standard Profiles'!$G$18=$B$10,7,0)+IF('Standard Profiles'!$G$18=$B$17,14,0)+IF('Standard Profiles'!$G$18=$B$24,21,0),0)),0)</f>
        <v>7.3830600652802554</v>
      </c>
      <c r="E249" cm="1">
        <f t="array" ref="E249">IFERROR(INDEX(Jesper!AI$2:AI$366,ROUNDDOWN($C249/24,0)+1,1)*INDEX($D$3:$AA$30,INDEX(Jesper!$R$2:$R$366,ROW(INDEX(Jesper!AI$2:AI$366,ROUNDDOWN($C249/24,0)+1,1))-1)+IF('Standard Profiles'!$G$19=$B$10,7,0)+IF('Standard Profiles'!$G$19=$B$17,14,0)+IF('Standard Profiles'!$G$19=$B$24,21,0),MOD($C249,24)+1)/SUM(INDEX($D$3:$AA$30,INDEX(Jesper!$R$2:$R$366,ROW(INDEX(Jesper!AI$2:AI$366,ROUNDDOWN($C249/24,0)+1,1))-1)+IF('Standard Profiles'!$G$19=$B$10,7,0)+IF('Standard Profiles'!$G$19=$B$17,14,0)+IF('Standard Profiles'!$G$19=$B$24,21,0),0)),0)</f>
        <v>0</v>
      </c>
      <c r="F249" cm="1">
        <f t="array" ref="F249">IFERROR(INDEX(Jesper!AJ$2:AJ$366,ROUNDDOWN($C249/24,0)+1,1)*INDEX($D$3:$AA$30,INDEX(Jesper!$R$2:$R$366,ROW(INDEX(Jesper!AJ$2:AJ$366,ROUNDDOWN($C249/24,0)+1,1))-1)+IF('Standard Profiles'!$G$20=$B$10,7,0)+IF('Standard Profiles'!$G$20=$B$17,14,0)+IF('Standard Profiles'!$G$20=$B$24,21,0),MOD($C249,24)+1)/SUM(INDEX($D$3:$AA$30,INDEX(Jesper!$R$2:$R$366,ROW(INDEX(Jesper!AJ$2:AJ$366,ROUNDDOWN($C249/24,0)+1,1))-1)+IF('Standard Profiles'!$G$20=$B$10,7,0)+IF('Standard Profiles'!$G$20=$B$17,14,0)+IF('Standard Profiles'!$G$20=$B$24,21,0),0)),0)</f>
        <v>0</v>
      </c>
      <c r="G249" cm="1">
        <f t="array" ref="G249">IFERROR(INDEX(Jesper!AK$2:AK$366,ROUNDDOWN($C249/24,0)+1,1)*INDEX($D$3:$AA$30,INDEX(Jesper!$R$2:$R$366,ROW(INDEX(Jesper!AK$2:AK$366,ROUNDDOWN($C249/24,0)+1,1))-1)+IF('Standard Profiles'!$G$21=$B$10,7,0)+IF('Standard Profiles'!$G$21=$B$17,14,0)+IF('Standard Profiles'!$G$21=$B$24,21,0),MOD($C249,24)+1)/SUM(INDEX($D$3:$AA$30,INDEX(Jesper!$R$2:$R$366,ROW(INDEX(Jesper!AK$2:AK$366,ROUNDDOWN($C249/24,0)+1,1))-1)+IF('Standard Profiles'!$G$21=$B$10,7,0)+IF('Standard Profiles'!$G$21=$B$17,14,0)+IF('Standard Profiles'!$G$21=$B$24,21,0),0)),0)</f>
        <v>0</v>
      </c>
      <c r="H249" cm="1">
        <f t="array" ref="H249">IFERROR(INDEX(Jesper!AL$2:AL$366,ROUNDDOWN($C249/24,0)+1,1)*INDEX($D$3:$AA$30,INDEX(Jesper!$R$2:$R$366,ROW(INDEX(Jesper!AL$2:AL$366,ROUNDDOWN($C249/24,0)+1,1))-1)+IF('Standard Profiles'!$G$22=$B$10,7,0)+IF('Standard Profiles'!$G$22=$B$17,14,0)+IF('Standard Profiles'!$G$22=$B$24,21,0),MOD($C249,24)+1)/SUM(INDEX($D$3:$AA$30,INDEX(Jesper!$R$2:$R$366,ROW(INDEX(Jesper!AL$2:AL$366,ROUNDDOWN($C249/24,0)+1,1))-1)+IF('Standard Profiles'!$G$22=$B$10,7,0)+IF('Standard Profiles'!$G$22=$B$17,14,0)+IF('Standard Profiles'!$G$22=$B$24,21,0),0)),0)</f>
        <v>0</v>
      </c>
      <c r="I249">
        <f t="shared" si="41"/>
        <v>0.22149180195840765</v>
      </c>
      <c r="J249">
        <f t="shared" si="42"/>
        <v>0.73830600652802558</v>
      </c>
      <c r="K249">
        <f t="shared" si="43"/>
        <v>1.1074590097920383</v>
      </c>
      <c r="L249">
        <f t="shared" si="44"/>
        <v>5.3158032470017833</v>
      </c>
      <c r="M249">
        <f t="shared" si="45"/>
        <v>0</v>
      </c>
      <c r="N249" s="46">
        <f t="shared" si="46"/>
        <v>45300.958333332812</v>
      </c>
    </row>
    <row r="250" spans="2:14" x14ac:dyDescent="0.3">
      <c r="B250">
        <f t="shared" si="40"/>
        <v>3</v>
      </c>
      <c r="C250" s="16">
        <v>216</v>
      </c>
      <c r="D250" cm="1">
        <f t="array" ref="D250">IFERROR(INDEX(Jesper!AH$2:AH$366,ROUNDDOWN($C250/24,0)+1,1)*INDEX($D$3:$AA$30,INDEX(Jesper!$R$2:$R$366,ROW(INDEX(Jesper!AH$2:AH$366,ROUNDDOWN($C250/24,0)+1,1))-1)+IF('Standard Profiles'!$G$18=$B$10,7,0)+IF('Standard Profiles'!$G$18=$B$17,14,0)+IF('Standard Profiles'!$G$18=$B$24,21,0),MOD($C250,24)+1)/SUM(INDEX($D$3:$AA$30,INDEX(Jesper!$R$2:$R$366,ROW(INDEX(Jesper!AH$2:AH$366,ROUNDDOWN($C250/24,0)+1,1))-1)+IF('Standard Profiles'!$G$18=$B$10,7,0)+IF('Standard Profiles'!$G$18=$B$17,14,0)+IF('Standard Profiles'!$G$18=$B$24,21,0),0)),0)</f>
        <v>6.7137044028999862</v>
      </c>
      <c r="E250" cm="1">
        <f t="array" ref="E250">IFERROR(INDEX(Jesper!AI$2:AI$366,ROUNDDOWN($C250/24,0)+1,1)*INDEX($D$3:$AA$30,INDEX(Jesper!$R$2:$R$366,ROW(INDEX(Jesper!AI$2:AI$366,ROUNDDOWN($C250/24,0)+1,1))-1)+IF('Standard Profiles'!$G$19=$B$10,7,0)+IF('Standard Profiles'!$G$19=$B$17,14,0)+IF('Standard Profiles'!$G$19=$B$24,21,0),MOD($C250,24)+1)/SUM(INDEX($D$3:$AA$30,INDEX(Jesper!$R$2:$R$366,ROW(INDEX(Jesper!AI$2:AI$366,ROUNDDOWN($C250/24,0)+1,1))-1)+IF('Standard Profiles'!$G$19=$B$10,7,0)+IF('Standard Profiles'!$G$19=$B$17,14,0)+IF('Standard Profiles'!$G$19=$B$24,21,0),0)),0)</f>
        <v>0</v>
      </c>
      <c r="F250" cm="1">
        <f t="array" ref="F250">IFERROR(INDEX(Jesper!AJ$2:AJ$366,ROUNDDOWN($C250/24,0)+1,1)*INDEX($D$3:$AA$30,INDEX(Jesper!$R$2:$R$366,ROW(INDEX(Jesper!AJ$2:AJ$366,ROUNDDOWN($C250/24,0)+1,1))-1)+IF('Standard Profiles'!$G$20=$B$10,7,0)+IF('Standard Profiles'!$G$20=$B$17,14,0)+IF('Standard Profiles'!$G$20=$B$24,21,0),MOD($C250,24)+1)/SUM(INDEX($D$3:$AA$30,INDEX(Jesper!$R$2:$R$366,ROW(INDEX(Jesper!AJ$2:AJ$366,ROUNDDOWN($C250/24,0)+1,1))-1)+IF('Standard Profiles'!$G$20=$B$10,7,0)+IF('Standard Profiles'!$G$20=$B$17,14,0)+IF('Standard Profiles'!$G$20=$B$24,21,0),0)),0)</f>
        <v>0</v>
      </c>
      <c r="G250" cm="1">
        <f t="array" ref="G250">IFERROR(INDEX(Jesper!AK$2:AK$366,ROUNDDOWN($C250/24,0)+1,1)*INDEX($D$3:$AA$30,INDEX(Jesper!$R$2:$R$366,ROW(INDEX(Jesper!AK$2:AK$366,ROUNDDOWN($C250/24,0)+1,1))-1)+IF('Standard Profiles'!$G$21=$B$10,7,0)+IF('Standard Profiles'!$G$21=$B$17,14,0)+IF('Standard Profiles'!$G$21=$B$24,21,0),MOD($C250,24)+1)/SUM(INDEX($D$3:$AA$30,INDEX(Jesper!$R$2:$R$366,ROW(INDEX(Jesper!AK$2:AK$366,ROUNDDOWN($C250/24,0)+1,1))-1)+IF('Standard Profiles'!$G$21=$B$10,7,0)+IF('Standard Profiles'!$G$21=$B$17,14,0)+IF('Standard Profiles'!$G$21=$B$24,21,0),0)),0)</f>
        <v>0</v>
      </c>
      <c r="H250" cm="1">
        <f t="array" ref="H250">IFERROR(INDEX(Jesper!AL$2:AL$366,ROUNDDOWN($C250/24,0)+1,1)*INDEX($D$3:$AA$30,INDEX(Jesper!$R$2:$R$366,ROW(INDEX(Jesper!AL$2:AL$366,ROUNDDOWN($C250/24,0)+1,1))-1)+IF('Standard Profiles'!$G$22=$B$10,7,0)+IF('Standard Profiles'!$G$22=$B$17,14,0)+IF('Standard Profiles'!$G$22=$B$24,21,0),MOD($C250,24)+1)/SUM(INDEX($D$3:$AA$30,INDEX(Jesper!$R$2:$R$366,ROW(INDEX(Jesper!AL$2:AL$366,ROUNDDOWN($C250/24,0)+1,1))-1)+IF('Standard Profiles'!$G$22=$B$10,7,0)+IF('Standard Profiles'!$G$22=$B$17,14,0)+IF('Standard Profiles'!$G$22=$B$24,21,0),0)),0)</f>
        <v>0</v>
      </c>
      <c r="I250">
        <f t="shared" si="41"/>
        <v>0.20141113208699957</v>
      </c>
      <c r="J250">
        <f t="shared" si="42"/>
        <v>0.6713704402899987</v>
      </c>
      <c r="K250">
        <f t="shared" si="43"/>
        <v>1.0070556604349978</v>
      </c>
      <c r="L250">
        <f t="shared" si="44"/>
        <v>4.8338671700879896</v>
      </c>
      <c r="M250">
        <f t="shared" si="45"/>
        <v>0</v>
      </c>
      <c r="N250" s="46">
        <f t="shared" si="46"/>
        <v>45300.999999999476</v>
      </c>
    </row>
    <row r="251" spans="2:14" x14ac:dyDescent="0.3">
      <c r="B251">
        <f t="shared" si="40"/>
        <v>3</v>
      </c>
      <c r="C251" s="16">
        <v>217</v>
      </c>
      <c r="D251" cm="1">
        <f t="array" ref="D251">IFERROR(INDEX(Jesper!AH$2:AH$366,ROUNDDOWN($C251/24,0)+1,1)*INDEX($D$3:$AA$30,INDEX(Jesper!$R$2:$R$366,ROW(INDEX(Jesper!AH$2:AH$366,ROUNDDOWN($C251/24,0)+1,1))-1)+IF('Standard Profiles'!$G$18=$B$10,7,0)+IF('Standard Profiles'!$G$18=$B$17,14,0)+IF('Standard Profiles'!$G$18=$B$24,21,0),MOD($C251,24)+1)/SUM(INDEX($D$3:$AA$30,INDEX(Jesper!$R$2:$R$366,ROW(INDEX(Jesper!AH$2:AH$366,ROUNDDOWN($C251/24,0)+1,1))-1)+IF('Standard Profiles'!$G$18=$B$10,7,0)+IF('Standard Profiles'!$G$18=$B$17,14,0)+IF('Standard Profiles'!$G$18=$B$24,21,0),0)),0)</f>
        <v>7.5529174532624834</v>
      </c>
      <c r="E251" cm="1">
        <f t="array" ref="E251">IFERROR(INDEX(Jesper!AI$2:AI$366,ROUNDDOWN($C251/24,0)+1,1)*INDEX($D$3:$AA$30,INDEX(Jesper!$R$2:$R$366,ROW(INDEX(Jesper!AI$2:AI$366,ROUNDDOWN($C251/24,0)+1,1))-1)+IF('Standard Profiles'!$G$19=$B$10,7,0)+IF('Standard Profiles'!$G$19=$B$17,14,0)+IF('Standard Profiles'!$G$19=$B$24,21,0),MOD($C251,24)+1)/SUM(INDEX($D$3:$AA$30,INDEX(Jesper!$R$2:$R$366,ROW(INDEX(Jesper!AI$2:AI$366,ROUNDDOWN($C251/24,0)+1,1))-1)+IF('Standard Profiles'!$G$19=$B$10,7,0)+IF('Standard Profiles'!$G$19=$B$17,14,0)+IF('Standard Profiles'!$G$19=$B$24,21,0),0)),0)</f>
        <v>0</v>
      </c>
      <c r="F251" cm="1">
        <f t="array" ref="F251">IFERROR(INDEX(Jesper!AJ$2:AJ$366,ROUNDDOWN($C251/24,0)+1,1)*INDEX($D$3:$AA$30,INDEX(Jesper!$R$2:$R$366,ROW(INDEX(Jesper!AJ$2:AJ$366,ROUNDDOWN($C251/24,0)+1,1))-1)+IF('Standard Profiles'!$G$20=$B$10,7,0)+IF('Standard Profiles'!$G$20=$B$17,14,0)+IF('Standard Profiles'!$G$20=$B$24,21,0),MOD($C251,24)+1)/SUM(INDEX($D$3:$AA$30,INDEX(Jesper!$R$2:$R$366,ROW(INDEX(Jesper!AJ$2:AJ$366,ROUNDDOWN($C251/24,0)+1,1))-1)+IF('Standard Profiles'!$G$20=$B$10,7,0)+IF('Standard Profiles'!$G$20=$B$17,14,0)+IF('Standard Profiles'!$G$20=$B$24,21,0),0)),0)</f>
        <v>0</v>
      </c>
      <c r="G251" cm="1">
        <f t="array" ref="G251">IFERROR(INDEX(Jesper!AK$2:AK$366,ROUNDDOWN($C251/24,0)+1,1)*INDEX($D$3:$AA$30,INDEX(Jesper!$R$2:$R$366,ROW(INDEX(Jesper!AK$2:AK$366,ROUNDDOWN($C251/24,0)+1,1))-1)+IF('Standard Profiles'!$G$21=$B$10,7,0)+IF('Standard Profiles'!$G$21=$B$17,14,0)+IF('Standard Profiles'!$G$21=$B$24,21,0),MOD($C251,24)+1)/SUM(INDEX($D$3:$AA$30,INDEX(Jesper!$R$2:$R$366,ROW(INDEX(Jesper!AK$2:AK$366,ROUNDDOWN($C251/24,0)+1,1))-1)+IF('Standard Profiles'!$G$21=$B$10,7,0)+IF('Standard Profiles'!$G$21=$B$17,14,0)+IF('Standard Profiles'!$G$21=$B$24,21,0),0)),0)</f>
        <v>0</v>
      </c>
      <c r="H251" cm="1">
        <f t="array" ref="H251">IFERROR(INDEX(Jesper!AL$2:AL$366,ROUNDDOWN($C251/24,0)+1,1)*INDEX($D$3:$AA$30,INDEX(Jesper!$R$2:$R$366,ROW(INDEX(Jesper!AL$2:AL$366,ROUNDDOWN($C251/24,0)+1,1))-1)+IF('Standard Profiles'!$G$22=$B$10,7,0)+IF('Standard Profiles'!$G$22=$B$17,14,0)+IF('Standard Profiles'!$G$22=$B$24,21,0),MOD($C251,24)+1)/SUM(INDEX($D$3:$AA$30,INDEX(Jesper!$R$2:$R$366,ROW(INDEX(Jesper!AL$2:AL$366,ROUNDDOWN($C251/24,0)+1,1))-1)+IF('Standard Profiles'!$G$22=$B$10,7,0)+IF('Standard Profiles'!$G$22=$B$17,14,0)+IF('Standard Profiles'!$G$22=$B$24,21,0),0)),0)</f>
        <v>0</v>
      </c>
      <c r="I251">
        <f t="shared" si="41"/>
        <v>0.22658752359787449</v>
      </c>
      <c r="J251">
        <f t="shared" si="42"/>
        <v>0.75529174532624843</v>
      </c>
      <c r="K251">
        <f t="shared" si="43"/>
        <v>1.1329376179893724</v>
      </c>
      <c r="L251">
        <f t="shared" si="44"/>
        <v>5.4381005663489876</v>
      </c>
      <c r="M251">
        <f t="shared" si="45"/>
        <v>0</v>
      </c>
      <c r="N251" s="46">
        <f t="shared" si="46"/>
        <v>45301.04166666614</v>
      </c>
    </row>
    <row r="252" spans="2:14" x14ac:dyDescent="0.3">
      <c r="B252">
        <f t="shared" si="40"/>
        <v>3</v>
      </c>
      <c r="C252" s="16">
        <v>218</v>
      </c>
      <c r="D252" cm="1">
        <f t="array" ref="D252">IFERROR(INDEX(Jesper!AH$2:AH$366,ROUNDDOWN($C252/24,0)+1,1)*INDEX($D$3:$AA$30,INDEX(Jesper!$R$2:$R$366,ROW(INDEX(Jesper!AH$2:AH$366,ROUNDDOWN($C252/24,0)+1,1))-1)+IF('Standard Profiles'!$G$18=$B$10,7,0)+IF('Standard Profiles'!$G$18=$B$17,14,0)+IF('Standard Profiles'!$G$18=$B$24,21,0),MOD($C252,24)+1)/SUM(INDEX($D$3:$AA$30,INDEX(Jesper!$R$2:$R$366,ROW(INDEX(Jesper!AH$2:AH$366,ROUNDDOWN($C252/24,0)+1,1))-1)+IF('Standard Profiles'!$G$18=$B$10,7,0)+IF('Standard Profiles'!$G$18=$B$17,14,0)+IF('Standard Profiles'!$G$18=$B$24,21,0),0)),0)</f>
        <v>7.5529174532624834</v>
      </c>
      <c r="E252" cm="1">
        <f t="array" ref="E252">IFERROR(INDEX(Jesper!AI$2:AI$366,ROUNDDOWN($C252/24,0)+1,1)*INDEX($D$3:$AA$30,INDEX(Jesper!$R$2:$R$366,ROW(INDEX(Jesper!AI$2:AI$366,ROUNDDOWN($C252/24,0)+1,1))-1)+IF('Standard Profiles'!$G$19=$B$10,7,0)+IF('Standard Profiles'!$G$19=$B$17,14,0)+IF('Standard Profiles'!$G$19=$B$24,21,0),MOD($C252,24)+1)/SUM(INDEX($D$3:$AA$30,INDEX(Jesper!$R$2:$R$366,ROW(INDEX(Jesper!AI$2:AI$366,ROUNDDOWN($C252/24,0)+1,1))-1)+IF('Standard Profiles'!$G$19=$B$10,7,0)+IF('Standard Profiles'!$G$19=$B$17,14,0)+IF('Standard Profiles'!$G$19=$B$24,21,0),0)),0)</f>
        <v>0</v>
      </c>
      <c r="F252" cm="1">
        <f t="array" ref="F252">IFERROR(INDEX(Jesper!AJ$2:AJ$366,ROUNDDOWN($C252/24,0)+1,1)*INDEX($D$3:$AA$30,INDEX(Jesper!$R$2:$R$366,ROW(INDEX(Jesper!AJ$2:AJ$366,ROUNDDOWN($C252/24,0)+1,1))-1)+IF('Standard Profiles'!$G$20=$B$10,7,0)+IF('Standard Profiles'!$G$20=$B$17,14,0)+IF('Standard Profiles'!$G$20=$B$24,21,0),MOD($C252,24)+1)/SUM(INDEX($D$3:$AA$30,INDEX(Jesper!$R$2:$R$366,ROW(INDEX(Jesper!AJ$2:AJ$366,ROUNDDOWN($C252/24,0)+1,1))-1)+IF('Standard Profiles'!$G$20=$B$10,7,0)+IF('Standard Profiles'!$G$20=$B$17,14,0)+IF('Standard Profiles'!$G$20=$B$24,21,0),0)),0)</f>
        <v>0</v>
      </c>
      <c r="G252" cm="1">
        <f t="array" ref="G252">IFERROR(INDEX(Jesper!AK$2:AK$366,ROUNDDOWN($C252/24,0)+1,1)*INDEX($D$3:$AA$30,INDEX(Jesper!$R$2:$R$366,ROW(INDEX(Jesper!AK$2:AK$366,ROUNDDOWN($C252/24,0)+1,1))-1)+IF('Standard Profiles'!$G$21=$B$10,7,0)+IF('Standard Profiles'!$G$21=$B$17,14,0)+IF('Standard Profiles'!$G$21=$B$24,21,0),MOD($C252,24)+1)/SUM(INDEX($D$3:$AA$30,INDEX(Jesper!$R$2:$R$366,ROW(INDEX(Jesper!AK$2:AK$366,ROUNDDOWN($C252/24,0)+1,1))-1)+IF('Standard Profiles'!$G$21=$B$10,7,0)+IF('Standard Profiles'!$G$21=$B$17,14,0)+IF('Standard Profiles'!$G$21=$B$24,21,0),0)),0)</f>
        <v>0</v>
      </c>
      <c r="H252" cm="1">
        <f t="array" ref="H252">IFERROR(INDEX(Jesper!AL$2:AL$366,ROUNDDOWN($C252/24,0)+1,1)*INDEX($D$3:$AA$30,INDEX(Jesper!$R$2:$R$366,ROW(INDEX(Jesper!AL$2:AL$366,ROUNDDOWN($C252/24,0)+1,1))-1)+IF('Standard Profiles'!$G$22=$B$10,7,0)+IF('Standard Profiles'!$G$22=$B$17,14,0)+IF('Standard Profiles'!$G$22=$B$24,21,0),MOD($C252,24)+1)/SUM(INDEX($D$3:$AA$30,INDEX(Jesper!$R$2:$R$366,ROW(INDEX(Jesper!AL$2:AL$366,ROUNDDOWN($C252/24,0)+1,1))-1)+IF('Standard Profiles'!$G$22=$B$10,7,0)+IF('Standard Profiles'!$G$22=$B$17,14,0)+IF('Standard Profiles'!$G$22=$B$24,21,0),0)),0)</f>
        <v>0</v>
      </c>
      <c r="I252">
        <f t="shared" si="41"/>
        <v>0.22658752359787449</v>
      </c>
      <c r="J252">
        <f t="shared" si="42"/>
        <v>0.75529174532624843</v>
      </c>
      <c r="K252">
        <f t="shared" si="43"/>
        <v>1.1329376179893724</v>
      </c>
      <c r="L252">
        <f t="shared" si="44"/>
        <v>5.4381005663489876</v>
      </c>
      <c r="M252">
        <f t="shared" si="45"/>
        <v>0</v>
      </c>
      <c r="N252" s="46">
        <f t="shared" si="46"/>
        <v>45301.083333332805</v>
      </c>
    </row>
    <row r="253" spans="2:14" x14ac:dyDescent="0.3">
      <c r="B253">
        <f t="shared" si="40"/>
        <v>3</v>
      </c>
      <c r="C253" s="16">
        <v>219</v>
      </c>
      <c r="D253" cm="1">
        <f t="array" ref="D253">IFERROR(INDEX(Jesper!AH$2:AH$366,ROUNDDOWN($C253/24,0)+1,1)*INDEX($D$3:$AA$30,INDEX(Jesper!$R$2:$R$366,ROW(INDEX(Jesper!AH$2:AH$366,ROUNDDOWN($C253/24,0)+1,1))-1)+IF('Standard Profiles'!$G$18=$B$10,7,0)+IF('Standard Profiles'!$G$18=$B$17,14,0)+IF('Standard Profiles'!$G$18=$B$24,21,0),MOD($C253,24)+1)/SUM(INDEX($D$3:$AA$30,INDEX(Jesper!$R$2:$R$366,ROW(INDEX(Jesper!AH$2:AH$366,ROUNDDOWN($C253/24,0)+1,1))-1)+IF('Standard Profiles'!$G$18=$B$10,7,0)+IF('Standard Profiles'!$G$18=$B$17,14,0)+IF('Standard Profiles'!$G$18=$B$24,21,0),0)),0)</f>
        <v>7.5529174532624834</v>
      </c>
      <c r="E253" cm="1">
        <f t="array" ref="E253">IFERROR(INDEX(Jesper!AI$2:AI$366,ROUNDDOWN($C253/24,0)+1,1)*INDEX($D$3:$AA$30,INDEX(Jesper!$R$2:$R$366,ROW(INDEX(Jesper!AI$2:AI$366,ROUNDDOWN($C253/24,0)+1,1))-1)+IF('Standard Profiles'!$G$19=$B$10,7,0)+IF('Standard Profiles'!$G$19=$B$17,14,0)+IF('Standard Profiles'!$G$19=$B$24,21,0),MOD($C253,24)+1)/SUM(INDEX($D$3:$AA$30,INDEX(Jesper!$R$2:$R$366,ROW(INDEX(Jesper!AI$2:AI$366,ROUNDDOWN($C253/24,0)+1,1))-1)+IF('Standard Profiles'!$G$19=$B$10,7,0)+IF('Standard Profiles'!$G$19=$B$17,14,0)+IF('Standard Profiles'!$G$19=$B$24,21,0),0)),0)</f>
        <v>0</v>
      </c>
      <c r="F253" cm="1">
        <f t="array" ref="F253">IFERROR(INDEX(Jesper!AJ$2:AJ$366,ROUNDDOWN($C253/24,0)+1,1)*INDEX($D$3:$AA$30,INDEX(Jesper!$R$2:$R$366,ROW(INDEX(Jesper!AJ$2:AJ$366,ROUNDDOWN($C253/24,0)+1,1))-1)+IF('Standard Profiles'!$G$20=$B$10,7,0)+IF('Standard Profiles'!$G$20=$B$17,14,0)+IF('Standard Profiles'!$G$20=$B$24,21,0),MOD($C253,24)+1)/SUM(INDEX($D$3:$AA$30,INDEX(Jesper!$R$2:$R$366,ROW(INDEX(Jesper!AJ$2:AJ$366,ROUNDDOWN($C253/24,0)+1,1))-1)+IF('Standard Profiles'!$G$20=$B$10,7,0)+IF('Standard Profiles'!$G$20=$B$17,14,0)+IF('Standard Profiles'!$G$20=$B$24,21,0),0)),0)</f>
        <v>0</v>
      </c>
      <c r="G253" cm="1">
        <f t="array" ref="G253">IFERROR(INDEX(Jesper!AK$2:AK$366,ROUNDDOWN($C253/24,0)+1,1)*INDEX($D$3:$AA$30,INDEX(Jesper!$R$2:$R$366,ROW(INDEX(Jesper!AK$2:AK$366,ROUNDDOWN($C253/24,0)+1,1))-1)+IF('Standard Profiles'!$G$21=$B$10,7,0)+IF('Standard Profiles'!$G$21=$B$17,14,0)+IF('Standard Profiles'!$G$21=$B$24,21,0),MOD($C253,24)+1)/SUM(INDEX($D$3:$AA$30,INDEX(Jesper!$R$2:$R$366,ROW(INDEX(Jesper!AK$2:AK$366,ROUNDDOWN($C253/24,0)+1,1))-1)+IF('Standard Profiles'!$G$21=$B$10,7,0)+IF('Standard Profiles'!$G$21=$B$17,14,0)+IF('Standard Profiles'!$G$21=$B$24,21,0),0)),0)</f>
        <v>0</v>
      </c>
      <c r="H253" cm="1">
        <f t="array" ref="H253">IFERROR(INDEX(Jesper!AL$2:AL$366,ROUNDDOWN($C253/24,0)+1,1)*INDEX($D$3:$AA$30,INDEX(Jesper!$R$2:$R$366,ROW(INDEX(Jesper!AL$2:AL$366,ROUNDDOWN($C253/24,0)+1,1))-1)+IF('Standard Profiles'!$G$22=$B$10,7,0)+IF('Standard Profiles'!$G$22=$B$17,14,0)+IF('Standard Profiles'!$G$22=$B$24,21,0),MOD($C253,24)+1)/SUM(INDEX($D$3:$AA$30,INDEX(Jesper!$R$2:$R$366,ROW(INDEX(Jesper!AL$2:AL$366,ROUNDDOWN($C253/24,0)+1,1))-1)+IF('Standard Profiles'!$G$22=$B$10,7,0)+IF('Standard Profiles'!$G$22=$B$17,14,0)+IF('Standard Profiles'!$G$22=$B$24,21,0),0)),0)</f>
        <v>0</v>
      </c>
      <c r="I253">
        <f t="shared" si="41"/>
        <v>0.22658752359787449</v>
      </c>
      <c r="J253">
        <f t="shared" si="42"/>
        <v>0.75529174532624843</v>
      </c>
      <c r="K253">
        <f t="shared" si="43"/>
        <v>1.1329376179893724</v>
      </c>
      <c r="L253">
        <f t="shared" si="44"/>
        <v>5.4381005663489876</v>
      </c>
      <c r="M253">
        <f t="shared" si="45"/>
        <v>0</v>
      </c>
      <c r="N253" s="46">
        <f t="shared" si="46"/>
        <v>45301.124999999469</v>
      </c>
    </row>
    <row r="254" spans="2:14" x14ac:dyDescent="0.3">
      <c r="B254">
        <f t="shared" si="40"/>
        <v>3</v>
      </c>
      <c r="C254" s="16">
        <v>220</v>
      </c>
      <c r="D254" cm="1">
        <f t="array" ref="D254">IFERROR(INDEX(Jesper!AH$2:AH$366,ROUNDDOWN($C254/24,0)+1,1)*INDEX($D$3:$AA$30,INDEX(Jesper!$R$2:$R$366,ROW(INDEX(Jesper!AH$2:AH$366,ROUNDDOWN($C254/24,0)+1,1))-1)+IF('Standard Profiles'!$G$18=$B$10,7,0)+IF('Standard Profiles'!$G$18=$B$17,14,0)+IF('Standard Profiles'!$G$18=$B$24,21,0),MOD($C254,24)+1)/SUM(INDEX($D$3:$AA$30,INDEX(Jesper!$R$2:$R$366,ROW(INDEX(Jesper!AH$2:AH$366,ROUNDDOWN($C254/24,0)+1,1))-1)+IF('Standard Profiles'!$G$18=$B$10,7,0)+IF('Standard Profiles'!$G$18=$B$17,14,0)+IF('Standard Profiles'!$G$18=$B$24,21,0),0)),0)</f>
        <v>7.5529174532624834</v>
      </c>
      <c r="E254" cm="1">
        <f t="array" ref="E254">IFERROR(INDEX(Jesper!AI$2:AI$366,ROUNDDOWN($C254/24,0)+1,1)*INDEX($D$3:$AA$30,INDEX(Jesper!$R$2:$R$366,ROW(INDEX(Jesper!AI$2:AI$366,ROUNDDOWN($C254/24,0)+1,1))-1)+IF('Standard Profiles'!$G$19=$B$10,7,0)+IF('Standard Profiles'!$G$19=$B$17,14,0)+IF('Standard Profiles'!$G$19=$B$24,21,0),MOD($C254,24)+1)/SUM(INDEX($D$3:$AA$30,INDEX(Jesper!$R$2:$R$366,ROW(INDEX(Jesper!AI$2:AI$366,ROUNDDOWN($C254/24,0)+1,1))-1)+IF('Standard Profiles'!$G$19=$B$10,7,0)+IF('Standard Profiles'!$G$19=$B$17,14,0)+IF('Standard Profiles'!$G$19=$B$24,21,0),0)),0)</f>
        <v>0</v>
      </c>
      <c r="F254" cm="1">
        <f t="array" ref="F254">IFERROR(INDEX(Jesper!AJ$2:AJ$366,ROUNDDOWN($C254/24,0)+1,1)*INDEX($D$3:$AA$30,INDEX(Jesper!$R$2:$R$366,ROW(INDEX(Jesper!AJ$2:AJ$366,ROUNDDOWN($C254/24,0)+1,1))-1)+IF('Standard Profiles'!$G$20=$B$10,7,0)+IF('Standard Profiles'!$G$20=$B$17,14,0)+IF('Standard Profiles'!$G$20=$B$24,21,0),MOD($C254,24)+1)/SUM(INDEX($D$3:$AA$30,INDEX(Jesper!$R$2:$R$366,ROW(INDEX(Jesper!AJ$2:AJ$366,ROUNDDOWN($C254/24,0)+1,1))-1)+IF('Standard Profiles'!$G$20=$B$10,7,0)+IF('Standard Profiles'!$G$20=$B$17,14,0)+IF('Standard Profiles'!$G$20=$B$24,21,0),0)),0)</f>
        <v>0</v>
      </c>
      <c r="G254" cm="1">
        <f t="array" ref="G254">IFERROR(INDEX(Jesper!AK$2:AK$366,ROUNDDOWN($C254/24,0)+1,1)*INDEX($D$3:$AA$30,INDEX(Jesper!$R$2:$R$366,ROW(INDEX(Jesper!AK$2:AK$366,ROUNDDOWN($C254/24,0)+1,1))-1)+IF('Standard Profiles'!$G$21=$B$10,7,0)+IF('Standard Profiles'!$G$21=$B$17,14,0)+IF('Standard Profiles'!$G$21=$B$24,21,0),MOD($C254,24)+1)/SUM(INDEX($D$3:$AA$30,INDEX(Jesper!$R$2:$R$366,ROW(INDEX(Jesper!AK$2:AK$366,ROUNDDOWN($C254/24,0)+1,1))-1)+IF('Standard Profiles'!$G$21=$B$10,7,0)+IF('Standard Profiles'!$G$21=$B$17,14,0)+IF('Standard Profiles'!$G$21=$B$24,21,0),0)),0)</f>
        <v>0</v>
      </c>
      <c r="H254" cm="1">
        <f t="array" ref="H254">IFERROR(INDEX(Jesper!AL$2:AL$366,ROUNDDOWN($C254/24,0)+1,1)*INDEX($D$3:$AA$30,INDEX(Jesper!$R$2:$R$366,ROW(INDEX(Jesper!AL$2:AL$366,ROUNDDOWN($C254/24,0)+1,1))-1)+IF('Standard Profiles'!$G$22=$B$10,7,0)+IF('Standard Profiles'!$G$22=$B$17,14,0)+IF('Standard Profiles'!$G$22=$B$24,21,0),MOD($C254,24)+1)/SUM(INDEX($D$3:$AA$30,INDEX(Jesper!$R$2:$R$366,ROW(INDEX(Jesper!AL$2:AL$366,ROUNDDOWN($C254/24,0)+1,1))-1)+IF('Standard Profiles'!$G$22=$B$10,7,0)+IF('Standard Profiles'!$G$22=$B$17,14,0)+IF('Standard Profiles'!$G$22=$B$24,21,0),0)),0)</f>
        <v>0</v>
      </c>
      <c r="I254">
        <f t="shared" si="41"/>
        <v>0.22658752359787449</v>
      </c>
      <c r="J254">
        <f t="shared" si="42"/>
        <v>0.75529174532624843</v>
      </c>
      <c r="K254">
        <f t="shared" si="43"/>
        <v>1.1329376179893724</v>
      </c>
      <c r="L254">
        <f t="shared" si="44"/>
        <v>5.4381005663489876</v>
      </c>
      <c r="M254">
        <f t="shared" si="45"/>
        <v>0</v>
      </c>
      <c r="N254" s="46">
        <f t="shared" si="46"/>
        <v>45301.166666666133</v>
      </c>
    </row>
    <row r="255" spans="2:14" x14ac:dyDescent="0.3">
      <c r="B255">
        <f t="shared" si="40"/>
        <v>3</v>
      </c>
      <c r="C255" s="16">
        <v>221</v>
      </c>
      <c r="D255" cm="1">
        <f t="array" ref="D255">IFERROR(INDEX(Jesper!AH$2:AH$366,ROUNDDOWN($C255/24,0)+1,1)*INDEX($D$3:$AA$30,INDEX(Jesper!$R$2:$R$366,ROW(INDEX(Jesper!AH$2:AH$366,ROUNDDOWN($C255/24,0)+1,1))-1)+IF('Standard Profiles'!$G$18=$B$10,7,0)+IF('Standard Profiles'!$G$18=$B$17,14,0)+IF('Standard Profiles'!$G$18=$B$24,21,0),MOD($C255,24)+1)/SUM(INDEX($D$3:$AA$30,INDEX(Jesper!$R$2:$R$366,ROW(INDEX(Jesper!AH$2:AH$366,ROUNDDOWN($C255/24,0)+1,1))-1)+IF('Standard Profiles'!$G$18=$B$10,7,0)+IF('Standard Profiles'!$G$18=$B$17,14,0)+IF('Standard Profiles'!$G$18=$B$24,21,0),0)),0)</f>
        <v>9.734871384204979</v>
      </c>
      <c r="E255" cm="1">
        <f t="array" ref="E255">IFERROR(INDEX(Jesper!AI$2:AI$366,ROUNDDOWN($C255/24,0)+1,1)*INDEX($D$3:$AA$30,INDEX(Jesper!$R$2:$R$366,ROW(INDEX(Jesper!AI$2:AI$366,ROUNDDOWN($C255/24,0)+1,1))-1)+IF('Standard Profiles'!$G$19=$B$10,7,0)+IF('Standard Profiles'!$G$19=$B$17,14,0)+IF('Standard Profiles'!$G$19=$B$24,21,0),MOD($C255,24)+1)/SUM(INDEX($D$3:$AA$30,INDEX(Jesper!$R$2:$R$366,ROW(INDEX(Jesper!AI$2:AI$366,ROUNDDOWN($C255/24,0)+1,1))-1)+IF('Standard Profiles'!$G$19=$B$10,7,0)+IF('Standard Profiles'!$G$19=$B$17,14,0)+IF('Standard Profiles'!$G$19=$B$24,21,0),0)),0)</f>
        <v>0</v>
      </c>
      <c r="F255" cm="1">
        <f t="array" ref="F255">IFERROR(INDEX(Jesper!AJ$2:AJ$366,ROUNDDOWN($C255/24,0)+1,1)*INDEX($D$3:$AA$30,INDEX(Jesper!$R$2:$R$366,ROW(INDEX(Jesper!AJ$2:AJ$366,ROUNDDOWN($C255/24,0)+1,1))-1)+IF('Standard Profiles'!$G$20=$B$10,7,0)+IF('Standard Profiles'!$G$20=$B$17,14,0)+IF('Standard Profiles'!$G$20=$B$24,21,0),MOD($C255,24)+1)/SUM(INDEX($D$3:$AA$30,INDEX(Jesper!$R$2:$R$366,ROW(INDEX(Jesper!AJ$2:AJ$366,ROUNDDOWN($C255/24,0)+1,1))-1)+IF('Standard Profiles'!$G$20=$B$10,7,0)+IF('Standard Profiles'!$G$20=$B$17,14,0)+IF('Standard Profiles'!$G$20=$B$24,21,0),0)),0)</f>
        <v>0</v>
      </c>
      <c r="G255" cm="1">
        <f t="array" ref="G255">IFERROR(INDEX(Jesper!AK$2:AK$366,ROUNDDOWN($C255/24,0)+1,1)*INDEX($D$3:$AA$30,INDEX(Jesper!$R$2:$R$366,ROW(INDEX(Jesper!AK$2:AK$366,ROUNDDOWN($C255/24,0)+1,1))-1)+IF('Standard Profiles'!$G$21=$B$10,7,0)+IF('Standard Profiles'!$G$21=$B$17,14,0)+IF('Standard Profiles'!$G$21=$B$24,21,0),MOD($C255,24)+1)/SUM(INDEX($D$3:$AA$30,INDEX(Jesper!$R$2:$R$366,ROW(INDEX(Jesper!AK$2:AK$366,ROUNDDOWN($C255/24,0)+1,1))-1)+IF('Standard Profiles'!$G$21=$B$10,7,0)+IF('Standard Profiles'!$G$21=$B$17,14,0)+IF('Standard Profiles'!$G$21=$B$24,21,0),0)),0)</f>
        <v>0</v>
      </c>
      <c r="H255" cm="1">
        <f t="array" ref="H255">IFERROR(INDEX(Jesper!AL$2:AL$366,ROUNDDOWN($C255/24,0)+1,1)*INDEX($D$3:$AA$30,INDEX(Jesper!$R$2:$R$366,ROW(INDEX(Jesper!AL$2:AL$366,ROUNDDOWN($C255/24,0)+1,1))-1)+IF('Standard Profiles'!$G$22=$B$10,7,0)+IF('Standard Profiles'!$G$22=$B$17,14,0)+IF('Standard Profiles'!$G$22=$B$24,21,0),MOD($C255,24)+1)/SUM(INDEX($D$3:$AA$30,INDEX(Jesper!$R$2:$R$366,ROW(INDEX(Jesper!AL$2:AL$366,ROUNDDOWN($C255/24,0)+1,1))-1)+IF('Standard Profiles'!$G$22=$B$10,7,0)+IF('Standard Profiles'!$G$22=$B$17,14,0)+IF('Standard Profiles'!$G$22=$B$24,21,0),0)),0)</f>
        <v>0</v>
      </c>
      <c r="I255">
        <f t="shared" si="41"/>
        <v>0.29204614152614938</v>
      </c>
      <c r="J255">
        <f t="shared" si="42"/>
        <v>0.97348713842049794</v>
      </c>
      <c r="K255">
        <f t="shared" si="43"/>
        <v>1.4602307076307468</v>
      </c>
      <c r="L255">
        <f t="shared" si="44"/>
        <v>7.0091073966275843</v>
      </c>
      <c r="M255">
        <f t="shared" si="45"/>
        <v>0</v>
      </c>
      <c r="N255" s="46">
        <f t="shared" si="46"/>
        <v>45301.208333332797</v>
      </c>
    </row>
    <row r="256" spans="2:14" x14ac:dyDescent="0.3">
      <c r="B256">
        <f t="shared" si="40"/>
        <v>3</v>
      </c>
      <c r="C256" s="16">
        <v>222</v>
      </c>
      <c r="D256" cm="1">
        <f t="array" ref="D256">IFERROR(INDEX(Jesper!AH$2:AH$366,ROUNDDOWN($C256/24,0)+1,1)*INDEX($D$3:$AA$30,INDEX(Jesper!$R$2:$R$366,ROW(INDEX(Jesper!AH$2:AH$366,ROUNDDOWN($C256/24,0)+1,1))-1)+IF('Standard Profiles'!$G$18=$B$10,7,0)+IF('Standard Profiles'!$G$18=$B$17,14,0)+IF('Standard Profiles'!$G$18=$B$24,21,0),MOD($C256,24)+1)/SUM(INDEX($D$3:$AA$30,INDEX(Jesper!$R$2:$R$366,ROW(INDEX(Jesper!AH$2:AH$366,ROUNDDOWN($C256/24,0)+1,1))-1)+IF('Standard Profiles'!$G$18=$B$10,7,0)+IF('Standard Profiles'!$G$18=$B$17,14,0)+IF('Standard Profiles'!$G$18=$B$24,21,0),0)),0)</f>
        <v>11.245454874857478</v>
      </c>
      <c r="E256" cm="1">
        <f t="array" ref="E256">IFERROR(INDEX(Jesper!AI$2:AI$366,ROUNDDOWN($C256/24,0)+1,1)*INDEX($D$3:$AA$30,INDEX(Jesper!$R$2:$R$366,ROW(INDEX(Jesper!AI$2:AI$366,ROUNDDOWN($C256/24,0)+1,1))-1)+IF('Standard Profiles'!$G$19=$B$10,7,0)+IF('Standard Profiles'!$G$19=$B$17,14,0)+IF('Standard Profiles'!$G$19=$B$24,21,0),MOD($C256,24)+1)/SUM(INDEX($D$3:$AA$30,INDEX(Jesper!$R$2:$R$366,ROW(INDEX(Jesper!AI$2:AI$366,ROUNDDOWN($C256/24,0)+1,1))-1)+IF('Standard Profiles'!$G$19=$B$10,7,0)+IF('Standard Profiles'!$G$19=$B$17,14,0)+IF('Standard Profiles'!$G$19=$B$24,21,0),0)),0)</f>
        <v>0</v>
      </c>
      <c r="F256" cm="1">
        <f t="array" ref="F256">IFERROR(INDEX(Jesper!AJ$2:AJ$366,ROUNDDOWN($C256/24,0)+1,1)*INDEX($D$3:$AA$30,INDEX(Jesper!$R$2:$R$366,ROW(INDEX(Jesper!AJ$2:AJ$366,ROUNDDOWN($C256/24,0)+1,1))-1)+IF('Standard Profiles'!$G$20=$B$10,7,0)+IF('Standard Profiles'!$G$20=$B$17,14,0)+IF('Standard Profiles'!$G$20=$B$24,21,0),MOD($C256,24)+1)/SUM(INDEX($D$3:$AA$30,INDEX(Jesper!$R$2:$R$366,ROW(INDEX(Jesper!AJ$2:AJ$366,ROUNDDOWN($C256/24,0)+1,1))-1)+IF('Standard Profiles'!$G$20=$B$10,7,0)+IF('Standard Profiles'!$G$20=$B$17,14,0)+IF('Standard Profiles'!$G$20=$B$24,21,0),0)),0)</f>
        <v>0</v>
      </c>
      <c r="G256" cm="1">
        <f t="array" ref="G256">IFERROR(INDEX(Jesper!AK$2:AK$366,ROUNDDOWN($C256/24,0)+1,1)*INDEX($D$3:$AA$30,INDEX(Jesper!$R$2:$R$366,ROW(INDEX(Jesper!AK$2:AK$366,ROUNDDOWN($C256/24,0)+1,1))-1)+IF('Standard Profiles'!$G$21=$B$10,7,0)+IF('Standard Profiles'!$G$21=$B$17,14,0)+IF('Standard Profiles'!$G$21=$B$24,21,0),MOD($C256,24)+1)/SUM(INDEX($D$3:$AA$30,INDEX(Jesper!$R$2:$R$366,ROW(INDEX(Jesper!AK$2:AK$366,ROUNDDOWN($C256/24,0)+1,1))-1)+IF('Standard Profiles'!$G$21=$B$10,7,0)+IF('Standard Profiles'!$G$21=$B$17,14,0)+IF('Standard Profiles'!$G$21=$B$24,21,0),0)),0)</f>
        <v>0</v>
      </c>
      <c r="H256" cm="1">
        <f t="array" ref="H256">IFERROR(INDEX(Jesper!AL$2:AL$366,ROUNDDOWN($C256/24,0)+1,1)*INDEX($D$3:$AA$30,INDEX(Jesper!$R$2:$R$366,ROW(INDEX(Jesper!AL$2:AL$366,ROUNDDOWN($C256/24,0)+1,1))-1)+IF('Standard Profiles'!$G$22=$B$10,7,0)+IF('Standard Profiles'!$G$22=$B$17,14,0)+IF('Standard Profiles'!$G$22=$B$24,21,0),MOD($C256,24)+1)/SUM(INDEX($D$3:$AA$30,INDEX(Jesper!$R$2:$R$366,ROW(INDEX(Jesper!AL$2:AL$366,ROUNDDOWN($C256/24,0)+1,1))-1)+IF('Standard Profiles'!$G$22=$B$10,7,0)+IF('Standard Profiles'!$G$22=$B$17,14,0)+IF('Standard Profiles'!$G$22=$B$24,21,0),0)),0)</f>
        <v>0</v>
      </c>
      <c r="I256">
        <f t="shared" si="41"/>
        <v>0.33736364624572429</v>
      </c>
      <c r="J256">
        <f t="shared" si="42"/>
        <v>1.1245454874857479</v>
      </c>
      <c r="K256">
        <f t="shared" si="43"/>
        <v>1.6868182312286215</v>
      </c>
      <c r="L256">
        <f t="shared" si="44"/>
        <v>8.0967275098973843</v>
      </c>
      <c r="M256">
        <f t="shared" si="45"/>
        <v>0</v>
      </c>
      <c r="N256" s="46">
        <f t="shared" si="46"/>
        <v>45301.249999999462</v>
      </c>
    </row>
    <row r="257" spans="2:14" x14ac:dyDescent="0.3">
      <c r="B257">
        <f t="shared" si="40"/>
        <v>3</v>
      </c>
      <c r="C257" s="16">
        <v>223</v>
      </c>
      <c r="D257" cm="1">
        <f t="array" ref="D257">IFERROR(INDEX(Jesper!AH$2:AH$366,ROUNDDOWN($C257/24,0)+1,1)*INDEX($D$3:$AA$30,INDEX(Jesper!$R$2:$R$366,ROW(INDEX(Jesper!AH$2:AH$366,ROUNDDOWN($C257/24,0)+1,1))-1)+IF('Standard Profiles'!$G$18=$B$10,7,0)+IF('Standard Profiles'!$G$18=$B$17,14,0)+IF('Standard Profiles'!$G$18=$B$24,21,0),MOD($C257,24)+1)/SUM(INDEX($D$3:$AA$30,INDEX(Jesper!$R$2:$R$366,ROW(INDEX(Jesper!AH$2:AH$366,ROUNDDOWN($C257/24,0)+1,1))-1)+IF('Standard Profiles'!$G$18=$B$10,7,0)+IF('Standard Profiles'!$G$18=$B$17,14,0)+IF('Standard Profiles'!$G$18=$B$24,21,0),0)),0)</f>
        <v>11.245454874857478</v>
      </c>
      <c r="E257" cm="1">
        <f t="array" ref="E257">IFERROR(INDEX(Jesper!AI$2:AI$366,ROUNDDOWN($C257/24,0)+1,1)*INDEX($D$3:$AA$30,INDEX(Jesper!$R$2:$R$366,ROW(INDEX(Jesper!AI$2:AI$366,ROUNDDOWN($C257/24,0)+1,1))-1)+IF('Standard Profiles'!$G$19=$B$10,7,0)+IF('Standard Profiles'!$G$19=$B$17,14,0)+IF('Standard Profiles'!$G$19=$B$24,21,0),MOD($C257,24)+1)/SUM(INDEX($D$3:$AA$30,INDEX(Jesper!$R$2:$R$366,ROW(INDEX(Jesper!AI$2:AI$366,ROUNDDOWN($C257/24,0)+1,1))-1)+IF('Standard Profiles'!$G$19=$B$10,7,0)+IF('Standard Profiles'!$G$19=$B$17,14,0)+IF('Standard Profiles'!$G$19=$B$24,21,0),0)),0)</f>
        <v>0</v>
      </c>
      <c r="F257" cm="1">
        <f t="array" ref="F257">IFERROR(INDEX(Jesper!AJ$2:AJ$366,ROUNDDOWN($C257/24,0)+1,1)*INDEX($D$3:$AA$30,INDEX(Jesper!$R$2:$R$366,ROW(INDEX(Jesper!AJ$2:AJ$366,ROUNDDOWN($C257/24,0)+1,1))-1)+IF('Standard Profiles'!$G$20=$B$10,7,0)+IF('Standard Profiles'!$G$20=$B$17,14,0)+IF('Standard Profiles'!$G$20=$B$24,21,0),MOD($C257,24)+1)/SUM(INDEX($D$3:$AA$30,INDEX(Jesper!$R$2:$R$366,ROW(INDEX(Jesper!AJ$2:AJ$366,ROUNDDOWN($C257/24,0)+1,1))-1)+IF('Standard Profiles'!$G$20=$B$10,7,0)+IF('Standard Profiles'!$G$20=$B$17,14,0)+IF('Standard Profiles'!$G$20=$B$24,21,0),0)),0)</f>
        <v>0</v>
      </c>
      <c r="G257" cm="1">
        <f t="array" ref="G257">IFERROR(INDEX(Jesper!AK$2:AK$366,ROUNDDOWN($C257/24,0)+1,1)*INDEX($D$3:$AA$30,INDEX(Jesper!$R$2:$R$366,ROW(INDEX(Jesper!AK$2:AK$366,ROUNDDOWN($C257/24,0)+1,1))-1)+IF('Standard Profiles'!$G$21=$B$10,7,0)+IF('Standard Profiles'!$G$21=$B$17,14,0)+IF('Standard Profiles'!$G$21=$B$24,21,0),MOD($C257,24)+1)/SUM(INDEX($D$3:$AA$30,INDEX(Jesper!$R$2:$R$366,ROW(INDEX(Jesper!AK$2:AK$366,ROUNDDOWN($C257/24,0)+1,1))-1)+IF('Standard Profiles'!$G$21=$B$10,7,0)+IF('Standard Profiles'!$G$21=$B$17,14,0)+IF('Standard Profiles'!$G$21=$B$24,21,0),0)),0)</f>
        <v>0</v>
      </c>
      <c r="H257" cm="1">
        <f t="array" ref="H257">IFERROR(INDEX(Jesper!AL$2:AL$366,ROUNDDOWN($C257/24,0)+1,1)*INDEX($D$3:$AA$30,INDEX(Jesper!$R$2:$R$366,ROW(INDEX(Jesper!AL$2:AL$366,ROUNDDOWN($C257/24,0)+1,1))-1)+IF('Standard Profiles'!$G$22=$B$10,7,0)+IF('Standard Profiles'!$G$22=$B$17,14,0)+IF('Standard Profiles'!$G$22=$B$24,21,0),MOD($C257,24)+1)/SUM(INDEX($D$3:$AA$30,INDEX(Jesper!$R$2:$R$366,ROW(INDEX(Jesper!AL$2:AL$366,ROUNDDOWN($C257/24,0)+1,1))-1)+IF('Standard Profiles'!$G$22=$B$10,7,0)+IF('Standard Profiles'!$G$22=$B$17,14,0)+IF('Standard Profiles'!$G$22=$B$24,21,0),0)),0)</f>
        <v>0</v>
      </c>
      <c r="I257">
        <f t="shared" si="41"/>
        <v>0.33736364624572429</v>
      </c>
      <c r="J257">
        <f t="shared" si="42"/>
        <v>1.1245454874857479</v>
      </c>
      <c r="K257">
        <f t="shared" si="43"/>
        <v>1.6868182312286215</v>
      </c>
      <c r="L257">
        <f t="shared" si="44"/>
        <v>8.0967275098973843</v>
      </c>
      <c r="M257">
        <f t="shared" si="45"/>
        <v>0</v>
      </c>
      <c r="N257" s="46">
        <f t="shared" si="46"/>
        <v>45301.291666666126</v>
      </c>
    </row>
    <row r="258" spans="2:14" x14ac:dyDescent="0.3">
      <c r="B258">
        <f t="shared" si="40"/>
        <v>3</v>
      </c>
      <c r="C258" s="16">
        <v>224</v>
      </c>
      <c r="D258" cm="1">
        <f t="array" ref="D258">IFERROR(INDEX(Jesper!AH$2:AH$366,ROUNDDOWN($C258/24,0)+1,1)*INDEX($D$3:$AA$30,INDEX(Jesper!$R$2:$R$366,ROW(INDEX(Jesper!AH$2:AH$366,ROUNDDOWN($C258/24,0)+1,1))-1)+IF('Standard Profiles'!$G$18=$B$10,7,0)+IF('Standard Profiles'!$G$18=$B$17,14,0)+IF('Standard Profiles'!$G$18=$B$24,21,0),MOD($C258,24)+1)/SUM(INDEX($D$3:$AA$30,INDEX(Jesper!$R$2:$R$366,ROW(INDEX(Jesper!AH$2:AH$366,ROUNDDOWN($C258/24,0)+1,1))-1)+IF('Standard Profiles'!$G$18=$B$10,7,0)+IF('Standard Profiles'!$G$18=$B$17,14,0)+IF('Standard Profiles'!$G$18=$B$24,21,0),0)),0)</f>
        <v>11.245454874857478</v>
      </c>
      <c r="E258" cm="1">
        <f t="array" ref="E258">IFERROR(INDEX(Jesper!AI$2:AI$366,ROUNDDOWN($C258/24,0)+1,1)*INDEX($D$3:$AA$30,INDEX(Jesper!$R$2:$R$366,ROW(INDEX(Jesper!AI$2:AI$366,ROUNDDOWN($C258/24,0)+1,1))-1)+IF('Standard Profiles'!$G$19=$B$10,7,0)+IF('Standard Profiles'!$G$19=$B$17,14,0)+IF('Standard Profiles'!$G$19=$B$24,21,0),MOD($C258,24)+1)/SUM(INDEX($D$3:$AA$30,INDEX(Jesper!$R$2:$R$366,ROW(INDEX(Jesper!AI$2:AI$366,ROUNDDOWN($C258/24,0)+1,1))-1)+IF('Standard Profiles'!$G$19=$B$10,7,0)+IF('Standard Profiles'!$G$19=$B$17,14,0)+IF('Standard Profiles'!$G$19=$B$24,21,0),0)),0)</f>
        <v>0</v>
      </c>
      <c r="F258" cm="1">
        <f t="array" ref="F258">IFERROR(INDEX(Jesper!AJ$2:AJ$366,ROUNDDOWN($C258/24,0)+1,1)*INDEX($D$3:$AA$30,INDEX(Jesper!$R$2:$R$366,ROW(INDEX(Jesper!AJ$2:AJ$366,ROUNDDOWN($C258/24,0)+1,1))-1)+IF('Standard Profiles'!$G$20=$B$10,7,0)+IF('Standard Profiles'!$G$20=$B$17,14,0)+IF('Standard Profiles'!$G$20=$B$24,21,0),MOD($C258,24)+1)/SUM(INDEX($D$3:$AA$30,INDEX(Jesper!$R$2:$R$366,ROW(INDEX(Jesper!AJ$2:AJ$366,ROUNDDOWN($C258/24,0)+1,1))-1)+IF('Standard Profiles'!$G$20=$B$10,7,0)+IF('Standard Profiles'!$G$20=$B$17,14,0)+IF('Standard Profiles'!$G$20=$B$24,21,0),0)),0)</f>
        <v>0</v>
      </c>
      <c r="G258" cm="1">
        <f t="array" ref="G258">IFERROR(INDEX(Jesper!AK$2:AK$366,ROUNDDOWN($C258/24,0)+1,1)*INDEX($D$3:$AA$30,INDEX(Jesper!$R$2:$R$366,ROW(INDEX(Jesper!AK$2:AK$366,ROUNDDOWN($C258/24,0)+1,1))-1)+IF('Standard Profiles'!$G$21=$B$10,7,0)+IF('Standard Profiles'!$G$21=$B$17,14,0)+IF('Standard Profiles'!$G$21=$B$24,21,0),MOD($C258,24)+1)/SUM(INDEX($D$3:$AA$30,INDEX(Jesper!$R$2:$R$366,ROW(INDEX(Jesper!AK$2:AK$366,ROUNDDOWN($C258/24,0)+1,1))-1)+IF('Standard Profiles'!$G$21=$B$10,7,0)+IF('Standard Profiles'!$G$21=$B$17,14,0)+IF('Standard Profiles'!$G$21=$B$24,21,0),0)),0)</f>
        <v>0</v>
      </c>
      <c r="H258" cm="1">
        <f t="array" ref="H258">IFERROR(INDEX(Jesper!AL$2:AL$366,ROUNDDOWN($C258/24,0)+1,1)*INDEX($D$3:$AA$30,INDEX(Jesper!$R$2:$R$366,ROW(INDEX(Jesper!AL$2:AL$366,ROUNDDOWN($C258/24,0)+1,1))-1)+IF('Standard Profiles'!$G$22=$B$10,7,0)+IF('Standard Profiles'!$G$22=$B$17,14,0)+IF('Standard Profiles'!$G$22=$B$24,21,0),MOD($C258,24)+1)/SUM(INDEX($D$3:$AA$30,INDEX(Jesper!$R$2:$R$366,ROW(INDEX(Jesper!AL$2:AL$366,ROUNDDOWN($C258/24,0)+1,1))-1)+IF('Standard Profiles'!$G$22=$B$10,7,0)+IF('Standard Profiles'!$G$22=$B$17,14,0)+IF('Standard Profiles'!$G$22=$B$24,21,0),0)),0)</f>
        <v>0</v>
      </c>
      <c r="I258">
        <f t="shared" si="41"/>
        <v>0.33736364624572429</v>
      </c>
      <c r="J258">
        <f t="shared" si="42"/>
        <v>1.1245454874857479</v>
      </c>
      <c r="K258">
        <f t="shared" si="43"/>
        <v>1.6868182312286215</v>
      </c>
      <c r="L258">
        <f t="shared" si="44"/>
        <v>8.0967275098973843</v>
      </c>
      <c r="M258">
        <f t="shared" si="45"/>
        <v>0</v>
      </c>
      <c r="N258" s="46">
        <f t="shared" si="46"/>
        <v>45301.33333333279</v>
      </c>
    </row>
    <row r="259" spans="2:14" x14ac:dyDescent="0.3">
      <c r="B259">
        <f t="shared" si="40"/>
        <v>3</v>
      </c>
      <c r="C259" s="16">
        <v>225</v>
      </c>
      <c r="D259" cm="1">
        <f t="array" ref="D259">IFERROR(INDEX(Jesper!AH$2:AH$366,ROUNDDOWN($C259/24,0)+1,1)*INDEX($D$3:$AA$30,INDEX(Jesper!$R$2:$R$366,ROW(INDEX(Jesper!AH$2:AH$366,ROUNDDOWN($C259/24,0)+1,1))-1)+IF('Standard Profiles'!$G$18=$B$10,7,0)+IF('Standard Profiles'!$G$18=$B$17,14,0)+IF('Standard Profiles'!$G$18=$B$24,21,0),MOD($C259,24)+1)/SUM(INDEX($D$3:$AA$30,INDEX(Jesper!$R$2:$R$366,ROW(INDEX(Jesper!AH$2:AH$366,ROUNDDOWN($C259/24,0)+1,1))-1)+IF('Standard Profiles'!$G$18=$B$10,7,0)+IF('Standard Profiles'!$G$18=$B$17,14,0)+IF('Standard Profiles'!$G$18=$B$24,21,0),0)),0)</f>
        <v>12.084667925219973</v>
      </c>
      <c r="E259" cm="1">
        <f t="array" ref="E259">IFERROR(INDEX(Jesper!AI$2:AI$366,ROUNDDOWN($C259/24,0)+1,1)*INDEX($D$3:$AA$30,INDEX(Jesper!$R$2:$R$366,ROW(INDEX(Jesper!AI$2:AI$366,ROUNDDOWN($C259/24,0)+1,1))-1)+IF('Standard Profiles'!$G$19=$B$10,7,0)+IF('Standard Profiles'!$G$19=$B$17,14,0)+IF('Standard Profiles'!$G$19=$B$24,21,0),MOD($C259,24)+1)/SUM(INDEX($D$3:$AA$30,INDEX(Jesper!$R$2:$R$366,ROW(INDEX(Jesper!AI$2:AI$366,ROUNDDOWN($C259/24,0)+1,1))-1)+IF('Standard Profiles'!$G$19=$B$10,7,0)+IF('Standard Profiles'!$G$19=$B$17,14,0)+IF('Standard Profiles'!$G$19=$B$24,21,0),0)),0)</f>
        <v>0</v>
      </c>
      <c r="F259" cm="1">
        <f t="array" ref="F259">IFERROR(INDEX(Jesper!AJ$2:AJ$366,ROUNDDOWN($C259/24,0)+1,1)*INDEX($D$3:$AA$30,INDEX(Jesper!$R$2:$R$366,ROW(INDEX(Jesper!AJ$2:AJ$366,ROUNDDOWN($C259/24,0)+1,1))-1)+IF('Standard Profiles'!$G$20=$B$10,7,0)+IF('Standard Profiles'!$G$20=$B$17,14,0)+IF('Standard Profiles'!$G$20=$B$24,21,0),MOD($C259,24)+1)/SUM(INDEX($D$3:$AA$30,INDEX(Jesper!$R$2:$R$366,ROW(INDEX(Jesper!AJ$2:AJ$366,ROUNDDOWN($C259/24,0)+1,1))-1)+IF('Standard Profiles'!$G$20=$B$10,7,0)+IF('Standard Profiles'!$G$20=$B$17,14,0)+IF('Standard Profiles'!$G$20=$B$24,21,0),0)),0)</f>
        <v>0</v>
      </c>
      <c r="G259" cm="1">
        <f t="array" ref="G259">IFERROR(INDEX(Jesper!AK$2:AK$366,ROUNDDOWN($C259/24,0)+1,1)*INDEX($D$3:$AA$30,INDEX(Jesper!$R$2:$R$366,ROW(INDEX(Jesper!AK$2:AK$366,ROUNDDOWN($C259/24,0)+1,1))-1)+IF('Standard Profiles'!$G$21=$B$10,7,0)+IF('Standard Profiles'!$G$21=$B$17,14,0)+IF('Standard Profiles'!$G$21=$B$24,21,0),MOD($C259,24)+1)/SUM(INDEX($D$3:$AA$30,INDEX(Jesper!$R$2:$R$366,ROW(INDEX(Jesper!AK$2:AK$366,ROUNDDOWN($C259/24,0)+1,1))-1)+IF('Standard Profiles'!$G$21=$B$10,7,0)+IF('Standard Profiles'!$G$21=$B$17,14,0)+IF('Standard Profiles'!$G$21=$B$24,21,0),0)),0)</f>
        <v>0</v>
      </c>
      <c r="H259" cm="1">
        <f t="array" ref="H259">IFERROR(INDEX(Jesper!AL$2:AL$366,ROUNDDOWN($C259/24,0)+1,1)*INDEX($D$3:$AA$30,INDEX(Jesper!$R$2:$R$366,ROW(INDEX(Jesper!AL$2:AL$366,ROUNDDOWN($C259/24,0)+1,1))-1)+IF('Standard Profiles'!$G$22=$B$10,7,0)+IF('Standard Profiles'!$G$22=$B$17,14,0)+IF('Standard Profiles'!$G$22=$B$24,21,0),MOD($C259,24)+1)/SUM(INDEX($D$3:$AA$30,INDEX(Jesper!$R$2:$R$366,ROW(INDEX(Jesper!AL$2:AL$366,ROUNDDOWN($C259/24,0)+1,1))-1)+IF('Standard Profiles'!$G$22=$B$10,7,0)+IF('Standard Profiles'!$G$22=$B$17,14,0)+IF('Standard Profiles'!$G$22=$B$24,21,0),0)),0)</f>
        <v>0</v>
      </c>
      <c r="I259">
        <f t="shared" si="41"/>
        <v>0.36254003775659915</v>
      </c>
      <c r="J259">
        <f t="shared" si="42"/>
        <v>1.2084667925219974</v>
      </c>
      <c r="K259">
        <f t="shared" si="43"/>
        <v>1.8127001887829959</v>
      </c>
      <c r="L259">
        <f t="shared" si="44"/>
        <v>8.7009609061583806</v>
      </c>
      <c r="M259">
        <f t="shared" si="45"/>
        <v>0</v>
      </c>
      <c r="N259" s="46">
        <f t="shared" si="46"/>
        <v>45301.374999999454</v>
      </c>
    </row>
    <row r="260" spans="2:14" x14ac:dyDescent="0.3">
      <c r="B260">
        <f t="shared" si="40"/>
        <v>3</v>
      </c>
      <c r="C260" s="16">
        <v>226</v>
      </c>
      <c r="D260" cm="1">
        <f t="array" ref="D260">IFERROR(INDEX(Jesper!AH$2:AH$366,ROUNDDOWN($C260/24,0)+1,1)*INDEX($D$3:$AA$30,INDEX(Jesper!$R$2:$R$366,ROW(INDEX(Jesper!AH$2:AH$366,ROUNDDOWN($C260/24,0)+1,1))-1)+IF('Standard Profiles'!$G$18=$B$10,7,0)+IF('Standard Profiles'!$G$18=$B$17,14,0)+IF('Standard Profiles'!$G$18=$B$24,21,0),MOD($C260,24)+1)/SUM(INDEX($D$3:$AA$30,INDEX(Jesper!$R$2:$R$366,ROW(INDEX(Jesper!AH$2:AH$366,ROUNDDOWN($C260/24,0)+1,1))-1)+IF('Standard Profiles'!$G$18=$B$10,7,0)+IF('Standard Profiles'!$G$18=$B$17,14,0)+IF('Standard Profiles'!$G$18=$B$24,21,0),0)),0)</f>
        <v>13.09172358565497</v>
      </c>
      <c r="E260" cm="1">
        <f t="array" ref="E260">IFERROR(INDEX(Jesper!AI$2:AI$366,ROUNDDOWN($C260/24,0)+1,1)*INDEX($D$3:$AA$30,INDEX(Jesper!$R$2:$R$366,ROW(INDEX(Jesper!AI$2:AI$366,ROUNDDOWN($C260/24,0)+1,1))-1)+IF('Standard Profiles'!$G$19=$B$10,7,0)+IF('Standard Profiles'!$G$19=$B$17,14,0)+IF('Standard Profiles'!$G$19=$B$24,21,0),MOD($C260,24)+1)/SUM(INDEX($D$3:$AA$30,INDEX(Jesper!$R$2:$R$366,ROW(INDEX(Jesper!AI$2:AI$366,ROUNDDOWN($C260/24,0)+1,1))-1)+IF('Standard Profiles'!$G$19=$B$10,7,0)+IF('Standard Profiles'!$G$19=$B$17,14,0)+IF('Standard Profiles'!$G$19=$B$24,21,0),0)),0)</f>
        <v>0</v>
      </c>
      <c r="F260" cm="1">
        <f t="array" ref="F260">IFERROR(INDEX(Jesper!AJ$2:AJ$366,ROUNDDOWN($C260/24,0)+1,1)*INDEX($D$3:$AA$30,INDEX(Jesper!$R$2:$R$366,ROW(INDEX(Jesper!AJ$2:AJ$366,ROUNDDOWN($C260/24,0)+1,1))-1)+IF('Standard Profiles'!$G$20=$B$10,7,0)+IF('Standard Profiles'!$G$20=$B$17,14,0)+IF('Standard Profiles'!$G$20=$B$24,21,0),MOD($C260,24)+1)/SUM(INDEX($D$3:$AA$30,INDEX(Jesper!$R$2:$R$366,ROW(INDEX(Jesper!AJ$2:AJ$366,ROUNDDOWN($C260/24,0)+1,1))-1)+IF('Standard Profiles'!$G$20=$B$10,7,0)+IF('Standard Profiles'!$G$20=$B$17,14,0)+IF('Standard Profiles'!$G$20=$B$24,21,0),0)),0)</f>
        <v>0</v>
      </c>
      <c r="G260" cm="1">
        <f t="array" ref="G260">IFERROR(INDEX(Jesper!AK$2:AK$366,ROUNDDOWN($C260/24,0)+1,1)*INDEX($D$3:$AA$30,INDEX(Jesper!$R$2:$R$366,ROW(INDEX(Jesper!AK$2:AK$366,ROUNDDOWN($C260/24,0)+1,1))-1)+IF('Standard Profiles'!$G$21=$B$10,7,0)+IF('Standard Profiles'!$G$21=$B$17,14,0)+IF('Standard Profiles'!$G$21=$B$24,21,0),MOD($C260,24)+1)/SUM(INDEX($D$3:$AA$30,INDEX(Jesper!$R$2:$R$366,ROW(INDEX(Jesper!AK$2:AK$366,ROUNDDOWN($C260/24,0)+1,1))-1)+IF('Standard Profiles'!$G$21=$B$10,7,0)+IF('Standard Profiles'!$G$21=$B$17,14,0)+IF('Standard Profiles'!$G$21=$B$24,21,0),0)),0)</f>
        <v>0</v>
      </c>
      <c r="H260" cm="1">
        <f t="array" ref="H260">IFERROR(INDEX(Jesper!AL$2:AL$366,ROUNDDOWN($C260/24,0)+1,1)*INDEX($D$3:$AA$30,INDEX(Jesper!$R$2:$R$366,ROW(INDEX(Jesper!AL$2:AL$366,ROUNDDOWN($C260/24,0)+1,1))-1)+IF('Standard Profiles'!$G$22=$B$10,7,0)+IF('Standard Profiles'!$G$22=$B$17,14,0)+IF('Standard Profiles'!$G$22=$B$24,21,0),MOD($C260,24)+1)/SUM(INDEX($D$3:$AA$30,INDEX(Jesper!$R$2:$R$366,ROW(INDEX(Jesper!AL$2:AL$366,ROUNDDOWN($C260/24,0)+1,1))-1)+IF('Standard Profiles'!$G$22=$B$10,7,0)+IF('Standard Profiles'!$G$22=$B$17,14,0)+IF('Standard Profiles'!$G$22=$B$24,21,0),0)),0)</f>
        <v>0</v>
      </c>
      <c r="I260">
        <f t="shared" si="41"/>
        <v>0.39275170756964906</v>
      </c>
      <c r="J260">
        <f t="shared" si="42"/>
        <v>1.3091723585654971</v>
      </c>
      <c r="K260">
        <f t="shared" si="43"/>
        <v>1.9637585378482454</v>
      </c>
      <c r="L260">
        <f t="shared" si="44"/>
        <v>9.4260409816715782</v>
      </c>
      <c r="M260">
        <f t="shared" si="45"/>
        <v>0</v>
      </c>
      <c r="N260" s="46">
        <f t="shared" si="46"/>
        <v>45301.416666666119</v>
      </c>
    </row>
    <row r="261" spans="2:14" x14ac:dyDescent="0.3">
      <c r="B261">
        <f t="shared" si="40"/>
        <v>3</v>
      </c>
      <c r="C261" s="16">
        <v>227</v>
      </c>
      <c r="D261" cm="1">
        <f t="array" ref="D261">IFERROR(INDEX(Jesper!AH$2:AH$366,ROUNDDOWN($C261/24,0)+1,1)*INDEX($D$3:$AA$30,INDEX(Jesper!$R$2:$R$366,ROW(INDEX(Jesper!AH$2:AH$366,ROUNDDOWN($C261/24,0)+1,1))-1)+IF('Standard Profiles'!$G$18=$B$10,7,0)+IF('Standard Profiles'!$G$18=$B$17,14,0)+IF('Standard Profiles'!$G$18=$B$24,21,0),MOD($C261,24)+1)/SUM(INDEX($D$3:$AA$30,INDEX(Jesper!$R$2:$R$366,ROW(INDEX(Jesper!AH$2:AH$366,ROUNDDOWN($C261/24,0)+1,1))-1)+IF('Standard Profiles'!$G$18=$B$10,7,0)+IF('Standard Profiles'!$G$18=$B$17,14,0)+IF('Standard Profiles'!$G$18=$B$24,21,0),0)),0)</f>
        <v>15.105834906524967</v>
      </c>
      <c r="E261" cm="1">
        <f t="array" ref="E261">IFERROR(INDEX(Jesper!AI$2:AI$366,ROUNDDOWN($C261/24,0)+1,1)*INDEX($D$3:$AA$30,INDEX(Jesper!$R$2:$R$366,ROW(INDEX(Jesper!AI$2:AI$366,ROUNDDOWN($C261/24,0)+1,1))-1)+IF('Standard Profiles'!$G$19=$B$10,7,0)+IF('Standard Profiles'!$G$19=$B$17,14,0)+IF('Standard Profiles'!$G$19=$B$24,21,0),MOD($C261,24)+1)/SUM(INDEX($D$3:$AA$30,INDEX(Jesper!$R$2:$R$366,ROW(INDEX(Jesper!AI$2:AI$366,ROUNDDOWN($C261/24,0)+1,1))-1)+IF('Standard Profiles'!$G$19=$B$10,7,0)+IF('Standard Profiles'!$G$19=$B$17,14,0)+IF('Standard Profiles'!$G$19=$B$24,21,0),0)),0)</f>
        <v>0</v>
      </c>
      <c r="F261" cm="1">
        <f t="array" ref="F261">IFERROR(INDEX(Jesper!AJ$2:AJ$366,ROUNDDOWN($C261/24,0)+1,1)*INDEX($D$3:$AA$30,INDEX(Jesper!$R$2:$R$366,ROW(INDEX(Jesper!AJ$2:AJ$366,ROUNDDOWN($C261/24,0)+1,1))-1)+IF('Standard Profiles'!$G$20=$B$10,7,0)+IF('Standard Profiles'!$G$20=$B$17,14,0)+IF('Standard Profiles'!$G$20=$B$24,21,0),MOD($C261,24)+1)/SUM(INDEX($D$3:$AA$30,INDEX(Jesper!$R$2:$R$366,ROW(INDEX(Jesper!AJ$2:AJ$366,ROUNDDOWN($C261/24,0)+1,1))-1)+IF('Standard Profiles'!$G$20=$B$10,7,0)+IF('Standard Profiles'!$G$20=$B$17,14,0)+IF('Standard Profiles'!$G$20=$B$24,21,0),0)),0)</f>
        <v>0</v>
      </c>
      <c r="G261" cm="1">
        <f t="array" ref="G261">IFERROR(INDEX(Jesper!AK$2:AK$366,ROUNDDOWN($C261/24,0)+1,1)*INDEX($D$3:$AA$30,INDEX(Jesper!$R$2:$R$366,ROW(INDEX(Jesper!AK$2:AK$366,ROUNDDOWN($C261/24,0)+1,1))-1)+IF('Standard Profiles'!$G$21=$B$10,7,0)+IF('Standard Profiles'!$G$21=$B$17,14,0)+IF('Standard Profiles'!$G$21=$B$24,21,0),MOD($C261,24)+1)/SUM(INDEX($D$3:$AA$30,INDEX(Jesper!$R$2:$R$366,ROW(INDEX(Jesper!AK$2:AK$366,ROUNDDOWN($C261/24,0)+1,1))-1)+IF('Standard Profiles'!$G$21=$B$10,7,0)+IF('Standard Profiles'!$G$21=$B$17,14,0)+IF('Standard Profiles'!$G$21=$B$24,21,0),0)),0)</f>
        <v>0</v>
      </c>
      <c r="H261" cm="1">
        <f t="array" ref="H261">IFERROR(INDEX(Jesper!AL$2:AL$366,ROUNDDOWN($C261/24,0)+1,1)*INDEX($D$3:$AA$30,INDEX(Jesper!$R$2:$R$366,ROW(INDEX(Jesper!AL$2:AL$366,ROUNDDOWN($C261/24,0)+1,1))-1)+IF('Standard Profiles'!$G$22=$B$10,7,0)+IF('Standard Profiles'!$G$22=$B$17,14,0)+IF('Standard Profiles'!$G$22=$B$24,21,0),MOD($C261,24)+1)/SUM(INDEX($D$3:$AA$30,INDEX(Jesper!$R$2:$R$366,ROW(INDEX(Jesper!AL$2:AL$366,ROUNDDOWN($C261/24,0)+1,1))-1)+IF('Standard Profiles'!$G$22=$B$10,7,0)+IF('Standard Profiles'!$G$22=$B$17,14,0)+IF('Standard Profiles'!$G$22=$B$24,21,0),0)),0)</f>
        <v>0</v>
      </c>
      <c r="I261">
        <f t="shared" si="41"/>
        <v>0.45317504719574897</v>
      </c>
      <c r="J261">
        <f t="shared" si="42"/>
        <v>1.5105834906524969</v>
      </c>
      <c r="K261">
        <f t="shared" si="43"/>
        <v>2.2658752359787449</v>
      </c>
      <c r="L261">
        <f t="shared" si="44"/>
        <v>10.876201132697975</v>
      </c>
      <c r="M261">
        <f t="shared" si="45"/>
        <v>0</v>
      </c>
      <c r="N261" s="46">
        <f t="shared" si="46"/>
        <v>45301.458333332783</v>
      </c>
    </row>
    <row r="262" spans="2:14" x14ac:dyDescent="0.3">
      <c r="B262">
        <f t="shared" si="40"/>
        <v>3</v>
      </c>
      <c r="C262" s="16">
        <v>228</v>
      </c>
      <c r="D262" cm="1">
        <f t="array" ref="D262">IFERROR(INDEX(Jesper!AH$2:AH$366,ROUNDDOWN($C262/24,0)+1,1)*INDEX($D$3:$AA$30,INDEX(Jesper!$R$2:$R$366,ROW(INDEX(Jesper!AH$2:AH$366,ROUNDDOWN($C262/24,0)+1,1))-1)+IF('Standard Profiles'!$G$18=$B$10,7,0)+IF('Standard Profiles'!$G$18=$B$17,14,0)+IF('Standard Profiles'!$G$18=$B$24,21,0),MOD($C262,24)+1)/SUM(INDEX($D$3:$AA$30,INDEX(Jesper!$R$2:$R$366,ROW(INDEX(Jesper!AH$2:AH$366,ROUNDDOWN($C262/24,0)+1,1))-1)+IF('Standard Profiles'!$G$18=$B$10,7,0)+IF('Standard Profiles'!$G$18=$B$17,14,0)+IF('Standard Profiles'!$G$18=$B$24,21,0),0)),0)</f>
        <v>15.105834906524967</v>
      </c>
      <c r="E262" cm="1">
        <f t="array" ref="E262">IFERROR(INDEX(Jesper!AI$2:AI$366,ROUNDDOWN($C262/24,0)+1,1)*INDEX($D$3:$AA$30,INDEX(Jesper!$R$2:$R$366,ROW(INDEX(Jesper!AI$2:AI$366,ROUNDDOWN($C262/24,0)+1,1))-1)+IF('Standard Profiles'!$G$19=$B$10,7,0)+IF('Standard Profiles'!$G$19=$B$17,14,0)+IF('Standard Profiles'!$G$19=$B$24,21,0),MOD($C262,24)+1)/SUM(INDEX($D$3:$AA$30,INDEX(Jesper!$R$2:$R$366,ROW(INDEX(Jesper!AI$2:AI$366,ROUNDDOWN($C262/24,0)+1,1))-1)+IF('Standard Profiles'!$G$19=$B$10,7,0)+IF('Standard Profiles'!$G$19=$B$17,14,0)+IF('Standard Profiles'!$G$19=$B$24,21,0),0)),0)</f>
        <v>0</v>
      </c>
      <c r="F262" cm="1">
        <f t="array" ref="F262">IFERROR(INDEX(Jesper!AJ$2:AJ$366,ROUNDDOWN($C262/24,0)+1,1)*INDEX($D$3:$AA$30,INDEX(Jesper!$R$2:$R$366,ROW(INDEX(Jesper!AJ$2:AJ$366,ROUNDDOWN($C262/24,0)+1,1))-1)+IF('Standard Profiles'!$G$20=$B$10,7,0)+IF('Standard Profiles'!$G$20=$B$17,14,0)+IF('Standard Profiles'!$G$20=$B$24,21,0),MOD($C262,24)+1)/SUM(INDEX($D$3:$AA$30,INDEX(Jesper!$R$2:$R$366,ROW(INDEX(Jesper!AJ$2:AJ$366,ROUNDDOWN($C262/24,0)+1,1))-1)+IF('Standard Profiles'!$G$20=$B$10,7,0)+IF('Standard Profiles'!$G$20=$B$17,14,0)+IF('Standard Profiles'!$G$20=$B$24,21,0),0)),0)</f>
        <v>0</v>
      </c>
      <c r="G262" cm="1">
        <f t="array" ref="G262">IFERROR(INDEX(Jesper!AK$2:AK$366,ROUNDDOWN($C262/24,0)+1,1)*INDEX($D$3:$AA$30,INDEX(Jesper!$R$2:$R$366,ROW(INDEX(Jesper!AK$2:AK$366,ROUNDDOWN($C262/24,0)+1,1))-1)+IF('Standard Profiles'!$G$21=$B$10,7,0)+IF('Standard Profiles'!$G$21=$B$17,14,0)+IF('Standard Profiles'!$G$21=$B$24,21,0),MOD($C262,24)+1)/SUM(INDEX($D$3:$AA$30,INDEX(Jesper!$R$2:$R$366,ROW(INDEX(Jesper!AK$2:AK$366,ROUNDDOWN($C262/24,0)+1,1))-1)+IF('Standard Profiles'!$G$21=$B$10,7,0)+IF('Standard Profiles'!$G$21=$B$17,14,0)+IF('Standard Profiles'!$G$21=$B$24,21,0),0)),0)</f>
        <v>0</v>
      </c>
      <c r="H262" cm="1">
        <f t="array" ref="H262">IFERROR(INDEX(Jesper!AL$2:AL$366,ROUNDDOWN($C262/24,0)+1,1)*INDEX($D$3:$AA$30,INDEX(Jesper!$R$2:$R$366,ROW(INDEX(Jesper!AL$2:AL$366,ROUNDDOWN($C262/24,0)+1,1))-1)+IF('Standard Profiles'!$G$22=$B$10,7,0)+IF('Standard Profiles'!$G$22=$B$17,14,0)+IF('Standard Profiles'!$G$22=$B$24,21,0),MOD($C262,24)+1)/SUM(INDEX($D$3:$AA$30,INDEX(Jesper!$R$2:$R$366,ROW(INDEX(Jesper!AL$2:AL$366,ROUNDDOWN($C262/24,0)+1,1))-1)+IF('Standard Profiles'!$G$22=$B$10,7,0)+IF('Standard Profiles'!$G$22=$B$17,14,0)+IF('Standard Profiles'!$G$22=$B$24,21,0),0)),0)</f>
        <v>0</v>
      </c>
      <c r="I262">
        <f t="shared" si="41"/>
        <v>0.45317504719574897</v>
      </c>
      <c r="J262">
        <f t="shared" si="42"/>
        <v>1.5105834906524969</v>
      </c>
      <c r="K262">
        <f t="shared" si="43"/>
        <v>2.2658752359787449</v>
      </c>
      <c r="L262">
        <f t="shared" si="44"/>
        <v>10.876201132697975</v>
      </c>
      <c r="M262">
        <f t="shared" si="45"/>
        <v>0</v>
      </c>
      <c r="N262" s="46">
        <f t="shared" si="46"/>
        <v>45301.499999999447</v>
      </c>
    </row>
    <row r="263" spans="2:14" x14ac:dyDescent="0.3">
      <c r="B263">
        <f t="shared" si="40"/>
        <v>3</v>
      </c>
      <c r="C263" s="16">
        <v>229</v>
      </c>
      <c r="D263" cm="1">
        <f t="array" ref="D263">IFERROR(INDEX(Jesper!AH$2:AH$366,ROUNDDOWN($C263/24,0)+1,1)*INDEX($D$3:$AA$30,INDEX(Jesper!$R$2:$R$366,ROW(INDEX(Jesper!AH$2:AH$366,ROUNDDOWN($C263/24,0)+1,1))-1)+IF('Standard Profiles'!$G$18=$B$10,7,0)+IF('Standard Profiles'!$G$18=$B$17,14,0)+IF('Standard Profiles'!$G$18=$B$24,21,0),MOD($C263,24)+1)/SUM(INDEX($D$3:$AA$30,INDEX(Jesper!$R$2:$R$366,ROW(INDEX(Jesper!AH$2:AH$366,ROUNDDOWN($C263/24,0)+1,1))-1)+IF('Standard Profiles'!$G$18=$B$10,7,0)+IF('Standard Profiles'!$G$18=$B$17,14,0)+IF('Standard Profiles'!$G$18=$B$24,21,0),0)),0)</f>
        <v>15.105834906524967</v>
      </c>
      <c r="E263" cm="1">
        <f t="array" ref="E263">IFERROR(INDEX(Jesper!AI$2:AI$366,ROUNDDOWN($C263/24,0)+1,1)*INDEX($D$3:$AA$30,INDEX(Jesper!$R$2:$R$366,ROW(INDEX(Jesper!AI$2:AI$366,ROUNDDOWN($C263/24,0)+1,1))-1)+IF('Standard Profiles'!$G$19=$B$10,7,0)+IF('Standard Profiles'!$G$19=$B$17,14,0)+IF('Standard Profiles'!$G$19=$B$24,21,0),MOD($C263,24)+1)/SUM(INDEX($D$3:$AA$30,INDEX(Jesper!$R$2:$R$366,ROW(INDEX(Jesper!AI$2:AI$366,ROUNDDOWN($C263/24,0)+1,1))-1)+IF('Standard Profiles'!$G$19=$B$10,7,0)+IF('Standard Profiles'!$G$19=$B$17,14,0)+IF('Standard Profiles'!$G$19=$B$24,21,0),0)),0)</f>
        <v>0</v>
      </c>
      <c r="F263" cm="1">
        <f t="array" ref="F263">IFERROR(INDEX(Jesper!AJ$2:AJ$366,ROUNDDOWN($C263/24,0)+1,1)*INDEX($D$3:$AA$30,INDEX(Jesper!$R$2:$R$366,ROW(INDEX(Jesper!AJ$2:AJ$366,ROUNDDOWN($C263/24,0)+1,1))-1)+IF('Standard Profiles'!$G$20=$B$10,7,0)+IF('Standard Profiles'!$G$20=$B$17,14,0)+IF('Standard Profiles'!$G$20=$B$24,21,0),MOD($C263,24)+1)/SUM(INDEX($D$3:$AA$30,INDEX(Jesper!$R$2:$R$366,ROW(INDEX(Jesper!AJ$2:AJ$366,ROUNDDOWN($C263/24,0)+1,1))-1)+IF('Standard Profiles'!$G$20=$B$10,7,0)+IF('Standard Profiles'!$G$20=$B$17,14,0)+IF('Standard Profiles'!$G$20=$B$24,21,0),0)),0)</f>
        <v>0</v>
      </c>
      <c r="G263" cm="1">
        <f t="array" ref="G263">IFERROR(INDEX(Jesper!AK$2:AK$366,ROUNDDOWN($C263/24,0)+1,1)*INDEX($D$3:$AA$30,INDEX(Jesper!$R$2:$R$366,ROW(INDEX(Jesper!AK$2:AK$366,ROUNDDOWN($C263/24,0)+1,1))-1)+IF('Standard Profiles'!$G$21=$B$10,7,0)+IF('Standard Profiles'!$G$21=$B$17,14,0)+IF('Standard Profiles'!$G$21=$B$24,21,0),MOD($C263,24)+1)/SUM(INDEX($D$3:$AA$30,INDEX(Jesper!$R$2:$R$366,ROW(INDEX(Jesper!AK$2:AK$366,ROUNDDOWN($C263/24,0)+1,1))-1)+IF('Standard Profiles'!$G$21=$B$10,7,0)+IF('Standard Profiles'!$G$21=$B$17,14,0)+IF('Standard Profiles'!$G$21=$B$24,21,0),0)),0)</f>
        <v>0</v>
      </c>
      <c r="H263" cm="1">
        <f t="array" ref="H263">IFERROR(INDEX(Jesper!AL$2:AL$366,ROUNDDOWN($C263/24,0)+1,1)*INDEX($D$3:$AA$30,INDEX(Jesper!$R$2:$R$366,ROW(INDEX(Jesper!AL$2:AL$366,ROUNDDOWN($C263/24,0)+1,1))-1)+IF('Standard Profiles'!$G$22=$B$10,7,0)+IF('Standard Profiles'!$G$22=$B$17,14,0)+IF('Standard Profiles'!$G$22=$B$24,21,0),MOD($C263,24)+1)/SUM(INDEX($D$3:$AA$30,INDEX(Jesper!$R$2:$R$366,ROW(INDEX(Jesper!AL$2:AL$366,ROUNDDOWN($C263/24,0)+1,1))-1)+IF('Standard Profiles'!$G$22=$B$10,7,0)+IF('Standard Profiles'!$G$22=$B$17,14,0)+IF('Standard Profiles'!$G$22=$B$24,21,0),0)),0)</f>
        <v>0</v>
      </c>
      <c r="I263">
        <f t="shared" si="41"/>
        <v>0.45317504719574897</v>
      </c>
      <c r="J263">
        <f t="shared" si="42"/>
        <v>1.5105834906524969</v>
      </c>
      <c r="K263">
        <f t="shared" si="43"/>
        <v>2.2658752359787449</v>
      </c>
      <c r="L263">
        <f t="shared" si="44"/>
        <v>10.876201132697975</v>
      </c>
      <c r="M263">
        <f t="shared" si="45"/>
        <v>0</v>
      </c>
      <c r="N263" s="46">
        <f t="shared" si="46"/>
        <v>45301.541666666111</v>
      </c>
    </row>
    <row r="264" spans="2:14" x14ac:dyDescent="0.3">
      <c r="B264">
        <f t="shared" si="40"/>
        <v>3</v>
      </c>
      <c r="C264" s="16">
        <v>230</v>
      </c>
      <c r="D264" cm="1">
        <f t="array" ref="D264">IFERROR(INDEX(Jesper!AH$2:AH$366,ROUNDDOWN($C264/24,0)+1,1)*INDEX($D$3:$AA$30,INDEX(Jesper!$R$2:$R$366,ROW(INDEX(Jesper!AH$2:AH$366,ROUNDDOWN($C264/24,0)+1,1))-1)+IF('Standard Profiles'!$G$18=$B$10,7,0)+IF('Standard Profiles'!$G$18=$B$17,14,0)+IF('Standard Profiles'!$G$18=$B$24,21,0),MOD($C264,24)+1)/SUM(INDEX($D$3:$AA$30,INDEX(Jesper!$R$2:$R$366,ROW(INDEX(Jesper!AH$2:AH$366,ROUNDDOWN($C264/24,0)+1,1))-1)+IF('Standard Profiles'!$G$18=$B$10,7,0)+IF('Standard Profiles'!$G$18=$B$17,14,0)+IF('Standard Profiles'!$G$18=$B$24,21,0),0)),0)</f>
        <v>15.105834906524967</v>
      </c>
      <c r="E264" cm="1">
        <f t="array" ref="E264">IFERROR(INDEX(Jesper!AI$2:AI$366,ROUNDDOWN($C264/24,0)+1,1)*INDEX($D$3:$AA$30,INDEX(Jesper!$R$2:$R$366,ROW(INDEX(Jesper!AI$2:AI$366,ROUNDDOWN($C264/24,0)+1,1))-1)+IF('Standard Profiles'!$G$19=$B$10,7,0)+IF('Standard Profiles'!$G$19=$B$17,14,0)+IF('Standard Profiles'!$G$19=$B$24,21,0),MOD($C264,24)+1)/SUM(INDEX($D$3:$AA$30,INDEX(Jesper!$R$2:$R$366,ROW(INDEX(Jesper!AI$2:AI$366,ROUNDDOWN($C264/24,0)+1,1))-1)+IF('Standard Profiles'!$G$19=$B$10,7,0)+IF('Standard Profiles'!$G$19=$B$17,14,0)+IF('Standard Profiles'!$G$19=$B$24,21,0),0)),0)</f>
        <v>0</v>
      </c>
      <c r="F264" cm="1">
        <f t="array" ref="F264">IFERROR(INDEX(Jesper!AJ$2:AJ$366,ROUNDDOWN($C264/24,0)+1,1)*INDEX($D$3:$AA$30,INDEX(Jesper!$R$2:$R$366,ROW(INDEX(Jesper!AJ$2:AJ$366,ROUNDDOWN($C264/24,0)+1,1))-1)+IF('Standard Profiles'!$G$20=$B$10,7,0)+IF('Standard Profiles'!$G$20=$B$17,14,0)+IF('Standard Profiles'!$G$20=$B$24,21,0),MOD($C264,24)+1)/SUM(INDEX($D$3:$AA$30,INDEX(Jesper!$R$2:$R$366,ROW(INDEX(Jesper!AJ$2:AJ$366,ROUNDDOWN($C264/24,0)+1,1))-1)+IF('Standard Profiles'!$G$20=$B$10,7,0)+IF('Standard Profiles'!$G$20=$B$17,14,0)+IF('Standard Profiles'!$G$20=$B$24,21,0),0)),0)</f>
        <v>0</v>
      </c>
      <c r="G264" cm="1">
        <f t="array" ref="G264">IFERROR(INDEX(Jesper!AK$2:AK$366,ROUNDDOWN($C264/24,0)+1,1)*INDEX($D$3:$AA$30,INDEX(Jesper!$R$2:$R$366,ROW(INDEX(Jesper!AK$2:AK$366,ROUNDDOWN($C264/24,0)+1,1))-1)+IF('Standard Profiles'!$G$21=$B$10,7,0)+IF('Standard Profiles'!$G$21=$B$17,14,0)+IF('Standard Profiles'!$G$21=$B$24,21,0),MOD($C264,24)+1)/SUM(INDEX($D$3:$AA$30,INDEX(Jesper!$R$2:$R$366,ROW(INDEX(Jesper!AK$2:AK$366,ROUNDDOWN($C264/24,0)+1,1))-1)+IF('Standard Profiles'!$G$21=$B$10,7,0)+IF('Standard Profiles'!$G$21=$B$17,14,0)+IF('Standard Profiles'!$G$21=$B$24,21,0),0)),0)</f>
        <v>0</v>
      </c>
      <c r="H264" cm="1">
        <f t="array" ref="H264">IFERROR(INDEX(Jesper!AL$2:AL$366,ROUNDDOWN($C264/24,0)+1,1)*INDEX($D$3:$AA$30,INDEX(Jesper!$R$2:$R$366,ROW(INDEX(Jesper!AL$2:AL$366,ROUNDDOWN($C264/24,0)+1,1))-1)+IF('Standard Profiles'!$G$22=$B$10,7,0)+IF('Standard Profiles'!$G$22=$B$17,14,0)+IF('Standard Profiles'!$G$22=$B$24,21,0),MOD($C264,24)+1)/SUM(INDEX($D$3:$AA$30,INDEX(Jesper!$R$2:$R$366,ROW(INDEX(Jesper!AL$2:AL$366,ROUNDDOWN($C264/24,0)+1,1))-1)+IF('Standard Profiles'!$G$22=$B$10,7,0)+IF('Standard Profiles'!$G$22=$B$17,14,0)+IF('Standard Profiles'!$G$22=$B$24,21,0),0)),0)</f>
        <v>0</v>
      </c>
      <c r="I264">
        <f t="shared" si="41"/>
        <v>0.45317504719574897</v>
      </c>
      <c r="J264">
        <f t="shared" si="42"/>
        <v>1.5105834906524969</v>
      </c>
      <c r="K264">
        <f t="shared" si="43"/>
        <v>2.2658752359787449</v>
      </c>
      <c r="L264">
        <f t="shared" si="44"/>
        <v>10.876201132697975</v>
      </c>
      <c r="M264">
        <f t="shared" si="45"/>
        <v>0</v>
      </c>
      <c r="N264" s="46">
        <f t="shared" si="46"/>
        <v>45301.583333332776</v>
      </c>
    </row>
    <row r="265" spans="2:14" x14ac:dyDescent="0.3">
      <c r="B265">
        <f t="shared" si="40"/>
        <v>3</v>
      </c>
      <c r="C265" s="16">
        <v>231</v>
      </c>
      <c r="D265" cm="1">
        <f t="array" ref="D265">IFERROR(INDEX(Jesper!AH$2:AH$366,ROUNDDOWN($C265/24,0)+1,1)*INDEX($D$3:$AA$30,INDEX(Jesper!$R$2:$R$366,ROW(INDEX(Jesper!AH$2:AH$366,ROUNDDOWN($C265/24,0)+1,1))-1)+IF('Standard Profiles'!$G$18=$B$10,7,0)+IF('Standard Profiles'!$G$18=$B$17,14,0)+IF('Standard Profiles'!$G$18=$B$24,21,0),MOD($C265,24)+1)/SUM(INDEX($D$3:$AA$30,INDEX(Jesper!$R$2:$R$366,ROW(INDEX(Jesper!AH$2:AH$366,ROUNDDOWN($C265/24,0)+1,1))-1)+IF('Standard Profiles'!$G$18=$B$10,7,0)+IF('Standard Profiles'!$G$18=$B$17,14,0)+IF('Standard Profiles'!$G$18=$B$24,21,0),0)),0)</f>
        <v>15.105834906524967</v>
      </c>
      <c r="E265" cm="1">
        <f t="array" ref="E265">IFERROR(INDEX(Jesper!AI$2:AI$366,ROUNDDOWN($C265/24,0)+1,1)*INDEX($D$3:$AA$30,INDEX(Jesper!$R$2:$R$366,ROW(INDEX(Jesper!AI$2:AI$366,ROUNDDOWN($C265/24,0)+1,1))-1)+IF('Standard Profiles'!$G$19=$B$10,7,0)+IF('Standard Profiles'!$G$19=$B$17,14,0)+IF('Standard Profiles'!$G$19=$B$24,21,0),MOD($C265,24)+1)/SUM(INDEX($D$3:$AA$30,INDEX(Jesper!$R$2:$R$366,ROW(INDEX(Jesper!AI$2:AI$366,ROUNDDOWN($C265/24,0)+1,1))-1)+IF('Standard Profiles'!$G$19=$B$10,7,0)+IF('Standard Profiles'!$G$19=$B$17,14,0)+IF('Standard Profiles'!$G$19=$B$24,21,0),0)),0)</f>
        <v>0</v>
      </c>
      <c r="F265" cm="1">
        <f t="array" ref="F265">IFERROR(INDEX(Jesper!AJ$2:AJ$366,ROUNDDOWN($C265/24,0)+1,1)*INDEX($D$3:$AA$30,INDEX(Jesper!$R$2:$R$366,ROW(INDEX(Jesper!AJ$2:AJ$366,ROUNDDOWN($C265/24,0)+1,1))-1)+IF('Standard Profiles'!$G$20=$B$10,7,0)+IF('Standard Profiles'!$G$20=$B$17,14,0)+IF('Standard Profiles'!$G$20=$B$24,21,0),MOD($C265,24)+1)/SUM(INDEX($D$3:$AA$30,INDEX(Jesper!$R$2:$R$366,ROW(INDEX(Jesper!AJ$2:AJ$366,ROUNDDOWN($C265/24,0)+1,1))-1)+IF('Standard Profiles'!$G$20=$B$10,7,0)+IF('Standard Profiles'!$G$20=$B$17,14,0)+IF('Standard Profiles'!$G$20=$B$24,21,0),0)),0)</f>
        <v>0</v>
      </c>
      <c r="G265" cm="1">
        <f t="array" ref="G265">IFERROR(INDEX(Jesper!AK$2:AK$366,ROUNDDOWN($C265/24,0)+1,1)*INDEX($D$3:$AA$30,INDEX(Jesper!$R$2:$R$366,ROW(INDEX(Jesper!AK$2:AK$366,ROUNDDOWN($C265/24,0)+1,1))-1)+IF('Standard Profiles'!$G$21=$B$10,7,0)+IF('Standard Profiles'!$G$21=$B$17,14,0)+IF('Standard Profiles'!$G$21=$B$24,21,0),MOD($C265,24)+1)/SUM(INDEX($D$3:$AA$30,INDEX(Jesper!$R$2:$R$366,ROW(INDEX(Jesper!AK$2:AK$366,ROUNDDOWN($C265/24,0)+1,1))-1)+IF('Standard Profiles'!$G$21=$B$10,7,0)+IF('Standard Profiles'!$G$21=$B$17,14,0)+IF('Standard Profiles'!$G$21=$B$24,21,0),0)),0)</f>
        <v>0</v>
      </c>
      <c r="H265" cm="1">
        <f t="array" ref="H265">IFERROR(INDEX(Jesper!AL$2:AL$366,ROUNDDOWN($C265/24,0)+1,1)*INDEX($D$3:$AA$30,INDEX(Jesper!$R$2:$R$366,ROW(INDEX(Jesper!AL$2:AL$366,ROUNDDOWN($C265/24,0)+1,1))-1)+IF('Standard Profiles'!$G$22=$B$10,7,0)+IF('Standard Profiles'!$G$22=$B$17,14,0)+IF('Standard Profiles'!$G$22=$B$24,21,0),MOD($C265,24)+1)/SUM(INDEX($D$3:$AA$30,INDEX(Jesper!$R$2:$R$366,ROW(INDEX(Jesper!AL$2:AL$366,ROUNDDOWN($C265/24,0)+1,1))-1)+IF('Standard Profiles'!$G$22=$B$10,7,0)+IF('Standard Profiles'!$G$22=$B$17,14,0)+IF('Standard Profiles'!$G$22=$B$24,21,0),0)),0)</f>
        <v>0</v>
      </c>
      <c r="I265">
        <f t="shared" si="41"/>
        <v>0.45317504719574897</v>
      </c>
      <c r="J265">
        <f t="shared" si="42"/>
        <v>1.5105834906524969</v>
      </c>
      <c r="K265">
        <f t="shared" si="43"/>
        <v>2.2658752359787449</v>
      </c>
      <c r="L265">
        <f t="shared" si="44"/>
        <v>10.876201132697975</v>
      </c>
      <c r="M265">
        <f t="shared" si="45"/>
        <v>0</v>
      </c>
      <c r="N265" s="46">
        <f t="shared" si="46"/>
        <v>45301.62499999944</v>
      </c>
    </row>
    <row r="266" spans="2:14" x14ac:dyDescent="0.3">
      <c r="B266">
        <f t="shared" si="40"/>
        <v>3</v>
      </c>
      <c r="C266" s="16">
        <v>232</v>
      </c>
      <c r="D266" cm="1">
        <f t="array" ref="D266">IFERROR(INDEX(Jesper!AH$2:AH$366,ROUNDDOWN($C266/24,0)+1,1)*INDEX($D$3:$AA$30,INDEX(Jesper!$R$2:$R$366,ROW(INDEX(Jesper!AH$2:AH$366,ROUNDDOWN($C266/24,0)+1,1))-1)+IF('Standard Profiles'!$G$18=$B$10,7,0)+IF('Standard Profiles'!$G$18=$B$17,14,0)+IF('Standard Profiles'!$G$18=$B$24,21,0),MOD($C266,24)+1)/SUM(INDEX($D$3:$AA$30,INDEX(Jesper!$R$2:$R$366,ROW(INDEX(Jesper!AH$2:AH$366,ROUNDDOWN($C266/24,0)+1,1))-1)+IF('Standard Profiles'!$G$18=$B$10,7,0)+IF('Standard Profiles'!$G$18=$B$17,14,0)+IF('Standard Profiles'!$G$18=$B$24,21,0),0)),0)</f>
        <v>15.105834906524967</v>
      </c>
      <c r="E266" cm="1">
        <f t="array" ref="E266">IFERROR(INDEX(Jesper!AI$2:AI$366,ROUNDDOWN($C266/24,0)+1,1)*INDEX($D$3:$AA$30,INDEX(Jesper!$R$2:$R$366,ROW(INDEX(Jesper!AI$2:AI$366,ROUNDDOWN($C266/24,0)+1,1))-1)+IF('Standard Profiles'!$G$19=$B$10,7,0)+IF('Standard Profiles'!$G$19=$B$17,14,0)+IF('Standard Profiles'!$G$19=$B$24,21,0),MOD($C266,24)+1)/SUM(INDEX($D$3:$AA$30,INDEX(Jesper!$R$2:$R$366,ROW(INDEX(Jesper!AI$2:AI$366,ROUNDDOWN($C266/24,0)+1,1))-1)+IF('Standard Profiles'!$G$19=$B$10,7,0)+IF('Standard Profiles'!$G$19=$B$17,14,0)+IF('Standard Profiles'!$G$19=$B$24,21,0),0)),0)</f>
        <v>0</v>
      </c>
      <c r="F266" cm="1">
        <f t="array" ref="F266">IFERROR(INDEX(Jesper!AJ$2:AJ$366,ROUNDDOWN($C266/24,0)+1,1)*INDEX($D$3:$AA$30,INDEX(Jesper!$R$2:$R$366,ROW(INDEX(Jesper!AJ$2:AJ$366,ROUNDDOWN($C266/24,0)+1,1))-1)+IF('Standard Profiles'!$G$20=$B$10,7,0)+IF('Standard Profiles'!$G$20=$B$17,14,0)+IF('Standard Profiles'!$G$20=$B$24,21,0),MOD($C266,24)+1)/SUM(INDEX($D$3:$AA$30,INDEX(Jesper!$R$2:$R$366,ROW(INDEX(Jesper!AJ$2:AJ$366,ROUNDDOWN($C266/24,0)+1,1))-1)+IF('Standard Profiles'!$G$20=$B$10,7,0)+IF('Standard Profiles'!$G$20=$B$17,14,0)+IF('Standard Profiles'!$G$20=$B$24,21,0),0)),0)</f>
        <v>0</v>
      </c>
      <c r="G266" cm="1">
        <f t="array" ref="G266">IFERROR(INDEX(Jesper!AK$2:AK$366,ROUNDDOWN($C266/24,0)+1,1)*INDEX($D$3:$AA$30,INDEX(Jesper!$R$2:$R$366,ROW(INDEX(Jesper!AK$2:AK$366,ROUNDDOWN($C266/24,0)+1,1))-1)+IF('Standard Profiles'!$G$21=$B$10,7,0)+IF('Standard Profiles'!$G$21=$B$17,14,0)+IF('Standard Profiles'!$G$21=$B$24,21,0),MOD($C266,24)+1)/SUM(INDEX($D$3:$AA$30,INDEX(Jesper!$R$2:$R$366,ROW(INDEX(Jesper!AK$2:AK$366,ROUNDDOWN($C266/24,0)+1,1))-1)+IF('Standard Profiles'!$G$21=$B$10,7,0)+IF('Standard Profiles'!$G$21=$B$17,14,0)+IF('Standard Profiles'!$G$21=$B$24,21,0),0)),0)</f>
        <v>0</v>
      </c>
      <c r="H266" cm="1">
        <f t="array" ref="H266">IFERROR(INDEX(Jesper!AL$2:AL$366,ROUNDDOWN($C266/24,0)+1,1)*INDEX($D$3:$AA$30,INDEX(Jesper!$R$2:$R$366,ROW(INDEX(Jesper!AL$2:AL$366,ROUNDDOWN($C266/24,0)+1,1))-1)+IF('Standard Profiles'!$G$22=$B$10,7,0)+IF('Standard Profiles'!$G$22=$B$17,14,0)+IF('Standard Profiles'!$G$22=$B$24,21,0),MOD($C266,24)+1)/SUM(INDEX($D$3:$AA$30,INDEX(Jesper!$R$2:$R$366,ROW(INDEX(Jesper!AL$2:AL$366,ROUNDDOWN($C266/24,0)+1,1))-1)+IF('Standard Profiles'!$G$22=$B$10,7,0)+IF('Standard Profiles'!$G$22=$B$17,14,0)+IF('Standard Profiles'!$G$22=$B$24,21,0),0)),0)</f>
        <v>0</v>
      </c>
      <c r="I266">
        <f t="shared" si="41"/>
        <v>0.45317504719574897</v>
      </c>
      <c r="J266">
        <f t="shared" si="42"/>
        <v>1.5105834906524969</v>
      </c>
      <c r="K266">
        <f t="shared" si="43"/>
        <v>2.2658752359787449</v>
      </c>
      <c r="L266">
        <f t="shared" si="44"/>
        <v>10.876201132697975</v>
      </c>
      <c r="M266">
        <f t="shared" si="45"/>
        <v>0</v>
      </c>
      <c r="N266" s="46">
        <f t="shared" si="46"/>
        <v>45301.666666666104</v>
      </c>
    </row>
    <row r="267" spans="2:14" x14ac:dyDescent="0.3">
      <c r="B267">
        <f t="shared" si="40"/>
        <v>3</v>
      </c>
      <c r="C267" s="16">
        <v>233</v>
      </c>
      <c r="D267" cm="1">
        <f t="array" ref="D267">IFERROR(INDEX(Jesper!AH$2:AH$366,ROUNDDOWN($C267/24,0)+1,1)*INDEX($D$3:$AA$30,INDEX(Jesper!$R$2:$R$366,ROW(INDEX(Jesper!AH$2:AH$366,ROUNDDOWN($C267/24,0)+1,1))-1)+IF('Standard Profiles'!$G$18=$B$10,7,0)+IF('Standard Profiles'!$G$18=$B$17,14,0)+IF('Standard Profiles'!$G$18=$B$24,21,0),MOD($C267,24)+1)/SUM(INDEX($D$3:$AA$30,INDEX(Jesper!$R$2:$R$366,ROW(INDEX(Jesper!AH$2:AH$366,ROUNDDOWN($C267/24,0)+1,1))-1)+IF('Standard Profiles'!$G$18=$B$10,7,0)+IF('Standard Profiles'!$G$18=$B$17,14,0)+IF('Standard Profiles'!$G$18=$B$24,21,0),0)),0)</f>
        <v>15.105834906524967</v>
      </c>
      <c r="E267" cm="1">
        <f t="array" ref="E267">IFERROR(INDEX(Jesper!AI$2:AI$366,ROUNDDOWN($C267/24,0)+1,1)*INDEX($D$3:$AA$30,INDEX(Jesper!$R$2:$R$366,ROW(INDEX(Jesper!AI$2:AI$366,ROUNDDOWN($C267/24,0)+1,1))-1)+IF('Standard Profiles'!$G$19=$B$10,7,0)+IF('Standard Profiles'!$G$19=$B$17,14,0)+IF('Standard Profiles'!$G$19=$B$24,21,0),MOD($C267,24)+1)/SUM(INDEX($D$3:$AA$30,INDEX(Jesper!$R$2:$R$366,ROW(INDEX(Jesper!AI$2:AI$366,ROUNDDOWN($C267/24,0)+1,1))-1)+IF('Standard Profiles'!$G$19=$B$10,7,0)+IF('Standard Profiles'!$G$19=$B$17,14,0)+IF('Standard Profiles'!$G$19=$B$24,21,0),0)),0)</f>
        <v>0</v>
      </c>
      <c r="F267" cm="1">
        <f t="array" ref="F267">IFERROR(INDEX(Jesper!AJ$2:AJ$366,ROUNDDOWN($C267/24,0)+1,1)*INDEX($D$3:$AA$30,INDEX(Jesper!$R$2:$R$366,ROW(INDEX(Jesper!AJ$2:AJ$366,ROUNDDOWN($C267/24,0)+1,1))-1)+IF('Standard Profiles'!$G$20=$B$10,7,0)+IF('Standard Profiles'!$G$20=$B$17,14,0)+IF('Standard Profiles'!$G$20=$B$24,21,0),MOD($C267,24)+1)/SUM(INDEX($D$3:$AA$30,INDEX(Jesper!$R$2:$R$366,ROW(INDEX(Jesper!AJ$2:AJ$366,ROUNDDOWN($C267/24,0)+1,1))-1)+IF('Standard Profiles'!$G$20=$B$10,7,0)+IF('Standard Profiles'!$G$20=$B$17,14,0)+IF('Standard Profiles'!$G$20=$B$24,21,0),0)),0)</f>
        <v>0</v>
      </c>
      <c r="G267" cm="1">
        <f t="array" ref="G267">IFERROR(INDEX(Jesper!AK$2:AK$366,ROUNDDOWN($C267/24,0)+1,1)*INDEX($D$3:$AA$30,INDEX(Jesper!$R$2:$R$366,ROW(INDEX(Jesper!AK$2:AK$366,ROUNDDOWN($C267/24,0)+1,1))-1)+IF('Standard Profiles'!$G$21=$B$10,7,0)+IF('Standard Profiles'!$G$21=$B$17,14,0)+IF('Standard Profiles'!$G$21=$B$24,21,0),MOD($C267,24)+1)/SUM(INDEX($D$3:$AA$30,INDEX(Jesper!$R$2:$R$366,ROW(INDEX(Jesper!AK$2:AK$366,ROUNDDOWN($C267/24,0)+1,1))-1)+IF('Standard Profiles'!$G$21=$B$10,7,0)+IF('Standard Profiles'!$G$21=$B$17,14,0)+IF('Standard Profiles'!$G$21=$B$24,21,0),0)),0)</f>
        <v>0</v>
      </c>
      <c r="H267" cm="1">
        <f t="array" ref="H267">IFERROR(INDEX(Jesper!AL$2:AL$366,ROUNDDOWN($C267/24,0)+1,1)*INDEX($D$3:$AA$30,INDEX(Jesper!$R$2:$R$366,ROW(INDEX(Jesper!AL$2:AL$366,ROUNDDOWN($C267/24,0)+1,1))-1)+IF('Standard Profiles'!$G$22=$B$10,7,0)+IF('Standard Profiles'!$G$22=$B$17,14,0)+IF('Standard Profiles'!$G$22=$B$24,21,0),MOD($C267,24)+1)/SUM(INDEX($D$3:$AA$30,INDEX(Jesper!$R$2:$R$366,ROW(INDEX(Jesper!AL$2:AL$366,ROUNDDOWN($C267/24,0)+1,1))-1)+IF('Standard Profiles'!$G$22=$B$10,7,0)+IF('Standard Profiles'!$G$22=$B$17,14,0)+IF('Standard Profiles'!$G$22=$B$24,21,0),0)),0)</f>
        <v>0</v>
      </c>
      <c r="I267">
        <f t="shared" si="41"/>
        <v>0.45317504719574897</v>
      </c>
      <c r="J267">
        <f t="shared" si="42"/>
        <v>1.5105834906524969</v>
      </c>
      <c r="K267">
        <f t="shared" si="43"/>
        <v>2.2658752359787449</v>
      </c>
      <c r="L267">
        <f t="shared" si="44"/>
        <v>10.876201132697975</v>
      </c>
      <c r="M267">
        <f t="shared" si="45"/>
        <v>0</v>
      </c>
      <c r="N267" s="46">
        <f t="shared" si="46"/>
        <v>45301.708333332768</v>
      </c>
    </row>
    <row r="268" spans="2:14" x14ac:dyDescent="0.3">
      <c r="B268">
        <f t="shared" si="40"/>
        <v>3</v>
      </c>
      <c r="C268" s="16">
        <v>234</v>
      </c>
      <c r="D268" cm="1">
        <f t="array" ref="D268">IFERROR(INDEX(Jesper!AH$2:AH$366,ROUNDDOWN($C268/24,0)+1,1)*INDEX($D$3:$AA$30,INDEX(Jesper!$R$2:$R$366,ROW(INDEX(Jesper!AH$2:AH$366,ROUNDDOWN($C268/24,0)+1,1))-1)+IF('Standard Profiles'!$G$18=$B$10,7,0)+IF('Standard Profiles'!$G$18=$B$17,14,0)+IF('Standard Profiles'!$G$18=$B$24,21,0),MOD($C268,24)+1)/SUM(INDEX($D$3:$AA$30,INDEX(Jesper!$R$2:$R$366,ROW(INDEX(Jesper!AH$2:AH$366,ROUNDDOWN($C268/24,0)+1,1))-1)+IF('Standard Profiles'!$G$18=$B$10,7,0)+IF('Standard Profiles'!$G$18=$B$17,14,0)+IF('Standard Profiles'!$G$18=$B$24,21,0),0)),0)</f>
        <v>15.105834906524967</v>
      </c>
      <c r="E268" cm="1">
        <f t="array" ref="E268">IFERROR(INDEX(Jesper!AI$2:AI$366,ROUNDDOWN($C268/24,0)+1,1)*INDEX($D$3:$AA$30,INDEX(Jesper!$R$2:$R$366,ROW(INDEX(Jesper!AI$2:AI$366,ROUNDDOWN($C268/24,0)+1,1))-1)+IF('Standard Profiles'!$G$19=$B$10,7,0)+IF('Standard Profiles'!$G$19=$B$17,14,0)+IF('Standard Profiles'!$G$19=$B$24,21,0),MOD($C268,24)+1)/SUM(INDEX($D$3:$AA$30,INDEX(Jesper!$R$2:$R$366,ROW(INDEX(Jesper!AI$2:AI$366,ROUNDDOWN($C268/24,0)+1,1))-1)+IF('Standard Profiles'!$G$19=$B$10,7,0)+IF('Standard Profiles'!$G$19=$B$17,14,0)+IF('Standard Profiles'!$G$19=$B$24,21,0),0)),0)</f>
        <v>0</v>
      </c>
      <c r="F268" cm="1">
        <f t="array" ref="F268">IFERROR(INDEX(Jesper!AJ$2:AJ$366,ROUNDDOWN($C268/24,0)+1,1)*INDEX($D$3:$AA$30,INDEX(Jesper!$R$2:$R$366,ROW(INDEX(Jesper!AJ$2:AJ$366,ROUNDDOWN($C268/24,0)+1,1))-1)+IF('Standard Profiles'!$G$20=$B$10,7,0)+IF('Standard Profiles'!$G$20=$B$17,14,0)+IF('Standard Profiles'!$G$20=$B$24,21,0),MOD($C268,24)+1)/SUM(INDEX($D$3:$AA$30,INDEX(Jesper!$R$2:$R$366,ROW(INDEX(Jesper!AJ$2:AJ$366,ROUNDDOWN($C268/24,0)+1,1))-1)+IF('Standard Profiles'!$G$20=$B$10,7,0)+IF('Standard Profiles'!$G$20=$B$17,14,0)+IF('Standard Profiles'!$G$20=$B$24,21,0),0)),0)</f>
        <v>0</v>
      </c>
      <c r="G268" cm="1">
        <f t="array" ref="G268">IFERROR(INDEX(Jesper!AK$2:AK$366,ROUNDDOWN($C268/24,0)+1,1)*INDEX($D$3:$AA$30,INDEX(Jesper!$R$2:$R$366,ROW(INDEX(Jesper!AK$2:AK$366,ROUNDDOWN($C268/24,0)+1,1))-1)+IF('Standard Profiles'!$G$21=$B$10,7,0)+IF('Standard Profiles'!$G$21=$B$17,14,0)+IF('Standard Profiles'!$G$21=$B$24,21,0),MOD($C268,24)+1)/SUM(INDEX($D$3:$AA$30,INDEX(Jesper!$R$2:$R$366,ROW(INDEX(Jesper!AK$2:AK$366,ROUNDDOWN($C268/24,0)+1,1))-1)+IF('Standard Profiles'!$G$21=$B$10,7,0)+IF('Standard Profiles'!$G$21=$B$17,14,0)+IF('Standard Profiles'!$G$21=$B$24,21,0),0)),0)</f>
        <v>0</v>
      </c>
      <c r="H268" cm="1">
        <f t="array" ref="H268">IFERROR(INDEX(Jesper!AL$2:AL$366,ROUNDDOWN($C268/24,0)+1,1)*INDEX($D$3:$AA$30,INDEX(Jesper!$R$2:$R$366,ROW(INDEX(Jesper!AL$2:AL$366,ROUNDDOWN($C268/24,0)+1,1))-1)+IF('Standard Profiles'!$G$22=$B$10,7,0)+IF('Standard Profiles'!$G$22=$B$17,14,0)+IF('Standard Profiles'!$G$22=$B$24,21,0),MOD($C268,24)+1)/SUM(INDEX($D$3:$AA$30,INDEX(Jesper!$R$2:$R$366,ROW(INDEX(Jesper!AL$2:AL$366,ROUNDDOWN($C268/24,0)+1,1))-1)+IF('Standard Profiles'!$G$22=$B$10,7,0)+IF('Standard Profiles'!$G$22=$B$17,14,0)+IF('Standard Profiles'!$G$22=$B$24,21,0),0)),0)</f>
        <v>0</v>
      </c>
      <c r="I268">
        <f t="shared" si="41"/>
        <v>0.45317504719574897</v>
      </c>
      <c r="J268">
        <f t="shared" si="42"/>
        <v>1.5105834906524969</v>
      </c>
      <c r="K268">
        <f t="shared" si="43"/>
        <v>2.2658752359787449</v>
      </c>
      <c r="L268">
        <f t="shared" si="44"/>
        <v>10.876201132697975</v>
      </c>
      <c r="M268">
        <f t="shared" si="45"/>
        <v>0</v>
      </c>
      <c r="N268" s="46">
        <f t="shared" si="46"/>
        <v>45301.749999999432</v>
      </c>
    </row>
    <row r="269" spans="2:14" x14ac:dyDescent="0.3">
      <c r="B269">
        <f t="shared" si="40"/>
        <v>3</v>
      </c>
      <c r="C269" s="16">
        <v>235</v>
      </c>
      <c r="D269" cm="1">
        <f t="array" ref="D269">IFERROR(INDEX(Jesper!AH$2:AH$366,ROUNDDOWN($C269/24,0)+1,1)*INDEX($D$3:$AA$30,INDEX(Jesper!$R$2:$R$366,ROW(INDEX(Jesper!AH$2:AH$366,ROUNDDOWN($C269/24,0)+1,1))-1)+IF('Standard Profiles'!$G$18=$B$10,7,0)+IF('Standard Profiles'!$G$18=$B$17,14,0)+IF('Standard Profiles'!$G$18=$B$24,21,0),MOD($C269,24)+1)/SUM(INDEX($D$3:$AA$30,INDEX(Jesper!$R$2:$R$366,ROW(INDEX(Jesper!AH$2:AH$366,ROUNDDOWN($C269/24,0)+1,1))-1)+IF('Standard Profiles'!$G$18=$B$10,7,0)+IF('Standard Profiles'!$G$18=$B$17,14,0)+IF('Standard Profiles'!$G$18=$B$24,21,0),0)),0)</f>
        <v>12.588195755437473</v>
      </c>
      <c r="E269" cm="1">
        <f t="array" ref="E269">IFERROR(INDEX(Jesper!AI$2:AI$366,ROUNDDOWN($C269/24,0)+1,1)*INDEX($D$3:$AA$30,INDEX(Jesper!$R$2:$R$366,ROW(INDEX(Jesper!AI$2:AI$366,ROUNDDOWN($C269/24,0)+1,1))-1)+IF('Standard Profiles'!$G$19=$B$10,7,0)+IF('Standard Profiles'!$G$19=$B$17,14,0)+IF('Standard Profiles'!$G$19=$B$24,21,0),MOD($C269,24)+1)/SUM(INDEX($D$3:$AA$30,INDEX(Jesper!$R$2:$R$366,ROW(INDEX(Jesper!AI$2:AI$366,ROUNDDOWN($C269/24,0)+1,1))-1)+IF('Standard Profiles'!$G$19=$B$10,7,0)+IF('Standard Profiles'!$G$19=$B$17,14,0)+IF('Standard Profiles'!$G$19=$B$24,21,0),0)),0)</f>
        <v>0</v>
      </c>
      <c r="F269" cm="1">
        <f t="array" ref="F269">IFERROR(INDEX(Jesper!AJ$2:AJ$366,ROUNDDOWN($C269/24,0)+1,1)*INDEX($D$3:$AA$30,INDEX(Jesper!$R$2:$R$366,ROW(INDEX(Jesper!AJ$2:AJ$366,ROUNDDOWN($C269/24,0)+1,1))-1)+IF('Standard Profiles'!$G$20=$B$10,7,0)+IF('Standard Profiles'!$G$20=$B$17,14,0)+IF('Standard Profiles'!$G$20=$B$24,21,0),MOD($C269,24)+1)/SUM(INDEX($D$3:$AA$30,INDEX(Jesper!$R$2:$R$366,ROW(INDEX(Jesper!AJ$2:AJ$366,ROUNDDOWN($C269/24,0)+1,1))-1)+IF('Standard Profiles'!$G$20=$B$10,7,0)+IF('Standard Profiles'!$G$20=$B$17,14,0)+IF('Standard Profiles'!$G$20=$B$24,21,0),0)),0)</f>
        <v>0</v>
      </c>
      <c r="G269" cm="1">
        <f t="array" ref="G269">IFERROR(INDEX(Jesper!AK$2:AK$366,ROUNDDOWN($C269/24,0)+1,1)*INDEX($D$3:$AA$30,INDEX(Jesper!$R$2:$R$366,ROW(INDEX(Jesper!AK$2:AK$366,ROUNDDOWN($C269/24,0)+1,1))-1)+IF('Standard Profiles'!$G$21=$B$10,7,0)+IF('Standard Profiles'!$G$21=$B$17,14,0)+IF('Standard Profiles'!$G$21=$B$24,21,0),MOD($C269,24)+1)/SUM(INDEX($D$3:$AA$30,INDEX(Jesper!$R$2:$R$366,ROW(INDEX(Jesper!AK$2:AK$366,ROUNDDOWN($C269/24,0)+1,1))-1)+IF('Standard Profiles'!$G$21=$B$10,7,0)+IF('Standard Profiles'!$G$21=$B$17,14,0)+IF('Standard Profiles'!$G$21=$B$24,21,0),0)),0)</f>
        <v>0</v>
      </c>
      <c r="H269" cm="1">
        <f t="array" ref="H269">IFERROR(INDEX(Jesper!AL$2:AL$366,ROUNDDOWN($C269/24,0)+1,1)*INDEX($D$3:$AA$30,INDEX(Jesper!$R$2:$R$366,ROW(INDEX(Jesper!AL$2:AL$366,ROUNDDOWN($C269/24,0)+1,1))-1)+IF('Standard Profiles'!$G$22=$B$10,7,0)+IF('Standard Profiles'!$G$22=$B$17,14,0)+IF('Standard Profiles'!$G$22=$B$24,21,0),MOD($C269,24)+1)/SUM(INDEX($D$3:$AA$30,INDEX(Jesper!$R$2:$R$366,ROW(INDEX(Jesper!AL$2:AL$366,ROUNDDOWN($C269/24,0)+1,1))-1)+IF('Standard Profiles'!$G$22=$B$10,7,0)+IF('Standard Profiles'!$G$22=$B$17,14,0)+IF('Standard Profiles'!$G$22=$B$24,21,0),0)),0)</f>
        <v>0</v>
      </c>
      <c r="I269">
        <f t="shared" si="41"/>
        <v>0.37764587266312416</v>
      </c>
      <c r="J269">
        <f t="shared" si="42"/>
        <v>1.2588195755437475</v>
      </c>
      <c r="K269">
        <f t="shared" si="43"/>
        <v>1.8882293633156209</v>
      </c>
      <c r="L269">
        <f t="shared" si="44"/>
        <v>9.0635009439149812</v>
      </c>
      <c r="M269">
        <f t="shared" si="45"/>
        <v>0</v>
      </c>
      <c r="N269" s="46">
        <f t="shared" si="46"/>
        <v>45301.791666666097</v>
      </c>
    </row>
    <row r="270" spans="2:14" x14ac:dyDescent="0.3">
      <c r="B270">
        <f t="shared" si="40"/>
        <v>3</v>
      </c>
      <c r="C270" s="16">
        <v>236</v>
      </c>
      <c r="D270" cm="1">
        <f t="array" ref="D270">IFERROR(INDEX(Jesper!AH$2:AH$366,ROUNDDOWN($C270/24,0)+1,1)*INDEX($D$3:$AA$30,INDEX(Jesper!$R$2:$R$366,ROW(INDEX(Jesper!AH$2:AH$366,ROUNDDOWN($C270/24,0)+1,1))-1)+IF('Standard Profiles'!$G$18=$B$10,7,0)+IF('Standard Profiles'!$G$18=$B$17,14,0)+IF('Standard Profiles'!$G$18=$B$24,21,0),MOD($C270,24)+1)/SUM(INDEX($D$3:$AA$30,INDEX(Jesper!$R$2:$R$366,ROW(INDEX(Jesper!AH$2:AH$366,ROUNDDOWN($C270/24,0)+1,1))-1)+IF('Standard Profiles'!$G$18=$B$10,7,0)+IF('Standard Profiles'!$G$18=$B$17,14,0)+IF('Standard Profiles'!$G$18=$B$24,21,0),0)),0)</f>
        <v>10.07055660434998</v>
      </c>
      <c r="E270" cm="1">
        <f t="array" ref="E270">IFERROR(INDEX(Jesper!AI$2:AI$366,ROUNDDOWN($C270/24,0)+1,1)*INDEX($D$3:$AA$30,INDEX(Jesper!$R$2:$R$366,ROW(INDEX(Jesper!AI$2:AI$366,ROUNDDOWN($C270/24,0)+1,1))-1)+IF('Standard Profiles'!$G$19=$B$10,7,0)+IF('Standard Profiles'!$G$19=$B$17,14,0)+IF('Standard Profiles'!$G$19=$B$24,21,0),MOD($C270,24)+1)/SUM(INDEX($D$3:$AA$30,INDEX(Jesper!$R$2:$R$366,ROW(INDEX(Jesper!AI$2:AI$366,ROUNDDOWN($C270/24,0)+1,1))-1)+IF('Standard Profiles'!$G$19=$B$10,7,0)+IF('Standard Profiles'!$G$19=$B$17,14,0)+IF('Standard Profiles'!$G$19=$B$24,21,0),0)),0)</f>
        <v>0</v>
      </c>
      <c r="F270" cm="1">
        <f t="array" ref="F270">IFERROR(INDEX(Jesper!AJ$2:AJ$366,ROUNDDOWN($C270/24,0)+1,1)*INDEX($D$3:$AA$30,INDEX(Jesper!$R$2:$R$366,ROW(INDEX(Jesper!AJ$2:AJ$366,ROUNDDOWN($C270/24,0)+1,1))-1)+IF('Standard Profiles'!$G$20=$B$10,7,0)+IF('Standard Profiles'!$G$20=$B$17,14,0)+IF('Standard Profiles'!$G$20=$B$24,21,0),MOD($C270,24)+1)/SUM(INDEX($D$3:$AA$30,INDEX(Jesper!$R$2:$R$366,ROW(INDEX(Jesper!AJ$2:AJ$366,ROUNDDOWN($C270/24,0)+1,1))-1)+IF('Standard Profiles'!$G$20=$B$10,7,0)+IF('Standard Profiles'!$G$20=$B$17,14,0)+IF('Standard Profiles'!$G$20=$B$24,21,0),0)),0)</f>
        <v>0</v>
      </c>
      <c r="G270" cm="1">
        <f t="array" ref="G270">IFERROR(INDEX(Jesper!AK$2:AK$366,ROUNDDOWN($C270/24,0)+1,1)*INDEX($D$3:$AA$30,INDEX(Jesper!$R$2:$R$366,ROW(INDEX(Jesper!AK$2:AK$366,ROUNDDOWN($C270/24,0)+1,1))-1)+IF('Standard Profiles'!$G$21=$B$10,7,0)+IF('Standard Profiles'!$G$21=$B$17,14,0)+IF('Standard Profiles'!$G$21=$B$24,21,0),MOD($C270,24)+1)/SUM(INDEX($D$3:$AA$30,INDEX(Jesper!$R$2:$R$366,ROW(INDEX(Jesper!AK$2:AK$366,ROUNDDOWN($C270/24,0)+1,1))-1)+IF('Standard Profiles'!$G$21=$B$10,7,0)+IF('Standard Profiles'!$G$21=$B$17,14,0)+IF('Standard Profiles'!$G$21=$B$24,21,0),0)),0)</f>
        <v>0</v>
      </c>
      <c r="H270" cm="1">
        <f t="array" ref="H270">IFERROR(INDEX(Jesper!AL$2:AL$366,ROUNDDOWN($C270/24,0)+1,1)*INDEX($D$3:$AA$30,INDEX(Jesper!$R$2:$R$366,ROW(INDEX(Jesper!AL$2:AL$366,ROUNDDOWN($C270/24,0)+1,1))-1)+IF('Standard Profiles'!$G$22=$B$10,7,0)+IF('Standard Profiles'!$G$22=$B$17,14,0)+IF('Standard Profiles'!$G$22=$B$24,21,0),MOD($C270,24)+1)/SUM(INDEX($D$3:$AA$30,INDEX(Jesper!$R$2:$R$366,ROW(INDEX(Jesper!AL$2:AL$366,ROUNDDOWN($C270/24,0)+1,1))-1)+IF('Standard Profiles'!$G$22=$B$10,7,0)+IF('Standard Profiles'!$G$22=$B$17,14,0)+IF('Standard Profiles'!$G$22=$B$24,21,0),0)),0)</f>
        <v>0</v>
      </c>
      <c r="I270">
        <f t="shared" si="41"/>
        <v>0.30211669813049941</v>
      </c>
      <c r="J270">
        <f t="shared" si="42"/>
        <v>1.0070556604349981</v>
      </c>
      <c r="K270">
        <f t="shared" si="43"/>
        <v>1.5105834906524969</v>
      </c>
      <c r="L270">
        <f t="shared" si="44"/>
        <v>7.2508007551319853</v>
      </c>
      <c r="M270">
        <f t="shared" si="45"/>
        <v>0</v>
      </c>
      <c r="N270" s="46">
        <f t="shared" si="46"/>
        <v>45301.833333332761</v>
      </c>
    </row>
    <row r="271" spans="2:14" x14ac:dyDescent="0.3">
      <c r="B271">
        <f t="shared" si="40"/>
        <v>3</v>
      </c>
      <c r="C271" s="16">
        <v>237</v>
      </c>
      <c r="D271" cm="1">
        <f t="array" ref="D271">IFERROR(INDEX(Jesper!AH$2:AH$366,ROUNDDOWN($C271/24,0)+1,1)*INDEX($D$3:$AA$30,INDEX(Jesper!$R$2:$R$366,ROW(INDEX(Jesper!AH$2:AH$366,ROUNDDOWN($C271/24,0)+1,1))-1)+IF('Standard Profiles'!$G$18=$B$10,7,0)+IF('Standard Profiles'!$G$18=$B$17,14,0)+IF('Standard Profiles'!$G$18=$B$24,21,0),MOD($C271,24)+1)/SUM(INDEX($D$3:$AA$30,INDEX(Jesper!$R$2:$R$366,ROW(INDEX(Jesper!AH$2:AH$366,ROUNDDOWN($C271/24,0)+1,1))-1)+IF('Standard Profiles'!$G$18=$B$10,7,0)+IF('Standard Profiles'!$G$18=$B$17,14,0)+IF('Standard Profiles'!$G$18=$B$24,21,0),0)),0)</f>
        <v>7.5529174532624834</v>
      </c>
      <c r="E271" cm="1">
        <f t="array" ref="E271">IFERROR(INDEX(Jesper!AI$2:AI$366,ROUNDDOWN($C271/24,0)+1,1)*INDEX($D$3:$AA$30,INDEX(Jesper!$R$2:$R$366,ROW(INDEX(Jesper!AI$2:AI$366,ROUNDDOWN($C271/24,0)+1,1))-1)+IF('Standard Profiles'!$G$19=$B$10,7,0)+IF('Standard Profiles'!$G$19=$B$17,14,0)+IF('Standard Profiles'!$G$19=$B$24,21,0),MOD($C271,24)+1)/SUM(INDEX($D$3:$AA$30,INDEX(Jesper!$R$2:$R$366,ROW(INDEX(Jesper!AI$2:AI$366,ROUNDDOWN($C271/24,0)+1,1))-1)+IF('Standard Profiles'!$G$19=$B$10,7,0)+IF('Standard Profiles'!$G$19=$B$17,14,0)+IF('Standard Profiles'!$G$19=$B$24,21,0),0)),0)</f>
        <v>0</v>
      </c>
      <c r="F271" cm="1">
        <f t="array" ref="F271">IFERROR(INDEX(Jesper!AJ$2:AJ$366,ROUNDDOWN($C271/24,0)+1,1)*INDEX($D$3:$AA$30,INDEX(Jesper!$R$2:$R$366,ROW(INDEX(Jesper!AJ$2:AJ$366,ROUNDDOWN($C271/24,0)+1,1))-1)+IF('Standard Profiles'!$G$20=$B$10,7,0)+IF('Standard Profiles'!$G$20=$B$17,14,0)+IF('Standard Profiles'!$G$20=$B$24,21,0),MOD($C271,24)+1)/SUM(INDEX($D$3:$AA$30,INDEX(Jesper!$R$2:$R$366,ROW(INDEX(Jesper!AJ$2:AJ$366,ROUNDDOWN($C271/24,0)+1,1))-1)+IF('Standard Profiles'!$G$20=$B$10,7,0)+IF('Standard Profiles'!$G$20=$B$17,14,0)+IF('Standard Profiles'!$G$20=$B$24,21,0),0)),0)</f>
        <v>0</v>
      </c>
      <c r="G271" cm="1">
        <f t="array" ref="G271">IFERROR(INDEX(Jesper!AK$2:AK$366,ROUNDDOWN($C271/24,0)+1,1)*INDEX($D$3:$AA$30,INDEX(Jesper!$R$2:$R$366,ROW(INDEX(Jesper!AK$2:AK$366,ROUNDDOWN($C271/24,0)+1,1))-1)+IF('Standard Profiles'!$G$21=$B$10,7,0)+IF('Standard Profiles'!$G$21=$B$17,14,0)+IF('Standard Profiles'!$G$21=$B$24,21,0),MOD($C271,24)+1)/SUM(INDEX($D$3:$AA$30,INDEX(Jesper!$R$2:$R$366,ROW(INDEX(Jesper!AK$2:AK$366,ROUNDDOWN($C271/24,0)+1,1))-1)+IF('Standard Profiles'!$G$21=$B$10,7,0)+IF('Standard Profiles'!$G$21=$B$17,14,0)+IF('Standard Profiles'!$G$21=$B$24,21,0),0)),0)</f>
        <v>0</v>
      </c>
      <c r="H271" cm="1">
        <f t="array" ref="H271">IFERROR(INDEX(Jesper!AL$2:AL$366,ROUNDDOWN($C271/24,0)+1,1)*INDEX($D$3:$AA$30,INDEX(Jesper!$R$2:$R$366,ROW(INDEX(Jesper!AL$2:AL$366,ROUNDDOWN($C271/24,0)+1,1))-1)+IF('Standard Profiles'!$G$22=$B$10,7,0)+IF('Standard Profiles'!$G$22=$B$17,14,0)+IF('Standard Profiles'!$G$22=$B$24,21,0),MOD($C271,24)+1)/SUM(INDEX($D$3:$AA$30,INDEX(Jesper!$R$2:$R$366,ROW(INDEX(Jesper!AL$2:AL$366,ROUNDDOWN($C271/24,0)+1,1))-1)+IF('Standard Profiles'!$G$22=$B$10,7,0)+IF('Standard Profiles'!$G$22=$B$17,14,0)+IF('Standard Profiles'!$G$22=$B$24,21,0),0)),0)</f>
        <v>0</v>
      </c>
      <c r="I271">
        <f t="shared" si="41"/>
        <v>0.22658752359787449</v>
      </c>
      <c r="J271">
        <f t="shared" si="42"/>
        <v>0.75529174532624843</v>
      </c>
      <c r="K271">
        <f t="shared" si="43"/>
        <v>1.1329376179893724</v>
      </c>
      <c r="L271">
        <f t="shared" si="44"/>
        <v>5.4381005663489876</v>
      </c>
      <c r="M271">
        <f t="shared" si="45"/>
        <v>0</v>
      </c>
      <c r="N271" s="46">
        <f t="shared" si="46"/>
        <v>45301.874999999425</v>
      </c>
    </row>
    <row r="272" spans="2:14" x14ac:dyDescent="0.3">
      <c r="B272">
        <f t="shared" si="40"/>
        <v>3</v>
      </c>
      <c r="C272" s="16">
        <v>238</v>
      </c>
      <c r="D272" cm="1">
        <f t="array" ref="D272">IFERROR(INDEX(Jesper!AH$2:AH$366,ROUNDDOWN($C272/24,0)+1,1)*INDEX($D$3:$AA$30,INDEX(Jesper!$R$2:$R$366,ROW(INDEX(Jesper!AH$2:AH$366,ROUNDDOWN($C272/24,0)+1,1))-1)+IF('Standard Profiles'!$G$18=$B$10,7,0)+IF('Standard Profiles'!$G$18=$B$17,14,0)+IF('Standard Profiles'!$G$18=$B$24,21,0),MOD($C272,24)+1)/SUM(INDEX($D$3:$AA$30,INDEX(Jesper!$R$2:$R$366,ROW(INDEX(Jesper!AH$2:AH$366,ROUNDDOWN($C272/24,0)+1,1))-1)+IF('Standard Profiles'!$G$18=$B$10,7,0)+IF('Standard Profiles'!$G$18=$B$17,14,0)+IF('Standard Profiles'!$G$18=$B$24,21,0),0)),0)</f>
        <v>7.5529174532624834</v>
      </c>
      <c r="E272" cm="1">
        <f t="array" ref="E272">IFERROR(INDEX(Jesper!AI$2:AI$366,ROUNDDOWN($C272/24,0)+1,1)*INDEX($D$3:$AA$30,INDEX(Jesper!$R$2:$R$366,ROW(INDEX(Jesper!AI$2:AI$366,ROUNDDOWN($C272/24,0)+1,1))-1)+IF('Standard Profiles'!$G$19=$B$10,7,0)+IF('Standard Profiles'!$G$19=$B$17,14,0)+IF('Standard Profiles'!$G$19=$B$24,21,0),MOD($C272,24)+1)/SUM(INDEX($D$3:$AA$30,INDEX(Jesper!$R$2:$R$366,ROW(INDEX(Jesper!AI$2:AI$366,ROUNDDOWN($C272/24,0)+1,1))-1)+IF('Standard Profiles'!$G$19=$B$10,7,0)+IF('Standard Profiles'!$G$19=$B$17,14,0)+IF('Standard Profiles'!$G$19=$B$24,21,0),0)),0)</f>
        <v>0</v>
      </c>
      <c r="F272" cm="1">
        <f t="array" ref="F272">IFERROR(INDEX(Jesper!AJ$2:AJ$366,ROUNDDOWN($C272/24,0)+1,1)*INDEX($D$3:$AA$30,INDEX(Jesper!$R$2:$R$366,ROW(INDEX(Jesper!AJ$2:AJ$366,ROUNDDOWN($C272/24,0)+1,1))-1)+IF('Standard Profiles'!$G$20=$B$10,7,0)+IF('Standard Profiles'!$G$20=$B$17,14,0)+IF('Standard Profiles'!$G$20=$B$24,21,0),MOD($C272,24)+1)/SUM(INDEX($D$3:$AA$30,INDEX(Jesper!$R$2:$R$366,ROW(INDEX(Jesper!AJ$2:AJ$366,ROUNDDOWN($C272/24,0)+1,1))-1)+IF('Standard Profiles'!$G$20=$B$10,7,0)+IF('Standard Profiles'!$G$20=$B$17,14,0)+IF('Standard Profiles'!$G$20=$B$24,21,0),0)),0)</f>
        <v>0</v>
      </c>
      <c r="G272" cm="1">
        <f t="array" ref="G272">IFERROR(INDEX(Jesper!AK$2:AK$366,ROUNDDOWN($C272/24,0)+1,1)*INDEX($D$3:$AA$30,INDEX(Jesper!$R$2:$R$366,ROW(INDEX(Jesper!AK$2:AK$366,ROUNDDOWN($C272/24,0)+1,1))-1)+IF('Standard Profiles'!$G$21=$B$10,7,0)+IF('Standard Profiles'!$G$21=$B$17,14,0)+IF('Standard Profiles'!$G$21=$B$24,21,0),MOD($C272,24)+1)/SUM(INDEX($D$3:$AA$30,INDEX(Jesper!$R$2:$R$366,ROW(INDEX(Jesper!AK$2:AK$366,ROUNDDOWN($C272/24,0)+1,1))-1)+IF('Standard Profiles'!$G$21=$B$10,7,0)+IF('Standard Profiles'!$G$21=$B$17,14,0)+IF('Standard Profiles'!$G$21=$B$24,21,0),0)),0)</f>
        <v>0</v>
      </c>
      <c r="H272" cm="1">
        <f t="array" ref="H272">IFERROR(INDEX(Jesper!AL$2:AL$366,ROUNDDOWN($C272/24,0)+1,1)*INDEX($D$3:$AA$30,INDEX(Jesper!$R$2:$R$366,ROW(INDEX(Jesper!AL$2:AL$366,ROUNDDOWN($C272/24,0)+1,1))-1)+IF('Standard Profiles'!$G$22=$B$10,7,0)+IF('Standard Profiles'!$G$22=$B$17,14,0)+IF('Standard Profiles'!$G$22=$B$24,21,0),MOD($C272,24)+1)/SUM(INDEX($D$3:$AA$30,INDEX(Jesper!$R$2:$R$366,ROW(INDEX(Jesper!AL$2:AL$366,ROUNDDOWN($C272/24,0)+1,1))-1)+IF('Standard Profiles'!$G$22=$B$10,7,0)+IF('Standard Profiles'!$G$22=$B$17,14,0)+IF('Standard Profiles'!$G$22=$B$24,21,0),0)),0)</f>
        <v>0</v>
      </c>
      <c r="I272">
        <f t="shared" si="41"/>
        <v>0.22658752359787449</v>
      </c>
      <c r="J272">
        <f t="shared" si="42"/>
        <v>0.75529174532624843</v>
      </c>
      <c r="K272">
        <f t="shared" si="43"/>
        <v>1.1329376179893724</v>
      </c>
      <c r="L272">
        <f t="shared" si="44"/>
        <v>5.4381005663489876</v>
      </c>
      <c r="M272">
        <f t="shared" si="45"/>
        <v>0</v>
      </c>
      <c r="N272" s="46">
        <f t="shared" si="46"/>
        <v>45301.916666666089</v>
      </c>
    </row>
    <row r="273" spans="2:14" x14ac:dyDescent="0.3">
      <c r="B273">
        <f t="shared" si="40"/>
        <v>3</v>
      </c>
      <c r="C273" s="16">
        <v>239</v>
      </c>
      <c r="D273" cm="1">
        <f t="array" ref="D273">IFERROR(INDEX(Jesper!AH$2:AH$366,ROUNDDOWN($C273/24,0)+1,1)*INDEX($D$3:$AA$30,INDEX(Jesper!$R$2:$R$366,ROW(INDEX(Jesper!AH$2:AH$366,ROUNDDOWN($C273/24,0)+1,1))-1)+IF('Standard Profiles'!$G$18=$B$10,7,0)+IF('Standard Profiles'!$G$18=$B$17,14,0)+IF('Standard Profiles'!$G$18=$B$24,21,0),MOD($C273,24)+1)/SUM(INDEX($D$3:$AA$30,INDEX(Jesper!$R$2:$R$366,ROW(INDEX(Jesper!AH$2:AH$366,ROUNDDOWN($C273/24,0)+1,1))-1)+IF('Standard Profiles'!$G$18=$B$10,7,0)+IF('Standard Profiles'!$G$18=$B$17,14,0)+IF('Standard Profiles'!$G$18=$B$24,21,0),0)),0)</f>
        <v>7.5529174532624834</v>
      </c>
      <c r="E273" cm="1">
        <f t="array" ref="E273">IFERROR(INDEX(Jesper!AI$2:AI$366,ROUNDDOWN($C273/24,0)+1,1)*INDEX($D$3:$AA$30,INDEX(Jesper!$R$2:$R$366,ROW(INDEX(Jesper!AI$2:AI$366,ROUNDDOWN($C273/24,0)+1,1))-1)+IF('Standard Profiles'!$G$19=$B$10,7,0)+IF('Standard Profiles'!$G$19=$B$17,14,0)+IF('Standard Profiles'!$G$19=$B$24,21,0),MOD($C273,24)+1)/SUM(INDEX($D$3:$AA$30,INDEX(Jesper!$R$2:$R$366,ROW(INDEX(Jesper!AI$2:AI$366,ROUNDDOWN($C273/24,0)+1,1))-1)+IF('Standard Profiles'!$G$19=$B$10,7,0)+IF('Standard Profiles'!$G$19=$B$17,14,0)+IF('Standard Profiles'!$G$19=$B$24,21,0),0)),0)</f>
        <v>0</v>
      </c>
      <c r="F273" cm="1">
        <f t="array" ref="F273">IFERROR(INDEX(Jesper!AJ$2:AJ$366,ROUNDDOWN($C273/24,0)+1,1)*INDEX($D$3:$AA$30,INDEX(Jesper!$R$2:$R$366,ROW(INDEX(Jesper!AJ$2:AJ$366,ROUNDDOWN($C273/24,0)+1,1))-1)+IF('Standard Profiles'!$G$20=$B$10,7,0)+IF('Standard Profiles'!$G$20=$B$17,14,0)+IF('Standard Profiles'!$G$20=$B$24,21,0),MOD($C273,24)+1)/SUM(INDEX($D$3:$AA$30,INDEX(Jesper!$R$2:$R$366,ROW(INDEX(Jesper!AJ$2:AJ$366,ROUNDDOWN($C273/24,0)+1,1))-1)+IF('Standard Profiles'!$G$20=$B$10,7,0)+IF('Standard Profiles'!$G$20=$B$17,14,0)+IF('Standard Profiles'!$G$20=$B$24,21,0),0)),0)</f>
        <v>0</v>
      </c>
      <c r="G273" cm="1">
        <f t="array" ref="G273">IFERROR(INDEX(Jesper!AK$2:AK$366,ROUNDDOWN($C273/24,0)+1,1)*INDEX($D$3:$AA$30,INDEX(Jesper!$R$2:$R$366,ROW(INDEX(Jesper!AK$2:AK$366,ROUNDDOWN($C273/24,0)+1,1))-1)+IF('Standard Profiles'!$G$21=$B$10,7,0)+IF('Standard Profiles'!$G$21=$B$17,14,0)+IF('Standard Profiles'!$G$21=$B$24,21,0),MOD($C273,24)+1)/SUM(INDEX($D$3:$AA$30,INDEX(Jesper!$R$2:$R$366,ROW(INDEX(Jesper!AK$2:AK$366,ROUNDDOWN($C273/24,0)+1,1))-1)+IF('Standard Profiles'!$G$21=$B$10,7,0)+IF('Standard Profiles'!$G$21=$B$17,14,0)+IF('Standard Profiles'!$G$21=$B$24,21,0),0)),0)</f>
        <v>0</v>
      </c>
      <c r="H273" cm="1">
        <f t="array" ref="H273">IFERROR(INDEX(Jesper!AL$2:AL$366,ROUNDDOWN($C273/24,0)+1,1)*INDEX($D$3:$AA$30,INDEX(Jesper!$R$2:$R$366,ROW(INDEX(Jesper!AL$2:AL$366,ROUNDDOWN($C273/24,0)+1,1))-1)+IF('Standard Profiles'!$G$22=$B$10,7,0)+IF('Standard Profiles'!$G$22=$B$17,14,0)+IF('Standard Profiles'!$G$22=$B$24,21,0),MOD($C273,24)+1)/SUM(INDEX($D$3:$AA$30,INDEX(Jesper!$R$2:$R$366,ROW(INDEX(Jesper!AL$2:AL$366,ROUNDDOWN($C273/24,0)+1,1))-1)+IF('Standard Profiles'!$G$22=$B$10,7,0)+IF('Standard Profiles'!$G$22=$B$17,14,0)+IF('Standard Profiles'!$G$22=$B$24,21,0),0)),0)</f>
        <v>0</v>
      </c>
      <c r="I273">
        <f t="shared" si="41"/>
        <v>0.22658752359787449</v>
      </c>
      <c r="J273">
        <f t="shared" si="42"/>
        <v>0.75529174532624843</v>
      </c>
      <c r="K273">
        <f t="shared" si="43"/>
        <v>1.1329376179893724</v>
      </c>
      <c r="L273">
        <f t="shared" si="44"/>
        <v>5.4381005663489876</v>
      </c>
      <c r="M273">
        <f t="shared" si="45"/>
        <v>0</v>
      </c>
      <c r="N273" s="46">
        <f t="shared" si="46"/>
        <v>45301.958333332754</v>
      </c>
    </row>
    <row r="274" spans="2:14" x14ac:dyDescent="0.3">
      <c r="B274">
        <f t="shared" si="40"/>
        <v>4</v>
      </c>
      <c r="C274" s="16">
        <v>240</v>
      </c>
      <c r="D274" cm="1">
        <f t="array" ref="D274">IFERROR(INDEX(Jesper!AH$2:AH$366,ROUNDDOWN($C274/24,0)+1,1)*INDEX($D$3:$AA$30,INDEX(Jesper!$R$2:$R$366,ROW(INDEX(Jesper!AH$2:AH$366,ROUNDDOWN($C274/24,0)+1,1))-1)+IF('Standard Profiles'!$G$18=$B$10,7,0)+IF('Standard Profiles'!$G$18=$B$17,14,0)+IF('Standard Profiles'!$G$18=$B$24,21,0),MOD($C274,24)+1)/SUM(INDEX($D$3:$AA$30,INDEX(Jesper!$R$2:$R$366,ROW(INDEX(Jesper!AH$2:AH$366,ROUNDDOWN($C274/24,0)+1,1))-1)+IF('Standard Profiles'!$G$18=$B$10,7,0)+IF('Standard Profiles'!$G$18=$B$17,14,0)+IF('Standard Profiles'!$G$18=$B$24,21,0),0)),0)</f>
        <v>7.4368529133978631</v>
      </c>
      <c r="E274" cm="1">
        <f t="array" ref="E274">IFERROR(INDEX(Jesper!AI$2:AI$366,ROUNDDOWN($C274/24,0)+1,1)*INDEX($D$3:$AA$30,INDEX(Jesper!$R$2:$R$366,ROW(INDEX(Jesper!AI$2:AI$366,ROUNDDOWN($C274/24,0)+1,1))-1)+IF('Standard Profiles'!$G$19=$B$10,7,0)+IF('Standard Profiles'!$G$19=$B$17,14,0)+IF('Standard Profiles'!$G$19=$B$24,21,0),MOD($C274,24)+1)/SUM(INDEX($D$3:$AA$30,INDEX(Jesper!$R$2:$R$366,ROW(INDEX(Jesper!AI$2:AI$366,ROUNDDOWN($C274/24,0)+1,1))-1)+IF('Standard Profiles'!$G$19=$B$10,7,0)+IF('Standard Profiles'!$G$19=$B$17,14,0)+IF('Standard Profiles'!$G$19=$B$24,21,0),0)),0)</f>
        <v>0</v>
      </c>
      <c r="F274" cm="1">
        <f t="array" ref="F274">IFERROR(INDEX(Jesper!AJ$2:AJ$366,ROUNDDOWN($C274/24,0)+1,1)*INDEX($D$3:$AA$30,INDEX(Jesper!$R$2:$R$366,ROW(INDEX(Jesper!AJ$2:AJ$366,ROUNDDOWN($C274/24,0)+1,1))-1)+IF('Standard Profiles'!$G$20=$B$10,7,0)+IF('Standard Profiles'!$G$20=$B$17,14,0)+IF('Standard Profiles'!$G$20=$B$24,21,0),MOD($C274,24)+1)/SUM(INDEX($D$3:$AA$30,INDEX(Jesper!$R$2:$R$366,ROW(INDEX(Jesper!AJ$2:AJ$366,ROUNDDOWN($C274/24,0)+1,1))-1)+IF('Standard Profiles'!$G$20=$B$10,7,0)+IF('Standard Profiles'!$G$20=$B$17,14,0)+IF('Standard Profiles'!$G$20=$B$24,21,0),0)),0)</f>
        <v>0</v>
      </c>
      <c r="G274" cm="1">
        <f t="array" ref="G274">IFERROR(INDEX(Jesper!AK$2:AK$366,ROUNDDOWN($C274/24,0)+1,1)*INDEX($D$3:$AA$30,INDEX(Jesper!$R$2:$R$366,ROW(INDEX(Jesper!AK$2:AK$366,ROUNDDOWN($C274/24,0)+1,1))-1)+IF('Standard Profiles'!$G$21=$B$10,7,0)+IF('Standard Profiles'!$G$21=$B$17,14,0)+IF('Standard Profiles'!$G$21=$B$24,21,0),MOD($C274,24)+1)/SUM(INDEX($D$3:$AA$30,INDEX(Jesper!$R$2:$R$366,ROW(INDEX(Jesper!AK$2:AK$366,ROUNDDOWN($C274/24,0)+1,1))-1)+IF('Standard Profiles'!$G$21=$B$10,7,0)+IF('Standard Profiles'!$G$21=$B$17,14,0)+IF('Standard Profiles'!$G$21=$B$24,21,0),0)),0)</f>
        <v>0</v>
      </c>
      <c r="H274" cm="1">
        <f t="array" ref="H274">IFERROR(INDEX(Jesper!AL$2:AL$366,ROUNDDOWN($C274/24,0)+1,1)*INDEX($D$3:$AA$30,INDEX(Jesper!$R$2:$R$366,ROW(INDEX(Jesper!AL$2:AL$366,ROUNDDOWN($C274/24,0)+1,1))-1)+IF('Standard Profiles'!$G$22=$B$10,7,0)+IF('Standard Profiles'!$G$22=$B$17,14,0)+IF('Standard Profiles'!$G$22=$B$24,21,0),MOD($C274,24)+1)/SUM(INDEX($D$3:$AA$30,INDEX(Jesper!$R$2:$R$366,ROW(INDEX(Jesper!AL$2:AL$366,ROUNDDOWN($C274/24,0)+1,1))-1)+IF('Standard Profiles'!$G$22=$B$10,7,0)+IF('Standard Profiles'!$G$22=$B$17,14,0)+IF('Standard Profiles'!$G$22=$B$24,21,0),0)),0)</f>
        <v>0</v>
      </c>
      <c r="I274">
        <f t="shared" si="41"/>
        <v>0.2231055874019359</v>
      </c>
      <c r="J274">
        <f t="shared" si="42"/>
        <v>0.74368529133978634</v>
      </c>
      <c r="K274">
        <f t="shared" si="43"/>
        <v>1.1155279370096793</v>
      </c>
      <c r="L274">
        <f t="shared" si="44"/>
        <v>5.3545340976464608</v>
      </c>
      <c r="M274">
        <f t="shared" si="45"/>
        <v>0</v>
      </c>
      <c r="N274" s="46">
        <f t="shared" si="46"/>
        <v>45301.999999999418</v>
      </c>
    </row>
    <row r="275" spans="2:14" x14ac:dyDescent="0.3">
      <c r="B275">
        <f t="shared" si="40"/>
        <v>4</v>
      </c>
      <c r="C275" s="16">
        <v>241</v>
      </c>
      <c r="D275" cm="1">
        <f t="array" ref="D275">IFERROR(INDEX(Jesper!AH$2:AH$366,ROUNDDOWN($C275/24,0)+1,1)*INDEX($D$3:$AA$30,INDEX(Jesper!$R$2:$R$366,ROW(INDEX(Jesper!AH$2:AH$366,ROUNDDOWN($C275/24,0)+1,1))-1)+IF('Standard Profiles'!$G$18=$B$10,7,0)+IF('Standard Profiles'!$G$18=$B$17,14,0)+IF('Standard Profiles'!$G$18=$B$24,21,0),MOD($C275,24)+1)/SUM(INDEX($D$3:$AA$30,INDEX(Jesper!$R$2:$R$366,ROW(INDEX(Jesper!AH$2:AH$366,ROUNDDOWN($C275/24,0)+1,1))-1)+IF('Standard Profiles'!$G$18=$B$10,7,0)+IF('Standard Profiles'!$G$18=$B$17,14,0)+IF('Standard Profiles'!$G$18=$B$24,21,0),0)),0)</f>
        <v>7.4368529133978631</v>
      </c>
      <c r="E275" cm="1">
        <f t="array" ref="E275">IFERROR(INDEX(Jesper!AI$2:AI$366,ROUNDDOWN($C275/24,0)+1,1)*INDEX($D$3:$AA$30,INDEX(Jesper!$R$2:$R$366,ROW(INDEX(Jesper!AI$2:AI$366,ROUNDDOWN($C275/24,0)+1,1))-1)+IF('Standard Profiles'!$G$19=$B$10,7,0)+IF('Standard Profiles'!$G$19=$B$17,14,0)+IF('Standard Profiles'!$G$19=$B$24,21,0),MOD($C275,24)+1)/SUM(INDEX($D$3:$AA$30,INDEX(Jesper!$R$2:$R$366,ROW(INDEX(Jesper!AI$2:AI$366,ROUNDDOWN($C275/24,0)+1,1))-1)+IF('Standard Profiles'!$G$19=$B$10,7,0)+IF('Standard Profiles'!$G$19=$B$17,14,0)+IF('Standard Profiles'!$G$19=$B$24,21,0),0)),0)</f>
        <v>0</v>
      </c>
      <c r="F275" cm="1">
        <f t="array" ref="F275">IFERROR(INDEX(Jesper!AJ$2:AJ$366,ROUNDDOWN($C275/24,0)+1,1)*INDEX($D$3:$AA$30,INDEX(Jesper!$R$2:$R$366,ROW(INDEX(Jesper!AJ$2:AJ$366,ROUNDDOWN($C275/24,0)+1,1))-1)+IF('Standard Profiles'!$G$20=$B$10,7,0)+IF('Standard Profiles'!$G$20=$B$17,14,0)+IF('Standard Profiles'!$G$20=$B$24,21,0),MOD($C275,24)+1)/SUM(INDEX($D$3:$AA$30,INDEX(Jesper!$R$2:$R$366,ROW(INDEX(Jesper!AJ$2:AJ$366,ROUNDDOWN($C275/24,0)+1,1))-1)+IF('Standard Profiles'!$G$20=$B$10,7,0)+IF('Standard Profiles'!$G$20=$B$17,14,0)+IF('Standard Profiles'!$G$20=$B$24,21,0),0)),0)</f>
        <v>0</v>
      </c>
      <c r="G275" cm="1">
        <f t="array" ref="G275">IFERROR(INDEX(Jesper!AK$2:AK$366,ROUNDDOWN($C275/24,0)+1,1)*INDEX($D$3:$AA$30,INDEX(Jesper!$R$2:$R$366,ROW(INDEX(Jesper!AK$2:AK$366,ROUNDDOWN($C275/24,0)+1,1))-1)+IF('Standard Profiles'!$G$21=$B$10,7,0)+IF('Standard Profiles'!$G$21=$B$17,14,0)+IF('Standard Profiles'!$G$21=$B$24,21,0),MOD($C275,24)+1)/SUM(INDEX($D$3:$AA$30,INDEX(Jesper!$R$2:$R$366,ROW(INDEX(Jesper!AK$2:AK$366,ROUNDDOWN($C275/24,0)+1,1))-1)+IF('Standard Profiles'!$G$21=$B$10,7,0)+IF('Standard Profiles'!$G$21=$B$17,14,0)+IF('Standard Profiles'!$G$21=$B$24,21,0),0)),0)</f>
        <v>0</v>
      </c>
      <c r="H275" cm="1">
        <f t="array" ref="H275">IFERROR(INDEX(Jesper!AL$2:AL$366,ROUNDDOWN($C275/24,0)+1,1)*INDEX($D$3:$AA$30,INDEX(Jesper!$R$2:$R$366,ROW(INDEX(Jesper!AL$2:AL$366,ROUNDDOWN($C275/24,0)+1,1))-1)+IF('Standard Profiles'!$G$22=$B$10,7,0)+IF('Standard Profiles'!$G$22=$B$17,14,0)+IF('Standard Profiles'!$G$22=$B$24,21,0),MOD($C275,24)+1)/SUM(INDEX($D$3:$AA$30,INDEX(Jesper!$R$2:$R$366,ROW(INDEX(Jesper!AL$2:AL$366,ROUNDDOWN($C275/24,0)+1,1))-1)+IF('Standard Profiles'!$G$22=$B$10,7,0)+IF('Standard Profiles'!$G$22=$B$17,14,0)+IF('Standard Profiles'!$G$22=$B$24,21,0),0)),0)</f>
        <v>0</v>
      </c>
      <c r="I275">
        <f t="shared" si="41"/>
        <v>0.2231055874019359</v>
      </c>
      <c r="J275">
        <f t="shared" si="42"/>
        <v>0.74368529133978634</v>
      </c>
      <c r="K275">
        <f t="shared" si="43"/>
        <v>1.1155279370096793</v>
      </c>
      <c r="L275">
        <f t="shared" si="44"/>
        <v>5.3545340976464608</v>
      </c>
      <c r="M275">
        <f t="shared" si="45"/>
        <v>0</v>
      </c>
      <c r="N275" s="46">
        <f t="shared" si="46"/>
        <v>45302.041666666082</v>
      </c>
    </row>
    <row r="276" spans="2:14" x14ac:dyDescent="0.3">
      <c r="B276">
        <f t="shared" si="40"/>
        <v>4</v>
      </c>
      <c r="C276" s="16">
        <v>242</v>
      </c>
      <c r="D276" cm="1">
        <f t="array" ref="D276">IFERROR(INDEX(Jesper!AH$2:AH$366,ROUNDDOWN($C276/24,0)+1,1)*INDEX($D$3:$AA$30,INDEX(Jesper!$R$2:$R$366,ROW(INDEX(Jesper!AH$2:AH$366,ROUNDDOWN($C276/24,0)+1,1))-1)+IF('Standard Profiles'!$G$18=$B$10,7,0)+IF('Standard Profiles'!$G$18=$B$17,14,0)+IF('Standard Profiles'!$G$18=$B$24,21,0),MOD($C276,24)+1)/SUM(INDEX($D$3:$AA$30,INDEX(Jesper!$R$2:$R$366,ROW(INDEX(Jesper!AH$2:AH$366,ROUNDDOWN($C276/24,0)+1,1))-1)+IF('Standard Profiles'!$G$18=$B$10,7,0)+IF('Standard Profiles'!$G$18=$B$17,14,0)+IF('Standard Profiles'!$G$18=$B$24,21,0),0)),0)</f>
        <v>7.4368529133978631</v>
      </c>
      <c r="E276" cm="1">
        <f t="array" ref="E276">IFERROR(INDEX(Jesper!AI$2:AI$366,ROUNDDOWN($C276/24,0)+1,1)*INDEX($D$3:$AA$30,INDEX(Jesper!$R$2:$R$366,ROW(INDEX(Jesper!AI$2:AI$366,ROUNDDOWN($C276/24,0)+1,1))-1)+IF('Standard Profiles'!$G$19=$B$10,7,0)+IF('Standard Profiles'!$G$19=$B$17,14,0)+IF('Standard Profiles'!$G$19=$B$24,21,0),MOD($C276,24)+1)/SUM(INDEX($D$3:$AA$30,INDEX(Jesper!$R$2:$R$366,ROW(INDEX(Jesper!AI$2:AI$366,ROUNDDOWN($C276/24,0)+1,1))-1)+IF('Standard Profiles'!$G$19=$B$10,7,0)+IF('Standard Profiles'!$G$19=$B$17,14,0)+IF('Standard Profiles'!$G$19=$B$24,21,0),0)),0)</f>
        <v>0</v>
      </c>
      <c r="F276" cm="1">
        <f t="array" ref="F276">IFERROR(INDEX(Jesper!AJ$2:AJ$366,ROUNDDOWN($C276/24,0)+1,1)*INDEX($D$3:$AA$30,INDEX(Jesper!$R$2:$R$366,ROW(INDEX(Jesper!AJ$2:AJ$366,ROUNDDOWN($C276/24,0)+1,1))-1)+IF('Standard Profiles'!$G$20=$B$10,7,0)+IF('Standard Profiles'!$G$20=$B$17,14,0)+IF('Standard Profiles'!$G$20=$B$24,21,0),MOD($C276,24)+1)/SUM(INDEX($D$3:$AA$30,INDEX(Jesper!$R$2:$R$366,ROW(INDEX(Jesper!AJ$2:AJ$366,ROUNDDOWN($C276/24,0)+1,1))-1)+IF('Standard Profiles'!$G$20=$B$10,7,0)+IF('Standard Profiles'!$G$20=$B$17,14,0)+IF('Standard Profiles'!$G$20=$B$24,21,0),0)),0)</f>
        <v>0</v>
      </c>
      <c r="G276" cm="1">
        <f t="array" ref="G276">IFERROR(INDEX(Jesper!AK$2:AK$366,ROUNDDOWN($C276/24,0)+1,1)*INDEX($D$3:$AA$30,INDEX(Jesper!$R$2:$R$366,ROW(INDEX(Jesper!AK$2:AK$366,ROUNDDOWN($C276/24,0)+1,1))-1)+IF('Standard Profiles'!$G$21=$B$10,7,0)+IF('Standard Profiles'!$G$21=$B$17,14,0)+IF('Standard Profiles'!$G$21=$B$24,21,0),MOD($C276,24)+1)/SUM(INDEX($D$3:$AA$30,INDEX(Jesper!$R$2:$R$366,ROW(INDEX(Jesper!AK$2:AK$366,ROUNDDOWN($C276/24,0)+1,1))-1)+IF('Standard Profiles'!$G$21=$B$10,7,0)+IF('Standard Profiles'!$G$21=$B$17,14,0)+IF('Standard Profiles'!$G$21=$B$24,21,0),0)),0)</f>
        <v>0</v>
      </c>
      <c r="H276" cm="1">
        <f t="array" ref="H276">IFERROR(INDEX(Jesper!AL$2:AL$366,ROUNDDOWN($C276/24,0)+1,1)*INDEX($D$3:$AA$30,INDEX(Jesper!$R$2:$R$366,ROW(INDEX(Jesper!AL$2:AL$366,ROUNDDOWN($C276/24,0)+1,1))-1)+IF('Standard Profiles'!$G$22=$B$10,7,0)+IF('Standard Profiles'!$G$22=$B$17,14,0)+IF('Standard Profiles'!$G$22=$B$24,21,0),MOD($C276,24)+1)/SUM(INDEX($D$3:$AA$30,INDEX(Jesper!$R$2:$R$366,ROW(INDEX(Jesper!AL$2:AL$366,ROUNDDOWN($C276/24,0)+1,1))-1)+IF('Standard Profiles'!$G$22=$B$10,7,0)+IF('Standard Profiles'!$G$22=$B$17,14,0)+IF('Standard Profiles'!$G$22=$B$24,21,0),0)),0)</f>
        <v>0</v>
      </c>
      <c r="I276">
        <f t="shared" si="41"/>
        <v>0.2231055874019359</v>
      </c>
      <c r="J276">
        <f t="shared" si="42"/>
        <v>0.74368529133978634</v>
      </c>
      <c r="K276">
        <f t="shared" si="43"/>
        <v>1.1155279370096793</v>
      </c>
      <c r="L276">
        <f t="shared" si="44"/>
        <v>5.3545340976464608</v>
      </c>
      <c r="M276">
        <f t="shared" si="45"/>
        <v>0</v>
      </c>
      <c r="N276" s="46">
        <f t="shared" si="46"/>
        <v>45302.083333332746</v>
      </c>
    </row>
    <row r="277" spans="2:14" x14ac:dyDescent="0.3">
      <c r="B277">
        <f t="shared" si="40"/>
        <v>4</v>
      </c>
      <c r="C277" s="16">
        <v>243</v>
      </c>
      <c r="D277" cm="1">
        <f t="array" ref="D277">IFERROR(INDEX(Jesper!AH$2:AH$366,ROUNDDOWN($C277/24,0)+1,1)*INDEX($D$3:$AA$30,INDEX(Jesper!$R$2:$R$366,ROW(INDEX(Jesper!AH$2:AH$366,ROUNDDOWN($C277/24,0)+1,1))-1)+IF('Standard Profiles'!$G$18=$B$10,7,0)+IF('Standard Profiles'!$G$18=$B$17,14,0)+IF('Standard Profiles'!$G$18=$B$24,21,0),MOD($C277,24)+1)/SUM(INDEX($D$3:$AA$30,INDEX(Jesper!$R$2:$R$366,ROW(INDEX(Jesper!AH$2:AH$366,ROUNDDOWN($C277/24,0)+1,1))-1)+IF('Standard Profiles'!$G$18=$B$10,7,0)+IF('Standard Profiles'!$G$18=$B$17,14,0)+IF('Standard Profiles'!$G$18=$B$24,21,0),0)),0)</f>
        <v>7.4368529133978631</v>
      </c>
      <c r="E277" cm="1">
        <f t="array" ref="E277">IFERROR(INDEX(Jesper!AI$2:AI$366,ROUNDDOWN($C277/24,0)+1,1)*INDEX($D$3:$AA$30,INDEX(Jesper!$R$2:$R$366,ROW(INDEX(Jesper!AI$2:AI$366,ROUNDDOWN($C277/24,0)+1,1))-1)+IF('Standard Profiles'!$G$19=$B$10,7,0)+IF('Standard Profiles'!$G$19=$B$17,14,0)+IF('Standard Profiles'!$G$19=$B$24,21,0),MOD($C277,24)+1)/SUM(INDEX($D$3:$AA$30,INDEX(Jesper!$R$2:$R$366,ROW(INDEX(Jesper!AI$2:AI$366,ROUNDDOWN($C277/24,0)+1,1))-1)+IF('Standard Profiles'!$G$19=$B$10,7,0)+IF('Standard Profiles'!$G$19=$B$17,14,0)+IF('Standard Profiles'!$G$19=$B$24,21,0),0)),0)</f>
        <v>0</v>
      </c>
      <c r="F277" cm="1">
        <f t="array" ref="F277">IFERROR(INDEX(Jesper!AJ$2:AJ$366,ROUNDDOWN($C277/24,0)+1,1)*INDEX($D$3:$AA$30,INDEX(Jesper!$R$2:$R$366,ROW(INDEX(Jesper!AJ$2:AJ$366,ROUNDDOWN($C277/24,0)+1,1))-1)+IF('Standard Profiles'!$G$20=$B$10,7,0)+IF('Standard Profiles'!$G$20=$B$17,14,0)+IF('Standard Profiles'!$G$20=$B$24,21,0),MOD($C277,24)+1)/SUM(INDEX($D$3:$AA$30,INDEX(Jesper!$R$2:$R$366,ROW(INDEX(Jesper!AJ$2:AJ$366,ROUNDDOWN($C277/24,0)+1,1))-1)+IF('Standard Profiles'!$G$20=$B$10,7,0)+IF('Standard Profiles'!$G$20=$B$17,14,0)+IF('Standard Profiles'!$G$20=$B$24,21,0),0)),0)</f>
        <v>0</v>
      </c>
      <c r="G277" cm="1">
        <f t="array" ref="G277">IFERROR(INDEX(Jesper!AK$2:AK$366,ROUNDDOWN($C277/24,0)+1,1)*INDEX($D$3:$AA$30,INDEX(Jesper!$R$2:$R$366,ROW(INDEX(Jesper!AK$2:AK$366,ROUNDDOWN($C277/24,0)+1,1))-1)+IF('Standard Profiles'!$G$21=$B$10,7,0)+IF('Standard Profiles'!$G$21=$B$17,14,0)+IF('Standard Profiles'!$G$21=$B$24,21,0),MOD($C277,24)+1)/SUM(INDEX($D$3:$AA$30,INDEX(Jesper!$R$2:$R$366,ROW(INDEX(Jesper!AK$2:AK$366,ROUNDDOWN($C277/24,0)+1,1))-1)+IF('Standard Profiles'!$G$21=$B$10,7,0)+IF('Standard Profiles'!$G$21=$B$17,14,0)+IF('Standard Profiles'!$G$21=$B$24,21,0),0)),0)</f>
        <v>0</v>
      </c>
      <c r="H277" cm="1">
        <f t="array" ref="H277">IFERROR(INDEX(Jesper!AL$2:AL$366,ROUNDDOWN($C277/24,0)+1,1)*INDEX($D$3:$AA$30,INDEX(Jesper!$R$2:$R$366,ROW(INDEX(Jesper!AL$2:AL$366,ROUNDDOWN($C277/24,0)+1,1))-1)+IF('Standard Profiles'!$G$22=$B$10,7,0)+IF('Standard Profiles'!$G$22=$B$17,14,0)+IF('Standard Profiles'!$G$22=$B$24,21,0),MOD($C277,24)+1)/SUM(INDEX($D$3:$AA$30,INDEX(Jesper!$R$2:$R$366,ROW(INDEX(Jesper!AL$2:AL$366,ROUNDDOWN($C277/24,0)+1,1))-1)+IF('Standard Profiles'!$G$22=$B$10,7,0)+IF('Standard Profiles'!$G$22=$B$17,14,0)+IF('Standard Profiles'!$G$22=$B$24,21,0),0)),0)</f>
        <v>0</v>
      </c>
      <c r="I277">
        <f t="shared" si="41"/>
        <v>0.2231055874019359</v>
      </c>
      <c r="J277">
        <f t="shared" si="42"/>
        <v>0.74368529133978634</v>
      </c>
      <c r="K277">
        <f t="shared" si="43"/>
        <v>1.1155279370096793</v>
      </c>
      <c r="L277">
        <f t="shared" si="44"/>
        <v>5.3545340976464608</v>
      </c>
      <c r="M277">
        <f t="shared" si="45"/>
        <v>0</v>
      </c>
      <c r="N277" s="46">
        <f t="shared" si="46"/>
        <v>45302.124999999411</v>
      </c>
    </row>
    <row r="278" spans="2:14" x14ac:dyDescent="0.3">
      <c r="B278">
        <f t="shared" si="40"/>
        <v>4</v>
      </c>
      <c r="C278" s="16">
        <v>244</v>
      </c>
      <c r="D278" cm="1">
        <f t="array" ref="D278">IFERROR(INDEX(Jesper!AH$2:AH$366,ROUNDDOWN($C278/24,0)+1,1)*INDEX($D$3:$AA$30,INDEX(Jesper!$R$2:$R$366,ROW(INDEX(Jesper!AH$2:AH$366,ROUNDDOWN($C278/24,0)+1,1))-1)+IF('Standard Profiles'!$G$18=$B$10,7,0)+IF('Standard Profiles'!$G$18=$B$17,14,0)+IF('Standard Profiles'!$G$18=$B$24,21,0),MOD($C278,24)+1)/SUM(INDEX($D$3:$AA$30,INDEX(Jesper!$R$2:$R$366,ROW(INDEX(Jesper!AH$2:AH$366,ROUNDDOWN($C278/24,0)+1,1))-1)+IF('Standard Profiles'!$G$18=$B$10,7,0)+IF('Standard Profiles'!$G$18=$B$17,14,0)+IF('Standard Profiles'!$G$18=$B$24,21,0),0)),0)</f>
        <v>7.4368529133978631</v>
      </c>
      <c r="E278" cm="1">
        <f t="array" ref="E278">IFERROR(INDEX(Jesper!AI$2:AI$366,ROUNDDOWN($C278/24,0)+1,1)*INDEX($D$3:$AA$30,INDEX(Jesper!$R$2:$R$366,ROW(INDEX(Jesper!AI$2:AI$366,ROUNDDOWN($C278/24,0)+1,1))-1)+IF('Standard Profiles'!$G$19=$B$10,7,0)+IF('Standard Profiles'!$G$19=$B$17,14,0)+IF('Standard Profiles'!$G$19=$B$24,21,0),MOD($C278,24)+1)/SUM(INDEX($D$3:$AA$30,INDEX(Jesper!$R$2:$R$366,ROW(INDEX(Jesper!AI$2:AI$366,ROUNDDOWN($C278/24,0)+1,1))-1)+IF('Standard Profiles'!$G$19=$B$10,7,0)+IF('Standard Profiles'!$G$19=$B$17,14,0)+IF('Standard Profiles'!$G$19=$B$24,21,0),0)),0)</f>
        <v>0</v>
      </c>
      <c r="F278" cm="1">
        <f t="array" ref="F278">IFERROR(INDEX(Jesper!AJ$2:AJ$366,ROUNDDOWN($C278/24,0)+1,1)*INDEX($D$3:$AA$30,INDEX(Jesper!$R$2:$R$366,ROW(INDEX(Jesper!AJ$2:AJ$366,ROUNDDOWN($C278/24,0)+1,1))-1)+IF('Standard Profiles'!$G$20=$B$10,7,0)+IF('Standard Profiles'!$G$20=$B$17,14,0)+IF('Standard Profiles'!$G$20=$B$24,21,0),MOD($C278,24)+1)/SUM(INDEX($D$3:$AA$30,INDEX(Jesper!$R$2:$R$366,ROW(INDEX(Jesper!AJ$2:AJ$366,ROUNDDOWN($C278/24,0)+1,1))-1)+IF('Standard Profiles'!$G$20=$B$10,7,0)+IF('Standard Profiles'!$G$20=$B$17,14,0)+IF('Standard Profiles'!$G$20=$B$24,21,0),0)),0)</f>
        <v>0</v>
      </c>
      <c r="G278" cm="1">
        <f t="array" ref="G278">IFERROR(INDEX(Jesper!AK$2:AK$366,ROUNDDOWN($C278/24,0)+1,1)*INDEX($D$3:$AA$30,INDEX(Jesper!$R$2:$R$366,ROW(INDEX(Jesper!AK$2:AK$366,ROUNDDOWN($C278/24,0)+1,1))-1)+IF('Standard Profiles'!$G$21=$B$10,7,0)+IF('Standard Profiles'!$G$21=$B$17,14,0)+IF('Standard Profiles'!$G$21=$B$24,21,0),MOD($C278,24)+1)/SUM(INDEX($D$3:$AA$30,INDEX(Jesper!$R$2:$R$366,ROW(INDEX(Jesper!AK$2:AK$366,ROUNDDOWN($C278/24,0)+1,1))-1)+IF('Standard Profiles'!$G$21=$B$10,7,0)+IF('Standard Profiles'!$G$21=$B$17,14,0)+IF('Standard Profiles'!$G$21=$B$24,21,0),0)),0)</f>
        <v>0</v>
      </c>
      <c r="H278" cm="1">
        <f t="array" ref="H278">IFERROR(INDEX(Jesper!AL$2:AL$366,ROUNDDOWN($C278/24,0)+1,1)*INDEX($D$3:$AA$30,INDEX(Jesper!$R$2:$R$366,ROW(INDEX(Jesper!AL$2:AL$366,ROUNDDOWN($C278/24,0)+1,1))-1)+IF('Standard Profiles'!$G$22=$B$10,7,0)+IF('Standard Profiles'!$G$22=$B$17,14,0)+IF('Standard Profiles'!$G$22=$B$24,21,0),MOD($C278,24)+1)/SUM(INDEX($D$3:$AA$30,INDEX(Jesper!$R$2:$R$366,ROW(INDEX(Jesper!AL$2:AL$366,ROUNDDOWN($C278/24,0)+1,1))-1)+IF('Standard Profiles'!$G$22=$B$10,7,0)+IF('Standard Profiles'!$G$22=$B$17,14,0)+IF('Standard Profiles'!$G$22=$B$24,21,0),0)),0)</f>
        <v>0</v>
      </c>
      <c r="I278">
        <f t="shared" si="41"/>
        <v>0.2231055874019359</v>
      </c>
      <c r="J278">
        <f t="shared" si="42"/>
        <v>0.74368529133978634</v>
      </c>
      <c r="K278">
        <f t="shared" si="43"/>
        <v>1.1155279370096793</v>
      </c>
      <c r="L278">
        <f t="shared" si="44"/>
        <v>5.3545340976464608</v>
      </c>
      <c r="M278">
        <f t="shared" si="45"/>
        <v>0</v>
      </c>
      <c r="N278" s="46">
        <f t="shared" si="46"/>
        <v>45302.166666666075</v>
      </c>
    </row>
    <row r="279" spans="2:14" x14ac:dyDescent="0.3">
      <c r="B279">
        <f t="shared" si="40"/>
        <v>4</v>
      </c>
      <c r="C279" s="16">
        <v>245</v>
      </c>
      <c r="D279" cm="1">
        <f t="array" ref="D279">IFERROR(INDEX(Jesper!AH$2:AH$366,ROUNDDOWN($C279/24,0)+1,1)*INDEX($D$3:$AA$30,INDEX(Jesper!$R$2:$R$366,ROW(INDEX(Jesper!AH$2:AH$366,ROUNDDOWN($C279/24,0)+1,1))-1)+IF('Standard Profiles'!$G$18=$B$10,7,0)+IF('Standard Profiles'!$G$18=$B$17,14,0)+IF('Standard Profiles'!$G$18=$B$24,21,0),MOD($C279,24)+1)/SUM(INDEX($D$3:$AA$30,INDEX(Jesper!$R$2:$R$366,ROW(INDEX(Jesper!AH$2:AH$366,ROUNDDOWN($C279/24,0)+1,1))-1)+IF('Standard Profiles'!$G$18=$B$10,7,0)+IF('Standard Profiles'!$G$18=$B$17,14,0)+IF('Standard Profiles'!$G$18=$B$24,21,0),0)),0)</f>
        <v>9.5852770883794687</v>
      </c>
      <c r="E279" cm="1">
        <f t="array" ref="E279">IFERROR(INDEX(Jesper!AI$2:AI$366,ROUNDDOWN($C279/24,0)+1,1)*INDEX($D$3:$AA$30,INDEX(Jesper!$R$2:$R$366,ROW(INDEX(Jesper!AI$2:AI$366,ROUNDDOWN($C279/24,0)+1,1))-1)+IF('Standard Profiles'!$G$19=$B$10,7,0)+IF('Standard Profiles'!$G$19=$B$17,14,0)+IF('Standard Profiles'!$G$19=$B$24,21,0),MOD($C279,24)+1)/SUM(INDEX($D$3:$AA$30,INDEX(Jesper!$R$2:$R$366,ROW(INDEX(Jesper!AI$2:AI$366,ROUNDDOWN($C279/24,0)+1,1))-1)+IF('Standard Profiles'!$G$19=$B$10,7,0)+IF('Standard Profiles'!$G$19=$B$17,14,0)+IF('Standard Profiles'!$G$19=$B$24,21,0),0)),0)</f>
        <v>0</v>
      </c>
      <c r="F279" cm="1">
        <f t="array" ref="F279">IFERROR(INDEX(Jesper!AJ$2:AJ$366,ROUNDDOWN($C279/24,0)+1,1)*INDEX($D$3:$AA$30,INDEX(Jesper!$R$2:$R$366,ROW(INDEX(Jesper!AJ$2:AJ$366,ROUNDDOWN($C279/24,0)+1,1))-1)+IF('Standard Profiles'!$G$20=$B$10,7,0)+IF('Standard Profiles'!$G$20=$B$17,14,0)+IF('Standard Profiles'!$G$20=$B$24,21,0),MOD($C279,24)+1)/SUM(INDEX($D$3:$AA$30,INDEX(Jesper!$R$2:$R$366,ROW(INDEX(Jesper!AJ$2:AJ$366,ROUNDDOWN($C279/24,0)+1,1))-1)+IF('Standard Profiles'!$G$20=$B$10,7,0)+IF('Standard Profiles'!$G$20=$B$17,14,0)+IF('Standard Profiles'!$G$20=$B$24,21,0),0)),0)</f>
        <v>0</v>
      </c>
      <c r="G279" cm="1">
        <f t="array" ref="G279">IFERROR(INDEX(Jesper!AK$2:AK$366,ROUNDDOWN($C279/24,0)+1,1)*INDEX($D$3:$AA$30,INDEX(Jesper!$R$2:$R$366,ROW(INDEX(Jesper!AK$2:AK$366,ROUNDDOWN($C279/24,0)+1,1))-1)+IF('Standard Profiles'!$G$21=$B$10,7,0)+IF('Standard Profiles'!$G$21=$B$17,14,0)+IF('Standard Profiles'!$G$21=$B$24,21,0),MOD($C279,24)+1)/SUM(INDEX($D$3:$AA$30,INDEX(Jesper!$R$2:$R$366,ROW(INDEX(Jesper!AK$2:AK$366,ROUNDDOWN($C279/24,0)+1,1))-1)+IF('Standard Profiles'!$G$21=$B$10,7,0)+IF('Standard Profiles'!$G$21=$B$17,14,0)+IF('Standard Profiles'!$G$21=$B$24,21,0),0)),0)</f>
        <v>0</v>
      </c>
      <c r="H279" cm="1">
        <f t="array" ref="H279">IFERROR(INDEX(Jesper!AL$2:AL$366,ROUNDDOWN($C279/24,0)+1,1)*INDEX($D$3:$AA$30,INDEX(Jesper!$R$2:$R$366,ROW(INDEX(Jesper!AL$2:AL$366,ROUNDDOWN($C279/24,0)+1,1))-1)+IF('Standard Profiles'!$G$22=$B$10,7,0)+IF('Standard Profiles'!$G$22=$B$17,14,0)+IF('Standard Profiles'!$G$22=$B$24,21,0),MOD($C279,24)+1)/SUM(INDEX($D$3:$AA$30,INDEX(Jesper!$R$2:$R$366,ROW(INDEX(Jesper!AL$2:AL$366,ROUNDDOWN($C279/24,0)+1,1))-1)+IF('Standard Profiles'!$G$22=$B$10,7,0)+IF('Standard Profiles'!$G$22=$B$17,14,0)+IF('Standard Profiles'!$G$22=$B$24,21,0),0)),0)</f>
        <v>0</v>
      </c>
      <c r="I279">
        <f t="shared" si="41"/>
        <v>0.28755831265138404</v>
      </c>
      <c r="J279">
        <f t="shared" si="42"/>
        <v>0.95852770883794691</v>
      </c>
      <c r="K279">
        <f t="shared" si="43"/>
        <v>1.4377915632569203</v>
      </c>
      <c r="L279">
        <f t="shared" si="44"/>
        <v>6.9013995036332174</v>
      </c>
      <c r="M279">
        <f t="shared" si="45"/>
        <v>0</v>
      </c>
      <c r="N279" s="46">
        <f t="shared" si="46"/>
        <v>45302.208333332739</v>
      </c>
    </row>
    <row r="280" spans="2:14" x14ac:dyDescent="0.3">
      <c r="B280">
        <f t="shared" si="40"/>
        <v>4</v>
      </c>
      <c r="C280" s="16">
        <v>246</v>
      </c>
      <c r="D280" cm="1">
        <f t="array" ref="D280">IFERROR(INDEX(Jesper!AH$2:AH$366,ROUNDDOWN($C280/24,0)+1,1)*INDEX($D$3:$AA$30,INDEX(Jesper!$R$2:$R$366,ROW(INDEX(Jesper!AH$2:AH$366,ROUNDDOWN($C280/24,0)+1,1))-1)+IF('Standard Profiles'!$G$18=$B$10,7,0)+IF('Standard Profiles'!$G$18=$B$17,14,0)+IF('Standard Profiles'!$G$18=$B$24,21,0),MOD($C280,24)+1)/SUM(INDEX($D$3:$AA$30,INDEX(Jesper!$R$2:$R$366,ROW(INDEX(Jesper!AH$2:AH$366,ROUNDDOWN($C280/24,0)+1,1))-1)+IF('Standard Profiles'!$G$18=$B$10,7,0)+IF('Standard Profiles'!$G$18=$B$17,14,0)+IF('Standard Profiles'!$G$18=$B$24,21,0),0)),0)</f>
        <v>11.072647671059041</v>
      </c>
      <c r="E280" cm="1">
        <f t="array" ref="E280">IFERROR(INDEX(Jesper!AI$2:AI$366,ROUNDDOWN($C280/24,0)+1,1)*INDEX($D$3:$AA$30,INDEX(Jesper!$R$2:$R$366,ROW(INDEX(Jesper!AI$2:AI$366,ROUNDDOWN($C280/24,0)+1,1))-1)+IF('Standard Profiles'!$G$19=$B$10,7,0)+IF('Standard Profiles'!$G$19=$B$17,14,0)+IF('Standard Profiles'!$G$19=$B$24,21,0),MOD($C280,24)+1)/SUM(INDEX($D$3:$AA$30,INDEX(Jesper!$R$2:$R$366,ROW(INDEX(Jesper!AI$2:AI$366,ROUNDDOWN($C280/24,0)+1,1))-1)+IF('Standard Profiles'!$G$19=$B$10,7,0)+IF('Standard Profiles'!$G$19=$B$17,14,0)+IF('Standard Profiles'!$G$19=$B$24,21,0),0)),0)</f>
        <v>0</v>
      </c>
      <c r="F280" cm="1">
        <f t="array" ref="F280">IFERROR(INDEX(Jesper!AJ$2:AJ$366,ROUNDDOWN($C280/24,0)+1,1)*INDEX($D$3:$AA$30,INDEX(Jesper!$R$2:$R$366,ROW(INDEX(Jesper!AJ$2:AJ$366,ROUNDDOWN($C280/24,0)+1,1))-1)+IF('Standard Profiles'!$G$20=$B$10,7,0)+IF('Standard Profiles'!$G$20=$B$17,14,0)+IF('Standard Profiles'!$G$20=$B$24,21,0),MOD($C280,24)+1)/SUM(INDEX($D$3:$AA$30,INDEX(Jesper!$R$2:$R$366,ROW(INDEX(Jesper!AJ$2:AJ$366,ROUNDDOWN($C280/24,0)+1,1))-1)+IF('Standard Profiles'!$G$20=$B$10,7,0)+IF('Standard Profiles'!$G$20=$B$17,14,0)+IF('Standard Profiles'!$G$20=$B$24,21,0),0)),0)</f>
        <v>0</v>
      </c>
      <c r="G280" cm="1">
        <f t="array" ref="G280">IFERROR(INDEX(Jesper!AK$2:AK$366,ROUNDDOWN($C280/24,0)+1,1)*INDEX($D$3:$AA$30,INDEX(Jesper!$R$2:$R$366,ROW(INDEX(Jesper!AK$2:AK$366,ROUNDDOWN($C280/24,0)+1,1))-1)+IF('Standard Profiles'!$G$21=$B$10,7,0)+IF('Standard Profiles'!$G$21=$B$17,14,0)+IF('Standard Profiles'!$G$21=$B$24,21,0),MOD($C280,24)+1)/SUM(INDEX($D$3:$AA$30,INDEX(Jesper!$R$2:$R$366,ROW(INDEX(Jesper!AK$2:AK$366,ROUNDDOWN($C280/24,0)+1,1))-1)+IF('Standard Profiles'!$G$21=$B$10,7,0)+IF('Standard Profiles'!$G$21=$B$17,14,0)+IF('Standard Profiles'!$G$21=$B$24,21,0),0)),0)</f>
        <v>0</v>
      </c>
      <c r="H280" cm="1">
        <f t="array" ref="H280">IFERROR(INDEX(Jesper!AL$2:AL$366,ROUNDDOWN($C280/24,0)+1,1)*INDEX($D$3:$AA$30,INDEX(Jesper!$R$2:$R$366,ROW(INDEX(Jesper!AL$2:AL$366,ROUNDDOWN($C280/24,0)+1,1))-1)+IF('Standard Profiles'!$G$22=$B$10,7,0)+IF('Standard Profiles'!$G$22=$B$17,14,0)+IF('Standard Profiles'!$G$22=$B$24,21,0),MOD($C280,24)+1)/SUM(INDEX($D$3:$AA$30,INDEX(Jesper!$R$2:$R$366,ROW(INDEX(Jesper!AL$2:AL$366,ROUNDDOWN($C280/24,0)+1,1))-1)+IF('Standard Profiles'!$G$22=$B$10,7,0)+IF('Standard Profiles'!$G$22=$B$17,14,0)+IF('Standard Profiles'!$G$22=$B$24,21,0),0)),0)</f>
        <v>0</v>
      </c>
      <c r="I280">
        <f t="shared" si="41"/>
        <v>0.3321794301317712</v>
      </c>
      <c r="J280">
        <f t="shared" si="42"/>
        <v>1.1072647671059042</v>
      </c>
      <c r="K280">
        <f t="shared" si="43"/>
        <v>1.6608971506588561</v>
      </c>
      <c r="L280">
        <f t="shared" si="44"/>
        <v>7.9723063231625098</v>
      </c>
      <c r="M280">
        <f t="shared" si="45"/>
        <v>0</v>
      </c>
      <c r="N280" s="46">
        <f t="shared" si="46"/>
        <v>45302.249999999403</v>
      </c>
    </row>
    <row r="281" spans="2:14" x14ac:dyDescent="0.3">
      <c r="B281">
        <f t="shared" si="40"/>
        <v>4</v>
      </c>
      <c r="C281" s="16">
        <v>247</v>
      </c>
      <c r="D281" cm="1">
        <f t="array" ref="D281">IFERROR(INDEX(Jesper!AH$2:AH$366,ROUNDDOWN($C281/24,0)+1,1)*INDEX($D$3:$AA$30,INDEX(Jesper!$R$2:$R$366,ROW(INDEX(Jesper!AH$2:AH$366,ROUNDDOWN($C281/24,0)+1,1))-1)+IF('Standard Profiles'!$G$18=$B$10,7,0)+IF('Standard Profiles'!$G$18=$B$17,14,0)+IF('Standard Profiles'!$G$18=$B$24,21,0),MOD($C281,24)+1)/SUM(INDEX($D$3:$AA$30,INDEX(Jesper!$R$2:$R$366,ROW(INDEX(Jesper!AH$2:AH$366,ROUNDDOWN($C281/24,0)+1,1))-1)+IF('Standard Profiles'!$G$18=$B$10,7,0)+IF('Standard Profiles'!$G$18=$B$17,14,0)+IF('Standard Profiles'!$G$18=$B$24,21,0),0)),0)</f>
        <v>11.072647671059041</v>
      </c>
      <c r="E281" cm="1">
        <f t="array" ref="E281">IFERROR(INDEX(Jesper!AI$2:AI$366,ROUNDDOWN($C281/24,0)+1,1)*INDEX($D$3:$AA$30,INDEX(Jesper!$R$2:$R$366,ROW(INDEX(Jesper!AI$2:AI$366,ROUNDDOWN($C281/24,0)+1,1))-1)+IF('Standard Profiles'!$G$19=$B$10,7,0)+IF('Standard Profiles'!$G$19=$B$17,14,0)+IF('Standard Profiles'!$G$19=$B$24,21,0),MOD($C281,24)+1)/SUM(INDEX($D$3:$AA$30,INDEX(Jesper!$R$2:$R$366,ROW(INDEX(Jesper!AI$2:AI$366,ROUNDDOWN($C281/24,0)+1,1))-1)+IF('Standard Profiles'!$G$19=$B$10,7,0)+IF('Standard Profiles'!$G$19=$B$17,14,0)+IF('Standard Profiles'!$G$19=$B$24,21,0),0)),0)</f>
        <v>0</v>
      </c>
      <c r="F281" cm="1">
        <f t="array" ref="F281">IFERROR(INDEX(Jesper!AJ$2:AJ$366,ROUNDDOWN($C281/24,0)+1,1)*INDEX($D$3:$AA$30,INDEX(Jesper!$R$2:$R$366,ROW(INDEX(Jesper!AJ$2:AJ$366,ROUNDDOWN($C281/24,0)+1,1))-1)+IF('Standard Profiles'!$G$20=$B$10,7,0)+IF('Standard Profiles'!$G$20=$B$17,14,0)+IF('Standard Profiles'!$G$20=$B$24,21,0),MOD($C281,24)+1)/SUM(INDEX($D$3:$AA$30,INDEX(Jesper!$R$2:$R$366,ROW(INDEX(Jesper!AJ$2:AJ$366,ROUNDDOWN($C281/24,0)+1,1))-1)+IF('Standard Profiles'!$G$20=$B$10,7,0)+IF('Standard Profiles'!$G$20=$B$17,14,0)+IF('Standard Profiles'!$G$20=$B$24,21,0),0)),0)</f>
        <v>0</v>
      </c>
      <c r="G281" cm="1">
        <f t="array" ref="G281">IFERROR(INDEX(Jesper!AK$2:AK$366,ROUNDDOWN($C281/24,0)+1,1)*INDEX($D$3:$AA$30,INDEX(Jesper!$R$2:$R$366,ROW(INDEX(Jesper!AK$2:AK$366,ROUNDDOWN($C281/24,0)+1,1))-1)+IF('Standard Profiles'!$G$21=$B$10,7,0)+IF('Standard Profiles'!$G$21=$B$17,14,0)+IF('Standard Profiles'!$G$21=$B$24,21,0),MOD($C281,24)+1)/SUM(INDEX($D$3:$AA$30,INDEX(Jesper!$R$2:$R$366,ROW(INDEX(Jesper!AK$2:AK$366,ROUNDDOWN($C281/24,0)+1,1))-1)+IF('Standard Profiles'!$G$21=$B$10,7,0)+IF('Standard Profiles'!$G$21=$B$17,14,0)+IF('Standard Profiles'!$G$21=$B$24,21,0),0)),0)</f>
        <v>0</v>
      </c>
      <c r="H281" cm="1">
        <f t="array" ref="H281">IFERROR(INDEX(Jesper!AL$2:AL$366,ROUNDDOWN($C281/24,0)+1,1)*INDEX($D$3:$AA$30,INDEX(Jesper!$R$2:$R$366,ROW(INDEX(Jesper!AL$2:AL$366,ROUNDDOWN($C281/24,0)+1,1))-1)+IF('Standard Profiles'!$G$22=$B$10,7,0)+IF('Standard Profiles'!$G$22=$B$17,14,0)+IF('Standard Profiles'!$G$22=$B$24,21,0),MOD($C281,24)+1)/SUM(INDEX($D$3:$AA$30,INDEX(Jesper!$R$2:$R$366,ROW(INDEX(Jesper!AL$2:AL$366,ROUNDDOWN($C281/24,0)+1,1))-1)+IF('Standard Profiles'!$G$22=$B$10,7,0)+IF('Standard Profiles'!$G$22=$B$17,14,0)+IF('Standard Profiles'!$G$22=$B$24,21,0),0)),0)</f>
        <v>0</v>
      </c>
      <c r="I281">
        <f t="shared" si="41"/>
        <v>0.3321794301317712</v>
      </c>
      <c r="J281">
        <f t="shared" si="42"/>
        <v>1.1072647671059042</v>
      </c>
      <c r="K281">
        <f t="shared" si="43"/>
        <v>1.6608971506588561</v>
      </c>
      <c r="L281">
        <f t="shared" si="44"/>
        <v>7.9723063231625098</v>
      </c>
      <c r="M281">
        <f t="shared" si="45"/>
        <v>0</v>
      </c>
      <c r="N281" s="46">
        <f t="shared" si="46"/>
        <v>45302.291666666068</v>
      </c>
    </row>
    <row r="282" spans="2:14" x14ac:dyDescent="0.3">
      <c r="B282">
        <f t="shared" si="40"/>
        <v>4</v>
      </c>
      <c r="C282" s="16">
        <v>248</v>
      </c>
      <c r="D282" cm="1">
        <f t="array" ref="D282">IFERROR(INDEX(Jesper!AH$2:AH$366,ROUNDDOWN($C282/24,0)+1,1)*INDEX($D$3:$AA$30,INDEX(Jesper!$R$2:$R$366,ROW(INDEX(Jesper!AH$2:AH$366,ROUNDDOWN($C282/24,0)+1,1))-1)+IF('Standard Profiles'!$G$18=$B$10,7,0)+IF('Standard Profiles'!$G$18=$B$17,14,0)+IF('Standard Profiles'!$G$18=$B$24,21,0),MOD($C282,24)+1)/SUM(INDEX($D$3:$AA$30,INDEX(Jesper!$R$2:$R$366,ROW(INDEX(Jesper!AH$2:AH$366,ROUNDDOWN($C282/24,0)+1,1))-1)+IF('Standard Profiles'!$G$18=$B$10,7,0)+IF('Standard Profiles'!$G$18=$B$17,14,0)+IF('Standard Profiles'!$G$18=$B$24,21,0),0)),0)</f>
        <v>11.072647671059041</v>
      </c>
      <c r="E282" cm="1">
        <f t="array" ref="E282">IFERROR(INDEX(Jesper!AI$2:AI$366,ROUNDDOWN($C282/24,0)+1,1)*INDEX($D$3:$AA$30,INDEX(Jesper!$R$2:$R$366,ROW(INDEX(Jesper!AI$2:AI$366,ROUNDDOWN($C282/24,0)+1,1))-1)+IF('Standard Profiles'!$G$19=$B$10,7,0)+IF('Standard Profiles'!$G$19=$B$17,14,0)+IF('Standard Profiles'!$G$19=$B$24,21,0),MOD($C282,24)+1)/SUM(INDEX($D$3:$AA$30,INDEX(Jesper!$R$2:$R$366,ROW(INDEX(Jesper!AI$2:AI$366,ROUNDDOWN($C282/24,0)+1,1))-1)+IF('Standard Profiles'!$G$19=$B$10,7,0)+IF('Standard Profiles'!$G$19=$B$17,14,0)+IF('Standard Profiles'!$G$19=$B$24,21,0),0)),0)</f>
        <v>0</v>
      </c>
      <c r="F282" cm="1">
        <f t="array" ref="F282">IFERROR(INDEX(Jesper!AJ$2:AJ$366,ROUNDDOWN($C282/24,0)+1,1)*INDEX($D$3:$AA$30,INDEX(Jesper!$R$2:$R$366,ROW(INDEX(Jesper!AJ$2:AJ$366,ROUNDDOWN($C282/24,0)+1,1))-1)+IF('Standard Profiles'!$G$20=$B$10,7,0)+IF('Standard Profiles'!$G$20=$B$17,14,0)+IF('Standard Profiles'!$G$20=$B$24,21,0),MOD($C282,24)+1)/SUM(INDEX($D$3:$AA$30,INDEX(Jesper!$R$2:$R$366,ROW(INDEX(Jesper!AJ$2:AJ$366,ROUNDDOWN($C282/24,0)+1,1))-1)+IF('Standard Profiles'!$G$20=$B$10,7,0)+IF('Standard Profiles'!$G$20=$B$17,14,0)+IF('Standard Profiles'!$G$20=$B$24,21,0),0)),0)</f>
        <v>0</v>
      </c>
      <c r="G282" cm="1">
        <f t="array" ref="G282">IFERROR(INDEX(Jesper!AK$2:AK$366,ROUNDDOWN($C282/24,0)+1,1)*INDEX($D$3:$AA$30,INDEX(Jesper!$R$2:$R$366,ROW(INDEX(Jesper!AK$2:AK$366,ROUNDDOWN($C282/24,0)+1,1))-1)+IF('Standard Profiles'!$G$21=$B$10,7,0)+IF('Standard Profiles'!$G$21=$B$17,14,0)+IF('Standard Profiles'!$G$21=$B$24,21,0),MOD($C282,24)+1)/SUM(INDEX($D$3:$AA$30,INDEX(Jesper!$R$2:$R$366,ROW(INDEX(Jesper!AK$2:AK$366,ROUNDDOWN($C282/24,0)+1,1))-1)+IF('Standard Profiles'!$G$21=$B$10,7,0)+IF('Standard Profiles'!$G$21=$B$17,14,0)+IF('Standard Profiles'!$G$21=$B$24,21,0),0)),0)</f>
        <v>0</v>
      </c>
      <c r="H282" cm="1">
        <f t="array" ref="H282">IFERROR(INDEX(Jesper!AL$2:AL$366,ROUNDDOWN($C282/24,0)+1,1)*INDEX($D$3:$AA$30,INDEX(Jesper!$R$2:$R$366,ROW(INDEX(Jesper!AL$2:AL$366,ROUNDDOWN($C282/24,0)+1,1))-1)+IF('Standard Profiles'!$G$22=$B$10,7,0)+IF('Standard Profiles'!$G$22=$B$17,14,0)+IF('Standard Profiles'!$G$22=$B$24,21,0),MOD($C282,24)+1)/SUM(INDEX($D$3:$AA$30,INDEX(Jesper!$R$2:$R$366,ROW(INDEX(Jesper!AL$2:AL$366,ROUNDDOWN($C282/24,0)+1,1))-1)+IF('Standard Profiles'!$G$22=$B$10,7,0)+IF('Standard Profiles'!$G$22=$B$17,14,0)+IF('Standard Profiles'!$G$22=$B$24,21,0),0)),0)</f>
        <v>0</v>
      </c>
      <c r="I282">
        <f t="shared" si="41"/>
        <v>0.3321794301317712</v>
      </c>
      <c r="J282">
        <f t="shared" si="42"/>
        <v>1.1072647671059042</v>
      </c>
      <c r="K282">
        <f t="shared" si="43"/>
        <v>1.6608971506588561</v>
      </c>
      <c r="L282">
        <f t="shared" si="44"/>
        <v>7.9723063231625098</v>
      </c>
      <c r="M282">
        <f t="shared" si="45"/>
        <v>0</v>
      </c>
      <c r="N282" s="46">
        <f t="shared" si="46"/>
        <v>45302.333333332732</v>
      </c>
    </row>
    <row r="283" spans="2:14" x14ac:dyDescent="0.3">
      <c r="B283">
        <f t="shared" si="40"/>
        <v>4</v>
      </c>
      <c r="C283" s="16">
        <v>249</v>
      </c>
      <c r="D283" cm="1">
        <f t="array" ref="D283">IFERROR(INDEX(Jesper!AH$2:AH$366,ROUNDDOWN($C283/24,0)+1,1)*INDEX($D$3:$AA$30,INDEX(Jesper!$R$2:$R$366,ROW(INDEX(Jesper!AH$2:AH$366,ROUNDDOWN($C283/24,0)+1,1))-1)+IF('Standard Profiles'!$G$18=$B$10,7,0)+IF('Standard Profiles'!$G$18=$B$17,14,0)+IF('Standard Profiles'!$G$18=$B$24,21,0),MOD($C283,24)+1)/SUM(INDEX($D$3:$AA$30,INDEX(Jesper!$R$2:$R$366,ROW(INDEX(Jesper!AH$2:AH$366,ROUNDDOWN($C283/24,0)+1,1))-1)+IF('Standard Profiles'!$G$18=$B$10,7,0)+IF('Standard Profiles'!$G$18=$B$17,14,0)+IF('Standard Profiles'!$G$18=$B$24,21,0),0)),0)</f>
        <v>11.898964661436581</v>
      </c>
      <c r="E283" cm="1">
        <f t="array" ref="E283">IFERROR(INDEX(Jesper!AI$2:AI$366,ROUNDDOWN($C283/24,0)+1,1)*INDEX($D$3:$AA$30,INDEX(Jesper!$R$2:$R$366,ROW(INDEX(Jesper!AI$2:AI$366,ROUNDDOWN($C283/24,0)+1,1))-1)+IF('Standard Profiles'!$G$19=$B$10,7,0)+IF('Standard Profiles'!$G$19=$B$17,14,0)+IF('Standard Profiles'!$G$19=$B$24,21,0),MOD($C283,24)+1)/SUM(INDEX($D$3:$AA$30,INDEX(Jesper!$R$2:$R$366,ROW(INDEX(Jesper!AI$2:AI$366,ROUNDDOWN($C283/24,0)+1,1))-1)+IF('Standard Profiles'!$G$19=$B$10,7,0)+IF('Standard Profiles'!$G$19=$B$17,14,0)+IF('Standard Profiles'!$G$19=$B$24,21,0),0)),0)</f>
        <v>0</v>
      </c>
      <c r="F283" cm="1">
        <f t="array" ref="F283">IFERROR(INDEX(Jesper!AJ$2:AJ$366,ROUNDDOWN($C283/24,0)+1,1)*INDEX($D$3:$AA$30,INDEX(Jesper!$R$2:$R$366,ROW(INDEX(Jesper!AJ$2:AJ$366,ROUNDDOWN($C283/24,0)+1,1))-1)+IF('Standard Profiles'!$G$20=$B$10,7,0)+IF('Standard Profiles'!$G$20=$B$17,14,0)+IF('Standard Profiles'!$G$20=$B$24,21,0),MOD($C283,24)+1)/SUM(INDEX($D$3:$AA$30,INDEX(Jesper!$R$2:$R$366,ROW(INDEX(Jesper!AJ$2:AJ$366,ROUNDDOWN($C283/24,0)+1,1))-1)+IF('Standard Profiles'!$G$20=$B$10,7,0)+IF('Standard Profiles'!$G$20=$B$17,14,0)+IF('Standard Profiles'!$G$20=$B$24,21,0),0)),0)</f>
        <v>0</v>
      </c>
      <c r="G283" cm="1">
        <f t="array" ref="G283">IFERROR(INDEX(Jesper!AK$2:AK$366,ROUNDDOWN($C283/24,0)+1,1)*INDEX($D$3:$AA$30,INDEX(Jesper!$R$2:$R$366,ROW(INDEX(Jesper!AK$2:AK$366,ROUNDDOWN($C283/24,0)+1,1))-1)+IF('Standard Profiles'!$G$21=$B$10,7,0)+IF('Standard Profiles'!$G$21=$B$17,14,0)+IF('Standard Profiles'!$G$21=$B$24,21,0),MOD($C283,24)+1)/SUM(INDEX($D$3:$AA$30,INDEX(Jesper!$R$2:$R$366,ROW(INDEX(Jesper!AK$2:AK$366,ROUNDDOWN($C283/24,0)+1,1))-1)+IF('Standard Profiles'!$G$21=$B$10,7,0)+IF('Standard Profiles'!$G$21=$B$17,14,0)+IF('Standard Profiles'!$G$21=$B$24,21,0),0)),0)</f>
        <v>0</v>
      </c>
      <c r="H283" cm="1">
        <f t="array" ref="H283">IFERROR(INDEX(Jesper!AL$2:AL$366,ROUNDDOWN($C283/24,0)+1,1)*INDEX($D$3:$AA$30,INDEX(Jesper!$R$2:$R$366,ROW(INDEX(Jesper!AL$2:AL$366,ROUNDDOWN($C283/24,0)+1,1))-1)+IF('Standard Profiles'!$G$22=$B$10,7,0)+IF('Standard Profiles'!$G$22=$B$17,14,0)+IF('Standard Profiles'!$G$22=$B$24,21,0),MOD($C283,24)+1)/SUM(INDEX($D$3:$AA$30,INDEX(Jesper!$R$2:$R$366,ROW(INDEX(Jesper!AL$2:AL$366,ROUNDDOWN($C283/24,0)+1,1))-1)+IF('Standard Profiles'!$G$22=$B$10,7,0)+IF('Standard Profiles'!$G$22=$B$17,14,0)+IF('Standard Profiles'!$G$22=$B$24,21,0),0)),0)</f>
        <v>0</v>
      </c>
      <c r="I283">
        <f t="shared" si="41"/>
        <v>0.35696893984309741</v>
      </c>
      <c r="J283">
        <f t="shared" si="42"/>
        <v>1.1898964661436582</v>
      </c>
      <c r="K283">
        <f t="shared" si="43"/>
        <v>1.7848446992154872</v>
      </c>
      <c r="L283">
        <f t="shared" si="44"/>
        <v>8.5672545562343387</v>
      </c>
      <c r="M283">
        <f t="shared" si="45"/>
        <v>0</v>
      </c>
      <c r="N283" s="46">
        <f t="shared" si="46"/>
        <v>45302.374999999396</v>
      </c>
    </row>
    <row r="284" spans="2:14" x14ac:dyDescent="0.3">
      <c r="B284">
        <f t="shared" si="40"/>
        <v>4</v>
      </c>
      <c r="C284" s="16">
        <v>250</v>
      </c>
      <c r="D284" cm="1">
        <f t="array" ref="D284">IFERROR(INDEX(Jesper!AH$2:AH$366,ROUNDDOWN($C284/24,0)+1,1)*INDEX($D$3:$AA$30,INDEX(Jesper!$R$2:$R$366,ROW(INDEX(Jesper!AH$2:AH$366,ROUNDDOWN($C284/24,0)+1,1))-1)+IF('Standard Profiles'!$G$18=$B$10,7,0)+IF('Standard Profiles'!$G$18=$B$17,14,0)+IF('Standard Profiles'!$G$18=$B$24,21,0),MOD($C284,24)+1)/SUM(INDEX($D$3:$AA$30,INDEX(Jesper!$R$2:$R$366,ROW(INDEX(Jesper!AH$2:AH$366,ROUNDDOWN($C284/24,0)+1,1))-1)+IF('Standard Profiles'!$G$18=$B$10,7,0)+IF('Standard Profiles'!$G$18=$B$17,14,0)+IF('Standard Profiles'!$G$18=$B$24,21,0),0)),0)</f>
        <v>12.890545049889631</v>
      </c>
      <c r="E284" cm="1">
        <f t="array" ref="E284">IFERROR(INDEX(Jesper!AI$2:AI$366,ROUNDDOWN($C284/24,0)+1,1)*INDEX($D$3:$AA$30,INDEX(Jesper!$R$2:$R$366,ROW(INDEX(Jesper!AI$2:AI$366,ROUNDDOWN($C284/24,0)+1,1))-1)+IF('Standard Profiles'!$G$19=$B$10,7,0)+IF('Standard Profiles'!$G$19=$B$17,14,0)+IF('Standard Profiles'!$G$19=$B$24,21,0),MOD($C284,24)+1)/SUM(INDEX($D$3:$AA$30,INDEX(Jesper!$R$2:$R$366,ROW(INDEX(Jesper!AI$2:AI$366,ROUNDDOWN($C284/24,0)+1,1))-1)+IF('Standard Profiles'!$G$19=$B$10,7,0)+IF('Standard Profiles'!$G$19=$B$17,14,0)+IF('Standard Profiles'!$G$19=$B$24,21,0),0)),0)</f>
        <v>0</v>
      </c>
      <c r="F284" cm="1">
        <f t="array" ref="F284">IFERROR(INDEX(Jesper!AJ$2:AJ$366,ROUNDDOWN($C284/24,0)+1,1)*INDEX($D$3:$AA$30,INDEX(Jesper!$R$2:$R$366,ROW(INDEX(Jesper!AJ$2:AJ$366,ROUNDDOWN($C284/24,0)+1,1))-1)+IF('Standard Profiles'!$G$20=$B$10,7,0)+IF('Standard Profiles'!$G$20=$B$17,14,0)+IF('Standard Profiles'!$G$20=$B$24,21,0),MOD($C284,24)+1)/SUM(INDEX($D$3:$AA$30,INDEX(Jesper!$R$2:$R$366,ROW(INDEX(Jesper!AJ$2:AJ$366,ROUNDDOWN($C284/24,0)+1,1))-1)+IF('Standard Profiles'!$G$20=$B$10,7,0)+IF('Standard Profiles'!$G$20=$B$17,14,0)+IF('Standard Profiles'!$G$20=$B$24,21,0),0)),0)</f>
        <v>0</v>
      </c>
      <c r="G284" cm="1">
        <f t="array" ref="G284">IFERROR(INDEX(Jesper!AK$2:AK$366,ROUNDDOWN($C284/24,0)+1,1)*INDEX($D$3:$AA$30,INDEX(Jesper!$R$2:$R$366,ROW(INDEX(Jesper!AK$2:AK$366,ROUNDDOWN($C284/24,0)+1,1))-1)+IF('Standard Profiles'!$G$21=$B$10,7,0)+IF('Standard Profiles'!$G$21=$B$17,14,0)+IF('Standard Profiles'!$G$21=$B$24,21,0),MOD($C284,24)+1)/SUM(INDEX($D$3:$AA$30,INDEX(Jesper!$R$2:$R$366,ROW(INDEX(Jesper!AK$2:AK$366,ROUNDDOWN($C284/24,0)+1,1))-1)+IF('Standard Profiles'!$G$21=$B$10,7,0)+IF('Standard Profiles'!$G$21=$B$17,14,0)+IF('Standard Profiles'!$G$21=$B$24,21,0),0)),0)</f>
        <v>0</v>
      </c>
      <c r="H284" cm="1">
        <f t="array" ref="H284">IFERROR(INDEX(Jesper!AL$2:AL$366,ROUNDDOWN($C284/24,0)+1,1)*INDEX($D$3:$AA$30,INDEX(Jesper!$R$2:$R$366,ROW(INDEX(Jesper!AL$2:AL$366,ROUNDDOWN($C284/24,0)+1,1))-1)+IF('Standard Profiles'!$G$22=$B$10,7,0)+IF('Standard Profiles'!$G$22=$B$17,14,0)+IF('Standard Profiles'!$G$22=$B$24,21,0),MOD($C284,24)+1)/SUM(INDEX($D$3:$AA$30,INDEX(Jesper!$R$2:$R$366,ROW(INDEX(Jesper!AL$2:AL$366,ROUNDDOWN($C284/24,0)+1,1))-1)+IF('Standard Profiles'!$G$22=$B$10,7,0)+IF('Standard Profiles'!$G$22=$B$17,14,0)+IF('Standard Profiles'!$G$22=$B$24,21,0),0)),0)</f>
        <v>0</v>
      </c>
      <c r="I284">
        <f t="shared" si="41"/>
        <v>0.38671635149668893</v>
      </c>
      <c r="J284">
        <f t="shared" si="42"/>
        <v>1.2890545049889632</v>
      </c>
      <c r="K284">
        <f t="shared" si="43"/>
        <v>1.9335817574834446</v>
      </c>
      <c r="L284">
        <f t="shared" si="44"/>
        <v>9.2811924359205342</v>
      </c>
      <c r="M284">
        <f t="shared" si="45"/>
        <v>0</v>
      </c>
      <c r="N284" s="46">
        <f t="shared" si="46"/>
        <v>45302.41666666606</v>
      </c>
    </row>
    <row r="285" spans="2:14" x14ac:dyDescent="0.3">
      <c r="B285">
        <f t="shared" si="40"/>
        <v>4</v>
      </c>
      <c r="C285" s="16">
        <v>251</v>
      </c>
      <c r="D285" cm="1">
        <f t="array" ref="D285">IFERROR(INDEX(Jesper!AH$2:AH$366,ROUNDDOWN($C285/24,0)+1,1)*INDEX($D$3:$AA$30,INDEX(Jesper!$R$2:$R$366,ROW(INDEX(Jesper!AH$2:AH$366,ROUNDDOWN($C285/24,0)+1,1))-1)+IF('Standard Profiles'!$G$18=$B$10,7,0)+IF('Standard Profiles'!$G$18=$B$17,14,0)+IF('Standard Profiles'!$G$18=$B$24,21,0),MOD($C285,24)+1)/SUM(INDEX($D$3:$AA$30,INDEX(Jesper!$R$2:$R$366,ROW(INDEX(Jesper!AH$2:AH$366,ROUNDDOWN($C285/24,0)+1,1))-1)+IF('Standard Profiles'!$G$18=$B$10,7,0)+IF('Standard Profiles'!$G$18=$B$17,14,0)+IF('Standard Profiles'!$G$18=$B$24,21,0),0)),0)</f>
        <v>14.873705826795726</v>
      </c>
      <c r="E285" cm="1">
        <f t="array" ref="E285">IFERROR(INDEX(Jesper!AI$2:AI$366,ROUNDDOWN($C285/24,0)+1,1)*INDEX($D$3:$AA$30,INDEX(Jesper!$R$2:$R$366,ROW(INDEX(Jesper!AI$2:AI$366,ROUNDDOWN($C285/24,0)+1,1))-1)+IF('Standard Profiles'!$G$19=$B$10,7,0)+IF('Standard Profiles'!$G$19=$B$17,14,0)+IF('Standard Profiles'!$G$19=$B$24,21,0),MOD($C285,24)+1)/SUM(INDEX($D$3:$AA$30,INDEX(Jesper!$R$2:$R$366,ROW(INDEX(Jesper!AI$2:AI$366,ROUNDDOWN($C285/24,0)+1,1))-1)+IF('Standard Profiles'!$G$19=$B$10,7,0)+IF('Standard Profiles'!$G$19=$B$17,14,0)+IF('Standard Profiles'!$G$19=$B$24,21,0),0)),0)</f>
        <v>0</v>
      </c>
      <c r="F285" cm="1">
        <f t="array" ref="F285">IFERROR(INDEX(Jesper!AJ$2:AJ$366,ROUNDDOWN($C285/24,0)+1,1)*INDEX($D$3:$AA$30,INDEX(Jesper!$R$2:$R$366,ROW(INDEX(Jesper!AJ$2:AJ$366,ROUNDDOWN($C285/24,0)+1,1))-1)+IF('Standard Profiles'!$G$20=$B$10,7,0)+IF('Standard Profiles'!$G$20=$B$17,14,0)+IF('Standard Profiles'!$G$20=$B$24,21,0),MOD($C285,24)+1)/SUM(INDEX($D$3:$AA$30,INDEX(Jesper!$R$2:$R$366,ROW(INDEX(Jesper!AJ$2:AJ$366,ROUNDDOWN($C285/24,0)+1,1))-1)+IF('Standard Profiles'!$G$20=$B$10,7,0)+IF('Standard Profiles'!$G$20=$B$17,14,0)+IF('Standard Profiles'!$G$20=$B$24,21,0),0)),0)</f>
        <v>0</v>
      </c>
      <c r="G285" cm="1">
        <f t="array" ref="G285">IFERROR(INDEX(Jesper!AK$2:AK$366,ROUNDDOWN($C285/24,0)+1,1)*INDEX($D$3:$AA$30,INDEX(Jesper!$R$2:$R$366,ROW(INDEX(Jesper!AK$2:AK$366,ROUNDDOWN($C285/24,0)+1,1))-1)+IF('Standard Profiles'!$G$21=$B$10,7,0)+IF('Standard Profiles'!$G$21=$B$17,14,0)+IF('Standard Profiles'!$G$21=$B$24,21,0),MOD($C285,24)+1)/SUM(INDEX($D$3:$AA$30,INDEX(Jesper!$R$2:$R$366,ROW(INDEX(Jesper!AK$2:AK$366,ROUNDDOWN($C285/24,0)+1,1))-1)+IF('Standard Profiles'!$G$21=$B$10,7,0)+IF('Standard Profiles'!$G$21=$B$17,14,0)+IF('Standard Profiles'!$G$21=$B$24,21,0),0)),0)</f>
        <v>0</v>
      </c>
      <c r="H285" cm="1">
        <f t="array" ref="H285">IFERROR(INDEX(Jesper!AL$2:AL$366,ROUNDDOWN($C285/24,0)+1,1)*INDEX($D$3:$AA$30,INDEX(Jesper!$R$2:$R$366,ROW(INDEX(Jesper!AL$2:AL$366,ROUNDDOWN($C285/24,0)+1,1))-1)+IF('Standard Profiles'!$G$22=$B$10,7,0)+IF('Standard Profiles'!$G$22=$B$17,14,0)+IF('Standard Profiles'!$G$22=$B$24,21,0),MOD($C285,24)+1)/SUM(INDEX($D$3:$AA$30,INDEX(Jesper!$R$2:$R$366,ROW(INDEX(Jesper!AL$2:AL$366,ROUNDDOWN($C285/24,0)+1,1))-1)+IF('Standard Profiles'!$G$22=$B$10,7,0)+IF('Standard Profiles'!$G$22=$B$17,14,0)+IF('Standard Profiles'!$G$22=$B$24,21,0),0)),0)</f>
        <v>0</v>
      </c>
      <c r="I285">
        <f t="shared" si="41"/>
        <v>0.44621117480387179</v>
      </c>
      <c r="J285">
        <f t="shared" si="42"/>
        <v>1.4873705826795727</v>
      </c>
      <c r="K285">
        <f t="shared" si="43"/>
        <v>2.2310558740193587</v>
      </c>
      <c r="L285">
        <f t="shared" si="44"/>
        <v>10.709068195292922</v>
      </c>
      <c r="M285">
        <f t="shared" si="45"/>
        <v>0</v>
      </c>
      <c r="N285" s="46">
        <f t="shared" si="46"/>
        <v>45302.458333332725</v>
      </c>
    </row>
    <row r="286" spans="2:14" x14ac:dyDescent="0.3">
      <c r="B286">
        <f t="shared" si="40"/>
        <v>4</v>
      </c>
      <c r="C286" s="16">
        <v>252</v>
      </c>
      <c r="D286" cm="1">
        <f t="array" ref="D286">IFERROR(INDEX(Jesper!AH$2:AH$366,ROUNDDOWN($C286/24,0)+1,1)*INDEX($D$3:$AA$30,INDEX(Jesper!$R$2:$R$366,ROW(INDEX(Jesper!AH$2:AH$366,ROUNDDOWN($C286/24,0)+1,1))-1)+IF('Standard Profiles'!$G$18=$B$10,7,0)+IF('Standard Profiles'!$G$18=$B$17,14,0)+IF('Standard Profiles'!$G$18=$B$24,21,0),MOD($C286,24)+1)/SUM(INDEX($D$3:$AA$30,INDEX(Jesper!$R$2:$R$366,ROW(INDEX(Jesper!AH$2:AH$366,ROUNDDOWN($C286/24,0)+1,1))-1)+IF('Standard Profiles'!$G$18=$B$10,7,0)+IF('Standard Profiles'!$G$18=$B$17,14,0)+IF('Standard Profiles'!$G$18=$B$24,21,0),0)),0)</f>
        <v>14.873705826795726</v>
      </c>
      <c r="E286" cm="1">
        <f t="array" ref="E286">IFERROR(INDEX(Jesper!AI$2:AI$366,ROUNDDOWN($C286/24,0)+1,1)*INDEX($D$3:$AA$30,INDEX(Jesper!$R$2:$R$366,ROW(INDEX(Jesper!AI$2:AI$366,ROUNDDOWN($C286/24,0)+1,1))-1)+IF('Standard Profiles'!$G$19=$B$10,7,0)+IF('Standard Profiles'!$G$19=$B$17,14,0)+IF('Standard Profiles'!$G$19=$B$24,21,0),MOD($C286,24)+1)/SUM(INDEX($D$3:$AA$30,INDEX(Jesper!$R$2:$R$366,ROW(INDEX(Jesper!AI$2:AI$366,ROUNDDOWN($C286/24,0)+1,1))-1)+IF('Standard Profiles'!$G$19=$B$10,7,0)+IF('Standard Profiles'!$G$19=$B$17,14,0)+IF('Standard Profiles'!$G$19=$B$24,21,0),0)),0)</f>
        <v>0</v>
      </c>
      <c r="F286" cm="1">
        <f t="array" ref="F286">IFERROR(INDEX(Jesper!AJ$2:AJ$366,ROUNDDOWN($C286/24,0)+1,1)*INDEX($D$3:$AA$30,INDEX(Jesper!$R$2:$R$366,ROW(INDEX(Jesper!AJ$2:AJ$366,ROUNDDOWN($C286/24,0)+1,1))-1)+IF('Standard Profiles'!$G$20=$B$10,7,0)+IF('Standard Profiles'!$G$20=$B$17,14,0)+IF('Standard Profiles'!$G$20=$B$24,21,0),MOD($C286,24)+1)/SUM(INDEX($D$3:$AA$30,INDEX(Jesper!$R$2:$R$366,ROW(INDEX(Jesper!AJ$2:AJ$366,ROUNDDOWN($C286/24,0)+1,1))-1)+IF('Standard Profiles'!$G$20=$B$10,7,0)+IF('Standard Profiles'!$G$20=$B$17,14,0)+IF('Standard Profiles'!$G$20=$B$24,21,0),0)),0)</f>
        <v>0</v>
      </c>
      <c r="G286" cm="1">
        <f t="array" ref="G286">IFERROR(INDEX(Jesper!AK$2:AK$366,ROUNDDOWN($C286/24,0)+1,1)*INDEX($D$3:$AA$30,INDEX(Jesper!$R$2:$R$366,ROW(INDEX(Jesper!AK$2:AK$366,ROUNDDOWN($C286/24,0)+1,1))-1)+IF('Standard Profiles'!$G$21=$B$10,7,0)+IF('Standard Profiles'!$G$21=$B$17,14,0)+IF('Standard Profiles'!$G$21=$B$24,21,0),MOD($C286,24)+1)/SUM(INDEX($D$3:$AA$30,INDEX(Jesper!$R$2:$R$366,ROW(INDEX(Jesper!AK$2:AK$366,ROUNDDOWN($C286/24,0)+1,1))-1)+IF('Standard Profiles'!$G$21=$B$10,7,0)+IF('Standard Profiles'!$G$21=$B$17,14,0)+IF('Standard Profiles'!$G$21=$B$24,21,0),0)),0)</f>
        <v>0</v>
      </c>
      <c r="H286" cm="1">
        <f t="array" ref="H286">IFERROR(INDEX(Jesper!AL$2:AL$366,ROUNDDOWN($C286/24,0)+1,1)*INDEX($D$3:$AA$30,INDEX(Jesper!$R$2:$R$366,ROW(INDEX(Jesper!AL$2:AL$366,ROUNDDOWN($C286/24,0)+1,1))-1)+IF('Standard Profiles'!$G$22=$B$10,7,0)+IF('Standard Profiles'!$G$22=$B$17,14,0)+IF('Standard Profiles'!$G$22=$B$24,21,0),MOD($C286,24)+1)/SUM(INDEX($D$3:$AA$30,INDEX(Jesper!$R$2:$R$366,ROW(INDEX(Jesper!AL$2:AL$366,ROUNDDOWN($C286/24,0)+1,1))-1)+IF('Standard Profiles'!$G$22=$B$10,7,0)+IF('Standard Profiles'!$G$22=$B$17,14,0)+IF('Standard Profiles'!$G$22=$B$24,21,0),0)),0)</f>
        <v>0</v>
      </c>
      <c r="I286">
        <f t="shared" si="41"/>
        <v>0.44621117480387179</v>
      </c>
      <c r="J286">
        <f t="shared" si="42"/>
        <v>1.4873705826795727</v>
      </c>
      <c r="K286">
        <f t="shared" si="43"/>
        <v>2.2310558740193587</v>
      </c>
      <c r="L286">
        <f t="shared" si="44"/>
        <v>10.709068195292922</v>
      </c>
      <c r="M286">
        <f t="shared" si="45"/>
        <v>0</v>
      </c>
      <c r="N286" s="46">
        <f t="shared" si="46"/>
        <v>45302.499999999389</v>
      </c>
    </row>
    <row r="287" spans="2:14" x14ac:dyDescent="0.3">
      <c r="B287">
        <f t="shared" si="40"/>
        <v>4</v>
      </c>
      <c r="C287" s="16">
        <v>253</v>
      </c>
      <c r="D287" cm="1">
        <f t="array" ref="D287">IFERROR(INDEX(Jesper!AH$2:AH$366,ROUNDDOWN($C287/24,0)+1,1)*INDEX($D$3:$AA$30,INDEX(Jesper!$R$2:$R$366,ROW(INDEX(Jesper!AH$2:AH$366,ROUNDDOWN($C287/24,0)+1,1))-1)+IF('Standard Profiles'!$G$18=$B$10,7,0)+IF('Standard Profiles'!$G$18=$B$17,14,0)+IF('Standard Profiles'!$G$18=$B$24,21,0),MOD($C287,24)+1)/SUM(INDEX($D$3:$AA$30,INDEX(Jesper!$R$2:$R$366,ROW(INDEX(Jesper!AH$2:AH$366,ROUNDDOWN($C287/24,0)+1,1))-1)+IF('Standard Profiles'!$G$18=$B$10,7,0)+IF('Standard Profiles'!$G$18=$B$17,14,0)+IF('Standard Profiles'!$G$18=$B$24,21,0),0)),0)</f>
        <v>14.873705826795726</v>
      </c>
      <c r="E287" cm="1">
        <f t="array" ref="E287">IFERROR(INDEX(Jesper!AI$2:AI$366,ROUNDDOWN($C287/24,0)+1,1)*INDEX($D$3:$AA$30,INDEX(Jesper!$R$2:$R$366,ROW(INDEX(Jesper!AI$2:AI$366,ROUNDDOWN($C287/24,0)+1,1))-1)+IF('Standard Profiles'!$G$19=$B$10,7,0)+IF('Standard Profiles'!$G$19=$B$17,14,0)+IF('Standard Profiles'!$G$19=$B$24,21,0),MOD($C287,24)+1)/SUM(INDEX($D$3:$AA$30,INDEX(Jesper!$R$2:$R$366,ROW(INDEX(Jesper!AI$2:AI$366,ROUNDDOWN($C287/24,0)+1,1))-1)+IF('Standard Profiles'!$G$19=$B$10,7,0)+IF('Standard Profiles'!$G$19=$B$17,14,0)+IF('Standard Profiles'!$G$19=$B$24,21,0),0)),0)</f>
        <v>0</v>
      </c>
      <c r="F287" cm="1">
        <f t="array" ref="F287">IFERROR(INDEX(Jesper!AJ$2:AJ$366,ROUNDDOWN($C287/24,0)+1,1)*INDEX($D$3:$AA$30,INDEX(Jesper!$R$2:$R$366,ROW(INDEX(Jesper!AJ$2:AJ$366,ROUNDDOWN($C287/24,0)+1,1))-1)+IF('Standard Profiles'!$G$20=$B$10,7,0)+IF('Standard Profiles'!$G$20=$B$17,14,0)+IF('Standard Profiles'!$G$20=$B$24,21,0),MOD($C287,24)+1)/SUM(INDEX($D$3:$AA$30,INDEX(Jesper!$R$2:$R$366,ROW(INDEX(Jesper!AJ$2:AJ$366,ROUNDDOWN($C287/24,0)+1,1))-1)+IF('Standard Profiles'!$G$20=$B$10,7,0)+IF('Standard Profiles'!$G$20=$B$17,14,0)+IF('Standard Profiles'!$G$20=$B$24,21,0),0)),0)</f>
        <v>0</v>
      </c>
      <c r="G287" cm="1">
        <f t="array" ref="G287">IFERROR(INDEX(Jesper!AK$2:AK$366,ROUNDDOWN($C287/24,0)+1,1)*INDEX($D$3:$AA$30,INDEX(Jesper!$R$2:$R$366,ROW(INDEX(Jesper!AK$2:AK$366,ROUNDDOWN($C287/24,0)+1,1))-1)+IF('Standard Profiles'!$G$21=$B$10,7,0)+IF('Standard Profiles'!$G$21=$B$17,14,0)+IF('Standard Profiles'!$G$21=$B$24,21,0),MOD($C287,24)+1)/SUM(INDEX($D$3:$AA$30,INDEX(Jesper!$R$2:$R$366,ROW(INDEX(Jesper!AK$2:AK$366,ROUNDDOWN($C287/24,0)+1,1))-1)+IF('Standard Profiles'!$G$21=$B$10,7,0)+IF('Standard Profiles'!$G$21=$B$17,14,0)+IF('Standard Profiles'!$G$21=$B$24,21,0),0)),0)</f>
        <v>0</v>
      </c>
      <c r="H287" cm="1">
        <f t="array" ref="H287">IFERROR(INDEX(Jesper!AL$2:AL$366,ROUNDDOWN($C287/24,0)+1,1)*INDEX($D$3:$AA$30,INDEX(Jesper!$R$2:$R$366,ROW(INDEX(Jesper!AL$2:AL$366,ROUNDDOWN($C287/24,0)+1,1))-1)+IF('Standard Profiles'!$G$22=$B$10,7,0)+IF('Standard Profiles'!$G$22=$B$17,14,0)+IF('Standard Profiles'!$G$22=$B$24,21,0),MOD($C287,24)+1)/SUM(INDEX($D$3:$AA$30,INDEX(Jesper!$R$2:$R$366,ROW(INDEX(Jesper!AL$2:AL$366,ROUNDDOWN($C287/24,0)+1,1))-1)+IF('Standard Profiles'!$G$22=$B$10,7,0)+IF('Standard Profiles'!$G$22=$B$17,14,0)+IF('Standard Profiles'!$G$22=$B$24,21,0),0)),0)</f>
        <v>0</v>
      </c>
      <c r="I287">
        <f t="shared" si="41"/>
        <v>0.44621117480387179</v>
      </c>
      <c r="J287">
        <f t="shared" si="42"/>
        <v>1.4873705826795727</v>
      </c>
      <c r="K287">
        <f t="shared" si="43"/>
        <v>2.2310558740193587</v>
      </c>
      <c r="L287">
        <f t="shared" si="44"/>
        <v>10.709068195292922</v>
      </c>
      <c r="M287">
        <f t="shared" si="45"/>
        <v>0</v>
      </c>
      <c r="N287" s="46">
        <f t="shared" si="46"/>
        <v>45302.541666666053</v>
      </c>
    </row>
    <row r="288" spans="2:14" x14ac:dyDescent="0.3">
      <c r="B288">
        <f t="shared" si="40"/>
        <v>4</v>
      </c>
      <c r="C288" s="16">
        <v>254</v>
      </c>
      <c r="D288" cm="1">
        <f t="array" ref="D288">IFERROR(INDEX(Jesper!AH$2:AH$366,ROUNDDOWN($C288/24,0)+1,1)*INDEX($D$3:$AA$30,INDEX(Jesper!$R$2:$R$366,ROW(INDEX(Jesper!AH$2:AH$366,ROUNDDOWN($C288/24,0)+1,1))-1)+IF('Standard Profiles'!$G$18=$B$10,7,0)+IF('Standard Profiles'!$G$18=$B$17,14,0)+IF('Standard Profiles'!$G$18=$B$24,21,0),MOD($C288,24)+1)/SUM(INDEX($D$3:$AA$30,INDEX(Jesper!$R$2:$R$366,ROW(INDEX(Jesper!AH$2:AH$366,ROUNDDOWN($C288/24,0)+1,1))-1)+IF('Standard Profiles'!$G$18=$B$10,7,0)+IF('Standard Profiles'!$G$18=$B$17,14,0)+IF('Standard Profiles'!$G$18=$B$24,21,0),0)),0)</f>
        <v>14.873705826795726</v>
      </c>
      <c r="E288" cm="1">
        <f t="array" ref="E288">IFERROR(INDEX(Jesper!AI$2:AI$366,ROUNDDOWN($C288/24,0)+1,1)*INDEX($D$3:$AA$30,INDEX(Jesper!$R$2:$R$366,ROW(INDEX(Jesper!AI$2:AI$366,ROUNDDOWN($C288/24,0)+1,1))-1)+IF('Standard Profiles'!$G$19=$B$10,7,0)+IF('Standard Profiles'!$G$19=$B$17,14,0)+IF('Standard Profiles'!$G$19=$B$24,21,0),MOD($C288,24)+1)/SUM(INDEX($D$3:$AA$30,INDEX(Jesper!$R$2:$R$366,ROW(INDEX(Jesper!AI$2:AI$366,ROUNDDOWN($C288/24,0)+1,1))-1)+IF('Standard Profiles'!$G$19=$B$10,7,0)+IF('Standard Profiles'!$G$19=$B$17,14,0)+IF('Standard Profiles'!$G$19=$B$24,21,0),0)),0)</f>
        <v>0</v>
      </c>
      <c r="F288" cm="1">
        <f t="array" ref="F288">IFERROR(INDEX(Jesper!AJ$2:AJ$366,ROUNDDOWN($C288/24,0)+1,1)*INDEX($D$3:$AA$30,INDEX(Jesper!$R$2:$R$366,ROW(INDEX(Jesper!AJ$2:AJ$366,ROUNDDOWN($C288/24,0)+1,1))-1)+IF('Standard Profiles'!$G$20=$B$10,7,0)+IF('Standard Profiles'!$G$20=$B$17,14,0)+IF('Standard Profiles'!$G$20=$B$24,21,0),MOD($C288,24)+1)/SUM(INDEX($D$3:$AA$30,INDEX(Jesper!$R$2:$R$366,ROW(INDEX(Jesper!AJ$2:AJ$366,ROUNDDOWN($C288/24,0)+1,1))-1)+IF('Standard Profiles'!$G$20=$B$10,7,0)+IF('Standard Profiles'!$G$20=$B$17,14,0)+IF('Standard Profiles'!$G$20=$B$24,21,0),0)),0)</f>
        <v>0</v>
      </c>
      <c r="G288" cm="1">
        <f t="array" ref="G288">IFERROR(INDEX(Jesper!AK$2:AK$366,ROUNDDOWN($C288/24,0)+1,1)*INDEX($D$3:$AA$30,INDEX(Jesper!$R$2:$R$366,ROW(INDEX(Jesper!AK$2:AK$366,ROUNDDOWN($C288/24,0)+1,1))-1)+IF('Standard Profiles'!$G$21=$B$10,7,0)+IF('Standard Profiles'!$G$21=$B$17,14,0)+IF('Standard Profiles'!$G$21=$B$24,21,0),MOD($C288,24)+1)/SUM(INDEX($D$3:$AA$30,INDEX(Jesper!$R$2:$R$366,ROW(INDEX(Jesper!AK$2:AK$366,ROUNDDOWN($C288/24,0)+1,1))-1)+IF('Standard Profiles'!$G$21=$B$10,7,0)+IF('Standard Profiles'!$G$21=$B$17,14,0)+IF('Standard Profiles'!$G$21=$B$24,21,0),0)),0)</f>
        <v>0</v>
      </c>
      <c r="H288" cm="1">
        <f t="array" ref="H288">IFERROR(INDEX(Jesper!AL$2:AL$366,ROUNDDOWN($C288/24,0)+1,1)*INDEX($D$3:$AA$30,INDEX(Jesper!$R$2:$R$366,ROW(INDEX(Jesper!AL$2:AL$366,ROUNDDOWN($C288/24,0)+1,1))-1)+IF('Standard Profiles'!$G$22=$B$10,7,0)+IF('Standard Profiles'!$G$22=$B$17,14,0)+IF('Standard Profiles'!$G$22=$B$24,21,0),MOD($C288,24)+1)/SUM(INDEX($D$3:$AA$30,INDEX(Jesper!$R$2:$R$366,ROW(INDEX(Jesper!AL$2:AL$366,ROUNDDOWN($C288/24,0)+1,1))-1)+IF('Standard Profiles'!$G$22=$B$10,7,0)+IF('Standard Profiles'!$G$22=$B$17,14,0)+IF('Standard Profiles'!$G$22=$B$24,21,0),0)),0)</f>
        <v>0</v>
      </c>
      <c r="I288">
        <f t="shared" si="41"/>
        <v>0.44621117480387179</v>
      </c>
      <c r="J288">
        <f t="shared" si="42"/>
        <v>1.4873705826795727</v>
      </c>
      <c r="K288">
        <f t="shared" si="43"/>
        <v>2.2310558740193587</v>
      </c>
      <c r="L288">
        <f t="shared" si="44"/>
        <v>10.709068195292922</v>
      </c>
      <c r="M288">
        <f t="shared" si="45"/>
        <v>0</v>
      </c>
      <c r="N288" s="46">
        <f t="shared" si="46"/>
        <v>45302.583333332717</v>
      </c>
    </row>
    <row r="289" spans="2:14" x14ac:dyDescent="0.3">
      <c r="B289">
        <f t="shared" si="40"/>
        <v>4</v>
      </c>
      <c r="C289" s="16">
        <v>255</v>
      </c>
      <c r="D289" cm="1">
        <f t="array" ref="D289">IFERROR(INDEX(Jesper!AH$2:AH$366,ROUNDDOWN($C289/24,0)+1,1)*INDEX($D$3:$AA$30,INDEX(Jesper!$R$2:$R$366,ROW(INDEX(Jesper!AH$2:AH$366,ROUNDDOWN($C289/24,0)+1,1))-1)+IF('Standard Profiles'!$G$18=$B$10,7,0)+IF('Standard Profiles'!$G$18=$B$17,14,0)+IF('Standard Profiles'!$G$18=$B$24,21,0),MOD($C289,24)+1)/SUM(INDEX($D$3:$AA$30,INDEX(Jesper!$R$2:$R$366,ROW(INDEX(Jesper!AH$2:AH$366,ROUNDDOWN($C289/24,0)+1,1))-1)+IF('Standard Profiles'!$G$18=$B$10,7,0)+IF('Standard Profiles'!$G$18=$B$17,14,0)+IF('Standard Profiles'!$G$18=$B$24,21,0),0)),0)</f>
        <v>14.873705826795726</v>
      </c>
      <c r="E289" cm="1">
        <f t="array" ref="E289">IFERROR(INDEX(Jesper!AI$2:AI$366,ROUNDDOWN($C289/24,0)+1,1)*INDEX($D$3:$AA$30,INDEX(Jesper!$R$2:$R$366,ROW(INDEX(Jesper!AI$2:AI$366,ROUNDDOWN($C289/24,0)+1,1))-1)+IF('Standard Profiles'!$G$19=$B$10,7,0)+IF('Standard Profiles'!$G$19=$B$17,14,0)+IF('Standard Profiles'!$G$19=$B$24,21,0),MOD($C289,24)+1)/SUM(INDEX($D$3:$AA$30,INDEX(Jesper!$R$2:$R$366,ROW(INDEX(Jesper!AI$2:AI$366,ROUNDDOWN($C289/24,0)+1,1))-1)+IF('Standard Profiles'!$G$19=$B$10,7,0)+IF('Standard Profiles'!$G$19=$B$17,14,0)+IF('Standard Profiles'!$G$19=$B$24,21,0),0)),0)</f>
        <v>0</v>
      </c>
      <c r="F289" cm="1">
        <f t="array" ref="F289">IFERROR(INDEX(Jesper!AJ$2:AJ$366,ROUNDDOWN($C289/24,0)+1,1)*INDEX($D$3:$AA$30,INDEX(Jesper!$R$2:$R$366,ROW(INDEX(Jesper!AJ$2:AJ$366,ROUNDDOWN($C289/24,0)+1,1))-1)+IF('Standard Profiles'!$G$20=$B$10,7,0)+IF('Standard Profiles'!$G$20=$B$17,14,0)+IF('Standard Profiles'!$G$20=$B$24,21,0),MOD($C289,24)+1)/SUM(INDEX($D$3:$AA$30,INDEX(Jesper!$R$2:$R$366,ROW(INDEX(Jesper!AJ$2:AJ$366,ROUNDDOWN($C289/24,0)+1,1))-1)+IF('Standard Profiles'!$G$20=$B$10,7,0)+IF('Standard Profiles'!$G$20=$B$17,14,0)+IF('Standard Profiles'!$G$20=$B$24,21,0),0)),0)</f>
        <v>0</v>
      </c>
      <c r="G289" cm="1">
        <f t="array" ref="G289">IFERROR(INDEX(Jesper!AK$2:AK$366,ROUNDDOWN($C289/24,0)+1,1)*INDEX($D$3:$AA$30,INDEX(Jesper!$R$2:$R$366,ROW(INDEX(Jesper!AK$2:AK$366,ROUNDDOWN($C289/24,0)+1,1))-1)+IF('Standard Profiles'!$G$21=$B$10,7,0)+IF('Standard Profiles'!$G$21=$B$17,14,0)+IF('Standard Profiles'!$G$21=$B$24,21,0),MOD($C289,24)+1)/SUM(INDEX($D$3:$AA$30,INDEX(Jesper!$R$2:$R$366,ROW(INDEX(Jesper!AK$2:AK$366,ROUNDDOWN($C289/24,0)+1,1))-1)+IF('Standard Profiles'!$G$21=$B$10,7,0)+IF('Standard Profiles'!$G$21=$B$17,14,0)+IF('Standard Profiles'!$G$21=$B$24,21,0),0)),0)</f>
        <v>0</v>
      </c>
      <c r="H289" cm="1">
        <f t="array" ref="H289">IFERROR(INDEX(Jesper!AL$2:AL$366,ROUNDDOWN($C289/24,0)+1,1)*INDEX($D$3:$AA$30,INDEX(Jesper!$R$2:$R$366,ROW(INDEX(Jesper!AL$2:AL$366,ROUNDDOWN($C289/24,0)+1,1))-1)+IF('Standard Profiles'!$G$22=$B$10,7,0)+IF('Standard Profiles'!$G$22=$B$17,14,0)+IF('Standard Profiles'!$G$22=$B$24,21,0),MOD($C289,24)+1)/SUM(INDEX($D$3:$AA$30,INDEX(Jesper!$R$2:$R$366,ROW(INDEX(Jesper!AL$2:AL$366,ROUNDDOWN($C289/24,0)+1,1))-1)+IF('Standard Profiles'!$G$22=$B$10,7,0)+IF('Standard Profiles'!$G$22=$B$17,14,0)+IF('Standard Profiles'!$G$22=$B$24,21,0),0)),0)</f>
        <v>0</v>
      </c>
      <c r="I289">
        <f t="shared" si="41"/>
        <v>0.44621117480387179</v>
      </c>
      <c r="J289">
        <f t="shared" si="42"/>
        <v>1.4873705826795727</v>
      </c>
      <c r="K289">
        <f t="shared" si="43"/>
        <v>2.2310558740193587</v>
      </c>
      <c r="L289">
        <f t="shared" si="44"/>
        <v>10.709068195292922</v>
      </c>
      <c r="M289">
        <f t="shared" si="45"/>
        <v>0</v>
      </c>
      <c r="N289" s="46">
        <f t="shared" si="46"/>
        <v>45302.624999999382</v>
      </c>
    </row>
    <row r="290" spans="2:14" x14ac:dyDescent="0.3">
      <c r="B290">
        <f t="shared" si="40"/>
        <v>4</v>
      </c>
      <c r="C290" s="16">
        <v>256</v>
      </c>
      <c r="D290" cm="1">
        <f t="array" ref="D290">IFERROR(INDEX(Jesper!AH$2:AH$366,ROUNDDOWN($C290/24,0)+1,1)*INDEX($D$3:$AA$30,INDEX(Jesper!$R$2:$R$366,ROW(INDEX(Jesper!AH$2:AH$366,ROUNDDOWN($C290/24,0)+1,1))-1)+IF('Standard Profiles'!$G$18=$B$10,7,0)+IF('Standard Profiles'!$G$18=$B$17,14,0)+IF('Standard Profiles'!$G$18=$B$24,21,0),MOD($C290,24)+1)/SUM(INDEX($D$3:$AA$30,INDEX(Jesper!$R$2:$R$366,ROW(INDEX(Jesper!AH$2:AH$366,ROUNDDOWN($C290/24,0)+1,1))-1)+IF('Standard Profiles'!$G$18=$B$10,7,0)+IF('Standard Profiles'!$G$18=$B$17,14,0)+IF('Standard Profiles'!$G$18=$B$24,21,0),0)),0)</f>
        <v>14.873705826795726</v>
      </c>
      <c r="E290" cm="1">
        <f t="array" ref="E290">IFERROR(INDEX(Jesper!AI$2:AI$366,ROUNDDOWN($C290/24,0)+1,1)*INDEX($D$3:$AA$30,INDEX(Jesper!$R$2:$R$366,ROW(INDEX(Jesper!AI$2:AI$366,ROUNDDOWN($C290/24,0)+1,1))-1)+IF('Standard Profiles'!$G$19=$B$10,7,0)+IF('Standard Profiles'!$G$19=$B$17,14,0)+IF('Standard Profiles'!$G$19=$B$24,21,0),MOD($C290,24)+1)/SUM(INDEX($D$3:$AA$30,INDEX(Jesper!$R$2:$R$366,ROW(INDEX(Jesper!AI$2:AI$366,ROUNDDOWN($C290/24,0)+1,1))-1)+IF('Standard Profiles'!$G$19=$B$10,7,0)+IF('Standard Profiles'!$G$19=$B$17,14,0)+IF('Standard Profiles'!$G$19=$B$24,21,0),0)),0)</f>
        <v>0</v>
      </c>
      <c r="F290" cm="1">
        <f t="array" ref="F290">IFERROR(INDEX(Jesper!AJ$2:AJ$366,ROUNDDOWN($C290/24,0)+1,1)*INDEX($D$3:$AA$30,INDEX(Jesper!$R$2:$R$366,ROW(INDEX(Jesper!AJ$2:AJ$366,ROUNDDOWN($C290/24,0)+1,1))-1)+IF('Standard Profiles'!$G$20=$B$10,7,0)+IF('Standard Profiles'!$G$20=$B$17,14,0)+IF('Standard Profiles'!$G$20=$B$24,21,0),MOD($C290,24)+1)/SUM(INDEX($D$3:$AA$30,INDEX(Jesper!$R$2:$R$366,ROW(INDEX(Jesper!AJ$2:AJ$366,ROUNDDOWN($C290/24,0)+1,1))-1)+IF('Standard Profiles'!$G$20=$B$10,7,0)+IF('Standard Profiles'!$G$20=$B$17,14,0)+IF('Standard Profiles'!$G$20=$B$24,21,0),0)),0)</f>
        <v>0</v>
      </c>
      <c r="G290" cm="1">
        <f t="array" ref="G290">IFERROR(INDEX(Jesper!AK$2:AK$366,ROUNDDOWN($C290/24,0)+1,1)*INDEX($D$3:$AA$30,INDEX(Jesper!$R$2:$R$366,ROW(INDEX(Jesper!AK$2:AK$366,ROUNDDOWN($C290/24,0)+1,1))-1)+IF('Standard Profiles'!$G$21=$B$10,7,0)+IF('Standard Profiles'!$G$21=$B$17,14,0)+IF('Standard Profiles'!$G$21=$B$24,21,0),MOD($C290,24)+1)/SUM(INDEX($D$3:$AA$30,INDEX(Jesper!$R$2:$R$366,ROW(INDEX(Jesper!AK$2:AK$366,ROUNDDOWN($C290/24,0)+1,1))-1)+IF('Standard Profiles'!$G$21=$B$10,7,0)+IF('Standard Profiles'!$G$21=$B$17,14,0)+IF('Standard Profiles'!$G$21=$B$24,21,0),0)),0)</f>
        <v>0</v>
      </c>
      <c r="H290" cm="1">
        <f t="array" ref="H290">IFERROR(INDEX(Jesper!AL$2:AL$366,ROUNDDOWN($C290/24,0)+1,1)*INDEX($D$3:$AA$30,INDEX(Jesper!$R$2:$R$366,ROW(INDEX(Jesper!AL$2:AL$366,ROUNDDOWN($C290/24,0)+1,1))-1)+IF('Standard Profiles'!$G$22=$B$10,7,0)+IF('Standard Profiles'!$G$22=$B$17,14,0)+IF('Standard Profiles'!$G$22=$B$24,21,0),MOD($C290,24)+1)/SUM(INDEX($D$3:$AA$30,INDEX(Jesper!$R$2:$R$366,ROW(INDEX(Jesper!AL$2:AL$366,ROUNDDOWN($C290/24,0)+1,1))-1)+IF('Standard Profiles'!$G$22=$B$10,7,0)+IF('Standard Profiles'!$G$22=$B$17,14,0)+IF('Standard Profiles'!$G$22=$B$24,21,0),0)),0)</f>
        <v>0</v>
      </c>
      <c r="I290">
        <f t="shared" si="41"/>
        <v>0.44621117480387179</v>
      </c>
      <c r="J290">
        <f t="shared" si="42"/>
        <v>1.4873705826795727</v>
      </c>
      <c r="K290">
        <f t="shared" si="43"/>
        <v>2.2310558740193587</v>
      </c>
      <c r="L290">
        <f t="shared" si="44"/>
        <v>10.709068195292922</v>
      </c>
      <c r="M290">
        <f t="shared" si="45"/>
        <v>0</v>
      </c>
      <c r="N290" s="46">
        <f t="shared" si="46"/>
        <v>45302.666666666046</v>
      </c>
    </row>
    <row r="291" spans="2:14" x14ac:dyDescent="0.3">
      <c r="B291">
        <f t="shared" ref="B291:B354" si="47">WEEKDAY(N291,2)</f>
        <v>4</v>
      </c>
      <c r="C291" s="16">
        <v>257</v>
      </c>
      <c r="D291" cm="1">
        <f t="array" ref="D291">IFERROR(INDEX(Jesper!AH$2:AH$366,ROUNDDOWN($C291/24,0)+1,1)*INDEX($D$3:$AA$30,INDEX(Jesper!$R$2:$R$366,ROW(INDEX(Jesper!AH$2:AH$366,ROUNDDOWN($C291/24,0)+1,1))-1)+IF('Standard Profiles'!$G$18=$B$10,7,0)+IF('Standard Profiles'!$G$18=$B$17,14,0)+IF('Standard Profiles'!$G$18=$B$24,21,0),MOD($C291,24)+1)/SUM(INDEX($D$3:$AA$30,INDEX(Jesper!$R$2:$R$366,ROW(INDEX(Jesper!AH$2:AH$366,ROUNDDOWN($C291/24,0)+1,1))-1)+IF('Standard Profiles'!$G$18=$B$10,7,0)+IF('Standard Profiles'!$G$18=$B$17,14,0)+IF('Standard Profiles'!$G$18=$B$24,21,0),0)),0)</f>
        <v>14.873705826795726</v>
      </c>
      <c r="E291" cm="1">
        <f t="array" ref="E291">IFERROR(INDEX(Jesper!AI$2:AI$366,ROUNDDOWN($C291/24,0)+1,1)*INDEX($D$3:$AA$30,INDEX(Jesper!$R$2:$R$366,ROW(INDEX(Jesper!AI$2:AI$366,ROUNDDOWN($C291/24,0)+1,1))-1)+IF('Standard Profiles'!$G$19=$B$10,7,0)+IF('Standard Profiles'!$G$19=$B$17,14,0)+IF('Standard Profiles'!$G$19=$B$24,21,0),MOD($C291,24)+1)/SUM(INDEX($D$3:$AA$30,INDEX(Jesper!$R$2:$R$366,ROW(INDEX(Jesper!AI$2:AI$366,ROUNDDOWN($C291/24,0)+1,1))-1)+IF('Standard Profiles'!$G$19=$B$10,7,0)+IF('Standard Profiles'!$G$19=$B$17,14,0)+IF('Standard Profiles'!$G$19=$B$24,21,0),0)),0)</f>
        <v>0</v>
      </c>
      <c r="F291" cm="1">
        <f t="array" ref="F291">IFERROR(INDEX(Jesper!AJ$2:AJ$366,ROUNDDOWN($C291/24,0)+1,1)*INDEX($D$3:$AA$30,INDEX(Jesper!$R$2:$R$366,ROW(INDEX(Jesper!AJ$2:AJ$366,ROUNDDOWN($C291/24,0)+1,1))-1)+IF('Standard Profiles'!$G$20=$B$10,7,0)+IF('Standard Profiles'!$G$20=$B$17,14,0)+IF('Standard Profiles'!$G$20=$B$24,21,0),MOD($C291,24)+1)/SUM(INDEX($D$3:$AA$30,INDEX(Jesper!$R$2:$R$366,ROW(INDEX(Jesper!AJ$2:AJ$366,ROUNDDOWN($C291/24,0)+1,1))-1)+IF('Standard Profiles'!$G$20=$B$10,7,0)+IF('Standard Profiles'!$G$20=$B$17,14,0)+IF('Standard Profiles'!$G$20=$B$24,21,0),0)),0)</f>
        <v>0</v>
      </c>
      <c r="G291" cm="1">
        <f t="array" ref="G291">IFERROR(INDEX(Jesper!AK$2:AK$366,ROUNDDOWN($C291/24,0)+1,1)*INDEX($D$3:$AA$30,INDEX(Jesper!$R$2:$R$366,ROW(INDEX(Jesper!AK$2:AK$366,ROUNDDOWN($C291/24,0)+1,1))-1)+IF('Standard Profiles'!$G$21=$B$10,7,0)+IF('Standard Profiles'!$G$21=$B$17,14,0)+IF('Standard Profiles'!$G$21=$B$24,21,0),MOD($C291,24)+1)/SUM(INDEX($D$3:$AA$30,INDEX(Jesper!$R$2:$R$366,ROW(INDEX(Jesper!AK$2:AK$366,ROUNDDOWN($C291/24,0)+1,1))-1)+IF('Standard Profiles'!$G$21=$B$10,7,0)+IF('Standard Profiles'!$G$21=$B$17,14,0)+IF('Standard Profiles'!$G$21=$B$24,21,0),0)),0)</f>
        <v>0</v>
      </c>
      <c r="H291" cm="1">
        <f t="array" ref="H291">IFERROR(INDEX(Jesper!AL$2:AL$366,ROUNDDOWN($C291/24,0)+1,1)*INDEX($D$3:$AA$30,INDEX(Jesper!$R$2:$R$366,ROW(INDEX(Jesper!AL$2:AL$366,ROUNDDOWN($C291/24,0)+1,1))-1)+IF('Standard Profiles'!$G$22=$B$10,7,0)+IF('Standard Profiles'!$G$22=$B$17,14,0)+IF('Standard Profiles'!$G$22=$B$24,21,0),MOD($C291,24)+1)/SUM(INDEX($D$3:$AA$30,INDEX(Jesper!$R$2:$R$366,ROW(INDEX(Jesper!AL$2:AL$366,ROUNDDOWN($C291/24,0)+1,1))-1)+IF('Standard Profiles'!$G$22=$B$10,7,0)+IF('Standard Profiles'!$G$22=$B$17,14,0)+IF('Standard Profiles'!$G$22=$B$24,21,0),0)),0)</f>
        <v>0</v>
      </c>
      <c r="I291">
        <f t="shared" ref="I291:I354" si="48">IF($B291&lt;6,AC$37*$D291+AC$38*$E291+AC$39*$F291+AC$40*$G291,AC$46*$D291+AC$47*$E291+AC$48*$F291+AC$49*$G291+AC$50*$H291)</f>
        <v>0.44621117480387179</v>
      </c>
      <c r="J291">
        <f t="shared" ref="J291:J354" si="49">IF($B291&lt;6,AD$37*$D291+AD$38*$E291+AD$39*$F291+AD$40*$G291,AD$46*$D291+AD$47*$E291+AD$48*$F291+AD$49*$G291+AD$50*$H291)</f>
        <v>1.4873705826795727</v>
      </c>
      <c r="K291">
        <f t="shared" ref="K291:K354" si="50">IF($B291&lt;6,AE$37*$D291+AE$38*$E291+AE$39*$F291+AE$40*$G291,AE$46*$D291+AE$47*$E291+AE$48*$F291+AE$49*$G291+AE$50*$H291)</f>
        <v>2.2310558740193587</v>
      </c>
      <c r="L291">
        <f t="shared" ref="L291:L354" si="51">IF($B291&lt;6,AF$37*$D291+AF$38*$E291+AF$39*$F291+AF$40*$G291,AF$46*$D291+AF$47*$E291+AF$48*$F291+AF$49*$G291+AF$50*$H291)</f>
        <v>10.709068195292922</v>
      </c>
      <c r="M291">
        <f t="shared" ref="M291:M354" si="52">IF($B291&lt;6,AG$37*$D291+AG$38*$E291+AG$39*$F291+AG$40*$G291,AG$46*$D291+AG$47*$E291+AG$48*$F291+AG$49*$G291+AG$50*$H291)</f>
        <v>0</v>
      </c>
      <c r="N291" s="46">
        <f t="shared" si="46"/>
        <v>45302.70833333271</v>
      </c>
    </row>
    <row r="292" spans="2:14" x14ac:dyDescent="0.3">
      <c r="B292">
        <f t="shared" si="47"/>
        <v>4</v>
      </c>
      <c r="C292" s="16">
        <v>258</v>
      </c>
      <c r="D292" cm="1">
        <f t="array" ref="D292">IFERROR(INDEX(Jesper!AH$2:AH$366,ROUNDDOWN($C292/24,0)+1,1)*INDEX($D$3:$AA$30,INDEX(Jesper!$R$2:$R$366,ROW(INDEX(Jesper!AH$2:AH$366,ROUNDDOWN($C292/24,0)+1,1))-1)+IF('Standard Profiles'!$G$18=$B$10,7,0)+IF('Standard Profiles'!$G$18=$B$17,14,0)+IF('Standard Profiles'!$G$18=$B$24,21,0),MOD($C292,24)+1)/SUM(INDEX($D$3:$AA$30,INDEX(Jesper!$R$2:$R$366,ROW(INDEX(Jesper!AH$2:AH$366,ROUNDDOWN($C292/24,0)+1,1))-1)+IF('Standard Profiles'!$G$18=$B$10,7,0)+IF('Standard Profiles'!$G$18=$B$17,14,0)+IF('Standard Profiles'!$G$18=$B$24,21,0),0)),0)</f>
        <v>14.873705826795726</v>
      </c>
      <c r="E292" cm="1">
        <f t="array" ref="E292">IFERROR(INDEX(Jesper!AI$2:AI$366,ROUNDDOWN($C292/24,0)+1,1)*INDEX($D$3:$AA$30,INDEX(Jesper!$R$2:$R$366,ROW(INDEX(Jesper!AI$2:AI$366,ROUNDDOWN($C292/24,0)+1,1))-1)+IF('Standard Profiles'!$G$19=$B$10,7,0)+IF('Standard Profiles'!$G$19=$B$17,14,0)+IF('Standard Profiles'!$G$19=$B$24,21,0),MOD($C292,24)+1)/SUM(INDEX($D$3:$AA$30,INDEX(Jesper!$R$2:$R$366,ROW(INDEX(Jesper!AI$2:AI$366,ROUNDDOWN($C292/24,0)+1,1))-1)+IF('Standard Profiles'!$G$19=$B$10,7,0)+IF('Standard Profiles'!$G$19=$B$17,14,0)+IF('Standard Profiles'!$G$19=$B$24,21,0),0)),0)</f>
        <v>0</v>
      </c>
      <c r="F292" cm="1">
        <f t="array" ref="F292">IFERROR(INDEX(Jesper!AJ$2:AJ$366,ROUNDDOWN($C292/24,0)+1,1)*INDEX($D$3:$AA$30,INDEX(Jesper!$R$2:$R$366,ROW(INDEX(Jesper!AJ$2:AJ$366,ROUNDDOWN($C292/24,0)+1,1))-1)+IF('Standard Profiles'!$G$20=$B$10,7,0)+IF('Standard Profiles'!$G$20=$B$17,14,0)+IF('Standard Profiles'!$G$20=$B$24,21,0),MOD($C292,24)+1)/SUM(INDEX($D$3:$AA$30,INDEX(Jesper!$R$2:$R$366,ROW(INDEX(Jesper!AJ$2:AJ$366,ROUNDDOWN($C292/24,0)+1,1))-1)+IF('Standard Profiles'!$G$20=$B$10,7,0)+IF('Standard Profiles'!$G$20=$B$17,14,0)+IF('Standard Profiles'!$G$20=$B$24,21,0),0)),0)</f>
        <v>0</v>
      </c>
      <c r="G292" cm="1">
        <f t="array" ref="G292">IFERROR(INDEX(Jesper!AK$2:AK$366,ROUNDDOWN($C292/24,0)+1,1)*INDEX($D$3:$AA$30,INDEX(Jesper!$R$2:$R$366,ROW(INDEX(Jesper!AK$2:AK$366,ROUNDDOWN($C292/24,0)+1,1))-1)+IF('Standard Profiles'!$G$21=$B$10,7,0)+IF('Standard Profiles'!$G$21=$B$17,14,0)+IF('Standard Profiles'!$G$21=$B$24,21,0),MOD($C292,24)+1)/SUM(INDEX($D$3:$AA$30,INDEX(Jesper!$R$2:$R$366,ROW(INDEX(Jesper!AK$2:AK$366,ROUNDDOWN($C292/24,0)+1,1))-1)+IF('Standard Profiles'!$G$21=$B$10,7,0)+IF('Standard Profiles'!$G$21=$B$17,14,0)+IF('Standard Profiles'!$G$21=$B$24,21,0),0)),0)</f>
        <v>0</v>
      </c>
      <c r="H292" cm="1">
        <f t="array" ref="H292">IFERROR(INDEX(Jesper!AL$2:AL$366,ROUNDDOWN($C292/24,0)+1,1)*INDEX($D$3:$AA$30,INDEX(Jesper!$R$2:$R$366,ROW(INDEX(Jesper!AL$2:AL$366,ROUNDDOWN($C292/24,0)+1,1))-1)+IF('Standard Profiles'!$G$22=$B$10,7,0)+IF('Standard Profiles'!$G$22=$B$17,14,0)+IF('Standard Profiles'!$G$22=$B$24,21,0),MOD($C292,24)+1)/SUM(INDEX($D$3:$AA$30,INDEX(Jesper!$R$2:$R$366,ROW(INDEX(Jesper!AL$2:AL$366,ROUNDDOWN($C292/24,0)+1,1))-1)+IF('Standard Profiles'!$G$22=$B$10,7,0)+IF('Standard Profiles'!$G$22=$B$17,14,0)+IF('Standard Profiles'!$G$22=$B$24,21,0),0)),0)</f>
        <v>0</v>
      </c>
      <c r="I292">
        <f t="shared" si="48"/>
        <v>0.44621117480387179</v>
      </c>
      <c r="J292">
        <f t="shared" si="49"/>
        <v>1.4873705826795727</v>
      </c>
      <c r="K292">
        <f t="shared" si="50"/>
        <v>2.2310558740193587</v>
      </c>
      <c r="L292">
        <f t="shared" si="51"/>
        <v>10.709068195292922</v>
      </c>
      <c r="M292">
        <f t="shared" si="52"/>
        <v>0</v>
      </c>
      <c r="N292" s="46">
        <f t="shared" ref="N292:N355" si="53">N291+1/24</f>
        <v>45302.749999999374</v>
      </c>
    </row>
    <row r="293" spans="2:14" x14ac:dyDescent="0.3">
      <c r="B293">
        <f t="shared" si="47"/>
        <v>4</v>
      </c>
      <c r="C293" s="16">
        <v>259</v>
      </c>
      <c r="D293" cm="1">
        <f t="array" ref="D293">IFERROR(INDEX(Jesper!AH$2:AH$366,ROUNDDOWN($C293/24,0)+1,1)*INDEX($D$3:$AA$30,INDEX(Jesper!$R$2:$R$366,ROW(INDEX(Jesper!AH$2:AH$366,ROUNDDOWN($C293/24,0)+1,1))-1)+IF('Standard Profiles'!$G$18=$B$10,7,0)+IF('Standard Profiles'!$G$18=$B$17,14,0)+IF('Standard Profiles'!$G$18=$B$24,21,0),MOD($C293,24)+1)/SUM(INDEX($D$3:$AA$30,INDEX(Jesper!$R$2:$R$366,ROW(INDEX(Jesper!AH$2:AH$366,ROUNDDOWN($C293/24,0)+1,1))-1)+IF('Standard Profiles'!$G$18=$B$10,7,0)+IF('Standard Profiles'!$G$18=$B$17,14,0)+IF('Standard Profiles'!$G$18=$B$24,21,0),0)),0)</f>
        <v>12.394754855663106</v>
      </c>
      <c r="E293" cm="1">
        <f t="array" ref="E293">IFERROR(INDEX(Jesper!AI$2:AI$366,ROUNDDOWN($C293/24,0)+1,1)*INDEX($D$3:$AA$30,INDEX(Jesper!$R$2:$R$366,ROW(INDEX(Jesper!AI$2:AI$366,ROUNDDOWN($C293/24,0)+1,1))-1)+IF('Standard Profiles'!$G$19=$B$10,7,0)+IF('Standard Profiles'!$G$19=$B$17,14,0)+IF('Standard Profiles'!$G$19=$B$24,21,0),MOD($C293,24)+1)/SUM(INDEX($D$3:$AA$30,INDEX(Jesper!$R$2:$R$366,ROW(INDEX(Jesper!AI$2:AI$366,ROUNDDOWN($C293/24,0)+1,1))-1)+IF('Standard Profiles'!$G$19=$B$10,7,0)+IF('Standard Profiles'!$G$19=$B$17,14,0)+IF('Standard Profiles'!$G$19=$B$24,21,0),0)),0)</f>
        <v>0</v>
      </c>
      <c r="F293" cm="1">
        <f t="array" ref="F293">IFERROR(INDEX(Jesper!AJ$2:AJ$366,ROUNDDOWN($C293/24,0)+1,1)*INDEX($D$3:$AA$30,INDEX(Jesper!$R$2:$R$366,ROW(INDEX(Jesper!AJ$2:AJ$366,ROUNDDOWN($C293/24,0)+1,1))-1)+IF('Standard Profiles'!$G$20=$B$10,7,0)+IF('Standard Profiles'!$G$20=$B$17,14,0)+IF('Standard Profiles'!$G$20=$B$24,21,0),MOD($C293,24)+1)/SUM(INDEX($D$3:$AA$30,INDEX(Jesper!$R$2:$R$366,ROW(INDEX(Jesper!AJ$2:AJ$366,ROUNDDOWN($C293/24,0)+1,1))-1)+IF('Standard Profiles'!$G$20=$B$10,7,0)+IF('Standard Profiles'!$G$20=$B$17,14,0)+IF('Standard Profiles'!$G$20=$B$24,21,0),0)),0)</f>
        <v>0</v>
      </c>
      <c r="G293" cm="1">
        <f t="array" ref="G293">IFERROR(INDEX(Jesper!AK$2:AK$366,ROUNDDOWN($C293/24,0)+1,1)*INDEX($D$3:$AA$30,INDEX(Jesper!$R$2:$R$366,ROW(INDEX(Jesper!AK$2:AK$366,ROUNDDOWN($C293/24,0)+1,1))-1)+IF('Standard Profiles'!$G$21=$B$10,7,0)+IF('Standard Profiles'!$G$21=$B$17,14,0)+IF('Standard Profiles'!$G$21=$B$24,21,0),MOD($C293,24)+1)/SUM(INDEX($D$3:$AA$30,INDEX(Jesper!$R$2:$R$366,ROW(INDEX(Jesper!AK$2:AK$366,ROUNDDOWN($C293/24,0)+1,1))-1)+IF('Standard Profiles'!$G$21=$B$10,7,0)+IF('Standard Profiles'!$G$21=$B$17,14,0)+IF('Standard Profiles'!$G$21=$B$24,21,0),0)),0)</f>
        <v>0</v>
      </c>
      <c r="H293" cm="1">
        <f t="array" ref="H293">IFERROR(INDEX(Jesper!AL$2:AL$366,ROUNDDOWN($C293/24,0)+1,1)*INDEX($D$3:$AA$30,INDEX(Jesper!$R$2:$R$366,ROW(INDEX(Jesper!AL$2:AL$366,ROUNDDOWN($C293/24,0)+1,1))-1)+IF('Standard Profiles'!$G$22=$B$10,7,0)+IF('Standard Profiles'!$G$22=$B$17,14,0)+IF('Standard Profiles'!$G$22=$B$24,21,0),MOD($C293,24)+1)/SUM(INDEX($D$3:$AA$30,INDEX(Jesper!$R$2:$R$366,ROW(INDEX(Jesper!AL$2:AL$366,ROUNDDOWN($C293/24,0)+1,1))-1)+IF('Standard Profiles'!$G$22=$B$10,7,0)+IF('Standard Profiles'!$G$22=$B$17,14,0)+IF('Standard Profiles'!$G$22=$B$24,21,0),0)),0)</f>
        <v>0</v>
      </c>
      <c r="I293">
        <f t="shared" si="48"/>
        <v>0.37184264566989317</v>
      </c>
      <c r="J293">
        <f t="shared" si="49"/>
        <v>1.2394754855663106</v>
      </c>
      <c r="K293">
        <f t="shared" si="50"/>
        <v>1.8592132283494658</v>
      </c>
      <c r="L293">
        <f t="shared" si="51"/>
        <v>8.9242234960774365</v>
      </c>
      <c r="M293">
        <f t="shared" si="52"/>
        <v>0</v>
      </c>
      <c r="N293" s="46">
        <f t="shared" si="53"/>
        <v>45302.791666666039</v>
      </c>
    </row>
    <row r="294" spans="2:14" x14ac:dyDescent="0.3">
      <c r="B294">
        <f t="shared" si="47"/>
        <v>4</v>
      </c>
      <c r="C294" s="16">
        <v>260</v>
      </c>
      <c r="D294" cm="1">
        <f t="array" ref="D294">IFERROR(INDEX(Jesper!AH$2:AH$366,ROUNDDOWN($C294/24,0)+1,1)*INDEX($D$3:$AA$30,INDEX(Jesper!$R$2:$R$366,ROW(INDEX(Jesper!AH$2:AH$366,ROUNDDOWN($C294/24,0)+1,1))-1)+IF('Standard Profiles'!$G$18=$B$10,7,0)+IF('Standard Profiles'!$G$18=$B$17,14,0)+IF('Standard Profiles'!$G$18=$B$24,21,0),MOD($C294,24)+1)/SUM(INDEX($D$3:$AA$30,INDEX(Jesper!$R$2:$R$366,ROW(INDEX(Jesper!AH$2:AH$366,ROUNDDOWN($C294/24,0)+1,1))-1)+IF('Standard Profiles'!$G$18=$B$10,7,0)+IF('Standard Profiles'!$G$18=$B$17,14,0)+IF('Standard Profiles'!$G$18=$B$24,21,0),0)),0)</f>
        <v>9.9158038845304848</v>
      </c>
      <c r="E294" cm="1">
        <f t="array" ref="E294">IFERROR(INDEX(Jesper!AI$2:AI$366,ROUNDDOWN($C294/24,0)+1,1)*INDEX($D$3:$AA$30,INDEX(Jesper!$R$2:$R$366,ROW(INDEX(Jesper!AI$2:AI$366,ROUNDDOWN($C294/24,0)+1,1))-1)+IF('Standard Profiles'!$G$19=$B$10,7,0)+IF('Standard Profiles'!$G$19=$B$17,14,0)+IF('Standard Profiles'!$G$19=$B$24,21,0),MOD($C294,24)+1)/SUM(INDEX($D$3:$AA$30,INDEX(Jesper!$R$2:$R$366,ROW(INDEX(Jesper!AI$2:AI$366,ROUNDDOWN($C294/24,0)+1,1))-1)+IF('Standard Profiles'!$G$19=$B$10,7,0)+IF('Standard Profiles'!$G$19=$B$17,14,0)+IF('Standard Profiles'!$G$19=$B$24,21,0),0)),0)</f>
        <v>0</v>
      </c>
      <c r="F294" cm="1">
        <f t="array" ref="F294">IFERROR(INDEX(Jesper!AJ$2:AJ$366,ROUNDDOWN($C294/24,0)+1,1)*INDEX($D$3:$AA$30,INDEX(Jesper!$R$2:$R$366,ROW(INDEX(Jesper!AJ$2:AJ$366,ROUNDDOWN($C294/24,0)+1,1))-1)+IF('Standard Profiles'!$G$20=$B$10,7,0)+IF('Standard Profiles'!$G$20=$B$17,14,0)+IF('Standard Profiles'!$G$20=$B$24,21,0),MOD($C294,24)+1)/SUM(INDEX($D$3:$AA$30,INDEX(Jesper!$R$2:$R$366,ROW(INDEX(Jesper!AJ$2:AJ$366,ROUNDDOWN($C294/24,0)+1,1))-1)+IF('Standard Profiles'!$G$20=$B$10,7,0)+IF('Standard Profiles'!$G$20=$B$17,14,0)+IF('Standard Profiles'!$G$20=$B$24,21,0),0)),0)</f>
        <v>0</v>
      </c>
      <c r="G294" cm="1">
        <f t="array" ref="G294">IFERROR(INDEX(Jesper!AK$2:AK$366,ROUNDDOWN($C294/24,0)+1,1)*INDEX($D$3:$AA$30,INDEX(Jesper!$R$2:$R$366,ROW(INDEX(Jesper!AK$2:AK$366,ROUNDDOWN($C294/24,0)+1,1))-1)+IF('Standard Profiles'!$G$21=$B$10,7,0)+IF('Standard Profiles'!$G$21=$B$17,14,0)+IF('Standard Profiles'!$G$21=$B$24,21,0),MOD($C294,24)+1)/SUM(INDEX($D$3:$AA$30,INDEX(Jesper!$R$2:$R$366,ROW(INDEX(Jesper!AK$2:AK$366,ROUNDDOWN($C294/24,0)+1,1))-1)+IF('Standard Profiles'!$G$21=$B$10,7,0)+IF('Standard Profiles'!$G$21=$B$17,14,0)+IF('Standard Profiles'!$G$21=$B$24,21,0),0)),0)</f>
        <v>0</v>
      </c>
      <c r="H294" cm="1">
        <f t="array" ref="H294">IFERROR(INDEX(Jesper!AL$2:AL$366,ROUNDDOWN($C294/24,0)+1,1)*INDEX($D$3:$AA$30,INDEX(Jesper!$R$2:$R$366,ROW(INDEX(Jesper!AL$2:AL$366,ROUNDDOWN($C294/24,0)+1,1))-1)+IF('Standard Profiles'!$G$22=$B$10,7,0)+IF('Standard Profiles'!$G$22=$B$17,14,0)+IF('Standard Profiles'!$G$22=$B$24,21,0),MOD($C294,24)+1)/SUM(INDEX($D$3:$AA$30,INDEX(Jesper!$R$2:$R$366,ROW(INDEX(Jesper!AL$2:AL$366,ROUNDDOWN($C294/24,0)+1,1))-1)+IF('Standard Profiles'!$G$22=$B$10,7,0)+IF('Standard Profiles'!$G$22=$B$17,14,0)+IF('Standard Profiles'!$G$22=$B$24,21,0),0)),0)</f>
        <v>0</v>
      </c>
      <c r="I294">
        <f t="shared" si="48"/>
        <v>0.29747411653591455</v>
      </c>
      <c r="J294">
        <f t="shared" si="49"/>
        <v>0.99158038845304852</v>
      </c>
      <c r="K294">
        <f t="shared" si="50"/>
        <v>1.4873705826795727</v>
      </c>
      <c r="L294">
        <f t="shared" si="51"/>
        <v>7.1393787968619487</v>
      </c>
      <c r="M294">
        <f t="shared" si="52"/>
        <v>0</v>
      </c>
      <c r="N294" s="46">
        <f t="shared" si="53"/>
        <v>45302.833333332703</v>
      </c>
    </row>
    <row r="295" spans="2:14" x14ac:dyDescent="0.3">
      <c r="B295">
        <f t="shared" si="47"/>
        <v>4</v>
      </c>
      <c r="C295" s="16">
        <v>261</v>
      </c>
      <c r="D295" cm="1">
        <f t="array" ref="D295">IFERROR(INDEX(Jesper!AH$2:AH$366,ROUNDDOWN($C295/24,0)+1,1)*INDEX($D$3:$AA$30,INDEX(Jesper!$R$2:$R$366,ROW(INDEX(Jesper!AH$2:AH$366,ROUNDDOWN($C295/24,0)+1,1))-1)+IF('Standard Profiles'!$G$18=$B$10,7,0)+IF('Standard Profiles'!$G$18=$B$17,14,0)+IF('Standard Profiles'!$G$18=$B$24,21,0),MOD($C295,24)+1)/SUM(INDEX($D$3:$AA$30,INDEX(Jesper!$R$2:$R$366,ROW(INDEX(Jesper!AH$2:AH$366,ROUNDDOWN($C295/24,0)+1,1))-1)+IF('Standard Profiles'!$G$18=$B$10,7,0)+IF('Standard Profiles'!$G$18=$B$17,14,0)+IF('Standard Profiles'!$G$18=$B$24,21,0),0)),0)</f>
        <v>7.4368529133978631</v>
      </c>
      <c r="E295" cm="1">
        <f t="array" ref="E295">IFERROR(INDEX(Jesper!AI$2:AI$366,ROUNDDOWN($C295/24,0)+1,1)*INDEX($D$3:$AA$30,INDEX(Jesper!$R$2:$R$366,ROW(INDEX(Jesper!AI$2:AI$366,ROUNDDOWN($C295/24,0)+1,1))-1)+IF('Standard Profiles'!$G$19=$B$10,7,0)+IF('Standard Profiles'!$G$19=$B$17,14,0)+IF('Standard Profiles'!$G$19=$B$24,21,0),MOD($C295,24)+1)/SUM(INDEX($D$3:$AA$30,INDEX(Jesper!$R$2:$R$366,ROW(INDEX(Jesper!AI$2:AI$366,ROUNDDOWN($C295/24,0)+1,1))-1)+IF('Standard Profiles'!$G$19=$B$10,7,0)+IF('Standard Profiles'!$G$19=$B$17,14,0)+IF('Standard Profiles'!$G$19=$B$24,21,0),0)),0)</f>
        <v>0</v>
      </c>
      <c r="F295" cm="1">
        <f t="array" ref="F295">IFERROR(INDEX(Jesper!AJ$2:AJ$366,ROUNDDOWN($C295/24,0)+1,1)*INDEX($D$3:$AA$30,INDEX(Jesper!$R$2:$R$366,ROW(INDEX(Jesper!AJ$2:AJ$366,ROUNDDOWN($C295/24,0)+1,1))-1)+IF('Standard Profiles'!$G$20=$B$10,7,0)+IF('Standard Profiles'!$G$20=$B$17,14,0)+IF('Standard Profiles'!$G$20=$B$24,21,0),MOD($C295,24)+1)/SUM(INDEX($D$3:$AA$30,INDEX(Jesper!$R$2:$R$366,ROW(INDEX(Jesper!AJ$2:AJ$366,ROUNDDOWN($C295/24,0)+1,1))-1)+IF('Standard Profiles'!$G$20=$B$10,7,0)+IF('Standard Profiles'!$G$20=$B$17,14,0)+IF('Standard Profiles'!$G$20=$B$24,21,0),0)),0)</f>
        <v>0</v>
      </c>
      <c r="G295" cm="1">
        <f t="array" ref="G295">IFERROR(INDEX(Jesper!AK$2:AK$366,ROUNDDOWN($C295/24,0)+1,1)*INDEX($D$3:$AA$30,INDEX(Jesper!$R$2:$R$366,ROW(INDEX(Jesper!AK$2:AK$366,ROUNDDOWN($C295/24,0)+1,1))-1)+IF('Standard Profiles'!$G$21=$B$10,7,0)+IF('Standard Profiles'!$G$21=$B$17,14,0)+IF('Standard Profiles'!$G$21=$B$24,21,0),MOD($C295,24)+1)/SUM(INDEX($D$3:$AA$30,INDEX(Jesper!$R$2:$R$366,ROW(INDEX(Jesper!AK$2:AK$366,ROUNDDOWN($C295/24,0)+1,1))-1)+IF('Standard Profiles'!$G$21=$B$10,7,0)+IF('Standard Profiles'!$G$21=$B$17,14,0)+IF('Standard Profiles'!$G$21=$B$24,21,0),0)),0)</f>
        <v>0</v>
      </c>
      <c r="H295" cm="1">
        <f t="array" ref="H295">IFERROR(INDEX(Jesper!AL$2:AL$366,ROUNDDOWN($C295/24,0)+1,1)*INDEX($D$3:$AA$30,INDEX(Jesper!$R$2:$R$366,ROW(INDEX(Jesper!AL$2:AL$366,ROUNDDOWN($C295/24,0)+1,1))-1)+IF('Standard Profiles'!$G$22=$B$10,7,0)+IF('Standard Profiles'!$G$22=$B$17,14,0)+IF('Standard Profiles'!$G$22=$B$24,21,0),MOD($C295,24)+1)/SUM(INDEX($D$3:$AA$30,INDEX(Jesper!$R$2:$R$366,ROW(INDEX(Jesper!AL$2:AL$366,ROUNDDOWN($C295/24,0)+1,1))-1)+IF('Standard Profiles'!$G$22=$B$10,7,0)+IF('Standard Profiles'!$G$22=$B$17,14,0)+IF('Standard Profiles'!$G$22=$B$24,21,0),0)),0)</f>
        <v>0</v>
      </c>
      <c r="I295">
        <f t="shared" si="48"/>
        <v>0.2231055874019359</v>
      </c>
      <c r="J295">
        <f t="shared" si="49"/>
        <v>0.74368529133978634</v>
      </c>
      <c r="K295">
        <f t="shared" si="50"/>
        <v>1.1155279370096793</v>
      </c>
      <c r="L295">
        <f t="shared" si="51"/>
        <v>5.3545340976464608</v>
      </c>
      <c r="M295">
        <f t="shared" si="52"/>
        <v>0</v>
      </c>
      <c r="N295" s="46">
        <f t="shared" si="53"/>
        <v>45302.874999999367</v>
      </c>
    </row>
    <row r="296" spans="2:14" x14ac:dyDescent="0.3">
      <c r="B296">
        <f t="shared" si="47"/>
        <v>4</v>
      </c>
      <c r="C296" s="16">
        <v>262</v>
      </c>
      <c r="D296" cm="1">
        <f t="array" ref="D296">IFERROR(INDEX(Jesper!AH$2:AH$366,ROUNDDOWN($C296/24,0)+1,1)*INDEX($D$3:$AA$30,INDEX(Jesper!$R$2:$R$366,ROW(INDEX(Jesper!AH$2:AH$366,ROUNDDOWN($C296/24,0)+1,1))-1)+IF('Standard Profiles'!$G$18=$B$10,7,0)+IF('Standard Profiles'!$G$18=$B$17,14,0)+IF('Standard Profiles'!$G$18=$B$24,21,0),MOD($C296,24)+1)/SUM(INDEX($D$3:$AA$30,INDEX(Jesper!$R$2:$R$366,ROW(INDEX(Jesper!AH$2:AH$366,ROUNDDOWN($C296/24,0)+1,1))-1)+IF('Standard Profiles'!$G$18=$B$10,7,0)+IF('Standard Profiles'!$G$18=$B$17,14,0)+IF('Standard Profiles'!$G$18=$B$24,21,0),0)),0)</f>
        <v>7.4368529133978631</v>
      </c>
      <c r="E296" cm="1">
        <f t="array" ref="E296">IFERROR(INDEX(Jesper!AI$2:AI$366,ROUNDDOWN($C296/24,0)+1,1)*INDEX($D$3:$AA$30,INDEX(Jesper!$R$2:$R$366,ROW(INDEX(Jesper!AI$2:AI$366,ROUNDDOWN($C296/24,0)+1,1))-1)+IF('Standard Profiles'!$G$19=$B$10,7,0)+IF('Standard Profiles'!$G$19=$B$17,14,0)+IF('Standard Profiles'!$G$19=$B$24,21,0),MOD($C296,24)+1)/SUM(INDEX($D$3:$AA$30,INDEX(Jesper!$R$2:$R$366,ROW(INDEX(Jesper!AI$2:AI$366,ROUNDDOWN($C296/24,0)+1,1))-1)+IF('Standard Profiles'!$G$19=$B$10,7,0)+IF('Standard Profiles'!$G$19=$B$17,14,0)+IF('Standard Profiles'!$G$19=$B$24,21,0),0)),0)</f>
        <v>0</v>
      </c>
      <c r="F296" cm="1">
        <f t="array" ref="F296">IFERROR(INDEX(Jesper!AJ$2:AJ$366,ROUNDDOWN($C296/24,0)+1,1)*INDEX($D$3:$AA$30,INDEX(Jesper!$R$2:$R$366,ROW(INDEX(Jesper!AJ$2:AJ$366,ROUNDDOWN($C296/24,0)+1,1))-1)+IF('Standard Profiles'!$G$20=$B$10,7,0)+IF('Standard Profiles'!$G$20=$B$17,14,0)+IF('Standard Profiles'!$G$20=$B$24,21,0),MOD($C296,24)+1)/SUM(INDEX($D$3:$AA$30,INDEX(Jesper!$R$2:$R$366,ROW(INDEX(Jesper!AJ$2:AJ$366,ROUNDDOWN($C296/24,0)+1,1))-1)+IF('Standard Profiles'!$G$20=$B$10,7,0)+IF('Standard Profiles'!$G$20=$B$17,14,0)+IF('Standard Profiles'!$G$20=$B$24,21,0),0)),0)</f>
        <v>0</v>
      </c>
      <c r="G296" cm="1">
        <f t="array" ref="G296">IFERROR(INDEX(Jesper!AK$2:AK$366,ROUNDDOWN($C296/24,0)+1,1)*INDEX($D$3:$AA$30,INDEX(Jesper!$R$2:$R$366,ROW(INDEX(Jesper!AK$2:AK$366,ROUNDDOWN($C296/24,0)+1,1))-1)+IF('Standard Profiles'!$G$21=$B$10,7,0)+IF('Standard Profiles'!$G$21=$B$17,14,0)+IF('Standard Profiles'!$G$21=$B$24,21,0),MOD($C296,24)+1)/SUM(INDEX($D$3:$AA$30,INDEX(Jesper!$R$2:$R$366,ROW(INDEX(Jesper!AK$2:AK$366,ROUNDDOWN($C296/24,0)+1,1))-1)+IF('Standard Profiles'!$G$21=$B$10,7,0)+IF('Standard Profiles'!$G$21=$B$17,14,0)+IF('Standard Profiles'!$G$21=$B$24,21,0),0)),0)</f>
        <v>0</v>
      </c>
      <c r="H296" cm="1">
        <f t="array" ref="H296">IFERROR(INDEX(Jesper!AL$2:AL$366,ROUNDDOWN($C296/24,0)+1,1)*INDEX($D$3:$AA$30,INDEX(Jesper!$R$2:$R$366,ROW(INDEX(Jesper!AL$2:AL$366,ROUNDDOWN($C296/24,0)+1,1))-1)+IF('Standard Profiles'!$G$22=$B$10,7,0)+IF('Standard Profiles'!$G$22=$B$17,14,0)+IF('Standard Profiles'!$G$22=$B$24,21,0),MOD($C296,24)+1)/SUM(INDEX($D$3:$AA$30,INDEX(Jesper!$R$2:$R$366,ROW(INDEX(Jesper!AL$2:AL$366,ROUNDDOWN($C296/24,0)+1,1))-1)+IF('Standard Profiles'!$G$22=$B$10,7,0)+IF('Standard Profiles'!$G$22=$B$17,14,0)+IF('Standard Profiles'!$G$22=$B$24,21,0),0)),0)</f>
        <v>0</v>
      </c>
      <c r="I296">
        <f t="shared" si="48"/>
        <v>0.2231055874019359</v>
      </c>
      <c r="J296">
        <f t="shared" si="49"/>
        <v>0.74368529133978634</v>
      </c>
      <c r="K296">
        <f t="shared" si="50"/>
        <v>1.1155279370096793</v>
      </c>
      <c r="L296">
        <f t="shared" si="51"/>
        <v>5.3545340976464608</v>
      </c>
      <c r="M296">
        <f t="shared" si="52"/>
        <v>0</v>
      </c>
      <c r="N296" s="46">
        <f t="shared" si="53"/>
        <v>45302.916666666031</v>
      </c>
    </row>
    <row r="297" spans="2:14" x14ac:dyDescent="0.3">
      <c r="B297">
        <f t="shared" si="47"/>
        <v>4</v>
      </c>
      <c r="C297" s="16">
        <v>263</v>
      </c>
      <c r="D297" cm="1">
        <f t="array" ref="D297">IFERROR(INDEX(Jesper!AH$2:AH$366,ROUNDDOWN($C297/24,0)+1,1)*INDEX($D$3:$AA$30,INDEX(Jesper!$R$2:$R$366,ROW(INDEX(Jesper!AH$2:AH$366,ROUNDDOWN($C297/24,0)+1,1))-1)+IF('Standard Profiles'!$G$18=$B$10,7,0)+IF('Standard Profiles'!$G$18=$B$17,14,0)+IF('Standard Profiles'!$G$18=$B$24,21,0),MOD($C297,24)+1)/SUM(INDEX($D$3:$AA$30,INDEX(Jesper!$R$2:$R$366,ROW(INDEX(Jesper!AH$2:AH$366,ROUNDDOWN($C297/24,0)+1,1))-1)+IF('Standard Profiles'!$G$18=$B$10,7,0)+IF('Standard Profiles'!$G$18=$B$17,14,0)+IF('Standard Profiles'!$G$18=$B$24,21,0),0)),0)</f>
        <v>7.4368529133978631</v>
      </c>
      <c r="E297" cm="1">
        <f t="array" ref="E297">IFERROR(INDEX(Jesper!AI$2:AI$366,ROUNDDOWN($C297/24,0)+1,1)*INDEX($D$3:$AA$30,INDEX(Jesper!$R$2:$R$366,ROW(INDEX(Jesper!AI$2:AI$366,ROUNDDOWN($C297/24,0)+1,1))-1)+IF('Standard Profiles'!$G$19=$B$10,7,0)+IF('Standard Profiles'!$G$19=$B$17,14,0)+IF('Standard Profiles'!$G$19=$B$24,21,0),MOD($C297,24)+1)/SUM(INDEX($D$3:$AA$30,INDEX(Jesper!$R$2:$R$366,ROW(INDEX(Jesper!AI$2:AI$366,ROUNDDOWN($C297/24,0)+1,1))-1)+IF('Standard Profiles'!$G$19=$B$10,7,0)+IF('Standard Profiles'!$G$19=$B$17,14,0)+IF('Standard Profiles'!$G$19=$B$24,21,0),0)),0)</f>
        <v>0</v>
      </c>
      <c r="F297" cm="1">
        <f t="array" ref="F297">IFERROR(INDEX(Jesper!AJ$2:AJ$366,ROUNDDOWN($C297/24,0)+1,1)*INDEX($D$3:$AA$30,INDEX(Jesper!$R$2:$R$366,ROW(INDEX(Jesper!AJ$2:AJ$366,ROUNDDOWN($C297/24,0)+1,1))-1)+IF('Standard Profiles'!$G$20=$B$10,7,0)+IF('Standard Profiles'!$G$20=$B$17,14,0)+IF('Standard Profiles'!$G$20=$B$24,21,0),MOD($C297,24)+1)/SUM(INDEX($D$3:$AA$30,INDEX(Jesper!$R$2:$R$366,ROW(INDEX(Jesper!AJ$2:AJ$366,ROUNDDOWN($C297/24,0)+1,1))-1)+IF('Standard Profiles'!$G$20=$B$10,7,0)+IF('Standard Profiles'!$G$20=$B$17,14,0)+IF('Standard Profiles'!$G$20=$B$24,21,0),0)),0)</f>
        <v>0</v>
      </c>
      <c r="G297" cm="1">
        <f t="array" ref="G297">IFERROR(INDEX(Jesper!AK$2:AK$366,ROUNDDOWN($C297/24,0)+1,1)*INDEX($D$3:$AA$30,INDEX(Jesper!$R$2:$R$366,ROW(INDEX(Jesper!AK$2:AK$366,ROUNDDOWN($C297/24,0)+1,1))-1)+IF('Standard Profiles'!$G$21=$B$10,7,0)+IF('Standard Profiles'!$G$21=$B$17,14,0)+IF('Standard Profiles'!$G$21=$B$24,21,0),MOD($C297,24)+1)/SUM(INDEX($D$3:$AA$30,INDEX(Jesper!$R$2:$R$366,ROW(INDEX(Jesper!AK$2:AK$366,ROUNDDOWN($C297/24,0)+1,1))-1)+IF('Standard Profiles'!$G$21=$B$10,7,0)+IF('Standard Profiles'!$G$21=$B$17,14,0)+IF('Standard Profiles'!$G$21=$B$24,21,0),0)),0)</f>
        <v>0</v>
      </c>
      <c r="H297" cm="1">
        <f t="array" ref="H297">IFERROR(INDEX(Jesper!AL$2:AL$366,ROUNDDOWN($C297/24,0)+1,1)*INDEX($D$3:$AA$30,INDEX(Jesper!$R$2:$R$366,ROW(INDEX(Jesper!AL$2:AL$366,ROUNDDOWN($C297/24,0)+1,1))-1)+IF('Standard Profiles'!$G$22=$B$10,7,0)+IF('Standard Profiles'!$G$22=$B$17,14,0)+IF('Standard Profiles'!$G$22=$B$24,21,0),MOD($C297,24)+1)/SUM(INDEX($D$3:$AA$30,INDEX(Jesper!$R$2:$R$366,ROW(INDEX(Jesper!AL$2:AL$366,ROUNDDOWN($C297/24,0)+1,1))-1)+IF('Standard Profiles'!$G$22=$B$10,7,0)+IF('Standard Profiles'!$G$22=$B$17,14,0)+IF('Standard Profiles'!$G$22=$B$24,21,0),0)),0)</f>
        <v>0</v>
      </c>
      <c r="I297">
        <f t="shared" si="48"/>
        <v>0.2231055874019359</v>
      </c>
      <c r="J297">
        <f t="shared" si="49"/>
        <v>0.74368529133978634</v>
      </c>
      <c r="K297">
        <f t="shared" si="50"/>
        <v>1.1155279370096793</v>
      </c>
      <c r="L297">
        <f t="shared" si="51"/>
        <v>5.3545340976464608</v>
      </c>
      <c r="M297">
        <f t="shared" si="52"/>
        <v>0</v>
      </c>
      <c r="N297" s="46">
        <f t="shared" si="53"/>
        <v>45302.958333332695</v>
      </c>
    </row>
    <row r="298" spans="2:14" x14ac:dyDescent="0.3">
      <c r="B298">
        <f t="shared" si="47"/>
        <v>5</v>
      </c>
      <c r="C298" s="16">
        <v>264</v>
      </c>
      <c r="D298" cm="1">
        <f t="array" ref="D298">IFERROR(INDEX(Jesper!AH$2:AH$366,ROUNDDOWN($C298/24,0)+1,1)*INDEX($D$3:$AA$30,INDEX(Jesper!$R$2:$R$366,ROW(INDEX(Jesper!AH$2:AH$366,ROUNDDOWN($C298/24,0)+1,1))-1)+IF('Standard Profiles'!$G$18=$B$10,7,0)+IF('Standard Profiles'!$G$18=$B$17,14,0)+IF('Standard Profiles'!$G$18=$B$24,21,0),MOD($C298,24)+1)/SUM(INDEX($D$3:$AA$30,INDEX(Jesper!$R$2:$R$366,ROW(INDEX(Jesper!AH$2:AH$366,ROUNDDOWN($C298/24,0)+1,1))-1)+IF('Standard Profiles'!$G$18=$B$10,7,0)+IF('Standard Profiles'!$G$18=$B$17,14,0)+IF('Standard Profiles'!$G$18=$B$24,21,0),0)),0)</f>
        <v>8.1834552312415987</v>
      </c>
      <c r="E298" cm="1">
        <f t="array" ref="E298">IFERROR(INDEX(Jesper!AI$2:AI$366,ROUNDDOWN($C298/24,0)+1,1)*INDEX($D$3:$AA$30,INDEX(Jesper!$R$2:$R$366,ROW(INDEX(Jesper!AI$2:AI$366,ROUNDDOWN($C298/24,0)+1,1))-1)+IF('Standard Profiles'!$G$19=$B$10,7,0)+IF('Standard Profiles'!$G$19=$B$17,14,0)+IF('Standard Profiles'!$G$19=$B$24,21,0),MOD($C298,24)+1)/SUM(INDEX($D$3:$AA$30,INDEX(Jesper!$R$2:$R$366,ROW(INDEX(Jesper!AI$2:AI$366,ROUNDDOWN($C298/24,0)+1,1))-1)+IF('Standard Profiles'!$G$19=$B$10,7,0)+IF('Standard Profiles'!$G$19=$B$17,14,0)+IF('Standard Profiles'!$G$19=$B$24,21,0),0)),0)</f>
        <v>0</v>
      </c>
      <c r="F298" cm="1">
        <f t="array" ref="F298">IFERROR(INDEX(Jesper!AJ$2:AJ$366,ROUNDDOWN($C298/24,0)+1,1)*INDEX($D$3:$AA$30,INDEX(Jesper!$R$2:$R$366,ROW(INDEX(Jesper!AJ$2:AJ$366,ROUNDDOWN($C298/24,0)+1,1))-1)+IF('Standard Profiles'!$G$20=$B$10,7,0)+IF('Standard Profiles'!$G$20=$B$17,14,0)+IF('Standard Profiles'!$G$20=$B$24,21,0),MOD($C298,24)+1)/SUM(INDEX($D$3:$AA$30,INDEX(Jesper!$R$2:$R$366,ROW(INDEX(Jesper!AJ$2:AJ$366,ROUNDDOWN($C298/24,0)+1,1))-1)+IF('Standard Profiles'!$G$20=$B$10,7,0)+IF('Standard Profiles'!$G$20=$B$17,14,0)+IF('Standard Profiles'!$G$20=$B$24,21,0),0)),0)</f>
        <v>0</v>
      </c>
      <c r="G298" cm="1">
        <f t="array" ref="G298">IFERROR(INDEX(Jesper!AK$2:AK$366,ROUNDDOWN($C298/24,0)+1,1)*INDEX($D$3:$AA$30,INDEX(Jesper!$R$2:$R$366,ROW(INDEX(Jesper!AK$2:AK$366,ROUNDDOWN($C298/24,0)+1,1))-1)+IF('Standard Profiles'!$G$21=$B$10,7,0)+IF('Standard Profiles'!$G$21=$B$17,14,0)+IF('Standard Profiles'!$G$21=$B$24,21,0),MOD($C298,24)+1)/SUM(INDEX($D$3:$AA$30,INDEX(Jesper!$R$2:$R$366,ROW(INDEX(Jesper!AK$2:AK$366,ROUNDDOWN($C298/24,0)+1,1))-1)+IF('Standard Profiles'!$G$21=$B$10,7,0)+IF('Standard Profiles'!$G$21=$B$17,14,0)+IF('Standard Profiles'!$G$21=$B$24,21,0),0)),0)</f>
        <v>0</v>
      </c>
      <c r="H298" cm="1">
        <f t="array" ref="H298">IFERROR(INDEX(Jesper!AL$2:AL$366,ROUNDDOWN($C298/24,0)+1,1)*INDEX($D$3:$AA$30,INDEX(Jesper!$R$2:$R$366,ROW(INDEX(Jesper!AL$2:AL$366,ROUNDDOWN($C298/24,0)+1,1))-1)+IF('Standard Profiles'!$G$22=$B$10,7,0)+IF('Standard Profiles'!$G$22=$B$17,14,0)+IF('Standard Profiles'!$G$22=$B$24,21,0),MOD($C298,24)+1)/SUM(INDEX($D$3:$AA$30,INDEX(Jesper!$R$2:$R$366,ROW(INDEX(Jesper!AL$2:AL$366,ROUNDDOWN($C298/24,0)+1,1))-1)+IF('Standard Profiles'!$G$22=$B$10,7,0)+IF('Standard Profiles'!$G$22=$B$17,14,0)+IF('Standard Profiles'!$G$22=$B$24,21,0),0)),0)</f>
        <v>0</v>
      </c>
      <c r="I298">
        <f t="shared" si="48"/>
        <v>0.24550365693724796</v>
      </c>
      <c r="J298">
        <f t="shared" si="49"/>
        <v>0.81834552312415987</v>
      </c>
      <c r="K298">
        <f t="shared" si="50"/>
        <v>1.2275182846862398</v>
      </c>
      <c r="L298">
        <f t="shared" si="51"/>
        <v>5.8920877664939511</v>
      </c>
      <c r="M298">
        <f t="shared" si="52"/>
        <v>0</v>
      </c>
      <c r="N298" s="46">
        <f t="shared" si="53"/>
        <v>45302.99999999936</v>
      </c>
    </row>
    <row r="299" spans="2:14" x14ac:dyDescent="0.3">
      <c r="B299">
        <f t="shared" si="47"/>
        <v>5</v>
      </c>
      <c r="C299" s="16">
        <v>265</v>
      </c>
      <c r="D299" cm="1">
        <f t="array" ref="D299">IFERROR(INDEX(Jesper!AH$2:AH$366,ROUNDDOWN($C299/24,0)+1,1)*INDEX($D$3:$AA$30,INDEX(Jesper!$R$2:$R$366,ROW(INDEX(Jesper!AH$2:AH$366,ROUNDDOWN($C299/24,0)+1,1))-1)+IF('Standard Profiles'!$G$18=$B$10,7,0)+IF('Standard Profiles'!$G$18=$B$17,14,0)+IF('Standard Profiles'!$G$18=$B$24,21,0),MOD($C299,24)+1)/SUM(INDEX($D$3:$AA$30,INDEX(Jesper!$R$2:$R$366,ROW(INDEX(Jesper!AH$2:AH$366,ROUNDDOWN($C299/24,0)+1,1))-1)+IF('Standard Profiles'!$G$18=$B$10,7,0)+IF('Standard Profiles'!$G$18=$B$17,14,0)+IF('Standard Profiles'!$G$18=$B$24,21,0),0)),0)</f>
        <v>8.1834552312415987</v>
      </c>
      <c r="E299" cm="1">
        <f t="array" ref="E299">IFERROR(INDEX(Jesper!AI$2:AI$366,ROUNDDOWN($C299/24,0)+1,1)*INDEX($D$3:$AA$30,INDEX(Jesper!$R$2:$R$366,ROW(INDEX(Jesper!AI$2:AI$366,ROUNDDOWN($C299/24,0)+1,1))-1)+IF('Standard Profiles'!$G$19=$B$10,7,0)+IF('Standard Profiles'!$G$19=$B$17,14,0)+IF('Standard Profiles'!$G$19=$B$24,21,0),MOD($C299,24)+1)/SUM(INDEX($D$3:$AA$30,INDEX(Jesper!$R$2:$R$366,ROW(INDEX(Jesper!AI$2:AI$366,ROUNDDOWN($C299/24,0)+1,1))-1)+IF('Standard Profiles'!$G$19=$B$10,7,0)+IF('Standard Profiles'!$G$19=$B$17,14,0)+IF('Standard Profiles'!$G$19=$B$24,21,0),0)),0)</f>
        <v>0</v>
      </c>
      <c r="F299" cm="1">
        <f t="array" ref="F299">IFERROR(INDEX(Jesper!AJ$2:AJ$366,ROUNDDOWN($C299/24,0)+1,1)*INDEX($D$3:$AA$30,INDEX(Jesper!$R$2:$R$366,ROW(INDEX(Jesper!AJ$2:AJ$366,ROUNDDOWN($C299/24,0)+1,1))-1)+IF('Standard Profiles'!$G$20=$B$10,7,0)+IF('Standard Profiles'!$G$20=$B$17,14,0)+IF('Standard Profiles'!$G$20=$B$24,21,0),MOD($C299,24)+1)/SUM(INDEX($D$3:$AA$30,INDEX(Jesper!$R$2:$R$366,ROW(INDEX(Jesper!AJ$2:AJ$366,ROUNDDOWN($C299/24,0)+1,1))-1)+IF('Standard Profiles'!$G$20=$B$10,7,0)+IF('Standard Profiles'!$G$20=$B$17,14,0)+IF('Standard Profiles'!$G$20=$B$24,21,0),0)),0)</f>
        <v>0</v>
      </c>
      <c r="G299" cm="1">
        <f t="array" ref="G299">IFERROR(INDEX(Jesper!AK$2:AK$366,ROUNDDOWN($C299/24,0)+1,1)*INDEX($D$3:$AA$30,INDEX(Jesper!$R$2:$R$366,ROW(INDEX(Jesper!AK$2:AK$366,ROUNDDOWN($C299/24,0)+1,1))-1)+IF('Standard Profiles'!$G$21=$B$10,7,0)+IF('Standard Profiles'!$G$21=$B$17,14,0)+IF('Standard Profiles'!$G$21=$B$24,21,0),MOD($C299,24)+1)/SUM(INDEX($D$3:$AA$30,INDEX(Jesper!$R$2:$R$366,ROW(INDEX(Jesper!AK$2:AK$366,ROUNDDOWN($C299/24,0)+1,1))-1)+IF('Standard Profiles'!$G$21=$B$10,7,0)+IF('Standard Profiles'!$G$21=$B$17,14,0)+IF('Standard Profiles'!$G$21=$B$24,21,0),0)),0)</f>
        <v>0</v>
      </c>
      <c r="H299" cm="1">
        <f t="array" ref="H299">IFERROR(INDEX(Jesper!AL$2:AL$366,ROUNDDOWN($C299/24,0)+1,1)*INDEX($D$3:$AA$30,INDEX(Jesper!$R$2:$R$366,ROW(INDEX(Jesper!AL$2:AL$366,ROUNDDOWN($C299/24,0)+1,1))-1)+IF('Standard Profiles'!$G$22=$B$10,7,0)+IF('Standard Profiles'!$G$22=$B$17,14,0)+IF('Standard Profiles'!$G$22=$B$24,21,0),MOD($C299,24)+1)/SUM(INDEX($D$3:$AA$30,INDEX(Jesper!$R$2:$R$366,ROW(INDEX(Jesper!AL$2:AL$366,ROUNDDOWN($C299/24,0)+1,1))-1)+IF('Standard Profiles'!$G$22=$B$10,7,0)+IF('Standard Profiles'!$G$22=$B$17,14,0)+IF('Standard Profiles'!$G$22=$B$24,21,0),0)),0)</f>
        <v>0</v>
      </c>
      <c r="I299">
        <f t="shared" si="48"/>
        <v>0.24550365693724796</v>
      </c>
      <c r="J299">
        <f t="shared" si="49"/>
        <v>0.81834552312415987</v>
      </c>
      <c r="K299">
        <f t="shared" si="50"/>
        <v>1.2275182846862398</v>
      </c>
      <c r="L299">
        <f t="shared" si="51"/>
        <v>5.8920877664939511</v>
      </c>
      <c r="M299">
        <f t="shared" si="52"/>
        <v>0</v>
      </c>
      <c r="N299" s="46">
        <f t="shared" si="53"/>
        <v>45303.041666666024</v>
      </c>
    </row>
    <row r="300" spans="2:14" x14ac:dyDescent="0.3">
      <c r="B300">
        <f t="shared" si="47"/>
        <v>5</v>
      </c>
      <c r="C300" s="16">
        <v>266</v>
      </c>
      <c r="D300" cm="1">
        <f t="array" ref="D300">IFERROR(INDEX(Jesper!AH$2:AH$366,ROUNDDOWN($C300/24,0)+1,1)*INDEX($D$3:$AA$30,INDEX(Jesper!$R$2:$R$366,ROW(INDEX(Jesper!AH$2:AH$366,ROUNDDOWN($C300/24,0)+1,1))-1)+IF('Standard Profiles'!$G$18=$B$10,7,0)+IF('Standard Profiles'!$G$18=$B$17,14,0)+IF('Standard Profiles'!$G$18=$B$24,21,0),MOD($C300,24)+1)/SUM(INDEX($D$3:$AA$30,INDEX(Jesper!$R$2:$R$366,ROW(INDEX(Jesper!AH$2:AH$366,ROUNDDOWN($C300/24,0)+1,1))-1)+IF('Standard Profiles'!$G$18=$B$10,7,0)+IF('Standard Profiles'!$G$18=$B$17,14,0)+IF('Standard Profiles'!$G$18=$B$24,21,0),0)),0)</f>
        <v>8.1834552312415987</v>
      </c>
      <c r="E300" cm="1">
        <f t="array" ref="E300">IFERROR(INDEX(Jesper!AI$2:AI$366,ROUNDDOWN($C300/24,0)+1,1)*INDEX($D$3:$AA$30,INDEX(Jesper!$R$2:$R$366,ROW(INDEX(Jesper!AI$2:AI$366,ROUNDDOWN($C300/24,0)+1,1))-1)+IF('Standard Profiles'!$G$19=$B$10,7,0)+IF('Standard Profiles'!$G$19=$B$17,14,0)+IF('Standard Profiles'!$G$19=$B$24,21,0),MOD($C300,24)+1)/SUM(INDEX($D$3:$AA$30,INDEX(Jesper!$R$2:$R$366,ROW(INDEX(Jesper!AI$2:AI$366,ROUNDDOWN($C300/24,0)+1,1))-1)+IF('Standard Profiles'!$G$19=$B$10,7,0)+IF('Standard Profiles'!$G$19=$B$17,14,0)+IF('Standard Profiles'!$G$19=$B$24,21,0),0)),0)</f>
        <v>0</v>
      </c>
      <c r="F300" cm="1">
        <f t="array" ref="F300">IFERROR(INDEX(Jesper!AJ$2:AJ$366,ROUNDDOWN($C300/24,0)+1,1)*INDEX($D$3:$AA$30,INDEX(Jesper!$R$2:$R$366,ROW(INDEX(Jesper!AJ$2:AJ$366,ROUNDDOWN($C300/24,0)+1,1))-1)+IF('Standard Profiles'!$G$20=$B$10,7,0)+IF('Standard Profiles'!$G$20=$B$17,14,0)+IF('Standard Profiles'!$G$20=$B$24,21,0),MOD($C300,24)+1)/SUM(INDEX($D$3:$AA$30,INDEX(Jesper!$R$2:$R$366,ROW(INDEX(Jesper!AJ$2:AJ$366,ROUNDDOWN($C300/24,0)+1,1))-1)+IF('Standard Profiles'!$G$20=$B$10,7,0)+IF('Standard Profiles'!$G$20=$B$17,14,0)+IF('Standard Profiles'!$G$20=$B$24,21,0),0)),0)</f>
        <v>0</v>
      </c>
      <c r="G300" cm="1">
        <f t="array" ref="G300">IFERROR(INDEX(Jesper!AK$2:AK$366,ROUNDDOWN($C300/24,0)+1,1)*INDEX($D$3:$AA$30,INDEX(Jesper!$R$2:$R$366,ROW(INDEX(Jesper!AK$2:AK$366,ROUNDDOWN($C300/24,0)+1,1))-1)+IF('Standard Profiles'!$G$21=$B$10,7,0)+IF('Standard Profiles'!$G$21=$B$17,14,0)+IF('Standard Profiles'!$G$21=$B$24,21,0),MOD($C300,24)+1)/SUM(INDEX($D$3:$AA$30,INDEX(Jesper!$R$2:$R$366,ROW(INDEX(Jesper!AK$2:AK$366,ROUNDDOWN($C300/24,0)+1,1))-1)+IF('Standard Profiles'!$G$21=$B$10,7,0)+IF('Standard Profiles'!$G$21=$B$17,14,0)+IF('Standard Profiles'!$G$21=$B$24,21,0),0)),0)</f>
        <v>0</v>
      </c>
      <c r="H300" cm="1">
        <f t="array" ref="H300">IFERROR(INDEX(Jesper!AL$2:AL$366,ROUNDDOWN($C300/24,0)+1,1)*INDEX($D$3:$AA$30,INDEX(Jesper!$R$2:$R$366,ROW(INDEX(Jesper!AL$2:AL$366,ROUNDDOWN($C300/24,0)+1,1))-1)+IF('Standard Profiles'!$G$22=$B$10,7,0)+IF('Standard Profiles'!$G$22=$B$17,14,0)+IF('Standard Profiles'!$G$22=$B$24,21,0),MOD($C300,24)+1)/SUM(INDEX($D$3:$AA$30,INDEX(Jesper!$R$2:$R$366,ROW(INDEX(Jesper!AL$2:AL$366,ROUNDDOWN($C300/24,0)+1,1))-1)+IF('Standard Profiles'!$G$22=$B$10,7,0)+IF('Standard Profiles'!$G$22=$B$17,14,0)+IF('Standard Profiles'!$G$22=$B$24,21,0),0)),0)</f>
        <v>0</v>
      </c>
      <c r="I300">
        <f t="shared" si="48"/>
        <v>0.24550365693724796</v>
      </c>
      <c r="J300">
        <f t="shared" si="49"/>
        <v>0.81834552312415987</v>
      </c>
      <c r="K300">
        <f t="shared" si="50"/>
        <v>1.2275182846862398</v>
      </c>
      <c r="L300">
        <f t="shared" si="51"/>
        <v>5.8920877664939511</v>
      </c>
      <c r="M300">
        <f t="shared" si="52"/>
        <v>0</v>
      </c>
      <c r="N300" s="46">
        <f t="shared" si="53"/>
        <v>45303.083333332688</v>
      </c>
    </row>
    <row r="301" spans="2:14" x14ac:dyDescent="0.3">
      <c r="B301">
        <f t="shared" si="47"/>
        <v>5</v>
      </c>
      <c r="C301" s="16">
        <v>267</v>
      </c>
      <c r="D301" cm="1">
        <f t="array" ref="D301">IFERROR(INDEX(Jesper!AH$2:AH$366,ROUNDDOWN($C301/24,0)+1,1)*INDEX($D$3:$AA$30,INDEX(Jesper!$R$2:$R$366,ROW(INDEX(Jesper!AH$2:AH$366,ROUNDDOWN($C301/24,0)+1,1))-1)+IF('Standard Profiles'!$G$18=$B$10,7,0)+IF('Standard Profiles'!$G$18=$B$17,14,0)+IF('Standard Profiles'!$G$18=$B$24,21,0),MOD($C301,24)+1)/SUM(INDEX($D$3:$AA$30,INDEX(Jesper!$R$2:$R$366,ROW(INDEX(Jesper!AH$2:AH$366,ROUNDDOWN($C301/24,0)+1,1))-1)+IF('Standard Profiles'!$G$18=$B$10,7,0)+IF('Standard Profiles'!$G$18=$B$17,14,0)+IF('Standard Profiles'!$G$18=$B$24,21,0),0)),0)</f>
        <v>8.1834552312415987</v>
      </c>
      <c r="E301" cm="1">
        <f t="array" ref="E301">IFERROR(INDEX(Jesper!AI$2:AI$366,ROUNDDOWN($C301/24,0)+1,1)*INDEX($D$3:$AA$30,INDEX(Jesper!$R$2:$R$366,ROW(INDEX(Jesper!AI$2:AI$366,ROUNDDOWN($C301/24,0)+1,1))-1)+IF('Standard Profiles'!$G$19=$B$10,7,0)+IF('Standard Profiles'!$G$19=$B$17,14,0)+IF('Standard Profiles'!$G$19=$B$24,21,0),MOD($C301,24)+1)/SUM(INDEX($D$3:$AA$30,INDEX(Jesper!$R$2:$R$366,ROW(INDEX(Jesper!AI$2:AI$366,ROUNDDOWN($C301/24,0)+1,1))-1)+IF('Standard Profiles'!$G$19=$B$10,7,0)+IF('Standard Profiles'!$G$19=$B$17,14,0)+IF('Standard Profiles'!$G$19=$B$24,21,0),0)),0)</f>
        <v>0</v>
      </c>
      <c r="F301" cm="1">
        <f t="array" ref="F301">IFERROR(INDEX(Jesper!AJ$2:AJ$366,ROUNDDOWN($C301/24,0)+1,1)*INDEX($D$3:$AA$30,INDEX(Jesper!$R$2:$R$366,ROW(INDEX(Jesper!AJ$2:AJ$366,ROUNDDOWN($C301/24,0)+1,1))-1)+IF('Standard Profiles'!$G$20=$B$10,7,0)+IF('Standard Profiles'!$G$20=$B$17,14,0)+IF('Standard Profiles'!$G$20=$B$24,21,0),MOD($C301,24)+1)/SUM(INDEX($D$3:$AA$30,INDEX(Jesper!$R$2:$R$366,ROW(INDEX(Jesper!AJ$2:AJ$366,ROUNDDOWN($C301/24,0)+1,1))-1)+IF('Standard Profiles'!$G$20=$B$10,7,0)+IF('Standard Profiles'!$G$20=$B$17,14,0)+IF('Standard Profiles'!$G$20=$B$24,21,0),0)),0)</f>
        <v>0</v>
      </c>
      <c r="G301" cm="1">
        <f t="array" ref="G301">IFERROR(INDEX(Jesper!AK$2:AK$366,ROUNDDOWN($C301/24,0)+1,1)*INDEX($D$3:$AA$30,INDEX(Jesper!$R$2:$R$366,ROW(INDEX(Jesper!AK$2:AK$366,ROUNDDOWN($C301/24,0)+1,1))-1)+IF('Standard Profiles'!$G$21=$B$10,7,0)+IF('Standard Profiles'!$G$21=$B$17,14,0)+IF('Standard Profiles'!$G$21=$B$24,21,0),MOD($C301,24)+1)/SUM(INDEX($D$3:$AA$30,INDEX(Jesper!$R$2:$R$366,ROW(INDEX(Jesper!AK$2:AK$366,ROUNDDOWN($C301/24,0)+1,1))-1)+IF('Standard Profiles'!$G$21=$B$10,7,0)+IF('Standard Profiles'!$G$21=$B$17,14,0)+IF('Standard Profiles'!$G$21=$B$24,21,0),0)),0)</f>
        <v>0</v>
      </c>
      <c r="H301" cm="1">
        <f t="array" ref="H301">IFERROR(INDEX(Jesper!AL$2:AL$366,ROUNDDOWN($C301/24,0)+1,1)*INDEX($D$3:$AA$30,INDEX(Jesper!$R$2:$R$366,ROW(INDEX(Jesper!AL$2:AL$366,ROUNDDOWN($C301/24,0)+1,1))-1)+IF('Standard Profiles'!$G$22=$B$10,7,0)+IF('Standard Profiles'!$G$22=$B$17,14,0)+IF('Standard Profiles'!$G$22=$B$24,21,0),MOD($C301,24)+1)/SUM(INDEX($D$3:$AA$30,INDEX(Jesper!$R$2:$R$366,ROW(INDEX(Jesper!AL$2:AL$366,ROUNDDOWN($C301/24,0)+1,1))-1)+IF('Standard Profiles'!$G$22=$B$10,7,0)+IF('Standard Profiles'!$G$22=$B$17,14,0)+IF('Standard Profiles'!$G$22=$B$24,21,0),0)),0)</f>
        <v>0</v>
      </c>
      <c r="I301">
        <f t="shared" si="48"/>
        <v>0.24550365693724796</v>
      </c>
      <c r="J301">
        <f t="shared" si="49"/>
        <v>0.81834552312415987</v>
      </c>
      <c r="K301">
        <f t="shared" si="50"/>
        <v>1.2275182846862398</v>
      </c>
      <c r="L301">
        <f t="shared" si="51"/>
        <v>5.8920877664939511</v>
      </c>
      <c r="M301">
        <f t="shared" si="52"/>
        <v>0</v>
      </c>
      <c r="N301" s="46">
        <f t="shared" si="53"/>
        <v>45303.124999999352</v>
      </c>
    </row>
    <row r="302" spans="2:14" x14ac:dyDescent="0.3">
      <c r="B302">
        <f t="shared" si="47"/>
        <v>5</v>
      </c>
      <c r="C302" s="16">
        <v>268</v>
      </c>
      <c r="D302" cm="1">
        <f t="array" ref="D302">IFERROR(INDEX(Jesper!AH$2:AH$366,ROUNDDOWN($C302/24,0)+1,1)*INDEX($D$3:$AA$30,INDEX(Jesper!$R$2:$R$366,ROW(INDEX(Jesper!AH$2:AH$366,ROUNDDOWN($C302/24,0)+1,1))-1)+IF('Standard Profiles'!$G$18=$B$10,7,0)+IF('Standard Profiles'!$G$18=$B$17,14,0)+IF('Standard Profiles'!$G$18=$B$24,21,0),MOD($C302,24)+1)/SUM(INDEX($D$3:$AA$30,INDEX(Jesper!$R$2:$R$366,ROW(INDEX(Jesper!AH$2:AH$366,ROUNDDOWN($C302/24,0)+1,1))-1)+IF('Standard Profiles'!$G$18=$B$10,7,0)+IF('Standard Profiles'!$G$18=$B$17,14,0)+IF('Standard Profiles'!$G$18=$B$24,21,0),0)),0)</f>
        <v>8.1834552312415987</v>
      </c>
      <c r="E302" cm="1">
        <f t="array" ref="E302">IFERROR(INDEX(Jesper!AI$2:AI$366,ROUNDDOWN($C302/24,0)+1,1)*INDEX($D$3:$AA$30,INDEX(Jesper!$R$2:$R$366,ROW(INDEX(Jesper!AI$2:AI$366,ROUNDDOWN($C302/24,0)+1,1))-1)+IF('Standard Profiles'!$G$19=$B$10,7,0)+IF('Standard Profiles'!$G$19=$B$17,14,0)+IF('Standard Profiles'!$G$19=$B$24,21,0),MOD($C302,24)+1)/SUM(INDEX($D$3:$AA$30,INDEX(Jesper!$R$2:$R$366,ROW(INDEX(Jesper!AI$2:AI$366,ROUNDDOWN($C302/24,0)+1,1))-1)+IF('Standard Profiles'!$G$19=$B$10,7,0)+IF('Standard Profiles'!$G$19=$B$17,14,0)+IF('Standard Profiles'!$G$19=$B$24,21,0),0)),0)</f>
        <v>0</v>
      </c>
      <c r="F302" cm="1">
        <f t="array" ref="F302">IFERROR(INDEX(Jesper!AJ$2:AJ$366,ROUNDDOWN($C302/24,0)+1,1)*INDEX($D$3:$AA$30,INDEX(Jesper!$R$2:$R$366,ROW(INDEX(Jesper!AJ$2:AJ$366,ROUNDDOWN($C302/24,0)+1,1))-1)+IF('Standard Profiles'!$G$20=$B$10,7,0)+IF('Standard Profiles'!$G$20=$B$17,14,0)+IF('Standard Profiles'!$G$20=$B$24,21,0),MOD($C302,24)+1)/SUM(INDEX($D$3:$AA$30,INDEX(Jesper!$R$2:$R$366,ROW(INDEX(Jesper!AJ$2:AJ$366,ROUNDDOWN($C302/24,0)+1,1))-1)+IF('Standard Profiles'!$G$20=$B$10,7,0)+IF('Standard Profiles'!$G$20=$B$17,14,0)+IF('Standard Profiles'!$G$20=$B$24,21,0),0)),0)</f>
        <v>0</v>
      </c>
      <c r="G302" cm="1">
        <f t="array" ref="G302">IFERROR(INDEX(Jesper!AK$2:AK$366,ROUNDDOWN($C302/24,0)+1,1)*INDEX($D$3:$AA$30,INDEX(Jesper!$R$2:$R$366,ROW(INDEX(Jesper!AK$2:AK$366,ROUNDDOWN($C302/24,0)+1,1))-1)+IF('Standard Profiles'!$G$21=$B$10,7,0)+IF('Standard Profiles'!$G$21=$B$17,14,0)+IF('Standard Profiles'!$G$21=$B$24,21,0),MOD($C302,24)+1)/SUM(INDEX($D$3:$AA$30,INDEX(Jesper!$R$2:$R$366,ROW(INDEX(Jesper!AK$2:AK$366,ROUNDDOWN($C302/24,0)+1,1))-1)+IF('Standard Profiles'!$G$21=$B$10,7,0)+IF('Standard Profiles'!$G$21=$B$17,14,0)+IF('Standard Profiles'!$G$21=$B$24,21,0),0)),0)</f>
        <v>0</v>
      </c>
      <c r="H302" cm="1">
        <f t="array" ref="H302">IFERROR(INDEX(Jesper!AL$2:AL$366,ROUNDDOWN($C302/24,0)+1,1)*INDEX($D$3:$AA$30,INDEX(Jesper!$R$2:$R$366,ROW(INDEX(Jesper!AL$2:AL$366,ROUNDDOWN($C302/24,0)+1,1))-1)+IF('Standard Profiles'!$G$22=$B$10,7,0)+IF('Standard Profiles'!$G$22=$B$17,14,0)+IF('Standard Profiles'!$G$22=$B$24,21,0),MOD($C302,24)+1)/SUM(INDEX($D$3:$AA$30,INDEX(Jesper!$R$2:$R$366,ROW(INDEX(Jesper!AL$2:AL$366,ROUNDDOWN($C302/24,0)+1,1))-1)+IF('Standard Profiles'!$G$22=$B$10,7,0)+IF('Standard Profiles'!$G$22=$B$17,14,0)+IF('Standard Profiles'!$G$22=$B$24,21,0),0)),0)</f>
        <v>0</v>
      </c>
      <c r="I302">
        <f t="shared" si="48"/>
        <v>0.24550365693724796</v>
      </c>
      <c r="J302">
        <f t="shared" si="49"/>
        <v>0.81834552312415987</v>
      </c>
      <c r="K302">
        <f t="shared" si="50"/>
        <v>1.2275182846862398</v>
      </c>
      <c r="L302">
        <f t="shared" si="51"/>
        <v>5.8920877664939511</v>
      </c>
      <c r="M302">
        <f t="shared" si="52"/>
        <v>0</v>
      </c>
      <c r="N302" s="46">
        <f t="shared" si="53"/>
        <v>45303.166666666017</v>
      </c>
    </row>
    <row r="303" spans="2:14" x14ac:dyDescent="0.3">
      <c r="B303">
        <f t="shared" si="47"/>
        <v>5</v>
      </c>
      <c r="C303" s="16">
        <v>269</v>
      </c>
      <c r="D303" cm="1">
        <f t="array" ref="D303">IFERROR(INDEX(Jesper!AH$2:AH$366,ROUNDDOWN($C303/24,0)+1,1)*INDEX($D$3:$AA$30,INDEX(Jesper!$R$2:$R$366,ROW(INDEX(Jesper!AH$2:AH$366,ROUNDDOWN($C303/24,0)+1,1))-1)+IF('Standard Profiles'!$G$18=$B$10,7,0)+IF('Standard Profiles'!$G$18=$B$17,14,0)+IF('Standard Profiles'!$G$18=$B$24,21,0),MOD($C303,24)+1)/SUM(INDEX($D$3:$AA$30,INDEX(Jesper!$R$2:$R$366,ROW(INDEX(Jesper!AH$2:AH$366,ROUNDDOWN($C303/24,0)+1,1))-1)+IF('Standard Profiles'!$G$18=$B$10,7,0)+IF('Standard Profiles'!$G$18=$B$17,14,0)+IF('Standard Profiles'!$G$18=$B$24,21,0),0)),0)</f>
        <v>10.547564520266951</v>
      </c>
      <c r="E303" cm="1">
        <f t="array" ref="E303">IFERROR(INDEX(Jesper!AI$2:AI$366,ROUNDDOWN($C303/24,0)+1,1)*INDEX($D$3:$AA$30,INDEX(Jesper!$R$2:$R$366,ROW(INDEX(Jesper!AI$2:AI$366,ROUNDDOWN($C303/24,0)+1,1))-1)+IF('Standard Profiles'!$G$19=$B$10,7,0)+IF('Standard Profiles'!$G$19=$B$17,14,0)+IF('Standard Profiles'!$G$19=$B$24,21,0),MOD($C303,24)+1)/SUM(INDEX($D$3:$AA$30,INDEX(Jesper!$R$2:$R$366,ROW(INDEX(Jesper!AI$2:AI$366,ROUNDDOWN($C303/24,0)+1,1))-1)+IF('Standard Profiles'!$G$19=$B$10,7,0)+IF('Standard Profiles'!$G$19=$B$17,14,0)+IF('Standard Profiles'!$G$19=$B$24,21,0),0)),0)</f>
        <v>0</v>
      </c>
      <c r="F303" cm="1">
        <f t="array" ref="F303">IFERROR(INDEX(Jesper!AJ$2:AJ$366,ROUNDDOWN($C303/24,0)+1,1)*INDEX($D$3:$AA$30,INDEX(Jesper!$R$2:$R$366,ROW(INDEX(Jesper!AJ$2:AJ$366,ROUNDDOWN($C303/24,0)+1,1))-1)+IF('Standard Profiles'!$G$20=$B$10,7,0)+IF('Standard Profiles'!$G$20=$B$17,14,0)+IF('Standard Profiles'!$G$20=$B$24,21,0),MOD($C303,24)+1)/SUM(INDEX($D$3:$AA$30,INDEX(Jesper!$R$2:$R$366,ROW(INDEX(Jesper!AJ$2:AJ$366,ROUNDDOWN($C303/24,0)+1,1))-1)+IF('Standard Profiles'!$G$20=$B$10,7,0)+IF('Standard Profiles'!$G$20=$B$17,14,0)+IF('Standard Profiles'!$G$20=$B$24,21,0),0)),0)</f>
        <v>0</v>
      </c>
      <c r="G303" cm="1">
        <f t="array" ref="G303">IFERROR(INDEX(Jesper!AK$2:AK$366,ROUNDDOWN($C303/24,0)+1,1)*INDEX($D$3:$AA$30,INDEX(Jesper!$R$2:$R$366,ROW(INDEX(Jesper!AK$2:AK$366,ROUNDDOWN($C303/24,0)+1,1))-1)+IF('Standard Profiles'!$G$21=$B$10,7,0)+IF('Standard Profiles'!$G$21=$B$17,14,0)+IF('Standard Profiles'!$G$21=$B$24,21,0),MOD($C303,24)+1)/SUM(INDEX($D$3:$AA$30,INDEX(Jesper!$R$2:$R$366,ROW(INDEX(Jesper!AK$2:AK$366,ROUNDDOWN($C303/24,0)+1,1))-1)+IF('Standard Profiles'!$G$21=$B$10,7,0)+IF('Standard Profiles'!$G$21=$B$17,14,0)+IF('Standard Profiles'!$G$21=$B$24,21,0),0)),0)</f>
        <v>0</v>
      </c>
      <c r="H303" cm="1">
        <f t="array" ref="H303">IFERROR(INDEX(Jesper!AL$2:AL$366,ROUNDDOWN($C303/24,0)+1,1)*INDEX($D$3:$AA$30,INDEX(Jesper!$R$2:$R$366,ROW(INDEX(Jesper!AL$2:AL$366,ROUNDDOWN($C303/24,0)+1,1))-1)+IF('Standard Profiles'!$G$22=$B$10,7,0)+IF('Standard Profiles'!$G$22=$B$17,14,0)+IF('Standard Profiles'!$G$22=$B$24,21,0),MOD($C303,24)+1)/SUM(INDEX($D$3:$AA$30,INDEX(Jesper!$R$2:$R$366,ROW(INDEX(Jesper!AL$2:AL$366,ROUNDDOWN($C303/24,0)+1,1))-1)+IF('Standard Profiles'!$G$22=$B$10,7,0)+IF('Standard Profiles'!$G$22=$B$17,14,0)+IF('Standard Profiles'!$G$22=$B$24,21,0),0)),0)</f>
        <v>0</v>
      </c>
      <c r="I303">
        <f t="shared" si="48"/>
        <v>0.3164269356080085</v>
      </c>
      <c r="J303">
        <f t="shared" si="49"/>
        <v>1.0547564520266952</v>
      </c>
      <c r="K303">
        <f t="shared" si="50"/>
        <v>1.5821346780400425</v>
      </c>
      <c r="L303">
        <f t="shared" si="51"/>
        <v>7.5942464545922039</v>
      </c>
      <c r="M303">
        <f t="shared" si="52"/>
        <v>0</v>
      </c>
      <c r="N303" s="46">
        <f t="shared" si="53"/>
        <v>45303.208333332681</v>
      </c>
    </row>
    <row r="304" spans="2:14" x14ac:dyDescent="0.3">
      <c r="B304">
        <f t="shared" si="47"/>
        <v>5</v>
      </c>
      <c r="C304" s="16">
        <v>270</v>
      </c>
      <c r="D304" cm="1">
        <f t="array" ref="D304">IFERROR(INDEX(Jesper!AH$2:AH$366,ROUNDDOWN($C304/24,0)+1,1)*INDEX($D$3:$AA$30,INDEX(Jesper!$R$2:$R$366,ROW(INDEX(Jesper!AH$2:AH$366,ROUNDDOWN($C304/24,0)+1,1))-1)+IF('Standard Profiles'!$G$18=$B$10,7,0)+IF('Standard Profiles'!$G$18=$B$17,14,0)+IF('Standard Profiles'!$G$18=$B$24,21,0),MOD($C304,24)+1)/SUM(INDEX($D$3:$AA$30,INDEX(Jesper!$R$2:$R$366,ROW(INDEX(Jesper!AH$2:AH$366,ROUNDDOWN($C304/24,0)+1,1))-1)+IF('Standard Profiles'!$G$18=$B$10,7,0)+IF('Standard Profiles'!$G$18=$B$17,14,0)+IF('Standard Profiles'!$G$18=$B$24,21,0),0)),0)</f>
        <v>12.729819248598044</v>
      </c>
      <c r="E304" cm="1">
        <f t="array" ref="E304">IFERROR(INDEX(Jesper!AI$2:AI$366,ROUNDDOWN($C304/24,0)+1,1)*INDEX($D$3:$AA$30,INDEX(Jesper!$R$2:$R$366,ROW(INDEX(Jesper!AI$2:AI$366,ROUNDDOWN($C304/24,0)+1,1))-1)+IF('Standard Profiles'!$G$19=$B$10,7,0)+IF('Standard Profiles'!$G$19=$B$17,14,0)+IF('Standard Profiles'!$G$19=$B$24,21,0),MOD($C304,24)+1)/SUM(INDEX($D$3:$AA$30,INDEX(Jesper!$R$2:$R$366,ROW(INDEX(Jesper!AI$2:AI$366,ROUNDDOWN($C304/24,0)+1,1))-1)+IF('Standard Profiles'!$G$19=$B$10,7,0)+IF('Standard Profiles'!$G$19=$B$17,14,0)+IF('Standard Profiles'!$G$19=$B$24,21,0),0)),0)</f>
        <v>0</v>
      </c>
      <c r="F304" cm="1">
        <f t="array" ref="F304">IFERROR(INDEX(Jesper!AJ$2:AJ$366,ROUNDDOWN($C304/24,0)+1,1)*INDEX($D$3:$AA$30,INDEX(Jesper!$R$2:$R$366,ROW(INDEX(Jesper!AJ$2:AJ$366,ROUNDDOWN($C304/24,0)+1,1))-1)+IF('Standard Profiles'!$G$20=$B$10,7,0)+IF('Standard Profiles'!$G$20=$B$17,14,0)+IF('Standard Profiles'!$G$20=$B$24,21,0),MOD($C304,24)+1)/SUM(INDEX($D$3:$AA$30,INDEX(Jesper!$R$2:$R$366,ROW(INDEX(Jesper!AJ$2:AJ$366,ROUNDDOWN($C304/24,0)+1,1))-1)+IF('Standard Profiles'!$G$20=$B$10,7,0)+IF('Standard Profiles'!$G$20=$B$17,14,0)+IF('Standard Profiles'!$G$20=$B$24,21,0),0)),0)</f>
        <v>0</v>
      </c>
      <c r="G304" cm="1">
        <f t="array" ref="G304">IFERROR(INDEX(Jesper!AK$2:AK$366,ROUNDDOWN($C304/24,0)+1,1)*INDEX($D$3:$AA$30,INDEX(Jesper!$R$2:$R$366,ROW(INDEX(Jesper!AK$2:AK$366,ROUNDDOWN($C304/24,0)+1,1))-1)+IF('Standard Profiles'!$G$21=$B$10,7,0)+IF('Standard Profiles'!$G$21=$B$17,14,0)+IF('Standard Profiles'!$G$21=$B$24,21,0),MOD($C304,24)+1)/SUM(INDEX($D$3:$AA$30,INDEX(Jesper!$R$2:$R$366,ROW(INDEX(Jesper!AK$2:AK$366,ROUNDDOWN($C304/24,0)+1,1))-1)+IF('Standard Profiles'!$G$21=$B$10,7,0)+IF('Standard Profiles'!$G$21=$B$17,14,0)+IF('Standard Profiles'!$G$21=$B$24,21,0),0)),0)</f>
        <v>0</v>
      </c>
      <c r="H304" cm="1">
        <f t="array" ref="H304">IFERROR(INDEX(Jesper!AL$2:AL$366,ROUNDDOWN($C304/24,0)+1,1)*INDEX($D$3:$AA$30,INDEX(Jesper!$R$2:$R$366,ROW(INDEX(Jesper!AL$2:AL$366,ROUNDDOWN($C304/24,0)+1,1))-1)+IF('Standard Profiles'!$G$22=$B$10,7,0)+IF('Standard Profiles'!$G$22=$B$17,14,0)+IF('Standard Profiles'!$G$22=$B$24,21,0),MOD($C304,24)+1)/SUM(INDEX($D$3:$AA$30,INDEX(Jesper!$R$2:$R$366,ROW(INDEX(Jesper!AL$2:AL$366,ROUNDDOWN($C304/24,0)+1,1))-1)+IF('Standard Profiles'!$G$22=$B$10,7,0)+IF('Standard Profiles'!$G$22=$B$17,14,0)+IF('Standard Profiles'!$G$22=$B$24,21,0),0)),0)</f>
        <v>0</v>
      </c>
      <c r="I304">
        <f t="shared" si="48"/>
        <v>0.38189457745794131</v>
      </c>
      <c r="J304">
        <f t="shared" si="49"/>
        <v>1.2729819248598044</v>
      </c>
      <c r="K304">
        <f t="shared" si="50"/>
        <v>1.9094728872897067</v>
      </c>
      <c r="L304">
        <f t="shared" si="51"/>
        <v>9.1654698589905923</v>
      </c>
      <c r="M304">
        <f t="shared" si="52"/>
        <v>0</v>
      </c>
      <c r="N304" s="46">
        <f t="shared" si="53"/>
        <v>45303.249999999345</v>
      </c>
    </row>
    <row r="305" spans="2:14" x14ac:dyDescent="0.3">
      <c r="B305">
        <f t="shared" si="47"/>
        <v>5</v>
      </c>
      <c r="C305" s="16">
        <v>271</v>
      </c>
      <c r="D305" cm="1">
        <f t="array" ref="D305">IFERROR(INDEX(Jesper!AH$2:AH$366,ROUNDDOWN($C305/24,0)+1,1)*INDEX($D$3:$AA$30,INDEX(Jesper!$R$2:$R$366,ROW(INDEX(Jesper!AH$2:AH$366,ROUNDDOWN($C305/24,0)+1,1))-1)+IF('Standard Profiles'!$G$18=$B$10,7,0)+IF('Standard Profiles'!$G$18=$B$17,14,0)+IF('Standard Profiles'!$G$18=$B$24,21,0),MOD($C305,24)+1)/SUM(INDEX($D$3:$AA$30,INDEX(Jesper!$R$2:$R$366,ROW(INDEX(Jesper!AH$2:AH$366,ROUNDDOWN($C305/24,0)+1,1))-1)+IF('Standard Profiles'!$G$18=$B$10,7,0)+IF('Standard Profiles'!$G$18=$B$17,14,0)+IF('Standard Profiles'!$G$18=$B$24,21,0),0)),0)</f>
        <v>12.729819248598044</v>
      </c>
      <c r="E305" cm="1">
        <f t="array" ref="E305">IFERROR(INDEX(Jesper!AI$2:AI$366,ROUNDDOWN($C305/24,0)+1,1)*INDEX($D$3:$AA$30,INDEX(Jesper!$R$2:$R$366,ROW(INDEX(Jesper!AI$2:AI$366,ROUNDDOWN($C305/24,0)+1,1))-1)+IF('Standard Profiles'!$G$19=$B$10,7,0)+IF('Standard Profiles'!$G$19=$B$17,14,0)+IF('Standard Profiles'!$G$19=$B$24,21,0),MOD($C305,24)+1)/SUM(INDEX($D$3:$AA$30,INDEX(Jesper!$R$2:$R$366,ROW(INDEX(Jesper!AI$2:AI$366,ROUNDDOWN($C305/24,0)+1,1))-1)+IF('Standard Profiles'!$G$19=$B$10,7,0)+IF('Standard Profiles'!$G$19=$B$17,14,0)+IF('Standard Profiles'!$G$19=$B$24,21,0),0)),0)</f>
        <v>0</v>
      </c>
      <c r="F305" cm="1">
        <f t="array" ref="F305">IFERROR(INDEX(Jesper!AJ$2:AJ$366,ROUNDDOWN($C305/24,0)+1,1)*INDEX($D$3:$AA$30,INDEX(Jesper!$R$2:$R$366,ROW(INDEX(Jesper!AJ$2:AJ$366,ROUNDDOWN($C305/24,0)+1,1))-1)+IF('Standard Profiles'!$G$20=$B$10,7,0)+IF('Standard Profiles'!$G$20=$B$17,14,0)+IF('Standard Profiles'!$G$20=$B$24,21,0),MOD($C305,24)+1)/SUM(INDEX($D$3:$AA$30,INDEX(Jesper!$R$2:$R$366,ROW(INDEX(Jesper!AJ$2:AJ$366,ROUNDDOWN($C305/24,0)+1,1))-1)+IF('Standard Profiles'!$G$20=$B$10,7,0)+IF('Standard Profiles'!$G$20=$B$17,14,0)+IF('Standard Profiles'!$G$20=$B$24,21,0),0)),0)</f>
        <v>0</v>
      </c>
      <c r="G305" cm="1">
        <f t="array" ref="G305">IFERROR(INDEX(Jesper!AK$2:AK$366,ROUNDDOWN($C305/24,0)+1,1)*INDEX($D$3:$AA$30,INDEX(Jesper!$R$2:$R$366,ROW(INDEX(Jesper!AK$2:AK$366,ROUNDDOWN($C305/24,0)+1,1))-1)+IF('Standard Profiles'!$G$21=$B$10,7,0)+IF('Standard Profiles'!$G$21=$B$17,14,0)+IF('Standard Profiles'!$G$21=$B$24,21,0),MOD($C305,24)+1)/SUM(INDEX($D$3:$AA$30,INDEX(Jesper!$R$2:$R$366,ROW(INDEX(Jesper!AK$2:AK$366,ROUNDDOWN($C305/24,0)+1,1))-1)+IF('Standard Profiles'!$G$21=$B$10,7,0)+IF('Standard Profiles'!$G$21=$B$17,14,0)+IF('Standard Profiles'!$G$21=$B$24,21,0),0)),0)</f>
        <v>0</v>
      </c>
      <c r="H305" cm="1">
        <f t="array" ref="H305">IFERROR(INDEX(Jesper!AL$2:AL$366,ROUNDDOWN($C305/24,0)+1,1)*INDEX($D$3:$AA$30,INDEX(Jesper!$R$2:$R$366,ROW(INDEX(Jesper!AL$2:AL$366,ROUNDDOWN($C305/24,0)+1,1))-1)+IF('Standard Profiles'!$G$22=$B$10,7,0)+IF('Standard Profiles'!$G$22=$B$17,14,0)+IF('Standard Profiles'!$G$22=$B$24,21,0),MOD($C305,24)+1)/SUM(INDEX($D$3:$AA$30,INDEX(Jesper!$R$2:$R$366,ROW(INDEX(Jesper!AL$2:AL$366,ROUNDDOWN($C305/24,0)+1,1))-1)+IF('Standard Profiles'!$G$22=$B$10,7,0)+IF('Standard Profiles'!$G$22=$B$17,14,0)+IF('Standard Profiles'!$G$22=$B$24,21,0),0)),0)</f>
        <v>0</v>
      </c>
      <c r="I305">
        <f t="shared" si="48"/>
        <v>0.38189457745794131</v>
      </c>
      <c r="J305">
        <f t="shared" si="49"/>
        <v>1.2729819248598044</v>
      </c>
      <c r="K305">
        <f t="shared" si="50"/>
        <v>1.9094728872897067</v>
      </c>
      <c r="L305">
        <f t="shared" si="51"/>
        <v>9.1654698589905923</v>
      </c>
      <c r="M305">
        <f t="shared" si="52"/>
        <v>0</v>
      </c>
      <c r="N305" s="46">
        <f t="shared" si="53"/>
        <v>45303.291666666009</v>
      </c>
    </row>
    <row r="306" spans="2:14" x14ac:dyDescent="0.3">
      <c r="B306">
        <f t="shared" si="47"/>
        <v>5</v>
      </c>
      <c r="C306" s="16">
        <v>272</v>
      </c>
      <c r="D306" cm="1">
        <f t="array" ref="D306">IFERROR(INDEX(Jesper!AH$2:AH$366,ROUNDDOWN($C306/24,0)+1,1)*INDEX($D$3:$AA$30,INDEX(Jesper!$R$2:$R$366,ROW(INDEX(Jesper!AH$2:AH$366,ROUNDDOWN($C306/24,0)+1,1))-1)+IF('Standard Profiles'!$G$18=$B$10,7,0)+IF('Standard Profiles'!$G$18=$B$17,14,0)+IF('Standard Profiles'!$G$18=$B$24,21,0),MOD($C306,24)+1)/SUM(INDEX($D$3:$AA$30,INDEX(Jesper!$R$2:$R$366,ROW(INDEX(Jesper!AH$2:AH$366,ROUNDDOWN($C306/24,0)+1,1))-1)+IF('Standard Profiles'!$G$18=$B$10,7,0)+IF('Standard Profiles'!$G$18=$B$17,14,0)+IF('Standard Profiles'!$G$18=$B$24,21,0),0)),0)</f>
        <v>12.729819248598044</v>
      </c>
      <c r="E306" cm="1">
        <f t="array" ref="E306">IFERROR(INDEX(Jesper!AI$2:AI$366,ROUNDDOWN($C306/24,0)+1,1)*INDEX($D$3:$AA$30,INDEX(Jesper!$R$2:$R$366,ROW(INDEX(Jesper!AI$2:AI$366,ROUNDDOWN($C306/24,0)+1,1))-1)+IF('Standard Profiles'!$G$19=$B$10,7,0)+IF('Standard Profiles'!$G$19=$B$17,14,0)+IF('Standard Profiles'!$G$19=$B$24,21,0),MOD($C306,24)+1)/SUM(INDEX($D$3:$AA$30,INDEX(Jesper!$R$2:$R$366,ROW(INDEX(Jesper!AI$2:AI$366,ROUNDDOWN($C306/24,0)+1,1))-1)+IF('Standard Profiles'!$G$19=$B$10,7,0)+IF('Standard Profiles'!$G$19=$B$17,14,0)+IF('Standard Profiles'!$G$19=$B$24,21,0),0)),0)</f>
        <v>0</v>
      </c>
      <c r="F306" cm="1">
        <f t="array" ref="F306">IFERROR(INDEX(Jesper!AJ$2:AJ$366,ROUNDDOWN($C306/24,0)+1,1)*INDEX($D$3:$AA$30,INDEX(Jesper!$R$2:$R$366,ROW(INDEX(Jesper!AJ$2:AJ$366,ROUNDDOWN($C306/24,0)+1,1))-1)+IF('Standard Profiles'!$G$20=$B$10,7,0)+IF('Standard Profiles'!$G$20=$B$17,14,0)+IF('Standard Profiles'!$G$20=$B$24,21,0),MOD($C306,24)+1)/SUM(INDEX($D$3:$AA$30,INDEX(Jesper!$R$2:$R$366,ROW(INDEX(Jesper!AJ$2:AJ$366,ROUNDDOWN($C306/24,0)+1,1))-1)+IF('Standard Profiles'!$G$20=$B$10,7,0)+IF('Standard Profiles'!$G$20=$B$17,14,0)+IF('Standard Profiles'!$G$20=$B$24,21,0),0)),0)</f>
        <v>0</v>
      </c>
      <c r="G306" cm="1">
        <f t="array" ref="G306">IFERROR(INDEX(Jesper!AK$2:AK$366,ROUNDDOWN($C306/24,0)+1,1)*INDEX($D$3:$AA$30,INDEX(Jesper!$R$2:$R$366,ROW(INDEX(Jesper!AK$2:AK$366,ROUNDDOWN($C306/24,0)+1,1))-1)+IF('Standard Profiles'!$G$21=$B$10,7,0)+IF('Standard Profiles'!$G$21=$B$17,14,0)+IF('Standard Profiles'!$G$21=$B$24,21,0),MOD($C306,24)+1)/SUM(INDEX($D$3:$AA$30,INDEX(Jesper!$R$2:$R$366,ROW(INDEX(Jesper!AK$2:AK$366,ROUNDDOWN($C306/24,0)+1,1))-1)+IF('Standard Profiles'!$G$21=$B$10,7,0)+IF('Standard Profiles'!$G$21=$B$17,14,0)+IF('Standard Profiles'!$G$21=$B$24,21,0),0)),0)</f>
        <v>0</v>
      </c>
      <c r="H306" cm="1">
        <f t="array" ref="H306">IFERROR(INDEX(Jesper!AL$2:AL$366,ROUNDDOWN($C306/24,0)+1,1)*INDEX($D$3:$AA$30,INDEX(Jesper!$R$2:$R$366,ROW(INDEX(Jesper!AL$2:AL$366,ROUNDDOWN($C306/24,0)+1,1))-1)+IF('Standard Profiles'!$G$22=$B$10,7,0)+IF('Standard Profiles'!$G$22=$B$17,14,0)+IF('Standard Profiles'!$G$22=$B$24,21,0),MOD($C306,24)+1)/SUM(INDEX($D$3:$AA$30,INDEX(Jesper!$R$2:$R$366,ROW(INDEX(Jesper!AL$2:AL$366,ROUNDDOWN($C306/24,0)+1,1))-1)+IF('Standard Profiles'!$G$22=$B$10,7,0)+IF('Standard Profiles'!$G$22=$B$17,14,0)+IF('Standard Profiles'!$G$22=$B$24,21,0),0)),0)</f>
        <v>0</v>
      </c>
      <c r="I306">
        <f t="shared" si="48"/>
        <v>0.38189457745794131</v>
      </c>
      <c r="J306">
        <f t="shared" si="49"/>
        <v>1.2729819248598044</v>
      </c>
      <c r="K306">
        <f t="shared" si="50"/>
        <v>1.9094728872897067</v>
      </c>
      <c r="L306">
        <f t="shared" si="51"/>
        <v>9.1654698589905923</v>
      </c>
      <c r="M306">
        <f t="shared" si="52"/>
        <v>0</v>
      </c>
      <c r="N306" s="46">
        <f t="shared" si="53"/>
        <v>45303.333333332674</v>
      </c>
    </row>
    <row r="307" spans="2:14" x14ac:dyDescent="0.3">
      <c r="B307">
        <f t="shared" si="47"/>
        <v>5</v>
      </c>
      <c r="C307" s="16">
        <v>273</v>
      </c>
      <c r="D307" cm="1">
        <f t="array" ref="D307">IFERROR(INDEX(Jesper!AH$2:AH$366,ROUNDDOWN($C307/24,0)+1,1)*INDEX($D$3:$AA$30,INDEX(Jesper!$R$2:$R$366,ROW(INDEX(Jesper!AH$2:AH$366,ROUNDDOWN($C307/24,0)+1,1))-1)+IF('Standard Profiles'!$G$18=$B$10,7,0)+IF('Standard Profiles'!$G$18=$B$17,14,0)+IF('Standard Profiles'!$G$18=$B$24,21,0),MOD($C307,24)+1)/SUM(INDEX($D$3:$AA$30,INDEX(Jesper!$R$2:$R$366,ROW(INDEX(Jesper!AH$2:AH$366,ROUNDDOWN($C307/24,0)+1,1))-1)+IF('Standard Profiles'!$G$18=$B$10,7,0)+IF('Standard Profiles'!$G$18=$B$17,14,0)+IF('Standard Profiles'!$G$18=$B$24,21,0),0)),0)</f>
        <v>13.639092052069334</v>
      </c>
      <c r="E307" cm="1">
        <f t="array" ref="E307">IFERROR(INDEX(Jesper!AI$2:AI$366,ROUNDDOWN($C307/24,0)+1,1)*INDEX($D$3:$AA$30,INDEX(Jesper!$R$2:$R$366,ROW(INDEX(Jesper!AI$2:AI$366,ROUNDDOWN($C307/24,0)+1,1))-1)+IF('Standard Profiles'!$G$19=$B$10,7,0)+IF('Standard Profiles'!$G$19=$B$17,14,0)+IF('Standard Profiles'!$G$19=$B$24,21,0),MOD($C307,24)+1)/SUM(INDEX($D$3:$AA$30,INDEX(Jesper!$R$2:$R$366,ROW(INDEX(Jesper!AI$2:AI$366,ROUNDDOWN($C307/24,0)+1,1))-1)+IF('Standard Profiles'!$G$19=$B$10,7,0)+IF('Standard Profiles'!$G$19=$B$17,14,0)+IF('Standard Profiles'!$G$19=$B$24,21,0),0)),0)</f>
        <v>0</v>
      </c>
      <c r="F307" cm="1">
        <f t="array" ref="F307">IFERROR(INDEX(Jesper!AJ$2:AJ$366,ROUNDDOWN($C307/24,0)+1,1)*INDEX($D$3:$AA$30,INDEX(Jesper!$R$2:$R$366,ROW(INDEX(Jesper!AJ$2:AJ$366,ROUNDDOWN($C307/24,0)+1,1))-1)+IF('Standard Profiles'!$G$20=$B$10,7,0)+IF('Standard Profiles'!$G$20=$B$17,14,0)+IF('Standard Profiles'!$G$20=$B$24,21,0),MOD($C307,24)+1)/SUM(INDEX($D$3:$AA$30,INDEX(Jesper!$R$2:$R$366,ROW(INDEX(Jesper!AJ$2:AJ$366,ROUNDDOWN($C307/24,0)+1,1))-1)+IF('Standard Profiles'!$G$20=$B$10,7,0)+IF('Standard Profiles'!$G$20=$B$17,14,0)+IF('Standard Profiles'!$G$20=$B$24,21,0),0)),0)</f>
        <v>0</v>
      </c>
      <c r="G307" cm="1">
        <f t="array" ref="G307">IFERROR(INDEX(Jesper!AK$2:AK$366,ROUNDDOWN($C307/24,0)+1,1)*INDEX($D$3:$AA$30,INDEX(Jesper!$R$2:$R$366,ROW(INDEX(Jesper!AK$2:AK$366,ROUNDDOWN($C307/24,0)+1,1))-1)+IF('Standard Profiles'!$G$21=$B$10,7,0)+IF('Standard Profiles'!$G$21=$B$17,14,0)+IF('Standard Profiles'!$G$21=$B$24,21,0),MOD($C307,24)+1)/SUM(INDEX($D$3:$AA$30,INDEX(Jesper!$R$2:$R$366,ROW(INDEX(Jesper!AK$2:AK$366,ROUNDDOWN($C307/24,0)+1,1))-1)+IF('Standard Profiles'!$G$21=$B$10,7,0)+IF('Standard Profiles'!$G$21=$B$17,14,0)+IF('Standard Profiles'!$G$21=$B$24,21,0),0)),0)</f>
        <v>0</v>
      </c>
      <c r="H307" cm="1">
        <f t="array" ref="H307">IFERROR(INDEX(Jesper!AL$2:AL$366,ROUNDDOWN($C307/24,0)+1,1)*INDEX($D$3:$AA$30,INDEX(Jesper!$R$2:$R$366,ROW(INDEX(Jesper!AL$2:AL$366,ROUNDDOWN($C307/24,0)+1,1))-1)+IF('Standard Profiles'!$G$22=$B$10,7,0)+IF('Standard Profiles'!$G$22=$B$17,14,0)+IF('Standard Profiles'!$G$22=$B$24,21,0),MOD($C307,24)+1)/SUM(INDEX($D$3:$AA$30,INDEX(Jesper!$R$2:$R$366,ROW(INDEX(Jesper!AL$2:AL$366,ROUNDDOWN($C307/24,0)+1,1))-1)+IF('Standard Profiles'!$G$22=$B$10,7,0)+IF('Standard Profiles'!$G$22=$B$17,14,0)+IF('Standard Profiles'!$G$22=$B$24,21,0),0)),0)</f>
        <v>0</v>
      </c>
      <c r="I307">
        <f t="shared" si="48"/>
        <v>0.40917276156207999</v>
      </c>
      <c r="J307">
        <f t="shared" si="49"/>
        <v>1.3639092052069335</v>
      </c>
      <c r="K307">
        <f t="shared" si="50"/>
        <v>2.0458638078104001</v>
      </c>
      <c r="L307">
        <f t="shared" si="51"/>
        <v>9.8201462774899202</v>
      </c>
      <c r="M307">
        <f t="shared" si="52"/>
        <v>0</v>
      </c>
      <c r="N307" s="46">
        <f t="shared" si="53"/>
        <v>45303.374999999338</v>
      </c>
    </row>
    <row r="308" spans="2:14" x14ac:dyDescent="0.3">
      <c r="B308">
        <f t="shared" si="47"/>
        <v>5</v>
      </c>
      <c r="C308" s="16">
        <v>274</v>
      </c>
      <c r="D308" cm="1">
        <f t="array" ref="D308">IFERROR(INDEX(Jesper!AH$2:AH$366,ROUNDDOWN($C308/24,0)+1,1)*INDEX($D$3:$AA$30,INDEX(Jesper!$R$2:$R$366,ROW(INDEX(Jesper!AH$2:AH$366,ROUNDDOWN($C308/24,0)+1,1))-1)+IF('Standard Profiles'!$G$18=$B$10,7,0)+IF('Standard Profiles'!$G$18=$B$17,14,0)+IF('Standard Profiles'!$G$18=$B$24,21,0),MOD($C308,24)+1)/SUM(INDEX($D$3:$AA$30,INDEX(Jesper!$R$2:$R$366,ROW(INDEX(Jesper!AH$2:AH$366,ROUNDDOWN($C308/24,0)+1,1))-1)+IF('Standard Profiles'!$G$18=$B$10,7,0)+IF('Standard Profiles'!$G$18=$B$17,14,0)+IF('Standard Profiles'!$G$18=$B$24,21,0),0)),0)</f>
        <v>14.184655734152106</v>
      </c>
      <c r="E308" cm="1">
        <f t="array" ref="E308">IFERROR(INDEX(Jesper!AI$2:AI$366,ROUNDDOWN($C308/24,0)+1,1)*INDEX($D$3:$AA$30,INDEX(Jesper!$R$2:$R$366,ROW(INDEX(Jesper!AI$2:AI$366,ROUNDDOWN($C308/24,0)+1,1))-1)+IF('Standard Profiles'!$G$19=$B$10,7,0)+IF('Standard Profiles'!$G$19=$B$17,14,0)+IF('Standard Profiles'!$G$19=$B$24,21,0),MOD($C308,24)+1)/SUM(INDEX($D$3:$AA$30,INDEX(Jesper!$R$2:$R$366,ROW(INDEX(Jesper!AI$2:AI$366,ROUNDDOWN($C308/24,0)+1,1))-1)+IF('Standard Profiles'!$G$19=$B$10,7,0)+IF('Standard Profiles'!$G$19=$B$17,14,0)+IF('Standard Profiles'!$G$19=$B$24,21,0),0)),0)</f>
        <v>0</v>
      </c>
      <c r="F308" cm="1">
        <f t="array" ref="F308">IFERROR(INDEX(Jesper!AJ$2:AJ$366,ROUNDDOWN($C308/24,0)+1,1)*INDEX($D$3:$AA$30,INDEX(Jesper!$R$2:$R$366,ROW(INDEX(Jesper!AJ$2:AJ$366,ROUNDDOWN($C308/24,0)+1,1))-1)+IF('Standard Profiles'!$G$20=$B$10,7,0)+IF('Standard Profiles'!$G$20=$B$17,14,0)+IF('Standard Profiles'!$G$20=$B$24,21,0),MOD($C308,24)+1)/SUM(INDEX($D$3:$AA$30,INDEX(Jesper!$R$2:$R$366,ROW(INDEX(Jesper!AJ$2:AJ$366,ROUNDDOWN($C308/24,0)+1,1))-1)+IF('Standard Profiles'!$G$20=$B$10,7,0)+IF('Standard Profiles'!$G$20=$B$17,14,0)+IF('Standard Profiles'!$G$20=$B$24,21,0),0)),0)</f>
        <v>0</v>
      </c>
      <c r="G308" cm="1">
        <f t="array" ref="G308">IFERROR(INDEX(Jesper!AK$2:AK$366,ROUNDDOWN($C308/24,0)+1,1)*INDEX($D$3:$AA$30,INDEX(Jesper!$R$2:$R$366,ROW(INDEX(Jesper!AK$2:AK$366,ROUNDDOWN($C308/24,0)+1,1))-1)+IF('Standard Profiles'!$G$21=$B$10,7,0)+IF('Standard Profiles'!$G$21=$B$17,14,0)+IF('Standard Profiles'!$G$21=$B$24,21,0),MOD($C308,24)+1)/SUM(INDEX($D$3:$AA$30,INDEX(Jesper!$R$2:$R$366,ROW(INDEX(Jesper!AK$2:AK$366,ROUNDDOWN($C308/24,0)+1,1))-1)+IF('Standard Profiles'!$G$21=$B$10,7,0)+IF('Standard Profiles'!$G$21=$B$17,14,0)+IF('Standard Profiles'!$G$21=$B$24,21,0),0)),0)</f>
        <v>0</v>
      </c>
      <c r="H308" cm="1">
        <f t="array" ref="H308">IFERROR(INDEX(Jesper!AL$2:AL$366,ROUNDDOWN($C308/24,0)+1,1)*INDEX($D$3:$AA$30,INDEX(Jesper!$R$2:$R$366,ROW(INDEX(Jesper!AL$2:AL$366,ROUNDDOWN($C308/24,0)+1,1))-1)+IF('Standard Profiles'!$G$22=$B$10,7,0)+IF('Standard Profiles'!$G$22=$B$17,14,0)+IF('Standard Profiles'!$G$22=$B$24,21,0),MOD($C308,24)+1)/SUM(INDEX($D$3:$AA$30,INDEX(Jesper!$R$2:$R$366,ROW(INDEX(Jesper!AL$2:AL$366,ROUNDDOWN($C308/24,0)+1,1))-1)+IF('Standard Profiles'!$G$22=$B$10,7,0)+IF('Standard Profiles'!$G$22=$B$17,14,0)+IF('Standard Profiles'!$G$22=$B$24,21,0),0)),0)</f>
        <v>0</v>
      </c>
      <c r="I308">
        <f t="shared" si="48"/>
        <v>0.42553967202456316</v>
      </c>
      <c r="J308">
        <f t="shared" si="49"/>
        <v>1.4184655734152107</v>
      </c>
      <c r="K308">
        <f t="shared" si="50"/>
        <v>2.1276983601228157</v>
      </c>
      <c r="L308">
        <f t="shared" si="51"/>
        <v>10.212952128589516</v>
      </c>
      <c r="M308">
        <f t="shared" si="52"/>
        <v>0</v>
      </c>
      <c r="N308" s="46">
        <f t="shared" si="53"/>
        <v>45303.416666666002</v>
      </c>
    </row>
    <row r="309" spans="2:14" x14ac:dyDescent="0.3">
      <c r="B309">
        <f t="shared" si="47"/>
        <v>5</v>
      </c>
      <c r="C309" s="16">
        <v>275</v>
      </c>
      <c r="D309" cm="1">
        <f t="array" ref="D309">IFERROR(INDEX(Jesper!AH$2:AH$366,ROUNDDOWN($C309/24,0)+1,1)*INDEX($D$3:$AA$30,INDEX(Jesper!$R$2:$R$366,ROW(INDEX(Jesper!AH$2:AH$366,ROUNDDOWN($C309/24,0)+1,1))-1)+IF('Standard Profiles'!$G$18=$B$10,7,0)+IF('Standard Profiles'!$G$18=$B$17,14,0)+IF('Standard Profiles'!$G$18=$B$24,21,0),MOD($C309,24)+1)/SUM(INDEX($D$3:$AA$30,INDEX(Jesper!$R$2:$R$366,ROW(INDEX(Jesper!AH$2:AH$366,ROUNDDOWN($C309/24,0)+1,1))-1)+IF('Standard Profiles'!$G$18=$B$10,7,0)+IF('Standard Profiles'!$G$18=$B$17,14,0)+IF('Standard Profiles'!$G$18=$B$24,21,0),0)),0)</f>
        <v>16.366910462483197</v>
      </c>
      <c r="E309" cm="1">
        <f t="array" ref="E309">IFERROR(INDEX(Jesper!AI$2:AI$366,ROUNDDOWN($C309/24,0)+1,1)*INDEX($D$3:$AA$30,INDEX(Jesper!$R$2:$R$366,ROW(INDEX(Jesper!AI$2:AI$366,ROUNDDOWN($C309/24,0)+1,1))-1)+IF('Standard Profiles'!$G$19=$B$10,7,0)+IF('Standard Profiles'!$G$19=$B$17,14,0)+IF('Standard Profiles'!$G$19=$B$24,21,0),MOD($C309,24)+1)/SUM(INDEX($D$3:$AA$30,INDEX(Jesper!$R$2:$R$366,ROW(INDEX(Jesper!AI$2:AI$366,ROUNDDOWN($C309/24,0)+1,1))-1)+IF('Standard Profiles'!$G$19=$B$10,7,0)+IF('Standard Profiles'!$G$19=$B$17,14,0)+IF('Standard Profiles'!$G$19=$B$24,21,0),0)),0)</f>
        <v>0</v>
      </c>
      <c r="F309" cm="1">
        <f t="array" ref="F309">IFERROR(INDEX(Jesper!AJ$2:AJ$366,ROUNDDOWN($C309/24,0)+1,1)*INDEX($D$3:$AA$30,INDEX(Jesper!$R$2:$R$366,ROW(INDEX(Jesper!AJ$2:AJ$366,ROUNDDOWN($C309/24,0)+1,1))-1)+IF('Standard Profiles'!$G$20=$B$10,7,0)+IF('Standard Profiles'!$G$20=$B$17,14,0)+IF('Standard Profiles'!$G$20=$B$24,21,0),MOD($C309,24)+1)/SUM(INDEX($D$3:$AA$30,INDEX(Jesper!$R$2:$R$366,ROW(INDEX(Jesper!AJ$2:AJ$366,ROUNDDOWN($C309/24,0)+1,1))-1)+IF('Standard Profiles'!$G$20=$B$10,7,0)+IF('Standard Profiles'!$G$20=$B$17,14,0)+IF('Standard Profiles'!$G$20=$B$24,21,0),0)),0)</f>
        <v>0</v>
      </c>
      <c r="G309" cm="1">
        <f t="array" ref="G309">IFERROR(INDEX(Jesper!AK$2:AK$366,ROUNDDOWN($C309/24,0)+1,1)*INDEX($D$3:$AA$30,INDEX(Jesper!$R$2:$R$366,ROW(INDEX(Jesper!AK$2:AK$366,ROUNDDOWN($C309/24,0)+1,1))-1)+IF('Standard Profiles'!$G$21=$B$10,7,0)+IF('Standard Profiles'!$G$21=$B$17,14,0)+IF('Standard Profiles'!$G$21=$B$24,21,0),MOD($C309,24)+1)/SUM(INDEX($D$3:$AA$30,INDEX(Jesper!$R$2:$R$366,ROW(INDEX(Jesper!AK$2:AK$366,ROUNDDOWN($C309/24,0)+1,1))-1)+IF('Standard Profiles'!$G$21=$B$10,7,0)+IF('Standard Profiles'!$G$21=$B$17,14,0)+IF('Standard Profiles'!$G$21=$B$24,21,0),0)),0)</f>
        <v>0</v>
      </c>
      <c r="H309" cm="1">
        <f t="array" ref="H309">IFERROR(INDEX(Jesper!AL$2:AL$366,ROUNDDOWN($C309/24,0)+1,1)*INDEX($D$3:$AA$30,INDEX(Jesper!$R$2:$R$366,ROW(INDEX(Jesper!AL$2:AL$366,ROUNDDOWN($C309/24,0)+1,1))-1)+IF('Standard Profiles'!$G$22=$B$10,7,0)+IF('Standard Profiles'!$G$22=$B$17,14,0)+IF('Standard Profiles'!$G$22=$B$24,21,0),MOD($C309,24)+1)/SUM(INDEX($D$3:$AA$30,INDEX(Jesper!$R$2:$R$366,ROW(INDEX(Jesper!AL$2:AL$366,ROUNDDOWN($C309/24,0)+1,1))-1)+IF('Standard Profiles'!$G$22=$B$10,7,0)+IF('Standard Profiles'!$G$22=$B$17,14,0)+IF('Standard Profiles'!$G$22=$B$24,21,0),0)),0)</f>
        <v>0</v>
      </c>
      <c r="I309">
        <f t="shared" si="48"/>
        <v>0.49100731387449592</v>
      </c>
      <c r="J309">
        <f t="shared" si="49"/>
        <v>1.6366910462483197</v>
      </c>
      <c r="K309">
        <f t="shared" si="50"/>
        <v>2.4550365693724796</v>
      </c>
      <c r="L309">
        <f t="shared" si="51"/>
        <v>11.784175532987902</v>
      </c>
      <c r="M309">
        <f t="shared" si="52"/>
        <v>0</v>
      </c>
      <c r="N309" s="46">
        <f t="shared" si="53"/>
        <v>45303.458333332666</v>
      </c>
    </row>
    <row r="310" spans="2:14" x14ac:dyDescent="0.3">
      <c r="B310">
        <f t="shared" si="47"/>
        <v>5</v>
      </c>
      <c r="C310" s="16">
        <v>276</v>
      </c>
      <c r="D310" cm="1">
        <f t="array" ref="D310">IFERROR(INDEX(Jesper!AH$2:AH$366,ROUNDDOWN($C310/24,0)+1,1)*INDEX($D$3:$AA$30,INDEX(Jesper!$R$2:$R$366,ROW(INDEX(Jesper!AH$2:AH$366,ROUNDDOWN($C310/24,0)+1,1))-1)+IF('Standard Profiles'!$G$18=$B$10,7,0)+IF('Standard Profiles'!$G$18=$B$17,14,0)+IF('Standard Profiles'!$G$18=$B$24,21,0),MOD($C310,24)+1)/SUM(INDEX($D$3:$AA$30,INDEX(Jesper!$R$2:$R$366,ROW(INDEX(Jesper!AH$2:AH$366,ROUNDDOWN($C310/24,0)+1,1))-1)+IF('Standard Profiles'!$G$18=$B$10,7,0)+IF('Standard Profiles'!$G$18=$B$17,14,0)+IF('Standard Profiles'!$G$18=$B$24,21,0),0)),0)</f>
        <v>16.366910462483197</v>
      </c>
      <c r="E310" cm="1">
        <f t="array" ref="E310">IFERROR(INDEX(Jesper!AI$2:AI$366,ROUNDDOWN($C310/24,0)+1,1)*INDEX($D$3:$AA$30,INDEX(Jesper!$R$2:$R$366,ROW(INDEX(Jesper!AI$2:AI$366,ROUNDDOWN($C310/24,0)+1,1))-1)+IF('Standard Profiles'!$G$19=$B$10,7,0)+IF('Standard Profiles'!$G$19=$B$17,14,0)+IF('Standard Profiles'!$G$19=$B$24,21,0),MOD($C310,24)+1)/SUM(INDEX($D$3:$AA$30,INDEX(Jesper!$R$2:$R$366,ROW(INDEX(Jesper!AI$2:AI$366,ROUNDDOWN($C310/24,0)+1,1))-1)+IF('Standard Profiles'!$G$19=$B$10,7,0)+IF('Standard Profiles'!$G$19=$B$17,14,0)+IF('Standard Profiles'!$G$19=$B$24,21,0),0)),0)</f>
        <v>0</v>
      </c>
      <c r="F310" cm="1">
        <f t="array" ref="F310">IFERROR(INDEX(Jesper!AJ$2:AJ$366,ROUNDDOWN($C310/24,0)+1,1)*INDEX($D$3:$AA$30,INDEX(Jesper!$R$2:$R$366,ROW(INDEX(Jesper!AJ$2:AJ$366,ROUNDDOWN($C310/24,0)+1,1))-1)+IF('Standard Profiles'!$G$20=$B$10,7,0)+IF('Standard Profiles'!$G$20=$B$17,14,0)+IF('Standard Profiles'!$G$20=$B$24,21,0),MOD($C310,24)+1)/SUM(INDEX($D$3:$AA$30,INDEX(Jesper!$R$2:$R$366,ROW(INDEX(Jesper!AJ$2:AJ$366,ROUNDDOWN($C310/24,0)+1,1))-1)+IF('Standard Profiles'!$G$20=$B$10,7,0)+IF('Standard Profiles'!$G$20=$B$17,14,0)+IF('Standard Profiles'!$G$20=$B$24,21,0),0)),0)</f>
        <v>0</v>
      </c>
      <c r="G310" cm="1">
        <f t="array" ref="G310">IFERROR(INDEX(Jesper!AK$2:AK$366,ROUNDDOWN($C310/24,0)+1,1)*INDEX($D$3:$AA$30,INDEX(Jesper!$R$2:$R$366,ROW(INDEX(Jesper!AK$2:AK$366,ROUNDDOWN($C310/24,0)+1,1))-1)+IF('Standard Profiles'!$G$21=$B$10,7,0)+IF('Standard Profiles'!$G$21=$B$17,14,0)+IF('Standard Profiles'!$G$21=$B$24,21,0),MOD($C310,24)+1)/SUM(INDEX($D$3:$AA$30,INDEX(Jesper!$R$2:$R$366,ROW(INDEX(Jesper!AK$2:AK$366,ROUNDDOWN($C310/24,0)+1,1))-1)+IF('Standard Profiles'!$G$21=$B$10,7,0)+IF('Standard Profiles'!$G$21=$B$17,14,0)+IF('Standard Profiles'!$G$21=$B$24,21,0),0)),0)</f>
        <v>0</v>
      </c>
      <c r="H310" cm="1">
        <f t="array" ref="H310">IFERROR(INDEX(Jesper!AL$2:AL$366,ROUNDDOWN($C310/24,0)+1,1)*INDEX($D$3:$AA$30,INDEX(Jesper!$R$2:$R$366,ROW(INDEX(Jesper!AL$2:AL$366,ROUNDDOWN($C310/24,0)+1,1))-1)+IF('Standard Profiles'!$G$22=$B$10,7,0)+IF('Standard Profiles'!$G$22=$B$17,14,0)+IF('Standard Profiles'!$G$22=$B$24,21,0),MOD($C310,24)+1)/SUM(INDEX($D$3:$AA$30,INDEX(Jesper!$R$2:$R$366,ROW(INDEX(Jesper!AL$2:AL$366,ROUNDDOWN($C310/24,0)+1,1))-1)+IF('Standard Profiles'!$G$22=$B$10,7,0)+IF('Standard Profiles'!$G$22=$B$17,14,0)+IF('Standard Profiles'!$G$22=$B$24,21,0),0)),0)</f>
        <v>0</v>
      </c>
      <c r="I310">
        <f t="shared" si="48"/>
        <v>0.49100731387449592</v>
      </c>
      <c r="J310">
        <f t="shared" si="49"/>
        <v>1.6366910462483197</v>
      </c>
      <c r="K310">
        <f t="shared" si="50"/>
        <v>2.4550365693724796</v>
      </c>
      <c r="L310">
        <f t="shared" si="51"/>
        <v>11.784175532987902</v>
      </c>
      <c r="M310">
        <f t="shared" si="52"/>
        <v>0</v>
      </c>
      <c r="N310" s="46">
        <f t="shared" si="53"/>
        <v>45303.499999999331</v>
      </c>
    </row>
    <row r="311" spans="2:14" x14ac:dyDescent="0.3">
      <c r="B311">
        <f t="shared" si="47"/>
        <v>5</v>
      </c>
      <c r="C311" s="16">
        <v>277</v>
      </c>
      <c r="D311" cm="1">
        <f t="array" ref="D311">IFERROR(INDEX(Jesper!AH$2:AH$366,ROUNDDOWN($C311/24,0)+1,1)*INDEX($D$3:$AA$30,INDEX(Jesper!$R$2:$R$366,ROW(INDEX(Jesper!AH$2:AH$366,ROUNDDOWN($C311/24,0)+1,1))-1)+IF('Standard Profiles'!$G$18=$B$10,7,0)+IF('Standard Profiles'!$G$18=$B$17,14,0)+IF('Standard Profiles'!$G$18=$B$24,21,0),MOD($C311,24)+1)/SUM(INDEX($D$3:$AA$30,INDEX(Jesper!$R$2:$R$366,ROW(INDEX(Jesper!AH$2:AH$366,ROUNDDOWN($C311/24,0)+1,1))-1)+IF('Standard Profiles'!$G$18=$B$10,7,0)+IF('Standard Profiles'!$G$18=$B$17,14,0)+IF('Standard Profiles'!$G$18=$B$24,21,0),0)),0)</f>
        <v>16.366910462483197</v>
      </c>
      <c r="E311" cm="1">
        <f t="array" ref="E311">IFERROR(INDEX(Jesper!AI$2:AI$366,ROUNDDOWN($C311/24,0)+1,1)*INDEX($D$3:$AA$30,INDEX(Jesper!$R$2:$R$366,ROW(INDEX(Jesper!AI$2:AI$366,ROUNDDOWN($C311/24,0)+1,1))-1)+IF('Standard Profiles'!$G$19=$B$10,7,0)+IF('Standard Profiles'!$G$19=$B$17,14,0)+IF('Standard Profiles'!$G$19=$B$24,21,0),MOD($C311,24)+1)/SUM(INDEX($D$3:$AA$30,INDEX(Jesper!$R$2:$R$366,ROW(INDEX(Jesper!AI$2:AI$366,ROUNDDOWN($C311/24,0)+1,1))-1)+IF('Standard Profiles'!$G$19=$B$10,7,0)+IF('Standard Profiles'!$G$19=$B$17,14,0)+IF('Standard Profiles'!$G$19=$B$24,21,0),0)),0)</f>
        <v>0</v>
      </c>
      <c r="F311" cm="1">
        <f t="array" ref="F311">IFERROR(INDEX(Jesper!AJ$2:AJ$366,ROUNDDOWN($C311/24,0)+1,1)*INDEX($D$3:$AA$30,INDEX(Jesper!$R$2:$R$366,ROW(INDEX(Jesper!AJ$2:AJ$366,ROUNDDOWN($C311/24,0)+1,1))-1)+IF('Standard Profiles'!$G$20=$B$10,7,0)+IF('Standard Profiles'!$G$20=$B$17,14,0)+IF('Standard Profiles'!$G$20=$B$24,21,0),MOD($C311,24)+1)/SUM(INDEX($D$3:$AA$30,INDEX(Jesper!$R$2:$R$366,ROW(INDEX(Jesper!AJ$2:AJ$366,ROUNDDOWN($C311/24,0)+1,1))-1)+IF('Standard Profiles'!$G$20=$B$10,7,0)+IF('Standard Profiles'!$G$20=$B$17,14,0)+IF('Standard Profiles'!$G$20=$B$24,21,0),0)),0)</f>
        <v>0</v>
      </c>
      <c r="G311" cm="1">
        <f t="array" ref="G311">IFERROR(INDEX(Jesper!AK$2:AK$366,ROUNDDOWN($C311/24,0)+1,1)*INDEX($D$3:$AA$30,INDEX(Jesper!$R$2:$R$366,ROW(INDEX(Jesper!AK$2:AK$366,ROUNDDOWN($C311/24,0)+1,1))-1)+IF('Standard Profiles'!$G$21=$B$10,7,0)+IF('Standard Profiles'!$G$21=$B$17,14,0)+IF('Standard Profiles'!$G$21=$B$24,21,0),MOD($C311,24)+1)/SUM(INDEX($D$3:$AA$30,INDEX(Jesper!$R$2:$R$366,ROW(INDEX(Jesper!AK$2:AK$366,ROUNDDOWN($C311/24,0)+1,1))-1)+IF('Standard Profiles'!$G$21=$B$10,7,0)+IF('Standard Profiles'!$G$21=$B$17,14,0)+IF('Standard Profiles'!$G$21=$B$24,21,0),0)),0)</f>
        <v>0</v>
      </c>
      <c r="H311" cm="1">
        <f t="array" ref="H311">IFERROR(INDEX(Jesper!AL$2:AL$366,ROUNDDOWN($C311/24,0)+1,1)*INDEX($D$3:$AA$30,INDEX(Jesper!$R$2:$R$366,ROW(INDEX(Jesper!AL$2:AL$366,ROUNDDOWN($C311/24,0)+1,1))-1)+IF('Standard Profiles'!$G$22=$B$10,7,0)+IF('Standard Profiles'!$G$22=$B$17,14,0)+IF('Standard Profiles'!$G$22=$B$24,21,0),MOD($C311,24)+1)/SUM(INDEX($D$3:$AA$30,INDEX(Jesper!$R$2:$R$366,ROW(INDEX(Jesper!AL$2:AL$366,ROUNDDOWN($C311/24,0)+1,1))-1)+IF('Standard Profiles'!$G$22=$B$10,7,0)+IF('Standard Profiles'!$G$22=$B$17,14,0)+IF('Standard Profiles'!$G$22=$B$24,21,0),0)),0)</f>
        <v>0</v>
      </c>
      <c r="I311">
        <f t="shared" si="48"/>
        <v>0.49100731387449592</v>
      </c>
      <c r="J311">
        <f t="shared" si="49"/>
        <v>1.6366910462483197</v>
      </c>
      <c r="K311">
        <f t="shared" si="50"/>
        <v>2.4550365693724796</v>
      </c>
      <c r="L311">
        <f t="shared" si="51"/>
        <v>11.784175532987902</v>
      </c>
      <c r="M311">
        <f t="shared" si="52"/>
        <v>0</v>
      </c>
      <c r="N311" s="46">
        <f t="shared" si="53"/>
        <v>45303.541666665995</v>
      </c>
    </row>
    <row r="312" spans="2:14" x14ac:dyDescent="0.3">
      <c r="B312">
        <f t="shared" si="47"/>
        <v>5</v>
      </c>
      <c r="C312" s="16">
        <v>278</v>
      </c>
      <c r="D312" cm="1">
        <f t="array" ref="D312">IFERROR(INDEX(Jesper!AH$2:AH$366,ROUNDDOWN($C312/24,0)+1,1)*INDEX($D$3:$AA$30,INDEX(Jesper!$R$2:$R$366,ROW(INDEX(Jesper!AH$2:AH$366,ROUNDDOWN($C312/24,0)+1,1))-1)+IF('Standard Profiles'!$G$18=$B$10,7,0)+IF('Standard Profiles'!$G$18=$B$17,14,0)+IF('Standard Profiles'!$G$18=$B$24,21,0),MOD($C312,24)+1)/SUM(INDEX($D$3:$AA$30,INDEX(Jesper!$R$2:$R$366,ROW(INDEX(Jesper!AH$2:AH$366,ROUNDDOWN($C312/24,0)+1,1))-1)+IF('Standard Profiles'!$G$18=$B$10,7,0)+IF('Standard Profiles'!$G$18=$B$17,14,0)+IF('Standard Profiles'!$G$18=$B$24,21,0),0)),0)</f>
        <v>16.366910462483197</v>
      </c>
      <c r="E312" cm="1">
        <f t="array" ref="E312">IFERROR(INDEX(Jesper!AI$2:AI$366,ROUNDDOWN($C312/24,0)+1,1)*INDEX($D$3:$AA$30,INDEX(Jesper!$R$2:$R$366,ROW(INDEX(Jesper!AI$2:AI$366,ROUNDDOWN($C312/24,0)+1,1))-1)+IF('Standard Profiles'!$G$19=$B$10,7,0)+IF('Standard Profiles'!$G$19=$B$17,14,0)+IF('Standard Profiles'!$G$19=$B$24,21,0),MOD($C312,24)+1)/SUM(INDEX($D$3:$AA$30,INDEX(Jesper!$R$2:$R$366,ROW(INDEX(Jesper!AI$2:AI$366,ROUNDDOWN($C312/24,0)+1,1))-1)+IF('Standard Profiles'!$G$19=$B$10,7,0)+IF('Standard Profiles'!$G$19=$B$17,14,0)+IF('Standard Profiles'!$G$19=$B$24,21,0),0)),0)</f>
        <v>0</v>
      </c>
      <c r="F312" cm="1">
        <f t="array" ref="F312">IFERROR(INDEX(Jesper!AJ$2:AJ$366,ROUNDDOWN($C312/24,0)+1,1)*INDEX($D$3:$AA$30,INDEX(Jesper!$R$2:$R$366,ROW(INDEX(Jesper!AJ$2:AJ$366,ROUNDDOWN($C312/24,0)+1,1))-1)+IF('Standard Profiles'!$G$20=$B$10,7,0)+IF('Standard Profiles'!$G$20=$B$17,14,0)+IF('Standard Profiles'!$G$20=$B$24,21,0),MOD($C312,24)+1)/SUM(INDEX($D$3:$AA$30,INDEX(Jesper!$R$2:$R$366,ROW(INDEX(Jesper!AJ$2:AJ$366,ROUNDDOWN($C312/24,0)+1,1))-1)+IF('Standard Profiles'!$G$20=$B$10,7,0)+IF('Standard Profiles'!$G$20=$B$17,14,0)+IF('Standard Profiles'!$G$20=$B$24,21,0),0)),0)</f>
        <v>0</v>
      </c>
      <c r="G312" cm="1">
        <f t="array" ref="G312">IFERROR(INDEX(Jesper!AK$2:AK$366,ROUNDDOWN($C312/24,0)+1,1)*INDEX($D$3:$AA$30,INDEX(Jesper!$R$2:$R$366,ROW(INDEX(Jesper!AK$2:AK$366,ROUNDDOWN($C312/24,0)+1,1))-1)+IF('Standard Profiles'!$G$21=$B$10,7,0)+IF('Standard Profiles'!$G$21=$B$17,14,0)+IF('Standard Profiles'!$G$21=$B$24,21,0),MOD($C312,24)+1)/SUM(INDEX($D$3:$AA$30,INDEX(Jesper!$R$2:$R$366,ROW(INDEX(Jesper!AK$2:AK$366,ROUNDDOWN($C312/24,0)+1,1))-1)+IF('Standard Profiles'!$G$21=$B$10,7,0)+IF('Standard Profiles'!$G$21=$B$17,14,0)+IF('Standard Profiles'!$G$21=$B$24,21,0),0)),0)</f>
        <v>0</v>
      </c>
      <c r="H312" cm="1">
        <f t="array" ref="H312">IFERROR(INDEX(Jesper!AL$2:AL$366,ROUNDDOWN($C312/24,0)+1,1)*INDEX($D$3:$AA$30,INDEX(Jesper!$R$2:$R$366,ROW(INDEX(Jesper!AL$2:AL$366,ROUNDDOWN($C312/24,0)+1,1))-1)+IF('Standard Profiles'!$G$22=$B$10,7,0)+IF('Standard Profiles'!$G$22=$B$17,14,0)+IF('Standard Profiles'!$G$22=$B$24,21,0),MOD($C312,24)+1)/SUM(INDEX($D$3:$AA$30,INDEX(Jesper!$R$2:$R$366,ROW(INDEX(Jesper!AL$2:AL$366,ROUNDDOWN($C312/24,0)+1,1))-1)+IF('Standard Profiles'!$G$22=$B$10,7,0)+IF('Standard Profiles'!$G$22=$B$17,14,0)+IF('Standard Profiles'!$G$22=$B$24,21,0),0)),0)</f>
        <v>0</v>
      </c>
      <c r="I312">
        <f t="shared" si="48"/>
        <v>0.49100731387449592</v>
      </c>
      <c r="J312">
        <f t="shared" si="49"/>
        <v>1.6366910462483197</v>
      </c>
      <c r="K312">
        <f t="shared" si="50"/>
        <v>2.4550365693724796</v>
      </c>
      <c r="L312">
        <f t="shared" si="51"/>
        <v>11.784175532987902</v>
      </c>
      <c r="M312">
        <f t="shared" si="52"/>
        <v>0</v>
      </c>
      <c r="N312" s="46">
        <f t="shared" si="53"/>
        <v>45303.583333332659</v>
      </c>
    </row>
    <row r="313" spans="2:14" x14ac:dyDescent="0.3">
      <c r="B313">
        <f t="shared" si="47"/>
        <v>5</v>
      </c>
      <c r="C313" s="16">
        <v>279</v>
      </c>
      <c r="D313" cm="1">
        <f t="array" ref="D313">IFERROR(INDEX(Jesper!AH$2:AH$366,ROUNDDOWN($C313/24,0)+1,1)*INDEX($D$3:$AA$30,INDEX(Jesper!$R$2:$R$366,ROW(INDEX(Jesper!AH$2:AH$366,ROUNDDOWN($C313/24,0)+1,1))-1)+IF('Standard Profiles'!$G$18=$B$10,7,0)+IF('Standard Profiles'!$G$18=$B$17,14,0)+IF('Standard Profiles'!$G$18=$B$24,21,0),MOD($C313,24)+1)/SUM(INDEX($D$3:$AA$30,INDEX(Jesper!$R$2:$R$366,ROW(INDEX(Jesper!AH$2:AH$366,ROUNDDOWN($C313/24,0)+1,1))-1)+IF('Standard Profiles'!$G$18=$B$10,7,0)+IF('Standard Profiles'!$G$18=$B$17,14,0)+IF('Standard Profiles'!$G$18=$B$24,21,0),0)),0)</f>
        <v>13.639092052069334</v>
      </c>
      <c r="E313" cm="1">
        <f t="array" ref="E313">IFERROR(INDEX(Jesper!AI$2:AI$366,ROUNDDOWN($C313/24,0)+1,1)*INDEX($D$3:$AA$30,INDEX(Jesper!$R$2:$R$366,ROW(INDEX(Jesper!AI$2:AI$366,ROUNDDOWN($C313/24,0)+1,1))-1)+IF('Standard Profiles'!$G$19=$B$10,7,0)+IF('Standard Profiles'!$G$19=$B$17,14,0)+IF('Standard Profiles'!$G$19=$B$24,21,0),MOD($C313,24)+1)/SUM(INDEX($D$3:$AA$30,INDEX(Jesper!$R$2:$R$366,ROW(INDEX(Jesper!AI$2:AI$366,ROUNDDOWN($C313/24,0)+1,1))-1)+IF('Standard Profiles'!$G$19=$B$10,7,0)+IF('Standard Profiles'!$G$19=$B$17,14,0)+IF('Standard Profiles'!$G$19=$B$24,21,0),0)),0)</f>
        <v>0</v>
      </c>
      <c r="F313" cm="1">
        <f t="array" ref="F313">IFERROR(INDEX(Jesper!AJ$2:AJ$366,ROUNDDOWN($C313/24,0)+1,1)*INDEX($D$3:$AA$30,INDEX(Jesper!$R$2:$R$366,ROW(INDEX(Jesper!AJ$2:AJ$366,ROUNDDOWN($C313/24,0)+1,1))-1)+IF('Standard Profiles'!$G$20=$B$10,7,0)+IF('Standard Profiles'!$G$20=$B$17,14,0)+IF('Standard Profiles'!$G$20=$B$24,21,0),MOD($C313,24)+1)/SUM(INDEX($D$3:$AA$30,INDEX(Jesper!$R$2:$R$366,ROW(INDEX(Jesper!AJ$2:AJ$366,ROUNDDOWN($C313/24,0)+1,1))-1)+IF('Standard Profiles'!$G$20=$B$10,7,0)+IF('Standard Profiles'!$G$20=$B$17,14,0)+IF('Standard Profiles'!$G$20=$B$24,21,0),0)),0)</f>
        <v>0</v>
      </c>
      <c r="G313" cm="1">
        <f t="array" ref="G313">IFERROR(INDEX(Jesper!AK$2:AK$366,ROUNDDOWN($C313/24,0)+1,1)*INDEX($D$3:$AA$30,INDEX(Jesper!$R$2:$R$366,ROW(INDEX(Jesper!AK$2:AK$366,ROUNDDOWN($C313/24,0)+1,1))-1)+IF('Standard Profiles'!$G$21=$B$10,7,0)+IF('Standard Profiles'!$G$21=$B$17,14,0)+IF('Standard Profiles'!$G$21=$B$24,21,0),MOD($C313,24)+1)/SUM(INDEX($D$3:$AA$30,INDEX(Jesper!$R$2:$R$366,ROW(INDEX(Jesper!AK$2:AK$366,ROUNDDOWN($C313/24,0)+1,1))-1)+IF('Standard Profiles'!$G$21=$B$10,7,0)+IF('Standard Profiles'!$G$21=$B$17,14,0)+IF('Standard Profiles'!$G$21=$B$24,21,0),0)),0)</f>
        <v>0</v>
      </c>
      <c r="H313" cm="1">
        <f t="array" ref="H313">IFERROR(INDEX(Jesper!AL$2:AL$366,ROUNDDOWN($C313/24,0)+1,1)*INDEX($D$3:$AA$30,INDEX(Jesper!$R$2:$R$366,ROW(INDEX(Jesper!AL$2:AL$366,ROUNDDOWN($C313/24,0)+1,1))-1)+IF('Standard Profiles'!$G$22=$B$10,7,0)+IF('Standard Profiles'!$G$22=$B$17,14,0)+IF('Standard Profiles'!$G$22=$B$24,21,0),MOD($C313,24)+1)/SUM(INDEX($D$3:$AA$30,INDEX(Jesper!$R$2:$R$366,ROW(INDEX(Jesper!AL$2:AL$366,ROUNDDOWN($C313/24,0)+1,1))-1)+IF('Standard Profiles'!$G$22=$B$10,7,0)+IF('Standard Profiles'!$G$22=$B$17,14,0)+IF('Standard Profiles'!$G$22=$B$24,21,0),0)),0)</f>
        <v>0</v>
      </c>
      <c r="I313">
        <f t="shared" si="48"/>
        <v>0.40917276156207999</v>
      </c>
      <c r="J313">
        <f t="shared" si="49"/>
        <v>1.3639092052069335</v>
      </c>
      <c r="K313">
        <f t="shared" si="50"/>
        <v>2.0458638078104001</v>
      </c>
      <c r="L313">
        <f t="shared" si="51"/>
        <v>9.8201462774899202</v>
      </c>
      <c r="M313">
        <f t="shared" si="52"/>
        <v>0</v>
      </c>
      <c r="N313" s="46">
        <f t="shared" si="53"/>
        <v>45303.624999999323</v>
      </c>
    </row>
    <row r="314" spans="2:14" x14ac:dyDescent="0.3">
      <c r="B314">
        <f t="shared" si="47"/>
        <v>5</v>
      </c>
      <c r="C314" s="16">
        <v>280</v>
      </c>
      <c r="D314" cm="1">
        <f t="array" ref="D314">IFERROR(INDEX(Jesper!AH$2:AH$366,ROUNDDOWN($C314/24,0)+1,1)*INDEX($D$3:$AA$30,INDEX(Jesper!$R$2:$R$366,ROW(INDEX(Jesper!AH$2:AH$366,ROUNDDOWN($C314/24,0)+1,1))-1)+IF('Standard Profiles'!$G$18=$B$10,7,0)+IF('Standard Profiles'!$G$18=$B$17,14,0)+IF('Standard Profiles'!$G$18=$B$24,21,0),MOD($C314,24)+1)/SUM(INDEX($D$3:$AA$30,INDEX(Jesper!$R$2:$R$366,ROW(INDEX(Jesper!AH$2:AH$366,ROUNDDOWN($C314/24,0)+1,1))-1)+IF('Standard Profiles'!$G$18=$B$10,7,0)+IF('Standard Profiles'!$G$18=$B$17,14,0)+IF('Standard Profiles'!$G$18=$B$24,21,0),0)),0)</f>
        <v>12.911673809292303</v>
      </c>
      <c r="E314" cm="1">
        <f t="array" ref="E314">IFERROR(INDEX(Jesper!AI$2:AI$366,ROUNDDOWN($C314/24,0)+1,1)*INDEX($D$3:$AA$30,INDEX(Jesper!$R$2:$R$366,ROW(INDEX(Jesper!AI$2:AI$366,ROUNDDOWN($C314/24,0)+1,1))-1)+IF('Standard Profiles'!$G$19=$B$10,7,0)+IF('Standard Profiles'!$G$19=$B$17,14,0)+IF('Standard Profiles'!$G$19=$B$24,21,0),MOD($C314,24)+1)/SUM(INDEX($D$3:$AA$30,INDEX(Jesper!$R$2:$R$366,ROW(INDEX(Jesper!AI$2:AI$366,ROUNDDOWN($C314/24,0)+1,1))-1)+IF('Standard Profiles'!$G$19=$B$10,7,0)+IF('Standard Profiles'!$G$19=$B$17,14,0)+IF('Standard Profiles'!$G$19=$B$24,21,0),0)),0)</f>
        <v>0</v>
      </c>
      <c r="F314" cm="1">
        <f t="array" ref="F314">IFERROR(INDEX(Jesper!AJ$2:AJ$366,ROUNDDOWN($C314/24,0)+1,1)*INDEX($D$3:$AA$30,INDEX(Jesper!$R$2:$R$366,ROW(INDEX(Jesper!AJ$2:AJ$366,ROUNDDOWN($C314/24,0)+1,1))-1)+IF('Standard Profiles'!$G$20=$B$10,7,0)+IF('Standard Profiles'!$G$20=$B$17,14,0)+IF('Standard Profiles'!$G$20=$B$24,21,0),MOD($C314,24)+1)/SUM(INDEX($D$3:$AA$30,INDEX(Jesper!$R$2:$R$366,ROW(INDEX(Jesper!AJ$2:AJ$366,ROUNDDOWN($C314/24,0)+1,1))-1)+IF('Standard Profiles'!$G$20=$B$10,7,0)+IF('Standard Profiles'!$G$20=$B$17,14,0)+IF('Standard Profiles'!$G$20=$B$24,21,0),0)),0)</f>
        <v>0</v>
      </c>
      <c r="G314" cm="1">
        <f t="array" ref="G314">IFERROR(INDEX(Jesper!AK$2:AK$366,ROUNDDOWN($C314/24,0)+1,1)*INDEX($D$3:$AA$30,INDEX(Jesper!$R$2:$R$366,ROW(INDEX(Jesper!AK$2:AK$366,ROUNDDOWN($C314/24,0)+1,1))-1)+IF('Standard Profiles'!$G$21=$B$10,7,0)+IF('Standard Profiles'!$G$21=$B$17,14,0)+IF('Standard Profiles'!$G$21=$B$24,21,0),MOD($C314,24)+1)/SUM(INDEX($D$3:$AA$30,INDEX(Jesper!$R$2:$R$366,ROW(INDEX(Jesper!AK$2:AK$366,ROUNDDOWN($C314/24,0)+1,1))-1)+IF('Standard Profiles'!$G$21=$B$10,7,0)+IF('Standard Profiles'!$G$21=$B$17,14,0)+IF('Standard Profiles'!$G$21=$B$24,21,0),0)),0)</f>
        <v>0</v>
      </c>
      <c r="H314" cm="1">
        <f t="array" ref="H314">IFERROR(INDEX(Jesper!AL$2:AL$366,ROUNDDOWN($C314/24,0)+1,1)*INDEX($D$3:$AA$30,INDEX(Jesper!$R$2:$R$366,ROW(INDEX(Jesper!AL$2:AL$366,ROUNDDOWN($C314/24,0)+1,1))-1)+IF('Standard Profiles'!$G$22=$B$10,7,0)+IF('Standard Profiles'!$G$22=$B$17,14,0)+IF('Standard Profiles'!$G$22=$B$24,21,0),MOD($C314,24)+1)/SUM(INDEX($D$3:$AA$30,INDEX(Jesper!$R$2:$R$366,ROW(INDEX(Jesper!AL$2:AL$366,ROUNDDOWN($C314/24,0)+1,1))-1)+IF('Standard Profiles'!$G$22=$B$10,7,0)+IF('Standard Profiles'!$G$22=$B$17,14,0)+IF('Standard Profiles'!$G$22=$B$24,21,0),0)),0)</f>
        <v>0</v>
      </c>
      <c r="I314">
        <f t="shared" si="48"/>
        <v>0.38735021427876909</v>
      </c>
      <c r="J314">
        <f t="shared" si="49"/>
        <v>1.2911673809292303</v>
      </c>
      <c r="K314">
        <f t="shared" si="50"/>
        <v>1.9367510713938454</v>
      </c>
      <c r="L314">
        <f t="shared" si="51"/>
        <v>9.2964051426904586</v>
      </c>
      <c r="M314">
        <f t="shared" si="52"/>
        <v>0</v>
      </c>
      <c r="N314" s="46">
        <f t="shared" si="53"/>
        <v>45303.666666665988</v>
      </c>
    </row>
    <row r="315" spans="2:14" x14ac:dyDescent="0.3">
      <c r="B315">
        <f t="shared" si="47"/>
        <v>5</v>
      </c>
      <c r="C315" s="16">
        <v>281</v>
      </c>
      <c r="D315" cm="1">
        <f t="array" ref="D315">IFERROR(INDEX(Jesper!AH$2:AH$366,ROUNDDOWN($C315/24,0)+1,1)*INDEX($D$3:$AA$30,INDEX(Jesper!$R$2:$R$366,ROW(INDEX(Jesper!AH$2:AH$366,ROUNDDOWN($C315/24,0)+1,1))-1)+IF('Standard Profiles'!$G$18=$B$10,7,0)+IF('Standard Profiles'!$G$18=$B$17,14,0)+IF('Standard Profiles'!$G$18=$B$24,21,0),MOD($C315,24)+1)/SUM(INDEX($D$3:$AA$30,INDEX(Jesper!$R$2:$R$366,ROW(INDEX(Jesper!AH$2:AH$366,ROUNDDOWN($C315/24,0)+1,1))-1)+IF('Standard Profiles'!$G$18=$B$10,7,0)+IF('Standard Profiles'!$G$18=$B$17,14,0)+IF('Standard Profiles'!$G$18=$B$24,21,0),0)),0)</f>
        <v>12.911673809292303</v>
      </c>
      <c r="E315" cm="1">
        <f t="array" ref="E315">IFERROR(INDEX(Jesper!AI$2:AI$366,ROUNDDOWN($C315/24,0)+1,1)*INDEX($D$3:$AA$30,INDEX(Jesper!$R$2:$R$366,ROW(INDEX(Jesper!AI$2:AI$366,ROUNDDOWN($C315/24,0)+1,1))-1)+IF('Standard Profiles'!$G$19=$B$10,7,0)+IF('Standard Profiles'!$G$19=$B$17,14,0)+IF('Standard Profiles'!$G$19=$B$24,21,0),MOD($C315,24)+1)/SUM(INDEX($D$3:$AA$30,INDEX(Jesper!$R$2:$R$366,ROW(INDEX(Jesper!AI$2:AI$366,ROUNDDOWN($C315/24,0)+1,1))-1)+IF('Standard Profiles'!$G$19=$B$10,7,0)+IF('Standard Profiles'!$G$19=$B$17,14,0)+IF('Standard Profiles'!$G$19=$B$24,21,0),0)),0)</f>
        <v>0</v>
      </c>
      <c r="F315" cm="1">
        <f t="array" ref="F315">IFERROR(INDEX(Jesper!AJ$2:AJ$366,ROUNDDOWN($C315/24,0)+1,1)*INDEX($D$3:$AA$30,INDEX(Jesper!$R$2:$R$366,ROW(INDEX(Jesper!AJ$2:AJ$366,ROUNDDOWN($C315/24,0)+1,1))-1)+IF('Standard Profiles'!$G$20=$B$10,7,0)+IF('Standard Profiles'!$G$20=$B$17,14,0)+IF('Standard Profiles'!$G$20=$B$24,21,0),MOD($C315,24)+1)/SUM(INDEX($D$3:$AA$30,INDEX(Jesper!$R$2:$R$366,ROW(INDEX(Jesper!AJ$2:AJ$366,ROUNDDOWN($C315/24,0)+1,1))-1)+IF('Standard Profiles'!$G$20=$B$10,7,0)+IF('Standard Profiles'!$G$20=$B$17,14,0)+IF('Standard Profiles'!$G$20=$B$24,21,0),0)),0)</f>
        <v>0</v>
      </c>
      <c r="G315" cm="1">
        <f t="array" ref="G315">IFERROR(INDEX(Jesper!AK$2:AK$366,ROUNDDOWN($C315/24,0)+1,1)*INDEX($D$3:$AA$30,INDEX(Jesper!$R$2:$R$366,ROW(INDEX(Jesper!AK$2:AK$366,ROUNDDOWN($C315/24,0)+1,1))-1)+IF('Standard Profiles'!$G$21=$B$10,7,0)+IF('Standard Profiles'!$G$21=$B$17,14,0)+IF('Standard Profiles'!$G$21=$B$24,21,0),MOD($C315,24)+1)/SUM(INDEX($D$3:$AA$30,INDEX(Jesper!$R$2:$R$366,ROW(INDEX(Jesper!AK$2:AK$366,ROUNDDOWN($C315/24,0)+1,1))-1)+IF('Standard Profiles'!$G$21=$B$10,7,0)+IF('Standard Profiles'!$G$21=$B$17,14,0)+IF('Standard Profiles'!$G$21=$B$24,21,0),0)),0)</f>
        <v>0</v>
      </c>
      <c r="H315" cm="1">
        <f t="array" ref="H315">IFERROR(INDEX(Jesper!AL$2:AL$366,ROUNDDOWN($C315/24,0)+1,1)*INDEX($D$3:$AA$30,INDEX(Jesper!$R$2:$R$366,ROW(INDEX(Jesper!AL$2:AL$366,ROUNDDOWN($C315/24,0)+1,1))-1)+IF('Standard Profiles'!$G$22=$B$10,7,0)+IF('Standard Profiles'!$G$22=$B$17,14,0)+IF('Standard Profiles'!$G$22=$B$24,21,0),MOD($C315,24)+1)/SUM(INDEX($D$3:$AA$30,INDEX(Jesper!$R$2:$R$366,ROW(INDEX(Jesper!AL$2:AL$366,ROUNDDOWN($C315/24,0)+1,1))-1)+IF('Standard Profiles'!$G$22=$B$10,7,0)+IF('Standard Profiles'!$G$22=$B$17,14,0)+IF('Standard Profiles'!$G$22=$B$24,21,0),0)),0)</f>
        <v>0</v>
      </c>
      <c r="I315">
        <f t="shared" si="48"/>
        <v>0.38735021427876909</v>
      </c>
      <c r="J315">
        <f t="shared" si="49"/>
        <v>1.2911673809292303</v>
      </c>
      <c r="K315">
        <f t="shared" si="50"/>
        <v>1.9367510713938454</v>
      </c>
      <c r="L315">
        <f t="shared" si="51"/>
        <v>9.2964051426904586</v>
      </c>
      <c r="M315">
        <f t="shared" si="52"/>
        <v>0</v>
      </c>
      <c r="N315" s="46">
        <f t="shared" si="53"/>
        <v>45303.708333332652</v>
      </c>
    </row>
    <row r="316" spans="2:14" x14ac:dyDescent="0.3">
      <c r="B316">
        <f t="shared" si="47"/>
        <v>5</v>
      </c>
      <c r="C316" s="16">
        <v>282</v>
      </c>
      <c r="D316" cm="1">
        <f t="array" ref="D316">IFERROR(INDEX(Jesper!AH$2:AH$366,ROUNDDOWN($C316/24,0)+1,1)*INDEX($D$3:$AA$30,INDEX(Jesper!$R$2:$R$366,ROW(INDEX(Jesper!AH$2:AH$366,ROUNDDOWN($C316/24,0)+1,1))-1)+IF('Standard Profiles'!$G$18=$B$10,7,0)+IF('Standard Profiles'!$G$18=$B$17,14,0)+IF('Standard Profiles'!$G$18=$B$24,21,0),MOD($C316,24)+1)/SUM(INDEX($D$3:$AA$30,INDEX(Jesper!$R$2:$R$366,ROW(INDEX(Jesper!AH$2:AH$366,ROUNDDOWN($C316/24,0)+1,1))-1)+IF('Standard Profiles'!$G$18=$B$10,7,0)+IF('Standard Profiles'!$G$18=$B$17,14,0)+IF('Standard Profiles'!$G$18=$B$24,21,0),0)),0)</f>
        <v>12.911673809292303</v>
      </c>
      <c r="E316" cm="1">
        <f t="array" ref="E316">IFERROR(INDEX(Jesper!AI$2:AI$366,ROUNDDOWN($C316/24,0)+1,1)*INDEX($D$3:$AA$30,INDEX(Jesper!$R$2:$R$366,ROW(INDEX(Jesper!AI$2:AI$366,ROUNDDOWN($C316/24,0)+1,1))-1)+IF('Standard Profiles'!$G$19=$B$10,7,0)+IF('Standard Profiles'!$G$19=$B$17,14,0)+IF('Standard Profiles'!$G$19=$B$24,21,0),MOD($C316,24)+1)/SUM(INDEX($D$3:$AA$30,INDEX(Jesper!$R$2:$R$366,ROW(INDEX(Jesper!AI$2:AI$366,ROUNDDOWN($C316/24,0)+1,1))-1)+IF('Standard Profiles'!$G$19=$B$10,7,0)+IF('Standard Profiles'!$G$19=$B$17,14,0)+IF('Standard Profiles'!$G$19=$B$24,21,0),0)),0)</f>
        <v>0</v>
      </c>
      <c r="F316" cm="1">
        <f t="array" ref="F316">IFERROR(INDEX(Jesper!AJ$2:AJ$366,ROUNDDOWN($C316/24,0)+1,1)*INDEX($D$3:$AA$30,INDEX(Jesper!$R$2:$R$366,ROW(INDEX(Jesper!AJ$2:AJ$366,ROUNDDOWN($C316/24,0)+1,1))-1)+IF('Standard Profiles'!$G$20=$B$10,7,0)+IF('Standard Profiles'!$G$20=$B$17,14,0)+IF('Standard Profiles'!$G$20=$B$24,21,0),MOD($C316,24)+1)/SUM(INDEX($D$3:$AA$30,INDEX(Jesper!$R$2:$R$366,ROW(INDEX(Jesper!AJ$2:AJ$366,ROUNDDOWN($C316/24,0)+1,1))-1)+IF('Standard Profiles'!$G$20=$B$10,7,0)+IF('Standard Profiles'!$G$20=$B$17,14,0)+IF('Standard Profiles'!$G$20=$B$24,21,0),0)),0)</f>
        <v>0</v>
      </c>
      <c r="G316" cm="1">
        <f t="array" ref="G316">IFERROR(INDEX(Jesper!AK$2:AK$366,ROUNDDOWN($C316/24,0)+1,1)*INDEX($D$3:$AA$30,INDEX(Jesper!$R$2:$R$366,ROW(INDEX(Jesper!AK$2:AK$366,ROUNDDOWN($C316/24,0)+1,1))-1)+IF('Standard Profiles'!$G$21=$B$10,7,0)+IF('Standard Profiles'!$G$21=$B$17,14,0)+IF('Standard Profiles'!$G$21=$B$24,21,0),MOD($C316,24)+1)/SUM(INDEX($D$3:$AA$30,INDEX(Jesper!$R$2:$R$366,ROW(INDEX(Jesper!AK$2:AK$366,ROUNDDOWN($C316/24,0)+1,1))-1)+IF('Standard Profiles'!$G$21=$B$10,7,0)+IF('Standard Profiles'!$G$21=$B$17,14,0)+IF('Standard Profiles'!$G$21=$B$24,21,0),0)),0)</f>
        <v>0</v>
      </c>
      <c r="H316" cm="1">
        <f t="array" ref="H316">IFERROR(INDEX(Jesper!AL$2:AL$366,ROUNDDOWN($C316/24,0)+1,1)*INDEX($D$3:$AA$30,INDEX(Jesper!$R$2:$R$366,ROW(INDEX(Jesper!AL$2:AL$366,ROUNDDOWN($C316/24,0)+1,1))-1)+IF('Standard Profiles'!$G$22=$B$10,7,0)+IF('Standard Profiles'!$G$22=$B$17,14,0)+IF('Standard Profiles'!$G$22=$B$24,21,0),MOD($C316,24)+1)/SUM(INDEX($D$3:$AA$30,INDEX(Jesper!$R$2:$R$366,ROW(INDEX(Jesper!AL$2:AL$366,ROUNDDOWN($C316/24,0)+1,1))-1)+IF('Standard Profiles'!$G$22=$B$10,7,0)+IF('Standard Profiles'!$G$22=$B$17,14,0)+IF('Standard Profiles'!$G$22=$B$24,21,0),0)),0)</f>
        <v>0</v>
      </c>
      <c r="I316">
        <f t="shared" si="48"/>
        <v>0.38735021427876909</v>
      </c>
      <c r="J316">
        <f t="shared" si="49"/>
        <v>1.2911673809292303</v>
      </c>
      <c r="K316">
        <f t="shared" si="50"/>
        <v>1.9367510713938454</v>
      </c>
      <c r="L316">
        <f t="shared" si="51"/>
        <v>9.2964051426904586</v>
      </c>
      <c r="M316">
        <f t="shared" si="52"/>
        <v>0</v>
      </c>
      <c r="N316" s="46">
        <f t="shared" si="53"/>
        <v>45303.749999999316</v>
      </c>
    </row>
    <row r="317" spans="2:14" x14ac:dyDescent="0.3">
      <c r="B317">
        <f t="shared" si="47"/>
        <v>5</v>
      </c>
      <c r="C317" s="16">
        <v>283</v>
      </c>
      <c r="D317" cm="1">
        <f t="array" ref="D317">IFERROR(INDEX(Jesper!AH$2:AH$366,ROUNDDOWN($C317/24,0)+1,1)*INDEX($D$3:$AA$30,INDEX(Jesper!$R$2:$R$366,ROW(INDEX(Jesper!AH$2:AH$366,ROUNDDOWN($C317/24,0)+1,1))-1)+IF('Standard Profiles'!$G$18=$B$10,7,0)+IF('Standard Profiles'!$G$18=$B$17,14,0)+IF('Standard Profiles'!$G$18=$B$24,21,0),MOD($C317,24)+1)/SUM(INDEX($D$3:$AA$30,INDEX(Jesper!$R$2:$R$366,ROW(INDEX(Jesper!AH$2:AH$366,ROUNDDOWN($C317/24,0)+1,1))-1)+IF('Standard Profiles'!$G$18=$B$10,7,0)+IF('Standard Profiles'!$G$18=$B$17,14,0)+IF('Standard Profiles'!$G$18=$B$24,21,0),0)),0)</f>
        <v>12.911673809292303</v>
      </c>
      <c r="E317" cm="1">
        <f t="array" ref="E317">IFERROR(INDEX(Jesper!AI$2:AI$366,ROUNDDOWN($C317/24,0)+1,1)*INDEX($D$3:$AA$30,INDEX(Jesper!$R$2:$R$366,ROW(INDEX(Jesper!AI$2:AI$366,ROUNDDOWN($C317/24,0)+1,1))-1)+IF('Standard Profiles'!$G$19=$B$10,7,0)+IF('Standard Profiles'!$G$19=$B$17,14,0)+IF('Standard Profiles'!$G$19=$B$24,21,0),MOD($C317,24)+1)/SUM(INDEX($D$3:$AA$30,INDEX(Jesper!$R$2:$R$366,ROW(INDEX(Jesper!AI$2:AI$366,ROUNDDOWN($C317/24,0)+1,1))-1)+IF('Standard Profiles'!$G$19=$B$10,7,0)+IF('Standard Profiles'!$G$19=$B$17,14,0)+IF('Standard Profiles'!$G$19=$B$24,21,0),0)),0)</f>
        <v>0</v>
      </c>
      <c r="F317" cm="1">
        <f t="array" ref="F317">IFERROR(INDEX(Jesper!AJ$2:AJ$366,ROUNDDOWN($C317/24,0)+1,1)*INDEX($D$3:$AA$30,INDEX(Jesper!$R$2:$R$366,ROW(INDEX(Jesper!AJ$2:AJ$366,ROUNDDOWN($C317/24,0)+1,1))-1)+IF('Standard Profiles'!$G$20=$B$10,7,0)+IF('Standard Profiles'!$G$20=$B$17,14,0)+IF('Standard Profiles'!$G$20=$B$24,21,0),MOD($C317,24)+1)/SUM(INDEX($D$3:$AA$30,INDEX(Jesper!$R$2:$R$366,ROW(INDEX(Jesper!AJ$2:AJ$366,ROUNDDOWN($C317/24,0)+1,1))-1)+IF('Standard Profiles'!$G$20=$B$10,7,0)+IF('Standard Profiles'!$G$20=$B$17,14,0)+IF('Standard Profiles'!$G$20=$B$24,21,0),0)),0)</f>
        <v>0</v>
      </c>
      <c r="G317" cm="1">
        <f t="array" ref="G317">IFERROR(INDEX(Jesper!AK$2:AK$366,ROUNDDOWN($C317/24,0)+1,1)*INDEX($D$3:$AA$30,INDEX(Jesper!$R$2:$R$366,ROW(INDEX(Jesper!AK$2:AK$366,ROUNDDOWN($C317/24,0)+1,1))-1)+IF('Standard Profiles'!$G$21=$B$10,7,0)+IF('Standard Profiles'!$G$21=$B$17,14,0)+IF('Standard Profiles'!$G$21=$B$24,21,0),MOD($C317,24)+1)/SUM(INDEX($D$3:$AA$30,INDEX(Jesper!$R$2:$R$366,ROW(INDEX(Jesper!AK$2:AK$366,ROUNDDOWN($C317/24,0)+1,1))-1)+IF('Standard Profiles'!$G$21=$B$10,7,0)+IF('Standard Profiles'!$G$21=$B$17,14,0)+IF('Standard Profiles'!$G$21=$B$24,21,0),0)),0)</f>
        <v>0</v>
      </c>
      <c r="H317" cm="1">
        <f t="array" ref="H317">IFERROR(INDEX(Jesper!AL$2:AL$366,ROUNDDOWN($C317/24,0)+1,1)*INDEX($D$3:$AA$30,INDEX(Jesper!$R$2:$R$366,ROW(INDEX(Jesper!AL$2:AL$366,ROUNDDOWN($C317/24,0)+1,1))-1)+IF('Standard Profiles'!$G$22=$B$10,7,0)+IF('Standard Profiles'!$G$22=$B$17,14,0)+IF('Standard Profiles'!$G$22=$B$24,21,0),MOD($C317,24)+1)/SUM(INDEX($D$3:$AA$30,INDEX(Jesper!$R$2:$R$366,ROW(INDEX(Jesper!AL$2:AL$366,ROUNDDOWN($C317/24,0)+1,1))-1)+IF('Standard Profiles'!$G$22=$B$10,7,0)+IF('Standard Profiles'!$G$22=$B$17,14,0)+IF('Standard Profiles'!$G$22=$B$24,21,0),0)),0)</f>
        <v>0</v>
      </c>
      <c r="I317">
        <f t="shared" si="48"/>
        <v>0.38735021427876909</v>
      </c>
      <c r="J317">
        <f t="shared" si="49"/>
        <v>1.2911673809292303</v>
      </c>
      <c r="K317">
        <f t="shared" si="50"/>
        <v>1.9367510713938454</v>
      </c>
      <c r="L317">
        <f t="shared" si="51"/>
        <v>9.2964051426904586</v>
      </c>
      <c r="M317">
        <f t="shared" si="52"/>
        <v>0</v>
      </c>
      <c r="N317" s="46">
        <f t="shared" si="53"/>
        <v>45303.79166666598</v>
      </c>
    </row>
    <row r="318" spans="2:14" x14ac:dyDescent="0.3">
      <c r="B318">
        <f t="shared" si="47"/>
        <v>5</v>
      </c>
      <c r="C318" s="16">
        <v>284</v>
      </c>
      <c r="D318" cm="1">
        <f t="array" ref="D318">IFERROR(INDEX(Jesper!AH$2:AH$366,ROUNDDOWN($C318/24,0)+1,1)*INDEX($D$3:$AA$30,INDEX(Jesper!$R$2:$R$366,ROW(INDEX(Jesper!AH$2:AH$366,ROUNDDOWN($C318/24,0)+1,1))-1)+IF('Standard Profiles'!$G$18=$B$10,7,0)+IF('Standard Profiles'!$G$18=$B$17,14,0)+IF('Standard Profiles'!$G$18=$B$24,21,0),MOD($C318,24)+1)/SUM(INDEX($D$3:$AA$30,INDEX(Jesper!$R$2:$R$366,ROW(INDEX(Jesper!AH$2:AH$366,ROUNDDOWN($C318/24,0)+1,1))-1)+IF('Standard Profiles'!$G$18=$B$10,7,0)+IF('Standard Profiles'!$G$18=$B$17,14,0)+IF('Standard Profiles'!$G$18=$B$24,21,0),0)),0)</f>
        <v>10.002000838184177</v>
      </c>
      <c r="E318" cm="1">
        <f t="array" ref="E318">IFERROR(INDEX(Jesper!AI$2:AI$366,ROUNDDOWN($C318/24,0)+1,1)*INDEX($D$3:$AA$30,INDEX(Jesper!$R$2:$R$366,ROW(INDEX(Jesper!AI$2:AI$366,ROUNDDOWN($C318/24,0)+1,1))-1)+IF('Standard Profiles'!$G$19=$B$10,7,0)+IF('Standard Profiles'!$G$19=$B$17,14,0)+IF('Standard Profiles'!$G$19=$B$24,21,0),MOD($C318,24)+1)/SUM(INDEX($D$3:$AA$30,INDEX(Jesper!$R$2:$R$366,ROW(INDEX(Jesper!AI$2:AI$366,ROUNDDOWN($C318/24,0)+1,1))-1)+IF('Standard Profiles'!$G$19=$B$10,7,0)+IF('Standard Profiles'!$G$19=$B$17,14,0)+IF('Standard Profiles'!$G$19=$B$24,21,0),0)),0)</f>
        <v>0</v>
      </c>
      <c r="F318" cm="1">
        <f t="array" ref="F318">IFERROR(INDEX(Jesper!AJ$2:AJ$366,ROUNDDOWN($C318/24,0)+1,1)*INDEX($D$3:$AA$30,INDEX(Jesper!$R$2:$R$366,ROW(INDEX(Jesper!AJ$2:AJ$366,ROUNDDOWN($C318/24,0)+1,1))-1)+IF('Standard Profiles'!$G$20=$B$10,7,0)+IF('Standard Profiles'!$G$20=$B$17,14,0)+IF('Standard Profiles'!$G$20=$B$24,21,0),MOD($C318,24)+1)/SUM(INDEX($D$3:$AA$30,INDEX(Jesper!$R$2:$R$366,ROW(INDEX(Jesper!AJ$2:AJ$366,ROUNDDOWN($C318/24,0)+1,1))-1)+IF('Standard Profiles'!$G$20=$B$10,7,0)+IF('Standard Profiles'!$G$20=$B$17,14,0)+IF('Standard Profiles'!$G$20=$B$24,21,0),0)),0)</f>
        <v>0</v>
      </c>
      <c r="G318" cm="1">
        <f t="array" ref="G318">IFERROR(INDEX(Jesper!AK$2:AK$366,ROUNDDOWN($C318/24,0)+1,1)*INDEX($D$3:$AA$30,INDEX(Jesper!$R$2:$R$366,ROW(INDEX(Jesper!AK$2:AK$366,ROUNDDOWN($C318/24,0)+1,1))-1)+IF('Standard Profiles'!$G$21=$B$10,7,0)+IF('Standard Profiles'!$G$21=$B$17,14,0)+IF('Standard Profiles'!$G$21=$B$24,21,0),MOD($C318,24)+1)/SUM(INDEX($D$3:$AA$30,INDEX(Jesper!$R$2:$R$366,ROW(INDEX(Jesper!AK$2:AK$366,ROUNDDOWN($C318/24,0)+1,1))-1)+IF('Standard Profiles'!$G$21=$B$10,7,0)+IF('Standard Profiles'!$G$21=$B$17,14,0)+IF('Standard Profiles'!$G$21=$B$24,21,0),0)),0)</f>
        <v>0</v>
      </c>
      <c r="H318" cm="1">
        <f t="array" ref="H318">IFERROR(INDEX(Jesper!AL$2:AL$366,ROUNDDOWN($C318/24,0)+1,1)*INDEX($D$3:$AA$30,INDEX(Jesper!$R$2:$R$366,ROW(INDEX(Jesper!AL$2:AL$366,ROUNDDOWN($C318/24,0)+1,1))-1)+IF('Standard Profiles'!$G$22=$B$10,7,0)+IF('Standard Profiles'!$G$22=$B$17,14,0)+IF('Standard Profiles'!$G$22=$B$24,21,0),MOD($C318,24)+1)/SUM(INDEX($D$3:$AA$30,INDEX(Jesper!$R$2:$R$366,ROW(INDEX(Jesper!AL$2:AL$366,ROUNDDOWN($C318/24,0)+1,1))-1)+IF('Standard Profiles'!$G$22=$B$10,7,0)+IF('Standard Profiles'!$G$22=$B$17,14,0)+IF('Standard Profiles'!$G$22=$B$24,21,0),0)),0)</f>
        <v>0</v>
      </c>
      <c r="I318">
        <f t="shared" si="48"/>
        <v>0.30006002514552532</v>
      </c>
      <c r="J318">
        <f t="shared" si="49"/>
        <v>1.0002000838184177</v>
      </c>
      <c r="K318">
        <f t="shared" si="50"/>
        <v>1.5003001257276265</v>
      </c>
      <c r="L318">
        <f t="shared" si="51"/>
        <v>7.2014406034926068</v>
      </c>
      <c r="M318">
        <f t="shared" si="52"/>
        <v>0</v>
      </c>
      <c r="N318" s="46">
        <f t="shared" si="53"/>
        <v>45303.833333332645</v>
      </c>
    </row>
    <row r="319" spans="2:14" x14ac:dyDescent="0.3">
      <c r="B319">
        <f t="shared" si="47"/>
        <v>5</v>
      </c>
      <c r="C319" s="16">
        <v>285</v>
      </c>
      <c r="D319" cm="1">
        <f t="array" ref="D319">IFERROR(INDEX(Jesper!AH$2:AH$366,ROUNDDOWN($C319/24,0)+1,1)*INDEX($D$3:$AA$30,INDEX(Jesper!$R$2:$R$366,ROW(INDEX(Jesper!AH$2:AH$366,ROUNDDOWN($C319/24,0)+1,1))-1)+IF('Standard Profiles'!$G$18=$B$10,7,0)+IF('Standard Profiles'!$G$18=$B$17,14,0)+IF('Standard Profiles'!$G$18=$B$24,21,0),MOD($C319,24)+1)/SUM(INDEX($D$3:$AA$30,INDEX(Jesper!$R$2:$R$366,ROW(INDEX(Jesper!AH$2:AH$366,ROUNDDOWN($C319/24,0)+1,1))-1)+IF('Standard Profiles'!$G$18=$B$10,7,0)+IF('Standard Profiles'!$G$18=$B$17,14,0)+IF('Standard Profiles'!$G$18=$B$24,21,0),0)),0)</f>
        <v>3.8189457745794124</v>
      </c>
      <c r="E319" cm="1">
        <f t="array" ref="E319">IFERROR(INDEX(Jesper!AI$2:AI$366,ROUNDDOWN($C319/24,0)+1,1)*INDEX($D$3:$AA$30,INDEX(Jesper!$R$2:$R$366,ROW(INDEX(Jesper!AI$2:AI$366,ROUNDDOWN($C319/24,0)+1,1))-1)+IF('Standard Profiles'!$G$19=$B$10,7,0)+IF('Standard Profiles'!$G$19=$B$17,14,0)+IF('Standard Profiles'!$G$19=$B$24,21,0),MOD($C319,24)+1)/SUM(INDEX($D$3:$AA$30,INDEX(Jesper!$R$2:$R$366,ROW(INDEX(Jesper!AI$2:AI$366,ROUNDDOWN($C319/24,0)+1,1))-1)+IF('Standard Profiles'!$G$19=$B$10,7,0)+IF('Standard Profiles'!$G$19=$B$17,14,0)+IF('Standard Profiles'!$G$19=$B$24,21,0),0)),0)</f>
        <v>0</v>
      </c>
      <c r="F319" cm="1">
        <f t="array" ref="F319">IFERROR(INDEX(Jesper!AJ$2:AJ$366,ROUNDDOWN($C319/24,0)+1,1)*INDEX($D$3:$AA$30,INDEX(Jesper!$R$2:$R$366,ROW(INDEX(Jesper!AJ$2:AJ$366,ROUNDDOWN($C319/24,0)+1,1))-1)+IF('Standard Profiles'!$G$20=$B$10,7,0)+IF('Standard Profiles'!$G$20=$B$17,14,0)+IF('Standard Profiles'!$G$20=$B$24,21,0),MOD($C319,24)+1)/SUM(INDEX($D$3:$AA$30,INDEX(Jesper!$R$2:$R$366,ROW(INDEX(Jesper!AJ$2:AJ$366,ROUNDDOWN($C319/24,0)+1,1))-1)+IF('Standard Profiles'!$G$20=$B$10,7,0)+IF('Standard Profiles'!$G$20=$B$17,14,0)+IF('Standard Profiles'!$G$20=$B$24,21,0),0)),0)</f>
        <v>0</v>
      </c>
      <c r="G319" cm="1">
        <f t="array" ref="G319">IFERROR(INDEX(Jesper!AK$2:AK$366,ROUNDDOWN($C319/24,0)+1,1)*INDEX($D$3:$AA$30,INDEX(Jesper!$R$2:$R$366,ROW(INDEX(Jesper!AK$2:AK$366,ROUNDDOWN($C319/24,0)+1,1))-1)+IF('Standard Profiles'!$G$21=$B$10,7,0)+IF('Standard Profiles'!$G$21=$B$17,14,0)+IF('Standard Profiles'!$G$21=$B$24,21,0),MOD($C319,24)+1)/SUM(INDEX($D$3:$AA$30,INDEX(Jesper!$R$2:$R$366,ROW(INDEX(Jesper!AK$2:AK$366,ROUNDDOWN($C319/24,0)+1,1))-1)+IF('Standard Profiles'!$G$21=$B$10,7,0)+IF('Standard Profiles'!$G$21=$B$17,14,0)+IF('Standard Profiles'!$G$21=$B$24,21,0),0)),0)</f>
        <v>0</v>
      </c>
      <c r="H319" cm="1">
        <f t="array" ref="H319">IFERROR(INDEX(Jesper!AL$2:AL$366,ROUNDDOWN($C319/24,0)+1,1)*INDEX($D$3:$AA$30,INDEX(Jesper!$R$2:$R$366,ROW(INDEX(Jesper!AL$2:AL$366,ROUNDDOWN($C319/24,0)+1,1))-1)+IF('Standard Profiles'!$G$22=$B$10,7,0)+IF('Standard Profiles'!$G$22=$B$17,14,0)+IF('Standard Profiles'!$G$22=$B$24,21,0),MOD($C319,24)+1)/SUM(INDEX($D$3:$AA$30,INDEX(Jesper!$R$2:$R$366,ROW(INDEX(Jesper!AL$2:AL$366,ROUNDDOWN($C319/24,0)+1,1))-1)+IF('Standard Profiles'!$G$22=$B$10,7,0)+IF('Standard Profiles'!$G$22=$B$17,14,0)+IF('Standard Profiles'!$G$22=$B$24,21,0),0)),0)</f>
        <v>0</v>
      </c>
      <c r="I319">
        <f t="shared" si="48"/>
        <v>0.11456837323738236</v>
      </c>
      <c r="J319">
        <f t="shared" si="49"/>
        <v>0.38189457745794125</v>
      </c>
      <c r="K319">
        <f t="shared" si="50"/>
        <v>0.5728418661869118</v>
      </c>
      <c r="L319">
        <f t="shared" si="51"/>
        <v>2.749640957697177</v>
      </c>
      <c r="M319">
        <f t="shared" si="52"/>
        <v>0</v>
      </c>
      <c r="N319" s="46">
        <f t="shared" si="53"/>
        <v>45303.874999999309</v>
      </c>
    </row>
    <row r="320" spans="2:14" x14ac:dyDescent="0.3">
      <c r="B320">
        <f t="shared" si="47"/>
        <v>5</v>
      </c>
      <c r="C320" s="16">
        <v>286</v>
      </c>
      <c r="D320" cm="1">
        <f t="array" ref="D320">IFERROR(INDEX(Jesper!AH$2:AH$366,ROUNDDOWN($C320/24,0)+1,1)*INDEX($D$3:$AA$30,INDEX(Jesper!$R$2:$R$366,ROW(INDEX(Jesper!AH$2:AH$366,ROUNDDOWN($C320/24,0)+1,1))-1)+IF('Standard Profiles'!$G$18=$B$10,7,0)+IF('Standard Profiles'!$G$18=$B$17,14,0)+IF('Standard Profiles'!$G$18=$B$24,21,0),MOD($C320,24)+1)/SUM(INDEX($D$3:$AA$30,INDEX(Jesper!$R$2:$R$366,ROW(INDEX(Jesper!AH$2:AH$366,ROUNDDOWN($C320/24,0)+1,1))-1)+IF('Standard Profiles'!$G$18=$B$10,7,0)+IF('Standard Profiles'!$G$18=$B$17,14,0)+IF('Standard Profiles'!$G$18=$B$24,21,0),0)),0)</f>
        <v>3.8189457745794124</v>
      </c>
      <c r="E320" cm="1">
        <f t="array" ref="E320">IFERROR(INDEX(Jesper!AI$2:AI$366,ROUNDDOWN($C320/24,0)+1,1)*INDEX($D$3:$AA$30,INDEX(Jesper!$R$2:$R$366,ROW(INDEX(Jesper!AI$2:AI$366,ROUNDDOWN($C320/24,0)+1,1))-1)+IF('Standard Profiles'!$G$19=$B$10,7,0)+IF('Standard Profiles'!$G$19=$B$17,14,0)+IF('Standard Profiles'!$G$19=$B$24,21,0),MOD($C320,24)+1)/SUM(INDEX($D$3:$AA$30,INDEX(Jesper!$R$2:$R$366,ROW(INDEX(Jesper!AI$2:AI$366,ROUNDDOWN($C320/24,0)+1,1))-1)+IF('Standard Profiles'!$G$19=$B$10,7,0)+IF('Standard Profiles'!$G$19=$B$17,14,0)+IF('Standard Profiles'!$G$19=$B$24,21,0),0)),0)</f>
        <v>0</v>
      </c>
      <c r="F320" cm="1">
        <f t="array" ref="F320">IFERROR(INDEX(Jesper!AJ$2:AJ$366,ROUNDDOWN($C320/24,0)+1,1)*INDEX($D$3:$AA$30,INDEX(Jesper!$R$2:$R$366,ROW(INDEX(Jesper!AJ$2:AJ$366,ROUNDDOWN($C320/24,0)+1,1))-1)+IF('Standard Profiles'!$G$20=$B$10,7,0)+IF('Standard Profiles'!$G$20=$B$17,14,0)+IF('Standard Profiles'!$G$20=$B$24,21,0),MOD($C320,24)+1)/SUM(INDEX($D$3:$AA$30,INDEX(Jesper!$R$2:$R$366,ROW(INDEX(Jesper!AJ$2:AJ$366,ROUNDDOWN($C320/24,0)+1,1))-1)+IF('Standard Profiles'!$G$20=$B$10,7,0)+IF('Standard Profiles'!$G$20=$B$17,14,0)+IF('Standard Profiles'!$G$20=$B$24,21,0),0)),0)</f>
        <v>0</v>
      </c>
      <c r="G320" cm="1">
        <f t="array" ref="G320">IFERROR(INDEX(Jesper!AK$2:AK$366,ROUNDDOWN($C320/24,0)+1,1)*INDEX($D$3:$AA$30,INDEX(Jesper!$R$2:$R$366,ROW(INDEX(Jesper!AK$2:AK$366,ROUNDDOWN($C320/24,0)+1,1))-1)+IF('Standard Profiles'!$G$21=$B$10,7,0)+IF('Standard Profiles'!$G$21=$B$17,14,0)+IF('Standard Profiles'!$G$21=$B$24,21,0),MOD($C320,24)+1)/SUM(INDEX($D$3:$AA$30,INDEX(Jesper!$R$2:$R$366,ROW(INDEX(Jesper!AK$2:AK$366,ROUNDDOWN($C320/24,0)+1,1))-1)+IF('Standard Profiles'!$G$21=$B$10,7,0)+IF('Standard Profiles'!$G$21=$B$17,14,0)+IF('Standard Profiles'!$G$21=$B$24,21,0),0)),0)</f>
        <v>0</v>
      </c>
      <c r="H320" cm="1">
        <f t="array" ref="H320">IFERROR(INDEX(Jesper!AL$2:AL$366,ROUNDDOWN($C320/24,0)+1,1)*INDEX($D$3:$AA$30,INDEX(Jesper!$R$2:$R$366,ROW(INDEX(Jesper!AL$2:AL$366,ROUNDDOWN($C320/24,0)+1,1))-1)+IF('Standard Profiles'!$G$22=$B$10,7,0)+IF('Standard Profiles'!$G$22=$B$17,14,0)+IF('Standard Profiles'!$G$22=$B$24,21,0),MOD($C320,24)+1)/SUM(INDEX($D$3:$AA$30,INDEX(Jesper!$R$2:$R$366,ROW(INDEX(Jesper!AL$2:AL$366,ROUNDDOWN($C320/24,0)+1,1))-1)+IF('Standard Profiles'!$G$22=$B$10,7,0)+IF('Standard Profiles'!$G$22=$B$17,14,0)+IF('Standard Profiles'!$G$22=$B$24,21,0),0)),0)</f>
        <v>0</v>
      </c>
      <c r="I320">
        <f t="shared" si="48"/>
        <v>0.11456837323738236</v>
      </c>
      <c r="J320">
        <f t="shared" si="49"/>
        <v>0.38189457745794125</v>
      </c>
      <c r="K320">
        <f t="shared" si="50"/>
        <v>0.5728418661869118</v>
      </c>
      <c r="L320">
        <f t="shared" si="51"/>
        <v>2.749640957697177</v>
      </c>
      <c r="M320">
        <f t="shared" si="52"/>
        <v>0</v>
      </c>
      <c r="N320" s="46">
        <f t="shared" si="53"/>
        <v>45303.916666665973</v>
      </c>
    </row>
    <row r="321" spans="2:14" x14ac:dyDescent="0.3">
      <c r="B321">
        <f t="shared" si="47"/>
        <v>5</v>
      </c>
      <c r="C321" s="16">
        <v>287</v>
      </c>
      <c r="D321" cm="1">
        <f t="array" ref="D321">IFERROR(INDEX(Jesper!AH$2:AH$366,ROUNDDOWN($C321/24,0)+1,1)*INDEX($D$3:$AA$30,INDEX(Jesper!$R$2:$R$366,ROW(INDEX(Jesper!AH$2:AH$366,ROUNDDOWN($C321/24,0)+1,1))-1)+IF('Standard Profiles'!$G$18=$B$10,7,0)+IF('Standard Profiles'!$G$18=$B$17,14,0)+IF('Standard Profiles'!$G$18=$B$24,21,0),MOD($C321,24)+1)/SUM(INDEX($D$3:$AA$30,INDEX(Jesper!$R$2:$R$366,ROW(INDEX(Jesper!AH$2:AH$366,ROUNDDOWN($C321/24,0)+1,1))-1)+IF('Standard Profiles'!$G$18=$B$10,7,0)+IF('Standard Profiles'!$G$18=$B$17,14,0)+IF('Standard Profiles'!$G$18=$B$24,21,0),0)),0)</f>
        <v>3.8189457745794124</v>
      </c>
      <c r="E321" cm="1">
        <f t="array" ref="E321">IFERROR(INDEX(Jesper!AI$2:AI$366,ROUNDDOWN($C321/24,0)+1,1)*INDEX($D$3:$AA$30,INDEX(Jesper!$R$2:$R$366,ROW(INDEX(Jesper!AI$2:AI$366,ROUNDDOWN($C321/24,0)+1,1))-1)+IF('Standard Profiles'!$G$19=$B$10,7,0)+IF('Standard Profiles'!$G$19=$B$17,14,0)+IF('Standard Profiles'!$G$19=$B$24,21,0),MOD($C321,24)+1)/SUM(INDEX($D$3:$AA$30,INDEX(Jesper!$R$2:$R$366,ROW(INDEX(Jesper!AI$2:AI$366,ROUNDDOWN($C321/24,0)+1,1))-1)+IF('Standard Profiles'!$G$19=$B$10,7,0)+IF('Standard Profiles'!$G$19=$B$17,14,0)+IF('Standard Profiles'!$G$19=$B$24,21,0),0)),0)</f>
        <v>0</v>
      </c>
      <c r="F321" cm="1">
        <f t="array" ref="F321">IFERROR(INDEX(Jesper!AJ$2:AJ$366,ROUNDDOWN($C321/24,0)+1,1)*INDEX($D$3:$AA$30,INDEX(Jesper!$R$2:$R$366,ROW(INDEX(Jesper!AJ$2:AJ$366,ROUNDDOWN($C321/24,0)+1,1))-1)+IF('Standard Profiles'!$G$20=$B$10,7,0)+IF('Standard Profiles'!$G$20=$B$17,14,0)+IF('Standard Profiles'!$G$20=$B$24,21,0),MOD($C321,24)+1)/SUM(INDEX($D$3:$AA$30,INDEX(Jesper!$R$2:$R$366,ROW(INDEX(Jesper!AJ$2:AJ$366,ROUNDDOWN($C321/24,0)+1,1))-1)+IF('Standard Profiles'!$G$20=$B$10,7,0)+IF('Standard Profiles'!$G$20=$B$17,14,0)+IF('Standard Profiles'!$G$20=$B$24,21,0),0)),0)</f>
        <v>0</v>
      </c>
      <c r="G321" cm="1">
        <f t="array" ref="G321">IFERROR(INDEX(Jesper!AK$2:AK$366,ROUNDDOWN($C321/24,0)+1,1)*INDEX($D$3:$AA$30,INDEX(Jesper!$R$2:$R$366,ROW(INDEX(Jesper!AK$2:AK$366,ROUNDDOWN($C321/24,0)+1,1))-1)+IF('Standard Profiles'!$G$21=$B$10,7,0)+IF('Standard Profiles'!$G$21=$B$17,14,0)+IF('Standard Profiles'!$G$21=$B$24,21,0),MOD($C321,24)+1)/SUM(INDEX($D$3:$AA$30,INDEX(Jesper!$R$2:$R$366,ROW(INDEX(Jesper!AK$2:AK$366,ROUNDDOWN($C321/24,0)+1,1))-1)+IF('Standard Profiles'!$G$21=$B$10,7,0)+IF('Standard Profiles'!$G$21=$B$17,14,0)+IF('Standard Profiles'!$G$21=$B$24,21,0),0)),0)</f>
        <v>0</v>
      </c>
      <c r="H321" cm="1">
        <f t="array" ref="H321">IFERROR(INDEX(Jesper!AL$2:AL$366,ROUNDDOWN($C321/24,0)+1,1)*INDEX($D$3:$AA$30,INDEX(Jesper!$R$2:$R$366,ROW(INDEX(Jesper!AL$2:AL$366,ROUNDDOWN($C321/24,0)+1,1))-1)+IF('Standard Profiles'!$G$22=$B$10,7,0)+IF('Standard Profiles'!$G$22=$B$17,14,0)+IF('Standard Profiles'!$G$22=$B$24,21,0),MOD($C321,24)+1)/SUM(INDEX($D$3:$AA$30,INDEX(Jesper!$R$2:$R$366,ROW(INDEX(Jesper!AL$2:AL$366,ROUNDDOWN($C321/24,0)+1,1))-1)+IF('Standard Profiles'!$G$22=$B$10,7,0)+IF('Standard Profiles'!$G$22=$B$17,14,0)+IF('Standard Profiles'!$G$22=$B$24,21,0),0)),0)</f>
        <v>0</v>
      </c>
      <c r="I321">
        <f t="shared" si="48"/>
        <v>0.11456837323738236</v>
      </c>
      <c r="J321">
        <f t="shared" si="49"/>
        <v>0.38189457745794125</v>
      </c>
      <c r="K321">
        <f t="shared" si="50"/>
        <v>0.5728418661869118</v>
      </c>
      <c r="L321">
        <f t="shared" si="51"/>
        <v>2.749640957697177</v>
      </c>
      <c r="M321">
        <f t="shared" si="52"/>
        <v>0</v>
      </c>
      <c r="N321" s="46">
        <f t="shared" si="53"/>
        <v>45303.958333332637</v>
      </c>
    </row>
    <row r="322" spans="2:14" x14ac:dyDescent="0.3">
      <c r="B322">
        <f t="shared" si="47"/>
        <v>6</v>
      </c>
      <c r="C322" s="16">
        <v>288</v>
      </c>
      <c r="D322" cm="1">
        <f t="array" ref="D322">IFERROR(INDEX(Jesper!AH$2:AH$366,ROUNDDOWN($C322/24,0)+1,1)*INDEX($D$3:$AA$30,INDEX(Jesper!$R$2:$R$366,ROW(INDEX(Jesper!AH$2:AH$366,ROUNDDOWN($C322/24,0)+1,1))-1)+IF('Standard Profiles'!$G$18=$B$10,7,0)+IF('Standard Profiles'!$G$18=$B$17,14,0)+IF('Standard Profiles'!$G$18=$B$24,21,0),MOD($C322,24)+1)/SUM(INDEX($D$3:$AA$30,INDEX(Jesper!$R$2:$R$366,ROW(INDEX(Jesper!AH$2:AH$366,ROUNDDOWN($C322/24,0)+1,1))-1)+IF('Standard Profiles'!$G$18=$B$10,7,0)+IF('Standard Profiles'!$G$18=$B$17,14,0)+IF('Standard Profiles'!$G$18=$B$24,21,0),0)),0)</f>
        <v>4.2812199903038621</v>
      </c>
      <c r="E322" cm="1">
        <f t="array" ref="E322">IFERROR(INDEX(Jesper!AI$2:AI$366,ROUNDDOWN($C322/24,0)+1,1)*INDEX($D$3:$AA$30,INDEX(Jesper!$R$2:$R$366,ROW(INDEX(Jesper!AI$2:AI$366,ROUNDDOWN($C322/24,0)+1,1))-1)+IF('Standard Profiles'!$G$19=$B$10,7,0)+IF('Standard Profiles'!$G$19=$B$17,14,0)+IF('Standard Profiles'!$G$19=$B$24,21,0),MOD($C322,24)+1)/SUM(INDEX($D$3:$AA$30,INDEX(Jesper!$R$2:$R$366,ROW(INDEX(Jesper!AI$2:AI$366,ROUNDDOWN($C322/24,0)+1,1))-1)+IF('Standard Profiles'!$G$19=$B$10,7,0)+IF('Standard Profiles'!$G$19=$B$17,14,0)+IF('Standard Profiles'!$G$19=$B$24,21,0),0)),0)</f>
        <v>0.9792036861940705</v>
      </c>
      <c r="F322" cm="1">
        <f t="array" ref="F322">IFERROR(INDEX(Jesper!AJ$2:AJ$366,ROUNDDOWN($C322/24,0)+1,1)*INDEX($D$3:$AA$30,INDEX(Jesper!$R$2:$R$366,ROW(INDEX(Jesper!AJ$2:AJ$366,ROUNDDOWN($C322/24,0)+1,1))-1)+IF('Standard Profiles'!$G$20=$B$10,7,0)+IF('Standard Profiles'!$G$20=$B$17,14,0)+IF('Standard Profiles'!$G$20=$B$24,21,0),MOD($C322,24)+1)/SUM(INDEX($D$3:$AA$30,INDEX(Jesper!$R$2:$R$366,ROW(INDEX(Jesper!AJ$2:AJ$366,ROUNDDOWN($C322/24,0)+1,1))-1)+IF('Standard Profiles'!$G$20=$B$10,7,0)+IF('Standard Profiles'!$G$20=$B$17,14,0)+IF('Standard Profiles'!$G$20=$B$24,21,0),0)),0)</f>
        <v>0</v>
      </c>
      <c r="G322" cm="1">
        <f t="array" ref="G322">IFERROR(INDEX(Jesper!AK$2:AK$366,ROUNDDOWN($C322/24,0)+1,1)*INDEX($D$3:$AA$30,INDEX(Jesper!$R$2:$R$366,ROW(INDEX(Jesper!AK$2:AK$366,ROUNDDOWN($C322/24,0)+1,1))-1)+IF('Standard Profiles'!$G$21=$B$10,7,0)+IF('Standard Profiles'!$G$21=$B$17,14,0)+IF('Standard Profiles'!$G$21=$B$24,21,0),MOD($C322,24)+1)/SUM(INDEX($D$3:$AA$30,INDEX(Jesper!$R$2:$R$366,ROW(INDEX(Jesper!AK$2:AK$366,ROUNDDOWN($C322/24,0)+1,1))-1)+IF('Standard Profiles'!$G$21=$B$10,7,0)+IF('Standard Profiles'!$G$21=$B$17,14,0)+IF('Standard Profiles'!$G$21=$B$24,21,0),0)),0)</f>
        <v>0</v>
      </c>
      <c r="H322" cm="1">
        <f t="array" ref="H322">IFERROR(INDEX(Jesper!AL$2:AL$366,ROUNDDOWN($C322/24,0)+1,1)*INDEX($D$3:$AA$30,INDEX(Jesper!$R$2:$R$366,ROW(INDEX(Jesper!AL$2:AL$366,ROUNDDOWN($C322/24,0)+1,1))-1)+IF('Standard Profiles'!$G$22=$B$10,7,0)+IF('Standard Profiles'!$G$22=$B$17,14,0)+IF('Standard Profiles'!$G$22=$B$24,21,0),MOD($C322,24)+1)/SUM(INDEX($D$3:$AA$30,INDEX(Jesper!$R$2:$R$366,ROW(INDEX(Jesper!AL$2:AL$366,ROUNDDOWN($C322/24,0)+1,1))-1)+IF('Standard Profiles'!$G$22=$B$10,7,0)+IF('Standard Profiles'!$G$22=$B$17,14,0)+IF('Standard Profiles'!$G$22=$B$24,21,0),0)),0)</f>
        <v>0</v>
      </c>
      <c r="I322">
        <f t="shared" si="48"/>
        <v>8.8216548305772136E-2</v>
      </c>
      <c r="J322">
        <f t="shared" si="49"/>
        <v>0.29405516101924051</v>
      </c>
      <c r="K322">
        <f t="shared" si="50"/>
        <v>0.44108274152886073</v>
      </c>
      <c r="L322">
        <f t="shared" si="51"/>
        <v>4.4370692256440591</v>
      </c>
      <c r="M322">
        <f t="shared" si="52"/>
        <v>0</v>
      </c>
      <c r="N322" s="46">
        <f t="shared" si="53"/>
        <v>45303.999999999302</v>
      </c>
    </row>
    <row r="323" spans="2:14" x14ac:dyDescent="0.3">
      <c r="B323">
        <f t="shared" si="47"/>
        <v>6</v>
      </c>
      <c r="C323" s="16">
        <v>289</v>
      </c>
      <c r="D323" cm="1">
        <f t="array" ref="D323">IFERROR(INDEX(Jesper!AH$2:AH$366,ROUNDDOWN($C323/24,0)+1,1)*INDEX($D$3:$AA$30,INDEX(Jesper!$R$2:$R$366,ROW(INDEX(Jesper!AH$2:AH$366,ROUNDDOWN($C323/24,0)+1,1))-1)+IF('Standard Profiles'!$G$18=$B$10,7,0)+IF('Standard Profiles'!$G$18=$B$17,14,0)+IF('Standard Profiles'!$G$18=$B$24,21,0),MOD($C323,24)+1)/SUM(INDEX($D$3:$AA$30,INDEX(Jesper!$R$2:$R$366,ROW(INDEX(Jesper!AH$2:AH$366,ROUNDDOWN($C323/24,0)+1,1))-1)+IF('Standard Profiles'!$G$18=$B$10,7,0)+IF('Standard Profiles'!$G$18=$B$17,14,0)+IF('Standard Profiles'!$G$18=$B$24,21,0),0)),0)</f>
        <v>8.3585723620218264</v>
      </c>
      <c r="E323" cm="1">
        <f t="array" ref="E323">IFERROR(INDEX(Jesper!AI$2:AI$366,ROUNDDOWN($C323/24,0)+1,1)*INDEX($D$3:$AA$30,INDEX(Jesper!$R$2:$R$366,ROW(INDEX(Jesper!AI$2:AI$366,ROUNDDOWN($C323/24,0)+1,1))-1)+IF('Standard Profiles'!$G$19=$B$10,7,0)+IF('Standard Profiles'!$G$19=$B$17,14,0)+IF('Standard Profiles'!$G$19=$B$24,21,0),MOD($C323,24)+1)/SUM(INDEX($D$3:$AA$30,INDEX(Jesper!$R$2:$R$366,ROW(INDEX(Jesper!AI$2:AI$366,ROUNDDOWN($C323/24,0)+1,1))-1)+IF('Standard Profiles'!$G$19=$B$10,7,0)+IF('Standard Profiles'!$G$19=$B$17,14,0)+IF('Standard Profiles'!$G$19=$B$24,21,0),0)),0)</f>
        <v>1.9117786254265186</v>
      </c>
      <c r="F323" cm="1">
        <f t="array" ref="F323">IFERROR(INDEX(Jesper!AJ$2:AJ$366,ROUNDDOWN($C323/24,0)+1,1)*INDEX($D$3:$AA$30,INDEX(Jesper!$R$2:$R$366,ROW(INDEX(Jesper!AJ$2:AJ$366,ROUNDDOWN($C323/24,0)+1,1))-1)+IF('Standard Profiles'!$G$20=$B$10,7,0)+IF('Standard Profiles'!$G$20=$B$17,14,0)+IF('Standard Profiles'!$G$20=$B$24,21,0),MOD($C323,24)+1)/SUM(INDEX($D$3:$AA$30,INDEX(Jesper!$R$2:$R$366,ROW(INDEX(Jesper!AJ$2:AJ$366,ROUNDDOWN($C323/24,0)+1,1))-1)+IF('Standard Profiles'!$G$20=$B$10,7,0)+IF('Standard Profiles'!$G$20=$B$17,14,0)+IF('Standard Profiles'!$G$20=$B$24,21,0),0)),0)</f>
        <v>0</v>
      </c>
      <c r="G323" cm="1">
        <f t="array" ref="G323">IFERROR(INDEX(Jesper!AK$2:AK$366,ROUNDDOWN($C323/24,0)+1,1)*INDEX($D$3:$AA$30,INDEX(Jesper!$R$2:$R$366,ROW(INDEX(Jesper!AK$2:AK$366,ROUNDDOWN($C323/24,0)+1,1))-1)+IF('Standard Profiles'!$G$21=$B$10,7,0)+IF('Standard Profiles'!$G$21=$B$17,14,0)+IF('Standard Profiles'!$G$21=$B$24,21,0),MOD($C323,24)+1)/SUM(INDEX($D$3:$AA$30,INDEX(Jesper!$R$2:$R$366,ROW(INDEX(Jesper!AK$2:AK$366,ROUNDDOWN($C323/24,0)+1,1))-1)+IF('Standard Profiles'!$G$21=$B$10,7,0)+IF('Standard Profiles'!$G$21=$B$17,14,0)+IF('Standard Profiles'!$G$21=$B$24,21,0),0)),0)</f>
        <v>0</v>
      </c>
      <c r="H323" cm="1">
        <f t="array" ref="H323">IFERROR(INDEX(Jesper!AL$2:AL$366,ROUNDDOWN($C323/24,0)+1,1)*INDEX($D$3:$AA$30,INDEX(Jesper!$R$2:$R$366,ROW(INDEX(Jesper!AL$2:AL$366,ROUNDDOWN($C323/24,0)+1,1))-1)+IF('Standard Profiles'!$G$22=$B$10,7,0)+IF('Standard Profiles'!$G$22=$B$17,14,0)+IF('Standard Profiles'!$G$22=$B$24,21,0),MOD($C323,24)+1)/SUM(INDEX($D$3:$AA$30,INDEX(Jesper!$R$2:$R$366,ROW(INDEX(Jesper!AL$2:AL$366,ROUNDDOWN($C323/24,0)+1,1))-1)+IF('Standard Profiles'!$G$22=$B$10,7,0)+IF('Standard Profiles'!$G$22=$B$17,14,0)+IF('Standard Profiles'!$G$22=$B$24,21,0),0)),0)</f>
        <v>0</v>
      </c>
      <c r="I323">
        <f t="shared" si="48"/>
        <v>0.17223230859698369</v>
      </c>
      <c r="J323">
        <f t="shared" si="49"/>
        <v>0.5741076953232791</v>
      </c>
      <c r="K323">
        <f t="shared" si="50"/>
        <v>0.86116154298491865</v>
      </c>
      <c r="L323">
        <f t="shared" si="51"/>
        <v>8.6628494405431642</v>
      </c>
      <c r="M323">
        <f t="shared" si="52"/>
        <v>0</v>
      </c>
      <c r="N323" s="46">
        <f t="shared" si="53"/>
        <v>45304.041666665966</v>
      </c>
    </row>
    <row r="324" spans="2:14" x14ac:dyDescent="0.3">
      <c r="B324">
        <f t="shared" si="47"/>
        <v>6</v>
      </c>
      <c r="C324" s="16">
        <v>290</v>
      </c>
      <c r="D324" cm="1">
        <f t="array" ref="D324">IFERROR(INDEX(Jesper!AH$2:AH$366,ROUNDDOWN($C324/24,0)+1,1)*INDEX($D$3:$AA$30,INDEX(Jesper!$R$2:$R$366,ROW(INDEX(Jesper!AH$2:AH$366,ROUNDDOWN($C324/24,0)+1,1))-1)+IF('Standard Profiles'!$G$18=$B$10,7,0)+IF('Standard Profiles'!$G$18=$B$17,14,0)+IF('Standard Profiles'!$G$18=$B$24,21,0),MOD($C324,24)+1)/SUM(INDEX($D$3:$AA$30,INDEX(Jesper!$R$2:$R$366,ROW(INDEX(Jesper!AH$2:AH$366,ROUNDDOWN($C324/24,0)+1,1))-1)+IF('Standard Profiles'!$G$18=$B$10,7,0)+IF('Standard Profiles'!$G$18=$B$17,14,0)+IF('Standard Profiles'!$G$18=$B$24,21,0),0)),0)</f>
        <v>8.3585723620218264</v>
      </c>
      <c r="E324" cm="1">
        <f t="array" ref="E324">IFERROR(INDEX(Jesper!AI$2:AI$366,ROUNDDOWN($C324/24,0)+1,1)*INDEX($D$3:$AA$30,INDEX(Jesper!$R$2:$R$366,ROW(INDEX(Jesper!AI$2:AI$366,ROUNDDOWN($C324/24,0)+1,1))-1)+IF('Standard Profiles'!$G$19=$B$10,7,0)+IF('Standard Profiles'!$G$19=$B$17,14,0)+IF('Standard Profiles'!$G$19=$B$24,21,0),MOD($C324,24)+1)/SUM(INDEX($D$3:$AA$30,INDEX(Jesper!$R$2:$R$366,ROW(INDEX(Jesper!AI$2:AI$366,ROUNDDOWN($C324/24,0)+1,1))-1)+IF('Standard Profiles'!$G$19=$B$10,7,0)+IF('Standard Profiles'!$G$19=$B$17,14,0)+IF('Standard Profiles'!$G$19=$B$24,21,0),0)),0)</f>
        <v>1.9117786254265186</v>
      </c>
      <c r="F324" cm="1">
        <f t="array" ref="F324">IFERROR(INDEX(Jesper!AJ$2:AJ$366,ROUNDDOWN($C324/24,0)+1,1)*INDEX($D$3:$AA$30,INDEX(Jesper!$R$2:$R$366,ROW(INDEX(Jesper!AJ$2:AJ$366,ROUNDDOWN($C324/24,0)+1,1))-1)+IF('Standard Profiles'!$G$20=$B$10,7,0)+IF('Standard Profiles'!$G$20=$B$17,14,0)+IF('Standard Profiles'!$G$20=$B$24,21,0),MOD($C324,24)+1)/SUM(INDEX($D$3:$AA$30,INDEX(Jesper!$R$2:$R$366,ROW(INDEX(Jesper!AJ$2:AJ$366,ROUNDDOWN($C324/24,0)+1,1))-1)+IF('Standard Profiles'!$G$20=$B$10,7,0)+IF('Standard Profiles'!$G$20=$B$17,14,0)+IF('Standard Profiles'!$G$20=$B$24,21,0),0)),0)</f>
        <v>0</v>
      </c>
      <c r="G324" cm="1">
        <f t="array" ref="G324">IFERROR(INDEX(Jesper!AK$2:AK$366,ROUNDDOWN($C324/24,0)+1,1)*INDEX($D$3:$AA$30,INDEX(Jesper!$R$2:$R$366,ROW(INDEX(Jesper!AK$2:AK$366,ROUNDDOWN($C324/24,0)+1,1))-1)+IF('Standard Profiles'!$G$21=$B$10,7,0)+IF('Standard Profiles'!$G$21=$B$17,14,0)+IF('Standard Profiles'!$G$21=$B$24,21,0),MOD($C324,24)+1)/SUM(INDEX($D$3:$AA$30,INDEX(Jesper!$R$2:$R$366,ROW(INDEX(Jesper!AK$2:AK$366,ROUNDDOWN($C324/24,0)+1,1))-1)+IF('Standard Profiles'!$G$21=$B$10,7,0)+IF('Standard Profiles'!$G$21=$B$17,14,0)+IF('Standard Profiles'!$G$21=$B$24,21,0),0)),0)</f>
        <v>0</v>
      </c>
      <c r="H324" cm="1">
        <f t="array" ref="H324">IFERROR(INDEX(Jesper!AL$2:AL$366,ROUNDDOWN($C324/24,0)+1,1)*INDEX($D$3:$AA$30,INDEX(Jesper!$R$2:$R$366,ROW(INDEX(Jesper!AL$2:AL$366,ROUNDDOWN($C324/24,0)+1,1))-1)+IF('Standard Profiles'!$G$22=$B$10,7,0)+IF('Standard Profiles'!$G$22=$B$17,14,0)+IF('Standard Profiles'!$G$22=$B$24,21,0),MOD($C324,24)+1)/SUM(INDEX($D$3:$AA$30,INDEX(Jesper!$R$2:$R$366,ROW(INDEX(Jesper!AL$2:AL$366,ROUNDDOWN($C324/24,0)+1,1))-1)+IF('Standard Profiles'!$G$22=$B$10,7,0)+IF('Standard Profiles'!$G$22=$B$17,14,0)+IF('Standard Profiles'!$G$22=$B$24,21,0),0)),0)</f>
        <v>0</v>
      </c>
      <c r="I324">
        <f t="shared" si="48"/>
        <v>0.17223230859698369</v>
      </c>
      <c r="J324">
        <f t="shared" si="49"/>
        <v>0.5741076953232791</v>
      </c>
      <c r="K324">
        <f t="shared" si="50"/>
        <v>0.86116154298491865</v>
      </c>
      <c r="L324">
        <f t="shared" si="51"/>
        <v>8.6628494405431642</v>
      </c>
      <c r="M324">
        <f t="shared" si="52"/>
        <v>0</v>
      </c>
      <c r="N324" s="46">
        <f t="shared" si="53"/>
        <v>45304.08333333263</v>
      </c>
    </row>
    <row r="325" spans="2:14" x14ac:dyDescent="0.3">
      <c r="B325">
        <f t="shared" si="47"/>
        <v>6</v>
      </c>
      <c r="C325" s="16">
        <v>291</v>
      </c>
      <c r="D325" cm="1">
        <f t="array" ref="D325">IFERROR(INDEX(Jesper!AH$2:AH$366,ROUNDDOWN($C325/24,0)+1,1)*INDEX($D$3:$AA$30,INDEX(Jesper!$R$2:$R$366,ROW(INDEX(Jesper!AH$2:AH$366,ROUNDDOWN($C325/24,0)+1,1))-1)+IF('Standard Profiles'!$G$18=$B$10,7,0)+IF('Standard Profiles'!$G$18=$B$17,14,0)+IF('Standard Profiles'!$G$18=$B$24,21,0),MOD($C325,24)+1)/SUM(INDEX($D$3:$AA$30,INDEX(Jesper!$R$2:$R$366,ROW(INDEX(Jesper!AH$2:AH$366,ROUNDDOWN($C325/24,0)+1,1))-1)+IF('Standard Profiles'!$G$18=$B$10,7,0)+IF('Standard Profiles'!$G$18=$B$17,14,0)+IF('Standard Profiles'!$G$18=$B$24,21,0),0)),0)</f>
        <v>8.3585723620218264</v>
      </c>
      <c r="E325" cm="1">
        <f t="array" ref="E325">IFERROR(INDEX(Jesper!AI$2:AI$366,ROUNDDOWN($C325/24,0)+1,1)*INDEX($D$3:$AA$30,INDEX(Jesper!$R$2:$R$366,ROW(INDEX(Jesper!AI$2:AI$366,ROUNDDOWN($C325/24,0)+1,1))-1)+IF('Standard Profiles'!$G$19=$B$10,7,0)+IF('Standard Profiles'!$G$19=$B$17,14,0)+IF('Standard Profiles'!$G$19=$B$24,21,0),MOD($C325,24)+1)/SUM(INDEX($D$3:$AA$30,INDEX(Jesper!$R$2:$R$366,ROW(INDEX(Jesper!AI$2:AI$366,ROUNDDOWN($C325/24,0)+1,1))-1)+IF('Standard Profiles'!$G$19=$B$10,7,0)+IF('Standard Profiles'!$G$19=$B$17,14,0)+IF('Standard Profiles'!$G$19=$B$24,21,0),0)),0)</f>
        <v>1.9117786254265186</v>
      </c>
      <c r="F325" cm="1">
        <f t="array" ref="F325">IFERROR(INDEX(Jesper!AJ$2:AJ$366,ROUNDDOWN($C325/24,0)+1,1)*INDEX($D$3:$AA$30,INDEX(Jesper!$R$2:$R$366,ROW(INDEX(Jesper!AJ$2:AJ$366,ROUNDDOWN($C325/24,0)+1,1))-1)+IF('Standard Profiles'!$G$20=$B$10,7,0)+IF('Standard Profiles'!$G$20=$B$17,14,0)+IF('Standard Profiles'!$G$20=$B$24,21,0),MOD($C325,24)+1)/SUM(INDEX($D$3:$AA$30,INDEX(Jesper!$R$2:$R$366,ROW(INDEX(Jesper!AJ$2:AJ$366,ROUNDDOWN($C325/24,0)+1,1))-1)+IF('Standard Profiles'!$G$20=$B$10,7,0)+IF('Standard Profiles'!$G$20=$B$17,14,0)+IF('Standard Profiles'!$G$20=$B$24,21,0),0)),0)</f>
        <v>0</v>
      </c>
      <c r="G325" cm="1">
        <f t="array" ref="G325">IFERROR(INDEX(Jesper!AK$2:AK$366,ROUNDDOWN($C325/24,0)+1,1)*INDEX($D$3:$AA$30,INDEX(Jesper!$R$2:$R$366,ROW(INDEX(Jesper!AK$2:AK$366,ROUNDDOWN($C325/24,0)+1,1))-1)+IF('Standard Profiles'!$G$21=$B$10,7,0)+IF('Standard Profiles'!$G$21=$B$17,14,0)+IF('Standard Profiles'!$G$21=$B$24,21,0),MOD($C325,24)+1)/SUM(INDEX($D$3:$AA$30,INDEX(Jesper!$R$2:$R$366,ROW(INDEX(Jesper!AK$2:AK$366,ROUNDDOWN($C325/24,0)+1,1))-1)+IF('Standard Profiles'!$G$21=$B$10,7,0)+IF('Standard Profiles'!$G$21=$B$17,14,0)+IF('Standard Profiles'!$G$21=$B$24,21,0),0)),0)</f>
        <v>0</v>
      </c>
      <c r="H325" cm="1">
        <f t="array" ref="H325">IFERROR(INDEX(Jesper!AL$2:AL$366,ROUNDDOWN($C325/24,0)+1,1)*INDEX($D$3:$AA$30,INDEX(Jesper!$R$2:$R$366,ROW(INDEX(Jesper!AL$2:AL$366,ROUNDDOWN($C325/24,0)+1,1))-1)+IF('Standard Profiles'!$G$22=$B$10,7,0)+IF('Standard Profiles'!$G$22=$B$17,14,0)+IF('Standard Profiles'!$G$22=$B$24,21,0),MOD($C325,24)+1)/SUM(INDEX($D$3:$AA$30,INDEX(Jesper!$R$2:$R$366,ROW(INDEX(Jesper!AL$2:AL$366,ROUNDDOWN($C325/24,0)+1,1))-1)+IF('Standard Profiles'!$G$22=$B$10,7,0)+IF('Standard Profiles'!$G$22=$B$17,14,0)+IF('Standard Profiles'!$G$22=$B$24,21,0),0)),0)</f>
        <v>0</v>
      </c>
      <c r="I325">
        <f t="shared" si="48"/>
        <v>0.17223230859698369</v>
      </c>
      <c r="J325">
        <f t="shared" si="49"/>
        <v>0.5741076953232791</v>
      </c>
      <c r="K325">
        <f t="shared" si="50"/>
        <v>0.86116154298491865</v>
      </c>
      <c r="L325">
        <f t="shared" si="51"/>
        <v>8.6628494405431642</v>
      </c>
      <c r="M325">
        <f t="shared" si="52"/>
        <v>0</v>
      </c>
      <c r="N325" s="46">
        <f t="shared" si="53"/>
        <v>45304.124999999294</v>
      </c>
    </row>
    <row r="326" spans="2:14" x14ac:dyDescent="0.3">
      <c r="B326">
        <f t="shared" si="47"/>
        <v>6</v>
      </c>
      <c r="C326" s="16">
        <v>292</v>
      </c>
      <c r="D326" cm="1">
        <f t="array" ref="D326">IFERROR(INDEX(Jesper!AH$2:AH$366,ROUNDDOWN($C326/24,0)+1,1)*INDEX($D$3:$AA$30,INDEX(Jesper!$R$2:$R$366,ROW(INDEX(Jesper!AH$2:AH$366,ROUNDDOWN($C326/24,0)+1,1))-1)+IF('Standard Profiles'!$G$18=$B$10,7,0)+IF('Standard Profiles'!$G$18=$B$17,14,0)+IF('Standard Profiles'!$G$18=$B$24,21,0),MOD($C326,24)+1)/SUM(INDEX($D$3:$AA$30,INDEX(Jesper!$R$2:$R$366,ROW(INDEX(Jesper!AH$2:AH$366,ROUNDDOWN($C326/24,0)+1,1))-1)+IF('Standard Profiles'!$G$18=$B$10,7,0)+IF('Standard Profiles'!$G$18=$B$17,14,0)+IF('Standard Profiles'!$G$18=$B$24,21,0),0)),0)</f>
        <v>8.3585723620218264</v>
      </c>
      <c r="E326" cm="1">
        <f t="array" ref="E326">IFERROR(INDEX(Jesper!AI$2:AI$366,ROUNDDOWN($C326/24,0)+1,1)*INDEX($D$3:$AA$30,INDEX(Jesper!$R$2:$R$366,ROW(INDEX(Jesper!AI$2:AI$366,ROUNDDOWN($C326/24,0)+1,1))-1)+IF('Standard Profiles'!$G$19=$B$10,7,0)+IF('Standard Profiles'!$G$19=$B$17,14,0)+IF('Standard Profiles'!$G$19=$B$24,21,0),MOD($C326,24)+1)/SUM(INDEX($D$3:$AA$30,INDEX(Jesper!$R$2:$R$366,ROW(INDEX(Jesper!AI$2:AI$366,ROUNDDOWN($C326/24,0)+1,1))-1)+IF('Standard Profiles'!$G$19=$B$10,7,0)+IF('Standard Profiles'!$G$19=$B$17,14,0)+IF('Standard Profiles'!$G$19=$B$24,21,0),0)),0)</f>
        <v>1.9117786254265186</v>
      </c>
      <c r="F326" cm="1">
        <f t="array" ref="F326">IFERROR(INDEX(Jesper!AJ$2:AJ$366,ROUNDDOWN($C326/24,0)+1,1)*INDEX($D$3:$AA$30,INDEX(Jesper!$R$2:$R$366,ROW(INDEX(Jesper!AJ$2:AJ$366,ROUNDDOWN($C326/24,0)+1,1))-1)+IF('Standard Profiles'!$G$20=$B$10,7,0)+IF('Standard Profiles'!$G$20=$B$17,14,0)+IF('Standard Profiles'!$G$20=$B$24,21,0),MOD($C326,24)+1)/SUM(INDEX($D$3:$AA$30,INDEX(Jesper!$R$2:$R$366,ROW(INDEX(Jesper!AJ$2:AJ$366,ROUNDDOWN($C326/24,0)+1,1))-1)+IF('Standard Profiles'!$G$20=$B$10,7,0)+IF('Standard Profiles'!$G$20=$B$17,14,0)+IF('Standard Profiles'!$G$20=$B$24,21,0),0)),0)</f>
        <v>0</v>
      </c>
      <c r="G326" cm="1">
        <f t="array" ref="G326">IFERROR(INDEX(Jesper!AK$2:AK$366,ROUNDDOWN($C326/24,0)+1,1)*INDEX($D$3:$AA$30,INDEX(Jesper!$R$2:$R$366,ROW(INDEX(Jesper!AK$2:AK$366,ROUNDDOWN($C326/24,0)+1,1))-1)+IF('Standard Profiles'!$G$21=$B$10,7,0)+IF('Standard Profiles'!$G$21=$B$17,14,0)+IF('Standard Profiles'!$G$21=$B$24,21,0),MOD($C326,24)+1)/SUM(INDEX($D$3:$AA$30,INDEX(Jesper!$R$2:$R$366,ROW(INDEX(Jesper!AK$2:AK$366,ROUNDDOWN($C326/24,0)+1,1))-1)+IF('Standard Profiles'!$G$21=$B$10,7,0)+IF('Standard Profiles'!$G$21=$B$17,14,0)+IF('Standard Profiles'!$G$21=$B$24,21,0),0)),0)</f>
        <v>0</v>
      </c>
      <c r="H326" cm="1">
        <f t="array" ref="H326">IFERROR(INDEX(Jesper!AL$2:AL$366,ROUNDDOWN($C326/24,0)+1,1)*INDEX($D$3:$AA$30,INDEX(Jesper!$R$2:$R$366,ROW(INDEX(Jesper!AL$2:AL$366,ROUNDDOWN($C326/24,0)+1,1))-1)+IF('Standard Profiles'!$G$22=$B$10,7,0)+IF('Standard Profiles'!$G$22=$B$17,14,0)+IF('Standard Profiles'!$G$22=$B$24,21,0),MOD($C326,24)+1)/SUM(INDEX($D$3:$AA$30,INDEX(Jesper!$R$2:$R$366,ROW(INDEX(Jesper!AL$2:AL$366,ROUNDDOWN($C326/24,0)+1,1))-1)+IF('Standard Profiles'!$G$22=$B$10,7,0)+IF('Standard Profiles'!$G$22=$B$17,14,0)+IF('Standard Profiles'!$G$22=$B$24,21,0),0)),0)</f>
        <v>0</v>
      </c>
      <c r="I326">
        <f t="shared" si="48"/>
        <v>0.17223230859698369</v>
      </c>
      <c r="J326">
        <f t="shared" si="49"/>
        <v>0.5741076953232791</v>
      </c>
      <c r="K326">
        <f t="shared" si="50"/>
        <v>0.86116154298491865</v>
      </c>
      <c r="L326">
        <f t="shared" si="51"/>
        <v>8.6628494405431642</v>
      </c>
      <c r="M326">
        <f t="shared" si="52"/>
        <v>0</v>
      </c>
      <c r="N326" s="46">
        <f t="shared" si="53"/>
        <v>45304.166666665958</v>
      </c>
    </row>
    <row r="327" spans="2:14" x14ac:dyDescent="0.3">
      <c r="B327">
        <f t="shared" si="47"/>
        <v>6</v>
      </c>
      <c r="C327" s="16">
        <v>293</v>
      </c>
      <c r="D327" cm="1">
        <f t="array" ref="D327">IFERROR(INDEX(Jesper!AH$2:AH$366,ROUNDDOWN($C327/24,0)+1,1)*INDEX($D$3:$AA$30,INDEX(Jesper!$R$2:$R$366,ROW(INDEX(Jesper!AH$2:AH$366,ROUNDDOWN($C327/24,0)+1,1))-1)+IF('Standard Profiles'!$G$18=$B$10,7,0)+IF('Standard Profiles'!$G$18=$B$17,14,0)+IF('Standard Profiles'!$G$18=$B$24,21,0),MOD($C327,24)+1)/SUM(INDEX($D$3:$AA$30,INDEX(Jesper!$R$2:$R$366,ROW(INDEX(Jesper!AH$2:AH$366,ROUNDDOWN($C327/24,0)+1,1))-1)+IF('Standard Profiles'!$G$18=$B$10,7,0)+IF('Standard Profiles'!$G$18=$B$17,14,0)+IF('Standard Profiles'!$G$18=$B$24,21,0),0)),0)</f>
        <v>10.397248547880807</v>
      </c>
      <c r="E327" cm="1">
        <f t="array" ref="E327">IFERROR(INDEX(Jesper!AI$2:AI$366,ROUNDDOWN($C327/24,0)+1,1)*INDEX($D$3:$AA$30,INDEX(Jesper!$R$2:$R$366,ROW(INDEX(Jesper!AI$2:AI$366,ROUNDDOWN($C327/24,0)+1,1))-1)+IF('Standard Profiles'!$G$19=$B$10,7,0)+IF('Standard Profiles'!$G$19=$B$17,14,0)+IF('Standard Profiles'!$G$19=$B$24,21,0),MOD($C327,24)+1)/SUM(INDEX($D$3:$AA$30,INDEX(Jesper!$R$2:$R$366,ROW(INDEX(Jesper!AI$2:AI$366,ROUNDDOWN($C327/24,0)+1,1))-1)+IF('Standard Profiles'!$G$19=$B$10,7,0)+IF('Standard Profiles'!$G$19=$B$17,14,0)+IF('Standard Profiles'!$G$19=$B$24,21,0),0)),0)</f>
        <v>2.3780660950427426</v>
      </c>
      <c r="F327" cm="1">
        <f t="array" ref="F327">IFERROR(INDEX(Jesper!AJ$2:AJ$366,ROUNDDOWN($C327/24,0)+1,1)*INDEX($D$3:$AA$30,INDEX(Jesper!$R$2:$R$366,ROW(INDEX(Jesper!AJ$2:AJ$366,ROUNDDOWN($C327/24,0)+1,1))-1)+IF('Standard Profiles'!$G$20=$B$10,7,0)+IF('Standard Profiles'!$G$20=$B$17,14,0)+IF('Standard Profiles'!$G$20=$B$24,21,0),MOD($C327,24)+1)/SUM(INDEX($D$3:$AA$30,INDEX(Jesper!$R$2:$R$366,ROW(INDEX(Jesper!AJ$2:AJ$366,ROUNDDOWN($C327/24,0)+1,1))-1)+IF('Standard Profiles'!$G$20=$B$10,7,0)+IF('Standard Profiles'!$G$20=$B$17,14,0)+IF('Standard Profiles'!$G$20=$B$24,21,0),0)),0)</f>
        <v>0</v>
      </c>
      <c r="G327" cm="1">
        <f t="array" ref="G327">IFERROR(INDEX(Jesper!AK$2:AK$366,ROUNDDOWN($C327/24,0)+1,1)*INDEX($D$3:$AA$30,INDEX(Jesper!$R$2:$R$366,ROW(INDEX(Jesper!AK$2:AK$366,ROUNDDOWN($C327/24,0)+1,1))-1)+IF('Standard Profiles'!$G$21=$B$10,7,0)+IF('Standard Profiles'!$G$21=$B$17,14,0)+IF('Standard Profiles'!$G$21=$B$24,21,0),MOD($C327,24)+1)/SUM(INDEX($D$3:$AA$30,INDEX(Jesper!$R$2:$R$366,ROW(INDEX(Jesper!AK$2:AK$366,ROUNDDOWN($C327/24,0)+1,1))-1)+IF('Standard Profiles'!$G$21=$B$10,7,0)+IF('Standard Profiles'!$G$21=$B$17,14,0)+IF('Standard Profiles'!$G$21=$B$24,21,0),0)),0)</f>
        <v>0</v>
      </c>
      <c r="H327" cm="1">
        <f t="array" ref="H327">IFERROR(INDEX(Jesper!AL$2:AL$366,ROUNDDOWN($C327/24,0)+1,1)*INDEX($D$3:$AA$30,INDEX(Jesper!$R$2:$R$366,ROW(INDEX(Jesper!AL$2:AL$366,ROUNDDOWN($C327/24,0)+1,1))-1)+IF('Standard Profiles'!$G$22=$B$10,7,0)+IF('Standard Profiles'!$G$22=$B$17,14,0)+IF('Standard Profiles'!$G$22=$B$24,21,0),MOD($C327,24)+1)/SUM(INDEX($D$3:$AA$30,INDEX(Jesper!$R$2:$R$366,ROW(INDEX(Jesper!AL$2:AL$366,ROUNDDOWN($C327/24,0)+1,1))-1)+IF('Standard Profiles'!$G$22=$B$10,7,0)+IF('Standard Profiles'!$G$22=$B$17,14,0)+IF('Standard Profiles'!$G$22=$B$24,21,0),0)),0)</f>
        <v>0</v>
      </c>
      <c r="I327">
        <f t="shared" si="48"/>
        <v>0.21424018874258949</v>
      </c>
      <c r="J327">
        <f t="shared" si="49"/>
        <v>0.71413396247529837</v>
      </c>
      <c r="K327">
        <f t="shared" si="50"/>
        <v>1.0712009437129475</v>
      </c>
      <c r="L327">
        <f t="shared" si="51"/>
        <v>10.775739547992714</v>
      </c>
      <c r="M327">
        <f t="shared" si="52"/>
        <v>0</v>
      </c>
      <c r="N327" s="46">
        <f t="shared" si="53"/>
        <v>45304.208333332623</v>
      </c>
    </row>
    <row r="328" spans="2:14" x14ac:dyDescent="0.3">
      <c r="B328">
        <f t="shared" si="47"/>
        <v>6</v>
      </c>
      <c r="C328" s="16">
        <v>294</v>
      </c>
      <c r="D328" cm="1">
        <f t="array" ref="D328">IFERROR(INDEX(Jesper!AH$2:AH$366,ROUNDDOWN($C328/24,0)+1,1)*INDEX($D$3:$AA$30,INDEX(Jesper!$R$2:$R$366,ROW(INDEX(Jesper!AH$2:AH$366,ROUNDDOWN($C328/24,0)+1,1))-1)+IF('Standard Profiles'!$G$18=$B$10,7,0)+IF('Standard Profiles'!$G$18=$B$17,14,0)+IF('Standard Profiles'!$G$18=$B$24,21,0),MOD($C328,24)+1)/SUM(INDEX($D$3:$AA$30,INDEX(Jesper!$R$2:$R$366,ROW(INDEX(Jesper!AH$2:AH$366,ROUNDDOWN($C328/24,0)+1,1))-1)+IF('Standard Profiles'!$G$18=$B$10,7,0)+IF('Standard Profiles'!$G$18=$B$17,14,0)+IF('Standard Profiles'!$G$18=$B$24,21,0),0)),0)</f>
        <v>13.047527589497484</v>
      </c>
      <c r="E328" cm="1">
        <f t="array" ref="E328">IFERROR(INDEX(Jesper!AI$2:AI$366,ROUNDDOWN($C328/24,0)+1,1)*INDEX($D$3:$AA$30,INDEX(Jesper!$R$2:$R$366,ROW(INDEX(Jesper!AI$2:AI$366,ROUNDDOWN($C328/24,0)+1,1))-1)+IF('Standard Profiles'!$G$19=$B$10,7,0)+IF('Standard Profiles'!$G$19=$B$17,14,0)+IF('Standard Profiles'!$G$19=$B$24,21,0),MOD($C328,24)+1)/SUM(INDEX($D$3:$AA$30,INDEX(Jesper!$R$2:$R$366,ROW(INDEX(Jesper!AI$2:AI$366,ROUNDDOWN($C328/24,0)+1,1))-1)+IF('Standard Profiles'!$G$19=$B$10,7,0)+IF('Standard Profiles'!$G$19=$B$17,14,0)+IF('Standard Profiles'!$G$19=$B$24,21,0),0)),0)</f>
        <v>2.9842398055438335</v>
      </c>
      <c r="F328" cm="1">
        <f t="array" ref="F328">IFERROR(INDEX(Jesper!AJ$2:AJ$366,ROUNDDOWN($C328/24,0)+1,1)*INDEX($D$3:$AA$30,INDEX(Jesper!$R$2:$R$366,ROW(INDEX(Jesper!AJ$2:AJ$366,ROUNDDOWN($C328/24,0)+1,1))-1)+IF('Standard Profiles'!$G$20=$B$10,7,0)+IF('Standard Profiles'!$G$20=$B$17,14,0)+IF('Standard Profiles'!$G$20=$B$24,21,0),MOD($C328,24)+1)/SUM(INDEX($D$3:$AA$30,INDEX(Jesper!$R$2:$R$366,ROW(INDEX(Jesper!AJ$2:AJ$366,ROUNDDOWN($C328/24,0)+1,1))-1)+IF('Standard Profiles'!$G$20=$B$10,7,0)+IF('Standard Profiles'!$G$20=$B$17,14,0)+IF('Standard Profiles'!$G$20=$B$24,21,0),0)),0)</f>
        <v>0</v>
      </c>
      <c r="G328" cm="1">
        <f t="array" ref="G328">IFERROR(INDEX(Jesper!AK$2:AK$366,ROUNDDOWN($C328/24,0)+1,1)*INDEX($D$3:$AA$30,INDEX(Jesper!$R$2:$R$366,ROW(INDEX(Jesper!AK$2:AK$366,ROUNDDOWN($C328/24,0)+1,1))-1)+IF('Standard Profiles'!$G$21=$B$10,7,0)+IF('Standard Profiles'!$G$21=$B$17,14,0)+IF('Standard Profiles'!$G$21=$B$24,21,0),MOD($C328,24)+1)/SUM(INDEX($D$3:$AA$30,INDEX(Jesper!$R$2:$R$366,ROW(INDEX(Jesper!AK$2:AK$366,ROUNDDOWN($C328/24,0)+1,1))-1)+IF('Standard Profiles'!$G$21=$B$10,7,0)+IF('Standard Profiles'!$G$21=$B$17,14,0)+IF('Standard Profiles'!$G$21=$B$24,21,0),0)),0)</f>
        <v>0</v>
      </c>
      <c r="H328" cm="1">
        <f t="array" ref="H328">IFERROR(INDEX(Jesper!AL$2:AL$366,ROUNDDOWN($C328/24,0)+1,1)*INDEX($D$3:$AA$30,INDEX(Jesper!$R$2:$R$366,ROW(INDEX(Jesper!AL$2:AL$366,ROUNDDOWN($C328/24,0)+1,1))-1)+IF('Standard Profiles'!$G$22=$B$10,7,0)+IF('Standard Profiles'!$G$22=$B$17,14,0)+IF('Standard Profiles'!$G$22=$B$24,21,0),MOD($C328,24)+1)/SUM(INDEX($D$3:$AA$30,INDEX(Jesper!$R$2:$R$366,ROW(INDEX(Jesper!AL$2:AL$366,ROUNDDOWN($C328/24,0)+1,1))-1)+IF('Standard Profiles'!$G$22=$B$10,7,0)+IF('Standard Profiles'!$G$22=$B$17,14,0)+IF('Standard Profiles'!$G$22=$B$24,21,0),0)),0)</f>
        <v>0</v>
      </c>
      <c r="I328">
        <f t="shared" si="48"/>
        <v>0.26885043293187694</v>
      </c>
      <c r="J328">
        <f t="shared" si="49"/>
        <v>0.89616810977292327</v>
      </c>
      <c r="K328">
        <f t="shared" si="50"/>
        <v>1.344252164659385</v>
      </c>
      <c r="L328">
        <f t="shared" si="51"/>
        <v>13.522496687677133</v>
      </c>
      <c r="M328">
        <f t="shared" si="52"/>
        <v>0</v>
      </c>
      <c r="N328" s="46">
        <f t="shared" si="53"/>
        <v>45304.249999999287</v>
      </c>
    </row>
    <row r="329" spans="2:14" x14ac:dyDescent="0.3">
      <c r="B329">
        <f t="shared" si="47"/>
        <v>6</v>
      </c>
      <c r="C329" s="16">
        <v>295</v>
      </c>
      <c r="D329" cm="1">
        <f t="array" ref="D329">IFERROR(INDEX(Jesper!AH$2:AH$366,ROUNDDOWN($C329/24,0)+1,1)*INDEX($D$3:$AA$30,INDEX(Jesper!$R$2:$R$366,ROW(INDEX(Jesper!AH$2:AH$366,ROUNDDOWN($C329/24,0)+1,1))-1)+IF('Standard Profiles'!$G$18=$B$10,7,0)+IF('Standard Profiles'!$G$18=$B$17,14,0)+IF('Standard Profiles'!$G$18=$B$24,21,0),MOD($C329,24)+1)/SUM(INDEX($D$3:$AA$30,INDEX(Jesper!$R$2:$R$366,ROW(INDEX(Jesper!AH$2:AH$366,ROUNDDOWN($C329/24,0)+1,1))-1)+IF('Standard Profiles'!$G$18=$B$10,7,0)+IF('Standard Profiles'!$G$18=$B$17,14,0)+IF('Standard Profiles'!$G$18=$B$24,21,0),0)),0)</f>
        <v>14.882336156770567</v>
      </c>
      <c r="E329" cm="1">
        <f t="array" ref="E329">IFERROR(INDEX(Jesper!AI$2:AI$366,ROUNDDOWN($C329/24,0)+1,1)*INDEX($D$3:$AA$30,INDEX(Jesper!$R$2:$R$366,ROW(INDEX(Jesper!AI$2:AI$366,ROUNDDOWN($C329/24,0)+1,1))-1)+IF('Standard Profiles'!$G$19=$B$10,7,0)+IF('Standard Profiles'!$G$19=$B$17,14,0)+IF('Standard Profiles'!$G$19=$B$24,21,0),MOD($C329,24)+1)/SUM(INDEX($D$3:$AA$30,INDEX(Jesper!$R$2:$R$366,ROW(INDEX(Jesper!AI$2:AI$366,ROUNDDOWN($C329/24,0)+1,1))-1)+IF('Standard Profiles'!$G$19=$B$10,7,0)+IF('Standard Profiles'!$G$19=$B$17,14,0)+IF('Standard Profiles'!$G$19=$B$24,21,0),0)),0)</f>
        <v>3.4038985281984355</v>
      </c>
      <c r="F329" cm="1">
        <f t="array" ref="F329">IFERROR(INDEX(Jesper!AJ$2:AJ$366,ROUNDDOWN($C329/24,0)+1,1)*INDEX($D$3:$AA$30,INDEX(Jesper!$R$2:$R$366,ROW(INDEX(Jesper!AJ$2:AJ$366,ROUNDDOWN($C329/24,0)+1,1))-1)+IF('Standard Profiles'!$G$20=$B$10,7,0)+IF('Standard Profiles'!$G$20=$B$17,14,0)+IF('Standard Profiles'!$G$20=$B$24,21,0),MOD($C329,24)+1)/SUM(INDEX($D$3:$AA$30,INDEX(Jesper!$R$2:$R$366,ROW(INDEX(Jesper!AJ$2:AJ$366,ROUNDDOWN($C329/24,0)+1,1))-1)+IF('Standard Profiles'!$G$20=$B$10,7,0)+IF('Standard Profiles'!$G$20=$B$17,14,0)+IF('Standard Profiles'!$G$20=$B$24,21,0),0)),0)</f>
        <v>0</v>
      </c>
      <c r="G329" cm="1">
        <f t="array" ref="G329">IFERROR(INDEX(Jesper!AK$2:AK$366,ROUNDDOWN($C329/24,0)+1,1)*INDEX($D$3:$AA$30,INDEX(Jesper!$R$2:$R$366,ROW(INDEX(Jesper!AK$2:AK$366,ROUNDDOWN($C329/24,0)+1,1))-1)+IF('Standard Profiles'!$G$21=$B$10,7,0)+IF('Standard Profiles'!$G$21=$B$17,14,0)+IF('Standard Profiles'!$G$21=$B$24,21,0),MOD($C329,24)+1)/SUM(INDEX($D$3:$AA$30,INDEX(Jesper!$R$2:$R$366,ROW(INDEX(Jesper!AK$2:AK$366,ROUNDDOWN($C329/24,0)+1,1))-1)+IF('Standard Profiles'!$G$21=$B$10,7,0)+IF('Standard Profiles'!$G$21=$B$17,14,0)+IF('Standard Profiles'!$G$21=$B$24,21,0),0)),0)</f>
        <v>0</v>
      </c>
      <c r="H329" cm="1">
        <f t="array" ref="H329">IFERROR(INDEX(Jesper!AL$2:AL$366,ROUNDDOWN($C329/24,0)+1,1)*INDEX($D$3:$AA$30,INDEX(Jesper!$R$2:$R$366,ROW(INDEX(Jesper!AL$2:AL$366,ROUNDDOWN($C329/24,0)+1,1))-1)+IF('Standard Profiles'!$G$22=$B$10,7,0)+IF('Standard Profiles'!$G$22=$B$17,14,0)+IF('Standard Profiles'!$G$22=$B$24,21,0),MOD($C329,24)+1)/SUM(INDEX($D$3:$AA$30,INDEX(Jesper!$R$2:$R$366,ROW(INDEX(Jesper!AL$2:AL$366,ROUNDDOWN($C329/24,0)+1,1))-1)+IF('Standard Profiles'!$G$22=$B$10,7,0)+IF('Standard Profiles'!$G$22=$B$17,14,0)+IF('Standard Profiles'!$G$22=$B$24,21,0),0)),0)</f>
        <v>0</v>
      </c>
      <c r="I329">
        <f t="shared" si="48"/>
        <v>0.30665752506292221</v>
      </c>
      <c r="J329">
        <f t="shared" si="49"/>
        <v>1.0221917502097408</v>
      </c>
      <c r="K329">
        <f t="shared" si="50"/>
        <v>1.5332876253146113</v>
      </c>
      <c r="L329">
        <f t="shared" si="51"/>
        <v>15.424097784381729</v>
      </c>
      <c r="M329">
        <f t="shared" si="52"/>
        <v>0</v>
      </c>
      <c r="N329" s="46">
        <f t="shared" si="53"/>
        <v>45304.291666665951</v>
      </c>
    </row>
    <row r="330" spans="2:14" x14ac:dyDescent="0.3">
      <c r="B330">
        <f t="shared" si="47"/>
        <v>6</v>
      </c>
      <c r="C330" s="16">
        <v>296</v>
      </c>
      <c r="D330" cm="1">
        <f t="array" ref="D330">IFERROR(INDEX(Jesper!AH$2:AH$366,ROUNDDOWN($C330/24,0)+1,1)*INDEX($D$3:$AA$30,INDEX(Jesper!$R$2:$R$366,ROW(INDEX(Jesper!AH$2:AH$366,ROUNDDOWN($C330/24,0)+1,1))-1)+IF('Standard Profiles'!$G$18=$B$10,7,0)+IF('Standard Profiles'!$G$18=$B$17,14,0)+IF('Standard Profiles'!$G$18=$B$24,21,0),MOD($C330,24)+1)/SUM(INDEX($D$3:$AA$30,INDEX(Jesper!$R$2:$R$366,ROW(INDEX(Jesper!AH$2:AH$366,ROUNDDOWN($C330/24,0)+1,1))-1)+IF('Standard Profiles'!$G$18=$B$10,7,0)+IF('Standard Profiles'!$G$18=$B$17,14,0)+IF('Standard Profiles'!$G$18=$B$24,21,0),0)),0)</f>
        <v>14.882336156770567</v>
      </c>
      <c r="E330" cm="1">
        <f t="array" ref="E330">IFERROR(INDEX(Jesper!AI$2:AI$366,ROUNDDOWN($C330/24,0)+1,1)*INDEX($D$3:$AA$30,INDEX(Jesper!$R$2:$R$366,ROW(INDEX(Jesper!AI$2:AI$366,ROUNDDOWN($C330/24,0)+1,1))-1)+IF('Standard Profiles'!$G$19=$B$10,7,0)+IF('Standard Profiles'!$G$19=$B$17,14,0)+IF('Standard Profiles'!$G$19=$B$24,21,0),MOD($C330,24)+1)/SUM(INDEX($D$3:$AA$30,INDEX(Jesper!$R$2:$R$366,ROW(INDEX(Jesper!AI$2:AI$366,ROUNDDOWN($C330/24,0)+1,1))-1)+IF('Standard Profiles'!$G$19=$B$10,7,0)+IF('Standard Profiles'!$G$19=$B$17,14,0)+IF('Standard Profiles'!$G$19=$B$24,21,0),0)),0)</f>
        <v>3.4038985281984355</v>
      </c>
      <c r="F330" cm="1">
        <f t="array" ref="F330">IFERROR(INDEX(Jesper!AJ$2:AJ$366,ROUNDDOWN($C330/24,0)+1,1)*INDEX($D$3:$AA$30,INDEX(Jesper!$R$2:$R$366,ROW(INDEX(Jesper!AJ$2:AJ$366,ROUNDDOWN($C330/24,0)+1,1))-1)+IF('Standard Profiles'!$G$20=$B$10,7,0)+IF('Standard Profiles'!$G$20=$B$17,14,0)+IF('Standard Profiles'!$G$20=$B$24,21,0),MOD($C330,24)+1)/SUM(INDEX($D$3:$AA$30,INDEX(Jesper!$R$2:$R$366,ROW(INDEX(Jesper!AJ$2:AJ$366,ROUNDDOWN($C330/24,0)+1,1))-1)+IF('Standard Profiles'!$G$20=$B$10,7,0)+IF('Standard Profiles'!$G$20=$B$17,14,0)+IF('Standard Profiles'!$G$20=$B$24,21,0),0)),0)</f>
        <v>0</v>
      </c>
      <c r="G330" cm="1">
        <f t="array" ref="G330">IFERROR(INDEX(Jesper!AK$2:AK$366,ROUNDDOWN($C330/24,0)+1,1)*INDEX($D$3:$AA$30,INDEX(Jesper!$R$2:$R$366,ROW(INDEX(Jesper!AK$2:AK$366,ROUNDDOWN($C330/24,0)+1,1))-1)+IF('Standard Profiles'!$G$21=$B$10,7,0)+IF('Standard Profiles'!$G$21=$B$17,14,0)+IF('Standard Profiles'!$G$21=$B$24,21,0),MOD($C330,24)+1)/SUM(INDEX($D$3:$AA$30,INDEX(Jesper!$R$2:$R$366,ROW(INDEX(Jesper!AK$2:AK$366,ROUNDDOWN($C330/24,0)+1,1))-1)+IF('Standard Profiles'!$G$21=$B$10,7,0)+IF('Standard Profiles'!$G$21=$B$17,14,0)+IF('Standard Profiles'!$G$21=$B$24,21,0),0)),0)</f>
        <v>0</v>
      </c>
      <c r="H330" cm="1">
        <f t="array" ref="H330">IFERROR(INDEX(Jesper!AL$2:AL$366,ROUNDDOWN($C330/24,0)+1,1)*INDEX($D$3:$AA$30,INDEX(Jesper!$R$2:$R$366,ROW(INDEX(Jesper!AL$2:AL$366,ROUNDDOWN($C330/24,0)+1,1))-1)+IF('Standard Profiles'!$G$22=$B$10,7,0)+IF('Standard Profiles'!$G$22=$B$17,14,0)+IF('Standard Profiles'!$G$22=$B$24,21,0),MOD($C330,24)+1)/SUM(INDEX($D$3:$AA$30,INDEX(Jesper!$R$2:$R$366,ROW(INDEX(Jesper!AL$2:AL$366,ROUNDDOWN($C330/24,0)+1,1))-1)+IF('Standard Profiles'!$G$22=$B$10,7,0)+IF('Standard Profiles'!$G$22=$B$17,14,0)+IF('Standard Profiles'!$G$22=$B$24,21,0),0)),0)</f>
        <v>0</v>
      </c>
      <c r="I330">
        <f t="shared" si="48"/>
        <v>0.30665752506292221</v>
      </c>
      <c r="J330">
        <f t="shared" si="49"/>
        <v>1.0221917502097408</v>
      </c>
      <c r="K330">
        <f t="shared" si="50"/>
        <v>1.5332876253146113</v>
      </c>
      <c r="L330">
        <f t="shared" si="51"/>
        <v>15.424097784381729</v>
      </c>
      <c r="M330">
        <f t="shared" si="52"/>
        <v>0</v>
      </c>
      <c r="N330" s="46">
        <f t="shared" si="53"/>
        <v>45304.333333332615</v>
      </c>
    </row>
    <row r="331" spans="2:14" x14ac:dyDescent="0.3">
      <c r="B331">
        <f t="shared" si="47"/>
        <v>6</v>
      </c>
      <c r="C331" s="16">
        <v>297</v>
      </c>
      <c r="D331" cm="1">
        <f t="array" ref="D331">IFERROR(INDEX(Jesper!AH$2:AH$366,ROUNDDOWN($C331/24,0)+1,1)*INDEX($D$3:$AA$30,INDEX(Jesper!$R$2:$R$366,ROW(INDEX(Jesper!AH$2:AH$366,ROUNDDOWN($C331/24,0)+1,1))-1)+IF('Standard Profiles'!$G$18=$B$10,7,0)+IF('Standard Profiles'!$G$18=$B$17,14,0)+IF('Standard Profiles'!$G$18=$B$24,21,0),MOD($C331,24)+1)/SUM(INDEX($D$3:$AA$30,INDEX(Jesper!$R$2:$R$366,ROW(INDEX(Jesper!AH$2:AH$366,ROUNDDOWN($C331/24,0)+1,1))-1)+IF('Standard Profiles'!$G$18=$B$10,7,0)+IF('Standard Profiles'!$G$18=$B$17,14,0)+IF('Standard Profiles'!$G$18=$B$24,21,0),0)),0)</f>
        <v>14.882336156770567</v>
      </c>
      <c r="E331" cm="1">
        <f t="array" ref="E331">IFERROR(INDEX(Jesper!AI$2:AI$366,ROUNDDOWN($C331/24,0)+1,1)*INDEX($D$3:$AA$30,INDEX(Jesper!$R$2:$R$366,ROW(INDEX(Jesper!AI$2:AI$366,ROUNDDOWN($C331/24,0)+1,1))-1)+IF('Standard Profiles'!$G$19=$B$10,7,0)+IF('Standard Profiles'!$G$19=$B$17,14,0)+IF('Standard Profiles'!$G$19=$B$24,21,0),MOD($C331,24)+1)/SUM(INDEX($D$3:$AA$30,INDEX(Jesper!$R$2:$R$366,ROW(INDEX(Jesper!AI$2:AI$366,ROUNDDOWN($C331/24,0)+1,1))-1)+IF('Standard Profiles'!$G$19=$B$10,7,0)+IF('Standard Profiles'!$G$19=$B$17,14,0)+IF('Standard Profiles'!$G$19=$B$24,21,0),0)),0)</f>
        <v>3.4038985281984355</v>
      </c>
      <c r="F331" cm="1">
        <f t="array" ref="F331">IFERROR(INDEX(Jesper!AJ$2:AJ$366,ROUNDDOWN($C331/24,0)+1,1)*INDEX($D$3:$AA$30,INDEX(Jesper!$R$2:$R$366,ROW(INDEX(Jesper!AJ$2:AJ$366,ROUNDDOWN($C331/24,0)+1,1))-1)+IF('Standard Profiles'!$G$20=$B$10,7,0)+IF('Standard Profiles'!$G$20=$B$17,14,0)+IF('Standard Profiles'!$G$20=$B$24,21,0),MOD($C331,24)+1)/SUM(INDEX($D$3:$AA$30,INDEX(Jesper!$R$2:$R$366,ROW(INDEX(Jesper!AJ$2:AJ$366,ROUNDDOWN($C331/24,0)+1,1))-1)+IF('Standard Profiles'!$G$20=$B$10,7,0)+IF('Standard Profiles'!$G$20=$B$17,14,0)+IF('Standard Profiles'!$G$20=$B$24,21,0),0)),0)</f>
        <v>0</v>
      </c>
      <c r="G331" cm="1">
        <f t="array" ref="G331">IFERROR(INDEX(Jesper!AK$2:AK$366,ROUNDDOWN($C331/24,0)+1,1)*INDEX($D$3:$AA$30,INDEX(Jesper!$R$2:$R$366,ROW(INDEX(Jesper!AK$2:AK$366,ROUNDDOWN($C331/24,0)+1,1))-1)+IF('Standard Profiles'!$G$21=$B$10,7,0)+IF('Standard Profiles'!$G$21=$B$17,14,0)+IF('Standard Profiles'!$G$21=$B$24,21,0),MOD($C331,24)+1)/SUM(INDEX($D$3:$AA$30,INDEX(Jesper!$R$2:$R$366,ROW(INDEX(Jesper!AK$2:AK$366,ROUNDDOWN($C331/24,0)+1,1))-1)+IF('Standard Profiles'!$G$21=$B$10,7,0)+IF('Standard Profiles'!$G$21=$B$17,14,0)+IF('Standard Profiles'!$G$21=$B$24,21,0),0)),0)</f>
        <v>0</v>
      </c>
      <c r="H331" cm="1">
        <f t="array" ref="H331">IFERROR(INDEX(Jesper!AL$2:AL$366,ROUNDDOWN($C331/24,0)+1,1)*INDEX($D$3:$AA$30,INDEX(Jesper!$R$2:$R$366,ROW(INDEX(Jesper!AL$2:AL$366,ROUNDDOWN($C331/24,0)+1,1))-1)+IF('Standard Profiles'!$G$22=$B$10,7,0)+IF('Standard Profiles'!$G$22=$B$17,14,0)+IF('Standard Profiles'!$G$22=$B$24,21,0),MOD($C331,24)+1)/SUM(INDEX($D$3:$AA$30,INDEX(Jesper!$R$2:$R$366,ROW(INDEX(Jesper!AL$2:AL$366,ROUNDDOWN($C331/24,0)+1,1))-1)+IF('Standard Profiles'!$G$22=$B$10,7,0)+IF('Standard Profiles'!$G$22=$B$17,14,0)+IF('Standard Profiles'!$G$22=$B$24,21,0),0)),0)</f>
        <v>0</v>
      </c>
      <c r="I331">
        <f t="shared" si="48"/>
        <v>0.30665752506292221</v>
      </c>
      <c r="J331">
        <f t="shared" si="49"/>
        <v>1.0221917502097408</v>
      </c>
      <c r="K331">
        <f t="shared" si="50"/>
        <v>1.5332876253146113</v>
      </c>
      <c r="L331">
        <f t="shared" si="51"/>
        <v>15.424097784381729</v>
      </c>
      <c r="M331">
        <f t="shared" si="52"/>
        <v>0</v>
      </c>
      <c r="N331" s="46">
        <f t="shared" si="53"/>
        <v>45304.37499999928</v>
      </c>
    </row>
    <row r="332" spans="2:14" x14ac:dyDescent="0.3">
      <c r="B332">
        <f t="shared" si="47"/>
        <v>6</v>
      </c>
      <c r="C332" s="16">
        <v>298</v>
      </c>
      <c r="D332" cm="1">
        <f t="array" ref="D332">IFERROR(INDEX(Jesper!AH$2:AH$366,ROUNDDOWN($C332/24,0)+1,1)*INDEX($D$3:$AA$30,INDEX(Jesper!$R$2:$R$366,ROW(INDEX(Jesper!AH$2:AH$366,ROUNDDOWN($C332/24,0)+1,1))-1)+IF('Standard Profiles'!$G$18=$B$10,7,0)+IF('Standard Profiles'!$G$18=$B$17,14,0)+IF('Standard Profiles'!$G$18=$B$24,21,0),MOD($C332,24)+1)/SUM(INDEX($D$3:$AA$30,INDEX(Jesper!$R$2:$R$366,ROW(INDEX(Jesper!AH$2:AH$366,ROUNDDOWN($C332/24,0)+1,1))-1)+IF('Standard Profiles'!$G$18=$B$10,7,0)+IF('Standard Profiles'!$G$18=$B$17,14,0)+IF('Standard Profiles'!$G$18=$B$24,21,0),0)),0)</f>
        <v>14.882336156770567</v>
      </c>
      <c r="E332" cm="1">
        <f t="array" ref="E332">IFERROR(INDEX(Jesper!AI$2:AI$366,ROUNDDOWN($C332/24,0)+1,1)*INDEX($D$3:$AA$30,INDEX(Jesper!$R$2:$R$366,ROW(INDEX(Jesper!AI$2:AI$366,ROUNDDOWN($C332/24,0)+1,1))-1)+IF('Standard Profiles'!$G$19=$B$10,7,0)+IF('Standard Profiles'!$G$19=$B$17,14,0)+IF('Standard Profiles'!$G$19=$B$24,21,0),MOD($C332,24)+1)/SUM(INDEX($D$3:$AA$30,INDEX(Jesper!$R$2:$R$366,ROW(INDEX(Jesper!AI$2:AI$366,ROUNDDOWN($C332/24,0)+1,1))-1)+IF('Standard Profiles'!$G$19=$B$10,7,0)+IF('Standard Profiles'!$G$19=$B$17,14,0)+IF('Standard Profiles'!$G$19=$B$24,21,0),0)),0)</f>
        <v>3.4038985281984355</v>
      </c>
      <c r="F332" cm="1">
        <f t="array" ref="F332">IFERROR(INDEX(Jesper!AJ$2:AJ$366,ROUNDDOWN($C332/24,0)+1,1)*INDEX($D$3:$AA$30,INDEX(Jesper!$R$2:$R$366,ROW(INDEX(Jesper!AJ$2:AJ$366,ROUNDDOWN($C332/24,0)+1,1))-1)+IF('Standard Profiles'!$G$20=$B$10,7,0)+IF('Standard Profiles'!$G$20=$B$17,14,0)+IF('Standard Profiles'!$G$20=$B$24,21,0),MOD($C332,24)+1)/SUM(INDEX($D$3:$AA$30,INDEX(Jesper!$R$2:$R$366,ROW(INDEX(Jesper!AJ$2:AJ$366,ROUNDDOWN($C332/24,0)+1,1))-1)+IF('Standard Profiles'!$G$20=$B$10,7,0)+IF('Standard Profiles'!$G$20=$B$17,14,0)+IF('Standard Profiles'!$G$20=$B$24,21,0),0)),0)</f>
        <v>0</v>
      </c>
      <c r="G332" cm="1">
        <f t="array" ref="G332">IFERROR(INDEX(Jesper!AK$2:AK$366,ROUNDDOWN($C332/24,0)+1,1)*INDEX($D$3:$AA$30,INDEX(Jesper!$R$2:$R$366,ROW(INDEX(Jesper!AK$2:AK$366,ROUNDDOWN($C332/24,0)+1,1))-1)+IF('Standard Profiles'!$G$21=$B$10,7,0)+IF('Standard Profiles'!$G$21=$B$17,14,0)+IF('Standard Profiles'!$G$21=$B$24,21,0),MOD($C332,24)+1)/SUM(INDEX($D$3:$AA$30,INDEX(Jesper!$R$2:$R$366,ROW(INDEX(Jesper!AK$2:AK$366,ROUNDDOWN($C332/24,0)+1,1))-1)+IF('Standard Profiles'!$G$21=$B$10,7,0)+IF('Standard Profiles'!$G$21=$B$17,14,0)+IF('Standard Profiles'!$G$21=$B$24,21,0),0)),0)</f>
        <v>0</v>
      </c>
      <c r="H332" cm="1">
        <f t="array" ref="H332">IFERROR(INDEX(Jesper!AL$2:AL$366,ROUNDDOWN($C332/24,0)+1,1)*INDEX($D$3:$AA$30,INDEX(Jesper!$R$2:$R$366,ROW(INDEX(Jesper!AL$2:AL$366,ROUNDDOWN($C332/24,0)+1,1))-1)+IF('Standard Profiles'!$G$22=$B$10,7,0)+IF('Standard Profiles'!$G$22=$B$17,14,0)+IF('Standard Profiles'!$G$22=$B$24,21,0),MOD($C332,24)+1)/SUM(INDEX($D$3:$AA$30,INDEX(Jesper!$R$2:$R$366,ROW(INDEX(Jesper!AL$2:AL$366,ROUNDDOWN($C332/24,0)+1,1))-1)+IF('Standard Profiles'!$G$22=$B$10,7,0)+IF('Standard Profiles'!$G$22=$B$17,14,0)+IF('Standard Profiles'!$G$22=$B$24,21,0),0)),0)</f>
        <v>0</v>
      </c>
      <c r="I332">
        <f t="shared" si="48"/>
        <v>0.30665752506292221</v>
      </c>
      <c r="J332">
        <f t="shared" si="49"/>
        <v>1.0221917502097408</v>
      </c>
      <c r="K332">
        <f t="shared" si="50"/>
        <v>1.5332876253146113</v>
      </c>
      <c r="L332">
        <f t="shared" si="51"/>
        <v>15.424097784381729</v>
      </c>
      <c r="M332">
        <f t="shared" si="52"/>
        <v>0</v>
      </c>
      <c r="N332" s="46">
        <f t="shared" si="53"/>
        <v>45304.416666665944</v>
      </c>
    </row>
    <row r="333" spans="2:14" x14ac:dyDescent="0.3">
      <c r="B333">
        <f t="shared" si="47"/>
        <v>6</v>
      </c>
      <c r="C333" s="16">
        <v>299</v>
      </c>
      <c r="D333" cm="1">
        <f t="array" ref="D333">IFERROR(INDEX(Jesper!AH$2:AH$366,ROUNDDOWN($C333/24,0)+1,1)*INDEX($D$3:$AA$30,INDEX(Jesper!$R$2:$R$366,ROW(INDEX(Jesper!AH$2:AH$366,ROUNDDOWN($C333/24,0)+1,1))-1)+IF('Standard Profiles'!$G$18=$B$10,7,0)+IF('Standard Profiles'!$G$18=$B$17,14,0)+IF('Standard Profiles'!$G$18=$B$24,21,0),MOD($C333,24)+1)/SUM(INDEX($D$3:$AA$30,INDEX(Jesper!$R$2:$R$366,ROW(INDEX(Jesper!AH$2:AH$366,ROUNDDOWN($C333/24,0)+1,1))-1)+IF('Standard Profiles'!$G$18=$B$10,7,0)+IF('Standard Profiles'!$G$18=$B$17,14,0)+IF('Standard Profiles'!$G$18=$B$24,21,0),0)),0)</f>
        <v>14.882336156770567</v>
      </c>
      <c r="E333" cm="1">
        <f t="array" ref="E333">IFERROR(INDEX(Jesper!AI$2:AI$366,ROUNDDOWN($C333/24,0)+1,1)*INDEX($D$3:$AA$30,INDEX(Jesper!$R$2:$R$366,ROW(INDEX(Jesper!AI$2:AI$366,ROUNDDOWN($C333/24,0)+1,1))-1)+IF('Standard Profiles'!$G$19=$B$10,7,0)+IF('Standard Profiles'!$G$19=$B$17,14,0)+IF('Standard Profiles'!$G$19=$B$24,21,0),MOD($C333,24)+1)/SUM(INDEX($D$3:$AA$30,INDEX(Jesper!$R$2:$R$366,ROW(INDEX(Jesper!AI$2:AI$366,ROUNDDOWN($C333/24,0)+1,1))-1)+IF('Standard Profiles'!$G$19=$B$10,7,0)+IF('Standard Profiles'!$G$19=$B$17,14,0)+IF('Standard Profiles'!$G$19=$B$24,21,0),0)),0)</f>
        <v>3.4038985281984355</v>
      </c>
      <c r="F333" cm="1">
        <f t="array" ref="F333">IFERROR(INDEX(Jesper!AJ$2:AJ$366,ROUNDDOWN($C333/24,0)+1,1)*INDEX($D$3:$AA$30,INDEX(Jesper!$R$2:$R$366,ROW(INDEX(Jesper!AJ$2:AJ$366,ROUNDDOWN($C333/24,0)+1,1))-1)+IF('Standard Profiles'!$G$20=$B$10,7,0)+IF('Standard Profiles'!$G$20=$B$17,14,0)+IF('Standard Profiles'!$G$20=$B$24,21,0),MOD($C333,24)+1)/SUM(INDEX($D$3:$AA$30,INDEX(Jesper!$R$2:$R$366,ROW(INDEX(Jesper!AJ$2:AJ$366,ROUNDDOWN($C333/24,0)+1,1))-1)+IF('Standard Profiles'!$G$20=$B$10,7,0)+IF('Standard Profiles'!$G$20=$B$17,14,0)+IF('Standard Profiles'!$G$20=$B$24,21,0),0)),0)</f>
        <v>0</v>
      </c>
      <c r="G333" cm="1">
        <f t="array" ref="G333">IFERROR(INDEX(Jesper!AK$2:AK$366,ROUNDDOWN($C333/24,0)+1,1)*INDEX($D$3:$AA$30,INDEX(Jesper!$R$2:$R$366,ROW(INDEX(Jesper!AK$2:AK$366,ROUNDDOWN($C333/24,0)+1,1))-1)+IF('Standard Profiles'!$G$21=$B$10,7,0)+IF('Standard Profiles'!$G$21=$B$17,14,0)+IF('Standard Profiles'!$G$21=$B$24,21,0),MOD($C333,24)+1)/SUM(INDEX($D$3:$AA$30,INDEX(Jesper!$R$2:$R$366,ROW(INDEX(Jesper!AK$2:AK$366,ROUNDDOWN($C333/24,0)+1,1))-1)+IF('Standard Profiles'!$G$21=$B$10,7,0)+IF('Standard Profiles'!$G$21=$B$17,14,0)+IF('Standard Profiles'!$G$21=$B$24,21,0),0)),0)</f>
        <v>0</v>
      </c>
      <c r="H333" cm="1">
        <f t="array" ref="H333">IFERROR(INDEX(Jesper!AL$2:AL$366,ROUNDDOWN($C333/24,0)+1,1)*INDEX($D$3:$AA$30,INDEX(Jesper!$R$2:$R$366,ROW(INDEX(Jesper!AL$2:AL$366,ROUNDDOWN($C333/24,0)+1,1))-1)+IF('Standard Profiles'!$G$22=$B$10,7,0)+IF('Standard Profiles'!$G$22=$B$17,14,0)+IF('Standard Profiles'!$G$22=$B$24,21,0),MOD($C333,24)+1)/SUM(INDEX($D$3:$AA$30,INDEX(Jesper!$R$2:$R$366,ROW(INDEX(Jesper!AL$2:AL$366,ROUNDDOWN($C333/24,0)+1,1))-1)+IF('Standard Profiles'!$G$22=$B$10,7,0)+IF('Standard Profiles'!$G$22=$B$17,14,0)+IF('Standard Profiles'!$G$22=$B$24,21,0),0)),0)</f>
        <v>0</v>
      </c>
      <c r="I333">
        <f t="shared" si="48"/>
        <v>0.30665752506292221</v>
      </c>
      <c r="J333">
        <f t="shared" si="49"/>
        <v>1.0221917502097408</v>
      </c>
      <c r="K333">
        <f t="shared" si="50"/>
        <v>1.5332876253146113</v>
      </c>
      <c r="L333">
        <f t="shared" si="51"/>
        <v>15.424097784381729</v>
      </c>
      <c r="M333">
        <f t="shared" si="52"/>
        <v>0</v>
      </c>
      <c r="N333" s="46">
        <f t="shared" si="53"/>
        <v>45304.458333332608</v>
      </c>
    </row>
    <row r="334" spans="2:14" x14ac:dyDescent="0.3">
      <c r="B334">
        <f t="shared" si="47"/>
        <v>6</v>
      </c>
      <c r="C334" s="16">
        <v>300</v>
      </c>
      <c r="D334" cm="1">
        <f t="array" ref="D334">IFERROR(INDEX(Jesper!AH$2:AH$366,ROUNDDOWN($C334/24,0)+1,1)*INDEX($D$3:$AA$30,INDEX(Jesper!$R$2:$R$366,ROW(INDEX(Jesper!AH$2:AH$366,ROUNDDOWN($C334/24,0)+1,1))-1)+IF('Standard Profiles'!$G$18=$B$10,7,0)+IF('Standard Profiles'!$G$18=$B$17,14,0)+IF('Standard Profiles'!$G$18=$B$24,21,0),MOD($C334,24)+1)/SUM(INDEX($D$3:$AA$30,INDEX(Jesper!$R$2:$R$366,ROW(INDEX(Jesper!AH$2:AH$366,ROUNDDOWN($C334/24,0)+1,1))-1)+IF('Standard Profiles'!$G$18=$B$10,7,0)+IF('Standard Profiles'!$G$18=$B$17,14,0)+IF('Standard Profiles'!$G$18=$B$24,21,0),0)),0)</f>
        <v>14.882336156770567</v>
      </c>
      <c r="E334" cm="1">
        <f t="array" ref="E334">IFERROR(INDEX(Jesper!AI$2:AI$366,ROUNDDOWN($C334/24,0)+1,1)*INDEX($D$3:$AA$30,INDEX(Jesper!$R$2:$R$366,ROW(INDEX(Jesper!AI$2:AI$366,ROUNDDOWN($C334/24,0)+1,1))-1)+IF('Standard Profiles'!$G$19=$B$10,7,0)+IF('Standard Profiles'!$G$19=$B$17,14,0)+IF('Standard Profiles'!$G$19=$B$24,21,0),MOD($C334,24)+1)/SUM(INDEX($D$3:$AA$30,INDEX(Jesper!$R$2:$R$366,ROW(INDEX(Jesper!AI$2:AI$366,ROUNDDOWN($C334/24,0)+1,1))-1)+IF('Standard Profiles'!$G$19=$B$10,7,0)+IF('Standard Profiles'!$G$19=$B$17,14,0)+IF('Standard Profiles'!$G$19=$B$24,21,0),0)),0)</f>
        <v>3.4038985281984355</v>
      </c>
      <c r="F334" cm="1">
        <f t="array" ref="F334">IFERROR(INDEX(Jesper!AJ$2:AJ$366,ROUNDDOWN($C334/24,0)+1,1)*INDEX($D$3:$AA$30,INDEX(Jesper!$R$2:$R$366,ROW(INDEX(Jesper!AJ$2:AJ$366,ROUNDDOWN($C334/24,0)+1,1))-1)+IF('Standard Profiles'!$G$20=$B$10,7,0)+IF('Standard Profiles'!$G$20=$B$17,14,0)+IF('Standard Profiles'!$G$20=$B$24,21,0),MOD($C334,24)+1)/SUM(INDEX($D$3:$AA$30,INDEX(Jesper!$R$2:$R$366,ROW(INDEX(Jesper!AJ$2:AJ$366,ROUNDDOWN($C334/24,0)+1,1))-1)+IF('Standard Profiles'!$G$20=$B$10,7,0)+IF('Standard Profiles'!$G$20=$B$17,14,0)+IF('Standard Profiles'!$G$20=$B$24,21,0),0)),0)</f>
        <v>0</v>
      </c>
      <c r="G334" cm="1">
        <f t="array" ref="G334">IFERROR(INDEX(Jesper!AK$2:AK$366,ROUNDDOWN($C334/24,0)+1,1)*INDEX($D$3:$AA$30,INDEX(Jesper!$R$2:$R$366,ROW(INDEX(Jesper!AK$2:AK$366,ROUNDDOWN($C334/24,0)+1,1))-1)+IF('Standard Profiles'!$G$21=$B$10,7,0)+IF('Standard Profiles'!$G$21=$B$17,14,0)+IF('Standard Profiles'!$G$21=$B$24,21,0),MOD($C334,24)+1)/SUM(INDEX($D$3:$AA$30,INDEX(Jesper!$R$2:$R$366,ROW(INDEX(Jesper!AK$2:AK$366,ROUNDDOWN($C334/24,0)+1,1))-1)+IF('Standard Profiles'!$G$21=$B$10,7,0)+IF('Standard Profiles'!$G$21=$B$17,14,0)+IF('Standard Profiles'!$G$21=$B$24,21,0),0)),0)</f>
        <v>0</v>
      </c>
      <c r="H334" cm="1">
        <f t="array" ref="H334">IFERROR(INDEX(Jesper!AL$2:AL$366,ROUNDDOWN($C334/24,0)+1,1)*INDEX($D$3:$AA$30,INDEX(Jesper!$R$2:$R$366,ROW(INDEX(Jesper!AL$2:AL$366,ROUNDDOWN($C334/24,0)+1,1))-1)+IF('Standard Profiles'!$G$22=$B$10,7,0)+IF('Standard Profiles'!$G$22=$B$17,14,0)+IF('Standard Profiles'!$G$22=$B$24,21,0),MOD($C334,24)+1)/SUM(INDEX($D$3:$AA$30,INDEX(Jesper!$R$2:$R$366,ROW(INDEX(Jesper!AL$2:AL$366,ROUNDDOWN($C334/24,0)+1,1))-1)+IF('Standard Profiles'!$G$22=$B$10,7,0)+IF('Standard Profiles'!$G$22=$B$17,14,0)+IF('Standard Profiles'!$G$22=$B$24,21,0),0)),0)</f>
        <v>0</v>
      </c>
      <c r="I334">
        <f t="shared" si="48"/>
        <v>0.30665752506292221</v>
      </c>
      <c r="J334">
        <f t="shared" si="49"/>
        <v>1.0221917502097408</v>
      </c>
      <c r="K334">
        <f t="shared" si="50"/>
        <v>1.5332876253146113</v>
      </c>
      <c r="L334">
        <f t="shared" si="51"/>
        <v>15.424097784381729</v>
      </c>
      <c r="M334">
        <f t="shared" si="52"/>
        <v>0</v>
      </c>
      <c r="N334" s="46">
        <f t="shared" si="53"/>
        <v>45304.499999999272</v>
      </c>
    </row>
    <row r="335" spans="2:14" x14ac:dyDescent="0.3">
      <c r="B335">
        <f t="shared" si="47"/>
        <v>6</v>
      </c>
      <c r="C335" s="16">
        <v>301</v>
      </c>
      <c r="D335" cm="1">
        <f t="array" ref="D335">IFERROR(INDEX(Jesper!AH$2:AH$366,ROUNDDOWN($C335/24,0)+1,1)*INDEX($D$3:$AA$30,INDEX(Jesper!$R$2:$R$366,ROW(INDEX(Jesper!AH$2:AH$366,ROUNDDOWN($C335/24,0)+1,1))-1)+IF('Standard Profiles'!$G$18=$B$10,7,0)+IF('Standard Profiles'!$G$18=$B$17,14,0)+IF('Standard Profiles'!$G$18=$B$24,21,0),MOD($C335,24)+1)/SUM(INDEX($D$3:$AA$30,INDEX(Jesper!$R$2:$R$366,ROW(INDEX(Jesper!AH$2:AH$366,ROUNDDOWN($C335/24,0)+1,1))-1)+IF('Standard Profiles'!$G$18=$B$10,7,0)+IF('Standard Profiles'!$G$18=$B$17,14,0)+IF('Standard Profiles'!$G$18=$B$24,21,0),0)),0)</f>
        <v>14.882336156770567</v>
      </c>
      <c r="E335" cm="1">
        <f t="array" ref="E335">IFERROR(INDEX(Jesper!AI$2:AI$366,ROUNDDOWN($C335/24,0)+1,1)*INDEX($D$3:$AA$30,INDEX(Jesper!$R$2:$R$366,ROW(INDEX(Jesper!AI$2:AI$366,ROUNDDOWN($C335/24,0)+1,1))-1)+IF('Standard Profiles'!$G$19=$B$10,7,0)+IF('Standard Profiles'!$G$19=$B$17,14,0)+IF('Standard Profiles'!$G$19=$B$24,21,0),MOD($C335,24)+1)/SUM(INDEX($D$3:$AA$30,INDEX(Jesper!$R$2:$R$366,ROW(INDEX(Jesper!AI$2:AI$366,ROUNDDOWN($C335/24,0)+1,1))-1)+IF('Standard Profiles'!$G$19=$B$10,7,0)+IF('Standard Profiles'!$G$19=$B$17,14,0)+IF('Standard Profiles'!$G$19=$B$24,21,0),0)),0)</f>
        <v>3.4038985281984355</v>
      </c>
      <c r="F335" cm="1">
        <f t="array" ref="F335">IFERROR(INDEX(Jesper!AJ$2:AJ$366,ROUNDDOWN($C335/24,0)+1,1)*INDEX($D$3:$AA$30,INDEX(Jesper!$R$2:$R$366,ROW(INDEX(Jesper!AJ$2:AJ$366,ROUNDDOWN($C335/24,0)+1,1))-1)+IF('Standard Profiles'!$G$20=$B$10,7,0)+IF('Standard Profiles'!$G$20=$B$17,14,0)+IF('Standard Profiles'!$G$20=$B$24,21,0),MOD($C335,24)+1)/SUM(INDEX($D$3:$AA$30,INDEX(Jesper!$R$2:$R$366,ROW(INDEX(Jesper!AJ$2:AJ$366,ROUNDDOWN($C335/24,0)+1,1))-1)+IF('Standard Profiles'!$G$20=$B$10,7,0)+IF('Standard Profiles'!$G$20=$B$17,14,0)+IF('Standard Profiles'!$G$20=$B$24,21,0),0)),0)</f>
        <v>0</v>
      </c>
      <c r="G335" cm="1">
        <f t="array" ref="G335">IFERROR(INDEX(Jesper!AK$2:AK$366,ROUNDDOWN($C335/24,0)+1,1)*INDEX($D$3:$AA$30,INDEX(Jesper!$R$2:$R$366,ROW(INDEX(Jesper!AK$2:AK$366,ROUNDDOWN($C335/24,0)+1,1))-1)+IF('Standard Profiles'!$G$21=$B$10,7,0)+IF('Standard Profiles'!$G$21=$B$17,14,0)+IF('Standard Profiles'!$G$21=$B$24,21,0),MOD($C335,24)+1)/SUM(INDEX($D$3:$AA$30,INDEX(Jesper!$R$2:$R$366,ROW(INDEX(Jesper!AK$2:AK$366,ROUNDDOWN($C335/24,0)+1,1))-1)+IF('Standard Profiles'!$G$21=$B$10,7,0)+IF('Standard Profiles'!$G$21=$B$17,14,0)+IF('Standard Profiles'!$G$21=$B$24,21,0),0)),0)</f>
        <v>0</v>
      </c>
      <c r="H335" cm="1">
        <f t="array" ref="H335">IFERROR(INDEX(Jesper!AL$2:AL$366,ROUNDDOWN($C335/24,0)+1,1)*INDEX($D$3:$AA$30,INDEX(Jesper!$R$2:$R$366,ROW(INDEX(Jesper!AL$2:AL$366,ROUNDDOWN($C335/24,0)+1,1))-1)+IF('Standard Profiles'!$G$22=$B$10,7,0)+IF('Standard Profiles'!$G$22=$B$17,14,0)+IF('Standard Profiles'!$G$22=$B$24,21,0),MOD($C335,24)+1)/SUM(INDEX($D$3:$AA$30,INDEX(Jesper!$R$2:$R$366,ROW(INDEX(Jesper!AL$2:AL$366,ROUNDDOWN($C335/24,0)+1,1))-1)+IF('Standard Profiles'!$G$22=$B$10,7,0)+IF('Standard Profiles'!$G$22=$B$17,14,0)+IF('Standard Profiles'!$G$22=$B$24,21,0),0)),0)</f>
        <v>0</v>
      </c>
      <c r="I335">
        <f t="shared" si="48"/>
        <v>0.30665752506292221</v>
      </c>
      <c r="J335">
        <f t="shared" si="49"/>
        <v>1.0221917502097408</v>
      </c>
      <c r="K335">
        <f t="shared" si="50"/>
        <v>1.5332876253146113</v>
      </c>
      <c r="L335">
        <f t="shared" si="51"/>
        <v>15.424097784381729</v>
      </c>
      <c r="M335">
        <f t="shared" si="52"/>
        <v>0</v>
      </c>
      <c r="N335" s="46">
        <f t="shared" si="53"/>
        <v>45304.541666665937</v>
      </c>
    </row>
    <row r="336" spans="2:14" x14ac:dyDescent="0.3">
      <c r="B336">
        <f t="shared" si="47"/>
        <v>6</v>
      </c>
      <c r="C336" s="16">
        <v>302</v>
      </c>
      <c r="D336" cm="1">
        <f t="array" ref="D336">IFERROR(INDEX(Jesper!AH$2:AH$366,ROUNDDOWN($C336/24,0)+1,1)*INDEX($D$3:$AA$30,INDEX(Jesper!$R$2:$R$366,ROW(INDEX(Jesper!AH$2:AH$366,ROUNDDOWN($C336/24,0)+1,1))-1)+IF('Standard Profiles'!$G$18=$B$10,7,0)+IF('Standard Profiles'!$G$18=$B$17,14,0)+IF('Standard Profiles'!$G$18=$B$24,21,0),MOD($C336,24)+1)/SUM(INDEX($D$3:$AA$30,INDEX(Jesper!$R$2:$R$366,ROW(INDEX(Jesper!AH$2:AH$366,ROUNDDOWN($C336/24,0)+1,1))-1)+IF('Standard Profiles'!$G$18=$B$10,7,0)+IF('Standard Profiles'!$G$18=$B$17,14,0)+IF('Standard Profiles'!$G$18=$B$24,21,0),0)),0)</f>
        <v>14.882336156770567</v>
      </c>
      <c r="E336" cm="1">
        <f t="array" ref="E336">IFERROR(INDEX(Jesper!AI$2:AI$366,ROUNDDOWN($C336/24,0)+1,1)*INDEX($D$3:$AA$30,INDEX(Jesper!$R$2:$R$366,ROW(INDEX(Jesper!AI$2:AI$366,ROUNDDOWN($C336/24,0)+1,1))-1)+IF('Standard Profiles'!$G$19=$B$10,7,0)+IF('Standard Profiles'!$G$19=$B$17,14,0)+IF('Standard Profiles'!$G$19=$B$24,21,0),MOD($C336,24)+1)/SUM(INDEX($D$3:$AA$30,INDEX(Jesper!$R$2:$R$366,ROW(INDEX(Jesper!AI$2:AI$366,ROUNDDOWN($C336/24,0)+1,1))-1)+IF('Standard Profiles'!$G$19=$B$10,7,0)+IF('Standard Profiles'!$G$19=$B$17,14,0)+IF('Standard Profiles'!$G$19=$B$24,21,0),0)),0)</f>
        <v>3.4038985281984355</v>
      </c>
      <c r="F336" cm="1">
        <f t="array" ref="F336">IFERROR(INDEX(Jesper!AJ$2:AJ$366,ROUNDDOWN($C336/24,0)+1,1)*INDEX($D$3:$AA$30,INDEX(Jesper!$R$2:$R$366,ROW(INDEX(Jesper!AJ$2:AJ$366,ROUNDDOWN($C336/24,0)+1,1))-1)+IF('Standard Profiles'!$G$20=$B$10,7,0)+IF('Standard Profiles'!$G$20=$B$17,14,0)+IF('Standard Profiles'!$G$20=$B$24,21,0),MOD($C336,24)+1)/SUM(INDEX($D$3:$AA$30,INDEX(Jesper!$R$2:$R$366,ROW(INDEX(Jesper!AJ$2:AJ$366,ROUNDDOWN($C336/24,0)+1,1))-1)+IF('Standard Profiles'!$G$20=$B$10,7,0)+IF('Standard Profiles'!$G$20=$B$17,14,0)+IF('Standard Profiles'!$G$20=$B$24,21,0),0)),0)</f>
        <v>0</v>
      </c>
      <c r="G336" cm="1">
        <f t="array" ref="G336">IFERROR(INDEX(Jesper!AK$2:AK$366,ROUNDDOWN($C336/24,0)+1,1)*INDEX($D$3:$AA$30,INDEX(Jesper!$R$2:$R$366,ROW(INDEX(Jesper!AK$2:AK$366,ROUNDDOWN($C336/24,0)+1,1))-1)+IF('Standard Profiles'!$G$21=$B$10,7,0)+IF('Standard Profiles'!$G$21=$B$17,14,0)+IF('Standard Profiles'!$G$21=$B$24,21,0),MOD($C336,24)+1)/SUM(INDEX($D$3:$AA$30,INDEX(Jesper!$R$2:$R$366,ROW(INDEX(Jesper!AK$2:AK$366,ROUNDDOWN($C336/24,0)+1,1))-1)+IF('Standard Profiles'!$G$21=$B$10,7,0)+IF('Standard Profiles'!$G$21=$B$17,14,0)+IF('Standard Profiles'!$G$21=$B$24,21,0),0)),0)</f>
        <v>0</v>
      </c>
      <c r="H336" cm="1">
        <f t="array" ref="H336">IFERROR(INDEX(Jesper!AL$2:AL$366,ROUNDDOWN($C336/24,0)+1,1)*INDEX($D$3:$AA$30,INDEX(Jesper!$R$2:$R$366,ROW(INDEX(Jesper!AL$2:AL$366,ROUNDDOWN($C336/24,0)+1,1))-1)+IF('Standard Profiles'!$G$22=$B$10,7,0)+IF('Standard Profiles'!$G$22=$B$17,14,0)+IF('Standard Profiles'!$G$22=$B$24,21,0),MOD($C336,24)+1)/SUM(INDEX($D$3:$AA$30,INDEX(Jesper!$R$2:$R$366,ROW(INDEX(Jesper!AL$2:AL$366,ROUNDDOWN($C336/24,0)+1,1))-1)+IF('Standard Profiles'!$G$22=$B$10,7,0)+IF('Standard Profiles'!$G$22=$B$17,14,0)+IF('Standard Profiles'!$G$22=$B$24,21,0),0)),0)</f>
        <v>0</v>
      </c>
      <c r="I336">
        <f t="shared" si="48"/>
        <v>0.30665752506292221</v>
      </c>
      <c r="J336">
        <f t="shared" si="49"/>
        <v>1.0221917502097408</v>
      </c>
      <c r="K336">
        <f t="shared" si="50"/>
        <v>1.5332876253146113</v>
      </c>
      <c r="L336">
        <f t="shared" si="51"/>
        <v>15.424097784381729</v>
      </c>
      <c r="M336">
        <f t="shared" si="52"/>
        <v>0</v>
      </c>
      <c r="N336" s="46">
        <f t="shared" si="53"/>
        <v>45304.583333332601</v>
      </c>
    </row>
    <row r="337" spans="2:14" x14ac:dyDescent="0.3">
      <c r="B337">
        <f t="shared" si="47"/>
        <v>6</v>
      </c>
      <c r="C337" s="16">
        <v>303</v>
      </c>
      <c r="D337" cm="1">
        <f t="array" ref="D337">IFERROR(INDEX(Jesper!AH$2:AH$366,ROUNDDOWN($C337/24,0)+1,1)*INDEX($D$3:$AA$30,INDEX(Jesper!$R$2:$R$366,ROW(INDEX(Jesper!AH$2:AH$366,ROUNDDOWN($C337/24,0)+1,1))-1)+IF('Standard Profiles'!$G$18=$B$10,7,0)+IF('Standard Profiles'!$G$18=$B$17,14,0)+IF('Standard Profiles'!$G$18=$B$24,21,0),MOD($C337,24)+1)/SUM(INDEX($D$3:$AA$30,INDEX(Jesper!$R$2:$R$366,ROW(INDEX(Jesper!AH$2:AH$366,ROUNDDOWN($C337/24,0)+1,1))-1)+IF('Standard Profiles'!$G$18=$B$10,7,0)+IF('Standard Profiles'!$G$18=$B$17,14,0)+IF('Standard Profiles'!$G$18=$B$24,21,0),0)),0)</f>
        <v>13.45526282666928</v>
      </c>
      <c r="E337" cm="1">
        <f t="array" ref="E337">IFERROR(INDEX(Jesper!AI$2:AI$366,ROUNDDOWN($C337/24,0)+1,1)*INDEX($D$3:$AA$30,INDEX(Jesper!$R$2:$R$366,ROW(INDEX(Jesper!AI$2:AI$366,ROUNDDOWN($C337/24,0)+1,1))-1)+IF('Standard Profiles'!$G$19=$B$10,7,0)+IF('Standard Profiles'!$G$19=$B$17,14,0)+IF('Standard Profiles'!$G$19=$B$24,21,0),MOD($C337,24)+1)/SUM(INDEX($D$3:$AA$30,INDEX(Jesper!$R$2:$R$366,ROW(INDEX(Jesper!AI$2:AI$366,ROUNDDOWN($C337/24,0)+1,1))-1)+IF('Standard Profiles'!$G$19=$B$10,7,0)+IF('Standard Profiles'!$G$19=$B$17,14,0)+IF('Standard Profiles'!$G$19=$B$24,21,0),0)),0)</f>
        <v>3.0774972994670784</v>
      </c>
      <c r="F337" cm="1">
        <f t="array" ref="F337">IFERROR(INDEX(Jesper!AJ$2:AJ$366,ROUNDDOWN($C337/24,0)+1,1)*INDEX($D$3:$AA$30,INDEX(Jesper!$R$2:$R$366,ROW(INDEX(Jesper!AJ$2:AJ$366,ROUNDDOWN($C337/24,0)+1,1))-1)+IF('Standard Profiles'!$G$20=$B$10,7,0)+IF('Standard Profiles'!$G$20=$B$17,14,0)+IF('Standard Profiles'!$G$20=$B$24,21,0),MOD($C337,24)+1)/SUM(INDEX($D$3:$AA$30,INDEX(Jesper!$R$2:$R$366,ROW(INDEX(Jesper!AJ$2:AJ$366,ROUNDDOWN($C337/24,0)+1,1))-1)+IF('Standard Profiles'!$G$20=$B$10,7,0)+IF('Standard Profiles'!$G$20=$B$17,14,0)+IF('Standard Profiles'!$G$20=$B$24,21,0),0)),0)</f>
        <v>0</v>
      </c>
      <c r="G337" cm="1">
        <f t="array" ref="G337">IFERROR(INDEX(Jesper!AK$2:AK$366,ROUNDDOWN($C337/24,0)+1,1)*INDEX($D$3:$AA$30,INDEX(Jesper!$R$2:$R$366,ROW(INDEX(Jesper!AK$2:AK$366,ROUNDDOWN($C337/24,0)+1,1))-1)+IF('Standard Profiles'!$G$21=$B$10,7,0)+IF('Standard Profiles'!$G$21=$B$17,14,0)+IF('Standard Profiles'!$G$21=$B$24,21,0),MOD($C337,24)+1)/SUM(INDEX($D$3:$AA$30,INDEX(Jesper!$R$2:$R$366,ROW(INDEX(Jesper!AK$2:AK$366,ROUNDDOWN($C337/24,0)+1,1))-1)+IF('Standard Profiles'!$G$21=$B$10,7,0)+IF('Standard Profiles'!$G$21=$B$17,14,0)+IF('Standard Profiles'!$G$21=$B$24,21,0),0)),0)</f>
        <v>0</v>
      </c>
      <c r="H337" cm="1">
        <f t="array" ref="H337">IFERROR(INDEX(Jesper!AL$2:AL$366,ROUNDDOWN($C337/24,0)+1,1)*INDEX($D$3:$AA$30,INDEX(Jesper!$R$2:$R$366,ROW(INDEX(Jesper!AL$2:AL$366,ROUNDDOWN($C337/24,0)+1,1))-1)+IF('Standard Profiles'!$G$22=$B$10,7,0)+IF('Standard Profiles'!$G$22=$B$17,14,0)+IF('Standard Profiles'!$G$22=$B$24,21,0),MOD($C337,24)+1)/SUM(INDEX($D$3:$AA$30,INDEX(Jesper!$R$2:$R$366,ROW(INDEX(Jesper!AL$2:AL$366,ROUNDDOWN($C337/24,0)+1,1))-1)+IF('Standard Profiles'!$G$22=$B$10,7,0)+IF('Standard Profiles'!$G$22=$B$17,14,0)+IF('Standard Profiles'!$G$22=$B$24,21,0),0)),0)</f>
        <v>0</v>
      </c>
      <c r="I337">
        <f t="shared" si="48"/>
        <v>0.27725200896099811</v>
      </c>
      <c r="J337">
        <f t="shared" si="49"/>
        <v>0.92417336320332721</v>
      </c>
      <c r="K337">
        <f t="shared" si="50"/>
        <v>1.3862600448049909</v>
      </c>
      <c r="L337">
        <f t="shared" si="51"/>
        <v>13.945074709167043</v>
      </c>
      <c r="M337">
        <f t="shared" si="52"/>
        <v>0</v>
      </c>
      <c r="N337" s="46">
        <f t="shared" si="53"/>
        <v>45304.624999999265</v>
      </c>
    </row>
    <row r="338" spans="2:14" x14ac:dyDescent="0.3">
      <c r="B338">
        <f t="shared" si="47"/>
        <v>6</v>
      </c>
      <c r="C338" s="16">
        <v>304</v>
      </c>
      <c r="D338" cm="1">
        <f t="array" ref="D338">IFERROR(INDEX(Jesper!AH$2:AH$366,ROUNDDOWN($C338/24,0)+1,1)*INDEX($D$3:$AA$30,INDEX(Jesper!$R$2:$R$366,ROW(INDEX(Jesper!AH$2:AH$366,ROUNDDOWN($C338/24,0)+1,1))-1)+IF('Standard Profiles'!$G$18=$B$10,7,0)+IF('Standard Profiles'!$G$18=$B$17,14,0)+IF('Standard Profiles'!$G$18=$B$24,21,0),MOD($C338,24)+1)/SUM(INDEX($D$3:$AA$30,INDEX(Jesper!$R$2:$R$366,ROW(INDEX(Jesper!AH$2:AH$366,ROUNDDOWN($C338/24,0)+1,1))-1)+IF('Standard Profiles'!$G$18=$B$10,7,0)+IF('Standard Profiles'!$G$18=$B$17,14,0)+IF('Standard Profiles'!$G$18=$B$24,21,0),0)),0)</f>
        <v>12.232057115153891</v>
      </c>
      <c r="E338" cm="1">
        <f t="array" ref="E338">IFERROR(INDEX(Jesper!AI$2:AI$366,ROUNDDOWN($C338/24,0)+1,1)*INDEX($D$3:$AA$30,INDEX(Jesper!$R$2:$R$366,ROW(INDEX(Jesper!AI$2:AI$366,ROUNDDOWN($C338/24,0)+1,1))-1)+IF('Standard Profiles'!$G$19=$B$10,7,0)+IF('Standard Profiles'!$G$19=$B$17,14,0)+IF('Standard Profiles'!$G$19=$B$24,21,0),MOD($C338,24)+1)/SUM(INDEX($D$3:$AA$30,INDEX(Jesper!$R$2:$R$366,ROW(INDEX(Jesper!AI$2:AI$366,ROUNDDOWN($C338/24,0)+1,1))-1)+IF('Standard Profiles'!$G$19=$B$10,7,0)+IF('Standard Profiles'!$G$19=$B$17,14,0)+IF('Standard Profiles'!$G$19=$B$24,21,0),0)),0)</f>
        <v>2.7977248176973442</v>
      </c>
      <c r="F338" cm="1">
        <f t="array" ref="F338">IFERROR(INDEX(Jesper!AJ$2:AJ$366,ROUNDDOWN($C338/24,0)+1,1)*INDEX($D$3:$AA$30,INDEX(Jesper!$R$2:$R$366,ROW(INDEX(Jesper!AJ$2:AJ$366,ROUNDDOWN($C338/24,0)+1,1))-1)+IF('Standard Profiles'!$G$20=$B$10,7,0)+IF('Standard Profiles'!$G$20=$B$17,14,0)+IF('Standard Profiles'!$G$20=$B$24,21,0),MOD($C338,24)+1)/SUM(INDEX($D$3:$AA$30,INDEX(Jesper!$R$2:$R$366,ROW(INDEX(Jesper!AJ$2:AJ$366,ROUNDDOWN($C338/24,0)+1,1))-1)+IF('Standard Profiles'!$G$20=$B$10,7,0)+IF('Standard Profiles'!$G$20=$B$17,14,0)+IF('Standard Profiles'!$G$20=$B$24,21,0),0)),0)</f>
        <v>0</v>
      </c>
      <c r="G338" cm="1">
        <f t="array" ref="G338">IFERROR(INDEX(Jesper!AK$2:AK$366,ROUNDDOWN($C338/24,0)+1,1)*INDEX($D$3:$AA$30,INDEX(Jesper!$R$2:$R$366,ROW(INDEX(Jesper!AK$2:AK$366,ROUNDDOWN($C338/24,0)+1,1))-1)+IF('Standard Profiles'!$G$21=$B$10,7,0)+IF('Standard Profiles'!$G$21=$B$17,14,0)+IF('Standard Profiles'!$G$21=$B$24,21,0),MOD($C338,24)+1)/SUM(INDEX($D$3:$AA$30,INDEX(Jesper!$R$2:$R$366,ROW(INDEX(Jesper!AK$2:AK$366,ROUNDDOWN($C338/24,0)+1,1))-1)+IF('Standard Profiles'!$G$21=$B$10,7,0)+IF('Standard Profiles'!$G$21=$B$17,14,0)+IF('Standard Profiles'!$G$21=$B$24,21,0),0)),0)</f>
        <v>0</v>
      </c>
      <c r="H338" cm="1">
        <f t="array" ref="H338">IFERROR(INDEX(Jesper!AL$2:AL$366,ROUNDDOWN($C338/24,0)+1,1)*INDEX($D$3:$AA$30,INDEX(Jesper!$R$2:$R$366,ROW(INDEX(Jesper!AL$2:AL$366,ROUNDDOWN($C338/24,0)+1,1))-1)+IF('Standard Profiles'!$G$22=$B$10,7,0)+IF('Standard Profiles'!$G$22=$B$17,14,0)+IF('Standard Profiles'!$G$22=$B$24,21,0),MOD($C338,24)+1)/SUM(INDEX($D$3:$AA$30,INDEX(Jesper!$R$2:$R$366,ROW(INDEX(Jesper!AL$2:AL$366,ROUNDDOWN($C338/24,0)+1,1))-1)+IF('Standard Profiles'!$G$22=$B$10,7,0)+IF('Standard Profiles'!$G$22=$B$17,14,0)+IF('Standard Profiles'!$G$22=$B$24,21,0),0)),0)</f>
        <v>0</v>
      </c>
      <c r="I338">
        <f t="shared" si="48"/>
        <v>0.25204728087363465</v>
      </c>
      <c r="J338">
        <f t="shared" si="49"/>
        <v>0.84015760291211572</v>
      </c>
      <c r="K338">
        <f t="shared" si="50"/>
        <v>1.2602364043681735</v>
      </c>
      <c r="L338">
        <f t="shared" si="51"/>
        <v>12.677340644697312</v>
      </c>
      <c r="M338">
        <f t="shared" si="52"/>
        <v>0</v>
      </c>
      <c r="N338" s="46">
        <f t="shared" si="53"/>
        <v>45304.666666665929</v>
      </c>
    </row>
    <row r="339" spans="2:14" x14ac:dyDescent="0.3">
      <c r="B339">
        <f t="shared" si="47"/>
        <v>6</v>
      </c>
      <c r="C339" s="16">
        <v>305</v>
      </c>
      <c r="D339" cm="1">
        <f t="array" ref="D339">IFERROR(INDEX(Jesper!AH$2:AH$366,ROUNDDOWN($C339/24,0)+1,1)*INDEX($D$3:$AA$30,INDEX(Jesper!$R$2:$R$366,ROW(INDEX(Jesper!AH$2:AH$366,ROUNDDOWN($C339/24,0)+1,1))-1)+IF('Standard Profiles'!$G$18=$B$10,7,0)+IF('Standard Profiles'!$G$18=$B$17,14,0)+IF('Standard Profiles'!$G$18=$B$24,21,0),MOD($C339,24)+1)/SUM(INDEX($D$3:$AA$30,INDEX(Jesper!$R$2:$R$366,ROW(INDEX(Jesper!AH$2:AH$366,ROUNDDOWN($C339/24,0)+1,1))-1)+IF('Standard Profiles'!$G$18=$B$10,7,0)+IF('Standard Profiles'!$G$18=$B$17,14,0)+IF('Standard Profiles'!$G$18=$B$24,21,0),0)),0)</f>
        <v>11.008851403638502</v>
      </c>
      <c r="E339" cm="1">
        <f t="array" ref="E339">IFERROR(INDEX(Jesper!AI$2:AI$366,ROUNDDOWN($C339/24,0)+1,1)*INDEX($D$3:$AA$30,INDEX(Jesper!$R$2:$R$366,ROW(INDEX(Jesper!AI$2:AI$366,ROUNDDOWN($C339/24,0)+1,1))-1)+IF('Standard Profiles'!$G$19=$B$10,7,0)+IF('Standard Profiles'!$G$19=$B$17,14,0)+IF('Standard Profiles'!$G$19=$B$24,21,0),MOD($C339,24)+1)/SUM(INDEX($D$3:$AA$30,INDEX(Jesper!$R$2:$R$366,ROW(INDEX(Jesper!AI$2:AI$366,ROUNDDOWN($C339/24,0)+1,1))-1)+IF('Standard Profiles'!$G$19=$B$10,7,0)+IF('Standard Profiles'!$G$19=$B$17,14,0)+IF('Standard Profiles'!$G$19=$B$24,21,0),0)),0)</f>
        <v>2.5179523359276095</v>
      </c>
      <c r="F339" cm="1">
        <f t="array" ref="F339">IFERROR(INDEX(Jesper!AJ$2:AJ$366,ROUNDDOWN($C339/24,0)+1,1)*INDEX($D$3:$AA$30,INDEX(Jesper!$R$2:$R$366,ROW(INDEX(Jesper!AJ$2:AJ$366,ROUNDDOWN($C339/24,0)+1,1))-1)+IF('Standard Profiles'!$G$20=$B$10,7,0)+IF('Standard Profiles'!$G$20=$B$17,14,0)+IF('Standard Profiles'!$G$20=$B$24,21,0),MOD($C339,24)+1)/SUM(INDEX($D$3:$AA$30,INDEX(Jesper!$R$2:$R$366,ROW(INDEX(Jesper!AJ$2:AJ$366,ROUNDDOWN($C339/24,0)+1,1))-1)+IF('Standard Profiles'!$G$20=$B$10,7,0)+IF('Standard Profiles'!$G$20=$B$17,14,0)+IF('Standard Profiles'!$G$20=$B$24,21,0),0)),0)</f>
        <v>0</v>
      </c>
      <c r="G339" cm="1">
        <f t="array" ref="G339">IFERROR(INDEX(Jesper!AK$2:AK$366,ROUNDDOWN($C339/24,0)+1,1)*INDEX($D$3:$AA$30,INDEX(Jesper!$R$2:$R$366,ROW(INDEX(Jesper!AK$2:AK$366,ROUNDDOWN($C339/24,0)+1,1))-1)+IF('Standard Profiles'!$G$21=$B$10,7,0)+IF('Standard Profiles'!$G$21=$B$17,14,0)+IF('Standard Profiles'!$G$21=$B$24,21,0),MOD($C339,24)+1)/SUM(INDEX($D$3:$AA$30,INDEX(Jesper!$R$2:$R$366,ROW(INDEX(Jesper!AK$2:AK$366,ROUNDDOWN($C339/24,0)+1,1))-1)+IF('Standard Profiles'!$G$21=$B$10,7,0)+IF('Standard Profiles'!$G$21=$B$17,14,0)+IF('Standard Profiles'!$G$21=$B$24,21,0),0)),0)</f>
        <v>0</v>
      </c>
      <c r="H339" cm="1">
        <f t="array" ref="H339">IFERROR(INDEX(Jesper!AL$2:AL$366,ROUNDDOWN($C339/24,0)+1,1)*INDEX($D$3:$AA$30,INDEX(Jesper!$R$2:$R$366,ROW(INDEX(Jesper!AL$2:AL$366,ROUNDDOWN($C339/24,0)+1,1))-1)+IF('Standard Profiles'!$G$22=$B$10,7,0)+IF('Standard Profiles'!$G$22=$B$17,14,0)+IF('Standard Profiles'!$G$22=$B$24,21,0),MOD($C339,24)+1)/SUM(INDEX($D$3:$AA$30,INDEX(Jesper!$R$2:$R$366,ROW(INDEX(Jesper!AL$2:AL$366,ROUNDDOWN($C339/24,0)+1,1))-1)+IF('Standard Profiles'!$G$22=$B$10,7,0)+IF('Standard Profiles'!$G$22=$B$17,14,0)+IF('Standard Profiles'!$G$22=$B$24,21,0),0)),0)</f>
        <v>0</v>
      </c>
      <c r="I339">
        <f t="shared" si="48"/>
        <v>0.22684255278627119</v>
      </c>
      <c r="J339">
        <f t="shared" si="49"/>
        <v>0.756141842620904</v>
      </c>
      <c r="K339">
        <f t="shared" si="50"/>
        <v>1.1342127639313559</v>
      </c>
      <c r="L339">
        <f t="shared" si="51"/>
        <v>11.40960658022758</v>
      </c>
      <c r="M339">
        <f t="shared" si="52"/>
        <v>0</v>
      </c>
      <c r="N339" s="46">
        <f t="shared" si="53"/>
        <v>45304.708333332594</v>
      </c>
    </row>
    <row r="340" spans="2:14" x14ac:dyDescent="0.3">
      <c r="B340">
        <f t="shared" si="47"/>
        <v>6</v>
      </c>
      <c r="C340" s="16">
        <v>306</v>
      </c>
      <c r="D340" cm="1">
        <f t="array" ref="D340">IFERROR(INDEX(Jesper!AH$2:AH$366,ROUNDDOWN($C340/24,0)+1,1)*INDEX($D$3:$AA$30,INDEX(Jesper!$R$2:$R$366,ROW(INDEX(Jesper!AH$2:AH$366,ROUNDDOWN($C340/24,0)+1,1))-1)+IF('Standard Profiles'!$G$18=$B$10,7,0)+IF('Standard Profiles'!$G$18=$B$17,14,0)+IF('Standard Profiles'!$G$18=$B$24,21,0),MOD($C340,24)+1)/SUM(INDEX($D$3:$AA$30,INDEX(Jesper!$R$2:$R$366,ROW(INDEX(Jesper!AH$2:AH$366,ROUNDDOWN($C340/24,0)+1,1))-1)+IF('Standard Profiles'!$G$18=$B$10,7,0)+IF('Standard Profiles'!$G$18=$B$17,14,0)+IF('Standard Profiles'!$G$18=$B$24,21,0),0)),0)</f>
        <v>10.601116166466705</v>
      </c>
      <c r="E340" cm="1">
        <f t="array" ref="E340">IFERROR(INDEX(Jesper!AI$2:AI$366,ROUNDDOWN($C340/24,0)+1,1)*INDEX($D$3:$AA$30,INDEX(Jesper!$R$2:$R$366,ROW(INDEX(Jesper!AI$2:AI$366,ROUNDDOWN($C340/24,0)+1,1))-1)+IF('Standard Profiles'!$G$19=$B$10,7,0)+IF('Standard Profiles'!$G$19=$B$17,14,0)+IF('Standard Profiles'!$G$19=$B$24,21,0),MOD($C340,24)+1)/SUM(INDEX($D$3:$AA$30,INDEX(Jesper!$R$2:$R$366,ROW(INDEX(Jesper!AI$2:AI$366,ROUNDDOWN($C340/24,0)+1,1))-1)+IF('Standard Profiles'!$G$19=$B$10,7,0)+IF('Standard Profiles'!$G$19=$B$17,14,0)+IF('Standard Profiles'!$G$19=$B$24,21,0),0)),0)</f>
        <v>2.4246948420043646</v>
      </c>
      <c r="F340" cm="1">
        <f t="array" ref="F340">IFERROR(INDEX(Jesper!AJ$2:AJ$366,ROUNDDOWN($C340/24,0)+1,1)*INDEX($D$3:$AA$30,INDEX(Jesper!$R$2:$R$366,ROW(INDEX(Jesper!AJ$2:AJ$366,ROUNDDOWN($C340/24,0)+1,1))-1)+IF('Standard Profiles'!$G$20=$B$10,7,0)+IF('Standard Profiles'!$G$20=$B$17,14,0)+IF('Standard Profiles'!$G$20=$B$24,21,0),MOD($C340,24)+1)/SUM(INDEX($D$3:$AA$30,INDEX(Jesper!$R$2:$R$366,ROW(INDEX(Jesper!AJ$2:AJ$366,ROUNDDOWN($C340/24,0)+1,1))-1)+IF('Standard Profiles'!$G$20=$B$10,7,0)+IF('Standard Profiles'!$G$20=$B$17,14,0)+IF('Standard Profiles'!$G$20=$B$24,21,0),0)),0)</f>
        <v>0</v>
      </c>
      <c r="G340" cm="1">
        <f t="array" ref="G340">IFERROR(INDEX(Jesper!AK$2:AK$366,ROUNDDOWN($C340/24,0)+1,1)*INDEX($D$3:$AA$30,INDEX(Jesper!$R$2:$R$366,ROW(INDEX(Jesper!AK$2:AK$366,ROUNDDOWN($C340/24,0)+1,1))-1)+IF('Standard Profiles'!$G$21=$B$10,7,0)+IF('Standard Profiles'!$G$21=$B$17,14,0)+IF('Standard Profiles'!$G$21=$B$24,21,0),MOD($C340,24)+1)/SUM(INDEX($D$3:$AA$30,INDEX(Jesper!$R$2:$R$366,ROW(INDEX(Jesper!AK$2:AK$366,ROUNDDOWN($C340/24,0)+1,1))-1)+IF('Standard Profiles'!$G$21=$B$10,7,0)+IF('Standard Profiles'!$G$21=$B$17,14,0)+IF('Standard Profiles'!$G$21=$B$24,21,0),0)),0)</f>
        <v>0</v>
      </c>
      <c r="H340" cm="1">
        <f t="array" ref="H340">IFERROR(INDEX(Jesper!AL$2:AL$366,ROUNDDOWN($C340/24,0)+1,1)*INDEX($D$3:$AA$30,INDEX(Jesper!$R$2:$R$366,ROW(INDEX(Jesper!AL$2:AL$366,ROUNDDOWN($C340/24,0)+1,1))-1)+IF('Standard Profiles'!$G$22=$B$10,7,0)+IF('Standard Profiles'!$G$22=$B$17,14,0)+IF('Standard Profiles'!$G$22=$B$24,21,0),MOD($C340,24)+1)/SUM(INDEX($D$3:$AA$30,INDEX(Jesper!$R$2:$R$366,ROW(INDEX(Jesper!AL$2:AL$366,ROUNDDOWN($C340/24,0)+1,1))-1)+IF('Standard Profiles'!$G$22=$B$10,7,0)+IF('Standard Profiles'!$G$22=$B$17,14,0)+IF('Standard Profiles'!$G$22=$B$24,21,0),0)),0)</f>
        <v>0</v>
      </c>
      <c r="I340">
        <f t="shared" si="48"/>
        <v>0.21844097675715002</v>
      </c>
      <c r="J340">
        <f t="shared" si="49"/>
        <v>0.72813658919050017</v>
      </c>
      <c r="K340">
        <f t="shared" si="50"/>
        <v>1.0922048837857503</v>
      </c>
      <c r="L340">
        <f t="shared" si="51"/>
        <v>10.987028558737668</v>
      </c>
      <c r="M340">
        <f t="shared" si="52"/>
        <v>0</v>
      </c>
      <c r="N340" s="46">
        <f t="shared" si="53"/>
        <v>45304.749999999258</v>
      </c>
    </row>
    <row r="341" spans="2:14" x14ac:dyDescent="0.3">
      <c r="B341">
        <f t="shared" si="47"/>
        <v>6</v>
      </c>
      <c r="C341" s="16">
        <v>307</v>
      </c>
      <c r="D341" cm="1">
        <f t="array" ref="D341">IFERROR(INDEX(Jesper!AH$2:AH$366,ROUNDDOWN($C341/24,0)+1,1)*INDEX($D$3:$AA$30,INDEX(Jesper!$R$2:$R$366,ROW(INDEX(Jesper!AH$2:AH$366,ROUNDDOWN($C341/24,0)+1,1))-1)+IF('Standard Profiles'!$G$18=$B$10,7,0)+IF('Standard Profiles'!$G$18=$B$17,14,0)+IF('Standard Profiles'!$G$18=$B$24,21,0),MOD($C341,24)+1)/SUM(INDEX($D$3:$AA$30,INDEX(Jesper!$R$2:$R$366,ROW(INDEX(Jesper!AH$2:AH$366,ROUNDDOWN($C341/24,0)+1,1))-1)+IF('Standard Profiles'!$G$18=$B$10,7,0)+IF('Standard Profiles'!$G$18=$B$17,14,0)+IF('Standard Profiles'!$G$18=$B$24,21,0),0)),0)</f>
        <v>8.5624399806077243</v>
      </c>
      <c r="E341" cm="1">
        <f t="array" ref="E341">IFERROR(INDEX(Jesper!AI$2:AI$366,ROUNDDOWN($C341/24,0)+1,1)*INDEX($D$3:$AA$30,INDEX(Jesper!$R$2:$R$366,ROW(INDEX(Jesper!AI$2:AI$366,ROUNDDOWN($C341/24,0)+1,1))-1)+IF('Standard Profiles'!$G$19=$B$10,7,0)+IF('Standard Profiles'!$G$19=$B$17,14,0)+IF('Standard Profiles'!$G$19=$B$24,21,0),MOD($C341,24)+1)/SUM(INDEX($D$3:$AA$30,INDEX(Jesper!$R$2:$R$366,ROW(INDEX(Jesper!AI$2:AI$366,ROUNDDOWN($C341/24,0)+1,1))-1)+IF('Standard Profiles'!$G$19=$B$10,7,0)+IF('Standard Profiles'!$G$19=$B$17,14,0)+IF('Standard Profiles'!$G$19=$B$24,21,0),0)),0)</f>
        <v>1.958407372388141</v>
      </c>
      <c r="F341" cm="1">
        <f t="array" ref="F341">IFERROR(INDEX(Jesper!AJ$2:AJ$366,ROUNDDOWN($C341/24,0)+1,1)*INDEX($D$3:$AA$30,INDEX(Jesper!$R$2:$R$366,ROW(INDEX(Jesper!AJ$2:AJ$366,ROUNDDOWN($C341/24,0)+1,1))-1)+IF('Standard Profiles'!$G$20=$B$10,7,0)+IF('Standard Profiles'!$G$20=$B$17,14,0)+IF('Standard Profiles'!$G$20=$B$24,21,0),MOD($C341,24)+1)/SUM(INDEX($D$3:$AA$30,INDEX(Jesper!$R$2:$R$366,ROW(INDEX(Jesper!AJ$2:AJ$366,ROUNDDOWN($C341/24,0)+1,1))-1)+IF('Standard Profiles'!$G$20=$B$10,7,0)+IF('Standard Profiles'!$G$20=$B$17,14,0)+IF('Standard Profiles'!$G$20=$B$24,21,0),0)),0)</f>
        <v>0</v>
      </c>
      <c r="G341" cm="1">
        <f t="array" ref="G341">IFERROR(INDEX(Jesper!AK$2:AK$366,ROUNDDOWN($C341/24,0)+1,1)*INDEX($D$3:$AA$30,INDEX(Jesper!$R$2:$R$366,ROW(INDEX(Jesper!AK$2:AK$366,ROUNDDOWN($C341/24,0)+1,1))-1)+IF('Standard Profiles'!$G$21=$B$10,7,0)+IF('Standard Profiles'!$G$21=$B$17,14,0)+IF('Standard Profiles'!$G$21=$B$24,21,0),MOD($C341,24)+1)/SUM(INDEX($D$3:$AA$30,INDEX(Jesper!$R$2:$R$366,ROW(INDEX(Jesper!AK$2:AK$366,ROUNDDOWN($C341/24,0)+1,1))-1)+IF('Standard Profiles'!$G$21=$B$10,7,0)+IF('Standard Profiles'!$G$21=$B$17,14,0)+IF('Standard Profiles'!$G$21=$B$24,21,0),0)),0)</f>
        <v>0</v>
      </c>
      <c r="H341" cm="1">
        <f t="array" ref="H341">IFERROR(INDEX(Jesper!AL$2:AL$366,ROUNDDOWN($C341/24,0)+1,1)*INDEX($D$3:$AA$30,INDEX(Jesper!$R$2:$R$366,ROW(INDEX(Jesper!AL$2:AL$366,ROUNDDOWN($C341/24,0)+1,1))-1)+IF('Standard Profiles'!$G$22=$B$10,7,0)+IF('Standard Profiles'!$G$22=$B$17,14,0)+IF('Standard Profiles'!$G$22=$B$24,21,0),MOD($C341,24)+1)/SUM(INDEX($D$3:$AA$30,INDEX(Jesper!$R$2:$R$366,ROW(INDEX(Jesper!AL$2:AL$366,ROUNDDOWN($C341/24,0)+1,1))-1)+IF('Standard Profiles'!$G$22=$B$10,7,0)+IF('Standard Profiles'!$G$22=$B$17,14,0)+IF('Standard Profiles'!$G$22=$B$24,21,0),0)),0)</f>
        <v>0</v>
      </c>
      <c r="I341">
        <f t="shared" si="48"/>
        <v>0.17643309661154427</v>
      </c>
      <c r="J341">
        <f t="shared" si="49"/>
        <v>0.58811032203848101</v>
      </c>
      <c r="K341">
        <f t="shared" si="50"/>
        <v>0.88216548305772147</v>
      </c>
      <c r="L341">
        <f t="shared" si="51"/>
        <v>8.8741384512881183</v>
      </c>
      <c r="M341">
        <f t="shared" si="52"/>
        <v>0</v>
      </c>
      <c r="N341" s="46">
        <f t="shared" si="53"/>
        <v>45304.791666665922</v>
      </c>
    </row>
    <row r="342" spans="2:14" x14ac:dyDescent="0.3">
      <c r="B342">
        <f t="shared" si="47"/>
        <v>6</v>
      </c>
      <c r="C342" s="16">
        <v>308</v>
      </c>
      <c r="D342" cm="1">
        <f t="array" ref="D342">IFERROR(INDEX(Jesper!AH$2:AH$366,ROUNDDOWN($C342/24,0)+1,1)*INDEX($D$3:$AA$30,INDEX(Jesper!$R$2:$R$366,ROW(INDEX(Jesper!AH$2:AH$366,ROUNDDOWN($C342/24,0)+1,1))-1)+IF('Standard Profiles'!$G$18=$B$10,7,0)+IF('Standard Profiles'!$G$18=$B$17,14,0)+IF('Standard Profiles'!$G$18=$B$24,21,0),MOD($C342,24)+1)/SUM(INDEX($D$3:$AA$30,INDEX(Jesper!$R$2:$R$366,ROW(INDEX(Jesper!AH$2:AH$366,ROUNDDOWN($C342/24,0)+1,1))-1)+IF('Standard Profiles'!$G$18=$B$10,7,0)+IF('Standard Profiles'!$G$18=$B$17,14,0)+IF('Standard Profiles'!$G$18=$B$24,21,0),0)),0)</f>
        <v>6.3198961761628434</v>
      </c>
      <c r="E342" cm="1">
        <f t="array" ref="E342">IFERROR(INDEX(Jesper!AI$2:AI$366,ROUNDDOWN($C342/24,0)+1,1)*INDEX($D$3:$AA$30,INDEX(Jesper!$R$2:$R$366,ROW(INDEX(Jesper!AI$2:AI$366,ROUNDDOWN($C342/24,0)+1,1))-1)+IF('Standard Profiles'!$G$19=$B$10,7,0)+IF('Standard Profiles'!$G$19=$B$17,14,0)+IF('Standard Profiles'!$G$19=$B$24,21,0),MOD($C342,24)+1)/SUM(INDEX($D$3:$AA$30,INDEX(Jesper!$R$2:$R$366,ROW(INDEX(Jesper!AI$2:AI$366,ROUNDDOWN($C342/24,0)+1,1))-1)+IF('Standard Profiles'!$G$19=$B$10,7,0)+IF('Standard Profiles'!$G$19=$B$17,14,0)+IF('Standard Profiles'!$G$19=$B$24,21,0),0)),0)</f>
        <v>1.4454911558102943</v>
      </c>
      <c r="F342" cm="1">
        <f t="array" ref="F342">IFERROR(INDEX(Jesper!AJ$2:AJ$366,ROUNDDOWN($C342/24,0)+1,1)*INDEX($D$3:$AA$30,INDEX(Jesper!$R$2:$R$366,ROW(INDEX(Jesper!AJ$2:AJ$366,ROUNDDOWN($C342/24,0)+1,1))-1)+IF('Standard Profiles'!$G$20=$B$10,7,0)+IF('Standard Profiles'!$G$20=$B$17,14,0)+IF('Standard Profiles'!$G$20=$B$24,21,0),MOD($C342,24)+1)/SUM(INDEX($D$3:$AA$30,INDEX(Jesper!$R$2:$R$366,ROW(INDEX(Jesper!AJ$2:AJ$366,ROUNDDOWN($C342/24,0)+1,1))-1)+IF('Standard Profiles'!$G$20=$B$10,7,0)+IF('Standard Profiles'!$G$20=$B$17,14,0)+IF('Standard Profiles'!$G$20=$B$24,21,0),0)),0)</f>
        <v>0</v>
      </c>
      <c r="G342" cm="1">
        <f t="array" ref="G342">IFERROR(INDEX(Jesper!AK$2:AK$366,ROUNDDOWN($C342/24,0)+1,1)*INDEX($D$3:$AA$30,INDEX(Jesper!$R$2:$R$366,ROW(INDEX(Jesper!AK$2:AK$366,ROUNDDOWN($C342/24,0)+1,1))-1)+IF('Standard Profiles'!$G$21=$B$10,7,0)+IF('Standard Profiles'!$G$21=$B$17,14,0)+IF('Standard Profiles'!$G$21=$B$24,21,0),MOD($C342,24)+1)/SUM(INDEX($D$3:$AA$30,INDEX(Jesper!$R$2:$R$366,ROW(INDEX(Jesper!AK$2:AK$366,ROUNDDOWN($C342/24,0)+1,1))-1)+IF('Standard Profiles'!$G$21=$B$10,7,0)+IF('Standard Profiles'!$G$21=$B$17,14,0)+IF('Standard Profiles'!$G$21=$B$24,21,0),0)),0)</f>
        <v>0</v>
      </c>
      <c r="H342" cm="1">
        <f t="array" ref="H342">IFERROR(INDEX(Jesper!AL$2:AL$366,ROUNDDOWN($C342/24,0)+1,1)*INDEX($D$3:$AA$30,INDEX(Jesper!$R$2:$R$366,ROW(INDEX(Jesper!AL$2:AL$366,ROUNDDOWN($C342/24,0)+1,1))-1)+IF('Standard Profiles'!$G$22=$B$10,7,0)+IF('Standard Profiles'!$G$22=$B$17,14,0)+IF('Standard Profiles'!$G$22=$B$24,21,0),MOD($C342,24)+1)/SUM(INDEX($D$3:$AA$30,INDEX(Jesper!$R$2:$R$366,ROW(INDEX(Jesper!AL$2:AL$366,ROUNDDOWN($C342/24,0)+1,1))-1)+IF('Standard Profiles'!$G$22=$B$10,7,0)+IF('Standard Profiles'!$G$22=$B$17,14,0)+IF('Standard Profiles'!$G$22=$B$24,21,0),0)),0)</f>
        <v>0</v>
      </c>
      <c r="I342">
        <f t="shared" si="48"/>
        <v>0.13022442845137791</v>
      </c>
      <c r="J342">
        <f t="shared" si="49"/>
        <v>0.43408142817125972</v>
      </c>
      <c r="K342">
        <f t="shared" si="50"/>
        <v>0.65112214225688958</v>
      </c>
      <c r="L342">
        <f t="shared" si="51"/>
        <v>6.5499593330936108</v>
      </c>
      <c r="M342">
        <f t="shared" si="52"/>
        <v>0</v>
      </c>
      <c r="N342" s="46">
        <f t="shared" si="53"/>
        <v>45304.833333332586</v>
      </c>
    </row>
    <row r="343" spans="2:14" x14ac:dyDescent="0.3">
      <c r="B343">
        <f t="shared" si="47"/>
        <v>6</v>
      </c>
      <c r="C343" s="16">
        <v>309</v>
      </c>
      <c r="D343" cm="1">
        <f t="array" ref="D343">IFERROR(INDEX(Jesper!AH$2:AH$366,ROUNDDOWN($C343/24,0)+1,1)*INDEX($D$3:$AA$30,INDEX(Jesper!$R$2:$R$366,ROW(INDEX(Jesper!AH$2:AH$366,ROUNDDOWN($C343/24,0)+1,1))-1)+IF('Standard Profiles'!$G$18=$B$10,7,0)+IF('Standard Profiles'!$G$18=$B$17,14,0)+IF('Standard Profiles'!$G$18=$B$24,21,0),MOD($C343,24)+1)/SUM(INDEX($D$3:$AA$30,INDEX(Jesper!$R$2:$R$366,ROW(INDEX(Jesper!AH$2:AH$366,ROUNDDOWN($C343/24,0)+1,1))-1)+IF('Standard Profiles'!$G$18=$B$10,7,0)+IF('Standard Profiles'!$G$18=$B$17,14,0)+IF('Standard Profiles'!$G$18=$B$24,21,0),0)),0)</f>
        <v>6.3198961761628434</v>
      </c>
      <c r="E343" cm="1">
        <f t="array" ref="E343">IFERROR(INDEX(Jesper!AI$2:AI$366,ROUNDDOWN($C343/24,0)+1,1)*INDEX($D$3:$AA$30,INDEX(Jesper!$R$2:$R$366,ROW(INDEX(Jesper!AI$2:AI$366,ROUNDDOWN($C343/24,0)+1,1))-1)+IF('Standard Profiles'!$G$19=$B$10,7,0)+IF('Standard Profiles'!$G$19=$B$17,14,0)+IF('Standard Profiles'!$G$19=$B$24,21,0),MOD($C343,24)+1)/SUM(INDEX($D$3:$AA$30,INDEX(Jesper!$R$2:$R$366,ROW(INDEX(Jesper!AI$2:AI$366,ROUNDDOWN($C343/24,0)+1,1))-1)+IF('Standard Profiles'!$G$19=$B$10,7,0)+IF('Standard Profiles'!$G$19=$B$17,14,0)+IF('Standard Profiles'!$G$19=$B$24,21,0),0)),0)</f>
        <v>1.4454911558102943</v>
      </c>
      <c r="F343" cm="1">
        <f t="array" ref="F343">IFERROR(INDEX(Jesper!AJ$2:AJ$366,ROUNDDOWN($C343/24,0)+1,1)*INDEX($D$3:$AA$30,INDEX(Jesper!$R$2:$R$366,ROW(INDEX(Jesper!AJ$2:AJ$366,ROUNDDOWN($C343/24,0)+1,1))-1)+IF('Standard Profiles'!$G$20=$B$10,7,0)+IF('Standard Profiles'!$G$20=$B$17,14,0)+IF('Standard Profiles'!$G$20=$B$24,21,0),MOD($C343,24)+1)/SUM(INDEX($D$3:$AA$30,INDEX(Jesper!$R$2:$R$366,ROW(INDEX(Jesper!AJ$2:AJ$366,ROUNDDOWN($C343/24,0)+1,1))-1)+IF('Standard Profiles'!$G$20=$B$10,7,0)+IF('Standard Profiles'!$G$20=$B$17,14,0)+IF('Standard Profiles'!$G$20=$B$24,21,0),0)),0)</f>
        <v>0</v>
      </c>
      <c r="G343" cm="1">
        <f t="array" ref="G343">IFERROR(INDEX(Jesper!AK$2:AK$366,ROUNDDOWN($C343/24,0)+1,1)*INDEX($D$3:$AA$30,INDEX(Jesper!$R$2:$R$366,ROW(INDEX(Jesper!AK$2:AK$366,ROUNDDOWN($C343/24,0)+1,1))-1)+IF('Standard Profiles'!$G$21=$B$10,7,0)+IF('Standard Profiles'!$G$21=$B$17,14,0)+IF('Standard Profiles'!$G$21=$B$24,21,0),MOD($C343,24)+1)/SUM(INDEX($D$3:$AA$30,INDEX(Jesper!$R$2:$R$366,ROW(INDEX(Jesper!AK$2:AK$366,ROUNDDOWN($C343/24,0)+1,1))-1)+IF('Standard Profiles'!$G$21=$B$10,7,0)+IF('Standard Profiles'!$G$21=$B$17,14,0)+IF('Standard Profiles'!$G$21=$B$24,21,0),0)),0)</f>
        <v>0</v>
      </c>
      <c r="H343" cm="1">
        <f t="array" ref="H343">IFERROR(INDEX(Jesper!AL$2:AL$366,ROUNDDOWN($C343/24,0)+1,1)*INDEX($D$3:$AA$30,INDEX(Jesper!$R$2:$R$366,ROW(INDEX(Jesper!AL$2:AL$366,ROUNDDOWN($C343/24,0)+1,1))-1)+IF('Standard Profiles'!$G$22=$B$10,7,0)+IF('Standard Profiles'!$G$22=$B$17,14,0)+IF('Standard Profiles'!$G$22=$B$24,21,0),MOD($C343,24)+1)/SUM(INDEX($D$3:$AA$30,INDEX(Jesper!$R$2:$R$366,ROW(INDEX(Jesper!AL$2:AL$366,ROUNDDOWN($C343/24,0)+1,1))-1)+IF('Standard Profiles'!$G$22=$B$10,7,0)+IF('Standard Profiles'!$G$22=$B$17,14,0)+IF('Standard Profiles'!$G$22=$B$24,21,0),0)),0)</f>
        <v>0</v>
      </c>
      <c r="I343">
        <f t="shared" si="48"/>
        <v>0.13022442845137791</v>
      </c>
      <c r="J343">
        <f t="shared" si="49"/>
        <v>0.43408142817125972</v>
      </c>
      <c r="K343">
        <f t="shared" si="50"/>
        <v>0.65112214225688958</v>
      </c>
      <c r="L343">
        <f t="shared" si="51"/>
        <v>6.5499593330936108</v>
      </c>
      <c r="M343">
        <f t="shared" si="52"/>
        <v>0</v>
      </c>
      <c r="N343" s="46">
        <f t="shared" si="53"/>
        <v>45304.874999999251</v>
      </c>
    </row>
    <row r="344" spans="2:14" x14ac:dyDescent="0.3">
      <c r="B344">
        <f t="shared" si="47"/>
        <v>6</v>
      </c>
      <c r="C344" s="16">
        <v>310</v>
      </c>
      <c r="D344" cm="1">
        <f t="array" ref="D344">IFERROR(INDEX(Jesper!AH$2:AH$366,ROUNDDOWN($C344/24,0)+1,1)*INDEX($D$3:$AA$30,INDEX(Jesper!$R$2:$R$366,ROW(INDEX(Jesper!AH$2:AH$366,ROUNDDOWN($C344/24,0)+1,1))-1)+IF('Standard Profiles'!$G$18=$B$10,7,0)+IF('Standard Profiles'!$G$18=$B$17,14,0)+IF('Standard Profiles'!$G$18=$B$24,21,0),MOD($C344,24)+1)/SUM(INDEX($D$3:$AA$30,INDEX(Jesper!$R$2:$R$366,ROW(INDEX(Jesper!AH$2:AH$366,ROUNDDOWN($C344/24,0)+1,1))-1)+IF('Standard Profiles'!$G$18=$B$10,7,0)+IF('Standard Profiles'!$G$18=$B$17,14,0)+IF('Standard Profiles'!$G$18=$B$24,21,0),0)),0)</f>
        <v>6.3198961761628434</v>
      </c>
      <c r="E344" cm="1">
        <f t="array" ref="E344">IFERROR(INDEX(Jesper!AI$2:AI$366,ROUNDDOWN($C344/24,0)+1,1)*INDEX($D$3:$AA$30,INDEX(Jesper!$R$2:$R$366,ROW(INDEX(Jesper!AI$2:AI$366,ROUNDDOWN($C344/24,0)+1,1))-1)+IF('Standard Profiles'!$G$19=$B$10,7,0)+IF('Standard Profiles'!$G$19=$B$17,14,0)+IF('Standard Profiles'!$G$19=$B$24,21,0),MOD($C344,24)+1)/SUM(INDEX($D$3:$AA$30,INDEX(Jesper!$R$2:$R$366,ROW(INDEX(Jesper!AI$2:AI$366,ROUNDDOWN($C344/24,0)+1,1))-1)+IF('Standard Profiles'!$G$19=$B$10,7,0)+IF('Standard Profiles'!$G$19=$B$17,14,0)+IF('Standard Profiles'!$G$19=$B$24,21,0),0)),0)</f>
        <v>1.4454911558102943</v>
      </c>
      <c r="F344" cm="1">
        <f t="array" ref="F344">IFERROR(INDEX(Jesper!AJ$2:AJ$366,ROUNDDOWN($C344/24,0)+1,1)*INDEX($D$3:$AA$30,INDEX(Jesper!$R$2:$R$366,ROW(INDEX(Jesper!AJ$2:AJ$366,ROUNDDOWN($C344/24,0)+1,1))-1)+IF('Standard Profiles'!$G$20=$B$10,7,0)+IF('Standard Profiles'!$G$20=$B$17,14,0)+IF('Standard Profiles'!$G$20=$B$24,21,0),MOD($C344,24)+1)/SUM(INDEX($D$3:$AA$30,INDEX(Jesper!$R$2:$R$366,ROW(INDEX(Jesper!AJ$2:AJ$366,ROUNDDOWN($C344/24,0)+1,1))-1)+IF('Standard Profiles'!$G$20=$B$10,7,0)+IF('Standard Profiles'!$G$20=$B$17,14,0)+IF('Standard Profiles'!$G$20=$B$24,21,0),0)),0)</f>
        <v>0</v>
      </c>
      <c r="G344" cm="1">
        <f t="array" ref="G344">IFERROR(INDEX(Jesper!AK$2:AK$366,ROUNDDOWN($C344/24,0)+1,1)*INDEX($D$3:$AA$30,INDEX(Jesper!$R$2:$R$366,ROW(INDEX(Jesper!AK$2:AK$366,ROUNDDOWN($C344/24,0)+1,1))-1)+IF('Standard Profiles'!$G$21=$B$10,7,0)+IF('Standard Profiles'!$G$21=$B$17,14,0)+IF('Standard Profiles'!$G$21=$B$24,21,0),MOD($C344,24)+1)/SUM(INDEX($D$3:$AA$30,INDEX(Jesper!$R$2:$R$366,ROW(INDEX(Jesper!AK$2:AK$366,ROUNDDOWN($C344/24,0)+1,1))-1)+IF('Standard Profiles'!$G$21=$B$10,7,0)+IF('Standard Profiles'!$G$21=$B$17,14,0)+IF('Standard Profiles'!$G$21=$B$24,21,0),0)),0)</f>
        <v>0</v>
      </c>
      <c r="H344" cm="1">
        <f t="array" ref="H344">IFERROR(INDEX(Jesper!AL$2:AL$366,ROUNDDOWN($C344/24,0)+1,1)*INDEX($D$3:$AA$30,INDEX(Jesper!$R$2:$R$366,ROW(INDEX(Jesper!AL$2:AL$366,ROUNDDOWN($C344/24,0)+1,1))-1)+IF('Standard Profiles'!$G$22=$B$10,7,0)+IF('Standard Profiles'!$G$22=$B$17,14,0)+IF('Standard Profiles'!$G$22=$B$24,21,0),MOD($C344,24)+1)/SUM(INDEX($D$3:$AA$30,INDEX(Jesper!$R$2:$R$366,ROW(INDEX(Jesper!AL$2:AL$366,ROUNDDOWN($C344/24,0)+1,1))-1)+IF('Standard Profiles'!$G$22=$B$10,7,0)+IF('Standard Profiles'!$G$22=$B$17,14,0)+IF('Standard Profiles'!$G$22=$B$24,21,0),0)),0)</f>
        <v>0</v>
      </c>
      <c r="I344">
        <f t="shared" si="48"/>
        <v>0.13022442845137791</v>
      </c>
      <c r="J344">
        <f t="shared" si="49"/>
        <v>0.43408142817125972</v>
      </c>
      <c r="K344">
        <f t="shared" si="50"/>
        <v>0.65112214225688958</v>
      </c>
      <c r="L344">
        <f t="shared" si="51"/>
        <v>6.5499593330936108</v>
      </c>
      <c r="M344">
        <f t="shared" si="52"/>
        <v>0</v>
      </c>
      <c r="N344" s="46">
        <f t="shared" si="53"/>
        <v>45304.916666665915</v>
      </c>
    </row>
    <row r="345" spans="2:14" x14ac:dyDescent="0.3">
      <c r="B345">
        <f t="shared" si="47"/>
        <v>6</v>
      </c>
      <c r="C345" s="16">
        <v>311</v>
      </c>
      <c r="D345" cm="1">
        <f t="array" ref="D345">IFERROR(INDEX(Jesper!AH$2:AH$366,ROUNDDOWN($C345/24,0)+1,1)*INDEX($D$3:$AA$30,INDEX(Jesper!$R$2:$R$366,ROW(INDEX(Jesper!AH$2:AH$366,ROUNDDOWN($C345/24,0)+1,1))-1)+IF('Standard Profiles'!$G$18=$B$10,7,0)+IF('Standard Profiles'!$G$18=$B$17,14,0)+IF('Standard Profiles'!$G$18=$B$24,21,0),MOD($C345,24)+1)/SUM(INDEX($D$3:$AA$30,INDEX(Jesper!$R$2:$R$366,ROW(INDEX(Jesper!AH$2:AH$366,ROUNDDOWN($C345/24,0)+1,1))-1)+IF('Standard Profiles'!$G$18=$B$10,7,0)+IF('Standard Profiles'!$G$18=$B$17,14,0)+IF('Standard Profiles'!$G$18=$B$24,21,0),0)),0)</f>
        <v>6.3198961761628434</v>
      </c>
      <c r="E345" cm="1">
        <f t="array" ref="E345">IFERROR(INDEX(Jesper!AI$2:AI$366,ROUNDDOWN($C345/24,0)+1,1)*INDEX($D$3:$AA$30,INDEX(Jesper!$R$2:$R$366,ROW(INDEX(Jesper!AI$2:AI$366,ROUNDDOWN($C345/24,0)+1,1))-1)+IF('Standard Profiles'!$G$19=$B$10,7,0)+IF('Standard Profiles'!$G$19=$B$17,14,0)+IF('Standard Profiles'!$G$19=$B$24,21,0),MOD($C345,24)+1)/SUM(INDEX($D$3:$AA$30,INDEX(Jesper!$R$2:$R$366,ROW(INDEX(Jesper!AI$2:AI$366,ROUNDDOWN($C345/24,0)+1,1))-1)+IF('Standard Profiles'!$G$19=$B$10,7,0)+IF('Standard Profiles'!$G$19=$B$17,14,0)+IF('Standard Profiles'!$G$19=$B$24,21,0),0)),0)</f>
        <v>1.4454911558102943</v>
      </c>
      <c r="F345" cm="1">
        <f t="array" ref="F345">IFERROR(INDEX(Jesper!AJ$2:AJ$366,ROUNDDOWN($C345/24,0)+1,1)*INDEX($D$3:$AA$30,INDEX(Jesper!$R$2:$R$366,ROW(INDEX(Jesper!AJ$2:AJ$366,ROUNDDOWN($C345/24,0)+1,1))-1)+IF('Standard Profiles'!$G$20=$B$10,7,0)+IF('Standard Profiles'!$G$20=$B$17,14,0)+IF('Standard Profiles'!$G$20=$B$24,21,0),MOD($C345,24)+1)/SUM(INDEX($D$3:$AA$30,INDEX(Jesper!$R$2:$R$366,ROW(INDEX(Jesper!AJ$2:AJ$366,ROUNDDOWN($C345/24,0)+1,1))-1)+IF('Standard Profiles'!$G$20=$B$10,7,0)+IF('Standard Profiles'!$G$20=$B$17,14,0)+IF('Standard Profiles'!$G$20=$B$24,21,0),0)),0)</f>
        <v>0</v>
      </c>
      <c r="G345" cm="1">
        <f t="array" ref="G345">IFERROR(INDEX(Jesper!AK$2:AK$366,ROUNDDOWN($C345/24,0)+1,1)*INDEX($D$3:$AA$30,INDEX(Jesper!$R$2:$R$366,ROW(INDEX(Jesper!AK$2:AK$366,ROUNDDOWN($C345/24,0)+1,1))-1)+IF('Standard Profiles'!$G$21=$B$10,7,0)+IF('Standard Profiles'!$G$21=$B$17,14,0)+IF('Standard Profiles'!$G$21=$B$24,21,0),MOD($C345,24)+1)/SUM(INDEX($D$3:$AA$30,INDEX(Jesper!$R$2:$R$366,ROW(INDEX(Jesper!AK$2:AK$366,ROUNDDOWN($C345/24,0)+1,1))-1)+IF('Standard Profiles'!$G$21=$B$10,7,0)+IF('Standard Profiles'!$G$21=$B$17,14,0)+IF('Standard Profiles'!$G$21=$B$24,21,0),0)),0)</f>
        <v>0</v>
      </c>
      <c r="H345" cm="1">
        <f t="array" ref="H345">IFERROR(INDEX(Jesper!AL$2:AL$366,ROUNDDOWN($C345/24,0)+1,1)*INDEX($D$3:$AA$30,INDEX(Jesper!$R$2:$R$366,ROW(INDEX(Jesper!AL$2:AL$366,ROUNDDOWN($C345/24,0)+1,1))-1)+IF('Standard Profiles'!$G$22=$B$10,7,0)+IF('Standard Profiles'!$G$22=$B$17,14,0)+IF('Standard Profiles'!$G$22=$B$24,21,0),MOD($C345,24)+1)/SUM(INDEX($D$3:$AA$30,INDEX(Jesper!$R$2:$R$366,ROW(INDEX(Jesper!AL$2:AL$366,ROUNDDOWN($C345/24,0)+1,1))-1)+IF('Standard Profiles'!$G$22=$B$10,7,0)+IF('Standard Profiles'!$G$22=$B$17,14,0)+IF('Standard Profiles'!$G$22=$B$24,21,0),0)),0)</f>
        <v>0</v>
      </c>
      <c r="I345">
        <f t="shared" si="48"/>
        <v>0.13022442845137791</v>
      </c>
      <c r="J345">
        <f t="shared" si="49"/>
        <v>0.43408142817125972</v>
      </c>
      <c r="K345">
        <f t="shared" si="50"/>
        <v>0.65112214225688958</v>
      </c>
      <c r="L345">
        <f t="shared" si="51"/>
        <v>6.5499593330936108</v>
      </c>
      <c r="M345">
        <f t="shared" si="52"/>
        <v>0</v>
      </c>
      <c r="N345" s="46">
        <f t="shared" si="53"/>
        <v>45304.958333332579</v>
      </c>
    </row>
    <row r="346" spans="2:14" x14ac:dyDescent="0.3">
      <c r="B346">
        <f t="shared" si="47"/>
        <v>7</v>
      </c>
      <c r="C346" s="16">
        <v>312</v>
      </c>
      <c r="D346" cm="1">
        <f t="array" ref="D346">IFERROR(INDEX(Jesper!AH$2:AH$366,ROUNDDOWN($C346/24,0)+1,1)*INDEX($D$3:$AA$30,INDEX(Jesper!$R$2:$R$366,ROW(INDEX(Jesper!AH$2:AH$366,ROUNDDOWN($C346/24,0)+1,1))-1)+IF('Standard Profiles'!$G$18=$B$10,7,0)+IF('Standard Profiles'!$G$18=$B$17,14,0)+IF('Standard Profiles'!$G$18=$B$24,21,0),MOD($C346,24)+1)/SUM(INDEX($D$3:$AA$30,INDEX(Jesper!$R$2:$R$366,ROW(INDEX(Jesper!AH$2:AH$366,ROUNDDOWN($C346/24,0)+1,1))-1)+IF('Standard Profiles'!$G$18=$B$10,7,0)+IF('Standard Profiles'!$G$18=$B$17,14,0)+IF('Standard Profiles'!$G$18=$B$24,21,0),0)),0)</f>
        <v>7.2231478335919999</v>
      </c>
      <c r="E346" cm="1">
        <f t="array" ref="E346">IFERROR(INDEX(Jesper!AI$2:AI$366,ROUNDDOWN($C346/24,0)+1,1)*INDEX($D$3:$AA$30,INDEX(Jesper!$R$2:$R$366,ROW(INDEX(Jesper!AI$2:AI$366,ROUNDDOWN($C346/24,0)+1,1))-1)+IF('Standard Profiles'!$G$19=$B$10,7,0)+IF('Standard Profiles'!$G$19=$B$17,14,0)+IF('Standard Profiles'!$G$19=$B$24,21,0),MOD($C346,24)+1)/SUM(INDEX($D$3:$AA$30,INDEX(Jesper!$R$2:$R$366,ROW(INDEX(Jesper!AI$2:AI$366,ROUNDDOWN($C346/24,0)+1,1))-1)+IF('Standard Profiles'!$G$19=$B$10,7,0)+IF('Standard Profiles'!$G$19=$B$17,14,0)+IF('Standard Profiles'!$G$19=$B$24,21,0),0)),0)</f>
        <v>1.6644224838630015</v>
      </c>
      <c r="F346" cm="1">
        <f t="array" ref="F346">IFERROR(INDEX(Jesper!AJ$2:AJ$366,ROUNDDOWN($C346/24,0)+1,1)*INDEX($D$3:$AA$30,INDEX(Jesper!$R$2:$R$366,ROW(INDEX(Jesper!AJ$2:AJ$366,ROUNDDOWN($C346/24,0)+1,1))-1)+IF('Standard Profiles'!$G$20=$B$10,7,0)+IF('Standard Profiles'!$G$20=$B$17,14,0)+IF('Standard Profiles'!$G$20=$B$24,21,0),MOD($C346,24)+1)/SUM(INDEX($D$3:$AA$30,INDEX(Jesper!$R$2:$R$366,ROW(INDEX(Jesper!AJ$2:AJ$366,ROUNDDOWN($C346/24,0)+1,1))-1)+IF('Standard Profiles'!$G$20=$B$10,7,0)+IF('Standard Profiles'!$G$20=$B$17,14,0)+IF('Standard Profiles'!$G$20=$B$24,21,0),0)),0)</f>
        <v>0</v>
      </c>
      <c r="G346" cm="1">
        <f t="array" ref="G346">IFERROR(INDEX(Jesper!AK$2:AK$366,ROUNDDOWN($C346/24,0)+1,1)*INDEX($D$3:$AA$30,INDEX(Jesper!$R$2:$R$366,ROW(INDEX(Jesper!AK$2:AK$366,ROUNDDOWN($C346/24,0)+1,1))-1)+IF('Standard Profiles'!$G$21=$B$10,7,0)+IF('Standard Profiles'!$G$21=$B$17,14,0)+IF('Standard Profiles'!$G$21=$B$24,21,0),MOD($C346,24)+1)/SUM(INDEX($D$3:$AA$30,INDEX(Jesper!$R$2:$R$366,ROW(INDEX(Jesper!AK$2:AK$366,ROUNDDOWN($C346/24,0)+1,1))-1)+IF('Standard Profiles'!$G$21=$B$10,7,0)+IF('Standard Profiles'!$G$21=$B$17,14,0)+IF('Standard Profiles'!$G$21=$B$24,21,0),0)),0)</f>
        <v>0</v>
      </c>
      <c r="H346" cm="1">
        <f t="array" ref="H346">IFERROR(INDEX(Jesper!AL$2:AL$366,ROUNDDOWN($C346/24,0)+1,1)*INDEX($D$3:$AA$30,INDEX(Jesper!$R$2:$R$366,ROW(INDEX(Jesper!AL$2:AL$366,ROUNDDOWN($C346/24,0)+1,1))-1)+IF('Standard Profiles'!$G$22=$B$10,7,0)+IF('Standard Profiles'!$G$22=$B$17,14,0)+IF('Standard Profiles'!$G$22=$B$24,21,0),MOD($C346,24)+1)/SUM(INDEX($D$3:$AA$30,INDEX(Jesper!$R$2:$R$366,ROW(INDEX(Jesper!AL$2:AL$366,ROUNDDOWN($C346/24,0)+1,1))-1)+IF('Standard Profiles'!$G$22=$B$10,7,0)+IF('Standard Profiles'!$G$22=$B$17,14,0)+IF('Standard Profiles'!$G$22=$B$24,21,0),0)),0)</f>
        <v>0</v>
      </c>
      <c r="I346">
        <f t="shared" si="48"/>
        <v>0.14994797151918937</v>
      </c>
      <c r="J346">
        <f t="shared" si="49"/>
        <v>0.49982657173063127</v>
      </c>
      <c r="K346">
        <f t="shared" si="50"/>
        <v>0.74973985759594697</v>
      </c>
      <c r="L346">
        <f t="shared" si="51"/>
        <v>7.488055916609234</v>
      </c>
      <c r="M346">
        <f t="shared" si="52"/>
        <v>0</v>
      </c>
      <c r="N346" s="46">
        <f t="shared" si="53"/>
        <v>45304.999999999243</v>
      </c>
    </row>
    <row r="347" spans="2:14" x14ac:dyDescent="0.3">
      <c r="B347">
        <f t="shared" si="47"/>
        <v>7</v>
      </c>
      <c r="C347" s="16">
        <v>313</v>
      </c>
      <c r="D347" cm="1">
        <f t="array" ref="D347">IFERROR(INDEX(Jesper!AH$2:AH$366,ROUNDDOWN($C347/24,0)+1,1)*INDEX($D$3:$AA$30,INDEX(Jesper!$R$2:$R$366,ROW(INDEX(Jesper!AH$2:AH$366,ROUNDDOWN($C347/24,0)+1,1))-1)+IF('Standard Profiles'!$G$18=$B$10,7,0)+IF('Standard Profiles'!$G$18=$B$17,14,0)+IF('Standard Profiles'!$G$18=$B$24,21,0),MOD($C347,24)+1)/SUM(INDEX($D$3:$AA$30,INDEX(Jesper!$R$2:$R$366,ROW(INDEX(Jesper!AH$2:AH$366,ROUNDDOWN($C347/24,0)+1,1))-1)+IF('Standard Profiles'!$G$18=$B$10,7,0)+IF('Standard Profiles'!$G$18=$B$17,14,0)+IF('Standard Profiles'!$G$18=$B$24,21,0),0)),0)</f>
        <v>8.3881716777197433</v>
      </c>
      <c r="E347" cm="1">
        <f t="array" ref="E347">IFERROR(INDEX(Jesper!AI$2:AI$366,ROUNDDOWN($C347/24,0)+1,1)*INDEX($D$3:$AA$30,INDEX(Jesper!$R$2:$R$366,ROW(INDEX(Jesper!AI$2:AI$366,ROUNDDOWN($C347/24,0)+1,1))-1)+IF('Standard Profiles'!$G$19=$B$10,7,0)+IF('Standard Profiles'!$G$19=$B$17,14,0)+IF('Standard Profiles'!$G$19=$B$24,21,0),MOD($C347,24)+1)/SUM(INDEX($D$3:$AA$30,INDEX(Jesper!$R$2:$R$366,ROW(INDEX(Jesper!AI$2:AI$366,ROUNDDOWN($C347/24,0)+1,1))-1)+IF('Standard Profiles'!$G$19=$B$10,7,0)+IF('Standard Profiles'!$G$19=$B$17,14,0)+IF('Standard Profiles'!$G$19=$B$24,21,0),0)),0)</f>
        <v>1.9328777231957439</v>
      </c>
      <c r="F347" cm="1">
        <f t="array" ref="F347">IFERROR(INDEX(Jesper!AJ$2:AJ$366,ROUNDDOWN($C347/24,0)+1,1)*INDEX($D$3:$AA$30,INDEX(Jesper!$R$2:$R$366,ROW(INDEX(Jesper!AJ$2:AJ$366,ROUNDDOWN($C347/24,0)+1,1))-1)+IF('Standard Profiles'!$G$20=$B$10,7,0)+IF('Standard Profiles'!$G$20=$B$17,14,0)+IF('Standard Profiles'!$G$20=$B$24,21,0),MOD($C347,24)+1)/SUM(INDEX($D$3:$AA$30,INDEX(Jesper!$R$2:$R$366,ROW(INDEX(Jesper!AJ$2:AJ$366,ROUNDDOWN($C347/24,0)+1,1))-1)+IF('Standard Profiles'!$G$20=$B$10,7,0)+IF('Standard Profiles'!$G$20=$B$17,14,0)+IF('Standard Profiles'!$G$20=$B$24,21,0),0)),0)</f>
        <v>0</v>
      </c>
      <c r="G347" cm="1">
        <f t="array" ref="G347">IFERROR(INDEX(Jesper!AK$2:AK$366,ROUNDDOWN($C347/24,0)+1,1)*INDEX($D$3:$AA$30,INDEX(Jesper!$R$2:$R$366,ROW(INDEX(Jesper!AK$2:AK$366,ROUNDDOWN($C347/24,0)+1,1))-1)+IF('Standard Profiles'!$G$21=$B$10,7,0)+IF('Standard Profiles'!$G$21=$B$17,14,0)+IF('Standard Profiles'!$G$21=$B$24,21,0),MOD($C347,24)+1)/SUM(INDEX($D$3:$AA$30,INDEX(Jesper!$R$2:$R$366,ROW(INDEX(Jesper!AK$2:AK$366,ROUNDDOWN($C347/24,0)+1,1))-1)+IF('Standard Profiles'!$G$21=$B$10,7,0)+IF('Standard Profiles'!$G$21=$B$17,14,0)+IF('Standard Profiles'!$G$21=$B$24,21,0),0)),0)</f>
        <v>0</v>
      </c>
      <c r="H347" cm="1">
        <f t="array" ref="H347">IFERROR(INDEX(Jesper!AL$2:AL$366,ROUNDDOWN($C347/24,0)+1,1)*INDEX($D$3:$AA$30,INDEX(Jesper!$R$2:$R$366,ROW(INDEX(Jesper!AL$2:AL$366,ROUNDDOWN($C347/24,0)+1,1))-1)+IF('Standard Profiles'!$G$22=$B$10,7,0)+IF('Standard Profiles'!$G$22=$B$17,14,0)+IF('Standard Profiles'!$G$22=$B$24,21,0),MOD($C347,24)+1)/SUM(INDEX($D$3:$AA$30,INDEX(Jesper!$R$2:$R$366,ROW(INDEX(Jesper!AL$2:AL$366,ROUNDDOWN($C347/24,0)+1,1))-1)+IF('Standard Profiles'!$G$22=$B$10,7,0)+IF('Standard Profiles'!$G$22=$B$17,14,0)+IF('Standard Profiles'!$G$22=$B$24,21,0),0)),0)</f>
        <v>0</v>
      </c>
      <c r="I347">
        <f t="shared" si="48"/>
        <v>0.17413312821583282</v>
      </c>
      <c r="J347">
        <f t="shared" si="49"/>
        <v>0.58044376071944281</v>
      </c>
      <c r="K347">
        <f t="shared" si="50"/>
        <v>0.87066564107916422</v>
      </c>
      <c r="L347">
        <f t="shared" si="51"/>
        <v>8.6958068709010483</v>
      </c>
      <c r="M347">
        <f t="shared" si="52"/>
        <v>0</v>
      </c>
      <c r="N347" s="46">
        <f t="shared" si="53"/>
        <v>45305.041666665908</v>
      </c>
    </row>
    <row r="348" spans="2:14" x14ac:dyDescent="0.3">
      <c r="B348">
        <f t="shared" si="47"/>
        <v>7</v>
      </c>
      <c r="C348" s="16">
        <v>314</v>
      </c>
      <c r="D348" cm="1">
        <f t="array" ref="D348">IFERROR(INDEX(Jesper!AH$2:AH$366,ROUNDDOWN($C348/24,0)+1,1)*INDEX($D$3:$AA$30,INDEX(Jesper!$R$2:$R$366,ROW(INDEX(Jesper!AH$2:AH$366,ROUNDDOWN($C348/24,0)+1,1))-1)+IF('Standard Profiles'!$G$18=$B$10,7,0)+IF('Standard Profiles'!$G$18=$B$17,14,0)+IF('Standard Profiles'!$G$18=$B$24,21,0),MOD($C348,24)+1)/SUM(INDEX($D$3:$AA$30,INDEX(Jesper!$R$2:$R$366,ROW(INDEX(Jesper!AH$2:AH$366,ROUNDDOWN($C348/24,0)+1,1))-1)+IF('Standard Profiles'!$G$18=$B$10,7,0)+IF('Standard Profiles'!$G$18=$B$17,14,0)+IF('Standard Profiles'!$G$18=$B$24,21,0),0)),0)</f>
        <v>8.3881716777197433</v>
      </c>
      <c r="E348" cm="1">
        <f t="array" ref="E348">IFERROR(INDEX(Jesper!AI$2:AI$366,ROUNDDOWN($C348/24,0)+1,1)*INDEX($D$3:$AA$30,INDEX(Jesper!$R$2:$R$366,ROW(INDEX(Jesper!AI$2:AI$366,ROUNDDOWN($C348/24,0)+1,1))-1)+IF('Standard Profiles'!$G$19=$B$10,7,0)+IF('Standard Profiles'!$G$19=$B$17,14,0)+IF('Standard Profiles'!$G$19=$B$24,21,0),MOD($C348,24)+1)/SUM(INDEX($D$3:$AA$30,INDEX(Jesper!$R$2:$R$366,ROW(INDEX(Jesper!AI$2:AI$366,ROUNDDOWN($C348/24,0)+1,1))-1)+IF('Standard Profiles'!$G$19=$B$10,7,0)+IF('Standard Profiles'!$G$19=$B$17,14,0)+IF('Standard Profiles'!$G$19=$B$24,21,0),0)),0)</f>
        <v>1.9328777231957439</v>
      </c>
      <c r="F348" cm="1">
        <f t="array" ref="F348">IFERROR(INDEX(Jesper!AJ$2:AJ$366,ROUNDDOWN($C348/24,0)+1,1)*INDEX($D$3:$AA$30,INDEX(Jesper!$R$2:$R$366,ROW(INDEX(Jesper!AJ$2:AJ$366,ROUNDDOWN($C348/24,0)+1,1))-1)+IF('Standard Profiles'!$G$20=$B$10,7,0)+IF('Standard Profiles'!$G$20=$B$17,14,0)+IF('Standard Profiles'!$G$20=$B$24,21,0),MOD($C348,24)+1)/SUM(INDEX($D$3:$AA$30,INDEX(Jesper!$R$2:$R$366,ROW(INDEX(Jesper!AJ$2:AJ$366,ROUNDDOWN($C348/24,0)+1,1))-1)+IF('Standard Profiles'!$G$20=$B$10,7,0)+IF('Standard Profiles'!$G$20=$B$17,14,0)+IF('Standard Profiles'!$G$20=$B$24,21,0),0)),0)</f>
        <v>0</v>
      </c>
      <c r="G348" cm="1">
        <f t="array" ref="G348">IFERROR(INDEX(Jesper!AK$2:AK$366,ROUNDDOWN($C348/24,0)+1,1)*INDEX($D$3:$AA$30,INDEX(Jesper!$R$2:$R$366,ROW(INDEX(Jesper!AK$2:AK$366,ROUNDDOWN($C348/24,0)+1,1))-1)+IF('Standard Profiles'!$G$21=$B$10,7,0)+IF('Standard Profiles'!$G$21=$B$17,14,0)+IF('Standard Profiles'!$G$21=$B$24,21,0),MOD($C348,24)+1)/SUM(INDEX($D$3:$AA$30,INDEX(Jesper!$R$2:$R$366,ROW(INDEX(Jesper!AK$2:AK$366,ROUNDDOWN($C348/24,0)+1,1))-1)+IF('Standard Profiles'!$G$21=$B$10,7,0)+IF('Standard Profiles'!$G$21=$B$17,14,0)+IF('Standard Profiles'!$G$21=$B$24,21,0),0)),0)</f>
        <v>0</v>
      </c>
      <c r="H348" cm="1">
        <f t="array" ref="H348">IFERROR(INDEX(Jesper!AL$2:AL$366,ROUNDDOWN($C348/24,0)+1,1)*INDEX($D$3:$AA$30,INDEX(Jesper!$R$2:$R$366,ROW(INDEX(Jesper!AL$2:AL$366,ROUNDDOWN($C348/24,0)+1,1))-1)+IF('Standard Profiles'!$G$22=$B$10,7,0)+IF('Standard Profiles'!$G$22=$B$17,14,0)+IF('Standard Profiles'!$G$22=$B$24,21,0),MOD($C348,24)+1)/SUM(INDEX($D$3:$AA$30,INDEX(Jesper!$R$2:$R$366,ROW(INDEX(Jesper!AL$2:AL$366,ROUNDDOWN($C348/24,0)+1,1))-1)+IF('Standard Profiles'!$G$22=$B$10,7,0)+IF('Standard Profiles'!$G$22=$B$17,14,0)+IF('Standard Profiles'!$G$22=$B$24,21,0),0)),0)</f>
        <v>0</v>
      </c>
      <c r="I348">
        <f t="shared" si="48"/>
        <v>0.17413312821583282</v>
      </c>
      <c r="J348">
        <f t="shared" si="49"/>
        <v>0.58044376071944281</v>
      </c>
      <c r="K348">
        <f t="shared" si="50"/>
        <v>0.87066564107916422</v>
      </c>
      <c r="L348">
        <f t="shared" si="51"/>
        <v>8.6958068709010483</v>
      </c>
      <c r="M348">
        <f t="shared" si="52"/>
        <v>0</v>
      </c>
      <c r="N348" s="46">
        <f t="shared" si="53"/>
        <v>45305.083333332572</v>
      </c>
    </row>
    <row r="349" spans="2:14" x14ac:dyDescent="0.3">
      <c r="B349">
        <f t="shared" si="47"/>
        <v>7</v>
      </c>
      <c r="C349" s="16">
        <v>315</v>
      </c>
      <c r="D349" cm="1">
        <f t="array" ref="D349">IFERROR(INDEX(Jesper!AH$2:AH$366,ROUNDDOWN($C349/24,0)+1,1)*INDEX($D$3:$AA$30,INDEX(Jesper!$R$2:$R$366,ROW(INDEX(Jesper!AH$2:AH$366,ROUNDDOWN($C349/24,0)+1,1))-1)+IF('Standard Profiles'!$G$18=$B$10,7,0)+IF('Standard Profiles'!$G$18=$B$17,14,0)+IF('Standard Profiles'!$G$18=$B$24,21,0),MOD($C349,24)+1)/SUM(INDEX($D$3:$AA$30,INDEX(Jesper!$R$2:$R$366,ROW(INDEX(Jesper!AH$2:AH$366,ROUNDDOWN($C349/24,0)+1,1))-1)+IF('Standard Profiles'!$G$18=$B$10,7,0)+IF('Standard Profiles'!$G$18=$B$17,14,0)+IF('Standard Profiles'!$G$18=$B$24,21,0),0)),0)</f>
        <v>8.3881716777197433</v>
      </c>
      <c r="E349" cm="1">
        <f t="array" ref="E349">IFERROR(INDEX(Jesper!AI$2:AI$366,ROUNDDOWN($C349/24,0)+1,1)*INDEX($D$3:$AA$30,INDEX(Jesper!$R$2:$R$366,ROW(INDEX(Jesper!AI$2:AI$366,ROUNDDOWN($C349/24,0)+1,1))-1)+IF('Standard Profiles'!$G$19=$B$10,7,0)+IF('Standard Profiles'!$G$19=$B$17,14,0)+IF('Standard Profiles'!$G$19=$B$24,21,0),MOD($C349,24)+1)/SUM(INDEX($D$3:$AA$30,INDEX(Jesper!$R$2:$R$366,ROW(INDEX(Jesper!AI$2:AI$366,ROUNDDOWN($C349/24,0)+1,1))-1)+IF('Standard Profiles'!$G$19=$B$10,7,0)+IF('Standard Profiles'!$G$19=$B$17,14,0)+IF('Standard Profiles'!$G$19=$B$24,21,0),0)),0)</f>
        <v>1.9328777231957439</v>
      </c>
      <c r="F349" cm="1">
        <f t="array" ref="F349">IFERROR(INDEX(Jesper!AJ$2:AJ$366,ROUNDDOWN($C349/24,0)+1,1)*INDEX($D$3:$AA$30,INDEX(Jesper!$R$2:$R$366,ROW(INDEX(Jesper!AJ$2:AJ$366,ROUNDDOWN($C349/24,0)+1,1))-1)+IF('Standard Profiles'!$G$20=$B$10,7,0)+IF('Standard Profiles'!$G$20=$B$17,14,0)+IF('Standard Profiles'!$G$20=$B$24,21,0),MOD($C349,24)+1)/SUM(INDEX($D$3:$AA$30,INDEX(Jesper!$R$2:$R$366,ROW(INDEX(Jesper!AJ$2:AJ$366,ROUNDDOWN($C349/24,0)+1,1))-1)+IF('Standard Profiles'!$G$20=$B$10,7,0)+IF('Standard Profiles'!$G$20=$B$17,14,0)+IF('Standard Profiles'!$G$20=$B$24,21,0),0)),0)</f>
        <v>0</v>
      </c>
      <c r="G349" cm="1">
        <f t="array" ref="G349">IFERROR(INDEX(Jesper!AK$2:AK$366,ROUNDDOWN($C349/24,0)+1,1)*INDEX($D$3:$AA$30,INDEX(Jesper!$R$2:$R$366,ROW(INDEX(Jesper!AK$2:AK$366,ROUNDDOWN($C349/24,0)+1,1))-1)+IF('Standard Profiles'!$G$21=$B$10,7,0)+IF('Standard Profiles'!$G$21=$B$17,14,0)+IF('Standard Profiles'!$G$21=$B$24,21,0),MOD($C349,24)+1)/SUM(INDEX($D$3:$AA$30,INDEX(Jesper!$R$2:$R$366,ROW(INDEX(Jesper!AK$2:AK$366,ROUNDDOWN($C349/24,0)+1,1))-1)+IF('Standard Profiles'!$G$21=$B$10,7,0)+IF('Standard Profiles'!$G$21=$B$17,14,0)+IF('Standard Profiles'!$G$21=$B$24,21,0),0)),0)</f>
        <v>0</v>
      </c>
      <c r="H349" cm="1">
        <f t="array" ref="H349">IFERROR(INDEX(Jesper!AL$2:AL$366,ROUNDDOWN($C349/24,0)+1,1)*INDEX($D$3:$AA$30,INDEX(Jesper!$R$2:$R$366,ROW(INDEX(Jesper!AL$2:AL$366,ROUNDDOWN($C349/24,0)+1,1))-1)+IF('Standard Profiles'!$G$22=$B$10,7,0)+IF('Standard Profiles'!$G$22=$B$17,14,0)+IF('Standard Profiles'!$G$22=$B$24,21,0),MOD($C349,24)+1)/SUM(INDEX($D$3:$AA$30,INDEX(Jesper!$R$2:$R$366,ROW(INDEX(Jesper!AL$2:AL$366,ROUNDDOWN($C349/24,0)+1,1))-1)+IF('Standard Profiles'!$G$22=$B$10,7,0)+IF('Standard Profiles'!$G$22=$B$17,14,0)+IF('Standard Profiles'!$G$22=$B$24,21,0),0)),0)</f>
        <v>0</v>
      </c>
      <c r="I349">
        <f t="shared" si="48"/>
        <v>0.17413312821583282</v>
      </c>
      <c r="J349">
        <f t="shared" si="49"/>
        <v>0.58044376071944281</v>
      </c>
      <c r="K349">
        <f t="shared" si="50"/>
        <v>0.87066564107916422</v>
      </c>
      <c r="L349">
        <f t="shared" si="51"/>
        <v>8.6958068709010483</v>
      </c>
      <c r="M349">
        <f t="shared" si="52"/>
        <v>0</v>
      </c>
      <c r="N349" s="46">
        <f t="shared" si="53"/>
        <v>45305.124999999236</v>
      </c>
    </row>
    <row r="350" spans="2:14" x14ac:dyDescent="0.3">
      <c r="B350">
        <f t="shared" si="47"/>
        <v>7</v>
      </c>
      <c r="C350" s="16">
        <v>316</v>
      </c>
      <c r="D350" cm="1">
        <f t="array" ref="D350">IFERROR(INDEX(Jesper!AH$2:AH$366,ROUNDDOWN($C350/24,0)+1,1)*INDEX($D$3:$AA$30,INDEX(Jesper!$R$2:$R$366,ROW(INDEX(Jesper!AH$2:AH$366,ROUNDDOWN($C350/24,0)+1,1))-1)+IF('Standard Profiles'!$G$18=$B$10,7,0)+IF('Standard Profiles'!$G$18=$B$17,14,0)+IF('Standard Profiles'!$G$18=$B$24,21,0),MOD($C350,24)+1)/SUM(INDEX($D$3:$AA$30,INDEX(Jesper!$R$2:$R$366,ROW(INDEX(Jesper!AH$2:AH$366,ROUNDDOWN($C350/24,0)+1,1))-1)+IF('Standard Profiles'!$G$18=$B$10,7,0)+IF('Standard Profiles'!$G$18=$B$17,14,0)+IF('Standard Profiles'!$G$18=$B$24,21,0),0)),0)</f>
        <v>8.3881716777197433</v>
      </c>
      <c r="E350" cm="1">
        <f t="array" ref="E350">IFERROR(INDEX(Jesper!AI$2:AI$366,ROUNDDOWN($C350/24,0)+1,1)*INDEX($D$3:$AA$30,INDEX(Jesper!$R$2:$R$366,ROW(INDEX(Jesper!AI$2:AI$366,ROUNDDOWN($C350/24,0)+1,1))-1)+IF('Standard Profiles'!$G$19=$B$10,7,0)+IF('Standard Profiles'!$G$19=$B$17,14,0)+IF('Standard Profiles'!$G$19=$B$24,21,0),MOD($C350,24)+1)/SUM(INDEX($D$3:$AA$30,INDEX(Jesper!$R$2:$R$366,ROW(INDEX(Jesper!AI$2:AI$366,ROUNDDOWN($C350/24,0)+1,1))-1)+IF('Standard Profiles'!$G$19=$B$10,7,0)+IF('Standard Profiles'!$G$19=$B$17,14,0)+IF('Standard Profiles'!$G$19=$B$24,21,0),0)),0)</f>
        <v>1.9328777231957439</v>
      </c>
      <c r="F350" cm="1">
        <f t="array" ref="F350">IFERROR(INDEX(Jesper!AJ$2:AJ$366,ROUNDDOWN($C350/24,0)+1,1)*INDEX($D$3:$AA$30,INDEX(Jesper!$R$2:$R$366,ROW(INDEX(Jesper!AJ$2:AJ$366,ROUNDDOWN($C350/24,0)+1,1))-1)+IF('Standard Profiles'!$G$20=$B$10,7,0)+IF('Standard Profiles'!$G$20=$B$17,14,0)+IF('Standard Profiles'!$G$20=$B$24,21,0),MOD($C350,24)+1)/SUM(INDEX($D$3:$AA$30,INDEX(Jesper!$R$2:$R$366,ROW(INDEX(Jesper!AJ$2:AJ$366,ROUNDDOWN($C350/24,0)+1,1))-1)+IF('Standard Profiles'!$G$20=$B$10,7,0)+IF('Standard Profiles'!$G$20=$B$17,14,0)+IF('Standard Profiles'!$G$20=$B$24,21,0),0)),0)</f>
        <v>0</v>
      </c>
      <c r="G350" cm="1">
        <f t="array" ref="G350">IFERROR(INDEX(Jesper!AK$2:AK$366,ROUNDDOWN($C350/24,0)+1,1)*INDEX($D$3:$AA$30,INDEX(Jesper!$R$2:$R$366,ROW(INDEX(Jesper!AK$2:AK$366,ROUNDDOWN($C350/24,0)+1,1))-1)+IF('Standard Profiles'!$G$21=$B$10,7,0)+IF('Standard Profiles'!$G$21=$B$17,14,0)+IF('Standard Profiles'!$G$21=$B$24,21,0),MOD($C350,24)+1)/SUM(INDEX($D$3:$AA$30,INDEX(Jesper!$R$2:$R$366,ROW(INDEX(Jesper!AK$2:AK$366,ROUNDDOWN($C350/24,0)+1,1))-1)+IF('Standard Profiles'!$G$21=$B$10,7,0)+IF('Standard Profiles'!$G$21=$B$17,14,0)+IF('Standard Profiles'!$G$21=$B$24,21,0),0)),0)</f>
        <v>0</v>
      </c>
      <c r="H350" cm="1">
        <f t="array" ref="H350">IFERROR(INDEX(Jesper!AL$2:AL$366,ROUNDDOWN($C350/24,0)+1,1)*INDEX($D$3:$AA$30,INDEX(Jesper!$R$2:$R$366,ROW(INDEX(Jesper!AL$2:AL$366,ROUNDDOWN($C350/24,0)+1,1))-1)+IF('Standard Profiles'!$G$22=$B$10,7,0)+IF('Standard Profiles'!$G$22=$B$17,14,0)+IF('Standard Profiles'!$G$22=$B$24,21,0),MOD($C350,24)+1)/SUM(INDEX($D$3:$AA$30,INDEX(Jesper!$R$2:$R$366,ROW(INDEX(Jesper!AL$2:AL$366,ROUNDDOWN($C350/24,0)+1,1))-1)+IF('Standard Profiles'!$G$22=$B$10,7,0)+IF('Standard Profiles'!$G$22=$B$17,14,0)+IF('Standard Profiles'!$G$22=$B$24,21,0),0)),0)</f>
        <v>0</v>
      </c>
      <c r="I350">
        <f t="shared" si="48"/>
        <v>0.17413312821583282</v>
      </c>
      <c r="J350">
        <f t="shared" si="49"/>
        <v>0.58044376071944281</v>
      </c>
      <c r="K350">
        <f t="shared" si="50"/>
        <v>0.87066564107916422</v>
      </c>
      <c r="L350">
        <f t="shared" si="51"/>
        <v>8.6958068709010483</v>
      </c>
      <c r="M350">
        <f t="shared" si="52"/>
        <v>0</v>
      </c>
      <c r="N350" s="46">
        <f t="shared" si="53"/>
        <v>45305.1666666659</v>
      </c>
    </row>
    <row r="351" spans="2:14" x14ac:dyDescent="0.3">
      <c r="B351">
        <f t="shared" si="47"/>
        <v>7</v>
      </c>
      <c r="C351" s="16">
        <v>317</v>
      </c>
      <c r="D351" cm="1">
        <f t="array" ref="D351">IFERROR(INDEX(Jesper!AH$2:AH$366,ROUNDDOWN($C351/24,0)+1,1)*INDEX($D$3:$AA$30,INDEX(Jesper!$R$2:$R$366,ROW(INDEX(Jesper!AH$2:AH$366,ROUNDDOWN($C351/24,0)+1,1))-1)+IF('Standard Profiles'!$G$18=$B$10,7,0)+IF('Standard Profiles'!$G$18=$B$17,14,0)+IF('Standard Profiles'!$G$18=$B$24,21,0),MOD($C351,24)+1)/SUM(INDEX($D$3:$AA$30,INDEX(Jesper!$R$2:$R$366,ROW(INDEX(Jesper!AH$2:AH$366,ROUNDDOWN($C351/24,0)+1,1))-1)+IF('Standard Profiles'!$G$18=$B$10,7,0)+IF('Standard Profiles'!$G$18=$B$17,14,0)+IF('Standard Profiles'!$G$18=$B$24,21,0),0)),0)</f>
        <v>10.485214597149678</v>
      </c>
      <c r="E351" cm="1">
        <f t="array" ref="E351">IFERROR(INDEX(Jesper!AI$2:AI$366,ROUNDDOWN($C351/24,0)+1,1)*INDEX($D$3:$AA$30,INDEX(Jesper!$R$2:$R$366,ROW(INDEX(Jesper!AI$2:AI$366,ROUNDDOWN($C351/24,0)+1,1))-1)+IF('Standard Profiles'!$G$19=$B$10,7,0)+IF('Standard Profiles'!$G$19=$B$17,14,0)+IF('Standard Profiles'!$G$19=$B$24,21,0),MOD($C351,24)+1)/SUM(INDEX($D$3:$AA$30,INDEX(Jesper!$R$2:$R$366,ROW(INDEX(Jesper!AI$2:AI$366,ROUNDDOWN($C351/24,0)+1,1))-1)+IF('Standard Profiles'!$G$19=$B$10,7,0)+IF('Standard Profiles'!$G$19=$B$17,14,0)+IF('Standard Profiles'!$G$19=$B$24,21,0),0)),0)</f>
        <v>2.4160971539946794</v>
      </c>
      <c r="F351" cm="1">
        <f t="array" ref="F351">IFERROR(INDEX(Jesper!AJ$2:AJ$366,ROUNDDOWN($C351/24,0)+1,1)*INDEX($D$3:$AA$30,INDEX(Jesper!$R$2:$R$366,ROW(INDEX(Jesper!AJ$2:AJ$366,ROUNDDOWN($C351/24,0)+1,1))-1)+IF('Standard Profiles'!$G$20=$B$10,7,0)+IF('Standard Profiles'!$G$20=$B$17,14,0)+IF('Standard Profiles'!$G$20=$B$24,21,0),MOD($C351,24)+1)/SUM(INDEX($D$3:$AA$30,INDEX(Jesper!$R$2:$R$366,ROW(INDEX(Jesper!AJ$2:AJ$366,ROUNDDOWN($C351/24,0)+1,1))-1)+IF('Standard Profiles'!$G$20=$B$10,7,0)+IF('Standard Profiles'!$G$20=$B$17,14,0)+IF('Standard Profiles'!$G$20=$B$24,21,0),0)),0)</f>
        <v>0</v>
      </c>
      <c r="G351" cm="1">
        <f t="array" ref="G351">IFERROR(INDEX(Jesper!AK$2:AK$366,ROUNDDOWN($C351/24,0)+1,1)*INDEX($D$3:$AA$30,INDEX(Jesper!$R$2:$R$366,ROW(INDEX(Jesper!AK$2:AK$366,ROUNDDOWN($C351/24,0)+1,1))-1)+IF('Standard Profiles'!$G$21=$B$10,7,0)+IF('Standard Profiles'!$G$21=$B$17,14,0)+IF('Standard Profiles'!$G$21=$B$24,21,0),MOD($C351,24)+1)/SUM(INDEX($D$3:$AA$30,INDEX(Jesper!$R$2:$R$366,ROW(INDEX(Jesper!AK$2:AK$366,ROUNDDOWN($C351/24,0)+1,1))-1)+IF('Standard Profiles'!$G$21=$B$10,7,0)+IF('Standard Profiles'!$G$21=$B$17,14,0)+IF('Standard Profiles'!$G$21=$B$24,21,0),0)),0)</f>
        <v>0</v>
      </c>
      <c r="H351" cm="1">
        <f t="array" ref="H351">IFERROR(INDEX(Jesper!AL$2:AL$366,ROUNDDOWN($C351/24,0)+1,1)*INDEX($D$3:$AA$30,INDEX(Jesper!$R$2:$R$366,ROW(INDEX(Jesper!AL$2:AL$366,ROUNDDOWN($C351/24,0)+1,1))-1)+IF('Standard Profiles'!$G$22=$B$10,7,0)+IF('Standard Profiles'!$G$22=$B$17,14,0)+IF('Standard Profiles'!$G$22=$B$24,21,0),MOD($C351,24)+1)/SUM(INDEX($D$3:$AA$30,INDEX(Jesper!$R$2:$R$366,ROW(INDEX(Jesper!AL$2:AL$366,ROUNDDOWN($C351/24,0)+1,1))-1)+IF('Standard Profiles'!$G$22=$B$10,7,0)+IF('Standard Profiles'!$G$22=$B$17,14,0)+IF('Standard Profiles'!$G$22=$B$24,21,0),0)),0)</f>
        <v>0</v>
      </c>
      <c r="I351">
        <f t="shared" si="48"/>
        <v>0.217666410269791</v>
      </c>
      <c r="J351">
        <f t="shared" si="49"/>
        <v>0.72555470089930341</v>
      </c>
      <c r="K351">
        <f t="shared" si="50"/>
        <v>1.0883320513489552</v>
      </c>
      <c r="L351">
        <f t="shared" si="51"/>
        <v>10.869758588626308</v>
      </c>
      <c r="M351">
        <f t="shared" si="52"/>
        <v>0</v>
      </c>
      <c r="N351" s="46">
        <f t="shared" si="53"/>
        <v>45305.208333332565</v>
      </c>
    </row>
    <row r="352" spans="2:14" x14ac:dyDescent="0.3">
      <c r="B352">
        <f t="shared" si="47"/>
        <v>7</v>
      </c>
      <c r="C352" s="16">
        <v>318</v>
      </c>
      <c r="D352" cm="1">
        <f t="array" ref="D352">IFERROR(INDEX(Jesper!AH$2:AH$366,ROUNDDOWN($C352/24,0)+1,1)*INDEX($D$3:$AA$30,INDEX(Jesper!$R$2:$R$366,ROW(INDEX(Jesper!AH$2:AH$366,ROUNDDOWN($C352/24,0)+1,1))-1)+IF('Standard Profiles'!$G$18=$B$10,7,0)+IF('Standard Profiles'!$G$18=$B$17,14,0)+IF('Standard Profiles'!$G$18=$B$24,21,0),MOD($C352,24)+1)/SUM(INDEX($D$3:$AA$30,INDEX(Jesper!$R$2:$R$366,ROW(INDEX(Jesper!AH$2:AH$366,ROUNDDOWN($C352/24,0)+1,1))-1)+IF('Standard Profiles'!$G$18=$B$10,7,0)+IF('Standard Profiles'!$G$18=$B$17,14,0)+IF('Standard Profiles'!$G$18=$B$24,21,0),0)),0)</f>
        <v>12.349252747754067</v>
      </c>
      <c r="E352" cm="1">
        <f t="array" ref="E352">IFERROR(INDEX(Jesper!AI$2:AI$366,ROUNDDOWN($C352/24,0)+1,1)*INDEX($D$3:$AA$30,INDEX(Jesper!$R$2:$R$366,ROW(INDEX(Jesper!AI$2:AI$366,ROUNDDOWN($C352/24,0)+1,1))-1)+IF('Standard Profiles'!$G$19=$B$10,7,0)+IF('Standard Profiles'!$G$19=$B$17,14,0)+IF('Standard Profiles'!$G$19=$B$24,21,0),MOD($C352,24)+1)/SUM(INDEX($D$3:$AA$30,INDEX(Jesper!$R$2:$R$366,ROW(INDEX(Jesper!AI$2:AI$366,ROUNDDOWN($C352/24,0)+1,1))-1)+IF('Standard Profiles'!$G$19=$B$10,7,0)+IF('Standard Profiles'!$G$19=$B$17,14,0)+IF('Standard Profiles'!$G$19=$B$24,21,0),0)),0)</f>
        <v>2.8456255369270673</v>
      </c>
      <c r="F352" cm="1">
        <f t="array" ref="F352">IFERROR(INDEX(Jesper!AJ$2:AJ$366,ROUNDDOWN($C352/24,0)+1,1)*INDEX($D$3:$AA$30,INDEX(Jesper!$R$2:$R$366,ROW(INDEX(Jesper!AJ$2:AJ$366,ROUNDDOWN($C352/24,0)+1,1))-1)+IF('Standard Profiles'!$G$20=$B$10,7,0)+IF('Standard Profiles'!$G$20=$B$17,14,0)+IF('Standard Profiles'!$G$20=$B$24,21,0),MOD($C352,24)+1)/SUM(INDEX($D$3:$AA$30,INDEX(Jesper!$R$2:$R$366,ROW(INDEX(Jesper!AJ$2:AJ$366,ROUNDDOWN($C352/24,0)+1,1))-1)+IF('Standard Profiles'!$G$20=$B$10,7,0)+IF('Standard Profiles'!$G$20=$B$17,14,0)+IF('Standard Profiles'!$G$20=$B$24,21,0),0)),0)</f>
        <v>0</v>
      </c>
      <c r="G352" cm="1">
        <f t="array" ref="G352">IFERROR(INDEX(Jesper!AK$2:AK$366,ROUNDDOWN($C352/24,0)+1,1)*INDEX($D$3:$AA$30,INDEX(Jesper!$R$2:$R$366,ROW(INDEX(Jesper!AK$2:AK$366,ROUNDDOWN($C352/24,0)+1,1))-1)+IF('Standard Profiles'!$G$21=$B$10,7,0)+IF('Standard Profiles'!$G$21=$B$17,14,0)+IF('Standard Profiles'!$G$21=$B$24,21,0),MOD($C352,24)+1)/SUM(INDEX($D$3:$AA$30,INDEX(Jesper!$R$2:$R$366,ROW(INDEX(Jesper!AK$2:AK$366,ROUNDDOWN($C352/24,0)+1,1))-1)+IF('Standard Profiles'!$G$21=$B$10,7,0)+IF('Standard Profiles'!$G$21=$B$17,14,0)+IF('Standard Profiles'!$G$21=$B$24,21,0),0)),0)</f>
        <v>0</v>
      </c>
      <c r="H352" cm="1">
        <f t="array" ref="H352">IFERROR(INDEX(Jesper!AL$2:AL$366,ROUNDDOWN($C352/24,0)+1,1)*INDEX($D$3:$AA$30,INDEX(Jesper!$R$2:$R$366,ROW(INDEX(Jesper!AL$2:AL$366,ROUNDDOWN($C352/24,0)+1,1))-1)+IF('Standard Profiles'!$G$22=$B$10,7,0)+IF('Standard Profiles'!$G$22=$B$17,14,0)+IF('Standard Profiles'!$G$22=$B$24,21,0),MOD($C352,24)+1)/SUM(INDEX($D$3:$AA$30,INDEX(Jesper!$R$2:$R$366,ROW(INDEX(Jesper!AL$2:AL$366,ROUNDDOWN($C352/24,0)+1,1))-1)+IF('Standard Profiles'!$G$22=$B$10,7,0)+IF('Standard Profiles'!$G$22=$B$17,14,0)+IF('Standard Profiles'!$G$22=$B$24,21,0),0)),0)</f>
        <v>0</v>
      </c>
      <c r="I352">
        <f t="shared" si="48"/>
        <v>0.25636266098442057</v>
      </c>
      <c r="J352">
        <f t="shared" si="49"/>
        <v>0.85454220328140196</v>
      </c>
      <c r="K352">
        <f t="shared" si="50"/>
        <v>1.281813304922103</v>
      </c>
      <c r="L352">
        <f t="shared" si="51"/>
        <v>12.802160115493209</v>
      </c>
      <c r="M352">
        <f t="shared" si="52"/>
        <v>0</v>
      </c>
      <c r="N352" s="46">
        <f t="shared" si="53"/>
        <v>45305.249999999229</v>
      </c>
    </row>
    <row r="353" spans="2:14" x14ac:dyDescent="0.3">
      <c r="B353">
        <f t="shared" si="47"/>
        <v>7</v>
      </c>
      <c r="C353" s="16">
        <v>319</v>
      </c>
      <c r="D353" cm="1">
        <f t="array" ref="D353">IFERROR(INDEX(Jesper!AH$2:AH$366,ROUNDDOWN($C353/24,0)+1,1)*INDEX($D$3:$AA$30,INDEX(Jesper!$R$2:$R$366,ROW(INDEX(Jesper!AH$2:AH$366,ROUNDDOWN($C353/24,0)+1,1))-1)+IF('Standard Profiles'!$G$18=$B$10,7,0)+IF('Standard Profiles'!$G$18=$B$17,14,0)+IF('Standard Profiles'!$G$18=$B$24,21,0),MOD($C353,24)+1)/SUM(INDEX($D$3:$AA$30,INDEX(Jesper!$R$2:$R$366,ROW(INDEX(Jesper!AH$2:AH$366,ROUNDDOWN($C353/24,0)+1,1))-1)+IF('Standard Profiles'!$G$18=$B$10,7,0)+IF('Standard Profiles'!$G$18=$B$17,14,0)+IF('Standard Profiles'!$G$18=$B$24,21,0),0)),0)</f>
        <v>14.67930043600955</v>
      </c>
      <c r="E353" cm="1">
        <f t="array" ref="E353">IFERROR(INDEX(Jesper!AI$2:AI$366,ROUNDDOWN($C353/24,0)+1,1)*INDEX($D$3:$AA$30,INDEX(Jesper!$R$2:$R$366,ROW(INDEX(Jesper!AI$2:AI$366,ROUNDDOWN($C353/24,0)+1,1))-1)+IF('Standard Profiles'!$G$19=$B$10,7,0)+IF('Standard Profiles'!$G$19=$B$17,14,0)+IF('Standard Profiles'!$G$19=$B$24,21,0),MOD($C353,24)+1)/SUM(INDEX($D$3:$AA$30,INDEX(Jesper!$R$2:$R$366,ROW(INDEX(Jesper!AI$2:AI$366,ROUNDDOWN($C353/24,0)+1,1))-1)+IF('Standard Profiles'!$G$19=$B$10,7,0)+IF('Standard Profiles'!$G$19=$B$17,14,0)+IF('Standard Profiles'!$G$19=$B$24,21,0),0)),0)</f>
        <v>3.3825360155925517</v>
      </c>
      <c r="F353" cm="1">
        <f t="array" ref="F353">IFERROR(INDEX(Jesper!AJ$2:AJ$366,ROUNDDOWN($C353/24,0)+1,1)*INDEX($D$3:$AA$30,INDEX(Jesper!$R$2:$R$366,ROW(INDEX(Jesper!AJ$2:AJ$366,ROUNDDOWN($C353/24,0)+1,1))-1)+IF('Standard Profiles'!$G$20=$B$10,7,0)+IF('Standard Profiles'!$G$20=$B$17,14,0)+IF('Standard Profiles'!$G$20=$B$24,21,0),MOD($C353,24)+1)/SUM(INDEX($D$3:$AA$30,INDEX(Jesper!$R$2:$R$366,ROW(INDEX(Jesper!AJ$2:AJ$366,ROUNDDOWN($C353/24,0)+1,1))-1)+IF('Standard Profiles'!$G$20=$B$10,7,0)+IF('Standard Profiles'!$G$20=$B$17,14,0)+IF('Standard Profiles'!$G$20=$B$24,21,0),0)),0)</f>
        <v>0</v>
      </c>
      <c r="G353" cm="1">
        <f t="array" ref="G353">IFERROR(INDEX(Jesper!AK$2:AK$366,ROUNDDOWN($C353/24,0)+1,1)*INDEX($D$3:$AA$30,INDEX(Jesper!$R$2:$R$366,ROW(INDEX(Jesper!AK$2:AK$366,ROUNDDOWN($C353/24,0)+1,1))-1)+IF('Standard Profiles'!$G$21=$B$10,7,0)+IF('Standard Profiles'!$G$21=$B$17,14,0)+IF('Standard Profiles'!$G$21=$B$24,21,0),MOD($C353,24)+1)/SUM(INDEX($D$3:$AA$30,INDEX(Jesper!$R$2:$R$366,ROW(INDEX(Jesper!AK$2:AK$366,ROUNDDOWN($C353/24,0)+1,1))-1)+IF('Standard Profiles'!$G$21=$B$10,7,0)+IF('Standard Profiles'!$G$21=$B$17,14,0)+IF('Standard Profiles'!$G$21=$B$24,21,0),0)),0)</f>
        <v>0</v>
      </c>
      <c r="H353" cm="1">
        <f t="array" ref="H353">IFERROR(INDEX(Jesper!AL$2:AL$366,ROUNDDOWN($C353/24,0)+1,1)*INDEX($D$3:$AA$30,INDEX(Jesper!$R$2:$R$366,ROW(INDEX(Jesper!AL$2:AL$366,ROUNDDOWN($C353/24,0)+1,1))-1)+IF('Standard Profiles'!$G$22=$B$10,7,0)+IF('Standard Profiles'!$G$22=$B$17,14,0)+IF('Standard Profiles'!$G$22=$B$24,21,0),MOD($C353,24)+1)/SUM(INDEX($D$3:$AA$30,INDEX(Jesper!$R$2:$R$366,ROW(INDEX(Jesper!AL$2:AL$366,ROUNDDOWN($C353/24,0)+1,1))-1)+IF('Standard Profiles'!$G$22=$B$10,7,0)+IF('Standard Profiles'!$G$22=$B$17,14,0)+IF('Standard Profiles'!$G$22=$B$24,21,0),0)),0)</f>
        <v>0</v>
      </c>
      <c r="I353">
        <f t="shared" si="48"/>
        <v>0.30473297437770741</v>
      </c>
      <c r="J353">
        <f t="shared" si="49"/>
        <v>1.0157765812590249</v>
      </c>
      <c r="K353">
        <f t="shared" si="50"/>
        <v>1.5236648718885373</v>
      </c>
      <c r="L353">
        <f t="shared" si="51"/>
        <v>15.217662024076832</v>
      </c>
      <c r="M353">
        <f t="shared" si="52"/>
        <v>0</v>
      </c>
      <c r="N353" s="46">
        <f t="shared" si="53"/>
        <v>45305.291666665893</v>
      </c>
    </row>
    <row r="354" spans="2:14" x14ac:dyDescent="0.3">
      <c r="B354">
        <f t="shared" si="47"/>
        <v>7</v>
      </c>
      <c r="C354" s="16">
        <v>320</v>
      </c>
      <c r="D354" cm="1">
        <f t="array" ref="D354">IFERROR(INDEX(Jesper!AH$2:AH$366,ROUNDDOWN($C354/24,0)+1,1)*INDEX($D$3:$AA$30,INDEX(Jesper!$R$2:$R$366,ROW(INDEX(Jesper!AH$2:AH$366,ROUNDDOWN($C354/24,0)+1,1))-1)+IF('Standard Profiles'!$G$18=$B$10,7,0)+IF('Standard Profiles'!$G$18=$B$17,14,0)+IF('Standard Profiles'!$G$18=$B$24,21,0),MOD($C354,24)+1)/SUM(INDEX($D$3:$AA$30,INDEX(Jesper!$R$2:$R$366,ROW(INDEX(Jesper!AH$2:AH$366,ROUNDDOWN($C354/24,0)+1,1))-1)+IF('Standard Profiles'!$G$18=$B$10,7,0)+IF('Standard Profiles'!$G$18=$B$17,14,0)+IF('Standard Profiles'!$G$18=$B$24,21,0),0)),0)</f>
        <v>14.67930043600955</v>
      </c>
      <c r="E354" cm="1">
        <f t="array" ref="E354">IFERROR(INDEX(Jesper!AI$2:AI$366,ROUNDDOWN($C354/24,0)+1,1)*INDEX($D$3:$AA$30,INDEX(Jesper!$R$2:$R$366,ROW(INDEX(Jesper!AI$2:AI$366,ROUNDDOWN($C354/24,0)+1,1))-1)+IF('Standard Profiles'!$G$19=$B$10,7,0)+IF('Standard Profiles'!$G$19=$B$17,14,0)+IF('Standard Profiles'!$G$19=$B$24,21,0),MOD($C354,24)+1)/SUM(INDEX($D$3:$AA$30,INDEX(Jesper!$R$2:$R$366,ROW(INDEX(Jesper!AI$2:AI$366,ROUNDDOWN($C354/24,0)+1,1))-1)+IF('Standard Profiles'!$G$19=$B$10,7,0)+IF('Standard Profiles'!$G$19=$B$17,14,0)+IF('Standard Profiles'!$G$19=$B$24,21,0),0)),0)</f>
        <v>3.3825360155925517</v>
      </c>
      <c r="F354" cm="1">
        <f t="array" ref="F354">IFERROR(INDEX(Jesper!AJ$2:AJ$366,ROUNDDOWN($C354/24,0)+1,1)*INDEX($D$3:$AA$30,INDEX(Jesper!$R$2:$R$366,ROW(INDEX(Jesper!AJ$2:AJ$366,ROUNDDOWN($C354/24,0)+1,1))-1)+IF('Standard Profiles'!$G$20=$B$10,7,0)+IF('Standard Profiles'!$G$20=$B$17,14,0)+IF('Standard Profiles'!$G$20=$B$24,21,0),MOD($C354,24)+1)/SUM(INDEX($D$3:$AA$30,INDEX(Jesper!$R$2:$R$366,ROW(INDEX(Jesper!AJ$2:AJ$366,ROUNDDOWN($C354/24,0)+1,1))-1)+IF('Standard Profiles'!$G$20=$B$10,7,0)+IF('Standard Profiles'!$G$20=$B$17,14,0)+IF('Standard Profiles'!$G$20=$B$24,21,0),0)),0)</f>
        <v>0</v>
      </c>
      <c r="G354" cm="1">
        <f t="array" ref="G354">IFERROR(INDEX(Jesper!AK$2:AK$366,ROUNDDOWN($C354/24,0)+1,1)*INDEX($D$3:$AA$30,INDEX(Jesper!$R$2:$R$366,ROW(INDEX(Jesper!AK$2:AK$366,ROUNDDOWN($C354/24,0)+1,1))-1)+IF('Standard Profiles'!$G$21=$B$10,7,0)+IF('Standard Profiles'!$G$21=$B$17,14,0)+IF('Standard Profiles'!$G$21=$B$24,21,0),MOD($C354,24)+1)/SUM(INDEX($D$3:$AA$30,INDEX(Jesper!$R$2:$R$366,ROW(INDEX(Jesper!AK$2:AK$366,ROUNDDOWN($C354/24,0)+1,1))-1)+IF('Standard Profiles'!$G$21=$B$10,7,0)+IF('Standard Profiles'!$G$21=$B$17,14,0)+IF('Standard Profiles'!$G$21=$B$24,21,0),0)),0)</f>
        <v>0</v>
      </c>
      <c r="H354" cm="1">
        <f t="array" ref="H354">IFERROR(INDEX(Jesper!AL$2:AL$366,ROUNDDOWN($C354/24,0)+1,1)*INDEX($D$3:$AA$30,INDEX(Jesper!$R$2:$R$366,ROW(INDEX(Jesper!AL$2:AL$366,ROUNDDOWN($C354/24,0)+1,1))-1)+IF('Standard Profiles'!$G$22=$B$10,7,0)+IF('Standard Profiles'!$G$22=$B$17,14,0)+IF('Standard Profiles'!$G$22=$B$24,21,0),MOD($C354,24)+1)/SUM(INDEX($D$3:$AA$30,INDEX(Jesper!$R$2:$R$366,ROW(INDEX(Jesper!AL$2:AL$366,ROUNDDOWN($C354/24,0)+1,1))-1)+IF('Standard Profiles'!$G$22=$B$10,7,0)+IF('Standard Profiles'!$G$22=$B$17,14,0)+IF('Standard Profiles'!$G$22=$B$24,21,0),0)),0)</f>
        <v>0</v>
      </c>
      <c r="I354">
        <f t="shared" si="48"/>
        <v>0.30473297437770741</v>
      </c>
      <c r="J354">
        <f t="shared" si="49"/>
        <v>1.0157765812590249</v>
      </c>
      <c r="K354">
        <f t="shared" si="50"/>
        <v>1.5236648718885373</v>
      </c>
      <c r="L354">
        <f t="shared" si="51"/>
        <v>15.217662024076832</v>
      </c>
      <c r="M354">
        <f t="shared" si="52"/>
        <v>0</v>
      </c>
      <c r="N354" s="46">
        <f t="shared" si="53"/>
        <v>45305.333333332557</v>
      </c>
    </row>
    <row r="355" spans="2:14" x14ac:dyDescent="0.3">
      <c r="B355">
        <f t="shared" ref="B355:B418" si="54">WEEKDAY(N355,2)</f>
        <v>7</v>
      </c>
      <c r="C355" s="16">
        <v>321</v>
      </c>
      <c r="D355" cm="1">
        <f t="array" ref="D355">IFERROR(INDEX(Jesper!AH$2:AH$366,ROUNDDOWN($C355/24,0)+1,1)*INDEX($D$3:$AA$30,INDEX(Jesper!$R$2:$R$366,ROW(INDEX(Jesper!AH$2:AH$366,ROUNDDOWN($C355/24,0)+1,1))-1)+IF('Standard Profiles'!$G$18=$B$10,7,0)+IF('Standard Profiles'!$G$18=$B$17,14,0)+IF('Standard Profiles'!$G$18=$B$24,21,0),MOD($C355,24)+1)/SUM(INDEX($D$3:$AA$30,INDEX(Jesper!$R$2:$R$366,ROW(INDEX(Jesper!AH$2:AH$366,ROUNDDOWN($C355/24,0)+1,1))-1)+IF('Standard Profiles'!$G$18=$B$10,7,0)+IF('Standard Profiles'!$G$18=$B$17,14,0)+IF('Standard Profiles'!$G$18=$B$24,21,0),0)),0)</f>
        <v>14.67930043600955</v>
      </c>
      <c r="E355" cm="1">
        <f t="array" ref="E355">IFERROR(INDEX(Jesper!AI$2:AI$366,ROUNDDOWN($C355/24,0)+1,1)*INDEX($D$3:$AA$30,INDEX(Jesper!$R$2:$R$366,ROW(INDEX(Jesper!AI$2:AI$366,ROUNDDOWN($C355/24,0)+1,1))-1)+IF('Standard Profiles'!$G$19=$B$10,7,0)+IF('Standard Profiles'!$G$19=$B$17,14,0)+IF('Standard Profiles'!$G$19=$B$24,21,0),MOD($C355,24)+1)/SUM(INDEX($D$3:$AA$30,INDEX(Jesper!$R$2:$R$366,ROW(INDEX(Jesper!AI$2:AI$366,ROUNDDOWN($C355/24,0)+1,1))-1)+IF('Standard Profiles'!$G$19=$B$10,7,0)+IF('Standard Profiles'!$G$19=$B$17,14,0)+IF('Standard Profiles'!$G$19=$B$24,21,0),0)),0)</f>
        <v>3.3825360155925517</v>
      </c>
      <c r="F355" cm="1">
        <f t="array" ref="F355">IFERROR(INDEX(Jesper!AJ$2:AJ$366,ROUNDDOWN($C355/24,0)+1,1)*INDEX($D$3:$AA$30,INDEX(Jesper!$R$2:$R$366,ROW(INDEX(Jesper!AJ$2:AJ$366,ROUNDDOWN($C355/24,0)+1,1))-1)+IF('Standard Profiles'!$G$20=$B$10,7,0)+IF('Standard Profiles'!$G$20=$B$17,14,0)+IF('Standard Profiles'!$G$20=$B$24,21,0),MOD($C355,24)+1)/SUM(INDEX($D$3:$AA$30,INDEX(Jesper!$R$2:$R$366,ROW(INDEX(Jesper!AJ$2:AJ$366,ROUNDDOWN($C355/24,0)+1,1))-1)+IF('Standard Profiles'!$G$20=$B$10,7,0)+IF('Standard Profiles'!$G$20=$B$17,14,0)+IF('Standard Profiles'!$G$20=$B$24,21,0),0)),0)</f>
        <v>0</v>
      </c>
      <c r="G355" cm="1">
        <f t="array" ref="G355">IFERROR(INDEX(Jesper!AK$2:AK$366,ROUNDDOWN($C355/24,0)+1,1)*INDEX($D$3:$AA$30,INDEX(Jesper!$R$2:$R$366,ROW(INDEX(Jesper!AK$2:AK$366,ROUNDDOWN($C355/24,0)+1,1))-1)+IF('Standard Profiles'!$G$21=$B$10,7,0)+IF('Standard Profiles'!$G$21=$B$17,14,0)+IF('Standard Profiles'!$G$21=$B$24,21,0),MOD($C355,24)+1)/SUM(INDEX($D$3:$AA$30,INDEX(Jesper!$R$2:$R$366,ROW(INDEX(Jesper!AK$2:AK$366,ROUNDDOWN($C355/24,0)+1,1))-1)+IF('Standard Profiles'!$G$21=$B$10,7,0)+IF('Standard Profiles'!$G$21=$B$17,14,0)+IF('Standard Profiles'!$G$21=$B$24,21,0),0)),0)</f>
        <v>0</v>
      </c>
      <c r="H355" cm="1">
        <f t="array" ref="H355">IFERROR(INDEX(Jesper!AL$2:AL$366,ROUNDDOWN($C355/24,0)+1,1)*INDEX($D$3:$AA$30,INDEX(Jesper!$R$2:$R$366,ROW(INDEX(Jesper!AL$2:AL$366,ROUNDDOWN($C355/24,0)+1,1))-1)+IF('Standard Profiles'!$G$22=$B$10,7,0)+IF('Standard Profiles'!$G$22=$B$17,14,0)+IF('Standard Profiles'!$G$22=$B$24,21,0),MOD($C355,24)+1)/SUM(INDEX($D$3:$AA$30,INDEX(Jesper!$R$2:$R$366,ROW(INDEX(Jesper!AL$2:AL$366,ROUNDDOWN($C355/24,0)+1,1))-1)+IF('Standard Profiles'!$G$22=$B$10,7,0)+IF('Standard Profiles'!$G$22=$B$17,14,0)+IF('Standard Profiles'!$G$22=$B$24,21,0),0)),0)</f>
        <v>0</v>
      </c>
      <c r="I355">
        <f t="shared" ref="I355:I418" si="55">IF($B355&lt;6,AC$37*$D355+AC$38*$E355+AC$39*$F355+AC$40*$G355,AC$46*$D355+AC$47*$E355+AC$48*$F355+AC$49*$G355+AC$50*$H355)</f>
        <v>0.30473297437770741</v>
      </c>
      <c r="J355">
        <f t="shared" ref="J355:J418" si="56">IF($B355&lt;6,AD$37*$D355+AD$38*$E355+AD$39*$F355+AD$40*$G355,AD$46*$D355+AD$47*$E355+AD$48*$F355+AD$49*$G355+AD$50*$H355)</f>
        <v>1.0157765812590249</v>
      </c>
      <c r="K355">
        <f t="shared" ref="K355:K418" si="57">IF($B355&lt;6,AE$37*$D355+AE$38*$E355+AE$39*$F355+AE$40*$G355,AE$46*$D355+AE$47*$E355+AE$48*$F355+AE$49*$G355+AE$50*$H355)</f>
        <v>1.5236648718885373</v>
      </c>
      <c r="L355">
        <f t="shared" ref="L355:L418" si="58">IF($B355&lt;6,AF$37*$D355+AF$38*$E355+AF$39*$F355+AF$40*$G355,AF$46*$D355+AF$47*$E355+AF$48*$F355+AF$49*$G355+AF$50*$H355)</f>
        <v>15.217662024076832</v>
      </c>
      <c r="M355">
        <f t="shared" ref="M355:M418" si="59">IF($B355&lt;6,AG$37*$D355+AG$38*$E355+AG$39*$F355+AG$40*$G355,AG$46*$D355+AG$47*$E355+AG$48*$F355+AG$49*$G355+AG$50*$H355)</f>
        <v>0</v>
      </c>
      <c r="N355" s="46">
        <f t="shared" si="53"/>
        <v>45305.374999999221</v>
      </c>
    </row>
    <row r="356" spans="2:14" x14ac:dyDescent="0.3">
      <c r="B356">
        <f t="shared" si="54"/>
        <v>7</v>
      </c>
      <c r="C356" s="16">
        <v>322</v>
      </c>
      <c r="D356" cm="1">
        <f t="array" ref="D356">IFERROR(INDEX(Jesper!AH$2:AH$366,ROUNDDOWN($C356/24,0)+1,1)*INDEX($D$3:$AA$30,INDEX(Jesper!$R$2:$R$366,ROW(INDEX(Jesper!AH$2:AH$366,ROUNDDOWN($C356/24,0)+1,1))-1)+IF('Standard Profiles'!$G$18=$B$10,7,0)+IF('Standard Profiles'!$G$18=$B$17,14,0)+IF('Standard Profiles'!$G$18=$B$24,21,0),MOD($C356,24)+1)/SUM(INDEX($D$3:$AA$30,INDEX(Jesper!$R$2:$R$366,ROW(INDEX(Jesper!AH$2:AH$366,ROUNDDOWN($C356/24,0)+1,1))-1)+IF('Standard Profiles'!$G$18=$B$10,7,0)+IF('Standard Profiles'!$G$18=$B$17,14,0)+IF('Standard Profiles'!$G$18=$B$24,21,0),0)),0)</f>
        <v>14.67930043600955</v>
      </c>
      <c r="E356" cm="1">
        <f t="array" ref="E356">IFERROR(INDEX(Jesper!AI$2:AI$366,ROUNDDOWN($C356/24,0)+1,1)*INDEX($D$3:$AA$30,INDEX(Jesper!$R$2:$R$366,ROW(INDEX(Jesper!AI$2:AI$366,ROUNDDOWN($C356/24,0)+1,1))-1)+IF('Standard Profiles'!$G$19=$B$10,7,0)+IF('Standard Profiles'!$G$19=$B$17,14,0)+IF('Standard Profiles'!$G$19=$B$24,21,0),MOD($C356,24)+1)/SUM(INDEX($D$3:$AA$30,INDEX(Jesper!$R$2:$R$366,ROW(INDEX(Jesper!AI$2:AI$366,ROUNDDOWN($C356/24,0)+1,1))-1)+IF('Standard Profiles'!$G$19=$B$10,7,0)+IF('Standard Profiles'!$G$19=$B$17,14,0)+IF('Standard Profiles'!$G$19=$B$24,21,0),0)),0)</f>
        <v>3.3825360155925517</v>
      </c>
      <c r="F356" cm="1">
        <f t="array" ref="F356">IFERROR(INDEX(Jesper!AJ$2:AJ$366,ROUNDDOWN($C356/24,0)+1,1)*INDEX($D$3:$AA$30,INDEX(Jesper!$R$2:$R$366,ROW(INDEX(Jesper!AJ$2:AJ$366,ROUNDDOWN($C356/24,0)+1,1))-1)+IF('Standard Profiles'!$G$20=$B$10,7,0)+IF('Standard Profiles'!$G$20=$B$17,14,0)+IF('Standard Profiles'!$G$20=$B$24,21,0),MOD($C356,24)+1)/SUM(INDEX($D$3:$AA$30,INDEX(Jesper!$R$2:$R$366,ROW(INDEX(Jesper!AJ$2:AJ$366,ROUNDDOWN($C356/24,0)+1,1))-1)+IF('Standard Profiles'!$G$20=$B$10,7,0)+IF('Standard Profiles'!$G$20=$B$17,14,0)+IF('Standard Profiles'!$G$20=$B$24,21,0),0)),0)</f>
        <v>0</v>
      </c>
      <c r="G356" cm="1">
        <f t="array" ref="G356">IFERROR(INDEX(Jesper!AK$2:AK$366,ROUNDDOWN($C356/24,0)+1,1)*INDEX($D$3:$AA$30,INDEX(Jesper!$R$2:$R$366,ROW(INDEX(Jesper!AK$2:AK$366,ROUNDDOWN($C356/24,0)+1,1))-1)+IF('Standard Profiles'!$G$21=$B$10,7,0)+IF('Standard Profiles'!$G$21=$B$17,14,0)+IF('Standard Profiles'!$G$21=$B$24,21,0),MOD($C356,24)+1)/SUM(INDEX($D$3:$AA$30,INDEX(Jesper!$R$2:$R$366,ROW(INDEX(Jesper!AK$2:AK$366,ROUNDDOWN($C356/24,0)+1,1))-1)+IF('Standard Profiles'!$G$21=$B$10,7,0)+IF('Standard Profiles'!$G$21=$B$17,14,0)+IF('Standard Profiles'!$G$21=$B$24,21,0),0)),0)</f>
        <v>0</v>
      </c>
      <c r="H356" cm="1">
        <f t="array" ref="H356">IFERROR(INDEX(Jesper!AL$2:AL$366,ROUNDDOWN($C356/24,0)+1,1)*INDEX($D$3:$AA$30,INDEX(Jesper!$R$2:$R$366,ROW(INDEX(Jesper!AL$2:AL$366,ROUNDDOWN($C356/24,0)+1,1))-1)+IF('Standard Profiles'!$G$22=$B$10,7,0)+IF('Standard Profiles'!$G$22=$B$17,14,0)+IF('Standard Profiles'!$G$22=$B$24,21,0),MOD($C356,24)+1)/SUM(INDEX($D$3:$AA$30,INDEX(Jesper!$R$2:$R$366,ROW(INDEX(Jesper!AL$2:AL$366,ROUNDDOWN($C356/24,0)+1,1))-1)+IF('Standard Profiles'!$G$22=$B$10,7,0)+IF('Standard Profiles'!$G$22=$B$17,14,0)+IF('Standard Profiles'!$G$22=$B$24,21,0),0)),0)</f>
        <v>0</v>
      </c>
      <c r="I356">
        <f t="shared" si="55"/>
        <v>0.30473297437770741</v>
      </c>
      <c r="J356">
        <f t="shared" si="56"/>
        <v>1.0157765812590249</v>
      </c>
      <c r="K356">
        <f t="shared" si="57"/>
        <v>1.5236648718885373</v>
      </c>
      <c r="L356">
        <f t="shared" si="58"/>
        <v>15.217662024076832</v>
      </c>
      <c r="M356">
        <f t="shared" si="59"/>
        <v>0</v>
      </c>
      <c r="N356" s="46">
        <f t="shared" ref="N356:N419" si="60">N355+1/24</f>
        <v>45305.416666665886</v>
      </c>
    </row>
    <row r="357" spans="2:14" x14ac:dyDescent="0.3">
      <c r="B357">
        <f t="shared" si="54"/>
        <v>7</v>
      </c>
      <c r="C357" s="16">
        <v>323</v>
      </c>
      <c r="D357" cm="1">
        <f t="array" ref="D357">IFERROR(INDEX(Jesper!AH$2:AH$366,ROUNDDOWN($C357/24,0)+1,1)*INDEX($D$3:$AA$30,INDEX(Jesper!$R$2:$R$366,ROW(INDEX(Jesper!AH$2:AH$366,ROUNDDOWN($C357/24,0)+1,1))-1)+IF('Standard Profiles'!$G$18=$B$10,7,0)+IF('Standard Profiles'!$G$18=$B$17,14,0)+IF('Standard Profiles'!$G$18=$B$24,21,0),MOD($C357,24)+1)/SUM(INDEX($D$3:$AA$30,INDEX(Jesper!$R$2:$R$366,ROW(INDEX(Jesper!AH$2:AH$366,ROUNDDOWN($C357/24,0)+1,1))-1)+IF('Standard Profiles'!$G$18=$B$10,7,0)+IF('Standard Profiles'!$G$18=$B$17,14,0)+IF('Standard Profiles'!$G$18=$B$24,21,0),0)),0)</f>
        <v>14.67930043600955</v>
      </c>
      <c r="E357" cm="1">
        <f t="array" ref="E357">IFERROR(INDEX(Jesper!AI$2:AI$366,ROUNDDOWN($C357/24,0)+1,1)*INDEX($D$3:$AA$30,INDEX(Jesper!$R$2:$R$366,ROW(INDEX(Jesper!AI$2:AI$366,ROUNDDOWN($C357/24,0)+1,1))-1)+IF('Standard Profiles'!$G$19=$B$10,7,0)+IF('Standard Profiles'!$G$19=$B$17,14,0)+IF('Standard Profiles'!$G$19=$B$24,21,0),MOD($C357,24)+1)/SUM(INDEX($D$3:$AA$30,INDEX(Jesper!$R$2:$R$366,ROW(INDEX(Jesper!AI$2:AI$366,ROUNDDOWN($C357/24,0)+1,1))-1)+IF('Standard Profiles'!$G$19=$B$10,7,0)+IF('Standard Profiles'!$G$19=$B$17,14,0)+IF('Standard Profiles'!$G$19=$B$24,21,0),0)),0)</f>
        <v>3.3825360155925517</v>
      </c>
      <c r="F357" cm="1">
        <f t="array" ref="F357">IFERROR(INDEX(Jesper!AJ$2:AJ$366,ROUNDDOWN($C357/24,0)+1,1)*INDEX($D$3:$AA$30,INDEX(Jesper!$R$2:$R$366,ROW(INDEX(Jesper!AJ$2:AJ$366,ROUNDDOWN($C357/24,0)+1,1))-1)+IF('Standard Profiles'!$G$20=$B$10,7,0)+IF('Standard Profiles'!$G$20=$B$17,14,0)+IF('Standard Profiles'!$G$20=$B$24,21,0),MOD($C357,24)+1)/SUM(INDEX($D$3:$AA$30,INDEX(Jesper!$R$2:$R$366,ROW(INDEX(Jesper!AJ$2:AJ$366,ROUNDDOWN($C357/24,0)+1,1))-1)+IF('Standard Profiles'!$G$20=$B$10,7,0)+IF('Standard Profiles'!$G$20=$B$17,14,0)+IF('Standard Profiles'!$G$20=$B$24,21,0),0)),0)</f>
        <v>0</v>
      </c>
      <c r="G357" cm="1">
        <f t="array" ref="G357">IFERROR(INDEX(Jesper!AK$2:AK$366,ROUNDDOWN($C357/24,0)+1,1)*INDEX($D$3:$AA$30,INDEX(Jesper!$R$2:$R$366,ROW(INDEX(Jesper!AK$2:AK$366,ROUNDDOWN($C357/24,0)+1,1))-1)+IF('Standard Profiles'!$G$21=$B$10,7,0)+IF('Standard Profiles'!$G$21=$B$17,14,0)+IF('Standard Profiles'!$G$21=$B$24,21,0),MOD($C357,24)+1)/SUM(INDEX($D$3:$AA$30,INDEX(Jesper!$R$2:$R$366,ROW(INDEX(Jesper!AK$2:AK$366,ROUNDDOWN($C357/24,0)+1,1))-1)+IF('Standard Profiles'!$G$21=$B$10,7,0)+IF('Standard Profiles'!$G$21=$B$17,14,0)+IF('Standard Profiles'!$G$21=$B$24,21,0),0)),0)</f>
        <v>0</v>
      </c>
      <c r="H357" cm="1">
        <f t="array" ref="H357">IFERROR(INDEX(Jesper!AL$2:AL$366,ROUNDDOWN($C357/24,0)+1,1)*INDEX($D$3:$AA$30,INDEX(Jesper!$R$2:$R$366,ROW(INDEX(Jesper!AL$2:AL$366,ROUNDDOWN($C357/24,0)+1,1))-1)+IF('Standard Profiles'!$G$22=$B$10,7,0)+IF('Standard Profiles'!$G$22=$B$17,14,0)+IF('Standard Profiles'!$G$22=$B$24,21,0),MOD($C357,24)+1)/SUM(INDEX($D$3:$AA$30,INDEX(Jesper!$R$2:$R$366,ROW(INDEX(Jesper!AL$2:AL$366,ROUNDDOWN($C357/24,0)+1,1))-1)+IF('Standard Profiles'!$G$22=$B$10,7,0)+IF('Standard Profiles'!$G$22=$B$17,14,0)+IF('Standard Profiles'!$G$22=$B$24,21,0),0)),0)</f>
        <v>0</v>
      </c>
      <c r="I357">
        <f t="shared" si="55"/>
        <v>0.30473297437770741</v>
      </c>
      <c r="J357">
        <f t="shared" si="56"/>
        <v>1.0157765812590249</v>
      </c>
      <c r="K357">
        <f t="shared" si="57"/>
        <v>1.5236648718885373</v>
      </c>
      <c r="L357">
        <f t="shared" si="58"/>
        <v>15.217662024076832</v>
      </c>
      <c r="M357">
        <f t="shared" si="59"/>
        <v>0</v>
      </c>
      <c r="N357" s="46">
        <f t="shared" si="60"/>
        <v>45305.45833333255</v>
      </c>
    </row>
    <row r="358" spans="2:14" x14ac:dyDescent="0.3">
      <c r="B358">
        <f t="shared" si="54"/>
        <v>7</v>
      </c>
      <c r="C358" s="16">
        <v>324</v>
      </c>
      <c r="D358" cm="1">
        <f t="array" ref="D358">IFERROR(INDEX(Jesper!AH$2:AH$366,ROUNDDOWN($C358/24,0)+1,1)*INDEX($D$3:$AA$30,INDEX(Jesper!$R$2:$R$366,ROW(INDEX(Jesper!AH$2:AH$366,ROUNDDOWN($C358/24,0)+1,1))-1)+IF('Standard Profiles'!$G$18=$B$10,7,0)+IF('Standard Profiles'!$G$18=$B$17,14,0)+IF('Standard Profiles'!$G$18=$B$24,21,0),MOD($C358,24)+1)/SUM(INDEX($D$3:$AA$30,INDEX(Jesper!$R$2:$R$366,ROW(INDEX(Jesper!AH$2:AH$366,ROUNDDOWN($C358/24,0)+1,1))-1)+IF('Standard Profiles'!$G$18=$B$10,7,0)+IF('Standard Profiles'!$G$18=$B$17,14,0)+IF('Standard Profiles'!$G$18=$B$24,21,0),0)),0)</f>
        <v>14.67930043600955</v>
      </c>
      <c r="E358" cm="1">
        <f t="array" ref="E358">IFERROR(INDEX(Jesper!AI$2:AI$366,ROUNDDOWN($C358/24,0)+1,1)*INDEX($D$3:$AA$30,INDEX(Jesper!$R$2:$R$366,ROW(INDEX(Jesper!AI$2:AI$366,ROUNDDOWN($C358/24,0)+1,1))-1)+IF('Standard Profiles'!$G$19=$B$10,7,0)+IF('Standard Profiles'!$G$19=$B$17,14,0)+IF('Standard Profiles'!$G$19=$B$24,21,0),MOD($C358,24)+1)/SUM(INDEX($D$3:$AA$30,INDEX(Jesper!$R$2:$R$366,ROW(INDEX(Jesper!AI$2:AI$366,ROUNDDOWN($C358/24,0)+1,1))-1)+IF('Standard Profiles'!$G$19=$B$10,7,0)+IF('Standard Profiles'!$G$19=$B$17,14,0)+IF('Standard Profiles'!$G$19=$B$24,21,0),0)),0)</f>
        <v>3.3825360155925517</v>
      </c>
      <c r="F358" cm="1">
        <f t="array" ref="F358">IFERROR(INDEX(Jesper!AJ$2:AJ$366,ROUNDDOWN($C358/24,0)+1,1)*INDEX($D$3:$AA$30,INDEX(Jesper!$R$2:$R$366,ROW(INDEX(Jesper!AJ$2:AJ$366,ROUNDDOWN($C358/24,0)+1,1))-1)+IF('Standard Profiles'!$G$20=$B$10,7,0)+IF('Standard Profiles'!$G$20=$B$17,14,0)+IF('Standard Profiles'!$G$20=$B$24,21,0),MOD($C358,24)+1)/SUM(INDEX($D$3:$AA$30,INDEX(Jesper!$R$2:$R$366,ROW(INDEX(Jesper!AJ$2:AJ$366,ROUNDDOWN($C358/24,0)+1,1))-1)+IF('Standard Profiles'!$G$20=$B$10,7,0)+IF('Standard Profiles'!$G$20=$B$17,14,0)+IF('Standard Profiles'!$G$20=$B$24,21,0),0)),0)</f>
        <v>0</v>
      </c>
      <c r="G358" cm="1">
        <f t="array" ref="G358">IFERROR(INDEX(Jesper!AK$2:AK$366,ROUNDDOWN($C358/24,0)+1,1)*INDEX($D$3:$AA$30,INDEX(Jesper!$R$2:$R$366,ROW(INDEX(Jesper!AK$2:AK$366,ROUNDDOWN($C358/24,0)+1,1))-1)+IF('Standard Profiles'!$G$21=$B$10,7,0)+IF('Standard Profiles'!$G$21=$B$17,14,0)+IF('Standard Profiles'!$G$21=$B$24,21,0),MOD($C358,24)+1)/SUM(INDEX($D$3:$AA$30,INDEX(Jesper!$R$2:$R$366,ROW(INDEX(Jesper!AK$2:AK$366,ROUNDDOWN($C358/24,0)+1,1))-1)+IF('Standard Profiles'!$G$21=$B$10,7,0)+IF('Standard Profiles'!$G$21=$B$17,14,0)+IF('Standard Profiles'!$G$21=$B$24,21,0),0)),0)</f>
        <v>0</v>
      </c>
      <c r="H358" cm="1">
        <f t="array" ref="H358">IFERROR(INDEX(Jesper!AL$2:AL$366,ROUNDDOWN($C358/24,0)+1,1)*INDEX($D$3:$AA$30,INDEX(Jesper!$R$2:$R$366,ROW(INDEX(Jesper!AL$2:AL$366,ROUNDDOWN($C358/24,0)+1,1))-1)+IF('Standard Profiles'!$G$22=$B$10,7,0)+IF('Standard Profiles'!$G$22=$B$17,14,0)+IF('Standard Profiles'!$G$22=$B$24,21,0),MOD($C358,24)+1)/SUM(INDEX($D$3:$AA$30,INDEX(Jesper!$R$2:$R$366,ROW(INDEX(Jesper!AL$2:AL$366,ROUNDDOWN($C358/24,0)+1,1))-1)+IF('Standard Profiles'!$G$22=$B$10,7,0)+IF('Standard Profiles'!$G$22=$B$17,14,0)+IF('Standard Profiles'!$G$22=$B$24,21,0),0)),0)</f>
        <v>0</v>
      </c>
      <c r="I358">
        <f t="shared" si="55"/>
        <v>0.30473297437770741</v>
      </c>
      <c r="J358">
        <f t="shared" si="56"/>
        <v>1.0157765812590249</v>
      </c>
      <c r="K358">
        <f t="shared" si="57"/>
        <v>1.5236648718885373</v>
      </c>
      <c r="L358">
        <f t="shared" si="58"/>
        <v>15.217662024076832</v>
      </c>
      <c r="M358">
        <f t="shared" si="59"/>
        <v>0</v>
      </c>
      <c r="N358" s="46">
        <f t="shared" si="60"/>
        <v>45305.499999999214</v>
      </c>
    </row>
    <row r="359" spans="2:14" x14ac:dyDescent="0.3">
      <c r="B359">
        <f t="shared" si="54"/>
        <v>7</v>
      </c>
      <c r="C359" s="16">
        <v>325</v>
      </c>
      <c r="D359" cm="1">
        <f t="array" ref="D359">IFERROR(INDEX(Jesper!AH$2:AH$366,ROUNDDOWN($C359/24,0)+1,1)*INDEX($D$3:$AA$30,INDEX(Jesper!$R$2:$R$366,ROW(INDEX(Jesper!AH$2:AH$366,ROUNDDOWN($C359/24,0)+1,1))-1)+IF('Standard Profiles'!$G$18=$B$10,7,0)+IF('Standard Profiles'!$G$18=$B$17,14,0)+IF('Standard Profiles'!$G$18=$B$24,21,0),MOD($C359,24)+1)/SUM(INDEX($D$3:$AA$30,INDEX(Jesper!$R$2:$R$366,ROW(INDEX(Jesper!AH$2:AH$366,ROUNDDOWN($C359/24,0)+1,1))-1)+IF('Standard Profiles'!$G$18=$B$10,7,0)+IF('Standard Profiles'!$G$18=$B$17,14,0)+IF('Standard Profiles'!$G$18=$B$24,21,0),0)),0)</f>
        <v>14.67930043600955</v>
      </c>
      <c r="E359" cm="1">
        <f t="array" ref="E359">IFERROR(INDEX(Jesper!AI$2:AI$366,ROUNDDOWN($C359/24,0)+1,1)*INDEX($D$3:$AA$30,INDEX(Jesper!$R$2:$R$366,ROW(INDEX(Jesper!AI$2:AI$366,ROUNDDOWN($C359/24,0)+1,1))-1)+IF('Standard Profiles'!$G$19=$B$10,7,0)+IF('Standard Profiles'!$G$19=$B$17,14,0)+IF('Standard Profiles'!$G$19=$B$24,21,0),MOD($C359,24)+1)/SUM(INDEX($D$3:$AA$30,INDEX(Jesper!$R$2:$R$366,ROW(INDEX(Jesper!AI$2:AI$366,ROUNDDOWN($C359/24,0)+1,1))-1)+IF('Standard Profiles'!$G$19=$B$10,7,0)+IF('Standard Profiles'!$G$19=$B$17,14,0)+IF('Standard Profiles'!$G$19=$B$24,21,0),0)),0)</f>
        <v>3.3825360155925517</v>
      </c>
      <c r="F359" cm="1">
        <f t="array" ref="F359">IFERROR(INDEX(Jesper!AJ$2:AJ$366,ROUNDDOWN($C359/24,0)+1,1)*INDEX($D$3:$AA$30,INDEX(Jesper!$R$2:$R$366,ROW(INDEX(Jesper!AJ$2:AJ$366,ROUNDDOWN($C359/24,0)+1,1))-1)+IF('Standard Profiles'!$G$20=$B$10,7,0)+IF('Standard Profiles'!$G$20=$B$17,14,0)+IF('Standard Profiles'!$G$20=$B$24,21,0),MOD($C359,24)+1)/SUM(INDEX($D$3:$AA$30,INDEX(Jesper!$R$2:$R$366,ROW(INDEX(Jesper!AJ$2:AJ$366,ROUNDDOWN($C359/24,0)+1,1))-1)+IF('Standard Profiles'!$G$20=$B$10,7,0)+IF('Standard Profiles'!$G$20=$B$17,14,0)+IF('Standard Profiles'!$G$20=$B$24,21,0),0)),0)</f>
        <v>0</v>
      </c>
      <c r="G359" cm="1">
        <f t="array" ref="G359">IFERROR(INDEX(Jesper!AK$2:AK$366,ROUNDDOWN($C359/24,0)+1,1)*INDEX($D$3:$AA$30,INDEX(Jesper!$R$2:$R$366,ROW(INDEX(Jesper!AK$2:AK$366,ROUNDDOWN($C359/24,0)+1,1))-1)+IF('Standard Profiles'!$G$21=$B$10,7,0)+IF('Standard Profiles'!$G$21=$B$17,14,0)+IF('Standard Profiles'!$G$21=$B$24,21,0),MOD($C359,24)+1)/SUM(INDEX($D$3:$AA$30,INDEX(Jesper!$R$2:$R$366,ROW(INDEX(Jesper!AK$2:AK$366,ROUNDDOWN($C359/24,0)+1,1))-1)+IF('Standard Profiles'!$G$21=$B$10,7,0)+IF('Standard Profiles'!$G$21=$B$17,14,0)+IF('Standard Profiles'!$G$21=$B$24,21,0),0)),0)</f>
        <v>0</v>
      </c>
      <c r="H359" cm="1">
        <f t="array" ref="H359">IFERROR(INDEX(Jesper!AL$2:AL$366,ROUNDDOWN($C359/24,0)+1,1)*INDEX($D$3:$AA$30,INDEX(Jesper!$R$2:$R$366,ROW(INDEX(Jesper!AL$2:AL$366,ROUNDDOWN($C359/24,0)+1,1))-1)+IF('Standard Profiles'!$G$22=$B$10,7,0)+IF('Standard Profiles'!$G$22=$B$17,14,0)+IF('Standard Profiles'!$G$22=$B$24,21,0),MOD($C359,24)+1)/SUM(INDEX($D$3:$AA$30,INDEX(Jesper!$R$2:$R$366,ROW(INDEX(Jesper!AL$2:AL$366,ROUNDDOWN($C359/24,0)+1,1))-1)+IF('Standard Profiles'!$G$22=$B$10,7,0)+IF('Standard Profiles'!$G$22=$B$17,14,0)+IF('Standard Profiles'!$G$22=$B$24,21,0),0)),0)</f>
        <v>0</v>
      </c>
      <c r="I359">
        <f t="shared" si="55"/>
        <v>0.30473297437770741</v>
      </c>
      <c r="J359">
        <f t="shared" si="56"/>
        <v>1.0157765812590249</v>
      </c>
      <c r="K359">
        <f t="shared" si="57"/>
        <v>1.5236648718885373</v>
      </c>
      <c r="L359">
        <f t="shared" si="58"/>
        <v>15.217662024076832</v>
      </c>
      <c r="M359">
        <f t="shared" si="59"/>
        <v>0</v>
      </c>
      <c r="N359" s="46">
        <f t="shared" si="60"/>
        <v>45305.541666665878</v>
      </c>
    </row>
    <row r="360" spans="2:14" x14ac:dyDescent="0.3">
      <c r="B360">
        <f t="shared" si="54"/>
        <v>7</v>
      </c>
      <c r="C360" s="16">
        <v>326</v>
      </c>
      <c r="D360" cm="1">
        <f t="array" ref="D360">IFERROR(INDEX(Jesper!AH$2:AH$366,ROUNDDOWN($C360/24,0)+1,1)*INDEX($D$3:$AA$30,INDEX(Jesper!$R$2:$R$366,ROW(INDEX(Jesper!AH$2:AH$366,ROUNDDOWN($C360/24,0)+1,1))-1)+IF('Standard Profiles'!$G$18=$B$10,7,0)+IF('Standard Profiles'!$G$18=$B$17,14,0)+IF('Standard Profiles'!$G$18=$B$24,21,0),MOD($C360,24)+1)/SUM(INDEX($D$3:$AA$30,INDEX(Jesper!$R$2:$R$366,ROW(INDEX(Jesper!AH$2:AH$366,ROUNDDOWN($C360/24,0)+1,1))-1)+IF('Standard Profiles'!$G$18=$B$10,7,0)+IF('Standard Profiles'!$G$18=$B$17,14,0)+IF('Standard Profiles'!$G$18=$B$24,21,0),0)),0)</f>
        <v>14.67930043600955</v>
      </c>
      <c r="E360" cm="1">
        <f t="array" ref="E360">IFERROR(INDEX(Jesper!AI$2:AI$366,ROUNDDOWN($C360/24,0)+1,1)*INDEX($D$3:$AA$30,INDEX(Jesper!$R$2:$R$366,ROW(INDEX(Jesper!AI$2:AI$366,ROUNDDOWN($C360/24,0)+1,1))-1)+IF('Standard Profiles'!$G$19=$B$10,7,0)+IF('Standard Profiles'!$G$19=$B$17,14,0)+IF('Standard Profiles'!$G$19=$B$24,21,0),MOD($C360,24)+1)/SUM(INDEX($D$3:$AA$30,INDEX(Jesper!$R$2:$R$366,ROW(INDEX(Jesper!AI$2:AI$366,ROUNDDOWN($C360/24,0)+1,1))-1)+IF('Standard Profiles'!$G$19=$B$10,7,0)+IF('Standard Profiles'!$G$19=$B$17,14,0)+IF('Standard Profiles'!$G$19=$B$24,21,0),0)),0)</f>
        <v>3.3825360155925517</v>
      </c>
      <c r="F360" cm="1">
        <f t="array" ref="F360">IFERROR(INDEX(Jesper!AJ$2:AJ$366,ROUNDDOWN($C360/24,0)+1,1)*INDEX($D$3:$AA$30,INDEX(Jesper!$R$2:$R$366,ROW(INDEX(Jesper!AJ$2:AJ$366,ROUNDDOWN($C360/24,0)+1,1))-1)+IF('Standard Profiles'!$G$20=$B$10,7,0)+IF('Standard Profiles'!$G$20=$B$17,14,0)+IF('Standard Profiles'!$G$20=$B$24,21,0),MOD($C360,24)+1)/SUM(INDEX($D$3:$AA$30,INDEX(Jesper!$R$2:$R$366,ROW(INDEX(Jesper!AJ$2:AJ$366,ROUNDDOWN($C360/24,0)+1,1))-1)+IF('Standard Profiles'!$G$20=$B$10,7,0)+IF('Standard Profiles'!$G$20=$B$17,14,0)+IF('Standard Profiles'!$G$20=$B$24,21,0),0)),0)</f>
        <v>0</v>
      </c>
      <c r="G360" cm="1">
        <f t="array" ref="G360">IFERROR(INDEX(Jesper!AK$2:AK$366,ROUNDDOWN($C360/24,0)+1,1)*INDEX($D$3:$AA$30,INDEX(Jesper!$R$2:$R$366,ROW(INDEX(Jesper!AK$2:AK$366,ROUNDDOWN($C360/24,0)+1,1))-1)+IF('Standard Profiles'!$G$21=$B$10,7,0)+IF('Standard Profiles'!$G$21=$B$17,14,0)+IF('Standard Profiles'!$G$21=$B$24,21,0),MOD($C360,24)+1)/SUM(INDEX($D$3:$AA$30,INDEX(Jesper!$R$2:$R$366,ROW(INDEX(Jesper!AK$2:AK$366,ROUNDDOWN($C360/24,0)+1,1))-1)+IF('Standard Profiles'!$G$21=$B$10,7,0)+IF('Standard Profiles'!$G$21=$B$17,14,0)+IF('Standard Profiles'!$G$21=$B$24,21,0),0)),0)</f>
        <v>0</v>
      </c>
      <c r="H360" cm="1">
        <f t="array" ref="H360">IFERROR(INDEX(Jesper!AL$2:AL$366,ROUNDDOWN($C360/24,0)+1,1)*INDEX($D$3:$AA$30,INDEX(Jesper!$R$2:$R$366,ROW(INDEX(Jesper!AL$2:AL$366,ROUNDDOWN($C360/24,0)+1,1))-1)+IF('Standard Profiles'!$G$22=$B$10,7,0)+IF('Standard Profiles'!$G$22=$B$17,14,0)+IF('Standard Profiles'!$G$22=$B$24,21,0),MOD($C360,24)+1)/SUM(INDEX($D$3:$AA$30,INDEX(Jesper!$R$2:$R$366,ROW(INDEX(Jesper!AL$2:AL$366,ROUNDDOWN($C360/24,0)+1,1))-1)+IF('Standard Profiles'!$G$22=$B$10,7,0)+IF('Standard Profiles'!$G$22=$B$17,14,0)+IF('Standard Profiles'!$G$22=$B$24,21,0),0)),0)</f>
        <v>0</v>
      </c>
      <c r="I360">
        <f t="shared" si="55"/>
        <v>0.30473297437770741</v>
      </c>
      <c r="J360">
        <f t="shared" si="56"/>
        <v>1.0157765812590249</v>
      </c>
      <c r="K360">
        <f t="shared" si="57"/>
        <v>1.5236648718885373</v>
      </c>
      <c r="L360">
        <f t="shared" si="58"/>
        <v>15.217662024076832</v>
      </c>
      <c r="M360">
        <f t="shared" si="59"/>
        <v>0</v>
      </c>
      <c r="N360" s="46">
        <f t="shared" si="60"/>
        <v>45305.583333332543</v>
      </c>
    </row>
    <row r="361" spans="2:14" x14ac:dyDescent="0.3">
      <c r="B361">
        <f t="shared" si="54"/>
        <v>7</v>
      </c>
      <c r="C361" s="16">
        <v>327</v>
      </c>
      <c r="D361" cm="1">
        <f t="array" ref="D361">IFERROR(INDEX(Jesper!AH$2:AH$366,ROUNDDOWN($C361/24,0)+1,1)*INDEX($D$3:$AA$30,INDEX(Jesper!$R$2:$R$366,ROW(INDEX(Jesper!AH$2:AH$366,ROUNDDOWN($C361/24,0)+1,1))-1)+IF('Standard Profiles'!$G$18=$B$10,7,0)+IF('Standard Profiles'!$G$18=$B$17,14,0)+IF('Standard Profiles'!$G$18=$B$24,21,0),MOD($C361,24)+1)/SUM(INDEX($D$3:$AA$30,INDEX(Jesper!$R$2:$R$366,ROW(INDEX(Jesper!AH$2:AH$366,ROUNDDOWN($C361/24,0)+1,1))-1)+IF('Standard Profiles'!$G$18=$B$10,7,0)+IF('Standard Profiles'!$G$18=$B$17,14,0)+IF('Standard Profiles'!$G$18=$B$24,21,0),0)),0)</f>
        <v>13.04826705423071</v>
      </c>
      <c r="E361" cm="1">
        <f t="array" ref="E361">IFERROR(INDEX(Jesper!AI$2:AI$366,ROUNDDOWN($C361/24,0)+1,1)*INDEX($D$3:$AA$30,INDEX(Jesper!$R$2:$R$366,ROW(INDEX(Jesper!AI$2:AI$366,ROUNDDOWN($C361/24,0)+1,1))-1)+IF('Standard Profiles'!$G$19=$B$10,7,0)+IF('Standard Profiles'!$G$19=$B$17,14,0)+IF('Standard Profiles'!$G$19=$B$24,21,0),MOD($C361,24)+1)/SUM(INDEX($D$3:$AA$30,INDEX(Jesper!$R$2:$R$366,ROW(INDEX(Jesper!AI$2:AI$366,ROUNDDOWN($C361/24,0)+1,1))-1)+IF('Standard Profiles'!$G$19=$B$10,7,0)+IF('Standard Profiles'!$G$19=$B$17,14,0)+IF('Standard Profiles'!$G$19=$B$24,21,0),0)),0)</f>
        <v>3.0066986805267124</v>
      </c>
      <c r="F361" cm="1">
        <f t="array" ref="F361">IFERROR(INDEX(Jesper!AJ$2:AJ$366,ROUNDDOWN($C361/24,0)+1,1)*INDEX($D$3:$AA$30,INDEX(Jesper!$R$2:$R$366,ROW(INDEX(Jesper!AJ$2:AJ$366,ROUNDDOWN($C361/24,0)+1,1))-1)+IF('Standard Profiles'!$G$20=$B$10,7,0)+IF('Standard Profiles'!$G$20=$B$17,14,0)+IF('Standard Profiles'!$G$20=$B$24,21,0),MOD($C361,24)+1)/SUM(INDEX($D$3:$AA$30,INDEX(Jesper!$R$2:$R$366,ROW(INDEX(Jesper!AJ$2:AJ$366,ROUNDDOWN($C361/24,0)+1,1))-1)+IF('Standard Profiles'!$G$20=$B$10,7,0)+IF('Standard Profiles'!$G$20=$B$17,14,0)+IF('Standard Profiles'!$G$20=$B$24,21,0),0)),0)</f>
        <v>0</v>
      </c>
      <c r="G361" cm="1">
        <f t="array" ref="G361">IFERROR(INDEX(Jesper!AK$2:AK$366,ROUNDDOWN($C361/24,0)+1,1)*INDEX($D$3:$AA$30,INDEX(Jesper!$R$2:$R$366,ROW(INDEX(Jesper!AK$2:AK$366,ROUNDDOWN($C361/24,0)+1,1))-1)+IF('Standard Profiles'!$G$21=$B$10,7,0)+IF('Standard Profiles'!$G$21=$B$17,14,0)+IF('Standard Profiles'!$G$21=$B$24,21,0),MOD($C361,24)+1)/SUM(INDEX($D$3:$AA$30,INDEX(Jesper!$R$2:$R$366,ROW(INDEX(Jesper!AK$2:AK$366,ROUNDDOWN($C361/24,0)+1,1))-1)+IF('Standard Profiles'!$G$21=$B$10,7,0)+IF('Standard Profiles'!$G$21=$B$17,14,0)+IF('Standard Profiles'!$G$21=$B$24,21,0),0)),0)</f>
        <v>0</v>
      </c>
      <c r="H361" cm="1">
        <f t="array" ref="H361">IFERROR(INDEX(Jesper!AL$2:AL$366,ROUNDDOWN($C361/24,0)+1,1)*INDEX($D$3:$AA$30,INDEX(Jesper!$R$2:$R$366,ROW(INDEX(Jesper!AL$2:AL$366,ROUNDDOWN($C361/24,0)+1,1))-1)+IF('Standard Profiles'!$G$22=$B$10,7,0)+IF('Standard Profiles'!$G$22=$B$17,14,0)+IF('Standard Profiles'!$G$22=$B$24,21,0),MOD($C361,24)+1)/SUM(INDEX($D$3:$AA$30,INDEX(Jesper!$R$2:$R$366,ROW(INDEX(Jesper!AL$2:AL$366,ROUNDDOWN($C361/24,0)+1,1))-1)+IF('Standard Profiles'!$G$22=$B$10,7,0)+IF('Standard Profiles'!$G$22=$B$17,14,0)+IF('Standard Profiles'!$G$22=$B$24,21,0),0)),0)</f>
        <v>0</v>
      </c>
      <c r="I361">
        <f t="shared" si="55"/>
        <v>0.27087375500240657</v>
      </c>
      <c r="J361">
        <f t="shared" si="56"/>
        <v>0.90291251667468875</v>
      </c>
      <c r="K361">
        <f t="shared" si="57"/>
        <v>1.3543687750120332</v>
      </c>
      <c r="L361">
        <f t="shared" si="58"/>
        <v>13.526810688068293</v>
      </c>
      <c r="M361">
        <f t="shared" si="59"/>
        <v>0</v>
      </c>
      <c r="N361" s="46">
        <f t="shared" si="60"/>
        <v>45305.624999999207</v>
      </c>
    </row>
    <row r="362" spans="2:14" x14ac:dyDescent="0.3">
      <c r="B362">
        <f t="shared" si="54"/>
        <v>7</v>
      </c>
      <c r="C362" s="16">
        <v>328</v>
      </c>
      <c r="D362" cm="1">
        <f t="array" ref="D362">IFERROR(INDEX(Jesper!AH$2:AH$366,ROUNDDOWN($C362/24,0)+1,1)*INDEX($D$3:$AA$30,INDEX(Jesper!$R$2:$R$366,ROW(INDEX(Jesper!AH$2:AH$366,ROUNDDOWN($C362/24,0)+1,1))-1)+IF('Standard Profiles'!$G$18=$B$10,7,0)+IF('Standard Profiles'!$G$18=$B$17,14,0)+IF('Standard Profiles'!$G$18=$B$24,21,0),MOD($C362,24)+1)/SUM(INDEX($D$3:$AA$30,INDEX(Jesper!$R$2:$R$366,ROW(INDEX(Jesper!AH$2:AH$366,ROUNDDOWN($C362/24,0)+1,1))-1)+IF('Standard Profiles'!$G$18=$B$10,7,0)+IF('Standard Profiles'!$G$18=$B$17,14,0)+IF('Standard Profiles'!$G$18=$B$24,21,0),0)),0)</f>
        <v>12.815262285405161</v>
      </c>
      <c r="E362" cm="1">
        <f t="array" ref="E362">IFERROR(INDEX(Jesper!AI$2:AI$366,ROUNDDOWN($C362/24,0)+1,1)*INDEX($D$3:$AA$30,INDEX(Jesper!$R$2:$R$366,ROW(INDEX(Jesper!AI$2:AI$366,ROUNDDOWN($C362/24,0)+1,1))-1)+IF('Standard Profiles'!$G$19=$B$10,7,0)+IF('Standard Profiles'!$G$19=$B$17,14,0)+IF('Standard Profiles'!$G$19=$B$24,21,0),MOD($C362,24)+1)/SUM(INDEX($D$3:$AA$30,INDEX(Jesper!$R$2:$R$366,ROW(INDEX(Jesper!AI$2:AI$366,ROUNDDOWN($C362/24,0)+1,1))-1)+IF('Standard Profiles'!$G$19=$B$10,7,0)+IF('Standard Profiles'!$G$19=$B$17,14,0)+IF('Standard Profiles'!$G$19=$B$24,21,0),0)),0)</f>
        <v>2.9530076326601638</v>
      </c>
      <c r="F362" cm="1">
        <f t="array" ref="F362">IFERROR(INDEX(Jesper!AJ$2:AJ$366,ROUNDDOWN($C362/24,0)+1,1)*INDEX($D$3:$AA$30,INDEX(Jesper!$R$2:$R$366,ROW(INDEX(Jesper!AJ$2:AJ$366,ROUNDDOWN($C362/24,0)+1,1))-1)+IF('Standard Profiles'!$G$20=$B$10,7,0)+IF('Standard Profiles'!$G$20=$B$17,14,0)+IF('Standard Profiles'!$G$20=$B$24,21,0),MOD($C362,24)+1)/SUM(INDEX($D$3:$AA$30,INDEX(Jesper!$R$2:$R$366,ROW(INDEX(Jesper!AJ$2:AJ$366,ROUNDDOWN($C362/24,0)+1,1))-1)+IF('Standard Profiles'!$G$20=$B$10,7,0)+IF('Standard Profiles'!$G$20=$B$17,14,0)+IF('Standard Profiles'!$G$20=$B$24,21,0),0)),0)</f>
        <v>0</v>
      </c>
      <c r="G362" cm="1">
        <f t="array" ref="G362">IFERROR(INDEX(Jesper!AK$2:AK$366,ROUNDDOWN($C362/24,0)+1,1)*INDEX($D$3:$AA$30,INDEX(Jesper!$R$2:$R$366,ROW(INDEX(Jesper!AK$2:AK$366,ROUNDDOWN($C362/24,0)+1,1))-1)+IF('Standard Profiles'!$G$21=$B$10,7,0)+IF('Standard Profiles'!$G$21=$B$17,14,0)+IF('Standard Profiles'!$G$21=$B$24,21,0),MOD($C362,24)+1)/SUM(INDEX($D$3:$AA$30,INDEX(Jesper!$R$2:$R$366,ROW(INDEX(Jesper!AK$2:AK$366,ROUNDDOWN($C362/24,0)+1,1))-1)+IF('Standard Profiles'!$G$21=$B$10,7,0)+IF('Standard Profiles'!$G$21=$B$17,14,0)+IF('Standard Profiles'!$G$21=$B$24,21,0),0)),0)</f>
        <v>0</v>
      </c>
      <c r="H362" cm="1">
        <f t="array" ref="H362">IFERROR(INDEX(Jesper!AL$2:AL$366,ROUNDDOWN($C362/24,0)+1,1)*INDEX($D$3:$AA$30,INDEX(Jesper!$R$2:$R$366,ROW(INDEX(Jesper!AL$2:AL$366,ROUNDDOWN($C362/24,0)+1,1))-1)+IF('Standard Profiles'!$G$22=$B$10,7,0)+IF('Standard Profiles'!$G$22=$B$17,14,0)+IF('Standard Profiles'!$G$22=$B$24,21,0),MOD($C362,24)+1)/SUM(INDEX($D$3:$AA$30,INDEX(Jesper!$R$2:$R$366,ROW(INDEX(Jesper!AL$2:AL$366,ROUNDDOWN($C362/24,0)+1,1))-1)+IF('Standard Profiles'!$G$22=$B$10,7,0)+IF('Standard Profiles'!$G$22=$B$17,14,0)+IF('Standard Profiles'!$G$22=$B$24,21,0),0)),0)</f>
        <v>0</v>
      </c>
      <c r="I362">
        <f t="shared" si="55"/>
        <v>0.2660367236630779</v>
      </c>
      <c r="J362">
        <f t="shared" si="56"/>
        <v>0.88678907887692637</v>
      </c>
      <c r="K362">
        <f t="shared" si="57"/>
        <v>1.3301836183153897</v>
      </c>
      <c r="L362">
        <f t="shared" si="58"/>
        <v>13.285260497209931</v>
      </c>
      <c r="M362">
        <f t="shared" si="59"/>
        <v>0</v>
      </c>
      <c r="N362" s="46">
        <f t="shared" si="60"/>
        <v>45305.666666665871</v>
      </c>
    </row>
    <row r="363" spans="2:14" x14ac:dyDescent="0.3">
      <c r="B363">
        <f t="shared" si="54"/>
        <v>7</v>
      </c>
      <c r="C363" s="16">
        <v>329</v>
      </c>
      <c r="D363" cm="1">
        <f t="array" ref="D363">IFERROR(INDEX(Jesper!AH$2:AH$366,ROUNDDOWN($C363/24,0)+1,1)*INDEX($D$3:$AA$30,INDEX(Jesper!$R$2:$R$366,ROW(INDEX(Jesper!AH$2:AH$366,ROUNDDOWN($C363/24,0)+1,1))-1)+IF('Standard Profiles'!$G$18=$B$10,7,0)+IF('Standard Profiles'!$G$18=$B$17,14,0)+IF('Standard Profiles'!$G$18=$B$24,21,0),MOD($C363,24)+1)/SUM(INDEX($D$3:$AA$30,INDEX(Jesper!$R$2:$R$366,ROW(INDEX(Jesper!AH$2:AH$366,ROUNDDOWN($C363/24,0)+1,1))-1)+IF('Standard Profiles'!$G$18=$B$10,7,0)+IF('Standard Profiles'!$G$18=$B$17,14,0)+IF('Standard Profiles'!$G$18=$B$24,21,0),0)),0)</f>
        <v>10.951224134800775</v>
      </c>
      <c r="E363" cm="1">
        <f t="array" ref="E363">IFERROR(INDEX(Jesper!AI$2:AI$366,ROUNDDOWN($C363/24,0)+1,1)*INDEX($D$3:$AA$30,INDEX(Jesper!$R$2:$R$366,ROW(INDEX(Jesper!AI$2:AI$366,ROUNDDOWN($C363/24,0)+1,1))-1)+IF('Standard Profiles'!$G$19=$B$10,7,0)+IF('Standard Profiles'!$G$19=$B$17,14,0)+IF('Standard Profiles'!$G$19=$B$24,21,0),MOD($C363,24)+1)/SUM(INDEX($D$3:$AA$30,INDEX(Jesper!$R$2:$R$366,ROW(INDEX(Jesper!AI$2:AI$366,ROUNDDOWN($C363/24,0)+1,1))-1)+IF('Standard Profiles'!$G$19=$B$10,7,0)+IF('Standard Profiles'!$G$19=$B$17,14,0)+IF('Standard Profiles'!$G$19=$B$24,21,0),0)),0)</f>
        <v>2.5234792497277767</v>
      </c>
      <c r="F363" cm="1">
        <f t="array" ref="F363">IFERROR(INDEX(Jesper!AJ$2:AJ$366,ROUNDDOWN($C363/24,0)+1,1)*INDEX($D$3:$AA$30,INDEX(Jesper!$R$2:$R$366,ROW(INDEX(Jesper!AJ$2:AJ$366,ROUNDDOWN($C363/24,0)+1,1))-1)+IF('Standard Profiles'!$G$20=$B$10,7,0)+IF('Standard Profiles'!$G$20=$B$17,14,0)+IF('Standard Profiles'!$G$20=$B$24,21,0),MOD($C363,24)+1)/SUM(INDEX($D$3:$AA$30,INDEX(Jesper!$R$2:$R$366,ROW(INDEX(Jesper!AJ$2:AJ$366,ROUNDDOWN($C363/24,0)+1,1))-1)+IF('Standard Profiles'!$G$20=$B$10,7,0)+IF('Standard Profiles'!$G$20=$B$17,14,0)+IF('Standard Profiles'!$G$20=$B$24,21,0),0)),0)</f>
        <v>0</v>
      </c>
      <c r="G363" cm="1">
        <f t="array" ref="G363">IFERROR(INDEX(Jesper!AK$2:AK$366,ROUNDDOWN($C363/24,0)+1,1)*INDEX($D$3:$AA$30,INDEX(Jesper!$R$2:$R$366,ROW(INDEX(Jesper!AK$2:AK$366,ROUNDDOWN($C363/24,0)+1,1))-1)+IF('Standard Profiles'!$G$21=$B$10,7,0)+IF('Standard Profiles'!$G$21=$B$17,14,0)+IF('Standard Profiles'!$G$21=$B$24,21,0),MOD($C363,24)+1)/SUM(INDEX($D$3:$AA$30,INDEX(Jesper!$R$2:$R$366,ROW(INDEX(Jesper!AK$2:AK$366,ROUNDDOWN($C363/24,0)+1,1))-1)+IF('Standard Profiles'!$G$21=$B$10,7,0)+IF('Standard Profiles'!$G$21=$B$17,14,0)+IF('Standard Profiles'!$G$21=$B$24,21,0),0)),0)</f>
        <v>0</v>
      </c>
      <c r="H363" cm="1">
        <f t="array" ref="H363">IFERROR(INDEX(Jesper!AL$2:AL$366,ROUNDDOWN($C363/24,0)+1,1)*INDEX($D$3:$AA$30,INDEX(Jesper!$R$2:$R$366,ROW(INDEX(Jesper!AL$2:AL$366,ROUNDDOWN($C363/24,0)+1,1))-1)+IF('Standard Profiles'!$G$22=$B$10,7,0)+IF('Standard Profiles'!$G$22=$B$17,14,0)+IF('Standard Profiles'!$G$22=$B$24,21,0),MOD($C363,24)+1)/SUM(INDEX($D$3:$AA$30,INDEX(Jesper!$R$2:$R$366,ROW(INDEX(Jesper!AL$2:AL$366,ROUNDDOWN($C363/24,0)+1,1))-1)+IF('Standard Profiles'!$G$22=$B$10,7,0)+IF('Standard Profiles'!$G$22=$B$17,14,0)+IF('Standard Profiles'!$G$22=$B$24,21,0),0)),0)</f>
        <v>0</v>
      </c>
      <c r="I363">
        <f t="shared" si="55"/>
        <v>0.22734047294844842</v>
      </c>
      <c r="J363">
        <f t="shared" si="56"/>
        <v>0.75780157649482816</v>
      </c>
      <c r="K363">
        <f t="shared" si="57"/>
        <v>1.1367023647422423</v>
      </c>
      <c r="L363">
        <f t="shared" si="58"/>
        <v>11.352858970343034</v>
      </c>
      <c r="M363">
        <f t="shared" si="59"/>
        <v>0</v>
      </c>
      <c r="N363" s="46">
        <f t="shared" si="60"/>
        <v>45305.708333332535</v>
      </c>
    </row>
    <row r="364" spans="2:14" x14ac:dyDescent="0.3">
      <c r="B364">
        <f t="shared" si="54"/>
        <v>7</v>
      </c>
      <c r="C364" s="16">
        <v>330</v>
      </c>
      <c r="D364" cm="1">
        <f t="array" ref="D364">IFERROR(INDEX(Jesper!AH$2:AH$366,ROUNDDOWN($C364/24,0)+1,1)*INDEX($D$3:$AA$30,INDEX(Jesper!$R$2:$R$366,ROW(INDEX(Jesper!AH$2:AH$366,ROUNDDOWN($C364/24,0)+1,1))-1)+IF('Standard Profiles'!$G$18=$B$10,7,0)+IF('Standard Profiles'!$G$18=$B$17,14,0)+IF('Standard Profiles'!$G$18=$B$24,21,0),MOD($C364,24)+1)/SUM(INDEX($D$3:$AA$30,INDEX(Jesper!$R$2:$R$366,ROW(INDEX(Jesper!AH$2:AH$366,ROUNDDOWN($C364/24,0)+1,1))-1)+IF('Standard Profiles'!$G$18=$B$10,7,0)+IF('Standard Profiles'!$G$18=$B$17,14,0)+IF('Standard Profiles'!$G$18=$B$24,21,0),0)),0)</f>
        <v>10.252209828324132</v>
      </c>
      <c r="E364" cm="1">
        <f t="array" ref="E364">IFERROR(INDEX(Jesper!AI$2:AI$366,ROUNDDOWN($C364/24,0)+1,1)*INDEX($D$3:$AA$30,INDEX(Jesper!$R$2:$R$366,ROW(INDEX(Jesper!AI$2:AI$366,ROUNDDOWN($C364/24,0)+1,1))-1)+IF('Standard Profiles'!$G$19=$B$10,7,0)+IF('Standard Profiles'!$G$19=$B$17,14,0)+IF('Standard Profiles'!$G$19=$B$24,21,0),MOD($C364,24)+1)/SUM(INDEX($D$3:$AA$30,INDEX(Jesper!$R$2:$R$366,ROW(INDEX(Jesper!AI$2:AI$366,ROUNDDOWN($C364/24,0)+1,1))-1)+IF('Standard Profiles'!$G$19=$B$10,7,0)+IF('Standard Profiles'!$G$19=$B$17,14,0)+IF('Standard Profiles'!$G$19=$B$24,21,0),0)),0)</f>
        <v>2.3624061061281312</v>
      </c>
      <c r="F364" cm="1">
        <f t="array" ref="F364">IFERROR(INDEX(Jesper!AJ$2:AJ$366,ROUNDDOWN($C364/24,0)+1,1)*INDEX($D$3:$AA$30,INDEX(Jesper!$R$2:$R$366,ROW(INDEX(Jesper!AJ$2:AJ$366,ROUNDDOWN($C364/24,0)+1,1))-1)+IF('Standard Profiles'!$G$20=$B$10,7,0)+IF('Standard Profiles'!$G$20=$B$17,14,0)+IF('Standard Profiles'!$G$20=$B$24,21,0),MOD($C364,24)+1)/SUM(INDEX($D$3:$AA$30,INDEX(Jesper!$R$2:$R$366,ROW(INDEX(Jesper!AJ$2:AJ$366,ROUNDDOWN($C364/24,0)+1,1))-1)+IF('Standard Profiles'!$G$20=$B$10,7,0)+IF('Standard Profiles'!$G$20=$B$17,14,0)+IF('Standard Profiles'!$G$20=$B$24,21,0),0)),0)</f>
        <v>0</v>
      </c>
      <c r="G364" cm="1">
        <f t="array" ref="G364">IFERROR(INDEX(Jesper!AK$2:AK$366,ROUNDDOWN($C364/24,0)+1,1)*INDEX($D$3:$AA$30,INDEX(Jesper!$R$2:$R$366,ROW(INDEX(Jesper!AK$2:AK$366,ROUNDDOWN($C364/24,0)+1,1))-1)+IF('Standard Profiles'!$G$21=$B$10,7,0)+IF('Standard Profiles'!$G$21=$B$17,14,0)+IF('Standard Profiles'!$G$21=$B$24,21,0),MOD($C364,24)+1)/SUM(INDEX($D$3:$AA$30,INDEX(Jesper!$R$2:$R$366,ROW(INDEX(Jesper!AK$2:AK$366,ROUNDDOWN($C364/24,0)+1,1))-1)+IF('Standard Profiles'!$G$21=$B$10,7,0)+IF('Standard Profiles'!$G$21=$B$17,14,0)+IF('Standard Profiles'!$G$21=$B$24,21,0),0)),0)</f>
        <v>0</v>
      </c>
      <c r="H364" cm="1">
        <f t="array" ref="H364">IFERROR(INDEX(Jesper!AL$2:AL$366,ROUNDDOWN($C364/24,0)+1,1)*INDEX($D$3:$AA$30,INDEX(Jesper!$R$2:$R$366,ROW(INDEX(Jesper!AL$2:AL$366,ROUNDDOWN($C364/24,0)+1,1))-1)+IF('Standard Profiles'!$G$22=$B$10,7,0)+IF('Standard Profiles'!$G$22=$B$17,14,0)+IF('Standard Profiles'!$G$22=$B$24,21,0),MOD($C364,24)+1)/SUM(INDEX($D$3:$AA$30,INDEX(Jesper!$R$2:$R$366,ROW(INDEX(Jesper!AL$2:AL$366,ROUNDDOWN($C364/24,0)+1,1))-1)+IF('Standard Profiles'!$G$22=$B$10,7,0)+IF('Standard Profiles'!$G$22=$B$17,14,0)+IF('Standard Profiles'!$G$22=$B$24,21,0),0)),0)</f>
        <v>0</v>
      </c>
      <c r="I364">
        <f t="shared" si="55"/>
        <v>0.21282937893046233</v>
      </c>
      <c r="J364">
        <f t="shared" si="56"/>
        <v>0.70943126310154114</v>
      </c>
      <c r="K364">
        <f t="shared" si="57"/>
        <v>1.0641468946523118</v>
      </c>
      <c r="L364">
        <f t="shared" si="58"/>
        <v>10.628208397767947</v>
      </c>
      <c r="M364">
        <f t="shared" si="59"/>
        <v>0</v>
      </c>
      <c r="N364" s="46">
        <f t="shared" si="60"/>
        <v>45305.7499999992</v>
      </c>
    </row>
    <row r="365" spans="2:14" x14ac:dyDescent="0.3">
      <c r="B365">
        <f t="shared" si="54"/>
        <v>7</v>
      </c>
      <c r="C365" s="16">
        <v>331</v>
      </c>
      <c r="D365" cm="1">
        <f t="array" ref="D365">IFERROR(INDEX(Jesper!AH$2:AH$366,ROUNDDOWN($C365/24,0)+1,1)*INDEX($D$3:$AA$30,INDEX(Jesper!$R$2:$R$366,ROW(INDEX(Jesper!AH$2:AH$366,ROUNDDOWN($C365/24,0)+1,1))-1)+IF('Standard Profiles'!$G$18=$B$10,7,0)+IF('Standard Profiles'!$G$18=$B$17,14,0)+IF('Standard Profiles'!$G$18=$B$24,21,0),MOD($C365,24)+1)/SUM(INDEX($D$3:$AA$30,INDEX(Jesper!$R$2:$R$366,ROW(INDEX(Jesper!AH$2:AH$366,ROUNDDOWN($C365/24,0)+1,1))-1)+IF('Standard Profiles'!$G$18=$B$10,7,0)+IF('Standard Profiles'!$G$18=$B$17,14,0)+IF('Standard Profiles'!$G$18=$B$24,21,0),0)),0)</f>
        <v>8.6211764465452916</v>
      </c>
      <c r="E365" cm="1">
        <f t="array" ref="E365">IFERROR(INDEX(Jesper!AI$2:AI$366,ROUNDDOWN($C365/24,0)+1,1)*INDEX($D$3:$AA$30,INDEX(Jesper!$R$2:$R$366,ROW(INDEX(Jesper!AI$2:AI$366,ROUNDDOWN($C365/24,0)+1,1))-1)+IF('Standard Profiles'!$G$19=$B$10,7,0)+IF('Standard Profiles'!$G$19=$B$17,14,0)+IF('Standard Profiles'!$G$19=$B$24,21,0),MOD($C365,24)+1)/SUM(INDEX($D$3:$AA$30,INDEX(Jesper!$R$2:$R$366,ROW(INDEX(Jesper!AI$2:AI$366,ROUNDDOWN($C365/24,0)+1,1))-1)+IF('Standard Profiles'!$G$19=$B$10,7,0)+IF('Standard Profiles'!$G$19=$B$17,14,0)+IF('Standard Profiles'!$G$19=$B$24,21,0),0)),0)</f>
        <v>1.9865687710622923</v>
      </c>
      <c r="F365" cm="1">
        <f t="array" ref="F365">IFERROR(INDEX(Jesper!AJ$2:AJ$366,ROUNDDOWN($C365/24,0)+1,1)*INDEX($D$3:$AA$30,INDEX(Jesper!$R$2:$R$366,ROW(INDEX(Jesper!AJ$2:AJ$366,ROUNDDOWN($C365/24,0)+1,1))-1)+IF('Standard Profiles'!$G$20=$B$10,7,0)+IF('Standard Profiles'!$G$20=$B$17,14,0)+IF('Standard Profiles'!$G$20=$B$24,21,0),MOD($C365,24)+1)/SUM(INDEX($D$3:$AA$30,INDEX(Jesper!$R$2:$R$366,ROW(INDEX(Jesper!AJ$2:AJ$366,ROUNDDOWN($C365/24,0)+1,1))-1)+IF('Standard Profiles'!$G$20=$B$10,7,0)+IF('Standard Profiles'!$G$20=$B$17,14,0)+IF('Standard Profiles'!$G$20=$B$24,21,0),0)),0)</f>
        <v>0</v>
      </c>
      <c r="G365" cm="1">
        <f t="array" ref="G365">IFERROR(INDEX(Jesper!AK$2:AK$366,ROUNDDOWN($C365/24,0)+1,1)*INDEX($D$3:$AA$30,INDEX(Jesper!$R$2:$R$366,ROW(INDEX(Jesper!AK$2:AK$366,ROUNDDOWN($C365/24,0)+1,1))-1)+IF('Standard Profiles'!$G$21=$B$10,7,0)+IF('Standard Profiles'!$G$21=$B$17,14,0)+IF('Standard Profiles'!$G$21=$B$24,21,0),MOD($C365,24)+1)/SUM(INDEX($D$3:$AA$30,INDEX(Jesper!$R$2:$R$366,ROW(INDEX(Jesper!AK$2:AK$366,ROUNDDOWN($C365/24,0)+1,1))-1)+IF('Standard Profiles'!$G$21=$B$10,7,0)+IF('Standard Profiles'!$G$21=$B$17,14,0)+IF('Standard Profiles'!$G$21=$B$24,21,0),0)),0)</f>
        <v>0</v>
      </c>
      <c r="H365" cm="1">
        <f t="array" ref="H365">IFERROR(INDEX(Jesper!AL$2:AL$366,ROUNDDOWN($C365/24,0)+1,1)*INDEX($D$3:$AA$30,INDEX(Jesper!$R$2:$R$366,ROW(INDEX(Jesper!AL$2:AL$366,ROUNDDOWN($C365/24,0)+1,1))-1)+IF('Standard Profiles'!$G$22=$B$10,7,0)+IF('Standard Profiles'!$G$22=$B$17,14,0)+IF('Standard Profiles'!$G$22=$B$24,21,0),MOD($C365,24)+1)/SUM(INDEX($D$3:$AA$30,INDEX(Jesper!$R$2:$R$366,ROW(INDEX(Jesper!AL$2:AL$366,ROUNDDOWN($C365/24,0)+1,1))-1)+IF('Standard Profiles'!$G$22=$B$10,7,0)+IF('Standard Profiles'!$G$22=$B$17,14,0)+IF('Standard Profiles'!$G$22=$B$24,21,0),0)),0)</f>
        <v>0</v>
      </c>
      <c r="I365">
        <f t="shared" si="55"/>
        <v>0.17897015955516152</v>
      </c>
      <c r="J365">
        <f t="shared" si="56"/>
        <v>0.59656719851720519</v>
      </c>
      <c r="K365">
        <f t="shared" si="57"/>
        <v>0.89485079777580767</v>
      </c>
      <c r="L365">
        <f t="shared" si="58"/>
        <v>8.9373570617594105</v>
      </c>
      <c r="M365">
        <f t="shared" si="59"/>
        <v>0</v>
      </c>
      <c r="N365" s="46">
        <f t="shared" si="60"/>
        <v>45305.791666665864</v>
      </c>
    </row>
    <row r="366" spans="2:14" x14ac:dyDescent="0.3">
      <c r="B366">
        <f t="shared" si="54"/>
        <v>7</v>
      </c>
      <c r="C366" s="16">
        <v>332</v>
      </c>
      <c r="D366" cm="1">
        <f t="array" ref="D366">IFERROR(INDEX(Jesper!AH$2:AH$366,ROUNDDOWN($C366/24,0)+1,1)*INDEX($D$3:$AA$30,INDEX(Jesper!$R$2:$R$366,ROW(INDEX(Jesper!AH$2:AH$366,ROUNDDOWN($C366/24,0)+1,1))-1)+IF('Standard Profiles'!$G$18=$B$10,7,0)+IF('Standard Profiles'!$G$18=$B$17,14,0)+IF('Standard Profiles'!$G$18=$B$24,21,0),MOD($C366,24)+1)/SUM(INDEX($D$3:$AA$30,INDEX(Jesper!$R$2:$R$366,ROW(INDEX(Jesper!AH$2:AH$366,ROUNDDOWN($C366/24,0)+1,1))-1)+IF('Standard Profiles'!$G$18=$B$10,7,0)+IF('Standard Profiles'!$G$18=$B$17,14,0)+IF('Standard Profiles'!$G$18=$B$24,21,0),0)),0)</f>
        <v>7.2231478335919999</v>
      </c>
      <c r="E366" cm="1">
        <f t="array" ref="E366">IFERROR(INDEX(Jesper!AI$2:AI$366,ROUNDDOWN($C366/24,0)+1,1)*INDEX($D$3:$AA$30,INDEX(Jesper!$R$2:$R$366,ROW(INDEX(Jesper!AI$2:AI$366,ROUNDDOWN($C366/24,0)+1,1))-1)+IF('Standard Profiles'!$G$19=$B$10,7,0)+IF('Standard Profiles'!$G$19=$B$17,14,0)+IF('Standard Profiles'!$G$19=$B$24,21,0),MOD($C366,24)+1)/SUM(INDEX($D$3:$AA$30,INDEX(Jesper!$R$2:$R$366,ROW(INDEX(Jesper!AI$2:AI$366,ROUNDDOWN($C366/24,0)+1,1))-1)+IF('Standard Profiles'!$G$19=$B$10,7,0)+IF('Standard Profiles'!$G$19=$B$17,14,0)+IF('Standard Profiles'!$G$19=$B$24,21,0),0)),0)</f>
        <v>1.6644224838630015</v>
      </c>
      <c r="F366" cm="1">
        <f t="array" ref="F366">IFERROR(INDEX(Jesper!AJ$2:AJ$366,ROUNDDOWN($C366/24,0)+1,1)*INDEX($D$3:$AA$30,INDEX(Jesper!$R$2:$R$366,ROW(INDEX(Jesper!AJ$2:AJ$366,ROUNDDOWN($C366/24,0)+1,1))-1)+IF('Standard Profiles'!$G$20=$B$10,7,0)+IF('Standard Profiles'!$G$20=$B$17,14,0)+IF('Standard Profiles'!$G$20=$B$24,21,0),MOD($C366,24)+1)/SUM(INDEX($D$3:$AA$30,INDEX(Jesper!$R$2:$R$366,ROW(INDEX(Jesper!AJ$2:AJ$366,ROUNDDOWN($C366/24,0)+1,1))-1)+IF('Standard Profiles'!$G$20=$B$10,7,0)+IF('Standard Profiles'!$G$20=$B$17,14,0)+IF('Standard Profiles'!$G$20=$B$24,21,0),0)),0)</f>
        <v>0</v>
      </c>
      <c r="G366" cm="1">
        <f t="array" ref="G366">IFERROR(INDEX(Jesper!AK$2:AK$366,ROUNDDOWN($C366/24,0)+1,1)*INDEX($D$3:$AA$30,INDEX(Jesper!$R$2:$R$366,ROW(INDEX(Jesper!AK$2:AK$366,ROUNDDOWN($C366/24,0)+1,1))-1)+IF('Standard Profiles'!$G$21=$B$10,7,0)+IF('Standard Profiles'!$G$21=$B$17,14,0)+IF('Standard Profiles'!$G$21=$B$24,21,0),MOD($C366,24)+1)/SUM(INDEX($D$3:$AA$30,INDEX(Jesper!$R$2:$R$366,ROW(INDEX(Jesper!AK$2:AK$366,ROUNDDOWN($C366/24,0)+1,1))-1)+IF('Standard Profiles'!$G$21=$B$10,7,0)+IF('Standard Profiles'!$G$21=$B$17,14,0)+IF('Standard Profiles'!$G$21=$B$24,21,0),0)),0)</f>
        <v>0</v>
      </c>
      <c r="H366" cm="1">
        <f t="array" ref="H366">IFERROR(INDEX(Jesper!AL$2:AL$366,ROUNDDOWN($C366/24,0)+1,1)*INDEX($D$3:$AA$30,INDEX(Jesper!$R$2:$R$366,ROW(INDEX(Jesper!AL$2:AL$366,ROUNDDOWN($C366/24,0)+1,1))-1)+IF('Standard Profiles'!$G$22=$B$10,7,0)+IF('Standard Profiles'!$G$22=$B$17,14,0)+IF('Standard Profiles'!$G$22=$B$24,21,0),MOD($C366,24)+1)/SUM(INDEX($D$3:$AA$30,INDEX(Jesper!$R$2:$R$366,ROW(INDEX(Jesper!AL$2:AL$366,ROUNDDOWN($C366/24,0)+1,1))-1)+IF('Standard Profiles'!$G$22=$B$10,7,0)+IF('Standard Profiles'!$G$22=$B$17,14,0)+IF('Standard Profiles'!$G$22=$B$24,21,0),0)),0)</f>
        <v>0</v>
      </c>
      <c r="I366">
        <f t="shared" si="55"/>
        <v>0.14994797151918937</v>
      </c>
      <c r="J366">
        <f t="shared" si="56"/>
        <v>0.49982657173063127</v>
      </c>
      <c r="K366">
        <f t="shared" si="57"/>
        <v>0.74973985759594697</v>
      </c>
      <c r="L366">
        <f t="shared" si="58"/>
        <v>7.488055916609234</v>
      </c>
      <c r="M366">
        <f t="shared" si="59"/>
        <v>0</v>
      </c>
      <c r="N366" s="46">
        <f t="shared" si="60"/>
        <v>45305.833333332528</v>
      </c>
    </row>
    <row r="367" spans="2:14" x14ac:dyDescent="0.3">
      <c r="B367">
        <f t="shared" si="54"/>
        <v>7</v>
      </c>
      <c r="C367" s="16">
        <v>333</v>
      </c>
      <c r="D367" cm="1">
        <f t="array" ref="D367">IFERROR(INDEX(Jesper!AH$2:AH$366,ROUNDDOWN($C367/24,0)+1,1)*INDEX($D$3:$AA$30,INDEX(Jesper!$R$2:$R$366,ROW(INDEX(Jesper!AH$2:AH$366,ROUNDDOWN($C367/24,0)+1,1))-1)+IF('Standard Profiles'!$G$18=$B$10,7,0)+IF('Standard Profiles'!$G$18=$B$17,14,0)+IF('Standard Profiles'!$G$18=$B$24,21,0),MOD($C367,24)+1)/SUM(INDEX($D$3:$AA$30,INDEX(Jesper!$R$2:$R$366,ROW(INDEX(Jesper!AH$2:AH$366,ROUNDDOWN($C367/24,0)+1,1))-1)+IF('Standard Profiles'!$G$18=$B$10,7,0)+IF('Standard Profiles'!$G$18=$B$17,14,0)+IF('Standard Profiles'!$G$18=$B$24,21,0),0)),0)</f>
        <v>6.2911287582898074</v>
      </c>
      <c r="E367" cm="1">
        <f t="array" ref="E367">IFERROR(INDEX(Jesper!AI$2:AI$366,ROUNDDOWN($C367/24,0)+1,1)*INDEX($D$3:$AA$30,INDEX(Jesper!$R$2:$R$366,ROW(INDEX(Jesper!AI$2:AI$366,ROUNDDOWN($C367/24,0)+1,1))-1)+IF('Standard Profiles'!$G$19=$B$10,7,0)+IF('Standard Profiles'!$G$19=$B$17,14,0)+IF('Standard Profiles'!$G$19=$B$24,21,0),MOD($C367,24)+1)/SUM(INDEX($D$3:$AA$30,INDEX(Jesper!$R$2:$R$366,ROW(INDEX(Jesper!AI$2:AI$366,ROUNDDOWN($C367/24,0)+1,1))-1)+IF('Standard Profiles'!$G$19=$B$10,7,0)+IF('Standard Profiles'!$G$19=$B$17,14,0)+IF('Standard Profiles'!$G$19=$B$24,21,0),0)),0)</f>
        <v>1.449658292396808</v>
      </c>
      <c r="F367" cm="1">
        <f t="array" ref="F367">IFERROR(INDEX(Jesper!AJ$2:AJ$366,ROUNDDOWN($C367/24,0)+1,1)*INDEX($D$3:$AA$30,INDEX(Jesper!$R$2:$R$366,ROW(INDEX(Jesper!AJ$2:AJ$366,ROUNDDOWN($C367/24,0)+1,1))-1)+IF('Standard Profiles'!$G$20=$B$10,7,0)+IF('Standard Profiles'!$G$20=$B$17,14,0)+IF('Standard Profiles'!$G$20=$B$24,21,0),MOD($C367,24)+1)/SUM(INDEX($D$3:$AA$30,INDEX(Jesper!$R$2:$R$366,ROW(INDEX(Jesper!AJ$2:AJ$366,ROUNDDOWN($C367/24,0)+1,1))-1)+IF('Standard Profiles'!$G$20=$B$10,7,0)+IF('Standard Profiles'!$G$20=$B$17,14,0)+IF('Standard Profiles'!$G$20=$B$24,21,0),0)),0)</f>
        <v>0</v>
      </c>
      <c r="G367" cm="1">
        <f t="array" ref="G367">IFERROR(INDEX(Jesper!AK$2:AK$366,ROUNDDOWN($C367/24,0)+1,1)*INDEX($D$3:$AA$30,INDEX(Jesper!$R$2:$R$366,ROW(INDEX(Jesper!AK$2:AK$366,ROUNDDOWN($C367/24,0)+1,1))-1)+IF('Standard Profiles'!$G$21=$B$10,7,0)+IF('Standard Profiles'!$G$21=$B$17,14,0)+IF('Standard Profiles'!$G$21=$B$24,21,0),MOD($C367,24)+1)/SUM(INDEX($D$3:$AA$30,INDEX(Jesper!$R$2:$R$366,ROW(INDEX(Jesper!AK$2:AK$366,ROUNDDOWN($C367/24,0)+1,1))-1)+IF('Standard Profiles'!$G$21=$B$10,7,0)+IF('Standard Profiles'!$G$21=$B$17,14,0)+IF('Standard Profiles'!$G$21=$B$24,21,0),0)),0)</f>
        <v>0</v>
      </c>
      <c r="H367" cm="1">
        <f t="array" ref="H367">IFERROR(INDEX(Jesper!AL$2:AL$366,ROUNDDOWN($C367/24,0)+1,1)*INDEX($D$3:$AA$30,INDEX(Jesper!$R$2:$R$366,ROW(INDEX(Jesper!AL$2:AL$366,ROUNDDOWN($C367/24,0)+1,1))-1)+IF('Standard Profiles'!$G$22=$B$10,7,0)+IF('Standard Profiles'!$G$22=$B$17,14,0)+IF('Standard Profiles'!$G$22=$B$24,21,0),MOD($C367,24)+1)/SUM(INDEX($D$3:$AA$30,INDEX(Jesper!$R$2:$R$366,ROW(INDEX(Jesper!AL$2:AL$366,ROUNDDOWN($C367/24,0)+1,1))-1)+IF('Standard Profiles'!$G$22=$B$10,7,0)+IF('Standard Profiles'!$G$22=$B$17,14,0)+IF('Standard Profiles'!$G$22=$B$24,21,0),0)),0)</f>
        <v>0</v>
      </c>
      <c r="I367">
        <f t="shared" si="55"/>
        <v>0.13059984616187462</v>
      </c>
      <c r="J367">
        <f t="shared" si="56"/>
        <v>0.43533282053958217</v>
      </c>
      <c r="K367">
        <f t="shared" si="57"/>
        <v>0.65299923080937317</v>
      </c>
      <c r="L367">
        <f t="shared" si="58"/>
        <v>6.5218551531757853</v>
      </c>
      <c r="M367">
        <f t="shared" si="59"/>
        <v>0</v>
      </c>
      <c r="N367" s="46">
        <f t="shared" si="60"/>
        <v>45305.874999999192</v>
      </c>
    </row>
    <row r="368" spans="2:14" x14ac:dyDescent="0.3">
      <c r="B368">
        <f t="shared" si="54"/>
        <v>7</v>
      </c>
      <c r="C368" s="16">
        <v>334</v>
      </c>
      <c r="D368" cm="1">
        <f t="array" ref="D368">IFERROR(INDEX(Jesper!AH$2:AH$366,ROUNDDOWN($C368/24,0)+1,1)*INDEX($D$3:$AA$30,INDEX(Jesper!$R$2:$R$366,ROW(INDEX(Jesper!AH$2:AH$366,ROUNDDOWN($C368/24,0)+1,1))-1)+IF('Standard Profiles'!$G$18=$B$10,7,0)+IF('Standard Profiles'!$G$18=$B$17,14,0)+IF('Standard Profiles'!$G$18=$B$24,21,0),MOD($C368,24)+1)/SUM(INDEX($D$3:$AA$30,INDEX(Jesper!$R$2:$R$366,ROW(INDEX(Jesper!AH$2:AH$366,ROUNDDOWN($C368/24,0)+1,1))-1)+IF('Standard Profiles'!$G$18=$B$10,7,0)+IF('Standard Profiles'!$G$18=$B$17,14,0)+IF('Standard Profiles'!$G$18=$B$24,21,0),0)),0)</f>
        <v>6.2911287582898074</v>
      </c>
      <c r="E368" cm="1">
        <f t="array" ref="E368">IFERROR(INDEX(Jesper!AI$2:AI$366,ROUNDDOWN($C368/24,0)+1,1)*INDEX($D$3:$AA$30,INDEX(Jesper!$R$2:$R$366,ROW(INDEX(Jesper!AI$2:AI$366,ROUNDDOWN($C368/24,0)+1,1))-1)+IF('Standard Profiles'!$G$19=$B$10,7,0)+IF('Standard Profiles'!$G$19=$B$17,14,0)+IF('Standard Profiles'!$G$19=$B$24,21,0),MOD($C368,24)+1)/SUM(INDEX($D$3:$AA$30,INDEX(Jesper!$R$2:$R$366,ROW(INDEX(Jesper!AI$2:AI$366,ROUNDDOWN($C368/24,0)+1,1))-1)+IF('Standard Profiles'!$G$19=$B$10,7,0)+IF('Standard Profiles'!$G$19=$B$17,14,0)+IF('Standard Profiles'!$G$19=$B$24,21,0),0)),0)</f>
        <v>1.449658292396808</v>
      </c>
      <c r="F368" cm="1">
        <f t="array" ref="F368">IFERROR(INDEX(Jesper!AJ$2:AJ$366,ROUNDDOWN($C368/24,0)+1,1)*INDEX($D$3:$AA$30,INDEX(Jesper!$R$2:$R$366,ROW(INDEX(Jesper!AJ$2:AJ$366,ROUNDDOWN($C368/24,0)+1,1))-1)+IF('Standard Profiles'!$G$20=$B$10,7,0)+IF('Standard Profiles'!$G$20=$B$17,14,0)+IF('Standard Profiles'!$G$20=$B$24,21,0),MOD($C368,24)+1)/SUM(INDEX($D$3:$AA$30,INDEX(Jesper!$R$2:$R$366,ROW(INDEX(Jesper!AJ$2:AJ$366,ROUNDDOWN($C368/24,0)+1,1))-1)+IF('Standard Profiles'!$G$20=$B$10,7,0)+IF('Standard Profiles'!$G$20=$B$17,14,0)+IF('Standard Profiles'!$G$20=$B$24,21,0),0)),0)</f>
        <v>0</v>
      </c>
      <c r="G368" cm="1">
        <f t="array" ref="G368">IFERROR(INDEX(Jesper!AK$2:AK$366,ROUNDDOWN($C368/24,0)+1,1)*INDEX($D$3:$AA$30,INDEX(Jesper!$R$2:$R$366,ROW(INDEX(Jesper!AK$2:AK$366,ROUNDDOWN($C368/24,0)+1,1))-1)+IF('Standard Profiles'!$G$21=$B$10,7,0)+IF('Standard Profiles'!$G$21=$B$17,14,0)+IF('Standard Profiles'!$G$21=$B$24,21,0),MOD($C368,24)+1)/SUM(INDEX($D$3:$AA$30,INDEX(Jesper!$R$2:$R$366,ROW(INDEX(Jesper!AK$2:AK$366,ROUNDDOWN($C368/24,0)+1,1))-1)+IF('Standard Profiles'!$G$21=$B$10,7,0)+IF('Standard Profiles'!$G$21=$B$17,14,0)+IF('Standard Profiles'!$G$21=$B$24,21,0),0)),0)</f>
        <v>0</v>
      </c>
      <c r="H368" cm="1">
        <f t="array" ref="H368">IFERROR(INDEX(Jesper!AL$2:AL$366,ROUNDDOWN($C368/24,0)+1,1)*INDEX($D$3:$AA$30,INDEX(Jesper!$R$2:$R$366,ROW(INDEX(Jesper!AL$2:AL$366,ROUNDDOWN($C368/24,0)+1,1))-1)+IF('Standard Profiles'!$G$22=$B$10,7,0)+IF('Standard Profiles'!$G$22=$B$17,14,0)+IF('Standard Profiles'!$G$22=$B$24,21,0),MOD($C368,24)+1)/SUM(INDEX($D$3:$AA$30,INDEX(Jesper!$R$2:$R$366,ROW(INDEX(Jesper!AL$2:AL$366,ROUNDDOWN($C368/24,0)+1,1))-1)+IF('Standard Profiles'!$G$22=$B$10,7,0)+IF('Standard Profiles'!$G$22=$B$17,14,0)+IF('Standard Profiles'!$G$22=$B$24,21,0),0)),0)</f>
        <v>0</v>
      </c>
      <c r="I368">
        <f t="shared" si="55"/>
        <v>0.13059984616187462</v>
      </c>
      <c r="J368">
        <f t="shared" si="56"/>
        <v>0.43533282053958217</v>
      </c>
      <c r="K368">
        <f t="shared" si="57"/>
        <v>0.65299923080937317</v>
      </c>
      <c r="L368">
        <f t="shared" si="58"/>
        <v>6.5218551531757853</v>
      </c>
      <c r="M368">
        <f t="shared" si="59"/>
        <v>0</v>
      </c>
      <c r="N368" s="46">
        <f t="shared" si="60"/>
        <v>45305.916666665857</v>
      </c>
    </row>
    <row r="369" spans="2:14" x14ac:dyDescent="0.3">
      <c r="B369">
        <f t="shared" si="54"/>
        <v>7</v>
      </c>
      <c r="C369" s="16">
        <v>335</v>
      </c>
      <c r="D369" cm="1">
        <f t="array" ref="D369">IFERROR(INDEX(Jesper!AH$2:AH$366,ROUNDDOWN($C369/24,0)+1,1)*INDEX($D$3:$AA$30,INDEX(Jesper!$R$2:$R$366,ROW(INDEX(Jesper!AH$2:AH$366,ROUNDDOWN($C369/24,0)+1,1))-1)+IF('Standard Profiles'!$G$18=$B$10,7,0)+IF('Standard Profiles'!$G$18=$B$17,14,0)+IF('Standard Profiles'!$G$18=$B$24,21,0),MOD($C369,24)+1)/SUM(INDEX($D$3:$AA$30,INDEX(Jesper!$R$2:$R$366,ROW(INDEX(Jesper!AH$2:AH$366,ROUNDDOWN($C369/24,0)+1,1))-1)+IF('Standard Profiles'!$G$18=$B$10,7,0)+IF('Standard Profiles'!$G$18=$B$17,14,0)+IF('Standard Profiles'!$G$18=$B$24,21,0),0)),0)</f>
        <v>6.2911287582898074</v>
      </c>
      <c r="E369" cm="1">
        <f t="array" ref="E369">IFERROR(INDEX(Jesper!AI$2:AI$366,ROUNDDOWN($C369/24,0)+1,1)*INDEX($D$3:$AA$30,INDEX(Jesper!$R$2:$R$366,ROW(INDEX(Jesper!AI$2:AI$366,ROUNDDOWN($C369/24,0)+1,1))-1)+IF('Standard Profiles'!$G$19=$B$10,7,0)+IF('Standard Profiles'!$G$19=$B$17,14,0)+IF('Standard Profiles'!$G$19=$B$24,21,0),MOD($C369,24)+1)/SUM(INDEX($D$3:$AA$30,INDEX(Jesper!$R$2:$R$366,ROW(INDEX(Jesper!AI$2:AI$366,ROUNDDOWN($C369/24,0)+1,1))-1)+IF('Standard Profiles'!$G$19=$B$10,7,0)+IF('Standard Profiles'!$G$19=$B$17,14,0)+IF('Standard Profiles'!$G$19=$B$24,21,0),0)),0)</f>
        <v>1.449658292396808</v>
      </c>
      <c r="F369" cm="1">
        <f t="array" ref="F369">IFERROR(INDEX(Jesper!AJ$2:AJ$366,ROUNDDOWN($C369/24,0)+1,1)*INDEX($D$3:$AA$30,INDEX(Jesper!$R$2:$R$366,ROW(INDEX(Jesper!AJ$2:AJ$366,ROUNDDOWN($C369/24,0)+1,1))-1)+IF('Standard Profiles'!$G$20=$B$10,7,0)+IF('Standard Profiles'!$G$20=$B$17,14,0)+IF('Standard Profiles'!$G$20=$B$24,21,0),MOD($C369,24)+1)/SUM(INDEX($D$3:$AA$30,INDEX(Jesper!$R$2:$R$366,ROW(INDEX(Jesper!AJ$2:AJ$366,ROUNDDOWN($C369/24,0)+1,1))-1)+IF('Standard Profiles'!$G$20=$B$10,7,0)+IF('Standard Profiles'!$G$20=$B$17,14,0)+IF('Standard Profiles'!$G$20=$B$24,21,0),0)),0)</f>
        <v>0</v>
      </c>
      <c r="G369" cm="1">
        <f t="array" ref="G369">IFERROR(INDEX(Jesper!AK$2:AK$366,ROUNDDOWN($C369/24,0)+1,1)*INDEX($D$3:$AA$30,INDEX(Jesper!$R$2:$R$366,ROW(INDEX(Jesper!AK$2:AK$366,ROUNDDOWN($C369/24,0)+1,1))-1)+IF('Standard Profiles'!$G$21=$B$10,7,0)+IF('Standard Profiles'!$G$21=$B$17,14,0)+IF('Standard Profiles'!$G$21=$B$24,21,0),MOD($C369,24)+1)/SUM(INDEX($D$3:$AA$30,INDEX(Jesper!$R$2:$R$366,ROW(INDEX(Jesper!AK$2:AK$366,ROUNDDOWN($C369/24,0)+1,1))-1)+IF('Standard Profiles'!$G$21=$B$10,7,0)+IF('Standard Profiles'!$G$21=$B$17,14,0)+IF('Standard Profiles'!$G$21=$B$24,21,0),0)),0)</f>
        <v>0</v>
      </c>
      <c r="H369" cm="1">
        <f t="array" ref="H369">IFERROR(INDEX(Jesper!AL$2:AL$366,ROUNDDOWN($C369/24,0)+1,1)*INDEX($D$3:$AA$30,INDEX(Jesper!$R$2:$R$366,ROW(INDEX(Jesper!AL$2:AL$366,ROUNDDOWN($C369/24,0)+1,1))-1)+IF('Standard Profiles'!$G$22=$B$10,7,0)+IF('Standard Profiles'!$G$22=$B$17,14,0)+IF('Standard Profiles'!$G$22=$B$24,21,0),MOD($C369,24)+1)/SUM(INDEX($D$3:$AA$30,INDEX(Jesper!$R$2:$R$366,ROW(INDEX(Jesper!AL$2:AL$366,ROUNDDOWN($C369/24,0)+1,1))-1)+IF('Standard Profiles'!$G$22=$B$10,7,0)+IF('Standard Profiles'!$G$22=$B$17,14,0)+IF('Standard Profiles'!$G$22=$B$24,21,0),0)),0)</f>
        <v>0</v>
      </c>
      <c r="I369">
        <f t="shared" si="55"/>
        <v>0.13059984616187462</v>
      </c>
      <c r="J369">
        <f t="shared" si="56"/>
        <v>0.43533282053958217</v>
      </c>
      <c r="K369">
        <f t="shared" si="57"/>
        <v>0.65299923080937317</v>
      </c>
      <c r="L369">
        <f t="shared" si="58"/>
        <v>6.5218551531757853</v>
      </c>
      <c r="M369">
        <f t="shared" si="59"/>
        <v>0</v>
      </c>
      <c r="N369" s="46">
        <f t="shared" si="60"/>
        <v>45305.958333332521</v>
      </c>
    </row>
    <row r="370" spans="2:14" x14ac:dyDescent="0.3">
      <c r="B370">
        <f t="shared" si="54"/>
        <v>1</v>
      </c>
      <c r="C370" s="16">
        <v>336</v>
      </c>
      <c r="D370" cm="1">
        <f t="array" ref="D370">IFERROR(INDEX(Jesper!AH$2:AH$366,ROUNDDOWN($C370/24,0)+1,1)*INDEX($D$3:$AA$30,INDEX(Jesper!$R$2:$R$366,ROW(INDEX(Jesper!AH$2:AH$366,ROUNDDOWN($C370/24,0)+1,1))-1)+IF('Standard Profiles'!$G$18=$B$10,7,0)+IF('Standard Profiles'!$G$18=$B$17,14,0)+IF('Standard Profiles'!$G$18=$B$24,21,0),MOD($C370,24)+1)/SUM(INDEX($D$3:$AA$30,INDEX(Jesper!$R$2:$R$366,ROW(INDEX(Jesper!AH$2:AH$366,ROUNDDOWN($C370/24,0)+1,1))-1)+IF('Standard Profiles'!$G$18=$B$10,7,0)+IF('Standard Profiles'!$G$18=$B$17,14,0)+IF('Standard Profiles'!$G$18=$B$24,21,0),0)),0)</f>
        <v>2.6899349559760855</v>
      </c>
      <c r="E370" cm="1">
        <f t="array" ref="E370">IFERROR(INDEX(Jesper!AI$2:AI$366,ROUNDDOWN($C370/24,0)+1,1)*INDEX($D$3:$AA$30,INDEX(Jesper!$R$2:$R$366,ROW(INDEX(Jesper!AI$2:AI$366,ROUNDDOWN($C370/24,0)+1,1))-1)+IF('Standard Profiles'!$G$19=$B$10,7,0)+IF('Standard Profiles'!$G$19=$B$17,14,0)+IF('Standard Profiles'!$G$19=$B$24,21,0),MOD($C370,24)+1)/SUM(INDEX($D$3:$AA$30,INDEX(Jesper!$R$2:$R$366,ROW(INDEX(Jesper!AI$2:AI$366,ROUNDDOWN($C370/24,0)+1,1))-1)+IF('Standard Profiles'!$G$19=$B$10,7,0)+IF('Standard Profiles'!$G$19=$B$17,14,0)+IF('Standard Profiles'!$G$19=$B$24,21,0),0)),0)</f>
        <v>0</v>
      </c>
      <c r="F370" cm="1">
        <f t="array" ref="F370">IFERROR(INDEX(Jesper!AJ$2:AJ$366,ROUNDDOWN($C370/24,0)+1,1)*INDEX($D$3:$AA$30,INDEX(Jesper!$R$2:$R$366,ROW(INDEX(Jesper!AJ$2:AJ$366,ROUNDDOWN($C370/24,0)+1,1))-1)+IF('Standard Profiles'!$G$20=$B$10,7,0)+IF('Standard Profiles'!$G$20=$B$17,14,0)+IF('Standard Profiles'!$G$20=$B$24,21,0),MOD($C370,24)+1)/SUM(INDEX($D$3:$AA$30,INDEX(Jesper!$R$2:$R$366,ROW(INDEX(Jesper!AJ$2:AJ$366,ROUNDDOWN($C370/24,0)+1,1))-1)+IF('Standard Profiles'!$G$20=$B$10,7,0)+IF('Standard Profiles'!$G$20=$B$17,14,0)+IF('Standard Profiles'!$G$20=$B$24,21,0),0)),0)</f>
        <v>0</v>
      </c>
      <c r="G370" cm="1">
        <f t="array" ref="G370">IFERROR(INDEX(Jesper!AK$2:AK$366,ROUNDDOWN($C370/24,0)+1,1)*INDEX($D$3:$AA$30,INDEX(Jesper!$R$2:$R$366,ROW(INDEX(Jesper!AK$2:AK$366,ROUNDDOWN($C370/24,0)+1,1))-1)+IF('Standard Profiles'!$G$21=$B$10,7,0)+IF('Standard Profiles'!$G$21=$B$17,14,0)+IF('Standard Profiles'!$G$21=$B$24,21,0),MOD($C370,24)+1)/SUM(INDEX($D$3:$AA$30,INDEX(Jesper!$R$2:$R$366,ROW(INDEX(Jesper!AK$2:AK$366,ROUNDDOWN($C370/24,0)+1,1))-1)+IF('Standard Profiles'!$G$21=$B$10,7,0)+IF('Standard Profiles'!$G$21=$B$17,14,0)+IF('Standard Profiles'!$G$21=$B$24,21,0),0)),0)</f>
        <v>0</v>
      </c>
      <c r="H370" cm="1">
        <f t="array" ref="H370">IFERROR(INDEX(Jesper!AL$2:AL$366,ROUNDDOWN($C370/24,0)+1,1)*INDEX($D$3:$AA$30,INDEX(Jesper!$R$2:$R$366,ROW(INDEX(Jesper!AL$2:AL$366,ROUNDDOWN($C370/24,0)+1,1))-1)+IF('Standard Profiles'!$G$22=$B$10,7,0)+IF('Standard Profiles'!$G$22=$B$17,14,0)+IF('Standard Profiles'!$G$22=$B$24,21,0),MOD($C370,24)+1)/SUM(INDEX($D$3:$AA$30,INDEX(Jesper!$R$2:$R$366,ROW(INDEX(Jesper!AL$2:AL$366,ROUNDDOWN($C370/24,0)+1,1))-1)+IF('Standard Profiles'!$G$22=$B$10,7,0)+IF('Standard Profiles'!$G$22=$B$17,14,0)+IF('Standard Profiles'!$G$22=$B$24,21,0),0)),0)</f>
        <v>0</v>
      </c>
      <c r="I370">
        <f t="shared" si="55"/>
        <v>8.0698048679282555E-2</v>
      </c>
      <c r="J370">
        <f t="shared" si="56"/>
        <v>0.26899349559760855</v>
      </c>
      <c r="K370">
        <f t="shared" si="57"/>
        <v>0.40349024339641282</v>
      </c>
      <c r="L370">
        <f t="shared" si="58"/>
        <v>1.9367531683027814</v>
      </c>
      <c r="M370">
        <f t="shared" si="59"/>
        <v>0</v>
      </c>
      <c r="N370" s="46">
        <f t="shared" si="60"/>
        <v>45305.999999999185</v>
      </c>
    </row>
    <row r="371" spans="2:14" x14ac:dyDescent="0.3">
      <c r="B371">
        <f t="shared" si="54"/>
        <v>1</v>
      </c>
      <c r="C371" s="16">
        <v>337</v>
      </c>
      <c r="D371" cm="1">
        <f t="array" ref="D371">IFERROR(INDEX(Jesper!AH$2:AH$366,ROUNDDOWN($C371/24,0)+1,1)*INDEX($D$3:$AA$30,INDEX(Jesper!$R$2:$R$366,ROW(INDEX(Jesper!AH$2:AH$366,ROUNDDOWN($C371/24,0)+1,1))-1)+IF('Standard Profiles'!$G$18=$B$10,7,0)+IF('Standard Profiles'!$G$18=$B$17,14,0)+IF('Standard Profiles'!$G$18=$B$24,21,0),MOD($C371,24)+1)/SUM(INDEX($D$3:$AA$30,INDEX(Jesper!$R$2:$R$366,ROW(INDEX(Jesper!AH$2:AH$366,ROUNDDOWN($C371/24,0)+1,1))-1)+IF('Standard Profiles'!$G$18=$B$10,7,0)+IF('Standard Profiles'!$G$18=$B$17,14,0)+IF('Standard Profiles'!$G$18=$B$24,21,0),0)),0)</f>
        <v>2.6899349559760855</v>
      </c>
      <c r="E371" cm="1">
        <f t="array" ref="E371">IFERROR(INDEX(Jesper!AI$2:AI$366,ROUNDDOWN($C371/24,0)+1,1)*INDEX($D$3:$AA$30,INDEX(Jesper!$R$2:$R$366,ROW(INDEX(Jesper!AI$2:AI$366,ROUNDDOWN($C371/24,0)+1,1))-1)+IF('Standard Profiles'!$G$19=$B$10,7,0)+IF('Standard Profiles'!$G$19=$B$17,14,0)+IF('Standard Profiles'!$G$19=$B$24,21,0),MOD($C371,24)+1)/SUM(INDEX($D$3:$AA$30,INDEX(Jesper!$R$2:$R$366,ROW(INDEX(Jesper!AI$2:AI$366,ROUNDDOWN($C371/24,0)+1,1))-1)+IF('Standard Profiles'!$G$19=$B$10,7,0)+IF('Standard Profiles'!$G$19=$B$17,14,0)+IF('Standard Profiles'!$G$19=$B$24,21,0),0)),0)</f>
        <v>0</v>
      </c>
      <c r="F371" cm="1">
        <f t="array" ref="F371">IFERROR(INDEX(Jesper!AJ$2:AJ$366,ROUNDDOWN($C371/24,0)+1,1)*INDEX($D$3:$AA$30,INDEX(Jesper!$R$2:$R$366,ROW(INDEX(Jesper!AJ$2:AJ$366,ROUNDDOWN($C371/24,0)+1,1))-1)+IF('Standard Profiles'!$G$20=$B$10,7,0)+IF('Standard Profiles'!$G$20=$B$17,14,0)+IF('Standard Profiles'!$G$20=$B$24,21,0),MOD($C371,24)+1)/SUM(INDEX($D$3:$AA$30,INDEX(Jesper!$R$2:$R$366,ROW(INDEX(Jesper!AJ$2:AJ$366,ROUNDDOWN($C371/24,0)+1,1))-1)+IF('Standard Profiles'!$G$20=$B$10,7,0)+IF('Standard Profiles'!$G$20=$B$17,14,0)+IF('Standard Profiles'!$G$20=$B$24,21,0),0)),0)</f>
        <v>0</v>
      </c>
      <c r="G371" cm="1">
        <f t="array" ref="G371">IFERROR(INDEX(Jesper!AK$2:AK$366,ROUNDDOWN($C371/24,0)+1,1)*INDEX($D$3:$AA$30,INDEX(Jesper!$R$2:$R$366,ROW(INDEX(Jesper!AK$2:AK$366,ROUNDDOWN($C371/24,0)+1,1))-1)+IF('Standard Profiles'!$G$21=$B$10,7,0)+IF('Standard Profiles'!$G$21=$B$17,14,0)+IF('Standard Profiles'!$G$21=$B$24,21,0),MOD($C371,24)+1)/SUM(INDEX($D$3:$AA$30,INDEX(Jesper!$R$2:$R$366,ROW(INDEX(Jesper!AK$2:AK$366,ROUNDDOWN($C371/24,0)+1,1))-1)+IF('Standard Profiles'!$G$21=$B$10,7,0)+IF('Standard Profiles'!$G$21=$B$17,14,0)+IF('Standard Profiles'!$G$21=$B$24,21,0),0)),0)</f>
        <v>0</v>
      </c>
      <c r="H371" cm="1">
        <f t="array" ref="H371">IFERROR(INDEX(Jesper!AL$2:AL$366,ROUNDDOWN($C371/24,0)+1,1)*INDEX($D$3:$AA$30,INDEX(Jesper!$R$2:$R$366,ROW(INDEX(Jesper!AL$2:AL$366,ROUNDDOWN($C371/24,0)+1,1))-1)+IF('Standard Profiles'!$G$22=$B$10,7,0)+IF('Standard Profiles'!$G$22=$B$17,14,0)+IF('Standard Profiles'!$G$22=$B$24,21,0),MOD($C371,24)+1)/SUM(INDEX($D$3:$AA$30,INDEX(Jesper!$R$2:$R$366,ROW(INDEX(Jesper!AL$2:AL$366,ROUNDDOWN($C371/24,0)+1,1))-1)+IF('Standard Profiles'!$G$22=$B$10,7,0)+IF('Standard Profiles'!$G$22=$B$17,14,0)+IF('Standard Profiles'!$G$22=$B$24,21,0),0)),0)</f>
        <v>0</v>
      </c>
      <c r="I371">
        <f t="shared" si="55"/>
        <v>8.0698048679282555E-2</v>
      </c>
      <c r="J371">
        <f t="shared" si="56"/>
        <v>0.26899349559760855</v>
      </c>
      <c r="K371">
        <f t="shared" si="57"/>
        <v>0.40349024339641282</v>
      </c>
      <c r="L371">
        <f t="shared" si="58"/>
        <v>1.9367531683027814</v>
      </c>
      <c r="M371">
        <f t="shared" si="59"/>
        <v>0</v>
      </c>
      <c r="N371" s="46">
        <f t="shared" si="60"/>
        <v>45306.041666665849</v>
      </c>
    </row>
    <row r="372" spans="2:14" x14ac:dyDescent="0.3">
      <c r="B372">
        <f t="shared" si="54"/>
        <v>1</v>
      </c>
      <c r="C372" s="16">
        <v>338</v>
      </c>
      <c r="D372" cm="1">
        <f t="array" ref="D372">IFERROR(INDEX(Jesper!AH$2:AH$366,ROUNDDOWN($C372/24,0)+1,1)*INDEX($D$3:$AA$30,INDEX(Jesper!$R$2:$R$366,ROW(INDEX(Jesper!AH$2:AH$366,ROUNDDOWN($C372/24,0)+1,1))-1)+IF('Standard Profiles'!$G$18=$B$10,7,0)+IF('Standard Profiles'!$G$18=$B$17,14,0)+IF('Standard Profiles'!$G$18=$B$24,21,0),MOD($C372,24)+1)/SUM(INDEX($D$3:$AA$30,INDEX(Jesper!$R$2:$R$366,ROW(INDEX(Jesper!AH$2:AH$366,ROUNDDOWN($C372/24,0)+1,1))-1)+IF('Standard Profiles'!$G$18=$B$10,7,0)+IF('Standard Profiles'!$G$18=$B$17,14,0)+IF('Standard Profiles'!$G$18=$B$24,21,0),0)),0)</f>
        <v>2.6899349559760855</v>
      </c>
      <c r="E372" cm="1">
        <f t="array" ref="E372">IFERROR(INDEX(Jesper!AI$2:AI$366,ROUNDDOWN($C372/24,0)+1,1)*INDEX($D$3:$AA$30,INDEX(Jesper!$R$2:$R$366,ROW(INDEX(Jesper!AI$2:AI$366,ROUNDDOWN($C372/24,0)+1,1))-1)+IF('Standard Profiles'!$G$19=$B$10,7,0)+IF('Standard Profiles'!$G$19=$B$17,14,0)+IF('Standard Profiles'!$G$19=$B$24,21,0),MOD($C372,24)+1)/SUM(INDEX($D$3:$AA$30,INDEX(Jesper!$R$2:$R$366,ROW(INDEX(Jesper!AI$2:AI$366,ROUNDDOWN($C372/24,0)+1,1))-1)+IF('Standard Profiles'!$G$19=$B$10,7,0)+IF('Standard Profiles'!$G$19=$B$17,14,0)+IF('Standard Profiles'!$G$19=$B$24,21,0),0)),0)</f>
        <v>0</v>
      </c>
      <c r="F372" cm="1">
        <f t="array" ref="F372">IFERROR(INDEX(Jesper!AJ$2:AJ$366,ROUNDDOWN($C372/24,0)+1,1)*INDEX($D$3:$AA$30,INDEX(Jesper!$R$2:$R$366,ROW(INDEX(Jesper!AJ$2:AJ$366,ROUNDDOWN($C372/24,0)+1,1))-1)+IF('Standard Profiles'!$G$20=$B$10,7,0)+IF('Standard Profiles'!$G$20=$B$17,14,0)+IF('Standard Profiles'!$G$20=$B$24,21,0),MOD($C372,24)+1)/SUM(INDEX($D$3:$AA$30,INDEX(Jesper!$R$2:$R$366,ROW(INDEX(Jesper!AJ$2:AJ$366,ROUNDDOWN($C372/24,0)+1,1))-1)+IF('Standard Profiles'!$G$20=$B$10,7,0)+IF('Standard Profiles'!$G$20=$B$17,14,0)+IF('Standard Profiles'!$G$20=$B$24,21,0),0)),0)</f>
        <v>0</v>
      </c>
      <c r="G372" cm="1">
        <f t="array" ref="G372">IFERROR(INDEX(Jesper!AK$2:AK$366,ROUNDDOWN($C372/24,0)+1,1)*INDEX($D$3:$AA$30,INDEX(Jesper!$R$2:$R$366,ROW(INDEX(Jesper!AK$2:AK$366,ROUNDDOWN($C372/24,0)+1,1))-1)+IF('Standard Profiles'!$G$21=$B$10,7,0)+IF('Standard Profiles'!$G$21=$B$17,14,0)+IF('Standard Profiles'!$G$21=$B$24,21,0),MOD($C372,24)+1)/SUM(INDEX($D$3:$AA$30,INDEX(Jesper!$R$2:$R$366,ROW(INDEX(Jesper!AK$2:AK$366,ROUNDDOWN($C372/24,0)+1,1))-1)+IF('Standard Profiles'!$G$21=$B$10,7,0)+IF('Standard Profiles'!$G$21=$B$17,14,0)+IF('Standard Profiles'!$G$21=$B$24,21,0),0)),0)</f>
        <v>0</v>
      </c>
      <c r="H372" cm="1">
        <f t="array" ref="H372">IFERROR(INDEX(Jesper!AL$2:AL$366,ROUNDDOWN($C372/24,0)+1,1)*INDEX($D$3:$AA$30,INDEX(Jesper!$R$2:$R$366,ROW(INDEX(Jesper!AL$2:AL$366,ROUNDDOWN($C372/24,0)+1,1))-1)+IF('Standard Profiles'!$G$22=$B$10,7,0)+IF('Standard Profiles'!$G$22=$B$17,14,0)+IF('Standard Profiles'!$G$22=$B$24,21,0),MOD($C372,24)+1)/SUM(INDEX($D$3:$AA$30,INDEX(Jesper!$R$2:$R$366,ROW(INDEX(Jesper!AL$2:AL$366,ROUNDDOWN($C372/24,0)+1,1))-1)+IF('Standard Profiles'!$G$22=$B$10,7,0)+IF('Standard Profiles'!$G$22=$B$17,14,0)+IF('Standard Profiles'!$G$22=$B$24,21,0),0)),0)</f>
        <v>0</v>
      </c>
      <c r="I372">
        <f t="shared" si="55"/>
        <v>8.0698048679282555E-2</v>
      </c>
      <c r="J372">
        <f t="shared" si="56"/>
        <v>0.26899349559760855</v>
      </c>
      <c r="K372">
        <f t="shared" si="57"/>
        <v>0.40349024339641282</v>
      </c>
      <c r="L372">
        <f t="shared" si="58"/>
        <v>1.9367531683027814</v>
      </c>
      <c r="M372">
        <f t="shared" si="59"/>
        <v>0</v>
      </c>
      <c r="N372" s="46">
        <f t="shared" si="60"/>
        <v>45306.083333332514</v>
      </c>
    </row>
    <row r="373" spans="2:14" x14ac:dyDescent="0.3">
      <c r="B373">
        <f t="shared" si="54"/>
        <v>1</v>
      </c>
      <c r="C373" s="16">
        <v>339</v>
      </c>
      <c r="D373" cm="1">
        <f t="array" ref="D373">IFERROR(INDEX(Jesper!AH$2:AH$366,ROUNDDOWN($C373/24,0)+1,1)*INDEX($D$3:$AA$30,INDEX(Jesper!$R$2:$R$366,ROW(INDEX(Jesper!AH$2:AH$366,ROUNDDOWN($C373/24,0)+1,1))-1)+IF('Standard Profiles'!$G$18=$B$10,7,0)+IF('Standard Profiles'!$G$18=$B$17,14,0)+IF('Standard Profiles'!$G$18=$B$24,21,0),MOD($C373,24)+1)/SUM(INDEX($D$3:$AA$30,INDEX(Jesper!$R$2:$R$366,ROW(INDEX(Jesper!AH$2:AH$366,ROUNDDOWN($C373/24,0)+1,1))-1)+IF('Standard Profiles'!$G$18=$B$10,7,0)+IF('Standard Profiles'!$G$18=$B$17,14,0)+IF('Standard Profiles'!$G$18=$B$24,21,0),0)),0)</f>
        <v>2.6899349559760855</v>
      </c>
      <c r="E373" cm="1">
        <f t="array" ref="E373">IFERROR(INDEX(Jesper!AI$2:AI$366,ROUNDDOWN($C373/24,0)+1,1)*INDEX($D$3:$AA$30,INDEX(Jesper!$R$2:$R$366,ROW(INDEX(Jesper!AI$2:AI$366,ROUNDDOWN($C373/24,0)+1,1))-1)+IF('Standard Profiles'!$G$19=$B$10,7,0)+IF('Standard Profiles'!$G$19=$B$17,14,0)+IF('Standard Profiles'!$G$19=$B$24,21,0),MOD($C373,24)+1)/SUM(INDEX($D$3:$AA$30,INDEX(Jesper!$R$2:$R$366,ROW(INDEX(Jesper!AI$2:AI$366,ROUNDDOWN($C373/24,0)+1,1))-1)+IF('Standard Profiles'!$G$19=$B$10,7,0)+IF('Standard Profiles'!$G$19=$B$17,14,0)+IF('Standard Profiles'!$G$19=$B$24,21,0),0)),0)</f>
        <v>0</v>
      </c>
      <c r="F373" cm="1">
        <f t="array" ref="F373">IFERROR(INDEX(Jesper!AJ$2:AJ$366,ROUNDDOWN($C373/24,0)+1,1)*INDEX($D$3:$AA$30,INDEX(Jesper!$R$2:$R$366,ROW(INDEX(Jesper!AJ$2:AJ$366,ROUNDDOWN($C373/24,0)+1,1))-1)+IF('Standard Profiles'!$G$20=$B$10,7,0)+IF('Standard Profiles'!$G$20=$B$17,14,0)+IF('Standard Profiles'!$G$20=$B$24,21,0),MOD($C373,24)+1)/SUM(INDEX($D$3:$AA$30,INDEX(Jesper!$R$2:$R$366,ROW(INDEX(Jesper!AJ$2:AJ$366,ROUNDDOWN($C373/24,0)+1,1))-1)+IF('Standard Profiles'!$G$20=$B$10,7,0)+IF('Standard Profiles'!$G$20=$B$17,14,0)+IF('Standard Profiles'!$G$20=$B$24,21,0),0)),0)</f>
        <v>0</v>
      </c>
      <c r="G373" cm="1">
        <f t="array" ref="G373">IFERROR(INDEX(Jesper!AK$2:AK$366,ROUNDDOWN($C373/24,0)+1,1)*INDEX($D$3:$AA$30,INDEX(Jesper!$R$2:$R$366,ROW(INDEX(Jesper!AK$2:AK$366,ROUNDDOWN($C373/24,0)+1,1))-1)+IF('Standard Profiles'!$G$21=$B$10,7,0)+IF('Standard Profiles'!$G$21=$B$17,14,0)+IF('Standard Profiles'!$G$21=$B$24,21,0),MOD($C373,24)+1)/SUM(INDEX($D$3:$AA$30,INDEX(Jesper!$R$2:$R$366,ROW(INDEX(Jesper!AK$2:AK$366,ROUNDDOWN($C373/24,0)+1,1))-1)+IF('Standard Profiles'!$G$21=$B$10,7,0)+IF('Standard Profiles'!$G$21=$B$17,14,0)+IF('Standard Profiles'!$G$21=$B$24,21,0),0)),0)</f>
        <v>0</v>
      </c>
      <c r="H373" cm="1">
        <f t="array" ref="H373">IFERROR(INDEX(Jesper!AL$2:AL$366,ROUNDDOWN($C373/24,0)+1,1)*INDEX($D$3:$AA$30,INDEX(Jesper!$R$2:$R$366,ROW(INDEX(Jesper!AL$2:AL$366,ROUNDDOWN($C373/24,0)+1,1))-1)+IF('Standard Profiles'!$G$22=$B$10,7,0)+IF('Standard Profiles'!$G$22=$B$17,14,0)+IF('Standard Profiles'!$G$22=$B$24,21,0),MOD($C373,24)+1)/SUM(INDEX($D$3:$AA$30,INDEX(Jesper!$R$2:$R$366,ROW(INDEX(Jesper!AL$2:AL$366,ROUNDDOWN($C373/24,0)+1,1))-1)+IF('Standard Profiles'!$G$22=$B$10,7,0)+IF('Standard Profiles'!$G$22=$B$17,14,0)+IF('Standard Profiles'!$G$22=$B$24,21,0),0)),0)</f>
        <v>0</v>
      </c>
      <c r="I373">
        <f t="shared" si="55"/>
        <v>8.0698048679282555E-2</v>
      </c>
      <c r="J373">
        <f t="shared" si="56"/>
        <v>0.26899349559760855</v>
      </c>
      <c r="K373">
        <f t="shared" si="57"/>
        <v>0.40349024339641282</v>
      </c>
      <c r="L373">
        <f t="shared" si="58"/>
        <v>1.9367531683027814</v>
      </c>
      <c r="M373">
        <f t="shared" si="59"/>
        <v>0</v>
      </c>
      <c r="N373" s="46">
        <f t="shared" si="60"/>
        <v>45306.124999999178</v>
      </c>
    </row>
    <row r="374" spans="2:14" x14ac:dyDescent="0.3">
      <c r="B374">
        <f t="shared" si="54"/>
        <v>1</v>
      </c>
      <c r="C374" s="16">
        <v>340</v>
      </c>
      <c r="D374" cm="1">
        <f t="array" ref="D374">IFERROR(INDEX(Jesper!AH$2:AH$366,ROUNDDOWN($C374/24,0)+1,1)*INDEX($D$3:$AA$30,INDEX(Jesper!$R$2:$R$366,ROW(INDEX(Jesper!AH$2:AH$366,ROUNDDOWN($C374/24,0)+1,1))-1)+IF('Standard Profiles'!$G$18=$B$10,7,0)+IF('Standard Profiles'!$G$18=$B$17,14,0)+IF('Standard Profiles'!$G$18=$B$24,21,0),MOD($C374,24)+1)/SUM(INDEX($D$3:$AA$30,INDEX(Jesper!$R$2:$R$366,ROW(INDEX(Jesper!AH$2:AH$366,ROUNDDOWN($C374/24,0)+1,1))-1)+IF('Standard Profiles'!$G$18=$B$10,7,0)+IF('Standard Profiles'!$G$18=$B$17,14,0)+IF('Standard Profiles'!$G$18=$B$24,21,0),0)),0)</f>
        <v>2.6899349559760855</v>
      </c>
      <c r="E374" cm="1">
        <f t="array" ref="E374">IFERROR(INDEX(Jesper!AI$2:AI$366,ROUNDDOWN($C374/24,0)+1,1)*INDEX($D$3:$AA$30,INDEX(Jesper!$R$2:$R$366,ROW(INDEX(Jesper!AI$2:AI$366,ROUNDDOWN($C374/24,0)+1,1))-1)+IF('Standard Profiles'!$G$19=$B$10,7,0)+IF('Standard Profiles'!$G$19=$B$17,14,0)+IF('Standard Profiles'!$G$19=$B$24,21,0),MOD($C374,24)+1)/SUM(INDEX($D$3:$AA$30,INDEX(Jesper!$R$2:$R$366,ROW(INDEX(Jesper!AI$2:AI$366,ROUNDDOWN($C374/24,0)+1,1))-1)+IF('Standard Profiles'!$G$19=$B$10,7,0)+IF('Standard Profiles'!$G$19=$B$17,14,0)+IF('Standard Profiles'!$G$19=$B$24,21,0),0)),0)</f>
        <v>0</v>
      </c>
      <c r="F374" cm="1">
        <f t="array" ref="F374">IFERROR(INDEX(Jesper!AJ$2:AJ$366,ROUNDDOWN($C374/24,0)+1,1)*INDEX($D$3:$AA$30,INDEX(Jesper!$R$2:$R$366,ROW(INDEX(Jesper!AJ$2:AJ$366,ROUNDDOWN($C374/24,0)+1,1))-1)+IF('Standard Profiles'!$G$20=$B$10,7,0)+IF('Standard Profiles'!$G$20=$B$17,14,0)+IF('Standard Profiles'!$G$20=$B$24,21,0),MOD($C374,24)+1)/SUM(INDEX($D$3:$AA$30,INDEX(Jesper!$R$2:$R$366,ROW(INDEX(Jesper!AJ$2:AJ$366,ROUNDDOWN($C374/24,0)+1,1))-1)+IF('Standard Profiles'!$G$20=$B$10,7,0)+IF('Standard Profiles'!$G$20=$B$17,14,0)+IF('Standard Profiles'!$G$20=$B$24,21,0),0)),0)</f>
        <v>0</v>
      </c>
      <c r="G374" cm="1">
        <f t="array" ref="G374">IFERROR(INDEX(Jesper!AK$2:AK$366,ROUNDDOWN($C374/24,0)+1,1)*INDEX($D$3:$AA$30,INDEX(Jesper!$R$2:$R$366,ROW(INDEX(Jesper!AK$2:AK$366,ROUNDDOWN($C374/24,0)+1,1))-1)+IF('Standard Profiles'!$G$21=$B$10,7,0)+IF('Standard Profiles'!$G$21=$B$17,14,0)+IF('Standard Profiles'!$G$21=$B$24,21,0),MOD($C374,24)+1)/SUM(INDEX($D$3:$AA$30,INDEX(Jesper!$R$2:$R$366,ROW(INDEX(Jesper!AK$2:AK$366,ROUNDDOWN($C374/24,0)+1,1))-1)+IF('Standard Profiles'!$G$21=$B$10,7,0)+IF('Standard Profiles'!$G$21=$B$17,14,0)+IF('Standard Profiles'!$G$21=$B$24,21,0),0)),0)</f>
        <v>0</v>
      </c>
      <c r="H374" cm="1">
        <f t="array" ref="H374">IFERROR(INDEX(Jesper!AL$2:AL$366,ROUNDDOWN($C374/24,0)+1,1)*INDEX($D$3:$AA$30,INDEX(Jesper!$R$2:$R$366,ROW(INDEX(Jesper!AL$2:AL$366,ROUNDDOWN($C374/24,0)+1,1))-1)+IF('Standard Profiles'!$G$22=$B$10,7,0)+IF('Standard Profiles'!$G$22=$B$17,14,0)+IF('Standard Profiles'!$G$22=$B$24,21,0),MOD($C374,24)+1)/SUM(INDEX($D$3:$AA$30,INDEX(Jesper!$R$2:$R$366,ROW(INDEX(Jesper!AL$2:AL$366,ROUNDDOWN($C374/24,0)+1,1))-1)+IF('Standard Profiles'!$G$22=$B$10,7,0)+IF('Standard Profiles'!$G$22=$B$17,14,0)+IF('Standard Profiles'!$G$22=$B$24,21,0),0)),0)</f>
        <v>0</v>
      </c>
      <c r="I374">
        <f t="shared" si="55"/>
        <v>8.0698048679282555E-2</v>
      </c>
      <c r="J374">
        <f t="shared" si="56"/>
        <v>0.26899349559760855</v>
      </c>
      <c r="K374">
        <f t="shared" si="57"/>
        <v>0.40349024339641282</v>
      </c>
      <c r="L374">
        <f t="shared" si="58"/>
        <v>1.9367531683027814</v>
      </c>
      <c r="M374">
        <f t="shared" si="59"/>
        <v>0</v>
      </c>
      <c r="N374" s="46">
        <f t="shared" si="60"/>
        <v>45306.166666665842</v>
      </c>
    </row>
    <row r="375" spans="2:14" x14ac:dyDescent="0.3">
      <c r="B375">
        <f t="shared" si="54"/>
        <v>1</v>
      </c>
      <c r="C375" s="16">
        <v>341</v>
      </c>
      <c r="D375" cm="1">
        <f t="array" ref="D375">IFERROR(INDEX(Jesper!AH$2:AH$366,ROUNDDOWN($C375/24,0)+1,1)*INDEX($D$3:$AA$30,INDEX(Jesper!$R$2:$R$366,ROW(INDEX(Jesper!AH$2:AH$366,ROUNDDOWN($C375/24,0)+1,1))-1)+IF('Standard Profiles'!$G$18=$B$10,7,0)+IF('Standard Profiles'!$G$18=$B$17,14,0)+IF('Standard Profiles'!$G$18=$B$24,21,0),MOD($C375,24)+1)/SUM(INDEX($D$3:$AA$30,INDEX(Jesper!$R$2:$R$366,ROW(INDEX(Jesper!AH$2:AH$366,ROUNDDOWN($C375/24,0)+1,1))-1)+IF('Standard Profiles'!$G$18=$B$10,7,0)+IF('Standard Profiles'!$G$18=$B$17,14,0)+IF('Standard Profiles'!$G$18=$B$24,21,0),0)),0)</f>
        <v>11.656384809229705</v>
      </c>
      <c r="E375" cm="1">
        <f t="array" ref="E375">IFERROR(INDEX(Jesper!AI$2:AI$366,ROUNDDOWN($C375/24,0)+1,1)*INDEX($D$3:$AA$30,INDEX(Jesper!$R$2:$R$366,ROW(INDEX(Jesper!AI$2:AI$366,ROUNDDOWN($C375/24,0)+1,1))-1)+IF('Standard Profiles'!$G$19=$B$10,7,0)+IF('Standard Profiles'!$G$19=$B$17,14,0)+IF('Standard Profiles'!$G$19=$B$24,21,0),MOD($C375,24)+1)/SUM(INDEX($D$3:$AA$30,INDEX(Jesper!$R$2:$R$366,ROW(INDEX(Jesper!AI$2:AI$366,ROUNDDOWN($C375/24,0)+1,1))-1)+IF('Standard Profiles'!$G$19=$B$10,7,0)+IF('Standard Profiles'!$G$19=$B$17,14,0)+IF('Standard Profiles'!$G$19=$B$24,21,0),0)),0)</f>
        <v>0</v>
      </c>
      <c r="F375" cm="1">
        <f t="array" ref="F375">IFERROR(INDEX(Jesper!AJ$2:AJ$366,ROUNDDOWN($C375/24,0)+1,1)*INDEX($D$3:$AA$30,INDEX(Jesper!$R$2:$R$366,ROW(INDEX(Jesper!AJ$2:AJ$366,ROUNDDOWN($C375/24,0)+1,1))-1)+IF('Standard Profiles'!$G$20=$B$10,7,0)+IF('Standard Profiles'!$G$20=$B$17,14,0)+IF('Standard Profiles'!$G$20=$B$24,21,0),MOD($C375,24)+1)/SUM(INDEX($D$3:$AA$30,INDEX(Jesper!$R$2:$R$366,ROW(INDEX(Jesper!AJ$2:AJ$366,ROUNDDOWN($C375/24,0)+1,1))-1)+IF('Standard Profiles'!$G$20=$B$10,7,0)+IF('Standard Profiles'!$G$20=$B$17,14,0)+IF('Standard Profiles'!$G$20=$B$24,21,0),0)),0)</f>
        <v>0</v>
      </c>
      <c r="G375" cm="1">
        <f t="array" ref="G375">IFERROR(INDEX(Jesper!AK$2:AK$366,ROUNDDOWN($C375/24,0)+1,1)*INDEX($D$3:$AA$30,INDEX(Jesper!$R$2:$R$366,ROW(INDEX(Jesper!AK$2:AK$366,ROUNDDOWN($C375/24,0)+1,1))-1)+IF('Standard Profiles'!$G$21=$B$10,7,0)+IF('Standard Profiles'!$G$21=$B$17,14,0)+IF('Standard Profiles'!$G$21=$B$24,21,0),MOD($C375,24)+1)/SUM(INDEX($D$3:$AA$30,INDEX(Jesper!$R$2:$R$366,ROW(INDEX(Jesper!AK$2:AK$366,ROUNDDOWN($C375/24,0)+1,1))-1)+IF('Standard Profiles'!$G$21=$B$10,7,0)+IF('Standard Profiles'!$G$21=$B$17,14,0)+IF('Standard Profiles'!$G$21=$B$24,21,0),0)),0)</f>
        <v>0</v>
      </c>
      <c r="H375" cm="1">
        <f t="array" ref="H375">IFERROR(INDEX(Jesper!AL$2:AL$366,ROUNDDOWN($C375/24,0)+1,1)*INDEX($D$3:$AA$30,INDEX(Jesper!$R$2:$R$366,ROW(INDEX(Jesper!AL$2:AL$366,ROUNDDOWN($C375/24,0)+1,1))-1)+IF('Standard Profiles'!$G$22=$B$10,7,0)+IF('Standard Profiles'!$G$22=$B$17,14,0)+IF('Standard Profiles'!$G$22=$B$24,21,0),MOD($C375,24)+1)/SUM(INDEX($D$3:$AA$30,INDEX(Jesper!$R$2:$R$366,ROW(INDEX(Jesper!AL$2:AL$366,ROUNDDOWN($C375/24,0)+1,1))-1)+IF('Standard Profiles'!$G$22=$B$10,7,0)+IF('Standard Profiles'!$G$22=$B$17,14,0)+IF('Standard Profiles'!$G$22=$B$24,21,0),0)),0)</f>
        <v>0</v>
      </c>
      <c r="I375">
        <f t="shared" si="55"/>
        <v>0.34969154427689114</v>
      </c>
      <c r="J375">
        <f t="shared" si="56"/>
        <v>1.1656384809229705</v>
      </c>
      <c r="K375">
        <f t="shared" si="57"/>
        <v>1.7484577213844557</v>
      </c>
      <c r="L375">
        <f t="shared" si="58"/>
        <v>8.3925970626453879</v>
      </c>
      <c r="M375">
        <f t="shared" si="59"/>
        <v>0</v>
      </c>
      <c r="N375" s="46">
        <f t="shared" si="60"/>
        <v>45306.208333332506</v>
      </c>
    </row>
    <row r="376" spans="2:14" x14ac:dyDescent="0.3">
      <c r="B376">
        <f t="shared" si="54"/>
        <v>1</v>
      </c>
      <c r="C376" s="16">
        <v>342</v>
      </c>
      <c r="D376" cm="1">
        <f t="array" ref="D376">IFERROR(INDEX(Jesper!AH$2:AH$366,ROUNDDOWN($C376/24,0)+1,1)*INDEX($D$3:$AA$30,INDEX(Jesper!$R$2:$R$366,ROW(INDEX(Jesper!AH$2:AH$366,ROUNDDOWN($C376/24,0)+1,1))-1)+IF('Standard Profiles'!$G$18=$B$10,7,0)+IF('Standard Profiles'!$G$18=$B$17,14,0)+IF('Standard Profiles'!$G$18=$B$24,21,0),MOD($C376,24)+1)/SUM(INDEX($D$3:$AA$30,INDEX(Jesper!$R$2:$R$366,ROW(INDEX(Jesper!AH$2:AH$366,ROUNDDOWN($C376/24,0)+1,1))-1)+IF('Standard Profiles'!$G$18=$B$10,7,0)+IF('Standard Profiles'!$G$18=$B$17,14,0)+IF('Standard Profiles'!$G$18=$B$24,21,0),0)),0)</f>
        <v>13.225513533549087</v>
      </c>
      <c r="E376" cm="1">
        <f t="array" ref="E376">IFERROR(INDEX(Jesper!AI$2:AI$366,ROUNDDOWN($C376/24,0)+1,1)*INDEX($D$3:$AA$30,INDEX(Jesper!$R$2:$R$366,ROW(INDEX(Jesper!AI$2:AI$366,ROUNDDOWN($C376/24,0)+1,1))-1)+IF('Standard Profiles'!$G$19=$B$10,7,0)+IF('Standard Profiles'!$G$19=$B$17,14,0)+IF('Standard Profiles'!$G$19=$B$24,21,0),MOD($C376,24)+1)/SUM(INDEX($D$3:$AA$30,INDEX(Jesper!$R$2:$R$366,ROW(INDEX(Jesper!AI$2:AI$366,ROUNDDOWN($C376/24,0)+1,1))-1)+IF('Standard Profiles'!$G$19=$B$10,7,0)+IF('Standard Profiles'!$G$19=$B$17,14,0)+IF('Standard Profiles'!$G$19=$B$24,21,0),0)),0)</f>
        <v>0</v>
      </c>
      <c r="F376" cm="1">
        <f t="array" ref="F376">IFERROR(INDEX(Jesper!AJ$2:AJ$366,ROUNDDOWN($C376/24,0)+1,1)*INDEX($D$3:$AA$30,INDEX(Jesper!$R$2:$R$366,ROW(INDEX(Jesper!AJ$2:AJ$366,ROUNDDOWN($C376/24,0)+1,1))-1)+IF('Standard Profiles'!$G$20=$B$10,7,0)+IF('Standard Profiles'!$G$20=$B$17,14,0)+IF('Standard Profiles'!$G$20=$B$24,21,0),MOD($C376,24)+1)/SUM(INDEX($D$3:$AA$30,INDEX(Jesper!$R$2:$R$366,ROW(INDEX(Jesper!AJ$2:AJ$366,ROUNDDOWN($C376/24,0)+1,1))-1)+IF('Standard Profiles'!$G$20=$B$10,7,0)+IF('Standard Profiles'!$G$20=$B$17,14,0)+IF('Standard Profiles'!$G$20=$B$24,21,0),0)),0)</f>
        <v>0</v>
      </c>
      <c r="G376" cm="1">
        <f t="array" ref="G376">IFERROR(INDEX(Jesper!AK$2:AK$366,ROUNDDOWN($C376/24,0)+1,1)*INDEX($D$3:$AA$30,INDEX(Jesper!$R$2:$R$366,ROW(INDEX(Jesper!AK$2:AK$366,ROUNDDOWN($C376/24,0)+1,1))-1)+IF('Standard Profiles'!$G$21=$B$10,7,0)+IF('Standard Profiles'!$G$21=$B$17,14,0)+IF('Standard Profiles'!$G$21=$B$24,21,0),MOD($C376,24)+1)/SUM(INDEX($D$3:$AA$30,INDEX(Jesper!$R$2:$R$366,ROW(INDEX(Jesper!AK$2:AK$366,ROUNDDOWN($C376/24,0)+1,1))-1)+IF('Standard Profiles'!$G$21=$B$10,7,0)+IF('Standard Profiles'!$G$21=$B$17,14,0)+IF('Standard Profiles'!$G$21=$B$24,21,0),0)),0)</f>
        <v>0</v>
      </c>
      <c r="H376" cm="1">
        <f t="array" ref="H376">IFERROR(INDEX(Jesper!AL$2:AL$366,ROUNDDOWN($C376/24,0)+1,1)*INDEX($D$3:$AA$30,INDEX(Jesper!$R$2:$R$366,ROW(INDEX(Jesper!AL$2:AL$366,ROUNDDOWN($C376/24,0)+1,1))-1)+IF('Standard Profiles'!$G$22=$B$10,7,0)+IF('Standard Profiles'!$G$22=$B$17,14,0)+IF('Standard Profiles'!$G$22=$B$24,21,0),MOD($C376,24)+1)/SUM(INDEX($D$3:$AA$30,INDEX(Jesper!$R$2:$R$366,ROW(INDEX(Jesper!AL$2:AL$366,ROUNDDOWN($C376/24,0)+1,1))-1)+IF('Standard Profiles'!$G$22=$B$10,7,0)+IF('Standard Profiles'!$G$22=$B$17,14,0)+IF('Standard Profiles'!$G$22=$B$24,21,0),0)),0)</f>
        <v>0</v>
      </c>
      <c r="I376">
        <f t="shared" si="55"/>
        <v>0.39676540600647259</v>
      </c>
      <c r="J376">
        <f t="shared" si="56"/>
        <v>1.3225513533549087</v>
      </c>
      <c r="K376">
        <f t="shared" si="57"/>
        <v>1.983827030032363</v>
      </c>
      <c r="L376">
        <f t="shared" si="58"/>
        <v>9.522369744155343</v>
      </c>
      <c r="M376">
        <f t="shared" si="59"/>
        <v>0</v>
      </c>
      <c r="N376" s="46">
        <f t="shared" si="60"/>
        <v>45306.249999999171</v>
      </c>
    </row>
    <row r="377" spans="2:14" x14ac:dyDescent="0.3">
      <c r="B377">
        <f t="shared" si="54"/>
        <v>1</v>
      </c>
      <c r="C377" s="16">
        <v>343</v>
      </c>
      <c r="D377" cm="1">
        <f t="array" ref="D377">IFERROR(INDEX(Jesper!AH$2:AH$366,ROUNDDOWN($C377/24,0)+1,1)*INDEX($D$3:$AA$30,INDEX(Jesper!$R$2:$R$366,ROW(INDEX(Jesper!AH$2:AH$366,ROUNDDOWN($C377/24,0)+1,1))-1)+IF('Standard Profiles'!$G$18=$B$10,7,0)+IF('Standard Profiles'!$G$18=$B$17,14,0)+IF('Standard Profiles'!$G$18=$B$24,21,0),MOD($C377,24)+1)/SUM(INDEX($D$3:$AA$30,INDEX(Jesper!$R$2:$R$366,ROW(INDEX(Jesper!AH$2:AH$366,ROUNDDOWN($C377/24,0)+1,1))-1)+IF('Standard Profiles'!$G$18=$B$10,7,0)+IF('Standard Profiles'!$G$18=$B$17,14,0)+IF('Standard Profiles'!$G$18=$B$24,21,0),0)),0)</f>
        <v>13.225513533549087</v>
      </c>
      <c r="E377" cm="1">
        <f t="array" ref="E377">IFERROR(INDEX(Jesper!AI$2:AI$366,ROUNDDOWN($C377/24,0)+1,1)*INDEX($D$3:$AA$30,INDEX(Jesper!$R$2:$R$366,ROW(INDEX(Jesper!AI$2:AI$366,ROUNDDOWN($C377/24,0)+1,1))-1)+IF('Standard Profiles'!$G$19=$B$10,7,0)+IF('Standard Profiles'!$G$19=$B$17,14,0)+IF('Standard Profiles'!$G$19=$B$24,21,0),MOD($C377,24)+1)/SUM(INDEX($D$3:$AA$30,INDEX(Jesper!$R$2:$R$366,ROW(INDEX(Jesper!AI$2:AI$366,ROUNDDOWN($C377/24,0)+1,1))-1)+IF('Standard Profiles'!$G$19=$B$10,7,0)+IF('Standard Profiles'!$G$19=$B$17,14,0)+IF('Standard Profiles'!$G$19=$B$24,21,0),0)),0)</f>
        <v>0</v>
      </c>
      <c r="F377" cm="1">
        <f t="array" ref="F377">IFERROR(INDEX(Jesper!AJ$2:AJ$366,ROUNDDOWN($C377/24,0)+1,1)*INDEX($D$3:$AA$30,INDEX(Jesper!$R$2:$R$366,ROW(INDEX(Jesper!AJ$2:AJ$366,ROUNDDOWN($C377/24,0)+1,1))-1)+IF('Standard Profiles'!$G$20=$B$10,7,0)+IF('Standard Profiles'!$G$20=$B$17,14,0)+IF('Standard Profiles'!$G$20=$B$24,21,0),MOD($C377,24)+1)/SUM(INDEX($D$3:$AA$30,INDEX(Jesper!$R$2:$R$366,ROW(INDEX(Jesper!AJ$2:AJ$366,ROUNDDOWN($C377/24,0)+1,1))-1)+IF('Standard Profiles'!$G$20=$B$10,7,0)+IF('Standard Profiles'!$G$20=$B$17,14,0)+IF('Standard Profiles'!$G$20=$B$24,21,0),0)),0)</f>
        <v>0</v>
      </c>
      <c r="G377" cm="1">
        <f t="array" ref="G377">IFERROR(INDEX(Jesper!AK$2:AK$366,ROUNDDOWN($C377/24,0)+1,1)*INDEX($D$3:$AA$30,INDEX(Jesper!$R$2:$R$366,ROW(INDEX(Jesper!AK$2:AK$366,ROUNDDOWN($C377/24,0)+1,1))-1)+IF('Standard Profiles'!$G$21=$B$10,7,0)+IF('Standard Profiles'!$G$21=$B$17,14,0)+IF('Standard Profiles'!$G$21=$B$24,21,0),MOD($C377,24)+1)/SUM(INDEX($D$3:$AA$30,INDEX(Jesper!$R$2:$R$366,ROW(INDEX(Jesper!AK$2:AK$366,ROUNDDOWN($C377/24,0)+1,1))-1)+IF('Standard Profiles'!$G$21=$B$10,7,0)+IF('Standard Profiles'!$G$21=$B$17,14,0)+IF('Standard Profiles'!$G$21=$B$24,21,0),0)),0)</f>
        <v>0</v>
      </c>
      <c r="H377" cm="1">
        <f t="array" ref="H377">IFERROR(INDEX(Jesper!AL$2:AL$366,ROUNDDOWN($C377/24,0)+1,1)*INDEX($D$3:$AA$30,INDEX(Jesper!$R$2:$R$366,ROW(INDEX(Jesper!AL$2:AL$366,ROUNDDOWN($C377/24,0)+1,1))-1)+IF('Standard Profiles'!$G$22=$B$10,7,0)+IF('Standard Profiles'!$G$22=$B$17,14,0)+IF('Standard Profiles'!$G$22=$B$24,21,0),MOD($C377,24)+1)/SUM(INDEX($D$3:$AA$30,INDEX(Jesper!$R$2:$R$366,ROW(INDEX(Jesper!AL$2:AL$366,ROUNDDOWN($C377/24,0)+1,1))-1)+IF('Standard Profiles'!$G$22=$B$10,7,0)+IF('Standard Profiles'!$G$22=$B$17,14,0)+IF('Standard Profiles'!$G$22=$B$24,21,0),0)),0)</f>
        <v>0</v>
      </c>
      <c r="I377">
        <f t="shared" si="55"/>
        <v>0.39676540600647259</v>
      </c>
      <c r="J377">
        <f t="shared" si="56"/>
        <v>1.3225513533549087</v>
      </c>
      <c r="K377">
        <f t="shared" si="57"/>
        <v>1.983827030032363</v>
      </c>
      <c r="L377">
        <f t="shared" si="58"/>
        <v>9.522369744155343</v>
      </c>
      <c r="M377">
        <f t="shared" si="59"/>
        <v>0</v>
      </c>
      <c r="N377" s="46">
        <f t="shared" si="60"/>
        <v>45306.291666665835</v>
      </c>
    </row>
    <row r="378" spans="2:14" x14ac:dyDescent="0.3">
      <c r="B378">
        <f t="shared" si="54"/>
        <v>1</v>
      </c>
      <c r="C378" s="16">
        <v>344</v>
      </c>
      <c r="D378" cm="1">
        <f t="array" ref="D378">IFERROR(INDEX(Jesper!AH$2:AH$366,ROUNDDOWN($C378/24,0)+1,1)*INDEX($D$3:$AA$30,INDEX(Jesper!$R$2:$R$366,ROW(INDEX(Jesper!AH$2:AH$366,ROUNDDOWN($C378/24,0)+1,1))-1)+IF('Standard Profiles'!$G$18=$B$10,7,0)+IF('Standard Profiles'!$G$18=$B$17,14,0)+IF('Standard Profiles'!$G$18=$B$24,21,0),MOD($C378,24)+1)/SUM(INDEX($D$3:$AA$30,INDEX(Jesper!$R$2:$R$366,ROW(INDEX(Jesper!AH$2:AH$366,ROUNDDOWN($C378/24,0)+1,1))-1)+IF('Standard Profiles'!$G$18=$B$10,7,0)+IF('Standard Profiles'!$G$18=$B$17,14,0)+IF('Standard Profiles'!$G$18=$B$24,21,0),0)),0)</f>
        <v>13.225513533549087</v>
      </c>
      <c r="E378" cm="1">
        <f t="array" ref="E378">IFERROR(INDEX(Jesper!AI$2:AI$366,ROUNDDOWN($C378/24,0)+1,1)*INDEX($D$3:$AA$30,INDEX(Jesper!$R$2:$R$366,ROW(INDEX(Jesper!AI$2:AI$366,ROUNDDOWN($C378/24,0)+1,1))-1)+IF('Standard Profiles'!$G$19=$B$10,7,0)+IF('Standard Profiles'!$G$19=$B$17,14,0)+IF('Standard Profiles'!$G$19=$B$24,21,0),MOD($C378,24)+1)/SUM(INDEX($D$3:$AA$30,INDEX(Jesper!$R$2:$R$366,ROW(INDEX(Jesper!AI$2:AI$366,ROUNDDOWN($C378/24,0)+1,1))-1)+IF('Standard Profiles'!$G$19=$B$10,7,0)+IF('Standard Profiles'!$G$19=$B$17,14,0)+IF('Standard Profiles'!$G$19=$B$24,21,0),0)),0)</f>
        <v>0</v>
      </c>
      <c r="F378" cm="1">
        <f t="array" ref="F378">IFERROR(INDEX(Jesper!AJ$2:AJ$366,ROUNDDOWN($C378/24,0)+1,1)*INDEX($D$3:$AA$30,INDEX(Jesper!$R$2:$R$366,ROW(INDEX(Jesper!AJ$2:AJ$366,ROUNDDOWN($C378/24,0)+1,1))-1)+IF('Standard Profiles'!$G$20=$B$10,7,0)+IF('Standard Profiles'!$G$20=$B$17,14,0)+IF('Standard Profiles'!$G$20=$B$24,21,0),MOD($C378,24)+1)/SUM(INDEX($D$3:$AA$30,INDEX(Jesper!$R$2:$R$366,ROW(INDEX(Jesper!AJ$2:AJ$366,ROUNDDOWN($C378/24,0)+1,1))-1)+IF('Standard Profiles'!$G$20=$B$10,7,0)+IF('Standard Profiles'!$G$20=$B$17,14,0)+IF('Standard Profiles'!$G$20=$B$24,21,0),0)),0)</f>
        <v>0</v>
      </c>
      <c r="G378" cm="1">
        <f t="array" ref="G378">IFERROR(INDEX(Jesper!AK$2:AK$366,ROUNDDOWN($C378/24,0)+1,1)*INDEX($D$3:$AA$30,INDEX(Jesper!$R$2:$R$366,ROW(INDEX(Jesper!AK$2:AK$366,ROUNDDOWN($C378/24,0)+1,1))-1)+IF('Standard Profiles'!$G$21=$B$10,7,0)+IF('Standard Profiles'!$G$21=$B$17,14,0)+IF('Standard Profiles'!$G$21=$B$24,21,0),MOD($C378,24)+1)/SUM(INDEX($D$3:$AA$30,INDEX(Jesper!$R$2:$R$366,ROW(INDEX(Jesper!AK$2:AK$366,ROUNDDOWN($C378/24,0)+1,1))-1)+IF('Standard Profiles'!$G$21=$B$10,7,0)+IF('Standard Profiles'!$G$21=$B$17,14,0)+IF('Standard Profiles'!$G$21=$B$24,21,0),0)),0)</f>
        <v>0</v>
      </c>
      <c r="H378" cm="1">
        <f t="array" ref="H378">IFERROR(INDEX(Jesper!AL$2:AL$366,ROUNDDOWN($C378/24,0)+1,1)*INDEX($D$3:$AA$30,INDEX(Jesper!$R$2:$R$366,ROW(INDEX(Jesper!AL$2:AL$366,ROUNDDOWN($C378/24,0)+1,1))-1)+IF('Standard Profiles'!$G$22=$B$10,7,0)+IF('Standard Profiles'!$G$22=$B$17,14,0)+IF('Standard Profiles'!$G$22=$B$24,21,0),MOD($C378,24)+1)/SUM(INDEX($D$3:$AA$30,INDEX(Jesper!$R$2:$R$366,ROW(INDEX(Jesper!AL$2:AL$366,ROUNDDOWN($C378/24,0)+1,1))-1)+IF('Standard Profiles'!$G$22=$B$10,7,0)+IF('Standard Profiles'!$G$22=$B$17,14,0)+IF('Standard Profiles'!$G$22=$B$24,21,0),0)),0)</f>
        <v>0</v>
      </c>
      <c r="I378">
        <f t="shared" si="55"/>
        <v>0.39676540600647259</v>
      </c>
      <c r="J378">
        <f t="shared" si="56"/>
        <v>1.3225513533549087</v>
      </c>
      <c r="K378">
        <f t="shared" si="57"/>
        <v>1.983827030032363</v>
      </c>
      <c r="L378">
        <f t="shared" si="58"/>
        <v>9.522369744155343</v>
      </c>
      <c r="M378">
        <f t="shared" si="59"/>
        <v>0</v>
      </c>
      <c r="N378" s="46">
        <f t="shared" si="60"/>
        <v>45306.333333332499</v>
      </c>
    </row>
    <row r="379" spans="2:14" x14ac:dyDescent="0.3">
      <c r="B379">
        <f t="shared" si="54"/>
        <v>1</v>
      </c>
      <c r="C379" s="16">
        <v>345</v>
      </c>
      <c r="D379" cm="1">
        <f t="array" ref="D379">IFERROR(INDEX(Jesper!AH$2:AH$366,ROUNDDOWN($C379/24,0)+1,1)*INDEX($D$3:$AA$30,INDEX(Jesper!$R$2:$R$366,ROW(INDEX(Jesper!AH$2:AH$366,ROUNDDOWN($C379/24,0)+1,1))-1)+IF('Standard Profiles'!$G$18=$B$10,7,0)+IF('Standard Profiles'!$G$18=$B$17,14,0)+IF('Standard Profiles'!$G$18=$B$24,21,0),MOD($C379,24)+1)/SUM(INDEX($D$3:$AA$30,INDEX(Jesper!$R$2:$R$366,ROW(INDEX(Jesper!AH$2:AH$366,ROUNDDOWN($C379/24,0)+1,1))-1)+IF('Standard Profiles'!$G$18=$B$10,7,0)+IF('Standard Profiles'!$G$18=$B$17,14,0)+IF('Standard Profiles'!$G$18=$B$24,21,0),0)),0)</f>
        <v>14.12215851887445</v>
      </c>
      <c r="E379" cm="1">
        <f t="array" ref="E379">IFERROR(INDEX(Jesper!AI$2:AI$366,ROUNDDOWN($C379/24,0)+1,1)*INDEX($D$3:$AA$30,INDEX(Jesper!$R$2:$R$366,ROW(INDEX(Jesper!AI$2:AI$366,ROUNDDOWN($C379/24,0)+1,1))-1)+IF('Standard Profiles'!$G$19=$B$10,7,0)+IF('Standard Profiles'!$G$19=$B$17,14,0)+IF('Standard Profiles'!$G$19=$B$24,21,0),MOD($C379,24)+1)/SUM(INDEX($D$3:$AA$30,INDEX(Jesper!$R$2:$R$366,ROW(INDEX(Jesper!AI$2:AI$366,ROUNDDOWN($C379/24,0)+1,1))-1)+IF('Standard Profiles'!$G$19=$B$10,7,0)+IF('Standard Profiles'!$G$19=$B$17,14,0)+IF('Standard Profiles'!$G$19=$B$24,21,0),0)),0)</f>
        <v>0</v>
      </c>
      <c r="F379" cm="1">
        <f t="array" ref="F379">IFERROR(INDEX(Jesper!AJ$2:AJ$366,ROUNDDOWN($C379/24,0)+1,1)*INDEX($D$3:$AA$30,INDEX(Jesper!$R$2:$R$366,ROW(INDEX(Jesper!AJ$2:AJ$366,ROUNDDOWN($C379/24,0)+1,1))-1)+IF('Standard Profiles'!$G$20=$B$10,7,0)+IF('Standard Profiles'!$G$20=$B$17,14,0)+IF('Standard Profiles'!$G$20=$B$24,21,0),MOD($C379,24)+1)/SUM(INDEX($D$3:$AA$30,INDEX(Jesper!$R$2:$R$366,ROW(INDEX(Jesper!AJ$2:AJ$366,ROUNDDOWN($C379/24,0)+1,1))-1)+IF('Standard Profiles'!$G$20=$B$10,7,0)+IF('Standard Profiles'!$G$20=$B$17,14,0)+IF('Standard Profiles'!$G$20=$B$24,21,0),0)),0)</f>
        <v>0</v>
      </c>
      <c r="G379" cm="1">
        <f t="array" ref="G379">IFERROR(INDEX(Jesper!AK$2:AK$366,ROUNDDOWN($C379/24,0)+1,1)*INDEX($D$3:$AA$30,INDEX(Jesper!$R$2:$R$366,ROW(INDEX(Jesper!AK$2:AK$366,ROUNDDOWN($C379/24,0)+1,1))-1)+IF('Standard Profiles'!$G$21=$B$10,7,0)+IF('Standard Profiles'!$G$21=$B$17,14,0)+IF('Standard Profiles'!$G$21=$B$24,21,0),MOD($C379,24)+1)/SUM(INDEX($D$3:$AA$30,INDEX(Jesper!$R$2:$R$366,ROW(INDEX(Jesper!AK$2:AK$366,ROUNDDOWN($C379/24,0)+1,1))-1)+IF('Standard Profiles'!$G$21=$B$10,7,0)+IF('Standard Profiles'!$G$21=$B$17,14,0)+IF('Standard Profiles'!$G$21=$B$24,21,0),0)),0)</f>
        <v>0</v>
      </c>
      <c r="H379" cm="1">
        <f t="array" ref="H379">IFERROR(INDEX(Jesper!AL$2:AL$366,ROUNDDOWN($C379/24,0)+1,1)*INDEX($D$3:$AA$30,INDEX(Jesper!$R$2:$R$366,ROW(INDEX(Jesper!AL$2:AL$366,ROUNDDOWN($C379/24,0)+1,1))-1)+IF('Standard Profiles'!$G$22=$B$10,7,0)+IF('Standard Profiles'!$G$22=$B$17,14,0)+IF('Standard Profiles'!$G$22=$B$24,21,0),MOD($C379,24)+1)/SUM(INDEX($D$3:$AA$30,INDEX(Jesper!$R$2:$R$366,ROW(INDEX(Jesper!AL$2:AL$366,ROUNDDOWN($C379/24,0)+1,1))-1)+IF('Standard Profiles'!$G$22=$B$10,7,0)+IF('Standard Profiles'!$G$22=$B$17,14,0)+IF('Standard Profiles'!$G$22=$B$24,21,0),0)),0)</f>
        <v>0</v>
      </c>
      <c r="I379">
        <f t="shared" si="55"/>
        <v>0.42366475556623345</v>
      </c>
      <c r="J379">
        <f t="shared" si="56"/>
        <v>1.412215851887445</v>
      </c>
      <c r="K379">
        <f t="shared" si="57"/>
        <v>2.1183237778311672</v>
      </c>
      <c r="L379">
        <f t="shared" si="58"/>
        <v>10.167954133589603</v>
      </c>
      <c r="M379">
        <f t="shared" si="59"/>
        <v>0</v>
      </c>
      <c r="N379" s="46">
        <f t="shared" si="60"/>
        <v>45306.374999999163</v>
      </c>
    </row>
    <row r="380" spans="2:14" x14ac:dyDescent="0.3">
      <c r="B380">
        <f t="shared" si="54"/>
        <v>1</v>
      </c>
      <c r="C380" s="16">
        <v>346</v>
      </c>
      <c r="D380" cm="1">
        <f t="array" ref="D380">IFERROR(INDEX(Jesper!AH$2:AH$366,ROUNDDOWN($C380/24,0)+1,1)*INDEX($D$3:$AA$30,INDEX(Jesper!$R$2:$R$366,ROW(INDEX(Jesper!AH$2:AH$366,ROUNDDOWN($C380/24,0)+1,1))-1)+IF('Standard Profiles'!$G$18=$B$10,7,0)+IF('Standard Profiles'!$G$18=$B$17,14,0)+IF('Standard Profiles'!$G$18=$B$24,21,0),MOD($C380,24)+1)/SUM(INDEX($D$3:$AA$30,INDEX(Jesper!$R$2:$R$366,ROW(INDEX(Jesper!AH$2:AH$366,ROUNDDOWN($C380/24,0)+1,1))-1)+IF('Standard Profiles'!$G$18=$B$10,7,0)+IF('Standard Profiles'!$G$18=$B$17,14,0)+IF('Standard Profiles'!$G$18=$B$24,21,0),0)),0)</f>
        <v>14.12215851887445</v>
      </c>
      <c r="E380" cm="1">
        <f t="array" ref="E380">IFERROR(INDEX(Jesper!AI$2:AI$366,ROUNDDOWN($C380/24,0)+1,1)*INDEX($D$3:$AA$30,INDEX(Jesper!$R$2:$R$366,ROW(INDEX(Jesper!AI$2:AI$366,ROUNDDOWN($C380/24,0)+1,1))-1)+IF('Standard Profiles'!$G$19=$B$10,7,0)+IF('Standard Profiles'!$G$19=$B$17,14,0)+IF('Standard Profiles'!$G$19=$B$24,21,0),MOD($C380,24)+1)/SUM(INDEX($D$3:$AA$30,INDEX(Jesper!$R$2:$R$366,ROW(INDEX(Jesper!AI$2:AI$366,ROUNDDOWN($C380/24,0)+1,1))-1)+IF('Standard Profiles'!$G$19=$B$10,7,0)+IF('Standard Profiles'!$G$19=$B$17,14,0)+IF('Standard Profiles'!$G$19=$B$24,21,0),0)),0)</f>
        <v>0</v>
      </c>
      <c r="F380" cm="1">
        <f t="array" ref="F380">IFERROR(INDEX(Jesper!AJ$2:AJ$366,ROUNDDOWN($C380/24,0)+1,1)*INDEX($D$3:$AA$30,INDEX(Jesper!$R$2:$R$366,ROW(INDEX(Jesper!AJ$2:AJ$366,ROUNDDOWN($C380/24,0)+1,1))-1)+IF('Standard Profiles'!$G$20=$B$10,7,0)+IF('Standard Profiles'!$G$20=$B$17,14,0)+IF('Standard Profiles'!$G$20=$B$24,21,0),MOD($C380,24)+1)/SUM(INDEX($D$3:$AA$30,INDEX(Jesper!$R$2:$R$366,ROW(INDEX(Jesper!AJ$2:AJ$366,ROUNDDOWN($C380/24,0)+1,1))-1)+IF('Standard Profiles'!$G$20=$B$10,7,0)+IF('Standard Profiles'!$G$20=$B$17,14,0)+IF('Standard Profiles'!$G$20=$B$24,21,0),0)),0)</f>
        <v>0</v>
      </c>
      <c r="G380" cm="1">
        <f t="array" ref="G380">IFERROR(INDEX(Jesper!AK$2:AK$366,ROUNDDOWN($C380/24,0)+1,1)*INDEX($D$3:$AA$30,INDEX(Jesper!$R$2:$R$366,ROW(INDEX(Jesper!AK$2:AK$366,ROUNDDOWN($C380/24,0)+1,1))-1)+IF('Standard Profiles'!$G$21=$B$10,7,0)+IF('Standard Profiles'!$G$21=$B$17,14,0)+IF('Standard Profiles'!$G$21=$B$24,21,0),MOD($C380,24)+1)/SUM(INDEX($D$3:$AA$30,INDEX(Jesper!$R$2:$R$366,ROW(INDEX(Jesper!AK$2:AK$366,ROUNDDOWN($C380/24,0)+1,1))-1)+IF('Standard Profiles'!$G$21=$B$10,7,0)+IF('Standard Profiles'!$G$21=$B$17,14,0)+IF('Standard Profiles'!$G$21=$B$24,21,0),0)),0)</f>
        <v>0</v>
      </c>
      <c r="H380" cm="1">
        <f t="array" ref="H380">IFERROR(INDEX(Jesper!AL$2:AL$366,ROUNDDOWN($C380/24,0)+1,1)*INDEX($D$3:$AA$30,INDEX(Jesper!$R$2:$R$366,ROW(INDEX(Jesper!AL$2:AL$366,ROUNDDOWN($C380/24,0)+1,1))-1)+IF('Standard Profiles'!$G$22=$B$10,7,0)+IF('Standard Profiles'!$G$22=$B$17,14,0)+IF('Standard Profiles'!$G$22=$B$24,21,0),MOD($C380,24)+1)/SUM(INDEX($D$3:$AA$30,INDEX(Jesper!$R$2:$R$366,ROW(INDEX(Jesper!AL$2:AL$366,ROUNDDOWN($C380/24,0)+1,1))-1)+IF('Standard Profiles'!$G$22=$B$10,7,0)+IF('Standard Profiles'!$G$22=$B$17,14,0)+IF('Standard Profiles'!$G$22=$B$24,21,0),0)),0)</f>
        <v>0</v>
      </c>
      <c r="I380">
        <f t="shared" si="55"/>
        <v>0.42366475556623345</v>
      </c>
      <c r="J380">
        <f t="shared" si="56"/>
        <v>1.412215851887445</v>
      </c>
      <c r="K380">
        <f t="shared" si="57"/>
        <v>2.1183237778311672</v>
      </c>
      <c r="L380">
        <f t="shared" si="58"/>
        <v>10.167954133589603</v>
      </c>
      <c r="M380">
        <f t="shared" si="59"/>
        <v>0</v>
      </c>
      <c r="N380" s="46">
        <f t="shared" si="60"/>
        <v>45306.416666665828</v>
      </c>
    </row>
    <row r="381" spans="2:14" x14ac:dyDescent="0.3">
      <c r="B381">
        <f t="shared" si="54"/>
        <v>1</v>
      </c>
      <c r="C381" s="16">
        <v>347</v>
      </c>
      <c r="D381" cm="1">
        <f t="array" ref="D381">IFERROR(INDEX(Jesper!AH$2:AH$366,ROUNDDOWN($C381/24,0)+1,1)*INDEX($D$3:$AA$30,INDEX(Jesper!$R$2:$R$366,ROW(INDEX(Jesper!AH$2:AH$366,ROUNDDOWN($C381/24,0)+1,1))-1)+IF('Standard Profiles'!$G$18=$B$10,7,0)+IF('Standard Profiles'!$G$18=$B$17,14,0)+IF('Standard Profiles'!$G$18=$B$24,21,0),MOD($C381,24)+1)/SUM(INDEX($D$3:$AA$30,INDEX(Jesper!$R$2:$R$366,ROW(INDEX(Jesper!AH$2:AH$366,ROUNDDOWN($C381/24,0)+1,1))-1)+IF('Standard Profiles'!$G$18=$B$10,7,0)+IF('Standard Profiles'!$G$18=$B$17,14,0)+IF('Standard Profiles'!$G$18=$B$24,21,0),0)),0)</f>
        <v>17.932899706507236</v>
      </c>
      <c r="E381" cm="1">
        <f t="array" ref="E381">IFERROR(INDEX(Jesper!AI$2:AI$366,ROUNDDOWN($C381/24,0)+1,1)*INDEX($D$3:$AA$30,INDEX(Jesper!$R$2:$R$366,ROW(INDEX(Jesper!AI$2:AI$366,ROUNDDOWN($C381/24,0)+1,1))-1)+IF('Standard Profiles'!$G$19=$B$10,7,0)+IF('Standard Profiles'!$G$19=$B$17,14,0)+IF('Standard Profiles'!$G$19=$B$24,21,0),MOD($C381,24)+1)/SUM(INDEX($D$3:$AA$30,INDEX(Jesper!$R$2:$R$366,ROW(INDEX(Jesper!AI$2:AI$366,ROUNDDOWN($C381/24,0)+1,1))-1)+IF('Standard Profiles'!$G$19=$B$10,7,0)+IF('Standard Profiles'!$G$19=$B$17,14,0)+IF('Standard Profiles'!$G$19=$B$24,21,0),0)),0)</f>
        <v>0</v>
      </c>
      <c r="F381" cm="1">
        <f t="array" ref="F381">IFERROR(INDEX(Jesper!AJ$2:AJ$366,ROUNDDOWN($C381/24,0)+1,1)*INDEX($D$3:$AA$30,INDEX(Jesper!$R$2:$R$366,ROW(INDEX(Jesper!AJ$2:AJ$366,ROUNDDOWN($C381/24,0)+1,1))-1)+IF('Standard Profiles'!$G$20=$B$10,7,0)+IF('Standard Profiles'!$G$20=$B$17,14,0)+IF('Standard Profiles'!$G$20=$B$24,21,0),MOD($C381,24)+1)/SUM(INDEX($D$3:$AA$30,INDEX(Jesper!$R$2:$R$366,ROW(INDEX(Jesper!AJ$2:AJ$366,ROUNDDOWN($C381/24,0)+1,1))-1)+IF('Standard Profiles'!$G$20=$B$10,7,0)+IF('Standard Profiles'!$G$20=$B$17,14,0)+IF('Standard Profiles'!$G$20=$B$24,21,0),0)),0)</f>
        <v>0</v>
      </c>
      <c r="G381" cm="1">
        <f t="array" ref="G381">IFERROR(INDEX(Jesper!AK$2:AK$366,ROUNDDOWN($C381/24,0)+1,1)*INDEX($D$3:$AA$30,INDEX(Jesper!$R$2:$R$366,ROW(INDEX(Jesper!AK$2:AK$366,ROUNDDOWN($C381/24,0)+1,1))-1)+IF('Standard Profiles'!$G$21=$B$10,7,0)+IF('Standard Profiles'!$G$21=$B$17,14,0)+IF('Standard Profiles'!$G$21=$B$24,21,0),MOD($C381,24)+1)/SUM(INDEX($D$3:$AA$30,INDEX(Jesper!$R$2:$R$366,ROW(INDEX(Jesper!AK$2:AK$366,ROUNDDOWN($C381/24,0)+1,1))-1)+IF('Standard Profiles'!$G$21=$B$10,7,0)+IF('Standard Profiles'!$G$21=$B$17,14,0)+IF('Standard Profiles'!$G$21=$B$24,21,0),0)),0)</f>
        <v>0</v>
      </c>
      <c r="H381" cm="1">
        <f t="array" ref="H381">IFERROR(INDEX(Jesper!AL$2:AL$366,ROUNDDOWN($C381/24,0)+1,1)*INDEX($D$3:$AA$30,INDEX(Jesper!$R$2:$R$366,ROW(INDEX(Jesper!AL$2:AL$366,ROUNDDOWN($C381/24,0)+1,1))-1)+IF('Standard Profiles'!$G$22=$B$10,7,0)+IF('Standard Profiles'!$G$22=$B$17,14,0)+IF('Standard Profiles'!$G$22=$B$24,21,0),MOD($C381,24)+1)/SUM(INDEX($D$3:$AA$30,INDEX(Jesper!$R$2:$R$366,ROW(INDEX(Jesper!AL$2:AL$366,ROUNDDOWN($C381/24,0)+1,1))-1)+IF('Standard Profiles'!$G$22=$B$10,7,0)+IF('Standard Profiles'!$G$22=$B$17,14,0)+IF('Standard Profiles'!$G$22=$B$24,21,0),0)),0)</f>
        <v>0</v>
      </c>
      <c r="I381">
        <f t="shared" si="55"/>
        <v>0.53798699119521709</v>
      </c>
      <c r="J381">
        <f t="shared" si="56"/>
        <v>1.7932899706507237</v>
      </c>
      <c r="K381">
        <f t="shared" si="57"/>
        <v>2.6899349559760855</v>
      </c>
      <c r="L381">
        <f t="shared" si="58"/>
        <v>12.911687788685208</v>
      </c>
      <c r="M381">
        <f t="shared" si="59"/>
        <v>0</v>
      </c>
      <c r="N381" s="46">
        <f t="shared" si="60"/>
        <v>45306.458333332492</v>
      </c>
    </row>
    <row r="382" spans="2:14" x14ac:dyDescent="0.3">
      <c r="B382">
        <f t="shared" si="54"/>
        <v>1</v>
      </c>
      <c r="C382" s="16">
        <v>348</v>
      </c>
      <c r="D382" cm="1">
        <f t="array" ref="D382">IFERROR(INDEX(Jesper!AH$2:AH$366,ROUNDDOWN($C382/24,0)+1,1)*INDEX($D$3:$AA$30,INDEX(Jesper!$R$2:$R$366,ROW(INDEX(Jesper!AH$2:AH$366,ROUNDDOWN($C382/24,0)+1,1))-1)+IF('Standard Profiles'!$G$18=$B$10,7,0)+IF('Standard Profiles'!$G$18=$B$17,14,0)+IF('Standard Profiles'!$G$18=$B$24,21,0),MOD($C382,24)+1)/SUM(INDEX($D$3:$AA$30,INDEX(Jesper!$R$2:$R$366,ROW(INDEX(Jesper!AH$2:AH$366,ROUNDDOWN($C382/24,0)+1,1))-1)+IF('Standard Profiles'!$G$18=$B$10,7,0)+IF('Standard Profiles'!$G$18=$B$17,14,0)+IF('Standard Profiles'!$G$18=$B$24,21,0),0)),0)</f>
        <v>17.932899706507236</v>
      </c>
      <c r="E382" cm="1">
        <f t="array" ref="E382">IFERROR(INDEX(Jesper!AI$2:AI$366,ROUNDDOWN($C382/24,0)+1,1)*INDEX($D$3:$AA$30,INDEX(Jesper!$R$2:$R$366,ROW(INDEX(Jesper!AI$2:AI$366,ROUNDDOWN($C382/24,0)+1,1))-1)+IF('Standard Profiles'!$G$19=$B$10,7,0)+IF('Standard Profiles'!$G$19=$B$17,14,0)+IF('Standard Profiles'!$G$19=$B$24,21,0),MOD($C382,24)+1)/SUM(INDEX($D$3:$AA$30,INDEX(Jesper!$R$2:$R$366,ROW(INDEX(Jesper!AI$2:AI$366,ROUNDDOWN($C382/24,0)+1,1))-1)+IF('Standard Profiles'!$G$19=$B$10,7,0)+IF('Standard Profiles'!$G$19=$B$17,14,0)+IF('Standard Profiles'!$G$19=$B$24,21,0),0)),0)</f>
        <v>0</v>
      </c>
      <c r="F382" cm="1">
        <f t="array" ref="F382">IFERROR(INDEX(Jesper!AJ$2:AJ$366,ROUNDDOWN($C382/24,0)+1,1)*INDEX($D$3:$AA$30,INDEX(Jesper!$R$2:$R$366,ROW(INDEX(Jesper!AJ$2:AJ$366,ROUNDDOWN($C382/24,0)+1,1))-1)+IF('Standard Profiles'!$G$20=$B$10,7,0)+IF('Standard Profiles'!$G$20=$B$17,14,0)+IF('Standard Profiles'!$G$20=$B$24,21,0),MOD($C382,24)+1)/SUM(INDEX($D$3:$AA$30,INDEX(Jesper!$R$2:$R$366,ROW(INDEX(Jesper!AJ$2:AJ$366,ROUNDDOWN($C382/24,0)+1,1))-1)+IF('Standard Profiles'!$G$20=$B$10,7,0)+IF('Standard Profiles'!$G$20=$B$17,14,0)+IF('Standard Profiles'!$G$20=$B$24,21,0),0)),0)</f>
        <v>0</v>
      </c>
      <c r="G382" cm="1">
        <f t="array" ref="G382">IFERROR(INDEX(Jesper!AK$2:AK$366,ROUNDDOWN($C382/24,0)+1,1)*INDEX($D$3:$AA$30,INDEX(Jesper!$R$2:$R$366,ROW(INDEX(Jesper!AK$2:AK$366,ROUNDDOWN($C382/24,0)+1,1))-1)+IF('Standard Profiles'!$G$21=$B$10,7,0)+IF('Standard Profiles'!$G$21=$B$17,14,0)+IF('Standard Profiles'!$G$21=$B$24,21,0),MOD($C382,24)+1)/SUM(INDEX($D$3:$AA$30,INDEX(Jesper!$R$2:$R$366,ROW(INDEX(Jesper!AK$2:AK$366,ROUNDDOWN($C382/24,0)+1,1))-1)+IF('Standard Profiles'!$G$21=$B$10,7,0)+IF('Standard Profiles'!$G$21=$B$17,14,0)+IF('Standard Profiles'!$G$21=$B$24,21,0),0)),0)</f>
        <v>0</v>
      </c>
      <c r="H382" cm="1">
        <f t="array" ref="H382">IFERROR(INDEX(Jesper!AL$2:AL$366,ROUNDDOWN($C382/24,0)+1,1)*INDEX($D$3:$AA$30,INDEX(Jesper!$R$2:$R$366,ROW(INDEX(Jesper!AL$2:AL$366,ROUNDDOWN($C382/24,0)+1,1))-1)+IF('Standard Profiles'!$G$22=$B$10,7,0)+IF('Standard Profiles'!$G$22=$B$17,14,0)+IF('Standard Profiles'!$G$22=$B$24,21,0),MOD($C382,24)+1)/SUM(INDEX($D$3:$AA$30,INDEX(Jesper!$R$2:$R$366,ROW(INDEX(Jesper!AL$2:AL$366,ROUNDDOWN($C382/24,0)+1,1))-1)+IF('Standard Profiles'!$G$22=$B$10,7,0)+IF('Standard Profiles'!$G$22=$B$17,14,0)+IF('Standard Profiles'!$G$22=$B$24,21,0),0)),0)</f>
        <v>0</v>
      </c>
      <c r="I382">
        <f t="shared" si="55"/>
        <v>0.53798699119521709</v>
      </c>
      <c r="J382">
        <f t="shared" si="56"/>
        <v>1.7932899706507237</v>
      </c>
      <c r="K382">
        <f t="shared" si="57"/>
        <v>2.6899349559760855</v>
      </c>
      <c r="L382">
        <f t="shared" si="58"/>
        <v>12.911687788685208</v>
      </c>
      <c r="M382">
        <f t="shared" si="59"/>
        <v>0</v>
      </c>
      <c r="N382" s="46">
        <f t="shared" si="60"/>
        <v>45306.499999999156</v>
      </c>
    </row>
    <row r="383" spans="2:14" x14ac:dyDescent="0.3">
      <c r="B383">
        <f t="shared" si="54"/>
        <v>1</v>
      </c>
      <c r="C383" s="16">
        <v>349</v>
      </c>
      <c r="D383" cm="1">
        <f t="array" ref="D383">IFERROR(INDEX(Jesper!AH$2:AH$366,ROUNDDOWN($C383/24,0)+1,1)*INDEX($D$3:$AA$30,INDEX(Jesper!$R$2:$R$366,ROW(INDEX(Jesper!AH$2:AH$366,ROUNDDOWN($C383/24,0)+1,1))-1)+IF('Standard Profiles'!$G$18=$B$10,7,0)+IF('Standard Profiles'!$G$18=$B$17,14,0)+IF('Standard Profiles'!$G$18=$B$24,21,0),MOD($C383,24)+1)/SUM(INDEX($D$3:$AA$30,INDEX(Jesper!$R$2:$R$366,ROW(INDEX(Jesper!AH$2:AH$366,ROUNDDOWN($C383/24,0)+1,1))-1)+IF('Standard Profiles'!$G$18=$B$10,7,0)+IF('Standard Profiles'!$G$18=$B$17,14,0)+IF('Standard Profiles'!$G$18=$B$24,21,0),0)),0)</f>
        <v>11.880546055561044</v>
      </c>
      <c r="E383" cm="1">
        <f t="array" ref="E383">IFERROR(INDEX(Jesper!AI$2:AI$366,ROUNDDOWN($C383/24,0)+1,1)*INDEX($D$3:$AA$30,INDEX(Jesper!$R$2:$R$366,ROW(INDEX(Jesper!AI$2:AI$366,ROUNDDOWN($C383/24,0)+1,1))-1)+IF('Standard Profiles'!$G$19=$B$10,7,0)+IF('Standard Profiles'!$G$19=$B$17,14,0)+IF('Standard Profiles'!$G$19=$B$24,21,0),MOD($C383,24)+1)/SUM(INDEX($D$3:$AA$30,INDEX(Jesper!$R$2:$R$366,ROW(INDEX(Jesper!AI$2:AI$366,ROUNDDOWN($C383/24,0)+1,1))-1)+IF('Standard Profiles'!$G$19=$B$10,7,0)+IF('Standard Profiles'!$G$19=$B$17,14,0)+IF('Standard Profiles'!$G$19=$B$24,21,0),0)),0)</f>
        <v>0</v>
      </c>
      <c r="F383" cm="1">
        <f t="array" ref="F383">IFERROR(INDEX(Jesper!AJ$2:AJ$366,ROUNDDOWN($C383/24,0)+1,1)*INDEX($D$3:$AA$30,INDEX(Jesper!$R$2:$R$366,ROW(INDEX(Jesper!AJ$2:AJ$366,ROUNDDOWN($C383/24,0)+1,1))-1)+IF('Standard Profiles'!$G$20=$B$10,7,0)+IF('Standard Profiles'!$G$20=$B$17,14,0)+IF('Standard Profiles'!$G$20=$B$24,21,0),MOD($C383,24)+1)/SUM(INDEX($D$3:$AA$30,INDEX(Jesper!$R$2:$R$366,ROW(INDEX(Jesper!AJ$2:AJ$366,ROUNDDOWN($C383/24,0)+1,1))-1)+IF('Standard Profiles'!$G$20=$B$10,7,0)+IF('Standard Profiles'!$G$20=$B$17,14,0)+IF('Standard Profiles'!$G$20=$B$24,21,0),0)),0)</f>
        <v>0</v>
      </c>
      <c r="G383" cm="1">
        <f t="array" ref="G383">IFERROR(INDEX(Jesper!AK$2:AK$366,ROUNDDOWN($C383/24,0)+1,1)*INDEX($D$3:$AA$30,INDEX(Jesper!$R$2:$R$366,ROW(INDEX(Jesper!AK$2:AK$366,ROUNDDOWN($C383/24,0)+1,1))-1)+IF('Standard Profiles'!$G$21=$B$10,7,0)+IF('Standard Profiles'!$G$21=$B$17,14,0)+IF('Standard Profiles'!$G$21=$B$24,21,0),MOD($C383,24)+1)/SUM(INDEX($D$3:$AA$30,INDEX(Jesper!$R$2:$R$366,ROW(INDEX(Jesper!AK$2:AK$366,ROUNDDOWN($C383/24,0)+1,1))-1)+IF('Standard Profiles'!$G$21=$B$10,7,0)+IF('Standard Profiles'!$G$21=$B$17,14,0)+IF('Standard Profiles'!$G$21=$B$24,21,0),0)),0)</f>
        <v>0</v>
      </c>
      <c r="H383" cm="1">
        <f t="array" ref="H383">IFERROR(INDEX(Jesper!AL$2:AL$366,ROUNDDOWN($C383/24,0)+1,1)*INDEX($D$3:$AA$30,INDEX(Jesper!$R$2:$R$366,ROW(INDEX(Jesper!AL$2:AL$366,ROUNDDOWN($C383/24,0)+1,1))-1)+IF('Standard Profiles'!$G$22=$B$10,7,0)+IF('Standard Profiles'!$G$22=$B$17,14,0)+IF('Standard Profiles'!$G$22=$B$24,21,0),MOD($C383,24)+1)/SUM(INDEX($D$3:$AA$30,INDEX(Jesper!$R$2:$R$366,ROW(INDEX(Jesper!AL$2:AL$366,ROUNDDOWN($C383/24,0)+1,1))-1)+IF('Standard Profiles'!$G$22=$B$10,7,0)+IF('Standard Profiles'!$G$22=$B$17,14,0)+IF('Standard Profiles'!$G$22=$B$24,21,0),0)),0)</f>
        <v>0</v>
      </c>
      <c r="I383">
        <f t="shared" si="55"/>
        <v>0.35641638166683132</v>
      </c>
      <c r="J383">
        <f t="shared" si="56"/>
        <v>1.1880546055561045</v>
      </c>
      <c r="K383">
        <f t="shared" si="57"/>
        <v>1.7820819083341566</v>
      </c>
      <c r="L383">
        <f t="shared" si="58"/>
        <v>8.5539931600039516</v>
      </c>
      <c r="M383">
        <f t="shared" si="59"/>
        <v>0</v>
      </c>
      <c r="N383" s="46">
        <f t="shared" si="60"/>
        <v>45306.54166666582</v>
      </c>
    </row>
    <row r="384" spans="2:14" x14ac:dyDescent="0.3">
      <c r="B384">
        <f t="shared" si="54"/>
        <v>1</v>
      </c>
      <c r="C384" s="16">
        <v>350</v>
      </c>
      <c r="D384" cm="1">
        <f t="array" ref="D384">IFERROR(INDEX(Jesper!AH$2:AH$366,ROUNDDOWN($C384/24,0)+1,1)*INDEX($D$3:$AA$30,INDEX(Jesper!$R$2:$R$366,ROW(INDEX(Jesper!AH$2:AH$366,ROUNDDOWN($C384/24,0)+1,1))-1)+IF('Standard Profiles'!$G$18=$B$10,7,0)+IF('Standard Profiles'!$G$18=$B$17,14,0)+IF('Standard Profiles'!$G$18=$B$24,21,0),MOD($C384,24)+1)/SUM(INDEX($D$3:$AA$30,INDEX(Jesper!$R$2:$R$366,ROW(INDEX(Jesper!AH$2:AH$366,ROUNDDOWN($C384/24,0)+1,1))-1)+IF('Standard Profiles'!$G$18=$B$10,7,0)+IF('Standard Profiles'!$G$18=$B$17,14,0)+IF('Standard Profiles'!$G$18=$B$24,21,0),0)),0)</f>
        <v>17.932899706507236</v>
      </c>
      <c r="E384" cm="1">
        <f t="array" ref="E384">IFERROR(INDEX(Jesper!AI$2:AI$366,ROUNDDOWN($C384/24,0)+1,1)*INDEX($D$3:$AA$30,INDEX(Jesper!$R$2:$R$366,ROW(INDEX(Jesper!AI$2:AI$366,ROUNDDOWN($C384/24,0)+1,1))-1)+IF('Standard Profiles'!$G$19=$B$10,7,0)+IF('Standard Profiles'!$G$19=$B$17,14,0)+IF('Standard Profiles'!$G$19=$B$24,21,0),MOD($C384,24)+1)/SUM(INDEX($D$3:$AA$30,INDEX(Jesper!$R$2:$R$366,ROW(INDEX(Jesper!AI$2:AI$366,ROUNDDOWN($C384/24,0)+1,1))-1)+IF('Standard Profiles'!$G$19=$B$10,7,0)+IF('Standard Profiles'!$G$19=$B$17,14,0)+IF('Standard Profiles'!$G$19=$B$24,21,0),0)),0)</f>
        <v>0</v>
      </c>
      <c r="F384" cm="1">
        <f t="array" ref="F384">IFERROR(INDEX(Jesper!AJ$2:AJ$366,ROUNDDOWN($C384/24,0)+1,1)*INDEX($D$3:$AA$30,INDEX(Jesper!$R$2:$R$366,ROW(INDEX(Jesper!AJ$2:AJ$366,ROUNDDOWN($C384/24,0)+1,1))-1)+IF('Standard Profiles'!$G$20=$B$10,7,0)+IF('Standard Profiles'!$G$20=$B$17,14,0)+IF('Standard Profiles'!$G$20=$B$24,21,0),MOD($C384,24)+1)/SUM(INDEX($D$3:$AA$30,INDEX(Jesper!$R$2:$R$366,ROW(INDEX(Jesper!AJ$2:AJ$366,ROUNDDOWN($C384/24,0)+1,1))-1)+IF('Standard Profiles'!$G$20=$B$10,7,0)+IF('Standard Profiles'!$G$20=$B$17,14,0)+IF('Standard Profiles'!$G$20=$B$24,21,0),0)),0)</f>
        <v>0</v>
      </c>
      <c r="G384" cm="1">
        <f t="array" ref="G384">IFERROR(INDEX(Jesper!AK$2:AK$366,ROUNDDOWN($C384/24,0)+1,1)*INDEX($D$3:$AA$30,INDEX(Jesper!$R$2:$R$366,ROW(INDEX(Jesper!AK$2:AK$366,ROUNDDOWN($C384/24,0)+1,1))-1)+IF('Standard Profiles'!$G$21=$B$10,7,0)+IF('Standard Profiles'!$G$21=$B$17,14,0)+IF('Standard Profiles'!$G$21=$B$24,21,0),MOD($C384,24)+1)/SUM(INDEX($D$3:$AA$30,INDEX(Jesper!$R$2:$R$366,ROW(INDEX(Jesper!AK$2:AK$366,ROUNDDOWN($C384/24,0)+1,1))-1)+IF('Standard Profiles'!$G$21=$B$10,7,0)+IF('Standard Profiles'!$G$21=$B$17,14,0)+IF('Standard Profiles'!$G$21=$B$24,21,0),0)),0)</f>
        <v>0</v>
      </c>
      <c r="H384" cm="1">
        <f t="array" ref="H384">IFERROR(INDEX(Jesper!AL$2:AL$366,ROUNDDOWN($C384/24,0)+1,1)*INDEX($D$3:$AA$30,INDEX(Jesper!$R$2:$R$366,ROW(INDEX(Jesper!AL$2:AL$366,ROUNDDOWN($C384/24,0)+1,1))-1)+IF('Standard Profiles'!$G$22=$B$10,7,0)+IF('Standard Profiles'!$G$22=$B$17,14,0)+IF('Standard Profiles'!$G$22=$B$24,21,0),MOD($C384,24)+1)/SUM(INDEX($D$3:$AA$30,INDEX(Jesper!$R$2:$R$366,ROW(INDEX(Jesper!AL$2:AL$366,ROUNDDOWN($C384/24,0)+1,1))-1)+IF('Standard Profiles'!$G$22=$B$10,7,0)+IF('Standard Profiles'!$G$22=$B$17,14,0)+IF('Standard Profiles'!$G$22=$B$24,21,0),0)),0)</f>
        <v>0</v>
      </c>
      <c r="I384">
        <f t="shared" si="55"/>
        <v>0.53798699119521709</v>
      </c>
      <c r="J384">
        <f t="shared" si="56"/>
        <v>1.7932899706507237</v>
      </c>
      <c r="K384">
        <f t="shared" si="57"/>
        <v>2.6899349559760855</v>
      </c>
      <c r="L384">
        <f t="shared" si="58"/>
        <v>12.911687788685208</v>
      </c>
      <c r="M384">
        <f t="shared" si="59"/>
        <v>0</v>
      </c>
      <c r="N384" s="46">
        <f t="shared" si="60"/>
        <v>45306.583333332484</v>
      </c>
    </row>
    <row r="385" spans="2:14" x14ac:dyDescent="0.3">
      <c r="B385">
        <f t="shared" si="54"/>
        <v>1</v>
      </c>
      <c r="C385" s="16">
        <v>351</v>
      </c>
      <c r="D385" cm="1">
        <f t="array" ref="D385">IFERROR(INDEX(Jesper!AH$2:AH$366,ROUNDDOWN($C385/24,0)+1,1)*INDEX($D$3:$AA$30,INDEX(Jesper!$R$2:$R$366,ROW(INDEX(Jesper!AH$2:AH$366,ROUNDDOWN($C385/24,0)+1,1))-1)+IF('Standard Profiles'!$G$18=$B$10,7,0)+IF('Standard Profiles'!$G$18=$B$17,14,0)+IF('Standard Profiles'!$G$18=$B$24,21,0),MOD($C385,24)+1)/SUM(INDEX($D$3:$AA$30,INDEX(Jesper!$R$2:$R$366,ROW(INDEX(Jesper!AH$2:AH$366,ROUNDDOWN($C385/24,0)+1,1))-1)+IF('Standard Profiles'!$G$18=$B$10,7,0)+IF('Standard Profiles'!$G$18=$B$17,14,0)+IF('Standard Profiles'!$G$18=$B$24,21,0),0)),0)</f>
        <v>17.932899706507236</v>
      </c>
      <c r="E385" cm="1">
        <f t="array" ref="E385">IFERROR(INDEX(Jesper!AI$2:AI$366,ROUNDDOWN($C385/24,0)+1,1)*INDEX($D$3:$AA$30,INDEX(Jesper!$R$2:$R$366,ROW(INDEX(Jesper!AI$2:AI$366,ROUNDDOWN($C385/24,0)+1,1))-1)+IF('Standard Profiles'!$G$19=$B$10,7,0)+IF('Standard Profiles'!$G$19=$B$17,14,0)+IF('Standard Profiles'!$G$19=$B$24,21,0),MOD($C385,24)+1)/SUM(INDEX($D$3:$AA$30,INDEX(Jesper!$R$2:$R$366,ROW(INDEX(Jesper!AI$2:AI$366,ROUNDDOWN($C385/24,0)+1,1))-1)+IF('Standard Profiles'!$G$19=$B$10,7,0)+IF('Standard Profiles'!$G$19=$B$17,14,0)+IF('Standard Profiles'!$G$19=$B$24,21,0),0)),0)</f>
        <v>0</v>
      </c>
      <c r="F385" cm="1">
        <f t="array" ref="F385">IFERROR(INDEX(Jesper!AJ$2:AJ$366,ROUNDDOWN($C385/24,0)+1,1)*INDEX($D$3:$AA$30,INDEX(Jesper!$R$2:$R$366,ROW(INDEX(Jesper!AJ$2:AJ$366,ROUNDDOWN($C385/24,0)+1,1))-1)+IF('Standard Profiles'!$G$20=$B$10,7,0)+IF('Standard Profiles'!$G$20=$B$17,14,0)+IF('Standard Profiles'!$G$20=$B$24,21,0),MOD($C385,24)+1)/SUM(INDEX($D$3:$AA$30,INDEX(Jesper!$R$2:$R$366,ROW(INDEX(Jesper!AJ$2:AJ$366,ROUNDDOWN($C385/24,0)+1,1))-1)+IF('Standard Profiles'!$G$20=$B$10,7,0)+IF('Standard Profiles'!$G$20=$B$17,14,0)+IF('Standard Profiles'!$G$20=$B$24,21,0),0)),0)</f>
        <v>0</v>
      </c>
      <c r="G385" cm="1">
        <f t="array" ref="G385">IFERROR(INDEX(Jesper!AK$2:AK$366,ROUNDDOWN($C385/24,0)+1,1)*INDEX($D$3:$AA$30,INDEX(Jesper!$R$2:$R$366,ROW(INDEX(Jesper!AK$2:AK$366,ROUNDDOWN($C385/24,0)+1,1))-1)+IF('Standard Profiles'!$G$21=$B$10,7,0)+IF('Standard Profiles'!$G$21=$B$17,14,0)+IF('Standard Profiles'!$G$21=$B$24,21,0),MOD($C385,24)+1)/SUM(INDEX($D$3:$AA$30,INDEX(Jesper!$R$2:$R$366,ROW(INDEX(Jesper!AK$2:AK$366,ROUNDDOWN($C385/24,0)+1,1))-1)+IF('Standard Profiles'!$G$21=$B$10,7,0)+IF('Standard Profiles'!$G$21=$B$17,14,0)+IF('Standard Profiles'!$G$21=$B$24,21,0),0)),0)</f>
        <v>0</v>
      </c>
      <c r="H385" cm="1">
        <f t="array" ref="H385">IFERROR(INDEX(Jesper!AL$2:AL$366,ROUNDDOWN($C385/24,0)+1,1)*INDEX($D$3:$AA$30,INDEX(Jesper!$R$2:$R$366,ROW(INDEX(Jesper!AL$2:AL$366,ROUNDDOWN($C385/24,0)+1,1))-1)+IF('Standard Profiles'!$G$22=$B$10,7,0)+IF('Standard Profiles'!$G$22=$B$17,14,0)+IF('Standard Profiles'!$G$22=$B$24,21,0),MOD($C385,24)+1)/SUM(INDEX($D$3:$AA$30,INDEX(Jesper!$R$2:$R$366,ROW(INDEX(Jesper!AL$2:AL$366,ROUNDDOWN($C385/24,0)+1,1))-1)+IF('Standard Profiles'!$G$22=$B$10,7,0)+IF('Standard Profiles'!$G$22=$B$17,14,0)+IF('Standard Profiles'!$G$22=$B$24,21,0),0)),0)</f>
        <v>0</v>
      </c>
      <c r="I385">
        <f t="shared" si="55"/>
        <v>0.53798699119521709</v>
      </c>
      <c r="J385">
        <f t="shared" si="56"/>
        <v>1.7932899706507237</v>
      </c>
      <c r="K385">
        <f t="shared" si="57"/>
        <v>2.6899349559760855</v>
      </c>
      <c r="L385">
        <f t="shared" si="58"/>
        <v>12.911687788685208</v>
      </c>
      <c r="M385">
        <f t="shared" si="59"/>
        <v>0</v>
      </c>
      <c r="N385" s="46">
        <f t="shared" si="60"/>
        <v>45306.624999999149</v>
      </c>
    </row>
    <row r="386" spans="2:14" x14ac:dyDescent="0.3">
      <c r="B386">
        <f t="shared" si="54"/>
        <v>1</v>
      </c>
      <c r="C386" s="16">
        <v>352</v>
      </c>
      <c r="D386" cm="1">
        <f t="array" ref="D386">IFERROR(INDEX(Jesper!AH$2:AH$366,ROUNDDOWN($C386/24,0)+1,1)*INDEX($D$3:$AA$30,INDEX(Jesper!$R$2:$R$366,ROW(INDEX(Jesper!AH$2:AH$366,ROUNDDOWN($C386/24,0)+1,1))-1)+IF('Standard Profiles'!$G$18=$B$10,7,0)+IF('Standard Profiles'!$G$18=$B$17,14,0)+IF('Standard Profiles'!$G$18=$B$24,21,0),MOD($C386,24)+1)/SUM(INDEX($D$3:$AA$30,INDEX(Jesper!$R$2:$R$366,ROW(INDEX(Jesper!AH$2:AH$366,ROUNDDOWN($C386/24,0)+1,1))-1)+IF('Standard Profiles'!$G$18=$B$10,7,0)+IF('Standard Profiles'!$G$18=$B$17,14,0)+IF('Standard Profiles'!$G$18=$B$24,21,0),0)),0)</f>
        <v>17.932899706507236</v>
      </c>
      <c r="E386" cm="1">
        <f t="array" ref="E386">IFERROR(INDEX(Jesper!AI$2:AI$366,ROUNDDOWN($C386/24,0)+1,1)*INDEX($D$3:$AA$30,INDEX(Jesper!$R$2:$R$366,ROW(INDEX(Jesper!AI$2:AI$366,ROUNDDOWN($C386/24,0)+1,1))-1)+IF('Standard Profiles'!$G$19=$B$10,7,0)+IF('Standard Profiles'!$G$19=$B$17,14,0)+IF('Standard Profiles'!$G$19=$B$24,21,0),MOD($C386,24)+1)/SUM(INDEX($D$3:$AA$30,INDEX(Jesper!$R$2:$R$366,ROW(INDEX(Jesper!AI$2:AI$366,ROUNDDOWN($C386/24,0)+1,1))-1)+IF('Standard Profiles'!$G$19=$B$10,7,0)+IF('Standard Profiles'!$G$19=$B$17,14,0)+IF('Standard Profiles'!$G$19=$B$24,21,0),0)),0)</f>
        <v>0</v>
      </c>
      <c r="F386" cm="1">
        <f t="array" ref="F386">IFERROR(INDEX(Jesper!AJ$2:AJ$366,ROUNDDOWN($C386/24,0)+1,1)*INDEX($D$3:$AA$30,INDEX(Jesper!$R$2:$R$366,ROW(INDEX(Jesper!AJ$2:AJ$366,ROUNDDOWN($C386/24,0)+1,1))-1)+IF('Standard Profiles'!$G$20=$B$10,7,0)+IF('Standard Profiles'!$G$20=$B$17,14,0)+IF('Standard Profiles'!$G$20=$B$24,21,0),MOD($C386,24)+1)/SUM(INDEX($D$3:$AA$30,INDEX(Jesper!$R$2:$R$366,ROW(INDEX(Jesper!AJ$2:AJ$366,ROUNDDOWN($C386/24,0)+1,1))-1)+IF('Standard Profiles'!$G$20=$B$10,7,0)+IF('Standard Profiles'!$G$20=$B$17,14,0)+IF('Standard Profiles'!$G$20=$B$24,21,0),0)),0)</f>
        <v>0</v>
      </c>
      <c r="G386" cm="1">
        <f t="array" ref="G386">IFERROR(INDEX(Jesper!AK$2:AK$366,ROUNDDOWN($C386/24,0)+1,1)*INDEX($D$3:$AA$30,INDEX(Jesper!$R$2:$R$366,ROW(INDEX(Jesper!AK$2:AK$366,ROUNDDOWN($C386/24,0)+1,1))-1)+IF('Standard Profiles'!$G$21=$B$10,7,0)+IF('Standard Profiles'!$G$21=$B$17,14,0)+IF('Standard Profiles'!$G$21=$B$24,21,0),MOD($C386,24)+1)/SUM(INDEX($D$3:$AA$30,INDEX(Jesper!$R$2:$R$366,ROW(INDEX(Jesper!AK$2:AK$366,ROUNDDOWN($C386/24,0)+1,1))-1)+IF('Standard Profiles'!$G$21=$B$10,7,0)+IF('Standard Profiles'!$G$21=$B$17,14,0)+IF('Standard Profiles'!$G$21=$B$24,21,0),0)),0)</f>
        <v>0</v>
      </c>
      <c r="H386" cm="1">
        <f t="array" ref="H386">IFERROR(INDEX(Jesper!AL$2:AL$366,ROUNDDOWN($C386/24,0)+1,1)*INDEX($D$3:$AA$30,INDEX(Jesper!$R$2:$R$366,ROW(INDEX(Jesper!AL$2:AL$366,ROUNDDOWN($C386/24,0)+1,1))-1)+IF('Standard Profiles'!$G$22=$B$10,7,0)+IF('Standard Profiles'!$G$22=$B$17,14,0)+IF('Standard Profiles'!$G$22=$B$24,21,0),MOD($C386,24)+1)/SUM(INDEX($D$3:$AA$30,INDEX(Jesper!$R$2:$R$366,ROW(INDEX(Jesper!AL$2:AL$366,ROUNDDOWN($C386/24,0)+1,1))-1)+IF('Standard Profiles'!$G$22=$B$10,7,0)+IF('Standard Profiles'!$G$22=$B$17,14,0)+IF('Standard Profiles'!$G$22=$B$24,21,0),0)),0)</f>
        <v>0</v>
      </c>
      <c r="I386">
        <f t="shared" si="55"/>
        <v>0.53798699119521709</v>
      </c>
      <c r="J386">
        <f t="shared" si="56"/>
        <v>1.7932899706507237</v>
      </c>
      <c r="K386">
        <f t="shared" si="57"/>
        <v>2.6899349559760855</v>
      </c>
      <c r="L386">
        <f t="shared" si="58"/>
        <v>12.911687788685208</v>
      </c>
      <c r="M386">
        <f t="shared" si="59"/>
        <v>0</v>
      </c>
      <c r="N386" s="46">
        <f t="shared" si="60"/>
        <v>45306.666666665813</v>
      </c>
    </row>
    <row r="387" spans="2:14" x14ac:dyDescent="0.3">
      <c r="B387">
        <f t="shared" si="54"/>
        <v>1</v>
      </c>
      <c r="C387" s="16">
        <v>353</v>
      </c>
      <c r="D387" cm="1">
        <f t="array" ref="D387">IFERROR(INDEX(Jesper!AH$2:AH$366,ROUNDDOWN($C387/24,0)+1,1)*INDEX($D$3:$AA$30,INDEX(Jesper!$R$2:$R$366,ROW(INDEX(Jesper!AH$2:AH$366,ROUNDDOWN($C387/24,0)+1,1))-1)+IF('Standard Profiles'!$G$18=$B$10,7,0)+IF('Standard Profiles'!$G$18=$B$17,14,0)+IF('Standard Profiles'!$G$18=$B$24,21,0),MOD($C387,24)+1)/SUM(INDEX($D$3:$AA$30,INDEX(Jesper!$R$2:$R$366,ROW(INDEX(Jesper!AH$2:AH$366,ROUNDDOWN($C387/24,0)+1,1))-1)+IF('Standard Profiles'!$G$18=$B$10,7,0)+IF('Standard Profiles'!$G$18=$B$17,14,0)+IF('Standard Profiles'!$G$18=$B$24,21,0),0)),0)</f>
        <v>17.932899706507236</v>
      </c>
      <c r="E387" cm="1">
        <f t="array" ref="E387">IFERROR(INDEX(Jesper!AI$2:AI$366,ROUNDDOWN($C387/24,0)+1,1)*INDEX($D$3:$AA$30,INDEX(Jesper!$R$2:$R$366,ROW(INDEX(Jesper!AI$2:AI$366,ROUNDDOWN($C387/24,0)+1,1))-1)+IF('Standard Profiles'!$G$19=$B$10,7,0)+IF('Standard Profiles'!$G$19=$B$17,14,0)+IF('Standard Profiles'!$G$19=$B$24,21,0),MOD($C387,24)+1)/SUM(INDEX($D$3:$AA$30,INDEX(Jesper!$R$2:$R$366,ROW(INDEX(Jesper!AI$2:AI$366,ROUNDDOWN($C387/24,0)+1,1))-1)+IF('Standard Profiles'!$G$19=$B$10,7,0)+IF('Standard Profiles'!$G$19=$B$17,14,0)+IF('Standard Profiles'!$G$19=$B$24,21,0),0)),0)</f>
        <v>0</v>
      </c>
      <c r="F387" cm="1">
        <f t="array" ref="F387">IFERROR(INDEX(Jesper!AJ$2:AJ$366,ROUNDDOWN($C387/24,0)+1,1)*INDEX($D$3:$AA$30,INDEX(Jesper!$R$2:$R$366,ROW(INDEX(Jesper!AJ$2:AJ$366,ROUNDDOWN($C387/24,0)+1,1))-1)+IF('Standard Profiles'!$G$20=$B$10,7,0)+IF('Standard Profiles'!$G$20=$B$17,14,0)+IF('Standard Profiles'!$G$20=$B$24,21,0),MOD($C387,24)+1)/SUM(INDEX($D$3:$AA$30,INDEX(Jesper!$R$2:$R$366,ROW(INDEX(Jesper!AJ$2:AJ$366,ROUNDDOWN($C387/24,0)+1,1))-1)+IF('Standard Profiles'!$G$20=$B$10,7,0)+IF('Standard Profiles'!$G$20=$B$17,14,0)+IF('Standard Profiles'!$G$20=$B$24,21,0),0)),0)</f>
        <v>0</v>
      </c>
      <c r="G387" cm="1">
        <f t="array" ref="G387">IFERROR(INDEX(Jesper!AK$2:AK$366,ROUNDDOWN($C387/24,0)+1,1)*INDEX($D$3:$AA$30,INDEX(Jesper!$R$2:$R$366,ROW(INDEX(Jesper!AK$2:AK$366,ROUNDDOWN($C387/24,0)+1,1))-1)+IF('Standard Profiles'!$G$21=$B$10,7,0)+IF('Standard Profiles'!$G$21=$B$17,14,0)+IF('Standard Profiles'!$G$21=$B$24,21,0),MOD($C387,24)+1)/SUM(INDEX($D$3:$AA$30,INDEX(Jesper!$R$2:$R$366,ROW(INDEX(Jesper!AK$2:AK$366,ROUNDDOWN($C387/24,0)+1,1))-1)+IF('Standard Profiles'!$G$21=$B$10,7,0)+IF('Standard Profiles'!$G$21=$B$17,14,0)+IF('Standard Profiles'!$G$21=$B$24,21,0),0)),0)</f>
        <v>0</v>
      </c>
      <c r="H387" cm="1">
        <f t="array" ref="H387">IFERROR(INDEX(Jesper!AL$2:AL$366,ROUNDDOWN($C387/24,0)+1,1)*INDEX($D$3:$AA$30,INDEX(Jesper!$R$2:$R$366,ROW(INDEX(Jesper!AL$2:AL$366,ROUNDDOWN($C387/24,0)+1,1))-1)+IF('Standard Profiles'!$G$22=$B$10,7,0)+IF('Standard Profiles'!$G$22=$B$17,14,0)+IF('Standard Profiles'!$G$22=$B$24,21,0),MOD($C387,24)+1)/SUM(INDEX($D$3:$AA$30,INDEX(Jesper!$R$2:$R$366,ROW(INDEX(Jesper!AL$2:AL$366,ROUNDDOWN($C387/24,0)+1,1))-1)+IF('Standard Profiles'!$G$22=$B$10,7,0)+IF('Standard Profiles'!$G$22=$B$17,14,0)+IF('Standard Profiles'!$G$22=$B$24,21,0),0)),0)</f>
        <v>0</v>
      </c>
      <c r="I387">
        <f t="shared" si="55"/>
        <v>0.53798699119521709</v>
      </c>
      <c r="J387">
        <f t="shared" si="56"/>
        <v>1.7932899706507237</v>
      </c>
      <c r="K387">
        <f t="shared" si="57"/>
        <v>2.6899349559760855</v>
      </c>
      <c r="L387">
        <f t="shared" si="58"/>
        <v>12.911687788685208</v>
      </c>
      <c r="M387">
        <f t="shared" si="59"/>
        <v>0</v>
      </c>
      <c r="N387" s="46">
        <f t="shared" si="60"/>
        <v>45306.708333332477</v>
      </c>
    </row>
    <row r="388" spans="2:14" x14ac:dyDescent="0.3">
      <c r="B388">
        <f t="shared" si="54"/>
        <v>1</v>
      </c>
      <c r="C388" s="16">
        <v>354</v>
      </c>
      <c r="D388" cm="1">
        <f t="array" ref="D388">IFERROR(INDEX(Jesper!AH$2:AH$366,ROUNDDOWN($C388/24,0)+1,1)*INDEX($D$3:$AA$30,INDEX(Jesper!$R$2:$R$366,ROW(INDEX(Jesper!AH$2:AH$366,ROUNDDOWN($C388/24,0)+1,1))-1)+IF('Standard Profiles'!$G$18=$B$10,7,0)+IF('Standard Profiles'!$G$18=$B$17,14,0)+IF('Standard Profiles'!$G$18=$B$24,21,0),MOD($C388,24)+1)/SUM(INDEX($D$3:$AA$30,INDEX(Jesper!$R$2:$R$366,ROW(INDEX(Jesper!AH$2:AH$366,ROUNDDOWN($C388/24,0)+1,1))-1)+IF('Standard Profiles'!$G$18=$B$10,7,0)+IF('Standard Profiles'!$G$18=$B$17,14,0)+IF('Standard Profiles'!$G$18=$B$24,21,0),0)),0)</f>
        <v>17.932899706507236</v>
      </c>
      <c r="E388" cm="1">
        <f t="array" ref="E388">IFERROR(INDEX(Jesper!AI$2:AI$366,ROUNDDOWN($C388/24,0)+1,1)*INDEX($D$3:$AA$30,INDEX(Jesper!$R$2:$R$366,ROW(INDEX(Jesper!AI$2:AI$366,ROUNDDOWN($C388/24,0)+1,1))-1)+IF('Standard Profiles'!$G$19=$B$10,7,0)+IF('Standard Profiles'!$G$19=$B$17,14,0)+IF('Standard Profiles'!$G$19=$B$24,21,0),MOD($C388,24)+1)/SUM(INDEX($D$3:$AA$30,INDEX(Jesper!$R$2:$R$366,ROW(INDEX(Jesper!AI$2:AI$366,ROUNDDOWN($C388/24,0)+1,1))-1)+IF('Standard Profiles'!$G$19=$B$10,7,0)+IF('Standard Profiles'!$G$19=$B$17,14,0)+IF('Standard Profiles'!$G$19=$B$24,21,0),0)),0)</f>
        <v>0</v>
      </c>
      <c r="F388" cm="1">
        <f t="array" ref="F388">IFERROR(INDEX(Jesper!AJ$2:AJ$366,ROUNDDOWN($C388/24,0)+1,1)*INDEX($D$3:$AA$30,INDEX(Jesper!$R$2:$R$366,ROW(INDEX(Jesper!AJ$2:AJ$366,ROUNDDOWN($C388/24,0)+1,1))-1)+IF('Standard Profiles'!$G$20=$B$10,7,0)+IF('Standard Profiles'!$G$20=$B$17,14,0)+IF('Standard Profiles'!$G$20=$B$24,21,0),MOD($C388,24)+1)/SUM(INDEX($D$3:$AA$30,INDEX(Jesper!$R$2:$R$366,ROW(INDEX(Jesper!AJ$2:AJ$366,ROUNDDOWN($C388/24,0)+1,1))-1)+IF('Standard Profiles'!$G$20=$B$10,7,0)+IF('Standard Profiles'!$G$20=$B$17,14,0)+IF('Standard Profiles'!$G$20=$B$24,21,0),0)),0)</f>
        <v>0</v>
      </c>
      <c r="G388" cm="1">
        <f t="array" ref="G388">IFERROR(INDEX(Jesper!AK$2:AK$366,ROUNDDOWN($C388/24,0)+1,1)*INDEX($D$3:$AA$30,INDEX(Jesper!$R$2:$R$366,ROW(INDEX(Jesper!AK$2:AK$366,ROUNDDOWN($C388/24,0)+1,1))-1)+IF('Standard Profiles'!$G$21=$B$10,7,0)+IF('Standard Profiles'!$G$21=$B$17,14,0)+IF('Standard Profiles'!$G$21=$B$24,21,0),MOD($C388,24)+1)/SUM(INDEX($D$3:$AA$30,INDEX(Jesper!$R$2:$R$366,ROW(INDEX(Jesper!AK$2:AK$366,ROUNDDOWN($C388/24,0)+1,1))-1)+IF('Standard Profiles'!$G$21=$B$10,7,0)+IF('Standard Profiles'!$G$21=$B$17,14,0)+IF('Standard Profiles'!$G$21=$B$24,21,0),0)),0)</f>
        <v>0</v>
      </c>
      <c r="H388" cm="1">
        <f t="array" ref="H388">IFERROR(INDEX(Jesper!AL$2:AL$366,ROUNDDOWN($C388/24,0)+1,1)*INDEX($D$3:$AA$30,INDEX(Jesper!$R$2:$R$366,ROW(INDEX(Jesper!AL$2:AL$366,ROUNDDOWN($C388/24,0)+1,1))-1)+IF('Standard Profiles'!$G$22=$B$10,7,0)+IF('Standard Profiles'!$G$22=$B$17,14,0)+IF('Standard Profiles'!$G$22=$B$24,21,0),MOD($C388,24)+1)/SUM(INDEX($D$3:$AA$30,INDEX(Jesper!$R$2:$R$366,ROW(INDEX(Jesper!AL$2:AL$366,ROUNDDOWN($C388/24,0)+1,1))-1)+IF('Standard Profiles'!$G$22=$B$10,7,0)+IF('Standard Profiles'!$G$22=$B$17,14,0)+IF('Standard Profiles'!$G$22=$B$24,21,0),0)),0)</f>
        <v>0</v>
      </c>
      <c r="I388">
        <f t="shared" si="55"/>
        <v>0.53798699119521709</v>
      </c>
      <c r="J388">
        <f t="shared" si="56"/>
        <v>1.7932899706507237</v>
      </c>
      <c r="K388">
        <f t="shared" si="57"/>
        <v>2.6899349559760855</v>
      </c>
      <c r="L388">
        <f t="shared" si="58"/>
        <v>12.911687788685208</v>
      </c>
      <c r="M388">
        <f t="shared" si="59"/>
        <v>0</v>
      </c>
      <c r="N388" s="46">
        <f t="shared" si="60"/>
        <v>45306.749999999141</v>
      </c>
    </row>
    <row r="389" spans="2:14" x14ac:dyDescent="0.3">
      <c r="B389">
        <f t="shared" si="54"/>
        <v>1</v>
      </c>
      <c r="C389" s="16">
        <v>355</v>
      </c>
      <c r="D389" cm="1">
        <f t="array" ref="D389">IFERROR(INDEX(Jesper!AH$2:AH$366,ROUNDDOWN($C389/24,0)+1,1)*INDEX($D$3:$AA$30,INDEX(Jesper!$R$2:$R$366,ROW(INDEX(Jesper!AH$2:AH$366,ROUNDDOWN($C389/24,0)+1,1))-1)+IF('Standard Profiles'!$G$18=$B$10,7,0)+IF('Standard Profiles'!$G$18=$B$17,14,0)+IF('Standard Profiles'!$G$18=$B$24,21,0),MOD($C389,24)+1)/SUM(INDEX($D$3:$AA$30,INDEX(Jesper!$R$2:$R$366,ROW(INDEX(Jesper!AH$2:AH$366,ROUNDDOWN($C389/24,0)+1,1))-1)+IF('Standard Profiles'!$G$18=$B$10,7,0)+IF('Standard Profiles'!$G$18=$B$17,14,0)+IF('Standard Profiles'!$G$18=$B$24,21,0),0)),0)</f>
        <v>15.018803504199813</v>
      </c>
      <c r="E389" cm="1">
        <f t="array" ref="E389">IFERROR(INDEX(Jesper!AI$2:AI$366,ROUNDDOWN($C389/24,0)+1,1)*INDEX($D$3:$AA$30,INDEX(Jesper!$R$2:$R$366,ROW(INDEX(Jesper!AI$2:AI$366,ROUNDDOWN($C389/24,0)+1,1))-1)+IF('Standard Profiles'!$G$19=$B$10,7,0)+IF('Standard Profiles'!$G$19=$B$17,14,0)+IF('Standard Profiles'!$G$19=$B$24,21,0),MOD($C389,24)+1)/SUM(INDEX($D$3:$AA$30,INDEX(Jesper!$R$2:$R$366,ROW(INDEX(Jesper!AI$2:AI$366,ROUNDDOWN($C389/24,0)+1,1))-1)+IF('Standard Profiles'!$G$19=$B$10,7,0)+IF('Standard Profiles'!$G$19=$B$17,14,0)+IF('Standard Profiles'!$G$19=$B$24,21,0),0)),0)</f>
        <v>0</v>
      </c>
      <c r="F389" cm="1">
        <f t="array" ref="F389">IFERROR(INDEX(Jesper!AJ$2:AJ$366,ROUNDDOWN($C389/24,0)+1,1)*INDEX($D$3:$AA$30,INDEX(Jesper!$R$2:$R$366,ROW(INDEX(Jesper!AJ$2:AJ$366,ROUNDDOWN($C389/24,0)+1,1))-1)+IF('Standard Profiles'!$G$20=$B$10,7,0)+IF('Standard Profiles'!$G$20=$B$17,14,0)+IF('Standard Profiles'!$G$20=$B$24,21,0),MOD($C389,24)+1)/SUM(INDEX($D$3:$AA$30,INDEX(Jesper!$R$2:$R$366,ROW(INDEX(Jesper!AJ$2:AJ$366,ROUNDDOWN($C389/24,0)+1,1))-1)+IF('Standard Profiles'!$G$20=$B$10,7,0)+IF('Standard Profiles'!$G$20=$B$17,14,0)+IF('Standard Profiles'!$G$20=$B$24,21,0),0)),0)</f>
        <v>0</v>
      </c>
      <c r="G389" cm="1">
        <f t="array" ref="G389">IFERROR(INDEX(Jesper!AK$2:AK$366,ROUNDDOWN($C389/24,0)+1,1)*INDEX($D$3:$AA$30,INDEX(Jesper!$R$2:$R$366,ROW(INDEX(Jesper!AK$2:AK$366,ROUNDDOWN($C389/24,0)+1,1))-1)+IF('Standard Profiles'!$G$21=$B$10,7,0)+IF('Standard Profiles'!$G$21=$B$17,14,0)+IF('Standard Profiles'!$G$21=$B$24,21,0),MOD($C389,24)+1)/SUM(INDEX($D$3:$AA$30,INDEX(Jesper!$R$2:$R$366,ROW(INDEX(Jesper!AK$2:AK$366,ROUNDDOWN($C389/24,0)+1,1))-1)+IF('Standard Profiles'!$G$21=$B$10,7,0)+IF('Standard Profiles'!$G$21=$B$17,14,0)+IF('Standard Profiles'!$G$21=$B$24,21,0),0)),0)</f>
        <v>0</v>
      </c>
      <c r="H389" cm="1">
        <f t="array" ref="H389">IFERROR(INDEX(Jesper!AL$2:AL$366,ROUNDDOWN($C389/24,0)+1,1)*INDEX($D$3:$AA$30,INDEX(Jesper!$R$2:$R$366,ROW(INDEX(Jesper!AL$2:AL$366,ROUNDDOWN($C389/24,0)+1,1))-1)+IF('Standard Profiles'!$G$22=$B$10,7,0)+IF('Standard Profiles'!$G$22=$B$17,14,0)+IF('Standard Profiles'!$G$22=$B$24,21,0),MOD($C389,24)+1)/SUM(INDEX($D$3:$AA$30,INDEX(Jesper!$R$2:$R$366,ROW(INDEX(Jesper!AL$2:AL$366,ROUNDDOWN($C389/24,0)+1,1))-1)+IF('Standard Profiles'!$G$22=$B$10,7,0)+IF('Standard Profiles'!$G$22=$B$17,14,0)+IF('Standard Profiles'!$G$22=$B$24,21,0),0)),0)</f>
        <v>0</v>
      </c>
      <c r="I389">
        <f t="shared" si="55"/>
        <v>0.45056410512599437</v>
      </c>
      <c r="J389">
        <f t="shared" si="56"/>
        <v>1.5018803504199814</v>
      </c>
      <c r="K389">
        <f t="shared" si="57"/>
        <v>2.2528205256299718</v>
      </c>
      <c r="L389">
        <f t="shared" si="58"/>
        <v>10.813538523023865</v>
      </c>
      <c r="M389">
        <f t="shared" si="59"/>
        <v>0</v>
      </c>
      <c r="N389" s="46">
        <f t="shared" si="60"/>
        <v>45306.791666665806</v>
      </c>
    </row>
    <row r="390" spans="2:14" x14ac:dyDescent="0.3">
      <c r="B390">
        <f t="shared" si="54"/>
        <v>1</v>
      </c>
      <c r="C390" s="16">
        <v>356</v>
      </c>
      <c r="D390" cm="1">
        <f t="array" ref="D390">IFERROR(INDEX(Jesper!AH$2:AH$366,ROUNDDOWN($C390/24,0)+1,1)*INDEX($D$3:$AA$30,INDEX(Jesper!$R$2:$R$366,ROW(INDEX(Jesper!AH$2:AH$366,ROUNDDOWN($C390/24,0)+1,1))-1)+IF('Standard Profiles'!$G$18=$B$10,7,0)+IF('Standard Profiles'!$G$18=$B$17,14,0)+IF('Standard Profiles'!$G$18=$B$24,21,0),MOD($C390,24)+1)/SUM(INDEX($D$3:$AA$30,INDEX(Jesper!$R$2:$R$366,ROW(INDEX(Jesper!AH$2:AH$366,ROUNDDOWN($C390/24,0)+1,1))-1)+IF('Standard Profiles'!$G$18=$B$10,7,0)+IF('Standard Profiles'!$G$18=$B$17,14,0)+IF('Standard Profiles'!$G$18=$B$24,21,0),0)),0)</f>
        <v>12.328868548223726</v>
      </c>
      <c r="E390" cm="1">
        <f t="array" ref="E390">IFERROR(INDEX(Jesper!AI$2:AI$366,ROUNDDOWN($C390/24,0)+1,1)*INDEX($D$3:$AA$30,INDEX(Jesper!$R$2:$R$366,ROW(INDEX(Jesper!AI$2:AI$366,ROUNDDOWN($C390/24,0)+1,1))-1)+IF('Standard Profiles'!$G$19=$B$10,7,0)+IF('Standard Profiles'!$G$19=$B$17,14,0)+IF('Standard Profiles'!$G$19=$B$24,21,0),MOD($C390,24)+1)/SUM(INDEX($D$3:$AA$30,INDEX(Jesper!$R$2:$R$366,ROW(INDEX(Jesper!AI$2:AI$366,ROUNDDOWN($C390/24,0)+1,1))-1)+IF('Standard Profiles'!$G$19=$B$10,7,0)+IF('Standard Profiles'!$G$19=$B$17,14,0)+IF('Standard Profiles'!$G$19=$B$24,21,0),0)),0)</f>
        <v>0</v>
      </c>
      <c r="F390" cm="1">
        <f t="array" ref="F390">IFERROR(INDEX(Jesper!AJ$2:AJ$366,ROUNDDOWN($C390/24,0)+1,1)*INDEX($D$3:$AA$30,INDEX(Jesper!$R$2:$R$366,ROW(INDEX(Jesper!AJ$2:AJ$366,ROUNDDOWN($C390/24,0)+1,1))-1)+IF('Standard Profiles'!$G$20=$B$10,7,0)+IF('Standard Profiles'!$G$20=$B$17,14,0)+IF('Standard Profiles'!$G$20=$B$24,21,0),MOD($C390,24)+1)/SUM(INDEX($D$3:$AA$30,INDEX(Jesper!$R$2:$R$366,ROW(INDEX(Jesper!AJ$2:AJ$366,ROUNDDOWN($C390/24,0)+1,1))-1)+IF('Standard Profiles'!$G$20=$B$10,7,0)+IF('Standard Profiles'!$G$20=$B$17,14,0)+IF('Standard Profiles'!$G$20=$B$24,21,0),0)),0)</f>
        <v>0</v>
      </c>
      <c r="G390" cm="1">
        <f t="array" ref="G390">IFERROR(INDEX(Jesper!AK$2:AK$366,ROUNDDOWN($C390/24,0)+1,1)*INDEX($D$3:$AA$30,INDEX(Jesper!$R$2:$R$366,ROW(INDEX(Jesper!AK$2:AK$366,ROUNDDOWN($C390/24,0)+1,1))-1)+IF('Standard Profiles'!$G$21=$B$10,7,0)+IF('Standard Profiles'!$G$21=$B$17,14,0)+IF('Standard Profiles'!$G$21=$B$24,21,0),MOD($C390,24)+1)/SUM(INDEX($D$3:$AA$30,INDEX(Jesper!$R$2:$R$366,ROW(INDEX(Jesper!AK$2:AK$366,ROUNDDOWN($C390/24,0)+1,1))-1)+IF('Standard Profiles'!$G$21=$B$10,7,0)+IF('Standard Profiles'!$G$21=$B$17,14,0)+IF('Standard Profiles'!$G$21=$B$24,21,0),0)),0)</f>
        <v>0</v>
      </c>
      <c r="H390" cm="1">
        <f t="array" ref="H390">IFERROR(INDEX(Jesper!AL$2:AL$366,ROUNDDOWN($C390/24,0)+1,1)*INDEX($D$3:$AA$30,INDEX(Jesper!$R$2:$R$366,ROW(INDEX(Jesper!AL$2:AL$366,ROUNDDOWN($C390/24,0)+1,1))-1)+IF('Standard Profiles'!$G$22=$B$10,7,0)+IF('Standard Profiles'!$G$22=$B$17,14,0)+IF('Standard Profiles'!$G$22=$B$24,21,0),MOD($C390,24)+1)/SUM(INDEX($D$3:$AA$30,INDEX(Jesper!$R$2:$R$366,ROW(INDEX(Jesper!AL$2:AL$366,ROUNDDOWN($C390/24,0)+1,1))-1)+IF('Standard Profiles'!$G$22=$B$10,7,0)+IF('Standard Profiles'!$G$22=$B$17,14,0)+IF('Standard Profiles'!$G$22=$B$24,21,0),0)),0)</f>
        <v>0</v>
      </c>
      <c r="I390">
        <f t="shared" si="55"/>
        <v>0.36986605644671178</v>
      </c>
      <c r="J390">
        <f t="shared" si="56"/>
        <v>1.2328868548223726</v>
      </c>
      <c r="K390">
        <f t="shared" si="57"/>
        <v>1.8493302822335589</v>
      </c>
      <c r="L390">
        <f t="shared" si="58"/>
        <v>8.8767853547210827</v>
      </c>
      <c r="M390">
        <f t="shared" si="59"/>
        <v>0</v>
      </c>
      <c r="N390" s="46">
        <f t="shared" si="60"/>
        <v>45306.83333333247</v>
      </c>
    </row>
    <row r="391" spans="2:14" x14ac:dyDescent="0.3">
      <c r="B391">
        <f t="shared" si="54"/>
        <v>1</v>
      </c>
      <c r="C391" s="16">
        <v>357</v>
      </c>
      <c r="D391" cm="1">
        <f t="array" ref="D391">IFERROR(INDEX(Jesper!AH$2:AH$366,ROUNDDOWN($C391/24,0)+1,1)*INDEX($D$3:$AA$30,INDEX(Jesper!$R$2:$R$366,ROW(INDEX(Jesper!AH$2:AH$366,ROUNDDOWN($C391/24,0)+1,1))-1)+IF('Standard Profiles'!$G$18=$B$10,7,0)+IF('Standard Profiles'!$G$18=$B$17,14,0)+IF('Standard Profiles'!$G$18=$B$24,21,0),MOD($C391,24)+1)/SUM(INDEX($D$3:$AA$30,INDEX(Jesper!$R$2:$R$366,ROW(INDEX(Jesper!AH$2:AH$366,ROUNDDOWN($C391/24,0)+1,1))-1)+IF('Standard Profiles'!$G$18=$B$10,7,0)+IF('Standard Profiles'!$G$18=$B$17,14,0)+IF('Standard Profiles'!$G$18=$B$24,21,0),0)),0)</f>
        <v>8.9664498532536179</v>
      </c>
      <c r="E391" cm="1">
        <f t="array" ref="E391">IFERROR(INDEX(Jesper!AI$2:AI$366,ROUNDDOWN($C391/24,0)+1,1)*INDEX($D$3:$AA$30,INDEX(Jesper!$R$2:$R$366,ROW(INDEX(Jesper!AI$2:AI$366,ROUNDDOWN($C391/24,0)+1,1))-1)+IF('Standard Profiles'!$G$19=$B$10,7,0)+IF('Standard Profiles'!$G$19=$B$17,14,0)+IF('Standard Profiles'!$G$19=$B$24,21,0),MOD($C391,24)+1)/SUM(INDEX($D$3:$AA$30,INDEX(Jesper!$R$2:$R$366,ROW(INDEX(Jesper!AI$2:AI$366,ROUNDDOWN($C391/24,0)+1,1))-1)+IF('Standard Profiles'!$G$19=$B$10,7,0)+IF('Standard Profiles'!$G$19=$B$17,14,0)+IF('Standard Profiles'!$G$19=$B$24,21,0),0)),0)</f>
        <v>0</v>
      </c>
      <c r="F391" cm="1">
        <f t="array" ref="F391">IFERROR(INDEX(Jesper!AJ$2:AJ$366,ROUNDDOWN($C391/24,0)+1,1)*INDEX($D$3:$AA$30,INDEX(Jesper!$R$2:$R$366,ROW(INDEX(Jesper!AJ$2:AJ$366,ROUNDDOWN($C391/24,0)+1,1))-1)+IF('Standard Profiles'!$G$20=$B$10,7,0)+IF('Standard Profiles'!$G$20=$B$17,14,0)+IF('Standard Profiles'!$G$20=$B$24,21,0),MOD($C391,24)+1)/SUM(INDEX($D$3:$AA$30,INDEX(Jesper!$R$2:$R$366,ROW(INDEX(Jesper!AJ$2:AJ$366,ROUNDDOWN($C391/24,0)+1,1))-1)+IF('Standard Profiles'!$G$20=$B$10,7,0)+IF('Standard Profiles'!$G$20=$B$17,14,0)+IF('Standard Profiles'!$G$20=$B$24,21,0),0)),0)</f>
        <v>0</v>
      </c>
      <c r="G391" cm="1">
        <f t="array" ref="G391">IFERROR(INDEX(Jesper!AK$2:AK$366,ROUNDDOWN($C391/24,0)+1,1)*INDEX($D$3:$AA$30,INDEX(Jesper!$R$2:$R$366,ROW(INDEX(Jesper!AK$2:AK$366,ROUNDDOWN($C391/24,0)+1,1))-1)+IF('Standard Profiles'!$G$21=$B$10,7,0)+IF('Standard Profiles'!$G$21=$B$17,14,0)+IF('Standard Profiles'!$G$21=$B$24,21,0),MOD($C391,24)+1)/SUM(INDEX($D$3:$AA$30,INDEX(Jesper!$R$2:$R$366,ROW(INDEX(Jesper!AK$2:AK$366,ROUNDDOWN($C391/24,0)+1,1))-1)+IF('Standard Profiles'!$G$21=$B$10,7,0)+IF('Standard Profiles'!$G$21=$B$17,14,0)+IF('Standard Profiles'!$G$21=$B$24,21,0),0)),0)</f>
        <v>0</v>
      </c>
      <c r="H391" cm="1">
        <f t="array" ref="H391">IFERROR(INDEX(Jesper!AL$2:AL$366,ROUNDDOWN($C391/24,0)+1,1)*INDEX($D$3:$AA$30,INDEX(Jesper!$R$2:$R$366,ROW(INDEX(Jesper!AL$2:AL$366,ROUNDDOWN($C391/24,0)+1,1))-1)+IF('Standard Profiles'!$G$22=$B$10,7,0)+IF('Standard Profiles'!$G$22=$B$17,14,0)+IF('Standard Profiles'!$G$22=$B$24,21,0),MOD($C391,24)+1)/SUM(INDEX($D$3:$AA$30,INDEX(Jesper!$R$2:$R$366,ROW(INDEX(Jesper!AL$2:AL$366,ROUNDDOWN($C391/24,0)+1,1))-1)+IF('Standard Profiles'!$G$22=$B$10,7,0)+IF('Standard Profiles'!$G$22=$B$17,14,0)+IF('Standard Profiles'!$G$22=$B$24,21,0),0)),0)</f>
        <v>0</v>
      </c>
      <c r="I391">
        <f t="shared" si="55"/>
        <v>0.26899349559760855</v>
      </c>
      <c r="J391">
        <f t="shared" si="56"/>
        <v>0.89664498532536185</v>
      </c>
      <c r="K391">
        <f t="shared" si="57"/>
        <v>1.3449674779880427</v>
      </c>
      <c r="L391">
        <f t="shared" si="58"/>
        <v>6.4558438943426042</v>
      </c>
      <c r="M391">
        <f t="shared" si="59"/>
        <v>0</v>
      </c>
      <c r="N391" s="46">
        <f t="shared" si="60"/>
        <v>45306.874999999134</v>
      </c>
    </row>
    <row r="392" spans="2:14" x14ac:dyDescent="0.3">
      <c r="B392">
        <f t="shared" si="54"/>
        <v>1</v>
      </c>
      <c r="C392" s="16">
        <v>358</v>
      </c>
      <c r="D392" cm="1">
        <f t="array" ref="D392">IFERROR(INDEX(Jesper!AH$2:AH$366,ROUNDDOWN($C392/24,0)+1,1)*INDEX($D$3:$AA$30,INDEX(Jesper!$R$2:$R$366,ROW(INDEX(Jesper!AH$2:AH$366,ROUNDDOWN($C392/24,0)+1,1))-1)+IF('Standard Profiles'!$G$18=$B$10,7,0)+IF('Standard Profiles'!$G$18=$B$17,14,0)+IF('Standard Profiles'!$G$18=$B$24,21,0),MOD($C392,24)+1)/SUM(INDEX($D$3:$AA$30,INDEX(Jesper!$R$2:$R$366,ROW(INDEX(Jesper!AH$2:AH$366,ROUNDDOWN($C392/24,0)+1,1))-1)+IF('Standard Profiles'!$G$18=$B$10,7,0)+IF('Standard Profiles'!$G$18=$B$17,14,0)+IF('Standard Profiles'!$G$18=$B$24,21,0),0)),0)</f>
        <v>8.5181273605909382</v>
      </c>
      <c r="E392" cm="1">
        <f t="array" ref="E392">IFERROR(INDEX(Jesper!AI$2:AI$366,ROUNDDOWN($C392/24,0)+1,1)*INDEX($D$3:$AA$30,INDEX(Jesper!$R$2:$R$366,ROW(INDEX(Jesper!AI$2:AI$366,ROUNDDOWN($C392/24,0)+1,1))-1)+IF('Standard Profiles'!$G$19=$B$10,7,0)+IF('Standard Profiles'!$G$19=$B$17,14,0)+IF('Standard Profiles'!$G$19=$B$24,21,0),MOD($C392,24)+1)/SUM(INDEX($D$3:$AA$30,INDEX(Jesper!$R$2:$R$366,ROW(INDEX(Jesper!AI$2:AI$366,ROUNDDOWN($C392/24,0)+1,1))-1)+IF('Standard Profiles'!$G$19=$B$10,7,0)+IF('Standard Profiles'!$G$19=$B$17,14,0)+IF('Standard Profiles'!$G$19=$B$24,21,0),0)),0)</f>
        <v>0</v>
      </c>
      <c r="F392" cm="1">
        <f t="array" ref="F392">IFERROR(INDEX(Jesper!AJ$2:AJ$366,ROUNDDOWN($C392/24,0)+1,1)*INDEX($D$3:$AA$30,INDEX(Jesper!$R$2:$R$366,ROW(INDEX(Jesper!AJ$2:AJ$366,ROUNDDOWN($C392/24,0)+1,1))-1)+IF('Standard Profiles'!$G$20=$B$10,7,0)+IF('Standard Profiles'!$G$20=$B$17,14,0)+IF('Standard Profiles'!$G$20=$B$24,21,0),MOD($C392,24)+1)/SUM(INDEX($D$3:$AA$30,INDEX(Jesper!$R$2:$R$366,ROW(INDEX(Jesper!AJ$2:AJ$366,ROUNDDOWN($C392/24,0)+1,1))-1)+IF('Standard Profiles'!$G$20=$B$10,7,0)+IF('Standard Profiles'!$G$20=$B$17,14,0)+IF('Standard Profiles'!$G$20=$B$24,21,0),0)),0)</f>
        <v>0</v>
      </c>
      <c r="G392" cm="1">
        <f t="array" ref="G392">IFERROR(INDEX(Jesper!AK$2:AK$366,ROUNDDOWN($C392/24,0)+1,1)*INDEX($D$3:$AA$30,INDEX(Jesper!$R$2:$R$366,ROW(INDEX(Jesper!AK$2:AK$366,ROUNDDOWN($C392/24,0)+1,1))-1)+IF('Standard Profiles'!$G$21=$B$10,7,0)+IF('Standard Profiles'!$G$21=$B$17,14,0)+IF('Standard Profiles'!$G$21=$B$24,21,0),MOD($C392,24)+1)/SUM(INDEX($D$3:$AA$30,INDEX(Jesper!$R$2:$R$366,ROW(INDEX(Jesper!AK$2:AK$366,ROUNDDOWN($C392/24,0)+1,1))-1)+IF('Standard Profiles'!$G$21=$B$10,7,0)+IF('Standard Profiles'!$G$21=$B$17,14,0)+IF('Standard Profiles'!$G$21=$B$24,21,0),0)),0)</f>
        <v>0</v>
      </c>
      <c r="H392" cm="1">
        <f t="array" ref="H392">IFERROR(INDEX(Jesper!AL$2:AL$366,ROUNDDOWN($C392/24,0)+1,1)*INDEX($D$3:$AA$30,INDEX(Jesper!$R$2:$R$366,ROW(INDEX(Jesper!AL$2:AL$366,ROUNDDOWN($C392/24,0)+1,1))-1)+IF('Standard Profiles'!$G$22=$B$10,7,0)+IF('Standard Profiles'!$G$22=$B$17,14,0)+IF('Standard Profiles'!$G$22=$B$24,21,0),MOD($C392,24)+1)/SUM(INDEX($D$3:$AA$30,INDEX(Jesper!$R$2:$R$366,ROW(INDEX(Jesper!AL$2:AL$366,ROUNDDOWN($C392/24,0)+1,1))-1)+IF('Standard Profiles'!$G$22=$B$10,7,0)+IF('Standard Profiles'!$G$22=$B$17,14,0)+IF('Standard Profiles'!$G$22=$B$24,21,0),0)),0)</f>
        <v>0</v>
      </c>
      <c r="I392">
        <f t="shared" si="55"/>
        <v>0.25554382081772814</v>
      </c>
      <c r="J392">
        <f t="shared" si="56"/>
        <v>0.85181273605909391</v>
      </c>
      <c r="K392">
        <f t="shared" si="57"/>
        <v>1.2777191040886406</v>
      </c>
      <c r="L392">
        <f t="shared" si="58"/>
        <v>6.1330516996254749</v>
      </c>
      <c r="M392">
        <f t="shared" si="59"/>
        <v>0</v>
      </c>
      <c r="N392" s="46">
        <f t="shared" si="60"/>
        <v>45306.916666665798</v>
      </c>
    </row>
    <row r="393" spans="2:14" x14ac:dyDescent="0.3">
      <c r="B393">
        <f t="shared" si="54"/>
        <v>1</v>
      </c>
      <c r="C393" s="16">
        <v>359</v>
      </c>
      <c r="D393" cm="1">
        <f t="array" ref="D393">IFERROR(INDEX(Jesper!AH$2:AH$366,ROUNDDOWN($C393/24,0)+1,1)*INDEX($D$3:$AA$30,INDEX(Jesper!$R$2:$R$366,ROW(INDEX(Jesper!AH$2:AH$366,ROUNDDOWN($C393/24,0)+1,1))-1)+IF('Standard Profiles'!$G$18=$B$10,7,0)+IF('Standard Profiles'!$G$18=$B$17,14,0)+IF('Standard Profiles'!$G$18=$B$24,21,0),MOD($C393,24)+1)/SUM(INDEX($D$3:$AA$30,INDEX(Jesper!$R$2:$R$366,ROW(INDEX(Jesper!AH$2:AH$366,ROUNDDOWN($C393/24,0)+1,1))-1)+IF('Standard Profiles'!$G$18=$B$10,7,0)+IF('Standard Profiles'!$G$18=$B$17,14,0)+IF('Standard Profiles'!$G$18=$B$24,21,0),0)),0)</f>
        <v>8.5181273605909382</v>
      </c>
      <c r="E393" cm="1">
        <f t="array" ref="E393">IFERROR(INDEX(Jesper!AI$2:AI$366,ROUNDDOWN($C393/24,0)+1,1)*INDEX($D$3:$AA$30,INDEX(Jesper!$R$2:$R$366,ROW(INDEX(Jesper!AI$2:AI$366,ROUNDDOWN($C393/24,0)+1,1))-1)+IF('Standard Profiles'!$G$19=$B$10,7,0)+IF('Standard Profiles'!$G$19=$B$17,14,0)+IF('Standard Profiles'!$G$19=$B$24,21,0),MOD($C393,24)+1)/SUM(INDEX($D$3:$AA$30,INDEX(Jesper!$R$2:$R$366,ROW(INDEX(Jesper!AI$2:AI$366,ROUNDDOWN($C393/24,0)+1,1))-1)+IF('Standard Profiles'!$G$19=$B$10,7,0)+IF('Standard Profiles'!$G$19=$B$17,14,0)+IF('Standard Profiles'!$G$19=$B$24,21,0),0)),0)</f>
        <v>0</v>
      </c>
      <c r="F393" cm="1">
        <f t="array" ref="F393">IFERROR(INDEX(Jesper!AJ$2:AJ$366,ROUNDDOWN($C393/24,0)+1,1)*INDEX($D$3:$AA$30,INDEX(Jesper!$R$2:$R$366,ROW(INDEX(Jesper!AJ$2:AJ$366,ROUNDDOWN($C393/24,0)+1,1))-1)+IF('Standard Profiles'!$G$20=$B$10,7,0)+IF('Standard Profiles'!$G$20=$B$17,14,0)+IF('Standard Profiles'!$G$20=$B$24,21,0),MOD($C393,24)+1)/SUM(INDEX($D$3:$AA$30,INDEX(Jesper!$R$2:$R$366,ROW(INDEX(Jesper!AJ$2:AJ$366,ROUNDDOWN($C393/24,0)+1,1))-1)+IF('Standard Profiles'!$G$20=$B$10,7,0)+IF('Standard Profiles'!$G$20=$B$17,14,0)+IF('Standard Profiles'!$G$20=$B$24,21,0),0)),0)</f>
        <v>0</v>
      </c>
      <c r="G393" cm="1">
        <f t="array" ref="G393">IFERROR(INDEX(Jesper!AK$2:AK$366,ROUNDDOWN($C393/24,0)+1,1)*INDEX($D$3:$AA$30,INDEX(Jesper!$R$2:$R$366,ROW(INDEX(Jesper!AK$2:AK$366,ROUNDDOWN($C393/24,0)+1,1))-1)+IF('Standard Profiles'!$G$21=$B$10,7,0)+IF('Standard Profiles'!$G$21=$B$17,14,0)+IF('Standard Profiles'!$G$21=$B$24,21,0),MOD($C393,24)+1)/SUM(INDEX($D$3:$AA$30,INDEX(Jesper!$R$2:$R$366,ROW(INDEX(Jesper!AK$2:AK$366,ROUNDDOWN($C393/24,0)+1,1))-1)+IF('Standard Profiles'!$G$21=$B$10,7,0)+IF('Standard Profiles'!$G$21=$B$17,14,0)+IF('Standard Profiles'!$G$21=$B$24,21,0),0)),0)</f>
        <v>0</v>
      </c>
      <c r="H393" cm="1">
        <f t="array" ref="H393">IFERROR(INDEX(Jesper!AL$2:AL$366,ROUNDDOWN($C393/24,0)+1,1)*INDEX($D$3:$AA$30,INDEX(Jesper!$R$2:$R$366,ROW(INDEX(Jesper!AL$2:AL$366,ROUNDDOWN($C393/24,0)+1,1))-1)+IF('Standard Profiles'!$G$22=$B$10,7,0)+IF('Standard Profiles'!$G$22=$B$17,14,0)+IF('Standard Profiles'!$G$22=$B$24,21,0),MOD($C393,24)+1)/SUM(INDEX($D$3:$AA$30,INDEX(Jesper!$R$2:$R$366,ROW(INDEX(Jesper!AL$2:AL$366,ROUNDDOWN($C393/24,0)+1,1))-1)+IF('Standard Profiles'!$G$22=$B$10,7,0)+IF('Standard Profiles'!$G$22=$B$17,14,0)+IF('Standard Profiles'!$G$22=$B$24,21,0),0)),0)</f>
        <v>0</v>
      </c>
      <c r="I393">
        <f t="shared" si="55"/>
        <v>0.25554382081772814</v>
      </c>
      <c r="J393">
        <f t="shared" si="56"/>
        <v>0.85181273605909391</v>
      </c>
      <c r="K393">
        <f t="shared" si="57"/>
        <v>1.2777191040886406</v>
      </c>
      <c r="L393">
        <f t="shared" si="58"/>
        <v>6.1330516996254749</v>
      </c>
      <c r="M393">
        <f t="shared" si="59"/>
        <v>0</v>
      </c>
      <c r="N393" s="46">
        <f t="shared" si="60"/>
        <v>45306.958333332463</v>
      </c>
    </row>
    <row r="394" spans="2:14" x14ac:dyDescent="0.3">
      <c r="B394">
        <f t="shared" si="54"/>
        <v>2</v>
      </c>
      <c r="C394" s="16">
        <v>360</v>
      </c>
      <c r="D394" cm="1">
        <f t="array" ref="D394">IFERROR(INDEX(Jesper!AH$2:AH$366,ROUNDDOWN($C394/24,0)+1,1)*INDEX($D$3:$AA$30,INDEX(Jesper!$R$2:$R$366,ROW(INDEX(Jesper!AH$2:AH$366,ROUNDDOWN($C394/24,0)+1,1))-1)+IF('Standard Profiles'!$G$18=$B$10,7,0)+IF('Standard Profiles'!$G$18=$B$17,14,0)+IF('Standard Profiles'!$G$18=$B$24,21,0),MOD($C394,24)+1)/SUM(INDEX($D$3:$AA$30,INDEX(Jesper!$R$2:$R$366,ROW(INDEX(Jesper!AH$2:AH$366,ROUNDDOWN($C394/24,0)+1,1))-1)+IF('Standard Profiles'!$G$18=$B$10,7,0)+IF('Standard Profiles'!$G$18=$B$17,14,0)+IF('Standard Profiles'!$G$18=$B$24,21,0),0)),0)</f>
        <v>7.90056914285611</v>
      </c>
      <c r="E394" cm="1">
        <f t="array" ref="E394">IFERROR(INDEX(Jesper!AI$2:AI$366,ROUNDDOWN($C394/24,0)+1,1)*INDEX($D$3:$AA$30,INDEX(Jesper!$R$2:$R$366,ROW(INDEX(Jesper!AI$2:AI$366,ROUNDDOWN($C394/24,0)+1,1))-1)+IF('Standard Profiles'!$G$19=$B$10,7,0)+IF('Standard Profiles'!$G$19=$B$17,14,0)+IF('Standard Profiles'!$G$19=$B$24,21,0),MOD($C394,24)+1)/SUM(INDEX($D$3:$AA$30,INDEX(Jesper!$R$2:$R$366,ROW(INDEX(Jesper!AI$2:AI$366,ROUNDDOWN($C394/24,0)+1,1))-1)+IF('Standard Profiles'!$G$19=$B$10,7,0)+IF('Standard Profiles'!$G$19=$B$17,14,0)+IF('Standard Profiles'!$G$19=$B$24,21,0),0)),0)</f>
        <v>0</v>
      </c>
      <c r="F394" cm="1">
        <f t="array" ref="F394">IFERROR(INDEX(Jesper!AJ$2:AJ$366,ROUNDDOWN($C394/24,0)+1,1)*INDEX($D$3:$AA$30,INDEX(Jesper!$R$2:$R$366,ROW(INDEX(Jesper!AJ$2:AJ$366,ROUNDDOWN($C394/24,0)+1,1))-1)+IF('Standard Profiles'!$G$20=$B$10,7,0)+IF('Standard Profiles'!$G$20=$B$17,14,0)+IF('Standard Profiles'!$G$20=$B$24,21,0),MOD($C394,24)+1)/SUM(INDEX($D$3:$AA$30,INDEX(Jesper!$R$2:$R$366,ROW(INDEX(Jesper!AJ$2:AJ$366,ROUNDDOWN($C394/24,0)+1,1))-1)+IF('Standard Profiles'!$G$20=$B$10,7,0)+IF('Standard Profiles'!$G$20=$B$17,14,0)+IF('Standard Profiles'!$G$20=$B$24,21,0),0)),0)</f>
        <v>0</v>
      </c>
      <c r="G394" cm="1">
        <f t="array" ref="G394">IFERROR(INDEX(Jesper!AK$2:AK$366,ROUNDDOWN($C394/24,0)+1,1)*INDEX($D$3:$AA$30,INDEX(Jesper!$R$2:$R$366,ROW(INDEX(Jesper!AK$2:AK$366,ROUNDDOWN($C394/24,0)+1,1))-1)+IF('Standard Profiles'!$G$21=$B$10,7,0)+IF('Standard Profiles'!$G$21=$B$17,14,0)+IF('Standard Profiles'!$G$21=$B$24,21,0),MOD($C394,24)+1)/SUM(INDEX($D$3:$AA$30,INDEX(Jesper!$R$2:$R$366,ROW(INDEX(Jesper!AK$2:AK$366,ROUNDDOWN($C394/24,0)+1,1))-1)+IF('Standard Profiles'!$G$21=$B$10,7,0)+IF('Standard Profiles'!$G$21=$B$17,14,0)+IF('Standard Profiles'!$G$21=$B$24,21,0),0)),0)</f>
        <v>0</v>
      </c>
      <c r="H394" cm="1">
        <f t="array" ref="H394">IFERROR(INDEX(Jesper!AL$2:AL$366,ROUNDDOWN($C394/24,0)+1,1)*INDEX($D$3:$AA$30,INDEX(Jesper!$R$2:$R$366,ROW(INDEX(Jesper!AL$2:AL$366,ROUNDDOWN($C394/24,0)+1,1))-1)+IF('Standard Profiles'!$G$22=$B$10,7,0)+IF('Standard Profiles'!$G$22=$B$17,14,0)+IF('Standard Profiles'!$G$22=$B$24,21,0),MOD($C394,24)+1)/SUM(INDEX($D$3:$AA$30,INDEX(Jesper!$R$2:$R$366,ROW(INDEX(Jesper!AL$2:AL$366,ROUNDDOWN($C394/24,0)+1,1))-1)+IF('Standard Profiles'!$G$22=$B$10,7,0)+IF('Standard Profiles'!$G$22=$B$17,14,0)+IF('Standard Profiles'!$G$22=$B$24,21,0),0)),0)</f>
        <v>0</v>
      </c>
      <c r="I394">
        <f t="shared" si="55"/>
        <v>0.2370170742856833</v>
      </c>
      <c r="J394">
        <f t="shared" si="56"/>
        <v>0.79005691428561109</v>
      </c>
      <c r="K394">
        <f t="shared" si="57"/>
        <v>1.1850853714284164</v>
      </c>
      <c r="L394">
        <f t="shared" si="58"/>
        <v>5.6884097828563993</v>
      </c>
      <c r="M394">
        <f t="shared" si="59"/>
        <v>0</v>
      </c>
      <c r="N394" s="46">
        <f t="shared" si="60"/>
        <v>45306.999999999127</v>
      </c>
    </row>
    <row r="395" spans="2:14" x14ac:dyDescent="0.3">
      <c r="B395">
        <f t="shared" si="54"/>
        <v>2</v>
      </c>
      <c r="C395" s="16">
        <v>361</v>
      </c>
      <c r="D395" cm="1">
        <f t="array" ref="D395">IFERROR(INDEX(Jesper!AH$2:AH$366,ROUNDDOWN($C395/24,0)+1,1)*INDEX($D$3:$AA$30,INDEX(Jesper!$R$2:$R$366,ROW(INDEX(Jesper!AH$2:AH$366,ROUNDDOWN($C395/24,0)+1,1))-1)+IF('Standard Profiles'!$G$18=$B$10,7,0)+IF('Standard Profiles'!$G$18=$B$17,14,0)+IF('Standard Profiles'!$G$18=$B$24,21,0),MOD($C395,24)+1)/SUM(INDEX($D$3:$AA$30,INDEX(Jesper!$R$2:$R$366,ROW(INDEX(Jesper!AH$2:AH$366,ROUNDDOWN($C395/24,0)+1,1))-1)+IF('Standard Profiles'!$G$18=$B$10,7,0)+IF('Standard Profiles'!$G$18=$B$17,14,0)+IF('Standard Profiles'!$G$18=$B$24,21,0),0)),0)</f>
        <v>7.90056914285611</v>
      </c>
      <c r="E395" cm="1">
        <f t="array" ref="E395">IFERROR(INDEX(Jesper!AI$2:AI$366,ROUNDDOWN($C395/24,0)+1,1)*INDEX($D$3:$AA$30,INDEX(Jesper!$R$2:$R$366,ROW(INDEX(Jesper!AI$2:AI$366,ROUNDDOWN($C395/24,0)+1,1))-1)+IF('Standard Profiles'!$G$19=$B$10,7,0)+IF('Standard Profiles'!$G$19=$B$17,14,0)+IF('Standard Profiles'!$G$19=$B$24,21,0),MOD($C395,24)+1)/SUM(INDEX($D$3:$AA$30,INDEX(Jesper!$R$2:$R$366,ROW(INDEX(Jesper!AI$2:AI$366,ROUNDDOWN($C395/24,0)+1,1))-1)+IF('Standard Profiles'!$G$19=$B$10,7,0)+IF('Standard Profiles'!$G$19=$B$17,14,0)+IF('Standard Profiles'!$G$19=$B$24,21,0),0)),0)</f>
        <v>0</v>
      </c>
      <c r="F395" cm="1">
        <f t="array" ref="F395">IFERROR(INDEX(Jesper!AJ$2:AJ$366,ROUNDDOWN($C395/24,0)+1,1)*INDEX($D$3:$AA$30,INDEX(Jesper!$R$2:$R$366,ROW(INDEX(Jesper!AJ$2:AJ$366,ROUNDDOWN($C395/24,0)+1,1))-1)+IF('Standard Profiles'!$G$20=$B$10,7,0)+IF('Standard Profiles'!$G$20=$B$17,14,0)+IF('Standard Profiles'!$G$20=$B$24,21,0),MOD($C395,24)+1)/SUM(INDEX($D$3:$AA$30,INDEX(Jesper!$R$2:$R$366,ROW(INDEX(Jesper!AJ$2:AJ$366,ROUNDDOWN($C395/24,0)+1,1))-1)+IF('Standard Profiles'!$G$20=$B$10,7,0)+IF('Standard Profiles'!$G$20=$B$17,14,0)+IF('Standard Profiles'!$G$20=$B$24,21,0),0)),0)</f>
        <v>0</v>
      </c>
      <c r="G395" cm="1">
        <f t="array" ref="G395">IFERROR(INDEX(Jesper!AK$2:AK$366,ROUNDDOWN($C395/24,0)+1,1)*INDEX($D$3:$AA$30,INDEX(Jesper!$R$2:$R$366,ROW(INDEX(Jesper!AK$2:AK$366,ROUNDDOWN($C395/24,0)+1,1))-1)+IF('Standard Profiles'!$G$21=$B$10,7,0)+IF('Standard Profiles'!$G$21=$B$17,14,0)+IF('Standard Profiles'!$G$21=$B$24,21,0),MOD($C395,24)+1)/SUM(INDEX($D$3:$AA$30,INDEX(Jesper!$R$2:$R$366,ROW(INDEX(Jesper!AK$2:AK$366,ROUNDDOWN($C395/24,0)+1,1))-1)+IF('Standard Profiles'!$G$21=$B$10,7,0)+IF('Standard Profiles'!$G$21=$B$17,14,0)+IF('Standard Profiles'!$G$21=$B$24,21,0),0)),0)</f>
        <v>0</v>
      </c>
      <c r="H395" cm="1">
        <f t="array" ref="H395">IFERROR(INDEX(Jesper!AL$2:AL$366,ROUNDDOWN($C395/24,0)+1,1)*INDEX($D$3:$AA$30,INDEX(Jesper!$R$2:$R$366,ROW(INDEX(Jesper!AL$2:AL$366,ROUNDDOWN($C395/24,0)+1,1))-1)+IF('Standard Profiles'!$G$22=$B$10,7,0)+IF('Standard Profiles'!$G$22=$B$17,14,0)+IF('Standard Profiles'!$G$22=$B$24,21,0),MOD($C395,24)+1)/SUM(INDEX($D$3:$AA$30,INDEX(Jesper!$R$2:$R$366,ROW(INDEX(Jesper!AL$2:AL$366,ROUNDDOWN($C395/24,0)+1,1))-1)+IF('Standard Profiles'!$G$22=$B$10,7,0)+IF('Standard Profiles'!$G$22=$B$17,14,0)+IF('Standard Profiles'!$G$22=$B$24,21,0),0)),0)</f>
        <v>0</v>
      </c>
      <c r="I395">
        <f t="shared" si="55"/>
        <v>0.2370170742856833</v>
      </c>
      <c r="J395">
        <f t="shared" si="56"/>
        <v>0.79005691428561109</v>
      </c>
      <c r="K395">
        <f t="shared" si="57"/>
        <v>1.1850853714284164</v>
      </c>
      <c r="L395">
        <f t="shared" si="58"/>
        <v>5.6884097828563993</v>
      </c>
      <c r="M395">
        <f t="shared" si="59"/>
        <v>0</v>
      </c>
      <c r="N395" s="46">
        <f t="shared" si="60"/>
        <v>45307.041666665791</v>
      </c>
    </row>
    <row r="396" spans="2:14" x14ac:dyDescent="0.3">
      <c r="B396">
        <f t="shared" si="54"/>
        <v>2</v>
      </c>
      <c r="C396" s="16">
        <v>362</v>
      </c>
      <c r="D396" cm="1">
        <f t="array" ref="D396">IFERROR(INDEX(Jesper!AH$2:AH$366,ROUNDDOWN($C396/24,0)+1,1)*INDEX($D$3:$AA$30,INDEX(Jesper!$R$2:$R$366,ROW(INDEX(Jesper!AH$2:AH$366,ROUNDDOWN($C396/24,0)+1,1))-1)+IF('Standard Profiles'!$G$18=$B$10,7,0)+IF('Standard Profiles'!$G$18=$B$17,14,0)+IF('Standard Profiles'!$G$18=$B$24,21,0),MOD($C396,24)+1)/SUM(INDEX($D$3:$AA$30,INDEX(Jesper!$R$2:$R$366,ROW(INDEX(Jesper!AH$2:AH$366,ROUNDDOWN($C396/24,0)+1,1))-1)+IF('Standard Profiles'!$G$18=$B$10,7,0)+IF('Standard Profiles'!$G$18=$B$17,14,0)+IF('Standard Profiles'!$G$18=$B$24,21,0),0)),0)</f>
        <v>7.90056914285611</v>
      </c>
      <c r="E396" cm="1">
        <f t="array" ref="E396">IFERROR(INDEX(Jesper!AI$2:AI$366,ROUNDDOWN($C396/24,0)+1,1)*INDEX($D$3:$AA$30,INDEX(Jesper!$R$2:$R$366,ROW(INDEX(Jesper!AI$2:AI$366,ROUNDDOWN($C396/24,0)+1,1))-1)+IF('Standard Profiles'!$G$19=$B$10,7,0)+IF('Standard Profiles'!$G$19=$B$17,14,0)+IF('Standard Profiles'!$G$19=$B$24,21,0),MOD($C396,24)+1)/SUM(INDEX($D$3:$AA$30,INDEX(Jesper!$R$2:$R$366,ROW(INDEX(Jesper!AI$2:AI$366,ROUNDDOWN($C396/24,0)+1,1))-1)+IF('Standard Profiles'!$G$19=$B$10,7,0)+IF('Standard Profiles'!$G$19=$B$17,14,0)+IF('Standard Profiles'!$G$19=$B$24,21,0),0)),0)</f>
        <v>0</v>
      </c>
      <c r="F396" cm="1">
        <f t="array" ref="F396">IFERROR(INDEX(Jesper!AJ$2:AJ$366,ROUNDDOWN($C396/24,0)+1,1)*INDEX($D$3:$AA$30,INDEX(Jesper!$R$2:$R$366,ROW(INDEX(Jesper!AJ$2:AJ$366,ROUNDDOWN($C396/24,0)+1,1))-1)+IF('Standard Profiles'!$G$20=$B$10,7,0)+IF('Standard Profiles'!$G$20=$B$17,14,0)+IF('Standard Profiles'!$G$20=$B$24,21,0),MOD($C396,24)+1)/SUM(INDEX($D$3:$AA$30,INDEX(Jesper!$R$2:$R$366,ROW(INDEX(Jesper!AJ$2:AJ$366,ROUNDDOWN($C396/24,0)+1,1))-1)+IF('Standard Profiles'!$G$20=$B$10,7,0)+IF('Standard Profiles'!$G$20=$B$17,14,0)+IF('Standard Profiles'!$G$20=$B$24,21,0),0)),0)</f>
        <v>0</v>
      </c>
      <c r="G396" cm="1">
        <f t="array" ref="G396">IFERROR(INDEX(Jesper!AK$2:AK$366,ROUNDDOWN($C396/24,0)+1,1)*INDEX($D$3:$AA$30,INDEX(Jesper!$R$2:$R$366,ROW(INDEX(Jesper!AK$2:AK$366,ROUNDDOWN($C396/24,0)+1,1))-1)+IF('Standard Profiles'!$G$21=$B$10,7,0)+IF('Standard Profiles'!$G$21=$B$17,14,0)+IF('Standard Profiles'!$G$21=$B$24,21,0),MOD($C396,24)+1)/SUM(INDEX($D$3:$AA$30,INDEX(Jesper!$R$2:$R$366,ROW(INDEX(Jesper!AK$2:AK$366,ROUNDDOWN($C396/24,0)+1,1))-1)+IF('Standard Profiles'!$G$21=$B$10,7,0)+IF('Standard Profiles'!$G$21=$B$17,14,0)+IF('Standard Profiles'!$G$21=$B$24,21,0),0)),0)</f>
        <v>0</v>
      </c>
      <c r="H396" cm="1">
        <f t="array" ref="H396">IFERROR(INDEX(Jesper!AL$2:AL$366,ROUNDDOWN($C396/24,0)+1,1)*INDEX($D$3:$AA$30,INDEX(Jesper!$R$2:$R$366,ROW(INDEX(Jesper!AL$2:AL$366,ROUNDDOWN($C396/24,0)+1,1))-1)+IF('Standard Profiles'!$G$22=$B$10,7,0)+IF('Standard Profiles'!$G$22=$B$17,14,0)+IF('Standard Profiles'!$G$22=$B$24,21,0),MOD($C396,24)+1)/SUM(INDEX($D$3:$AA$30,INDEX(Jesper!$R$2:$R$366,ROW(INDEX(Jesper!AL$2:AL$366,ROUNDDOWN($C396/24,0)+1,1))-1)+IF('Standard Profiles'!$G$22=$B$10,7,0)+IF('Standard Profiles'!$G$22=$B$17,14,0)+IF('Standard Profiles'!$G$22=$B$24,21,0),0)),0)</f>
        <v>0</v>
      </c>
      <c r="I396">
        <f t="shared" si="55"/>
        <v>0.2370170742856833</v>
      </c>
      <c r="J396">
        <f t="shared" si="56"/>
        <v>0.79005691428561109</v>
      </c>
      <c r="K396">
        <f t="shared" si="57"/>
        <v>1.1850853714284164</v>
      </c>
      <c r="L396">
        <f t="shared" si="58"/>
        <v>5.6884097828563993</v>
      </c>
      <c r="M396">
        <f t="shared" si="59"/>
        <v>0</v>
      </c>
      <c r="N396" s="46">
        <f t="shared" si="60"/>
        <v>45307.083333332455</v>
      </c>
    </row>
    <row r="397" spans="2:14" x14ac:dyDescent="0.3">
      <c r="B397">
        <f t="shared" si="54"/>
        <v>2</v>
      </c>
      <c r="C397" s="16">
        <v>363</v>
      </c>
      <c r="D397" cm="1">
        <f t="array" ref="D397">IFERROR(INDEX(Jesper!AH$2:AH$366,ROUNDDOWN($C397/24,0)+1,1)*INDEX($D$3:$AA$30,INDEX(Jesper!$R$2:$R$366,ROW(INDEX(Jesper!AH$2:AH$366,ROUNDDOWN($C397/24,0)+1,1))-1)+IF('Standard Profiles'!$G$18=$B$10,7,0)+IF('Standard Profiles'!$G$18=$B$17,14,0)+IF('Standard Profiles'!$G$18=$B$24,21,0),MOD($C397,24)+1)/SUM(INDEX($D$3:$AA$30,INDEX(Jesper!$R$2:$R$366,ROW(INDEX(Jesper!AH$2:AH$366,ROUNDDOWN($C397/24,0)+1,1))-1)+IF('Standard Profiles'!$G$18=$B$10,7,0)+IF('Standard Profiles'!$G$18=$B$17,14,0)+IF('Standard Profiles'!$G$18=$B$24,21,0),0)),0)</f>
        <v>7.90056914285611</v>
      </c>
      <c r="E397" cm="1">
        <f t="array" ref="E397">IFERROR(INDEX(Jesper!AI$2:AI$366,ROUNDDOWN($C397/24,0)+1,1)*INDEX($D$3:$AA$30,INDEX(Jesper!$R$2:$R$366,ROW(INDEX(Jesper!AI$2:AI$366,ROUNDDOWN($C397/24,0)+1,1))-1)+IF('Standard Profiles'!$G$19=$B$10,7,0)+IF('Standard Profiles'!$G$19=$B$17,14,0)+IF('Standard Profiles'!$G$19=$B$24,21,0),MOD($C397,24)+1)/SUM(INDEX($D$3:$AA$30,INDEX(Jesper!$R$2:$R$366,ROW(INDEX(Jesper!AI$2:AI$366,ROUNDDOWN($C397/24,0)+1,1))-1)+IF('Standard Profiles'!$G$19=$B$10,7,0)+IF('Standard Profiles'!$G$19=$B$17,14,0)+IF('Standard Profiles'!$G$19=$B$24,21,0),0)),0)</f>
        <v>0</v>
      </c>
      <c r="F397" cm="1">
        <f t="array" ref="F397">IFERROR(INDEX(Jesper!AJ$2:AJ$366,ROUNDDOWN($C397/24,0)+1,1)*INDEX($D$3:$AA$30,INDEX(Jesper!$R$2:$R$366,ROW(INDEX(Jesper!AJ$2:AJ$366,ROUNDDOWN($C397/24,0)+1,1))-1)+IF('Standard Profiles'!$G$20=$B$10,7,0)+IF('Standard Profiles'!$G$20=$B$17,14,0)+IF('Standard Profiles'!$G$20=$B$24,21,0),MOD($C397,24)+1)/SUM(INDEX($D$3:$AA$30,INDEX(Jesper!$R$2:$R$366,ROW(INDEX(Jesper!AJ$2:AJ$366,ROUNDDOWN($C397/24,0)+1,1))-1)+IF('Standard Profiles'!$G$20=$B$10,7,0)+IF('Standard Profiles'!$G$20=$B$17,14,0)+IF('Standard Profiles'!$G$20=$B$24,21,0),0)),0)</f>
        <v>0</v>
      </c>
      <c r="G397" cm="1">
        <f t="array" ref="G397">IFERROR(INDEX(Jesper!AK$2:AK$366,ROUNDDOWN($C397/24,0)+1,1)*INDEX($D$3:$AA$30,INDEX(Jesper!$R$2:$R$366,ROW(INDEX(Jesper!AK$2:AK$366,ROUNDDOWN($C397/24,0)+1,1))-1)+IF('Standard Profiles'!$G$21=$B$10,7,0)+IF('Standard Profiles'!$G$21=$B$17,14,0)+IF('Standard Profiles'!$G$21=$B$24,21,0),MOD($C397,24)+1)/SUM(INDEX($D$3:$AA$30,INDEX(Jesper!$R$2:$R$366,ROW(INDEX(Jesper!AK$2:AK$366,ROUNDDOWN($C397/24,0)+1,1))-1)+IF('Standard Profiles'!$G$21=$B$10,7,0)+IF('Standard Profiles'!$G$21=$B$17,14,0)+IF('Standard Profiles'!$G$21=$B$24,21,0),0)),0)</f>
        <v>0</v>
      </c>
      <c r="H397" cm="1">
        <f t="array" ref="H397">IFERROR(INDEX(Jesper!AL$2:AL$366,ROUNDDOWN($C397/24,0)+1,1)*INDEX($D$3:$AA$30,INDEX(Jesper!$R$2:$R$366,ROW(INDEX(Jesper!AL$2:AL$366,ROUNDDOWN($C397/24,0)+1,1))-1)+IF('Standard Profiles'!$G$22=$B$10,7,0)+IF('Standard Profiles'!$G$22=$B$17,14,0)+IF('Standard Profiles'!$G$22=$B$24,21,0),MOD($C397,24)+1)/SUM(INDEX($D$3:$AA$30,INDEX(Jesper!$R$2:$R$366,ROW(INDEX(Jesper!AL$2:AL$366,ROUNDDOWN($C397/24,0)+1,1))-1)+IF('Standard Profiles'!$G$22=$B$10,7,0)+IF('Standard Profiles'!$G$22=$B$17,14,0)+IF('Standard Profiles'!$G$22=$B$24,21,0),0)),0)</f>
        <v>0</v>
      </c>
      <c r="I397">
        <f t="shared" si="55"/>
        <v>0.2370170742856833</v>
      </c>
      <c r="J397">
        <f t="shared" si="56"/>
        <v>0.79005691428561109</v>
      </c>
      <c r="K397">
        <f t="shared" si="57"/>
        <v>1.1850853714284164</v>
      </c>
      <c r="L397">
        <f t="shared" si="58"/>
        <v>5.6884097828563993</v>
      </c>
      <c r="M397">
        <f t="shared" si="59"/>
        <v>0</v>
      </c>
      <c r="N397" s="46">
        <f t="shared" si="60"/>
        <v>45307.12499999912</v>
      </c>
    </row>
    <row r="398" spans="2:14" x14ac:dyDescent="0.3">
      <c r="B398">
        <f t="shared" si="54"/>
        <v>2</v>
      </c>
      <c r="C398" s="16">
        <v>364</v>
      </c>
      <c r="D398" cm="1">
        <f t="array" ref="D398">IFERROR(INDEX(Jesper!AH$2:AH$366,ROUNDDOWN($C398/24,0)+1,1)*INDEX($D$3:$AA$30,INDEX(Jesper!$R$2:$R$366,ROW(INDEX(Jesper!AH$2:AH$366,ROUNDDOWN($C398/24,0)+1,1))-1)+IF('Standard Profiles'!$G$18=$B$10,7,0)+IF('Standard Profiles'!$G$18=$B$17,14,0)+IF('Standard Profiles'!$G$18=$B$24,21,0),MOD($C398,24)+1)/SUM(INDEX($D$3:$AA$30,INDEX(Jesper!$R$2:$R$366,ROW(INDEX(Jesper!AH$2:AH$366,ROUNDDOWN($C398/24,0)+1,1))-1)+IF('Standard Profiles'!$G$18=$B$10,7,0)+IF('Standard Profiles'!$G$18=$B$17,14,0)+IF('Standard Profiles'!$G$18=$B$24,21,0),0)),0)</f>
        <v>7.90056914285611</v>
      </c>
      <c r="E398" cm="1">
        <f t="array" ref="E398">IFERROR(INDEX(Jesper!AI$2:AI$366,ROUNDDOWN($C398/24,0)+1,1)*INDEX($D$3:$AA$30,INDEX(Jesper!$R$2:$R$366,ROW(INDEX(Jesper!AI$2:AI$366,ROUNDDOWN($C398/24,0)+1,1))-1)+IF('Standard Profiles'!$G$19=$B$10,7,0)+IF('Standard Profiles'!$G$19=$B$17,14,0)+IF('Standard Profiles'!$G$19=$B$24,21,0),MOD($C398,24)+1)/SUM(INDEX($D$3:$AA$30,INDEX(Jesper!$R$2:$R$366,ROW(INDEX(Jesper!AI$2:AI$366,ROUNDDOWN($C398/24,0)+1,1))-1)+IF('Standard Profiles'!$G$19=$B$10,7,0)+IF('Standard Profiles'!$G$19=$B$17,14,0)+IF('Standard Profiles'!$G$19=$B$24,21,0),0)),0)</f>
        <v>0</v>
      </c>
      <c r="F398" cm="1">
        <f t="array" ref="F398">IFERROR(INDEX(Jesper!AJ$2:AJ$366,ROUNDDOWN($C398/24,0)+1,1)*INDEX($D$3:$AA$30,INDEX(Jesper!$R$2:$R$366,ROW(INDEX(Jesper!AJ$2:AJ$366,ROUNDDOWN($C398/24,0)+1,1))-1)+IF('Standard Profiles'!$G$20=$B$10,7,0)+IF('Standard Profiles'!$G$20=$B$17,14,0)+IF('Standard Profiles'!$G$20=$B$24,21,0),MOD($C398,24)+1)/SUM(INDEX($D$3:$AA$30,INDEX(Jesper!$R$2:$R$366,ROW(INDEX(Jesper!AJ$2:AJ$366,ROUNDDOWN($C398/24,0)+1,1))-1)+IF('Standard Profiles'!$G$20=$B$10,7,0)+IF('Standard Profiles'!$G$20=$B$17,14,0)+IF('Standard Profiles'!$G$20=$B$24,21,0),0)),0)</f>
        <v>0</v>
      </c>
      <c r="G398" cm="1">
        <f t="array" ref="G398">IFERROR(INDEX(Jesper!AK$2:AK$366,ROUNDDOWN($C398/24,0)+1,1)*INDEX($D$3:$AA$30,INDEX(Jesper!$R$2:$R$366,ROW(INDEX(Jesper!AK$2:AK$366,ROUNDDOWN($C398/24,0)+1,1))-1)+IF('Standard Profiles'!$G$21=$B$10,7,0)+IF('Standard Profiles'!$G$21=$B$17,14,0)+IF('Standard Profiles'!$G$21=$B$24,21,0),MOD($C398,24)+1)/SUM(INDEX($D$3:$AA$30,INDEX(Jesper!$R$2:$R$366,ROW(INDEX(Jesper!AK$2:AK$366,ROUNDDOWN($C398/24,0)+1,1))-1)+IF('Standard Profiles'!$G$21=$B$10,7,0)+IF('Standard Profiles'!$G$21=$B$17,14,0)+IF('Standard Profiles'!$G$21=$B$24,21,0),0)),0)</f>
        <v>0</v>
      </c>
      <c r="H398" cm="1">
        <f t="array" ref="H398">IFERROR(INDEX(Jesper!AL$2:AL$366,ROUNDDOWN($C398/24,0)+1,1)*INDEX($D$3:$AA$30,INDEX(Jesper!$R$2:$R$366,ROW(INDEX(Jesper!AL$2:AL$366,ROUNDDOWN($C398/24,0)+1,1))-1)+IF('Standard Profiles'!$G$22=$B$10,7,0)+IF('Standard Profiles'!$G$22=$B$17,14,0)+IF('Standard Profiles'!$G$22=$B$24,21,0),MOD($C398,24)+1)/SUM(INDEX($D$3:$AA$30,INDEX(Jesper!$R$2:$R$366,ROW(INDEX(Jesper!AL$2:AL$366,ROUNDDOWN($C398/24,0)+1,1))-1)+IF('Standard Profiles'!$G$22=$B$10,7,0)+IF('Standard Profiles'!$G$22=$B$17,14,0)+IF('Standard Profiles'!$G$22=$B$24,21,0),0)),0)</f>
        <v>0</v>
      </c>
      <c r="I398">
        <f t="shared" si="55"/>
        <v>0.2370170742856833</v>
      </c>
      <c r="J398">
        <f t="shared" si="56"/>
        <v>0.79005691428561109</v>
      </c>
      <c r="K398">
        <f t="shared" si="57"/>
        <v>1.1850853714284164</v>
      </c>
      <c r="L398">
        <f t="shared" si="58"/>
        <v>5.6884097828563993</v>
      </c>
      <c r="M398">
        <f t="shared" si="59"/>
        <v>0</v>
      </c>
      <c r="N398" s="46">
        <f t="shared" si="60"/>
        <v>45307.166666665784</v>
      </c>
    </row>
    <row r="399" spans="2:14" x14ac:dyDescent="0.3">
      <c r="B399">
        <f t="shared" si="54"/>
        <v>2</v>
      </c>
      <c r="C399" s="16">
        <v>365</v>
      </c>
      <c r="D399" cm="1">
        <f t="array" ref="D399">IFERROR(INDEX(Jesper!AH$2:AH$366,ROUNDDOWN($C399/24,0)+1,1)*INDEX($D$3:$AA$30,INDEX(Jesper!$R$2:$R$366,ROW(INDEX(Jesper!AH$2:AH$366,ROUNDDOWN($C399/24,0)+1,1))-1)+IF('Standard Profiles'!$G$18=$B$10,7,0)+IF('Standard Profiles'!$G$18=$B$17,14,0)+IF('Standard Profiles'!$G$18=$B$24,21,0),MOD($C399,24)+1)/SUM(INDEX($D$3:$AA$30,INDEX(Jesper!$R$2:$R$366,ROW(INDEX(Jesper!AH$2:AH$366,ROUNDDOWN($C399/24,0)+1,1))-1)+IF('Standard Profiles'!$G$18=$B$10,7,0)+IF('Standard Profiles'!$G$18=$B$17,14,0)+IF('Standard Profiles'!$G$18=$B$24,21,0),0)),0)</f>
        <v>10.270739885712942</v>
      </c>
      <c r="E399" cm="1">
        <f t="array" ref="E399">IFERROR(INDEX(Jesper!AI$2:AI$366,ROUNDDOWN($C399/24,0)+1,1)*INDEX($D$3:$AA$30,INDEX(Jesper!$R$2:$R$366,ROW(INDEX(Jesper!AI$2:AI$366,ROUNDDOWN($C399/24,0)+1,1))-1)+IF('Standard Profiles'!$G$19=$B$10,7,0)+IF('Standard Profiles'!$G$19=$B$17,14,0)+IF('Standard Profiles'!$G$19=$B$24,21,0),MOD($C399,24)+1)/SUM(INDEX($D$3:$AA$30,INDEX(Jesper!$R$2:$R$366,ROW(INDEX(Jesper!AI$2:AI$366,ROUNDDOWN($C399/24,0)+1,1))-1)+IF('Standard Profiles'!$G$19=$B$10,7,0)+IF('Standard Profiles'!$G$19=$B$17,14,0)+IF('Standard Profiles'!$G$19=$B$24,21,0),0)),0)</f>
        <v>0</v>
      </c>
      <c r="F399" cm="1">
        <f t="array" ref="F399">IFERROR(INDEX(Jesper!AJ$2:AJ$366,ROUNDDOWN($C399/24,0)+1,1)*INDEX($D$3:$AA$30,INDEX(Jesper!$R$2:$R$366,ROW(INDEX(Jesper!AJ$2:AJ$366,ROUNDDOWN($C399/24,0)+1,1))-1)+IF('Standard Profiles'!$G$20=$B$10,7,0)+IF('Standard Profiles'!$G$20=$B$17,14,0)+IF('Standard Profiles'!$G$20=$B$24,21,0),MOD($C399,24)+1)/SUM(INDEX($D$3:$AA$30,INDEX(Jesper!$R$2:$R$366,ROW(INDEX(Jesper!AJ$2:AJ$366,ROUNDDOWN($C399/24,0)+1,1))-1)+IF('Standard Profiles'!$G$20=$B$10,7,0)+IF('Standard Profiles'!$G$20=$B$17,14,0)+IF('Standard Profiles'!$G$20=$B$24,21,0),0)),0)</f>
        <v>0</v>
      </c>
      <c r="G399" cm="1">
        <f t="array" ref="G399">IFERROR(INDEX(Jesper!AK$2:AK$366,ROUNDDOWN($C399/24,0)+1,1)*INDEX($D$3:$AA$30,INDEX(Jesper!$R$2:$R$366,ROW(INDEX(Jesper!AK$2:AK$366,ROUNDDOWN($C399/24,0)+1,1))-1)+IF('Standard Profiles'!$G$21=$B$10,7,0)+IF('Standard Profiles'!$G$21=$B$17,14,0)+IF('Standard Profiles'!$G$21=$B$24,21,0),MOD($C399,24)+1)/SUM(INDEX($D$3:$AA$30,INDEX(Jesper!$R$2:$R$366,ROW(INDEX(Jesper!AK$2:AK$366,ROUNDDOWN($C399/24,0)+1,1))-1)+IF('Standard Profiles'!$G$21=$B$10,7,0)+IF('Standard Profiles'!$G$21=$B$17,14,0)+IF('Standard Profiles'!$G$21=$B$24,21,0),0)),0)</f>
        <v>0</v>
      </c>
      <c r="H399" cm="1">
        <f t="array" ref="H399">IFERROR(INDEX(Jesper!AL$2:AL$366,ROUNDDOWN($C399/24,0)+1,1)*INDEX($D$3:$AA$30,INDEX(Jesper!$R$2:$R$366,ROW(INDEX(Jesper!AL$2:AL$366,ROUNDDOWN($C399/24,0)+1,1))-1)+IF('Standard Profiles'!$G$22=$B$10,7,0)+IF('Standard Profiles'!$G$22=$B$17,14,0)+IF('Standard Profiles'!$G$22=$B$24,21,0),MOD($C399,24)+1)/SUM(INDEX($D$3:$AA$30,INDEX(Jesper!$R$2:$R$366,ROW(INDEX(Jesper!AL$2:AL$366,ROUNDDOWN($C399/24,0)+1,1))-1)+IF('Standard Profiles'!$G$22=$B$10,7,0)+IF('Standard Profiles'!$G$22=$B$17,14,0)+IF('Standard Profiles'!$G$22=$B$24,21,0),0)),0)</f>
        <v>0</v>
      </c>
      <c r="I399">
        <f t="shared" si="55"/>
        <v>0.30812219657138823</v>
      </c>
      <c r="J399">
        <f t="shared" si="56"/>
        <v>1.0270739885712943</v>
      </c>
      <c r="K399">
        <f t="shared" si="57"/>
        <v>1.5406109828569412</v>
      </c>
      <c r="L399">
        <f t="shared" si="58"/>
        <v>7.3949327177133179</v>
      </c>
      <c r="M399">
        <f t="shared" si="59"/>
        <v>0</v>
      </c>
      <c r="N399" s="46">
        <f t="shared" si="60"/>
        <v>45307.208333332448</v>
      </c>
    </row>
    <row r="400" spans="2:14" x14ac:dyDescent="0.3">
      <c r="B400">
        <f t="shared" si="54"/>
        <v>2</v>
      </c>
      <c r="C400" s="16">
        <v>366</v>
      </c>
      <c r="D400" cm="1">
        <f t="array" ref="D400">IFERROR(INDEX(Jesper!AH$2:AH$366,ROUNDDOWN($C400/24,0)+1,1)*INDEX($D$3:$AA$30,INDEX(Jesper!$R$2:$R$366,ROW(INDEX(Jesper!AH$2:AH$366,ROUNDDOWN($C400/24,0)+1,1))-1)+IF('Standard Profiles'!$G$18=$B$10,7,0)+IF('Standard Profiles'!$G$18=$B$17,14,0)+IF('Standard Profiles'!$G$18=$B$24,21,0),MOD($C400,24)+1)/SUM(INDEX($D$3:$AA$30,INDEX(Jesper!$R$2:$R$366,ROW(INDEX(Jesper!AH$2:AH$366,ROUNDDOWN($C400/24,0)+1,1))-1)+IF('Standard Profiles'!$G$18=$B$10,7,0)+IF('Standard Profiles'!$G$18=$B$17,14,0)+IF('Standard Profiles'!$G$18=$B$24,21,0),0)),0)</f>
        <v>11.455825257141358</v>
      </c>
      <c r="E400" cm="1">
        <f t="array" ref="E400">IFERROR(INDEX(Jesper!AI$2:AI$366,ROUNDDOWN($C400/24,0)+1,1)*INDEX($D$3:$AA$30,INDEX(Jesper!$R$2:$R$366,ROW(INDEX(Jesper!AI$2:AI$366,ROUNDDOWN($C400/24,0)+1,1))-1)+IF('Standard Profiles'!$G$19=$B$10,7,0)+IF('Standard Profiles'!$G$19=$B$17,14,0)+IF('Standard Profiles'!$G$19=$B$24,21,0),MOD($C400,24)+1)/SUM(INDEX($D$3:$AA$30,INDEX(Jesper!$R$2:$R$366,ROW(INDEX(Jesper!AI$2:AI$366,ROUNDDOWN($C400/24,0)+1,1))-1)+IF('Standard Profiles'!$G$19=$B$10,7,0)+IF('Standard Profiles'!$G$19=$B$17,14,0)+IF('Standard Profiles'!$G$19=$B$24,21,0),0)),0)</f>
        <v>0</v>
      </c>
      <c r="F400" cm="1">
        <f t="array" ref="F400">IFERROR(INDEX(Jesper!AJ$2:AJ$366,ROUNDDOWN($C400/24,0)+1,1)*INDEX($D$3:$AA$30,INDEX(Jesper!$R$2:$R$366,ROW(INDEX(Jesper!AJ$2:AJ$366,ROUNDDOWN($C400/24,0)+1,1))-1)+IF('Standard Profiles'!$G$20=$B$10,7,0)+IF('Standard Profiles'!$G$20=$B$17,14,0)+IF('Standard Profiles'!$G$20=$B$24,21,0),MOD($C400,24)+1)/SUM(INDEX($D$3:$AA$30,INDEX(Jesper!$R$2:$R$366,ROW(INDEX(Jesper!AJ$2:AJ$366,ROUNDDOWN($C400/24,0)+1,1))-1)+IF('Standard Profiles'!$G$20=$B$10,7,0)+IF('Standard Profiles'!$G$20=$B$17,14,0)+IF('Standard Profiles'!$G$20=$B$24,21,0),0)),0)</f>
        <v>0</v>
      </c>
      <c r="G400" cm="1">
        <f t="array" ref="G400">IFERROR(INDEX(Jesper!AK$2:AK$366,ROUNDDOWN($C400/24,0)+1,1)*INDEX($D$3:$AA$30,INDEX(Jesper!$R$2:$R$366,ROW(INDEX(Jesper!AK$2:AK$366,ROUNDDOWN($C400/24,0)+1,1))-1)+IF('Standard Profiles'!$G$21=$B$10,7,0)+IF('Standard Profiles'!$G$21=$B$17,14,0)+IF('Standard Profiles'!$G$21=$B$24,21,0),MOD($C400,24)+1)/SUM(INDEX($D$3:$AA$30,INDEX(Jesper!$R$2:$R$366,ROW(INDEX(Jesper!AK$2:AK$366,ROUNDDOWN($C400/24,0)+1,1))-1)+IF('Standard Profiles'!$G$21=$B$10,7,0)+IF('Standard Profiles'!$G$21=$B$17,14,0)+IF('Standard Profiles'!$G$21=$B$24,21,0),0)),0)</f>
        <v>0</v>
      </c>
      <c r="H400" cm="1">
        <f t="array" ref="H400">IFERROR(INDEX(Jesper!AL$2:AL$366,ROUNDDOWN($C400/24,0)+1,1)*INDEX($D$3:$AA$30,INDEX(Jesper!$R$2:$R$366,ROW(INDEX(Jesper!AL$2:AL$366,ROUNDDOWN($C400/24,0)+1,1))-1)+IF('Standard Profiles'!$G$22=$B$10,7,0)+IF('Standard Profiles'!$G$22=$B$17,14,0)+IF('Standard Profiles'!$G$22=$B$24,21,0),MOD($C400,24)+1)/SUM(INDEX($D$3:$AA$30,INDEX(Jesper!$R$2:$R$366,ROW(INDEX(Jesper!AL$2:AL$366,ROUNDDOWN($C400/24,0)+1,1))-1)+IF('Standard Profiles'!$G$22=$B$10,7,0)+IF('Standard Profiles'!$G$22=$B$17,14,0)+IF('Standard Profiles'!$G$22=$B$24,21,0),0)),0)</f>
        <v>0</v>
      </c>
      <c r="I400">
        <f t="shared" si="55"/>
        <v>0.34367475771424072</v>
      </c>
      <c r="J400">
        <f t="shared" si="56"/>
        <v>1.1455825257141359</v>
      </c>
      <c r="K400">
        <f t="shared" si="57"/>
        <v>1.7183737885712036</v>
      </c>
      <c r="L400">
        <f t="shared" si="58"/>
        <v>8.2481941851417773</v>
      </c>
      <c r="M400">
        <f t="shared" si="59"/>
        <v>0</v>
      </c>
      <c r="N400" s="46">
        <f t="shared" si="60"/>
        <v>45307.249999999112</v>
      </c>
    </row>
    <row r="401" spans="2:14" x14ac:dyDescent="0.3">
      <c r="B401">
        <f t="shared" si="54"/>
        <v>2</v>
      </c>
      <c r="C401" s="16">
        <v>367</v>
      </c>
      <c r="D401" cm="1">
        <f t="array" ref="D401">IFERROR(INDEX(Jesper!AH$2:AH$366,ROUNDDOWN($C401/24,0)+1,1)*INDEX($D$3:$AA$30,INDEX(Jesper!$R$2:$R$366,ROW(INDEX(Jesper!AH$2:AH$366,ROUNDDOWN($C401/24,0)+1,1))-1)+IF('Standard Profiles'!$G$18=$B$10,7,0)+IF('Standard Profiles'!$G$18=$B$17,14,0)+IF('Standard Profiles'!$G$18=$B$24,21,0),MOD($C401,24)+1)/SUM(INDEX($D$3:$AA$30,INDEX(Jesper!$R$2:$R$366,ROW(INDEX(Jesper!AH$2:AH$366,ROUNDDOWN($C401/24,0)+1,1))-1)+IF('Standard Profiles'!$G$18=$B$10,7,0)+IF('Standard Profiles'!$G$18=$B$17,14,0)+IF('Standard Profiles'!$G$18=$B$24,21,0),0)),0)</f>
        <v>11.850853714284165</v>
      </c>
      <c r="E401" cm="1">
        <f t="array" ref="E401">IFERROR(INDEX(Jesper!AI$2:AI$366,ROUNDDOWN($C401/24,0)+1,1)*INDEX($D$3:$AA$30,INDEX(Jesper!$R$2:$R$366,ROW(INDEX(Jesper!AI$2:AI$366,ROUNDDOWN($C401/24,0)+1,1))-1)+IF('Standard Profiles'!$G$19=$B$10,7,0)+IF('Standard Profiles'!$G$19=$B$17,14,0)+IF('Standard Profiles'!$G$19=$B$24,21,0),MOD($C401,24)+1)/SUM(INDEX($D$3:$AA$30,INDEX(Jesper!$R$2:$R$366,ROW(INDEX(Jesper!AI$2:AI$366,ROUNDDOWN($C401/24,0)+1,1))-1)+IF('Standard Profiles'!$G$19=$B$10,7,0)+IF('Standard Profiles'!$G$19=$B$17,14,0)+IF('Standard Profiles'!$G$19=$B$24,21,0),0)),0)</f>
        <v>0</v>
      </c>
      <c r="F401" cm="1">
        <f t="array" ref="F401">IFERROR(INDEX(Jesper!AJ$2:AJ$366,ROUNDDOWN($C401/24,0)+1,1)*INDEX($D$3:$AA$30,INDEX(Jesper!$R$2:$R$366,ROW(INDEX(Jesper!AJ$2:AJ$366,ROUNDDOWN($C401/24,0)+1,1))-1)+IF('Standard Profiles'!$G$20=$B$10,7,0)+IF('Standard Profiles'!$G$20=$B$17,14,0)+IF('Standard Profiles'!$G$20=$B$24,21,0),MOD($C401,24)+1)/SUM(INDEX($D$3:$AA$30,INDEX(Jesper!$R$2:$R$366,ROW(INDEX(Jesper!AJ$2:AJ$366,ROUNDDOWN($C401/24,0)+1,1))-1)+IF('Standard Profiles'!$G$20=$B$10,7,0)+IF('Standard Profiles'!$G$20=$B$17,14,0)+IF('Standard Profiles'!$G$20=$B$24,21,0),0)),0)</f>
        <v>0</v>
      </c>
      <c r="G401" cm="1">
        <f t="array" ref="G401">IFERROR(INDEX(Jesper!AK$2:AK$366,ROUNDDOWN($C401/24,0)+1,1)*INDEX($D$3:$AA$30,INDEX(Jesper!$R$2:$R$366,ROW(INDEX(Jesper!AK$2:AK$366,ROUNDDOWN($C401/24,0)+1,1))-1)+IF('Standard Profiles'!$G$21=$B$10,7,0)+IF('Standard Profiles'!$G$21=$B$17,14,0)+IF('Standard Profiles'!$G$21=$B$24,21,0),MOD($C401,24)+1)/SUM(INDEX($D$3:$AA$30,INDEX(Jesper!$R$2:$R$366,ROW(INDEX(Jesper!AK$2:AK$366,ROUNDDOWN($C401/24,0)+1,1))-1)+IF('Standard Profiles'!$G$21=$B$10,7,0)+IF('Standard Profiles'!$G$21=$B$17,14,0)+IF('Standard Profiles'!$G$21=$B$24,21,0),0)),0)</f>
        <v>0</v>
      </c>
      <c r="H401" cm="1">
        <f t="array" ref="H401">IFERROR(INDEX(Jesper!AL$2:AL$366,ROUNDDOWN($C401/24,0)+1,1)*INDEX($D$3:$AA$30,INDEX(Jesper!$R$2:$R$366,ROW(INDEX(Jesper!AL$2:AL$366,ROUNDDOWN($C401/24,0)+1,1))-1)+IF('Standard Profiles'!$G$22=$B$10,7,0)+IF('Standard Profiles'!$G$22=$B$17,14,0)+IF('Standard Profiles'!$G$22=$B$24,21,0),MOD($C401,24)+1)/SUM(INDEX($D$3:$AA$30,INDEX(Jesper!$R$2:$R$366,ROW(INDEX(Jesper!AL$2:AL$366,ROUNDDOWN($C401/24,0)+1,1))-1)+IF('Standard Profiles'!$G$22=$B$10,7,0)+IF('Standard Profiles'!$G$22=$B$17,14,0)+IF('Standard Profiles'!$G$22=$B$24,21,0),0)),0)</f>
        <v>0</v>
      </c>
      <c r="I401">
        <f t="shared" si="55"/>
        <v>0.35552561142852496</v>
      </c>
      <c r="J401">
        <f t="shared" si="56"/>
        <v>1.1850853714284166</v>
      </c>
      <c r="K401">
        <f t="shared" si="57"/>
        <v>1.7776280571426246</v>
      </c>
      <c r="L401">
        <f t="shared" si="58"/>
        <v>8.5326146742845985</v>
      </c>
      <c r="M401">
        <f t="shared" si="59"/>
        <v>0</v>
      </c>
      <c r="N401" s="46">
        <f t="shared" si="60"/>
        <v>45307.291666665777</v>
      </c>
    </row>
    <row r="402" spans="2:14" x14ac:dyDescent="0.3">
      <c r="B402">
        <f t="shared" si="54"/>
        <v>2</v>
      </c>
      <c r="C402" s="16">
        <v>368</v>
      </c>
      <c r="D402" cm="1">
        <f t="array" ref="D402">IFERROR(INDEX(Jesper!AH$2:AH$366,ROUNDDOWN($C402/24,0)+1,1)*INDEX($D$3:$AA$30,INDEX(Jesper!$R$2:$R$366,ROW(INDEX(Jesper!AH$2:AH$366,ROUNDDOWN($C402/24,0)+1,1))-1)+IF('Standard Profiles'!$G$18=$B$10,7,0)+IF('Standard Profiles'!$G$18=$B$17,14,0)+IF('Standard Profiles'!$G$18=$B$24,21,0),MOD($C402,24)+1)/SUM(INDEX($D$3:$AA$30,INDEX(Jesper!$R$2:$R$366,ROW(INDEX(Jesper!AH$2:AH$366,ROUNDDOWN($C402/24,0)+1,1))-1)+IF('Standard Profiles'!$G$18=$B$10,7,0)+IF('Standard Profiles'!$G$18=$B$17,14,0)+IF('Standard Profiles'!$G$18=$B$24,21,0),0)),0)</f>
        <v>11.850853714284165</v>
      </c>
      <c r="E402" cm="1">
        <f t="array" ref="E402">IFERROR(INDEX(Jesper!AI$2:AI$366,ROUNDDOWN($C402/24,0)+1,1)*INDEX($D$3:$AA$30,INDEX(Jesper!$R$2:$R$366,ROW(INDEX(Jesper!AI$2:AI$366,ROUNDDOWN($C402/24,0)+1,1))-1)+IF('Standard Profiles'!$G$19=$B$10,7,0)+IF('Standard Profiles'!$G$19=$B$17,14,0)+IF('Standard Profiles'!$G$19=$B$24,21,0),MOD($C402,24)+1)/SUM(INDEX($D$3:$AA$30,INDEX(Jesper!$R$2:$R$366,ROW(INDEX(Jesper!AI$2:AI$366,ROUNDDOWN($C402/24,0)+1,1))-1)+IF('Standard Profiles'!$G$19=$B$10,7,0)+IF('Standard Profiles'!$G$19=$B$17,14,0)+IF('Standard Profiles'!$G$19=$B$24,21,0),0)),0)</f>
        <v>0</v>
      </c>
      <c r="F402" cm="1">
        <f t="array" ref="F402">IFERROR(INDEX(Jesper!AJ$2:AJ$366,ROUNDDOWN($C402/24,0)+1,1)*INDEX($D$3:$AA$30,INDEX(Jesper!$R$2:$R$366,ROW(INDEX(Jesper!AJ$2:AJ$366,ROUNDDOWN($C402/24,0)+1,1))-1)+IF('Standard Profiles'!$G$20=$B$10,7,0)+IF('Standard Profiles'!$G$20=$B$17,14,0)+IF('Standard Profiles'!$G$20=$B$24,21,0),MOD($C402,24)+1)/SUM(INDEX($D$3:$AA$30,INDEX(Jesper!$R$2:$R$366,ROW(INDEX(Jesper!AJ$2:AJ$366,ROUNDDOWN($C402/24,0)+1,1))-1)+IF('Standard Profiles'!$G$20=$B$10,7,0)+IF('Standard Profiles'!$G$20=$B$17,14,0)+IF('Standard Profiles'!$G$20=$B$24,21,0),0)),0)</f>
        <v>0</v>
      </c>
      <c r="G402" cm="1">
        <f t="array" ref="G402">IFERROR(INDEX(Jesper!AK$2:AK$366,ROUNDDOWN($C402/24,0)+1,1)*INDEX($D$3:$AA$30,INDEX(Jesper!$R$2:$R$366,ROW(INDEX(Jesper!AK$2:AK$366,ROUNDDOWN($C402/24,0)+1,1))-1)+IF('Standard Profiles'!$G$21=$B$10,7,0)+IF('Standard Profiles'!$G$21=$B$17,14,0)+IF('Standard Profiles'!$G$21=$B$24,21,0),MOD($C402,24)+1)/SUM(INDEX($D$3:$AA$30,INDEX(Jesper!$R$2:$R$366,ROW(INDEX(Jesper!AK$2:AK$366,ROUNDDOWN($C402/24,0)+1,1))-1)+IF('Standard Profiles'!$G$21=$B$10,7,0)+IF('Standard Profiles'!$G$21=$B$17,14,0)+IF('Standard Profiles'!$G$21=$B$24,21,0),0)),0)</f>
        <v>0</v>
      </c>
      <c r="H402" cm="1">
        <f t="array" ref="H402">IFERROR(INDEX(Jesper!AL$2:AL$366,ROUNDDOWN($C402/24,0)+1,1)*INDEX($D$3:$AA$30,INDEX(Jesper!$R$2:$R$366,ROW(INDEX(Jesper!AL$2:AL$366,ROUNDDOWN($C402/24,0)+1,1))-1)+IF('Standard Profiles'!$G$22=$B$10,7,0)+IF('Standard Profiles'!$G$22=$B$17,14,0)+IF('Standard Profiles'!$G$22=$B$24,21,0),MOD($C402,24)+1)/SUM(INDEX($D$3:$AA$30,INDEX(Jesper!$R$2:$R$366,ROW(INDEX(Jesper!AL$2:AL$366,ROUNDDOWN($C402/24,0)+1,1))-1)+IF('Standard Profiles'!$G$22=$B$10,7,0)+IF('Standard Profiles'!$G$22=$B$17,14,0)+IF('Standard Profiles'!$G$22=$B$24,21,0),0)),0)</f>
        <v>0</v>
      </c>
      <c r="I402">
        <f t="shared" si="55"/>
        <v>0.35552561142852496</v>
      </c>
      <c r="J402">
        <f t="shared" si="56"/>
        <v>1.1850853714284166</v>
      </c>
      <c r="K402">
        <f t="shared" si="57"/>
        <v>1.7776280571426246</v>
      </c>
      <c r="L402">
        <f t="shared" si="58"/>
        <v>8.5326146742845985</v>
      </c>
      <c r="M402">
        <f t="shared" si="59"/>
        <v>0</v>
      </c>
      <c r="N402" s="46">
        <f t="shared" si="60"/>
        <v>45307.333333332441</v>
      </c>
    </row>
    <row r="403" spans="2:14" x14ac:dyDescent="0.3">
      <c r="B403">
        <f t="shared" si="54"/>
        <v>2</v>
      </c>
      <c r="C403" s="16">
        <v>369</v>
      </c>
      <c r="D403" cm="1">
        <f t="array" ref="D403">IFERROR(INDEX(Jesper!AH$2:AH$366,ROUNDDOWN($C403/24,0)+1,1)*INDEX($D$3:$AA$30,INDEX(Jesper!$R$2:$R$366,ROW(INDEX(Jesper!AH$2:AH$366,ROUNDDOWN($C403/24,0)+1,1))-1)+IF('Standard Profiles'!$G$18=$B$10,7,0)+IF('Standard Profiles'!$G$18=$B$17,14,0)+IF('Standard Profiles'!$G$18=$B$24,21,0),MOD($C403,24)+1)/SUM(INDEX($D$3:$AA$30,INDEX(Jesper!$R$2:$R$366,ROW(INDEX(Jesper!AH$2:AH$366,ROUNDDOWN($C403/24,0)+1,1))-1)+IF('Standard Profiles'!$G$18=$B$10,7,0)+IF('Standard Profiles'!$G$18=$B$17,14,0)+IF('Standard Profiles'!$G$18=$B$24,21,0),0)),0)</f>
        <v>12.838424857141177</v>
      </c>
      <c r="E403" cm="1">
        <f t="array" ref="E403">IFERROR(INDEX(Jesper!AI$2:AI$366,ROUNDDOWN($C403/24,0)+1,1)*INDEX($D$3:$AA$30,INDEX(Jesper!$R$2:$R$366,ROW(INDEX(Jesper!AI$2:AI$366,ROUNDDOWN($C403/24,0)+1,1))-1)+IF('Standard Profiles'!$G$19=$B$10,7,0)+IF('Standard Profiles'!$G$19=$B$17,14,0)+IF('Standard Profiles'!$G$19=$B$24,21,0),MOD($C403,24)+1)/SUM(INDEX($D$3:$AA$30,INDEX(Jesper!$R$2:$R$366,ROW(INDEX(Jesper!AI$2:AI$366,ROUNDDOWN($C403/24,0)+1,1))-1)+IF('Standard Profiles'!$G$19=$B$10,7,0)+IF('Standard Profiles'!$G$19=$B$17,14,0)+IF('Standard Profiles'!$G$19=$B$24,21,0),0)),0)</f>
        <v>0</v>
      </c>
      <c r="F403" cm="1">
        <f t="array" ref="F403">IFERROR(INDEX(Jesper!AJ$2:AJ$366,ROUNDDOWN($C403/24,0)+1,1)*INDEX($D$3:$AA$30,INDEX(Jesper!$R$2:$R$366,ROW(INDEX(Jesper!AJ$2:AJ$366,ROUNDDOWN($C403/24,0)+1,1))-1)+IF('Standard Profiles'!$G$20=$B$10,7,0)+IF('Standard Profiles'!$G$20=$B$17,14,0)+IF('Standard Profiles'!$G$20=$B$24,21,0),MOD($C403,24)+1)/SUM(INDEX($D$3:$AA$30,INDEX(Jesper!$R$2:$R$366,ROW(INDEX(Jesper!AJ$2:AJ$366,ROUNDDOWN($C403/24,0)+1,1))-1)+IF('Standard Profiles'!$G$20=$B$10,7,0)+IF('Standard Profiles'!$G$20=$B$17,14,0)+IF('Standard Profiles'!$G$20=$B$24,21,0),0)),0)</f>
        <v>0</v>
      </c>
      <c r="G403" cm="1">
        <f t="array" ref="G403">IFERROR(INDEX(Jesper!AK$2:AK$366,ROUNDDOWN($C403/24,0)+1,1)*INDEX($D$3:$AA$30,INDEX(Jesper!$R$2:$R$366,ROW(INDEX(Jesper!AK$2:AK$366,ROUNDDOWN($C403/24,0)+1,1))-1)+IF('Standard Profiles'!$G$21=$B$10,7,0)+IF('Standard Profiles'!$G$21=$B$17,14,0)+IF('Standard Profiles'!$G$21=$B$24,21,0),MOD($C403,24)+1)/SUM(INDEX($D$3:$AA$30,INDEX(Jesper!$R$2:$R$366,ROW(INDEX(Jesper!AK$2:AK$366,ROUNDDOWN($C403/24,0)+1,1))-1)+IF('Standard Profiles'!$G$21=$B$10,7,0)+IF('Standard Profiles'!$G$21=$B$17,14,0)+IF('Standard Profiles'!$G$21=$B$24,21,0),0)),0)</f>
        <v>0</v>
      </c>
      <c r="H403" cm="1">
        <f t="array" ref="H403">IFERROR(INDEX(Jesper!AL$2:AL$366,ROUNDDOWN($C403/24,0)+1,1)*INDEX($D$3:$AA$30,INDEX(Jesper!$R$2:$R$366,ROW(INDEX(Jesper!AL$2:AL$366,ROUNDDOWN($C403/24,0)+1,1))-1)+IF('Standard Profiles'!$G$22=$B$10,7,0)+IF('Standard Profiles'!$G$22=$B$17,14,0)+IF('Standard Profiles'!$G$22=$B$24,21,0),MOD($C403,24)+1)/SUM(INDEX($D$3:$AA$30,INDEX(Jesper!$R$2:$R$366,ROW(INDEX(Jesper!AL$2:AL$366,ROUNDDOWN($C403/24,0)+1,1))-1)+IF('Standard Profiles'!$G$22=$B$10,7,0)+IF('Standard Profiles'!$G$22=$B$17,14,0)+IF('Standard Profiles'!$G$22=$B$24,21,0),0)),0)</f>
        <v>0</v>
      </c>
      <c r="I403">
        <f t="shared" si="55"/>
        <v>0.3851527457142353</v>
      </c>
      <c r="J403">
        <f t="shared" si="56"/>
        <v>1.2838424857141177</v>
      </c>
      <c r="K403">
        <f t="shared" si="57"/>
        <v>1.9257637285711766</v>
      </c>
      <c r="L403">
        <f t="shared" si="58"/>
        <v>9.2436658971416481</v>
      </c>
      <c r="M403">
        <f t="shared" si="59"/>
        <v>0</v>
      </c>
      <c r="N403" s="46">
        <f t="shared" si="60"/>
        <v>45307.374999999105</v>
      </c>
    </row>
    <row r="404" spans="2:14" x14ac:dyDescent="0.3">
      <c r="B404">
        <f t="shared" si="54"/>
        <v>2</v>
      </c>
      <c r="C404" s="16">
        <v>370</v>
      </c>
      <c r="D404" cm="1">
        <f t="array" ref="D404">IFERROR(INDEX(Jesper!AH$2:AH$366,ROUNDDOWN($C404/24,0)+1,1)*INDEX($D$3:$AA$30,INDEX(Jesper!$R$2:$R$366,ROW(INDEX(Jesper!AH$2:AH$366,ROUNDDOWN($C404/24,0)+1,1))-1)+IF('Standard Profiles'!$G$18=$B$10,7,0)+IF('Standard Profiles'!$G$18=$B$17,14,0)+IF('Standard Profiles'!$G$18=$B$24,21,0),MOD($C404,24)+1)/SUM(INDEX($D$3:$AA$30,INDEX(Jesper!$R$2:$R$366,ROW(INDEX(Jesper!AH$2:AH$366,ROUNDDOWN($C404/24,0)+1,1))-1)+IF('Standard Profiles'!$G$18=$B$10,7,0)+IF('Standard Profiles'!$G$18=$B$17,14,0)+IF('Standard Profiles'!$G$18=$B$24,21,0),0)),0)</f>
        <v>13.430967542855385</v>
      </c>
      <c r="E404" cm="1">
        <f t="array" ref="E404">IFERROR(INDEX(Jesper!AI$2:AI$366,ROUNDDOWN($C404/24,0)+1,1)*INDEX($D$3:$AA$30,INDEX(Jesper!$R$2:$R$366,ROW(INDEX(Jesper!AI$2:AI$366,ROUNDDOWN($C404/24,0)+1,1))-1)+IF('Standard Profiles'!$G$19=$B$10,7,0)+IF('Standard Profiles'!$G$19=$B$17,14,0)+IF('Standard Profiles'!$G$19=$B$24,21,0),MOD($C404,24)+1)/SUM(INDEX($D$3:$AA$30,INDEX(Jesper!$R$2:$R$366,ROW(INDEX(Jesper!AI$2:AI$366,ROUNDDOWN($C404/24,0)+1,1))-1)+IF('Standard Profiles'!$G$19=$B$10,7,0)+IF('Standard Profiles'!$G$19=$B$17,14,0)+IF('Standard Profiles'!$G$19=$B$24,21,0),0)),0)</f>
        <v>0</v>
      </c>
      <c r="F404" cm="1">
        <f t="array" ref="F404">IFERROR(INDEX(Jesper!AJ$2:AJ$366,ROUNDDOWN($C404/24,0)+1,1)*INDEX($D$3:$AA$30,INDEX(Jesper!$R$2:$R$366,ROW(INDEX(Jesper!AJ$2:AJ$366,ROUNDDOWN($C404/24,0)+1,1))-1)+IF('Standard Profiles'!$G$20=$B$10,7,0)+IF('Standard Profiles'!$G$20=$B$17,14,0)+IF('Standard Profiles'!$G$20=$B$24,21,0),MOD($C404,24)+1)/SUM(INDEX($D$3:$AA$30,INDEX(Jesper!$R$2:$R$366,ROW(INDEX(Jesper!AJ$2:AJ$366,ROUNDDOWN($C404/24,0)+1,1))-1)+IF('Standard Profiles'!$G$20=$B$10,7,0)+IF('Standard Profiles'!$G$20=$B$17,14,0)+IF('Standard Profiles'!$G$20=$B$24,21,0),0)),0)</f>
        <v>0</v>
      </c>
      <c r="G404" cm="1">
        <f t="array" ref="G404">IFERROR(INDEX(Jesper!AK$2:AK$366,ROUNDDOWN($C404/24,0)+1,1)*INDEX($D$3:$AA$30,INDEX(Jesper!$R$2:$R$366,ROW(INDEX(Jesper!AK$2:AK$366,ROUNDDOWN($C404/24,0)+1,1))-1)+IF('Standard Profiles'!$G$21=$B$10,7,0)+IF('Standard Profiles'!$G$21=$B$17,14,0)+IF('Standard Profiles'!$G$21=$B$24,21,0),MOD($C404,24)+1)/SUM(INDEX($D$3:$AA$30,INDEX(Jesper!$R$2:$R$366,ROW(INDEX(Jesper!AK$2:AK$366,ROUNDDOWN($C404/24,0)+1,1))-1)+IF('Standard Profiles'!$G$21=$B$10,7,0)+IF('Standard Profiles'!$G$21=$B$17,14,0)+IF('Standard Profiles'!$G$21=$B$24,21,0),0)),0)</f>
        <v>0</v>
      </c>
      <c r="H404" cm="1">
        <f t="array" ref="H404">IFERROR(INDEX(Jesper!AL$2:AL$366,ROUNDDOWN($C404/24,0)+1,1)*INDEX($D$3:$AA$30,INDEX(Jesper!$R$2:$R$366,ROW(INDEX(Jesper!AL$2:AL$366,ROUNDDOWN($C404/24,0)+1,1))-1)+IF('Standard Profiles'!$G$22=$B$10,7,0)+IF('Standard Profiles'!$G$22=$B$17,14,0)+IF('Standard Profiles'!$G$22=$B$24,21,0),MOD($C404,24)+1)/SUM(INDEX($D$3:$AA$30,INDEX(Jesper!$R$2:$R$366,ROW(INDEX(Jesper!AL$2:AL$366,ROUNDDOWN($C404/24,0)+1,1))-1)+IF('Standard Profiles'!$G$22=$B$10,7,0)+IF('Standard Profiles'!$G$22=$B$17,14,0)+IF('Standard Profiles'!$G$22=$B$24,21,0),0)),0)</f>
        <v>0</v>
      </c>
      <c r="I404">
        <f t="shared" si="55"/>
        <v>0.40292902628566152</v>
      </c>
      <c r="J404">
        <f t="shared" si="56"/>
        <v>1.3430967542855385</v>
      </c>
      <c r="K404">
        <f t="shared" si="57"/>
        <v>2.0146451314283076</v>
      </c>
      <c r="L404">
        <f t="shared" si="58"/>
        <v>9.6702966308558764</v>
      </c>
      <c r="M404">
        <f t="shared" si="59"/>
        <v>0</v>
      </c>
      <c r="N404" s="46">
        <f t="shared" si="60"/>
        <v>45307.416666665769</v>
      </c>
    </row>
    <row r="405" spans="2:14" x14ac:dyDescent="0.3">
      <c r="B405">
        <f t="shared" si="54"/>
        <v>2</v>
      </c>
      <c r="C405" s="16">
        <v>371</v>
      </c>
      <c r="D405" cm="1">
        <f t="array" ref="D405">IFERROR(INDEX(Jesper!AH$2:AH$366,ROUNDDOWN($C405/24,0)+1,1)*INDEX($D$3:$AA$30,INDEX(Jesper!$R$2:$R$366,ROW(INDEX(Jesper!AH$2:AH$366,ROUNDDOWN($C405/24,0)+1,1))-1)+IF('Standard Profiles'!$G$18=$B$10,7,0)+IF('Standard Profiles'!$G$18=$B$17,14,0)+IF('Standard Profiles'!$G$18=$B$24,21,0),MOD($C405,24)+1)/SUM(INDEX($D$3:$AA$30,INDEX(Jesper!$R$2:$R$366,ROW(INDEX(Jesper!AH$2:AH$366,ROUNDDOWN($C405/24,0)+1,1))-1)+IF('Standard Profiles'!$G$18=$B$10,7,0)+IF('Standard Profiles'!$G$18=$B$17,14,0)+IF('Standard Profiles'!$G$18=$B$24,21,0),0)),0)</f>
        <v>15.80113828571222</v>
      </c>
      <c r="E405" cm="1">
        <f t="array" ref="E405">IFERROR(INDEX(Jesper!AI$2:AI$366,ROUNDDOWN($C405/24,0)+1,1)*INDEX($D$3:$AA$30,INDEX(Jesper!$R$2:$R$366,ROW(INDEX(Jesper!AI$2:AI$366,ROUNDDOWN($C405/24,0)+1,1))-1)+IF('Standard Profiles'!$G$19=$B$10,7,0)+IF('Standard Profiles'!$G$19=$B$17,14,0)+IF('Standard Profiles'!$G$19=$B$24,21,0),MOD($C405,24)+1)/SUM(INDEX($D$3:$AA$30,INDEX(Jesper!$R$2:$R$366,ROW(INDEX(Jesper!AI$2:AI$366,ROUNDDOWN($C405/24,0)+1,1))-1)+IF('Standard Profiles'!$G$19=$B$10,7,0)+IF('Standard Profiles'!$G$19=$B$17,14,0)+IF('Standard Profiles'!$G$19=$B$24,21,0),0)),0)</f>
        <v>0</v>
      </c>
      <c r="F405" cm="1">
        <f t="array" ref="F405">IFERROR(INDEX(Jesper!AJ$2:AJ$366,ROUNDDOWN($C405/24,0)+1,1)*INDEX($D$3:$AA$30,INDEX(Jesper!$R$2:$R$366,ROW(INDEX(Jesper!AJ$2:AJ$366,ROUNDDOWN($C405/24,0)+1,1))-1)+IF('Standard Profiles'!$G$20=$B$10,7,0)+IF('Standard Profiles'!$G$20=$B$17,14,0)+IF('Standard Profiles'!$G$20=$B$24,21,0),MOD($C405,24)+1)/SUM(INDEX($D$3:$AA$30,INDEX(Jesper!$R$2:$R$366,ROW(INDEX(Jesper!AJ$2:AJ$366,ROUNDDOWN($C405/24,0)+1,1))-1)+IF('Standard Profiles'!$G$20=$B$10,7,0)+IF('Standard Profiles'!$G$20=$B$17,14,0)+IF('Standard Profiles'!$G$20=$B$24,21,0),0)),0)</f>
        <v>0</v>
      </c>
      <c r="G405" cm="1">
        <f t="array" ref="G405">IFERROR(INDEX(Jesper!AK$2:AK$366,ROUNDDOWN($C405/24,0)+1,1)*INDEX($D$3:$AA$30,INDEX(Jesper!$R$2:$R$366,ROW(INDEX(Jesper!AK$2:AK$366,ROUNDDOWN($C405/24,0)+1,1))-1)+IF('Standard Profiles'!$G$21=$B$10,7,0)+IF('Standard Profiles'!$G$21=$B$17,14,0)+IF('Standard Profiles'!$G$21=$B$24,21,0),MOD($C405,24)+1)/SUM(INDEX($D$3:$AA$30,INDEX(Jesper!$R$2:$R$366,ROW(INDEX(Jesper!AK$2:AK$366,ROUNDDOWN($C405/24,0)+1,1))-1)+IF('Standard Profiles'!$G$21=$B$10,7,0)+IF('Standard Profiles'!$G$21=$B$17,14,0)+IF('Standard Profiles'!$G$21=$B$24,21,0),0)),0)</f>
        <v>0</v>
      </c>
      <c r="H405" cm="1">
        <f t="array" ref="H405">IFERROR(INDEX(Jesper!AL$2:AL$366,ROUNDDOWN($C405/24,0)+1,1)*INDEX($D$3:$AA$30,INDEX(Jesper!$R$2:$R$366,ROW(INDEX(Jesper!AL$2:AL$366,ROUNDDOWN($C405/24,0)+1,1))-1)+IF('Standard Profiles'!$G$22=$B$10,7,0)+IF('Standard Profiles'!$G$22=$B$17,14,0)+IF('Standard Profiles'!$G$22=$B$24,21,0),MOD($C405,24)+1)/SUM(INDEX($D$3:$AA$30,INDEX(Jesper!$R$2:$R$366,ROW(INDEX(Jesper!AL$2:AL$366,ROUNDDOWN($C405/24,0)+1,1))-1)+IF('Standard Profiles'!$G$22=$B$10,7,0)+IF('Standard Profiles'!$G$22=$B$17,14,0)+IF('Standard Profiles'!$G$22=$B$24,21,0),0)),0)</f>
        <v>0</v>
      </c>
      <c r="I405">
        <f t="shared" si="55"/>
        <v>0.47403414857136661</v>
      </c>
      <c r="J405">
        <f t="shared" si="56"/>
        <v>1.5801138285712222</v>
      </c>
      <c r="K405">
        <f t="shared" si="57"/>
        <v>2.3701707428568328</v>
      </c>
      <c r="L405">
        <f t="shared" si="58"/>
        <v>11.376819565712799</v>
      </c>
      <c r="M405">
        <f t="shared" si="59"/>
        <v>0</v>
      </c>
      <c r="N405" s="46">
        <f t="shared" si="60"/>
        <v>45307.458333332434</v>
      </c>
    </row>
    <row r="406" spans="2:14" x14ac:dyDescent="0.3">
      <c r="B406">
        <f t="shared" si="54"/>
        <v>2</v>
      </c>
      <c r="C406" s="16">
        <v>372</v>
      </c>
      <c r="D406" cm="1">
        <f t="array" ref="D406">IFERROR(INDEX(Jesper!AH$2:AH$366,ROUNDDOWN($C406/24,0)+1,1)*INDEX($D$3:$AA$30,INDEX(Jesper!$R$2:$R$366,ROW(INDEX(Jesper!AH$2:AH$366,ROUNDDOWN($C406/24,0)+1,1))-1)+IF('Standard Profiles'!$G$18=$B$10,7,0)+IF('Standard Profiles'!$G$18=$B$17,14,0)+IF('Standard Profiles'!$G$18=$B$24,21,0),MOD($C406,24)+1)/SUM(INDEX($D$3:$AA$30,INDEX(Jesper!$R$2:$R$366,ROW(INDEX(Jesper!AH$2:AH$366,ROUNDDOWN($C406/24,0)+1,1))-1)+IF('Standard Profiles'!$G$18=$B$10,7,0)+IF('Standard Profiles'!$G$18=$B$17,14,0)+IF('Standard Profiles'!$G$18=$B$24,21,0),0)),0)</f>
        <v>15.80113828571222</v>
      </c>
      <c r="E406" cm="1">
        <f t="array" ref="E406">IFERROR(INDEX(Jesper!AI$2:AI$366,ROUNDDOWN($C406/24,0)+1,1)*INDEX($D$3:$AA$30,INDEX(Jesper!$R$2:$R$366,ROW(INDEX(Jesper!AI$2:AI$366,ROUNDDOWN($C406/24,0)+1,1))-1)+IF('Standard Profiles'!$G$19=$B$10,7,0)+IF('Standard Profiles'!$G$19=$B$17,14,0)+IF('Standard Profiles'!$G$19=$B$24,21,0),MOD($C406,24)+1)/SUM(INDEX($D$3:$AA$30,INDEX(Jesper!$R$2:$R$366,ROW(INDEX(Jesper!AI$2:AI$366,ROUNDDOWN($C406/24,0)+1,1))-1)+IF('Standard Profiles'!$G$19=$B$10,7,0)+IF('Standard Profiles'!$G$19=$B$17,14,0)+IF('Standard Profiles'!$G$19=$B$24,21,0),0)),0)</f>
        <v>0</v>
      </c>
      <c r="F406" cm="1">
        <f t="array" ref="F406">IFERROR(INDEX(Jesper!AJ$2:AJ$366,ROUNDDOWN($C406/24,0)+1,1)*INDEX($D$3:$AA$30,INDEX(Jesper!$R$2:$R$366,ROW(INDEX(Jesper!AJ$2:AJ$366,ROUNDDOWN($C406/24,0)+1,1))-1)+IF('Standard Profiles'!$G$20=$B$10,7,0)+IF('Standard Profiles'!$G$20=$B$17,14,0)+IF('Standard Profiles'!$G$20=$B$24,21,0),MOD($C406,24)+1)/SUM(INDEX($D$3:$AA$30,INDEX(Jesper!$R$2:$R$366,ROW(INDEX(Jesper!AJ$2:AJ$366,ROUNDDOWN($C406/24,0)+1,1))-1)+IF('Standard Profiles'!$G$20=$B$10,7,0)+IF('Standard Profiles'!$G$20=$B$17,14,0)+IF('Standard Profiles'!$G$20=$B$24,21,0),0)),0)</f>
        <v>0</v>
      </c>
      <c r="G406" cm="1">
        <f t="array" ref="G406">IFERROR(INDEX(Jesper!AK$2:AK$366,ROUNDDOWN($C406/24,0)+1,1)*INDEX($D$3:$AA$30,INDEX(Jesper!$R$2:$R$366,ROW(INDEX(Jesper!AK$2:AK$366,ROUNDDOWN($C406/24,0)+1,1))-1)+IF('Standard Profiles'!$G$21=$B$10,7,0)+IF('Standard Profiles'!$G$21=$B$17,14,0)+IF('Standard Profiles'!$G$21=$B$24,21,0),MOD($C406,24)+1)/SUM(INDEX($D$3:$AA$30,INDEX(Jesper!$R$2:$R$366,ROW(INDEX(Jesper!AK$2:AK$366,ROUNDDOWN($C406/24,0)+1,1))-1)+IF('Standard Profiles'!$G$21=$B$10,7,0)+IF('Standard Profiles'!$G$21=$B$17,14,0)+IF('Standard Profiles'!$G$21=$B$24,21,0),0)),0)</f>
        <v>0</v>
      </c>
      <c r="H406" cm="1">
        <f t="array" ref="H406">IFERROR(INDEX(Jesper!AL$2:AL$366,ROUNDDOWN($C406/24,0)+1,1)*INDEX($D$3:$AA$30,INDEX(Jesper!$R$2:$R$366,ROW(INDEX(Jesper!AL$2:AL$366,ROUNDDOWN($C406/24,0)+1,1))-1)+IF('Standard Profiles'!$G$22=$B$10,7,0)+IF('Standard Profiles'!$G$22=$B$17,14,0)+IF('Standard Profiles'!$G$22=$B$24,21,0),MOD($C406,24)+1)/SUM(INDEX($D$3:$AA$30,INDEX(Jesper!$R$2:$R$366,ROW(INDEX(Jesper!AL$2:AL$366,ROUNDDOWN($C406/24,0)+1,1))-1)+IF('Standard Profiles'!$G$22=$B$10,7,0)+IF('Standard Profiles'!$G$22=$B$17,14,0)+IF('Standard Profiles'!$G$22=$B$24,21,0),0)),0)</f>
        <v>0</v>
      </c>
      <c r="I406">
        <f t="shared" si="55"/>
        <v>0.47403414857136661</v>
      </c>
      <c r="J406">
        <f t="shared" si="56"/>
        <v>1.5801138285712222</v>
      </c>
      <c r="K406">
        <f t="shared" si="57"/>
        <v>2.3701707428568328</v>
      </c>
      <c r="L406">
        <f t="shared" si="58"/>
        <v>11.376819565712799</v>
      </c>
      <c r="M406">
        <f t="shared" si="59"/>
        <v>0</v>
      </c>
      <c r="N406" s="46">
        <f t="shared" si="60"/>
        <v>45307.499999999098</v>
      </c>
    </row>
    <row r="407" spans="2:14" x14ac:dyDescent="0.3">
      <c r="B407">
        <f t="shared" si="54"/>
        <v>2</v>
      </c>
      <c r="C407" s="16">
        <v>373</v>
      </c>
      <c r="D407" cm="1">
        <f t="array" ref="D407">IFERROR(INDEX(Jesper!AH$2:AH$366,ROUNDDOWN($C407/24,0)+1,1)*INDEX($D$3:$AA$30,INDEX(Jesper!$R$2:$R$366,ROW(INDEX(Jesper!AH$2:AH$366,ROUNDDOWN($C407/24,0)+1,1))-1)+IF('Standard Profiles'!$G$18=$B$10,7,0)+IF('Standard Profiles'!$G$18=$B$17,14,0)+IF('Standard Profiles'!$G$18=$B$24,21,0),MOD($C407,24)+1)/SUM(INDEX($D$3:$AA$30,INDEX(Jesper!$R$2:$R$366,ROW(INDEX(Jesper!AH$2:AH$366,ROUNDDOWN($C407/24,0)+1,1))-1)+IF('Standard Profiles'!$G$18=$B$10,7,0)+IF('Standard Profiles'!$G$18=$B$17,14,0)+IF('Standard Profiles'!$G$18=$B$24,21,0),0)),0)</f>
        <v>15.80113828571222</v>
      </c>
      <c r="E407" cm="1">
        <f t="array" ref="E407">IFERROR(INDEX(Jesper!AI$2:AI$366,ROUNDDOWN($C407/24,0)+1,1)*INDEX($D$3:$AA$30,INDEX(Jesper!$R$2:$R$366,ROW(INDEX(Jesper!AI$2:AI$366,ROUNDDOWN($C407/24,0)+1,1))-1)+IF('Standard Profiles'!$G$19=$B$10,7,0)+IF('Standard Profiles'!$G$19=$B$17,14,0)+IF('Standard Profiles'!$G$19=$B$24,21,0),MOD($C407,24)+1)/SUM(INDEX($D$3:$AA$30,INDEX(Jesper!$R$2:$R$366,ROW(INDEX(Jesper!AI$2:AI$366,ROUNDDOWN($C407/24,0)+1,1))-1)+IF('Standard Profiles'!$G$19=$B$10,7,0)+IF('Standard Profiles'!$G$19=$B$17,14,0)+IF('Standard Profiles'!$G$19=$B$24,21,0),0)),0)</f>
        <v>0</v>
      </c>
      <c r="F407" cm="1">
        <f t="array" ref="F407">IFERROR(INDEX(Jesper!AJ$2:AJ$366,ROUNDDOWN($C407/24,0)+1,1)*INDEX($D$3:$AA$30,INDEX(Jesper!$R$2:$R$366,ROW(INDEX(Jesper!AJ$2:AJ$366,ROUNDDOWN($C407/24,0)+1,1))-1)+IF('Standard Profiles'!$G$20=$B$10,7,0)+IF('Standard Profiles'!$G$20=$B$17,14,0)+IF('Standard Profiles'!$G$20=$B$24,21,0),MOD($C407,24)+1)/SUM(INDEX($D$3:$AA$30,INDEX(Jesper!$R$2:$R$366,ROW(INDEX(Jesper!AJ$2:AJ$366,ROUNDDOWN($C407/24,0)+1,1))-1)+IF('Standard Profiles'!$G$20=$B$10,7,0)+IF('Standard Profiles'!$G$20=$B$17,14,0)+IF('Standard Profiles'!$G$20=$B$24,21,0),0)),0)</f>
        <v>0</v>
      </c>
      <c r="G407" cm="1">
        <f t="array" ref="G407">IFERROR(INDEX(Jesper!AK$2:AK$366,ROUNDDOWN($C407/24,0)+1,1)*INDEX($D$3:$AA$30,INDEX(Jesper!$R$2:$R$366,ROW(INDEX(Jesper!AK$2:AK$366,ROUNDDOWN($C407/24,0)+1,1))-1)+IF('Standard Profiles'!$G$21=$B$10,7,0)+IF('Standard Profiles'!$G$21=$B$17,14,0)+IF('Standard Profiles'!$G$21=$B$24,21,0),MOD($C407,24)+1)/SUM(INDEX($D$3:$AA$30,INDEX(Jesper!$R$2:$R$366,ROW(INDEX(Jesper!AK$2:AK$366,ROUNDDOWN($C407/24,0)+1,1))-1)+IF('Standard Profiles'!$G$21=$B$10,7,0)+IF('Standard Profiles'!$G$21=$B$17,14,0)+IF('Standard Profiles'!$G$21=$B$24,21,0),0)),0)</f>
        <v>0</v>
      </c>
      <c r="H407" cm="1">
        <f t="array" ref="H407">IFERROR(INDEX(Jesper!AL$2:AL$366,ROUNDDOWN($C407/24,0)+1,1)*INDEX($D$3:$AA$30,INDEX(Jesper!$R$2:$R$366,ROW(INDEX(Jesper!AL$2:AL$366,ROUNDDOWN($C407/24,0)+1,1))-1)+IF('Standard Profiles'!$G$22=$B$10,7,0)+IF('Standard Profiles'!$G$22=$B$17,14,0)+IF('Standard Profiles'!$G$22=$B$24,21,0),MOD($C407,24)+1)/SUM(INDEX($D$3:$AA$30,INDEX(Jesper!$R$2:$R$366,ROW(INDEX(Jesper!AL$2:AL$366,ROUNDDOWN($C407/24,0)+1,1))-1)+IF('Standard Profiles'!$G$22=$B$10,7,0)+IF('Standard Profiles'!$G$22=$B$17,14,0)+IF('Standard Profiles'!$G$22=$B$24,21,0),0)),0)</f>
        <v>0</v>
      </c>
      <c r="I407">
        <f t="shared" si="55"/>
        <v>0.47403414857136661</v>
      </c>
      <c r="J407">
        <f t="shared" si="56"/>
        <v>1.5801138285712222</v>
      </c>
      <c r="K407">
        <f t="shared" si="57"/>
        <v>2.3701707428568328</v>
      </c>
      <c r="L407">
        <f t="shared" si="58"/>
        <v>11.376819565712799</v>
      </c>
      <c r="M407">
        <f t="shared" si="59"/>
        <v>0</v>
      </c>
      <c r="N407" s="46">
        <f t="shared" si="60"/>
        <v>45307.541666665762</v>
      </c>
    </row>
    <row r="408" spans="2:14" x14ac:dyDescent="0.3">
      <c r="B408">
        <f t="shared" si="54"/>
        <v>2</v>
      </c>
      <c r="C408" s="16">
        <v>374</v>
      </c>
      <c r="D408" cm="1">
        <f t="array" ref="D408">IFERROR(INDEX(Jesper!AH$2:AH$366,ROUNDDOWN($C408/24,0)+1,1)*INDEX($D$3:$AA$30,INDEX(Jesper!$R$2:$R$366,ROW(INDEX(Jesper!AH$2:AH$366,ROUNDDOWN($C408/24,0)+1,1))-1)+IF('Standard Profiles'!$G$18=$B$10,7,0)+IF('Standard Profiles'!$G$18=$B$17,14,0)+IF('Standard Profiles'!$G$18=$B$24,21,0),MOD($C408,24)+1)/SUM(INDEX($D$3:$AA$30,INDEX(Jesper!$R$2:$R$366,ROW(INDEX(Jesper!AH$2:AH$366,ROUNDDOWN($C408/24,0)+1,1))-1)+IF('Standard Profiles'!$G$18=$B$10,7,0)+IF('Standard Profiles'!$G$18=$B$17,14,0)+IF('Standard Profiles'!$G$18=$B$24,21,0),0)),0)</f>
        <v>15.80113828571222</v>
      </c>
      <c r="E408" cm="1">
        <f t="array" ref="E408">IFERROR(INDEX(Jesper!AI$2:AI$366,ROUNDDOWN($C408/24,0)+1,1)*INDEX($D$3:$AA$30,INDEX(Jesper!$R$2:$R$366,ROW(INDEX(Jesper!AI$2:AI$366,ROUNDDOWN($C408/24,0)+1,1))-1)+IF('Standard Profiles'!$G$19=$B$10,7,0)+IF('Standard Profiles'!$G$19=$B$17,14,0)+IF('Standard Profiles'!$G$19=$B$24,21,0),MOD($C408,24)+1)/SUM(INDEX($D$3:$AA$30,INDEX(Jesper!$R$2:$R$366,ROW(INDEX(Jesper!AI$2:AI$366,ROUNDDOWN($C408/24,0)+1,1))-1)+IF('Standard Profiles'!$G$19=$B$10,7,0)+IF('Standard Profiles'!$G$19=$B$17,14,0)+IF('Standard Profiles'!$G$19=$B$24,21,0),0)),0)</f>
        <v>0</v>
      </c>
      <c r="F408" cm="1">
        <f t="array" ref="F408">IFERROR(INDEX(Jesper!AJ$2:AJ$366,ROUNDDOWN($C408/24,0)+1,1)*INDEX($D$3:$AA$30,INDEX(Jesper!$R$2:$R$366,ROW(INDEX(Jesper!AJ$2:AJ$366,ROUNDDOWN($C408/24,0)+1,1))-1)+IF('Standard Profiles'!$G$20=$B$10,7,0)+IF('Standard Profiles'!$G$20=$B$17,14,0)+IF('Standard Profiles'!$G$20=$B$24,21,0),MOD($C408,24)+1)/SUM(INDEX($D$3:$AA$30,INDEX(Jesper!$R$2:$R$366,ROW(INDEX(Jesper!AJ$2:AJ$366,ROUNDDOWN($C408/24,0)+1,1))-1)+IF('Standard Profiles'!$G$20=$B$10,7,0)+IF('Standard Profiles'!$G$20=$B$17,14,0)+IF('Standard Profiles'!$G$20=$B$24,21,0),0)),0)</f>
        <v>0</v>
      </c>
      <c r="G408" cm="1">
        <f t="array" ref="G408">IFERROR(INDEX(Jesper!AK$2:AK$366,ROUNDDOWN($C408/24,0)+1,1)*INDEX($D$3:$AA$30,INDEX(Jesper!$R$2:$R$366,ROW(INDEX(Jesper!AK$2:AK$366,ROUNDDOWN($C408/24,0)+1,1))-1)+IF('Standard Profiles'!$G$21=$B$10,7,0)+IF('Standard Profiles'!$G$21=$B$17,14,0)+IF('Standard Profiles'!$G$21=$B$24,21,0),MOD($C408,24)+1)/SUM(INDEX($D$3:$AA$30,INDEX(Jesper!$R$2:$R$366,ROW(INDEX(Jesper!AK$2:AK$366,ROUNDDOWN($C408/24,0)+1,1))-1)+IF('Standard Profiles'!$G$21=$B$10,7,0)+IF('Standard Profiles'!$G$21=$B$17,14,0)+IF('Standard Profiles'!$G$21=$B$24,21,0),0)),0)</f>
        <v>0</v>
      </c>
      <c r="H408" cm="1">
        <f t="array" ref="H408">IFERROR(INDEX(Jesper!AL$2:AL$366,ROUNDDOWN($C408/24,0)+1,1)*INDEX($D$3:$AA$30,INDEX(Jesper!$R$2:$R$366,ROW(INDEX(Jesper!AL$2:AL$366,ROUNDDOWN($C408/24,0)+1,1))-1)+IF('Standard Profiles'!$G$22=$B$10,7,0)+IF('Standard Profiles'!$G$22=$B$17,14,0)+IF('Standard Profiles'!$G$22=$B$24,21,0),MOD($C408,24)+1)/SUM(INDEX($D$3:$AA$30,INDEX(Jesper!$R$2:$R$366,ROW(INDEX(Jesper!AL$2:AL$366,ROUNDDOWN($C408/24,0)+1,1))-1)+IF('Standard Profiles'!$G$22=$B$10,7,0)+IF('Standard Profiles'!$G$22=$B$17,14,0)+IF('Standard Profiles'!$G$22=$B$24,21,0),0)),0)</f>
        <v>0</v>
      </c>
      <c r="I408">
        <f t="shared" si="55"/>
        <v>0.47403414857136661</v>
      </c>
      <c r="J408">
        <f t="shared" si="56"/>
        <v>1.5801138285712222</v>
      </c>
      <c r="K408">
        <f t="shared" si="57"/>
        <v>2.3701707428568328</v>
      </c>
      <c r="L408">
        <f t="shared" si="58"/>
        <v>11.376819565712799</v>
      </c>
      <c r="M408">
        <f t="shared" si="59"/>
        <v>0</v>
      </c>
      <c r="N408" s="46">
        <f t="shared" si="60"/>
        <v>45307.583333332426</v>
      </c>
    </row>
    <row r="409" spans="2:14" x14ac:dyDescent="0.3">
      <c r="B409">
        <f t="shared" si="54"/>
        <v>2</v>
      </c>
      <c r="C409" s="16">
        <v>375</v>
      </c>
      <c r="D409" cm="1">
        <f t="array" ref="D409">IFERROR(INDEX(Jesper!AH$2:AH$366,ROUNDDOWN($C409/24,0)+1,1)*INDEX($D$3:$AA$30,INDEX(Jesper!$R$2:$R$366,ROW(INDEX(Jesper!AH$2:AH$366,ROUNDDOWN($C409/24,0)+1,1))-1)+IF('Standard Profiles'!$G$18=$B$10,7,0)+IF('Standard Profiles'!$G$18=$B$17,14,0)+IF('Standard Profiles'!$G$18=$B$24,21,0),MOD($C409,24)+1)/SUM(INDEX($D$3:$AA$30,INDEX(Jesper!$R$2:$R$366,ROW(INDEX(Jesper!AH$2:AH$366,ROUNDDOWN($C409/24,0)+1,1))-1)+IF('Standard Profiles'!$G$18=$B$10,7,0)+IF('Standard Profiles'!$G$18=$B$17,14,0)+IF('Standard Profiles'!$G$18=$B$24,21,0),0)),0)</f>
        <v>15.80113828571222</v>
      </c>
      <c r="E409" cm="1">
        <f t="array" ref="E409">IFERROR(INDEX(Jesper!AI$2:AI$366,ROUNDDOWN($C409/24,0)+1,1)*INDEX($D$3:$AA$30,INDEX(Jesper!$R$2:$R$366,ROW(INDEX(Jesper!AI$2:AI$366,ROUNDDOWN($C409/24,0)+1,1))-1)+IF('Standard Profiles'!$G$19=$B$10,7,0)+IF('Standard Profiles'!$G$19=$B$17,14,0)+IF('Standard Profiles'!$G$19=$B$24,21,0),MOD($C409,24)+1)/SUM(INDEX($D$3:$AA$30,INDEX(Jesper!$R$2:$R$366,ROW(INDEX(Jesper!AI$2:AI$366,ROUNDDOWN($C409/24,0)+1,1))-1)+IF('Standard Profiles'!$G$19=$B$10,7,0)+IF('Standard Profiles'!$G$19=$B$17,14,0)+IF('Standard Profiles'!$G$19=$B$24,21,0),0)),0)</f>
        <v>0</v>
      </c>
      <c r="F409" cm="1">
        <f t="array" ref="F409">IFERROR(INDEX(Jesper!AJ$2:AJ$366,ROUNDDOWN($C409/24,0)+1,1)*INDEX($D$3:$AA$30,INDEX(Jesper!$R$2:$R$366,ROW(INDEX(Jesper!AJ$2:AJ$366,ROUNDDOWN($C409/24,0)+1,1))-1)+IF('Standard Profiles'!$G$20=$B$10,7,0)+IF('Standard Profiles'!$G$20=$B$17,14,0)+IF('Standard Profiles'!$G$20=$B$24,21,0),MOD($C409,24)+1)/SUM(INDEX($D$3:$AA$30,INDEX(Jesper!$R$2:$R$366,ROW(INDEX(Jesper!AJ$2:AJ$366,ROUNDDOWN($C409/24,0)+1,1))-1)+IF('Standard Profiles'!$G$20=$B$10,7,0)+IF('Standard Profiles'!$G$20=$B$17,14,0)+IF('Standard Profiles'!$G$20=$B$24,21,0),0)),0)</f>
        <v>0</v>
      </c>
      <c r="G409" cm="1">
        <f t="array" ref="G409">IFERROR(INDEX(Jesper!AK$2:AK$366,ROUNDDOWN($C409/24,0)+1,1)*INDEX($D$3:$AA$30,INDEX(Jesper!$R$2:$R$366,ROW(INDEX(Jesper!AK$2:AK$366,ROUNDDOWN($C409/24,0)+1,1))-1)+IF('Standard Profiles'!$G$21=$B$10,7,0)+IF('Standard Profiles'!$G$21=$B$17,14,0)+IF('Standard Profiles'!$G$21=$B$24,21,0),MOD($C409,24)+1)/SUM(INDEX($D$3:$AA$30,INDEX(Jesper!$R$2:$R$366,ROW(INDEX(Jesper!AK$2:AK$366,ROUNDDOWN($C409/24,0)+1,1))-1)+IF('Standard Profiles'!$G$21=$B$10,7,0)+IF('Standard Profiles'!$G$21=$B$17,14,0)+IF('Standard Profiles'!$G$21=$B$24,21,0),0)),0)</f>
        <v>0</v>
      </c>
      <c r="H409" cm="1">
        <f t="array" ref="H409">IFERROR(INDEX(Jesper!AL$2:AL$366,ROUNDDOWN($C409/24,0)+1,1)*INDEX($D$3:$AA$30,INDEX(Jesper!$R$2:$R$366,ROW(INDEX(Jesper!AL$2:AL$366,ROUNDDOWN($C409/24,0)+1,1))-1)+IF('Standard Profiles'!$G$22=$B$10,7,0)+IF('Standard Profiles'!$G$22=$B$17,14,0)+IF('Standard Profiles'!$G$22=$B$24,21,0),MOD($C409,24)+1)/SUM(INDEX($D$3:$AA$30,INDEX(Jesper!$R$2:$R$366,ROW(INDEX(Jesper!AL$2:AL$366,ROUNDDOWN($C409/24,0)+1,1))-1)+IF('Standard Profiles'!$G$22=$B$10,7,0)+IF('Standard Profiles'!$G$22=$B$17,14,0)+IF('Standard Profiles'!$G$22=$B$24,21,0),0)),0)</f>
        <v>0</v>
      </c>
      <c r="I409">
        <f t="shared" si="55"/>
        <v>0.47403414857136661</v>
      </c>
      <c r="J409">
        <f t="shared" si="56"/>
        <v>1.5801138285712222</v>
      </c>
      <c r="K409">
        <f t="shared" si="57"/>
        <v>2.3701707428568328</v>
      </c>
      <c r="L409">
        <f t="shared" si="58"/>
        <v>11.376819565712799</v>
      </c>
      <c r="M409">
        <f t="shared" si="59"/>
        <v>0</v>
      </c>
      <c r="N409" s="46">
        <f t="shared" si="60"/>
        <v>45307.624999999091</v>
      </c>
    </row>
    <row r="410" spans="2:14" x14ac:dyDescent="0.3">
      <c r="B410">
        <f t="shared" si="54"/>
        <v>2</v>
      </c>
      <c r="C410" s="16">
        <v>376</v>
      </c>
      <c r="D410" cm="1">
        <f t="array" ref="D410">IFERROR(INDEX(Jesper!AH$2:AH$366,ROUNDDOWN($C410/24,0)+1,1)*INDEX($D$3:$AA$30,INDEX(Jesper!$R$2:$R$366,ROW(INDEX(Jesper!AH$2:AH$366,ROUNDDOWN($C410/24,0)+1,1))-1)+IF('Standard Profiles'!$G$18=$B$10,7,0)+IF('Standard Profiles'!$G$18=$B$17,14,0)+IF('Standard Profiles'!$G$18=$B$24,21,0),MOD($C410,24)+1)/SUM(INDEX($D$3:$AA$30,INDEX(Jesper!$R$2:$R$366,ROW(INDEX(Jesper!AH$2:AH$366,ROUNDDOWN($C410/24,0)+1,1))-1)+IF('Standard Profiles'!$G$18=$B$10,7,0)+IF('Standard Profiles'!$G$18=$B$17,14,0)+IF('Standard Profiles'!$G$18=$B$24,21,0),0)),0)</f>
        <v>15.80113828571222</v>
      </c>
      <c r="E410" cm="1">
        <f t="array" ref="E410">IFERROR(INDEX(Jesper!AI$2:AI$366,ROUNDDOWN($C410/24,0)+1,1)*INDEX($D$3:$AA$30,INDEX(Jesper!$R$2:$R$366,ROW(INDEX(Jesper!AI$2:AI$366,ROUNDDOWN($C410/24,0)+1,1))-1)+IF('Standard Profiles'!$G$19=$B$10,7,0)+IF('Standard Profiles'!$G$19=$B$17,14,0)+IF('Standard Profiles'!$G$19=$B$24,21,0),MOD($C410,24)+1)/SUM(INDEX($D$3:$AA$30,INDEX(Jesper!$R$2:$R$366,ROW(INDEX(Jesper!AI$2:AI$366,ROUNDDOWN($C410/24,0)+1,1))-1)+IF('Standard Profiles'!$G$19=$B$10,7,0)+IF('Standard Profiles'!$G$19=$B$17,14,0)+IF('Standard Profiles'!$G$19=$B$24,21,0),0)),0)</f>
        <v>0</v>
      </c>
      <c r="F410" cm="1">
        <f t="array" ref="F410">IFERROR(INDEX(Jesper!AJ$2:AJ$366,ROUNDDOWN($C410/24,0)+1,1)*INDEX($D$3:$AA$30,INDEX(Jesper!$R$2:$R$366,ROW(INDEX(Jesper!AJ$2:AJ$366,ROUNDDOWN($C410/24,0)+1,1))-1)+IF('Standard Profiles'!$G$20=$B$10,7,0)+IF('Standard Profiles'!$G$20=$B$17,14,0)+IF('Standard Profiles'!$G$20=$B$24,21,0),MOD($C410,24)+1)/SUM(INDEX($D$3:$AA$30,INDEX(Jesper!$R$2:$R$366,ROW(INDEX(Jesper!AJ$2:AJ$366,ROUNDDOWN($C410/24,0)+1,1))-1)+IF('Standard Profiles'!$G$20=$B$10,7,0)+IF('Standard Profiles'!$G$20=$B$17,14,0)+IF('Standard Profiles'!$G$20=$B$24,21,0),0)),0)</f>
        <v>0</v>
      </c>
      <c r="G410" cm="1">
        <f t="array" ref="G410">IFERROR(INDEX(Jesper!AK$2:AK$366,ROUNDDOWN($C410/24,0)+1,1)*INDEX($D$3:$AA$30,INDEX(Jesper!$R$2:$R$366,ROW(INDEX(Jesper!AK$2:AK$366,ROUNDDOWN($C410/24,0)+1,1))-1)+IF('Standard Profiles'!$G$21=$B$10,7,0)+IF('Standard Profiles'!$G$21=$B$17,14,0)+IF('Standard Profiles'!$G$21=$B$24,21,0),MOD($C410,24)+1)/SUM(INDEX($D$3:$AA$30,INDEX(Jesper!$R$2:$R$366,ROW(INDEX(Jesper!AK$2:AK$366,ROUNDDOWN($C410/24,0)+1,1))-1)+IF('Standard Profiles'!$G$21=$B$10,7,0)+IF('Standard Profiles'!$G$21=$B$17,14,0)+IF('Standard Profiles'!$G$21=$B$24,21,0),0)),0)</f>
        <v>0</v>
      </c>
      <c r="H410" cm="1">
        <f t="array" ref="H410">IFERROR(INDEX(Jesper!AL$2:AL$366,ROUNDDOWN($C410/24,0)+1,1)*INDEX($D$3:$AA$30,INDEX(Jesper!$R$2:$R$366,ROW(INDEX(Jesper!AL$2:AL$366,ROUNDDOWN($C410/24,0)+1,1))-1)+IF('Standard Profiles'!$G$22=$B$10,7,0)+IF('Standard Profiles'!$G$22=$B$17,14,0)+IF('Standard Profiles'!$G$22=$B$24,21,0),MOD($C410,24)+1)/SUM(INDEX($D$3:$AA$30,INDEX(Jesper!$R$2:$R$366,ROW(INDEX(Jesper!AL$2:AL$366,ROUNDDOWN($C410/24,0)+1,1))-1)+IF('Standard Profiles'!$G$22=$B$10,7,0)+IF('Standard Profiles'!$G$22=$B$17,14,0)+IF('Standard Profiles'!$G$22=$B$24,21,0),0)),0)</f>
        <v>0</v>
      </c>
      <c r="I410">
        <f t="shared" si="55"/>
        <v>0.47403414857136661</v>
      </c>
      <c r="J410">
        <f t="shared" si="56"/>
        <v>1.5801138285712222</v>
      </c>
      <c r="K410">
        <f t="shared" si="57"/>
        <v>2.3701707428568328</v>
      </c>
      <c r="L410">
        <f t="shared" si="58"/>
        <v>11.376819565712799</v>
      </c>
      <c r="M410">
        <f t="shared" si="59"/>
        <v>0</v>
      </c>
      <c r="N410" s="46">
        <f t="shared" si="60"/>
        <v>45307.666666665755</v>
      </c>
    </row>
    <row r="411" spans="2:14" x14ac:dyDescent="0.3">
      <c r="B411">
        <f t="shared" si="54"/>
        <v>2</v>
      </c>
      <c r="C411" s="16">
        <v>377</v>
      </c>
      <c r="D411" cm="1">
        <f t="array" ref="D411">IFERROR(INDEX(Jesper!AH$2:AH$366,ROUNDDOWN($C411/24,0)+1,1)*INDEX($D$3:$AA$30,INDEX(Jesper!$R$2:$R$366,ROW(INDEX(Jesper!AH$2:AH$366,ROUNDDOWN($C411/24,0)+1,1))-1)+IF('Standard Profiles'!$G$18=$B$10,7,0)+IF('Standard Profiles'!$G$18=$B$17,14,0)+IF('Standard Profiles'!$G$18=$B$24,21,0),MOD($C411,24)+1)/SUM(INDEX($D$3:$AA$30,INDEX(Jesper!$R$2:$R$366,ROW(INDEX(Jesper!AH$2:AH$366,ROUNDDOWN($C411/24,0)+1,1))-1)+IF('Standard Profiles'!$G$18=$B$10,7,0)+IF('Standard Profiles'!$G$18=$B$17,14,0)+IF('Standard Profiles'!$G$18=$B$24,21,0),0)),0)</f>
        <v>15.80113828571222</v>
      </c>
      <c r="E411" cm="1">
        <f t="array" ref="E411">IFERROR(INDEX(Jesper!AI$2:AI$366,ROUNDDOWN($C411/24,0)+1,1)*INDEX($D$3:$AA$30,INDEX(Jesper!$R$2:$R$366,ROW(INDEX(Jesper!AI$2:AI$366,ROUNDDOWN($C411/24,0)+1,1))-1)+IF('Standard Profiles'!$G$19=$B$10,7,0)+IF('Standard Profiles'!$G$19=$B$17,14,0)+IF('Standard Profiles'!$G$19=$B$24,21,0),MOD($C411,24)+1)/SUM(INDEX($D$3:$AA$30,INDEX(Jesper!$R$2:$R$366,ROW(INDEX(Jesper!AI$2:AI$366,ROUNDDOWN($C411/24,0)+1,1))-1)+IF('Standard Profiles'!$G$19=$B$10,7,0)+IF('Standard Profiles'!$G$19=$B$17,14,0)+IF('Standard Profiles'!$G$19=$B$24,21,0),0)),0)</f>
        <v>0</v>
      </c>
      <c r="F411" cm="1">
        <f t="array" ref="F411">IFERROR(INDEX(Jesper!AJ$2:AJ$366,ROUNDDOWN($C411/24,0)+1,1)*INDEX($D$3:$AA$30,INDEX(Jesper!$R$2:$R$366,ROW(INDEX(Jesper!AJ$2:AJ$366,ROUNDDOWN($C411/24,0)+1,1))-1)+IF('Standard Profiles'!$G$20=$B$10,7,0)+IF('Standard Profiles'!$G$20=$B$17,14,0)+IF('Standard Profiles'!$G$20=$B$24,21,0),MOD($C411,24)+1)/SUM(INDEX($D$3:$AA$30,INDEX(Jesper!$R$2:$R$366,ROW(INDEX(Jesper!AJ$2:AJ$366,ROUNDDOWN($C411/24,0)+1,1))-1)+IF('Standard Profiles'!$G$20=$B$10,7,0)+IF('Standard Profiles'!$G$20=$B$17,14,0)+IF('Standard Profiles'!$G$20=$B$24,21,0),0)),0)</f>
        <v>0</v>
      </c>
      <c r="G411" cm="1">
        <f t="array" ref="G411">IFERROR(INDEX(Jesper!AK$2:AK$366,ROUNDDOWN($C411/24,0)+1,1)*INDEX($D$3:$AA$30,INDEX(Jesper!$R$2:$R$366,ROW(INDEX(Jesper!AK$2:AK$366,ROUNDDOWN($C411/24,0)+1,1))-1)+IF('Standard Profiles'!$G$21=$B$10,7,0)+IF('Standard Profiles'!$G$21=$B$17,14,0)+IF('Standard Profiles'!$G$21=$B$24,21,0),MOD($C411,24)+1)/SUM(INDEX($D$3:$AA$30,INDEX(Jesper!$R$2:$R$366,ROW(INDEX(Jesper!AK$2:AK$366,ROUNDDOWN($C411/24,0)+1,1))-1)+IF('Standard Profiles'!$G$21=$B$10,7,0)+IF('Standard Profiles'!$G$21=$B$17,14,0)+IF('Standard Profiles'!$G$21=$B$24,21,0),0)),0)</f>
        <v>0</v>
      </c>
      <c r="H411" cm="1">
        <f t="array" ref="H411">IFERROR(INDEX(Jesper!AL$2:AL$366,ROUNDDOWN($C411/24,0)+1,1)*INDEX($D$3:$AA$30,INDEX(Jesper!$R$2:$R$366,ROW(INDEX(Jesper!AL$2:AL$366,ROUNDDOWN($C411/24,0)+1,1))-1)+IF('Standard Profiles'!$G$22=$B$10,7,0)+IF('Standard Profiles'!$G$22=$B$17,14,0)+IF('Standard Profiles'!$G$22=$B$24,21,0),MOD($C411,24)+1)/SUM(INDEX($D$3:$AA$30,INDEX(Jesper!$R$2:$R$366,ROW(INDEX(Jesper!AL$2:AL$366,ROUNDDOWN($C411/24,0)+1,1))-1)+IF('Standard Profiles'!$G$22=$B$10,7,0)+IF('Standard Profiles'!$G$22=$B$17,14,0)+IF('Standard Profiles'!$G$22=$B$24,21,0),0)),0)</f>
        <v>0</v>
      </c>
      <c r="I411">
        <f t="shared" si="55"/>
        <v>0.47403414857136661</v>
      </c>
      <c r="J411">
        <f t="shared" si="56"/>
        <v>1.5801138285712222</v>
      </c>
      <c r="K411">
        <f t="shared" si="57"/>
        <v>2.3701707428568328</v>
      </c>
      <c r="L411">
        <f t="shared" si="58"/>
        <v>11.376819565712799</v>
      </c>
      <c r="M411">
        <f t="shared" si="59"/>
        <v>0</v>
      </c>
      <c r="N411" s="46">
        <f t="shared" si="60"/>
        <v>45307.708333332419</v>
      </c>
    </row>
    <row r="412" spans="2:14" x14ac:dyDescent="0.3">
      <c r="B412">
        <f t="shared" si="54"/>
        <v>2</v>
      </c>
      <c r="C412" s="16">
        <v>378</v>
      </c>
      <c r="D412" cm="1">
        <f t="array" ref="D412">IFERROR(INDEX(Jesper!AH$2:AH$366,ROUNDDOWN($C412/24,0)+1,1)*INDEX($D$3:$AA$30,INDEX(Jesper!$R$2:$R$366,ROW(INDEX(Jesper!AH$2:AH$366,ROUNDDOWN($C412/24,0)+1,1))-1)+IF('Standard Profiles'!$G$18=$B$10,7,0)+IF('Standard Profiles'!$G$18=$B$17,14,0)+IF('Standard Profiles'!$G$18=$B$24,21,0),MOD($C412,24)+1)/SUM(INDEX($D$3:$AA$30,INDEX(Jesper!$R$2:$R$366,ROW(INDEX(Jesper!AH$2:AH$366,ROUNDDOWN($C412/24,0)+1,1))-1)+IF('Standard Profiles'!$G$18=$B$10,7,0)+IF('Standard Profiles'!$G$18=$B$17,14,0)+IF('Standard Profiles'!$G$18=$B$24,21,0),0)),0)</f>
        <v>15.80113828571222</v>
      </c>
      <c r="E412" cm="1">
        <f t="array" ref="E412">IFERROR(INDEX(Jesper!AI$2:AI$366,ROUNDDOWN($C412/24,0)+1,1)*INDEX($D$3:$AA$30,INDEX(Jesper!$R$2:$R$366,ROW(INDEX(Jesper!AI$2:AI$366,ROUNDDOWN($C412/24,0)+1,1))-1)+IF('Standard Profiles'!$G$19=$B$10,7,0)+IF('Standard Profiles'!$G$19=$B$17,14,0)+IF('Standard Profiles'!$G$19=$B$24,21,0),MOD($C412,24)+1)/SUM(INDEX($D$3:$AA$30,INDEX(Jesper!$R$2:$R$366,ROW(INDEX(Jesper!AI$2:AI$366,ROUNDDOWN($C412/24,0)+1,1))-1)+IF('Standard Profiles'!$G$19=$B$10,7,0)+IF('Standard Profiles'!$G$19=$B$17,14,0)+IF('Standard Profiles'!$G$19=$B$24,21,0),0)),0)</f>
        <v>0</v>
      </c>
      <c r="F412" cm="1">
        <f t="array" ref="F412">IFERROR(INDEX(Jesper!AJ$2:AJ$366,ROUNDDOWN($C412/24,0)+1,1)*INDEX($D$3:$AA$30,INDEX(Jesper!$R$2:$R$366,ROW(INDEX(Jesper!AJ$2:AJ$366,ROUNDDOWN($C412/24,0)+1,1))-1)+IF('Standard Profiles'!$G$20=$B$10,7,0)+IF('Standard Profiles'!$G$20=$B$17,14,0)+IF('Standard Profiles'!$G$20=$B$24,21,0),MOD($C412,24)+1)/SUM(INDEX($D$3:$AA$30,INDEX(Jesper!$R$2:$R$366,ROW(INDEX(Jesper!AJ$2:AJ$366,ROUNDDOWN($C412/24,0)+1,1))-1)+IF('Standard Profiles'!$G$20=$B$10,7,0)+IF('Standard Profiles'!$G$20=$B$17,14,0)+IF('Standard Profiles'!$G$20=$B$24,21,0),0)),0)</f>
        <v>0</v>
      </c>
      <c r="G412" cm="1">
        <f t="array" ref="G412">IFERROR(INDEX(Jesper!AK$2:AK$366,ROUNDDOWN($C412/24,0)+1,1)*INDEX($D$3:$AA$30,INDEX(Jesper!$R$2:$R$366,ROW(INDEX(Jesper!AK$2:AK$366,ROUNDDOWN($C412/24,0)+1,1))-1)+IF('Standard Profiles'!$G$21=$B$10,7,0)+IF('Standard Profiles'!$G$21=$B$17,14,0)+IF('Standard Profiles'!$G$21=$B$24,21,0),MOD($C412,24)+1)/SUM(INDEX($D$3:$AA$30,INDEX(Jesper!$R$2:$R$366,ROW(INDEX(Jesper!AK$2:AK$366,ROUNDDOWN($C412/24,0)+1,1))-1)+IF('Standard Profiles'!$G$21=$B$10,7,0)+IF('Standard Profiles'!$G$21=$B$17,14,0)+IF('Standard Profiles'!$G$21=$B$24,21,0),0)),0)</f>
        <v>0</v>
      </c>
      <c r="H412" cm="1">
        <f t="array" ref="H412">IFERROR(INDEX(Jesper!AL$2:AL$366,ROUNDDOWN($C412/24,0)+1,1)*INDEX($D$3:$AA$30,INDEX(Jesper!$R$2:$R$366,ROW(INDEX(Jesper!AL$2:AL$366,ROUNDDOWN($C412/24,0)+1,1))-1)+IF('Standard Profiles'!$G$22=$B$10,7,0)+IF('Standard Profiles'!$G$22=$B$17,14,0)+IF('Standard Profiles'!$G$22=$B$24,21,0),MOD($C412,24)+1)/SUM(INDEX($D$3:$AA$30,INDEX(Jesper!$R$2:$R$366,ROW(INDEX(Jesper!AL$2:AL$366,ROUNDDOWN($C412/24,0)+1,1))-1)+IF('Standard Profiles'!$G$22=$B$10,7,0)+IF('Standard Profiles'!$G$22=$B$17,14,0)+IF('Standard Profiles'!$G$22=$B$24,21,0),0)),0)</f>
        <v>0</v>
      </c>
      <c r="I412">
        <f t="shared" si="55"/>
        <v>0.47403414857136661</v>
      </c>
      <c r="J412">
        <f t="shared" si="56"/>
        <v>1.5801138285712222</v>
      </c>
      <c r="K412">
        <f t="shared" si="57"/>
        <v>2.3701707428568328</v>
      </c>
      <c r="L412">
        <f t="shared" si="58"/>
        <v>11.376819565712799</v>
      </c>
      <c r="M412">
        <f t="shared" si="59"/>
        <v>0</v>
      </c>
      <c r="N412" s="46">
        <f t="shared" si="60"/>
        <v>45307.749999999083</v>
      </c>
    </row>
    <row r="413" spans="2:14" x14ac:dyDescent="0.3">
      <c r="B413">
        <f t="shared" si="54"/>
        <v>2</v>
      </c>
      <c r="C413" s="16">
        <v>379</v>
      </c>
      <c r="D413" cm="1">
        <f t="array" ref="D413">IFERROR(INDEX(Jesper!AH$2:AH$366,ROUNDDOWN($C413/24,0)+1,1)*INDEX($D$3:$AA$30,INDEX(Jesper!$R$2:$R$366,ROW(INDEX(Jesper!AH$2:AH$366,ROUNDDOWN($C413/24,0)+1,1))-1)+IF('Standard Profiles'!$G$18=$B$10,7,0)+IF('Standard Profiles'!$G$18=$B$17,14,0)+IF('Standard Profiles'!$G$18=$B$24,21,0),MOD($C413,24)+1)/SUM(INDEX($D$3:$AA$30,INDEX(Jesper!$R$2:$R$366,ROW(INDEX(Jesper!AH$2:AH$366,ROUNDDOWN($C413/24,0)+1,1))-1)+IF('Standard Profiles'!$G$18=$B$10,7,0)+IF('Standard Profiles'!$G$18=$B$17,14,0)+IF('Standard Profiles'!$G$18=$B$24,21,0),0)),0)</f>
        <v>13.233453314283985</v>
      </c>
      <c r="E413" cm="1">
        <f t="array" ref="E413">IFERROR(INDEX(Jesper!AI$2:AI$366,ROUNDDOWN($C413/24,0)+1,1)*INDEX($D$3:$AA$30,INDEX(Jesper!$R$2:$R$366,ROW(INDEX(Jesper!AI$2:AI$366,ROUNDDOWN($C413/24,0)+1,1))-1)+IF('Standard Profiles'!$G$19=$B$10,7,0)+IF('Standard Profiles'!$G$19=$B$17,14,0)+IF('Standard Profiles'!$G$19=$B$24,21,0),MOD($C413,24)+1)/SUM(INDEX($D$3:$AA$30,INDEX(Jesper!$R$2:$R$366,ROW(INDEX(Jesper!AI$2:AI$366,ROUNDDOWN($C413/24,0)+1,1))-1)+IF('Standard Profiles'!$G$19=$B$10,7,0)+IF('Standard Profiles'!$G$19=$B$17,14,0)+IF('Standard Profiles'!$G$19=$B$24,21,0),0)),0)</f>
        <v>0</v>
      </c>
      <c r="F413" cm="1">
        <f t="array" ref="F413">IFERROR(INDEX(Jesper!AJ$2:AJ$366,ROUNDDOWN($C413/24,0)+1,1)*INDEX($D$3:$AA$30,INDEX(Jesper!$R$2:$R$366,ROW(INDEX(Jesper!AJ$2:AJ$366,ROUNDDOWN($C413/24,0)+1,1))-1)+IF('Standard Profiles'!$G$20=$B$10,7,0)+IF('Standard Profiles'!$G$20=$B$17,14,0)+IF('Standard Profiles'!$G$20=$B$24,21,0),MOD($C413,24)+1)/SUM(INDEX($D$3:$AA$30,INDEX(Jesper!$R$2:$R$366,ROW(INDEX(Jesper!AJ$2:AJ$366,ROUNDDOWN($C413/24,0)+1,1))-1)+IF('Standard Profiles'!$G$20=$B$10,7,0)+IF('Standard Profiles'!$G$20=$B$17,14,0)+IF('Standard Profiles'!$G$20=$B$24,21,0),0)),0)</f>
        <v>0</v>
      </c>
      <c r="G413" cm="1">
        <f t="array" ref="G413">IFERROR(INDEX(Jesper!AK$2:AK$366,ROUNDDOWN($C413/24,0)+1,1)*INDEX($D$3:$AA$30,INDEX(Jesper!$R$2:$R$366,ROW(INDEX(Jesper!AK$2:AK$366,ROUNDDOWN($C413/24,0)+1,1))-1)+IF('Standard Profiles'!$G$21=$B$10,7,0)+IF('Standard Profiles'!$G$21=$B$17,14,0)+IF('Standard Profiles'!$G$21=$B$24,21,0),MOD($C413,24)+1)/SUM(INDEX($D$3:$AA$30,INDEX(Jesper!$R$2:$R$366,ROW(INDEX(Jesper!AK$2:AK$366,ROUNDDOWN($C413/24,0)+1,1))-1)+IF('Standard Profiles'!$G$21=$B$10,7,0)+IF('Standard Profiles'!$G$21=$B$17,14,0)+IF('Standard Profiles'!$G$21=$B$24,21,0),0)),0)</f>
        <v>0</v>
      </c>
      <c r="H413" cm="1">
        <f t="array" ref="H413">IFERROR(INDEX(Jesper!AL$2:AL$366,ROUNDDOWN($C413/24,0)+1,1)*INDEX($D$3:$AA$30,INDEX(Jesper!$R$2:$R$366,ROW(INDEX(Jesper!AL$2:AL$366,ROUNDDOWN($C413/24,0)+1,1))-1)+IF('Standard Profiles'!$G$22=$B$10,7,0)+IF('Standard Profiles'!$G$22=$B$17,14,0)+IF('Standard Profiles'!$G$22=$B$24,21,0),MOD($C413,24)+1)/SUM(INDEX($D$3:$AA$30,INDEX(Jesper!$R$2:$R$366,ROW(INDEX(Jesper!AL$2:AL$366,ROUNDDOWN($C413/24,0)+1,1))-1)+IF('Standard Profiles'!$G$22=$B$10,7,0)+IF('Standard Profiles'!$G$22=$B$17,14,0)+IF('Standard Profiles'!$G$22=$B$24,21,0),0)),0)</f>
        <v>0</v>
      </c>
      <c r="I413">
        <f t="shared" si="55"/>
        <v>0.39700359942851954</v>
      </c>
      <c r="J413">
        <f t="shared" si="56"/>
        <v>1.3233453314283985</v>
      </c>
      <c r="K413">
        <f t="shared" si="57"/>
        <v>1.9850179971425976</v>
      </c>
      <c r="L413">
        <f t="shared" si="58"/>
        <v>9.5280863862844694</v>
      </c>
      <c r="M413">
        <f t="shared" si="59"/>
        <v>0</v>
      </c>
      <c r="N413" s="46">
        <f t="shared" si="60"/>
        <v>45307.791666665747</v>
      </c>
    </row>
    <row r="414" spans="2:14" x14ac:dyDescent="0.3">
      <c r="B414">
        <f t="shared" si="54"/>
        <v>2</v>
      </c>
      <c r="C414" s="16">
        <v>380</v>
      </c>
      <c r="D414" cm="1">
        <f t="array" ref="D414">IFERROR(INDEX(Jesper!AH$2:AH$366,ROUNDDOWN($C414/24,0)+1,1)*INDEX($D$3:$AA$30,INDEX(Jesper!$R$2:$R$366,ROW(INDEX(Jesper!AH$2:AH$366,ROUNDDOWN($C414/24,0)+1,1))-1)+IF('Standard Profiles'!$G$18=$B$10,7,0)+IF('Standard Profiles'!$G$18=$B$17,14,0)+IF('Standard Profiles'!$G$18=$B$24,21,0),MOD($C414,24)+1)/SUM(INDEX($D$3:$AA$30,INDEX(Jesper!$R$2:$R$366,ROW(INDEX(Jesper!AH$2:AH$366,ROUNDDOWN($C414/24,0)+1,1))-1)+IF('Standard Profiles'!$G$18=$B$10,7,0)+IF('Standard Profiles'!$G$18=$B$17,14,0)+IF('Standard Profiles'!$G$18=$B$24,21,0),0)),0)</f>
        <v>10.863282571427149</v>
      </c>
      <c r="E414" cm="1">
        <f t="array" ref="E414">IFERROR(INDEX(Jesper!AI$2:AI$366,ROUNDDOWN($C414/24,0)+1,1)*INDEX($D$3:$AA$30,INDEX(Jesper!$R$2:$R$366,ROW(INDEX(Jesper!AI$2:AI$366,ROUNDDOWN($C414/24,0)+1,1))-1)+IF('Standard Profiles'!$G$19=$B$10,7,0)+IF('Standard Profiles'!$G$19=$B$17,14,0)+IF('Standard Profiles'!$G$19=$B$24,21,0),MOD($C414,24)+1)/SUM(INDEX($D$3:$AA$30,INDEX(Jesper!$R$2:$R$366,ROW(INDEX(Jesper!AI$2:AI$366,ROUNDDOWN($C414/24,0)+1,1))-1)+IF('Standard Profiles'!$G$19=$B$10,7,0)+IF('Standard Profiles'!$G$19=$B$17,14,0)+IF('Standard Profiles'!$G$19=$B$24,21,0),0)),0)</f>
        <v>0</v>
      </c>
      <c r="F414" cm="1">
        <f t="array" ref="F414">IFERROR(INDEX(Jesper!AJ$2:AJ$366,ROUNDDOWN($C414/24,0)+1,1)*INDEX($D$3:$AA$30,INDEX(Jesper!$R$2:$R$366,ROW(INDEX(Jesper!AJ$2:AJ$366,ROUNDDOWN($C414/24,0)+1,1))-1)+IF('Standard Profiles'!$G$20=$B$10,7,0)+IF('Standard Profiles'!$G$20=$B$17,14,0)+IF('Standard Profiles'!$G$20=$B$24,21,0),MOD($C414,24)+1)/SUM(INDEX($D$3:$AA$30,INDEX(Jesper!$R$2:$R$366,ROW(INDEX(Jesper!AJ$2:AJ$366,ROUNDDOWN($C414/24,0)+1,1))-1)+IF('Standard Profiles'!$G$20=$B$10,7,0)+IF('Standard Profiles'!$G$20=$B$17,14,0)+IF('Standard Profiles'!$G$20=$B$24,21,0),0)),0)</f>
        <v>0</v>
      </c>
      <c r="G414" cm="1">
        <f t="array" ref="G414">IFERROR(INDEX(Jesper!AK$2:AK$366,ROUNDDOWN($C414/24,0)+1,1)*INDEX($D$3:$AA$30,INDEX(Jesper!$R$2:$R$366,ROW(INDEX(Jesper!AK$2:AK$366,ROUNDDOWN($C414/24,0)+1,1))-1)+IF('Standard Profiles'!$G$21=$B$10,7,0)+IF('Standard Profiles'!$G$21=$B$17,14,0)+IF('Standard Profiles'!$G$21=$B$24,21,0),MOD($C414,24)+1)/SUM(INDEX($D$3:$AA$30,INDEX(Jesper!$R$2:$R$366,ROW(INDEX(Jesper!AK$2:AK$366,ROUNDDOWN($C414/24,0)+1,1))-1)+IF('Standard Profiles'!$G$21=$B$10,7,0)+IF('Standard Profiles'!$G$21=$B$17,14,0)+IF('Standard Profiles'!$G$21=$B$24,21,0),0)),0)</f>
        <v>0</v>
      </c>
      <c r="H414" cm="1">
        <f t="array" ref="H414">IFERROR(INDEX(Jesper!AL$2:AL$366,ROUNDDOWN($C414/24,0)+1,1)*INDEX($D$3:$AA$30,INDEX(Jesper!$R$2:$R$366,ROW(INDEX(Jesper!AL$2:AL$366,ROUNDDOWN($C414/24,0)+1,1))-1)+IF('Standard Profiles'!$G$22=$B$10,7,0)+IF('Standard Profiles'!$G$22=$B$17,14,0)+IF('Standard Profiles'!$G$22=$B$24,21,0),MOD($C414,24)+1)/SUM(INDEX($D$3:$AA$30,INDEX(Jesper!$R$2:$R$366,ROW(INDEX(Jesper!AL$2:AL$366,ROUNDDOWN($C414/24,0)+1,1))-1)+IF('Standard Profiles'!$G$22=$B$10,7,0)+IF('Standard Profiles'!$G$22=$B$17,14,0)+IF('Standard Profiles'!$G$22=$B$24,21,0),0)),0)</f>
        <v>0</v>
      </c>
      <c r="I414">
        <f t="shared" si="55"/>
        <v>0.32589847714281445</v>
      </c>
      <c r="J414">
        <f t="shared" si="56"/>
        <v>1.0863282571427149</v>
      </c>
      <c r="K414">
        <f t="shared" si="57"/>
        <v>1.6294923857140724</v>
      </c>
      <c r="L414">
        <f t="shared" si="58"/>
        <v>7.8215634514275472</v>
      </c>
      <c r="M414">
        <f t="shared" si="59"/>
        <v>0</v>
      </c>
      <c r="N414" s="46">
        <f t="shared" si="60"/>
        <v>45307.833333332412</v>
      </c>
    </row>
    <row r="415" spans="2:14" x14ac:dyDescent="0.3">
      <c r="B415">
        <f t="shared" si="54"/>
        <v>2</v>
      </c>
      <c r="C415" s="16">
        <v>381</v>
      </c>
      <c r="D415" cm="1">
        <f t="array" ref="D415">IFERROR(INDEX(Jesper!AH$2:AH$366,ROUNDDOWN($C415/24,0)+1,1)*INDEX($D$3:$AA$30,INDEX(Jesper!$R$2:$R$366,ROW(INDEX(Jesper!AH$2:AH$366,ROUNDDOWN($C415/24,0)+1,1))-1)+IF('Standard Profiles'!$G$18=$B$10,7,0)+IF('Standard Profiles'!$G$18=$B$17,14,0)+IF('Standard Profiles'!$G$18=$B$24,21,0),MOD($C415,24)+1)/SUM(INDEX($D$3:$AA$30,INDEX(Jesper!$R$2:$R$366,ROW(INDEX(Jesper!AH$2:AH$366,ROUNDDOWN($C415/24,0)+1,1))-1)+IF('Standard Profiles'!$G$18=$B$10,7,0)+IF('Standard Profiles'!$G$18=$B$17,14,0)+IF('Standard Profiles'!$G$18=$B$24,21,0),0)),0)</f>
        <v>7.90056914285611</v>
      </c>
      <c r="E415" cm="1">
        <f t="array" ref="E415">IFERROR(INDEX(Jesper!AI$2:AI$366,ROUNDDOWN($C415/24,0)+1,1)*INDEX($D$3:$AA$30,INDEX(Jesper!$R$2:$R$366,ROW(INDEX(Jesper!AI$2:AI$366,ROUNDDOWN($C415/24,0)+1,1))-1)+IF('Standard Profiles'!$G$19=$B$10,7,0)+IF('Standard Profiles'!$G$19=$B$17,14,0)+IF('Standard Profiles'!$G$19=$B$24,21,0),MOD($C415,24)+1)/SUM(INDEX($D$3:$AA$30,INDEX(Jesper!$R$2:$R$366,ROW(INDEX(Jesper!AI$2:AI$366,ROUNDDOWN($C415/24,0)+1,1))-1)+IF('Standard Profiles'!$G$19=$B$10,7,0)+IF('Standard Profiles'!$G$19=$B$17,14,0)+IF('Standard Profiles'!$G$19=$B$24,21,0),0)),0)</f>
        <v>0</v>
      </c>
      <c r="F415" cm="1">
        <f t="array" ref="F415">IFERROR(INDEX(Jesper!AJ$2:AJ$366,ROUNDDOWN($C415/24,0)+1,1)*INDEX($D$3:$AA$30,INDEX(Jesper!$R$2:$R$366,ROW(INDEX(Jesper!AJ$2:AJ$366,ROUNDDOWN($C415/24,0)+1,1))-1)+IF('Standard Profiles'!$G$20=$B$10,7,0)+IF('Standard Profiles'!$G$20=$B$17,14,0)+IF('Standard Profiles'!$G$20=$B$24,21,0),MOD($C415,24)+1)/SUM(INDEX($D$3:$AA$30,INDEX(Jesper!$R$2:$R$366,ROW(INDEX(Jesper!AJ$2:AJ$366,ROUNDDOWN($C415/24,0)+1,1))-1)+IF('Standard Profiles'!$G$20=$B$10,7,0)+IF('Standard Profiles'!$G$20=$B$17,14,0)+IF('Standard Profiles'!$G$20=$B$24,21,0),0)),0)</f>
        <v>0</v>
      </c>
      <c r="G415" cm="1">
        <f t="array" ref="G415">IFERROR(INDEX(Jesper!AK$2:AK$366,ROUNDDOWN($C415/24,0)+1,1)*INDEX($D$3:$AA$30,INDEX(Jesper!$R$2:$R$366,ROW(INDEX(Jesper!AK$2:AK$366,ROUNDDOWN($C415/24,0)+1,1))-1)+IF('Standard Profiles'!$G$21=$B$10,7,0)+IF('Standard Profiles'!$G$21=$B$17,14,0)+IF('Standard Profiles'!$G$21=$B$24,21,0),MOD($C415,24)+1)/SUM(INDEX($D$3:$AA$30,INDEX(Jesper!$R$2:$R$366,ROW(INDEX(Jesper!AK$2:AK$366,ROUNDDOWN($C415/24,0)+1,1))-1)+IF('Standard Profiles'!$G$21=$B$10,7,0)+IF('Standard Profiles'!$G$21=$B$17,14,0)+IF('Standard Profiles'!$G$21=$B$24,21,0),0)),0)</f>
        <v>0</v>
      </c>
      <c r="H415" cm="1">
        <f t="array" ref="H415">IFERROR(INDEX(Jesper!AL$2:AL$366,ROUNDDOWN($C415/24,0)+1,1)*INDEX($D$3:$AA$30,INDEX(Jesper!$R$2:$R$366,ROW(INDEX(Jesper!AL$2:AL$366,ROUNDDOWN($C415/24,0)+1,1))-1)+IF('Standard Profiles'!$G$22=$B$10,7,0)+IF('Standard Profiles'!$G$22=$B$17,14,0)+IF('Standard Profiles'!$G$22=$B$24,21,0),MOD($C415,24)+1)/SUM(INDEX($D$3:$AA$30,INDEX(Jesper!$R$2:$R$366,ROW(INDEX(Jesper!AL$2:AL$366,ROUNDDOWN($C415/24,0)+1,1))-1)+IF('Standard Profiles'!$G$22=$B$10,7,0)+IF('Standard Profiles'!$G$22=$B$17,14,0)+IF('Standard Profiles'!$G$22=$B$24,21,0),0)),0)</f>
        <v>0</v>
      </c>
      <c r="I415">
        <f t="shared" si="55"/>
        <v>0.2370170742856833</v>
      </c>
      <c r="J415">
        <f t="shared" si="56"/>
        <v>0.79005691428561109</v>
      </c>
      <c r="K415">
        <f t="shared" si="57"/>
        <v>1.1850853714284164</v>
      </c>
      <c r="L415">
        <f t="shared" si="58"/>
        <v>5.6884097828563993</v>
      </c>
      <c r="M415">
        <f t="shared" si="59"/>
        <v>0</v>
      </c>
      <c r="N415" s="46">
        <f t="shared" si="60"/>
        <v>45307.874999999076</v>
      </c>
    </row>
    <row r="416" spans="2:14" x14ac:dyDescent="0.3">
      <c r="B416">
        <f t="shared" si="54"/>
        <v>2</v>
      </c>
      <c r="C416" s="16">
        <v>382</v>
      </c>
      <c r="D416" cm="1">
        <f t="array" ref="D416">IFERROR(INDEX(Jesper!AH$2:AH$366,ROUNDDOWN($C416/24,0)+1,1)*INDEX($D$3:$AA$30,INDEX(Jesper!$R$2:$R$366,ROW(INDEX(Jesper!AH$2:AH$366,ROUNDDOWN($C416/24,0)+1,1))-1)+IF('Standard Profiles'!$G$18=$B$10,7,0)+IF('Standard Profiles'!$G$18=$B$17,14,0)+IF('Standard Profiles'!$G$18=$B$24,21,0),MOD($C416,24)+1)/SUM(INDEX($D$3:$AA$30,INDEX(Jesper!$R$2:$R$366,ROW(INDEX(Jesper!AH$2:AH$366,ROUNDDOWN($C416/24,0)+1,1))-1)+IF('Standard Profiles'!$G$18=$B$10,7,0)+IF('Standard Profiles'!$G$18=$B$17,14,0)+IF('Standard Profiles'!$G$18=$B$24,21,0),0)),0)</f>
        <v>7.90056914285611</v>
      </c>
      <c r="E416" cm="1">
        <f t="array" ref="E416">IFERROR(INDEX(Jesper!AI$2:AI$366,ROUNDDOWN($C416/24,0)+1,1)*INDEX($D$3:$AA$30,INDEX(Jesper!$R$2:$R$366,ROW(INDEX(Jesper!AI$2:AI$366,ROUNDDOWN($C416/24,0)+1,1))-1)+IF('Standard Profiles'!$G$19=$B$10,7,0)+IF('Standard Profiles'!$G$19=$B$17,14,0)+IF('Standard Profiles'!$G$19=$B$24,21,0),MOD($C416,24)+1)/SUM(INDEX($D$3:$AA$30,INDEX(Jesper!$R$2:$R$366,ROW(INDEX(Jesper!AI$2:AI$366,ROUNDDOWN($C416/24,0)+1,1))-1)+IF('Standard Profiles'!$G$19=$B$10,7,0)+IF('Standard Profiles'!$G$19=$B$17,14,0)+IF('Standard Profiles'!$G$19=$B$24,21,0),0)),0)</f>
        <v>0</v>
      </c>
      <c r="F416" cm="1">
        <f t="array" ref="F416">IFERROR(INDEX(Jesper!AJ$2:AJ$366,ROUNDDOWN($C416/24,0)+1,1)*INDEX($D$3:$AA$30,INDEX(Jesper!$R$2:$R$366,ROW(INDEX(Jesper!AJ$2:AJ$366,ROUNDDOWN($C416/24,0)+1,1))-1)+IF('Standard Profiles'!$G$20=$B$10,7,0)+IF('Standard Profiles'!$G$20=$B$17,14,0)+IF('Standard Profiles'!$G$20=$B$24,21,0),MOD($C416,24)+1)/SUM(INDEX($D$3:$AA$30,INDEX(Jesper!$R$2:$R$366,ROW(INDEX(Jesper!AJ$2:AJ$366,ROUNDDOWN($C416/24,0)+1,1))-1)+IF('Standard Profiles'!$G$20=$B$10,7,0)+IF('Standard Profiles'!$G$20=$B$17,14,0)+IF('Standard Profiles'!$G$20=$B$24,21,0),0)),0)</f>
        <v>0</v>
      </c>
      <c r="G416" cm="1">
        <f t="array" ref="G416">IFERROR(INDEX(Jesper!AK$2:AK$366,ROUNDDOWN($C416/24,0)+1,1)*INDEX($D$3:$AA$30,INDEX(Jesper!$R$2:$R$366,ROW(INDEX(Jesper!AK$2:AK$366,ROUNDDOWN($C416/24,0)+1,1))-1)+IF('Standard Profiles'!$G$21=$B$10,7,0)+IF('Standard Profiles'!$G$21=$B$17,14,0)+IF('Standard Profiles'!$G$21=$B$24,21,0),MOD($C416,24)+1)/SUM(INDEX($D$3:$AA$30,INDEX(Jesper!$R$2:$R$366,ROW(INDEX(Jesper!AK$2:AK$366,ROUNDDOWN($C416/24,0)+1,1))-1)+IF('Standard Profiles'!$G$21=$B$10,7,0)+IF('Standard Profiles'!$G$21=$B$17,14,0)+IF('Standard Profiles'!$G$21=$B$24,21,0),0)),0)</f>
        <v>0</v>
      </c>
      <c r="H416" cm="1">
        <f t="array" ref="H416">IFERROR(INDEX(Jesper!AL$2:AL$366,ROUNDDOWN($C416/24,0)+1,1)*INDEX($D$3:$AA$30,INDEX(Jesper!$R$2:$R$366,ROW(INDEX(Jesper!AL$2:AL$366,ROUNDDOWN($C416/24,0)+1,1))-1)+IF('Standard Profiles'!$G$22=$B$10,7,0)+IF('Standard Profiles'!$G$22=$B$17,14,0)+IF('Standard Profiles'!$G$22=$B$24,21,0),MOD($C416,24)+1)/SUM(INDEX($D$3:$AA$30,INDEX(Jesper!$R$2:$R$366,ROW(INDEX(Jesper!AL$2:AL$366,ROUNDDOWN($C416/24,0)+1,1))-1)+IF('Standard Profiles'!$G$22=$B$10,7,0)+IF('Standard Profiles'!$G$22=$B$17,14,0)+IF('Standard Profiles'!$G$22=$B$24,21,0),0)),0)</f>
        <v>0</v>
      </c>
      <c r="I416">
        <f t="shared" si="55"/>
        <v>0.2370170742856833</v>
      </c>
      <c r="J416">
        <f t="shared" si="56"/>
        <v>0.79005691428561109</v>
      </c>
      <c r="K416">
        <f t="shared" si="57"/>
        <v>1.1850853714284164</v>
      </c>
      <c r="L416">
        <f t="shared" si="58"/>
        <v>5.6884097828563993</v>
      </c>
      <c r="M416">
        <f t="shared" si="59"/>
        <v>0</v>
      </c>
      <c r="N416" s="46">
        <f t="shared" si="60"/>
        <v>45307.91666666574</v>
      </c>
    </row>
    <row r="417" spans="2:14" x14ac:dyDescent="0.3">
      <c r="B417">
        <f t="shared" si="54"/>
        <v>2</v>
      </c>
      <c r="C417" s="16">
        <v>383</v>
      </c>
      <c r="D417" cm="1">
        <f t="array" ref="D417">IFERROR(INDEX(Jesper!AH$2:AH$366,ROUNDDOWN($C417/24,0)+1,1)*INDEX($D$3:$AA$30,INDEX(Jesper!$R$2:$R$366,ROW(INDEX(Jesper!AH$2:AH$366,ROUNDDOWN($C417/24,0)+1,1))-1)+IF('Standard Profiles'!$G$18=$B$10,7,0)+IF('Standard Profiles'!$G$18=$B$17,14,0)+IF('Standard Profiles'!$G$18=$B$24,21,0),MOD($C417,24)+1)/SUM(INDEX($D$3:$AA$30,INDEX(Jesper!$R$2:$R$366,ROW(INDEX(Jesper!AH$2:AH$366,ROUNDDOWN($C417/24,0)+1,1))-1)+IF('Standard Profiles'!$G$18=$B$10,7,0)+IF('Standard Profiles'!$G$18=$B$17,14,0)+IF('Standard Profiles'!$G$18=$B$24,21,0),0)),0)</f>
        <v>7.90056914285611</v>
      </c>
      <c r="E417" cm="1">
        <f t="array" ref="E417">IFERROR(INDEX(Jesper!AI$2:AI$366,ROUNDDOWN($C417/24,0)+1,1)*INDEX($D$3:$AA$30,INDEX(Jesper!$R$2:$R$366,ROW(INDEX(Jesper!AI$2:AI$366,ROUNDDOWN($C417/24,0)+1,1))-1)+IF('Standard Profiles'!$G$19=$B$10,7,0)+IF('Standard Profiles'!$G$19=$B$17,14,0)+IF('Standard Profiles'!$G$19=$B$24,21,0),MOD($C417,24)+1)/SUM(INDEX($D$3:$AA$30,INDEX(Jesper!$R$2:$R$366,ROW(INDEX(Jesper!AI$2:AI$366,ROUNDDOWN($C417/24,0)+1,1))-1)+IF('Standard Profiles'!$G$19=$B$10,7,0)+IF('Standard Profiles'!$G$19=$B$17,14,0)+IF('Standard Profiles'!$G$19=$B$24,21,0),0)),0)</f>
        <v>0</v>
      </c>
      <c r="F417" cm="1">
        <f t="array" ref="F417">IFERROR(INDEX(Jesper!AJ$2:AJ$366,ROUNDDOWN($C417/24,0)+1,1)*INDEX($D$3:$AA$30,INDEX(Jesper!$R$2:$R$366,ROW(INDEX(Jesper!AJ$2:AJ$366,ROUNDDOWN($C417/24,0)+1,1))-1)+IF('Standard Profiles'!$G$20=$B$10,7,0)+IF('Standard Profiles'!$G$20=$B$17,14,0)+IF('Standard Profiles'!$G$20=$B$24,21,0),MOD($C417,24)+1)/SUM(INDEX($D$3:$AA$30,INDEX(Jesper!$R$2:$R$366,ROW(INDEX(Jesper!AJ$2:AJ$366,ROUNDDOWN($C417/24,0)+1,1))-1)+IF('Standard Profiles'!$G$20=$B$10,7,0)+IF('Standard Profiles'!$G$20=$B$17,14,0)+IF('Standard Profiles'!$G$20=$B$24,21,0),0)),0)</f>
        <v>0</v>
      </c>
      <c r="G417" cm="1">
        <f t="array" ref="G417">IFERROR(INDEX(Jesper!AK$2:AK$366,ROUNDDOWN($C417/24,0)+1,1)*INDEX($D$3:$AA$30,INDEX(Jesper!$R$2:$R$366,ROW(INDEX(Jesper!AK$2:AK$366,ROUNDDOWN($C417/24,0)+1,1))-1)+IF('Standard Profiles'!$G$21=$B$10,7,0)+IF('Standard Profiles'!$G$21=$B$17,14,0)+IF('Standard Profiles'!$G$21=$B$24,21,0),MOD($C417,24)+1)/SUM(INDEX($D$3:$AA$30,INDEX(Jesper!$R$2:$R$366,ROW(INDEX(Jesper!AK$2:AK$366,ROUNDDOWN($C417/24,0)+1,1))-1)+IF('Standard Profiles'!$G$21=$B$10,7,0)+IF('Standard Profiles'!$G$21=$B$17,14,0)+IF('Standard Profiles'!$G$21=$B$24,21,0),0)),0)</f>
        <v>0</v>
      </c>
      <c r="H417" cm="1">
        <f t="array" ref="H417">IFERROR(INDEX(Jesper!AL$2:AL$366,ROUNDDOWN($C417/24,0)+1,1)*INDEX($D$3:$AA$30,INDEX(Jesper!$R$2:$R$366,ROW(INDEX(Jesper!AL$2:AL$366,ROUNDDOWN($C417/24,0)+1,1))-1)+IF('Standard Profiles'!$G$22=$B$10,7,0)+IF('Standard Profiles'!$G$22=$B$17,14,0)+IF('Standard Profiles'!$G$22=$B$24,21,0),MOD($C417,24)+1)/SUM(INDEX($D$3:$AA$30,INDEX(Jesper!$R$2:$R$366,ROW(INDEX(Jesper!AL$2:AL$366,ROUNDDOWN($C417/24,0)+1,1))-1)+IF('Standard Profiles'!$G$22=$B$10,7,0)+IF('Standard Profiles'!$G$22=$B$17,14,0)+IF('Standard Profiles'!$G$22=$B$24,21,0),0)),0)</f>
        <v>0</v>
      </c>
      <c r="I417">
        <f t="shared" si="55"/>
        <v>0.2370170742856833</v>
      </c>
      <c r="J417">
        <f t="shared" si="56"/>
        <v>0.79005691428561109</v>
      </c>
      <c r="K417">
        <f t="shared" si="57"/>
        <v>1.1850853714284164</v>
      </c>
      <c r="L417">
        <f t="shared" si="58"/>
        <v>5.6884097828563993</v>
      </c>
      <c r="M417">
        <f t="shared" si="59"/>
        <v>0</v>
      </c>
      <c r="N417" s="46">
        <f t="shared" si="60"/>
        <v>45307.958333332404</v>
      </c>
    </row>
    <row r="418" spans="2:14" x14ac:dyDescent="0.3">
      <c r="B418">
        <f t="shared" si="54"/>
        <v>3</v>
      </c>
      <c r="C418" s="16">
        <v>384</v>
      </c>
      <c r="D418" cm="1">
        <f t="array" ref="D418">IFERROR(INDEX(Jesper!AH$2:AH$366,ROUNDDOWN($C418/24,0)+1,1)*INDEX($D$3:$AA$30,INDEX(Jesper!$R$2:$R$366,ROW(INDEX(Jesper!AH$2:AH$366,ROUNDDOWN($C418/24,0)+1,1))-1)+IF('Standard Profiles'!$G$18=$B$10,7,0)+IF('Standard Profiles'!$G$18=$B$17,14,0)+IF('Standard Profiles'!$G$18=$B$24,21,0),MOD($C418,24)+1)/SUM(INDEX($D$3:$AA$30,INDEX(Jesper!$R$2:$R$366,ROW(INDEX(Jesper!AH$2:AH$366,ROUNDDOWN($C418/24,0)+1,1))-1)+IF('Standard Profiles'!$G$18=$B$10,7,0)+IF('Standard Profiles'!$G$18=$B$17,14,0)+IF('Standard Profiles'!$G$18=$B$24,21,0),0)),0)</f>
        <v>6.8713628004886287</v>
      </c>
      <c r="E418" cm="1">
        <f t="array" ref="E418">IFERROR(INDEX(Jesper!AI$2:AI$366,ROUNDDOWN($C418/24,0)+1,1)*INDEX($D$3:$AA$30,INDEX(Jesper!$R$2:$R$366,ROW(INDEX(Jesper!AI$2:AI$366,ROUNDDOWN($C418/24,0)+1,1))-1)+IF('Standard Profiles'!$G$19=$B$10,7,0)+IF('Standard Profiles'!$G$19=$B$17,14,0)+IF('Standard Profiles'!$G$19=$B$24,21,0),MOD($C418,24)+1)/SUM(INDEX($D$3:$AA$30,INDEX(Jesper!$R$2:$R$366,ROW(INDEX(Jesper!AI$2:AI$366,ROUNDDOWN($C418/24,0)+1,1))-1)+IF('Standard Profiles'!$G$19=$B$10,7,0)+IF('Standard Profiles'!$G$19=$B$17,14,0)+IF('Standard Profiles'!$G$19=$B$24,21,0),0)),0)</f>
        <v>0</v>
      </c>
      <c r="F418" cm="1">
        <f t="array" ref="F418">IFERROR(INDEX(Jesper!AJ$2:AJ$366,ROUNDDOWN($C418/24,0)+1,1)*INDEX($D$3:$AA$30,INDEX(Jesper!$R$2:$R$366,ROW(INDEX(Jesper!AJ$2:AJ$366,ROUNDDOWN($C418/24,0)+1,1))-1)+IF('Standard Profiles'!$G$20=$B$10,7,0)+IF('Standard Profiles'!$G$20=$B$17,14,0)+IF('Standard Profiles'!$G$20=$B$24,21,0),MOD($C418,24)+1)/SUM(INDEX($D$3:$AA$30,INDEX(Jesper!$R$2:$R$366,ROW(INDEX(Jesper!AJ$2:AJ$366,ROUNDDOWN($C418/24,0)+1,1))-1)+IF('Standard Profiles'!$G$20=$B$10,7,0)+IF('Standard Profiles'!$G$20=$B$17,14,0)+IF('Standard Profiles'!$G$20=$B$24,21,0),0)),0)</f>
        <v>0</v>
      </c>
      <c r="G418" cm="1">
        <f t="array" ref="G418">IFERROR(INDEX(Jesper!AK$2:AK$366,ROUNDDOWN($C418/24,0)+1,1)*INDEX($D$3:$AA$30,INDEX(Jesper!$R$2:$R$366,ROW(INDEX(Jesper!AK$2:AK$366,ROUNDDOWN($C418/24,0)+1,1))-1)+IF('Standard Profiles'!$G$21=$B$10,7,0)+IF('Standard Profiles'!$G$21=$B$17,14,0)+IF('Standard Profiles'!$G$21=$B$24,21,0),MOD($C418,24)+1)/SUM(INDEX($D$3:$AA$30,INDEX(Jesper!$R$2:$R$366,ROW(INDEX(Jesper!AK$2:AK$366,ROUNDDOWN($C418/24,0)+1,1))-1)+IF('Standard Profiles'!$G$21=$B$10,7,0)+IF('Standard Profiles'!$G$21=$B$17,14,0)+IF('Standard Profiles'!$G$21=$B$24,21,0),0)),0)</f>
        <v>0</v>
      </c>
      <c r="H418" cm="1">
        <f t="array" ref="H418">IFERROR(INDEX(Jesper!AL$2:AL$366,ROUNDDOWN($C418/24,0)+1,1)*INDEX($D$3:$AA$30,INDEX(Jesper!$R$2:$R$366,ROW(INDEX(Jesper!AL$2:AL$366,ROUNDDOWN($C418/24,0)+1,1))-1)+IF('Standard Profiles'!$G$22=$B$10,7,0)+IF('Standard Profiles'!$G$22=$B$17,14,0)+IF('Standard Profiles'!$G$22=$B$24,21,0),MOD($C418,24)+1)/SUM(INDEX($D$3:$AA$30,INDEX(Jesper!$R$2:$R$366,ROW(INDEX(Jesper!AL$2:AL$366,ROUNDDOWN($C418/24,0)+1,1))-1)+IF('Standard Profiles'!$G$22=$B$10,7,0)+IF('Standard Profiles'!$G$22=$B$17,14,0)+IF('Standard Profiles'!$G$22=$B$24,21,0),0)),0)</f>
        <v>0</v>
      </c>
      <c r="I418">
        <f t="shared" si="55"/>
        <v>0.20614088401465885</v>
      </c>
      <c r="J418">
        <f t="shared" si="56"/>
        <v>0.68713628004886296</v>
      </c>
      <c r="K418">
        <f t="shared" si="57"/>
        <v>1.0307044200732942</v>
      </c>
      <c r="L418">
        <f t="shared" si="58"/>
        <v>4.947381216351812</v>
      </c>
      <c r="M418">
        <f t="shared" si="59"/>
        <v>0</v>
      </c>
      <c r="N418" s="46">
        <f t="shared" si="60"/>
        <v>45307.999999999069</v>
      </c>
    </row>
    <row r="419" spans="2:14" x14ac:dyDescent="0.3">
      <c r="B419">
        <f t="shared" ref="B419:B482" si="61">WEEKDAY(N419,2)</f>
        <v>3</v>
      </c>
      <c r="C419" s="16">
        <v>385</v>
      </c>
      <c r="D419" cm="1">
        <f t="array" ref="D419">IFERROR(INDEX(Jesper!AH$2:AH$366,ROUNDDOWN($C419/24,0)+1,1)*INDEX($D$3:$AA$30,INDEX(Jesper!$R$2:$R$366,ROW(INDEX(Jesper!AH$2:AH$366,ROUNDDOWN($C419/24,0)+1,1))-1)+IF('Standard Profiles'!$G$18=$B$10,7,0)+IF('Standard Profiles'!$G$18=$B$17,14,0)+IF('Standard Profiles'!$G$18=$B$24,21,0),MOD($C419,24)+1)/SUM(INDEX($D$3:$AA$30,INDEX(Jesper!$R$2:$R$366,ROW(INDEX(Jesper!AH$2:AH$366,ROUNDDOWN($C419/24,0)+1,1))-1)+IF('Standard Profiles'!$G$18=$B$10,7,0)+IF('Standard Profiles'!$G$18=$B$17,14,0)+IF('Standard Profiles'!$G$18=$B$24,21,0),0)),0)</f>
        <v>7.7302831505497061</v>
      </c>
      <c r="E419" cm="1">
        <f t="array" ref="E419">IFERROR(INDEX(Jesper!AI$2:AI$366,ROUNDDOWN($C419/24,0)+1,1)*INDEX($D$3:$AA$30,INDEX(Jesper!$R$2:$R$366,ROW(INDEX(Jesper!AI$2:AI$366,ROUNDDOWN($C419/24,0)+1,1))-1)+IF('Standard Profiles'!$G$19=$B$10,7,0)+IF('Standard Profiles'!$G$19=$B$17,14,0)+IF('Standard Profiles'!$G$19=$B$24,21,0),MOD($C419,24)+1)/SUM(INDEX($D$3:$AA$30,INDEX(Jesper!$R$2:$R$366,ROW(INDEX(Jesper!AI$2:AI$366,ROUNDDOWN($C419/24,0)+1,1))-1)+IF('Standard Profiles'!$G$19=$B$10,7,0)+IF('Standard Profiles'!$G$19=$B$17,14,0)+IF('Standard Profiles'!$G$19=$B$24,21,0),0)),0)</f>
        <v>0</v>
      </c>
      <c r="F419" cm="1">
        <f t="array" ref="F419">IFERROR(INDEX(Jesper!AJ$2:AJ$366,ROUNDDOWN($C419/24,0)+1,1)*INDEX($D$3:$AA$30,INDEX(Jesper!$R$2:$R$366,ROW(INDEX(Jesper!AJ$2:AJ$366,ROUNDDOWN($C419/24,0)+1,1))-1)+IF('Standard Profiles'!$G$20=$B$10,7,0)+IF('Standard Profiles'!$G$20=$B$17,14,0)+IF('Standard Profiles'!$G$20=$B$24,21,0),MOD($C419,24)+1)/SUM(INDEX($D$3:$AA$30,INDEX(Jesper!$R$2:$R$366,ROW(INDEX(Jesper!AJ$2:AJ$366,ROUNDDOWN($C419/24,0)+1,1))-1)+IF('Standard Profiles'!$G$20=$B$10,7,0)+IF('Standard Profiles'!$G$20=$B$17,14,0)+IF('Standard Profiles'!$G$20=$B$24,21,0),0)),0)</f>
        <v>0</v>
      </c>
      <c r="G419" cm="1">
        <f t="array" ref="G419">IFERROR(INDEX(Jesper!AK$2:AK$366,ROUNDDOWN($C419/24,0)+1,1)*INDEX($D$3:$AA$30,INDEX(Jesper!$R$2:$R$366,ROW(INDEX(Jesper!AK$2:AK$366,ROUNDDOWN($C419/24,0)+1,1))-1)+IF('Standard Profiles'!$G$21=$B$10,7,0)+IF('Standard Profiles'!$G$21=$B$17,14,0)+IF('Standard Profiles'!$G$21=$B$24,21,0),MOD($C419,24)+1)/SUM(INDEX($D$3:$AA$30,INDEX(Jesper!$R$2:$R$366,ROW(INDEX(Jesper!AK$2:AK$366,ROUNDDOWN($C419/24,0)+1,1))-1)+IF('Standard Profiles'!$G$21=$B$10,7,0)+IF('Standard Profiles'!$G$21=$B$17,14,0)+IF('Standard Profiles'!$G$21=$B$24,21,0),0)),0)</f>
        <v>0</v>
      </c>
      <c r="H419" cm="1">
        <f t="array" ref="H419">IFERROR(INDEX(Jesper!AL$2:AL$366,ROUNDDOWN($C419/24,0)+1,1)*INDEX($D$3:$AA$30,INDEX(Jesper!$R$2:$R$366,ROW(INDEX(Jesper!AL$2:AL$366,ROUNDDOWN($C419/24,0)+1,1))-1)+IF('Standard Profiles'!$G$22=$B$10,7,0)+IF('Standard Profiles'!$G$22=$B$17,14,0)+IF('Standard Profiles'!$G$22=$B$24,21,0),MOD($C419,24)+1)/SUM(INDEX($D$3:$AA$30,INDEX(Jesper!$R$2:$R$366,ROW(INDEX(Jesper!AL$2:AL$366,ROUNDDOWN($C419/24,0)+1,1))-1)+IF('Standard Profiles'!$G$22=$B$10,7,0)+IF('Standard Profiles'!$G$22=$B$17,14,0)+IF('Standard Profiles'!$G$22=$B$24,21,0),0)),0)</f>
        <v>0</v>
      </c>
      <c r="I419">
        <f t="shared" ref="I419:I482" si="62">IF($B419&lt;6,AC$37*$D419+AC$38*$E419+AC$39*$F419+AC$40*$G419,AC$46*$D419+AC$47*$E419+AC$48*$F419+AC$49*$G419+AC$50*$H419)</f>
        <v>0.23190849451649118</v>
      </c>
      <c r="J419">
        <f t="shared" ref="J419:J482" si="63">IF($B419&lt;6,AD$37*$D419+AD$38*$E419+AD$39*$F419+AD$40*$G419,AD$46*$D419+AD$47*$E419+AD$48*$F419+AD$49*$G419+AD$50*$H419)</f>
        <v>0.77302831505497061</v>
      </c>
      <c r="K419">
        <f t="shared" ref="K419:K482" si="64">IF($B419&lt;6,AE$37*$D419+AE$38*$E419+AE$39*$F419+AE$40*$G419,AE$46*$D419+AE$47*$E419+AE$48*$F419+AE$49*$G419+AE$50*$H419)</f>
        <v>1.1595424725824559</v>
      </c>
      <c r="L419">
        <f t="shared" ref="L419:L482" si="65">IF($B419&lt;6,AF$37*$D419+AF$38*$E419+AF$39*$F419+AF$40*$G419,AF$46*$D419+AF$47*$E419+AF$48*$F419+AF$49*$G419+AF$50*$H419)</f>
        <v>5.565803868395788</v>
      </c>
      <c r="M419">
        <f t="shared" ref="M419:M482" si="66">IF($B419&lt;6,AG$37*$D419+AG$38*$E419+AG$39*$F419+AG$40*$G419,AG$46*$D419+AG$47*$E419+AG$48*$F419+AG$49*$G419+AG$50*$H419)</f>
        <v>0</v>
      </c>
      <c r="N419" s="46">
        <f t="shared" si="60"/>
        <v>45308.041666665733</v>
      </c>
    </row>
    <row r="420" spans="2:14" x14ac:dyDescent="0.3">
      <c r="B420">
        <f t="shared" si="61"/>
        <v>3</v>
      </c>
      <c r="C420" s="16">
        <v>386</v>
      </c>
      <c r="D420" cm="1">
        <f t="array" ref="D420">IFERROR(INDEX(Jesper!AH$2:AH$366,ROUNDDOWN($C420/24,0)+1,1)*INDEX($D$3:$AA$30,INDEX(Jesper!$R$2:$R$366,ROW(INDEX(Jesper!AH$2:AH$366,ROUNDDOWN($C420/24,0)+1,1))-1)+IF('Standard Profiles'!$G$18=$B$10,7,0)+IF('Standard Profiles'!$G$18=$B$17,14,0)+IF('Standard Profiles'!$G$18=$B$24,21,0),MOD($C420,24)+1)/SUM(INDEX($D$3:$AA$30,INDEX(Jesper!$R$2:$R$366,ROW(INDEX(Jesper!AH$2:AH$366,ROUNDDOWN($C420/24,0)+1,1))-1)+IF('Standard Profiles'!$G$18=$B$10,7,0)+IF('Standard Profiles'!$G$18=$B$17,14,0)+IF('Standard Profiles'!$G$18=$B$24,21,0),0)),0)</f>
        <v>7.7302831505497061</v>
      </c>
      <c r="E420" cm="1">
        <f t="array" ref="E420">IFERROR(INDEX(Jesper!AI$2:AI$366,ROUNDDOWN($C420/24,0)+1,1)*INDEX($D$3:$AA$30,INDEX(Jesper!$R$2:$R$366,ROW(INDEX(Jesper!AI$2:AI$366,ROUNDDOWN($C420/24,0)+1,1))-1)+IF('Standard Profiles'!$G$19=$B$10,7,0)+IF('Standard Profiles'!$G$19=$B$17,14,0)+IF('Standard Profiles'!$G$19=$B$24,21,0),MOD($C420,24)+1)/SUM(INDEX($D$3:$AA$30,INDEX(Jesper!$R$2:$R$366,ROW(INDEX(Jesper!AI$2:AI$366,ROUNDDOWN($C420/24,0)+1,1))-1)+IF('Standard Profiles'!$G$19=$B$10,7,0)+IF('Standard Profiles'!$G$19=$B$17,14,0)+IF('Standard Profiles'!$G$19=$B$24,21,0),0)),0)</f>
        <v>0</v>
      </c>
      <c r="F420" cm="1">
        <f t="array" ref="F420">IFERROR(INDEX(Jesper!AJ$2:AJ$366,ROUNDDOWN($C420/24,0)+1,1)*INDEX($D$3:$AA$30,INDEX(Jesper!$R$2:$R$366,ROW(INDEX(Jesper!AJ$2:AJ$366,ROUNDDOWN($C420/24,0)+1,1))-1)+IF('Standard Profiles'!$G$20=$B$10,7,0)+IF('Standard Profiles'!$G$20=$B$17,14,0)+IF('Standard Profiles'!$G$20=$B$24,21,0),MOD($C420,24)+1)/SUM(INDEX($D$3:$AA$30,INDEX(Jesper!$R$2:$R$366,ROW(INDEX(Jesper!AJ$2:AJ$366,ROUNDDOWN($C420/24,0)+1,1))-1)+IF('Standard Profiles'!$G$20=$B$10,7,0)+IF('Standard Profiles'!$G$20=$B$17,14,0)+IF('Standard Profiles'!$G$20=$B$24,21,0),0)),0)</f>
        <v>0</v>
      </c>
      <c r="G420" cm="1">
        <f t="array" ref="G420">IFERROR(INDEX(Jesper!AK$2:AK$366,ROUNDDOWN($C420/24,0)+1,1)*INDEX($D$3:$AA$30,INDEX(Jesper!$R$2:$R$366,ROW(INDEX(Jesper!AK$2:AK$366,ROUNDDOWN($C420/24,0)+1,1))-1)+IF('Standard Profiles'!$G$21=$B$10,7,0)+IF('Standard Profiles'!$G$21=$B$17,14,0)+IF('Standard Profiles'!$G$21=$B$24,21,0),MOD($C420,24)+1)/SUM(INDEX($D$3:$AA$30,INDEX(Jesper!$R$2:$R$366,ROW(INDEX(Jesper!AK$2:AK$366,ROUNDDOWN($C420/24,0)+1,1))-1)+IF('Standard Profiles'!$G$21=$B$10,7,0)+IF('Standard Profiles'!$G$21=$B$17,14,0)+IF('Standard Profiles'!$G$21=$B$24,21,0),0)),0)</f>
        <v>0</v>
      </c>
      <c r="H420" cm="1">
        <f t="array" ref="H420">IFERROR(INDEX(Jesper!AL$2:AL$366,ROUNDDOWN($C420/24,0)+1,1)*INDEX($D$3:$AA$30,INDEX(Jesper!$R$2:$R$366,ROW(INDEX(Jesper!AL$2:AL$366,ROUNDDOWN($C420/24,0)+1,1))-1)+IF('Standard Profiles'!$G$22=$B$10,7,0)+IF('Standard Profiles'!$G$22=$B$17,14,0)+IF('Standard Profiles'!$G$22=$B$24,21,0),MOD($C420,24)+1)/SUM(INDEX($D$3:$AA$30,INDEX(Jesper!$R$2:$R$366,ROW(INDEX(Jesper!AL$2:AL$366,ROUNDDOWN($C420/24,0)+1,1))-1)+IF('Standard Profiles'!$G$22=$B$10,7,0)+IF('Standard Profiles'!$G$22=$B$17,14,0)+IF('Standard Profiles'!$G$22=$B$24,21,0),0)),0)</f>
        <v>0</v>
      </c>
      <c r="I420">
        <f t="shared" si="62"/>
        <v>0.23190849451649118</v>
      </c>
      <c r="J420">
        <f t="shared" si="63"/>
        <v>0.77302831505497061</v>
      </c>
      <c r="K420">
        <f t="shared" si="64"/>
        <v>1.1595424725824559</v>
      </c>
      <c r="L420">
        <f t="shared" si="65"/>
        <v>5.565803868395788</v>
      </c>
      <c r="M420">
        <f t="shared" si="66"/>
        <v>0</v>
      </c>
      <c r="N420" s="46">
        <f t="shared" ref="N420:N483" si="67">N419+1/24</f>
        <v>45308.083333332397</v>
      </c>
    </row>
    <row r="421" spans="2:14" x14ac:dyDescent="0.3">
      <c r="B421">
        <f t="shared" si="61"/>
        <v>3</v>
      </c>
      <c r="C421" s="16">
        <v>387</v>
      </c>
      <c r="D421" cm="1">
        <f t="array" ref="D421">IFERROR(INDEX(Jesper!AH$2:AH$366,ROUNDDOWN($C421/24,0)+1,1)*INDEX($D$3:$AA$30,INDEX(Jesper!$R$2:$R$366,ROW(INDEX(Jesper!AH$2:AH$366,ROUNDDOWN($C421/24,0)+1,1))-1)+IF('Standard Profiles'!$G$18=$B$10,7,0)+IF('Standard Profiles'!$G$18=$B$17,14,0)+IF('Standard Profiles'!$G$18=$B$24,21,0),MOD($C421,24)+1)/SUM(INDEX($D$3:$AA$30,INDEX(Jesper!$R$2:$R$366,ROW(INDEX(Jesper!AH$2:AH$366,ROUNDDOWN($C421/24,0)+1,1))-1)+IF('Standard Profiles'!$G$18=$B$10,7,0)+IF('Standard Profiles'!$G$18=$B$17,14,0)+IF('Standard Profiles'!$G$18=$B$24,21,0),0)),0)</f>
        <v>7.7302831505497061</v>
      </c>
      <c r="E421" cm="1">
        <f t="array" ref="E421">IFERROR(INDEX(Jesper!AI$2:AI$366,ROUNDDOWN($C421/24,0)+1,1)*INDEX($D$3:$AA$30,INDEX(Jesper!$R$2:$R$366,ROW(INDEX(Jesper!AI$2:AI$366,ROUNDDOWN($C421/24,0)+1,1))-1)+IF('Standard Profiles'!$G$19=$B$10,7,0)+IF('Standard Profiles'!$G$19=$B$17,14,0)+IF('Standard Profiles'!$G$19=$B$24,21,0),MOD($C421,24)+1)/SUM(INDEX($D$3:$AA$30,INDEX(Jesper!$R$2:$R$366,ROW(INDEX(Jesper!AI$2:AI$366,ROUNDDOWN($C421/24,0)+1,1))-1)+IF('Standard Profiles'!$G$19=$B$10,7,0)+IF('Standard Profiles'!$G$19=$B$17,14,0)+IF('Standard Profiles'!$G$19=$B$24,21,0),0)),0)</f>
        <v>0</v>
      </c>
      <c r="F421" cm="1">
        <f t="array" ref="F421">IFERROR(INDEX(Jesper!AJ$2:AJ$366,ROUNDDOWN($C421/24,0)+1,1)*INDEX($D$3:$AA$30,INDEX(Jesper!$R$2:$R$366,ROW(INDEX(Jesper!AJ$2:AJ$366,ROUNDDOWN($C421/24,0)+1,1))-1)+IF('Standard Profiles'!$G$20=$B$10,7,0)+IF('Standard Profiles'!$G$20=$B$17,14,0)+IF('Standard Profiles'!$G$20=$B$24,21,0),MOD($C421,24)+1)/SUM(INDEX($D$3:$AA$30,INDEX(Jesper!$R$2:$R$366,ROW(INDEX(Jesper!AJ$2:AJ$366,ROUNDDOWN($C421/24,0)+1,1))-1)+IF('Standard Profiles'!$G$20=$B$10,7,0)+IF('Standard Profiles'!$G$20=$B$17,14,0)+IF('Standard Profiles'!$G$20=$B$24,21,0),0)),0)</f>
        <v>0</v>
      </c>
      <c r="G421" cm="1">
        <f t="array" ref="G421">IFERROR(INDEX(Jesper!AK$2:AK$366,ROUNDDOWN($C421/24,0)+1,1)*INDEX($D$3:$AA$30,INDEX(Jesper!$R$2:$R$366,ROW(INDEX(Jesper!AK$2:AK$366,ROUNDDOWN($C421/24,0)+1,1))-1)+IF('Standard Profiles'!$G$21=$B$10,7,0)+IF('Standard Profiles'!$G$21=$B$17,14,0)+IF('Standard Profiles'!$G$21=$B$24,21,0),MOD($C421,24)+1)/SUM(INDEX($D$3:$AA$30,INDEX(Jesper!$R$2:$R$366,ROW(INDEX(Jesper!AK$2:AK$366,ROUNDDOWN($C421/24,0)+1,1))-1)+IF('Standard Profiles'!$G$21=$B$10,7,0)+IF('Standard Profiles'!$G$21=$B$17,14,0)+IF('Standard Profiles'!$G$21=$B$24,21,0),0)),0)</f>
        <v>0</v>
      </c>
      <c r="H421" cm="1">
        <f t="array" ref="H421">IFERROR(INDEX(Jesper!AL$2:AL$366,ROUNDDOWN($C421/24,0)+1,1)*INDEX($D$3:$AA$30,INDEX(Jesper!$R$2:$R$366,ROW(INDEX(Jesper!AL$2:AL$366,ROUNDDOWN($C421/24,0)+1,1))-1)+IF('Standard Profiles'!$G$22=$B$10,7,0)+IF('Standard Profiles'!$G$22=$B$17,14,0)+IF('Standard Profiles'!$G$22=$B$24,21,0),MOD($C421,24)+1)/SUM(INDEX($D$3:$AA$30,INDEX(Jesper!$R$2:$R$366,ROW(INDEX(Jesper!AL$2:AL$366,ROUNDDOWN($C421/24,0)+1,1))-1)+IF('Standard Profiles'!$G$22=$B$10,7,0)+IF('Standard Profiles'!$G$22=$B$17,14,0)+IF('Standard Profiles'!$G$22=$B$24,21,0),0)),0)</f>
        <v>0</v>
      </c>
      <c r="I421">
        <f t="shared" si="62"/>
        <v>0.23190849451649118</v>
      </c>
      <c r="J421">
        <f t="shared" si="63"/>
        <v>0.77302831505497061</v>
      </c>
      <c r="K421">
        <f t="shared" si="64"/>
        <v>1.1595424725824559</v>
      </c>
      <c r="L421">
        <f t="shared" si="65"/>
        <v>5.565803868395788</v>
      </c>
      <c r="M421">
        <f t="shared" si="66"/>
        <v>0</v>
      </c>
      <c r="N421" s="46">
        <f t="shared" si="67"/>
        <v>45308.124999999061</v>
      </c>
    </row>
    <row r="422" spans="2:14" x14ac:dyDescent="0.3">
      <c r="B422">
        <f t="shared" si="61"/>
        <v>3</v>
      </c>
      <c r="C422" s="16">
        <v>388</v>
      </c>
      <c r="D422" cm="1">
        <f t="array" ref="D422">IFERROR(INDEX(Jesper!AH$2:AH$366,ROUNDDOWN($C422/24,0)+1,1)*INDEX($D$3:$AA$30,INDEX(Jesper!$R$2:$R$366,ROW(INDEX(Jesper!AH$2:AH$366,ROUNDDOWN($C422/24,0)+1,1))-1)+IF('Standard Profiles'!$G$18=$B$10,7,0)+IF('Standard Profiles'!$G$18=$B$17,14,0)+IF('Standard Profiles'!$G$18=$B$24,21,0),MOD($C422,24)+1)/SUM(INDEX($D$3:$AA$30,INDEX(Jesper!$R$2:$R$366,ROW(INDEX(Jesper!AH$2:AH$366,ROUNDDOWN($C422/24,0)+1,1))-1)+IF('Standard Profiles'!$G$18=$B$10,7,0)+IF('Standard Profiles'!$G$18=$B$17,14,0)+IF('Standard Profiles'!$G$18=$B$24,21,0),0)),0)</f>
        <v>7.7302831505497061</v>
      </c>
      <c r="E422" cm="1">
        <f t="array" ref="E422">IFERROR(INDEX(Jesper!AI$2:AI$366,ROUNDDOWN($C422/24,0)+1,1)*INDEX($D$3:$AA$30,INDEX(Jesper!$R$2:$R$366,ROW(INDEX(Jesper!AI$2:AI$366,ROUNDDOWN($C422/24,0)+1,1))-1)+IF('Standard Profiles'!$G$19=$B$10,7,0)+IF('Standard Profiles'!$G$19=$B$17,14,0)+IF('Standard Profiles'!$G$19=$B$24,21,0),MOD($C422,24)+1)/SUM(INDEX($D$3:$AA$30,INDEX(Jesper!$R$2:$R$366,ROW(INDEX(Jesper!AI$2:AI$366,ROUNDDOWN($C422/24,0)+1,1))-1)+IF('Standard Profiles'!$G$19=$B$10,7,0)+IF('Standard Profiles'!$G$19=$B$17,14,0)+IF('Standard Profiles'!$G$19=$B$24,21,0),0)),0)</f>
        <v>0</v>
      </c>
      <c r="F422" cm="1">
        <f t="array" ref="F422">IFERROR(INDEX(Jesper!AJ$2:AJ$366,ROUNDDOWN($C422/24,0)+1,1)*INDEX($D$3:$AA$30,INDEX(Jesper!$R$2:$R$366,ROW(INDEX(Jesper!AJ$2:AJ$366,ROUNDDOWN($C422/24,0)+1,1))-1)+IF('Standard Profiles'!$G$20=$B$10,7,0)+IF('Standard Profiles'!$G$20=$B$17,14,0)+IF('Standard Profiles'!$G$20=$B$24,21,0),MOD($C422,24)+1)/SUM(INDEX($D$3:$AA$30,INDEX(Jesper!$R$2:$R$366,ROW(INDEX(Jesper!AJ$2:AJ$366,ROUNDDOWN($C422/24,0)+1,1))-1)+IF('Standard Profiles'!$G$20=$B$10,7,0)+IF('Standard Profiles'!$G$20=$B$17,14,0)+IF('Standard Profiles'!$G$20=$B$24,21,0),0)),0)</f>
        <v>0</v>
      </c>
      <c r="G422" cm="1">
        <f t="array" ref="G422">IFERROR(INDEX(Jesper!AK$2:AK$366,ROUNDDOWN($C422/24,0)+1,1)*INDEX($D$3:$AA$30,INDEX(Jesper!$R$2:$R$366,ROW(INDEX(Jesper!AK$2:AK$366,ROUNDDOWN($C422/24,0)+1,1))-1)+IF('Standard Profiles'!$G$21=$B$10,7,0)+IF('Standard Profiles'!$G$21=$B$17,14,0)+IF('Standard Profiles'!$G$21=$B$24,21,0),MOD($C422,24)+1)/SUM(INDEX($D$3:$AA$30,INDEX(Jesper!$R$2:$R$366,ROW(INDEX(Jesper!AK$2:AK$366,ROUNDDOWN($C422/24,0)+1,1))-1)+IF('Standard Profiles'!$G$21=$B$10,7,0)+IF('Standard Profiles'!$G$21=$B$17,14,0)+IF('Standard Profiles'!$G$21=$B$24,21,0),0)),0)</f>
        <v>0</v>
      </c>
      <c r="H422" cm="1">
        <f t="array" ref="H422">IFERROR(INDEX(Jesper!AL$2:AL$366,ROUNDDOWN($C422/24,0)+1,1)*INDEX($D$3:$AA$30,INDEX(Jesper!$R$2:$R$366,ROW(INDEX(Jesper!AL$2:AL$366,ROUNDDOWN($C422/24,0)+1,1))-1)+IF('Standard Profiles'!$G$22=$B$10,7,0)+IF('Standard Profiles'!$G$22=$B$17,14,0)+IF('Standard Profiles'!$G$22=$B$24,21,0),MOD($C422,24)+1)/SUM(INDEX($D$3:$AA$30,INDEX(Jesper!$R$2:$R$366,ROW(INDEX(Jesper!AL$2:AL$366,ROUNDDOWN($C422/24,0)+1,1))-1)+IF('Standard Profiles'!$G$22=$B$10,7,0)+IF('Standard Profiles'!$G$22=$B$17,14,0)+IF('Standard Profiles'!$G$22=$B$24,21,0),0)),0)</f>
        <v>0</v>
      </c>
      <c r="I422">
        <f t="shared" si="62"/>
        <v>0.23190849451649118</v>
      </c>
      <c r="J422">
        <f t="shared" si="63"/>
        <v>0.77302831505497061</v>
      </c>
      <c r="K422">
        <f t="shared" si="64"/>
        <v>1.1595424725824559</v>
      </c>
      <c r="L422">
        <f t="shared" si="65"/>
        <v>5.565803868395788</v>
      </c>
      <c r="M422">
        <f t="shared" si="66"/>
        <v>0</v>
      </c>
      <c r="N422" s="46">
        <f t="shared" si="67"/>
        <v>45308.166666665726</v>
      </c>
    </row>
    <row r="423" spans="2:14" x14ac:dyDescent="0.3">
      <c r="B423">
        <f t="shared" si="61"/>
        <v>3</v>
      </c>
      <c r="C423" s="16">
        <v>389</v>
      </c>
      <c r="D423" cm="1">
        <f t="array" ref="D423">IFERROR(INDEX(Jesper!AH$2:AH$366,ROUNDDOWN($C423/24,0)+1,1)*INDEX($D$3:$AA$30,INDEX(Jesper!$R$2:$R$366,ROW(INDEX(Jesper!AH$2:AH$366,ROUNDDOWN($C423/24,0)+1,1))-1)+IF('Standard Profiles'!$G$18=$B$10,7,0)+IF('Standard Profiles'!$G$18=$B$17,14,0)+IF('Standard Profiles'!$G$18=$B$24,21,0),MOD($C423,24)+1)/SUM(INDEX($D$3:$AA$30,INDEX(Jesper!$R$2:$R$366,ROW(INDEX(Jesper!AH$2:AH$366,ROUNDDOWN($C423/24,0)+1,1))-1)+IF('Standard Profiles'!$G$18=$B$10,7,0)+IF('Standard Profiles'!$G$18=$B$17,14,0)+IF('Standard Profiles'!$G$18=$B$24,21,0),0)),0)</f>
        <v>9.9634760607085102</v>
      </c>
      <c r="E423" cm="1">
        <f t="array" ref="E423">IFERROR(INDEX(Jesper!AI$2:AI$366,ROUNDDOWN($C423/24,0)+1,1)*INDEX($D$3:$AA$30,INDEX(Jesper!$R$2:$R$366,ROW(INDEX(Jesper!AI$2:AI$366,ROUNDDOWN($C423/24,0)+1,1))-1)+IF('Standard Profiles'!$G$19=$B$10,7,0)+IF('Standard Profiles'!$G$19=$B$17,14,0)+IF('Standard Profiles'!$G$19=$B$24,21,0),MOD($C423,24)+1)/SUM(INDEX($D$3:$AA$30,INDEX(Jesper!$R$2:$R$366,ROW(INDEX(Jesper!AI$2:AI$366,ROUNDDOWN($C423/24,0)+1,1))-1)+IF('Standard Profiles'!$G$19=$B$10,7,0)+IF('Standard Profiles'!$G$19=$B$17,14,0)+IF('Standard Profiles'!$G$19=$B$24,21,0),0)),0)</f>
        <v>0</v>
      </c>
      <c r="F423" cm="1">
        <f t="array" ref="F423">IFERROR(INDEX(Jesper!AJ$2:AJ$366,ROUNDDOWN($C423/24,0)+1,1)*INDEX($D$3:$AA$30,INDEX(Jesper!$R$2:$R$366,ROW(INDEX(Jesper!AJ$2:AJ$366,ROUNDDOWN($C423/24,0)+1,1))-1)+IF('Standard Profiles'!$G$20=$B$10,7,0)+IF('Standard Profiles'!$G$20=$B$17,14,0)+IF('Standard Profiles'!$G$20=$B$24,21,0),MOD($C423,24)+1)/SUM(INDEX($D$3:$AA$30,INDEX(Jesper!$R$2:$R$366,ROW(INDEX(Jesper!AJ$2:AJ$366,ROUNDDOWN($C423/24,0)+1,1))-1)+IF('Standard Profiles'!$G$20=$B$10,7,0)+IF('Standard Profiles'!$G$20=$B$17,14,0)+IF('Standard Profiles'!$G$20=$B$24,21,0),0)),0)</f>
        <v>0</v>
      </c>
      <c r="G423" cm="1">
        <f t="array" ref="G423">IFERROR(INDEX(Jesper!AK$2:AK$366,ROUNDDOWN($C423/24,0)+1,1)*INDEX($D$3:$AA$30,INDEX(Jesper!$R$2:$R$366,ROW(INDEX(Jesper!AK$2:AK$366,ROUNDDOWN($C423/24,0)+1,1))-1)+IF('Standard Profiles'!$G$21=$B$10,7,0)+IF('Standard Profiles'!$G$21=$B$17,14,0)+IF('Standard Profiles'!$G$21=$B$24,21,0),MOD($C423,24)+1)/SUM(INDEX($D$3:$AA$30,INDEX(Jesper!$R$2:$R$366,ROW(INDEX(Jesper!AK$2:AK$366,ROUNDDOWN($C423/24,0)+1,1))-1)+IF('Standard Profiles'!$G$21=$B$10,7,0)+IF('Standard Profiles'!$G$21=$B$17,14,0)+IF('Standard Profiles'!$G$21=$B$24,21,0),0)),0)</f>
        <v>0</v>
      </c>
      <c r="H423" cm="1">
        <f t="array" ref="H423">IFERROR(INDEX(Jesper!AL$2:AL$366,ROUNDDOWN($C423/24,0)+1,1)*INDEX($D$3:$AA$30,INDEX(Jesper!$R$2:$R$366,ROW(INDEX(Jesper!AL$2:AL$366,ROUNDDOWN($C423/24,0)+1,1))-1)+IF('Standard Profiles'!$G$22=$B$10,7,0)+IF('Standard Profiles'!$G$22=$B$17,14,0)+IF('Standard Profiles'!$G$22=$B$24,21,0),MOD($C423,24)+1)/SUM(INDEX($D$3:$AA$30,INDEX(Jesper!$R$2:$R$366,ROW(INDEX(Jesper!AL$2:AL$366,ROUNDDOWN($C423/24,0)+1,1))-1)+IF('Standard Profiles'!$G$22=$B$10,7,0)+IF('Standard Profiles'!$G$22=$B$17,14,0)+IF('Standard Profiles'!$G$22=$B$24,21,0),0)),0)</f>
        <v>0</v>
      </c>
      <c r="I423">
        <f t="shared" si="62"/>
        <v>0.29890428182125528</v>
      </c>
      <c r="J423">
        <f t="shared" si="63"/>
        <v>0.99634760607085104</v>
      </c>
      <c r="K423">
        <f t="shared" si="64"/>
        <v>1.4945214091062764</v>
      </c>
      <c r="L423">
        <f t="shared" si="65"/>
        <v>7.1737027637101267</v>
      </c>
      <c r="M423">
        <f t="shared" si="66"/>
        <v>0</v>
      </c>
      <c r="N423" s="46">
        <f t="shared" si="67"/>
        <v>45308.20833333239</v>
      </c>
    </row>
    <row r="424" spans="2:14" x14ac:dyDescent="0.3">
      <c r="B424">
        <f t="shared" si="61"/>
        <v>3</v>
      </c>
      <c r="C424" s="16">
        <v>390</v>
      </c>
      <c r="D424" cm="1">
        <f t="array" ref="D424">IFERROR(INDEX(Jesper!AH$2:AH$366,ROUNDDOWN($C424/24,0)+1,1)*INDEX($D$3:$AA$30,INDEX(Jesper!$R$2:$R$366,ROW(INDEX(Jesper!AH$2:AH$366,ROUNDDOWN($C424/24,0)+1,1))-1)+IF('Standard Profiles'!$G$18=$B$10,7,0)+IF('Standard Profiles'!$G$18=$B$17,14,0)+IF('Standard Profiles'!$G$18=$B$24,21,0),MOD($C424,24)+1)/SUM(INDEX($D$3:$AA$30,INDEX(Jesper!$R$2:$R$366,ROW(INDEX(Jesper!AH$2:AH$366,ROUNDDOWN($C424/24,0)+1,1))-1)+IF('Standard Profiles'!$G$18=$B$10,7,0)+IF('Standard Profiles'!$G$18=$B$17,14,0)+IF('Standard Profiles'!$G$18=$B$24,21,0),0)),0)</f>
        <v>11.509532690818453</v>
      </c>
      <c r="E424" cm="1">
        <f t="array" ref="E424">IFERROR(INDEX(Jesper!AI$2:AI$366,ROUNDDOWN($C424/24,0)+1,1)*INDEX($D$3:$AA$30,INDEX(Jesper!$R$2:$R$366,ROW(INDEX(Jesper!AI$2:AI$366,ROUNDDOWN($C424/24,0)+1,1))-1)+IF('Standard Profiles'!$G$19=$B$10,7,0)+IF('Standard Profiles'!$G$19=$B$17,14,0)+IF('Standard Profiles'!$G$19=$B$24,21,0),MOD($C424,24)+1)/SUM(INDEX($D$3:$AA$30,INDEX(Jesper!$R$2:$R$366,ROW(INDEX(Jesper!AI$2:AI$366,ROUNDDOWN($C424/24,0)+1,1))-1)+IF('Standard Profiles'!$G$19=$B$10,7,0)+IF('Standard Profiles'!$G$19=$B$17,14,0)+IF('Standard Profiles'!$G$19=$B$24,21,0),0)),0)</f>
        <v>0</v>
      </c>
      <c r="F424" cm="1">
        <f t="array" ref="F424">IFERROR(INDEX(Jesper!AJ$2:AJ$366,ROUNDDOWN($C424/24,0)+1,1)*INDEX($D$3:$AA$30,INDEX(Jesper!$R$2:$R$366,ROW(INDEX(Jesper!AJ$2:AJ$366,ROUNDDOWN($C424/24,0)+1,1))-1)+IF('Standard Profiles'!$G$20=$B$10,7,0)+IF('Standard Profiles'!$G$20=$B$17,14,0)+IF('Standard Profiles'!$G$20=$B$24,21,0),MOD($C424,24)+1)/SUM(INDEX($D$3:$AA$30,INDEX(Jesper!$R$2:$R$366,ROW(INDEX(Jesper!AJ$2:AJ$366,ROUNDDOWN($C424/24,0)+1,1))-1)+IF('Standard Profiles'!$G$20=$B$10,7,0)+IF('Standard Profiles'!$G$20=$B$17,14,0)+IF('Standard Profiles'!$G$20=$B$24,21,0),0)),0)</f>
        <v>0</v>
      </c>
      <c r="G424" cm="1">
        <f t="array" ref="G424">IFERROR(INDEX(Jesper!AK$2:AK$366,ROUNDDOWN($C424/24,0)+1,1)*INDEX($D$3:$AA$30,INDEX(Jesper!$R$2:$R$366,ROW(INDEX(Jesper!AK$2:AK$366,ROUNDDOWN($C424/24,0)+1,1))-1)+IF('Standard Profiles'!$G$21=$B$10,7,0)+IF('Standard Profiles'!$G$21=$B$17,14,0)+IF('Standard Profiles'!$G$21=$B$24,21,0),MOD($C424,24)+1)/SUM(INDEX($D$3:$AA$30,INDEX(Jesper!$R$2:$R$366,ROW(INDEX(Jesper!AK$2:AK$366,ROUNDDOWN($C424/24,0)+1,1))-1)+IF('Standard Profiles'!$G$21=$B$10,7,0)+IF('Standard Profiles'!$G$21=$B$17,14,0)+IF('Standard Profiles'!$G$21=$B$24,21,0),0)),0)</f>
        <v>0</v>
      </c>
      <c r="H424" cm="1">
        <f t="array" ref="H424">IFERROR(INDEX(Jesper!AL$2:AL$366,ROUNDDOWN($C424/24,0)+1,1)*INDEX($D$3:$AA$30,INDEX(Jesper!$R$2:$R$366,ROW(INDEX(Jesper!AL$2:AL$366,ROUNDDOWN($C424/24,0)+1,1))-1)+IF('Standard Profiles'!$G$22=$B$10,7,0)+IF('Standard Profiles'!$G$22=$B$17,14,0)+IF('Standard Profiles'!$G$22=$B$24,21,0),MOD($C424,24)+1)/SUM(INDEX($D$3:$AA$30,INDEX(Jesper!$R$2:$R$366,ROW(INDEX(Jesper!AL$2:AL$366,ROUNDDOWN($C424/24,0)+1,1))-1)+IF('Standard Profiles'!$G$22=$B$10,7,0)+IF('Standard Profiles'!$G$22=$B$17,14,0)+IF('Standard Profiles'!$G$22=$B$24,21,0),0)),0)</f>
        <v>0</v>
      </c>
      <c r="I424">
        <f t="shared" si="62"/>
        <v>0.34528598072455358</v>
      </c>
      <c r="J424">
        <f t="shared" si="63"/>
        <v>1.1509532690818454</v>
      </c>
      <c r="K424">
        <f t="shared" si="64"/>
        <v>1.7264299036227679</v>
      </c>
      <c r="L424">
        <f t="shared" si="65"/>
        <v>8.2868635373892854</v>
      </c>
      <c r="M424">
        <f t="shared" si="66"/>
        <v>0</v>
      </c>
      <c r="N424" s="46">
        <f t="shared" si="67"/>
        <v>45308.249999999054</v>
      </c>
    </row>
    <row r="425" spans="2:14" x14ac:dyDescent="0.3">
      <c r="B425">
        <f t="shared" si="61"/>
        <v>3</v>
      </c>
      <c r="C425" s="16">
        <v>391</v>
      </c>
      <c r="D425" cm="1">
        <f t="array" ref="D425">IFERROR(INDEX(Jesper!AH$2:AH$366,ROUNDDOWN($C425/24,0)+1,1)*INDEX($D$3:$AA$30,INDEX(Jesper!$R$2:$R$366,ROW(INDEX(Jesper!AH$2:AH$366,ROUNDDOWN($C425/24,0)+1,1))-1)+IF('Standard Profiles'!$G$18=$B$10,7,0)+IF('Standard Profiles'!$G$18=$B$17,14,0)+IF('Standard Profiles'!$G$18=$B$24,21,0),MOD($C425,24)+1)/SUM(INDEX($D$3:$AA$30,INDEX(Jesper!$R$2:$R$366,ROW(INDEX(Jesper!AH$2:AH$366,ROUNDDOWN($C425/24,0)+1,1))-1)+IF('Standard Profiles'!$G$18=$B$10,7,0)+IF('Standard Profiles'!$G$18=$B$17,14,0)+IF('Standard Profiles'!$G$18=$B$24,21,0),0)),0)</f>
        <v>11.509532690818453</v>
      </c>
      <c r="E425" cm="1">
        <f t="array" ref="E425">IFERROR(INDEX(Jesper!AI$2:AI$366,ROUNDDOWN($C425/24,0)+1,1)*INDEX($D$3:$AA$30,INDEX(Jesper!$R$2:$R$366,ROW(INDEX(Jesper!AI$2:AI$366,ROUNDDOWN($C425/24,0)+1,1))-1)+IF('Standard Profiles'!$G$19=$B$10,7,0)+IF('Standard Profiles'!$G$19=$B$17,14,0)+IF('Standard Profiles'!$G$19=$B$24,21,0),MOD($C425,24)+1)/SUM(INDEX($D$3:$AA$30,INDEX(Jesper!$R$2:$R$366,ROW(INDEX(Jesper!AI$2:AI$366,ROUNDDOWN($C425/24,0)+1,1))-1)+IF('Standard Profiles'!$G$19=$B$10,7,0)+IF('Standard Profiles'!$G$19=$B$17,14,0)+IF('Standard Profiles'!$G$19=$B$24,21,0),0)),0)</f>
        <v>0</v>
      </c>
      <c r="F425" cm="1">
        <f t="array" ref="F425">IFERROR(INDEX(Jesper!AJ$2:AJ$366,ROUNDDOWN($C425/24,0)+1,1)*INDEX($D$3:$AA$30,INDEX(Jesper!$R$2:$R$366,ROW(INDEX(Jesper!AJ$2:AJ$366,ROUNDDOWN($C425/24,0)+1,1))-1)+IF('Standard Profiles'!$G$20=$B$10,7,0)+IF('Standard Profiles'!$G$20=$B$17,14,0)+IF('Standard Profiles'!$G$20=$B$24,21,0),MOD($C425,24)+1)/SUM(INDEX($D$3:$AA$30,INDEX(Jesper!$R$2:$R$366,ROW(INDEX(Jesper!AJ$2:AJ$366,ROUNDDOWN($C425/24,0)+1,1))-1)+IF('Standard Profiles'!$G$20=$B$10,7,0)+IF('Standard Profiles'!$G$20=$B$17,14,0)+IF('Standard Profiles'!$G$20=$B$24,21,0),0)),0)</f>
        <v>0</v>
      </c>
      <c r="G425" cm="1">
        <f t="array" ref="G425">IFERROR(INDEX(Jesper!AK$2:AK$366,ROUNDDOWN($C425/24,0)+1,1)*INDEX($D$3:$AA$30,INDEX(Jesper!$R$2:$R$366,ROW(INDEX(Jesper!AK$2:AK$366,ROUNDDOWN($C425/24,0)+1,1))-1)+IF('Standard Profiles'!$G$21=$B$10,7,0)+IF('Standard Profiles'!$G$21=$B$17,14,0)+IF('Standard Profiles'!$G$21=$B$24,21,0),MOD($C425,24)+1)/SUM(INDEX($D$3:$AA$30,INDEX(Jesper!$R$2:$R$366,ROW(INDEX(Jesper!AK$2:AK$366,ROUNDDOWN($C425/24,0)+1,1))-1)+IF('Standard Profiles'!$G$21=$B$10,7,0)+IF('Standard Profiles'!$G$21=$B$17,14,0)+IF('Standard Profiles'!$G$21=$B$24,21,0),0)),0)</f>
        <v>0</v>
      </c>
      <c r="H425" cm="1">
        <f t="array" ref="H425">IFERROR(INDEX(Jesper!AL$2:AL$366,ROUNDDOWN($C425/24,0)+1,1)*INDEX($D$3:$AA$30,INDEX(Jesper!$R$2:$R$366,ROW(INDEX(Jesper!AL$2:AL$366,ROUNDDOWN($C425/24,0)+1,1))-1)+IF('Standard Profiles'!$G$22=$B$10,7,0)+IF('Standard Profiles'!$G$22=$B$17,14,0)+IF('Standard Profiles'!$G$22=$B$24,21,0),MOD($C425,24)+1)/SUM(INDEX($D$3:$AA$30,INDEX(Jesper!$R$2:$R$366,ROW(INDEX(Jesper!AL$2:AL$366,ROUNDDOWN($C425/24,0)+1,1))-1)+IF('Standard Profiles'!$G$22=$B$10,7,0)+IF('Standard Profiles'!$G$22=$B$17,14,0)+IF('Standard Profiles'!$G$22=$B$24,21,0),0)),0)</f>
        <v>0</v>
      </c>
      <c r="I425">
        <f t="shared" si="62"/>
        <v>0.34528598072455358</v>
      </c>
      <c r="J425">
        <f t="shared" si="63"/>
        <v>1.1509532690818454</v>
      </c>
      <c r="K425">
        <f t="shared" si="64"/>
        <v>1.7264299036227679</v>
      </c>
      <c r="L425">
        <f t="shared" si="65"/>
        <v>8.2868635373892854</v>
      </c>
      <c r="M425">
        <f t="shared" si="66"/>
        <v>0</v>
      </c>
      <c r="N425" s="46">
        <f t="shared" si="67"/>
        <v>45308.291666665718</v>
      </c>
    </row>
    <row r="426" spans="2:14" x14ac:dyDescent="0.3">
      <c r="B426">
        <f t="shared" si="61"/>
        <v>3</v>
      </c>
      <c r="C426" s="16">
        <v>392</v>
      </c>
      <c r="D426" cm="1">
        <f t="array" ref="D426">IFERROR(INDEX(Jesper!AH$2:AH$366,ROUNDDOWN($C426/24,0)+1,1)*INDEX($D$3:$AA$30,INDEX(Jesper!$R$2:$R$366,ROW(INDEX(Jesper!AH$2:AH$366,ROUNDDOWN($C426/24,0)+1,1))-1)+IF('Standard Profiles'!$G$18=$B$10,7,0)+IF('Standard Profiles'!$G$18=$B$17,14,0)+IF('Standard Profiles'!$G$18=$B$24,21,0),MOD($C426,24)+1)/SUM(INDEX($D$3:$AA$30,INDEX(Jesper!$R$2:$R$366,ROW(INDEX(Jesper!AH$2:AH$366,ROUNDDOWN($C426/24,0)+1,1))-1)+IF('Standard Profiles'!$G$18=$B$10,7,0)+IF('Standard Profiles'!$G$18=$B$17,14,0)+IF('Standard Profiles'!$G$18=$B$24,21,0),0)),0)</f>
        <v>11.509532690818453</v>
      </c>
      <c r="E426" cm="1">
        <f t="array" ref="E426">IFERROR(INDEX(Jesper!AI$2:AI$366,ROUNDDOWN($C426/24,0)+1,1)*INDEX($D$3:$AA$30,INDEX(Jesper!$R$2:$R$366,ROW(INDEX(Jesper!AI$2:AI$366,ROUNDDOWN($C426/24,0)+1,1))-1)+IF('Standard Profiles'!$G$19=$B$10,7,0)+IF('Standard Profiles'!$G$19=$B$17,14,0)+IF('Standard Profiles'!$G$19=$B$24,21,0),MOD($C426,24)+1)/SUM(INDEX($D$3:$AA$30,INDEX(Jesper!$R$2:$R$366,ROW(INDEX(Jesper!AI$2:AI$366,ROUNDDOWN($C426/24,0)+1,1))-1)+IF('Standard Profiles'!$G$19=$B$10,7,0)+IF('Standard Profiles'!$G$19=$B$17,14,0)+IF('Standard Profiles'!$G$19=$B$24,21,0),0)),0)</f>
        <v>0</v>
      </c>
      <c r="F426" cm="1">
        <f t="array" ref="F426">IFERROR(INDEX(Jesper!AJ$2:AJ$366,ROUNDDOWN($C426/24,0)+1,1)*INDEX($D$3:$AA$30,INDEX(Jesper!$R$2:$R$366,ROW(INDEX(Jesper!AJ$2:AJ$366,ROUNDDOWN($C426/24,0)+1,1))-1)+IF('Standard Profiles'!$G$20=$B$10,7,0)+IF('Standard Profiles'!$G$20=$B$17,14,0)+IF('Standard Profiles'!$G$20=$B$24,21,0),MOD($C426,24)+1)/SUM(INDEX($D$3:$AA$30,INDEX(Jesper!$R$2:$R$366,ROW(INDEX(Jesper!AJ$2:AJ$366,ROUNDDOWN($C426/24,0)+1,1))-1)+IF('Standard Profiles'!$G$20=$B$10,7,0)+IF('Standard Profiles'!$G$20=$B$17,14,0)+IF('Standard Profiles'!$G$20=$B$24,21,0),0)),0)</f>
        <v>0</v>
      </c>
      <c r="G426" cm="1">
        <f t="array" ref="G426">IFERROR(INDEX(Jesper!AK$2:AK$366,ROUNDDOWN($C426/24,0)+1,1)*INDEX($D$3:$AA$30,INDEX(Jesper!$R$2:$R$366,ROW(INDEX(Jesper!AK$2:AK$366,ROUNDDOWN($C426/24,0)+1,1))-1)+IF('Standard Profiles'!$G$21=$B$10,7,0)+IF('Standard Profiles'!$G$21=$B$17,14,0)+IF('Standard Profiles'!$G$21=$B$24,21,0),MOD($C426,24)+1)/SUM(INDEX($D$3:$AA$30,INDEX(Jesper!$R$2:$R$366,ROW(INDEX(Jesper!AK$2:AK$366,ROUNDDOWN($C426/24,0)+1,1))-1)+IF('Standard Profiles'!$G$21=$B$10,7,0)+IF('Standard Profiles'!$G$21=$B$17,14,0)+IF('Standard Profiles'!$G$21=$B$24,21,0),0)),0)</f>
        <v>0</v>
      </c>
      <c r="H426" cm="1">
        <f t="array" ref="H426">IFERROR(INDEX(Jesper!AL$2:AL$366,ROUNDDOWN($C426/24,0)+1,1)*INDEX($D$3:$AA$30,INDEX(Jesper!$R$2:$R$366,ROW(INDEX(Jesper!AL$2:AL$366,ROUNDDOWN($C426/24,0)+1,1))-1)+IF('Standard Profiles'!$G$22=$B$10,7,0)+IF('Standard Profiles'!$G$22=$B$17,14,0)+IF('Standard Profiles'!$G$22=$B$24,21,0),MOD($C426,24)+1)/SUM(INDEX($D$3:$AA$30,INDEX(Jesper!$R$2:$R$366,ROW(INDEX(Jesper!AL$2:AL$366,ROUNDDOWN($C426/24,0)+1,1))-1)+IF('Standard Profiles'!$G$22=$B$10,7,0)+IF('Standard Profiles'!$G$22=$B$17,14,0)+IF('Standard Profiles'!$G$22=$B$24,21,0),0)),0)</f>
        <v>0</v>
      </c>
      <c r="I426">
        <f t="shared" si="62"/>
        <v>0.34528598072455358</v>
      </c>
      <c r="J426">
        <f t="shared" si="63"/>
        <v>1.1509532690818454</v>
      </c>
      <c r="K426">
        <f t="shared" si="64"/>
        <v>1.7264299036227679</v>
      </c>
      <c r="L426">
        <f t="shared" si="65"/>
        <v>8.2868635373892854</v>
      </c>
      <c r="M426">
        <f t="shared" si="66"/>
        <v>0</v>
      </c>
      <c r="N426" s="46">
        <f t="shared" si="67"/>
        <v>45308.333333332383</v>
      </c>
    </row>
    <row r="427" spans="2:14" x14ac:dyDescent="0.3">
      <c r="B427">
        <f t="shared" si="61"/>
        <v>3</v>
      </c>
      <c r="C427" s="16">
        <v>393</v>
      </c>
      <c r="D427" cm="1">
        <f t="array" ref="D427">IFERROR(INDEX(Jesper!AH$2:AH$366,ROUNDDOWN($C427/24,0)+1,1)*INDEX($D$3:$AA$30,INDEX(Jesper!$R$2:$R$366,ROW(INDEX(Jesper!AH$2:AH$366,ROUNDDOWN($C427/24,0)+1,1))-1)+IF('Standard Profiles'!$G$18=$B$10,7,0)+IF('Standard Profiles'!$G$18=$B$17,14,0)+IF('Standard Profiles'!$G$18=$B$24,21,0),MOD($C427,24)+1)/SUM(INDEX($D$3:$AA$30,INDEX(Jesper!$R$2:$R$366,ROW(INDEX(Jesper!AH$2:AH$366,ROUNDDOWN($C427/24,0)+1,1))-1)+IF('Standard Profiles'!$G$18=$B$10,7,0)+IF('Standard Profiles'!$G$18=$B$17,14,0)+IF('Standard Profiles'!$G$18=$B$24,21,0),0)),0)</f>
        <v>12.36845304087953</v>
      </c>
      <c r="E427" cm="1">
        <f t="array" ref="E427">IFERROR(INDEX(Jesper!AI$2:AI$366,ROUNDDOWN($C427/24,0)+1,1)*INDEX($D$3:$AA$30,INDEX(Jesper!$R$2:$R$366,ROW(INDEX(Jesper!AI$2:AI$366,ROUNDDOWN($C427/24,0)+1,1))-1)+IF('Standard Profiles'!$G$19=$B$10,7,0)+IF('Standard Profiles'!$G$19=$B$17,14,0)+IF('Standard Profiles'!$G$19=$B$24,21,0),MOD($C427,24)+1)/SUM(INDEX($D$3:$AA$30,INDEX(Jesper!$R$2:$R$366,ROW(INDEX(Jesper!AI$2:AI$366,ROUNDDOWN($C427/24,0)+1,1))-1)+IF('Standard Profiles'!$G$19=$B$10,7,0)+IF('Standard Profiles'!$G$19=$B$17,14,0)+IF('Standard Profiles'!$G$19=$B$24,21,0),0)),0)</f>
        <v>0</v>
      </c>
      <c r="F427" cm="1">
        <f t="array" ref="F427">IFERROR(INDEX(Jesper!AJ$2:AJ$366,ROUNDDOWN($C427/24,0)+1,1)*INDEX($D$3:$AA$30,INDEX(Jesper!$R$2:$R$366,ROW(INDEX(Jesper!AJ$2:AJ$366,ROUNDDOWN($C427/24,0)+1,1))-1)+IF('Standard Profiles'!$G$20=$B$10,7,0)+IF('Standard Profiles'!$G$20=$B$17,14,0)+IF('Standard Profiles'!$G$20=$B$24,21,0),MOD($C427,24)+1)/SUM(INDEX($D$3:$AA$30,INDEX(Jesper!$R$2:$R$366,ROW(INDEX(Jesper!AJ$2:AJ$366,ROUNDDOWN($C427/24,0)+1,1))-1)+IF('Standard Profiles'!$G$20=$B$10,7,0)+IF('Standard Profiles'!$G$20=$B$17,14,0)+IF('Standard Profiles'!$G$20=$B$24,21,0),0)),0)</f>
        <v>0</v>
      </c>
      <c r="G427" cm="1">
        <f t="array" ref="G427">IFERROR(INDEX(Jesper!AK$2:AK$366,ROUNDDOWN($C427/24,0)+1,1)*INDEX($D$3:$AA$30,INDEX(Jesper!$R$2:$R$366,ROW(INDEX(Jesper!AK$2:AK$366,ROUNDDOWN($C427/24,0)+1,1))-1)+IF('Standard Profiles'!$G$21=$B$10,7,0)+IF('Standard Profiles'!$G$21=$B$17,14,0)+IF('Standard Profiles'!$G$21=$B$24,21,0),MOD($C427,24)+1)/SUM(INDEX($D$3:$AA$30,INDEX(Jesper!$R$2:$R$366,ROW(INDEX(Jesper!AK$2:AK$366,ROUNDDOWN($C427/24,0)+1,1))-1)+IF('Standard Profiles'!$G$21=$B$10,7,0)+IF('Standard Profiles'!$G$21=$B$17,14,0)+IF('Standard Profiles'!$G$21=$B$24,21,0),0)),0)</f>
        <v>0</v>
      </c>
      <c r="H427" cm="1">
        <f t="array" ref="H427">IFERROR(INDEX(Jesper!AL$2:AL$366,ROUNDDOWN($C427/24,0)+1,1)*INDEX($D$3:$AA$30,INDEX(Jesper!$R$2:$R$366,ROW(INDEX(Jesper!AL$2:AL$366,ROUNDDOWN($C427/24,0)+1,1))-1)+IF('Standard Profiles'!$G$22=$B$10,7,0)+IF('Standard Profiles'!$G$22=$B$17,14,0)+IF('Standard Profiles'!$G$22=$B$24,21,0),MOD($C427,24)+1)/SUM(INDEX($D$3:$AA$30,INDEX(Jesper!$R$2:$R$366,ROW(INDEX(Jesper!AL$2:AL$366,ROUNDDOWN($C427/24,0)+1,1))-1)+IF('Standard Profiles'!$G$22=$B$10,7,0)+IF('Standard Profiles'!$G$22=$B$17,14,0)+IF('Standard Profiles'!$G$22=$B$24,21,0),0)),0)</f>
        <v>0</v>
      </c>
      <c r="I427">
        <f t="shared" si="62"/>
        <v>0.37105359122638587</v>
      </c>
      <c r="J427">
        <f t="shared" si="63"/>
        <v>1.236845304087953</v>
      </c>
      <c r="K427">
        <f t="shared" si="64"/>
        <v>1.8552679561319294</v>
      </c>
      <c r="L427">
        <f t="shared" si="65"/>
        <v>8.9052861894332604</v>
      </c>
      <c r="M427">
        <f t="shared" si="66"/>
        <v>0</v>
      </c>
      <c r="N427" s="46">
        <f t="shared" si="67"/>
        <v>45308.374999999047</v>
      </c>
    </row>
    <row r="428" spans="2:14" x14ac:dyDescent="0.3">
      <c r="B428">
        <f t="shared" si="61"/>
        <v>3</v>
      </c>
      <c r="C428" s="16">
        <v>394</v>
      </c>
      <c r="D428" cm="1">
        <f t="array" ref="D428">IFERROR(INDEX(Jesper!AH$2:AH$366,ROUNDDOWN($C428/24,0)+1,1)*INDEX($D$3:$AA$30,INDEX(Jesper!$R$2:$R$366,ROW(INDEX(Jesper!AH$2:AH$366,ROUNDDOWN($C428/24,0)+1,1))-1)+IF('Standard Profiles'!$G$18=$B$10,7,0)+IF('Standard Profiles'!$G$18=$B$17,14,0)+IF('Standard Profiles'!$G$18=$B$24,21,0),MOD($C428,24)+1)/SUM(INDEX($D$3:$AA$30,INDEX(Jesper!$R$2:$R$366,ROW(INDEX(Jesper!AH$2:AH$366,ROUNDDOWN($C428/24,0)+1,1))-1)+IF('Standard Profiles'!$G$18=$B$10,7,0)+IF('Standard Profiles'!$G$18=$B$17,14,0)+IF('Standard Profiles'!$G$18=$B$24,21,0),0)),0)</f>
        <v>13.399157460952823</v>
      </c>
      <c r="E428" cm="1">
        <f t="array" ref="E428">IFERROR(INDEX(Jesper!AI$2:AI$366,ROUNDDOWN($C428/24,0)+1,1)*INDEX($D$3:$AA$30,INDEX(Jesper!$R$2:$R$366,ROW(INDEX(Jesper!AI$2:AI$366,ROUNDDOWN($C428/24,0)+1,1))-1)+IF('Standard Profiles'!$G$19=$B$10,7,0)+IF('Standard Profiles'!$G$19=$B$17,14,0)+IF('Standard Profiles'!$G$19=$B$24,21,0),MOD($C428,24)+1)/SUM(INDEX($D$3:$AA$30,INDEX(Jesper!$R$2:$R$366,ROW(INDEX(Jesper!AI$2:AI$366,ROUNDDOWN($C428/24,0)+1,1))-1)+IF('Standard Profiles'!$G$19=$B$10,7,0)+IF('Standard Profiles'!$G$19=$B$17,14,0)+IF('Standard Profiles'!$G$19=$B$24,21,0),0)),0)</f>
        <v>0</v>
      </c>
      <c r="F428" cm="1">
        <f t="array" ref="F428">IFERROR(INDEX(Jesper!AJ$2:AJ$366,ROUNDDOWN($C428/24,0)+1,1)*INDEX($D$3:$AA$30,INDEX(Jesper!$R$2:$R$366,ROW(INDEX(Jesper!AJ$2:AJ$366,ROUNDDOWN($C428/24,0)+1,1))-1)+IF('Standard Profiles'!$G$20=$B$10,7,0)+IF('Standard Profiles'!$G$20=$B$17,14,0)+IF('Standard Profiles'!$G$20=$B$24,21,0),MOD($C428,24)+1)/SUM(INDEX($D$3:$AA$30,INDEX(Jesper!$R$2:$R$366,ROW(INDEX(Jesper!AJ$2:AJ$366,ROUNDDOWN($C428/24,0)+1,1))-1)+IF('Standard Profiles'!$G$20=$B$10,7,0)+IF('Standard Profiles'!$G$20=$B$17,14,0)+IF('Standard Profiles'!$G$20=$B$24,21,0),0)),0)</f>
        <v>0</v>
      </c>
      <c r="G428" cm="1">
        <f t="array" ref="G428">IFERROR(INDEX(Jesper!AK$2:AK$366,ROUNDDOWN($C428/24,0)+1,1)*INDEX($D$3:$AA$30,INDEX(Jesper!$R$2:$R$366,ROW(INDEX(Jesper!AK$2:AK$366,ROUNDDOWN($C428/24,0)+1,1))-1)+IF('Standard Profiles'!$G$21=$B$10,7,0)+IF('Standard Profiles'!$G$21=$B$17,14,0)+IF('Standard Profiles'!$G$21=$B$24,21,0),MOD($C428,24)+1)/SUM(INDEX($D$3:$AA$30,INDEX(Jesper!$R$2:$R$366,ROW(INDEX(Jesper!AK$2:AK$366,ROUNDDOWN($C428/24,0)+1,1))-1)+IF('Standard Profiles'!$G$21=$B$10,7,0)+IF('Standard Profiles'!$G$21=$B$17,14,0)+IF('Standard Profiles'!$G$21=$B$24,21,0),0)),0)</f>
        <v>0</v>
      </c>
      <c r="H428" cm="1">
        <f t="array" ref="H428">IFERROR(INDEX(Jesper!AL$2:AL$366,ROUNDDOWN($C428/24,0)+1,1)*INDEX($D$3:$AA$30,INDEX(Jesper!$R$2:$R$366,ROW(INDEX(Jesper!AL$2:AL$366,ROUNDDOWN($C428/24,0)+1,1))-1)+IF('Standard Profiles'!$G$22=$B$10,7,0)+IF('Standard Profiles'!$G$22=$B$17,14,0)+IF('Standard Profiles'!$G$22=$B$24,21,0),MOD($C428,24)+1)/SUM(INDEX($D$3:$AA$30,INDEX(Jesper!$R$2:$R$366,ROW(INDEX(Jesper!AL$2:AL$366,ROUNDDOWN($C428/24,0)+1,1))-1)+IF('Standard Profiles'!$G$22=$B$10,7,0)+IF('Standard Profiles'!$G$22=$B$17,14,0)+IF('Standard Profiles'!$G$22=$B$24,21,0),0)),0)</f>
        <v>0</v>
      </c>
      <c r="I428">
        <f t="shared" si="62"/>
        <v>0.40197472382858468</v>
      </c>
      <c r="J428">
        <f t="shared" si="63"/>
        <v>1.3399157460952824</v>
      </c>
      <c r="K428">
        <f t="shared" si="64"/>
        <v>2.0098736191429234</v>
      </c>
      <c r="L428">
        <f t="shared" si="65"/>
        <v>9.6473933718860323</v>
      </c>
      <c r="M428">
        <f t="shared" si="66"/>
        <v>0</v>
      </c>
      <c r="N428" s="46">
        <f t="shared" si="67"/>
        <v>45308.416666665711</v>
      </c>
    </row>
    <row r="429" spans="2:14" x14ac:dyDescent="0.3">
      <c r="B429">
        <f t="shared" si="61"/>
        <v>3</v>
      </c>
      <c r="C429" s="16">
        <v>395</v>
      </c>
      <c r="D429" cm="1">
        <f t="array" ref="D429">IFERROR(INDEX(Jesper!AH$2:AH$366,ROUNDDOWN($C429/24,0)+1,1)*INDEX($D$3:$AA$30,INDEX(Jesper!$R$2:$R$366,ROW(INDEX(Jesper!AH$2:AH$366,ROUNDDOWN($C429/24,0)+1,1))-1)+IF('Standard Profiles'!$G$18=$B$10,7,0)+IF('Standard Profiles'!$G$18=$B$17,14,0)+IF('Standard Profiles'!$G$18=$B$24,21,0),MOD($C429,24)+1)/SUM(INDEX($D$3:$AA$30,INDEX(Jesper!$R$2:$R$366,ROW(INDEX(Jesper!AH$2:AH$366,ROUNDDOWN($C429/24,0)+1,1))-1)+IF('Standard Profiles'!$G$18=$B$10,7,0)+IF('Standard Profiles'!$G$18=$B$17,14,0)+IF('Standard Profiles'!$G$18=$B$24,21,0),0)),0)</f>
        <v>15.460566301099412</v>
      </c>
      <c r="E429" cm="1">
        <f t="array" ref="E429">IFERROR(INDEX(Jesper!AI$2:AI$366,ROUNDDOWN($C429/24,0)+1,1)*INDEX($D$3:$AA$30,INDEX(Jesper!$R$2:$R$366,ROW(INDEX(Jesper!AI$2:AI$366,ROUNDDOWN($C429/24,0)+1,1))-1)+IF('Standard Profiles'!$G$19=$B$10,7,0)+IF('Standard Profiles'!$G$19=$B$17,14,0)+IF('Standard Profiles'!$G$19=$B$24,21,0),MOD($C429,24)+1)/SUM(INDEX($D$3:$AA$30,INDEX(Jesper!$R$2:$R$366,ROW(INDEX(Jesper!AI$2:AI$366,ROUNDDOWN($C429/24,0)+1,1))-1)+IF('Standard Profiles'!$G$19=$B$10,7,0)+IF('Standard Profiles'!$G$19=$B$17,14,0)+IF('Standard Profiles'!$G$19=$B$24,21,0),0)),0)</f>
        <v>0</v>
      </c>
      <c r="F429" cm="1">
        <f t="array" ref="F429">IFERROR(INDEX(Jesper!AJ$2:AJ$366,ROUNDDOWN($C429/24,0)+1,1)*INDEX($D$3:$AA$30,INDEX(Jesper!$R$2:$R$366,ROW(INDEX(Jesper!AJ$2:AJ$366,ROUNDDOWN($C429/24,0)+1,1))-1)+IF('Standard Profiles'!$G$20=$B$10,7,0)+IF('Standard Profiles'!$G$20=$B$17,14,0)+IF('Standard Profiles'!$G$20=$B$24,21,0),MOD($C429,24)+1)/SUM(INDEX($D$3:$AA$30,INDEX(Jesper!$R$2:$R$366,ROW(INDEX(Jesper!AJ$2:AJ$366,ROUNDDOWN($C429/24,0)+1,1))-1)+IF('Standard Profiles'!$G$20=$B$10,7,0)+IF('Standard Profiles'!$G$20=$B$17,14,0)+IF('Standard Profiles'!$G$20=$B$24,21,0),0)),0)</f>
        <v>0</v>
      </c>
      <c r="G429" cm="1">
        <f t="array" ref="G429">IFERROR(INDEX(Jesper!AK$2:AK$366,ROUNDDOWN($C429/24,0)+1,1)*INDEX($D$3:$AA$30,INDEX(Jesper!$R$2:$R$366,ROW(INDEX(Jesper!AK$2:AK$366,ROUNDDOWN($C429/24,0)+1,1))-1)+IF('Standard Profiles'!$G$21=$B$10,7,0)+IF('Standard Profiles'!$G$21=$B$17,14,0)+IF('Standard Profiles'!$G$21=$B$24,21,0),MOD($C429,24)+1)/SUM(INDEX($D$3:$AA$30,INDEX(Jesper!$R$2:$R$366,ROW(INDEX(Jesper!AK$2:AK$366,ROUNDDOWN($C429/24,0)+1,1))-1)+IF('Standard Profiles'!$G$21=$B$10,7,0)+IF('Standard Profiles'!$G$21=$B$17,14,0)+IF('Standard Profiles'!$G$21=$B$24,21,0),0)),0)</f>
        <v>0</v>
      </c>
      <c r="H429" cm="1">
        <f t="array" ref="H429">IFERROR(INDEX(Jesper!AL$2:AL$366,ROUNDDOWN($C429/24,0)+1,1)*INDEX($D$3:$AA$30,INDEX(Jesper!$R$2:$R$366,ROW(INDEX(Jesper!AL$2:AL$366,ROUNDDOWN($C429/24,0)+1,1))-1)+IF('Standard Profiles'!$G$22=$B$10,7,0)+IF('Standard Profiles'!$G$22=$B$17,14,0)+IF('Standard Profiles'!$G$22=$B$24,21,0),MOD($C429,24)+1)/SUM(INDEX($D$3:$AA$30,INDEX(Jesper!$R$2:$R$366,ROW(INDEX(Jesper!AL$2:AL$366,ROUNDDOWN($C429/24,0)+1,1))-1)+IF('Standard Profiles'!$G$22=$B$10,7,0)+IF('Standard Profiles'!$G$22=$B$17,14,0)+IF('Standard Profiles'!$G$22=$B$24,21,0),0)),0)</f>
        <v>0</v>
      </c>
      <c r="I429">
        <f t="shared" si="62"/>
        <v>0.46381698903298235</v>
      </c>
      <c r="J429">
        <f t="shared" si="63"/>
        <v>1.5460566301099412</v>
      </c>
      <c r="K429">
        <f t="shared" si="64"/>
        <v>2.3190849451649118</v>
      </c>
      <c r="L429">
        <f t="shared" si="65"/>
        <v>11.131607736791576</v>
      </c>
      <c r="M429">
        <f t="shared" si="66"/>
        <v>0</v>
      </c>
      <c r="N429" s="46">
        <f t="shared" si="67"/>
        <v>45308.458333332375</v>
      </c>
    </row>
    <row r="430" spans="2:14" x14ac:dyDescent="0.3">
      <c r="B430">
        <f t="shared" si="61"/>
        <v>3</v>
      </c>
      <c r="C430" s="16">
        <v>396</v>
      </c>
      <c r="D430" cm="1">
        <f t="array" ref="D430">IFERROR(INDEX(Jesper!AH$2:AH$366,ROUNDDOWN($C430/24,0)+1,1)*INDEX($D$3:$AA$30,INDEX(Jesper!$R$2:$R$366,ROW(INDEX(Jesper!AH$2:AH$366,ROUNDDOWN($C430/24,0)+1,1))-1)+IF('Standard Profiles'!$G$18=$B$10,7,0)+IF('Standard Profiles'!$G$18=$B$17,14,0)+IF('Standard Profiles'!$G$18=$B$24,21,0),MOD($C430,24)+1)/SUM(INDEX($D$3:$AA$30,INDEX(Jesper!$R$2:$R$366,ROW(INDEX(Jesper!AH$2:AH$366,ROUNDDOWN($C430/24,0)+1,1))-1)+IF('Standard Profiles'!$G$18=$B$10,7,0)+IF('Standard Profiles'!$G$18=$B$17,14,0)+IF('Standard Profiles'!$G$18=$B$24,21,0),0)),0)</f>
        <v>15.460566301099412</v>
      </c>
      <c r="E430" cm="1">
        <f t="array" ref="E430">IFERROR(INDEX(Jesper!AI$2:AI$366,ROUNDDOWN($C430/24,0)+1,1)*INDEX($D$3:$AA$30,INDEX(Jesper!$R$2:$R$366,ROW(INDEX(Jesper!AI$2:AI$366,ROUNDDOWN($C430/24,0)+1,1))-1)+IF('Standard Profiles'!$G$19=$B$10,7,0)+IF('Standard Profiles'!$G$19=$B$17,14,0)+IF('Standard Profiles'!$G$19=$B$24,21,0),MOD($C430,24)+1)/SUM(INDEX($D$3:$AA$30,INDEX(Jesper!$R$2:$R$366,ROW(INDEX(Jesper!AI$2:AI$366,ROUNDDOWN($C430/24,0)+1,1))-1)+IF('Standard Profiles'!$G$19=$B$10,7,0)+IF('Standard Profiles'!$G$19=$B$17,14,0)+IF('Standard Profiles'!$G$19=$B$24,21,0),0)),0)</f>
        <v>0</v>
      </c>
      <c r="F430" cm="1">
        <f t="array" ref="F430">IFERROR(INDEX(Jesper!AJ$2:AJ$366,ROUNDDOWN($C430/24,0)+1,1)*INDEX($D$3:$AA$30,INDEX(Jesper!$R$2:$R$366,ROW(INDEX(Jesper!AJ$2:AJ$366,ROUNDDOWN($C430/24,0)+1,1))-1)+IF('Standard Profiles'!$G$20=$B$10,7,0)+IF('Standard Profiles'!$G$20=$B$17,14,0)+IF('Standard Profiles'!$G$20=$B$24,21,0),MOD($C430,24)+1)/SUM(INDEX($D$3:$AA$30,INDEX(Jesper!$R$2:$R$366,ROW(INDEX(Jesper!AJ$2:AJ$366,ROUNDDOWN($C430/24,0)+1,1))-1)+IF('Standard Profiles'!$G$20=$B$10,7,0)+IF('Standard Profiles'!$G$20=$B$17,14,0)+IF('Standard Profiles'!$G$20=$B$24,21,0),0)),0)</f>
        <v>0</v>
      </c>
      <c r="G430" cm="1">
        <f t="array" ref="G430">IFERROR(INDEX(Jesper!AK$2:AK$366,ROUNDDOWN($C430/24,0)+1,1)*INDEX($D$3:$AA$30,INDEX(Jesper!$R$2:$R$366,ROW(INDEX(Jesper!AK$2:AK$366,ROUNDDOWN($C430/24,0)+1,1))-1)+IF('Standard Profiles'!$G$21=$B$10,7,0)+IF('Standard Profiles'!$G$21=$B$17,14,0)+IF('Standard Profiles'!$G$21=$B$24,21,0),MOD($C430,24)+1)/SUM(INDEX($D$3:$AA$30,INDEX(Jesper!$R$2:$R$366,ROW(INDEX(Jesper!AK$2:AK$366,ROUNDDOWN($C430/24,0)+1,1))-1)+IF('Standard Profiles'!$G$21=$B$10,7,0)+IF('Standard Profiles'!$G$21=$B$17,14,0)+IF('Standard Profiles'!$G$21=$B$24,21,0),0)),0)</f>
        <v>0</v>
      </c>
      <c r="H430" cm="1">
        <f t="array" ref="H430">IFERROR(INDEX(Jesper!AL$2:AL$366,ROUNDDOWN($C430/24,0)+1,1)*INDEX($D$3:$AA$30,INDEX(Jesper!$R$2:$R$366,ROW(INDEX(Jesper!AL$2:AL$366,ROUNDDOWN($C430/24,0)+1,1))-1)+IF('Standard Profiles'!$G$22=$B$10,7,0)+IF('Standard Profiles'!$G$22=$B$17,14,0)+IF('Standard Profiles'!$G$22=$B$24,21,0),MOD($C430,24)+1)/SUM(INDEX($D$3:$AA$30,INDEX(Jesper!$R$2:$R$366,ROW(INDEX(Jesper!AL$2:AL$366,ROUNDDOWN($C430/24,0)+1,1))-1)+IF('Standard Profiles'!$G$22=$B$10,7,0)+IF('Standard Profiles'!$G$22=$B$17,14,0)+IF('Standard Profiles'!$G$22=$B$24,21,0),0)),0)</f>
        <v>0</v>
      </c>
      <c r="I430">
        <f t="shared" si="62"/>
        <v>0.46381698903298235</v>
      </c>
      <c r="J430">
        <f t="shared" si="63"/>
        <v>1.5460566301099412</v>
      </c>
      <c r="K430">
        <f t="shared" si="64"/>
        <v>2.3190849451649118</v>
      </c>
      <c r="L430">
        <f t="shared" si="65"/>
        <v>11.131607736791576</v>
      </c>
      <c r="M430">
        <f t="shared" si="66"/>
        <v>0</v>
      </c>
      <c r="N430" s="46">
        <f t="shared" si="67"/>
        <v>45308.49999999904</v>
      </c>
    </row>
    <row r="431" spans="2:14" x14ac:dyDescent="0.3">
      <c r="B431">
        <f t="shared" si="61"/>
        <v>3</v>
      </c>
      <c r="C431" s="16">
        <v>397</v>
      </c>
      <c r="D431" cm="1">
        <f t="array" ref="D431">IFERROR(INDEX(Jesper!AH$2:AH$366,ROUNDDOWN($C431/24,0)+1,1)*INDEX($D$3:$AA$30,INDEX(Jesper!$R$2:$R$366,ROW(INDEX(Jesper!AH$2:AH$366,ROUNDDOWN($C431/24,0)+1,1))-1)+IF('Standard Profiles'!$G$18=$B$10,7,0)+IF('Standard Profiles'!$G$18=$B$17,14,0)+IF('Standard Profiles'!$G$18=$B$24,21,0),MOD($C431,24)+1)/SUM(INDEX($D$3:$AA$30,INDEX(Jesper!$R$2:$R$366,ROW(INDEX(Jesper!AH$2:AH$366,ROUNDDOWN($C431/24,0)+1,1))-1)+IF('Standard Profiles'!$G$18=$B$10,7,0)+IF('Standard Profiles'!$G$18=$B$17,14,0)+IF('Standard Profiles'!$G$18=$B$24,21,0),0)),0)</f>
        <v>15.460566301099412</v>
      </c>
      <c r="E431" cm="1">
        <f t="array" ref="E431">IFERROR(INDEX(Jesper!AI$2:AI$366,ROUNDDOWN($C431/24,0)+1,1)*INDEX($D$3:$AA$30,INDEX(Jesper!$R$2:$R$366,ROW(INDEX(Jesper!AI$2:AI$366,ROUNDDOWN($C431/24,0)+1,1))-1)+IF('Standard Profiles'!$G$19=$B$10,7,0)+IF('Standard Profiles'!$G$19=$B$17,14,0)+IF('Standard Profiles'!$G$19=$B$24,21,0),MOD($C431,24)+1)/SUM(INDEX($D$3:$AA$30,INDEX(Jesper!$R$2:$R$366,ROW(INDEX(Jesper!AI$2:AI$366,ROUNDDOWN($C431/24,0)+1,1))-1)+IF('Standard Profiles'!$G$19=$B$10,7,0)+IF('Standard Profiles'!$G$19=$B$17,14,0)+IF('Standard Profiles'!$G$19=$B$24,21,0),0)),0)</f>
        <v>0</v>
      </c>
      <c r="F431" cm="1">
        <f t="array" ref="F431">IFERROR(INDEX(Jesper!AJ$2:AJ$366,ROUNDDOWN($C431/24,0)+1,1)*INDEX($D$3:$AA$30,INDEX(Jesper!$R$2:$R$366,ROW(INDEX(Jesper!AJ$2:AJ$366,ROUNDDOWN($C431/24,0)+1,1))-1)+IF('Standard Profiles'!$G$20=$B$10,7,0)+IF('Standard Profiles'!$G$20=$B$17,14,0)+IF('Standard Profiles'!$G$20=$B$24,21,0),MOD($C431,24)+1)/SUM(INDEX($D$3:$AA$30,INDEX(Jesper!$R$2:$R$366,ROW(INDEX(Jesper!AJ$2:AJ$366,ROUNDDOWN($C431/24,0)+1,1))-1)+IF('Standard Profiles'!$G$20=$B$10,7,0)+IF('Standard Profiles'!$G$20=$B$17,14,0)+IF('Standard Profiles'!$G$20=$B$24,21,0),0)),0)</f>
        <v>0</v>
      </c>
      <c r="G431" cm="1">
        <f t="array" ref="G431">IFERROR(INDEX(Jesper!AK$2:AK$366,ROUNDDOWN($C431/24,0)+1,1)*INDEX($D$3:$AA$30,INDEX(Jesper!$R$2:$R$366,ROW(INDEX(Jesper!AK$2:AK$366,ROUNDDOWN($C431/24,0)+1,1))-1)+IF('Standard Profiles'!$G$21=$B$10,7,0)+IF('Standard Profiles'!$G$21=$B$17,14,0)+IF('Standard Profiles'!$G$21=$B$24,21,0),MOD($C431,24)+1)/SUM(INDEX($D$3:$AA$30,INDEX(Jesper!$R$2:$R$366,ROW(INDEX(Jesper!AK$2:AK$366,ROUNDDOWN($C431/24,0)+1,1))-1)+IF('Standard Profiles'!$G$21=$B$10,7,0)+IF('Standard Profiles'!$G$21=$B$17,14,0)+IF('Standard Profiles'!$G$21=$B$24,21,0),0)),0)</f>
        <v>0</v>
      </c>
      <c r="H431" cm="1">
        <f t="array" ref="H431">IFERROR(INDEX(Jesper!AL$2:AL$366,ROUNDDOWN($C431/24,0)+1,1)*INDEX($D$3:$AA$30,INDEX(Jesper!$R$2:$R$366,ROW(INDEX(Jesper!AL$2:AL$366,ROUNDDOWN($C431/24,0)+1,1))-1)+IF('Standard Profiles'!$G$22=$B$10,7,0)+IF('Standard Profiles'!$G$22=$B$17,14,0)+IF('Standard Profiles'!$G$22=$B$24,21,0),MOD($C431,24)+1)/SUM(INDEX($D$3:$AA$30,INDEX(Jesper!$R$2:$R$366,ROW(INDEX(Jesper!AL$2:AL$366,ROUNDDOWN($C431/24,0)+1,1))-1)+IF('Standard Profiles'!$G$22=$B$10,7,0)+IF('Standard Profiles'!$G$22=$B$17,14,0)+IF('Standard Profiles'!$G$22=$B$24,21,0),0)),0)</f>
        <v>0</v>
      </c>
      <c r="I431">
        <f t="shared" si="62"/>
        <v>0.46381698903298235</v>
      </c>
      <c r="J431">
        <f t="shared" si="63"/>
        <v>1.5460566301099412</v>
      </c>
      <c r="K431">
        <f t="shared" si="64"/>
        <v>2.3190849451649118</v>
      </c>
      <c r="L431">
        <f t="shared" si="65"/>
        <v>11.131607736791576</v>
      </c>
      <c r="M431">
        <f t="shared" si="66"/>
        <v>0</v>
      </c>
      <c r="N431" s="46">
        <f t="shared" si="67"/>
        <v>45308.541666665704</v>
      </c>
    </row>
    <row r="432" spans="2:14" x14ac:dyDescent="0.3">
      <c r="B432">
        <f t="shared" si="61"/>
        <v>3</v>
      </c>
      <c r="C432" s="16">
        <v>398</v>
      </c>
      <c r="D432" cm="1">
        <f t="array" ref="D432">IFERROR(INDEX(Jesper!AH$2:AH$366,ROUNDDOWN($C432/24,0)+1,1)*INDEX($D$3:$AA$30,INDEX(Jesper!$R$2:$R$366,ROW(INDEX(Jesper!AH$2:AH$366,ROUNDDOWN($C432/24,0)+1,1))-1)+IF('Standard Profiles'!$G$18=$B$10,7,0)+IF('Standard Profiles'!$G$18=$B$17,14,0)+IF('Standard Profiles'!$G$18=$B$24,21,0),MOD($C432,24)+1)/SUM(INDEX($D$3:$AA$30,INDEX(Jesper!$R$2:$R$366,ROW(INDEX(Jesper!AH$2:AH$366,ROUNDDOWN($C432/24,0)+1,1))-1)+IF('Standard Profiles'!$G$18=$B$10,7,0)+IF('Standard Profiles'!$G$18=$B$17,14,0)+IF('Standard Profiles'!$G$18=$B$24,21,0),0)),0)</f>
        <v>15.460566301099412</v>
      </c>
      <c r="E432" cm="1">
        <f t="array" ref="E432">IFERROR(INDEX(Jesper!AI$2:AI$366,ROUNDDOWN($C432/24,0)+1,1)*INDEX($D$3:$AA$30,INDEX(Jesper!$R$2:$R$366,ROW(INDEX(Jesper!AI$2:AI$366,ROUNDDOWN($C432/24,0)+1,1))-1)+IF('Standard Profiles'!$G$19=$B$10,7,0)+IF('Standard Profiles'!$G$19=$B$17,14,0)+IF('Standard Profiles'!$G$19=$B$24,21,0),MOD($C432,24)+1)/SUM(INDEX($D$3:$AA$30,INDEX(Jesper!$R$2:$R$366,ROW(INDEX(Jesper!AI$2:AI$366,ROUNDDOWN($C432/24,0)+1,1))-1)+IF('Standard Profiles'!$G$19=$B$10,7,0)+IF('Standard Profiles'!$G$19=$B$17,14,0)+IF('Standard Profiles'!$G$19=$B$24,21,0),0)),0)</f>
        <v>0</v>
      </c>
      <c r="F432" cm="1">
        <f t="array" ref="F432">IFERROR(INDEX(Jesper!AJ$2:AJ$366,ROUNDDOWN($C432/24,0)+1,1)*INDEX($D$3:$AA$30,INDEX(Jesper!$R$2:$R$366,ROW(INDEX(Jesper!AJ$2:AJ$366,ROUNDDOWN($C432/24,0)+1,1))-1)+IF('Standard Profiles'!$G$20=$B$10,7,0)+IF('Standard Profiles'!$G$20=$B$17,14,0)+IF('Standard Profiles'!$G$20=$B$24,21,0),MOD($C432,24)+1)/SUM(INDEX($D$3:$AA$30,INDEX(Jesper!$R$2:$R$366,ROW(INDEX(Jesper!AJ$2:AJ$366,ROUNDDOWN($C432/24,0)+1,1))-1)+IF('Standard Profiles'!$G$20=$B$10,7,0)+IF('Standard Profiles'!$G$20=$B$17,14,0)+IF('Standard Profiles'!$G$20=$B$24,21,0),0)),0)</f>
        <v>0</v>
      </c>
      <c r="G432" cm="1">
        <f t="array" ref="G432">IFERROR(INDEX(Jesper!AK$2:AK$366,ROUNDDOWN($C432/24,0)+1,1)*INDEX($D$3:$AA$30,INDEX(Jesper!$R$2:$R$366,ROW(INDEX(Jesper!AK$2:AK$366,ROUNDDOWN($C432/24,0)+1,1))-1)+IF('Standard Profiles'!$G$21=$B$10,7,0)+IF('Standard Profiles'!$G$21=$B$17,14,0)+IF('Standard Profiles'!$G$21=$B$24,21,0),MOD($C432,24)+1)/SUM(INDEX($D$3:$AA$30,INDEX(Jesper!$R$2:$R$366,ROW(INDEX(Jesper!AK$2:AK$366,ROUNDDOWN($C432/24,0)+1,1))-1)+IF('Standard Profiles'!$G$21=$B$10,7,0)+IF('Standard Profiles'!$G$21=$B$17,14,0)+IF('Standard Profiles'!$G$21=$B$24,21,0),0)),0)</f>
        <v>0</v>
      </c>
      <c r="H432" cm="1">
        <f t="array" ref="H432">IFERROR(INDEX(Jesper!AL$2:AL$366,ROUNDDOWN($C432/24,0)+1,1)*INDEX($D$3:$AA$30,INDEX(Jesper!$R$2:$R$366,ROW(INDEX(Jesper!AL$2:AL$366,ROUNDDOWN($C432/24,0)+1,1))-1)+IF('Standard Profiles'!$G$22=$B$10,7,0)+IF('Standard Profiles'!$G$22=$B$17,14,0)+IF('Standard Profiles'!$G$22=$B$24,21,0),MOD($C432,24)+1)/SUM(INDEX($D$3:$AA$30,INDEX(Jesper!$R$2:$R$366,ROW(INDEX(Jesper!AL$2:AL$366,ROUNDDOWN($C432/24,0)+1,1))-1)+IF('Standard Profiles'!$G$22=$B$10,7,0)+IF('Standard Profiles'!$G$22=$B$17,14,0)+IF('Standard Profiles'!$G$22=$B$24,21,0),0)),0)</f>
        <v>0</v>
      </c>
      <c r="I432">
        <f t="shared" si="62"/>
        <v>0.46381698903298235</v>
      </c>
      <c r="J432">
        <f t="shared" si="63"/>
        <v>1.5460566301099412</v>
      </c>
      <c r="K432">
        <f t="shared" si="64"/>
        <v>2.3190849451649118</v>
      </c>
      <c r="L432">
        <f t="shared" si="65"/>
        <v>11.131607736791576</v>
      </c>
      <c r="M432">
        <f t="shared" si="66"/>
        <v>0</v>
      </c>
      <c r="N432" s="46">
        <f t="shared" si="67"/>
        <v>45308.583333332368</v>
      </c>
    </row>
    <row r="433" spans="2:14" x14ac:dyDescent="0.3">
      <c r="B433">
        <f t="shared" si="61"/>
        <v>3</v>
      </c>
      <c r="C433" s="16">
        <v>399</v>
      </c>
      <c r="D433" cm="1">
        <f t="array" ref="D433">IFERROR(INDEX(Jesper!AH$2:AH$366,ROUNDDOWN($C433/24,0)+1,1)*INDEX($D$3:$AA$30,INDEX(Jesper!$R$2:$R$366,ROW(INDEX(Jesper!AH$2:AH$366,ROUNDDOWN($C433/24,0)+1,1))-1)+IF('Standard Profiles'!$G$18=$B$10,7,0)+IF('Standard Profiles'!$G$18=$B$17,14,0)+IF('Standard Profiles'!$G$18=$B$24,21,0),MOD($C433,24)+1)/SUM(INDEX($D$3:$AA$30,INDEX(Jesper!$R$2:$R$366,ROW(INDEX(Jesper!AH$2:AH$366,ROUNDDOWN($C433/24,0)+1,1))-1)+IF('Standard Profiles'!$G$18=$B$10,7,0)+IF('Standard Profiles'!$G$18=$B$17,14,0)+IF('Standard Profiles'!$G$18=$B$24,21,0),0)),0)</f>
        <v>15.460566301099412</v>
      </c>
      <c r="E433" cm="1">
        <f t="array" ref="E433">IFERROR(INDEX(Jesper!AI$2:AI$366,ROUNDDOWN($C433/24,0)+1,1)*INDEX($D$3:$AA$30,INDEX(Jesper!$R$2:$R$366,ROW(INDEX(Jesper!AI$2:AI$366,ROUNDDOWN($C433/24,0)+1,1))-1)+IF('Standard Profiles'!$G$19=$B$10,7,0)+IF('Standard Profiles'!$G$19=$B$17,14,0)+IF('Standard Profiles'!$G$19=$B$24,21,0),MOD($C433,24)+1)/SUM(INDEX($D$3:$AA$30,INDEX(Jesper!$R$2:$R$366,ROW(INDEX(Jesper!AI$2:AI$366,ROUNDDOWN($C433/24,0)+1,1))-1)+IF('Standard Profiles'!$G$19=$B$10,7,0)+IF('Standard Profiles'!$G$19=$B$17,14,0)+IF('Standard Profiles'!$G$19=$B$24,21,0),0)),0)</f>
        <v>0</v>
      </c>
      <c r="F433" cm="1">
        <f t="array" ref="F433">IFERROR(INDEX(Jesper!AJ$2:AJ$366,ROUNDDOWN($C433/24,0)+1,1)*INDEX($D$3:$AA$30,INDEX(Jesper!$R$2:$R$366,ROW(INDEX(Jesper!AJ$2:AJ$366,ROUNDDOWN($C433/24,0)+1,1))-1)+IF('Standard Profiles'!$G$20=$B$10,7,0)+IF('Standard Profiles'!$G$20=$B$17,14,0)+IF('Standard Profiles'!$G$20=$B$24,21,0),MOD($C433,24)+1)/SUM(INDEX($D$3:$AA$30,INDEX(Jesper!$R$2:$R$366,ROW(INDEX(Jesper!AJ$2:AJ$366,ROUNDDOWN($C433/24,0)+1,1))-1)+IF('Standard Profiles'!$G$20=$B$10,7,0)+IF('Standard Profiles'!$G$20=$B$17,14,0)+IF('Standard Profiles'!$G$20=$B$24,21,0),0)),0)</f>
        <v>0</v>
      </c>
      <c r="G433" cm="1">
        <f t="array" ref="G433">IFERROR(INDEX(Jesper!AK$2:AK$366,ROUNDDOWN($C433/24,0)+1,1)*INDEX($D$3:$AA$30,INDEX(Jesper!$R$2:$R$366,ROW(INDEX(Jesper!AK$2:AK$366,ROUNDDOWN($C433/24,0)+1,1))-1)+IF('Standard Profiles'!$G$21=$B$10,7,0)+IF('Standard Profiles'!$G$21=$B$17,14,0)+IF('Standard Profiles'!$G$21=$B$24,21,0),MOD($C433,24)+1)/SUM(INDEX($D$3:$AA$30,INDEX(Jesper!$R$2:$R$366,ROW(INDEX(Jesper!AK$2:AK$366,ROUNDDOWN($C433/24,0)+1,1))-1)+IF('Standard Profiles'!$G$21=$B$10,7,0)+IF('Standard Profiles'!$G$21=$B$17,14,0)+IF('Standard Profiles'!$G$21=$B$24,21,0),0)),0)</f>
        <v>0</v>
      </c>
      <c r="H433" cm="1">
        <f t="array" ref="H433">IFERROR(INDEX(Jesper!AL$2:AL$366,ROUNDDOWN($C433/24,0)+1,1)*INDEX($D$3:$AA$30,INDEX(Jesper!$R$2:$R$366,ROW(INDEX(Jesper!AL$2:AL$366,ROUNDDOWN($C433/24,0)+1,1))-1)+IF('Standard Profiles'!$G$22=$B$10,7,0)+IF('Standard Profiles'!$G$22=$B$17,14,0)+IF('Standard Profiles'!$G$22=$B$24,21,0),MOD($C433,24)+1)/SUM(INDEX($D$3:$AA$30,INDEX(Jesper!$R$2:$R$366,ROW(INDEX(Jesper!AL$2:AL$366,ROUNDDOWN($C433/24,0)+1,1))-1)+IF('Standard Profiles'!$G$22=$B$10,7,0)+IF('Standard Profiles'!$G$22=$B$17,14,0)+IF('Standard Profiles'!$G$22=$B$24,21,0),0)),0)</f>
        <v>0</v>
      </c>
      <c r="I433">
        <f t="shared" si="62"/>
        <v>0.46381698903298235</v>
      </c>
      <c r="J433">
        <f t="shared" si="63"/>
        <v>1.5460566301099412</v>
      </c>
      <c r="K433">
        <f t="shared" si="64"/>
        <v>2.3190849451649118</v>
      </c>
      <c r="L433">
        <f t="shared" si="65"/>
        <v>11.131607736791576</v>
      </c>
      <c r="M433">
        <f t="shared" si="66"/>
        <v>0</v>
      </c>
      <c r="N433" s="46">
        <f t="shared" si="67"/>
        <v>45308.624999999032</v>
      </c>
    </row>
    <row r="434" spans="2:14" x14ac:dyDescent="0.3">
      <c r="B434">
        <f t="shared" si="61"/>
        <v>3</v>
      </c>
      <c r="C434" s="16">
        <v>400</v>
      </c>
      <c r="D434" cm="1">
        <f t="array" ref="D434">IFERROR(INDEX(Jesper!AH$2:AH$366,ROUNDDOWN($C434/24,0)+1,1)*INDEX($D$3:$AA$30,INDEX(Jesper!$R$2:$R$366,ROW(INDEX(Jesper!AH$2:AH$366,ROUNDDOWN($C434/24,0)+1,1))-1)+IF('Standard Profiles'!$G$18=$B$10,7,0)+IF('Standard Profiles'!$G$18=$B$17,14,0)+IF('Standard Profiles'!$G$18=$B$24,21,0),MOD($C434,24)+1)/SUM(INDEX($D$3:$AA$30,INDEX(Jesper!$R$2:$R$366,ROW(INDEX(Jesper!AH$2:AH$366,ROUNDDOWN($C434/24,0)+1,1))-1)+IF('Standard Profiles'!$G$18=$B$10,7,0)+IF('Standard Profiles'!$G$18=$B$17,14,0)+IF('Standard Profiles'!$G$18=$B$24,21,0),0)),0)</f>
        <v>15.460566301099412</v>
      </c>
      <c r="E434" cm="1">
        <f t="array" ref="E434">IFERROR(INDEX(Jesper!AI$2:AI$366,ROUNDDOWN($C434/24,0)+1,1)*INDEX($D$3:$AA$30,INDEX(Jesper!$R$2:$R$366,ROW(INDEX(Jesper!AI$2:AI$366,ROUNDDOWN($C434/24,0)+1,1))-1)+IF('Standard Profiles'!$G$19=$B$10,7,0)+IF('Standard Profiles'!$G$19=$B$17,14,0)+IF('Standard Profiles'!$G$19=$B$24,21,0),MOD($C434,24)+1)/SUM(INDEX($D$3:$AA$30,INDEX(Jesper!$R$2:$R$366,ROW(INDEX(Jesper!AI$2:AI$366,ROUNDDOWN($C434/24,0)+1,1))-1)+IF('Standard Profiles'!$G$19=$B$10,7,0)+IF('Standard Profiles'!$G$19=$B$17,14,0)+IF('Standard Profiles'!$G$19=$B$24,21,0),0)),0)</f>
        <v>0</v>
      </c>
      <c r="F434" cm="1">
        <f t="array" ref="F434">IFERROR(INDEX(Jesper!AJ$2:AJ$366,ROUNDDOWN($C434/24,0)+1,1)*INDEX($D$3:$AA$30,INDEX(Jesper!$R$2:$R$366,ROW(INDEX(Jesper!AJ$2:AJ$366,ROUNDDOWN($C434/24,0)+1,1))-1)+IF('Standard Profiles'!$G$20=$B$10,7,0)+IF('Standard Profiles'!$G$20=$B$17,14,0)+IF('Standard Profiles'!$G$20=$B$24,21,0),MOD($C434,24)+1)/SUM(INDEX($D$3:$AA$30,INDEX(Jesper!$R$2:$R$366,ROW(INDEX(Jesper!AJ$2:AJ$366,ROUNDDOWN($C434/24,0)+1,1))-1)+IF('Standard Profiles'!$G$20=$B$10,7,0)+IF('Standard Profiles'!$G$20=$B$17,14,0)+IF('Standard Profiles'!$G$20=$B$24,21,0),0)),0)</f>
        <v>0</v>
      </c>
      <c r="G434" cm="1">
        <f t="array" ref="G434">IFERROR(INDEX(Jesper!AK$2:AK$366,ROUNDDOWN($C434/24,0)+1,1)*INDEX($D$3:$AA$30,INDEX(Jesper!$R$2:$R$366,ROW(INDEX(Jesper!AK$2:AK$366,ROUNDDOWN($C434/24,0)+1,1))-1)+IF('Standard Profiles'!$G$21=$B$10,7,0)+IF('Standard Profiles'!$G$21=$B$17,14,0)+IF('Standard Profiles'!$G$21=$B$24,21,0),MOD($C434,24)+1)/SUM(INDEX($D$3:$AA$30,INDEX(Jesper!$R$2:$R$366,ROW(INDEX(Jesper!AK$2:AK$366,ROUNDDOWN($C434/24,0)+1,1))-1)+IF('Standard Profiles'!$G$21=$B$10,7,0)+IF('Standard Profiles'!$G$21=$B$17,14,0)+IF('Standard Profiles'!$G$21=$B$24,21,0),0)),0)</f>
        <v>0</v>
      </c>
      <c r="H434" cm="1">
        <f t="array" ref="H434">IFERROR(INDEX(Jesper!AL$2:AL$366,ROUNDDOWN($C434/24,0)+1,1)*INDEX($D$3:$AA$30,INDEX(Jesper!$R$2:$R$366,ROW(INDEX(Jesper!AL$2:AL$366,ROUNDDOWN($C434/24,0)+1,1))-1)+IF('Standard Profiles'!$G$22=$B$10,7,0)+IF('Standard Profiles'!$G$22=$B$17,14,0)+IF('Standard Profiles'!$G$22=$B$24,21,0),MOD($C434,24)+1)/SUM(INDEX($D$3:$AA$30,INDEX(Jesper!$R$2:$R$366,ROW(INDEX(Jesper!AL$2:AL$366,ROUNDDOWN($C434/24,0)+1,1))-1)+IF('Standard Profiles'!$G$22=$B$10,7,0)+IF('Standard Profiles'!$G$22=$B$17,14,0)+IF('Standard Profiles'!$G$22=$B$24,21,0),0)),0)</f>
        <v>0</v>
      </c>
      <c r="I434">
        <f t="shared" si="62"/>
        <v>0.46381698903298235</v>
      </c>
      <c r="J434">
        <f t="shared" si="63"/>
        <v>1.5460566301099412</v>
      </c>
      <c r="K434">
        <f t="shared" si="64"/>
        <v>2.3190849451649118</v>
      </c>
      <c r="L434">
        <f t="shared" si="65"/>
        <v>11.131607736791576</v>
      </c>
      <c r="M434">
        <f t="shared" si="66"/>
        <v>0</v>
      </c>
      <c r="N434" s="46">
        <f t="shared" si="67"/>
        <v>45308.666666665697</v>
      </c>
    </row>
    <row r="435" spans="2:14" x14ac:dyDescent="0.3">
      <c r="B435">
        <f t="shared" si="61"/>
        <v>3</v>
      </c>
      <c r="C435" s="16">
        <v>401</v>
      </c>
      <c r="D435" cm="1">
        <f t="array" ref="D435">IFERROR(INDEX(Jesper!AH$2:AH$366,ROUNDDOWN($C435/24,0)+1,1)*INDEX($D$3:$AA$30,INDEX(Jesper!$R$2:$R$366,ROW(INDEX(Jesper!AH$2:AH$366,ROUNDDOWN($C435/24,0)+1,1))-1)+IF('Standard Profiles'!$G$18=$B$10,7,0)+IF('Standard Profiles'!$G$18=$B$17,14,0)+IF('Standard Profiles'!$G$18=$B$24,21,0),MOD($C435,24)+1)/SUM(INDEX($D$3:$AA$30,INDEX(Jesper!$R$2:$R$366,ROW(INDEX(Jesper!AH$2:AH$366,ROUNDDOWN($C435/24,0)+1,1))-1)+IF('Standard Profiles'!$G$18=$B$10,7,0)+IF('Standard Profiles'!$G$18=$B$17,14,0)+IF('Standard Profiles'!$G$18=$B$24,21,0),0)),0)</f>
        <v>15.460566301099412</v>
      </c>
      <c r="E435" cm="1">
        <f t="array" ref="E435">IFERROR(INDEX(Jesper!AI$2:AI$366,ROUNDDOWN($C435/24,0)+1,1)*INDEX($D$3:$AA$30,INDEX(Jesper!$R$2:$R$366,ROW(INDEX(Jesper!AI$2:AI$366,ROUNDDOWN($C435/24,0)+1,1))-1)+IF('Standard Profiles'!$G$19=$B$10,7,0)+IF('Standard Profiles'!$G$19=$B$17,14,0)+IF('Standard Profiles'!$G$19=$B$24,21,0),MOD($C435,24)+1)/SUM(INDEX($D$3:$AA$30,INDEX(Jesper!$R$2:$R$366,ROW(INDEX(Jesper!AI$2:AI$366,ROUNDDOWN($C435/24,0)+1,1))-1)+IF('Standard Profiles'!$G$19=$B$10,7,0)+IF('Standard Profiles'!$G$19=$B$17,14,0)+IF('Standard Profiles'!$G$19=$B$24,21,0),0)),0)</f>
        <v>0</v>
      </c>
      <c r="F435" cm="1">
        <f t="array" ref="F435">IFERROR(INDEX(Jesper!AJ$2:AJ$366,ROUNDDOWN($C435/24,0)+1,1)*INDEX($D$3:$AA$30,INDEX(Jesper!$R$2:$R$366,ROW(INDEX(Jesper!AJ$2:AJ$366,ROUNDDOWN($C435/24,0)+1,1))-1)+IF('Standard Profiles'!$G$20=$B$10,7,0)+IF('Standard Profiles'!$G$20=$B$17,14,0)+IF('Standard Profiles'!$G$20=$B$24,21,0),MOD($C435,24)+1)/SUM(INDEX($D$3:$AA$30,INDEX(Jesper!$R$2:$R$366,ROW(INDEX(Jesper!AJ$2:AJ$366,ROUNDDOWN($C435/24,0)+1,1))-1)+IF('Standard Profiles'!$G$20=$B$10,7,0)+IF('Standard Profiles'!$G$20=$B$17,14,0)+IF('Standard Profiles'!$G$20=$B$24,21,0),0)),0)</f>
        <v>0</v>
      </c>
      <c r="G435" cm="1">
        <f t="array" ref="G435">IFERROR(INDEX(Jesper!AK$2:AK$366,ROUNDDOWN($C435/24,0)+1,1)*INDEX($D$3:$AA$30,INDEX(Jesper!$R$2:$R$366,ROW(INDEX(Jesper!AK$2:AK$366,ROUNDDOWN($C435/24,0)+1,1))-1)+IF('Standard Profiles'!$G$21=$B$10,7,0)+IF('Standard Profiles'!$G$21=$B$17,14,0)+IF('Standard Profiles'!$G$21=$B$24,21,0),MOD($C435,24)+1)/SUM(INDEX($D$3:$AA$30,INDEX(Jesper!$R$2:$R$366,ROW(INDEX(Jesper!AK$2:AK$366,ROUNDDOWN($C435/24,0)+1,1))-1)+IF('Standard Profiles'!$G$21=$B$10,7,0)+IF('Standard Profiles'!$G$21=$B$17,14,0)+IF('Standard Profiles'!$G$21=$B$24,21,0),0)),0)</f>
        <v>0</v>
      </c>
      <c r="H435" cm="1">
        <f t="array" ref="H435">IFERROR(INDEX(Jesper!AL$2:AL$366,ROUNDDOWN($C435/24,0)+1,1)*INDEX($D$3:$AA$30,INDEX(Jesper!$R$2:$R$366,ROW(INDEX(Jesper!AL$2:AL$366,ROUNDDOWN($C435/24,0)+1,1))-1)+IF('Standard Profiles'!$G$22=$B$10,7,0)+IF('Standard Profiles'!$G$22=$B$17,14,0)+IF('Standard Profiles'!$G$22=$B$24,21,0),MOD($C435,24)+1)/SUM(INDEX($D$3:$AA$30,INDEX(Jesper!$R$2:$R$366,ROW(INDEX(Jesper!AL$2:AL$366,ROUNDDOWN($C435/24,0)+1,1))-1)+IF('Standard Profiles'!$G$22=$B$10,7,0)+IF('Standard Profiles'!$G$22=$B$17,14,0)+IF('Standard Profiles'!$G$22=$B$24,21,0),0)),0)</f>
        <v>0</v>
      </c>
      <c r="I435">
        <f t="shared" si="62"/>
        <v>0.46381698903298235</v>
      </c>
      <c r="J435">
        <f t="shared" si="63"/>
        <v>1.5460566301099412</v>
      </c>
      <c r="K435">
        <f t="shared" si="64"/>
        <v>2.3190849451649118</v>
      </c>
      <c r="L435">
        <f t="shared" si="65"/>
        <v>11.131607736791576</v>
      </c>
      <c r="M435">
        <f t="shared" si="66"/>
        <v>0</v>
      </c>
      <c r="N435" s="46">
        <f t="shared" si="67"/>
        <v>45308.708333332361</v>
      </c>
    </row>
    <row r="436" spans="2:14" x14ac:dyDescent="0.3">
      <c r="B436">
        <f t="shared" si="61"/>
        <v>3</v>
      </c>
      <c r="C436" s="16">
        <v>402</v>
      </c>
      <c r="D436" cm="1">
        <f t="array" ref="D436">IFERROR(INDEX(Jesper!AH$2:AH$366,ROUNDDOWN($C436/24,0)+1,1)*INDEX($D$3:$AA$30,INDEX(Jesper!$R$2:$R$366,ROW(INDEX(Jesper!AH$2:AH$366,ROUNDDOWN($C436/24,0)+1,1))-1)+IF('Standard Profiles'!$G$18=$B$10,7,0)+IF('Standard Profiles'!$G$18=$B$17,14,0)+IF('Standard Profiles'!$G$18=$B$24,21,0),MOD($C436,24)+1)/SUM(INDEX($D$3:$AA$30,INDEX(Jesper!$R$2:$R$366,ROW(INDEX(Jesper!AH$2:AH$366,ROUNDDOWN($C436/24,0)+1,1))-1)+IF('Standard Profiles'!$G$18=$B$10,7,0)+IF('Standard Profiles'!$G$18=$B$17,14,0)+IF('Standard Profiles'!$G$18=$B$24,21,0),0)),0)</f>
        <v>15.460566301099412</v>
      </c>
      <c r="E436" cm="1">
        <f t="array" ref="E436">IFERROR(INDEX(Jesper!AI$2:AI$366,ROUNDDOWN($C436/24,0)+1,1)*INDEX($D$3:$AA$30,INDEX(Jesper!$R$2:$R$366,ROW(INDEX(Jesper!AI$2:AI$366,ROUNDDOWN($C436/24,0)+1,1))-1)+IF('Standard Profiles'!$G$19=$B$10,7,0)+IF('Standard Profiles'!$G$19=$B$17,14,0)+IF('Standard Profiles'!$G$19=$B$24,21,0),MOD($C436,24)+1)/SUM(INDEX($D$3:$AA$30,INDEX(Jesper!$R$2:$R$366,ROW(INDEX(Jesper!AI$2:AI$366,ROUNDDOWN($C436/24,0)+1,1))-1)+IF('Standard Profiles'!$G$19=$B$10,7,0)+IF('Standard Profiles'!$G$19=$B$17,14,0)+IF('Standard Profiles'!$G$19=$B$24,21,0),0)),0)</f>
        <v>0</v>
      </c>
      <c r="F436" cm="1">
        <f t="array" ref="F436">IFERROR(INDEX(Jesper!AJ$2:AJ$366,ROUNDDOWN($C436/24,0)+1,1)*INDEX($D$3:$AA$30,INDEX(Jesper!$R$2:$R$366,ROW(INDEX(Jesper!AJ$2:AJ$366,ROUNDDOWN($C436/24,0)+1,1))-1)+IF('Standard Profiles'!$G$20=$B$10,7,0)+IF('Standard Profiles'!$G$20=$B$17,14,0)+IF('Standard Profiles'!$G$20=$B$24,21,0),MOD($C436,24)+1)/SUM(INDEX($D$3:$AA$30,INDEX(Jesper!$R$2:$R$366,ROW(INDEX(Jesper!AJ$2:AJ$366,ROUNDDOWN($C436/24,0)+1,1))-1)+IF('Standard Profiles'!$G$20=$B$10,7,0)+IF('Standard Profiles'!$G$20=$B$17,14,0)+IF('Standard Profiles'!$G$20=$B$24,21,0),0)),0)</f>
        <v>0</v>
      </c>
      <c r="G436" cm="1">
        <f t="array" ref="G436">IFERROR(INDEX(Jesper!AK$2:AK$366,ROUNDDOWN($C436/24,0)+1,1)*INDEX($D$3:$AA$30,INDEX(Jesper!$R$2:$R$366,ROW(INDEX(Jesper!AK$2:AK$366,ROUNDDOWN($C436/24,0)+1,1))-1)+IF('Standard Profiles'!$G$21=$B$10,7,0)+IF('Standard Profiles'!$G$21=$B$17,14,0)+IF('Standard Profiles'!$G$21=$B$24,21,0),MOD($C436,24)+1)/SUM(INDEX($D$3:$AA$30,INDEX(Jesper!$R$2:$R$366,ROW(INDEX(Jesper!AK$2:AK$366,ROUNDDOWN($C436/24,0)+1,1))-1)+IF('Standard Profiles'!$G$21=$B$10,7,0)+IF('Standard Profiles'!$G$21=$B$17,14,0)+IF('Standard Profiles'!$G$21=$B$24,21,0),0)),0)</f>
        <v>0</v>
      </c>
      <c r="H436" cm="1">
        <f t="array" ref="H436">IFERROR(INDEX(Jesper!AL$2:AL$366,ROUNDDOWN($C436/24,0)+1,1)*INDEX($D$3:$AA$30,INDEX(Jesper!$R$2:$R$366,ROW(INDEX(Jesper!AL$2:AL$366,ROUNDDOWN($C436/24,0)+1,1))-1)+IF('Standard Profiles'!$G$22=$B$10,7,0)+IF('Standard Profiles'!$G$22=$B$17,14,0)+IF('Standard Profiles'!$G$22=$B$24,21,0),MOD($C436,24)+1)/SUM(INDEX($D$3:$AA$30,INDEX(Jesper!$R$2:$R$366,ROW(INDEX(Jesper!AL$2:AL$366,ROUNDDOWN($C436/24,0)+1,1))-1)+IF('Standard Profiles'!$G$22=$B$10,7,0)+IF('Standard Profiles'!$G$22=$B$17,14,0)+IF('Standard Profiles'!$G$22=$B$24,21,0),0)),0)</f>
        <v>0</v>
      </c>
      <c r="I436">
        <f t="shared" si="62"/>
        <v>0.46381698903298235</v>
      </c>
      <c r="J436">
        <f t="shared" si="63"/>
        <v>1.5460566301099412</v>
      </c>
      <c r="K436">
        <f t="shared" si="64"/>
        <v>2.3190849451649118</v>
      </c>
      <c r="L436">
        <f t="shared" si="65"/>
        <v>11.131607736791576</v>
      </c>
      <c r="M436">
        <f t="shared" si="66"/>
        <v>0</v>
      </c>
      <c r="N436" s="46">
        <f t="shared" si="67"/>
        <v>45308.749999999025</v>
      </c>
    </row>
    <row r="437" spans="2:14" x14ac:dyDescent="0.3">
      <c r="B437">
        <f t="shared" si="61"/>
        <v>3</v>
      </c>
      <c r="C437" s="16">
        <v>403</v>
      </c>
      <c r="D437" cm="1">
        <f t="array" ref="D437">IFERROR(INDEX(Jesper!AH$2:AH$366,ROUNDDOWN($C437/24,0)+1,1)*INDEX($D$3:$AA$30,INDEX(Jesper!$R$2:$R$366,ROW(INDEX(Jesper!AH$2:AH$366,ROUNDDOWN($C437/24,0)+1,1))-1)+IF('Standard Profiles'!$G$18=$B$10,7,0)+IF('Standard Profiles'!$G$18=$B$17,14,0)+IF('Standard Profiles'!$G$18=$B$24,21,0),MOD($C437,24)+1)/SUM(INDEX($D$3:$AA$30,INDEX(Jesper!$R$2:$R$366,ROW(INDEX(Jesper!AH$2:AH$366,ROUNDDOWN($C437/24,0)+1,1))-1)+IF('Standard Profiles'!$G$18=$B$10,7,0)+IF('Standard Profiles'!$G$18=$B$17,14,0)+IF('Standard Profiles'!$G$18=$B$24,21,0),0)),0)</f>
        <v>12.883805250916179</v>
      </c>
      <c r="E437" cm="1">
        <f t="array" ref="E437">IFERROR(INDEX(Jesper!AI$2:AI$366,ROUNDDOWN($C437/24,0)+1,1)*INDEX($D$3:$AA$30,INDEX(Jesper!$R$2:$R$366,ROW(INDEX(Jesper!AI$2:AI$366,ROUNDDOWN($C437/24,0)+1,1))-1)+IF('Standard Profiles'!$G$19=$B$10,7,0)+IF('Standard Profiles'!$G$19=$B$17,14,0)+IF('Standard Profiles'!$G$19=$B$24,21,0),MOD($C437,24)+1)/SUM(INDEX($D$3:$AA$30,INDEX(Jesper!$R$2:$R$366,ROW(INDEX(Jesper!AI$2:AI$366,ROUNDDOWN($C437/24,0)+1,1))-1)+IF('Standard Profiles'!$G$19=$B$10,7,0)+IF('Standard Profiles'!$G$19=$B$17,14,0)+IF('Standard Profiles'!$G$19=$B$24,21,0),0)),0)</f>
        <v>0</v>
      </c>
      <c r="F437" cm="1">
        <f t="array" ref="F437">IFERROR(INDEX(Jesper!AJ$2:AJ$366,ROUNDDOWN($C437/24,0)+1,1)*INDEX($D$3:$AA$30,INDEX(Jesper!$R$2:$R$366,ROW(INDEX(Jesper!AJ$2:AJ$366,ROUNDDOWN($C437/24,0)+1,1))-1)+IF('Standard Profiles'!$G$20=$B$10,7,0)+IF('Standard Profiles'!$G$20=$B$17,14,0)+IF('Standard Profiles'!$G$20=$B$24,21,0),MOD($C437,24)+1)/SUM(INDEX($D$3:$AA$30,INDEX(Jesper!$R$2:$R$366,ROW(INDEX(Jesper!AJ$2:AJ$366,ROUNDDOWN($C437/24,0)+1,1))-1)+IF('Standard Profiles'!$G$20=$B$10,7,0)+IF('Standard Profiles'!$G$20=$B$17,14,0)+IF('Standard Profiles'!$G$20=$B$24,21,0),0)),0)</f>
        <v>0</v>
      </c>
      <c r="G437" cm="1">
        <f t="array" ref="G437">IFERROR(INDEX(Jesper!AK$2:AK$366,ROUNDDOWN($C437/24,0)+1,1)*INDEX($D$3:$AA$30,INDEX(Jesper!$R$2:$R$366,ROW(INDEX(Jesper!AK$2:AK$366,ROUNDDOWN($C437/24,0)+1,1))-1)+IF('Standard Profiles'!$G$21=$B$10,7,0)+IF('Standard Profiles'!$G$21=$B$17,14,0)+IF('Standard Profiles'!$G$21=$B$24,21,0),MOD($C437,24)+1)/SUM(INDEX($D$3:$AA$30,INDEX(Jesper!$R$2:$R$366,ROW(INDEX(Jesper!AK$2:AK$366,ROUNDDOWN($C437/24,0)+1,1))-1)+IF('Standard Profiles'!$G$21=$B$10,7,0)+IF('Standard Profiles'!$G$21=$B$17,14,0)+IF('Standard Profiles'!$G$21=$B$24,21,0),0)),0)</f>
        <v>0</v>
      </c>
      <c r="H437" cm="1">
        <f t="array" ref="H437">IFERROR(INDEX(Jesper!AL$2:AL$366,ROUNDDOWN($C437/24,0)+1,1)*INDEX($D$3:$AA$30,INDEX(Jesper!$R$2:$R$366,ROW(INDEX(Jesper!AL$2:AL$366,ROUNDDOWN($C437/24,0)+1,1))-1)+IF('Standard Profiles'!$G$22=$B$10,7,0)+IF('Standard Profiles'!$G$22=$B$17,14,0)+IF('Standard Profiles'!$G$22=$B$24,21,0),MOD($C437,24)+1)/SUM(INDEX($D$3:$AA$30,INDEX(Jesper!$R$2:$R$366,ROW(INDEX(Jesper!AL$2:AL$366,ROUNDDOWN($C437/24,0)+1,1))-1)+IF('Standard Profiles'!$G$22=$B$10,7,0)+IF('Standard Profiles'!$G$22=$B$17,14,0)+IF('Standard Profiles'!$G$22=$B$24,21,0),0)),0)</f>
        <v>0</v>
      </c>
      <c r="I437">
        <f t="shared" si="62"/>
        <v>0.38651415752748536</v>
      </c>
      <c r="J437">
        <f t="shared" si="63"/>
        <v>1.288380525091618</v>
      </c>
      <c r="K437">
        <f t="shared" si="64"/>
        <v>1.9325707876374267</v>
      </c>
      <c r="L437">
        <f t="shared" si="65"/>
        <v>9.276339780659649</v>
      </c>
      <c r="M437">
        <f t="shared" si="66"/>
        <v>0</v>
      </c>
      <c r="N437" s="46">
        <f t="shared" si="67"/>
        <v>45308.791666665689</v>
      </c>
    </row>
    <row r="438" spans="2:14" x14ac:dyDescent="0.3">
      <c r="B438">
        <f t="shared" si="61"/>
        <v>3</v>
      </c>
      <c r="C438" s="16">
        <v>404</v>
      </c>
      <c r="D438" cm="1">
        <f t="array" ref="D438">IFERROR(INDEX(Jesper!AH$2:AH$366,ROUNDDOWN($C438/24,0)+1,1)*INDEX($D$3:$AA$30,INDEX(Jesper!$R$2:$R$366,ROW(INDEX(Jesper!AH$2:AH$366,ROUNDDOWN($C438/24,0)+1,1))-1)+IF('Standard Profiles'!$G$18=$B$10,7,0)+IF('Standard Profiles'!$G$18=$B$17,14,0)+IF('Standard Profiles'!$G$18=$B$24,21,0),MOD($C438,24)+1)/SUM(INDEX($D$3:$AA$30,INDEX(Jesper!$R$2:$R$366,ROW(INDEX(Jesper!AH$2:AH$366,ROUNDDOWN($C438/24,0)+1,1))-1)+IF('Standard Profiles'!$G$18=$B$10,7,0)+IF('Standard Profiles'!$G$18=$B$17,14,0)+IF('Standard Profiles'!$G$18=$B$24,21,0),0)),0)</f>
        <v>10.307044200732943</v>
      </c>
      <c r="E438" cm="1">
        <f t="array" ref="E438">IFERROR(INDEX(Jesper!AI$2:AI$366,ROUNDDOWN($C438/24,0)+1,1)*INDEX($D$3:$AA$30,INDEX(Jesper!$R$2:$R$366,ROW(INDEX(Jesper!AI$2:AI$366,ROUNDDOWN($C438/24,0)+1,1))-1)+IF('Standard Profiles'!$G$19=$B$10,7,0)+IF('Standard Profiles'!$G$19=$B$17,14,0)+IF('Standard Profiles'!$G$19=$B$24,21,0),MOD($C438,24)+1)/SUM(INDEX($D$3:$AA$30,INDEX(Jesper!$R$2:$R$366,ROW(INDEX(Jesper!AI$2:AI$366,ROUNDDOWN($C438/24,0)+1,1))-1)+IF('Standard Profiles'!$G$19=$B$10,7,0)+IF('Standard Profiles'!$G$19=$B$17,14,0)+IF('Standard Profiles'!$G$19=$B$24,21,0),0)),0)</f>
        <v>0</v>
      </c>
      <c r="F438" cm="1">
        <f t="array" ref="F438">IFERROR(INDEX(Jesper!AJ$2:AJ$366,ROUNDDOWN($C438/24,0)+1,1)*INDEX($D$3:$AA$30,INDEX(Jesper!$R$2:$R$366,ROW(INDEX(Jesper!AJ$2:AJ$366,ROUNDDOWN($C438/24,0)+1,1))-1)+IF('Standard Profiles'!$G$20=$B$10,7,0)+IF('Standard Profiles'!$G$20=$B$17,14,0)+IF('Standard Profiles'!$G$20=$B$24,21,0),MOD($C438,24)+1)/SUM(INDEX($D$3:$AA$30,INDEX(Jesper!$R$2:$R$366,ROW(INDEX(Jesper!AJ$2:AJ$366,ROUNDDOWN($C438/24,0)+1,1))-1)+IF('Standard Profiles'!$G$20=$B$10,7,0)+IF('Standard Profiles'!$G$20=$B$17,14,0)+IF('Standard Profiles'!$G$20=$B$24,21,0),0)),0)</f>
        <v>0</v>
      </c>
      <c r="G438" cm="1">
        <f t="array" ref="G438">IFERROR(INDEX(Jesper!AK$2:AK$366,ROUNDDOWN($C438/24,0)+1,1)*INDEX($D$3:$AA$30,INDEX(Jesper!$R$2:$R$366,ROW(INDEX(Jesper!AK$2:AK$366,ROUNDDOWN($C438/24,0)+1,1))-1)+IF('Standard Profiles'!$G$21=$B$10,7,0)+IF('Standard Profiles'!$G$21=$B$17,14,0)+IF('Standard Profiles'!$G$21=$B$24,21,0),MOD($C438,24)+1)/SUM(INDEX($D$3:$AA$30,INDEX(Jesper!$R$2:$R$366,ROW(INDEX(Jesper!AK$2:AK$366,ROUNDDOWN($C438/24,0)+1,1))-1)+IF('Standard Profiles'!$G$21=$B$10,7,0)+IF('Standard Profiles'!$G$21=$B$17,14,0)+IF('Standard Profiles'!$G$21=$B$24,21,0),0)),0)</f>
        <v>0</v>
      </c>
      <c r="H438" cm="1">
        <f t="array" ref="H438">IFERROR(INDEX(Jesper!AL$2:AL$366,ROUNDDOWN($C438/24,0)+1,1)*INDEX($D$3:$AA$30,INDEX(Jesper!$R$2:$R$366,ROW(INDEX(Jesper!AL$2:AL$366,ROUNDDOWN($C438/24,0)+1,1))-1)+IF('Standard Profiles'!$G$22=$B$10,7,0)+IF('Standard Profiles'!$G$22=$B$17,14,0)+IF('Standard Profiles'!$G$22=$B$24,21,0),MOD($C438,24)+1)/SUM(INDEX($D$3:$AA$30,INDEX(Jesper!$R$2:$R$366,ROW(INDEX(Jesper!AL$2:AL$366,ROUNDDOWN($C438/24,0)+1,1))-1)+IF('Standard Profiles'!$G$22=$B$10,7,0)+IF('Standard Profiles'!$G$22=$B$17,14,0)+IF('Standard Profiles'!$G$22=$B$24,21,0),0)),0)</f>
        <v>0</v>
      </c>
      <c r="I438">
        <f t="shared" si="62"/>
        <v>0.30921132602198825</v>
      </c>
      <c r="J438">
        <f t="shared" si="63"/>
        <v>1.0307044200732942</v>
      </c>
      <c r="K438">
        <f t="shared" si="64"/>
        <v>1.5460566301099414</v>
      </c>
      <c r="L438">
        <f t="shared" si="65"/>
        <v>7.4210718245277185</v>
      </c>
      <c r="M438">
        <f t="shared" si="66"/>
        <v>0</v>
      </c>
      <c r="N438" s="46">
        <f t="shared" si="67"/>
        <v>45308.833333332354</v>
      </c>
    </row>
    <row r="439" spans="2:14" x14ac:dyDescent="0.3">
      <c r="B439">
        <f t="shared" si="61"/>
        <v>3</v>
      </c>
      <c r="C439" s="16">
        <v>405</v>
      </c>
      <c r="D439" cm="1">
        <f t="array" ref="D439">IFERROR(INDEX(Jesper!AH$2:AH$366,ROUNDDOWN($C439/24,0)+1,1)*INDEX($D$3:$AA$30,INDEX(Jesper!$R$2:$R$366,ROW(INDEX(Jesper!AH$2:AH$366,ROUNDDOWN($C439/24,0)+1,1))-1)+IF('Standard Profiles'!$G$18=$B$10,7,0)+IF('Standard Profiles'!$G$18=$B$17,14,0)+IF('Standard Profiles'!$G$18=$B$24,21,0),MOD($C439,24)+1)/SUM(INDEX($D$3:$AA$30,INDEX(Jesper!$R$2:$R$366,ROW(INDEX(Jesper!AH$2:AH$366,ROUNDDOWN($C439/24,0)+1,1))-1)+IF('Standard Profiles'!$G$18=$B$10,7,0)+IF('Standard Profiles'!$G$18=$B$17,14,0)+IF('Standard Profiles'!$G$18=$B$24,21,0),0)),0)</f>
        <v>7.7302831505497061</v>
      </c>
      <c r="E439" cm="1">
        <f t="array" ref="E439">IFERROR(INDEX(Jesper!AI$2:AI$366,ROUNDDOWN($C439/24,0)+1,1)*INDEX($D$3:$AA$30,INDEX(Jesper!$R$2:$R$366,ROW(INDEX(Jesper!AI$2:AI$366,ROUNDDOWN($C439/24,0)+1,1))-1)+IF('Standard Profiles'!$G$19=$B$10,7,0)+IF('Standard Profiles'!$G$19=$B$17,14,0)+IF('Standard Profiles'!$G$19=$B$24,21,0),MOD($C439,24)+1)/SUM(INDEX($D$3:$AA$30,INDEX(Jesper!$R$2:$R$366,ROW(INDEX(Jesper!AI$2:AI$366,ROUNDDOWN($C439/24,0)+1,1))-1)+IF('Standard Profiles'!$G$19=$B$10,7,0)+IF('Standard Profiles'!$G$19=$B$17,14,0)+IF('Standard Profiles'!$G$19=$B$24,21,0),0)),0)</f>
        <v>0</v>
      </c>
      <c r="F439" cm="1">
        <f t="array" ref="F439">IFERROR(INDEX(Jesper!AJ$2:AJ$366,ROUNDDOWN($C439/24,0)+1,1)*INDEX($D$3:$AA$30,INDEX(Jesper!$R$2:$R$366,ROW(INDEX(Jesper!AJ$2:AJ$366,ROUNDDOWN($C439/24,0)+1,1))-1)+IF('Standard Profiles'!$G$20=$B$10,7,0)+IF('Standard Profiles'!$G$20=$B$17,14,0)+IF('Standard Profiles'!$G$20=$B$24,21,0),MOD($C439,24)+1)/SUM(INDEX($D$3:$AA$30,INDEX(Jesper!$R$2:$R$366,ROW(INDEX(Jesper!AJ$2:AJ$366,ROUNDDOWN($C439/24,0)+1,1))-1)+IF('Standard Profiles'!$G$20=$B$10,7,0)+IF('Standard Profiles'!$G$20=$B$17,14,0)+IF('Standard Profiles'!$G$20=$B$24,21,0),0)),0)</f>
        <v>0</v>
      </c>
      <c r="G439" cm="1">
        <f t="array" ref="G439">IFERROR(INDEX(Jesper!AK$2:AK$366,ROUNDDOWN($C439/24,0)+1,1)*INDEX($D$3:$AA$30,INDEX(Jesper!$R$2:$R$366,ROW(INDEX(Jesper!AK$2:AK$366,ROUNDDOWN($C439/24,0)+1,1))-1)+IF('Standard Profiles'!$G$21=$B$10,7,0)+IF('Standard Profiles'!$G$21=$B$17,14,0)+IF('Standard Profiles'!$G$21=$B$24,21,0),MOD($C439,24)+1)/SUM(INDEX($D$3:$AA$30,INDEX(Jesper!$R$2:$R$366,ROW(INDEX(Jesper!AK$2:AK$366,ROUNDDOWN($C439/24,0)+1,1))-1)+IF('Standard Profiles'!$G$21=$B$10,7,0)+IF('Standard Profiles'!$G$21=$B$17,14,0)+IF('Standard Profiles'!$G$21=$B$24,21,0),0)),0)</f>
        <v>0</v>
      </c>
      <c r="H439" cm="1">
        <f t="array" ref="H439">IFERROR(INDEX(Jesper!AL$2:AL$366,ROUNDDOWN($C439/24,0)+1,1)*INDEX($D$3:$AA$30,INDEX(Jesper!$R$2:$R$366,ROW(INDEX(Jesper!AL$2:AL$366,ROUNDDOWN($C439/24,0)+1,1))-1)+IF('Standard Profiles'!$G$22=$B$10,7,0)+IF('Standard Profiles'!$G$22=$B$17,14,0)+IF('Standard Profiles'!$G$22=$B$24,21,0),MOD($C439,24)+1)/SUM(INDEX($D$3:$AA$30,INDEX(Jesper!$R$2:$R$366,ROW(INDEX(Jesper!AL$2:AL$366,ROUNDDOWN($C439/24,0)+1,1))-1)+IF('Standard Profiles'!$G$22=$B$10,7,0)+IF('Standard Profiles'!$G$22=$B$17,14,0)+IF('Standard Profiles'!$G$22=$B$24,21,0),0)),0)</f>
        <v>0</v>
      </c>
      <c r="I439">
        <f t="shared" si="62"/>
        <v>0.23190849451649118</v>
      </c>
      <c r="J439">
        <f t="shared" si="63"/>
        <v>0.77302831505497061</v>
      </c>
      <c r="K439">
        <f t="shared" si="64"/>
        <v>1.1595424725824559</v>
      </c>
      <c r="L439">
        <f t="shared" si="65"/>
        <v>5.565803868395788</v>
      </c>
      <c r="M439">
        <f t="shared" si="66"/>
        <v>0</v>
      </c>
      <c r="N439" s="46">
        <f t="shared" si="67"/>
        <v>45308.874999999018</v>
      </c>
    </row>
    <row r="440" spans="2:14" x14ac:dyDescent="0.3">
      <c r="B440">
        <f t="shared" si="61"/>
        <v>3</v>
      </c>
      <c r="C440" s="16">
        <v>406</v>
      </c>
      <c r="D440" cm="1">
        <f t="array" ref="D440">IFERROR(INDEX(Jesper!AH$2:AH$366,ROUNDDOWN($C440/24,0)+1,1)*INDEX($D$3:$AA$30,INDEX(Jesper!$R$2:$R$366,ROW(INDEX(Jesper!AH$2:AH$366,ROUNDDOWN($C440/24,0)+1,1))-1)+IF('Standard Profiles'!$G$18=$B$10,7,0)+IF('Standard Profiles'!$G$18=$B$17,14,0)+IF('Standard Profiles'!$G$18=$B$24,21,0),MOD($C440,24)+1)/SUM(INDEX($D$3:$AA$30,INDEX(Jesper!$R$2:$R$366,ROW(INDEX(Jesper!AH$2:AH$366,ROUNDDOWN($C440/24,0)+1,1))-1)+IF('Standard Profiles'!$G$18=$B$10,7,0)+IF('Standard Profiles'!$G$18=$B$17,14,0)+IF('Standard Profiles'!$G$18=$B$24,21,0),0)),0)</f>
        <v>7.7302831505497061</v>
      </c>
      <c r="E440" cm="1">
        <f t="array" ref="E440">IFERROR(INDEX(Jesper!AI$2:AI$366,ROUNDDOWN($C440/24,0)+1,1)*INDEX($D$3:$AA$30,INDEX(Jesper!$R$2:$R$366,ROW(INDEX(Jesper!AI$2:AI$366,ROUNDDOWN($C440/24,0)+1,1))-1)+IF('Standard Profiles'!$G$19=$B$10,7,0)+IF('Standard Profiles'!$G$19=$B$17,14,0)+IF('Standard Profiles'!$G$19=$B$24,21,0),MOD($C440,24)+1)/SUM(INDEX($D$3:$AA$30,INDEX(Jesper!$R$2:$R$366,ROW(INDEX(Jesper!AI$2:AI$366,ROUNDDOWN($C440/24,0)+1,1))-1)+IF('Standard Profiles'!$G$19=$B$10,7,0)+IF('Standard Profiles'!$G$19=$B$17,14,0)+IF('Standard Profiles'!$G$19=$B$24,21,0),0)),0)</f>
        <v>0</v>
      </c>
      <c r="F440" cm="1">
        <f t="array" ref="F440">IFERROR(INDEX(Jesper!AJ$2:AJ$366,ROUNDDOWN($C440/24,0)+1,1)*INDEX($D$3:$AA$30,INDEX(Jesper!$R$2:$R$366,ROW(INDEX(Jesper!AJ$2:AJ$366,ROUNDDOWN($C440/24,0)+1,1))-1)+IF('Standard Profiles'!$G$20=$B$10,7,0)+IF('Standard Profiles'!$G$20=$B$17,14,0)+IF('Standard Profiles'!$G$20=$B$24,21,0),MOD($C440,24)+1)/SUM(INDEX($D$3:$AA$30,INDEX(Jesper!$R$2:$R$366,ROW(INDEX(Jesper!AJ$2:AJ$366,ROUNDDOWN($C440/24,0)+1,1))-1)+IF('Standard Profiles'!$G$20=$B$10,7,0)+IF('Standard Profiles'!$G$20=$B$17,14,0)+IF('Standard Profiles'!$G$20=$B$24,21,0),0)),0)</f>
        <v>0</v>
      </c>
      <c r="G440" cm="1">
        <f t="array" ref="G440">IFERROR(INDEX(Jesper!AK$2:AK$366,ROUNDDOWN($C440/24,0)+1,1)*INDEX($D$3:$AA$30,INDEX(Jesper!$R$2:$R$366,ROW(INDEX(Jesper!AK$2:AK$366,ROUNDDOWN($C440/24,0)+1,1))-1)+IF('Standard Profiles'!$G$21=$B$10,7,0)+IF('Standard Profiles'!$G$21=$B$17,14,0)+IF('Standard Profiles'!$G$21=$B$24,21,0),MOD($C440,24)+1)/SUM(INDEX($D$3:$AA$30,INDEX(Jesper!$R$2:$R$366,ROW(INDEX(Jesper!AK$2:AK$366,ROUNDDOWN($C440/24,0)+1,1))-1)+IF('Standard Profiles'!$G$21=$B$10,7,0)+IF('Standard Profiles'!$G$21=$B$17,14,0)+IF('Standard Profiles'!$G$21=$B$24,21,0),0)),0)</f>
        <v>0</v>
      </c>
      <c r="H440" cm="1">
        <f t="array" ref="H440">IFERROR(INDEX(Jesper!AL$2:AL$366,ROUNDDOWN($C440/24,0)+1,1)*INDEX($D$3:$AA$30,INDEX(Jesper!$R$2:$R$366,ROW(INDEX(Jesper!AL$2:AL$366,ROUNDDOWN($C440/24,0)+1,1))-1)+IF('Standard Profiles'!$G$22=$B$10,7,0)+IF('Standard Profiles'!$G$22=$B$17,14,0)+IF('Standard Profiles'!$G$22=$B$24,21,0),MOD($C440,24)+1)/SUM(INDEX($D$3:$AA$30,INDEX(Jesper!$R$2:$R$366,ROW(INDEX(Jesper!AL$2:AL$366,ROUNDDOWN($C440/24,0)+1,1))-1)+IF('Standard Profiles'!$G$22=$B$10,7,0)+IF('Standard Profiles'!$G$22=$B$17,14,0)+IF('Standard Profiles'!$G$22=$B$24,21,0),0)),0)</f>
        <v>0</v>
      </c>
      <c r="I440">
        <f t="shared" si="62"/>
        <v>0.23190849451649118</v>
      </c>
      <c r="J440">
        <f t="shared" si="63"/>
        <v>0.77302831505497061</v>
      </c>
      <c r="K440">
        <f t="shared" si="64"/>
        <v>1.1595424725824559</v>
      </c>
      <c r="L440">
        <f t="shared" si="65"/>
        <v>5.565803868395788</v>
      </c>
      <c r="M440">
        <f t="shared" si="66"/>
        <v>0</v>
      </c>
      <c r="N440" s="46">
        <f t="shared" si="67"/>
        <v>45308.916666665682</v>
      </c>
    </row>
    <row r="441" spans="2:14" x14ac:dyDescent="0.3">
      <c r="B441">
        <f t="shared" si="61"/>
        <v>3</v>
      </c>
      <c r="C441" s="16">
        <v>407</v>
      </c>
      <c r="D441" cm="1">
        <f t="array" ref="D441">IFERROR(INDEX(Jesper!AH$2:AH$366,ROUNDDOWN($C441/24,0)+1,1)*INDEX($D$3:$AA$30,INDEX(Jesper!$R$2:$R$366,ROW(INDEX(Jesper!AH$2:AH$366,ROUNDDOWN($C441/24,0)+1,1))-1)+IF('Standard Profiles'!$G$18=$B$10,7,0)+IF('Standard Profiles'!$G$18=$B$17,14,0)+IF('Standard Profiles'!$G$18=$B$24,21,0),MOD($C441,24)+1)/SUM(INDEX($D$3:$AA$30,INDEX(Jesper!$R$2:$R$366,ROW(INDEX(Jesper!AH$2:AH$366,ROUNDDOWN($C441/24,0)+1,1))-1)+IF('Standard Profiles'!$G$18=$B$10,7,0)+IF('Standard Profiles'!$G$18=$B$17,14,0)+IF('Standard Profiles'!$G$18=$B$24,21,0),0)),0)</f>
        <v>7.7302831505497061</v>
      </c>
      <c r="E441" cm="1">
        <f t="array" ref="E441">IFERROR(INDEX(Jesper!AI$2:AI$366,ROUNDDOWN($C441/24,0)+1,1)*INDEX($D$3:$AA$30,INDEX(Jesper!$R$2:$R$366,ROW(INDEX(Jesper!AI$2:AI$366,ROUNDDOWN($C441/24,0)+1,1))-1)+IF('Standard Profiles'!$G$19=$B$10,7,0)+IF('Standard Profiles'!$G$19=$B$17,14,0)+IF('Standard Profiles'!$G$19=$B$24,21,0),MOD($C441,24)+1)/SUM(INDEX($D$3:$AA$30,INDEX(Jesper!$R$2:$R$366,ROW(INDEX(Jesper!AI$2:AI$366,ROUNDDOWN($C441/24,0)+1,1))-1)+IF('Standard Profiles'!$G$19=$B$10,7,0)+IF('Standard Profiles'!$G$19=$B$17,14,0)+IF('Standard Profiles'!$G$19=$B$24,21,0),0)),0)</f>
        <v>0</v>
      </c>
      <c r="F441" cm="1">
        <f t="array" ref="F441">IFERROR(INDEX(Jesper!AJ$2:AJ$366,ROUNDDOWN($C441/24,0)+1,1)*INDEX($D$3:$AA$30,INDEX(Jesper!$R$2:$R$366,ROW(INDEX(Jesper!AJ$2:AJ$366,ROUNDDOWN($C441/24,0)+1,1))-1)+IF('Standard Profiles'!$G$20=$B$10,7,0)+IF('Standard Profiles'!$G$20=$B$17,14,0)+IF('Standard Profiles'!$G$20=$B$24,21,0),MOD($C441,24)+1)/SUM(INDEX($D$3:$AA$30,INDEX(Jesper!$R$2:$R$366,ROW(INDEX(Jesper!AJ$2:AJ$366,ROUNDDOWN($C441/24,0)+1,1))-1)+IF('Standard Profiles'!$G$20=$B$10,7,0)+IF('Standard Profiles'!$G$20=$B$17,14,0)+IF('Standard Profiles'!$G$20=$B$24,21,0),0)),0)</f>
        <v>0</v>
      </c>
      <c r="G441" cm="1">
        <f t="array" ref="G441">IFERROR(INDEX(Jesper!AK$2:AK$366,ROUNDDOWN($C441/24,0)+1,1)*INDEX($D$3:$AA$30,INDEX(Jesper!$R$2:$R$366,ROW(INDEX(Jesper!AK$2:AK$366,ROUNDDOWN($C441/24,0)+1,1))-1)+IF('Standard Profiles'!$G$21=$B$10,7,0)+IF('Standard Profiles'!$G$21=$B$17,14,0)+IF('Standard Profiles'!$G$21=$B$24,21,0),MOD($C441,24)+1)/SUM(INDEX($D$3:$AA$30,INDEX(Jesper!$R$2:$R$366,ROW(INDEX(Jesper!AK$2:AK$366,ROUNDDOWN($C441/24,0)+1,1))-1)+IF('Standard Profiles'!$G$21=$B$10,7,0)+IF('Standard Profiles'!$G$21=$B$17,14,0)+IF('Standard Profiles'!$G$21=$B$24,21,0),0)),0)</f>
        <v>0</v>
      </c>
      <c r="H441" cm="1">
        <f t="array" ref="H441">IFERROR(INDEX(Jesper!AL$2:AL$366,ROUNDDOWN($C441/24,0)+1,1)*INDEX($D$3:$AA$30,INDEX(Jesper!$R$2:$R$366,ROW(INDEX(Jesper!AL$2:AL$366,ROUNDDOWN($C441/24,0)+1,1))-1)+IF('Standard Profiles'!$G$22=$B$10,7,0)+IF('Standard Profiles'!$G$22=$B$17,14,0)+IF('Standard Profiles'!$G$22=$B$24,21,0),MOD($C441,24)+1)/SUM(INDEX($D$3:$AA$30,INDEX(Jesper!$R$2:$R$366,ROW(INDEX(Jesper!AL$2:AL$366,ROUNDDOWN($C441/24,0)+1,1))-1)+IF('Standard Profiles'!$G$22=$B$10,7,0)+IF('Standard Profiles'!$G$22=$B$17,14,0)+IF('Standard Profiles'!$G$22=$B$24,21,0),0)),0)</f>
        <v>0</v>
      </c>
      <c r="I441">
        <f t="shared" si="62"/>
        <v>0.23190849451649118</v>
      </c>
      <c r="J441">
        <f t="shared" si="63"/>
        <v>0.77302831505497061</v>
      </c>
      <c r="K441">
        <f t="shared" si="64"/>
        <v>1.1595424725824559</v>
      </c>
      <c r="L441">
        <f t="shared" si="65"/>
        <v>5.565803868395788</v>
      </c>
      <c r="M441">
        <f t="shared" si="66"/>
        <v>0</v>
      </c>
      <c r="N441" s="46">
        <f t="shared" si="67"/>
        <v>45308.958333332346</v>
      </c>
    </row>
    <row r="442" spans="2:14" x14ac:dyDescent="0.3">
      <c r="B442">
        <f t="shared" si="61"/>
        <v>4</v>
      </c>
      <c r="C442" s="16">
        <v>408</v>
      </c>
      <c r="D442" cm="1">
        <f t="array" ref="D442">IFERROR(INDEX(Jesper!AH$2:AH$366,ROUNDDOWN($C442/24,0)+1,1)*INDEX($D$3:$AA$30,INDEX(Jesper!$R$2:$R$366,ROW(INDEX(Jesper!AH$2:AH$366,ROUNDDOWN($C442/24,0)+1,1))-1)+IF('Standard Profiles'!$G$18=$B$10,7,0)+IF('Standard Profiles'!$G$18=$B$17,14,0)+IF('Standard Profiles'!$G$18=$B$24,21,0),MOD($C442,24)+1)/SUM(INDEX($D$3:$AA$30,INDEX(Jesper!$R$2:$R$366,ROW(INDEX(Jesper!AH$2:AH$366,ROUNDDOWN($C442/24,0)+1,1))-1)+IF('Standard Profiles'!$G$18=$B$10,7,0)+IF('Standard Profiles'!$G$18=$B$17,14,0)+IF('Standard Profiles'!$G$18=$B$24,21,0),0)),0)</f>
        <v>7.8411440571533095</v>
      </c>
      <c r="E442" cm="1">
        <f t="array" ref="E442">IFERROR(INDEX(Jesper!AI$2:AI$366,ROUNDDOWN($C442/24,0)+1,1)*INDEX($D$3:$AA$30,INDEX(Jesper!$R$2:$R$366,ROW(INDEX(Jesper!AI$2:AI$366,ROUNDDOWN($C442/24,0)+1,1))-1)+IF('Standard Profiles'!$G$19=$B$10,7,0)+IF('Standard Profiles'!$G$19=$B$17,14,0)+IF('Standard Profiles'!$G$19=$B$24,21,0),MOD($C442,24)+1)/SUM(INDEX($D$3:$AA$30,INDEX(Jesper!$R$2:$R$366,ROW(INDEX(Jesper!AI$2:AI$366,ROUNDDOWN($C442/24,0)+1,1))-1)+IF('Standard Profiles'!$G$19=$B$10,7,0)+IF('Standard Profiles'!$G$19=$B$17,14,0)+IF('Standard Profiles'!$G$19=$B$24,21,0),0)),0)</f>
        <v>0</v>
      </c>
      <c r="F442" cm="1">
        <f t="array" ref="F442">IFERROR(INDEX(Jesper!AJ$2:AJ$366,ROUNDDOWN($C442/24,0)+1,1)*INDEX($D$3:$AA$30,INDEX(Jesper!$R$2:$R$366,ROW(INDEX(Jesper!AJ$2:AJ$366,ROUNDDOWN($C442/24,0)+1,1))-1)+IF('Standard Profiles'!$G$20=$B$10,7,0)+IF('Standard Profiles'!$G$20=$B$17,14,0)+IF('Standard Profiles'!$G$20=$B$24,21,0),MOD($C442,24)+1)/SUM(INDEX($D$3:$AA$30,INDEX(Jesper!$R$2:$R$366,ROW(INDEX(Jesper!AJ$2:AJ$366,ROUNDDOWN($C442/24,0)+1,1))-1)+IF('Standard Profiles'!$G$20=$B$10,7,0)+IF('Standard Profiles'!$G$20=$B$17,14,0)+IF('Standard Profiles'!$G$20=$B$24,21,0),0)),0)</f>
        <v>0</v>
      </c>
      <c r="G442" cm="1">
        <f t="array" ref="G442">IFERROR(INDEX(Jesper!AK$2:AK$366,ROUNDDOWN($C442/24,0)+1,1)*INDEX($D$3:$AA$30,INDEX(Jesper!$R$2:$R$366,ROW(INDEX(Jesper!AK$2:AK$366,ROUNDDOWN($C442/24,0)+1,1))-1)+IF('Standard Profiles'!$G$21=$B$10,7,0)+IF('Standard Profiles'!$G$21=$B$17,14,0)+IF('Standard Profiles'!$G$21=$B$24,21,0),MOD($C442,24)+1)/SUM(INDEX($D$3:$AA$30,INDEX(Jesper!$R$2:$R$366,ROW(INDEX(Jesper!AK$2:AK$366,ROUNDDOWN($C442/24,0)+1,1))-1)+IF('Standard Profiles'!$G$21=$B$10,7,0)+IF('Standard Profiles'!$G$21=$B$17,14,0)+IF('Standard Profiles'!$G$21=$B$24,21,0),0)),0)</f>
        <v>0</v>
      </c>
      <c r="H442" cm="1">
        <f t="array" ref="H442">IFERROR(INDEX(Jesper!AL$2:AL$366,ROUNDDOWN($C442/24,0)+1,1)*INDEX($D$3:$AA$30,INDEX(Jesper!$R$2:$R$366,ROW(INDEX(Jesper!AL$2:AL$366,ROUNDDOWN($C442/24,0)+1,1))-1)+IF('Standard Profiles'!$G$22=$B$10,7,0)+IF('Standard Profiles'!$G$22=$B$17,14,0)+IF('Standard Profiles'!$G$22=$B$24,21,0),MOD($C442,24)+1)/SUM(INDEX($D$3:$AA$30,INDEX(Jesper!$R$2:$R$366,ROW(INDEX(Jesper!AL$2:AL$366,ROUNDDOWN($C442/24,0)+1,1))-1)+IF('Standard Profiles'!$G$22=$B$10,7,0)+IF('Standard Profiles'!$G$22=$B$17,14,0)+IF('Standard Profiles'!$G$22=$B$24,21,0),0)),0)</f>
        <v>0</v>
      </c>
      <c r="I442">
        <f t="shared" si="62"/>
        <v>0.23523432171459926</v>
      </c>
      <c r="J442">
        <f t="shared" si="63"/>
        <v>0.78411440571533098</v>
      </c>
      <c r="K442">
        <f t="shared" si="64"/>
        <v>1.1761716085729963</v>
      </c>
      <c r="L442">
        <f t="shared" si="65"/>
        <v>5.6456237211503826</v>
      </c>
      <c r="M442">
        <f t="shared" si="66"/>
        <v>0</v>
      </c>
      <c r="N442" s="46">
        <f t="shared" si="67"/>
        <v>45308.99999999901</v>
      </c>
    </row>
    <row r="443" spans="2:14" x14ac:dyDescent="0.3">
      <c r="B443">
        <f t="shared" si="61"/>
        <v>4</v>
      </c>
      <c r="C443" s="16">
        <v>409</v>
      </c>
      <c r="D443" cm="1">
        <f t="array" ref="D443">IFERROR(INDEX(Jesper!AH$2:AH$366,ROUNDDOWN($C443/24,0)+1,1)*INDEX($D$3:$AA$30,INDEX(Jesper!$R$2:$R$366,ROW(INDEX(Jesper!AH$2:AH$366,ROUNDDOWN($C443/24,0)+1,1))-1)+IF('Standard Profiles'!$G$18=$B$10,7,0)+IF('Standard Profiles'!$G$18=$B$17,14,0)+IF('Standard Profiles'!$G$18=$B$24,21,0),MOD($C443,24)+1)/SUM(INDEX($D$3:$AA$30,INDEX(Jesper!$R$2:$R$366,ROW(INDEX(Jesper!AH$2:AH$366,ROUNDDOWN($C443/24,0)+1,1))-1)+IF('Standard Profiles'!$G$18=$B$10,7,0)+IF('Standard Profiles'!$G$18=$B$17,14,0)+IF('Standard Profiles'!$G$18=$B$24,21,0),0)),0)</f>
        <v>7.8411440571533095</v>
      </c>
      <c r="E443" cm="1">
        <f t="array" ref="E443">IFERROR(INDEX(Jesper!AI$2:AI$366,ROUNDDOWN($C443/24,0)+1,1)*INDEX($D$3:$AA$30,INDEX(Jesper!$R$2:$R$366,ROW(INDEX(Jesper!AI$2:AI$366,ROUNDDOWN($C443/24,0)+1,1))-1)+IF('Standard Profiles'!$G$19=$B$10,7,0)+IF('Standard Profiles'!$G$19=$B$17,14,0)+IF('Standard Profiles'!$G$19=$B$24,21,0),MOD($C443,24)+1)/SUM(INDEX($D$3:$AA$30,INDEX(Jesper!$R$2:$R$366,ROW(INDEX(Jesper!AI$2:AI$366,ROUNDDOWN($C443/24,0)+1,1))-1)+IF('Standard Profiles'!$G$19=$B$10,7,0)+IF('Standard Profiles'!$G$19=$B$17,14,0)+IF('Standard Profiles'!$G$19=$B$24,21,0),0)),0)</f>
        <v>0</v>
      </c>
      <c r="F443" cm="1">
        <f t="array" ref="F443">IFERROR(INDEX(Jesper!AJ$2:AJ$366,ROUNDDOWN($C443/24,0)+1,1)*INDEX($D$3:$AA$30,INDEX(Jesper!$R$2:$R$366,ROW(INDEX(Jesper!AJ$2:AJ$366,ROUNDDOWN($C443/24,0)+1,1))-1)+IF('Standard Profiles'!$G$20=$B$10,7,0)+IF('Standard Profiles'!$G$20=$B$17,14,0)+IF('Standard Profiles'!$G$20=$B$24,21,0),MOD($C443,24)+1)/SUM(INDEX($D$3:$AA$30,INDEX(Jesper!$R$2:$R$366,ROW(INDEX(Jesper!AJ$2:AJ$366,ROUNDDOWN($C443/24,0)+1,1))-1)+IF('Standard Profiles'!$G$20=$B$10,7,0)+IF('Standard Profiles'!$G$20=$B$17,14,0)+IF('Standard Profiles'!$G$20=$B$24,21,0),0)),0)</f>
        <v>0</v>
      </c>
      <c r="G443" cm="1">
        <f t="array" ref="G443">IFERROR(INDEX(Jesper!AK$2:AK$366,ROUNDDOWN($C443/24,0)+1,1)*INDEX($D$3:$AA$30,INDEX(Jesper!$R$2:$R$366,ROW(INDEX(Jesper!AK$2:AK$366,ROUNDDOWN($C443/24,0)+1,1))-1)+IF('Standard Profiles'!$G$21=$B$10,7,0)+IF('Standard Profiles'!$G$21=$B$17,14,0)+IF('Standard Profiles'!$G$21=$B$24,21,0),MOD($C443,24)+1)/SUM(INDEX($D$3:$AA$30,INDEX(Jesper!$R$2:$R$366,ROW(INDEX(Jesper!AK$2:AK$366,ROUNDDOWN($C443/24,0)+1,1))-1)+IF('Standard Profiles'!$G$21=$B$10,7,0)+IF('Standard Profiles'!$G$21=$B$17,14,0)+IF('Standard Profiles'!$G$21=$B$24,21,0),0)),0)</f>
        <v>0</v>
      </c>
      <c r="H443" cm="1">
        <f t="array" ref="H443">IFERROR(INDEX(Jesper!AL$2:AL$366,ROUNDDOWN($C443/24,0)+1,1)*INDEX($D$3:$AA$30,INDEX(Jesper!$R$2:$R$366,ROW(INDEX(Jesper!AL$2:AL$366,ROUNDDOWN($C443/24,0)+1,1))-1)+IF('Standard Profiles'!$G$22=$B$10,7,0)+IF('Standard Profiles'!$G$22=$B$17,14,0)+IF('Standard Profiles'!$G$22=$B$24,21,0),MOD($C443,24)+1)/SUM(INDEX($D$3:$AA$30,INDEX(Jesper!$R$2:$R$366,ROW(INDEX(Jesper!AL$2:AL$366,ROUNDDOWN($C443/24,0)+1,1))-1)+IF('Standard Profiles'!$G$22=$B$10,7,0)+IF('Standard Profiles'!$G$22=$B$17,14,0)+IF('Standard Profiles'!$G$22=$B$24,21,0),0)),0)</f>
        <v>0</v>
      </c>
      <c r="I443">
        <f t="shared" si="62"/>
        <v>0.23523432171459926</v>
      </c>
      <c r="J443">
        <f t="shared" si="63"/>
        <v>0.78411440571533098</v>
      </c>
      <c r="K443">
        <f t="shared" si="64"/>
        <v>1.1761716085729963</v>
      </c>
      <c r="L443">
        <f t="shared" si="65"/>
        <v>5.6456237211503826</v>
      </c>
      <c r="M443">
        <f t="shared" si="66"/>
        <v>0</v>
      </c>
      <c r="N443" s="46">
        <f t="shared" si="67"/>
        <v>45309.041666665675</v>
      </c>
    </row>
    <row r="444" spans="2:14" x14ac:dyDescent="0.3">
      <c r="B444">
        <f t="shared" si="61"/>
        <v>4</v>
      </c>
      <c r="C444" s="16">
        <v>410</v>
      </c>
      <c r="D444" cm="1">
        <f t="array" ref="D444">IFERROR(INDEX(Jesper!AH$2:AH$366,ROUNDDOWN($C444/24,0)+1,1)*INDEX($D$3:$AA$30,INDEX(Jesper!$R$2:$R$366,ROW(INDEX(Jesper!AH$2:AH$366,ROUNDDOWN($C444/24,0)+1,1))-1)+IF('Standard Profiles'!$G$18=$B$10,7,0)+IF('Standard Profiles'!$G$18=$B$17,14,0)+IF('Standard Profiles'!$G$18=$B$24,21,0),MOD($C444,24)+1)/SUM(INDEX($D$3:$AA$30,INDEX(Jesper!$R$2:$R$366,ROW(INDEX(Jesper!AH$2:AH$366,ROUNDDOWN($C444/24,0)+1,1))-1)+IF('Standard Profiles'!$G$18=$B$10,7,0)+IF('Standard Profiles'!$G$18=$B$17,14,0)+IF('Standard Profiles'!$G$18=$B$24,21,0),0)),0)</f>
        <v>7.8411440571533095</v>
      </c>
      <c r="E444" cm="1">
        <f t="array" ref="E444">IFERROR(INDEX(Jesper!AI$2:AI$366,ROUNDDOWN($C444/24,0)+1,1)*INDEX($D$3:$AA$30,INDEX(Jesper!$R$2:$R$366,ROW(INDEX(Jesper!AI$2:AI$366,ROUNDDOWN($C444/24,0)+1,1))-1)+IF('Standard Profiles'!$G$19=$B$10,7,0)+IF('Standard Profiles'!$G$19=$B$17,14,0)+IF('Standard Profiles'!$G$19=$B$24,21,0),MOD($C444,24)+1)/SUM(INDEX($D$3:$AA$30,INDEX(Jesper!$R$2:$R$366,ROW(INDEX(Jesper!AI$2:AI$366,ROUNDDOWN($C444/24,0)+1,1))-1)+IF('Standard Profiles'!$G$19=$B$10,7,0)+IF('Standard Profiles'!$G$19=$B$17,14,0)+IF('Standard Profiles'!$G$19=$B$24,21,0),0)),0)</f>
        <v>0</v>
      </c>
      <c r="F444" cm="1">
        <f t="array" ref="F444">IFERROR(INDEX(Jesper!AJ$2:AJ$366,ROUNDDOWN($C444/24,0)+1,1)*INDEX($D$3:$AA$30,INDEX(Jesper!$R$2:$R$366,ROW(INDEX(Jesper!AJ$2:AJ$366,ROUNDDOWN($C444/24,0)+1,1))-1)+IF('Standard Profiles'!$G$20=$B$10,7,0)+IF('Standard Profiles'!$G$20=$B$17,14,0)+IF('Standard Profiles'!$G$20=$B$24,21,0),MOD($C444,24)+1)/SUM(INDEX($D$3:$AA$30,INDEX(Jesper!$R$2:$R$366,ROW(INDEX(Jesper!AJ$2:AJ$366,ROUNDDOWN($C444/24,0)+1,1))-1)+IF('Standard Profiles'!$G$20=$B$10,7,0)+IF('Standard Profiles'!$G$20=$B$17,14,0)+IF('Standard Profiles'!$G$20=$B$24,21,0),0)),0)</f>
        <v>0</v>
      </c>
      <c r="G444" cm="1">
        <f t="array" ref="G444">IFERROR(INDEX(Jesper!AK$2:AK$366,ROUNDDOWN($C444/24,0)+1,1)*INDEX($D$3:$AA$30,INDEX(Jesper!$R$2:$R$366,ROW(INDEX(Jesper!AK$2:AK$366,ROUNDDOWN($C444/24,0)+1,1))-1)+IF('Standard Profiles'!$G$21=$B$10,7,0)+IF('Standard Profiles'!$G$21=$B$17,14,0)+IF('Standard Profiles'!$G$21=$B$24,21,0),MOD($C444,24)+1)/SUM(INDEX($D$3:$AA$30,INDEX(Jesper!$R$2:$R$366,ROW(INDEX(Jesper!AK$2:AK$366,ROUNDDOWN($C444/24,0)+1,1))-1)+IF('Standard Profiles'!$G$21=$B$10,7,0)+IF('Standard Profiles'!$G$21=$B$17,14,0)+IF('Standard Profiles'!$G$21=$B$24,21,0),0)),0)</f>
        <v>0</v>
      </c>
      <c r="H444" cm="1">
        <f t="array" ref="H444">IFERROR(INDEX(Jesper!AL$2:AL$366,ROUNDDOWN($C444/24,0)+1,1)*INDEX($D$3:$AA$30,INDEX(Jesper!$R$2:$R$366,ROW(INDEX(Jesper!AL$2:AL$366,ROUNDDOWN($C444/24,0)+1,1))-1)+IF('Standard Profiles'!$G$22=$B$10,7,0)+IF('Standard Profiles'!$G$22=$B$17,14,0)+IF('Standard Profiles'!$G$22=$B$24,21,0),MOD($C444,24)+1)/SUM(INDEX($D$3:$AA$30,INDEX(Jesper!$R$2:$R$366,ROW(INDEX(Jesper!AL$2:AL$366,ROUNDDOWN($C444/24,0)+1,1))-1)+IF('Standard Profiles'!$G$22=$B$10,7,0)+IF('Standard Profiles'!$G$22=$B$17,14,0)+IF('Standard Profiles'!$G$22=$B$24,21,0),0)),0)</f>
        <v>0</v>
      </c>
      <c r="I444">
        <f t="shared" si="62"/>
        <v>0.23523432171459926</v>
      </c>
      <c r="J444">
        <f t="shared" si="63"/>
        <v>0.78411440571533098</v>
      </c>
      <c r="K444">
        <f t="shared" si="64"/>
        <v>1.1761716085729963</v>
      </c>
      <c r="L444">
        <f t="shared" si="65"/>
        <v>5.6456237211503826</v>
      </c>
      <c r="M444">
        <f t="shared" si="66"/>
        <v>0</v>
      </c>
      <c r="N444" s="46">
        <f t="shared" si="67"/>
        <v>45309.083333332339</v>
      </c>
    </row>
    <row r="445" spans="2:14" x14ac:dyDescent="0.3">
      <c r="B445">
        <f t="shared" si="61"/>
        <v>4</v>
      </c>
      <c r="C445" s="16">
        <v>411</v>
      </c>
      <c r="D445" cm="1">
        <f t="array" ref="D445">IFERROR(INDEX(Jesper!AH$2:AH$366,ROUNDDOWN($C445/24,0)+1,1)*INDEX($D$3:$AA$30,INDEX(Jesper!$R$2:$R$366,ROW(INDEX(Jesper!AH$2:AH$366,ROUNDDOWN($C445/24,0)+1,1))-1)+IF('Standard Profiles'!$G$18=$B$10,7,0)+IF('Standard Profiles'!$G$18=$B$17,14,0)+IF('Standard Profiles'!$G$18=$B$24,21,0),MOD($C445,24)+1)/SUM(INDEX($D$3:$AA$30,INDEX(Jesper!$R$2:$R$366,ROW(INDEX(Jesper!AH$2:AH$366,ROUNDDOWN($C445/24,0)+1,1))-1)+IF('Standard Profiles'!$G$18=$B$10,7,0)+IF('Standard Profiles'!$G$18=$B$17,14,0)+IF('Standard Profiles'!$G$18=$B$24,21,0),0)),0)</f>
        <v>7.8411440571533095</v>
      </c>
      <c r="E445" cm="1">
        <f t="array" ref="E445">IFERROR(INDEX(Jesper!AI$2:AI$366,ROUNDDOWN($C445/24,0)+1,1)*INDEX($D$3:$AA$30,INDEX(Jesper!$R$2:$R$366,ROW(INDEX(Jesper!AI$2:AI$366,ROUNDDOWN($C445/24,0)+1,1))-1)+IF('Standard Profiles'!$G$19=$B$10,7,0)+IF('Standard Profiles'!$G$19=$B$17,14,0)+IF('Standard Profiles'!$G$19=$B$24,21,0),MOD($C445,24)+1)/SUM(INDEX($D$3:$AA$30,INDEX(Jesper!$R$2:$R$366,ROW(INDEX(Jesper!AI$2:AI$366,ROUNDDOWN($C445/24,0)+1,1))-1)+IF('Standard Profiles'!$G$19=$B$10,7,0)+IF('Standard Profiles'!$G$19=$B$17,14,0)+IF('Standard Profiles'!$G$19=$B$24,21,0),0)),0)</f>
        <v>0</v>
      </c>
      <c r="F445" cm="1">
        <f t="array" ref="F445">IFERROR(INDEX(Jesper!AJ$2:AJ$366,ROUNDDOWN($C445/24,0)+1,1)*INDEX($D$3:$AA$30,INDEX(Jesper!$R$2:$R$366,ROW(INDEX(Jesper!AJ$2:AJ$366,ROUNDDOWN($C445/24,0)+1,1))-1)+IF('Standard Profiles'!$G$20=$B$10,7,0)+IF('Standard Profiles'!$G$20=$B$17,14,0)+IF('Standard Profiles'!$G$20=$B$24,21,0),MOD($C445,24)+1)/SUM(INDEX($D$3:$AA$30,INDEX(Jesper!$R$2:$R$366,ROW(INDEX(Jesper!AJ$2:AJ$366,ROUNDDOWN($C445/24,0)+1,1))-1)+IF('Standard Profiles'!$G$20=$B$10,7,0)+IF('Standard Profiles'!$G$20=$B$17,14,0)+IF('Standard Profiles'!$G$20=$B$24,21,0),0)),0)</f>
        <v>0</v>
      </c>
      <c r="G445" cm="1">
        <f t="array" ref="G445">IFERROR(INDEX(Jesper!AK$2:AK$366,ROUNDDOWN($C445/24,0)+1,1)*INDEX($D$3:$AA$30,INDEX(Jesper!$R$2:$R$366,ROW(INDEX(Jesper!AK$2:AK$366,ROUNDDOWN($C445/24,0)+1,1))-1)+IF('Standard Profiles'!$G$21=$B$10,7,0)+IF('Standard Profiles'!$G$21=$B$17,14,0)+IF('Standard Profiles'!$G$21=$B$24,21,0),MOD($C445,24)+1)/SUM(INDEX($D$3:$AA$30,INDEX(Jesper!$R$2:$R$366,ROW(INDEX(Jesper!AK$2:AK$366,ROUNDDOWN($C445/24,0)+1,1))-1)+IF('Standard Profiles'!$G$21=$B$10,7,0)+IF('Standard Profiles'!$G$21=$B$17,14,0)+IF('Standard Profiles'!$G$21=$B$24,21,0),0)),0)</f>
        <v>0</v>
      </c>
      <c r="H445" cm="1">
        <f t="array" ref="H445">IFERROR(INDEX(Jesper!AL$2:AL$366,ROUNDDOWN($C445/24,0)+1,1)*INDEX($D$3:$AA$30,INDEX(Jesper!$R$2:$R$366,ROW(INDEX(Jesper!AL$2:AL$366,ROUNDDOWN($C445/24,0)+1,1))-1)+IF('Standard Profiles'!$G$22=$B$10,7,0)+IF('Standard Profiles'!$G$22=$B$17,14,0)+IF('Standard Profiles'!$G$22=$B$24,21,0),MOD($C445,24)+1)/SUM(INDEX($D$3:$AA$30,INDEX(Jesper!$R$2:$R$366,ROW(INDEX(Jesper!AL$2:AL$366,ROUNDDOWN($C445/24,0)+1,1))-1)+IF('Standard Profiles'!$G$22=$B$10,7,0)+IF('Standard Profiles'!$G$22=$B$17,14,0)+IF('Standard Profiles'!$G$22=$B$24,21,0),0)),0)</f>
        <v>0</v>
      </c>
      <c r="I445">
        <f t="shared" si="62"/>
        <v>0.23523432171459926</v>
      </c>
      <c r="J445">
        <f t="shared" si="63"/>
        <v>0.78411440571533098</v>
      </c>
      <c r="K445">
        <f t="shared" si="64"/>
        <v>1.1761716085729963</v>
      </c>
      <c r="L445">
        <f t="shared" si="65"/>
        <v>5.6456237211503826</v>
      </c>
      <c r="M445">
        <f t="shared" si="66"/>
        <v>0</v>
      </c>
      <c r="N445" s="46">
        <f t="shared" si="67"/>
        <v>45309.124999999003</v>
      </c>
    </row>
    <row r="446" spans="2:14" x14ac:dyDescent="0.3">
      <c r="B446">
        <f t="shared" si="61"/>
        <v>4</v>
      </c>
      <c r="C446" s="16">
        <v>412</v>
      </c>
      <c r="D446" cm="1">
        <f t="array" ref="D446">IFERROR(INDEX(Jesper!AH$2:AH$366,ROUNDDOWN($C446/24,0)+1,1)*INDEX($D$3:$AA$30,INDEX(Jesper!$R$2:$R$366,ROW(INDEX(Jesper!AH$2:AH$366,ROUNDDOWN($C446/24,0)+1,1))-1)+IF('Standard Profiles'!$G$18=$B$10,7,0)+IF('Standard Profiles'!$G$18=$B$17,14,0)+IF('Standard Profiles'!$G$18=$B$24,21,0),MOD($C446,24)+1)/SUM(INDEX($D$3:$AA$30,INDEX(Jesper!$R$2:$R$366,ROW(INDEX(Jesper!AH$2:AH$366,ROUNDDOWN($C446/24,0)+1,1))-1)+IF('Standard Profiles'!$G$18=$B$10,7,0)+IF('Standard Profiles'!$G$18=$B$17,14,0)+IF('Standard Profiles'!$G$18=$B$24,21,0),0)),0)</f>
        <v>7.8411440571533095</v>
      </c>
      <c r="E446" cm="1">
        <f t="array" ref="E446">IFERROR(INDEX(Jesper!AI$2:AI$366,ROUNDDOWN($C446/24,0)+1,1)*INDEX($D$3:$AA$30,INDEX(Jesper!$R$2:$R$366,ROW(INDEX(Jesper!AI$2:AI$366,ROUNDDOWN($C446/24,0)+1,1))-1)+IF('Standard Profiles'!$G$19=$B$10,7,0)+IF('Standard Profiles'!$G$19=$B$17,14,0)+IF('Standard Profiles'!$G$19=$B$24,21,0),MOD($C446,24)+1)/SUM(INDEX($D$3:$AA$30,INDEX(Jesper!$R$2:$R$366,ROW(INDEX(Jesper!AI$2:AI$366,ROUNDDOWN($C446/24,0)+1,1))-1)+IF('Standard Profiles'!$G$19=$B$10,7,0)+IF('Standard Profiles'!$G$19=$B$17,14,0)+IF('Standard Profiles'!$G$19=$B$24,21,0),0)),0)</f>
        <v>0</v>
      </c>
      <c r="F446" cm="1">
        <f t="array" ref="F446">IFERROR(INDEX(Jesper!AJ$2:AJ$366,ROUNDDOWN($C446/24,0)+1,1)*INDEX($D$3:$AA$30,INDEX(Jesper!$R$2:$R$366,ROW(INDEX(Jesper!AJ$2:AJ$366,ROUNDDOWN($C446/24,0)+1,1))-1)+IF('Standard Profiles'!$G$20=$B$10,7,0)+IF('Standard Profiles'!$G$20=$B$17,14,0)+IF('Standard Profiles'!$G$20=$B$24,21,0),MOD($C446,24)+1)/SUM(INDEX($D$3:$AA$30,INDEX(Jesper!$R$2:$R$366,ROW(INDEX(Jesper!AJ$2:AJ$366,ROUNDDOWN($C446/24,0)+1,1))-1)+IF('Standard Profiles'!$G$20=$B$10,7,0)+IF('Standard Profiles'!$G$20=$B$17,14,0)+IF('Standard Profiles'!$G$20=$B$24,21,0),0)),0)</f>
        <v>0</v>
      </c>
      <c r="G446" cm="1">
        <f t="array" ref="G446">IFERROR(INDEX(Jesper!AK$2:AK$366,ROUNDDOWN($C446/24,0)+1,1)*INDEX($D$3:$AA$30,INDEX(Jesper!$R$2:$R$366,ROW(INDEX(Jesper!AK$2:AK$366,ROUNDDOWN($C446/24,0)+1,1))-1)+IF('Standard Profiles'!$G$21=$B$10,7,0)+IF('Standard Profiles'!$G$21=$B$17,14,0)+IF('Standard Profiles'!$G$21=$B$24,21,0),MOD($C446,24)+1)/SUM(INDEX($D$3:$AA$30,INDEX(Jesper!$R$2:$R$366,ROW(INDEX(Jesper!AK$2:AK$366,ROUNDDOWN($C446/24,0)+1,1))-1)+IF('Standard Profiles'!$G$21=$B$10,7,0)+IF('Standard Profiles'!$G$21=$B$17,14,0)+IF('Standard Profiles'!$G$21=$B$24,21,0),0)),0)</f>
        <v>0</v>
      </c>
      <c r="H446" cm="1">
        <f t="array" ref="H446">IFERROR(INDEX(Jesper!AL$2:AL$366,ROUNDDOWN($C446/24,0)+1,1)*INDEX($D$3:$AA$30,INDEX(Jesper!$R$2:$R$366,ROW(INDEX(Jesper!AL$2:AL$366,ROUNDDOWN($C446/24,0)+1,1))-1)+IF('Standard Profiles'!$G$22=$B$10,7,0)+IF('Standard Profiles'!$G$22=$B$17,14,0)+IF('Standard Profiles'!$G$22=$B$24,21,0),MOD($C446,24)+1)/SUM(INDEX($D$3:$AA$30,INDEX(Jesper!$R$2:$R$366,ROW(INDEX(Jesper!AL$2:AL$366,ROUNDDOWN($C446/24,0)+1,1))-1)+IF('Standard Profiles'!$G$22=$B$10,7,0)+IF('Standard Profiles'!$G$22=$B$17,14,0)+IF('Standard Profiles'!$G$22=$B$24,21,0),0)),0)</f>
        <v>0</v>
      </c>
      <c r="I446">
        <f t="shared" si="62"/>
        <v>0.23523432171459926</v>
      </c>
      <c r="J446">
        <f t="shared" si="63"/>
        <v>0.78411440571533098</v>
      </c>
      <c r="K446">
        <f t="shared" si="64"/>
        <v>1.1761716085729963</v>
      </c>
      <c r="L446">
        <f t="shared" si="65"/>
        <v>5.6456237211503826</v>
      </c>
      <c r="M446">
        <f t="shared" si="66"/>
        <v>0</v>
      </c>
      <c r="N446" s="46">
        <f t="shared" si="67"/>
        <v>45309.166666665667</v>
      </c>
    </row>
    <row r="447" spans="2:14" x14ac:dyDescent="0.3">
      <c r="B447">
        <f t="shared" si="61"/>
        <v>4</v>
      </c>
      <c r="C447" s="16">
        <v>413</v>
      </c>
      <c r="D447" cm="1">
        <f t="array" ref="D447">IFERROR(INDEX(Jesper!AH$2:AH$366,ROUNDDOWN($C447/24,0)+1,1)*INDEX($D$3:$AA$30,INDEX(Jesper!$R$2:$R$366,ROW(INDEX(Jesper!AH$2:AH$366,ROUNDDOWN($C447/24,0)+1,1))-1)+IF('Standard Profiles'!$G$18=$B$10,7,0)+IF('Standard Profiles'!$G$18=$B$17,14,0)+IF('Standard Profiles'!$G$18=$B$24,21,0),MOD($C447,24)+1)/SUM(INDEX($D$3:$AA$30,INDEX(Jesper!$R$2:$R$366,ROW(INDEX(Jesper!AH$2:AH$366,ROUNDDOWN($C447/24,0)+1,1))-1)+IF('Standard Profiles'!$G$18=$B$10,7,0)+IF('Standard Profiles'!$G$18=$B$17,14,0)+IF('Standard Profiles'!$G$18=$B$24,21,0),0)),0)</f>
        <v>10.106363451442043</v>
      </c>
      <c r="E447" cm="1">
        <f t="array" ref="E447">IFERROR(INDEX(Jesper!AI$2:AI$366,ROUNDDOWN($C447/24,0)+1,1)*INDEX($D$3:$AA$30,INDEX(Jesper!$R$2:$R$366,ROW(INDEX(Jesper!AI$2:AI$366,ROUNDDOWN($C447/24,0)+1,1))-1)+IF('Standard Profiles'!$G$19=$B$10,7,0)+IF('Standard Profiles'!$G$19=$B$17,14,0)+IF('Standard Profiles'!$G$19=$B$24,21,0),MOD($C447,24)+1)/SUM(INDEX($D$3:$AA$30,INDEX(Jesper!$R$2:$R$366,ROW(INDEX(Jesper!AI$2:AI$366,ROUNDDOWN($C447/24,0)+1,1))-1)+IF('Standard Profiles'!$G$19=$B$10,7,0)+IF('Standard Profiles'!$G$19=$B$17,14,0)+IF('Standard Profiles'!$G$19=$B$24,21,0),0)),0)</f>
        <v>0</v>
      </c>
      <c r="F447" cm="1">
        <f t="array" ref="F447">IFERROR(INDEX(Jesper!AJ$2:AJ$366,ROUNDDOWN($C447/24,0)+1,1)*INDEX($D$3:$AA$30,INDEX(Jesper!$R$2:$R$366,ROW(INDEX(Jesper!AJ$2:AJ$366,ROUNDDOWN($C447/24,0)+1,1))-1)+IF('Standard Profiles'!$G$20=$B$10,7,0)+IF('Standard Profiles'!$G$20=$B$17,14,0)+IF('Standard Profiles'!$G$20=$B$24,21,0),MOD($C447,24)+1)/SUM(INDEX($D$3:$AA$30,INDEX(Jesper!$R$2:$R$366,ROW(INDEX(Jesper!AJ$2:AJ$366,ROUNDDOWN($C447/24,0)+1,1))-1)+IF('Standard Profiles'!$G$20=$B$10,7,0)+IF('Standard Profiles'!$G$20=$B$17,14,0)+IF('Standard Profiles'!$G$20=$B$24,21,0),0)),0)</f>
        <v>0</v>
      </c>
      <c r="G447" cm="1">
        <f t="array" ref="G447">IFERROR(INDEX(Jesper!AK$2:AK$366,ROUNDDOWN($C447/24,0)+1,1)*INDEX($D$3:$AA$30,INDEX(Jesper!$R$2:$R$366,ROW(INDEX(Jesper!AK$2:AK$366,ROUNDDOWN($C447/24,0)+1,1))-1)+IF('Standard Profiles'!$G$21=$B$10,7,0)+IF('Standard Profiles'!$G$21=$B$17,14,0)+IF('Standard Profiles'!$G$21=$B$24,21,0),MOD($C447,24)+1)/SUM(INDEX($D$3:$AA$30,INDEX(Jesper!$R$2:$R$366,ROW(INDEX(Jesper!AK$2:AK$366,ROUNDDOWN($C447/24,0)+1,1))-1)+IF('Standard Profiles'!$G$21=$B$10,7,0)+IF('Standard Profiles'!$G$21=$B$17,14,0)+IF('Standard Profiles'!$G$21=$B$24,21,0),0)),0)</f>
        <v>0</v>
      </c>
      <c r="H447" cm="1">
        <f t="array" ref="H447">IFERROR(INDEX(Jesper!AL$2:AL$366,ROUNDDOWN($C447/24,0)+1,1)*INDEX($D$3:$AA$30,INDEX(Jesper!$R$2:$R$366,ROW(INDEX(Jesper!AL$2:AL$366,ROUNDDOWN($C447/24,0)+1,1))-1)+IF('Standard Profiles'!$G$22=$B$10,7,0)+IF('Standard Profiles'!$G$22=$B$17,14,0)+IF('Standard Profiles'!$G$22=$B$24,21,0),MOD($C447,24)+1)/SUM(INDEX($D$3:$AA$30,INDEX(Jesper!$R$2:$R$366,ROW(INDEX(Jesper!AL$2:AL$366,ROUNDDOWN($C447/24,0)+1,1))-1)+IF('Standard Profiles'!$G$22=$B$10,7,0)+IF('Standard Profiles'!$G$22=$B$17,14,0)+IF('Standard Profiles'!$G$22=$B$24,21,0),0)),0)</f>
        <v>0</v>
      </c>
      <c r="I447">
        <f t="shared" si="62"/>
        <v>0.30319090354326128</v>
      </c>
      <c r="J447">
        <f t="shared" si="63"/>
        <v>1.0106363451442044</v>
      </c>
      <c r="K447">
        <f t="shared" si="64"/>
        <v>1.5159545177163063</v>
      </c>
      <c r="L447">
        <f t="shared" si="65"/>
        <v>7.2765816850382707</v>
      </c>
      <c r="M447">
        <f t="shared" si="66"/>
        <v>0</v>
      </c>
      <c r="N447" s="46">
        <f t="shared" si="67"/>
        <v>45309.208333332332</v>
      </c>
    </row>
    <row r="448" spans="2:14" x14ac:dyDescent="0.3">
      <c r="B448">
        <f t="shared" si="61"/>
        <v>4</v>
      </c>
      <c r="C448" s="16">
        <v>414</v>
      </c>
      <c r="D448" cm="1">
        <f t="array" ref="D448">IFERROR(INDEX(Jesper!AH$2:AH$366,ROUNDDOWN($C448/24,0)+1,1)*INDEX($D$3:$AA$30,INDEX(Jesper!$R$2:$R$366,ROW(INDEX(Jesper!AH$2:AH$366,ROUNDDOWN($C448/24,0)+1,1))-1)+IF('Standard Profiles'!$G$18=$B$10,7,0)+IF('Standard Profiles'!$G$18=$B$17,14,0)+IF('Standard Profiles'!$G$18=$B$24,21,0),MOD($C448,24)+1)/SUM(INDEX($D$3:$AA$30,INDEX(Jesper!$R$2:$R$366,ROW(INDEX(Jesper!AH$2:AH$366,ROUNDDOWN($C448/24,0)+1,1))-1)+IF('Standard Profiles'!$G$18=$B$10,7,0)+IF('Standard Profiles'!$G$18=$B$17,14,0)+IF('Standard Profiles'!$G$18=$B$24,21,0),0)),0)</f>
        <v>11.674592262872707</v>
      </c>
      <c r="E448" cm="1">
        <f t="array" ref="E448">IFERROR(INDEX(Jesper!AI$2:AI$366,ROUNDDOWN($C448/24,0)+1,1)*INDEX($D$3:$AA$30,INDEX(Jesper!$R$2:$R$366,ROW(INDEX(Jesper!AI$2:AI$366,ROUNDDOWN($C448/24,0)+1,1))-1)+IF('Standard Profiles'!$G$19=$B$10,7,0)+IF('Standard Profiles'!$G$19=$B$17,14,0)+IF('Standard Profiles'!$G$19=$B$24,21,0),MOD($C448,24)+1)/SUM(INDEX($D$3:$AA$30,INDEX(Jesper!$R$2:$R$366,ROW(INDEX(Jesper!AI$2:AI$366,ROUNDDOWN($C448/24,0)+1,1))-1)+IF('Standard Profiles'!$G$19=$B$10,7,0)+IF('Standard Profiles'!$G$19=$B$17,14,0)+IF('Standard Profiles'!$G$19=$B$24,21,0),0)),0)</f>
        <v>0</v>
      </c>
      <c r="F448" cm="1">
        <f t="array" ref="F448">IFERROR(INDEX(Jesper!AJ$2:AJ$366,ROUNDDOWN($C448/24,0)+1,1)*INDEX($D$3:$AA$30,INDEX(Jesper!$R$2:$R$366,ROW(INDEX(Jesper!AJ$2:AJ$366,ROUNDDOWN($C448/24,0)+1,1))-1)+IF('Standard Profiles'!$G$20=$B$10,7,0)+IF('Standard Profiles'!$G$20=$B$17,14,0)+IF('Standard Profiles'!$G$20=$B$24,21,0),MOD($C448,24)+1)/SUM(INDEX($D$3:$AA$30,INDEX(Jesper!$R$2:$R$366,ROW(INDEX(Jesper!AJ$2:AJ$366,ROUNDDOWN($C448/24,0)+1,1))-1)+IF('Standard Profiles'!$G$20=$B$10,7,0)+IF('Standard Profiles'!$G$20=$B$17,14,0)+IF('Standard Profiles'!$G$20=$B$24,21,0),0)),0)</f>
        <v>0</v>
      </c>
      <c r="G448" cm="1">
        <f t="array" ref="G448">IFERROR(INDEX(Jesper!AK$2:AK$366,ROUNDDOWN($C448/24,0)+1,1)*INDEX($D$3:$AA$30,INDEX(Jesper!$R$2:$R$366,ROW(INDEX(Jesper!AK$2:AK$366,ROUNDDOWN($C448/24,0)+1,1))-1)+IF('Standard Profiles'!$G$21=$B$10,7,0)+IF('Standard Profiles'!$G$21=$B$17,14,0)+IF('Standard Profiles'!$G$21=$B$24,21,0),MOD($C448,24)+1)/SUM(INDEX($D$3:$AA$30,INDEX(Jesper!$R$2:$R$366,ROW(INDEX(Jesper!AK$2:AK$366,ROUNDDOWN($C448/24,0)+1,1))-1)+IF('Standard Profiles'!$G$21=$B$10,7,0)+IF('Standard Profiles'!$G$21=$B$17,14,0)+IF('Standard Profiles'!$G$21=$B$24,21,0),0)),0)</f>
        <v>0</v>
      </c>
      <c r="H448" cm="1">
        <f t="array" ref="H448">IFERROR(INDEX(Jesper!AL$2:AL$366,ROUNDDOWN($C448/24,0)+1,1)*INDEX($D$3:$AA$30,INDEX(Jesper!$R$2:$R$366,ROW(INDEX(Jesper!AL$2:AL$366,ROUNDDOWN($C448/24,0)+1,1))-1)+IF('Standard Profiles'!$G$22=$B$10,7,0)+IF('Standard Profiles'!$G$22=$B$17,14,0)+IF('Standard Profiles'!$G$22=$B$24,21,0),MOD($C448,24)+1)/SUM(INDEX($D$3:$AA$30,INDEX(Jesper!$R$2:$R$366,ROW(INDEX(Jesper!AL$2:AL$366,ROUNDDOWN($C448/24,0)+1,1))-1)+IF('Standard Profiles'!$G$22=$B$10,7,0)+IF('Standard Profiles'!$G$22=$B$17,14,0)+IF('Standard Profiles'!$G$22=$B$24,21,0),0)),0)</f>
        <v>0</v>
      </c>
      <c r="I448">
        <f t="shared" si="62"/>
        <v>0.35023776788618122</v>
      </c>
      <c r="J448">
        <f t="shared" si="63"/>
        <v>1.1674592262872707</v>
      </c>
      <c r="K448">
        <f t="shared" si="64"/>
        <v>1.7511888394309061</v>
      </c>
      <c r="L448">
        <f t="shared" si="65"/>
        <v>8.4057064292683492</v>
      </c>
      <c r="M448">
        <f t="shared" si="66"/>
        <v>0</v>
      </c>
      <c r="N448" s="46">
        <f t="shared" si="67"/>
        <v>45309.249999998996</v>
      </c>
    </row>
    <row r="449" spans="2:14" x14ac:dyDescent="0.3">
      <c r="B449">
        <f t="shared" si="61"/>
        <v>4</v>
      </c>
      <c r="C449" s="16">
        <v>415</v>
      </c>
      <c r="D449" cm="1">
        <f t="array" ref="D449">IFERROR(INDEX(Jesper!AH$2:AH$366,ROUNDDOWN($C449/24,0)+1,1)*INDEX($D$3:$AA$30,INDEX(Jesper!$R$2:$R$366,ROW(INDEX(Jesper!AH$2:AH$366,ROUNDDOWN($C449/24,0)+1,1))-1)+IF('Standard Profiles'!$G$18=$B$10,7,0)+IF('Standard Profiles'!$G$18=$B$17,14,0)+IF('Standard Profiles'!$G$18=$B$24,21,0),MOD($C449,24)+1)/SUM(INDEX($D$3:$AA$30,INDEX(Jesper!$R$2:$R$366,ROW(INDEX(Jesper!AH$2:AH$366,ROUNDDOWN($C449/24,0)+1,1))-1)+IF('Standard Profiles'!$G$18=$B$10,7,0)+IF('Standard Profiles'!$G$18=$B$17,14,0)+IF('Standard Profiles'!$G$18=$B$24,21,0),0)),0)</f>
        <v>11.674592262872707</v>
      </c>
      <c r="E449" cm="1">
        <f t="array" ref="E449">IFERROR(INDEX(Jesper!AI$2:AI$366,ROUNDDOWN($C449/24,0)+1,1)*INDEX($D$3:$AA$30,INDEX(Jesper!$R$2:$R$366,ROW(INDEX(Jesper!AI$2:AI$366,ROUNDDOWN($C449/24,0)+1,1))-1)+IF('Standard Profiles'!$G$19=$B$10,7,0)+IF('Standard Profiles'!$G$19=$B$17,14,0)+IF('Standard Profiles'!$G$19=$B$24,21,0),MOD($C449,24)+1)/SUM(INDEX($D$3:$AA$30,INDEX(Jesper!$R$2:$R$366,ROW(INDEX(Jesper!AI$2:AI$366,ROUNDDOWN($C449/24,0)+1,1))-1)+IF('Standard Profiles'!$G$19=$B$10,7,0)+IF('Standard Profiles'!$G$19=$B$17,14,0)+IF('Standard Profiles'!$G$19=$B$24,21,0),0)),0)</f>
        <v>0</v>
      </c>
      <c r="F449" cm="1">
        <f t="array" ref="F449">IFERROR(INDEX(Jesper!AJ$2:AJ$366,ROUNDDOWN($C449/24,0)+1,1)*INDEX($D$3:$AA$30,INDEX(Jesper!$R$2:$R$366,ROW(INDEX(Jesper!AJ$2:AJ$366,ROUNDDOWN($C449/24,0)+1,1))-1)+IF('Standard Profiles'!$G$20=$B$10,7,0)+IF('Standard Profiles'!$G$20=$B$17,14,0)+IF('Standard Profiles'!$G$20=$B$24,21,0),MOD($C449,24)+1)/SUM(INDEX($D$3:$AA$30,INDEX(Jesper!$R$2:$R$366,ROW(INDEX(Jesper!AJ$2:AJ$366,ROUNDDOWN($C449/24,0)+1,1))-1)+IF('Standard Profiles'!$G$20=$B$10,7,0)+IF('Standard Profiles'!$G$20=$B$17,14,0)+IF('Standard Profiles'!$G$20=$B$24,21,0),0)),0)</f>
        <v>0</v>
      </c>
      <c r="G449" cm="1">
        <f t="array" ref="G449">IFERROR(INDEX(Jesper!AK$2:AK$366,ROUNDDOWN($C449/24,0)+1,1)*INDEX($D$3:$AA$30,INDEX(Jesper!$R$2:$R$366,ROW(INDEX(Jesper!AK$2:AK$366,ROUNDDOWN($C449/24,0)+1,1))-1)+IF('Standard Profiles'!$G$21=$B$10,7,0)+IF('Standard Profiles'!$G$21=$B$17,14,0)+IF('Standard Profiles'!$G$21=$B$24,21,0),MOD($C449,24)+1)/SUM(INDEX($D$3:$AA$30,INDEX(Jesper!$R$2:$R$366,ROW(INDEX(Jesper!AK$2:AK$366,ROUNDDOWN($C449/24,0)+1,1))-1)+IF('Standard Profiles'!$G$21=$B$10,7,0)+IF('Standard Profiles'!$G$21=$B$17,14,0)+IF('Standard Profiles'!$G$21=$B$24,21,0),0)),0)</f>
        <v>0</v>
      </c>
      <c r="H449" cm="1">
        <f t="array" ref="H449">IFERROR(INDEX(Jesper!AL$2:AL$366,ROUNDDOWN($C449/24,0)+1,1)*INDEX($D$3:$AA$30,INDEX(Jesper!$R$2:$R$366,ROW(INDEX(Jesper!AL$2:AL$366,ROUNDDOWN($C449/24,0)+1,1))-1)+IF('Standard Profiles'!$G$22=$B$10,7,0)+IF('Standard Profiles'!$G$22=$B$17,14,0)+IF('Standard Profiles'!$G$22=$B$24,21,0),MOD($C449,24)+1)/SUM(INDEX($D$3:$AA$30,INDEX(Jesper!$R$2:$R$366,ROW(INDEX(Jesper!AL$2:AL$366,ROUNDDOWN($C449/24,0)+1,1))-1)+IF('Standard Profiles'!$G$22=$B$10,7,0)+IF('Standard Profiles'!$G$22=$B$17,14,0)+IF('Standard Profiles'!$G$22=$B$24,21,0),0)),0)</f>
        <v>0</v>
      </c>
      <c r="I449">
        <f t="shared" si="62"/>
        <v>0.35023776788618122</v>
      </c>
      <c r="J449">
        <f t="shared" si="63"/>
        <v>1.1674592262872707</v>
      </c>
      <c r="K449">
        <f t="shared" si="64"/>
        <v>1.7511888394309061</v>
      </c>
      <c r="L449">
        <f t="shared" si="65"/>
        <v>8.4057064292683492</v>
      </c>
      <c r="M449">
        <f t="shared" si="66"/>
        <v>0</v>
      </c>
      <c r="N449" s="46">
        <f t="shared" si="67"/>
        <v>45309.29166666566</v>
      </c>
    </row>
    <row r="450" spans="2:14" x14ac:dyDescent="0.3">
      <c r="B450">
        <f t="shared" si="61"/>
        <v>4</v>
      </c>
      <c r="C450" s="16">
        <v>416</v>
      </c>
      <c r="D450" cm="1">
        <f t="array" ref="D450">IFERROR(INDEX(Jesper!AH$2:AH$366,ROUNDDOWN($C450/24,0)+1,1)*INDEX($D$3:$AA$30,INDEX(Jesper!$R$2:$R$366,ROW(INDEX(Jesper!AH$2:AH$366,ROUNDDOWN($C450/24,0)+1,1))-1)+IF('Standard Profiles'!$G$18=$B$10,7,0)+IF('Standard Profiles'!$G$18=$B$17,14,0)+IF('Standard Profiles'!$G$18=$B$24,21,0),MOD($C450,24)+1)/SUM(INDEX($D$3:$AA$30,INDEX(Jesper!$R$2:$R$366,ROW(INDEX(Jesper!AH$2:AH$366,ROUNDDOWN($C450/24,0)+1,1))-1)+IF('Standard Profiles'!$G$18=$B$10,7,0)+IF('Standard Profiles'!$G$18=$B$17,14,0)+IF('Standard Profiles'!$G$18=$B$24,21,0),0)),0)</f>
        <v>11.674592262872707</v>
      </c>
      <c r="E450" cm="1">
        <f t="array" ref="E450">IFERROR(INDEX(Jesper!AI$2:AI$366,ROUNDDOWN($C450/24,0)+1,1)*INDEX($D$3:$AA$30,INDEX(Jesper!$R$2:$R$366,ROW(INDEX(Jesper!AI$2:AI$366,ROUNDDOWN($C450/24,0)+1,1))-1)+IF('Standard Profiles'!$G$19=$B$10,7,0)+IF('Standard Profiles'!$G$19=$B$17,14,0)+IF('Standard Profiles'!$G$19=$B$24,21,0),MOD($C450,24)+1)/SUM(INDEX($D$3:$AA$30,INDEX(Jesper!$R$2:$R$366,ROW(INDEX(Jesper!AI$2:AI$366,ROUNDDOWN($C450/24,0)+1,1))-1)+IF('Standard Profiles'!$G$19=$B$10,7,0)+IF('Standard Profiles'!$G$19=$B$17,14,0)+IF('Standard Profiles'!$G$19=$B$24,21,0),0)),0)</f>
        <v>0</v>
      </c>
      <c r="F450" cm="1">
        <f t="array" ref="F450">IFERROR(INDEX(Jesper!AJ$2:AJ$366,ROUNDDOWN($C450/24,0)+1,1)*INDEX($D$3:$AA$30,INDEX(Jesper!$R$2:$R$366,ROW(INDEX(Jesper!AJ$2:AJ$366,ROUNDDOWN($C450/24,0)+1,1))-1)+IF('Standard Profiles'!$G$20=$B$10,7,0)+IF('Standard Profiles'!$G$20=$B$17,14,0)+IF('Standard Profiles'!$G$20=$B$24,21,0),MOD($C450,24)+1)/SUM(INDEX($D$3:$AA$30,INDEX(Jesper!$R$2:$R$366,ROW(INDEX(Jesper!AJ$2:AJ$366,ROUNDDOWN($C450/24,0)+1,1))-1)+IF('Standard Profiles'!$G$20=$B$10,7,0)+IF('Standard Profiles'!$G$20=$B$17,14,0)+IF('Standard Profiles'!$G$20=$B$24,21,0),0)),0)</f>
        <v>0</v>
      </c>
      <c r="G450" cm="1">
        <f t="array" ref="G450">IFERROR(INDEX(Jesper!AK$2:AK$366,ROUNDDOWN($C450/24,0)+1,1)*INDEX($D$3:$AA$30,INDEX(Jesper!$R$2:$R$366,ROW(INDEX(Jesper!AK$2:AK$366,ROUNDDOWN($C450/24,0)+1,1))-1)+IF('Standard Profiles'!$G$21=$B$10,7,0)+IF('Standard Profiles'!$G$21=$B$17,14,0)+IF('Standard Profiles'!$G$21=$B$24,21,0),MOD($C450,24)+1)/SUM(INDEX($D$3:$AA$30,INDEX(Jesper!$R$2:$R$366,ROW(INDEX(Jesper!AK$2:AK$366,ROUNDDOWN($C450/24,0)+1,1))-1)+IF('Standard Profiles'!$G$21=$B$10,7,0)+IF('Standard Profiles'!$G$21=$B$17,14,0)+IF('Standard Profiles'!$G$21=$B$24,21,0),0)),0)</f>
        <v>0</v>
      </c>
      <c r="H450" cm="1">
        <f t="array" ref="H450">IFERROR(INDEX(Jesper!AL$2:AL$366,ROUNDDOWN($C450/24,0)+1,1)*INDEX($D$3:$AA$30,INDEX(Jesper!$R$2:$R$366,ROW(INDEX(Jesper!AL$2:AL$366,ROUNDDOWN($C450/24,0)+1,1))-1)+IF('Standard Profiles'!$G$22=$B$10,7,0)+IF('Standard Profiles'!$G$22=$B$17,14,0)+IF('Standard Profiles'!$G$22=$B$24,21,0),MOD($C450,24)+1)/SUM(INDEX($D$3:$AA$30,INDEX(Jesper!$R$2:$R$366,ROW(INDEX(Jesper!AL$2:AL$366,ROUNDDOWN($C450/24,0)+1,1))-1)+IF('Standard Profiles'!$G$22=$B$10,7,0)+IF('Standard Profiles'!$G$22=$B$17,14,0)+IF('Standard Profiles'!$G$22=$B$24,21,0),0)),0)</f>
        <v>0</v>
      </c>
      <c r="I450">
        <f t="shared" si="62"/>
        <v>0.35023776788618122</v>
      </c>
      <c r="J450">
        <f t="shared" si="63"/>
        <v>1.1674592262872707</v>
      </c>
      <c r="K450">
        <f t="shared" si="64"/>
        <v>1.7511888394309061</v>
      </c>
      <c r="L450">
        <f t="shared" si="65"/>
        <v>8.4057064292683492</v>
      </c>
      <c r="M450">
        <f t="shared" si="66"/>
        <v>0</v>
      </c>
      <c r="N450" s="46">
        <f t="shared" si="67"/>
        <v>45309.333333332324</v>
      </c>
    </row>
    <row r="451" spans="2:14" x14ac:dyDescent="0.3">
      <c r="B451">
        <f t="shared" si="61"/>
        <v>4</v>
      </c>
      <c r="C451" s="16">
        <v>417</v>
      </c>
      <c r="D451" cm="1">
        <f t="array" ref="D451">IFERROR(INDEX(Jesper!AH$2:AH$366,ROUNDDOWN($C451/24,0)+1,1)*INDEX($D$3:$AA$30,INDEX(Jesper!$R$2:$R$366,ROW(INDEX(Jesper!AH$2:AH$366,ROUNDDOWN($C451/24,0)+1,1))-1)+IF('Standard Profiles'!$G$18=$B$10,7,0)+IF('Standard Profiles'!$G$18=$B$17,14,0)+IF('Standard Profiles'!$G$18=$B$24,21,0),MOD($C451,24)+1)/SUM(INDEX($D$3:$AA$30,INDEX(Jesper!$R$2:$R$366,ROW(INDEX(Jesper!AH$2:AH$366,ROUNDDOWN($C451/24,0)+1,1))-1)+IF('Standard Profiles'!$G$18=$B$10,7,0)+IF('Standard Profiles'!$G$18=$B$17,14,0)+IF('Standard Profiles'!$G$18=$B$24,21,0),0)),0)</f>
        <v>12.545830491445297</v>
      </c>
      <c r="E451" cm="1">
        <f t="array" ref="E451">IFERROR(INDEX(Jesper!AI$2:AI$366,ROUNDDOWN($C451/24,0)+1,1)*INDEX($D$3:$AA$30,INDEX(Jesper!$R$2:$R$366,ROW(INDEX(Jesper!AI$2:AI$366,ROUNDDOWN($C451/24,0)+1,1))-1)+IF('Standard Profiles'!$G$19=$B$10,7,0)+IF('Standard Profiles'!$G$19=$B$17,14,0)+IF('Standard Profiles'!$G$19=$B$24,21,0),MOD($C451,24)+1)/SUM(INDEX($D$3:$AA$30,INDEX(Jesper!$R$2:$R$366,ROW(INDEX(Jesper!AI$2:AI$366,ROUNDDOWN($C451/24,0)+1,1))-1)+IF('Standard Profiles'!$G$19=$B$10,7,0)+IF('Standard Profiles'!$G$19=$B$17,14,0)+IF('Standard Profiles'!$G$19=$B$24,21,0),0)),0)</f>
        <v>0</v>
      </c>
      <c r="F451" cm="1">
        <f t="array" ref="F451">IFERROR(INDEX(Jesper!AJ$2:AJ$366,ROUNDDOWN($C451/24,0)+1,1)*INDEX($D$3:$AA$30,INDEX(Jesper!$R$2:$R$366,ROW(INDEX(Jesper!AJ$2:AJ$366,ROUNDDOWN($C451/24,0)+1,1))-1)+IF('Standard Profiles'!$G$20=$B$10,7,0)+IF('Standard Profiles'!$G$20=$B$17,14,0)+IF('Standard Profiles'!$G$20=$B$24,21,0),MOD($C451,24)+1)/SUM(INDEX($D$3:$AA$30,INDEX(Jesper!$R$2:$R$366,ROW(INDEX(Jesper!AJ$2:AJ$366,ROUNDDOWN($C451/24,0)+1,1))-1)+IF('Standard Profiles'!$G$20=$B$10,7,0)+IF('Standard Profiles'!$G$20=$B$17,14,0)+IF('Standard Profiles'!$G$20=$B$24,21,0),0)),0)</f>
        <v>0</v>
      </c>
      <c r="G451" cm="1">
        <f t="array" ref="G451">IFERROR(INDEX(Jesper!AK$2:AK$366,ROUNDDOWN($C451/24,0)+1,1)*INDEX($D$3:$AA$30,INDEX(Jesper!$R$2:$R$366,ROW(INDEX(Jesper!AK$2:AK$366,ROUNDDOWN($C451/24,0)+1,1))-1)+IF('Standard Profiles'!$G$21=$B$10,7,0)+IF('Standard Profiles'!$G$21=$B$17,14,0)+IF('Standard Profiles'!$G$21=$B$24,21,0),MOD($C451,24)+1)/SUM(INDEX($D$3:$AA$30,INDEX(Jesper!$R$2:$R$366,ROW(INDEX(Jesper!AK$2:AK$366,ROUNDDOWN($C451/24,0)+1,1))-1)+IF('Standard Profiles'!$G$21=$B$10,7,0)+IF('Standard Profiles'!$G$21=$B$17,14,0)+IF('Standard Profiles'!$G$21=$B$24,21,0),0)),0)</f>
        <v>0</v>
      </c>
      <c r="H451" cm="1">
        <f t="array" ref="H451">IFERROR(INDEX(Jesper!AL$2:AL$366,ROUNDDOWN($C451/24,0)+1,1)*INDEX($D$3:$AA$30,INDEX(Jesper!$R$2:$R$366,ROW(INDEX(Jesper!AL$2:AL$366,ROUNDDOWN($C451/24,0)+1,1))-1)+IF('Standard Profiles'!$G$22=$B$10,7,0)+IF('Standard Profiles'!$G$22=$B$17,14,0)+IF('Standard Profiles'!$G$22=$B$24,21,0),MOD($C451,24)+1)/SUM(INDEX($D$3:$AA$30,INDEX(Jesper!$R$2:$R$366,ROW(INDEX(Jesper!AL$2:AL$366,ROUNDDOWN($C451/24,0)+1,1))-1)+IF('Standard Profiles'!$G$22=$B$10,7,0)+IF('Standard Profiles'!$G$22=$B$17,14,0)+IF('Standard Profiles'!$G$22=$B$24,21,0),0)),0)</f>
        <v>0</v>
      </c>
      <c r="I451">
        <f t="shared" si="62"/>
        <v>0.37637491474335893</v>
      </c>
      <c r="J451">
        <f t="shared" si="63"/>
        <v>1.2545830491445298</v>
      </c>
      <c r="K451">
        <f t="shared" si="64"/>
        <v>1.8818745737167946</v>
      </c>
      <c r="L451">
        <f t="shared" si="65"/>
        <v>9.0329979538406135</v>
      </c>
      <c r="M451">
        <f t="shared" si="66"/>
        <v>0</v>
      </c>
      <c r="N451" s="46">
        <f t="shared" si="67"/>
        <v>45309.374999998989</v>
      </c>
    </row>
    <row r="452" spans="2:14" x14ac:dyDescent="0.3">
      <c r="B452">
        <f t="shared" si="61"/>
        <v>4</v>
      </c>
      <c r="C452" s="16">
        <v>418</v>
      </c>
      <c r="D452" cm="1">
        <f t="array" ref="D452">IFERROR(INDEX(Jesper!AH$2:AH$366,ROUNDDOWN($C452/24,0)+1,1)*INDEX($D$3:$AA$30,INDEX(Jesper!$R$2:$R$366,ROW(INDEX(Jesper!AH$2:AH$366,ROUNDDOWN($C452/24,0)+1,1))-1)+IF('Standard Profiles'!$G$18=$B$10,7,0)+IF('Standard Profiles'!$G$18=$B$17,14,0)+IF('Standard Profiles'!$G$18=$B$24,21,0),MOD($C452,24)+1)/SUM(INDEX($D$3:$AA$30,INDEX(Jesper!$R$2:$R$366,ROW(INDEX(Jesper!AH$2:AH$366,ROUNDDOWN($C452/24,0)+1,1))-1)+IF('Standard Profiles'!$G$18=$B$10,7,0)+IF('Standard Profiles'!$G$18=$B$17,14,0)+IF('Standard Profiles'!$G$18=$B$24,21,0),0)),0)</f>
        <v>13.591316365732403</v>
      </c>
      <c r="E452" cm="1">
        <f t="array" ref="E452">IFERROR(INDEX(Jesper!AI$2:AI$366,ROUNDDOWN($C452/24,0)+1,1)*INDEX($D$3:$AA$30,INDEX(Jesper!$R$2:$R$366,ROW(INDEX(Jesper!AI$2:AI$366,ROUNDDOWN($C452/24,0)+1,1))-1)+IF('Standard Profiles'!$G$19=$B$10,7,0)+IF('Standard Profiles'!$G$19=$B$17,14,0)+IF('Standard Profiles'!$G$19=$B$24,21,0),MOD($C452,24)+1)/SUM(INDEX($D$3:$AA$30,INDEX(Jesper!$R$2:$R$366,ROW(INDEX(Jesper!AI$2:AI$366,ROUNDDOWN($C452/24,0)+1,1))-1)+IF('Standard Profiles'!$G$19=$B$10,7,0)+IF('Standard Profiles'!$G$19=$B$17,14,0)+IF('Standard Profiles'!$G$19=$B$24,21,0),0)),0)</f>
        <v>0</v>
      </c>
      <c r="F452" cm="1">
        <f t="array" ref="F452">IFERROR(INDEX(Jesper!AJ$2:AJ$366,ROUNDDOWN($C452/24,0)+1,1)*INDEX($D$3:$AA$30,INDEX(Jesper!$R$2:$R$366,ROW(INDEX(Jesper!AJ$2:AJ$366,ROUNDDOWN($C452/24,0)+1,1))-1)+IF('Standard Profiles'!$G$20=$B$10,7,0)+IF('Standard Profiles'!$G$20=$B$17,14,0)+IF('Standard Profiles'!$G$20=$B$24,21,0),MOD($C452,24)+1)/SUM(INDEX($D$3:$AA$30,INDEX(Jesper!$R$2:$R$366,ROW(INDEX(Jesper!AJ$2:AJ$366,ROUNDDOWN($C452/24,0)+1,1))-1)+IF('Standard Profiles'!$G$20=$B$10,7,0)+IF('Standard Profiles'!$G$20=$B$17,14,0)+IF('Standard Profiles'!$G$20=$B$24,21,0),0)),0)</f>
        <v>0</v>
      </c>
      <c r="G452" cm="1">
        <f t="array" ref="G452">IFERROR(INDEX(Jesper!AK$2:AK$366,ROUNDDOWN($C452/24,0)+1,1)*INDEX($D$3:$AA$30,INDEX(Jesper!$R$2:$R$366,ROW(INDEX(Jesper!AK$2:AK$366,ROUNDDOWN($C452/24,0)+1,1))-1)+IF('Standard Profiles'!$G$21=$B$10,7,0)+IF('Standard Profiles'!$G$21=$B$17,14,0)+IF('Standard Profiles'!$G$21=$B$24,21,0),MOD($C452,24)+1)/SUM(INDEX($D$3:$AA$30,INDEX(Jesper!$R$2:$R$366,ROW(INDEX(Jesper!AK$2:AK$366,ROUNDDOWN($C452/24,0)+1,1))-1)+IF('Standard Profiles'!$G$21=$B$10,7,0)+IF('Standard Profiles'!$G$21=$B$17,14,0)+IF('Standard Profiles'!$G$21=$B$24,21,0),0)),0)</f>
        <v>0</v>
      </c>
      <c r="H452" cm="1">
        <f t="array" ref="H452">IFERROR(INDEX(Jesper!AL$2:AL$366,ROUNDDOWN($C452/24,0)+1,1)*INDEX($D$3:$AA$30,INDEX(Jesper!$R$2:$R$366,ROW(INDEX(Jesper!AL$2:AL$366,ROUNDDOWN($C452/24,0)+1,1))-1)+IF('Standard Profiles'!$G$22=$B$10,7,0)+IF('Standard Profiles'!$G$22=$B$17,14,0)+IF('Standard Profiles'!$G$22=$B$24,21,0),MOD($C452,24)+1)/SUM(INDEX($D$3:$AA$30,INDEX(Jesper!$R$2:$R$366,ROW(INDEX(Jesper!AL$2:AL$366,ROUNDDOWN($C452/24,0)+1,1))-1)+IF('Standard Profiles'!$G$22=$B$10,7,0)+IF('Standard Profiles'!$G$22=$B$17,14,0)+IF('Standard Profiles'!$G$22=$B$24,21,0),0)),0)</f>
        <v>0</v>
      </c>
      <c r="I452">
        <f t="shared" si="62"/>
        <v>0.4077394909719721</v>
      </c>
      <c r="J452">
        <f t="shared" si="63"/>
        <v>1.3591316365732404</v>
      </c>
      <c r="K452">
        <f t="shared" si="64"/>
        <v>2.0386974548598604</v>
      </c>
      <c r="L452">
        <f t="shared" si="65"/>
        <v>9.7857477833273308</v>
      </c>
      <c r="M452">
        <f t="shared" si="66"/>
        <v>0</v>
      </c>
      <c r="N452" s="46">
        <f t="shared" si="67"/>
        <v>45309.416666665653</v>
      </c>
    </row>
    <row r="453" spans="2:14" x14ac:dyDescent="0.3">
      <c r="B453">
        <f t="shared" si="61"/>
        <v>4</v>
      </c>
      <c r="C453" s="16">
        <v>419</v>
      </c>
      <c r="D453" cm="1">
        <f t="array" ref="D453">IFERROR(INDEX(Jesper!AH$2:AH$366,ROUNDDOWN($C453/24,0)+1,1)*INDEX($D$3:$AA$30,INDEX(Jesper!$R$2:$R$366,ROW(INDEX(Jesper!AH$2:AH$366,ROUNDDOWN($C453/24,0)+1,1))-1)+IF('Standard Profiles'!$G$18=$B$10,7,0)+IF('Standard Profiles'!$G$18=$B$17,14,0)+IF('Standard Profiles'!$G$18=$B$24,21,0),MOD($C453,24)+1)/SUM(INDEX($D$3:$AA$30,INDEX(Jesper!$R$2:$R$366,ROW(INDEX(Jesper!AH$2:AH$366,ROUNDDOWN($C453/24,0)+1,1))-1)+IF('Standard Profiles'!$G$18=$B$10,7,0)+IF('Standard Profiles'!$G$18=$B$17,14,0)+IF('Standard Profiles'!$G$18=$B$24,21,0),0)),0)</f>
        <v>15.682288114306619</v>
      </c>
      <c r="E453" cm="1">
        <f t="array" ref="E453">IFERROR(INDEX(Jesper!AI$2:AI$366,ROUNDDOWN($C453/24,0)+1,1)*INDEX($D$3:$AA$30,INDEX(Jesper!$R$2:$R$366,ROW(INDEX(Jesper!AI$2:AI$366,ROUNDDOWN($C453/24,0)+1,1))-1)+IF('Standard Profiles'!$G$19=$B$10,7,0)+IF('Standard Profiles'!$G$19=$B$17,14,0)+IF('Standard Profiles'!$G$19=$B$24,21,0),MOD($C453,24)+1)/SUM(INDEX($D$3:$AA$30,INDEX(Jesper!$R$2:$R$366,ROW(INDEX(Jesper!AI$2:AI$366,ROUNDDOWN($C453/24,0)+1,1))-1)+IF('Standard Profiles'!$G$19=$B$10,7,0)+IF('Standard Profiles'!$G$19=$B$17,14,0)+IF('Standard Profiles'!$G$19=$B$24,21,0),0)),0)</f>
        <v>0</v>
      </c>
      <c r="F453" cm="1">
        <f t="array" ref="F453">IFERROR(INDEX(Jesper!AJ$2:AJ$366,ROUNDDOWN($C453/24,0)+1,1)*INDEX($D$3:$AA$30,INDEX(Jesper!$R$2:$R$366,ROW(INDEX(Jesper!AJ$2:AJ$366,ROUNDDOWN($C453/24,0)+1,1))-1)+IF('Standard Profiles'!$G$20=$B$10,7,0)+IF('Standard Profiles'!$G$20=$B$17,14,0)+IF('Standard Profiles'!$G$20=$B$24,21,0),MOD($C453,24)+1)/SUM(INDEX($D$3:$AA$30,INDEX(Jesper!$R$2:$R$366,ROW(INDEX(Jesper!AJ$2:AJ$366,ROUNDDOWN($C453/24,0)+1,1))-1)+IF('Standard Profiles'!$G$20=$B$10,7,0)+IF('Standard Profiles'!$G$20=$B$17,14,0)+IF('Standard Profiles'!$G$20=$B$24,21,0),0)),0)</f>
        <v>0</v>
      </c>
      <c r="G453" cm="1">
        <f t="array" ref="G453">IFERROR(INDEX(Jesper!AK$2:AK$366,ROUNDDOWN($C453/24,0)+1,1)*INDEX($D$3:$AA$30,INDEX(Jesper!$R$2:$R$366,ROW(INDEX(Jesper!AK$2:AK$366,ROUNDDOWN($C453/24,0)+1,1))-1)+IF('Standard Profiles'!$G$21=$B$10,7,0)+IF('Standard Profiles'!$G$21=$B$17,14,0)+IF('Standard Profiles'!$G$21=$B$24,21,0),MOD($C453,24)+1)/SUM(INDEX($D$3:$AA$30,INDEX(Jesper!$R$2:$R$366,ROW(INDEX(Jesper!AK$2:AK$366,ROUNDDOWN($C453/24,0)+1,1))-1)+IF('Standard Profiles'!$G$21=$B$10,7,0)+IF('Standard Profiles'!$G$21=$B$17,14,0)+IF('Standard Profiles'!$G$21=$B$24,21,0),0)),0)</f>
        <v>0</v>
      </c>
      <c r="H453" cm="1">
        <f t="array" ref="H453">IFERROR(INDEX(Jesper!AL$2:AL$366,ROUNDDOWN($C453/24,0)+1,1)*INDEX($D$3:$AA$30,INDEX(Jesper!$R$2:$R$366,ROW(INDEX(Jesper!AL$2:AL$366,ROUNDDOWN($C453/24,0)+1,1))-1)+IF('Standard Profiles'!$G$22=$B$10,7,0)+IF('Standard Profiles'!$G$22=$B$17,14,0)+IF('Standard Profiles'!$G$22=$B$24,21,0),MOD($C453,24)+1)/SUM(INDEX($D$3:$AA$30,INDEX(Jesper!$R$2:$R$366,ROW(INDEX(Jesper!AL$2:AL$366,ROUNDDOWN($C453/24,0)+1,1))-1)+IF('Standard Profiles'!$G$22=$B$10,7,0)+IF('Standard Profiles'!$G$22=$B$17,14,0)+IF('Standard Profiles'!$G$22=$B$24,21,0),0)),0)</f>
        <v>0</v>
      </c>
      <c r="I453">
        <f t="shared" si="62"/>
        <v>0.47046864342919853</v>
      </c>
      <c r="J453">
        <f t="shared" si="63"/>
        <v>1.568228811430662</v>
      </c>
      <c r="K453">
        <f t="shared" si="64"/>
        <v>2.3523432171459926</v>
      </c>
      <c r="L453">
        <f t="shared" si="65"/>
        <v>11.291247442300765</v>
      </c>
      <c r="M453">
        <f t="shared" si="66"/>
        <v>0</v>
      </c>
      <c r="N453" s="46">
        <f t="shared" si="67"/>
        <v>45309.458333332317</v>
      </c>
    </row>
    <row r="454" spans="2:14" x14ac:dyDescent="0.3">
      <c r="B454">
        <f t="shared" si="61"/>
        <v>4</v>
      </c>
      <c r="C454" s="16">
        <v>420</v>
      </c>
      <c r="D454" cm="1">
        <f t="array" ref="D454">IFERROR(INDEX(Jesper!AH$2:AH$366,ROUNDDOWN($C454/24,0)+1,1)*INDEX($D$3:$AA$30,INDEX(Jesper!$R$2:$R$366,ROW(INDEX(Jesper!AH$2:AH$366,ROUNDDOWN($C454/24,0)+1,1))-1)+IF('Standard Profiles'!$G$18=$B$10,7,0)+IF('Standard Profiles'!$G$18=$B$17,14,0)+IF('Standard Profiles'!$G$18=$B$24,21,0),MOD($C454,24)+1)/SUM(INDEX($D$3:$AA$30,INDEX(Jesper!$R$2:$R$366,ROW(INDEX(Jesper!AH$2:AH$366,ROUNDDOWN($C454/24,0)+1,1))-1)+IF('Standard Profiles'!$G$18=$B$10,7,0)+IF('Standard Profiles'!$G$18=$B$17,14,0)+IF('Standard Profiles'!$G$18=$B$24,21,0),0)),0)</f>
        <v>15.682288114306619</v>
      </c>
      <c r="E454" cm="1">
        <f t="array" ref="E454">IFERROR(INDEX(Jesper!AI$2:AI$366,ROUNDDOWN($C454/24,0)+1,1)*INDEX($D$3:$AA$30,INDEX(Jesper!$R$2:$R$366,ROW(INDEX(Jesper!AI$2:AI$366,ROUNDDOWN($C454/24,0)+1,1))-1)+IF('Standard Profiles'!$G$19=$B$10,7,0)+IF('Standard Profiles'!$G$19=$B$17,14,0)+IF('Standard Profiles'!$G$19=$B$24,21,0),MOD($C454,24)+1)/SUM(INDEX($D$3:$AA$30,INDEX(Jesper!$R$2:$R$366,ROW(INDEX(Jesper!AI$2:AI$366,ROUNDDOWN($C454/24,0)+1,1))-1)+IF('Standard Profiles'!$G$19=$B$10,7,0)+IF('Standard Profiles'!$G$19=$B$17,14,0)+IF('Standard Profiles'!$G$19=$B$24,21,0),0)),0)</f>
        <v>0</v>
      </c>
      <c r="F454" cm="1">
        <f t="array" ref="F454">IFERROR(INDEX(Jesper!AJ$2:AJ$366,ROUNDDOWN($C454/24,0)+1,1)*INDEX($D$3:$AA$30,INDEX(Jesper!$R$2:$R$366,ROW(INDEX(Jesper!AJ$2:AJ$366,ROUNDDOWN($C454/24,0)+1,1))-1)+IF('Standard Profiles'!$G$20=$B$10,7,0)+IF('Standard Profiles'!$G$20=$B$17,14,0)+IF('Standard Profiles'!$G$20=$B$24,21,0),MOD($C454,24)+1)/SUM(INDEX($D$3:$AA$30,INDEX(Jesper!$R$2:$R$366,ROW(INDEX(Jesper!AJ$2:AJ$366,ROUNDDOWN($C454/24,0)+1,1))-1)+IF('Standard Profiles'!$G$20=$B$10,7,0)+IF('Standard Profiles'!$G$20=$B$17,14,0)+IF('Standard Profiles'!$G$20=$B$24,21,0),0)),0)</f>
        <v>0</v>
      </c>
      <c r="G454" cm="1">
        <f t="array" ref="G454">IFERROR(INDEX(Jesper!AK$2:AK$366,ROUNDDOWN($C454/24,0)+1,1)*INDEX($D$3:$AA$30,INDEX(Jesper!$R$2:$R$366,ROW(INDEX(Jesper!AK$2:AK$366,ROUNDDOWN($C454/24,0)+1,1))-1)+IF('Standard Profiles'!$G$21=$B$10,7,0)+IF('Standard Profiles'!$G$21=$B$17,14,0)+IF('Standard Profiles'!$G$21=$B$24,21,0),MOD($C454,24)+1)/SUM(INDEX($D$3:$AA$30,INDEX(Jesper!$R$2:$R$366,ROW(INDEX(Jesper!AK$2:AK$366,ROUNDDOWN($C454/24,0)+1,1))-1)+IF('Standard Profiles'!$G$21=$B$10,7,0)+IF('Standard Profiles'!$G$21=$B$17,14,0)+IF('Standard Profiles'!$G$21=$B$24,21,0),0)),0)</f>
        <v>0</v>
      </c>
      <c r="H454" cm="1">
        <f t="array" ref="H454">IFERROR(INDEX(Jesper!AL$2:AL$366,ROUNDDOWN($C454/24,0)+1,1)*INDEX($D$3:$AA$30,INDEX(Jesper!$R$2:$R$366,ROW(INDEX(Jesper!AL$2:AL$366,ROUNDDOWN($C454/24,0)+1,1))-1)+IF('Standard Profiles'!$G$22=$B$10,7,0)+IF('Standard Profiles'!$G$22=$B$17,14,0)+IF('Standard Profiles'!$G$22=$B$24,21,0),MOD($C454,24)+1)/SUM(INDEX($D$3:$AA$30,INDEX(Jesper!$R$2:$R$366,ROW(INDEX(Jesper!AL$2:AL$366,ROUNDDOWN($C454/24,0)+1,1))-1)+IF('Standard Profiles'!$G$22=$B$10,7,0)+IF('Standard Profiles'!$G$22=$B$17,14,0)+IF('Standard Profiles'!$G$22=$B$24,21,0),0)),0)</f>
        <v>0</v>
      </c>
      <c r="I454">
        <f t="shared" si="62"/>
        <v>0.47046864342919853</v>
      </c>
      <c r="J454">
        <f t="shared" si="63"/>
        <v>1.568228811430662</v>
      </c>
      <c r="K454">
        <f t="shared" si="64"/>
        <v>2.3523432171459926</v>
      </c>
      <c r="L454">
        <f t="shared" si="65"/>
        <v>11.291247442300765</v>
      </c>
      <c r="M454">
        <f t="shared" si="66"/>
        <v>0</v>
      </c>
      <c r="N454" s="46">
        <f t="shared" si="67"/>
        <v>45309.499999998981</v>
      </c>
    </row>
    <row r="455" spans="2:14" x14ac:dyDescent="0.3">
      <c r="B455">
        <f t="shared" si="61"/>
        <v>4</v>
      </c>
      <c r="C455" s="16">
        <v>421</v>
      </c>
      <c r="D455" cm="1">
        <f t="array" ref="D455">IFERROR(INDEX(Jesper!AH$2:AH$366,ROUNDDOWN($C455/24,0)+1,1)*INDEX($D$3:$AA$30,INDEX(Jesper!$R$2:$R$366,ROW(INDEX(Jesper!AH$2:AH$366,ROUNDDOWN($C455/24,0)+1,1))-1)+IF('Standard Profiles'!$G$18=$B$10,7,0)+IF('Standard Profiles'!$G$18=$B$17,14,0)+IF('Standard Profiles'!$G$18=$B$24,21,0),MOD($C455,24)+1)/SUM(INDEX($D$3:$AA$30,INDEX(Jesper!$R$2:$R$366,ROW(INDEX(Jesper!AH$2:AH$366,ROUNDDOWN($C455/24,0)+1,1))-1)+IF('Standard Profiles'!$G$18=$B$10,7,0)+IF('Standard Profiles'!$G$18=$B$17,14,0)+IF('Standard Profiles'!$G$18=$B$24,21,0),0)),0)</f>
        <v>15.682288114306619</v>
      </c>
      <c r="E455" cm="1">
        <f t="array" ref="E455">IFERROR(INDEX(Jesper!AI$2:AI$366,ROUNDDOWN($C455/24,0)+1,1)*INDEX($D$3:$AA$30,INDEX(Jesper!$R$2:$R$366,ROW(INDEX(Jesper!AI$2:AI$366,ROUNDDOWN($C455/24,0)+1,1))-1)+IF('Standard Profiles'!$G$19=$B$10,7,0)+IF('Standard Profiles'!$G$19=$B$17,14,0)+IF('Standard Profiles'!$G$19=$B$24,21,0),MOD($C455,24)+1)/SUM(INDEX($D$3:$AA$30,INDEX(Jesper!$R$2:$R$366,ROW(INDEX(Jesper!AI$2:AI$366,ROUNDDOWN($C455/24,0)+1,1))-1)+IF('Standard Profiles'!$G$19=$B$10,7,0)+IF('Standard Profiles'!$G$19=$B$17,14,0)+IF('Standard Profiles'!$G$19=$B$24,21,0),0)),0)</f>
        <v>0</v>
      </c>
      <c r="F455" cm="1">
        <f t="array" ref="F455">IFERROR(INDEX(Jesper!AJ$2:AJ$366,ROUNDDOWN($C455/24,0)+1,1)*INDEX($D$3:$AA$30,INDEX(Jesper!$R$2:$R$366,ROW(INDEX(Jesper!AJ$2:AJ$366,ROUNDDOWN($C455/24,0)+1,1))-1)+IF('Standard Profiles'!$G$20=$B$10,7,0)+IF('Standard Profiles'!$G$20=$B$17,14,0)+IF('Standard Profiles'!$G$20=$B$24,21,0),MOD($C455,24)+1)/SUM(INDEX($D$3:$AA$30,INDEX(Jesper!$R$2:$R$366,ROW(INDEX(Jesper!AJ$2:AJ$366,ROUNDDOWN($C455/24,0)+1,1))-1)+IF('Standard Profiles'!$G$20=$B$10,7,0)+IF('Standard Profiles'!$G$20=$B$17,14,0)+IF('Standard Profiles'!$G$20=$B$24,21,0),0)),0)</f>
        <v>0</v>
      </c>
      <c r="G455" cm="1">
        <f t="array" ref="G455">IFERROR(INDEX(Jesper!AK$2:AK$366,ROUNDDOWN($C455/24,0)+1,1)*INDEX($D$3:$AA$30,INDEX(Jesper!$R$2:$R$366,ROW(INDEX(Jesper!AK$2:AK$366,ROUNDDOWN($C455/24,0)+1,1))-1)+IF('Standard Profiles'!$G$21=$B$10,7,0)+IF('Standard Profiles'!$G$21=$B$17,14,0)+IF('Standard Profiles'!$G$21=$B$24,21,0),MOD($C455,24)+1)/SUM(INDEX($D$3:$AA$30,INDEX(Jesper!$R$2:$R$366,ROW(INDEX(Jesper!AK$2:AK$366,ROUNDDOWN($C455/24,0)+1,1))-1)+IF('Standard Profiles'!$G$21=$B$10,7,0)+IF('Standard Profiles'!$G$21=$B$17,14,0)+IF('Standard Profiles'!$G$21=$B$24,21,0),0)),0)</f>
        <v>0</v>
      </c>
      <c r="H455" cm="1">
        <f t="array" ref="H455">IFERROR(INDEX(Jesper!AL$2:AL$366,ROUNDDOWN($C455/24,0)+1,1)*INDEX($D$3:$AA$30,INDEX(Jesper!$R$2:$R$366,ROW(INDEX(Jesper!AL$2:AL$366,ROUNDDOWN($C455/24,0)+1,1))-1)+IF('Standard Profiles'!$G$22=$B$10,7,0)+IF('Standard Profiles'!$G$22=$B$17,14,0)+IF('Standard Profiles'!$G$22=$B$24,21,0),MOD($C455,24)+1)/SUM(INDEX($D$3:$AA$30,INDEX(Jesper!$R$2:$R$366,ROW(INDEX(Jesper!AL$2:AL$366,ROUNDDOWN($C455/24,0)+1,1))-1)+IF('Standard Profiles'!$G$22=$B$10,7,0)+IF('Standard Profiles'!$G$22=$B$17,14,0)+IF('Standard Profiles'!$G$22=$B$24,21,0),0)),0)</f>
        <v>0</v>
      </c>
      <c r="I455">
        <f t="shared" si="62"/>
        <v>0.47046864342919853</v>
      </c>
      <c r="J455">
        <f t="shared" si="63"/>
        <v>1.568228811430662</v>
      </c>
      <c r="K455">
        <f t="shared" si="64"/>
        <v>2.3523432171459926</v>
      </c>
      <c r="L455">
        <f t="shared" si="65"/>
        <v>11.291247442300765</v>
      </c>
      <c r="M455">
        <f t="shared" si="66"/>
        <v>0</v>
      </c>
      <c r="N455" s="46">
        <f t="shared" si="67"/>
        <v>45309.541666665646</v>
      </c>
    </row>
    <row r="456" spans="2:14" x14ac:dyDescent="0.3">
      <c r="B456">
        <f t="shared" si="61"/>
        <v>4</v>
      </c>
      <c r="C456" s="16">
        <v>422</v>
      </c>
      <c r="D456" cm="1">
        <f t="array" ref="D456">IFERROR(INDEX(Jesper!AH$2:AH$366,ROUNDDOWN($C456/24,0)+1,1)*INDEX($D$3:$AA$30,INDEX(Jesper!$R$2:$R$366,ROW(INDEX(Jesper!AH$2:AH$366,ROUNDDOWN($C456/24,0)+1,1))-1)+IF('Standard Profiles'!$G$18=$B$10,7,0)+IF('Standard Profiles'!$G$18=$B$17,14,0)+IF('Standard Profiles'!$G$18=$B$24,21,0),MOD($C456,24)+1)/SUM(INDEX($D$3:$AA$30,INDEX(Jesper!$R$2:$R$366,ROW(INDEX(Jesper!AH$2:AH$366,ROUNDDOWN($C456/24,0)+1,1))-1)+IF('Standard Profiles'!$G$18=$B$10,7,0)+IF('Standard Profiles'!$G$18=$B$17,14,0)+IF('Standard Profiles'!$G$18=$B$24,21,0),0)),0)</f>
        <v>15.682288114306619</v>
      </c>
      <c r="E456" cm="1">
        <f t="array" ref="E456">IFERROR(INDEX(Jesper!AI$2:AI$366,ROUNDDOWN($C456/24,0)+1,1)*INDEX($D$3:$AA$30,INDEX(Jesper!$R$2:$R$366,ROW(INDEX(Jesper!AI$2:AI$366,ROUNDDOWN($C456/24,0)+1,1))-1)+IF('Standard Profiles'!$G$19=$B$10,7,0)+IF('Standard Profiles'!$G$19=$B$17,14,0)+IF('Standard Profiles'!$G$19=$B$24,21,0),MOD($C456,24)+1)/SUM(INDEX($D$3:$AA$30,INDEX(Jesper!$R$2:$R$366,ROW(INDEX(Jesper!AI$2:AI$366,ROUNDDOWN($C456/24,0)+1,1))-1)+IF('Standard Profiles'!$G$19=$B$10,7,0)+IF('Standard Profiles'!$G$19=$B$17,14,0)+IF('Standard Profiles'!$G$19=$B$24,21,0),0)),0)</f>
        <v>0</v>
      </c>
      <c r="F456" cm="1">
        <f t="array" ref="F456">IFERROR(INDEX(Jesper!AJ$2:AJ$366,ROUNDDOWN($C456/24,0)+1,1)*INDEX($D$3:$AA$30,INDEX(Jesper!$R$2:$R$366,ROW(INDEX(Jesper!AJ$2:AJ$366,ROUNDDOWN($C456/24,0)+1,1))-1)+IF('Standard Profiles'!$G$20=$B$10,7,0)+IF('Standard Profiles'!$G$20=$B$17,14,0)+IF('Standard Profiles'!$G$20=$B$24,21,0),MOD($C456,24)+1)/SUM(INDEX($D$3:$AA$30,INDEX(Jesper!$R$2:$R$366,ROW(INDEX(Jesper!AJ$2:AJ$366,ROUNDDOWN($C456/24,0)+1,1))-1)+IF('Standard Profiles'!$G$20=$B$10,7,0)+IF('Standard Profiles'!$G$20=$B$17,14,0)+IF('Standard Profiles'!$G$20=$B$24,21,0),0)),0)</f>
        <v>0</v>
      </c>
      <c r="G456" cm="1">
        <f t="array" ref="G456">IFERROR(INDEX(Jesper!AK$2:AK$366,ROUNDDOWN($C456/24,0)+1,1)*INDEX($D$3:$AA$30,INDEX(Jesper!$R$2:$R$366,ROW(INDEX(Jesper!AK$2:AK$366,ROUNDDOWN($C456/24,0)+1,1))-1)+IF('Standard Profiles'!$G$21=$B$10,7,0)+IF('Standard Profiles'!$G$21=$B$17,14,0)+IF('Standard Profiles'!$G$21=$B$24,21,0),MOD($C456,24)+1)/SUM(INDEX($D$3:$AA$30,INDEX(Jesper!$R$2:$R$366,ROW(INDEX(Jesper!AK$2:AK$366,ROUNDDOWN($C456/24,0)+1,1))-1)+IF('Standard Profiles'!$G$21=$B$10,7,0)+IF('Standard Profiles'!$G$21=$B$17,14,0)+IF('Standard Profiles'!$G$21=$B$24,21,0),0)),0)</f>
        <v>0</v>
      </c>
      <c r="H456" cm="1">
        <f t="array" ref="H456">IFERROR(INDEX(Jesper!AL$2:AL$366,ROUNDDOWN($C456/24,0)+1,1)*INDEX($D$3:$AA$30,INDEX(Jesper!$R$2:$R$366,ROW(INDEX(Jesper!AL$2:AL$366,ROUNDDOWN($C456/24,0)+1,1))-1)+IF('Standard Profiles'!$G$22=$B$10,7,0)+IF('Standard Profiles'!$G$22=$B$17,14,0)+IF('Standard Profiles'!$G$22=$B$24,21,0),MOD($C456,24)+1)/SUM(INDEX($D$3:$AA$30,INDEX(Jesper!$R$2:$R$366,ROW(INDEX(Jesper!AL$2:AL$366,ROUNDDOWN($C456/24,0)+1,1))-1)+IF('Standard Profiles'!$G$22=$B$10,7,0)+IF('Standard Profiles'!$G$22=$B$17,14,0)+IF('Standard Profiles'!$G$22=$B$24,21,0),0)),0)</f>
        <v>0</v>
      </c>
      <c r="I456">
        <f t="shared" si="62"/>
        <v>0.47046864342919853</v>
      </c>
      <c r="J456">
        <f t="shared" si="63"/>
        <v>1.568228811430662</v>
      </c>
      <c r="K456">
        <f t="shared" si="64"/>
        <v>2.3523432171459926</v>
      </c>
      <c r="L456">
        <f t="shared" si="65"/>
        <v>11.291247442300765</v>
      </c>
      <c r="M456">
        <f t="shared" si="66"/>
        <v>0</v>
      </c>
      <c r="N456" s="46">
        <f t="shared" si="67"/>
        <v>45309.58333333231</v>
      </c>
    </row>
    <row r="457" spans="2:14" x14ac:dyDescent="0.3">
      <c r="B457">
        <f t="shared" si="61"/>
        <v>4</v>
      </c>
      <c r="C457" s="16">
        <v>423</v>
      </c>
      <c r="D457" cm="1">
        <f t="array" ref="D457">IFERROR(INDEX(Jesper!AH$2:AH$366,ROUNDDOWN($C457/24,0)+1,1)*INDEX($D$3:$AA$30,INDEX(Jesper!$R$2:$R$366,ROW(INDEX(Jesper!AH$2:AH$366,ROUNDDOWN($C457/24,0)+1,1))-1)+IF('Standard Profiles'!$G$18=$B$10,7,0)+IF('Standard Profiles'!$G$18=$B$17,14,0)+IF('Standard Profiles'!$G$18=$B$24,21,0),MOD($C457,24)+1)/SUM(INDEX($D$3:$AA$30,INDEX(Jesper!$R$2:$R$366,ROW(INDEX(Jesper!AH$2:AH$366,ROUNDDOWN($C457/24,0)+1,1))-1)+IF('Standard Profiles'!$G$18=$B$10,7,0)+IF('Standard Profiles'!$G$18=$B$17,14,0)+IF('Standard Profiles'!$G$18=$B$24,21,0),0)),0)</f>
        <v>15.682288114306619</v>
      </c>
      <c r="E457" cm="1">
        <f t="array" ref="E457">IFERROR(INDEX(Jesper!AI$2:AI$366,ROUNDDOWN($C457/24,0)+1,1)*INDEX($D$3:$AA$30,INDEX(Jesper!$R$2:$R$366,ROW(INDEX(Jesper!AI$2:AI$366,ROUNDDOWN($C457/24,0)+1,1))-1)+IF('Standard Profiles'!$G$19=$B$10,7,0)+IF('Standard Profiles'!$G$19=$B$17,14,0)+IF('Standard Profiles'!$G$19=$B$24,21,0),MOD($C457,24)+1)/SUM(INDEX($D$3:$AA$30,INDEX(Jesper!$R$2:$R$366,ROW(INDEX(Jesper!AI$2:AI$366,ROUNDDOWN($C457/24,0)+1,1))-1)+IF('Standard Profiles'!$G$19=$B$10,7,0)+IF('Standard Profiles'!$G$19=$B$17,14,0)+IF('Standard Profiles'!$G$19=$B$24,21,0),0)),0)</f>
        <v>0</v>
      </c>
      <c r="F457" cm="1">
        <f t="array" ref="F457">IFERROR(INDEX(Jesper!AJ$2:AJ$366,ROUNDDOWN($C457/24,0)+1,1)*INDEX($D$3:$AA$30,INDEX(Jesper!$R$2:$R$366,ROW(INDEX(Jesper!AJ$2:AJ$366,ROUNDDOWN($C457/24,0)+1,1))-1)+IF('Standard Profiles'!$G$20=$B$10,7,0)+IF('Standard Profiles'!$G$20=$B$17,14,0)+IF('Standard Profiles'!$G$20=$B$24,21,0),MOD($C457,24)+1)/SUM(INDEX($D$3:$AA$30,INDEX(Jesper!$R$2:$R$366,ROW(INDEX(Jesper!AJ$2:AJ$366,ROUNDDOWN($C457/24,0)+1,1))-1)+IF('Standard Profiles'!$G$20=$B$10,7,0)+IF('Standard Profiles'!$G$20=$B$17,14,0)+IF('Standard Profiles'!$G$20=$B$24,21,0),0)),0)</f>
        <v>0</v>
      </c>
      <c r="G457" cm="1">
        <f t="array" ref="G457">IFERROR(INDEX(Jesper!AK$2:AK$366,ROUNDDOWN($C457/24,0)+1,1)*INDEX($D$3:$AA$30,INDEX(Jesper!$R$2:$R$366,ROW(INDEX(Jesper!AK$2:AK$366,ROUNDDOWN($C457/24,0)+1,1))-1)+IF('Standard Profiles'!$G$21=$B$10,7,0)+IF('Standard Profiles'!$G$21=$B$17,14,0)+IF('Standard Profiles'!$G$21=$B$24,21,0),MOD($C457,24)+1)/SUM(INDEX($D$3:$AA$30,INDEX(Jesper!$R$2:$R$366,ROW(INDEX(Jesper!AK$2:AK$366,ROUNDDOWN($C457/24,0)+1,1))-1)+IF('Standard Profiles'!$G$21=$B$10,7,0)+IF('Standard Profiles'!$G$21=$B$17,14,0)+IF('Standard Profiles'!$G$21=$B$24,21,0),0)),0)</f>
        <v>0</v>
      </c>
      <c r="H457" cm="1">
        <f t="array" ref="H457">IFERROR(INDEX(Jesper!AL$2:AL$366,ROUNDDOWN($C457/24,0)+1,1)*INDEX($D$3:$AA$30,INDEX(Jesper!$R$2:$R$366,ROW(INDEX(Jesper!AL$2:AL$366,ROUNDDOWN($C457/24,0)+1,1))-1)+IF('Standard Profiles'!$G$22=$B$10,7,0)+IF('Standard Profiles'!$G$22=$B$17,14,0)+IF('Standard Profiles'!$G$22=$B$24,21,0),MOD($C457,24)+1)/SUM(INDEX($D$3:$AA$30,INDEX(Jesper!$R$2:$R$366,ROW(INDEX(Jesper!AL$2:AL$366,ROUNDDOWN($C457/24,0)+1,1))-1)+IF('Standard Profiles'!$G$22=$B$10,7,0)+IF('Standard Profiles'!$G$22=$B$17,14,0)+IF('Standard Profiles'!$G$22=$B$24,21,0),0)),0)</f>
        <v>0</v>
      </c>
      <c r="I457">
        <f t="shared" si="62"/>
        <v>0.47046864342919853</v>
      </c>
      <c r="J457">
        <f t="shared" si="63"/>
        <v>1.568228811430662</v>
      </c>
      <c r="K457">
        <f t="shared" si="64"/>
        <v>2.3523432171459926</v>
      </c>
      <c r="L457">
        <f t="shared" si="65"/>
        <v>11.291247442300765</v>
      </c>
      <c r="M457">
        <f t="shared" si="66"/>
        <v>0</v>
      </c>
      <c r="N457" s="46">
        <f t="shared" si="67"/>
        <v>45309.624999998974</v>
      </c>
    </row>
    <row r="458" spans="2:14" x14ac:dyDescent="0.3">
      <c r="B458">
        <f t="shared" si="61"/>
        <v>4</v>
      </c>
      <c r="C458" s="16">
        <v>424</v>
      </c>
      <c r="D458" cm="1">
        <f t="array" ref="D458">IFERROR(INDEX(Jesper!AH$2:AH$366,ROUNDDOWN($C458/24,0)+1,1)*INDEX($D$3:$AA$30,INDEX(Jesper!$R$2:$R$366,ROW(INDEX(Jesper!AH$2:AH$366,ROUNDDOWN($C458/24,0)+1,1))-1)+IF('Standard Profiles'!$G$18=$B$10,7,0)+IF('Standard Profiles'!$G$18=$B$17,14,0)+IF('Standard Profiles'!$G$18=$B$24,21,0),MOD($C458,24)+1)/SUM(INDEX($D$3:$AA$30,INDEX(Jesper!$R$2:$R$366,ROW(INDEX(Jesper!AH$2:AH$366,ROUNDDOWN($C458/24,0)+1,1))-1)+IF('Standard Profiles'!$G$18=$B$10,7,0)+IF('Standard Profiles'!$G$18=$B$17,14,0)+IF('Standard Profiles'!$G$18=$B$24,21,0),0)),0)</f>
        <v>15.682288114306619</v>
      </c>
      <c r="E458" cm="1">
        <f t="array" ref="E458">IFERROR(INDEX(Jesper!AI$2:AI$366,ROUNDDOWN($C458/24,0)+1,1)*INDEX($D$3:$AA$30,INDEX(Jesper!$R$2:$R$366,ROW(INDEX(Jesper!AI$2:AI$366,ROUNDDOWN($C458/24,0)+1,1))-1)+IF('Standard Profiles'!$G$19=$B$10,7,0)+IF('Standard Profiles'!$G$19=$B$17,14,0)+IF('Standard Profiles'!$G$19=$B$24,21,0),MOD($C458,24)+1)/SUM(INDEX($D$3:$AA$30,INDEX(Jesper!$R$2:$R$366,ROW(INDEX(Jesper!AI$2:AI$366,ROUNDDOWN($C458/24,0)+1,1))-1)+IF('Standard Profiles'!$G$19=$B$10,7,0)+IF('Standard Profiles'!$G$19=$B$17,14,0)+IF('Standard Profiles'!$G$19=$B$24,21,0),0)),0)</f>
        <v>0</v>
      </c>
      <c r="F458" cm="1">
        <f t="array" ref="F458">IFERROR(INDEX(Jesper!AJ$2:AJ$366,ROUNDDOWN($C458/24,0)+1,1)*INDEX($D$3:$AA$30,INDEX(Jesper!$R$2:$R$366,ROW(INDEX(Jesper!AJ$2:AJ$366,ROUNDDOWN($C458/24,0)+1,1))-1)+IF('Standard Profiles'!$G$20=$B$10,7,0)+IF('Standard Profiles'!$G$20=$B$17,14,0)+IF('Standard Profiles'!$G$20=$B$24,21,0),MOD($C458,24)+1)/SUM(INDEX($D$3:$AA$30,INDEX(Jesper!$R$2:$R$366,ROW(INDEX(Jesper!AJ$2:AJ$366,ROUNDDOWN($C458/24,0)+1,1))-1)+IF('Standard Profiles'!$G$20=$B$10,7,0)+IF('Standard Profiles'!$G$20=$B$17,14,0)+IF('Standard Profiles'!$G$20=$B$24,21,0),0)),0)</f>
        <v>0</v>
      </c>
      <c r="G458" cm="1">
        <f t="array" ref="G458">IFERROR(INDEX(Jesper!AK$2:AK$366,ROUNDDOWN($C458/24,0)+1,1)*INDEX($D$3:$AA$30,INDEX(Jesper!$R$2:$R$366,ROW(INDEX(Jesper!AK$2:AK$366,ROUNDDOWN($C458/24,0)+1,1))-1)+IF('Standard Profiles'!$G$21=$B$10,7,0)+IF('Standard Profiles'!$G$21=$B$17,14,0)+IF('Standard Profiles'!$G$21=$B$24,21,0),MOD($C458,24)+1)/SUM(INDEX($D$3:$AA$30,INDEX(Jesper!$R$2:$R$366,ROW(INDEX(Jesper!AK$2:AK$366,ROUNDDOWN($C458/24,0)+1,1))-1)+IF('Standard Profiles'!$G$21=$B$10,7,0)+IF('Standard Profiles'!$G$21=$B$17,14,0)+IF('Standard Profiles'!$G$21=$B$24,21,0),0)),0)</f>
        <v>0</v>
      </c>
      <c r="H458" cm="1">
        <f t="array" ref="H458">IFERROR(INDEX(Jesper!AL$2:AL$366,ROUNDDOWN($C458/24,0)+1,1)*INDEX($D$3:$AA$30,INDEX(Jesper!$R$2:$R$366,ROW(INDEX(Jesper!AL$2:AL$366,ROUNDDOWN($C458/24,0)+1,1))-1)+IF('Standard Profiles'!$G$22=$B$10,7,0)+IF('Standard Profiles'!$G$22=$B$17,14,0)+IF('Standard Profiles'!$G$22=$B$24,21,0),MOD($C458,24)+1)/SUM(INDEX($D$3:$AA$30,INDEX(Jesper!$R$2:$R$366,ROW(INDEX(Jesper!AL$2:AL$366,ROUNDDOWN($C458/24,0)+1,1))-1)+IF('Standard Profiles'!$G$22=$B$10,7,0)+IF('Standard Profiles'!$G$22=$B$17,14,0)+IF('Standard Profiles'!$G$22=$B$24,21,0),0)),0)</f>
        <v>0</v>
      </c>
      <c r="I458">
        <f t="shared" si="62"/>
        <v>0.47046864342919853</v>
      </c>
      <c r="J458">
        <f t="shared" si="63"/>
        <v>1.568228811430662</v>
      </c>
      <c r="K458">
        <f t="shared" si="64"/>
        <v>2.3523432171459926</v>
      </c>
      <c r="L458">
        <f t="shared" si="65"/>
        <v>11.291247442300765</v>
      </c>
      <c r="M458">
        <f t="shared" si="66"/>
        <v>0</v>
      </c>
      <c r="N458" s="46">
        <f t="shared" si="67"/>
        <v>45309.666666665638</v>
      </c>
    </row>
    <row r="459" spans="2:14" x14ac:dyDescent="0.3">
      <c r="B459">
        <f t="shared" si="61"/>
        <v>4</v>
      </c>
      <c r="C459" s="16">
        <v>425</v>
      </c>
      <c r="D459" cm="1">
        <f t="array" ref="D459">IFERROR(INDEX(Jesper!AH$2:AH$366,ROUNDDOWN($C459/24,0)+1,1)*INDEX($D$3:$AA$30,INDEX(Jesper!$R$2:$R$366,ROW(INDEX(Jesper!AH$2:AH$366,ROUNDDOWN($C459/24,0)+1,1))-1)+IF('Standard Profiles'!$G$18=$B$10,7,0)+IF('Standard Profiles'!$G$18=$B$17,14,0)+IF('Standard Profiles'!$G$18=$B$24,21,0),MOD($C459,24)+1)/SUM(INDEX($D$3:$AA$30,INDEX(Jesper!$R$2:$R$366,ROW(INDEX(Jesper!AH$2:AH$366,ROUNDDOWN($C459/24,0)+1,1))-1)+IF('Standard Profiles'!$G$18=$B$10,7,0)+IF('Standard Profiles'!$G$18=$B$17,14,0)+IF('Standard Profiles'!$G$18=$B$24,21,0),0)),0)</f>
        <v>15.682288114306619</v>
      </c>
      <c r="E459" cm="1">
        <f t="array" ref="E459">IFERROR(INDEX(Jesper!AI$2:AI$366,ROUNDDOWN($C459/24,0)+1,1)*INDEX($D$3:$AA$30,INDEX(Jesper!$R$2:$R$366,ROW(INDEX(Jesper!AI$2:AI$366,ROUNDDOWN($C459/24,0)+1,1))-1)+IF('Standard Profiles'!$G$19=$B$10,7,0)+IF('Standard Profiles'!$G$19=$B$17,14,0)+IF('Standard Profiles'!$G$19=$B$24,21,0),MOD($C459,24)+1)/SUM(INDEX($D$3:$AA$30,INDEX(Jesper!$R$2:$R$366,ROW(INDEX(Jesper!AI$2:AI$366,ROUNDDOWN($C459/24,0)+1,1))-1)+IF('Standard Profiles'!$G$19=$B$10,7,0)+IF('Standard Profiles'!$G$19=$B$17,14,0)+IF('Standard Profiles'!$G$19=$B$24,21,0),0)),0)</f>
        <v>0</v>
      </c>
      <c r="F459" cm="1">
        <f t="array" ref="F459">IFERROR(INDEX(Jesper!AJ$2:AJ$366,ROUNDDOWN($C459/24,0)+1,1)*INDEX($D$3:$AA$30,INDEX(Jesper!$R$2:$R$366,ROW(INDEX(Jesper!AJ$2:AJ$366,ROUNDDOWN($C459/24,0)+1,1))-1)+IF('Standard Profiles'!$G$20=$B$10,7,0)+IF('Standard Profiles'!$G$20=$B$17,14,0)+IF('Standard Profiles'!$G$20=$B$24,21,0),MOD($C459,24)+1)/SUM(INDEX($D$3:$AA$30,INDEX(Jesper!$R$2:$R$366,ROW(INDEX(Jesper!AJ$2:AJ$366,ROUNDDOWN($C459/24,0)+1,1))-1)+IF('Standard Profiles'!$G$20=$B$10,7,0)+IF('Standard Profiles'!$G$20=$B$17,14,0)+IF('Standard Profiles'!$G$20=$B$24,21,0),0)),0)</f>
        <v>0</v>
      </c>
      <c r="G459" cm="1">
        <f t="array" ref="G459">IFERROR(INDEX(Jesper!AK$2:AK$366,ROUNDDOWN($C459/24,0)+1,1)*INDEX($D$3:$AA$30,INDEX(Jesper!$R$2:$R$366,ROW(INDEX(Jesper!AK$2:AK$366,ROUNDDOWN($C459/24,0)+1,1))-1)+IF('Standard Profiles'!$G$21=$B$10,7,0)+IF('Standard Profiles'!$G$21=$B$17,14,0)+IF('Standard Profiles'!$G$21=$B$24,21,0),MOD($C459,24)+1)/SUM(INDEX($D$3:$AA$30,INDEX(Jesper!$R$2:$R$366,ROW(INDEX(Jesper!AK$2:AK$366,ROUNDDOWN($C459/24,0)+1,1))-1)+IF('Standard Profiles'!$G$21=$B$10,7,0)+IF('Standard Profiles'!$G$21=$B$17,14,0)+IF('Standard Profiles'!$G$21=$B$24,21,0),0)),0)</f>
        <v>0</v>
      </c>
      <c r="H459" cm="1">
        <f t="array" ref="H459">IFERROR(INDEX(Jesper!AL$2:AL$366,ROUNDDOWN($C459/24,0)+1,1)*INDEX($D$3:$AA$30,INDEX(Jesper!$R$2:$R$366,ROW(INDEX(Jesper!AL$2:AL$366,ROUNDDOWN($C459/24,0)+1,1))-1)+IF('Standard Profiles'!$G$22=$B$10,7,0)+IF('Standard Profiles'!$G$22=$B$17,14,0)+IF('Standard Profiles'!$G$22=$B$24,21,0),MOD($C459,24)+1)/SUM(INDEX($D$3:$AA$30,INDEX(Jesper!$R$2:$R$366,ROW(INDEX(Jesper!AL$2:AL$366,ROUNDDOWN($C459/24,0)+1,1))-1)+IF('Standard Profiles'!$G$22=$B$10,7,0)+IF('Standard Profiles'!$G$22=$B$17,14,0)+IF('Standard Profiles'!$G$22=$B$24,21,0),0)),0)</f>
        <v>0</v>
      </c>
      <c r="I459">
        <f t="shared" si="62"/>
        <v>0.47046864342919853</v>
      </c>
      <c r="J459">
        <f t="shared" si="63"/>
        <v>1.568228811430662</v>
      </c>
      <c r="K459">
        <f t="shared" si="64"/>
        <v>2.3523432171459926</v>
      </c>
      <c r="L459">
        <f t="shared" si="65"/>
        <v>11.291247442300765</v>
      </c>
      <c r="M459">
        <f t="shared" si="66"/>
        <v>0</v>
      </c>
      <c r="N459" s="46">
        <f t="shared" si="67"/>
        <v>45309.708333332303</v>
      </c>
    </row>
    <row r="460" spans="2:14" x14ac:dyDescent="0.3">
      <c r="B460">
        <f t="shared" si="61"/>
        <v>4</v>
      </c>
      <c r="C460" s="16">
        <v>426</v>
      </c>
      <c r="D460" cm="1">
        <f t="array" ref="D460">IFERROR(INDEX(Jesper!AH$2:AH$366,ROUNDDOWN($C460/24,0)+1,1)*INDEX($D$3:$AA$30,INDEX(Jesper!$R$2:$R$366,ROW(INDEX(Jesper!AH$2:AH$366,ROUNDDOWN($C460/24,0)+1,1))-1)+IF('Standard Profiles'!$G$18=$B$10,7,0)+IF('Standard Profiles'!$G$18=$B$17,14,0)+IF('Standard Profiles'!$G$18=$B$24,21,0),MOD($C460,24)+1)/SUM(INDEX($D$3:$AA$30,INDEX(Jesper!$R$2:$R$366,ROW(INDEX(Jesper!AH$2:AH$366,ROUNDDOWN($C460/24,0)+1,1))-1)+IF('Standard Profiles'!$G$18=$B$10,7,0)+IF('Standard Profiles'!$G$18=$B$17,14,0)+IF('Standard Profiles'!$G$18=$B$24,21,0),0)),0)</f>
        <v>15.682288114306619</v>
      </c>
      <c r="E460" cm="1">
        <f t="array" ref="E460">IFERROR(INDEX(Jesper!AI$2:AI$366,ROUNDDOWN($C460/24,0)+1,1)*INDEX($D$3:$AA$30,INDEX(Jesper!$R$2:$R$366,ROW(INDEX(Jesper!AI$2:AI$366,ROUNDDOWN($C460/24,0)+1,1))-1)+IF('Standard Profiles'!$G$19=$B$10,7,0)+IF('Standard Profiles'!$G$19=$B$17,14,0)+IF('Standard Profiles'!$G$19=$B$24,21,0),MOD($C460,24)+1)/SUM(INDEX($D$3:$AA$30,INDEX(Jesper!$R$2:$R$366,ROW(INDEX(Jesper!AI$2:AI$366,ROUNDDOWN($C460/24,0)+1,1))-1)+IF('Standard Profiles'!$G$19=$B$10,7,0)+IF('Standard Profiles'!$G$19=$B$17,14,0)+IF('Standard Profiles'!$G$19=$B$24,21,0),0)),0)</f>
        <v>0</v>
      </c>
      <c r="F460" cm="1">
        <f t="array" ref="F460">IFERROR(INDEX(Jesper!AJ$2:AJ$366,ROUNDDOWN($C460/24,0)+1,1)*INDEX($D$3:$AA$30,INDEX(Jesper!$R$2:$R$366,ROW(INDEX(Jesper!AJ$2:AJ$366,ROUNDDOWN($C460/24,0)+1,1))-1)+IF('Standard Profiles'!$G$20=$B$10,7,0)+IF('Standard Profiles'!$G$20=$B$17,14,0)+IF('Standard Profiles'!$G$20=$B$24,21,0),MOD($C460,24)+1)/SUM(INDEX($D$3:$AA$30,INDEX(Jesper!$R$2:$R$366,ROW(INDEX(Jesper!AJ$2:AJ$366,ROUNDDOWN($C460/24,0)+1,1))-1)+IF('Standard Profiles'!$G$20=$B$10,7,0)+IF('Standard Profiles'!$G$20=$B$17,14,0)+IF('Standard Profiles'!$G$20=$B$24,21,0),0)),0)</f>
        <v>0</v>
      </c>
      <c r="G460" cm="1">
        <f t="array" ref="G460">IFERROR(INDEX(Jesper!AK$2:AK$366,ROUNDDOWN($C460/24,0)+1,1)*INDEX($D$3:$AA$30,INDEX(Jesper!$R$2:$R$366,ROW(INDEX(Jesper!AK$2:AK$366,ROUNDDOWN($C460/24,0)+1,1))-1)+IF('Standard Profiles'!$G$21=$B$10,7,0)+IF('Standard Profiles'!$G$21=$B$17,14,0)+IF('Standard Profiles'!$G$21=$B$24,21,0),MOD($C460,24)+1)/SUM(INDEX($D$3:$AA$30,INDEX(Jesper!$R$2:$R$366,ROW(INDEX(Jesper!AK$2:AK$366,ROUNDDOWN($C460/24,0)+1,1))-1)+IF('Standard Profiles'!$G$21=$B$10,7,0)+IF('Standard Profiles'!$G$21=$B$17,14,0)+IF('Standard Profiles'!$G$21=$B$24,21,0),0)),0)</f>
        <v>0</v>
      </c>
      <c r="H460" cm="1">
        <f t="array" ref="H460">IFERROR(INDEX(Jesper!AL$2:AL$366,ROUNDDOWN($C460/24,0)+1,1)*INDEX($D$3:$AA$30,INDEX(Jesper!$R$2:$R$366,ROW(INDEX(Jesper!AL$2:AL$366,ROUNDDOWN($C460/24,0)+1,1))-1)+IF('Standard Profiles'!$G$22=$B$10,7,0)+IF('Standard Profiles'!$G$22=$B$17,14,0)+IF('Standard Profiles'!$G$22=$B$24,21,0),MOD($C460,24)+1)/SUM(INDEX($D$3:$AA$30,INDEX(Jesper!$R$2:$R$366,ROW(INDEX(Jesper!AL$2:AL$366,ROUNDDOWN($C460/24,0)+1,1))-1)+IF('Standard Profiles'!$G$22=$B$10,7,0)+IF('Standard Profiles'!$G$22=$B$17,14,0)+IF('Standard Profiles'!$G$22=$B$24,21,0),0)),0)</f>
        <v>0</v>
      </c>
      <c r="I460">
        <f t="shared" si="62"/>
        <v>0.47046864342919853</v>
      </c>
      <c r="J460">
        <f t="shared" si="63"/>
        <v>1.568228811430662</v>
      </c>
      <c r="K460">
        <f t="shared" si="64"/>
        <v>2.3523432171459926</v>
      </c>
      <c r="L460">
        <f t="shared" si="65"/>
        <v>11.291247442300765</v>
      </c>
      <c r="M460">
        <f t="shared" si="66"/>
        <v>0</v>
      </c>
      <c r="N460" s="46">
        <f t="shared" si="67"/>
        <v>45309.749999998967</v>
      </c>
    </row>
    <row r="461" spans="2:14" x14ac:dyDescent="0.3">
      <c r="B461">
        <f t="shared" si="61"/>
        <v>4</v>
      </c>
      <c r="C461" s="16">
        <v>427</v>
      </c>
      <c r="D461" cm="1">
        <f t="array" ref="D461">IFERROR(INDEX(Jesper!AH$2:AH$366,ROUNDDOWN($C461/24,0)+1,1)*INDEX($D$3:$AA$30,INDEX(Jesper!$R$2:$R$366,ROW(INDEX(Jesper!AH$2:AH$366,ROUNDDOWN($C461/24,0)+1,1))-1)+IF('Standard Profiles'!$G$18=$B$10,7,0)+IF('Standard Profiles'!$G$18=$B$17,14,0)+IF('Standard Profiles'!$G$18=$B$24,21,0),MOD($C461,24)+1)/SUM(INDEX($D$3:$AA$30,INDEX(Jesper!$R$2:$R$366,ROW(INDEX(Jesper!AH$2:AH$366,ROUNDDOWN($C461/24,0)+1,1))-1)+IF('Standard Profiles'!$G$18=$B$10,7,0)+IF('Standard Profiles'!$G$18=$B$17,14,0)+IF('Standard Profiles'!$G$18=$B$24,21,0),0)),0)</f>
        <v>13.06857342858885</v>
      </c>
      <c r="E461" cm="1">
        <f t="array" ref="E461">IFERROR(INDEX(Jesper!AI$2:AI$366,ROUNDDOWN($C461/24,0)+1,1)*INDEX($D$3:$AA$30,INDEX(Jesper!$R$2:$R$366,ROW(INDEX(Jesper!AI$2:AI$366,ROUNDDOWN($C461/24,0)+1,1))-1)+IF('Standard Profiles'!$G$19=$B$10,7,0)+IF('Standard Profiles'!$G$19=$B$17,14,0)+IF('Standard Profiles'!$G$19=$B$24,21,0),MOD($C461,24)+1)/SUM(INDEX($D$3:$AA$30,INDEX(Jesper!$R$2:$R$366,ROW(INDEX(Jesper!AI$2:AI$366,ROUNDDOWN($C461/24,0)+1,1))-1)+IF('Standard Profiles'!$G$19=$B$10,7,0)+IF('Standard Profiles'!$G$19=$B$17,14,0)+IF('Standard Profiles'!$G$19=$B$24,21,0),0)),0)</f>
        <v>0</v>
      </c>
      <c r="F461" cm="1">
        <f t="array" ref="F461">IFERROR(INDEX(Jesper!AJ$2:AJ$366,ROUNDDOWN($C461/24,0)+1,1)*INDEX($D$3:$AA$30,INDEX(Jesper!$R$2:$R$366,ROW(INDEX(Jesper!AJ$2:AJ$366,ROUNDDOWN($C461/24,0)+1,1))-1)+IF('Standard Profiles'!$G$20=$B$10,7,0)+IF('Standard Profiles'!$G$20=$B$17,14,0)+IF('Standard Profiles'!$G$20=$B$24,21,0),MOD($C461,24)+1)/SUM(INDEX($D$3:$AA$30,INDEX(Jesper!$R$2:$R$366,ROW(INDEX(Jesper!AJ$2:AJ$366,ROUNDDOWN($C461/24,0)+1,1))-1)+IF('Standard Profiles'!$G$20=$B$10,7,0)+IF('Standard Profiles'!$G$20=$B$17,14,0)+IF('Standard Profiles'!$G$20=$B$24,21,0),0)),0)</f>
        <v>0</v>
      </c>
      <c r="G461" cm="1">
        <f t="array" ref="G461">IFERROR(INDEX(Jesper!AK$2:AK$366,ROUNDDOWN($C461/24,0)+1,1)*INDEX($D$3:$AA$30,INDEX(Jesper!$R$2:$R$366,ROW(INDEX(Jesper!AK$2:AK$366,ROUNDDOWN($C461/24,0)+1,1))-1)+IF('Standard Profiles'!$G$21=$B$10,7,0)+IF('Standard Profiles'!$G$21=$B$17,14,0)+IF('Standard Profiles'!$G$21=$B$24,21,0),MOD($C461,24)+1)/SUM(INDEX($D$3:$AA$30,INDEX(Jesper!$R$2:$R$366,ROW(INDEX(Jesper!AK$2:AK$366,ROUNDDOWN($C461/24,0)+1,1))-1)+IF('Standard Profiles'!$G$21=$B$10,7,0)+IF('Standard Profiles'!$G$21=$B$17,14,0)+IF('Standard Profiles'!$G$21=$B$24,21,0),0)),0)</f>
        <v>0</v>
      </c>
      <c r="H461" cm="1">
        <f t="array" ref="H461">IFERROR(INDEX(Jesper!AL$2:AL$366,ROUNDDOWN($C461/24,0)+1,1)*INDEX($D$3:$AA$30,INDEX(Jesper!$R$2:$R$366,ROW(INDEX(Jesper!AL$2:AL$366,ROUNDDOWN($C461/24,0)+1,1))-1)+IF('Standard Profiles'!$G$22=$B$10,7,0)+IF('Standard Profiles'!$G$22=$B$17,14,0)+IF('Standard Profiles'!$G$22=$B$24,21,0),MOD($C461,24)+1)/SUM(INDEX($D$3:$AA$30,INDEX(Jesper!$R$2:$R$366,ROW(INDEX(Jesper!AL$2:AL$366,ROUNDDOWN($C461/24,0)+1,1))-1)+IF('Standard Profiles'!$G$22=$B$10,7,0)+IF('Standard Profiles'!$G$22=$B$17,14,0)+IF('Standard Profiles'!$G$22=$B$24,21,0),0)),0)</f>
        <v>0</v>
      </c>
      <c r="I461">
        <f t="shared" si="62"/>
        <v>0.39205720285766549</v>
      </c>
      <c r="J461">
        <f t="shared" si="63"/>
        <v>1.3068573428588852</v>
      </c>
      <c r="K461">
        <f t="shared" si="64"/>
        <v>1.9602860142883274</v>
      </c>
      <c r="L461">
        <f t="shared" si="65"/>
        <v>9.4093728685839721</v>
      </c>
      <c r="M461">
        <f t="shared" si="66"/>
        <v>0</v>
      </c>
      <c r="N461" s="46">
        <f t="shared" si="67"/>
        <v>45309.791666665631</v>
      </c>
    </row>
    <row r="462" spans="2:14" x14ac:dyDescent="0.3">
      <c r="B462">
        <f t="shared" si="61"/>
        <v>4</v>
      </c>
      <c r="C462" s="16">
        <v>428</v>
      </c>
      <c r="D462" cm="1">
        <f t="array" ref="D462">IFERROR(INDEX(Jesper!AH$2:AH$366,ROUNDDOWN($C462/24,0)+1,1)*INDEX($D$3:$AA$30,INDEX(Jesper!$R$2:$R$366,ROW(INDEX(Jesper!AH$2:AH$366,ROUNDDOWN($C462/24,0)+1,1))-1)+IF('Standard Profiles'!$G$18=$B$10,7,0)+IF('Standard Profiles'!$G$18=$B$17,14,0)+IF('Standard Profiles'!$G$18=$B$24,21,0),MOD($C462,24)+1)/SUM(INDEX($D$3:$AA$30,INDEX(Jesper!$R$2:$R$366,ROW(INDEX(Jesper!AH$2:AH$366,ROUNDDOWN($C462/24,0)+1,1))-1)+IF('Standard Profiles'!$G$18=$B$10,7,0)+IF('Standard Profiles'!$G$18=$B$17,14,0)+IF('Standard Profiles'!$G$18=$B$24,21,0),0)),0)</f>
        <v>10.454858742871082</v>
      </c>
      <c r="E462" cm="1">
        <f t="array" ref="E462">IFERROR(INDEX(Jesper!AI$2:AI$366,ROUNDDOWN($C462/24,0)+1,1)*INDEX($D$3:$AA$30,INDEX(Jesper!$R$2:$R$366,ROW(INDEX(Jesper!AI$2:AI$366,ROUNDDOWN($C462/24,0)+1,1))-1)+IF('Standard Profiles'!$G$19=$B$10,7,0)+IF('Standard Profiles'!$G$19=$B$17,14,0)+IF('Standard Profiles'!$G$19=$B$24,21,0),MOD($C462,24)+1)/SUM(INDEX($D$3:$AA$30,INDEX(Jesper!$R$2:$R$366,ROW(INDEX(Jesper!AI$2:AI$366,ROUNDDOWN($C462/24,0)+1,1))-1)+IF('Standard Profiles'!$G$19=$B$10,7,0)+IF('Standard Profiles'!$G$19=$B$17,14,0)+IF('Standard Profiles'!$G$19=$B$24,21,0),0)),0)</f>
        <v>0</v>
      </c>
      <c r="F462" cm="1">
        <f t="array" ref="F462">IFERROR(INDEX(Jesper!AJ$2:AJ$366,ROUNDDOWN($C462/24,0)+1,1)*INDEX($D$3:$AA$30,INDEX(Jesper!$R$2:$R$366,ROW(INDEX(Jesper!AJ$2:AJ$366,ROUNDDOWN($C462/24,0)+1,1))-1)+IF('Standard Profiles'!$G$20=$B$10,7,0)+IF('Standard Profiles'!$G$20=$B$17,14,0)+IF('Standard Profiles'!$G$20=$B$24,21,0),MOD($C462,24)+1)/SUM(INDEX($D$3:$AA$30,INDEX(Jesper!$R$2:$R$366,ROW(INDEX(Jesper!AJ$2:AJ$366,ROUNDDOWN($C462/24,0)+1,1))-1)+IF('Standard Profiles'!$G$20=$B$10,7,0)+IF('Standard Profiles'!$G$20=$B$17,14,0)+IF('Standard Profiles'!$G$20=$B$24,21,0),0)),0)</f>
        <v>0</v>
      </c>
      <c r="G462" cm="1">
        <f t="array" ref="G462">IFERROR(INDEX(Jesper!AK$2:AK$366,ROUNDDOWN($C462/24,0)+1,1)*INDEX($D$3:$AA$30,INDEX(Jesper!$R$2:$R$366,ROW(INDEX(Jesper!AK$2:AK$366,ROUNDDOWN($C462/24,0)+1,1))-1)+IF('Standard Profiles'!$G$21=$B$10,7,0)+IF('Standard Profiles'!$G$21=$B$17,14,0)+IF('Standard Profiles'!$G$21=$B$24,21,0),MOD($C462,24)+1)/SUM(INDEX($D$3:$AA$30,INDEX(Jesper!$R$2:$R$366,ROW(INDEX(Jesper!AK$2:AK$366,ROUNDDOWN($C462/24,0)+1,1))-1)+IF('Standard Profiles'!$G$21=$B$10,7,0)+IF('Standard Profiles'!$G$21=$B$17,14,0)+IF('Standard Profiles'!$G$21=$B$24,21,0),0)),0)</f>
        <v>0</v>
      </c>
      <c r="H462" cm="1">
        <f t="array" ref="H462">IFERROR(INDEX(Jesper!AL$2:AL$366,ROUNDDOWN($C462/24,0)+1,1)*INDEX($D$3:$AA$30,INDEX(Jesper!$R$2:$R$366,ROW(INDEX(Jesper!AL$2:AL$366,ROUNDDOWN($C462/24,0)+1,1))-1)+IF('Standard Profiles'!$G$22=$B$10,7,0)+IF('Standard Profiles'!$G$22=$B$17,14,0)+IF('Standard Profiles'!$G$22=$B$24,21,0),MOD($C462,24)+1)/SUM(INDEX($D$3:$AA$30,INDEX(Jesper!$R$2:$R$366,ROW(INDEX(Jesper!AL$2:AL$366,ROUNDDOWN($C462/24,0)+1,1))-1)+IF('Standard Profiles'!$G$22=$B$10,7,0)+IF('Standard Profiles'!$G$22=$B$17,14,0)+IF('Standard Profiles'!$G$22=$B$24,21,0),0)),0)</f>
        <v>0</v>
      </c>
      <c r="I462">
        <f t="shared" si="62"/>
        <v>0.31364576228613245</v>
      </c>
      <c r="J462">
        <f t="shared" si="63"/>
        <v>1.0454858742871083</v>
      </c>
      <c r="K462">
        <f t="shared" si="64"/>
        <v>1.5682288114306622</v>
      </c>
      <c r="L462">
        <f t="shared" si="65"/>
        <v>7.5274982948671783</v>
      </c>
      <c r="M462">
        <f t="shared" si="66"/>
        <v>0</v>
      </c>
      <c r="N462" s="46">
        <f t="shared" si="67"/>
        <v>45309.833333332295</v>
      </c>
    </row>
    <row r="463" spans="2:14" x14ac:dyDescent="0.3">
      <c r="B463">
        <f t="shared" si="61"/>
        <v>4</v>
      </c>
      <c r="C463" s="16">
        <v>429</v>
      </c>
      <c r="D463" cm="1">
        <f t="array" ref="D463">IFERROR(INDEX(Jesper!AH$2:AH$366,ROUNDDOWN($C463/24,0)+1,1)*INDEX($D$3:$AA$30,INDEX(Jesper!$R$2:$R$366,ROW(INDEX(Jesper!AH$2:AH$366,ROUNDDOWN($C463/24,0)+1,1))-1)+IF('Standard Profiles'!$G$18=$B$10,7,0)+IF('Standard Profiles'!$G$18=$B$17,14,0)+IF('Standard Profiles'!$G$18=$B$24,21,0),MOD($C463,24)+1)/SUM(INDEX($D$3:$AA$30,INDEX(Jesper!$R$2:$R$366,ROW(INDEX(Jesper!AH$2:AH$366,ROUNDDOWN($C463/24,0)+1,1))-1)+IF('Standard Profiles'!$G$18=$B$10,7,0)+IF('Standard Profiles'!$G$18=$B$17,14,0)+IF('Standard Profiles'!$G$18=$B$24,21,0),0)),0)</f>
        <v>7.8411440571533095</v>
      </c>
      <c r="E463" cm="1">
        <f t="array" ref="E463">IFERROR(INDEX(Jesper!AI$2:AI$366,ROUNDDOWN($C463/24,0)+1,1)*INDEX($D$3:$AA$30,INDEX(Jesper!$R$2:$R$366,ROW(INDEX(Jesper!AI$2:AI$366,ROUNDDOWN($C463/24,0)+1,1))-1)+IF('Standard Profiles'!$G$19=$B$10,7,0)+IF('Standard Profiles'!$G$19=$B$17,14,0)+IF('Standard Profiles'!$G$19=$B$24,21,0),MOD($C463,24)+1)/SUM(INDEX($D$3:$AA$30,INDEX(Jesper!$R$2:$R$366,ROW(INDEX(Jesper!AI$2:AI$366,ROUNDDOWN($C463/24,0)+1,1))-1)+IF('Standard Profiles'!$G$19=$B$10,7,0)+IF('Standard Profiles'!$G$19=$B$17,14,0)+IF('Standard Profiles'!$G$19=$B$24,21,0),0)),0)</f>
        <v>0</v>
      </c>
      <c r="F463" cm="1">
        <f t="array" ref="F463">IFERROR(INDEX(Jesper!AJ$2:AJ$366,ROUNDDOWN($C463/24,0)+1,1)*INDEX($D$3:$AA$30,INDEX(Jesper!$R$2:$R$366,ROW(INDEX(Jesper!AJ$2:AJ$366,ROUNDDOWN($C463/24,0)+1,1))-1)+IF('Standard Profiles'!$G$20=$B$10,7,0)+IF('Standard Profiles'!$G$20=$B$17,14,0)+IF('Standard Profiles'!$G$20=$B$24,21,0),MOD($C463,24)+1)/SUM(INDEX($D$3:$AA$30,INDEX(Jesper!$R$2:$R$366,ROW(INDEX(Jesper!AJ$2:AJ$366,ROUNDDOWN($C463/24,0)+1,1))-1)+IF('Standard Profiles'!$G$20=$B$10,7,0)+IF('Standard Profiles'!$G$20=$B$17,14,0)+IF('Standard Profiles'!$G$20=$B$24,21,0),0)),0)</f>
        <v>0</v>
      </c>
      <c r="G463" cm="1">
        <f t="array" ref="G463">IFERROR(INDEX(Jesper!AK$2:AK$366,ROUNDDOWN($C463/24,0)+1,1)*INDEX($D$3:$AA$30,INDEX(Jesper!$R$2:$R$366,ROW(INDEX(Jesper!AK$2:AK$366,ROUNDDOWN($C463/24,0)+1,1))-1)+IF('Standard Profiles'!$G$21=$B$10,7,0)+IF('Standard Profiles'!$G$21=$B$17,14,0)+IF('Standard Profiles'!$G$21=$B$24,21,0),MOD($C463,24)+1)/SUM(INDEX($D$3:$AA$30,INDEX(Jesper!$R$2:$R$366,ROW(INDEX(Jesper!AK$2:AK$366,ROUNDDOWN($C463/24,0)+1,1))-1)+IF('Standard Profiles'!$G$21=$B$10,7,0)+IF('Standard Profiles'!$G$21=$B$17,14,0)+IF('Standard Profiles'!$G$21=$B$24,21,0),0)),0)</f>
        <v>0</v>
      </c>
      <c r="H463" cm="1">
        <f t="array" ref="H463">IFERROR(INDEX(Jesper!AL$2:AL$366,ROUNDDOWN($C463/24,0)+1,1)*INDEX($D$3:$AA$30,INDEX(Jesper!$R$2:$R$366,ROW(INDEX(Jesper!AL$2:AL$366,ROUNDDOWN($C463/24,0)+1,1))-1)+IF('Standard Profiles'!$G$22=$B$10,7,0)+IF('Standard Profiles'!$G$22=$B$17,14,0)+IF('Standard Profiles'!$G$22=$B$24,21,0),MOD($C463,24)+1)/SUM(INDEX($D$3:$AA$30,INDEX(Jesper!$R$2:$R$366,ROW(INDEX(Jesper!AL$2:AL$366,ROUNDDOWN($C463/24,0)+1,1))-1)+IF('Standard Profiles'!$G$22=$B$10,7,0)+IF('Standard Profiles'!$G$22=$B$17,14,0)+IF('Standard Profiles'!$G$22=$B$24,21,0),0)),0)</f>
        <v>0</v>
      </c>
      <c r="I463">
        <f t="shared" si="62"/>
        <v>0.23523432171459926</v>
      </c>
      <c r="J463">
        <f t="shared" si="63"/>
        <v>0.78411440571533098</v>
      </c>
      <c r="K463">
        <f t="shared" si="64"/>
        <v>1.1761716085729963</v>
      </c>
      <c r="L463">
        <f t="shared" si="65"/>
        <v>5.6456237211503826</v>
      </c>
      <c r="M463">
        <f t="shared" si="66"/>
        <v>0</v>
      </c>
      <c r="N463" s="46">
        <f t="shared" si="67"/>
        <v>45309.87499999896</v>
      </c>
    </row>
    <row r="464" spans="2:14" x14ac:dyDescent="0.3">
      <c r="B464">
        <f t="shared" si="61"/>
        <v>4</v>
      </c>
      <c r="C464" s="16">
        <v>430</v>
      </c>
      <c r="D464" cm="1">
        <f t="array" ref="D464">IFERROR(INDEX(Jesper!AH$2:AH$366,ROUNDDOWN($C464/24,0)+1,1)*INDEX($D$3:$AA$30,INDEX(Jesper!$R$2:$R$366,ROW(INDEX(Jesper!AH$2:AH$366,ROUNDDOWN($C464/24,0)+1,1))-1)+IF('Standard Profiles'!$G$18=$B$10,7,0)+IF('Standard Profiles'!$G$18=$B$17,14,0)+IF('Standard Profiles'!$G$18=$B$24,21,0),MOD($C464,24)+1)/SUM(INDEX($D$3:$AA$30,INDEX(Jesper!$R$2:$R$366,ROW(INDEX(Jesper!AH$2:AH$366,ROUNDDOWN($C464/24,0)+1,1))-1)+IF('Standard Profiles'!$G$18=$B$10,7,0)+IF('Standard Profiles'!$G$18=$B$17,14,0)+IF('Standard Profiles'!$G$18=$B$24,21,0),0)),0)</f>
        <v>7.8411440571533095</v>
      </c>
      <c r="E464" cm="1">
        <f t="array" ref="E464">IFERROR(INDEX(Jesper!AI$2:AI$366,ROUNDDOWN($C464/24,0)+1,1)*INDEX($D$3:$AA$30,INDEX(Jesper!$R$2:$R$366,ROW(INDEX(Jesper!AI$2:AI$366,ROUNDDOWN($C464/24,0)+1,1))-1)+IF('Standard Profiles'!$G$19=$B$10,7,0)+IF('Standard Profiles'!$G$19=$B$17,14,0)+IF('Standard Profiles'!$G$19=$B$24,21,0),MOD($C464,24)+1)/SUM(INDEX($D$3:$AA$30,INDEX(Jesper!$R$2:$R$366,ROW(INDEX(Jesper!AI$2:AI$366,ROUNDDOWN($C464/24,0)+1,1))-1)+IF('Standard Profiles'!$G$19=$B$10,7,0)+IF('Standard Profiles'!$G$19=$B$17,14,0)+IF('Standard Profiles'!$G$19=$B$24,21,0),0)),0)</f>
        <v>0</v>
      </c>
      <c r="F464" cm="1">
        <f t="array" ref="F464">IFERROR(INDEX(Jesper!AJ$2:AJ$366,ROUNDDOWN($C464/24,0)+1,1)*INDEX($D$3:$AA$30,INDEX(Jesper!$R$2:$R$366,ROW(INDEX(Jesper!AJ$2:AJ$366,ROUNDDOWN($C464/24,0)+1,1))-1)+IF('Standard Profiles'!$G$20=$B$10,7,0)+IF('Standard Profiles'!$G$20=$B$17,14,0)+IF('Standard Profiles'!$G$20=$B$24,21,0),MOD($C464,24)+1)/SUM(INDEX($D$3:$AA$30,INDEX(Jesper!$R$2:$R$366,ROW(INDEX(Jesper!AJ$2:AJ$366,ROUNDDOWN($C464/24,0)+1,1))-1)+IF('Standard Profiles'!$G$20=$B$10,7,0)+IF('Standard Profiles'!$G$20=$B$17,14,0)+IF('Standard Profiles'!$G$20=$B$24,21,0),0)),0)</f>
        <v>0</v>
      </c>
      <c r="G464" cm="1">
        <f t="array" ref="G464">IFERROR(INDEX(Jesper!AK$2:AK$366,ROUNDDOWN($C464/24,0)+1,1)*INDEX($D$3:$AA$30,INDEX(Jesper!$R$2:$R$366,ROW(INDEX(Jesper!AK$2:AK$366,ROUNDDOWN($C464/24,0)+1,1))-1)+IF('Standard Profiles'!$G$21=$B$10,7,0)+IF('Standard Profiles'!$G$21=$B$17,14,0)+IF('Standard Profiles'!$G$21=$B$24,21,0),MOD($C464,24)+1)/SUM(INDEX($D$3:$AA$30,INDEX(Jesper!$R$2:$R$366,ROW(INDEX(Jesper!AK$2:AK$366,ROUNDDOWN($C464/24,0)+1,1))-1)+IF('Standard Profiles'!$G$21=$B$10,7,0)+IF('Standard Profiles'!$G$21=$B$17,14,0)+IF('Standard Profiles'!$G$21=$B$24,21,0),0)),0)</f>
        <v>0</v>
      </c>
      <c r="H464" cm="1">
        <f t="array" ref="H464">IFERROR(INDEX(Jesper!AL$2:AL$366,ROUNDDOWN($C464/24,0)+1,1)*INDEX($D$3:$AA$30,INDEX(Jesper!$R$2:$R$366,ROW(INDEX(Jesper!AL$2:AL$366,ROUNDDOWN($C464/24,0)+1,1))-1)+IF('Standard Profiles'!$G$22=$B$10,7,0)+IF('Standard Profiles'!$G$22=$B$17,14,0)+IF('Standard Profiles'!$G$22=$B$24,21,0),MOD($C464,24)+1)/SUM(INDEX($D$3:$AA$30,INDEX(Jesper!$R$2:$R$366,ROW(INDEX(Jesper!AL$2:AL$366,ROUNDDOWN($C464/24,0)+1,1))-1)+IF('Standard Profiles'!$G$22=$B$10,7,0)+IF('Standard Profiles'!$G$22=$B$17,14,0)+IF('Standard Profiles'!$G$22=$B$24,21,0),0)),0)</f>
        <v>0</v>
      </c>
      <c r="I464">
        <f t="shared" si="62"/>
        <v>0.23523432171459926</v>
      </c>
      <c r="J464">
        <f t="shared" si="63"/>
        <v>0.78411440571533098</v>
      </c>
      <c r="K464">
        <f t="shared" si="64"/>
        <v>1.1761716085729963</v>
      </c>
      <c r="L464">
        <f t="shared" si="65"/>
        <v>5.6456237211503826</v>
      </c>
      <c r="M464">
        <f t="shared" si="66"/>
        <v>0</v>
      </c>
      <c r="N464" s="46">
        <f t="shared" si="67"/>
        <v>45309.916666665624</v>
      </c>
    </row>
    <row r="465" spans="2:14" x14ac:dyDescent="0.3">
      <c r="B465">
        <f t="shared" si="61"/>
        <v>4</v>
      </c>
      <c r="C465" s="16">
        <v>431</v>
      </c>
      <c r="D465" cm="1">
        <f t="array" ref="D465">IFERROR(INDEX(Jesper!AH$2:AH$366,ROUNDDOWN($C465/24,0)+1,1)*INDEX($D$3:$AA$30,INDEX(Jesper!$R$2:$R$366,ROW(INDEX(Jesper!AH$2:AH$366,ROUNDDOWN($C465/24,0)+1,1))-1)+IF('Standard Profiles'!$G$18=$B$10,7,0)+IF('Standard Profiles'!$G$18=$B$17,14,0)+IF('Standard Profiles'!$G$18=$B$24,21,0),MOD($C465,24)+1)/SUM(INDEX($D$3:$AA$30,INDEX(Jesper!$R$2:$R$366,ROW(INDEX(Jesper!AH$2:AH$366,ROUNDDOWN($C465/24,0)+1,1))-1)+IF('Standard Profiles'!$G$18=$B$10,7,0)+IF('Standard Profiles'!$G$18=$B$17,14,0)+IF('Standard Profiles'!$G$18=$B$24,21,0),0)),0)</f>
        <v>7.8411440571533095</v>
      </c>
      <c r="E465" cm="1">
        <f t="array" ref="E465">IFERROR(INDEX(Jesper!AI$2:AI$366,ROUNDDOWN($C465/24,0)+1,1)*INDEX($D$3:$AA$30,INDEX(Jesper!$R$2:$R$366,ROW(INDEX(Jesper!AI$2:AI$366,ROUNDDOWN($C465/24,0)+1,1))-1)+IF('Standard Profiles'!$G$19=$B$10,7,0)+IF('Standard Profiles'!$G$19=$B$17,14,0)+IF('Standard Profiles'!$G$19=$B$24,21,0),MOD($C465,24)+1)/SUM(INDEX($D$3:$AA$30,INDEX(Jesper!$R$2:$R$366,ROW(INDEX(Jesper!AI$2:AI$366,ROUNDDOWN($C465/24,0)+1,1))-1)+IF('Standard Profiles'!$G$19=$B$10,7,0)+IF('Standard Profiles'!$G$19=$B$17,14,0)+IF('Standard Profiles'!$G$19=$B$24,21,0),0)),0)</f>
        <v>0</v>
      </c>
      <c r="F465" cm="1">
        <f t="array" ref="F465">IFERROR(INDEX(Jesper!AJ$2:AJ$366,ROUNDDOWN($C465/24,0)+1,1)*INDEX($D$3:$AA$30,INDEX(Jesper!$R$2:$R$366,ROW(INDEX(Jesper!AJ$2:AJ$366,ROUNDDOWN($C465/24,0)+1,1))-1)+IF('Standard Profiles'!$G$20=$B$10,7,0)+IF('Standard Profiles'!$G$20=$B$17,14,0)+IF('Standard Profiles'!$G$20=$B$24,21,0),MOD($C465,24)+1)/SUM(INDEX($D$3:$AA$30,INDEX(Jesper!$R$2:$R$366,ROW(INDEX(Jesper!AJ$2:AJ$366,ROUNDDOWN($C465/24,0)+1,1))-1)+IF('Standard Profiles'!$G$20=$B$10,7,0)+IF('Standard Profiles'!$G$20=$B$17,14,0)+IF('Standard Profiles'!$G$20=$B$24,21,0),0)),0)</f>
        <v>0</v>
      </c>
      <c r="G465" cm="1">
        <f t="array" ref="G465">IFERROR(INDEX(Jesper!AK$2:AK$366,ROUNDDOWN($C465/24,0)+1,1)*INDEX($D$3:$AA$30,INDEX(Jesper!$R$2:$R$366,ROW(INDEX(Jesper!AK$2:AK$366,ROUNDDOWN($C465/24,0)+1,1))-1)+IF('Standard Profiles'!$G$21=$B$10,7,0)+IF('Standard Profiles'!$G$21=$B$17,14,0)+IF('Standard Profiles'!$G$21=$B$24,21,0),MOD($C465,24)+1)/SUM(INDEX($D$3:$AA$30,INDEX(Jesper!$R$2:$R$366,ROW(INDEX(Jesper!AK$2:AK$366,ROUNDDOWN($C465/24,0)+1,1))-1)+IF('Standard Profiles'!$G$21=$B$10,7,0)+IF('Standard Profiles'!$G$21=$B$17,14,0)+IF('Standard Profiles'!$G$21=$B$24,21,0),0)),0)</f>
        <v>0</v>
      </c>
      <c r="H465" cm="1">
        <f t="array" ref="H465">IFERROR(INDEX(Jesper!AL$2:AL$366,ROUNDDOWN($C465/24,0)+1,1)*INDEX($D$3:$AA$30,INDEX(Jesper!$R$2:$R$366,ROW(INDEX(Jesper!AL$2:AL$366,ROUNDDOWN($C465/24,0)+1,1))-1)+IF('Standard Profiles'!$G$22=$B$10,7,0)+IF('Standard Profiles'!$G$22=$B$17,14,0)+IF('Standard Profiles'!$G$22=$B$24,21,0),MOD($C465,24)+1)/SUM(INDEX($D$3:$AA$30,INDEX(Jesper!$R$2:$R$366,ROW(INDEX(Jesper!AL$2:AL$366,ROUNDDOWN($C465/24,0)+1,1))-1)+IF('Standard Profiles'!$G$22=$B$10,7,0)+IF('Standard Profiles'!$G$22=$B$17,14,0)+IF('Standard Profiles'!$G$22=$B$24,21,0),0)),0)</f>
        <v>0</v>
      </c>
      <c r="I465">
        <f t="shared" si="62"/>
        <v>0.23523432171459926</v>
      </c>
      <c r="J465">
        <f t="shared" si="63"/>
        <v>0.78411440571533098</v>
      </c>
      <c r="K465">
        <f t="shared" si="64"/>
        <v>1.1761716085729963</v>
      </c>
      <c r="L465">
        <f t="shared" si="65"/>
        <v>5.6456237211503826</v>
      </c>
      <c r="M465">
        <f t="shared" si="66"/>
        <v>0</v>
      </c>
      <c r="N465" s="46">
        <f t="shared" si="67"/>
        <v>45309.958333332288</v>
      </c>
    </row>
    <row r="466" spans="2:14" x14ac:dyDescent="0.3">
      <c r="B466">
        <f t="shared" si="61"/>
        <v>5</v>
      </c>
      <c r="C466" s="16">
        <v>432</v>
      </c>
      <c r="D466" cm="1">
        <f t="array" ref="D466">IFERROR(INDEX(Jesper!AH$2:AH$366,ROUNDDOWN($C466/24,0)+1,1)*INDEX($D$3:$AA$30,INDEX(Jesper!$R$2:$R$366,ROW(INDEX(Jesper!AH$2:AH$366,ROUNDDOWN($C466/24,0)+1,1))-1)+IF('Standard Profiles'!$G$18=$B$10,7,0)+IF('Standard Profiles'!$G$18=$B$17,14,0)+IF('Standard Profiles'!$G$18=$B$24,21,0),MOD($C466,24)+1)/SUM(INDEX($D$3:$AA$30,INDEX(Jesper!$R$2:$R$366,ROW(INDEX(Jesper!AH$2:AH$366,ROUNDDOWN($C466/24,0)+1,1))-1)+IF('Standard Profiles'!$G$18=$B$10,7,0)+IF('Standard Profiles'!$G$18=$B$17,14,0)+IF('Standard Profiles'!$G$18=$B$24,21,0),0)),0)</f>
        <v>8.6481042383787763</v>
      </c>
      <c r="E466" cm="1">
        <f t="array" ref="E466">IFERROR(INDEX(Jesper!AI$2:AI$366,ROUNDDOWN($C466/24,0)+1,1)*INDEX($D$3:$AA$30,INDEX(Jesper!$R$2:$R$366,ROW(INDEX(Jesper!AI$2:AI$366,ROUNDDOWN($C466/24,0)+1,1))-1)+IF('Standard Profiles'!$G$19=$B$10,7,0)+IF('Standard Profiles'!$G$19=$B$17,14,0)+IF('Standard Profiles'!$G$19=$B$24,21,0),MOD($C466,24)+1)/SUM(INDEX($D$3:$AA$30,INDEX(Jesper!$R$2:$R$366,ROW(INDEX(Jesper!AI$2:AI$366,ROUNDDOWN($C466/24,0)+1,1))-1)+IF('Standard Profiles'!$G$19=$B$10,7,0)+IF('Standard Profiles'!$G$19=$B$17,14,0)+IF('Standard Profiles'!$G$19=$B$24,21,0),0)),0)</f>
        <v>0</v>
      </c>
      <c r="F466" cm="1">
        <f t="array" ref="F466">IFERROR(INDEX(Jesper!AJ$2:AJ$366,ROUNDDOWN($C466/24,0)+1,1)*INDEX($D$3:$AA$30,INDEX(Jesper!$R$2:$R$366,ROW(INDEX(Jesper!AJ$2:AJ$366,ROUNDDOWN($C466/24,0)+1,1))-1)+IF('Standard Profiles'!$G$20=$B$10,7,0)+IF('Standard Profiles'!$G$20=$B$17,14,0)+IF('Standard Profiles'!$G$20=$B$24,21,0),MOD($C466,24)+1)/SUM(INDEX($D$3:$AA$30,INDEX(Jesper!$R$2:$R$366,ROW(INDEX(Jesper!AJ$2:AJ$366,ROUNDDOWN($C466/24,0)+1,1))-1)+IF('Standard Profiles'!$G$20=$B$10,7,0)+IF('Standard Profiles'!$G$20=$B$17,14,0)+IF('Standard Profiles'!$G$20=$B$24,21,0),0)),0)</f>
        <v>0</v>
      </c>
      <c r="G466" cm="1">
        <f t="array" ref="G466">IFERROR(INDEX(Jesper!AK$2:AK$366,ROUNDDOWN($C466/24,0)+1,1)*INDEX($D$3:$AA$30,INDEX(Jesper!$R$2:$R$366,ROW(INDEX(Jesper!AK$2:AK$366,ROUNDDOWN($C466/24,0)+1,1))-1)+IF('Standard Profiles'!$G$21=$B$10,7,0)+IF('Standard Profiles'!$G$21=$B$17,14,0)+IF('Standard Profiles'!$G$21=$B$24,21,0),MOD($C466,24)+1)/SUM(INDEX($D$3:$AA$30,INDEX(Jesper!$R$2:$R$366,ROW(INDEX(Jesper!AK$2:AK$366,ROUNDDOWN($C466/24,0)+1,1))-1)+IF('Standard Profiles'!$G$21=$B$10,7,0)+IF('Standard Profiles'!$G$21=$B$17,14,0)+IF('Standard Profiles'!$G$21=$B$24,21,0),0)),0)</f>
        <v>0</v>
      </c>
      <c r="H466" cm="1">
        <f t="array" ref="H466">IFERROR(INDEX(Jesper!AL$2:AL$366,ROUNDDOWN($C466/24,0)+1,1)*INDEX($D$3:$AA$30,INDEX(Jesper!$R$2:$R$366,ROW(INDEX(Jesper!AL$2:AL$366,ROUNDDOWN($C466/24,0)+1,1))-1)+IF('Standard Profiles'!$G$22=$B$10,7,0)+IF('Standard Profiles'!$G$22=$B$17,14,0)+IF('Standard Profiles'!$G$22=$B$24,21,0),MOD($C466,24)+1)/SUM(INDEX($D$3:$AA$30,INDEX(Jesper!$R$2:$R$366,ROW(INDEX(Jesper!AL$2:AL$366,ROUNDDOWN($C466/24,0)+1,1))-1)+IF('Standard Profiles'!$G$22=$B$10,7,0)+IF('Standard Profiles'!$G$22=$B$17,14,0)+IF('Standard Profiles'!$G$22=$B$24,21,0),0)),0)</f>
        <v>0</v>
      </c>
      <c r="I466">
        <f t="shared" si="62"/>
        <v>0.25944312715136331</v>
      </c>
      <c r="J466">
        <f t="shared" si="63"/>
        <v>0.86481042383787765</v>
      </c>
      <c r="K466">
        <f t="shared" si="64"/>
        <v>1.2972156357568163</v>
      </c>
      <c r="L466">
        <f t="shared" si="65"/>
        <v>6.2266350516327185</v>
      </c>
      <c r="M466">
        <f t="shared" si="66"/>
        <v>0</v>
      </c>
      <c r="N466" s="46">
        <f t="shared" si="67"/>
        <v>45309.999999998952</v>
      </c>
    </row>
    <row r="467" spans="2:14" x14ac:dyDescent="0.3">
      <c r="B467">
        <f t="shared" si="61"/>
        <v>5</v>
      </c>
      <c r="C467" s="16">
        <v>433</v>
      </c>
      <c r="D467" cm="1">
        <f t="array" ref="D467">IFERROR(INDEX(Jesper!AH$2:AH$366,ROUNDDOWN($C467/24,0)+1,1)*INDEX($D$3:$AA$30,INDEX(Jesper!$R$2:$R$366,ROW(INDEX(Jesper!AH$2:AH$366,ROUNDDOWN($C467/24,0)+1,1))-1)+IF('Standard Profiles'!$G$18=$B$10,7,0)+IF('Standard Profiles'!$G$18=$B$17,14,0)+IF('Standard Profiles'!$G$18=$B$24,21,0),MOD($C467,24)+1)/SUM(INDEX($D$3:$AA$30,INDEX(Jesper!$R$2:$R$366,ROW(INDEX(Jesper!AH$2:AH$366,ROUNDDOWN($C467/24,0)+1,1))-1)+IF('Standard Profiles'!$G$18=$B$10,7,0)+IF('Standard Profiles'!$G$18=$B$17,14,0)+IF('Standard Profiles'!$G$18=$B$24,21,0),0)),0)</f>
        <v>8.6481042383787763</v>
      </c>
      <c r="E467" cm="1">
        <f t="array" ref="E467">IFERROR(INDEX(Jesper!AI$2:AI$366,ROUNDDOWN($C467/24,0)+1,1)*INDEX($D$3:$AA$30,INDEX(Jesper!$R$2:$R$366,ROW(INDEX(Jesper!AI$2:AI$366,ROUNDDOWN($C467/24,0)+1,1))-1)+IF('Standard Profiles'!$G$19=$B$10,7,0)+IF('Standard Profiles'!$G$19=$B$17,14,0)+IF('Standard Profiles'!$G$19=$B$24,21,0),MOD($C467,24)+1)/SUM(INDEX($D$3:$AA$30,INDEX(Jesper!$R$2:$R$366,ROW(INDEX(Jesper!AI$2:AI$366,ROUNDDOWN($C467/24,0)+1,1))-1)+IF('Standard Profiles'!$G$19=$B$10,7,0)+IF('Standard Profiles'!$G$19=$B$17,14,0)+IF('Standard Profiles'!$G$19=$B$24,21,0),0)),0)</f>
        <v>0</v>
      </c>
      <c r="F467" cm="1">
        <f t="array" ref="F467">IFERROR(INDEX(Jesper!AJ$2:AJ$366,ROUNDDOWN($C467/24,0)+1,1)*INDEX($D$3:$AA$30,INDEX(Jesper!$R$2:$R$366,ROW(INDEX(Jesper!AJ$2:AJ$366,ROUNDDOWN($C467/24,0)+1,1))-1)+IF('Standard Profiles'!$G$20=$B$10,7,0)+IF('Standard Profiles'!$G$20=$B$17,14,0)+IF('Standard Profiles'!$G$20=$B$24,21,0),MOD($C467,24)+1)/SUM(INDEX($D$3:$AA$30,INDEX(Jesper!$R$2:$R$366,ROW(INDEX(Jesper!AJ$2:AJ$366,ROUNDDOWN($C467/24,0)+1,1))-1)+IF('Standard Profiles'!$G$20=$B$10,7,0)+IF('Standard Profiles'!$G$20=$B$17,14,0)+IF('Standard Profiles'!$G$20=$B$24,21,0),0)),0)</f>
        <v>0</v>
      </c>
      <c r="G467" cm="1">
        <f t="array" ref="G467">IFERROR(INDEX(Jesper!AK$2:AK$366,ROUNDDOWN($C467/24,0)+1,1)*INDEX($D$3:$AA$30,INDEX(Jesper!$R$2:$R$366,ROW(INDEX(Jesper!AK$2:AK$366,ROUNDDOWN($C467/24,0)+1,1))-1)+IF('Standard Profiles'!$G$21=$B$10,7,0)+IF('Standard Profiles'!$G$21=$B$17,14,0)+IF('Standard Profiles'!$G$21=$B$24,21,0),MOD($C467,24)+1)/SUM(INDEX($D$3:$AA$30,INDEX(Jesper!$R$2:$R$366,ROW(INDEX(Jesper!AK$2:AK$366,ROUNDDOWN($C467/24,0)+1,1))-1)+IF('Standard Profiles'!$G$21=$B$10,7,0)+IF('Standard Profiles'!$G$21=$B$17,14,0)+IF('Standard Profiles'!$G$21=$B$24,21,0),0)),0)</f>
        <v>0</v>
      </c>
      <c r="H467" cm="1">
        <f t="array" ref="H467">IFERROR(INDEX(Jesper!AL$2:AL$366,ROUNDDOWN($C467/24,0)+1,1)*INDEX($D$3:$AA$30,INDEX(Jesper!$R$2:$R$366,ROW(INDEX(Jesper!AL$2:AL$366,ROUNDDOWN($C467/24,0)+1,1))-1)+IF('Standard Profiles'!$G$22=$B$10,7,0)+IF('Standard Profiles'!$G$22=$B$17,14,0)+IF('Standard Profiles'!$G$22=$B$24,21,0),MOD($C467,24)+1)/SUM(INDEX($D$3:$AA$30,INDEX(Jesper!$R$2:$R$366,ROW(INDEX(Jesper!AL$2:AL$366,ROUNDDOWN($C467/24,0)+1,1))-1)+IF('Standard Profiles'!$G$22=$B$10,7,0)+IF('Standard Profiles'!$G$22=$B$17,14,0)+IF('Standard Profiles'!$G$22=$B$24,21,0),0)),0)</f>
        <v>0</v>
      </c>
      <c r="I467">
        <f t="shared" si="62"/>
        <v>0.25944312715136331</v>
      </c>
      <c r="J467">
        <f t="shared" si="63"/>
        <v>0.86481042383787765</v>
      </c>
      <c r="K467">
        <f t="shared" si="64"/>
        <v>1.2972156357568163</v>
      </c>
      <c r="L467">
        <f t="shared" si="65"/>
        <v>6.2266350516327185</v>
      </c>
      <c r="M467">
        <f t="shared" si="66"/>
        <v>0</v>
      </c>
      <c r="N467" s="46">
        <f t="shared" si="67"/>
        <v>45310.041666665617</v>
      </c>
    </row>
    <row r="468" spans="2:14" x14ac:dyDescent="0.3">
      <c r="B468">
        <f t="shared" si="61"/>
        <v>5</v>
      </c>
      <c r="C468" s="16">
        <v>434</v>
      </c>
      <c r="D468" cm="1">
        <f t="array" ref="D468">IFERROR(INDEX(Jesper!AH$2:AH$366,ROUNDDOWN($C468/24,0)+1,1)*INDEX($D$3:$AA$30,INDEX(Jesper!$R$2:$R$366,ROW(INDEX(Jesper!AH$2:AH$366,ROUNDDOWN($C468/24,0)+1,1))-1)+IF('Standard Profiles'!$G$18=$B$10,7,0)+IF('Standard Profiles'!$G$18=$B$17,14,0)+IF('Standard Profiles'!$G$18=$B$24,21,0),MOD($C468,24)+1)/SUM(INDEX($D$3:$AA$30,INDEX(Jesper!$R$2:$R$366,ROW(INDEX(Jesper!AH$2:AH$366,ROUNDDOWN($C468/24,0)+1,1))-1)+IF('Standard Profiles'!$G$18=$B$10,7,0)+IF('Standard Profiles'!$G$18=$B$17,14,0)+IF('Standard Profiles'!$G$18=$B$24,21,0),0)),0)</f>
        <v>8.6481042383787763</v>
      </c>
      <c r="E468" cm="1">
        <f t="array" ref="E468">IFERROR(INDEX(Jesper!AI$2:AI$366,ROUNDDOWN($C468/24,0)+1,1)*INDEX($D$3:$AA$30,INDEX(Jesper!$R$2:$R$366,ROW(INDEX(Jesper!AI$2:AI$366,ROUNDDOWN($C468/24,0)+1,1))-1)+IF('Standard Profiles'!$G$19=$B$10,7,0)+IF('Standard Profiles'!$G$19=$B$17,14,0)+IF('Standard Profiles'!$G$19=$B$24,21,0),MOD($C468,24)+1)/SUM(INDEX($D$3:$AA$30,INDEX(Jesper!$R$2:$R$366,ROW(INDEX(Jesper!AI$2:AI$366,ROUNDDOWN($C468/24,0)+1,1))-1)+IF('Standard Profiles'!$G$19=$B$10,7,0)+IF('Standard Profiles'!$G$19=$B$17,14,0)+IF('Standard Profiles'!$G$19=$B$24,21,0),0)),0)</f>
        <v>0</v>
      </c>
      <c r="F468" cm="1">
        <f t="array" ref="F468">IFERROR(INDEX(Jesper!AJ$2:AJ$366,ROUNDDOWN($C468/24,0)+1,1)*INDEX($D$3:$AA$30,INDEX(Jesper!$R$2:$R$366,ROW(INDEX(Jesper!AJ$2:AJ$366,ROUNDDOWN($C468/24,0)+1,1))-1)+IF('Standard Profiles'!$G$20=$B$10,7,0)+IF('Standard Profiles'!$G$20=$B$17,14,0)+IF('Standard Profiles'!$G$20=$B$24,21,0),MOD($C468,24)+1)/SUM(INDEX($D$3:$AA$30,INDEX(Jesper!$R$2:$R$366,ROW(INDEX(Jesper!AJ$2:AJ$366,ROUNDDOWN($C468/24,0)+1,1))-1)+IF('Standard Profiles'!$G$20=$B$10,7,0)+IF('Standard Profiles'!$G$20=$B$17,14,0)+IF('Standard Profiles'!$G$20=$B$24,21,0),0)),0)</f>
        <v>0</v>
      </c>
      <c r="G468" cm="1">
        <f t="array" ref="G468">IFERROR(INDEX(Jesper!AK$2:AK$366,ROUNDDOWN($C468/24,0)+1,1)*INDEX($D$3:$AA$30,INDEX(Jesper!$R$2:$R$366,ROW(INDEX(Jesper!AK$2:AK$366,ROUNDDOWN($C468/24,0)+1,1))-1)+IF('Standard Profiles'!$G$21=$B$10,7,0)+IF('Standard Profiles'!$G$21=$B$17,14,0)+IF('Standard Profiles'!$G$21=$B$24,21,0),MOD($C468,24)+1)/SUM(INDEX($D$3:$AA$30,INDEX(Jesper!$R$2:$R$366,ROW(INDEX(Jesper!AK$2:AK$366,ROUNDDOWN($C468/24,0)+1,1))-1)+IF('Standard Profiles'!$G$21=$B$10,7,0)+IF('Standard Profiles'!$G$21=$B$17,14,0)+IF('Standard Profiles'!$G$21=$B$24,21,0),0)),0)</f>
        <v>0</v>
      </c>
      <c r="H468" cm="1">
        <f t="array" ref="H468">IFERROR(INDEX(Jesper!AL$2:AL$366,ROUNDDOWN($C468/24,0)+1,1)*INDEX($D$3:$AA$30,INDEX(Jesper!$R$2:$R$366,ROW(INDEX(Jesper!AL$2:AL$366,ROUNDDOWN($C468/24,0)+1,1))-1)+IF('Standard Profiles'!$G$22=$B$10,7,0)+IF('Standard Profiles'!$G$22=$B$17,14,0)+IF('Standard Profiles'!$G$22=$B$24,21,0),MOD($C468,24)+1)/SUM(INDEX($D$3:$AA$30,INDEX(Jesper!$R$2:$R$366,ROW(INDEX(Jesper!AL$2:AL$366,ROUNDDOWN($C468/24,0)+1,1))-1)+IF('Standard Profiles'!$G$22=$B$10,7,0)+IF('Standard Profiles'!$G$22=$B$17,14,0)+IF('Standard Profiles'!$G$22=$B$24,21,0),0)),0)</f>
        <v>0</v>
      </c>
      <c r="I468">
        <f t="shared" si="62"/>
        <v>0.25944312715136331</v>
      </c>
      <c r="J468">
        <f t="shared" si="63"/>
        <v>0.86481042383787765</v>
      </c>
      <c r="K468">
        <f t="shared" si="64"/>
        <v>1.2972156357568163</v>
      </c>
      <c r="L468">
        <f t="shared" si="65"/>
        <v>6.2266350516327185</v>
      </c>
      <c r="M468">
        <f t="shared" si="66"/>
        <v>0</v>
      </c>
      <c r="N468" s="46">
        <f t="shared" si="67"/>
        <v>45310.083333332281</v>
      </c>
    </row>
    <row r="469" spans="2:14" x14ac:dyDescent="0.3">
      <c r="B469">
        <f t="shared" si="61"/>
        <v>5</v>
      </c>
      <c r="C469" s="16">
        <v>435</v>
      </c>
      <c r="D469" cm="1">
        <f t="array" ref="D469">IFERROR(INDEX(Jesper!AH$2:AH$366,ROUNDDOWN($C469/24,0)+1,1)*INDEX($D$3:$AA$30,INDEX(Jesper!$R$2:$R$366,ROW(INDEX(Jesper!AH$2:AH$366,ROUNDDOWN($C469/24,0)+1,1))-1)+IF('Standard Profiles'!$G$18=$B$10,7,0)+IF('Standard Profiles'!$G$18=$B$17,14,0)+IF('Standard Profiles'!$G$18=$B$24,21,0),MOD($C469,24)+1)/SUM(INDEX($D$3:$AA$30,INDEX(Jesper!$R$2:$R$366,ROW(INDEX(Jesper!AH$2:AH$366,ROUNDDOWN($C469/24,0)+1,1))-1)+IF('Standard Profiles'!$G$18=$B$10,7,0)+IF('Standard Profiles'!$G$18=$B$17,14,0)+IF('Standard Profiles'!$G$18=$B$24,21,0),0)),0)</f>
        <v>8.6481042383787763</v>
      </c>
      <c r="E469" cm="1">
        <f t="array" ref="E469">IFERROR(INDEX(Jesper!AI$2:AI$366,ROUNDDOWN($C469/24,0)+1,1)*INDEX($D$3:$AA$30,INDEX(Jesper!$R$2:$R$366,ROW(INDEX(Jesper!AI$2:AI$366,ROUNDDOWN($C469/24,0)+1,1))-1)+IF('Standard Profiles'!$G$19=$B$10,7,0)+IF('Standard Profiles'!$G$19=$B$17,14,0)+IF('Standard Profiles'!$G$19=$B$24,21,0),MOD($C469,24)+1)/SUM(INDEX($D$3:$AA$30,INDEX(Jesper!$R$2:$R$366,ROW(INDEX(Jesper!AI$2:AI$366,ROUNDDOWN($C469/24,0)+1,1))-1)+IF('Standard Profiles'!$G$19=$B$10,7,0)+IF('Standard Profiles'!$G$19=$B$17,14,0)+IF('Standard Profiles'!$G$19=$B$24,21,0),0)),0)</f>
        <v>0</v>
      </c>
      <c r="F469" cm="1">
        <f t="array" ref="F469">IFERROR(INDEX(Jesper!AJ$2:AJ$366,ROUNDDOWN($C469/24,0)+1,1)*INDEX($D$3:$AA$30,INDEX(Jesper!$R$2:$R$366,ROW(INDEX(Jesper!AJ$2:AJ$366,ROUNDDOWN($C469/24,0)+1,1))-1)+IF('Standard Profiles'!$G$20=$B$10,7,0)+IF('Standard Profiles'!$G$20=$B$17,14,0)+IF('Standard Profiles'!$G$20=$B$24,21,0),MOD($C469,24)+1)/SUM(INDEX($D$3:$AA$30,INDEX(Jesper!$R$2:$R$366,ROW(INDEX(Jesper!AJ$2:AJ$366,ROUNDDOWN($C469/24,0)+1,1))-1)+IF('Standard Profiles'!$G$20=$B$10,7,0)+IF('Standard Profiles'!$G$20=$B$17,14,0)+IF('Standard Profiles'!$G$20=$B$24,21,0),0)),0)</f>
        <v>0</v>
      </c>
      <c r="G469" cm="1">
        <f t="array" ref="G469">IFERROR(INDEX(Jesper!AK$2:AK$366,ROUNDDOWN($C469/24,0)+1,1)*INDEX($D$3:$AA$30,INDEX(Jesper!$R$2:$R$366,ROW(INDEX(Jesper!AK$2:AK$366,ROUNDDOWN($C469/24,0)+1,1))-1)+IF('Standard Profiles'!$G$21=$B$10,7,0)+IF('Standard Profiles'!$G$21=$B$17,14,0)+IF('Standard Profiles'!$G$21=$B$24,21,0),MOD($C469,24)+1)/SUM(INDEX($D$3:$AA$30,INDEX(Jesper!$R$2:$R$366,ROW(INDEX(Jesper!AK$2:AK$366,ROUNDDOWN($C469/24,0)+1,1))-1)+IF('Standard Profiles'!$G$21=$B$10,7,0)+IF('Standard Profiles'!$G$21=$B$17,14,0)+IF('Standard Profiles'!$G$21=$B$24,21,0),0)),0)</f>
        <v>0</v>
      </c>
      <c r="H469" cm="1">
        <f t="array" ref="H469">IFERROR(INDEX(Jesper!AL$2:AL$366,ROUNDDOWN($C469/24,0)+1,1)*INDEX($D$3:$AA$30,INDEX(Jesper!$R$2:$R$366,ROW(INDEX(Jesper!AL$2:AL$366,ROUNDDOWN($C469/24,0)+1,1))-1)+IF('Standard Profiles'!$G$22=$B$10,7,0)+IF('Standard Profiles'!$G$22=$B$17,14,0)+IF('Standard Profiles'!$G$22=$B$24,21,0),MOD($C469,24)+1)/SUM(INDEX($D$3:$AA$30,INDEX(Jesper!$R$2:$R$366,ROW(INDEX(Jesper!AL$2:AL$366,ROUNDDOWN($C469/24,0)+1,1))-1)+IF('Standard Profiles'!$G$22=$B$10,7,0)+IF('Standard Profiles'!$G$22=$B$17,14,0)+IF('Standard Profiles'!$G$22=$B$24,21,0),0)),0)</f>
        <v>0</v>
      </c>
      <c r="I469">
        <f t="shared" si="62"/>
        <v>0.25944312715136331</v>
      </c>
      <c r="J469">
        <f t="shared" si="63"/>
        <v>0.86481042383787765</v>
      </c>
      <c r="K469">
        <f t="shared" si="64"/>
        <v>1.2972156357568163</v>
      </c>
      <c r="L469">
        <f t="shared" si="65"/>
        <v>6.2266350516327185</v>
      </c>
      <c r="M469">
        <f t="shared" si="66"/>
        <v>0</v>
      </c>
      <c r="N469" s="46">
        <f t="shared" si="67"/>
        <v>45310.124999998945</v>
      </c>
    </row>
    <row r="470" spans="2:14" x14ac:dyDescent="0.3">
      <c r="B470">
        <f t="shared" si="61"/>
        <v>5</v>
      </c>
      <c r="C470" s="16">
        <v>436</v>
      </c>
      <c r="D470" cm="1">
        <f t="array" ref="D470">IFERROR(INDEX(Jesper!AH$2:AH$366,ROUNDDOWN($C470/24,0)+1,1)*INDEX($D$3:$AA$30,INDEX(Jesper!$R$2:$R$366,ROW(INDEX(Jesper!AH$2:AH$366,ROUNDDOWN($C470/24,0)+1,1))-1)+IF('Standard Profiles'!$G$18=$B$10,7,0)+IF('Standard Profiles'!$G$18=$B$17,14,0)+IF('Standard Profiles'!$G$18=$B$24,21,0),MOD($C470,24)+1)/SUM(INDEX($D$3:$AA$30,INDEX(Jesper!$R$2:$R$366,ROW(INDEX(Jesper!AH$2:AH$366,ROUNDDOWN($C470/24,0)+1,1))-1)+IF('Standard Profiles'!$G$18=$B$10,7,0)+IF('Standard Profiles'!$G$18=$B$17,14,0)+IF('Standard Profiles'!$G$18=$B$24,21,0),0)),0)</f>
        <v>8.6481042383787763</v>
      </c>
      <c r="E470" cm="1">
        <f t="array" ref="E470">IFERROR(INDEX(Jesper!AI$2:AI$366,ROUNDDOWN($C470/24,0)+1,1)*INDEX($D$3:$AA$30,INDEX(Jesper!$R$2:$R$366,ROW(INDEX(Jesper!AI$2:AI$366,ROUNDDOWN($C470/24,0)+1,1))-1)+IF('Standard Profiles'!$G$19=$B$10,7,0)+IF('Standard Profiles'!$G$19=$B$17,14,0)+IF('Standard Profiles'!$G$19=$B$24,21,0),MOD($C470,24)+1)/SUM(INDEX($D$3:$AA$30,INDEX(Jesper!$R$2:$R$366,ROW(INDEX(Jesper!AI$2:AI$366,ROUNDDOWN($C470/24,0)+1,1))-1)+IF('Standard Profiles'!$G$19=$B$10,7,0)+IF('Standard Profiles'!$G$19=$B$17,14,0)+IF('Standard Profiles'!$G$19=$B$24,21,0),0)),0)</f>
        <v>0</v>
      </c>
      <c r="F470" cm="1">
        <f t="array" ref="F470">IFERROR(INDEX(Jesper!AJ$2:AJ$366,ROUNDDOWN($C470/24,0)+1,1)*INDEX($D$3:$AA$30,INDEX(Jesper!$R$2:$R$366,ROW(INDEX(Jesper!AJ$2:AJ$366,ROUNDDOWN($C470/24,0)+1,1))-1)+IF('Standard Profiles'!$G$20=$B$10,7,0)+IF('Standard Profiles'!$G$20=$B$17,14,0)+IF('Standard Profiles'!$G$20=$B$24,21,0),MOD($C470,24)+1)/SUM(INDEX($D$3:$AA$30,INDEX(Jesper!$R$2:$R$366,ROW(INDEX(Jesper!AJ$2:AJ$366,ROUNDDOWN($C470/24,0)+1,1))-1)+IF('Standard Profiles'!$G$20=$B$10,7,0)+IF('Standard Profiles'!$G$20=$B$17,14,0)+IF('Standard Profiles'!$G$20=$B$24,21,0),0)),0)</f>
        <v>0</v>
      </c>
      <c r="G470" cm="1">
        <f t="array" ref="G470">IFERROR(INDEX(Jesper!AK$2:AK$366,ROUNDDOWN($C470/24,0)+1,1)*INDEX($D$3:$AA$30,INDEX(Jesper!$R$2:$R$366,ROW(INDEX(Jesper!AK$2:AK$366,ROUNDDOWN($C470/24,0)+1,1))-1)+IF('Standard Profiles'!$G$21=$B$10,7,0)+IF('Standard Profiles'!$G$21=$B$17,14,0)+IF('Standard Profiles'!$G$21=$B$24,21,0),MOD($C470,24)+1)/SUM(INDEX($D$3:$AA$30,INDEX(Jesper!$R$2:$R$366,ROW(INDEX(Jesper!AK$2:AK$366,ROUNDDOWN($C470/24,0)+1,1))-1)+IF('Standard Profiles'!$G$21=$B$10,7,0)+IF('Standard Profiles'!$G$21=$B$17,14,0)+IF('Standard Profiles'!$G$21=$B$24,21,0),0)),0)</f>
        <v>0</v>
      </c>
      <c r="H470" cm="1">
        <f t="array" ref="H470">IFERROR(INDEX(Jesper!AL$2:AL$366,ROUNDDOWN($C470/24,0)+1,1)*INDEX($D$3:$AA$30,INDEX(Jesper!$R$2:$R$366,ROW(INDEX(Jesper!AL$2:AL$366,ROUNDDOWN($C470/24,0)+1,1))-1)+IF('Standard Profiles'!$G$22=$B$10,7,0)+IF('Standard Profiles'!$G$22=$B$17,14,0)+IF('Standard Profiles'!$G$22=$B$24,21,0),MOD($C470,24)+1)/SUM(INDEX($D$3:$AA$30,INDEX(Jesper!$R$2:$R$366,ROW(INDEX(Jesper!AL$2:AL$366,ROUNDDOWN($C470/24,0)+1,1))-1)+IF('Standard Profiles'!$G$22=$B$10,7,0)+IF('Standard Profiles'!$G$22=$B$17,14,0)+IF('Standard Profiles'!$G$22=$B$24,21,0),0)),0)</f>
        <v>0</v>
      </c>
      <c r="I470">
        <f t="shared" si="62"/>
        <v>0.25944312715136331</v>
      </c>
      <c r="J470">
        <f t="shared" si="63"/>
        <v>0.86481042383787765</v>
      </c>
      <c r="K470">
        <f t="shared" si="64"/>
        <v>1.2972156357568163</v>
      </c>
      <c r="L470">
        <f t="shared" si="65"/>
        <v>6.2266350516327185</v>
      </c>
      <c r="M470">
        <f t="shared" si="66"/>
        <v>0</v>
      </c>
      <c r="N470" s="46">
        <f t="shared" si="67"/>
        <v>45310.166666665609</v>
      </c>
    </row>
    <row r="471" spans="2:14" x14ac:dyDescent="0.3">
      <c r="B471">
        <f t="shared" si="61"/>
        <v>5</v>
      </c>
      <c r="C471" s="16">
        <v>437</v>
      </c>
      <c r="D471" cm="1">
        <f t="array" ref="D471">IFERROR(INDEX(Jesper!AH$2:AH$366,ROUNDDOWN($C471/24,0)+1,1)*INDEX($D$3:$AA$30,INDEX(Jesper!$R$2:$R$366,ROW(INDEX(Jesper!AH$2:AH$366,ROUNDDOWN($C471/24,0)+1,1))-1)+IF('Standard Profiles'!$G$18=$B$10,7,0)+IF('Standard Profiles'!$G$18=$B$17,14,0)+IF('Standard Profiles'!$G$18=$B$24,21,0),MOD($C471,24)+1)/SUM(INDEX($D$3:$AA$30,INDEX(Jesper!$R$2:$R$366,ROW(INDEX(Jesper!AH$2:AH$366,ROUNDDOWN($C471/24,0)+1,1))-1)+IF('Standard Profiles'!$G$18=$B$10,7,0)+IF('Standard Profiles'!$G$18=$B$17,14,0)+IF('Standard Profiles'!$G$18=$B$24,21,0),0)),0)</f>
        <v>11.146445462799312</v>
      </c>
      <c r="E471" cm="1">
        <f t="array" ref="E471">IFERROR(INDEX(Jesper!AI$2:AI$366,ROUNDDOWN($C471/24,0)+1,1)*INDEX($D$3:$AA$30,INDEX(Jesper!$R$2:$R$366,ROW(INDEX(Jesper!AI$2:AI$366,ROUNDDOWN($C471/24,0)+1,1))-1)+IF('Standard Profiles'!$G$19=$B$10,7,0)+IF('Standard Profiles'!$G$19=$B$17,14,0)+IF('Standard Profiles'!$G$19=$B$24,21,0),MOD($C471,24)+1)/SUM(INDEX($D$3:$AA$30,INDEX(Jesper!$R$2:$R$366,ROW(INDEX(Jesper!AI$2:AI$366,ROUNDDOWN($C471/24,0)+1,1))-1)+IF('Standard Profiles'!$G$19=$B$10,7,0)+IF('Standard Profiles'!$G$19=$B$17,14,0)+IF('Standard Profiles'!$G$19=$B$24,21,0),0)),0)</f>
        <v>0</v>
      </c>
      <c r="F471" cm="1">
        <f t="array" ref="F471">IFERROR(INDEX(Jesper!AJ$2:AJ$366,ROUNDDOWN($C471/24,0)+1,1)*INDEX($D$3:$AA$30,INDEX(Jesper!$R$2:$R$366,ROW(INDEX(Jesper!AJ$2:AJ$366,ROUNDDOWN($C471/24,0)+1,1))-1)+IF('Standard Profiles'!$G$20=$B$10,7,0)+IF('Standard Profiles'!$G$20=$B$17,14,0)+IF('Standard Profiles'!$G$20=$B$24,21,0),MOD($C471,24)+1)/SUM(INDEX($D$3:$AA$30,INDEX(Jesper!$R$2:$R$366,ROW(INDEX(Jesper!AJ$2:AJ$366,ROUNDDOWN($C471/24,0)+1,1))-1)+IF('Standard Profiles'!$G$20=$B$10,7,0)+IF('Standard Profiles'!$G$20=$B$17,14,0)+IF('Standard Profiles'!$G$20=$B$24,21,0),0)),0)</f>
        <v>0</v>
      </c>
      <c r="G471" cm="1">
        <f t="array" ref="G471">IFERROR(INDEX(Jesper!AK$2:AK$366,ROUNDDOWN($C471/24,0)+1,1)*INDEX($D$3:$AA$30,INDEX(Jesper!$R$2:$R$366,ROW(INDEX(Jesper!AK$2:AK$366,ROUNDDOWN($C471/24,0)+1,1))-1)+IF('Standard Profiles'!$G$21=$B$10,7,0)+IF('Standard Profiles'!$G$21=$B$17,14,0)+IF('Standard Profiles'!$G$21=$B$24,21,0),MOD($C471,24)+1)/SUM(INDEX($D$3:$AA$30,INDEX(Jesper!$R$2:$R$366,ROW(INDEX(Jesper!AK$2:AK$366,ROUNDDOWN($C471/24,0)+1,1))-1)+IF('Standard Profiles'!$G$21=$B$10,7,0)+IF('Standard Profiles'!$G$21=$B$17,14,0)+IF('Standard Profiles'!$G$21=$B$24,21,0),0)),0)</f>
        <v>0</v>
      </c>
      <c r="H471" cm="1">
        <f t="array" ref="H471">IFERROR(INDEX(Jesper!AL$2:AL$366,ROUNDDOWN($C471/24,0)+1,1)*INDEX($D$3:$AA$30,INDEX(Jesper!$R$2:$R$366,ROW(INDEX(Jesper!AL$2:AL$366,ROUNDDOWN($C471/24,0)+1,1))-1)+IF('Standard Profiles'!$G$22=$B$10,7,0)+IF('Standard Profiles'!$G$22=$B$17,14,0)+IF('Standard Profiles'!$G$22=$B$24,21,0),MOD($C471,24)+1)/SUM(INDEX($D$3:$AA$30,INDEX(Jesper!$R$2:$R$366,ROW(INDEX(Jesper!AL$2:AL$366,ROUNDDOWN($C471/24,0)+1,1))-1)+IF('Standard Profiles'!$G$22=$B$10,7,0)+IF('Standard Profiles'!$G$22=$B$17,14,0)+IF('Standard Profiles'!$G$22=$B$24,21,0),0)),0)</f>
        <v>0</v>
      </c>
      <c r="I471">
        <f t="shared" si="62"/>
        <v>0.33439336388397933</v>
      </c>
      <c r="J471">
        <f t="shared" si="63"/>
        <v>1.1146445462799313</v>
      </c>
      <c r="K471">
        <f t="shared" si="64"/>
        <v>1.6719668194198967</v>
      </c>
      <c r="L471">
        <f t="shared" si="65"/>
        <v>8.025440733215504</v>
      </c>
      <c r="M471">
        <f t="shared" si="66"/>
        <v>0</v>
      </c>
      <c r="N471" s="46">
        <f t="shared" si="67"/>
        <v>45310.208333332273</v>
      </c>
    </row>
    <row r="472" spans="2:14" x14ac:dyDescent="0.3">
      <c r="B472">
        <f t="shared" si="61"/>
        <v>5</v>
      </c>
      <c r="C472" s="16">
        <v>438</v>
      </c>
      <c r="D472" cm="1">
        <f t="array" ref="D472">IFERROR(INDEX(Jesper!AH$2:AH$366,ROUNDDOWN($C472/24,0)+1,1)*INDEX($D$3:$AA$30,INDEX(Jesper!$R$2:$R$366,ROW(INDEX(Jesper!AH$2:AH$366,ROUNDDOWN($C472/24,0)+1,1))-1)+IF('Standard Profiles'!$G$18=$B$10,7,0)+IF('Standard Profiles'!$G$18=$B$17,14,0)+IF('Standard Profiles'!$G$18=$B$24,21,0),MOD($C472,24)+1)/SUM(INDEX($D$3:$AA$30,INDEX(Jesper!$R$2:$R$366,ROW(INDEX(Jesper!AH$2:AH$366,ROUNDDOWN($C472/24,0)+1,1))-1)+IF('Standard Profiles'!$G$18=$B$10,7,0)+IF('Standard Profiles'!$G$18=$B$17,14,0)+IF('Standard Profiles'!$G$18=$B$24,21,0),0)),0)</f>
        <v>13.452606593033652</v>
      </c>
      <c r="E472" cm="1">
        <f t="array" ref="E472">IFERROR(INDEX(Jesper!AI$2:AI$366,ROUNDDOWN($C472/24,0)+1,1)*INDEX($D$3:$AA$30,INDEX(Jesper!$R$2:$R$366,ROW(INDEX(Jesper!AI$2:AI$366,ROUNDDOWN($C472/24,0)+1,1))-1)+IF('Standard Profiles'!$G$19=$B$10,7,0)+IF('Standard Profiles'!$G$19=$B$17,14,0)+IF('Standard Profiles'!$G$19=$B$24,21,0),MOD($C472,24)+1)/SUM(INDEX($D$3:$AA$30,INDEX(Jesper!$R$2:$R$366,ROW(INDEX(Jesper!AI$2:AI$366,ROUNDDOWN($C472/24,0)+1,1))-1)+IF('Standard Profiles'!$G$19=$B$10,7,0)+IF('Standard Profiles'!$G$19=$B$17,14,0)+IF('Standard Profiles'!$G$19=$B$24,21,0),0)),0)</f>
        <v>0</v>
      </c>
      <c r="F472" cm="1">
        <f t="array" ref="F472">IFERROR(INDEX(Jesper!AJ$2:AJ$366,ROUNDDOWN($C472/24,0)+1,1)*INDEX($D$3:$AA$30,INDEX(Jesper!$R$2:$R$366,ROW(INDEX(Jesper!AJ$2:AJ$366,ROUNDDOWN($C472/24,0)+1,1))-1)+IF('Standard Profiles'!$G$20=$B$10,7,0)+IF('Standard Profiles'!$G$20=$B$17,14,0)+IF('Standard Profiles'!$G$20=$B$24,21,0),MOD($C472,24)+1)/SUM(INDEX($D$3:$AA$30,INDEX(Jesper!$R$2:$R$366,ROW(INDEX(Jesper!AJ$2:AJ$366,ROUNDDOWN($C472/24,0)+1,1))-1)+IF('Standard Profiles'!$G$20=$B$10,7,0)+IF('Standard Profiles'!$G$20=$B$17,14,0)+IF('Standard Profiles'!$G$20=$B$24,21,0),0)),0)</f>
        <v>0</v>
      </c>
      <c r="G472" cm="1">
        <f t="array" ref="G472">IFERROR(INDEX(Jesper!AK$2:AK$366,ROUNDDOWN($C472/24,0)+1,1)*INDEX($D$3:$AA$30,INDEX(Jesper!$R$2:$R$366,ROW(INDEX(Jesper!AK$2:AK$366,ROUNDDOWN($C472/24,0)+1,1))-1)+IF('Standard Profiles'!$G$21=$B$10,7,0)+IF('Standard Profiles'!$G$21=$B$17,14,0)+IF('Standard Profiles'!$G$21=$B$24,21,0),MOD($C472,24)+1)/SUM(INDEX($D$3:$AA$30,INDEX(Jesper!$R$2:$R$366,ROW(INDEX(Jesper!AK$2:AK$366,ROUNDDOWN($C472/24,0)+1,1))-1)+IF('Standard Profiles'!$G$21=$B$10,7,0)+IF('Standard Profiles'!$G$21=$B$17,14,0)+IF('Standard Profiles'!$G$21=$B$24,21,0),0)),0)</f>
        <v>0</v>
      </c>
      <c r="H472" cm="1">
        <f t="array" ref="H472">IFERROR(INDEX(Jesper!AL$2:AL$366,ROUNDDOWN($C472/24,0)+1,1)*INDEX($D$3:$AA$30,INDEX(Jesper!$R$2:$R$366,ROW(INDEX(Jesper!AL$2:AL$366,ROUNDDOWN($C472/24,0)+1,1))-1)+IF('Standard Profiles'!$G$22=$B$10,7,0)+IF('Standard Profiles'!$G$22=$B$17,14,0)+IF('Standard Profiles'!$G$22=$B$24,21,0),MOD($C472,24)+1)/SUM(INDEX($D$3:$AA$30,INDEX(Jesper!$R$2:$R$366,ROW(INDEX(Jesper!AL$2:AL$366,ROUNDDOWN($C472/24,0)+1,1))-1)+IF('Standard Profiles'!$G$22=$B$10,7,0)+IF('Standard Profiles'!$G$22=$B$17,14,0)+IF('Standard Profiles'!$G$22=$B$24,21,0),0)),0)</f>
        <v>0</v>
      </c>
      <c r="I472">
        <f t="shared" si="62"/>
        <v>0.40357819779100956</v>
      </c>
      <c r="J472">
        <f t="shared" si="63"/>
        <v>1.3452606593033654</v>
      </c>
      <c r="K472">
        <f t="shared" si="64"/>
        <v>2.0178909889550476</v>
      </c>
      <c r="L472">
        <f t="shared" si="65"/>
        <v>9.6858767469842295</v>
      </c>
      <c r="M472">
        <f t="shared" si="66"/>
        <v>0</v>
      </c>
      <c r="N472" s="46">
        <f t="shared" si="67"/>
        <v>45310.249999998938</v>
      </c>
    </row>
    <row r="473" spans="2:14" x14ac:dyDescent="0.3">
      <c r="B473">
        <f t="shared" si="61"/>
        <v>5</v>
      </c>
      <c r="C473" s="16">
        <v>439</v>
      </c>
      <c r="D473" cm="1">
        <f t="array" ref="D473">IFERROR(INDEX(Jesper!AH$2:AH$366,ROUNDDOWN($C473/24,0)+1,1)*INDEX($D$3:$AA$30,INDEX(Jesper!$R$2:$R$366,ROW(INDEX(Jesper!AH$2:AH$366,ROUNDDOWN($C473/24,0)+1,1))-1)+IF('Standard Profiles'!$G$18=$B$10,7,0)+IF('Standard Profiles'!$G$18=$B$17,14,0)+IF('Standard Profiles'!$G$18=$B$24,21,0),MOD($C473,24)+1)/SUM(INDEX($D$3:$AA$30,INDEX(Jesper!$R$2:$R$366,ROW(INDEX(Jesper!AH$2:AH$366,ROUNDDOWN($C473/24,0)+1,1))-1)+IF('Standard Profiles'!$G$18=$B$10,7,0)+IF('Standard Profiles'!$G$18=$B$17,14,0)+IF('Standard Profiles'!$G$18=$B$24,21,0),0)),0)</f>
        <v>13.452606593033652</v>
      </c>
      <c r="E473" cm="1">
        <f t="array" ref="E473">IFERROR(INDEX(Jesper!AI$2:AI$366,ROUNDDOWN($C473/24,0)+1,1)*INDEX($D$3:$AA$30,INDEX(Jesper!$R$2:$R$366,ROW(INDEX(Jesper!AI$2:AI$366,ROUNDDOWN($C473/24,0)+1,1))-1)+IF('Standard Profiles'!$G$19=$B$10,7,0)+IF('Standard Profiles'!$G$19=$B$17,14,0)+IF('Standard Profiles'!$G$19=$B$24,21,0),MOD($C473,24)+1)/SUM(INDEX($D$3:$AA$30,INDEX(Jesper!$R$2:$R$366,ROW(INDEX(Jesper!AI$2:AI$366,ROUNDDOWN($C473/24,0)+1,1))-1)+IF('Standard Profiles'!$G$19=$B$10,7,0)+IF('Standard Profiles'!$G$19=$B$17,14,0)+IF('Standard Profiles'!$G$19=$B$24,21,0),0)),0)</f>
        <v>0</v>
      </c>
      <c r="F473" cm="1">
        <f t="array" ref="F473">IFERROR(INDEX(Jesper!AJ$2:AJ$366,ROUNDDOWN($C473/24,0)+1,1)*INDEX($D$3:$AA$30,INDEX(Jesper!$R$2:$R$366,ROW(INDEX(Jesper!AJ$2:AJ$366,ROUNDDOWN($C473/24,0)+1,1))-1)+IF('Standard Profiles'!$G$20=$B$10,7,0)+IF('Standard Profiles'!$G$20=$B$17,14,0)+IF('Standard Profiles'!$G$20=$B$24,21,0),MOD($C473,24)+1)/SUM(INDEX($D$3:$AA$30,INDEX(Jesper!$R$2:$R$366,ROW(INDEX(Jesper!AJ$2:AJ$366,ROUNDDOWN($C473/24,0)+1,1))-1)+IF('Standard Profiles'!$G$20=$B$10,7,0)+IF('Standard Profiles'!$G$20=$B$17,14,0)+IF('Standard Profiles'!$G$20=$B$24,21,0),0)),0)</f>
        <v>0</v>
      </c>
      <c r="G473" cm="1">
        <f t="array" ref="G473">IFERROR(INDEX(Jesper!AK$2:AK$366,ROUNDDOWN($C473/24,0)+1,1)*INDEX($D$3:$AA$30,INDEX(Jesper!$R$2:$R$366,ROW(INDEX(Jesper!AK$2:AK$366,ROUNDDOWN($C473/24,0)+1,1))-1)+IF('Standard Profiles'!$G$21=$B$10,7,0)+IF('Standard Profiles'!$G$21=$B$17,14,0)+IF('Standard Profiles'!$G$21=$B$24,21,0),MOD($C473,24)+1)/SUM(INDEX($D$3:$AA$30,INDEX(Jesper!$R$2:$R$366,ROW(INDEX(Jesper!AK$2:AK$366,ROUNDDOWN($C473/24,0)+1,1))-1)+IF('Standard Profiles'!$G$21=$B$10,7,0)+IF('Standard Profiles'!$G$21=$B$17,14,0)+IF('Standard Profiles'!$G$21=$B$24,21,0),0)),0)</f>
        <v>0</v>
      </c>
      <c r="H473" cm="1">
        <f t="array" ref="H473">IFERROR(INDEX(Jesper!AL$2:AL$366,ROUNDDOWN($C473/24,0)+1,1)*INDEX($D$3:$AA$30,INDEX(Jesper!$R$2:$R$366,ROW(INDEX(Jesper!AL$2:AL$366,ROUNDDOWN($C473/24,0)+1,1))-1)+IF('Standard Profiles'!$G$22=$B$10,7,0)+IF('Standard Profiles'!$G$22=$B$17,14,0)+IF('Standard Profiles'!$G$22=$B$24,21,0),MOD($C473,24)+1)/SUM(INDEX($D$3:$AA$30,INDEX(Jesper!$R$2:$R$366,ROW(INDEX(Jesper!AL$2:AL$366,ROUNDDOWN($C473/24,0)+1,1))-1)+IF('Standard Profiles'!$G$22=$B$10,7,0)+IF('Standard Profiles'!$G$22=$B$17,14,0)+IF('Standard Profiles'!$G$22=$B$24,21,0),0)),0)</f>
        <v>0</v>
      </c>
      <c r="I473">
        <f t="shared" si="62"/>
        <v>0.40357819779100956</v>
      </c>
      <c r="J473">
        <f t="shared" si="63"/>
        <v>1.3452606593033654</v>
      </c>
      <c r="K473">
        <f t="shared" si="64"/>
        <v>2.0178909889550476</v>
      </c>
      <c r="L473">
        <f t="shared" si="65"/>
        <v>9.6858767469842295</v>
      </c>
      <c r="M473">
        <f t="shared" si="66"/>
        <v>0</v>
      </c>
      <c r="N473" s="46">
        <f t="shared" si="67"/>
        <v>45310.291666665602</v>
      </c>
    </row>
    <row r="474" spans="2:14" x14ac:dyDescent="0.3">
      <c r="B474">
        <f t="shared" si="61"/>
        <v>5</v>
      </c>
      <c r="C474" s="16">
        <v>440</v>
      </c>
      <c r="D474" cm="1">
        <f t="array" ref="D474">IFERROR(INDEX(Jesper!AH$2:AH$366,ROUNDDOWN($C474/24,0)+1,1)*INDEX($D$3:$AA$30,INDEX(Jesper!$R$2:$R$366,ROW(INDEX(Jesper!AH$2:AH$366,ROUNDDOWN($C474/24,0)+1,1))-1)+IF('Standard Profiles'!$G$18=$B$10,7,0)+IF('Standard Profiles'!$G$18=$B$17,14,0)+IF('Standard Profiles'!$G$18=$B$24,21,0),MOD($C474,24)+1)/SUM(INDEX($D$3:$AA$30,INDEX(Jesper!$R$2:$R$366,ROW(INDEX(Jesper!AH$2:AH$366,ROUNDDOWN($C474/24,0)+1,1))-1)+IF('Standard Profiles'!$G$18=$B$10,7,0)+IF('Standard Profiles'!$G$18=$B$17,14,0)+IF('Standard Profiles'!$G$18=$B$24,21,0),0)),0)</f>
        <v>13.452606593033652</v>
      </c>
      <c r="E474" cm="1">
        <f t="array" ref="E474">IFERROR(INDEX(Jesper!AI$2:AI$366,ROUNDDOWN($C474/24,0)+1,1)*INDEX($D$3:$AA$30,INDEX(Jesper!$R$2:$R$366,ROW(INDEX(Jesper!AI$2:AI$366,ROUNDDOWN($C474/24,0)+1,1))-1)+IF('Standard Profiles'!$G$19=$B$10,7,0)+IF('Standard Profiles'!$G$19=$B$17,14,0)+IF('Standard Profiles'!$G$19=$B$24,21,0),MOD($C474,24)+1)/SUM(INDEX($D$3:$AA$30,INDEX(Jesper!$R$2:$R$366,ROW(INDEX(Jesper!AI$2:AI$366,ROUNDDOWN($C474/24,0)+1,1))-1)+IF('Standard Profiles'!$G$19=$B$10,7,0)+IF('Standard Profiles'!$G$19=$B$17,14,0)+IF('Standard Profiles'!$G$19=$B$24,21,0),0)),0)</f>
        <v>0</v>
      </c>
      <c r="F474" cm="1">
        <f t="array" ref="F474">IFERROR(INDEX(Jesper!AJ$2:AJ$366,ROUNDDOWN($C474/24,0)+1,1)*INDEX($D$3:$AA$30,INDEX(Jesper!$R$2:$R$366,ROW(INDEX(Jesper!AJ$2:AJ$366,ROUNDDOWN($C474/24,0)+1,1))-1)+IF('Standard Profiles'!$G$20=$B$10,7,0)+IF('Standard Profiles'!$G$20=$B$17,14,0)+IF('Standard Profiles'!$G$20=$B$24,21,0),MOD($C474,24)+1)/SUM(INDEX($D$3:$AA$30,INDEX(Jesper!$R$2:$R$366,ROW(INDEX(Jesper!AJ$2:AJ$366,ROUNDDOWN($C474/24,0)+1,1))-1)+IF('Standard Profiles'!$G$20=$B$10,7,0)+IF('Standard Profiles'!$G$20=$B$17,14,0)+IF('Standard Profiles'!$G$20=$B$24,21,0),0)),0)</f>
        <v>0</v>
      </c>
      <c r="G474" cm="1">
        <f t="array" ref="G474">IFERROR(INDEX(Jesper!AK$2:AK$366,ROUNDDOWN($C474/24,0)+1,1)*INDEX($D$3:$AA$30,INDEX(Jesper!$R$2:$R$366,ROW(INDEX(Jesper!AK$2:AK$366,ROUNDDOWN($C474/24,0)+1,1))-1)+IF('Standard Profiles'!$G$21=$B$10,7,0)+IF('Standard Profiles'!$G$21=$B$17,14,0)+IF('Standard Profiles'!$G$21=$B$24,21,0),MOD($C474,24)+1)/SUM(INDEX($D$3:$AA$30,INDEX(Jesper!$R$2:$R$366,ROW(INDEX(Jesper!AK$2:AK$366,ROUNDDOWN($C474/24,0)+1,1))-1)+IF('Standard Profiles'!$G$21=$B$10,7,0)+IF('Standard Profiles'!$G$21=$B$17,14,0)+IF('Standard Profiles'!$G$21=$B$24,21,0),0)),0)</f>
        <v>0</v>
      </c>
      <c r="H474" cm="1">
        <f t="array" ref="H474">IFERROR(INDEX(Jesper!AL$2:AL$366,ROUNDDOWN($C474/24,0)+1,1)*INDEX($D$3:$AA$30,INDEX(Jesper!$R$2:$R$366,ROW(INDEX(Jesper!AL$2:AL$366,ROUNDDOWN($C474/24,0)+1,1))-1)+IF('Standard Profiles'!$G$22=$B$10,7,0)+IF('Standard Profiles'!$G$22=$B$17,14,0)+IF('Standard Profiles'!$G$22=$B$24,21,0),MOD($C474,24)+1)/SUM(INDEX($D$3:$AA$30,INDEX(Jesper!$R$2:$R$366,ROW(INDEX(Jesper!AL$2:AL$366,ROUNDDOWN($C474/24,0)+1,1))-1)+IF('Standard Profiles'!$G$22=$B$10,7,0)+IF('Standard Profiles'!$G$22=$B$17,14,0)+IF('Standard Profiles'!$G$22=$B$24,21,0),0)),0)</f>
        <v>0</v>
      </c>
      <c r="I474">
        <f t="shared" si="62"/>
        <v>0.40357819779100956</v>
      </c>
      <c r="J474">
        <f t="shared" si="63"/>
        <v>1.3452606593033654</v>
      </c>
      <c r="K474">
        <f t="shared" si="64"/>
        <v>2.0178909889550476</v>
      </c>
      <c r="L474">
        <f t="shared" si="65"/>
        <v>9.6858767469842295</v>
      </c>
      <c r="M474">
        <f t="shared" si="66"/>
        <v>0</v>
      </c>
      <c r="N474" s="46">
        <f t="shared" si="67"/>
        <v>45310.333333332266</v>
      </c>
    </row>
    <row r="475" spans="2:14" x14ac:dyDescent="0.3">
      <c r="B475">
        <f t="shared" si="61"/>
        <v>5</v>
      </c>
      <c r="C475" s="16">
        <v>441</v>
      </c>
      <c r="D475" cm="1">
        <f t="array" ref="D475">IFERROR(INDEX(Jesper!AH$2:AH$366,ROUNDDOWN($C475/24,0)+1,1)*INDEX($D$3:$AA$30,INDEX(Jesper!$R$2:$R$366,ROW(INDEX(Jesper!AH$2:AH$366,ROUNDDOWN($C475/24,0)+1,1))-1)+IF('Standard Profiles'!$G$18=$B$10,7,0)+IF('Standard Profiles'!$G$18=$B$17,14,0)+IF('Standard Profiles'!$G$18=$B$24,21,0),MOD($C475,24)+1)/SUM(INDEX($D$3:$AA$30,INDEX(Jesper!$R$2:$R$366,ROW(INDEX(Jesper!AH$2:AH$366,ROUNDDOWN($C475/24,0)+1,1))-1)+IF('Standard Profiles'!$G$18=$B$10,7,0)+IF('Standard Profiles'!$G$18=$B$17,14,0)+IF('Standard Profiles'!$G$18=$B$24,21,0),0)),0)</f>
        <v>14.413507063964628</v>
      </c>
      <c r="E475" cm="1">
        <f t="array" ref="E475">IFERROR(INDEX(Jesper!AI$2:AI$366,ROUNDDOWN($C475/24,0)+1,1)*INDEX($D$3:$AA$30,INDEX(Jesper!$R$2:$R$366,ROW(INDEX(Jesper!AI$2:AI$366,ROUNDDOWN($C475/24,0)+1,1))-1)+IF('Standard Profiles'!$G$19=$B$10,7,0)+IF('Standard Profiles'!$G$19=$B$17,14,0)+IF('Standard Profiles'!$G$19=$B$24,21,0),MOD($C475,24)+1)/SUM(INDEX($D$3:$AA$30,INDEX(Jesper!$R$2:$R$366,ROW(INDEX(Jesper!AI$2:AI$366,ROUNDDOWN($C475/24,0)+1,1))-1)+IF('Standard Profiles'!$G$19=$B$10,7,0)+IF('Standard Profiles'!$G$19=$B$17,14,0)+IF('Standard Profiles'!$G$19=$B$24,21,0),0)),0)</f>
        <v>0</v>
      </c>
      <c r="F475" cm="1">
        <f t="array" ref="F475">IFERROR(INDEX(Jesper!AJ$2:AJ$366,ROUNDDOWN($C475/24,0)+1,1)*INDEX($D$3:$AA$30,INDEX(Jesper!$R$2:$R$366,ROW(INDEX(Jesper!AJ$2:AJ$366,ROUNDDOWN($C475/24,0)+1,1))-1)+IF('Standard Profiles'!$G$20=$B$10,7,0)+IF('Standard Profiles'!$G$20=$B$17,14,0)+IF('Standard Profiles'!$G$20=$B$24,21,0),MOD($C475,24)+1)/SUM(INDEX($D$3:$AA$30,INDEX(Jesper!$R$2:$R$366,ROW(INDEX(Jesper!AJ$2:AJ$366,ROUNDDOWN($C475/24,0)+1,1))-1)+IF('Standard Profiles'!$G$20=$B$10,7,0)+IF('Standard Profiles'!$G$20=$B$17,14,0)+IF('Standard Profiles'!$G$20=$B$24,21,0),0)),0)</f>
        <v>0</v>
      </c>
      <c r="G475" cm="1">
        <f t="array" ref="G475">IFERROR(INDEX(Jesper!AK$2:AK$366,ROUNDDOWN($C475/24,0)+1,1)*INDEX($D$3:$AA$30,INDEX(Jesper!$R$2:$R$366,ROW(INDEX(Jesper!AK$2:AK$366,ROUNDDOWN($C475/24,0)+1,1))-1)+IF('Standard Profiles'!$G$21=$B$10,7,0)+IF('Standard Profiles'!$G$21=$B$17,14,0)+IF('Standard Profiles'!$G$21=$B$24,21,0),MOD($C475,24)+1)/SUM(INDEX($D$3:$AA$30,INDEX(Jesper!$R$2:$R$366,ROW(INDEX(Jesper!AK$2:AK$366,ROUNDDOWN($C475/24,0)+1,1))-1)+IF('Standard Profiles'!$G$21=$B$10,7,0)+IF('Standard Profiles'!$G$21=$B$17,14,0)+IF('Standard Profiles'!$G$21=$B$24,21,0),0)),0)</f>
        <v>0</v>
      </c>
      <c r="H475" cm="1">
        <f t="array" ref="H475">IFERROR(INDEX(Jesper!AL$2:AL$366,ROUNDDOWN($C475/24,0)+1,1)*INDEX($D$3:$AA$30,INDEX(Jesper!$R$2:$R$366,ROW(INDEX(Jesper!AL$2:AL$366,ROUNDDOWN($C475/24,0)+1,1))-1)+IF('Standard Profiles'!$G$22=$B$10,7,0)+IF('Standard Profiles'!$G$22=$B$17,14,0)+IF('Standard Profiles'!$G$22=$B$24,21,0),MOD($C475,24)+1)/SUM(INDEX($D$3:$AA$30,INDEX(Jesper!$R$2:$R$366,ROW(INDEX(Jesper!AL$2:AL$366,ROUNDDOWN($C475/24,0)+1,1))-1)+IF('Standard Profiles'!$G$22=$B$10,7,0)+IF('Standard Profiles'!$G$22=$B$17,14,0)+IF('Standard Profiles'!$G$22=$B$24,21,0),0)),0)</f>
        <v>0</v>
      </c>
      <c r="I475">
        <f t="shared" si="62"/>
        <v>0.43240521191893883</v>
      </c>
      <c r="J475">
        <f t="shared" si="63"/>
        <v>1.441350706396463</v>
      </c>
      <c r="K475">
        <f t="shared" si="64"/>
        <v>2.1620260595946941</v>
      </c>
      <c r="L475">
        <f t="shared" si="65"/>
        <v>10.377725086054532</v>
      </c>
      <c r="M475">
        <f t="shared" si="66"/>
        <v>0</v>
      </c>
      <c r="N475" s="46">
        <f t="shared" si="67"/>
        <v>45310.37499999893</v>
      </c>
    </row>
    <row r="476" spans="2:14" x14ac:dyDescent="0.3">
      <c r="B476">
        <f t="shared" si="61"/>
        <v>5</v>
      </c>
      <c r="C476" s="16">
        <v>442</v>
      </c>
      <c r="D476" cm="1">
        <f t="array" ref="D476">IFERROR(INDEX(Jesper!AH$2:AH$366,ROUNDDOWN($C476/24,0)+1,1)*INDEX($D$3:$AA$30,INDEX(Jesper!$R$2:$R$366,ROW(INDEX(Jesper!AH$2:AH$366,ROUNDDOWN($C476/24,0)+1,1))-1)+IF('Standard Profiles'!$G$18=$B$10,7,0)+IF('Standard Profiles'!$G$18=$B$17,14,0)+IF('Standard Profiles'!$G$18=$B$24,21,0),MOD($C476,24)+1)/SUM(INDEX($D$3:$AA$30,INDEX(Jesper!$R$2:$R$366,ROW(INDEX(Jesper!AH$2:AH$366,ROUNDDOWN($C476/24,0)+1,1))-1)+IF('Standard Profiles'!$G$18=$B$10,7,0)+IF('Standard Profiles'!$G$18=$B$17,14,0)+IF('Standard Profiles'!$G$18=$B$24,21,0),0)),0)</f>
        <v>14.990047346523212</v>
      </c>
      <c r="E476" cm="1">
        <f t="array" ref="E476">IFERROR(INDEX(Jesper!AI$2:AI$366,ROUNDDOWN($C476/24,0)+1,1)*INDEX($D$3:$AA$30,INDEX(Jesper!$R$2:$R$366,ROW(INDEX(Jesper!AI$2:AI$366,ROUNDDOWN($C476/24,0)+1,1))-1)+IF('Standard Profiles'!$G$19=$B$10,7,0)+IF('Standard Profiles'!$G$19=$B$17,14,0)+IF('Standard Profiles'!$G$19=$B$24,21,0),MOD($C476,24)+1)/SUM(INDEX($D$3:$AA$30,INDEX(Jesper!$R$2:$R$366,ROW(INDEX(Jesper!AI$2:AI$366,ROUNDDOWN($C476/24,0)+1,1))-1)+IF('Standard Profiles'!$G$19=$B$10,7,0)+IF('Standard Profiles'!$G$19=$B$17,14,0)+IF('Standard Profiles'!$G$19=$B$24,21,0),0)),0)</f>
        <v>0</v>
      </c>
      <c r="F476" cm="1">
        <f t="array" ref="F476">IFERROR(INDEX(Jesper!AJ$2:AJ$366,ROUNDDOWN($C476/24,0)+1,1)*INDEX($D$3:$AA$30,INDEX(Jesper!$R$2:$R$366,ROW(INDEX(Jesper!AJ$2:AJ$366,ROUNDDOWN($C476/24,0)+1,1))-1)+IF('Standard Profiles'!$G$20=$B$10,7,0)+IF('Standard Profiles'!$G$20=$B$17,14,0)+IF('Standard Profiles'!$G$20=$B$24,21,0),MOD($C476,24)+1)/SUM(INDEX($D$3:$AA$30,INDEX(Jesper!$R$2:$R$366,ROW(INDEX(Jesper!AJ$2:AJ$366,ROUNDDOWN($C476/24,0)+1,1))-1)+IF('Standard Profiles'!$G$20=$B$10,7,0)+IF('Standard Profiles'!$G$20=$B$17,14,0)+IF('Standard Profiles'!$G$20=$B$24,21,0),0)),0)</f>
        <v>0</v>
      </c>
      <c r="G476" cm="1">
        <f t="array" ref="G476">IFERROR(INDEX(Jesper!AK$2:AK$366,ROUNDDOWN($C476/24,0)+1,1)*INDEX($D$3:$AA$30,INDEX(Jesper!$R$2:$R$366,ROW(INDEX(Jesper!AK$2:AK$366,ROUNDDOWN($C476/24,0)+1,1))-1)+IF('Standard Profiles'!$G$21=$B$10,7,0)+IF('Standard Profiles'!$G$21=$B$17,14,0)+IF('Standard Profiles'!$G$21=$B$24,21,0),MOD($C476,24)+1)/SUM(INDEX($D$3:$AA$30,INDEX(Jesper!$R$2:$R$366,ROW(INDEX(Jesper!AK$2:AK$366,ROUNDDOWN($C476/24,0)+1,1))-1)+IF('Standard Profiles'!$G$21=$B$10,7,0)+IF('Standard Profiles'!$G$21=$B$17,14,0)+IF('Standard Profiles'!$G$21=$B$24,21,0),0)),0)</f>
        <v>0</v>
      </c>
      <c r="H476" cm="1">
        <f t="array" ref="H476">IFERROR(INDEX(Jesper!AL$2:AL$366,ROUNDDOWN($C476/24,0)+1,1)*INDEX($D$3:$AA$30,INDEX(Jesper!$R$2:$R$366,ROW(INDEX(Jesper!AL$2:AL$366,ROUNDDOWN($C476/24,0)+1,1))-1)+IF('Standard Profiles'!$G$22=$B$10,7,0)+IF('Standard Profiles'!$G$22=$B$17,14,0)+IF('Standard Profiles'!$G$22=$B$24,21,0),MOD($C476,24)+1)/SUM(INDEX($D$3:$AA$30,INDEX(Jesper!$R$2:$R$366,ROW(INDEX(Jesper!AL$2:AL$366,ROUNDDOWN($C476/24,0)+1,1))-1)+IF('Standard Profiles'!$G$22=$B$10,7,0)+IF('Standard Profiles'!$G$22=$B$17,14,0)+IF('Standard Profiles'!$G$22=$B$24,21,0),0)),0)</f>
        <v>0</v>
      </c>
      <c r="I476">
        <f t="shared" si="62"/>
        <v>0.44970142039569638</v>
      </c>
      <c r="J476">
        <f t="shared" si="63"/>
        <v>1.4990047346523214</v>
      </c>
      <c r="K476">
        <f t="shared" si="64"/>
        <v>2.2485071019784817</v>
      </c>
      <c r="L476">
        <f t="shared" si="65"/>
        <v>10.792834089496713</v>
      </c>
      <c r="M476">
        <f t="shared" si="66"/>
        <v>0</v>
      </c>
      <c r="N476" s="46">
        <f t="shared" si="67"/>
        <v>45310.416666665595</v>
      </c>
    </row>
    <row r="477" spans="2:14" x14ac:dyDescent="0.3">
      <c r="B477">
        <f t="shared" si="61"/>
        <v>5</v>
      </c>
      <c r="C477" s="16">
        <v>443</v>
      </c>
      <c r="D477" cm="1">
        <f t="array" ref="D477">IFERROR(INDEX(Jesper!AH$2:AH$366,ROUNDDOWN($C477/24,0)+1,1)*INDEX($D$3:$AA$30,INDEX(Jesper!$R$2:$R$366,ROW(INDEX(Jesper!AH$2:AH$366,ROUNDDOWN($C477/24,0)+1,1))-1)+IF('Standard Profiles'!$G$18=$B$10,7,0)+IF('Standard Profiles'!$G$18=$B$17,14,0)+IF('Standard Profiles'!$G$18=$B$24,21,0),MOD($C477,24)+1)/SUM(INDEX($D$3:$AA$30,INDEX(Jesper!$R$2:$R$366,ROW(INDEX(Jesper!AH$2:AH$366,ROUNDDOWN($C477/24,0)+1,1))-1)+IF('Standard Profiles'!$G$18=$B$10,7,0)+IF('Standard Profiles'!$G$18=$B$17,14,0)+IF('Standard Profiles'!$G$18=$B$24,21,0),0)),0)</f>
        <v>17.296208476757553</v>
      </c>
      <c r="E477" cm="1">
        <f t="array" ref="E477">IFERROR(INDEX(Jesper!AI$2:AI$366,ROUNDDOWN($C477/24,0)+1,1)*INDEX($D$3:$AA$30,INDEX(Jesper!$R$2:$R$366,ROW(INDEX(Jesper!AI$2:AI$366,ROUNDDOWN($C477/24,0)+1,1))-1)+IF('Standard Profiles'!$G$19=$B$10,7,0)+IF('Standard Profiles'!$G$19=$B$17,14,0)+IF('Standard Profiles'!$G$19=$B$24,21,0),MOD($C477,24)+1)/SUM(INDEX($D$3:$AA$30,INDEX(Jesper!$R$2:$R$366,ROW(INDEX(Jesper!AI$2:AI$366,ROUNDDOWN($C477/24,0)+1,1))-1)+IF('Standard Profiles'!$G$19=$B$10,7,0)+IF('Standard Profiles'!$G$19=$B$17,14,0)+IF('Standard Profiles'!$G$19=$B$24,21,0),0)),0)</f>
        <v>0</v>
      </c>
      <c r="F477" cm="1">
        <f t="array" ref="F477">IFERROR(INDEX(Jesper!AJ$2:AJ$366,ROUNDDOWN($C477/24,0)+1,1)*INDEX($D$3:$AA$30,INDEX(Jesper!$R$2:$R$366,ROW(INDEX(Jesper!AJ$2:AJ$366,ROUNDDOWN($C477/24,0)+1,1))-1)+IF('Standard Profiles'!$G$20=$B$10,7,0)+IF('Standard Profiles'!$G$20=$B$17,14,0)+IF('Standard Profiles'!$G$20=$B$24,21,0),MOD($C477,24)+1)/SUM(INDEX($D$3:$AA$30,INDEX(Jesper!$R$2:$R$366,ROW(INDEX(Jesper!AJ$2:AJ$366,ROUNDDOWN($C477/24,0)+1,1))-1)+IF('Standard Profiles'!$G$20=$B$10,7,0)+IF('Standard Profiles'!$G$20=$B$17,14,0)+IF('Standard Profiles'!$G$20=$B$24,21,0),0)),0)</f>
        <v>0</v>
      </c>
      <c r="G477" cm="1">
        <f t="array" ref="G477">IFERROR(INDEX(Jesper!AK$2:AK$366,ROUNDDOWN($C477/24,0)+1,1)*INDEX($D$3:$AA$30,INDEX(Jesper!$R$2:$R$366,ROW(INDEX(Jesper!AK$2:AK$366,ROUNDDOWN($C477/24,0)+1,1))-1)+IF('Standard Profiles'!$G$21=$B$10,7,0)+IF('Standard Profiles'!$G$21=$B$17,14,0)+IF('Standard Profiles'!$G$21=$B$24,21,0),MOD($C477,24)+1)/SUM(INDEX($D$3:$AA$30,INDEX(Jesper!$R$2:$R$366,ROW(INDEX(Jesper!AK$2:AK$366,ROUNDDOWN($C477/24,0)+1,1))-1)+IF('Standard Profiles'!$G$21=$B$10,7,0)+IF('Standard Profiles'!$G$21=$B$17,14,0)+IF('Standard Profiles'!$G$21=$B$24,21,0),0)),0)</f>
        <v>0</v>
      </c>
      <c r="H477" cm="1">
        <f t="array" ref="H477">IFERROR(INDEX(Jesper!AL$2:AL$366,ROUNDDOWN($C477/24,0)+1,1)*INDEX($D$3:$AA$30,INDEX(Jesper!$R$2:$R$366,ROW(INDEX(Jesper!AL$2:AL$366,ROUNDDOWN($C477/24,0)+1,1))-1)+IF('Standard Profiles'!$G$22=$B$10,7,0)+IF('Standard Profiles'!$G$22=$B$17,14,0)+IF('Standard Profiles'!$G$22=$B$24,21,0),MOD($C477,24)+1)/SUM(INDEX($D$3:$AA$30,INDEX(Jesper!$R$2:$R$366,ROW(INDEX(Jesper!AL$2:AL$366,ROUNDDOWN($C477/24,0)+1,1))-1)+IF('Standard Profiles'!$G$22=$B$10,7,0)+IF('Standard Profiles'!$G$22=$B$17,14,0)+IF('Standard Profiles'!$G$22=$B$24,21,0),0)),0)</f>
        <v>0</v>
      </c>
      <c r="I477">
        <f t="shared" si="62"/>
        <v>0.51888625430272661</v>
      </c>
      <c r="J477">
        <f t="shared" si="63"/>
        <v>1.7296208476757553</v>
      </c>
      <c r="K477">
        <f t="shared" si="64"/>
        <v>2.5944312715136326</v>
      </c>
      <c r="L477">
        <f t="shared" si="65"/>
        <v>12.453270103265437</v>
      </c>
      <c r="M477">
        <f t="shared" si="66"/>
        <v>0</v>
      </c>
      <c r="N477" s="46">
        <f t="shared" si="67"/>
        <v>45310.458333332259</v>
      </c>
    </row>
    <row r="478" spans="2:14" x14ac:dyDescent="0.3">
      <c r="B478">
        <f t="shared" si="61"/>
        <v>5</v>
      </c>
      <c r="C478" s="16">
        <v>444</v>
      </c>
      <c r="D478" cm="1">
        <f t="array" ref="D478">IFERROR(INDEX(Jesper!AH$2:AH$366,ROUNDDOWN($C478/24,0)+1,1)*INDEX($D$3:$AA$30,INDEX(Jesper!$R$2:$R$366,ROW(INDEX(Jesper!AH$2:AH$366,ROUNDDOWN($C478/24,0)+1,1))-1)+IF('Standard Profiles'!$G$18=$B$10,7,0)+IF('Standard Profiles'!$G$18=$B$17,14,0)+IF('Standard Profiles'!$G$18=$B$24,21,0),MOD($C478,24)+1)/SUM(INDEX($D$3:$AA$30,INDEX(Jesper!$R$2:$R$366,ROW(INDEX(Jesper!AH$2:AH$366,ROUNDDOWN($C478/24,0)+1,1))-1)+IF('Standard Profiles'!$G$18=$B$10,7,0)+IF('Standard Profiles'!$G$18=$B$17,14,0)+IF('Standard Profiles'!$G$18=$B$24,21,0),0)),0)</f>
        <v>17.296208476757553</v>
      </c>
      <c r="E478" cm="1">
        <f t="array" ref="E478">IFERROR(INDEX(Jesper!AI$2:AI$366,ROUNDDOWN($C478/24,0)+1,1)*INDEX($D$3:$AA$30,INDEX(Jesper!$R$2:$R$366,ROW(INDEX(Jesper!AI$2:AI$366,ROUNDDOWN($C478/24,0)+1,1))-1)+IF('Standard Profiles'!$G$19=$B$10,7,0)+IF('Standard Profiles'!$G$19=$B$17,14,0)+IF('Standard Profiles'!$G$19=$B$24,21,0),MOD($C478,24)+1)/SUM(INDEX($D$3:$AA$30,INDEX(Jesper!$R$2:$R$366,ROW(INDEX(Jesper!AI$2:AI$366,ROUNDDOWN($C478/24,0)+1,1))-1)+IF('Standard Profiles'!$G$19=$B$10,7,0)+IF('Standard Profiles'!$G$19=$B$17,14,0)+IF('Standard Profiles'!$G$19=$B$24,21,0),0)),0)</f>
        <v>0</v>
      </c>
      <c r="F478" cm="1">
        <f t="array" ref="F478">IFERROR(INDEX(Jesper!AJ$2:AJ$366,ROUNDDOWN($C478/24,0)+1,1)*INDEX($D$3:$AA$30,INDEX(Jesper!$R$2:$R$366,ROW(INDEX(Jesper!AJ$2:AJ$366,ROUNDDOWN($C478/24,0)+1,1))-1)+IF('Standard Profiles'!$G$20=$B$10,7,0)+IF('Standard Profiles'!$G$20=$B$17,14,0)+IF('Standard Profiles'!$G$20=$B$24,21,0),MOD($C478,24)+1)/SUM(INDEX($D$3:$AA$30,INDEX(Jesper!$R$2:$R$366,ROW(INDEX(Jesper!AJ$2:AJ$366,ROUNDDOWN($C478/24,0)+1,1))-1)+IF('Standard Profiles'!$G$20=$B$10,7,0)+IF('Standard Profiles'!$G$20=$B$17,14,0)+IF('Standard Profiles'!$G$20=$B$24,21,0),0)),0)</f>
        <v>0</v>
      </c>
      <c r="G478" cm="1">
        <f t="array" ref="G478">IFERROR(INDEX(Jesper!AK$2:AK$366,ROUNDDOWN($C478/24,0)+1,1)*INDEX($D$3:$AA$30,INDEX(Jesper!$R$2:$R$366,ROW(INDEX(Jesper!AK$2:AK$366,ROUNDDOWN($C478/24,0)+1,1))-1)+IF('Standard Profiles'!$G$21=$B$10,7,0)+IF('Standard Profiles'!$G$21=$B$17,14,0)+IF('Standard Profiles'!$G$21=$B$24,21,0),MOD($C478,24)+1)/SUM(INDEX($D$3:$AA$30,INDEX(Jesper!$R$2:$R$366,ROW(INDEX(Jesper!AK$2:AK$366,ROUNDDOWN($C478/24,0)+1,1))-1)+IF('Standard Profiles'!$G$21=$B$10,7,0)+IF('Standard Profiles'!$G$21=$B$17,14,0)+IF('Standard Profiles'!$G$21=$B$24,21,0),0)),0)</f>
        <v>0</v>
      </c>
      <c r="H478" cm="1">
        <f t="array" ref="H478">IFERROR(INDEX(Jesper!AL$2:AL$366,ROUNDDOWN($C478/24,0)+1,1)*INDEX($D$3:$AA$30,INDEX(Jesper!$R$2:$R$366,ROW(INDEX(Jesper!AL$2:AL$366,ROUNDDOWN($C478/24,0)+1,1))-1)+IF('Standard Profiles'!$G$22=$B$10,7,0)+IF('Standard Profiles'!$G$22=$B$17,14,0)+IF('Standard Profiles'!$G$22=$B$24,21,0),MOD($C478,24)+1)/SUM(INDEX($D$3:$AA$30,INDEX(Jesper!$R$2:$R$366,ROW(INDEX(Jesper!AL$2:AL$366,ROUNDDOWN($C478/24,0)+1,1))-1)+IF('Standard Profiles'!$G$22=$B$10,7,0)+IF('Standard Profiles'!$G$22=$B$17,14,0)+IF('Standard Profiles'!$G$22=$B$24,21,0),0)),0)</f>
        <v>0</v>
      </c>
      <c r="I478">
        <f t="shared" si="62"/>
        <v>0.51888625430272661</v>
      </c>
      <c r="J478">
        <f t="shared" si="63"/>
        <v>1.7296208476757553</v>
      </c>
      <c r="K478">
        <f t="shared" si="64"/>
        <v>2.5944312715136326</v>
      </c>
      <c r="L478">
        <f t="shared" si="65"/>
        <v>12.453270103265437</v>
      </c>
      <c r="M478">
        <f t="shared" si="66"/>
        <v>0</v>
      </c>
      <c r="N478" s="46">
        <f t="shared" si="67"/>
        <v>45310.499999998923</v>
      </c>
    </row>
    <row r="479" spans="2:14" x14ac:dyDescent="0.3">
      <c r="B479">
        <f t="shared" si="61"/>
        <v>5</v>
      </c>
      <c r="C479" s="16">
        <v>445</v>
      </c>
      <c r="D479" cm="1">
        <f t="array" ref="D479">IFERROR(INDEX(Jesper!AH$2:AH$366,ROUNDDOWN($C479/24,0)+1,1)*INDEX($D$3:$AA$30,INDEX(Jesper!$R$2:$R$366,ROW(INDEX(Jesper!AH$2:AH$366,ROUNDDOWN($C479/24,0)+1,1))-1)+IF('Standard Profiles'!$G$18=$B$10,7,0)+IF('Standard Profiles'!$G$18=$B$17,14,0)+IF('Standard Profiles'!$G$18=$B$24,21,0),MOD($C479,24)+1)/SUM(INDEX($D$3:$AA$30,INDEX(Jesper!$R$2:$R$366,ROW(INDEX(Jesper!AH$2:AH$366,ROUNDDOWN($C479/24,0)+1,1))-1)+IF('Standard Profiles'!$G$18=$B$10,7,0)+IF('Standard Profiles'!$G$18=$B$17,14,0)+IF('Standard Profiles'!$G$18=$B$24,21,0),0)),0)</f>
        <v>17.296208476757553</v>
      </c>
      <c r="E479" cm="1">
        <f t="array" ref="E479">IFERROR(INDEX(Jesper!AI$2:AI$366,ROUNDDOWN($C479/24,0)+1,1)*INDEX($D$3:$AA$30,INDEX(Jesper!$R$2:$R$366,ROW(INDEX(Jesper!AI$2:AI$366,ROUNDDOWN($C479/24,0)+1,1))-1)+IF('Standard Profiles'!$G$19=$B$10,7,0)+IF('Standard Profiles'!$G$19=$B$17,14,0)+IF('Standard Profiles'!$G$19=$B$24,21,0),MOD($C479,24)+1)/SUM(INDEX($D$3:$AA$30,INDEX(Jesper!$R$2:$R$366,ROW(INDEX(Jesper!AI$2:AI$366,ROUNDDOWN($C479/24,0)+1,1))-1)+IF('Standard Profiles'!$G$19=$B$10,7,0)+IF('Standard Profiles'!$G$19=$B$17,14,0)+IF('Standard Profiles'!$G$19=$B$24,21,0),0)),0)</f>
        <v>0</v>
      </c>
      <c r="F479" cm="1">
        <f t="array" ref="F479">IFERROR(INDEX(Jesper!AJ$2:AJ$366,ROUNDDOWN($C479/24,0)+1,1)*INDEX($D$3:$AA$30,INDEX(Jesper!$R$2:$R$366,ROW(INDEX(Jesper!AJ$2:AJ$366,ROUNDDOWN($C479/24,0)+1,1))-1)+IF('Standard Profiles'!$G$20=$B$10,7,0)+IF('Standard Profiles'!$G$20=$B$17,14,0)+IF('Standard Profiles'!$G$20=$B$24,21,0),MOD($C479,24)+1)/SUM(INDEX($D$3:$AA$30,INDEX(Jesper!$R$2:$R$366,ROW(INDEX(Jesper!AJ$2:AJ$366,ROUNDDOWN($C479/24,0)+1,1))-1)+IF('Standard Profiles'!$G$20=$B$10,7,0)+IF('Standard Profiles'!$G$20=$B$17,14,0)+IF('Standard Profiles'!$G$20=$B$24,21,0),0)),0)</f>
        <v>0</v>
      </c>
      <c r="G479" cm="1">
        <f t="array" ref="G479">IFERROR(INDEX(Jesper!AK$2:AK$366,ROUNDDOWN($C479/24,0)+1,1)*INDEX($D$3:$AA$30,INDEX(Jesper!$R$2:$R$366,ROW(INDEX(Jesper!AK$2:AK$366,ROUNDDOWN($C479/24,0)+1,1))-1)+IF('Standard Profiles'!$G$21=$B$10,7,0)+IF('Standard Profiles'!$G$21=$B$17,14,0)+IF('Standard Profiles'!$G$21=$B$24,21,0),MOD($C479,24)+1)/SUM(INDEX($D$3:$AA$30,INDEX(Jesper!$R$2:$R$366,ROW(INDEX(Jesper!AK$2:AK$366,ROUNDDOWN($C479/24,0)+1,1))-1)+IF('Standard Profiles'!$G$21=$B$10,7,0)+IF('Standard Profiles'!$G$21=$B$17,14,0)+IF('Standard Profiles'!$G$21=$B$24,21,0),0)),0)</f>
        <v>0</v>
      </c>
      <c r="H479" cm="1">
        <f t="array" ref="H479">IFERROR(INDEX(Jesper!AL$2:AL$366,ROUNDDOWN($C479/24,0)+1,1)*INDEX($D$3:$AA$30,INDEX(Jesper!$R$2:$R$366,ROW(INDEX(Jesper!AL$2:AL$366,ROUNDDOWN($C479/24,0)+1,1))-1)+IF('Standard Profiles'!$G$22=$B$10,7,0)+IF('Standard Profiles'!$G$22=$B$17,14,0)+IF('Standard Profiles'!$G$22=$B$24,21,0),MOD($C479,24)+1)/SUM(INDEX($D$3:$AA$30,INDEX(Jesper!$R$2:$R$366,ROW(INDEX(Jesper!AL$2:AL$366,ROUNDDOWN($C479/24,0)+1,1))-1)+IF('Standard Profiles'!$G$22=$B$10,7,0)+IF('Standard Profiles'!$G$22=$B$17,14,0)+IF('Standard Profiles'!$G$22=$B$24,21,0),0)),0)</f>
        <v>0</v>
      </c>
      <c r="I479">
        <f t="shared" si="62"/>
        <v>0.51888625430272661</v>
      </c>
      <c r="J479">
        <f t="shared" si="63"/>
        <v>1.7296208476757553</v>
      </c>
      <c r="K479">
        <f t="shared" si="64"/>
        <v>2.5944312715136326</v>
      </c>
      <c r="L479">
        <f t="shared" si="65"/>
        <v>12.453270103265437</v>
      </c>
      <c r="M479">
        <f t="shared" si="66"/>
        <v>0</v>
      </c>
      <c r="N479" s="46">
        <f t="shared" si="67"/>
        <v>45310.541666665587</v>
      </c>
    </row>
    <row r="480" spans="2:14" x14ac:dyDescent="0.3">
      <c r="B480">
        <f t="shared" si="61"/>
        <v>5</v>
      </c>
      <c r="C480" s="16">
        <v>446</v>
      </c>
      <c r="D480" cm="1">
        <f t="array" ref="D480">IFERROR(INDEX(Jesper!AH$2:AH$366,ROUNDDOWN($C480/24,0)+1,1)*INDEX($D$3:$AA$30,INDEX(Jesper!$R$2:$R$366,ROW(INDEX(Jesper!AH$2:AH$366,ROUNDDOWN($C480/24,0)+1,1))-1)+IF('Standard Profiles'!$G$18=$B$10,7,0)+IF('Standard Profiles'!$G$18=$B$17,14,0)+IF('Standard Profiles'!$G$18=$B$24,21,0),MOD($C480,24)+1)/SUM(INDEX($D$3:$AA$30,INDEX(Jesper!$R$2:$R$366,ROW(INDEX(Jesper!AH$2:AH$366,ROUNDDOWN($C480/24,0)+1,1))-1)+IF('Standard Profiles'!$G$18=$B$10,7,0)+IF('Standard Profiles'!$G$18=$B$17,14,0)+IF('Standard Profiles'!$G$18=$B$24,21,0),0)),0)</f>
        <v>17.296208476757553</v>
      </c>
      <c r="E480" cm="1">
        <f t="array" ref="E480">IFERROR(INDEX(Jesper!AI$2:AI$366,ROUNDDOWN($C480/24,0)+1,1)*INDEX($D$3:$AA$30,INDEX(Jesper!$R$2:$R$366,ROW(INDEX(Jesper!AI$2:AI$366,ROUNDDOWN($C480/24,0)+1,1))-1)+IF('Standard Profiles'!$G$19=$B$10,7,0)+IF('Standard Profiles'!$G$19=$B$17,14,0)+IF('Standard Profiles'!$G$19=$B$24,21,0),MOD($C480,24)+1)/SUM(INDEX($D$3:$AA$30,INDEX(Jesper!$R$2:$R$366,ROW(INDEX(Jesper!AI$2:AI$366,ROUNDDOWN($C480/24,0)+1,1))-1)+IF('Standard Profiles'!$G$19=$B$10,7,0)+IF('Standard Profiles'!$G$19=$B$17,14,0)+IF('Standard Profiles'!$G$19=$B$24,21,0),0)),0)</f>
        <v>0</v>
      </c>
      <c r="F480" cm="1">
        <f t="array" ref="F480">IFERROR(INDEX(Jesper!AJ$2:AJ$366,ROUNDDOWN($C480/24,0)+1,1)*INDEX($D$3:$AA$30,INDEX(Jesper!$R$2:$R$366,ROW(INDEX(Jesper!AJ$2:AJ$366,ROUNDDOWN($C480/24,0)+1,1))-1)+IF('Standard Profiles'!$G$20=$B$10,7,0)+IF('Standard Profiles'!$G$20=$B$17,14,0)+IF('Standard Profiles'!$G$20=$B$24,21,0),MOD($C480,24)+1)/SUM(INDEX($D$3:$AA$30,INDEX(Jesper!$R$2:$R$366,ROW(INDEX(Jesper!AJ$2:AJ$366,ROUNDDOWN($C480/24,0)+1,1))-1)+IF('Standard Profiles'!$G$20=$B$10,7,0)+IF('Standard Profiles'!$G$20=$B$17,14,0)+IF('Standard Profiles'!$G$20=$B$24,21,0),0)),0)</f>
        <v>0</v>
      </c>
      <c r="G480" cm="1">
        <f t="array" ref="G480">IFERROR(INDEX(Jesper!AK$2:AK$366,ROUNDDOWN($C480/24,0)+1,1)*INDEX($D$3:$AA$30,INDEX(Jesper!$R$2:$R$366,ROW(INDEX(Jesper!AK$2:AK$366,ROUNDDOWN($C480/24,0)+1,1))-1)+IF('Standard Profiles'!$G$21=$B$10,7,0)+IF('Standard Profiles'!$G$21=$B$17,14,0)+IF('Standard Profiles'!$G$21=$B$24,21,0),MOD($C480,24)+1)/SUM(INDEX($D$3:$AA$30,INDEX(Jesper!$R$2:$R$366,ROW(INDEX(Jesper!AK$2:AK$366,ROUNDDOWN($C480/24,0)+1,1))-1)+IF('Standard Profiles'!$G$21=$B$10,7,0)+IF('Standard Profiles'!$G$21=$B$17,14,0)+IF('Standard Profiles'!$G$21=$B$24,21,0),0)),0)</f>
        <v>0</v>
      </c>
      <c r="H480" cm="1">
        <f t="array" ref="H480">IFERROR(INDEX(Jesper!AL$2:AL$366,ROUNDDOWN($C480/24,0)+1,1)*INDEX($D$3:$AA$30,INDEX(Jesper!$R$2:$R$366,ROW(INDEX(Jesper!AL$2:AL$366,ROUNDDOWN($C480/24,0)+1,1))-1)+IF('Standard Profiles'!$G$22=$B$10,7,0)+IF('Standard Profiles'!$G$22=$B$17,14,0)+IF('Standard Profiles'!$G$22=$B$24,21,0),MOD($C480,24)+1)/SUM(INDEX($D$3:$AA$30,INDEX(Jesper!$R$2:$R$366,ROW(INDEX(Jesper!AL$2:AL$366,ROUNDDOWN($C480/24,0)+1,1))-1)+IF('Standard Profiles'!$G$22=$B$10,7,0)+IF('Standard Profiles'!$G$22=$B$17,14,0)+IF('Standard Profiles'!$G$22=$B$24,21,0),0)),0)</f>
        <v>0</v>
      </c>
      <c r="I480">
        <f t="shared" si="62"/>
        <v>0.51888625430272661</v>
      </c>
      <c r="J480">
        <f t="shared" si="63"/>
        <v>1.7296208476757553</v>
      </c>
      <c r="K480">
        <f t="shared" si="64"/>
        <v>2.5944312715136326</v>
      </c>
      <c r="L480">
        <f t="shared" si="65"/>
        <v>12.453270103265437</v>
      </c>
      <c r="M480">
        <f t="shared" si="66"/>
        <v>0</v>
      </c>
      <c r="N480" s="46">
        <f t="shared" si="67"/>
        <v>45310.583333332252</v>
      </c>
    </row>
    <row r="481" spans="2:14" x14ac:dyDescent="0.3">
      <c r="B481">
        <f t="shared" si="61"/>
        <v>5</v>
      </c>
      <c r="C481" s="16">
        <v>447</v>
      </c>
      <c r="D481" cm="1">
        <f t="array" ref="D481">IFERROR(INDEX(Jesper!AH$2:AH$366,ROUNDDOWN($C481/24,0)+1,1)*INDEX($D$3:$AA$30,INDEX(Jesper!$R$2:$R$366,ROW(INDEX(Jesper!AH$2:AH$366,ROUNDDOWN($C481/24,0)+1,1))-1)+IF('Standard Profiles'!$G$18=$B$10,7,0)+IF('Standard Profiles'!$G$18=$B$17,14,0)+IF('Standard Profiles'!$G$18=$B$24,21,0),MOD($C481,24)+1)/SUM(INDEX($D$3:$AA$30,INDEX(Jesper!$R$2:$R$366,ROW(INDEX(Jesper!AH$2:AH$366,ROUNDDOWN($C481/24,0)+1,1))-1)+IF('Standard Profiles'!$G$18=$B$10,7,0)+IF('Standard Profiles'!$G$18=$B$17,14,0)+IF('Standard Profiles'!$G$18=$B$24,21,0),0)),0)</f>
        <v>14.413507063964628</v>
      </c>
      <c r="E481" cm="1">
        <f t="array" ref="E481">IFERROR(INDEX(Jesper!AI$2:AI$366,ROUNDDOWN($C481/24,0)+1,1)*INDEX($D$3:$AA$30,INDEX(Jesper!$R$2:$R$366,ROW(INDEX(Jesper!AI$2:AI$366,ROUNDDOWN($C481/24,0)+1,1))-1)+IF('Standard Profiles'!$G$19=$B$10,7,0)+IF('Standard Profiles'!$G$19=$B$17,14,0)+IF('Standard Profiles'!$G$19=$B$24,21,0),MOD($C481,24)+1)/SUM(INDEX($D$3:$AA$30,INDEX(Jesper!$R$2:$R$366,ROW(INDEX(Jesper!AI$2:AI$366,ROUNDDOWN($C481/24,0)+1,1))-1)+IF('Standard Profiles'!$G$19=$B$10,7,0)+IF('Standard Profiles'!$G$19=$B$17,14,0)+IF('Standard Profiles'!$G$19=$B$24,21,0),0)),0)</f>
        <v>0</v>
      </c>
      <c r="F481" cm="1">
        <f t="array" ref="F481">IFERROR(INDEX(Jesper!AJ$2:AJ$366,ROUNDDOWN($C481/24,0)+1,1)*INDEX($D$3:$AA$30,INDEX(Jesper!$R$2:$R$366,ROW(INDEX(Jesper!AJ$2:AJ$366,ROUNDDOWN($C481/24,0)+1,1))-1)+IF('Standard Profiles'!$G$20=$B$10,7,0)+IF('Standard Profiles'!$G$20=$B$17,14,0)+IF('Standard Profiles'!$G$20=$B$24,21,0),MOD($C481,24)+1)/SUM(INDEX($D$3:$AA$30,INDEX(Jesper!$R$2:$R$366,ROW(INDEX(Jesper!AJ$2:AJ$366,ROUNDDOWN($C481/24,0)+1,1))-1)+IF('Standard Profiles'!$G$20=$B$10,7,0)+IF('Standard Profiles'!$G$20=$B$17,14,0)+IF('Standard Profiles'!$G$20=$B$24,21,0),0)),0)</f>
        <v>0</v>
      </c>
      <c r="G481" cm="1">
        <f t="array" ref="G481">IFERROR(INDEX(Jesper!AK$2:AK$366,ROUNDDOWN($C481/24,0)+1,1)*INDEX($D$3:$AA$30,INDEX(Jesper!$R$2:$R$366,ROW(INDEX(Jesper!AK$2:AK$366,ROUNDDOWN($C481/24,0)+1,1))-1)+IF('Standard Profiles'!$G$21=$B$10,7,0)+IF('Standard Profiles'!$G$21=$B$17,14,0)+IF('Standard Profiles'!$G$21=$B$24,21,0),MOD($C481,24)+1)/SUM(INDEX($D$3:$AA$30,INDEX(Jesper!$R$2:$R$366,ROW(INDEX(Jesper!AK$2:AK$366,ROUNDDOWN($C481/24,0)+1,1))-1)+IF('Standard Profiles'!$G$21=$B$10,7,0)+IF('Standard Profiles'!$G$21=$B$17,14,0)+IF('Standard Profiles'!$G$21=$B$24,21,0),0)),0)</f>
        <v>0</v>
      </c>
      <c r="H481" cm="1">
        <f t="array" ref="H481">IFERROR(INDEX(Jesper!AL$2:AL$366,ROUNDDOWN($C481/24,0)+1,1)*INDEX($D$3:$AA$30,INDEX(Jesper!$R$2:$R$366,ROW(INDEX(Jesper!AL$2:AL$366,ROUNDDOWN($C481/24,0)+1,1))-1)+IF('Standard Profiles'!$G$22=$B$10,7,0)+IF('Standard Profiles'!$G$22=$B$17,14,0)+IF('Standard Profiles'!$G$22=$B$24,21,0),MOD($C481,24)+1)/SUM(INDEX($D$3:$AA$30,INDEX(Jesper!$R$2:$R$366,ROW(INDEX(Jesper!AL$2:AL$366,ROUNDDOWN($C481/24,0)+1,1))-1)+IF('Standard Profiles'!$G$22=$B$10,7,0)+IF('Standard Profiles'!$G$22=$B$17,14,0)+IF('Standard Profiles'!$G$22=$B$24,21,0),0)),0)</f>
        <v>0</v>
      </c>
      <c r="I481">
        <f t="shared" si="62"/>
        <v>0.43240521191893883</v>
      </c>
      <c r="J481">
        <f t="shared" si="63"/>
        <v>1.441350706396463</v>
      </c>
      <c r="K481">
        <f t="shared" si="64"/>
        <v>2.1620260595946941</v>
      </c>
      <c r="L481">
        <f t="shared" si="65"/>
        <v>10.377725086054532</v>
      </c>
      <c r="M481">
        <f t="shared" si="66"/>
        <v>0</v>
      </c>
      <c r="N481" s="46">
        <f t="shared" si="67"/>
        <v>45310.624999998916</v>
      </c>
    </row>
    <row r="482" spans="2:14" x14ac:dyDescent="0.3">
      <c r="B482">
        <f t="shared" si="61"/>
        <v>5</v>
      </c>
      <c r="C482" s="16">
        <v>448</v>
      </c>
      <c r="D482" cm="1">
        <f t="array" ref="D482">IFERROR(INDEX(Jesper!AH$2:AH$366,ROUNDDOWN($C482/24,0)+1,1)*INDEX($D$3:$AA$30,INDEX(Jesper!$R$2:$R$366,ROW(INDEX(Jesper!AH$2:AH$366,ROUNDDOWN($C482/24,0)+1,1))-1)+IF('Standard Profiles'!$G$18=$B$10,7,0)+IF('Standard Profiles'!$G$18=$B$17,14,0)+IF('Standard Profiles'!$G$18=$B$24,21,0),MOD($C482,24)+1)/SUM(INDEX($D$3:$AA$30,INDEX(Jesper!$R$2:$R$366,ROW(INDEX(Jesper!AH$2:AH$366,ROUNDDOWN($C482/24,0)+1,1))-1)+IF('Standard Profiles'!$G$18=$B$10,7,0)+IF('Standard Profiles'!$G$18=$B$17,14,0)+IF('Standard Profiles'!$G$18=$B$24,21,0),0)),0)</f>
        <v>13.644786687219849</v>
      </c>
      <c r="E482" cm="1">
        <f t="array" ref="E482">IFERROR(INDEX(Jesper!AI$2:AI$366,ROUNDDOWN($C482/24,0)+1,1)*INDEX($D$3:$AA$30,INDEX(Jesper!$R$2:$R$366,ROW(INDEX(Jesper!AI$2:AI$366,ROUNDDOWN($C482/24,0)+1,1))-1)+IF('Standard Profiles'!$G$19=$B$10,7,0)+IF('Standard Profiles'!$G$19=$B$17,14,0)+IF('Standard Profiles'!$G$19=$B$24,21,0),MOD($C482,24)+1)/SUM(INDEX($D$3:$AA$30,INDEX(Jesper!$R$2:$R$366,ROW(INDEX(Jesper!AI$2:AI$366,ROUNDDOWN($C482/24,0)+1,1))-1)+IF('Standard Profiles'!$G$19=$B$10,7,0)+IF('Standard Profiles'!$G$19=$B$17,14,0)+IF('Standard Profiles'!$G$19=$B$24,21,0),0)),0)</f>
        <v>0</v>
      </c>
      <c r="F482" cm="1">
        <f t="array" ref="F482">IFERROR(INDEX(Jesper!AJ$2:AJ$366,ROUNDDOWN($C482/24,0)+1,1)*INDEX($D$3:$AA$30,INDEX(Jesper!$R$2:$R$366,ROW(INDEX(Jesper!AJ$2:AJ$366,ROUNDDOWN($C482/24,0)+1,1))-1)+IF('Standard Profiles'!$G$20=$B$10,7,0)+IF('Standard Profiles'!$G$20=$B$17,14,0)+IF('Standard Profiles'!$G$20=$B$24,21,0),MOD($C482,24)+1)/SUM(INDEX($D$3:$AA$30,INDEX(Jesper!$R$2:$R$366,ROW(INDEX(Jesper!AJ$2:AJ$366,ROUNDDOWN($C482/24,0)+1,1))-1)+IF('Standard Profiles'!$G$20=$B$10,7,0)+IF('Standard Profiles'!$G$20=$B$17,14,0)+IF('Standard Profiles'!$G$20=$B$24,21,0),0)),0)</f>
        <v>0</v>
      </c>
      <c r="G482" cm="1">
        <f t="array" ref="G482">IFERROR(INDEX(Jesper!AK$2:AK$366,ROUNDDOWN($C482/24,0)+1,1)*INDEX($D$3:$AA$30,INDEX(Jesper!$R$2:$R$366,ROW(INDEX(Jesper!AK$2:AK$366,ROUNDDOWN($C482/24,0)+1,1))-1)+IF('Standard Profiles'!$G$21=$B$10,7,0)+IF('Standard Profiles'!$G$21=$B$17,14,0)+IF('Standard Profiles'!$G$21=$B$24,21,0),MOD($C482,24)+1)/SUM(INDEX($D$3:$AA$30,INDEX(Jesper!$R$2:$R$366,ROW(INDEX(Jesper!AK$2:AK$366,ROUNDDOWN($C482/24,0)+1,1))-1)+IF('Standard Profiles'!$G$21=$B$10,7,0)+IF('Standard Profiles'!$G$21=$B$17,14,0)+IF('Standard Profiles'!$G$21=$B$24,21,0),0)),0)</f>
        <v>0</v>
      </c>
      <c r="H482" cm="1">
        <f t="array" ref="H482">IFERROR(INDEX(Jesper!AL$2:AL$366,ROUNDDOWN($C482/24,0)+1,1)*INDEX($D$3:$AA$30,INDEX(Jesper!$R$2:$R$366,ROW(INDEX(Jesper!AL$2:AL$366,ROUNDDOWN($C482/24,0)+1,1))-1)+IF('Standard Profiles'!$G$22=$B$10,7,0)+IF('Standard Profiles'!$G$22=$B$17,14,0)+IF('Standard Profiles'!$G$22=$B$24,21,0),MOD($C482,24)+1)/SUM(INDEX($D$3:$AA$30,INDEX(Jesper!$R$2:$R$366,ROW(INDEX(Jesper!AL$2:AL$366,ROUNDDOWN($C482/24,0)+1,1))-1)+IF('Standard Profiles'!$G$22=$B$10,7,0)+IF('Standard Profiles'!$G$22=$B$17,14,0)+IF('Standard Profiles'!$G$22=$B$24,21,0),0)),0)</f>
        <v>0</v>
      </c>
      <c r="I482">
        <f t="shared" si="62"/>
        <v>0.40934360061659547</v>
      </c>
      <c r="J482">
        <f t="shared" si="63"/>
        <v>1.364478668721985</v>
      </c>
      <c r="K482">
        <f t="shared" si="64"/>
        <v>2.0467180030829772</v>
      </c>
      <c r="L482">
        <f t="shared" si="65"/>
        <v>9.8242464147982904</v>
      </c>
      <c r="M482">
        <f t="shared" si="66"/>
        <v>0</v>
      </c>
      <c r="N482" s="46">
        <f t="shared" si="67"/>
        <v>45310.66666666558</v>
      </c>
    </row>
    <row r="483" spans="2:14" x14ac:dyDescent="0.3">
      <c r="B483">
        <f t="shared" ref="B483:B546" si="68">WEEKDAY(N483,2)</f>
        <v>5</v>
      </c>
      <c r="C483" s="16">
        <v>449</v>
      </c>
      <c r="D483" cm="1">
        <f t="array" ref="D483">IFERROR(INDEX(Jesper!AH$2:AH$366,ROUNDDOWN($C483/24,0)+1,1)*INDEX($D$3:$AA$30,INDEX(Jesper!$R$2:$R$366,ROW(INDEX(Jesper!AH$2:AH$366,ROUNDDOWN($C483/24,0)+1,1))-1)+IF('Standard Profiles'!$G$18=$B$10,7,0)+IF('Standard Profiles'!$G$18=$B$17,14,0)+IF('Standard Profiles'!$G$18=$B$24,21,0),MOD($C483,24)+1)/SUM(INDEX($D$3:$AA$30,INDEX(Jesper!$R$2:$R$366,ROW(INDEX(Jesper!AH$2:AH$366,ROUNDDOWN($C483/24,0)+1,1))-1)+IF('Standard Profiles'!$G$18=$B$10,7,0)+IF('Standard Profiles'!$G$18=$B$17,14,0)+IF('Standard Profiles'!$G$18=$B$24,21,0),0)),0)</f>
        <v>13.644786687219849</v>
      </c>
      <c r="E483" cm="1">
        <f t="array" ref="E483">IFERROR(INDEX(Jesper!AI$2:AI$366,ROUNDDOWN($C483/24,0)+1,1)*INDEX($D$3:$AA$30,INDEX(Jesper!$R$2:$R$366,ROW(INDEX(Jesper!AI$2:AI$366,ROUNDDOWN($C483/24,0)+1,1))-1)+IF('Standard Profiles'!$G$19=$B$10,7,0)+IF('Standard Profiles'!$G$19=$B$17,14,0)+IF('Standard Profiles'!$G$19=$B$24,21,0),MOD($C483,24)+1)/SUM(INDEX($D$3:$AA$30,INDEX(Jesper!$R$2:$R$366,ROW(INDEX(Jesper!AI$2:AI$366,ROUNDDOWN($C483/24,0)+1,1))-1)+IF('Standard Profiles'!$G$19=$B$10,7,0)+IF('Standard Profiles'!$G$19=$B$17,14,0)+IF('Standard Profiles'!$G$19=$B$24,21,0),0)),0)</f>
        <v>0</v>
      </c>
      <c r="F483" cm="1">
        <f t="array" ref="F483">IFERROR(INDEX(Jesper!AJ$2:AJ$366,ROUNDDOWN($C483/24,0)+1,1)*INDEX($D$3:$AA$30,INDEX(Jesper!$R$2:$R$366,ROW(INDEX(Jesper!AJ$2:AJ$366,ROUNDDOWN($C483/24,0)+1,1))-1)+IF('Standard Profiles'!$G$20=$B$10,7,0)+IF('Standard Profiles'!$G$20=$B$17,14,0)+IF('Standard Profiles'!$G$20=$B$24,21,0),MOD($C483,24)+1)/SUM(INDEX($D$3:$AA$30,INDEX(Jesper!$R$2:$R$366,ROW(INDEX(Jesper!AJ$2:AJ$366,ROUNDDOWN($C483/24,0)+1,1))-1)+IF('Standard Profiles'!$G$20=$B$10,7,0)+IF('Standard Profiles'!$G$20=$B$17,14,0)+IF('Standard Profiles'!$G$20=$B$24,21,0),0)),0)</f>
        <v>0</v>
      </c>
      <c r="G483" cm="1">
        <f t="array" ref="G483">IFERROR(INDEX(Jesper!AK$2:AK$366,ROUNDDOWN($C483/24,0)+1,1)*INDEX($D$3:$AA$30,INDEX(Jesper!$R$2:$R$366,ROW(INDEX(Jesper!AK$2:AK$366,ROUNDDOWN($C483/24,0)+1,1))-1)+IF('Standard Profiles'!$G$21=$B$10,7,0)+IF('Standard Profiles'!$G$21=$B$17,14,0)+IF('Standard Profiles'!$G$21=$B$24,21,0),MOD($C483,24)+1)/SUM(INDEX($D$3:$AA$30,INDEX(Jesper!$R$2:$R$366,ROW(INDEX(Jesper!AK$2:AK$366,ROUNDDOWN($C483/24,0)+1,1))-1)+IF('Standard Profiles'!$G$21=$B$10,7,0)+IF('Standard Profiles'!$G$21=$B$17,14,0)+IF('Standard Profiles'!$G$21=$B$24,21,0),0)),0)</f>
        <v>0</v>
      </c>
      <c r="H483" cm="1">
        <f t="array" ref="H483">IFERROR(INDEX(Jesper!AL$2:AL$366,ROUNDDOWN($C483/24,0)+1,1)*INDEX($D$3:$AA$30,INDEX(Jesper!$R$2:$R$366,ROW(INDEX(Jesper!AL$2:AL$366,ROUNDDOWN($C483/24,0)+1,1))-1)+IF('Standard Profiles'!$G$22=$B$10,7,0)+IF('Standard Profiles'!$G$22=$B$17,14,0)+IF('Standard Profiles'!$G$22=$B$24,21,0),MOD($C483,24)+1)/SUM(INDEX($D$3:$AA$30,INDEX(Jesper!$R$2:$R$366,ROW(INDEX(Jesper!AL$2:AL$366,ROUNDDOWN($C483/24,0)+1,1))-1)+IF('Standard Profiles'!$G$22=$B$10,7,0)+IF('Standard Profiles'!$G$22=$B$17,14,0)+IF('Standard Profiles'!$G$22=$B$24,21,0),0)),0)</f>
        <v>0</v>
      </c>
      <c r="I483">
        <f t="shared" ref="I483:I546" si="69">IF($B483&lt;6,AC$37*$D483+AC$38*$E483+AC$39*$F483+AC$40*$G483,AC$46*$D483+AC$47*$E483+AC$48*$F483+AC$49*$G483+AC$50*$H483)</f>
        <v>0.40934360061659547</v>
      </c>
      <c r="J483">
        <f t="shared" ref="J483:J546" si="70">IF($B483&lt;6,AD$37*$D483+AD$38*$E483+AD$39*$F483+AD$40*$G483,AD$46*$D483+AD$47*$E483+AD$48*$F483+AD$49*$G483+AD$50*$H483)</f>
        <v>1.364478668721985</v>
      </c>
      <c r="K483">
        <f t="shared" ref="K483:K546" si="71">IF($B483&lt;6,AE$37*$D483+AE$38*$E483+AE$39*$F483+AE$40*$G483,AE$46*$D483+AE$47*$E483+AE$48*$F483+AE$49*$G483+AE$50*$H483)</f>
        <v>2.0467180030829772</v>
      </c>
      <c r="L483">
        <f t="shared" ref="L483:L546" si="72">IF($B483&lt;6,AF$37*$D483+AF$38*$E483+AF$39*$F483+AF$40*$G483,AF$46*$D483+AF$47*$E483+AF$48*$F483+AF$49*$G483+AF$50*$H483)</f>
        <v>9.8242464147982904</v>
      </c>
      <c r="M483">
        <f t="shared" ref="M483:M546" si="73">IF($B483&lt;6,AG$37*$D483+AG$38*$E483+AG$39*$F483+AG$40*$G483,AG$46*$D483+AG$47*$E483+AG$48*$F483+AG$49*$G483+AG$50*$H483)</f>
        <v>0</v>
      </c>
      <c r="N483" s="46">
        <f t="shared" si="67"/>
        <v>45310.708333332244</v>
      </c>
    </row>
    <row r="484" spans="2:14" x14ac:dyDescent="0.3">
      <c r="B484">
        <f t="shared" si="68"/>
        <v>5</v>
      </c>
      <c r="C484" s="16">
        <v>450</v>
      </c>
      <c r="D484" cm="1">
        <f t="array" ref="D484">IFERROR(INDEX(Jesper!AH$2:AH$366,ROUNDDOWN($C484/24,0)+1,1)*INDEX($D$3:$AA$30,INDEX(Jesper!$R$2:$R$366,ROW(INDEX(Jesper!AH$2:AH$366,ROUNDDOWN($C484/24,0)+1,1))-1)+IF('Standard Profiles'!$G$18=$B$10,7,0)+IF('Standard Profiles'!$G$18=$B$17,14,0)+IF('Standard Profiles'!$G$18=$B$24,21,0),MOD($C484,24)+1)/SUM(INDEX($D$3:$AA$30,INDEX(Jesper!$R$2:$R$366,ROW(INDEX(Jesper!AH$2:AH$366,ROUNDDOWN($C484/24,0)+1,1))-1)+IF('Standard Profiles'!$G$18=$B$10,7,0)+IF('Standard Profiles'!$G$18=$B$17,14,0)+IF('Standard Profiles'!$G$18=$B$24,21,0),0)),0)</f>
        <v>13.644786687219849</v>
      </c>
      <c r="E484" cm="1">
        <f t="array" ref="E484">IFERROR(INDEX(Jesper!AI$2:AI$366,ROUNDDOWN($C484/24,0)+1,1)*INDEX($D$3:$AA$30,INDEX(Jesper!$R$2:$R$366,ROW(INDEX(Jesper!AI$2:AI$366,ROUNDDOWN($C484/24,0)+1,1))-1)+IF('Standard Profiles'!$G$19=$B$10,7,0)+IF('Standard Profiles'!$G$19=$B$17,14,0)+IF('Standard Profiles'!$G$19=$B$24,21,0),MOD($C484,24)+1)/SUM(INDEX($D$3:$AA$30,INDEX(Jesper!$R$2:$R$366,ROW(INDEX(Jesper!AI$2:AI$366,ROUNDDOWN($C484/24,0)+1,1))-1)+IF('Standard Profiles'!$G$19=$B$10,7,0)+IF('Standard Profiles'!$G$19=$B$17,14,0)+IF('Standard Profiles'!$G$19=$B$24,21,0),0)),0)</f>
        <v>0</v>
      </c>
      <c r="F484" cm="1">
        <f t="array" ref="F484">IFERROR(INDEX(Jesper!AJ$2:AJ$366,ROUNDDOWN($C484/24,0)+1,1)*INDEX($D$3:$AA$30,INDEX(Jesper!$R$2:$R$366,ROW(INDEX(Jesper!AJ$2:AJ$366,ROUNDDOWN($C484/24,0)+1,1))-1)+IF('Standard Profiles'!$G$20=$B$10,7,0)+IF('Standard Profiles'!$G$20=$B$17,14,0)+IF('Standard Profiles'!$G$20=$B$24,21,0),MOD($C484,24)+1)/SUM(INDEX($D$3:$AA$30,INDEX(Jesper!$R$2:$R$366,ROW(INDEX(Jesper!AJ$2:AJ$366,ROUNDDOWN($C484/24,0)+1,1))-1)+IF('Standard Profiles'!$G$20=$B$10,7,0)+IF('Standard Profiles'!$G$20=$B$17,14,0)+IF('Standard Profiles'!$G$20=$B$24,21,0),0)),0)</f>
        <v>0</v>
      </c>
      <c r="G484" cm="1">
        <f t="array" ref="G484">IFERROR(INDEX(Jesper!AK$2:AK$366,ROUNDDOWN($C484/24,0)+1,1)*INDEX($D$3:$AA$30,INDEX(Jesper!$R$2:$R$366,ROW(INDEX(Jesper!AK$2:AK$366,ROUNDDOWN($C484/24,0)+1,1))-1)+IF('Standard Profiles'!$G$21=$B$10,7,0)+IF('Standard Profiles'!$G$21=$B$17,14,0)+IF('Standard Profiles'!$G$21=$B$24,21,0),MOD($C484,24)+1)/SUM(INDEX($D$3:$AA$30,INDEX(Jesper!$R$2:$R$366,ROW(INDEX(Jesper!AK$2:AK$366,ROUNDDOWN($C484/24,0)+1,1))-1)+IF('Standard Profiles'!$G$21=$B$10,7,0)+IF('Standard Profiles'!$G$21=$B$17,14,0)+IF('Standard Profiles'!$G$21=$B$24,21,0),0)),0)</f>
        <v>0</v>
      </c>
      <c r="H484" cm="1">
        <f t="array" ref="H484">IFERROR(INDEX(Jesper!AL$2:AL$366,ROUNDDOWN($C484/24,0)+1,1)*INDEX($D$3:$AA$30,INDEX(Jesper!$R$2:$R$366,ROW(INDEX(Jesper!AL$2:AL$366,ROUNDDOWN($C484/24,0)+1,1))-1)+IF('Standard Profiles'!$G$22=$B$10,7,0)+IF('Standard Profiles'!$G$22=$B$17,14,0)+IF('Standard Profiles'!$G$22=$B$24,21,0),MOD($C484,24)+1)/SUM(INDEX($D$3:$AA$30,INDEX(Jesper!$R$2:$R$366,ROW(INDEX(Jesper!AL$2:AL$366,ROUNDDOWN($C484/24,0)+1,1))-1)+IF('Standard Profiles'!$G$22=$B$10,7,0)+IF('Standard Profiles'!$G$22=$B$17,14,0)+IF('Standard Profiles'!$G$22=$B$24,21,0),0)),0)</f>
        <v>0</v>
      </c>
      <c r="I484">
        <f t="shared" si="69"/>
        <v>0.40934360061659547</v>
      </c>
      <c r="J484">
        <f t="shared" si="70"/>
        <v>1.364478668721985</v>
      </c>
      <c r="K484">
        <f t="shared" si="71"/>
        <v>2.0467180030829772</v>
      </c>
      <c r="L484">
        <f t="shared" si="72"/>
        <v>9.8242464147982904</v>
      </c>
      <c r="M484">
        <f t="shared" si="73"/>
        <v>0</v>
      </c>
      <c r="N484" s="46">
        <f t="shared" ref="N484:N547" si="74">N483+1/24</f>
        <v>45310.749999998909</v>
      </c>
    </row>
    <row r="485" spans="2:14" x14ac:dyDescent="0.3">
      <c r="B485">
        <f t="shared" si="68"/>
        <v>5</v>
      </c>
      <c r="C485" s="16">
        <v>451</v>
      </c>
      <c r="D485" cm="1">
        <f t="array" ref="D485">IFERROR(INDEX(Jesper!AH$2:AH$366,ROUNDDOWN($C485/24,0)+1,1)*INDEX($D$3:$AA$30,INDEX(Jesper!$R$2:$R$366,ROW(INDEX(Jesper!AH$2:AH$366,ROUNDDOWN($C485/24,0)+1,1))-1)+IF('Standard Profiles'!$G$18=$B$10,7,0)+IF('Standard Profiles'!$G$18=$B$17,14,0)+IF('Standard Profiles'!$G$18=$B$24,21,0),MOD($C485,24)+1)/SUM(INDEX($D$3:$AA$30,INDEX(Jesper!$R$2:$R$366,ROW(INDEX(Jesper!AH$2:AH$366,ROUNDDOWN($C485/24,0)+1,1))-1)+IF('Standard Profiles'!$G$18=$B$10,7,0)+IF('Standard Profiles'!$G$18=$B$17,14,0)+IF('Standard Profiles'!$G$18=$B$24,21,0),0)),0)</f>
        <v>13.644786687219849</v>
      </c>
      <c r="E485" cm="1">
        <f t="array" ref="E485">IFERROR(INDEX(Jesper!AI$2:AI$366,ROUNDDOWN($C485/24,0)+1,1)*INDEX($D$3:$AA$30,INDEX(Jesper!$R$2:$R$366,ROW(INDEX(Jesper!AI$2:AI$366,ROUNDDOWN($C485/24,0)+1,1))-1)+IF('Standard Profiles'!$G$19=$B$10,7,0)+IF('Standard Profiles'!$G$19=$B$17,14,0)+IF('Standard Profiles'!$G$19=$B$24,21,0),MOD($C485,24)+1)/SUM(INDEX($D$3:$AA$30,INDEX(Jesper!$R$2:$R$366,ROW(INDEX(Jesper!AI$2:AI$366,ROUNDDOWN($C485/24,0)+1,1))-1)+IF('Standard Profiles'!$G$19=$B$10,7,0)+IF('Standard Profiles'!$G$19=$B$17,14,0)+IF('Standard Profiles'!$G$19=$B$24,21,0),0)),0)</f>
        <v>0</v>
      </c>
      <c r="F485" cm="1">
        <f t="array" ref="F485">IFERROR(INDEX(Jesper!AJ$2:AJ$366,ROUNDDOWN($C485/24,0)+1,1)*INDEX($D$3:$AA$30,INDEX(Jesper!$R$2:$R$366,ROW(INDEX(Jesper!AJ$2:AJ$366,ROUNDDOWN($C485/24,0)+1,1))-1)+IF('Standard Profiles'!$G$20=$B$10,7,0)+IF('Standard Profiles'!$G$20=$B$17,14,0)+IF('Standard Profiles'!$G$20=$B$24,21,0),MOD($C485,24)+1)/SUM(INDEX($D$3:$AA$30,INDEX(Jesper!$R$2:$R$366,ROW(INDEX(Jesper!AJ$2:AJ$366,ROUNDDOWN($C485/24,0)+1,1))-1)+IF('Standard Profiles'!$G$20=$B$10,7,0)+IF('Standard Profiles'!$G$20=$B$17,14,0)+IF('Standard Profiles'!$G$20=$B$24,21,0),0)),0)</f>
        <v>0</v>
      </c>
      <c r="G485" cm="1">
        <f t="array" ref="G485">IFERROR(INDEX(Jesper!AK$2:AK$366,ROUNDDOWN($C485/24,0)+1,1)*INDEX($D$3:$AA$30,INDEX(Jesper!$R$2:$R$366,ROW(INDEX(Jesper!AK$2:AK$366,ROUNDDOWN($C485/24,0)+1,1))-1)+IF('Standard Profiles'!$G$21=$B$10,7,0)+IF('Standard Profiles'!$G$21=$B$17,14,0)+IF('Standard Profiles'!$G$21=$B$24,21,0),MOD($C485,24)+1)/SUM(INDEX($D$3:$AA$30,INDEX(Jesper!$R$2:$R$366,ROW(INDEX(Jesper!AK$2:AK$366,ROUNDDOWN($C485/24,0)+1,1))-1)+IF('Standard Profiles'!$G$21=$B$10,7,0)+IF('Standard Profiles'!$G$21=$B$17,14,0)+IF('Standard Profiles'!$G$21=$B$24,21,0),0)),0)</f>
        <v>0</v>
      </c>
      <c r="H485" cm="1">
        <f t="array" ref="H485">IFERROR(INDEX(Jesper!AL$2:AL$366,ROUNDDOWN($C485/24,0)+1,1)*INDEX($D$3:$AA$30,INDEX(Jesper!$R$2:$R$366,ROW(INDEX(Jesper!AL$2:AL$366,ROUNDDOWN($C485/24,0)+1,1))-1)+IF('Standard Profiles'!$G$22=$B$10,7,0)+IF('Standard Profiles'!$G$22=$B$17,14,0)+IF('Standard Profiles'!$G$22=$B$24,21,0),MOD($C485,24)+1)/SUM(INDEX($D$3:$AA$30,INDEX(Jesper!$R$2:$R$366,ROW(INDEX(Jesper!AL$2:AL$366,ROUNDDOWN($C485/24,0)+1,1))-1)+IF('Standard Profiles'!$G$22=$B$10,7,0)+IF('Standard Profiles'!$G$22=$B$17,14,0)+IF('Standard Profiles'!$G$22=$B$24,21,0),0)),0)</f>
        <v>0</v>
      </c>
      <c r="I485">
        <f t="shared" si="69"/>
        <v>0.40934360061659547</v>
      </c>
      <c r="J485">
        <f t="shared" si="70"/>
        <v>1.364478668721985</v>
      </c>
      <c r="K485">
        <f t="shared" si="71"/>
        <v>2.0467180030829772</v>
      </c>
      <c r="L485">
        <f t="shared" si="72"/>
        <v>9.8242464147982904</v>
      </c>
      <c r="M485">
        <f t="shared" si="73"/>
        <v>0</v>
      </c>
      <c r="N485" s="46">
        <f t="shared" si="74"/>
        <v>45310.791666665573</v>
      </c>
    </row>
    <row r="486" spans="2:14" x14ac:dyDescent="0.3">
      <c r="B486">
        <f t="shared" si="68"/>
        <v>5</v>
      </c>
      <c r="C486" s="16">
        <v>452</v>
      </c>
      <c r="D486" cm="1">
        <f t="array" ref="D486">IFERROR(INDEX(Jesper!AH$2:AH$366,ROUNDDOWN($C486/24,0)+1,1)*INDEX($D$3:$AA$30,INDEX(Jesper!$R$2:$R$366,ROW(INDEX(Jesper!AH$2:AH$366,ROUNDDOWN($C486/24,0)+1,1))-1)+IF('Standard Profiles'!$G$18=$B$10,7,0)+IF('Standard Profiles'!$G$18=$B$17,14,0)+IF('Standard Profiles'!$G$18=$B$24,21,0),MOD($C486,24)+1)/SUM(INDEX($D$3:$AA$30,INDEX(Jesper!$R$2:$R$366,ROW(INDEX(Jesper!AH$2:AH$366,ROUNDDOWN($C486/24,0)+1,1))-1)+IF('Standard Profiles'!$G$18=$B$10,7,0)+IF('Standard Profiles'!$G$18=$B$17,14,0)+IF('Standard Profiles'!$G$18=$B$24,21,0),0)),0)</f>
        <v>10.569905180240726</v>
      </c>
      <c r="E486" cm="1">
        <f t="array" ref="E486">IFERROR(INDEX(Jesper!AI$2:AI$366,ROUNDDOWN($C486/24,0)+1,1)*INDEX($D$3:$AA$30,INDEX(Jesper!$R$2:$R$366,ROW(INDEX(Jesper!AI$2:AI$366,ROUNDDOWN($C486/24,0)+1,1))-1)+IF('Standard Profiles'!$G$19=$B$10,7,0)+IF('Standard Profiles'!$G$19=$B$17,14,0)+IF('Standard Profiles'!$G$19=$B$24,21,0),MOD($C486,24)+1)/SUM(INDEX($D$3:$AA$30,INDEX(Jesper!$R$2:$R$366,ROW(INDEX(Jesper!AI$2:AI$366,ROUNDDOWN($C486/24,0)+1,1))-1)+IF('Standard Profiles'!$G$19=$B$10,7,0)+IF('Standard Profiles'!$G$19=$B$17,14,0)+IF('Standard Profiles'!$G$19=$B$24,21,0),0)),0)</f>
        <v>0</v>
      </c>
      <c r="F486" cm="1">
        <f t="array" ref="F486">IFERROR(INDEX(Jesper!AJ$2:AJ$366,ROUNDDOWN($C486/24,0)+1,1)*INDEX($D$3:$AA$30,INDEX(Jesper!$R$2:$R$366,ROW(INDEX(Jesper!AJ$2:AJ$366,ROUNDDOWN($C486/24,0)+1,1))-1)+IF('Standard Profiles'!$G$20=$B$10,7,0)+IF('Standard Profiles'!$G$20=$B$17,14,0)+IF('Standard Profiles'!$G$20=$B$24,21,0),MOD($C486,24)+1)/SUM(INDEX($D$3:$AA$30,INDEX(Jesper!$R$2:$R$366,ROW(INDEX(Jesper!AJ$2:AJ$366,ROUNDDOWN($C486/24,0)+1,1))-1)+IF('Standard Profiles'!$G$20=$B$10,7,0)+IF('Standard Profiles'!$G$20=$B$17,14,0)+IF('Standard Profiles'!$G$20=$B$24,21,0),0)),0)</f>
        <v>0</v>
      </c>
      <c r="G486" cm="1">
        <f t="array" ref="G486">IFERROR(INDEX(Jesper!AK$2:AK$366,ROUNDDOWN($C486/24,0)+1,1)*INDEX($D$3:$AA$30,INDEX(Jesper!$R$2:$R$366,ROW(INDEX(Jesper!AK$2:AK$366,ROUNDDOWN($C486/24,0)+1,1))-1)+IF('Standard Profiles'!$G$21=$B$10,7,0)+IF('Standard Profiles'!$G$21=$B$17,14,0)+IF('Standard Profiles'!$G$21=$B$24,21,0),MOD($C486,24)+1)/SUM(INDEX($D$3:$AA$30,INDEX(Jesper!$R$2:$R$366,ROW(INDEX(Jesper!AK$2:AK$366,ROUNDDOWN($C486/24,0)+1,1))-1)+IF('Standard Profiles'!$G$21=$B$10,7,0)+IF('Standard Profiles'!$G$21=$B$17,14,0)+IF('Standard Profiles'!$G$21=$B$24,21,0),0)),0)</f>
        <v>0</v>
      </c>
      <c r="H486" cm="1">
        <f t="array" ref="H486">IFERROR(INDEX(Jesper!AL$2:AL$366,ROUNDDOWN($C486/24,0)+1,1)*INDEX($D$3:$AA$30,INDEX(Jesper!$R$2:$R$366,ROW(INDEX(Jesper!AL$2:AL$366,ROUNDDOWN($C486/24,0)+1,1))-1)+IF('Standard Profiles'!$G$22=$B$10,7,0)+IF('Standard Profiles'!$G$22=$B$17,14,0)+IF('Standard Profiles'!$G$22=$B$24,21,0),MOD($C486,24)+1)/SUM(INDEX($D$3:$AA$30,INDEX(Jesper!$R$2:$R$366,ROW(INDEX(Jesper!AL$2:AL$366,ROUNDDOWN($C486/24,0)+1,1))-1)+IF('Standard Profiles'!$G$22=$B$10,7,0)+IF('Standard Profiles'!$G$22=$B$17,14,0)+IF('Standard Profiles'!$G$22=$B$24,21,0),0)),0)</f>
        <v>0</v>
      </c>
      <c r="I486">
        <f t="shared" si="69"/>
        <v>0.31709715540722178</v>
      </c>
      <c r="J486">
        <f t="shared" si="70"/>
        <v>1.0569905180240726</v>
      </c>
      <c r="K486">
        <f t="shared" si="71"/>
        <v>1.5854857770361088</v>
      </c>
      <c r="L486">
        <f t="shared" si="72"/>
        <v>7.6103317297733222</v>
      </c>
      <c r="M486">
        <f t="shared" si="73"/>
        <v>0</v>
      </c>
      <c r="N486" s="46">
        <f t="shared" si="74"/>
        <v>45310.833333332237</v>
      </c>
    </row>
    <row r="487" spans="2:14" x14ac:dyDescent="0.3">
      <c r="B487">
        <f t="shared" si="68"/>
        <v>5</v>
      </c>
      <c r="C487" s="16">
        <v>453</v>
      </c>
      <c r="D487" cm="1">
        <f t="array" ref="D487">IFERROR(INDEX(Jesper!AH$2:AH$366,ROUNDDOWN($C487/24,0)+1,1)*INDEX($D$3:$AA$30,INDEX(Jesper!$R$2:$R$366,ROW(INDEX(Jesper!AH$2:AH$366,ROUNDDOWN($C487/24,0)+1,1))-1)+IF('Standard Profiles'!$G$18=$B$10,7,0)+IF('Standard Profiles'!$G$18=$B$17,14,0)+IF('Standard Profiles'!$G$18=$B$24,21,0),MOD($C487,24)+1)/SUM(INDEX($D$3:$AA$30,INDEX(Jesper!$R$2:$R$366,ROW(INDEX(Jesper!AH$2:AH$366,ROUNDDOWN($C487/24,0)+1,1))-1)+IF('Standard Profiles'!$G$18=$B$10,7,0)+IF('Standard Profiles'!$G$18=$B$17,14,0)+IF('Standard Profiles'!$G$18=$B$24,21,0),0)),0)</f>
        <v>4.0357819779100952</v>
      </c>
      <c r="E487" cm="1">
        <f t="array" ref="E487">IFERROR(INDEX(Jesper!AI$2:AI$366,ROUNDDOWN($C487/24,0)+1,1)*INDEX($D$3:$AA$30,INDEX(Jesper!$R$2:$R$366,ROW(INDEX(Jesper!AI$2:AI$366,ROUNDDOWN($C487/24,0)+1,1))-1)+IF('Standard Profiles'!$G$19=$B$10,7,0)+IF('Standard Profiles'!$G$19=$B$17,14,0)+IF('Standard Profiles'!$G$19=$B$24,21,0),MOD($C487,24)+1)/SUM(INDEX($D$3:$AA$30,INDEX(Jesper!$R$2:$R$366,ROW(INDEX(Jesper!AI$2:AI$366,ROUNDDOWN($C487/24,0)+1,1))-1)+IF('Standard Profiles'!$G$19=$B$10,7,0)+IF('Standard Profiles'!$G$19=$B$17,14,0)+IF('Standard Profiles'!$G$19=$B$24,21,0),0)),0)</f>
        <v>0</v>
      </c>
      <c r="F487" cm="1">
        <f t="array" ref="F487">IFERROR(INDEX(Jesper!AJ$2:AJ$366,ROUNDDOWN($C487/24,0)+1,1)*INDEX($D$3:$AA$30,INDEX(Jesper!$R$2:$R$366,ROW(INDEX(Jesper!AJ$2:AJ$366,ROUNDDOWN($C487/24,0)+1,1))-1)+IF('Standard Profiles'!$G$20=$B$10,7,0)+IF('Standard Profiles'!$G$20=$B$17,14,0)+IF('Standard Profiles'!$G$20=$B$24,21,0),MOD($C487,24)+1)/SUM(INDEX($D$3:$AA$30,INDEX(Jesper!$R$2:$R$366,ROW(INDEX(Jesper!AJ$2:AJ$366,ROUNDDOWN($C487/24,0)+1,1))-1)+IF('Standard Profiles'!$G$20=$B$10,7,0)+IF('Standard Profiles'!$G$20=$B$17,14,0)+IF('Standard Profiles'!$G$20=$B$24,21,0),0)),0)</f>
        <v>0</v>
      </c>
      <c r="G487" cm="1">
        <f t="array" ref="G487">IFERROR(INDEX(Jesper!AK$2:AK$366,ROUNDDOWN($C487/24,0)+1,1)*INDEX($D$3:$AA$30,INDEX(Jesper!$R$2:$R$366,ROW(INDEX(Jesper!AK$2:AK$366,ROUNDDOWN($C487/24,0)+1,1))-1)+IF('Standard Profiles'!$G$21=$B$10,7,0)+IF('Standard Profiles'!$G$21=$B$17,14,0)+IF('Standard Profiles'!$G$21=$B$24,21,0),MOD($C487,24)+1)/SUM(INDEX($D$3:$AA$30,INDEX(Jesper!$R$2:$R$366,ROW(INDEX(Jesper!AK$2:AK$366,ROUNDDOWN($C487/24,0)+1,1))-1)+IF('Standard Profiles'!$G$21=$B$10,7,0)+IF('Standard Profiles'!$G$21=$B$17,14,0)+IF('Standard Profiles'!$G$21=$B$24,21,0),0)),0)</f>
        <v>0</v>
      </c>
      <c r="H487" cm="1">
        <f t="array" ref="H487">IFERROR(INDEX(Jesper!AL$2:AL$366,ROUNDDOWN($C487/24,0)+1,1)*INDEX($D$3:$AA$30,INDEX(Jesper!$R$2:$R$366,ROW(INDEX(Jesper!AL$2:AL$366,ROUNDDOWN($C487/24,0)+1,1))-1)+IF('Standard Profiles'!$G$22=$B$10,7,0)+IF('Standard Profiles'!$G$22=$B$17,14,0)+IF('Standard Profiles'!$G$22=$B$24,21,0),MOD($C487,24)+1)/SUM(INDEX($D$3:$AA$30,INDEX(Jesper!$R$2:$R$366,ROW(INDEX(Jesper!AL$2:AL$366,ROUNDDOWN($C487/24,0)+1,1))-1)+IF('Standard Profiles'!$G$22=$B$10,7,0)+IF('Standard Profiles'!$G$22=$B$17,14,0)+IF('Standard Profiles'!$G$22=$B$24,21,0),0)),0)</f>
        <v>0</v>
      </c>
      <c r="I487">
        <f t="shared" si="69"/>
        <v>0.12107345933730285</v>
      </c>
      <c r="J487">
        <f t="shared" si="70"/>
        <v>0.40357819779100956</v>
      </c>
      <c r="K487">
        <f t="shared" si="71"/>
        <v>0.60536729668651423</v>
      </c>
      <c r="L487">
        <f t="shared" si="72"/>
        <v>2.9057630240952683</v>
      </c>
      <c r="M487">
        <f t="shared" si="73"/>
        <v>0</v>
      </c>
      <c r="N487" s="46">
        <f t="shared" si="74"/>
        <v>45310.874999998901</v>
      </c>
    </row>
    <row r="488" spans="2:14" x14ac:dyDescent="0.3">
      <c r="B488">
        <f t="shared" si="68"/>
        <v>5</v>
      </c>
      <c r="C488" s="16">
        <v>454</v>
      </c>
      <c r="D488" cm="1">
        <f t="array" ref="D488">IFERROR(INDEX(Jesper!AH$2:AH$366,ROUNDDOWN($C488/24,0)+1,1)*INDEX($D$3:$AA$30,INDEX(Jesper!$R$2:$R$366,ROW(INDEX(Jesper!AH$2:AH$366,ROUNDDOWN($C488/24,0)+1,1))-1)+IF('Standard Profiles'!$G$18=$B$10,7,0)+IF('Standard Profiles'!$G$18=$B$17,14,0)+IF('Standard Profiles'!$G$18=$B$24,21,0),MOD($C488,24)+1)/SUM(INDEX($D$3:$AA$30,INDEX(Jesper!$R$2:$R$366,ROW(INDEX(Jesper!AH$2:AH$366,ROUNDDOWN($C488/24,0)+1,1))-1)+IF('Standard Profiles'!$G$18=$B$10,7,0)+IF('Standard Profiles'!$G$18=$B$17,14,0)+IF('Standard Profiles'!$G$18=$B$24,21,0),0)),0)</f>
        <v>4.0357819779100952</v>
      </c>
      <c r="E488" cm="1">
        <f t="array" ref="E488">IFERROR(INDEX(Jesper!AI$2:AI$366,ROUNDDOWN($C488/24,0)+1,1)*INDEX($D$3:$AA$30,INDEX(Jesper!$R$2:$R$366,ROW(INDEX(Jesper!AI$2:AI$366,ROUNDDOWN($C488/24,0)+1,1))-1)+IF('Standard Profiles'!$G$19=$B$10,7,0)+IF('Standard Profiles'!$G$19=$B$17,14,0)+IF('Standard Profiles'!$G$19=$B$24,21,0),MOD($C488,24)+1)/SUM(INDEX($D$3:$AA$30,INDEX(Jesper!$R$2:$R$366,ROW(INDEX(Jesper!AI$2:AI$366,ROUNDDOWN($C488/24,0)+1,1))-1)+IF('Standard Profiles'!$G$19=$B$10,7,0)+IF('Standard Profiles'!$G$19=$B$17,14,0)+IF('Standard Profiles'!$G$19=$B$24,21,0),0)),0)</f>
        <v>0</v>
      </c>
      <c r="F488" cm="1">
        <f t="array" ref="F488">IFERROR(INDEX(Jesper!AJ$2:AJ$366,ROUNDDOWN($C488/24,0)+1,1)*INDEX($D$3:$AA$30,INDEX(Jesper!$R$2:$R$366,ROW(INDEX(Jesper!AJ$2:AJ$366,ROUNDDOWN($C488/24,0)+1,1))-1)+IF('Standard Profiles'!$G$20=$B$10,7,0)+IF('Standard Profiles'!$G$20=$B$17,14,0)+IF('Standard Profiles'!$G$20=$B$24,21,0),MOD($C488,24)+1)/SUM(INDEX($D$3:$AA$30,INDEX(Jesper!$R$2:$R$366,ROW(INDEX(Jesper!AJ$2:AJ$366,ROUNDDOWN($C488/24,0)+1,1))-1)+IF('Standard Profiles'!$G$20=$B$10,7,0)+IF('Standard Profiles'!$G$20=$B$17,14,0)+IF('Standard Profiles'!$G$20=$B$24,21,0),0)),0)</f>
        <v>0</v>
      </c>
      <c r="G488" cm="1">
        <f t="array" ref="G488">IFERROR(INDEX(Jesper!AK$2:AK$366,ROUNDDOWN($C488/24,0)+1,1)*INDEX($D$3:$AA$30,INDEX(Jesper!$R$2:$R$366,ROW(INDEX(Jesper!AK$2:AK$366,ROUNDDOWN($C488/24,0)+1,1))-1)+IF('Standard Profiles'!$G$21=$B$10,7,0)+IF('Standard Profiles'!$G$21=$B$17,14,0)+IF('Standard Profiles'!$G$21=$B$24,21,0),MOD($C488,24)+1)/SUM(INDEX($D$3:$AA$30,INDEX(Jesper!$R$2:$R$366,ROW(INDEX(Jesper!AK$2:AK$366,ROUNDDOWN($C488/24,0)+1,1))-1)+IF('Standard Profiles'!$G$21=$B$10,7,0)+IF('Standard Profiles'!$G$21=$B$17,14,0)+IF('Standard Profiles'!$G$21=$B$24,21,0),0)),0)</f>
        <v>0</v>
      </c>
      <c r="H488" cm="1">
        <f t="array" ref="H488">IFERROR(INDEX(Jesper!AL$2:AL$366,ROUNDDOWN($C488/24,0)+1,1)*INDEX($D$3:$AA$30,INDEX(Jesper!$R$2:$R$366,ROW(INDEX(Jesper!AL$2:AL$366,ROUNDDOWN($C488/24,0)+1,1))-1)+IF('Standard Profiles'!$G$22=$B$10,7,0)+IF('Standard Profiles'!$G$22=$B$17,14,0)+IF('Standard Profiles'!$G$22=$B$24,21,0),MOD($C488,24)+1)/SUM(INDEX($D$3:$AA$30,INDEX(Jesper!$R$2:$R$366,ROW(INDEX(Jesper!AL$2:AL$366,ROUNDDOWN($C488/24,0)+1,1))-1)+IF('Standard Profiles'!$G$22=$B$10,7,0)+IF('Standard Profiles'!$G$22=$B$17,14,0)+IF('Standard Profiles'!$G$22=$B$24,21,0),0)),0)</f>
        <v>0</v>
      </c>
      <c r="I488">
        <f t="shared" si="69"/>
        <v>0.12107345933730285</v>
      </c>
      <c r="J488">
        <f t="shared" si="70"/>
        <v>0.40357819779100956</v>
      </c>
      <c r="K488">
        <f t="shared" si="71"/>
        <v>0.60536729668651423</v>
      </c>
      <c r="L488">
        <f t="shared" si="72"/>
        <v>2.9057630240952683</v>
      </c>
      <c r="M488">
        <f t="shared" si="73"/>
        <v>0</v>
      </c>
      <c r="N488" s="46">
        <f t="shared" si="74"/>
        <v>45310.916666665566</v>
      </c>
    </row>
    <row r="489" spans="2:14" x14ac:dyDescent="0.3">
      <c r="B489">
        <f t="shared" si="68"/>
        <v>5</v>
      </c>
      <c r="C489" s="16">
        <v>455</v>
      </c>
      <c r="D489" cm="1">
        <f t="array" ref="D489">IFERROR(INDEX(Jesper!AH$2:AH$366,ROUNDDOWN($C489/24,0)+1,1)*INDEX($D$3:$AA$30,INDEX(Jesper!$R$2:$R$366,ROW(INDEX(Jesper!AH$2:AH$366,ROUNDDOWN($C489/24,0)+1,1))-1)+IF('Standard Profiles'!$G$18=$B$10,7,0)+IF('Standard Profiles'!$G$18=$B$17,14,0)+IF('Standard Profiles'!$G$18=$B$24,21,0),MOD($C489,24)+1)/SUM(INDEX($D$3:$AA$30,INDEX(Jesper!$R$2:$R$366,ROW(INDEX(Jesper!AH$2:AH$366,ROUNDDOWN($C489/24,0)+1,1))-1)+IF('Standard Profiles'!$G$18=$B$10,7,0)+IF('Standard Profiles'!$G$18=$B$17,14,0)+IF('Standard Profiles'!$G$18=$B$24,21,0),0)),0)</f>
        <v>4.0357819779100952</v>
      </c>
      <c r="E489" cm="1">
        <f t="array" ref="E489">IFERROR(INDEX(Jesper!AI$2:AI$366,ROUNDDOWN($C489/24,0)+1,1)*INDEX($D$3:$AA$30,INDEX(Jesper!$R$2:$R$366,ROW(INDEX(Jesper!AI$2:AI$366,ROUNDDOWN($C489/24,0)+1,1))-1)+IF('Standard Profiles'!$G$19=$B$10,7,0)+IF('Standard Profiles'!$G$19=$B$17,14,0)+IF('Standard Profiles'!$G$19=$B$24,21,0),MOD($C489,24)+1)/SUM(INDEX($D$3:$AA$30,INDEX(Jesper!$R$2:$R$366,ROW(INDEX(Jesper!AI$2:AI$366,ROUNDDOWN($C489/24,0)+1,1))-1)+IF('Standard Profiles'!$G$19=$B$10,7,0)+IF('Standard Profiles'!$G$19=$B$17,14,0)+IF('Standard Profiles'!$G$19=$B$24,21,0),0)),0)</f>
        <v>0</v>
      </c>
      <c r="F489" cm="1">
        <f t="array" ref="F489">IFERROR(INDEX(Jesper!AJ$2:AJ$366,ROUNDDOWN($C489/24,0)+1,1)*INDEX($D$3:$AA$30,INDEX(Jesper!$R$2:$R$366,ROW(INDEX(Jesper!AJ$2:AJ$366,ROUNDDOWN($C489/24,0)+1,1))-1)+IF('Standard Profiles'!$G$20=$B$10,7,0)+IF('Standard Profiles'!$G$20=$B$17,14,0)+IF('Standard Profiles'!$G$20=$B$24,21,0),MOD($C489,24)+1)/SUM(INDEX($D$3:$AA$30,INDEX(Jesper!$R$2:$R$366,ROW(INDEX(Jesper!AJ$2:AJ$366,ROUNDDOWN($C489/24,0)+1,1))-1)+IF('Standard Profiles'!$G$20=$B$10,7,0)+IF('Standard Profiles'!$G$20=$B$17,14,0)+IF('Standard Profiles'!$G$20=$B$24,21,0),0)),0)</f>
        <v>0</v>
      </c>
      <c r="G489" cm="1">
        <f t="array" ref="G489">IFERROR(INDEX(Jesper!AK$2:AK$366,ROUNDDOWN($C489/24,0)+1,1)*INDEX($D$3:$AA$30,INDEX(Jesper!$R$2:$R$366,ROW(INDEX(Jesper!AK$2:AK$366,ROUNDDOWN($C489/24,0)+1,1))-1)+IF('Standard Profiles'!$G$21=$B$10,7,0)+IF('Standard Profiles'!$G$21=$B$17,14,0)+IF('Standard Profiles'!$G$21=$B$24,21,0),MOD($C489,24)+1)/SUM(INDEX($D$3:$AA$30,INDEX(Jesper!$R$2:$R$366,ROW(INDEX(Jesper!AK$2:AK$366,ROUNDDOWN($C489/24,0)+1,1))-1)+IF('Standard Profiles'!$G$21=$B$10,7,0)+IF('Standard Profiles'!$G$21=$B$17,14,0)+IF('Standard Profiles'!$G$21=$B$24,21,0),0)),0)</f>
        <v>0</v>
      </c>
      <c r="H489" cm="1">
        <f t="array" ref="H489">IFERROR(INDEX(Jesper!AL$2:AL$366,ROUNDDOWN($C489/24,0)+1,1)*INDEX($D$3:$AA$30,INDEX(Jesper!$R$2:$R$366,ROW(INDEX(Jesper!AL$2:AL$366,ROUNDDOWN($C489/24,0)+1,1))-1)+IF('Standard Profiles'!$G$22=$B$10,7,0)+IF('Standard Profiles'!$G$22=$B$17,14,0)+IF('Standard Profiles'!$G$22=$B$24,21,0),MOD($C489,24)+1)/SUM(INDEX($D$3:$AA$30,INDEX(Jesper!$R$2:$R$366,ROW(INDEX(Jesper!AL$2:AL$366,ROUNDDOWN($C489/24,0)+1,1))-1)+IF('Standard Profiles'!$G$22=$B$10,7,0)+IF('Standard Profiles'!$G$22=$B$17,14,0)+IF('Standard Profiles'!$G$22=$B$24,21,0),0)),0)</f>
        <v>0</v>
      </c>
      <c r="I489">
        <f t="shared" si="69"/>
        <v>0.12107345933730285</v>
      </c>
      <c r="J489">
        <f t="shared" si="70"/>
        <v>0.40357819779100956</v>
      </c>
      <c r="K489">
        <f t="shared" si="71"/>
        <v>0.60536729668651423</v>
      </c>
      <c r="L489">
        <f t="shared" si="72"/>
        <v>2.9057630240952683</v>
      </c>
      <c r="M489">
        <f t="shared" si="73"/>
        <v>0</v>
      </c>
      <c r="N489" s="46">
        <f t="shared" si="74"/>
        <v>45310.95833333223</v>
      </c>
    </row>
    <row r="490" spans="2:14" x14ac:dyDescent="0.3">
      <c r="B490">
        <f t="shared" si="68"/>
        <v>6</v>
      </c>
      <c r="C490" s="16">
        <v>456</v>
      </c>
      <c r="D490" cm="1">
        <f t="array" ref="D490">IFERROR(INDEX(Jesper!AH$2:AH$366,ROUNDDOWN($C490/24,0)+1,1)*INDEX($D$3:$AA$30,INDEX(Jesper!$R$2:$R$366,ROW(INDEX(Jesper!AH$2:AH$366,ROUNDDOWN($C490/24,0)+1,1))-1)+IF('Standard Profiles'!$G$18=$B$10,7,0)+IF('Standard Profiles'!$G$18=$B$17,14,0)+IF('Standard Profiles'!$G$18=$B$24,21,0),MOD($C490,24)+1)/SUM(INDEX($D$3:$AA$30,INDEX(Jesper!$R$2:$R$366,ROW(INDEX(Jesper!AH$2:AH$366,ROUNDDOWN($C490/24,0)+1,1))-1)+IF('Standard Profiles'!$G$18=$B$10,7,0)+IF('Standard Profiles'!$G$18=$B$17,14,0)+IF('Standard Profiles'!$G$18=$B$24,21,0),0)),0)</f>
        <v>4.2390494453369625</v>
      </c>
      <c r="E490" cm="1">
        <f t="array" ref="E490">IFERROR(INDEX(Jesper!AI$2:AI$366,ROUNDDOWN($C490/24,0)+1,1)*INDEX($D$3:$AA$30,INDEX(Jesper!$R$2:$R$366,ROW(INDEX(Jesper!AI$2:AI$366,ROUNDDOWN($C490/24,0)+1,1))-1)+IF('Standard Profiles'!$G$19=$B$10,7,0)+IF('Standard Profiles'!$G$19=$B$17,14,0)+IF('Standard Profiles'!$G$19=$B$24,21,0),MOD($C490,24)+1)/SUM(INDEX($D$3:$AA$30,INDEX(Jesper!$R$2:$R$366,ROW(INDEX(Jesper!AI$2:AI$366,ROUNDDOWN($C490/24,0)+1,1))-1)+IF('Standard Profiles'!$G$19=$B$10,7,0)+IF('Standard Profiles'!$G$19=$B$17,14,0)+IF('Standard Profiles'!$G$19=$B$24,21,0),0)),0)</f>
        <v>0.95668790750179145</v>
      </c>
      <c r="F490" cm="1">
        <f t="array" ref="F490">IFERROR(INDEX(Jesper!AJ$2:AJ$366,ROUNDDOWN($C490/24,0)+1,1)*INDEX($D$3:$AA$30,INDEX(Jesper!$R$2:$R$366,ROW(INDEX(Jesper!AJ$2:AJ$366,ROUNDDOWN($C490/24,0)+1,1))-1)+IF('Standard Profiles'!$G$20=$B$10,7,0)+IF('Standard Profiles'!$G$20=$B$17,14,0)+IF('Standard Profiles'!$G$20=$B$24,21,0),MOD($C490,24)+1)/SUM(INDEX($D$3:$AA$30,INDEX(Jesper!$R$2:$R$366,ROW(INDEX(Jesper!AJ$2:AJ$366,ROUNDDOWN($C490/24,0)+1,1))-1)+IF('Standard Profiles'!$G$20=$B$10,7,0)+IF('Standard Profiles'!$G$20=$B$17,14,0)+IF('Standard Profiles'!$G$20=$B$24,21,0),0)),0)</f>
        <v>0</v>
      </c>
      <c r="G490" cm="1">
        <f t="array" ref="G490">IFERROR(INDEX(Jesper!AK$2:AK$366,ROUNDDOWN($C490/24,0)+1,1)*INDEX($D$3:$AA$30,INDEX(Jesper!$R$2:$R$366,ROW(INDEX(Jesper!AK$2:AK$366,ROUNDDOWN($C490/24,0)+1,1))-1)+IF('Standard Profiles'!$G$21=$B$10,7,0)+IF('Standard Profiles'!$G$21=$B$17,14,0)+IF('Standard Profiles'!$G$21=$B$24,21,0),MOD($C490,24)+1)/SUM(INDEX($D$3:$AA$30,INDEX(Jesper!$R$2:$R$366,ROW(INDEX(Jesper!AK$2:AK$366,ROUNDDOWN($C490/24,0)+1,1))-1)+IF('Standard Profiles'!$G$21=$B$10,7,0)+IF('Standard Profiles'!$G$21=$B$17,14,0)+IF('Standard Profiles'!$G$21=$B$24,21,0),0)),0)</f>
        <v>0</v>
      </c>
      <c r="H490" cm="1">
        <f t="array" ref="H490">IFERROR(INDEX(Jesper!AL$2:AL$366,ROUNDDOWN($C490/24,0)+1,1)*INDEX($D$3:$AA$30,INDEX(Jesper!$R$2:$R$366,ROW(INDEX(Jesper!AL$2:AL$366,ROUNDDOWN($C490/24,0)+1,1))-1)+IF('Standard Profiles'!$G$22=$B$10,7,0)+IF('Standard Profiles'!$G$22=$B$17,14,0)+IF('Standard Profiles'!$G$22=$B$24,21,0),MOD($C490,24)+1)/SUM(INDEX($D$3:$AA$30,INDEX(Jesper!$R$2:$R$366,ROW(INDEX(Jesper!AL$2:AL$366,ROUNDDOWN($C490/24,0)+1,1))-1)+IF('Standard Profiles'!$G$22=$B$10,7,0)+IF('Standard Profiles'!$G$22=$B$17,14,0)+IF('Standard Profiles'!$G$22=$B$24,21,0),0)),0)</f>
        <v>0</v>
      </c>
      <c r="I490">
        <f t="shared" si="69"/>
        <v>8.6188099774936189E-2</v>
      </c>
      <c r="J490">
        <f t="shared" si="70"/>
        <v>0.287293665916454</v>
      </c>
      <c r="K490">
        <f t="shared" si="71"/>
        <v>0.430940498874681</v>
      </c>
      <c r="L490">
        <f t="shared" si="72"/>
        <v>4.391315088272683</v>
      </c>
      <c r="M490">
        <f t="shared" si="73"/>
        <v>0</v>
      </c>
      <c r="N490" s="46">
        <f t="shared" si="74"/>
        <v>45310.999999998894</v>
      </c>
    </row>
    <row r="491" spans="2:14" x14ac:dyDescent="0.3">
      <c r="B491">
        <f t="shared" si="68"/>
        <v>6</v>
      </c>
      <c r="C491" s="16">
        <v>457</v>
      </c>
      <c r="D491" cm="1">
        <f t="array" ref="D491">IFERROR(INDEX(Jesper!AH$2:AH$366,ROUNDDOWN($C491/24,0)+1,1)*INDEX($D$3:$AA$30,INDEX(Jesper!$R$2:$R$366,ROW(INDEX(Jesper!AH$2:AH$366,ROUNDDOWN($C491/24,0)+1,1))-1)+IF('Standard Profiles'!$G$18=$B$10,7,0)+IF('Standard Profiles'!$G$18=$B$17,14,0)+IF('Standard Profiles'!$G$18=$B$24,21,0),MOD($C491,24)+1)/SUM(INDEX($D$3:$AA$30,INDEX(Jesper!$R$2:$R$366,ROW(INDEX(Jesper!AH$2:AH$366,ROUNDDOWN($C491/24,0)+1,1))-1)+IF('Standard Profiles'!$G$18=$B$10,7,0)+IF('Standard Profiles'!$G$18=$B$17,14,0)+IF('Standard Profiles'!$G$18=$B$24,21,0),0)),0)</f>
        <v>8.2762393932769278</v>
      </c>
      <c r="E491" cm="1">
        <f t="array" ref="E491">IFERROR(INDEX(Jesper!AI$2:AI$366,ROUNDDOWN($C491/24,0)+1,1)*INDEX($D$3:$AA$30,INDEX(Jesper!$R$2:$R$366,ROW(INDEX(Jesper!AI$2:AI$366,ROUNDDOWN($C491/24,0)+1,1))-1)+IF('Standard Profiles'!$G$19=$B$10,7,0)+IF('Standard Profiles'!$G$19=$B$17,14,0)+IF('Standard Profiles'!$G$19=$B$24,21,0),MOD($C491,24)+1)/SUM(INDEX($D$3:$AA$30,INDEX(Jesper!$R$2:$R$366,ROW(INDEX(Jesper!AI$2:AI$366,ROUNDDOWN($C491/24,0)+1,1))-1)+IF('Standard Profiles'!$G$19=$B$10,7,0)+IF('Standard Profiles'!$G$19=$B$17,14,0)+IF('Standard Profiles'!$G$19=$B$24,21,0),0)),0)</f>
        <v>1.8678192479796882</v>
      </c>
      <c r="F491" cm="1">
        <f t="array" ref="F491">IFERROR(INDEX(Jesper!AJ$2:AJ$366,ROUNDDOWN($C491/24,0)+1,1)*INDEX($D$3:$AA$30,INDEX(Jesper!$R$2:$R$366,ROW(INDEX(Jesper!AJ$2:AJ$366,ROUNDDOWN($C491/24,0)+1,1))-1)+IF('Standard Profiles'!$G$20=$B$10,7,0)+IF('Standard Profiles'!$G$20=$B$17,14,0)+IF('Standard Profiles'!$G$20=$B$24,21,0),MOD($C491,24)+1)/SUM(INDEX($D$3:$AA$30,INDEX(Jesper!$R$2:$R$366,ROW(INDEX(Jesper!AJ$2:AJ$366,ROUNDDOWN($C491/24,0)+1,1))-1)+IF('Standard Profiles'!$G$20=$B$10,7,0)+IF('Standard Profiles'!$G$20=$B$17,14,0)+IF('Standard Profiles'!$G$20=$B$24,21,0),0)),0)</f>
        <v>0</v>
      </c>
      <c r="G491" cm="1">
        <f t="array" ref="G491">IFERROR(INDEX(Jesper!AK$2:AK$366,ROUNDDOWN($C491/24,0)+1,1)*INDEX($D$3:$AA$30,INDEX(Jesper!$R$2:$R$366,ROW(INDEX(Jesper!AK$2:AK$366,ROUNDDOWN($C491/24,0)+1,1))-1)+IF('Standard Profiles'!$G$21=$B$10,7,0)+IF('Standard Profiles'!$G$21=$B$17,14,0)+IF('Standard Profiles'!$G$21=$B$24,21,0),MOD($C491,24)+1)/SUM(INDEX($D$3:$AA$30,INDEX(Jesper!$R$2:$R$366,ROW(INDEX(Jesper!AK$2:AK$366,ROUNDDOWN($C491/24,0)+1,1))-1)+IF('Standard Profiles'!$G$21=$B$10,7,0)+IF('Standard Profiles'!$G$21=$B$17,14,0)+IF('Standard Profiles'!$G$21=$B$24,21,0),0)),0)</f>
        <v>0</v>
      </c>
      <c r="H491" cm="1">
        <f t="array" ref="H491">IFERROR(INDEX(Jesper!AL$2:AL$366,ROUNDDOWN($C491/24,0)+1,1)*INDEX($D$3:$AA$30,INDEX(Jesper!$R$2:$R$366,ROW(INDEX(Jesper!AL$2:AL$366,ROUNDDOWN($C491/24,0)+1,1))-1)+IF('Standard Profiles'!$G$22=$B$10,7,0)+IF('Standard Profiles'!$G$22=$B$17,14,0)+IF('Standard Profiles'!$G$22=$B$24,21,0),MOD($C491,24)+1)/SUM(INDEX($D$3:$AA$30,INDEX(Jesper!$R$2:$R$366,ROW(INDEX(Jesper!AL$2:AL$366,ROUNDDOWN($C491/24,0)+1,1))-1)+IF('Standard Profiles'!$G$22=$B$10,7,0)+IF('Standard Profiles'!$G$22=$B$17,14,0)+IF('Standard Profiles'!$G$22=$B$24,21,0),0)),0)</f>
        <v>0</v>
      </c>
      <c r="I491">
        <f t="shared" si="69"/>
        <v>0.16827200432249448</v>
      </c>
      <c r="J491">
        <f t="shared" si="70"/>
        <v>0.56090668107498165</v>
      </c>
      <c r="K491">
        <f t="shared" si="71"/>
        <v>0.84136002161247248</v>
      </c>
      <c r="L491">
        <f t="shared" si="72"/>
        <v>8.5735199342466668</v>
      </c>
      <c r="M491">
        <f t="shared" si="73"/>
        <v>0</v>
      </c>
      <c r="N491" s="46">
        <f t="shared" si="74"/>
        <v>45311.041666665558</v>
      </c>
    </row>
    <row r="492" spans="2:14" x14ac:dyDescent="0.3">
      <c r="B492">
        <f t="shared" si="68"/>
        <v>6</v>
      </c>
      <c r="C492" s="16">
        <v>458</v>
      </c>
      <c r="D492" cm="1">
        <f t="array" ref="D492">IFERROR(INDEX(Jesper!AH$2:AH$366,ROUNDDOWN($C492/24,0)+1,1)*INDEX($D$3:$AA$30,INDEX(Jesper!$R$2:$R$366,ROW(INDEX(Jesper!AH$2:AH$366,ROUNDDOWN($C492/24,0)+1,1))-1)+IF('Standard Profiles'!$G$18=$B$10,7,0)+IF('Standard Profiles'!$G$18=$B$17,14,0)+IF('Standard Profiles'!$G$18=$B$24,21,0),MOD($C492,24)+1)/SUM(INDEX($D$3:$AA$30,INDEX(Jesper!$R$2:$R$366,ROW(INDEX(Jesper!AH$2:AH$366,ROUNDDOWN($C492/24,0)+1,1))-1)+IF('Standard Profiles'!$G$18=$B$10,7,0)+IF('Standard Profiles'!$G$18=$B$17,14,0)+IF('Standard Profiles'!$G$18=$B$24,21,0),0)),0)</f>
        <v>8.2762393932769278</v>
      </c>
      <c r="E492" cm="1">
        <f t="array" ref="E492">IFERROR(INDEX(Jesper!AI$2:AI$366,ROUNDDOWN($C492/24,0)+1,1)*INDEX($D$3:$AA$30,INDEX(Jesper!$R$2:$R$366,ROW(INDEX(Jesper!AI$2:AI$366,ROUNDDOWN($C492/24,0)+1,1))-1)+IF('Standard Profiles'!$G$19=$B$10,7,0)+IF('Standard Profiles'!$G$19=$B$17,14,0)+IF('Standard Profiles'!$G$19=$B$24,21,0),MOD($C492,24)+1)/SUM(INDEX($D$3:$AA$30,INDEX(Jesper!$R$2:$R$366,ROW(INDEX(Jesper!AI$2:AI$366,ROUNDDOWN($C492/24,0)+1,1))-1)+IF('Standard Profiles'!$G$19=$B$10,7,0)+IF('Standard Profiles'!$G$19=$B$17,14,0)+IF('Standard Profiles'!$G$19=$B$24,21,0),0)),0)</f>
        <v>1.8678192479796882</v>
      </c>
      <c r="F492" cm="1">
        <f t="array" ref="F492">IFERROR(INDEX(Jesper!AJ$2:AJ$366,ROUNDDOWN($C492/24,0)+1,1)*INDEX($D$3:$AA$30,INDEX(Jesper!$R$2:$R$366,ROW(INDEX(Jesper!AJ$2:AJ$366,ROUNDDOWN($C492/24,0)+1,1))-1)+IF('Standard Profiles'!$G$20=$B$10,7,0)+IF('Standard Profiles'!$G$20=$B$17,14,0)+IF('Standard Profiles'!$G$20=$B$24,21,0),MOD($C492,24)+1)/SUM(INDEX($D$3:$AA$30,INDEX(Jesper!$R$2:$R$366,ROW(INDEX(Jesper!AJ$2:AJ$366,ROUNDDOWN($C492/24,0)+1,1))-1)+IF('Standard Profiles'!$G$20=$B$10,7,0)+IF('Standard Profiles'!$G$20=$B$17,14,0)+IF('Standard Profiles'!$G$20=$B$24,21,0),0)),0)</f>
        <v>0</v>
      </c>
      <c r="G492" cm="1">
        <f t="array" ref="G492">IFERROR(INDEX(Jesper!AK$2:AK$366,ROUNDDOWN($C492/24,0)+1,1)*INDEX($D$3:$AA$30,INDEX(Jesper!$R$2:$R$366,ROW(INDEX(Jesper!AK$2:AK$366,ROUNDDOWN($C492/24,0)+1,1))-1)+IF('Standard Profiles'!$G$21=$B$10,7,0)+IF('Standard Profiles'!$G$21=$B$17,14,0)+IF('Standard Profiles'!$G$21=$B$24,21,0),MOD($C492,24)+1)/SUM(INDEX($D$3:$AA$30,INDEX(Jesper!$R$2:$R$366,ROW(INDEX(Jesper!AK$2:AK$366,ROUNDDOWN($C492/24,0)+1,1))-1)+IF('Standard Profiles'!$G$21=$B$10,7,0)+IF('Standard Profiles'!$G$21=$B$17,14,0)+IF('Standard Profiles'!$G$21=$B$24,21,0),0)),0)</f>
        <v>0</v>
      </c>
      <c r="H492" cm="1">
        <f t="array" ref="H492">IFERROR(INDEX(Jesper!AL$2:AL$366,ROUNDDOWN($C492/24,0)+1,1)*INDEX($D$3:$AA$30,INDEX(Jesper!$R$2:$R$366,ROW(INDEX(Jesper!AL$2:AL$366,ROUNDDOWN($C492/24,0)+1,1))-1)+IF('Standard Profiles'!$G$22=$B$10,7,0)+IF('Standard Profiles'!$G$22=$B$17,14,0)+IF('Standard Profiles'!$G$22=$B$24,21,0),MOD($C492,24)+1)/SUM(INDEX($D$3:$AA$30,INDEX(Jesper!$R$2:$R$366,ROW(INDEX(Jesper!AL$2:AL$366,ROUNDDOWN($C492/24,0)+1,1))-1)+IF('Standard Profiles'!$G$22=$B$10,7,0)+IF('Standard Profiles'!$G$22=$B$17,14,0)+IF('Standard Profiles'!$G$22=$B$24,21,0),0)),0)</f>
        <v>0</v>
      </c>
      <c r="I492">
        <f t="shared" si="69"/>
        <v>0.16827200432249448</v>
      </c>
      <c r="J492">
        <f t="shared" si="70"/>
        <v>0.56090668107498165</v>
      </c>
      <c r="K492">
        <f t="shared" si="71"/>
        <v>0.84136002161247248</v>
      </c>
      <c r="L492">
        <f t="shared" si="72"/>
        <v>8.5735199342466668</v>
      </c>
      <c r="M492">
        <f t="shared" si="73"/>
        <v>0</v>
      </c>
      <c r="N492" s="46">
        <f t="shared" si="74"/>
        <v>45311.083333332223</v>
      </c>
    </row>
    <row r="493" spans="2:14" x14ac:dyDescent="0.3">
      <c r="B493">
        <f t="shared" si="68"/>
        <v>6</v>
      </c>
      <c r="C493" s="16">
        <v>459</v>
      </c>
      <c r="D493" cm="1">
        <f t="array" ref="D493">IFERROR(INDEX(Jesper!AH$2:AH$366,ROUNDDOWN($C493/24,0)+1,1)*INDEX($D$3:$AA$30,INDEX(Jesper!$R$2:$R$366,ROW(INDEX(Jesper!AH$2:AH$366,ROUNDDOWN($C493/24,0)+1,1))-1)+IF('Standard Profiles'!$G$18=$B$10,7,0)+IF('Standard Profiles'!$G$18=$B$17,14,0)+IF('Standard Profiles'!$G$18=$B$24,21,0),MOD($C493,24)+1)/SUM(INDEX($D$3:$AA$30,INDEX(Jesper!$R$2:$R$366,ROW(INDEX(Jesper!AH$2:AH$366,ROUNDDOWN($C493/24,0)+1,1))-1)+IF('Standard Profiles'!$G$18=$B$10,7,0)+IF('Standard Profiles'!$G$18=$B$17,14,0)+IF('Standard Profiles'!$G$18=$B$24,21,0),0)),0)</f>
        <v>8.2762393932769278</v>
      </c>
      <c r="E493" cm="1">
        <f t="array" ref="E493">IFERROR(INDEX(Jesper!AI$2:AI$366,ROUNDDOWN($C493/24,0)+1,1)*INDEX($D$3:$AA$30,INDEX(Jesper!$R$2:$R$366,ROW(INDEX(Jesper!AI$2:AI$366,ROUNDDOWN($C493/24,0)+1,1))-1)+IF('Standard Profiles'!$G$19=$B$10,7,0)+IF('Standard Profiles'!$G$19=$B$17,14,0)+IF('Standard Profiles'!$G$19=$B$24,21,0),MOD($C493,24)+1)/SUM(INDEX($D$3:$AA$30,INDEX(Jesper!$R$2:$R$366,ROW(INDEX(Jesper!AI$2:AI$366,ROUNDDOWN($C493/24,0)+1,1))-1)+IF('Standard Profiles'!$G$19=$B$10,7,0)+IF('Standard Profiles'!$G$19=$B$17,14,0)+IF('Standard Profiles'!$G$19=$B$24,21,0),0)),0)</f>
        <v>1.8678192479796882</v>
      </c>
      <c r="F493" cm="1">
        <f t="array" ref="F493">IFERROR(INDEX(Jesper!AJ$2:AJ$366,ROUNDDOWN($C493/24,0)+1,1)*INDEX($D$3:$AA$30,INDEX(Jesper!$R$2:$R$366,ROW(INDEX(Jesper!AJ$2:AJ$366,ROUNDDOWN($C493/24,0)+1,1))-1)+IF('Standard Profiles'!$G$20=$B$10,7,0)+IF('Standard Profiles'!$G$20=$B$17,14,0)+IF('Standard Profiles'!$G$20=$B$24,21,0),MOD($C493,24)+1)/SUM(INDEX($D$3:$AA$30,INDEX(Jesper!$R$2:$R$366,ROW(INDEX(Jesper!AJ$2:AJ$366,ROUNDDOWN($C493/24,0)+1,1))-1)+IF('Standard Profiles'!$G$20=$B$10,7,0)+IF('Standard Profiles'!$G$20=$B$17,14,0)+IF('Standard Profiles'!$G$20=$B$24,21,0),0)),0)</f>
        <v>0</v>
      </c>
      <c r="G493" cm="1">
        <f t="array" ref="G493">IFERROR(INDEX(Jesper!AK$2:AK$366,ROUNDDOWN($C493/24,0)+1,1)*INDEX($D$3:$AA$30,INDEX(Jesper!$R$2:$R$366,ROW(INDEX(Jesper!AK$2:AK$366,ROUNDDOWN($C493/24,0)+1,1))-1)+IF('Standard Profiles'!$G$21=$B$10,7,0)+IF('Standard Profiles'!$G$21=$B$17,14,0)+IF('Standard Profiles'!$G$21=$B$24,21,0),MOD($C493,24)+1)/SUM(INDEX($D$3:$AA$30,INDEX(Jesper!$R$2:$R$366,ROW(INDEX(Jesper!AK$2:AK$366,ROUNDDOWN($C493/24,0)+1,1))-1)+IF('Standard Profiles'!$G$21=$B$10,7,0)+IF('Standard Profiles'!$G$21=$B$17,14,0)+IF('Standard Profiles'!$G$21=$B$24,21,0),0)),0)</f>
        <v>0</v>
      </c>
      <c r="H493" cm="1">
        <f t="array" ref="H493">IFERROR(INDEX(Jesper!AL$2:AL$366,ROUNDDOWN($C493/24,0)+1,1)*INDEX($D$3:$AA$30,INDEX(Jesper!$R$2:$R$366,ROW(INDEX(Jesper!AL$2:AL$366,ROUNDDOWN($C493/24,0)+1,1))-1)+IF('Standard Profiles'!$G$22=$B$10,7,0)+IF('Standard Profiles'!$G$22=$B$17,14,0)+IF('Standard Profiles'!$G$22=$B$24,21,0),MOD($C493,24)+1)/SUM(INDEX($D$3:$AA$30,INDEX(Jesper!$R$2:$R$366,ROW(INDEX(Jesper!AL$2:AL$366,ROUNDDOWN($C493/24,0)+1,1))-1)+IF('Standard Profiles'!$G$22=$B$10,7,0)+IF('Standard Profiles'!$G$22=$B$17,14,0)+IF('Standard Profiles'!$G$22=$B$24,21,0),0)),0)</f>
        <v>0</v>
      </c>
      <c r="I493">
        <f t="shared" si="69"/>
        <v>0.16827200432249448</v>
      </c>
      <c r="J493">
        <f t="shared" si="70"/>
        <v>0.56090668107498165</v>
      </c>
      <c r="K493">
        <f t="shared" si="71"/>
        <v>0.84136002161247248</v>
      </c>
      <c r="L493">
        <f t="shared" si="72"/>
        <v>8.5735199342466668</v>
      </c>
      <c r="M493">
        <f t="shared" si="73"/>
        <v>0</v>
      </c>
      <c r="N493" s="46">
        <f t="shared" si="74"/>
        <v>45311.124999998887</v>
      </c>
    </row>
    <row r="494" spans="2:14" x14ac:dyDescent="0.3">
      <c r="B494">
        <f t="shared" si="68"/>
        <v>6</v>
      </c>
      <c r="C494" s="16">
        <v>460</v>
      </c>
      <c r="D494" cm="1">
        <f t="array" ref="D494">IFERROR(INDEX(Jesper!AH$2:AH$366,ROUNDDOWN($C494/24,0)+1,1)*INDEX($D$3:$AA$30,INDEX(Jesper!$R$2:$R$366,ROW(INDEX(Jesper!AH$2:AH$366,ROUNDDOWN($C494/24,0)+1,1))-1)+IF('Standard Profiles'!$G$18=$B$10,7,0)+IF('Standard Profiles'!$G$18=$B$17,14,0)+IF('Standard Profiles'!$G$18=$B$24,21,0),MOD($C494,24)+1)/SUM(INDEX($D$3:$AA$30,INDEX(Jesper!$R$2:$R$366,ROW(INDEX(Jesper!AH$2:AH$366,ROUNDDOWN($C494/24,0)+1,1))-1)+IF('Standard Profiles'!$G$18=$B$10,7,0)+IF('Standard Profiles'!$G$18=$B$17,14,0)+IF('Standard Profiles'!$G$18=$B$24,21,0),0)),0)</f>
        <v>8.2762393932769278</v>
      </c>
      <c r="E494" cm="1">
        <f t="array" ref="E494">IFERROR(INDEX(Jesper!AI$2:AI$366,ROUNDDOWN($C494/24,0)+1,1)*INDEX($D$3:$AA$30,INDEX(Jesper!$R$2:$R$366,ROW(INDEX(Jesper!AI$2:AI$366,ROUNDDOWN($C494/24,0)+1,1))-1)+IF('Standard Profiles'!$G$19=$B$10,7,0)+IF('Standard Profiles'!$G$19=$B$17,14,0)+IF('Standard Profiles'!$G$19=$B$24,21,0),MOD($C494,24)+1)/SUM(INDEX($D$3:$AA$30,INDEX(Jesper!$R$2:$R$366,ROW(INDEX(Jesper!AI$2:AI$366,ROUNDDOWN($C494/24,0)+1,1))-1)+IF('Standard Profiles'!$G$19=$B$10,7,0)+IF('Standard Profiles'!$G$19=$B$17,14,0)+IF('Standard Profiles'!$G$19=$B$24,21,0),0)),0)</f>
        <v>1.8678192479796882</v>
      </c>
      <c r="F494" cm="1">
        <f t="array" ref="F494">IFERROR(INDEX(Jesper!AJ$2:AJ$366,ROUNDDOWN($C494/24,0)+1,1)*INDEX($D$3:$AA$30,INDEX(Jesper!$R$2:$R$366,ROW(INDEX(Jesper!AJ$2:AJ$366,ROUNDDOWN($C494/24,0)+1,1))-1)+IF('Standard Profiles'!$G$20=$B$10,7,0)+IF('Standard Profiles'!$G$20=$B$17,14,0)+IF('Standard Profiles'!$G$20=$B$24,21,0),MOD($C494,24)+1)/SUM(INDEX($D$3:$AA$30,INDEX(Jesper!$R$2:$R$366,ROW(INDEX(Jesper!AJ$2:AJ$366,ROUNDDOWN($C494/24,0)+1,1))-1)+IF('Standard Profiles'!$G$20=$B$10,7,0)+IF('Standard Profiles'!$G$20=$B$17,14,0)+IF('Standard Profiles'!$G$20=$B$24,21,0),0)),0)</f>
        <v>0</v>
      </c>
      <c r="G494" cm="1">
        <f t="array" ref="G494">IFERROR(INDEX(Jesper!AK$2:AK$366,ROUNDDOWN($C494/24,0)+1,1)*INDEX($D$3:$AA$30,INDEX(Jesper!$R$2:$R$366,ROW(INDEX(Jesper!AK$2:AK$366,ROUNDDOWN($C494/24,0)+1,1))-1)+IF('Standard Profiles'!$G$21=$B$10,7,0)+IF('Standard Profiles'!$G$21=$B$17,14,0)+IF('Standard Profiles'!$G$21=$B$24,21,0),MOD($C494,24)+1)/SUM(INDEX($D$3:$AA$30,INDEX(Jesper!$R$2:$R$366,ROW(INDEX(Jesper!AK$2:AK$366,ROUNDDOWN($C494/24,0)+1,1))-1)+IF('Standard Profiles'!$G$21=$B$10,7,0)+IF('Standard Profiles'!$G$21=$B$17,14,0)+IF('Standard Profiles'!$G$21=$B$24,21,0),0)),0)</f>
        <v>0</v>
      </c>
      <c r="H494" cm="1">
        <f t="array" ref="H494">IFERROR(INDEX(Jesper!AL$2:AL$366,ROUNDDOWN($C494/24,0)+1,1)*INDEX($D$3:$AA$30,INDEX(Jesper!$R$2:$R$366,ROW(INDEX(Jesper!AL$2:AL$366,ROUNDDOWN($C494/24,0)+1,1))-1)+IF('Standard Profiles'!$G$22=$B$10,7,0)+IF('Standard Profiles'!$G$22=$B$17,14,0)+IF('Standard Profiles'!$G$22=$B$24,21,0),MOD($C494,24)+1)/SUM(INDEX($D$3:$AA$30,INDEX(Jesper!$R$2:$R$366,ROW(INDEX(Jesper!AL$2:AL$366,ROUNDDOWN($C494/24,0)+1,1))-1)+IF('Standard Profiles'!$G$22=$B$10,7,0)+IF('Standard Profiles'!$G$22=$B$17,14,0)+IF('Standard Profiles'!$G$22=$B$24,21,0),0)),0)</f>
        <v>0</v>
      </c>
      <c r="I494">
        <f t="shared" si="69"/>
        <v>0.16827200432249448</v>
      </c>
      <c r="J494">
        <f t="shared" si="70"/>
        <v>0.56090668107498165</v>
      </c>
      <c r="K494">
        <f t="shared" si="71"/>
        <v>0.84136002161247248</v>
      </c>
      <c r="L494">
        <f t="shared" si="72"/>
        <v>8.5735199342466668</v>
      </c>
      <c r="M494">
        <f t="shared" si="73"/>
        <v>0</v>
      </c>
      <c r="N494" s="46">
        <f t="shared" si="74"/>
        <v>45311.166666665551</v>
      </c>
    </row>
    <row r="495" spans="2:14" x14ac:dyDescent="0.3">
      <c r="B495">
        <f t="shared" si="68"/>
        <v>6</v>
      </c>
      <c r="C495" s="16">
        <v>461</v>
      </c>
      <c r="D495" cm="1">
        <f t="array" ref="D495">IFERROR(INDEX(Jesper!AH$2:AH$366,ROUNDDOWN($C495/24,0)+1,1)*INDEX($D$3:$AA$30,INDEX(Jesper!$R$2:$R$366,ROW(INDEX(Jesper!AH$2:AH$366,ROUNDDOWN($C495/24,0)+1,1))-1)+IF('Standard Profiles'!$G$18=$B$10,7,0)+IF('Standard Profiles'!$G$18=$B$17,14,0)+IF('Standard Profiles'!$G$18=$B$24,21,0),MOD($C495,24)+1)/SUM(INDEX($D$3:$AA$30,INDEX(Jesper!$R$2:$R$366,ROW(INDEX(Jesper!AH$2:AH$366,ROUNDDOWN($C495/24,0)+1,1))-1)+IF('Standard Profiles'!$G$18=$B$10,7,0)+IF('Standard Profiles'!$G$18=$B$17,14,0)+IF('Standard Profiles'!$G$18=$B$24,21,0),0)),0)</f>
        <v>10.29483436724691</v>
      </c>
      <c r="E495" cm="1">
        <f t="array" ref="E495">IFERROR(INDEX(Jesper!AI$2:AI$366,ROUNDDOWN($C495/24,0)+1,1)*INDEX($D$3:$AA$30,INDEX(Jesper!$R$2:$R$366,ROW(INDEX(Jesper!AI$2:AI$366,ROUNDDOWN($C495/24,0)+1,1))-1)+IF('Standard Profiles'!$G$19=$B$10,7,0)+IF('Standard Profiles'!$G$19=$B$17,14,0)+IF('Standard Profiles'!$G$19=$B$24,21,0),MOD($C495,24)+1)/SUM(INDEX($D$3:$AA$30,INDEX(Jesper!$R$2:$R$366,ROW(INDEX(Jesper!AI$2:AI$366,ROUNDDOWN($C495/24,0)+1,1))-1)+IF('Standard Profiles'!$G$19=$B$10,7,0)+IF('Standard Profiles'!$G$19=$B$17,14,0)+IF('Standard Profiles'!$G$19=$B$24,21,0),0)),0)</f>
        <v>2.3233849182186366</v>
      </c>
      <c r="F495" cm="1">
        <f t="array" ref="F495">IFERROR(INDEX(Jesper!AJ$2:AJ$366,ROUNDDOWN($C495/24,0)+1,1)*INDEX($D$3:$AA$30,INDEX(Jesper!$R$2:$R$366,ROW(INDEX(Jesper!AJ$2:AJ$366,ROUNDDOWN($C495/24,0)+1,1))-1)+IF('Standard Profiles'!$G$20=$B$10,7,0)+IF('Standard Profiles'!$G$20=$B$17,14,0)+IF('Standard Profiles'!$G$20=$B$24,21,0),MOD($C495,24)+1)/SUM(INDEX($D$3:$AA$30,INDEX(Jesper!$R$2:$R$366,ROW(INDEX(Jesper!AJ$2:AJ$366,ROUNDDOWN($C495/24,0)+1,1))-1)+IF('Standard Profiles'!$G$20=$B$10,7,0)+IF('Standard Profiles'!$G$20=$B$17,14,0)+IF('Standard Profiles'!$G$20=$B$24,21,0),0)),0)</f>
        <v>0</v>
      </c>
      <c r="G495" cm="1">
        <f t="array" ref="G495">IFERROR(INDEX(Jesper!AK$2:AK$366,ROUNDDOWN($C495/24,0)+1,1)*INDEX($D$3:$AA$30,INDEX(Jesper!$R$2:$R$366,ROW(INDEX(Jesper!AK$2:AK$366,ROUNDDOWN($C495/24,0)+1,1))-1)+IF('Standard Profiles'!$G$21=$B$10,7,0)+IF('Standard Profiles'!$G$21=$B$17,14,0)+IF('Standard Profiles'!$G$21=$B$24,21,0),MOD($C495,24)+1)/SUM(INDEX($D$3:$AA$30,INDEX(Jesper!$R$2:$R$366,ROW(INDEX(Jesper!AK$2:AK$366,ROUNDDOWN($C495/24,0)+1,1))-1)+IF('Standard Profiles'!$G$21=$B$10,7,0)+IF('Standard Profiles'!$G$21=$B$17,14,0)+IF('Standard Profiles'!$G$21=$B$24,21,0),0)),0)</f>
        <v>0</v>
      </c>
      <c r="H495" cm="1">
        <f t="array" ref="H495">IFERROR(INDEX(Jesper!AL$2:AL$366,ROUNDDOWN($C495/24,0)+1,1)*INDEX($D$3:$AA$30,INDEX(Jesper!$R$2:$R$366,ROW(INDEX(Jesper!AL$2:AL$366,ROUNDDOWN($C495/24,0)+1,1))-1)+IF('Standard Profiles'!$G$22=$B$10,7,0)+IF('Standard Profiles'!$G$22=$B$17,14,0)+IF('Standard Profiles'!$G$22=$B$24,21,0),MOD($C495,24)+1)/SUM(INDEX($D$3:$AA$30,INDEX(Jesper!$R$2:$R$366,ROW(INDEX(Jesper!AL$2:AL$366,ROUNDDOWN($C495/24,0)+1,1))-1)+IF('Standard Profiles'!$G$22=$B$10,7,0)+IF('Standard Profiles'!$G$22=$B$17,14,0)+IF('Standard Profiles'!$G$22=$B$24,21,0),0)),0)</f>
        <v>0</v>
      </c>
      <c r="I495">
        <f t="shared" si="69"/>
        <v>0.20931395659627361</v>
      </c>
      <c r="J495">
        <f t="shared" si="70"/>
        <v>0.69771318865424548</v>
      </c>
      <c r="K495">
        <f t="shared" si="71"/>
        <v>1.0465697829813683</v>
      </c>
      <c r="L495">
        <f t="shared" si="72"/>
        <v>10.664622357233659</v>
      </c>
      <c r="M495">
        <f t="shared" si="73"/>
        <v>0</v>
      </c>
      <c r="N495" s="46">
        <f t="shared" si="74"/>
        <v>45311.208333332215</v>
      </c>
    </row>
    <row r="496" spans="2:14" x14ac:dyDescent="0.3">
      <c r="B496">
        <f t="shared" si="68"/>
        <v>6</v>
      </c>
      <c r="C496" s="16">
        <v>462</v>
      </c>
      <c r="D496" cm="1">
        <f t="array" ref="D496">IFERROR(INDEX(Jesper!AH$2:AH$366,ROUNDDOWN($C496/24,0)+1,1)*INDEX($D$3:$AA$30,INDEX(Jesper!$R$2:$R$366,ROW(INDEX(Jesper!AH$2:AH$366,ROUNDDOWN($C496/24,0)+1,1))-1)+IF('Standard Profiles'!$G$18=$B$10,7,0)+IF('Standard Profiles'!$G$18=$B$17,14,0)+IF('Standard Profiles'!$G$18=$B$24,21,0),MOD($C496,24)+1)/SUM(INDEX($D$3:$AA$30,INDEX(Jesper!$R$2:$R$366,ROW(INDEX(Jesper!AH$2:AH$366,ROUNDDOWN($C496/24,0)+1,1))-1)+IF('Standard Profiles'!$G$18=$B$10,7,0)+IF('Standard Profiles'!$G$18=$B$17,14,0)+IF('Standard Profiles'!$G$18=$B$24,21,0),0)),0)</f>
        <v>12.919007833407887</v>
      </c>
      <c r="E496" cm="1">
        <f t="array" ref="E496">IFERROR(INDEX(Jesper!AI$2:AI$366,ROUNDDOWN($C496/24,0)+1,1)*INDEX($D$3:$AA$30,INDEX(Jesper!$R$2:$R$366,ROW(INDEX(Jesper!AI$2:AI$366,ROUNDDOWN($C496/24,0)+1,1))-1)+IF('Standard Profiles'!$G$19=$B$10,7,0)+IF('Standard Profiles'!$G$19=$B$17,14,0)+IF('Standard Profiles'!$G$19=$B$24,21,0),MOD($C496,24)+1)/SUM(INDEX($D$3:$AA$30,INDEX(Jesper!$R$2:$R$366,ROW(INDEX(Jesper!AI$2:AI$366,ROUNDDOWN($C496/24,0)+1,1))-1)+IF('Standard Profiles'!$G$19=$B$10,7,0)+IF('Standard Profiles'!$G$19=$B$17,14,0)+IF('Standard Profiles'!$G$19=$B$24,21,0),0)),0)</f>
        <v>2.9156202895292695</v>
      </c>
      <c r="F496" cm="1">
        <f t="array" ref="F496">IFERROR(INDEX(Jesper!AJ$2:AJ$366,ROUNDDOWN($C496/24,0)+1,1)*INDEX($D$3:$AA$30,INDEX(Jesper!$R$2:$R$366,ROW(INDEX(Jesper!AJ$2:AJ$366,ROUNDDOWN($C496/24,0)+1,1))-1)+IF('Standard Profiles'!$G$20=$B$10,7,0)+IF('Standard Profiles'!$G$20=$B$17,14,0)+IF('Standard Profiles'!$G$20=$B$24,21,0),MOD($C496,24)+1)/SUM(INDEX($D$3:$AA$30,INDEX(Jesper!$R$2:$R$366,ROW(INDEX(Jesper!AJ$2:AJ$366,ROUNDDOWN($C496/24,0)+1,1))-1)+IF('Standard Profiles'!$G$20=$B$10,7,0)+IF('Standard Profiles'!$G$20=$B$17,14,0)+IF('Standard Profiles'!$G$20=$B$24,21,0),0)),0)</f>
        <v>0</v>
      </c>
      <c r="G496" cm="1">
        <f t="array" ref="G496">IFERROR(INDEX(Jesper!AK$2:AK$366,ROUNDDOWN($C496/24,0)+1,1)*INDEX($D$3:$AA$30,INDEX(Jesper!$R$2:$R$366,ROW(INDEX(Jesper!AK$2:AK$366,ROUNDDOWN($C496/24,0)+1,1))-1)+IF('Standard Profiles'!$G$21=$B$10,7,0)+IF('Standard Profiles'!$G$21=$B$17,14,0)+IF('Standard Profiles'!$G$21=$B$24,21,0),MOD($C496,24)+1)/SUM(INDEX($D$3:$AA$30,INDEX(Jesper!$R$2:$R$366,ROW(INDEX(Jesper!AK$2:AK$366,ROUNDDOWN($C496/24,0)+1,1))-1)+IF('Standard Profiles'!$G$21=$B$10,7,0)+IF('Standard Profiles'!$G$21=$B$17,14,0)+IF('Standard Profiles'!$G$21=$B$24,21,0),0)),0)</f>
        <v>0</v>
      </c>
      <c r="H496" cm="1">
        <f t="array" ref="H496">IFERROR(INDEX(Jesper!AL$2:AL$366,ROUNDDOWN($C496/24,0)+1,1)*INDEX($D$3:$AA$30,INDEX(Jesper!$R$2:$R$366,ROW(INDEX(Jesper!AL$2:AL$366,ROUNDDOWN($C496/24,0)+1,1))-1)+IF('Standard Profiles'!$G$22=$B$10,7,0)+IF('Standard Profiles'!$G$22=$B$17,14,0)+IF('Standard Profiles'!$G$22=$B$24,21,0),MOD($C496,24)+1)/SUM(INDEX($D$3:$AA$30,INDEX(Jesper!$R$2:$R$366,ROW(INDEX(Jesper!AL$2:AL$366,ROUNDDOWN($C496/24,0)+1,1))-1)+IF('Standard Profiles'!$G$22=$B$10,7,0)+IF('Standard Profiles'!$G$22=$B$17,14,0)+IF('Standard Profiles'!$G$22=$B$24,21,0),0)),0)</f>
        <v>0</v>
      </c>
      <c r="I496">
        <f t="shared" si="69"/>
        <v>0.26266849455218649</v>
      </c>
      <c r="J496">
        <f t="shared" si="70"/>
        <v>0.87556164850728846</v>
      </c>
      <c r="K496">
        <f t="shared" si="71"/>
        <v>1.3133424727609326</v>
      </c>
      <c r="L496">
        <f t="shared" si="72"/>
        <v>13.383055507116749</v>
      </c>
      <c r="M496">
        <f t="shared" si="73"/>
        <v>0</v>
      </c>
      <c r="N496" s="46">
        <f t="shared" si="74"/>
        <v>45311.24999999888</v>
      </c>
    </row>
    <row r="497" spans="2:14" x14ac:dyDescent="0.3">
      <c r="B497">
        <f t="shared" si="68"/>
        <v>6</v>
      </c>
      <c r="C497" s="16">
        <v>463</v>
      </c>
      <c r="D497" cm="1">
        <f t="array" ref="D497">IFERROR(INDEX(Jesper!AH$2:AH$366,ROUNDDOWN($C497/24,0)+1,1)*INDEX($D$3:$AA$30,INDEX(Jesper!$R$2:$R$366,ROW(INDEX(Jesper!AH$2:AH$366,ROUNDDOWN($C497/24,0)+1,1))-1)+IF('Standard Profiles'!$G$18=$B$10,7,0)+IF('Standard Profiles'!$G$18=$B$17,14,0)+IF('Standard Profiles'!$G$18=$B$24,21,0),MOD($C497,24)+1)/SUM(INDEX($D$3:$AA$30,INDEX(Jesper!$R$2:$R$366,ROW(INDEX(Jesper!AH$2:AH$366,ROUNDDOWN($C497/24,0)+1,1))-1)+IF('Standard Profiles'!$G$18=$B$10,7,0)+IF('Standard Profiles'!$G$18=$B$17,14,0)+IF('Standard Profiles'!$G$18=$B$24,21,0),0)),0)</f>
        <v>14.735743309980871</v>
      </c>
      <c r="E497" cm="1">
        <f t="array" ref="E497">IFERROR(INDEX(Jesper!AI$2:AI$366,ROUNDDOWN($C497/24,0)+1,1)*INDEX($D$3:$AA$30,INDEX(Jesper!$R$2:$R$366,ROW(INDEX(Jesper!AI$2:AI$366,ROUNDDOWN($C497/24,0)+1,1))-1)+IF('Standard Profiles'!$G$19=$B$10,7,0)+IF('Standard Profiles'!$G$19=$B$17,14,0)+IF('Standard Profiles'!$G$19=$B$24,21,0),MOD($C497,24)+1)/SUM(INDEX($D$3:$AA$30,INDEX(Jesper!$R$2:$R$366,ROW(INDEX(Jesper!AI$2:AI$366,ROUNDDOWN($C497/24,0)+1,1))-1)+IF('Standard Profiles'!$G$19=$B$10,7,0)+IF('Standard Profiles'!$G$19=$B$17,14,0)+IF('Standard Profiles'!$G$19=$B$24,21,0),0)),0)</f>
        <v>3.325629392744323</v>
      </c>
      <c r="F497" cm="1">
        <f t="array" ref="F497">IFERROR(INDEX(Jesper!AJ$2:AJ$366,ROUNDDOWN($C497/24,0)+1,1)*INDEX($D$3:$AA$30,INDEX(Jesper!$R$2:$R$366,ROW(INDEX(Jesper!AJ$2:AJ$366,ROUNDDOWN($C497/24,0)+1,1))-1)+IF('Standard Profiles'!$G$20=$B$10,7,0)+IF('Standard Profiles'!$G$20=$B$17,14,0)+IF('Standard Profiles'!$G$20=$B$24,21,0),MOD($C497,24)+1)/SUM(INDEX($D$3:$AA$30,INDEX(Jesper!$R$2:$R$366,ROW(INDEX(Jesper!AJ$2:AJ$366,ROUNDDOWN($C497/24,0)+1,1))-1)+IF('Standard Profiles'!$G$20=$B$10,7,0)+IF('Standard Profiles'!$G$20=$B$17,14,0)+IF('Standard Profiles'!$G$20=$B$24,21,0),0)),0)</f>
        <v>0</v>
      </c>
      <c r="G497" cm="1">
        <f t="array" ref="G497">IFERROR(INDEX(Jesper!AK$2:AK$366,ROUNDDOWN($C497/24,0)+1,1)*INDEX($D$3:$AA$30,INDEX(Jesper!$R$2:$R$366,ROW(INDEX(Jesper!AK$2:AK$366,ROUNDDOWN($C497/24,0)+1,1))-1)+IF('Standard Profiles'!$G$21=$B$10,7,0)+IF('Standard Profiles'!$G$21=$B$17,14,0)+IF('Standard Profiles'!$G$21=$B$24,21,0),MOD($C497,24)+1)/SUM(INDEX($D$3:$AA$30,INDEX(Jesper!$R$2:$R$366,ROW(INDEX(Jesper!AK$2:AK$366,ROUNDDOWN($C497/24,0)+1,1))-1)+IF('Standard Profiles'!$G$21=$B$10,7,0)+IF('Standard Profiles'!$G$21=$B$17,14,0)+IF('Standard Profiles'!$G$21=$B$24,21,0),0)),0)</f>
        <v>0</v>
      </c>
      <c r="H497" cm="1">
        <f t="array" ref="H497">IFERROR(INDEX(Jesper!AL$2:AL$366,ROUNDDOWN($C497/24,0)+1,1)*INDEX($D$3:$AA$30,INDEX(Jesper!$R$2:$R$366,ROW(INDEX(Jesper!AL$2:AL$366,ROUNDDOWN($C497/24,0)+1,1))-1)+IF('Standard Profiles'!$G$22=$B$10,7,0)+IF('Standard Profiles'!$G$22=$B$17,14,0)+IF('Standard Profiles'!$G$22=$B$24,21,0),MOD($C497,24)+1)/SUM(INDEX($D$3:$AA$30,INDEX(Jesper!$R$2:$R$366,ROW(INDEX(Jesper!AL$2:AL$366,ROUNDDOWN($C497/24,0)+1,1))-1)+IF('Standard Profiles'!$G$22=$B$10,7,0)+IF('Standard Profiles'!$G$22=$B$17,14,0)+IF('Standard Profiles'!$G$22=$B$24,21,0),0)),0)</f>
        <v>0</v>
      </c>
      <c r="I497">
        <f t="shared" si="69"/>
        <v>0.29960625159858773</v>
      </c>
      <c r="J497">
        <f t="shared" si="70"/>
        <v>0.99868750532862594</v>
      </c>
      <c r="K497">
        <f t="shared" si="71"/>
        <v>1.4980312579929389</v>
      </c>
      <c r="L497">
        <f t="shared" si="72"/>
        <v>15.265047687805041</v>
      </c>
      <c r="M497">
        <f t="shared" si="73"/>
        <v>0</v>
      </c>
      <c r="N497" s="46">
        <f t="shared" si="74"/>
        <v>45311.291666665544</v>
      </c>
    </row>
    <row r="498" spans="2:14" x14ac:dyDescent="0.3">
      <c r="B498">
        <f t="shared" si="68"/>
        <v>6</v>
      </c>
      <c r="C498" s="16">
        <v>464</v>
      </c>
      <c r="D498" cm="1">
        <f t="array" ref="D498">IFERROR(INDEX(Jesper!AH$2:AH$366,ROUNDDOWN($C498/24,0)+1,1)*INDEX($D$3:$AA$30,INDEX(Jesper!$R$2:$R$366,ROW(INDEX(Jesper!AH$2:AH$366,ROUNDDOWN($C498/24,0)+1,1))-1)+IF('Standard Profiles'!$G$18=$B$10,7,0)+IF('Standard Profiles'!$G$18=$B$17,14,0)+IF('Standard Profiles'!$G$18=$B$24,21,0),MOD($C498,24)+1)/SUM(INDEX($D$3:$AA$30,INDEX(Jesper!$R$2:$R$366,ROW(INDEX(Jesper!AH$2:AH$366,ROUNDDOWN($C498/24,0)+1,1))-1)+IF('Standard Profiles'!$G$18=$B$10,7,0)+IF('Standard Profiles'!$G$18=$B$17,14,0)+IF('Standard Profiles'!$G$18=$B$24,21,0),0)),0)</f>
        <v>14.735743309980871</v>
      </c>
      <c r="E498" cm="1">
        <f t="array" ref="E498">IFERROR(INDEX(Jesper!AI$2:AI$366,ROUNDDOWN($C498/24,0)+1,1)*INDEX($D$3:$AA$30,INDEX(Jesper!$R$2:$R$366,ROW(INDEX(Jesper!AI$2:AI$366,ROUNDDOWN($C498/24,0)+1,1))-1)+IF('Standard Profiles'!$G$19=$B$10,7,0)+IF('Standard Profiles'!$G$19=$B$17,14,0)+IF('Standard Profiles'!$G$19=$B$24,21,0),MOD($C498,24)+1)/SUM(INDEX($D$3:$AA$30,INDEX(Jesper!$R$2:$R$366,ROW(INDEX(Jesper!AI$2:AI$366,ROUNDDOWN($C498/24,0)+1,1))-1)+IF('Standard Profiles'!$G$19=$B$10,7,0)+IF('Standard Profiles'!$G$19=$B$17,14,0)+IF('Standard Profiles'!$G$19=$B$24,21,0),0)),0)</f>
        <v>3.325629392744323</v>
      </c>
      <c r="F498" cm="1">
        <f t="array" ref="F498">IFERROR(INDEX(Jesper!AJ$2:AJ$366,ROUNDDOWN($C498/24,0)+1,1)*INDEX($D$3:$AA$30,INDEX(Jesper!$R$2:$R$366,ROW(INDEX(Jesper!AJ$2:AJ$366,ROUNDDOWN($C498/24,0)+1,1))-1)+IF('Standard Profiles'!$G$20=$B$10,7,0)+IF('Standard Profiles'!$G$20=$B$17,14,0)+IF('Standard Profiles'!$G$20=$B$24,21,0),MOD($C498,24)+1)/SUM(INDEX($D$3:$AA$30,INDEX(Jesper!$R$2:$R$366,ROW(INDEX(Jesper!AJ$2:AJ$366,ROUNDDOWN($C498/24,0)+1,1))-1)+IF('Standard Profiles'!$G$20=$B$10,7,0)+IF('Standard Profiles'!$G$20=$B$17,14,0)+IF('Standard Profiles'!$G$20=$B$24,21,0),0)),0)</f>
        <v>0</v>
      </c>
      <c r="G498" cm="1">
        <f t="array" ref="G498">IFERROR(INDEX(Jesper!AK$2:AK$366,ROUNDDOWN($C498/24,0)+1,1)*INDEX($D$3:$AA$30,INDEX(Jesper!$R$2:$R$366,ROW(INDEX(Jesper!AK$2:AK$366,ROUNDDOWN($C498/24,0)+1,1))-1)+IF('Standard Profiles'!$G$21=$B$10,7,0)+IF('Standard Profiles'!$G$21=$B$17,14,0)+IF('Standard Profiles'!$G$21=$B$24,21,0),MOD($C498,24)+1)/SUM(INDEX($D$3:$AA$30,INDEX(Jesper!$R$2:$R$366,ROW(INDEX(Jesper!AK$2:AK$366,ROUNDDOWN($C498/24,0)+1,1))-1)+IF('Standard Profiles'!$G$21=$B$10,7,0)+IF('Standard Profiles'!$G$21=$B$17,14,0)+IF('Standard Profiles'!$G$21=$B$24,21,0),0)),0)</f>
        <v>0</v>
      </c>
      <c r="H498" cm="1">
        <f t="array" ref="H498">IFERROR(INDEX(Jesper!AL$2:AL$366,ROUNDDOWN($C498/24,0)+1,1)*INDEX($D$3:$AA$30,INDEX(Jesper!$R$2:$R$366,ROW(INDEX(Jesper!AL$2:AL$366,ROUNDDOWN($C498/24,0)+1,1))-1)+IF('Standard Profiles'!$G$22=$B$10,7,0)+IF('Standard Profiles'!$G$22=$B$17,14,0)+IF('Standard Profiles'!$G$22=$B$24,21,0),MOD($C498,24)+1)/SUM(INDEX($D$3:$AA$30,INDEX(Jesper!$R$2:$R$366,ROW(INDEX(Jesper!AL$2:AL$366,ROUNDDOWN($C498/24,0)+1,1))-1)+IF('Standard Profiles'!$G$22=$B$10,7,0)+IF('Standard Profiles'!$G$22=$B$17,14,0)+IF('Standard Profiles'!$G$22=$B$24,21,0),0)),0)</f>
        <v>0</v>
      </c>
      <c r="I498">
        <f t="shared" si="69"/>
        <v>0.29960625159858773</v>
      </c>
      <c r="J498">
        <f t="shared" si="70"/>
        <v>0.99868750532862594</v>
      </c>
      <c r="K498">
        <f t="shared" si="71"/>
        <v>1.4980312579929389</v>
      </c>
      <c r="L498">
        <f t="shared" si="72"/>
        <v>15.265047687805041</v>
      </c>
      <c r="M498">
        <f t="shared" si="73"/>
        <v>0</v>
      </c>
      <c r="N498" s="46">
        <f t="shared" si="74"/>
        <v>45311.333333332208</v>
      </c>
    </row>
    <row r="499" spans="2:14" x14ac:dyDescent="0.3">
      <c r="B499">
        <f t="shared" si="68"/>
        <v>6</v>
      </c>
      <c r="C499" s="16">
        <v>465</v>
      </c>
      <c r="D499" cm="1">
        <f t="array" ref="D499">IFERROR(INDEX(Jesper!AH$2:AH$366,ROUNDDOWN($C499/24,0)+1,1)*INDEX($D$3:$AA$30,INDEX(Jesper!$R$2:$R$366,ROW(INDEX(Jesper!AH$2:AH$366,ROUNDDOWN($C499/24,0)+1,1))-1)+IF('Standard Profiles'!$G$18=$B$10,7,0)+IF('Standard Profiles'!$G$18=$B$17,14,0)+IF('Standard Profiles'!$G$18=$B$24,21,0),MOD($C499,24)+1)/SUM(INDEX($D$3:$AA$30,INDEX(Jesper!$R$2:$R$366,ROW(INDEX(Jesper!AH$2:AH$366,ROUNDDOWN($C499/24,0)+1,1))-1)+IF('Standard Profiles'!$G$18=$B$10,7,0)+IF('Standard Profiles'!$G$18=$B$17,14,0)+IF('Standard Profiles'!$G$18=$B$24,21,0),0)),0)</f>
        <v>14.735743309980871</v>
      </c>
      <c r="E499" cm="1">
        <f t="array" ref="E499">IFERROR(INDEX(Jesper!AI$2:AI$366,ROUNDDOWN($C499/24,0)+1,1)*INDEX($D$3:$AA$30,INDEX(Jesper!$R$2:$R$366,ROW(INDEX(Jesper!AI$2:AI$366,ROUNDDOWN($C499/24,0)+1,1))-1)+IF('Standard Profiles'!$G$19=$B$10,7,0)+IF('Standard Profiles'!$G$19=$B$17,14,0)+IF('Standard Profiles'!$G$19=$B$24,21,0),MOD($C499,24)+1)/SUM(INDEX($D$3:$AA$30,INDEX(Jesper!$R$2:$R$366,ROW(INDEX(Jesper!AI$2:AI$366,ROUNDDOWN($C499/24,0)+1,1))-1)+IF('Standard Profiles'!$G$19=$B$10,7,0)+IF('Standard Profiles'!$G$19=$B$17,14,0)+IF('Standard Profiles'!$G$19=$B$24,21,0),0)),0)</f>
        <v>3.325629392744323</v>
      </c>
      <c r="F499" cm="1">
        <f t="array" ref="F499">IFERROR(INDEX(Jesper!AJ$2:AJ$366,ROUNDDOWN($C499/24,0)+1,1)*INDEX($D$3:$AA$30,INDEX(Jesper!$R$2:$R$366,ROW(INDEX(Jesper!AJ$2:AJ$366,ROUNDDOWN($C499/24,0)+1,1))-1)+IF('Standard Profiles'!$G$20=$B$10,7,0)+IF('Standard Profiles'!$G$20=$B$17,14,0)+IF('Standard Profiles'!$G$20=$B$24,21,0),MOD($C499,24)+1)/SUM(INDEX($D$3:$AA$30,INDEX(Jesper!$R$2:$R$366,ROW(INDEX(Jesper!AJ$2:AJ$366,ROUNDDOWN($C499/24,0)+1,1))-1)+IF('Standard Profiles'!$G$20=$B$10,7,0)+IF('Standard Profiles'!$G$20=$B$17,14,0)+IF('Standard Profiles'!$G$20=$B$24,21,0),0)),0)</f>
        <v>0</v>
      </c>
      <c r="G499" cm="1">
        <f t="array" ref="G499">IFERROR(INDEX(Jesper!AK$2:AK$366,ROUNDDOWN($C499/24,0)+1,1)*INDEX($D$3:$AA$30,INDEX(Jesper!$R$2:$R$366,ROW(INDEX(Jesper!AK$2:AK$366,ROUNDDOWN($C499/24,0)+1,1))-1)+IF('Standard Profiles'!$G$21=$B$10,7,0)+IF('Standard Profiles'!$G$21=$B$17,14,0)+IF('Standard Profiles'!$G$21=$B$24,21,0),MOD($C499,24)+1)/SUM(INDEX($D$3:$AA$30,INDEX(Jesper!$R$2:$R$366,ROW(INDEX(Jesper!AK$2:AK$366,ROUNDDOWN($C499/24,0)+1,1))-1)+IF('Standard Profiles'!$G$21=$B$10,7,0)+IF('Standard Profiles'!$G$21=$B$17,14,0)+IF('Standard Profiles'!$G$21=$B$24,21,0),0)),0)</f>
        <v>0</v>
      </c>
      <c r="H499" cm="1">
        <f t="array" ref="H499">IFERROR(INDEX(Jesper!AL$2:AL$366,ROUNDDOWN($C499/24,0)+1,1)*INDEX($D$3:$AA$30,INDEX(Jesper!$R$2:$R$366,ROW(INDEX(Jesper!AL$2:AL$366,ROUNDDOWN($C499/24,0)+1,1))-1)+IF('Standard Profiles'!$G$22=$B$10,7,0)+IF('Standard Profiles'!$G$22=$B$17,14,0)+IF('Standard Profiles'!$G$22=$B$24,21,0),MOD($C499,24)+1)/SUM(INDEX($D$3:$AA$30,INDEX(Jesper!$R$2:$R$366,ROW(INDEX(Jesper!AL$2:AL$366,ROUNDDOWN($C499/24,0)+1,1))-1)+IF('Standard Profiles'!$G$22=$B$10,7,0)+IF('Standard Profiles'!$G$22=$B$17,14,0)+IF('Standard Profiles'!$G$22=$B$24,21,0),0)),0)</f>
        <v>0</v>
      </c>
      <c r="I499">
        <f t="shared" si="69"/>
        <v>0.29960625159858773</v>
      </c>
      <c r="J499">
        <f t="shared" si="70"/>
        <v>0.99868750532862594</v>
      </c>
      <c r="K499">
        <f t="shared" si="71"/>
        <v>1.4980312579929389</v>
      </c>
      <c r="L499">
        <f t="shared" si="72"/>
        <v>15.265047687805041</v>
      </c>
      <c r="M499">
        <f t="shared" si="73"/>
        <v>0</v>
      </c>
      <c r="N499" s="46">
        <f t="shared" si="74"/>
        <v>45311.374999998872</v>
      </c>
    </row>
    <row r="500" spans="2:14" x14ac:dyDescent="0.3">
      <c r="B500">
        <f t="shared" si="68"/>
        <v>6</v>
      </c>
      <c r="C500" s="16">
        <v>466</v>
      </c>
      <c r="D500" cm="1">
        <f t="array" ref="D500">IFERROR(INDEX(Jesper!AH$2:AH$366,ROUNDDOWN($C500/24,0)+1,1)*INDEX($D$3:$AA$30,INDEX(Jesper!$R$2:$R$366,ROW(INDEX(Jesper!AH$2:AH$366,ROUNDDOWN($C500/24,0)+1,1))-1)+IF('Standard Profiles'!$G$18=$B$10,7,0)+IF('Standard Profiles'!$G$18=$B$17,14,0)+IF('Standard Profiles'!$G$18=$B$24,21,0),MOD($C500,24)+1)/SUM(INDEX($D$3:$AA$30,INDEX(Jesper!$R$2:$R$366,ROW(INDEX(Jesper!AH$2:AH$366,ROUNDDOWN($C500/24,0)+1,1))-1)+IF('Standard Profiles'!$G$18=$B$10,7,0)+IF('Standard Profiles'!$G$18=$B$17,14,0)+IF('Standard Profiles'!$G$18=$B$24,21,0),0)),0)</f>
        <v>14.735743309980871</v>
      </c>
      <c r="E500" cm="1">
        <f t="array" ref="E500">IFERROR(INDEX(Jesper!AI$2:AI$366,ROUNDDOWN($C500/24,0)+1,1)*INDEX($D$3:$AA$30,INDEX(Jesper!$R$2:$R$366,ROW(INDEX(Jesper!AI$2:AI$366,ROUNDDOWN($C500/24,0)+1,1))-1)+IF('Standard Profiles'!$G$19=$B$10,7,0)+IF('Standard Profiles'!$G$19=$B$17,14,0)+IF('Standard Profiles'!$G$19=$B$24,21,0),MOD($C500,24)+1)/SUM(INDEX($D$3:$AA$30,INDEX(Jesper!$R$2:$R$366,ROW(INDEX(Jesper!AI$2:AI$366,ROUNDDOWN($C500/24,0)+1,1))-1)+IF('Standard Profiles'!$G$19=$B$10,7,0)+IF('Standard Profiles'!$G$19=$B$17,14,0)+IF('Standard Profiles'!$G$19=$B$24,21,0),0)),0)</f>
        <v>3.325629392744323</v>
      </c>
      <c r="F500" cm="1">
        <f t="array" ref="F500">IFERROR(INDEX(Jesper!AJ$2:AJ$366,ROUNDDOWN($C500/24,0)+1,1)*INDEX($D$3:$AA$30,INDEX(Jesper!$R$2:$R$366,ROW(INDEX(Jesper!AJ$2:AJ$366,ROUNDDOWN($C500/24,0)+1,1))-1)+IF('Standard Profiles'!$G$20=$B$10,7,0)+IF('Standard Profiles'!$G$20=$B$17,14,0)+IF('Standard Profiles'!$G$20=$B$24,21,0),MOD($C500,24)+1)/SUM(INDEX($D$3:$AA$30,INDEX(Jesper!$R$2:$R$366,ROW(INDEX(Jesper!AJ$2:AJ$366,ROUNDDOWN($C500/24,0)+1,1))-1)+IF('Standard Profiles'!$G$20=$B$10,7,0)+IF('Standard Profiles'!$G$20=$B$17,14,0)+IF('Standard Profiles'!$G$20=$B$24,21,0),0)),0)</f>
        <v>0</v>
      </c>
      <c r="G500" cm="1">
        <f t="array" ref="G500">IFERROR(INDEX(Jesper!AK$2:AK$366,ROUNDDOWN($C500/24,0)+1,1)*INDEX($D$3:$AA$30,INDEX(Jesper!$R$2:$R$366,ROW(INDEX(Jesper!AK$2:AK$366,ROUNDDOWN($C500/24,0)+1,1))-1)+IF('Standard Profiles'!$G$21=$B$10,7,0)+IF('Standard Profiles'!$G$21=$B$17,14,0)+IF('Standard Profiles'!$G$21=$B$24,21,0),MOD($C500,24)+1)/SUM(INDEX($D$3:$AA$30,INDEX(Jesper!$R$2:$R$366,ROW(INDEX(Jesper!AK$2:AK$366,ROUNDDOWN($C500/24,0)+1,1))-1)+IF('Standard Profiles'!$G$21=$B$10,7,0)+IF('Standard Profiles'!$G$21=$B$17,14,0)+IF('Standard Profiles'!$G$21=$B$24,21,0),0)),0)</f>
        <v>0</v>
      </c>
      <c r="H500" cm="1">
        <f t="array" ref="H500">IFERROR(INDEX(Jesper!AL$2:AL$366,ROUNDDOWN($C500/24,0)+1,1)*INDEX($D$3:$AA$30,INDEX(Jesper!$R$2:$R$366,ROW(INDEX(Jesper!AL$2:AL$366,ROUNDDOWN($C500/24,0)+1,1))-1)+IF('Standard Profiles'!$G$22=$B$10,7,0)+IF('Standard Profiles'!$G$22=$B$17,14,0)+IF('Standard Profiles'!$G$22=$B$24,21,0),MOD($C500,24)+1)/SUM(INDEX($D$3:$AA$30,INDEX(Jesper!$R$2:$R$366,ROW(INDEX(Jesper!AL$2:AL$366,ROUNDDOWN($C500/24,0)+1,1))-1)+IF('Standard Profiles'!$G$22=$B$10,7,0)+IF('Standard Profiles'!$G$22=$B$17,14,0)+IF('Standard Profiles'!$G$22=$B$24,21,0),0)),0)</f>
        <v>0</v>
      </c>
      <c r="I500">
        <f t="shared" si="69"/>
        <v>0.29960625159858773</v>
      </c>
      <c r="J500">
        <f t="shared" si="70"/>
        <v>0.99868750532862594</v>
      </c>
      <c r="K500">
        <f t="shared" si="71"/>
        <v>1.4980312579929389</v>
      </c>
      <c r="L500">
        <f t="shared" si="72"/>
        <v>15.265047687805041</v>
      </c>
      <c r="M500">
        <f t="shared" si="73"/>
        <v>0</v>
      </c>
      <c r="N500" s="46">
        <f t="shared" si="74"/>
        <v>45311.416666665536</v>
      </c>
    </row>
    <row r="501" spans="2:14" x14ac:dyDescent="0.3">
      <c r="B501">
        <f t="shared" si="68"/>
        <v>6</v>
      </c>
      <c r="C501" s="16">
        <v>467</v>
      </c>
      <c r="D501" cm="1">
        <f t="array" ref="D501">IFERROR(INDEX(Jesper!AH$2:AH$366,ROUNDDOWN($C501/24,0)+1,1)*INDEX($D$3:$AA$30,INDEX(Jesper!$R$2:$R$366,ROW(INDEX(Jesper!AH$2:AH$366,ROUNDDOWN($C501/24,0)+1,1))-1)+IF('Standard Profiles'!$G$18=$B$10,7,0)+IF('Standard Profiles'!$G$18=$B$17,14,0)+IF('Standard Profiles'!$G$18=$B$24,21,0),MOD($C501,24)+1)/SUM(INDEX($D$3:$AA$30,INDEX(Jesper!$R$2:$R$366,ROW(INDEX(Jesper!AH$2:AH$366,ROUNDDOWN($C501/24,0)+1,1))-1)+IF('Standard Profiles'!$G$18=$B$10,7,0)+IF('Standard Profiles'!$G$18=$B$17,14,0)+IF('Standard Profiles'!$G$18=$B$24,21,0),0)),0)</f>
        <v>14.735743309980871</v>
      </c>
      <c r="E501" cm="1">
        <f t="array" ref="E501">IFERROR(INDEX(Jesper!AI$2:AI$366,ROUNDDOWN($C501/24,0)+1,1)*INDEX($D$3:$AA$30,INDEX(Jesper!$R$2:$R$366,ROW(INDEX(Jesper!AI$2:AI$366,ROUNDDOWN($C501/24,0)+1,1))-1)+IF('Standard Profiles'!$G$19=$B$10,7,0)+IF('Standard Profiles'!$G$19=$B$17,14,0)+IF('Standard Profiles'!$G$19=$B$24,21,0),MOD($C501,24)+1)/SUM(INDEX($D$3:$AA$30,INDEX(Jesper!$R$2:$R$366,ROW(INDEX(Jesper!AI$2:AI$366,ROUNDDOWN($C501/24,0)+1,1))-1)+IF('Standard Profiles'!$G$19=$B$10,7,0)+IF('Standard Profiles'!$G$19=$B$17,14,0)+IF('Standard Profiles'!$G$19=$B$24,21,0),0)),0)</f>
        <v>3.325629392744323</v>
      </c>
      <c r="F501" cm="1">
        <f t="array" ref="F501">IFERROR(INDEX(Jesper!AJ$2:AJ$366,ROUNDDOWN($C501/24,0)+1,1)*INDEX($D$3:$AA$30,INDEX(Jesper!$R$2:$R$366,ROW(INDEX(Jesper!AJ$2:AJ$366,ROUNDDOWN($C501/24,0)+1,1))-1)+IF('Standard Profiles'!$G$20=$B$10,7,0)+IF('Standard Profiles'!$G$20=$B$17,14,0)+IF('Standard Profiles'!$G$20=$B$24,21,0),MOD($C501,24)+1)/SUM(INDEX($D$3:$AA$30,INDEX(Jesper!$R$2:$R$366,ROW(INDEX(Jesper!AJ$2:AJ$366,ROUNDDOWN($C501/24,0)+1,1))-1)+IF('Standard Profiles'!$G$20=$B$10,7,0)+IF('Standard Profiles'!$G$20=$B$17,14,0)+IF('Standard Profiles'!$G$20=$B$24,21,0),0)),0)</f>
        <v>0</v>
      </c>
      <c r="G501" cm="1">
        <f t="array" ref="G501">IFERROR(INDEX(Jesper!AK$2:AK$366,ROUNDDOWN($C501/24,0)+1,1)*INDEX($D$3:$AA$30,INDEX(Jesper!$R$2:$R$366,ROW(INDEX(Jesper!AK$2:AK$366,ROUNDDOWN($C501/24,0)+1,1))-1)+IF('Standard Profiles'!$G$21=$B$10,7,0)+IF('Standard Profiles'!$G$21=$B$17,14,0)+IF('Standard Profiles'!$G$21=$B$24,21,0),MOD($C501,24)+1)/SUM(INDEX($D$3:$AA$30,INDEX(Jesper!$R$2:$R$366,ROW(INDEX(Jesper!AK$2:AK$366,ROUNDDOWN($C501/24,0)+1,1))-1)+IF('Standard Profiles'!$G$21=$B$10,7,0)+IF('Standard Profiles'!$G$21=$B$17,14,0)+IF('Standard Profiles'!$G$21=$B$24,21,0),0)),0)</f>
        <v>0</v>
      </c>
      <c r="H501" cm="1">
        <f t="array" ref="H501">IFERROR(INDEX(Jesper!AL$2:AL$366,ROUNDDOWN($C501/24,0)+1,1)*INDEX($D$3:$AA$30,INDEX(Jesper!$R$2:$R$366,ROW(INDEX(Jesper!AL$2:AL$366,ROUNDDOWN($C501/24,0)+1,1))-1)+IF('Standard Profiles'!$G$22=$B$10,7,0)+IF('Standard Profiles'!$G$22=$B$17,14,0)+IF('Standard Profiles'!$G$22=$B$24,21,0),MOD($C501,24)+1)/SUM(INDEX($D$3:$AA$30,INDEX(Jesper!$R$2:$R$366,ROW(INDEX(Jesper!AL$2:AL$366,ROUNDDOWN($C501/24,0)+1,1))-1)+IF('Standard Profiles'!$G$22=$B$10,7,0)+IF('Standard Profiles'!$G$22=$B$17,14,0)+IF('Standard Profiles'!$G$22=$B$24,21,0),0)),0)</f>
        <v>0</v>
      </c>
      <c r="I501">
        <f t="shared" si="69"/>
        <v>0.29960625159858773</v>
      </c>
      <c r="J501">
        <f t="shared" si="70"/>
        <v>0.99868750532862594</v>
      </c>
      <c r="K501">
        <f t="shared" si="71"/>
        <v>1.4980312579929389</v>
      </c>
      <c r="L501">
        <f t="shared" si="72"/>
        <v>15.265047687805041</v>
      </c>
      <c r="M501">
        <f t="shared" si="73"/>
        <v>0</v>
      </c>
      <c r="N501" s="46">
        <f t="shared" si="74"/>
        <v>45311.458333332201</v>
      </c>
    </row>
    <row r="502" spans="2:14" x14ac:dyDescent="0.3">
      <c r="B502">
        <f t="shared" si="68"/>
        <v>6</v>
      </c>
      <c r="C502" s="16">
        <v>468</v>
      </c>
      <c r="D502" cm="1">
        <f t="array" ref="D502">IFERROR(INDEX(Jesper!AH$2:AH$366,ROUNDDOWN($C502/24,0)+1,1)*INDEX($D$3:$AA$30,INDEX(Jesper!$R$2:$R$366,ROW(INDEX(Jesper!AH$2:AH$366,ROUNDDOWN($C502/24,0)+1,1))-1)+IF('Standard Profiles'!$G$18=$B$10,7,0)+IF('Standard Profiles'!$G$18=$B$17,14,0)+IF('Standard Profiles'!$G$18=$B$24,21,0),MOD($C502,24)+1)/SUM(INDEX($D$3:$AA$30,INDEX(Jesper!$R$2:$R$366,ROW(INDEX(Jesper!AH$2:AH$366,ROUNDDOWN($C502/24,0)+1,1))-1)+IF('Standard Profiles'!$G$18=$B$10,7,0)+IF('Standard Profiles'!$G$18=$B$17,14,0)+IF('Standard Profiles'!$G$18=$B$24,21,0),0)),0)</f>
        <v>14.735743309980871</v>
      </c>
      <c r="E502" cm="1">
        <f t="array" ref="E502">IFERROR(INDEX(Jesper!AI$2:AI$366,ROUNDDOWN($C502/24,0)+1,1)*INDEX($D$3:$AA$30,INDEX(Jesper!$R$2:$R$366,ROW(INDEX(Jesper!AI$2:AI$366,ROUNDDOWN($C502/24,0)+1,1))-1)+IF('Standard Profiles'!$G$19=$B$10,7,0)+IF('Standard Profiles'!$G$19=$B$17,14,0)+IF('Standard Profiles'!$G$19=$B$24,21,0),MOD($C502,24)+1)/SUM(INDEX($D$3:$AA$30,INDEX(Jesper!$R$2:$R$366,ROW(INDEX(Jesper!AI$2:AI$366,ROUNDDOWN($C502/24,0)+1,1))-1)+IF('Standard Profiles'!$G$19=$B$10,7,0)+IF('Standard Profiles'!$G$19=$B$17,14,0)+IF('Standard Profiles'!$G$19=$B$24,21,0),0)),0)</f>
        <v>3.325629392744323</v>
      </c>
      <c r="F502" cm="1">
        <f t="array" ref="F502">IFERROR(INDEX(Jesper!AJ$2:AJ$366,ROUNDDOWN($C502/24,0)+1,1)*INDEX($D$3:$AA$30,INDEX(Jesper!$R$2:$R$366,ROW(INDEX(Jesper!AJ$2:AJ$366,ROUNDDOWN($C502/24,0)+1,1))-1)+IF('Standard Profiles'!$G$20=$B$10,7,0)+IF('Standard Profiles'!$G$20=$B$17,14,0)+IF('Standard Profiles'!$G$20=$B$24,21,0),MOD($C502,24)+1)/SUM(INDEX($D$3:$AA$30,INDEX(Jesper!$R$2:$R$366,ROW(INDEX(Jesper!AJ$2:AJ$366,ROUNDDOWN($C502/24,0)+1,1))-1)+IF('Standard Profiles'!$G$20=$B$10,7,0)+IF('Standard Profiles'!$G$20=$B$17,14,0)+IF('Standard Profiles'!$G$20=$B$24,21,0),0)),0)</f>
        <v>0</v>
      </c>
      <c r="G502" cm="1">
        <f t="array" ref="G502">IFERROR(INDEX(Jesper!AK$2:AK$366,ROUNDDOWN($C502/24,0)+1,1)*INDEX($D$3:$AA$30,INDEX(Jesper!$R$2:$R$366,ROW(INDEX(Jesper!AK$2:AK$366,ROUNDDOWN($C502/24,0)+1,1))-1)+IF('Standard Profiles'!$G$21=$B$10,7,0)+IF('Standard Profiles'!$G$21=$B$17,14,0)+IF('Standard Profiles'!$G$21=$B$24,21,0),MOD($C502,24)+1)/SUM(INDEX($D$3:$AA$30,INDEX(Jesper!$R$2:$R$366,ROW(INDEX(Jesper!AK$2:AK$366,ROUNDDOWN($C502/24,0)+1,1))-1)+IF('Standard Profiles'!$G$21=$B$10,7,0)+IF('Standard Profiles'!$G$21=$B$17,14,0)+IF('Standard Profiles'!$G$21=$B$24,21,0),0)),0)</f>
        <v>0</v>
      </c>
      <c r="H502" cm="1">
        <f t="array" ref="H502">IFERROR(INDEX(Jesper!AL$2:AL$366,ROUNDDOWN($C502/24,0)+1,1)*INDEX($D$3:$AA$30,INDEX(Jesper!$R$2:$R$366,ROW(INDEX(Jesper!AL$2:AL$366,ROUNDDOWN($C502/24,0)+1,1))-1)+IF('Standard Profiles'!$G$22=$B$10,7,0)+IF('Standard Profiles'!$G$22=$B$17,14,0)+IF('Standard Profiles'!$G$22=$B$24,21,0),MOD($C502,24)+1)/SUM(INDEX($D$3:$AA$30,INDEX(Jesper!$R$2:$R$366,ROW(INDEX(Jesper!AL$2:AL$366,ROUNDDOWN($C502/24,0)+1,1))-1)+IF('Standard Profiles'!$G$22=$B$10,7,0)+IF('Standard Profiles'!$G$22=$B$17,14,0)+IF('Standard Profiles'!$G$22=$B$24,21,0),0)),0)</f>
        <v>0</v>
      </c>
      <c r="I502">
        <f t="shared" si="69"/>
        <v>0.29960625159858773</v>
      </c>
      <c r="J502">
        <f t="shared" si="70"/>
        <v>0.99868750532862594</v>
      </c>
      <c r="K502">
        <f t="shared" si="71"/>
        <v>1.4980312579929389</v>
      </c>
      <c r="L502">
        <f t="shared" si="72"/>
        <v>15.265047687805041</v>
      </c>
      <c r="M502">
        <f t="shared" si="73"/>
        <v>0</v>
      </c>
      <c r="N502" s="46">
        <f t="shared" si="74"/>
        <v>45311.499999998865</v>
      </c>
    </row>
    <row r="503" spans="2:14" x14ac:dyDescent="0.3">
      <c r="B503">
        <f t="shared" si="68"/>
        <v>6</v>
      </c>
      <c r="C503" s="16">
        <v>469</v>
      </c>
      <c r="D503" cm="1">
        <f t="array" ref="D503">IFERROR(INDEX(Jesper!AH$2:AH$366,ROUNDDOWN($C503/24,0)+1,1)*INDEX($D$3:$AA$30,INDEX(Jesper!$R$2:$R$366,ROW(INDEX(Jesper!AH$2:AH$366,ROUNDDOWN($C503/24,0)+1,1))-1)+IF('Standard Profiles'!$G$18=$B$10,7,0)+IF('Standard Profiles'!$G$18=$B$17,14,0)+IF('Standard Profiles'!$G$18=$B$24,21,0),MOD($C503,24)+1)/SUM(INDEX($D$3:$AA$30,INDEX(Jesper!$R$2:$R$366,ROW(INDEX(Jesper!AH$2:AH$366,ROUNDDOWN($C503/24,0)+1,1))-1)+IF('Standard Profiles'!$G$18=$B$10,7,0)+IF('Standard Profiles'!$G$18=$B$17,14,0)+IF('Standard Profiles'!$G$18=$B$24,21,0),0)),0)</f>
        <v>14.735743309980871</v>
      </c>
      <c r="E503" cm="1">
        <f t="array" ref="E503">IFERROR(INDEX(Jesper!AI$2:AI$366,ROUNDDOWN($C503/24,0)+1,1)*INDEX($D$3:$AA$30,INDEX(Jesper!$R$2:$R$366,ROW(INDEX(Jesper!AI$2:AI$366,ROUNDDOWN($C503/24,0)+1,1))-1)+IF('Standard Profiles'!$G$19=$B$10,7,0)+IF('Standard Profiles'!$G$19=$B$17,14,0)+IF('Standard Profiles'!$G$19=$B$24,21,0),MOD($C503,24)+1)/SUM(INDEX($D$3:$AA$30,INDEX(Jesper!$R$2:$R$366,ROW(INDEX(Jesper!AI$2:AI$366,ROUNDDOWN($C503/24,0)+1,1))-1)+IF('Standard Profiles'!$G$19=$B$10,7,0)+IF('Standard Profiles'!$G$19=$B$17,14,0)+IF('Standard Profiles'!$G$19=$B$24,21,0),0)),0)</f>
        <v>3.325629392744323</v>
      </c>
      <c r="F503" cm="1">
        <f t="array" ref="F503">IFERROR(INDEX(Jesper!AJ$2:AJ$366,ROUNDDOWN($C503/24,0)+1,1)*INDEX($D$3:$AA$30,INDEX(Jesper!$R$2:$R$366,ROW(INDEX(Jesper!AJ$2:AJ$366,ROUNDDOWN($C503/24,0)+1,1))-1)+IF('Standard Profiles'!$G$20=$B$10,7,0)+IF('Standard Profiles'!$G$20=$B$17,14,0)+IF('Standard Profiles'!$G$20=$B$24,21,0),MOD($C503,24)+1)/SUM(INDEX($D$3:$AA$30,INDEX(Jesper!$R$2:$R$366,ROW(INDEX(Jesper!AJ$2:AJ$366,ROUNDDOWN($C503/24,0)+1,1))-1)+IF('Standard Profiles'!$G$20=$B$10,7,0)+IF('Standard Profiles'!$G$20=$B$17,14,0)+IF('Standard Profiles'!$G$20=$B$24,21,0),0)),0)</f>
        <v>0</v>
      </c>
      <c r="G503" cm="1">
        <f t="array" ref="G503">IFERROR(INDEX(Jesper!AK$2:AK$366,ROUNDDOWN($C503/24,0)+1,1)*INDEX($D$3:$AA$30,INDEX(Jesper!$R$2:$R$366,ROW(INDEX(Jesper!AK$2:AK$366,ROUNDDOWN($C503/24,0)+1,1))-1)+IF('Standard Profiles'!$G$21=$B$10,7,0)+IF('Standard Profiles'!$G$21=$B$17,14,0)+IF('Standard Profiles'!$G$21=$B$24,21,0),MOD($C503,24)+1)/SUM(INDEX($D$3:$AA$30,INDEX(Jesper!$R$2:$R$366,ROW(INDEX(Jesper!AK$2:AK$366,ROUNDDOWN($C503/24,0)+1,1))-1)+IF('Standard Profiles'!$G$21=$B$10,7,0)+IF('Standard Profiles'!$G$21=$B$17,14,0)+IF('Standard Profiles'!$G$21=$B$24,21,0),0)),0)</f>
        <v>0</v>
      </c>
      <c r="H503" cm="1">
        <f t="array" ref="H503">IFERROR(INDEX(Jesper!AL$2:AL$366,ROUNDDOWN($C503/24,0)+1,1)*INDEX($D$3:$AA$30,INDEX(Jesper!$R$2:$R$366,ROW(INDEX(Jesper!AL$2:AL$366,ROUNDDOWN($C503/24,0)+1,1))-1)+IF('Standard Profiles'!$G$22=$B$10,7,0)+IF('Standard Profiles'!$G$22=$B$17,14,0)+IF('Standard Profiles'!$G$22=$B$24,21,0),MOD($C503,24)+1)/SUM(INDEX($D$3:$AA$30,INDEX(Jesper!$R$2:$R$366,ROW(INDEX(Jesper!AL$2:AL$366,ROUNDDOWN($C503/24,0)+1,1))-1)+IF('Standard Profiles'!$G$22=$B$10,7,0)+IF('Standard Profiles'!$G$22=$B$17,14,0)+IF('Standard Profiles'!$G$22=$B$24,21,0),0)),0)</f>
        <v>0</v>
      </c>
      <c r="I503">
        <f t="shared" si="69"/>
        <v>0.29960625159858773</v>
      </c>
      <c r="J503">
        <f t="shared" si="70"/>
        <v>0.99868750532862594</v>
      </c>
      <c r="K503">
        <f t="shared" si="71"/>
        <v>1.4980312579929389</v>
      </c>
      <c r="L503">
        <f t="shared" si="72"/>
        <v>15.265047687805041</v>
      </c>
      <c r="M503">
        <f t="shared" si="73"/>
        <v>0</v>
      </c>
      <c r="N503" s="46">
        <f t="shared" si="74"/>
        <v>45311.541666665529</v>
      </c>
    </row>
    <row r="504" spans="2:14" x14ac:dyDescent="0.3">
      <c r="B504">
        <f t="shared" si="68"/>
        <v>6</v>
      </c>
      <c r="C504" s="16">
        <v>470</v>
      </c>
      <c r="D504" cm="1">
        <f t="array" ref="D504">IFERROR(INDEX(Jesper!AH$2:AH$366,ROUNDDOWN($C504/24,0)+1,1)*INDEX($D$3:$AA$30,INDEX(Jesper!$R$2:$R$366,ROW(INDEX(Jesper!AH$2:AH$366,ROUNDDOWN($C504/24,0)+1,1))-1)+IF('Standard Profiles'!$G$18=$B$10,7,0)+IF('Standard Profiles'!$G$18=$B$17,14,0)+IF('Standard Profiles'!$G$18=$B$24,21,0),MOD($C504,24)+1)/SUM(INDEX($D$3:$AA$30,INDEX(Jesper!$R$2:$R$366,ROW(INDEX(Jesper!AH$2:AH$366,ROUNDDOWN($C504/24,0)+1,1))-1)+IF('Standard Profiles'!$G$18=$B$10,7,0)+IF('Standard Profiles'!$G$18=$B$17,14,0)+IF('Standard Profiles'!$G$18=$B$24,21,0),0)),0)</f>
        <v>14.735743309980871</v>
      </c>
      <c r="E504" cm="1">
        <f t="array" ref="E504">IFERROR(INDEX(Jesper!AI$2:AI$366,ROUNDDOWN($C504/24,0)+1,1)*INDEX($D$3:$AA$30,INDEX(Jesper!$R$2:$R$366,ROW(INDEX(Jesper!AI$2:AI$366,ROUNDDOWN($C504/24,0)+1,1))-1)+IF('Standard Profiles'!$G$19=$B$10,7,0)+IF('Standard Profiles'!$G$19=$B$17,14,0)+IF('Standard Profiles'!$G$19=$B$24,21,0),MOD($C504,24)+1)/SUM(INDEX($D$3:$AA$30,INDEX(Jesper!$R$2:$R$366,ROW(INDEX(Jesper!AI$2:AI$366,ROUNDDOWN($C504/24,0)+1,1))-1)+IF('Standard Profiles'!$G$19=$B$10,7,0)+IF('Standard Profiles'!$G$19=$B$17,14,0)+IF('Standard Profiles'!$G$19=$B$24,21,0),0)),0)</f>
        <v>3.325629392744323</v>
      </c>
      <c r="F504" cm="1">
        <f t="array" ref="F504">IFERROR(INDEX(Jesper!AJ$2:AJ$366,ROUNDDOWN($C504/24,0)+1,1)*INDEX($D$3:$AA$30,INDEX(Jesper!$R$2:$R$366,ROW(INDEX(Jesper!AJ$2:AJ$366,ROUNDDOWN($C504/24,0)+1,1))-1)+IF('Standard Profiles'!$G$20=$B$10,7,0)+IF('Standard Profiles'!$G$20=$B$17,14,0)+IF('Standard Profiles'!$G$20=$B$24,21,0),MOD($C504,24)+1)/SUM(INDEX($D$3:$AA$30,INDEX(Jesper!$R$2:$R$366,ROW(INDEX(Jesper!AJ$2:AJ$366,ROUNDDOWN($C504/24,0)+1,1))-1)+IF('Standard Profiles'!$G$20=$B$10,7,0)+IF('Standard Profiles'!$G$20=$B$17,14,0)+IF('Standard Profiles'!$G$20=$B$24,21,0),0)),0)</f>
        <v>0</v>
      </c>
      <c r="G504" cm="1">
        <f t="array" ref="G504">IFERROR(INDEX(Jesper!AK$2:AK$366,ROUNDDOWN($C504/24,0)+1,1)*INDEX($D$3:$AA$30,INDEX(Jesper!$R$2:$R$366,ROW(INDEX(Jesper!AK$2:AK$366,ROUNDDOWN($C504/24,0)+1,1))-1)+IF('Standard Profiles'!$G$21=$B$10,7,0)+IF('Standard Profiles'!$G$21=$B$17,14,0)+IF('Standard Profiles'!$G$21=$B$24,21,0),MOD($C504,24)+1)/SUM(INDEX($D$3:$AA$30,INDEX(Jesper!$R$2:$R$366,ROW(INDEX(Jesper!AK$2:AK$366,ROUNDDOWN($C504/24,0)+1,1))-1)+IF('Standard Profiles'!$G$21=$B$10,7,0)+IF('Standard Profiles'!$G$21=$B$17,14,0)+IF('Standard Profiles'!$G$21=$B$24,21,0),0)),0)</f>
        <v>0</v>
      </c>
      <c r="H504" cm="1">
        <f t="array" ref="H504">IFERROR(INDEX(Jesper!AL$2:AL$366,ROUNDDOWN($C504/24,0)+1,1)*INDEX($D$3:$AA$30,INDEX(Jesper!$R$2:$R$366,ROW(INDEX(Jesper!AL$2:AL$366,ROUNDDOWN($C504/24,0)+1,1))-1)+IF('Standard Profiles'!$G$22=$B$10,7,0)+IF('Standard Profiles'!$G$22=$B$17,14,0)+IF('Standard Profiles'!$G$22=$B$24,21,0),MOD($C504,24)+1)/SUM(INDEX($D$3:$AA$30,INDEX(Jesper!$R$2:$R$366,ROW(INDEX(Jesper!AL$2:AL$366,ROUNDDOWN($C504/24,0)+1,1))-1)+IF('Standard Profiles'!$G$22=$B$10,7,0)+IF('Standard Profiles'!$G$22=$B$17,14,0)+IF('Standard Profiles'!$G$22=$B$24,21,0),0)),0)</f>
        <v>0</v>
      </c>
      <c r="I504">
        <f t="shared" si="69"/>
        <v>0.29960625159858773</v>
      </c>
      <c r="J504">
        <f t="shared" si="70"/>
        <v>0.99868750532862594</v>
      </c>
      <c r="K504">
        <f t="shared" si="71"/>
        <v>1.4980312579929389</v>
      </c>
      <c r="L504">
        <f t="shared" si="72"/>
        <v>15.265047687805041</v>
      </c>
      <c r="M504">
        <f t="shared" si="73"/>
        <v>0</v>
      </c>
      <c r="N504" s="46">
        <f t="shared" si="74"/>
        <v>45311.583333332193</v>
      </c>
    </row>
    <row r="505" spans="2:14" x14ac:dyDescent="0.3">
      <c r="B505">
        <f t="shared" si="68"/>
        <v>6</v>
      </c>
      <c r="C505" s="16">
        <v>471</v>
      </c>
      <c r="D505" cm="1">
        <f t="array" ref="D505">IFERROR(INDEX(Jesper!AH$2:AH$366,ROUNDDOWN($C505/24,0)+1,1)*INDEX($D$3:$AA$30,INDEX(Jesper!$R$2:$R$366,ROW(INDEX(Jesper!AH$2:AH$366,ROUNDDOWN($C505/24,0)+1,1))-1)+IF('Standard Profiles'!$G$18=$B$10,7,0)+IF('Standard Profiles'!$G$18=$B$17,14,0)+IF('Standard Profiles'!$G$18=$B$24,21,0),MOD($C505,24)+1)/SUM(INDEX($D$3:$AA$30,INDEX(Jesper!$R$2:$R$366,ROW(INDEX(Jesper!AH$2:AH$366,ROUNDDOWN($C505/24,0)+1,1))-1)+IF('Standard Profiles'!$G$18=$B$10,7,0)+IF('Standard Profiles'!$G$18=$B$17,14,0)+IF('Standard Profiles'!$G$18=$B$24,21,0),0)),0)</f>
        <v>13.322726828201883</v>
      </c>
      <c r="E505" cm="1">
        <f t="array" ref="E505">IFERROR(INDEX(Jesper!AI$2:AI$366,ROUNDDOWN($C505/24,0)+1,1)*INDEX($D$3:$AA$30,INDEX(Jesper!$R$2:$R$366,ROW(INDEX(Jesper!AI$2:AI$366,ROUNDDOWN($C505/24,0)+1,1))-1)+IF('Standard Profiles'!$G$19=$B$10,7,0)+IF('Standard Profiles'!$G$19=$B$17,14,0)+IF('Standard Profiles'!$G$19=$B$24,21,0),MOD($C505,24)+1)/SUM(INDEX($D$3:$AA$30,INDEX(Jesper!$R$2:$R$366,ROW(INDEX(Jesper!AI$2:AI$366,ROUNDDOWN($C505/24,0)+1,1))-1)+IF('Standard Profiles'!$G$19=$B$10,7,0)+IF('Standard Profiles'!$G$19=$B$17,14,0)+IF('Standard Profiles'!$G$19=$B$24,21,0),0)),0)</f>
        <v>3.0067334235770593</v>
      </c>
      <c r="F505" cm="1">
        <f t="array" ref="F505">IFERROR(INDEX(Jesper!AJ$2:AJ$366,ROUNDDOWN($C505/24,0)+1,1)*INDEX($D$3:$AA$30,INDEX(Jesper!$R$2:$R$366,ROW(INDEX(Jesper!AJ$2:AJ$366,ROUNDDOWN($C505/24,0)+1,1))-1)+IF('Standard Profiles'!$G$20=$B$10,7,0)+IF('Standard Profiles'!$G$20=$B$17,14,0)+IF('Standard Profiles'!$G$20=$B$24,21,0),MOD($C505,24)+1)/SUM(INDEX($D$3:$AA$30,INDEX(Jesper!$R$2:$R$366,ROW(INDEX(Jesper!AJ$2:AJ$366,ROUNDDOWN($C505/24,0)+1,1))-1)+IF('Standard Profiles'!$G$20=$B$10,7,0)+IF('Standard Profiles'!$G$20=$B$17,14,0)+IF('Standard Profiles'!$G$20=$B$24,21,0),0)),0)</f>
        <v>0</v>
      </c>
      <c r="G505" cm="1">
        <f t="array" ref="G505">IFERROR(INDEX(Jesper!AK$2:AK$366,ROUNDDOWN($C505/24,0)+1,1)*INDEX($D$3:$AA$30,INDEX(Jesper!$R$2:$R$366,ROW(INDEX(Jesper!AK$2:AK$366,ROUNDDOWN($C505/24,0)+1,1))-1)+IF('Standard Profiles'!$G$21=$B$10,7,0)+IF('Standard Profiles'!$G$21=$B$17,14,0)+IF('Standard Profiles'!$G$21=$B$24,21,0),MOD($C505,24)+1)/SUM(INDEX($D$3:$AA$30,INDEX(Jesper!$R$2:$R$366,ROW(INDEX(Jesper!AK$2:AK$366,ROUNDDOWN($C505/24,0)+1,1))-1)+IF('Standard Profiles'!$G$21=$B$10,7,0)+IF('Standard Profiles'!$G$21=$B$17,14,0)+IF('Standard Profiles'!$G$21=$B$24,21,0),0)),0)</f>
        <v>0</v>
      </c>
      <c r="H505" cm="1">
        <f t="array" ref="H505">IFERROR(INDEX(Jesper!AL$2:AL$366,ROUNDDOWN($C505/24,0)+1,1)*INDEX($D$3:$AA$30,INDEX(Jesper!$R$2:$R$366,ROW(INDEX(Jesper!AL$2:AL$366,ROUNDDOWN($C505/24,0)+1,1))-1)+IF('Standard Profiles'!$G$22=$B$10,7,0)+IF('Standard Profiles'!$G$22=$B$17,14,0)+IF('Standard Profiles'!$G$22=$B$24,21,0),MOD($C505,24)+1)/SUM(INDEX($D$3:$AA$30,INDEX(Jesper!$R$2:$R$366,ROW(INDEX(Jesper!AL$2:AL$366,ROUNDDOWN($C505/24,0)+1,1))-1)+IF('Standard Profiles'!$G$22=$B$10,7,0)+IF('Standard Profiles'!$G$22=$B$17,14,0)+IF('Standard Profiles'!$G$22=$B$24,21,0),0)),0)</f>
        <v>0</v>
      </c>
      <c r="I505">
        <f t="shared" si="69"/>
        <v>0.27087688500694235</v>
      </c>
      <c r="J505">
        <f t="shared" si="70"/>
        <v>0.90292295002314127</v>
      </c>
      <c r="K505">
        <f t="shared" si="71"/>
        <v>1.3543844250347119</v>
      </c>
      <c r="L505">
        <f t="shared" si="72"/>
        <v>13.801275991714148</v>
      </c>
      <c r="M505">
        <f t="shared" si="73"/>
        <v>0</v>
      </c>
      <c r="N505" s="46">
        <f t="shared" si="74"/>
        <v>45311.624999998858</v>
      </c>
    </row>
    <row r="506" spans="2:14" x14ac:dyDescent="0.3">
      <c r="B506">
        <f t="shared" si="68"/>
        <v>6</v>
      </c>
      <c r="C506" s="16">
        <v>472</v>
      </c>
      <c r="D506" cm="1">
        <f t="array" ref="D506">IFERROR(INDEX(Jesper!AH$2:AH$366,ROUNDDOWN($C506/24,0)+1,1)*INDEX($D$3:$AA$30,INDEX(Jesper!$R$2:$R$366,ROW(INDEX(Jesper!AH$2:AH$366,ROUNDDOWN($C506/24,0)+1,1))-1)+IF('Standard Profiles'!$G$18=$B$10,7,0)+IF('Standard Profiles'!$G$18=$B$17,14,0)+IF('Standard Profiles'!$G$18=$B$24,21,0),MOD($C506,24)+1)/SUM(INDEX($D$3:$AA$30,INDEX(Jesper!$R$2:$R$366,ROW(INDEX(Jesper!AH$2:AH$366,ROUNDDOWN($C506/24,0)+1,1))-1)+IF('Standard Profiles'!$G$18=$B$10,7,0)+IF('Standard Profiles'!$G$18=$B$17,14,0)+IF('Standard Profiles'!$G$18=$B$24,21,0),0)),0)</f>
        <v>12.111569843819895</v>
      </c>
      <c r="E506" cm="1">
        <f t="array" ref="E506">IFERROR(INDEX(Jesper!AI$2:AI$366,ROUNDDOWN($C506/24,0)+1,1)*INDEX($D$3:$AA$30,INDEX(Jesper!$R$2:$R$366,ROW(INDEX(Jesper!AI$2:AI$366,ROUNDDOWN($C506/24,0)+1,1))-1)+IF('Standard Profiles'!$G$19=$B$10,7,0)+IF('Standard Profiles'!$G$19=$B$17,14,0)+IF('Standard Profiles'!$G$19=$B$24,21,0),MOD($C506,24)+1)/SUM(INDEX($D$3:$AA$30,INDEX(Jesper!$R$2:$R$366,ROW(INDEX(Jesper!AI$2:AI$366,ROUNDDOWN($C506/24,0)+1,1))-1)+IF('Standard Profiles'!$G$19=$B$10,7,0)+IF('Standard Profiles'!$G$19=$B$17,14,0)+IF('Standard Profiles'!$G$19=$B$24,21,0),0)),0)</f>
        <v>2.73339402143369</v>
      </c>
      <c r="F506" cm="1">
        <f t="array" ref="F506">IFERROR(INDEX(Jesper!AJ$2:AJ$366,ROUNDDOWN($C506/24,0)+1,1)*INDEX($D$3:$AA$30,INDEX(Jesper!$R$2:$R$366,ROW(INDEX(Jesper!AJ$2:AJ$366,ROUNDDOWN($C506/24,0)+1,1))-1)+IF('Standard Profiles'!$G$20=$B$10,7,0)+IF('Standard Profiles'!$G$20=$B$17,14,0)+IF('Standard Profiles'!$G$20=$B$24,21,0),MOD($C506,24)+1)/SUM(INDEX($D$3:$AA$30,INDEX(Jesper!$R$2:$R$366,ROW(INDEX(Jesper!AJ$2:AJ$366,ROUNDDOWN($C506/24,0)+1,1))-1)+IF('Standard Profiles'!$G$20=$B$10,7,0)+IF('Standard Profiles'!$G$20=$B$17,14,0)+IF('Standard Profiles'!$G$20=$B$24,21,0),0)),0)</f>
        <v>0</v>
      </c>
      <c r="G506" cm="1">
        <f t="array" ref="G506">IFERROR(INDEX(Jesper!AK$2:AK$366,ROUNDDOWN($C506/24,0)+1,1)*INDEX($D$3:$AA$30,INDEX(Jesper!$R$2:$R$366,ROW(INDEX(Jesper!AK$2:AK$366,ROUNDDOWN($C506/24,0)+1,1))-1)+IF('Standard Profiles'!$G$21=$B$10,7,0)+IF('Standard Profiles'!$G$21=$B$17,14,0)+IF('Standard Profiles'!$G$21=$B$24,21,0),MOD($C506,24)+1)/SUM(INDEX($D$3:$AA$30,INDEX(Jesper!$R$2:$R$366,ROW(INDEX(Jesper!AK$2:AK$366,ROUNDDOWN($C506/24,0)+1,1))-1)+IF('Standard Profiles'!$G$21=$B$10,7,0)+IF('Standard Profiles'!$G$21=$B$17,14,0)+IF('Standard Profiles'!$G$21=$B$24,21,0),0)),0)</f>
        <v>0</v>
      </c>
      <c r="H506" cm="1">
        <f t="array" ref="H506">IFERROR(INDEX(Jesper!AL$2:AL$366,ROUNDDOWN($C506/24,0)+1,1)*INDEX($D$3:$AA$30,INDEX(Jesper!$R$2:$R$366,ROW(INDEX(Jesper!AL$2:AL$366,ROUNDDOWN($C506/24,0)+1,1))-1)+IF('Standard Profiles'!$G$22=$B$10,7,0)+IF('Standard Profiles'!$G$22=$B$17,14,0)+IF('Standard Profiles'!$G$22=$B$24,21,0),MOD($C506,24)+1)/SUM(INDEX($D$3:$AA$30,INDEX(Jesper!$R$2:$R$366,ROW(INDEX(Jesper!AL$2:AL$366,ROUNDDOWN($C506/24,0)+1,1))-1)+IF('Standard Profiles'!$G$22=$B$10,7,0)+IF('Standard Profiles'!$G$22=$B$17,14,0)+IF('Standard Profiles'!$G$22=$B$24,21,0),0)),0)</f>
        <v>0</v>
      </c>
      <c r="I506">
        <f t="shared" si="69"/>
        <v>0.24625171364267484</v>
      </c>
      <c r="J506">
        <f t="shared" si="70"/>
        <v>0.82083904547558295</v>
      </c>
      <c r="K506">
        <f t="shared" si="71"/>
        <v>1.2312585682133743</v>
      </c>
      <c r="L506">
        <f t="shared" si="72"/>
        <v>12.546614537921954</v>
      </c>
      <c r="M506">
        <f t="shared" si="73"/>
        <v>0</v>
      </c>
      <c r="N506" s="46">
        <f t="shared" si="74"/>
        <v>45311.666666665522</v>
      </c>
    </row>
    <row r="507" spans="2:14" x14ac:dyDescent="0.3">
      <c r="B507">
        <f t="shared" si="68"/>
        <v>6</v>
      </c>
      <c r="C507" s="16">
        <v>473</v>
      </c>
      <c r="D507" cm="1">
        <f t="array" ref="D507">IFERROR(INDEX(Jesper!AH$2:AH$366,ROUNDDOWN($C507/24,0)+1,1)*INDEX($D$3:$AA$30,INDEX(Jesper!$R$2:$R$366,ROW(INDEX(Jesper!AH$2:AH$366,ROUNDDOWN($C507/24,0)+1,1))-1)+IF('Standard Profiles'!$G$18=$B$10,7,0)+IF('Standard Profiles'!$G$18=$B$17,14,0)+IF('Standard Profiles'!$G$18=$B$24,21,0),MOD($C507,24)+1)/SUM(INDEX($D$3:$AA$30,INDEX(Jesper!$R$2:$R$366,ROW(INDEX(Jesper!AH$2:AH$366,ROUNDDOWN($C507/24,0)+1,1))-1)+IF('Standard Profiles'!$G$18=$B$10,7,0)+IF('Standard Profiles'!$G$18=$B$17,14,0)+IF('Standard Profiles'!$G$18=$B$24,21,0),0)),0)</f>
        <v>10.900412859437903</v>
      </c>
      <c r="E507" cm="1">
        <f t="array" ref="E507">IFERROR(INDEX(Jesper!AI$2:AI$366,ROUNDDOWN($C507/24,0)+1,1)*INDEX($D$3:$AA$30,INDEX(Jesper!$R$2:$R$366,ROW(INDEX(Jesper!AI$2:AI$366,ROUNDDOWN($C507/24,0)+1,1))-1)+IF('Standard Profiles'!$G$19=$B$10,7,0)+IF('Standard Profiles'!$G$19=$B$17,14,0)+IF('Standard Profiles'!$G$19=$B$24,21,0),MOD($C507,24)+1)/SUM(INDEX($D$3:$AA$30,INDEX(Jesper!$R$2:$R$366,ROW(INDEX(Jesper!AI$2:AI$366,ROUNDDOWN($C507/24,0)+1,1))-1)+IF('Standard Profiles'!$G$19=$B$10,7,0)+IF('Standard Profiles'!$G$19=$B$17,14,0)+IF('Standard Profiles'!$G$19=$B$24,21,0),0)),0)</f>
        <v>2.4600546192903212</v>
      </c>
      <c r="F507" cm="1">
        <f t="array" ref="F507">IFERROR(INDEX(Jesper!AJ$2:AJ$366,ROUNDDOWN($C507/24,0)+1,1)*INDEX($D$3:$AA$30,INDEX(Jesper!$R$2:$R$366,ROW(INDEX(Jesper!AJ$2:AJ$366,ROUNDDOWN($C507/24,0)+1,1))-1)+IF('Standard Profiles'!$G$20=$B$10,7,0)+IF('Standard Profiles'!$G$20=$B$17,14,0)+IF('Standard Profiles'!$G$20=$B$24,21,0),MOD($C507,24)+1)/SUM(INDEX($D$3:$AA$30,INDEX(Jesper!$R$2:$R$366,ROW(INDEX(Jesper!AJ$2:AJ$366,ROUNDDOWN($C507/24,0)+1,1))-1)+IF('Standard Profiles'!$G$20=$B$10,7,0)+IF('Standard Profiles'!$G$20=$B$17,14,0)+IF('Standard Profiles'!$G$20=$B$24,21,0),0)),0)</f>
        <v>0</v>
      </c>
      <c r="G507" cm="1">
        <f t="array" ref="G507">IFERROR(INDEX(Jesper!AK$2:AK$366,ROUNDDOWN($C507/24,0)+1,1)*INDEX($D$3:$AA$30,INDEX(Jesper!$R$2:$R$366,ROW(INDEX(Jesper!AK$2:AK$366,ROUNDDOWN($C507/24,0)+1,1))-1)+IF('Standard Profiles'!$G$21=$B$10,7,0)+IF('Standard Profiles'!$G$21=$B$17,14,0)+IF('Standard Profiles'!$G$21=$B$24,21,0),MOD($C507,24)+1)/SUM(INDEX($D$3:$AA$30,INDEX(Jesper!$R$2:$R$366,ROW(INDEX(Jesper!AK$2:AK$366,ROUNDDOWN($C507/24,0)+1,1))-1)+IF('Standard Profiles'!$G$21=$B$10,7,0)+IF('Standard Profiles'!$G$21=$B$17,14,0)+IF('Standard Profiles'!$G$21=$B$24,21,0),0)),0)</f>
        <v>0</v>
      </c>
      <c r="H507" cm="1">
        <f t="array" ref="H507">IFERROR(INDEX(Jesper!AL$2:AL$366,ROUNDDOWN($C507/24,0)+1,1)*INDEX($D$3:$AA$30,INDEX(Jesper!$R$2:$R$366,ROW(INDEX(Jesper!AL$2:AL$366,ROUNDDOWN($C507/24,0)+1,1))-1)+IF('Standard Profiles'!$G$22=$B$10,7,0)+IF('Standard Profiles'!$G$22=$B$17,14,0)+IF('Standard Profiles'!$G$22=$B$24,21,0),MOD($C507,24)+1)/SUM(INDEX($D$3:$AA$30,INDEX(Jesper!$R$2:$R$366,ROW(INDEX(Jesper!AL$2:AL$366,ROUNDDOWN($C507/24,0)+1,1))-1)+IF('Standard Profiles'!$G$22=$B$10,7,0)+IF('Standard Profiles'!$G$22=$B$17,14,0)+IF('Standard Profiles'!$G$22=$B$24,21,0),0)),0)</f>
        <v>0</v>
      </c>
      <c r="I507">
        <f t="shared" si="69"/>
        <v>0.22162654227840736</v>
      </c>
      <c r="J507">
        <f t="shared" si="70"/>
        <v>0.73875514092802463</v>
      </c>
      <c r="K507">
        <f t="shared" si="71"/>
        <v>1.108132711392037</v>
      </c>
      <c r="L507">
        <f t="shared" si="72"/>
        <v>11.291953084129755</v>
      </c>
      <c r="M507">
        <f t="shared" si="73"/>
        <v>0</v>
      </c>
      <c r="N507" s="46">
        <f t="shared" si="74"/>
        <v>45311.708333332186</v>
      </c>
    </row>
    <row r="508" spans="2:14" x14ac:dyDescent="0.3">
      <c r="B508">
        <f t="shared" si="68"/>
        <v>6</v>
      </c>
      <c r="C508" s="16">
        <v>474</v>
      </c>
      <c r="D508" cm="1">
        <f t="array" ref="D508">IFERROR(INDEX(Jesper!AH$2:AH$366,ROUNDDOWN($C508/24,0)+1,1)*INDEX($D$3:$AA$30,INDEX(Jesper!$R$2:$R$366,ROW(INDEX(Jesper!AH$2:AH$366,ROUNDDOWN($C508/24,0)+1,1))-1)+IF('Standard Profiles'!$G$18=$B$10,7,0)+IF('Standard Profiles'!$G$18=$B$17,14,0)+IF('Standard Profiles'!$G$18=$B$24,21,0),MOD($C508,24)+1)/SUM(INDEX($D$3:$AA$30,INDEX(Jesper!$R$2:$R$366,ROW(INDEX(Jesper!AH$2:AH$366,ROUNDDOWN($C508/24,0)+1,1))-1)+IF('Standard Profiles'!$G$18=$B$10,7,0)+IF('Standard Profiles'!$G$18=$B$17,14,0)+IF('Standard Profiles'!$G$18=$B$24,21,0),0)),0)</f>
        <v>10.496693864643907</v>
      </c>
      <c r="E508" cm="1">
        <f t="array" ref="E508">IFERROR(INDEX(Jesper!AI$2:AI$366,ROUNDDOWN($C508/24,0)+1,1)*INDEX($D$3:$AA$30,INDEX(Jesper!$R$2:$R$366,ROW(INDEX(Jesper!AI$2:AI$366,ROUNDDOWN($C508/24,0)+1,1))-1)+IF('Standard Profiles'!$G$19=$B$10,7,0)+IF('Standard Profiles'!$G$19=$B$17,14,0)+IF('Standard Profiles'!$G$19=$B$24,21,0),MOD($C508,24)+1)/SUM(INDEX($D$3:$AA$30,INDEX(Jesper!$R$2:$R$366,ROW(INDEX(Jesper!AI$2:AI$366,ROUNDDOWN($C508/24,0)+1,1))-1)+IF('Standard Profiles'!$G$19=$B$10,7,0)+IF('Standard Profiles'!$G$19=$B$17,14,0)+IF('Standard Profiles'!$G$19=$B$24,21,0),0)),0)</f>
        <v>2.3689414852425315</v>
      </c>
      <c r="F508" cm="1">
        <f t="array" ref="F508">IFERROR(INDEX(Jesper!AJ$2:AJ$366,ROUNDDOWN($C508/24,0)+1,1)*INDEX($D$3:$AA$30,INDEX(Jesper!$R$2:$R$366,ROW(INDEX(Jesper!AJ$2:AJ$366,ROUNDDOWN($C508/24,0)+1,1))-1)+IF('Standard Profiles'!$G$20=$B$10,7,0)+IF('Standard Profiles'!$G$20=$B$17,14,0)+IF('Standard Profiles'!$G$20=$B$24,21,0),MOD($C508,24)+1)/SUM(INDEX($D$3:$AA$30,INDEX(Jesper!$R$2:$R$366,ROW(INDEX(Jesper!AJ$2:AJ$366,ROUNDDOWN($C508/24,0)+1,1))-1)+IF('Standard Profiles'!$G$20=$B$10,7,0)+IF('Standard Profiles'!$G$20=$B$17,14,0)+IF('Standard Profiles'!$G$20=$B$24,21,0),0)),0)</f>
        <v>0</v>
      </c>
      <c r="G508" cm="1">
        <f t="array" ref="G508">IFERROR(INDEX(Jesper!AK$2:AK$366,ROUNDDOWN($C508/24,0)+1,1)*INDEX($D$3:$AA$30,INDEX(Jesper!$R$2:$R$366,ROW(INDEX(Jesper!AK$2:AK$366,ROUNDDOWN($C508/24,0)+1,1))-1)+IF('Standard Profiles'!$G$21=$B$10,7,0)+IF('Standard Profiles'!$G$21=$B$17,14,0)+IF('Standard Profiles'!$G$21=$B$24,21,0),MOD($C508,24)+1)/SUM(INDEX($D$3:$AA$30,INDEX(Jesper!$R$2:$R$366,ROW(INDEX(Jesper!AK$2:AK$366,ROUNDDOWN($C508/24,0)+1,1))-1)+IF('Standard Profiles'!$G$21=$B$10,7,0)+IF('Standard Profiles'!$G$21=$B$17,14,0)+IF('Standard Profiles'!$G$21=$B$24,21,0),0)),0)</f>
        <v>0</v>
      </c>
      <c r="H508" cm="1">
        <f t="array" ref="H508">IFERROR(INDEX(Jesper!AL$2:AL$366,ROUNDDOWN($C508/24,0)+1,1)*INDEX($D$3:$AA$30,INDEX(Jesper!$R$2:$R$366,ROW(INDEX(Jesper!AL$2:AL$366,ROUNDDOWN($C508/24,0)+1,1))-1)+IF('Standard Profiles'!$G$22=$B$10,7,0)+IF('Standard Profiles'!$G$22=$B$17,14,0)+IF('Standard Profiles'!$G$22=$B$24,21,0),MOD($C508,24)+1)/SUM(INDEX($D$3:$AA$30,INDEX(Jesper!$R$2:$R$366,ROW(INDEX(Jesper!AL$2:AL$366,ROUNDDOWN($C508/24,0)+1,1))-1)+IF('Standard Profiles'!$G$22=$B$10,7,0)+IF('Standard Profiles'!$G$22=$B$17,14,0)+IF('Standard Profiles'!$G$22=$B$24,21,0),0)),0)</f>
        <v>0</v>
      </c>
      <c r="I508">
        <f t="shared" si="69"/>
        <v>0.21341815182365154</v>
      </c>
      <c r="J508">
        <f t="shared" si="70"/>
        <v>0.71139383941217194</v>
      </c>
      <c r="K508">
        <f t="shared" si="71"/>
        <v>1.0670907591182579</v>
      </c>
      <c r="L508">
        <f t="shared" si="72"/>
        <v>10.873732599532358</v>
      </c>
      <c r="M508">
        <f t="shared" si="73"/>
        <v>0</v>
      </c>
      <c r="N508" s="46">
        <f t="shared" si="74"/>
        <v>45311.74999999885</v>
      </c>
    </row>
    <row r="509" spans="2:14" x14ac:dyDescent="0.3">
      <c r="B509">
        <f t="shared" si="68"/>
        <v>6</v>
      </c>
      <c r="C509" s="16">
        <v>475</v>
      </c>
      <c r="D509" cm="1">
        <f t="array" ref="D509">IFERROR(INDEX(Jesper!AH$2:AH$366,ROUNDDOWN($C509/24,0)+1,1)*INDEX($D$3:$AA$30,INDEX(Jesper!$R$2:$R$366,ROW(INDEX(Jesper!AH$2:AH$366,ROUNDDOWN($C509/24,0)+1,1))-1)+IF('Standard Profiles'!$G$18=$B$10,7,0)+IF('Standard Profiles'!$G$18=$B$17,14,0)+IF('Standard Profiles'!$G$18=$B$24,21,0),MOD($C509,24)+1)/SUM(INDEX($D$3:$AA$30,INDEX(Jesper!$R$2:$R$366,ROW(INDEX(Jesper!AH$2:AH$366,ROUNDDOWN($C509/24,0)+1,1))-1)+IF('Standard Profiles'!$G$18=$B$10,7,0)+IF('Standard Profiles'!$G$18=$B$17,14,0)+IF('Standard Profiles'!$G$18=$B$24,21,0),0)),0)</f>
        <v>8.478098890673925</v>
      </c>
      <c r="E509" cm="1">
        <f t="array" ref="E509">IFERROR(INDEX(Jesper!AI$2:AI$366,ROUNDDOWN($C509/24,0)+1,1)*INDEX($D$3:$AA$30,INDEX(Jesper!$R$2:$R$366,ROW(INDEX(Jesper!AI$2:AI$366,ROUNDDOWN($C509/24,0)+1,1))-1)+IF('Standard Profiles'!$G$19=$B$10,7,0)+IF('Standard Profiles'!$G$19=$B$17,14,0)+IF('Standard Profiles'!$G$19=$B$24,21,0),MOD($C509,24)+1)/SUM(INDEX($D$3:$AA$30,INDEX(Jesper!$R$2:$R$366,ROW(INDEX(Jesper!AI$2:AI$366,ROUNDDOWN($C509/24,0)+1,1))-1)+IF('Standard Profiles'!$G$19=$B$10,7,0)+IF('Standard Profiles'!$G$19=$B$17,14,0)+IF('Standard Profiles'!$G$19=$B$24,21,0),0)),0)</f>
        <v>1.9133758150035829</v>
      </c>
      <c r="F509" cm="1">
        <f t="array" ref="F509">IFERROR(INDEX(Jesper!AJ$2:AJ$366,ROUNDDOWN($C509/24,0)+1,1)*INDEX($D$3:$AA$30,INDEX(Jesper!$R$2:$R$366,ROW(INDEX(Jesper!AJ$2:AJ$366,ROUNDDOWN($C509/24,0)+1,1))-1)+IF('Standard Profiles'!$G$20=$B$10,7,0)+IF('Standard Profiles'!$G$20=$B$17,14,0)+IF('Standard Profiles'!$G$20=$B$24,21,0),MOD($C509,24)+1)/SUM(INDEX($D$3:$AA$30,INDEX(Jesper!$R$2:$R$366,ROW(INDEX(Jesper!AJ$2:AJ$366,ROUNDDOWN($C509/24,0)+1,1))-1)+IF('Standard Profiles'!$G$20=$B$10,7,0)+IF('Standard Profiles'!$G$20=$B$17,14,0)+IF('Standard Profiles'!$G$20=$B$24,21,0),0)),0)</f>
        <v>0</v>
      </c>
      <c r="G509" cm="1">
        <f t="array" ref="G509">IFERROR(INDEX(Jesper!AK$2:AK$366,ROUNDDOWN($C509/24,0)+1,1)*INDEX($D$3:$AA$30,INDEX(Jesper!$R$2:$R$366,ROW(INDEX(Jesper!AK$2:AK$366,ROUNDDOWN($C509/24,0)+1,1))-1)+IF('Standard Profiles'!$G$21=$B$10,7,0)+IF('Standard Profiles'!$G$21=$B$17,14,0)+IF('Standard Profiles'!$G$21=$B$24,21,0),MOD($C509,24)+1)/SUM(INDEX($D$3:$AA$30,INDEX(Jesper!$R$2:$R$366,ROW(INDEX(Jesper!AK$2:AK$366,ROUNDDOWN($C509/24,0)+1,1))-1)+IF('Standard Profiles'!$G$21=$B$10,7,0)+IF('Standard Profiles'!$G$21=$B$17,14,0)+IF('Standard Profiles'!$G$21=$B$24,21,0),0)),0)</f>
        <v>0</v>
      </c>
      <c r="H509" cm="1">
        <f t="array" ref="H509">IFERROR(INDEX(Jesper!AL$2:AL$366,ROUNDDOWN($C509/24,0)+1,1)*INDEX($D$3:$AA$30,INDEX(Jesper!$R$2:$R$366,ROW(INDEX(Jesper!AL$2:AL$366,ROUNDDOWN($C509/24,0)+1,1))-1)+IF('Standard Profiles'!$G$22=$B$10,7,0)+IF('Standard Profiles'!$G$22=$B$17,14,0)+IF('Standard Profiles'!$G$22=$B$24,21,0),MOD($C509,24)+1)/SUM(INDEX($D$3:$AA$30,INDEX(Jesper!$R$2:$R$366,ROW(INDEX(Jesper!AL$2:AL$366,ROUNDDOWN($C509/24,0)+1,1))-1)+IF('Standard Profiles'!$G$22=$B$10,7,0)+IF('Standard Profiles'!$G$22=$B$17,14,0)+IF('Standard Profiles'!$G$22=$B$24,21,0),0)),0)</f>
        <v>0</v>
      </c>
      <c r="I509">
        <f t="shared" si="69"/>
        <v>0.17237619954987238</v>
      </c>
      <c r="J509">
        <f t="shared" si="70"/>
        <v>0.574587331832908</v>
      </c>
      <c r="K509">
        <f t="shared" si="71"/>
        <v>0.861880997749362</v>
      </c>
      <c r="L509">
        <f t="shared" si="72"/>
        <v>8.782630176545366</v>
      </c>
      <c r="M509">
        <f t="shared" si="73"/>
        <v>0</v>
      </c>
      <c r="N509" s="46">
        <f t="shared" si="74"/>
        <v>45311.791666665515</v>
      </c>
    </row>
    <row r="510" spans="2:14" x14ac:dyDescent="0.3">
      <c r="B510">
        <f t="shared" si="68"/>
        <v>6</v>
      </c>
      <c r="C510" s="16">
        <v>476</v>
      </c>
      <c r="D510" cm="1">
        <f t="array" ref="D510">IFERROR(INDEX(Jesper!AH$2:AH$366,ROUNDDOWN($C510/24,0)+1,1)*INDEX($D$3:$AA$30,INDEX(Jesper!$R$2:$R$366,ROW(INDEX(Jesper!AH$2:AH$366,ROUNDDOWN($C510/24,0)+1,1))-1)+IF('Standard Profiles'!$G$18=$B$10,7,0)+IF('Standard Profiles'!$G$18=$B$17,14,0)+IF('Standard Profiles'!$G$18=$B$24,21,0),MOD($C510,24)+1)/SUM(INDEX($D$3:$AA$30,INDEX(Jesper!$R$2:$R$366,ROW(INDEX(Jesper!AH$2:AH$366,ROUNDDOWN($C510/24,0)+1,1))-1)+IF('Standard Profiles'!$G$18=$B$10,7,0)+IF('Standard Profiles'!$G$18=$B$17,14,0)+IF('Standard Profiles'!$G$18=$B$24,21,0),0)),0)</f>
        <v>6.2576444193069447</v>
      </c>
      <c r="E510" cm="1">
        <f t="array" ref="E510">IFERROR(INDEX(Jesper!AI$2:AI$366,ROUNDDOWN($C510/24,0)+1,1)*INDEX($D$3:$AA$30,INDEX(Jesper!$R$2:$R$366,ROW(INDEX(Jesper!AI$2:AI$366,ROUNDDOWN($C510/24,0)+1,1))-1)+IF('Standard Profiles'!$G$19=$B$10,7,0)+IF('Standard Profiles'!$G$19=$B$17,14,0)+IF('Standard Profiles'!$G$19=$B$24,21,0),MOD($C510,24)+1)/SUM(INDEX($D$3:$AA$30,INDEX(Jesper!$R$2:$R$366,ROW(INDEX(Jesper!AI$2:AI$366,ROUNDDOWN($C510/24,0)+1,1))-1)+IF('Standard Profiles'!$G$19=$B$10,7,0)+IF('Standard Profiles'!$G$19=$B$17,14,0)+IF('Standard Profiles'!$G$19=$B$24,21,0),0)),0)</f>
        <v>1.4122535777407399</v>
      </c>
      <c r="F510" cm="1">
        <f t="array" ref="F510">IFERROR(INDEX(Jesper!AJ$2:AJ$366,ROUNDDOWN($C510/24,0)+1,1)*INDEX($D$3:$AA$30,INDEX(Jesper!$R$2:$R$366,ROW(INDEX(Jesper!AJ$2:AJ$366,ROUNDDOWN($C510/24,0)+1,1))-1)+IF('Standard Profiles'!$G$20=$B$10,7,0)+IF('Standard Profiles'!$G$20=$B$17,14,0)+IF('Standard Profiles'!$G$20=$B$24,21,0),MOD($C510,24)+1)/SUM(INDEX($D$3:$AA$30,INDEX(Jesper!$R$2:$R$366,ROW(INDEX(Jesper!AJ$2:AJ$366,ROUNDDOWN($C510/24,0)+1,1))-1)+IF('Standard Profiles'!$G$20=$B$10,7,0)+IF('Standard Profiles'!$G$20=$B$17,14,0)+IF('Standard Profiles'!$G$20=$B$24,21,0),0)),0)</f>
        <v>0</v>
      </c>
      <c r="G510" cm="1">
        <f t="array" ref="G510">IFERROR(INDEX(Jesper!AK$2:AK$366,ROUNDDOWN($C510/24,0)+1,1)*INDEX($D$3:$AA$30,INDEX(Jesper!$R$2:$R$366,ROW(INDEX(Jesper!AK$2:AK$366,ROUNDDOWN($C510/24,0)+1,1))-1)+IF('Standard Profiles'!$G$21=$B$10,7,0)+IF('Standard Profiles'!$G$21=$B$17,14,0)+IF('Standard Profiles'!$G$21=$B$24,21,0),MOD($C510,24)+1)/SUM(INDEX($D$3:$AA$30,INDEX(Jesper!$R$2:$R$366,ROW(INDEX(Jesper!AK$2:AK$366,ROUNDDOWN($C510/24,0)+1,1))-1)+IF('Standard Profiles'!$G$21=$B$10,7,0)+IF('Standard Profiles'!$G$21=$B$17,14,0)+IF('Standard Profiles'!$G$21=$B$24,21,0),0)),0)</f>
        <v>0</v>
      </c>
      <c r="H510" cm="1">
        <f t="array" ref="H510">IFERROR(INDEX(Jesper!AL$2:AL$366,ROUNDDOWN($C510/24,0)+1,1)*INDEX($D$3:$AA$30,INDEX(Jesper!$R$2:$R$366,ROW(INDEX(Jesper!AL$2:AL$366,ROUNDDOWN($C510/24,0)+1,1))-1)+IF('Standard Profiles'!$G$22=$B$10,7,0)+IF('Standard Profiles'!$G$22=$B$17,14,0)+IF('Standard Profiles'!$G$22=$B$24,21,0),MOD($C510,24)+1)/SUM(INDEX($D$3:$AA$30,INDEX(Jesper!$R$2:$R$366,ROW(INDEX(Jesper!AL$2:AL$366,ROUNDDOWN($C510/24,0)+1,1))-1)+IF('Standard Profiles'!$G$22=$B$10,7,0)+IF('Standard Profiles'!$G$22=$B$17,14,0)+IF('Standard Profiles'!$G$22=$B$24,21,0),0)),0)</f>
        <v>0</v>
      </c>
      <c r="I510">
        <f t="shared" si="69"/>
        <v>0.12723005204871535</v>
      </c>
      <c r="J510">
        <f t="shared" si="70"/>
        <v>0.42410017349571782</v>
      </c>
      <c r="K510">
        <f t="shared" si="71"/>
        <v>0.63615026024357679</v>
      </c>
      <c r="L510">
        <f t="shared" si="72"/>
        <v>6.4824175112596745</v>
      </c>
      <c r="M510">
        <f t="shared" si="73"/>
        <v>0</v>
      </c>
      <c r="N510" s="46">
        <f t="shared" si="74"/>
        <v>45311.833333332179</v>
      </c>
    </row>
    <row r="511" spans="2:14" x14ac:dyDescent="0.3">
      <c r="B511">
        <f t="shared" si="68"/>
        <v>6</v>
      </c>
      <c r="C511" s="16">
        <v>477</v>
      </c>
      <c r="D511" cm="1">
        <f t="array" ref="D511">IFERROR(INDEX(Jesper!AH$2:AH$366,ROUNDDOWN($C511/24,0)+1,1)*INDEX($D$3:$AA$30,INDEX(Jesper!$R$2:$R$366,ROW(INDEX(Jesper!AH$2:AH$366,ROUNDDOWN($C511/24,0)+1,1))-1)+IF('Standard Profiles'!$G$18=$B$10,7,0)+IF('Standard Profiles'!$G$18=$B$17,14,0)+IF('Standard Profiles'!$G$18=$B$24,21,0),MOD($C511,24)+1)/SUM(INDEX($D$3:$AA$30,INDEX(Jesper!$R$2:$R$366,ROW(INDEX(Jesper!AH$2:AH$366,ROUNDDOWN($C511/24,0)+1,1))-1)+IF('Standard Profiles'!$G$18=$B$10,7,0)+IF('Standard Profiles'!$G$18=$B$17,14,0)+IF('Standard Profiles'!$G$18=$B$24,21,0),0)),0)</f>
        <v>6.2576444193069447</v>
      </c>
      <c r="E511" cm="1">
        <f t="array" ref="E511">IFERROR(INDEX(Jesper!AI$2:AI$366,ROUNDDOWN($C511/24,0)+1,1)*INDEX($D$3:$AA$30,INDEX(Jesper!$R$2:$R$366,ROW(INDEX(Jesper!AI$2:AI$366,ROUNDDOWN($C511/24,0)+1,1))-1)+IF('Standard Profiles'!$G$19=$B$10,7,0)+IF('Standard Profiles'!$G$19=$B$17,14,0)+IF('Standard Profiles'!$G$19=$B$24,21,0),MOD($C511,24)+1)/SUM(INDEX($D$3:$AA$30,INDEX(Jesper!$R$2:$R$366,ROW(INDEX(Jesper!AI$2:AI$366,ROUNDDOWN($C511/24,0)+1,1))-1)+IF('Standard Profiles'!$G$19=$B$10,7,0)+IF('Standard Profiles'!$G$19=$B$17,14,0)+IF('Standard Profiles'!$G$19=$B$24,21,0),0)),0)</f>
        <v>1.4122535777407399</v>
      </c>
      <c r="F511" cm="1">
        <f t="array" ref="F511">IFERROR(INDEX(Jesper!AJ$2:AJ$366,ROUNDDOWN($C511/24,0)+1,1)*INDEX($D$3:$AA$30,INDEX(Jesper!$R$2:$R$366,ROW(INDEX(Jesper!AJ$2:AJ$366,ROUNDDOWN($C511/24,0)+1,1))-1)+IF('Standard Profiles'!$G$20=$B$10,7,0)+IF('Standard Profiles'!$G$20=$B$17,14,0)+IF('Standard Profiles'!$G$20=$B$24,21,0),MOD($C511,24)+1)/SUM(INDEX($D$3:$AA$30,INDEX(Jesper!$R$2:$R$366,ROW(INDEX(Jesper!AJ$2:AJ$366,ROUNDDOWN($C511/24,0)+1,1))-1)+IF('Standard Profiles'!$G$20=$B$10,7,0)+IF('Standard Profiles'!$G$20=$B$17,14,0)+IF('Standard Profiles'!$G$20=$B$24,21,0),0)),0)</f>
        <v>0</v>
      </c>
      <c r="G511" cm="1">
        <f t="array" ref="G511">IFERROR(INDEX(Jesper!AK$2:AK$366,ROUNDDOWN($C511/24,0)+1,1)*INDEX($D$3:$AA$30,INDEX(Jesper!$R$2:$R$366,ROW(INDEX(Jesper!AK$2:AK$366,ROUNDDOWN($C511/24,0)+1,1))-1)+IF('Standard Profiles'!$G$21=$B$10,7,0)+IF('Standard Profiles'!$G$21=$B$17,14,0)+IF('Standard Profiles'!$G$21=$B$24,21,0),MOD($C511,24)+1)/SUM(INDEX($D$3:$AA$30,INDEX(Jesper!$R$2:$R$366,ROW(INDEX(Jesper!AK$2:AK$366,ROUNDDOWN($C511/24,0)+1,1))-1)+IF('Standard Profiles'!$G$21=$B$10,7,0)+IF('Standard Profiles'!$G$21=$B$17,14,0)+IF('Standard Profiles'!$G$21=$B$24,21,0),0)),0)</f>
        <v>0</v>
      </c>
      <c r="H511" cm="1">
        <f t="array" ref="H511">IFERROR(INDEX(Jesper!AL$2:AL$366,ROUNDDOWN($C511/24,0)+1,1)*INDEX($D$3:$AA$30,INDEX(Jesper!$R$2:$R$366,ROW(INDEX(Jesper!AL$2:AL$366,ROUNDDOWN($C511/24,0)+1,1))-1)+IF('Standard Profiles'!$G$22=$B$10,7,0)+IF('Standard Profiles'!$G$22=$B$17,14,0)+IF('Standard Profiles'!$G$22=$B$24,21,0),MOD($C511,24)+1)/SUM(INDEX($D$3:$AA$30,INDEX(Jesper!$R$2:$R$366,ROW(INDEX(Jesper!AL$2:AL$366,ROUNDDOWN($C511/24,0)+1,1))-1)+IF('Standard Profiles'!$G$22=$B$10,7,0)+IF('Standard Profiles'!$G$22=$B$17,14,0)+IF('Standard Profiles'!$G$22=$B$24,21,0),0)),0)</f>
        <v>0</v>
      </c>
      <c r="I511">
        <f t="shared" si="69"/>
        <v>0.12723005204871535</v>
      </c>
      <c r="J511">
        <f t="shared" si="70"/>
        <v>0.42410017349571782</v>
      </c>
      <c r="K511">
        <f t="shared" si="71"/>
        <v>0.63615026024357679</v>
      </c>
      <c r="L511">
        <f t="shared" si="72"/>
        <v>6.4824175112596745</v>
      </c>
      <c r="M511">
        <f t="shared" si="73"/>
        <v>0</v>
      </c>
      <c r="N511" s="46">
        <f t="shared" si="74"/>
        <v>45311.874999998843</v>
      </c>
    </row>
    <row r="512" spans="2:14" x14ac:dyDescent="0.3">
      <c r="B512">
        <f t="shared" si="68"/>
        <v>6</v>
      </c>
      <c r="C512" s="16">
        <v>478</v>
      </c>
      <c r="D512" cm="1">
        <f t="array" ref="D512">IFERROR(INDEX(Jesper!AH$2:AH$366,ROUNDDOWN($C512/24,0)+1,1)*INDEX($D$3:$AA$30,INDEX(Jesper!$R$2:$R$366,ROW(INDEX(Jesper!AH$2:AH$366,ROUNDDOWN($C512/24,0)+1,1))-1)+IF('Standard Profiles'!$G$18=$B$10,7,0)+IF('Standard Profiles'!$G$18=$B$17,14,0)+IF('Standard Profiles'!$G$18=$B$24,21,0),MOD($C512,24)+1)/SUM(INDEX($D$3:$AA$30,INDEX(Jesper!$R$2:$R$366,ROW(INDEX(Jesper!AH$2:AH$366,ROUNDDOWN($C512/24,0)+1,1))-1)+IF('Standard Profiles'!$G$18=$B$10,7,0)+IF('Standard Profiles'!$G$18=$B$17,14,0)+IF('Standard Profiles'!$G$18=$B$24,21,0),0)),0)</f>
        <v>6.2576444193069447</v>
      </c>
      <c r="E512" cm="1">
        <f t="array" ref="E512">IFERROR(INDEX(Jesper!AI$2:AI$366,ROUNDDOWN($C512/24,0)+1,1)*INDEX($D$3:$AA$30,INDEX(Jesper!$R$2:$R$366,ROW(INDEX(Jesper!AI$2:AI$366,ROUNDDOWN($C512/24,0)+1,1))-1)+IF('Standard Profiles'!$G$19=$B$10,7,0)+IF('Standard Profiles'!$G$19=$B$17,14,0)+IF('Standard Profiles'!$G$19=$B$24,21,0),MOD($C512,24)+1)/SUM(INDEX($D$3:$AA$30,INDEX(Jesper!$R$2:$R$366,ROW(INDEX(Jesper!AI$2:AI$366,ROUNDDOWN($C512/24,0)+1,1))-1)+IF('Standard Profiles'!$G$19=$B$10,7,0)+IF('Standard Profiles'!$G$19=$B$17,14,0)+IF('Standard Profiles'!$G$19=$B$24,21,0),0)),0)</f>
        <v>1.4122535777407399</v>
      </c>
      <c r="F512" cm="1">
        <f t="array" ref="F512">IFERROR(INDEX(Jesper!AJ$2:AJ$366,ROUNDDOWN($C512/24,0)+1,1)*INDEX($D$3:$AA$30,INDEX(Jesper!$R$2:$R$366,ROW(INDEX(Jesper!AJ$2:AJ$366,ROUNDDOWN($C512/24,0)+1,1))-1)+IF('Standard Profiles'!$G$20=$B$10,7,0)+IF('Standard Profiles'!$G$20=$B$17,14,0)+IF('Standard Profiles'!$G$20=$B$24,21,0),MOD($C512,24)+1)/SUM(INDEX($D$3:$AA$30,INDEX(Jesper!$R$2:$R$366,ROW(INDEX(Jesper!AJ$2:AJ$366,ROUNDDOWN($C512/24,0)+1,1))-1)+IF('Standard Profiles'!$G$20=$B$10,7,0)+IF('Standard Profiles'!$G$20=$B$17,14,0)+IF('Standard Profiles'!$G$20=$B$24,21,0),0)),0)</f>
        <v>0</v>
      </c>
      <c r="G512" cm="1">
        <f t="array" ref="G512">IFERROR(INDEX(Jesper!AK$2:AK$366,ROUNDDOWN($C512/24,0)+1,1)*INDEX($D$3:$AA$30,INDEX(Jesper!$R$2:$R$366,ROW(INDEX(Jesper!AK$2:AK$366,ROUNDDOWN($C512/24,0)+1,1))-1)+IF('Standard Profiles'!$G$21=$B$10,7,0)+IF('Standard Profiles'!$G$21=$B$17,14,0)+IF('Standard Profiles'!$G$21=$B$24,21,0),MOD($C512,24)+1)/SUM(INDEX($D$3:$AA$30,INDEX(Jesper!$R$2:$R$366,ROW(INDEX(Jesper!AK$2:AK$366,ROUNDDOWN($C512/24,0)+1,1))-1)+IF('Standard Profiles'!$G$21=$B$10,7,0)+IF('Standard Profiles'!$G$21=$B$17,14,0)+IF('Standard Profiles'!$G$21=$B$24,21,0),0)),0)</f>
        <v>0</v>
      </c>
      <c r="H512" cm="1">
        <f t="array" ref="H512">IFERROR(INDEX(Jesper!AL$2:AL$366,ROUNDDOWN($C512/24,0)+1,1)*INDEX($D$3:$AA$30,INDEX(Jesper!$R$2:$R$366,ROW(INDEX(Jesper!AL$2:AL$366,ROUNDDOWN($C512/24,0)+1,1))-1)+IF('Standard Profiles'!$G$22=$B$10,7,0)+IF('Standard Profiles'!$G$22=$B$17,14,0)+IF('Standard Profiles'!$G$22=$B$24,21,0),MOD($C512,24)+1)/SUM(INDEX($D$3:$AA$30,INDEX(Jesper!$R$2:$R$366,ROW(INDEX(Jesper!AL$2:AL$366,ROUNDDOWN($C512/24,0)+1,1))-1)+IF('Standard Profiles'!$G$22=$B$10,7,0)+IF('Standard Profiles'!$G$22=$B$17,14,0)+IF('Standard Profiles'!$G$22=$B$24,21,0),0)),0)</f>
        <v>0</v>
      </c>
      <c r="I512">
        <f t="shared" si="69"/>
        <v>0.12723005204871535</v>
      </c>
      <c r="J512">
        <f t="shared" si="70"/>
        <v>0.42410017349571782</v>
      </c>
      <c r="K512">
        <f t="shared" si="71"/>
        <v>0.63615026024357679</v>
      </c>
      <c r="L512">
        <f t="shared" si="72"/>
        <v>6.4824175112596745</v>
      </c>
      <c r="M512">
        <f t="shared" si="73"/>
        <v>0</v>
      </c>
      <c r="N512" s="46">
        <f t="shared" si="74"/>
        <v>45311.916666665507</v>
      </c>
    </row>
    <row r="513" spans="2:14" x14ac:dyDescent="0.3">
      <c r="B513">
        <f t="shared" si="68"/>
        <v>6</v>
      </c>
      <c r="C513" s="16">
        <v>479</v>
      </c>
      <c r="D513" cm="1">
        <f t="array" ref="D513">IFERROR(INDEX(Jesper!AH$2:AH$366,ROUNDDOWN($C513/24,0)+1,1)*INDEX($D$3:$AA$30,INDEX(Jesper!$R$2:$R$366,ROW(INDEX(Jesper!AH$2:AH$366,ROUNDDOWN($C513/24,0)+1,1))-1)+IF('Standard Profiles'!$G$18=$B$10,7,0)+IF('Standard Profiles'!$G$18=$B$17,14,0)+IF('Standard Profiles'!$G$18=$B$24,21,0),MOD($C513,24)+1)/SUM(INDEX($D$3:$AA$30,INDEX(Jesper!$R$2:$R$366,ROW(INDEX(Jesper!AH$2:AH$366,ROUNDDOWN($C513/24,0)+1,1))-1)+IF('Standard Profiles'!$G$18=$B$10,7,0)+IF('Standard Profiles'!$G$18=$B$17,14,0)+IF('Standard Profiles'!$G$18=$B$24,21,0),0)),0)</f>
        <v>6.2576444193069447</v>
      </c>
      <c r="E513" cm="1">
        <f t="array" ref="E513">IFERROR(INDEX(Jesper!AI$2:AI$366,ROUNDDOWN($C513/24,0)+1,1)*INDEX($D$3:$AA$30,INDEX(Jesper!$R$2:$R$366,ROW(INDEX(Jesper!AI$2:AI$366,ROUNDDOWN($C513/24,0)+1,1))-1)+IF('Standard Profiles'!$G$19=$B$10,7,0)+IF('Standard Profiles'!$G$19=$B$17,14,0)+IF('Standard Profiles'!$G$19=$B$24,21,0),MOD($C513,24)+1)/SUM(INDEX($D$3:$AA$30,INDEX(Jesper!$R$2:$R$366,ROW(INDEX(Jesper!AI$2:AI$366,ROUNDDOWN($C513/24,0)+1,1))-1)+IF('Standard Profiles'!$G$19=$B$10,7,0)+IF('Standard Profiles'!$G$19=$B$17,14,0)+IF('Standard Profiles'!$G$19=$B$24,21,0),0)),0)</f>
        <v>1.4122535777407399</v>
      </c>
      <c r="F513" cm="1">
        <f t="array" ref="F513">IFERROR(INDEX(Jesper!AJ$2:AJ$366,ROUNDDOWN($C513/24,0)+1,1)*INDEX($D$3:$AA$30,INDEX(Jesper!$R$2:$R$366,ROW(INDEX(Jesper!AJ$2:AJ$366,ROUNDDOWN($C513/24,0)+1,1))-1)+IF('Standard Profiles'!$G$20=$B$10,7,0)+IF('Standard Profiles'!$G$20=$B$17,14,0)+IF('Standard Profiles'!$G$20=$B$24,21,0),MOD($C513,24)+1)/SUM(INDEX($D$3:$AA$30,INDEX(Jesper!$R$2:$R$366,ROW(INDEX(Jesper!AJ$2:AJ$366,ROUNDDOWN($C513/24,0)+1,1))-1)+IF('Standard Profiles'!$G$20=$B$10,7,0)+IF('Standard Profiles'!$G$20=$B$17,14,0)+IF('Standard Profiles'!$G$20=$B$24,21,0),0)),0)</f>
        <v>0</v>
      </c>
      <c r="G513" cm="1">
        <f t="array" ref="G513">IFERROR(INDEX(Jesper!AK$2:AK$366,ROUNDDOWN($C513/24,0)+1,1)*INDEX($D$3:$AA$30,INDEX(Jesper!$R$2:$R$366,ROW(INDEX(Jesper!AK$2:AK$366,ROUNDDOWN($C513/24,0)+1,1))-1)+IF('Standard Profiles'!$G$21=$B$10,7,0)+IF('Standard Profiles'!$G$21=$B$17,14,0)+IF('Standard Profiles'!$G$21=$B$24,21,0),MOD($C513,24)+1)/SUM(INDEX($D$3:$AA$30,INDEX(Jesper!$R$2:$R$366,ROW(INDEX(Jesper!AK$2:AK$366,ROUNDDOWN($C513/24,0)+1,1))-1)+IF('Standard Profiles'!$G$21=$B$10,7,0)+IF('Standard Profiles'!$G$21=$B$17,14,0)+IF('Standard Profiles'!$G$21=$B$24,21,0),0)),0)</f>
        <v>0</v>
      </c>
      <c r="H513" cm="1">
        <f t="array" ref="H513">IFERROR(INDEX(Jesper!AL$2:AL$366,ROUNDDOWN($C513/24,0)+1,1)*INDEX($D$3:$AA$30,INDEX(Jesper!$R$2:$R$366,ROW(INDEX(Jesper!AL$2:AL$366,ROUNDDOWN($C513/24,0)+1,1))-1)+IF('Standard Profiles'!$G$22=$B$10,7,0)+IF('Standard Profiles'!$G$22=$B$17,14,0)+IF('Standard Profiles'!$G$22=$B$24,21,0),MOD($C513,24)+1)/SUM(INDEX($D$3:$AA$30,INDEX(Jesper!$R$2:$R$366,ROW(INDEX(Jesper!AL$2:AL$366,ROUNDDOWN($C513/24,0)+1,1))-1)+IF('Standard Profiles'!$G$22=$B$10,7,0)+IF('Standard Profiles'!$G$22=$B$17,14,0)+IF('Standard Profiles'!$G$22=$B$24,21,0),0)),0)</f>
        <v>0</v>
      </c>
      <c r="I513">
        <f t="shared" si="69"/>
        <v>0.12723005204871535</v>
      </c>
      <c r="J513">
        <f t="shared" si="70"/>
        <v>0.42410017349571782</v>
      </c>
      <c r="K513">
        <f t="shared" si="71"/>
        <v>0.63615026024357679</v>
      </c>
      <c r="L513">
        <f t="shared" si="72"/>
        <v>6.4824175112596745</v>
      </c>
      <c r="M513">
        <f t="shared" si="73"/>
        <v>0</v>
      </c>
      <c r="N513" s="46">
        <f t="shared" si="74"/>
        <v>45311.958333332172</v>
      </c>
    </row>
    <row r="514" spans="2:14" x14ac:dyDescent="0.3">
      <c r="B514">
        <f t="shared" si="68"/>
        <v>7</v>
      </c>
      <c r="C514" s="16">
        <v>480</v>
      </c>
      <c r="D514" cm="1">
        <f t="array" ref="D514">IFERROR(INDEX(Jesper!AH$2:AH$366,ROUNDDOWN($C514/24,0)+1,1)*INDEX($D$3:$AA$30,INDEX(Jesper!$R$2:$R$366,ROW(INDEX(Jesper!AH$2:AH$366,ROUNDDOWN($C514/24,0)+1,1))-1)+IF('Standard Profiles'!$G$18=$B$10,7,0)+IF('Standard Profiles'!$G$18=$B$17,14,0)+IF('Standard Profiles'!$G$18=$B$24,21,0),MOD($C514,24)+1)/SUM(INDEX($D$3:$AA$30,INDEX(Jesper!$R$2:$R$366,ROW(INDEX(Jesper!AH$2:AH$366,ROUNDDOWN($C514/24,0)+1,1))-1)+IF('Standard Profiles'!$G$18=$B$10,7,0)+IF('Standard Profiles'!$G$18=$B$17,14,0)+IF('Standard Profiles'!$G$18=$B$24,21,0),0)),0)</f>
        <v>7.1422899285370232</v>
      </c>
      <c r="E514" cm="1">
        <f t="array" ref="E514">IFERROR(INDEX(Jesper!AI$2:AI$366,ROUNDDOWN($C514/24,0)+1,1)*INDEX($D$3:$AA$30,INDEX(Jesper!$R$2:$R$366,ROW(INDEX(Jesper!AI$2:AI$366,ROUNDDOWN($C514/24,0)+1,1))-1)+IF('Standard Profiles'!$G$19=$B$10,7,0)+IF('Standard Profiles'!$G$19=$B$17,14,0)+IF('Standard Profiles'!$G$19=$B$24,21,0),MOD($C514,24)+1)/SUM(INDEX($D$3:$AA$30,INDEX(Jesper!$R$2:$R$366,ROW(INDEX(Jesper!AI$2:AI$366,ROUNDDOWN($C514/24,0)+1,1))-1)+IF('Standard Profiles'!$G$19=$B$10,7,0)+IF('Standard Profiles'!$G$19=$B$17,14,0)+IF('Standard Profiles'!$G$19=$B$24,21,0),0)),0)</f>
        <v>1.6212506752660727</v>
      </c>
      <c r="F514" cm="1">
        <f t="array" ref="F514">IFERROR(INDEX(Jesper!AJ$2:AJ$366,ROUNDDOWN($C514/24,0)+1,1)*INDEX($D$3:$AA$30,INDEX(Jesper!$R$2:$R$366,ROW(INDEX(Jesper!AJ$2:AJ$366,ROUNDDOWN($C514/24,0)+1,1))-1)+IF('Standard Profiles'!$G$20=$B$10,7,0)+IF('Standard Profiles'!$G$20=$B$17,14,0)+IF('Standard Profiles'!$G$20=$B$24,21,0),MOD($C514,24)+1)/SUM(INDEX($D$3:$AA$30,INDEX(Jesper!$R$2:$R$366,ROW(INDEX(Jesper!AJ$2:AJ$366,ROUNDDOWN($C514/24,0)+1,1))-1)+IF('Standard Profiles'!$G$20=$B$10,7,0)+IF('Standard Profiles'!$G$20=$B$17,14,0)+IF('Standard Profiles'!$G$20=$B$24,21,0),0)),0)</f>
        <v>0</v>
      </c>
      <c r="G514" cm="1">
        <f t="array" ref="G514">IFERROR(INDEX(Jesper!AK$2:AK$366,ROUNDDOWN($C514/24,0)+1,1)*INDEX($D$3:$AA$30,INDEX(Jesper!$R$2:$R$366,ROW(INDEX(Jesper!AK$2:AK$366,ROUNDDOWN($C514/24,0)+1,1))-1)+IF('Standard Profiles'!$G$21=$B$10,7,0)+IF('Standard Profiles'!$G$21=$B$17,14,0)+IF('Standard Profiles'!$G$21=$B$24,21,0),MOD($C514,24)+1)/SUM(INDEX($D$3:$AA$30,INDEX(Jesper!$R$2:$R$366,ROW(INDEX(Jesper!AK$2:AK$366,ROUNDDOWN($C514/24,0)+1,1))-1)+IF('Standard Profiles'!$G$21=$B$10,7,0)+IF('Standard Profiles'!$G$21=$B$17,14,0)+IF('Standard Profiles'!$G$21=$B$24,21,0),0)),0)</f>
        <v>0</v>
      </c>
      <c r="H514" cm="1">
        <f t="array" ref="H514">IFERROR(INDEX(Jesper!AL$2:AL$366,ROUNDDOWN($C514/24,0)+1,1)*INDEX($D$3:$AA$30,INDEX(Jesper!$R$2:$R$366,ROW(INDEX(Jesper!AL$2:AL$366,ROUNDDOWN($C514/24,0)+1,1))-1)+IF('Standard Profiles'!$G$22=$B$10,7,0)+IF('Standard Profiles'!$G$22=$B$17,14,0)+IF('Standard Profiles'!$G$22=$B$24,21,0),MOD($C514,24)+1)/SUM(INDEX($D$3:$AA$30,INDEX(Jesper!$R$2:$R$366,ROW(INDEX(Jesper!AL$2:AL$366,ROUNDDOWN($C514/24,0)+1,1))-1)+IF('Standard Profiles'!$G$22=$B$10,7,0)+IF('Standard Profiles'!$G$22=$B$17,14,0)+IF('Standard Profiles'!$G$22=$B$24,21,0),0)),0)</f>
        <v>0</v>
      </c>
      <c r="I514">
        <f t="shared" si="69"/>
        <v>0.14605861939333992</v>
      </c>
      <c r="J514">
        <f t="shared" si="70"/>
        <v>0.48686206464446646</v>
      </c>
      <c r="K514">
        <f t="shared" si="71"/>
        <v>0.73029309696669964</v>
      </c>
      <c r="L514">
        <f t="shared" si="72"/>
        <v>7.4003268227985899</v>
      </c>
      <c r="M514">
        <f t="shared" si="73"/>
        <v>0</v>
      </c>
      <c r="N514" s="46">
        <f t="shared" si="74"/>
        <v>45311.999999998836</v>
      </c>
    </row>
    <row r="515" spans="2:14" x14ac:dyDescent="0.3">
      <c r="B515">
        <f t="shared" si="68"/>
        <v>7</v>
      </c>
      <c r="C515" s="16">
        <v>481</v>
      </c>
      <c r="D515" cm="1">
        <f t="array" ref="D515">IFERROR(INDEX(Jesper!AH$2:AH$366,ROUNDDOWN($C515/24,0)+1,1)*INDEX($D$3:$AA$30,INDEX(Jesper!$R$2:$R$366,ROW(INDEX(Jesper!AH$2:AH$366,ROUNDDOWN($C515/24,0)+1,1))-1)+IF('Standard Profiles'!$G$18=$B$10,7,0)+IF('Standard Profiles'!$G$18=$B$17,14,0)+IF('Standard Profiles'!$G$18=$B$24,21,0),MOD($C515,24)+1)/SUM(INDEX($D$3:$AA$30,INDEX(Jesper!$R$2:$R$366,ROW(INDEX(Jesper!AH$2:AH$366,ROUNDDOWN($C515/24,0)+1,1))-1)+IF('Standard Profiles'!$G$18=$B$10,7,0)+IF('Standard Profiles'!$G$18=$B$17,14,0)+IF('Standard Profiles'!$G$18=$B$24,21,0),0)),0)</f>
        <v>8.2942721750752515</v>
      </c>
      <c r="E515" cm="1">
        <f t="array" ref="E515">IFERROR(INDEX(Jesper!AI$2:AI$366,ROUNDDOWN($C515/24,0)+1,1)*INDEX($D$3:$AA$30,INDEX(Jesper!$R$2:$R$366,ROW(INDEX(Jesper!AI$2:AI$366,ROUNDDOWN($C515/24,0)+1,1))-1)+IF('Standard Profiles'!$G$19=$B$10,7,0)+IF('Standard Profiles'!$G$19=$B$17,14,0)+IF('Standard Profiles'!$G$19=$B$24,21,0),MOD($C515,24)+1)/SUM(INDEX($D$3:$AA$30,INDEX(Jesper!$R$2:$R$366,ROW(INDEX(Jesper!AI$2:AI$366,ROUNDDOWN($C515/24,0)+1,1))-1)+IF('Standard Profiles'!$G$19=$B$10,7,0)+IF('Standard Profiles'!$G$19=$B$17,14,0)+IF('Standard Profiles'!$G$19=$B$24,21,0),0)),0)</f>
        <v>1.8827427196638262</v>
      </c>
      <c r="F515" cm="1">
        <f t="array" ref="F515">IFERROR(INDEX(Jesper!AJ$2:AJ$366,ROUNDDOWN($C515/24,0)+1,1)*INDEX($D$3:$AA$30,INDEX(Jesper!$R$2:$R$366,ROW(INDEX(Jesper!AJ$2:AJ$366,ROUNDDOWN($C515/24,0)+1,1))-1)+IF('Standard Profiles'!$G$20=$B$10,7,0)+IF('Standard Profiles'!$G$20=$B$17,14,0)+IF('Standard Profiles'!$G$20=$B$24,21,0),MOD($C515,24)+1)/SUM(INDEX($D$3:$AA$30,INDEX(Jesper!$R$2:$R$366,ROW(INDEX(Jesper!AJ$2:AJ$366,ROUNDDOWN($C515/24,0)+1,1))-1)+IF('Standard Profiles'!$G$20=$B$10,7,0)+IF('Standard Profiles'!$G$20=$B$17,14,0)+IF('Standard Profiles'!$G$20=$B$24,21,0),0)),0)</f>
        <v>0</v>
      </c>
      <c r="G515" cm="1">
        <f t="array" ref="G515">IFERROR(INDEX(Jesper!AK$2:AK$366,ROUNDDOWN($C515/24,0)+1,1)*INDEX($D$3:$AA$30,INDEX(Jesper!$R$2:$R$366,ROW(INDEX(Jesper!AK$2:AK$366,ROUNDDOWN($C515/24,0)+1,1))-1)+IF('Standard Profiles'!$G$21=$B$10,7,0)+IF('Standard Profiles'!$G$21=$B$17,14,0)+IF('Standard Profiles'!$G$21=$B$24,21,0),MOD($C515,24)+1)/SUM(INDEX($D$3:$AA$30,INDEX(Jesper!$R$2:$R$366,ROW(INDEX(Jesper!AK$2:AK$366,ROUNDDOWN($C515/24,0)+1,1))-1)+IF('Standard Profiles'!$G$21=$B$10,7,0)+IF('Standard Profiles'!$G$21=$B$17,14,0)+IF('Standard Profiles'!$G$21=$B$24,21,0),0)),0)</f>
        <v>0</v>
      </c>
      <c r="H515" cm="1">
        <f t="array" ref="H515">IFERROR(INDEX(Jesper!AL$2:AL$366,ROUNDDOWN($C515/24,0)+1,1)*INDEX($D$3:$AA$30,INDEX(Jesper!$R$2:$R$366,ROW(INDEX(Jesper!AL$2:AL$366,ROUNDDOWN($C515/24,0)+1,1))-1)+IF('Standard Profiles'!$G$22=$B$10,7,0)+IF('Standard Profiles'!$G$22=$B$17,14,0)+IF('Standard Profiles'!$G$22=$B$24,21,0),MOD($C515,24)+1)/SUM(INDEX($D$3:$AA$30,INDEX(Jesper!$R$2:$R$366,ROW(INDEX(Jesper!AL$2:AL$366,ROUNDDOWN($C515/24,0)+1,1))-1)+IF('Standard Profiles'!$G$22=$B$10,7,0)+IF('Standard Profiles'!$G$22=$B$17,14,0)+IF('Standard Profiles'!$G$22=$B$24,21,0),0)),0)</f>
        <v>0</v>
      </c>
      <c r="I515">
        <f t="shared" si="69"/>
        <v>0.16961646123097537</v>
      </c>
      <c r="J515">
        <f t="shared" si="70"/>
        <v>0.5653882041032513</v>
      </c>
      <c r="K515">
        <f t="shared" si="71"/>
        <v>0.84808230615487701</v>
      </c>
      <c r="L515">
        <f t="shared" si="72"/>
        <v>8.593927923249975</v>
      </c>
      <c r="M515">
        <f t="shared" si="73"/>
        <v>0</v>
      </c>
      <c r="N515" s="46">
        <f t="shared" si="74"/>
        <v>45312.0416666655</v>
      </c>
    </row>
    <row r="516" spans="2:14" x14ac:dyDescent="0.3">
      <c r="B516">
        <f t="shared" si="68"/>
        <v>7</v>
      </c>
      <c r="C516" s="16">
        <v>482</v>
      </c>
      <c r="D516" cm="1">
        <f t="array" ref="D516">IFERROR(INDEX(Jesper!AH$2:AH$366,ROUNDDOWN($C516/24,0)+1,1)*INDEX($D$3:$AA$30,INDEX(Jesper!$R$2:$R$366,ROW(INDEX(Jesper!AH$2:AH$366,ROUNDDOWN($C516/24,0)+1,1))-1)+IF('Standard Profiles'!$G$18=$B$10,7,0)+IF('Standard Profiles'!$G$18=$B$17,14,0)+IF('Standard Profiles'!$G$18=$B$24,21,0),MOD($C516,24)+1)/SUM(INDEX($D$3:$AA$30,INDEX(Jesper!$R$2:$R$366,ROW(INDEX(Jesper!AH$2:AH$366,ROUNDDOWN($C516/24,0)+1,1))-1)+IF('Standard Profiles'!$G$18=$B$10,7,0)+IF('Standard Profiles'!$G$18=$B$17,14,0)+IF('Standard Profiles'!$G$18=$B$24,21,0),0)),0)</f>
        <v>8.2942721750752515</v>
      </c>
      <c r="E516" cm="1">
        <f t="array" ref="E516">IFERROR(INDEX(Jesper!AI$2:AI$366,ROUNDDOWN($C516/24,0)+1,1)*INDEX($D$3:$AA$30,INDEX(Jesper!$R$2:$R$366,ROW(INDEX(Jesper!AI$2:AI$366,ROUNDDOWN($C516/24,0)+1,1))-1)+IF('Standard Profiles'!$G$19=$B$10,7,0)+IF('Standard Profiles'!$G$19=$B$17,14,0)+IF('Standard Profiles'!$G$19=$B$24,21,0),MOD($C516,24)+1)/SUM(INDEX($D$3:$AA$30,INDEX(Jesper!$R$2:$R$366,ROW(INDEX(Jesper!AI$2:AI$366,ROUNDDOWN($C516/24,0)+1,1))-1)+IF('Standard Profiles'!$G$19=$B$10,7,0)+IF('Standard Profiles'!$G$19=$B$17,14,0)+IF('Standard Profiles'!$G$19=$B$24,21,0),0)),0)</f>
        <v>1.8827427196638262</v>
      </c>
      <c r="F516" cm="1">
        <f t="array" ref="F516">IFERROR(INDEX(Jesper!AJ$2:AJ$366,ROUNDDOWN($C516/24,0)+1,1)*INDEX($D$3:$AA$30,INDEX(Jesper!$R$2:$R$366,ROW(INDEX(Jesper!AJ$2:AJ$366,ROUNDDOWN($C516/24,0)+1,1))-1)+IF('Standard Profiles'!$G$20=$B$10,7,0)+IF('Standard Profiles'!$G$20=$B$17,14,0)+IF('Standard Profiles'!$G$20=$B$24,21,0),MOD($C516,24)+1)/SUM(INDEX($D$3:$AA$30,INDEX(Jesper!$R$2:$R$366,ROW(INDEX(Jesper!AJ$2:AJ$366,ROUNDDOWN($C516/24,0)+1,1))-1)+IF('Standard Profiles'!$G$20=$B$10,7,0)+IF('Standard Profiles'!$G$20=$B$17,14,0)+IF('Standard Profiles'!$G$20=$B$24,21,0),0)),0)</f>
        <v>0</v>
      </c>
      <c r="G516" cm="1">
        <f t="array" ref="G516">IFERROR(INDEX(Jesper!AK$2:AK$366,ROUNDDOWN($C516/24,0)+1,1)*INDEX($D$3:$AA$30,INDEX(Jesper!$R$2:$R$366,ROW(INDEX(Jesper!AK$2:AK$366,ROUNDDOWN($C516/24,0)+1,1))-1)+IF('Standard Profiles'!$G$21=$B$10,7,0)+IF('Standard Profiles'!$G$21=$B$17,14,0)+IF('Standard Profiles'!$G$21=$B$24,21,0),MOD($C516,24)+1)/SUM(INDEX($D$3:$AA$30,INDEX(Jesper!$R$2:$R$366,ROW(INDEX(Jesper!AK$2:AK$366,ROUNDDOWN($C516/24,0)+1,1))-1)+IF('Standard Profiles'!$G$21=$B$10,7,0)+IF('Standard Profiles'!$G$21=$B$17,14,0)+IF('Standard Profiles'!$G$21=$B$24,21,0),0)),0)</f>
        <v>0</v>
      </c>
      <c r="H516" cm="1">
        <f t="array" ref="H516">IFERROR(INDEX(Jesper!AL$2:AL$366,ROUNDDOWN($C516/24,0)+1,1)*INDEX($D$3:$AA$30,INDEX(Jesper!$R$2:$R$366,ROW(INDEX(Jesper!AL$2:AL$366,ROUNDDOWN($C516/24,0)+1,1))-1)+IF('Standard Profiles'!$G$22=$B$10,7,0)+IF('Standard Profiles'!$G$22=$B$17,14,0)+IF('Standard Profiles'!$G$22=$B$24,21,0),MOD($C516,24)+1)/SUM(INDEX($D$3:$AA$30,INDEX(Jesper!$R$2:$R$366,ROW(INDEX(Jesper!AL$2:AL$366,ROUNDDOWN($C516/24,0)+1,1))-1)+IF('Standard Profiles'!$G$22=$B$10,7,0)+IF('Standard Profiles'!$G$22=$B$17,14,0)+IF('Standard Profiles'!$G$22=$B$24,21,0),0)),0)</f>
        <v>0</v>
      </c>
      <c r="I516">
        <f t="shared" si="69"/>
        <v>0.16961646123097537</v>
      </c>
      <c r="J516">
        <f t="shared" si="70"/>
        <v>0.5653882041032513</v>
      </c>
      <c r="K516">
        <f t="shared" si="71"/>
        <v>0.84808230615487701</v>
      </c>
      <c r="L516">
        <f t="shared" si="72"/>
        <v>8.593927923249975</v>
      </c>
      <c r="M516">
        <f t="shared" si="73"/>
        <v>0</v>
      </c>
      <c r="N516" s="46">
        <f t="shared" si="74"/>
        <v>45312.083333332164</v>
      </c>
    </row>
    <row r="517" spans="2:14" x14ac:dyDescent="0.3">
      <c r="B517">
        <f t="shared" si="68"/>
        <v>7</v>
      </c>
      <c r="C517" s="16">
        <v>483</v>
      </c>
      <c r="D517" cm="1">
        <f t="array" ref="D517">IFERROR(INDEX(Jesper!AH$2:AH$366,ROUNDDOWN($C517/24,0)+1,1)*INDEX($D$3:$AA$30,INDEX(Jesper!$R$2:$R$366,ROW(INDEX(Jesper!AH$2:AH$366,ROUNDDOWN($C517/24,0)+1,1))-1)+IF('Standard Profiles'!$G$18=$B$10,7,0)+IF('Standard Profiles'!$G$18=$B$17,14,0)+IF('Standard Profiles'!$G$18=$B$24,21,0),MOD($C517,24)+1)/SUM(INDEX($D$3:$AA$30,INDEX(Jesper!$R$2:$R$366,ROW(INDEX(Jesper!AH$2:AH$366,ROUNDDOWN($C517/24,0)+1,1))-1)+IF('Standard Profiles'!$G$18=$B$10,7,0)+IF('Standard Profiles'!$G$18=$B$17,14,0)+IF('Standard Profiles'!$G$18=$B$24,21,0),0)),0)</f>
        <v>8.2942721750752515</v>
      </c>
      <c r="E517" cm="1">
        <f t="array" ref="E517">IFERROR(INDEX(Jesper!AI$2:AI$366,ROUNDDOWN($C517/24,0)+1,1)*INDEX($D$3:$AA$30,INDEX(Jesper!$R$2:$R$366,ROW(INDEX(Jesper!AI$2:AI$366,ROUNDDOWN($C517/24,0)+1,1))-1)+IF('Standard Profiles'!$G$19=$B$10,7,0)+IF('Standard Profiles'!$G$19=$B$17,14,0)+IF('Standard Profiles'!$G$19=$B$24,21,0),MOD($C517,24)+1)/SUM(INDEX($D$3:$AA$30,INDEX(Jesper!$R$2:$R$366,ROW(INDEX(Jesper!AI$2:AI$366,ROUNDDOWN($C517/24,0)+1,1))-1)+IF('Standard Profiles'!$G$19=$B$10,7,0)+IF('Standard Profiles'!$G$19=$B$17,14,0)+IF('Standard Profiles'!$G$19=$B$24,21,0),0)),0)</f>
        <v>1.8827427196638262</v>
      </c>
      <c r="F517" cm="1">
        <f t="array" ref="F517">IFERROR(INDEX(Jesper!AJ$2:AJ$366,ROUNDDOWN($C517/24,0)+1,1)*INDEX($D$3:$AA$30,INDEX(Jesper!$R$2:$R$366,ROW(INDEX(Jesper!AJ$2:AJ$366,ROUNDDOWN($C517/24,0)+1,1))-1)+IF('Standard Profiles'!$G$20=$B$10,7,0)+IF('Standard Profiles'!$G$20=$B$17,14,0)+IF('Standard Profiles'!$G$20=$B$24,21,0),MOD($C517,24)+1)/SUM(INDEX($D$3:$AA$30,INDEX(Jesper!$R$2:$R$366,ROW(INDEX(Jesper!AJ$2:AJ$366,ROUNDDOWN($C517/24,0)+1,1))-1)+IF('Standard Profiles'!$G$20=$B$10,7,0)+IF('Standard Profiles'!$G$20=$B$17,14,0)+IF('Standard Profiles'!$G$20=$B$24,21,0),0)),0)</f>
        <v>0</v>
      </c>
      <c r="G517" cm="1">
        <f t="array" ref="G517">IFERROR(INDEX(Jesper!AK$2:AK$366,ROUNDDOWN($C517/24,0)+1,1)*INDEX($D$3:$AA$30,INDEX(Jesper!$R$2:$R$366,ROW(INDEX(Jesper!AK$2:AK$366,ROUNDDOWN($C517/24,0)+1,1))-1)+IF('Standard Profiles'!$G$21=$B$10,7,0)+IF('Standard Profiles'!$G$21=$B$17,14,0)+IF('Standard Profiles'!$G$21=$B$24,21,0),MOD($C517,24)+1)/SUM(INDEX($D$3:$AA$30,INDEX(Jesper!$R$2:$R$366,ROW(INDEX(Jesper!AK$2:AK$366,ROUNDDOWN($C517/24,0)+1,1))-1)+IF('Standard Profiles'!$G$21=$B$10,7,0)+IF('Standard Profiles'!$G$21=$B$17,14,0)+IF('Standard Profiles'!$G$21=$B$24,21,0),0)),0)</f>
        <v>0</v>
      </c>
      <c r="H517" cm="1">
        <f t="array" ref="H517">IFERROR(INDEX(Jesper!AL$2:AL$366,ROUNDDOWN($C517/24,0)+1,1)*INDEX($D$3:$AA$30,INDEX(Jesper!$R$2:$R$366,ROW(INDEX(Jesper!AL$2:AL$366,ROUNDDOWN($C517/24,0)+1,1))-1)+IF('Standard Profiles'!$G$22=$B$10,7,0)+IF('Standard Profiles'!$G$22=$B$17,14,0)+IF('Standard Profiles'!$G$22=$B$24,21,0),MOD($C517,24)+1)/SUM(INDEX($D$3:$AA$30,INDEX(Jesper!$R$2:$R$366,ROW(INDEX(Jesper!AL$2:AL$366,ROUNDDOWN($C517/24,0)+1,1))-1)+IF('Standard Profiles'!$G$22=$B$10,7,0)+IF('Standard Profiles'!$G$22=$B$17,14,0)+IF('Standard Profiles'!$G$22=$B$24,21,0),0)),0)</f>
        <v>0</v>
      </c>
      <c r="I517">
        <f t="shared" si="69"/>
        <v>0.16961646123097537</v>
      </c>
      <c r="J517">
        <f t="shared" si="70"/>
        <v>0.5653882041032513</v>
      </c>
      <c r="K517">
        <f t="shared" si="71"/>
        <v>0.84808230615487701</v>
      </c>
      <c r="L517">
        <f t="shared" si="72"/>
        <v>8.593927923249975</v>
      </c>
      <c r="M517">
        <f t="shared" si="73"/>
        <v>0</v>
      </c>
      <c r="N517" s="46">
        <f t="shared" si="74"/>
        <v>45312.124999998829</v>
      </c>
    </row>
    <row r="518" spans="2:14" x14ac:dyDescent="0.3">
      <c r="B518">
        <f t="shared" si="68"/>
        <v>7</v>
      </c>
      <c r="C518" s="16">
        <v>484</v>
      </c>
      <c r="D518" cm="1">
        <f t="array" ref="D518">IFERROR(INDEX(Jesper!AH$2:AH$366,ROUNDDOWN($C518/24,0)+1,1)*INDEX($D$3:$AA$30,INDEX(Jesper!$R$2:$R$366,ROW(INDEX(Jesper!AH$2:AH$366,ROUNDDOWN($C518/24,0)+1,1))-1)+IF('Standard Profiles'!$G$18=$B$10,7,0)+IF('Standard Profiles'!$G$18=$B$17,14,0)+IF('Standard Profiles'!$G$18=$B$24,21,0),MOD($C518,24)+1)/SUM(INDEX($D$3:$AA$30,INDEX(Jesper!$R$2:$R$366,ROW(INDEX(Jesper!AH$2:AH$366,ROUNDDOWN($C518/24,0)+1,1))-1)+IF('Standard Profiles'!$G$18=$B$10,7,0)+IF('Standard Profiles'!$G$18=$B$17,14,0)+IF('Standard Profiles'!$G$18=$B$24,21,0),0)),0)</f>
        <v>8.2942721750752515</v>
      </c>
      <c r="E518" cm="1">
        <f t="array" ref="E518">IFERROR(INDEX(Jesper!AI$2:AI$366,ROUNDDOWN($C518/24,0)+1,1)*INDEX($D$3:$AA$30,INDEX(Jesper!$R$2:$R$366,ROW(INDEX(Jesper!AI$2:AI$366,ROUNDDOWN($C518/24,0)+1,1))-1)+IF('Standard Profiles'!$G$19=$B$10,7,0)+IF('Standard Profiles'!$G$19=$B$17,14,0)+IF('Standard Profiles'!$G$19=$B$24,21,0),MOD($C518,24)+1)/SUM(INDEX($D$3:$AA$30,INDEX(Jesper!$R$2:$R$366,ROW(INDEX(Jesper!AI$2:AI$366,ROUNDDOWN($C518/24,0)+1,1))-1)+IF('Standard Profiles'!$G$19=$B$10,7,0)+IF('Standard Profiles'!$G$19=$B$17,14,0)+IF('Standard Profiles'!$G$19=$B$24,21,0),0)),0)</f>
        <v>1.8827427196638262</v>
      </c>
      <c r="F518" cm="1">
        <f t="array" ref="F518">IFERROR(INDEX(Jesper!AJ$2:AJ$366,ROUNDDOWN($C518/24,0)+1,1)*INDEX($D$3:$AA$30,INDEX(Jesper!$R$2:$R$366,ROW(INDEX(Jesper!AJ$2:AJ$366,ROUNDDOWN($C518/24,0)+1,1))-1)+IF('Standard Profiles'!$G$20=$B$10,7,0)+IF('Standard Profiles'!$G$20=$B$17,14,0)+IF('Standard Profiles'!$G$20=$B$24,21,0),MOD($C518,24)+1)/SUM(INDEX($D$3:$AA$30,INDEX(Jesper!$R$2:$R$366,ROW(INDEX(Jesper!AJ$2:AJ$366,ROUNDDOWN($C518/24,0)+1,1))-1)+IF('Standard Profiles'!$G$20=$B$10,7,0)+IF('Standard Profiles'!$G$20=$B$17,14,0)+IF('Standard Profiles'!$G$20=$B$24,21,0),0)),0)</f>
        <v>0</v>
      </c>
      <c r="G518" cm="1">
        <f t="array" ref="G518">IFERROR(INDEX(Jesper!AK$2:AK$366,ROUNDDOWN($C518/24,0)+1,1)*INDEX($D$3:$AA$30,INDEX(Jesper!$R$2:$R$366,ROW(INDEX(Jesper!AK$2:AK$366,ROUNDDOWN($C518/24,0)+1,1))-1)+IF('Standard Profiles'!$G$21=$B$10,7,0)+IF('Standard Profiles'!$G$21=$B$17,14,0)+IF('Standard Profiles'!$G$21=$B$24,21,0),MOD($C518,24)+1)/SUM(INDEX($D$3:$AA$30,INDEX(Jesper!$R$2:$R$366,ROW(INDEX(Jesper!AK$2:AK$366,ROUNDDOWN($C518/24,0)+1,1))-1)+IF('Standard Profiles'!$G$21=$B$10,7,0)+IF('Standard Profiles'!$G$21=$B$17,14,0)+IF('Standard Profiles'!$G$21=$B$24,21,0),0)),0)</f>
        <v>0</v>
      </c>
      <c r="H518" cm="1">
        <f t="array" ref="H518">IFERROR(INDEX(Jesper!AL$2:AL$366,ROUNDDOWN($C518/24,0)+1,1)*INDEX($D$3:$AA$30,INDEX(Jesper!$R$2:$R$366,ROW(INDEX(Jesper!AL$2:AL$366,ROUNDDOWN($C518/24,0)+1,1))-1)+IF('Standard Profiles'!$G$22=$B$10,7,0)+IF('Standard Profiles'!$G$22=$B$17,14,0)+IF('Standard Profiles'!$G$22=$B$24,21,0),MOD($C518,24)+1)/SUM(INDEX($D$3:$AA$30,INDEX(Jesper!$R$2:$R$366,ROW(INDEX(Jesper!AL$2:AL$366,ROUNDDOWN($C518/24,0)+1,1))-1)+IF('Standard Profiles'!$G$22=$B$10,7,0)+IF('Standard Profiles'!$G$22=$B$17,14,0)+IF('Standard Profiles'!$G$22=$B$24,21,0),0)),0)</f>
        <v>0</v>
      </c>
      <c r="I518">
        <f t="shared" si="69"/>
        <v>0.16961646123097537</v>
      </c>
      <c r="J518">
        <f t="shared" si="70"/>
        <v>0.5653882041032513</v>
      </c>
      <c r="K518">
        <f t="shared" si="71"/>
        <v>0.84808230615487701</v>
      </c>
      <c r="L518">
        <f t="shared" si="72"/>
        <v>8.593927923249975</v>
      </c>
      <c r="M518">
        <f t="shared" si="73"/>
        <v>0</v>
      </c>
      <c r="N518" s="46">
        <f t="shared" si="74"/>
        <v>45312.166666665493</v>
      </c>
    </row>
    <row r="519" spans="2:14" x14ac:dyDescent="0.3">
      <c r="B519">
        <f t="shared" si="68"/>
        <v>7</v>
      </c>
      <c r="C519" s="16">
        <v>485</v>
      </c>
      <c r="D519" cm="1">
        <f t="array" ref="D519">IFERROR(INDEX(Jesper!AH$2:AH$366,ROUNDDOWN($C519/24,0)+1,1)*INDEX($D$3:$AA$30,INDEX(Jesper!$R$2:$R$366,ROW(INDEX(Jesper!AH$2:AH$366,ROUNDDOWN($C519/24,0)+1,1))-1)+IF('Standard Profiles'!$G$18=$B$10,7,0)+IF('Standard Profiles'!$G$18=$B$17,14,0)+IF('Standard Profiles'!$G$18=$B$24,21,0),MOD($C519,24)+1)/SUM(INDEX($D$3:$AA$30,INDEX(Jesper!$R$2:$R$366,ROW(INDEX(Jesper!AH$2:AH$366,ROUNDDOWN($C519/24,0)+1,1))-1)+IF('Standard Profiles'!$G$18=$B$10,7,0)+IF('Standard Profiles'!$G$18=$B$17,14,0)+IF('Standard Profiles'!$G$18=$B$24,21,0),0)),0)</f>
        <v>10.367840218844066</v>
      </c>
      <c r="E519" cm="1">
        <f t="array" ref="E519">IFERROR(INDEX(Jesper!AI$2:AI$366,ROUNDDOWN($C519/24,0)+1,1)*INDEX($D$3:$AA$30,INDEX(Jesper!$R$2:$R$366,ROW(INDEX(Jesper!AI$2:AI$366,ROUNDDOWN($C519/24,0)+1,1))-1)+IF('Standard Profiles'!$G$19=$B$10,7,0)+IF('Standard Profiles'!$G$19=$B$17,14,0)+IF('Standard Profiles'!$G$19=$B$24,21,0),MOD($C519,24)+1)/SUM(INDEX($D$3:$AA$30,INDEX(Jesper!$R$2:$R$366,ROW(INDEX(Jesper!AI$2:AI$366,ROUNDDOWN($C519/24,0)+1,1))-1)+IF('Standard Profiles'!$G$19=$B$10,7,0)+IF('Standard Profiles'!$G$19=$B$17,14,0)+IF('Standard Profiles'!$G$19=$B$24,21,0),0)),0)</f>
        <v>2.3534283995797827</v>
      </c>
      <c r="F519" cm="1">
        <f t="array" ref="F519">IFERROR(INDEX(Jesper!AJ$2:AJ$366,ROUNDDOWN($C519/24,0)+1,1)*INDEX($D$3:$AA$30,INDEX(Jesper!$R$2:$R$366,ROW(INDEX(Jesper!AJ$2:AJ$366,ROUNDDOWN($C519/24,0)+1,1))-1)+IF('Standard Profiles'!$G$20=$B$10,7,0)+IF('Standard Profiles'!$G$20=$B$17,14,0)+IF('Standard Profiles'!$G$20=$B$24,21,0),MOD($C519,24)+1)/SUM(INDEX($D$3:$AA$30,INDEX(Jesper!$R$2:$R$366,ROW(INDEX(Jesper!AJ$2:AJ$366,ROUNDDOWN($C519/24,0)+1,1))-1)+IF('Standard Profiles'!$G$20=$B$10,7,0)+IF('Standard Profiles'!$G$20=$B$17,14,0)+IF('Standard Profiles'!$G$20=$B$24,21,0),0)),0)</f>
        <v>0</v>
      </c>
      <c r="G519" cm="1">
        <f t="array" ref="G519">IFERROR(INDEX(Jesper!AK$2:AK$366,ROUNDDOWN($C519/24,0)+1,1)*INDEX($D$3:$AA$30,INDEX(Jesper!$R$2:$R$366,ROW(INDEX(Jesper!AK$2:AK$366,ROUNDDOWN($C519/24,0)+1,1))-1)+IF('Standard Profiles'!$G$21=$B$10,7,0)+IF('Standard Profiles'!$G$21=$B$17,14,0)+IF('Standard Profiles'!$G$21=$B$24,21,0),MOD($C519,24)+1)/SUM(INDEX($D$3:$AA$30,INDEX(Jesper!$R$2:$R$366,ROW(INDEX(Jesper!AK$2:AK$366,ROUNDDOWN($C519/24,0)+1,1))-1)+IF('Standard Profiles'!$G$21=$B$10,7,0)+IF('Standard Profiles'!$G$21=$B$17,14,0)+IF('Standard Profiles'!$G$21=$B$24,21,0),0)),0)</f>
        <v>0</v>
      </c>
      <c r="H519" cm="1">
        <f t="array" ref="H519">IFERROR(INDEX(Jesper!AL$2:AL$366,ROUNDDOWN($C519/24,0)+1,1)*INDEX($D$3:$AA$30,INDEX(Jesper!$R$2:$R$366,ROW(INDEX(Jesper!AL$2:AL$366,ROUNDDOWN($C519/24,0)+1,1))-1)+IF('Standard Profiles'!$G$22=$B$10,7,0)+IF('Standard Profiles'!$G$22=$B$17,14,0)+IF('Standard Profiles'!$G$22=$B$24,21,0),MOD($C519,24)+1)/SUM(INDEX($D$3:$AA$30,INDEX(Jesper!$R$2:$R$366,ROW(INDEX(Jesper!AL$2:AL$366,ROUNDDOWN($C519/24,0)+1,1))-1)+IF('Standard Profiles'!$G$22=$B$10,7,0)+IF('Standard Profiles'!$G$22=$B$17,14,0)+IF('Standard Profiles'!$G$22=$B$24,21,0),0)),0)</f>
        <v>0</v>
      </c>
      <c r="I519">
        <f t="shared" si="69"/>
        <v>0.21202057653871922</v>
      </c>
      <c r="J519">
        <f t="shared" si="70"/>
        <v>0.7067352551290641</v>
      </c>
      <c r="K519">
        <f t="shared" si="71"/>
        <v>1.0601028826935963</v>
      </c>
      <c r="L519">
        <f t="shared" si="72"/>
        <v>10.74240990406247</v>
      </c>
      <c r="M519">
        <f t="shared" si="73"/>
        <v>0</v>
      </c>
      <c r="N519" s="46">
        <f t="shared" si="74"/>
        <v>45312.208333332157</v>
      </c>
    </row>
    <row r="520" spans="2:14" x14ac:dyDescent="0.3">
      <c r="B520">
        <f t="shared" si="68"/>
        <v>7</v>
      </c>
      <c r="C520" s="16">
        <v>486</v>
      </c>
      <c r="D520" cm="1">
        <f t="array" ref="D520">IFERROR(INDEX(Jesper!AH$2:AH$366,ROUNDDOWN($C520/24,0)+1,1)*INDEX($D$3:$AA$30,INDEX(Jesper!$R$2:$R$366,ROW(INDEX(Jesper!AH$2:AH$366,ROUNDDOWN($C520/24,0)+1,1))-1)+IF('Standard Profiles'!$G$18=$B$10,7,0)+IF('Standard Profiles'!$G$18=$B$17,14,0)+IF('Standard Profiles'!$G$18=$B$24,21,0),MOD($C520,24)+1)/SUM(INDEX($D$3:$AA$30,INDEX(Jesper!$R$2:$R$366,ROW(INDEX(Jesper!AH$2:AH$366,ROUNDDOWN($C520/24,0)+1,1))-1)+IF('Standard Profiles'!$G$18=$B$10,7,0)+IF('Standard Profiles'!$G$18=$B$17,14,0)+IF('Standard Profiles'!$G$18=$B$24,21,0),0)),0)</f>
        <v>12.211011813305232</v>
      </c>
      <c r="E520" cm="1">
        <f t="array" ref="E520">IFERROR(INDEX(Jesper!AI$2:AI$366,ROUNDDOWN($C520/24,0)+1,1)*INDEX($D$3:$AA$30,INDEX(Jesper!$R$2:$R$366,ROW(INDEX(Jesper!AI$2:AI$366,ROUNDDOWN($C520/24,0)+1,1))-1)+IF('Standard Profiles'!$G$19=$B$10,7,0)+IF('Standard Profiles'!$G$19=$B$17,14,0)+IF('Standard Profiles'!$G$19=$B$24,21,0),MOD($C520,24)+1)/SUM(INDEX($D$3:$AA$30,INDEX(Jesper!$R$2:$R$366,ROW(INDEX(Jesper!AI$2:AI$366,ROUNDDOWN($C520/24,0)+1,1))-1)+IF('Standard Profiles'!$G$19=$B$10,7,0)+IF('Standard Profiles'!$G$19=$B$17,14,0)+IF('Standard Profiles'!$G$19=$B$24,21,0),0)),0)</f>
        <v>2.7718156706161889</v>
      </c>
      <c r="F520" cm="1">
        <f t="array" ref="F520">IFERROR(INDEX(Jesper!AJ$2:AJ$366,ROUNDDOWN($C520/24,0)+1,1)*INDEX($D$3:$AA$30,INDEX(Jesper!$R$2:$R$366,ROW(INDEX(Jesper!AJ$2:AJ$366,ROUNDDOWN($C520/24,0)+1,1))-1)+IF('Standard Profiles'!$G$20=$B$10,7,0)+IF('Standard Profiles'!$G$20=$B$17,14,0)+IF('Standard Profiles'!$G$20=$B$24,21,0),MOD($C520,24)+1)/SUM(INDEX($D$3:$AA$30,INDEX(Jesper!$R$2:$R$366,ROW(INDEX(Jesper!AJ$2:AJ$366,ROUNDDOWN($C520/24,0)+1,1))-1)+IF('Standard Profiles'!$G$20=$B$10,7,0)+IF('Standard Profiles'!$G$20=$B$17,14,0)+IF('Standard Profiles'!$G$20=$B$24,21,0),0)),0)</f>
        <v>0</v>
      </c>
      <c r="G520" cm="1">
        <f t="array" ref="G520">IFERROR(INDEX(Jesper!AK$2:AK$366,ROUNDDOWN($C520/24,0)+1,1)*INDEX($D$3:$AA$30,INDEX(Jesper!$R$2:$R$366,ROW(INDEX(Jesper!AK$2:AK$366,ROUNDDOWN($C520/24,0)+1,1))-1)+IF('Standard Profiles'!$G$21=$B$10,7,0)+IF('Standard Profiles'!$G$21=$B$17,14,0)+IF('Standard Profiles'!$G$21=$B$24,21,0),MOD($C520,24)+1)/SUM(INDEX($D$3:$AA$30,INDEX(Jesper!$R$2:$R$366,ROW(INDEX(Jesper!AK$2:AK$366,ROUNDDOWN($C520/24,0)+1,1))-1)+IF('Standard Profiles'!$G$21=$B$10,7,0)+IF('Standard Profiles'!$G$21=$B$17,14,0)+IF('Standard Profiles'!$G$21=$B$24,21,0),0)),0)</f>
        <v>0</v>
      </c>
      <c r="H520" cm="1">
        <f t="array" ref="H520">IFERROR(INDEX(Jesper!AL$2:AL$366,ROUNDDOWN($C520/24,0)+1,1)*INDEX($D$3:$AA$30,INDEX(Jesper!$R$2:$R$366,ROW(INDEX(Jesper!AL$2:AL$366,ROUNDDOWN($C520/24,0)+1,1))-1)+IF('Standard Profiles'!$G$22=$B$10,7,0)+IF('Standard Profiles'!$G$22=$B$17,14,0)+IF('Standard Profiles'!$G$22=$B$24,21,0),MOD($C520,24)+1)/SUM(INDEX($D$3:$AA$30,INDEX(Jesper!$R$2:$R$366,ROW(INDEX(Jesper!AL$2:AL$366,ROUNDDOWN($C520/24,0)+1,1))-1)+IF('Standard Profiles'!$G$22=$B$10,7,0)+IF('Standard Profiles'!$G$22=$B$17,14,0)+IF('Standard Profiles'!$G$22=$B$24,21,0),0)),0)</f>
        <v>0</v>
      </c>
      <c r="I520">
        <f t="shared" si="69"/>
        <v>0.24971312347893601</v>
      </c>
      <c r="J520">
        <f t="shared" si="70"/>
        <v>0.83237707826312013</v>
      </c>
      <c r="K520">
        <f t="shared" si="71"/>
        <v>1.2485656173946802</v>
      </c>
      <c r="L520">
        <f t="shared" si="72"/>
        <v>12.652171664784685</v>
      </c>
      <c r="M520">
        <f t="shared" si="73"/>
        <v>0</v>
      </c>
      <c r="N520" s="46">
        <f t="shared" si="74"/>
        <v>45312.249999998821</v>
      </c>
    </row>
    <row r="521" spans="2:14" x14ac:dyDescent="0.3">
      <c r="B521">
        <f t="shared" si="68"/>
        <v>7</v>
      </c>
      <c r="C521" s="16">
        <v>487</v>
      </c>
      <c r="D521" cm="1">
        <f t="array" ref="D521">IFERROR(INDEX(Jesper!AH$2:AH$366,ROUNDDOWN($C521/24,0)+1,1)*INDEX($D$3:$AA$30,INDEX(Jesper!$R$2:$R$366,ROW(INDEX(Jesper!AH$2:AH$366,ROUNDDOWN($C521/24,0)+1,1))-1)+IF('Standard Profiles'!$G$18=$B$10,7,0)+IF('Standard Profiles'!$G$18=$B$17,14,0)+IF('Standard Profiles'!$G$18=$B$24,21,0),MOD($C521,24)+1)/SUM(INDEX($D$3:$AA$30,INDEX(Jesper!$R$2:$R$366,ROW(INDEX(Jesper!AH$2:AH$366,ROUNDDOWN($C521/24,0)+1,1))-1)+IF('Standard Profiles'!$G$18=$B$10,7,0)+IF('Standard Profiles'!$G$18=$B$17,14,0)+IF('Standard Profiles'!$G$18=$B$24,21,0),0)),0)</f>
        <v>14.514976306381691</v>
      </c>
      <c r="E521" cm="1">
        <f t="array" ref="E521">IFERROR(INDEX(Jesper!AI$2:AI$366,ROUNDDOWN($C521/24,0)+1,1)*INDEX($D$3:$AA$30,INDEX(Jesper!$R$2:$R$366,ROW(INDEX(Jesper!AI$2:AI$366,ROUNDDOWN($C521/24,0)+1,1))-1)+IF('Standard Profiles'!$G$19=$B$10,7,0)+IF('Standard Profiles'!$G$19=$B$17,14,0)+IF('Standard Profiles'!$G$19=$B$24,21,0),MOD($C521,24)+1)/SUM(INDEX($D$3:$AA$30,INDEX(Jesper!$R$2:$R$366,ROW(INDEX(Jesper!AI$2:AI$366,ROUNDDOWN($C521/24,0)+1,1))-1)+IF('Standard Profiles'!$G$19=$B$10,7,0)+IF('Standard Profiles'!$G$19=$B$17,14,0)+IF('Standard Profiles'!$G$19=$B$24,21,0),0)),0)</f>
        <v>3.294799759411696</v>
      </c>
      <c r="F521" cm="1">
        <f t="array" ref="F521">IFERROR(INDEX(Jesper!AJ$2:AJ$366,ROUNDDOWN($C521/24,0)+1,1)*INDEX($D$3:$AA$30,INDEX(Jesper!$R$2:$R$366,ROW(INDEX(Jesper!AJ$2:AJ$366,ROUNDDOWN($C521/24,0)+1,1))-1)+IF('Standard Profiles'!$G$20=$B$10,7,0)+IF('Standard Profiles'!$G$20=$B$17,14,0)+IF('Standard Profiles'!$G$20=$B$24,21,0),MOD($C521,24)+1)/SUM(INDEX($D$3:$AA$30,INDEX(Jesper!$R$2:$R$366,ROW(INDEX(Jesper!AJ$2:AJ$366,ROUNDDOWN($C521/24,0)+1,1))-1)+IF('Standard Profiles'!$G$20=$B$10,7,0)+IF('Standard Profiles'!$G$20=$B$17,14,0)+IF('Standard Profiles'!$G$20=$B$24,21,0),0)),0)</f>
        <v>0</v>
      </c>
      <c r="G521" cm="1">
        <f t="array" ref="G521">IFERROR(INDEX(Jesper!AK$2:AK$366,ROUNDDOWN($C521/24,0)+1,1)*INDEX($D$3:$AA$30,INDEX(Jesper!$R$2:$R$366,ROW(INDEX(Jesper!AK$2:AK$366,ROUNDDOWN($C521/24,0)+1,1))-1)+IF('Standard Profiles'!$G$21=$B$10,7,0)+IF('Standard Profiles'!$G$21=$B$17,14,0)+IF('Standard Profiles'!$G$21=$B$24,21,0),MOD($C521,24)+1)/SUM(INDEX($D$3:$AA$30,INDEX(Jesper!$R$2:$R$366,ROW(INDEX(Jesper!AK$2:AK$366,ROUNDDOWN($C521/24,0)+1,1))-1)+IF('Standard Profiles'!$G$21=$B$10,7,0)+IF('Standard Profiles'!$G$21=$B$17,14,0)+IF('Standard Profiles'!$G$21=$B$24,21,0),0)),0)</f>
        <v>0</v>
      </c>
      <c r="H521" cm="1">
        <f t="array" ref="H521">IFERROR(INDEX(Jesper!AL$2:AL$366,ROUNDDOWN($C521/24,0)+1,1)*INDEX($D$3:$AA$30,INDEX(Jesper!$R$2:$R$366,ROW(INDEX(Jesper!AL$2:AL$366,ROUNDDOWN($C521/24,0)+1,1))-1)+IF('Standard Profiles'!$G$22=$B$10,7,0)+IF('Standard Profiles'!$G$22=$B$17,14,0)+IF('Standard Profiles'!$G$22=$B$24,21,0),MOD($C521,24)+1)/SUM(INDEX($D$3:$AA$30,INDEX(Jesper!$R$2:$R$366,ROW(INDEX(Jesper!AL$2:AL$366,ROUNDDOWN($C521/24,0)+1,1))-1)+IF('Standard Profiles'!$G$22=$B$10,7,0)+IF('Standard Profiles'!$G$22=$B$17,14,0)+IF('Standard Profiles'!$G$22=$B$24,21,0),0)),0)</f>
        <v>0</v>
      </c>
      <c r="I521">
        <f t="shared" si="69"/>
        <v>0.2968288071542069</v>
      </c>
      <c r="J521">
        <f t="shared" si="70"/>
        <v>0.98942935718068992</v>
      </c>
      <c r="K521">
        <f t="shared" si="71"/>
        <v>1.4841440357710347</v>
      </c>
      <c r="L521">
        <f t="shared" si="72"/>
        <v>15.039373865687455</v>
      </c>
      <c r="M521">
        <f t="shared" si="73"/>
        <v>0</v>
      </c>
      <c r="N521" s="46">
        <f t="shared" si="74"/>
        <v>45312.291666665486</v>
      </c>
    </row>
    <row r="522" spans="2:14" x14ac:dyDescent="0.3">
      <c r="B522">
        <f t="shared" si="68"/>
        <v>7</v>
      </c>
      <c r="C522" s="16">
        <v>488</v>
      </c>
      <c r="D522" cm="1">
        <f t="array" ref="D522">IFERROR(INDEX(Jesper!AH$2:AH$366,ROUNDDOWN($C522/24,0)+1,1)*INDEX($D$3:$AA$30,INDEX(Jesper!$R$2:$R$366,ROW(INDEX(Jesper!AH$2:AH$366,ROUNDDOWN($C522/24,0)+1,1))-1)+IF('Standard Profiles'!$G$18=$B$10,7,0)+IF('Standard Profiles'!$G$18=$B$17,14,0)+IF('Standard Profiles'!$G$18=$B$24,21,0),MOD($C522,24)+1)/SUM(INDEX($D$3:$AA$30,INDEX(Jesper!$R$2:$R$366,ROW(INDEX(Jesper!AH$2:AH$366,ROUNDDOWN($C522/24,0)+1,1))-1)+IF('Standard Profiles'!$G$18=$B$10,7,0)+IF('Standard Profiles'!$G$18=$B$17,14,0)+IF('Standard Profiles'!$G$18=$B$24,21,0),0)),0)</f>
        <v>14.514976306381691</v>
      </c>
      <c r="E522" cm="1">
        <f t="array" ref="E522">IFERROR(INDEX(Jesper!AI$2:AI$366,ROUNDDOWN($C522/24,0)+1,1)*INDEX($D$3:$AA$30,INDEX(Jesper!$R$2:$R$366,ROW(INDEX(Jesper!AI$2:AI$366,ROUNDDOWN($C522/24,0)+1,1))-1)+IF('Standard Profiles'!$G$19=$B$10,7,0)+IF('Standard Profiles'!$G$19=$B$17,14,0)+IF('Standard Profiles'!$G$19=$B$24,21,0),MOD($C522,24)+1)/SUM(INDEX($D$3:$AA$30,INDEX(Jesper!$R$2:$R$366,ROW(INDEX(Jesper!AI$2:AI$366,ROUNDDOWN($C522/24,0)+1,1))-1)+IF('Standard Profiles'!$G$19=$B$10,7,0)+IF('Standard Profiles'!$G$19=$B$17,14,0)+IF('Standard Profiles'!$G$19=$B$24,21,0),0)),0)</f>
        <v>3.294799759411696</v>
      </c>
      <c r="F522" cm="1">
        <f t="array" ref="F522">IFERROR(INDEX(Jesper!AJ$2:AJ$366,ROUNDDOWN($C522/24,0)+1,1)*INDEX($D$3:$AA$30,INDEX(Jesper!$R$2:$R$366,ROW(INDEX(Jesper!AJ$2:AJ$366,ROUNDDOWN($C522/24,0)+1,1))-1)+IF('Standard Profiles'!$G$20=$B$10,7,0)+IF('Standard Profiles'!$G$20=$B$17,14,0)+IF('Standard Profiles'!$G$20=$B$24,21,0),MOD($C522,24)+1)/SUM(INDEX($D$3:$AA$30,INDEX(Jesper!$R$2:$R$366,ROW(INDEX(Jesper!AJ$2:AJ$366,ROUNDDOWN($C522/24,0)+1,1))-1)+IF('Standard Profiles'!$G$20=$B$10,7,0)+IF('Standard Profiles'!$G$20=$B$17,14,0)+IF('Standard Profiles'!$G$20=$B$24,21,0),0)),0)</f>
        <v>0</v>
      </c>
      <c r="G522" cm="1">
        <f t="array" ref="G522">IFERROR(INDEX(Jesper!AK$2:AK$366,ROUNDDOWN($C522/24,0)+1,1)*INDEX($D$3:$AA$30,INDEX(Jesper!$R$2:$R$366,ROW(INDEX(Jesper!AK$2:AK$366,ROUNDDOWN($C522/24,0)+1,1))-1)+IF('Standard Profiles'!$G$21=$B$10,7,0)+IF('Standard Profiles'!$G$21=$B$17,14,0)+IF('Standard Profiles'!$G$21=$B$24,21,0),MOD($C522,24)+1)/SUM(INDEX($D$3:$AA$30,INDEX(Jesper!$R$2:$R$366,ROW(INDEX(Jesper!AK$2:AK$366,ROUNDDOWN($C522/24,0)+1,1))-1)+IF('Standard Profiles'!$G$21=$B$10,7,0)+IF('Standard Profiles'!$G$21=$B$17,14,0)+IF('Standard Profiles'!$G$21=$B$24,21,0),0)),0)</f>
        <v>0</v>
      </c>
      <c r="H522" cm="1">
        <f t="array" ref="H522">IFERROR(INDEX(Jesper!AL$2:AL$366,ROUNDDOWN($C522/24,0)+1,1)*INDEX($D$3:$AA$30,INDEX(Jesper!$R$2:$R$366,ROW(INDEX(Jesper!AL$2:AL$366,ROUNDDOWN($C522/24,0)+1,1))-1)+IF('Standard Profiles'!$G$22=$B$10,7,0)+IF('Standard Profiles'!$G$22=$B$17,14,0)+IF('Standard Profiles'!$G$22=$B$24,21,0),MOD($C522,24)+1)/SUM(INDEX($D$3:$AA$30,INDEX(Jesper!$R$2:$R$366,ROW(INDEX(Jesper!AL$2:AL$366,ROUNDDOWN($C522/24,0)+1,1))-1)+IF('Standard Profiles'!$G$22=$B$10,7,0)+IF('Standard Profiles'!$G$22=$B$17,14,0)+IF('Standard Profiles'!$G$22=$B$24,21,0),0)),0)</f>
        <v>0</v>
      </c>
      <c r="I522">
        <f t="shared" si="69"/>
        <v>0.2968288071542069</v>
      </c>
      <c r="J522">
        <f t="shared" si="70"/>
        <v>0.98942935718068992</v>
      </c>
      <c r="K522">
        <f t="shared" si="71"/>
        <v>1.4841440357710347</v>
      </c>
      <c r="L522">
        <f t="shared" si="72"/>
        <v>15.039373865687455</v>
      </c>
      <c r="M522">
        <f t="shared" si="73"/>
        <v>0</v>
      </c>
      <c r="N522" s="46">
        <f t="shared" si="74"/>
        <v>45312.33333333215</v>
      </c>
    </row>
    <row r="523" spans="2:14" x14ac:dyDescent="0.3">
      <c r="B523">
        <f t="shared" si="68"/>
        <v>7</v>
      </c>
      <c r="C523" s="16">
        <v>489</v>
      </c>
      <c r="D523" cm="1">
        <f t="array" ref="D523">IFERROR(INDEX(Jesper!AH$2:AH$366,ROUNDDOWN($C523/24,0)+1,1)*INDEX($D$3:$AA$30,INDEX(Jesper!$R$2:$R$366,ROW(INDEX(Jesper!AH$2:AH$366,ROUNDDOWN($C523/24,0)+1,1))-1)+IF('Standard Profiles'!$G$18=$B$10,7,0)+IF('Standard Profiles'!$G$18=$B$17,14,0)+IF('Standard Profiles'!$G$18=$B$24,21,0),MOD($C523,24)+1)/SUM(INDEX($D$3:$AA$30,INDEX(Jesper!$R$2:$R$366,ROW(INDEX(Jesper!AH$2:AH$366,ROUNDDOWN($C523/24,0)+1,1))-1)+IF('Standard Profiles'!$G$18=$B$10,7,0)+IF('Standard Profiles'!$G$18=$B$17,14,0)+IF('Standard Profiles'!$G$18=$B$24,21,0),0)),0)</f>
        <v>14.514976306381691</v>
      </c>
      <c r="E523" cm="1">
        <f t="array" ref="E523">IFERROR(INDEX(Jesper!AI$2:AI$366,ROUNDDOWN($C523/24,0)+1,1)*INDEX($D$3:$AA$30,INDEX(Jesper!$R$2:$R$366,ROW(INDEX(Jesper!AI$2:AI$366,ROUNDDOWN($C523/24,0)+1,1))-1)+IF('Standard Profiles'!$G$19=$B$10,7,0)+IF('Standard Profiles'!$G$19=$B$17,14,0)+IF('Standard Profiles'!$G$19=$B$24,21,0),MOD($C523,24)+1)/SUM(INDEX($D$3:$AA$30,INDEX(Jesper!$R$2:$R$366,ROW(INDEX(Jesper!AI$2:AI$366,ROUNDDOWN($C523/24,0)+1,1))-1)+IF('Standard Profiles'!$G$19=$B$10,7,0)+IF('Standard Profiles'!$G$19=$B$17,14,0)+IF('Standard Profiles'!$G$19=$B$24,21,0),0)),0)</f>
        <v>3.294799759411696</v>
      </c>
      <c r="F523" cm="1">
        <f t="array" ref="F523">IFERROR(INDEX(Jesper!AJ$2:AJ$366,ROUNDDOWN($C523/24,0)+1,1)*INDEX($D$3:$AA$30,INDEX(Jesper!$R$2:$R$366,ROW(INDEX(Jesper!AJ$2:AJ$366,ROUNDDOWN($C523/24,0)+1,1))-1)+IF('Standard Profiles'!$G$20=$B$10,7,0)+IF('Standard Profiles'!$G$20=$B$17,14,0)+IF('Standard Profiles'!$G$20=$B$24,21,0),MOD($C523,24)+1)/SUM(INDEX($D$3:$AA$30,INDEX(Jesper!$R$2:$R$366,ROW(INDEX(Jesper!AJ$2:AJ$366,ROUNDDOWN($C523/24,0)+1,1))-1)+IF('Standard Profiles'!$G$20=$B$10,7,0)+IF('Standard Profiles'!$G$20=$B$17,14,0)+IF('Standard Profiles'!$G$20=$B$24,21,0),0)),0)</f>
        <v>0</v>
      </c>
      <c r="G523" cm="1">
        <f t="array" ref="G523">IFERROR(INDEX(Jesper!AK$2:AK$366,ROUNDDOWN($C523/24,0)+1,1)*INDEX($D$3:$AA$30,INDEX(Jesper!$R$2:$R$366,ROW(INDEX(Jesper!AK$2:AK$366,ROUNDDOWN($C523/24,0)+1,1))-1)+IF('Standard Profiles'!$G$21=$B$10,7,0)+IF('Standard Profiles'!$G$21=$B$17,14,0)+IF('Standard Profiles'!$G$21=$B$24,21,0),MOD($C523,24)+1)/SUM(INDEX($D$3:$AA$30,INDEX(Jesper!$R$2:$R$366,ROW(INDEX(Jesper!AK$2:AK$366,ROUNDDOWN($C523/24,0)+1,1))-1)+IF('Standard Profiles'!$G$21=$B$10,7,0)+IF('Standard Profiles'!$G$21=$B$17,14,0)+IF('Standard Profiles'!$G$21=$B$24,21,0),0)),0)</f>
        <v>0</v>
      </c>
      <c r="H523" cm="1">
        <f t="array" ref="H523">IFERROR(INDEX(Jesper!AL$2:AL$366,ROUNDDOWN($C523/24,0)+1,1)*INDEX($D$3:$AA$30,INDEX(Jesper!$R$2:$R$366,ROW(INDEX(Jesper!AL$2:AL$366,ROUNDDOWN($C523/24,0)+1,1))-1)+IF('Standard Profiles'!$G$22=$B$10,7,0)+IF('Standard Profiles'!$G$22=$B$17,14,0)+IF('Standard Profiles'!$G$22=$B$24,21,0),MOD($C523,24)+1)/SUM(INDEX($D$3:$AA$30,INDEX(Jesper!$R$2:$R$366,ROW(INDEX(Jesper!AL$2:AL$366,ROUNDDOWN($C523/24,0)+1,1))-1)+IF('Standard Profiles'!$G$22=$B$10,7,0)+IF('Standard Profiles'!$G$22=$B$17,14,0)+IF('Standard Profiles'!$G$22=$B$24,21,0),0)),0)</f>
        <v>0</v>
      </c>
      <c r="I523">
        <f t="shared" si="69"/>
        <v>0.2968288071542069</v>
      </c>
      <c r="J523">
        <f t="shared" si="70"/>
        <v>0.98942935718068992</v>
      </c>
      <c r="K523">
        <f t="shared" si="71"/>
        <v>1.4841440357710347</v>
      </c>
      <c r="L523">
        <f t="shared" si="72"/>
        <v>15.039373865687455</v>
      </c>
      <c r="M523">
        <f t="shared" si="73"/>
        <v>0</v>
      </c>
      <c r="N523" s="46">
        <f t="shared" si="74"/>
        <v>45312.374999998814</v>
      </c>
    </row>
    <row r="524" spans="2:14" x14ac:dyDescent="0.3">
      <c r="B524">
        <f t="shared" si="68"/>
        <v>7</v>
      </c>
      <c r="C524" s="16">
        <v>490</v>
      </c>
      <c r="D524" cm="1">
        <f t="array" ref="D524">IFERROR(INDEX(Jesper!AH$2:AH$366,ROUNDDOWN($C524/24,0)+1,1)*INDEX($D$3:$AA$30,INDEX(Jesper!$R$2:$R$366,ROW(INDEX(Jesper!AH$2:AH$366,ROUNDDOWN($C524/24,0)+1,1))-1)+IF('Standard Profiles'!$G$18=$B$10,7,0)+IF('Standard Profiles'!$G$18=$B$17,14,0)+IF('Standard Profiles'!$G$18=$B$24,21,0),MOD($C524,24)+1)/SUM(INDEX($D$3:$AA$30,INDEX(Jesper!$R$2:$R$366,ROW(INDEX(Jesper!AH$2:AH$366,ROUNDDOWN($C524/24,0)+1,1))-1)+IF('Standard Profiles'!$G$18=$B$10,7,0)+IF('Standard Profiles'!$G$18=$B$17,14,0)+IF('Standard Profiles'!$G$18=$B$24,21,0),0)),0)</f>
        <v>14.514976306381691</v>
      </c>
      <c r="E524" cm="1">
        <f t="array" ref="E524">IFERROR(INDEX(Jesper!AI$2:AI$366,ROUNDDOWN($C524/24,0)+1,1)*INDEX($D$3:$AA$30,INDEX(Jesper!$R$2:$R$366,ROW(INDEX(Jesper!AI$2:AI$366,ROUNDDOWN($C524/24,0)+1,1))-1)+IF('Standard Profiles'!$G$19=$B$10,7,0)+IF('Standard Profiles'!$G$19=$B$17,14,0)+IF('Standard Profiles'!$G$19=$B$24,21,0),MOD($C524,24)+1)/SUM(INDEX($D$3:$AA$30,INDEX(Jesper!$R$2:$R$366,ROW(INDEX(Jesper!AI$2:AI$366,ROUNDDOWN($C524/24,0)+1,1))-1)+IF('Standard Profiles'!$G$19=$B$10,7,0)+IF('Standard Profiles'!$G$19=$B$17,14,0)+IF('Standard Profiles'!$G$19=$B$24,21,0),0)),0)</f>
        <v>3.294799759411696</v>
      </c>
      <c r="F524" cm="1">
        <f t="array" ref="F524">IFERROR(INDEX(Jesper!AJ$2:AJ$366,ROUNDDOWN($C524/24,0)+1,1)*INDEX($D$3:$AA$30,INDEX(Jesper!$R$2:$R$366,ROW(INDEX(Jesper!AJ$2:AJ$366,ROUNDDOWN($C524/24,0)+1,1))-1)+IF('Standard Profiles'!$G$20=$B$10,7,0)+IF('Standard Profiles'!$G$20=$B$17,14,0)+IF('Standard Profiles'!$G$20=$B$24,21,0),MOD($C524,24)+1)/SUM(INDEX($D$3:$AA$30,INDEX(Jesper!$R$2:$R$366,ROW(INDEX(Jesper!AJ$2:AJ$366,ROUNDDOWN($C524/24,0)+1,1))-1)+IF('Standard Profiles'!$G$20=$B$10,7,0)+IF('Standard Profiles'!$G$20=$B$17,14,0)+IF('Standard Profiles'!$G$20=$B$24,21,0),0)),0)</f>
        <v>0</v>
      </c>
      <c r="G524" cm="1">
        <f t="array" ref="G524">IFERROR(INDEX(Jesper!AK$2:AK$366,ROUNDDOWN($C524/24,0)+1,1)*INDEX($D$3:$AA$30,INDEX(Jesper!$R$2:$R$366,ROW(INDEX(Jesper!AK$2:AK$366,ROUNDDOWN($C524/24,0)+1,1))-1)+IF('Standard Profiles'!$G$21=$B$10,7,0)+IF('Standard Profiles'!$G$21=$B$17,14,0)+IF('Standard Profiles'!$G$21=$B$24,21,0),MOD($C524,24)+1)/SUM(INDEX($D$3:$AA$30,INDEX(Jesper!$R$2:$R$366,ROW(INDEX(Jesper!AK$2:AK$366,ROUNDDOWN($C524/24,0)+1,1))-1)+IF('Standard Profiles'!$G$21=$B$10,7,0)+IF('Standard Profiles'!$G$21=$B$17,14,0)+IF('Standard Profiles'!$G$21=$B$24,21,0),0)),0)</f>
        <v>0</v>
      </c>
      <c r="H524" cm="1">
        <f t="array" ref="H524">IFERROR(INDEX(Jesper!AL$2:AL$366,ROUNDDOWN($C524/24,0)+1,1)*INDEX($D$3:$AA$30,INDEX(Jesper!$R$2:$R$366,ROW(INDEX(Jesper!AL$2:AL$366,ROUNDDOWN($C524/24,0)+1,1))-1)+IF('Standard Profiles'!$G$22=$B$10,7,0)+IF('Standard Profiles'!$G$22=$B$17,14,0)+IF('Standard Profiles'!$G$22=$B$24,21,0),MOD($C524,24)+1)/SUM(INDEX($D$3:$AA$30,INDEX(Jesper!$R$2:$R$366,ROW(INDEX(Jesper!AL$2:AL$366,ROUNDDOWN($C524/24,0)+1,1))-1)+IF('Standard Profiles'!$G$22=$B$10,7,0)+IF('Standard Profiles'!$G$22=$B$17,14,0)+IF('Standard Profiles'!$G$22=$B$24,21,0),0)),0)</f>
        <v>0</v>
      </c>
      <c r="I524">
        <f t="shared" si="69"/>
        <v>0.2968288071542069</v>
      </c>
      <c r="J524">
        <f t="shared" si="70"/>
        <v>0.98942935718068992</v>
      </c>
      <c r="K524">
        <f t="shared" si="71"/>
        <v>1.4841440357710347</v>
      </c>
      <c r="L524">
        <f t="shared" si="72"/>
        <v>15.039373865687455</v>
      </c>
      <c r="M524">
        <f t="shared" si="73"/>
        <v>0</v>
      </c>
      <c r="N524" s="46">
        <f t="shared" si="74"/>
        <v>45312.416666665478</v>
      </c>
    </row>
    <row r="525" spans="2:14" x14ac:dyDescent="0.3">
      <c r="B525">
        <f t="shared" si="68"/>
        <v>7</v>
      </c>
      <c r="C525" s="16">
        <v>491</v>
      </c>
      <c r="D525" cm="1">
        <f t="array" ref="D525">IFERROR(INDEX(Jesper!AH$2:AH$366,ROUNDDOWN($C525/24,0)+1,1)*INDEX($D$3:$AA$30,INDEX(Jesper!$R$2:$R$366,ROW(INDEX(Jesper!AH$2:AH$366,ROUNDDOWN($C525/24,0)+1,1))-1)+IF('Standard Profiles'!$G$18=$B$10,7,0)+IF('Standard Profiles'!$G$18=$B$17,14,0)+IF('Standard Profiles'!$G$18=$B$24,21,0),MOD($C525,24)+1)/SUM(INDEX($D$3:$AA$30,INDEX(Jesper!$R$2:$R$366,ROW(INDEX(Jesper!AH$2:AH$366,ROUNDDOWN($C525/24,0)+1,1))-1)+IF('Standard Profiles'!$G$18=$B$10,7,0)+IF('Standard Profiles'!$G$18=$B$17,14,0)+IF('Standard Profiles'!$G$18=$B$24,21,0),0)),0)</f>
        <v>14.514976306381691</v>
      </c>
      <c r="E525" cm="1">
        <f t="array" ref="E525">IFERROR(INDEX(Jesper!AI$2:AI$366,ROUNDDOWN($C525/24,0)+1,1)*INDEX($D$3:$AA$30,INDEX(Jesper!$R$2:$R$366,ROW(INDEX(Jesper!AI$2:AI$366,ROUNDDOWN($C525/24,0)+1,1))-1)+IF('Standard Profiles'!$G$19=$B$10,7,0)+IF('Standard Profiles'!$G$19=$B$17,14,0)+IF('Standard Profiles'!$G$19=$B$24,21,0),MOD($C525,24)+1)/SUM(INDEX($D$3:$AA$30,INDEX(Jesper!$R$2:$R$366,ROW(INDEX(Jesper!AI$2:AI$366,ROUNDDOWN($C525/24,0)+1,1))-1)+IF('Standard Profiles'!$G$19=$B$10,7,0)+IF('Standard Profiles'!$G$19=$B$17,14,0)+IF('Standard Profiles'!$G$19=$B$24,21,0),0)),0)</f>
        <v>3.294799759411696</v>
      </c>
      <c r="F525" cm="1">
        <f t="array" ref="F525">IFERROR(INDEX(Jesper!AJ$2:AJ$366,ROUNDDOWN($C525/24,0)+1,1)*INDEX($D$3:$AA$30,INDEX(Jesper!$R$2:$R$366,ROW(INDEX(Jesper!AJ$2:AJ$366,ROUNDDOWN($C525/24,0)+1,1))-1)+IF('Standard Profiles'!$G$20=$B$10,7,0)+IF('Standard Profiles'!$G$20=$B$17,14,0)+IF('Standard Profiles'!$G$20=$B$24,21,0),MOD($C525,24)+1)/SUM(INDEX($D$3:$AA$30,INDEX(Jesper!$R$2:$R$366,ROW(INDEX(Jesper!AJ$2:AJ$366,ROUNDDOWN($C525/24,0)+1,1))-1)+IF('Standard Profiles'!$G$20=$B$10,7,0)+IF('Standard Profiles'!$G$20=$B$17,14,0)+IF('Standard Profiles'!$G$20=$B$24,21,0),0)),0)</f>
        <v>0</v>
      </c>
      <c r="G525" cm="1">
        <f t="array" ref="G525">IFERROR(INDEX(Jesper!AK$2:AK$366,ROUNDDOWN($C525/24,0)+1,1)*INDEX($D$3:$AA$30,INDEX(Jesper!$R$2:$R$366,ROW(INDEX(Jesper!AK$2:AK$366,ROUNDDOWN($C525/24,0)+1,1))-1)+IF('Standard Profiles'!$G$21=$B$10,7,0)+IF('Standard Profiles'!$G$21=$B$17,14,0)+IF('Standard Profiles'!$G$21=$B$24,21,0),MOD($C525,24)+1)/SUM(INDEX($D$3:$AA$30,INDEX(Jesper!$R$2:$R$366,ROW(INDEX(Jesper!AK$2:AK$366,ROUNDDOWN($C525/24,0)+1,1))-1)+IF('Standard Profiles'!$G$21=$B$10,7,0)+IF('Standard Profiles'!$G$21=$B$17,14,0)+IF('Standard Profiles'!$G$21=$B$24,21,0),0)),0)</f>
        <v>0</v>
      </c>
      <c r="H525" cm="1">
        <f t="array" ref="H525">IFERROR(INDEX(Jesper!AL$2:AL$366,ROUNDDOWN($C525/24,0)+1,1)*INDEX($D$3:$AA$30,INDEX(Jesper!$R$2:$R$366,ROW(INDEX(Jesper!AL$2:AL$366,ROUNDDOWN($C525/24,0)+1,1))-1)+IF('Standard Profiles'!$G$22=$B$10,7,0)+IF('Standard Profiles'!$G$22=$B$17,14,0)+IF('Standard Profiles'!$G$22=$B$24,21,0),MOD($C525,24)+1)/SUM(INDEX($D$3:$AA$30,INDEX(Jesper!$R$2:$R$366,ROW(INDEX(Jesper!AL$2:AL$366,ROUNDDOWN($C525/24,0)+1,1))-1)+IF('Standard Profiles'!$G$22=$B$10,7,0)+IF('Standard Profiles'!$G$22=$B$17,14,0)+IF('Standard Profiles'!$G$22=$B$24,21,0),0)),0)</f>
        <v>0</v>
      </c>
      <c r="I525">
        <f t="shared" si="69"/>
        <v>0.2968288071542069</v>
      </c>
      <c r="J525">
        <f t="shared" si="70"/>
        <v>0.98942935718068992</v>
      </c>
      <c r="K525">
        <f t="shared" si="71"/>
        <v>1.4841440357710347</v>
      </c>
      <c r="L525">
        <f t="shared" si="72"/>
        <v>15.039373865687455</v>
      </c>
      <c r="M525">
        <f t="shared" si="73"/>
        <v>0</v>
      </c>
      <c r="N525" s="46">
        <f t="shared" si="74"/>
        <v>45312.458333332143</v>
      </c>
    </row>
    <row r="526" spans="2:14" x14ac:dyDescent="0.3">
      <c r="B526">
        <f t="shared" si="68"/>
        <v>7</v>
      </c>
      <c r="C526" s="16">
        <v>492</v>
      </c>
      <c r="D526" cm="1">
        <f t="array" ref="D526">IFERROR(INDEX(Jesper!AH$2:AH$366,ROUNDDOWN($C526/24,0)+1,1)*INDEX($D$3:$AA$30,INDEX(Jesper!$R$2:$R$366,ROW(INDEX(Jesper!AH$2:AH$366,ROUNDDOWN($C526/24,0)+1,1))-1)+IF('Standard Profiles'!$G$18=$B$10,7,0)+IF('Standard Profiles'!$G$18=$B$17,14,0)+IF('Standard Profiles'!$G$18=$B$24,21,0),MOD($C526,24)+1)/SUM(INDEX($D$3:$AA$30,INDEX(Jesper!$R$2:$R$366,ROW(INDEX(Jesper!AH$2:AH$366,ROUNDDOWN($C526/24,0)+1,1))-1)+IF('Standard Profiles'!$G$18=$B$10,7,0)+IF('Standard Profiles'!$G$18=$B$17,14,0)+IF('Standard Profiles'!$G$18=$B$24,21,0),0)),0)</f>
        <v>14.514976306381691</v>
      </c>
      <c r="E526" cm="1">
        <f t="array" ref="E526">IFERROR(INDEX(Jesper!AI$2:AI$366,ROUNDDOWN($C526/24,0)+1,1)*INDEX($D$3:$AA$30,INDEX(Jesper!$R$2:$R$366,ROW(INDEX(Jesper!AI$2:AI$366,ROUNDDOWN($C526/24,0)+1,1))-1)+IF('Standard Profiles'!$G$19=$B$10,7,0)+IF('Standard Profiles'!$G$19=$B$17,14,0)+IF('Standard Profiles'!$G$19=$B$24,21,0),MOD($C526,24)+1)/SUM(INDEX($D$3:$AA$30,INDEX(Jesper!$R$2:$R$366,ROW(INDEX(Jesper!AI$2:AI$366,ROUNDDOWN($C526/24,0)+1,1))-1)+IF('Standard Profiles'!$G$19=$B$10,7,0)+IF('Standard Profiles'!$G$19=$B$17,14,0)+IF('Standard Profiles'!$G$19=$B$24,21,0),0)),0)</f>
        <v>3.294799759411696</v>
      </c>
      <c r="F526" cm="1">
        <f t="array" ref="F526">IFERROR(INDEX(Jesper!AJ$2:AJ$366,ROUNDDOWN($C526/24,0)+1,1)*INDEX($D$3:$AA$30,INDEX(Jesper!$R$2:$R$366,ROW(INDEX(Jesper!AJ$2:AJ$366,ROUNDDOWN($C526/24,0)+1,1))-1)+IF('Standard Profiles'!$G$20=$B$10,7,0)+IF('Standard Profiles'!$G$20=$B$17,14,0)+IF('Standard Profiles'!$G$20=$B$24,21,0),MOD($C526,24)+1)/SUM(INDEX($D$3:$AA$30,INDEX(Jesper!$R$2:$R$366,ROW(INDEX(Jesper!AJ$2:AJ$366,ROUNDDOWN($C526/24,0)+1,1))-1)+IF('Standard Profiles'!$G$20=$B$10,7,0)+IF('Standard Profiles'!$G$20=$B$17,14,0)+IF('Standard Profiles'!$G$20=$B$24,21,0),0)),0)</f>
        <v>0</v>
      </c>
      <c r="G526" cm="1">
        <f t="array" ref="G526">IFERROR(INDEX(Jesper!AK$2:AK$366,ROUNDDOWN($C526/24,0)+1,1)*INDEX($D$3:$AA$30,INDEX(Jesper!$R$2:$R$366,ROW(INDEX(Jesper!AK$2:AK$366,ROUNDDOWN($C526/24,0)+1,1))-1)+IF('Standard Profiles'!$G$21=$B$10,7,0)+IF('Standard Profiles'!$G$21=$B$17,14,0)+IF('Standard Profiles'!$G$21=$B$24,21,0),MOD($C526,24)+1)/SUM(INDEX($D$3:$AA$30,INDEX(Jesper!$R$2:$R$366,ROW(INDEX(Jesper!AK$2:AK$366,ROUNDDOWN($C526/24,0)+1,1))-1)+IF('Standard Profiles'!$G$21=$B$10,7,0)+IF('Standard Profiles'!$G$21=$B$17,14,0)+IF('Standard Profiles'!$G$21=$B$24,21,0),0)),0)</f>
        <v>0</v>
      </c>
      <c r="H526" cm="1">
        <f t="array" ref="H526">IFERROR(INDEX(Jesper!AL$2:AL$366,ROUNDDOWN($C526/24,0)+1,1)*INDEX($D$3:$AA$30,INDEX(Jesper!$R$2:$R$366,ROW(INDEX(Jesper!AL$2:AL$366,ROUNDDOWN($C526/24,0)+1,1))-1)+IF('Standard Profiles'!$G$22=$B$10,7,0)+IF('Standard Profiles'!$G$22=$B$17,14,0)+IF('Standard Profiles'!$G$22=$B$24,21,0),MOD($C526,24)+1)/SUM(INDEX($D$3:$AA$30,INDEX(Jesper!$R$2:$R$366,ROW(INDEX(Jesper!AL$2:AL$366,ROUNDDOWN($C526/24,0)+1,1))-1)+IF('Standard Profiles'!$G$22=$B$10,7,0)+IF('Standard Profiles'!$G$22=$B$17,14,0)+IF('Standard Profiles'!$G$22=$B$24,21,0),0)),0)</f>
        <v>0</v>
      </c>
      <c r="I526">
        <f t="shared" si="69"/>
        <v>0.2968288071542069</v>
      </c>
      <c r="J526">
        <f t="shared" si="70"/>
        <v>0.98942935718068992</v>
      </c>
      <c r="K526">
        <f t="shared" si="71"/>
        <v>1.4841440357710347</v>
      </c>
      <c r="L526">
        <f t="shared" si="72"/>
        <v>15.039373865687455</v>
      </c>
      <c r="M526">
        <f t="shared" si="73"/>
        <v>0</v>
      </c>
      <c r="N526" s="46">
        <f t="shared" si="74"/>
        <v>45312.499999998807</v>
      </c>
    </row>
    <row r="527" spans="2:14" x14ac:dyDescent="0.3">
      <c r="B527">
        <f t="shared" si="68"/>
        <v>7</v>
      </c>
      <c r="C527" s="16">
        <v>493</v>
      </c>
      <c r="D527" cm="1">
        <f t="array" ref="D527">IFERROR(INDEX(Jesper!AH$2:AH$366,ROUNDDOWN($C527/24,0)+1,1)*INDEX($D$3:$AA$30,INDEX(Jesper!$R$2:$R$366,ROW(INDEX(Jesper!AH$2:AH$366,ROUNDDOWN($C527/24,0)+1,1))-1)+IF('Standard Profiles'!$G$18=$B$10,7,0)+IF('Standard Profiles'!$G$18=$B$17,14,0)+IF('Standard Profiles'!$G$18=$B$24,21,0),MOD($C527,24)+1)/SUM(INDEX($D$3:$AA$30,INDEX(Jesper!$R$2:$R$366,ROW(INDEX(Jesper!AH$2:AH$366,ROUNDDOWN($C527/24,0)+1,1))-1)+IF('Standard Profiles'!$G$18=$B$10,7,0)+IF('Standard Profiles'!$G$18=$B$17,14,0)+IF('Standard Profiles'!$G$18=$B$24,21,0),0)),0)</f>
        <v>14.514976306381691</v>
      </c>
      <c r="E527" cm="1">
        <f t="array" ref="E527">IFERROR(INDEX(Jesper!AI$2:AI$366,ROUNDDOWN($C527/24,0)+1,1)*INDEX($D$3:$AA$30,INDEX(Jesper!$R$2:$R$366,ROW(INDEX(Jesper!AI$2:AI$366,ROUNDDOWN($C527/24,0)+1,1))-1)+IF('Standard Profiles'!$G$19=$B$10,7,0)+IF('Standard Profiles'!$G$19=$B$17,14,0)+IF('Standard Profiles'!$G$19=$B$24,21,0),MOD($C527,24)+1)/SUM(INDEX($D$3:$AA$30,INDEX(Jesper!$R$2:$R$366,ROW(INDEX(Jesper!AI$2:AI$366,ROUNDDOWN($C527/24,0)+1,1))-1)+IF('Standard Profiles'!$G$19=$B$10,7,0)+IF('Standard Profiles'!$G$19=$B$17,14,0)+IF('Standard Profiles'!$G$19=$B$24,21,0),0)),0)</f>
        <v>3.294799759411696</v>
      </c>
      <c r="F527" cm="1">
        <f t="array" ref="F527">IFERROR(INDEX(Jesper!AJ$2:AJ$366,ROUNDDOWN($C527/24,0)+1,1)*INDEX($D$3:$AA$30,INDEX(Jesper!$R$2:$R$366,ROW(INDEX(Jesper!AJ$2:AJ$366,ROUNDDOWN($C527/24,0)+1,1))-1)+IF('Standard Profiles'!$G$20=$B$10,7,0)+IF('Standard Profiles'!$G$20=$B$17,14,0)+IF('Standard Profiles'!$G$20=$B$24,21,0),MOD($C527,24)+1)/SUM(INDEX($D$3:$AA$30,INDEX(Jesper!$R$2:$R$366,ROW(INDEX(Jesper!AJ$2:AJ$366,ROUNDDOWN($C527/24,0)+1,1))-1)+IF('Standard Profiles'!$G$20=$B$10,7,0)+IF('Standard Profiles'!$G$20=$B$17,14,0)+IF('Standard Profiles'!$G$20=$B$24,21,0),0)),0)</f>
        <v>0</v>
      </c>
      <c r="G527" cm="1">
        <f t="array" ref="G527">IFERROR(INDEX(Jesper!AK$2:AK$366,ROUNDDOWN($C527/24,0)+1,1)*INDEX($D$3:$AA$30,INDEX(Jesper!$R$2:$R$366,ROW(INDEX(Jesper!AK$2:AK$366,ROUNDDOWN($C527/24,0)+1,1))-1)+IF('Standard Profiles'!$G$21=$B$10,7,0)+IF('Standard Profiles'!$G$21=$B$17,14,0)+IF('Standard Profiles'!$G$21=$B$24,21,0),MOD($C527,24)+1)/SUM(INDEX($D$3:$AA$30,INDEX(Jesper!$R$2:$R$366,ROW(INDEX(Jesper!AK$2:AK$366,ROUNDDOWN($C527/24,0)+1,1))-1)+IF('Standard Profiles'!$G$21=$B$10,7,0)+IF('Standard Profiles'!$G$21=$B$17,14,0)+IF('Standard Profiles'!$G$21=$B$24,21,0),0)),0)</f>
        <v>0</v>
      </c>
      <c r="H527" cm="1">
        <f t="array" ref="H527">IFERROR(INDEX(Jesper!AL$2:AL$366,ROUNDDOWN($C527/24,0)+1,1)*INDEX($D$3:$AA$30,INDEX(Jesper!$R$2:$R$366,ROW(INDEX(Jesper!AL$2:AL$366,ROUNDDOWN($C527/24,0)+1,1))-1)+IF('Standard Profiles'!$G$22=$B$10,7,0)+IF('Standard Profiles'!$G$22=$B$17,14,0)+IF('Standard Profiles'!$G$22=$B$24,21,0),MOD($C527,24)+1)/SUM(INDEX($D$3:$AA$30,INDEX(Jesper!$R$2:$R$366,ROW(INDEX(Jesper!AL$2:AL$366,ROUNDDOWN($C527/24,0)+1,1))-1)+IF('Standard Profiles'!$G$22=$B$10,7,0)+IF('Standard Profiles'!$G$22=$B$17,14,0)+IF('Standard Profiles'!$G$22=$B$24,21,0),0)),0)</f>
        <v>0</v>
      </c>
      <c r="I527">
        <f t="shared" si="69"/>
        <v>0.2968288071542069</v>
      </c>
      <c r="J527">
        <f t="shared" si="70"/>
        <v>0.98942935718068992</v>
      </c>
      <c r="K527">
        <f t="shared" si="71"/>
        <v>1.4841440357710347</v>
      </c>
      <c r="L527">
        <f t="shared" si="72"/>
        <v>15.039373865687455</v>
      </c>
      <c r="M527">
        <f t="shared" si="73"/>
        <v>0</v>
      </c>
      <c r="N527" s="46">
        <f t="shared" si="74"/>
        <v>45312.541666665471</v>
      </c>
    </row>
    <row r="528" spans="2:14" x14ac:dyDescent="0.3">
      <c r="B528">
        <f t="shared" si="68"/>
        <v>7</v>
      </c>
      <c r="C528" s="16">
        <v>494</v>
      </c>
      <c r="D528" cm="1">
        <f t="array" ref="D528">IFERROR(INDEX(Jesper!AH$2:AH$366,ROUNDDOWN($C528/24,0)+1,1)*INDEX($D$3:$AA$30,INDEX(Jesper!$R$2:$R$366,ROW(INDEX(Jesper!AH$2:AH$366,ROUNDDOWN($C528/24,0)+1,1))-1)+IF('Standard Profiles'!$G$18=$B$10,7,0)+IF('Standard Profiles'!$G$18=$B$17,14,0)+IF('Standard Profiles'!$G$18=$B$24,21,0),MOD($C528,24)+1)/SUM(INDEX($D$3:$AA$30,INDEX(Jesper!$R$2:$R$366,ROW(INDEX(Jesper!AH$2:AH$366,ROUNDDOWN($C528/24,0)+1,1))-1)+IF('Standard Profiles'!$G$18=$B$10,7,0)+IF('Standard Profiles'!$G$18=$B$17,14,0)+IF('Standard Profiles'!$G$18=$B$24,21,0),0)),0)</f>
        <v>14.514976306381691</v>
      </c>
      <c r="E528" cm="1">
        <f t="array" ref="E528">IFERROR(INDEX(Jesper!AI$2:AI$366,ROUNDDOWN($C528/24,0)+1,1)*INDEX($D$3:$AA$30,INDEX(Jesper!$R$2:$R$366,ROW(INDEX(Jesper!AI$2:AI$366,ROUNDDOWN($C528/24,0)+1,1))-1)+IF('Standard Profiles'!$G$19=$B$10,7,0)+IF('Standard Profiles'!$G$19=$B$17,14,0)+IF('Standard Profiles'!$G$19=$B$24,21,0),MOD($C528,24)+1)/SUM(INDEX($D$3:$AA$30,INDEX(Jesper!$R$2:$R$366,ROW(INDEX(Jesper!AI$2:AI$366,ROUNDDOWN($C528/24,0)+1,1))-1)+IF('Standard Profiles'!$G$19=$B$10,7,0)+IF('Standard Profiles'!$G$19=$B$17,14,0)+IF('Standard Profiles'!$G$19=$B$24,21,0),0)),0)</f>
        <v>3.294799759411696</v>
      </c>
      <c r="F528" cm="1">
        <f t="array" ref="F528">IFERROR(INDEX(Jesper!AJ$2:AJ$366,ROUNDDOWN($C528/24,0)+1,1)*INDEX($D$3:$AA$30,INDEX(Jesper!$R$2:$R$366,ROW(INDEX(Jesper!AJ$2:AJ$366,ROUNDDOWN($C528/24,0)+1,1))-1)+IF('Standard Profiles'!$G$20=$B$10,7,0)+IF('Standard Profiles'!$G$20=$B$17,14,0)+IF('Standard Profiles'!$G$20=$B$24,21,0),MOD($C528,24)+1)/SUM(INDEX($D$3:$AA$30,INDEX(Jesper!$R$2:$R$366,ROW(INDEX(Jesper!AJ$2:AJ$366,ROUNDDOWN($C528/24,0)+1,1))-1)+IF('Standard Profiles'!$G$20=$B$10,7,0)+IF('Standard Profiles'!$G$20=$B$17,14,0)+IF('Standard Profiles'!$G$20=$B$24,21,0),0)),0)</f>
        <v>0</v>
      </c>
      <c r="G528" cm="1">
        <f t="array" ref="G528">IFERROR(INDEX(Jesper!AK$2:AK$366,ROUNDDOWN($C528/24,0)+1,1)*INDEX($D$3:$AA$30,INDEX(Jesper!$R$2:$R$366,ROW(INDEX(Jesper!AK$2:AK$366,ROUNDDOWN($C528/24,0)+1,1))-1)+IF('Standard Profiles'!$G$21=$B$10,7,0)+IF('Standard Profiles'!$G$21=$B$17,14,0)+IF('Standard Profiles'!$G$21=$B$24,21,0),MOD($C528,24)+1)/SUM(INDEX($D$3:$AA$30,INDEX(Jesper!$R$2:$R$366,ROW(INDEX(Jesper!AK$2:AK$366,ROUNDDOWN($C528/24,0)+1,1))-1)+IF('Standard Profiles'!$G$21=$B$10,7,0)+IF('Standard Profiles'!$G$21=$B$17,14,0)+IF('Standard Profiles'!$G$21=$B$24,21,0),0)),0)</f>
        <v>0</v>
      </c>
      <c r="H528" cm="1">
        <f t="array" ref="H528">IFERROR(INDEX(Jesper!AL$2:AL$366,ROUNDDOWN($C528/24,0)+1,1)*INDEX($D$3:$AA$30,INDEX(Jesper!$R$2:$R$366,ROW(INDEX(Jesper!AL$2:AL$366,ROUNDDOWN($C528/24,0)+1,1))-1)+IF('Standard Profiles'!$G$22=$B$10,7,0)+IF('Standard Profiles'!$G$22=$B$17,14,0)+IF('Standard Profiles'!$G$22=$B$24,21,0),MOD($C528,24)+1)/SUM(INDEX($D$3:$AA$30,INDEX(Jesper!$R$2:$R$366,ROW(INDEX(Jesper!AL$2:AL$366,ROUNDDOWN($C528/24,0)+1,1))-1)+IF('Standard Profiles'!$G$22=$B$10,7,0)+IF('Standard Profiles'!$G$22=$B$17,14,0)+IF('Standard Profiles'!$G$22=$B$24,21,0),0)),0)</f>
        <v>0</v>
      </c>
      <c r="I528">
        <f t="shared" si="69"/>
        <v>0.2968288071542069</v>
      </c>
      <c r="J528">
        <f t="shared" si="70"/>
        <v>0.98942935718068992</v>
      </c>
      <c r="K528">
        <f t="shared" si="71"/>
        <v>1.4841440357710347</v>
      </c>
      <c r="L528">
        <f t="shared" si="72"/>
        <v>15.039373865687455</v>
      </c>
      <c r="M528">
        <f t="shared" si="73"/>
        <v>0</v>
      </c>
      <c r="N528" s="46">
        <f t="shared" si="74"/>
        <v>45312.583333332135</v>
      </c>
    </row>
    <row r="529" spans="2:14" x14ac:dyDescent="0.3">
      <c r="B529">
        <f t="shared" si="68"/>
        <v>7</v>
      </c>
      <c r="C529" s="16">
        <v>495</v>
      </c>
      <c r="D529" cm="1">
        <f t="array" ref="D529">IFERROR(INDEX(Jesper!AH$2:AH$366,ROUNDDOWN($C529/24,0)+1,1)*INDEX($D$3:$AA$30,INDEX(Jesper!$R$2:$R$366,ROW(INDEX(Jesper!AH$2:AH$366,ROUNDDOWN($C529/24,0)+1,1))-1)+IF('Standard Profiles'!$G$18=$B$10,7,0)+IF('Standard Profiles'!$G$18=$B$17,14,0)+IF('Standard Profiles'!$G$18=$B$24,21,0),MOD($C529,24)+1)/SUM(INDEX($D$3:$AA$30,INDEX(Jesper!$R$2:$R$366,ROW(INDEX(Jesper!AH$2:AH$366,ROUNDDOWN($C529/24,0)+1,1))-1)+IF('Standard Profiles'!$G$18=$B$10,7,0)+IF('Standard Profiles'!$G$18=$B$17,14,0)+IF('Standard Profiles'!$G$18=$B$24,21,0),0)),0)</f>
        <v>12.902201161228168</v>
      </c>
      <c r="E529" cm="1">
        <f t="array" ref="E529">IFERROR(INDEX(Jesper!AI$2:AI$366,ROUNDDOWN($C529/24,0)+1,1)*INDEX($D$3:$AA$30,INDEX(Jesper!$R$2:$R$366,ROW(INDEX(Jesper!AI$2:AI$366,ROUNDDOWN($C529/24,0)+1,1))-1)+IF('Standard Profiles'!$G$19=$B$10,7,0)+IF('Standard Profiles'!$G$19=$B$17,14,0)+IF('Standard Profiles'!$G$19=$B$24,21,0),MOD($C529,24)+1)/SUM(INDEX($D$3:$AA$30,INDEX(Jesper!$R$2:$R$366,ROW(INDEX(Jesper!AI$2:AI$366,ROUNDDOWN($C529/24,0)+1,1))-1)+IF('Standard Profiles'!$G$19=$B$10,7,0)+IF('Standard Profiles'!$G$19=$B$17,14,0)+IF('Standard Profiles'!$G$19=$B$24,21,0),0)),0)</f>
        <v>2.9287108972548408</v>
      </c>
      <c r="F529" cm="1">
        <f t="array" ref="F529">IFERROR(INDEX(Jesper!AJ$2:AJ$366,ROUNDDOWN($C529/24,0)+1,1)*INDEX($D$3:$AA$30,INDEX(Jesper!$R$2:$R$366,ROW(INDEX(Jesper!AJ$2:AJ$366,ROUNDDOWN($C529/24,0)+1,1))-1)+IF('Standard Profiles'!$G$20=$B$10,7,0)+IF('Standard Profiles'!$G$20=$B$17,14,0)+IF('Standard Profiles'!$G$20=$B$24,21,0),MOD($C529,24)+1)/SUM(INDEX($D$3:$AA$30,INDEX(Jesper!$R$2:$R$366,ROW(INDEX(Jesper!AJ$2:AJ$366,ROUNDDOWN($C529/24,0)+1,1))-1)+IF('Standard Profiles'!$G$20=$B$10,7,0)+IF('Standard Profiles'!$G$20=$B$17,14,0)+IF('Standard Profiles'!$G$20=$B$24,21,0),0)),0)</f>
        <v>0</v>
      </c>
      <c r="G529" cm="1">
        <f t="array" ref="G529">IFERROR(INDEX(Jesper!AK$2:AK$366,ROUNDDOWN($C529/24,0)+1,1)*INDEX($D$3:$AA$30,INDEX(Jesper!$R$2:$R$366,ROW(INDEX(Jesper!AK$2:AK$366,ROUNDDOWN($C529/24,0)+1,1))-1)+IF('Standard Profiles'!$G$21=$B$10,7,0)+IF('Standard Profiles'!$G$21=$B$17,14,0)+IF('Standard Profiles'!$G$21=$B$24,21,0),MOD($C529,24)+1)/SUM(INDEX($D$3:$AA$30,INDEX(Jesper!$R$2:$R$366,ROW(INDEX(Jesper!AK$2:AK$366,ROUNDDOWN($C529/24,0)+1,1))-1)+IF('Standard Profiles'!$G$21=$B$10,7,0)+IF('Standard Profiles'!$G$21=$B$17,14,0)+IF('Standard Profiles'!$G$21=$B$24,21,0),0)),0)</f>
        <v>0</v>
      </c>
      <c r="H529" cm="1">
        <f t="array" ref="H529">IFERROR(INDEX(Jesper!AL$2:AL$366,ROUNDDOWN($C529/24,0)+1,1)*INDEX($D$3:$AA$30,INDEX(Jesper!$R$2:$R$366,ROW(INDEX(Jesper!AL$2:AL$366,ROUNDDOWN($C529/24,0)+1,1))-1)+IF('Standard Profiles'!$G$22=$B$10,7,0)+IF('Standard Profiles'!$G$22=$B$17,14,0)+IF('Standard Profiles'!$G$22=$B$24,21,0),MOD($C529,24)+1)/SUM(INDEX($D$3:$AA$30,INDEX(Jesper!$R$2:$R$366,ROW(INDEX(Jesper!AL$2:AL$366,ROUNDDOWN($C529/24,0)+1,1))-1)+IF('Standard Profiles'!$G$22=$B$10,7,0)+IF('Standard Profiles'!$G$22=$B$17,14,0)+IF('Standard Profiles'!$G$22=$B$24,21,0),0)),0)</f>
        <v>0</v>
      </c>
      <c r="I529">
        <f t="shared" si="69"/>
        <v>0.26384782858151729</v>
      </c>
      <c r="J529">
        <f t="shared" si="70"/>
        <v>0.87949276193839099</v>
      </c>
      <c r="K529">
        <f t="shared" si="71"/>
        <v>1.3192391429075865</v>
      </c>
      <c r="L529">
        <f t="shared" si="72"/>
        <v>13.368332325055515</v>
      </c>
      <c r="M529">
        <f t="shared" si="73"/>
        <v>0</v>
      </c>
      <c r="N529" s="46">
        <f t="shared" si="74"/>
        <v>45312.624999998799</v>
      </c>
    </row>
    <row r="530" spans="2:14" x14ac:dyDescent="0.3">
      <c r="B530">
        <f t="shared" si="68"/>
        <v>7</v>
      </c>
      <c r="C530" s="16">
        <v>496</v>
      </c>
      <c r="D530" cm="1">
        <f t="array" ref="D530">IFERROR(INDEX(Jesper!AH$2:AH$366,ROUNDDOWN($C530/24,0)+1,1)*INDEX($D$3:$AA$30,INDEX(Jesper!$R$2:$R$366,ROW(INDEX(Jesper!AH$2:AH$366,ROUNDDOWN($C530/24,0)+1,1))-1)+IF('Standard Profiles'!$G$18=$B$10,7,0)+IF('Standard Profiles'!$G$18=$B$17,14,0)+IF('Standard Profiles'!$G$18=$B$24,21,0),MOD($C530,24)+1)/SUM(INDEX($D$3:$AA$30,INDEX(Jesper!$R$2:$R$366,ROW(INDEX(Jesper!AH$2:AH$366,ROUNDDOWN($C530/24,0)+1,1))-1)+IF('Standard Profiles'!$G$18=$B$10,7,0)+IF('Standard Profiles'!$G$18=$B$17,14,0)+IF('Standard Profiles'!$G$18=$B$24,21,0),0)),0)</f>
        <v>12.671804711920524</v>
      </c>
      <c r="E530" cm="1">
        <f t="array" ref="E530">IFERROR(INDEX(Jesper!AI$2:AI$366,ROUNDDOWN($C530/24,0)+1,1)*INDEX($D$3:$AA$30,INDEX(Jesper!$R$2:$R$366,ROW(INDEX(Jesper!AI$2:AI$366,ROUNDDOWN($C530/24,0)+1,1))-1)+IF('Standard Profiles'!$G$19=$B$10,7,0)+IF('Standard Profiles'!$G$19=$B$17,14,0)+IF('Standard Profiles'!$G$19=$B$24,21,0),MOD($C530,24)+1)/SUM(INDEX($D$3:$AA$30,INDEX(Jesper!$R$2:$R$366,ROW(INDEX(Jesper!AI$2:AI$366,ROUNDDOWN($C530/24,0)+1,1))-1)+IF('Standard Profiles'!$G$19=$B$10,7,0)+IF('Standard Profiles'!$G$19=$B$17,14,0)+IF('Standard Profiles'!$G$19=$B$24,21,0),0)),0)</f>
        <v>2.8764124883752897</v>
      </c>
      <c r="F530" cm="1">
        <f t="array" ref="F530">IFERROR(INDEX(Jesper!AJ$2:AJ$366,ROUNDDOWN($C530/24,0)+1,1)*INDEX($D$3:$AA$30,INDEX(Jesper!$R$2:$R$366,ROW(INDEX(Jesper!AJ$2:AJ$366,ROUNDDOWN($C530/24,0)+1,1))-1)+IF('Standard Profiles'!$G$20=$B$10,7,0)+IF('Standard Profiles'!$G$20=$B$17,14,0)+IF('Standard Profiles'!$G$20=$B$24,21,0),MOD($C530,24)+1)/SUM(INDEX($D$3:$AA$30,INDEX(Jesper!$R$2:$R$366,ROW(INDEX(Jesper!AJ$2:AJ$366,ROUNDDOWN($C530/24,0)+1,1))-1)+IF('Standard Profiles'!$G$20=$B$10,7,0)+IF('Standard Profiles'!$G$20=$B$17,14,0)+IF('Standard Profiles'!$G$20=$B$24,21,0),0)),0)</f>
        <v>0</v>
      </c>
      <c r="G530" cm="1">
        <f t="array" ref="G530">IFERROR(INDEX(Jesper!AK$2:AK$366,ROUNDDOWN($C530/24,0)+1,1)*INDEX($D$3:$AA$30,INDEX(Jesper!$R$2:$R$366,ROW(INDEX(Jesper!AK$2:AK$366,ROUNDDOWN($C530/24,0)+1,1))-1)+IF('Standard Profiles'!$G$21=$B$10,7,0)+IF('Standard Profiles'!$G$21=$B$17,14,0)+IF('Standard Profiles'!$G$21=$B$24,21,0),MOD($C530,24)+1)/SUM(INDEX($D$3:$AA$30,INDEX(Jesper!$R$2:$R$366,ROW(INDEX(Jesper!AK$2:AK$366,ROUNDDOWN($C530/24,0)+1,1))-1)+IF('Standard Profiles'!$G$21=$B$10,7,0)+IF('Standard Profiles'!$G$21=$B$17,14,0)+IF('Standard Profiles'!$G$21=$B$24,21,0),0)),0)</f>
        <v>0</v>
      </c>
      <c r="H530" cm="1">
        <f t="array" ref="H530">IFERROR(INDEX(Jesper!AL$2:AL$366,ROUNDDOWN($C530/24,0)+1,1)*INDEX($D$3:$AA$30,INDEX(Jesper!$R$2:$R$366,ROW(INDEX(Jesper!AL$2:AL$366,ROUNDDOWN($C530/24,0)+1,1))-1)+IF('Standard Profiles'!$G$22=$B$10,7,0)+IF('Standard Profiles'!$G$22=$B$17,14,0)+IF('Standard Profiles'!$G$22=$B$24,21,0),MOD($C530,24)+1)/SUM(INDEX($D$3:$AA$30,INDEX(Jesper!$R$2:$R$366,ROW(INDEX(Jesper!AL$2:AL$366,ROUNDDOWN($C530/24,0)+1,1))-1)+IF('Standard Profiles'!$G$22=$B$10,7,0)+IF('Standard Profiles'!$G$22=$B$17,14,0)+IF('Standard Profiles'!$G$22=$B$24,21,0),0)),0)</f>
        <v>0</v>
      </c>
      <c r="I530">
        <f t="shared" si="69"/>
        <v>0.25913626021399011</v>
      </c>
      <c r="J530">
        <f t="shared" si="70"/>
        <v>0.86378753404663389</v>
      </c>
      <c r="K530">
        <f t="shared" si="71"/>
        <v>1.2956813010699508</v>
      </c>
      <c r="L530">
        <f t="shared" si="72"/>
        <v>13.12961210496524</v>
      </c>
      <c r="M530">
        <f t="shared" si="73"/>
        <v>0</v>
      </c>
      <c r="N530" s="46">
        <f t="shared" si="74"/>
        <v>45312.666666665464</v>
      </c>
    </row>
    <row r="531" spans="2:14" x14ac:dyDescent="0.3">
      <c r="B531">
        <f t="shared" si="68"/>
        <v>7</v>
      </c>
      <c r="C531" s="16">
        <v>497</v>
      </c>
      <c r="D531" cm="1">
        <f t="array" ref="D531">IFERROR(INDEX(Jesper!AH$2:AH$366,ROUNDDOWN($C531/24,0)+1,1)*INDEX($D$3:$AA$30,INDEX(Jesper!$R$2:$R$366,ROW(INDEX(Jesper!AH$2:AH$366,ROUNDDOWN($C531/24,0)+1,1))-1)+IF('Standard Profiles'!$G$18=$B$10,7,0)+IF('Standard Profiles'!$G$18=$B$17,14,0)+IF('Standard Profiles'!$G$18=$B$24,21,0),MOD($C531,24)+1)/SUM(INDEX($D$3:$AA$30,INDEX(Jesper!$R$2:$R$366,ROW(INDEX(Jesper!AH$2:AH$366,ROUNDDOWN($C531/24,0)+1,1))-1)+IF('Standard Profiles'!$G$18=$B$10,7,0)+IF('Standard Profiles'!$G$18=$B$17,14,0)+IF('Standard Profiles'!$G$18=$B$24,21,0),0)),0)</f>
        <v>10.828633117459358</v>
      </c>
      <c r="E531" cm="1">
        <f t="array" ref="E531">IFERROR(INDEX(Jesper!AI$2:AI$366,ROUNDDOWN($C531/24,0)+1,1)*INDEX($D$3:$AA$30,INDEX(Jesper!$R$2:$R$366,ROW(INDEX(Jesper!AI$2:AI$366,ROUNDDOWN($C531/24,0)+1,1))-1)+IF('Standard Profiles'!$G$19=$B$10,7,0)+IF('Standard Profiles'!$G$19=$B$17,14,0)+IF('Standard Profiles'!$G$19=$B$24,21,0),MOD($C531,24)+1)/SUM(INDEX($D$3:$AA$30,INDEX(Jesper!$R$2:$R$366,ROW(INDEX(Jesper!AI$2:AI$366,ROUNDDOWN($C531/24,0)+1,1))-1)+IF('Standard Profiles'!$G$19=$B$10,7,0)+IF('Standard Profiles'!$G$19=$B$17,14,0)+IF('Standard Profiles'!$G$19=$B$24,21,0),0)),0)</f>
        <v>2.4580252173388843</v>
      </c>
      <c r="F531" cm="1">
        <f t="array" ref="F531">IFERROR(INDEX(Jesper!AJ$2:AJ$366,ROUNDDOWN($C531/24,0)+1,1)*INDEX($D$3:$AA$30,INDEX(Jesper!$R$2:$R$366,ROW(INDEX(Jesper!AJ$2:AJ$366,ROUNDDOWN($C531/24,0)+1,1))-1)+IF('Standard Profiles'!$G$20=$B$10,7,0)+IF('Standard Profiles'!$G$20=$B$17,14,0)+IF('Standard Profiles'!$G$20=$B$24,21,0),MOD($C531,24)+1)/SUM(INDEX($D$3:$AA$30,INDEX(Jesper!$R$2:$R$366,ROW(INDEX(Jesper!AJ$2:AJ$366,ROUNDDOWN($C531/24,0)+1,1))-1)+IF('Standard Profiles'!$G$20=$B$10,7,0)+IF('Standard Profiles'!$G$20=$B$17,14,0)+IF('Standard Profiles'!$G$20=$B$24,21,0),0)),0)</f>
        <v>0</v>
      </c>
      <c r="G531" cm="1">
        <f t="array" ref="G531">IFERROR(INDEX(Jesper!AK$2:AK$366,ROUNDDOWN($C531/24,0)+1,1)*INDEX($D$3:$AA$30,INDEX(Jesper!$R$2:$R$366,ROW(INDEX(Jesper!AK$2:AK$366,ROUNDDOWN($C531/24,0)+1,1))-1)+IF('Standard Profiles'!$G$21=$B$10,7,0)+IF('Standard Profiles'!$G$21=$B$17,14,0)+IF('Standard Profiles'!$G$21=$B$24,21,0),MOD($C531,24)+1)/SUM(INDEX($D$3:$AA$30,INDEX(Jesper!$R$2:$R$366,ROW(INDEX(Jesper!AK$2:AK$366,ROUNDDOWN($C531/24,0)+1,1))-1)+IF('Standard Profiles'!$G$21=$B$10,7,0)+IF('Standard Profiles'!$G$21=$B$17,14,0)+IF('Standard Profiles'!$G$21=$B$24,21,0),0)),0)</f>
        <v>0</v>
      </c>
      <c r="H531" cm="1">
        <f t="array" ref="H531">IFERROR(INDEX(Jesper!AL$2:AL$366,ROUNDDOWN($C531/24,0)+1,1)*INDEX($D$3:$AA$30,INDEX(Jesper!$R$2:$R$366,ROW(INDEX(Jesper!AL$2:AL$366,ROUNDDOWN($C531/24,0)+1,1))-1)+IF('Standard Profiles'!$G$22=$B$10,7,0)+IF('Standard Profiles'!$G$22=$B$17,14,0)+IF('Standard Profiles'!$G$22=$B$24,21,0),MOD($C531,24)+1)/SUM(INDEX($D$3:$AA$30,INDEX(Jesper!$R$2:$R$366,ROW(INDEX(Jesper!AL$2:AL$366,ROUNDDOWN($C531/24,0)+1,1))-1)+IF('Standard Profiles'!$G$22=$B$10,7,0)+IF('Standard Profiles'!$G$22=$B$17,14,0)+IF('Standard Profiles'!$G$22=$B$24,21,0),0)),0)</f>
        <v>0</v>
      </c>
      <c r="I531">
        <f t="shared" si="69"/>
        <v>0.22144371327377343</v>
      </c>
      <c r="J531">
        <f t="shared" si="70"/>
        <v>0.73814571091257819</v>
      </c>
      <c r="K531">
        <f t="shared" si="71"/>
        <v>1.1072185663688672</v>
      </c>
      <c r="L531">
        <f t="shared" si="72"/>
        <v>11.219850344243023</v>
      </c>
      <c r="M531">
        <f t="shared" si="73"/>
        <v>0</v>
      </c>
      <c r="N531" s="46">
        <f t="shared" si="74"/>
        <v>45312.708333332128</v>
      </c>
    </row>
    <row r="532" spans="2:14" x14ac:dyDescent="0.3">
      <c r="B532">
        <f t="shared" si="68"/>
        <v>7</v>
      </c>
      <c r="C532" s="16">
        <v>498</v>
      </c>
      <c r="D532" cm="1">
        <f t="array" ref="D532">IFERROR(INDEX(Jesper!AH$2:AH$366,ROUNDDOWN($C532/24,0)+1,1)*INDEX($D$3:$AA$30,INDEX(Jesper!$R$2:$R$366,ROW(INDEX(Jesper!AH$2:AH$366,ROUNDDOWN($C532/24,0)+1,1))-1)+IF('Standard Profiles'!$G$18=$B$10,7,0)+IF('Standard Profiles'!$G$18=$B$17,14,0)+IF('Standard Profiles'!$G$18=$B$24,21,0),MOD($C532,24)+1)/SUM(INDEX($D$3:$AA$30,INDEX(Jesper!$R$2:$R$366,ROW(INDEX(Jesper!AH$2:AH$366,ROUNDDOWN($C532/24,0)+1,1))-1)+IF('Standard Profiles'!$G$18=$B$10,7,0)+IF('Standard Profiles'!$G$18=$B$17,14,0)+IF('Standard Profiles'!$G$18=$B$24,21,0),0)),0)</f>
        <v>10.13744376953642</v>
      </c>
      <c r="E532" cm="1">
        <f t="array" ref="E532">IFERROR(INDEX(Jesper!AI$2:AI$366,ROUNDDOWN($C532/24,0)+1,1)*INDEX($D$3:$AA$30,INDEX(Jesper!$R$2:$R$366,ROW(INDEX(Jesper!AI$2:AI$366,ROUNDDOWN($C532/24,0)+1,1))-1)+IF('Standard Profiles'!$G$19=$B$10,7,0)+IF('Standard Profiles'!$G$19=$B$17,14,0)+IF('Standard Profiles'!$G$19=$B$24,21,0),MOD($C532,24)+1)/SUM(INDEX($D$3:$AA$30,INDEX(Jesper!$R$2:$R$366,ROW(INDEX(Jesper!AI$2:AI$366,ROUNDDOWN($C532/24,0)+1,1))-1)+IF('Standard Profiles'!$G$19=$B$10,7,0)+IF('Standard Profiles'!$G$19=$B$17,14,0)+IF('Standard Profiles'!$G$19=$B$24,21,0),0)),0)</f>
        <v>2.3011299907002325</v>
      </c>
      <c r="F532" cm="1">
        <f t="array" ref="F532">IFERROR(INDEX(Jesper!AJ$2:AJ$366,ROUNDDOWN($C532/24,0)+1,1)*INDEX($D$3:$AA$30,INDEX(Jesper!$R$2:$R$366,ROW(INDEX(Jesper!AJ$2:AJ$366,ROUNDDOWN($C532/24,0)+1,1))-1)+IF('Standard Profiles'!$G$20=$B$10,7,0)+IF('Standard Profiles'!$G$20=$B$17,14,0)+IF('Standard Profiles'!$G$20=$B$24,21,0),MOD($C532,24)+1)/SUM(INDEX($D$3:$AA$30,INDEX(Jesper!$R$2:$R$366,ROW(INDEX(Jesper!AJ$2:AJ$366,ROUNDDOWN($C532/24,0)+1,1))-1)+IF('Standard Profiles'!$G$20=$B$10,7,0)+IF('Standard Profiles'!$G$20=$B$17,14,0)+IF('Standard Profiles'!$G$20=$B$24,21,0),0)),0)</f>
        <v>0</v>
      </c>
      <c r="G532" cm="1">
        <f t="array" ref="G532">IFERROR(INDEX(Jesper!AK$2:AK$366,ROUNDDOWN($C532/24,0)+1,1)*INDEX($D$3:$AA$30,INDEX(Jesper!$R$2:$R$366,ROW(INDEX(Jesper!AK$2:AK$366,ROUNDDOWN($C532/24,0)+1,1))-1)+IF('Standard Profiles'!$G$21=$B$10,7,0)+IF('Standard Profiles'!$G$21=$B$17,14,0)+IF('Standard Profiles'!$G$21=$B$24,21,0),MOD($C532,24)+1)/SUM(INDEX($D$3:$AA$30,INDEX(Jesper!$R$2:$R$366,ROW(INDEX(Jesper!AK$2:AK$366,ROUNDDOWN($C532/24,0)+1,1))-1)+IF('Standard Profiles'!$G$21=$B$10,7,0)+IF('Standard Profiles'!$G$21=$B$17,14,0)+IF('Standard Profiles'!$G$21=$B$24,21,0),0)),0)</f>
        <v>0</v>
      </c>
      <c r="H532" cm="1">
        <f t="array" ref="H532">IFERROR(INDEX(Jesper!AL$2:AL$366,ROUNDDOWN($C532/24,0)+1,1)*INDEX($D$3:$AA$30,INDEX(Jesper!$R$2:$R$366,ROW(INDEX(Jesper!AL$2:AL$366,ROUNDDOWN($C532/24,0)+1,1))-1)+IF('Standard Profiles'!$G$22=$B$10,7,0)+IF('Standard Profiles'!$G$22=$B$17,14,0)+IF('Standard Profiles'!$G$22=$B$24,21,0),MOD($C532,24)+1)/SUM(INDEX($D$3:$AA$30,INDEX(Jesper!$R$2:$R$366,ROW(INDEX(Jesper!AL$2:AL$366,ROUNDDOWN($C532/24,0)+1,1))-1)+IF('Standard Profiles'!$G$22=$B$10,7,0)+IF('Standard Profiles'!$G$22=$B$17,14,0)+IF('Standard Profiles'!$G$22=$B$24,21,0),0)),0)</f>
        <v>0</v>
      </c>
      <c r="I532">
        <f t="shared" si="69"/>
        <v>0.20730900817119216</v>
      </c>
      <c r="J532">
        <f t="shared" si="70"/>
        <v>0.69103002723730733</v>
      </c>
      <c r="K532">
        <f t="shared" si="71"/>
        <v>1.0365450408559609</v>
      </c>
      <c r="L532">
        <f t="shared" si="72"/>
        <v>10.503689683972192</v>
      </c>
      <c r="M532">
        <f t="shared" si="73"/>
        <v>0</v>
      </c>
      <c r="N532" s="46">
        <f t="shared" si="74"/>
        <v>45312.749999998792</v>
      </c>
    </row>
    <row r="533" spans="2:14" x14ac:dyDescent="0.3">
      <c r="B533">
        <f t="shared" si="68"/>
        <v>7</v>
      </c>
      <c r="C533" s="16">
        <v>499</v>
      </c>
      <c r="D533" cm="1">
        <f t="array" ref="D533">IFERROR(INDEX(Jesper!AH$2:AH$366,ROUNDDOWN($C533/24,0)+1,1)*INDEX($D$3:$AA$30,INDEX(Jesper!$R$2:$R$366,ROW(INDEX(Jesper!AH$2:AH$366,ROUNDDOWN($C533/24,0)+1,1))-1)+IF('Standard Profiles'!$G$18=$B$10,7,0)+IF('Standard Profiles'!$G$18=$B$17,14,0)+IF('Standard Profiles'!$G$18=$B$24,21,0),MOD($C533,24)+1)/SUM(INDEX($D$3:$AA$30,INDEX(Jesper!$R$2:$R$366,ROW(INDEX(Jesper!AH$2:AH$366,ROUNDDOWN($C533/24,0)+1,1))-1)+IF('Standard Profiles'!$G$18=$B$10,7,0)+IF('Standard Profiles'!$G$18=$B$17,14,0)+IF('Standard Profiles'!$G$18=$B$24,21,0),0)),0)</f>
        <v>8.5246686243828993</v>
      </c>
      <c r="E533" cm="1">
        <f t="array" ref="E533">IFERROR(INDEX(Jesper!AI$2:AI$366,ROUNDDOWN($C533/24,0)+1,1)*INDEX($D$3:$AA$30,INDEX(Jesper!$R$2:$R$366,ROW(INDEX(Jesper!AI$2:AI$366,ROUNDDOWN($C533/24,0)+1,1))-1)+IF('Standard Profiles'!$G$19=$B$10,7,0)+IF('Standard Profiles'!$G$19=$B$17,14,0)+IF('Standard Profiles'!$G$19=$B$24,21,0),MOD($C533,24)+1)/SUM(INDEX($D$3:$AA$30,INDEX(Jesper!$R$2:$R$366,ROW(INDEX(Jesper!AI$2:AI$366,ROUNDDOWN($C533/24,0)+1,1))-1)+IF('Standard Profiles'!$G$19=$B$10,7,0)+IF('Standard Profiles'!$G$19=$B$17,14,0)+IF('Standard Profiles'!$G$19=$B$24,21,0),0)),0)</f>
        <v>1.9350411285433771</v>
      </c>
      <c r="F533" cm="1">
        <f t="array" ref="F533">IFERROR(INDEX(Jesper!AJ$2:AJ$366,ROUNDDOWN($C533/24,0)+1,1)*INDEX($D$3:$AA$30,INDEX(Jesper!$R$2:$R$366,ROW(INDEX(Jesper!AJ$2:AJ$366,ROUNDDOWN($C533/24,0)+1,1))-1)+IF('Standard Profiles'!$G$20=$B$10,7,0)+IF('Standard Profiles'!$G$20=$B$17,14,0)+IF('Standard Profiles'!$G$20=$B$24,21,0),MOD($C533,24)+1)/SUM(INDEX($D$3:$AA$30,INDEX(Jesper!$R$2:$R$366,ROW(INDEX(Jesper!AJ$2:AJ$366,ROUNDDOWN($C533/24,0)+1,1))-1)+IF('Standard Profiles'!$G$20=$B$10,7,0)+IF('Standard Profiles'!$G$20=$B$17,14,0)+IF('Standard Profiles'!$G$20=$B$24,21,0),0)),0)</f>
        <v>0</v>
      </c>
      <c r="G533" cm="1">
        <f t="array" ref="G533">IFERROR(INDEX(Jesper!AK$2:AK$366,ROUNDDOWN($C533/24,0)+1,1)*INDEX($D$3:$AA$30,INDEX(Jesper!$R$2:$R$366,ROW(INDEX(Jesper!AK$2:AK$366,ROUNDDOWN($C533/24,0)+1,1))-1)+IF('Standard Profiles'!$G$21=$B$10,7,0)+IF('Standard Profiles'!$G$21=$B$17,14,0)+IF('Standard Profiles'!$G$21=$B$24,21,0),MOD($C533,24)+1)/SUM(INDEX($D$3:$AA$30,INDEX(Jesper!$R$2:$R$366,ROW(INDEX(Jesper!AK$2:AK$366,ROUNDDOWN($C533/24,0)+1,1))-1)+IF('Standard Profiles'!$G$21=$B$10,7,0)+IF('Standard Profiles'!$G$21=$B$17,14,0)+IF('Standard Profiles'!$G$21=$B$24,21,0),0)),0)</f>
        <v>0</v>
      </c>
      <c r="H533" cm="1">
        <f t="array" ref="H533">IFERROR(INDEX(Jesper!AL$2:AL$366,ROUNDDOWN($C533/24,0)+1,1)*INDEX($D$3:$AA$30,INDEX(Jesper!$R$2:$R$366,ROW(INDEX(Jesper!AL$2:AL$366,ROUNDDOWN($C533/24,0)+1,1))-1)+IF('Standard Profiles'!$G$22=$B$10,7,0)+IF('Standard Profiles'!$G$22=$B$17,14,0)+IF('Standard Profiles'!$G$22=$B$24,21,0),MOD($C533,24)+1)/SUM(INDEX($D$3:$AA$30,INDEX(Jesper!$R$2:$R$366,ROW(INDEX(Jesper!AL$2:AL$366,ROUNDDOWN($C533/24,0)+1,1))-1)+IF('Standard Profiles'!$G$22=$B$10,7,0)+IF('Standard Profiles'!$G$22=$B$17,14,0)+IF('Standard Profiles'!$G$22=$B$24,21,0),0)),0)</f>
        <v>0</v>
      </c>
      <c r="I533">
        <f t="shared" si="69"/>
        <v>0.17432802959850249</v>
      </c>
      <c r="J533">
        <f t="shared" si="70"/>
        <v>0.5810934319950084</v>
      </c>
      <c r="K533">
        <f t="shared" si="71"/>
        <v>0.87164014799251255</v>
      </c>
      <c r="L533">
        <f t="shared" si="72"/>
        <v>8.8326481433402524</v>
      </c>
      <c r="M533">
        <f t="shared" si="73"/>
        <v>0</v>
      </c>
      <c r="N533" s="46">
        <f t="shared" si="74"/>
        <v>45312.791666665456</v>
      </c>
    </row>
    <row r="534" spans="2:14" x14ac:dyDescent="0.3">
      <c r="B534">
        <f t="shared" si="68"/>
        <v>7</v>
      </c>
      <c r="C534" s="16">
        <v>500</v>
      </c>
      <c r="D534" cm="1">
        <f t="array" ref="D534">IFERROR(INDEX(Jesper!AH$2:AH$366,ROUNDDOWN($C534/24,0)+1,1)*INDEX($D$3:$AA$30,INDEX(Jesper!$R$2:$R$366,ROW(INDEX(Jesper!AH$2:AH$366,ROUNDDOWN($C534/24,0)+1,1))-1)+IF('Standard Profiles'!$G$18=$B$10,7,0)+IF('Standard Profiles'!$G$18=$B$17,14,0)+IF('Standard Profiles'!$G$18=$B$24,21,0),MOD($C534,24)+1)/SUM(INDEX($D$3:$AA$30,INDEX(Jesper!$R$2:$R$366,ROW(INDEX(Jesper!AH$2:AH$366,ROUNDDOWN($C534/24,0)+1,1))-1)+IF('Standard Profiles'!$G$18=$B$10,7,0)+IF('Standard Profiles'!$G$18=$B$17,14,0)+IF('Standard Profiles'!$G$18=$B$24,21,0),0)),0)</f>
        <v>7.1422899285370232</v>
      </c>
      <c r="E534" cm="1">
        <f t="array" ref="E534">IFERROR(INDEX(Jesper!AI$2:AI$366,ROUNDDOWN($C534/24,0)+1,1)*INDEX($D$3:$AA$30,INDEX(Jesper!$R$2:$R$366,ROW(INDEX(Jesper!AI$2:AI$366,ROUNDDOWN($C534/24,0)+1,1))-1)+IF('Standard Profiles'!$G$19=$B$10,7,0)+IF('Standard Profiles'!$G$19=$B$17,14,0)+IF('Standard Profiles'!$G$19=$B$24,21,0),MOD($C534,24)+1)/SUM(INDEX($D$3:$AA$30,INDEX(Jesper!$R$2:$R$366,ROW(INDEX(Jesper!AI$2:AI$366,ROUNDDOWN($C534/24,0)+1,1))-1)+IF('Standard Profiles'!$G$19=$B$10,7,0)+IF('Standard Profiles'!$G$19=$B$17,14,0)+IF('Standard Profiles'!$G$19=$B$24,21,0),0)),0)</f>
        <v>1.6212506752660727</v>
      </c>
      <c r="F534" cm="1">
        <f t="array" ref="F534">IFERROR(INDEX(Jesper!AJ$2:AJ$366,ROUNDDOWN($C534/24,0)+1,1)*INDEX($D$3:$AA$30,INDEX(Jesper!$R$2:$R$366,ROW(INDEX(Jesper!AJ$2:AJ$366,ROUNDDOWN($C534/24,0)+1,1))-1)+IF('Standard Profiles'!$G$20=$B$10,7,0)+IF('Standard Profiles'!$G$20=$B$17,14,0)+IF('Standard Profiles'!$G$20=$B$24,21,0),MOD($C534,24)+1)/SUM(INDEX($D$3:$AA$30,INDEX(Jesper!$R$2:$R$366,ROW(INDEX(Jesper!AJ$2:AJ$366,ROUNDDOWN($C534/24,0)+1,1))-1)+IF('Standard Profiles'!$G$20=$B$10,7,0)+IF('Standard Profiles'!$G$20=$B$17,14,0)+IF('Standard Profiles'!$G$20=$B$24,21,0),0)),0)</f>
        <v>0</v>
      </c>
      <c r="G534" cm="1">
        <f t="array" ref="G534">IFERROR(INDEX(Jesper!AK$2:AK$366,ROUNDDOWN($C534/24,0)+1,1)*INDEX($D$3:$AA$30,INDEX(Jesper!$R$2:$R$366,ROW(INDEX(Jesper!AK$2:AK$366,ROUNDDOWN($C534/24,0)+1,1))-1)+IF('Standard Profiles'!$G$21=$B$10,7,0)+IF('Standard Profiles'!$G$21=$B$17,14,0)+IF('Standard Profiles'!$G$21=$B$24,21,0),MOD($C534,24)+1)/SUM(INDEX($D$3:$AA$30,INDEX(Jesper!$R$2:$R$366,ROW(INDEX(Jesper!AK$2:AK$366,ROUNDDOWN($C534/24,0)+1,1))-1)+IF('Standard Profiles'!$G$21=$B$10,7,0)+IF('Standard Profiles'!$G$21=$B$17,14,0)+IF('Standard Profiles'!$G$21=$B$24,21,0),0)),0)</f>
        <v>0</v>
      </c>
      <c r="H534" cm="1">
        <f t="array" ref="H534">IFERROR(INDEX(Jesper!AL$2:AL$366,ROUNDDOWN($C534/24,0)+1,1)*INDEX($D$3:$AA$30,INDEX(Jesper!$R$2:$R$366,ROW(INDEX(Jesper!AL$2:AL$366,ROUNDDOWN($C534/24,0)+1,1))-1)+IF('Standard Profiles'!$G$22=$B$10,7,0)+IF('Standard Profiles'!$G$22=$B$17,14,0)+IF('Standard Profiles'!$G$22=$B$24,21,0),MOD($C534,24)+1)/SUM(INDEX($D$3:$AA$30,INDEX(Jesper!$R$2:$R$366,ROW(INDEX(Jesper!AL$2:AL$366,ROUNDDOWN($C534/24,0)+1,1))-1)+IF('Standard Profiles'!$G$22=$B$10,7,0)+IF('Standard Profiles'!$G$22=$B$17,14,0)+IF('Standard Profiles'!$G$22=$B$24,21,0),0)),0)</f>
        <v>0</v>
      </c>
      <c r="I534">
        <f t="shared" si="69"/>
        <v>0.14605861939333992</v>
      </c>
      <c r="J534">
        <f t="shared" si="70"/>
        <v>0.48686206464446646</v>
      </c>
      <c r="K534">
        <f t="shared" si="71"/>
        <v>0.73029309696669964</v>
      </c>
      <c r="L534">
        <f t="shared" si="72"/>
        <v>7.4003268227985899</v>
      </c>
      <c r="M534">
        <f t="shared" si="73"/>
        <v>0</v>
      </c>
      <c r="N534" s="46">
        <f t="shared" si="74"/>
        <v>45312.833333332121</v>
      </c>
    </row>
    <row r="535" spans="2:14" x14ac:dyDescent="0.3">
      <c r="B535">
        <f t="shared" si="68"/>
        <v>7</v>
      </c>
      <c r="C535" s="16">
        <v>501</v>
      </c>
      <c r="D535" cm="1">
        <f t="array" ref="D535">IFERROR(INDEX(Jesper!AH$2:AH$366,ROUNDDOWN($C535/24,0)+1,1)*INDEX($D$3:$AA$30,INDEX(Jesper!$R$2:$R$366,ROW(INDEX(Jesper!AH$2:AH$366,ROUNDDOWN($C535/24,0)+1,1))-1)+IF('Standard Profiles'!$G$18=$B$10,7,0)+IF('Standard Profiles'!$G$18=$B$17,14,0)+IF('Standard Profiles'!$G$18=$B$24,21,0),MOD($C535,24)+1)/SUM(INDEX($D$3:$AA$30,INDEX(Jesper!$R$2:$R$366,ROW(INDEX(Jesper!AH$2:AH$366,ROUNDDOWN($C535/24,0)+1,1))-1)+IF('Standard Profiles'!$G$18=$B$10,7,0)+IF('Standard Profiles'!$G$18=$B$17,14,0)+IF('Standard Profiles'!$G$18=$B$24,21,0),0)),0)</f>
        <v>6.2207041313064391</v>
      </c>
      <c r="E535" cm="1">
        <f t="array" ref="E535">IFERROR(INDEX(Jesper!AI$2:AI$366,ROUNDDOWN($C535/24,0)+1,1)*INDEX($D$3:$AA$30,INDEX(Jesper!$R$2:$R$366,ROW(INDEX(Jesper!AI$2:AI$366,ROUNDDOWN($C535/24,0)+1,1))-1)+IF('Standard Profiles'!$G$19=$B$10,7,0)+IF('Standard Profiles'!$G$19=$B$17,14,0)+IF('Standard Profiles'!$G$19=$B$24,21,0),MOD($C535,24)+1)/SUM(INDEX($D$3:$AA$30,INDEX(Jesper!$R$2:$R$366,ROW(INDEX(Jesper!AI$2:AI$366,ROUNDDOWN($C535/24,0)+1,1))-1)+IF('Standard Profiles'!$G$19=$B$10,7,0)+IF('Standard Profiles'!$G$19=$B$17,14,0)+IF('Standard Profiles'!$G$19=$B$24,21,0),0)),0)</f>
        <v>1.4120570397478698</v>
      </c>
      <c r="F535" cm="1">
        <f t="array" ref="F535">IFERROR(INDEX(Jesper!AJ$2:AJ$366,ROUNDDOWN($C535/24,0)+1,1)*INDEX($D$3:$AA$30,INDEX(Jesper!$R$2:$R$366,ROW(INDEX(Jesper!AJ$2:AJ$366,ROUNDDOWN($C535/24,0)+1,1))-1)+IF('Standard Profiles'!$G$20=$B$10,7,0)+IF('Standard Profiles'!$G$20=$B$17,14,0)+IF('Standard Profiles'!$G$20=$B$24,21,0),MOD($C535,24)+1)/SUM(INDEX($D$3:$AA$30,INDEX(Jesper!$R$2:$R$366,ROW(INDEX(Jesper!AJ$2:AJ$366,ROUNDDOWN($C535/24,0)+1,1))-1)+IF('Standard Profiles'!$G$20=$B$10,7,0)+IF('Standard Profiles'!$G$20=$B$17,14,0)+IF('Standard Profiles'!$G$20=$B$24,21,0),0)),0)</f>
        <v>0</v>
      </c>
      <c r="G535" cm="1">
        <f t="array" ref="G535">IFERROR(INDEX(Jesper!AK$2:AK$366,ROUNDDOWN($C535/24,0)+1,1)*INDEX($D$3:$AA$30,INDEX(Jesper!$R$2:$R$366,ROW(INDEX(Jesper!AK$2:AK$366,ROUNDDOWN($C535/24,0)+1,1))-1)+IF('Standard Profiles'!$G$21=$B$10,7,0)+IF('Standard Profiles'!$G$21=$B$17,14,0)+IF('Standard Profiles'!$G$21=$B$24,21,0),MOD($C535,24)+1)/SUM(INDEX($D$3:$AA$30,INDEX(Jesper!$R$2:$R$366,ROW(INDEX(Jesper!AK$2:AK$366,ROUNDDOWN($C535/24,0)+1,1))-1)+IF('Standard Profiles'!$G$21=$B$10,7,0)+IF('Standard Profiles'!$G$21=$B$17,14,0)+IF('Standard Profiles'!$G$21=$B$24,21,0),0)),0)</f>
        <v>0</v>
      </c>
      <c r="H535" cm="1">
        <f t="array" ref="H535">IFERROR(INDEX(Jesper!AL$2:AL$366,ROUNDDOWN($C535/24,0)+1,1)*INDEX($D$3:$AA$30,INDEX(Jesper!$R$2:$R$366,ROW(INDEX(Jesper!AL$2:AL$366,ROUNDDOWN($C535/24,0)+1,1))-1)+IF('Standard Profiles'!$G$22=$B$10,7,0)+IF('Standard Profiles'!$G$22=$B$17,14,0)+IF('Standard Profiles'!$G$22=$B$24,21,0),MOD($C535,24)+1)/SUM(INDEX($D$3:$AA$30,INDEX(Jesper!$R$2:$R$366,ROW(INDEX(Jesper!AL$2:AL$366,ROUNDDOWN($C535/24,0)+1,1))-1)+IF('Standard Profiles'!$G$22=$B$10,7,0)+IF('Standard Profiles'!$G$22=$B$17,14,0)+IF('Standard Profiles'!$G$22=$B$24,21,0),0)),0)</f>
        <v>0</v>
      </c>
      <c r="I535">
        <f t="shared" si="69"/>
        <v>0.12721234592323155</v>
      </c>
      <c r="J535">
        <f t="shared" si="70"/>
        <v>0.42404115307743856</v>
      </c>
      <c r="K535">
        <f t="shared" si="71"/>
        <v>0.63606172961615781</v>
      </c>
      <c r="L535">
        <f t="shared" si="72"/>
        <v>6.4454459424374813</v>
      </c>
      <c r="M535">
        <f t="shared" si="73"/>
        <v>0</v>
      </c>
      <c r="N535" s="46">
        <f t="shared" si="74"/>
        <v>45312.874999998785</v>
      </c>
    </row>
    <row r="536" spans="2:14" x14ac:dyDescent="0.3">
      <c r="B536">
        <f t="shared" si="68"/>
        <v>7</v>
      </c>
      <c r="C536" s="16">
        <v>502</v>
      </c>
      <c r="D536" cm="1">
        <f t="array" ref="D536">IFERROR(INDEX(Jesper!AH$2:AH$366,ROUNDDOWN($C536/24,0)+1,1)*INDEX($D$3:$AA$30,INDEX(Jesper!$R$2:$R$366,ROW(INDEX(Jesper!AH$2:AH$366,ROUNDDOWN($C536/24,0)+1,1))-1)+IF('Standard Profiles'!$G$18=$B$10,7,0)+IF('Standard Profiles'!$G$18=$B$17,14,0)+IF('Standard Profiles'!$G$18=$B$24,21,0),MOD($C536,24)+1)/SUM(INDEX($D$3:$AA$30,INDEX(Jesper!$R$2:$R$366,ROW(INDEX(Jesper!AH$2:AH$366,ROUNDDOWN($C536/24,0)+1,1))-1)+IF('Standard Profiles'!$G$18=$B$10,7,0)+IF('Standard Profiles'!$G$18=$B$17,14,0)+IF('Standard Profiles'!$G$18=$B$24,21,0),0)),0)</f>
        <v>6.2207041313064391</v>
      </c>
      <c r="E536" cm="1">
        <f t="array" ref="E536">IFERROR(INDEX(Jesper!AI$2:AI$366,ROUNDDOWN($C536/24,0)+1,1)*INDEX($D$3:$AA$30,INDEX(Jesper!$R$2:$R$366,ROW(INDEX(Jesper!AI$2:AI$366,ROUNDDOWN($C536/24,0)+1,1))-1)+IF('Standard Profiles'!$G$19=$B$10,7,0)+IF('Standard Profiles'!$G$19=$B$17,14,0)+IF('Standard Profiles'!$G$19=$B$24,21,0),MOD($C536,24)+1)/SUM(INDEX($D$3:$AA$30,INDEX(Jesper!$R$2:$R$366,ROW(INDEX(Jesper!AI$2:AI$366,ROUNDDOWN($C536/24,0)+1,1))-1)+IF('Standard Profiles'!$G$19=$B$10,7,0)+IF('Standard Profiles'!$G$19=$B$17,14,0)+IF('Standard Profiles'!$G$19=$B$24,21,0),0)),0)</f>
        <v>1.4120570397478698</v>
      </c>
      <c r="F536" cm="1">
        <f t="array" ref="F536">IFERROR(INDEX(Jesper!AJ$2:AJ$366,ROUNDDOWN($C536/24,0)+1,1)*INDEX($D$3:$AA$30,INDEX(Jesper!$R$2:$R$366,ROW(INDEX(Jesper!AJ$2:AJ$366,ROUNDDOWN($C536/24,0)+1,1))-1)+IF('Standard Profiles'!$G$20=$B$10,7,0)+IF('Standard Profiles'!$G$20=$B$17,14,0)+IF('Standard Profiles'!$G$20=$B$24,21,0),MOD($C536,24)+1)/SUM(INDEX($D$3:$AA$30,INDEX(Jesper!$R$2:$R$366,ROW(INDEX(Jesper!AJ$2:AJ$366,ROUNDDOWN($C536/24,0)+1,1))-1)+IF('Standard Profiles'!$G$20=$B$10,7,0)+IF('Standard Profiles'!$G$20=$B$17,14,0)+IF('Standard Profiles'!$G$20=$B$24,21,0),0)),0)</f>
        <v>0</v>
      </c>
      <c r="G536" cm="1">
        <f t="array" ref="G536">IFERROR(INDEX(Jesper!AK$2:AK$366,ROUNDDOWN($C536/24,0)+1,1)*INDEX($D$3:$AA$30,INDEX(Jesper!$R$2:$R$366,ROW(INDEX(Jesper!AK$2:AK$366,ROUNDDOWN($C536/24,0)+1,1))-1)+IF('Standard Profiles'!$G$21=$B$10,7,0)+IF('Standard Profiles'!$G$21=$B$17,14,0)+IF('Standard Profiles'!$G$21=$B$24,21,0),MOD($C536,24)+1)/SUM(INDEX($D$3:$AA$30,INDEX(Jesper!$R$2:$R$366,ROW(INDEX(Jesper!AK$2:AK$366,ROUNDDOWN($C536/24,0)+1,1))-1)+IF('Standard Profiles'!$G$21=$B$10,7,0)+IF('Standard Profiles'!$G$21=$B$17,14,0)+IF('Standard Profiles'!$G$21=$B$24,21,0),0)),0)</f>
        <v>0</v>
      </c>
      <c r="H536" cm="1">
        <f t="array" ref="H536">IFERROR(INDEX(Jesper!AL$2:AL$366,ROUNDDOWN($C536/24,0)+1,1)*INDEX($D$3:$AA$30,INDEX(Jesper!$R$2:$R$366,ROW(INDEX(Jesper!AL$2:AL$366,ROUNDDOWN($C536/24,0)+1,1))-1)+IF('Standard Profiles'!$G$22=$B$10,7,0)+IF('Standard Profiles'!$G$22=$B$17,14,0)+IF('Standard Profiles'!$G$22=$B$24,21,0),MOD($C536,24)+1)/SUM(INDEX($D$3:$AA$30,INDEX(Jesper!$R$2:$R$366,ROW(INDEX(Jesper!AL$2:AL$366,ROUNDDOWN($C536/24,0)+1,1))-1)+IF('Standard Profiles'!$G$22=$B$10,7,0)+IF('Standard Profiles'!$G$22=$B$17,14,0)+IF('Standard Profiles'!$G$22=$B$24,21,0),0)),0)</f>
        <v>0</v>
      </c>
      <c r="I536">
        <f t="shared" si="69"/>
        <v>0.12721234592323155</v>
      </c>
      <c r="J536">
        <f t="shared" si="70"/>
        <v>0.42404115307743856</v>
      </c>
      <c r="K536">
        <f t="shared" si="71"/>
        <v>0.63606172961615781</v>
      </c>
      <c r="L536">
        <f t="shared" si="72"/>
        <v>6.4454459424374813</v>
      </c>
      <c r="M536">
        <f t="shared" si="73"/>
        <v>0</v>
      </c>
      <c r="N536" s="46">
        <f t="shared" si="74"/>
        <v>45312.916666665449</v>
      </c>
    </row>
    <row r="537" spans="2:14" x14ac:dyDescent="0.3">
      <c r="B537">
        <f t="shared" si="68"/>
        <v>7</v>
      </c>
      <c r="C537" s="16">
        <v>503</v>
      </c>
      <c r="D537" cm="1">
        <f t="array" ref="D537">IFERROR(INDEX(Jesper!AH$2:AH$366,ROUNDDOWN($C537/24,0)+1,1)*INDEX($D$3:$AA$30,INDEX(Jesper!$R$2:$R$366,ROW(INDEX(Jesper!AH$2:AH$366,ROUNDDOWN($C537/24,0)+1,1))-1)+IF('Standard Profiles'!$G$18=$B$10,7,0)+IF('Standard Profiles'!$G$18=$B$17,14,0)+IF('Standard Profiles'!$G$18=$B$24,21,0),MOD($C537,24)+1)/SUM(INDEX($D$3:$AA$30,INDEX(Jesper!$R$2:$R$366,ROW(INDEX(Jesper!AH$2:AH$366,ROUNDDOWN($C537/24,0)+1,1))-1)+IF('Standard Profiles'!$G$18=$B$10,7,0)+IF('Standard Profiles'!$G$18=$B$17,14,0)+IF('Standard Profiles'!$G$18=$B$24,21,0),0)),0)</f>
        <v>6.2207041313064391</v>
      </c>
      <c r="E537" cm="1">
        <f t="array" ref="E537">IFERROR(INDEX(Jesper!AI$2:AI$366,ROUNDDOWN($C537/24,0)+1,1)*INDEX($D$3:$AA$30,INDEX(Jesper!$R$2:$R$366,ROW(INDEX(Jesper!AI$2:AI$366,ROUNDDOWN($C537/24,0)+1,1))-1)+IF('Standard Profiles'!$G$19=$B$10,7,0)+IF('Standard Profiles'!$G$19=$B$17,14,0)+IF('Standard Profiles'!$G$19=$B$24,21,0),MOD($C537,24)+1)/SUM(INDEX($D$3:$AA$30,INDEX(Jesper!$R$2:$R$366,ROW(INDEX(Jesper!AI$2:AI$366,ROUNDDOWN($C537/24,0)+1,1))-1)+IF('Standard Profiles'!$G$19=$B$10,7,0)+IF('Standard Profiles'!$G$19=$B$17,14,0)+IF('Standard Profiles'!$G$19=$B$24,21,0),0)),0)</f>
        <v>1.4120570397478698</v>
      </c>
      <c r="F537" cm="1">
        <f t="array" ref="F537">IFERROR(INDEX(Jesper!AJ$2:AJ$366,ROUNDDOWN($C537/24,0)+1,1)*INDEX($D$3:$AA$30,INDEX(Jesper!$R$2:$R$366,ROW(INDEX(Jesper!AJ$2:AJ$366,ROUNDDOWN($C537/24,0)+1,1))-1)+IF('Standard Profiles'!$G$20=$B$10,7,0)+IF('Standard Profiles'!$G$20=$B$17,14,0)+IF('Standard Profiles'!$G$20=$B$24,21,0),MOD($C537,24)+1)/SUM(INDEX($D$3:$AA$30,INDEX(Jesper!$R$2:$R$366,ROW(INDEX(Jesper!AJ$2:AJ$366,ROUNDDOWN($C537/24,0)+1,1))-1)+IF('Standard Profiles'!$G$20=$B$10,7,0)+IF('Standard Profiles'!$G$20=$B$17,14,0)+IF('Standard Profiles'!$G$20=$B$24,21,0),0)),0)</f>
        <v>0</v>
      </c>
      <c r="G537" cm="1">
        <f t="array" ref="G537">IFERROR(INDEX(Jesper!AK$2:AK$366,ROUNDDOWN($C537/24,0)+1,1)*INDEX($D$3:$AA$30,INDEX(Jesper!$R$2:$R$366,ROW(INDEX(Jesper!AK$2:AK$366,ROUNDDOWN($C537/24,0)+1,1))-1)+IF('Standard Profiles'!$G$21=$B$10,7,0)+IF('Standard Profiles'!$G$21=$B$17,14,0)+IF('Standard Profiles'!$G$21=$B$24,21,0),MOD($C537,24)+1)/SUM(INDEX($D$3:$AA$30,INDEX(Jesper!$R$2:$R$366,ROW(INDEX(Jesper!AK$2:AK$366,ROUNDDOWN($C537/24,0)+1,1))-1)+IF('Standard Profiles'!$G$21=$B$10,7,0)+IF('Standard Profiles'!$G$21=$B$17,14,0)+IF('Standard Profiles'!$G$21=$B$24,21,0),0)),0)</f>
        <v>0</v>
      </c>
      <c r="H537" cm="1">
        <f t="array" ref="H537">IFERROR(INDEX(Jesper!AL$2:AL$366,ROUNDDOWN($C537/24,0)+1,1)*INDEX($D$3:$AA$30,INDEX(Jesper!$R$2:$R$366,ROW(INDEX(Jesper!AL$2:AL$366,ROUNDDOWN($C537/24,0)+1,1))-1)+IF('Standard Profiles'!$G$22=$B$10,7,0)+IF('Standard Profiles'!$G$22=$B$17,14,0)+IF('Standard Profiles'!$G$22=$B$24,21,0),MOD($C537,24)+1)/SUM(INDEX($D$3:$AA$30,INDEX(Jesper!$R$2:$R$366,ROW(INDEX(Jesper!AL$2:AL$366,ROUNDDOWN($C537/24,0)+1,1))-1)+IF('Standard Profiles'!$G$22=$B$10,7,0)+IF('Standard Profiles'!$G$22=$B$17,14,0)+IF('Standard Profiles'!$G$22=$B$24,21,0),0)),0)</f>
        <v>0</v>
      </c>
      <c r="I537">
        <f t="shared" si="69"/>
        <v>0.12721234592323155</v>
      </c>
      <c r="J537">
        <f t="shared" si="70"/>
        <v>0.42404115307743856</v>
      </c>
      <c r="K537">
        <f t="shared" si="71"/>
        <v>0.63606172961615781</v>
      </c>
      <c r="L537">
        <f t="shared" si="72"/>
        <v>6.4454459424374813</v>
      </c>
      <c r="M537">
        <f t="shared" si="73"/>
        <v>0</v>
      </c>
      <c r="N537" s="46">
        <f t="shared" si="74"/>
        <v>45312.958333332113</v>
      </c>
    </row>
    <row r="538" spans="2:14" x14ac:dyDescent="0.3">
      <c r="B538">
        <f t="shared" si="68"/>
        <v>1</v>
      </c>
      <c r="C538" s="16">
        <v>504</v>
      </c>
      <c r="D538" cm="1">
        <f t="array" ref="D538">IFERROR(INDEX(Jesper!AH$2:AH$366,ROUNDDOWN($C538/24,0)+1,1)*INDEX($D$3:$AA$30,INDEX(Jesper!$R$2:$R$366,ROW(INDEX(Jesper!AH$2:AH$366,ROUNDDOWN($C538/24,0)+1,1))-1)+IF('Standard Profiles'!$G$18=$B$10,7,0)+IF('Standard Profiles'!$G$18=$B$17,14,0)+IF('Standard Profiles'!$G$18=$B$24,21,0),MOD($C538,24)+1)/SUM(INDEX($D$3:$AA$30,INDEX(Jesper!$R$2:$R$366,ROW(INDEX(Jesper!AH$2:AH$366,ROUNDDOWN($C538/24,0)+1,1))-1)+IF('Standard Profiles'!$G$18=$B$10,7,0)+IF('Standard Profiles'!$G$18=$B$17,14,0)+IF('Standard Profiles'!$G$18=$B$24,21,0),0)),0)</f>
        <v>2.6669028835087878</v>
      </c>
      <c r="E538" cm="1">
        <f t="array" ref="E538">IFERROR(INDEX(Jesper!AI$2:AI$366,ROUNDDOWN($C538/24,0)+1,1)*INDEX($D$3:$AA$30,INDEX(Jesper!$R$2:$R$366,ROW(INDEX(Jesper!AI$2:AI$366,ROUNDDOWN($C538/24,0)+1,1))-1)+IF('Standard Profiles'!$G$19=$B$10,7,0)+IF('Standard Profiles'!$G$19=$B$17,14,0)+IF('Standard Profiles'!$G$19=$B$24,21,0),MOD($C538,24)+1)/SUM(INDEX($D$3:$AA$30,INDEX(Jesper!$R$2:$R$366,ROW(INDEX(Jesper!AI$2:AI$366,ROUNDDOWN($C538/24,0)+1,1))-1)+IF('Standard Profiles'!$G$19=$B$10,7,0)+IF('Standard Profiles'!$G$19=$B$17,14,0)+IF('Standard Profiles'!$G$19=$B$24,21,0),0)),0)</f>
        <v>0</v>
      </c>
      <c r="F538" cm="1">
        <f t="array" ref="F538">IFERROR(INDEX(Jesper!AJ$2:AJ$366,ROUNDDOWN($C538/24,0)+1,1)*INDEX($D$3:$AA$30,INDEX(Jesper!$R$2:$R$366,ROW(INDEX(Jesper!AJ$2:AJ$366,ROUNDDOWN($C538/24,0)+1,1))-1)+IF('Standard Profiles'!$G$20=$B$10,7,0)+IF('Standard Profiles'!$G$20=$B$17,14,0)+IF('Standard Profiles'!$G$20=$B$24,21,0),MOD($C538,24)+1)/SUM(INDEX($D$3:$AA$30,INDEX(Jesper!$R$2:$R$366,ROW(INDEX(Jesper!AJ$2:AJ$366,ROUNDDOWN($C538/24,0)+1,1))-1)+IF('Standard Profiles'!$G$20=$B$10,7,0)+IF('Standard Profiles'!$G$20=$B$17,14,0)+IF('Standard Profiles'!$G$20=$B$24,21,0),0)),0)</f>
        <v>0</v>
      </c>
      <c r="G538" cm="1">
        <f t="array" ref="G538">IFERROR(INDEX(Jesper!AK$2:AK$366,ROUNDDOWN($C538/24,0)+1,1)*INDEX($D$3:$AA$30,INDEX(Jesper!$R$2:$R$366,ROW(INDEX(Jesper!AK$2:AK$366,ROUNDDOWN($C538/24,0)+1,1))-1)+IF('Standard Profiles'!$G$21=$B$10,7,0)+IF('Standard Profiles'!$G$21=$B$17,14,0)+IF('Standard Profiles'!$G$21=$B$24,21,0),MOD($C538,24)+1)/SUM(INDEX($D$3:$AA$30,INDEX(Jesper!$R$2:$R$366,ROW(INDEX(Jesper!AK$2:AK$366,ROUNDDOWN($C538/24,0)+1,1))-1)+IF('Standard Profiles'!$G$21=$B$10,7,0)+IF('Standard Profiles'!$G$21=$B$17,14,0)+IF('Standard Profiles'!$G$21=$B$24,21,0),0)),0)</f>
        <v>0</v>
      </c>
      <c r="H538" cm="1">
        <f t="array" ref="H538">IFERROR(INDEX(Jesper!AL$2:AL$366,ROUNDDOWN($C538/24,0)+1,1)*INDEX($D$3:$AA$30,INDEX(Jesper!$R$2:$R$366,ROW(INDEX(Jesper!AL$2:AL$366,ROUNDDOWN($C538/24,0)+1,1))-1)+IF('Standard Profiles'!$G$22=$B$10,7,0)+IF('Standard Profiles'!$G$22=$B$17,14,0)+IF('Standard Profiles'!$G$22=$B$24,21,0),MOD($C538,24)+1)/SUM(INDEX($D$3:$AA$30,INDEX(Jesper!$R$2:$R$366,ROW(INDEX(Jesper!AL$2:AL$366,ROUNDDOWN($C538/24,0)+1,1))-1)+IF('Standard Profiles'!$G$22=$B$10,7,0)+IF('Standard Profiles'!$G$22=$B$17,14,0)+IF('Standard Profiles'!$G$22=$B$24,21,0),0)),0)</f>
        <v>0</v>
      </c>
      <c r="I538">
        <f t="shared" si="69"/>
        <v>8.0007086505263628E-2</v>
      </c>
      <c r="J538">
        <f t="shared" si="70"/>
        <v>0.26669028835087877</v>
      </c>
      <c r="K538">
        <f t="shared" si="71"/>
        <v>0.40003543252631818</v>
      </c>
      <c r="L538">
        <f t="shared" si="72"/>
        <v>1.9201700761263272</v>
      </c>
      <c r="M538">
        <f t="shared" si="73"/>
        <v>0</v>
      </c>
      <c r="N538" s="46">
        <f t="shared" si="74"/>
        <v>45312.999999998778</v>
      </c>
    </row>
    <row r="539" spans="2:14" x14ac:dyDescent="0.3">
      <c r="B539">
        <f t="shared" si="68"/>
        <v>1</v>
      </c>
      <c r="C539" s="16">
        <v>505</v>
      </c>
      <c r="D539" cm="1">
        <f t="array" ref="D539">IFERROR(INDEX(Jesper!AH$2:AH$366,ROUNDDOWN($C539/24,0)+1,1)*INDEX($D$3:$AA$30,INDEX(Jesper!$R$2:$R$366,ROW(INDEX(Jesper!AH$2:AH$366,ROUNDDOWN($C539/24,0)+1,1))-1)+IF('Standard Profiles'!$G$18=$B$10,7,0)+IF('Standard Profiles'!$G$18=$B$17,14,0)+IF('Standard Profiles'!$G$18=$B$24,21,0),MOD($C539,24)+1)/SUM(INDEX($D$3:$AA$30,INDEX(Jesper!$R$2:$R$366,ROW(INDEX(Jesper!AH$2:AH$366,ROUNDDOWN($C539/24,0)+1,1))-1)+IF('Standard Profiles'!$G$18=$B$10,7,0)+IF('Standard Profiles'!$G$18=$B$17,14,0)+IF('Standard Profiles'!$G$18=$B$24,21,0),0)),0)</f>
        <v>2.6669028835087878</v>
      </c>
      <c r="E539" cm="1">
        <f t="array" ref="E539">IFERROR(INDEX(Jesper!AI$2:AI$366,ROUNDDOWN($C539/24,0)+1,1)*INDEX($D$3:$AA$30,INDEX(Jesper!$R$2:$R$366,ROW(INDEX(Jesper!AI$2:AI$366,ROUNDDOWN($C539/24,0)+1,1))-1)+IF('Standard Profiles'!$G$19=$B$10,7,0)+IF('Standard Profiles'!$G$19=$B$17,14,0)+IF('Standard Profiles'!$G$19=$B$24,21,0),MOD($C539,24)+1)/SUM(INDEX($D$3:$AA$30,INDEX(Jesper!$R$2:$R$366,ROW(INDEX(Jesper!AI$2:AI$366,ROUNDDOWN($C539/24,0)+1,1))-1)+IF('Standard Profiles'!$G$19=$B$10,7,0)+IF('Standard Profiles'!$G$19=$B$17,14,0)+IF('Standard Profiles'!$G$19=$B$24,21,0),0)),0)</f>
        <v>0</v>
      </c>
      <c r="F539" cm="1">
        <f t="array" ref="F539">IFERROR(INDEX(Jesper!AJ$2:AJ$366,ROUNDDOWN($C539/24,0)+1,1)*INDEX($D$3:$AA$30,INDEX(Jesper!$R$2:$R$366,ROW(INDEX(Jesper!AJ$2:AJ$366,ROUNDDOWN($C539/24,0)+1,1))-1)+IF('Standard Profiles'!$G$20=$B$10,7,0)+IF('Standard Profiles'!$G$20=$B$17,14,0)+IF('Standard Profiles'!$G$20=$B$24,21,0),MOD($C539,24)+1)/SUM(INDEX($D$3:$AA$30,INDEX(Jesper!$R$2:$R$366,ROW(INDEX(Jesper!AJ$2:AJ$366,ROUNDDOWN($C539/24,0)+1,1))-1)+IF('Standard Profiles'!$G$20=$B$10,7,0)+IF('Standard Profiles'!$G$20=$B$17,14,0)+IF('Standard Profiles'!$G$20=$B$24,21,0),0)),0)</f>
        <v>0</v>
      </c>
      <c r="G539" cm="1">
        <f t="array" ref="G539">IFERROR(INDEX(Jesper!AK$2:AK$366,ROUNDDOWN($C539/24,0)+1,1)*INDEX($D$3:$AA$30,INDEX(Jesper!$R$2:$R$366,ROW(INDEX(Jesper!AK$2:AK$366,ROUNDDOWN($C539/24,0)+1,1))-1)+IF('Standard Profiles'!$G$21=$B$10,7,0)+IF('Standard Profiles'!$G$21=$B$17,14,0)+IF('Standard Profiles'!$G$21=$B$24,21,0),MOD($C539,24)+1)/SUM(INDEX($D$3:$AA$30,INDEX(Jesper!$R$2:$R$366,ROW(INDEX(Jesper!AK$2:AK$366,ROUNDDOWN($C539/24,0)+1,1))-1)+IF('Standard Profiles'!$G$21=$B$10,7,0)+IF('Standard Profiles'!$G$21=$B$17,14,0)+IF('Standard Profiles'!$G$21=$B$24,21,0),0)),0)</f>
        <v>0</v>
      </c>
      <c r="H539" cm="1">
        <f t="array" ref="H539">IFERROR(INDEX(Jesper!AL$2:AL$366,ROUNDDOWN($C539/24,0)+1,1)*INDEX($D$3:$AA$30,INDEX(Jesper!$R$2:$R$366,ROW(INDEX(Jesper!AL$2:AL$366,ROUNDDOWN($C539/24,0)+1,1))-1)+IF('Standard Profiles'!$G$22=$B$10,7,0)+IF('Standard Profiles'!$G$22=$B$17,14,0)+IF('Standard Profiles'!$G$22=$B$24,21,0),MOD($C539,24)+1)/SUM(INDEX($D$3:$AA$30,INDEX(Jesper!$R$2:$R$366,ROW(INDEX(Jesper!AL$2:AL$366,ROUNDDOWN($C539/24,0)+1,1))-1)+IF('Standard Profiles'!$G$22=$B$10,7,0)+IF('Standard Profiles'!$G$22=$B$17,14,0)+IF('Standard Profiles'!$G$22=$B$24,21,0),0)),0)</f>
        <v>0</v>
      </c>
      <c r="I539">
        <f t="shared" si="69"/>
        <v>8.0007086505263628E-2</v>
      </c>
      <c r="J539">
        <f t="shared" si="70"/>
        <v>0.26669028835087877</v>
      </c>
      <c r="K539">
        <f t="shared" si="71"/>
        <v>0.40003543252631818</v>
      </c>
      <c r="L539">
        <f t="shared" si="72"/>
        <v>1.9201700761263272</v>
      </c>
      <c r="M539">
        <f t="shared" si="73"/>
        <v>0</v>
      </c>
      <c r="N539" s="46">
        <f t="shared" si="74"/>
        <v>45313.041666665442</v>
      </c>
    </row>
    <row r="540" spans="2:14" x14ac:dyDescent="0.3">
      <c r="B540">
        <f t="shared" si="68"/>
        <v>1</v>
      </c>
      <c r="C540" s="16">
        <v>506</v>
      </c>
      <c r="D540" cm="1">
        <f t="array" ref="D540">IFERROR(INDEX(Jesper!AH$2:AH$366,ROUNDDOWN($C540/24,0)+1,1)*INDEX($D$3:$AA$30,INDEX(Jesper!$R$2:$R$366,ROW(INDEX(Jesper!AH$2:AH$366,ROUNDDOWN($C540/24,0)+1,1))-1)+IF('Standard Profiles'!$G$18=$B$10,7,0)+IF('Standard Profiles'!$G$18=$B$17,14,0)+IF('Standard Profiles'!$G$18=$B$24,21,0),MOD($C540,24)+1)/SUM(INDEX($D$3:$AA$30,INDEX(Jesper!$R$2:$R$366,ROW(INDEX(Jesper!AH$2:AH$366,ROUNDDOWN($C540/24,0)+1,1))-1)+IF('Standard Profiles'!$G$18=$B$10,7,0)+IF('Standard Profiles'!$G$18=$B$17,14,0)+IF('Standard Profiles'!$G$18=$B$24,21,0),0)),0)</f>
        <v>2.6669028835087878</v>
      </c>
      <c r="E540" cm="1">
        <f t="array" ref="E540">IFERROR(INDEX(Jesper!AI$2:AI$366,ROUNDDOWN($C540/24,0)+1,1)*INDEX($D$3:$AA$30,INDEX(Jesper!$R$2:$R$366,ROW(INDEX(Jesper!AI$2:AI$366,ROUNDDOWN($C540/24,0)+1,1))-1)+IF('Standard Profiles'!$G$19=$B$10,7,0)+IF('Standard Profiles'!$G$19=$B$17,14,0)+IF('Standard Profiles'!$G$19=$B$24,21,0),MOD($C540,24)+1)/SUM(INDEX($D$3:$AA$30,INDEX(Jesper!$R$2:$R$366,ROW(INDEX(Jesper!AI$2:AI$366,ROUNDDOWN($C540/24,0)+1,1))-1)+IF('Standard Profiles'!$G$19=$B$10,7,0)+IF('Standard Profiles'!$G$19=$B$17,14,0)+IF('Standard Profiles'!$G$19=$B$24,21,0),0)),0)</f>
        <v>0</v>
      </c>
      <c r="F540" cm="1">
        <f t="array" ref="F540">IFERROR(INDEX(Jesper!AJ$2:AJ$366,ROUNDDOWN($C540/24,0)+1,1)*INDEX($D$3:$AA$30,INDEX(Jesper!$R$2:$R$366,ROW(INDEX(Jesper!AJ$2:AJ$366,ROUNDDOWN($C540/24,0)+1,1))-1)+IF('Standard Profiles'!$G$20=$B$10,7,0)+IF('Standard Profiles'!$G$20=$B$17,14,0)+IF('Standard Profiles'!$G$20=$B$24,21,0),MOD($C540,24)+1)/SUM(INDEX($D$3:$AA$30,INDEX(Jesper!$R$2:$R$366,ROW(INDEX(Jesper!AJ$2:AJ$366,ROUNDDOWN($C540/24,0)+1,1))-1)+IF('Standard Profiles'!$G$20=$B$10,7,0)+IF('Standard Profiles'!$G$20=$B$17,14,0)+IF('Standard Profiles'!$G$20=$B$24,21,0),0)),0)</f>
        <v>0</v>
      </c>
      <c r="G540" cm="1">
        <f t="array" ref="G540">IFERROR(INDEX(Jesper!AK$2:AK$366,ROUNDDOWN($C540/24,0)+1,1)*INDEX($D$3:$AA$30,INDEX(Jesper!$R$2:$R$366,ROW(INDEX(Jesper!AK$2:AK$366,ROUNDDOWN($C540/24,0)+1,1))-1)+IF('Standard Profiles'!$G$21=$B$10,7,0)+IF('Standard Profiles'!$G$21=$B$17,14,0)+IF('Standard Profiles'!$G$21=$B$24,21,0),MOD($C540,24)+1)/SUM(INDEX($D$3:$AA$30,INDEX(Jesper!$R$2:$R$366,ROW(INDEX(Jesper!AK$2:AK$366,ROUNDDOWN($C540/24,0)+1,1))-1)+IF('Standard Profiles'!$G$21=$B$10,7,0)+IF('Standard Profiles'!$G$21=$B$17,14,0)+IF('Standard Profiles'!$G$21=$B$24,21,0),0)),0)</f>
        <v>0</v>
      </c>
      <c r="H540" cm="1">
        <f t="array" ref="H540">IFERROR(INDEX(Jesper!AL$2:AL$366,ROUNDDOWN($C540/24,0)+1,1)*INDEX($D$3:$AA$30,INDEX(Jesper!$R$2:$R$366,ROW(INDEX(Jesper!AL$2:AL$366,ROUNDDOWN($C540/24,0)+1,1))-1)+IF('Standard Profiles'!$G$22=$B$10,7,0)+IF('Standard Profiles'!$G$22=$B$17,14,0)+IF('Standard Profiles'!$G$22=$B$24,21,0),MOD($C540,24)+1)/SUM(INDEX($D$3:$AA$30,INDEX(Jesper!$R$2:$R$366,ROW(INDEX(Jesper!AL$2:AL$366,ROUNDDOWN($C540/24,0)+1,1))-1)+IF('Standard Profiles'!$G$22=$B$10,7,0)+IF('Standard Profiles'!$G$22=$B$17,14,0)+IF('Standard Profiles'!$G$22=$B$24,21,0),0)),0)</f>
        <v>0</v>
      </c>
      <c r="I540">
        <f t="shared" si="69"/>
        <v>8.0007086505263628E-2</v>
      </c>
      <c r="J540">
        <f t="shared" si="70"/>
        <v>0.26669028835087877</v>
      </c>
      <c r="K540">
        <f t="shared" si="71"/>
        <v>0.40003543252631818</v>
      </c>
      <c r="L540">
        <f t="shared" si="72"/>
        <v>1.9201700761263272</v>
      </c>
      <c r="M540">
        <f t="shared" si="73"/>
        <v>0</v>
      </c>
      <c r="N540" s="46">
        <f t="shared" si="74"/>
        <v>45313.083333332106</v>
      </c>
    </row>
    <row r="541" spans="2:14" x14ac:dyDescent="0.3">
      <c r="B541">
        <f t="shared" si="68"/>
        <v>1</v>
      </c>
      <c r="C541" s="16">
        <v>507</v>
      </c>
      <c r="D541" cm="1">
        <f t="array" ref="D541">IFERROR(INDEX(Jesper!AH$2:AH$366,ROUNDDOWN($C541/24,0)+1,1)*INDEX($D$3:$AA$30,INDEX(Jesper!$R$2:$R$366,ROW(INDEX(Jesper!AH$2:AH$366,ROUNDDOWN($C541/24,0)+1,1))-1)+IF('Standard Profiles'!$G$18=$B$10,7,0)+IF('Standard Profiles'!$G$18=$B$17,14,0)+IF('Standard Profiles'!$G$18=$B$24,21,0),MOD($C541,24)+1)/SUM(INDEX($D$3:$AA$30,INDEX(Jesper!$R$2:$R$366,ROW(INDEX(Jesper!AH$2:AH$366,ROUNDDOWN($C541/24,0)+1,1))-1)+IF('Standard Profiles'!$G$18=$B$10,7,0)+IF('Standard Profiles'!$G$18=$B$17,14,0)+IF('Standard Profiles'!$G$18=$B$24,21,0),0)),0)</f>
        <v>2.6669028835087878</v>
      </c>
      <c r="E541" cm="1">
        <f t="array" ref="E541">IFERROR(INDEX(Jesper!AI$2:AI$366,ROUNDDOWN($C541/24,0)+1,1)*INDEX($D$3:$AA$30,INDEX(Jesper!$R$2:$R$366,ROW(INDEX(Jesper!AI$2:AI$366,ROUNDDOWN($C541/24,0)+1,1))-1)+IF('Standard Profiles'!$G$19=$B$10,7,0)+IF('Standard Profiles'!$G$19=$B$17,14,0)+IF('Standard Profiles'!$G$19=$B$24,21,0),MOD($C541,24)+1)/SUM(INDEX($D$3:$AA$30,INDEX(Jesper!$R$2:$R$366,ROW(INDEX(Jesper!AI$2:AI$366,ROUNDDOWN($C541/24,0)+1,1))-1)+IF('Standard Profiles'!$G$19=$B$10,7,0)+IF('Standard Profiles'!$G$19=$B$17,14,0)+IF('Standard Profiles'!$G$19=$B$24,21,0),0)),0)</f>
        <v>0</v>
      </c>
      <c r="F541" cm="1">
        <f t="array" ref="F541">IFERROR(INDEX(Jesper!AJ$2:AJ$366,ROUNDDOWN($C541/24,0)+1,1)*INDEX($D$3:$AA$30,INDEX(Jesper!$R$2:$R$366,ROW(INDEX(Jesper!AJ$2:AJ$366,ROUNDDOWN($C541/24,0)+1,1))-1)+IF('Standard Profiles'!$G$20=$B$10,7,0)+IF('Standard Profiles'!$G$20=$B$17,14,0)+IF('Standard Profiles'!$G$20=$B$24,21,0),MOD($C541,24)+1)/SUM(INDEX($D$3:$AA$30,INDEX(Jesper!$R$2:$R$366,ROW(INDEX(Jesper!AJ$2:AJ$366,ROUNDDOWN($C541/24,0)+1,1))-1)+IF('Standard Profiles'!$G$20=$B$10,7,0)+IF('Standard Profiles'!$G$20=$B$17,14,0)+IF('Standard Profiles'!$G$20=$B$24,21,0),0)),0)</f>
        <v>0</v>
      </c>
      <c r="G541" cm="1">
        <f t="array" ref="G541">IFERROR(INDEX(Jesper!AK$2:AK$366,ROUNDDOWN($C541/24,0)+1,1)*INDEX($D$3:$AA$30,INDEX(Jesper!$R$2:$R$366,ROW(INDEX(Jesper!AK$2:AK$366,ROUNDDOWN($C541/24,0)+1,1))-1)+IF('Standard Profiles'!$G$21=$B$10,7,0)+IF('Standard Profiles'!$G$21=$B$17,14,0)+IF('Standard Profiles'!$G$21=$B$24,21,0),MOD($C541,24)+1)/SUM(INDEX($D$3:$AA$30,INDEX(Jesper!$R$2:$R$366,ROW(INDEX(Jesper!AK$2:AK$366,ROUNDDOWN($C541/24,0)+1,1))-1)+IF('Standard Profiles'!$G$21=$B$10,7,0)+IF('Standard Profiles'!$G$21=$B$17,14,0)+IF('Standard Profiles'!$G$21=$B$24,21,0),0)),0)</f>
        <v>0</v>
      </c>
      <c r="H541" cm="1">
        <f t="array" ref="H541">IFERROR(INDEX(Jesper!AL$2:AL$366,ROUNDDOWN($C541/24,0)+1,1)*INDEX($D$3:$AA$30,INDEX(Jesper!$R$2:$R$366,ROW(INDEX(Jesper!AL$2:AL$366,ROUNDDOWN($C541/24,0)+1,1))-1)+IF('Standard Profiles'!$G$22=$B$10,7,0)+IF('Standard Profiles'!$G$22=$B$17,14,0)+IF('Standard Profiles'!$G$22=$B$24,21,0),MOD($C541,24)+1)/SUM(INDEX($D$3:$AA$30,INDEX(Jesper!$R$2:$R$366,ROW(INDEX(Jesper!AL$2:AL$366,ROUNDDOWN($C541/24,0)+1,1))-1)+IF('Standard Profiles'!$G$22=$B$10,7,0)+IF('Standard Profiles'!$G$22=$B$17,14,0)+IF('Standard Profiles'!$G$22=$B$24,21,0),0)),0)</f>
        <v>0</v>
      </c>
      <c r="I541">
        <f t="shared" si="69"/>
        <v>8.0007086505263628E-2</v>
      </c>
      <c r="J541">
        <f t="shared" si="70"/>
        <v>0.26669028835087877</v>
      </c>
      <c r="K541">
        <f t="shared" si="71"/>
        <v>0.40003543252631818</v>
      </c>
      <c r="L541">
        <f t="shared" si="72"/>
        <v>1.9201700761263272</v>
      </c>
      <c r="M541">
        <f t="shared" si="73"/>
        <v>0</v>
      </c>
      <c r="N541" s="46">
        <f t="shared" si="74"/>
        <v>45313.12499999877</v>
      </c>
    </row>
    <row r="542" spans="2:14" x14ac:dyDescent="0.3">
      <c r="B542">
        <f t="shared" si="68"/>
        <v>1</v>
      </c>
      <c r="C542" s="16">
        <v>508</v>
      </c>
      <c r="D542" cm="1">
        <f t="array" ref="D542">IFERROR(INDEX(Jesper!AH$2:AH$366,ROUNDDOWN($C542/24,0)+1,1)*INDEX($D$3:$AA$30,INDEX(Jesper!$R$2:$R$366,ROW(INDEX(Jesper!AH$2:AH$366,ROUNDDOWN($C542/24,0)+1,1))-1)+IF('Standard Profiles'!$G$18=$B$10,7,0)+IF('Standard Profiles'!$G$18=$B$17,14,0)+IF('Standard Profiles'!$G$18=$B$24,21,0),MOD($C542,24)+1)/SUM(INDEX($D$3:$AA$30,INDEX(Jesper!$R$2:$R$366,ROW(INDEX(Jesper!AH$2:AH$366,ROUNDDOWN($C542/24,0)+1,1))-1)+IF('Standard Profiles'!$G$18=$B$10,7,0)+IF('Standard Profiles'!$G$18=$B$17,14,0)+IF('Standard Profiles'!$G$18=$B$24,21,0),0)),0)</f>
        <v>2.6669028835087878</v>
      </c>
      <c r="E542" cm="1">
        <f t="array" ref="E542">IFERROR(INDEX(Jesper!AI$2:AI$366,ROUNDDOWN($C542/24,0)+1,1)*INDEX($D$3:$AA$30,INDEX(Jesper!$R$2:$R$366,ROW(INDEX(Jesper!AI$2:AI$366,ROUNDDOWN($C542/24,0)+1,1))-1)+IF('Standard Profiles'!$G$19=$B$10,7,0)+IF('Standard Profiles'!$G$19=$B$17,14,0)+IF('Standard Profiles'!$G$19=$B$24,21,0),MOD($C542,24)+1)/SUM(INDEX($D$3:$AA$30,INDEX(Jesper!$R$2:$R$366,ROW(INDEX(Jesper!AI$2:AI$366,ROUNDDOWN($C542/24,0)+1,1))-1)+IF('Standard Profiles'!$G$19=$B$10,7,0)+IF('Standard Profiles'!$G$19=$B$17,14,0)+IF('Standard Profiles'!$G$19=$B$24,21,0),0)),0)</f>
        <v>0</v>
      </c>
      <c r="F542" cm="1">
        <f t="array" ref="F542">IFERROR(INDEX(Jesper!AJ$2:AJ$366,ROUNDDOWN($C542/24,0)+1,1)*INDEX($D$3:$AA$30,INDEX(Jesper!$R$2:$R$366,ROW(INDEX(Jesper!AJ$2:AJ$366,ROUNDDOWN($C542/24,0)+1,1))-1)+IF('Standard Profiles'!$G$20=$B$10,7,0)+IF('Standard Profiles'!$G$20=$B$17,14,0)+IF('Standard Profiles'!$G$20=$B$24,21,0),MOD($C542,24)+1)/SUM(INDEX($D$3:$AA$30,INDEX(Jesper!$R$2:$R$366,ROW(INDEX(Jesper!AJ$2:AJ$366,ROUNDDOWN($C542/24,0)+1,1))-1)+IF('Standard Profiles'!$G$20=$B$10,7,0)+IF('Standard Profiles'!$G$20=$B$17,14,0)+IF('Standard Profiles'!$G$20=$B$24,21,0),0)),0)</f>
        <v>0</v>
      </c>
      <c r="G542" cm="1">
        <f t="array" ref="G542">IFERROR(INDEX(Jesper!AK$2:AK$366,ROUNDDOWN($C542/24,0)+1,1)*INDEX($D$3:$AA$30,INDEX(Jesper!$R$2:$R$366,ROW(INDEX(Jesper!AK$2:AK$366,ROUNDDOWN($C542/24,0)+1,1))-1)+IF('Standard Profiles'!$G$21=$B$10,7,0)+IF('Standard Profiles'!$G$21=$B$17,14,0)+IF('Standard Profiles'!$G$21=$B$24,21,0),MOD($C542,24)+1)/SUM(INDEX($D$3:$AA$30,INDEX(Jesper!$R$2:$R$366,ROW(INDEX(Jesper!AK$2:AK$366,ROUNDDOWN($C542/24,0)+1,1))-1)+IF('Standard Profiles'!$G$21=$B$10,7,0)+IF('Standard Profiles'!$G$21=$B$17,14,0)+IF('Standard Profiles'!$G$21=$B$24,21,0),0)),0)</f>
        <v>0</v>
      </c>
      <c r="H542" cm="1">
        <f t="array" ref="H542">IFERROR(INDEX(Jesper!AL$2:AL$366,ROUNDDOWN($C542/24,0)+1,1)*INDEX($D$3:$AA$30,INDEX(Jesper!$R$2:$R$366,ROW(INDEX(Jesper!AL$2:AL$366,ROUNDDOWN($C542/24,0)+1,1))-1)+IF('Standard Profiles'!$G$22=$B$10,7,0)+IF('Standard Profiles'!$G$22=$B$17,14,0)+IF('Standard Profiles'!$G$22=$B$24,21,0),MOD($C542,24)+1)/SUM(INDEX($D$3:$AA$30,INDEX(Jesper!$R$2:$R$366,ROW(INDEX(Jesper!AL$2:AL$366,ROUNDDOWN($C542/24,0)+1,1))-1)+IF('Standard Profiles'!$G$22=$B$10,7,0)+IF('Standard Profiles'!$G$22=$B$17,14,0)+IF('Standard Profiles'!$G$22=$B$24,21,0),0)),0)</f>
        <v>0</v>
      </c>
      <c r="I542">
        <f t="shared" si="69"/>
        <v>8.0007086505263628E-2</v>
      </c>
      <c r="J542">
        <f t="shared" si="70"/>
        <v>0.26669028835087877</v>
      </c>
      <c r="K542">
        <f t="shared" si="71"/>
        <v>0.40003543252631818</v>
      </c>
      <c r="L542">
        <f t="shared" si="72"/>
        <v>1.9201700761263272</v>
      </c>
      <c r="M542">
        <f t="shared" si="73"/>
        <v>0</v>
      </c>
      <c r="N542" s="46">
        <f t="shared" si="74"/>
        <v>45313.166666665435</v>
      </c>
    </row>
    <row r="543" spans="2:14" x14ac:dyDescent="0.3">
      <c r="B543">
        <f t="shared" si="68"/>
        <v>1</v>
      </c>
      <c r="C543" s="16">
        <v>509</v>
      </c>
      <c r="D543" cm="1">
        <f t="array" ref="D543">IFERROR(INDEX(Jesper!AH$2:AH$366,ROUNDDOWN($C543/24,0)+1,1)*INDEX($D$3:$AA$30,INDEX(Jesper!$R$2:$R$366,ROW(INDEX(Jesper!AH$2:AH$366,ROUNDDOWN($C543/24,0)+1,1))-1)+IF('Standard Profiles'!$G$18=$B$10,7,0)+IF('Standard Profiles'!$G$18=$B$17,14,0)+IF('Standard Profiles'!$G$18=$B$24,21,0),MOD($C543,24)+1)/SUM(INDEX($D$3:$AA$30,INDEX(Jesper!$R$2:$R$366,ROW(INDEX(Jesper!AH$2:AH$366,ROUNDDOWN($C543/24,0)+1,1))-1)+IF('Standard Profiles'!$G$18=$B$10,7,0)+IF('Standard Profiles'!$G$18=$B$17,14,0)+IF('Standard Profiles'!$G$18=$B$24,21,0),0)),0)</f>
        <v>11.556579161871413</v>
      </c>
      <c r="E543" cm="1">
        <f t="array" ref="E543">IFERROR(INDEX(Jesper!AI$2:AI$366,ROUNDDOWN($C543/24,0)+1,1)*INDEX($D$3:$AA$30,INDEX(Jesper!$R$2:$R$366,ROW(INDEX(Jesper!AI$2:AI$366,ROUNDDOWN($C543/24,0)+1,1))-1)+IF('Standard Profiles'!$G$19=$B$10,7,0)+IF('Standard Profiles'!$G$19=$B$17,14,0)+IF('Standard Profiles'!$G$19=$B$24,21,0),MOD($C543,24)+1)/SUM(INDEX($D$3:$AA$30,INDEX(Jesper!$R$2:$R$366,ROW(INDEX(Jesper!AI$2:AI$366,ROUNDDOWN($C543/24,0)+1,1))-1)+IF('Standard Profiles'!$G$19=$B$10,7,0)+IF('Standard Profiles'!$G$19=$B$17,14,0)+IF('Standard Profiles'!$G$19=$B$24,21,0),0)),0)</f>
        <v>0</v>
      </c>
      <c r="F543" cm="1">
        <f t="array" ref="F543">IFERROR(INDEX(Jesper!AJ$2:AJ$366,ROUNDDOWN($C543/24,0)+1,1)*INDEX($D$3:$AA$30,INDEX(Jesper!$R$2:$R$366,ROW(INDEX(Jesper!AJ$2:AJ$366,ROUNDDOWN($C543/24,0)+1,1))-1)+IF('Standard Profiles'!$G$20=$B$10,7,0)+IF('Standard Profiles'!$G$20=$B$17,14,0)+IF('Standard Profiles'!$G$20=$B$24,21,0),MOD($C543,24)+1)/SUM(INDEX($D$3:$AA$30,INDEX(Jesper!$R$2:$R$366,ROW(INDEX(Jesper!AJ$2:AJ$366,ROUNDDOWN($C543/24,0)+1,1))-1)+IF('Standard Profiles'!$G$20=$B$10,7,0)+IF('Standard Profiles'!$G$20=$B$17,14,0)+IF('Standard Profiles'!$G$20=$B$24,21,0),0)),0)</f>
        <v>0</v>
      </c>
      <c r="G543" cm="1">
        <f t="array" ref="G543">IFERROR(INDEX(Jesper!AK$2:AK$366,ROUNDDOWN($C543/24,0)+1,1)*INDEX($D$3:$AA$30,INDEX(Jesper!$R$2:$R$366,ROW(INDEX(Jesper!AK$2:AK$366,ROUNDDOWN($C543/24,0)+1,1))-1)+IF('Standard Profiles'!$G$21=$B$10,7,0)+IF('Standard Profiles'!$G$21=$B$17,14,0)+IF('Standard Profiles'!$G$21=$B$24,21,0),MOD($C543,24)+1)/SUM(INDEX($D$3:$AA$30,INDEX(Jesper!$R$2:$R$366,ROW(INDEX(Jesper!AK$2:AK$366,ROUNDDOWN($C543/24,0)+1,1))-1)+IF('Standard Profiles'!$G$21=$B$10,7,0)+IF('Standard Profiles'!$G$21=$B$17,14,0)+IF('Standard Profiles'!$G$21=$B$24,21,0),0)),0)</f>
        <v>0</v>
      </c>
      <c r="H543" cm="1">
        <f t="array" ref="H543">IFERROR(INDEX(Jesper!AL$2:AL$366,ROUNDDOWN($C543/24,0)+1,1)*INDEX($D$3:$AA$30,INDEX(Jesper!$R$2:$R$366,ROW(INDEX(Jesper!AL$2:AL$366,ROUNDDOWN($C543/24,0)+1,1))-1)+IF('Standard Profiles'!$G$22=$B$10,7,0)+IF('Standard Profiles'!$G$22=$B$17,14,0)+IF('Standard Profiles'!$G$22=$B$24,21,0),MOD($C543,24)+1)/SUM(INDEX($D$3:$AA$30,INDEX(Jesper!$R$2:$R$366,ROW(INDEX(Jesper!AL$2:AL$366,ROUNDDOWN($C543/24,0)+1,1))-1)+IF('Standard Profiles'!$G$22=$B$10,7,0)+IF('Standard Profiles'!$G$22=$B$17,14,0)+IF('Standard Profiles'!$G$22=$B$24,21,0),0)),0)</f>
        <v>0</v>
      </c>
      <c r="I543">
        <f t="shared" si="69"/>
        <v>0.34669737485614238</v>
      </c>
      <c r="J543">
        <f t="shared" si="70"/>
        <v>1.1556579161871414</v>
      </c>
      <c r="K543">
        <f t="shared" si="71"/>
        <v>1.7334868742807119</v>
      </c>
      <c r="L543">
        <f t="shared" si="72"/>
        <v>8.3207369965474172</v>
      </c>
      <c r="M543">
        <f t="shared" si="73"/>
        <v>0</v>
      </c>
      <c r="N543" s="46">
        <f t="shared" si="74"/>
        <v>45313.208333332099</v>
      </c>
    </row>
    <row r="544" spans="2:14" x14ac:dyDescent="0.3">
      <c r="B544">
        <f t="shared" si="68"/>
        <v>1</v>
      </c>
      <c r="C544" s="16">
        <v>510</v>
      </c>
      <c r="D544" cm="1">
        <f t="array" ref="D544">IFERROR(INDEX(Jesper!AH$2:AH$366,ROUNDDOWN($C544/24,0)+1,1)*INDEX($D$3:$AA$30,INDEX(Jesper!$R$2:$R$366,ROW(INDEX(Jesper!AH$2:AH$366,ROUNDDOWN($C544/24,0)+1,1))-1)+IF('Standard Profiles'!$G$18=$B$10,7,0)+IF('Standard Profiles'!$G$18=$B$17,14,0)+IF('Standard Profiles'!$G$18=$B$24,21,0),MOD($C544,24)+1)/SUM(INDEX($D$3:$AA$30,INDEX(Jesper!$R$2:$R$366,ROW(INDEX(Jesper!AH$2:AH$366,ROUNDDOWN($C544/24,0)+1,1))-1)+IF('Standard Profiles'!$G$18=$B$10,7,0)+IF('Standard Profiles'!$G$18=$B$17,14,0)+IF('Standard Profiles'!$G$18=$B$24,21,0),0)),0)</f>
        <v>13.112272510584875</v>
      </c>
      <c r="E544" cm="1">
        <f t="array" ref="E544">IFERROR(INDEX(Jesper!AI$2:AI$366,ROUNDDOWN($C544/24,0)+1,1)*INDEX($D$3:$AA$30,INDEX(Jesper!$R$2:$R$366,ROW(INDEX(Jesper!AI$2:AI$366,ROUNDDOWN($C544/24,0)+1,1))-1)+IF('Standard Profiles'!$G$19=$B$10,7,0)+IF('Standard Profiles'!$G$19=$B$17,14,0)+IF('Standard Profiles'!$G$19=$B$24,21,0),MOD($C544,24)+1)/SUM(INDEX($D$3:$AA$30,INDEX(Jesper!$R$2:$R$366,ROW(INDEX(Jesper!AI$2:AI$366,ROUNDDOWN($C544/24,0)+1,1))-1)+IF('Standard Profiles'!$G$19=$B$10,7,0)+IF('Standard Profiles'!$G$19=$B$17,14,0)+IF('Standard Profiles'!$G$19=$B$24,21,0),0)),0)</f>
        <v>0</v>
      </c>
      <c r="F544" cm="1">
        <f t="array" ref="F544">IFERROR(INDEX(Jesper!AJ$2:AJ$366,ROUNDDOWN($C544/24,0)+1,1)*INDEX($D$3:$AA$30,INDEX(Jesper!$R$2:$R$366,ROW(INDEX(Jesper!AJ$2:AJ$366,ROUNDDOWN($C544/24,0)+1,1))-1)+IF('Standard Profiles'!$G$20=$B$10,7,0)+IF('Standard Profiles'!$G$20=$B$17,14,0)+IF('Standard Profiles'!$G$20=$B$24,21,0),MOD($C544,24)+1)/SUM(INDEX($D$3:$AA$30,INDEX(Jesper!$R$2:$R$366,ROW(INDEX(Jesper!AJ$2:AJ$366,ROUNDDOWN($C544/24,0)+1,1))-1)+IF('Standard Profiles'!$G$20=$B$10,7,0)+IF('Standard Profiles'!$G$20=$B$17,14,0)+IF('Standard Profiles'!$G$20=$B$24,21,0),0)),0)</f>
        <v>0</v>
      </c>
      <c r="G544" cm="1">
        <f t="array" ref="G544">IFERROR(INDEX(Jesper!AK$2:AK$366,ROUNDDOWN($C544/24,0)+1,1)*INDEX($D$3:$AA$30,INDEX(Jesper!$R$2:$R$366,ROW(INDEX(Jesper!AK$2:AK$366,ROUNDDOWN($C544/24,0)+1,1))-1)+IF('Standard Profiles'!$G$21=$B$10,7,0)+IF('Standard Profiles'!$G$21=$B$17,14,0)+IF('Standard Profiles'!$G$21=$B$24,21,0),MOD($C544,24)+1)/SUM(INDEX($D$3:$AA$30,INDEX(Jesper!$R$2:$R$366,ROW(INDEX(Jesper!AK$2:AK$366,ROUNDDOWN($C544/24,0)+1,1))-1)+IF('Standard Profiles'!$G$21=$B$10,7,0)+IF('Standard Profiles'!$G$21=$B$17,14,0)+IF('Standard Profiles'!$G$21=$B$24,21,0),0)),0)</f>
        <v>0</v>
      </c>
      <c r="H544" cm="1">
        <f t="array" ref="H544">IFERROR(INDEX(Jesper!AL$2:AL$366,ROUNDDOWN($C544/24,0)+1,1)*INDEX($D$3:$AA$30,INDEX(Jesper!$R$2:$R$366,ROW(INDEX(Jesper!AL$2:AL$366,ROUNDDOWN($C544/24,0)+1,1))-1)+IF('Standard Profiles'!$G$22=$B$10,7,0)+IF('Standard Profiles'!$G$22=$B$17,14,0)+IF('Standard Profiles'!$G$22=$B$24,21,0),MOD($C544,24)+1)/SUM(INDEX($D$3:$AA$30,INDEX(Jesper!$R$2:$R$366,ROW(INDEX(Jesper!AL$2:AL$366,ROUNDDOWN($C544/24,0)+1,1))-1)+IF('Standard Profiles'!$G$22=$B$10,7,0)+IF('Standard Profiles'!$G$22=$B$17,14,0)+IF('Standard Profiles'!$G$22=$B$24,21,0),0)),0)</f>
        <v>0</v>
      </c>
      <c r="I544">
        <f t="shared" si="69"/>
        <v>0.39336817531754625</v>
      </c>
      <c r="J544">
        <f t="shared" si="70"/>
        <v>1.3112272510584875</v>
      </c>
      <c r="K544">
        <f t="shared" si="71"/>
        <v>1.9668408765877312</v>
      </c>
      <c r="L544">
        <f t="shared" si="72"/>
        <v>9.4408362076211088</v>
      </c>
      <c r="M544">
        <f t="shared" si="73"/>
        <v>0</v>
      </c>
      <c r="N544" s="46">
        <f t="shared" si="74"/>
        <v>45313.249999998763</v>
      </c>
    </row>
    <row r="545" spans="2:14" x14ac:dyDescent="0.3">
      <c r="B545">
        <f t="shared" si="68"/>
        <v>1</v>
      </c>
      <c r="C545" s="16">
        <v>511</v>
      </c>
      <c r="D545" cm="1">
        <f t="array" ref="D545">IFERROR(INDEX(Jesper!AH$2:AH$366,ROUNDDOWN($C545/24,0)+1,1)*INDEX($D$3:$AA$30,INDEX(Jesper!$R$2:$R$366,ROW(INDEX(Jesper!AH$2:AH$366,ROUNDDOWN($C545/24,0)+1,1))-1)+IF('Standard Profiles'!$G$18=$B$10,7,0)+IF('Standard Profiles'!$G$18=$B$17,14,0)+IF('Standard Profiles'!$G$18=$B$24,21,0),MOD($C545,24)+1)/SUM(INDEX($D$3:$AA$30,INDEX(Jesper!$R$2:$R$366,ROW(INDEX(Jesper!AH$2:AH$366,ROUNDDOWN($C545/24,0)+1,1))-1)+IF('Standard Profiles'!$G$18=$B$10,7,0)+IF('Standard Profiles'!$G$18=$B$17,14,0)+IF('Standard Profiles'!$G$18=$B$24,21,0),0)),0)</f>
        <v>13.112272510584875</v>
      </c>
      <c r="E545" cm="1">
        <f t="array" ref="E545">IFERROR(INDEX(Jesper!AI$2:AI$366,ROUNDDOWN($C545/24,0)+1,1)*INDEX($D$3:$AA$30,INDEX(Jesper!$R$2:$R$366,ROW(INDEX(Jesper!AI$2:AI$366,ROUNDDOWN($C545/24,0)+1,1))-1)+IF('Standard Profiles'!$G$19=$B$10,7,0)+IF('Standard Profiles'!$G$19=$B$17,14,0)+IF('Standard Profiles'!$G$19=$B$24,21,0),MOD($C545,24)+1)/SUM(INDEX($D$3:$AA$30,INDEX(Jesper!$R$2:$R$366,ROW(INDEX(Jesper!AI$2:AI$366,ROUNDDOWN($C545/24,0)+1,1))-1)+IF('Standard Profiles'!$G$19=$B$10,7,0)+IF('Standard Profiles'!$G$19=$B$17,14,0)+IF('Standard Profiles'!$G$19=$B$24,21,0),0)),0)</f>
        <v>0</v>
      </c>
      <c r="F545" cm="1">
        <f t="array" ref="F545">IFERROR(INDEX(Jesper!AJ$2:AJ$366,ROUNDDOWN($C545/24,0)+1,1)*INDEX($D$3:$AA$30,INDEX(Jesper!$R$2:$R$366,ROW(INDEX(Jesper!AJ$2:AJ$366,ROUNDDOWN($C545/24,0)+1,1))-1)+IF('Standard Profiles'!$G$20=$B$10,7,0)+IF('Standard Profiles'!$G$20=$B$17,14,0)+IF('Standard Profiles'!$G$20=$B$24,21,0),MOD($C545,24)+1)/SUM(INDEX($D$3:$AA$30,INDEX(Jesper!$R$2:$R$366,ROW(INDEX(Jesper!AJ$2:AJ$366,ROUNDDOWN($C545/24,0)+1,1))-1)+IF('Standard Profiles'!$G$20=$B$10,7,0)+IF('Standard Profiles'!$G$20=$B$17,14,0)+IF('Standard Profiles'!$G$20=$B$24,21,0),0)),0)</f>
        <v>0</v>
      </c>
      <c r="G545" cm="1">
        <f t="array" ref="G545">IFERROR(INDEX(Jesper!AK$2:AK$366,ROUNDDOWN($C545/24,0)+1,1)*INDEX($D$3:$AA$30,INDEX(Jesper!$R$2:$R$366,ROW(INDEX(Jesper!AK$2:AK$366,ROUNDDOWN($C545/24,0)+1,1))-1)+IF('Standard Profiles'!$G$21=$B$10,7,0)+IF('Standard Profiles'!$G$21=$B$17,14,0)+IF('Standard Profiles'!$G$21=$B$24,21,0),MOD($C545,24)+1)/SUM(INDEX($D$3:$AA$30,INDEX(Jesper!$R$2:$R$366,ROW(INDEX(Jesper!AK$2:AK$366,ROUNDDOWN($C545/24,0)+1,1))-1)+IF('Standard Profiles'!$G$21=$B$10,7,0)+IF('Standard Profiles'!$G$21=$B$17,14,0)+IF('Standard Profiles'!$G$21=$B$24,21,0),0)),0)</f>
        <v>0</v>
      </c>
      <c r="H545" cm="1">
        <f t="array" ref="H545">IFERROR(INDEX(Jesper!AL$2:AL$366,ROUNDDOWN($C545/24,0)+1,1)*INDEX($D$3:$AA$30,INDEX(Jesper!$R$2:$R$366,ROW(INDEX(Jesper!AL$2:AL$366,ROUNDDOWN($C545/24,0)+1,1))-1)+IF('Standard Profiles'!$G$22=$B$10,7,0)+IF('Standard Profiles'!$G$22=$B$17,14,0)+IF('Standard Profiles'!$G$22=$B$24,21,0),MOD($C545,24)+1)/SUM(INDEX($D$3:$AA$30,INDEX(Jesper!$R$2:$R$366,ROW(INDEX(Jesper!AL$2:AL$366,ROUNDDOWN($C545/24,0)+1,1))-1)+IF('Standard Profiles'!$G$22=$B$10,7,0)+IF('Standard Profiles'!$G$22=$B$17,14,0)+IF('Standard Profiles'!$G$22=$B$24,21,0),0)),0)</f>
        <v>0</v>
      </c>
      <c r="I545">
        <f t="shared" si="69"/>
        <v>0.39336817531754625</v>
      </c>
      <c r="J545">
        <f t="shared" si="70"/>
        <v>1.3112272510584875</v>
      </c>
      <c r="K545">
        <f t="shared" si="71"/>
        <v>1.9668408765877312</v>
      </c>
      <c r="L545">
        <f t="shared" si="72"/>
        <v>9.4408362076211088</v>
      </c>
      <c r="M545">
        <f t="shared" si="73"/>
        <v>0</v>
      </c>
      <c r="N545" s="46">
        <f t="shared" si="74"/>
        <v>45313.291666665427</v>
      </c>
    </row>
    <row r="546" spans="2:14" x14ac:dyDescent="0.3">
      <c r="B546">
        <f t="shared" si="68"/>
        <v>1</v>
      </c>
      <c r="C546" s="16">
        <v>512</v>
      </c>
      <c r="D546" cm="1">
        <f t="array" ref="D546">IFERROR(INDEX(Jesper!AH$2:AH$366,ROUNDDOWN($C546/24,0)+1,1)*INDEX($D$3:$AA$30,INDEX(Jesper!$R$2:$R$366,ROW(INDEX(Jesper!AH$2:AH$366,ROUNDDOWN($C546/24,0)+1,1))-1)+IF('Standard Profiles'!$G$18=$B$10,7,0)+IF('Standard Profiles'!$G$18=$B$17,14,0)+IF('Standard Profiles'!$G$18=$B$24,21,0),MOD($C546,24)+1)/SUM(INDEX($D$3:$AA$30,INDEX(Jesper!$R$2:$R$366,ROW(INDEX(Jesper!AH$2:AH$366,ROUNDDOWN($C546/24,0)+1,1))-1)+IF('Standard Profiles'!$G$18=$B$10,7,0)+IF('Standard Profiles'!$G$18=$B$17,14,0)+IF('Standard Profiles'!$G$18=$B$24,21,0),0)),0)</f>
        <v>13.112272510584875</v>
      </c>
      <c r="E546" cm="1">
        <f t="array" ref="E546">IFERROR(INDEX(Jesper!AI$2:AI$366,ROUNDDOWN($C546/24,0)+1,1)*INDEX($D$3:$AA$30,INDEX(Jesper!$R$2:$R$366,ROW(INDEX(Jesper!AI$2:AI$366,ROUNDDOWN($C546/24,0)+1,1))-1)+IF('Standard Profiles'!$G$19=$B$10,7,0)+IF('Standard Profiles'!$G$19=$B$17,14,0)+IF('Standard Profiles'!$G$19=$B$24,21,0),MOD($C546,24)+1)/SUM(INDEX($D$3:$AA$30,INDEX(Jesper!$R$2:$R$366,ROW(INDEX(Jesper!AI$2:AI$366,ROUNDDOWN($C546/24,0)+1,1))-1)+IF('Standard Profiles'!$G$19=$B$10,7,0)+IF('Standard Profiles'!$G$19=$B$17,14,0)+IF('Standard Profiles'!$G$19=$B$24,21,0),0)),0)</f>
        <v>0</v>
      </c>
      <c r="F546" cm="1">
        <f t="array" ref="F546">IFERROR(INDEX(Jesper!AJ$2:AJ$366,ROUNDDOWN($C546/24,0)+1,1)*INDEX($D$3:$AA$30,INDEX(Jesper!$R$2:$R$366,ROW(INDEX(Jesper!AJ$2:AJ$366,ROUNDDOWN($C546/24,0)+1,1))-1)+IF('Standard Profiles'!$G$20=$B$10,7,0)+IF('Standard Profiles'!$G$20=$B$17,14,0)+IF('Standard Profiles'!$G$20=$B$24,21,0),MOD($C546,24)+1)/SUM(INDEX($D$3:$AA$30,INDEX(Jesper!$R$2:$R$366,ROW(INDEX(Jesper!AJ$2:AJ$366,ROUNDDOWN($C546/24,0)+1,1))-1)+IF('Standard Profiles'!$G$20=$B$10,7,0)+IF('Standard Profiles'!$G$20=$B$17,14,0)+IF('Standard Profiles'!$G$20=$B$24,21,0),0)),0)</f>
        <v>0</v>
      </c>
      <c r="G546" cm="1">
        <f t="array" ref="G546">IFERROR(INDEX(Jesper!AK$2:AK$366,ROUNDDOWN($C546/24,0)+1,1)*INDEX($D$3:$AA$30,INDEX(Jesper!$R$2:$R$366,ROW(INDEX(Jesper!AK$2:AK$366,ROUNDDOWN($C546/24,0)+1,1))-1)+IF('Standard Profiles'!$G$21=$B$10,7,0)+IF('Standard Profiles'!$G$21=$B$17,14,0)+IF('Standard Profiles'!$G$21=$B$24,21,0),MOD($C546,24)+1)/SUM(INDEX($D$3:$AA$30,INDEX(Jesper!$R$2:$R$366,ROW(INDEX(Jesper!AK$2:AK$366,ROUNDDOWN($C546/24,0)+1,1))-1)+IF('Standard Profiles'!$G$21=$B$10,7,0)+IF('Standard Profiles'!$G$21=$B$17,14,0)+IF('Standard Profiles'!$G$21=$B$24,21,0),0)),0)</f>
        <v>0</v>
      </c>
      <c r="H546" cm="1">
        <f t="array" ref="H546">IFERROR(INDEX(Jesper!AL$2:AL$366,ROUNDDOWN($C546/24,0)+1,1)*INDEX($D$3:$AA$30,INDEX(Jesper!$R$2:$R$366,ROW(INDEX(Jesper!AL$2:AL$366,ROUNDDOWN($C546/24,0)+1,1))-1)+IF('Standard Profiles'!$G$22=$B$10,7,0)+IF('Standard Profiles'!$G$22=$B$17,14,0)+IF('Standard Profiles'!$G$22=$B$24,21,0),MOD($C546,24)+1)/SUM(INDEX($D$3:$AA$30,INDEX(Jesper!$R$2:$R$366,ROW(INDEX(Jesper!AL$2:AL$366,ROUNDDOWN($C546/24,0)+1,1))-1)+IF('Standard Profiles'!$G$22=$B$10,7,0)+IF('Standard Profiles'!$G$22=$B$17,14,0)+IF('Standard Profiles'!$G$22=$B$24,21,0),0)),0)</f>
        <v>0</v>
      </c>
      <c r="I546">
        <f t="shared" si="69"/>
        <v>0.39336817531754625</v>
      </c>
      <c r="J546">
        <f t="shared" si="70"/>
        <v>1.3112272510584875</v>
      </c>
      <c r="K546">
        <f t="shared" si="71"/>
        <v>1.9668408765877312</v>
      </c>
      <c r="L546">
        <f t="shared" si="72"/>
        <v>9.4408362076211088</v>
      </c>
      <c r="M546">
        <f t="shared" si="73"/>
        <v>0</v>
      </c>
      <c r="N546" s="46">
        <f t="shared" si="74"/>
        <v>45313.333333332092</v>
      </c>
    </row>
    <row r="547" spans="2:14" x14ac:dyDescent="0.3">
      <c r="B547">
        <f t="shared" ref="B547:B610" si="75">WEEKDAY(N547,2)</f>
        <v>1</v>
      </c>
      <c r="C547" s="16">
        <v>513</v>
      </c>
      <c r="D547" cm="1">
        <f t="array" ref="D547">IFERROR(INDEX(Jesper!AH$2:AH$366,ROUNDDOWN($C547/24,0)+1,1)*INDEX($D$3:$AA$30,INDEX(Jesper!$R$2:$R$366,ROW(INDEX(Jesper!AH$2:AH$366,ROUNDDOWN($C547/24,0)+1,1))-1)+IF('Standard Profiles'!$G$18=$B$10,7,0)+IF('Standard Profiles'!$G$18=$B$17,14,0)+IF('Standard Profiles'!$G$18=$B$24,21,0),MOD($C547,24)+1)/SUM(INDEX($D$3:$AA$30,INDEX(Jesper!$R$2:$R$366,ROW(INDEX(Jesper!AH$2:AH$366,ROUNDDOWN($C547/24,0)+1,1))-1)+IF('Standard Profiles'!$G$18=$B$10,7,0)+IF('Standard Profiles'!$G$18=$B$17,14,0)+IF('Standard Profiles'!$G$18=$B$24,21,0),0)),0)</f>
        <v>14.001240138421137</v>
      </c>
      <c r="E547" cm="1">
        <f t="array" ref="E547">IFERROR(INDEX(Jesper!AI$2:AI$366,ROUNDDOWN($C547/24,0)+1,1)*INDEX($D$3:$AA$30,INDEX(Jesper!$R$2:$R$366,ROW(INDEX(Jesper!AI$2:AI$366,ROUNDDOWN($C547/24,0)+1,1))-1)+IF('Standard Profiles'!$G$19=$B$10,7,0)+IF('Standard Profiles'!$G$19=$B$17,14,0)+IF('Standard Profiles'!$G$19=$B$24,21,0),MOD($C547,24)+1)/SUM(INDEX($D$3:$AA$30,INDEX(Jesper!$R$2:$R$366,ROW(INDEX(Jesper!AI$2:AI$366,ROUNDDOWN($C547/24,0)+1,1))-1)+IF('Standard Profiles'!$G$19=$B$10,7,0)+IF('Standard Profiles'!$G$19=$B$17,14,0)+IF('Standard Profiles'!$G$19=$B$24,21,0),0)),0)</f>
        <v>0</v>
      </c>
      <c r="F547" cm="1">
        <f t="array" ref="F547">IFERROR(INDEX(Jesper!AJ$2:AJ$366,ROUNDDOWN($C547/24,0)+1,1)*INDEX($D$3:$AA$30,INDEX(Jesper!$R$2:$R$366,ROW(INDEX(Jesper!AJ$2:AJ$366,ROUNDDOWN($C547/24,0)+1,1))-1)+IF('Standard Profiles'!$G$20=$B$10,7,0)+IF('Standard Profiles'!$G$20=$B$17,14,0)+IF('Standard Profiles'!$G$20=$B$24,21,0),MOD($C547,24)+1)/SUM(INDEX($D$3:$AA$30,INDEX(Jesper!$R$2:$R$366,ROW(INDEX(Jesper!AJ$2:AJ$366,ROUNDDOWN($C547/24,0)+1,1))-1)+IF('Standard Profiles'!$G$20=$B$10,7,0)+IF('Standard Profiles'!$G$20=$B$17,14,0)+IF('Standard Profiles'!$G$20=$B$24,21,0),0)),0)</f>
        <v>0</v>
      </c>
      <c r="G547" cm="1">
        <f t="array" ref="G547">IFERROR(INDEX(Jesper!AK$2:AK$366,ROUNDDOWN($C547/24,0)+1,1)*INDEX($D$3:$AA$30,INDEX(Jesper!$R$2:$R$366,ROW(INDEX(Jesper!AK$2:AK$366,ROUNDDOWN($C547/24,0)+1,1))-1)+IF('Standard Profiles'!$G$21=$B$10,7,0)+IF('Standard Profiles'!$G$21=$B$17,14,0)+IF('Standard Profiles'!$G$21=$B$24,21,0),MOD($C547,24)+1)/SUM(INDEX($D$3:$AA$30,INDEX(Jesper!$R$2:$R$366,ROW(INDEX(Jesper!AK$2:AK$366,ROUNDDOWN($C547/24,0)+1,1))-1)+IF('Standard Profiles'!$G$21=$B$10,7,0)+IF('Standard Profiles'!$G$21=$B$17,14,0)+IF('Standard Profiles'!$G$21=$B$24,21,0),0)),0)</f>
        <v>0</v>
      </c>
      <c r="H547" cm="1">
        <f t="array" ref="H547">IFERROR(INDEX(Jesper!AL$2:AL$366,ROUNDDOWN($C547/24,0)+1,1)*INDEX($D$3:$AA$30,INDEX(Jesper!$R$2:$R$366,ROW(INDEX(Jesper!AL$2:AL$366,ROUNDDOWN($C547/24,0)+1,1))-1)+IF('Standard Profiles'!$G$22=$B$10,7,0)+IF('Standard Profiles'!$G$22=$B$17,14,0)+IF('Standard Profiles'!$G$22=$B$24,21,0),MOD($C547,24)+1)/SUM(INDEX($D$3:$AA$30,INDEX(Jesper!$R$2:$R$366,ROW(INDEX(Jesper!AL$2:AL$366,ROUNDDOWN($C547/24,0)+1,1))-1)+IF('Standard Profiles'!$G$22=$B$10,7,0)+IF('Standard Profiles'!$G$22=$B$17,14,0)+IF('Standard Profiles'!$G$22=$B$24,21,0),0)),0)</f>
        <v>0</v>
      </c>
      <c r="I547">
        <f t="shared" ref="I547:I610" si="76">IF($B547&lt;6,AC$37*$D547+AC$38*$E547+AC$39*$F547+AC$40*$G547,AC$46*$D547+AC$47*$E547+AC$48*$F547+AC$49*$G547+AC$50*$H547)</f>
        <v>0.42003720415263407</v>
      </c>
      <c r="J547">
        <f t="shared" ref="J547:J610" si="77">IF($B547&lt;6,AD$37*$D547+AD$38*$E547+AD$39*$F547+AD$40*$G547,AD$46*$D547+AD$47*$E547+AD$48*$F547+AD$49*$G547+AD$50*$H547)</f>
        <v>1.4001240138421138</v>
      </c>
      <c r="K547">
        <f t="shared" ref="K547:K610" si="78">IF($B547&lt;6,AE$37*$D547+AE$38*$E547+AE$39*$F547+AE$40*$G547,AE$46*$D547+AE$47*$E547+AE$48*$F547+AE$49*$G547+AE$50*$H547)</f>
        <v>2.1001860207631706</v>
      </c>
      <c r="L547">
        <f t="shared" ref="L547:L610" si="79">IF($B547&lt;6,AF$37*$D547+AF$38*$E547+AF$39*$F547+AF$40*$G547,AF$46*$D547+AF$47*$E547+AF$48*$F547+AF$49*$G547+AF$50*$H547)</f>
        <v>10.080892899663219</v>
      </c>
      <c r="M547">
        <f t="shared" ref="M547:M610" si="80">IF($B547&lt;6,AG$37*$D547+AG$38*$E547+AG$39*$F547+AG$40*$G547,AG$46*$D547+AG$47*$E547+AG$48*$F547+AG$49*$G547+AG$50*$H547)</f>
        <v>0</v>
      </c>
      <c r="N547" s="46">
        <f t="shared" si="74"/>
        <v>45313.374999998756</v>
      </c>
    </row>
    <row r="548" spans="2:14" x14ac:dyDescent="0.3">
      <c r="B548">
        <f t="shared" si="75"/>
        <v>1</v>
      </c>
      <c r="C548" s="16">
        <v>514</v>
      </c>
      <c r="D548" cm="1">
        <f t="array" ref="D548">IFERROR(INDEX(Jesper!AH$2:AH$366,ROUNDDOWN($C548/24,0)+1,1)*INDEX($D$3:$AA$30,INDEX(Jesper!$R$2:$R$366,ROW(INDEX(Jesper!AH$2:AH$366,ROUNDDOWN($C548/24,0)+1,1))-1)+IF('Standard Profiles'!$G$18=$B$10,7,0)+IF('Standard Profiles'!$G$18=$B$17,14,0)+IF('Standard Profiles'!$G$18=$B$24,21,0),MOD($C548,24)+1)/SUM(INDEX($D$3:$AA$30,INDEX(Jesper!$R$2:$R$366,ROW(INDEX(Jesper!AH$2:AH$366,ROUNDDOWN($C548/24,0)+1,1))-1)+IF('Standard Profiles'!$G$18=$B$10,7,0)+IF('Standard Profiles'!$G$18=$B$17,14,0)+IF('Standard Profiles'!$G$18=$B$24,21,0),0)),0)</f>
        <v>14.001240138421137</v>
      </c>
      <c r="E548" cm="1">
        <f t="array" ref="E548">IFERROR(INDEX(Jesper!AI$2:AI$366,ROUNDDOWN($C548/24,0)+1,1)*INDEX($D$3:$AA$30,INDEX(Jesper!$R$2:$R$366,ROW(INDEX(Jesper!AI$2:AI$366,ROUNDDOWN($C548/24,0)+1,1))-1)+IF('Standard Profiles'!$G$19=$B$10,7,0)+IF('Standard Profiles'!$G$19=$B$17,14,0)+IF('Standard Profiles'!$G$19=$B$24,21,0),MOD($C548,24)+1)/SUM(INDEX($D$3:$AA$30,INDEX(Jesper!$R$2:$R$366,ROW(INDEX(Jesper!AI$2:AI$366,ROUNDDOWN($C548/24,0)+1,1))-1)+IF('Standard Profiles'!$G$19=$B$10,7,0)+IF('Standard Profiles'!$G$19=$B$17,14,0)+IF('Standard Profiles'!$G$19=$B$24,21,0),0)),0)</f>
        <v>0</v>
      </c>
      <c r="F548" cm="1">
        <f t="array" ref="F548">IFERROR(INDEX(Jesper!AJ$2:AJ$366,ROUNDDOWN($C548/24,0)+1,1)*INDEX($D$3:$AA$30,INDEX(Jesper!$R$2:$R$366,ROW(INDEX(Jesper!AJ$2:AJ$366,ROUNDDOWN($C548/24,0)+1,1))-1)+IF('Standard Profiles'!$G$20=$B$10,7,0)+IF('Standard Profiles'!$G$20=$B$17,14,0)+IF('Standard Profiles'!$G$20=$B$24,21,0),MOD($C548,24)+1)/SUM(INDEX($D$3:$AA$30,INDEX(Jesper!$R$2:$R$366,ROW(INDEX(Jesper!AJ$2:AJ$366,ROUNDDOWN($C548/24,0)+1,1))-1)+IF('Standard Profiles'!$G$20=$B$10,7,0)+IF('Standard Profiles'!$G$20=$B$17,14,0)+IF('Standard Profiles'!$G$20=$B$24,21,0),0)),0)</f>
        <v>0</v>
      </c>
      <c r="G548" cm="1">
        <f t="array" ref="G548">IFERROR(INDEX(Jesper!AK$2:AK$366,ROUNDDOWN($C548/24,0)+1,1)*INDEX($D$3:$AA$30,INDEX(Jesper!$R$2:$R$366,ROW(INDEX(Jesper!AK$2:AK$366,ROUNDDOWN($C548/24,0)+1,1))-1)+IF('Standard Profiles'!$G$21=$B$10,7,0)+IF('Standard Profiles'!$G$21=$B$17,14,0)+IF('Standard Profiles'!$G$21=$B$24,21,0),MOD($C548,24)+1)/SUM(INDEX($D$3:$AA$30,INDEX(Jesper!$R$2:$R$366,ROW(INDEX(Jesper!AK$2:AK$366,ROUNDDOWN($C548/24,0)+1,1))-1)+IF('Standard Profiles'!$G$21=$B$10,7,0)+IF('Standard Profiles'!$G$21=$B$17,14,0)+IF('Standard Profiles'!$G$21=$B$24,21,0),0)),0)</f>
        <v>0</v>
      </c>
      <c r="H548" cm="1">
        <f t="array" ref="H548">IFERROR(INDEX(Jesper!AL$2:AL$366,ROUNDDOWN($C548/24,0)+1,1)*INDEX($D$3:$AA$30,INDEX(Jesper!$R$2:$R$366,ROW(INDEX(Jesper!AL$2:AL$366,ROUNDDOWN($C548/24,0)+1,1))-1)+IF('Standard Profiles'!$G$22=$B$10,7,0)+IF('Standard Profiles'!$G$22=$B$17,14,0)+IF('Standard Profiles'!$G$22=$B$24,21,0),MOD($C548,24)+1)/SUM(INDEX($D$3:$AA$30,INDEX(Jesper!$R$2:$R$366,ROW(INDEX(Jesper!AL$2:AL$366,ROUNDDOWN($C548/24,0)+1,1))-1)+IF('Standard Profiles'!$G$22=$B$10,7,0)+IF('Standard Profiles'!$G$22=$B$17,14,0)+IF('Standard Profiles'!$G$22=$B$24,21,0),0)),0)</f>
        <v>0</v>
      </c>
      <c r="I548">
        <f t="shared" si="76"/>
        <v>0.42003720415263407</v>
      </c>
      <c r="J548">
        <f t="shared" si="77"/>
        <v>1.4001240138421138</v>
      </c>
      <c r="K548">
        <f t="shared" si="78"/>
        <v>2.1001860207631706</v>
      </c>
      <c r="L548">
        <f t="shared" si="79"/>
        <v>10.080892899663219</v>
      </c>
      <c r="M548">
        <f t="shared" si="80"/>
        <v>0</v>
      </c>
      <c r="N548" s="46">
        <f t="shared" ref="N548:N611" si="81">N547+1/24</f>
        <v>45313.41666666542</v>
      </c>
    </row>
    <row r="549" spans="2:14" x14ac:dyDescent="0.3">
      <c r="B549">
        <f t="shared" si="75"/>
        <v>1</v>
      </c>
      <c r="C549" s="16">
        <v>515</v>
      </c>
      <c r="D549" cm="1">
        <f t="array" ref="D549">IFERROR(INDEX(Jesper!AH$2:AH$366,ROUNDDOWN($C549/24,0)+1,1)*INDEX($D$3:$AA$30,INDEX(Jesper!$R$2:$R$366,ROW(INDEX(Jesper!AH$2:AH$366,ROUNDDOWN($C549/24,0)+1,1))-1)+IF('Standard Profiles'!$G$18=$B$10,7,0)+IF('Standard Profiles'!$G$18=$B$17,14,0)+IF('Standard Profiles'!$G$18=$B$24,21,0),MOD($C549,24)+1)/SUM(INDEX($D$3:$AA$30,INDEX(Jesper!$R$2:$R$366,ROW(INDEX(Jesper!AH$2:AH$366,ROUNDDOWN($C549/24,0)+1,1))-1)+IF('Standard Profiles'!$G$18=$B$10,7,0)+IF('Standard Profiles'!$G$18=$B$17,14,0)+IF('Standard Profiles'!$G$18=$B$24,21,0),0)),0)</f>
        <v>17.779352556725254</v>
      </c>
      <c r="E549" cm="1">
        <f t="array" ref="E549">IFERROR(INDEX(Jesper!AI$2:AI$366,ROUNDDOWN($C549/24,0)+1,1)*INDEX($D$3:$AA$30,INDEX(Jesper!$R$2:$R$366,ROW(INDEX(Jesper!AI$2:AI$366,ROUNDDOWN($C549/24,0)+1,1))-1)+IF('Standard Profiles'!$G$19=$B$10,7,0)+IF('Standard Profiles'!$G$19=$B$17,14,0)+IF('Standard Profiles'!$G$19=$B$24,21,0),MOD($C549,24)+1)/SUM(INDEX($D$3:$AA$30,INDEX(Jesper!$R$2:$R$366,ROW(INDEX(Jesper!AI$2:AI$366,ROUNDDOWN($C549/24,0)+1,1))-1)+IF('Standard Profiles'!$G$19=$B$10,7,0)+IF('Standard Profiles'!$G$19=$B$17,14,0)+IF('Standard Profiles'!$G$19=$B$24,21,0),0)),0)</f>
        <v>0</v>
      </c>
      <c r="F549" cm="1">
        <f t="array" ref="F549">IFERROR(INDEX(Jesper!AJ$2:AJ$366,ROUNDDOWN($C549/24,0)+1,1)*INDEX($D$3:$AA$30,INDEX(Jesper!$R$2:$R$366,ROW(INDEX(Jesper!AJ$2:AJ$366,ROUNDDOWN($C549/24,0)+1,1))-1)+IF('Standard Profiles'!$G$20=$B$10,7,0)+IF('Standard Profiles'!$G$20=$B$17,14,0)+IF('Standard Profiles'!$G$20=$B$24,21,0),MOD($C549,24)+1)/SUM(INDEX($D$3:$AA$30,INDEX(Jesper!$R$2:$R$366,ROW(INDEX(Jesper!AJ$2:AJ$366,ROUNDDOWN($C549/24,0)+1,1))-1)+IF('Standard Profiles'!$G$20=$B$10,7,0)+IF('Standard Profiles'!$G$20=$B$17,14,0)+IF('Standard Profiles'!$G$20=$B$24,21,0),0)),0)</f>
        <v>0</v>
      </c>
      <c r="G549" cm="1">
        <f t="array" ref="G549">IFERROR(INDEX(Jesper!AK$2:AK$366,ROUNDDOWN($C549/24,0)+1,1)*INDEX($D$3:$AA$30,INDEX(Jesper!$R$2:$R$366,ROW(INDEX(Jesper!AK$2:AK$366,ROUNDDOWN($C549/24,0)+1,1))-1)+IF('Standard Profiles'!$G$21=$B$10,7,0)+IF('Standard Profiles'!$G$21=$B$17,14,0)+IF('Standard Profiles'!$G$21=$B$24,21,0),MOD($C549,24)+1)/SUM(INDEX($D$3:$AA$30,INDEX(Jesper!$R$2:$R$366,ROW(INDEX(Jesper!AK$2:AK$366,ROUNDDOWN($C549/24,0)+1,1))-1)+IF('Standard Profiles'!$G$21=$B$10,7,0)+IF('Standard Profiles'!$G$21=$B$17,14,0)+IF('Standard Profiles'!$G$21=$B$24,21,0),0)),0)</f>
        <v>0</v>
      </c>
      <c r="H549" cm="1">
        <f t="array" ref="H549">IFERROR(INDEX(Jesper!AL$2:AL$366,ROUNDDOWN($C549/24,0)+1,1)*INDEX($D$3:$AA$30,INDEX(Jesper!$R$2:$R$366,ROW(INDEX(Jesper!AL$2:AL$366,ROUNDDOWN($C549/24,0)+1,1))-1)+IF('Standard Profiles'!$G$22=$B$10,7,0)+IF('Standard Profiles'!$G$22=$B$17,14,0)+IF('Standard Profiles'!$G$22=$B$24,21,0),MOD($C549,24)+1)/SUM(INDEX($D$3:$AA$30,INDEX(Jesper!$R$2:$R$366,ROW(INDEX(Jesper!AL$2:AL$366,ROUNDDOWN($C549/24,0)+1,1))-1)+IF('Standard Profiles'!$G$22=$B$10,7,0)+IF('Standard Profiles'!$G$22=$B$17,14,0)+IF('Standard Profiles'!$G$22=$B$24,21,0),0)),0)</f>
        <v>0</v>
      </c>
      <c r="I549">
        <f t="shared" si="76"/>
        <v>0.53338057670175765</v>
      </c>
      <c r="J549">
        <f t="shared" si="77"/>
        <v>1.7779352556725254</v>
      </c>
      <c r="K549">
        <f t="shared" si="78"/>
        <v>2.6669028835087878</v>
      </c>
      <c r="L549">
        <f t="shared" si="79"/>
        <v>12.801133840842182</v>
      </c>
      <c r="M549">
        <f t="shared" si="80"/>
        <v>0</v>
      </c>
      <c r="N549" s="46">
        <f t="shared" si="81"/>
        <v>45313.458333332084</v>
      </c>
    </row>
    <row r="550" spans="2:14" x14ac:dyDescent="0.3">
      <c r="B550">
        <f t="shared" si="75"/>
        <v>1</v>
      </c>
      <c r="C550" s="16">
        <v>516</v>
      </c>
      <c r="D550" cm="1">
        <f t="array" ref="D550">IFERROR(INDEX(Jesper!AH$2:AH$366,ROUNDDOWN($C550/24,0)+1,1)*INDEX($D$3:$AA$30,INDEX(Jesper!$R$2:$R$366,ROW(INDEX(Jesper!AH$2:AH$366,ROUNDDOWN($C550/24,0)+1,1))-1)+IF('Standard Profiles'!$G$18=$B$10,7,0)+IF('Standard Profiles'!$G$18=$B$17,14,0)+IF('Standard Profiles'!$G$18=$B$24,21,0),MOD($C550,24)+1)/SUM(INDEX($D$3:$AA$30,INDEX(Jesper!$R$2:$R$366,ROW(INDEX(Jesper!AH$2:AH$366,ROUNDDOWN($C550/24,0)+1,1))-1)+IF('Standard Profiles'!$G$18=$B$10,7,0)+IF('Standard Profiles'!$G$18=$B$17,14,0)+IF('Standard Profiles'!$G$18=$B$24,21,0),0)),0)</f>
        <v>17.779352556725254</v>
      </c>
      <c r="E550" cm="1">
        <f t="array" ref="E550">IFERROR(INDEX(Jesper!AI$2:AI$366,ROUNDDOWN($C550/24,0)+1,1)*INDEX($D$3:$AA$30,INDEX(Jesper!$R$2:$R$366,ROW(INDEX(Jesper!AI$2:AI$366,ROUNDDOWN($C550/24,0)+1,1))-1)+IF('Standard Profiles'!$G$19=$B$10,7,0)+IF('Standard Profiles'!$G$19=$B$17,14,0)+IF('Standard Profiles'!$G$19=$B$24,21,0),MOD($C550,24)+1)/SUM(INDEX($D$3:$AA$30,INDEX(Jesper!$R$2:$R$366,ROW(INDEX(Jesper!AI$2:AI$366,ROUNDDOWN($C550/24,0)+1,1))-1)+IF('Standard Profiles'!$G$19=$B$10,7,0)+IF('Standard Profiles'!$G$19=$B$17,14,0)+IF('Standard Profiles'!$G$19=$B$24,21,0),0)),0)</f>
        <v>0</v>
      </c>
      <c r="F550" cm="1">
        <f t="array" ref="F550">IFERROR(INDEX(Jesper!AJ$2:AJ$366,ROUNDDOWN($C550/24,0)+1,1)*INDEX($D$3:$AA$30,INDEX(Jesper!$R$2:$R$366,ROW(INDEX(Jesper!AJ$2:AJ$366,ROUNDDOWN($C550/24,0)+1,1))-1)+IF('Standard Profiles'!$G$20=$B$10,7,0)+IF('Standard Profiles'!$G$20=$B$17,14,0)+IF('Standard Profiles'!$G$20=$B$24,21,0),MOD($C550,24)+1)/SUM(INDEX($D$3:$AA$30,INDEX(Jesper!$R$2:$R$366,ROW(INDEX(Jesper!AJ$2:AJ$366,ROUNDDOWN($C550/24,0)+1,1))-1)+IF('Standard Profiles'!$G$20=$B$10,7,0)+IF('Standard Profiles'!$G$20=$B$17,14,0)+IF('Standard Profiles'!$G$20=$B$24,21,0),0)),0)</f>
        <v>0</v>
      </c>
      <c r="G550" cm="1">
        <f t="array" ref="G550">IFERROR(INDEX(Jesper!AK$2:AK$366,ROUNDDOWN($C550/24,0)+1,1)*INDEX($D$3:$AA$30,INDEX(Jesper!$R$2:$R$366,ROW(INDEX(Jesper!AK$2:AK$366,ROUNDDOWN($C550/24,0)+1,1))-1)+IF('Standard Profiles'!$G$21=$B$10,7,0)+IF('Standard Profiles'!$G$21=$B$17,14,0)+IF('Standard Profiles'!$G$21=$B$24,21,0),MOD($C550,24)+1)/SUM(INDEX($D$3:$AA$30,INDEX(Jesper!$R$2:$R$366,ROW(INDEX(Jesper!AK$2:AK$366,ROUNDDOWN($C550/24,0)+1,1))-1)+IF('Standard Profiles'!$G$21=$B$10,7,0)+IF('Standard Profiles'!$G$21=$B$17,14,0)+IF('Standard Profiles'!$G$21=$B$24,21,0),0)),0)</f>
        <v>0</v>
      </c>
      <c r="H550" cm="1">
        <f t="array" ref="H550">IFERROR(INDEX(Jesper!AL$2:AL$366,ROUNDDOWN($C550/24,0)+1,1)*INDEX($D$3:$AA$30,INDEX(Jesper!$R$2:$R$366,ROW(INDEX(Jesper!AL$2:AL$366,ROUNDDOWN($C550/24,0)+1,1))-1)+IF('Standard Profiles'!$G$22=$B$10,7,0)+IF('Standard Profiles'!$G$22=$B$17,14,0)+IF('Standard Profiles'!$G$22=$B$24,21,0),MOD($C550,24)+1)/SUM(INDEX($D$3:$AA$30,INDEX(Jesper!$R$2:$R$366,ROW(INDEX(Jesper!AL$2:AL$366,ROUNDDOWN($C550/24,0)+1,1))-1)+IF('Standard Profiles'!$G$22=$B$10,7,0)+IF('Standard Profiles'!$G$22=$B$17,14,0)+IF('Standard Profiles'!$G$22=$B$24,21,0),0)),0)</f>
        <v>0</v>
      </c>
      <c r="I550">
        <f t="shared" si="76"/>
        <v>0.53338057670175765</v>
      </c>
      <c r="J550">
        <f t="shared" si="77"/>
        <v>1.7779352556725254</v>
      </c>
      <c r="K550">
        <f t="shared" si="78"/>
        <v>2.6669028835087878</v>
      </c>
      <c r="L550">
        <f t="shared" si="79"/>
        <v>12.801133840842182</v>
      </c>
      <c r="M550">
        <f t="shared" si="80"/>
        <v>0</v>
      </c>
      <c r="N550" s="46">
        <f t="shared" si="81"/>
        <v>45313.499999998749</v>
      </c>
    </row>
    <row r="551" spans="2:14" x14ac:dyDescent="0.3">
      <c r="B551">
        <f t="shared" si="75"/>
        <v>1</v>
      </c>
      <c r="C551" s="16">
        <v>517</v>
      </c>
      <c r="D551" cm="1">
        <f t="array" ref="D551">IFERROR(INDEX(Jesper!AH$2:AH$366,ROUNDDOWN($C551/24,0)+1,1)*INDEX($D$3:$AA$30,INDEX(Jesper!$R$2:$R$366,ROW(INDEX(Jesper!AH$2:AH$366,ROUNDDOWN($C551/24,0)+1,1))-1)+IF('Standard Profiles'!$G$18=$B$10,7,0)+IF('Standard Profiles'!$G$18=$B$17,14,0)+IF('Standard Profiles'!$G$18=$B$24,21,0),MOD($C551,24)+1)/SUM(INDEX($D$3:$AA$30,INDEX(Jesper!$R$2:$R$366,ROW(INDEX(Jesper!AH$2:AH$366,ROUNDDOWN($C551/24,0)+1,1))-1)+IF('Standard Profiles'!$G$18=$B$10,7,0)+IF('Standard Profiles'!$G$18=$B$17,14,0)+IF('Standard Profiles'!$G$18=$B$24,21,0),0)),0)</f>
        <v>11.77882106883048</v>
      </c>
      <c r="E551" cm="1">
        <f t="array" ref="E551">IFERROR(INDEX(Jesper!AI$2:AI$366,ROUNDDOWN($C551/24,0)+1,1)*INDEX($D$3:$AA$30,INDEX(Jesper!$R$2:$R$366,ROW(INDEX(Jesper!AI$2:AI$366,ROUNDDOWN($C551/24,0)+1,1))-1)+IF('Standard Profiles'!$G$19=$B$10,7,0)+IF('Standard Profiles'!$G$19=$B$17,14,0)+IF('Standard Profiles'!$G$19=$B$24,21,0),MOD($C551,24)+1)/SUM(INDEX($D$3:$AA$30,INDEX(Jesper!$R$2:$R$366,ROW(INDEX(Jesper!AI$2:AI$366,ROUNDDOWN($C551/24,0)+1,1))-1)+IF('Standard Profiles'!$G$19=$B$10,7,0)+IF('Standard Profiles'!$G$19=$B$17,14,0)+IF('Standard Profiles'!$G$19=$B$24,21,0),0)),0)</f>
        <v>0</v>
      </c>
      <c r="F551" cm="1">
        <f t="array" ref="F551">IFERROR(INDEX(Jesper!AJ$2:AJ$366,ROUNDDOWN($C551/24,0)+1,1)*INDEX($D$3:$AA$30,INDEX(Jesper!$R$2:$R$366,ROW(INDEX(Jesper!AJ$2:AJ$366,ROUNDDOWN($C551/24,0)+1,1))-1)+IF('Standard Profiles'!$G$20=$B$10,7,0)+IF('Standard Profiles'!$G$20=$B$17,14,0)+IF('Standard Profiles'!$G$20=$B$24,21,0),MOD($C551,24)+1)/SUM(INDEX($D$3:$AA$30,INDEX(Jesper!$R$2:$R$366,ROW(INDEX(Jesper!AJ$2:AJ$366,ROUNDDOWN($C551/24,0)+1,1))-1)+IF('Standard Profiles'!$G$20=$B$10,7,0)+IF('Standard Profiles'!$G$20=$B$17,14,0)+IF('Standard Profiles'!$G$20=$B$24,21,0),0)),0)</f>
        <v>0</v>
      </c>
      <c r="G551" cm="1">
        <f t="array" ref="G551">IFERROR(INDEX(Jesper!AK$2:AK$366,ROUNDDOWN($C551/24,0)+1,1)*INDEX($D$3:$AA$30,INDEX(Jesper!$R$2:$R$366,ROW(INDEX(Jesper!AK$2:AK$366,ROUNDDOWN($C551/24,0)+1,1))-1)+IF('Standard Profiles'!$G$21=$B$10,7,0)+IF('Standard Profiles'!$G$21=$B$17,14,0)+IF('Standard Profiles'!$G$21=$B$24,21,0),MOD($C551,24)+1)/SUM(INDEX($D$3:$AA$30,INDEX(Jesper!$R$2:$R$366,ROW(INDEX(Jesper!AK$2:AK$366,ROUNDDOWN($C551/24,0)+1,1))-1)+IF('Standard Profiles'!$G$21=$B$10,7,0)+IF('Standard Profiles'!$G$21=$B$17,14,0)+IF('Standard Profiles'!$G$21=$B$24,21,0),0)),0)</f>
        <v>0</v>
      </c>
      <c r="H551" cm="1">
        <f t="array" ref="H551">IFERROR(INDEX(Jesper!AL$2:AL$366,ROUNDDOWN($C551/24,0)+1,1)*INDEX($D$3:$AA$30,INDEX(Jesper!$R$2:$R$366,ROW(INDEX(Jesper!AL$2:AL$366,ROUNDDOWN($C551/24,0)+1,1))-1)+IF('Standard Profiles'!$G$22=$B$10,7,0)+IF('Standard Profiles'!$G$22=$B$17,14,0)+IF('Standard Profiles'!$G$22=$B$24,21,0),MOD($C551,24)+1)/SUM(INDEX($D$3:$AA$30,INDEX(Jesper!$R$2:$R$366,ROW(INDEX(Jesper!AL$2:AL$366,ROUNDDOWN($C551/24,0)+1,1))-1)+IF('Standard Profiles'!$G$22=$B$10,7,0)+IF('Standard Profiles'!$G$22=$B$17,14,0)+IF('Standard Profiles'!$G$22=$B$24,21,0),0)),0)</f>
        <v>0</v>
      </c>
      <c r="I551">
        <f t="shared" si="76"/>
        <v>0.35336463206491436</v>
      </c>
      <c r="J551">
        <f t="shared" si="77"/>
        <v>1.1778821068830481</v>
      </c>
      <c r="K551">
        <f t="shared" si="78"/>
        <v>1.7668231603245719</v>
      </c>
      <c r="L551">
        <f t="shared" si="79"/>
        <v>8.4807511695579443</v>
      </c>
      <c r="M551">
        <f t="shared" si="80"/>
        <v>0</v>
      </c>
      <c r="N551" s="46">
        <f t="shared" si="81"/>
        <v>45313.541666665413</v>
      </c>
    </row>
    <row r="552" spans="2:14" x14ac:dyDescent="0.3">
      <c r="B552">
        <f t="shared" si="75"/>
        <v>1</v>
      </c>
      <c r="C552" s="16">
        <v>518</v>
      </c>
      <c r="D552" cm="1">
        <f t="array" ref="D552">IFERROR(INDEX(Jesper!AH$2:AH$366,ROUNDDOWN($C552/24,0)+1,1)*INDEX($D$3:$AA$30,INDEX(Jesper!$R$2:$R$366,ROW(INDEX(Jesper!AH$2:AH$366,ROUNDDOWN($C552/24,0)+1,1))-1)+IF('Standard Profiles'!$G$18=$B$10,7,0)+IF('Standard Profiles'!$G$18=$B$17,14,0)+IF('Standard Profiles'!$G$18=$B$24,21,0),MOD($C552,24)+1)/SUM(INDEX($D$3:$AA$30,INDEX(Jesper!$R$2:$R$366,ROW(INDEX(Jesper!AH$2:AH$366,ROUNDDOWN($C552/24,0)+1,1))-1)+IF('Standard Profiles'!$G$18=$B$10,7,0)+IF('Standard Profiles'!$G$18=$B$17,14,0)+IF('Standard Profiles'!$G$18=$B$24,21,0),0)),0)</f>
        <v>17.779352556725254</v>
      </c>
      <c r="E552" cm="1">
        <f t="array" ref="E552">IFERROR(INDEX(Jesper!AI$2:AI$366,ROUNDDOWN($C552/24,0)+1,1)*INDEX($D$3:$AA$30,INDEX(Jesper!$R$2:$R$366,ROW(INDEX(Jesper!AI$2:AI$366,ROUNDDOWN($C552/24,0)+1,1))-1)+IF('Standard Profiles'!$G$19=$B$10,7,0)+IF('Standard Profiles'!$G$19=$B$17,14,0)+IF('Standard Profiles'!$G$19=$B$24,21,0),MOD($C552,24)+1)/SUM(INDEX($D$3:$AA$30,INDEX(Jesper!$R$2:$R$366,ROW(INDEX(Jesper!AI$2:AI$366,ROUNDDOWN($C552/24,0)+1,1))-1)+IF('Standard Profiles'!$G$19=$B$10,7,0)+IF('Standard Profiles'!$G$19=$B$17,14,0)+IF('Standard Profiles'!$G$19=$B$24,21,0),0)),0)</f>
        <v>0</v>
      </c>
      <c r="F552" cm="1">
        <f t="array" ref="F552">IFERROR(INDEX(Jesper!AJ$2:AJ$366,ROUNDDOWN($C552/24,0)+1,1)*INDEX($D$3:$AA$30,INDEX(Jesper!$R$2:$R$366,ROW(INDEX(Jesper!AJ$2:AJ$366,ROUNDDOWN($C552/24,0)+1,1))-1)+IF('Standard Profiles'!$G$20=$B$10,7,0)+IF('Standard Profiles'!$G$20=$B$17,14,0)+IF('Standard Profiles'!$G$20=$B$24,21,0),MOD($C552,24)+1)/SUM(INDEX($D$3:$AA$30,INDEX(Jesper!$R$2:$R$366,ROW(INDEX(Jesper!AJ$2:AJ$366,ROUNDDOWN($C552/24,0)+1,1))-1)+IF('Standard Profiles'!$G$20=$B$10,7,0)+IF('Standard Profiles'!$G$20=$B$17,14,0)+IF('Standard Profiles'!$G$20=$B$24,21,0),0)),0)</f>
        <v>0</v>
      </c>
      <c r="G552" cm="1">
        <f t="array" ref="G552">IFERROR(INDEX(Jesper!AK$2:AK$366,ROUNDDOWN($C552/24,0)+1,1)*INDEX($D$3:$AA$30,INDEX(Jesper!$R$2:$R$366,ROW(INDEX(Jesper!AK$2:AK$366,ROUNDDOWN($C552/24,0)+1,1))-1)+IF('Standard Profiles'!$G$21=$B$10,7,0)+IF('Standard Profiles'!$G$21=$B$17,14,0)+IF('Standard Profiles'!$G$21=$B$24,21,0),MOD($C552,24)+1)/SUM(INDEX($D$3:$AA$30,INDEX(Jesper!$R$2:$R$366,ROW(INDEX(Jesper!AK$2:AK$366,ROUNDDOWN($C552/24,0)+1,1))-1)+IF('Standard Profiles'!$G$21=$B$10,7,0)+IF('Standard Profiles'!$G$21=$B$17,14,0)+IF('Standard Profiles'!$G$21=$B$24,21,0),0)),0)</f>
        <v>0</v>
      </c>
      <c r="H552" cm="1">
        <f t="array" ref="H552">IFERROR(INDEX(Jesper!AL$2:AL$366,ROUNDDOWN($C552/24,0)+1,1)*INDEX($D$3:$AA$30,INDEX(Jesper!$R$2:$R$366,ROW(INDEX(Jesper!AL$2:AL$366,ROUNDDOWN($C552/24,0)+1,1))-1)+IF('Standard Profiles'!$G$22=$B$10,7,0)+IF('Standard Profiles'!$G$22=$B$17,14,0)+IF('Standard Profiles'!$G$22=$B$24,21,0),MOD($C552,24)+1)/SUM(INDEX($D$3:$AA$30,INDEX(Jesper!$R$2:$R$366,ROW(INDEX(Jesper!AL$2:AL$366,ROUNDDOWN($C552/24,0)+1,1))-1)+IF('Standard Profiles'!$G$22=$B$10,7,0)+IF('Standard Profiles'!$G$22=$B$17,14,0)+IF('Standard Profiles'!$G$22=$B$24,21,0),0)),0)</f>
        <v>0</v>
      </c>
      <c r="I552">
        <f t="shared" si="76"/>
        <v>0.53338057670175765</v>
      </c>
      <c r="J552">
        <f t="shared" si="77"/>
        <v>1.7779352556725254</v>
      </c>
      <c r="K552">
        <f t="shared" si="78"/>
        <v>2.6669028835087878</v>
      </c>
      <c r="L552">
        <f t="shared" si="79"/>
        <v>12.801133840842182</v>
      </c>
      <c r="M552">
        <f t="shared" si="80"/>
        <v>0</v>
      </c>
      <c r="N552" s="46">
        <f t="shared" si="81"/>
        <v>45313.583333332077</v>
      </c>
    </row>
    <row r="553" spans="2:14" x14ac:dyDescent="0.3">
      <c r="B553">
        <f t="shared" si="75"/>
        <v>1</v>
      </c>
      <c r="C553" s="16">
        <v>519</v>
      </c>
      <c r="D553" cm="1">
        <f t="array" ref="D553">IFERROR(INDEX(Jesper!AH$2:AH$366,ROUNDDOWN($C553/24,0)+1,1)*INDEX($D$3:$AA$30,INDEX(Jesper!$R$2:$R$366,ROW(INDEX(Jesper!AH$2:AH$366,ROUNDDOWN($C553/24,0)+1,1))-1)+IF('Standard Profiles'!$G$18=$B$10,7,0)+IF('Standard Profiles'!$G$18=$B$17,14,0)+IF('Standard Profiles'!$G$18=$B$24,21,0),MOD($C553,24)+1)/SUM(INDEX($D$3:$AA$30,INDEX(Jesper!$R$2:$R$366,ROW(INDEX(Jesper!AH$2:AH$366,ROUNDDOWN($C553/24,0)+1,1))-1)+IF('Standard Profiles'!$G$18=$B$10,7,0)+IF('Standard Profiles'!$G$18=$B$17,14,0)+IF('Standard Profiles'!$G$18=$B$24,21,0),0)),0)</f>
        <v>17.779352556725254</v>
      </c>
      <c r="E553" cm="1">
        <f t="array" ref="E553">IFERROR(INDEX(Jesper!AI$2:AI$366,ROUNDDOWN($C553/24,0)+1,1)*INDEX($D$3:$AA$30,INDEX(Jesper!$R$2:$R$366,ROW(INDEX(Jesper!AI$2:AI$366,ROUNDDOWN($C553/24,0)+1,1))-1)+IF('Standard Profiles'!$G$19=$B$10,7,0)+IF('Standard Profiles'!$G$19=$B$17,14,0)+IF('Standard Profiles'!$G$19=$B$24,21,0),MOD($C553,24)+1)/SUM(INDEX($D$3:$AA$30,INDEX(Jesper!$R$2:$R$366,ROW(INDEX(Jesper!AI$2:AI$366,ROUNDDOWN($C553/24,0)+1,1))-1)+IF('Standard Profiles'!$G$19=$B$10,7,0)+IF('Standard Profiles'!$G$19=$B$17,14,0)+IF('Standard Profiles'!$G$19=$B$24,21,0),0)),0)</f>
        <v>0</v>
      </c>
      <c r="F553" cm="1">
        <f t="array" ref="F553">IFERROR(INDEX(Jesper!AJ$2:AJ$366,ROUNDDOWN($C553/24,0)+1,1)*INDEX($D$3:$AA$30,INDEX(Jesper!$R$2:$R$366,ROW(INDEX(Jesper!AJ$2:AJ$366,ROUNDDOWN($C553/24,0)+1,1))-1)+IF('Standard Profiles'!$G$20=$B$10,7,0)+IF('Standard Profiles'!$G$20=$B$17,14,0)+IF('Standard Profiles'!$G$20=$B$24,21,0),MOD($C553,24)+1)/SUM(INDEX($D$3:$AA$30,INDEX(Jesper!$R$2:$R$366,ROW(INDEX(Jesper!AJ$2:AJ$366,ROUNDDOWN($C553/24,0)+1,1))-1)+IF('Standard Profiles'!$G$20=$B$10,7,0)+IF('Standard Profiles'!$G$20=$B$17,14,0)+IF('Standard Profiles'!$G$20=$B$24,21,0),0)),0)</f>
        <v>0</v>
      </c>
      <c r="G553" cm="1">
        <f t="array" ref="G553">IFERROR(INDEX(Jesper!AK$2:AK$366,ROUNDDOWN($C553/24,0)+1,1)*INDEX($D$3:$AA$30,INDEX(Jesper!$R$2:$R$366,ROW(INDEX(Jesper!AK$2:AK$366,ROUNDDOWN($C553/24,0)+1,1))-1)+IF('Standard Profiles'!$G$21=$B$10,7,0)+IF('Standard Profiles'!$G$21=$B$17,14,0)+IF('Standard Profiles'!$G$21=$B$24,21,0),MOD($C553,24)+1)/SUM(INDEX($D$3:$AA$30,INDEX(Jesper!$R$2:$R$366,ROW(INDEX(Jesper!AK$2:AK$366,ROUNDDOWN($C553/24,0)+1,1))-1)+IF('Standard Profiles'!$G$21=$B$10,7,0)+IF('Standard Profiles'!$G$21=$B$17,14,0)+IF('Standard Profiles'!$G$21=$B$24,21,0),0)),0)</f>
        <v>0</v>
      </c>
      <c r="H553" cm="1">
        <f t="array" ref="H553">IFERROR(INDEX(Jesper!AL$2:AL$366,ROUNDDOWN($C553/24,0)+1,1)*INDEX($D$3:$AA$30,INDEX(Jesper!$R$2:$R$366,ROW(INDEX(Jesper!AL$2:AL$366,ROUNDDOWN($C553/24,0)+1,1))-1)+IF('Standard Profiles'!$G$22=$B$10,7,0)+IF('Standard Profiles'!$G$22=$B$17,14,0)+IF('Standard Profiles'!$G$22=$B$24,21,0),MOD($C553,24)+1)/SUM(INDEX($D$3:$AA$30,INDEX(Jesper!$R$2:$R$366,ROW(INDEX(Jesper!AL$2:AL$366,ROUNDDOWN($C553/24,0)+1,1))-1)+IF('Standard Profiles'!$G$22=$B$10,7,0)+IF('Standard Profiles'!$G$22=$B$17,14,0)+IF('Standard Profiles'!$G$22=$B$24,21,0),0)),0)</f>
        <v>0</v>
      </c>
      <c r="I553">
        <f t="shared" si="76"/>
        <v>0.53338057670175765</v>
      </c>
      <c r="J553">
        <f t="shared" si="77"/>
        <v>1.7779352556725254</v>
      </c>
      <c r="K553">
        <f t="shared" si="78"/>
        <v>2.6669028835087878</v>
      </c>
      <c r="L553">
        <f t="shared" si="79"/>
        <v>12.801133840842182</v>
      </c>
      <c r="M553">
        <f t="shared" si="80"/>
        <v>0</v>
      </c>
      <c r="N553" s="46">
        <f t="shared" si="81"/>
        <v>45313.624999998741</v>
      </c>
    </row>
    <row r="554" spans="2:14" x14ac:dyDescent="0.3">
      <c r="B554">
        <f t="shared" si="75"/>
        <v>1</v>
      </c>
      <c r="C554" s="16">
        <v>520</v>
      </c>
      <c r="D554" cm="1">
        <f t="array" ref="D554">IFERROR(INDEX(Jesper!AH$2:AH$366,ROUNDDOWN($C554/24,0)+1,1)*INDEX($D$3:$AA$30,INDEX(Jesper!$R$2:$R$366,ROW(INDEX(Jesper!AH$2:AH$366,ROUNDDOWN($C554/24,0)+1,1))-1)+IF('Standard Profiles'!$G$18=$B$10,7,0)+IF('Standard Profiles'!$G$18=$B$17,14,0)+IF('Standard Profiles'!$G$18=$B$24,21,0),MOD($C554,24)+1)/SUM(INDEX($D$3:$AA$30,INDEX(Jesper!$R$2:$R$366,ROW(INDEX(Jesper!AH$2:AH$366,ROUNDDOWN($C554/24,0)+1,1))-1)+IF('Standard Profiles'!$G$18=$B$10,7,0)+IF('Standard Profiles'!$G$18=$B$17,14,0)+IF('Standard Profiles'!$G$18=$B$24,21,0),0)),0)</f>
        <v>17.779352556725254</v>
      </c>
      <c r="E554" cm="1">
        <f t="array" ref="E554">IFERROR(INDEX(Jesper!AI$2:AI$366,ROUNDDOWN($C554/24,0)+1,1)*INDEX($D$3:$AA$30,INDEX(Jesper!$R$2:$R$366,ROW(INDEX(Jesper!AI$2:AI$366,ROUNDDOWN($C554/24,0)+1,1))-1)+IF('Standard Profiles'!$G$19=$B$10,7,0)+IF('Standard Profiles'!$G$19=$B$17,14,0)+IF('Standard Profiles'!$G$19=$B$24,21,0),MOD($C554,24)+1)/SUM(INDEX($D$3:$AA$30,INDEX(Jesper!$R$2:$R$366,ROW(INDEX(Jesper!AI$2:AI$366,ROUNDDOWN($C554/24,0)+1,1))-1)+IF('Standard Profiles'!$G$19=$B$10,7,0)+IF('Standard Profiles'!$G$19=$B$17,14,0)+IF('Standard Profiles'!$G$19=$B$24,21,0),0)),0)</f>
        <v>0</v>
      </c>
      <c r="F554" cm="1">
        <f t="array" ref="F554">IFERROR(INDEX(Jesper!AJ$2:AJ$366,ROUNDDOWN($C554/24,0)+1,1)*INDEX($D$3:$AA$30,INDEX(Jesper!$R$2:$R$366,ROW(INDEX(Jesper!AJ$2:AJ$366,ROUNDDOWN($C554/24,0)+1,1))-1)+IF('Standard Profiles'!$G$20=$B$10,7,0)+IF('Standard Profiles'!$G$20=$B$17,14,0)+IF('Standard Profiles'!$G$20=$B$24,21,0),MOD($C554,24)+1)/SUM(INDEX($D$3:$AA$30,INDEX(Jesper!$R$2:$R$366,ROW(INDEX(Jesper!AJ$2:AJ$366,ROUNDDOWN($C554/24,0)+1,1))-1)+IF('Standard Profiles'!$G$20=$B$10,7,0)+IF('Standard Profiles'!$G$20=$B$17,14,0)+IF('Standard Profiles'!$G$20=$B$24,21,0),0)),0)</f>
        <v>0</v>
      </c>
      <c r="G554" cm="1">
        <f t="array" ref="G554">IFERROR(INDEX(Jesper!AK$2:AK$366,ROUNDDOWN($C554/24,0)+1,1)*INDEX($D$3:$AA$30,INDEX(Jesper!$R$2:$R$366,ROW(INDEX(Jesper!AK$2:AK$366,ROUNDDOWN($C554/24,0)+1,1))-1)+IF('Standard Profiles'!$G$21=$B$10,7,0)+IF('Standard Profiles'!$G$21=$B$17,14,0)+IF('Standard Profiles'!$G$21=$B$24,21,0),MOD($C554,24)+1)/SUM(INDEX($D$3:$AA$30,INDEX(Jesper!$R$2:$R$366,ROW(INDEX(Jesper!AK$2:AK$366,ROUNDDOWN($C554/24,0)+1,1))-1)+IF('Standard Profiles'!$G$21=$B$10,7,0)+IF('Standard Profiles'!$G$21=$B$17,14,0)+IF('Standard Profiles'!$G$21=$B$24,21,0),0)),0)</f>
        <v>0</v>
      </c>
      <c r="H554" cm="1">
        <f t="array" ref="H554">IFERROR(INDEX(Jesper!AL$2:AL$366,ROUNDDOWN($C554/24,0)+1,1)*INDEX($D$3:$AA$30,INDEX(Jesper!$R$2:$R$366,ROW(INDEX(Jesper!AL$2:AL$366,ROUNDDOWN($C554/24,0)+1,1))-1)+IF('Standard Profiles'!$G$22=$B$10,7,0)+IF('Standard Profiles'!$G$22=$B$17,14,0)+IF('Standard Profiles'!$G$22=$B$24,21,0),MOD($C554,24)+1)/SUM(INDEX($D$3:$AA$30,INDEX(Jesper!$R$2:$R$366,ROW(INDEX(Jesper!AL$2:AL$366,ROUNDDOWN($C554/24,0)+1,1))-1)+IF('Standard Profiles'!$G$22=$B$10,7,0)+IF('Standard Profiles'!$G$22=$B$17,14,0)+IF('Standard Profiles'!$G$22=$B$24,21,0),0)),0)</f>
        <v>0</v>
      </c>
      <c r="I554">
        <f t="shared" si="76"/>
        <v>0.53338057670175765</v>
      </c>
      <c r="J554">
        <f t="shared" si="77"/>
        <v>1.7779352556725254</v>
      </c>
      <c r="K554">
        <f t="shared" si="78"/>
        <v>2.6669028835087878</v>
      </c>
      <c r="L554">
        <f t="shared" si="79"/>
        <v>12.801133840842182</v>
      </c>
      <c r="M554">
        <f t="shared" si="80"/>
        <v>0</v>
      </c>
      <c r="N554" s="46">
        <f t="shared" si="81"/>
        <v>45313.666666665406</v>
      </c>
    </row>
    <row r="555" spans="2:14" x14ac:dyDescent="0.3">
      <c r="B555">
        <f t="shared" si="75"/>
        <v>1</v>
      </c>
      <c r="C555" s="16">
        <v>521</v>
      </c>
      <c r="D555" cm="1">
        <f t="array" ref="D555">IFERROR(INDEX(Jesper!AH$2:AH$366,ROUNDDOWN($C555/24,0)+1,1)*INDEX($D$3:$AA$30,INDEX(Jesper!$R$2:$R$366,ROW(INDEX(Jesper!AH$2:AH$366,ROUNDDOWN($C555/24,0)+1,1))-1)+IF('Standard Profiles'!$G$18=$B$10,7,0)+IF('Standard Profiles'!$G$18=$B$17,14,0)+IF('Standard Profiles'!$G$18=$B$24,21,0),MOD($C555,24)+1)/SUM(INDEX($D$3:$AA$30,INDEX(Jesper!$R$2:$R$366,ROW(INDEX(Jesper!AH$2:AH$366,ROUNDDOWN($C555/24,0)+1,1))-1)+IF('Standard Profiles'!$G$18=$B$10,7,0)+IF('Standard Profiles'!$G$18=$B$17,14,0)+IF('Standard Profiles'!$G$18=$B$24,21,0),0)),0)</f>
        <v>17.779352556725254</v>
      </c>
      <c r="E555" cm="1">
        <f t="array" ref="E555">IFERROR(INDEX(Jesper!AI$2:AI$366,ROUNDDOWN($C555/24,0)+1,1)*INDEX($D$3:$AA$30,INDEX(Jesper!$R$2:$R$366,ROW(INDEX(Jesper!AI$2:AI$366,ROUNDDOWN($C555/24,0)+1,1))-1)+IF('Standard Profiles'!$G$19=$B$10,7,0)+IF('Standard Profiles'!$G$19=$B$17,14,0)+IF('Standard Profiles'!$G$19=$B$24,21,0),MOD($C555,24)+1)/SUM(INDEX($D$3:$AA$30,INDEX(Jesper!$R$2:$R$366,ROW(INDEX(Jesper!AI$2:AI$366,ROUNDDOWN($C555/24,0)+1,1))-1)+IF('Standard Profiles'!$G$19=$B$10,7,0)+IF('Standard Profiles'!$G$19=$B$17,14,0)+IF('Standard Profiles'!$G$19=$B$24,21,0),0)),0)</f>
        <v>0</v>
      </c>
      <c r="F555" cm="1">
        <f t="array" ref="F555">IFERROR(INDEX(Jesper!AJ$2:AJ$366,ROUNDDOWN($C555/24,0)+1,1)*INDEX($D$3:$AA$30,INDEX(Jesper!$R$2:$R$366,ROW(INDEX(Jesper!AJ$2:AJ$366,ROUNDDOWN($C555/24,0)+1,1))-1)+IF('Standard Profiles'!$G$20=$B$10,7,0)+IF('Standard Profiles'!$G$20=$B$17,14,0)+IF('Standard Profiles'!$G$20=$B$24,21,0),MOD($C555,24)+1)/SUM(INDEX($D$3:$AA$30,INDEX(Jesper!$R$2:$R$366,ROW(INDEX(Jesper!AJ$2:AJ$366,ROUNDDOWN($C555/24,0)+1,1))-1)+IF('Standard Profiles'!$G$20=$B$10,7,0)+IF('Standard Profiles'!$G$20=$B$17,14,0)+IF('Standard Profiles'!$G$20=$B$24,21,0),0)),0)</f>
        <v>0</v>
      </c>
      <c r="G555" cm="1">
        <f t="array" ref="G555">IFERROR(INDEX(Jesper!AK$2:AK$366,ROUNDDOWN($C555/24,0)+1,1)*INDEX($D$3:$AA$30,INDEX(Jesper!$R$2:$R$366,ROW(INDEX(Jesper!AK$2:AK$366,ROUNDDOWN($C555/24,0)+1,1))-1)+IF('Standard Profiles'!$G$21=$B$10,7,0)+IF('Standard Profiles'!$G$21=$B$17,14,0)+IF('Standard Profiles'!$G$21=$B$24,21,0),MOD($C555,24)+1)/SUM(INDEX($D$3:$AA$30,INDEX(Jesper!$R$2:$R$366,ROW(INDEX(Jesper!AK$2:AK$366,ROUNDDOWN($C555/24,0)+1,1))-1)+IF('Standard Profiles'!$G$21=$B$10,7,0)+IF('Standard Profiles'!$G$21=$B$17,14,0)+IF('Standard Profiles'!$G$21=$B$24,21,0),0)),0)</f>
        <v>0</v>
      </c>
      <c r="H555" cm="1">
        <f t="array" ref="H555">IFERROR(INDEX(Jesper!AL$2:AL$366,ROUNDDOWN($C555/24,0)+1,1)*INDEX($D$3:$AA$30,INDEX(Jesper!$R$2:$R$366,ROW(INDEX(Jesper!AL$2:AL$366,ROUNDDOWN($C555/24,0)+1,1))-1)+IF('Standard Profiles'!$G$22=$B$10,7,0)+IF('Standard Profiles'!$G$22=$B$17,14,0)+IF('Standard Profiles'!$G$22=$B$24,21,0),MOD($C555,24)+1)/SUM(INDEX($D$3:$AA$30,INDEX(Jesper!$R$2:$R$366,ROW(INDEX(Jesper!AL$2:AL$366,ROUNDDOWN($C555/24,0)+1,1))-1)+IF('Standard Profiles'!$G$22=$B$10,7,0)+IF('Standard Profiles'!$G$22=$B$17,14,0)+IF('Standard Profiles'!$G$22=$B$24,21,0),0)),0)</f>
        <v>0</v>
      </c>
      <c r="I555">
        <f t="shared" si="76"/>
        <v>0.53338057670175765</v>
      </c>
      <c r="J555">
        <f t="shared" si="77"/>
        <v>1.7779352556725254</v>
      </c>
      <c r="K555">
        <f t="shared" si="78"/>
        <v>2.6669028835087878</v>
      </c>
      <c r="L555">
        <f t="shared" si="79"/>
        <v>12.801133840842182</v>
      </c>
      <c r="M555">
        <f t="shared" si="80"/>
        <v>0</v>
      </c>
      <c r="N555" s="46">
        <f t="shared" si="81"/>
        <v>45313.70833333207</v>
      </c>
    </row>
    <row r="556" spans="2:14" x14ac:dyDescent="0.3">
      <c r="B556">
        <f t="shared" si="75"/>
        <v>1</v>
      </c>
      <c r="C556" s="16">
        <v>522</v>
      </c>
      <c r="D556" cm="1">
        <f t="array" ref="D556">IFERROR(INDEX(Jesper!AH$2:AH$366,ROUNDDOWN($C556/24,0)+1,1)*INDEX($D$3:$AA$30,INDEX(Jesper!$R$2:$R$366,ROW(INDEX(Jesper!AH$2:AH$366,ROUNDDOWN($C556/24,0)+1,1))-1)+IF('Standard Profiles'!$G$18=$B$10,7,0)+IF('Standard Profiles'!$G$18=$B$17,14,0)+IF('Standard Profiles'!$G$18=$B$24,21,0),MOD($C556,24)+1)/SUM(INDEX($D$3:$AA$30,INDEX(Jesper!$R$2:$R$366,ROW(INDEX(Jesper!AH$2:AH$366,ROUNDDOWN($C556/24,0)+1,1))-1)+IF('Standard Profiles'!$G$18=$B$10,7,0)+IF('Standard Profiles'!$G$18=$B$17,14,0)+IF('Standard Profiles'!$G$18=$B$24,21,0),0)),0)</f>
        <v>17.779352556725254</v>
      </c>
      <c r="E556" cm="1">
        <f t="array" ref="E556">IFERROR(INDEX(Jesper!AI$2:AI$366,ROUNDDOWN($C556/24,0)+1,1)*INDEX($D$3:$AA$30,INDEX(Jesper!$R$2:$R$366,ROW(INDEX(Jesper!AI$2:AI$366,ROUNDDOWN($C556/24,0)+1,1))-1)+IF('Standard Profiles'!$G$19=$B$10,7,0)+IF('Standard Profiles'!$G$19=$B$17,14,0)+IF('Standard Profiles'!$G$19=$B$24,21,0),MOD($C556,24)+1)/SUM(INDEX($D$3:$AA$30,INDEX(Jesper!$R$2:$R$366,ROW(INDEX(Jesper!AI$2:AI$366,ROUNDDOWN($C556/24,0)+1,1))-1)+IF('Standard Profiles'!$G$19=$B$10,7,0)+IF('Standard Profiles'!$G$19=$B$17,14,0)+IF('Standard Profiles'!$G$19=$B$24,21,0),0)),0)</f>
        <v>0</v>
      </c>
      <c r="F556" cm="1">
        <f t="array" ref="F556">IFERROR(INDEX(Jesper!AJ$2:AJ$366,ROUNDDOWN($C556/24,0)+1,1)*INDEX($D$3:$AA$30,INDEX(Jesper!$R$2:$R$366,ROW(INDEX(Jesper!AJ$2:AJ$366,ROUNDDOWN($C556/24,0)+1,1))-1)+IF('Standard Profiles'!$G$20=$B$10,7,0)+IF('Standard Profiles'!$G$20=$B$17,14,0)+IF('Standard Profiles'!$G$20=$B$24,21,0),MOD($C556,24)+1)/SUM(INDEX($D$3:$AA$30,INDEX(Jesper!$R$2:$R$366,ROW(INDEX(Jesper!AJ$2:AJ$366,ROUNDDOWN($C556/24,0)+1,1))-1)+IF('Standard Profiles'!$G$20=$B$10,7,0)+IF('Standard Profiles'!$G$20=$B$17,14,0)+IF('Standard Profiles'!$G$20=$B$24,21,0),0)),0)</f>
        <v>0</v>
      </c>
      <c r="G556" cm="1">
        <f t="array" ref="G556">IFERROR(INDEX(Jesper!AK$2:AK$366,ROUNDDOWN($C556/24,0)+1,1)*INDEX($D$3:$AA$30,INDEX(Jesper!$R$2:$R$366,ROW(INDEX(Jesper!AK$2:AK$366,ROUNDDOWN($C556/24,0)+1,1))-1)+IF('Standard Profiles'!$G$21=$B$10,7,0)+IF('Standard Profiles'!$G$21=$B$17,14,0)+IF('Standard Profiles'!$G$21=$B$24,21,0),MOD($C556,24)+1)/SUM(INDEX($D$3:$AA$30,INDEX(Jesper!$R$2:$R$366,ROW(INDEX(Jesper!AK$2:AK$366,ROUNDDOWN($C556/24,0)+1,1))-1)+IF('Standard Profiles'!$G$21=$B$10,7,0)+IF('Standard Profiles'!$G$21=$B$17,14,0)+IF('Standard Profiles'!$G$21=$B$24,21,0),0)),0)</f>
        <v>0</v>
      </c>
      <c r="H556" cm="1">
        <f t="array" ref="H556">IFERROR(INDEX(Jesper!AL$2:AL$366,ROUNDDOWN($C556/24,0)+1,1)*INDEX($D$3:$AA$30,INDEX(Jesper!$R$2:$R$366,ROW(INDEX(Jesper!AL$2:AL$366,ROUNDDOWN($C556/24,0)+1,1))-1)+IF('Standard Profiles'!$G$22=$B$10,7,0)+IF('Standard Profiles'!$G$22=$B$17,14,0)+IF('Standard Profiles'!$G$22=$B$24,21,0),MOD($C556,24)+1)/SUM(INDEX($D$3:$AA$30,INDEX(Jesper!$R$2:$R$366,ROW(INDEX(Jesper!AL$2:AL$366,ROUNDDOWN($C556/24,0)+1,1))-1)+IF('Standard Profiles'!$G$22=$B$10,7,0)+IF('Standard Profiles'!$G$22=$B$17,14,0)+IF('Standard Profiles'!$G$22=$B$24,21,0),0)),0)</f>
        <v>0</v>
      </c>
      <c r="I556">
        <f t="shared" si="76"/>
        <v>0.53338057670175765</v>
      </c>
      <c r="J556">
        <f t="shared" si="77"/>
        <v>1.7779352556725254</v>
      </c>
      <c r="K556">
        <f t="shared" si="78"/>
        <v>2.6669028835087878</v>
      </c>
      <c r="L556">
        <f t="shared" si="79"/>
        <v>12.801133840842182</v>
      </c>
      <c r="M556">
        <f t="shared" si="80"/>
        <v>0</v>
      </c>
      <c r="N556" s="46">
        <f t="shared" si="81"/>
        <v>45313.749999998734</v>
      </c>
    </row>
    <row r="557" spans="2:14" x14ac:dyDescent="0.3">
      <c r="B557">
        <f t="shared" si="75"/>
        <v>1</v>
      </c>
      <c r="C557" s="16">
        <v>523</v>
      </c>
      <c r="D557" cm="1">
        <f t="array" ref="D557">IFERROR(INDEX(Jesper!AH$2:AH$366,ROUNDDOWN($C557/24,0)+1,1)*INDEX($D$3:$AA$30,INDEX(Jesper!$R$2:$R$366,ROW(INDEX(Jesper!AH$2:AH$366,ROUNDDOWN($C557/24,0)+1,1))-1)+IF('Standard Profiles'!$G$18=$B$10,7,0)+IF('Standard Profiles'!$G$18=$B$17,14,0)+IF('Standard Profiles'!$G$18=$B$24,21,0),MOD($C557,24)+1)/SUM(INDEX($D$3:$AA$30,INDEX(Jesper!$R$2:$R$366,ROW(INDEX(Jesper!AH$2:AH$366,ROUNDDOWN($C557/24,0)+1,1))-1)+IF('Standard Profiles'!$G$18=$B$10,7,0)+IF('Standard Profiles'!$G$18=$B$17,14,0)+IF('Standard Profiles'!$G$18=$B$24,21,0),0)),0)</f>
        <v>14.890207766257399</v>
      </c>
      <c r="E557" cm="1">
        <f t="array" ref="E557">IFERROR(INDEX(Jesper!AI$2:AI$366,ROUNDDOWN($C557/24,0)+1,1)*INDEX($D$3:$AA$30,INDEX(Jesper!$R$2:$R$366,ROW(INDEX(Jesper!AI$2:AI$366,ROUNDDOWN($C557/24,0)+1,1))-1)+IF('Standard Profiles'!$G$19=$B$10,7,0)+IF('Standard Profiles'!$G$19=$B$17,14,0)+IF('Standard Profiles'!$G$19=$B$24,21,0),MOD($C557,24)+1)/SUM(INDEX($D$3:$AA$30,INDEX(Jesper!$R$2:$R$366,ROW(INDEX(Jesper!AI$2:AI$366,ROUNDDOWN($C557/24,0)+1,1))-1)+IF('Standard Profiles'!$G$19=$B$10,7,0)+IF('Standard Profiles'!$G$19=$B$17,14,0)+IF('Standard Profiles'!$G$19=$B$24,21,0),0)),0)</f>
        <v>0</v>
      </c>
      <c r="F557" cm="1">
        <f t="array" ref="F557">IFERROR(INDEX(Jesper!AJ$2:AJ$366,ROUNDDOWN($C557/24,0)+1,1)*INDEX($D$3:$AA$30,INDEX(Jesper!$R$2:$R$366,ROW(INDEX(Jesper!AJ$2:AJ$366,ROUNDDOWN($C557/24,0)+1,1))-1)+IF('Standard Profiles'!$G$20=$B$10,7,0)+IF('Standard Profiles'!$G$20=$B$17,14,0)+IF('Standard Profiles'!$G$20=$B$24,21,0),MOD($C557,24)+1)/SUM(INDEX($D$3:$AA$30,INDEX(Jesper!$R$2:$R$366,ROW(INDEX(Jesper!AJ$2:AJ$366,ROUNDDOWN($C557/24,0)+1,1))-1)+IF('Standard Profiles'!$G$20=$B$10,7,0)+IF('Standard Profiles'!$G$20=$B$17,14,0)+IF('Standard Profiles'!$G$20=$B$24,21,0),0)),0)</f>
        <v>0</v>
      </c>
      <c r="G557" cm="1">
        <f t="array" ref="G557">IFERROR(INDEX(Jesper!AK$2:AK$366,ROUNDDOWN($C557/24,0)+1,1)*INDEX($D$3:$AA$30,INDEX(Jesper!$R$2:$R$366,ROW(INDEX(Jesper!AK$2:AK$366,ROUNDDOWN($C557/24,0)+1,1))-1)+IF('Standard Profiles'!$G$21=$B$10,7,0)+IF('Standard Profiles'!$G$21=$B$17,14,0)+IF('Standard Profiles'!$G$21=$B$24,21,0),MOD($C557,24)+1)/SUM(INDEX($D$3:$AA$30,INDEX(Jesper!$R$2:$R$366,ROW(INDEX(Jesper!AK$2:AK$366,ROUNDDOWN($C557/24,0)+1,1))-1)+IF('Standard Profiles'!$G$21=$B$10,7,0)+IF('Standard Profiles'!$G$21=$B$17,14,0)+IF('Standard Profiles'!$G$21=$B$24,21,0),0)),0)</f>
        <v>0</v>
      </c>
      <c r="H557" cm="1">
        <f t="array" ref="H557">IFERROR(INDEX(Jesper!AL$2:AL$366,ROUNDDOWN($C557/24,0)+1,1)*INDEX($D$3:$AA$30,INDEX(Jesper!$R$2:$R$366,ROW(INDEX(Jesper!AL$2:AL$366,ROUNDDOWN($C557/24,0)+1,1))-1)+IF('Standard Profiles'!$G$22=$B$10,7,0)+IF('Standard Profiles'!$G$22=$B$17,14,0)+IF('Standard Profiles'!$G$22=$B$24,21,0),MOD($C557,24)+1)/SUM(INDEX($D$3:$AA$30,INDEX(Jesper!$R$2:$R$366,ROW(INDEX(Jesper!AL$2:AL$366,ROUNDDOWN($C557/24,0)+1,1))-1)+IF('Standard Profiles'!$G$22=$B$10,7,0)+IF('Standard Profiles'!$G$22=$B$17,14,0)+IF('Standard Profiles'!$G$22=$B$24,21,0),0)),0)</f>
        <v>0</v>
      </c>
      <c r="I557">
        <f t="shared" si="76"/>
        <v>0.44670623298772194</v>
      </c>
      <c r="J557">
        <f t="shared" si="77"/>
        <v>1.48902077662574</v>
      </c>
      <c r="K557">
        <f t="shared" si="78"/>
        <v>2.2335311649386096</v>
      </c>
      <c r="L557">
        <f t="shared" si="79"/>
        <v>10.720949591705327</v>
      </c>
      <c r="M557">
        <f t="shared" si="80"/>
        <v>0</v>
      </c>
      <c r="N557" s="46">
        <f t="shared" si="81"/>
        <v>45313.791666665398</v>
      </c>
    </row>
    <row r="558" spans="2:14" x14ac:dyDescent="0.3">
      <c r="B558">
        <f t="shared" si="75"/>
        <v>1</v>
      </c>
      <c r="C558" s="16">
        <v>524</v>
      </c>
      <c r="D558" cm="1">
        <f t="array" ref="D558">IFERROR(INDEX(Jesper!AH$2:AH$366,ROUNDDOWN($C558/24,0)+1,1)*INDEX($D$3:$AA$30,INDEX(Jesper!$R$2:$R$366,ROW(INDEX(Jesper!AH$2:AH$366,ROUNDDOWN($C558/24,0)+1,1))-1)+IF('Standard Profiles'!$G$18=$B$10,7,0)+IF('Standard Profiles'!$G$18=$B$17,14,0)+IF('Standard Profiles'!$G$18=$B$24,21,0),MOD($C558,24)+1)/SUM(INDEX($D$3:$AA$30,INDEX(Jesper!$R$2:$R$366,ROW(INDEX(Jesper!AH$2:AH$366,ROUNDDOWN($C558/24,0)+1,1))-1)+IF('Standard Profiles'!$G$18=$B$10,7,0)+IF('Standard Profiles'!$G$18=$B$17,14,0)+IF('Standard Profiles'!$G$18=$B$24,21,0),0)),0)</f>
        <v>12.223304882748609</v>
      </c>
      <c r="E558" cm="1">
        <f t="array" ref="E558">IFERROR(INDEX(Jesper!AI$2:AI$366,ROUNDDOWN($C558/24,0)+1,1)*INDEX($D$3:$AA$30,INDEX(Jesper!$R$2:$R$366,ROW(INDEX(Jesper!AI$2:AI$366,ROUNDDOWN($C558/24,0)+1,1))-1)+IF('Standard Profiles'!$G$19=$B$10,7,0)+IF('Standard Profiles'!$G$19=$B$17,14,0)+IF('Standard Profiles'!$G$19=$B$24,21,0),MOD($C558,24)+1)/SUM(INDEX($D$3:$AA$30,INDEX(Jesper!$R$2:$R$366,ROW(INDEX(Jesper!AI$2:AI$366,ROUNDDOWN($C558/24,0)+1,1))-1)+IF('Standard Profiles'!$G$19=$B$10,7,0)+IF('Standard Profiles'!$G$19=$B$17,14,0)+IF('Standard Profiles'!$G$19=$B$24,21,0),0)),0)</f>
        <v>0</v>
      </c>
      <c r="F558" cm="1">
        <f t="array" ref="F558">IFERROR(INDEX(Jesper!AJ$2:AJ$366,ROUNDDOWN($C558/24,0)+1,1)*INDEX($D$3:$AA$30,INDEX(Jesper!$R$2:$R$366,ROW(INDEX(Jesper!AJ$2:AJ$366,ROUNDDOWN($C558/24,0)+1,1))-1)+IF('Standard Profiles'!$G$20=$B$10,7,0)+IF('Standard Profiles'!$G$20=$B$17,14,0)+IF('Standard Profiles'!$G$20=$B$24,21,0),MOD($C558,24)+1)/SUM(INDEX($D$3:$AA$30,INDEX(Jesper!$R$2:$R$366,ROW(INDEX(Jesper!AJ$2:AJ$366,ROUNDDOWN($C558/24,0)+1,1))-1)+IF('Standard Profiles'!$G$20=$B$10,7,0)+IF('Standard Profiles'!$G$20=$B$17,14,0)+IF('Standard Profiles'!$G$20=$B$24,21,0),0)),0)</f>
        <v>0</v>
      </c>
      <c r="G558" cm="1">
        <f t="array" ref="G558">IFERROR(INDEX(Jesper!AK$2:AK$366,ROUNDDOWN($C558/24,0)+1,1)*INDEX($D$3:$AA$30,INDEX(Jesper!$R$2:$R$366,ROW(INDEX(Jesper!AK$2:AK$366,ROUNDDOWN($C558/24,0)+1,1))-1)+IF('Standard Profiles'!$G$21=$B$10,7,0)+IF('Standard Profiles'!$G$21=$B$17,14,0)+IF('Standard Profiles'!$G$21=$B$24,21,0),MOD($C558,24)+1)/SUM(INDEX($D$3:$AA$30,INDEX(Jesper!$R$2:$R$366,ROW(INDEX(Jesper!AK$2:AK$366,ROUNDDOWN($C558/24,0)+1,1))-1)+IF('Standard Profiles'!$G$21=$B$10,7,0)+IF('Standard Profiles'!$G$21=$B$17,14,0)+IF('Standard Profiles'!$G$21=$B$24,21,0),0)),0)</f>
        <v>0</v>
      </c>
      <c r="H558" cm="1">
        <f t="array" ref="H558">IFERROR(INDEX(Jesper!AL$2:AL$366,ROUNDDOWN($C558/24,0)+1,1)*INDEX($D$3:$AA$30,INDEX(Jesper!$R$2:$R$366,ROW(INDEX(Jesper!AL$2:AL$366,ROUNDDOWN($C558/24,0)+1,1))-1)+IF('Standard Profiles'!$G$22=$B$10,7,0)+IF('Standard Profiles'!$G$22=$B$17,14,0)+IF('Standard Profiles'!$G$22=$B$24,21,0),MOD($C558,24)+1)/SUM(INDEX($D$3:$AA$30,INDEX(Jesper!$R$2:$R$366,ROW(INDEX(Jesper!AL$2:AL$366,ROUNDDOWN($C558/24,0)+1,1))-1)+IF('Standard Profiles'!$G$22=$B$10,7,0)+IF('Standard Profiles'!$G$22=$B$17,14,0)+IF('Standard Profiles'!$G$22=$B$24,21,0),0)),0)</f>
        <v>0</v>
      </c>
      <c r="I558">
        <f t="shared" si="76"/>
        <v>0.36669914648245827</v>
      </c>
      <c r="J558">
        <f t="shared" si="77"/>
        <v>1.2223304882748609</v>
      </c>
      <c r="K558">
        <f t="shared" si="78"/>
        <v>1.8334957324122914</v>
      </c>
      <c r="L558">
        <f t="shared" si="79"/>
        <v>8.8007795155789985</v>
      </c>
      <c r="M558">
        <f t="shared" si="80"/>
        <v>0</v>
      </c>
      <c r="N558" s="46">
        <f t="shared" si="81"/>
        <v>45313.833333332062</v>
      </c>
    </row>
    <row r="559" spans="2:14" x14ac:dyDescent="0.3">
      <c r="B559">
        <f t="shared" si="75"/>
        <v>1</v>
      </c>
      <c r="C559" s="16">
        <v>525</v>
      </c>
      <c r="D559" cm="1">
        <f t="array" ref="D559">IFERROR(INDEX(Jesper!AH$2:AH$366,ROUNDDOWN($C559/24,0)+1,1)*INDEX($D$3:$AA$30,INDEX(Jesper!$R$2:$R$366,ROW(INDEX(Jesper!AH$2:AH$366,ROUNDDOWN($C559/24,0)+1,1))-1)+IF('Standard Profiles'!$G$18=$B$10,7,0)+IF('Standard Profiles'!$G$18=$B$17,14,0)+IF('Standard Profiles'!$G$18=$B$24,21,0),MOD($C559,24)+1)/SUM(INDEX($D$3:$AA$30,INDEX(Jesper!$R$2:$R$366,ROW(INDEX(Jesper!AH$2:AH$366,ROUNDDOWN($C559/24,0)+1,1))-1)+IF('Standard Profiles'!$G$18=$B$10,7,0)+IF('Standard Profiles'!$G$18=$B$17,14,0)+IF('Standard Profiles'!$G$18=$B$24,21,0),0)),0)</f>
        <v>8.8896762783626269</v>
      </c>
      <c r="E559" cm="1">
        <f t="array" ref="E559">IFERROR(INDEX(Jesper!AI$2:AI$366,ROUNDDOWN($C559/24,0)+1,1)*INDEX($D$3:$AA$30,INDEX(Jesper!$R$2:$R$366,ROW(INDEX(Jesper!AI$2:AI$366,ROUNDDOWN($C559/24,0)+1,1))-1)+IF('Standard Profiles'!$G$19=$B$10,7,0)+IF('Standard Profiles'!$G$19=$B$17,14,0)+IF('Standard Profiles'!$G$19=$B$24,21,0),MOD($C559,24)+1)/SUM(INDEX($D$3:$AA$30,INDEX(Jesper!$R$2:$R$366,ROW(INDEX(Jesper!AI$2:AI$366,ROUNDDOWN($C559/24,0)+1,1))-1)+IF('Standard Profiles'!$G$19=$B$10,7,0)+IF('Standard Profiles'!$G$19=$B$17,14,0)+IF('Standard Profiles'!$G$19=$B$24,21,0),0)),0)</f>
        <v>0</v>
      </c>
      <c r="F559" cm="1">
        <f t="array" ref="F559">IFERROR(INDEX(Jesper!AJ$2:AJ$366,ROUNDDOWN($C559/24,0)+1,1)*INDEX($D$3:$AA$30,INDEX(Jesper!$R$2:$R$366,ROW(INDEX(Jesper!AJ$2:AJ$366,ROUNDDOWN($C559/24,0)+1,1))-1)+IF('Standard Profiles'!$G$20=$B$10,7,0)+IF('Standard Profiles'!$G$20=$B$17,14,0)+IF('Standard Profiles'!$G$20=$B$24,21,0),MOD($C559,24)+1)/SUM(INDEX($D$3:$AA$30,INDEX(Jesper!$R$2:$R$366,ROW(INDEX(Jesper!AJ$2:AJ$366,ROUNDDOWN($C559/24,0)+1,1))-1)+IF('Standard Profiles'!$G$20=$B$10,7,0)+IF('Standard Profiles'!$G$20=$B$17,14,0)+IF('Standard Profiles'!$G$20=$B$24,21,0),0)),0)</f>
        <v>0</v>
      </c>
      <c r="G559" cm="1">
        <f t="array" ref="G559">IFERROR(INDEX(Jesper!AK$2:AK$366,ROUNDDOWN($C559/24,0)+1,1)*INDEX($D$3:$AA$30,INDEX(Jesper!$R$2:$R$366,ROW(INDEX(Jesper!AK$2:AK$366,ROUNDDOWN($C559/24,0)+1,1))-1)+IF('Standard Profiles'!$G$21=$B$10,7,0)+IF('Standard Profiles'!$G$21=$B$17,14,0)+IF('Standard Profiles'!$G$21=$B$24,21,0),MOD($C559,24)+1)/SUM(INDEX($D$3:$AA$30,INDEX(Jesper!$R$2:$R$366,ROW(INDEX(Jesper!AK$2:AK$366,ROUNDDOWN($C559/24,0)+1,1))-1)+IF('Standard Profiles'!$G$21=$B$10,7,0)+IF('Standard Profiles'!$G$21=$B$17,14,0)+IF('Standard Profiles'!$G$21=$B$24,21,0),0)),0)</f>
        <v>0</v>
      </c>
      <c r="H559" cm="1">
        <f t="array" ref="H559">IFERROR(INDEX(Jesper!AL$2:AL$366,ROUNDDOWN($C559/24,0)+1,1)*INDEX($D$3:$AA$30,INDEX(Jesper!$R$2:$R$366,ROW(INDEX(Jesper!AL$2:AL$366,ROUNDDOWN($C559/24,0)+1,1))-1)+IF('Standard Profiles'!$G$22=$B$10,7,0)+IF('Standard Profiles'!$G$22=$B$17,14,0)+IF('Standard Profiles'!$G$22=$B$24,21,0),MOD($C559,24)+1)/SUM(INDEX($D$3:$AA$30,INDEX(Jesper!$R$2:$R$366,ROW(INDEX(Jesper!AL$2:AL$366,ROUNDDOWN($C559/24,0)+1,1))-1)+IF('Standard Profiles'!$G$22=$B$10,7,0)+IF('Standard Profiles'!$G$22=$B$17,14,0)+IF('Standard Profiles'!$G$22=$B$24,21,0),0)),0)</f>
        <v>0</v>
      </c>
      <c r="I559">
        <f t="shared" si="76"/>
        <v>0.26669028835087882</v>
      </c>
      <c r="J559">
        <f t="shared" si="77"/>
        <v>0.88896762783626271</v>
      </c>
      <c r="K559">
        <f t="shared" si="78"/>
        <v>1.3334514417543939</v>
      </c>
      <c r="L559">
        <f t="shared" si="79"/>
        <v>6.4005669204210909</v>
      </c>
      <c r="M559">
        <f t="shared" si="80"/>
        <v>0</v>
      </c>
      <c r="N559" s="46">
        <f t="shared" si="81"/>
        <v>45313.874999998727</v>
      </c>
    </row>
    <row r="560" spans="2:14" x14ac:dyDescent="0.3">
      <c r="B560">
        <f t="shared" si="75"/>
        <v>1</v>
      </c>
      <c r="C560" s="16">
        <v>526</v>
      </c>
      <c r="D560" cm="1">
        <f t="array" ref="D560">IFERROR(INDEX(Jesper!AH$2:AH$366,ROUNDDOWN($C560/24,0)+1,1)*INDEX($D$3:$AA$30,INDEX(Jesper!$R$2:$R$366,ROW(INDEX(Jesper!AH$2:AH$366,ROUNDDOWN($C560/24,0)+1,1))-1)+IF('Standard Profiles'!$G$18=$B$10,7,0)+IF('Standard Profiles'!$G$18=$B$17,14,0)+IF('Standard Profiles'!$G$18=$B$24,21,0),MOD($C560,24)+1)/SUM(INDEX($D$3:$AA$30,INDEX(Jesper!$R$2:$R$366,ROW(INDEX(Jesper!AH$2:AH$366,ROUNDDOWN($C560/24,0)+1,1))-1)+IF('Standard Profiles'!$G$18=$B$10,7,0)+IF('Standard Profiles'!$G$18=$B$17,14,0)+IF('Standard Profiles'!$G$18=$B$24,21,0),0)),0)</f>
        <v>8.445192464444494</v>
      </c>
      <c r="E560" cm="1">
        <f t="array" ref="E560">IFERROR(INDEX(Jesper!AI$2:AI$366,ROUNDDOWN($C560/24,0)+1,1)*INDEX($D$3:$AA$30,INDEX(Jesper!$R$2:$R$366,ROW(INDEX(Jesper!AI$2:AI$366,ROUNDDOWN($C560/24,0)+1,1))-1)+IF('Standard Profiles'!$G$19=$B$10,7,0)+IF('Standard Profiles'!$G$19=$B$17,14,0)+IF('Standard Profiles'!$G$19=$B$24,21,0),MOD($C560,24)+1)/SUM(INDEX($D$3:$AA$30,INDEX(Jesper!$R$2:$R$366,ROW(INDEX(Jesper!AI$2:AI$366,ROUNDDOWN($C560/24,0)+1,1))-1)+IF('Standard Profiles'!$G$19=$B$10,7,0)+IF('Standard Profiles'!$G$19=$B$17,14,0)+IF('Standard Profiles'!$G$19=$B$24,21,0),0)),0)</f>
        <v>0</v>
      </c>
      <c r="F560" cm="1">
        <f t="array" ref="F560">IFERROR(INDEX(Jesper!AJ$2:AJ$366,ROUNDDOWN($C560/24,0)+1,1)*INDEX($D$3:$AA$30,INDEX(Jesper!$R$2:$R$366,ROW(INDEX(Jesper!AJ$2:AJ$366,ROUNDDOWN($C560/24,0)+1,1))-1)+IF('Standard Profiles'!$G$20=$B$10,7,0)+IF('Standard Profiles'!$G$20=$B$17,14,0)+IF('Standard Profiles'!$G$20=$B$24,21,0),MOD($C560,24)+1)/SUM(INDEX($D$3:$AA$30,INDEX(Jesper!$R$2:$R$366,ROW(INDEX(Jesper!AJ$2:AJ$366,ROUNDDOWN($C560/24,0)+1,1))-1)+IF('Standard Profiles'!$G$20=$B$10,7,0)+IF('Standard Profiles'!$G$20=$B$17,14,0)+IF('Standard Profiles'!$G$20=$B$24,21,0),0)),0)</f>
        <v>0</v>
      </c>
      <c r="G560" cm="1">
        <f t="array" ref="G560">IFERROR(INDEX(Jesper!AK$2:AK$366,ROUNDDOWN($C560/24,0)+1,1)*INDEX($D$3:$AA$30,INDEX(Jesper!$R$2:$R$366,ROW(INDEX(Jesper!AK$2:AK$366,ROUNDDOWN($C560/24,0)+1,1))-1)+IF('Standard Profiles'!$G$21=$B$10,7,0)+IF('Standard Profiles'!$G$21=$B$17,14,0)+IF('Standard Profiles'!$G$21=$B$24,21,0),MOD($C560,24)+1)/SUM(INDEX($D$3:$AA$30,INDEX(Jesper!$R$2:$R$366,ROW(INDEX(Jesper!AK$2:AK$366,ROUNDDOWN($C560/24,0)+1,1))-1)+IF('Standard Profiles'!$G$21=$B$10,7,0)+IF('Standard Profiles'!$G$21=$B$17,14,0)+IF('Standard Profiles'!$G$21=$B$24,21,0),0)),0)</f>
        <v>0</v>
      </c>
      <c r="H560" cm="1">
        <f t="array" ref="H560">IFERROR(INDEX(Jesper!AL$2:AL$366,ROUNDDOWN($C560/24,0)+1,1)*INDEX($D$3:$AA$30,INDEX(Jesper!$R$2:$R$366,ROW(INDEX(Jesper!AL$2:AL$366,ROUNDDOWN($C560/24,0)+1,1))-1)+IF('Standard Profiles'!$G$22=$B$10,7,0)+IF('Standard Profiles'!$G$22=$B$17,14,0)+IF('Standard Profiles'!$G$22=$B$24,21,0),MOD($C560,24)+1)/SUM(INDEX($D$3:$AA$30,INDEX(Jesper!$R$2:$R$366,ROW(INDEX(Jesper!AL$2:AL$366,ROUNDDOWN($C560/24,0)+1,1))-1)+IF('Standard Profiles'!$G$22=$B$10,7,0)+IF('Standard Profiles'!$G$22=$B$17,14,0)+IF('Standard Profiles'!$G$22=$B$24,21,0),0)),0)</f>
        <v>0</v>
      </c>
      <c r="I560">
        <f t="shared" si="76"/>
        <v>0.2533557739333348</v>
      </c>
      <c r="J560">
        <f t="shared" si="77"/>
        <v>0.84451924644444942</v>
      </c>
      <c r="K560">
        <f t="shared" si="78"/>
        <v>1.266778869666674</v>
      </c>
      <c r="L560">
        <f t="shared" si="79"/>
        <v>6.0805385744000358</v>
      </c>
      <c r="M560">
        <f t="shared" si="80"/>
        <v>0</v>
      </c>
      <c r="N560" s="46">
        <f t="shared" si="81"/>
        <v>45313.916666665391</v>
      </c>
    </row>
    <row r="561" spans="2:14" x14ac:dyDescent="0.3">
      <c r="B561">
        <f t="shared" si="75"/>
        <v>1</v>
      </c>
      <c r="C561" s="16">
        <v>527</v>
      </c>
      <c r="D561" cm="1">
        <f t="array" ref="D561">IFERROR(INDEX(Jesper!AH$2:AH$366,ROUNDDOWN($C561/24,0)+1,1)*INDEX($D$3:$AA$30,INDEX(Jesper!$R$2:$R$366,ROW(INDEX(Jesper!AH$2:AH$366,ROUNDDOWN($C561/24,0)+1,1))-1)+IF('Standard Profiles'!$G$18=$B$10,7,0)+IF('Standard Profiles'!$G$18=$B$17,14,0)+IF('Standard Profiles'!$G$18=$B$24,21,0),MOD($C561,24)+1)/SUM(INDEX($D$3:$AA$30,INDEX(Jesper!$R$2:$R$366,ROW(INDEX(Jesper!AH$2:AH$366,ROUNDDOWN($C561/24,0)+1,1))-1)+IF('Standard Profiles'!$G$18=$B$10,7,0)+IF('Standard Profiles'!$G$18=$B$17,14,0)+IF('Standard Profiles'!$G$18=$B$24,21,0),0)),0)</f>
        <v>8.445192464444494</v>
      </c>
      <c r="E561" cm="1">
        <f t="array" ref="E561">IFERROR(INDEX(Jesper!AI$2:AI$366,ROUNDDOWN($C561/24,0)+1,1)*INDEX($D$3:$AA$30,INDEX(Jesper!$R$2:$R$366,ROW(INDEX(Jesper!AI$2:AI$366,ROUNDDOWN($C561/24,0)+1,1))-1)+IF('Standard Profiles'!$G$19=$B$10,7,0)+IF('Standard Profiles'!$G$19=$B$17,14,0)+IF('Standard Profiles'!$G$19=$B$24,21,0),MOD($C561,24)+1)/SUM(INDEX($D$3:$AA$30,INDEX(Jesper!$R$2:$R$366,ROW(INDEX(Jesper!AI$2:AI$366,ROUNDDOWN($C561/24,0)+1,1))-1)+IF('Standard Profiles'!$G$19=$B$10,7,0)+IF('Standard Profiles'!$G$19=$B$17,14,0)+IF('Standard Profiles'!$G$19=$B$24,21,0),0)),0)</f>
        <v>0</v>
      </c>
      <c r="F561" cm="1">
        <f t="array" ref="F561">IFERROR(INDEX(Jesper!AJ$2:AJ$366,ROUNDDOWN($C561/24,0)+1,1)*INDEX($D$3:$AA$30,INDEX(Jesper!$R$2:$R$366,ROW(INDEX(Jesper!AJ$2:AJ$366,ROUNDDOWN($C561/24,0)+1,1))-1)+IF('Standard Profiles'!$G$20=$B$10,7,0)+IF('Standard Profiles'!$G$20=$B$17,14,0)+IF('Standard Profiles'!$G$20=$B$24,21,0),MOD($C561,24)+1)/SUM(INDEX($D$3:$AA$30,INDEX(Jesper!$R$2:$R$366,ROW(INDEX(Jesper!AJ$2:AJ$366,ROUNDDOWN($C561/24,0)+1,1))-1)+IF('Standard Profiles'!$G$20=$B$10,7,0)+IF('Standard Profiles'!$G$20=$B$17,14,0)+IF('Standard Profiles'!$G$20=$B$24,21,0),0)),0)</f>
        <v>0</v>
      </c>
      <c r="G561" cm="1">
        <f t="array" ref="G561">IFERROR(INDEX(Jesper!AK$2:AK$366,ROUNDDOWN($C561/24,0)+1,1)*INDEX($D$3:$AA$30,INDEX(Jesper!$R$2:$R$366,ROW(INDEX(Jesper!AK$2:AK$366,ROUNDDOWN($C561/24,0)+1,1))-1)+IF('Standard Profiles'!$G$21=$B$10,7,0)+IF('Standard Profiles'!$G$21=$B$17,14,0)+IF('Standard Profiles'!$G$21=$B$24,21,0),MOD($C561,24)+1)/SUM(INDEX($D$3:$AA$30,INDEX(Jesper!$R$2:$R$366,ROW(INDEX(Jesper!AK$2:AK$366,ROUNDDOWN($C561/24,0)+1,1))-1)+IF('Standard Profiles'!$G$21=$B$10,7,0)+IF('Standard Profiles'!$G$21=$B$17,14,0)+IF('Standard Profiles'!$G$21=$B$24,21,0),0)),0)</f>
        <v>0</v>
      </c>
      <c r="H561" cm="1">
        <f t="array" ref="H561">IFERROR(INDEX(Jesper!AL$2:AL$366,ROUNDDOWN($C561/24,0)+1,1)*INDEX($D$3:$AA$30,INDEX(Jesper!$R$2:$R$366,ROW(INDEX(Jesper!AL$2:AL$366,ROUNDDOWN($C561/24,0)+1,1))-1)+IF('Standard Profiles'!$G$22=$B$10,7,0)+IF('Standard Profiles'!$G$22=$B$17,14,0)+IF('Standard Profiles'!$G$22=$B$24,21,0),MOD($C561,24)+1)/SUM(INDEX($D$3:$AA$30,INDEX(Jesper!$R$2:$R$366,ROW(INDEX(Jesper!AL$2:AL$366,ROUNDDOWN($C561/24,0)+1,1))-1)+IF('Standard Profiles'!$G$22=$B$10,7,0)+IF('Standard Profiles'!$G$22=$B$17,14,0)+IF('Standard Profiles'!$G$22=$B$24,21,0),0)),0)</f>
        <v>0</v>
      </c>
      <c r="I561">
        <f t="shared" si="76"/>
        <v>0.2533557739333348</v>
      </c>
      <c r="J561">
        <f t="shared" si="77"/>
        <v>0.84451924644444942</v>
      </c>
      <c r="K561">
        <f t="shared" si="78"/>
        <v>1.266778869666674</v>
      </c>
      <c r="L561">
        <f t="shared" si="79"/>
        <v>6.0805385744000358</v>
      </c>
      <c r="M561">
        <f t="shared" si="80"/>
        <v>0</v>
      </c>
      <c r="N561" s="46">
        <f t="shared" si="81"/>
        <v>45313.958333332055</v>
      </c>
    </row>
    <row r="562" spans="2:14" x14ac:dyDescent="0.3">
      <c r="B562">
        <f t="shared" si="75"/>
        <v>2</v>
      </c>
      <c r="C562" s="16">
        <v>528</v>
      </c>
      <c r="D562" cm="1">
        <f t="array" ref="D562">IFERROR(INDEX(Jesper!AH$2:AH$366,ROUNDDOWN($C562/24,0)+1,1)*INDEX($D$3:$AA$30,INDEX(Jesper!$R$2:$R$366,ROW(INDEX(Jesper!AH$2:AH$366,ROUNDDOWN($C562/24,0)+1,1))-1)+IF('Standard Profiles'!$G$18=$B$10,7,0)+IF('Standard Profiles'!$G$18=$B$17,14,0)+IF('Standard Profiles'!$G$18=$B$24,21,0),MOD($C562,24)+1)/SUM(INDEX($D$3:$AA$30,INDEX(Jesper!$R$2:$R$366,ROW(INDEX(Jesper!AH$2:AH$366,ROUNDDOWN($C562/24,0)+1,1))-1)+IF('Standard Profiles'!$G$18=$B$10,7,0)+IF('Standard Profiles'!$G$18=$B$17,14,0)+IF('Standard Profiles'!$G$18=$B$24,21,0),0)),0)</f>
        <v>7.5427405638812592</v>
      </c>
      <c r="E562" cm="1">
        <f t="array" ref="E562">IFERROR(INDEX(Jesper!AI$2:AI$366,ROUNDDOWN($C562/24,0)+1,1)*INDEX($D$3:$AA$30,INDEX(Jesper!$R$2:$R$366,ROW(INDEX(Jesper!AI$2:AI$366,ROUNDDOWN($C562/24,0)+1,1))-1)+IF('Standard Profiles'!$G$19=$B$10,7,0)+IF('Standard Profiles'!$G$19=$B$17,14,0)+IF('Standard Profiles'!$G$19=$B$24,21,0),MOD($C562,24)+1)/SUM(INDEX($D$3:$AA$30,INDEX(Jesper!$R$2:$R$366,ROW(INDEX(Jesper!AI$2:AI$366,ROUNDDOWN($C562/24,0)+1,1))-1)+IF('Standard Profiles'!$G$19=$B$10,7,0)+IF('Standard Profiles'!$G$19=$B$17,14,0)+IF('Standard Profiles'!$G$19=$B$24,21,0),0)),0)</f>
        <v>0</v>
      </c>
      <c r="F562" cm="1">
        <f t="array" ref="F562">IFERROR(INDEX(Jesper!AJ$2:AJ$366,ROUNDDOWN($C562/24,0)+1,1)*INDEX($D$3:$AA$30,INDEX(Jesper!$R$2:$R$366,ROW(INDEX(Jesper!AJ$2:AJ$366,ROUNDDOWN($C562/24,0)+1,1))-1)+IF('Standard Profiles'!$G$20=$B$10,7,0)+IF('Standard Profiles'!$G$20=$B$17,14,0)+IF('Standard Profiles'!$G$20=$B$24,21,0),MOD($C562,24)+1)/SUM(INDEX($D$3:$AA$30,INDEX(Jesper!$R$2:$R$366,ROW(INDEX(Jesper!AJ$2:AJ$366,ROUNDDOWN($C562/24,0)+1,1))-1)+IF('Standard Profiles'!$G$20=$B$10,7,0)+IF('Standard Profiles'!$G$20=$B$17,14,0)+IF('Standard Profiles'!$G$20=$B$24,21,0),0)),0)</f>
        <v>0</v>
      </c>
      <c r="G562" cm="1">
        <f t="array" ref="G562">IFERROR(INDEX(Jesper!AK$2:AK$366,ROUNDDOWN($C562/24,0)+1,1)*INDEX($D$3:$AA$30,INDEX(Jesper!$R$2:$R$366,ROW(INDEX(Jesper!AK$2:AK$366,ROUNDDOWN($C562/24,0)+1,1))-1)+IF('Standard Profiles'!$G$21=$B$10,7,0)+IF('Standard Profiles'!$G$21=$B$17,14,0)+IF('Standard Profiles'!$G$21=$B$24,21,0),MOD($C562,24)+1)/SUM(INDEX($D$3:$AA$30,INDEX(Jesper!$R$2:$R$366,ROW(INDEX(Jesper!AK$2:AK$366,ROUNDDOWN($C562/24,0)+1,1))-1)+IF('Standard Profiles'!$G$21=$B$10,7,0)+IF('Standard Profiles'!$G$21=$B$17,14,0)+IF('Standard Profiles'!$G$21=$B$24,21,0),0)),0)</f>
        <v>0</v>
      </c>
      <c r="H562" cm="1">
        <f t="array" ref="H562">IFERROR(INDEX(Jesper!AL$2:AL$366,ROUNDDOWN($C562/24,0)+1,1)*INDEX($D$3:$AA$30,INDEX(Jesper!$R$2:$R$366,ROW(INDEX(Jesper!AL$2:AL$366,ROUNDDOWN($C562/24,0)+1,1))-1)+IF('Standard Profiles'!$G$22=$B$10,7,0)+IF('Standard Profiles'!$G$22=$B$17,14,0)+IF('Standard Profiles'!$G$22=$B$24,21,0),MOD($C562,24)+1)/SUM(INDEX($D$3:$AA$30,INDEX(Jesper!$R$2:$R$366,ROW(INDEX(Jesper!AL$2:AL$366,ROUNDDOWN($C562/24,0)+1,1))-1)+IF('Standard Profiles'!$G$22=$B$10,7,0)+IF('Standard Profiles'!$G$22=$B$17,14,0)+IF('Standard Profiles'!$G$22=$B$24,21,0),0)),0)</f>
        <v>0</v>
      </c>
      <c r="I562">
        <f t="shared" si="76"/>
        <v>0.22628221691643777</v>
      </c>
      <c r="J562">
        <f t="shared" si="77"/>
        <v>0.75427405638812595</v>
      </c>
      <c r="K562">
        <f t="shared" si="78"/>
        <v>1.1314110845821888</v>
      </c>
      <c r="L562">
        <f t="shared" si="79"/>
        <v>5.4307732059945062</v>
      </c>
      <c r="M562">
        <f t="shared" si="80"/>
        <v>0</v>
      </c>
      <c r="N562" s="46">
        <f t="shared" si="81"/>
        <v>45313.999999998719</v>
      </c>
    </row>
    <row r="563" spans="2:14" x14ac:dyDescent="0.3">
      <c r="B563">
        <f t="shared" si="75"/>
        <v>2</v>
      </c>
      <c r="C563" s="16">
        <v>529</v>
      </c>
      <c r="D563" cm="1">
        <f t="array" ref="D563">IFERROR(INDEX(Jesper!AH$2:AH$366,ROUNDDOWN($C563/24,0)+1,1)*INDEX($D$3:$AA$30,INDEX(Jesper!$R$2:$R$366,ROW(INDEX(Jesper!AH$2:AH$366,ROUNDDOWN($C563/24,0)+1,1))-1)+IF('Standard Profiles'!$G$18=$B$10,7,0)+IF('Standard Profiles'!$G$18=$B$17,14,0)+IF('Standard Profiles'!$G$18=$B$24,21,0),MOD($C563,24)+1)/SUM(INDEX($D$3:$AA$30,INDEX(Jesper!$R$2:$R$366,ROW(INDEX(Jesper!AH$2:AH$366,ROUNDDOWN($C563/24,0)+1,1))-1)+IF('Standard Profiles'!$G$18=$B$10,7,0)+IF('Standard Profiles'!$G$18=$B$17,14,0)+IF('Standard Profiles'!$G$18=$B$24,21,0),0)),0)</f>
        <v>7.5427405638812592</v>
      </c>
      <c r="E563" cm="1">
        <f t="array" ref="E563">IFERROR(INDEX(Jesper!AI$2:AI$366,ROUNDDOWN($C563/24,0)+1,1)*INDEX($D$3:$AA$30,INDEX(Jesper!$R$2:$R$366,ROW(INDEX(Jesper!AI$2:AI$366,ROUNDDOWN($C563/24,0)+1,1))-1)+IF('Standard Profiles'!$G$19=$B$10,7,0)+IF('Standard Profiles'!$G$19=$B$17,14,0)+IF('Standard Profiles'!$G$19=$B$24,21,0),MOD($C563,24)+1)/SUM(INDEX($D$3:$AA$30,INDEX(Jesper!$R$2:$R$366,ROW(INDEX(Jesper!AI$2:AI$366,ROUNDDOWN($C563/24,0)+1,1))-1)+IF('Standard Profiles'!$G$19=$B$10,7,0)+IF('Standard Profiles'!$G$19=$B$17,14,0)+IF('Standard Profiles'!$G$19=$B$24,21,0),0)),0)</f>
        <v>0</v>
      </c>
      <c r="F563" cm="1">
        <f t="array" ref="F563">IFERROR(INDEX(Jesper!AJ$2:AJ$366,ROUNDDOWN($C563/24,0)+1,1)*INDEX($D$3:$AA$30,INDEX(Jesper!$R$2:$R$366,ROW(INDEX(Jesper!AJ$2:AJ$366,ROUNDDOWN($C563/24,0)+1,1))-1)+IF('Standard Profiles'!$G$20=$B$10,7,0)+IF('Standard Profiles'!$G$20=$B$17,14,0)+IF('Standard Profiles'!$G$20=$B$24,21,0),MOD($C563,24)+1)/SUM(INDEX($D$3:$AA$30,INDEX(Jesper!$R$2:$R$366,ROW(INDEX(Jesper!AJ$2:AJ$366,ROUNDDOWN($C563/24,0)+1,1))-1)+IF('Standard Profiles'!$G$20=$B$10,7,0)+IF('Standard Profiles'!$G$20=$B$17,14,0)+IF('Standard Profiles'!$G$20=$B$24,21,0),0)),0)</f>
        <v>0</v>
      </c>
      <c r="G563" cm="1">
        <f t="array" ref="G563">IFERROR(INDEX(Jesper!AK$2:AK$366,ROUNDDOWN($C563/24,0)+1,1)*INDEX($D$3:$AA$30,INDEX(Jesper!$R$2:$R$366,ROW(INDEX(Jesper!AK$2:AK$366,ROUNDDOWN($C563/24,0)+1,1))-1)+IF('Standard Profiles'!$G$21=$B$10,7,0)+IF('Standard Profiles'!$G$21=$B$17,14,0)+IF('Standard Profiles'!$G$21=$B$24,21,0),MOD($C563,24)+1)/SUM(INDEX($D$3:$AA$30,INDEX(Jesper!$R$2:$R$366,ROW(INDEX(Jesper!AK$2:AK$366,ROUNDDOWN($C563/24,0)+1,1))-1)+IF('Standard Profiles'!$G$21=$B$10,7,0)+IF('Standard Profiles'!$G$21=$B$17,14,0)+IF('Standard Profiles'!$G$21=$B$24,21,0),0)),0)</f>
        <v>0</v>
      </c>
      <c r="H563" cm="1">
        <f t="array" ref="H563">IFERROR(INDEX(Jesper!AL$2:AL$366,ROUNDDOWN($C563/24,0)+1,1)*INDEX($D$3:$AA$30,INDEX(Jesper!$R$2:$R$366,ROW(INDEX(Jesper!AL$2:AL$366,ROUNDDOWN($C563/24,0)+1,1))-1)+IF('Standard Profiles'!$G$22=$B$10,7,0)+IF('Standard Profiles'!$G$22=$B$17,14,0)+IF('Standard Profiles'!$G$22=$B$24,21,0),MOD($C563,24)+1)/SUM(INDEX($D$3:$AA$30,INDEX(Jesper!$R$2:$R$366,ROW(INDEX(Jesper!AL$2:AL$366,ROUNDDOWN($C563/24,0)+1,1))-1)+IF('Standard Profiles'!$G$22=$B$10,7,0)+IF('Standard Profiles'!$G$22=$B$17,14,0)+IF('Standard Profiles'!$G$22=$B$24,21,0),0)),0)</f>
        <v>0</v>
      </c>
      <c r="I563">
        <f t="shared" si="76"/>
        <v>0.22628221691643777</v>
      </c>
      <c r="J563">
        <f t="shared" si="77"/>
        <v>0.75427405638812595</v>
      </c>
      <c r="K563">
        <f t="shared" si="78"/>
        <v>1.1314110845821888</v>
      </c>
      <c r="L563">
        <f t="shared" si="79"/>
        <v>5.4307732059945062</v>
      </c>
      <c r="M563">
        <f t="shared" si="80"/>
        <v>0</v>
      </c>
      <c r="N563" s="46">
        <f t="shared" si="81"/>
        <v>45314.041666665384</v>
      </c>
    </row>
    <row r="564" spans="2:14" x14ac:dyDescent="0.3">
      <c r="B564">
        <f t="shared" si="75"/>
        <v>2</v>
      </c>
      <c r="C564" s="16">
        <v>530</v>
      </c>
      <c r="D564" cm="1">
        <f t="array" ref="D564">IFERROR(INDEX(Jesper!AH$2:AH$366,ROUNDDOWN($C564/24,0)+1,1)*INDEX($D$3:$AA$30,INDEX(Jesper!$R$2:$R$366,ROW(INDEX(Jesper!AH$2:AH$366,ROUNDDOWN($C564/24,0)+1,1))-1)+IF('Standard Profiles'!$G$18=$B$10,7,0)+IF('Standard Profiles'!$G$18=$B$17,14,0)+IF('Standard Profiles'!$G$18=$B$24,21,0),MOD($C564,24)+1)/SUM(INDEX($D$3:$AA$30,INDEX(Jesper!$R$2:$R$366,ROW(INDEX(Jesper!AH$2:AH$366,ROUNDDOWN($C564/24,0)+1,1))-1)+IF('Standard Profiles'!$G$18=$B$10,7,0)+IF('Standard Profiles'!$G$18=$B$17,14,0)+IF('Standard Profiles'!$G$18=$B$24,21,0),0)),0)</f>
        <v>7.5427405638812592</v>
      </c>
      <c r="E564" cm="1">
        <f t="array" ref="E564">IFERROR(INDEX(Jesper!AI$2:AI$366,ROUNDDOWN($C564/24,0)+1,1)*INDEX($D$3:$AA$30,INDEX(Jesper!$R$2:$R$366,ROW(INDEX(Jesper!AI$2:AI$366,ROUNDDOWN($C564/24,0)+1,1))-1)+IF('Standard Profiles'!$G$19=$B$10,7,0)+IF('Standard Profiles'!$G$19=$B$17,14,0)+IF('Standard Profiles'!$G$19=$B$24,21,0),MOD($C564,24)+1)/SUM(INDEX($D$3:$AA$30,INDEX(Jesper!$R$2:$R$366,ROW(INDEX(Jesper!AI$2:AI$366,ROUNDDOWN($C564/24,0)+1,1))-1)+IF('Standard Profiles'!$G$19=$B$10,7,0)+IF('Standard Profiles'!$G$19=$B$17,14,0)+IF('Standard Profiles'!$G$19=$B$24,21,0),0)),0)</f>
        <v>0</v>
      </c>
      <c r="F564" cm="1">
        <f t="array" ref="F564">IFERROR(INDEX(Jesper!AJ$2:AJ$366,ROUNDDOWN($C564/24,0)+1,1)*INDEX($D$3:$AA$30,INDEX(Jesper!$R$2:$R$366,ROW(INDEX(Jesper!AJ$2:AJ$366,ROUNDDOWN($C564/24,0)+1,1))-1)+IF('Standard Profiles'!$G$20=$B$10,7,0)+IF('Standard Profiles'!$G$20=$B$17,14,0)+IF('Standard Profiles'!$G$20=$B$24,21,0),MOD($C564,24)+1)/SUM(INDEX($D$3:$AA$30,INDEX(Jesper!$R$2:$R$366,ROW(INDEX(Jesper!AJ$2:AJ$366,ROUNDDOWN($C564/24,0)+1,1))-1)+IF('Standard Profiles'!$G$20=$B$10,7,0)+IF('Standard Profiles'!$G$20=$B$17,14,0)+IF('Standard Profiles'!$G$20=$B$24,21,0),0)),0)</f>
        <v>0</v>
      </c>
      <c r="G564" cm="1">
        <f t="array" ref="G564">IFERROR(INDEX(Jesper!AK$2:AK$366,ROUNDDOWN($C564/24,0)+1,1)*INDEX($D$3:$AA$30,INDEX(Jesper!$R$2:$R$366,ROW(INDEX(Jesper!AK$2:AK$366,ROUNDDOWN($C564/24,0)+1,1))-1)+IF('Standard Profiles'!$G$21=$B$10,7,0)+IF('Standard Profiles'!$G$21=$B$17,14,0)+IF('Standard Profiles'!$G$21=$B$24,21,0),MOD($C564,24)+1)/SUM(INDEX($D$3:$AA$30,INDEX(Jesper!$R$2:$R$366,ROW(INDEX(Jesper!AK$2:AK$366,ROUNDDOWN($C564/24,0)+1,1))-1)+IF('Standard Profiles'!$G$21=$B$10,7,0)+IF('Standard Profiles'!$G$21=$B$17,14,0)+IF('Standard Profiles'!$G$21=$B$24,21,0),0)),0)</f>
        <v>0</v>
      </c>
      <c r="H564" cm="1">
        <f t="array" ref="H564">IFERROR(INDEX(Jesper!AL$2:AL$366,ROUNDDOWN($C564/24,0)+1,1)*INDEX($D$3:$AA$30,INDEX(Jesper!$R$2:$R$366,ROW(INDEX(Jesper!AL$2:AL$366,ROUNDDOWN($C564/24,0)+1,1))-1)+IF('Standard Profiles'!$G$22=$B$10,7,0)+IF('Standard Profiles'!$G$22=$B$17,14,0)+IF('Standard Profiles'!$G$22=$B$24,21,0),MOD($C564,24)+1)/SUM(INDEX($D$3:$AA$30,INDEX(Jesper!$R$2:$R$366,ROW(INDEX(Jesper!AL$2:AL$366,ROUNDDOWN($C564/24,0)+1,1))-1)+IF('Standard Profiles'!$G$22=$B$10,7,0)+IF('Standard Profiles'!$G$22=$B$17,14,0)+IF('Standard Profiles'!$G$22=$B$24,21,0),0)),0)</f>
        <v>0</v>
      </c>
      <c r="I564">
        <f t="shared" si="76"/>
        <v>0.22628221691643777</v>
      </c>
      <c r="J564">
        <f t="shared" si="77"/>
        <v>0.75427405638812595</v>
      </c>
      <c r="K564">
        <f t="shared" si="78"/>
        <v>1.1314110845821888</v>
      </c>
      <c r="L564">
        <f t="shared" si="79"/>
        <v>5.4307732059945062</v>
      </c>
      <c r="M564">
        <f t="shared" si="80"/>
        <v>0</v>
      </c>
      <c r="N564" s="46">
        <f t="shared" si="81"/>
        <v>45314.083333332048</v>
      </c>
    </row>
    <row r="565" spans="2:14" x14ac:dyDescent="0.3">
      <c r="B565">
        <f t="shared" si="75"/>
        <v>2</v>
      </c>
      <c r="C565" s="16">
        <v>531</v>
      </c>
      <c r="D565" cm="1">
        <f t="array" ref="D565">IFERROR(INDEX(Jesper!AH$2:AH$366,ROUNDDOWN($C565/24,0)+1,1)*INDEX($D$3:$AA$30,INDEX(Jesper!$R$2:$R$366,ROW(INDEX(Jesper!AH$2:AH$366,ROUNDDOWN($C565/24,0)+1,1))-1)+IF('Standard Profiles'!$G$18=$B$10,7,0)+IF('Standard Profiles'!$G$18=$B$17,14,0)+IF('Standard Profiles'!$G$18=$B$24,21,0),MOD($C565,24)+1)/SUM(INDEX($D$3:$AA$30,INDEX(Jesper!$R$2:$R$366,ROW(INDEX(Jesper!AH$2:AH$366,ROUNDDOWN($C565/24,0)+1,1))-1)+IF('Standard Profiles'!$G$18=$B$10,7,0)+IF('Standard Profiles'!$G$18=$B$17,14,0)+IF('Standard Profiles'!$G$18=$B$24,21,0),0)),0)</f>
        <v>7.5427405638812592</v>
      </c>
      <c r="E565" cm="1">
        <f t="array" ref="E565">IFERROR(INDEX(Jesper!AI$2:AI$366,ROUNDDOWN($C565/24,0)+1,1)*INDEX($D$3:$AA$30,INDEX(Jesper!$R$2:$R$366,ROW(INDEX(Jesper!AI$2:AI$366,ROUNDDOWN($C565/24,0)+1,1))-1)+IF('Standard Profiles'!$G$19=$B$10,7,0)+IF('Standard Profiles'!$G$19=$B$17,14,0)+IF('Standard Profiles'!$G$19=$B$24,21,0),MOD($C565,24)+1)/SUM(INDEX($D$3:$AA$30,INDEX(Jesper!$R$2:$R$366,ROW(INDEX(Jesper!AI$2:AI$366,ROUNDDOWN($C565/24,0)+1,1))-1)+IF('Standard Profiles'!$G$19=$B$10,7,0)+IF('Standard Profiles'!$G$19=$B$17,14,0)+IF('Standard Profiles'!$G$19=$B$24,21,0),0)),0)</f>
        <v>0</v>
      </c>
      <c r="F565" cm="1">
        <f t="array" ref="F565">IFERROR(INDEX(Jesper!AJ$2:AJ$366,ROUNDDOWN($C565/24,0)+1,1)*INDEX($D$3:$AA$30,INDEX(Jesper!$R$2:$R$366,ROW(INDEX(Jesper!AJ$2:AJ$366,ROUNDDOWN($C565/24,0)+1,1))-1)+IF('Standard Profiles'!$G$20=$B$10,7,0)+IF('Standard Profiles'!$G$20=$B$17,14,0)+IF('Standard Profiles'!$G$20=$B$24,21,0),MOD($C565,24)+1)/SUM(INDEX($D$3:$AA$30,INDEX(Jesper!$R$2:$R$366,ROW(INDEX(Jesper!AJ$2:AJ$366,ROUNDDOWN($C565/24,0)+1,1))-1)+IF('Standard Profiles'!$G$20=$B$10,7,0)+IF('Standard Profiles'!$G$20=$B$17,14,0)+IF('Standard Profiles'!$G$20=$B$24,21,0),0)),0)</f>
        <v>0</v>
      </c>
      <c r="G565" cm="1">
        <f t="array" ref="G565">IFERROR(INDEX(Jesper!AK$2:AK$366,ROUNDDOWN($C565/24,0)+1,1)*INDEX($D$3:$AA$30,INDEX(Jesper!$R$2:$R$366,ROW(INDEX(Jesper!AK$2:AK$366,ROUNDDOWN($C565/24,0)+1,1))-1)+IF('Standard Profiles'!$G$21=$B$10,7,0)+IF('Standard Profiles'!$G$21=$B$17,14,0)+IF('Standard Profiles'!$G$21=$B$24,21,0),MOD($C565,24)+1)/SUM(INDEX($D$3:$AA$30,INDEX(Jesper!$R$2:$R$366,ROW(INDEX(Jesper!AK$2:AK$366,ROUNDDOWN($C565/24,0)+1,1))-1)+IF('Standard Profiles'!$G$21=$B$10,7,0)+IF('Standard Profiles'!$G$21=$B$17,14,0)+IF('Standard Profiles'!$G$21=$B$24,21,0),0)),0)</f>
        <v>0</v>
      </c>
      <c r="H565" cm="1">
        <f t="array" ref="H565">IFERROR(INDEX(Jesper!AL$2:AL$366,ROUNDDOWN($C565/24,0)+1,1)*INDEX($D$3:$AA$30,INDEX(Jesper!$R$2:$R$366,ROW(INDEX(Jesper!AL$2:AL$366,ROUNDDOWN($C565/24,0)+1,1))-1)+IF('Standard Profiles'!$G$22=$B$10,7,0)+IF('Standard Profiles'!$G$22=$B$17,14,0)+IF('Standard Profiles'!$G$22=$B$24,21,0),MOD($C565,24)+1)/SUM(INDEX($D$3:$AA$30,INDEX(Jesper!$R$2:$R$366,ROW(INDEX(Jesper!AL$2:AL$366,ROUNDDOWN($C565/24,0)+1,1))-1)+IF('Standard Profiles'!$G$22=$B$10,7,0)+IF('Standard Profiles'!$G$22=$B$17,14,0)+IF('Standard Profiles'!$G$22=$B$24,21,0),0)),0)</f>
        <v>0</v>
      </c>
      <c r="I565">
        <f t="shared" si="76"/>
        <v>0.22628221691643777</v>
      </c>
      <c r="J565">
        <f t="shared" si="77"/>
        <v>0.75427405638812595</v>
      </c>
      <c r="K565">
        <f t="shared" si="78"/>
        <v>1.1314110845821888</v>
      </c>
      <c r="L565">
        <f t="shared" si="79"/>
        <v>5.4307732059945062</v>
      </c>
      <c r="M565">
        <f t="shared" si="80"/>
        <v>0</v>
      </c>
      <c r="N565" s="46">
        <f t="shared" si="81"/>
        <v>45314.124999998712</v>
      </c>
    </row>
    <row r="566" spans="2:14" x14ac:dyDescent="0.3">
      <c r="B566">
        <f t="shared" si="75"/>
        <v>2</v>
      </c>
      <c r="C566" s="16">
        <v>532</v>
      </c>
      <c r="D566" cm="1">
        <f t="array" ref="D566">IFERROR(INDEX(Jesper!AH$2:AH$366,ROUNDDOWN($C566/24,0)+1,1)*INDEX($D$3:$AA$30,INDEX(Jesper!$R$2:$R$366,ROW(INDEX(Jesper!AH$2:AH$366,ROUNDDOWN($C566/24,0)+1,1))-1)+IF('Standard Profiles'!$G$18=$B$10,7,0)+IF('Standard Profiles'!$G$18=$B$17,14,0)+IF('Standard Profiles'!$G$18=$B$24,21,0),MOD($C566,24)+1)/SUM(INDEX($D$3:$AA$30,INDEX(Jesper!$R$2:$R$366,ROW(INDEX(Jesper!AH$2:AH$366,ROUNDDOWN($C566/24,0)+1,1))-1)+IF('Standard Profiles'!$G$18=$B$10,7,0)+IF('Standard Profiles'!$G$18=$B$17,14,0)+IF('Standard Profiles'!$G$18=$B$24,21,0),0)),0)</f>
        <v>7.5427405638812592</v>
      </c>
      <c r="E566" cm="1">
        <f t="array" ref="E566">IFERROR(INDEX(Jesper!AI$2:AI$366,ROUNDDOWN($C566/24,0)+1,1)*INDEX($D$3:$AA$30,INDEX(Jesper!$R$2:$R$366,ROW(INDEX(Jesper!AI$2:AI$366,ROUNDDOWN($C566/24,0)+1,1))-1)+IF('Standard Profiles'!$G$19=$B$10,7,0)+IF('Standard Profiles'!$G$19=$B$17,14,0)+IF('Standard Profiles'!$G$19=$B$24,21,0),MOD($C566,24)+1)/SUM(INDEX($D$3:$AA$30,INDEX(Jesper!$R$2:$R$366,ROW(INDEX(Jesper!AI$2:AI$366,ROUNDDOWN($C566/24,0)+1,1))-1)+IF('Standard Profiles'!$G$19=$B$10,7,0)+IF('Standard Profiles'!$G$19=$B$17,14,0)+IF('Standard Profiles'!$G$19=$B$24,21,0),0)),0)</f>
        <v>0</v>
      </c>
      <c r="F566" cm="1">
        <f t="array" ref="F566">IFERROR(INDEX(Jesper!AJ$2:AJ$366,ROUNDDOWN($C566/24,0)+1,1)*INDEX($D$3:$AA$30,INDEX(Jesper!$R$2:$R$366,ROW(INDEX(Jesper!AJ$2:AJ$366,ROUNDDOWN($C566/24,0)+1,1))-1)+IF('Standard Profiles'!$G$20=$B$10,7,0)+IF('Standard Profiles'!$G$20=$B$17,14,0)+IF('Standard Profiles'!$G$20=$B$24,21,0),MOD($C566,24)+1)/SUM(INDEX($D$3:$AA$30,INDEX(Jesper!$R$2:$R$366,ROW(INDEX(Jesper!AJ$2:AJ$366,ROUNDDOWN($C566/24,0)+1,1))-1)+IF('Standard Profiles'!$G$20=$B$10,7,0)+IF('Standard Profiles'!$G$20=$B$17,14,0)+IF('Standard Profiles'!$G$20=$B$24,21,0),0)),0)</f>
        <v>0</v>
      </c>
      <c r="G566" cm="1">
        <f t="array" ref="G566">IFERROR(INDEX(Jesper!AK$2:AK$366,ROUNDDOWN($C566/24,0)+1,1)*INDEX($D$3:$AA$30,INDEX(Jesper!$R$2:$R$366,ROW(INDEX(Jesper!AK$2:AK$366,ROUNDDOWN($C566/24,0)+1,1))-1)+IF('Standard Profiles'!$G$21=$B$10,7,0)+IF('Standard Profiles'!$G$21=$B$17,14,0)+IF('Standard Profiles'!$G$21=$B$24,21,0),MOD($C566,24)+1)/SUM(INDEX($D$3:$AA$30,INDEX(Jesper!$R$2:$R$366,ROW(INDEX(Jesper!AK$2:AK$366,ROUNDDOWN($C566/24,0)+1,1))-1)+IF('Standard Profiles'!$G$21=$B$10,7,0)+IF('Standard Profiles'!$G$21=$B$17,14,0)+IF('Standard Profiles'!$G$21=$B$24,21,0),0)),0)</f>
        <v>0</v>
      </c>
      <c r="H566" cm="1">
        <f t="array" ref="H566">IFERROR(INDEX(Jesper!AL$2:AL$366,ROUNDDOWN($C566/24,0)+1,1)*INDEX($D$3:$AA$30,INDEX(Jesper!$R$2:$R$366,ROW(INDEX(Jesper!AL$2:AL$366,ROUNDDOWN($C566/24,0)+1,1))-1)+IF('Standard Profiles'!$G$22=$B$10,7,0)+IF('Standard Profiles'!$G$22=$B$17,14,0)+IF('Standard Profiles'!$G$22=$B$24,21,0),MOD($C566,24)+1)/SUM(INDEX($D$3:$AA$30,INDEX(Jesper!$R$2:$R$366,ROW(INDEX(Jesper!AL$2:AL$366,ROUNDDOWN($C566/24,0)+1,1))-1)+IF('Standard Profiles'!$G$22=$B$10,7,0)+IF('Standard Profiles'!$G$22=$B$17,14,0)+IF('Standard Profiles'!$G$22=$B$24,21,0),0)),0)</f>
        <v>0</v>
      </c>
      <c r="I566">
        <f t="shared" si="76"/>
        <v>0.22628221691643777</v>
      </c>
      <c r="J566">
        <f t="shared" si="77"/>
        <v>0.75427405638812595</v>
      </c>
      <c r="K566">
        <f t="shared" si="78"/>
        <v>1.1314110845821888</v>
      </c>
      <c r="L566">
        <f t="shared" si="79"/>
        <v>5.4307732059945062</v>
      </c>
      <c r="M566">
        <f t="shared" si="80"/>
        <v>0</v>
      </c>
      <c r="N566" s="46">
        <f t="shared" si="81"/>
        <v>45314.166666665376</v>
      </c>
    </row>
    <row r="567" spans="2:14" x14ac:dyDescent="0.3">
      <c r="B567">
        <f t="shared" si="75"/>
        <v>2</v>
      </c>
      <c r="C567" s="16">
        <v>533</v>
      </c>
      <c r="D567" cm="1">
        <f t="array" ref="D567">IFERROR(INDEX(Jesper!AH$2:AH$366,ROUNDDOWN($C567/24,0)+1,1)*INDEX($D$3:$AA$30,INDEX(Jesper!$R$2:$R$366,ROW(INDEX(Jesper!AH$2:AH$366,ROUNDDOWN($C567/24,0)+1,1))-1)+IF('Standard Profiles'!$G$18=$B$10,7,0)+IF('Standard Profiles'!$G$18=$B$17,14,0)+IF('Standard Profiles'!$G$18=$B$24,21,0),MOD($C567,24)+1)/SUM(INDEX($D$3:$AA$30,INDEX(Jesper!$R$2:$R$366,ROW(INDEX(Jesper!AH$2:AH$366,ROUNDDOWN($C567/24,0)+1,1))-1)+IF('Standard Profiles'!$G$18=$B$10,7,0)+IF('Standard Profiles'!$G$18=$B$17,14,0)+IF('Standard Profiles'!$G$18=$B$24,21,0),0)),0)</f>
        <v>9.805562733045635</v>
      </c>
      <c r="E567" cm="1">
        <f t="array" ref="E567">IFERROR(INDEX(Jesper!AI$2:AI$366,ROUNDDOWN($C567/24,0)+1,1)*INDEX($D$3:$AA$30,INDEX(Jesper!$R$2:$R$366,ROW(INDEX(Jesper!AI$2:AI$366,ROUNDDOWN($C567/24,0)+1,1))-1)+IF('Standard Profiles'!$G$19=$B$10,7,0)+IF('Standard Profiles'!$G$19=$B$17,14,0)+IF('Standard Profiles'!$G$19=$B$24,21,0),MOD($C567,24)+1)/SUM(INDEX($D$3:$AA$30,INDEX(Jesper!$R$2:$R$366,ROW(INDEX(Jesper!AI$2:AI$366,ROUNDDOWN($C567/24,0)+1,1))-1)+IF('Standard Profiles'!$G$19=$B$10,7,0)+IF('Standard Profiles'!$G$19=$B$17,14,0)+IF('Standard Profiles'!$G$19=$B$24,21,0),0)),0)</f>
        <v>0</v>
      </c>
      <c r="F567" cm="1">
        <f t="array" ref="F567">IFERROR(INDEX(Jesper!AJ$2:AJ$366,ROUNDDOWN($C567/24,0)+1,1)*INDEX($D$3:$AA$30,INDEX(Jesper!$R$2:$R$366,ROW(INDEX(Jesper!AJ$2:AJ$366,ROUNDDOWN($C567/24,0)+1,1))-1)+IF('Standard Profiles'!$G$20=$B$10,7,0)+IF('Standard Profiles'!$G$20=$B$17,14,0)+IF('Standard Profiles'!$G$20=$B$24,21,0),MOD($C567,24)+1)/SUM(INDEX($D$3:$AA$30,INDEX(Jesper!$R$2:$R$366,ROW(INDEX(Jesper!AJ$2:AJ$366,ROUNDDOWN($C567/24,0)+1,1))-1)+IF('Standard Profiles'!$G$20=$B$10,7,0)+IF('Standard Profiles'!$G$20=$B$17,14,0)+IF('Standard Profiles'!$G$20=$B$24,21,0),0)),0)</f>
        <v>0</v>
      </c>
      <c r="G567" cm="1">
        <f t="array" ref="G567">IFERROR(INDEX(Jesper!AK$2:AK$366,ROUNDDOWN($C567/24,0)+1,1)*INDEX($D$3:$AA$30,INDEX(Jesper!$R$2:$R$366,ROW(INDEX(Jesper!AK$2:AK$366,ROUNDDOWN($C567/24,0)+1,1))-1)+IF('Standard Profiles'!$G$21=$B$10,7,0)+IF('Standard Profiles'!$G$21=$B$17,14,0)+IF('Standard Profiles'!$G$21=$B$24,21,0),MOD($C567,24)+1)/SUM(INDEX($D$3:$AA$30,INDEX(Jesper!$R$2:$R$366,ROW(INDEX(Jesper!AK$2:AK$366,ROUNDDOWN($C567/24,0)+1,1))-1)+IF('Standard Profiles'!$G$21=$B$10,7,0)+IF('Standard Profiles'!$G$21=$B$17,14,0)+IF('Standard Profiles'!$G$21=$B$24,21,0),0)),0)</f>
        <v>0</v>
      </c>
      <c r="H567" cm="1">
        <f t="array" ref="H567">IFERROR(INDEX(Jesper!AL$2:AL$366,ROUNDDOWN($C567/24,0)+1,1)*INDEX($D$3:$AA$30,INDEX(Jesper!$R$2:$R$366,ROW(INDEX(Jesper!AL$2:AL$366,ROUNDDOWN($C567/24,0)+1,1))-1)+IF('Standard Profiles'!$G$22=$B$10,7,0)+IF('Standard Profiles'!$G$22=$B$17,14,0)+IF('Standard Profiles'!$G$22=$B$24,21,0),MOD($C567,24)+1)/SUM(INDEX($D$3:$AA$30,INDEX(Jesper!$R$2:$R$366,ROW(INDEX(Jesper!AL$2:AL$366,ROUNDDOWN($C567/24,0)+1,1))-1)+IF('Standard Profiles'!$G$22=$B$10,7,0)+IF('Standard Profiles'!$G$22=$B$17,14,0)+IF('Standard Profiles'!$G$22=$B$24,21,0),0)),0)</f>
        <v>0</v>
      </c>
      <c r="I567">
        <f t="shared" si="76"/>
        <v>0.29416688199136903</v>
      </c>
      <c r="J567">
        <f t="shared" si="77"/>
        <v>0.98055627330456352</v>
      </c>
      <c r="K567">
        <f t="shared" si="78"/>
        <v>1.4708344099568451</v>
      </c>
      <c r="L567">
        <f t="shared" si="79"/>
        <v>7.0600051677928573</v>
      </c>
      <c r="M567">
        <f t="shared" si="80"/>
        <v>0</v>
      </c>
      <c r="N567" s="46">
        <f t="shared" si="81"/>
        <v>45314.208333332041</v>
      </c>
    </row>
    <row r="568" spans="2:14" x14ac:dyDescent="0.3">
      <c r="B568">
        <f t="shared" si="75"/>
        <v>2</v>
      </c>
      <c r="C568" s="16">
        <v>534</v>
      </c>
      <c r="D568" cm="1">
        <f t="array" ref="D568">IFERROR(INDEX(Jesper!AH$2:AH$366,ROUNDDOWN($C568/24,0)+1,1)*INDEX($D$3:$AA$30,INDEX(Jesper!$R$2:$R$366,ROW(INDEX(Jesper!AH$2:AH$366,ROUNDDOWN($C568/24,0)+1,1))-1)+IF('Standard Profiles'!$G$18=$B$10,7,0)+IF('Standard Profiles'!$G$18=$B$17,14,0)+IF('Standard Profiles'!$G$18=$B$24,21,0),MOD($C568,24)+1)/SUM(INDEX($D$3:$AA$30,INDEX(Jesper!$R$2:$R$366,ROW(INDEX(Jesper!AH$2:AH$366,ROUNDDOWN($C568/24,0)+1,1))-1)+IF('Standard Profiles'!$G$18=$B$10,7,0)+IF('Standard Profiles'!$G$18=$B$17,14,0)+IF('Standard Profiles'!$G$18=$B$24,21,0),0)),0)</f>
        <v>10.936973817627823</v>
      </c>
      <c r="E568" cm="1">
        <f t="array" ref="E568">IFERROR(INDEX(Jesper!AI$2:AI$366,ROUNDDOWN($C568/24,0)+1,1)*INDEX($D$3:$AA$30,INDEX(Jesper!$R$2:$R$366,ROW(INDEX(Jesper!AI$2:AI$366,ROUNDDOWN($C568/24,0)+1,1))-1)+IF('Standard Profiles'!$G$19=$B$10,7,0)+IF('Standard Profiles'!$G$19=$B$17,14,0)+IF('Standard Profiles'!$G$19=$B$24,21,0),MOD($C568,24)+1)/SUM(INDEX($D$3:$AA$30,INDEX(Jesper!$R$2:$R$366,ROW(INDEX(Jesper!AI$2:AI$366,ROUNDDOWN($C568/24,0)+1,1))-1)+IF('Standard Profiles'!$G$19=$B$10,7,0)+IF('Standard Profiles'!$G$19=$B$17,14,0)+IF('Standard Profiles'!$G$19=$B$24,21,0),0)),0)</f>
        <v>0</v>
      </c>
      <c r="F568" cm="1">
        <f t="array" ref="F568">IFERROR(INDEX(Jesper!AJ$2:AJ$366,ROUNDDOWN($C568/24,0)+1,1)*INDEX($D$3:$AA$30,INDEX(Jesper!$R$2:$R$366,ROW(INDEX(Jesper!AJ$2:AJ$366,ROUNDDOWN($C568/24,0)+1,1))-1)+IF('Standard Profiles'!$G$20=$B$10,7,0)+IF('Standard Profiles'!$G$20=$B$17,14,0)+IF('Standard Profiles'!$G$20=$B$24,21,0),MOD($C568,24)+1)/SUM(INDEX($D$3:$AA$30,INDEX(Jesper!$R$2:$R$366,ROW(INDEX(Jesper!AJ$2:AJ$366,ROUNDDOWN($C568/24,0)+1,1))-1)+IF('Standard Profiles'!$G$20=$B$10,7,0)+IF('Standard Profiles'!$G$20=$B$17,14,0)+IF('Standard Profiles'!$G$20=$B$24,21,0),0)),0)</f>
        <v>0</v>
      </c>
      <c r="G568" cm="1">
        <f t="array" ref="G568">IFERROR(INDEX(Jesper!AK$2:AK$366,ROUNDDOWN($C568/24,0)+1,1)*INDEX($D$3:$AA$30,INDEX(Jesper!$R$2:$R$366,ROW(INDEX(Jesper!AK$2:AK$366,ROUNDDOWN($C568/24,0)+1,1))-1)+IF('Standard Profiles'!$G$21=$B$10,7,0)+IF('Standard Profiles'!$G$21=$B$17,14,0)+IF('Standard Profiles'!$G$21=$B$24,21,0),MOD($C568,24)+1)/SUM(INDEX($D$3:$AA$30,INDEX(Jesper!$R$2:$R$366,ROW(INDEX(Jesper!AK$2:AK$366,ROUNDDOWN($C568/24,0)+1,1))-1)+IF('Standard Profiles'!$G$21=$B$10,7,0)+IF('Standard Profiles'!$G$21=$B$17,14,0)+IF('Standard Profiles'!$G$21=$B$24,21,0),0)),0)</f>
        <v>0</v>
      </c>
      <c r="H568" cm="1">
        <f t="array" ref="H568">IFERROR(INDEX(Jesper!AL$2:AL$366,ROUNDDOWN($C568/24,0)+1,1)*INDEX($D$3:$AA$30,INDEX(Jesper!$R$2:$R$366,ROW(INDEX(Jesper!AL$2:AL$366,ROUNDDOWN($C568/24,0)+1,1))-1)+IF('Standard Profiles'!$G$22=$B$10,7,0)+IF('Standard Profiles'!$G$22=$B$17,14,0)+IF('Standard Profiles'!$G$22=$B$24,21,0),MOD($C568,24)+1)/SUM(INDEX($D$3:$AA$30,INDEX(Jesper!$R$2:$R$366,ROW(INDEX(Jesper!AL$2:AL$366,ROUNDDOWN($C568/24,0)+1,1))-1)+IF('Standard Profiles'!$G$22=$B$10,7,0)+IF('Standard Profiles'!$G$22=$B$17,14,0)+IF('Standard Profiles'!$G$22=$B$24,21,0),0)),0)</f>
        <v>0</v>
      </c>
      <c r="I568">
        <f t="shared" si="76"/>
        <v>0.32810921452883468</v>
      </c>
      <c r="J568">
        <f t="shared" si="77"/>
        <v>1.0936973817627824</v>
      </c>
      <c r="K568">
        <f t="shared" si="78"/>
        <v>1.6405460726441734</v>
      </c>
      <c r="L568">
        <f t="shared" si="79"/>
        <v>7.8746211486920323</v>
      </c>
      <c r="M568">
        <f t="shared" si="80"/>
        <v>0</v>
      </c>
      <c r="N568" s="46">
        <f t="shared" si="81"/>
        <v>45314.249999998705</v>
      </c>
    </row>
    <row r="569" spans="2:14" x14ac:dyDescent="0.3">
      <c r="B569">
        <f t="shared" si="75"/>
        <v>2</v>
      </c>
      <c r="C569" s="16">
        <v>535</v>
      </c>
      <c r="D569" cm="1">
        <f t="array" ref="D569">IFERROR(INDEX(Jesper!AH$2:AH$366,ROUNDDOWN($C569/24,0)+1,1)*INDEX($D$3:$AA$30,INDEX(Jesper!$R$2:$R$366,ROW(INDEX(Jesper!AH$2:AH$366,ROUNDDOWN($C569/24,0)+1,1))-1)+IF('Standard Profiles'!$G$18=$B$10,7,0)+IF('Standard Profiles'!$G$18=$B$17,14,0)+IF('Standard Profiles'!$G$18=$B$24,21,0),MOD($C569,24)+1)/SUM(INDEX($D$3:$AA$30,INDEX(Jesper!$R$2:$R$366,ROW(INDEX(Jesper!AH$2:AH$366,ROUNDDOWN($C569/24,0)+1,1))-1)+IF('Standard Profiles'!$G$18=$B$10,7,0)+IF('Standard Profiles'!$G$18=$B$17,14,0)+IF('Standard Profiles'!$G$18=$B$24,21,0),0)),0)</f>
        <v>11.314110845821887</v>
      </c>
      <c r="E569" cm="1">
        <f t="array" ref="E569">IFERROR(INDEX(Jesper!AI$2:AI$366,ROUNDDOWN($C569/24,0)+1,1)*INDEX($D$3:$AA$30,INDEX(Jesper!$R$2:$R$366,ROW(INDEX(Jesper!AI$2:AI$366,ROUNDDOWN($C569/24,0)+1,1))-1)+IF('Standard Profiles'!$G$19=$B$10,7,0)+IF('Standard Profiles'!$G$19=$B$17,14,0)+IF('Standard Profiles'!$G$19=$B$24,21,0),MOD($C569,24)+1)/SUM(INDEX($D$3:$AA$30,INDEX(Jesper!$R$2:$R$366,ROW(INDEX(Jesper!AI$2:AI$366,ROUNDDOWN($C569/24,0)+1,1))-1)+IF('Standard Profiles'!$G$19=$B$10,7,0)+IF('Standard Profiles'!$G$19=$B$17,14,0)+IF('Standard Profiles'!$G$19=$B$24,21,0),0)),0)</f>
        <v>0</v>
      </c>
      <c r="F569" cm="1">
        <f t="array" ref="F569">IFERROR(INDEX(Jesper!AJ$2:AJ$366,ROUNDDOWN($C569/24,0)+1,1)*INDEX($D$3:$AA$30,INDEX(Jesper!$R$2:$R$366,ROW(INDEX(Jesper!AJ$2:AJ$366,ROUNDDOWN($C569/24,0)+1,1))-1)+IF('Standard Profiles'!$G$20=$B$10,7,0)+IF('Standard Profiles'!$G$20=$B$17,14,0)+IF('Standard Profiles'!$G$20=$B$24,21,0),MOD($C569,24)+1)/SUM(INDEX($D$3:$AA$30,INDEX(Jesper!$R$2:$R$366,ROW(INDEX(Jesper!AJ$2:AJ$366,ROUNDDOWN($C569/24,0)+1,1))-1)+IF('Standard Profiles'!$G$20=$B$10,7,0)+IF('Standard Profiles'!$G$20=$B$17,14,0)+IF('Standard Profiles'!$G$20=$B$24,21,0),0)),0)</f>
        <v>0</v>
      </c>
      <c r="G569" cm="1">
        <f t="array" ref="G569">IFERROR(INDEX(Jesper!AK$2:AK$366,ROUNDDOWN($C569/24,0)+1,1)*INDEX($D$3:$AA$30,INDEX(Jesper!$R$2:$R$366,ROW(INDEX(Jesper!AK$2:AK$366,ROUNDDOWN($C569/24,0)+1,1))-1)+IF('Standard Profiles'!$G$21=$B$10,7,0)+IF('Standard Profiles'!$G$21=$B$17,14,0)+IF('Standard Profiles'!$G$21=$B$24,21,0),MOD($C569,24)+1)/SUM(INDEX($D$3:$AA$30,INDEX(Jesper!$R$2:$R$366,ROW(INDEX(Jesper!AK$2:AK$366,ROUNDDOWN($C569/24,0)+1,1))-1)+IF('Standard Profiles'!$G$21=$B$10,7,0)+IF('Standard Profiles'!$G$21=$B$17,14,0)+IF('Standard Profiles'!$G$21=$B$24,21,0),0)),0)</f>
        <v>0</v>
      </c>
      <c r="H569" cm="1">
        <f t="array" ref="H569">IFERROR(INDEX(Jesper!AL$2:AL$366,ROUNDDOWN($C569/24,0)+1,1)*INDEX($D$3:$AA$30,INDEX(Jesper!$R$2:$R$366,ROW(INDEX(Jesper!AL$2:AL$366,ROUNDDOWN($C569/24,0)+1,1))-1)+IF('Standard Profiles'!$G$22=$B$10,7,0)+IF('Standard Profiles'!$G$22=$B$17,14,0)+IF('Standard Profiles'!$G$22=$B$24,21,0),MOD($C569,24)+1)/SUM(INDEX($D$3:$AA$30,INDEX(Jesper!$R$2:$R$366,ROW(INDEX(Jesper!AL$2:AL$366,ROUNDDOWN($C569/24,0)+1,1))-1)+IF('Standard Profiles'!$G$22=$B$10,7,0)+IF('Standard Profiles'!$G$22=$B$17,14,0)+IF('Standard Profiles'!$G$22=$B$24,21,0),0)),0)</f>
        <v>0</v>
      </c>
      <c r="I569">
        <f t="shared" si="76"/>
        <v>0.33942332537465658</v>
      </c>
      <c r="J569">
        <f t="shared" si="77"/>
        <v>1.1314110845821888</v>
      </c>
      <c r="K569">
        <f t="shared" si="78"/>
        <v>1.6971166268732829</v>
      </c>
      <c r="L569">
        <f t="shared" si="79"/>
        <v>8.146159808991758</v>
      </c>
      <c r="M569">
        <f t="shared" si="80"/>
        <v>0</v>
      </c>
      <c r="N569" s="46">
        <f t="shared" si="81"/>
        <v>45314.291666665369</v>
      </c>
    </row>
    <row r="570" spans="2:14" x14ac:dyDescent="0.3">
      <c r="B570">
        <f t="shared" si="75"/>
        <v>2</v>
      </c>
      <c r="C570" s="16">
        <v>536</v>
      </c>
      <c r="D570" cm="1">
        <f t="array" ref="D570">IFERROR(INDEX(Jesper!AH$2:AH$366,ROUNDDOWN($C570/24,0)+1,1)*INDEX($D$3:$AA$30,INDEX(Jesper!$R$2:$R$366,ROW(INDEX(Jesper!AH$2:AH$366,ROUNDDOWN($C570/24,0)+1,1))-1)+IF('Standard Profiles'!$G$18=$B$10,7,0)+IF('Standard Profiles'!$G$18=$B$17,14,0)+IF('Standard Profiles'!$G$18=$B$24,21,0),MOD($C570,24)+1)/SUM(INDEX($D$3:$AA$30,INDEX(Jesper!$R$2:$R$366,ROW(INDEX(Jesper!AH$2:AH$366,ROUNDDOWN($C570/24,0)+1,1))-1)+IF('Standard Profiles'!$G$18=$B$10,7,0)+IF('Standard Profiles'!$G$18=$B$17,14,0)+IF('Standard Profiles'!$G$18=$B$24,21,0),0)),0)</f>
        <v>11.314110845821887</v>
      </c>
      <c r="E570" cm="1">
        <f t="array" ref="E570">IFERROR(INDEX(Jesper!AI$2:AI$366,ROUNDDOWN($C570/24,0)+1,1)*INDEX($D$3:$AA$30,INDEX(Jesper!$R$2:$R$366,ROW(INDEX(Jesper!AI$2:AI$366,ROUNDDOWN($C570/24,0)+1,1))-1)+IF('Standard Profiles'!$G$19=$B$10,7,0)+IF('Standard Profiles'!$G$19=$B$17,14,0)+IF('Standard Profiles'!$G$19=$B$24,21,0),MOD($C570,24)+1)/SUM(INDEX($D$3:$AA$30,INDEX(Jesper!$R$2:$R$366,ROW(INDEX(Jesper!AI$2:AI$366,ROUNDDOWN($C570/24,0)+1,1))-1)+IF('Standard Profiles'!$G$19=$B$10,7,0)+IF('Standard Profiles'!$G$19=$B$17,14,0)+IF('Standard Profiles'!$G$19=$B$24,21,0),0)),0)</f>
        <v>0</v>
      </c>
      <c r="F570" cm="1">
        <f t="array" ref="F570">IFERROR(INDEX(Jesper!AJ$2:AJ$366,ROUNDDOWN($C570/24,0)+1,1)*INDEX($D$3:$AA$30,INDEX(Jesper!$R$2:$R$366,ROW(INDEX(Jesper!AJ$2:AJ$366,ROUNDDOWN($C570/24,0)+1,1))-1)+IF('Standard Profiles'!$G$20=$B$10,7,0)+IF('Standard Profiles'!$G$20=$B$17,14,0)+IF('Standard Profiles'!$G$20=$B$24,21,0),MOD($C570,24)+1)/SUM(INDEX($D$3:$AA$30,INDEX(Jesper!$R$2:$R$366,ROW(INDEX(Jesper!AJ$2:AJ$366,ROUNDDOWN($C570/24,0)+1,1))-1)+IF('Standard Profiles'!$G$20=$B$10,7,0)+IF('Standard Profiles'!$G$20=$B$17,14,0)+IF('Standard Profiles'!$G$20=$B$24,21,0),0)),0)</f>
        <v>0</v>
      </c>
      <c r="G570" cm="1">
        <f t="array" ref="G570">IFERROR(INDEX(Jesper!AK$2:AK$366,ROUNDDOWN($C570/24,0)+1,1)*INDEX($D$3:$AA$30,INDEX(Jesper!$R$2:$R$366,ROW(INDEX(Jesper!AK$2:AK$366,ROUNDDOWN($C570/24,0)+1,1))-1)+IF('Standard Profiles'!$G$21=$B$10,7,0)+IF('Standard Profiles'!$G$21=$B$17,14,0)+IF('Standard Profiles'!$G$21=$B$24,21,0),MOD($C570,24)+1)/SUM(INDEX($D$3:$AA$30,INDEX(Jesper!$R$2:$R$366,ROW(INDEX(Jesper!AK$2:AK$366,ROUNDDOWN($C570/24,0)+1,1))-1)+IF('Standard Profiles'!$G$21=$B$10,7,0)+IF('Standard Profiles'!$G$21=$B$17,14,0)+IF('Standard Profiles'!$G$21=$B$24,21,0),0)),0)</f>
        <v>0</v>
      </c>
      <c r="H570" cm="1">
        <f t="array" ref="H570">IFERROR(INDEX(Jesper!AL$2:AL$366,ROUNDDOWN($C570/24,0)+1,1)*INDEX($D$3:$AA$30,INDEX(Jesper!$R$2:$R$366,ROW(INDEX(Jesper!AL$2:AL$366,ROUNDDOWN($C570/24,0)+1,1))-1)+IF('Standard Profiles'!$G$22=$B$10,7,0)+IF('Standard Profiles'!$G$22=$B$17,14,0)+IF('Standard Profiles'!$G$22=$B$24,21,0),MOD($C570,24)+1)/SUM(INDEX($D$3:$AA$30,INDEX(Jesper!$R$2:$R$366,ROW(INDEX(Jesper!AL$2:AL$366,ROUNDDOWN($C570/24,0)+1,1))-1)+IF('Standard Profiles'!$G$22=$B$10,7,0)+IF('Standard Profiles'!$G$22=$B$17,14,0)+IF('Standard Profiles'!$G$22=$B$24,21,0),0)),0)</f>
        <v>0</v>
      </c>
      <c r="I570">
        <f t="shared" si="76"/>
        <v>0.33942332537465658</v>
      </c>
      <c r="J570">
        <f t="shared" si="77"/>
        <v>1.1314110845821888</v>
      </c>
      <c r="K570">
        <f t="shared" si="78"/>
        <v>1.6971166268732829</v>
      </c>
      <c r="L570">
        <f t="shared" si="79"/>
        <v>8.146159808991758</v>
      </c>
      <c r="M570">
        <f t="shared" si="80"/>
        <v>0</v>
      </c>
      <c r="N570" s="46">
        <f t="shared" si="81"/>
        <v>45314.333333332033</v>
      </c>
    </row>
    <row r="571" spans="2:14" x14ac:dyDescent="0.3">
      <c r="B571">
        <f t="shared" si="75"/>
        <v>2</v>
      </c>
      <c r="C571" s="16">
        <v>537</v>
      </c>
      <c r="D571" cm="1">
        <f t="array" ref="D571">IFERROR(INDEX(Jesper!AH$2:AH$366,ROUNDDOWN($C571/24,0)+1,1)*INDEX($D$3:$AA$30,INDEX(Jesper!$R$2:$R$366,ROW(INDEX(Jesper!AH$2:AH$366,ROUNDDOWN($C571/24,0)+1,1))-1)+IF('Standard Profiles'!$G$18=$B$10,7,0)+IF('Standard Profiles'!$G$18=$B$17,14,0)+IF('Standard Profiles'!$G$18=$B$24,21,0),MOD($C571,24)+1)/SUM(INDEX($D$3:$AA$30,INDEX(Jesper!$R$2:$R$366,ROW(INDEX(Jesper!AH$2:AH$366,ROUNDDOWN($C571/24,0)+1,1))-1)+IF('Standard Profiles'!$G$18=$B$10,7,0)+IF('Standard Profiles'!$G$18=$B$17,14,0)+IF('Standard Profiles'!$G$18=$B$24,21,0),0)),0)</f>
        <v>12.256953416307043</v>
      </c>
      <c r="E571" cm="1">
        <f t="array" ref="E571">IFERROR(INDEX(Jesper!AI$2:AI$366,ROUNDDOWN($C571/24,0)+1,1)*INDEX($D$3:$AA$30,INDEX(Jesper!$R$2:$R$366,ROW(INDEX(Jesper!AI$2:AI$366,ROUNDDOWN($C571/24,0)+1,1))-1)+IF('Standard Profiles'!$G$19=$B$10,7,0)+IF('Standard Profiles'!$G$19=$B$17,14,0)+IF('Standard Profiles'!$G$19=$B$24,21,0),MOD($C571,24)+1)/SUM(INDEX($D$3:$AA$30,INDEX(Jesper!$R$2:$R$366,ROW(INDEX(Jesper!AI$2:AI$366,ROUNDDOWN($C571/24,0)+1,1))-1)+IF('Standard Profiles'!$G$19=$B$10,7,0)+IF('Standard Profiles'!$G$19=$B$17,14,0)+IF('Standard Profiles'!$G$19=$B$24,21,0),0)),0)</f>
        <v>0</v>
      </c>
      <c r="F571" cm="1">
        <f t="array" ref="F571">IFERROR(INDEX(Jesper!AJ$2:AJ$366,ROUNDDOWN($C571/24,0)+1,1)*INDEX($D$3:$AA$30,INDEX(Jesper!$R$2:$R$366,ROW(INDEX(Jesper!AJ$2:AJ$366,ROUNDDOWN($C571/24,0)+1,1))-1)+IF('Standard Profiles'!$G$20=$B$10,7,0)+IF('Standard Profiles'!$G$20=$B$17,14,0)+IF('Standard Profiles'!$G$20=$B$24,21,0),MOD($C571,24)+1)/SUM(INDEX($D$3:$AA$30,INDEX(Jesper!$R$2:$R$366,ROW(INDEX(Jesper!AJ$2:AJ$366,ROUNDDOWN($C571/24,0)+1,1))-1)+IF('Standard Profiles'!$G$20=$B$10,7,0)+IF('Standard Profiles'!$G$20=$B$17,14,0)+IF('Standard Profiles'!$G$20=$B$24,21,0),0)),0)</f>
        <v>0</v>
      </c>
      <c r="G571" cm="1">
        <f t="array" ref="G571">IFERROR(INDEX(Jesper!AK$2:AK$366,ROUNDDOWN($C571/24,0)+1,1)*INDEX($D$3:$AA$30,INDEX(Jesper!$R$2:$R$366,ROW(INDEX(Jesper!AK$2:AK$366,ROUNDDOWN($C571/24,0)+1,1))-1)+IF('Standard Profiles'!$G$21=$B$10,7,0)+IF('Standard Profiles'!$G$21=$B$17,14,0)+IF('Standard Profiles'!$G$21=$B$24,21,0),MOD($C571,24)+1)/SUM(INDEX($D$3:$AA$30,INDEX(Jesper!$R$2:$R$366,ROW(INDEX(Jesper!AK$2:AK$366,ROUNDDOWN($C571/24,0)+1,1))-1)+IF('Standard Profiles'!$G$21=$B$10,7,0)+IF('Standard Profiles'!$G$21=$B$17,14,0)+IF('Standard Profiles'!$G$21=$B$24,21,0),0)),0)</f>
        <v>0</v>
      </c>
      <c r="H571" cm="1">
        <f t="array" ref="H571">IFERROR(INDEX(Jesper!AL$2:AL$366,ROUNDDOWN($C571/24,0)+1,1)*INDEX($D$3:$AA$30,INDEX(Jesper!$R$2:$R$366,ROW(INDEX(Jesper!AL$2:AL$366,ROUNDDOWN($C571/24,0)+1,1))-1)+IF('Standard Profiles'!$G$22=$B$10,7,0)+IF('Standard Profiles'!$G$22=$B$17,14,0)+IF('Standard Profiles'!$G$22=$B$24,21,0),MOD($C571,24)+1)/SUM(INDEX($D$3:$AA$30,INDEX(Jesper!$R$2:$R$366,ROW(INDEX(Jesper!AL$2:AL$366,ROUNDDOWN($C571/24,0)+1,1))-1)+IF('Standard Profiles'!$G$22=$B$10,7,0)+IF('Standard Profiles'!$G$22=$B$17,14,0)+IF('Standard Profiles'!$G$22=$B$24,21,0),0)),0)</f>
        <v>0</v>
      </c>
      <c r="I571">
        <f t="shared" si="76"/>
        <v>0.36770860248921128</v>
      </c>
      <c r="J571">
        <f t="shared" si="77"/>
        <v>1.2256953416307044</v>
      </c>
      <c r="K571">
        <f t="shared" si="78"/>
        <v>1.8385430124460564</v>
      </c>
      <c r="L571">
        <f t="shared" si="79"/>
        <v>8.8250064597410702</v>
      </c>
      <c r="M571">
        <f t="shared" si="80"/>
        <v>0</v>
      </c>
      <c r="N571" s="46">
        <f t="shared" si="81"/>
        <v>45314.374999998698</v>
      </c>
    </row>
    <row r="572" spans="2:14" x14ac:dyDescent="0.3">
      <c r="B572">
        <f t="shared" si="75"/>
        <v>2</v>
      </c>
      <c r="C572" s="16">
        <v>538</v>
      </c>
      <c r="D572" cm="1">
        <f t="array" ref="D572">IFERROR(INDEX(Jesper!AH$2:AH$366,ROUNDDOWN($C572/24,0)+1,1)*INDEX($D$3:$AA$30,INDEX(Jesper!$R$2:$R$366,ROW(INDEX(Jesper!AH$2:AH$366,ROUNDDOWN($C572/24,0)+1,1))-1)+IF('Standard Profiles'!$G$18=$B$10,7,0)+IF('Standard Profiles'!$G$18=$B$17,14,0)+IF('Standard Profiles'!$G$18=$B$24,21,0),MOD($C572,24)+1)/SUM(INDEX($D$3:$AA$30,INDEX(Jesper!$R$2:$R$366,ROW(INDEX(Jesper!AH$2:AH$366,ROUNDDOWN($C572/24,0)+1,1))-1)+IF('Standard Profiles'!$G$18=$B$10,7,0)+IF('Standard Profiles'!$G$18=$B$17,14,0)+IF('Standard Profiles'!$G$18=$B$24,21,0),0)),0)</f>
        <v>12.822658958598138</v>
      </c>
      <c r="E572" cm="1">
        <f t="array" ref="E572">IFERROR(INDEX(Jesper!AI$2:AI$366,ROUNDDOWN($C572/24,0)+1,1)*INDEX($D$3:$AA$30,INDEX(Jesper!$R$2:$R$366,ROW(INDEX(Jesper!AI$2:AI$366,ROUNDDOWN($C572/24,0)+1,1))-1)+IF('Standard Profiles'!$G$19=$B$10,7,0)+IF('Standard Profiles'!$G$19=$B$17,14,0)+IF('Standard Profiles'!$G$19=$B$24,21,0),MOD($C572,24)+1)/SUM(INDEX($D$3:$AA$30,INDEX(Jesper!$R$2:$R$366,ROW(INDEX(Jesper!AI$2:AI$366,ROUNDDOWN($C572/24,0)+1,1))-1)+IF('Standard Profiles'!$G$19=$B$10,7,0)+IF('Standard Profiles'!$G$19=$B$17,14,0)+IF('Standard Profiles'!$G$19=$B$24,21,0),0)),0)</f>
        <v>0</v>
      </c>
      <c r="F572" cm="1">
        <f t="array" ref="F572">IFERROR(INDEX(Jesper!AJ$2:AJ$366,ROUNDDOWN($C572/24,0)+1,1)*INDEX($D$3:$AA$30,INDEX(Jesper!$R$2:$R$366,ROW(INDEX(Jesper!AJ$2:AJ$366,ROUNDDOWN($C572/24,0)+1,1))-1)+IF('Standard Profiles'!$G$20=$B$10,7,0)+IF('Standard Profiles'!$G$20=$B$17,14,0)+IF('Standard Profiles'!$G$20=$B$24,21,0),MOD($C572,24)+1)/SUM(INDEX($D$3:$AA$30,INDEX(Jesper!$R$2:$R$366,ROW(INDEX(Jesper!AJ$2:AJ$366,ROUNDDOWN($C572/24,0)+1,1))-1)+IF('Standard Profiles'!$G$20=$B$10,7,0)+IF('Standard Profiles'!$G$20=$B$17,14,0)+IF('Standard Profiles'!$G$20=$B$24,21,0),0)),0)</f>
        <v>0</v>
      </c>
      <c r="G572" cm="1">
        <f t="array" ref="G572">IFERROR(INDEX(Jesper!AK$2:AK$366,ROUNDDOWN($C572/24,0)+1,1)*INDEX($D$3:$AA$30,INDEX(Jesper!$R$2:$R$366,ROW(INDEX(Jesper!AK$2:AK$366,ROUNDDOWN($C572/24,0)+1,1))-1)+IF('Standard Profiles'!$G$21=$B$10,7,0)+IF('Standard Profiles'!$G$21=$B$17,14,0)+IF('Standard Profiles'!$G$21=$B$24,21,0),MOD($C572,24)+1)/SUM(INDEX($D$3:$AA$30,INDEX(Jesper!$R$2:$R$366,ROW(INDEX(Jesper!AK$2:AK$366,ROUNDDOWN($C572/24,0)+1,1))-1)+IF('Standard Profiles'!$G$21=$B$10,7,0)+IF('Standard Profiles'!$G$21=$B$17,14,0)+IF('Standard Profiles'!$G$21=$B$24,21,0),0)),0)</f>
        <v>0</v>
      </c>
      <c r="H572" cm="1">
        <f t="array" ref="H572">IFERROR(INDEX(Jesper!AL$2:AL$366,ROUNDDOWN($C572/24,0)+1,1)*INDEX($D$3:$AA$30,INDEX(Jesper!$R$2:$R$366,ROW(INDEX(Jesper!AL$2:AL$366,ROUNDDOWN($C572/24,0)+1,1))-1)+IF('Standard Profiles'!$G$22=$B$10,7,0)+IF('Standard Profiles'!$G$22=$B$17,14,0)+IF('Standard Profiles'!$G$22=$B$24,21,0),MOD($C572,24)+1)/SUM(INDEX($D$3:$AA$30,INDEX(Jesper!$R$2:$R$366,ROW(INDEX(Jesper!AL$2:AL$366,ROUNDDOWN($C572/24,0)+1,1))-1)+IF('Standard Profiles'!$G$22=$B$10,7,0)+IF('Standard Profiles'!$G$22=$B$17,14,0)+IF('Standard Profiles'!$G$22=$B$24,21,0),0)),0)</f>
        <v>0</v>
      </c>
      <c r="I572">
        <f t="shared" si="76"/>
        <v>0.38467976875794413</v>
      </c>
      <c r="J572">
        <f t="shared" si="77"/>
        <v>1.2822658958598139</v>
      </c>
      <c r="K572">
        <f t="shared" si="78"/>
        <v>1.9233988437897207</v>
      </c>
      <c r="L572">
        <f t="shared" si="79"/>
        <v>9.2323144501906587</v>
      </c>
      <c r="M572">
        <f t="shared" si="80"/>
        <v>0</v>
      </c>
      <c r="N572" s="46">
        <f t="shared" si="81"/>
        <v>45314.416666665362</v>
      </c>
    </row>
    <row r="573" spans="2:14" x14ac:dyDescent="0.3">
      <c r="B573">
        <f t="shared" si="75"/>
        <v>2</v>
      </c>
      <c r="C573" s="16">
        <v>539</v>
      </c>
      <c r="D573" cm="1">
        <f t="array" ref="D573">IFERROR(INDEX(Jesper!AH$2:AH$366,ROUNDDOWN($C573/24,0)+1,1)*INDEX($D$3:$AA$30,INDEX(Jesper!$R$2:$R$366,ROW(INDEX(Jesper!AH$2:AH$366,ROUNDDOWN($C573/24,0)+1,1))-1)+IF('Standard Profiles'!$G$18=$B$10,7,0)+IF('Standard Profiles'!$G$18=$B$17,14,0)+IF('Standard Profiles'!$G$18=$B$24,21,0),MOD($C573,24)+1)/SUM(INDEX($D$3:$AA$30,INDEX(Jesper!$R$2:$R$366,ROW(INDEX(Jesper!AH$2:AH$366,ROUNDDOWN($C573/24,0)+1,1))-1)+IF('Standard Profiles'!$G$18=$B$10,7,0)+IF('Standard Profiles'!$G$18=$B$17,14,0)+IF('Standard Profiles'!$G$18=$B$24,21,0),0)),0)</f>
        <v>15.085481127762518</v>
      </c>
      <c r="E573" cm="1">
        <f t="array" ref="E573">IFERROR(INDEX(Jesper!AI$2:AI$366,ROUNDDOWN($C573/24,0)+1,1)*INDEX($D$3:$AA$30,INDEX(Jesper!$R$2:$R$366,ROW(INDEX(Jesper!AI$2:AI$366,ROUNDDOWN($C573/24,0)+1,1))-1)+IF('Standard Profiles'!$G$19=$B$10,7,0)+IF('Standard Profiles'!$G$19=$B$17,14,0)+IF('Standard Profiles'!$G$19=$B$24,21,0),MOD($C573,24)+1)/SUM(INDEX($D$3:$AA$30,INDEX(Jesper!$R$2:$R$366,ROW(INDEX(Jesper!AI$2:AI$366,ROUNDDOWN($C573/24,0)+1,1))-1)+IF('Standard Profiles'!$G$19=$B$10,7,0)+IF('Standard Profiles'!$G$19=$B$17,14,0)+IF('Standard Profiles'!$G$19=$B$24,21,0),0)),0)</f>
        <v>0</v>
      </c>
      <c r="F573" cm="1">
        <f t="array" ref="F573">IFERROR(INDEX(Jesper!AJ$2:AJ$366,ROUNDDOWN($C573/24,0)+1,1)*INDEX($D$3:$AA$30,INDEX(Jesper!$R$2:$R$366,ROW(INDEX(Jesper!AJ$2:AJ$366,ROUNDDOWN($C573/24,0)+1,1))-1)+IF('Standard Profiles'!$G$20=$B$10,7,0)+IF('Standard Profiles'!$G$20=$B$17,14,0)+IF('Standard Profiles'!$G$20=$B$24,21,0),MOD($C573,24)+1)/SUM(INDEX($D$3:$AA$30,INDEX(Jesper!$R$2:$R$366,ROW(INDEX(Jesper!AJ$2:AJ$366,ROUNDDOWN($C573/24,0)+1,1))-1)+IF('Standard Profiles'!$G$20=$B$10,7,0)+IF('Standard Profiles'!$G$20=$B$17,14,0)+IF('Standard Profiles'!$G$20=$B$24,21,0),0)),0)</f>
        <v>0</v>
      </c>
      <c r="G573" cm="1">
        <f t="array" ref="G573">IFERROR(INDEX(Jesper!AK$2:AK$366,ROUNDDOWN($C573/24,0)+1,1)*INDEX($D$3:$AA$30,INDEX(Jesper!$R$2:$R$366,ROW(INDEX(Jesper!AK$2:AK$366,ROUNDDOWN($C573/24,0)+1,1))-1)+IF('Standard Profiles'!$G$21=$B$10,7,0)+IF('Standard Profiles'!$G$21=$B$17,14,0)+IF('Standard Profiles'!$G$21=$B$24,21,0),MOD($C573,24)+1)/SUM(INDEX($D$3:$AA$30,INDEX(Jesper!$R$2:$R$366,ROW(INDEX(Jesper!AK$2:AK$366,ROUNDDOWN($C573/24,0)+1,1))-1)+IF('Standard Profiles'!$G$21=$B$10,7,0)+IF('Standard Profiles'!$G$21=$B$17,14,0)+IF('Standard Profiles'!$G$21=$B$24,21,0),0)),0)</f>
        <v>0</v>
      </c>
      <c r="H573" cm="1">
        <f t="array" ref="H573">IFERROR(INDEX(Jesper!AL$2:AL$366,ROUNDDOWN($C573/24,0)+1,1)*INDEX($D$3:$AA$30,INDEX(Jesper!$R$2:$R$366,ROW(INDEX(Jesper!AL$2:AL$366,ROUNDDOWN($C573/24,0)+1,1))-1)+IF('Standard Profiles'!$G$22=$B$10,7,0)+IF('Standard Profiles'!$G$22=$B$17,14,0)+IF('Standard Profiles'!$G$22=$B$24,21,0),MOD($C573,24)+1)/SUM(INDEX($D$3:$AA$30,INDEX(Jesper!$R$2:$R$366,ROW(INDEX(Jesper!AL$2:AL$366,ROUNDDOWN($C573/24,0)+1,1))-1)+IF('Standard Profiles'!$G$22=$B$10,7,0)+IF('Standard Profiles'!$G$22=$B$17,14,0)+IF('Standard Profiles'!$G$22=$B$24,21,0),0)),0)</f>
        <v>0</v>
      </c>
      <c r="I573">
        <f t="shared" si="76"/>
        <v>0.45256443383287553</v>
      </c>
      <c r="J573">
        <f t="shared" si="77"/>
        <v>1.5085481127762519</v>
      </c>
      <c r="K573">
        <f t="shared" si="78"/>
        <v>2.2628221691643775</v>
      </c>
      <c r="L573">
        <f t="shared" si="79"/>
        <v>10.861546411989012</v>
      </c>
      <c r="M573">
        <f t="shared" si="80"/>
        <v>0</v>
      </c>
      <c r="N573" s="46">
        <f t="shared" si="81"/>
        <v>45314.458333332026</v>
      </c>
    </row>
    <row r="574" spans="2:14" x14ac:dyDescent="0.3">
      <c r="B574">
        <f t="shared" si="75"/>
        <v>2</v>
      </c>
      <c r="C574" s="16">
        <v>540</v>
      </c>
      <c r="D574" cm="1">
        <f t="array" ref="D574">IFERROR(INDEX(Jesper!AH$2:AH$366,ROUNDDOWN($C574/24,0)+1,1)*INDEX($D$3:$AA$30,INDEX(Jesper!$R$2:$R$366,ROW(INDEX(Jesper!AH$2:AH$366,ROUNDDOWN($C574/24,0)+1,1))-1)+IF('Standard Profiles'!$G$18=$B$10,7,0)+IF('Standard Profiles'!$G$18=$B$17,14,0)+IF('Standard Profiles'!$G$18=$B$24,21,0),MOD($C574,24)+1)/SUM(INDEX($D$3:$AA$30,INDEX(Jesper!$R$2:$R$366,ROW(INDEX(Jesper!AH$2:AH$366,ROUNDDOWN($C574/24,0)+1,1))-1)+IF('Standard Profiles'!$G$18=$B$10,7,0)+IF('Standard Profiles'!$G$18=$B$17,14,0)+IF('Standard Profiles'!$G$18=$B$24,21,0),0)),0)</f>
        <v>15.085481127762518</v>
      </c>
      <c r="E574" cm="1">
        <f t="array" ref="E574">IFERROR(INDEX(Jesper!AI$2:AI$366,ROUNDDOWN($C574/24,0)+1,1)*INDEX($D$3:$AA$30,INDEX(Jesper!$R$2:$R$366,ROW(INDEX(Jesper!AI$2:AI$366,ROUNDDOWN($C574/24,0)+1,1))-1)+IF('Standard Profiles'!$G$19=$B$10,7,0)+IF('Standard Profiles'!$G$19=$B$17,14,0)+IF('Standard Profiles'!$G$19=$B$24,21,0),MOD($C574,24)+1)/SUM(INDEX($D$3:$AA$30,INDEX(Jesper!$R$2:$R$366,ROW(INDEX(Jesper!AI$2:AI$366,ROUNDDOWN($C574/24,0)+1,1))-1)+IF('Standard Profiles'!$G$19=$B$10,7,0)+IF('Standard Profiles'!$G$19=$B$17,14,0)+IF('Standard Profiles'!$G$19=$B$24,21,0),0)),0)</f>
        <v>0</v>
      </c>
      <c r="F574" cm="1">
        <f t="array" ref="F574">IFERROR(INDEX(Jesper!AJ$2:AJ$366,ROUNDDOWN($C574/24,0)+1,1)*INDEX($D$3:$AA$30,INDEX(Jesper!$R$2:$R$366,ROW(INDEX(Jesper!AJ$2:AJ$366,ROUNDDOWN($C574/24,0)+1,1))-1)+IF('Standard Profiles'!$G$20=$B$10,7,0)+IF('Standard Profiles'!$G$20=$B$17,14,0)+IF('Standard Profiles'!$G$20=$B$24,21,0),MOD($C574,24)+1)/SUM(INDEX($D$3:$AA$30,INDEX(Jesper!$R$2:$R$366,ROW(INDEX(Jesper!AJ$2:AJ$366,ROUNDDOWN($C574/24,0)+1,1))-1)+IF('Standard Profiles'!$G$20=$B$10,7,0)+IF('Standard Profiles'!$G$20=$B$17,14,0)+IF('Standard Profiles'!$G$20=$B$24,21,0),0)),0)</f>
        <v>0</v>
      </c>
      <c r="G574" cm="1">
        <f t="array" ref="G574">IFERROR(INDEX(Jesper!AK$2:AK$366,ROUNDDOWN($C574/24,0)+1,1)*INDEX($D$3:$AA$30,INDEX(Jesper!$R$2:$R$366,ROW(INDEX(Jesper!AK$2:AK$366,ROUNDDOWN($C574/24,0)+1,1))-1)+IF('Standard Profiles'!$G$21=$B$10,7,0)+IF('Standard Profiles'!$G$21=$B$17,14,0)+IF('Standard Profiles'!$G$21=$B$24,21,0),MOD($C574,24)+1)/SUM(INDEX($D$3:$AA$30,INDEX(Jesper!$R$2:$R$366,ROW(INDEX(Jesper!AK$2:AK$366,ROUNDDOWN($C574/24,0)+1,1))-1)+IF('Standard Profiles'!$G$21=$B$10,7,0)+IF('Standard Profiles'!$G$21=$B$17,14,0)+IF('Standard Profiles'!$G$21=$B$24,21,0),0)),0)</f>
        <v>0</v>
      </c>
      <c r="H574" cm="1">
        <f t="array" ref="H574">IFERROR(INDEX(Jesper!AL$2:AL$366,ROUNDDOWN($C574/24,0)+1,1)*INDEX($D$3:$AA$30,INDEX(Jesper!$R$2:$R$366,ROW(INDEX(Jesper!AL$2:AL$366,ROUNDDOWN($C574/24,0)+1,1))-1)+IF('Standard Profiles'!$G$22=$B$10,7,0)+IF('Standard Profiles'!$G$22=$B$17,14,0)+IF('Standard Profiles'!$G$22=$B$24,21,0),MOD($C574,24)+1)/SUM(INDEX($D$3:$AA$30,INDEX(Jesper!$R$2:$R$366,ROW(INDEX(Jesper!AL$2:AL$366,ROUNDDOWN($C574/24,0)+1,1))-1)+IF('Standard Profiles'!$G$22=$B$10,7,0)+IF('Standard Profiles'!$G$22=$B$17,14,0)+IF('Standard Profiles'!$G$22=$B$24,21,0),0)),0)</f>
        <v>0</v>
      </c>
      <c r="I574">
        <f t="shared" si="76"/>
        <v>0.45256443383287553</v>
      </c>
      <c r="J574">
        <f t="shared" si="77"/>
        <v>1.5085481127762519</v>
      </c>
      <c r="K574">
        <f t="shared" si="78"/>
        <v>2.2628221691643775</v>
      </c>
      <c r="L574">
        <f t="shared" si="79"/>
        <v>10.861546411989012</v>
      </c>
      <c r="M574">
        <f t="shared" si="80"/>
        <v>0</v>
      </c>
      <c r="N574" s="46">
        <f t="shared" si="81"/>
        <v>45314.49999999869</v>
      </c>
    </row>
    <row r="575" spans="2:14" x14ac:dyDescent="0.3">
      <c r="B575">
        <f t="shared" si="75"/>
        <v>2</v>
      </c>
      <c r="C575" s="16">
        <v>541</v>
      </c>
      <c r="D575" cm="1">
        <f t="array" ref="D575">IFERROR(INDEX(Jesper!AH$2:AH$366,ROUNDDOWN($C575/24,0)+1,1)*INDEX($D$3:$AA$30,INDEX(Jesper!$R$2:$R$366,ROW(INDEX(Jesper!AH$2:AH$366,ROUNDDOWN($C575/24,0)+1,1))-1)+IF('Standard Profiles'!$G$18=$B$10,7,0)+IF('Standard Profiles'!$G$18=$B$17,14,0)+IF('Standard Profiles'!$G$18=$B$24,21,0),MOD($C575,24)+1)/SUM(INDEX($D$3:$AA$30,INDEX(Jesper!$R$2:$R$366,ROW(INDEX(Jesper!AH$2:AH$366,ROUNDDOWN($C575/24,0)+1,1))-1)+IF('Standard Profiles'!$G$18=$B$10,7,0)+IF('Standard Profiles'!$G$18=$B$17,14,0)+IF('Standard Profiles'!$G$18=$B$24,21,0),0)),0)</f>
        <v>15.085481127762518</v>
      </c>
      <c r="E575" cm="1">
        <f t="array" ref="E575">IFERROR(INDEX(Jesper!AI$2:AI$366,ROUNDDOWN($C575/24,0)+1,1)*INDEX($D$3:$AA$30,INDEX(Jesper!$R$2:$R$366,ROW(INDEX(Jesper!AI$2:AI$366,ROUNDDOWN($C575/24,0)+1,1))-1)+IF('Standard Profiles'!$G$19=$B$10,7,0)+IF('Standard Profiles'!$G$19=$B$17,14,0)+IF('Standard Profiles'!$G$19=$B$24,21,0),MOD($C575,24)+1)/SUM(INDEX($D$3:$AA$30,INDEX(Jesper!$R$2:$R$366,ROW(INDEX(Jesper!AI$2:AI$366,ROUNDDOWN($C575/24,0)+1,1))-1)+IF('Standard Profiles'!$G$19=$B$10,7,0)+IF('Standard Profiles'!$G$19=$B$17,14,0)+IF('Standard Profiles'!$G$19=$B$24,21,0),0)),0)</f>
        <v>0</v>
      </c>
      <c r="F575" cm="1">
        <f t="array" ref="F575">IFERROR(INDEX(Jesper!AJ$2:AJ$366,ROUNDDOWN($C575/24,0)+1,1)*INDEX($D$3:$AA$30,INDEX(Jesper!$R$2:$R$366,ROW(INDEX(Jesper!AJ$2:AJ$366,ROUNDDOWN($C575/24,0)+1,1))-1)+IF('Standard Profiles'!$G$20=$B$10,7,0)+IF('Standard Profiles'!$G$20=$B$17,14,0)+IF('Standard Profiles'!$G$20=$B$24,21,0),MOD($C575,24)+1)/SUM(INDEX($D$3:$AA$30,INDEX(Jesper!$R$2:$R$366,ROW(INDEX(Jesper!AJ$2:AJ$366,ROUNDDOWN($C575/24,0)+1,1))-1)+IF('Standard Profiles'!$G$20=$B$10,7,0)+IF('Standard Profiles'!$G$20=$B$17,14,0)+IF('Standard Profiles'!$G$20=$B$24,21,0),0)),0)</f>
        <v>0</v>
      </c>
      <c r="G575" cm="1">
        <f t="array" ref="G575">IFERROR(INDEX(Jesper!AK$2:AK$366,ROUNDDOWN($C575/24,0)+1,1)*INDEX($D$3:$AA$30,INDEX(Jesper!$R$2:$R$366,ROW(INDEX(Jesper!AK$2:AK$366,ROUNDDOWN($C575/24,0)+1,1))-1)+IF('Standard Profiles'!$G$21=$B$10,7,0)+IF('Standard Profiles'!$G$21=$B$17,14,0)+IF('Standard Profiles'!$G$21=$B$24,21,0),MOD($C575,24)+1)/SUM(INDEX($D$3:$AA$30,INDEX(Jesper!$R$2:$R$366,ROW(INDEX(Jesper!AK$2:AK$366,ROUNDDOWN($C575/24,0)+1,1))-1)+IF('Standard Profiles'!$G$21=$B$10,7,0)+IF('Standard Profiles'!$G$21=$B$17,14,0)+IF('Standard Profiles'!$G$21=$B$24,21,0),0)),0)</f>
        <v>0</v>
      </c>
      <c r="H575" cm="1">
        <f t="array" ref="H575">IFERROR(INDEX(Jesper!AL$2:AL$366,ROUNDDOWN($C575/24,0)+1,1)*INDEX($D$3:$AA$30,INDEX(Jesper!$R$2:$R$366,ROW(INDEX(Jesper!AL$2:AL$366,ROUNDDOWN($C575/24,0)+1,1))-1)+IF('Standard Profiles'!$G$22=$B$10,7,0)+IF('Standard Profiles'!$G$22=$B$17,14,0)+IF('Standard Profiles'!$G$22=$B$24,21,0),MOD($C575,24)+1)/SUM(INDEX($D$3:$AA$30,INDEX(Jesper!$R$2:$R$366,ROW(INDEX(Jesper!AL$2:AL$366,ROUNDDOWN($C575/24,0)+1,1))-1)+IF('Standard Profiles'!$G$22=$B$10,7,0)+IF('Standard Profiles'!$G$22=$B$17,14,0)+IF('Standard Profiles'!$G$22=$B$24,21,0),0)),0)</f>
        <v>0</v>
      </c>
      <c r="I575">
        <f t="shared" si="76"/>
        <v>0.45256443383287553</v>
      </c>
      <c r="J575">
        <f t="shared" si="77"/>
        <v>1.5085481127762519</v>
      </c>
      <c r="K575">
        <f t="shared" si="78"/>
        <v>2.2628221691643775</v>
      </c>
      <c r="L575">
        <f t="shared" si="79"/>
        <v>10.861546411989012</v>
      </c>
      <c r="M575">
        <f t="shared" si="80"/>
        <v>0</v>
      </c>
      <c r="N575" s="46">
        <f t="shared" si="81"/>
        <v>45314.541666665355</v>
      </c>
    </row>
    <row r="576" spans="2:14" x14ac:dyDescent="0.3">
      <c r="B576">
        <f t="shared" si="75"/>
        <v>2</v>
      </c>
      <c r="C576" s="16">
        <v>542</v>
      </c>
      <c r="D576" cm="1">
        <f t="array" ref="D576">IFERROR(INDEX(Jesper!AH$2:AH$366,ROUNDDOWN($C576/24,0)+1,1)*INDEX($D$3:$AA$30,INDEX(Jesper!$R$2:$R$366,ROW(INDEX(Jesper!AH$2:AH$366,ROUNDDOWN($C576/24,0)+1,1))-1)+IF('Standard Profiles'!$G$18=$B$10,7,0)+IF('Standard Profiles'!$G$18=$B$17,14,0)+IF('Standard Profiles'!$G$18=$B$24,21,0),MOD($C576,24)+1)/SUM(INDEX($D$3:$AA$30,INDEX(Jesper!$R$2:$R$366,ROW(INDEX(Jesper!AH$2:AH$366,ROUNDDOWN($C576/24,0)+1,1))-1)+IF('Standard Profiles'!$G$18=$B$10,7,0)+IF('Standard Profiles'!$G$18=$B$17,14,0)+IF('Standard Profiles'!$G$18=$B$24,21,0),0)),0)</f>
        <v>15.085481127762518</v>
      </c>
      <c r="E576" cm="1">
        <f t="array" ref="E576">IFERROR(INDEX(Jesper!AI$2:AI$366,ROUNDDOWN($C576/24,0)+1,1)*INDEX($D$3:$AA$30,INDEX(Jesper!$R$2:$R$366,ROW(INDEX(Jesper!AI$2:AI$366,ROUNDDOWN($C576/24,0)+1,1))-1)+IF('Standard Profiles'!$G$19=$B$10,7,0)+IF('Standard Profiles'!$G$19=$B$17,14,0)+IF('Standard Profiles'!$G$19=$B$24,21,0),MOD($C576,24)+1)/SUM(INDEX($D$3:$AA$30,INDEX(Jesper!$R$2:$R$366,ROW(INDEX(Jesper!AI$2:AI$366,ROUNDDOWN($C576/24,0)+1,1))-1)+IF('Standard Profiles'!$G$19=$B$10,7,0)+IF('Standard Profiles'!$G$19=$B$17,14,0)+IF('Standard Profiles'!$G$19=$B$24,21,0),0)),0)</f>
        <v>0</v>
      </c>
      <c r="F576" cm="1">
        <f t="array" ref="F576">IFERROR(INDEX(Jesper!AJ$2:AJ$366,ROUNDDOWN($C576/24,0)+1,1)*INDEX($D$3:$AA$30,INDEX(Jesper!$R$2:$R$366,ROW(INDEX(Jesper!AJ$2:AJ$366,ROUNDDOWN($C576/24,0)+1,1))-1)+IF('Standard Profiles'!$G$20=$B$10,7,0)+IF('Standard Profiles'!$G$20=$B$17,14,0)+IF('Standard Profiles'!$G$20=$B$24,21,0),MOD($C576,24)+1)/SUM(INDEX($D$3:$AA$30,INDEX(Jesper!$R$2:$R$366,ROW(INDEX(Jesper!AJ$2:AJ$366,ROUNDDOWN($C576/24,0)+1,1))-1)+IF('Standard Profiles'!$G$20=$B$10,7,0)+IF('Standard Profiles'!$G$20=$B$17,14,0)+IF('Standard Profiles'!$G$20=$B$24,21,0),0)),0)</f>
        <v>0</v>
      </c>
      <c r="G576" cm="1">
        <f t="array" ref="G576">IFERROR(INDEX(Jesper!AK$2:AK$366,ROUNDDOWN($C576/24,0)+1,1)*INDEX($D$3:$AA$30,INDEX(Jesper!$R$2:$R$366,ROW(INDEX(Jesper!AK$2:AK$366,ROUNDDOWN($C576/24,0)+1,1))-1)+IF('Standard Profiles'!$G$21=$B$10,7,0)+IF('Standard Profiles'!$G$21=$B$17,14,0)+IF('Standard Profiles'!$G$21=$B$24,21,0),MOD($C576,24)+1)/SUM(INDEX($D$3:$AA$30,INDEX(Jesper!$R$2:$R$366,ROW(INDEX(Jesper!AK$2:AK$366,ROUNDDOWN($C576/24,0)+1,1))-1)+IF('Standard Profiles'!$G$21=$B$10,7,0)+IF('Standard Profiles'!$G$21=$B$17,14,0)+IF('Standard Profiles'!$G$21=$B$24,21,0),0)),0)</f>
        <v>0</v>
      </c>
      <c r="H576" cm="1">
        <f t="array" ref="H576">IFERROR(INDEX(Jesper!AL$2:AL$366,ROUNDDOWN($C576/24,0)+1,1)*INDEX($D$3:$AA$30,INDEX(Jesper!$R$2:$R$366,ROW(INDEX(Jesper!AL$2:AL$366,ROUNDDOWN($C576/24,0)+1,1))-1)+IF('Standard Profiles'!$G$22=$B$10,7,0)+IF('Standard Profiles'!$G$22=$B$17,14,0)+IF('Standard Profiles'!$G$22=$B$24,21,0),MOD($C576,24)+1)/SUM(INDEX($D$3:$AA$30,INDEX(Jesper!$R$2:$R$366,ROW(INDEX(Jesper!AL$2:AL$366,ROUNDDOWN($C576/24,0)+1,1))-1)+IF('Standard Profiles'!$G$22=$B$10,7,0)+IF('Standard Profiles'!$G$22=$B$17,14,0)+IF('Standard Profiles'!$G$22=$B$24,21,0),0)),0)</f>
        <v>0</v>
      </c>
      <c r="I576">
        <f t="shared" si="76"/>
        <v>0.45256443383287553</v>
      </c>
      <c r="J576">
        <f t="shared" si="77"/>
        <v>1.5085481127762519</v>
      </c>
      <c r="K576">
        <f t="shared" si="78"/>
        <v>2.2628221691643775</v>
      </c>
      <c r="L576">
        <f t="shared" si="79"/>
        <v>10.861546411989012</v>
      </c>
      <c r="M576">
        <f t="shared" si="80"/>
        <v>0</v>
      </c>
      <c r="N576" s="46">
        <f t="shared" si="81"/>
        <v>45314.583333332019</v>
      </c>
    </row>
    <row r="577" spans="2:14" x14ac:dyDescent="0.3">
      <c r="B577">
        <f t="shared" si="75"/>
        <v>2</v>
      </c>
      <c r="C577" s="16">
        <v>543</v>
      </c>
      <c r="D577" cm="1">
        <f t="array" ref="D577">IFERROR(INDEX(Jesper!AH$2:AH$366,ROUNDDOWN($C577/24,0)+1,1)*INDEX($D$3:$AA$30,INDEX(Jesper!$R$2:$R$366,ROW(INDEX(Jesper!AH$2:AH$366,ROUNDDOWN($C577/24,0)+1,1))-1)+IF('Standard Profiles'!$G$18=$B$10,7,0)+IF('Standard Profiles'!$G$18=$B$17,14,0)+IF('Standard Profiles'!$G$18=$B$24,21,0),MOD($C577,24)+1)/SUM(INDEX($D$3:$AA$30,INDEX(Jesper!$R$2:$R$366,ROW(INDEX(Jesper!AH$2:AH$366,ROUNDDOWN($C577/24,0)+1,1))-1)+IF('Standard Profiles'!$G$18=$B$10,7,0)+IF('Standard Profiles'!$G$18=$B$17,14,0)+IF('Standard Profiles'!$G$18=$B$24,21,0),0)),0)</f>
        <v>15.085481127762518</v>
      </c>
      <c r="E577" cm="1">
        <f t="array" ref="E577">IFERROR(INDEX(Jesper!AI$2:AI$366,ROUNDDOWN($C577/24,0)+1,1)*INDEX($D$3:$AA$30,INDEX(Jesper!$R$2:$R$366,ROW(INDEX(Jesper!AI$2:AI$366,ROUNDDOWN($C577/24,0)+1,1))-1)+IF('Standard Profiles'!$G$19=$B$10,7,0)+IF('Standard Profiles'!$G$19=$B$17,14,0)+IF('Standard Profiles'!$G$19=$B$24,21,0),MOD($C577,24)+1)/SUM(INDEX($D$3:$AA$30,INDEX(Jesper!$R$2:$R$366,ROW(INDEX(Jesper!AI$2:AI$366,ROUNDDOWN($C577/24,0)+1,1))-1)+IF('Standard Profiles'!$G$19=$B$10,7,0)+IF('Standard Profiles'!$G$19=$B$17,14,0)+IF('Standard Profiles'!$G$19=$B$24,21,0),0)),0)</f>
        <v>0</v>
      </c>
      <c r="F577" cm="1">
        <f t="array" ref="F577">IFERROR(INDEX(Jesper!AJ$2:AJ$366,ROUNDDOWN($C577/24,0)+1,1)*INDEX($D$3:$AA$30,INDEX(Jesper!$R$2:$R$366,ROW(INDEX(Jesper!AJ$2:AJ$366,ROUNDDOWN($C577/24,0)+1,1))-1)+IF('Standard Profiles'!$G$20=$B$10,7,0)+IF('Standard Profiles'!$G$20=$B$17,14,0)+IF('Standard Profiles'!$G$20=$B$24,21,0),MOD($C577,24)+1)/SUM(INDEX($D$3:$AA$30,INDEX(Jesper!$R$2:$R$366,ROW(INDEX(Jesper!AJ$2:AJ$366,ROUNDDOWN($C577/24,0)+1,1))-1)+IF('Standard Profiles'!$G$20=$B$10,7,0)+IF('Standard Profiles'!$G$20=$B$17,14,0)+IF('Standard Profiles'!$G$20=$B$24,21,0),0)),0)</f>
        <v>0</v>
      </c>
      <c r="G577" cm="1">
        <f t="array" ref="G577">IFERROR(INDEX(Jesper!AK$2:AK$366,ROUNDDOWN($C577/24,0)+1,1)*INDEX($D$3:$AA$30,INDEX(Jesper!$R$2:$R$366,ROW(INDEX(Jesper!AK$2:AK$366,ROUNDDOWN($C577/24,0)+1,1))-1)+IF('Standard Profiles'!$G$21=$B$10,7,0)+IF('Standard Profiles'!$G$21=$B$17,14,0)+IF('Standard Profiles'!$G$21=$B$24,21,0),MOD($C577,24)+1)/SUM(INDEX($D$3:$AA$30,INDEX(Jesper!$R$2:$R$366,ROW(INDEX(Jesper!AK$2:AK$366,ROUNDDOWN($C577/24,0)+1,1))-1)+IF('Standard Profiles'!$G$21=$B$10,7,0)+IF('Standard Profiles'!$G$21=$B$17,14,0)+IF('Standard Profiles'!$G$21=$B$24,21,0),0)),0)</f>
        <v>0</v>
      </c>
      <c r="H577" cm="1">
        <f t="array" ref="H577">IFERROR(INDEX(Jesper!AL$2:AL$366,ROUNDDOWN($C577/24,0)+1,1)*INDEX($D$3:$AA$30,INDEX(Jesper!$R$2:$R$366,ROW(INDEX(Jesper!AL$2:AL$366,ROUNDDOWN($C577/24,0)+1,1))-1)+IF('Standard Profiles'!$G$22=$B$10,7,0)+IF('Standard Profiles'!$G$22=$B$17,14,0)+IF('Standard Profiles'!$G$22=$B$24,21,0),MOD($C577,24)+1)/SUM(INDEX($D$3:$AA$30,INDEX(Jesper!$R$2:$R$366,ROW(INDEX(Jesper!AL$2:AL$366,ROUNDDOWN($C577/24,0)+1,1))-1)+IF('Standard Profiles'!$G$22=$B$10,7,0)+IF('Standard Profiles'!$G$22=$B$17,14,0)+IF('Standard Profiles'!$G$22=$B$24,21,0),0)),0)</f>
        <v>0</v>
      </c>
      <c r="I577">
        <f t="shared" si="76"/>
        <v>0.45256443383287553</v>
      </c>
      <c r="J577">
        <f t="shared" si="77"/>
        <v>1.5085481127762519</v>
      </c>
      <c r="K577">
        <f t="shared" si="78"/>
        <v>2.2628221691643775</v>
      </c>
      <c r="L577">
        <f t="shared" si="79"/>
        <v>10.861546411989012</v>
      </c>
      <c r="M577">
        <f t="shared" si="80"/>
        <v>0</v>
      </c>
      <c r="N577" s="46">
        <f t="shared" si="81"/>
        <v>45314.624999998683</v>
      </c>
    </row>
    <row r="578" spans="2:14" x14ac:dyDescent="0.3">
      <c r="B578">
        <f t="shared" si="75"/>
        <v>2</v>
      </c>
      <c r="C578" s="16">
        <v>544</v>
      </c>
      <c r="D578" cm="1">
        <f t="array" ref="D578">IFERROR(INDEX(Jesper!AH$2:AH$366,ROUNDDOWN($C578/24,0)+1,1)*INDEX($D$3:$AA$30,INDEX(Jesper!$R$2:$R$366,ROW(INDEX(Jesper!AH$2:AH$366,ROUNDDOWN($C578/24,0)+1,1))-1)+IF('Standard Profiles'!$G$18=$B$10,7,0)+IF('Standard Profiles'!$G$18=$B$17,14,0)+IF('Standard Profiles'!$G$18=$B$24,21,0),MOD($C578,24)+1)/SUM(INDEX($D$3:$AA$30,INDEX(Jesper!$R$2:$R$366,ROW(INDEX(Jesper!AH$2:AH$366,ROUNDDOWN($C578/24,0)+1,1))-1)+IF('Standard Profiles'!$G$18=$B$10,7,0)+IF('Standard Profiles'!$G$18=$B$17,14,0)+IF('Standard Profiles'!$G$18=$B$24,21,0),0)),0)</f>
        <v>15.085481127762518</v>
      </c>
      <c r="E578" cm="1">
        <f t="array" ref="E578">IFERROR(INDEX(Jesper!AI$2:AI$366,ROUNDDOWN($C578/24,0)+1,1)*INDEX($D$3:$AA$30,INDEX(Jesper!$R$2:$R$366,ROW(INDEX(Jesper!AI$2:AI$366,ROUNDDOWN($C578/24,0)+1,1))-1)+IF('Standard Profiles'!$G$19=$B$10,7,0)+IF('Standard Profiles'!$G$19=$B$17,14,0)+IF('Standard Profiles'!$G$19=$B$24,21,0),MOD($C578,24)+1)/SUM(INDEX($D$3:$AA$30,INDEX(Jesper!$R$2:$R$366,ROW(INDEX(Jesper!AI$2:AI$366,ROUNDDOWN($C578/24,0)+1,1))-1)+IF('Standard Profiles'!$G$19=$B$10,7,0)+IF('Standard Profiles'!$G$19=$B$17,14,0)+IF('Standard Profiles'!$G$19=$B$24,21,0),0)),0)</f>
        <v>0</v>
      </c>
      <c r="F578" cm="1">
        <f t="array" ref="F578">IFERROR(INDEX(Jesper!AJ$2:AJ$366,ROUNDDOWN($C578/24,0)+1,1)*INDEX($D$3:$AA$30,INDEX(Jesper!$R$2:$R$366,ROW(INDEX(Jesper!AJ$2:AJ$366,ROUNDDOWN($C578/24,0)+1,1))-1)+IF('Standard Profiles'!$G$20=$B$10,7,0)+IF('Standard Profiles'!$G$20=$B$17,14,0)+IF('Standard Profiles'!$G$20=$B$24,21,0),MOD($C578,24)+1)/SUM(INDEX($D$3:$AA$30,INDEX(Jesper!$R$2:$R$366,ROW(INDEX(Jesper!AJ$2:AJ$366,ROUNDDOWN($C578/24,0)+1,1))-1)+IF('Standard Profiles'!$G$20=$B$10,7,0)+IF('Standard Profiles'!$G$20=$B$17,14,0)+IF('Standard Profiles'!$G$20=$B$24,21,0),0)),0)</f>
        <v>0</v>
      </c>
      <c r="G578" cm="1">
        <f t="array" ref="G578">IFERROR(INDEX(Jesper!AK$2:AK$366,ROUNDDOWN($C578/24,0)+1,1)*INDEX($D$3:$AA$30,INDEX(Jesper!$R$2:$R$366,ROW(INDEX(Jesper!AK$2:AK$366,ROUNDDOWN($C578/24,0)+1,1))-1)+IF('Standard Profiles'!$G$21=$B$10,7,0)+IF('Standard Profiles'!$G$21=$B$17,14,0)+IF('Standard Profiles'!$G$21=$B$24,21,0),MOD($C578,24)+1)/SUM(INDEX($D$3:$AA$30,INDEX(Jesper!$R$2:$R$366,ROW(INDEX(Jesper!AK$2:AK$366,ROUNDDOWN($C578/24,0)+1,1))-1)+IF('Standard Profiles'!$G$21=$B$10,7,0)+IF('Standard Profiles'!$G$21=$B$17,14,0)+IF('Standard Profiles'!$G$21=$B$24,21,0),0)),0)</f>
        <v>0</v>
      </c>
      <c r="H578" cm="1">
        <f t="array" ref="H578">IFERROR(INDEX(Jesper!AL$2:AL$366,ROUNDDOWN($C578/24,0)+1,1)*INDEX($D$3:$AA$30,INDEX(Jesper!$R$2:$R$366,ROW(INDEX(Jesper!AL$2:AL$366,ROUNDDOWN($C578/24,0)+1,1))-1)+IF('Standard Profiles'!$G$22=$B$10,7,0)+IF('Standard Profiles'!$G$22=$B$17,14,0)+IF('Standard Profiles'!$G$22=$B$24,21,0),MOD($C578,24)+1)/SUM(INDEX($D$3:$AA$30,INDEX(Jesper!$R$2:$R$366,ROW(INDEX(Jesper!AL$2:AL$366,ROUNDDOWN($C578/24,0)+1,1))-1)+IF('Standard Profiles'!$G$22=$B$10,7,0)+IF('Standard Profiles'!$G$22=$B$17,14,0)+IF('Standard Profiles'!$G$22=$B$24,21,0),0)),0)</f>
        <v>0</v>
      </c>
      <c r="I578">
        <f t="shared" si="76"/>
        <v>0.45256443383287553</v>
      </c>
      <c r="J578">
        <f t="shared" si="77"/>
        <v>1.5085481127762519</v>
      </c>
      <c r="K578">
        <f t="shared" si="78"/>
        <v>2.2628221691643775</v>
      </c>
      <c r="L578">
        <f t="shared" si="79"/>
        <v>10.861546411989012</v>
      </c>
      <c r="M578">
        <f t="shared" si="80"/>
        <v>0</v>
      </c>
      <c r="N578" s="46">
        <f t="shared" si="81"/>
        <v>45314.666666665347</v>
      </c>
    </row>
    <row r="579" spans="2:14" x14ac:dyDescent="0.3">
      <c r="B579">
        <f t="shared" si="75"/>
        <v>2</v>
      </c>
      <c r="C579" s="16">
        <v>545</v>
      </c>
      <c r="D579" cm="1">
        <f t="array" ref="D579">IFERROR(INDEX(Jesper!AH$2:AH$366,ROUNDDOWN($C579/24,0)+1,1)*INDEX($D$3:$AA$30,INDEX(Jesper!$R$2:$R$366,ROW(INDEX(Jesper!AH$2:AH$366,ROUNDDOWN($C579/24,0)+1,1))-1)+IF('Standard Profiles'!$G$18=$B$10,7,0)+IF('Standard Profiles'!$G$18=$B$17,14,0)+IF('Standard Profiles'!$G$18=$B$24,21,0),MOD($C579,24)+1)/SUM(INDEX($D$3:$AA$30,INDEX(Jesper!$R$2:$R$366,ROW(INDEX(Jesper!AH$2:AH$366,ROUNDDOWN($C579/24,0)+1,1))-1)+IF('Standard Profiles'!$G$18=$B$10,7,0)+IF('Standard Profiles'!$G$18=$B$17,14,0)+IF('Standard Profiles'!$G$18=$B$24,21,0),0)),0)</f>
        <v>15.085481127762518</v>
      </c>
      <c r="E579" cm="1">
        <f t="array" ref="E579">IFERROR(INDEX(Jesper!AI$2:AI$366,ROUNDDOWN($C579/24,0)+1,1)*INDEX($D$3:$AA$30,INDEX(Jesper!$R$2:$R$366,ROW(INDEX(Jesper!AI$2:AI$366,ROUNDDOWN($C579/24,0)+1,1))-1)+IF('Standard Profiles'!$G$19=$B$10,7,0)+IF('Standard Profiles'!$G$19=$B$17,14,0)+IF('Standard Profiles'!$G$19=$B$24,21,0),MOD($C579,24)+1)/SUM(INDEX($D$3:$AA$30,INDEX(Jesper!$R$2:$R$366,ROW(INDEX(Jesper!AI$2:AI$366,ROUNDDOWN($C579/24,0)+1,1))-1)+IF('Standard Profiles'!$G$19=$B$10,7,0)+IF('Standard Profiles'!$G$19=$B$17,14,0)+IF('Standard Profiles'!$G$19=$B$24,21,0),0)),0)</f>
        <v>0</v>
      </c>
      <c r="F579" cm="1">
        <f t="array" ref="F579">IFERROR(INDEX(Jesper!AJ$2:AJ$366,ROUNDDOWN($C579/24,0)+1,1)*INDEX($D$3:$AA$30,INDEX(Jesper!$R$2:$R$366,ROW(INDEX(Jesper!AJ$2:AJ$366,ROUNDDOWN($C579/24,0)+1,1))-1)+IF('Standard Profiles'!$G$20=$B$10,7,0)+IF('Standard Profiles'!$G$20=$B$17,14,0)+IF('Standard Profiles'!$G$20=$B$24,21,0),MOD($C579,24)+1)/SUM(INDEX($D$3:$AA$30,INDEX(Jesper!$R$2:$R$366,ROW(INDEX(Jesper!AJ$2:AJ$366,ROUNDDOWN($C579/24,0)+1,1))-1)+IF('Standard Profiles'!$G$20=$B$10,7,0)+IF('Standard Profiles'!$G$20=$B$17,14,0)+IF('Standard Profiles'!$G$20=$B$24,21,0),0)),0)</f>
        <v>0</v>
      </c>
      <c r="G579" cm="1">
        <f t="array" ref="G579">IFERROR(INDEX(Jesper!AK$2:AK$366,ROUNDDOWN($C579/24,0)+1,1)*INDEX($D$3:$AA$30,INDEX(Jesper!$R$2:$R$366,ROW(INDEX(Jesper!AK$2:AK$366,ROUNDDOWN($C579/24,0)+1,1))-1)+IF('Standard Profiles'!$G$21=$B$10,7,0)+IF('Standard Profiles'!$G$21=$B$17,14,0)+IF('Standard Profiles'!$G$21=$B$24,21,0),MOD($C579,24)+1)/SUM(INDEX($D$3:$AA$30,INDEX(Jesper!$R$2:$R$366,ROW(INDEX(Jesper!AK$2:AK$366,ROUNDDOWN($C579/24,0)+1,1))-1)+IF('Standard Profiles'!$G$21=$B$10,7,0)+IF('Standard Profiles'!$G$21=$B$17,14,0)+IF('Standard Profiles'!$G$21=$B$24,21,0),0)),0)</f>
        <v>0</v>
      </c>
      <c r="H579" cm="1">
        <f t="array" ref="H579">IFERROR(INDEX(Jesper!AL$2:AL$366,ROUNDDOWN($C579/24,0)+1,1)*INDEX($D$3:$AA$30,INDEX(Jesper!$R$2:$R$366,ROW(INDEX(Jesper!AL$2:AL$366,ROUNDDOWN($C579/24,0)+1,1))-1)+IF('Standard Profiles'!$G$22=$B$10,7,0)+IF('Standard Profiles'!$G$22=$B$17,14,0)+IF('Standard Profiles'!$G$22=$B$24,21,0),MOD($C579,24)+1)/SUM(INDEX($D$3:$AA$30,INDEX(Jesper!$R$2:$R$366,ROW(INDEX(Jesper!AL$2:AL$366,ROUNDDOWN($C579/24,0)+1,1))-1)+IF('Standard Profiles'!$G$22=$B$10,7,0)+IF('Standard Profiles'!$G$22=$B$17,14,0)+IF('Standard Profiles'!$G$22=$B$24,21,0),0)),0)</f>
        <v>0</v>
      </c>
      <c r="I579">
        <f t="shared" si="76"/>
        <v>0.45256443383287553</v>
      </c>
      <c r="J579">
        <f t="shared" si="77"/>
        <v>1.5085481127762519</v>
      </c>
      <c r="K579">
        <f t="shared" si="78"/>
        <v>2.2628221691643775</v>
      </c>
      <c r="L579">
        <f t="shared" si="79"/>
        <v>10.861546411989012</v>
      </c>
      <c r="M579">
        <f t="shared" si="80"/>
        <v>0</v>
      </c>
      <c r="N579" s="46">
        <f t="shared" si="81"/>
        <v>45314.708333332012</v>
      </c>
    </row>
    <row r="580" spans="2:14" x14ac:dyDescent="0.3">
      <c r="B580">
        <f t="shared" si="75"/>
        <v>2</v>
      </c>
      <c r="C580" s="16">
        <v>546</v>
      </c>
      <c r="D580" cm="1">
        <f t="array" ref="D580">IFERROR(INDEX(Jesper!AH$2:AH$366,ROUNDDOWN($C580/24,0)+1,1)*INDEX($D$3:$AA$30,INDEX(Jesper!$R$2:$R$366,ROW(INDEX(Jesper!AH$2:AH$366,ROUNDDOWN($C580/24,0)+1,1))-1)+IF('Standard Profiles'!$G$18=$B$10,7,0)+IF('Standard Profiles'!$G$18=$B$17,14,0)+IF('Standard Profiles'!$G$18=$B$24,21,0),MOD($C580,24)+1)/SUM(INDEX($D$3:$AA$30,INDEX(Jesper!$R$2:$R$366,ROW(INDEX(Jesper!AH$2:AH$366,ROUNDDOWN($C580/24,0)+1,1))-1)+IF('Standard Profiles'!$G$18=$B$10,7,0)+IF('Standard Profiles'!$G$18=$B$17,14,0)+IF('Standard Profiles'!$G$18=$B$24,21,0),0)),0)</f>
        <v>15.085481127762518</v>
      </c>
      <c r="E580" cm="1">
        <f t="array" ref="E580">IFERROR(INDEX(Jesper!AI$2:AI$366,ROUNDDOWN($C580/24,0)+1,1)*INDEX($D$3:$AA$30,INDEX(Jesper!$R$2:$R$366,ROW(INDEX(Jesper!AI$2:AI$366,ROUNDDOWN($C580/24,0)+1,1))-1)+IF('Standard Profiles'!$G$19=$B$10,7,0)+IF('Standard Profiles'!$G$19=$B$17,14,0)+IF('Standard Profiles'!$G$19=$B$24,21,0),MOD($C580,24)+1)/SUM(INDEX($D$3:$AA$30,INDEX(Jesper!$R$2:$R$366,ROW(INDEX(Jesper!AI$2:AI$366,ROUNDDOWN($C580/24,0)+1,1))-1)+IF('Standard Profiles'!$G$19=$B$10,7,0)+IF('Standard Profiles'!$G$19=$B$17,14,0)+IF('Standard Profiles'!$G$19=$B$24,21,0),0)),0)</f>
        <v>0</v>
      </c>
      <c r="F580" cm="1">
        <f t="array" ref="F580">IFERROR(INDEX(Jesper!AJ$2:AJ$366,ROUNDDOWN($C580/24,0)+1,1)*INDEX($D$3:$AA$30,INDEX(Jesper!$R$2:$R$366,ROW(INDEX(Jesper!AJ$2:AJ$366,ROUNDDOWN($C580/24,0)+1,1))-1)+IF('Standard Profiles'!$G$20=$B$10,7,0)+IF('Standard Profiles'!$G$20=$B$17,14,0)+IF('Standard Profiles'!$G$20=$B$24,21,0),MOD($C580,24)+1)/SUM(INDEX($D$3:$AA$30,INDEX(Jesper!$R$2:$R$366,ROW(INDEX(Jesper!AJ$2:AJ$366,ROUNDDOWN($C580/24,0)+1,1))-1)+IF('Standard Profiles'!$G$20=$B$10,7,0)+IF('Standard Profiles'!$G$20=$B$17,14,0)+IF('Standard Profiles'!$G$20=$B$24,21,0),0)),0)</f>
        <v>0</v>
      </c>
      <c r="G580" cm="1">
        <f t="array" ref="G580">IFERROR(INDEX(Jesper!AK$2:AK$366,ROUNDDOWN($C580/24,0)+1,1)*INDEX($D$3:$AA$30,INDEX(Jesper!$R$2:$R$366,ROW(INDEX(Jesper!AK$2:AK$366,ROUNDDOWN($C580/24,0)+1,1))-1)+IF('Standard Profiles'!$G$21=$B$10,7,0)+IF('Standard Profiles'!$G$21=$B$17,14,0)+IF('Standard Profiles'!$G$21=$B$24,21,0),MOD($C580,24)+1)/SUM(INDEX($D$3:$AA$30,INDEX(Jesper!$R$2:$R$366,ROW(INDEX(Jesper!AK$2:AK$366,ROUNDDOWN($C580/24,0)+1,1))-1)+IF('Standard Profiles'!$G$21=$B$10,7,0)+IF('Standard Profiles'!$G$21=$B$17,14,0)+IF('Standard Profiles'!$G$21=$B$24,21,0),0)),0)</f>
        <v>0</v>
      </c>
      <c r="H580" cm="1">
        <f t="array" ref="H580">IFERROR(INDEX(Jesper!AL$2:AL$366,ROUNDDOWN($C580/24,0)+1,1)*INDEX($D$3:$AA$30,INDEX(Jesper!$R$2:$R$366,ROW(INDEX(Jesper!AL$2:AL$366,ROUNDDOWN($C580/24,0)+1,1))-1)+IF('Standard Profiles'!$G$22=$B$10,7,0)+IF('Standard Profiles'!$G$22=$B$17,14,0)+IF('Standard Profiles'!$G$22=$B$24,21,0),MOD($C580,24)+1)/SUM(INDEX($D$3:$AA$30,INDEX(Jesper!$R$2:$R$366,ROW(INDEX(Jesper!AL$2:AL$366,ROUNDDOWN($C580/24,0)+1,1))-1)+IF('Standard Profiles'!$G$22=$B$10,7,0)+IF('Standard Profiles'!$G$22=$B$17,14,0)+IF('Standard Profiles'!$G$22=$B$24,21,0),0)),0)</f>
        <v>0</v>
      </c>
      <c r="I580">
        <f t="shared" si="76"/>
        <v>0.45256443383287553</v>
      </c>
      <c r="J580">
        <f t="shared" si="77"/>
        <v>1.5085481127762519</v>
      </c>
      <c r="K580">
        <f t="shared" si="78"/>
        <v>2.2628221691643775</v>
      </c>
      <c r="L580">
        <f t="shared" si="79"/>
        <v>10.861546411989012</v>
      </c>
      <c r="M580">
        <f t="shared" si="80"/>
        <v>0</v>
      </c>
      <c r="N580" s="46">
        <f t="shared" si="81"/>
        <v>45314.749999998676</v>
      </c>
    </row>
    <row r="581" spans="2:14" x14ac:dyDescent="0.3">
      <c r="B581">
        <f t="shared" si="75"/>
        <v>2</v>
      </c>
      <c r="C581" s="16">
        <v>547</v>
      </c>
      <c r="D581" cm="1">
        <f t="array" ref="D581">IFERROR(INDEX(Jesper!AH$2:AH$366,ROUNDDOWN($C581/24,0)+1,1)*INDEX($D$3:$AA$30,INDEX(Jesper!$R$2:$R$366,ROW(INDEX(Jesper!AH$2:AH$366,ROUNDDOWN($C581/24,0)+1,1))-1)+IF('Standard Profiles'!$G$18=$B$10,7,0)+IF('Standard Profiles'!$G$18=$B$17,14,0)+IF('Standard Profiles'!$G$18=$B$24,21,0),MOD($C581,24)+1)/SUM(INDEX($D$3:$AA$30,INDEX(Jesper!$R$2:$R$366,ROW(INDEX(Jesper!AH$2:AH$366,ROUNDDOWN($C581/24,0)+1,1))-1)+IF('Standard Profiles'!$G$18=$B$10,7,0)+IF('Standard Profiles'!$G$18=$B$17,14,0)+IF('Standard Profiles'!$G$18=$B$24,21,0),0)),0)</f>
        <v>12.634090444501107</v>
      </c>
      <c r="E581" cm="1">
        <f t="array" ref="E581">IFERROR(INDEX(Jesper!AI$2:AI$366,ROUNDDOWN($C581/24,0)+1,1)*INDEX($D$3:$AA$30,INDEX(Jesper!$R$2:$R$366,ROW(INDEX(Jesper!AI$2:AI$366,ROUNDDOWN($C581/24,0)+1,1))-1)+IF('Standard Profiles'!$G$19=$B$10,7,0)+IF('Standard Profiles'!$G$19=$B$17,14,0)+IF('Standard Profiles'!$G$19=$B$24,21,0),MOD($C581,24)+1)/SUM(INDEX($D$3:$AA$30,INDEX(Jesper!$R$2:$R$366,ROW(INDEX(Jesper!AI$2:AI$366,ROUNDDOWN($C581/24,0)+1,1))-1)+IF('Standard Profiles'!$G$19=$B$10,7,0)+IF('Standard Profiles'!$G$19=$B$17,14,0)+IF('Standard Profiles'!$G$19=$B$24,21,0),0)),0)</f>
        <v>0</v>
      </c>
      <c r="F581" cm="1">
        <f t="array" ref="F581">IFERROR(INDEX(Jesper!AJ$2:AJ$366,ROUNDDOWN($C581/24,0)+1,1)*INDEX($D$3:$AA$30,INDEX(Jesper!$R$2:$R$366,ROW(INDEX(Jesper!AJ$2:AJ$366,ROUNDDOWN($C581/24,0)+1,1))-1)+IF('Standard Profiles'!$G$20=$B$10,7,0)+IF('Standard Profiles'!$G$20=$B$17,14,0)+IF('Standard Profiles'!$G$20=$B$24,21,0),MOD($C581,24)+1)/SUM(INDEX($D$3:$AA$30,INDEX(Jesper!$R$2:$R$366,ROW(INDEX(Jesper!AJ$2:AJ$366,ROUNDDOWN($C581/24,0)+1,1))-1)+IF('Standard Profiles'!$G$20=$B$10,7,0)+IF('Standard Profiles'!$G$20=$B$17,14,0)+IF('Standard Profiles'!$G$20=$B$24,21,0),0)),0)</f>
        <v>0</v>
      </c>
      <c r="G581" cm="1">
        <f t="array" ref="G581">IFERROR(INDEX(Jesper!AK$2:AK$366,ROUNDDOWN($C581/24,0)+1,1)*INDEX($D$3:$AA$30,INDEX(Jesper!$R$2:$R$366,ROW(INDEX(Jesper!AK$2:AK$366,ROUNDDOWN($C581/24,0)+1,1))-1)+IF('Standard Profiles'!$G$21=$B$10,7,0)+IF('Standard Profiles'!$G$21=$B$17,14,0)+IF('Standard Profiles'!$G$21=$B$24,21,0),MOD($C581,24)+1)/SUM(INDEX($D$3:$AA$30,INDEX(Jesper!$R$2:$R$366,ROW(INDEX(Jesper!AK$2:AK$366,ROUNDDOWN($C581/24,0)+1,1))-1)+IF('Standard Profiles'!$G$21=$B$10,7,0)+IF('Standard Profiles'!$G$21=$B$17,14,0)+IF('Standard Profiles'!$G$21=$B$24,21,0),0)),0)</f>
        <v>0</v>
      </c>
      <c r="H581" cm="1">
        <f t="array" ref="H581">IFERROR(INDEX(Jesper!AL$2:AL$366,ROUNDDOWN($C581/24,0)+1,1)*INDEX($D$3:$AA$30,INDEX(Jesper!$R$2:$R$366,ROW(INDEX(Jesper!AL$2:AL$366,ROUNDDOWN($C581/24,0)+1,1))-1)+IF('Standard Profiles'!$G$22=$B$10,7,0)+IF('Standard Profiles'!$G$22=$B$17,14,0)+IF('Standard Profiles'!$G$22=$B$24,21,0),MOD($C581,24)+1)/SUM(INDEX($D$3:$AA$30,INDEX(Jesper!$R$2:$R$366,ROW(INDEX(Jesper!AL$2:AL$366,ROUNDDOWN($C581/24,0)+1,1))-1)+IF('Standard Profiles'!$G$22=$B$10,7,0)+IF('Standard Profiles'!$G$22=$B$17,14,0)+IF('Standard Profiles'!$G$22=$B$24,21,0),0)),0)</f>
        <v>0</v>
      </c>
      <c r="I581">
        <f t="shared" si="76"/>
        <v>0.37902271333503318</v>
      </c>
      <c r="J581">
        <f t="shared" si="77"/>
        <v>1.2634090444501107</v>
      </c>
      <c r="K581">
        <f t="shared" si="78"/>
        <v>1.895113566675166</v>
      </c>
      <c r="L581">
        <f t="shared" si="79"/>
        <v>9.0965451200407959</v>
      </c>
      <c r="M581">
        <f t="shared" si="80"/>
        <v>0</v>
      </c>
      <c r="N581" s="46">
        <f t="shared" si="81"/>
        <v>45314.79166666534</v>
      </c>
    </row>
    <row r="582" spans="2:14" x14ac:dyDescent="0.3">
      <c r="B582">
        <f t="shared" si="75"/>
        <v>2</v>
      </c>
      <c r="C582" s="16">
        <v>548</v>
      </c>
      <c r="D582" cm="1">
        <f t="array" ref="D582">IFERROR(INDEX(Jesper!AH$2:AH$366,ROUNDDOWN($C582/24,0)+1,1)*INDEX($D$3:$AA$30,INDEX(Jesper!$R$2:$R$366,ROW(INDEX(Jesper!AH$2:AH$366,ROUNDDOWN($C582/24,0)+1,1))-1)+IF('Standard Profiles'!$G$18=$B$10,7,0)+IF('Standard Profiles'!$G$18=$B$17,14,0)+IF('Standard Profiles'!$G$18=$B$24,21,0),MOD($C582,24)+1)/SUM(INDEX($D$3:$AA$30,INDEX(Jesper!$R$2:$R$366,ROW(INDEX(Jesper!AH$2:AH$366,ROUNDDOWN($C582/24,0)+1,1))-1)+IF('Standard Profiles'!$G$18=$B$10,7,0)+IF('Standard Profiles'!$G$18=$B$17,14,0)+IF('Standard Profiles'!$G$18=$B$24,21,0),0)),0)</f>
        <v>10.37126827533673</v>
      </c>
      <c r="E582" cm="1">
        <f t="array" ref="E582">IFERROR(INDEX(Jesper!AI$2:AI$366,ROUNDDOWN($C582/24,0)+1,1)*INDEX($D$3:$AA$30,INDEX(Jesper!$R$2:$R$366,ROW(INDEX(Jesper!AI$2:AI$366,ROUNDDOWN($C582/24,0)+1,1))-1)+IF('Standard Profiles'!$G$19=$B$10,7,0)+IF('Standard Profiles'!$G$19=$B$17,14,0)+IF('Standard Profiles'!$G$19=$B$24,21,0),MOD($C582,24)+1)/SUM(INDEX($D$3:$AA$30,INDEX(Jesper!$R$2:$R$366,ROW(INDEX(Jesper!AI$2:AI$366,ROUNDDOWN($C582/24,0)+1,1))-1)+IF('Standard Profiles'!$G$19=$B$10,7,0)+IF('Standard Profiles'!$G$19=$B$17,14,0)+IF('Standard Profiles'!$G$19=$B$24,21,0),0)),0)</f>
        <v>0</v>
      </c>
      <c r="F582" cm="1">
        <f t="array" ref="F582">IFERROR(INDEX(Jesper!AJ$2:AJ$366,ROUNDDOWN($C582/24,0)+1,1)*INDEX($D$3:$AA$30,INDEX(Jesper!$R$2:$R$366,ROW(INDEX(Jesper!AJ$2:AJ$366,ROUNDDOWN($C582/24,0)+1,1))-1)+IF('Standard Profiles'!$G$20=$B$10,7,0)+IF('Standard Profiles'!$G$20=$B$17,14,0)+IF('Standard Profiles'!$G$20=$B$24,21,0),MOD($C582,24)+1)/SUM(INDEX($D$3:$AA$30,INDEX(Jesper!$R$2:$R$366,ROW(INDEX(Jesper!AJ$2:AJ$366,ROUNDDOWN($C582/24,0)+1,1))-1)+IF('Standard Profiles'!$G$20=$B$10,7,0)+IF('Standard Profiles'!$G$20=$B$17,14,0)+IF('Standard Profiles'!$G$20=$B$24,21,0),0)),0)</f>
        <v>0</v>
      </c>
      <c r="G582" cm="1">
        <f t="array" ref="G582">IFERROR(INDEX(Jesper!AK$2:AK$366,ROUNDDOWN($C582/24,0)+1,1)*INDEX($D$3:$AA$30,INDEX(Jesper!$R$2:$R$366,ROW(INDEX(Jesper!AK$2:AK$366,ROUNDDOWN($C582/24,0)+1,1))-1)+IF('Standard Profiles'!$G$21=$B$10,7,0)+IF('Standard Profiles'!$G$21=$B$17,14,0)+IF('Standard Profiles'!$G$21=$B$24,21,0),MOD($C582,24)+1)/SUM(INDEX($D$3:$AA$30,INDEX(Jesper!$R$2:$R$366,ROW(INDEX(Jesper!AK$2:AK$366,ROUNDDOWN($C582/24,0)+1,1))-1)+IF('Standard Profiles'!$G$21=$B$10,7,0)+IF('Standard Profiles'!$G$21=$B$17,14,0)+IF('Standard Profiles'!$G$21=$B$24,21,0),0)),0)</f>
        <v>0</v>
      </c>
      <c r="H582" cm="1">
        <f t="array" ref="H582">IFERROR(INDEX(Jesper!AL$2:AL$366,ROUNDDOWN($C582/24,0)+1,1)*INDEX($D$3:$AA$30,INDEX(Jesper!$R$2:$R$366,ROW(INDEX(Jesper!AL$2:AL$366,ROUNDDOWN($C582/24,0)+1,1))-1)+IF('Standard Profiles'!$G$22=$B$10,7,0)+IF('Standard Profiles'!$G$22=$B$17,14,0)+IF('Standard Profiles'!$G$22=$B$24,21,0),MOD($C582,24)+1)/SUM(INDEX($D$3:$AA$30,INDEX(Jesper!$R$2:$R$366,ROW(INDEX(Jesper!AL$2:AL$366,ROUNDDOWN($C582/24,0)+1,1))-1)+IF('Standard Profiles'!$G$22=$B$10,7,0)+IF('Standard Profiles'!$G$22=$B$17,14,0)+IF('Standard Profiles'!$G$22=$B$24,21,0),0)),0)</f>
        <v>0</v>
      </c>
      <c r="I582">
        <f t="shared" si="76"/>
        <v>0.31113804826010188</v>
      </c>
      <c r="J582">
        <f t="shared" si="77"/>
        <v>1.0371268275336731</v>
      </c>
      <c r="K582">
        <f t="shared" si="78"/>
        <v>1.5556902413005094</v>
      </c>
      <c r="L582">
        <f t="shared" si="79"/>
        <v>7.4673131582424457</v>
      </c>
      <c r="M582">
        <f t="shared" si="80"/>
        <v>0</v>
      </c>
      <c r="N582" s="46">
        <f t="shared" si="81"/>
        <v>45314.833333332004</v>
      </c>
    </row>
    <row r="583" spans="2:14" x14ac:dyDescent="0.3">
      <c r="B583">
        <f t="shared" si="75"/>
        <v>2</v>
      </c>
      <c r="C583" s="16">
        <v>549</v>
      </c>
      <c r="D583" cm="1">
        <f t="array" ref="D583">IFERROR(INDEX(Jesper!AH$2:AH$366,ROUNDDOWN($C583/24,0)+1,1)*INDEX($D$3:$AA$30,INDEX(Jesper!$R$2:$R$366,ROW(INDEX(Jesper!AH$2:AH$366,ROUNDDOWN($C583/24,0)+1,1))-1)+IF('Standard Profiles'!$G$18=$B$10,7,0)+IF('Standard Profiles'!$G$18=$B$17,14,0)+IF('Standard Profiles'!$G$18=$B$24,21,0),MOD($C583,24)+1)/SUM(INDEX($D$3:$AA$30,INDEX(Jesper!$R$2:$R$366,ROW(INDEX(Jesper!AH$2:AH$366,ROUNDDOWN($C583/24,0)+1,1))-1)+IF('Standard Profiles'!$G$18=$B$10,7,0)+IF('Standard Profiles'!$G$18=$B$17,14,0)+IF('Standard Profiles'!$G$18=$B$24,21,0),0)),0)</f>
        <v>7.5427405638812592</v>
      </c>
      <c r="E583" cm="1">
        <f t="array" ref="E583">IFERROR(INDEX(Jesper!AI$2:AI$366,ROUNDDOWN($C583/24,0)+1,1)*INDEX($D$3:$AA$30,INDEX(Jesper!$R$2:$R$366,ROW(INDEX(Jesper!AI$2:AI$366,ROUNDDOWN($C583/24,0)+1,1))-1)+IF('Standard Profiles'!$G$19=$B$10,7,0)+IF('Standard Profiles'!$G$19=$B$17,14,0)+IF('Standard Profiles'!$G$19=$B$24,21,0),MOD($C583,24)+1)/SUM(INDEX($D$3:$AA$30,INDEX(Jesper!$R$2:$R$366,ROW(INDEX(Jesper!AI$2:AI$366,ROUNDDOWN($C583/24,0)+1,1))-1)+IF('Standard Profiles'!$G$19=$B$10,7,0)+IF('Standard Profiles'!$G$19=$B$17,14,0)+IF('Standard Profiles'!$G$19=$B$24,21,0),0)),0)</f>
        <v>0</v>
      </c>
      <c r="F583" cm="1">
        <f t="array" ref="F583">IFERROR(INDEX(Jesper!AJ$2:AJ$366,ROUNDDOWN($C583/24,0)+1,1)*INDEX($D$3:$AA$30,INDEX(Jesper!$R$2:$R$366,ROW(INDEX(Jesper!AJ$2:AJ$366,ROUNDDOWN($C583/24,0)+1,1))-1)+IF('Standard Profiles'!$G$20=$B$10,7,0)+IF('Standard Profiles'!$G$20=$B$17,14,0)+IF('Standard Profiles'!$G$20=$B$24,21,0),MOD($C583,24)+1)/SUM(INDEX($D$3:$AA$30,INDEX(Jesper!$R$2:$R$366,ROW(INDEX(Jesper!AJ$2:AJ$366,ROUNDDOWN($C583/24,0)+1,1))-1)+IF('Standard Profiles'!$G$20=$B$10,7,0)+IF('Standard Profiles'!$G$20=$B$17,14,0)+IF('Standard Profiles'!$G$20=$B$24,21,0),0)),0)</f>
        <v>0</v>
      </c>
      <c r="G583" cm="1">
        <f t="array" ref="G583">IFERROR(INDEX(Jesper!AK$2:AK$366,ROUNDDOWN($C583/24,0)+1,1)*INDEX($D$3:$AA$30,INDEX(Jesper!$R$2:$R$366,ROW(INDEX(Jesper!AK$2:AK$366,ROUNDDOWN($C583/24,0)+1,1))-1)+IF('Standard Profiles'!$G$21=$B$10,7,0)+IF('Standard Profiles'!$G$21=$B$17,14,0)+IF('Standard Profiles'!$G$21=$B$24,21,0),MOD($C583,24)+1)/SUM(INDEX($D$3:$AA$30,INDEX(Jesper!$R$2:$R$366,ROW(INDEX(Jesper!AK$2:AK$366,ROUNDDOWN($C583/24,0)+1,1))-1)+IF('Standard Profiles'!$G$21=$B$10,7,0)+IF('Standard Profiles'!$G$21=$B$17,14,0)+IF('Standard Profiles'!$G$21=$B$24,21,0),0)),0)</f>
        <v>0</v>
      </c>
      <c r="H583" cm="1">
        <f t="array" ref="H583">IFERROR(INDEX(Jesper!AL$2:AL$366,ROUNDDOWN($C583/24,0)+1,1)*INDEX($D$3:$AA$30,INDEX(Jesper!$R$2:$R$366,ROW(INDEX(Jesper!AL$2:AL$366,ROUNDDOWN($C583/24,0)+1,1))-1)+IF('Standard Profiles'!$G$22=$B$10,7,0)+IF('Standard Profiles'!$G$22=$B$17,14,0)+IF('Standard Profiles'!$G$22=$B$24,21,0),MOD($C583,24)+1)/SUM(INDEX($D$3:$AA$30,INDEX(Jesper!$R$2:$R$366,ROW(INDEX(Jesper!AL$2:AL$366,ROUNDDOWN($C583/24,0)+1,1))-1)+IF('Standard Profiles'!$G$22=$B$10,7,0)+IF('Standard Profiles'!$G$22=$B$17,14,0)+IF('Standard Profiles'!$G$22=$B$24,21,0),0)),0)</f>
        <v>0</v>
      </c>
      <c r="I583">
        <f t="shared" si="76"/>
        <v>0.22628221691643777</v>
      </c>
      <c r="J583">
        <f t="shared" si="77"/>
        <v>0.75427405638812595</v>
      </c>
      <c r="K583">
        <f t="shared" si="78"/>
        <v>1.1314110845821888</v>
      </c>
      <c r="L583">
        <f t="shared" si="79"/>
        <v>5.4307732059945062</v>
      </c>
      <c r="M583">
        <f t="shared" si="80"/>
        <v>0</v>
      </c>
      <c r="N583" s="46">
        <f t="shared" si="81"/>
        <v>45314.874999998668</v>
      </c>
    </row>
    <row r="584" spans="2:14" x14ac:dyDescent="0.3">
      <c r="B584">
        <f t="shared" si="75"/>
        <v>2</v>
      </c>
      <c r="C584" s="16">
        <v>550</v>
      </c>
      <c r="D584" cm="1">
        <f t="array" ref="D584">IFERROR(INDEX(Jesper!AH$2:AH$366,ROUNDDOWN($C584/24,0)+1,1)*INDEX($D$3:$AA$30,INDEX(Jesper!$R$2:$R$366,ROW(INDEX(Jesper!AH$2:AH$366,ROUNDDOWN($C584/24,0)+1,1))-1)+IF('Standard Profiles'!$G$18=$B$10,7,0)+IF('Standard Profiles'!$G$18=$B$17,14,0)+IF('Standard Profiles'!$G$18=$B$24,21,0),MOD($C584,24)+1)/SUM(INDEX($D$3:$AA$30,INDEX(Jesper!$R$2:$R$366,ROW(INDEX(Jesper!AH$2:AH$366,ROUNDDOWN($C584/24,0)+1,1))-1)+IF('Standard Profiles'!$G$18=$B$10,7,0)+IF('Standard Profiles'!$G$18=$B$17,14,0)+IF('Standard Profiles'!$G$18=$B$24,21,0),0)),0)</f>
        <v>7.5427405638812592</v>
      </c>
      <c r="E584" cm="1">
        <f t="array" ref="E584">IFERROR(INDEX(Jesper!AI$2:AI$366,ROUNDDOWN($C584/24,0)+1,1)*INDEX($D$3:$AA$30,INDEX(Jesper!$R$2:$R$366,ROW(INDEX(Jesper!AI$2:AI$366,ROUNDDOWN($C584/24,0)+1,1))-1)+IF('Standard Profiles'!$G$19=$B$10,7,0)+IF('Standard Profiles'!$G$19=$B$17,14,0)+IF('Standard Profiles'!$G$19=$B$24,21,0),MOD($C584,24)+1)/SUM(INDEX($D$3:$AA$30,INDEX(Jesper!$R$2:$R$366,ROW(INDEX(Jesper!AI$2:AI$366,ROUNDDOWN($C584/24,0)+1,1))-1)+IF('Standard Profiles'!$G$19=$B$10,7,0)+IF('Standard Profiles'!$G$19=$B$17,14,0)+IF('Standard Profiles'!$G$19=$B$24,21,0),0)),0)</f>
        <v>0</v>
      </c>
      <c r="F584" cm="1">
        <f t="array" ref="F584">IFERROR(INDEX(Jesper!AJ$2:AJ$366,ROUNDDOWN($C584/24,0)+1,1)*INDEX($D$3:$AA$30,INDEX(Jesper!$R$2:$R$366,ROW(INDEX(Jesper!AJ$2:AJ$366,ROUNDDOWN($C584/24,0)+1,1))-1)+IF('Standard Profiles'!$G$20=$B$10,7,0)+IF('Standard Profiles'!$G$20=$B$17,14,0)+IF('Standard Profiles'!$G$20=$B$24,21,0),MOD($C584,24)+1)/SUM(INDEX($D$3:$AA$30,INDEX(Jesper!$R$2:$R$366,ROW(INDEX(Jesper!AJ$2:AJ$366,ROUNDDOWN($C584/24,0)+1,1))-1)+IF('Standard Profiles'!$G$20=$B$10,7,0)+IF('Standard Profiles'!$G$20=$B$17,14,0)+IF('Standard Profiles'!$G$20=$B$24,21,0),0)),0)</f>
        <v>0</v>
      </c>
      <c r="G584" cm="1">
        <f t="array" ref="G584">IFERROR(INDEX(Jesper!AK$2:AK$366,ROUNDDOWN($C584/24,0)+1,1)*INDEX($D$3:$AA$30,INDEX(Jesper!$R$2:$R$366,ROW(INDEX(Jesper!AK$2:AK$366,ROUNDDOWN($C584/24,0)+1,1))-1)+IF('Standard Profiles'!$G$21=$B$10,7,0)+IF('Standard Profiles'!$G$21=$B$17,14,0)+IF('Standard Profiles'!$G$21=$B$24,21,0),MOD($C584,24)+1)/SUM(INDEX($D$3:$AA$30,INDEX(Jesper!$R$2:$R$366,ROW(INDEX(Jesper!AK$2:AK$366,ROUNDDOWN($C584/24,0)+1,1))-1)+IF('Standard Profiles'!$G$21=$B$10,7,0)+IF('Standard Profiles'!$G$21=$B$17,14,0)+IF('Standard Profiles'!$G$21=$B$24,21,0),0)),0)</f>
        <v>0</v>
      </c>
      <c r="H584" cm="1">
        <f t="array" ref="H584">IFERROR(INDEX(Jesper!AL$2:AL$366,ROUNDDOWN($C584/24,0)+1,1)*INDEX($D$3:$AA$30,INDEX(Jesper!$R$2:$R$366,ROW(INDEX(Jesper!AL$2:AL$366,ROUNDDOWN($C584/24,0)+1,1))-1)+IF('Standard Profiles'!$G$22=$B$10,7,0)+IF('Standard Profiles'!$G$22=$B$17,14,0)+IF('Standard Profiles'!$G$22=$B$24,21,0),MOD($C584,24)+1)/SUM(INDEX($D$3:$AA$30,INDEX(Jesper!$R$2:$R$366,ROW(INDEX(Jesper!AL$2:AL$366,ROUNDDOWN($C584/24,0)+1,1))-1)+IF('Standard Profiles'!$G$22=$B$10,7,0)+IF('Standard Profiles'!$G$22=$B$17,14,0)+IF('Standard Profiles'!$G$22=$B$24,21,0),0)),0)</f>
        <v>0</v>
      </c>
      <c r="I584">
        <f t="shared" si="76"/>
        <v>0.22628221691643777</v>
      </c>
      <c r="J584">
        <f t="shared" si="77"/>
        <v>0.75427405638812595</v>
      </c>
      <c r="K584">
        <f t="shared" si="78"/>
        <v>1.1314110845821888</v>
      </c>
      <c r="L584">
        <f t="shared" si="79"/>
        <v>5.4307732059945062</v>
      </c>
      <c r="M584">
        <f t="shared" si="80"/>
        <v>0</v>
      </c>
      <c r="N584" s="46">
        <f t="shared" si="81"/>
        <v>45314.916666665333</v>
      </c>
    </row>
    <row r="585" spans="2:14" x14ac:dyDescent="0.3">
      <c r="B585">
        <f t="shared" si="75"/>
        <v>2</v>
      </c>
      <c r="C585" s="16">
        <v>551</v>
      </c>
      <c r="D585" cm="1">
        <f t="array" ref="D585">IFERROR(INDEX(Jesper!AH$2:AH$366,ROUNDDOWN($C585/24,0)+1,1)*INDEX($D$3:$AA$30,INDEX(Jesper!$R$2:$R$366,ROW(INDEX(Jesper!AH$2:AH$366,ROUNDDOWN($C585/24,0)+1,1))-1)+IF('Standard Profiles'!$G$18=$B$10,7,0)+IF('Standard Profiles'!$G$18=$B$17,14,0)+IF('Standard Profiles'!$G$18=$B$24,21,0),MOD($C585,24)+1)/SUM(INDEX($D$3:$AA$30,INDEX(Jesper!$R$2:$R$366,ROW(INDEX(Jesper!AH$2:AH$366,ROUNDDOWN($C585/24,0)+1,1))-1)+IF('Standard Profiles'!$G$18=$B$10,7,0)+IF('Standard Profiles'!$G$18=$B$17,14,0)+IF('Standard Profiles'!$G$18=$B$24,21,0),0)),0)</f>
        <v>7.5427405638812592</v>
      </c>
      <c r="E585" cm="1">
        <f t="array" ref="E585">IFERROR(INDEX(Jesper!AI$2:AI$366,ROUNDDOWN($C585/24,0)+1,1)*INDEX($D$3:$AA$30,INDEX(Jesper!$R$2:$R$366,ROW(INDEX(Jesper!AI$2:AI$366,ROUNDDOWN($C585/24,0)+1,1))-1)+IF('Standard Profiles'!$G$19=$B$10,7,0)+IF('Standard Profiles'!$G$19=$B$17,14,0)+IF('Standard Profiles'!$G$19=$B$24,21,0),MOD($C585,24)+1)/SUM(INDEX($D$3:$AA$30,INDEX(Jesper!$R$2:$R$366,ROW(INDEX(Jesper!AI$2:AI$366,ROUNDDOWN($C585/24,0)+1,1))-1)+IF('Standard Profiles'!$G$19=$B$10,7,0)+IF('Standard Profiles'!$G$19=$B$17,14,0)+IF('Standard Profiles'!$G$19=$B$24,21,0),0)),0)</f>
        <v>0</v>
      </c>
      <c r="F585" cm="1">
        <f t="array" ref="F585">IFERROR(INDEX(Jesper!AJ$2:AJ$366,ROUNDDOWN($C585/24,0)+1,1)*INDEX($D$3:$AA$30,INDEX(Jesper!$R$2:$R$366,ROW(INDEX(Jesper!AJ$2:AJ$366,ROUNDDOWN($C585/24,0)+1,1))-1)+IF('Standard Profiles'!$G$20=$B$10,7,0)+IF('Standard Profiles'!$G$20=$B$17,14,0)+IF('Standard Profiles'!$G$20=$B$24,21,0),MOD($C585,24)+1)/SUM(INDEX($D$3:$AA$30,INDEX(Jesper!$R$2:$R$366,ROW(INDEX(Jesper!AJ$2:AJ$366,ROUNDDOWN($C585/24,0)+1,1))-1)+IF('Standard Profiles'!$G$20=$B$10,7,0)+IF('Standard Profiles'!$G$20=$B$17,14,0)+IF('Standard Profiles'!$G$20=$B$24,21,0),0)),0)</f>
        <v>0</v>
      </c>
      <c r="G585" cm="1">
        <f t="array" ref="G585">IFERROR(INDEX(Jesper!AK$2:AK$366,ROUNDDOWN($C585/24,0)+1,1)*INDEX($D$3:$AA$30,INDEX(Jesper!$R$2:$R$366,ROW(INDEX(Jesper!AK$2:AK$366,ROUNDDOWN($C585/24,0)+1,1))-1)+IF('Standard Profiles'!$G$21=$B$10,7,0)+IF('Standard Profiles'!$G$21=$B$17,14,0)+IF('Standard Profiles'!$G$21=$B$24,21,0),MOD($C585,24)+1)/SUM(INDEX($D$3:$AA$30,INDEX(Jesper!$R$2:$R$366,ROW(INDEX(Jesper!AK$2:AK$366,ROUNDDOWN($C585/24,0)+1,1))-1)+IF('Standard Profiles'!$G$21=$B$10,7,0)+IF('Standard Profiles'!$G$21=$B$17,14,0)+IF('Standard Profiles'!$G$21=$B$24,21,0),0)),0)</f>
        <v>0</v>
      </c>
      <c r="H585" cm="1">
        <f t="array" ref="H585">IFERROR(INDEX(Jesper!AL$2:AL$366,ROUNDDOWN($C585/24,0)+1,1)*INDEX($D$3:$AA$30,INDEX(Jesper!$R$2:$R$366,ROW(INDEX(Jesper!AL$2:AL$366,ROUNDDOWN($C585/24,0)+1,1))-1)+IF('Standard Profiles'!$G$22=$B$10,7,0)+IF('Standard Profiles'!$G$22=$B$17,14,0)+IF('Standard Profiles'!$G$22=$B$24,21,0),MOD($C585,24)+1)/SUM(INDEX($D$3:$AA$30,INDEX(Jesper!$R$2:$R$366,ROW(INDEX(Jesper!AL$2:AL$366,ROUNDDOWN($C585/24,0)+1,1))-1)+IF('Standard Profiles'!$G$22=$B$10,7,0)+IF('Standard Profiles'!$G$22=$B$17,14,0)+IF('Standard Profiles'!$G$22=$B$24,21,0),0)),0)</f>
        <v>0</v>
      </c>
      <c r="I585">
        <f t="shared" si="76"/>
        <v>0.22628221691643777</v>
      </c>
      <c r="J585">
        <f t="shared" si="77"/>
        <v>0.75427405638812595</v>
      </c>
      <c r="K585">
        <f t="shared" si="78"/>
        <v>1.1314110845821888</v>
      </c>
      <c r="L585">
        <f t="shared" si="79"/>
        <v>5.4307732059945062</v>
      </c>
      <c r="M585">
        <f t="shared" si="80"/>
        <v>0</v>
      </c>
      <c r="N585" s="46">
        <f t="shared" si="81"/>
        <v>45314.958333331997</v>
      </c>
    </row>
    <row r="586" spans="2:14" x14ac:dyDescent="0.3">
      <c r="B586">
        <f t="shared" si="75"/>
        <v>3</v>
      </c>
      <c r="C586" s="16">
        <v>552</v>
      </c>
      <c r="D586" cm="1">
        <f t="array" ref="D586">IFERROR(INDEX(Jesper!AH$2:AH$366,ROUNDDOWN($C586/24,0)+1,1)*INDEX($D$3:$AA$30,INDEX(Jesper!$R$2:$R$366,ROW(INDEX(Jesper!AH$2:AH$366,ROUNDDOWN($C586/24,0)+1,1))-1)+IF('Standard Profiles'!$G$18=$B$10,7,0)+IF('Standard Profiles'!$G$18=$B$17,14,0)+IF('Standard Profiles'!$G$18=$B$24,21,0),MOD($C586,24)+1)/SUM(INDEX($D$3:$AA$30,INDEX(Jesper!$R$2:$R$366,ROW(INDEX(Jesper!AH$2:AH$366,ROUNDDOWN($C586/24,0)+1,1))-1)+IF('Standard Profiles'!$G$18=$B$10,7,0)+IF('Standard Profiles'!$G$18=$B$17,14,0)+IF('Standard Profiles'!$G$18=$B$24,21,0),0)),0)</f>
        <v>6.6309514138264403</v>
      </c>
      <c r="E586" cm="1">
        <f t="array" ref="E586">IFERROR(INDEX(Jesper!AI$2:AI$366,ROUNDDOWN($C586/24,0)+1,1)*INDEX($D$3:$AA$30,INDEX(Jesper!$R$2:$R$366,ROW(INDEX(Jesper!AI$2:AI$366,ROUNDDOWN($C586/24,0)+1,1))-1)+IF('Standard Profiles'!$G$19=$B$10,7,0)+IF('Standard Profiles'!$G$19=$B$17,14,0)+IF('Standard Profiles'!$G$19=$B$24,21,0),MOD($C586,24)+1)/SUM(INDEX($D$3:$AA$30,INDEX(Jesper!$R$2:$R$366,ROW(INDEX(Jesper!AI$2:AI$366,ROUNDDOWN($C586/24,0)+1,1))-1)+IF('Standard Profiles'!$G$19=$B$10,7,0)+IF('Standard Profiles'!$G$19=$B$17,14,0)+IF('Standard Profiles'!$G$19=$B$24,21,0),0)),0)</f>
        <v>0</v>
      </c>
      <c r="F586" cm="1">
        <f t="array" ref="F586">IFERROR(INDEX(Jesper!AJ$2:AJ$366,ROUNDDOWN($C586/24,0)+1,1)*INDEX($D$3:$AA$30,INDEX(Jesper!$R$2:$R$366,ROW(INDEX(Jesper!AJ$2:AJ$366,ROUNDDOWN($C586/24,0)+1,1))-1)+IF('Standard Profiles'!$G$20=$B$10,7,0)+IF('Standard Profiles'!$G$20=$B$17,14,0)+IF('Standard Profiles'!$G$20=$B$24,21,0),MOD($C586,24)+1)/SUM(INDEX($D$3:$AA$30,INDEX(Jesper!$R$2:$R$366,ROW(INDEX(Jesper!AJ$2:AJ$366,ROUNDDOWN($C586/24,0)+1,1))-1)+IF('Standard Profiles'!$G$20=$B$10,7,0)+IF('Standard Profiles'!$G$20=$B$17,14,0)+IF('Standard Profiles'!$G$20=$B$24,21,0),0)),0)</f>
        <v>0</v>
      </c>
      <c r="G586" cm="1">
        <f t="array" ref="G586">IFERROR(INDEX(Jesper!AK$2:AK$366,ROUNDDOWN($C586/24,0)+1,1)*INDEX($D$3:$AA$30,INDEX(Jesper!$R$2:$R$366,ROW(INDEX(Jesper!AK$2:AK$366,ROUNDDOWN($C586/24,0)+1,1))-1)+IF('Standard Profiles'!$G$21=$B$10,7,0)+IF('Standard Profiles'!$G$21=$B$17,14,0)+IF('Standard Profiles'!$G$21=$B$24,21,0),MOD($C586,24)+1)/SUM(INDEX($D$3:$AA$30,INDEX(Jesper!$R$2:$R$366,ROW(INDEX(Jesper!AK$2:AK$366,ROUNDDOWN($C586/24,0)+1,1))-1)+IF('Standard Profiles'!$G$21=$B$10,7,0)+IF('Standard Profiles'!$G$21=$B$17,14,0)+IF('Standard Profiles'!$G$21=$B$24,21,0),0)),0)</f>
        <v>0</v>
      </c>
      <c r="H586" cm="1">
        <f t="array" ref="H586">IFERROR(INDEX(Jesper!AL$2:AL$366,ROUNDDOWN($C586/24,0)+1,1)*INDEX($D$3:$AA$30,INDEX(Jesper!$R$2:$R$366,ROW(INDEX(Jesper!AL$2:AL$366,ROUNDDOWN($C586/24,0)+1,1))-1)+IF('Standard Profiles'!$G$22=$B$10,7,0)+IF('Standard Profiles'!$G$22=$B$17,14,0)+IF('Standard Profiles'!$G$22=$B$24,21,0),MOD($C586,24)+1)/SUM(INDEX($D$3:$AA$30,INDEX(Jesper!$R$2:$R$366,ROW(INDEX(Jesper!AL$2:AL$366,ROUNDDOWN($C586/24,0)+1,1))-1)+IF('Standard Profiles'!$G$22=$B$10,7,0)+IF('Standard Profiles'!$G$22=$B$17,14,0)+IF('Standard Profiles'!$G$22=$B$24,21,0),0)),0)</f>
        <v>0</v>
      </c>
      <c r="I586">
        <f t="shared" si="76"/>
        <v>0.19892854241479321</v>
      </c>
      <c r="J586">
        <f t="shared" si="77"/>
        <v>0.66309514138264403</v>
      </c>
      <c r="K586">
        <f t="shared" si="78"/>
        <v>0.99464271207396604</v>
      </c>
      <c r="L586">
        <f t="shared" si="79"/>
        <v>4.7742850179550365</v>
      </c>
      <c r="M586">
        <f t="shared" si="80"/>
        <v>0</v>
      </c>
      <c r="N586" s="46">
        <f t="shared" si="81"/>
        <v>45314.999999998661</v>
      </c>
    </row>
    <row r="587" spans="2:14" x14ac:dyDescent="0.3">
      <c r="B587">
        <f t="shared" si="75"/>
        <v>3</v>
      </c>
      <c r="C587" s="16">
        <v>553</v>
      </c>
      <c r="D587" cm="1">
        <f t="array" ref="D587">IFERROR(INDEX(Jesper!AH$2:AH$366,ROUNDDOWN($C587/24,0)+1,1)*INDEX($D$3:$AA$30,INDEX(Jesper!$R$2:$R$366,ROW(INDEX(Jesper!AH$2:AH$366,ROUNDDOWN($C587/24,0)+1,1))-1)+IF('Standard Profiles'!$G$18=$B$10,7,0)+IF('Standard Profiles'!$G$18=$B$17,14,0)+IF('Standard Profiles'!$G$18=$B$24,21,0),MOD($C587,24)+1)/SUM(INDEX($D$3:$AA$30,INDEX(Jesper!$R$2:$R$366,ROW(INDEX(Jesper!AH$2:AH$366,ROUNDDOWN($C587/24,0)+1,1))-1)+IF('Standard Profiles'!$G$18=$B$10,7,0)+IF('Standard Profiles'!$G$18=$B$17,14,0)+IF('Standard Profiles'!$G$18=$B$24,21,0),0)),0)</f>
        <v>7.4598203405547432</v>
      </c>
      <c r="E587" cm="1">
        <f t="array" ref="E587">IFERROR(INDEX(Jesper!AI$2:AI$366,ROUNDDOWN($C587/24,0)+1,1)*INDEX($D$3:$AA$30,INDEX(Jesper!$R$2:$R$366,ROW(INDEX(Jesper!AI$2:AI$366,ROUNDDOWN($C587/24,0)+1,1))-1)+IF('Standard Profiles'!$G$19=$B$10,7,0)+IF('Standard Profiles'!$G$19=$B$17,14,0)+IF('Standard Profiles'!$G$19=$B$24,21,0),MOD($C587,24)+1)/SUM(INDEX($D$3:$AA$30,INDEX(Jesper!$R$2:$R$366,ROW(INDEX(Jesper!AI$2:AI$366,ROUNDDOWN($C587/24,0)+1,1))-1)+IF('Standard Profiles'!$G$19=$B$10,7,0)+IF('Standard Profiles'!$G$19=$B$17,14,0)+IF('Standard Profiles'!$G$19=$B$24,21,0),0)),0)</f>
        <v>0</v>
      </c>
      <c r="F587" cm="1">
        <f t="array" ref="F587">IFERROR(INDEX(Jesper!AJ$2:AJ$366,ROUNDDOWN($C587/24,0)+1,1)*INDEX($D$3:$AA$30,INDEX(Jesper!$R$2:$R$366,ROW(INDEX(Jesper!AJ$2:AJ$366,ROUNDDOWN($C587/24,0)+1,1))-1)+IF('Standard Profiles'!$G$20=$B$10,7,0)+IF('Standard Profiles'!$G$20=$B$17,14,0)+IF('Standard Profiles'!$G$20=$B$24,21,0),MOD($C587,24)+1)/SUM(INDEX($D$3:$AA$30,INDEX(Jesper!$R$2:$R$366,ROW(INDEX(Jesper!AJ$2:AJ$366,ROUNDDOWN($C587/24,0)+1,1))-1)+IF('Standard Profiles'!$G$20=$B$10,7,0)+IF('Standard Profiles'!$G$20=$B$17,14,0)+IF('Standard Profiles'!$G$20=$B$24,21,0),0)),0)</f>
        <v>0</v>
      </c>
      <c r="G587" cm="1">
        <f t="array" ref="G587">IFERROR(INDEX(Jesper!AK$2:AK$366,ROUNDDOWN($C587/24,0)+1,1)*INDEX($D$3:$AA$30,INDEX(Jesper!$R$2:$R$366,ROW(INDEX(Jesper!AK$2:AK$366,ROUNDDOWN($C587/24,0)+1,1))-1)+IF('Standard Profiles'!$G$21=$B$10,7,0)+IF('Standard Profiles'!$G$21=$B$17,14,0)+IF('Standard Profiles'!$G$21=$B$24,21,0),MOD($C587,24)+1)/SUM(INDEX($D$3:$AA$30,INDEX(Jesper!$R$2:$R$366,ROW(INDEX(Jesper!AK$2:AK$366,ROUNDDOWN($C587/24,0)+1,1))-1)+IF('Standard Profiles'!$G$21=$B$10,7,0)+IF('Standard Profiles'!$G$21=$B$17,14,0)+IF('Standard Profiles'!$G$21=$B$24,21,0),0)),0)</f>
        <v>0</v>
      </c>
      <c r="H587" cm="1">
        <f t="array" ref="H587">IFERROR(INDEX(Jesper!AL$2:AL$366,ROUNDDOWN($C587/24,0)+1,1)*INDEX($D$3:$AA$30,INDEX(Jesper!$R$2:$R$366,ROW(INDEX(Jesper!AL$2:AL$366,ROUNDDOWN($C587/24,0)+1,1))-1)+IF('Standard Profiles'!$G$22=$B$10,7,0)+IF('Standard Profiles'!$G$22=$B$17,14,0)+IF('Standard Profiles'!$G$22=$B$24,21,0),MOD($C587,24)+1)/SUM(INDEX($D$3:$AA$30,INDEX(Jesper!$R$2:$R$366,ROW(INDEX(Jesper!AL$2:AL$366,ROUNDDOWN($C587/24,0)+1,1))-1)+IF('Standard Profiles'!$G$22=$B$10,7,0)+IF('Standard Profiles'!$G$22=$B$17,14,0)+IF('Standard Profiles'!$G$22=$B$24,21,0),0)),0)</f>
        <v>0</v>
      </c>
      <c r="I587">
        <f t="shared" si="76"/>
        <v>0.22379461021664229</v>
      </c>
      <c r="J587">
        <f t="shared" si="77"/>
        <v>0.74598203405547436</v>
      </c>
      <c r="K587">
        <f t="shared" si="78"/>
        <v>1.1189730510832114</v>
      </c>
      <c r="L587">
        <f t="shared" si="79"/>
        <v>5.3710706451994152</v>
      </c>
      <c r="M587">
        <f t="shared" si="80"/>
        <v>0</v>
      </c>
      <c r="N587" s="46">
        <f t="shared" si="81"/>
        <v>45315.041666665325</v>
      </c>
    </row>
    <row r="588" spans="2:14" x14ac:dyDescent="0.3">
      <c r="B588">
        <f t="shared" si="75"/>
        <v>3</v>
      </c>
      <c r="C588" s="16">
        <v>554</v>
      </c>
      <c r="D588" cm="1">
        <f t="array" ref="D588">IFERROR(INDEX(Jesper!AH$2:AH$366,ROUNDDOWN($C588/24,0)+1,1)*INDEX($D$3:$AA$30,INDEX(Jesper!$R$2:$R$366,ROW(INDEX(Jesper!AH$2:AH$366,ROUNDDOWN($C588/24,0)+1,1))-1)+IF('Standard Profiles'!$G$18=$B$10,7,0)+IF('Standard Profiles'!$G$18=$B$17,14,0)+IF('Standard Profiles'!$G$18=$B$24,21,0),MOD($C588,24)+1)/SUM(INDEX($D$3:$AA$30,INDEX(Jesper!$R$2:$R$366,ROW(INDEX(Jesper!AH$2:AH$366,ROUNDDOWN($C588/24,0)+1,1))-1)+IF('Standard Profiles'!$G$18=$B$10,7,0)+IF('Standard Profiles'!$G$18=$B$17,14,0)+IF('Standard Profiles'!$G$18=$B$24,21,0),0)),0)</f>
        <v>7.4598203405547432</v>
      </c>
      <c r="E588" cm="1">
        <f t="array" ref="E588">IFERROR(INDEX(Jesper!AI$2:AI$366,ROUNDDOWN($C588/24,0)+1,1)*INDEX($D$3:$AA$30,INDEX(Jesper!$R$2:$R$366,ROW(INDEX(Jesper!AI$2:AI$366,ROUNDDOWN($C588/24,0)+1,1))-1)+IF('Standard Profiles'!$G$19=$B$10,7,0)+IF('Standard Profiles'!$G$19=$B$17,14,0)+IF('Standard Profiles'!$G$19=$B$24,21,0),MOD($C588,24)+1)/SUM(INDEX($D$3:$AA$30,INDEX(Jesper!$R$2:$R$366,ROW(INDEX(Jesper!AI$2:AI$366,ROUNDDOWN($C588/24,0)+1,1))-1)+IF('Standard Profiles'!$G$19=$B$10,7,0)+IF('Standard Profiles'!$G$19=$B$17,14,0)+IF('Standard Profiles'!$G$19=$B$24,21,0),0)),0)</f>
        <v>0</v>
      </c>
      <c r="F588" cm="1">
        <f t="array" ref="F588">IFERROR(INDEX(Jesper!AJ$2:AJ$366,ROUNDDOWN($C588/24,0)+1,1)*INDEX($D$3:$AA$30,INDEX(Jesper!$R$2:$R$366,ROW(INDEX(Jesper!AJ$2:AJ$366,ROUNDDOWN($C588/24,0)+1,1))-1)+IF('Standard Profiles'!$G$20=$B$10,7,0)+IF('Standard Profiles'!$G$20=$B$17,14,0)+IF('Standard Profiles'!$G$20=$B$24,21,0),MOD($C588,24)+1)/SUM(INDEX($D$3:$AA$30,INDEX(Jesper!$R$2:$R$366,ROW(INDEX(Jesper!AJ$2:AJ$366,ROUNDDOWN($C588/24,0)+1,1))-1)+IF('Standard Profiles'!$G$20=$B$10,7,0)+IF('Standard Profiles'!$G$20=$B$17,14,0)+IF('Standard Profiles'!$G$20=$B$24,21,0),0)),0)</f>
        <v>0</v>
      </c>
      <c r="G588" cm="1">
        <f t="array" ref="G588">IFERROR(INDEX(Jesper!AK$2:AK$366,ROUNDDOWN($C588/24,0)+1,1)*INDEX($D$3:$AA$30,INDEX(Jesper!$R$2:$R$366,ROW(INDEX(Jesper!AK$2:AK$366,ROUNDDOWN($C588/24,0)+1,1))-1)+IF('Standard Profiles'!$G$21=$B$10,7,0)+IF('Standard Profiles'!$G$21=$B$17,14,0)+IF('Standard Profiles'!$G$21=$B$24,21,0),MOD($C588,24)+1)/SUM(INDEX($D$3:$AA$30,INDEX(Jesper!$R$2:$R$366,ROW(INDEX(Jesper!AK$2:AK$366,ROUNDDOWN($C588/24,0)+1,1))-1)+IF('Standard Profiles'!$G$21=$B$10,7,0)+IF('Standard Profiles'!$G$21=$B$17,14,0)+IF('Standard Profiles'!$G$21=$B$24,21,0),0)),0)</f>
        <v>0</v>
      </c>
      <c r="H588" cm="1">
        <f t="array" ref="H588">IFERROR(INDEX(Jesper!AL$2:AL$366,ROUNDDOWN($C588/24,0)+1,1)*INDEX($D$3:$AA$30,INDEX(Jesper!$R$2:$R$366,ROW(INDEX(Jesper!AL$2:AL$366,ROUNDDOWN($C588/24,0)+1,1))-1)+IF('Standard Profiles'!$G$22=$B$10,7,0)+IF('Standard Profiles'!$G$22=$B$17,14,0)+IF('Standard Profiles'!$G$22=$B$24,21,0),MOD($C588,24)+1)/SUM(INDEX($D$3:$AA$30,INDEX(Jesper!$R$2:$R$366,ROW(INDEX(Jesper!AL$2:AL$366,ROUNDDOWN($C588/24,0)+1,1))-1)+IF('Standard Profiles'!$G$22=$B$10,7,0)+IF('Standard Profiles'!$G$22=$B$17,14,0)+IF('Standard Profiles'!$G$22=$B$24,21,0),0)),0)</f>
        <v>0</v>
      </c>
      <c r="I588">
        <f t="shared" si="76"/>
        <v>0.22379461021664229</v>
      </c>
      <c r="J588">
        <f t="shared" si="77"/>
        <v>0.74598203405547436</v>
      </c>
      <c r="K588">
        <f t="shared" si="78"/>
        <v>1.1189730510832114</v>
      </c>
      <c r="L588">
        <f t="shared" si="79"/>
        <v>5.3710706451994152</v>
      </c>
      <c r="M588">
        <f t="shared" si="80"/>
        <v>0</v>
      </c>
      <c r="N588" s="46">
        <f t="shared" si="81"/>
        <v>45315.08333333199</v>
      </c>
    </row>
    <row r="589" spans="2:14" x14ac:dyDescent="0.3">
      <c r="B589">
        <f t="shared" si="75"/>
        <v>3</v>
      </c>
      <c r="C589" s="16">
        <v>555</v>
      </c>
      <c r="D589" cm="1">
        <f t="array" ref="D589">IFERROR(INDEX(Jesper!AH$2:AH$366,ROUNDDOWN($C589/24,0)+1,1)*INDEX($D$3:$AA$30,INDEX(Jesper!$R$2:$R$366,ROW(INDEX(Jesper!AH$2:AH$366,ROUNDDOWN($C589/24,0)+1,1))-1)+IF('Standard Profiles'!$G$18=$B$10,7,0)+IF('Standard Profiles'!$G$18=$B$17,14,0)+IF('Standard Profiles'!$G$18=$B$24,21,0),MOD($C589,24)+1)/SUM(INDEX($D$3:$AA$30,INDEX(Jesper!$R$2:$R$366,ROW(INDEX(Jesper!AH$2:AH$366,ROUNDDOWN($C589/24,0)+1,1))-1)+IF('Standard Profiles'!$G$18=$B$10,7,0)+IF('Standard Profiles'!$G$18=$B$17,14,0)+IF('Standard Profiles'!$G$18=$B$24,21,0),0)),0)</f>
        <v>7.4598203405547432</v>
      </c>
      <c r="E589" cm="1">
        <f t="array" ref="E589">IFERROR(INDEX(Jesper!AI$2:AI$366,ROUNDDOWN($C589/24,0)+1,1)*INDEX($D$3:$AA$30,INDEX(Jesper!$R$2:$R$366,ROW(INDEX(Jesper!AI$2:AI$366,ROUNDDOWN($C589/24,0)+1,1))-1)+IF('Standard Profiles'!$G$19=$B$10,7,0)+IF('Standard Profiles'!$G$19=$B$17,14,0)+IF('Standard Profiles'!$G$19=$B$24,21,0),MOD($C589,24)+1)/SUM(INDEX($D$3:$AA$30,INDEX(Jesper!$R$2:$R$366,ROW(INDEX(Jesper!AI$2:AI$366,ROUNDDOWN($C589/24,0)+1,1))-1)+IF('Standard Profiles'!$G$19=$B$10,7,0)+IF('Standard Profiles'!$G$19=$B$17,14,0)+IF('Standard Profiles'!$G$19=$B$24,21,0),0)),0)</f>
        <v>0</v>
      </c>
      <c r="F589" cm="1">
        <f t="array" ref="F589">IFERROR(INDEX(Jesper!AJ$2:AJ$366,ROUNDDOWN($C589/24,0)+1,1)*INDEX($D$3:$AA$30,INDEX(Jesper!$R$2:$R$366,ROW(INDEX(Jesper!AJ$2:AJ$366,ROUNDDOWN($C589/24,0)+1,1))-1)+IF('Standard Profiles'!$G$20=$B$10,7,0)+IF('Standard Profiles'!$G$20=$B$17,14,0)+IF('Standard Profiles'!$G$20=$B$24,21,0),MOD($C589,24)+1)/SUM(INDEX($D$3:$AA$30,INDEX(Jesper!$R$2:$R$366,ROW(INDEX(Jesper!AJ$2:AJ$366,ROUNDDOWN($C589/24,0)+1,1))-1)+IF('Standard Profiles'!$G$20=$B$10,7,0)+IF('Standard Profiles'!$G$20=$B$17,14,0)+IF('Standard Profiles'!$G$20=$B$24,21,0),0)),0)</f>
        <v>0</v>
      </c>
      <c r="G589" cm="1">
        <f t="array" ref="G589">IFERROR(INDEX(Jesper!AK$2:AK$366,ROUNDDOWN($C589/24,0)+1,1)*INDEX($D$3:$AA$30,INDEX(Jesper!$R$2:$R$366,ROW(INDEX(Jesper!AK$2:AK$366,ROUNDDOWN($C589/24,0)+1,1))-1)+IF('Standard Profiles'!$G$21=$B$10,7,0)+IF('Standard Profiles'!$G$21=$B$17,14,0)+IF('Standard Profiles'!$G$21=$B$24,21,0),MOD($C589,24)+1)/SUM(INDEX($D$3:$AA$30,INDEX(Jesper!$R$2:$R$366,ROW(INDEX(Jesper!AK$2:AK$366,ROUNDDOWN($C589/24,0)+1,1))-1)+IF('Standard Profiles'!$G$21=$B$10,7,0)+IF('Standard Profiles'!$G$21=$B$17,14,0)+IF('Standard Profiles'!$G$21=$B$24,21,0),0)),0)</f>
        <v>0</v>
      </c>
      <c r="H589" cm="1">
        <f t="array" ref="H589">IFERROR(INDEX(Jesper!AL$2:AL$366,ROUNDDOWN($C589/24,0)+1,1)*INDEX($D$3:$AA$30,INDEX(Jesper!$R$2:$R$366,ROW(INDEX(Jesper!AL$2:AL$366,ROUNDDOWN($C589/24,0)+1,1))-1)+IF('Standard Profiles'!$G$22=$B$10,7,0)+IF('Standard Profiles'!$G$22=$B$17,14,0)+IF('Standard Profiles'!$G$22=$B$24,21,0),MOD($C589,24)+1)/SUM(INDEX($D$3:$AA$30,INDEX(Jesper!$R$2:$R$366,ROW(INDEX(Jesper!AL$2:AL$366,ROUNDDOWN($C589/24,0)+1,1))-1)+IF('Standard Profiles'!$G$22=$B$10,7,0)+IF('Standard Profiles'!$G$22=$B$17,14,0)+IF('Standard Profiles'!$G$22=$B$24,21,0),0)),0)</f>
        <v>0</v>
      </c>
      <c r="I589">
        <f t="shared" si="76"/>
        <v>0.22379461021664229</v>
      </c>
      <c r="J589">
        <f t="shared" si="77"/>
        <v>0.74598203405547436</v>
      </c>
      <c r="K589">
        <f t="shared" si="78"/>
        <v>1.1189730510832114</v>
      </c>
      <c r="L589">
        <f t="shared" si="79"/>
        <v>5.3710706451994152</v>
      </c>
      <c r="M589">
        <f t="shared" si="80"/>
        <v>0</v>
      </c>
      <c r="N589" s="46">
        <f t="shared" si="81"/>
        <v>45315.124999998654</v>
      </c>
    </row>
    <row r="590" spans="2:14" x14ac:dyDescent="0.3">
      <c r="B590">
        <f t="shared" si="75"/>
        <v>3</v>
      </c>
      <c r="C590" s="16">
        <v>556</v>
      </c>
      <c r="D590" cm="1">
        <f t="array" ref="D590">IFERROR(INDEX(Jesper!AH$2:AH$366,ROUNDDOWN($C590/24,0)+1,1)*INDEX($D$3:$AA$30,INDEX(Jesper!$R$2:$R$366,ROW(INDEX(Jesper!AH$2:AH$366,ROUNDDOWN($C590/24,0)+1,1))-1)+IF('Standard Profiles'!$G$18=$B$10,7,0)+IF('Standard Profiles'!$G$18=$B$17,14,0)+IF('Standard Profiles'!$G$18=$B$24,21,0),MOD($C590,24)+1)/SUM(INDEX($D$3:$AA$30,INDEX(Jesper!$R$2:$R$366,ROW(INDEX(Jesper!AH$2:AH$366,ROUNDDOWN($C590/24,0)+1,1))-1)+IF('Standard Profiles'!$G$18=$B$10,7,0)+IF('Standard Profiles'!$G$18=$B$17,14,0)+IF('Standard Profiles'!$G$18=$B$24,21,0),0)),0)</f>
        <v>7.4598203405547432</v>
      </c>
      <c r="E590" cm="1">
        <f t="array" ref="E590">IFERROR(INDEX(Jesper!AI$2:AI$366,ROUNDDOWN($C590/24,0)+1,1)*INDEX($D$3:$AA$30,INDEX(Jesper!$R$2:$R$366,ROW(INDEX(Jesper!AI$2:AI$366,ROUNDDOWN($C590/24,0)+1,1))-1)+IF('Standard Profiles'!$G$19=$B$10,7,0)+IF('Standard Profiles'!$G$19=$B$17,14,0)+IF('Standard Profiles'!$G$19=$B$24,21,0),MOD($C590,24)+1)/SUM(INDEX($D$3:$AA$30,INDEX(Jesper!$R$2:$R$366,ROW(INDEX(Jesper!AI$2:AI$366,ROUNDDOWN($C590/24,0)+1,1))-1)+IF('Standard Profiles'!$G$19=$B$10,7,0)+IF('Standard Profiles'!$G$19=$B$17,14,0)+IF('Standard Profiles'!$G$19=$B$24,21,0),0)),0)</f>
        <v>0</v>
      </c>
      <c r="F590" cm="1">
        <f t="array" ref="F590">IFERROR(INDEX(Jesper!AJ$2:AJ$366,ROUNDDOWN($C590/24,0)+1,1)*INDEX($D$3:$AA$30,INDEX(Jesper!$R$2:$R$366,ROW(INDEX(Jesper!AJ$2:AJ$366,ROUNDDOWN($C590/24,0)+1,1))-1)+IF('Standard Profiles'!$G$20=$B$10,7,0)+IF('Standard Profiles'!$G$20=$B$17,14,0)+IF('Standard Profiles'!$G$20=$B$24,21,0),MOD($C590,24)+1)/SUM(INDEX($D$3:$AA$30,INDEX(Jesper!$R$2:$R$366,ROW(INDEX(Jesper!AJ$2:AJ$366,ROUNDDOWN($C590/24,0)+1,1))-1)+IF('Standard Profiles'!$G$20=$B$10,7,0)+IF('Standard Profiles'!$G$20=$B$17,14,0)+IF('Standard Profiles'!$G$20=$B$24,21,0),0)),0)</f>
        <v>0</v>
      </c>
      <c r="G590" cm="1">
        <f t="array" ref="G590">IFERROR(INDEX(Jesper!AK$2:AK$366,ROUNDDOWN($C590/24,0)+1,1)*INDEX($D$3:$AA$30,INDEX(Jesper!$R$2:$R$366,ROW(INDEX(Jesper!AK$2:AK$366,ROUNDDOWN($C590/24,0)+1,1))-1)+IF('Standard Profiles'!$G$21=$B$10,7,0)+IF('Standard Profiles'!$G$21=$B$17,14,0)+IF('Standard Profiles'!$G$21=$B$24,21,0),MOD($C590,24)+1)/SUM(INDEX($D$3:$AA$30,INDEX(Jesper!$R$2:$R$366,ROW(INDEX(Jesper!AK$2:AK$366,ROUNDDOWN($C590/24,0)+1,1))-1)+IF('Standard Profiles'!$G$21=$B$10,7,0)+IF('Standard Profiles'!$G$21=$B$17,14,0)+IF('Standard Profiles'!$G$21=$B$24,21,0),0)),0)</f>
        <v>0</v>
      </c>
      <c r="H590" cm="1">
        <f t="array" ref="H590">IFERROR(INDEX(Jesper!AL$2:AL$366,ROUNDDOWN($C590/24,0)+1,1)*INDEX($D$3:$AA$30,INDEX(Jesper!$R$2:$R$366,ROW(INDEX(Jesper!AL$2:AL$366,ROUNDDOWN($C590/24,0)+1,1))-1)+IF('Standard Profiles'!$G$22=$B$10,7,0)+IF('Standard Profiles'!$G$22=$B$17,14,0)+IF('Standard Profiles'!$G$22=$B$24,21,0),MOD($C590,24)+1)/SUM(INDEX($D$3:$AA$30,INDEX(Jesper!$R$2:$R$366,ROW(INDEX(Jesper!AL$2:AL$366,ROUNDDOWN($C590/24,0)+1,1))-1)+IF('Standard Profiles'!$G$22=$B$10,7,0)+IF('Standard Profiles'!$G$22=$B$17,14,0)+IF('Standard Profiles'!$G$22=$B$24,21,0),0)),0)</f>
        <v>0</v>
      </c>
      <c r="I590">
        <f t="shared" si="76"/>
        <v>0.22379461021664229</v>
      </c>
      <c r="J590">
        <f t="shared" si="77"/>
        <v>0.74598203405547436</v>
      </c>
      <c r="K590">
        <f t="shared" si="78"/>
        <v>1.1189730510832114</v>
      </c>
      <c r="L590">
        <f t="shared" si="79"/>
        <v>5.3710706451994152</v>
      </c>
      <c r="M590">
        <f t="shared" si="80"/>
        <v>0</v>
      </c>
      <c r="N590" s="46">
        <f t="shared" si="81"/>
        <v>45315.166666665318</v>
      </c>
    </row>
    <row r="591" spans="2:14" x14ac:dyDescent="0.3">
      <c r="B591">
        <f t="shared" si="75"/>
        <v>3</v>
      </c>
      <c r="C591" s="16">
        <v>557</v>
      </c>
      <c r="D591" cm="1">
        <f t="array" ref="D591">IFERROR(INDEX(Jesper!AH$2:AH$366,ROUNDDOWN($C591/24,0)+1,1)*INDEX($D$3:$AA$30,INDEX(Jesper!$R$2:$R$366,ROW(INDEX(Jesper!AH$2:AH$366,ROUNDDOWN($C591/24,0)+1,1))-1)+IF('Standard Profiles'!$G$18=$B$10,7,0)+IF('Standard Profiles'!$G$18=$B$17,14,0)+IF('Standard Profiles'!$G$18=$B$24,21,0),MOD($C591,24)+1)/SUM(INDEX($D$3:$AA$30,INDEX(Jesper!$R$2:$R$366,ROW(INDEX(Jesper!AH$2:AH$366,ROUNDDOWN($C591/24,0)+1,1))-1)+IF('Standard Profiles'!$G$18=$B$10,7,0)+IF('Standard Profiles'!$G$18=$B$17,14,0)+IF('Standard Profiles'!$G$18=$B$24,21,0),0)),0)</f>
        <v>9.6148795500483359</v>
      </c>
      <c r="E591" cm="1">
        <f t="array" ref="E591">IFERROR(INDEX(Jesper!AI$2:AI$366,ROUNDDOWN($C591/24,0)+1,1)*INDEX($D$3:$AA$30,INDEX(Jesper!$R$2:$R$366,ROW(INDEX(Jesper!AI$2:AI$366,ROUNDDOWN($C591/24,0)+1,1))-1)+IF('Standard Profiles'!$G$19=$B$10,7,0)+IF('Standard Profiles'!$G$19=$B$17,14,0)+IF('Standard Profiles'!$G$19=$B$24,21,0),MOD($C591,24)+1)/SUM(INDEX($D$3:$AA$30,INDEX(Jesper!$R$2:$R$366,ROW(INDEX(Jesper!AI$2:AI$366,ROUNDDOWN($C591/24,0)+1,1))-1)+IF('Standard Profiles'!$G$19=$B$10,7,0)+IF('Standard Profiles'!$G$19=$B$17,14,0)+IF('Standard Profiles'!$G$19=$B$24,21,0),0)),0)</f>
        <v>0</v>
      </c>
      <c r="F591" cm="1">
        <f t="array" ref="F591">IFERROR(INDEX(Jesper!AJ$2:AJ$366,ROUNDDOWN($C591/24,0)+1,1)*INDEX($D$3:$AA$30,INDEX(Jesper!$R$2:$R$366,ROW(INDEX(Jesper!AJ$2:AJ$366,ROUNDDOWN($C591/24,0)+1,1))-1)+IF('Standard Profiles'!$G$20=$B$10,7,0)+IF('Standard Profiles'!$G$20=$B$17,14,0)+IF('Standard Profiles'!$G$20=$B$24,21,0),MOD($C591,24)+1)/SUM(INDEX($D$3:$AA$30,INDEX(Jesper!$R$2:$R$366,ROW(INDEX(Jesper!AJ$2:AJ$366,ROUNDDOWN($C591/24,0)+1,1))-1)+IF('Standard Profiles'!$G$20=$B$10,7,0)+IF('Standard Profiles'!$G$20=$B$17,14,0)+IF('Standard Profiles'!$G$20=$B$24,21,0),0)),0)</f>
        <v>0</v>
      </c>
      <c r="G591" cm="1">
        <f t="array" ref="G591">IFERROR(INDEX(Jesper!AK$2:AK$366,ROUNDDOWN($C591/24,0)+1,1)*INDEX($D$3:$AA$30,INDEX(Jesper!$R$2:$R$366,ROW(INDEX(Jesper!AK$2:AK$366,ROUNDDOWN($C591/24,0)+1,1))-1)+IF('Standard Profiles'!$G$21=$B$10,7,0)+IF('Standard Profiles'!$G$21=$B$17,14,0)+IF('Standard Profiles'!$G$21=$B$24,21,0),MOD($C591,24)+1)/SUM(INDEX($D$3:$AA$30,INDEX(Jesper!$R$2:$R$366,ROW(INDEX(Jesper!AK$2:AK$366,ROUNDDOWN($C591/24,0)+1,1))-1)+IF('Standard Profiles'!$G$21=$B$10,7,0)+IF('Standard Profiles'!$G$21=$B$17,14,0)+IF('Standard Profiles'!$G$21=$B$24,21,0),0)),0)</f>
        <v>0</v>
      </c>
      <c r="H591" cm="1">
        <f t="array" ref="H591">IFERROR(INDEX(Jesper!AL$2:AL$366,ROUNDDOWN($C591/24,0)+1,1)*INDEX($D$3:$AA$30,INDEX(Jesper!$R$2:$R$366,ROW(INDEX(Jesper!AL$2:AL$366,ROUNDDOWN($C591/24,0)+1,1))-1)+IF('Standard Profiles'!$G$22=$B$10,7,0)+IF('Standard Profiles'!$G$22=$B$17,14,0)+IF('Standard Profiles'!$G$22=$B$24,21,0),MOD($C591,24)+1)/SUM(INDEX($D$3:$AA$30,INDEX(Jesper!$R$2:$R$366,ROW(INDEX(Jesper!AL$2:AL$366,ROUNDDOWN($C591/24,0)+1,1))-1)+IF('Standard Profiles'!$G$22=$B$10,7,0)+IF('Standard Profiles'!$G$22=$B$17,14,0)+IF('Standard Profiles'!$G$22=$B$24,21,0),0)),0)</f>
        <v>0</v>
      </c>
      <c r="I591">
        <f t="shared" si="76"/>
        <v>0.28844638650145005</v>
      </c>
      <c r="J591">
        <f t="shared" si="77"/>
        <v>0.96148795500483364</v>
      </c>
      <c r="K591">
        <f t="shared" si="78"/>
        <v>1.4422319325072503</v>
      </c>
      <c r="L591">
        <f t="shared" si="79"/>
        <v>6.922713276034802</v>
      </c>
      <c r="M591">
        <f t="shared" si="80"/>
        <v>0</v>
      </c>
      <c r="N591" s="46">
        <f t="shared" si="81"/>
        <v>45315.208333331982</v>
      </c>
    </row>
    <row r="592" spans="2:14" x14ac:dyDescent="0.3">
      <c r="B592">
        <f t="shared" si="75"/>
        <v>3</v>
      </c>
      <c r="C592" s="16">
        <v>558</v>
      </c>
      <c r="D592" cm="1">
        <f t="array" ref="D592">IFERROR(INDEX(Jesper!AH$2:AH$366,ROUNDDOWN($C592/24,0)+1,1)*INDEX($D$3:$AA$30,INDEX(Jesper!$R$2:$R$366,ROW(INDEX(Jesper!AH$2:AH$366,ROUNDDOWN($C592/24,0)+1,1))-1)+IF('Standard Profiles'!$G$18=$B$10,7,0)+IF('Standard Profiles'!$G$18=$B$17,14,0)+IF('Standard Profiles'!$G$18=$B$24,21,0),MOD($C592,24)+1)/SUM(INDEX($D$3:$AA$30,INDEX(Jesper!$R$2:$R$366,ROW(INDEX(Jesper!AH$2:AH$366,ROUNDDOWN($C592/24,0)+1,1))-1)+IF('Standard Profiles'!$G$18=$B$10,7,0)+IF('Standard Profiles'!$G$18=$B$17,14,0)+IF('Standard Profiles'!$G$18=$B$24,21,0),0)),0)</f>
        <v>11.106843618159285</v>
      </c>
      <c r="E592" cm="1">
        <f t="array" ref="E592">IFERROR(INDEX(Jesper!AI$2:AI$366,ROUNDDOWN($C592/24,0)+1,1)*INDEX($D$3:$AA$30,INDEX(Jesper!$R$2:$R$366,ROW(INDEX(Jesper!AI$2:AI$366,ROUNDDOWN($C592/24,0)+1,1))-1)+IF('Standard Profiles'!$G$19=$B$10,7,0)+IF('Standard Profiles'!$G$19=$B$17,14,0)+IF('Standard Profiles'!$G$19=$B$24,21,0),MOD($C592,24)+1)/SUM(INDEX($D$3:$AA$30,INDEX(Jesper!$R$2:$R$366,ROW(INDEX(Jesper!AI$2:AI$366,ROUNDDOWN($C592/24,0)+1,1))-1)+IF('Standard Profiles'!$G$19=$B$10,7,0)+IF('Standard Profiles'!$G$19=$B$17,14,0)+IF('Standard Profiles'!$G$19=$B$24,21,0),0)),0)</f>
        <v>0</v>
      </c>
      <c r="F592" cm="1">
        <f t="array" ref="F592">IFERROR(INDEX(Jesper!AJ$2:AJ$366,ROUNDDOWN($C592/24,0)+1,1)*INDEX($D$3:$AA$30,INDEX(Jesper!$R$2:$R$366,ROW(INDEX(Jesper!AJ$2:AJ$366,ROUNDDOWN($C592/24,0)+1,1))-1)+IF('Standard Profiles'!$G$20=$B$10,7,0)+IF('Standard Profiles'!$G$20=$B$17,14,0)+IF('Standard Profiles'!$G$20=$B$24,21,0),MOD($C592,24)+1)/SUM(INDEX($D$3:$AA$30,INDEX(Jesper!$R$2:$R$366,ROW(INDEX(Jesper!AJ$2:AJ$366,ROUNDDOWN($C592/24,0)+1,1))-1)+IF('Standard Profiles'!$G$20=$B$10,7,0)+IF('Standard Profiles'!$G$20=$B$17,14,0)+IF('Standard Profiles'!$G$20=$B$24,21,0),0)),0)</f>
        <v>0</v>
      </c>
      <c r="G592" cm="1">
        <f t="array" ref="G592">IFERROR(INDEX(Jesper!AK$2:AK$366,ROUNDDOWN($C592/24,0)+1,1)*INDEX($D$3:$AA$30,INDEX(Jesper!$R$2:$R$366,ROW(INDEX(Jesper!AK$2:AK$366,ROUNDDOWN($C592/24,0)+1,1))-1)+IF('Standard Profiles'!$G$21=$B$10,7,0)+IF('Standard Profiles'!$G$21=$B$17,14,0)+IF('Standard Profiles'!$G$21=$B$24,21,0),MOD($C592,24)+1)/SUM(INDEX($D$3:$AA$30,INDEX(Jesper!$R$2:$R$366,ROW(INDEX(Jesper!AK$2:AK$366,ROUNDDOWN($C592/24,0)+1,1))-1)+IF('Standard Profiles'!$G$21=$B$10,7,0)+IF('Standard Profiles'!$G$21=$B$17,14,0)+IF('Standard Profiles'!$G$21=$B$24,21,0),0)),0)</f>
        <v>0</v>
      </c>
      <c r="H592" cm="1">
        <f t="array" ref="H592">IFERROR(INDEX(Jesper!AL$2:AL$366,ROUNDDOWN($C592/24,0)+1,1)*INDEX($D$3:$AA$30,INDEX(Jesper!$R$2:$R$366,ROW(INDEX(Jesper!AL$2:AL$366,ROUNDDOWN($C592/24,0)+1,1))-1)+IF('Standard Profiles'!$G$22=$B$10,7,0)+IF('Standard Profiles'!$G$22=$B$17,14,0)+IF('Standard Profiles'!$G$22=$B$24,21,0),MOD($C592,24)+1)/SUM(INDEX($D$3:$AA$30,INDEX(Jesper!$R$2:$R$366,ROW(INDEX(Jesper!AL$2:AL$366,ROUNDDOWN($C592/24,0)+1,1))-1)+IF('Standard Profiles'!$G$22=$B$10,7,0)+IF('Standard Profiles'!$G$22=$B$17,14,0)+IF('Standard Profiles'!$G$22=$B$24,21,0),0)),0)</f>
        <v>0</v>
      </c>
      <c r="I592">
        <f t="shared" si="76"/>
        <v>0.33320530854477853</v>
      </c>
      <c r="J592">
        <f t="shared" si="77"/>
        <v>1.1106843618159286</v>
      </c>
      <c r="K592">
        <f t="shared" si="78"/>
        <v>1.6660265427238927</v>
      </c>
      <c r="L592">
        <f t="shared" si="79"/>
        <v>7.9969274050746852</v>
      </c>
      <c r="M592">
        <f t="shared" si="80"/>
        <v>0</v>
      </c>
      <c r="N592" s="46">
        <f t="shared" si="81"/>
        <v>45315.249999998647</v>
      </c>
    </row>
    <row r="593" spans="2:14" x14ac:dyDescent="0.3">
      <c r="B593">
        <f t="shared" si="75"/>
        <v>3</v>
      </c>
      <c r="C593" s="16">
        <v>559</v>
      </c>
      <c r="D593" cm="1">
        <f t="array" ref="D593">IFERROR(INDEX(Jesper!AH$2:AH$366,ROUNDDOWN($C593/24,0)+1,1)*INDEX($D$3:$AA$30,INDEX(Jesper!$R$2:$R$366,ROW(INDEX(Jesper!AH$2:AH$366,ROUNDDOWN($C593/24,0)+1,1))-1)+IF('Standard Profiles'!$G$18=$B$10,7,0)+IF('Standard Profiles'!$G$18=$B$17,14,0)+IF('Standard Profiles'!$G$18=$B$24,21,0),MOD($C593,24)+1)/SUM(INDEX($D$3:$AA$30,INDEX(Jesper!$R$2:$R$366,ROW(INDEX(Jesper!AH$2:AH$366,ROUNDDOWN($C593/24,0)+1,1))-1)+IF('Standard Profiles'!$G$18=$B$10,7,0)+IF('Standard Profiles'!$G$18=$B$17,14,0)+IF('Standard Profiles'!$G$18=$B$24,21,0),0)),0)</f>
        <v>11.106843618159285</v>
      </c>
      <c r="E593" cm="1">
        <f t="array" ref="E593">IFERROR(INDEX(Jesper!AI$2:AI$366,ROUNDDOWN($C593/24,0)+1,1)*INDEX($D$3:$AA$30,INDEX(Jesper!$R$2:$R$366,ROW(INDEX(Jesper!AI$2:AI$366,ROUNDDOWN($C593/24,0)+1,1))-1)+IF('Standard Profiles'!$G$19=$B$10,7,0)+IF('Standard Profiles'!$G$19=$B$17,14,0)+IF('Standard Profiles'!$G$19=$B$24,21,0),MOD($C593,24)+1)/SUM(INDEX($D$3:$AA$30,INDEX(Jesper!$R$2:$R$366,ROW(INDEX(Jesper!AI$2:AI$366,ROUNDDOWN($C593/24,0)+1,1))-1)+IF('Standard Profiles'!$G$19=$B$10,7,0)+IF('Standard Profiles'!$G$19=$B$17,14,0)+IF('Standard Profiles'!$G$19=$B$24,21,0),0)),0)</f>
        <v>0</v>
      </c>
      <c r="F593" cm="1">
        <f t="array" ref="F593">IFERROR(INDEX(Jesper!AJ$2:AJ$366,ROUNDDOWN($C593/24,0)+1,1)*INDEX($D$3:$AA$30,INDEX(Jesper!$R$2:$R$366,ROW(INDEX(Jesper!AJ$2:AJ$366,ROUNDDOWN($C593/24,0)+1,1))-1)+IF('Standard Profiles'!$G$20=$B$10,7,0)+IF('Standard Profiles'!$G$20=$B$17,14,0)+IF('Standard Profiles'!$G$20=$B$24,21,0),MOD($C593,24)+1)/SUM(INDEX($D$3:$AA$30,INDEX(Jesper!$R$2:$R$366,ROW(INDEX(Jesper!AJ$2:AJ$366,ROUNDDOWN($C593/24,0)+1,1))-1)+IF('Standard Profiles'!$G$20=$B$10,7,0)+IF('Standard Profiles'!$G$20=$B$17,14,0)+IF('Standard Profiles'!$G$20=$B$24,21,0),0)),0)</f>
        <v>0</v>
      </c>
      <c r="G593" cm="1">
        <f t="array" ref="G593">IFERROR(INDEX(Jesper!AK$2:AK$366,ROUNDDOWN($C593/24,0)+1,1)*INDEX($D$3:$AA$30,INDEX(Jesper!$R$2:$R$366,ROW(INDEX(Jesper!AK$2:AK$366,ROUNDDOWN($C593/24,0)+1,1))-1)+IF('Standard Profiles'!$G$21=$B$10,7,0)+IF('Standard Profiles'!$G$21=$B$17,14,0)+IF('Standard Profiles'!$G$21=$B$24,21,0),MOD($C593,24)+1)/SUM(INDEX($D$3:$AA$30,INDEX(Jesper!$R$2:$R$366,ROW(INDEX(Jesper!AK$2:AK$366,ROUNDDOWN($C593/24,0)+1,1))-1)+IF('Standard Profiles'!$G$21=$B$10,7,0)+IF('Standard Profiles'!$G$21=$B$17,14,0)+IF('Standard Profiles'!$G$21=$B$24,21,0),0)),0)</f>
        <v>0</v>
      </c>
      <c r="H593" cm="1">
        <f t="array" ref="H593">IFERROR(INDEX(Jesper!AL$2:AL$366,ROUNDDOWN($C593/24,0)+1,1)*INDEX($D$3:$AA$30,INDEX(Jesper!$R$2:$R$366,ROW(INDEX(Jesper!AL$2:AL$366,ROUNDDOWN($C593/24,0)+1,1))-1)+IF('Standard Profiles'!$G$22=$B$10,7,0)+IF('Standard Profiles'!$G$22=$B$17,14,0)+IF('Standard Profiles'!$G$22=$B$24,21,0),MOD($C593,24)+1)/SUM(INDEX($D$3:$AA$30,INDEX(Jesper!$R$2:$R$366,ROW(INDEX(Jesper!AL$2:AL$366,ROUNDDOWN($C593/24,0)+1,1))-1)+IF('Standard Profiles'!$G$22=$B$10,7,0)+IF('Standard Profiles'!$G$22=$B$17,14,0)+IF('Standard Profiles'!$G$22=$B$24,21,0),0)),0)</f>
        <v>0</v>
      </c>
      <c r="I593">
        <f t="shared" si="76"/>
        <v>0.33320530854477853</v>
      </c>
      <c r="J593">
        <f t="shared" si="77"/>
        <v>1.1106843618159286</v>
      </c>
      <c r="K593">
        <f t="shared" si="78"/>
        <v>1.6660265427238927</v>
      </c>
      <c r="L593">
        <f t="shared" si="79"/>
        <v>7.9969274050746852</v>
      </c>
      <c r="M593">
        <f t="shared" si="80"/>
        <v>0</v>
      </c>
      <c r="N593" s="46">
        <f t="shared" si="81"/>
        <v>45315.291666665311</v>
      </c>
    </row>
    <row r="594" spans="2:14" x14ac:dyDescent="0.3">
      <c r="B594">
        <f t="shared" si="75"/>
        <v>3</v>
      </c>
      <c r="C594" s="16">
        <v>560</v>
      </c>
      <c r="D594" cm="1">
        <f t="array" ref="D594">IFERROR(INDEX(Jesper!AH$2:AH$366,ROUNDDOWN($C594/24,0)+1,1)*INDEX($D$3:$AA$30,INDEX(Jesper!$R$2:$R$366,ROW(INDEX(Jesper!AH$2:AH$366,ROUNDDOWN($C594/24,0)+1,1))-1)+IF('Standard Profiles'!$G$18=$B$10,7,0)+IF('Standard Profiles'!$G$18=$B$17,14,0)+IF('Standard Profiles'!$G$18=$B$24,21,0),MOD($C594,24)+1)/SUM(INDEX($D$3:$AA$30,INDEX(Jesper!$R$2:$R$366,ROW(INDEX(Jesper!AH$2:AH$366,ROUNDDOWN($C594/24,0)+1,1))-1)+IF('Standard Profiles'!$G$18=$B$10,7,0)+IF('Standard Profiles'!$G$18=$B$17,14,0)+IF('Standard Profiles'!$G$18=$B$24,21,0),0)),0)</f>
        <v>11.106843618159285</v>
      </c>
      <c r="E594" cm="1">
        <f t="array" ref="E594">IFERROR(INDEX(Jesper!AI$2:AI$366,ROUNDDOWN($C594/24,0)+1,1)*INDEX($D$3:$AA$30,INDEX(Jesper!$R$2:$R$366,ROW(INDEX(Jesper!AI$2:AI$366,ROUNDDOWN($C594/24,0)+1,1))-1)+IF('Standard Profiles'!$G$19=$B$10,7,0)+IF('Standard Profiles'!$G$19=$B$17,14,0)+IF('Standard Profiles'!$G$19=$B$24,21,0),MOD($C594,24)+1)/SUM(INDEX($D$3:$AA$30,INDEX(Jesper!$R$2:$R$366,ROW(INDEX(Jesper!AI$2:AI$366,ROUNDDOWN($C594/24,0)+1,1))-1)+IF('Standard Profiles'!$G$19=$B$10,7,0)+IF('Standard Profiles'!$G$19=$B$17,14,0)+IF('Standard Profiles'!$G$19=$B$24,21,0),0)),0)</f>
        <v>0</v>
      </c>
      <c r="F594" cm="1">
        <f t="array" ref="F594">IFERROR(INDEX(Jesper!AJ$2:AJ$366,ROUNDDOWN($C594/24,0)+1,1)*INDEX($D$3:$AA$30,INDEX(Jesper!$R$2:$R$366,ROW(INDEX(Jesper!AJ$2:AJ$366,ROUNDDOWN($C594/24,0)+1,1))-1)+IF('Standard Profiles'!$G$20=$B$10,7,0)+IF('Standard Profiles'!$G$20=$B$17,14,0)+IF('Standard Profiles'!$G$20=$B$24,21,0),MOD($C594,24)+1)/SUM(INDEX($D$3:$AA$30,INDEX(Jesper!$R$2:$R$366,ROW(INDEX(Jesper!AJ$2:AJ$366,ROUNDDOWN($C594/24,0)+1,1))-1)+IF('Standard Profiles'!$G$20=$B$10,7,0)+IF('Standard Profiles'!$G$20=$B$17,14,0)+IF('Standard Profiles'!$G$20=$B$24,21,0),0)),0)</f>
        <v>0</v>
      </c>
      <c r="G594" cm="1">
        <f t="array" ref="G594">IFERROR(INDEX(Jesper!AK$2:AK$366,ROUNDDOWN($C594/24,0)+1,1)*INDEX($D$3:$AA$30,INDEX(Jesper!$R$2:$R$366,ROW(INDEX(Jesper!AK$2:AK$366,ROUNDDOWN($C594/24,0)+1,1))-1)+IF('Standard Profiles'!$G$21=$B$10,7,0)+IF('Standard Profiles'!$G$21=$B$17,14,0)+IF('Standard Profiles'!$G$21=$B$24,21,0),MOD($C594,24)+1)/SUM(INDEX($D$3:$AA$30,INDEX(Jesper!$R$2:$R$366,ROW(INDEX(Jesper!AK$2:AK$366,ROUNDDOWN($C594/24,0)+1,1))-1)+IF('Standard Profiles'!$G$21=$B$10,7,0)+IF('Standard Profiles'!$G$21=$B$17,14,0)+IF('Standard Profiles'!$G$21=$B$24,21,0),0)),0)</f>
        <v>0</v>
      </c>
      <c r="H594" cm="1">
        <f t="array" ref="H594">IFERROR(INDEX(Jesper!AL$2:AL$366,ROUNDDOWN($C594/24,0)+1,1)*INDEX($D$3:$AA$30,INDEX(Jesper!$R$2:$R$366,ROW(INDEX(Jesper!AL$2:AL$366,ROUNDDOWN($C594/24,0)+1,1))-1)+IF('Standard Profiles'!$G$22=$B$10,7,0)+IF('Standard Profiles'!$G$22=$B$17,14,0)+IF('Standard Profiles'!$G$22=$B$24,21,0),MOD($C594,24)+1)/SUM(INDEX($D$3:$AA$30,INDEX(Jesper!$R$2:$R$366,ROW(INDEX(Jesper!AL$2:AL$366,ROUNDDOWN($C594/24,0)+1,1))-1)+IF('Standard Profiles'!$G$22=$B$10,7,0)+IF('Standard Profiles'!$G$22=$B$17,14,0)+IF('Standard Profiles'!$G$22=$B$24,21,0),0)),0)</f>
        <v>0</v>
      </c>
      <c r="I594">
        <f t="shared" si="76"/>
        <v>0.33320530854477853</v>
      </c>
      <c r="J594">
        <f t="shared" si="77"/>
        <v>1.1106843618159286</v>
      </c>
      <c r="K594">
        <f t="shared" si="78"/>
        <v>1.6660265427238927</v>
      </c>
      <c r="L594">
        <f t="shared" si="79"/>
        <v>7.9969274050746852</v>
      </c>
      <c r="M594">
        <f t="shared" si="80"/>
        <v>0</v>
      </c>
      <c r="N594" s="46">
        <f t="shared" si="81"/>
        <v>45315.333333331975</v>
      </c>
    </row>
    <row r="595" spans="2:14" x14ac:dyDescent="0.3">
      <c r="B595">
        <f t="shared" si="75"/>
        <v>3</v>
      </c>
      <c r="C595" s="16">
        <v>561</v>
      </c>
      <c r="D595" cm="1">
        <f t="array" ref="D595">IFERROR(INDEX(Jesper!AH$2:AH$366,ROUNDDOWN($C595/24,0)+1,1)*INDEX($D$3:$AA$30,INDEX(Jesper!$R$2:$R$366,ROW(INDEX(Jesper!AH$2:AH$366,ROUNDDOWN($C595/24,0)+1,1))-1)+IF('Standard Profiles'!$G$18=$B$10,7,0)+IF('Standard Profiles'!$G$18=$B$17,14,0)+IF('Standard Profiles'!$G$18=$B$24,21,0),MOD($C595,24)+1)/SUM(INDEX($D$3:$AA$30,INDEX(Jesper!$R$2:$R$366,ROW(INDEX(Jesper!AH$2:AH$366,ROUNDDOWN($C595/24,0)+1,1))-1)+IF('Standard Profiles'!$G$18=$B$10,7,0)+IF('Standard Profiles'!$G$18=$B$17,14,0)+IF('Standard Profiles'!$G$18=$B$24,21,0),0)),0)</f>
        <v>11.93571254488759</v>
      </c>
      <c r="E595" cm="1">
        <f t="array" ref="E595">IFERROR(INDEX(Jesper!AI$2:AI$366,ROUNDDOWN($C595/24,0)+1,1)*INDEX($D$3:$AA$30,INDEX(Jesper!$R$2:$R$366,ROW(INDEX(Jesper!AI$2:AI$366,ROUNDDOWN($C595/24,0)+1,1))-1)+IF('Standard Profiles'!$G$19=$B$10,7,0)+IF('Standard Profiles'!$G$19=$B$17,14,0)+IF('Standard Profiles'!$G$19=$B$24,21,0),MOD($C595,24)+1)/SUM(INDEX($D$3:$AA$30,INDEX(Jesper!$R$2:$R$366,ROW(INDEX(Jesper!AI$2:AI$366,ROUNDDOWN($C595/24,0)+1,1))-1)+IF('Standard Profiles'!$G$19=$B$10,7,0)+IF('Standard Profiles'!$G$19=$B$17,14,0)+IF('Standard Profiles'!$G$19=$B$24,21,0),0)),0)</f>
        <v>0</v>
      </c>
      <c r="F595" cm="1">
        <f t="array" ref="F595">IFERROR(INDEX(Jesper!AJ$2:AJ$366,ROUNDDOWN($C595/24,0)+1,1)*INDEX($D$3:$AA$30,INDEX(Jesper!$R$2:$R$366,ROW(INDEX(Jesper!AJ$2:AJ$366,ROUNDDOWN($C595/24,0)+1,1))-1)+IF('Standard Profiles'!$G$20=$B$10,7,0)+IF('Standard Profiles'!$G$20=$B$17,14,0)+IF('Standard Profiles'!$G$20=$B$24,21,0),MOD($C595,24)+1)/SUM(INDEX($D$3:$AA$30,INDEX(Jesper!$R$2:$R$366,ROW(INDEX(Jesper!AJ$2:AJ$366,ROUNDDOWN($C595/24,0)+1,1))-1)+IF('Standard Profiles'!$G$20=$B$10,7,0)+IF('Standard Profiles'!$G$20=$B$17,14,0)+IF('Standard Profiles'!$G$20=$B$24,21,0),0)),0)</f>
        <v>0</v>
      </c>
      <c r="G595" cm="1">
        <f t="array" ref="G595">IFERROR(INDEX(Jesper!AK$2:AK$366,ROUNDDOWN($C595/24,0)+1,1)*INDEX($D$3:$AA$30,INDEX(Jesper!$R$2:$R$366,ROW(INDEX(Jesper!AK$2:AK$366,ROUNDDOWN($C595/24,0)+1,1))-1)+IF('Standard Profiles'!$G$21=$B$10,7,0)+IF('Standard Profiles'!$G$21=$B$17,14,0)+IF('Standard Profiles'!$G$21=$B$24,21,0),MOD($C595,24)+1)/SUM(INDEX($D$3:$AA$30,INDEX(Jesper!$R$2:$R$366,ROW(INDEX(Jesper!AK$2:AK$366,ROUNDDOWN($C595/24,0)+1,1))-1)+IF('Standard Profiles'!$G$21=$B$10,7,0)+IF('Standard Profiles'!$G$21=$B$17,14,0)+IF('Standard Profiles'!$G$21=$B$24,21,0),0)),0)</f>
        <v>0</v>
      </c>
      <c r="H595" cm="1">
        <f t="array" ref="H595">IFERROR(INDEX(Jesper!AL$2:AL$366,ROUNDDOWN($C595/24,0)+1,1)*INDEX($D$3:$AA$30,INDEX(Jesper!$R$2:$R$366,ROW(INDEX(Jesper!AL$2:AL$366,ROUNDDOWN($C595/24,0)+1,1))-1)+IF('Standard Profiles'!$G$22=$B$10,7,0)+IF('Standard Profiles'!$G$22=$B$17,14,0)+IF('Standard Profiles'!$G$22=$B$24,21,0),MOD($C595,24)+1)/SUM(INDEX($D$3:$AA$30,INDEX(Jesper!$R$2:$R$366,ROW(INDEX(Jesper!AL$2:AL$366,ROUNDDOWN($C595/24,0)+1,1))-1)+IF('Standard Profiles'!$G$22=$B$10,7,0)+IF('Standard Profiles'!$G$22=$B$17,14,0)+IF('Standard Profiles'!$G$22=$B$24,21,0),0)),0)</f>
        <v>0</v>
      </c>
      <c r="I595">
        <f t="shared" si="76"/>
        <v>0.35807137634662767</v>
      </c>
      <c r="J595">
        <f t="shared" si="77"/>
        <v>1.1935712544887591</v>
      </c>
      <c r="K595">
        <f t="shared" si="78"/>
        <v>1.7903568817331383</v>
      </c>
      <c r="L595">
        <f t="shared" si="79"/>
        <v>8.593713032319064</v>
      </c>
      <c r="M595">
        <f t="shared" si="80"/>
        <v>0</v>
      </c>
      <c r="N595" s="46">
        <f t="shared" si="81"/>
        <v>45315.374999998639</v>
      </c>
    </row>
    <row r="596" spans="2:14" x14ac:dyDescent="0.3">
      <c r="B596">
        <f t="shared" si="75"/>
        <v>3</v>
      </c>
      <c r="C596" s="16">
        <v>562</v>
      </c>
      <c r="D596" cm="1">
        <f t="array" ref="D596">IFERROR(INDEX(Jesper!AH$2:AH$366,ROUNDDOWN($C596/24,0)+1,1)*INDEX($D$3:$AA$30,INDEX(Jesper!$R$2:$R$366,ROW(INDEX(Jesper!AH$2:AH$366,ROUNDDOWN($C596/24,0)+1,1))-1)+IF('Standard Profiles'!$G$18=$B$10,7,0)+IF('Standard Profiles'!$G$18=$B$17,14,0)+IF('Standard Profiles'!$G$18=$B$24,21,0),MOD($C596,24)+1)/SUM(INDEX($D$3:$AA$30,INDEX(Jesper!$R$2:$R$366,ROW(INDEX(Jesper!AH$2:AH$366,ROUNDDOWN($C596/24,0)+1,1))-1)+IF('Standard Profiles'!$G$18=$B$10,7,0)+IF('Standard Profiles'!$G$18=$B$17,14,0)+IF('Standard Profiles'!$G$18=$B$24,21,0),0)),0)</f>
        <v>12.930355256961557</v>
      </c>
      <c r="E596" cm="1">
        <f t="array" ref="E596">IFERROR(INDEX(Jesper!AI$2:AI$366,ROUNDDOWN($C596/24,0)+1,1)*INDEX($D$3:$AA$30,INDEX(Jesper!$R$2:$R$366,ROW(INDEX(Jesper!AI$2:AI$366,ROUNDDOWN($C596/24,0)+1,1))-1)+IF('Standard Profiles'!$G$19=$B$10,7,0)+IF('Standard Profiles'!$G$19=$B$17,14,0)+IF('Standard Profiles'!$G$19=$B$24,21,0),MOD($C596,24)+1)/SUM(INDEX($D$3:$AA$30,INDEX(Jesper!$R$2:$R$366,ROW(INDEX(Jesper!AI$2:AI$366,ROUNDDOWN($C596/24,0)+1,1))-1)+IF('Standard Profiles'!$G$19=$B$10,7,0)+IF('Standard Profiles'!$G$19=$B$17,14,0)+IF('Standard Profiles'!$G$19=$B$24,21,0),0)),0)</f>
        <v>0</v>
      </c>
      <c r="F596" cm="1">
        <f t="array" ref="F596">IFERROR(INDEX(Jesper!AJ$2:AJ$366,ROUNDDOWN($C596/24,0)+1,1)*INDEX($D$3:$AA$30,INDEX(Jesper!$R$2:$R$366,ROW(INDEX(Jesper!AJ$2:AJ$366,ROUNDDOWN($C596/24,0)+1,1))-1)+IF('Standard Profiles'!$G$20=$B$10,7,0)+IF('Standard Profiles'!$G$20=$B$17,14,0)+IF('Standard Profiles'!$G$20=$B$24,21,0),MOD($C596,24)+1)/SUM(INDEX($D$3:$AA$30,INDEX(Jesper!$R$2:$R$366,ROW(INDEX(Jesper!AJ$2:AJ$366,ROUNDDOWN($C596/24,0)+1,1))-1)+IF('Standard Profiles'!$G$20=$B$10,7,0)+IF('Standard Profiles'!$G$20=$B$17,14,0)+IF('Standard Profiles'!$G$20=$B$24,21,0),0)),0)</f>
        <v>0</v>
      </c>
      <c r="G596" cm="1">
        <f t="array" ref="G596">IFERROR(INDEX(Jesper!AK$2:AK$366,ROUNDDOWN($C596/24,0)+1,1)*INDEX($D$3:$AA$30,INDEX(Jesper!$R$2:$R$366,ROW(INDEX(Jesper!AK$2:AK$366,ROUNDDOWN($C596/24,0)+1,1))-1)+IF('Standard Profiles'!$G$21=$B$10,7,0)+IF('Standard Profiles'!$G$21=$B$17,14,0)+IF('Standard Profiles'!$G$21=$B$24,21,0),MOD($C596,24)+1)/SUM(INDEX($D$3:$AA$30,INDEX(Jesper!$R$2:$R$366,ROW(INDEX(Jesper!AK$2:AK$366,ROUNDDOWN($C596/24,0)+1,1))-1)+IF('Standard Profiles'!$G$21=$B$10,7,0)+IF('Standard Profiles'!$G$21=$B$17,14,0)+IF('Standard Profiles'!$G$21=$B$24,21,0),0)),0)</f>
        <v>0</v>
      </c>
      <c r="H596" cm="1">
        <f t="array" ref="H596">IFERROR(INDEX(Jesper!AL$2:AL$366,ROUNDDOWN($C596/24,0)+1,1)*INDEX($D$3:$AA$30,INDEX(Jesper!$R$2:$R$366,ROW(INDEX(Jesper!AL$2:AL$366,ROUNDDOWN($C596/24,0)+1,1))-1)+IF('Standard Profiles'!$G$22=$B$10,7,0)+IF('Standard Profiles'!$G$22=$B$17,14,0)+IF('Standard Profiles'!$G$22=$B$24,21,0),MOD($C596,24)+1)/SUM(INDEX($D$3:$AA$30,INDEX(Jesper!$R$2:$R$366,ROW(INDEX(Jesper!AL$2:AL$366,ROUNDDOWN($C596/24,0)+1,1))-1)+IF('Standard Profiles'!$G$22=$B$10,7,0)+IF('Standard Profiles'!$G$22=$B$17,14,0)+IF('Standard Profiles'!$G$22=$B$24,21,0),0)),0)</f>
        <v>0</v>
      </c>
      <c r="I596">
        <f t="shared" si="76"/>
        <v>0.3879106577088467</v>
      </c>
      <c r="J596">
        <f t="shared" si="77"/>
        <v>1.2930355256961557</v>
      </c>
      <c r="K596">
        <f t="shared" si="78"/>
        <v>1.9395532885442335</v>
      </c>
      <c r="L596">
        <f t="shared" si="79"/>
        <v>9.3098557850123207</v>
      </c>
      <c r="M596">
        <f t="shared" si="80"/>
        <v>0</v>
      </c>
      <c r="N596" s="46">
        <f t="shared" si="81"/>
        <v>45315.416666665304</v>
      </c>
    </row>
    <row r="597" spans="2:14" x14ac:dyDescent="0.3">
      <c r="B597">
        <f t="shared" si="75"/>
        <v>3</v>
      </c>
      <c r="C597" s="16">
        <v>563</v>
      </c>
      <c r="D597" cm="1">
        <f t="array" ref="D597">IFERROR(INDEX(Jesper!AH$2:AH$366,ROUNDDOWN($C597/24,0)+1,1)*INDEX($D$3:$AA$30,INDEX(Jesper!$R$2:$R$366,ROW(INDEX(Jesper!AH$2:AH$366,ROUNDDOWN($C597/24,0)+1,1))-1)+IF('Standard Profiles'!$G$18=$B$10,7,0)+IF('Standard Profiles'!$G$18=$B$17,14,0)+IF('Standard Profiles'!$G$18=$B$24,21,0),MOD($C597,24)+1)/SUM(INDEX($D$3:$AA$30,INDEX(Jesper!$R$2:$R$366,ROW(INDEX(Jesper!AH$2:AH$366,ROUNDDOWN($C597/24,0)+1,1))-1)+IF('Standard Profiles'!$G$18=$B$10,7,0)+IF('Standard Profiles'!$G$18=$B$17,14,0)+IF('Standard Profiles'!$G$18=$B$24,21,0),0)),0)</f>
        <v>14.919640681109486</v>
      </c>
      <c r="E597" cm="1">
        <f t="array" ref="E597">IFERROR(INDEX(Jesper!AI$2:AI$366,ROUNDDOWN($C597/24,0)+1,1)*INDEX($D$3:$AA$30,INDEX(Jesper!$R$2:$R$366,ROW(INDEX(Jesper!AI$2:AI$366,ROUNDDOWN($C597/24,0)+1,1))-1)+IF('Standard Profiles'!$G$19=$B$10,7,0)+IF('Standard Profiles'!$G$19=$B$17,14,0)+IF('Standard Profiles'!$G$19=$B$24,21,0),MOD($C597,24)+1)/SUM(INDEX($D$3:$AA$30,INDEX(Jesper!$R$2:$R$366,ROW(INDEX(Jesper!AI$2:AI$366,ROUNDDOWN($C597/24,0)+1,1))-1)+IF('Standard Profiles'!$G$19=$B$10,7,0)+IF('Standard Profiles'!$G$19=$B$17,14,0)+IF('Standard Profiles'!$G$19=$B$24,21,0),0)),0)</f>
        <v>0</v>
      </c>
      <c r="F597" cm="1">
        <f t="array" ref="F597">IFERROR(INDEX(Jesper!AJ$2:AJ$366,ROUNDDOWN($C597/24,0)+1,1)*INDEX($D$3:$AA$30,INDEX(Jesper!$R$2:$R$366,ROW(INDEX(Jesper!AJ$2:AJ$366,ROUNDDOWN($C597/24,0)+1,1))-1)+IF('Standard Profiles'!$G$20=$B$10,7,0)+IF('Standard Profiles'!$G$20=$B$17,14,0)+IF('Standard Profiles'!$G$20=$B$24,21,0),MOD($C597,24)+1)/SUM(INDEX($D$3:$AA$30,INDEX(Jesper!$R$2:$R$366,ROW(INDEX(Jesper!AJ$2:AJ$366,ROUNDDOWN($C597/24,0)+1,1))-1)+IF('Standard Profiles'!$G$20=$B$10,7,0)+IF('Standard Profiles'!$G$20=$B$17,14,0)+IF('Standard Profiles'!$G$20=$B$24,21,0),0)),0)</f>
        <v>0</v>
      </c>
      <c r="G597" cm="1">
        <f t="array" ref="G597">IFERROR(INDEX(Jesper!AK$2:AK$366,ROUNDDOWN($C597/24,0)+1,1)*INDEX($D$3:$AA$30,INDEX(Jesper!$R$2:$R$366,ROW(INDEX(Jesper!AK$2:AK$366,ROUNDDOWN($C597/24,0)+1,1))-1)+IF('Standard Profiles'!$G$21=$B$10,7,0)+IF('Standard Profiles'!$G$21=$B$17,14,0)+IF('Standard Profiles'!$G$21=$B$24,21,0),MOD($C597,24)+1)/SUM(INDEX($D$3:$AA$30,INDEX(Jesper!$R$2:$R$366,ROW(INDEX(Jesper!AK$2:AK$366,ROUNDDOWN($C597/24,0)+1,1))-1)+IF('Standard Profiles'!$G$21=$B$10,7,0)+IF('Standard Profiles'!$G$21=$B$17,14,0)+IF('Standard Profiles'!$G$21=$B$24,21,0),0)),0)</f>
        <v>0</v>
      </c>
      <c r="H597" cm="1">
        <f t="array" ref="H597">IFERROR(INDEX(Jesper!AL$2:AL$366,ROUNDDOWN($C597/24,0)+1,1)*INDEX($D$3:$AA$30,INDEX(Jesper!$R$2:$R$366,ROW(INDEX(Jesper!AL$2:AL$366,ROUNDDOWN($C597/24,0)+1,1))-1)+IF('Standard Profiles'!$G$22=$B$10,7,0)+IF('Standard Profiles'!$G$22=$B$17,14,0)+IF('Standard Profiles'!$G$22=$B$24,21,0),MOD($C597,24)+1)/SUM(INDEX($D$3:$AA$30,INDEX(Jesper!$R$2:$R$366,ROW(INDEX(Jesper!AL$2:AL$366,ROUNDDOWN($C597/24,0)+1,1))-1)+IF('Standard Profiles'!$G$22=$B$10,7,0)+IF('Standard Profiles'!$G$22=$B$17,14,0)+IF('Standard Profiles'!$G$22=$B$24,21,0),0)),0)</f>
        <v>0</v>
      </c>
      <c r="I597">
        <f t="shared" si="76"/>
        <v>0.44758922043328458</v>
      </c>
      <c r="J597">
        <f t="shared" si="77"/>
        <v>1.4919640681109487</v>
      </c>
      <c r="K597">
        <f t="shared" si="78"/>
        <v>2.2379461021664229</v>
      </c>
      <c r="L597">
        <f t="shared" si="79"/>
        <v>10.74214129039883</v>
      </c>
      <c r="M597">
        <f t="shared" si="80"/>
        <v>0</v>
      </c>
      <c r="N597" s="46">
        <f t="shared" si="81"/>
        <v>45315.458333331968</v>
      </c>
    </row>
    <row r="598" spans="2:14" x14ac:dyDescent="0.3">
      <c r="B598">
        <f t="shared" si="75"/>
        <v>3</v>
      </c>
      <c r="C598" s="16">
        <v>564</v>
      </c>
      <c r="D598" cm="1">
        <f t="array" ref="D598">IFERROR(INDEX(Jesper!AH$2:AH$366,ROUNDDOWN($C598/24,0)+1,1)*INDEX($D$3:$AA$30,INDEX(Jesper!$R$2:$R$366,ROW(INDEX(Jesper!AH$2:AH$366,ROUNDDOWN($C598/24,0)+1,1))-1)+IF('Standard Profiles'!$G$18=$B$10,7,0)+IF('Standard Profiles'!$G$18=$B$17,14,0)+IF('Standard Profiles'!$G$18=$B$24,21,0),MOD($C598,24)+1)/SUM(INDEX($D$3:$AA$30,INDEX(Jesper!$R$2:$R$366,ROW(INDEX(Jesper!AH$2:AH$366,ROUNDDOWN($C598/24,0)+1,1))-1)+IF('Standard Profiles'!$G$18=$B$10,7,0)+IF('Standard Profiles'!$G$18=$B$17,14,0)+IF('Standard Profiles'!$G$18=$B$24,21,0),0)),0)</f>
        <v>14.919640681109486</v>
      </c>
      <c r="E598" cm="1">
        <f t="array" ref="E598">IFERROR(INDEX(Jesper!AI$2:AI$366,ROUNDDOWN($C598/24,0)+1,1)*INDEX($D$3:$AA$30,INDEX(Jesper!$R$2:$R$366,ROW(INDEX(Jesper!AI$2:AI$366,ROUNDDOWN($C598/24,0)+1,1))-1)+IF('Standard Profiles'!$G$19=$B$10,7,0)+IF('Standard Profiles'!$G$19=$B$17,14,0)+IF('Standard Profiles'!$G$19=$B$24,21,0),MOD($C598,24)+1)/SUM(INDEX($D$3:$AA$30,INDEX(Jesper!$R$2:$R$366,ROW(INDEX(Jesper!AI$2:AI$366,ROUNDDOWN($C598/24,0)+1,1))-1)+IF('Standard Profiles'!$G$19=$B$10,7,0)+IF('Standard Profiles'!$G$19=$B$17,14,0)+IF('Standard Profiles'!$G$19=$B$24,21,0),0)),0)</f>
        <v>0</v>
      </c>
      <c r="F598" cm="1">
        <f t="array" ref="F598">IFERROR(INDEX(Jesper!AJ$2:AJ$366,ROUNDDOWN($C598/24,0)+1,1)*INDEX($D$3:$AA$30,INDEX(Jesper!$R$2:$R$366,ROW(INDEX(Jesper!AJ$2:AJ$366,ROUNDDOWN($C598/24,0)+1,1))-1)+IF('Standard Profiles'!$G$20=$B$10,7,0)+IF('Standard Profiles'!$G$20=$B$17,14,0)+IF('Standard Profiles'!$G$20=$B$24,21,0),MOD($C598,24)+1)/SUM(INDEX($D$3:$AA$30,INDEX(Jesper!$R$2:$R$366,ROW(INDEX(Jesper!AJ$2:AJ$366,ROUNDDOWN($C598/24,0)+1,1))-1)+IF('Standard Profiles'!$G$20=$B$10,7,0)+IF('Standard Profiles'!$G$20=$B$17,14,0)+IF('Standard Profiles'!$G$20=$B$24,21,0),0)),0)</f>
        <v>0</v>
      </c>
      <c r="G598" cm="1">
        <f t="array" ref="G598">IFERROR(INDEX(Jesper!AK$2:AK$366,ROUNDDOWN($C598/24,0)+1,1)*INDEX($D$3:$AA$30,INDEX(Jesper!$R$2:$R$366,ROW(INDEX(Jesper!AK$2:AK$366,ROUNDDOWN($C598/24,0)+1,1))-1)+IF('Standard Profiles'!$G$21=$B$10,7,0)+IF('Standard Profiles'!$G$21=$B$17,14,0)+IF('Standard Profiles'!$G$21=$B$24,21,0),MOD($C598,24)+1)/SUM(INDEX($D$3:$AA$30,INDEX(Jesper!$R$2:$R$366,ROW(INDEX(Jesper!AK$2:AK$366,ROUNDDOWN($C598/24,0)+1,1))-1)+IF('Standard Profiles'!$G$21=$B$10,7,0)+IF('Standard Profiles'!$G$21=$B$17,14,0)+IF('Standard Profiles'!$G$21=$B$24,21,0),0)),0)</f>
        <v>0</v>
      </c>
      <c r="H598" cm="1">
        <f t="array" ref="H598">IFERROR(INDEX(Jesper!AL$2:AL$366,ROUNDDOWN($C598/24,0)+1,1)*INDEX($D$3:$AA$30,INDEX(Jesper!$R$2:$R$366,ROW(INDEX(Jesper!AL$2:AL$366,ROUNDDOWN($C598/24,0)+1,1))-1)+IF('Standard Profiles'!$G$22=$B$10,7,0)+IF('Standard Profiles'!$G$22=$B$17,14,0)+IF('Standard Profiles'!$G$22=$B$24,21,0),MOD($C598,24)+1)/SUM(INDEX($D$3:$AA$30,INDEX(Jesper!$R$2:$R$366,ROW(INDEX(Jesper!AL$2:AL$366,ROUNDDOWN($C598/24,0)+1,1))-1)+IF('Standard Profiles'!$G$22=$B$10,7,0)+IF('Standard Profiles'!$G$22=$B$17,14,0)+IF('Standard Profiles'!$G$22=$B$24,21,0),0)),0)</f>
        <v>0</v>
      </c>
      <c r="I598">
        <f t="shared" si="76"/>
        <v>0.44758922043328458</v>
      </c>
      <c r="J598">
        <f t="shared" si="77"/>
        <v>1.4919640681109487</v>
      </c>
      <c r="K598">
        <f t="shared" si="78"/>
        <v>2.2379461021664229</v>
      </c>
      <c r="L598">
        <f t="shared" si="79"/>
        <v>10.74214129039883</v>
      </c>
      <c r="M598">
        <f t="shared" si="80"/>
        <v>0</v>
      </c>
      <c r="N598" s="46">
        <f t="shared" si="81"/>
        <v>45315.499999998632</v>
      </c>
    </row>
    <row r="599" spans="2:14" x14ac:dyDescent="0.3">
      <c r="B599">
        <f t="shared" si="75"/>
        <v>3</v>
      </c>
      <c r="C599" s="16">
        <v>565</v>
      </c>
      <c r="D599" cm="1">
        <f t="array" ref="D599">IFERROR(INDEX(Jesper!AH$2:AH$366,ROUNDDOWN($C599/24,0)+1,1)*INDEX($D$3:$AA$30,INDEX(Jesper!$R$2:$R$366,ROW(INDEX(Jesper!AH$2:AH$366,ROUNDDOWN($C599/24,0)+1,1))-1)+IF('Standard Profiles'!$G$18=$B$10,7,0)+IF('Standard Profiles'!$G$18=$B$17,14,0)+IF('Standard Profiles'!$G$18=$B$24,21,0),MOD($C599,24)+1)/SUM(INDEX($D$3:$AA$30,INDEX(Jesper!$R$2:$R$366,ROW(INDEX(Jesper!AH$2:AH$366,ROUNDDOWN($C599/24,0)+1,1))-1)+IF('Standard Profiles'!$G$18=$B$10,7,0)+IF('Standard Profiles'!$G$18=$B$17,14,0)+IF('Standard Profiles'!$G$18=$B$24,21,0),0)),0)</f>
        <v>14.919640681109486</v>
      </c>
      <c r="E599" cm="1">
        <f t="array" ref="E599">IFERROR(INDEX(Jesper!AI$2:AI$366,ROUNDDOWN($C599/24,0)+1,1)*INDEX($D$3:$AA$30,INDEX(Jesper!$R$2:$R$366,ROW(INDEX(Jesper!AI$2:AI$366,ROUNDDOWN($C599/24,0)+1,1))-1)+IF('Standard Profiles'!$G$19=$B$10,7,0)+IF('Standard Profiles'!$G$19=$B$17,14,0)+IF('Standard Profiles'!$G$19=$B$24,21,0),MOD($C599,24)+1)/SUM(INDEX($D$3:$AA$30,INDEX(Jesper!$R$2:$R$366,ROW(INDEX(Jesper!AI$2:AI$366,ROUNDDOWN($C599/24,0)+1,1))-1)+IF('Standard Profiles'!$G$19=$B$10,7,0)+IF('Standard Profiles'!$G$19=$B$17,14,0)+IF('Standard Profiles'!$G$19=$B$24,21,0),0)),0)</f>
        <v>0</v>
      </c>
      <c r="F599" cm="1">
        <f t="array" ref="F599">IFERROR(INDEX(Jesper!AJ$2:AJ$366,ROUNDDOWN($C599/24,0)+1,1)*INDEX($D$3:$AA$30,INDEX(Jesper!$R$2:$R$366,ROW(INDEX(Jesper!AJ$2:AJ$366,ROUNDDOWN($C599/24,0)+1,1))-1)+IF('Standard Profiles'!$G$20=$B$10,7,0)+IF('Standard Profiles'!$G$20=$B$17,14,0)+IF('Standard Profiles'!$G$20=$B$24,21,0),MOD($C599,24)+1)/SUM(INDEX($D$3:$AA$30,INDEX(Jesper!$R$2:$R$366,ROW(INDEX(Jesper!AJ$2:AJ$366,ROUNDDOWN($C599/24,0)+1,1))-1)+IF('Standard Profiles'!$G$20=$B$10,7,0)+IF('Standard Profiles'!$G$20=$B$17,14,0)+IF('Standard Profiles'!$G$20=$B$24,21,0),0)),0)</f>
        <v>0</v>
      </c>
      <c r="G599" cm="1">
        <f t="array" ref="G599">IFERROR(INDEX(Jesper!AK$2:AK$366,ROUNDDOWN($C599/24,0)+1,1)*INDEX($D$3:$AA$30,INDEX(Jesper!$R$2:$R$366,ROW(INDEX(Jesper!AK$2:AK$366,ROUNDDOWN($C599/24,0)+1,1))-1)+IF('Standard Profiles'!$G$21=$B$10,7,0)+IF('Standard Profiles'!$G$21=$B$17,14,0)+IF('Standard Profiles'!$G$21=$B$24,21,0),MOD($C599,24)+1)/SUM(INDEX($D$3:$AA$30,INDEX(Jesper!$R$2:$R$366,ROW(INDEX(Jesper!AK$2:AK$366,ROUNDDOWN($C599/24,0)+1,1))-1)+IF('Standard Profiles'!$G$21=$B$10,7,0)+IF('Standard Profiles'!$G$21=$B$17,14,0)+IF('Standard Profiles'!$G$21=$B$24,21,0),0)),0)</f>
        <v>0</v>
      </c>
      <c r="H599" cm="1">
        <f t="array" ref="H599">IFERROR(INDEX(Jesper!AL$2:AL$366,ROUNDDOWN($C599/24,0)+1,1)*INDEX($D$3:$AA$30,INDEX(Jesper!$R$2:$R$366,ROW(INDEX(Jesper!AL$2:AL$366,ROUNDDOWN($C599/24,0)+1,1))-1)+IF('Standard Profiles'!$G$22=$B$10,7,0)+IF('Standard Profiles'!$G$22=$B$17,14,0)+IF('Standard Profiles'!$G$22=$B$24,21,0),MOD($C599,24)+1)/SUM(INDEX($D$3:$AA$30,INDEX(Jesper!$R$2:$R$366,ROW(INDEX(Jesper!AL$2:AL$366,ROUNDDOWN($C599/24,0)+1,1))-1)+IF('Standard Profiles'!$G$22=$B$10,7,0)+IF('Standard Profiles'!$G$22=$B$17,14,0)+IF('Standard Profiles'!$G$22=$B$24,21,0),0)),0)</f>
        <v>0</v>
      </c>
      <c r="I599">
        <f t="shared" si="76"/>
        <v>0.44758922043328458</v>
      </c>
      <c r="J599">
        <f t="shared" si="77"/>
        <v>1.4919640681109487</v>
      </c>
      <c r="K599">
        <f t="shared" si="78"/>
        <v>2.2379461021664229</v>
      </c>
      <c r="L599">
        <f t="shared" si="79"/>
        <v>10.74214129039883</v>
      </c>
      <c r="M599">
        <f t="shared" si="80"/>
        <v>0</v>
      </c>
      <c r="N599" s="46">
        <f t="shared" si="81"/>
        <v>45315.541666665296</v>
      </c>
    </row>
    <row r="600" spans="2:14" x14ac:dyDescent="0.3">
      <c r="B600">
        <f t="shared" si="75"/>
        <v>3</v>
      </c>
      <c r="C600" s="16">
        <v>566</v>
      </c>
      <c r="D600" cm="1">
        <f t="array" ref="D600">IFERROR(INDEX(Jesper!AH$2:AH$366,ROUNDDOWN($C600/24,0)+1,1)*INDEX($D$3:$AA$30,INDEX(Jesper!$R$2:$R$366,ROW(INDEX(Jesper!AH$2:AH$366,ROUNDDOWN($C600/24,0)+1,1))-1)+IF('Standard Profiles'!$G$18=$B$10,7,0)+IF('Standard Profiles'!$G$18=$B$17,14,0)+IF('Standard Profiles'!$G$18=$B$24,21,0),MOD($C600,24)+1)/SUM(INDEX($D$3:$AA$30,INDEX(Jesper!$R$2:$R$366,ROW(INDEX(Jesper!AH$2:AH$366,ROUNDDOWN($C600/24,0)+1,1))-1)+IF('Standard Profiles'!$G$18=$B$10,7,0)+IF('Standard Profiles'!$G$18=$B$17,14,0)+IF('Standard Profiles'!$G$18=$B$24,21,0),0)),0)</f>
        <v>14.919640681109486</v>
      </c>
      <c r="E600" cm="1">
        <f t="array" ref="E600">IFERROR(INDEX(Jesper!AI$2:AI$366,ROUNDDOWN($C600/24,0)+1,1)*INDEX($D$3:$AA$30,INDEX(Jesper!$R$2:$R$366,ROW(INDEX(Jesper!AI$2:AI$366,ROUNDDOWN($C600/24,0)+1,1))-1)+IF('Standard Profiles'!$G$19=$B$10,7,0)+IF('Standard Profiles'!$G$19=$B$17,14,0)+IF('Standard Profiles'!$G$19=$B$24,21,0),MOD($C600,24)+1)/SUM(INDEX($D$3:$AA$30,INDEX(Jesper!$R$2:$R$366,ROW(INDEX(Jesper!AI$2:AI$366,ROUNDDOWN($C600/24,0)+1,1))-1)+IF('Standard Profiles'!$G$19=$B$10,7,0)+IF('Standard Profiles'!$G$19=$B$17,14,0)+IF('Standard Profiles'!$G$19=$B$24,21,0),0)),0)</f>
        <v>0</v>
      </c>
      <c r="F600" cm="1">
        <f t="array" ref="F600">IFERROR(INDEX(Jesper!AJ$2:AJ$366,ROUNDDOWN($C600/24,0)+1,1)*INDEX($D$3:$AA$30,INDEX(Jesper!$R$2:$R$366,ROW(INDEX(Jesper!AJ$2:AJ$366,ROUNDDOWN($C600/24,0)+1,1))-1)+IF('Standard Profiles'!$G$20=$B$10,7,0)+IF('Standard Profiles'!$G$20=$B$17,14,0)+IF('Standard Profiles'!$G$20=$B$24,21,0),MOD($C600,24)+1)/SUM(INDEX($D$3:$AA$30,INDEX(Jesper!$R$2:$R$366,ROW(INDEX(Jesper!AJ$2:AJ$366,ROUNDDOWN($C600/24,0)+1,1))-1)+IF('Standard Profiles'!$G$20=$B$10,7,0)+IF('Standard Profiles'!$G$20=$B$17,14,0)+IF('Standard Profiles'!$G$20=$B$24,21,0),0)),0)</f>
        <v>0</v>
      </c>
      <c r="G600" cm="1">
        <f t="array" ref="G600">IFERROR(INDEX(Jesper!AK$2:AK$366,ROUNDDOWN($C600/24,0)+1,1)*INDEX($D$3:$AA$30,INDEX(Jesper!$R$2:$R$366,ROW(INDEX(Jesper!AK$2:AK$366,ROUNDDOWN($C600/24,0)+1,1))-1)+IF('Standard Profiles'!$G$21=$B$10,7,0)+IF('Standard Profiles'!$G$21=$B$17,14,0)+IF('Standard Profiles'!$G$21=$B$24,21,0),MOD($C600,24)+1)/SUM(INDEX($D$3:$AA$30,INDEX(Jesper!$R$2:$R$366,ROW(INDEX(Jesper!AK$2:AK$366,ROUNDDOWN($C600/24,0)+1,1))-1)+IF('Standard Profiles'!$G$21=$B$10,7,0)+IF('Standard Profiles'!$G$21=$B$17,14,0)+IF('Standard Profiles'!$G$21=$B$24,21,0),0)),0)</f>
        <v>0</v>
      </c>
      <c r="H600" cm="1">
        <f t="array" ref="H600">IFERROR(INDEX(Jesper!AL$2:AL$366,ROUNDDOWN($C600/24,0)+1,1)*INDEX($D$3:$AA$30,INDEX(Jesper!$R$2:$R$366,ROW(INDEX(Jesper!AL$2:AL$366,ROUNDDOWN($C600/24,0)+1,1))-1)+IF('Standard Profiles'!$G$22=$B$10,7,0)+IF('Standard Profiles'!$G$22=$B$17,14,0)+IF('Standard Profiles'!$G$22=$B$24,21,0),MOD($C600,24)+1)/SUM(INDEX($D$3:$AA$30,INDEX(Jesper!$R$2:$R$366,ROW(INDEX(Jesper!AL$2:AL$366,ROUNDDOWN($C600/24,0)+1,1))-1)+IF('Standard Profiles'!$G$22=$B$10,7,0)+IF('Standard Profiles'!$G$22=$B$17,14,0)+IF('Standard Profiles'!$G$22=$B$24,21,0),0)),0)</f>
        <v>0</v>
      </c>
      <c r="I600">
        <f t="shared" si="76"/>
        <v>0.44758922043328458</v>
      </c>
      <c r="J600">
        <f t="shared" si="77"/>
        <v>1.4919640681109487</v>
      </c>
      <c r="K600">
        <f t="shared" si="78"/>
        <v>2.2379461021664229</v>
      </c>
      <c r="L600">
        <f t="shared" si="79"/>
        <v>10.74214129039883</v>
      </c>
      <c r="M600">
        <f t="shared" si="80"/>
        <v>0</v>
      </c>
      <c r="N600" s="46">
        <f t="shared" si="81"/>
        <v>45315.583333331961</v>
      </c>
    </row>
    <row r="601" spans="2:14" x14ac:dyDescent="0.3">
      <c r="B601">
        <f t="shared" si="75"/>
        <v>3</v>
      </c>
      <c r="C601" s="16">
        <v>567</v>
      </c>
      <c r="D601" cm="1">
        <f t="array" ref="D601">IFERROR(INDEX(Jesper!AH$2:AH$366,ROUNDDOWN($C601/24,0)+1,1)*INDEX($D$3:$AA$30,INDEX(Jesper!$R$2:$R$366,ROW(INDEX(Jesper!AH$2:AH$366,ROUNDDOWN($C601/24,0)+1,1))-1)+IF('Standard Profiles'!$G$18=$B$10,7,0)+IF('Standard Profiles'!$G$18=$B$17,14,0)+IF('Standard Profiles'!$G$18=$B$24,21,0),MOD($C601,24)+1)/SUM(INDEX($D$3:$AA$30,INDEX(Jesper!$R$2:$R$366,ROW(INDEX(Jesper!AH$2:AH$366,ROUNDDOWN($C601/24,0)+1,1))-1)+IF('Standard Profiles'!$G$18=$B$10,7,0)+IF('Standard Profiles'!$G$18=$B$17,14,0)+IF('Standard Profiles'!$G$18=$B$24,21,0),0)),0)</f>
        <v>14.919640681109486</v>
      </c>
      <c r="E601" cm="1">
        <f t="array" ref="E601">IFERROR(INDEX(Jesper!AI$2:AI$366,ROUNDDOWN($C601/24,0)+1,1)*INDEX($D$3:$AA$30,INDEX(Jesper!$R$2:$R$366,ROW(INDEX(Jesper!AI$2:AI$366,ROUNDDOWN($C601/24,0)+1,1))-1)+IF('Standard Profiles'!$G$19=$B$10,7,0)+IF('Standard Profiles'!$G$19=$B$17,14,0)+IF('Standard Profiles'!$G$19=$B$24,21,0),MOD($C601,24)+1)/SUM(INDEX($D$3:$AA$30,INDEX(Jesper!$R$2:$R$366,ROW(INDEX(Jesper!AI$2:AI$366,ROUNDDOWN($C601/24,0)+1,1))-1)+IF('Standard Profiles'!$G$19=$B$10,7,0)+IF('Standard Profiles'!$G$19=$B$17,14,0)+IF('Standard Profiles'!$G$19=$B$24,21,0),0)),0)</f>
        <v>0</v>
      </c>
      <c r="F601" cm="1">
        <f t="array" ref="F601">IFERROR(INDEX(Jesper!AJ$2:AJ$366,ROUNDDOWN($C601/24,0)+1,1)*INDEX($D$3:$AA$30,INDEX(Jesper!$R$2:$R$366,ROW(INDEX(Jesper!AJ$2:AJ$366,ROUNDDOWN($C601/24,0)+1,1))-1)+IF('Standard Profiles'!$G$20=$B$10,7,0)+IF('Standard Profiles'!$G$20=$B$17,14,0)+IF('Standard Profiles'!$G$20=$B$24,21,0),MOD($C601,24)+1)/SUM(INDEX($D$3:$AA$30,INDEX(Jesper!$R$2:$R$366,ROW(INDEX(Jesper!AJ$2:AJ$366,ROUNDDOWN($C601/24,0)+1,1))-1)+IF('Standard Profiles'!$G$20=$B$10,7,0)+IF('Standard Profiles'!$G$20=$B$17,14,0)+IF('Standard Profiles'!$G$20=$B$24,21,0),0)),0)</f>
        <v>0</v>
      </c>
      <c r="G601" cm="1">
        <f t="array" ref="G601">IFERROR(INDEX(Jesper!AK$2:AK$366,ROUNDDOWN($C601/24,0)+1,1)*INDEX($D$3:$AA$30,INDEX(Jesper!$R$2:$R$366,ROW(INDEX(Jesper!AK$2:AK$366,ROUNDDOWN($C601/24,0)+1,1))-1)+IF('Standard Profiles'!$G$21=$B$10,7,0)+IF('Standard Profiles'!$G$21=$B$17,14,0)+IF('Standard Profiles'!$G$21=$B$24,21,0),MOD($C601,24)+1)/SUM(INDEX($D$3:$AA$30,INDEX(Jesper!$R$2:$R$366,ROW(INDEX(Jesper!AK$2:AK$366,ROUNDDOWN($C601/24,0)+1,1))-1)+IF('Standard Profiles'!$G$21=$B$10,7,0)+IF('Standard Profiles'!$G$21=$B$17,14,0)+IF('Standard Profiles'!$G$21=$B$24,21,0),0)),0)</f>
        <v>0</v>
      </c>
      <c r="H601" cm="1">
        <f t="array" ref="H601">IFERROR(INDEX(Jesper!AL$2:AL$366,ROUNDDOWN($C601/24,0)+1,1)*INDEX($D$3:$AA$30,INDEX(Jesper!$R$2:$R$366,ROW(INDEX(Jesper!AL$2:AL$366,ROUNDDOWN($C601/24,0)+1,1))-1)+IF('Standard Profiles'!$G$22=$B$10,7,0)+IF('Standard Profiles'!$G$22=$B$17,14,0)+IF('Standard Profiles'!$G$22=$B$24,21,0),MOD($C601,24)+1)/SUM(INDEX($D$3:$AA$30,INDEX(Jesper!$R$2:$R$366,ROW(INDEX(Jesper!AL$2:AL$366,ROUNDDOWN($C601/24,0)+1,1))-1)+IF('Standard Profiles'!$G$22=$B$10,7,0)+IF('Standard Profiles'!$G$22=$B$17,14,0)+IF('Standard Profiles'!$G$22=$B$24,21,0),0)),0)</f>
        <v>0</v>
      </c>
      <c r="I601">
        <f t="shared" si="76"/>
        <v>0.44758922043328458</v>
      </c>
      <c r="J601">
        <f t="shared" si="77"/>
        <v>1.4919640681109487</v>
      </c>
      <c r="K601">
        <f t="shared" si="78"/>
        <v>2.2379461021664229</v>
      </c>
      <c r="L601">
        <f t="shared" si="79"/>
        <v>10.74214129039883</v>
      </c>
      <c r="M601">
        <f t="shared" si="80"/>
        <v>0</v>
      </c>
      <c r="N601" s="46">
        <f t="shared" si="81"/>
        <v>45315.624999998625</v>
      </c>
    </row>
    <row r="602" spans="2:14" x14ac:dyDescent="0.3">
      <c r="B602">
        <f t="shared" si="75"/>
        <v>3</v>
      </c>
      <c r="C602" s="16">
        <v>568</v>
      </c>
      <c r="D602" cm="1">
        <f t="array" ref="D602">IFERROR(INDEX(Jesper!AH$2:AH$366,ROUNDDOWN($C602/24,0)+1,1)*INDEX($D$3:$AA$30,INDEX(Jesper!$R$2:$R$366,ROW(INDEX(Jesper!AH$2:AH$366,ROUNDDOWN($C602/24,0)+1,1))-1)+IF('Standard Profiles'!$G$18=$B$10,7,0)+IF('Standard Profiles'!$G$18=$B$17,14,0)+IF('Standard Profiles'!$G$18=$B$24,21,0),MOD($C602,24)+1)/SUM(INDEX($D$3:$AA$30,INDEX(Jesper!$R$2:$R$366,ROW(INDEX(Jesper!AH$2:AH$366,ROUNDDOWN($C602/24,0)+1,1))-1)+IF('Standard Profiles'!$G$18=$B$10,7,0)+IF('Standard Profiles'!$G$18=$B$17,14,0)+IF('Standard Profiles'!$G$18=$B$24,21,0),0)),0)</f>
        <v>14.919640681109486</v>
      </c>
      <c r="E602" cm="1">
        <f t="array" ref="E602">IFERROR(INDEX(Jesper!AI$2:AI$366,ROUNDDOWN($C602/24,0)+1,1)*INDEX($D$3:$AA$30,INDEX(Jesper!$R$2:$R$366,ROW(INDEX(Jesper!AI$2:AI$366,ROUNDDOWN($C602/24,0)+1,1))-1)+IF('Standard Profiles'!$G$19=$B$10,7,0)+IF('Standard Profiles'!$G$19=$B$17,14,0)+IF('Standard Profiles'!$G$19=$B$24,21,0),MOD($C602,24)+1)/SUM(INDEX($D$3:$AA$30,INDEX(Jesper!$R$2:$R$366,ROW(INDEX(Jesper!AI$2:AI$366,ROUNDDOWN($C602/24,0)+1,1))-1)+IF('Standard Profiles'!$G$19=$B$10,7,0)+IF('Standard Profiles'!$G$19=$B$17,14,0)+IF('Standard Profiles'!$G$19=$B$24,21,0),0)),0)</f>
        <v>0</v>
      </c>
      <c r="F602" cm="1">
        <f t="array" ref="F602">IFERROR(INDEX(Jesper!AJ$2:AJ$366,ROUNDDOWN($C602/24,0)+1,1)*INDEX($D$3:$AA$30,INDEX(Jesper!$R$2:$R$366,ROW(INDEX(Jesper!AJ$2:AJ$366,ROUNDDOWN($C602/24,0)+1,1))-1)+IF('Standard Profiles'!$G$20=$B$10,7,0)+IF('Standard Profiles'!$G$20=$B$17,14,0)+IF('Standard Profiles'!$G$20=$B$24,21,0),MOD($C602,24)+1)/SUM(INDEX($D$3:$AA$30,INDEX(Jesper!$R$2:$R$366,ROW(INDEX(Jesper!AJ$2:AJ$366,ROUNDDOWN($C602/24,0)+1,1))-1)+IF('Standard Profiles'!$G$20=$B$10,7,0)+IF('Standard Profiles'!$G$20=$B$17,14,0)+IF('Standard Profiles'!$G$20=$B$24,21,0),0)),0)</f>
        <v>0</v>
      </c>
      <c r="G602" cm="1">
        <f t="array" ref="G602">IFERROR(INDEX(Jesper!AK$2:AK$366,ROUNDDOWN($C602/24,0)+1,1)*INDEX($D$3:$AA$30,INDEX(Jesper!$R$2:$R$366,ROW(INDEX(Jesper!AK$2:AK$366,ROUNDDOWN($C602/24,0)+1,1))-1)+IF('Standard Profiles'!$G$21=$B$10,7,0)+IF('Standard Profiles'!$G$21=$B$17,14,0)+IF('Standard Profiles'!$G$21=$B$24,21,0),MOD($C602,24)+1)/SUM(INDEX($D$3:$AA$30,INDEX(Jesper!$R$2:$R$366,ROW(INDEX(Jesper!AK$2:AK$366,ROUNDDOWN($C602/24,0)+1,1))-1)+IF('Standard Profiles'!$G$21=$B$10,7,0)+IF('Standard Profiles'!$G$21=$B$17,14,0)+IF('Standard Profiles'!$G$21=$B$24,21,0),0)),0)</f>
        <v>0</v>
      </c>
      <c r="H602" cm="1">
        <f t="array" ref="H602">IFERROR(INDEX(Jesper!AL$2:AL$366,ROUNDDOWN($C602/24,0)+1,1)*INDEX($D$3:$AA$30,INDEX(Jesper!$R$2:$R$366,ROW(INDEX(Jesper!AL$2:AL$366,ROUNDDOWN($C602/24,0)+1,1))-1)+IF('Standard Profiles'!$G$22=$B$10,7,0)+IF('Standard Profiles'!$G$22=$B$17,14,0)+IF('Standard Profiles'!$G$22=$B$24,21,0),MOD($C602,24)+1)/SUM(INDEX($D$3:$AA$30,INDEX(Jesper!$R$2:$R$366,ROW(INDEX(Jesper!AL$2:AL$366,ROUNDDOWN($C602/24,0)+1,1))-1)+IF('Standard Profiles'!$G$22=$B$10,7,0)+IF('Standard Profiles'!$G$22=$B$17,14,0)+IF('Standard Profiles'!$G$22=$B$24,21,0),0)),0)</f>
        <v>0</v>
      </c>
      <c r="I602">
        <f t="shared" si="76"/>
        <v>0.44758922043328458</v>
      </c>
      <c r="J602">
        <f t="shared" si="77"/>
        <v>1.4919640681109487</v>
      </c>
      <c r="K602">
        <f t="shared" si="78"/>
        <v>2.2379461021664229</v>
      </c>
      <c r="L602">
        <f t="shared" si="79"/>
        <v>10.74214129039883</v>
      </c>
      <c r="M602">
        <f t="shared" si="80"/>
        <v>0</v>
      </c>
      <c r="N602" s="46">
        <f t="shared" si="81"/>
        <v>45315.666666665289</v>
      </c>
    </row>
    <row r="603" spans="2:14" x14ac:dyDescent="0.3">
      <c r="B603">
        <f t="shared" si="75"/>
        <v>3</v>
      </c>
      <c r="C603" s="16">
        <v>569</v>
      </c>
      <c r="D603" cm="1">
        <f t="array" ref="D603">IFERROR(INDEX(Jesper!AH$2:AH$366,ROUNDDOWN($C603/24,0)+1,1)*INDEX($D$3:$AA$30,INDEX(Jesper!$R$2:$R$366,ROW(INDEX(Jesper!AH$2:AH$366,ROUNDDOWN($C603/24,0)+1,1))-1)+IF('Standard Profiles'!$G$18=$B$10,7,0)+IF('Standard Profiles'!$G$18=$B$17,14,0)+IF('Standard Profiles'!$G$18=$B$24,21,0),MOD($C603,24)+1)/SUM(INDEX($D$3:$AA$30,INDEX(Jesper!$R$2:$R$366,ROW(INDEX(Jesper!AH$2:AH$366,ROUNDDOWN($C603/24,0)+1,1))-1)+IF('Standard Profiles'!$G$18=$B$10,7,0)+IF('Standard Profiles'!$G$18=$B$17,14,0)+IF('Standard Profiles'!$G$18=$B$24,21,0),0)),0)</f>
        <v>14.919640681109486</v>
      </c>
      <c r="E603" cm="1">
        <f t="array" ref="E603">IFERROR(INDEX(Jesper!AI$2:AI$366,ROUNDDOWN($C603/24,0)+1,1)*INDEX($D$3:$AA$30,INDEX(Jesper!$R$2:$R$366,ROW(INDEX(Jesper!AI$2:AI$366,ROUNDDOWN($C603/24,0)+1,1))-1)+IF('Standard Profiles'!$G$19=$B$10,7,0)+IF('Standard Profiles'!$G$19=$B$17,14,0)+IF('Standard Profiles'!$G$19=$B$24,21,0),MOD($C603,24)+1)/SUM(INDEX($D$3:$AA$30,INDEX(Jesper!$R$2:$R$366,ROW(INDEX(Jesper!AI$2:AI$366,ROUNDDOWN($C603/24,0)+1,1))-1)+IF('Standard Profiles'!$G$19=$B$10,7,0)+IF('Standard Profiles'!$G$19=$B$17,14,0)+IF('Standard Profiles'!$G$19=$B$24,21,0),0)),0)</f>
        <v>0</v>
      </c>
      <c r="F603" cm="1">
        <f t="array" ref="F603">IFERROR(INDEX(Jesper!AJ$2:AJ$366,ROUNDDOWN($C603/24,0)+1,1)*INDEX($D$3:$AA$30,INDEX(Jesper!$R$2:$R$366,ROW(INDEX(Jesper!AJ$2:AJ$366,ROUNDDOWN($C603/24,0)+1,1))-1)+IF('Standard Profiles'!$G$20=$B$10,7,0)+IF('Standard Profiles'!$G$20=$B$17,14,0)+IF('Standard Profiles'!$G$20=$B$24,21,0),MOD($C603,24)+1)/SUM(INDEX($D$3:$AA$30,INDEX(Jesper!$R$2:$R$366,ROW(INDEX(Jesper!AJ$2:AJ$366,ROUNDDOWN($C603/24,0)+1,1))-1)+IF('Standard Profiles'!$G$20=$B$10,7,0)+IF('Standard Profiles'!$G$20=$B$17,14,0)+IF('Standard Profiles'!$G$20=$B$24,21,0),0)),0)</f>
        <v>0</v>
      </c>
      <c r="G603" cm="1">
        <f t="array" ref="G603">IFERROR(INDEX(Jesper!AK$2:AK$366,ROUNDDOWN($C603/24,0)+1,1)*INDEX($D$3:$AA$30,INDEX(Jesper!$R$2:$R$366,ROW(INDEX(Jesper!AK$2:AK$366,ROUNDDOWN($C603/24,0)+1,1))-1)+IF('Standard Profiles'!$G$21=$B$10,7,0)+IF('Standard Profiles'!$G$21=$B$17,14,0)+IF('Standard Profiles'!$G$21=$B$24,21,0),MOD($C603,24)+1)/SUM(INDEX($D$3:$AA$30,INDEX(Jesper!$R$2:$R$366,ROW(INDEX(Jesper!AK$2:AK$366,ROUNDDOWN($C603/24,0)+1,1))-1)+IF('Standard Profiles'!$G$21=$B$10,7,0)+IF('Standard Profiles'!$G$21=$B$17,14,0)+IF('Standard Profiles'!$G$21=$B$24,21,0),0)),0)</f>
        <v>0</v>
      </c>
      <c r="H603" cm="1">
        <f t="array" ref="H603">IFERROR(INDEX(Jesper!AL$2:AL$366,ROUNDDOWN($C603/24,0)+1,1)*INDEX($D$3:$AA$30,INDEX(Jesper!$R$2:$R$366,ROW(INDEX(Jesper!AL$2:AL$366,ROUNDDOWN($C603/24,0)+1,1))-1)+IF('Standard Profiles'!$G$22=$B$10,7,0)+IF('Standard Profiles'!$G$22=$B$17,14,0)+IF('Standard Profiles'!$G$22=$B$24,21,0),MOD($C603,24)+1)/SUM(INDEX($D$3:$AA$30,INDEX(Jesper!$R$2:$R$366,ROW(INDEX(Jesper!AL$2:AL$366,ROUNDDOWN($C603/24,0)+1,1))-1)+IF('Standard Profiles'!$G$22=$B$10,7,0)+IF('Standard Profiles'!$G$22=$B$17,14,0)+IF('Standard Profiles'!$G$22=$B$24,21,0),0)),0)</f>
        <v>0</v>
      </c>
      <c r="I603">
        <f t="shared" si="76"/>
        <v>0.44758922043328458</v>
      </c>
      <c r="J603">
        <f t="shared" si="77"/>
        <v>1.4919640681109487</v>
      </c>
      <c r="K603">
        <f t="shared" si="78"/>
        <v>2.2379461021664229</v>
      </c>
      <c r="L603">
        <f t="shared" si="79"/>
        <v>10.74214129039883</v>
      </c>
      <c r="M603">
        <f t="shared" si="80"/>
        <v>0</v>
      </c>
      <c r="N603" s="46">
        <f t="shared" si="81"/>
        <v>45315.708333331953</v>
      </c>
    </row>
    <row r="604" spans="2:14" x14ac:dyDescent="0.3">
      <c r="B604">
        <f t="shared" si="75"/>
        <v>3</v>
      </c>
      <c r="C604" s="16">
        <v>570</v>
      </c>
      <c r="D604" cm="1">
        <f t="array" ref="D604">IFERROR(INDEX(Jesper!AH$2:AH$366,ROUNDDOWN($C604/24,0)+1,1)*INDEX($D$3:$AA$30,INDEX(Jesper!$R$2:$R$366,ROW(INDEX(Jesper!AH$2:AH$366,ROUNDDOWN($C604/24,0)+1,1))-1)+IF('Standard Profiles'!$G$18=$B$10,7,0)+IF('Standard Profiles'!$G$18=$B$17,14,0)+IF('Standard Profiles'!$G$18=$B$24,21,0),MOD($C604,24)+1)/SUM(INDEX($D$3:$AA$30,INDEX(Jesper!$R$2:$R$366,ROW(INDEX(Jesper!AH$2:AH$366,ROUNDDOWN($C604/24,0)+1,1))-1)+IF('Standard Profiles'!$G$18=$B$10,7,0)+IF('Standard Profiles'!$G$18=$B$17,14,0)+IF('Standard Profiles'!$G$18=$B$24,21,0),0)),0)</f>
        <v>14.919640681109486</v>
      </c>
      <c r="E604" cm="1">
        <f t="array" ref="E604">IFERROR(INDEX(Jesper!AI$2:AI$366,ROUNDDOWN($C604/24,0)+1,1)*INDEX($D$3:$AA$30,INDEX(Jesper!$R$2:$R$366,ROW(INDEX(Jesper!AI$2:AI$366,ROUNDDOWN($C604/24,0)+1,1))-1)+IF('Standard Profiles'!$G$19=$B$10,7,0)+IF('Standard Profiles'!$G$19=$B$17,14,0)+IF('Standard Profiles'!$G$19=$B$24,21,0),MOD($C604,24)+1)/SUM(INDEX($D$3:$AA$30,INDEX(Jesper!$R$2:$R$366,ROW(INDEX(Jesper!AI$2:AI$366,ROUNDDOWN($C604/24,0)+1,1))-1)+IF('Standard Profiles'!$G$19=$B$10,7,0)+IF('Standard Profiles'!$G$19=$B$17,14,0)+IF('Standard Profiles'!$G$19=$B$24,21,0),0)),0)</f>
        <v>0</v>
      </c>
      <c r="F604" cm="1">
        <f t="array" ref="F604">IFERROR(INDEX(Jesper!AJ$2:AJ$366,ROUNDDOWN($C604/24,0)+1,1)*INDEX($D$3:$AA$30,INDEX(Jesper!$R$2:$R$366,ROW(INDEX(Jesper!AJ$2:AJ$366,ROUNDDOWN($C604/24,0)+1,1))-1)+IF('Standard Profiles'!$G$20=$B$10,7,0)+IF('Standard Profiles'!$G$20=$B$17,14,0)+IF('Standard Profiles'!$G$20=$B$24,21,0),MOD($C604,24)+1)/SUM(INDEX($D$3:$AA$30,INDEX(Jesper!$R$2:$R$366,ROW(INDEX(Jesper!AJ$2:AJ$366,ROUNDDOWN($C604/24,0)+1,1))-1)+IF('Standard Profiles'!$G$20=$B$10,7,0)+IF('Standard Profiles'!$G$20=$B$17,14,0)+IF('Standard Profiles'!$G$20=$B$24,21,0),0)),0)</f>
        <v>0</v>
      </c>
      <c r="G604" cm="1">
        <f t="array" ref="G604">IFERROR(INDEX(Jesper!AK$2:AK$366,ROUNDDOWN($C604/24,0)+1,1)*INDEX($D$3:$AA$30,INDEX(Jesper!$R$2:$R$366,ROW(INDEX(Jesper!AK$2:AK$366,ROUNDDOWN($C604/24,0)+1,1))-1)+IF('Standard Profiles'!$G$21=$B$10,7,0)+IF('Standard Profiles'!$G$21=$B$17,14,0)+IF('Standard Profiles'!$G$21=$B$24,21,0),MOD($C604,24)+1)/SUM(INDEX($D$3:$AA$30,INDEX(Jesper!$R$2:$R$366,ROW(INDEX(Jesper!AK$2:AK$366,ROUNDDOWN($C604/24,0)+1,1))-1)+IF('Standard Profiles'!$G$21=$B$10,7,0)+IF('Standard Profiles'!$G$21=$B$17,14,0)+IF('Standard Profiles'!$G$21=$B$24,21,0),0)),0)</f>
        <v>0</v>
      </c>
      <c r="H604" cm="1">
        <f t="array" ref="H604">IFERROR(INDEX(Jesper!AL$2:AL$366,ROUNDDOWN($C604/24,0)+1,1)*INDEX($D$3:$AA$30,INDEX(Jesper!$R$2:$R$366,ROW(INDEX(Jesper!AL$2:AL$366,ROUNDDOWN($C604/24,0)+1,1))-1)+IF('Standard Profiles'!$G$22=$B$10,7,0)+IF('Standard Profiles'!$G$22=$B$17,14,0)+IF('Standard Profiles'!$G$22=$B$24,21,0),MOD($C604,24)+1)/SUM(INDEX($D$3:$AA$30,INDEX(Jesper!$R$2:$R$366,ROW(INDEX(Jesper!AL$2:AL$366,ROUNDDOWN($C604/24,0)+1,1))-1)+IF('Standard Profiles'!$G$22=$B$10,7,0)+IF('Standard Profiles'!$G$22=$B$17,14,0)+IF('Standard Profiles'!$G$22=$B$24,21,0),0)),0)</f>
        <v>0</v>
      </c>
      <c r="I604">
        <f t="shared" si="76"/>
        <v>0.44758922043328458</v>
      </c>
      <c r="J604">
        <f t="shared" si="77"/>
        <v>1.4919640681109487</v>
      </c>
      <c r="K604">
        <f t="shared" si="78"/>
        <v>2.2379461021664229</v>
      </c>
      <c r="L604">
        <f t="shared" si="79"/>
        <v>10.74214129039883</v>
      </c>
      <c r="M604">
        <f t="shared" si="80"/>
        <v>0</v>
      </c>
      <c r="N604" s="46">
        <f t="shared" si="81"/>
        <v>45315.749999998618</v>
      </c>
    </row>
    <row r="605" spans="2:14" x14ac:dyDescent="0.3">
      <c r="B605">
        <f t="shared" si="75"/>
        <v>3</v>
      </c>
      <c r="C605" s="16">
        <v>571</v>
      </c>
      <c r="D605" cm="1">
        <f t="array" ref="D605">IFERROR(INDEX(Jesper!AH$2:AH$366,ROUNDDOWN($C605/24,0)+1,1)*INDEX($D$3:$AA$30,INDEX(Jesper!$R$2:$R$366,ROW(INDEX(Jesper!AH$2:AH$366,ROUNDDOWN($C605/24,0)+1,1))-1)+IF('Standard Profiles'!$G$18=$B$10,7,0)+IF('Standard Profiles'!$G$18=$B$17,14,0)+IF('Standard Profiles'!$G$18=$B$24,21,0),MOD($C605,24)+1)/SUM(INDEX($D$3:$AA$30,INDEX(Jesper!$R$2:$R$366,ROW(INDEX(Jesper!AH$2:AH$366,ROUNDDOWN($C605/24,0)+1,1))-1)+IF('Standard Profiles'!$G$18=$B$10,7,0)+IF('Standard Profiles'!$G$18=$B$17,14,0)+IF('Standard Profiles'!$G$18=$B$24,21,0),0)),0)</f>
        <v>12.433033900924572</v>
      </c>
      <c r="E605" cm="1">
        <f t="array" ref="E605">IFERROR(INDEX(Jesper!AI$2:AI$366,ROUNDDOWN($C605/24,0)+1,1)*INDEX($D$3:$AA$30,INDEX(Jesper!$R$2:$R$366,ROW(INDEX(Jesper!AI$2:AI$366,ROUNDDOWN($C605/24,0)+1,1))-1)+IF('Standard Profiles'!$G$19=$B$10,7,0)+IF('Standard Profiles'!$G$19=$B$17,14,0)+IF('Standard Profiles'!$G$19=$B$24,21,0),MOD($C605,24)+1)/SUM(INDEX($D$3:$AA$30,INDEX(Jesper!$R$2:$R$366,ROW(INDEX(Jesper!AI$2:AI$366,ROUNDDOWN($C605/24,0)+1,1))-1)+IF('Standard Profiles'!$G$19=$B$10,7,0)+IF('Standard Profiles'!$G$19=$B$17,14,0)+IF('Standard Profiles'!$G$19=$B$24,21,0),0)),0)</f>
        <v>0</v>
      </c>
      <c r="F605" cm="1">
        <f t="array" ref="F605">IFERROR(INDEX(Jesper!AJ$2:AJ$366,ROUNDDOWN($C605/24,0)+1,1)*INDEX($D$3:$AA$30,INDEX(Jesper!$R$2:$R$366,ROW(INDEX(Jesper!AJ$2:AJ$366,ROUNDDOWN($C605/24,0)+1,1))-1)+IF('Standard Profiles'!$G$20=$B$10,7,0)+IF('Standard Profiles'!$G$20=$B$17,14,0)+IF('Standard Profiles'!$G$20=$B$24,21,0),MOD($C605,24)+1)/SUM(INDEX($D$3:$AA$30,INDEX(Jesper!$R$2:$R$366,ROW(INDEX(Jesper!AJ$2:AJ$366,ROUNDDOWN($C605/24,0)+1,1))-1)+IF('Standard Profiles'!$G$20=$B$10,7,0)+IF('Standard Profiles'!$G$20=$B$17,14,0)+IF('Standard Profiles'!$G$20=$B$24,21,0),0)),0)</f>
        <v>0</v>
      </c>
      <c r="G605" cm="1">
        <f t="array" ref="G605">IFERROR(INDEX(Jesper!AK$2:AK$366,ROUNDDOWN($C605/24,0)+1,1)*INDEX($D$3:$AA$30,INDEX(Jesper!$R$2:$R$366,ROW(INDEX(Jesper!AK$2:AK$366,ROUNDDOWN($C605/24,0)+1,1))-1)+IF('Standard Profiles'!$G$21=$B$10,7,0)+IF('Standard Profiles'!$G$21=$B$17,14,0)+IF('Standard Profiles'!$G$21=$B$24,21,0),MOD($C605,24)+1)/SUM(INDEX($D$3:$AA$30,INDEX(Jesper!$R$2:$R$366,ROW(INDEX(Jesper!AK$2:AK$366,ROUNDDOWN($C605/24,0)+1,1))-1)+IF('Standard Profiles'!$G$21=$B$10,7,0)+IF('Standard Profiles'!$G$21=$B$17,14,0)+IF('Standard Profiles'!$G$21=$B$24,21,0),0)),0)</f>
        <v>0</v>
      </c>
      <c r="H605" cm="1">
        <f t="array" ref="H605">IFERROR(INDEX(Jesper!AL$2:AL$366,ROUNDDOWN($C605/24,0)+1,1)*INDEX($D$3:$AA$30,INDEX(Jesper!$R$2:$R$366,ROW(INDEX(Jesper!AL$2:AL$366,ROUNDDOWN($C605/24,0)+1,1))-1)+IF('Standard Profiles'!$G$22=$B$10,7,0)+IF('Standard Profiles'!$G$22=$B$17,14,0)+IF('Standard Profiles'!$G$22=$B$24,21,0),MOD($C605,24)+1)/SUM(INDEX($D$3:$AA$30,INDEX(Jesper!$R$2:$R$366,ROW(INDEX(Jesper!AL$2:AL$366,ROUNDDOWN($C605/24,0)+1,1))-1)+IF('Standard Profiles'!$G$22=$B$10,7,0)+IF('Standard Profiles'!$G$22=$B$17,14,0)+IF('Standard Profiles'!$G$22=$B$24,21,0),0)),0)</f>
        <v>0</v>
      </c>
      <c r="I605">
        <f t="shared" si="76"/>
        <v>0.37299101702773718</v>
      </c>
      <c r="J605">
        <f t="shared" si="77"/>
        <v>1.2433033900924573</v>
      </c>
      <c r="K605">
        <f t="shared" si="78"/>
        <v>1.8649550851386858</v>
      </c>
      <c r="L605">
        <f t="shared" si="79"/>
        <v>8.9517844086656915</v>
      </c>
      <c r="M605">
        <f t="shared" si="80"/>
        <v>0</v>
      </c>
      <c r="N605" s="46">
        <f t="shared" si="81"/>
        <v>45315.791666665282</v>
      </c>
    </row>
    <row r="606" spans="2:14" x14ac:dyDescent="0.3">
      <c r="B606">
        <f t="shared" si="75"/>
        <v>3</v>
      </c>
      <c r="C606" s="16">
        <v>572</v>
      </c>
      <c r="D606" cm="1">
        <f t="array" ref="D606">IFERROR(INDEX(Jesper!AH$2:AH$366,ROUNDDOWN($C606/24,0)+1,1)*INDEX($D$3:$AA$30,INDEX(Jesper!$R$2:$R$366,ROW(INDEX(Jesper!AH$2:AH$366,ROUNDDOWN($C606/24,0)+1,1))-1)+IF('Standard Profiles'!$G$18=$B$10,7,0)+IF('Standard Profiles'!$G$18=$B$17,14,0)+IF('Standard Profiles'!$G$18=$B$24,21,0),MOD($C606,24)+1)/SUM(INDEX($D$3:$AA$30,INDEX(Jesper!$R$2:$R$366,ROW(INDEX(Jesper!AH$2:AH$366,ROUNDDOWN($C606/24,0)+1,1))-1)+IF('Standard Profiles'!$G$18=$B$10,7,0)+IF('Standard Profiles'!$G$18=$B$17,14,0)+IF('Standard Profiles'!$G$18=$B$24,21,0),0)),0)</f>
        <v>9.9464271207396582</v>
      </c>
      <c r="E606" cm="1">
        <f t="array" ref="E606">IFERROR(INDEX(Jesper!AI$2:AI$366,ROUNDDOWN($C606/24,0)+1,1)*INDEX($D$3:$AA$30,INDEX(Jesper!$R$2:$R$366,ROW(INDEX(Jesper!AI$2:AI$366,ROUNDDOWN($C606/24,0)+1,1))-1)+IF('Standard Profiles'!$G$19=$B$10,7,0)+IF('Standard Profiles'!$G$19=$B$17,14,0)+IF('Standard Profiles'!$G$19=$B$24,21,0),MOD($C606,24)+1)/SUM(INDEX($D$3:$AA$30,INDEX(Jesper!$R$2:$R$366,ROW(INDEX(Jesper!AI$2:AI$366,ROUNDDOWN($C606/24,0)+1,1))-1)+IF('Standard Profiles'!$G$19=$B$10,7,0)+IF('Standard Profiles'!$G$19=$B$17,14,0)+IF('Standard Profiles'!$G$19=$B$24,21,0),0)),0)</f>
        <v>0</v>
      </c>
      <c r="F606" cm="1">
        <f t="array" ref="F606">IFERROR(INDEX(Jesper!AJ$2:AJ$366,ROUNDDOWN($C606/24,0)+1,1)*INDEX($D$3:$AA$30,INDEX(Jesper!$R$2:$R$366,ROW(INDEX(Jesper!AJ$2:AJ$366,ROUNDDOWN($C606/24,0)+1,1))-1)+IF('Standard Profiles'!$G$20=$B$10,7,0)+IF('Standard Profiles'!$G$20=$B$17,14,0)+IF('Standard Profiles'!$G$20=$B$24,21,0),MOD($C606,24)+1)/SUM(INDEX($D$3:$AA$30,INDEX(Jesper!$R$2:$R$366,ROW(INDEX(Jesper!AJ$2:AJ$366,ROUNDDOWN($C606/24,0)+1,1))-1)+IF('Standard Profiles'!$G$20=$B$10,7,0)+IF('Standard Profiles'!$G$20=$B$17,14,0)+IF('Standard Profiles'!$G$20=$B$24,21,0),0)),0)</f>
        <v>0</v>
      </c>
      <c r="G606" cm="1">
        <f t="array" ref="G606">IFERROR(INDEX(Jesper!AK$2:AK$366,ROUNDDOWN($C606/24,0)+1,1)*INDEX($D$3:$AA$30,INDEX(Jesper!$R$2:$R$366,ROW(INDEX(Jesper!AK$2:AK$366,ROUNDDOWN($C606/24,0)+1,1))-1)+IF('Standard Profiles'!$G$21=$B$10,7,0)+IF('Standard Profiles'!$G$21=$B$17,14,0)+IF('Standard Profiles'!$G$21=$B$24,21,0),MOD($C606,24)+1)/SUM(INDEX($D$3:$AA$30,INDEX(Jesper!$R$2:$R$366,ROW(INDEX(Jesper!AK$2:AK$366,ROUNDDOWN($C606/24,0)+1,1))-1)+IF('Standard Profiles'!$G$21=$B$10,7,0)+IF('Standard Profiles'!$G$21=$B$17,14,0)+IF('Standard Profiles'!$G$21=$B$24,21,0),0)),0)</f>
        <v>0</v>
      </c>
      <c r="H606" cm="1">
        <f t="array" ref="H606">IFERROR(INDEX(Jesper!AL$2:AL$366,ROUNDDOWN($C606/24,0)+1,1)*INDEX($D$3:$AA$30,INDEX(Jesper!$R$2:$R$366,ROW(INDEX(Jesper!AL$2:AL$366,ROUNDDOWN($C606/24,0)+1,1))-1)+IF('Standard Profiles'!$G$22=$B$10,7,0)+IF('Standard Profiles'!$G$22=$B$17,14,0)+IF('Standard Profiles'!$G$22=$B$24,21,0),MOD($C606,24)+1)/SUM(INDEX($D$3:$AA$30,INDEX(Jesper!$R$2:$R$366,ROW(INDEX(Jesper!AL$2:AL$366,ROUNDDOWN($C606/24,0)+1,1))-1)+IF('Standard Profiles'!$G$22=$B$10,7,0)+IF('Standard Profiles'!$G$22=$B$17,14,0)+IF('Standard Profiles'!$G$22=$B$24,21,0),0)),0)</f>
        <v>0</v>
      </c>
      <c r="I606">
        <f t="shared" si="76"/>
        <v>0.29839281362218972</v>
      </c>
      <c r="J606">
        <f t="shared" si="77"/>
        <v>0.99464271207396582</v>
      </c>
      <c r="K606">
        <f t="shared" si="78"/>
        <v>1.4919640681109487</v>
      </c>
      <c r="L606">
        <f t="shared" si="79"/>
        <v>7.1614275269325534</v>
      </c>
      <c r="M606">
        <f t="shared" si="80"/>
        <v>0</v>
      </c>
      <c r="N606" s="46">
        <f t="shared" si="81"/>
        <v>45315.833333331946</v>
      </c>
    </row>
    <row r="607" spans="2:14" x14ac:dyDescent="0.3">
      <c r="B607">
        <f t="shared" si="75"/>
        <v>3</v>
      </c>
      <c r="C607" s="16">
        <v>573</v>
      </c>
      <c r="D607" cm="1">
        <f t="array" ref="D607">IFERROR(INDEX(Jesper!AH$2:AH$366,ROUNDDOWN($C607/24,0)+1,1)*INDEX($D$3:$AA$30,INDEX(Jesper!$R$2:$R$366,ROW(INDEX(Jesper!AH$2:AH$366,ROUNDDOWN($C607/24,0)+1,1))-1)+IF('Standard Profiles'!$G$18=$B$10,7,0)+IF('Standard Profiles'!$G$18=$B$17,14,0)+IF('Standard Profiles'!$G$18=$B$24,21,0),MOD($C607,24)+1)/SUM(INDEX($D$3:$AA$30,INDEX(Jesper!$R$2:$R$366,ROW(INDEX(Jesper!AH$2:AH$366,ROUNDDOWN($C607/24,0)+1,1))-1)+IF('Standard Profiles'!$G$18=$B$10,7,0)+IF('Standard Profiles'!$G$18=$B$17,14,0)+IF('Standard Profiles'!$G$18=$B$24,21,0),0)),0)</f>
        <v>7.4598203405547432</v>
      </c>
      <c r="E607" cm="1">
        <f t="array" ref="E607">IFERROR(INDEX(Jesper!AI$2:AI$366,ROUNDDOWN($C607/24,0)+1,1)*INDEX($D$3:$AA$30,INDEX(Jesper!$R$2:$R$366,ROW(INDEX(Jesper!AI$2:AI$366,ROUNDDOWN($C607/24,0)+1,1))-1)+IF('Standard Profiles'!$G$19=$B$10,7,0)+IF('Standard Profiles'!$G$19=$B$17,14,0)+IF('Standard Profiles'!$G$19=$B$24,21,0),MOD($C607,24)+1)/SUM(INDEX($D$3:$AA$30,INDEX(Jesper!$R$2:$R$366,ROW(INDEX(Jesper!AI$2:AI$366,ROUNDDOWN($C607/24,0)+1,1))-1)+IF('Standard Profiles'!$G$19=$B$10,7,0)+IF('Standard Profiles'!$G$19=$B$17,14,0)+IF('Standard Profiles'!$G$19=$B$24,21,0),0)),0)</f>
        <v>0</v>
      </c>
      <c r="F607" cm="1">
        <f t="array" ref="F607">IFERROR(INDEX(Jesper!AJ$2:AJ$366,ROUNDDOWN($C607/24,0)+1,1)*INDEX($D$3:$AA$30,INDEX(Jesper!$R$2:$R$366,ROW(INDEX(Jesper!AJ$2:AJ$366,ROUNDDOWN($C607/24,0)+1,1))-1)+IF('Standard Profiles'!$G$20=$B$10,7,0)+IF('Standard Profiles'!$G$20=$B$17,14,0)+IF('Standard Profiles'!$G$20=$B$24,21,0),MOD($C607,24)+1)/SUM(INDEX($D$3:$AA$30,INDEX(Jesper!$R$2:$R$366,ROW(INDEX(Jesper!AJ$2:AJ$366,ROUNDDOWN($C607/24,0)+1,1))-1)+IF('Standard Profiles'!$G$20=$B$10,7,0)+IF('Standard Profiles'!$G$20=$B$17,14,0)+IF('Standard Profiles'!$G$20=$B$24,21,0),0)),0)</f>
        <v>0</v>
      </c>
      <c r="G607" cm="1">
        <f t="array" ref="G607">IFERROR(INDEX(Jesper!AK$2:AK$366,ROUNDDOWN($C607/24,0)+1,1)*INDEX($D$3:$AA$30,INDEX(Jesper!$R$2:$R$366,ROW(INDEX(Jesper!AK$2:AK$366,ROUNDDOWN($C607/24,0)+1,1))-1)+IF('Standard Profiles'!$G$21=$B$10,7,0)+IF('Standard Profiles'!$G$21=$B$17,14,0)+IF('Standard Profiles'!$G$21=$B$24,21,0),MOD($C607,24)+1)/SUM(INDEX($D$3:$AA$30,INDEX(Jesper!$R$2:$R$366,ROW(INDEX(Jesper!AK$2:AK$366,ROUNDDOWN($C607/24,0)+1,1))-1)+IF('Standard Profiles'!$G$21=$B$10,7,0)+IF('Standard Profiles'!$G$21=$B$17,14,0)+IF('Standard Profiles'!$G$21=$B$24,21,0),0)),0)</f>
        <v>0</v>
      </c>
      <c r="H607" cm="1">
        <f t="array" ref="H607">IFERROR(INDEX(Jesper!AL$2:AL$366,ROUNDDOWN($C607/24,0)+1,1)*INDEX($D$3:$AA$30,INDEX(Jesper!$R$2:$R$366,ROW(INDEX(Jesper!AL$2:AL$366,ROUNDDOWN($C607/24,0)+1,1))-1)+IF('Standard Profiles'!$G$22=$B$10,7,0)+IF('Standard Profiles'!$G$22=$B$17,14,0)+IF('Standard Profiles'!$G$22=$B$24,21,0),MOD($C607,24)+1)/SUM(INDEX($D$3:$AA$30,INDEX(Jesper!$R$2:$R$366,ROW(INDEX(Jesper!AL$2:AL$366,ROUNDDOWN($C607/24,0)+1,1))-1)+IF('Standard Profiles'!$G$22=$B$10,7,0)+IF('Standard Profiles'!$G$22=$B$17,14,0)+IF('Standard Profiles'!$G$22=$B$24,21,0),0)),0)</f>
        <v>0</v>
      </c>
      <c r="I607">
        <f t="shared" si="76"/>
        <v>0.22379461021664229</v>
      </c>
      <c r="J607">
        <f t="shared" si="77"/>
        <v>0.74598203405547436</v>
      </c>
      <c r="K607">
        <f t="shared" si="78"/>
        <v>1.1189730510832114</v>
      </c>
      <c r="L607">
        <f t="shared" si="79"/>
        <v>5.3710706451994152</v>
      </c>
      <c r="M607">
        <f t="shared" si="80"/>
        <v>0</v>
      </c>
      <c r="N607" s="46">
        <f t="shared" si="81"/>
        <v>45315.87499999861</v>
      </c>
    </row>
    <row r="608" spans="2:14" x14ac:dyDescent="0.3">
      <c r="B608">
        <f t="shared" si="75"/>
        <v>3</v>
      </c>
      <c r="C608" s="16">
        <v>574</v>
      </c>
      <c r="D608" cm="1">
        <f t="array" ref="D608">IFERROR(INDEX(Jesper!AH$2:AH$366,ROUNDDOWN($C608/24,0)+1,1)*INDEX($D$3:$AA$30,INDEX(Jesper!$R$2:$R$366,ROW(INDEX(Jesper!AH$2:AH$366,ROUNDDOWN($C608/24,0)+1,1))-1)+IF('Standard Profiles'!$G$18=$B$10,7,0)+IF('Standard Profiles'!$G$18=$B$17,14,0)+IF('Standard Profiles'!$G$18=$B$24,21,0),MOD($C608,24)+1)/SUM(INDEX($D$3:$AA$30,INDEX(Jesper!$R$2:$R$366,ROW(INDEX(Jesper!AH$2:AH$366,ROUNDDOWN($C608/24,0)+1,1))-1)+IF('Standard Profiles'!$G$18=$B$10,7,0)+IF('Standard Profiles'!$G$18=$B$17,14,0)+IF('Standard Profiles'!$G$18=$B$24,21,0),0)),0)</f>
        <v>7.4598203405547432</v>
      </c>
      <c r="E608" cm="1">
        <f t="array" ref="E608">IFERROR(INDEX(Jesper!AI$2:AI$366,ROUNDDOWN($C608/24,0)+1,1)*INDEX($D$3:$AA$30,INDEX(Jesper!$R$2:$R$366,ROW(INDEX(Jesper!AI$2:AI$366,ROUNDDOWN($C608/24,0)+1,1))-1)+IF('Standard Profiles'!$G$19=$B$10,7,0)+IF('Standard Profiles'!$G$19=$B$17,14,0)+IF('Standard Profiles'!$G$19=$B$24,21,0),MOD($C608,24)+1)/SUM(INDEX($D$3:$AA$30,INDEX(Jesper!$R$2:$R$366,ROW(INDEX(Jesper!AI$2:AI$366,ROUNDDOWN($C608/24,0)+1,1))-1)+IF('Standard Profiles'!$G$19=$B$10,7,0)+IF('Standard Profiles'!$G$19=$B$17,14,0)+IF('Standard Profiles'!$G$19=$B$24,21,0),0)),0)</f>
        <v>0</v>
      </c>
      <c r="F608" cm="1">
        <f t="array" ref="F608">IFERROR(INDEX(Jesper!AJ$2:AJ$366,ROUNDDOWN($C608/24,0)+1,1)*INDEX($D$3:$AA$30,INDEX(Jesper!$R$2:$R$366,ROW(INDEX(Jesper!AJ$2:AJ$366,ROUNDDOWN($C608/24,0)+1,1))-1)+IF('Standard Profiles'!$G$20=$B$10,7,0)+IF('Standard Profiles'!$G$20=$B$17,14,0)+IF('Standard Profiles'!$G$20=$B$24,21,0),MOD($C608,24)+1)/SUM(INDEX($D$3:$AA$30,INDEX(Jesper!$R$2:$R$366,ROW(INDEX(Jesper!AJ$2:AJ$366,ROUNDDOWN($C608/24,0)+1,1))-1)+IF('Standard Profiles'!$G$20=$B$10,7,0)+IF('Standard Profiles'!$G$20=$B$17,14,0)+IF('Standard Profiles'!$G$20=$B$24,21,0),0)),0)</f>
        <v>0</v>
      </c>
      <c r="G608" cm="1">
        <f t="array" ref="G608">IFERROR(INDEX(Jesper!AK$2:AK$366,ROUNDDOWN($C608/24,0)+1,1)*INDEX($D$3:$AA$30,INDEX(Jesper!$R$2:$R$366,ROW(INDEX(Jesper!AK$2:AK$366,ROUNDDOWN($C608/24,0)+1,1))-1)+IF('Standard Profiles'!$G$21=$B$10,7,0)+IF('Standard Profiles'!$G$21=$B$17,14,0)+IF('Standard Profiles'!$G$21=$B$24,21,0),MOD($C608,24)+1)/SUM(INDEX($D$3:$AA$30,INDEX(Jesper!$R$2:$R$366,ROW(INDEX(Jesper!AK$2:AK$366,ROUNDDOWN($C608/24,0)+1,1))-1)+IF('Standard Profiles'!$G$21=$B$10,7,0)+IF('Standard Profiles'!$G$21=$B$17,14,0)+IF('Standard Profiles'!$G$21=$B$24,21,0),0)),0)</f>
        <v>0</v>
      </c>
      <c r="H608" cm="1">
        <f t="array" ref="H608">IFERROR(INDEX(Jesper!AL$2:AL$366,ROUNDDOWN($C608/24,0)+1,1)*INDEX($D$3:$AA$30,INDEX(Jesper!$R$2:$R$366,ROW(INDEX(Jesper!AL$2:AL$366,ROUNDDOWN($C608/24,0)+1,1))-1)+IF('Standard Profiles'!$G$22=$B$10,7,0)+IF('Standard Profiles'!$G$22=$B$17,14,0)+IF('Standard Profiles'!$G$22=$B$24,21,0),MOD($C608,24)+1)/SUM(INDEX($D$3:$AA$30,INDEX(Jesper!$R$2:$R$366,ROW(INDEX(Jesper!AL$2:AL$366,ROUNDDOWN($C608/24,0)+1,1))-1)+IF('Standard Profiles'!$G$22=$B$10,7,0)+IF('Standard Profiles'!$G$22=$B$17,14,0)+IF('Standard Profiles'!$G$22=$B$24,21,0),0)),0)</f>
        <v>0</v>
      </c>
      <c r="I608">
        <f t="shared" si="76"/>
        <v>0.22379461021664229</v>
      </c>
      <c r="J608">
        <f t="shared" si="77"/>
        <v>0.74598203405547436</v>
      </c>
      <c r="K608">
        <f t="shared" si="78"/>
        <v>1.1189730510832114</v>
      </c>
      <c r="L608">
        <f t="shared" si="79"/>
        <v>5.3710706451994152</v>
      </c>
      <c r="M608">
        <f t="shared" si="80"/>
        <v>0</v>
      </c>
      <c r="N608" s="46">
        <f t="shared" si="81"/>
        <v>45315.916666665275</v>
      </c>
    </row>
    <row r="609" spans="2:14" x14ac:dyDescent="0.3">
      <c r="B609">
        <f t="shared" si="75"/>
        <v>3</v>
      </c>
      <c r="C609" s="16">
        <v>575</v>
      </c>
      <c r="D609" cm="1">
        <f t="array" ref="D609">IFERROR(INDEX(Jesper!AH$2:AH$366,ROUNDDOWN($C609/24,0)+1,1)*INDEX($D$3:$AA$30,INDEX(Jesper!$R$2:$R$366,ROW(INDEX(Jesper!AH$2:AH$366,ROUNDDOWN($C609/24,0)+1,1))-1)+IF('Standard Profiles'!$G$18=$B$10,7,0)+IF('Standard Profiles'!$G$18=$B$17,14,0)+IF('Standard Profiles'!$G$18=$B$24,21,0),MOD($C609,24)+1)/SUM(INDEX($D$3:$AA$30,INDEX(Jesper!$R$2:$R$366,ROW(INDEX(Jesper!AH$2:AH$366,ROUNDDOWN($C609/24,0)+1,1))-1)+IF('Standard Profiles'!$G$18=$B$10,7,0)+IF('Standard Profiles'!$G$18=$B$17,14,0)+IF('Standard Profiles'!$G$18=$B$24,21,0),0)),0)</f>
        <v>7.4598203405547432</v>
      </c>
      <c r="E609" cm="1">
        <f t="array" ref="E609">IFERROR(INDEX(Jesper!AI$2:AI$366,ROUNDDOWN($C609/24,0)+1,1)*INDEX($D$3:$AA$30,INDEX(Jesper!$R$2:$R$366,ROW(INDEX(Jesper!AI$2:AI$366,ROUNDDOWN($C609/24,0)+1,1))-1)+IF('Standard Profiles'!$G$19=$B$10,7,0)+IF('Standard Profiles'!$G$19=$B$17,14,0)+IF('Standard Profiles'!$G$19=$B$24,21,0),MOD($C609,24)+1)/SUM(INDEX($D$3:$AA$30,INDEX(Jesper!$R$2:$R$366,ROW(INDEX(Jesper!AI$2:AI$366,ROUNDDOWN($C609/24,0)+1,1))-1)+IF('Standard Profiles'!$G$19=$B$10,7,0)+IF('Standard Profiles'!$G$19=$B$17,14,0)+IF('Standard Profiles'!$G$19=$B$24,21,0),0)),0)</f>
        <v>0</v>
      </c>
      <c r="F609" cm="1">
        <f t="array" ref="F609">IFERROR(INDEX(Jesper!AJ$2:AJ$366,ROUNDDOWN($C609/24,0)+1,1)*INDEX($D$3:$AA$30,INDEX(Jesper!$R$2:$R$366,ROW(INDEX(Jesper!AJ$2:AJ$366,ROUNDDOWN($C609/24,0)+1,1))-1)+IF('Standard Profiles'!$G$20=$B$10,7,0)+IF('Standard Profiles'!$G$20=$B$17,14,0)+IF('Standard Profiles'!$G$20=$B$24,21,0),MOD($C609,24)+1)/SUM(INDEX($D$3:$AA$30,INDEX(Jesper!$R$2:$R$366,ROW(INDEX(Jesper!AJ$2:AJ$366,ROUNDDOWN($C609/24,0)+1,1))-1)+IF('Standard Profiles'!$G$20=$B$10,7,0)+IF('Standard Profiles'!$G$20=$B$17,14,0)+IF('Standard Profiles'!$G$20=$B$24,21,0),0)),0)</f>
        <v>0</v>
      </c>
      <c r="G609" cm="1">
        <f t="array" ref="G609">IFERROR(INDEX(Jesper!AK$2:AK$366,ROUNDDOWN($C609/24,0)+1,1)*INDEX($D$3:$AA$30,INDEX(Jesper!$R$2:$R$366,ROW(INDEX(Jesper!AK$2:AK$366,ROUNDDOWN($C609/24,0)+1,1))-1)+IF('Standard Profiles'!$G$21=$B$10,7,0)+IF('Standard Profiles'!$G$21=$B$17,14,0)+IF('Standard Profiles'!$G$21=$B$24,21,0),MOD($C609,24)+1)/SUM(INDEX($D$3:$AA$30,INDEX(Jesper!$R$2:$R$366,ROW(INDEX(Jesper!AK$2:AK$366,ROUNDDOWN($C609/24,0)+1,1))-1)+IF('Standard Profiles'!$G$21=$B$10,7,0)+IF('Standard Profiles'!$G$21=$B$17,14,0)+IF('Standard Profiles'!$G$21=$B$24,21,0),0)),0)</f>
        <v>0</v>
      </c>
      <c r="H609" cm="1">
        <f t="array" ref="H609">IFERROR(INDEX(Jesper!AL$2:AL$366,ROUNDDOWN($C609/24,0)+1,1)*INDEX($D$3:$AA$30,INDEX(Jesper!$R$2:$R$366,ROW(INDEX(Jesper!AL$2:AL$366,ROUNDDOWN($C609/24,0)+1,1))-1)+IF('Standard Profiles'!$G$22=$B$10,7,0)+IF('Standard Profiles'!$G$22=$B$17,14,0)+IF('Standard Profiles'!$G$22=$B$24,21,0),MOD($C609,24)+1)/SUM(INDEX($D$3:$AA$30,INDEX(Jesper!$R$2:$R$366,ROW(INDEX(Jesper!AL$2:AL$366,ROUNDDOWN($C609/24,0)+1,1))-1)+IF('Standard Profiles'!$G$22=$B$10,7,0)+IF('Standard Profiles'!$G$22=$B$17,14,0)+IF('Standard Profiles'!$G$22=$B$24,21,0),0)),0)</f>
        <v>0</v>
      </c>
      <c r="I609">
        <f t="shared" si="76"/>
        <v>0.22379461021664229</v>
      </c>
      <c r="J609">
        <f t="shared" si="77"/>
        <v>0.74598203405547436</v>
      </c>
      <c r="K609">
        <f t="shared" si="78"/>
        <v>1.1189730510832114</v>
      </c>
      <c r="L609">
        <f t="shared" si="79"/>
        <v>5.3710706451994152</v>
      </c>
      <c r="M609">
        <f t="shared" si="80"/>
        <v>0</v>
      </c>
      <c r="N609" s="46">
        <f t="shared" si="81"/>
        <v>45315.958333331939</v>
      </c>
    </row>
    <row r="610" spans="2:14" x14ac:dyDescent="0.3">
      <c r="B610">
        <f t="shared" si="75"/>
        <v>4</v>
      </c>
      <c r="C610" s="16">
        <v>576</v>
      </c>
      <c r="D610" cm="1">
        <f t="array" ref="D610">IFERROR(INDEX(Jesper!AH$2:AH$366,ROUNDDOWN($C610/24,0)+1,1)*INDEX($D$3:$AA$30,INDEX(Jesper!$R$2:$R$366,ROW(INDEX(Jesper!AH$2:AH$366,ROUNDDOWN($C610/24,0)+1,1))-1)+IF('Standard Profiles'!$G$18=$B$10,7,0)+IF('Standard Profiles'!$G$18=$B$17,14,0)+IF('Standard Profiles'!$G$18=$B$24,21,0),MOD($C610,24)+1)/SUM(INDEX($D$3:$AA$30,INDEX(Jesper!$R$2:$R$366,ROW(INDEX(Jesper!AH$2:AH$366,ROUNDDOWN($C610/24,0)+1,1))-1)+IF('Standard Profiles'!$G$18=$B$10,7,0)+IF('Standard Profiles'!$G$18=$B$17,14,0)+IF('Standard Profiles'!$G$18=$B$24,21,0),0)),0)</f>
        <v>7.3646669816575265</v>
      </c>
      <c r="E610" cm="1">
        <f t="array" ref="E610">IFERROR(INDEX(Jesper!AI$2:AI$366,ROUNDDOWN($C610/24,0)+1,1)*INDEX($D$3:$AA$30,INDEX(Jesper!$R$2:$R$366,ROW(INDEX(Jesper!AI$2:AI$366,ROUNDDOWN($C610/24,0)+1,1))-1)+IF('Standard Profiles'!$G$19=$B$10,7,0)+IF('Standard Profiles'!$G$19=$B$17,14,0)+IF('Standard Profiles'!$G$19=$B$24,21,0),MOD($C610,24)+1)/SUM(INDEX($D$3:$AA$30,INDEX(Jesper!$R$2:$R$366,ROW(INDEX(Jesper!AI$2:AI$366,ROUNDDOWN($C610/24,0)+1,1))-1)+IF('Standard Profiles'!$G$19=$B$10,7,0)+IF('Standard Profiles'!$G$19=$B$17,14,0)+IF('Standard Profiles'!$G$19=$B$24,21,0),0)),0)</f>
        <v>0</v>
      </c>
      <c r="F610" cm="1">
        <f t="array" ref="F610">IFERROR(INDEX(Jesper!AJ$2:AJ$366,ROUNDDOWN($C610/24,0)+1,1)*INDEX($D$3:$AA$30,INDEX(Jesper!$R$2:$R$366,ROW(INDEX(Jesper!AJ$2:AJ$366,ROUNDDOWN($C610/24,0)+1,1))-1)+IF('Standard Profiles'!$G$20=$B$10,7,0)+IF('Standard Profiles'!$G$20=$B$17,14,0)+IF('Standard Profiles'!$G$20=$B$24,21,0),MOD($C610,24)+1)/SUM(INDEX($D$3:$AA$30,INDEX(Jesper!$R$2:$R$366,ROW(INDEX(Jesper!AJ$2:AJ$366,ROUNDDOWN($C610/24,0)+1,1))-1)+IF('Standard Profiles'!$G$20=$B$10,7,0)+IF('Standard Profiles'!$G$20=$B$17,14,0)+IF('Standard Profiles'!$G$20=$B$24,21,0),0)),0)</f>
        <v>0</v>
      </c>
      <c r="G610" cm="1">
        <f t="array" ref="G610">IFERROR(INDEX(Jesper!AK$2:AK$366,ROUNDDOWN($C610/24,0)+1,1)*INDEX($D$3:$AA$30,INDEX(Jesper!$R$2:$R$366,ROW(INDEX(Jesper!AK$2:AK$366,ROUNDDOWN($C610/24,0)+1,1))-1)+IF('Standard Profiles'!$G$21=$B$10,7,0)+IF('Standard Profiles'!$G$21=$B$17,14,0)+IF('Standard Profiles'!$G$21=$B$24,21,0),MOD($C610,24)+1)/SUM(INDEX($D$3:$AA$30,INDEX(Jesper!$R$2:$R$366,ROW(INDEX(Jesper!AK$2:AK$366,ROUNDDOWN($C610/24,0)+1,1))-1)+IF('Standard Profiles'!$G$21=$B$10,7,0)+IF('Standard Profiles'!$G$21=$B$17,14,0)+IF('Standard Profiles'!$G$21=$B$24,21,0),0)),0)</f>
        <v>0</v>
      </c>
      <c r="H610" cm="1">
        <f t="array" ref="H610">IFERROR(INDEX(Jesper!AL$2:AL$366,ROUNDDOWN($C610/24,0)+1,1)*INDEX($D$3:$AA$30,INDEX(Jesper!$R$2:$R$366,ROW(INDEX(Jesper!AL$2:AL$366,ROUNDDOWN($C610/24,0)+1,1))-1)+IF('Standard Profiles'!$G$22=$B$10,7,0)+IF('Standard Profiles'!$G$22=$B$17,14,0)+IF('Standard Profiles'!$G$22=$B$24,21,0),MOD($C610,24)+1)/SUM(INDEX($D$3:$AA$30,INDEX(Jesper!$R$2:$R$366,ROW(INDEX(Jesper!AL$2:AL$366,ROUNDDOWN($C610/24,0)+1,1))-1)+IF('Standard Profiles'!$G$22=$B$10,7,0)+IF('Standard Profiles'!$G$22=$B$17,14,0)+IF('Standard Profiles'!$G$22=$B$24,21,0),0)),0)</f>
        <v>0</v>
      </c>
      <c r="I610">
        <f t="shared" si="76"/>
        <v>0.22094000944972578</v>
      </c>
      <c r="J610">
        <f t="shared" si="77"/>
        <v>0.73646669816575272</v>
      </c>
      <c r="K610">
        <f t="shared" si="78"/>
        <v>1.104700047248629</v>
      </c>
      <c r="L610">
        <f t="shared" si="79"/>
        <v>5.3025602267934193</v>
      </c>
      <c r="M610">
        <f t="shared" si="80"/>
        <v>0</v>
      </c>
      <c r="N610" s="46">
        <f t="shared" si="81"/>
        <v>45315.999999998603</v>
      </c>
    </row>
    <row r="611" spans="2:14" x14ac:dyDescent="0.3">
      <c r="B611">
        <f t="shared" ref="B611:B674" si="82">WEEKDAY(N611,2)</f>
        <v>4</v>
      </c>
      <c r="C611" s="16">
        <v>577</v>
      </c>
      <c r="D611" cm="1">
        <f t="array" ref="D611">IFERROR(INDEX(Jesper!AH$2:AH$366,ROUNDDOWN($C611/24,0)+1,1)*INDEX($D$3:$AA$30,INDEX(Jesper!$R$2:$R$366,ROW(INDEX(Jesper!AH$2:AH$366,ROUNDDOWN($C611/24,0)+1,1))-1)+IF('Standard Profiles'!$G$18=$B$10,7,0)+IF('Standard Profiles'!$G$18=$B$17,14,0)+IF('Standard Profiles'!$G$18=$B$24,21,0),MOD($C611,24)+1)/SUM(INDEX($D$3:$AA$30,INDEX(Jesper!$R$2:$R$366,ROW(INDEX(Jesper!AH$2:AH$366,ROUNDDOWN($C611/24,0)+1,1))-1)+IF('Standard Profiles'!$G$18=$B$10,7,0)+IF('Standard Profiles'!$G$18=$B$17,14,0)+IF('Standard Profiles'!$G$18=$B$24,21,0),0)),0)</f>
        <v>7.3646669816575265</v>
      </c>
      <c r="E611" cm="1">
        <f t="array" ref="E611">IFERROR(INDEX(Jesper!AI$2:AI$366,ROUNDDOWN($C611/24,0)+1,1)*INDEX($D$3:$AA$30,INDEX(Jesper!$R$2:$R$366,ROW(INDEX(Jesper!AI$2:AI$366,ROUNDDOWN($C611/24,0)+1,1))-1)+IF('Standard Profiles'!$G$19=$B$10,7,0)+IF('Standard Profiles'!$G$19=$B$17,14,0)+IF('Standard Profiles'!$G$19=$B$24,21,0),MOD($C611,24)+1)/SUM(INDEX($D$3:$AA$30,INDEX(Jesper!$R$2:$R$366,ROW(INDEX(Jesper!AI$2:AI$366,ROUNDDOWN($C611/24,0)+1,1))-1)+IF('Standard Profiles'!$G$19=$B$10,7,0)+IF('Standard Profiles'!$G$19=$B$17,14,0)+IF('Standard Profiles'!$G$19=$B$24,21,0),0)),0)</f>
        <v>0</v>
      </c>
      <c r="F611" cm="1">
        <f t="array" ref="F611">IFERROR(INDEX(Jesper!AJ$2:AJ$366,ROUNDDOWN($C611/24,0)+1,1)*INDEX($D$3:$AA$30,INDEX(Jesper!$R$2:$R$366,ROW(INDEX(Jesper!AJ$2:AJ$366,ROUNDDOWN($C611/24,0)+1,1))-1)+IF('Standard Profiles'!$G$20=$B$10,7,0)+IF('Standard Profiles'!$G$20=$B$17,14,0)+IF('Standard Profiles'!$G$20=$B$24,21,0),MOD($C611,24)+1)/SUM(INDEX($D$3:$AA$30,INDEX(Jesper!$R$2:$R$366,ROW(INDEX(Jesper!AJ$2:AJ$366,ROUNDDOWN($C611/24,0)+1,1))-1)+IF('Standard Profiles'!$G$20=$B$10,7,0)+IF('Standard Profiles'!$G$20=$B$17,14,0)+IF('Standard Profiles'!$G$20=$B$24,21,0),0)),0)</f>
        <v>0</v>
      </c>
      <c r="G611" cm="1">
        <f t="array" ref="G611">IFERROR(INDEX(Jesper!AK$2:AK$366,ROUNDDOWN($C611/24,0)+1,1)*INDEX($D$3:$AA$30,INDEX(Jesper!$R$2:$R$366,ROW(INDEX(Jesper!AK$2:AK$366,ROUNDDOWN($C611/24,0)+1,1))-1)+IF('Standard Profiles'!$G$21=$B$10,7,0)+IF('Standard Profiles'!$G$21=$B$17,14,0)+IF('Standard Profiles'!$G$21=$B$24,21,0),MOD($C611,24)+1)/SUM(INDEX($D$3:$AA$30,INDEX(Jesper!$R$2:$R$366,ROW(INDEX(Jesper!AK$2:AK$366,ROUNDDOWN($C611/24,0)+1,1))-1)+IF('Standard Profiles'!$G$21=$B$10,7,0)+IF('Standard Profiles'!$G$21=$B$17,14,0)+IF('Standard Profiles'!$G$21=$B$24,21,0),0)),0)</f>
        <v>0</v>
      </c>
      <c r="H611" cm="1">
        <f t="array" ref="H611">IFERROR(INDEX(Jesper!AL$2:AL$366,ROUNDDOWN($C611/24,0)+1,1)*INDEX($D$3:$AA$30,INDEX(Jesper!$R$2:$R$366,ROW(INDEX(Jesper!AL$2:AL$366,ROUNDDOWN($C611/24,0)+1,1))-1)+IF('Standard Profiles'!$G$22=$B$10,7,0)+IF('Standard Profiles'!$G$22=$B$17,14,0)+IF('Standard Profiles'!$G$22=$B$24,21,0),MOD($C611,24)+1)/SUM(INDEX($D$3:$AA$30,INDEX(Jesper!$R$2:$R$366,ROW(INDEX(Jesper!AL$2:AL$366,ROUNDDOWN($C611/24,0)+1,1))-1)+IF('Standard Profiles'!$G$22=$B$10,7,0)+IF('Standard Profiles'!$G$22=$B$17,14,0)+IF('Standard Profiles'!$G$22=$B$24,21,0),0)),0)</f>
        <v>0</v>
      </c>
      <c r="I611">
        <f t="shared" ref="I611:I674" si="83">IF($B611&lt;6,AC$37*$D611+AC$38*$E611+AC$39*$F611+AC$40*$G611,AC$46*$D611+AC$47*$E611+AC$48*$F611+AC$49*$G611+AC$50*$H611)</f>
        <v>0.22094000944972578</v>
      </c>
      <c r="J611">
        <f t="shared" ref="J611:J674" si="84">IF($B611&lt;6,AD$37*$D611+AD$38*$E611+AD$39*$F611+AD$40*$G611,AD$46*$D611+AD$47*$E611+AD$48*$F611+AD$49*$G611+AD$50*$H611)</f>
        <v>0.73646669816575272</v>
      </c>
      <c r="K611">
        <f t="shared" ref="K611:K674" si="85">IF($B611&lt;6,AE$37*$D611+AE$38*$E611+AE$39*$F611+AE$40*$G611,AE$46*$D611+AE$47*$E611+AE$48*$F611+AE$49*$G611+AE$50*$H611)</f>
        <v>1.104700047248629</v>
      </c>
      <c r="L611">
        <f t="shared" ref="L611:L674" si="86">IF($B611&lt;6,AF$37*$D611+AF$38*$E611+AF$39*$F611+AF$40*$G611,AF$46*$D611+AF$47*$E611+AF$48*$F611+AF$49*$G611+AF$50*$H611)</f>
        <v>5.3025602267934193</v>
      </c>
      <c r="M611">
        <f t="shared" ref="M611:M674" si="87">IF($B611&lt;6,AG$37*$D611+AG$38*$E611+AG$39*$F611+AG$40*$G611,AG$46*$D611+AG$47*$E611+AG$48*$F611+AG$49*$G611+AG$50*$H611)</f>
        <v>0</v>
      </c>
      <c r="N611" s="46">
        <f t="shared" si="81"/>
        <v>45316.041666665267</v>
      </c>
    </row>
    <row r="612" spans="2:14" x14ac:dyDescent="0.3">
      <c r="B612">
        <f t="shared" si="82"/>
        <v>4</v>
      </c>
      <c r="C612" s="16">
        <v>578</v>
      </c>
      <c r="D612" cm="1">
        <f t="array" ref="D612">IFERROR(INDEX(Jesper!AH$2:AH$366,ROUNDDOWN($C612/24,0)+1,1)*INDEX($D$3:$AA$30,INDEX(Jesper!$R$2:$R$366,ROW(INDEX(Jesper!AH$2:AH$366,ROUNDDOWN($C612/24,0)+1,1))-1)+IF('Standard Profiles'!$G$18=$B$10,7,0)+IF('Standard Profiles'!$G$18=$B$17,14,0)+IF('Standard Profiles'!$G$18=$B$24,21,0),MOD($C612,24)+1)/SUM(INDEX($D$3:$AA$30,INDEX(Jesper!$R$2:$R$366,ROW(INDEX(Jesper!AH$2:AH$366,ROUNDDOWN($C612/24,0)+1,1))-1)+IF('Standard Profiles'!$G$18=$B$10,7,0)+IF('Standard Profiles'!$G$18=$B$17,14,0)+IF('Standard Profiles'!$G$18=$B$24,21,0),0)),0)</f>
        <v>7.3646669816575265</v>
      </c>
      <c r="E612" cm="1">
        <f t="array" ref="E612">IFERROR(INDEX(Jesper!AI$2:AI$366,ROUNDDOWN($C612/24,0)+1,1)*INDEX($D$3:$AA$30,INDEX(Jesper!$R$2:$R$366,ROW(INDEX(Jesper!AI$2:AI$366,ROUNDDOWN($C612/24,0)+1,1))-1)+IF('Standard Profiles'!$G$19=$B$10,7,0)+IF('Standard Profiles'!$G$19=$B$17,14,0)+IF('Standard Profiles'!$G$19=$B$24,21,0),MOD($C612,24)+1)/SUM(INDEX($D$3:$AA$30,INDEX(Jesper!$R$2:$R$366,ROW(INDEX(Jesper!AI$2:AI$366,ROUNDDOWN($C612/24,0)+1,1))-1)+IF('Standard Profiles'!$G$19=$B$10,7,0)+IF('Standard Profiles'!$G$19=$B$17,14,0)+IF('Standard Profiles'!$G$19=$B$24,21,0),0)),0)</f>
        <v>0</v>
      </c>
      <c r="F612" cm="1">
        <f t="array" ref="F612">IFERROR(INDEX(Jesper!AJ$2:AJ$366,ROUNDDOWN($C612/24,0)+1,1)*INDEX($D$3:$AA$30,INDEX(Jesper!$R$2:$R$366,ROW(INDEX(Jesper!AJ$2:AJ$366,ROUNDDOWN($C612/24,0)+1,1))-1)+IF('Standard Profiles'!$G$20=$B$10,7,0)+IF('Standard Profiles'!$G$20=$B$17,14,0)+IF('Standard Profiles'!$G$20=$B$24,21,0),MOD($C612,24)+1)/SUM(INDEX($D$3:$AA$30,INDEX(Jesper!$R$2:$R$366,ROW(INDEX(Jesper!AJ$2:AJ$366,ROUNDDOWN($C612/24,0)+1,1))-1)+IF('Standard Profiles'!$G$20=$B$10,7,0)+IF('Standard Profiles'!$G$20=$B$17,14,0)+IF('Standard Profiles'!$G$20=$B$24,21,0),0)),0)</f>
        <v>0</v>
      </c>
      <c r="G612" cm="1">
        <f t="array" ref="G612">IFERROR(INDEX(Jesper!AK$2:AK$366,ROUNDDOWN($C612/24,0)+1,1)*INDEX($D$3:$AA$30,INDEX(Jesper!$R$2:$R$366,ROW(INDEX(Jesper!AK$2:AK$366,ROUNDDOWN($C612/24,0)+1,1))-1)+IF('Standard Profiles'!$G$21=$B$10,7,0)+IF('Standard Profiles'!$G$21=$B$17,14,0)+IF('Standard Profiles'!$G$21=$B$24,21,0),MOD($C612,24)+1)/SUM(INDEX($D$3:$AA$30,INDEX(Jesper!$R$2:$R$366,ROW(INDEX(Jesper!AK$2:AK$366,ROUNDDOWN($C612/24,0)+1,1))-1)+IF('Standard Profiles'!$G$21=$B$10,7,0)+IF('Standard Profiles'!$G$21=$B$17,14,0)+IF('Standard Profiles'!$G$21=$B$24,21,0),0)),0)</f>
        <v>0</v>
      </c>
      <c r="H612" cm="1">
        <f t="array" ref="H612">IFERROR(INDEX(Jesper!AL$2:AL$366,ROUNDDOWN($C612/24,0)+1,1)*INDEX($D$3:$AA$30,INDEX(Jesper!$R$2:$R$366,ROW(INDEX(Jesper!AL$2:AL$366,ROUNDDOWN($C612/24,0)+1,1))-1)+IF('Standard Profiles'!$G$22=$B$10,7,0)+IF('Standard Profiles'!$G$22=$B$17,14,0)+IF('Standard Profiles'!$G$22=$B$24,21,0),MOD($C612,24)+1)/SUM(INDEX($D$3:$AA$30,INDEX(Jesper!$R$2:$R$366,ROW(INDEX(Jesper!AL$2:AL$366,ROUNDDOWN($C612/24,0)+1,1))-1)+IF('Standard Profiles'!$G$22=$B$10,7,0)+IF('Standard Profiles'!$G$22=$B$17,14,0)+IF('Standard Profiles'!$G$22=$B$24,21,0),0)),0)</f>
        <v>0</v>
      </c>
      <c r="I612">
        <f t="shared" si="83"/>
        <v>0.22094000944972578</v>
      </c>
      <c r="J612">
        <f t="shared" si="84"/>
        <v>0.73646669816575272</v>
      </c>
      <c r="K612">
        <f t="shared" si="85"/>
        <v>1.104700047248629</v>
      </c>
      <c r="L612">
        <f t="shared" si="86"/>
        <v>5.3025602267934193</v>
      </c>
      <c r="M612">
        <f t="shared" si="87"/>
        <v>0</v>
      </c>
      <c r="N612" s="46">
        <f t="shared" ref="N612:N675" si="88">N611+1/24</f>
        <v>45316.083333331931</v>
      </c>
    </row>
    <row r="613" spans="2:14" x14ac:dyDescent="0.3">
      <c r="B613">
        <f t="shared" si="82"/>
        <v>4</v>
      </c>
      <c r="C613" s="16">
        <v>579</v>
      </c>
      <c r="D613" cm="1">
        <f t="array" ref="D613">IFERROR(INDEX(Jesper!AH$2:AH$366,ROUNDDOWN($C613/24,0)+1,1)*INDEX($D$3:$AA$30,INDEX(Jesper!$R$2:$R$366,ROW(INDEX(Jesper!AH$2:AH$366,ROUNDDOWN($C613/24,0)+1,1))-1)+IF('Standard Profiles'!$G$18=$B$10,7,0)+IF('Standard Profiles'!$G$18=$B$17,14,0)+IF('Standard Profiles'!$G$18=$B$24,21,0),MOD($C613,24)+1)/SUM(INDEX($D$3:$AA$30,INDEX(Jesper!$R$2:$R$366,ROW(INDEX(Jesper!AH$2:AH$366,ROUNDDOWN($C613/24,0)+1,1))-1)+IF('Standard Profiles'!$G$18=$B$10,7,0)+IF('Standard Profiles'!$G$18=$B$17,14,0)+IF('Standard Profiles'!$G$18=$B$24,21,0),0)),0)</f>
        <v>7.3646669816575265</v>
      </c>
      <c r="E613" cm="1">
        <f t="array" ref="E613">IFERROR(INDEX(Jesper!AI$2:AI$366,ROUNDDOWN($C613/24,0)+1,1)*INDEX($D$3:$AA$30,INDEX(Jesper!$R$2:$R$366,ROW(INDEX(Jesper!AI$2:AI$366,ROUNDDOWN($C613/24,0)+1,1))-1)+IF('Standard Profiles'!$G$19=$B$10,7,0)+IF('Standard Profiles'!$G$19=$B$17,14,0)+IF('Standard Profiles'!$G$19=$B$24,21,0),MOD($C613,24)+1)/SUM(INDEX($D$3:$AA$30,INDEX(Jesper!$R$2:$R$366,ROW(INDEX(Jesper!AI$2:AI$366,ROUNDDOWN($C613/24,0)+1,1))-1)+IF('Standard Profiles'!$G$19=$B$10,7,0)+IF('Standard Profiles'!$G$19=$B$17,14,0)+IF('Standard Profiles'!$G$19=$B$24,21,0),0)),0)</f>
        <v>0</v>
      </c>
      <c r="F613" cm="1">
        <f t="array" ref="F613">IFERROR(INDEX(Jesper!AJ$2:AJ$366,ROUNDDOWN($C613/24,0)+1,1)*INDEX($D$3:$AA$30,INDEX(Jesper!$R$2:$R$366,ROW(INDEX(Jesper!AJ$2:AJ$366,ROUNDDOWN($C613/24,0)+1,1))-1)+IF('Standard Profiles'!$G$20=$B$10,7,0)+IF('Standard Profiles'!$G$20=$B$17,14,0)+IF('Standard Profiles'!$G$20=$B$24,21,0),MOD($C613,24)+1)/SUM(INDEX($D$3:$AA$30,INDEX(Jesper!$R$2:$R$366,ROW(INDEX(Jesper!AJ$2:AJ$366,ROUNDDOWN($C613/24,0)+1,1))-1)+IF('Standard Profiles'!$G$20=$B$10,7,0)+IF('Standard Profiles'!$G$20=$B$17,14,0)+IF('Standard Profiles'!$G$20=$B$24,21,0),0)),0)</f>
        <v>0</v>
      </c>
      <c r="G613" cm="1">
        <f t="array" ref="G613">IFERROR(INDEX(Jesper!AK$2:AK$366,ROUNDDOWN($C613/24,0)+1,1)*INDEX($D$3:$AA$30,INDEX(Jesper!$R$2:$R$366,ROW(INDEX(Jesper!AK$2:AK$366,ROUNDDOWN($C613/24,0)+1,1))-1)+IF('Standard Profiles'!$G$21=$B$10,7,0)+IF('Standard Profiles'!$G$21=$B$17,14,0)+IF('Standard Profiles'!$G$21=$B$24,21,0),MOD($C613,24)+1)/SUM(INDEX($D$3:$AA$30,INDEX(Jesper!$R$2:$R$366,ROW(INDEX(Jesper!AK$2:AK$366,ROUNDDOWN($C613/24,0)+1,1))-1)+IF('Standard Profiles'!$G$21=$B$10,7,0)+IF('Standard Profiles'!$G$21=$B$17,14,0)+IF('Standard Profiles'!$G$21=$B$24,21,0),0)),0)</f>
        <v>0</v>
      </c>
      <c r="H613" cm="1">
        <f t="array" ref="H613">IFERROR(INDEX(Jesper!AL$2:AL$366,ROUNDDOWN($C613/24,0)+1,1)*INDEX($D$3:$AA$30,INDEX(Jesper!$R$2:$R$366,ROW(INDEX(Jesper!AL$2:AL$366,ROUNDDOWN($C613/24,0)+1,1))-1)+IF('Standard Profiles'!$G$22=$B$10,7,0)+IF('Standard Profiles'!$G$22=$B$17,14,0)+IF('Standard Profiles'!$G$22=$B$24,21,0),MOD($C613,24)+1)/SUM(INDEX($D$3:$AA$30,INDEX(Jesper!$R$2:$R$366,ROW(INDEX(Jesper!AL$2:AL$366,ROUNDDOWN($C613/24,0)+1,1))-1)+IF('Standard Profiles'!$G$22=$B$10,7,0)+IF('Standard Profiles'!$G$22=$B$17,14,0)+IF('Standard Profiles'!$G$22=$B$24,21,0),0)),0)</f>
        <v>0</v>
      </c>
      <c r="I613">
        <f t="shared" si="83"/>
        <v>0.22094000944972578</v>
      </c>
      <c r="J613">
        <f t="shared" si="84"/>
        <v>0.73646669816575272</v>
      </c>
      <c r="K613">
        <f t="shared" si="85"/>
        <v>1.104700047248629</v>
      </c>
      <c r="L613">
        <f t="shared" si="86"/>
        <v>5.3025602267934193</v>
      </c>
      <c r="M613">
        <f t="shared" si="87"/>
        <v>0</v>
      </c>
      <c r="N613" s="46">
        <f t="shared" si="88"/>
        <v>45316.124999998596</v>
      </c>
    </row>
    <row r="614" spans="2:14" x14ac:dyDescent="0.3">
      <c r="B614">
        <f t="shared" si="82"/>
        <v>4</v>
      </c>
      <c r="C614" s="16">
        <v>580</v>
      </c>
      <c r="D614" cm="1">
        <f t="array" ref="D614">IFERROR(INDEX(Jesper!AH$2:AH$366,ROUNDDOWN($C614/24,0)+1,1)*INDEX($D$3:$AA$30,INDEX(Jesper!$R$2:$R$366,ROW(INDEX(Jesper!AH$2:AH$366,ROUNDDOWN($C614/24,0)+1,1))-1)+IF('Standard Profiles'!$G$18=$B$10,7,0)+IF('Standard Profiles'!$G$18=$B$17,14,0)+IF('Standard Profiles'!$G$18=$B$24,21,0),MOD($C614,24)+1)/SUM(INDEX($D$3:$AA$30,INDEX(Jesper!$R$2:$R$366,ROW(INDEX(Jesper!AH$2:AH$366,ROUNDDOWN($C614/24,0)+1,1))-1)+IF('Standard Profiles'!$G$18=$B$10,7,0)+IF('Standard Profiles'!$G$18=$B$17,14,0)+IF('Standard Profiles'!$G$18=$B$24,21,0),0)),0)</f>
        <v>7.3646669816575265</v>
      </c>
      <c r="E614" cm="1">
        <f t="array" ref="E614">IFERROR(INDEX(Jesper!AI$2:AI$366,ROUNDDOWN($C614/24,0)+1,1)*INDEX($D$3:$AA$30,INDEX(Jesper!$R$2:$R$366,ROW(INDEX(Jesper!AI$2:AI$366,ROUNDDOWN($C614/24,0)+1,1))-1)+IF('Standard Profiles'!$G$19=$B$10,7,0)+IF('Standard Profiles'!$G$19=$B$17,14,0)+IF('Standard Profiles'!$G$19=$B$24,21,0),MOD($C614,24)+1)/SUM(INDEX($D$3:$AA$30,INDEX(Jesper!$R$2:$R$366,ROW(INDEX(Jesper!AI$2:AI$366,ROUNDDOWN($C614/24,0)+1,1))-1)+IF('Standard Profiles'!$G$19=$B$10,7,0)+IF('Standard Profiles'!$G$19=$B$17,14,0)+IF('Standard Profiles'!$G$19=$B$24,21,0),0)),0)</f>
        <v>0</v>
      </c>
      <c r="F614" cm="1">
        <f t="array" ref="F614">IFERROR(INDEX(Jesper!AJ$2:AJ$366,ROUNDDOWN($C614/24,0)+1,1)*INDEX($D$3:$AA$30,INDEX(Jesper!$R$2:$R$366,ROW(INDEX(Jesper!AJ$2:AJ$366,ROUNDDOWN($C614/24,0)+1,1))-1)+IF('Standard Profiles'!$G$20=$B$10,7,0)+IF('Standard Profiles'!$G$20=$B$17,14,0)+IF('Standard Profiles'!$G$20=$B$24,21,0),MOD($C614,24)+1)/SUM(INDEX($D$3:$AA$30,INDEX(Jesper!$R$2:$R$366,ROW(INDEX(Jesper!AJ$2:AJ$366,ROUNDDOWN($C614/24,0)+1,1))-1)+IF('Standard Profiles'!$G$20=$B$10,7,0)+IF('Standard Profiles'!$G$20=$B$17,14,0)+IF('Standard Profiles'!$G$20=$B$24,21,0),0)),0)</f>
        <v>0</v>
      </c>
      <c r="G614" cm="1">
        <f t="array" ref="G614">IFERROR(INDEX(Jesper!AK$2:AK$366,ROUNDDOWN($C614/24,0)+1,1)*INDEX($D$3:$AA$30,INDEX(Jesper!$R$2:$R$366,ROW(INDEX(Jesper!AK$2:AK$366,ROUNDDOWN($C614/24,0)+1,1))-1)+IF('Standard Profiles'!$G$21=$B$10,7,0)+IF('Standard Profiles'!$G$21=$B$17,14,0)+IF('Standard Profiles'!$G$21=$B$24,21,0),MOD($C614,24)+1)/SUM(INDEX($D$3:$AA$30,INDEX(Jesper!$R$2:$R$366,ROW(INDEX(Jesper!AK$2:AK$366,ROUNDDOWN($C614/24,0)+1,1))-1)+IF('Standard Profiles'!$G$21=$B$10,7,0)+IF('Standard Profiles'!$G$21=$B$17,14,0)+IF('Standard Profiles'!$G$21=$B$24,21,0),0)),0)</f>
        <v>0</v>
      </c>
      <c r="H614" cm="1">
        <f t="array" ref="H614">IFERROR(INDEX(Jesper!AL$2:AL$366,ROUNDDOWN($C614/24,0)+1,1)*INDEX($D$3:$AA$30,INDEX(Jesper!$R$2:$R$366,ROW(INDEX(Jesper!AL$2:AL$366,ROUNDDOWN($C614/24,0)+1,1))-1)+IF('Standard Profiles'!$G$22=$B$10,7,0)+IF('Standard Profiles'!$G$22=$B$17,14,0)+IF('Standard Profiles'!$G$22=$B$24,21,0),MOD($C614,24)+1)/SUM(INDEX($D$3:$AA$30,INDEX(Jesper!$R$2:$R$366,ROW(INDEX(Jesper!AL$2:AL$366,ROUNDDOWN($C614/24,0)+1,1))-1)+IF('Standard Profiles'!$G$22=$B$10,7,0)+IF('Standard Profiles'!$G$22=$B$17,14,0)+IF('Standard Profiles'!$G$22=$B$24,21,0),0)),0)</f>
        <v>0</v>
      </c>
      <c r="I614">
        <f t="shared" si="83"/>
        <v>0.22094000944972578</v>
      </c>
      <c r="J614">
        <f t="shared" si="84"/>
        <v>0.73646669816575272</v>
      </c>
      <c r="K614">
        <f t="shared" si="85"/>
        <v>1.104700047248629</v>
      </c>
      <c r="L614">
        <f t="shared" si="86"/>
        <v>5.3025602267934193</v>
      </c>
      <c r="M614">
        <f t="shared" si="87"/>
        <v>0</v>
      </c>
      <c r="N614" s="46">
        <f t="shared" si="88"/>
        <v>45316.16666666526</v>
      </c>
    </row>
    <row r="615" spans="2:14" x14ac:dyDescent="0.3">
      <c r="B615">
        <f t="shared" si="82"/>
        <v>4</v>
      </c>
      <c r="C615" s="16">
        <v>581</v>
      </c>
      <c r="D615" cm="1">
        <f t="array" ref="D615">IFERROR(INDEX(Jesper!AH$2:AH$366,ROUNDDOWN($C615/24,0)+1,1)*INDEX($D$3:$AA$30,INDEX(Jesper!$R$2:$R$366,ROW(INDEX(Jesper!AH$2:AH$366,ROUNDDOWN($C615/24,0)+1,1))-1)+IF('Standard Profiles'!$G$18=$B$10,7,0)+IF('Standard Profiles'!$G$18=$B$17,14,0)+IF('Standard Profiles'!$G$18=$B$24,21,0),MOD($C615,24)+1)/SUM(INDEX($D$3:$AA$30,INDEX(Jesper!$R$2:$R$366,ROW(INDEX(Jesper!AH$2:AH$366,ROUNDDOWN($C615/24,0)+1,1))-1)+IF('Standard Profiles'!$G$18=$B$10,7,0)+IF('Standard Profiles'!$G$18=$B$17,14,0)+IF('Standard Profiles'!$G$18=$B$24,21,0),0)),0)</f>
        <v>9.4922374430252567</v>
      </c>
      <c r="E615" cm="1">
        <f t="array" ref="E615">IFERROR(INDEX(Jesper!AI$2:AI$366,ROUNDDOWN($C615/24,0)+1,1)*INDEX($D$3:$AA$30,INDEX(Jesper!$R$2:$R$366,ROW(INDEX(Jesper!AI$2:AI$366,ROUNDDOWN($C615/24,0)+1,1))-1)+IF('Standard Profiles'!$G$19=$B$10,7,0)+IF('Standard Profiles'!$G$19=$B$17,14,0)+IF('Standard Profiles'!$G$19=$B$24,21,0),MOD($C615,24)+1)/SUM(INDEX($D$3:$AA$30,INDEX(Jesper!$R$2:$R$366,ROW(INDEX(Jesper!AI$2:AI$366,ROUNDDOWN($C615/24,0)+1,1))-1)+IF('Standard Profiles'!$G$19=$B$10,7,0)+IF('Standard Profiles'!$G$19=$B$17,14,0)+IF('Standard Profiles'!$G$19=$B$24,21,0),0)),0)</f>
        <v>0</v>
      </c>
      <c r="F615" cm="1">
        <f t="array" ref="F615">IFERROR(INDEX(Jesper!AJ$2:AJ$366,ROUNDDOWN($C615/24,0)+1,1)*INDEX($D$3:$AA$30,INDEX(Jesper!$R$2:$R$366,ROW(INDEX(Jesper!AJ$2:AJ$366,ROUNDDOWN($C615/24,0)+1,1))-1)+IF('Standard Profiles'!$G$20=$B$10,7,0)+IF('Standard Profiles'!$G$20=$B$17,14,0)+IF('Standard Profiles'!$G$20=$B$24,21,0),MOD($C615,24)+1)/SUM(INDEX($D$3:$AA$30,INDEX(Jesper!$R$2:$R$366,ROW(INDEX(Jesper!AJ$2:AJ$366,ROUNDDOWN($C615/24,0)+1,1))-1)+IF('Standard Profiles'!$G$20=$B$10,7,0)+IF('Standard Profiles'!$G$20=$B$17,14,0)+IF('Standard Profiles'!$G$20=$B$24,21,0),0)),0)</f>
        <v>0</v>
      </c>
      <c r="G615" cm="1">
        <f t="array" ref="G615">IFERROR(INDEX(Jesper!AK$2:AK$366,ROUNDDOWN($C615/24,0)+1,1)*INDEX($D$3:$AA$30,INDEX(Jesper!$R$2:$R$366,ROW(INDEX(Jesper!AK$2:AK$366,ROUNDDOWN($C615/24,0)+1,1))-1)+IF('Standard Profiles'!$G$21=$B$10,7,0)+IF('Standard Profiles'!$G$21=$B$17,14,0)+IF('Standard Profiles'!$G$21=$B$24,21,0),MOD($C615,24)+1)/SUM(INDEX($D$3:$AA$30,INDEX(Jesper!$R$2:$R$366,ROW(INDEX(Jesper!AK$2:AK$366,ROUNDDOWN($C615/24,0)+1,1))-1)+IF('Standard Profiles'!$G$21=$B$10,7,0)+IF('Standard Profiles'!$G$21=$B$17,14,0)+IF('Standard Profiles'!$G$21=$B$24,21,0),0)),0)</f>
        <v>0</v>
      </c>
      <c r="H615" cm="1">
        <f t="array" ref="H615">IFERROR(INDEX(Jesper!AL$2:AL$366,ROUNDDOWN($C615/24,0)+1,1)*INDEX($D$3:$AA$30,INDEX(Jesper!$R$2:$R$366,ROW(INDEX(Jesper!AL$2:AL$366,ROUNDDOWN($C615/24,0)+1,1))-1)+IF('Standard Profiles'!$G$22=$B$10,7,0)+IF('Standard Profiles'!$G$22=$B$17,14,0)+IF('Standard Profiles'!$G$22=$B$24,21,0),MOD($C615,24)+1)/SUM(INDEX($D$3:$AA$30,INDEX(Jesper!$R$2:$R$366,ROW(INDEX(Jesper!AL$2:AL$366,ROUNDDOWN($C615/24,0)+1,1))-1)+IF('Standard Profiles'!$G$22=$B$10,7,0)+IF('Standard Profiles'!$G$22=$B$17,14,0)+IF('Standard Profiles'!$G$22=$B$24,21,0),0)),0)</f>
        <v>0</v>
      </c>
      <c r="I615">
        <f t="shared" si="83"/>
        <v>0.28476712329075771</v>
      </c>
      <c r="J615">
        <f t="shared" si="84"/>
        <v>0.94922374430252576</v>
      </c>
      <c r="K615">
        <f t="shared" si="85"/>
        <v>1.4238356164537884</v>
      </c>
      <c r="L615">
        <f t="shared" si="86"/>
        <v>6.834410958978185</v>
      </c>
      <c r="M615">
        <f t="shared" si="87"/>
        <v>0</v>
      </c>
      <c r="N615" s="46">
        <f t="shared" si="88"/>
        <v>45316.208333331924</v>
      </c>
    </row>
    <row r="616" spans="2:14" x14ac:dyDescent="0.3">
      <c r="B616">
        <f t="shared" si="82"/>
        <v>4</v>
      </c>
      <c r="C616" s="16">
        <v>582</v>
      </c>
      <c r="D616" cm="1">
        <f t="array" ref="D616">IFERROR(INDEX(Jesper!AH$2:AH$366,ROUNDDOWN($C616/24,0)+1,1)*INDEX($D$3:$AA$30,INDEX(Jesper!$R$2:$R$366,ROW(INDEX(Jesper!AH$2:AH$366,ROUNDDOWN($C616/24,0)+1,1))-1)+IF('Standard Profiles'!$G$18=$B$10,7,0)+IF('Standard Profiles'!$G$18=$B$17,14,0)+IF('Standard Profiles'!$G$18=$B$24,21,0),MOD($C616,24)+1)/SUM(INDEX($D$3:$AA$30,INDEX(Jesper!$R$2:$R$366,ROW(INDEX(Jesper!AH$2:AH$366,ROUNDDOWN($C616/24,0)+1,1))-1)+IF('Standard Profiles'!$G$18=$B$10,7,0)+IF('Standard Profiles'!$G$18=$B$17,14,0)+IF('Standard Profiles'!$G$18=$B$24,21,0),0)),0)</f>
        <v>10.965170839356762</v>
      </c>
      <c r="E616" cm="1">
        <f t="array" ref="E616">IFERROR(INDEX(Jesper!AI$2:AI$366,ROUNDDOWN($C616/24,0)+1,1)*INDEX($D$3:$AA$30,INDEX(Jesper!$R$2:$R$366,ROW(INDEX(Jesper!AI$2:AI$366,ROUNDDOWN($C616/24,0)+1,1))-1)+IF('Standard Profiles'!$G$19=$B$10,7,0)+IF('Standard Profiles'!$G$19=$B$17,14,0)+IF('Standard Profiles'!$G$19=$B$24,21,0),MOD($C616,24)+1)/SUM(INDEX($D$3:$AA$30,INDEX(Jesper!$R$2:$R$366,ROW(INDEX(Jesper!AI$2:AI$366,ROUNDDOWN($C616/24,0)+1,1))-1)+IF('Standard Profiles'!$G$19=$B$10,7,0)+IF('Standard Profiles'!$G$19=$B$17,14,0)+IF('Standard Profiles'!$G$19=$B$24,21,0),0)),0)</f>
        <v>0</v>
      </c>
      <c r="F616" cm="1">
        <f t="array" ref="F616">IFERROR(INDEX(Jesper!AJ$2:AJ$366,ROUNDDOWN($C616/24,0)+1,1)*INDEX($D$3:$AA$30,INDEX(Jesper!$R$2:$R$366,ROW(INDEX(Jesper!AJ$2:AJ$366,ROUNDDOWN($C616/24,0)+1,1))-1)+IF('Standard Profiles'!$G$20=$B$10,7,0)+IF('Standard Profiles'!$G$20=$B$17,14,0)+IF('Standard Profiles'!$G$20=$B$24,21,0),MOD($C616,24)+1)/SUM(INDEX($D$3:$AA$30,INDEX(Jesper!$R$2:$R$366,ROW(INDEX(Jesper!AJ$2:AJ$366,ROUNDDOWN($C616/24,0)+1,1))-1)+IF('Standard Profiles'!$G$20=$B$10,7,0)+IF('Standard Profiles'!$G$20=$B$17,14,0)+IF('Standard Profiles'!$G$20=$B$24,21,0),0)),0)</f>
        <v>0</v>
      </c>
      <c r="G616" cm="1">
        <f t="array" ref="G616">IFERROR(INDEX(Jesper!AK$2:AK$366,ROUNDDOWN($C616/24,0)+1,1)*INDEX($D$3:$AA$30,INDEX(Jesper!$R$2:$R$366,ROW(INDEX(Jesper!AK$2:AK$366,ROUNDDOWN($C616/24,0)+1,1))-1)+IF('Standard Profiles'!$G$21=$B$10,7,0)+IF('Standard Profiles'!$G$21=$B$17,14,0)+IF('Standard Profiles'!$G$21=$B$24,21,0),MOD($C616,24)+1)/SUM(INDEX($D$3:$AA$30,INDEX(Jesper!$R$2:$R$366,ROW(INDEX(Jesper!AK$2:AK$366,ROUNDDOWN($C616/24,0)+1,1))-1)+IF('Standard Profiles'!$G$21=$B$10,7,0)+IF('Standard Profiles'!$G$21=$B$17,14,0)+IF('Standard Profiles'!$G$21=$B$24,21,0),0)),0)</f>
        <v>0</v>
      </c>
      <c r="H616" cm="1">
        <f t="array" ref="H616">IFERROR(INDEX(Jesper!AL$2:AL$366,ROUNDDOWN($C616/24,0)+1,1)*INDEX($D$3:$AA$30,INDEX(Jesper!$R$2:$R$366,ROW(INDEX(Jesper!AL$2:AL$366,ROUNDDOWN($C616/24,0)+1,1))-1)+IF('Standard Profiles'!$G$22=$B$10,7,0)+IF('Standard Profiles'!$G$22=$B$17,14,0)+IF('Standard Profiles'!$G$22=$B$24,21,0),MOD($C616,24)+1)/SUM(INDEX($D$3:$AA$30,INDEX(Jesper!$R$2:$R$366,ROW(INDEX(Jesper!AL$2:AL$366,ROUNDDOWN($C616/24,0)+1,1))-1)+IF('Standard Profiles'!$G$22=$B$10,7,0)+IF('Standard Profiles'!$G$22=$B$17,14,0)+IF('Standard Profiles'!$G$22=$B$24,21,0),0)),0)</f>
        <v>0</v>
      </c>
      <c r="I616">
        <f t="shared" si="83"/>
        <v>0.32895512518070286</v>
      </c>
      <c r="J616">
        <f t="shared" si="84"/>
        <v>1.0965170839356764</v>
      </c>
      <c r="K616">
        <f t="shared" si="85"/>
        <v>1.6447756259035142</v>
      </c>
      <c r="L616">
        <f t="shared" si="86"/>
        <v>7.894923004336869</v>
      </c>
      <c r="M616">
        <f t="shared" si="87"/>
        <v>0</v>
      </c>
      <c r="N616" s="46">
        <f t="shared" si="88"/>
        <v>45316.249999998588</v>
      </c>
    </row>
    <row r="617" spans="2:14" x14ac:dyDescent="0.3">
      <c r="B617">
        <f t="shared" si="82"/>
        <v>4</v>
      </c>
      <c r="C617" s="16">
        <v>583</v>
      </c>
      <c r="D617" cm="1">
        <f t="array" ref="D617">IFERROR(INDEX(Jesper!AH$2:AH$366,ROUNDDOWN($C617/24,0)+1,1)*INDEX($D$3:$AA$30,INDEX(Jesper!$R$2:$R$366,ROW(INDEX(Jesper!AH$2:AH$366,ROUNDDOWN($C617/24,0)+1,1))-1)+IF('Standard Profiles'!$G$18=$B$10,7,0)+IF('Standard Profiles'!$G$18=$B$17,14,0)+IF('Standard Profiles'!$G$18=$B$24,21,0),MOD($C617,24)+1)/SUM(INDEX($D$3:$AA$30,INDEX(Jesper!$R$2:$R$366,ROW(INDEX(Jesper!AH$2:AH$366,ROUNDDOWN($C617/24,0)+1,1))-1)+IF('Standard Profiles'!$G$18=$B$10,7,0)+IF('Standard Profiles'!$G$18=$B$17,14,0)+IF('Standard Profiles'!$G$18=$B$24,21,0),0)),0)</f>
        <v>10.965170839356762</v>
      </c>
      <c r="E617" cm="1">
        <f t="array" ref="E617">IFERROR(INDEX(Jesper!AI$2:AI$366,ROUNDDOWN($C617/24,0)+1,1)*INDEX($D$3:$AA$30,INDEX(Jesper!$R$2:$R$366,ROW(INDEX(Jesper!AI$2:AI$366,ROUNDDOWN($C617/24,0)+1,1))-1)+IF('Standard Profiles'!$G$19=$B$10,7,0)+IF('Standard Profiles'!$G$19=$B$17,14,0)+IF('Standard Profiles'!$G$19=$B$24,21,0),MOD($C617,24)+1)/SUM(INDEX($D$3:$AA$30,INDEX(Jesper!$R$2:$R$366,ROW(INDEX(Jesper!AI$2:AI$366,ROUNDDOWN($C617/24,0)+1,1))-1)+IF('Standard Profiles'!$G$19=$B$10,7,0)+IF('Standard Profiles'!$G$19=$B$17,14,0)+IF('Standard Profiles'!$G$19=$B$24,21,0),0)),0)</f>
        <v>0</v>
      </c>
      <c r="F617" cm="1">
        <f t="array" ref="F617">IFERROR(INDEX(Jesper!AJ$2:AJ$366,ROUNDDOWN($C617/24,0)+1,1)*INDEX($D$3:$AA$30,INDEX(Jesper!$R$2:$R$366,ROW(INDEX(Jesper!AJ$2:AJ$366,ROUNDDOWN($C617/24,0)+1,1))-1)+IF('Standard Profiles'!$G$20=$B$10,7,0)+IF('Standard Profiles'!$G$20=$B$17,14,0)+IF('Standard Profiles'!$G$20=$B$24,21,0),MOD($C617,24)+1)/SUM(INDEX($D$3:$AA$30,INDEX(Jesper!$R$2:$R$366,ROW(INDEX(Jesper!AJ$2:AJ$366,ROUNDDOWN($C617/24,0)+1,1))-1)+IF('Standard Profiles'!$G$20=$B$10,7,0)+IF('Standard Profiles'!$G$20=$B$17,14,0)+IF('Standard Profiles'!$G$20=$B$24,21,0),0)),0)</f>
        <v>0</v>
      </c>
      <c r="G617" cm="1">
        <f t="array" ref="G617">IFERROR(INDEX(Jesper!AK$2:AK$366,ROUNDDOWN($C617/24,0)+1,1)*INDEX($D$3:$AA$30,INDEX(Jesper!$R$2:$R$366,ROW(INDEX(Jesper!AK$2:AK$366,ROUNDDOWN($C617/24,0)+1,1))-1)+IF('Standard Profiles'!$G$21=$B$10,7,0)+IF('Standard Profiles'!$G$21=$B$17,14,0)+IF('Standard Profiles'!$G$21=$B$24,21,0),MOD($C617,24)+1)/SUM(INDEX($D$3:$AA$30,INDEX(Jesper!$R$2:$R$366,ROW(INDEX(Jesper!AK$2:AK$366,ROUNDDOWN($C617/24,0)+1,1))-1)+IF('Standard Profiles'!$G$21=$B$10,7,0)+IF('Standard Profiles'!$G$21=$B$17,14,0)+IF('Standard Profiles'!$G$21=$B$24,21,0),0)),0)</f>
        <v>0</v>
      </c>
      <c r="H617" cm="1">
        <f t="array" ref="H617">IFERROR(INDEX(Jesper!AL$2:AL$366,ROUNDDOWN($C617/24,0)+1,1)*INDEX($D$3:$AA$30,INDEX(Jesper!$R$2:$R$366,ROW(INDEX(Jesper!AL$2:AL$366,ROUNDDOWN($C617/24,0)+1,1))-1)+IF('Standard Profiles'!$G$22=$B$10,7,0)+IF('Standard Profiles'!$G$22=$B$17,14,0)+IF('Standard Profiles'!$G$22=$B$24,21,0),MOD($C617,24)+1)/SUM(INDEX($D$3:$AA$30,INDEX(Jesper!$R$2:$R$366,ROW(INDEX(Jesper!AL$2:AL$366,ROUNDDOWN($C617/24,0)+1,1))-1)+IF('Standard Profiles'!$G$22=$B$10,7,0)+IF('Standard Profiles'!$G$22=$B$17,14,0)+IF('Standard Profiles'!$G$22=$B$24,21,0),0)),0)</f>
        <v>0</v>
      </c>
      <c r="I617">
        <f t="shared" si="83"/>
        <v>0.32895512518070286</v>
      </c>
      <c r="J617">
        <f t="shared" si="84"/>
        <v>1.0965170839356764</v>
      </c>
      <c r="K617">
        <f t="shared" si="85"/>
        <v>1.6447756259035142</v>
      </c>
      <c r="L617">
        <f t="shared" si="86"/>
        <v>7.894923004336869</v>
      </c>
      <c r="M617">
        <f t="shared" si="87"/>
        <v>0</v>
      </c>
      <c r="N617" s="46">
        <f t="shared" si="88"/>
        <v>45316.291666665253</v>
      </c>
    </row>
    <row r="618" spans="2:14" x14ac:dyDescent="0.3">
      <c r="B618">
        <f t="shared" si="82"/>
        <v>4</v>
      </c>
      <c r="C618" s="16">
        <v>584</v>
      </c>
      <c r="D618" cm="1">
        <f t="array" ref="D618">IFERROR(INDEX(Jesper!AH$2:AH$366,ROUNDDOWN($C618/24,0)+1,1)*INDEX($D$3:$AA$30,INDEX(Jesper!$R$2:$R$366,ROW(INDEX(Jesper!AH$2:AH$366,ROUNDDOWN($C618/24,0)+1,1))-1)+IF('Standard Profiles'!$G$18=$B$10,7,0)+IF('Standard Profiles'!$G$18=$B$17,14,0)+IF('Standard Profiles'!$G$18=$B$24,21,0),MOD($C618,24)+1)/SUM(INDEX($D$3:$AA$30,INDEX(Jesper!$R$2:$R$366,ROW(INDEX(Jesper!AH$2:AH$366,ROUNDDOWN($C618/24,0)+1,1))-1)+IF('Standard Profiles'!$G$18=$B$10,7,0)+IF('Standard Profiles'!$G$18=$B$17,14,0)+IF('Standard Profiles'!$G$18=$B$24,21,0),0)),0)</f>
        <v>10.965170839356762</v>
      </c>
      <c r="E618" cm="1">
        <f t="array" ref="E618">IFERROR(INDEX(Jesper!AI$2:AI$366,ROUNDDOWN($C618/24,0)+1,1)*INDEX($D$3:$AA$30,INDEX(Jesper!$R$2:$R$366,ROW(INDEX(Jesper!AI$2:AI$366,ROUNDDOWN($C618/24,0)+1,1))-1)+IF('Standard Profiles'!$G$19=$B$10,7,0)+IF('Standard Profiles'!$G$19=$B$17,14,0)+IF('Standard Profiles'!$G$19=$B$24,21,0),MOD($C618,24)+1)/SUM(INDEX($D$3:$AA$30,INDEX(Jesper!$R$2:$R$366,ROW(INDEX(Jesper!AI$2:AI$366,ROUNDDOWN($C618/24,0)+1,1))-1)+IF('Standard Profiles'!$G$19=$B$10,7,0)+IF('Standard Profiles'!$G$19=$B$17,14,0)+IF('Standard Profiles'!$G$19=$B$24,21,0),0)),0)</f>
        <v>0</v>
      </c>
      <c r="F618" cm="1">
        <f t="array" ref="F618">IFERROR(INDEX(Jesper!AJ$2:AJ$366,ROUNDDOWN($C618/24,0)+1,1)*INDEX($D$3:$AA$30,INDEX(Jesper!$R$2:$R$366,ROW(INDEX(Jesper!AJ$2:AJ$366,ROUNDDOWN($C618/24,0)+1,1))-1)+IF('Standard Profiles'!$G$20=$B$10,7,0)+IF('Standard Profiles'!$G$20=$B$17,14,0)+IF('Standard Profiles'!$G$20=$B$24,21,0),MOD($C618,24)+1)/SUM(INDEX($D$3:$AA$30,INDEX(Jesper!$R$2:$R$366,ROW(INDEX(Jesper!AJ$2:AJ$366,ROUNDDOWN($C618/24,0)+1,1))-1)+IF('Standard Profiles'!$G$20=$B$10,7,0)+IF('Standard Profiles'!$G$20=$B$17,14,0)+IF('Standard Profiles'!$G$20=$B$24,21,0),0)),0)</f>
        <v>0</v>
      </c>
      <c r="G618" cm="1">
        <f t="array" ref="G618">IFERROR(INDEX(Jesper!AK$2:AK$366,ROUNDDOWN($C618/24,0)+1,1)*INDEX($D$3:$AA$30,INDEX(Jesper!$R$2:$R$366,ROW(INDEX(Jesper!AK$2:AK$366,ROUNDDOWN($C618/24,0)+1,1))-1)+IF('Standard Profiles'!$G$21=$B$10,7,0)+IF('Standard Profiles'!$G$21=$B$17,14,0)+IF('Standard Profiles'!$G$21=$B$24,21,0),MOD($C618,24)+1)/SUM(INDEX($D$3:$AA$30,INDEX(Jesper!$R$2:$R$366,ROW(INDEX(Jesper!AK$2:AK$366,ROUNDDOWN($C618/24,0)+1,1))-1)+IF('Standard Profiles'!$G$21=$B$10,7,0)+IF('Standard Profiles'!$G$21=$B$17,14,0)+IF('Standard Profiles'!$G$21=$B$24,21,0),0)),0)</f>
        <v>0</v>
      </c>
      <c r="H618" cm="1">
        <f t="array" ref="H618">IFERROR(INDEX(Jesper!AL$2:AL$366,ROUNDDOWN($C618/24,0)+1,1)*INDEX($D$3:$AA$30,INDEX(Jesper!$R$2:$R$366,ROW(INDEX(Jesper!AL$2:AL$366,ROUNDDOWN($C618/24,0)+1,1))-1)+IF('Standard Profiles'!$G$22=$B$10,7,0)+IF('Standard Profiles'!$G$22=$B$17,14,0)+IF('Standard Profiles'!$G$22=$B$24,21,0),MOD($C618,24)+1)/SUM(INDEX($D$3:$AA$30,INDEX(Jesper!$R$2:$R$366,ROW(INDEX(Jesper!AL$2:AL$366,ROUNDDOWN($C618/24,0)+1,1))-1)+IF('Standard Profiles'!$G$22=$B$10,7,0)+IF('Standard Profiles'!$G$22=$B$17,14,0)+IF('Standard Profiles'!$G$22=$B$24,21,0),0)),0)</f>
        <v>0</v>
      </c>
      <c r="I618">
        <f t="shared" si="83"/>
        <v>0.32895512518070286</v>
      </c>
      <c r="J618">
        <f t="shared" si="84"/>
        <v>1.0965170839356764</v>
      </c>
      <c r="K618">
        <f t="shared" si="85"/>
        <v>1.6447756259035142</v>
      </c>
      <c r="L618">
        <f t="shared" si="86"/>
        <v>7.894923004336869</v>
      </c>
      <c r="M618">
        <f t="shared" si="87"/>
        <v>0</v>
      </c>
      <c r="N618" s="46">
        <f t="shared" si="88"/>
        <v>45316.333333331917</v>
      </c>
    </row>
    <row r="619" spans="2:14" x14ac:dyDescent="0.3">
      <c r="B619">
        <f t="shared" si="82"/>
        <v>4</v>
      </c>
      <c r="C619" s="16">
        <v>585</v>
      </c>
      <c r="D619" cm="1">
        <f t="array" ref="D619">IFERROR(INDEX(Jesper!AH$2:AH$366,ROUNDDOWN($C619/24,0)+1,1)*INDEX($D$3:$AA$30,INDEX(Jesper!$R$2:$R$366,ROW(INDEX(Jesper!AH$2:AH$366,ROUNDDOWN($C619/24,0)+1,1))-1)+IF('Standard Profiles'!$G$18=$B$10,7,0)+IF('Standard Profiles'!$G$18=$B$17,14,0)+IF('Standard Profiles'!$G$18=$B$24,21,0),MOD($C619,24)+1)/SUM(INDEX($D$3:$AA$30,INDEX(Jesper!$R$2:$R$366,ROW(INDEX(Jesper!AH$2:AH$366,ROUNDDOWN($C619/24,0)+1,1))-1)+IF('Standard Profiles'!$G$18=$B$10,7,0)+IF('Standard Profiles'!$G$18=$B$17,14,0)+IF('Standard Profiles'!$G$18=$B$24,21,0),0)),0)</f>
        <v>11.783467170652044</v>
      </c>
      <c r="E619" cm="1">
        <f t="array" ref="E619">IFERROR(INDEX(Jesper!AI$2:AI$366,ROUNDDOWN($C619/24,0)+1,1)*INDEX($D$3:$AA$30,INDEX(Jesper!$R$2:$R$366,ROW(INDEX(Jesper!AI$2:AI$366,ROUNDDOWN($C619/24,0)+1,1))-1)+IF('Standard Profiles'!$G$19=$B$10,7,0)+IF('Standard Profiles'!$G$19=$B$17,14,0)+IF('Standard Profiles'!$G$19=$B$24,21,0),MOD($C619,24)+1)/SUM(INDEX($D$3:$AA$30,INDEX(Jesper!$R$2:$R$366,ROW(INDEX(Jesper!AI$2:AI$366,ROUNDDOWN($C619/24,0)+1,1))-1)+IF('Standard Profiles'!$G$19=$B$10,7,0)+IF('Standard Profiles'!$G$19=$B$17,14,0)+IF('Standard Profiles'!$G$19=$B$24,21,0),0)),0)</f>
        <v>0</v>
      </c>
      <c r="F619" cm="1">
        <f t="array" ref="F619">IFERROR(INDEX(Jesper!AJ$2:AJ$366,ROUNDDOWN($C619/24,0)+1,1)*INDEX($D$3:$AA$30,INDEX(Jesper!$R$2:$R$366,ROW(INDEX(Jesper!AJ$2:AJ$366,ROUNDDOWN($C619/24,0)+1,1))-1)+IF('Standard Profiles'!$G$20=$B$10,7,0)+IF('Standard Profiles'!$G$20=$B$17,14,0)+IF('Standard Profiles'!$G$20=$B$24,21,0),MOD($C619,24)+1)/SUM(INDEX($D$3:$AA$30,INDEX(Jesper!$R$2:$R$366,ROW(INDEX(Jesper!AJ$2:AJ$366,ROUNDDOWN($C619/24,0)+1,1))-1)+IF('Standard Profiles'!$G$20=$B$10,7,0)+IF('Standard Profiles'!$G$20=$B$17,14,0)+IF('Standard Profiles'!$G$20=$B$24,21,0),0)),0)</f>
        <v>0</v>
      </c>
      <c r="G619" cm="1">
        <f t="array" ref="G619">IFERROR(INDEX(Jesper!AK$2:AK$366,ROUNDDOWN($C619/24,0)+1,1)*INDEX($D$3:$AA$30,INDEX(Jesper!$R$2:$R$366,ROW(INDEX(Jesper!AK$2:AK$366,ROUNDDOWN($C619/24,0)+1,1))-1)+IF('Standard Profiles'!$G$21=$B$10,7,0)+IF('Standard Profiles'!$G$21=$B$17,14,0)+IF('Standard Profiles'!$G$21=$B$24,21,0),MOD($C619,24)+1)/SUM(INDEX($D$3:$AA$30,INDEX(Jesper!$R$2:$R$366,ROW(INDEX(Jesper!AK$2:AK$366,ROUNDDOWN($C619/24,0)+1,1))-1)+IF('Standard Profiles'!$G$21=$B$10,7,0)+IF('Standard Profiles'!$G$21=$B$17,14,0)+IF('Standard Profiles'!$G$21=$B$24,21,0),0)),0)</f>
        <v>0</v>
      </c>
      <c r="H619" cm="1">
        <f t="array" ref="H619">IFERROR(INDEX(Jesper!AL$2:AL$366,ROUNDDOWN($C619/24,0)+1,1)*INDEX($D$3:$AA$30,INDEX(Jesper!$R$2:$R$366,ROW(INDEX(Jesper!AL$2:AL$366,ROUNDDOWN($C619/24,0)+1,1))-1)+IF('Standard Profiles'!$G$22=$B$10,7,0)+IF('Standard Profiles'!$G$22=$B$17,14,0)+IF('Standard Profiles'!$G$22=$B$24,21,0),MOD($C619,24)+1)/SUM(INDEX($D$3:$AA$30,INDEX(Jesper!$R$2:$R$366,ROW(INDEX(Jesper!AL$2:AL$366,ROUNDDOWN($C619/24,0)+1,1))-1)+IF('Standard Profiles'!$G$22=$B$10,7,0)+IF('Standard Profiles'!$G$22=$B$17,14,0)+IF('Standard Profiles'!$G$22=$B$24,21,0),0)),0)</f>
        <v>0</v>
      </c>
      <c r="I619">
        <f t="shared" si="83"/>
        <v>0.35350401511956131</v>
      </c>
      <c r="J619">
        <f t="shared" si="84"/>
        <v>1.1783467170652044</v>
      </c>
      <c r="K619">
        <f t="shared" si="85"/>
        <v>1.7675200755978064</v>
      </c>
      <c r="L619">
        <f t="shared" si="86"/>
        <v>8.4840963628694706</v>
      </c>
      <c r="M619">
        <f t="shared" si="87"/>
        <v>0</v>
      </c>
      <c r="N619" s="46">
        <f t="shared" si="88"/>
        <v>45316.374999998581</v>
      </c>
    </row>
    <row r="620" spans="2:14" x14ac:dyDescent="0.3">
      <c r="B620">
        <f t="shared" si="82"/>
        <v>4</v>
      </c>
      <c r="C620" s="16">
        <v>586</v>
      </c>
      <c r="D620" cm="1">
        <f t="array" ref="D620">IFERROR(INDEX(Jesper!AH$2:AH$366,ROUNDDOWN($C620/24,0)+1,1)*INDEX($D$3:$AA$30,INDEX(Jesper!$R$2:$R$366,ROW(INDEX(Jesper!AH$2:AH$366,ROUNDDOWN($C620/24,0)+1,1))-1)+IF('Standard Profiles'!$G$18=$B$10,7,0)+IF('Standard Profiles'!$G$18=$B$17,14,0)+IF('Standard Profiles'!$G$18=$B$24,21,0),MOD($C620,24)+1)/SUM(INDEX($D$3:$AA$30,INDEX(Jesper!$R$2:$R$366,ROW(INDEX(Jesper!AH$2:AH$366,ROUNDDOWN($C620/24,0)+1,1))-1)+IF('Standard Profiles'!$G$18=$B$10,7,0)+IF('Standard Profiles'!$G$18=$B$17,14,0)+IF('Standard Profiles'!$G$18=$B$24,21,0),0)),0)</f>
        <v>12.765422768206381</v>
      </c>
      <c r="E620" cm="1">
        <f t="array" ref="E620">IFERROR(INDEX(Jesper!AI$2:AI$366,ROUNDDOWN($C620/24,0)+1,1)*INDEX($D$3:$AA$30,INDEX(Jesper!$R$2:$R$366,ROW(INDEX(Jesper!AI$2:AI$366,ROUNDDOWN($C620/24,0)+1,1))-1)+IF('Standard Profiles'!$G$19=$B$10,7,0)+IF('Standard Profiles'!$G$19=$B$17,14,0)+IF('Standard Profiles'!$G$19=$B$24,21,0),MOD($C620,24)+1)/SUM(INDEX($D$3:$AA$30,INDEX(Jesper!$R$2:$R$366,ROW(INDEX(Jesper!AI$2:AI$366,ROUNDDOWN($C620/24,0)+1,1))-1)+IF('Standard Profiles'!$G$19=$B$10,7,0)+IF('Standard Profiles'!$G$19=$B$17,14,0)+IF('Standard Profiles'!$G$19=$B$24,21,0),0)),0)</f>
        <v>0</v>
      </c>
      <c r="F620" cm="1">
        <f t="array" ref="F620">IFERROR(INDEX(Jesper!AJ$2:AJ$366,ROUNDDOWN($C620/24,0)+1,1)*INDEX($D$3:$AA$30,INDEX(Jesper!$R$2:$R$366,ROW(INDEX(Jesper!AJ$2:AJ$366,ROUNDDOWN($C620/24,0)+1,1))-1)+IF('Standard Profiles'!$G$20=$B$10,7,0)+IF('Standard Profiles'!$G$20=$B$17,14,0)+IF('Standard Profiles'!$G$20=$B$24,21,0),MOD($C620,24)+1)/SUM(INDEX($D$3:$AA$30,INDEX(Jesper!$R$2:$R$366,ROW(INDEX(Jesper!AJ$2:AJ$366,ROUNDDOWN($C620/24,0)+1,1))-1)+IF('Standard Profiles'!$G$20=$B$10,7,0)+IF('Standard Profiles'!$G$20=$B$17,14,0)+IF('Standard Profiles'!$G$20=$B$24,21,0),0)),0)</f>
        <v>0</v>
      </c>
      <c r="G620" cm="1">
        <f t="array" ref="G620">IFERROR(INDEX(Jesper!AK$2:AK$366,ROUNDDOWN($C620/24,0)+1,1)*INDEX($D$3:$AA$30,INDEX(Jesper!$R$2:$R$366,ROW(INDEX(Jesper!AK$2:AK$366,ROUNDDOWN($C620/24,0)+1,1))-1)+IF('Standard Profiles'!$G$21=$B$10,7,0)+IF('Standard Profiles'!$G$21=$B$17,14,0)+IF('Standard Profiles'!$G$21=$B$24,21,0),MOD($C620,24)+1)/SUM(INDEX($D$3:$AA$30,INDEX(Jesper!$R$2:$R$366,ROW(INDEX(Jesper!AK$2:AK$366,ROUNDDOWN($C620/24,0)+1,1))-1)+IF('Standard Profiles'!$G$21=$B$10,7,0)+IF('Standard Profiles'!$G$21=$B$17,14,0)+IF('Standard Profiles'!$G$21=$B$24,21,0),0)),0)</f>
        <v>0</v>
      </c>
      <c r="H620" cm="1">
        <f t="array" ref="H620">IFERROR(INDEX(Jesper!AL$2:AL$366,ROUNDDOWN($C620/24,0)+1,1)*INDEX($D$3:$AA$30,INDEX(Jesper!$R$2:$R$366,ROW(INDEX(Jesper!AL$2:AL$366,ROUNDDOWN($C620/24,0)+1,1))-1)+IF('Standard Profiles'!$G$22=$B$10,7,0)+IF('Standard Profiles'!$G$22=$B$17,14,0)+IF('Standard Profiles'!$G$22=$B$24,21,0),MOD($C620,24)+1)/SUM(INDEX($D$3:$AA$30,INDEX(Jesper!$R$2:$R$366,ROW(INDEX(Jesper!AL$2:AL$366,ROUNDDOWN($C620/24,0)+1,1))-1)+IF('Standard Profiles'!$G$22=$B$10,7,0)+IF('Standard Profiles'!$G$22=$B$17,14,0)+IF('Standard Profiles'!$G$22=$B$24,21,0),0)),0)</f>
        <v>0</v>
      </c>
      <c r="I620">
        <f t="shared" si="83"/>
        <v>0.38296268304619141</v>
      </c>
      <c r="J620">
        <f t="shared" si="84"/>
        <v>1.2765422768206383</v>
      </c>
      <c r="K620">
        <f t="shared" si="85"/>
        <v>1.914813415230957</v>
      </c>
      <c r="L620">
        <f t="shared" si="86"/>
        <v>9.1911043931085938</v>
      </c>
      <c r="M620">
        <f t="shared" si="87"/>
        <v>0</v>
      </c>
      <c r="N620" s="46">
        <f t="shared" si="88"/>
        <v>45316.416666665245</v>
      </c>
    </row>
    <row r="621" spans="2:14" x14ac:dyDescent="0.3">
      <c r="B621">
        <f t="shared" si="82"/>
        <v>4</v>
      </c>
      <c r="C621" s="16">
        <v>587</v>
      </c>
      <c r="D621" cm="1">
        <f t="array" ref="D621">IFERROR(INDEX(Jesper!AH$2:AH$366,ROUNDDOWN($C621/24,0)+1,1)*INDEX($D$3:$AA$30,INDEX(Jesper!$R$2:$R$366,ROW(INDEX(Jesper!AH$2:AH$366,ROUNDDOWN($C621/24,0)+1,1))-1)+IF('Standard Profiles'!$G$18=$B$10,7,0)+IF('Standard Profiles'!$G$18=$B$17,14,0)+IF('Standard Profiles'!$G$18=$B$24,21,0),MOD($C621,24)+1)/SUM(INDEX($D$3:$AA$30,INDEX(Jesper!$R$2:$R$366,ROW(INDEX(Jesper!AH$2:AH$366,ROUNDDOWN($C621/24,0)+1,1))-1)+IF('Standard Profiles'!$G$18=$B$10,7,0)+IF('Standard Profiles'!$G$18=$B$17,14,0)+IF('Standard Profiles'!$G$18=$B$24,21,0),0)),0)</f>
        <v>14.729333963315053</v>
      </c>
      <c r="E621" cm="1">
        <f t="array" ref="E621">IFERROR(INDEX(Jesper!AI$2:AI$366,ROUNDDOWN($C621/24,0)+1,1)*INDEX($D$3:$AA$30,INDEX(Jesper!$R$2:$R$366,ROW(INDEX(Jesper!AI$2:AI$366,ROUNDDOWN($C621/24,0)+1,1))-1)+IF('Standard Profiles'!$G$19=$B$10,7,0)+IF('Standard Profiles'!$G$19=$B$17,14,0)+IF('Standard Profiles'!$G$19=$B$24,21,0),MOD($C621,24)+1)/SUM(INDEX($D$3:$AA$30,INDEX(Jesper!$R$2:$R$366,ROW(INDEX(Jesper!AI$2:AI$366,ROUNDDOWN($C621/24,0)+1,1))-1)+IF('Standard Profiles'!$G$19=$B$10,7,0)+IF('Standard Profiles'!$G$19=$B$17,14,0)+IF('Standard Profiles'!$G$19=$B$24,21,0),0)),0)</f>
        <v>0</v>
      </c>
      <c r="F621" cm="1">
        <f t="array" ref="F621">IFERROR(INDEX(Jesper!AJ$2:AJ$366,ROUNDDOWN($C621/24,0)+1,1)*INDEX($D$3:$AA$30,INDEX(Jesper!$R$2:$R$366,ROW(INDEX(Jesper!AJ$2:AJ$366,ROUNDDOWN($C621/24,0)+1,1))-1)+IF('Standard Profiles'!$G$20=$B$10,7,0)+IF('Standard Profiles'!$G$20=$B$17,14,0)+IF('Standard Profiles'!$G$20=$B$24,21,0),MOD($C621,24)+1)/SUM(INDEX($D$3:$AA$30,INDEX(Jesper!$R$2:$R$366,ROW(INDEX(Jesper!AJ$2:AJ$366,ROUNDDOWN($C621/24,0)+1,1))-1)+IF('Standard Profiles'!$G$20=$B$10,7,0)+IF('Standard Profiles'!$G$20=$B$17,14,0)+IF('Standard Profiles'!$G$20=$B$24,21,0),0)),0)</f>
        <v>0</v>
      </c>
      <c r="G621" cm="1">
        <f t="array" ref="G621">IFERROR(INDEX(Jesper!AK$2:AK$366,ROUNDDOWN($C621/24,0)+1,1)*INDEX($D$3:$AA$30,INDEX(Jesper!$R$2:$R$366,ROW(INDEX(Jesper!AK$2:AK$366,ROUNDDOWN($C621/24,0)+1,1))-1)+IF('Standard Profiles'!$G$21=$B$10,7,0)+IF('Standard Profiles'!$G$21=$B$17,14,0)+IF('Standard Profiles'!$G$21=$B$24,21,0),MOD($C621,24)+1)/SUM(INDEX($D$3:$AA$30,INDEX(Jesper!$R$2:$R$366,ROW(INDEX(Jesper!AK$2:AK$366,ROUNDDOWN($C621/24,0)+1,1))-1)+IF('Standard Profiles'!$G$21=$B$10,7,0)+IF('Standard Profiles'!$G$21=$B$17,14,0)+IF('Standard Profiles'!$G$21=$B$24,21,0),0)),0)</f>
        <v>0</v>
      </c>
      <c r="H621" cm="1">
        <f t="array" ref="H621">IFERROR(INDEX(Jesper!AL$2:AL$366,ROUNDDOWN($C621/24,0)+1,1)*INDEX($D$3:$AA$30,INDEX(Jesper!$R$2:$R$366,ROW(INDEX(Jesper!AL$2:AL$366,ROUNDDOWN($C621/24,0)+1,1))-1)+IF('Standard Profiles'!$G$22=$B$10,7,0)+IF('Standard Profiles'!$G$22=$B$17,14,0)+IF('Standard Profiles'!$G$22=$B$24,21,0),MOD($C621,24)+1)/SUM(INDEX($D$3:$AA$30,INDEX(Jesper!$R$2:$R$366,ROW(INDEX(Jesper!AL$2:AL$366,ROUNDDOWN($C621/24,0)+1,1))-1)+IF('Standard Profiles'!$G$22=$B$10,7,0)+IF('Standard Profiles'!$G$22=$B$17,14,0)+IF('Standard Profiles'!$G$22=$B$24,21,0),0)),0)</f>
        <v>0</v>
      </c>
      <c r="I621">
        <f t="shared" si="83"/>
        <v>0.44188001889945155</v>
      </c>
      <c r="J621">
        <f t="shared" si="84"/>
        <v>1.4729333963315054</v>
      </c>
      <c r="K621">
        <f t="shared" si="85"/>
        <v>2.209400094497258</v>
      </c>
      <c r="L621">
        <f t="shared" si="86"/>
        <v>10.605120453586839</v>
      </c>
      <c r="M621">
        <f t="shared" si="87"/>
        <v>0</v>
      </c>
      <c r="N621" s="46">
        <f t="shared" si="88"/>
        <v>45316.45833333191</v>
      </c>
    </row>
    <row r="622" spans="2:14" x14ac:dyDescent="0.3">
      <c r="B622">
        <f t="shared" si="82"/>
        <v>4</v>
      </c>
      <c r="C622" s="16">
        <v>588</v>
      </c>
      <c r="D622" cm="1">
        <f t="array" ref="D622">IFERROR(INDEX(Jesper!AH$2:AH$366,ROUNDDOWN($C622/24,0)+1,1)*INDEX($D$3:$AA$30,INDEX(Jesper!$R$2:$R$366,ROW(INDEX(Jesper!AH$2:AH$366,ROUNDDOWN($C622/24,0)+1,1))-1)+IF('Standard Profiles'!$G$18=$B$10,7,0)+IF('Standard Profiles'!$G$18=$B$17,14,0)+IF('Standard Profiles'!$G$18=$B$24,21,0),MOD($C622,24)+1)/SUM(INDEX($D$3:$AA$30,INDEX(Jesper!$R$2:$R$366,ROW(INDEX(Jesper!AH$2:AH$366,ROUNDDOWN($C622/24,0)+1,1))-1)+IF('Standard Profiles'!$G$18=$B$10,7,0)+IF('Standard Profiles'!$G$18=$B$17,14,0)+IF('Standard Profiles'!$G$18=$B$24,21,0),0)),0)</f>
        <v>14.729333963315053</v>
      </c>
      <c r="E622" cm="1">
        <f t="array" ref="E622">IFERROR(INDEX(Jesper!AI$2:AI$366,ROUNDDOWN($C622/24,0)+1,1)*INDEX($D$3:$AA$30,INDEX(Jesper!$R$2:$R$366,ROW(INDEX(Jesper!AI$2:AI$366,ROUNDDOWN($C622/24,0)+1,1))-1)+IF('Standard Profiles'!$G$19=$B$10,7,0)+IF('Standard Profiles'!$G$19=$B$17,14,0)+IF('Standard Profiles'!$G$19=$B$24,21,0),MOD($C622,24)+1)/SUM(INDEX($D$3:$AA$30,INDEX(Jesper!$R$2:$R$366,ROW(INDEX(Jesper!AI$2:AI$366,ROUNDDOWN($C622/24,0)+1,1))-1)+IF('Standard Profiles'!$G$19=$B$10,7,0)+IF('Standard Profiles'!$G$19=$B$17,14,0)+IF('Standard Profiles'!$G$19=$B$24,21,0),0)),0)</f>
        <v>0</v>
      </c>
      <c r="F622" cm="1">
        <f t="array" ref="F622">IFERROR(INDEX(Jesper!AJ$2:AJ$366,ROUNDDOWN($C622/24,0)+1,1)*INDEX($D$3:$AA$30,INDEX(Jesper!$R$2:$R$366,ROW(INDEX(Jesper!AJ$2:AJ$366,ROUNDDOWN($C622/24,0)+1,1))-1)+IF('Standard Profiles'!$G$20=$B$10,7,0)+IF('Standard Profiles'!$G$20=$B$17,14,0)+IF('Standard Profiles'!$G$20=$B$24,21,0),MOD($C622,24)+1)/SUM(INDEX($D$3:$AA$30,INDEX(Jesper!$R$2:$R$366,ROW(INDEX(Jesper!AJ$2:AJ$366,ROUNDDOWN($C622/24,0)+1,1))-1)+IF('Standard Profiles'!$G$20=$B$10,7,0)+IF('Standard Profiles'!$G$20=$B$17,14,0)+IF('Standard Profiles'!$G$20=$B$24,21,0),0)),0)</f>
        <v>0</v>
      </c>
      <c r="G622" cm="1">
        <f t="array" ref="G622">IFERROR(INDEX(Jesper!AK$2:AK$366,ROUNDDOWN($C622/24,0)+1,1)*INDEX($D$3:$AA$30,INDEX(Jesper!$R$2:$R$366,ROW(INDEX(Jesper!AK$2:AK$366,ROUNDDOWN($C622/24,0)+1,1))-1)+IF('Standard Profiles'!$G$21=$B$10,7,0)+IF('Standard Profiles'!$G$21=$B$17,14,0)+IF('Standard Profiles'!$G$21=$B$24,21,0),MOD($C622,24)+1)/SUM(INDEX($D$3:$AA$30,INDEX(Jesper!$R$2:$R$366,ROW(INDEX(Jesper!AK$2:AK$366,ROUNDDOWN($C622/24,0)+1,1))-1)+IF('Standard Profiles'!$G$21=$B$10,7,0)+IF('Standard Profiles'!$G$21=$B$17,14,0)+IF('Standard Profiles'!$G$21=$B$24,21,0),0)),0)</f>
        <v>0</v>
      </c>
      <c r="H622" cm="1">
        <f t="array" ref="H622">IFERROR(INDEX(Jesper!AL$2:AL$366,ROUNDDOWN($C622/24,0)+1,1)*INDEX($D$3:$AA$30,INDEX(Jesper!$R$2:$R$366,ROW(INDEX(Jesper!AL$2:AL$366,ROUNDDOWN($C622/24,0)+1,1))-1)+IF('Standard Profiles'!$G$22=$B$10,7,0)+IF('Standard Profiles'!$G$22=$B$17,14,0)+IF('Standard Profiles'!$G$22=$B$24,21,0),MOD($C622,24)+1)/SUM(INDEX($D$3:$AA$30,INDEX(Jesper!$R$2:$R$366,ROW(INDEX(Jesper!AL$2:AL$366,ROUNDDOWN($C622/24,0)+1,1))-1)+IF('Standard Profiles'!$G$22=$B$10,7,0)+IF('Standard Profiles'!$G$22=$B$17,14,0)+IF('Standard Profiles'!$G$22=$B$24,21,0),0)),0)</f>
        <v>0</v>
      </c>
      <c r="I622">
        <f t="shared" si="83"/>
        <v>0.44188001889945155</v>
      </c>
      <c r="J622">
        <f t="shared" si="84"/>
        <v>1.4729333963315054</v>
      </c>
      <c r="K622">
        <f t="shared" si="85"/>
        <v>2.209400094497258</v>
      </c>
      <c r="L622">
        <f t="shared" si="86"/>
        <v>10.605120453586839</v>
      </c>
      <c r="M622">
        <f t="shared" si="87"/>
        <v>0</v>
      </c>
      <c r="N622" s="46">
        <f t="shared" si="88"/>
        <v>45316.499999998574</v>
      </c>
    </row>
    <row r="623" spans="2:14" x14ac:dyDescent="0.3">
      <c r="B623">
        <f t="shared" si="82"/>
        <v>4</v>
      </c>
      <c r="C623" s="16">
        <v>589</v>
      </c>
      <c r="D623" cm="1">
        <f t="array" ref="D623">IFERROR(INDEX(Jesper!AH$2:AH$366,ROUNDDOWN($C623/24,0)+1,1)*INDEX($D$3:$AA$30,INDEX(Jesper!$R$2:$R$366,ROW(INDEX(Jesper!AH$2:AH$366,ROUNDDOWN($C623/24,0)+1,1))-1)+IF('Standard Profiles'!$G$18=$B$10,7,0)+IF('Standard Profiles'!$G$18=$B$17,14,0)+IF('Standard Profiles'!$G$18=$B$24,21,0),MOD($C623,24)+1)/SUM(INDEX($D$3:$AA$30,INDEX(Jesper!$R$2:$R$366,ROW(INDEX(Jesper!AH$2:AH$366,ROUNDDOWN($C623/24,0)+1,1))-1)+IF('Standard Profiles'!$G$18=$B$10,7,0)+IF('Standard Profiles'!$G$18=$B$17,14,0)+IF('Standard Profiles'!$G$18=$B$24,21,0),0)),0)</f>
        <v>14.729333963315053</v>
      </c>
      <c r="E623" cm="1">
        <f t="array" ref="E623">IFERROR(INDEX(Jesper!AI$2:AI$366,ROUNDDOWN($C623/24,0)+1,1)*INDEX($D$3:$AA$30,INDEX(Jesper!$R$2:$R$366,ROW(INDEX(Jesper!AI$2:AI$366,ROUNDDOWN($C623/24,0)+1,1))-1)+IF('Standard Profiles'!$G$19=$B$10,7,0)+IF('Standard Profiles'!$G$19=$B$17,14,0)+IF('Standard Profiles'!$G$19=$B$24,21,0),MOD($C623,24)+1)/SUM(INDEX($D$3:$AA$30,INDEX(Jesper!$R$2:$R$366,ROW(INDEX(Jesper!AI$2:AI$366,ROUNDDOWN($C623/24,0)+1,1))-1)+IF('Standard Profiles'!$G$19=$B$10,7,0)+IF('Standard Profiles'!$G$19=$B$17,14,0)+IF('Standard Profiles'!$G$19=$B$24,21,0),0)),0)</f>
        <v>0</v>
      </c>
      <c r="F623" cm="1">
        <f t="array" ref="F623">IFERROR(INDEX(Jesper!AJ$2:AJ$366,ROUNDDOWN($C623/24,0)+1,1)*INDEX($D$3:$AA$30,INDEX(Jesper!$R$2:$R$366,ROW(INDEX(Jesper!AJ$2:AJ$366,ROUNDDOWN($C623/24,0)+1,1))-1)+IF('Standard Profiles'!$G$20=$B$10,7,0)+IF('Standard Profiles'!$G$20=$B$17,14,0)+IF('Standard Profiles'!$G$20=$B$24,21,0),MOD($C623,24)+1)/SUM(INDEX($D$3:$AA$30,INDEX(Jesper!$R$2:$R$366,ROW(INDEX(Jesper!AJ$2:AJ$366,ROUNDDOWN($C623/24,0)+1,1))-1)+IF('Standard Profiles'!$G$20=$B$10,7,0)+IF('Standard Profiles'!$G$20=$B$17,14,0)+IF('Standard Profiles'!$G$20=$B$24,21,0),0)),0)</f>
        <v>0</v>
      </c>
      <c r="G623" cm="1">
        <f t="array" ref="G623">IFERROR(INDEX(Jesper!AK$2:AK$366,ROUNDDOWN($C623/24,0)+1,1)*INDEX($D$3:$AA$30,INDEX(Jesper!$R$2:$R$366,ROW(INDEX(Jesper!AK$2:AK$366,ROUNDDOWN($C623/24,0)+1,1))-1)+IF('Standard Profiles'!$G$21=$B$10,7,0)+IF('Standard Profiles'!$G$21=$B$17,14,0)+IF('Standard Profiles'!$G$21=$B$24,21,0),MOD($C623,24)+1)/SUM(INDEX($D$3:$AA$30,INDEX(Jesper!$R$2:$R$366,ROW(INDEX(Jesper!AK$2:AK$366,ROUNDDOWN($C623/24,0)+1,1))-1)+IF('Standard Profiles'!$G$21=$B$10,7,0)+IF('Standard Profiles'!$G$21=$B$17,14,0)+IF('Standard Profiles'!$G$21=$B$24,21,0),0)),0)</f>
        <v>0</v>
      </c>
      <c r="H623" cm="1">
        <f t="array" ref="H623">IFERROR(INDEX(Jesper!AL$2:AL$366,ROUNDDOWN($C623/24,0)+1,1)*INDEX($D$3:$AA$30,INDEX(Jesper!$R$2:$R$366,ROW(INDEX(Jesper!AL$2:AL$366,ROUNDDOWN($C623/24,0)+1,1))-1)+IF('Standard Profiles'!$G$22=$B$10,7,0)+IF('Standard Profiles'!$G$22=$B$17,14,0)+IF('Standard Profiles'!$G$22=$B$24,21,0),MOD($C623,24)+1)/SUM(INDEX($D$3:$AA$30,INDEX(Jesper!$R$2:$R$366,ROW(INDEX(Jesper!AL$2:AL$366,ROUNDDOWN($C623/24,0)+1,1))-1)+IF('Standard Profiles'!$G$22=$B$10,7,0)+IF('Standard Profiles'!$G$22=$B$17,14,0)+IF('Standard Profiles'!$G$22=$B$24,21,0),0)),0)</f>
        <v>0</v>
      </c>
      <c r="I623">
        <f t="shared" si="83"/>
        <v>0.44188001889945155</v>
      </c>
      <c r="J623">
        <f t="shared" si="84"/>
        <v>1.4729333963315054</v>
      </c>
      <c r="K623">
        <f t="shared" si="85"/>
        <v>2.209400094497258</v>
      </c>
      <c r="L623">
        <f t="shared" si="86"/>
        <v>10.605120453586839</v>
      </c>
      <c r="M623">
        <f t="shared" si="87"/>
        <v>0</v>
      </c>
      <c r="N623" s="46">
        <f t="shared" si="88"/>
        <v>45316.541666665238</v>
      </c>
    </row>
    <row r="624" spans="2:14" x14ac:dyDescent="0.3">
      <c r="B624">
        <f t="shared" si="82"/>
        <v>4</v>
      </c>
      <c r="C624" s="16">
        <v>590</v>
      </c>
      <c r="D624" cm="1">
        <f t="array" ref="D624">IFERROR(INDEX(Jesper!AH$2:AH$366,ROUNDDOWN($C624/24,0)+1,1)*INDEX($D$3:$AA$30,INDEX(Jesper!$R$2:$R$366,ROW(INDEX(Jesper!AH$2:AH$366,ROUNDDOWN($C624/24,0)+1,1))-1)+IF('Standard Profiles'!$G$18=$B$10,7,0)+IF('Standard Profiles'!$G$18=$B$17,14,0)+IF('Standard Profiles'!$G$18=$B$24,21,0),MOD($C624,24)+1)/SUM(INDEX($D$3:$AA$30,INDEX(Jesper!$R$2:$R$366,ROW(INDEX(Jesper!AH$2:AH$366,ROUNDDOWN($C624/24,0)+1,1))-1)+IF('Standard Profiles'!$G$18=$B$10,7,0)+IF('Standard Profiles'!$G$18=$B$17,14,0)+IF('Standard Profiles'!$G$18=$B$24,21,0),0)),0)</f>
        <v>14.729333963315053</v>
      </c>
      <c r="E624" cm="1">
        <f t="array" ref="E624">IFERROR(INDEX(Jesper!AI$2:AI$366,ROUNDDOWN($C624/24,0)+1,1)*INDEX($D$3:$AA$30,INDEX(Jesper!$R$2:$R$366,ROW(INDEX(Jesper!AI$2:AI$366,ROUNDDOWN($C624/24,0)+1,1))-1)+IF('Standard Profiles'!$G$19=$B$10,7,0)+IF('Standard Profiles'!$G$19=$B$17,14,0)+IF('Standard Profiles'!$G$19=$B$24,21,0),MOD($C624,24)+1)/SUM(INDEX($D$3:$AA$30,INDEX(Jesper!$R$2:$R$366,ROW(INDEX(Jesper!AI$2:AI$366,ROUNDDOWN($C624/24,0)+1,1))-1)+IF('Standard Profiles'!$G$19=$B$10,7,0)+IF('Standard Profiles'!$G$19=$B$17,14,0)+IF('Standard Profiles'!$G$19=$B$24,21,0),0)),0)</f>
        <v>0</v>
      </c>
      <c r="F624" cm="1">
        <f t="array" ref="F624">IFERROR(INDEX(Jesper!AJ$2:AJ$366,ROUNDDOWN($C624/24,0)+1,1)*INDEX($D$3:$AA$30,INDEX(Jesper!$R$2:$R$366,ROW(INDEX(Jesper!AJ$2:AJ$366,ROUNDDOWN($C624/24,0)+1,1))-1)+IF('Standard Profiles'!$G$20=$B$10,7,0)+IF('Standard Profiles'!$G$20=$B$17,14,0)+IF('Standard Profiles'!$G$20=$B$24,21,0),MOD($C624,24)+1)/SUM(INDEX($D$3:$AA$30,INDEX(Jesper!$R$2:$R$366,ROW(INDEX(Jesper!AJ$2:AJ$366,ROUNDDOWN($C624/24,0)+1,1))-1)+IF('Standard Profiles'!$G$20=$B$10,7,0)+IF('Standard Profiles'!$G$20=$B$17,14,0)+IF('Standard Profiles'!$G$20=$B$24,21,0),0)),0)</f>
        <v>0</v>
      </c>
      <c r="G624" cm="1">
        <f t="array" ref="G624">IFERROR(INDEX(Jesper!AK$2:AK$366,ROUNDDOWN($C624/24,0)+1,1)*INDEX($D$3:$AA$30,INDEX(Jesper!$R$2:$R$366,ROW(INDEX(Jesper!AK$2:AK$366,ROUNDDOWN($C624/24,0)+1,1))-1)+IF('Standard Profiles'!$G$21=$B$10,7,0)+IF('Standard Profiles'!$G$21=$B$17,14,0)+IF('Standard Profiles'!$G$21=$B$24,21,0),MOD($C624,24)+1)/SUM(INDEX($D$3:$AA$30,INDEX(Jesper!$R$2:$R$366,ROW(INDEX(Jesper!AK$2:AK$366,ROUNDDOWN($C624/24,0)+1,1))-1)+IF('Standard Profiles'!$G$21=$B$10,7,0)+IF('Standard Profiles'!$G$21=$B$17,14,0)+IF('Standard Profiles'!$G$21=$B$24,21,0),0)),0)</f>
        <v>0</v>
      </c>
      <c r="H624" cm="1">
        <f t="array" ref="H624">IFERROR(INDEX(Jesper!AL$2:AL$366,ROUNDDOWN($C624/24,0)+1,1)*INDEX($D$3:$AA$30,INDEX(Jesper!$R$2:$R$366,ROW(INDEX(Jesper!AL$2:AL$366,ROUNDDOWN($C624/24,0)+1,1))-1)+IF('Standard Profiles'!$G$22=$B$10,7,0)+IF('Standard Profiles'!$G$22=$B$17,14,0)+IF('Standard Profiles'!$G$22=$B$24,21,0),MOD($C624,24)+1)/SUM(INDEX($D$3:$AA$30,INDEX(Jesper!$R$2:$R$366,ROW(INDEX(Jesper!AL$2:AL$366,ROUNDDOWN($C624/24,0)+1,1))-1)+IF('Standard Profiles'!$G$22=$B$10,7,0)+IF('Standard Profiles'!$G$22=$B$17,14,0)+IF('Standard Profiles'!$G$22=$B$24,21,0),0)),0)</f>
        <v>0</v>
      </c>
      <c r="I624">
        <f t="shared" si="83"/>
        <v>0.44188001889945155</v>
      </c>
      <c r="J624">
        <f t="shared" si="84"/>
        <v>1.4729333963315054</v>
      </c>
      <c r="K624">
        <f t="shared" si="85"/>
        <v>2.209400094497258</v>
      </c>
      <c r="L624">
        <f t="shared" si="86"/>
        <v>10.605120453586839</v>
      </c>
      <c r="M624">
        <f t="shared" si="87"/>
        <v>0</v>
      </c>
      <c r="N624" s="46">
        <f t="shared" si="88"/>
        <v>45316.583333331902</v>
      </c>
    </row>
    <row r="625" spans="2:14" x14ac:dyDescent="0.3">
      <c r="B625">
        <f t="shared" si="82"/>
        <v>4</v>
      </c>
      <c r="C625" s="16">
        <v>591</v>
      </c>
      <c r="D625" cm="1">
        <f t="array" ref="D625">IFERROR(INDEX(Jesper!AH$2:AH$366,ROUNDDOWN($C625/24,0)+1,1)*INDEX($D$3:$AA$30,INDEX(Jesper!$R$2:$R$366,ROW(INDEX(Jesper!AH$2:AH$366,ROUNDDOWN($C625/24,0)+1,1))-1)+IF('Standard Profiles'!$G$18=$B$10,7,0)+IF('Standard Profiles'!$G$18=$B$17,14,0)+IF('Standard Profiles'!$G$18=$B$24,21,0),MOD($C625,24)+1)/SUM(INDEX($D$3:$AA$30,INDEX(Jesper!$R$2:$R$366,ROW(INDEX(Jesper!AH$2:AH$366,ROUNDDOWN($C625/24,0)+1,1))-1)+IF('Standard Profiles'!$G$18=$B$10,7,0)+IF('Standard Profiles'!$G$18=$B$17,14,0)+IF('Standard Profiles'!$G$18=$B$24,21,0),0)),0)</f>
        <v>14.729333963315053</v>
      </c>
      <c r="E625" cm="1">
        <f t="array" ref="E625">IFERROR(INDEX(Jesper!AI$2:AI$366,ROUNDDOWN($C625/24,0)+1,1)*INDEX($D$3:$AA$30,INDEX(Jesper!$R$2:$R$366,ROW(INDEX(Jesper!AI$2:AI$366,ROUNDDOWN($C625/24,0)+1,1))-1)+IF('Standard Profiles'!$G$19=$B$10,7,0)+IF('Standard Profiles'!$G$19=$B$17,14,0)+IF('Standard Profiles'!$G$19=$B$24,21,0),MOD($C625,24)+1)/SUM(INDEX($D$3:$AA$30,INDEX(Jesper!$R$2:$R$366,ROW(INDEX(Jesper!AI$2:AI$366,ROUNDDOWN($C625/24,0)+1,1))-1)+IF('Standard Profiles'!$G$19=$B$10,7,0)+IF('Standard Profiles'!$G$19=$B$17,14,0)+IF('Standard Profiles'!$G$19=$B$24,21,0),0)),0)</f>
        <v>0</v>
      </c>
      <c r="F625" cm="1">
        <f t="array" ref="F625">IFERROR(INDEX(Jesper!AJ$2:AJ$366,ROUNDDOWN($C625/24,0)+1,1)*INDEX($D$3:$AA$30,INDEX(Jesper!$R$2:$R$366,ROW(INDEX(Jesper!AJ$2:AJ$366,ROUNDDOWN($C625/24,0)+1,1))-1)+IF('Standard Profiles'!$G$20=$B$10,7,0)+IF('Standard Profiles'!$G$20=$B$17,14,0)+IF('Standard Profiles'!$G$20=$B$24,21,0),MOD($C625,24)+1)/SUM(INDEX($D$3:$AA$30,INDEX(Jesper!$R$2:$R$366,ROW(INDEX(Jesper!AJ$2:AJ$366,ROUNDDOWN($C625/24,0)+1,1))-1)+IF('Standard Profiles'!$G$20=$B$10,7,0)+IF('Standard Profiles'!$G$20=$B$17,14,0)+IF('Standard Profiles'!$G$20=$B$24,21,0),0)),0)</f>
        <v>0</v>
      </c>
      <c r="G625" cm="1">
        <f t="array" ref="G625">IFERROR(INDEX(Jesper!AK$2:AK$366,ROUNDDOWN($C625/24,0)+1,1)*INDEX($D$3:$AA$30,INDEX(Jesper!$R$2:$R$366,ROW(INDEX(Jesper!AK$2:AK$366,ROUNDDOWN($C625/24,0)+1,1))-1)+IF('Standard Profiles'!$G$21=$B$10,7,0)+IF('Standard Profiles'!$G$21=$B$17,14,0)+IF('Standard Profiles'!$G$21=$B$24,21,0),MOD($C625,24)+1)/SUM(INDEX($D$3:$AA$30,INDEX(Jesper!$R$2:$R$366,ROW(INDEX(Jesper!AK$2:AK$366,ROUNDDOWN($C625/24,0)+1,1))-1)+IF('Standard Profiles'!$G$21=$B$10,7,0)+IF('Standard Profiles'!$G$21=$B$17,14,0)+IF('Standard Profiles'!$G$21=$B$24,21,0),0)),0)</f>
        <v>0</v>
      </c>
      <c r="H625" cm="1">
        <f t="array" ref="H625">IFERROR(INDEX(Jesper!AL$2:AL$366,ROUNDDOWN($C625/24,0)+1,1)*INDEX($D$3:$AA$30,INDEX(Jesper!$R$2:$R$366,ROW(INDEX(Jesper!AL$2:AL$366,ROUNDDOWN($C625/24,0)+1,1))-1)+IF('Standard Profiles'!$G$22=$B$10,7,0)+IF('Standard Profiles'!$G$22=$B$17,14,0)+IF('Standard Profiles'!$G$22=$B$24,21,0),MOD($C625,24)+1)/SUM(INDEX($D$3:$AA$30,INDEX(Jesper!$R$2:$R$366,ROW(INDEX(Jesper!AL$2:AL$366,ROUNDDOWN($C625/24,0)+1,1))-1)+IF('Standard Profiles'!$G$22=$B$10,7,0)+IF('Standard Profiles'!$G$22=$B$17,14,0)+IF('Standard Profiles'!$G$22=$B$24,21,0),0)),0)</f>
        <v>0</v>
      </c>
      <c r="I625">
        <f t="shared" si="83"/>
        <v>0.44188001889945155</v>
      </c>
      <c r="J625">
        <f t="shared" si="84"/>
        <v>1.4729333963315054</v>
      </c>
      <c r="K625">
        <f t="shared" si="85"/>
        <v>2.209400094497258</v>
      </c>
      <c r="L625">
        <f t="shared" si="86"/>
        <v>10.605120453586839</v>
      </c>
      <c r="M625">
        <f t="shared" si="87"/>
        <v>0</v>
      </c>
      <c r="N625" s="46">
        <f t="shared" si="88"/>
        <v>45316.624999998567</v>
      </c>
    </row>
    <row r="626" spans="2:14" x14ac:dyDescent="0.3">
      <c r="B626">
        <f t="shared" si="82"/>
        <v>4</v>
      </c>
      <c r="C626" s="16">
        <v>592</v>
      </c>
      <c r="D626" cm="1">
        <f t="array" ref="D626">IFERROR(INDEX(Jesper!AH$2:AH$366,ROUNDDOWN($C626/24,0)+1,1)*INDEX($D$3:$AA$30,INDEX(Jesper!$R$2:$R$366,ROW(INDEX(Jesper!AH$2:AH$366,ROUNDDOWN($C626/24,0)+1,1))-1)+IF('Standard Profiles'!$G$18=$B$10,7,0)+IF('Standard Profiles'!$G$18=$B$17,14,0)+IF('Standard Profiles'!$G$18=$B$24,21,0),MOD($C626,24)+1)/SUM(INDEX($D$3:$AA$30,INDEX(Jesper!$R$2:$R$366,ROW(INDEX(Jesper!AH$2:AH$366,ROUNDDOWN($C626/24,0)+1,1))-1)+IF('Standard Profiles'!$G$18=$B$10,7,0)+IF('Standard Profiles'!$G$18=$B$17,14,0)+IF('Standard Profiles'!$G$18=$B$24,21,0),0)),0)</f>
        <v>14.729333963315053</v>
      </c>
      <c r="E626" cm="1">
        <f t="array" ref="E626">IFERROR(INDEX(Jesper!AI$2:AI$366,ROUNDDOWN($C626/24,0)+1,1)*INDEX($D$3:$AA$30,INDEX(Jesper!$R$2:$R$366,ROW(INDEX(Jesper!AI$2:AI$366,ROUNDDOWN($C626/24,0)+1,1))-1)+IF('Standard Profiles'!$G$19=$B$10,7,0)+IF('Standard Profiles'!$G$19=$B$17,14,0)+IF('Standard Profiles'!$G$19=$B$24,21,0),MOD($C626,24)+1)/SUM(INDEX($D$3:$AA$30,INDEX(Jesper!$R$2:$R$366,ROW(INDEX(Jesper!AI$2:AI$366,ROUNDDOWN($C626/24,0)+1,1))-1)+IF('Standard Profiles'!$G$19=$B$10,7,0)+IF('Standard Profiles'!$G$19=$B$17,14,0)+IF('Standard Profiles'!$G$19=$B$24,21,0),0)),0)</f>
        <v>0</v>
      </c>
      <c r="F626" cm="1">
        <f t="array" ref="F626">IFERROR(INDEX(Jesper!AJ$2:AJ$366,ROUNDDOWN($C626/24,0)+1,1)*INDEX($D$3:$AA$30,INDEX(Jesper!$R$2:$R$366,ROW(INDEX(Jesper!AJ$2:AJ$366,ROUNDDOWN($C626/24,0)+1,1))-1)+IF('Standard Profiles'!$G$20=$B$10,7,0)+IF('Standard Profiles'!$G$20=$B$17,14,0)+IF('Standard Profiles'!$G$20=$B$24,21,0),MOD($C626,24)+1)/SUM(INDEX($D$3:$AA$30,INDEX(Jesper!$R$2:$R$366,ROW(INDEX(Jesper!AJ$2:AJ$366,ROUNDDOWN($C626/24,0)+1,1))-1)+IF('Standard Profiles'!$G$20=$B$10,7,0)+IF('Standard Profiles'!$G$20=$B$17,14,0)+IF('Standard Profiles'!$G$20=$B$24,21,0),0)),0)</f>
        <v>0</v>
      </c>
      <c r="G626" cm="1">
        <f t="array" ref="G626">IFERROR(INDEX(Jesper!AK$2:AK$366,ROUNDDOWN($C626/24,0)+1,1)*INDEX($D$3:$AA$30,INDEX(Jesper!$R$2:$R$366,ROW(INDEX(Jesper!AK$2:AK$366,ROUNDDOWN($C626/24,0)+1,1))-1)+IF('Standard Profiles'!$G$21=$B$10,7,0)+IF('Standard Profiles'!$G$21=$B$17,14,0)+IF('Standard Profiles'!$G$21=$B$24,21,0),MOD($C626,24)+1)/SUM(INDEX($D$3:$AA$30,INDEX(Jesper!$R$2:$R$366,ROW(INDEX(Jesper!AK$2:AK$366,ROUNDDOWN($C626/24,0)+1,1))-1)+IF('Standard Profiles'!$G$21=$B$10,7,0)+IF('Standard Profiles'!$G$21=$B$17,14,0)+IF('Standard Profiles'!$G$21=$B$24,21,0),0)),0)</f>
        <v>0</v>
      </c>
      <c r="H626" cm="1">
        <f t="array" ref="H626">IFERROR(INDEX(Jesper!AL$2:AL$366,ROUNDDOWN($C626/24,0)+1,1)*INDEX($D$3:$AA$30,INDEX(Jesper!$R$2:$R$366,ROW(INDEX(Jesper!AL$2:AL$366,ROUNDDOWN($C626/24,0)+1,1))-1)+IF('Standard Profiles'!$G$22=$B$10,7,0)+IF('Standard Profiles'!$G$22=$B$17,14,0)+IF('Standard Profiles'!$G$22=$B$24,21,0),MOD($C626,24)+1)/SUM(INDEX($D$3:$AA$30,INDEX(Jesper!$R$2:$R$366,ROW(INDEX(Jesper!AL$2:AL$366,ROUNDDOWN($C626/24,0)+1,1))-1)+IF('Standard Profiles'!$G$22=$B$10,7,0)+IF('Standard Profiles'!$G$22=$B$17,14,0)+IF('Standard Profiles'!$G$22=$B$24,21,0),0)),0)</f>
        <v>0</v>
      </c>
      <c r="I626">
        <f t="shared" si="83"/>
        <v>0.44188001889945155</v>
      </c>
      <c r="J626">
        <f t="shared" si="84"/>
        <v>1.4729333963315054</v>
      </c>
      <c r="K626">
        <f t="shared" si="85"/>
        <v>2.209400094497258</v>
      </c>
      <c r="L626">
        <f t="shared" si="86"/>
        <v>10.605120453586839</v>
      </c>
      <c r="M626">
        <f t="shared" si="87"/>
        <v>0</v>
      </c>
      <c r="N626" s="46">
        <f t="shared" si="88"/>
        <v>45316.666666665231</v>
      </c>
    </row>
    <row r="627" spans="2:14" x14ac:dyDescent="0.3">
      <c r="B627">
        <f t="shared" si="82"/>
        <v>4</v>
      </c>
      <c r="C627" s="16">
        <v>593</v>
      </c>
      <c r="D627" cm="1">
        <f t="array" ref="D627">IFERROR(INDEX(Jesper!AH$2:AH$366,ROUNDDOWN($C627/24,0)+1,1)*INDEX($D$3:$AA$30,INDEX(Jesper!$R$2:$R$366,ROW(INDEX(Jesper!AH$2:AH$366,ROUNDDOWN($C627/24,0)+1,1))-1)+IF('Standard Profiles'!$G$18=$B$10,7,0)+IF('Standard Profiles'!$G$18=$B$17,14,0)+IF('Standard Profiles'!$G$18=$B$24,21,0),MOD($C627,24)+1)/SUM(INDEX($D$3:$AA$30,INDEX(Jesper!$R$2:$R$366,ROW(INDEX(Jesper!AH$2:AH$366,ROUNDDOWN($C627/24,0)+1,1))-1)+IF('Standard Profiles'!$G$18=$B$10,7,0)+IF('Standard Profiles'!$G$18=$B$17,14,0)+IF('Standard Profiles'!$G$18=$B$24,21,0),0)),0)</f>
        <v>14.729333963315053</v>
      </c>
      <c r="E627" cm="1">
        <f t="array" ref="E627">IFERROR(INDEX(Jesper!AI$2:AI$366,ROUNDDOWN($C627/24,0)+1,1)*INDEX($D$3:$AA$30,INDEX(Jesper!$R$2:$R$366,ROW(INDEX(Jesper!AI$2:AI$366,ROUNDDOWN($C627/24,0)+1,1))-1)+IF('Standard Profiles'!$G$19=$B$10,7,0)+IF('Standard Profiles'!$G$19=$B$17,14,0)+IF('Standard Profiles'!$G$19=$B$24,21,0),MOD($C627,24)+1)/SUM(INDEX($D$3:$AA$30,INDEX(Jesper!$R$2:$R$366,ROW(INDEX(Jesper!AI$2:AI$366,ROUNDDOWN($C627/24,0)+1,1))-1)+IF('Standard Profiles'!$G$19=$B$10,7,0)+IF('Standard Profiles'!$G$19=$B$17,14,0)+IF('Standard Profiles'!$G$19=$B$24,21,0),0)),0)</f>
        <v>0</v>
      </c>
      <c r="F627" cm="1">
        <f t="array" ref="F627">IFERROR(INDEX(Jesper!AJ$2:AJ$366,ROUNDDOWN($C627/24,0)+1,1)*INDEX($D$3:$AA$30,INDEX(Jesper!$R$2:$R$366,ROW(INDEX(Jesper!AJ$2:AJ$366,ROUNDDOWN($C627/24,0)+1,1))-1)+IF('Standard Profiles'!$G$20=$B$10,7,0)+IF('Standard Profiles'!$G$20=$B$17,14,0)+IF('Standard Profiles'!$G$20=$B$24,21,0),MOD($C627,24)+1)/SUM(INDEX($D$3:$AA$30,INDEX(Jesper!$R$2:$R$366,ROW(INDEX(Jesper!AJ$2:AJ$366,ROUNDDOWN($C627/24,0)+1,1))-1)+IF('Standard Profiles'!$G$20=$B$10,7,0)+IF('Standard Profiles'!$G$20=$B$17,14,0)+IF('Standard Profiles'!$G$20=$B$24,21,0),0)),0)</f>
        <v>0</v>
      </c>
      <c r="G627" cm="1">
        <f t="array" ref="G627">IFERROR(INDEX(Jesper!AK$2:AK$366,ROUNDDOWN($C627/24,0)+1,1)*INDEX($D$3:$AA$30,INDEX(Jesper!$R$2:$R$366,ROW(INDEX(Jesper!AK$2:AK$366,ROUNDDOWN($C627/24,0)+1,1))-1)+IF('Standard Profiles'!$G$21=$B$10,7,0)+IF('Standard Profiles'!$G$21=$B$17,14,0)+IF('Standard Profiles'!$G$21=$B$24,21,0),MOD($C627,24)+1)/SUM(INDEX($D$3:$AA$30,INDEX(Jesper!$R$2:$R$366,ROW(INDEX(Jesper!AK$2:AK$366,ROUNDDOWN($C627/24,0)+1,1))-1)+IF('Standard Profiles'!$G$21=$B$10,7,0)+IF('Standard Profiles'!$G$21=$B$17,14,0)+IF('Standard Profiles'!$G$21=$B$24,21,0),0)),0)</f>
        <v>0</v>
      </c>
      <c r="H627" cm="1">
        <f t="array" ref="H627">IFERROR(INDEX(Jesper!AL$2:AL$366,ROUNDDOWN($C627/24,0)+1,1)*INDEX($D$3:$AA$30,INDEX(Jesper!$R$2:$R$366,ROW(INDEX(Jesper!AL$2:AL$366,ROUNDDOWN($C627/24,0)+1,1))-1)+IF('Standard Profiles'!$G$22=$B$10,7,0)+IF('Standard Profiles'!$G$22=$B$17,14,0)+IF('Standard Profiles'!$G$22=$B$24,21,0),MOD($C627,24)+1)/SUM(INDEX($D$3:$AA$30,INDEX(Jesper!$R$2:$R$366,ROW(INDEX(Jesper!AL$2:AL$366,ROUNDDOWN($C627/24,0)+1,1))-1)+IF('Standard Profiles'!$G$22=$B$10,7,0)+IF('Standard Profiles'!$G$22=$B$17,14,0)+IF('Standard Profiles'!$G$22=$B$24,21,0),0)),0)</f>
        <v>0</v>
      </c>
      <c r="I627">
        <f t="shared" si="83"/>
        <v>0.44188001889945155</v>
      </c>
      <c r="J627">
        <f t="shared" si="84"/>
        <v>1.4729333963315054</v>
      </c>
      <c r="K627">
        <f t="shared" si="85"/>
        <v>2.209400094497258</v>
      </c>
      <c r="L627">
        <f t="shared" si="86"/>
        <v>10.605120453586839</v>
      </c>
      <c r="M627">
        <f t="shared" si="87"/>
        <v>0</v>
      </c>
      <c r="N627" s="46">
        <f t="shared" si="88"/>
        <v>45316.708333331895</v>
      </c>
    </row>
    <row r="628" spans="2:14" x14ac:dyDescent="0.3">
      <c r="B628">
        <f t="shared" si="82"/>
        <v>4</v>
      </c>
      <c r="C628" s="16">
        <v>594</v>
      </c>
      <c r="D628" cm="1">
        <f t="array" ref="D628">IFERROR(INDEX(Jesper!AH$2:AH$366,ROUNDDOWN($C628/24,0)+1,1)*INDEX($D$3:$AA$30,INDEX(Jesper!$R$2:$R$366,ROW(INDEX(Jesper!AH$2:AH$366,ROUNDDOWN($C628/24,0)+1,1))-1)+IF('Standard Profiles'!$G$18=$B$10,7,0)+IF('Standard Profiles'!$G$18=$B$17,14,0)+IF('Standard Profiles'!$G$18=$B$24,21,0),MOD($C628,24)+1)/SUM(INDEX($D$3:$AA$30,INDEX(Jesper!$R$2:$R$366,ROW(INDEX(Jesper!AH$2:AH$366,ROUNDDOWN($C628/24,0)+1,1))-1)+IF('Standard Profiles'!$G$18=$B$10,7,0)+IF('Standard Profiles'!$G$18=$B$17,14,0)+IF('Standard Profiles'!$G$18=$B$24,21,0),0)),0)</f>
        <v>14.729333963315053</v>
      </c>
      <c r="E628" cm="1">
        <f t="array" ref="E628">IFERROR(INDEX(Jesper!AI$2:AI$366,ROUNDDOWN($C628/24,0)+1,1)*INDEX($D$3:$AA$30,INDEX(Jesper!$R$2:$R$366,ROW(INDEX(Jesper!AI$2:AI$366,ROUNDDOWN($C628/24,0)+1,1))-1)+IF('Standard Profiles'!$G$19=$B$10,7,0)+IF('Standard Profiles'!$G$19=$B$17,14,0)+IF('Standard Profiles'!$G$19=$B$24,21,0),MOD($C628,24)+1)/SUM(INDEX($D$3:$AA$30,INDEX(Jesper!$R$2:$R$366,ROW(INDEX(Jesper!AI$2:AI$366,ROUNDDOWN($C628/24,0)+1,1))-1)+IF('Standard Profiles'!$G$19=$B$10,7,0)+IF('Standard Profiles'!$G$19=$B$17,14,0)+IF('Standard Profiles'!$G$19=$B$24,21,0),0)),0)</f>
        <v>0</v>
      </c>
      <c r="F628" cm="1">
        <f t="array" ref="F628">IFERROR(INDEX(Jesper!AJ$2:AJ$366,ROUNDDOWN($C628/24,0)+1,1)*INDEX($D$3:$AA$30,INDEX(Jesper!$R$2:$R$366,ROW(INDEX(Jesper!AJ$2:AJ$366,ROUNDDOWN($C628/24,0)+1,1))-1)+IF('Standard Profiles'!$G$20=$B$10,7,0)+IF('Standard Profiles'!$G$20=$B$17,14,0)+IF('Standard Profiles'!$G$20=$B$24,21,0),MOD($C628,24)+1)/SUM(INDEX($D$3:$AA$30,INDEX(Jesper!$R$2:$R$366,ROW(INDEX(Jesper!AJ$2:AJ$366,ROUNDDOWN($C628/24,0)+1,1))-1)+IF('Standard Profiles'!$G$20=$B$10,7,0)+IF('Standard Profiles'!$G$20=$B$17,14,0)+IF('Standard Profiles'!$G$20=$B$24,21,0),0)),0)</f>
        <v>0</v>
      </c>
      <c r="G628" cm="1">
        <f t="array" ref="G628">IFERROR(INDEX(Jesper!AK$2:AK$366,ROUNDDOWN($C628/24,0)+1,1)*INDEX($D$3:$AA$30,INDEX(Jesper!$R$2:$R$366,ROW(INDEX(Jesper!AK$2:AK$366,ROUNDDOWN($C628/24,0)+1,1))-1)+IF('Standard Profiles'!$G$21=$B$10,7,0)+IF('Standard Profiles'!$G$21=$B$17,14,0)+IF('Standard Profiles'!$G$21=$B$24,21,0),MOD($C628,24)+1)/SUM(INDEX($D$3:$AA$30,INDEX(Jesper!$R$2:$R$366,ROW(INDEX(Jesper!AK$2:AK$366,ROUNDDOWN($C628/24,0)+1,1))-1)+IF('Standard Profiles'!$G$21=$B$10,7,0)+IF('Standard Profiles'!$G$21=$B$17,14,0)+IF('Standard Profiles'!$G$21=$B$24,21,0),0)),0)</f>
        <v>0</v>
      </c>
      <c r="H628" cm="1">
        <f t="array" ref="H628">IFERROR(INDEX(Jesper!AL$2:AL$366,ROUNDDOWN($C628/24,0)+1,1)*INDEX($D$3:$AA$30,INDEX(Jesper!$R$2:$R$366,ROW(INDEX(Jesper!AL$2:AL$366,ROUNDDOWN($C628/24,0)+1,1))-1)+IF('Standard Profiles'!$G$22=$B$10,7,0)+IF('Standard Profiles'!$G$22=$B$17,14,0)+IF('Standard Profiles'!$G$22=$B$24,21,0),MOD($C628,24)+1)/SUM(INDEX($D$3:$AA$30,INDEX(Jesper!$R$2:$R$366,ROW(INDEX(Jesper!AL$2:AL$366,ROUNDDOWN($C628/24,0)+1,1))-1)+IF('Standard Profiles'!$G$22=$B$10,7,0)+IF('Standard Profiles'!$G$22=$B$17,14,0)+IF('Standard Profiles'!$G$22=$B$24,21,0),0)),0)</f>
        <v>0</v>
      </c>
      <c r="I628">
        <f t="shared" si="83"/>
        <v>0.44188001889945155</v>
      </c>
      <c r="J628">
        <f t="shared" si="84"/>
        <v>1.4729333963315054</v>
      </c>
      <c r="K628">
        <f t="shared" si="85"/>
        <v>2.209400094497258</v>
      </c>
      <c r="L628">
        <f t="shared" si="86"/>
        <v>10.605120453586839</v>
      </c>
      <c r="M628">
        <f t="shared" si="87"/>
        <v>0</v>
      </c>
      <c r="N628" s="46">
        <f t="shared" si="88"/>
        <v>45316.749999998559</v>
      </c>
    </row>
    <row r="629" spans="2:14" x14ac:dyDescent="0.3">
      <c r="B629">
        <f t="shared" si="82"/>
        <v>4</v>
      </c>
      <c r="C629" s="16">
        <v>595</v>
      </c>
      <c r="D629" cm="1">
        <f t="array" ref="D629">IFERROR(INDEX(Jesper!AH$2:AH$366,ROUNDDOWN($C629/24,0)+1,1)*INDEX($D$3:$AA$30,INDEX(Jesper!$R$2:$R$366,ROW(INDEX(Jesper!AH$2:AH$366,ROUNDDOWN($C629/24,0)+1,1))-1)+IF('Standard Profiles'!$G$18=$B$10,7,0)+IF('Standard Profiles'!$G$18=$B$17,14,0)+IF('Standard Profiles'!$G$18=$B$24,21,0),MOD($C629,24)+1)/SUM(INDEX($D$3:$AA$30,INDEX(Jesper!$R$2:$R$366,ROW(INDEX(Jesper!AH$2:AH$366,ROUNDDOWN($C629/24,0)+1,1))-1)+IF('Standard Profiles'!$G$18=$B$10,7,0)+IF('Standard Profiles'!$G$18=$B$17,14,0)+IF('Standard Profiles'!$G$18=$B$24,21,0),0)),0)</f>
        <v>12.274444969429211</v>
      </c>
      <c r="E629" cm="1">
        <f t="array" ref="E629">IFERROR(INDEX(Jesper!AI$2:AI$366,ROUNDDOWN($C629/24,0)+1,1)*INDEX($D$3:$AA$30,INDEX(Jesper!$R$2:$R$366,ROW(INDEX(Jesper!AI$2:AI$366,ROUNDDOWN($C629/24,0)+1,1))-1)+IF('Standard Profiles'!$G$19=$B$10,7,0)+IF('Standard Profiles'!$G$19=$B$17,14,0)+IF('Standard Profiles'!$G$19=$B$24,21,0),MOD($C629,24)+1)/SUM(INDEX($D$3:$AA$30,INDEX(Jesper!$R$2:$R$366,ROW(INDEX(Jesper!AI$2:AI$366,ROUNDDOWN($C629/24,0)+1,1))-1)+IF('Standard Profiles'!$G$19=$B$10,7,0)+IF('Standard Profiles'!$G$19=$B$17,14,0)+IF('Standard Profiles'!$G$19=$B$24,21,0),0)),0)</f>
        <v>0</v>
      </c>
      <c r="F629" cm="1">
        <f t="array" ref="F629">IFERROR(INDEX(Jesper!AJ$2:AJ$366,ROUNDDOWN($C629/24,0)+1,1)*INDEX($D$3:$AA$30,INDEX(Jesper!$R$2:$R$366,ROW(INDEX(Jesper!AJ$2:AJ$366,ROUNDDOWN($C629/24,0)+1,1))-1)+IF('Standard Profiles'!$G$20=$B$10,7,0)+IF('Standard Profiles'!$G$20=$B$17,14,0)+IF('Standard Profiles'!$G$20=$B$24,21,0),MOD($C629,24)+1)/SUM(INDEX($D$3:$AA$30,INDEX(Jesper!$R$2:$R$366,ROW(INDEX(Jesper!AJ$2:AJ$366,ROUNDDOWN($C629/24,0)+1,1))-1)+IF('Standard Profiles'!$G$20=$B$10,7,0)+IF('Standard Profiles'!$G$20=$B$17,14,0)+IF('Standard Profiles'!$G$20=$B$24,21,0),0)),0)</f>
        <v>0</v>
      </c>
      <c r="G629" cm="1">
        <f t="array" ref="G629">IFERROR(INDEX(Jesper!AK$2:AK$366,ROUNDDOWN($C629/24,0)+1,1)*INDEX($D$3:$AA$30,INDEX(Jesper!$R$2:$R$366,ROW(INDEX(Jesper!AK$2:AK$366,ROUNDDOWN($C629/24,0)+1,1))-1)+IF('Standard Profiles'!$G$21=$B$10,7,0)+IF('Standard Profiles'!$G$21=$B$17,14,0)+IF('Standard Profiles'!$G$21=$B$24,21,0),MOD($C629,24)+1)/SUM(INDEX($D$3:$AA$30,INDEX(Jesper!$R$2:$R$366,ROW(INDEX(Jesper!AK$2:AK$366,ROUNDDOWN($C629/24,0)+1,1))-1)+IF('Standard Profiles'!$G$21=$B$10,7,0)+IF('Standard Profiles'!$G$21=$B$17,14,0)+IF('Standard Profiles'!$G$21=$B$24,21,0),0)),0)</f>
        <v>0</v>
      </c>
      <c r="H629" cm="1">
        <f t="array" ref="H629">IFERROR(INDEX(Jesper!AL$2:AL$366,ROUNDDOWN($C629/24,0)+1,1)*INDEX($D$3:$AA$30,INDEX(Jesper!$R$2:$R$366,ROW(INDEX(Jesper!AL$2:AL$366,ROUNDDOWN($C629/24,0)+1,1))-1)+IF('Standard Profiles'!$G$22=$B$10,7,0)+IF('Standard Profiles'!$G$22=$B$17,14,0)+IF('Standard Profiles'!$G$22=$B$24,21,0),MOD($C629,24)+1)/SUM(INDEX($D$3:$AA$30,INDEX(Jesper!$R$2:$R$366,ROW(INDEX(Jesper!AL$2:AL$366,ROUNDDOWN($C629/24,0)+1,1))-1)+IF('Standard Profiles'!$G$22=$B$10,7,0)+IF('Standard Profiles'!$G$22=$B$17,14,0)+IF('Standard Profiles'!$G$22=$B$24,21,0),0)),0)</f>
        <v>0</v>
      </c>
      <c r="I629">
        <f t="shared" si="83"/>
        <v>0.3682333490828763</v>
      </c>
      <c r="J629">
        <f t="shared" si="84"/>
        <v>1.2274444969429212</v>
      </c>
      <c r="K629">
        <f t="shared" si="85"/>
        <v>1.8411667454143816</v>
      </c>
      <c r="L629">
        <f t="shared" si="86"/>
        <v>8.8376003779890322</v>
      </c>
      <c r="M629">
        <f t="shared" si="87"/>
        <v>0</v>
      </c>
      <c r="N629" s="46">
        <f t="shared" si="88"/>
        <v>45316.791666665224</v>
      </c>
    </row>
    <row r="630" spans="2:14" x14ac:dyDescent="0.3">
      <c r="B630">
        <f t="shared" si="82"/>
        <v>4</v>
      </c>
      <c r="C630" s="16">
        <v>596</v>
      </c>
      <c r="D630" cm="1">
        <f t="array" ref="D630">IFERROR(INDEX(Jesper!AH$2:AH$366,ROUNDDOWN($C630/24,0)+1,1)*INDEX($D$3:$AA$30,INDEX(Jesper!$R$2:$R$366,ROW(INDEX(Jesper!AH$2:AH$366,ROUNDDOWN($C630/24,0)+1,1))-1)+IF('Standard Profiles'!$G$18=$B$10,7,0)+IF('Standard Profiles'!$G$18=$B$17,14,0)+IF('Standard Profiles'!$G$18=$B$24,21,0),MOD($C630,24)+1)/SUM(INDEX($D$3:$AA$30,INDEX(Jesper!$R$2:$R$366,ROW(INDEX(Jesper!AH$2:AH$366,ROUNDDOWN($C630/24,0)+1,1))-1)+IF('Standard Profiles'!$G$18=$B$10,7,0)+IF('Standard Profiles'!$G$18=$B$17,14,0)+IF('Standard Profiles'!$G$18=$B$24,21,0),0)),0)</f>
        <v>9.8195559755433699</v>
      </c>
      <c r="E630" cm="1">
        <f t="array" ref="E630">IFERROR(INDEX(Jesper!AI$2:AI$366,ROUNDDOWN($C630/24,0)+1,1)*INDEX($D$3:$AA$30,INDEX(Jesper!$R$2:$R$366,ROW(INDEX(Jesper!AI$2:AI$366,ROUNDDOWN($C630/24,0)+1,1))-1)+IF('Standard Profiles'!$G$19=$B$10,7,0)+IF('Standard Profiles'!$G$19=$B$17,14,0)+IF('Standard Profiles'!$G$19=$B$24,21,0),MOD($C630,24)+1)/SUM(INDEX($D$3:$AA$30,INDEX(Jesper!$R$2:$R$366,ROW(INDEX(Jesper!AI$2:AI$366,ROUNDDOWN($C630/24,0)+1,1))-1)+IF('Standard Profiles'!$G$19=$B$10,7,0)+IF('Standard Profiles'!$G$19=$B$17,14,0)+IF('Standard Profiles'!$G$19=$B$24,21,0),0)),0)</f>
        <v>0</v>
      </c>
      <c r="F630" cm="1">
        <f t="array" ref="F630">IFERROR(INDEX(Jesper!AJ$2:AJ$366,ROUNDDOWN($C630/24,0)+1,1)*INDEX($D$3:$AA$30,INDEX(Jesper!$R$2:$R$366,ROW(INDEX(Jesper!AJ$2:AJ$366,ROUNDDOWN($C630/24,0)+1,1))-1)+IF('Standard Profiles'!$G$20=$B$10,7,0)+IF('Standard Profiles'!$G$20=$B$17,14,0)+IF('Standard Profiles'!$G$20=$B$24,21,0),MOD($C630,24)+1)/SUM(INDEX($D$3:$AA$30,INDEX(Jesper!$R$2:$R$366,ROW(INDEX(Jesper!AJ$2:AJ$366,ROUNDDOWN($C630/24,0)+1,1))-1)+IF('Standard Profiles'!$G$20=$B$10,7,0)+IF('Standard Profiles'!$G$20=$B$17,14,0)+IF('Standard Profiles'!$G$20=$B$24,21,0),0)),0)</f>
        <v>0</v>
      </c>
      <c r="G630" cm="1">
        <f t="array" ref="G630">IFERROR(INDEX(Jesper!AK$2:AK$366,ROUNDDOWN($C630/24,0)+1,1)*INDEX($D$3:$AA$30,INDEX(Jesper!$R$2:$R$366,ROW(INDEX(Jesper!AK$2:AK$366,ROUNDDOWN($C630/24,0)+1,1))-1)+IF('Standard Profiles'!$G$21=$B$10,7,0)+IF('Standard Profiles'!$G$21=$B$17,14,0)+IF('Standard Profiles'!$G$21=$B$24,21,0),MOD($C630,24)+1)/SUM(INDEX($D$3:$AA$30,INDEX(Jesper!$R$2:$R$366,ROW(INDEX(Jesper!AK$2:AK$366,ROUNDDOWN($C630/24,0)+1,1))-1)+IF('Standard Profiles'!$G$21=$B$10,7,0)+IF('Standard Profiles'!$G$21=$B$17,14,0)+IF('Standard Profiles'!$G$21=$B$24,21,0),0)),0)</f>
        <v>0</v>
      </c>
      <c r="H630" cm="1">
        <f t="array" ref="H630">IFERROR(INDEX(Jesper!AL$2:AL$366,ROUNDDOWN($C630/24,0)+1,1)*INDEX($D$3:$AA$30,INDEX(Jesper!$R$2:$R$366,ROW(INDEX(Jesper!AL$2:AL$366,ROUNDDOWN($C630/24,0)+1,1))-1)+IF('Standard Profiles'!$G$22=$B$10,7,0)+IF('Standard Profiles'!$G$22=$B$17,14,0)+IF('Standard Profiles'!$G$22=$B$24,21,0),MOD($C630,24)+1)/SUM(INDEX($D$3:$AA$30,INDEX(Jesper!$R$2:$R$366,ROW(INDEX(Jesper!AL$2:AL$366,ROUNDDOWN($C630/24,0)+1,1))-1)+IF('Standard Profiles'!$G$22=$B$10,7,0)+IF('Standard Profiles'!$G$22=$B$17,14,0)+IF('Standard Profiles'!$G$22=$B$24,21,0),0)),0)</f>
        <v>0</v>
      </c>
      <c r="I630">
        <f t="shared" si="83"/>
        <v>0.29458667926630111</v>
      </c>
      <c r="J630">
        <f t="shared" si="84"/>
        <v>0.98195559755433703</v>
      </c>
      <c r="K630">
        <f t="shared" si="85"/>
        <v>1.4729333963315054</v>
      </c>
      <c r="L630">
        <f t="shared" si="86"/>
        <v>7.0700803023912258</v>
      </c>
      <c r="M630">
        <f t="shared" si="87"/>
        <v>0</v>
      </c>
      <c r="N630" s="46">
        <f t="shared" si="88"/>
        <v>45316.833333331888</v>
      </c>
    </row>
    <row r="631" spans="2:14" x14ac:dyDescent="0.3">
      <c r="B631">
        <f t="shared" si="82"/>
        <v>4</v>
      </c>
      <c r="C631" s="16">
        <v>597</v>
      </c>
      <c r="D631" cm="1">
        <f t="array" ref="D631">IFERROR(INDEX(Jesper!AH$2:AH$366,ROUNDDOWN($C631/24,0)+1,1)*INDEX($D$3:$AA$30,INDEX(Jesper!$R$2:$R$366,ROW(INDEX(Jesper!AH$2:AH$366,ROUNDDOWN($C631/24,0)+1,1))-1)+IF('Standard Profiles'!$G$18=$B$10,7,0)+IF('Standard Profiles'!$G$18=$B$17,14,0)+IF('Standard Profiles'!$G$18=$B$24,21,0),MOD($C631,24)+1)/SUM(INDEX($D$3:$AA$30,INDEX(Jesper!$R$2:$R$366,ROW(INDEX(Jesper!AH$2:AH$366,ROUNDDOWN($C631/24,0)+1,1))-1)+IF('Standard Profiles'!$G$18=$B$10,7,0)+IF('Standard Profiles'!$G$18=$B$17,14,0)+IF('Standard Profiles'!$G$18=$B$24,21,0),0)),0)</f>
        <v>7.3646669816575265</v>
      </c>
      <c r="E631" cm="1">
        <f t="array" ref="E631">IFERROR(INDEX(Jesper!AI$2:AI$366,ROUNDDOWN($C631/24,0)+1,1)*INDEX($D$3:$AA$30,INDEX(Jesper!$R$2:$R$366,ROW(INDEX(Jesper!AI$2:AI$366,ROUNDDOWN($C631/24,0)+1,1))-1)+IF('Standard Profiles'!$G$19=$B$10,7,0)+IF('Standard Profiles'!$G$19=$B$17,14,0)+IF('Standard Profiles'!$G$19=$B$24,21,0),MOD($C631,24)+1)/SUM(INDEX($D$3:$AA$30,INDEX(Jesper!$R$2:$R$366,ROW(INDEX(Jesper!AI$2:AI$366,ROUNDDOWN($C631/24,0)+1,1))-1)+IF('Standard Profiles'!$G$19=$B$10,7,0)+IF('Standard Profiles'!$G$19=$B$17,14,0)+IF('Standard Profiles'!$G$19=$B$24,21,0),0)),0)</f>
        <v>0</v>
      </c>
      <c r="F631" cm="1">
        <f t="array" ref="F631">IFERROR(INDEX(Jesper!AJ$2:AJ$366,ROUNDDOWN($C631/24,0)+1,1)*INDEX($D$3:$AA$30,INDEX(Jesper!$R$2:$R$366,ROW(INDEX(Jesper!AJ$2:AJ$366,ROUNDDOWN($C631/24,0)+1,1))-1)+IF('Standard Profiles'!$G$20=$B$10,7,0)+IF('Standard Profiles'!$G$20=$B$17,14,0)+IF('Standard Profiles'!$G$20=$B$24,21,0),MOD($C631,24)+1)/SUM(INDEX($D$3:$AA$30,INDEX(Jesper!$R$2:$R$366,ROW(INDEX(Jesper!AJ$2:AJ$366,ROUNDDOWN($C631/24,0)+1,1))-1)+IF('Standard Profiles'!$G$20=$B$10,7,0)+IF('Standard Profiles'!$G$20=$B$17,14,0)+IF('Standard Profiles'!$G$20=$B$24,21,0),0)),0)</f>
        <v>0</v>
      </c>
      <c r="G631" cm="1">
        <f t="array" ref="G631">IFERROR(INDEX(Jesper!AK$2:AK$366,ROUNDDOWN($C631/24,0)+1,1)*INDEX($D$3:$AA$30,INDEX(Jesper!$R$2:$R$366,ROW(INDEX(Jesper!AK$2:AK$366,ROUNDDOWN($C631/24,0)+1,1))-1)+IF('Standard Profiles'!$G$21=$B$10,7,0)+IF('Standard Profiles'!$G$21=$B$17,14,0)+IF('Standard Profiles'!$G$21=$B$24,21,0),MOD($C631,24)+1)/SUM(INDEX($D$3:$AA$30,INDEX(Jesper!$R$2:$R$366,ROW(INDEX(Jesper!AK$2:AK$366,ROUNDDOWN($C631/24,0)+1,1))-1)+IF('Standard Profiles'!$G$21=$B$10,7,0)+IF('Standard Profiles'!$G$21=$B$17,14,0)+IF('Standard Profiles'!$G$21=$B$24,21,0),0)),0)</f>
        <v>0</v>
      </c>
      <c r="H631" cm="1">
        <f t="array" ref="H631">IFERROR(INDEX(Jesper!AL$2:AL$366,ROUNDDOWN($C631/24,0)+1,1)*INDEX($D$3:$AA$30,INDEX(Jesper!$R$2:$R$366,ROW(INDEX(Jesper!AL$2:AL$366,ROUNDDOWN($C631/24,0)+1,1))-1)+IF('Standard Profiles'!$G$22=$B$10,7,0)+IF('Standard Profiles'!$G$22=$B$17,14,0)+IF('Standard Profiles'!$G$22=$B$24,21,0),MOD($C631,24)+1)/SUM(INDEX($D$3:$AA$30,INDEX(Jesper!$R$2:$R$366,ROW(INDEX(Jesper!AL$2:AL$366,ROUNDDOWN($C631/24,0)+1,1))-1)+IF('Standard Profiles'!$G$22=$B$10,7,0)+IF('Standard Profiles'!$G$22=$B$17,14,0)+IF('Standard Profiles'!$G$22=$B$24,21,0),0)),0)</f>
        <v>0</v>
      </c>
      <c r="I631">
        <f t="shared" si="83"/>
        <v>0.22094000944972578</v>
      </c>
      <c r="J631">
        <f t="shared" si="84"/>
        <v>0.73646669816575272</v>
      </c>
      <c r="K631">
        <f t="shared" si="85"/>
        <v>1.104700047248629</v>
      </c>
      <c r="L631">
        <f t="shared" si="86"/>
        <v>5.3025602267934193</v>
      </c>
      <c r="M631">
        <f t="shared" si="87"/>
        <v>0</v>
      </c>
      <c r="N631" s="46">
        <f t="shared" si="88"/>
        <v>45316.874999998552</v>
      </c>
    </row>
    <row r="632" spans="2:14" x14ac:dyDescent="0.3">
      <c r="B632">
        <f t="shared" si="82"/>
        <v>4</v>
      </c>
      <c r="C632" s="16">
        <v>598</v>
      </c>
      <c r="D632" cm="1">
        <f t="array" ref="D632">IFERROR(INDEX(Jesper!AH$2:AH$366,ROUNDDOWN($C632/24,0)+1,1)*INDEX($D$3:$AA$30,INDEX(Jesper!$R$2:$R$366,ROW(INDEX(Jesper!AH$2:AH$366,ROUNDDOWN($C632/24,0)+1,1))-1)+IF('Standard Profiles'!$G$18=$B$10,7,0)+IF('Standard Profiles'!$G$18=$B$17,14,0)+IF('Standard Profiles'!$G$18=$B$24,21,0),MOD($C632,24)+1)/SUM(INDEX($D$3:$AA$30,INDEX(Jesper!$R$2:$R$366,ROW(INDEX(Jesper!AH$2:AH$366,ROUNDDOWN($C632/24,0)+1,1))-1)+IF('Standard Profiles'!$G$18=$B$10,7,0)+IF('Standard Profiles'!$G$18=$B$17,14,0)+IF('Standard Profiles'!$G$18=$B$24,21,0),0)),0)</f>
        <v>7.3646669816575265</v>
      </c>
      <c r="E632" cm="1">
        <f t="array" ref="E632">IFERROR(INDEX(Jesper!AI$2:AI$366,ROUNDDOWN($C632/24,0)+1,1)*INDEX($D$3:$AA$30,INDEX(Jesper!$R$2:$R$366,ROW(INDEX(Jesper!AI$2:AI$366,ROUNDDOWN($C632/24,0)+1,1))-1)+IF('Standard Profiles'!$G$19=$B$10,7,0)+IF('Standard Profiles'!$G$19=$B$17,14,0)+IF('Standard Profiles'!$G$19=$B$24,21,0),MOD($C632,24)+1)/SUM(INDEX($D$3:$AA$30,INDEX(Jesper!$R$2:$R$366,ROW(INDEX(Jesper!AI$2:AI$366,ROUNDDOWN($C632/24,0)+1,1))-1)+IF('Standard Profiles'!$G$19=$B$10,7,0)+IF('Standard Profiles'!$G$19=$B$17,14,0)+IF('Standard Profiles'!$G$19=$B$24,21,0),0)),0)</f>
        <v>0</v>
      </c>
      <c r="F632" cm="1">
        <f t="array" ref="F632">IFERROR(INDEX(Jesper!AJ$2:AJ$366,ROUNDDOWN($C632/24,0)+1,1)*INDEX($D$3:$AA$30,INDEX(Jesper!$R$2:$R$366,ROW(INDEX(Jesper!AJ$2:AJ$366,ROUNDDOWN($C632/24,0)+1,1))-1)+IF('Standard Profiles'!$G$20=$B$10,7,0)+IF('Standard Profiles'!$G$20=$B$17,14,0)+IF('Standard Profiles'!$G$20=$B$24,21,0),MOD($C632,24)+1)/SUM(INDEX($D$3:$AA$30,INDEX(Jesper!$R$2:$R$366,ROW(INDEX(Jesper!AJ$2:AJ$366,ROUNDDOWN($C632/24,0)+1,1))-1)+IF('Standard Profiles'!$G$20=$B$10,7,0)+IF('Standard Profiles'!$G$20=$B$17,14,0)+IF('Standard Profiles'!$G$20=$B$24,21,0),0)),0)</f>
        <v>0</v>
      </c>
      <c r="G632" cm="1">
        <f t="array" ref="G632">IFERROR(INDEX(Jesper!AK$2:AK$366,ROUNDDOWN($C632/24,0)+1,1)*INDEX($D$3:$AA$30,INDEX(Jesper!$R$2:$R$366,ROW(INDEX(Jesper!AK$2:AK$366,ROUNDDOWN($C632/24,0)+1,1))-1)+IF('Standard Profiles'!$G$21=$B$10,7,0)+IF('Standard Profiles'!$G$21=$B$17,14,0)+IF('Standard Profiles'!$G$21=$B$24,21,0),MOD($C632,24)+1)/SUM(INDEX($D$3:$AA$30,INDEX(Jesper!$R$2:$R$366,ROW(INDEX(Jesper!AK$2:AK$366,ROUNDDOWN($C632/24,0)+1,1))-1)+IF('Standard Profiles'!$G$21=$B$10,7,0)+IF('Standard Profiles'!$G$21=$B$17,14,0)+IF('Standard Profiles'!$G$21=$B$24,21,0),0)),0)</f>
        <v>0</v>
      </c>
      <c r="H632" cm="1">
        <f t="array" ref="H632">IFERROR(INDEX(Jesper!AL$2:AL$366,ROUNDDOWN($C632/24,0)+1,1)*INDEX($D$3:$AA$30,INDEX(Jesper!$R$2:$R$366,ROW(INDEX(Jesper!AL$2:AL$366,ROUNDDOWN($C632/24,0)+1,1))-1)+IF('Standard Profiles'!$G$22=$B$10,7,0)+IF('Standard Profiles'!$G$22=$B$17,14,0)+IF('Standard Profiles'!$G$22=$B$24,21,0),MOD($C632,24)+1)/SUM(INDEX($D$3:$AA$30,INDEX(Jesper!$R$2:$R$366,ROW(INDEX(Jesper!AL$2:AL$366,ROUNDDOWN($C632/24,0)+1,1))-1)+IF('Standard Profiles'!$G$22=$B$10,7,0)+IF('Standard Profiles'!$G$22=$B$17,14,0)+IF('Standard Profiles'!$G$22=$B$24,21,0),0)),0)</f>
        <v>0</v>
      </c>
      <c r="I632">
        <f t="shared" si="83"/>
        <v>0.22094000944972578</v>
      </c>
      <c r="J632">
        <f t="shared" si="84"/>
        <v>0.73646669816575272</v>
      </c>
      <c r="K632">
        <f t="shared" si="85"/>
        <v>1.104700047248629</v>
      </c>
      <c r="L632">
        <f t="shared" si="86"/>
        <v>5.3025602267934193</v>
      </c>
      <c r="M632">
        <f t="shared" si="87"/>
        <v>0</v>
      </c>
      <c r="N632" s="46">
        <f t="shared" si="88"/>
        <v>45316.916666665216</v>
      </c>
    </row>
    <row r="633" spans="2:14" x14ac:dyDescent="0.3">
      <c r="B633">
        <f t="shared" si="82"/>
        <v>4</v>
      </c>
      <c r="C633" s="16">
        <v>599</v>
      </c>
      <c r="D633" cm="1">
        <f t="array" ref="D633">IFERROR(INDEX(Jesper!AH$2:AH$366,ROUNDDOWN($C633/24,0)+1,1)*INDEX($D$3:$AA$30,INDEX(Jesper!$R$2:$R$366,ROW(INDEX(Jesper!AH$2:AH$366,ROUNDDOWN($C633/24,0)+1,1))-1)+IF('Standard Profiles'!$G$18=$B$10,7,0)+IF('Standard Profiles'!$G$18=$B$17,14,0)+IF('Standard Profiles'!$G$18=$B$24,21,0),MOD($C633,24)+1)/SUM(INDEX($D$3:$AA$30,INDEX(Jesper!$R$2:$R$366,ROW(INDEX(Jesper!AH$2:AH$366,ROUNDDOWN($C633/24,0)+1,1))-1)+IF('Standard Profiles'!$G$18=$B$10,7,0)+IF('Standard Profiles'!$G$18=$B$17,14,0)+IF('Standard Profiles'!$G$18=$B$24,21,0),0)),0)</f>
        <v>7.3646669816575265</v>
      </c>
      <c r="E633" cm="1">
        <f t="array" ref="E633">IFERROR(INDEX(Jesper!AI$2:AI$366,ROUNDDOWN($C633/24,0)+1,1)*INDEX($D$3:$AA$30,INDEX(Jesper!$R$2:$R$366,ROW(INDEX(Jesper!AI$2:AI$366,ROUNDDOWN($C633/24,0)+1,1))-1)+IF('Standard Profiles'!$G$19=$B$10,7,0)+IF('Standard Profiles'!$G$19=$B$17,14,0)+IF('Standard Profiles'!$G$19=$B$24,21,0),MOD($C633,24)+1)/SUM(INDEX($D$3:$AA$30,INDEX(Jesper!$R$2:$R$366,ROW(INDEX(Jesper!AI$2:AI$366,ROUNDDOWN($C633/24,0)+1,1))-1)+IF('Standard Profiles'!$G$19=$B$10,7,0)+IF('Standard Profiles'!$G$19=$B$17,14,0)+IF('Standard Profiles'!$G$19=$B$24,21,0),0)),0)</f>
        <v>0</v>
      </c>
      <c r="F633" cm="1">
        <f t="array" ref="F633">IFERROR(INDEX(Jesper!AJ$2:AJ$366,ROUNDDOWN($C633/24,0)+1,1)*INDEX($D$3:$AA$30,INDEX(Jesper!$R$2:$R$366,ROW(INDEX(Jesper!AJ$2:AJ$366,ROUNDDOWN($C633/24,0)+1,1))-1)+IF('Standard Profiles'!$G$20=$B$10,7,0)+IF('Standard Profiles'!$G$20=$B$17,14,0)+IF('Standard Profiles'!$G$20=$B$24,21,0),MOD($C633,24)+1)/SUM(INDEX($D$3:$AA$30,INDEX(Jesper!$R$2:$R$366,ROW(INDEX(Jesper!AJ$2:AJ$366,ROUNDDOWN($C633/24,0)+1,1))-1)+IF('Standard Profiles'!$G$20=$B$10,7,0)+IF('Standard Profiles'!$G$20=$B$17,14,0)+IF('Standard Profiles'!$G$20=$B$24,21,0),0)),0)</f>
        <v>0</v>
      </c>
      <c r="G633" cm="1">
        <f t="array" ref="G633">IFERROR(INDEX(Jesper!AK$2:AK$366,ROUNDDOWN($C633/24,0)+1,1)*INDEX($D$3:$AA$30,INDEX(Jesper!$R$2:$R$366,ROW(INDEX(Jesper!AK$2:AK$366,ROUNDDOWN($C633/24,0)+1,1))-1)+IF('Standard Profiles'!$G$21=$B$10,7,0)+IF('Standard Profiles'!$G$21=$B$17,14,0)+IF('Standard Profiles'!$G$21=$B$24,21,0),MOD($C633,24)+1)/SUM(INDEX($D$3:$AA$30,INDEX(Jesper!$R$2:$R$366,ROW(INDEX(Jesper!AK$2:AK$366,ROUNDDOWN($C633/24,0)+1,1))-1)+IF('Standard Profiles'!$G$21=$B$10,7,0)+IF('Standard Profiles'!$G$21=$B$17,14,0)+IF('Standard Profiles'!$G$21=$B$24,21,0),0)),0)</f>
        <v>0</v>
      </c>
      <c r="H633" cm="1">
        <f t="array" ref="H633">IFERROR(INDEX(Jesper!AL$2:AL$366,ROUNDDOWN($C633/24,0)+1,1)*INDEX($D$3:$AA$30,INDEX(Jesper!$R$2:$R$366,ROW(INDEX(Jesper!AL$2:AL$366,ROUNDDOWN($C633/24,0)+1,1))-1)+IF('Standard Profiles'!$G$22=$B$10,7,0)+IF('Standard Profiles'!$G$22=$B$17,14,0)+IF('Standard Profiles'!$G$22=$B$24,21,0),MOD($C633,24)+1)/SUM(INDEX($D$3:$AA$30,INDEX(Jesper!$R$2:$R$366,ROW(INDEX(Jesper!AL$2:AL$366,ROUNDDOWN($C633/24,0)+1,1))-1)+IF('Standard Profiles'!$G$22=$B$10,7,0)+IF('Standard Profiles'!$G$22=$B$17,14,0)+IF('Standard Profiles'!$G$22=$B$24,21,0),0)),0)</f>
        <v>0</v>
      </c>
      <c r="I633">
        <f t="shared" si="83"/>
        <v>0.22094000944972578</v>
      </c>
      <c r="J633">
        <f t="shared" si="84"/>
        <v>0.73646669816575272</v>
      </c>
      <c r="K633">
        <f t="shared" si="85"/>
        <v>1.104700047248629</v>
      </c>
      <c r="L633">
        <f t="shared" si="86"/>
        <v>5.3025602267934193</v>
      </c>
      <c r="M633">
        <f t="shared" si="87"/>
        <v>0</v>
      </c>
      <c r="N633" s="46">
        <f t="shared" si="88"/>
        <v>45316.958333331881</v>
      </c>
    </row>
    <row r="634" spans="2:14" x14ac:dyDescent="0.3">
      <c r="B634">
        <f t="shared" si="82"/>
        <v>5</v>
      </c>
      <c r="C634" s="16">
        <v>600</v>
      </c>
      <c r="D634" cm="1">
        <f t="array" ref="D634">IFERROR(INDEX(Jesper!AH$2:AH$366,ROUNDDOWN($C634/24,0)+1,1)*INDEX($D$3:$AA$30,INDEX(Jesper!$R$2:$R$366,ROW(INDEX(Jesper!AH$2:AH$366,ROUNDDOWN($C634/24,0)+1,1))-1)+IF('Standard Profiles'!$G$18=$B$10,7,0)+IF('Standard Profiles'!$G$18=$B$17,14,0)+IF('Standard Profiles'!$G$18=$B$24,21,0),MOD($C634,24)+1)/SUM(INDEX($D$3:$AA$30,INDEX(Jesper!$R$2:$R$366,ROW(INDEX(Jesper!AH$2:AH$366,ROUNDDOWN($C634/24,0)+1,1))-1)+IF('Standard Profiles'!$G$18=$B$10,7,0)+IF('Standard Profiles'!$G$18=$B$17,14,0)+IF('Standard Profiles'!$G$18=$B$24,21,0),0)),0)</f>
        <v>8.3900417473910878</v>
      </c>
      <c r="E634" cm="1">
        <f t="array" ref="E634">IFERROR(INDEX(Jesper!AI$2:AI$366,ROUNDDOWN($C634/24,0)+1,1)*INDEX($D$3:$AA$30,INDEX(Jesper!$R$2:$R$366,ROW(INDEX(Jesper!AI$2:AI$366,ROUNDDOWN($C634/24,0)+1,1))-1)+IF('Standard Profiles'!$G$19=$B$10,7,0)+IF('Standard Profiles'!$G$19=$B$17,14,0)+IF('Standard Profiles'!$G$19=$B$24,21,0),MOD($C634,24)+1)/SUM(INDEX($D$3:$AA$30,INDEX(Jesper!$R$2:$R$366,ROW(INDEX(Jesper!AI$2:AI$366,ROUNDDOWN($C634/24,0)+1,1))-1)+IF('Standard Profiles'!$G$19=$B$10,7,0)+IF('Standard Profiles'!$G$19=$B$17,14,0)+IF('Standard Profiles'!$G$19=$B$24,21,0),0)),0)</f>
        <v>0</v>
      </c>
      <c r="F634" cm="1">
        <f t="array" ref="F634">IFERROR(INDEX(Jesper!AJ$2:AJ$366,ROUNDDOWN($C634/24,0)+1,1)*INDEX($D$3:$AA$30,INDEX(Jesper!$R$2:$R$366,ROW(INDEX(Jesper!AJ$2:AJ$366,ROUNDDOWN($C634/24,0)+1,1))-1)+IF('Standard Profiles'!$G$20=$B$10,7,0)+IF('Standard Profiles'!$G$20=$B$17,14,0)+IF('Standard Profiles'!$G$20=$B$24,21,0),MOD($C634,24)+1)/SUM(INDEX($D$3:$AA$30,INDEX(Jesper!$R$2:$R$366,ROW(INDEX(Jesper!AJ$2:AJ$366,ROUNDDOWN($C634/24,0)+1,1))-1)+IF('Standard Profiles'!$G$20=$B$10,7,0)+IF('Standard Profiles'!$G$20=$B$17,14,0)+IF('Standard Profiles'!$G$20=$B$24,21,0),0)),0)</f>
        <v>0</v>
      </c>
      <c r="G634" cm="1">
        <f t="array" ref="G634">IFERROR(INDEX(Jesper!AK$2:AK$366,ROUNDDOWN($C634/24,0)+1,1)*INDEX($D$3:$AA$30,INDEX(Jesper!$R$2:$R$366,ROW(INDEX(Jesper!AK$2:AK$366,ROUNDDOWN($C634/24,0)+1,1))-1)+IF('Standard Profiles'!$G$21=$B$10,7,0)+IF('Standard Profiles'!$G$21=$B$17,14,0)+IF('Standard Profiles'!$G$21=$B$24,21,0),MOD($C634,24)+1)/SUM(INDEX($D$3:$AA$30,INDEX(Jesper!$R$2:$R$366,ROW(INDEX(Jesper!AK$2:AK$366,ROUNDDOWN($C634/24,0)+1,1))-1)+IF('Standard Profiles'!$G$21=$B$10,7,0)+IF('Standard Profiles'!$G$21=$B$17,14,0)+IF('Standard Profiles'!$G$21=$B$24,21,0),0)),0)</f>
        <v>0</v>
      </c>
      <c r="H634" cm="1">
        <f t="array" ref="H634">IFERROR(INDEX(Jesper!AL$2:AL$366,ROUNDDOWN($C634/24,0)+1,1)*INDEX($D$3:$AA$30,INDEX(Jesper!$R$2:$R$366,ROW(INDEX(Jesper!AL$2:AL$366,ROUNDDOWN($C634/24,0)+1,1))-1)+IF('Standard Profiles'!$G$22=$B$10,7,0)+IF('Standard Profiles'!$G$22=$B$17,14,0)+IF('Standard Profiles'!$G$22=$B$24,21,0),MOD($C634,24)+1)/SUM(INDEX($D$3:$AA$30,INDEX(Jesper!$R$2:$R$366,ROW(INDEX(Jesper!AL$2:AL$366,ROUNDDOWN($C634/24,0)+1,1))-1)+IF('Standard Profiles'!$G$22=$B$10,7,0)+IF('Standard Profiles'!$G$22=$B$17,14,0)+IF('Standard Profiles'!$G$22=$B$24,21,0),0)),0)</f>
        <v>0</v>
      </c>
      <c r="I634">
        <f t="shared" si="83"/>
        <v>0.25170125242173264</v>
      </c>
      <c r="J634">
        <f t="shared" si="84"/>
        <v>0.83900417473910882</v>
      </c>
      <c r="K634">
        <f t="shared" si="85"/>
        <v>1.2585062621086631</v>
      </c>
      <c r="L634">
        <f t="shared" si="86"/>
        <v>6.0408300581215828</v>
      </c>
      <c r="M634">
        <f t="shared" si="87"/>
        <v>0</v>
      </c>
      <c r="N634" s="46">
        <f t="shared" si="88"/>
        <v>45316.999999998545</v>
      </c>
    </row>
    <row r="635" spans="2:14" x14ac:dyDescent="0.3">
      <c r="B635">
        <f t="shared" si="82"/>
        <v>5</v>
      </c>
      <c r="C635" s="16">
        <v>601</v>
      </c>
      <c r="D635" cm="1">
        <f t="array" ref="D635">IFERROR(INDEX(Jesper!AH$2:AH$366,ROUNDDOWN($C635/24,0)+1,1)*INDEX($D$3:$AA$30,INDEX(Jesper!$R$2:$R$366,ROW(INDEX(Jesper!AH$2:AH$366,ROUNDDOWN($C635/24,0)+1,1))-1)+IF('Standard Profiles'!$G$18=$B$10,7,0)+IF('Standard Profiles'!$G$18=$B$17,14,0)+IF('Standard Profiles'!$G$18=$B$24,21,0),MOD($C635,24)+1)/SUM(INDEX($D$3:$AA$30,INDEX(Jesper!$R$2:$R$366,ROW(INDEX(Jesper!AH$2:AH$366,ROUNDDOWN($C635/24,0)+1,1))-1)+IF('Standard Profiles'!$G$18=$B$10,7,0)+IF('Standard Profiles'!$G$18=$B$17,14,0)+IF('Standard Profiles'!$G$18=$B$24,21,0),0)),0)</f>
        <v>8.3900417473910878</v>
      </c>
      <c r="E635" cm="1">
        <f t="array" ref="E635">IFERROR(INDEX(Jesper!AI$2:AI$366,ROUNDDOWN($C635/24,0)+1,1)*INDEX($D$3:$AA$30,INDEX(Jesper!$R$2:$R$366,ROW(INDEX(Jesper!AI$2:AI$366,ROUNDDOWN($C635/24,0)+1,1))-1)+IF('Standard Profiles'!$G$19=$B$10,7,0)+IF('Standard Profiles'!$G$19=$B$17,14,0)+IF('Standard Profiles'!$G$19=$B$24,21,0),MOD($C635,24)+1)/SUM(INDEX($D$3:$AA$30,INDEX(Jesper!$R$2:$R$366,ROW(INDEX(Jesper!AI$2:AI$366,ROUNDDOWN($C635/24,0)+1,1))-1)+IF('Standard Profiles'!$G$19=$B$10,7,0)+IF('Standard Profiles'!$G$19=$B$17,14,0)+IF('Standard Profiles'!$G$19=$B$24,21,0),0)),0)</f>
        <v>0</v>
      </c>
      <c r="F635" cm="1">
        <f t="array" ref="F635">IFERROR(INDEX(Jesper!AJ$2:AJ$366,ROUNDDOWN($C635/24,0)+1,1)*INDEX($D$3:$AA$30,INDEX(Jesper!$R$2:$R$366,ROW(INDEX(Jesper!AJ$2:AJ$366,ROUNDDOWN($C635/24,0)+1,1))-1)+IF('Standard Profiles'!$G$20=$B$10,7,0)+IF('Standard Profiles'!$G$20=$B$17,14,0)+IF('Standard Profiles'!$G$20=$B$24,21,0),MOD($C635,24)+1)/SUM(INDEX($D$3:$AA$30,INDEX(Jesper!$R$2:$R$366,ROW(INDEX(Jesper!AJ$2:AJ$366,ROUNDDOWN($C635/24,0)+1,1))-1)+IF('Standard Profiles'!$G$20=$B$10,7,0)+IF('Standard Profiles'!$G$20=$B$17,14,0)+IF('Standard Profiles'!$G$20=$B$24,21,0),0)),0)</f>
        <v>0</v>
      </c>
      <c r="G635" cm="1">
        <f t="array" ref="G635">IFERROR(INDEX(Jesper!AK$2:AK$366,ROUNDDOWN($C635/24,0)+1,1)*INDEX($D$3:$AA$30,INDEX(Jesper!$R$2:$R$366,ROW(INDEX(Jesper!AK$2:AK$366,ROUNDDOWN($C635/24,0)+1,1))-1)+IF('Standard Profiles'!$G$21=$B$10,7,0)+IF('Standard Profiles'!$G$21=$B$17,14,0)+IF('Standard Profiles'!$G$21=$B$24,21,0),MOD($C635,24)+1)/SUM(INDEX($D$3:$AA$30,INDEX(Jesper!$R$2:$R$366,ROW(INDEX(Jesper!AK$2:AK$366,ROUNDDOWN($C635/24,0)+1,1))-1)+IF('Standard Profiles'!$G$21=$B$10,7,0)+IF('Standard Profiles'!$G$21=$B$17,14,0)+IF('Standard Profiles'!$G$21=$B$24,21,0),0)),0)</f>
        <v>0</v>
      </c>
      <c r="H635" cm="1">
        <f t="array" ref="H635">IFERROR(INDEX(Jesper!AL$2:AL$366,ROUNDDOWN($C635/24,0)+1,1)*INDEX($D$3:$AA$30,INDEX(Jesper!$R$2:$R$366,ROW(INDEX(Jesper!AL$2:AL$366,ROUNDDOWN($C635/24,0)+1,1))-1)+IF('Standard Profiles'!$G$22=$B$10,7,0)+IF('Standard Profiles'!$G$22=$B$17,14,0)+IF('Standard Profiles'!$G$22=$B$24,21,0),MOD($C635,24)+1)/SUM(INDEX($D$3:$AA$30,INDEX(Jesper!$R$2:$R$366,ROW(INDEX(Jesper!AL$2:AL$366,ROUNDDOWN($C635/24,0)+1,1))-1)+IF('Standard Profiles'!$G$22=$B$10,7,0)+IF('Standard Profiles'!$G$22=$B$17,14,0)+IF('Standard Profiles'!$G$22=$B$24,21,0),0)),0)</f>
        <v>0</v>
      </c>
      <c r="I635">
        <f t="shared" si="83"/>
        <v>0.25170125242173264</v>
      </c>
      <c r="J635">
        <f t="shared" si="84"/>
        <v>0.83900417473910882</v>
      </c>
      <c r="K635">
        <f t="shared" si="85"/>
        <v>1.2585062621086631</v>
      </c>
      <c r="L635">
        <f t="shared" si="86"/>
        <v>6.0408300581215828</v>
      </c>
      <c r="M635">
        <f t="shared" si="87"/>
        <v>0</v>
      </c>
      <c r="N635" s="46">
        <f t="shared" si="88"/>
        <v>45317.041666665209</v>
      </c>
    </row>
    <row r="636" spans="2:14" x14ac:dyDescent="0.3">
      <c r="B636">
        <f t="shared" si="82"/>
        <v>5</v>
      </c>
      <c r="C636" s="16">
        <v>602</v>
      </c>
      <c r="D636" cm="1">
        <f t="array" ref="D636">IFERROR(INDEX(Jesper!AH$2:AH$366,ROUNDDOWN($C636/24,0)+1,1)*INDEX($D$3:$AA$30,INDEX(Jesper!$R$2:$R$366,ROW(INDEX(Jesper!AH$2:AH$366,ROUNDDOWN($C636/24,0)+1,1))-1)+IF('Standard Profiles'!$G$18=$B$10,7,0)+IF('Standard Profiles'!$G$18=$B$17,14,0)+IF('Standard Profiles'!$G$18=$B$24,21,0),MOD($C636,24)+1)/SUM(INDEX($D$3:$AA$30,INDEX(Jesper!$R$2:$R$366,ROW(INDEX(Jesper!AH$2:AH$366,ROUNDDOWN($C636/24,0)+1,1))-1)+IF('Standard Profiles'!$G$18=$B$10,7,0)+IF('Standard Profiles'!$G$18=$B$17,14,0)+IF('Standard Profiles'!$G$18=$B$24,21,0),0)),0)</f>
        <v>8.3900417473910878</v>
      </c>
      <c r="E636" cm="1">
        <f t="array" ref="E636">IFERROR(INDEX(Jesper!AI$2:AI$366,ROUNDDOWN($C636/24,0)+1,1)*INDEX($D$3:$AA$30,INDEX(Jesper!$R$2:$R$366,ROW(INDEX(Jesper!AI$2:AI$366,ROUNDDOWN($C636/24,0)+1,1))-1)+IF('Standard Profiles'!$G$19=$B$10,7,0)+IF('Standard Profiles'!$G$19=$B$17,14,0)+IF('Standard Profiles'!$G$19=$B$24,21,0),MOD($C636,24)+1)/SUM(INDEX($D$3:$AA$30,INDEX(Jesper!$R$2:$R$366,ROW(INDEX(Jesper!AI$2:AI$366,ROUNDDOWN($C636/24,0)+1,1))-1)+IF('Standard Profiles'!$G$19=$B$10,7,0)+IF('Standard Profiles'!$G$19=$B$17,14,0)+IF('Standard Profiles'!$G$19=$B$24,21,0),0)),0)</f>
        <v>0</v>
      </c>
      <c r="F636" cm="1">
        <f t="array" ref="F636">IFERROR(INDEX(Jesper!AJ$2:AJ$366,ROUNDDOWN($C636/24,0)+1,1)*INDEX($D$3:$AA$30,INDEX(Jesper!$R$2:$R$366,ROW(INDEX(Jesper!AJ$2:AJ$366,ROUNDDOWN($C636/24,0)+1,1))-1)+IF('Standard Profiles'!$G$20=$B$10,7,0)+IF('Standard Profiles'!$G$20=$B$17,14,0)+IF('Standard Profiles'!$G$20=$B$24,21,0),MOD($C636,24)+1)/SUM(INDEX($D$3:$AA$30,INDEX(Jesper!$R$2:$R$366,ROW(INDEX(Jesper!AJ$2:AJ$366,ROUNDDOWN($C636/24,0)+1,1))-1)+IF('Standard Profiles'!$G$20=$B$10,7,0)+IF('Standard Profiles'!$G$20=$B$17,14,0)+IF('Standard Profiles'!$G$20=$B$24,21,0),0)),0)</f>
        <v>0</v>
      </c>
      <c r="G636" cm="1">
        <f t="array" ref="G636">IFERROR(INDEX(Jesper!AK$2:AK$366,ROUNDDOWN($C636/24,0)+1,1)*INDEX($D$3:$AA$30,INDEX(Jesper!$R$2:$R$366,ROW(INDEX(Jesper!AK$2:AK$366,ROUNDDOWN($C636/24,0)+1,1))-1)+IF('Standard Profiles'!$G$21=$B$10,7,0)+IF('Standard Profiles'!$G$21=$B$17,14,0)+IF('Standard Profiles'!$G$21=$B$24,21,0),MOD($C636,24)+1)/SUM(INDEX($D$3:$AA$30,INDEX(Jesper!$R$2:$R$366,ROW(INDEX(Jesper!AK$2:AK$366,ROUNDDOWN($C636/24,0)+1,1))-1)+IF('Standard Profiles'!$G$21=$B$10,7,0)+IF('Standard Profiles'!$G$21=$B$17,14,0)+IF('Standard Profiles'!$G$21=$B$24,21,0),0)),0)</f>
        <v>0</v>
      </c>
      <c r="H636" cm="1">
        <f t="array" ref="H636">IFERROR(INDEX(Jesper!AL$2:AL$366,ROUNDDOWN($C636/24,0)+1,1)*INDEX($D$3:$AA$30,INDEX(Jesper!$R$2:$R$366,ROW(INDEX(Jesper!AL$2:AL$366,ROUNDDOWN($C636/24,0)+1,1))-1)+IF('Standard Profiles'!$G$22=$B$10,7,0)+IF('Standard Profiles'!$G$22=$B$17,14,0)+IF('Standard Profiles'!$G$22=$B$24,21,0),MOD($C636,24)+1)/SUM(INDEX($D$3:$AA$30,INDEX(Jesper!$R$2:$R$366,ROW(INDEX(Jesper!AL$2:AL$366,ROUNDDOWN($C636/24,0)+1,1))-1)+IF('Standard Profiles'!$G$22=$B$10,7,0)+IF('Standard Profiles'!$G$22=$B$17,14,0)+IF('Standard Profiles'!$G$22=$B$24,21,0),0)),0)</f>
        <v>0</v>
      </c>
      <c r="I636">
        <f t="shared" si="83"/>
        <v>0.25170125242173264</v>
      </c>
      <c r="J636">
        <f t="shared" si="84"/>
        <v>0.83900417473910882</v>
      </c>
      <c r="K636">
        <f t="shared" si="85"/>
        <v>1.2585062621086631</v>
      </c>
      <c r="L636">
        <f t="shared" si="86"/>
        <v>6.0408300581215828</v>
      </c>
      <c r="M636">
        <f t="shared" si="87"/>
        <v>0</v>
      </c>
      <c r="N636" s="46">
        <f t="shared" si="88"/>
        <v>45317.083333331873</v>
      </c>
    </row>
    <row r="637" spans="2:14" x14ac:dyDescent="0.3">
      <c r="B637">
        <f t="shared" si="82"/>
        <v>5</v>
      </c>
      <c r="C637" s="16">
        <v>603</v>
      </c>
      <c r="D637" cm="1">
        <f t="array" ref="D637">IFERROR(INDEX(Jesper!AH$2:AH$366,ROUNDDOWN($C637/24,0)+1,1)*INDEX($D$3:$AA$30,INDEX(Jesper!$R$2:$R$366,ROW(INDEX(Jesper!AH$2:AH$366,ROUNDDOWN($C637/24,0)+1,1))-1)+IF('Standard Profiles'!$G$18=$B$10,7,0)+IF('Standard Profiles'!$G$18=$B$17,14,0)+IF('Standard Profiles'!$G$18=$B$24,21,0),MOD($C637,24)+1)/SUM(INDEX($D$3:$AA$30,INDEX(Jesper!$R$2:$R$366,ROW(INDEX(Jesper!AH$2:AH$366,ROUNDDOWN($C637/24,0)+1,1))-1)+IF('Standard Profiles'!$G$18=$B$10,7,0)+IF('Standard Profiles'!$G$18=$B$17,14,0)+IF('Standard Profiles'!$G$18=$B$24,21,0),0)),0)</f>
        <v>8.3900417473910878</v>
      </c>
      <c r="E637" cm="1">
        <f t="array" ref="E637">IFERROR(INDEX(Jesper!AI$2:AI$366,ROUNDDOWN($C637/24,0)+1,1)*INDEX($D$3:$AA$30,INDEX(Jesper!$R$2:$R$366,ROW(INDEX(Jesper!AI$2:AI$366,ROUNDDOWN($C637/24,0)+1,1))-1)+IF('Standard Profiles'!$G$19=$B$10,7,0)+IF('Standard Profiles'!$G$19=$B$17,14,0)+IF('Standard Profiles'!$G$19=$B$24,21,0),MOD($C637,24)+1)/SUM(INDEX($D$3:$AA$30,INDEX(Jesper!$R$2:$R$366,ROW(INDEX(Jesper!AI$2:AI$366,ROUNDDOWN($C637/24,0)+1,1))-1)+IF('Standard Profiles'!$G$19=$B$10,7,0)+IF('Standard Profiles'!$G$19=$B$17,14,0)+IF('Standard Profiles'!$G$19=$B$24,21,0),0)),0)</f>
        <v>0</v>
      </c>
      <c r="F637" cm="1">
        <f t="array" ref="F637">IFERROR(INDEX(Jesper!AJ$2:AJ$366,ROUNDDOWN($C637/24,0)+1,1)*INDEX($D$3:$AA$30,INDEX(Jesper!$R$2:$R$366,ROW(INDEX(Jesper!AJ$2:AJ$366,ROUNDDOWN($C637/24,0)+1,1))-1)+IF('Standard Profiles'!$G$20=$B$10,7,0)+IF('Standard Profiles'!$G$20=$B$17,14,0)+IF('Standard Profiles'!$G$20=$B$24,21,0),MOD($C637,24)+1)/SUM(INDEX($D$3:$AA$30,INDEX(Jesper!$R$2:$R$366,ROW(INDEX(Jesper!AJ$2:AJ$366,ROUNDDOWN($C637/24,0)+1,1))-1)+IF('Standard Profiles'!$G$20=$B$10,7,0)+IF('Standard Profiles'!$G$20=$B$17,14,0)+IF('Standard Profiles'!$G$20=$B$24,21,0),0)),0)</f>
        <v>0</v>
      </c>
      <c r="G637" cm="1">
        <f t="array" ref="G637">IFERROR(INDEX(Jesper!AK$2:AK$366,ROUNDDOWN($C637/24,0)+1,1)*INDEX($D$3:$AA$30,INDEX(Jesper!$R$2:$R$366,ROW(INDEX(Jesper!AK$2:AK$366,ROUNDDOWN($C637/24,0)+1,1))-1)+IF('Standard Profiles'!$G$21=$B$10,7,0)+IF('Standard Profiles'!$G$21=$B$17,14,0)+IF('Standard Profiles'!$G$21=$B$24,21,0),MOD($C637,24)+1)/SUM(INDEX($D$3:$AA$30,INDEX(Jesper!$R$2:$R$366,ROW(INDEX(Jesper!AK$2:AK$366,ROUNDDOWN($C637/24,0)+1,1))-1)+IF('Standard Profiles'!$G$21=$B$10,7,0)+IF('Standard Profiles'!$G$21=$B$17,14,0)+IF('Standard Profiles'!$G$21=$B$24,21,0),0)),0)</f>
        <v>0</v>
      </c>
      <c r="H637" cm="1">
        <f t="array" ref="H637">IFERROR(INDEX(Jesper!AL$2:AL$366,ROUNDDOWN($C637/24,0)+1,1)*INDEX($D$3:$AA$30,INDEX(Jesper!$R$2:$R$366,ROW(INDEX(Jesper!AL$2:AL$366,ROUNDDOWN($C637/24,0)+1,1))-1)+IF('Standard Profiles'!$G$22=$B$10,7,0)+IF('Standard Profiles'!$G$22=$B$17,14,0)+IF('Standard Profiles'!$G$22=$B$24,21,0),MOD($C637,24)+1)/SUM(INDEX($D$3:$AA$30,INDEX(Jesper!$R$2:$R$366,ROW(INDEX(Jesper!AL$2:AL$366,ROUNDDOWN($C637/24,0)+1,1))-1)+IF('Standard Profiles'!$G$22=$B$10,7,0)+IF('Standard Profiles'!$G$22=$B$17,14,0)+IF('Standard Profiles'!$G$22=$B$24,21,0),0)),0)</f>
        <v>0</v>
      </c>
      <c r="I637">
        <f t="shared" si="83"/>
        <v>0.25170125242173264</v>
      </c>
      <c r="J637">
        <f t="shared" si="84"/>
        <v>0.83900417473910882</v>
      </c>
      <c r="K637">
        <f t="shared" si="85"/>
        <v>1.2585062621086631</v>
      </c>
      <c r="L637">
        <f t="shared" si="86"/>
        <v>6.0408300581215828</v>
      </c>
      <c r="M637">
        <f t="shared" si="87"/>
        <v>0</v>
      </c>
      <c r="N637" s="46">
        <f t="shared" si="88"/>
        <v>45317.124999998538</v>
      </c>
    </row>
    <row r="638" spans="2:14" x14ac:dyDescent="0.3">
      <c r="B638">
        <f t="shared" si="82"/>
        <v>5</v>
      </c>
      <c r="C638" s="16">
        <v>604</v>
      </c>
      <c r="D638" cm="1">
        <f t="array" ref="D638">IFERROR(INDEX(Jesper!AH$2:AH$366,ROUNDDOWN($C638/24,0)+1,1)*INDEX($D$3:$AA$30,INDEX(Jesper!$R$2:$R$366,ROW(INDEX(Jesper!AH$2:AH$366,ROUNDDOWN($C638/24,0)+1,1))-1)+IF('Standard Profiles'!$G$18=$B$10,7,0)+IF('Standard Profiles'!$G$18=$B$17,14,0)+IF('Standard Profiles'!$G$18=$B$24,21,0),MOD($C638,24)+1)/SUM(INDEX($D$3:$AA$30,INDEX(Jesper!$R$2:$R$366,ROW(INDEX(Jesper!AH$2:AH$366,ROUNDDOWN($C638/24,0)+1,1))-1)+IF('Standard Profiles'!$G$18=$B$10,7,0)+IF('Standard Profiles'!$G$18=$B$17,14,0)+IF('Standard Profiles'!$G$18=$B$24,21,0),0)),0)</f>
        <v>8.3900417473910878</v>
      </c>
      <c r="E638" cm="1">
        <f t="array" ref="E638">IFERROR(INDEX(Jesper!AI$2:AI$366,ROUNDDOWN($C638/24,0)+1,1)*INDEX($D$3:$AA$30,INDEX(Jesper!$R$2:$R$366,ROW(INDEX(Jesper!AI$2:AI$366,ROUNDDOWN($C638/24,0)+1,1))-1)+IF('Standard Profiles'!$G$19=$B$10,7,0)+IF('Standard Profiles'!$G$19=$B$17,14,0)+IF('Standard Profiles'!$G$19=$B$24,21,0),MOD($C638,24)+1)/SUM(INDEX($D$3:$AA$30,INDEX(Jesper!$R$2:$R$366,ROW(INDEX(Jesper!AI$2:AI$366,ROUNDDOWN($C638/24,0)+1,1))-1)+IF('Standard Profiles'!$G$19=$B$10,7,0)+IF('Standard Profiles'!$G$19=$B$17,14,0)+IF('Standard Profiles'!$G$19=$B$24,21,0),0)),0)</f>
        <v>0</v>
      </c>
      <c r="F638" cm="1">
        <f t="array" ref="F638">IFERROR(INDEX(Jesper!AJ$2:AJ$366,ROUNDDOWN($C638/24,0)+1,1)*INDEX($D$3:$AA$30,INDEX(Jesper!$R$2:$R$366,ROW(INDEX(Jesper!AJ$2:AJ$366,ROUNDDOWN($C638/24,0)+1,1))-1)+IF('Standard Profiles'!$G$20=$B$10,7,0)+IF('Standard Profiles'!$G$20=$B$17,14,0)+IF('Standard Profiles'!$G$20=$B$24,21,0),MOD($C638,24)+1)/SUM(INDEX($D$3:$AA$30,INDEX(Jesper!$R$2:$R$366,ROW(INDEX(Jesper!AJ$2:AJ$366,ROUNDDOWN($C638/24,0)+1,1))-1)+IF('Standard Profiles'!$G$20=$B$10,7,0)+IF('Standard Profiles'!$G$20=$B$17,14,0)+IF('Standard Profiles'!$G$20=$B$24,21,0),0)),0)</f>
        <v>0</v>
      </c>
      <c r="G638" cm="1">
        <f t="array" ref="G638">IFERROR(INDEX(Jesper!AK$2:AK$366,ROUNDDOWN($C638/24,0)+1,1)*INDEX($D$3:$AA$30,INDEX(Jesper!$R$2:$R$366,ROW(INDEX(Jesper!AK$2:AK$366,ROUNDDOWN($C638/24,0)+1,1))-1)+IF('Standard Profiles'!$G$21=$B$10,7,0)+IF('Standard Profiles'!$G$21=$B$17,14,0)+IF('Standard Profiles'!$G$21=$B$24,21,0),MOD($C638,24)+1)/SUM(INDEX($D$3:$AA$30,INDEX(Jesper!$R$2:$R$366,ROW(INDEX(Jesper!AK$2:AK$366,ROUNDDOWN($C638/24,0)+1,1))-1)+IF('Standard Profiles'!$G$21=$B$10,7,0)+IF('Standard Profiles'!$G$21=$B$17,14,0)+IF('Standard Profiles'!$G$21=$B$24,21,0),0)),0)</f>
        <v>0</v>
      </c>
      <c r="H638" cm="1">
        <f t="array" ref="H638">IFERROR(INDEX(Jesper!AL$2:AL$366,ROUNDDOWN($C638/24,0)+1,1)*INDEX($D$3:$AA$30,INDEX(Jesper!$R$2:$R$366,ROW(INDEX(Jesper!AL$2:AL$366,ROUNDDOWN($C638/24,0)+1,1))-1)+IF('Standard Profiles'!$G$22=$B$10,7,0)+IF('Standard Profiles'!$G$22=$B$17,14,0)+IF('Standard Profiles'!$G$22=$B$24,21,0),MOD($C638,24)+1)/SUM(INDEX($D$3:$AA$30,INDEX(Jesper!$R$2:$R$366,ROW(INDEX(Jesper!AL$2:AL$366,ROUNDDOWN($C638/24,0)+1,1))-1)+IF('Standard Profiles'!$G$22=$B$10,7,0)+IF('Standard Profiles'!$G$22=$B$17,14,0)+IF('Standard Profiles'!$G$22=$B$24,21,0),0)),0)</f>
        <v>0</v>
      </c>
      <c r="I638">
        <f t="shared" si="83"/>
        <v>0.25170125242173264</v>
      </c>
      <c r="J638">
        <f t="shared" si="84"/>
        <v>0.83900417473910882</v>
      </c>
      <c r="K638">
        <f t="shared" si="85"/>
        <v>1.2585062621086631</v>
      </c>
      <c r="L638">
        <f t="shared" si="86"/>
        <v>6.0408300581215828</v>
      </c>
      <c r="M638">
        <f t="shared" si="87"/>
        <v>0</v>
      </c>
      <c r="N638" s="46">
        <f t="shared" si="88"/>
        <v>45317.166666665202</v>
      </c>
    </row>
    <row r="639" spans="2:14" x14ac:dyDescent="0.3">
      <c r="B639">
        <f t="shared" si="82"/>
        <v>5</v>
      </c>
      <c r="C639" s="16">
        <v>605</v>
      </c>
      <c r="D639" cm="1">
        <f t="array" ref="D639">IFERROR(INDEX(Jesper!AH$2:AH$366,ROUNDDOWN($C639/24,0)+1,1)*INDEX($D$3:$AA$30,INDEX(Jesper!$R$2:$R$366,ROW(INDEX(Jesper!AH$2:AH$366,ROUNDDOWN($C639/24,0)+1,1))-1)+IF('Standard Profiles'!$G$18=$B$10,7,0)+IF('Standard Profiles'!$G$18=$B$17,14,0)+IF('Standard Profiles'!$G$18=$B$24,21,0),MOD($C639,24)+1)/SUM(INDEX($D$3:$AA$30,INDEX(Jesper!$R$2:$R$366,ROW(INDEX(Jesper!AH$2:AH$366,ROUNDDOWN($C639/24,0)+1,1))-1)+IF('Standard Profiles'!$G$18=$B$10,7,0)+IF('Standard Profiles'!$G$18=$B$17,14,0)+IF('Standard Profiles'!$G$18=$B$24,21,0),0)),0)</f>
        <v>10.813831585526293</v>
      </c>
      <c r="E639" cm="1">
        <f t="array" ref="E639">IFERROR(INDEX(Jesper!AI$2:AI$366,ROUNDDOWN($C639/24,0)+1,1)*INDEX($D$3:$AA$30,INDEX(Jesper!$R$2:$R$366,ROW(INDEX(Jesper!AI$2:AI$366,ROUNDDOWN($C639/24,0)+1,1))-1)+IF('Standard Profiles'!$G$19=$B$10,7,0)+IF('Standard Profiles'!$G$19=$B$17,14,0)+IF('Standard Profiles'!$G$19=$B$24,21,0),MOD($C639,24)+1)/SUM(INDEX($D$3:$AA$30,INDEX(Jesper!$R$2:$R$366,ROW(INDEX(Jesper!AI$2:AI$366,ROUNDDOWN($C639/24,0)+1,1))-1)+IF('Standard Profiles'!$G$19=$B$10,7,0)+IF('Standard Profiles'!$G$19=$B$17,14,0)+IF('Standard Profiles'!$G$19=$B$24,21,0),0)),0)</f>
        <v>0</v>
      </c>
      <c r="F639" cm="1">
        <f t="array" ref="F639">IFERROR(INDEX(Jesper!AJ$2:AJ$366,ROUNDDOWN($C639/24,0)+1,1)*INDEX($D$3:$AA$30,INDEX(Jesper!$R$2:$R$366,ROW(INDEX(Jesper!AJ$2:AJ$366,ROUNDDOWN($C639/24,0)+1,1))-1)+IF('Standard Profiles'!$G$20=$B$10,7,0)+IF('Standard Profiles'!$G$20=$B$17,14,0)+IF('Standard Profiles'!$G$20=$B$24,21,0),MOD($C639,24)+1)/SUM(INDEX($D$3:$AA$30,INDEX(Jesper!$R$2:$R$366,ROW(INDEX(Jesper!AJ$2:AJ$366,ROUNDDOWN($C639/24,0)+1,1))-1)+IF('Standard Profiles'!$G$20=$B$10,7,0)+IF('Standard Profiles'!$G$20=$B$17,14,0)+IF('Standard Profiles'!$G$20=$B$24,21,0),0)),0)</f>
        <v>0</v>
      </c>
      <c r="G639" cm="1">
        <f t="array" ref="G639">IFERROR(INDEX(Jesper!AK$2:AK$366,ROUNDDOWN($C639/24,0)+1,1)*INDEX($D$3:$AA$30,INDEX(Jesper!$R$2:$R$366,ROW(INDEX(Jesper!AK$2:AK$366,ROUNDDOWN($C639/24,0)+1,1))-1)+IF('Standard Profiles'!$G$21=$B$10,7,0)+IF('Standard Profiles'!$G$21=$B$17,14,0)+IF('Standard Profiles'!$G$21=$B$24,21,0),MOD($C639,24)+1)/SUM(INDEX($D$3:$AA$30,INDEX(Jesper!$R$2:$R$366,ROW(INDEX(Jesper!AK$2:AK$366,ROUNDDOWN($C639/24,0)+1,1))-1)+IF('Standard Profiles'!$G$21=$B$10,7,0)+IF('Standard Profiles'!$G$21=$B$17,14,0)+IF('Standard Profiles'!$G$21=$B$24,21,0),0)),0)</f>
        <v>0</v>
      </c>
      <c r="H639" cm="1">
        <f t="array" ref="H639">IFERROR(INDEX(Jesper!AL$2:AL$366,ROUNDDOWN($C639/24,0)+1,1)*INDEX($D$3:$AA$30,INDEX(Jesper!$R$2:$R$366,ROW(INDEX(Jesper!AL$2:AL$366,ROUNDDOWN($C639/24,0)+1,1))-1)+IF('Standard Profiles'!$G$22=$B$10,7,0)+IF('Standard Profiles'!$G$22=$B$17,14,0)+IF('Standard Profiles'!$G$22=$B$24,21,0),MOD($C639,24)+1)/SUM(INDEX($D$3:$AA$30,INDEX(Jesper!$R$2:$R$366,ROW(INDEX(Jesper!AL$2:AL$366,ROUNDDOWN($C639/24,0)+1,1))-1)+IF('Standard Profiles'!$G$22=$B$10,7,0)+IF('Standard Profiles'!$G$22=$B$17,14,0)+IF('Standard Profiles'!$G$22=$B$24,21,0),0)),0)</f>
        <v>0</v>
      </c>
      <c r="I639">
        <f t="shared" si="83"/>
        <v>0.32441494756578876</v>
      </c>
      <c r="J639">
        <f t="shared" si="84"/>
        <v>1.0813831585526292</v>
      </c>
      <c r="K639">
        <f t="shared" si="85"/>
        <v>1.622074737828944</v>
      </c>
      <c r="L639">
        <f t="shared" si="86"/>
        <v>7.7859587415789306</v>
      </c>
      <c r="M639">
        <f t="shared" si="87"/>
        <v>0</v>
      </c>
      <c r="N639" s="46">
        <f t="shared" si="88"/>
        <v>45317.208333331866</v>
      </c>
    </row>
    <row r="640" spans="2:14" x14ac:dyDescent="0.3">
      <c r="B640">
        <f t="shared" si="82"/>
        <v>5</v>
      </c>
      <c r="C640" s="16">
        <v>606</v>
      </c>
      <c r="D640" cm="1">
        <f t="array" ref="D640">IFERROR(INDEX(Jesper!AH$2:AH$366,ROUNDDOWN($C640/24,0)+1,1)*INDEX($D$3:$AA$30,INDEX(Jesper!$R$2:$R$366,ROW(INDEX(Jesper!AH$2:AH$366,ROUNDDOWN($C640/24,0)+1,1))-1)+IF('Standard Profiles'!$G$18=$B$10,7,0)+IF('Standard Profiles'!$G$18=$B$17,14,0)+IF('Standard Profiles'!$G$18=$B$24,21,0),MOD($C640,24)+1)/SUM(INDEX($D$3:$AA$30,INDEX(Jesper!$R$2:$R$366,ROW(INDEX(Jesper!AH$2:AH$366,ROUNDDOWN($C640/24,0)+1,1))-1)+IF('Standard Profiles'!$G$18=$B$10,7,0)+IF('Standard Profiles'!$G$18=$B$17,14,0)+IF('Standard Profiles'!$G$18=$B$24,21,0),0)),0)</f>
        <v>13.051176051497251</v>
      </c>
      <c r="E640" cm="1">
        <f t="array" ref="E640">IFERROR(INDEX(Jesper!AI$2:AI$366,ROUNDDOWN($C640/24,0)+1,1)*INDEX($D$3:$AA$30,INDEX(Jesper!$R$2:$R$366,ROW(INDEX(Jesper!AI$2:AI$366,ROUNDDOWN($C640/24,0)+1,1))-1)+IF('Standard Profiles'!$G$19=$B$10,7,0)+IF('Standard Profiles'!$G$19=$B$17,14,0)+IF('Standard Profiles'!$G$19=$B$24,21,0),MOD($C640,24)+1)/SUM(INDEX($D$3:$AA$30,INDEX(Jesper!$R$2:$R$366,ROW(INDEX(Jesper!AI$2:AI$366,ROUNDDOWN($C640/24,0)+1,1))-1)+IF('Standard Profiles'!$G$19=$B$10,7,0)+IF('Standard Profiles'!$G$19=$B$17,14,0)+IF('Standard Profiles'!$G$19=$B$24,21,0),0)),0)</f>
        <v>0</v>
      </c>
      <c r="F640" cm="1">
        <f t="array" ref="F640">IFERROR(INDEX(Jesper!AJ$2:AJ$366,ROUNDDOWN($C640/24,0)+1,1)*INDEX($D$3:$AA$30,INDEX(Jesper!$R$2:$R$366,ROW(INDEX(Jesper!AJ$2:AJ$366,ROUNDDOWN($C640/24,0)+1,1))-1)+IF('Standard Profiles'!$G$20=$B$10,7,0)+IF('Standard Profiles'!$G$20=$B$17,14,0)+IF('Standard Profiles'!$G$20=$B$24,21,0),MOD($C640,24)+1)/SUM(INDEX($D$3:$AA$30,INDEX(Jesper!$R$2:$R$366,ROW(INDEX(Jesper!AJ$2:AJ$366,ROUNDDOWN($C640/24,0)+1,1))-1)+IF('Standard Profiles'!$G$20=$B$10,7,0)+IF('Standard Profiles'!$G$20=$B$17,14,0)+IF('Standard Profiles'!$G$20=$B$24,21,0),0)),0)</f>
        <v>0</v>
      </c>
      <c r="G640" cm="1">
        <f t="array" ref="G640">IFERROR(INDEX(Jesper!AK$2:AK$366,ROUNDDOWN($C640/24,0)+1,1)*INDEX($D$3:$AA$30,INDEX(Jesper!$R$2:$R$366,ROW(INDEX(Jesper!AK$2:AK$366,ROUNDDOWN($C640/24,0)+1,1))-1)+IF('Standard Profiles'!$G$21=$B$10,7,0)+IF('Standard Profiles'!$G$21=$B$17,14,0)+IF('Standard Profiles'!$G$21=$B$24,21,0),MOD($C640,24)+1)/SUM(INDEX($D$3:$AA$30,INDEX(Jesper!$R$2:$R$366,ROW(INDEX(Jesper!AK$2:AK$366,ROUNDDOWN($C640/24,0)+1,1))-1)+IF('Standard Profiles'!$G$21=$B$10,7,0)+IF('Standard Profiles'!$G$21=$B$17,14,0)+IF('Standard Profiles'!$G$21=$B$24,21,0),0)),0)</f>
        <v>0</v>
      </c>
      <c r="H640" cm="1">
        <f t="array" ref="H640">IFERROR(INDEX(Jesper!AL$2:AL$366,ROUNDDOWN($C640/24,0)+1,1)*INDEX($D$3:$AA$30,INDEX(Jesper!$R$2:$R$366,ROW(INDEX(Jesper!AL$2:AL$366,ROUNDDOWN($C640/24,0)+1,1))-1)+IF('Standard Profiles'!$G$22=$B$10,7,0)+IF('Standard Profiles'!$G$22=$B$17,14,0)+IF('Standard Profiles'!$G$22=$B$24,21,0),MOD($C640,24)+1)/SUM(INDEX($D$3:$AA$30,INDEX(Jesper!$R$2:$R$366,ROW(INDEX(Jesper!AL$2:AL$366,ROUNDDOWN($C640/24,0)+1,1))-1)+IF('Standard Profiles'!$G$22=$B$10,7,0)+IF('Standard Profiles'!$G$22=$B$17,14,0)+IF('Standard Profiles'!$G$22=$B$24,21,0),0)),0)</f>
        <v>0</v>
      </c>
      <c r="I640">
        <f t="shared" si="83"/>
        <v>0.39153528154491751</v>
      </c>
      <c r="J640">
        <f t="shared" si="84"/>
        <v>1.3051176051497251</v>
      </c>
      <c r="K640">
        <f t="shared" si="85"/>
        <v>1.9576764077245876</v>
      </c>
      <c r="L640">
        <f t="shared" si="86"/>
        <v>9.3968467570780199</v>
      </c>
      <c r="M640">
        <f t="shared" si="87"/>
        <v>0</v>
      </c>
      <c r="N640" s="46">
        <f t="shared" si="88"/>
        <v>45317.24999999853</v>
      </c>
    </row>
    <row r="641" spans="2:14" x14ac:dyDescent="0.3">
      <c r="B641">
        <f t="shared" si="82"/>
        <v>5</v>
      </c>
      <c r="C641" s="16">
        <v>607</v>
      </c>
      <c r="D641" cm="1">
        <f t="array" ref="D641">IFERROR(INDEX(Jesper!AH$2:AH$366,ROUNDDOWN($C641/24,0)+1,1)*INDEX($D$3:$AA$30,INDEX(Jesper!$R$2:$R$366,ROW(INDEX(Jesper!AH$2:AH$366,ROUNDDOWN($C641/24,0)+1,1))-1)+IF('Standard Profiles'!$G$18=$B$10,7,0)+IF('Standard Profiles'!$G$18=$B$17,14,0)+IF('Standard Profiles'!$G$18=$B$24,21,0),MOD($C641,24)+1)/SUM(INDEX($D$3:$AA$30,INDEX(Jesper!$R$2:$R$366,ROW(INDEX(Jesper!AH$2:AH$366,ROUNDDOWN($C641/24,0)+1,1))-1)+IF('Standard Profiles'!$G$18=$B$10,7,0)+IF('Standard Profiles'!$G$18=$B$17,14,0)+IF('Standard Profiles'!$G$18=$B$24,21,0),0)),0)</f>
        <v>13.051176051497251</v>
      </c>
      <c r="E641" cm="1">
        <f t="array" ref="E641">IFERROR(INDEX(Jesper!AI$2:AI$366,ROUNDDOWN($C641/24,0)+1,1)*INDEX($D$3:$AA$30,INDEX(Jesper!$R$2:$R$366,ROW(INDEX(Jesper!AI$2:AI$366,ROUNDDOWN($C641/24,0)+1,1))-1)+IF('Standard Profiles'!$G$19=$B$10,7,0)+IF('Standard Profiles'!$G$19=$B$17,14,0)+IF('Standard Profiles'!$G$19=$B$24,21,0),MOD($C641,24)+1)/SUM(INDEX($D$3:$AA$30,INDEX(Jesper!$R$2:$R$366,ROW(INDEX(Jesper!AI$2:AI$366,ROUNDDOWN($C641/24,0)+1,1))-1)+IF('Standard Profiles'!$G$19=$B$10,7,0)+IF('Standard Profiles'!$G$19=$B$17,14,0)+IF('Standard Profiles'!$G$19=$B$24,21,0),0)),0)</f>
        <v>0</v>
      </c>
      <c r="F641" cm="1">
        <f t="array" ref="F641">IFERROR(INDEX(Jesper!AJ$2:AJ$366,ROUNDDOWN($C641/24,0)+1,1)*INDEX($D$3:$AA$30,INDEX(Jesper!$R$2:$R$366,ROW(INDEX(Jesper!AJ$2:AJ$366,ROUNDDOWN($C641/24,0)+1,1))-1)+IF('Standard Profiles'!$G$20=$B$10,7,0)+IF('Standard Profiles'!$G$20=$B$17,14,0)+IF('Standard Profiles'!$G$20=$B$24,21,0),MOD($C641,24)+1)/SUM(INDEX($D$3:$AA$30,INDEX(Jesper!$R$2:$R$366,ROW(INDEX(Jesper!AJ$2:AJ$366,ROUNDDOWN($C641/24,0)+1,1))-1)+IF('Standard Profiles'!$G$20=$B$10,7,0)+IF('Standard Profiles'!$G$20=$B$17,14,0)+IF('Standard Profiles'!$G$20=$B$24,21,0),0)),0)</f>
        <v>0</v>
      </c>
      <c r="G641" cm="1">
        <f t="array" ref="G641">IFERROR(INDEX(Jesper!AK$2:AK$366,ROUNDDOWN($C641/24,0)+1,1)*INDEX($D$3:$AA$30,INDEX(Jesper!$R$2:$R$366,ROW(INDEX(Jesper!AK$2:AK$366,ROUNDDOWN($C641/24,0)+1,1))-1)+IF('Standard Profiles'!$G$21=$B$10,7,0)+IF('Standard Profiles'!$G$21=$B$17,14,0)+IF('Standard Profiles'!$G$21=$B$24,21,0),MOD($C641,24)+1)/SUM(INDEX($D$3:$AA$30,INDEX(Jesper!$R$2:$R$366,ROW(INDEX(Jesper!AK$2:AK$366,ROUNDDOWN($C641/24,0)+1,1))-1)+IF('Standard Profiles'!$G$21=$B$10,7,0)+IF('Standard Profiles'!$G$21=$B$17,14,0)+IF('Standard Profiles'!$G$21=$B$24,21,0),0)),0)</f>
        <v>0</v>
      </c>
      <c r="H641" cm="1">
        <f t="array" ref="H641">IFERROR(INDEX(Jesper!AL$2:AL$366,ROUNDDOWN($C641/24,0)+1,1)*INDEX($D$3:$AA$30,INDEX(Jesper!$R$2:$R$366,ROW(INDEX(Jesper!AL$2:AL$366,ROUNDDOWN($C641/24,0)+1,1))-1)+IF('Standard Profiles'!$G$22=$B$10,7,0)+IF('Standard Profiles'!$G$22=$B$17,14,0)+IF('Standard Profiles'!$G$22=$B$24,21,0),MOD($C641,24)+1)/SUM(INDEX($D$3:$AA$30,INDEX(Jesper!$R$2:$R$366,ROW(INDEX(Jesper!AL$2:AL$366,ROUNDDOWN($C641/24,0)+1,1))-1)+IF('Standard Profiles'!$G$22=$B$10,7,0)+IF('Standard Profiles'!$G$22=$B$17,14,0)+IF('Standard Profiles'!$G$22=$B$24,21,0),0)),0)</f>
        <v>0</v>
      </c>
      <c r="I641">
        <f t="shared" si="83"/>
        <v>0.39153528154491751</v>
      </c>
      <c r="J641">
        <f t="shared" si="84"/>
        <v>1.3051176051497251</v>
      </c>
      <c r="K641">
        <f t="shared" si="85"/>
        <v>1.9576764077245876</v>
      </c>
      <c r="L641">
        <f t="shared" si="86"/>
        <v>9.3968467570780199</v>
      </c>
      <c r="M641">
        <f t="shared" si="87"/>
        <v>0</v>
      </c>
      <c r="N641" s="46">
        <f t="shared" si="88"/>
        <v>45317.291666665194</v>
      </c>
    </row>
    <row r="642" spans="2:14" x14ac:dyDescent="0.3">
      <c r="B642">
        <f t="shared" si="82"/>
        <v>5</v>
      </c>
      <c r="C642" s="16">
        <v>608</v>
      </c>
      <c r="D642" cm="1">
        <f t="array" ref="D642">IFERROR(INDEX(Jesper!AH$2:AH$366,ROUNDDOWN($C642/24,0)+1,1)*INDEX($D$3:$AA$30,INDEX(Jesper!$R$2:$R$366,ROW(INDEX(Jesper!AH$2:AH$366,ROUNDDOWN($C642/24,0)+1,1))-1)+IF('Standard Profiles'!$G$18=$B$10,7,0)+IF('Standard Profiles'!$G$18=$B$17,14,0)+IF('Standard Profiles'!$G$18=$B$24,21,0),MOD($C642,24)+1)/SUM(INDEX($D$3:$AA$30,INDEX(Jesper!$R$2:$R$366,ROW(INDEX(Jesper!AH$2:AH$366,ROUNDDOWN($C642/24,0)+1,1))-1)+IF('Standard Profiles'!$G$18=$B$10,7,0)+IF('Standard Profiles'!$G$18=$B$17,14,0)+IF('Standard Profiles'!$G$18=$B$24,21,0),0)),0)</f>
        <v>13.051176051497251</v>
      </c>
      <c r="E642" cm="1">
        <f t="array" ref="E642">IFERROR(INDEX(Jesper!AI$2:AI$366,ROUNDDOWN($C642/24,0)+1,1)*INDEX($D$3:$AA$30,INDEX(Jesper!$R$2:$R$366,ROW(INDEX(Jesper!AI$2:AI$366,ROUNDDOWN($C642/24,0)+1,1))-1)+IF('Standard Profiles'!$G$19=$B$10,7,0)+IF('Standard Profiles'!$G$19=$B$17,14,0)+IF('Standard Profiles'!$G$19=$B$24,21,0),MOD($C642,24)+1)/SUM(INDEX($D$3:$AA$30,INDEX(Jesper!$R$2:$R$366,ROW(INDEX(Jesper!AI$2:AI$366,ROUNDDOWN($C642/24,0)+1,1))-1)+IF('Standard Profiles'!$G$19=$B$10,7,0)+IF('Standard Profiles'!$G$19=$B$17,14,0)+IF('Standard Profiles'!$G$19=$B$24,21,0),0)),0)</f>
        <v>0</v>
      </c>
      <c r="F642" cm="1">
        <f t="array" ref="F642">IFERROR(INDEX(Jesper!AJ$2:AJ$366,ROUNDDOWN($C642/24,0)+1,1)*INDEX($D$3:$AA$30,INDEX(Jesper!$R$2:$R$366,ROW(INDEX(Jesper!AJ$2:AJ$366,ROUNDDOWN($C642/24,0)+1,1))-1)+IF('Standard Profiles'!$G$20=$B$10,7,0)+IF('Standard Profiles'!$G$20=$B$17,14,0)+IF('Standard Profiles'!$G$20=$B$24,21,0),MOD($C642,24)+1)/SUM(INDEX($D$3:$AA$30,INDEX(Jesper!$R$2:$R$366,ROW(INDEX(Jesper!AJ$2:AJ$366,ROUNDDOWN($C642/24,0)+1,1))-1)+IF('Standard Profiles'!$G$20=$B$10,7,0)+IF('Standard Profiles'!$G$20=$B$17,14,0)+IF('Standard Profiles'!$G$20=$B$24,21,0),0)),0)</f>
        <v>0</v>
      </c>
      <c r="G642" cm="1">
        <f t="array" ref="G642">IFERROR(INDEX(Jesper!AK$2:AK$366,ROUNDDOWN($C642/24,0)+1,1)*INDEX($D$3:$AA$30,INDEX(Jesper!$R$2:$R$366,ROW(INDEX(Jesper!AK$2:AK$366,ROUNDDOWN($C642/24,0)+1,1))-1)+IF('Standard Profiles'!$G$21=$B$10,7,0)+IF('Standard Profiles'!$G$21=$B$17,14,0)+IF('Standard Profiles'!$G$21=$B$24,21,0),MOD($C642,24)+1)/SUM(INDEX($D$3:$AA$30,INDEX(Jesper!$R$2:$R$366,ROW(INDEX(Jesper!AK$2:AK$366,ROUNDDOWN($C642/24,0)+1,1))-1)+IF('Standard Profiles'!$G$21=$B$10,7,0)+IF('Standard Profiles'!$G$21=$B$17,14,0)+IF('Standard Profiles'!$G$21=$B$24,21,0),0)),0)</f>
        <v>0</v>
      </c>
      <c r="H642" cm="1">
        <f t="array" ref="H642">IFERROR(INDEX(Jesper!AL$2:AL$366,ROUNDDOWN($C642/24,0)+1,1)*INDEX($D$3:$AA$30,INDEX(Jesper!$R$2:$R$366,ROW(INDEX(Jesper!AL$2:AL$366,ROUNDDOWN($C642/24,0)+1,1))-1)+IF('Standard Profiles'!$G$22=$B$10,7,0)+IF('Standard Profiles'!$G$22=$B$17,14,0)+IF('Standard Profiles'!$G$22=$B$24,21,0),MOD($C642,24)+1)/SUM(INDEX($D$3:$AA$30,INDEX(Jesper!$R$2:$R$366,ROW(INDEX(Jesper!AL$2:AL$366,ROUNDDOWN($C642/24,0)+1,1))-1)+IF('Standard Profiles'!$G$22=$B$10,7,0)+IF('Standard Profiles'!$G$22=$B$17,14,0)+IF('Standard Profiles'!$G$22=$B$24,21,0),0)),0)</f>
        <v>0</v>
      </c>
      <c r="I642">
        <f t="shared" si="83"/>
        <v>0.39153528154491751</v>
      </c>
      <c r="J642">
        <f t="shared" si="84"/>
        <v>1.3051176051497251</v>
      </c>
      <c r="K642">
        <f t="shared" si="85"/>
        <v>1.9576764077245876</v>
      </c>
      <c r="L642">
        <f t="shared" si="86"/>
        <v>9.3968467570780199</v>
      </c>
      <c r="M642">
        <f t="shared" si="87"/>
        <v>0</v>
      </c>
      <c r="N642" s="46">
        <f t="shared" si="88"/>
        <v>45317.333333331859</v>
      </c>
    </row>
    <row r="643" spans="2:14" x14ac:dyDescent="0.3">
      <c r="B643">
        <f t="shared" si="82"/>
        <v>5</v>
      </c>
      <c r="C643" s="16">
        <v>609</v>
      </c>
      <c r="D643" cm="1">
        <f t="array" ref="D643">IFERROR(INDEX(Jesper!AH$2:AH$366,ROUNDDOWN($C643/24,0)+1,1)*INDEX($D$3:$AA$30,INDEX(Jesper!$R$2:$R$366,ROW(INDEX(Jesper!AH$2:AH$366,ROUNDDOWN($C643/24,0)+1,1))-1)+IF('Standard Profiles'!$G$18=$B$10,7,0)+IF('Standard Profiles'!$G$18=$B$17,14,0)+IF('Standard Profiles'!$G$18=$B$24,21,0),MOD($C643,24)+1)/SUM(INDEX($D$3:$AA$30,INDEX(Jesper!$R$2:$R$366,ROW(INDEX(Jesper!AH$2:AH$366,ROUNDDOWN($C643/24,0)+1,1))-1)+IF('Standard Profiles'!$G$18=$B$10,7,0)+IF('Standard Profiles'!$G$18=$B$17,14,0)+IF('Standard Profiles'!$G$18=$B$24,21,0),0)),0)</f>
        <v>13.983402912318482</v>
      </c>
      <c r="E643" cm="1">
        <f t="array" ref="E643">IFERROR(INDEX(Jesper!AI$2:AI$366,ROUNDDOWN($C643/24,0)+1,1)*INDEX($D$3:$AA$30,INDEX(Jesper!$R$2:$R$366,ROW(INDEX(Jesper!AI$2:AI$366,ROUNDDOWN($C643/24,0)+1,1))-1)+IF('Standard Profiles'!$G$19=$B$10,7,0)+IF('Standard Profiles'!$G$19=$B$17,14,0)+IF('Standard Profiles'!$G$19=$B$24,21,0),MOD($C643,24)+1)/SUM(INDEX($D$3:$AA$30,INDEX(Jesper!$R$2:$R$366,ROW(INDEX(Jesper!AI$2:AI$366,ROUNDDOWN($C643/24,0)+1,1))-1)+IF('Standard Profiles'!$G$19=$B$10,7,0)+IF('Standard Profiles'!$G$19=$B$17,14,0)+IF('Standard Profiles'!$G$19=$B$24,21,0),0)),0)</f>
        <v>0</v>
      </c>
      <c r="F643" cm="1">
        <f t="array" ref="F643">IFERROR(INDEX(Jesper!AJ$2:AJ$366,ROUNDDOWN($C643/24,0)+1,1)*INDEX($D$3:$AA$30,INDEX(Jesper!$R$2:$R$366,ROW(INDEX(Jesper!AJ$2:AJ$366,ROUNDDOWN($C643/24,0)+1,1))-1)+IF('Standard Profiles'!$G$20=$B$10,7,0)+IF('Standard Profiles'!$G$20=$B$17,14,0)+IF('Standard Profiles'!$G$20=$B$24,21,0),MOD($C643,24)+1)/SUM(INDEX($D$3:$AA$30,INDEX(Jesper!$R$2:$R$366,ROW(INDEX(Jesper!AJ$2:AJ$366,ROUNDDOWN($C643/24,0)+1,1))-1)+IF('Standard Profiles'!$G$20=$B$10,7,0)+IF('Standard Profiles'!$G$20=$B$17,14,0)+IF('Standard Profiles'!$G$20=$B$24,21,0),0)),0)</f>
        <v>0</v>
      </c>
      <c r="G643" cm="1">
        <f t="array" ref="G643">IFERROR(INDEX(Jesper!AK$2:AK$366,ROUNDDOWN($C643/24,0)+1,1)*INDEX($D$3:$AA$30,INDEX(Jesper!$R$2:$R$366,ROW(INDEX(Jesper!AK$2:AK$366,ROUNDDOWN($C643/24,0)+1,1))-1)+IF('Standard Profiles'!$G$21=$B$10,7,0)+IF('Standard Profiles'!$G$21=$B$17,14,0)+IF('Standard Profiles'!$G$21=$B$24,21,0),MOD($C643,24)+1)/SUM(INDEX($D$3:$AA$30,INDEX(Jesper!$R$2:$R$366,ROW(INDEX(Jesper!AK$2:AK$366,ROUNDDOWN($C643/24,0)+1,1))-1)+IF('Standard Profiles'!$G$21=$B$10,7,0)+IF('Standard Profiles'!$G$21=$B$17,14,0)+IF('Standard Profiles'!$G$21=$B$24,21,0),0)),0)</f>
        <v>0</v>
      </c>
      <c r="H643" cm="1">
        <f t="array" ref="H643">IFERROR(INDEX(Jesper!AL$2:AL$366,ROUNDDOWN($C643/24,0)+1,1)*INDEX($D$3:$AA$30,INDEX(Jesper!$R$2:$R$366,ROW(INDEX(Jesper!AL$2:AL$366,ROUNDDOWN($C643/24,0)+1,1))-1)+IF('Standard Profiles'!$G$22=$B$10,7,0)+IF('Standard Profiles'!$G$22=$B$17,14,0)+IF('Standard Profiles'!$G$22=$B$24,21,0),MOD($C643,24)+1)/SUM(INDEX($D$3:$AA$30,INDEX(Jesper!$R$2:$R$366,ROW(INDEX(Jesper!AL$2:AL$366,ROUNDDOWN($C643/24,0)+1,1))-1)+IF('Standard Profiles'!$G$22=$B$10,7,0)+IF('Standard Profiles'!$G$22=$B$17,14,0)+IF('Standard Profiles'!$G$22=$B$24,21,0),0)),0)</f>
        <v>0</v>
      </c>
      <c r="I643">
        <f t="shared" si="83"/>
        <v>0.41950208736955447</v>
      </c>
      <c r="J643">
        <f t="shared" si="84"/>
        <v>1.3983402912318483</v>
      </c>
      <c r="K643">
        <f t="shared" si="85"/>
        <v>2.0975104368477724</v>
      </c>
      <c r="L643">
        <f t="shared" si="86"/>
        <v>10.068050096869307</v>
      </c>
      <c r="M643">
        <f t="shared" si="87"/>
        <v>0</v>
      </c>
      <c r="N643" s="46">
        <f t="shared" si="88"/>
        <v>45317.374999998523</v>
      </c>
    </row>
    <row r="644" spans="2:14" x14ac:dyDescent="0.3">
      <c r="B644">
        <f t="shared" si="82"/>
        <v>5</v>
      </c>
      <c r="C644" s="16">
        <v>610</v>
      </c>
      <c r="D644" cm="1">
        <f t="array" ref="D644">IFERROR(INDEX(Jesper!AH$2:AH$366,ROUNDDOWN($C644/24,0)+1,1)*INDEX($D$3:$AA$30,INDEX(Jesper!$R$2:$R$366,ROW(INDEX(Jesper!AH$2:AH$366,ROUNDDOWN($C644/24,0)+1,1))-1)+IF('Standard Profiles'!$G$18=$B$10,7,0)+IF('Standard Profiles'!$G$18=$B$17,14,0)+IF('Standard Profiles'!$G$18=$B$24,21,0),MOD($C644,24)+1)/SUM(INDEX($D$3:$AA$30,INDEX(Jesper!$R$2:$R$366,ROW(INDEX(Jesper!AH$2:AH$366,ROUNDDOWN($C644/24,0)+1,1))-1)+IF('Standard Profiles'!$G$18=$B$10,7,0)+IF('Standard Profiles'!$G$18=$B$17,14,0)+IF('Standard Profiles'!$G$18=$B$24,21,0),0)),0)</f>
        <v>14.542739028811221</v>
      </c>
      <c r="E644" cm="1">
        <f t="array" ref="E644">IFERROR(INDEX(Jesper!AI$2:AI$366,ROUNDDOWN($C644/24,0)+1,1)*INDEX($D$3:$AA$30,INDEX(Jesper!$R$2:$R$366,ROW(INDEX(Jesper!AI$2:AI$366,ROUNDDOWN($C644/24,0)+1,1))-1)+IF('Standard Profiles'!$G$19=$B$10,7,0)+IF('Standard Profiles'!$G$19=$B$17,14,0)+IF('Standard Profiles'!$G$19=$B$24,21,0),MOD($C644,24)+1)/SUM(INDEX($D$3:$AA$30,INDEX(Jesper!$R$2:$R$366,ROW(INDEX(Jesper!AI$2:AI$366,ROUNDDOWN($C644/24,0)+1,1))-1)+IF('Standard Profiles'!$G$19=$B$10,7,0)+IF('Standard Profiles'!$G$19=$B$17,14,0)+IF('Standard Profiles'!$G$19=$B$24,21,0),0)),0)</f>
        <v>0</v>
      </c>
      <c r="F644" cm="1">
        <f t="array" ref="F644">IFERROR(INDEX(Jesper!AJ$2:AJ$366,ROUNDDOWN($C644/24,0)+1,1)*INDEX($D$3:$AA$30,INDEX(Jesper!$R$2:$R$366,ROW(INDEX(Jesper!AJ$2:AJ$366,ROUNDDOWN($C644/24,0)+1,1))-1)+IF('Standard Profiles'!$G$20=$B$10,7,0)+IF('Standard Profiles'!$G$20=$B$17,14,0)+IF('Standard Profiles'!$G$20=$B$24,21,0),MOD($C644,24)+1)/SUM(INDEX($D$3:$AA$30,INDEX(Jesper!$R$2:$R$366,ROW(INDEX(Jesper!AJ$2:AJ$366,ROUNDDOWN($C644/24,0)+1,1))-1)+IF('Standard Profiles'!$G$20=$B$10,7,0)+IF('Standard Profiles'!$G$20=$B$17,14,0)+IF('Standard Profiles'!$G$20=$B$24,21,0),0)),0)</f>
        <v>0</v>
      </c>
      <c r="G644" cm="1">
        <f t="array" ref="G644">IFERROR(INDEX(Jesper!AK$2:AK$366,ROUNDDOWN($C644/24,0)+1,1)*INDEX($D$3:$AA$30,INDEX(Jesper!$R$2:$R$366,ROW(INDEX(Jesper!AK$2:AK$366,ROUNDDOWN($C644/24,0)+1,1))-1)+IF('Standard Profiles'!$G$21=$B$10,7,0)+IF('Standard Profiles'!$G$21=$B$17,14,0)+IF('Standard Profiles'!$G$21=$B$24,21,0),MOD($C644,24)+1)/SUM(INDEX($D$3:$AA$30,INDEX(Jesper!$R$2:$R$366,ROW(INDEX(Jesper!AK$2:AK$366,ROUNDDOWN($C644/24,0)+1,1))-1)+IF('Standard Profiles'!$G$21=$B$10,7,0)+IF('Standard Profiles'!$G$21=$B$17,14,0)+IF('Standard Profiles'!$G$21=$B$24,21,0),0)),0)</f>
        <v>0</v>
      </c>
      <c r="H644" cm="1">
        <f t="array" ref="H644">IFERROR(INDEX(Jesper!AL$2:AL$366,ROUNDDOWN($C644/24,0)+1,1)*INDEX($D$3:$AA$30,INDEX(Jesper!$R$2:$R$366,ROW(INDEX(Jesper!AL$2:AL$366,ROUNDDOWN($C644/24,0)+1,1))-1)+IF('Standard Profiles'!$G$22=$B$10,7,0)+IF('Standard Profiles'!$G$22=$B$17,14,0)+IF('Standard Profiles'!$G$22=$B$24,21,0),MOD($C644,24)+1)/SUM(INDEX($D$3:$AA$30,INDEX(Jesper!$R$2:$R$366,ROW(INDEX(Jesper!AL$2:AL$366,ROUNDDOWN($C644/24,0)+1,1))-1)+IF('Standard Profiles'!$G$22=$B$10,7,0)+IF('Standard Profiles'!$G$22=$B$17,14,0)+IF('Standard Profiles'!$G$22=$B$24,21,0),0)),0)</f>
        <v>0</v>
      </c>
      <c r="I644">
        <f t="shared" si="83"/>
        <v>0.43628217086433663</v>
      </c>
      <c r="J644">
        <f t="shared" si="84"/>
        <v>1.4542739028811222</v>
      </c>
      <c r="K644">
        <f t="shared" si="85"/>
        <v>2.1814108543216832</v>
      </c>
      <c r="L644">
        <f t="shared" si="86"/>
        <v>10.470772100744078</v>
      </c>
      <c r="M644">
        <f t="shared" si="87"/>
        <v>0</v>
      </c>
      <c r="N644" s="46">
        <f t="shared" si="88"/>
        <v>45317.416666665187</v>
      </c>
    </row>
    <row r="645" spans="2:14" x14ac:dyDescent="0.3">
      <c r="B645">
        <f t="shared" si="82"/>
        <v>5</v>
      </c>
      <c r="C645" s="16">
        <v>611</v>
      </c>
      <c r="D645" cm="1">
        <f t="array" ref="D645">IFERROR(INDEX(Jesper!AH$2:AH$366,ROUNDDOWN($C645/24,0)+1,1)*INDEX($D$3:$AA$30,INDEX(Jesper!$R$2:$R$366,ROW(INDEX(Jesper!AH$2:AH$366,ROUNDDOWN($C645/24,0)+1,1))-1)+IF('Standard Profiles'!$G$18=$B$10,7,0)+IF('Standard Profiles'!$G$18=$B$17,14,0)+IF('Standard Profiles'!$G$18=$B$24,21,0),MOD($C645,24)+1)/SUM(INDEX($D$3:$AA$30,INDEX(Jesper!$R$2:$R$366,ROW(INDEX(Jesper!AH$2:AH$366,ROUNDDOWN($C645/24,0)+1,1))-1)+IF('Standard Profiles'!$G$18=$B$10,7,0)+IF('Standard Profiles'!$G$18=$B$17,14,0)+IF('Standard Profiles'!$G$18=$B$24,21,0),0)),0)</f>
        <v>16.780083494782176</v>
      </c>
      <c r="E645" cm="1">
        <f t="array" ref="E645">IFERROR(INDEX(Jesper!AI$2:AI$366,ROUNDDOWN($C645/24,0)+1,1)*INDEX($D$3:$AA$30,INDEX(Jesper!$R$2:$R$366,ROW(INDEX(Jesper!AI$2:AI$366,ROUNDDOWN($C645/24,0)+1,1))-1)+IF('Standard Profiles'!$G$19=$B$10,7,0)+IF('Standard Profiles'!$G$19=$B$17,14,0)+IF('Standard Profiles'!$G$19=$B$24,21,0),MOD($C645,24)+1)/SUM(INDEX($D$3:$AA$30,INDEX(Jesper!$R$2:$R$366,ROW(INDEX(Jesper!AI$2:AI$366,ROUNDDOWN($C645/24,0)+1,1))-1)+IF('Standard Profiles'!$G$19=$B$10,7,0)+IF('Standard Profiles'!$G$19=$B$17,14,0)+IF('Standard Profiles'!$G$19=$B$24,21,0),0)),0)</f>
        <v>0</v>
      </c>
      <c r="F645" cm="1">
        <f t="array" ref="F645">IFERROR(INDEX(Jesper!AJ$2:AJ$366,ROUNDDOWN($C645/24,0)+1,1)*INDEX($D$3:$AA$30,INDEX(Jesper!$R$2:$R$366,ROW(INDEX(Jesper!AJ$2:AJ$366,ROUNDDOWN($C645/24,0)+1,1))-1)+IF('Standard Profiles'!$G$20=$B$10,7,0)+IF('Standard Profiles'!$G$20=$B$17,14,0)+IF('Standard Profiles'!$G$20=$B$24,21,0),MOD($C645,24)+1)/SUM(INDEX($D$3:$AA$30,INDEX(Jesper!$R$2:$R$366,ROW(INDEX(Jesper!AJ$2:AJ$366,ROUNDDOWN($C645/24,0)+1,1))-1)+IF('Standard Profiles'!$G$20=$B$10,7,0)+IF('Standard Profiles'!$G$20=$B$17,14,0)+IF('Standard Profiles'!$G$20=$B$24,21,0),0)),0)</f>
        <v>0</v>
      </c>
      <c r="G645" cm="1">
        <f t="array" ref="G645">IFERROR(INDEX(Jesper!AK$2:AK$366,ROUNDDOWN($C645/24,0)+1,1)*INDEX($D$3:$AA$30,INDEX(Jesper!$R$2:$R$366,ROW(INDEX(Jesper!AK$2:AK$366,ROUNDDOWN($C645/24,0)+1,1))-1)+IF('Standard Profiles'!$G$21=$B$10,7,0)+IF('Standard Profiles'!$G$21=$B$17,14,0)+IF('Standard Profiles'!$G$21=$B$24,21,0),MOD($C645,24)+1)/SUM(INDEX($D$3:$AA$30,INDEX(Jesper!$R$2:$R$366,ROW(INDEX(Jesper!AK$2:AK$366,ROUNDDOWN($C645/24,0)+1,1))-1)+IF('Standard Profiles'!$G$21=$B$10,7,0)+IF('Standard Profiles'!$G$21=$B$17,14,0)+IF('Standard Profiles'!$G$21=$B$24,21,0),0)),0)</f>
        <v>0</v>
      </c>
      <c r="H645" cm="1">
        <f t="array" ref="H645">IFERROR(INDEX(Jesper!AL$2:AL$366,ROUNDDOWN($C645/24,0)+1,1)*INDEX($D$3:$AA$30,INDEX(Jesper!$R$2:$R$366,ROW(INDEX(Jesper!AL$2:AL$366,ROUNDDOWN($C645/24,0)+1,1))-1)+IF('Standard Profiles'!$G$22=$B$10,7,0)+IF('Standard Profiles'!$G$22=$B$17,14,0)+IF('Standard Profiles'!$G$22=$B$24,21,0),MOD($C645,24)+1)/SUM(INDEX($D$3:$AA$30,INDEX(Jesper!$R$2:$R$366,ROW(INDEX(Jesper!AL$2:AL$366,ROUNDDOWN($C645/24,0)+1,1))-1)+IF('Standard Profiles'!$G$22=$B$10,7,0)+IF('Standard Profiles'!$G$22=$B$17,14,0)+IF('Standard Profiles'!$G$22=$B$24,21,0),0)),0)</f>
        <v>0</v>
      </c>
      <c r="I645">
        <f t="shared" si="83"/>
        <v>0.50340250484346527</v>
      </c>
      <c r="J645">
        <f t="shared" si="84"/>
        <v>1.6780083494782176</v>
      </c>
      <c r="K645">
        <f t="shared" si="85"/>
        <v>2.5170125242173262</v>
      </c>
      <c r="L645">
        <f t="shared" si="86"/>
        <v>12.081660116243166</v>
      </c>
      <c r="M645">
        <f t="shared" si="87"/>
        <v>0</v>
      </c>
      <c r="N645" s="46">
        <f t="shared" si="88"/>
        <v>45317.458333331851</v>
      </c>
    </row>
    <row r="646" spans="2:14" x14ac:dyDescent="0.3">
      <c r="B646">
        <f t="shared" si="82"/>
        <v>5</v>
      </c>
      <c r="C646" s="16">
        <v>612</v>
      </c>
      <c r="D646" cm="1">
        <f t="array" ref="D646">IFERROR(INDEX(Jesper!AH$2:AH$366,ROUNDDOWN($C646/24,0)+1,1)*INDEX($D$3:$AA$30,INDEX(Jesper!$R$2:$R$366,ROW(INDEX(Jesper!AH$2:AH$366,ROUNDDOWN($C646/24,0)+1,1))-1)+IF('Standard Profiles'!$G$18=$B$10,7,0)+IF('Standard Profiles'!$G$18=$B$17,14,0)+IF('Standard Profiles'!$G$18=$B$24,21,0),MOD($C646,24)+1)/SUM(INDEX($D$3:$AA$30,INDEX(Jesper!$R$2:$R$366,ROW(INDEX(Jesper!AH$2:AH$366,ROUNDDOWN($C646/24,0)+1,1))-1)+IF('Standard Profiles'!$G$18=$B$10,7,0)+IF('Standard Profiles'!$G$18=$B$17,14,0)+IF('Standard Profiles'!$G$18=$B$24,21,0),0)),0)</f>
        <v>16.780083494782176</v>
      </c>
      <c r="E646" cm="1">
        <f t="array" ref="E646">IFERROR(INDEX(Jesper!AI$2:AI$366,ROUNDDOWN($C646/24,0)+1,1)*INDEX($D$3:$AA$30,INDEX(Jesper!$R$2:$R$366,ROW(INDEX(Jesper!AI$2:AI$366,ROUNDDOWN($C646/24,0)+1,1))-1)+IF('Standard Profiles'!$G$19=$B$10,7,0)+IF('Standard Profiles'!$G$19=$B$17,14,0)+IF('Standard Profiles'!$G$19=$B$24,21,0),MOD($C646,24)+1)/SUM(INDEX($D$3:$AA$30,INDEX(Jesper!$R$2:$R$366,ROW(INDEX(Jesper!AI$2:AI$366,ROUNDDOWN($C646/24,0)+1,1))-1)+IF('Standard Profiles'!$G$19=$B$10,7,0)+IF('Standard Profiles'!$G$19=$B$17,14,0)+IF('Standard Profiles'!$G$19=$B$24,21,0),0)),0)</f>
        <v>0</v>
      </c>
      <c r="F646" cm="1">
        <f t="array" ref="F646">IFERROR(INDEX(Jesper!AJ$2:AJ$366,ROUNDDOWN($C646/24,0)+1,1)*INDEX($D$3:$AA$30,INDEX(Jesper!$R$2:$R$366,ROW(INDEX(Jesper!AJ$2:AJ$366,ROUNDDOWN($C646/24,0)+1,1))-1)+IF('Standard Profiles'!$G$20=$B$10,7,0)+IF('Standard Profiles'!$G$20=$B$17,14,0)+IF('Standard Profiles'!$G$20=$B$24,21,0),MOD($C646,24)+1)/SUM(INDEX($D$3:$AA$30,INDEX(Jesper!$R$2:$R$366,ROW(INDEX(Jesper!AJ$2:AJ$366,ROUNDDOWN($C646/24,0)+1,1))-1)+IF('Standard Profiles'!$G$20=$B$10,7,0)+IF('Standard Profiles'!$G$20=$B$17,14,0)+IF('Standard Profiles'!$G$20=$B$24,21,0),0)),0)</f>
        <v>0</v>
      </c>
      <c r="G646" cm="1">
        <f t="array" ref="G646">IFERROR(INDEX(Jesper!AK$2:AK$366,ROUNDDOWN($C646/24,0)+1,1)*INDEX($D$3:$AA$30,INDEX(Jesper!$R$2:$R$366,ROW(INDEX(Jesper!AK$2:AK$366,ROUNDDOWN($C646/24,0)+1,1))-1)+IF('Standard Profiles'!$G$21=$B$10,7,0)+IF('Standard Profiles'!$G$21=$B$17,14,0)+IF('Standard Profiles'!$G$21=$B$24,21,0),MOD($C646,24)+1)/SUM(INDEX($D$3:$AA$30,INDEX(Jesper!$R$2:$R$366,ROW(INDEX(Jesper!AK$2:AK$366,ROUNDDOWN($C646/24,0)+1,1))-1)+IF('Standard Profiles'!$G$21=$B$10,7,0)+IF('Standard Profiles'!$G$21=$B$17,14,0)+IF('Standard Profiles'!$G$21=$B$24,21,0),0)),0)</f>
        <v>0</v>
      </c>
      <c r="H646" cm="1">
        <f t="array" ref="H646">IFERROR(INDEX(Jesper!AL$2:AL$366,ROUNDDOWN($C646/24,0)+1,1)*INDEX($D$3:$AA$30,INDEX(Jesper!$R$2:$R$366,ROW(INDEX(Jesper!AL$2:AL$366,ROUNDDOWN($C646/24,0)+1,1))-1)+IF('Standard Profiles'!$G$22=$B$10,7,0)+IF('Standard Profiles'!$G$22=$B$17,14,0)+IF('Standard Profiles'!$G$22=$B$24,21,0),MOD($C646,24)+1)/SUM(INDEX($D$3:$AA$30,INDEX(Jesper!$R$2:$R$366,ROW(INDEX(Jesper!AL$2:AL$366,ROUNDDOWN($C646/24,0)+1,1))-1)+IF('Standard Profiles'!$G$22=$B$10,7,0)+IF('Standard Profiles'!$G$22=$B$17,14,0)+IF('Standard Profiles'!$G$22=$B$24,21,0),0)),0)</f>
        <v>0</v>
      </c>
      <c r="I646">
        <f t="shared" si="83"/>
        <v>0.50340250484346527</v>
      </c>
      <c r="J646">
        <f t="shared" si="84"/>
        <v>1.6780083494782176</v>
      </c>
      <c r="K646">
        <f t="shared" si="85"/>
        <v>2.5170125242173262</v>
      </c>
      <c r="L646">
        <f t="shared" si="86"/>
        <v>12.081660116243166</v>
      </c>
      <c r="M646">
        <f t="shared" si="87"/>
        <v>0</v>
      </c>
      <c r="N646" s="46">
        <f t="shared" si="88"/>
        <v>45317.499999998516</v>
      </c>
    </row>
    <row r="647" spans="2:14" x14ac:dyDescent="0.3">
      <c r="B647">
        <f t="shared" si="82"/>
        <v>5</v>
      </c>
      <c r="C647" s="16">
        <v>613</v>
      </c>
      <c r="D647" cm="1">
        <f t="array" ref="D647">IFERROR(INDEX(Jesper!AH$2:AH$366,ROUNDDOWN($C647/24,0)+1,1)*INDEX($D$3:$AA$30,INDEX(Jesper!$R$2:$R$366,ROW(INDEX(Jesper!AH$2:AH$366,ROUNDDOWN($C647/24,0)+1,1))-1)+IF('Standard Profiles'!$G$18=$B$10,7,0)+IF('Standard Profiles'!$G$18=$B$17,14,0)+IF('Standard Profiles'!$G$18=$B$24,21,0),MOD($C647,24)+1)/SUM(INDEX($D$3:$AA$30,INDEX(Jesper!$R$2:$R$366,ROW(INDEX(Jesper!AH$2:AH$366,ROUNDDOWN($C647/24,0)+1,1))-1)+IF('Standard Profiles'!$G$18=$B$10,7,0)+IF('Standard Profiles'!$G$18=$B$17,14,0)+IF('Standard Profiles'!$G$18=$B$24,21,0),0)),0)</f>
        <v>16.780083494782176</v>
      </c>
      <c r="E647" cm="1">
        <f t="array" ref="E647">IFERROR(INDEX(Jesper!AI$2:AI$366,ROUNDDOWN($C647/24,0)+1,1)*INDEX($D$3:$AA$30,INDEX(Jesper!$R$2:$R$366,ROW(INDEX(Jesper!AI$2:AI$366,ROUNDDOWN($C647/24,0)+1,1))-1)+IF('Standard Profiles'!$G$19=$B$10,7,0)+IF('Standard Profiles'!$G$19=$B$17,14,0)+IF('Standard Profiles'!$G$19=$B$24,21,0),MOD($C647,24)+1)/SUM(INDEX($D$3:$AA$30,INDEX(Jesper!$R$2:$R$366,ROW(INDEX(Jesper!AI$2:AI$366,ROUNDDOWN($C647/24,0)+1,1))-1)+IF('Standard Profiles'!$G$19=$B$10,7,0)+IF('Standard Profiles'!$G$19=$B$17,14,0)+IF('Standard Profiles'!$G$19=$B$24,21,0),0)),0)</f>
        <v>0</v>
      </c>
      <c r="F647" cm="1">
        <f t="array" ref="F647">IFERROR(INDEX(Jesper!AJ$2:AJ$366,ROUNDDOWN($C647/24,0)+1,1)*INDEX($D$3:$AA$30,INDEX(Jesper!$R$2:$R$366,ROW(INDEX(Jesper!AJ$2:AJ$366,ROUNDDOWN($C647/24,0)+1,1))-1)+IF('Standard Profiles'!$G$20=$B$10,7,0)+IF('Standard Profiles'!$G$20=$B$17,14,0)+IF('Standard Profiles'!$G$20=$B$24,21,0),MOD($C647,24)+1)/SUM(INDEX($D$3:$AA$30,INDEX(Jesper!$R$2:$R$366,ROW(INDEX(Jesper!AJ$2:AJ$366,ROUNDDOWN($C647/24,0)+1,1))-1)+IF('Standard Profiles'!$G$20=$B$10,7,0)+IF('Standard Profiles'!$G$20=$B$17,14,0)+IF('Standard Profiles'!$G$20=$B$24,21,0),0)),0)</f>
        <v>0</v>
      </c>
      <c r="G647" cm="1">
        <f t="array" ref="G647">IFERROR(INDEX(Jesper!AK$2:AK$366,ROUNDDOWN($C647/24,0)+1,1)*INDEX($D$3:$AA$30,INDEX(Jesper!$R$2:$R$366,ROW(INDEX(Jesper!AK$2:AK$366,ROUNDDOWN($C647/24,0)+1,1))-1)+IF('Standard Profiles'!$G$21=$B$10,7,0)+IF('Standard Profiles'!$G$21=$B$17,14,0)+IF('Standard Profiles'!$G$21=$B$24,21,0),MOD($C647,24)+1)/SUM(INDEX($D$3:$AA$30,INDEX(Jesper!$R$2:$R$366,ROW(INDEX(Jesper!AK$2:AK$366,ROUNDDOWN($C647/24,0)+1,1))-1)+IF('Standard Profiles'!$G$21=$B$10,7,0)+IF('Standard Profiles'!$G$21=$B$17,14,0)+IF('Standard Profiles'!$G$21=$B$24,21,0),0)),0)</f>
        <v>0</v>
      </c>
      <c r="H647" cm="1">
        <f t="array" ref="H647">IFERROR(INDEX(Jesper!AL$2:AL$366,ROUNDDOWN($C647/24,0)+1,1)*INDEX($D$3:$AA$30,INDEX(Jesper!$R$2:$R$366,ROW(INDEX(Jesper!AL$2:AL$366,ROUNDDOWN($C647/24,0)+1,1))-1)+IF('Standard Profiles'!$G$22=$B$10,7,0)+IF('Standard Profiles'!$G$22=$B$17,14,0)+IF('Standard Profiles'!$G$22=$B$24,21,0),MOD($C647,24)+1)/SUM(INDEX($D$3:$AA$30,INDEX(Jesper!$R$2:$R$366,ROW(INDEX(Jesper!AL$2:AL$366,ROUNDDOWN($C647/24,0)+1,1))-1)+IF('Standard Profiles'!$G$22=$B$10,7,0)+IF('Standard Profiles'!$G$22=$B$17,14,0)+IF('Standard Profiles'!$G$22=$B$24,21,0),0)),0)</f>
        <v>0</v>
      </c>
      <c r="I647">
        <f t="shared" si="83"/>
        <v>0.50340250484346527</v>
      </c>
      <c r="J647">
        <f t="shared" si="84"/>
        <v>1.6780083494782176</v>
      </c>
      <c r="K647">
        <f t="shared" si="85"/>
        <v>2.5170125242173262</v>
      </c>
      <c r="L647">
        <f t="shared" si="86"/>
        <v>12.081660116243166</v>
      </c>
      <c r="M647">
        <f t="shared" si="87"/>
        <v>0</v>
      </c>
      <c r="N647" s="46">
        <f t="shared" si="88"/>
        <v>45317.54166666518</v>
      </c>
    </row>
    <row r="648" spans="2:14" x14ac:dyDescent="0.3">
      <c r="B648">
        <f t="shared" si="82"/>
        <v>5</v>
      </c>
      <c r="C648" s="16">
        <v>614</v>
      </c>
      <c r="D648" cm="1">
        <f t="array" ref="D648">IFERROR(INDEX(Jesper!AH$2:AH$366,ROUNDDOWN($C648/24,0)+1,1)*INDEX($D$3:$AA$30,INDEX(Jesper!$R$2:$R$366,ROW(INDEX(Jesper!AH$2:AH$366,ROUNDDOWN($C648/24,0)+1,1))-1)+IF('Standard Profiles'!$G$18=$B$10,7,0)+IF('Standard Profiles'!$G$18=$B$17,14,0)+IF('Standard Profiles'!$G$18=$B$24,21,0),MOD($C648,24)+1)/SUM(INDEX($D$3:$AA$30,INDEX(Jesper!$R$2:$R$366,ROW(INDEX(Jesper!AH$2:AH$366,ROUNDDOWN($C648/24,0)+1,1))-1)+IF('Standard Profiles'!$G$18=$B$10,7,0)+IF('Standard Profiles'!$G$18=$B$17,14,0)+IF('Standard Profiles'!$G$18=$B$24,21,0),0)),0)</f>
        <v>16.780083494782176</v>
      </c>
      <c r="E648" cm="1">
        <f t="array" ref="E648">IFERROR(INDEX(Jesper!AI$2:AI$366,ROUNDDOWN($C648/24,0)+1,1)*INDEX($D$3:$AA$30,INDEX(Jesper!$R$2:$R$366,ROW(INDEX(Jesper!AI$2:AI$366,ROUNDDOWN($C648/24,0)+1,1))-1)+IF('Standard Profiles'!$G$19=$B$10,7,0)+IF('Standard Profiles'!$G$19=$B$17,14,0)+IF('Standard Profiles'!$G$19=$B$24,21,0),MOD($C648,24)+1)/SUM(INDEX($D$3:$AA$30,INDEX(Jesper!$R$2:$R$366,ROW(INDEX(Jesper!AI$2:AI$366,ROUNDDOWN($C648/24,0)+1,1))-1)+IF('Standard Profiles'!$G$19=$B$10,7,0)+IF('Standard Profiles'!$G$19=$B$17,14,0)+IF('Standard Profiles'!$G$19=$B$24,21,0),0)),0)</f>
        <v>0</v>
      </c>
      <c r="F648" cm="1">
        <f t="array" ref="F648">IFERROR(INDEX(Jesper!AJ$2:AJ$366,ROUNDDOWN($C648/24,0)+1,1)*INDEX($D$3:$AA$30,INDEX(Jesper!$R$2:$R$366,ROW(INDEX(Jesper!AJ$2:AJ$366,ROUNDDOWN($C648/24,0)+1,1))-1)+IF('Standard Profiles'!$G$20=$B$10,7,0)+IF('Standard Profiles'!$G$20=$B$17,14,0)+IF('Standard Profiles'!$G$20=$B$24,21,0),MOD($C648,24)+1)/SUM(INDEX($D$3:$AA$30,INDEX(Jesper!$R$2:$R$366,ROW(INDEX(Jesper!AJ$2:AJ$366,ROUNDDOWN($C648/24,0)+1,1))-1)+IF('Standard Profiles'!$G$20=$B$10,7,0)+IF('Standard Profiles'!$G$20=$B$17,14,0)+IF('Standard Profiles'!$G$20=$B$24,21,0),0)),0)</f>
        <v>0</v>
      </c>
      <c r="G648" cm="1">
        <f t="array" ref="G648">IFERROR(INDEX(Jesper!AK$2:AK$366,ROUNDDOWN($C648/24,0)+1,1)*INDEX($D$3:$AA$30,INDEX(Jesper!$R$2:$R$366,ROW(INDEX(Jesper!AK$2:AK$366,ROUNDDOWN($C648/24,0)+1,1))-1)+IF('Standard Profiles'!$G$21=$B$10,7,0)+IF('Standard Profiles'!$G$21=$B$17,14,0)+IF('Standard Profiles'!$G$21=$B$24,21,0),MOD($C648,24)+1)/SUM(INDEX($D$3:$AA$30,INDEX(Jesper!$R$2:$R$366,ROW(INDEX(Jesper!AK$2:AK$366,ROUNDDOWN($C648/24,0)+1,1))-1)+IF('Standard Profiles'!$G$21=$B$10,7,0)+IF('Standard Profiles'!$G$21=$B$17,14,0)+IF('Standard Profiles'!$G$21=$B$24,21,0),0)),0)</f>
        <v>0</v>
      </c>
      <c r="H648" cm="1">
        <f t="array" ref="H648">IFERROR(INDEX(Jesper!AL$2:AL$366,ROUNDDOWN($C648/24,0)+1,1)*INDEX($D$3:$AA$30,INDEX(Jesper!$R$2:$R$366,ROW(INDEX(Jesper!AL$2:AL$366,ROUNDDOWN($C648/24,0)+1,1))-1)+IF('Standard Profiles'!$G$22=$B$10,7,0)+IF('Standard Profiles'!$G$22=$B$17,14,0)+IF('Standard Profiles'!$G$22=$B$24,21,0),MOD($C648,24)+1)/SUM(INDEX($D$3:$AA$30,INDEX(Jesper!$R$2:$R$366,ROW(INDEX(Jesper!AL$2:AL$366,ROUNDDOWN($C648/24,0)+1,1))-1)+IF('Standard Profiles'!$G$22=$B$10,7,0)+IF('Standard Profiles'!$G$22=$B$17,14,0)+IF('Standard Profiles'!$G$22=$B$24,21,0),0)),0)</f>
        <v>0</v>
      </c>
      <c r="I648">
        <f t="shared" si="83"/>
        <v>0.50340250484346527</v>
      </c>
      <c r="J648">
        <f t="shared" si="84"/>
        <v>1.6780083494782176</v>
      </c>
      <c r="K648">
        <f t="shared" si="85"/>
        <v>2.5170125242173262</v>
      </c>
      <c r="L648">
        <f t="shared" si="86"/>
        <v>12.081660116243166</v>
      </c>
      <c r="M648">
        <f t="shared" si="87"/>
        <v>0</v>
      </c>
      <c r="N648" s="46">
        <f t="shared" si="88"/>
        <v>45317.583333331844</v>
      </c>
    </row>
    <row r="649" spans="2:14" x14ac:dyDescent="0.3">
      <c r="B649">
        <f t="shared" si="82"/>
        <v>5</v>
      </c>
      <c r="C649" s="16">
        <v>615</v>
      </c>
      <c r="D649" cm="1">
        <f t="array" ref="D649">IFERROR(INDEX(Jesper!AH$2:AH$366,ROUNDDOWN($C649/24,0)+1,1)*INDEX($D$3:$AA$30,INDEX(Jesper!$R$2:$R$366,ROW(INDEX(Jesper!AH$2:AH$366,ROUNDDOWN($C649/24,0)+1,1))-1)+IF('Standard Profiles'!$G$18=$B$10,7,0)+IF('Standard Profiles'!$G$18=$B$17,14,0)+IF('Standard Profiles'!$G$18=$B$24,21,0),MOD($C649,24)+1)/SUM(INDEX($D$3:$AA$30,INDEX(Jesper!$R$2:$R$366,ROW(INDEX(Jesper!AH$2:AH$366,ROUNDDOWN($C649/24,0)+1,1))-1)+IF('Standard Profiles'!$G$18=$B$10,7,0)+IF('Standard Profiles'!$G$18=$B$17,14,0)+IF('Standard Profiles'!$G$18=$B$24,21,0),0)),0)</f>
        <v>13.983402912318482</v>
      </c>
      <c r="E649" cm="1">
        <f t="array" ref="E649">IFERROR(INDEX(Jesper!AI$2:AI$366,ROUNDDOWN($C649/24,0)+1,1)*INDEX($D$3:$AA$30,INDEX(Jesper!$R$2:$R$366,ROW(INDEX(Jesper!AI$2:AI$366,ROUNDDOWN($C649/24,0)+1,1))-1)+IF('Standard Profiles'!$G$19=$B$10,7,0)+IF('Standard Profiles'!$G$19=$B$17,14,0)+IF('Standard Profiles'!$G$19=$B$24,21,0),MOD($C649,24)+1)/SUM(INDEX($D$3:$AA$30,INDEX(Jesper!$R$2:$R$366,ROW(INDEX(Jesper!AI$2:AI$366,ROUNDDOWN($C649/24,0)+1,1))-1)+IF('Standard Profiles'!$G$19=$B$10,7,0)+IF('Standard Profiles'!$G$19=$B$17,14,0)+IF('Standard Profiles'!$G$19=$B$24,21,0),0)),0)</f>
        <v>0</v>
      </c>
      <c r="F649" cm="1">
        <f t="array" ref="F649">IFERROR(INDEX(Jesper!AJ$2:AJ$366,ROUNDDOWN($C649/24,0)+1,1)*INDEX($D$3:$AA$30,INDEX(Jesper!$R$2:$R$366,ROW(INDEX(Jesper!AJ$2:AJ$366,ROUNDDOWN($C649/24,0)+1,1))-1)+IF('Standard Profiles'!$G$20=$B$10,7,0)+IF('Standard Profiles'!$G$20=$B$17,14,0)+IF('Standard Profiles'!$G$20=$B$24,21,0),MOD($C649,24)+1)/SUM(INDEX($D$3:$AA$30,INDEX(Jesper!$R$2:$R$366,ROW(INDEX(Jesper!AJ$2:AJ$366,ROUNDDOWN($C649/24,0)+1,1))-1)+IF('Standard Profiles'!$G$20=$B$10,7,0)+IF('Standard Profiles'!$G$20=$B$17,14,0)+IF('Standard Profiles'!$G$20=$B$24,21,0),0)),0)</f>
        <v>0</v>
      </c>
      <c r="G649" cm="1">
        <f t="array" ref="G649">IFERROR(INDEX(Jesper!AK$2:AK$366,ROUNDDOWN($C649/24,0)+1,1)*INDEX($D$3:$AA$30,INDEX(Jesper!$R$2:$R$366,ROW(INDEX(Jesper!AK$2:AK$366,ROUNDDOWN($C649/24,0)+1,1))-1)+IF('Standard Profiles'!$G$21=$B$10,7,0)+IF('Standard Profiles'!$G$21=$B$17,14,0)+IF('Standard Profiles'!$G$21=$B$24,21,0),MOD($C649,24)+1)/SUM(INDEX($D$3:$AA$30,INDEX(Jesper!$R$2:$R$366,ROW(INDEX(Jesper!AK$2:AK$366,ROUNDDOWN($C649/24,0)+1,1))-1)+IF('Standard Profiles'!$G$21=$B$10,7,0)+IF('Standard Profiles'!$G$21=$B$17,14,0)+IF('Standard Profiles'!$G$21=$B$24,21,0),0)),0)</f>
        <v>0</v>
      </c>
      <c r="H649" cm="1">
        <f t="array" ref="H649">IFERROR(INDEX(Jesper!AL$2:AL$366,ROUNDDOWN($C649/24,0)+1,1)*INDEX($D$3:$AA$30,INDEX(Jesper!$R$2:$R$366,ROW(INDEX(Jesper!AL$2:AL$366,ROUNDDOWN($C649/24,0)+1,1))-1)+IF('Standard Profiles'!$G$22=$B$10,7,0)+IF('Standard Profiles'!$G$22=$B$17,14,0)+IF('Standard Profiles'!$G$22=$B$24,21,0),MOD($C649,24)+1)/SUM(INDEX($D$3:$AA$30,INDEX(Jesper!$R$2:$R$366,ROW(INDEX(Jesper!AL$2:AL$366,ROUNDDOWN($C649/24,0)+1,1))-1)+IF('Standard Profiles'!$G$22=$B$10,7,0)+IF('Standard Profiles'!$G$22=$B$17,14,0)+IF('Standard Profiles'!$G$22=$B$24,21,0),0)),0)</f>
        <v>0</v>
      </c>
      <c r="I649">
        <f t="shared" si="83"/>
        <v>0.41950208736955447</v>
      </c>
      <c r="J649">
        <f t="shared" si="84"/>
        <v>1.3983402912318483</v>
      </c>
      <c r="K649">
        <f t="shared" si="85"/>
        <v>2.0975104368477724</v>
      </c>
      <c r="L649">
        <f t="shared" si="86"/>
        <v>10.068050096869307</v>
      </c>
      <c r="M649">
        <f t="shared" si="87"/>
        <v>0</v>
      </c>
      <c r="N649" s="46">
        <f t="shared" si="88"/>
        <v>45317.624999998508</v>
      </c>
    </row>
    <row r="650" spans="2:14" x14ac:dyDescent="0.3">
      <c r="B650">
        <f t="shared" si="82"/>
        <v>5</v>
      </c>
      <c r="C650" s="16">
        <v>616</v>
      </c>
      <c r="D650" cm="1">
        <f t="array" ref="D650">IFERROR(INDEX(Jesper!AH$2:AH$366,ROUNDDOWN($C650/24,0)+1,1)*INDEX($D$3:$AA$30,INDEX(Jesper!$R$2:$R$366,ROW(INDEX(Jesper!AH$2:AH$366,ROUNDDOWN($C650/24,0)+1,1))-1)+IF('Standard Profiles'!$G$18=$B$10,7,0)+IF('Standard Profiles'!$G$18=$B$17,14,0)+IF('Standard Profiles'!$G$18=$B$24,21,0),MOD($C650,24)+1)/SUM(INDEX($D$3:$AA$30,INDEX(Jesper!$R$2:$R$366,ROW(INDEX(Jesper!AH$2:AH$366,ROUNDDOWN($C650/24,0)+1,1))-1)+IF('Standard Profiles'!$G$18=$B$10,7,0)+IF('Standard Profiles'!$G$18=$B$17,14,0)+IF('Standard Profiles'!$G$18=$B$24,21,0),0)),0)</f>
        <v>13.237621423661498</v>
      </c>
      <c r="E650" cm="1">
        <f t="array" ref="E650">IFERROR(INDEX(Jesper!AI$2:AI$366,ROUNDDOWN($C650/24,0)+1,1)*INDEX($D$3:$AA$30,INDEX(Jesper!$R$2:$R$366,ROW(INDEX(Jesper!AI$2:AI$366,ROUNDDOWN($C650/24,0)+1,1))-1)+IF('Standard Profiles'!$G$19=$B$10,7,0)+IF('Standard Profiles'!$G$19=$B$17,14,0)+IF('Standard Profiles'!$G$19=$B$24,21,0),MOD($C650,24)+1)/SUM(INDEX($D$3:$AA$30,INDEX(Jesper!$R$2:$R$366,ROW(INDEX(Jesper!AI$2:AI$366,ROUNDDOWN($C650/24,0)+1,1))-1)+IF('Standard Profiles'!$G$19=$B$10,7,0)+IF('Standard Profiles'!$G$19=$B$17,14,0)+IF('Standard Profiles'!$G$19=$B$24,21,0),0)),0)</f>
        <v>0</v>
      </c>
      <c r="F650" cm="1">
        <f t="array" ref="F650">IFERROR(INDEX(Jesper!AJ$2:AJ$366,ROUNDDOWN($C650/24,0)+1,1)*INDEX($D$3:$AA$30,INDEX(Jesper!$R$2:$R$366,ROW(INDEX(Jesper!AJ$2:AJ$366,ROUNDDOWN($C650/24,0)+1,1))-1)+IF('Standard Profiles'!$G$20=$B$10,7,0)+IF('Standard Profiles'!$G$20=$B$17,14,0)+IF('Standard Profiles'!$G$20=$B$24,21,0),MOD($C650,24)+1)/SUM(INDEX($D$3:$AA$30,INDEX(Jesper!$R$2:$R$366,ROW(INDEX(Jesper!AJ$2:AJ$366,ROUNDDOWN($C650/24,0)+1,1))-1)+IF('Standard Profiles'!$G$20=$B$10,7,0)+IF('Standard Profiles'!$G$20=$B$17,14,0)+IF('Standard Profiles'!$G$20=$B$24,21,0),0)),0)</f>
        <v>0</v>
      </c>
      <c r="G650" cm="1">
        <f t="array" ref="G650">IFERROR(INDEX(Jesper!AK$2:AK$366,ROUNDDOWN($C650/24,0)+1,1)*INDEX($D$3:$AA$30,INDEX(Jesper!$R$2:$R$366,ROW(INDEX(Jesper!AK$2:AK$366,ROUNDDOWN($C650/24,0)+1,1))-1)+IF('Standard Profiles'!$G$21=$B$10,7,0)+IF('Standard Profiles'!$G$21=$B$17,14,0)+IF('Standard Profiles'!$G$21=$B$24,21,0),MOD($C650,24)+1)/SUM(INDEX($D$3:$AA$30,INDEX(Jesper!$R$2:$R$366,ROW(INDEX(Jesper!AK$2:AK$366,ROUNDDOWN($C650/24,0)+1,1))-1)+IF('Standard Profiles'!$G$21=$B$10,7,0)+IF('Standard Profiles'!$G$21=$B$17,14,0)+IF('Standard Profiles'!$G$21=$B$24,21,0),0)),0)</f>
        <v>0</v>
      </c>
      <c r="H650" cm="1">
        <f t="array" ref="H650">IFERROR(INDEX(Jesper!AL$2:AL$366,ROUNDDOWN($C650/24,0)+1,1)*INDEX($D$3:$AA$30,INDEX(Jesper!$R$2:$R$366,ROW(INDEX(Jesper!AL$2:AL$366,ROUNDDOWN($C650/24,0)+1,1))-1)+IF('Standard Profiles'!$G$22=$B$10,7,0)+IF('Standard Profiles'!$G$22=$B$17,14,0)+IF('Standard Profiles'!$G$22=$B$24,21,0),MOD($C650,24)+1)/SUM(INDEX($D$3:$AA$30,INDEX(Jesper!$R$2:$R$366,ROW(INDEX(Jesper!AL$2:AL$366,ROUNDDOWN($C650/24,0)+1,1))-1)+IF('Standard Profiles'!$G$22=$B$10,7,0)+IF('Standard Profiles'!$G$22=$B$17,14,0)+IF('Standard Profiles'!$G$22=$B$24,21,0),0)),0)</f>
        <v>0</v>
      </c>
      <c r="I650">
        <f t="shared" si="83"/>
        <v>0.39712864270984494</v>
      </c>
      <c r="J650">
        <f t="shared" si="84"/>
        <v>1.3237621423661499</v>
      </c>
      <c r="K650">
        <f t="shared" si="85"/>
        <v>1.9856432135492246</v>
      </c>
      <c r="L650">
        <f t="shared" si="86"/>
        <v>9.5310874250362776</v>
      </c>
      <c r="M650">
        <f t="shared" si="87"/>
        <v>0</v>
      </c>
      <c r="N650" s="46">
        <f t="shared" si="88"/>
        <v>45317.666666665173</v>
      </c>
    </row>
    <row r="651" spans="2:14" x14ac:dyDescent="0.3">
      <c r="B651">
        <f t="shared" si="82"/>
        <v>5</v>
      </c>
      <c r="C651" s="16">
        <v>617</v>
      </c>
      <c r="D651" cm="1">
        <f t="array" ref="D651">IFERROR(INDEX(Jesper!AH$2:AH$366,ROUNDDOWN($C651/24,0)+1,1)*INDEX($D$3:$AA$30,INDEX(Jesper!$R$2:$R$366,ROW(INDEX(Jesper!AH$2:AH$366,ROUNDDOWN($C651/24,0)+1,1))-1)+IF('Standard Profiles'!$G$18=$B$10,7,0)+IF('Standard Profiles'!$G$18=$B$17,14,0)+IF('Standard Profiles'!$G$18=$B$24,21,0),MOD($C651,24)+1)/SUM(INDEX($D$3:$AA$30,INDEX(Jesper!$R$2:$R$366,ROW(INDEX(Jesper!AH$2:AH$366,ROUNDDOWN($C651/24,0)+1,1))-1)+IF('Standard Profiles'!$G$18=$B$10,7,0)+IF('Standard Profiles'!$G$18=$B$17,14,0)+IF('Standard Profiles'!$G$18=$B$24,21,0),0)),0)</f>
        <v>13.237621423661498</v>
      </c>
      <c r="E651" cm="1">
        <f t="array" ref="E651">IFERROR(INDEX(Jesper!AI$2:AI$366,ROUNDDOWN($C651/24,0)+1,1)*INDEX($D$3:$AA$30,INDEX(Jesper!$R$2:$R$366,ROW(INDEX(Jesper!AI$2:AI$366,ROUNDDOWN($C651/24,0)+1,1))-1)+IF('Standard Profiles'!$G$19=$B$10,7,0)+IF('Standard Profiles'!$G$19=$B$17,14,0)+IF('Standard Profiles'!$G$19=$B$24,21,0),MOD($C651,24)+1)/SUM(INDEX($D$3:$AA$30,INDEX(Jesper!$R$2:$R$366,ROW(INDEX(Jesper!AI$2:AI$366,ROUNDDOWN($C651/24,0)+1,1))-1)+IF('Standard Profiles'!$G$19=$B$10,7,0)+IF('Standard Profiles'!$G$19=$B$17,14,0)+IF('Standard Profiles'!$G$19=$B$24,21,0),0)),0)</f>
        <v>0</v>
      </c>
      <c r="F651" cm="1">
        <f t="array" ref="F651">IFERROR(INDEX(Jesper!AJ$2:AJ$366,ROUNDDOWN($C651/24,0)+1,1)*INDEX($D$3:$AA$30,INDEX(Jesper!$R$2:$R$366,ROW(INDEX(Jesper!AJ$2:AJ$366,ROUNDDOWN($C651/24,0)+1,1))-1)+IF('Standard Profiles'!$G$20=$B$10,7,0)+IF('Standard Profiles'!$G$20=$B$17,14,0)+IF('Standard Profiles'!$G$20=$B$24,21,0),MOD($C651,24)+1)/SUM(INDEX($D$3:$AA$30,INDEX(Jesper!$R$2:$R$366,ROW(INDEX(Jesper!AJ$2:AJ$366,ROUNDDOWN($C651/24,0)+1,1))-1)+IF('Standard Profiles'!$G$20=$B$10,7,0)+IF('Standard Profiles'!$G$20=$B$17,14,0)+IF('Standard Profiles'!$G$20=$B$24,21,0),0)),0)</f>
        <v>0</v>
      </c>
      <c r="G651" cm="1">
        <f t="array" ref="G651">IFERROR(INDEX(Jesper!AK$2:AK$366,ROUNDDOWN($C651/24,0)+1,1)*INDEX($D$3:$AA$30,INDEX(Jesper!$R$2:$R$366,ROW(INDEX(Jesper!AK$2:AK$366,ROUNDDOWN($C651/24,0)+1,1))-1)+IF('Standard Profiles'!$G$21=$B$10,7,0)+IF('Standard Profiles'!$G$21=$B$17,14,0)+IF('Standard Profiles'!$G$21=$B$24,21,0),MOD($C651,24)+1)/SUM(INDEX($D$3:$AA$30,INDEX(Jesper!$R$2:$R$366,ROW(INDEX(Jesper!AK$2:AK$366,ROUNDDOWN($C651/24,0)+1,1))-1)+IF('Standard Profiles'!$G$21=$B$10,7,0)+IF('Standard Profiles'!$G$21=$B$17,14,0)+IF('Standard Profiles'!$G$21=$B$24,21,0),0)),0)</f>
        <v>0</v>
      </c>
      <c r="H651" cm="1">
        <f t="array" ref="H651">IFERROR(INDEX(Jesper!AL$2:AL$366,ROUNDDOWN($C651/24,0)+1,1)*INDEX($D$3:$AA$30,INDEX(Jesper!$R$2:$R$366,ROW(INDEX(Jesper!AL$2:AL$366,ROUNDDOWN($C651/24,0)+1,1))-1)+IF('Standard Profiles'!$G$22=$B$10,7,0)+IF('Standard Profiles'!$G$22=$B$17,14,0)+IF('Standard Profiles'!$G$22=$B$24,21,0),MOD($C651,24)+1)/SUM(INDEX($D$3:$AA$30,INDEX(Jesper!$R$2:$R$366,ROW(INDEX(Jesper!AL$2:AL$366,ROUNDDOWN($C651/24,0)+1,1))-1)+IF('Standard Profiles'!$G$22=$B$10,7,0)+IF('Standard Profiles'!$G$22=$B$17,14,0)+IF('Standard Profiles'!$G$22=$B$24,21,0),0)),0)</f>
        <v>0</v>
      </c>
      <c r="I651">
        <f t="shared" si="83"/>
        <v>0.39712864270984494</v>
      </c>
      <c r="J651">
        <f t="shared" si="84"/>
        <v>1.3237621423661499</v>
      </c>
      <c r="K651">
        <f t="shared" si="85"/>
        <v>1.9856432135492246</v>
      </c>
      <c r="L651">
        <f t="shared" si="86"/>
        <v>9.5310874250362776</v>
      </c>
      <c r="M651">
        <f t="shared" si="87"/>
        <v>0</v>
      </c>
      <c r="N651" s="46">
        <f t="shared" si="88"/>
        <v>45317.708333331837</v>
      </c>
    </row>
    <row r="652" spans="2:14" x14ac:dyDescent="0.3">
      <c r="B652">
        <f t="shared" si="82"/>
        <v>5</v>
      </c>
      <c r="C652" s="16">
        <v>618</v>
      </c>
      <c r="D652" cm="1">
        <f t="array" ref="D652">IFERROR(INDEX(Jesper!AH$2:AH$366,ROUNDDOWN($C652/24,0)+1,1)*INDEX($D$3:$AA$30,INDEX(Jesper!$R$2:$R$366,ROW(INDEX(Jesper!AH$2:AH$366,ROUNDDOWN($C652/24,0)+1,1))-1)+IF('Standard Profiles'!$G$18=$B$10,7,0)+IF('Standard Profiles'!$G$18=$B$17,14,0)+IF('Standard Profiles'!$G$18=$B$24,21,0),MOD($C652,24)+1)/SUM(INDEX($D$3:$AA$30,INDEX(Jesper!$R$2:$R$366,ROW(INDEX(Jesper!AH$2:AH$366,ROUNDDOWN($C652/24,0)+1,1))-1)+IF('Standard Profiles'!$G$18=$B$10,7,0)+IF('Standard Profiles'!$G$18=$B$17,14,0)+IF('Standard Profiles'!$G$18=$B$24,21,0),0)),0)</f>
        <v>13.237621423661498</v>
      </c>
      <c r="E652" cm="1">
        <f t="array" ref="E652">IFERROR(INDEX(Jesper!AI$2:AI$366,ROUNDDOWN($C652/24,0)+1,1)*INDEX($D$3:$AA$30,INDEX(Jesper!$R$2:$R$366,ROW(INDEX(Jesper!AI$2:AI$366,ROUNDDOWN($C652/24,0)+1,1))-1)+IF('Standard Profiles'!$G$19=$B$10,7,0)+IF('Standard Profiles'!$G$19=$B$17,14,0)+IF('Standard Profiles'!$G$19=$B$24,21,0),MOD($C652,24)+1)/SUM(INDEX($D$3:$AA$30,INDEX(Jesper!$R$2:$R$366,ROW(INDEX(Jesper!AI$2:AI$366,ROUNDDOWN($C652/24,0)+1,1))-1)+IF('Standard Profiles'!$G$19=$B$10,7,0)+IF('Standard Profiles'!$G$19=$B$17,14,0)+IF('Standard Profiles'!$G$19=$B$24,21,0),0)),0)</f>
        <v>0</v>
      </c>
      <c r="F652" cm="1">
        <f t="array" ref="F652">IFERROR(INDEX(Jesper!AJ$2:AJ$366,ROUNDDOWN($C652/24,0)+1,1)*INDEX($D$3:$AA$30,INDEX(Jesper!$R$2:$R$366,ROW(INDEX(Jesper!AJ$2:AJ$366,ROUNDDOWN($C652/24,0)+1,1))-1)+IF('Standard Profiles'!$G$20=$B$10,7,0)+IF('Standard Profiles'!$G$20=$B$17,14,0)+IF('Standard Profiles'!$G$20=$B$24,21,0),MOD($C652,24)+1)/SUM(INDEX($D$3:$AA$30,INDEX(Jesper!$R$2:$R$366,ROW(INDEX(Jesper!AJ$2:AJ$366,ROUNDDOWN($C652/24,0)+1,1))-1)+IF('Standard Profiles'!$G$20=$B$10,7,0)+IF('Standard Profiles'!$G$20=$B$17,14,0)+IF('Standard Profiles'!$G$20=$B$24,21,0),0)),0)</f>
        <v>0</v>
      </c>
      <c r="G652" cm="1">
        <f t="array" ref="G652">IFERROR(INDEX(Jesper!AK$2:AK$366,ROUNDDOWN($C652/24,0)+1,1)*INDEX($D$3:$AA$30,INDEX(Jesper!$R$2:$R$366,ROW(INDEX(Jesper!AK$2:AK$366,ROUNDDOWN($C652/24,0)+1,1))-1)+IF('Standard Profiles'!$G$21=$B$10,7,0)+IF('Standard Profiles'!$G$21=$B$17,14,0)+IF('Standard Profiles'!$G$21=$B$24,21,0),MOD($C652,24)+1)/SUM(INDEX($D$3:$AA$30,INDEX(Jesper!$R$2:$R$366,ROW(INDEX(Jesper!AK$2:AK$366,ROUNDDOWN($C652/24,0)+1,1))-1)+IF('Standard Profiles'!$G$21=$B$10,7,0)+IF('Standard Profiles'!$G$21=$B$17,14,0)+IF('Standard Profiles'!$G$21=$B$24,21,0),0)),0)</f>
        <v>0</v>
      </c>
      <c r="H652" cm="1">
        <f t="array" ref="H652">IFERROR(INDEX(Jesper!AL$2:AL$366,ROUNDDOWN($C652/24,0)+1,1)*INDEX($D$3:$AA$30,INDEX(Jesper!$R$2:$R$366,ROW(INDEX(Jesper!AL$2:AL$366,ROUNDDOWN($C652/24,0)+1,1))-1)+IF('Standard Profiles'!$G$22=$B$10,7,0)+IF('Standard Profiles'!$G$22=$B$17,14,0)+IF('Standard Profiles'!$G$22=$B$24,21,0),MOD($C652,24)+1)/SUM(INDEX($D$3:$AA$30,INDEX(Jesper!$R$2:$R$366,ROW(INDEX(Jesper!AL$2:AL$366,ROUNDDOWN($C652/24,0)+1,1))-1)+IF('Standard Profiles'!$G$22=$B$10,7,0)+IF('Standard Profiles'!$G$22=$B$17,14,0)+IF('Standard Profiles'!$G$22=$B$24,21,0),0)),0)</f>
        <v>0</v>
      </c>
      <c r="I652">
        <f t="shared" si="83"/>
        <v>0.39712864270984494</v>
      </c>
      <c r="J652">
        <f t="shared" si="84"/>
        <v>1.3237621423661499</v>
      </c>
      <c r="K652">
        <f t="shared" si="85"/>
        <v>1.9856432135492246</v>
      </c>
      <c r="L652">
        <f t="shared" si="86"/>
        <v>9.5310874250362776</v>
      </c>
      <c r="M652">
        <f t="shared" si="87"/>
        <v>0</v>
      </c>
      <c r="N652" s="46">
        <f t="shared" si="88"/>
        <v>45317.749999998501</v>
      </c>
    </row>
    <row r="653" spans="2:14" x14ac:dyDescent="0.3">
      <c r="B653">
        <f t="shared" si="82"/>
        <v>5</v>
      </c>
      <c r="C653" s="16">
        <v>619</v>
      </c>
      <c r="D653" cm="1">
        <f t="array" ref="D653">IFERROR(INDEX(Jesper!AH$2:AH$366,ROUNDDOWN($C653/24,0)+1,1)*INDEX($D$3:$AA$30,INDEX(Jesper!$R$2:$R$366,ROW(INDEX(Jesper!AH$2:AH$366,ROUNDDOWN($C653/24,0)+1,1))-1)+IF('Standard Profiles'!$G$18=$B$10,7,0)+IF('Standard Profiles'!$G$18=$B$17,14,0)+IF('Standard Profiles'!$G$18=$B$24,21,0),MOD($C653,24)+1)/SUM(INDEX($D$3:$AA$30,INDEX(Jesper!$R$2:$R$366,ROW(INDEX(Jesper!AH$2:AH$366,ROUNDDOWN($C653/24,0)+1,1))-1)+IF('Standard Profiles'!$G$18=$B$10,7,0)+IF('Standard Profiles'!$G$18=$B$17,14,0)+IF('Standard Profiles'!$G$18=$B$24,21,0),0)),0)</f>
        <v>13.237621423661498</v>
      </c>
      <c r="E653" cm="1">
        <f t="array" ref="E653">IFERROR(INDEX(Jesper!AI$2:AI$366,ROUNDDOWN($C653/24,0)+1,1)*INDEX($D$3:$AA$30,INDEX(Jesper!$R$2:$R$366,ROW(INDEX(Jesper!AI$2:AI$366,ROUNDDOWN($C653/24,0)+1,1))-1)+IF('Standard Profiles'!$G$19=$B$10,7,0)+IF('Standard Profiles'!$G$19=$B$17,14,0)+IF('Standard Profiles'!$G$19=$B$24,21,0),MOD($C653,24)+1)/SUM(INDEX($D$3:$AA$30,INDEX(Jesper!$R$2:$R$366,ROW(INDEX(Jesper!AI$2:AI$366,ROUNDDOWN($C653/24,0)+1,1))-1)+IF('Standard Profiles'!$G$19=$B$10,7,0)+IF('Standard Profiles'!$G$19=$B$17,14,0)+IF('Standard Profiles'!$G$19=$B$24,21,0),0)),0)</f>
        <v>0</v>
      </c>
      <c r="F653" cm="1">
        <f t="array" ref="F653">IFERROR(INDEX(Jesper!AJ$2:AJ$366,ROUNDDOWN($C653/24,0)+1,1)*INDEX($D$3:$AA$30,INDEX(Jesper!$R$2:$R$366,ROW(INDEX(Jesper!AJ$2:AJ$366,ROUNDDOWN($C653/24,0)+1,1))-1)+IF('Standard Profiles'!$G$20=$B$10,7,0)+IF('Standard Profiles'!$G$20=$B$17,14,0)+IF('Standard Profiles'!$G$20=$B$24,21,0),MOD($C653,24)+1)/SUM(INDEX($D$3:$AA$30,INDEX(Jesper!$R$2:$R$366,ROW(INDEX(Jesper!AJ$2:AJ$366,ROUNDDOWN($C653/24,0)+1,1))-1)+IF('Standard Profiles'!$G$20=$B$10,7,0)+IF('Standard Profiles'!$G$20=$B$17,14,0)+IF('Standard Profiles'!$G$20=$B$24,21,0),0)),0)</f>
        <v>0</v>
      </c>
      <c r="G653" cm="1">
        <f t="array" ref="G653">IFERROR(INDEX(Jesper!AK$2:AK$366,ROUNDDOWN($C653/24,0)+1,1)*INDEX($D$3:$AA$30,INDEX(Jesper!$R$2:$R$366,ROW(INDEX(Jesper!AK$2:AK$366,ROUNDDOWN($C653/24,0)+1,1))-1)+IF('Standard Profiles'!$G$21=$B$10,7,0)+IF('Standard Profiles'!$G$21=$B$17,14,0)+IF('Standard Profiles'!$G$21=$B$24,21,0),MOD($C653,24)+1)/SUM(INDEX($D$3:$AA$30,INDEX(Jesper!$R$2:$R$366,ROW(INDEX(Jesper!AK$2:AK$366,ROUNDDOWN($C653/24,0)+1,1))-1)+IF('Standard Profiles'!$G$21=$B$10,7,0)+IF('Standard Profiles'!$G$21=$B$17,14,0)+IF('Standard Profiles'!$G$21=$B$24,21,0),0)),0)</f>
        <v>0</v>
      </c>
      <c r="H653" cm="1">
        <f t="array" ref="H653">IFERROR(INDEX(Jesper!AL$2:AL$366,ROUNDDOWN($C653/24,0)+1,1)*INDEX($D$3:$AA$30,INDEX(Jesper!$R$2:$R$366,ROW(INDEX(Jesper!AL$2:AL$366,ROUNDDOWN($C653/24,0)+1,1))-1)+IF('Standard Profiles'!$G$22=$B$10,7,0)+IF('Standard Profiles'!$G$22=$B$17,14,0)+IF('Standard Profiles'!$G$22=$B$24,21,0),MOD($C653,24)+1)/SUM(INDEX($D$3:$AA$30,INDEX(Jesper!$R$2:$R$366,ROW(INDEX(Jesper!AL$2:AL$366,ROUNDDOWN($C653/24,0)+1,1))-1)+IF('Standard Profiles'!$G$22=$B$10,7,0)+IF('Standard Profiles'!$G$22=$B$17,14,0)+IF('Standard Profiles'!$G$22=$B$24,21,0),0)),0)</f>
        <v>0</v>
      </c>
      <c r="I653">
        <f t="shared" si="83"/>
        <v>0.39712864270984494</v>
      </c>
      <c r="J653">
        <f t="shared" si="84"/>
        <v>1.3237621423661499</v>
      </c>
      <c r="K653">
        <f t="shared" si="85"/>
        <v>1.9856432135492246</v>
      </c>
      <c r="L653">
        <f t="shared" si="86"/>
        <v>9.5310874250362776</v>
      </c>
      <c r="M653">
        <f t="shared" si="87"/>
        <v>0</v>
      </c>
      <c r="N653" s="46">
        <f t="shared" si="88"/>
        <v>45317.791666665165</v>
      </c>
    </row>
    <row r="654" spans="2:14" x14ac:dyDescent="0.3">
      <c r="B654">
        <f t="shared" si="82"/>
        <v>5</v>
      </c>
      <c r="C654" s="16">
        <v>620</v>
      </c>
      <c r="D654" cm="1">
        <f t="array" ref="D654">IFERROR(INDEX(Jesper!AH$2:AH$366,ROUNDDOWN($C654/24,0)+1,1)*INDEX($D$3:$AA$30,INDEX(Jesper!$R$2:$R$366,ROW(INDEX(Jesper!AH$2:AH$366,ROUNDDOWN($C654/24,0)+1,1))-1)+IF('Standard Profiles'!$G$18=$B$10,7,0)+IF('Standard Profiles'!$G$18=$B$17,14,0)+IF('Standard Profiles'!$G$18=$B$24,21,0),MOD($C654,24)+1)/SUM(INDEX($D$3:$AA$30,INDEX(Jesper!$R$2:$R$366,ROW(INDEX(Jesper!AH$2:AH$366,ROUNDDOWN($C654/24,0)+1,1))-1)+IF('Standard Profiles'!$G$18=$B$10,7,0)+IF('Standard Profiles'!$G$18=$B$17,14,0)+IF('Standard Profiles'!$G$18=$B$24,21,0),0)),0)</f>
        <v>10.254495469033554</v>
      </c>
      <c r="E654" cm="1">
        <f t="array" ref="E654">IFERROR(INDEX(Jesper!AI$2:AI$366,ROUNDDOWN($C654/24,0)+1,1)*INDEX($D$3:$AA$30,INDEX(Jesper!$R$2:$R$366,ROW(INDEX(Jesper!AI$2:AI$366,ROUNDDOWN($C654/24,0)+1,1))-1)+IF('Standard Profiles'!$G$19=$B$10,7,0)+IF('Standard Profiles'!$G$19=$B$17,14,0)+IF('Standard Profiles'!$G$19=$B$24,21,0),MOD($C654,24)+1)/SUM(INDEX($D$3:$AA$30,INDEX(Jesper!$R$2:$R$366,ROW(INDEX(Jesper!AI$2:AI$366,ROUNDDOWN($C654/24,0)+1,1))-1)+IF('Standard Profiles'!$G$19=$B$10,7,0)+IF('Standard Profiles'!$G$19=$B$17,14,0)+IF('Standard Profiles'!$G$19=$B$24,21,0),0)),0)</f>
        <v>0</v>
      </c>
      <c r="F654" cm="1">
        <f t="array" ref="F654">IFERROR(INDEX(Jesper!AJ$2:AJ$366,ROUNDDOWN($C654/24,0)+1,1)*INDEX($D$3:$AA$30,INDEX(Jesper!$R$2:$R$366,ROW(INDEX(Jesper!AJ$2:AJ$366,ROUNDDOWN($C654/24,0)+1,1))-1)+IF('Standard Profiles'!$G$20=$B$10,7,0)+IF('Standard Profiles'!$G$20=$B$17,14,0)+IF('Standard Profiles'!$G$20=$B$24,21,0),MOD($C654,24)+1)/SUM(INDEX($D$3:$AA$30,INDEX(Jesper!$R$2:$R$366,ROW(INDEX(Jesper!AJ$2:AJ$366,ROUNDDOWN($C654/24,0)+1,1))-1)+IF('Standard Profiles'!$G$20=$B$10,7,0)+IF('Standard Profiles'!$G$20=$B$17,14,0)+IF('Standard Profiles'!$G$20=$B$24,21,0),0)),0)</f>
        <v>0</v>
      </c>
      <c r="G654" cm="1">
        <f t="array" ref="G654">IFERROR(INDEX(Jesper!AK$2:AK$366,ROUNDDOWN($C654/24,0)+1,1)*INDEX($D$3:$AA$30,INDEX(Jesper!$R$2:$R$366,ROW(INDEX(Jesper!AK$2:AK$366,ROUNDDOWN($C654/24,0)+1,1))-1)+IF('Standard Profiles'!$G$21=$B$10,7,0)+IF('Standard Profiles'!$G$21=$B$17,14,0)+IF('Standard Profiles'!$G$21=$B$24,21,0),MOD($C654,24)+1)/SUM(INDEX($D$3:$AA$30,INDEX(Jesper!$R$2:$R$366,ROW(INDEX(Jesper!AK$2:AK$366,ROUNDDOWN($C654/24,0)+1,1))-1)+IF('Standard Profiles'!$G$21=$B$10,7,0)+IF('Standard Profiles'!$G$21=$B$17,14,0)+IF('Standard Profiles'!$G$21=$B$24,21,0),0)),0)</f>
        <v>0</v>
      </c>
      <c r="H654" cm="1">
        <f t="array" ref="H654">IFERROR(INDEX(Jesper!AL$2:AL$366,ROUNDDOWN($C654/24,0)+1,1)*INDEX($D$3:$AA$30,INDEX(Jesper!$R$2:$R$366,ROW(INDEX(Jesper!AL$2:AL$366,ROUNDDOWN($C654/24,0)+1,1))-1)+IF('Standard Profiles'!$G$22=$B$10,7,0)+IF('Standard Profiles'!$G$22=$B$17,14,0)+IF('Standard Profiles'!$G$22=$B$24,21,0),MOD($C654,24)+1)/SUM(INDEX($D$3:$AA$30,INDEX(Jesper!$R$2:$R$366,ROW(INDEX(Jesper!AL$2:AL$366,ROUNDDOWN($C654/24,0)+1,1))-1)+IF('Standard Profiles'!$G$22=$B$10,7,0)+IF('Standard Profiles'!$G$22=$B$17,14,0)+IF('Standard Profiles'!$G$22=$B$24,21,0),0)),0)</f>
        <v>0</v>
      </c>
      <c r="I654">
        <f t="shared" si="83"/>
        <v>0.3076348640710066</v>
      </c>
      <c r="J654">
        <f t="shared" si="84"/>
        <v>1.0254495469033553</v>
      </c>
      <c r="K654">
        <f t="shared" si="85"/>
        <v>1.5381743203550331</v>
      </c>
      <c r="L654">
        <f t="shared" si="86"/>
        <v>7.3832367377041583</v>
      </c>
      <c r="M654">
        <f t="shared" si="87"/>
        <v>0</v>
      </c>
      <c r="N654" s="46">
        <f t="shared" si="88"/>
        <v>45317.83333333183</v>
      </c>
    </row>
    <row r="655" spans="2:14" x14ac:dyDescent="0.3">
      <c r="B655">
        <f t="shared" si="82"/>
        <v>5</v>
      </c>
      <c r="C655" s="16">
        <v>621</v>
      </c>
      <c r="D655" cm="1">
        <f t="array" ref="D655">IFERROR(INDEX(Jesper!AH$2:AH$366,ROUNDDOWN($C655/24,0)+1,1)*INDEX($D$3:$AA$30,INDEX(Jesper!$R$2:$R$366,ROW(INDEX(Jesper!AH$2:AH$366,ROUNDDOWN($C655/24,0)+1,1))-1)+IF('Standard Profiles'!$G$18=$B$10,7,0)+IF('Standard Profiles'!$G$18=$B$17,14,0)+IF('Standard Profiles'!$G$18=$B$24,21,0),MOD($C655,24)+1)/SUM(INDEX($D$3:$AA$30,INDEX(Jesper!$R$2:$R$366,ROW(INDEX(Jesper!AH$2:AH$366,ROUNDDOWN($C655/24,0)+1,1))-1)+IF('Standard Profiles'!$G$18=$B$10,7,0)+IF('Standard Profiles'!$G$18=$B$17,14,0)+IF('Standard Profiles'!$G$18=$B$24,21,0),0)),0)</f>
        <v>3.9153528154491748</v>
      </c>
      <c r="E655" cm="1">
        <f t="array" ref="E655">IFERROR(INDEX(Jesper!AI$2:AI$366,ROUNDDOWN($C655/24,0)+1,1)*INDEX($D$3:$AA$30,INDEX(Jesper!$R$2:$R$366,ROW(INDEX(Jesper!AI$2:AI$366,ROUNDDOWN($C655/24,0)+1,1))-1)+IF('Standard Profiles'!$G$19=$B$10,7,0)+IF('Standard Profiles'!$G$19=$B$17,14,0)+IF('Standard Profiles'!$G$19=$B$24,21,0),MOD($C655,24)+1)/SUM(INDEX($D$3:$AA$30,INDEX(Jesper!$R$2:$R$366,ROW(INDEX(Jesper!AI$2:AI$366,ROUNDDOWN($C655/24,0)+1,1))-1)+IF('Standard Profiles'!$G$19=$B$10,7,0)+IF('Standard Profiles'!$G$19=$B$17,14,0)+IF('Standard Profiles'!$G$19=$B$24,21,0),0)),0)</f>
        <v>0</v>
      </c>
      <c r="F655" cm="1">
        <f t="array" ref="F655">IFERROR(INDEX(Jesper!AJ$2:AJ$366,ROUNDDOWN($C655/24,0)+1,1)*INDEX($D$3:$AA$30,INDEX(Jesper!$R$2:$R$366,ROW(INDEX(Jesper!AJ$2:AJ$366,ROUNDDOWN($C655/24,0)+1,1))-1)+IF('Standard Profiles'!$G$20=$B$10,7,0)+IF('Standard Profiles'!$G$20=$B$17,14,0)+IF('Standard Profiles'!$G$20=$B$24,21,0),MOD($C655,24)+1)/SUM(INDEX($D$3:$AA$30,INDEX(Jesper!$R$2:$R$366,ROW(INDEX(Jesper!AJ$2:AJ$366,ROUNDDOWN($C655/24,0)+1,1))-1)+IF('Standard Profiles'!$G$20=$B$10,7,0)+IF('Standard Profiles'!$G$20=$B$17,14,0)+IF('Standard Profiles'!$G$20=$B$24,21,0),0)),0)</f>
        <v>0</v>
      </c>
      <c r="G655" cm="1">
        <f t="array" ref="G655">IFERROR(INDEX(Jesper!AK$2:AK$366,ROUNDDOWN($C655/24,0)+1,1)*INDEX($D$3:$AA$30,INDEX(Jesper!$R$2:$R$366,ROW(INDEX(Jesper!AK$2:AK$366,ROUNDDOWN($C655/24,0)+1,1))-1)+IF('Standard Profiles'!$G$21=$B$10,7,0)+IF('Standard Profiles'!$G$21=$B$17,14,0)+IF('Standard Profiles'!$G$21=$B$24,21,0),MOD($C655,24)+1)/SUM(INDEX($D$3:$AA$30,INDEX(Jesper!$R$2:$R$366,ROW(INDEX(Jesper!AK$2:AK$366,ROUNDDOWN($C655/24,0)+1,1))-1)+IF('Standard Profiles'!$G$21=$B$10,7,0)+IF('Standard Profiles'!$G$21=$B$17,14,0)+IF('Standard Profiles'!$G$21=$B$24,21,0),0)),0)</f>
        <v>0</v>
      </c>
      <c r="H655" cm="1">
        <f t="array" ref="H655">IFERROR(INDEX(Jesper!AL$2:AL$366,ROUNDDOWN($C655/24,0)+1,1)*INDEX($D$3:$AA$30,INDEX(Jesper!$R$2:$R$366,ROW(INDEX(Jesper!AL$2:AL$366,ROUNDDOWN($C655/24,0)+1,1))-1)+IF('Standard Profiles'!$G$22=$B$10,7,0)+IF('Standard Profiles'!$G$22=$B$17,14,0)+IF('Standard Profiles'!$G$22=$B$24,21,0),MOD($C655,24)+1)/SUM(INDEX($D$3:$AA$30,INDEX(Jesper!$R$2:$R$366,ROW(INDEX(Jesper!AL$2:AL$366,ROUNDDOWN($C655/24,0)+1,1))-1)+IF('Standard Profiles'!$G$22=$B$10,7,0)+IF('Standard Profiles'!$G$22=$B$17,14,0)+IF('Standard Profiles'!$G$22=$B$24,21,0),0)),0)</f>
        <v>0</v>
      </c>
      <c r="I655">
        <f t="shared" si="83"/>
        <v>0.11746058446347524</v>
      </c>
      <c r="J655">
        <f t="shared" si="84"/>
        <v>0.39153528154491751</v>
      </c>
      <c r="K655">
        <f t="shared" si="85"/>
        <v>0.58730292231737624</v>
      </c>
      <c r="L655">
        <f t="shared" si="86"/>
        <v>2.8190540271234057</v>
      </c>
      <c r="M655">
        <f t="shared" si="87"/>
        <v>0</v>
      </c>
      <c r="N655" s="46">
        <f t="shared" si="88"/>
        <v>45317.874999998494</v>
      </c>
    </row>
    <row r="656" spans="2:14" x14ac:dyDescent="0.3">
      <c r="B656">
        <f t="shared" si="82"/>
        <v>5</v>
      </c>
      <c r="C656" s="16">
        <v>622</v>
      </c>
      <c r="D656" cm="1">
        <f t="array" ref="D656">IFERROR(INDEX(Jesper!AH$2:AH$366,ROUNDDOWN($C656/24,0)+1,1)*INDEX($D$3:$AA$30,INDEX(Jesper!$R$2:$R$366,ROW(INDEX(Jesper!AH$2:AH$366,ROUNDDOWN($C656/24,0)+1,1))-1)+IF('Standard Profiles'!$G$18=$B$10,7,0)+IF('Standard Profiles'!$G$18=$B$17,14,0)+IF('Standard Profiles'!$G$18=$B$24,21,0),MOD($C656,24)+1)/SUM(INDEX($D$3:$AA$30,INDEX(Jesper!$R$2:$R$366,ROW(INDEX(Jesper!AH$2:AH$366,ROUNDDOWN($C656/24,0)+1,1))-1)+IF('Standard Profiles'!$G$18=$B$10,7,0)+IF('Standard Profiles'!$G$18=$B$17,14,0)+IF('Standard Profiles'!$G$18=$B$24,21,0),0)),0)</f>
        <v>3.9153528154491748</v>
      </c>
      <c r="E656" cm="1">
        <f t="array" ref="E656">IFERROR(INDEX(Jesper!AI$2:AI$366,ROUNDDOWN($C656/24,0)+1,1)*INDEX($D$3:$AA$30,INDEX(Jesper!$R$2:$R$366,ROW(INDEX(Jesper!AI$2:AI$366,ROUNDDOWN($C656/24,0)+1,1))-1)+IF('Standard Profiles'!$G$19=$B$10,7,0)+IF('Standard Profiles'!$G$19=$B$17,14,0)+IF('Standard Profiles'!$G$19=$B$24,21,0),MOD($C656,24)+1)/SUM(INDEX($D$3:$AA$30,INDEX(Jesper!$R$2:$R$366,ROW(INDEX(Jesper!AI$2:AI$366,ROUNDDOWN($C656/24,0)+1,1))-1)+IF('Standard Profiles'!$G$19=$B$10,7,0)+IF('Standard Profiles'!$G$19=$B$17,14,0)+IF('Standard Profiles'!$G$19=$B$24,21,0),0)),0)</f>
        <v>0</v>
      </c>
      <c r="F656" cm="1">
        <f t="array" ref="F656">IFERROR(INDEX(Jesper!AJ$2:AJ$366,ROUNDDOWN($C656/24,0)+1,1)*INDEX($D$3:$AA$30,INDEX(Jesper!$R$2:$R$366,ROW(INDEX(Jesper!AJ$2:AJ$366,ROUNDDOWN($C656/24,0)+1,1))-1)+IF('Standard Profiles'!$G$20=$B$10,7,0)+IF('Standard Profiles'!$G$20=$B$17,14,0)+IF('Standard Profiles'!$G$20=$B$24,21,0),MOD($C656,24)+1)/SUM(INDEX($D$3:$AA$30,INDEX(Jesper!$R$2:$R$366,ROW(INDEX(Jesper!AJ$2:AJ$366,ROUNDDOWN($C656/24,0)+1,1))-1)+IF('Standard Profiles'!$G$20=$B$10,7,0)+IF('Standard Profiles'!$G$20=$B$17,14,0)+IF('Standard Profiles'!$G$20=$B$24,21,0),0)),0)</f>
        <v>0</v>
      </c>
      <c r="G656" cm="1">
        <f t="array" ref="G656">IFERROR(INDEX(Jesper!AK$2:AK$366,ROUNDDOWN($C656/24,0)+1,1)*INDEX($D$3:$AA$30,INDEX(Jesper!$R$2:$R$366,ROW(INDEX(Jesper!AK$2:AK$366,ROUNDDOWN($C656/24,0)+1,1))-1)+IF('Standard Profiles'!$G$21=$B$10,7,0)+IF('Standard Profiles'!$G$21=$B$17,14,0)+IF('Standard Profiles'!$G$21=$B$24,21,0),MOD($C656,24)+1)/SUM(INDEX($D$3:$AA$30,INDEX(Jesper!$R$2:$R$366,ROW(INDEX(Jesper!AK$2:AK$366,ROUNDDOWN($C656/24,0)+1,1))-1)+IF('Standard Profiles'!$G$21=$B$10,7,0)+IF('Standard Profiles'!$G$21=$B$17,14,0)+IF('Standard Profiles'!$G$21=$B$24,21,0),0)),0)</f>
        <v>0</v>
      </c>
      <c r="H656" cm="1">
        <f t="array" ref="H656">IFERROR(INDEX(Jesper!AL$2:AL$366,ROUNDDOWN($C656/24,0)+1,1)*INDEX($D$3:$AA$30,INDEX(Jesper!$R$2:$R$366,ROW(INDEX(Jesper!AL$2:AL$366,ROUNDDOWN($C656/24,0)+1,1))-1)+IF('Standard Profiles'!$G$22=$B$10,7,0)+IF('Standard Profiles'!$G$22=$B$17,14,0)+IF('Standard Profiles'!$G$22=$B$24,21,0),MOD($C656,24)+1)/SUM(INDEX($D$3:$AA$30,INDEX(Jesper!$R$2:$R$366,ROW(INDEX(Jesper!AL$2:AL$366,ROUNDDOWN($C656/24,0)+1,1))-1)+IF('Standard Profiles'!$G$22=$B$10,7,0)+IF('Standard Profiles'!$G$22=$B$17,14,0)+IF('Standard Profiles'!$G$22=$B$24,21,0),0)),0)</f>
        <v>0</v>
      </c>
      <c r="I656">
        <f t="shared" si="83"/>
        <v>0.11746058446347524</v>
      </c>
      <c r="J656">
        <f t="shared" si="84"/>
        <v>0.39153528154491751</v>
      </c>
      <c r="K656">
        <f t="shared" si="85"/>
        <v>0.58730292231737624</v>
      </c>
      <c r="L656">
        <f t="shared" si="86"/>
        <v>2.8190540271234057</v>
      </c>
      <c r="M656">
        <f t="shared" si="87"/>
        <v>0</v>
      </c>
      <c r="N656" s="46">
        <f t="shared" si="88"/>
        <v>45317.916666665158</v>
      </c>
    </row>
    <row r="657" spans="2:14" x14ac:dyDescent="0.3">
      <c r="B657">
        <f t="shared" si="82"/>
        <v>5</v>
      </c>
      <c r="C657" s="16">
        <v>623</v>
      </c>
      <c r="D657" cm="1">
        <f t="array" ref="D657">IFERROR(INDEX(Jesper!AH$2:AH$366,ROUNDDOWN($C657/24,0)+1,1)*INDEX($D$3:$AA$30,INDEX(Jesper!$R$2:$R$366,ROW(INDEX(Jesper!AH$2:AH$366,ROUNDDOWN($C657/24,0)+1,1))-1)+IF('Standard Profiles'!$G$18=$B$10,7,0)+IF('Standard Profiles'!$G$18=$B$17,14,0)+IF('Standard Profiles'!$G$18=$B$24,21,0),MOD($C657,24)+1)/SUM(INDEX($D$3:$AA$30,INDEX(Jesper!$R$2:$R$366,ROW(INDEX(Jesper!AH$2:AH$366,ROUNDDOWN($C657/24,0)+1,1))-1)+IF('Standard Profiles'!$G$18=$B$10,7,0)+IF('Standard Profiles'!$G$18=$B$17,14,0)+IF('Standard Profiles'!$G$18=$B$24,21,0),0)),0)</f>
        <v>3.9153528154491748</v>
      </c>
      <c r="E657" cm="1">
        <f t="array" ref="E657">IFERROR(INDEX(Jesper!AI$2:AI$366,ROUNDDOWN($C657/24,0)+1,1)*INDEX($D$3:$AA$30,INDEX(Jesper!$R$2:$R$366,ROW(INDEX(Jesper!AI$2:AI$366,ROUNDDOWN($C657/24,0)+1,1))-1)+IF('Standard Profiles'!$G$19=$B$10,7,0)+IF('Standard Profiles'!$G$19=$B$17,14,0)+IF('Standard Profiles'!$G$19=$B$24,21,0),MOD($C657,24)+1)/SUM(INDEX($D$3:$AA$30,INDEX(Jesper!$R$2:$R$366,ROW(INDEX(Jesper!AI$2:AI$366,ROUNDDOWN($C657/24,0)+1,1))-1)+IF('Standard Profiles'!$G$19=$B$10,7,0)+IF('Standard Profiles'!$G$19=$B$17,14,0)+IF('Standard Profiles'!$G$19=$B$24,21,0),0)),0)</f>
        <v>0</v>
      </c>
      <c r="F657" cm="1">
        <f t="array" ref="F657">IFERROR(INDEX(Jesper!AJ$2:AJ$366,ROUNDDOWN($C657/24,0)+1,1)*INDEX($D$3:$AA$30,INDEX(Jesper!$R$2:$R$366,ROW(INDEX(Jesper!AJ$2:AJ$366,ROUNDDOWN($C657/24,0)+1,1))-1)+IF('Standard Profiles'!$G$20=$B$10,7,0)+IF('Standard Profiles'!$G$20=$B$17,14,0)+IF('Standard Profiles'!$G$20=$B$24,21,0),MOD($C657,24)+1)/SUM(INDEX($D$3:$AA$30,INDEX(Jesper!$R$2:$R$366,ROW(INDEX(Jesper!AJ$2:AJ$366,ROUNDDOWN($C657/24,0)+1,1))-1)+IF('Standard Profiles'!$G$20=$B$10,7,0)+IF('Standard Profiles'!$G$20=$B$17,14,0)+IF('Standard Profiles'!$G$20=$B$24,21,0),0)),0)</f>
        <v>0</v>
      </c>
      <c r="G657" cm="1">
        <f t="array" ref="G657">IFERROR(INDEX(Jesper!AK$2:AK$366,ROUNDDOWN($C657/24,0)+1,1)*INDEX($D$3:$AA$30,INDEX(Jesper!$R$2:$R$366,ROW(INDEX(Jesper!AK$2:AK$366,ROUNDDOWN($C657/24,0)+1,1))-1)+IF('Standard Profiles'!$G$21=$B$10,7,0)+IF('Standard Profiles'!$G$21=$B$17,14,0)+IF('Standard Profiles'!$G$21=$B$24,21,0),MOD($C657,24)+1)/SUM(INDEX($D$3:$AA$30,INDEX(Jesper!$R$2:$R$366,ROW(INDEX(Jesper!AK$2:AK$366,ROUNDDOWN($C657/24,0)+1,1))-1)+IF('Standard Profiles'!$G$21=$B$10,7,0)+IF('Standard Profiles'!$G$21=$B$17,14,0)+IF('Standard Profiles'!$G$21=$B$24,21,0),0)),0)</f>
        <v>0</v>
      </c>
      <c r="H657" cm="1">
        <f t="array" ref="H657">IFERROR(INDEX(Jesper!AL$2:AL$366,ROUNDDOWN($C657/24,0)+1,1)*INDEX($D$3:$AA$30,INDEX(Jesper!$R$2:$R$366,ROW(INDEX(Jesper!AL$2:AL$366,ROUNDDOWN($C657/24,0)+1,1))-1)+IF('Standard Profiles'!$G$22=$B$10,7,0)+IF('Standard Profiles'!$G$22=$B$17,14,0)+IF('Standard Profiles'!$G$22=$B$24,21,0),MOD($C657,24)+1)/SUM(INDEX($D$3:$AA$30,INDEX(Jesper!$R$2:$R$366,ROW(INDEX(Jesper!AL$2:AL$366,ROUNDDOWN($C657/24,0)+1,1))-1)+IF('Standard Profiles'!$G$22=$B$10,7,0)+IF('Standard Profiles'!$G$22=$B$17,14,0)+IF('Standard Profiles'!$G$22=$B$24,21,0),0)),0)</f>
        <v>0</v>
      </c>
      <c r="I657">
        <f t="shared" si="83"/>
        <v>0.11746058446347524</v>
      </c>
      <c r="J657">
        <f t="shared" si="84"/>
        <v>0.39153528154491751</v>
      </c>
      <c r="K657">
        <f t="shared" si="85"/>
        <v>0.58730292231737624</v>
      </c>
      <c r="L657">
        <f t="shared" si="86"/>
        <v>2.8190540271234057</v>
      </c>
      <c r="M657">
        <f t="shared" si="87"/>
        <v>0</v>
      </c>
      <c r="N657" s="46">
        <f t="shared" si="88"/>
        <v>45317.958333331822</v>
      </c>
    </row>
    <row r="658" spans="2:14" x14ac:dyDescent="0.3">
      <c r="B658">
        <f t="shared" si="82"/>
        <v>6</v>
      </c>
      <c r="C658" s="16">
        <v>624</v>
      </c>
      <c r="D658" cm="1">
        <f t="array" ref="D658">IFERROR(INDEX(Jesper!AH$2:AH$366,ROUNDDOWN($C658/24,0)+1,1)*INDEX($D$3:$AA$30,INDEX(Jesper!$R$2:$R$366,ROW(INDEX(Jesper!AH$2:AH$366,ROUNDDOWN($C658/24,0)+1,1))-1)+IF('Standard Profiles'!$G$18=$B$10,7,0)+IF('Standard Profiles'!$G$18=$B$17,14,0)+IF('Standard Profiles'!$G$18=$B$24,21,0),MOD($C658,24)+1)/SUM(INDEX($D$3:$AA$30,INDEX(Jesper!$R$2:$R$366,ROW(INDEX(Jesper!AH$2:AH$366,ROUNDDOWN($C658/24,0)+1,1))-1)+IF('Standard Profiles'!$G$18=$B$10,7,0)+IF('Standard Profiles'!$G$18=$B$17,14,0)+IF('Standard Profiles'!$G$18=$B$24,21,0),0)),0)</f>
        <v>4.1727814461032633</v>
      </c>
      <c r="E658" cm="1">
        <f t="array" ref="E658">IFERROR(INDEX(Jesper!AI$2:AI$366,ROUNDDOWN($C658/24,0)+1,1)*INDEX($D$3:$AA$30,INDEX(Jesper!$R$2:$R$366,ROW(INDEX(Jesper!AI$2:AI$366,ROUNDDOWN($C658/24,0)+1,1))-1)+IF('Standard Profiles'!$G$19=$B$10,7,0)+IF('Standard Profiles'!$G$19=$B$17,14,0)+IF('Standard Profiles'!$G$19=$B$24,21,0),MOD($C658,24)+1)/SUM(INDEX($D$3:$AA$30,INDEX(Jesper!$R$2:$R$366,ROW(INDEX(Jesper!AI$2:AI$366,ROUNDDOWN($C658/24,0)+1,1))-1)+IF('Standard Profiles'!$G$19=$B$10,7,0)+IF('Standard Profiles'!$G$19=$B$17,14,0)+IF('Standard Profiles'!$G$19=$B$24,21,0),0)),0)</f>
        <v>0.92130596955678179</v>
      </c>
      <c r="F658" cm="1">
        <f t="array" ref="F658">IFERROR(INDEX(Jesper!AJ$2:AJ$366,ROUNDDOWN($C658/24,0)+1,1)*INDEX($D$3:$AA$30,INDEX(Jesper!$R$2:$R$366,ROW(INDEX(Jesper!AJ$2:AJ$366,ROUNDDOWN($C658/24,0)+1,1))-1)+IF('Standard Profiles'!$G$20=$B$10,7,0)+IF('Standard Profiles'!$G$20=$B$17,14,0)+IF('Standard Profiles'!$G$20=$B$24,21,0),MOD($C658,24)+1)/SUM(INDEX($D$3:$AA$30,INDEX(Jesper!$R$2:$R$366,ROW(INDEX(Jesper!AJ$2:AJ$366,ROUNDDOWN($C658/24,0)+1,1))-1)+IF('Standard Profiles'!$G$20=$B$10,7,0)+IF('Standard Profiles'!$G$20=$B$17,14,0)+IF('Standard Profiles'!$G$20=$B$24,21,0),0)),0)</f>
        <v>0</v>
      </c>
      <c r="G658" cm="1">
        <f t="array" ref="G658">IFERROR(INDEX(Jesper!AK$2:AK$366,ROUNDDOWN($C658/24,0)+1,1)*INDEX($D$3:$AA$30,INDEX(Jesper!$R$2:$R$366,ROW(INDEX(Jesper!AK$2:AK$366,ROUNDDOWN($C658/24,0)+1,1))-1)+IF('Standard Profiles'!$G$21=$B$10,7,0)+IF('Standard Profiles'!$G$21=$B$17,14,0)+IF('Standard Profiles'!$G$21=$B$24,21,0),MOD($C658,24)+1)/SUM(INDEX($D$3:$AA$30,INDEX(Jesper!$R$2:$R$366,ROW(INDEX(Jesper!AK$2:AK$366,ROUNDDOWN($C658/24,0)+1,1))-1)+IF('Standard Profiles'!$G$21=$B$10,7,0)+IF('Standard Profiles'!$G$21=$B$17,14,0)+IF('Standard Profiles'!$G$21=$B$24,21,0),0)),0)</f>
        <v>0</v>
      </c>
      <c r="H658" cm="1">
        <f t="array" ref="H658">IFERROR(INDEX(Jesper!AL$2:AL$366,ROUNDDOWN($C658/24,0)+1,1)*INDEX($D$3:$AA$30,INDEX(Jesper!$R$2:$R$366,ROW(INDEX(Jesper!AL$2:AL$366,ROUNDDOWN($C658/24,0)+1,1))-1)+IF('Standard Profiles'!$G$22=$B$10,7,0)+IF('Standard Profiles'!$G$22=$B$17,14,0)+IF('Standard Profiles'!$G$22=$B$24,21,0),MOD($C658,24)+1)/SUM(INDEX($D$3:$AA$30,INDEX(Jesper!$R$2:$R$366,ROW(INDEX(Jesper!AL$2:AL$366,ROUNDDOWN($C658/24,0)+1,1))-1)+IF('Standard Profiles'!$G$22=$B$10,7,0)+IF('Standard Profiles'!$G$22=$B$17,14,0)+IF('Standard Profiles'!$G$22=$B$24,21,0),0)),0)</f>
        <v>0</v>
      </c>
      <c r="I658">
        <f t="shared" si="83"/>
        <v>8.3000537797908294E-2</v>
      </c>
      <c r="J658">
        <f t="shared" si="84"/>
        <v>0.27666845932636103</v>
      </c>
      <c r="K658">
        <f t="shared" si="85"/>
        <v>0.41500268898954151</v>
      </c>
      <c r="L658">
        <f t="shared" si="86"/>
        <v>4.3194157295462343</v>
      </c>
      <c r="M658">
        <f t="shared" si="87"/>
        <v>0</v>
      </c>
      <c r="N658" s="46">
        <f t="shared" si="88"/>
        <v>45317.999999998487</v>
      </c>
    </row>
    <row r="659" spans="2:14" x14ac:dyDescent="0.3">
      <c r="B659">
        <f t="shared" si="82"/>
        <v>6</v>
      </c>
      <c r="C659" s="16">
        <v>625</v>
      </c>
      <c r="D659" cm="1">
        <f t="array" ref="D659">IFERROR(INDEX(Jesper!AH$2:AH$366,ROUNDDOWN($C659/24,0)+1,1)*INDEX($D$3:$AA$30,INDEX(Jesper!$R$2:$R$366,ROW(INDEX(Jesper!AH$2:AH$366,ROUNDDOWN($C659/24,0)+1,1))-1)+IF('Standard Profiles'!$G$18=$B$10,7,0)+IF('Standard Profiles'!$G$18=$B$17,14,0)+IF('Standard Profiles'!$G$18=$B$24,21,0),MOD($C659,24)+1)/SUM(INDEX($D$3:$AA$30,INDEX(Jesper!$R$2:$R$366,ROW(INDEX(Jesper!AH$2:AH$366,ROUNDDOWN($C659/24,0)+1,1))-1)+IF('Standard Profiles'!$G$18=$B$10,7,0)+IF('Standard Profiles'!$G$18=$B$17,14,0)+IF('Standard Profiles'!$G$18=$B$24,21,0),0)),0)</f>
        <v>8.1468590138206576</v>
      </c>
      <c r="E659" cm="1">
        <f t="array" ref="E659">IFERROR(INDEX(Jesper!AI$2:AI$366,ROUNDDOWN($C659/24,0)+1,1)*INDEX($D$3:$AA$30,INDEX(Jesper!$R$2:$R$366,ROW(INDEX(Jesper!AI$2:AI$366,ROUNDDOWN($C659/24,0)+1,1))-1)+IF('Standard Profiles'!$G$19=$B$10,7,0)+IF('Standard Profiles'!$G$19=$B$17,14,0)+IF('Standard Profiles'!$G$19=$B$24,21,0),MOD($C659,24)+1)/SUM(INDEX($D$3:$AA$30,INDEX(Jesper!$R$2:$R$366,ROW(INDEX(Jesper!AI$2:AI$366,ROUNDDOWN($C659/24,0)+1,1))-1)+IF('Standard Profiles'!$G$19=$B$10,7,0)+IF('Standard Profiles'!$G$19=$B$17,14,0)+IF('Standard Profiles'!$G$19=$B$24,21,0),0)),0)</f>
        <v>1.7987402262775267</v>
      </c>
      <c r="F659" cm="1">
        <f t="array" ref="F659">IFERROR(INDEX(Jesper!AJ$2:AJ$366,ROUNDDOWN($C659/24,0)+1,1)*INDEX($D$3:$AA$30,INDEX(Jesper!$R$2:$R$366,ROW(INDEX(Jesper!AJ$2:AJ$366,ROUNDDOWN($C659/24,0)+1,1))-1)+IF('Standard Profiles'!$G$20=$B$10,7,0)+IF('Standard Profiles'!$G$20=$B$17,14,0)+IF('Standard Profiles'!$G$20=$B$24,21,0),MOD($C659,24)+1)/SUM(INDEX($D$3:$AA$30,INDEX(Jesper!$R$2:$R$366,ROW(INDEX(Jesper!AJ$2:AJ$366,ROUNDDOWN($C659/24,0)+1,1))-1)+IF('Standard Profiles'!$G$20=$B$10,7,0)+IF('Standard Profiles'!$G$20=$B$17,14,0)+IF('Standard Profiles'!$G$20=$B$24,21,0),0)),0)</f>
        <v>0</v>
      </c>
      <c r="G659" cm="1">
        <f t="array" ref="G659">IFERROR(INDEX(Jesper!AK$2:AK$366,ROUNDDOWN($C659/24,0)+1,1)*INDEX($D$3:$AA$30,INDEX(Jesper!$R$2:$R$366,ROW(INDEX(Jesper!AK$2:AK$366,ROUNDDOWN($C659/24,0)+1,1))-1)+IF('Standard Profiles'!$G$21=$B$10,7,0)+IF('Standard Profiles'!$G$21=$B$17,14,0)+IF('Standard Profiles'!$G$21=$B$24,21,0),MOD($C659,24)+1)/SUM(INDEX($D$3:$AA$30,INDEX(Jesper!$R$2:$R$366,ROW(INDEX(Jesper!AK$2:AK$366,ROUNDDOWN($C659/24,0)+1,1))-1)+IF('Standard Profiles'!$G$21=$B$10,7,0)+IF('Standard Profiles'!$G$21=$B$17,14,0)+IF('Standard Profiles'!$G$21=$B$24,21,0),0)),0)</f>
        <v>0</v>
      </c>
      <c r="H659" cm="1">
        <f t="array" ref="H659">IFERROR(INDEX(Jesper!AL$2:AL$366,ROUNDDOWN($C659/24,0)+1,1)*INDEX($D$3:$AA$30,INDEX(Jesper!$R$2:$R$366,ROW(INDEX(Jesper!AL$2:AL$366,ROUNDDOWN($C659/24,0)+1,1))-1)+IF('Standard Profiles'!$G$22=$B$10,7,0)+IF('Standard Profiles'!$G$22=$B$17,14,0)+IF('Standard Profiles'!$G$22=$B$24,21,0),MOD($C659,24)+1)/SUM(INDEX($D$3:$AA$30,INDEX(Jesper!$R$2:$R$366,ROW(INDEX(Jesper!AL$2:AL$366,ROUNDDOWN($C659/24,0)+1,1))-1)+IF('Standard Profiles'!$G$22=$B$10,7,0)+IF('Standard Profiles'!$G$22=$B$17,14,0)+IF('Standard Profiles'!$G$22=$B$24,21,0),0)),0)</f>
        <v>0</v>
      </c>
      <c r="I659">
        <f t="shared" si="83"/>
        <v>0.16204866903401147</v>
      </c>
      <c r="J659">
        <f t="shared" si="84"/>
        <v>0.54016223011337161</v>
      </c>
      <c r="K659">
        <f t="shared" si="85"/>
        <v>0.81024334517005736</v>
      </c>
      <c r="L659">
        <f t="shared" si="86"/>
        <v>8.4331449957807436</v>
      </c>
      <c r="M659">
        <f t="shared" si="87"/>
        <v>0</v>
      </c>
      <c r="N659" s="46">
        <f t="shared" si="88"/>
        <v>45318.041666665151</v>
      </c>
    </row>
    <row r="660" spans="2:14" x14ac:dyDescent="0.3">
      <c r="B660">
        <f t="shared" si="82"/>
        <v>6</v>
      </c>
      <c r="C660" s="16">
        <v>626</v>
      </c>
      <c r="D660" cm="1">
        <f t="array" ref="D660">IFERROR(INDEX(Jesper!AH$2:AH$366,ROUNDDOWN($C660/24,0)+1,1)*INDEX($D$3:$AA$30,INDEX(Jesper!$R$2:$R$366,ROW(INDEX(Jesper!AH$2:AH$366,ROUNDDOWN($C660/24,0)+1,1))-1)+IF('Standard Profiles'!$G$18=$B$10,7,0)+IF('Standard Profiles'!$G$18=$B$17,14,0)+IF('Standard Profiles'!$G$18=$B$24,21,0),MOD($C660,24)+1)/SUM(INDEX($D$3:$AA$30,INDEX(Jesper!$R$2:$R$366,ROW(INDEX(Jesper!AH$2:AH$366,ROUNDDOWN($C660/24,0)+1,1))-1)+IF('Standard Profiles'!$G$18=$B$10,7,0)+IF('Standard Profiles'!$G$18=$B$17,14,0)+IF('Standard Profiles'!$G$18=$B$24,21,0),0)),0)</f>
        <v>8.1468590138206576</v>
      </c>
      <c r="E660" cm="1">
        <f t="array" ref="E660">IFERROR(INDEX(Jesper!AI$2:AI$366,ROUNDDOWN($C660/24,0)+1,1)*INDEX($D$3:$AA$30,INDEX(Jesper!$R$2:$R$366,ROW(INDEX(Jesper!AI$2:AI$366,ROUNDDOWN($C660/24,0)+1,1))-1)+IF('Standard Profiles'!$G$19=$B$10,7,0)+IF('Standard Profiles'!$G$19=$B$17,14,0)+IF('Standard Profiles'!$G$19=$B$24,21,0),MOD($C660,24)+1)/SUM(INDEX($D$3:$AA$30,INDEX(Jesper!$R$2:$R$366,ROW(INDEX(Jesper!AI$2:AI$366,ROUNDDOWN($C660/24,0)+1,1))-1)+IF('Standard Profiles'!$G$19=$B$10,7,0)+IF('Standard Profiles'!$G$19=$B$17,14,0)+IF('Standard Profiles'!$G$19=$B$24,21,0),0)),0)</f>
        <v>1.7987402262775267</v>
      </c>
      <c r="F660" cm="1">
        <f t="array" ref="F660">IFERROR(INDEX(Jesper!AJ$2:AJ$366,ROUNDDOWN($C660/24,0)+1,1)*INDEX($D$3:$AA$30,INDEX(Jesper!$R$2:$R$366,ROW(INDEX(Jesper!AJ$2:AJ$366,ROUNDDOWN($C660/24,0)+1,1))-1)+IF('Standard Profiles'!$G$20=$B$10,7,0)+IF('Standard Profiles'!$G$20=$B$17,14,0)+IF('Standard Profiles'!$G$20=$B$24,21,0),MOD($C660,24)+1)/SUM(INDEX($D$3:$AA$30,INDEX(Jesper!$R$2:$R$366,ROW(INDEX(Jesper!AJ$2:AJ$366,ROUNDDOWN($C660/24,0)+1,1))-1)+IF('Standard Profiles'!$G$20=$B$10,7,0)+IF('Standard Profiles'!$G$20=$B$17,14,0)+IF('Standard Profiles'!$G$20=$B$24,21,0),0)),0)</f>
        <v>0</v>
      </c>
      <c r="G660" cm="1">
        <f t="array" ref="G660">IFERROR(INDEX(Jesper!AK$2:AK$366,ROUNDDOWN($C660/24,0)+1,1)*INDEX($D$3:$AA$30,INDEX(Jesper!$R$2:$R$366,ROW(INDEX(Jesper!AK$2:AK$366,ROUNDDOWN($C660/24,0)+1,1))-1)+IF('Standard Profiles'!$G$21=$B$10,7,0)+IF('Standard Profiles'!$G$21=$B$17,14,0)+IF('Standard Profiles'!$G$21=$B$24,21,0),MOD($C660,24)+1)/SUM(INDEX($D$3:$AA$30,INDEX(Jesper!$R$2:$R$366,ROW(INDEX(Jesper!AK$2:AK$366,ROUNDDOWN($C660/24,0)+1,1))-1)+IF('Standard Profiles'!$G$21=$B$10,7,0)+IF('Standard Profiles'!$G$21=$B$17,14,0)+IF('Standard Profiles'!$G$21=$B$24,21,0),0)),0)</f>
        <v>0</v>
      </c>
      <c r="H660" cm="1">
        <f t="array" ref="H660">IFERROR(INDEX(Jesper!AL$2:AL$366,ROUNDDOWN($C660/24,0)+1,1)*INDEX($D$3:$AA$30,INDEX(Jesper!$R$2:$R$366,ROW(INDEX(Jesper!AL$2:AL$366,ROUNDDOWN($C660/24,0)+1,1))-1)+IF('Standard Profiles'!$G$22=$B$10,7,0)+IF('Standard Profiles'!$G$22=$B$17,14,0)+IF('Standard Profiles'!$G$22=$B$24,21,0),MOD($C660,24)+1)/SUM(INDEX($D$3:$AA$30,INDEX(Jesper!$R$2:$R$366,ROW(INDEX(Jesper!AL$2:AL$366,ROUNDDOWN($C660/24,0)+1,1))-1)+IF('Standard Profiles'!$G$22=$B$10,7,0)+IF('Standard Profiles'!$G$22=$B$17,14,0)+IF('Standard Profiles'!$G$22=$B$24,21,0),0)),0)</f>
        <v>0</v>
      </c>
      <c r="I660">
        <f t="shared" si="83"/>
        <v>0.16204866903401147</v>
      </c>
      <c r="J660">
        <f t="shared" si="84"/>
        <v>0.54016223011337161</v>
      </c>
      <c r="K660">
        <f t="shared" si="85"/>
        <v>0.81024334517005736</v>
      </c>
      <c r="L660">
        <f t="shared" si="86"/>
        <v>8.4331449957807436</v>
      </c>
      <c r="M660">
        <f t="shared" si="87"/>
        <v>0</v>
      </c>
      <c r="N660" s="46">
        <f t="shared" si="88"/>
        <v>45318.083333331815</v>
      </c>
    </row>
    <row r="661" spans="2:14" x14ac:dyDescent="0.3">
      <c r="B661">
        <f t="shared" si="82"/>
        <v>6</v>
      </c>
      <c r="C661" s="16">
        <v>627</v>
      </c>
      <c r="D661" cm="1">
        <f t="array" ref="D661">IFERROR(INDEX(Jesper!AH$2:AH$366,ROUNDDOWN($C661/24,0)+1,1)*INDEX($D$3:$AA$30,INDEX(Jesper!$R$2:$R$366,ROW(INDEX(Jesper!AH$2:AH$366,ROUNDDOWN($C661/24,0)+1,1))-1)+IF('Standard Profiles'!$G$18=$B$10,7,0)+IF('Standard Profiles'!$G$18=$B$17,14,0)+IF('Standard Profiles'!$G$18=$B$24,21,0),MOD($C661,24)+1)/SUM(INDEX($D$3:$AA$30,INDEX(Jesper!$R$2:$R$366,ROW(INDEX(Jesper!AH$2:AH$366,ROUNDDOWN($C661/24,0)+1,1))-1)+IF('Standard Profiles'!$G$18=$B$10,7,0)+IF('Standard Profiles'!$G$18=$B$17,14,0)+IF('Standard Profiles'!$G$18=$B$24,21,0),0)),0)</f>
        <v>8.1468590138206576</v>
      </c>
      <c r="E661" cm="1">
        <f t="array" ref="E661">IFERROR(INDEX(Jesper!AI$2:AI$366,ROUNDDOWN($C661/24,0)+1,1)*INDEX($D$3:$AA$30,INDEX(Jesper!$R$2:$R$366,ROW(INDEX(Jesper!AI$2:AI$366,ROUNDDOWN($C661/24,0)+1,1))-1)+IF('Standard Profiles'!$G$19=$B$10,7,0)+IF('Standard Profiles'!$G$19=$B$17,14,0)+IF('Standard Profiles'!$G$19=$B$24,21,0),MOD($C661,24)+1)/SUM(INDEX($D$3:$AA$30,INDEX(Jesper!$R$2:$R$366,ROW(INDEX(Jesper!AI$2:AI$366,ROUNDDOWN($C661/24,0)+1,1))-1)+IF('Standard Profiles'!$G$19=$B$10,7,0)+IF('Standard Profiles'!$G$19=$B$17,14,0)+IF('Standard Profiles'!$G$19=$B$24,21,0),0)),0)</f>
        <v>1.7987402262775267</v>
      </c>
      <c r="F661" cm="1">
        <f t="array" ref="F661">IFERROR(INDEX(Jesper!AJ$2:AJ$366,ROUNDDOWN($C661/24,0)+1,1)*INDEX($D$3:$AA$30,INDEX(Jesper!$R$2:$R$366,ROW(INDEX(Jesper!AJ$2:AJ$366,ROUNDDOWN($C661/24,0)+1,1))-1)+IF('Standard Profiles'!$G$20=$B$10,7,0)+IF('Standard Profiles'!$G$20=$B$17,14,0)+IF('Standard Profiles'!$G$20=$B$24,21,0),MOD($C661,24)+1)/SUM(INDEX($D$3:$AA$30,INDEX(Jesper!$R$2:$R$366,ROW(INDEX(Jesper!AJ$2:AJ$366,ROUNDDOWN($C661/24,0)+1,1))-1)+IF('Standard Profiles'!$G$20=$B$10,7,0)+IF('Standard Profiles'!$G$20=$B$17,14,0)+IF('Standard Profiles'!$G$20=$B$24,21,0),0)),0)</f>
        <v>0</v>
      </c>
      <c r="G661" cm="1">
        <f t="array" ref="G661">IFERROR(INDEX(Jesper!AK$2:AK$366,ROUNDDOWN($C661/24,0)+1,1)*INDEX($D$3:$AA$30,INDEX(Jesper!$R$2:$R$366,ROW(INDEX(Jesper!AK$2:AK$366,ROUNDDOWN($C661/24,0)+1,1))-1)+IF('Standard Profiles'!$G$21=$B$10,7,0)+IF('Standard Profiles'!$G$21=$B$17,14,0)+IF('Standard Profiles'!$G$21=$B$24,21,0),MOD($C661,24)+1)/SUM(INDEX($D$3:$AA$30,INDEX(Jesper!$R$2:$R$366,ROW(INDEX(Jesper!AK$2:AK$366,ROUNDDOWN($C661/24,0)+1,1))-1)+IF('Standard Profiles'!$G$21=$B$10,7,0)+IF('Standard Profiles'!$G$21=$B$17,14,0)+IF('Standard Profiles'!$G$21=$B$24,21,0),0)),0)</f>
        <v>0</v>
      </c>
      <c r="H661" cm="1">
        <f t="array" ref="H661">IFERROR(INDEX(Jesper!AL$2:AL$366,ROUNDDOWN($C661/24,0)+1,1)*INDEX($D$3:$AA$30,INDEX(Jesper!$R$2:$R$366,ROW(INDEX(Jesper!AL$2:AL$366,ROUNDDOWN($C661/24,0)+1,1))-1)+IF('Standard Profiles'!$G$22=$B$10,7,0)+IF('Standard Profiles'!$G$22=$B$17,14,0)+IF('Standard Profiles'!$G$22=$B$24,21,0),MOD($C661,24)+1)/SUM(INDEX($D$3:$AA$30,INDEX(Jesper!$R$2:$R$366,ROW(INDEX(Jesper!AL$2:AL$366,ROUNDDOWN($C661/24,0)+1,1))-1)+IF('Standard Profiles'!$G$22=$B$10,7,0)+IF('Standard Profiles'!$G$22=$B$17,14,0)+IF('Standard Profiles'!$G$22=$B$24,21,0),0)),0)</f>
        <v>0</v>
      </c>
      <c r="I661">
        <f t="shared" si="83"/>
        <v>0.16204866903401147</v>
      </c>
      <c r="J661">
        <f t="shared" si="84"/>
        <v>0.54016223011337161</v>
      </c>
      <c r="K661">
        <f t="shared" si="85"/>
        <v>0.81024334517005736</v>
      </c>
      <c r="L661">
        <f t="shared" si="86"/>
        <v>8.4331449957807436</v>
      </c>
      <c r="M661">
        <f t="shared" si="87"/>
        <v>0</v>
      </c>
      <c r="N661" s="46">
        <f t="shared" si="88"/>
        <v>45318.124999998479</v>
      </c>
    </row>
    <row r="662" spans="2:14" x14ac:dyDescent="0.3">
      <c r="B662">
        <f t="shared" si="82"/>
        <v>6</v>
      </c>
      <c r="C662" s="16">
        <v>628</v>
      </c>
      <c r="D662" cm="1">
        <f t="array" ref="D662">IFERROR(INDEX(Jesper!AH$2:AH$366,ROUNDDOWN($C662/24,0)+1,1)*INDEX($D$3:$AA$30,INDEX(Jesper!$R$2:$R$366,ROW(INDEX(Jesper!AH$2:AH$366,ROUNDDOWN($C662/24,0)+1,1))-1)+IF('Standard Profiles'!$G$18=$B$10,7,0)+IF('Standard Profiles'!$G$18=$B$17,14,0)+IF('Standard Profiles'!$G$18=$B$24,21,0),MOD($C662,24)+1)/SUM(INDEX($D$3:$AA$30,INDEX(Jesper!$R$2:$R$366,ROW(INDEX(Jesper!AH$2:AH$366,ROUNDDOWN($C662/24,0)+1,1))-1)+IF('Standard Profiles'!$G$18=$B$10,7,0)+IF('Standard Profiles'!$G$18=$B$17,14,0)+IF('Standard Profiles'!$G$18=$B$24,21,0),0)),0)</f>
        <v>8.1468590138206576</v>
      </c>
      <c r="E662" cm="1">
        <f t="array" ref="E662">IFERROR(INDEX(Jesper!AI$2:AI$366,ROUNDDOWN($C662/24,0)+1,1)*INDEX($D$3:$AA$30,INDEX(Jesper!$R$2:$R$366,ROW(INDEX(Jesper!AI$2:AI$366,ROUNDDOWN($C662/24,0)+1,1))-1)+IF('Standard Profiles'!$G$19=$B$10,7,0)+IF('Standard Profiles'!$G$19=$B$17,14,0)+IF('Standard Profiles'!$G$19=$B$24,21,0),MOD($C662,24)+1)/SUM(INDEX($D$3:$AA$30,INDEX(Jesper!$R$2:$R$366,ROW(INDEX(Jesper!AI$2:AI$366,ROUNDDOWN($C662/24,0)+1,1))-1)+IF('Standard Profiles'!$G$19=$B$10,7,0)+IF('Standard Profiles'!$G$19=$B$17,14,0)+IF('Standard Profiles'!$G$19=$B$24,21,0),0)),0)</f>
        <v>1.7987402262775267</v>
      </c>
      <c r="F662" cm="1">
        <f t="array" ref="F662">IFERROR(INDEX(Jesper!AJ$2:AJ$366,ROUNDDOWN($C662/24,0)+1,1)*INDEX($D$3:$AA$30,INDEX(Jesper!$R$2:$R$366,ROW(INDEX(Jesper!AJ$2:AJ$366,ROUNDDOWN($C662/24,0)+1,1))-1)+IF('Standard Profiles'!$G$20=$B$10,7,0)+IF('Standard Profiles'!$G$20=$B$17,14,0)+IF('Standard Profiles'!$G$20=$B$24,21,0),MOD($C662,24)+1)/SUM(INDEX($D$3:$AA$30,INDEX(Jesper!$R$2:$R$366,ROW(INDEX(Jesper!AJ$2:AJ$366,ROUNDDOWN($C662/24,0)+1,1))-1)+IF('Standard Profiles'!$G$20=$B$10,7,0)+IF('Standard Profiles'!$G$20=$B$17,14,0)+IF('Standard Profiles'!$G$20=$B$24,21,0),0)),0)</f>
        <v>0</v>
      </c>
      <c r="G662" cm="1">
        <f t="array" ref="G662">IFERROR(INDEX(Jesper!AK$2:AK$366,ROUNDDOWN($C662/24,0)+1,1)*INDEX($D$3:$AA$30,INDEX(Jesper!$R$2:$R$366,ROW(INDEX(Jesper!AK$2:AK$366,ROUNDDOWN($C662/24,0)+1,1))-1)+IF('Standard Profiles'!$G$21=$B$10,7,0)+IF('Standard Profiles'!$G$21=$B$17,14,0)+IF('Standard Profiles'!$G$21=$B$24,21,0),MOD($C662,24)+1)/SUM(INDEX($D$3:$AA$30,INDEX(Jesper!$R$2:$R$366,ROW(INDEX(Jesper!AK$2:AK$366,ROUNDDOWN($C662/24,0)+1,1))-1)+IF('Standard Profiles'!$G$21=$B$10,7,0)+IF('Standard Profiles'!$G$21=$B$17,14,0)+IF('Standard Profiles'!$G$21=$B$24,21,0),0)),0)</f>
        <v>0</v>
      </c>
      <c r="H662" cm="1">
        <f t="array" ref="H662">IFERROR(INDEX(Jesper!AL$2:AL$366,ROUNDDOWN($C662/24,0)+1,1)*INDEX($D$3:$AA$30,INDEX(Jesper!$R$2:$R$366,ROW(INDEX(Jesper!AL$2:AL$366,ROUNDDOWN($C662/24,0)+1,1))-1)+IF('Standard Profiles'!$G$22=$B$10,7,0)+IF('Standard Profiles'!$G$22=$B$17,14,0)+IF('Standard Profiles'!$G$22=$B$24,21,0),MOD($C662,24)+1)/SUM(INDEX($D$3:$AA$30,INDEX(Jesper!$R$2:$R$366,ROW(INDEX(Jesper!AL$2:AL$366,ROUNDDOWN($C662/24,0)+1,1))-1)+IF('Standard Profiles'!$G$22=$B$10,7,0)+IF('Standard Profiles'!$G$22=$B$17,14,0)+IF('Standard Profiles'!$G$22=$B$24,21,0),0)),0)</f>
        <v>0</v>
      </c>
      <c r="I662">
        <f t="shared" si="83"/>
        <v>0.16204866903401147</v>
      </c>
      <c r="J662">
        <f t="shared" si="84"/>
        <v>0.54016223011337161</v>
      </c>
      <c r="K662">
        <f t="shared" si="85"/>
        <v>0.81024334517005736</v>
      </c>
      <c r="L662">
        <f t="shared" si="86"/>
        <v>8.4331449957807436</v>
      </c>
      <c r="M662">
        <f t="shared" si="87"/>
        <v>0</v>
      </c>
      <c r="N662" s="46">
        <f t="shared" si="88"/>
        <v>45318.166666665144</v>
      </c>
    </row>
    <row r="663" spans="2:14" x14ac:dyDescent="0.3">
      <c r="B663">
        <f t="shared" si="82"/>
        <v>6</v>
      </c>
      <c r="C663" s="16">
        <v>629</v>
      </c>
      <c r="D663" cm="1">
        <f t="array" ref="D663">IFERROR(INDEX(Jesper!AH$2:AH$366,ROUNDDOWN($C663/24,0)+1,1)*INDEX($D$3:$AA$30,INDEX(Jesper!$R$2:$R$366,ROW(INDEX(Jesper!AH$2:AH$366,ROUNDDOWN($C663/24,0)+1,1))-1)+IF('Standard Profiles'!$G$18=$B$10,7,0)+IF('Standard Profiles'!$G$18=$B$17,14,0)+IF('Standard Profiles'!$G$18=$B$24,21,0),MOD($C663,24)+1)/SUM(INDEX($D$3:$AA$30,INDEX(Jesper!$R$2:$R$366,ROW(INDEX(Jesper!AH$2:AH$366,ROUNDDOWN($C663/24,0)+1,1))-1)+IF('Standard Profiles'!$G$18=$B$10,7,0)+IF('Standard Profiles'!$G$18=$B$17,14,0)+IF('Standard Profiles'!$G$18=$B$24,21,0),0)),0)</f>
        <v>10.133897797679355</v>
      </c>
      <c r="E663" cm="1">
        <f t="array" ref="E663">IFERROR(INDEX(Jesper!AI$2:AI$366,ROUNDDOWN($C663/24,0)+1,1)*INDEX($D$3:$AA$30,INDEX(Jesper!$R$2:$R$366,ROW(INDEX(Jesper!AI$2:AI$366,ROUNDDOWN($C663/24,0)+1,1))-1)+IF('Standard Profiles'!$G$19=$B$10,7,0)+IF('Standard Profiles'!$G$19=$B$17,14,0)+IF('Standard Profiles'!$G$19=$B$24,21,0),MOD($C663,24)+1)/SUM(INDEX($D$3:$AA$30,INDEX(Jesper!$R$2:$R$366,ROW(INDEX(Jesper!AI$2:AI$366,ROUNDDOWN($C663/24,0)+1,1))-1)+IF('Standard Profiles'!$G$19=$B$10,7,0)+IF('Standard Profiles'!$G$19=$B$17,14,0)+IF('Standard Profiles'!$G$19=$B$24,21,0),0)),0)</f>
        <v>2.2374573546378991</v>
      </c>
      <c r="F663" cm="1">
        <f t="array" ref="F663">IFERROR(INDEX(Jesper!AJ$2:AJ$366,ROUNDDOWN($C663/24,0)+1,1)*INDEX($D$3:$AA$30,INDEX(Jesper!$R$2:$R$366,ROW(INDEX(Jesper!AJ$2:AJ$366,ROUNDDOWN($C663/24,0)+1,1))-1)+IF('Standard Profiles'!$G$20=$B$10,7,0)+IF('Standard Profiles'!$G$20=$B$17,14,0)+IF('Standard Profiles'!$G$20=$B$24,21,0),MOD($C663,24)+1)/SUM(INDEX($D$3:$AA$30,INDEX(Jesper!$R$2:$R$366,ROW(INDEX(Jesper!AJ$2:AJ$366,ROUNDDOWN($C663/24,0)+1,1))-1)+IF('Standard Profiles'!$G$20=$B$10,7,0)+IF('Standard Profiles'!$G$20=$B$17,14,0)+IF('Standard Profiles'!$G$20=$B$24,21,0),0)),0)</f>
        <v>0</v>
      </c>
      <c r="G663" cm="1">
        <f t="array" ref="G663">IFERROR(INDEX(Jesper!AK$2:AK$366,ROUNDDOWN($C663/24,0)+1,1)*INDEX($D$3:$AA$30,INDEX(Jesper!$R$2:$R$366,ROW(INDEX(Jesper!AK$2:AK$366,ROUNDDOWN($C663/24,0)+1,1))-1)+IF('Standard Profiles'!$G$21=$B$10,7,0)+IF('Standard Profiles'!$G$21=$B$17,14,0)+IF('Standard Profiles'!$G$21=$B$24,21,0),MOD($C663,24)+1)/SUM(INDEX($D$3:$AA$30,INDEX(Jesper!$R$2:$R$366,ROW(INDEX(Jesper!AK$2:AK$366,ROUNDDOWN($C663/24,0)+1,1))-1)+IF('Standard Profiles'!$G$21=$B$10,7,0)+IF('Standard Profiles'!$G$21=$B$17,14,0)+IF('Standard Profiles'!$G$21=$B$24,21,0),0)),0)</f>
        <v>0</v>
      </c>
      <c r="H663" cm="1">
        <f t="array" ref="H663">IFERROR(INDEX(Jesper!AL$2:AL$366,ROUNDDOWN($C663/24,0)+1,1)*INDEX($D$3:$AA$30,INDEX(Jesper!$R$2:$R$366,ROW(INDEX(Jesper!AL$2:AL$366,ROUNDDOWN($C663/24,0)+1,1))-1)+IF('Standard Profiles'!$G$22=$B$10,7,0)+IF('Standard Profiles'!$G$22=$B$17,14,0)+IF('Standard Profiles'!$G$22=$B$24,21,0),MOD($C663,24)+1)/SUM(INDEX($D$3:$AA$30,INDEX(Jesper!$R$2:$R$366,ROW(INDEX(Jesper!AL$2:AL$366,ROUNDDOWN($C663/24,0)+1,1))-1)+IF('Standard Profiles'!$G$22=$B$10,7,0)+IF('Standard Profiles'!$G$22=$B$17,14,0)+IF('Standard Profiles'!$G$22=$B$24,21,0),0)),0)</f>
        <v>0</v>
      </c>
      <c r="I663">
        <f t="shared" si="83"/>
        <v>0.20157273465206305</v>
      </c>
      <c r="J663">
        <f t="shared" si="84"/>
        <v>0.67190911550687682</v>
      </c>
      <c r="K663">
        <f t="shared" si="85"/>
        <v>1.0078636732603152</v>
      </c>
      <c r="L663">
        <f t="shared" si="86"/>
        <v>10.490009628897999</v>
      </c>
      <c r="M663">
        <f t="shared" si="87"/>
        <v>0</v>
      </c>
      <c r="N663" s="46">
        <f t="shared" si="88"/>
        <v>45318.208333331808</v>
      </c>
    </row>
    <row r="664" spans="2:14" x14ac:dyDescent="0.3">
      <c r="B664">
        <f t="shared" si="82"/>
        <v>6</v>
      </c>
      <c r="C664" s="16">
        <v>630</v>
      </c>
      <c r="D664" cm="1">
        <f t="array" ref="D664">IFERROR(INDEX(Jesper!AH$2:AH$366,ROUNDDOWN($C664/24,0)+1,1)*INDEX($D$3:$AA$30,INDEX(Jesper!$R$2:$R$366,ROW(INDEX(Jesper!AH$2:AH$366,ROUNDDOWN($C664/24,0)+1,1))-1)+IF('Standard Profiles'!$G$18=$B$10,7,0)+IF('Standard Profiles'!$G$18=$B$17,14,0)+IF('Standard Profiles'!$G$18=$B$24,21,0),MOD($C664,24)+1)/SUM(INDEX($D$3:$AA$30,INDEX(Jesper!$R$2:$R$366,ROW(INDEX(Jesper!AH$2:AH$366,ROUNDDOWN($C664/24,0)+1,1))-1)+IF('Standard Profiles'!$G$18=$B$10,7,0)+IF('Standard Profiles'!$G$18=$B$17,14,0)+IF('Standard Profiles'!$G$18=$B$24,21,0),0)),0)</f>
        <v>12.717048216695661</v>
      </c>
      <c r="E664" cm="1">
        <f t="array" ref="E664">IFERROR(INDEX(Jesper!AI$2:AI$366,ROUNDDOWN($C664/24,0)+1,1)*INDEX($D$3:$AA$30,INDEX(Jesper!$R$2:$R$366,ROW(INDEX(Jesper!AI$2:AI$366,ROUNDDOWN($C664/24,0)+1,1))-1)+IF('Standard Profiles'!$G$19=$B$10,7,0)+IF('Standard Profiles'!$G$19=$B$17,14,0)+IF('Standard Profiles'!$G$19=$B$24,21,0),MOD($C664,24)+1)/SUM(INDEX($D$3:$AA$30,INDEX(Jesper!$R$2:$R$366,ROW(INDEX(Jesper!AI$2:AI$366,ROUNDDOWN($C664/24,0)+1,1))-1)+IF('Standard Profiles'!$G$19=$B$10,7,0)+IF('Standard Profiles'!$G$19=$B$17,14,0)+IF('Standard Profiles'!$G$19=$B$24,21,0),0)),0)</f>
        <v>2.8077896215063829</v>
      </c>
      <c r="F664" cm="1">
        <f t="array" ref="F664">IFERROR(INDEX(Jesper!AJ$2:AJ$366,ROUNDDOWN($C664/24,0)+1,1)*INDEX($D$3:$AA$30,INDEX(Jesper!$R$2:$R$366,ROW(INDEX(Jesper!AJ$2:AJ$366,ROUNDDOWN($C664/24,0)+1,1))-1)+IF('Standard Profiles'!$G$20=$B$10,7,0)+IF('Standard Profiles'!$G$20=$B$17,14,0)+IF('Standard Profiles'!$G$20=$B$24,21,0),MOD($C664,24)+1)/SUM(INDEX($D$3:$AA$30,INDEX(Jesper!$R$2:$R$366,ROW(INDEX(Jesper!AJ$2:AJ$366,ROUNDDOWN($C664/24,0)+1,1))-1)+IF('Standard Profiles'!$G$20=$B$10,7,0)+IF('Standard Profiles'!$G$20=$B$17,14,0)+IF('Standard Profiles'!$G$20=$B$24,21,0),0)),0)</f>
        <v>0</v>
      </c>
      <c r="G664" cm="1">
        <f t="array" ref="G664">IFERROR(INDEX(Jesper!AK$2:AK$366,ROUNDDOWN($C664/24,0)+1,1)*INDEX($D$3:$AA$30,INDEX(Jesper!$R$2:$R$366,ROW(INDEX(Jesper!AK$2:AK$366,ROUNDDOWN($C664/24,0)+1,1))-1)+IF('Standard Profiles'!$G$21=$B$10,7,0)+IF('Standard Profiles'!$G$21=$B$17,14,0)+IF('Standard Profiles'!$G$21=$B$24,21,0),MOD($C664,24)+1)/SUM(INDEX($D$3:$AA$30,INDEX(Jesper!$R$2:$R$366,ROW(INDEX(Jesper!AK$2:AK$366,ROUNDDOWN($C664/24,0)+1,1))-1)+IF('Standard Profiles'!$G$21=$B$10,7,0)+IF('Standard Profiles'!$G$21=$B$17,14,0)+IF('Standard Profiles'!$G$21=$B$24,21,0),0)),0)</f>
        <v>0</v>
      </c>
      <c r="H664" cm="1">
        <f t="array" ref="H664">IFERROR(INDEX(Jesper!AL$2:AL$366,ROUNDDOWN($C664/24,0)+1,1)*INDEX($D$3:$AA$30,INDEX(Jesper!$R$2:$R$366,ROW(INDEX(Jesper!AL$2:AL$366,ROUNDDOWN($C664/24,0)+1,1))-1)+IF('Standard Profiles'!$G$22=$B$10,7,0)+IF('Standard Profiles'!$G$22=$B$17,14,0)+IF('Standard Profiles'!$G$22=$B$24,21,0),MOD($C664,24)+1)/SUM(INDEX($D$3:$AA$30,INDEX(Jesper!$R$2:$R$366,ROW(INDEX(Jesper!AL$2:AL$366,ROUNDDOWN($C664/24,0)+1,1))-1)+IF('Standard Profiles'!$G$22=$B$10,7,0)+IF('Standard Profiles'!$G$22=$B$17,14,0)+IF('Standard Profiles'!$G$22=$B$24,21,0),0)),0)</f>
        <v>0</v>
      </c>
      <c r="I664">
        <f t="shared" si="83"/>
        <v>0.25295401995553007</v>
      </c>
      <c r="J664">
        <f t="shared" si="84"/>
        <v>0.84318006651843358</v>
      </c>
      <c r="K664">
        <f t="shared" si="85"/>
        <v>1.2647700997776505</v>
      </c>
      <c r="L664">
        <f t="shared" si="86"/>
        <v>13.16393365195043</v>
      </c>
      <c r="M664">
        <f t="shared" si="87"/>
        <v>0</v>
      </c>
      <c r="N664" s="46">
        <f t="shared" si="88"/>
        <v>45318.249999998472</v>
      </c>
    </row>
    <row r="665" spans="2:14" x14ac:dyDescent="0.3">
      <c r="B665">
        <f t="shared" si="82"/>
        <v>6</v>
      </c>
      <c r="C665" s="16">
        <v>631</v>
      </c>
      <c r="D665" cm="1">
        <f t="array" ref="D665">IFERROR(INDEX(Jesper!AH$2:AH$366,ROUNDDOWN($C665/24,0)+1,1)*INDEX($D$3:$AA$30,INDEX(Jesper!$R$2:$R$366,ROW(INDEX(Jesper!AH$2:AH$366,ROUNDDOWN($C665/24,0)+1,1))-1)+IF('Standard Profiles'!$G$18=$B$10,7,0)+IF('Standard Profiles'!$G$18=$B$17,14,0)+IF('Standard Profiles'!$G$18=$B$24,21,0),MOD($C665,24)+1)/SUM(INDEX($D$3:$AA$30,INDEX(Jesper!$R$2:$R$366,ROW(INDEX(Jesper!AH$2:AH$366,ROUNDDOWN($C665/24,0)+1,1))-1)+IF('Standard Profiles'!$G$18=$B$10,7,0)+IF('Standard Profiles'!$G$18=$B$17,14,0)+IF('Standard Profiles'!$G$18=$B$24,21,0),0)),0)</f>
        <v>14.505383122168489</v>
      </c>
      <c r="E665" cm="1">
        <f t="array" ref="E665">IFERROR(INDEX(Jesper!AI$2:AI$366,ROUNDDOWN($C665/24,0)+1,1)*INDEX($D$3:$AA$30,INDEX(Jesper!$R$2:$R$366,ROW(INDEX(Jesper!AI$2:AI$366,ROUNDDOWN($C665/24,0)+1,1))-1)+IF('Standard Profiles'!$G$19=$B$10,7,0)+IF('Standard Profiles'!$G$19=$B$17,14,0)+IF('Standard Profiles'!$G$19=$B$24,21,0),MOD($C665,24)+1)/SUM(INDEX($D$3:$AA$30,INDEX(Jesper!$R$2:$R$366,ROW(INDEX(Jesper!AI$2:AI$366,ROUNDDOWN($C665/24,0)+1,1))-1)+IF('Standard Profiles'!$G$19=$B$10,7,0)+IF('Standard Profiles'!$G$19=$B$17,14,0)+IF('Standard Profiles'!$G$19=$B$24,21,0),0)),0)</f>
        <v>3.2026350370307179</v>
      </c>
      <c r="F665" cm="1">
        <f t="array" ref="F665">IFERROR(INDEX(Jesper!AJ$2:AJ$366,ROUNDDOWN($C665/24,0)+1,1)*INDEX($D$3:$AA$30,INDEX(Jesper!$R$2:$R$366,ROW(INDEX(Jesper!AJ$2:AJ$366,ROUNDDOWN($C665/24,0)+1,1))-1)+IF('Standard Profiles'!$G$20=$B$10,7,0)+IF('Standard Profiles'!$G$20=$B$17,14,0)+IF('Standard Profiles'!$G$20=$B$24,21,0),MOD($C665,24)+1)/SUM(INDEX($D$3:$AA$30,INDEX(Jesper!$R$2:$R$366,ROW(INDEX(Jesper!AJ$2:AJ$366,ROUNDDOWN($C665/24,0)+1,1))-1)+IF('Standard Profiles'!$G$20=$B$10,7,0)+IF('Standard Profiles'!$G$20=$B$17,14,0)+IF('Standard Profiles'!$G$20=$B$24,21,0),0)),0)</f>
        <v>0</v>
      </c>
      <c r="G665" cm="1">
        <f t="array" ref="G665">IFERROR(INDEX(Jesper!AK$2:AK$366,ROUNDDOWN($C665/24,0)+1,1)*INDEX($D$3:$AA$30,INDEX(Jesper!$R$2:$R$366,ROW(INDEX(Jesper!AK$2:AK$366,ROUNDDOWN($C665/24,0)+1,1))-1)+IF('Standard Profiles'!$G$21=$B$10,7,0)+IF('Standard Profiles'!$G$21=$B$17,14,0)+IF('Standard Profiles'!$G$21=$B$24,21,0),MOD($C665,24)+1)/SUM(INDEX($D$3:$AA$30,INDEX(Jesper!$R$2:$R$366,ROW(INDEX(Jesper!AK$2:AK$366,ROUNDDOWN($C665/24,0)+1,1))-1)+IF('Standard Profiles'!$G$21=$B$10,7,0)+IF('Standard Profiles'!$G$21=$B$17,14,0)+IF('Standard Profiles'!$G$21=$B$24,21,0),0)),0)</f>
        <v>0</v>
      </c>
      <c r="H665" cm="1">
        <f t="array" ref="H665">IFERROR(INDEX(Jesper!AL$2:AL$366,ROUNDDOWN($C665/24,0)+1,1)*INDEX($D$3:$AA$30,INDEX(Jesper!$R$2:$R$366,ROW(INDEX(Jesper!AL$2:AL$366,ROUNDDOWN($C665/24,0)+1,1))-1)+IF('Standard Profiles'!$G$22=$B$10,7,0)+IF('Standard Profiles'!$G$22=$B$17,14,0)+IF('Standard Profiles'!$G$22=$B$24,21,0),MOD($C665,24)+1)/SUM(INDEX($D$3:$AA$30,INDEX(Jesper!$R$2:$R$366,ROW(INDEX(Jesper!AL$2:AL$366,ROUNDDOWN($C665/24,0)+1,1))-1)+IF('Standard Profiles'!$G$22=$B$10,7,0)+IF('Standard Profiles'!$G$22=$B$17,14,0)+IF('Standard Profiles'!$G$22=$B$24,21,0),0)),0)</f>
        <v>0</v>
      </c>
      <c r="I665">
        <f t="shared" si="83"/>
        <v>0.28852567901177645</v>
      </c>
      <c r="J665">
        <f t="shared" si="84"/>
        <v>0.96175226337258835</v>
      </c>
      <c r="K665">
        <f t="shared" si="85"/>
        <v>1.4426283950588825</v>
      </c>
      <c r="L665">
        <f t="shared" si="86"/>
        <v>15.01511182175596</v>
      </c>
      <c r="M665">
        <f t="shared" si="87"/>
        <v>0</v>
      </c>
      <c r="N665" s="46">
        <f t="shared" si="88"/>
        <v>45318.291666665136</v>
      </c>
    </row>
    <row r="666" spans="2:14" x14ac:dyDescent="0.3">
      <c r="B666">
        <f t="shared" si="82"/>
        <v>6</v>
      </c>
      <c r="C666" s="16">
        <v>632</v>
      </c>
      <c r="D666" cm="1">
        <f t="array" ref="D666">IFERROR(INDEX(Jesper!AH$2:AH$366,ROUNDDOWN($C666/24,0)+1,1)*INDEX($D$3:$AA$30,INDEX(Jesper!$R$2:$R$366,ROW(INDEX(Jesper!AH$2:AH$366,ROUNDDOWN($C666/24,0)+1,1))-1)+IF('Standard Profiles'!$G$18=$B$10,7,0)+IF('Standard Profiles'!$G$18=$B$17,14,0)+IF('Standard Profiles'!$G$18=$B$24,21,0),MOD($C666,24)+1)/SUM(INDEX($D$3:$AA$30,INDEX(Jesper!$R$2:$R$366,ROW(INDEX(Jesper!AH$2:AH$366,ROUNDDOWN($C666/24,0)+1,1))-1)+IF('Standard Profiles'!$G$18=$B$10,7,0)+IF('Standard Profiles'!$G$18=$B$17,14,0)+IF('Standard Profiles'!$G$18=$B$24,21,0),0)),0)</f>
        <v>14.505383122168489</v>
      </c>
      <c r="E666" cm="1">
        <f t="array" ref="E666">IFERROR(INDEX(Jesper!AI$2:AI$366,ROUNDDOWN($C666/24,0)+1,1)*INDEX($D$3:$AA$30,INDEX(Jesper!$R$2:$R$366,ROW(INDEX(Jesper!AI$2:AI$366,ROUNDDOWN($C666/24,0)+1,1))-1)+IF('Standard Profiles'!$G$19=$B$10,7,0)+IF('Standard Profiles'!$G$19=$B$17,14,0)+IF('Standard Profiles'!$G$19=$B$24,21,0),MOD($C666,24)+1)/SUM(INDEX($D$3:$AA$30,INDEX(Jesper!$R$2:$R$366,ROW(INDEX(Jesper!AI$2:AI$366,ROUNDDOWN($C666/24,0)+1,1))-1)+IF('Standard Profiles'!$G$19=$B$10,7,0)+IF('Standard Profiles'!$G$19=$B$17,14,0)+IF('Standard Profiles'!$G$19=$B$24,21,0),0)),0)</f>
        <v>3.2026350370307179</v>
      </c>
      <c r="F666" cm="1">
        <f t="array" ref="F666">IFERROR(INDEX(Jesper!AJ$2:AJ$366,ROUNDDOWN($C666/24,0)+1,1)*INDEX($D$3:$AA$30,INDEX(Jesper!$R$2:$R$366,ROW(INDEX(Jesper!AJ$2:AJ$366,ROUNDDOWN($C666/24,0)+1,1))-1)+IF('Standard Profiles'!$G$20=$B$10,7,0)+IF('Standard Profiles'!$G$20=$B$17,14,0)+IF('Standard Profiles'!$G$20=$B$24,21,0),MOD($C666,24)+1)/SUM(INDEX($D$3:$AA$30,INDEX(Jesper!$R$2:$R$366,ROW(INDEX(Jesper!AJ$2:AJ$366,ROUNDDOWN($C666/24,0)+1,1))-1)+IF('Standard Profiles'!$G$20=$B$10,7,0)+IF('Standard Profiles'!$G$20=$B$17,14,0)+IF('Standard Profiles'!$G$20=$B$24,21,0),0)),0)</f>
        <v>0</v>
      </c>
      <c r="G666" cm="1">
        <f t="array" ref="G666">IFERROR(INDEX(Jesper!AK$2:AK$366,ROUNDDOWN($C666/24,0)+1,1)*INDEX($D$3:$AA$30,INDEX(Jesper!$R$2:$R$366,ROW(INDEX(Jesper!AK$2:AK$366,ROUNDDOWN($C666/24,0)+1,1))-1)+IF('Standard Profiles'!$G$21=$B$10,7,0)+IF('Standard Profiles'!$G$21=$B$17,14,0)+IF('Standard Profiles'!$G$21=$B$24,21,0),MOD($C666,24)+1)/SUM(INDEX($D$3:$AA$30,INDEX(Jesper!$R$2:$R$366,ROW(INDEX(Jesper!AK$2:AK$366,ROUNDDOWN($C666/24,0)+1,1))-1)+IF('Standard Profiles'!$G$21=$B$10,7,0)+IF('Standard Profiles'!$G$21=$B$17,14,0)+IF('Standard Profiles'!$G$21=$B$24,21,0),0)),0)</f>
        <v>0</v>
      </c>
      <c r="H666" cm="1">
        <f t="array" ref="H666">IFERROR(INDEX(Jesper!AL$2:AL$366,ROUNDDOWN($C666/24,0)+1,1)*INDEX($D$3:$AA$30,INDEX(Jesper!$R$2:$R$366,ROW(INDEX(Jesper!AL$2:AL$366,ROUNDDOWN($C666/24,0)+1,1))-1)+IF('Standard Profiles'!$G$22=$B$10,7,0)+IF('Standard Profiles'!$G$22=$B$17,14,0)+IF('Standard Profiles'!$G$22=$B$24,21,0),MOD($C666,24)+1)/SUM(INDEX($D$3:$AA$30,INDEX(Jesper!$R$2:$R$366,ROW(INDEX(Jesper!AL$2:AL$366,ROUNDDOWN($C666/24,0)+1,1))-1)+IF('Standard Profiles'!$G$22=$B$10,7,0)+IF('Standard Profiles'!$G$22=$B$17,14,0)+IF('Standard Profiles'!$G$22=$B$24,21,0),0)),0)</f>
        <v>0</v>
      </c>
      <c r="I666">
        <f t="shared" si="83"/>
        <v>0.28852567901177645</v>
      </c>
      <c r="J666">
        <f t="shared" si="84"/>
        <v>0.96175226337258835</v>
      </c>
      <c r="K666">
        <f t="shared" si="85"/>
        <v>1.4426283950588825</v>
      </c>
      <c r="L666">
        <f t="shared" si="86"/>
        <v>15.01511182175596</v>
      </c>
      <c r="M666">
        <f t="shared" si="87"/>
        <v>0</v>
      </c>
      <c r="N666" s="46">
        <f t="shared" si="88"/>
        <v>45318.333333331801</v>
      </c>
    </row>
    <row r="667" spans="2:14" x14ac:dyDescent="0.3">
      <c r="B667">
        <f t="shared" si="82"/>
        <v>6</v>
      </c>
      <c r="C667" s="16">
        <v>633</v>
      </c>
      <c r="D667" cm="1">
        <f t="array" ref="D667">IFERROR(INDEX(Jesper!AH$2:AH$366,ROUNDDOWN($C667/24,0)+1,1)*INDEX($D$3:$AA$30,INDEX(Jesper!$R$2:$R$366,ROW(INDEX(Jesper!AH$2:AH$366,ROUNDDOWN($C667/24,0)+1,1))-1)+IF('Standard Profiles'!$G$18=$B$10,7,0)+IF('Standard Profiles'!$G$18=$B$17,14,0)+IF('Standard Profiles'!$G$18=$B$24,21,0),MOD($C667,24)+1)/SUM(INDEX($D$3:$AA$30,INDEX(Jesper!$R$2:$R$366,ROW(INDEX(Jesper!AH$2:AH$366,ROUNDDOWN($C667/24,0)+1,1))-1)+IF('Standard Profiles'!$G$18=$B$10,7,0)+IF('Standard Profiles'!$G$18=$B$17,14,0)+IF('Standard Profiles'!$G$18=$B$24,21,0),0)),0)</f>
        <v>14.505383122168489</v>
      </c>
      <c r="E667" cm="1">
        <f t="array" ref="E667">IFERROR(INDEX(Jesper!AI$2:AI$366,ROUNDDOWN($C667/24,0)+1,1)*INDEX($D$3:$AA$30,INDEX(Jesper!$R$2:$R$366,ROW(INDEX(Jesper!AI$2:AI$366,ROUNDDOWN($C667/24,0)+1,1))-1)+IF('Standard Profiles'!$G$19=$B$10,7,0)+IF('Standard Profiles'!$G$19=$B$17,14,0)+IF('Standard Profiles'!$G$19=$B$24,21,0),MOD($C667,24)+1)/SUM(INDEX($D$3:$AA$30,INDEX(Jesper!$R$2:$R$366,ROW(INDEX(Jesper!AI$2:AI$366,ROUNDDOWN($C667/24,0)+1,1))-1)+IF('Standard Profiles'!$G$19=$B$10,7,0)+IF('Standard Profiles'!$G$19=$B$17,14,0)+IF('Standard Profiles'!$G$19=$B$24,21,0),0)),0)</f>
        <v>3.2026350370307179</v>
      </c>
      <c r="F667" cm="1">
        <f t="array" ref="F667">IFERROR(INDEX(Jesper!AJ$2:AJ$366,ROUNDDOWN($C667/24,0)+1,1)*INDEX($D$3:$AA$30,INDEX(Jesper!$R$2:$R$366,ROW(INDEX(Jesper!AJ$2:AJ$366,ROUNDDOWN($C667/24,0)+1,1))-1)+IF('Standard Profiles'!$G$20=$B$10,7,0)+IF('Standard Profiles'!$G$20=$B$17,14,0)+IF('Standard Profiles'!$G$20=$B$24,21,0),MOD($C667,24)+1)/SUM(INDEX($D$3:$AA$30,INDEX(Jesper!$R$2:$R$366,ROW(INDEX(Jesper!AJ$2:AJ$366,ROUNDDOWN($C667/24,0)+1,1))-1)+IF('Standard Profiles'!$G$20=$B$10,7,0)+IF('Standard Profiles'!$G$20=$B$17,14,0)+IF('Standard Profiles'!$G$20=$B$24,21,0),0)),0)</f>
        <v>0</v>
      </c>
      <c r="G667" cm="1">
        <f t="array" ref="G667">IFERROR(INDEX(Jesper!AK$2:AK$366,ROUNDDOWN($C667/24,0)+1,1)*INDEX($D$3:$AA$30,INDEX(Jesper!$R$2:$R$366,ROW(INDEX(Jesper!AK$2:AK$366,ROUNDDOWN($C667/24,0)+1,1))-1)+IF('Standard Profiles'!$G$21=$B$10,7,0)+IF('Standard Profiles'!$G$21=$B$17,14,0)+IF('Standard Profiles'!$G$21=$B$24,21,0),MOD($C667,24)+1)/SUM(INDEX($D$3:$AA$30,INDEX(Jesper!$R$2:$R$366,ROW(INDEX(Jesper!AK$2:AK$366,ROUNDDOWN($C667/24,0)+1,1))-1)+IF('Standard Profiles'!$G$21=$B$10,7,0)+IF('Standard Profiles'!$G$21=$B$17,14,0)+IF('Standard Profiles'!$G$21=$B$24,21,0),0)),0)</f>
        <v>0</v>
      </c>
      <c r="H667" cm="1">
        <f t="array" ref="H667">IFERROR(INDEX(Jesper!AL$2:AL$366,ROUNDDOWN($C667/24,0)+1,1)*INDEX($D$3:$AA$30,INDEX(Jesper!$R$2:$R$366,ROW(INDEX(Jesper!AL$2:AL$366,ROUNDDOWN($C667/24,0)+1,1))-1)+IF('Standard Profiles'!$G$22=$B$10,7,0)+IF('Standard Profiles'!$G$22=$B$17,14,0)+IF('Standard Profiles'!$G$22=$B$24,21,0),MOD($C667,24)+1)/SUM(INDEX($D$3:$AA$30,INDEX(Jesper!$R$2:$R$366,ROW(INDEX(Jesper!AL$2:AL$366,ROUNDDOWN($C667/24,0)+1,1))-1)+IF('Standard Profiles'!$G$22=$B$10,7,0)+IF('Standard Profiles'!$G$22=$B$17,14,0)+IF('Standard Profiles'!$G$22=$B$24,21,0),0)),0)</f>
        <v>0</v>
      </c>
      <c r="I667">
        <f t="shared" si="83"/>
        <v>0.28852567901177645</v>
      </c>
      <c r="J667">
        <f t="shared" si="84"/>
        <v>0.96175226337258835</v>
      </c>
      <c r="K667">
        <f t="shared" si="85"/>
        <v>1.4426283950588825</v>
      </c>
      <c r="L667">
        <f t="shared" si="86"/>
        <v>15.01511182175596</v>
      </c>
      <c r="M667">
        <f t="shared" si="87"/>
        <v>0</v>
      </c>
      <c r="N667" s="46">
        <f t="shared" si="88"/>
        <v>45318.374999998465</v>
      </c>
    </row>
    <row r="668" spans="2:14" x14ac:dyDescent="0.3">
      <c r="B668">
        <f t="shared" si="82"/>
        <v>6</v>
      </c>
      <c r="C668" s="16">
        <v>634</v>
      </c>
      <c r="D668" cm="1">
        <f t="array" ref="D668">IFERROR(INDEX(Jesper!AH$2:AH$366,ROUNDDOWN($C668/24,0)+1,1)*INDEX($D$3:$AA$30,INDEX(Jesper!$R$2:$R$366,ROW(INDEX(Jesper!AH$2:AH$366,ROUNDDOWN($C668/24,0)+1,1))-1)+IF('Standard Profiles'!$G$18=$B$10,7,0)+IF('Standard Profiles'!$G$18=$B$17,14,0)+IF('Standard Profiles'!$G$18=$B$24,21,0),MOD($C668,24)+1)/SUM(INDEX($D$3:$AA$30,INDEX(Jesper!$R$2:$R$366,ROW(INDEX(Jesper!AH$2:AH$366,ROUNDDOWN($C668/24,0)+1,1))-1)+IF('Standard Profiles'!$G$18=$B$10,7,0)+IF('Standard Profiles'!$G$18=$B$17,14,0)+IF('Standard Profiles'!$G$18=$B$24,21,0),0)),0)</f>
        <v>14.505383122168489</v>
      </c>
      <c r="E668" cm="1">
        <f t="array" ref="E668">IFERROR(INDEX(Jesper!AI$2:AI$366,ROUNDDOWN($C668/24,0)+1,1)*INDEX($D$3:$AA$30,INDEX(Jesper!$R$2:$R$366,ROW(INDEX(Jesper!AI$2:AI$366,ROUNDDOWN($C668/24,0)+1,1))-1)+IF('Standard Profiles'!$G$19=$B$10,7,0)+IF('Standard Profiles'!$G$19=$B$17,14,0)+IF('Standard Profiles'!$G$19=$B$24,21,0),MOD($C668,24)+1)/SUM(INDEX($D$3:$AA$30,INDEX(Jesper!$R$2:$R$366,ROW(INDEX(Jesper!AI$2:AI$366,ROUNDDOWN($C668/24,0)+1,1))-1)+IF('Standard Profiles'!$G$19=$B$10,7,0)+IF('Standard Profiles'!$G$19=$B$17,14,0)+IF('Standard Profiles'!$G$19=$B$24,21,0),0)),0)</f>
        <v>3.2026350370307179</v>
      </c>
      <c r="F668" cm="1">
        <f t="array" ref="F668">IFERROR(INDEX(Jesper!AJ$2:AJ$366,ROUNDDOWN($C668/24,0)+1,1)*INDEX($D$3:$AA$30,INDEX(Jesper!$R$2:$R$366,ROW(INDEX(Jesper!AJ$2:AJ$366,ROUNDDOWN($C668/24,0)+1,1))-1)+IF('Standard Profiles'!$G$20=$B$10,7,0)+IF('Standard Profiles'!$G$20=$B$17,14,0)+IF('Standard Profiles'!$G$20=$B$24,21,0),MOD($C668,24)+1)/SUM(INDEX($D$3:$AA$30,INDEX(Jesper!$R$2:$R$366,ROW(INDEX(Jesper!AJ$2:AJ$366,ROUNDDOWN($C668/24,0)+1,1))-1)+IF('Standard Profiles'!$G$20=$B$10,7,0)+IF('Standard Profiles'!$G$20=$B$17,14,0)+IF('Standard Profiles'!$G$20=$B$24,21,0),0)),0)</f>
        <v>0</v>
      </c>
      <c r="G668" cm="1">
        <f t="array" ref="G668">IFERROR(INDEX(Jesper!AK$2:AK$366,ROUNDDOWN($C668/24,0)+1,1)*INDEX($D$3:$AA$30,INDEX(Jesper!$R$2:$R$366,ROW(INDEX(Jesper!AK$2:AK$366,ROUNDDOWN($C668/24,0)+1,1))-1)+IF('Standard Profiles'!$G$21=$B$10,7,0)+IF('Standard Profiles'!$G$21=$B$17,14,0)+IF('Standard Profiles'!$G$21=$B$24,21,0),MOD($C668,24)+1)/SUM(INDEX($D$3:$AA$30,INDEX(Jesper!$R$2:$R$366,ROW(INDEX(Jesper!AK$2:AK$366,ROUNDDOWN($C668/24,0)+1,1))-1)+IF('Standard Profiles'!$G$21=$B$10,7,0)+IF('Standard Profiles'!$G$21=$B$17,14,0)+IF('Standard Profiles'!$G$21=$B$24,21,0),0)),0)</f>
        <v>0</v>
      </c>
      <c r="H668" cm="1">
        <f t="array" ref="H668">IFERROR(INDEX(Jesper!AL$2:AL$366,ROUNDDOWN($C668/24,0)+1,1)*INDEX($D$3:$AA$30,INDEX(Jesper!$R$2:$R$366,ROW(INDEX(Jesper!AL$2:AL$366,ROUNDDOWN($C668/24,0)+1,1))-1)+IF('Standard Profiles'!$G$22=$B$10,7,0)+IF('Standard Profiles'!$G$22=$B$17,14,0)+IF('Standard Profiles'!$G$22=$B$24,21,0),MOD($C668,24)+1)/SUM(INDEX($D$3:$AA$30,INDEX(Jesper!$R$2:$R$366,ROW(INDEX(Jesper!AL$2:AL$366,ROUNDDOWN($C668/24,0)+1,1))-1)+IF('Standard Profiles'!$G$22=$B$10,7,0)+IF('Standard Profiles'!$G$22=$B$17,14,0)+IF('Standard Profiles'!$G$22=$B$24,21,0),0)),0)</f>
        <v>0</v>
      </c>
      <c r="I668">
        <f t="shared" si="83"/>
        <v>0.28852567901177645</v>
      </c>
      <c r="J668">
        <f t="shared" si="84"/>
        <v>0.96175226337258835</v>
      </c>
      <c r="K668">
        <f t="shared" si="85"/>
        <v>1.4426283950588825</v>
      </c>
      <c r="L668">
        <f t="shared" si="86"/>
        <v>15.01511182175596</v>
      </c>
      <c r="M668">
        <f t="shared" si="87"/>
        <v>0</v>
      </c>
      <c r="N668" s="46">
        <f t="shared" si="88"/>
        <v>45318.416666665129</v>
      </c>
    </row>
    <row r="669" spans="2:14" x14ac:dyDescent="0.3">
      <c r="B669">
        <f t="shared" si="82"/>
        <v>6</v>
      </c>
      <c r="C669" s="16">
        <v>635</v>
      </c>
      <c r="D669" cm="1">
        <f t="array" ref="D669">IFERROR(INDEX(Jesper!AH$2:AH$366,ROUNDDOWN($C669/24,0)+1,1)*INDEX($D$3:$AA$30,INDEX(Jesper!$R$2:$R$366,ROW(INDEX(Jesper!AH$2:AH$366,ROUNDDOWN($C669/24,0)+1,1))-1)+IF('Standard Profiles'!$G$18=$B$10,7,0)+IF('Standard Profiles'!$G$18=$B$17,14,0)+IF('Standard Profiles'!$G$18=$B$24,21,0),MOD($C669,24)+1)/SUM(INDEX($D$3:$AA$30,INDEX(Jesper!$R$2:$R$366,ROW(INDEX(Jesper!AH$2:AH$366,ROUNDDOWN($C669/24,0)+1,1))-1)+IF('Standard Profiles'!$G$18=$B$10,7,0)+IF('Standard Profiles'!$G$18=$B$17,14,0)+IF('Standard Profiles'!$G$18=$B$24,21,0),0)),0)</f>
        <v>14.505383122168489</v>
      </c>
      <c r="E669" cm="1">
        <f t="array" ref="E669">IFERROR(INDEX(Jesper!AI$2:AI$366,ROUNDDOWN($C669/24,0)+1,1)*INDEX($D$3:$AA$30,INDEX(Jesper!$R$2:$R$366,ROW(INDEX(Jesper!AI$2:AI$366,ROUNDDOWN($C669/24,0)+1,1))-1)+IF('Standard Profiles'!$G$19=$B$10,7,0)+IF('Standard Profiles'!$G$19=$B$17,14,0)+IF('Standard Profiles'!$G$19=$B$24,21,0),MOD($C669,24)+1)/SUM(INDEX($D$3:$AA$30,INDEX(Jesper!$R$2:$R$366,ROW(INDEX(Jesper!AI$2:AI$366,ROUNDDOWN($C669/24,0)+1,1))-1)+IF('Standard Profiles'!$G$19=$B$10,7,0)+IF('Standard Profiles'!$G$19=$B$17,14,0)+IF('Standard Profiles'!$G$19=$B$24,21,0),0)),0)</f>
        <v>3.2026350370307179</v>
      </c>
      <c r="F669" cm="1">
        <f t="array" ref="F669">IFERROR(INDEX(Jesper!AJ$2:AJ$366,ROUNDDOWN($C669/24,0)+1,1)*INDEX($D$3:$AA$30,INDEX(Jesper!$R$2:$R$366,ROW(INDEX(Jesper!AJ$2:AJ$366,ROUNDDOWN($C669/24,0)+1,1))-1)+IF('Standard Profiles'!$G$20=$B$10,7,0)+IF('Standard Profiles'!$G$20=$B$17,14,0)+IF('Standard Profiles'!$G$20=$B$24,21,0),MOD($C669,24)+1)/SUM(INDEX($D$3:$AA$30,INDEX(Jesper!$R$2:$R$366,ROW(INDEX(Jesper!AJ$2:AJ$366,ROUNDDOWN($C669/24,0)+1,1))-1)+IF('Standard Profiles'!$G$20=$B$10,7,0)+IF('Standard Profiles'!$G$20=$B$17,14,0)+IF('Standard Profiles'!$G$20=$B$24,21,0),0)),0)</f>
        <v>0</v>
      </c>
      <c r="G669" cm="1">
        <f t="array" ref="G669">IFERROR(INDEX(Jesper!AK$2:AK$366,ROUNDDOWN($C669/24,0)+1,1)*INDEX($D$3:$AA$30,INDEX(Jesper!$R$2:$R$366,ROW(INDEX(Jesper!AK$2:AK$366,ROUNDDOWN($C669/24,0)+1,1))-1)+IF('Standard Profiles'!$G$21=$B$10,7,0)+IF('Standard Profiles'!$G$21=$B$17,14,0)+IF('Standard Profiles'!$G$21=$B$24,21,0),MOD($C669,24)+1)/SUM(INDEX($D$3:$AA$30,INDEX(Jesper!$R$2:$R$366,ROW(INDEX(Jesper!AK$2:AK$366,ROUNDDOWN($C669/24,0)+1,1))-1)+IF('Standard Profiles'!$G$21=$B$10,7,0)+IF('Standard Profiles'!$G$21=$B$17,14,0)+IF('Standard Profiles'!$G$21=$B$24,21,0),0)),0)</f>
        <v>0</v>
      </c>
      <c r="H669" cm="1">
        <f t="array" ref="H669">IFERROR(INDEX(Jesper!AL$2:AL$366,ROUNDDOWN($C669/24,0)+1,1)*INDEX($D$3:$AA$30,INDEX(Jesper!$R$2:$R$366,ROW(INDEX(Jesper!AL$2:AL$366,ROUNDDOWN($C669/24,0)+1,1))-1)+IF('Standard Profiles'!$G$22=$B$10,7,0)+IF('Standard Profiles'!$G$22=$B$17,14,0)+IF('Standard Profiles'!$G$22=$B$24,21,0),MOD($C669,24)+1)/SUM(INDEX($D$3:$AA$30,INDEX(Jesper!$R$2:$R$366,ROW(INDEX(Jesper!AL$2:AL$366,ROUNDDOWN($C669/24,0)+1,1))-1)+IF('Standard Profiles'!$G$22=$B$10,7,0)+IF('Standard Profiles'!$G$22=$B$17,14,0)+IF('Standard Profiles'!$G$22=$B$24,21,0),0)),0)</f>
        <v>0</v>
      </c>
      <c r="I669">
        <f t="shared" si="83"/>
        <v>0.28852567901177645</v>
      </c>
      <c r="J669">
        <f t="shared" si="84"/>
        <v>0.96175226337258835</v>
      </c>
      <c r="K669">
        <f t="shared" si="85"/>
        <v>1.4426283950588825</v>
      </c>
      <c r="L669">
        <f t="shared" si="86"/>
        <v>15.01511182175596</v>
      </c>
      <c r="M669">
        <f t="shared" si="87"/>
        <v>0</v>
      </c>
      <c r="N669" s="46">
        <f t="shared" si="88"/>
        <v>45318.458333331793</v>
      </c>
    </row>
    <row r="670" spans="2:14" x14ac:dyDescent="0.3">
      <c r="B670">
        <f t="shared" si="82"/>
        <v>6</v>
      </c>
      <c r="C670" s="16">
        <v>636</v>
      </c>
      <c r="D670" cm="1">
        <f t="array" ref="D670">IFERROR(INDEX(Jesper!AH$2:AH$366,ROUNDDOWN($C670/24,0)+1,1)*INDEX($D$3:$AA$30,INDEX(Jesper!$R$2:$R$366,ROW(INDEX(Jesper!AH$2:AH$366,ROUNDDOWN($C670/24,0)+1,1))-1)+IF('Standard Profiles'!$G$18=$B$10,7,0)+IF('Standard Profiles'!$G$18=$B$17,14,0)+IF('Standard Profiles'!$G$18=$B$24,21,0),MOD($C670,24)+1)/SUM(INDEX($D$3:$AA$30,INDEX(Jesper!$R$2:$R$366,ROW(INDEX(Jesper!AH$2:AH$366,ROUNDDOWN($C670/24,0)+1,1))-1)+IF('Standard Profiles'!$G$18=$B$10,7,0)+IF('Standard Profiles'!$G$18=$B$17,14,0)+IF('Standard Profiles'!$G$18=$B$24,21,0),0)),0)</f>
        <v>14.505383122168489</v>
      </c>
      <c r="E670" cm="1">
        <f t="array" ref="E670">IFERROR(INDEX(Jesper!AI$2:AI$366,ROUNDDOWN($C670/24,0)+1,1)*INDEX($D$3:$AA$30,INDEX(Jesper!$R$2:$R$366,ROW(INDEX(Jesper!AI$2:AI$366,ROUNDDOWN($C670/24,0)+1,1))-1)+IF('Standard Profiles'!$G$19=$B$10,7,0)+IF('Standard Profiles'!$G$19=$B$17,14,0)+IF('Standard Profiles'!$G$19=$B$24,21,0),MOD($C670,24)+1)/SUM(INDEX($D$3:$AA$30,INDEX(Jesper!$R$2:$R$366,ROW(INDEX(Jesper!AI$2:AI$366,ROUNDDOWN($C670/24,0)+1,1))-1)+IF('Standard Profiles'!$G$19=$B$10,7,0)+IF('Standard Profiles'!$G$19=$B$17,14,0)+IF('Standard Profiles'!$G$19=$B$24,21,0),0)),0)</f>
        <v>3.2026350370307179</v>
      </c>
      <c r="F670" cm="1">
        <f t="array" ref="F670">IFERROR(INDEX(Jesper!AJ$2:AJ$366,ROUNDDOWN($C670/24,0)+1,1)*INDEX($D$3:$AA$30,INDEX(Jesper!$R$2:$R$366,ROW(INDEX(Jesper!AJ$2:AJ$366,ROUNDDOWN($C670/24,0)+1,1))-1)+IF('Standard Profiles'!$G$20=$B$10,7,0)+IF('Standard Profiles'!$G$20=$B$17,14,0)+IF('Standard Profiles'!$G$20=$B$24,21,0),MOD($C670,24)+1)/SUM(INDEX($D$3:$AA$30,INDEX(Jesper!$R$2:$R$366,ROW(INDEX(Jesper!AJ$2:AJ$366,ROUNDDOWN($C670/24,0)+1,1))-1)+IF('Standard Profiles'!$G$20=$B$10,7,0)+IF('Standard Profiles'!$G$20=$B$17,14,0)+IF('Standard Profiles'!$G$20=$B$24,21,0),0)),0)</f>
        <v>0</v>
      </c>
      <c r="G670" cm="1">
        <f t="array" ref="G670">IFERROR(INDEX(Jesper!AK$2:AK$366,ROUNDDOWN($C670/24,0)+1,1)*INDEX($D$3:$AA$30,INDEX(Jesper!$R$2:$R$366,ROW(INDEX(Jesper!AK$2:AK$366,ROUNDDOWN($C670/24,0)+1,1))-1)+IF('Standard Profiles'!$G$21=$B$10,7,0)+IF('Standard Profiles'!$G$21=$B$17,14,0)+IF('Standard Profiles'!$G$21=$B$24,21,0),MOD($C670,24)+1)/SUM(INDEX($D$3:$AA$30,INDEX(Jesper!$R$2:$R$366,ROW(INDEX(Jesper!AK$2:AK$366,ROUNDDOWN($C670/24,0)+1,1))-1)+IF('Standard Profiles'!$G$21=$B$10,7,0)+IF('Standard Profiles'!$G$21=$B$17,14,0)+IF('Standard Profiles'!$G$21=$B$24,21,0),0)),0)</f>
        <v>0</v>
      </c>
      <c r="H670" cm="1">
        <f t="array" ref="H670">IFERROR(INDEX(Jesper!AL$2:AL$366,ROUNDDOWN($C670/24,0)+1,1)*INDEX($D$3:$AA$30,INDEX(Jesper!$R$2:$R$366,ROW(INDEX(Jesper!AL$2:AL$366,ROUNDDOWN($C670/24,0)+1,1))-1)+IF('Standard Profiles'!$G$22=$B$10,7,0)+IF('Standard Profiles'!$G$22=$B$17,14,0)+IF('Standard Profiles'!$G$22=$B$24,21,0),MOD($C670,24)+1)/SUM(INDEX($D$3:$AA$30,INDEX(Jesper!$R$2:$R$366,ROW(INDEX(Jesper!AL$2:AL$366,ROUNDDOWN($C670/24,0)+1,1))-1)+IF('Standard Profiles'!$G$22=$B$10,7,0)+IF('Standard Profiles'!$G$22=$B$17,14,0)+IF('Standard Profiles'!$G$22=$B$24,21,0),0)),0)</f>
        <v>0</v>
      </c>
      <c r="I670">
        <f t="shared" si="83"/>
        <v>0.28852567901177645</v>
      </c>
      <c r="J670">
        <f t="shared" si="84"/>
        <v>0.96175226337258835</v>
      </c>
      <c r="K670">
        <f t="shared" si="85"/>
        <v>1.4426283950588825</v>
      </c>
      <c r="L670">
        <f t="shared" si="86"/>
        <v>15.01511182175596</v>
      </c>
      <c r="M670">
        <f t="shared" si="87"/>
        <v>0</v>
      </c>
      <c r="N670" s="46">
        <f t="shared" si="88"/>
        <v>45318.499999998457</v>
      </c>
    </row>
    <row r="671" spans="2:14" x14ac:dyDescent="0.3">
      <c r="B671">
        <f t="shared" si="82"/>
        <v>6</v>
      </c>
      <c r="C671" s="16">
        <v>637</v>
      </c>
      <c r="D671" cm="1">
        <f t="array" ref="D671">IFERROR(INDEX(Jesper!AH$2:AH$366,ROUNDDOWN($C671/24,0)+1,1)*INDEX($D$3:$AA$30,INDEX(Jesper!$R$2:$R$366,ROW(INDEX(Jesper!AH$2:AH$366,ROUNDDOWN($C671/24,0)+1,1))-1)+IF('Standard Profiles'!$G$18=$B$10,7,0)+IF('Standard Profiles'!$G$18=$B$17,14,0)+IF('Standard Profiles'!$G$18=$B$24,21,0),MOD($C671,24)+1)/SUM(INDEX($D$3:$AA$30,INDEX(Jesper!$R$2:$R$366,ROW(INDEX(Jesper!AH$2:AH$366,ROUNDDOWN($C671/24,0)+1,1))-1)+IF('Standard Profiles'!$G$18=$B$10,7,0)+IF('Standard Profiles'!$G$18=$B$17,14,0)+IF('Standard Profiles'!$G$18=$B$24,21,0),0)),0)</f>
        <v>14.505383122168489</v>
      </c>
      <c r="E671" cm="1">
        <f t="array" ref="E671">IFERROR(INDEX(Jesper!AI$2:AI$366,ROUNDDOWN($C671/24,0)+1,1)*INDEX($D$3:$AA$30,INDEX(Jesper!$R$2:$R$366,ROW(INDEX(Jesper!AI$2:AI$366,ROUNDDOWN($C671/24,0)+1,1))-1)+IF('Standard Profiles'!$G$19=$B$10,7,0)+IF('Standard Profiles'!$G$19=$B$17,14,0)+IF('Standard Profiles'!$G$19=$B$24,21,0),MOD($C671,24)+1)/SUM(INDEX($D$3:$AA$30,INDEX(Jesper!$R$2:$R$366,ROW(INDEX(Jesper!AI$2:AI$366,ROUNDDOWN($C671/24,0)+1,1))-1)+IF('Standard Profiles'!$G$19=$B$10,7,0)+IF('Standard Profiles'!$G$19=$B$17,14,0)+IF('Standard Profiles'!$G$19=$B$24,21,0),0)),0)</f>
        <v>3.2026350370307179</v>
      </c>
      <c r="F671" cm="1">
        <f t="array" ref="F671">IFERROR(INDEX(Jesper!AJ$2:AJ$366,ROUNDDOWN($C671/24,0)+1,1)*INDEX($D$3:$AA$30,INDEX(Jesper!$R$2:$R$366,ROW(INDEX(Jesper!AJ$2:AJ$366,ROUNDDOWN($C671/24,0)+1,1))-1)+IF('Standard Profiles'!$G$20=$B$10,7,0)+IF('Standard Profiles'!$G$20=$B$17,14,0)+IF('Standard Profiles'!$G$20=$B$24,21,0),MOD($C671,24)+1)/SUM(INDEX($D$3:$AA$30,INDEX(Jesper!$R$2:$R$366,ROW(INDEX(Jesper!AJ$2:AJ$366,ROUNDDOWN($C671/24,0)+1,1))-1)+IF('Standard Profiles'!$G$20=$B$10,7,0)+IF('Standard Profiles'!$G$20=$B$17,14,0)+IF('Standard Profiles'!$G$20=$B$24,21,0),0)),0)</f>
        <v>0</v>
      </c>
      <c r="G671" cm="1">
        <f t="array" ref="G671">IFERROR(INDEX(Jesper!AK$2:AK$366,ROUNDDOWN($C671/24,0)+1,1)*INDEX($D$3:$AA$30,INDEX(Jesper!$R$2:$R$366,ROW(INDEX(Jesper!AK$2:AK$366,ROUNDDOWN($C671/24,0)+1,1))-1)+IF('Standard Profiles'!$G$21=$B$10,7,0)+IF('Standard Profiles'!$G$21=$B$17,14,0)+IF('Standard Profiles'!$G$21=$B$24,21,0),MOD($C671,24)+1)/SUM(INDEX($D$3:$AA$30,INDEX(Jesper!$R$2:$R$366,ROW(INDEX(Jesper!AK$2:AK$366,ROUNDDOWN($C671/24,0)+1,1))-1)+IF('Standard Profiles'!$G$21=$B$10,7,0)+IF('Standard Profiles'!$G$21=$B$17,14,0)+IF('Standard Profiles'!$G$21=$B$24,21,0),0)),0)</f>
        <v>0</v>
      </c>
      <c r="H671" cm="1">
        <f t="array" ref="H671">IFERROR(INDEX(Jesper!AL$2:AL$366,ROUNDDOWN($C671/24,0)+1,1)*INDEX($D$3:$AA$30,INDEX(Jesper!$R$2:$R$366,ROW(INDEX(Jesper!AL$2:AL$366,ROUNDDOWN($C671/24,0)+1,1))-1)+IF('Standard Profiles'!$G$22=$B$10,7,0)+IF('Standard Profiles'!$G$22=$B$17,14,0)+IF('Standard Profiles'!$G$22=$B$24,21,0),MOD($C671,24)+1)/SUM(INDEX($D$3:$AA$30,INDEX(Jesper!$R$2:$R$366,ROW(INDEX(Jesper!AL$2:AL$366,ROUNDDOWN($C671/24,0)+1,1))-1)+IF('Standard Profiles'!$G$22=$B$10,7,0)+IF('Standard Profiles'!$G$22=$B$17,14,0)+IF('Standard Profiles'!$G$22=$B$24,21,0),0)),0)</f>
        <v>0</v>
      </c>
      <c r="I671">
        <f t="shared" si="83"/>
        <v>0.28852567901177645</v>
      </c>
      <c r="J671">
        <f t="shared" si="84"/>
        <v>0.96175226337258835</v>
      </c>
      <c r="K671">
        <f t="shared" si="85"/>
        <v>1.4426283950588825</v>
      </c>
      <c r="L671">
        <f t="shared" si="86"/>
        <v>15.01511182175596</v>
      </c>
      <c r="M671">
        <f t="shared" si="87"/>
        <v>0</v>
      </c>
      <c r="N671" s="46">
        <f t="shared" si="88"/>
        <v>45318.541666665122</v>
      </c>
    </row>
    <row r="672" spans="2:14" x14ac:dyDescent="0.3">
      <c r="B672">
        <f t="shared" si="82"/>
        <v>6</v>
      </c>
      <c r="C672" s="16">
        <v>638</v>
      </c>
      <c r="D672" cm="1">
        <f t="array" ref="D672">IFERROR(INDEX(Jesper!AH$2:AH$366,ROUNDDOWN($C672/24,0)+1,1)*INDEX($D$3:$AA$30,INDEX(Jesper!$R$2:$R$366,ROW(INDEX(Jesper!AH$2:AH$366,ROUNDDOWN($C672/24,0)+1,1))-1)+IF('Standard Profiles'!$G$18=$B$10,7,0)+IF('Standard Profiles'!$G$18=$B$17,14,0)+IF('Standard Profiles'!$G$18=$B$24,21,0),MOD($C672,24)+1)/SUM(INDEX($D$3:$AA$30,INDEX(Jesper!$R$2:$R$366,ROW(INDEX(Jesper!AH$2:AH$366,ROUNDDOWN($C672/24,0)+1,1))-1)+IF('Standard Profiles'!$G$18=$B$10,7,0)+IF('Standard Profiles'!$G$18=$B$17,14,0)+IF('Standard Profiles'!$G$18=$B$24,21,0),0)),0)</f>
        <v>14.505383122168489</v>
      </c>
      <c r="E672" cm="1">
        <f t="array" ref="E672">IFERROR(INDEX(Jesper!AI$2:AI$366,ROUNDDOWN($C672/24,0)+1,1)*INDEX($D$3:$AA$30,INDEX(Jesper!$R$2:$R$366,ROW(INDEX(Jesper!AI$2:AI$366,ROUNDDOWN($C672/24,0)+1,1))-1)+IF('Standard Profiles'!$G$19=$B$10,7,0)+IF('Standard Profiles'!$G$19=$B$17,14,0)+IF('Standard Profiles'!$G$19=$B$24,21,0),MOD($C672,24)+1)/SUM(INDEX($D$3:$AA$30,INDEX(Jesper!$R$2:$R$366,ROW(INDEX(Jesper!AI$2:AI$366,ROUNDDOWN($C672/24,0)+1,1))-1)+IF('Standard Profiles'!$G$19=$B$10,7,0)+IF('Standard Profiles'!$G$19=$B$17,14,0)+IF('Standard Profiles'!$G$19=$B$24,21,0),0)),0)</f>
        <v>3.2026350370307179</v>
      </c>
      <c r="F672" cm="1">
        <f t="array" ref="F672">IFERROR(INDEX(Jesper!AJ$2:AJ$366,ROUNDDOWN($C672/24,0)+1,1)*INDEX($D$3:$AA$30,INDEX(Jesper!$R$2:$R$366,ROW(INDEX(Jesper!AJ$2:AJ$366,ROUNDDOWN($C672/24,0)+1,1))-1)+IF('Standard Profiles'!$G$20=$B$10,7,0)+IF('Standard Profiles'!$G$20=$B$17,14,0)+IF('Standard Profiles'!$G$20=$B$24,21,0),MOD($C672,24)+1)/SUM(INDEX($D$3:$AA$30,INDEX(Jesper!$R$2:$R$366,ROW(INDEX(Jesper!AJ$2:AJ$366,ROUNDDOWN($C672/24,0)+1,1))-1)+IF('Standard Profiles'!$G$20=$B$10,7,0)+IF('Standard Profiles'!$G$20=$B$17,14,0)+IF('Standard Profiles'!$G$20=$B$24,21,0),0)),0)</f>
        <v>0</v>
      </c>
      <c r="G672" cm="1">
        <f t="array" ref="G672">IFERROR(INDEX(Jesper!AK$2:AK$366,ROUNDDOWN($C672/24,0)+1,1)*INDEX($D$3:$AA$30,INDEX(Jesper!$R$2:$R$366,ROW(INDEX(Jesper!AK$2:AK$366,ROUNDDOWN($C672/24,0)+1,1))-1)+IF('Standard Profiles'!$G$21=$B$10,7,0)+IF('Standard Profiles'!$G$21=$B$17,14,0)+IF('Standard Profiles'!$G$21=$B$24,21,0),MOD($C672,24)+1)/SUM(INDEX($D$3:$AA$30,INDEX(Jesper!$R$2:$R$366,ROW(INDEX(Jesper!AK$2:AK$366,ROUNDDOWN($C672/24,0)+1,1))-1)+IF('Standard Profiles'!$G$21=$B$10,7,0)+IF('Standard Profiles'!$G$21=$B$17,14,0)+IF('Standard Profiles'!$G$21=$B$24,21,0),0)),0)</f>
        <v>0</v>
      </c>
      <c r="H672" cm="1">
        <f t="array" ref="H672">IFERROR(INDEX(Jesper!AL$2:AL$366,ROUNDDOWN($C672/24,0)+1,1)*INDEX($D$3:$AA$30,INDEX(Jesper!$R$2:$R$366,ROW(INDEX(Jesper!AL$2:AL$366,ROUNDDOWN($C672/24,0)+1,1))-1)+IF('Standard Profiles'!$G$22=$B$10,7,0)+IF('Standard Profiles'!$G$22=$B$17,14,0)+IF('Standard Profiles'!$G$22=$B$24,21,0),MOD($C672,24)+1)/SUM(INDEX($D$3:$AA$30,INDEX(Jesper!$R$2:$R$366,ROW(INDEX(Jesper!AL$2:AL$366,ROUNDDOWN($C672/24,0)+1,1))-1)+IF('Standard Profiles'!$G$22=$B$10,7,0)+IF('Standard Profiles'!$G$22=$B$17,14,0)+IF('Standard Profiles'!$G$22=$B$24,21,0),0)),0)</f>
        <v>0</v>
      </c>
      <c r="I672">
        <f t="shared" si="83"/>
        <v>0.28852567901177645</v>
      </c>
      <c r="J672">
        <f t="shared" si="84"/>
        <v>0.96175226337258835</v>
      </c>
      <c r="K672">
        <f t="shared" si="85"/>
        <v>1.4426283950588825</v>
      </c>
      <c r="L672">
        <f t="shared" si="86"/>
        <v>15.01511182175596</v>
      </c>
      <c r="M672">
        <f t="shared" si="87"/>
        <v>0</v>
      </c>
      <c r="N672" s="46">
        <f t="shared" si="88"/>
        <v>45318.583333331786</v>
      </c>
    </row>
    <row r="673" spans="2:14" x14ac:dyDescent="0.3">
      <c r="B673">
        <f t="shared" si="82"/>
        <v>6</v>
      </c>
      <c r="C673" s="16">
        <v>639</v>
      </c>
      <c r="D673" cm="1">
        <f t="array" ref="D673">IFERROR(INDEX(Jesper!AH$2:AH$366,ROUNDDOWN($C673/24,0)+1,1)*INDEX($D$3:$AA$30,INDEX(Jesper!$R$2:$R$366,ROW(INDEX(Jesper!AH$2:AH$366,ROUNDDOWN($C673/24,0)+1,1))-1)+IF('Standard Profiles'!$G$18=$B$10,7,0)+IF('Standard Profiles'!$G$18=$B$17,14,0)+IF('Standard Profiles'!$G$18=$B$24,21,0),MOD($C673,24)+1)/SUM(INDEX($D$3:$AA$30,INDEX(Jesper!$R$2:$R$366,ROW(INDEX(Jesper!AH$2:AH$366,ROUNDDOWN($C673/24,0)+1,1))-1)+IF('Standard Profiles'!$G$18=$B$10,7,0)+IF('Standard Profiles'!$G$18=$B$17,14,0)+IF('Standard Profiles'!$G$18=$B$24,21,0),0)),0)</f>
        <v>13.1144559734674</v>
      </c>
      <c r="E673" cm="1">
        <f t="array" ref="E673">IFERROR(INDEX(Jesper!AI$2:AI$366,ROUNDDOWN($C673/24,0)+1,1)*INDEX($D$3:$AA$30,INDEX(Jesper!$R$2:$R$366,ROW(INDEX(Jesper!AI$2:AI$366,ROUNDDOWN($C673/24,0)+1,1))-1)+IF('Standard Profiles'!$G$19=$B$10,7,0)+IF('Standard Profiles'!$G$19=$B$17,14,0)+IF('Standard Profiles'!$G$19=$B$24,21,0),MOD($C673,24)+1)/SUM(INDEX($D$3:$AA$30,INDEX(Jesper!$R$2:$R$366,ROW(INDEX(Jesper!AI$2:AI$366,ROUNDDOWN($C673/24,0)+1,1))-1)+IF('Standard Profiles'!$G$19=$B$10,7,0)+IF('Standard Profiles'!$G$19=$B$17,14,0)+IF('Standard Profiles'!$G$19=$B$24,21,0),0)),0)</f>
        <v>2.8955330471784575</v>
      </c>
      <c r="F673" cm="1">
        <f t="array" ref="F673">IFERROR(INDEX(Jesper!AJ$2:AJ$366,ROUNDDOWN($C673/24,0)+1,1)*INDEX($D$3:$AA$30,INDEX(Jesper!$R$2:$R$366,ROW(INDEX(Jesper!AJ$2:AJ$366,ROUNDDOWN($C673/24,0)+1,1))-1)+IF('Standard Profiles'!$G$20=$B$10,7,0)+IF('Standard Profiles'!$G$20=$B$17,14,0)+IF('Standard Profiles'!$G$20=$B$24,21,0),MOD($C673,24)+1)/SUM(INDEX($D$3:$AA$30,INDEX(Jesper!$R$2:$R$366,ROW(INDEX(Jesper!AJ$2:AJ$366,ROUNDDOWN($C673/24,0)+1,1))-1)+IF('Standard Profiles'!$G$20=$B$10,7,0)+IF('Standard Profiles'!$G$20=$B$17,14,0)+IF('Standard Profiles'!$G$20=$B$24,21,0),0)),0)</f>
        <v>0</v>
      </c>
      <c r="G673" cm="1">
        <f t="array" ref="G673">IFERROR(INDEX(Jesper!AK$2:AK$366,ROUNDDOWN($C673/24,0)+1,1)*INDEX($D$3:$AA$30,INDEX(Jesper!$R$2:$R$366,ROW(INDEX(Jesper!AK$2:AK$366,ROUNDDOWN($C673/24,0)+1,1))-1)+IF('Standard Profiles'!$G$21=$B$10,7,0)+IF('Standard Profiles'!$G$21=$B$17,14,0)+IF('Standard Profiles'!$G$21=$B$24,21,0),MOD($C673,24)+1)/SUM(INDEX($D$3:$AA$30,INDEX(Jesper!$R$2:$R$366,ROW(INDEX(Jesper!AK$2:AK$366,ROUNDDOWN($C673/24,0)+1,1))-1)+IF('Standard Profiles'!$G$21=$B$10,7,0)+IF('Standard Profiles'!$G$21=$B$17,14,0)+IF('Standard Profiles'!$G$21=$B$24,21,0),0)),0)</f>
        <v>0</v>
      </c>
      <c r="H673" cm="1">
        <f t="array" ref="H673">IFERROR(INDEX(Jesper!AL$2:AL$366,ROUNDDOWN($C673/24,0)+1,1)*INDEX($D$3:$AA$30,INDEX(Jesper!$R$2:$R$366,ROW(INDEX(Jesper!AL$2:AL$366,ROUNDDOWN($C673/24,0)+1,1))-1)+IF('Standard Profiles'!$G$22=$B$10,7,0)+IF('Standard Profiles'!$G$22=$B$17,14,0)+IF('Standard Profiles'!$G$22=$B$24,21,0),MOD($C673,24)+1)/SUM(INDEX($D$3:$AA$30,INDEX(Jesper!$R$2:$R$366,ROW(INDEX(Jesper!AL$2:AL$366,ROUNDDOWN($C673/24,0)+1,1))-1)+IF('Standard Profiles'!$G$22=$B$10,7,0)+IF('Standard Profiles'!$G$22=$B$17,14,0)+IF('Standard Profiles'!$G$22=$B$24,21,0),0)),0)</f>
        <v>0</v>
      </c>
      <c r="I673">
        <f t="shared" si="83"/>
        <v>0.26085883307914037</v>
      </c>
      <c r="J673">
        <f t="shared" si="84"/>
        <v>0.86952944359713469</v>
      </c>
      <c r="K673">
        <f t="shared" si="85"/>
        <v>1.3042941653957021</v>
      </c>
      <c r="L673">
        <f t="shared" si="86"/>
        <v>13.575306578573882</v>
      </c>
      <c r="M673">
        <f t="shared" si="87"/>
        <v>0</v>
      </c>
      <c r="N673" s="46">
        <f t="shared" si="88"/>
        <v>45318.62499999845</v>
      </c>
    </row>
    <row r="674" spans="2:14" x14ac:dyDescent="0.3">
      <c r="B674">
        <f t="shared" si="82"/>
        <v>6</v>
      </c>
      <c r="C674" s="16">
        <v>640</v>
      </c>
      <c r="D674" cm="1">
        <f t="array" ref="D674">IFERROR(INDEX(Jesper!AH$2:AH$366,ROUNDDOWN($C674/24,0)+1,1)*INDEX($D$3:$AA$30,INDEX(Jesper!$R$2:$R$366,ROW(INDEX(Jesper!AH$2:AH$366,ROUNDDOWN($C674/24,0)+1,1))-1)+IF('Standard Profiles'!$G$18=$B$10,7,0)+IF('Standard Profiles'!$G$18=$B$17,14,0)+IF('Standard Profiles'!$G$18=$B$24,21,0),MOD($C674,24)+1)/SUM(INDEX($D$3:$AA$30,INDEX(Jesper!$R$2:$R$366,ROW(INDEX(Jesper!AH$2:AH$366,ROUNDDOWN($C674/24,0)+1,1))-1)+IF('Standard Profiles'!$G$18=$B$10,7,0)+IF('Standard Profiles'!$G$18=$B$17,14,0)+IF('Standard Profiles'!$G$18=$B$24,21,0),0)),0)</f>
        <v>11.922232703152183</v>
      </c>
      <c r="E674" cm="1">
        <f t="array" ref="E674">IFERROR(INDEX(Jesper!AI$2:AI$366,ROUNDDOWN($C674/24,0)+1,1)*INDEX($D$3:$AA$30,INDEX(Jesper!$R$2:$R$366,ROW(INDEX(Jesper!AI$2:AI$366,ROUNDDOWN($C674/24,0)+1,1))-1)+IF('Standard Profiles'!$G$19=$B$10,7,0)+IF('Standard Profiles'!$G$19=$B$17,14,0)+IF('Standard Profiles'!$G$19=$B$24,21,0),MOD($C674,24)+1)/SUM(INDEX($D$3:$AA$30,INDEX(Jesper!$R$2:$R$366,ROW(INDEX(Jesper!AI$2:AI$366,ROUNDDOWN($C674/24,0)+1,1))-1)+IF('Standard Profiles'!$G$19=$B$10,7,0)+IF('Standard Profiles'!$G$19=$B$17,14,0)+IF('Standard Profiles'!$G$19=$B$24,21,0),0)),0)</f>
        <v>2.6323027701622341</v>
      </c>
      <c r="F674" cm="1">
        <f t="array" ref="F674">IFERROR(INDEX(Jesper!AJ$2:AJ$366,ROUNDDOWN($C674/24,0)+1,1)*INDEX($D$3:$AA$30,INDEX(Jesper!$R$2:$R$366,ROW(INDEX(Jesper!AJ$2:AJ$366,ROUNDDOWN($C674/24,0)+1,1))-1)+IF('Standard Profiles'!$G$20=$B$10,7,0)+IF('Standard Profiles'!$G$20=$B$17,14,0)+IF('Standard Profiles'!$G$20=$B$24,21,0),MOD($C674,24)+1)/SUM(INDEX($D$3:$AA$30,INDEX(Jesper!$R$2:$R$366,ROW(INDEX(Jesper!AJ$2:AJ$366,ROUNDDOWN($C674/24,0)+1,1))-1)+IF('Standard Profiles'!$G$20=$B$10,7,0)+IF('Standard Profiles'!$G$20=$B$17,14,0)+IF('Standard Profiles'!$G$20=$B$24,21,0),0)),0)</f>
        <v>0</v>
      </c>
      <c r="G674" cm="1">
        <f t="array" ref="G674">IFERROR(INDEX(Jesper!AK$2:AK$366,ROUNDDOWN($C674/24,0)+1,1)*INDEX($D$3:$AA$30,INDEX(Jesper!$R$2:$R$366,ROW(INDEX(Jesper!AK$2:AK$366,ROUNDDOWN($C674/24,0)+1,1))-1)+IF('Standard Profiles'!$G$21=$B$10,7,0)+IF('Standard Profiles'!$G$21=$B$17,14,0)+IF('Standard Profiles'!$G$21=$B$24,21,0),MOD($C674,24)+1)/SUM(INDEX($D$3:$AA$30,INDEX(Jesper!$R$2:$R$366,ROW(INDEX(Jesper!AK$2:AK$366,ROUNDDOWN($C674/24,0)+1,1))-1)+IF('Standard Profiles'!$G$21=$B$10,7,0)+IF('Standard Profiles'!$G$21=$B$17,14,0)+IF('Standard Profiles'!$G$21=$B$24,21,0),0)),0)</f>
        <v>0</v>
      </c>
      <c r="H674" cm="1">
        <f t="array" ref="H674">IFERROR(INDEX(Jesper!AL$2:AL$366,ROUNDDOWN($C674/24,0)+1,1)*INDEX($D$3:$AA$30,INDEX(Jesper!$R$2:$R$366,ROW(INDEX(Jesper!AL$2:AL$366,ROUNDDOWN($C674/24,0)+1,1))-1)+IF('Standard Profiles'!$G$22=$B$10,7,0)+IF('Standard Profiles'!$G$22=$B$17,14,0)+IF('Standard Profiles'!$G$22=$B$24,21,0),MOD($C674,24)+1)/SUM(INDEX($D$3:$AA$30,INDEX(Jesper!$R$2:$R$366,ROW(INDEX(Jesper!AL$2:AL$366,ROUNDDOWN($C674/24,0)+1,1))-1)+IF('Standard Profiles'!$G$22=$B$10,7,0)+IF('Standard Profiles'!$G$22=$B$17,14,0)+IF('Standard Profiles'!$G$22=$B$24,21,0),0)),0)</f>
        <v>0</v>
      </c>
      <c r="I674">
        <f t="shared" si="83"/>
        <v>0.23714439370830945</v>
      </c>
      <c r="J674">
        <f t="shared" si="84"/>
        <v>0.79048131236103159</v>
      </c>
      <c r="K674">
        <f t="shared" si="85"/>
        <v>1.1857219685415474</v>
      </c>
      <c r="L674">
        <f t="shared" si="86"/>
        <v>12.34118779870353</v>
      </c>
      <c r="M674">
        <f t="shared" si="87"/>
        <v>0</v>
      </c>
      <c r="N674" s="46">
        <f t="shared" si="88"/>
        <v>45318.666666665114</v>
      </c>
    </row>
    <row r="675" spans="2:14" x14ac:dyDescent="0.3">
      <c r="B675">
        <f t="shared" ref="B675:B738" si="89">WEEKDAY(N675,2)</f>
        <v>6</v>
      </c>
      <c r="C675" s="16">
        <v>641</v>
      </c>
      <c r="D675" cm="1">
        <f t="array" ref="D675">IFERROR(INDEX(Jesper!AH$2:AH$366,ROUNDDOWN($C675/24,0)+1,1)*INDEX($D$3:$AA$30,INDEX(Jesper!$R$2:$R$366,ROW(INDEX(Jesper!AH$2:AH$366,ROUNDDOWN($C675/24,0)+1,1))-1)+IF('Standard Profiles'!$G$18=$B$10,7,0)+IF('Standard Profiles'!$G$18=$B$17,14,0)+IF('Standard Profiles'!$G$18=$B$24,21,0),MOD($C675,24)+1)/SUM(INDEX($D$3:$AA$30,INDEX(Jesper!$R$2:$R$366,ROW(INDEX(Jesper!AH$2:AH$366,ROUNDDOWN($C675/24,0)+1,1))-1)+IF('Standard Profiles'!$G$18=$B$10,7,0)+IF('Standard Profiles'!$G$18=$B$17,14,0)+IF('Standard Profiles'!$G$18=$B$24,21,0),0)),0)</f>
        <v>10.730009432836965</v>
      </c>
      <c r="E675" cm="1">
        <f t="array" ref="E675">IFERROR(INDEX(Jesper!AI$2:AI$366,ROUNDDOWN($C675/24,0)+1,1)*INDEX($D$3:$AA$30,INDEX(Jesper!$R$2:$R$366,ROW(INDEX(Jesper!AI$2:AI$366,ROUNDDOWN($C675/24,0)+1,1))-1)+IF('Standard Profiles'!$G$19=$B$10,7,0)+IF('Standard Profiles'!$G$19=$B$17,14,0)+IF('Standard Profiles'!$G$19=$B$24,21,0),MOD($C675,24)+1)/SUM(INDEX($D$3:$AA$30,INDEX(Jesper!$R$2:$R$366,ROW(INDEX(Jesper!AI$2:AI$366,ROUNDDOWN($C675/24,0)+1,1))-1)+IF('Standard Profiles'!$G$19=$B$10,7,0)+IF('Standard Profiles'!$G$19=$B$17,14,0)+IF('Standard Profiles'!$G$19=$B$24,21,0),0)),0)</f>
        <v>2.3690724931460108</v>
      </c>
      <c r="F675" cm="1">
        <f t="array" ref="F675">IFERROR(INDEX(Jesper!AJ$2:AJ$366,ROUNDDOWN($C675/24,0)+1,1)*INDEX($D$3:$AA$30,INDEX(Jesper!$R$2:$R$366,ROW(INDEX(Jesper!AJ$2:AJ$366,ROUNDDOWN($C675/24,0)+1,1))-1)+IF('Standard Profiles'!$G$20=$B$10,7,0)+IF('Standard Profiles'!$G$20=$B$17,14,0)+IF('Standard Profiles'!$G$20=$B$24,21,0),MOD($C675,24)+1)/SUM(INDEX($D$3:$AA$30,INDEX(Jesper!$R$2:$R$366,ROW(INDEX(Jesper!AJ$2:AJ$366,ROUNDDOWN($C675/24,0)+1,1))-1)+IF('Standard Profiles'!$G$20=$B$10,7,0)+IF('Standard Profiles'!$G$20=$B$17,14,0)+IF('Standard Profiles'!$G$20=$B$24,21,0),0)),0)</f>
        <v>0</v>
      </c>
      <c r="G675" cm="1">
        <f t="array" ref="G675">IFERROR(INDEX(Jesper!AK$2:AK$366,ROUNDDOWN($C675/24,0)+1,1)*INDEX($D$3:$AA$30,INDEX(Jesper!$R$2:$R$366,ROW(INDEX(Jesper!AK$2:AK$366,ROUNDDOWN($C675/24,0)+1,1))-1)+IF('Standard Profiles'!$G$21=$B$10,7,0)+IF('Standard Profiles'!$G$21=$B$17,14,0)+IF('Standard Profiles'!$G$21=$B$24,21,0),MOD($C675,24)+1)/SUM(INDEX($D$3:$AA$30,INDEX(Jesper!$R$2:$R$366,ROW(INDEX(Jesper!AK$2:AK$366,ROUNDDOWN($C675/24,0)+1,1))-1)+IF('Standard Profiles'!$G$21=$B$10,7,0)+IF('Standard Profiles'!$G$21=$B$17,14,0)+IF('Standard Profiles'!$G$21=$B$24,21,0),0)),0)</f>
        <v>0</v>
      </c>
      <c r="H675" cm="1">
        <f t="array" ref="H675">IFERROR(INDEX(Jesper!AL$2:AL$366,ROUNDDOWN($C675/24,0)+1,1)*INDEX($D$3:$AA$30,INDEX(Jesper!$R$2:$R$366,ROW(INDEX(Jesper!AL$2:AL$366,ROUNDDOWN($C675/24,0)+1,1))-1)+IF('Standard Profiles'!$G$22=$B$10,7,0)+IF('Standard Profiles'!$G$22=$B$17,14,0)+IF('Standard Profiles'!$G$22=$B$24,21,0),MOD($C675,24)+1)/SUM(INDEX($D$3:$AA$30,INDEX(Jesper!$R$2:$R$366,ROW(INDEX(Jesper!AL$2:AL$366,ROUNDDOWN($C675/24,0)+1,1))-1)+IF('Standard Profiles'!$G$22=$B$10,7,0)+IF('Standard Profiles'!$G$22=$B$17,14,0)+IF('Standard Profiles'!$G$22=$B$24,21,0),0)),0)</f>
        <v>0</v>
      </c>
      <c r="I675">
        <f t="shared" ref="I675:I738" si="90">IF($B675&lt;6,AC$37*$D675+AC$38*$E675+AC$39*$F675+AC$40*$G675,AC$46*$D675+AC$47*$E675+AC$48*$F675+AC$49*$G675+AC$50*$H675)</f>
        <v>0.21342995433747849</v>
      </c>
      <c r="J675">
        <f t="shared" ref="J675:J738" si="91">IF($B675&lt;6,AD$37*$D675+AD$38*$E675+AD$39*$F675+AD$40*$G675,AD$46*$D675+AD$47*$E675+AD$48*$F675+AD$49*$G675+AD$50*$H675)</f>
        <v>0.71143318112492848</v>
      </c>
      <c r="K675">
        <f t="shared" ref="K675:K738" si="92">IF($B675&lt;6,AE$37*$D675+AE$38*$E675+AE$39*$F675+AE$40*$G675,AE$46*$D675+AE$47*$E675+AE$48*$F675+AE$49*$G675+AE$50*$H675)</f>
        <v>1.0671497716873926</v>
      </c>
      <c r="L675">
        <f t="shared" ref="L675:L738" si="93">IF($B675&lt;6,AF$37*$D675+AF$38*$E675+AF$39*$F675+AF$40*$G675,AF$46*$D675+AF$47*$E675+AF$48*$F675+AF$49*$G675+AF$50*$H675)</f>
        <v>11.107069018833176</v>
      </c>
      <c r="M675">
        <f t="shared" ref="M675:M738" si="94">IF($B675&lt;6,AG$37*$D675+AG$38*$E675+AG$39*$F675+AG$40*$G675,AG$46*$D675+AG$47*$E675+AG$48*$F675+AG$49*$G675+AG$50*$H675)</f>
        <v>0</v>
      </c>
      <c r="N675" s="46">
        <f t="shared" si="88"/>
        <v>45318.708333331779</v>
      </c>
    </row>
    <row r="676" spans="2:14" x14ac:dyDescent="0.3">
      <c r="B676">
        <f t="shared" si="89"/>
        <v>6</v>
      </c>
      <c r="C676" s="16">
        <v>642</v>
      </c>
      <c r="D676" cm="1">
        <f t="array" ref="D676">IFERROR(INDEX(Jesper!AH$2:AH$366,ROUNDDOWN($C676/24,0)+1,1)*INDEX($D$3:$AA$30,INDEX(Jesper!$R$2:$R$366,ROW(INDEX(Jesper!AH$2:AH$366,ROUNDDOWN($C676/24,0)+1,1))-1)+IF('Standard Profiles'!$G$18=$B$10,7,0)+IF('Standard Profiles'!$G$18=$B$17,14,0)+IF('Standard Profiles'!$G$18=$B$24,21,0),MOD($C676,24)+1)/SUM(INDEX($D$3:$AA$30,INDEX(Jesper!$R$2:$R$366,ROW(INDEX(Jesper!AH$2:AH$366,ROUNDDOWN($C676/24,0)+1,1))-1)+IF('Standard Profiles'!$G$18=$B$10,7,0)+IF('Standard Profiles'!$G$18=$B$17,14,0)+IF('Standard Profiles'!$G$18=$B$24,21,0),0)),0)</f>
        <v>10.332601676065224</v>
      </c>
      <c r="E676" cm="1">
        <f t="array" ref="E676">IFERROR(INDEX(Jesper!AI$2:AI$366,ROUNDDOWN($C676/24,0)+1,1)*INDEX($D$3:$AA$30,INDEX(Jesper!$R$2:$R$366,ROW(INDEX(Jesper!AI$2:AI$366,ROUNDDOWN($C676/24,0)+1,1))-1)+IF('Standard Profiles'!$G$19=$B$10,7,0)+IF('Standard Profiles'!$G$19=$B$17,14,0)+IF('Standard Profiles'!$G$19=$B$24,21,0),MOD($C676,24)+1)/SUM(INDEX($D$3:$AA$30,INDEX(Jesper!$R$2:$R$366,ROW(INDEX(Jesper!AI$2:AI$366,ROUNDDOWN($C676/24,0)+1,1))-1)+IF('Standard Profiles'!$G$19=$B$10,7,0)+IF('Standard Profiles'!$G$19=$B$17,14,0)+IF('Standard Profiles'!$G$19=$B$24,21,0),0)),0)</f>
        <v>2.2813290674739357</v>
      </c>
      <c r="F676" cm="1">
        <f t="array" ref="F676">IFERROR(INDEX(Jesper!AJ$2:AJ$366,ROUNDDOWN($C676/24,0)+1,1)*INDEX($D$3:$AA$30,INDEX(Jesper!$R$2:$R$366,ROW(INDEX(Jesper!AJ$2:AJ$366,ROUNDDOWN($C676/24,0)+1,1))-1)+IF('Standard Profiles'!$G$20=$B$10,7,0)+IF('Standard Profiles'!$G$20=$B$17,14,0)+IF('Standard Profiles'!$G$20=$B$24,21,0),MOD($C676,24)+1)/SUM(INDEX($D$3:$AA$30,INDEX(Jesper!$R$2:$R$366,ROW(INDEX(Jesper!AJ$2:AJ$366,ROUNDDOWN($C676/24,0)+1,1))-1)+IF('Standard Profiles'!$G$20=$B$10,7,0)+IF('Standard Profiles'!$G$20=$B$17,14,0)+IF('Standard Profiles'!$G$20=$B$24,21,0),0)),0)</f>
        <v>0</v>
      </c>
      <c r="G676" cm="1">
        <f t="array" ref="G676">IFERROR(INDEX(Jesper!AK$2:AK$366,ROUNDDOWN($C676/24,0)+1,1)*INDEX($D$3:$AA$30,INDEX(Jesper!$R$2:$R$366,ROW(INDEX(Jesper!AK$2:AK$366,ROUNDDOWN($C676/24,0)+1,1))-1)+IF('Standard Profiles'!$G$21=$B$10,7,0)+IF('Standard Profiles'!$G$21=$B$17,14,0)+IF('Standard Profiles'!$G$21=$B$24,21,0),MOD($C676,24)+1)/SUM(INDEX($D$3:$AA$30,INDEX(Jesper!$R$2:$R$366,ROW(INDEX(Jesper!AK$2:AK$366,ROUNDDOWN($C676/24,0)+1,1))-1)+IF('Standard Profiles'!$G$21=$B$10,7,0)+IF('Standard Profiles'!$G$21=$B$17,14,0)+IF('Standard Profiles'!$G$21=$B$24,21,0),0)),0)</f>
        <v>0</v>
      </c>
      <c r="H676" cm="1">
        <f t="array" ref="H676">IFERROR(INDEX(Jesper!AL$2:AL$366,ROUNDDOWN($C676/24,0)+1,1)*INDEX($D$3:$AA$30,INDEX(Jesper!$R$2:$R$366,ROW(INDEX(Jesper!AL$2:AL$366,ROUNDDOWN($C676/24,0)+1,1))-1)+IF('Standard Profiles'!$G$22=$B$10,7,0)+IF('Standard Profiles'!$G$22=$B$17,14,0)+IF('Standard Profiles'!$G$22=$B$24,21,0),MOD($C676,24)+1)/SUM(INDEX($D$3:$AA$30,INDEX(Jesper!$R$2:$R$366,ROW(INDEX(Jesper!AL$2:AL$366,ROUNDDOWN($C676/24,0)+1,1))-1)+IF('Standard Profiles'!$G$22=$B$10,7,0)+IF('Standard Profiles'!$G$22=$B$17,14,0)+IF('Standard Profiles'!$G$22=$B$24,21,0),0)),0)</f>
        <v>0</v>
      </c>
      <c r="I676">
        <f t="shared" si="90"/>
        <v>0.20552514121386814</v>
      </c>
      <c r="J676">
        <f t="shared" si="91"/>
        <v>0.68508380404622715</v>
      </c>
      <c r="K676">
        <f t="shared" si="92"/>
        <v>1.0276257060693408</v>
      </c>
      <c r="L676">
        <f t="shared" si="93"/>
        <v>10.695696092209724</v>
      </c>
      <c r="M676">
        <f t="shared" si="94"/>
        <v>0</v>
      </c>
      <c r="N676" s="46">
        <f t="shared" ref="N676:N739" si="95">N675+1/24</f>
        <v>45318.749999998443</v>
      </c>
    </row>
    <row r="677" spans="2:14" x14ac:dyDescent="0.3">
      <c r="B677">
        <f t="shared" si="89"/>
        <v>6</v>
      </c>
      <c r="C677" s="16">
        <v>643</v>
      </c>
      <c r="D677" cm="1">
        <f t="array" ref="D677">IFERROR(INDEX(Jesper!AH$2:AH$366,ROUNDDOWN($C677/24,0)+1,1)*INDEX($D$3:$AA$30,INDEX(Jesper!$R$2:$R$366,ROW(INDEX(Jesper!AH$2:AH$366,ROUNDDOWN($C677/24,0)+1,1))-1)+IF('Standard Profiles'!$G$18=$B$10,7,0)+IF('Standard Profiles'!$G$18=$B$17,14,0)+IF('Standard Profiles'!$G$18=$B$24,21,0),MOD($C677,24)+1)/SUM(INDEX($D$3:$AA$30,INDEX(Jesper!$R$2:$R$366,ROW(INDEX(Jesper!AH$2:AH$366,ROUNDDOWN($C677/24,0)+1,1))-1)+IF('Standard Profiles'!$G$18=$B$10,7,0)+IF('Standard Profiles'!$G$18=$B$17,14,0)+IF('Standard Profiles'!$G$18=$B$24,21,0),0)),0)</f>
        <v>8.3455628922065266</v>
      </c>
      <c r="E677" cm="1">
        <f t="array" ref="E677">IFERROR(INDEX(Jesper!AI$2:AI$366,ROUNDDOWN($C677/24,0)+1,1)*INDEX($D$3:$AA$30,INDEX(Jesper!$R$2:$R$366,ROW(INDEX(Jesper!AI$2:AI$366,ROUNDDOWN($C677/24,0)+1,1))-1)+IF('Standard Profiles'!$G$19=$B$10,7,0)+IF('Standard Profiles'!$G$19=$B$17,14,0)+IF('Standard Profiles'!$G$19=$B$24,21,0),MOD($C677,24)+1)/SUM(INDEX($D$3:$AA$30,INDEX(Jesper!$R$2:$R$366,ROW(INDEX(Jesper!AI$2:AI$366,ROUNDDOWN($C677/24,0)+1,1))-1)+IF('Standard Profiles'!$G$19=$B$10,7,0)+IF('Standard Profiles'!$G$19=$B$17,14,0)+IF('Standard Profiles'!$G$19=$B$24,21,0),0)),0)</f>
        <v>1.8426119391135636</v>
      </c>
      <c r="F677" cm="1">
        <f t="array" ref="F677">IFERROR(INDEX(Jesper!AJ$2:AJ$366,ROUNDDOWN($C677/24,0)+1,1)*INDEX($D$3:$AA$30,INDEX(Jesper!$R$2:$R$366,ROW(INDEX(Jesper!AJ$2:AJ$366,ROUNDDOWN($C677/24,0)+1,1))-1)+IF('Standard Profiles'!$G$20=$B$10,7,0)+IF('Standard Profiles'!$G$20=$B$17,14,0)+IF('Standard Profiles'!$G$20=$B$24,21,0),MOD($C677,24)+1)/SUM(INDEX($D$3:$AA$30,INDEX(Jesper!$R$2:$R$366,ROW(INDEX(Jesper!AJ$2:AJ$366,ROUNDDOWN($C677/24,0)+1,1))-1)+IF('Standard Profiles'!$G$20=$B$10,7,0)+IF('Standard Profiles'!$G$20=$B$17,14,0)+IF('Standard Profiles'!$G$20=$B$24,21,0),0)),0)</f>
        <v>0</v>
      </c>
      <c r="G677" cm="1">
        <f t="array" ref="G677">IFERROR(INDEX(Jesper!AK$2:AK$366,ROUNDDOWN($C677/24,0)+1,1)*INDEX($D$3:$AA$30,INDEX(Jesper!$R$2:$R$366,ROW(INDEX(Jesper!AK$2:AK$366,ROUNDDOWN($C677/24,0)+1,1))-1)+IF('Standard Profiles'!$G$21=$B$10,7,0)+IF('Standard Profiles'!$G$21=$B$17,14,0)+IF('Standard Profiles'!$G$21=$B$24,21,0),MOD($C677,24)+1)/SUM(INDEX($D$3:$AA$30,INDEX(Jesper!$R$2:$R$366,ROW(INDEX(Jesper!AK$2:AK$366,ROUNDDOWN($C677/24,0)+1,1))-1)+IF('Standard Profiles'!$G$21=$B$10,7,0)+IF('Standard Profiles'!$G$21=$B$17,14,0)+IF('Standard Profiles'!$G$21=$B$24,21,0),0)),0)</f>
        <v>0</v>
      </c>
      <c r="H677" cm="1">
        <f t="array" ref="H677">IFERROR(INDEX(Jesper!AL$2:AL$366,ROUNDDOWN($C677/24,0)+1,1)*INDEX($D$3:$AA$30,INDEX(Jesper!$R$2:$R$366,ROW(INDEX(Jesper!AL$2:AL$366,ROUNDDOWN($C677/24,0)+1,1))-1)+IF('Standard Profiles'!$G$22=$B$10,7,0)+IF('Standard Profiles'!$G$22=$B$17,14,0)+IF('Standard Profiles'!$G$22=$B$24,21,0),MOD($C677,24)+1)/SUM(INDEX($D$3:$AA$30,INDEX(Jesper!$R$2:$R$366,ROW(INDEX(Jesper!AL$2:AL$366,ROUNDDOWN($C677/24,0)+1,1))-1)+IF('Standard Profiles'!$G$22=$B$10,7,0)+IF('Standard Profiles'!$G$22=$B$17,14,0)+IF('Standard Profiles'!$G$22=$B$24,21,0),0)),0)</f>
        <v>0</v>
      </c>
      <c r="I677">
        <f t="shared" si="90"/>
        <v>0.16600107559581659</v>
      </c>
      <c r="J677">
        <f t="shared" si="91"/>
        <v>0.55333691865272205</v>
      </c>
      <c r="K677">
        <f t="shared" si="92"/>
        <v>0.83000537797908303</v>
      </c>
      <c r="L677">
        <f t="shared" si="93"/>
        <v>8.6388314590924686</v>
      </c>
      <c r="M677">
        <f t="shared" si="94"/>
        <v>0</v>
      </c>
      <c r="N677" s="46">
        <f t="shared" si="95"/>
        <v>45318.791666665107</v>
      </c>
    </row>
    <row r="678" spans="2:14" x14ac:dyDescent="0.3">
      <c r="B678">
        <f t="shared" si="89"/>
        <v>6</v>
      </c>
      <c r="C678" s="16">
        <v>644</v>
      </c>
      <c r="D678" cm="1">
        <f t="array" ref="D678">IFERROR(INDEX(Jesper!AH$2:AH$366,ROUNDDOWN($C678/24,0)+1,1)*INDEX($D$3:$AA$30,INDEX(Jesper!$R$2:$R$366,ROW(INDEX(Jesper!AH$2:AH$366,ROUNDDOWN($C678/24,0)+1,1))-1)+IF('Standard Profiles'!$G$18=$B$10,7,0)+IF('Standard Profiles'!$G$18=$B$17,14,0)+IF('Standard Profiles'!$G$18=$B$24,21,0),MOD($C678,24)+1)/SUM(INDEX($D$3:$AA$30,INDEX(Jesper!$R$2:$R$366,ROW(INDEX(Jesper!AH$2:AH$366,ROUNDDOWN($C678/24,0)+1,1))-1)+IF('Standard Profiles'!$G$18=$B$10,7,0)+IF('Standard Profiles'!$G$18=$B$17,14,0)+IF('Standard Profiles'!$G$18=$B$24,21,0),0)),0)</f>
        <v>6.1598202299619613</v>
      </c>
      <c r="E678" cm="1">
        <f t="array" ref="E678">IFERROR(INDEX(Jesper!AI$2:AI$366,ROUNDDOWN($C678/24,0)+1,1)*INDEX($D$3:$AA$30,INDEX(Jesper!$R$2:$R$366,ROW(INDEX(Jesper!AI$2:AI$366,ROUNDDOWN($C678/24,0)+1,1))-1)+IF('Standard Profiles'!$G$19=$B$10,7,0)+IF('Standard Profiles'!$G$19=$B$17,14,0)+IF('Standard Profiles'!$G$19=$B$24,21,0),MOD($C678,24)+1)/SUM(INDEX($D$3:$AA$30,INDEX(Jesper!$R$2:$R$366,ROW(INDEX(Jesper!AI$2:AI$366,ROUNDDOWN($C678/24,0)+1,1))-1)+IF('Standard Profiles'!$G$19=$B$10,7,0)+IF('Standard Profiles'!$G$19=$B$17,14,0)+IF('Standard Profiles'!$G$19=$B$24,21,0),0)),0)</f>
        <v>1.3600230979171541</v>
      </c>
      <c r="F678" cm="1">
        <f t="array" ref="F678">IFERROR(INDEX(Jesper!AJ$2:AJ$366,ROUNDDOWN($C678/24,0)+1,1)*INDEX($D$3:$AA$30,INDEX(Jesper!$R$2:$R$366,ROW(INDEX(Jesper!AJ$2:AJ$366,ROUNDDOWN($C678/24,0)+1,1))-1)+IF('Standard Profiles'!$G$20=$B$10,7,0)+IF('Standard Profiles'!$G$20=$B$17,14,0)+IF('Standard Profiles'!$G$20=$B$24,21,0),MOD($C678,24)+1)/SUM(INDEX($D$3:$AA$30,INDEX(Jesper!$R$2:$R$366,ROW(INDEX(Jesper!AJ$2:AJ$366,ROUNDDOWN($C678/24,0)+1,1))-1)+IF('Standard Profiles'!$G$20=$B$10,7,0)+IF('Standard Profiles'!$G$20=$B$17,14,0)+IF('Standard Profiles'!$G$20=$B$24,21,0),0)),0)</f>
        <v>0</v>
      </c>
      <c r="G678" cm="1">
        <f t="array" ref="G678">IFERROR(INDEX(Jesper!AK$2:AK$366,ROUNDDOWN($C678/24,0)+1,1)*INDEX($D$3:$AA$30,INDEX(Jesper!$R$2:$R$366,ROW(INDEX(Jesper!AK$2:AK$366,ROUNDDOWN($C678/24,0)+1,1))-1)+IF('Standard Profiles'!$G$21=$B$10,7,0)+IF('Standard Profiles'!$G$21=$B$17,14,0)+IF('Standard Profiles'!$G$21=$B$24,21,0),MOD($C678,24)+1)/SUM(INDEX($D$3:$AA$30,INDEX(Jesper!$R$2:$R$366,ROW(INDEX(Jesper!AK$2:AK$366,ROUNDDOWN($C678/24,0)+1,1))-1)+IF('Standard Profiles'!$G$21=$B$10,7,0)+IF('Standard Profiles'!$G$21=$B$17,14,0)+IF('Standard Profiles'!$G$21=$B$24,21,0),0)),0)</f>
        <v>0</v>
      </c>
      <c r="H678" cm="1">
        <f t="array" ref="H678">IFERROR(INDEX(Jesper!AL$2:AL$366,ROUNDDOWN($C678/24,0)+1,1)*INDEX($D$3:$AA$30,INDEX(Jesper!$R$2:$R$366,ROW(INDEX(Jesper!AL$2:AL$366,ROUNDDOWN($C678/24,0)+1,1))-1)+IF('Standard Profiles'!$G$22=$B$10,7,0)+IF('Standard Profiles'!$G$22=$B$17,14,0)+IF('Standard Profiles'!$G$22=$B$24,21,0),MOD($C678,24)+1)/SUM(INDEX($D$3:$AA$30,INDEX(Jesper!$R$2:$R$366,ROW(INDEX(Jesper!AL$2:AL$366,ROUNDDOWN($C678/24,0)+1,1))-1)+IF('Standard Profiles'!$G$22=$B$10,7,0)+IF('Standard Profiles'!$G$22=$B$17,14,0)+IF('Standard Profiles'!$G$22=$B$24,21,0),0)),0)</f>
        <v>0</v>
      </c>
      <c r="I678">
        <f t="shared" si="90"/>
        <v>0.12252460341595986</v>
      </c>
      <c r="J678">
        <f t="shared" si="91"/>
        <v>0.40841534471986629</v>
      </c>
      <c r="K678">
        <f t="shared" si="92"/>
        <v>0.61262301707979938</v>
      </c>
      <c r="L678">
        <f t="shared" si="93"/>
        <v>6.3762803626634899</v>
      </c>
      <c r="M678">
        <f t="shared" si="94"/>
        <v>0</v>
      </c>
      <c r="N678" s="46">
        <f t="shared" si="95"/>
        <v>45318.833333331771</v>
      </c>
    </row>
    <row r="679" spans="2:14" x14ac:dyDescent="0.3">
      <c r="B679">
        <f t="shared" si="89"/>
        <v>6</v>
      </c>
      <c r="C679" s="16">
        <v>645</v>
      </c>
      <c r="D679" cm="1">
        <f t="array" ref="D679">IFERROR(INDEX(Jesper!AH$2:AH$366,ROUNDDOWN($C679/24,0)+1,1)*INDEX($D$3:$AA$30,INDEX(Jesper!$R$2:$R$366,ROW(INDEX(Jesper!AH$2:AH$366,ROUNDDOWN($C679/24,0)+1,1))-1)+IF('Standard Profiles'!$G$18=$B$10,7,0)+IF('Standard Profiles'!$G$18=$B$17,14,0)+IF('Standard Profiles'!$G$18=$B$24,21,0),MOD($C679,24)+1)/SUM(INDEX($D$3:$AA$30,INDEX(Jesper!$R$2:$R$366,ROW(INDEX(Jesper!AH$2:AH$366,ROUNDDOWN($C679/24,0)+1,1))-1)+IF('Standard Profiles'!$G$18=$B$10,7,0)+IF('Standard Profiles'!$G$18=$B$17,14,0)+IF('Standard Profiles'!$G$18=$B$24,21,0),0)),0)</f>
        <v>6.1598202299619613</v>
      </c>
      <c r="E679" cm="1">
        <f t="array" ref="E679">IFERROR(INDEX(Jesper!AI$2:AI$366,ROUNDDOWN($C679/24,0)+1,1)*INDEX($D$3:$AA$30,INDEX(Jesper!$R$2:$R$366,ROW(INDEX(Jesper!AI$2:AI$366,ROUNDDOWN($C679/24,0)+1,1))-1)+IF('Standard Profiles'!$G$19=$B$10,7,0)+IF('Standard Profiles'!$G$19=$B$17,14,0)+IF('Standard Profiles'!$G$19=$B$24,21,0),MOD($C679,24)+1)/SUM(INDEX($D$3:$AA$30,INDEX(Jesper!$R$2:$R$366,ROW(INDEX(Jesper!AI$2:AI$366,ROUNDDOWN($C679/24,0)+1,1))-1)+IF('Standard Profiles'!$G$19=$B$10,7,0)+IF('Standard Profiles'!$G$19=$B$17,14,0)+IF('Standard Profiles'!$G$19=$B$24,21,0),0)),0)</f>
        <v>1.3600230979171541</v>
      </c>
      <c r="F679" cm="1">
        <f t="array" ref="F679">IFERROR(INDEX(Jesper!AJ$2:AJ$366,ROUNDDOWN($C679/24,0)+1,1)*INDEX($D$3:$AA$30,INDEX(Jesper!$R$2:$R$366,ROW(INDEX(Jesper!AJ$2:AJ$366,ROUNDDOWN($C679/24,0)+1,1))-1)+IF('Standard Profiles'!$G$20=$B$10,7,0)+IF('Standard Profiles'!$G$20=$B$17,14,0)+IF('Standard Profiles'!$G$20=$B$24,21,0),MOD($C679,24)+1)/SUM(INDEX($D$3:$AA$30,INDEX(Jesper!$R$2:$R$366,ROW(INDEX(Jesper!AJ$2:AJ$366,ROUNDDOWN($C679/24,0)+1,1))-1)+IF('Standard Profiles'!$G$20=$B$10,7,0)+IF('Standard Profiles'!$G$20=$B$17,14,0)+IF('Standard Profiles'!$G$20=$B$24,21,0),0)),0)</f>
        <v>0</v>
      </c>
      <c r="G679" cm="1">
        <f t="array" ref="G679">IFERROR(INDEX(Jesper!AK$2:AK$366,ROUNDDOWN($C679/24,0)+1,1)*INDEX($D$3:$AA$30,INDEX(Jesper!$R$2:$R$366,ROW(INDEX(Jesper!AK$2:AK$366,ROUNDDOWN($C679/24,0)+1,1))-1)+IF('Standard Profiles'!$G$21=$B$10,7,0)+IF('Standard Profiles'!$G$21=$B$17,14,0)+IF('Standard Profiles'!$G$21=$B$24,21,0),MOD($C679,24)+1)/SUM(INDEX($D$3:$AA$30,INDEX(Jesper!$R$2:$R$366,ROW(INDEX(Jesper!AK$2:AK$366,ROUNDDOWN($C679/24,0)+1,1))-1)+IF('Standard Profiles'!$G$21=$B$10,7,0)+IF('Standard Profiles'!$G$21=$B$17,14,0)+IF('Standard Profiles'!$G$21=$B$24,21,0),0)),0)</f>
        <v>0</v>
      </c>
      <c r="H679" cm="1">
        <f t="array" ref="H679">IFERROR(INDEX(Jesper!AL$2:AL$366,ROUNDDOWN($C679/24,0)+1,1)*INDEX($D$3:$AA$30,INDEX(Jesper!$R$2:$R$366,ROW(INDEX(Jesper!AL$2:AL$366,ROUNDDOWN($C679/24,0)+1,1))-1)+IF('Standard Profiles'!$G$22=$B$10,7,0)+IF('Standard Profiles'!$G$22=$B$17,14,0)+IF('Standard Profiles'!$G$22=$B$24,21,0),MOD($C679,24)+1)/SUM(INDEX($D$3:$AA$30,INDEX(Jesper!$R$2:$R$366,ROW(INDEX(Jesper!AL$2:AL$366,ROUNDDOWN($C679/24,0)+1,1))-1)+IF('Standard Profiles'!$G$22=$B$10,7,0)+IF('Standard Profiles'!$G$22=$B$17,14,0)+IF('Standard Profiles'!$G$22=$B$24,21,0),0)),0)</f>
        <v>0</v>
      </c>
      <c r="I679">
        <f t="shared" si="90"/>
        <v>0.12252460341595986</v>
      </c>
      <c r="J679">
        <f t="shared" si="91"/>
        <v>0.40841534471986629</v>
      </c>
      <c r="K679">
        <f t="shared" si="92"/>
        <v>0.61262301707979938</v>
      </c>
      <c r="L679">
        <f t="shared" si="93"/>
        <v>6.3762803626634899</v>
      </c>
      <c r="M679">
        <f t="shared" si="94"/>
        <v>0</v>
      </c>
      <c r="N679" s="46">
        <f t="shared" si="95"/>
        <v>45318.874999998436</v>
      </c>
    </row>
    <row r="680" spans="2:14" x14ac:dyDescent="0.3">
      <c r="B680">
        <f t="shared" si="89"/>
        <v>6</v>
      </c>
      <c r="C680" s="16">
        <v>646</v>
      </c>
      <c r="D680" cm="1">
        <f t="array" ref="D680">IFERROR(INDEX(Jesper!AH$2:AH$366,ROUNDDOWN($C680/24,0)+1,1)*INDEX($D$3:$AA$30,INDEX(Jesper!$R$2:$R$366,ROW(INDEX(Jesper!AH$2:AH$366,ROUNDDOWN($C680/24,0)+1,1))-1)+IF('Standard Profiles'!$G$18=$B$10,7,0)+IF('Standard Profiles'!$G$18=$B$17,14,0)+IF('Standard Profiles'!$G$18=$B$24,21,0),MOD($C680,24)+1)/SUM(INDEX($D$3:$AA$30,INDEX(Jesper!$R$2:$R$366,ROW(INDEX(Jesper!AH$2:AH$366,ROUNDDOWN($C680/24,0)+1,1))-1)+IF('Standard Profiles'!$G$18=$B$10,7,0)+IF('Standard Profiles'!$G$18=$B$17,14,0)+IF('Standard Profiles'!$G$18=$B$24,21,0),0)),0)</f>
        <v>6.1598202299619613</v>
      </c>
      <c r="E680" cm="1">
        <f t="array" ref="E680">IFERROR(INDEX(Jesper!AI$2:AI$366,ROUNDDOWN($C680/24,0)+1,1)*INDEX($D$3:$AA$30,INDEX(Jesper!$R$2:$R$366,ROW(INDEX(Jesper!AI$2:AI$366,ROUNDDOWN($C680/24,0)+1,1))-1)+IF('Standard Profiles'!$G$19=$B$10,7,0)+IF('Standard Profiles'!$G$19=$B$17,14,0)+IF('Standard Profiles'!$G$19=$B$24,21,0),MOD($C680,24)+1)/SUM(INDEX($D$3:$AA$30,INDEX(Jesper!$R$2:$R$366,ROW(INDEX(Jesper!AI$2:AI$366,ROUNDDOWN($C680/24,0)+1,1))-1)+IF('Standard Profiles'!$G$19=$B$10,7,0)+IF('Standard Profiles'!$G$19=$B$17,14,0)+IF('Standard Profiles'!$G$19=$B$24,21,0),0)),0)</f>
        <v>1.3600230979171541</v>
      </c>
      <c r="F680" cm="1">
        <f t="array" ref="F680">IFERROR(INDEX(Jesper!AJ$2:AJ$366,ROUNDDOWN($C680/24,0)+1,1)*INDEX($D$3:$AA$30,INDEX(Jesper!$R$2:$R$366,ROW(INDEX(Jesper!AJ$2:AJ$366,ROUNDDOWN($C680/24,0)+1,1))-1)+IF('Standard Profiles'!$G$20=$B$10,7,0)+IF('Standard Profiles'!$G$20=$B$17,14,0)+IF('Standard Profiles'!$G$20=$B$24,21,0),MOD($C680,24)+1)/SUM(INDEX($D$3:$AA$30,INDEX(Jesper!$R$2:$R$366,ROW(INDEX(Jesper!AJ$2:AJ$366,ROUNDDOWN($C680/24,0)+1,1))-1)+IF('Standard Profiles'!$G$20=$B$10,7,0)+IF('Standard Profiles'!$G$20=$B$17,14,0)+IF('Standard Profiles'!$G$20=$B$24,21,0),0)),0)</f>
        <v>0</v>
      </c>
      <c r="G680" cm="1">
        <f t="array" ref="G680">IFERROR(INDEX(Jesper!AK$2:AK$366,ROUNDDOWN($C680/24,0)+1,1)*INDEX($D$3:$AA$30,INDEX(Jesper!$R$2:$R$366,ROW(INDEX(Jesper!AK$2:AK$366,ROUNDDOWN($C680/24,0)+1,1))-1)+IF('Standard Profiles'!$G$21=$B$10,7,0)+IF('Standard Profiles'!$G$21=$B$17,14,0)+IF('Standard Profiles'!$G$21=$B$24,21,0),MOD($C680,24)+1)/SUM(INDEX($D$3:$AA$30,INDEX(Jesper!$R$2:$R$366,ROW(INDEX(Jesper!AK$2:AK$366,ROUNDDOWN($C680/24,0)+1,1))-1)+IF('Standard Profiles'!$G$21=$B$10,7,0)+IF('Standard Profiles'!$G$21=$B$17,14,0)+IF('Standard Profiles'!$G$21=$B$24,21,0),0)),0)</f>
        <v>0</v>
      </c>
      <c r="H680" cm="1">
        <f t="array" ref="H680">IFERROR(INDEX(Jesper!AL$2:AL$366,ROUNDDOWN($C680/24,0)+1,1)*INDEX($D$3:$AA$30,INDEX(Jesper!$R$2:$R$366,ROW(INDEX(Jesper!AL$2:AL$366,ROUNDDOWN($C680/24,0)+1,1))-1)+IF('Standard Profiles'!$G$22=$B$10,7,0)+IF('Standard Profiles'!$G$22=$B$17,14,0)+IF('Standard Profiles'!$G$22=$B$24,21,0),MOD($C680,24)+1)/SUM(INDEX($D$3:$AA$30,INDEX(Jesper!$R$2:$R$366,ROW(INDEX(Jesper!AL$2:AL$366,ROUNDDOWN($C680/24,0)+1,1))-1)+IF('Standard Profiles'!$G$22=$B$10,7,0)+IF('Standard Profiles'!$G$22=$B$17,14,0)+IF('Standard Profiles'!$G$22=$B$24,21,0),0)),0)</f>
        <v>0</v>
      </c>
      <c r="I680">
        <f t="shared" si="90"/>
        <v>0.12252460341595986</v>
      </c>
      <c r="J680">
        <f t="shared" si="91"/>
        <v>0.40841534471986629</v>
      </c>
      <c r="K680">
        <f t="shared" si="92"/>
        <v>0.61262301707979938</v>
      </c>
      <c r="L680">
        <f t="shared" si="93"/>
        <v>6.3762803626634899</v>
      </c>
      <c r="M680">
        <f t="shared" si="94"/>
        <v>0</v>
      </c>
      <c r="N680" s="46">
        <f t="shared" si="95"/>
        <v>45318.9166666651</v>
      </c>
    </row>
    <row r="681" spans="2:14" x14ac:dyDescent="0.3">
      <c r="B681">
        <f t="shared" si="89"/>
        <v>6</v>
      </c>
      <c r="C681" s="16">
        <v>647</v>
      </c>
      <c r="D681" cm="1">
        <f t="array" ref="D681">IFERROR(INDEX(Jesper!AH$2:AH$366,ROUNDDOWN($C681/24,0)+1,1)*INDEX($D$3:$AA$30,INDEX(Jesper!$R$2:$R$366,ROW(INDEX(Jesper!AH$2:AH$366,ROUNDDOWN($C681/24,0)+1,1))-1)+IF('Standard Profiles'!$G$18=$B$10,7,0)+IF('Standard Profiles'!$G$18=$B$17,14,0)+IF('Standard Profiles'!$G$18=$B$24,21,0),MOD($C681,24)+1)/SUM(INDEX($D$3:$AA$30,INDEX(Jesper!$R$2:$R$366,ROW(INDEX(Jesper!AH$2:AH$366,ROUNDDOWN($C681/24,0)+1,1))-1)+IF('Standard Profiles'!$G$18=$B$10,7,0)+IF('Standard Profiles'!$G$18=$B$17,14,0)+IF('Standard Profiles'!$G$18=$B$24,21,0),0)),0)</f>
        <v>6.1598202299619613</v>
      </c>
      <c r="E681" cm="1">
        <f t="array" ref="E681">IFERROR(INDEX(Jesper!AI$2:AI$366,ROUNDDOWN($C681/24,0)+1,1)*INDEX($D$3:$AA$30,INDEX(Jesper!$R$2:$R$366,ROW(INDEX(Jesper!AI$2:AI$366,ROUNDDOWN($C681/24,0)+1,1))-1)+IF('Standard Profiles'!$G$19=$B$10,7,0)+IF('Standard Profiles'!$G$19=$B$17,14,0)+IF('Standard Profiles'!$G$19=$B$24,21,0),MOD($C681,24)+1)/SUM(INDEX($D$3:$AA$30,INDEX(Jesper!$R$2:$R$366,ROW(INDEX(Jesper!AI$2:AI$366,ROUNDDOWN($C681/24,0)+1,1))-1)+IF('Standard Profiles'!$G$19=$B$10,7,0)+IF('Standard Profiles'!$G$19=$B$17,14,0)+IF('Standard Profiles'!$G$19=$B$24,21,0),0)),0)</f>
        <v>1.3600230979171541</v>
      </c>
      <c r="F681" cm="1">
        <f t="array" ref="F681">IFERROR(INDEX(Jesper!AJ$2:AJ$366,ROUNDDOWN($C681/24,0)+1,1)*INDEX($D$3:$AA$30,INDEX(Jesper!$R$2:$R$366,ROW(INDEX(Jesper!AJ$2:AJ$366,ROUNDDOWN($C681/24,0)+1,1))-1)+IF('Standard Profiles'!$G$20=$B$10,7,0)+IF('Standard Profiles'!$G$20=$B$17,14,0)+IF('Standard Profiles'!$G$20=$B$24,21,0),MOD($C681,24)+1)/SUM(INDEX($D$3:$AA$30,INDEX(Jesper!$R$2:$R$366,ROW(INDEX(Jesper!AJ$2:AJ$366,ROUNDDOWN($C681/24,0)+1,1))-1)+IF('Standard Profiles'!$G$20=$B$10,7,0)+IF('Standard Profiles'!$G$20=$B$17,14,0)+IF('Standard Profiles'!$G$20=$B$24,21,0),0)),0)</f>
        <v>0</v>
      </c>
      <c r="G681" cm="1">
        <f t="array" ref="G681">IFERROR(INDEX(Jesper!AK$2:AK$366,ROUNDDOWN($C681/24,0)+1,1)*INDEX($D$3:$AA$30,INDEX(Jesper!$R$2:$R$366,ROW(INDEX(Jesper!AK$2:AK$366,ROUNDDOWN($C681/24,0)+1,1))-1)+IF('Standard Profiles'!$G$21=$B$10,7,0)+IF('Standard Profiles'!$G$21=$B$17,14,0)+IF('Standard Profiles'!$G$21=$B$24,21,0),MOD($C681,24)+1)/SUM(INDEX($D$3:$AA$30,INDEX(Jesper!$R$2:$R$366,ROW(INDEX(Jesper!AK$2:AK$366,ROUNDDOWN($C681/24,0)+1,1))-1)+IF('Standard Profiles'!$G$21=$B$10,7,0)+IF('Standard Profiles'!$G$21=$B$17,14,0)+IF('Standard Profiles'!$G$21=$B$24,21,0),0)),0)</f>
        <v>0</v>
      </c>
      <c r="H681" cm="1">
        <f t="array" ref="H681">IFERROR(INDEX(Jesper!AL$2:AL$366,ROUNDDOWN($C681/24,0)+1,1)*INDEX($D$3:$AA$30,INDEX(Jesper!$R$2:$R$366,ROW(INDEX(Jesper!AL$2:AL$366,ROUNDDOWN($C681/24,0)+1,1))-1)+IF('Standard Profiles'!$G$22=$B$10,7,0)+IF('Standard Profiles'!$G$22=$B$17,14,0)+IF('Standard Profiles'!$G$22=$B$24,21,0),MOD($C681,24)+1)/SUM(INDEX($D$3:$AA$30,INDEX(Jesper!$R$2:$R$366,ROW(INDEX(Jesper!AL$2:AL$366,ROUNDDOWN($C681/24,0)+1,1))-1)+IF('Standard Profiles'!$G$22=$B$10,7,0)+IF('Standard Profiles'!$G$22=$B$17,14,0)+IF('Standard Profiles'!$G$22=$B$24,21,0),0)),0)</f>
        <v>0</v>
      </c>
      <c r="I681">
        <f t="shared" si="90"/>
        <v>0.12252460341595986</v>
      </c>
      <c r="J681">
        <f t="shared" si="91"/>
        <v>0.40841534471986629</v>
      </c>
      <c r="K681">
        <f t="shared" si="92"/>
        <v>0.61262301707979938</v>
      </c>
      <c r="L681">
        <f t="shared" si="93"/>
        <v>6.3762803626634899</v>
      </c>
      <c r="M681">
        <f t="shared" si="94"/>
        <v>0</v>
      </c>
      <c r="N681" s="46">
        <f t="shared" si="95"/>
        <v>45318.958333331764</v>
      </c>
    </row>
    <row r="682" spans="2:14" x14ac:dyDescent="0.3">
      <c r="B682">
        <f t="shared" si="89"/>
        <v>7</v>
      </c>
      <c r="C682" s="16">
        <v>648</v>
      </c>
      <c r="D682" cm="1">
        <f t="array" ref="D682">IFERROR(INDEX(Jesper!AH$2:AH$366,ROUNDDOWN($C682/24,0)+1,1)*INDEX($D$3:$AA$30,INDEX(Jesper!$R$2:$R$366,ROW(INDEX(Jesper!AH$2:AH$366,ROUNDDOWN($C682/24,0)+1,1))-1)+IF('Standard Profiles'!$G$18=$B$10,7,0)+IF('Standard Profiles'!$G$18=$B$17,14,0)+IF('Standard Profiles'!$G$18=$B$24,21,0),MOD($C682,24)+1)/SUM(INDEX($D$3:$AA$30,INDEX(Jesper!$R$2:$R$366,ROW(INDEX(Jesper!AH$2:AH$366,ROUNDDOWN($C682/24,0)+1,1))-1)+IF('Standard Profiles'!$G$18=$B$10,7,0)+IF('Standard Profiles'!$G$18=$B$17,14,0)+IF('Standard Profiles'!$G$18=$B$24,21,0),0)),0)</f>
        <v>6.9603596421633238</v>
      </c>
      <c r="E682" cm="1">
        <f t="array" ref="E682">IFERROR(INDEX(Jesper!AI$2:AI$366,ROUNDDOWN($C682/24,0)+1,1)*INDEX($D$3:$AA$30,INDEX(Jesper!$R$2:$R$366,ROW(INDEX(Jesper!AI$2:AI$366,ROUNDDOWN($C682/24,0)+1,1))-1)+IF('Standard Profiles'!$G$19=$B$10,7,0)+IF('Standard Profiles'!$G$19=$B$17,14,0)+IF('Standard Profiles'!$G$19=$B$24,21,0),MOD($C682,24)+1)/SUM(INDEX($D$3:$AA$30,INDEX(Jesper!$R$2:$R$366,ROW(INDEX(Jesper!AI$2:AI$366,ROUNDDOWN($C682/24,0)+1,1))-1)+IF('Standard Profiles'!$G$19=$B$10,7,0)+IF('Standard Profiles'!$G$19=$B$17,14,0)+IF('Standard Profiles'!$G$19=$B$24,21,0),0)),0)</f>
        <v>1.5241141059229828</v>
      </c>
      <c r="F682" cm="1">
        <f t="array" ref="F682">IFERROR(INDEX(Jesper!AJ$2:AJ$366,ROUNDDOWN($C682/24,0)+1,1)*INDEX($D$3:$AA$30,INDEX(Jesper!$R$2:$R$366,ROW(INDEX(Jesper!AJ$2:AJ$366,ROUNDDOWN($C682/24,0)+1,1))-1)+IF('Standard Profiles'!$G$20=$B$10,7,0)+IF('Standard Profiles'!$G$20=$B$17,14,0)+IF('Standard Profiles'!$G$20=$B$24,21,0),MOD($C682,24)+1)/SUM(INDEX($D$3:$AA$30,INDEX(Jesper!$R$2:$R$366,ROW(INDEX(Jesper!AJ$2:AJ$366,ROUNDDOWN($C682/24,0)+1,1))-1)+IF('Standard Profiles'!$G$20=$B$10,7,0)+IF('Standard Profiles'!$G$20=$B$17,14,0)+IF('Standard Profiles'!$G$20=$B$24,21,0),0)),0)</f>
        <v>0</v>
      </c>
      <c r="G682" cm="1">
        <f t="array" ref="G682">IFERROR(INDEX(Jesper!AK$2:AK$366,ROUNDDOWN($C682/24,0)+1,1)*INDEX($D$3:$AA$30,INDEX(Jesper!$R$2:$R$366,ROW(INDEX(Jesper!AK$2:AK$366,ROUNDDOWN($C682/24,0)+1,1))-1)+IF('Standard Profiles'!$G$21=$B$10,7,0)+IF('Standard Profiles'!$G$21=$B$17,14,0)+IF('Standard Profiles'!$G$21=$B$24,21,0),MOD($C682,24)+1)/SUM(INDEX($D$3:$AA$30,INDEX(Jesper!$R$2:$R$366,ROW(INDEX(Jesper!AK$2:AK$366,ROUNDDOWN($C682/24,0)+1,1))-1)+IF('Standard Profiles'!$G$21=$B$10,7,0)+IF('Standard Profiles'!$G$21=$B$17,14,0)+IF('Standard Profiles'!$G$21=$B$24,21,0),0)),0)</f>
        <v>0</v>
      </c>
      <c r="H682" cm="1">
        <f t="array" ref="H682">IFERROR(INDEX(Jesper!AL$2:AL$366,ROUNDDOWN($C682/24,0)+1,1)*INDEX($D$3:$AA$30,INDEX(Jesper!$R$2:$R$366,ROW(INDEX(Jesper!AL$2:AL$366,ROUNDDOWN($C682/24,0)+1,1))-1)+IF('Standard Profiles'!$G$22=$B$10,7,0)+IF('Standard Profiles'!$G$22=$B$17,14,0)+IF('Standard Profiles'!$G$22=$B$24,21,0),MOD($C682,24)+1)/SUM(INDEX($D$3:$AA$30,INDEX(Jesper!$R$2:$R$366,ROW(INDEX(Jesper!AL$2:AL$366,ROUNDDOWN($C682/24,0)+1,1))-1)+IF('Standard Profiles'!$G$22=$B$10,7,0)+IF('Standard Profiles'!$G$22=$B$17,14,0)+IF('Standard Profiles'!$G$22=$B$24,21,0),0)),0)</f>
        <v>0</v>
      </c>
      <c r="I682">
        <f t="shared" si="90"/>
        <v>0.13730757711017866</v>
      </c>
      <c r="J682">
        <f t="shared" si="91"/>
        <v>0.45769192370059564</v>
      </c>
      <c r="K682">
        <f t="shared" si="92"/>
        <v>0.68653788555089346</v>
      </c>
      <c r="L682">
        <f t="shared" si="93"/>
        <v>7.2029363617246389</v>
      </c>
      <c r="M682">
        <f t="shared" si="94"/>
        <v>0</v>
      </c>
      <c r="N682" s="46">
        <f t="shared" si="95"/>
        <v>45318.999999998428</v>
      </c>
    </row>
    <row r="683" spans="2:14" x14ac:dyDescent="0.3">
      <c r="B683">
        <f t="shared" si="89"/>
        <v>7</v>
      </c>
      <c r="C683" s="16">
        <v>649</v>
      </c>
      <c r="D683" cm="1">
        <f t="array" ref="D683">IFERROR(INDEX(Jesper!AH$2:AH$366,ROUNDDOWN($C683/24,0)+1,1)*INDEX($D$3:$AA$30,INDEX(Jesper!$R$2:$R$366,ROW(INDEX(Jesper!AH$2:AH$366,ROUNDDOWN($C683/24,0)+1,1))-1)+IF('Standard Profiles'!$G$18=$B$10,7,0)+IF('Standard Profiles'!$G$18=$B$17,14,0)+IF('Standard Profiles'!$G$18=$B$24,21,0),MOD($C683,24)+1)/SUM(INDEX($D$3:$AA$30,INDEX(Jesper!$R$2:$R$366,ROW(INDEX(Jesper!AH$2:AH$366,ROUNDDOWN($C683/24,0)+1,1))-1)+IF('Standard Profiles'!$G$18=$B$10,7,0)+IF('Standard Profiles'!$G$18=$B$17,14,0)+IF('Standard Profiles'!$G$18=$B$24,21,0),0)),0)</f>
        <v>8.0829982941251508</v>
      </c>
      <c r="E683" cm="1">
        <f t="array" ref="E683">IFERROR(INDEX(Jesper!AI$2:AI$366,ROUNDDOWN($C683/24,0)+1,1)*INDEX($D$3:$AA$30,INDEX(Jesper!$R$2:$R$366,ROW(INDEX(Jesper!AI$2:AI$366,ROUNDDOWN($C683/24,0)+1,1))-1)+IF('Standard Profiles'!$G$19=$B$10,7,0)+IF('Standard Profiles'!$G$19=$B$17,14,0)+IF('Standard Profiles'!$G$19=$B$24,21,0),MOD($C683,24)+1)/SUM(INDEX($D$3:$AA$30,INDEX(Jesper!$R$2:$R$366,ROW(INDEX(Jesper!AI$2:AI$366,ROUNDDOWN($C683/24,0)+1,1))-1)+IF('Standard Profiles'!$G$19=$B$10,7,0)+IF('Standard Profiles'!$G$19=$B$17,14,0)+IF('Standard Profiles'!$G$19=$B$24,21,0),0)),0)</f>
        <v>1.7699389617170123</v>
      </c>
      <c r="F683" cm="1">
        <f t="array" ref="F683">IFERROR(INDEX(Jesper!AJ$2:AJ$366,ROUNDDOWN($C683/24,0)+1,1)*INDEX($D$3:$AA$30,INDEX(Jesper!$R$2:$R$366,ROW(INDEX(Jesper!AJ$2:AJ$366,ROUNDDOWN($C683/24,0)+1,1))-1)+IF('Standard Profiles'!$G$20=$B$10,7,0)+IF('Standard Profiles'!$G$20=$B$17,14,0)+IF('Standard Profiles'!$G$20=$B$24,21,0),MOD($C683,24)+1)/SUM(INDEX($D$3:$AA$30,INDEX(Jesper!$R$2:$R$366,ROW(INDEX(Jesper!AJ$2:AJ$366,ROUNDDOWN($C683/24,0)+1,1))-1)+IF('Standard Profiles'!$G$20=$B$10,7,0)+IF('Standard Profiles'!$G$20=$B$17,14,0)+IF('Standard Profiles'!$G$20=$B$24,21,0),0)),0)</f>
        <v>0</v>
      </c>
      <c r="G683" cm="1">
        <f t="array" ref="G683">IFERROR(INDEX(Jesper!AK$2:AK$366,ROUNDDOWN($C683/24,0)+1,1)*INDEX($D$3:$AA$30,INDEX(Jesper!$R$2:$R$366,ROW(INDEX(Jesper!AK$2:AK$366,ROUNDDOWN($C683/24,0)+1,1))-1)+IF('Standard Profiles'!$G$21=$B$10,7,0)+IF('Standard Profiles'!$G$21=$B$17,14,0)+IF('Standard Profiles'!$G$21=$B$24,21,0),MOD($C683,24)+1)/SUM(INDEX($D$3:$AA$30,INDEX(Jesper!$R$2:$R$366,ROW(INDEX(Jesper!AK$2:AK$366,ROUNDDOWN($C683/24,0)+1,1))-1)+IF('Standard Profiles'!$G$21=$B$10,7,0)+IF('Standard Profiles'!$G$21=$B$17,14,0)+IF('Standard Profiles'!$G$21=$B$24,21,0),0)),0)</f>
        <v>0</v>
      </c>
      <c r="H683" cm="1">
        <f t="array" ref="H683">IFERROR(INDEX(Jesper!AL$2:AL$366,ROUNDDOWN($C683/24,0)+1,1)*INDEX($D$3:$AA$30,INDEX(Jesper!$R$2:$R$366,ROW(INDEX(Jesper!AL$2:AL$366,ROUNDDOWN($C683/24,0)+1,1))-1)+IF('Standard Profiles'!$G$22=$B$10,7,0)+IF('Standard Profiles'!$G$22=$B$17,14,0)+IF('Standard Profiles'!$G$22=$B$24,21,0),MOD($C683,24)+1)/SUM(INDEX($D$3:$AA$30,INDEX(Jesper!$R$2:$R$366,ROW(INDEX(Jesper!AL$2:AL$366,ROUNDDOWN($C683/24,0)+1,1))-1)+IF('Standard Profiles'!$G$22=$B$10,7,0)+IF('Standard Profiles'!$G$22=$B$17,14,0)+IF('Standard Profiles'!$G$22=$B$24,21,0),0)),0)</f>
        <v>0</v>
      </c>
      <c r="I683">
        <f t="shared" si="90"/>
        <v>0.15945396051504618</v>
      </c>
      <c r="J683">
        <f t="shared" si="91"/>
        <v>0.5315132017168207</v>
      </c>
      <c r="K683">
        <f t="shared" si="92"/>
        <v>0.79726980257523106</v>
      </c>
      <c r="L683">
        <f t="shared" si="93"/>
        <v>8.3647002910350654</v>
      </c>
      <c r="M683">
        <f t="shared" si="94"/>
        <v>0</v>
      </c>
      <c r="N683" s="46">
        <f t="shared" si="95"/>
        <v>45319.041666665093</v>
      </c>
    </row>
    <row r="684" spans="2:14" x14ac:dyDescent="0.3">
      <c r="B684">
        <f t="shared" si="89"/>
        <v>7</v>
      </c>
      <c r="C684" s="16">
        <v>650</v>
      </c>
      <c r="D684" cm="1">
        <f t="array" ref="D684">IFERROR(INDEX(Jesper!AH$2:AH$366,ROUNDDOWN($C684/24,0)+1,1)*INDEX($D$3:$AA$30,INDEX(Jesper!$R$2:$R$366,ROW(INDEX(Jesper!AH$2:AH$366,ROUNDDOWN($C684/24,0)+1,1))-1)+IF('Standard Profiles'!$G$18=$B$10,7,0)+IF('Standard Profiles'!$G$18=$B$17,14,0)+IF('Standard Profiles'!$G$18=$B$24,21,0),MOD($C684,24)+1)/SUM(INDEX($D$3:$AA$30,INDEX(Jesper!$R$2:$R$366,ROW(INDEX(Jesper!AH$2:AH$366,ROUNDDOWN($C684/24,0)+1,1))-1)+IF('Standard Profiles'!$G$18=$B$10,7,0)+IF('Standard Profiles'!$G$18=$B$17,14,0)+IF('Standard Profiles'!$G$18=$B$24,21,0),0)),0)</f>
        <v>8.0829982941251508</v>
      </c>
      <c r="E684" cm="1">
        <f t="array" ref="E684">IFERROR(INDEX(Jesper!AI$2:AI$366,ROUNDDOWN($C684/24,0)+1,1)*INDEX($D$3:$AA$30,INDEX(Jesper!$R$2:$R$366,ROW(INDEX(Jesper!AI$2:AI$366,ROUNDDOWN($C684/24,0)+1,1))-1)+IF('Standard Profiles'!$G$19=$B$10,7,0)+IF('Standard Profiles'!$G$19=$B$17,14,0)+IF('Standard Profiles'!$G$19=$B$24,21,0),MOD($C684,24)+1)/SUM(INDEX($D$3:$AA$30,INDEX(Jesper!$R$2:$R$366,ROW(INDEX(Jesper!AI$2:AI$366,ROUNDDOWN($C684/24,0)+1,1))-1)+IF('Standard Profiles'!$G$19=$B$10,7,0)+IF('Standard Profiles'!$G$19=$B$17,14,0)+IF('Standard Profiles'!$G$19=$B$24,21,0),0)),0)</f>
        <v>1.7699389617170123</v>
      </c>
      <c r="F684" cm="1">
        <f t="array" ref="F684">IFERROR(INDEX(Jesper!AJ$2:AJ$366,ROUNDDOWN($C684/24,0)+1,1)*INDEX($D$3:$AA$30,INDEX(Jesper!$R$2:$R$366,ROW(INDEX(Jesper!AJ$2:AJ$366,ROUNDDOWN($C684/24,0)+1,1))-1)+IF('Standard Profiles'!$G$20=$B$10,7,0)+IF('Standard Profiles'!$G$20=$B$17,14,0)+IF('Standard Profiles'!$G$20=$B$24,21,0),MOD($C684,24)+1)/SUM(INDEX($D$3:$AA$30,INDEX(Jesper!$R$2:$R$366,ROW(INDEX(Jesper!AJ$2:AJ$366,ROUNDDOWN($C684/24,0)+1,1))-1)+IF('Standard Profiles'!$G$20=$B$10,7,0)+IF('Standard Profiles'!$G$20=$B$17,14,0)+IF('Standard Profiles'!$G$20=$B$24,21,0),0)),0)</f>
        <v>0</v>
      </c>
      <c r="G684" cm="1">
        <f t="array" ref="G684">IFERROR(INDEX(Jesper!AK$2:AK$366,ROUNDDOWN($C684/24,0)+1,1)*INDEX($D$3:$AA$30,INDEX(Jesper!$R$2:$R$366,ROW(INDEX(Jesper!AK$2:AK$366,ROUNDDOWN($C684/24,0)+1,1))-1)+IF('Standard Profiles'!$G$21=$B$10,7,0)+IF('Standard Profiles'!$G$21=$B$17,14,0)+IF('Standard Profiles'!$G$21=$B$24,21,0),MOD($C684,24)+1)/SUM(INDEX($D$3:$AA$30,INDEX(Jesper!$R$2:$R$366,ROW(INDEX(Jesper!AK$2:AK$366,ROUNDDOWN($C684/24,0)+1,1))-1)+IF('Standard Profiles'!$G$21=$B$10,7,0)+IF('Standard Profiles'!$G$21=$B$17,14,0)+IF('Standard Profiles'!$G$21=$B$24,21,0),0)),0)</f>
        <v>0</v>
      </c>
      <c r="H684" cm="1">
        <f t="array" ref="H684">IFERROR(INDEX(Jesper!AL$2:AL$366,ROUNDDOWN($C684/24,0)+1,1)*INDEX($D$3:$AA$30,INDEX(Jesper!$R$2:$R$366,ROW(INDEX(Jesper!AL$2:AL$366,ROUNDDOWN($C684/24,0)+1,1))-1)+IF('Standard Profiles'!$G$22=$B$10,7,0)+IF('Standard Profiles'!$G$22=$B$17,14,0)+IF('Standard Profiles'!$G$22=$B$24,21,0),MOD($C684,24)+1)/SUM(INDEX($D$3:$AA$30,INDEX(Jesper!$R$2:$R$366,ROW(INDEX(Jesper!AL$2:AL$366,ROUNDDOWN($C684/24,0)+1,1))-1)+IF('Standard Profiles'!$G$22=$B$10,7,0)+IF('Standard Profiles'!$G$22=$B$17,14,0)+IF('Standard Profiles'!$G$22=$B$24,21,0),0)),0)</f>
        <v>0</v>
      </c>
      <c r="I684">
        <f t="shared" si="90"/>
        <v>0.15945396051504618</v>
      </c>
      <c r="J684">
        <f t="shared" si="91"/>
        <v>0.5315132017168207</v>
      </c>
      <c r="K684">
        <f t="shared" si="92"/>
        <v>0.79726980257523106</v>
      </c>
      <c r="L684">
        <f t="shared" si="93"/>
        <v>8.3647002910350654</v>
      </c>
      <c r="M684">
        <f t="shared" si="94"/>
        <v>0</v>
      </c>
      <c r="N684" s="46">
        <f t="shared" si="95"/>
        <v>45319.083333331757</v>
      </c>
    </row>
    <row r="685" spans="2:14" x14ac:dyDescent="0.3">
      <c r="B685">
        <f t="shared" si="89"/>
        <v>7</v>
      </c>
      <c r="C685" s="16">
        <v>651</v>
      </c>
      <c r="D685" cm="1">
        <f t="array" ref="D685">IFERROR(INDEX(Jesper!AH$2:AH$366,ROUNDDOWN($C685/24,0)+1,1)*INDEX($D$3:$AA$30,INDEX(Jesper!$R$2:$R$366,ROW(INDEX(Jesper!AH$2:AH$366,ROUNDDOWN($C685/24,0)+1,1))-1)+IF('Standard Profiles'!$G$18=$B$10,7,0)+IF('Standard Profiles'!$G$18=$B$17,14,0)+IF('Standard Profiles'!$G$18=$B$24,21,0),MOD($C685,24)+1)/SUM(INDEX($D$3:$AA$30,INDEX(Jesper!$R$2:$R$366,ROW(INDEX(Jesper!AH$2:AH$366,ROUNDDOWN($C685/24,0)+1,1))-1)+IF('Standard Profiles'!$G$18=$B$10,7,0)+IF('Standard Profiles'!$G$18=$B$17,14,0)+IF('Standard Profiles'!$G$18=$B$24,21,0),0)),0)</f>
        <v>8.0829982941251508</v>
      </c>
      <c r="E685" cm="1">
        <f t="array" ref="E685">IFERROR(INDEX(Jesper!AI$2:AI$366,ROUNDDOWN($C685/24,0)+1,1)*INDEX($D$3:$AA$30,INDEX(Jesper!$R$2:$R$366,ROW(INDEX(Jesper!AI$2:AI$366,ROUNDDOWN($C685/24,0)+1,1))-1)+IF('Standard Profiles'!$G$19=$B$10,7,0)+IF('Standard Profiles'!$G$19=$B$17,14,0)+IF('Standard Profiles'!$G$19=$B$24,21,0),MOD($C685,24)+1)/SUM(INDEX($D$3:$AA$30,INDEX(Jesper!$R$2:$R$366,ROW(INDEX(Jesper!AI$2:AI$366,ROUNDDOWN($C685/24,0)+1,1))-1)+IF('Standard Profiles'!$G$19=$B$10,7,0)+IF('Standard Profiles'!$G$19=$B$17,14,0)+IF('Standard Profiles'!$G$19=$B$24,21,0),0)),0)</f>
        <v>1.7699389617170123</v>
      </c>
      <c r="F685" cm="1">
        <f t="array" ref="F685">IFERROR(INDEX(Jesper!AJ$2:AJ$366,ROUNDDOWN($C685/24,0)+1,1)*INDEX($D$3:$AA$30,INDEX(Jesper!$R$2:$R$366,ROW(INDEX(Jesper!AJ$2:AJ$366,ROUNDDOWN($C685/24,0)+1,1))-1)+IF('Standard Profiles'!$G$20=$B$10,7,0)+IF('Standard Profiles'!$G$20=$B$17,14,0)+IF('Standard Profiles'!$G$20=$B$24,21,0),MOD($C685,24)+1)/SUM(INDEX($D$3:$AA$30,INDEX(Jesper!$R$2:$R$366,ROW(INDEX(Jesper!AJ$2:AJ$366,ROUNDDOWN($C685/24,0)+1,1))-1)+IF('Standard Profiles'!$G$20=$B$10,7,0)+IF('Standard Profiles'!$G$20=$B$17,14,0)+IF('Standard Profiles'!$G$20=$B$24,21,0),0)),0)</f>
        <v>0</v>
      </c>
      <c r="G685" cm="1">
        <f t="array" ref="G685">IFERROR(INDEX(Jesper!AK$2:AK$366,ROUNDDOWN($C685/24,0)+1,1)*INDEX($D$3:$AA$30,INDEX(Jesper!$R$2:$R$366,ROW(INDEX(Jesper!AK$2:AK$366,ROUNDDOWN($C685/24,0)+1,1))-1)+IF('Standard Profiles'!$G$21=$B$10,7,0)+IF('Standard Profiles'!$G$21=$B$17,14,0)+IF('Standard Profiles'!$G$21=$B$24,21,0),MOD($C685,24)+1)/SUM(INDEX($D$3:$AA$30,INDEX(Jesper!$R$2:$R$366,ROW(INDEX(Jesper!AK$2:AK$366,ROUNDDOWN($C685/24,0)+1,1))-1)+IF('Standard Profiles'!$G$21=$B$10,7,0)+IF('Standard Profiles'!$G$21=$B$17,14,0)+IF('Standard Profiles'!$G$21=$B$24,21,0),0)),0)</f>
        <v>0</v>
      </c>
      <c r="H685" cm="1">
        <f t="array" ref="H685">IFERROR(INDEX(Jesper!AL$2:AL$366,ROUNDDOWN($C685/24,0)+1,1)*INDEX($D$3:$AA$30,INDEX(Jesper!$R$2:$R$366,ROW(INDEX(Jesper!AL$2:AL$366,ROUNDDOWN($C685/24,0)+1,1))-1)+IF('Standard Profiles'!$G$22=$B$10,7,0)+IF('Standard Profiles'!$G$22=$B$17,14,0)+IF('Standard Profiles'!$G$22=$B$24,21,0),MOD($C685,24)+1)/SUM(INDEX($D$3:$AA$30,INDEX(Jesper!$R$2:$R$366,ROW(INDEX(Jesper!AL$2:AL$366,ROUNDDOWN($C685/24,0)+1,1))-1)+IF('Standard Profiles'!$G$22=$B$10,7,0)+IF('Standard Profiles'!$G$22=$B$17,14,0)+IF('Standard Profiles'!$G$22=$B$24,21,0),0)),0)</f>
        <v>0</v>
      </c>
      <c r="I685">
        <f t="shared" si="90"/>
        <v>0.15945396051504618</v>
      </c>
      <c r="J685">
        <f t="shared" si="91"/>
        <v>0.5315132017168207</v>
      </c>
      <c r="K685">
        <f t="shared" si="92"/>
        <v>0.79726980257523106</v>
      </c>
      <c r="L685">
        <f t="shared" si="93"/>
        <v>8.3647002910350654</v>
      </c>
      <c r="M685">
        <f t="shared" si="94"/>
        <v>0</v>
      </c>
      <c r="N685" s="46">
        <f t="shared" si="95"/>
        <v>45319.124999998421</v>
      </c>
    </row>
    <row r="686" spans="2:14" x14ac:dyDescent="0.3">
      <c r="B686">
        <f t="shared" si="89"/>
        <v>7</v>
      </c>
      <c r="C686" s="16">
        <v>652</v>
      </c>
      <c r="D686" cm="1">
        <f t="array" ref="D686">IFERROR(INDEX(Jesper!AH$2:AH$366,ROUNDDOWN($C686/24,0)+1,1)*INDEX($D$3:$AA$30,INDEX(Jesper!$R$2:$R$366,ROW(INDEX(Jesper!AH$2:AH$366,ROUNDDOWN($C686/24,0)+1,1))-1)+IF('Standard Profiles'!$G$18=$B$10,7,0)+IF('Standard Profiles'!$G$18=$B$17,14,0)+IF('Standard Profiles'!$G$18=$B$24,21,0),MOD($C686,24)+1)/SUM(INDEX($D$3:$AA$30,INDEX(Jesper!$R$2:$R$366,ROW(INDEX(Jesper!AH$2:AH$366,ROUNDDOWN($C686/24,0)+1,1))-1)+IF('Standard Profiles'!$G$18=$B$10,7,0)+IF('Standard Profiles'!$G$18=$B$17,14,0)+IF('Standard Profiles'!$G$18=$B$24,21,0),0)),0)</f>
        <v>8.0829982941251508</v>
      </c>
      <c r="E686" cm="1">
        <f t="array" ref="E686">IFERROR(INDEX(Jesper!AI$2:AI$366,ROUNDDOWN($C686/24,0)+1,1)*INDEX($D$3:$AA$30,INDEX(Jesper!$R$2:$R$366,ROW(INDEX(Jesper!AI$2:AI$366,ROUNDDOWN($C686/24,0)+1,1))-1)+IF('Standard Profiles'!$G$19=$B$10,7,0)+IF('Standard Profiles'!$G$19=$B$17,14,0)+IF('Standard Profiles'!$G$19=$B$24,21,0),MOD($C686,24)+1)/SUM(INDEX($D$3:$AA$30,INDEX(Jesper!$R$2:$R$366,ROW(INDEX(Jesper!AI$2:AI$366,ROUNDDOWN($C686/24,0)+1,1))-1)+IF('Standard Profiles'!$G$19=$B$10,7,0)+IF('Standard Profiles'!$G$19=$B$17,14,0)+IF('Standard Profiles'!$G$19=$B$24,21,0),0)),0)</f>
        <v>1.7699389617170123</v>
      </c>
      <c r="F686" cm="1">
        <f t="array" ref="F686">IFERROR(INDEX(Jesper!AJ$2:AJ$366,ROUNDDOWN($C686/24,0)+1,1)*INDEX($D$3:$AA$30,INDEX(Jesper!$R$2:$R$366,ROW(INDEX(Jesper!AJ$2:AJ$366,ROUNDDOWN($C686/24,0)+1,1))-1)+IF('Standard Profiles'!$G$20=$B$10,7,0)+IF('Standard Profiles'!$G$20=$B$17,14,0)+IF('Standard Profiles'!$G$20=$B$24,21,0),MOD($C686,24)+1)/SUM(INDEX($D$3:$AA$30,INDEX(Jesper!$R$2:$R$366,ROW(INDEX(Jesper!AJ$2:AJ$366,ROUNDDOWN($C686/24,0)+1,1))-1)+IF('Standard Profiles'!$G$20=$B$10,7,0)+IF('Standard Profiles'!$G$20=$B$17,14,0)+IF('Standard Profiles'!$G$20=$B$24,21,0),0)),0)</f>
        <v>0</v>
      </c>
      <c r="G686" cm="1">
        <f t="array" ref="G686">IFERROR(INDEX(Jesper!AK$2:AK$366,ROUNDDOWN($C686/24,0)+1,1)*INDEX($D$3:$AA$30,INDEX(Jesper!$R$2:$R$366,ROW(INDEX(Jesper!AK$2:AK$366,ROUNDDOWN($C686/24,0)+1,1))-1)+IF('Standard Profiles'!$G$21=$B$10,7,0)+IF('Standard Profiles'!$G$21=$B$17,14,0)+IF('Standard Profiles'!$G$21=$B$24,21,0),MOD($C686,24)+1)/SUM(INDEX($D$3:$AA$30,INDEX(Jesper!$R$2:$R$366,ROW(INDEX(Jesper!AK$2:AK$366,ROUNDDOWN($C686/24,0)+1,1))-1)+IF('Standard Profiles'!$G$21=$B$10,7,0)+IF('Standard Profiles'!$G$21=$B$17,14,0)+IF('Standard Profiles'!$G$21=$B$24,21,0),0)),0)</f>
        <v>0</v>
      </c>
      <c r="H686" cm="1">
        <f t="array" ref="H686">IFERROR(INDEX(Jesper!AL$2:AL$366,ROUNDDOWN($C686/24,0)+1,1)*INDEX($D$3:$AA$30,INDEX(Jesper!$R$2:$R$366,ROW(INDEX(Jesper!AL$2:AL$366,ROUNDDOWN($C686/24,0)+1,1))-1)+IF('Standard Profiles'!$G$22=$B$10,7,0)+IF('Standard Profiles'!$G$22=$B$17,14,0)+IF('Standard Profiles'!$G$22=$B$24,21,0),MOD($C686,24)+1)/SUM(INDEX($D$3:$AA$30,INDEX(Jesper!$R$2:$R$366,ROW(INDEX(Jesper!AL$2:AL$366,ROUNDDOWN($C686/24,0)+1,1))-1)+IF('Standard Profiles'!$G$22=$B$10,7,0)+IF('Standard Profiles'!$G$22=$B$17,14,0)+IF('Standard Profiles'!$G$22=$B$24,21,0),0)),0)</f>
        <v>0</v>
      </c>
      <c r="I686">
        <f t="shared" si="90"/>
        <v>0.15945396051504618</v>
      </c>
      <c r="J686">
        <f t="shared" si="91"/>
        <v>0.5315132017168207</v>
      </c>
      <c r="K686">
        <f t="shared" si="92"/>
        <v>0.79726980257523106</v>
      </c>
      <c r="L686">
        <f t="shared" si="93"/>
        <v>8.3647002910350654</v>
      </c>
      <c r="M686">
        <f t="shared" si="94"/>
        <v>0</v>
      </c>
      <c r="N686" s="46">
        <f t="shared" si="95"/>
        <v>45319.166666665085</v>
      </c>
    </row>
    <row r="687" spans="2:14" x14ac:dyDescent="0.3">
      <c r="B687">
        <f t="shared" si="89"/>
        <v>7</v>
      </c>
      <c r="C687" s="16">
        <v>653</v>
      </c>
      <c r="D687" cm="1">
        <f t="array" ref="D687">IFERROR(INDEX(Jesper!AH$2:AH$366,ROUNDDOWN($C687/24,0)+1,1)*INDEX($D$3:$AA$30,INDEX(Jesper!$R$2:$R$366,ROW(INDEX(Jesper!AH$2:AH$366,ROUNDDOWN($C687/24,0)+1,1))-1)+IF('Standard Profiles'!$G$18=$B$10,7,0)+IF('Standard Profiles'!$G$18=$B$17,14,0)+IF('Standard Profiles'!$G$18=$B$24,21,0),MOD($C687,24)+1)/SUM(INDEX($D$3:$AA$30,INDEX(Jesper!$R$2:$R$366,ROW(INDEX(Jesper!AH$2:AH$366,ROUNDDOWN($C687/24,0)+1,1))-1)+IF('Standard Profiles'!$G$18=$B$10,7,0)+IF('Standard Profiles'!$G$18=$B$17,14,0)+IF('Standard Profiles'!$G$18=$B$24,21,0),0)),0)</f>
        <v>10.103747867656438</v>
      </c>
      <c r="E687" cm="1">
        <f t="array" ref="E687">IFERROR(INDEX(Jesper!AI$2:AI$366,ROUNDDOWN($C687/24,0)+1,1)*INDEX($D$3:$AA$30,INDEX(Jesper!$R$2:$R$366,ROW(INDEX(Jesper!AI$2:AI$366,ROUNDDOWN($C687/24,0)+1,1))-1)+IF('Standard Profiles'!$G$19=$B$10,7,0)+IF('Standard Profiles'!$G$19=$B$17,14,0)+IF('Standard Profiles'!$G$19=$B$24,21,0),MOD($C687,24)+1)/SUM(INDEX($D$3:$AA$30,INDEX(Jesper!$R$2:$R$366,ROW(INDEX(Jesper!AI$2:AI$366,ROUNDDOWN($C687/24,0)+1,1))-1)+IF('Standard Profiles'!$G$19=$B$10,7,0)+IF('Standard Profiles'!$G$19=$B$17,14,0)+IF('Standard Profiles'!$G$19=$B$24,21,0),0)),0)</f>
        <v>2.2124237021462654</v>
      </c>
      <c r="F687" cm="1">
        <f t="array" ref="F687">IFERROR(INDEX(Jesper!AJ$2:AJ$366,ROUNDDOWN($C687/24,0)+1,1)*INDEX($D$3:$AA$30,INDEX(Jesper!$R$2:$R$366,ROW(INDEX(Jesper!AJ$2:AJ$366,ROUNDDOWN($C687/24,0)+1,1))-1)+IF('Standard Profiles'!$G$20=$B$10,7,0)+IF('Standard Profiles'!$G$20=$B$17,14,0)+IF('Standard Profiles'!$G$20=$B$24,21,0),MOD($C687,24)+1)/SUM(INDEX($D$3:$AA$30,INDEX(Jesper!$R$2:$R$366,ROW(INDEX(Jesper!AJ$2:AJ$366,ROUNDDOWN($C687/24,0)+1,1))-1)+IF('Standard Profiles'!$G$20=$B$10,7,0)+IF('Standard Profiles'!$G$20=$B$17,14,0)+IF('Standard Profiles'!$G$20=$B$24,21,0),0)),0)</f>
        <v>0</v>
      </c>
      <c r="G687" cm="1">
        <f t="array" ref="G687">IFERROR(INDEX(Jesper!AK$2:AK$366,ROUNDDOWN($C687/24,0)+1,1)*INDEX($D$3:$AA$30,INDEX(Jesper!$R$2:$R$366,ROW(INDEX(Jesper!AK$2:AK$366,ROUNDDOWN($C687/24,0)+1,1))-1)+IF('Standard Profiles'!$G$21=$B$10,7,0)+IF('Standard Profiles'!$G$21=$B$17,14,0)+IF('Standard Profiles'!$G$21=$B$24,21,0),MOD($C687,24)+1)/SUM(INDEX($D$3:$AA$30,INDEX(Jesper!$R$2:$R$366,ROW(INDEX(Jesper!AK$2:AK$366,ROUNDDOWN($C687/24,0)+1,1))-1)+IF('Standard Profiles'!$G$21=$B$10,7,0)+IF('Standard Profiles'!$G$21=$B$17,14,0)+IF('Standard Profiles'!$G$21=$B$24,21,0),0)),0)</f>
        <v>0</v>
      </c>
      <c r="H687" cm="1">
        <f t="array" ref="H687">IFERROR(INDEX(Jesper!AL$2:AL$366,ROUNDDOWN($C687/24,0)+1,1)*INDEX($D$3:$AA$30,INDEX(Jesper!$R$2:$R$366,ROW(INDEX(Jesper!AL$2:AL$366,ROUNDDOWN($C687/24,0)+1,1))-1)+IF('Standard Profiles'!$G$22=$B$10,7,0)+IF('Standard Profiles'!$G$22=$B$17,14,0)+IF('Standard Profiles'!$G$22=$B$24,21,0),MOD($C687,24)+1)/SUM(INDEX($D$3:$AA$30,INDEX(Jesper!$R$2:$R$366,ROW(INDEX(Jesper!AL$2:AL$366,ROUNDDOWN($C687/24,0)+1,1))-1)+IF('Standard Profiles'!$G$22=$B$10,7,0)+IF('Standard Profiles'!$G$22=$B$17,14,0)+IF('Standard Profiles'!$G$22=$B$24,21,0),0)),0)</f>
        <v>0</v>
      </c>
      <c r="I687">
        <f t="shared" si="90"/>
        <v>0.19931745064380774</v>
      </c>
      <c r="J687">
        <f t="shared" si="91"/>
        <v>0.66439150214602594</v>
      </c>
      <c r="K687">
        <f t="shared" si="92"/>
        <v>0.99658725321903885</v>
      </c>
      <c r="L687">
        <f t="shared" si="93"/>
        <v>10.455875363793831</v>
      </c>
      <c r="M687">
        <f t="shared" si="94"/>
        <v>0</v>
      </c>
      <c r="N687" s="46">
        <f t="shared" si="95"/>
        <v>45319.20833333175</v>
      </c>
    </row>
    <row r="688" spans="2:14" x14ac:dyDescent="0.3">
      <c r="B688">
        <f t="shared" si="89"/>
        <v>7</v>
      </c>
      <c r="C688" s="16">
        <v>654</v>
      </c>
      <c r="D688" cm="1">
        <f t="array" ref="D688">IFERROR(INDEX(Jesper!AH$2:AH$366,ROUNDDOWN($C688/24,0)+1,1)*INDEX($D$3:$AA$30,INDEX(Jesper!$R$2:$R$366,ROW(INDEX(Jesper!AH$2:AH$366,ROUNDDOWN($C688/24,0)+1,1))-1)+IF('Standard Profiles'!$G$18=$B$10,7,0)+IF('Standard Profiles'!$G$18=$B$17,14,0)+IF('Standard Profiles'!$G$18=$B$24,21,0),MOD($C688,24)+1)/SUM(INDEX($D$3:$AA$30,INDEX(Jesper!$R$2:$R$366,ROW(INDEX(Jesper!AH$2:AH$366,ROUNDDOWN($C688/24,0)+1,1))-1)+IF('Standard Profiles'!$G$18=$B$10,7,0)+IF('Standard Profiles'!$G$18=$B$17,14,0)+IF('Standard Profiles'!$G$18=$B$24,21,0),0)),0)</f>
        <v>11.899969710795361</v>
      </c>
      <c r="E688" cm="1">
        <f t="array" ref="E688">IFERROR(INDEX(Jesper!AI$2:AI$366,ROUNDDOWN($C688/24,0)+1,1)*INDEX($D$3:$AA$30,INDEX(Jesper!$R$2:$R$366,ROW(INDEX(Jesper!AI$2:AI$366,ROUNDDOWN($C688/24,0)+1,1))-1)+IF('Standard Profiles'!$G$19=$B$10,7,0)+IF('Standard Profiles'!$G$19=$B$17,14,0)+IF('Standard Profiles'!$G$19=$B$24,21,0),MOD($C688,24)+1)/SUM(INDEX($D$3:$AA$30,INDEX(Jesper!$R$2:$R$366,ROW(INDEX(Jesper!AI$2:AI$366,ROUNDDOWN($C688/24,0)+1,1))-1)+IF('Standard Profiles'!$G$19=$B$10,7,0)+IF('Standard Profiles'!$G$19=$B$17,14,0)+IF('Standard Profiles'!$G$19=$B$24,21,0),0)),0)</f>
        <v>2.6057434714167127</v>
      </c>
      <c r="F688" cm="1">
        <f t="array" ref="F688">IFERROR(INDEX(Jesper!AJ$2:AJ$366,ROUNDDOWN($C688/24,0)+1,1)*INDEX($D$3:$AA$30,INDEX(Jesper!$R$2:$R$366,ROW(INDEX(Jesper!AJ$2:AJ$366,ROUNDDOWN($C688/24,0)+1,1))-1)+IF('Standard Profiles'!$G$20=$B$10,7,0)+IF('Standard Profiles'!$G$20=$B$17,14,0)+IF('Standard Profiles'!$G$20=$B$24,21,0),MOD($C688,24)+1)/SUM(INDEX($D$3:$AA$30,INDEX(Jesper!$R$2:$R$366,ROW(INDEX(Jesper!AJ$2:AJ$366,ROUNDDOWN($C688/24,0)+1,1))-1)+IF('Standard Profiles'!$G$20=$B$10,7,0)+IF('Standard Profiles'!$G$20=$B$17,14,0)+IF('Standard Profiles'!$G$20=$B$24,21,0),0)),0)</f>
        <v>0</v>
      </c>
      <c r="G688" cm="1">
        <f t="array" ref="G688">IFERROR(INDEX(Jesper!AK$2:AK$366,ROUNDDOWN($C688/24,0)+1,1)*INDEX($D$3:$AA$30,INDEX(Jesper!$R$2:$R$366,ROW(INDEX(Jesper!AK$2:AK$366,ROUNDDOWN($C688/24,0)+1,1))-1)+IF('Standard Profiles'!$G$21=$B$10,7,0)+IF('Standard Profiles'!$G$21=$B$17,14,0)+IF('Standard Profiles'!$G$21=$B$24,21,0),MOD($C688,24)+1)/SUM(INDEX($D$3:$AA$30,INDEX(Jesper!$R$2:$R$366,ROW(INDEX(Jesper!AK$2:AK$366,ROUNDDOWN($C688/24,0)+1,1))-1)+IF('Standard Profiles'!$G$21=$B$10,7,0)+IF('Standard Profiles'!$G$21=$B$17,14,0)+IF('Standard Profiles'!$G$21=$B$24,21,0),0)),0)</f>
        <v>0</v>
      </c>
      <c r="H688" cm="1">
        <f t="array" ref="H688">IFERROR(INDEX(Jesper!AL$2:AL$366,ROUNDDOWN($C688/24,0)+1,1)*INDEX($D$3:$AA$30,INDEX(Jesper!$R$2:$R$366,ROW(INDEX(Jesper!AL$2:AL$366,ROUNDDOWN($C688/24,0)+1,1))-1)+IF('Standard Profiles'!$G$22=$B$10,7,0)+IF('Standard Profiles'!$G$22=$B$17,14,0)+IF('Standard Profiles'!$G$22=$B$24,21,0),MOD($C688,24)+1)/SUM(INDEX($D$3:$AA$30,INDEX(Jesper!$R$2:$R$366,ROW(INDEX(Jesper!AL$2:AL$366,ROUNDDOWN($C688/24,0)+1,1))-1)+IF('Standard Profiles'!$G$22=$B$10,7,0)+IF('Standard Profiles'!$G$22=$B$17,14,0)+IF('Standard Profiles'!$G$22=$B$24,21,0),0)),0)</f>
        <v>0</v>
      </c>
      <c r="I688">
        <f t="shared" si="90"/>
        <v>0.23475166409159581</v>
      </c>
      <c r="J688">
        <f t="shared" si="91"/>
        <v>0.78250554697198604</v>
      </c>
      <c r="K688">
        <f t="shared" si="92"/>
        <v>1.1737583204579791</v>
      </c>
      <c r="L688">
        <f t="shared" si="93"/>
        <v>12.314697650690512</v>
      </c>
      <c r="M688">
        <f t="shared" si="94"/>
        <v>0</v>
      </c>
      <c r="N688" s="46">
        <f t="shared" si="95"/>
        <v>45319.249999998414</v>
      </c>
    </row>
    <row r="689" spans="2:14" x14ac:dyDescent="0.3">
      <c r="B689">
        <f t="shared" si="89"/>
        <v>7</v>
      </c>
      <c r="C689" s="16">
        <v>655</v>
      </c>
      <c r="D689" cm="1">
        <f t="array" ref="D689">IFERROR(INDEX(Jesper!AH$2:AH$366,ROUNDDOWN($C689/24,0)+1,1)*INDEX($D$3:$AA$30,INDEX(Jesper!$R$2:$R$366,ROW(INDEX(Jesper!AH$2:AH$366,ROUNDDOWN($C689/24,0)+1,1))-1)+IF('Standard Profiles'!$G$18=$B$10,7,0)+IF('Standard Profiles'!$G$18=$B$17,14,0)+IF('Standard Profiles'!$G$18=$B$24,21,0),MOD($C689,24)+1)/SUM(INDEX($D$3:$AA$30,INDEX(Jesper!$R$2:$R$366,ROW(INDEX(Jesper!AH$2:AH$366,ROUNDDOWN($C689/24,0)+1,1))-1)+IF('Standard Profiles'!$G$18=$B$10,7,0)+IF('Standard Profiles'!$G$18=$B$17,14,0)+IF('Standard Profiles'!$G$18=$B$24,21,0),0)),0)</f>
        <v>14.145247014719013</v>
      </c>
      <c r="E689" cm="1">
        <f t="array" ref="E689">IFERROR(INDEX(Jesper!AI$2:AI$366,ROUNDDOWN($C689/24,0)+1,1)*INDEX($D$3:$AA$30,INDEX(Jesper!$R$2:$R$366,ROW(INDEX(Jesper!AI$2:AI$366,ROUNDDOWN($C689/24,0)+1,1))-1)+IF('Standard Profiles'!$G$19=$B$10,7,0)+IF('Standard Profiles'!$G$19=$B$17,14,0)+IF('Standard Profiles'!$G$19=$B$24,21,0),MOD($C689,24)+1)/SUM(INDEX($D$3:$AA$30,INDEX(Jesper!$R$2:$R$366,ROW(INDEX(Jesper!AI$2:AI$366,ROUNDDOWN($C689/24,0)+1,1))-1)+IF('Standard Profiles'!$G$19=$B$10,7,0)+IF('Standard Profiles'!$G$19=$B$17,14,0)+IF('Standard Profiles'!$G$19=$B$24,21,0),0)),0)</f>
        <v>3.0973931830047721</v>
      </c>
      <c r="F689" cm="1">
        <f t="array" ref="F689">IFERROR(INDEX(Jesper!AJ$2:AJ$366,ROUNDDOWN($C689/24,0)+1,1)*INDEX($D$3:$AA$30,INDEX(Jesper!$R$2:$R$366,ROW(INDEX(Jesper!AJ$2:AJ$366,ROUNDDOWN($C689/24,0)+1,1))-1)+IF('Standard Profiles'!$G$20=$B$10,7,0)+IF('Standard Profiles'!$G$20=$B$17,14,0)+IF('Standard Profiles'!$G$20=$B$24,21,0),MOD($C689,24)+1)/SUM(INDEX($D$3:$AA$30,INDEX(Jesper!$R$2:$R$366,ROW(INDEX(Jesper!AJ$2:AJ$366,ROUNDDOWN($C689/24,0)+1,1))-1)+IF('Standard Profiles'!$G$20=$B$10,7,0)+IF('Standard Profiles'!$G$20=$B$17,14,0)+IF('Standard Profiles'!$G$20=$B$24,21,0),0)),0)</f>
        <v>0</v>
      </c>
      <c r="G689" cm="1">
        <f t="array" ref="G689">IFERROR(INDEX(Jesper!AK$2:AK$366,ROUNDDOWN($C689/24,0)+1,1)*INDEX($D$3:$AA$30,INDEX(Jesper!$R$2:$R$366,ROW(INDEX(Jesper!AK$2:AK$366,ROUNDDOWN($C689/24,0)+1,1))-1)+IF('Standard Profiles'!$G$21=$B$10,7,0)+IF('Standard Profiles'!$G$21=$B$17,14,0)+IF('Standard Profiles'!$G$21=$B$24,21,0),MOD($C689,24)+1)/SUM(INDEX($D$3:$AA$30,INDEX(Jesper!$R$2:$R$366,ROW(INDEX(Jesper!AK$2:AK$366,ROUNDDOWN($C689/24,0)+1,1))-1)+IF('Standard Profiles'!$G$21=$B$10,7,0)+IF('Standard Profiles'!$G$21=$B$17,14,0)+IF('Standard Profiles'!$G$21=$B$24,21,0),0)),0)</f>
        <v>0</v>
      </c>
      <c r="H689" cm="1">
        <f t="array" ref="H689">IFERROR(INDEX(Jesper!AL$2:AL$366,ROUNDDOWN($C689/24,0)+1,1)*INDEX($D$3:$AA$30,INDEX(Jesper!$R$2:$R$366,ROW(INDEX(Jesper!AL$2:AL$366,ROUNDDOWN($C689/24,0)+1,1))-1)+IF('Standard Profiles'!$G$22=$B$10,7,0)+IF('Standard Profiles'!$G$22=$B$17,14,0)+IF('Standard Profiles'!$G$22=$B$24,21,0),MOD($C689,24)+1)/SUM(INDEX($D$3:$AA$30,INDEX(Jesper!$R$2:$R$366,ROW(INDEX(Jesper!AL$2:AL$366,ROUNDDOWN($C689/24,0)+1,1))-1)+IF('Standard Profiles'!$G$22=$B$10,7,0)+IF('Standard Profiles'!$G$22=$B$17,14,0)+IF('Standard Profiles'!$G$22=$B$24,21,0),0)),0)</f>
        <v>0</v>
      </c>
      <c r="I689">
        <f t="shared" si="90"/>
        <v>0.27904443090133091</v>
      </c>
      <c r="J689">
        <f t="shared" si="91"/>
        <v>0.9301481030044364</v>
      </c>
      <c r="K689">
        <f t="shared" si="92"/>
        <v>1.3952221545066545</v>
      </c>
      <c r="L689">
        <f t="shared" si="93"/>
        <v>14.638225509311363</v>
      </c>
      <c r="M689">
        <f t="shared" si="94"/>
        <v>0</v>
      </c>
      <c r="N689" s="46">
        <f t="shared" si="95"/>
        <v>45319.291666665078</v>
      </c>
    </row>
    <row r="690" spans="2:14" x14ac:dyDescent="0.3">
      <c r="B690">
        <f t="shared" si="89"/>
        <v>7</v>
      </c>
      <c r="C690" s="16">
        <v>656</v>
      </c>
      <c r="D690" cm="1">
        <f t="array" ref="D690">IFERROR(INDEX(Jesper!AH$2:AH$366,ROUNDDOWN($C690/24,0)+1,1)*INDEX($D$3:$AA$30,INDEX(Jesper!$R$2:$R$366,ROW(INDEX(Jesper!AH$2:AH$366,ROUNDDOWN($C690/24,0)+1,1))-1)+IF('Standard Profiles'!$G$18=$B$10,7,0)+IF('Standard Profiles'!$G$18=$B$17,14,0)+IF('Standard Profiles'!$G$18=$B$24,21,0),MOD($C690,24)+1)/SUM(INDEX($D$3:$AA$30,INDEX(Jesper!$R$2:$R$366,ROW(INDEX(Jesper!AH$2:AH$366,ROUNDDOWN($C690/24,0)+1,1))-1)+IF('Standard Profiles'!$G$18=$B$10,7,0)+IF('Standard Profiles'!$G$18=$B$17,14,0)+IF('Standard Profiles'!$G$18=$B$24,21,0),0)),0)</f>
        <v>14.145247014719013</v>
      </c>
      <c r="E690" cm="1">
        <f t="array" ref="E690">IFERROR(INDEX(Jesper!AI$2:AI$366,ROUNDDOWN($C690/24,0)+1,1)*INDEX($D$3:$AA$30,INDEX(Jesper!$R$2:$R$366,ROW(INDEX(Jesper!AI$2:AI$366,ROUNDDOWN($C690/24,0)+1,1))-1)+IF('Standard Profiles'!$G$19=$B$10,7,0)+IF('Standard Profiles'!$G$19=$B$17,14,0)+IF('Standard Profiles'!$G$19=$B$24,21,0),MOD($C690,24)+1)/SUM(INDEX($D$3:$AA$30,INDEX(Jesper!$R$2:$R$366,ROW(INDEX(Jesper!AI$2:AI$366,ROUNDDOWN($C690/24,0)+1,1))-1)+IF('Standard Profiles'!$G$19=$B$10,7,0)+IF('Standard Profiles'!$G$19=$B$17,14,0)+IF('Standard Profiles'!$G$19=$B$24,21,0),0)),0)</f>
        <v>3.0973931830047721</v>
      </c>
      <c r="F690" cm="1">
        <f t="array" ref="F690">IFERROR(INDEX(Jesper!AJ$2:AJ$366,ROUNDDOWN($C690/24,0)+1,1)*INDEX($D$3:$AA$30,INDEX(Jesper!$R$2:$R$366,ROW(INDEX(Jesper!AJ$2:AJ$366,ROUNDDOWN($C690/24,0)+1,1))-1)+IF('Standard Profiles'!$G$20=$B$10,7,0)+IF('Standard Profiles'!$G$20=$B$17,14,0)+IF('Standard Profiles'!$G$20=$B$24,21,0),MOD($C690,24)+1)/SUM(INDEX($D$3:$AA$30,INDEX(Jesper!$R$2:$R$366,ROW(INDEX(Jesper!AJ$2:AJ$366,ROUNDDOWN($C690/24,0)+1,1))-1)+IF('Standard Profiles'!$G$20=$B$10,7,0)+IF('Standard Profiles'!$G$20=$B$17,14,0)+IF('Standard Profiles'!$G$20=$B$24,21,0),0)),0)</f>
        <v>0</v>
      </c>
      <c r="G690" cm="1">
        <f t="array" ref="G690">IFERROR(INDEX(Jesper!AK$2:AK$366,ROUNDDOWN($C690/24,0)+1,1)*INDEX($D$3:$AA$30,INDEX(Jesper!$R$2:$R$366,ROW(INDEX(Jesper!AK$2:AK$366,ROUNDDOWN($C690/24,0)+1,1))-1)+IF('Standard Profiles'!$G$21=$B$10,7,0)+IF('Standard Profiles'!$G$21=$B$17,14,0)+IF('Standard Profiles'!$G$21=$B$24,21,0),MOD($C690,24)+1)/SUM(INDEX($D$3:$AA$30,INDEX(Jesper!$R$2:$R$366,ROW(INDEX(Jesper!AK$2:AK$366,ROUNDDOWN($C690/24,0)+1,1))-1)+IF('Standard Profiles'!$G$21=$B$10,7,0)+IF('Standard Profiles'!$G$21=$B$17,14,0)+IF('Standard Profiles'!$G$21=$B$24,21,0),0)),0)</f>
        <v>0</v>
      </c>
      <c r="H690" cm="1">
        <f t="array" ref="H690">IFERROR(INDEX(Jesper!AL$2:AL$366,ROUNDDOWN($C690/24,0)+1,1)*INDEX($D$3:$AA$30,INDEX(Jesper!$R$2:$R$366,ROW(INDEX(Jesper!AL$2:AL$366,ROUNDDOWN($C690/24,0)+1,1))-1)+IF('Standard Profiles'!$G$22=$B$10,7,0)+IF('Standard Profiles'!$G$22=$B$17,14,0)+IF('Standard Profiles'!$G$22=$B$24,21,0),MOD($C690,24)+1)/SUM(INDEX($D$3:$AA$30,INDEX(Jesper!$R$2:$R$366,ROW(INDEX(Jesper!AL$2:AL$366,ROUNDDOWN($C690/24,0)+1,1))-1)+IF('Standard Profiles'!$G$22=$B$10,7,0)+IF('Standard Profiles'!$G$22=$B$17,14,0)+IF('Standard Profiles'!$G$22=$B$24,21,0),0)),0)</f>
        <v>0</v>
      </c>
      <c r="I690">
        <f t="shared" si="90"/>
        <v>0.27904443090133091</v>
      </c>
      <c r="J690">
        <f t="shared" si="91"/>
        <v>0.9301481030044364</v>
      </c>
      <c r="K690">
        <f t="shared" si="92"/>
        <v>1.3952221545066545</v>
      </c>
      <c r="L690">
        <f t="shared" si="93"/>
        <v>14.638225509311363</v>
      </c>
      <c r="M690">
        <f t="shared" si="94"/>
        <v>0</v>
      </c>
      <c r="N690" s="46">
        <f t="shared" si="95"/>
        <v>45319.333333331742</v>
      </c>
    </row>
    <row r="691" spans="2:14" x14ac:dyDescent="0.3">
      <c r="B691">
        <f t="shared" si="89"/>
        <v>7</v>
      </c>
      <c r="C691" s="16">
        <v>657</v>
      </c>
      <c r="D691" cm="1">
        <f t="array" ref="D691">IFERROR(INDEX(Jesper!AH$2:AH$366,ROUNDDOWN($C691/24,0)+1,1)*INDEX($D$3:$AA$30,INDEX(Jesper!$R$2:$R$366,ROW(INDEX(Jesper!AH$2:AH$366,ROUNDDOWN($C691/24,0)+1,1))-1)+IF('Standard Profiles'!$G$18=$B$10,7,0)+IF('Standard Profiles'!$G$18=$B$17,14,0)+IF('Standard Profiles'!$G$18=$B$24,21,0),MOD($C691,24)+1)/SUM(INDEX($D$3:$AA$30,INDEX(Jesper!$R$2:$R$366,ROW(INDEX(Jesper!AH$2:AH$366,ROUNDDOWN($C691/24,0)+1,1))-1)+IF('Standard Profiles'!$G$18=$B$10,7,0)+IF('Standard Profiles'!$G$18=$B$17,14,0)+IF('Standard Profiles'!$G$18=$B$24,21,0),0)),0)</f>
        <v>14.145247014719013</v>
      </c>
      <c r="E691" cm="1">
        <f t="array" ref="E691">IFERROR(INDEX(Jesper!AI$2:AI$366,ROUNDDOWN($C691/24,0)+1,1)*INDEX($D$3:$AA$30,INDEX(Jesper!$R$2:$R$366,ROW(INDEX(Jesper!AI$2:AI$366,ROUNDDOWN($C691/24,0)+1,1))-1)+IF('Standard Profiles'!$G$19=$B$10,7,0)+IF('Standard Profiles'!$G$19=$B$17,14,0)+IF('Standard Profiles'!$G$19=$B$24,21,0),MOD($C691,24)+1)/SUM(INDEX($D$3:$AA$30,INDEX(Jesper!$R$2:$R$366,ROW(INDEX(Jesper!AI$2:AI$366,ROUNDDOWN($C691/24,0)+1,1))-1)+IF('Standard Profiles'!$G$19=$B$10,7,0)+IF('Standard Profiles'!$G$19=$B$17,14,0)+IF('Standard Profiles'!$G$19=$B$24,21,0),0)),0)</f>
        <v>3.0973931830047721</v>
      </c>
      <c r="F691" cm="1">
        <f t="array" ref="F691">IFERROR(INDEX(Jesper!AJ$2:AJ$366,ROUNDDOWN($C691/24,0)+1,1)*INDEX($D$3:$AA$30,INDEX(Jesper!$R$2:$R$366,ROW(INDEX(Jesper!AJ$2:AJ$366,ROUNDDOWN($C691/24,0)+1,1))-1)+IF('Standard Profiles'!$G$20=$B$10,7,0)+IF('Standard Profiles'!$G$20=$B$17,14,0)+IF('Standard Profiles'!$G$20=$B$24,21,0),MOD($C691,24)+1)/SUM(INDEX($D$3:$AA$30,INDEX(Jesper!$R$2:$R$366,ROW(INDEX(Jesper!AJ$2:AJ$366,ROUNDDOWN($C691/24,0)+1,1))-1)+IF('Standard Profiles'!$G$20=$B$10,7,0)+IF('Standard Profiles'!$G$20=$B$17,14,0)+IF('Standard Profiles'!$G$20=$B$24,21,0),0)),0)</f>
        <v>0</v>
      </c>
      <c r="G691" cm="1">
        <f t="array" ref="G691">IFERROR(INDEX(Jesper!AK$2:AK$366,ROUNDDOWN($C691/24,0)+1,1)*INDEX($D$3:$AA$30,INDEX(Jesper!$R$2:$R$366,ROW(INDEX(Jesper!AK$2:AK$366,ROUNDDOWN($C691/24,0)+1,1))-1)+IF('Standard Profiles'!$G$21=$B$10,7,0)+IF('Standard Profiles'!$G$21=$B$17,14,0)+IF('Standard Profiles'!$G$21=$B$24,21,0),MOD($C691,24)+1)/SUM(INDEX($D$3:$AA$30,INDEX(Jesper!$R$2:$R$366,ROW(INDEX(Jesper!AK$2:AK$366,ROUNDDOWN($C691/24,0)+1,1))-1)+IF('Standard Profiles'!$G$21=$B$10,7,0)+IF('Standard Profiles'!$G$21=$B$17,14,0)+IF('Standard Profiles'!$G$21=$B$24,21,0),0)),0)</f>
        <v>0</v>
      </c>
      <c r="H691" cm="1">
        <f t="array" ref="H691">IFERROR(INDEX(Jesper!AL$2:AL$366,ROUNDDOWN($C691/24,0)+1,1)*INDEX($D$3:$AA$30,INDEX(Jesper!$R$2:$R$366,ROW(INDEX(Jesper!AL$2:AL$366,ROUNDDOWN($C691/24,0)+1,1))-1)+IF('Standard Profiles'!$G$22=$B$10,7,0)+IF('Standard Profiles'!$G$22=$B$17,14,0)+IF('Standard Profiles'!$G$22=$B$24,21,0),MOD($C691,24)+1)/SUM(INDEX($D$3:$AA$30,INDEX(Jesper!$R$2:$R$366,ROW(INDEX(Jesper!AL$2:AL$366,ROUNDDOWN($C691/24,0)+1,1))-1)+IF('Standard Profiles'!$G$22=$B$10,7,0)+IF('Standard Profiles'!$G$22=$B$17,14,0)+IF('Standard Profiles'!$G$22=$B$24,21,0),0)),0)</f>
        <v>0</v>
      </c>
      <c r="I691">
        <f t="shared" si="90"/>
        <v>0.27904443090133091</v>
      </c>
      <c r="J691">
        <f t="shared" si="91"/>
        <v>0.9301481030044364</v>
      </c>
      <c r="K691">
        <f t="shared" si="92"/>
        <v>1.3952221545066545</v>
      </c>
      <c r="L691">
        <f t="shared" si="93"/>
        <v>14.638225509311363</v>
      </c>
      <c r="M691">
        <f t="shared" si="94"/>
        <v>0</v>
      </c>
      <c r="N691" s="46">
        <f t="shared" si="95"/>
        <v>45319.374999998407</v>
      </c>
    </row>
    <row r="692" spans="2:14" x14ac:dyDescent="0.3">
      <c r="B692">
        <f t="shared" si="89"/>
        <v>7</v>
      </c>
      <c r="C692" s="16">
        <v>658</v>
      </c>
      <c r="D692" cm="1">
        <f t="array" ref="D692">IFERROR(INDEX(Jesper!AH$2:AH$366,ROUNDDOWN($C692/24,0)+1,1)*INDEX($D$3:$AA$30,INDEX(Jesper!$R$2:$R$366,ROW(INDEX(Jesper!AH$2:AH$366,ROUNDDOWN($C692/24,0)+1,1))-1)+IF('Standard Profiles'!$G$18=$B$10,7,0)+IF('Standard Profiles'!$G$18=$B$17,14,0)+IF('Standard Profiles'!$G$18=$B$24,21,0),MOD($C692,24)+1)/SUM(INDEX($D$3:$AA$30,INDEX(Jesper!$R$2:$R$366,ROW(INDEX(Jesper!AH$2:AH$366,ROUNDDOWN($C692/24,0)+1,1))-1)+IF('Standard Profiles'!$G$18=$B$10,7,0)+IF('Standard Profiles'!$G$18=$B$17,14,0)+IF('Standard Profiles'!$G$18=$B$24,21,0),0)),0)</f>
        <v>14.145247014719013</v>
      </c>
      <c r="E692" cm="1">
        <f t="array" ref="E692">IFERROR(INDEX(Jesper!AI$2:AI$366,ROUNDDOWN($C692/24,0)+1,1)*INDEX($D$3:$AA$30,INDEX(Jesper!$R$2:$R$366,ROW(INDEX(Jesper!AI$2:AI$366,ROUNDDOWN($C692/24,0)+1,1))-1)+IF('Standard Profiles'!$G$19=$B$10,7,0)+IF('Standard Profiles'!$G$19=$B$17,14,0)+IF('Standard Profiles'!$G$19=$B$24,21,0),MOD($C692,24)+1)/SUM(INDEX($D$3:$AA$30,INDEX(Jesper!$R$2:$R$366,ROW(INDEX(Jesper!AI$2:AI$366,ROUNDDOWN($C692/24,0)+1,1))-1)+IF('Standard Profiles'!$G$19=$B$10,7,0)+IF('Standard Profiles'!$G$19=$B$17,14,0)+IF('Standard Profiles'!$G$19=$B$24,21,0),0)),0)</f>
        <v>3.0973931830047721</v>
      </c>
      <c r="F692" cm="1">
        <f t="array" ref="F692">IFERROR(INDEX(Jesper!AJ$2:AJ$366,ROUNDDOWN($C692/24,0)+1,1)*INDEX($D$3:$AA$30,INDEX(Jesper!$R$2:$R$366,ROW(INDEX(Jesper!AJ$2:AJ$366,ROUNDDOWN($C692/24,0)+1,1))-1)+IF('Standard Profiles'!$G$20=$B$10,7,0)+IF('Standard Profiles'!$G$20=$B$17,14,0)+IF('Standard Profiles'!$G$20=$B$24,21,0),MOD($C692,24)+1)/SUM(INDEX($D$3:$AA$30,INDEX(Jesper!$R$2:$R$366,ROW(INDEX(Jesper!AJ$2:AJ$366,ROUNDDOWN($C692/24,0)+1,1))-1)+IF('Standard Profiles'!$G$20=$B$10,7,0)+IF('Standard Profiles'!$G$20=$B$17,14,0)+IF('Standard Profiles'!$G$20=$B$24,21,0),0)),0)</f>
        <v>0</v>
      </c>
      <c r="G692" cm="1">
        <f t="array" ref="G692">IFERROR(INDEX(Jesper!AK$2:AK$366,ROUNDDOWN($C692/24,0)+1,1)*INDEX($D$3:$AA$30,INDEX(Jesper!$R$2:$R$366,ROW(INDEX(Jesper!AK$2:AK$366,ROUNDDOWN($C692/24,0)+1,1))-1)+IF('Standard Profiles'!$G$21=$B$10,7,0)+IF('Standard Profiles'!$G$21=$B$17,14,0)+IF('Standard Profiles'!$G$21=$B$24,21,0),MOD($C692,24)+1)/SUM(INDEX($D$3:$AA$30,INDEX(Jesper!$R$2:$R$366,ROW(INDEX(Jesper!AK$2:AK$366,ROUNDDOWN($C692/24,0)+1,1))-1)+IF('Standard Profiles'!$G$21=$B$10,7,0)+IF('Standard Profiles'!$G$21=$B$17,14,0)+IF('Standard Profiles'!$G$21=$B$24,21,0),0)),0)</f>
        <v>0</v>
      </c>
      <c r="H692" cm="1">
        <f t="array" ref="H692">IFERROR(INDEX(Jesper!AL$2:AL$366,ROUNDDOWN($C692/24,0)+1,1)*INDEX($D$3:$AA$30,INDEX(Jesper!$R$2:$R$366,ROW(INDEX(Jesper!AL$2:AL$366,ROUNDDOWN($C692/24,0)+1,1))-1)+IF('Standard Profiles'!$G$22=$B$10,7,0)+IF('Standard Profiles'!$G$22=$B$17,14,0)+IF('Standard Profiles'!$G$22=$B$24,21,0),MOD($C692,24)+1)/SUM(INDEX($D$3:$AA$30,INDEX(Jesper!$R$2:$R$366,ROW(INDEX(Jesper!AL$2:AL$366,ROUNDDOWN($C692/24,0)+1,1))-1)+IF('Standard Profiles'!$G$22=$B$10,7,0)+IF('Standard Profiles'!$G$22=$B$17,14,0)+IF('Standard Profiles'!$G$22=$B$24,21,0),0)),0)</f>
        <v>0</v>
      </c>
      <c r="I692">
        <f t="shared" si="90"/>
        <v>0.27904443090133091</v>
      </c>
      <c r="J692">
        <f t="shared" si="91"/>
        <v>0.9301481030044364</v>
      </c>
      <c r="K692">
        <f t="shared" si="92"/>
        <v>1.3952221545066545</v>
      </c>
      <c r="L692">
        <f t="shared" si="93"/>
        <v>14.638225509311363</v>
      </c>
      <c r="M692">
        <f t="shared" si="94"/>
        <v>0</v>
      </c>
      <c r="N692" s="46">
        <f t="shared" si="95"/>
        <v>45319.416666665071</v>
      </c>
    </row>
    <row r="693" spans="2:14" x14ac:dyDescent="0.3">
      <c r="B693">
        <f t="shared" si="89"/>
        <v>7</v>
      </c>
      <c r="C693" s="16">
        <v>659</v>
      </c>
      <c r="D693" cm="1">
        <f t="array" ref="D693">IFERROR(INDEX(Jesper!AH$2:AH$366,ROUNDDOWN($C693/24,0)+1,1)*INDEX($D$3:$AA$30,INDEX(Jesper!$R$2:$R$366,ROW(INDEX(Jesper!AH$2:AH$366,ROUNDDOWN($C693/24,0)+1,1))-1)+IF('Standard Profiles'!$G$18=$B$10,7,0)+IF('Standard Profiles'!$G$18=$B$17,14,0)+IF('Standard Profiles'!$G$18=$B$24,21,0),MOD($C693,24)+1)/SUM(INDEX($D$3:$AA$30,INDEX(Jesper!$R$2:$R$366,ROW(INDEX(Jesper!AH$2:AH$366,ROUNDDOWN($C693/24,0)+1,1))-1)+IF('Standard Profiles'!$G$18=$B$10,7,0)+IF('Standard Profiles'!$G$18=$B$17,14,0)+IF('Standard Profiles'!$G$18=$B$24,21,0),0)),0)</f>
        <v>14.145247014719013</v>
      </c>
      <c r="E693" cm="1">
        <f t="array" ref="E693">IFERROR(INDEX(Jesper!AI$2:AI$366,ROUNDDOWN($C693/24,0)+1,1)*INDEX($D$3:$AA$30,INDEX(Jesper!$R$2:$R$366,ROW(INDEX(Jesper!AI$2:AI$366,ROUNDDOWN($C693/24,0)+1,1))-1)+IF('Standard Profiles'!$G$19=$B$10,7,0)+IF('Standard Profiles'!$G$19=$B$17,14,0)+IF('Standard Profiles'!$G$19=$B$24,21,0),MOD($C693,24)+1)/SUM(INDEX($D$3:$AA$30,INDEX(Jesper!$R$2:$R$366,ROW(INDEX(Jesper!AI$2:AI$366,ROUNDDOWN($C693/24,0)+1,1))-1)+IF('Standard Profiles'!$G$19=$B$10,7,0)+IF('Standard Profiles'!$G$19=$B$17,14,0)+IF('Standard Profiles'!$G$19=$B$24,21,0),0)),0)</f>
        <v>3.0973931830047721</v>
      </c>
      <c r="F693" cm="1">
        <f t="array" ref="F693">IFERROR(INDEX(Jesper!AJ$2:AJ$366,ROUNDDOWN($C693/24,0)+1,1)*INDEX($D$3:$AA$30,INDEX(Jesper!$R$2:$R$366,ROW(INDEX(Jesper!AJ$2:AJ$366,ROUNDDOWN($C693/24,0)+1,1))-1)+IF('Standard Profiles'!$G$20=$B$10,7,0)+IF('Standard Profiles'!$G$20=$B$17,14,0)+IF('Standard Profiles'!$G$20=$B$24,21,0),MOD($C693,24)+1)/SUM(INDEX($D$3:$AA$30,INDEX(Jesper!$R$2:$R$366,ROW(INDEX(Jesper!AJ$2:AJ$366,ROUNDDOWN($C693/24,0)+1,1))-1)+IF('Standard Profiles'!$G$20=$B$10,7,0)+IF('Standard Profiles'!$G$20=$B$17,14,0)+IF('Standard Profiles'!$G$20=$B$24,21,0),0)),0)</f>
        <v>0</v>
      </c>
      <c r="G693" cm="1">
        <f t="array" ref="G693">IFERROR(INDEX(Jesper!AK$2:AK$366,ROUNDDOWN($C693/24,0)+1,1)*INDEX($D$3:$AA$30,INDEX(Jesper!$R$2:$R$366,ROW(INDEX(Jesper!AK$2:AK$366,ROUNDDOWN($C693/24,0)+1,1))-1)+IF('Standard Profiles'!$G$21=$B$10,7,0)+IF('Standard Profiles'!$G$21=$B$17,14,0)+IF('Standard Profiles'!$G$21=$B$24,21,0),MOD($C693,24)+1)/SUM(INDEX($D$3:$AA$30,INDEX(Jesper!$R$2:$R$366,ROW(INDEX(Jesper!AK$2:AK$366,ROUNDDOWN($C693/24,0)+1,1))-1)+IF('Standard Profiles'!$G$21=$B$10,7,0)+IF('Standard Profiles'!$G$21=$B$17,14,0)+IF('Standard Profiles'!$G$21=$B$24,21,0),0)),0)</f>
        <v>0</v>
      </c>
      <c r="H693" cm="1">
        <f t="array" ref="H693">IFERROR(INDEX(Jesper!AL$2:AL$366,ROUNDDOWN($C693/24,0)+1,1)*INDEX($D$3:$AA$30,INDEX(Jesper!$R$2:$R$366,ROW(INDEX(Jesper!AL$2:AL$366,ROUNDDOWN($C693/24,0)+1,1))-1)+IF('Standard Profiles'!$G$22=$B$10,7,0)+IF('Standard Profiles'!$G$22=$B$17,14,0)+IF('Standard Profiles'!$G$22=$B$24,21,0),MOD($C693,24)+1)/SUM(INDEX($D$3:$AA$30,INDEX(Jesper!$R$2:$R$366,ROW(INDEX(Jesper!AL$2:AL$366,ROUNDDOWN($C693/24,0)+1,1))-1)+IF('Standard Profiles'!$G$22=$B$10,7,0)+IF('Standard Profiles'!$G$22=$B$17,14,0)+IF('Standard Profiles'!$G$22=$B$24,21,0),0)),0)</f>
        <v>0</v>
      </c>
      <c r="I693">
        <f t="shared" si="90"/>
        <v>0.27904443090133091</v>
      </c>
      <c r="J693">
        <f t="shared" si="91"/>
        <v>0.9301481030044364</v>
      </c>
      <c r="K693">
        <f t="shared" si="92"/>
        <v>1.3952221545066545</v>
      </c>
      <c r="L693">
        <f t="shared" si="93"/>
        <v>14.638225509311363</v>
      </c>
      <c r="M693">
        <f t="shared" si="94"/>
        <v>0</v>
      </c>
      <c r="N693" s="46">
        <f t="shared" si="95"/>
        <v>45319.458333331735</v>
      </c>
    </row>
    <row r="694" spans="2:14" x14ac:dyDescent="0.3">
      <c r="B694">
        <f t="shared" si="89"/>
        <v>7</v>
      </c>
      <c r="C694" s="16">
        <v>660</v>
      </c>
      <c r="D694" cm="1">
        <f t="array" ref="D694">IFERROR(INDEX(Jesper!AH$2:AH$366,ROUNDDOWN($C694/24,0)+1,1)*INDEX($D$3:$AA$30,INDEX(Jesper!$R$2:$R$366,ROW(INDEX(Jesper!AH$2:AH$366,ROUNDDOWN($C694/24,0)+1,1))-1)+IF('Standard Profiles'!$G$18=$B$10,7,0)+IF('Standard Profiles'!$G$18=$B$17,14,0)+IF('Standard Profiles'!$G$18=$B$24,21,0),MOD($C694,24)+1)/SUM(INDEX($D$3:$AA$30,INDEX(Jesper!$R$2:$R$366,ROW(INDEX(Jesper!AH$2:AH$366,ROUNDDOWN($C694/24,0)+1,1))-1)+IF('Standard Profiles'!$G$18=$B$10,7,0)+IF('Standard Profiles'!$G$18=$B$17,14,0)+IF('Standard Profiles'!$G$18=$B$24,21,0),0)),0)</f>
        <v>14.145247014719013</v>
      </c>
      <c r="E694" cm="1">
        <f t="array" ref="E694">IFERROR(INDEX(Jesper!AI$2:AI$366,ROUNDDOWN($C694/24,0)+1,1)*INDEX($D$3:$AA$30,INDEX(Jesper!$R$2:$R$366,ROW(INDEX(Jesper!AI$2:AI$366,ROUNDDOWN($C694/24,0)+1,1))-1)+IF('Standard Profiles'!$G$19=$B$10,7,0)+IF('Standard Profiles'!$G$19=$B$17,14,0)+IF('Standard Profiles'!$G$19=$B$24,21,0),MOD($C694,24)+1)/SUM(INDEX($D$3:$AA$30,INDEX(Jesper!$R$2:$R$366,ROW(INDEX(Jesper!AI$2:AI$366,ROUNDDOWN($C694/24,0)+1,1))-1)+IF('Standard Profiles'!$G$19=$B$10,7,0)+IF('Standard Profiles'!$G$19=$B$17,14,0)+IF('Standard Profiles'!$G$19=$B$24,21,0),0)),0)</f>
        <v>3.0973931830047721</v>
      </c>
      <c r="F694" cm="1">
        <f t="array" ref="F694">IFERROR(INDEX(Jesper!AJ$2:AJ$366,ROUNDDOWN($C694/24,0)+1,1)*INDEX($D$3:$AA$30,INDEX(Jesper!$R$2:$R$366,ROW(INDEX(Jesper!AJ$2:AJ$366,ROUNDDOWN($C694/24,0)+1,1))-1)+IF('Standard Profiles'!$G$20=$B$10,7,0)+IF('Standard Profiles'!$G$20=$B$17,14,0)+IF('Standard Profiles'!$G$20=$B$24,21,0),MOD($C694,24)+1)/SUM(INDEX($D$3:$AA$30,INDEX(Jesper!$R$2:$R$366,ROW(INDEX(Jesper!AJ$2:AJ$366,ROUNDDOWN($C694/24,0)+1,1))-1)+IF('Standard Profiles'!$G$20=$B$10,7,0)+IF('Standard Profiles'!$G$20=$B$17,14,0)+IF('Standard Profiles'!$G$20=$B$24,21,0),0)),0)</f>
        <v>0</v>
      </c>
      <c r="G694" cm="1">
        <f t="array" ref="G694">IFERROR(INDEX(Jesper!AK$2:AK$366,ROUNDDOWN($C694/24,0)+1,1)*INDEX($D$3:$AA$30,INDEX(Jesper!$R$2:$R$366,ROW(INDEX(Jesper!AK$2:AK$366,ROUNDDOWN($C694/24,0)+1,1))-1)+IF('Standard Profiles'!$G$21=$B$10,7,0)+IF('Standard Profiles'!$G$21=$B$17,14,0)+IF('Standard Profiles'!$G$21=$B$24,21,0),MOD($C694,24)+1)/SUM(INDEX($D$3:$AA$30,INDEX(Jesper!$R$2:$R$366,ROW(INDEX(Jesper!AK$2:AK$366,ROUNDDOWN($C694/24,0)+1,1))-1)+IF('Standard Profiles'!$G$21=$B$10,7,0)+IF('Standard Profiles'!$G$21=$B$17,14,0)+IF('Standard Profiles'!$G$21=$B$24,21,0),0)),0)</f>
        <v>0</v>
      </c>
      <c r="H694" cm="1">
        <f t="array" ref="H694">IFERROR(INDEX(Jesper!AL$2:AL$366,ROUNDDOWN($C694/24,0)+1,1)*INDEX($D$3:$AA$30,INDEX(Jesper!$R$2:$R$366,ROW(INDEX(Jesper!AL$2:AL$366,ROUNDDOWN($C694/24,0)+1,1))-1)+IF('Standard Profiles'!$G$22=$B$10,7,0)+IF('Standard Profiles'!$G$22=$B$17,14,0)+IF('Standard Profiles'!$G$22=$B$24,21,0),MOD($C694,24)+1)/SUM(INDEX($D$3:$AA$30,INDEX(Jesper!$R$2:$R$366,ROW(INDEX(Jesper!AL$2:AL$366,ROUNDDOWN($C694/24,0)+1,1))-1)+IF('Standard Profiles'!$G$22=$B$10,7,0)+IF('Standard Profiles'!$G$22=$B$17,14,0)+IF('Standard Profiles'!$G$22=$B$24,21,0),0)),0)</f>
        <v>0</v>
      </c>
      <c r="I694">
        <f t="shared" si="90"/>
        <v>0.27904443090133091</v>
      </c>
      <c r="J694">
        <f t="shared" si="91"/>
        <v>0.9301481030044364</v>
      </c>
      <c r="K694">
        <f t="shared" si="92"/>
        <v>1.3952221545066545</v>
      </c>
      <c r="L694">
        <f t="shared" si="93"/>
        <v>14.638225509311363</v>
      </c>
      <c r="M694">
        <f t="shared" si="94"/>
        <v>0</v>
      </c>
      <c r="N694" s="46">
        <f t="shared" si="95"/>
        <v>45319.499999998399</v>
      </c>
    </row>
    <row r="695" spans="2:14" x14ac:dyDescent="0.3">
      <c r="B695">
        <f t="shared" si="89"/>
        <v>7</v>
      </c>
      <c r="C695" s="16">
        <v>661</v>
      </c>
      <c r="D695" cm="1">
        <f t="array" ref="D695">IFERROR(INDEX(Jesper!AH$2:AH$366,ROUNDDOWN($C695/24,0)+1,1)*INDEX($D$3:$AA$30,INDEX(Jesper!$R$2:$R$366,ROW(INDEX(Jesper!AH$2:AH$366,ROUNDDOWN($C695/24,0)+1,1))-1)+IF('Standard Profiles'!$G$18=$B$10,7,0)+IF('Standard Profiles'!$G$18=$B$17,14,0)+IF('Standard Profiles'!$G$18=$B$24,21,0),MOD($C695,24)+1)/SUM(INDEX($D$3:$AA$30,INDEX(Jesper!$R$2:$R$366,ROW(INDEX(Jesper!AH$2:AH$366,ROUNDDOWN($C695/24,0)+1,1))-1)+IF('Standard Profiles'!$G$18=$B$10,7,0)+IF('Standard Profiles'!$G$18=$B$17,14,0)+IF('Standard Profiles'!$G$18=$B$24,21,0),0)),0)</f>
        <v>14.145247014719013</v>
      </c>
      <c r="E695" cm="1">
        <f t="array" ref="E695">IFERROR(INDEX(Jesper!AI$2:AI$366,ROUNDDOWN($C695/24,0)+1,1)*INDEX($D$3:$AA$30,INDEX(Jesper!$R$2:$R$366,ROW(INDEX(Jesper!AI$2:AI$366,ROUNDDOWN($C695/24,0)+1,1))-1)+IF('Standard Profiles'!$G$19=$B$10,7,0)+IF('Standard Profiles'!$G$19=$B$17,14,0)+IF('Standard Profiles'!$G$19=$B$24,21,0),MOD($C695,24)+1)/SUM(INDEX($D$3:$AA$30,INDEX(Jesper!$R$2:$R$366,ROW(INDEX(Jesper!AI$2:AI$366,ROUNDDOWN($C695/24,0)+1,1))-1)+IF('Standard Profiles'!$G$19=$B$10,7,0)+IF('Standard Profiles'!$G$19=$B$17,14,0)+IF('Standard Profiles'!$G$19=$B$24,21,0),0)),0)</f>
        <v>3.0973931830047721</v>
      </c>
      <c r="F695" cm="1">
        <f t="array" ref="F695">IFERROR(INDEX(Jesper!AJ$2:AJ$366,ROUNDDOWN($C695/24,0)+1,1)*INDEX($D$3:$AA$30,INDEX(Jesper!$R$2:$R$366,ROW(INDEX(Jesper!AJ$2:AJ$366,ROUNDDOWN($C695/24,0)+1,1))-1)+IF('Standard Profiles'!$G$20=$B$10,7,0)+IF('Standard Profiles'!$G$20=$B$17,14,0)+IF('Standard Profiles'!$G$20=$B$24,21,0),MOD($C695,24)+1)/SUM(INDEX($D$3:$AA$30,INDEX(Jesper!$R$2:$R$366,ROW(INDEX(Jesper!AJ$2:AJ$366,ROUNDDOWN($C695/24,0)+1,1))-1)+IF('Standard Profiles'!$G$20=$B$10,7,0)+IF('Standard Profiles'!$G$20=$B$17,14,0)+IF('Standard Profiles'!$G$20=$B$24,21,0),0)),0)</f>
        <v>0</v>
      </c>
      <c r="G695" cm="1">
        <f t="array" ref="G695">IFERROR(INDEX(Jesper!AK$2:AK$366,ROUNDDOWN($C695/24,0)+1,1)*INDEX($D$3:$AA$30,INDEX(Jesper!$R$2:$R$366,ROW(INDEX(Jesper!AK$2:AK$366,ROUNDDOWN($C695/24,0)+1,1))-1)+IF('Standard Profiles'!$G$21=$B$10,7,0)+IF('Standard Profiles'!$G$21=$B$17,14,0)+IF('Standard Profiles'!$G$21=$B$24,21,0),MOD($C695,24)+1)/SUM(INDEX($D$3:$AA$30,INDEX(Jesper!$R$2:$R$366,ROW(INDEX(Jesper!AK$2:AK$366,ROUNDDOWN($C695/24,0)+1,1))-1)+IF('Standard Profiles'!$G$21=$B$10,7,0)+IF('Standard Profiles'!$G$21=$B$17,14,0)+IF('Standard Profiles'!$G$21=$B$24,21,0),0)),0)</f>
        <v>0</v>
      </c>
      <c r="H695" cm="1">
        <f t="array" ref="H695">IFERROR(INDEX(Jesper!AL$2:AL$366,ROUNDDOWN($C695/24,0)+1,1)*INDEX($D$3:$AA$30,INDEX(Jesper!$R$2:$R$366,ROW(INDEX(Jesper!AL$2:AL$366,ROUNDDOWN($C695/24,0)+1,1))-1)+IF('Standard Profiles'!$G$22=$B$10,7,0)+IF('Standard Profiles'!$G$22=$B$17,14,0)+IF('Standard Profiles'!$G$22=$B$24,21,0),MOD($C695,24)+1)/SUM(INDEX($D$3:$AA$30,INDEX(Jesper!$R$2:$R$366,ROW(INDEX(Jesper!AL$2:AL$366,ROUNDDOWN($C695/24,0)+1,1))-1)+IF('Standard Profiles'!$G$22=$B$10,7,0)+IF('Standard Profiles'!$G$22=$B$17,14,0)+IF('Standard Profiles'!$G$22=$B$24,21,0),0)),0)</f>
        <v>0</v>
      </c>
      <c r="I695">
        <f t="shared" si="90"/>
        <v>0.27904443090133091</v>
      </c>
      <c r="J695">
        <f t="shared" si="91"/>
        <v>0.9301481030044364</v>
      </c>
      <c r="K695">
        <f t="shared" si="92"/>
        <v>1.3952221545066545</v>
      </c>
      <c r="L695">
        <f t="shared" si="93"/>
        <v>14.638225509311363</v>
      </c>
      <c r="M695">
        <f t="shared" si="94"/>
        <v>0</v>
      </c>
      <c r="N695" s="46">
        <f t="shared" si="95"/>
        <v>45319.541666665064</v>
      </c>
    </row>
    <row r="696" spans="2:14" x14ac:dyDescent="0.3">
      <c r="B696">
        <f t="shared" si="89"/>
        <v>7</v>
      </c>
      <c r="C696" s="16">
        <v>662</v>
      </c>
      <c r="D696" cm="1">
        <f t="array" ref="D696">IFERROR(INDEX(Jesper!AH$2:AH$366,ROUNDDOWN($C696/24,0)+1,1)*INDEX($D$3:$AA$30,INDEX(Jesper!$R$2:$R$366,ROW(INDEX(Jesper!AH$2:AH$366,ROUNDDOWN($C696/24,0)+1,1))-1)+IF('Standard Profiles'!$G$18=$B$10,7,0)+IF('Standard Profiles'!$G$18=$B$17,14,0)+IF('Standard Profiles'!$G$18=$B$24,21,0),MOD($C696,24)+1)/SUM(INDEX($D$3:$AA$30,INDEX(Jesper!$R$2:$R$366,ROW(INDEX(Jesper!AH$2:AH$366,ROUNDDOWN($C696/24,0)+1,1))-1)+IF('Standard Profiles'!$G$18=$B$10,7,0)+IF('Standard Profiles'!$G$18=$B$17,14,0)+IF('Standard Profiles'!$G$18=$B$24,21,0),0)),0)</f>
        <v>14.145247014719013</v>
      </c>
      <c r="E696" cm="1">
        <f t="array" ref="E696">IFERROR(INDEX(Jesper!AI$2:AI$366,ROUNDDOWN($C696/24,0)+1,1)*INDEX($D$3:$AA$30,INDEX(Jesper!$R$2:$R$366,ROW(INDEX(Jesper!AI$2:AI$366,ROUNDDOWN($C696/24,0)+1,1))-1)+IF('Standard Profiles'!$G$19=$B$10,7,0)+IF('Standard Profiles'!$G$19=$B$17,14,0)+IF('Standard Profiles'!$G$19=$B$24,21,0),MOD($C696,24)+1)/SUM(INDEX($D$3:$AA$30,INDEX(Jesper!$R$2:$R$366,ROW(INDEX(Jesper!AI$2:AI$366,ROUNDDOWN($C696/24,0)+1,1))-1)+IF('Standard Profiles'!$G$19=$B$10,7,0)+IF('Standard Profiles'!$G$19=$B$17,14,0)+IF('Standard Profiles'!$G$19=$B$24,21,0),0)),0)</f>
        <v>3.0973931830047721</v>
      </c>
      <c r="F696" cm="1">
        <f t="array" ref="F696">IFERROR(INDEX(Jesper!AJ$2:AJ$366,ROUNDDOWN($C696/24,0)+1,1)*INDEX($D$3:$AA$30,INDEX(Jesper!$R$2:$R$366,ROW(INDEX(Jesper!AJ$2:AJ$366,ROUNDDOWN($C696/24,0)+1,1))-1)+IF('Standard Profiles'!$G$20=$B$10,7,0)+IF('Standard Profiles'!$G$20=$B$17,14,0)+IF('Standard Profiles'!$G$20=$B$24,21,0),MOD($C696,24)+1)/SUM(INDEX($D$3:$AA$30,INDEX(Jesper!$R$2:$R$366,ROW(INDEX(Jesper!AJ$2:AJ$366,ROUNDDOWN($C696/24,0)+1,1))-1)+IF('Standard Profiles'!$G$20=$B$10,7,0)+IF('Standard Profiles'!$G$20=$B$17,14,0)+IF('Standard Profiles'!$G$20=$B$24,21,0),0)),0)</f>
        <v>0</v>
      </c>
      <c r="G696" cm="1">
        <f t="array" ref="G696">IFERROR(INDEX(Jesper!AK$2:AK$366,ROUNDDOWN($C696/24,0)+1,1)*INDEX($D$3:$AA$30,INDEX(Jesper!$R$2:$R$366,ROW(INDEX(Jesper!AK$2:AK$366,ROUNDDOWN($C696/24,0)+1,1))-1)+IF('Standard Profiles'!$G$21=$B$10,7,0)+IF('Standard Profiles'!$G$21=$B$17,14,0)+IF('Standard Profiles'!$G$21=$B$24,21,0),MOD($C696,24)+1)/SUM(INDEX($D$3:$AA$30,INDEX(Jesper!$R$2:$R$366,ROW(INDEX(Jesper!AK$2:AK$366,ROUNDDOWN($C696/24,0)+1,1))-1)+IF('Standard Profiles'!$G$21=$B$10,7,0)+IF('Standard Profiles'!$G$21=$B$17,14,0)+IF('Standard Profiles'!$G$21=$B$24,21,0),0)),0)</f>
        <v>0</v>
      </c>
      <c r="H696" cm="1">
        <f t="array" ref="H696">IFERROR(INDEX(Jesper!AL$2:AL$366,ROUNDDOWN($C696/24,0)+1,1)*INDEX($D$3:$AA$30,INDEX(Jesper!$R$2:$R$366,ROW(INDEX(Jesper!AL$2:AL$366,ROUNDDOWN($C696/24,0)+1,1))-1)+IF('Standard Profiles'!$G$22=$B$10,7,0)+IF('Standard Profiles'!$G$22=$B$17,14,0)+IF('Standard Profiles'!$G$22=$B$24,21,0),MOD($C696,24)+1)/SUM(INDEX($D$3:$AA$30,INDEX(Jesper!$R$2:$R$366,ROW(INDEX(Jesper!AL$2:AL$366,ROUNDDOWN($C696/24,0)+1,1))-1)+IF('Standard Profiles'!$G$22=$B$10,7,0)+IF('Standard Profiles'!$G$22=$B$17,14,0)+IF('Standard Profiles'!$G$22=$B$24,21,0),0)),0)</f>
        <v>0</v>
      </c>
      <c r="I696">
        <f t="shared" si="90"/>
        <v>0.27904443090133091</v>
      </c>
      <c r="J696">
        <f t="shared" si="91"/>
        <v>0.9301481030044364</v>
      </c>
      <c r="K696">
        <f t="shared" si="92"/>
        <v>1.3952221545066545</v>
      </c>
      <c r="L696">
        <f t="shared" si="93"/>
        <v>14.638225509311363</v>
      </c>
      <c r="M696">
        <f t="shared" si="94"/>
        <v>0</v>
      </c>
      <c r="N696" s="46">
        <f t="shared" si="95"/>
        <v>45319.583333331728</v>
      </c>
    </row>
    <row r="697" spans="2:14" x14ac:dyDescent="0.3">
      <c r="B697">
        <f t="shared" si="89"/>
        <v>7</v>
      </c>
      <c r="C697" s="16">
        <v>663</v>
      </c>
      <c r="D697" cm="1">
        <f t="array" ref="D697">IFERROR(INDEX(Jesper!AH$2:AH$366,ROUNDDOWN($C697/24,0)+1,1)*INDEX($D$3:$AA$30,INDEX(Jesper!$R$2:$R$366,ROW(INDEX(Jesper!AH$2:AH$366,ROUNDDOWN($C697/24,0)+1,1))-1)+IF('Standard Profiles'!$G$18=$B$10,7,0)+IF('Standard Profiles'!$G$18=$B$17,14,0)+IF('Standard Profiles'!$G$18=$B$24,21,0),MOD($C697,24)+1)/SUM(INDEX($D$3:$AA$30,INDEX(Jesper!$R$2:$R$366,ROW(INDEX(Jesper!AH$2:AH$366,ROUNDDOWN($C697/24,0)+1,1))-1)+IF('Standard Profiles'!$G$18=$B$10,7,0)+IF('Standard Profiles'!$G$18=$B$17,14,0)+IF('Standard Profiles'!$G$18=$B$24,21,0),0)),0)</f>
        <v>12.573552901972455</v>
      </c>
      <c r="E697" cm="1">
        <f t="array" ref="E697">IFERROR(INDEX(Jesper!AI$2:AI$366,ROUNDDOWN($C697/24,0)+1,1)*INDEX($D$3:$AA$30,INDEX(Jesper!$R$2:$R$366,ROW(INDEX(Jesper!AI$2:AI$366,ROUNDDOWN($C697/24,0)+1,1))-1)+IF('Standard Profiles'!$G$19=$B$10,7,0)+IF('Standard Profiles'!$G$19=$B$17,14,0)+IF('Standard Profiles'!$G$19=$B$24,21,0),MOD($C697,24)+1)/SUM(INDEX($D$3:$AA$30,INDEX(Jesper!$R$2:$R$366,ROW(INDEX(Jesper!AI$2:AI$366,ROUNDDOWN($C697/24,0)+1,1))-1)+IF('Standard Profiles'!$G$19=$B$10,7,0)+IF('Standard Profiles'!$G$19=$B$17,14,0)+IF('Standard Profiles'!$G$19=$B$24,21,0),0)),0)</f>
        <v>2.7532383848931303</v>
      </c>
      <c r="F697" cm="1">
        <f t="array" ref="F697">IFERROR(INDEX(Jesper!AJ$2:AJ$366,ROUNDDOWN($C697/24,0)+1,1)*INDEX($D$3:$AA$30,INDEX(Jesper!$R$2:$R$366,ROW(INDEX(Jesper!AJ$2:AJ$366,ROUNDDOWN($C697/24,0)+1,1))-1)+IF('Standard Profiles'!$G$20=$B$10,7,0)+IF('Standard Profiles'!$G$20=$B$17,14,0)+IF('Standard Profiles'!$G$20=$B$24,21,0),MOD($C697,24)+1)/SUM(INDEX($D$3:$AA$30,INDEX(Jesper!$R$2:$R$366,ROW(INDEX(Jesper!AJ$2:AJ$366,ROUNDDOWN($C697/24,0)+1,1))-1)+IF('Standard Profiles'!$G$20=$B$10,7,0)+IF('Standard Profiles'!$G$20=$B$17,14,0)+IF('Standard Profiles'!$G$20=$B$24,21,0),0)),0)</f>
        <v>0</v>
      </c>
      <c r="G697" cm="1">
        <f t="array" ref="G697">IFERROR(INDEX(Jesper!AK$2:AK$366,ROUNDDOWN($C697/24,0)+1,1)*INDEX($D$3:$AA$30,INDEX(Jesper!$R$2:$R$366,ROW(INDEX(Jesper!AK$2:AK$366,ROUNDDOWN($C697/24,0)+1,1))-1)+IF('Standard Profiles'!$G$21=$B$10,7,0)+IF('Standard Profiles'!$G$21=$B$17,14,0)+IF('Standard Profiles'!$G$21=$B$24,21,0),MOD($C697,24)+1)/SUM(INDEX($D$3:$AA$30,INDEX(Jesper!$R$2:$R$366,ROW(INDEX(Jesper!AK$2:AK$366,ROUNDDOWN($C697/24,0)+1,1))-1)+IF('Standard Profiles'!$G$21=$B$10,7,0)+IF('Standard Profiles'!$G$21=$B$17,14,0)+IF('Standard Profiles'!$G$21=$B$24,21,0),0)),0)</f>
        <v>0</v>
      </c>
      <c r="H697" cm="1">
        <f t="array" ref="H697">IFERROR(INDEX(Jesper!AL$2:AL$366,ROUNDDOWN($C697/24,0)+1,1)*INDEX($D$3:$AA$30,INDEX(Jesper!$R$2:$R$366,ROW(INDEX(Jesper!AL$2:AL$366,ROUNDDOWN($C697/24,0)+1,1))-1)+IF('Standard Profiles'!$G$22=$B$10,7,0)+IF('Standard Profiles'!$G$22=$B$17,14,0)+IF('Standard Profiles'!$G$22=$B$24,21,0),MOD($C697,24)+1)/SUM(INDEX($D$3:$AA$30,INDEX(Jesper!$R$2:$R$366,ROW(INDEX(Jesper!AL$2:AL$366,ROUNDDOWN($C697/24,0)+1,1))-1)+IF('Standard Profiles'!$G$22=$B$10,7,0)+IF('Standard Profiles'!$G$22=$B$17,14,0)+IF('Standard Profiles'!$G$22=$B$24,21,0),0)),0)</f>
        <v>0</v>
      </c>
      <c r="I697">
        <f t="shared" si="90"/>
        <v>0.24803949413451631</v>
      </c>
      <c r="J697">
        <f t="shared" si="91"/>
        <v>0.82679831378172108</v>
      </c>
      <c r="K697">
        <f t="shared" si="92"/>
        <v>1.2401974706725818</v>
      </c>
      <c r="L697">
        <f t="shared" si="93"/>
        <v>13.011756008276766</v>
      </c>
      <c r="M697">
        <f t="shared" si="94"/>
        <v>0</v>
      </c>
      <c r="N697" s="46">
        <f t="shared" si="95"/>
        <v>45319.624999998392</v>
      </c>
    </row>
    <row r="698" spans="2:14" x14ac:dyDescent="0.3">
      <c r="B698">
        <f t="shared" si="89"/>
        <v>7</v>
      </c>
      <c r="C698" s="16">
        <v>664</v>
      </c>
      <c r="D698" cm="1">
        <f t="array" ref="D698">IFERROR(INDEX(Jesper!AH$2:AH$366,ROUNDDOWN($C698/24,0)+1,1)*INDEX($D$3:$AA$30,INDEX(Jesper!$R$2:$R$366,ROW(INDEX(Jesper!AH$2:AH$366,ROUNDDOWN($C698/24,0)+1,1))-1)+IF('Standard Profiles'!$G$18=$B$10,7,0)+IF('Standard Profiles'!$G$18=$B$17,14,0)+IF('Standard Profiles'!$G$18=$B$24,21,0),MOD($C698,24)+1)/SUM(INDEX($D$3:$AA$30,INDEX(Jesper!$R$2:$R$366,ROW(INDEX(Jesper!AH$2:AH$366,ROUNDDOWN($C698/24,0)+1,1))-1)+IF('Standard Profiles'!$G$18=$B$10,7,0)+IF('Standard Profiles'!$G$18=$B$17,14,0)+IF('Standard Profiles'!$G$18=$B$24,21,0),0)),0)</f>
        <v>12.349025171580092</v>
      </c>
      <c r="E698" cm="1">
        <f t="array" ref="E698">IFERROR(INDEX(Jesper!AI$2:AI$366,ROUNDDOWN($C698/24,0)+1,1)*INDEX($D$3:$AA$30,INDEX(Jesper!$R$2:$R$366,ROW(INDEX(Jesper!AI$2:AI$366,ROUNDDOWN($C698/24,0)+1,1))-1)+IF('Standard Profiles'!$G$19=$B$10,7,0)+IF('Standard Profiles'!$G$19=$B$17,14,0)+IF('Standard Profiles'!$G$19=$B$24,21,0),MOD($C698,24)+1)/SUM(INDEX($D$3:$AA$30,INDEX(Jesper!$R$2:$R$366,ROW(INDEX(Jesper!AI$2:AI$366,ROUNDDOWN($C698/24,0)+1,1))-1)+IF('Standard Profiles'!$G$19=$B$10,7,0)+IF('Standard Profiles'!$G$19=$B$17,14,0)+IF('Standard Profiles'!$G$19=$B$24,21,0),0)),0)</f>
        <v>2.7040734137343243</v>
      </c>
      <c r="F698" cm="1">
        <f t="array" ref="F698">IFERROR(INDEX(Jesper!AJ$2:AJ$366,ROUNDDOWN($C698/24,0)+1,1)*INDEX($D$3:$AA$30,INDEX(Jesper!$R$2:$R$366,ROW(INDEX(Jesper!AJ$2:AJ$366,ROUNDDOWN($C698/24,0)+1,1))-1)+IF('Standard Profiles'!$G$20=$B$10,7,0)+IF('Standard Profiles'!$G$20=$B$17,14,0)+IF('Standard Profiles'!$G$20=$B$24,21,0),MOD($C698,24)+1)/SUM(INDEX($D$3:$AA$30,INDEX(Jesper!$R$2:$R$366,ROW(INDEX(Jesper!AJ$2:AJ$366,ROUNDDOWN($C698/24,0)+1,1))-1)+IF('Standard Profiles'!$G$20=$B$10,7,0)+IF('Standard Profiles'!$G$20=$B$17,14,0)+IF('Standard Profiles'!$G$20=$B$24,21,0),0)),0)</f>
        <v>0</v>
      </c>
      <c r="G698" cm="1">
        <f t="array" ref="G698">IFERROR(INDEX(Jesper!AK$2:AK$366,ROUNDDOWN($C698/24,0)+1,1)*INDEX($D$3:$AA$30,INDEX(Jesper!$R$2:$R$366,ROW(INDEX(Jesper!AK$2:AK$366,ROUNDDOWN($C698/24,0)+1,1))-1)+IF('Standard Profiles'!$G$21=$B$10,7,0)+IF('Standard Profiles'!$G$21=$B$17,14,0)+IF('Standard Profiles'!$G$21=$B$24,21,0),MOD($C698,24)+1)/SUM(INDEX($D$3:$AA$30,INDEX(Jesper!$R$2:$R$366,ROW(INDEX(Jesper!AK$2:AK$366,ROUNDDOWN($C698/24,0)+1,1))-1)+IF('Standard Profiles'!$G$21=$B$10,7,0)+IF('Standard Profiles'!$G$21=$B$17,14,0)+IF('Standard Profiles'!$G$21=$B$24,21,0),0)),0)</f>
        <v>0</v>
      </c>
      <c r="H698" cm="1">
        <f t="array" ref="H698">IFERROR(INDEX(Jesper!AL$2:AL$366,ROUNDDOWN($C698/24,0)+1,1)*INDEX($D$3:$AA$30,INDEX(Jesper!$R$2:$R$366,ROW(INDEX(Jesper!AL$2:AL$366,ROUNDDOWN($C698/24,0)+1,1))-1)+IF('Standard Profiles'!$G$22=$B$10,7,0)+IF('Standard Profiles'!$G$22=$B$17,14,0)+IF('Standard Profiles'!$G$22=$B$24,21,0),MOD($C698,24)+1)/SUM(INDEX($D$3:$AA$30,INDEX(Jesper!$R$2:$R$366,ROW(INDEX(Jesper!AL$2:AL$366,ROUNDDOWN($C698/24,0)+1,1))-1)+IF('Standard Profiles'!$G$22=$B$10,7,0)+IF('Standard Profiles'!$G$22=$B$17,14,0)+IF('Standard Profiles'!$G$22=$B$24,21,0),0)),0)</f>
        <v>0</v>
      </c>
      <c r="I698">
        <f t="shared" si="90"/>
        <v>0.2436102174535428</v>
      </c>
      <c r="J698">
        <f t="shared" si="91"/>
        <v>0.81203405817847607</v>
      </c>
      <c r="K698">
        <f t="shared" si="92"/>
        <v>1.2180510872677142</v>
      </c>
      <c r="L698">
        <f t="shared" si="93"/>
        <v>12.779403222414683</v>
      </c>
      <c r="M698">
        <f t="shared" si="94"/>
        <v>0</v>
      </c>
      <c r="N698" s="46">
        <f t="shared" si="95"/>
        <v>45319.666666665056</v>
      </c>
    </row>
    <row r="699" spans="2:14" x14ac:dyDescent="0.3">
      <c r="B699">
        <f t="shared" si="89"/>
        <v>7</v>
      </c>
      <c r="C699" s="16">
        <v>665</v>
      </c>
      <c r="D699" cm="1">
        <f t="array" ref="D699">IFERROR(INDEX(Jesper!AH$2:AH$366,ROUNDDOWN($C699/24,0)+1,1)*INDEX($D$3:$AA$30,INDEX(Jesper!$R$2:$R$366,ROW(INDEX(Jesper!AH$2:AH$366,ROUNDDOWN($C699/24,0)+1,1))-1)+IF('Standard Profiles'!$G$18=$B$10,7,0)+IF('Standard Profiles'!$G$18=$B$17,14,0)+IF('Standard Profiles'!$G$18=$B$24,21,0),MOD($C699,24)+1)/SUM(INDEX($D$3:$AA$30,INDEX(Jesper!$R$2:$R$366,ROW(INDEX(Jesper!AH$2:AH$366,ROUNDDOWN($C699/24,0)+1,1))-1)+IF('Standard Profiles'!$G$18=$B$10,7,0)+IF('Standard Profiles'!$G$18=$B$17,14,0)+IF('Standard Profiles'!$G$18=$B$24,21,0),0)),0)</f>
        <v>10.552803328441168</v>
      </c>
      <c r="E699" cm="1">
        <f t="array" ref="E699">IFERROR(INDEX(Jesper!AI$2:AI$366,ROUNDDOWN($C699/24,0)+1,1)*INDEX($D$3:$AA$30,INDEX(Jesper!$R$2:$R$366,ROW(INDEX(Jesper!AI$2:AI$366,ROUNDDOWN($C699/24,0)+1,1))-1)+IF('Standard Profiles'!$G$19=$B$10,7,0)+IF('Standard Profiles'!$G$19=$B$17,14,0)+IF('Standard Profiles'!$G$19=$B$24,21,0),MOD($C699,24)+1)/SUM(INDEX($D$3:$AA$30,INDEX(Jesper!$R$2:$R$366,ROW(INDEX(Jesper!AI$2:AI$366,ROUNDDOWN($C699/24,0)+1,1))-1)+IF('Standard Profiles'!$G$19=$B$10,7,0)+IF('Standard Profiles'!$G$19=$B$17,14,0)+IF('Standard Profiles'!$G$19=$B$24,21,0),0)),0)</f>
        <v>2.3107536444638774</v>
      </c>
      <c r="F699" cm="1">
        <f t="array" ref="F699">IFERROR(INDEX(Jesper!AJ$2:AJ$366,ROUNDDOWN($C699/24,0)+1,1)*INDEX($D$3:$AA$30,INDEX(Jesper!$R$2:$R$366,ROW(INDEX(Jesper!AJ$2:AJ$366,ROUNDDOWN($C699/24,0)+1,1))-1)+IF('Standard Profiles'!$G$20=$B$10,7,0)+IF('Standard Profiles'!$G$20=$B$17,14,0)+IF('Standard Profiles'!$G$20=$B$24,21,0),MOD($C699,24)+1)/SUM(INDEX($D$3:$AA$30,INDEX(Jesper!$R$2:$R$366,ROW(INDEX(Jesper!AJ$2:AJ$366,ROUNDDOWN($C699/24,0)+1,1))-1)+IF('Standard Profiles'!$G$20=$B$10,7,0)+IF('Standard Profiles'!$G$20=$B$17,14,0)+IF('Standard Profiles'!$G$20=$B$24,21,0),0)),0)</f>
        <v>0</v>
      </c>
      <c r="G699" cm="1">
        <f t="array" ref="G699">IFERROR(INDEX(Jesper!AK$2:AK$366,ROUNDDOWN($C699/24,0)+1,1)*INDEX($D$3:$AA$30,INDEX(Jesper!$R$2:$R$366,ROW(INDEX(Jesper!AK$2:AK$366,ROUNDDOWN($C699/24,0)+1,1))-1)+IF('Standard Profiles'!$G$21=$B$10,7,0)+IF('Standard Profiles'!$G$21=$B$17,14,0)+IF('Standard Profiles'!$G$21=$B$24,21,0),MOD($C699,24)+1)/SUM(INDEX($D$3:$AA$30,INDEX(Jesper!$R$2:$R$366,ROW(INDEX(Jesper!AK$2:AK$366,ROUNDDOWN($C699/24,0)+1,1))-1)+IF('Standard Profiles'!$G$21=$B$10,7,0)+IF('Standard Profiles'!$G$21=$B$17,14,0)+IF('Standard Profiles'!$G$21=$B$24,21,0),0)),0)</f>
        <v>0</v>
      </c>
      <c r="H699" cm="1">
        <f t="array" ref="H699">IFERROR(INDEX(Jesper!AL$2:AL$366,ROUNDDOWN($C699/24,0)+1,1)*INDEX($D$3:$AA$30,INDEX(Jesper!$R$2:$R$366,ROW(INDEX(Jesper!AL$2:AL$366,ROUNDDOWN($C699/24,0)+1,1))-1)+IF('Standard Profiles'!$G$22=$B$10,7,0)+IF('Standard Profiles'!$G$22=$B$17,14,0)+IF('Standard Profiles'!$G$22=$B$24,21,0),MOD($C699,24)+1)/SUM(INDEX($D$3:$AA$30,INDEX(Jesper!$R$2:$R$366,ROW(INDEX(Jesper!AL$2:AL$366,ROUNDDOWN($C699/24,0)+1,1))-1)+IF('Standard Profiles'!$G$22=$B$10,7,0)+IF('Standard Profiles'!$G$22=$B$17,14,0)+IF('Standard Profiles'!$G$22=$B$24,21,0),0)),0)</f>
        <v>0</v>
      </c>
      <c r="I699">
        <f t="shared" si="90"/>
        <v>0.20817600400575478</v>
      </c>
      <c r="J699">
        <f t="shared" si="91"/>
        <v>0.69392001335251596</v>
      </c>
      <c r="K699">
        <f t="shared" si="92"/>
        <v>1.040880020028774</v>
      </c>
      <c r="L699">
        <f t="shared" si="93"/>
        <v>10.920580935518002</v>
      </c>
      <c r="M699">
        <f t="shared" si="94"/>
        <v>0</v>
      </c>
      <c r="N699" s="46">
        <f t="shared" si="95"/>
        <v>45319.70833333172</v>
      </c>
    </row>
    <row r="700" spans="2:14" x14ac:dyDescent="0.3">
      <c r="B700">
        <f t="shared" si="89"/>
        <v>7</v>
      </c>
      <c r="C700" s="16">
        <v>666</v>
      </c>
      <c r="D700" cm="1">
        <f t="array" ref="D700">IFERROR(INDEX(Jesper!AH$2:AH$366,ROUNDDOWN($C700/24,0)+1,1)*INDEX($D$3:$AA$30,INDEX(Jesper!$R$2:$R$366,ROW(INDEX(Jesper!AH$2:AH$366,ROUNDDOWN($C700/24,0)+1,1))-1)+IF('Standard Profiles'!$G$18=$B$10,7,0)+IF('Standard Profiles'!$G$18=$B$17,14,0)+IF('Standard Profiles'!$G$18=$B$24,21,0),MOD($C700,24)+1)/SUM(INDEX($D$3:$AA$30,INDEX(Jesper!$R$2:$R$366,ROW(INDEX(Jesper!AH$2:AH$366,ROUNDDOWN($C700/24,0)+1,1))-1)+IF('Standard Profiles'!$G$18=$B$10,7,0)+IF('Standard Profiles'!$G$18=$B$17,14,0)+IF('Standard Profiles'!$G$18=$B$24,21,0),0)),0)</f>
        <v>9.879220137264074</v>
      </c>
      <c r="E700" cm="1">
        <f t="array" ref="E700">IFERROR(INDEX(Jesper!AI$2:AI$366,ROUNDDOWN($C700/24,0)+1,1)*INDEX($D$3:$AA$30,INDEX(Jesper!$R$2:$R$366,ROW(INDEX(Jesper!AI$2:AI$366,ROUNDDOWN($C700/24,0)+1,1))-1)+IF('Standard Profiles'!$G$19=$B$10,7,0)+IF('Standard Profiles'!$G$19=$B$17,14,0)+IF('Standard Profiles'!$G$19=$B$24,21,0),MOD($C700,24)+1)/SUM(INDEX($D$3:$AA$30,INDEX(Jesper!$R$2:$R$366,ROW(INDEX(Jesper!AI$2:AI$366,ROUNDDOWN($C700/24,0)+1,1))-1)+IF('Standard Profiles'!$G$19=$B$10,7,0)+IF('Standard Profiles'!$G$19=$B$17,14,0)+IF('Standard Profiles'!$G$19=$B$24,21,0),0)),0)</f>
        <v>2.1632587309874598</v>
      </c>
      <c r="F700" cm="1">
        <f t="array" ref="F700">IFERROR(INDEX(Jesper!AJ$2:AJ$366,ROUNDDOWN($C700/24,0)+1,1)*INDEX($D$3:$AA$30,INDEX(Jesper!$R$2:$R$366,ROW(INDEX(Jesper!AJ$2:AJ$366,ROUNDDOWN($C700/24,0)+1,1))-1)+IF('Standard Profiles'!$G$20=$B$10,7,0)+IF('Standard Profiles'!$G$20=$B$17,14,0)+IF('Standard Profiles'!$G$20=$B$24,21,0),MOD($C700,24)+1)/SUM(INDEX($D$3:$AA$30,INDEX(Jesper!$R$2:$R$366,ROW(INDEX(Jesper!AJ$2:AJ$366,ROUNDDOWN($C700/24,0)+1,1))-1)+IF('Standard Profiles'!$G$20=$B$10,7,0)+IF('Standard Profiles'!$G$20=$B$17,14,0)+IF('Standard Profiles'!$G$20=$B$24,21,0),0)),0)</f>
        <v>0</v>
      </c>
      <c r="G700" cm="1">
        <f t="array" ref="G700">IFERROR(INDEX(Jesper!AK$2:AK$366,ROUNDDOWN($C700/24,0)+1,1)*INDEX($D$3:$AA$30,INDEX(Jesper!$R$2:$R$366,ROW(INDEX(Jesper!AK$2:AK$366,ROUNDDOWN($C700/24,0)+1,1))-1)+IF('Standard Profiles'!$G$21=$B$10,7,0)+IF('Standard Profiles'!$G$21=$B$17,14,0)+IF('Standard Profiles'!$G$21=$B$24,21,0),MOD($C700,24)+1)/SUM(INDEX($D$3:$AA$30,INDEX(Jesper!$R$2:$R$366,ROW(INDEX(Jesper!AK$2:AK$366,ROUNDDOWN($C700/24,0)+1,1))-1)+IF('Standard Profiles'!$G$21=$B$10,7,0)+IF('Standard Profiles'!$G$21=$B$17,14,0)+IF('Standard Profiles'!$G$21=$B$24,21,0),0)),0)</f>
        <v>0</v>
      </c>
      <c r="H700" cm="1">
        <f t="array" ref="H700">IFERROR(INDEX(Jesper!AL$2:AL$366,ROUNDDOWN($C700/24,0)+1,1)*INDEX($D$3:$AA$30,INDEX(Jesper!$R$2:$R$366,ROW(INDEX(Jesper!AL$2:AL$366,ROUNDDOWN($C700/24,0)+1,1))-1)+IF('Standard Profiles'!$G$22=$B$10,7,0)+IF('Standard Profiles'!$G$22=$B$17,14,0)+IF('Standard Profiles'!$G$22=$B$24,21,0),MOD($C700,24)+1)/SUM(INDEX($D$3:$AA$30,INDEX(Jesper!$R$2:$R$366,ROW(INDEX(Jesper!AL$2:AL$366,ROUNDDOWN($C700/24,0)+1,1))-1)+IF('Standard Profiles'!$G$22=$B$10,7,0)+IF('Standard Profiles'!$G$22=$B$17,14,0)+IF('Standard Profiles'!$G$22=$B$24,21,0),0)),0)</f>
        <v>0</v>
      </c>
      <c r="I700">
        <f t="shared" si="90"/>
        <v>0.19488817396283425</v>
      </c>
      <c r="J700">
        <f t="shared" si="91"/>
        <v>0.64962724654278092</v>
      </c>
      <c r="K700">
        <f t="shared" si="92"/>
        <v>0.97444086981417144</v>
      </c>
      <c r="L700">
        <f t="shared" si="93"/>
        <v>10.223522577931748</v>
      </c>
      <c r="M700">
        <f t="shared" si="94"/>
        <v>0</v>
      </c>
      <c r="N700" s="46">
        <f t="shared" si="95"/>
        <v>45319.749999998385</v>
      </c>
    </row>
    <row r="701" spans="2:14" x14ac:dyDescent="0.3">
      <c r="B701">
        <f t="shared" si="89"/>
        <v>7</v>
      </c>
      <c r="C701" s="16">
        <v>667</v>
      </c>
      <c r="D701" cm="1">
        <f t="array" ref="D701">IFERROR(INDEX(Jesper!AH$2:AH$366,ROUNDDOWN($C701/24,0)+1,1)*INDEX($D$3:$AA$30,INDEX(Jesper!$R$2:$R$366,ROW(INDEX(Jesper!AH$2:AH$366,ROUNDDOWN($C701/24,0)+1,1))-1)+IF('Standard Profiles'!$G$18=$B$10,7,0)+IF('Standard Profiles'!$G$18=$B$17,14,0)+IF('Standard Profiles'!$G$18=$B$24,21,0),MOD($C701,24)+1)/SUM(INDEX($D$3:$AA$30,INDEX(Jesper!$R$2:$R$366,ROW(INDEX(Jesper!AH$2:AH$366,ROUNDDOWN($C701/24,0)+1,1))-1)+IF('Standard Profiles'!$G$18=$B$10,7,0)+IF('Standard Profiles'!$G$18=$B$17,14,0)+IF('Standard Profiles'!$G$18=$B$24,21,0),0)),0)</f>
        <v>8.3075260245175162</v>
      </c>
      <c r="E701" cm="1">
        <f t="array" ref="E701">IFERROR(INDEX(Jesper!AI$2:AI$366,ROUNDDOWN($C701/24,0)+1,1)*INDEX($D$3:$AA$30,INDEX(Jesper!$R$2:$R$366,ROW(INDEX(Jesper!AI$2:AI$366,ROUNDDOWN($C701/24,0)+1,1))-1)+IF('Standard Profiles'!$G$19=$B$10,7,0)+IF('Standard Profiles'!$G$19=$B$17,14,0)+IF('Standard Profiles'!$G$19=$B$24,21,0),MOD($C701,24)+1)/SUM(INDEX($D$3:$AA$30,INDEX(Jesper!$R$2:$R$366,ROW(INDEX(Jesper!AI$2:AI$366,ROUNDDOWN($C701/24,0)+1,1))-1)+IF('Standard Profiles'!$G$19=$B$10,7,0)+IF('Standard Profiles'!$G$19=$B$17,14,0)+IF('Standard Profiles'!$G$19=$B$24,21,0),0)),0)</f>
        <v>1.8191039328758183</v>
      </c>
      <c r="F701" cm="1">
        <f t="array" ref="F701">IFERROR(INDEX(Jesper!AJ$2:AJ$366,ROUNDDOWN($C701/24,0)+1,1)*INDEX($D$3:$AA$30,INDEX(Jesper!$R$2:$R$366,ROW(INDEX(Jesper!AJ$2:AJ$366,ROUNDDOWN($C701/24,0)+1,1))-1)+IF('Standard Profiles'!$G$20=$B$10,7,0)+IF('Standard Profiles'!$G$20=$B$17,14,0)+IF('Standard Profiles'!$G$20=$B$24,21,0),MOD($C701,24)+1)/SUM(INDEX($D$3:$AA$30,INDEX(Jesper!$R$2:$R$366,ROW(INDEX(Jesper!AJ$2:AJ$366,ROUNDDOWN($C701/24,0)+1,1))-1)+IF('Standard Profiles'!$G$20=$B$10,7,0)+IF('Standard Profiles'!$G$20=$B$17,14,0)+IF('Standard Profiles'!$G$20=$B$24,21,0),0)),0)</f>
        <v>0</v>
      </c>
      <c r="G701" cm="1">
        <f t="array" ref="G701">IFERROR(INDEX(Jesper!AK$2:AK$366,ROUNDDOWN($C701/24,0)+1,1)*INDEX($D$3:$AA$30,INDEX(Jesper!$R$2:$R$366,ROW(INDEX(Jesper!AK$2:AK$366,ROUNDDOWN($C701/24,0)+1,1))-1)+IF('Standard Profiles'!$G$21=$B$10,7,0)+IF('Standard Profiles'!$G$21=$B$17,14,0)+IF('Standard Profiles'!$G$21=$B$24,21,0),MOD($C701,24)+1)/SUM(INDEX($D$3:$AA$30,INDEX(Jesper!$R$2:$R$366,ROW(INDEX(Jesper!AK$2:AK$366,ROUNDDOWN($C701/24,0)+1,1))-1)+IF('Standard Profiles'!$G$21=$B$10,7,0)+IF('Standard Profiles'!$G$21=$B$17,14,0)+IF('Standard Profiles'!$G$21=$B$24,21,0),0)),0)</f>
        <v>0</v>
      </c>
      <c r="H701" cm="1">
        <f t="array" ref="H701">IFERROR(INDEX(Jesper!AL$2:AL$366,ROUNDDOWN($C701/24,0)+1,1)*INDEX($D$3:$AA$30,INDEX(Jesper!$R$2:$R$366,ROW(INDEX(Jesper!AL$2:AL$366,ROUNDDOWN($C701/24,0)+1,1))-1)+IF('Standard Profiles'!$G$22=$B$10,7,0)+IF('Standard Profiles'!$G$22=$B$17,14,0)+IF('Standard Profiles'!$G$22=$B$24,21,0),MOD($C701,24)+1)/SUM(INDEX($D$3:$AA$30,INDEX(Jesper!$R$2:$R$366,ROW(INDEX(Jesper!AL$2:AL$366,ROUNDDOWN($C701/24,0)+1,1))-1)+IF('Standard Profiles'!$G$22=$B$10,7,0)+IF('Standard Profiles'!$G$22=$B$17,14,0)+IF('Standard Profiles'!$G$22=$B$24,21,0),0)),0)</f>
        <v>0</v>
      </c>
      <c r="I701">
        <f t="shared" si="90"/>
        <v>0.16388323719601972</v>
      </c>
      <c r="J701">
        <f t="shared" si="91"/>
        <v>0.54627745732006572</v>
      </c>
      <c r="K701">
        <f t="shared" si="92"/>
        <v>0.81941618598009869</v>
      </c>
      <c r="L701">
        <f t="shared" si="93"/>
        <v>8.5970530768971507</v>
      </c>
      <c r="M701">
        <f t="shared" si="94"/>
        <v>0</v>
      </c>
      <c r="N701" s="46">
        <f t="shared" si="95"/>
        <v>45319.791666665049</v>
      </c>
    </row>
    <row r="702" spans="2:14" x14ac:dyDescent="0.3">
      <c r="B702">
        <f t="shared" si="89"/>
        <v>7</v>
      </c>
      <c r="C702" s="16">
        <v>668</v>
      </c>
      <c r="D702" cm="1">
        <f t="array" ref="D702">IFERROR(INDEX(Jesper!AH$2:AH$366,ROUNDDOWN($C702/24,0)+1,1)*INDEX($D$3:$AA$30,INDEX(Jesper!$R$2:$R$366,ROW(INDEX(Jesper!AH$2:AH$366,ROUNDDOWN($C702/24,0)+1,1))-1)+IF('Standard Profiles'!$G$18=$B$10,7,0)+IF('Standard Profiles'!$G$18=$B$17,14,0)+IF('Standard Profiles'!$G$18=$B$24,21,0),MOD($C702,24)+1)/SUM(INDEX($D$3:$AA$30,INDEX(Jesper!$R$2:$R$366,ROW(INDEX(Jesper!AH$2:AH$366,ROUNDDOWN($C702/24,0)+1,1))-1)+IF('Standard Profiles'!$G$18=$B$10,7,0)+IF('Standard Profiles'!$G$18=$B$17,14,0)+IF('Standard Profiles'!$G$18=$B$24,21,0),0)),0)</f>
        <v>6.9603596421633238</v>
      </c>
      <c r="E702" cm="1">
        <f t="array" ref="E702">IFERROR(INDEX(Jesper!AI$2:AI$366,ROUNDDOWN($C702/24,0)+1,1)*INDEX($D$3:$AA$30,INDEX(Jesper!$R$2:$R$366,ROW(INDEX(Jesper!AI$2:AI$366,ROUNDDOWN($C702/24,0)+1,1))-1)+IF('Standard Profiles'!$G$19=$B$10,7,0)+IF('Standard Profiles'!$G$19=$B$17,14,0)+IF('Standard Profiles'!$G$19=$B$24,21,0),MOD($C702,24)+1)/SUM(INDEX($D$3:$AA$30,INDEX(Jesper!$R$2:$R$366,ROW(INDEX(Jesper!AI$2:AI$366,ROUNDDOWN($C702/24,0)+1,1))-1)+IF('Standard Profiles'!$G$19=$B$10,7,0)+IF('Standard Profiles'!$G$19=$B$17,14,0)+IF('Standard Profiles'!$G$19=$B$24,21,0),0)),0)</f>
        <v>1.5241141059229828</v>
      </c>
      <c r="F702" cm="1">
        <f t="array" ref="F702">IFERROR(INDEX(Jesper!AJ$2:AJ$366,ROUNDDOWN($C702/24,0)+1,1)*INDEX($D$3:$AA$30,INDEX(Jesper!$R$2:$R$366,ROW(INDEX(Jesper!AJ$2:AJ$366,ROUNDDOWN($C702/24,0)+1,1))-1)+IF('Standard Profiles'!$G$20=$B$10,7,0)+IF('Standard Profiles'!$G$20=$B$17,14,0)+IF('Standard Profiles'!$G$20=$B$24,21,0),MOD($C702,24)+1)/SUM(INDEX($D$3:$AA$30,INDEX(Jesper!$R$2:$R$366,ROW(INDEX(Jesper!AJ$2:AJ$366,ROUNDDOWN($C702/24,0)+1,1))-1)+IF('Standard Profiles'!$G$20=$B$10,7,0)+IF('Standard Profiles'!$G$20=$B$17,14,0)+IF('Standard Profiles'!$G$20=$B$24,21,0),0)),0)</f>
        <v>0</v>
      </c>
      <c r="G702" cm="1">
        <f t="array" ref="G702">IFERROR(INDEX(Jesper!AK$2:AK$366,ROUNDDOWN($C702/24,0)+1,1)*INDEX($D$3:$AA$30,INDEX(Jesper!$R$2:$R$366,ROW(INDEX(Jesper!AK$2:AK$366,ROUNDDOWN($C702/24,0)+1,1))-1)+IF('Standard Profiles'!$G$21=$B$10,7,0)+IF('Standard Profiles'!$G$21=$B$17,14,0)+IF('Standard Profiles'!$G$21=$B$24,21,0),MOD($C702,24)+1)/SUM(INDEX($D$3:$AA$30,INDEX(Jesper!$R$2:$R$366,ROW(INDEX(Jesper!AK$2:AK$366,ROUNDDOWN($C702/24,0)+1,1))-1)+IF('Standard Profiles'!$G$21=$B$10,7,0)+IF('Standard Profiles'!$G$21=$B$17,14,0)+IF('Standard Profiles'!$G$21=$B$24,21,0),0)),0)</f>
        <v>0</v>
      </c>
      <c r="H702" cm="1">
        <f t="array" ref="H702">IFERROR(INDEX(Jesper!AL$2:AL$366,ROUNDDOWN($C702/24,0)+1,1)*INDEX($D$3:$AA$30,INDEX(Jesper!$R$2:$R$366,ROW(INDEX(Jesper!AL$2:AL$366,ROUNDDOWN($C702/24,0)+1,1))-1)+IF('Standard Profiles'!$G$22=$B$10,7,0)+IF('Standard Profiles'!$G$22=$B$17,14,0)+IF('Standard Profiles'!$G$22=$B$24,21,0),MOD($C702,24)+1)/SUM(INDEX($D$3:$AA$30,INDEX(Jesper!$R$2:$R$366,ROW(INDEX(Jesper!AL$2:AL$366,ROUNDDOWN($C702/24,0)+1,1))-1)+IF('Standard Profiles'!$G$22=$B$10,7,0)+IF('Standard Profiles'!$G$22=$B$17,14,0)+IF('Standard Profiles'!$G$22=$B$24,21,0),0)),0)</f>
        <v>0</v>
      </c>
      <c r="I702">
        <f t="shared" si="90"/>
        <v>0.13730757711017866</v>
      </c>
      <c r="J702">
        <f t="shared" si="91"/>
        <v>0.45769192370059564</v>
      </c>
      <c r="K702">
        <f t="shared" si="92"/>
        <v>0.68653788555089346</v>
      </c>
      <c r="L702">
        <f t="shared" si="93"/>
        <v>7.2029363617246389</v>
      </c>
      <c r="M702">
        <f t="shared" si="94"/>
        <v>0</v>
      </c>
      <c r="N702" s="46">
        <f t="shared" si="95"/>
        <v>45319.833333331713</v>
      </c>
    </row>
    <row r="703" spans="2:14" x14ac:dyDescent="0.3">
      <c r="B703">
        <f t="shared" si="89"/>
        <v>7</v>
      </c>
      <c r="C703" s="16">
        <v>669</v>
      </c>
      <c r="D703" cm="1">
        <f t="array" ref="D703">IFERROR(INDEX(Jesper!AH$2:AH$366,ROUNDDOWN($C703/24,0)+1,1)*INDEX($D$3:$AA$30,INDEX(Jesper!$R$2:$R$366,ROW(INDEX(Jesper!AH$2:AH$366,ROUNDDOWN($C703/24,0)+1,1))-1)+IF('Standard Profiles'!$G$18=$B$10,7,0)+IF('Standard Profiles'!$G$18=$B$17,14,0)+IF('Standard Profiles'!$G$18=$B$24,21,0),MOD($C703,24)+1)/SUM(INDEX($D$3:$AA$30,INDEX(Jesper!$R$2:$R$366,ROW(INDEX(Jesper!AH$2:AH$366,ROUNDDOWN($C703/24,0)+1,1))-1)+IF('Standard Profiles'!$G$18=$B$10,7,0)+IF('Standard Profiles'!$G$18=$B$17,14,0)+IF('Standard Profiles'!$G$18=$B$24,21,0),0)),0)</f>
        <v>6.0622487205938631</v>
      </c>
      <c r="E703" cm="1">
        <f t="array" ref="E703">IFERROR(INDEX(Jesper!AI$2:AI$366,ROUNDDOWN($C703/24,0)+1,1)*INDEX($D$3:$AA$30,INDEX(Jesper!$R$2:$R$366,ROW(INDEX(Jesper!AI$2:AI$366,ROUNDDOWN($C703/24,0)+1,1))-1)+IF('Standard Profiles'!$G$19=$B$10,7,0)+IF('Standard Profiles'!$G$19=$B$17,14,0)+IF('Standard Profiles'!$G$19=$B$24,21,0),MOD($C703,24)+1)/SUM(INDEX($D$3:$AA$30,INDEX(Jesper!$R$2:$R$366,ROW(INDEX(Jesper!AI$2:AI$366,ROUNDDOWN($C703/24,0)+1,1))-1)+IF('Standard Profiles'!$G$19=$B$10,7,0)+IF('Standard Profiles'!$G$19=$B$17,14,0)+IF('Standard Profiles'!$G$19=$B$24,21,0),0)),0)</f>
        <v>1.3274542212877594</v>
      </c>
      <c r="F703" cm="1">
        <f t="array" ref="F703">IFERROR(INDEX(Jesper!AJ$2:AJ$366,ROUNDDOWN($C703/24,0)+1,1)*INDEX($D$3:$AA$30,INDEX(Jesper!$R$2:$R$366,ROW(INDEX(Jesper!AJ$2:AJ$366,ROUNDDOWN($C703/24,0)+1,1))-1)+IF('Standard Profiles'!$G$20=$B$10,7,0)+IF('Standard Profiles'!$G$20=$B$17,14,0)+IF('Standard Profiles'!$G$20=$B$24,21,0),MOD($C703,24)+1)/SUM(INDEX($D$3:$AA$30,INDEX(Jesper!$R$2:$R$366,ROW(INDEX(Jesper!AJ$2:AJ$366,ROUNDDOWN($C703/24,0)+1,1))-1)+IF('Standard Profiles'!$G$20=$B$10,7,0)+IF('Standard Profiles'!$G$20=$B$17,14,0)+IF('Standard Profiles'!$G$20=$B$24,21,0),0)),0)</f>
        <v>0</v>
      </c>
      <c r="G703" cm="1">
        <f t="array" ref="G703">IFERROR(INDEX(Jesper!AK$2:AK$366,ROUNDDOWN($C703/24,0)+1,1)*INDEX($D$3:$AA$30,INDEX(Jesper!$R$2:$R$366,ROW(INDEX(Jesper!AK$2:AK$366,ROUNDDOWN($C703/24,0)+1,1))-1)+IF('Standard Profiles'!$G$21=$B$10,7,0)+IF('Standard Profiles'!$G$21=$B$17,14,0)+IF('Standard Profiles'!$G$21=$B$24,21,0),MOD($C703,24)+1)/SUM(INDEX($D$3:$AA$30,INDEX(Jesper!$R$2:$R$366,ROW(INDEX(Jesper!AK$2:AK$366,ROUNDDOWN($C703/24,0)+1,1))-1)+IF('Standard Profiles'!$G$21=$B$10,7,0)+IF('Standard Profiles'!$G$21=$B$17,14,0)+IF('Standard Profiles'!$G$21=$B$24,21,0),0)),0)</f>
        <v>0</v>
      </c>
      <c r="H703" cm="1">
        <f t="array" ref="H703">IFERROR(INDEX(Jesper!AL$2:AL$366,ROUNDDOWN($C703/24,0)+1,1)*INDEX($D$3:$AA$30,INDEX(Jesper!$R$2:$R$366,ROW(INDEX(Jesper!AL$2:AL$366,ROUNDDOWN($C703/24,0)+1,1))-1)+IF('Standard Profiles'!$G$22=$B$10,7,0)+IF('Standard Profiles'!$G$22=$B$17,14,0)+IF('Standard Profiles'!$G$22=$B$24,21,0),MOD($C703,24)+1)/SUM(INDEX($D$3:$AA$30,INDEX(Jesper!$R$2:$R$366,ROW(INDEX(Jesper!AL$2:AL$366,ROUNDDOWN($C703/24,0)+1,1))-1)+IF('Standard Profiles'!$G$22=$B$10,7,0)+IF('Standard Profiles'!$G$22=$B$17,14,0)+IF('Standard Profiles'!$G$22=$B$24,21,0),0)),0)</f>
        <v>0</v>
      </c>
      <c r="I703">
        <f t="shared" si="90"/>
        <v>0.11959047038628466</v>
      </c>
      <c r="J703">
        <f t="shared" si="91"/>
        <v>0.39863490128761558</v>
      </c>
      <c r="K703">
        <f t="shared" si="92"/>
        <v>0.59795235193142338</v>
      </c>
      <c r="L703">
        <f t="shared" si="93"/>
        <v>6.2735252182762986</v>
      </c>
      <c r="M703">
        <f t="shared" si="94"/>
        <v>0</v>
      </c>
      <c r="N703" s="46">
        <f t="shared" si="95"/>
        <v>45319.874999998377</v>
      </c>
    </row>
    <row r="704" spans="2:14" x14ac:dyDescent="0.3">
      <c r="B704">
        <f t="shared" si="89"/>
        <v>7</v>
      </c>
      <c r="C704" s="16">
        <v>670</v>
      </c>
      <c r="D704" cm="1">
        <f t="array" ref="D704">IFERROR(INDEX(Jesper!AH$2:AH$366,ROUNDDOWN($C704/24,0)+1,1)*INDEX($D$3:$AA$30,INDEX(Jesper!$R$2:$R$366,ROW(INDEX(Jesper!AH$2:AH$366,ROUNDDOWN($C704/24,0)+1,1))-1)+IF('Standard Profiles'!$G$18=$B$10,7,0)+IF('Standard Profiles'!$G$18=$B$17,14,0)+IF('Standard Profiles'!$G$18=$B$24,21,0),MOD($C704,24)+1)/SUM(INDEX($D$3:$AA$30,INDEX(Jesper!$R$2:$R$366,ROW(INDEX(Jesper!AH$2:AH$366,ROUNDDOWN($C704/24,0)+1,1))-1)+IF('Standard Profiles'!$G$18=$B$10,7,0)+IF('Standard Profiles'!$G$18=$B$17,14,0)+IF('Standard Profiles'!$G$18=$B$24,21,0),0)),0)</f>
        <v>6.0622487205938631</v>
      </c>
      <c r="E704" cm="1">
        <f t="array" ref="E704">IFERROR(INDEX(Jesper!AI$2:AI$366,ROUNDDOWN($C704/24,0)+1,1)*INDEX($D$3:$AA$30,INDEX(Jesper!$R$2:$R$366,ROW(INDEX(Jesper!AI$2:AI$366,ROUNDDOWN($C704/24,0)+1,1))-1)+IF('Standard Profiles'!$G$19=$B$10,7,0)+IF('Standard Profiles'!$G$19=$B$17,14,0)+IF('Standard Profiles'!$G$19=$B$24,21,0),MOD($C704,24)+1)/SUM(INDEX($D$3:$AA$30,INDEX(Jesper!$R$2:$R$366,ROW(INDEX(Jesper!AI$2:AI$366,ROUNDDOWN($C704/24,0)+1,1))-1)+IF('Standard Profiles'!$G$19=$B$10,7,0)+IF('Standard Profiles'!$G$19=$B$17,14,0)+IF('Standard Profiles'!$G$19=$B$24,21,0),0)),0)</f>
        <v>1.3274542212877594</v>
      </c>
      <c r="F704" cm="1">
        <f t="array" ref="F704">IFERROR(INDEX(Jesper!AJ$2:AJ$366,ROUNDDOWN($C704/24,0)+1,1)*INDEX($D$3:$AA$30,INDEX(Jesper!$R$2:$R$366,ROW(INDEX(Jesper!AJ$2:AJ$366,ROUNDDOWN($C704/24,0)+1,1))-1)+IF('Standard Profiles'!$G$20=$B$10,7,0)+IF('Standard Profiles'!$G$20=$B$17,14,0)+IF('Standard Profiles'!$G$20=$B$24,21,0),MOD($C704,24)+1)/SUM(INDEX($D$3:$AA$30,INDEX(Jesper!$R$2:$R$366,ROW(INDEX(Jesper!AJ$2:AJ$366,ROUNDDOWN($C704/24,0)+1,1))-1)+IF('Standard Profiles'!$G$20=$B$10,7,0)+IF('Standard Profiles'!$G$20=$B$17,14,0)+IF('Standard Profiles'!$G$20=$B$24,21,0),0)),0)</f>
        <v>0</v>
      </c>
      <c r="G704" cm="1">
        <f t="array" ref="G704">IFERROR(INDEX(Jesper!AK$2:AK$366,ROUNDDOWN($C704/24,0)+1,1)*INDEX($D$3:$AA$30,INDEX(Jesper!$R$2:$R$366,ROW(INDEX(Jesper!AK$2:AK$366,ROUNDDOWN($C704/24,0)+1,1))-1)+IF('Standard Profiles'!$G$21=$B$10,7,0)+IF('Standard Profiles'!$G$21=$B$17,14,0)+IF('Standard Profiles'!$G$21=$B$24,21,0),MOD($C704,24)+1)/SUM(INDEX($D$3:$AA$30,INDEX(Jesper!$R$2:$R$366,ROW(INDEX(Jesper!AK$2:AK$366,ROUNDDOWN($C704/24,0)+1,1))-1)+IF('Standard Profiles'!$G$21=$B$10,7,0)+IF('Standard Profiles'!$G$21=$B$17,14,0)+IF('Standard Profiles'!$G$21=$B$24,21,0),0)),0)</f>
        <v>0</v>
      </c>
      <c r="H704" cm="1">
        <f t="array" ref="H704">IFERROR(INDEX(Jesper!AL$2:AL$366,ROUNDDOWN($C704/24,0)+1,1)*INDEX($D$3:$AA$30,INDEX(Jesper!$R$2:$R$366,ROW(INDEX(Jesper!AL$2:AL$366,ROUNDDOWN($C704/24,0)+1,1))-1)+IF('Standard Profiles'!$G$22=$B$10,7,0)+IF('Standard Profiles'!$G$22=$B$17,14,0)+IF('Standard Profiles'!$G$22=$B$24,21,0),MOD($C704,24)+1)/SUM(INDEX($D$3:$AA$30,INDEX(Jesper!$R$2:$R$366,ROW(INDEX(Jesper!AL$2:AL$366,ROUNDDOWN($C704/24,0)+1,1))-1)+IF('Standard Profiles'!$G$22=$B$10,7,0)+IF('Standard Profiles'!$G$22=$B$17,14,0)+IF('Standard Profiles'!$G$22=$B$24,21,0),0)),0)</f>
        <v>0</v>
      </c>
      <c r="I704">
        <f t="shared" si="90"/>
        <v>0.11959047038628466</v>
      </c>
      <c r="J704">
        <f t="shared" si="91"/>
        <v>0.39863490128761558</v>
      </c>
      <c r="K704">
        <f t="shared" si="92"/>
        <v>0.59795235193142338</v>
      </c>
      <c r="L704">
        <f t="shared" si="93"/>
        <v>6.2735252182762986</v>
      </c>
      <c r="M704">
        <f t="shared" si="94"/>
        <v>0</v>
      </c>
      <c r="N704" s="46">
        <f t="shared" si="95"/>
        <v>45319.916666665042</v>
      </c>
    </row>
    <row r="705" spans="2:14" x14ac:dyDescent="0.3">
      <c r="B705">
        <f t="shared" si="89"/>
        <v>7</v>
      </c>
      <c r="C705" s="16">
        <v>671</v>
      </c>
      <c r="D705" cm="1">
        <f t="array" ref="D705">IFERROR(INDEX(Jesper!AH$2:AH$366,ROUNDDOWN($C705/24,0)+1,1)*INDEX($D$3:$AA$30,INDEX(Jesper!$R$2:$R$366,ROW(INDEX(Jesper!AH$2:AH$366,ROUNDDOWN($C705/24,0)+1,1))-1)+IF('Standard Profiles'!$G$18=$B$10,7,0)+IF('Standard Profiles'!$G$18=$B$17,14,0)+IF('Standard Profiles'!$G$18=$B$24,21,0),MOD($C705,24)+1)/SUM(INDEX($D$3:$AA$30,INDEX(Jesper!$R$2:$R$366,ROW(INDEX(Jesper!AH$2:AH$366,ROUNDDOWN($C705/24,0)+1,1))-1)+IF('Standard Profiles'!$G$18=$B$10,7,0)+IF('Standard Profiles'!$G$18=$B$17,14,0)+IF('Standard Profiles'!$G$18=$B$24,21,0),0)),0)</f>
        <v>6.0622487205938631</v>
      </c>
      <c r="E705" cm="1">
        <f t="array" ref="E705">IFERROR(INDEX(Jesper!AI$2:AI$366,ROUNDDOWN($C705/24,0)+1,1)*INDEX($D$3:$AA$30,INDEX(Jesper!$R$2:$R$366,ROW(INDEX(Jesper!AI$2:AI$366,ROUNDDOWN($C705/24,0)+1,1))-1)+IF('Standard Profiles'!$G$19=$B$10,7,0)+IF('Standard Profiles'!$G$19=$B$17,14,0)+IF('Standard Profiles'!$G$19=$B$24,21,0),MOD($C705,24)+1)/SUM(INDEX($D$3:$AA$30,INDEX(Jesper!$R$2:$R$366,ROW(INDEX(Jesper!AI$2:AI$366,ROUNDDOWN($C705/24,0)+1,1))-1)+IF('Standard Profiles'!$G$19=$B$10,7,0)+IF('Standard Profiles'!$G$19=$B$17,14,0)+IF('Standard Profiles'!$G$19=$B$24,21,0),0)),0)</f>
        <v>1.3274542212877594</v>
      </c>
      <c r="F705" cm="1">
        <f t="array" ref="F705">IFERROR(INDEX(Jesper!AJ$2:AJ$366,ROUNDDOWN($C705/24,0)+1,1)*INDEX($D$3:$AA$30,INDEX(Jesper!$R$2:$R$366,ROW(INDEX(Jesper!AJ$2:AJ$366,ROUNDDOWN($C705/24,0)+1,1))-1)+IF('Standard Profiles'!$G$20=$B$10,7,0)+IF('Standard Profiles'!$G$20=$B$17,14,0)+IF('Standard Profiles'!$G$20=$B$24,21,0),MOD($C705,24)+1)/SUM(INDEX($D$3:$AA$30,INDEX(Jesper!$R$2:$R$366,ROW(INDEX(Jesper!AJ$2:AJ$366,ROUNDDOWN($C705/24,0)+1,1))-1)+IF('Standard Profiles'!$G$20=$B$10,7,0)+IF('Standard Profiles'!$G$20=$B$17,14,0)+IF('Standard Profiles'!$G$20=$B$24,21,0),0)),0)</f>
        <v>0</v>
      </c>
      <c r="G705" cm="1">
        <f t="array" ref="G705">IFERROR(INDEX(Jesper!AK$2:AK$366,ROUNDDOWN($C705/24,0)+1,1)*INDEX($D$3:$AA$30,INDEX(Jesper!$R$2:$R$366,ROW(INDEX(Jesper!AK$2:AK$366,ROUNDDOWN($C705/24,0)+1,1))-1)+IF('Standard Profiles'!$G$21=$B$10,7,0)+IF('Standard Profiles'!$G$21=$B$17,14,0)+IF('Standard Profiles'!$G$21=$B$24,21,0),MOD($C705,24)+1)/SUM(INDEX($D$3:$AA$30,INDEX(Jesper!$R$2:$R$366,ROW(INDEX(Jesper!AK$2:AK$366,ROUNDDOWN($C705/24,0)+1,1))-1)+IF('Standard Profiles'!$G$21=$B$10,7,0)+IF('Standard Profiles'!$G$21=$B$17,14,0)+IF('Standard Profiles'!$G$21=$B$24,21,0),0)),0)</f>
        <v>0</v>
      </c>
      <c r="H705" cm="1">
        <f t="array" ref="H705">IFERROR(INDEX(Jesper!AL$2:AL$366,ROUNDDOWN($C705/24,0)+1,1)*INDEX($D$3:$AA$30,INDEX(Jesper!$R$2:$R$366,ROW(INDEX(Jesper!AL$2:AL$366,ROUNDDOWN($C705/24,0)+1,1))-1)+IF('Standard Profiles'!$G$22=$B$10,7,0)+IF('Standard Profiles'!$G$22=$B$17,14,0)+IF('Standard Profiles'!$G$22=$B$24,21,0),MOD($C705,24)+1)/SUM(INDEX($D$3:$AA$30,INDEX(Jesper!$R$2:$R$366,ROW(INDEX(Jesper!AL$2:AL$366,ROUNDDOWN($C705/24,0)+1,1))-1)+IF('Standard Profiles'!$G$22=$B$10,7,0)+IF('Standard Profiles'!$G$22=$B$17,14,0)+IF('Standard Profiles'!$G$22=$B$24,21,0),0)),0)</f>
        <v>0</v>
      </c>
      <c r="I705">
        <f t="shared" si="90"/>
        <v>0.11959047038628466</v>
      </c>
      <c r="J705">
        <f t="shared" si="91"/>
        <v>0.39863490128761558</v>
      </c>
      <c r="K705">
        <f t="shared" si="92"/>
        <v>0.59795235193142338</v>
      </c>
      <c r="L705">
        <f t="shared" si="93"/>
        <v>6.2735252182762986</v>
      </c>
      <c r="M705">
        <f t="shared" si="94"/>
        <v>0</v>
      </c>
      <c r="N705" s="46">
        <f t="shared" si="95"/>
        <v>45319.958333331706</v>
      </c>
    </row>
    <row r="706" spans="2:14" x14ac:dyDescent="0.3">
      <c r="B706">
        <f t="shared" si="89"/>
        <v>1</v>
      </c>
      <c r="C706" s="16">
        <v>672</v>
      </c>
      <c r="D706" cm="1">
        <f t="array" ref="D706">IFERROR(INDEX(Jesper!AH$2:AH$366,ROUNDDOWN($C706/24,0)+1,1)*INDEX($D$3:$AA$30,INDEX(Jesper!$R$2:$R$366,ROW(INDEX(Jesper!AH$2:AH$366,ROUNDDOWN($C706/24,0)+1,1))-1)+IF('Standard Profiles'!$G$18=$B$10,7,0)+IF('Standard Profiles'!$G$18=$B$17,14,0)+IF('Standard Profiles'!$G$18=$B$24,21,0),MOD($C706,24)+1)/SUM(INDEX($D$3:$AA$30,INDEX(Jesper!$R$2:$R$366,ROW(INDEX(Jesper!AH$2:AH$366,ROUNDDOWN($C706/24,0)+1,1))-1)+IF('Standard Profiles'!$G$18=$B$10,7,0)+IF('Standard Profiles'!$G$18=$B$17,14,0)+IF('Standard Profiles'!$G$18=$B$24,21,0),0)),0)</f>
        <v>2.5809992756350906</v>
      </c>
      <c r="E706" cm="1">
        <f t="array" ref="E706">IFERROR(INDEX(Jesper!AI$2:AI$366,ROUNDDOWN($C706/24,0)+1,1)*INDEX($D$3:$AA$30,INDEX(Jesper!$R$2:$R$366,ROW(INDEX(Jesper!AI$2:AI$366,ROUNDDOWN($C706/24,0)+1,1))-1)+IF('Standard Profiles'!$G$19=$B$10,7,0)+IF('Standard Profiles'!$G$19=$B$17,14,0)+IF('Standard Profiles'!$G$19=$B$24,21,0),MOD($C706,24)+1)/SUM(INDEX($D$3:$AA$30,INDEX(Jesper!$R$2:$R$366,ROW(INDEX(Jesper!AI$2:AI$366,ROUNDDOWN($C706/24,0)+1,1))-1)+IF('Standard Profiles'!$G$19=$B$10,7,0)+IF('Standard Profiles'!$G$19=$B$17,14,0)+IF('Standard Profiles'!$G$19=$B$24,21,0),0)),0)</f>
        <v>0</v>
      </c>
      <c r="F706" cm="1">
        <f t="array" ref="F706">IFERROR(INDEX(Jesper!AJ$2:AJ$366,ROUNDDOWN($C706/24,0)+1,1)*INDEX($D$3:$AA$30,INDEX(Jesper!$R$2:$R$366,ROW(INDEX(Jesper!AJ$2:AJ$366,ROUNDDOWN($C706/24,0)+1,1))-1)+IF('Standard Profiles'!$G$20=$B$10,7,0)+IF('Standard Profiles'!$G$20=$B$17,14,0)+IF('Standard Profiles'!$G$20=$B$24,21,0),MOD($C706,24)+1)/SUM(INDEX($D$3:$AA$30,INDEX(Jesper!$R$2:$R$366,ROW(INDEX(Jesper!AJ$2:AJ$366,ROUNDDOWN($C706/24,0)+1,1))-1)+IF('Standard Profiles'!$G$20=$B$10,7,0)+IF('Standard Profiles'!$G$20=$B$17,14,0)+IF('Standard Profiles'!$G$20=$B$24,21,0),0)),0)</f>
        <v>0</v>
      </c>
      <c r="G706" cm="1">
        <f t="array" ref="G706">IFERROR(INDEX(Jesper!AK$2:AK$366,ROUNDDOWN($C706/24,0)+1,1)*INDEX($D$3:$AA$30,INDEX(Jesper!$R$2:$R$366,ROW(INDEX(Jesper!AK$2:AK$366,ROUNDDOWN($C706/24,0)+1,1))-1)+IF('Standard Profiles'!$G$21=$B$10,7,0)+IF('Standard Profiles'!$G$21=$B$17,14,0)+IF('Standard Profiles'!$G$21=$B$24,21,0),MOD($C706,24)+1)/SUM(INDEX($D$3:$AA$30,INDEX(Jesper!$R$2:$R$366,ROW(INDEX(Jesper!AK$2:AK$366,ROUNDDOWN($C706/24,0)+1,1))-1)+IF('Standard Profiles'!$G$21=$B$10,7,0)+IF('Standard Profiles'!$G$21=$B$17,14,0)+IF('Standard Profiles'!$G$21=$B$24,21,0),0)),0)</f>
        <v>0</v>
      </c>
      <c r="H706" cm="1">
        <f t="array" ref="H706">IFERROR(INDEX(Jesper!AL$2:AL$366,ROUNDDOWN($C706/24,0)+1,1)*INDEX($D$3:$AA$30,INDEX(Jesper!$R$2:$R$366,ROW(INDEX(Jesper!AL$2:AL$366,ROUNDDOWN($C706/24,0)+1,1))-1)+IF('Standard Profiles'!$G$22=$B$10,7,0)+IF('Standard Profiles'!$G$22=$B$17,14,0)+IF('Standard Profiles'!$G$22=$B$24,21,0),MOD($C706,24)+1)/SUM(INDEX($D$3:$AA$30,INDEX(Jesper!$R$2:$R$366,ROW(INDEX(Jesper!AL$2:AL$366,ROUNDDOWN($C706/24,0)+1,1))-1)+IF('Standard Profiles'!$G$22=$B$10,7,0)+IF('Standard Profiles'!$G$22=$B$17,14,0)+IF('Standard Profiles'!$G$22=$B$24,21,0),0)),0)</f>
        <v>0</v>
      </c>
      <c r="I706">
        <f t="shared" si="90"/>
        <v>7.7429978269052721E-2</v>
      </c>
      <c r="J706">
        <f t="shared" si="91"/>
        <v>0.25809992756350908</v>
      </c>
      <c r="K706">
        <f t="shared" si="92"/>
        <v>0.38714989134526356</v>
      </c>
      <c r="L706">
        <f t="shared" si="93"/>
        <v>1.8583194784572652</v>
      </c>
      <c r="M706">
        <f t="shared" si="94"/>
        <v>0</v>
      </c>
      <c r="N706" s="46">
        <f t="shared" si="95"/>
        <v>45319.99999999837</v>
      </c>
    </row>
    <row r="707" spans="2:14" x14ac:dyDescent="0.3">
      <c r="B707">
        <f t="shared" si="89"/>
        <v>1</v>
      </c>
      <c r="C707" s="16">
        <v>673</v>
      </c>
      <c r="D707" cm="1">
        <f t="array" ref="D707">IFERROR(INDEX(Jesper!AH$2:AH$366,ROUNDDOWN($C707/24,0)+1,1)*INDEX($D$3:$AA$30,INDEX(Jesper!$R$2:$R$366,ROW(INDEX(Jesper!AH$2:AH$366,ROUNDDOWN($C707/24,0)+1,1))-1)+IF('Standard Profiles'!$G$18=$B$10,7,0)+IF('Standard Profiles'!$G$18=$B$17,14,0)+IF('Standard Profiles'!$G$18=$B$24,21,0),MOD($C707,24)+1)/SUM(INDEX($D$3:$AA$30,INDEX(Jesper!$R$2:$R$366,ROW(INDEX(Jesper!AH$2:AH$366,ROUNDDOWN($C707/24,0)+1,1))-1)+IF('Standard Profiles'!$G$18=$B$10,7,0)+IF('Standard Profiles'!$G$18=$B$17,14,0)+IF('Standard Profiles'!$G$18=$B$24,21,0),0)),0)</f>
        <v>2.5809992756350906</v>
      </c>
      <c r="E707" cm="1">
        <f t="array" ref="E707">IFERROR(INDEX(Jesper!AI$2:AI$366,ROUNDDOWN($C707/24,0)+1,1)*INDEX($D$3:$AA$30,INDEX(Jesper!$R$2:$R$366,ROW(INDEX(Jesper!AI$2:AI$366,ROUNDDOWN($C707/24,0)+1,1))-1)+IF('Standard Profiles'!$G$19=$B$10,7,0)+IF('Standard Profiles'!$G$19=$B$17,14,0)+IF('Standard Profiles'!$G$19=$B$24,21,0),MOD($C707,24)+1)/SUM(INDEX($D$3:$AA$30,INDEX(Jesper!$R$2:$R$366,ROW(INDEX(Jesper!AI$2:AI$366,ROUNDDOWN($C707/24,0)+1,1))-1)+IF('Standard Profiles'!$G$19=$B$10,7,0)+IF('Standard Profiles'!$G$19=$B$17,14,0)+IF('Standard Profiles'!$G$19=$B$24,21,0),0)),0)</f>
        <v>0</v>
      </c>
      <c r="F707" cm="1">
        <f t="array" ref="F707">IFERROR(INDEX(Jesper!AJ$2:AJ$366,ROUNDDOWN($C707/24,0)+1,1)*INDEX($D$3:$AA$30,INDEX(Jesper!$R$2:$R$366,ROW(INDEX(Jesper!AJ$2:AJ$366,ROUNDDOWN($C707/24,0)+1,1))-1)+IF('Standard Profiles'!$G$20=$B$10,7,0)+IF('Standard Profiles'!$G$20=$B$17,14,0)+IF('Standard Profiles'!$G$20=$B$24,21,0),MOD($C707,24)+1)/SUM(INDEX($D$3:$AA$30,INDEX(Jesper!$R$2:$R$366,ROW(INDEX(Jesper!AJ$2:AJ$366,ROUNDDOWN($C707/24,0)+1,1))-1)+IF('Standard Profiles'!$G$20=$B$10,7,0)+IF('Standard Profiles'!$G$20=$B$17,14,0)+IF('Standard Profiles'!$G$20=$B$24,21,0),0)),0)</f>
        <v>0</v>
      </c>
      <c r="G707" cm="1">
        <f t="array" ref="G707">IFERROR(INDEX(Jesper!AK$2:AK$366,ROUNDDOWN($C707/24,0)+1,1)*INDEX($D$3:$AA$30,INDEX(Jesper!$R$2:$R$366,ROW(INDEX(Jesper!AK$2:AK$366,ROUNDDOWN($C707/24,0)+1,1))-1)+IF('Standard Profiles'!$G$21=$B$10,7,0)+IF('Standard Profiles'!$G$21=$B$17,14,0)+IF('Standard Profiles'!$G$21=$B$24,21,0),MOD($C707,24)+1)/SUM(INDEX($D$3:$AA$30,INDEX(Jesper!$R$2:$R$366,ROW(INDEX(Jesper!AK$2:AK$366,ROUNDDOWN($C707/24,0)+1,1))-1)+IF('Standard Profiles'!$G$21=$B$10,7,0)+IF('Standard Profiles'!$G$21=$B$17,14,0)+IF('Standard Profiles'!$G$21=$B$24,21,0),0)),0)</f>
        <v>0</v>
      </c>
      <c r="H707" cm="1">
        <f t="array" ref="H707">IFERROR(INDEX(Jesper!AL$2:AL$366,ROUNDDOWN($C707/24,0)+1,1)*INDEX($D$3:$AA$30,INDEX(Jesper!$R$2:$R$366,ROW(INDEX(Jesper!AL$2:AL$366,ROUNDDOWN($C707/24,0)+1,1))-1)+IF('Standard Profiles'!$G$22=$B$10,7,0)+IF('Standard Profiles'!$G$22=$B$17,14,0)+IF('Standard Profiles'!$G$22=$B$24,21,0),MOD($C707,24)+1)/SUM(INDEX($D$3:$AA$30,INDEX(Jesper!$R$2:$R$366,ROW(INDEX(Jesper!AL$2:AL$366,ROUNDDOWN($C707/24,0)+1,1))-1)+IF('Standard Profiles'!$G$22=$B$10,7,0)+IF('Standard Profiles'!$G$22=$B$17,14,0)+IF('Standard Profiles'!$G$22=$B$24,21,0),0)),0)</f>
        <v>0</v>
      </c>
      <c r="I707">
        <f t="shared" si="90"/>
        <v>7.7429978269052721E-2</v>
      </c>
      <c r="J707">
        <f t="shared" si="91"/>
        <v>0.25809992756350908</v>
      </c>
      <c r="K707">
        <f t="shared" si="92"/>
        <v>0.38714989134526356</v>
      </c>
      <c r="L707">
        <f t="shared" si="93"/>
        <v>1.8583194784572652</v>
      </c>
      <c r="M707">
        <f t="shared" si="94"/>
        <v>0</v>
      </c>
      <c r="N707" s="46">
        <f t="shared" si="95"/>
        <v>45320.041666665034</v>
      </c>
    </row>
    <row r="708" spans="2:14" x14ac:dyDescent="0.3">
      <c r="B708">
        <f t="shared" si="89"/>
        <v>1</v>
      </c>
      <c r="C708" s="16">
        <v>674</v>
      </c>
      <c r="D708" cm="1">
        <f t="array" ref="D708">IFERROR(INDEX(Jesper!AH$2:AH$366,ROUNDDOWN($C708/24,0)+1,1)*INDEX($D$3:$AA$30,INDEX(Jesper!$R$2:$R$366,ROW(INDEX(Jesper!AH$2:AH$366,ROUNDDOWN($C708/24,0)+1,1))-1)+IF('Standard Profiles'!$G$18=$B$10,7,0)+IF('Standard Profiles'!$G$18=$B$17,14,0)+IF('Standard Profiles'!$G$18=$B$24,21,0),MOD($C708,24)+1)/SUM(INDEX($D$3:$AA$30,INDEX(Jesper!$R$2:$R$366,ROW(INDEX(Jesper!AH$2:AH$366,ROUNDDOWN($C708/24,0)+1,1))-1)+IF('Standard Profiles'!$G$18=$B$10,7,0)+IF('Standard Profiles'!$G$18=$B$17,14,0)+IF('Standard Profiles'!$G$18=$B$24,21,0),0)),0)</f>
        <v>2.5809992756350906</v>
      </c>
      <c r="E708" cm="1">
        <f t="array" ref="E708">IFERROR(INDEX(Jesper!AI$2:AI$366,ROUNDDOWN($C708/24,0)+1,1)*INDEX($D$3:$AA$30,INDEX(Jesper!$R$2:$R$366,ROW(INDEX(Jesper!AI$2:AI$366,ROUNDDOWN($C708/24,0)+1,1))-1)+IF('Standard Profiles'!$G$19=$B$10,7,0)+IF('Standard Profiles'!$G$19=$B$17,14,0)+IF('Standard Profiles'!$G$19=$B$24,21,0),MOD($C708,24)+1)/SUM(INDEX($D$3:$AA$30,INDEX(Jesper!$R$2:$R$366,ROW(INDEX(Jesper!AI$2:AI$366,ROUNDDOWN($C708/24,0)+1,1))-1)+IF('Standard Profiles'!$G$19=$B$10,7,0)+IF('Standard Profiles'!$G$19=$B$17,14,0)+IF('Standard Profiles'!$G$19=$B$24,21,0),0)),0)</f>
        <v>0</v>
      </c>
      <c r="F708" cm="1">
        <f t="array" ref="F708">IFERROR(INDEX(Jesper!AJ$2:AJ$366,ROUNDDOWN($C708/24,0)+1,1)*INDEX($D$3:$AA$30,INDEX(Jesper!$R$2:$R$366,ROW(INDEX(Jesper!AJ$2:AJ$366,ROUNDDOWN($C708/24,0)+1,1))-1)+IF('Standard Profiles'!$G$20=$B$10,7,0)+IF('Standard Profiles'!$G$20=$B$17,14,0)+IF('Standard Profiles'!$G$20=$B$24,21,0),MOD($C708,24)+1)/SUM(INDEX($D$3:$AA$30,INDEX(Jesper!$R$2:$R$366,ROW(INDEX(Jesper!AJ$2:AJ$366,ROUNDDOWN($C708/24,0)+1,1))-1)+IF('Standard Profiles'!$G$20=$B$10,7,0)+IF('Standard Profiles'!$G$20=$B$17,14,0)+IF('Standard Profiles'!$G$20=$B$24,21,0),0)),0)</f>
        <v>0</v>
      </c>
      <c r="G708" cm="1">
        <f t="array" ref="G708">IFERROR(INDEX(Jesper!AK$2:AK$366,ROUNDDOWN($C708/24,0)+1,1)*INDEX($D$3:$AA$30,INDEX(Jesper!$R$2:$R$366,ROW(INDEX(Jesper!AK$2:AK$366,ROUNDDOWN($C708/24,0)+1,1))-1)+IF('Standard Profiles'!$G$21=$B$10,7,0)+IF('Standard Profiles'!$G$21=$B$17,14,0)+IF('Standard Profiles'!$G$21=$B$24,21,0),MOD($C708,24)+1)/SUM(INDEX($D$3:$AA$30,INDEX(Jesper!$R$2:$R$366,ROW(INDEX(Jesper!AK$2:AK$366,ROUNDDOWN($C708/24,0)+1,1))-1)+IF('Standard Profiles'!$G$21=$B$10,7,0)+IF('Standard Profiles'!$G$21=$B$17,14,0)+IF('Standard Profiles'!$G$21=$B$24,21,0),0)),0)</f>
        <v>0</v>
      </c>
      <c r="H708" cm="1">
        <f t="array" ref="H708">IFERROR(INDEX(Jesper!AL$2:AL$366,ROUNDDOWN($C708/24,0)+1,1)*INDEX($D$3:$AA$30,INDEX(Jesper!$R$2:$R$366,ROW(INDEX(Jesper!AL$2:AL$366,ROUNDDOWN($C708/24,0)+1,1))-1)+IF('Standard Profiles'!$G$22=$B$10,7,0)+IF('Standard Profiles'!$G$22=$B$17,14,0)+IF('Standard Profiles'!$G$22=$B$24,21,0),MOD($C708,24)+1)/SUM(INDEX($D$3:$AA$30,INDEX(Jesper!$R$2:$R$366,ROW(INDEX(Jesper!AL$2:AL$366,ROUNDDOWN($C708/24,0)+1,1))-1)+IF('Standard Profiles'!$G$22=$B$10,7,0)+IF('Standard Profiles'!$G$22=$B$17,14,0)+IF('Standard Profiles'!$G$22=$B$24,21,0),0)),0)</f>
        <v>0</v>
      </c>
      <c r="I708">
        <f t="shared" si="90"/>
        <v>7.7429978269052721E-2</v>
      </c>
      <c r="J708">
        <f t="shared" si="91"/>
        <v>0.25809992756350908</v>
      </c>
      <c r="K708">
        <f t="shared" si="92"/>
        <v>0.38714989134526356</v>
      </c>
      <c r="L708">
        <f t="shared" si="93"/>
        <v>1.8583194784572652</v>
      </c>
      <c r="M708">
        <f t="shared" si="94"/>
        <v>0</v>
      </c>
      <c r="N708" s="46">
        <f t="shared" si="95"/>
        <v>45320.083333331699</v>
      </c>
    </row>
    <row r="709" spans="2:14" x14ac:dyDescent="0.3">
      <c r="B709">
        <f t="shared" si="89"/>
        <v>1</v>
      </c>
      <c r="C709" s="16">
        <v>675</v>
      </c>
      <c r="D709" cm="1">
        <f t="array" ref="D709">IFERROR(INDEX(Jesper!AH$2:AH$366,ROUNDDOWN($C709/24,0)+1,1)*INDEX($D$3:$AA$30,INDEX(Jesper!$R$2:$R$366,ROW(INDEX(Jesper!AH$2:AH$366,ROUNDDOWN($C709/24,0)+1,1))-1)+IF('Standard Profiles'!$G$18=$B$10,7,0)+IF('Standard Profiles'!$G$18=$B$17,14,0)+IF('Standard Profiles'!$G$18=$B$24,21,0),MOD($C709,24)+1)/SUM(INDEX($D$3:$AA$30,INDEX(Jesper!$R$2:$R$366,ROW(INDEX(Jesper!AH$2:AH$366,ROUNDDOWN($C709/24,0)+1,1))-1)+IF('Standard Profiles'!$G$18=$B$10,7,0)+IF('Standard Profiles'!$G$18=$B$17,14,0)+IF('Standard Profiles'!$G$18=$B$24,21,0),0)),0)</f>
        <v>2.5809992756350906</v>
      </c>
      <c r="E709" cm="1">
        <f t="array" ref="E709">IFERROR(INDEX(Jesper!AI$2:AI$366,ROUNDDOWN($C709/24,0)+1,1)*INDEX($D$3:$AA$30,INDEX(Jesper!$R$2:$R$366,ROW(INDEX(Jesper!AI$2:AI$366,ROUNDDOWN($C709/24,0)+1,1))-1)+IF('Standard Profiles'!$G$19=$B$10,7,0)+IF('Standard Profiles'!$G$19=$B$17,14,0)+IF('Standard Profiles'!$G$19=$B$24,21,0),MOD($C709,24)+1)/SUM(INDEX($D$3:$AA$30,INDEX(Jesper!$R$2:$R$366,ROW(INDEX(Jesper!AI$2:AI$366,ROUNDDOWN($C709/24,0)+1,1))-1)+IF('Standard Profiles'!$G$19=$B$10,7,0)+IF('Standard Profiles'!$G$19=$B$17,14,0)+IF('Standard Profiles'!$G$19=$B$24,21,0),0)),0)</f>
        <v>0</v>
      </c>
      <c r="F709" cm="1">
        <f t="array" ref="F709">IFERROR(INDEX(Jesper!AJ$2:AJ$366,ROUNDDOWN($C709/24,0)+1,1)*INDEX($D$3:$AA$30,INDEX(Jesper!$R$2:$R$366,ROW(INDEX(Jesper!AJ$2:AJ$366,ROUNDDOWN($C709/24,0)+1,1))-1)+IF('Standard Profiles'!$G$20=$B$10,7,0)+IF('Standard Profiles'!$G$20=$B$17,14,0)+IF('Standard Profiles'!$G$20=$B$24,21,0),MOD($C709,24)+1)/SUM(INDEX($D$3:$AA$30,INDEX(Jesper!$R$2:$R$366,ROW(INDEX(Jesper!AJ$2:AJ$366,ROUNDDOWN($C709/24,0)+1,1))-1)+IF('Standard Profiles'!$G$20=$B$10,7,0)+IF('Standard Profiles'!$G$20=$B$17,14,0)+IF('Standard Profiles'!$G$20=$B$24,21,0),0)),0)</f>
        <v>0</v>
      </c>
      <c r="G709" cm="1">
        <f t="array" ref="G709">IFERROR(INDEX(Jesper!AK$2:AK$366,ROUNDDOWN($C709/24,0)+1,1)*INDEX($D$3:$AA$30,INDEX(Jesper!$R$2:$R$366,ROW(INDEX(Jesper!AK$2:AK$366,ROUNDDOWN($C709/24,0)+1,1))-1)+IF('Standard Profiles'!$G$21=$B$10,7,0)+IF('Standard Profiles'!$G$21=$B$17,14,0)+IF('Standard Profiles'!$G$21=$B$24,21,0),MOD($C709,24)+1)/SUM(INDEX($D$3:$AA$30,INDEX(Jesper!$R$2:$R$366,ROW(INDEX(Jesper!AK$2:AK$366,ROUNDDOWN($C709/24,0)+1,1))-1)+IF('Standard Profiles'!$G$21=$B$10,7,0)+IF('Standard Profiles'!$G$21=$B$17,14,0)+IF('Standard Profiles'!$G$21=$B$24,21,0),0)),0)</f>
        <v>0</v>
      </c>
      <c r="H709" cm="1">
        <f t="array" ref="H709">IFERROR(INDEX(Jesper!AL$2:AL$366,ROUNDDOWN($C709/24,0)+1,1)*INDEX($D$3:$AA$30,INDEX(Jesper!$R$2:$R$366,ROW(INDEX(Jesper!AL$2:AL$366,ROUNDDOWN($C709/24,0)+1,1))-1)+IF('Standard Profiles'!$G$22=$B$10,7,0)+IF('Standard Profiles'!$G$22=$B$17,14,0)+IF('Standard Profiles'!$G$22=$B$24,21,0),MOD($C709,24)+1)/SUM(INDEX($D$3:$AA$30,INDEX(Jesper!$R$2:$R$366,ROW(INDEX(Jesper!AL$2:AL$366,ROUNDDOWN($C709/24,0)+1,1))-1)+IF('Standard Profiles'!$G$22=$B$10,7,0)+IF('Standard Profiles'!$G$22=$B$17,14,0)+IF('Standard Profiles'!$G$22=$B$24,21,0),0)),0)</f>
        <v>0</v>
      </c>
      <c r="I709">
        <f t="shared" si="90"/>
        <v>7.7429978269052721E-2</v>
      </c>
      <c r="J709">
        <f t="shared" si="91"/>
        <v>0.25809992756350908</v>
      </c>
      <c r="K709">
        <f t="shared" si="92"/>
        <v>0.38714989134526356</v>
      </c>
      <c r="L709">
        <f t="shared" si="93"/>
        <v>1.8583194784572652</v>
      </c>
      <c r="M709">
        <f t="shared" si="94"/>
        <v>0</v>
      </c>
      <c r="N709" s="46">
        <f t="shared" si="95"/>
        <v>45320.124999998363</v>
      </c>
    </row>
    <row r="710" spans="2:14" x14ac:dyDescent="0.3">
      <c r="B710">
        <f t="shared" si="89"/>
        <v>1</v>
      </c>
      <c r="C710" s="16">
        <v>676</v>
      </c>
      <c r="D710" cm="1">
        <f t="array" ref="D710">IFERROR(INDEX(Jesper!AH$2:AH$366,ROUNDDOWN($C710/24,0)+1,1)*INDEX($D$3:$AA$30,INDEX(Jesper!$R$2:$R$366,ROW(INDEX(Jesper!AH$2:AH$366,ROUNDDOWN($C710/24,0)+1,1))-1)+IF('Standard Profiles'!$G$18=$B$10,7,0)+IF('Standard Profiles'!$G$18=$B$17,14,0)+IF('Standard Profiles'!$G$18=$B$24,21,0),MOD($C710,24)+1)/SUM(INDEX($D$3:$AA$30,INDEX(Jesper!$R$2:$R$366,ROW(INDEX(Jesper!AH$2:AH$366,ROUNDDOWN($C710/24,0)+1,1))-1)+IF('Standard Profiles'!$G$18=$B$10,7,0)+IF('Standard Profiles'!$G$18=$B$17,14,0)+IF('Standard Profiles'!$G$18=$B$24,21,0),0)),0)</f>
        <v>2.5809992756350906</v>
      </c>
      <c r="E710" cm="1">
        <f t="array" ref="E710">IFERROR(INDEX(Jesper!AI$2:AI$366,ROUNDDOWN($C710/24,0)+1,1)*INDEX($D$3:$AA$30,INDEX(Jesper!$R$2:$R$366,ROW(INDEX(Jesper!AI$2:AI$366,ROUNDDOWN($C710/24,0)+1,1))-1)+IF('Standard Profiles'!$G$19=$B$10,7,0)+IF('Standard Profiles'!$G$19=$B$17,14,0)+IF('Standard Profiles'!$G$19=$B$24,21,0),MOD($C710,24)+1)/SUM(INDEX($D$3:$AA$30,INDEX(Jesper!$R$2:$R$366,ROW(INDEX(Jesper!AI$2:AI$366,ROUNDDOWN($C710/24,0)+1,1))-1)+IF('Standard Profiles'!$G$19=$B$10,7,0)+IF('Standard Profiles'!$G$19=$B$17,14,0)+IF('Standard Profiles'!$G$19=$B$24,21,0),0)),0)</f>
        <v>0</v>
      </c>
      <c r="F710" cm="1">
        <f t="array" ref="F710">IFERROR(INDEX(Jesper!AJ$2:AJ$366,ROUNDDOWN($C710/24,0)+1,1)*INDEX($D$3:$AA$30,INDEX(Jesper!$R$2:$R$366,ROW(INDEX(Jesper!AJ$2:AJ$366,ROUNDDOWN($C710/24,0)+1,1))-1)+IF('Standard Profiles'!$G$20=$B$10,7,0)+IF('Standard Profiles'!$G$20=$B$17,14,0)+IF('Standard Profiles'!$G$20=$B$24,21,0),MOD($C710,24)+1)/SUM(INDEX($D$3:$AA$30,INDEX(Jesper!$R$2:$R$366,ROW(INDEX(Jesper!AJ$2:AJ$366,ROUNDDOWN($C710/24,0)+1,1))-1)+IF('Standard Profiles'!$G$20=$B$10,7,0)+IF('Standard Profiles'!$G$20=$B$17,14,0)+IF('Standard Profiles'!$G$20=$B$24,21,0),0)),0)</f>
        <v>0</v>
      </c>
      <c r="G710" cm="1">
        <f t="array" ref="G710">IFERROR(INDEX(Jesper!AK$2:AK$366,ROUNDDOWN($C710/24,0)+1,1)*INDEX($D$3:$AA$30,INDEX(Jesper!$R$2:$R$366,ROW(INDEX(Jesper!AK$2:AK$366,ROUNDDOWN($C710/24,0)+1,1))-1)+IF('Standard Profiles'!$G$21=$B$10,7,0)+IF('Standard Profiles'!$G$21=$B$17,14,0)+IF('Standard Profiles'!$G$21=$B$24,21,0),MOD($C710,24)+1)/SUM(INDEX($D$3:$AA$30,INDEX(Jesper!$R$2:$R$366,ROW(INDEX(Jesper!AK$2:AK$366,ROUNDDOWN($C710/24,0)+1,1))-1)+IF('Standard Profiles'!$G$21=$B$10,7,0)+IF('Standard Profiles'!$G$21=$B$17,14,0)+IF('Standard Profiles'!$G$21=$B$24,21,0),0)),0)</f>
        <v>0</v>
      </c>
      <c r="H710" cm="1">
        <f t="array" ref="H710">IFERROR(INDEX(Jesper!AL$2:AL$366,ROUNDDOWN($C710/24,0)+1,1)*INDEX($D$3:$AA$30,INDEX(Jesper!$R$2:$R$366,ROW(INDEX(Jesper!AL$2:AL$366,ROUNDDOWN($C710/24,0)+1,1))-1)+IF('Standard Profiles'!$G$22=$B$10,7,0)+IF('Standard Profiles'!$G$22=$B$17,14,0)+IF('Standard Profiles'!$G$22=$B$24,21,0),MOD($C710,24)+1)/SUM(INDEX($D$3:$AA$30,INDEX(Jesper!$R$2:$R$366,ROW(INDEX(Jesper!AL$2:AL$366,ROUNDDOWN($C710/24,0)+1,1))-1)+IF('Standard Profiles'!$G$22=$B$10,7,0)+IF('Standard Profiles'!$G$22=$B$17,14,0)+IF('Standard Profiles'!$G$22=$B$24,21,0),0)),0)</f>
        <v>0</v>
      </c>
      <c r="I710">
        <f t="shared" si="90"/>
        <v>7.7429978269052721E-2</v>
      </c>
      <c r="J710">
        <f t="shared" si="91"/>
        <v>0.25809992756350908</v>
      </c>
      <c r="K710">
        <f t="shared" si="92"/>
        <v>0.38714989134526356</v>
      </c>
      <c r="L710">
        <f t="shared" si="93"/>
        <v>1.8583194784572652</v>
      </c>
      <c r="M710">
        <f t="shared" si="94"/>
        <v>0</v>
      </c>
      <c r="N710" s="46">
        <f t="shared" si="95"/>
        <v>45320.166666665027</v>
      </c>
    </row>
    <row r="711" spans="2:14" x14ac:dyDescent="0.3">
      <c r="B711">
        <f t="shared" si="89"/>
        <v>1</v>
      </c>
      <c r="C711" s="16">
        <v>677</v>
      </c>
      <c r="D711" cm="1">
        <f t="array" ref="D711">IFERROR(INDEX(Jesper!AH$2:AH$366,ROUNDDOWN($C711/24,0)+1,1)*INDEX($D$3:$AA$30,INDEX(Jesper!$R$2:$R$366,ROW(INDEX(Jesper!AH$2:AH$366,ROUNDDOWN($C711/24,0)+1,1))-1)+IF('Standard Profiles'!$G$18=$B$10,7,0)+IF('Standard Profiles'!$G$18=$B$17,14,0)+IF('Standard Profiles'!$G$18=$B$24,21,0),MOD($C711,24)+1)/SUM(INDEX($D$3:$AA$30,INDEX(Jesper!$R$2:$R$366,ROW(INDEX(Jesper!AH$2:AH$366,ROUNDDOWN($C711/24,0)+1,1))-1)+IF('Standard Profiles'!$G$18=$B$10,7,0)+IF('Standard Profiles'!$G$18=$B$17,14,0)+IF('Standard Profiles'!$G$18=$B$24,21,0),0)),0)</f>
        <v>11.184330194418727</v>
      </c>
      <c r="E711" cm="1">
        <f t="array" ref="E711">IFERROR(INDEX(Jesper!AI$2:AI$366,ROUNDDOWN($C711/24,0)+1,1)*INDEX($D$3:$AA$30,INDEX(Jesper!$R$2:$R$366,ROW(INDEX(Jesper!AI$2:AI$366,ROUNDDOWN($C711/24,0)+1,1))-1)+IF('Standard Profiles'!$G$19=$B$10,7,0)+IF('Standard Profiles'!$G$19=$B$17,14,0)+IF('Standard Profiles'!$G$19=$B$24,21,0),MOD($C711,24)+1)/SUM(INDEX($D$3:$AA$30,INDEX(Jesper!$R$2:$R$366,ROW(INDEX(Jesper!AI$2:AI$366,ROUNDDOWN($C711/24,0)+1,1))-1)+IF('Standard Profiles'!$G$19=$B$10,7,0)+IF('Standard Profiles'!$G$19=$B$17,14,0)+IF('Standard Profiles'!$G$19=$B$24,21,0),0)),0)</f>
        <v>0</v>
      </c>
      <c r="F711" cm="1">
        <f t="array" ref="F711">IFERROR(INDEX(Jesper!AJ$2:AJ$366,ROUNDDOWN($C711/24,0)+1,1)*INDEX($D$3:$AA$30,INDEX(Jesper!$R$2:$R$366,ROW(INDEX(Jesper!AJ$2:AJ$366,ROUNDDOWN($C711/24,0)+1,1))-1)+IF('Standard Profiles'!$G$20=$B$10,7,0)+IF('Standard Profiles'!$G$20=$B$17,14,0)+IF('Standard Profiles'!$G$20=$B$24,21,0),MOD($C711,24)+1)/SUM(INDEX($D$3:$AA$30,INDEX(Jesper!$R$2:$R$366,ROW(INDEX(Jesper!AJ$2:AJ$366,ROUNDDOWN($C711/24,0)+1,1))-1)+IF('Standard Profiles'!$G$20=$B$10,7,0)+IF('Standard Profiles'!$G$20=$B$17,14,0)+IF('Standard Profiles'!$G$20=$B$24,21,0),0)),0)</f>
        <v>0</v>
      </c>
      <c r="G711" cm="1">
        <f t="array" ref="G711">IFERROR(INDEX(Jesper!AK$2:AK$366,ROUNDDOWN($C711/24,0)+1,1)*INDEX($D$3:$AA$30,INDEX(Jesper!$R$2:$R$366,ROW(INDEX(Jesper!AK$2:AK$366,ROUNDDOWN($C711/24,0)+1,1))-1)+IF('Standard Profiles'!$G$21=$B$10,7,0)+IF('Standard Profiles'!$G$21=$B$17,14,0)+IF('Standard Profiles'!$G$21=$B$24,21,0),MOD($C711,24)+1)/SUM(INDEX($D$3:$AA$30,INDEX(Jesper!$R$2:$R$366,ROW(INDEX(Jesper!AK$2:AK$366,ROUNDDOWN($C711/24,0)+1,1))-1)+IF('Standard Profiles'!$G$21=$B$10,7,0)+IF('Standard Profiles'!$G$21=$B$17,14,0)+IF('Standard Profiles'!$G$21=$B$24,21,0),0)),0)</f>
        <v>0</v>
      </c>
      <c r="H711" cm="1">
        <f t="array" ref="H711">IFERROR(INDEX(Jesper!AL$2:AL$366,ROUNDDOWN($C711/24,0)+1,1)*INDEX($D$3:$AA$30,INDEX(Jesper!$R$2:$R$366,ROW(INDEX(Jesper!AL$2:AL$366,ROUNDDOWN($C711/24,0)+1,1))-1)+IF('Standard Profiles'!$G$22=$B$10,7,0)+IF('Standard Profiles'!$G$22=$B$17,14,0)+IF('Standard Profiles'!$G$22=$B$24,21,0),MOD($C711,24)+1)/SUM(INDEX($D$3:$AA$30,INDEX(Jesper!$R$2:$R$366,ROW(INDEX(Jesper!AL$2:AL$366,ROUNDDOWN($C711/24,0)+1,1))-1)+IF('Standard Profiles'!$G$22=$B$10,7,0)+IF('Standard Profiles'!$G$22=$B$17,14,0)+IF('Standard Profiles'!$G$22=$B$24,21,0),0)),0)</f>
        <v>0</v>
      </c>
      <c r="I711">
        <f t="shared" si="90"/>
        <v>0.33552990583256181</v>
      </c>
      <c r="J711">
        <f t="shared" si="91"/>
        <v>1.1184330194418728</v>
      </c>
      <c r="K711">
        <f t="shared" si="92"/>
        <v>1.6776495291628091</v>
      </c>
      <c r="L711">
        <f t="shared" si="93"/>
        <v>8.0527177399814835</v>
      </c>
      <c r="M711">
        <f t="shared" si="94"/>
        <v>0</v>
      </c>
      <c r="N711" s="46">
        <f t="shared" si="95"/>
        <v>45320.208333331691</v>
      </c>
    </row>
    <row r="712" spans="2:14" x14ac:dyDescent="0.3">
      <c r="B712">
        <f t="shared" si="89"/>
        <v>1</v>
      </c>
      <c r="C712" s="16">
        <v>678</v>
      </c>
      <c r="D712" cm="1">
        <f t="array" ref="D712">IFERROR(INDEX(Jesper!AH$2:AH$366,ROUNDDOWN($C712/24,0)+1,1)*INDEX($D$3:$AA$30,INDEX(Jesper!$R$2:$R$366,ROW(INDEX(Jesper!AH$2:AH$366,ROUNDDOWN($C712/24,0)+1,1))-1)+IF('Standard Profiles'!$G$18=$B$10,7,0)+IF('Standard Profiles'!$G$18=$B$17,14,0)+IF('Standard Profiles'!$G$18=$B$24,21,0),MOD($C712,24)+1)/SUM(INDEX($D$3:$AA$30,INDEX(Jesper!$R$2:$R$366,ROW(INDEX(Jesper!AH$2:AH$366,ROUNDDOWN($C712/24,0)+1,1))-1)+IF('Standard Profiles'!$G$18=$B$10,7,0)+IF('Standard Profiles'!$G$18=$B$17,14,0)+IF('Standard Profiles'!$G$18=$B$24,21,0),0)),0)</f>
        <v>12.689913105205864</v>
      </c>
      <c r="E712" cm="1">
        <f t="array" ref="E712">IFERROR(INDEX(Jesper!AI$2:AI$366,ROUNDDOWN($C712/24,0)+1,1)*INDEX($D$3:$AA$30,INDEX(Jesper!$R$2:$R$366,ROW(INDEX(Jesper!AI$2:AI$366,ROUNDDOWN($C712/24,0)+1,1))-1)+IF('Standard Profiles'!$G$19=$B$10,7,0)+IF('Standard Profiles'!$G$19=$B$17,14,0)+IF('Standard Profiles'!$G$19=$B$24,21,0),MOD($C712,24)+1)/SUM(INDEX($D$3:$AA$30,INDEX(Jesper!$R$2:$R$366,ROW(INDEX(Jesper!AI$2:AI$366,ROUNDDOWN($C712/24,0)+1,1))-1)+IF('Standard Profiles'!$G$19=$B$10,7,0)+IF('Standard Profiles'!$G$19=$B$17,14,0)+IF('Standard Profiles'!$G$19=$B$24,21,0),0)),0)</f>
        <v>0</v>
      </c>
      <c r="F712" cm="1">
        <f t="array" ref="F712">IFERROR(INDEX(Jesper!AJ$2:AJ$366,ROUNDDOWN($C712/24,0)+1,1)*INDEX($D$3:$AA$30,INDEX(Jesper!$R$2:$R$366,ROW(INDEX(Jesper!AJ$2:AJ$366,ROUNDDOWN($C712/24,0)+1,1))-1)+IF('Standard Profiles'!$G$20=$B$10,7,0)+IF('Standard Profiles'!$G$20=$B$17,14,0)+IF('Standard Profiles'!$G$20=$B$24,21,0),MOD($C712,24)+1)/SUM(INDEX($D$3:$AA$30,INDEX(Jesper!$R$2:$R$366,ROW(INDEX(Jesper!AJ$2:AJ$366,ROUNDDOWN($C712/24,0)+1,1))-1)+IF('Standard Profiles'!$G$20=$B$10,7,0)+IF('Standard Profiles'!$G$20=$B$17,14,0)+IF('Standard Profiles'!$G$20=$B$24,21,0),0)),0)</f>
        <v>0</v>
      </c>
      <c r="G712" cm="1">
        <f t="array" ref="G712">IFERROR(INDEX(Jesper!AK$2:AK$366,ROUNDDOWN($C712/24,0)+1,1)*INDEX($D$3:$AA$30,INDEX(Jesper!$R$2:$R$366,ROW(INDEX(Jesper!AK$2:AK$366,ROUNDDOWN($C712/24,0)+1,1))-1)+IF('Standard Profiles'!$G$21=$B$10,7,0)+IF('Standard Profiles'!$G$21=$B$17,14,0)+IF('Standard Profiles'!$G$21=$B$24,21,0),MOD($C712,24)+1)/SUM(INDEX($D$3:$AA$30,INDEX(Jesper!$R$2:$R$366,ROW(INDEX(Jesper!AK$2:AK$366,ROUNDDOWN($C712/24,0)+1,1))-1)+IF('Standard Profiles'!$G$21=$B$10,7,0)+IF('Standard Profiles'!$G$21=$B$17,14,0)+IF('Standard Profiles'!$G$21=$B$24,21,0),0)),0)</f>
        <v>0</v>
      </c>
      <c r="H712" cm="1">
        <f t="array" ref="H712">IFERROR(INDEX(Jesper!AL$2:AL$366,ROUNDDOWN($C712/24,0)+1,1)*INDEX($D$3:$AA$30,INDEX(Jesper!$R$2:$R$366,ROW(INDEX(Jesper!AL$2:AL$366,ROUNDDOWN($C712/24,0)+1,1))-1)+IF('Standard Profiles'!$G$22=$B$10,7,0)+IF('Standard Profiles'!$G$22=$B$17,14,0)+IF('Standard Profiles'!$G$22=$B$24,21,0),MOD($C712,24)+1)/SUM(INDEX($D$3:$AA$30,INDEX(Jesper!$R$2:$R$366,ROW(INDEX(Jesper!AL$2:AL$366,ROUNDDOWN($C712/24,0)+1,1))-1)+IF('Standard Profiles'!$G$22=$B$10,7,0)+IF('Standard Profiles'!$G$22=$B$17,14,0)+IF('Standard Profiles'!$G$22=$B$24,21,0),0)),0)</f>
        <v>0</v>
      </c>
      <c r="I712">
        <f t="shared" si="90"/>
        <v>0.3806973931561759</v>
      </c>
      <c r="J712">
        <f t="shared" si="91"/>
        <v>1.2689913105205866</v>
      </c>
      <c r="K712">
        <f t="shared" si="92"/>
        <v>1.9034869657808795</v>
      </c>
      <c r="L712">
        <f t="shared" si="93"/>
        <v>9.1367374357482216</v>
      </c>
      <c r="M712">
        <f t="shared" si="94"/>
        <v>0</v>
      </c>
      <c r="N712" s="46">
        <f t="shared" si="95"/>
        <v>45320.249999998356</v>
      </c>
    </row>
    <row r="713" spans="2:14" x14ac:dyDescent="0.3">
      <c r="B713">
        <f t="shared" si="89"/>
        <v>1</v>
      </c>
      <c r="C713" s="16">
        <v>679</v>
      </c>
      <c r="D713" cm="1">
        <f t="array" ref="D713">IFERROR(INDEX(Jesper!AH$2:AH$366,ROUNDDOWN($C713/24,0)+1,1)*INDEX($D$3:$AA$30,INDEX(Jesper!$R$2:$R$366,ROW(INDEX(Jesper!AH$2:AH$366,ROUNDDOWN($C713/24,0)+1,1))-1)+IF('Standard Profiles'!$G$18=$B$10,7,0)+IF('Standard Profiles'!$G$18=$B$17,14,0)+IF('Standard Profiles'!$G$18=$B$24,21,0),MOD($C713,24)+1)/SUM(INDEX($D$3:$AA$30,INDEX(Jesper!$R$2:$R$366,ROW(INDEX(Jesper!AH$2:AH$366,ROUNDDOWN($C713/24,0)+1,1))-1)+IF('Standard Profiles'!$G$18=$B$10,7,0)+IF('Standard Profiles'!$G$18=$B$17,14,0)+IF('Standard Profiles'!$G$18=$B$24,21,0),0)),0)</f>
        <v>12.689913105205864</v>
      </c>
      <c r="E713" cm="1">
        <f t="array" ref="E713">IFERROR(INDEX(Jesper!AI$2:AI$366,ROUNDDOWN($C713/24,0)+1,1)*INDEX($D$3:$AA$30,INDEX(Jesper!$R$2:$R$366,ROW(INDEX(Jesper!AI$2:AI$366,ROUNDDOWN($C713/24,0)+1,1))-1)+IF('Standard Profiles'!$G$19=$B$10,7,0)+IF('Standard Profiles'!$G$19=$B$17,14,0)+IF('Standard Profiles'!$G$19=$B$24,21,0),MOD($C713,24)+1)/SUM(INDEX($D$3:$AA$30,INDEX(Jesper!$R$2:$R$366,ROW(INDEX(Jesper!AI$2:AI$366,ROUNDDOWN($C713/24,0)+1,1))-1)+IF('Standard Profiles'!$G$19=$B$10,7,0)+IF('Standard Profiles'!$G$19=$B$17,14,0)+IF('Standard Profiles'!$G$19=$B$24,21,0),0)),0)</f>
        <v>0</v>
      </c>
      <c r="F713" cm="1">
        <f t="array" ref="F713">IFERROR(INDEX(Jesper!AJ$2:AJ$366,ROUNDDOWN($C713/24,0)+1,1)*INDEX($D$3:$AA$30,INDEX(Jesper!$R$2:$R$366,ROW(INDEX(Jesper!AJ$2:AJ$366,ROUNDDOWN($C713/24,0)+1,1))-1)+IF('Standard Profiles'!$G$20=$B$10,7,0)+IF('Standard Profiles'!$G$20=$B$17,14,0)+IF('Standard Profiles'!$G$20=$B$24,21,0),MOD($C713,24)+1)/SUM(INDEX($D$3:$AA$30,INDEX(Jesper!$R$2:$R$366,ROW(INDEX(Jesper!AJ$2:AJ$366,ROUNDDOWN($C713/24,0)+1,1))-1)+IF('Standard Profiles'!$G$20=$B$10,7,0)+IF('Standard Profiles'!$G$20=$B$17,14,0)+IF('Standard Profiles'!$G$20=$B$24,21,0),0)),0)</f>
        <v>0</v>
      </c>
      <c r="G713" cm="1">
        <f t="array" ref="G713">IFERROR(INDEX(Jesper!AK$2:AK$366,ROUNDDOWN($C713/24,0)+1,1)*INDEX($D$3:$AA$30,INDEX(Jesper!$R$2:$R$366,ROW(INDEX(Jesper!AK$2:AK$366,ROUNDDOWN($C713/24,0)+1,1))-1)+IF('Standard Profiles'!$G$21=$B$10,7,0)+IF('Standard Profiles'!$G$21=$B$17,14,0)+IF('Standard Profiles'!$G$21=$B$24,21,0),MOD($C713,24)+1)/SUM(INDEX($D$3:$AA$30,INDEX(Jesper!$R$2:$R$366,ROW(INDEX(Jesper!AK$2:AK$366,ROUNDDOWN($C713/24,0)+1,1))-1)+IF('Standard Profiles'!$G$21=$B$10,7,0)+IF('Standard Profiles'!$G$21=$B$17,14,0)+IF('Standard Profiles'!$G$21=$B$24,21,0),0)),0)</f>
        <v>0</v>
      </c>
      <c r="H713" cm="1">
        <f t="array" ref="H713">IFERROR(INDEX(Jesper!AL$2:AL$366,ROUNDDOWN($C713/24,0)+1,1)*INDEX($D$3:$AA$30,INDEX(Jesper!$R$2:$R$366,ROW(INDEX(Jesper!AL$2:AL$366,ROUNDDOWN($C713/24,0)+1,1))-1)+IF('Standard Profiles'!$G$22=$B$10,7,0)+IF('Standard Profiles'!$G$22=$B$17,14,0)+IF('Standard Profiles'!$G$22=$B$24,21,0),MOD($C713,24)+1)/SUM(INDEX($D$3:$AA$30,INDEX(Jesper!$R$2:$R$366,ROW(INDEX(Jesper!AL$2:AL$366,ROUNDDOWN($C713/24,0)+1,1))-1)+IF('Standard Profiles'!$G$22=$B$10,7,0)+IF('Standard Profiles'!$G$22=$B$17,14,0)+IF('Standard Profiles'!$G$22=$B$24,21,0),0)),0)</f>
        <v>0</v>
      </c>
      <c r="I713">
        <f t="shared" si="90"/>
        <v>0.3806973931561759</v>
      </c>
      <c r="J713">
        <f t="shared" si="91"/>
        <v>1.2689913105205866</v>
      </c>
      <c r="K713">
        <f t="shared" si="92"/>
        <v>1.9034869657808795</v>
      </c>
      <c r="L713">
        <f t="shared" si="93"/>
        <v>9.1367374357482216</v>
      </c>
      <c r="M713">
        <f t="shared" si="94"/>
        <v>0</v>
      </c>
      <c r="N713" s="46">
        <f t="shared" si="95"/>
        <v>45320.29166666502</v>
      </c>
    </row>
    <row r="714" spans="2:14" x14ac:dyDescent="0.3">
      <c r="B714">
        <f t="shared" si="89"/>
        <v>1</v>
      </c>
      <c r="C714" s="16">
        <v>680</v>
      </c>
      <c r="D714" cm="1">
        <f t="array" ref="D714">IFERROR(INDEX(Jesper!AH$2:AH$366,ROUNDDOWN($C714/24,0)+1,1)*INDEX($D$3:$AA$30,INDEX(Jesper!$R$2:$R$366,ROW(INDEX(Jesper!AH$2:AH$366,ROUNDDOWN($C714/24,0)+1,1))-1)+IF('Standard Profiles'!$G$18=$B$10,7,0)+IF('Standard Profiles'!$G$18=$B$17,14,0)+IF('Standard Profiles'!$G$18=$B$24,21,0),MOD($C714,24)+1)/SUM(INDEX($D$3:$AA$30,INDEX(Jesper!$R$2:$R$366,ROW(INDEX(Jesper!AH$2:AH$366,ROUNDDOWN($C714/24,0)+1,1))-1)+IF('Standard Profiles'!$G$18=$B$10,7,0)+IF('Standard Profiles'!$G$18=$B$17,14,0)+IF('Standard Profiles'!$G$18=$B$24,21,0),0)),0)</f>
        <v>12.689913105205864</v>
      </c>
      <c r="E714" cm="1">
        <f t="array" ref="E714">IFERROR(INDEX(Jesper!AI$2:AI$366,ROUNDDOWN($C714/24,0)+1,1)*INDEX($D$3:$AA$30,INDEX(Jesper!$R$2:$R$366,ROW(INDEX(Jesper!AI$2:AI$366,ROUNDDOWN($C714/24,0)+1,1))-1)+IF('Standard Profiles'!$G$19=$B$10,7,0)+IF('Standard Profiles'!$G$19=$B$17,14,0)+IF('Standard Profiles'!$G$19=$B$24,21,0),MOD($C714,24)+1)/SUM(INDEX($D$3:$AA$30,INDEX(Jesper!$R$2:$R$366,ROW(INDEX(Jesper!AI$2:AI$366,ROUNDDOWN($C714/24,0)+1,1))-1)+IF('Standard Profiles'!$G$19=$B$10,7,0)+IF('Standard Profiles'!$G$19=$B$17,14,0)+IF('Standard Profiles'!$G$19=$B$24,21,0),0)),0)</f>
        <v>0</v>
      </c>
      <c r="F714" cm="1">
        <f t="array" ref="F714">IFERROR(INDEX(Jesper!AJ$2:AJ$366,ROUNDDOWN($C714/24,0)+1,1)*INDEX($D$3:$AA$30,INDEX(Jesper!$R$2:$R$366,ROW(INDEX(Jesper!AJ$2:AJ$366,ROUNDDOWN($C714/24,0)+1,1))-1)+IF('Standard Profiles'!$G$20=$B$10,7,0)+IF('Standard Profiles'!$G$20=$B$17,14,0)+IF('Standard Profiles'!$G$20=$B$24,21,0),MOD($C714,24)+1)/SUM(INDEX($D$3:$AA$30,INDEX(Jesper!$R$2:$R$366,ROW(INDEX(Jesper!AJ$2:AJ$366,ROUNDDOWN($C714/24,0)+1,1))-1)+IF('Standard Profiles'!$G$20=$B$10,7,0)+IF('Standard Profiles'!$G$20=$B$17,14,0)+IF('Standard Profiles'!$G$20=$B$24,21,0),0)),0)</f>
        <v>0</v>
      </c>
      <c r="G714" cm="1">
        <f t="array" ref="G714">IFERROR(INDEX(Jesper!AK$2:AK$366,ROUNDDOWN($C714/24,0)+1,1)*INDEX($D$3:$AA$30,INDEX(Jesper!$R$2:$R$366,ROW(INDEX(Jesper!AK$2:AK$366,ROUNDDOWN($C714/24,0)+1,1))-1)+IF('Standard Profiles'!$G$21=$B$10,7,0)+IF('Standard Profiles'!$G$21=$B$17,14,0)+IF('Standard Profiles'!$G$21=$B$24,21,0),MOD($C714,24)+1)/SUM(INDEX($D$3:$AA$30,INDEX(Jesper!$R$2:$R$366,ROW(INDEX(Jesper!AK$2:AK$366,ROUNDDOWN($C714/24,0)+1,1))-1)+IF('Standard Profiles'!$G$21=$B$10,7,0)+IF('Standard Profiles'!$G$21=$B$17,14,0)+IF('Standard Profiles'!$G$21=$B$24,21,0),0)),0)</f>
        <v>0</v>
      </c>
      <c r="H714" cm="1">
        <f t="array" ref="H714">IFERROR(INDEX(Jesper!AL$2:AL$366,ROUNDDOWN($C714/24,0)+1,1)*INDEX($D$3:$AA$30,INDEX(Jesper!$R$2:$R$366,ROW(INDEX(Jesper!AL$2:AL$366,ROUNDDOWN($C714/24,0)+1,1))-1)+IF('Standard Profiles'!$G$22=$B$10,7,0)+IF('Standard Profiles'!$G$22=$B$17,14,0)+IF('Standard Profiles'!$G$22=$B$24,21,0),MOD($C714,24)+1)/SUM(INDEX($D$3:$AA$30,INDEX(Jesper!$R$2:$R$366,ROW(INDEX(Jesper!AL$2:AL$366,ROUNDDOWN($C714/24,0)+1,1))-1)+IF('Standard Profiles'!$G$22=$B$10,7,0)+IF('Standard Profiles'!$G$22=$B$17,14,0)+IF('Standard Profiles'!$G$22=$B$24,21,0),0)),0)</f>
        <v>0</v>
      </c>
      <c r="I714">
        <f t="shared" si="90"/>
        <v>0.3806973931561759</v>
      </c>
      <c r="J714">
        <f t="shared" si="91"/>
        <v>1.2689913105205866</v>
      </c>
      <c r="K714">
        <f t="shared" si="92"/>
        <v>1.9034869657808795</v>
      </c>
      <c r="L714">
        <f t="shared" si="93"/>
        <v>9.1367374357482216</v>
      </c>
      <c r="M714">
        <f t="shared" si="94"/>
        <v>0</v>
      </c>
      <c r="N714" s="46">
        <f t="shared" si="95"/>
        <v>45320.333333331684</v>
      </c>
    </row>
    <row r="715" spans="2:14" x14ac:dyDescent="0.3">
      <c r="B715">
        <f t="shared" si="89"/>
        <v>1</v>
      </c>
      <c r="C715" s="16">
        <v>681</v>
      </c>
      <c r="D715" cm="1">
        <f t="array" ref="D715">IFERROR(INDEX(Jesper!AH$2:AH$366,ROUNDDOWN($C715/24,0)+1,1)*INDEX($D$3:$AA$30,INDEX(Jesper!$R$2:$R$366,ROW(INDEX(Jesper!AH$2:AH$366,ROUNDDOWN($C715/24,0)+1,1))-1)+IF('Standard Profiles'!$G$18=$B$10,7,0)+IF('Standard Profiles'!$G$18=$B$17,14,0)+IF('Standard Profiles'!$G$18=$B$24,21,0),MOD($C715,24)+1)/SUM(INDEX($D$3:$AA$30,INDEX(Jesper!$R$2:$R$366,ROW(INDEX(Jesper!AH$2:AH$366,ROUNDDOWN($C715/24,0)+1,1))-1)+IF('Standard Profiles'!$G$18=$B$10,7,0)+IF('Standard Profiles'!$G$18=$B$17,14,0)+IF('Standard Profiles'!$G$18=$B$24,21,0),0)),0)</f>
        <v>13.550246197084228</v>
      </c>
      <c r="E715" cm="1">
        <f t="array" ref="E715">IFERROR(INDEX(Jesper!AI$2:AI$366,ROUNDDOWN($C715/24,0)+1,1)*INDEX($D$3:$AA$30,INDEX(Jesper!$R$2:$R$366,ROW(INDEX(Jesper!AI$2:AI$366,ROUNDDOWN($C715/24,0)+1,1))-1)+IF('Standard Profiles'!$G$19=$B$10,7,0)+IF('Standard Profiles'!$G$19=$B$17,14,0)+IF('Standard Profiles'!$G$19=$B$24,21,0),MOD($C715,24)+1)/SUM(INDEX($D$3:$AA$30,INDEX(Jesper!$R$2:$R$366,ROW(INDEX(Jesper!AI$2:AI$366,ROUNDDOWN($C715/24,0)+1,1))-1)+IF('Standard Profiles'!$G$19=$B$10,7,0)+IF('Standard Profiles'!$G$19=$B$17,14,0)+IF('Standard Profiles'!$G$19=$B$24,21,0),0)),0)</f>
        <v>0</v>
      </c>
      <c r="F715" cm="1">
        <f t="array" ref="F715">IFERROR(INDEX(Jesper!AJ$2:AJ$366,ROUNDDOWN($C715/24,0)+1,1)*INDEX($D$3:$AA$30,INDEX(Jesper!$R$2:$R$366,ROW(INDEX(Jesper!AJ$2:AJ$366,ROUNDDOWN($C715/24,0)+1,1))-1)+IF('Standard Profiles'!$G$20=$B$10,7,0)+IF('Standard Profiles'!$G$20=$B$17,14,0)+IF('Standard Profiles'!$G$20=$B$24,21,0),MOD($C715,24)+1)/SUM(INDEX($D$3:$AA$30,INDEX(Jesper!$R$2:$R$366,ROW(INDEX(Jesper!AJ$2:AJ$366,ROUNDDOWN($C715/24,0)+1,1))-1)+IF('Standard Profiles'!$G$20=$B$10,7,0)+IF('Standard Profiles'!$G$20=$B$17,14,0)+IF('Standard Profiles'!$G$20=$B$24,21,0),0)),0)</f>
        <v>0</v>
      </c>
      <c r="G715" cm="1">
        <f t="array" ref="G715">IFERROR(INDEX(Jesper!AK$2:AK$366,ROUNDDOWN($C715/24,0)+1,1)*INDEX($D$3:$AA$30,INDEX(Jesper!$R$2:$R$366,ROW(INDEX(Jesper!AK$2:AK$366,ROUNDDOWN($C715/24,0)+1,1))-1)+IF('Standard Profiles'!$G$21=$B$10,7,0)+IF('Standard Profiles'!$G$21=$B$17,14,0)+IF('Standard Profiles'!$G$21=$B$24,21,0),MOD($C715,24)+1)/SUM(INDEX($D$3:$AA$30,INDEX(Jesper!$R$2:$R$366,ROW(INDEX(Jesper!AK$2:AK$366,ROUNDDOWN($C715/24,0)+1,1))-1)+IF('Standard Profiles'!$G$21=$B$10,7,0)+IF('Standard Profiles'!$G$21=$B$17,14,0)+IF('Standard Profiles'!$G$21=$B$24,21,0),0)),0)</f>
        <v>0</v>
      </c>
      <c r="H715" cm="1">
        <f t="array" ref="H715">IFERROR(INDEX(Jesper!AL$2:AL$366,ROUNDDOWN($C715/24,0)+1,1)*INDEX($D$3:$AA$30,INDEX(Jesper!$R$2:$R$366,ROW(INDEX(Jesper!AL$2:AL$366,ROUNDDOWN($C715/24,0)+1,1))-1)+IF('Standard Profiles'!$G$22=$B$10,7,0)+IF('Standard Profiles'!$G$22=$B$17,14,0)+IF('Standard Profiles'!$G$22=$B$24,21,0),MOD($C715,24)+1)/SUM(INDEX($D$3:$AA$30,INDEX(Jesper!$R$2:$R$366,ROW(INDEX(Jesper!AL$2:AL$366,ROUNDDOWN($C715/24,0)+1,1))-1)+IF('Standard Profiles'!$G$22=$B$10,7,0)+IF('Standard Profiles'!$G$22=$B$17,14,0)+IF('Standard Profiles'!$G$22=$B$24,21,0),0)),0)</f>
        <v>0</v>
      </c>
      <c r="I715">
        <f t="shared" si="90"/>
        <v>0.40650738591252683</v>
      </c>
      <c r="J715">
        <f t="shared" si="91"/>
        <v>1.3550246197084228</v>
      </c>
      <c r="K715">
        <f t="shared" si="92"/>
        <v>2.0325369295626339</v>
      </c>
      <c r="L715">
        <f t="shared" si="93"/>
        <v>9.7561772619006444</v>
      </c>
      <c r="M715">
        <f t="shared" si="94"/>
        <v>0</v>
      </c>
      <c r="N715" s="46">
        <f t="shared" si="95"/>
        <v>45320.374999998348</v>
      </c>
    </row>
    <row r="716" spans="2:14" x14ac:dyDescent="0.3">
      <c r="B716">
        <f t="shared" si="89"/>
        <v>1</v>
      </c>
      <c r="C716" s="16">
        <v>682</v>
      </c>
      <c r="D716" cm="1">
        <f t="array" ref="D716">IFERROR(INDEX(Jesper!AH$2:AH$366,ROUNDDOWN($C716/24,0)+1,1)*INDEX($D$3:$AA$30,INDEX(Jesper!$R$2:$R$366,ROW(INDEX(Jesper!AH$2:AH$366,ROUNDDOWN($C716/24,0)+1,1))-1)+IF('Standard Profiles'!$G$18=$B$10,7,0)+IF('Standard Profiles'!$G$18=$B$17,14,0)+IF('Standard Profiles'!$G$18=$B$24,21,0),MOD($C716,24)+1)/SUM(INDEX($D$3:$AA$30,INDEX(Jesper!$R$2:$R$366,ROW(INDEX(Jesper!AH$2:AH$366,ROUNDDOWN($C716/24,0)+1,1))-1)+IF('Standard Profiles'!$G$18=$B$10,7,0)+IF('Standard Profiles'!$G$18=$B$17,14,0)+IF('Standard Profiles'!$G$18=$B$24,21,0),0)),0)</f>
        <v>13.550246197084228</v>
      </c>
      <c r="E716" cm="1">
        <f t="array" ref="E716">IFERROR(INDEX(Jesper!AI$2:AI$366,ROUNDDOWN($C716/24,0)+1,1)*INDEX($D$3:$AA$30,INDEX(Jesper!$R$2:$R$366,ROW(INDEX(Jesper!AI$2:AI$366,ROUNDDOWN($C716/24,0)+1,1))-1)+IF('Standard Profiles'!$G$19=$B$10,7,0)+IF('Standard Profiles'!$G$19=$B$17,14,0)+IF('Standard Profiles'!$G$19=$B$24,21,0),MOD($C716,24)+1)/SUM(INDEX($D$3:$AA$30,INDEX(Jesper!$R$2:$R$366,ROW(INDEX(Jesper!AI$2:AI$366,ROUNDDOWN($C716/24,0)+1,1))-1)+IF('Standard Profiles'!$G$19=$B$10,7,0)+IF('Standard Profiles'!$G$19=$B$17,14,0)+IF('Standard Profiles'!$G$19=$B$24,21,0),0)),0)</f>
        <v>0</v>
      </c>
      <c r="F716" cm="1">
        <f t="array" ref="F716">IFERROR(INDEX(Jesper!AJ$2:AJ$366,ROUNDDOWN($C716/24,0)+1,1)*INDEX($D$3:$AA$30,INDEX(Jesper!$R$2:$R$366,ROW(INDEX(Jesper!AJ$2:AJ$366,ROUNDDOWN($C716/24,0)+1,1))-1)+IF('Standard Profiles'!$G$20=$B$10,7,0)+IF('Standard Profiles'!$G$20=$B$17,14,0)+IF('Standard Profiles'!$G$20=$B$24,21,0),MOD($C716,24)+1)/SUM(INDEX($D$3:$AA$30,INDEX(Jesper!$R$2:$R$366,ROW(INDEX(Jesper!AJ$2:AJ$366,ROUNDDOWN($C716/24,0)+1,1))-1)+IF('Standard Profiles'!$G$20=$B$10,7,0)+IF('Standard Profiles'!$G$20=$B$17,14,0)+IF('Standard Profiles'!$G$20=$B$24,21,0),0)),0)</f>
        <v>0</v>
      </c>
      <c r="G716" cm="1">
        <f t="array" ref="G716">IFERROR(INDEX(Jesper!AK$2:AK$366,ROUNDDOWN($C716/24,0)+1,1)*INDEX($D$3:$AA$30,INDEX(Jesper!$R$2:$R$366,ROW(INDEX(Jesper!AK$2:AK$366,ROUNDDOWN($C716/24,0)+1,1))-1)+IF('Standard Profiles'!$G$21=$B$10,7,0)+IF('Standard Profiles'!$G$21=$B$17,14,0)+IF('Standard Profiles'!$G$21=$B$24,21,0),MOD($C716,24)+1)/SUM(INDEX($D$3:$AA$30,INDEX(Jesper!$R$2:$R$366,ROW(INDEX(Jesper!AK$2:AK$366,ROUNDDOWN($C716/24,0)+1,1))-1)+IF('Standard Profiles'!$G$21=$B$10,7,0)+IF('Standard Profiles'!$G$21=$B$17,14,0)+IF('Standard Profiles'!$G$21=$B$24,21,0),0)),0)</f>
        <v>0</v>
      </c>
      <c r="H716" cm="1">
        <f t="array" ref="H716">IFERROR(INDEX(Jesper!AL$2:AL$366,ROUNDDOWN($C716/24,0)+1,1)*INDEX($D$3:$AA$30,INDEX(Jesper!$R$2:$R$366,ROW(INDEX(Jesper!AL$2:AL$366,ROUNDDOWN($C716/24,0)+1,1))-1)+IF('Standard Profiles'!$G$22=$B$10,7,0)+IF('Standard Profiles'!$G$22=$B$17,14,0)+IF('Standard Profiles'!$G$22=$B$24,21,0),MOD($C716,24)+1)/SUM(INDEX($D$3:$AA$30,INDEX(Jesper!$R$2:$R$366,ROW(INDEX(Jesper!AL$2:AL$366,ROUNDDOWN($C716/24,0)+1,1))-1)+IF('Standard Profiles'!$G$22=$B$10,7,0)+IF('Standard Profiles'!$G$22=$B$17,14,0)+IF('Standard Profiles'!$G$22=$B$24,21,0),0)),0)</f>
        <v>0</v>
      </c>
      <c r="I716">
        <f t="shared" si="90"/>
        <v>0.40650738591252683</v>
      </c>
      <c r="J716">
        <f t="shared" si="91"/>
        <v>1.3550246197084228</v>
      </c>
      <c r="K716">
        <f t="shared" si="92"/>
        <v>2.0325369295626339</v>
      </c>
      <c r="L716">
        <f t="shared" si="93"/>
        <v>9.7561772619006444</v>
      </c>
      <c r="M716">
        <f t="shared" si="94"/>
        <v>0</v>
      </c>
      <c r="N716" s="46">
        <f t="shared" si="95"/>
        <v>45320.416666665013</v>
      </c>
    </row>
    <row r="717" spans="2:14" x14ac:dyDescent="0.3">
      <c r="B717">
        <f t="shared" si="89"/>
        <v>1</v>
      </c>
      <c r="C717" s="16">
        <v>683</v>
      </c>
      <c r="D717" cm="1">
        <f t="array" ref="D717">IFERROR(INDEX(Jesper!AH$2:AH$366,ROUNDDOWN($C717/24,0)+1,1)*INDEX($D$3:$AA$30,INDEX(Jesper!$R$2:$R$366,ROW(INDEX(Jesper!AH$2:AH$366,ROUNDDOWN($C717/24,0)+1,1))-1)+IF('Standard Profiles'!$G$18=$B$10,7,0)+IF('Standard Profiles'!$G$18=$B$17,14,0)+IF('Standard Profiles'!$G$18=$B$24,21,0),MOD($C717,24)+1)/SUM(INDEX($D$3:$AA$30,INDEX(Jesper!$R$2:$R$366,ROW(INDEX(Jesper!AH$2:AH$366,ROUNDDOWN($C717/24,0)+1,1))-1)+IF('Standard Profiles'!$G$18=$B$10,7,0)+IF('Standard Profiles'!$G$18=$B$17,14,0)+IF('Standard Profiles'!$G$18=$B$24,21,0),0)),0)</f>
        <v>17.206661837567275</v>
      </c>
      <c r="E717" cm="1">
        <f t="array" ref="E717">IFERROR(INDEX(Jesper!AI$2:AI$366,ROUNDDOWN($C717/24,0)+1,1)*INDEX($D$3:$AA$30,INDEX(Jesper!$R$2:$R$366,ROW(INDEX(Jesper!AI$2:AI$366,ROUNDDOWN($C717/24,0)+1,1))-1)+IF('Standard Profiles'!$G$19=$B$10,7,0)+IF('Standard Profiles'!$G$19=$B$17,14,0)+IF('Standard Profiles'!$G$19=$B$24,21,0),MOD($C717,24)+1)/SUM(INDEX($D$3:$AA$30,INDEX(Jesper!$R$2:$R$366,ROW(INDEX(Jesper!AI$2:AI$366,ROUNDDOWN($C717/24,0)+1,1))-1)+IF('Standard Profiles'!$G$19=$B$10,7,0)+IF('Standard Profiles'!$G$19=$B$17,14,0)+IF('Standard Profiles'!$G$19=$B$24,21,0),0)),0)</f>
        <v>0</v>
      </c>
      <c r="F717" cm="1">
        <f t="array" ref="F717">IFERROR(INDEX(Jesper!AJ$2:AJ$366,ROUNDDOWN($C717/24,0)+1,1)*INDEX($D$3:$AA$30,INDEX(Jesper!$R$2:$R$366,ROW(INDEX(Jesper!AJ$2:AJ$366,ROUNDDOWN($C717/24,0)+1,1))-1)+IF('Standard Profiles'!$G$20=$B$10,7,0)+IF('Standard Profiles'!$G$20=$B$17,14,0)+IF('Standard Profiles'!$G$20=$B$24,21,0),MOD($C717,24)+1)/SUM(INDEX($D$3:$AA$30,INDEX(Jesper!$R$2:$R$366,ROW(INDEX(Jesper!AJ$2:AJ$366,ROUNDDOWN($C717/24,0)+1,1))-1)+IF('Standard Profiles'!$G$20=$B$10,7,0)+IF('Standard Profiles'!$G$20=$B$17,14,0)+IF('Standard Profiles'!$G$20=$B$24,21,0),0)),0)</f>
        <v>0</v>
      </c>
      <c r="G717" cm="1">
        <f t="array" ref="G717">IFERROR(INDEX(Jesper!AK$2:AK$366,ROUNDDOWN($C717/24,0)+1,1)*INDEX($D$3:$AA$30,INDEX(Jesper!$R$2:$R$366,ROW(INDEX(Jesper!AK$2:AK$366,ROUNDDOWN($C717/24,0)+1,1))-1)+IF('Standard Profiles'!$G$21=$B$10,7,0)+IF('Standard Profiles'!$G$21=$B$17,14,0)+IF('Standard Profiles'!$G$21=$B$24,21,0),MOD($C717,24)+1)/SUM(INDEX($D$3:$AA$30,INDEX(Jesper!$R$2:$R$366,ROW(INDEX(Jesper!AK$2:AK$366,ROUNDDOWN($C717/24,0)+1,1))-1)+IF('Standard Profiles'!$G$21=$B$10,7,0)+IF('Standard Profiles'!$G$21=$B$17,14,0)+IF('Standard Profiles'!$G$21=$B$24,21,0),0)),0)</f>
        <v>0</v>
      </c>
      <c r="H717" cm="1">
        <f t="array" ref="H717">IFERROR(INDEX(Jesper!AL$2:AL$366,ROUNDDOWN($C717/24,0)+1,1)*INDEX($D$3:$AA$30,INDEX(Jesper!$R$2:$R$366,ROW(INDEX(Jesper!AL$2:AL$366,ROUNDDOWN($C717/24,0)+1,1))-1)+IF('Standard Profiles'!$G$22=$B$10,7,0)+IF('Standard Profiles'!$G$22=$B$17,14,0)+IF('Standard Profiles'!$G$22=$B$24,21,0),MOD($C717,24)+1)/SUM(INDEX($D$3:$AA$30,INDEX(Jesper!$R$2:$R$366,ROW(INDEX(Jesper!AL$2:AL$366,ROUNDDOWN($C717/24,0)+1,1))-1)+IF('Standard Profiles'!$G$22=$B$10,7,0)+IF('Standard Profiles'!$G$22=$B$17,14,0)+IF('Standard Profiles'!$G$22=$B$24,21,0),0)),0)</f>
        <v>0</v>
      </c>
      <c r="I717">
        <f t="shared" si="90"/>
        <v>0.51619985512701827</v>
      </c>
      <c r="J717">
        <f t="shared" si="91"/>
        <v>1.7206661837567276</v>
      </c>
      <c r="K717">
        <f t="shared" si="92"/>
        <v>2.580999275635091</v>
      </c>
      <c r="L717">
        <f t="shared" si="93"/>
        <v>12.388796523048438</v>
      </c>
      <c r="M717">
        <f t="shared" si="94"/>
        <v>0</v>
      </c>
      <c r="N717" s="46">
        <f t="shared" si="95"/>
        <v>45320.458333331677</v>
      </c>
    </row>
    <row r="718" spans="2:14" x14ac:dyDescent="0.3">
      <c r="B718">
        <f t="shared" si="89"/>
        <v>1</v>
      </c>
      <c r="C718" s="16">
        <v>684</v>
      </c>
      <c r="D718" cm="1">
        <f t="array" ref="D718">IFERROR(INDEX(Jesper!AH$2:AH$366,ROUNDDOWN($C718/24,0)+1,1)*INDEX($D$3:$AA$30,INDEX(Jesper!$R$2:$R$366,ROW(INDEX(Jesper!AH$2:AH$366,ROUNDDOWN($C718/24,0)+1,1))-1)+IF('Standard Profiles'!$G$18=$B$10,7,0)+IF('Standard Profiles'!$G$18=$B$17,14,0)+IF('Standard Profiles'!$G$18=$B$24,21,0),MOD($C718,24)+1)/SUM(INDEX($D$3:$AA$30,INDEX(Jesper!$R$2:$R$366,ROW(INDEX(Jesper!AH$2:AH$366,ROUNDDOWN($C718/24,0)+1,1))-1)+IF('Standard Profiles'!$G$18=$B$10,7,0)+IF('Standard Profiles'!$G$18=$B$17,14,0)+IF('Standard Profiles'!$G$18=$B$24,21,0),0)),0)</f>
        <v>17.206661837567275</v>
      </c>
      <c r="E718" cm="1">
        <f t="array" ref="E718">IFERROR(INDEX(Jesper!AI$2:AI$366,ROUNDDOWN($C718/24,0)+1,1)*INDEX($D$3:$AA$30,INDEX(Jesper!$R$2:$R$366,ROW(INDEX(Jesper!AI$2:AI$366,ROUNDDOWN($C718/24,0)+1,1))-1)+IF('Standard Profiles'!$G$19=$B$10,7,0)+IF('Standard Profiles'!$G$19=$B$17,14,0)+IF('Standard Profiles'!$G$19=$B$24,21,0),MOD($C718,24)+1)/SUM(INDEX($D$3:$AA$30,INDEX(Jesper!$R$2:$R$366,ROW(INDEX(Jesper!AI$2:AI$366,ROUNDDOWN($C718/24,0)+1,1))-1)+IF('Standard Profiles'!$G$19=$B$10,7,0)+IF('Standard Profiles'!$G$19=$B$17,14,0)+IF('Standard Profiles'!$G$19=$B$24,21,0),0)),0)</f>
        <v>0</v>
      </c>
      <c r="F718" cm="1">
        <f t="array" ref="F718">IFERROR(INDEX(Jesper!AJ$2:AJ$366,ROUNDDOWN($C718/24,0)+1,1)*INDEX($D$3:$AA$30,INDEX(Jesper!$R$2:$R$366,ROW(INDEX(Jesper!AJ$2:AJ$366,ROUNDDOWN($C718/24,0)+1,1))-1)+IF('Standard Profiles'!$G$20=$B$10,7,0)+IF('Standard Profiles'!$G$20=$B$17,14,0)+IF('Standard Profiles'!$G$20=$B$24,21,0),MOD($C718,24)+1)/SUM(INDEX($D$3:$AA$30,INDEX(Jesper!$R$2:$R$366,ROW(INDEX(Jesper!AJ$2:AJ$366,ROUNDDOWN($C718/24,0)+1,1))-1)+IF('Standard Profiles'!$G$20=$B$10,7,0)+IF('Standard Profiles'!$G$20=$B$17,14,0)+IF('Standard Profiles'!$G$20=$B$24,21,0),0)),0)</f>
        <v>0</v>
      </c>
      <c r="G718" cm="1">
        <f t="array" ref="G718">IFERROR(INDEX(Jesper!AK$2:AK$366,ROUNDDOWN($C718/24,0)+1,1)*INDEX($D$3:$AA$30,INDEX(Jesper!$R$2:$R$366,ROW(INDEX(Jesper!AK$2:AK$366,ROUNDDOWN($C718/24,0)+1,1))-1)+IF('Standard Profiles'!$G$21=$B$10,7,0)+IF('Standard Profiles'!$G$21=$B$17,14,0)+IF('Standard Profiles'!$G$21=$B$24,21,0),MOD($C718,24)+1)/SUM(INDEX($D$3:$AA$30,INDEX(Jesper!$R$2:$R$366,ROW(INDEX(Jesper!AK$2:AK$366,ROUNDDOWN($C718/24,0)+1,1))-1)+IF('Standard Profiles'!$G$21=$B$10,7,0)+IF('Standard Profiles'!$G$21=$B$17,14,0)+IF('Standard Profiles'!$G$21=$B$24,21,0),0)),0)</f>
        <v>0</v>
      </c>
      <c r="H718" cm="1">
        <f t="array" ref="H718">IFERROR(INDEX(Jesper!AL$2:AL$366,ROUNDDOWN($C718/24,0)+1,1)*INDEX($D$3:$AA$30,INDEX(Jesper!$R$2:$R$366,ROW(INDEX(Jesper!AL$2:AL$366,ROUNDDOWN($C718/24,0)+1,1))-1)+IF('Standard Profiles'!$G$22=$B$10,7,0)+IF('Standard Profiles'!$G$22=$B$17,14,0)+IF('Standard Profiles'!$G$22=$B$24,21,0),MOD($C718,24)+1)/SUM(INDEX($D$3:$AA$30,INDEX(Jesper!$R$2:$R$366,ROW(INDEX(Jesper!AL$2:AL$366,ROUNDDOWN($C718/24,0)+1,1))-1)+IF('Standard Profiles'!$G$22=$B$10,7,0)+IF('Standard Profiles'!$G$22=$B$17,14,0)+IF('Standard Profiles'!$G$22=$B$24,21,0),0)),0)</f>
        <v>0</v>
      </c>
      <c r="I718">
        <f t="shared" si="90"/>
        <v>0.51619985512701827</v>
      </c>
      <c r="J718">
        <f t="shared" si="91"/>
        <v>1.7206661837567276</v>
      </c>
      <c r="K718">
        <f t="shared" si="92"/>
        <v>2.580999275635091</v>
      </c>
      <c r="L718">
        <f t="shared" si="93"/>
        <v>12.388796523048438</v>
      </c>
      <c r="M718">
        <f t="shared" si="94"/>
        <v>0</v>
      </c>
      <c r="N718" s="46">
        <f t="shared" si="95"/>
        <v>45320.499999998341</v>
      </c>
    </row>
    <row r="719" spans="2:14" x14ac:dyDescent="0.3">
      <c r="B719">
        <f t="shared" si="89"/>
        <v>1</v>
      </c>
      <c r="C719" s="16">
        <v>685</v>
      </c>
      <c r="D719" cm="1">
        <f t="array" ref="D719">IFERROR(INDEX(Jesper!AH$2:AH$366,ROUNDDOWN($C719/24,0)+1,1)*INDEX($D$3:$AA$30,INDEX(Jesper!$R$2:$R$366,ROW(INDEX(Jesper!AH$2:AH$366,ROUNDDOWN($C719/24,0)+1,1))-1)+IF('Standard Profiles'!$G$18=$B$10,7,0)+IF('Standard Profiles'!$G$18=$B$17,14,0)+IF('Standard Profiles'!$G$18=$B$24,21,0),MOD($C719,24)+1)/SUM(INDEX($D$3:$AA$30,INDEX(Jesper!$R$2:$R$366,ROW(INDEX(Jesper!AH$2:AH$366,ROUNDDOWN($C719/24,0)+1,1))-1)+IF('Standard Profiles'!$G$18=$B$10,7,0)+IF('Standard Profiles'!$G$18=$B$17,14,0)+IF('Standard Profiles'!$G$18=$B$24,21,0),0)),0)</f>
        <v>11.399413467388319</v>
      </c>
      <c r="E719" cm="1">
        <f t="array" ref="E719">IFERROR(INDEX(Jesper!AI$2:AI$366,ROUNDDOWN($C719/24,0)+1,1)*INDEX($D$3:$AA$30,INDEX(Jesper!$R$2:$R$366,ROW(INDEX(Jesper!AI$2:AI$366,ROUNDDOWN($C719/24,0)+1,1))-1)+IF('Standard Profiles'!$G$19=$B$10,7,0)+IF('Standard Profiles'!$G$19=$B$17,14,0)+IF('Standard Profiles'!$G$19=$B$24,21,0),MOD($C719,24)+1)/SUM(INDEX($D$3:$AA$30,INDEX(Jesper!$R$2:$R$366,ROW(INDEX(Jesper!AI$2:AI$366,ROUNDDOWN($C719/24,0)+1,1))-1)+IF('Standard Profiles'!$G$19=$B$10,7,0)+IF('Standard Profiles'!$G$19=$B$17,14,0)+IF('Standard Profiles'!$G$19=$B$24,21,0),0)),0)</f>
        <v>0</v>
      </c>
      <c r="F719" cm="1">
        <f t="array" ref="F719">IFERROR(INDEX(Jesper!AJ$2:AJ$366,ROUNDDOWN($C719/24,0)+1,1)*INDEX($D$3:$AA$30,INDEX(Jesper!$R$2:$R$366,ROW(INDEX(Jesper!AJ$2:AJ$366,ROUNDDOWN($C719/24,0)+1,1))-1)+IF('Standard Profiles'!$G$20=$B$10,7,0)+IF('Standard Profiles'!$G$20=$B$17,14,0)+IF('Standard Profiles'!$G$20=$B$24,21,0),MOD($C719,24)+1)/SUM(INDEX($D$3:$AA$30,INDEX(Jesper!$R$2:$R$366,ROW(INDEX(Jesper!AJ$2:AJ$366,ROUNDDOWN($C719/24,0)+1,1))-1)+IF('Standard Profiles'!$G$20=$B$10,7,0)+IF('Standard Profiles'!$G$20=$B$17,14,0)+IF('Standard Profiles'!$G$20=$B$24,21,0),0)),0)</f>
        <v>0</v>
      </c>
      <c r="G719" cm="1">
        <f t="array" ref="G719">IFERROR(INDEX(Jesper!AK$2:AK$366,ROUNDDOWN($C719/24,0)+1,1)*INDEX($D$3:$AA$30,INDEX(Jesper!$R$2:$R$366,ROW(INDEX(Jesper!AK$2:AK$366,ROUNDDOWN($C719/24,0)+1,1))-1)+IF('Standard Profiles'!$G$21=$B$10,7,0)+IF('Standard Profiles'!$G$21=$B$17,14,0)+IF('Standard Profiles'!$G$21=$B$24,21,0),MOD($C719,24)+1)/SUM(INDEX($D$3:$AA$30,INDEX(Jesper!$R$2:$R$366,ROW(INDEX(Jesper!AK$2:AK$366,ROUNDDOWN($C719/24,0)+1,1))-1)+IF('Standard Profiles'!$G$21=$B$10,7,0)+IF('Standard Profiles'!$G$21=$B$17,14,0)+IF('Standard Profiles'!$G$21=$B$24,21,0),0)),0)</f>
        <v>0</v>
      </c>
      <c r="H719" cm="1">
        <f t="array" ref="H719">IFERROR(INDEX(Jesper!AL$2:AL$366,ROUNDDOWN($C719/24,0)+1,1)*INDEX($D$3:$AA$30,INDEX(Jesper!$R$2:$R$366,ROW(INDEX(Jesper!AL$2:AL$366,ROUNDDOWN($C719/24,0)+1,1))-1)+IF('Standard Profiles'!$G$22=$B$10,7,0)+IF('Standard Profiles'!$G$22=$B$17,14,0)+IF('Standard Profiles'!$G$22=$B$24,21,0),MOD($C719,24)+1)/SUM(INDEX($D$3:$AA$30,INDEX(Jesper!$R$2:$R$366,ROW(INDEX(Jesper!AL$2:AL$366,ROUNDDOWN($C719/24,0)+1,1))-1)+IF('Standard Profiles'!$G$22=$B$10,7,0)+IF('Standard Profiles'!$G$22=$B$17,14,0)+IF('Standard Profiles'!$G$22=$B$24,21,0),0)),0)</f>
        <v>0</v>
      </c>
      <c r="I719">
        <f t="shared" si="90"/>
        <v>0.34198240402164959</v>
      </c>
      <c r="J719">
        <f t="shared" si="91"/>
        <v>1.139941346738832</v>
      </c>
      <c r="K719">
        <f t="shared" si="92"/>
        <v>1.7099120201082478</v>
      </c>
      <c r="L719">
        <f t="shared" si="93"/>
        <v>8.2075776965195892</v>
      </c>
      <c r="M719">
        <f t="shared" si="94"/>
        <v>0</v>
      </c>
      <c r="N719" s="46">
        <f t="shared" si="95"/>
        <v>45320.541666665005</v>
      </c>
    </row>
    <row r="720" spans="2:14" x14ac:dyDescent="0.3">
      <c r="B720">
        <f t="shared" si="89"/>
        <v>1</v>
      </c>
      <c r="C720" s="16">
        <v>686</v>
      </c>
      <c r="D720" cm="1">
        <f t="array" ref="D720">IFERROR(INDEX(Jesper!AH$2:AH$366,ROUNDDOWN($C720/24,0)+1,1)*INDEX($D$3:$AA$30,INDEX(Jesper!$R$2:$R$366,ROW(INDEX(Jesper!AH$2:AH$366,ROUNDDOWN($C720/24,0)+1,1))-1)+IF('Standard Profiles'!$G$18=$B$10,7,0)+IF('Standard Profiles'!$G$18=$B$17,14,0)+IF('Standard Profiles'!$G$18=$B$24,21,0),MOD($C720,24)+1)/SUM(INDEX($D$3:$AA$30,INDEX(Jesper!$R$2:$R$366,ROW(INDEX(Jesper!AH$2:AH$366,ROUNDDOWN($C720/24,0)+1,1))-1)+IF('Standard Profiles'!$G$18=$B$10,7,0)+IF('Standard Profiles'!$G$18=$B$17,14,0)+IF('Standard Profiles'!$G$18=$B$24,21,0),0)),0)</f>
        <v>17.206661837567275</v>
      </c>
      <c r="E720" cm="1">
        <f t="array" ref="E720">IFERROR(INDEX(Jesper!AI$2:AI$366,ROUNDDOWN($C720/24,0)+1,1)*INDEX($D$3:$AA$30,INDEX(Jesper!$R$2:$R$366,ROW(INDEX(Jesper!AI$2:AI$366,ROUNDDOWN($C720/24,0)+1,1))-1)+IF('Standard Profiles'!$G$19=$B$10,7,0)+IF('Standard Profiles'!$G$19=$B$17,14,0)+IF('Standard Profiles'!$G$19=$B$24,21,0),MOD($C720,24)+1)/SUM(INDEX($D$3:$AA$30,INDEX(Jesper!$R$2:$R$366,ROW(INDEX(Jesper!AI$2:AI$366,ROUNDDOWN($C720/24,0)+1,1))-1)+IF('Standard Profiles'!$G$19=$B$10,7,0)+IF('Standard Profiles'!$G$19=$B$17,14,0)+IF('Standard Profiles'!$G$19=$B$24,21,0),0)),0)</f>
        <v>0</v>
      </c>
      <c r="F720" cm="1">
        <f t="array" ref="F720">IFERROR(INDEX(Jesper!AJ$2:AJ$366,ROUNDDOWN($C720/24,0)+1,1)*INDEX($D$3:$AA$30,INDEX(Jesper!$R$2:$R$366,ROW(INDEX(Jesper!AJ$2:AJ$366,ROUNDDOWN($C720/24,0)+1,1))-1)+IF('Standard Profiles'!$G$20=$B$10,7,0)+IF('Standard Profiles'!$G$20=$B$17,14,0)+IF('Standard Profiles'!$G$20=$B$24,21,0),MOD($C720,24)+1)/SUM(INDEX($D$3:$AA$30,INDEX(Jesper!$R$2:$R$366,ROW(INDEX(Jesper!AJ$2:AJ$366,ROUNDDOWN($C720/24,0)+1,1))-1)+IF('Standard Profiles'!$G$20=$B$10,7,0)+IF('Standard Profiles'!$G$20=$B$17,14,0)+IF('Standard Profiles'!$G$20=$B$24,21,0),0)),0)</f>
        <v>0</v>
      </c>
      <c r="G720" cm="1">
        <f t="array" ref="G720">IFERROR(INDEX(Jesper!AK$2:AK$366,ROUNDDOWN($C720/24,0)+1,1)*INDEX($D$3:$AA$30,INDEX(Jesper!$R$2:$R$366,ROW(INDEX(Jesper!AK$2:AK$366,ROUNDDOWN($C720/24,0)+1,1))-1)+IF('Standard Profiles'!$G$21=$B$10,7,0)+IF('Standard Profiles'!$G$21=$B$17,14,0)+IF('Standard Profiles'!$G$21=$B$24,21,0),MOD($C720,24)+1)/SUM(INDEX($D$3:$AA$30,INDEX(Jesper!$R$2:$R$366,ROW(INDEX(Jesper!AK$2:AK$366,ROUNDDOWN($C720/24,0)+1,1))-1)+IF('Standard Profiles'!$G$21=$B$10,7,0)+IF('Standard Profiles'!$G$21=$B$17,14,0)+IF('Standard Profiles'!$G$21=$B$24,21,0),0)),0)</f>
        <v>0</v>
      </c>
      <c r="H720" cm="1">
        <f t="array" ref="H720">IFERROR(INDEX(Jesper!AL$2:AL$366,ROUNDDOWN($C720/24,0)+1,1)*INDEX($D$3:$AA$30,INDEX(Jesper!$R$2:$R$366,ROW(INDEX(Jesper!AL$2:AL$366,ROUNDDOWN($C720/24,0)+1,1))-1)+IF('Standard Profiles'!$G$22=$B$10,7,0)+IF('Standard Profiles'!$G$22=$B$17,14,0)+IF('Standard Profiles'!$G$22=$B$24,21,0),MOD($C720,24)+1)/SUM(INDEX($D$3:$AA$30,INDEX(Jesper!$R$2:$R$366,ROW(INDEX(Jesper!AL$2:AL$366,ROUNDDOWN($C720/24,0)+1,1))-1)+IF('Standard Profiles'!$G$22=$B$10,7,0)+IF('Standard Profiles'!$G$22=$B$17,14,0)+IF('Standard Profiles'!$G$22=$B$24,21,0),0)),0)</f>
        <v>0</v>
      </c>
      <c r="I720">
        <f t="shared" si="90"/>
        <v>0.51619985512701827</v>
      </c>
      <c r="J720">
        <f t="shared" si="91"/>
        <v>1.7206661837567276</v>
      </c>
      <c r="K720">
        <f t="shared" si="92"/>
        <v>2.580999275635091</v>
      </c>
      <c r="L720">
        <f t="shared" si="93"/>
        <v>12.388796523048438</v>
      </c>
      <c r="M720">
        <f t="shared" si="94"/>
        <v>0</v>
      </c>
      <c r="N720" s="46">
        <f t="shared" si="95"/>
        <v>45320.58333333167</v>
      </c>
    </row>
    <row r="721" spans="2:14" x14ac:dyDescent="0.3">
      <c r="B721">
        <f t="shared" si="89"/>
        <v>1</v>
      </c>
      <c r="C721" s="16">
        <v>687</v>
      </c>
      <c r="D721" cm="1">
        <f t="array" ref="D721">IFERROR(INDEX(Jesper!AH$2:AH$366,ROUNDDOWN($C721/24,0)+1,1)*INDEX($D$3:$AA$30,INDEX(Jesper!$R$2:$R$366,ROW(INDEX(Jesper!AH$2:AH$366,ROUNDDOWN($C721/24,0)+1,1))-1)+IF('Standard Profiles'!$G$18=$B$10,7,0)+IF('Standard Profiles'!$G$18=$B$17,14,0)+IF('Standard Profiles'!$G$18=$B$24,21,0),MOD($C721,24)+1)/SUM(INDEX($D$3:$AA$30,INDEX(Jesper!$R$2:$R$366,ROW(INDEX(Jesper!AH$2:AH$366,ROUNDDOWN($C721/24,0)+1,1))-1)+IF('Standard Profiles'!$G$18=$B$10,7,0)+IF('Standard Profiles'!$G$18=$B$17,14,0)+IF('Standard Profiles'!$G$18=$B$24,21,0),0)),0)</f>
        <v>17.206661837567275</v>
      </c>
      <c r="E721" cm="1">
        <f t="array" ref="E721">IFERROR(INDEX(Jesper!AI$2:AI$366,ROUNDDOWN($C721/24,0)+1,1)*INDEX($D$3:$AA$30,INDEX(Jesper!$R$2:$R$366,ROW(INDEX(Jesper!AI$2:AI$366,ROUNDDOWN($C721/24,0)+1,1))-1)+IF('Standard Profiles'!$G$19=$B$10,7,0)+IF('Standard Profiles'!$G$19=$B$17,14,0)+IF('Standard Profiles'!$G$19=$B$24,21,0),MOD($C721,24)+1)/SUM(INDEX($D$3:$AA$30,INDEX(Jesper!$R$2:$R$366,ROW(INDEX(Jesper!AI$2:AI$366,ROUNDDOWN($C721/24,0)+1,1))-1)+IF('Standard Profiles'!$G$19=$B$10,7,0)+IF('Standard Profiles'!$G$19=$B$17,14,0)+IF('Standard Profiles'!$G$19=$B$24,21,0),0)),0)</f>
        <v>0</v>
      </c>
      <c r="F721" cm="1">
        <f t="array" ref="F721">IFERROR(INDEX(Jesper!AJ$2:AJ$366,ROUNDDOWN($C721/24,0)+1,1)*INDEX($D$3:$AA$30,INDEX(Jesper!$R$2:$R$366,ROW(INDEX(Jesper!AJ$2:AJ$366,ROUNDDOWN($C721/24,0)+1,1))-1)+IF('Standard Profiles'!$G$20=$B$10,7,0)+IF('Standard Profiles'!$G$20=$B$17,14,0)+IF('Standard Profiles'!$G$20=$B$24,21,0),MOD($C721,24)+1)/SUM(INDEX($D$3:$AA$30,INDEX(Jesper!$R$2:$R$366,ROW(INDEX(Jesper!AJ$2:AJ$366,ROUNDDOWN($C721/24,0)+1,1))-1)+IF('Standard Profiles'!$G$20=$B$10,7,0)+IF('Standard Profiles'!$G$20=$B$17,14,0)+IF('Standard Profiles'!$G$20=$B$24,21,0),0)),0)</f>
        <v>0</v>
      </c>
      <c r="G721" cm="1">
        <f t="array" ref="G721">IFERROR(INDEX(Jesper!AK$2:AK$366,ROUNDDOWN($C721/24,0)+1,1)*INDEX($D$3:$AA$30,INDEX(Jesper!$R$2:$R$366,ROW(INDEX(Jesper!AK$2:AK$366,ROUNDDOWN($C721/24,0)+1,1))-1)+IF('Standard Profiles'!$G$21=$B$10,7,0)+IF('Standard Profiles'!$G$21=$B$17,14,0)+IF('Standard Profiles'!$G$21=$B$24,21,0),MOD($C721,24)+1)/SUM(INDEX($D$3:$AA$30,INDEX(Jesper!$R$2:$R$366,ROW(INDEX(Jesper!AK$2:AK$366,ROUNDDOWN($C721/24,0)+1,1))-1)+IF('Standard Profiles'!$G$21=$B$10,7,0)+IF('Standard Profiles'!$G$21=$B$17,14,0)+IF('Standard Profiles'!$G$21=$B$24,21,0),0)),0)</f>
        <v>0</v>
      </c>
      <c r="H721" cm="1">
        <f t="array" ref="H721">IFERROR(INDEX(Jesper!AL$2:AL$366,ROUNDDOWN($C721/24,0)+1,1)*INDEX($D$3:$AA$30,INDEX(Jesper!$R$2:$R$366,ROW(INDEX(Jesper!AL$2:AL$366,ROUNDDOWN($C721/24,0)+1,1))-1)+IF('Standard Profiles'!$G$22=$B$10,7,0)+IF('Standard Profiles'!$G$22=$B$17,14,0)+IF('Standard Profiles'!$G$22=$B$24,21,0),MOD($C721,24)+1)/SUM(INDEX($D$3:$AA$30,INDEX(Jesper!$R$2:$R$366,ROW(INDEX(Jesper!AL$2:AL$366,ROUNDDOWN($C721/24,0)+1,1))-1)+IF('Standard Profiles'!$G$22=$B$10,7,0)+IF('Standard Profiles'!$G$22=$B$17,14,0)+IF('Standard Profiles'!$G$22=$B$24,21,0),0)),0)</f>
        <v>0</v>
      </c>
      <c r="I721">
        <f t="shared" si="90"/>
        <v>0.51619985512701827</v>
      </c>
      <c r="J721">
        <f t="shared" si="91"/>
        <v>1.7206661837567276</v>
      </c>
      <c r="K721">
        <f t="shared" si="92"/>
        <v>2.580999275635091</v>
      </c>
      <c r="L721">
        <f t="shared" si="93"/>
        <v>12.388796523048438</v>
      </c>
      <c r="M721">
        <f t="shared" si="94"/>
        <v>0</v>
      </c>
      <c r="N721" s="46">
        <f t="shared" si="95"/>
        <v>45320.624999998334</v>
      </c>
    </row>
    <row r="722" spans="2:14" x14ac:dyDescent="0.3">
      <c r="B722">
        <f t="shared" si="89"/>
        <v>1</v>
      </c>
      <c r="C722" s="16">
        <v>688</v>
      </c>
      <c r="D722" cm="1">
        <f t="array" ref="D722">IFERROR(INDEX(Jesper!AH$2:AH$366,ROUNDDOWN($C722/24,0)+1,1)*INDEX($D$3:$AA$30,INDEX(Jesper!$R$2:$R$366,ROW(INDEX(Jesper!AH$2:AH$366,ROUNDDOWN($C722/24,0)+1,1))-1)+IF('Standard Profiles'!$G$18=$B$10,7,0)+IF('Standard Profiles'!$G$18=$B$17,14,0)+IF('Standard Profiles'!$G$18=$B$24,21,0),MOD($C722,24)+1)/SUM(INDEX($D$3:$AA$30,INDEX(Jesper!$R$2:$R$366,ROW(INDEX(Jesper!AH$2:AH$366,ROUNDDOWN($C722/24,0)+1,1))-1)+IF('Standard Profiles'!$G$18=$B$10,7,0)+IF('Standard Profiles'!$G$18=$B$17,14,0)+IF('Standard Profiles'!$G$18=$B$24,21,0),0)),0)</f>
        <v>17.206661837567275</v>
      </c>
      <c r="E722" cm="1">
        <f t="array" ref="E722">IFERROR(INDEX(Jesper!AI$2:AI$366,ROUNDDOWN($C722/24,0)+1,1)*INDEX($D$3:$AA$30,INDEX(Jesper!$R$2:$R$366,ROW(INDEX(Jesper!AI$2:AI$366,ROUNDDOWN($C722/24,0)+1,1))-1)+IF('Standard Profiles'!$G$19=$B$10,7,0)+IF('Standard Profiles'!$G$19=$B$17,14,0)+IF('Standard Profiles'!$G$19=$B$24,21,0),MOD($C722,24)+1)/SUM(INDEX($D$3:$AA$30,INDEX(Jesper!$R$2:$R$366,ROW(INDEX(Jesper!AI$2:AI$366,ROUNDDOWN($C722/24,0)+1,1))-1)+IF('Standard Profiles'!$G$19=$B$10,7,0)+IF('Standard Profiles'!$G$19=$B$17,14,0)+IF('Standard Profiles'!$G$19=$B$24,21,0),0)),0)</f>
        <v>0</v>
      </c>
      <c r="F722" cm="1">
        <f t="array" ref="F722">IFERROR(INDEX(Jesper!AJ$2:AJ$366,ROUNDDOWN($C722/24,0)+1,1)*INDEX($D$3:$AA$30,INDEX(Jesper!$R$2:$R$366,ROW(INDEX(Jesper!AJ$2:AJ$366,ROUNDDOWN($C722/24,0)+1,1))-1)+IF('Standard Profiles'!$G$20=$B$10,7,0)+IF('Standard Profiles'!$G$20=$B$17,14,0)+IF('Standard Profiles'!$G$20=$B$24,21,0),MOD($C722,24)+1)/SUM(INDEX($D$3:$AA$30,INDEX(Jesper!$R$2:$R$366,ROW(INDEX(Jesper!AJ$2:AJ$366,ROUNDDOWN($C722/24,0)+1,1))-1)+IF('Standard Profiles'!$G$20=$B$10,7,0)+IF('Standard Profiles'!$G$20=$B$17,14,0)+IF('Standard Profiles'!$G$20=$B$24,21,0),0)),0)</f>
        <v>0</v>
      </c>
      <c r="G722" cm="1">
        <f t="array" ref="G722">IFERROR(INDEX(Jesper!AK$2:AK$366,ROUNDDOWN($C722/24,0)+1,1)*INDEX($D$3:$AA$30,INDEX(Jesper!$R$2:$R$366,ROW(INDEX(Jesper!AK$2:AK$366,ROUNDDOWN($C722/24,0)+1,1))-1)+IF('Standard Profiles'!$G$21=$B$10,7,0)+IF('Standard Profiles'!$G$21=$B$17,14,0)+IF('Standard Profiles'!$G$21=$B$24,21,0),MOD($C722,24)+1)/SUM(INDEX($D$3:$AA$30,INDEX(Jesper!$R$2:$R$366,ROW(INDEX(Jesper!AK$2:AK$366,ROUNDDOWN($C722/24,0)+1,1))-1)+IF('Standard Profiles'!$G$21=$B$10,7,0)+IF('Standard Profiles'!$G$21=$B$17,14,0)+IF('Standard Profiles'!$G$21=$B$24,21,0),0)),0)</f>
        <v>0</v>
      </c>
      <c r="H722" cm="1">
        <f t="array" ref="H722">IFERROR(INDEX(Jesper!AL$2:AL$366,ROUNDDOWN($C722/24,0)+1,1)*INDEX($D$3:$AA$30,INDEX(Jesper!$R$2:$R$366,ROW(INDEX(Jesper!AL$2:AL$366,ROUNDDOWN($C722/24,0)+1,1))-1)+IF('Standard Profiles'!$G$22=$B$10,7,0)+IF('Standard Profiles'!$G$22=$B$17,14,0)+IF('Standard Profiles'!$G$22=$B$24,21,0),MOD($C722,24)+1)/SUM(INDEX($D$3:$AA$30,INDEX(Jesper!$R$2:$R$366,ROW(INDEX(Jesper!AL$2:AL$366,ROUNDDOWN($C722/24,0)+1,1))-1)+IF('Standard Profiles'!$G$22=$B$10,7,0)+IF('Standard Profiles'!$G$22=$B$17,14,0)+IF('Standard Profiles'!$G$22=$B$24,21,0),0)),0)</f>
        <v>0</v>
      </c>
      <c r="I722">
        <f t="shared" si="90"/>
        <v>0.51619985512701827</v>
      </c>
      <c r="J722">
        <f t="shared" si="91"/>
        <v>1.7206661837567276</v>
      </c>
      <c r="K722">
        <f t="shared" si="92"/>
        <v>2.580999275635091</v>
      </c>
      <c r="L722">
        <f t="shared" si="93"/>
        <v>12.388796523048438</v>
      </c>
      <c r="M722">
        <f t="shared" si="94"/>
        <v>0</v>
      </c>
      <c r="N722" s="46">
        <f t="shared" si="95"/>
        <v>45320.666666664998</v>
      </c>
    </row>
    <row r="723" spans="2:14" x14ac:dyDescent="0.3">
      <c r="B723">
        <f t="shared" si="89"/>
        <v>1</v>
      </c>
      <c r="C723" s="16">
        <v>689</v>
      </c>
      <c r="D723" cm="1">
        <f t="array" ref="D723">IFERROR(INDEX(Jesper!AH$2:AH$366,ROUNDDOWN($C723/24,0)+1,1)*INDEX($D$3:$AA$30,INDEX(Jesper!$R$2:$R$366,ROW(INDEX(Jesper!AH$2:AH$366,ROUNDDOWN($C723/24,0)+1,1))-1)+IF('Standard Profiles'!$G$18=$B$10,7,0)+IF('Standard Profiles'!$G$18=$B$17,14,0)+IF('Standard Profiles'!$G$18=$B$24,21,0),MOD($C723,24)+1)/SUM(INDEX($D$3:$AA$30,INDEX(Jesper!$R$2:$R$366,ROW(INDEX(Jesper!AH$2:AH$366,ROUNDDOWN($C723/24,0)+1,1))-1)+IF('Standard Profiles'!$G$18=$B$10,7,0)+IF('Standard Profiles'!$G$18=$B$17,14,0)+IF('Standard Profiles'!$G$18=$B$24,21,0),0)),0)</f>
        <v>17.206661837567275</v>
      </c>
      <c r="E723" cm="1">
        <f t="array" ref="E723">IFERROR(INDEX(Jesper!AI$2:AI$366,ROUNDDOWN($C723/24,0)+1,1)*INDEX($D$3:$AA$30,INDEX(Jesper!$R$2:$R$366,ROW(INDEX(Jesper!AI$2:AI$366,ROUNDDOWN($C723/24,0)+1,1))-1)+IF('Standard Profiles'!$G$19=$B$10,7,0)+IF('Standard Profiles'!$G$19=$B$17,14,0)+IF('Standard Profiles'!$G$19=$B$24,21,0),MOD($C723,24)+1)/SUM(INDEX($D$3:$AA$30,INDEX(Jesper!$R$2:$R$366,ROW(INDEX(Jesper!AI$2:AI$366,ROUNDDOWN($C723/24,0)+1,1))-1)+IF('Standard Profiles'!$G$19=$B$10,7,0)+IF('Standard Profiles'!$G$19=$B$17,14,0)+IF('Standard Profiles'!$G$19=$B$24,21,0),0)),0)</f>
        <v>0</v>
      </c>
      <c r="F723" cm="1">
        <f t="array" ref="F723">IFERROR(INDEX(Jesper!AJ$2:AJ$366,ROUNDDOWN($C723/24,0)+1,1)*INDEX($D$3:$AA$30,INDEX(Jesper!$R$2:$R$366,ROW(INDEX(Jesper!AJ$2:AJ$366,ROUNDDOWN($C723/24,0)+1,1))-1)+IF('Standard Profiles'!$G$20=$B$10,7,0)+IF('Standard Profiles'!$G$20=$B$17,14,0)+IF('Standard Profiles'!$G$20=$B$24,21,0),MOD($C723,24)+1)/SUM(INDEX($D$3:$AA$30,INDEX(Jesper!$R$2:$R$366,ROW(INDEX(Jesper!AJ$2:AJ$366,ROUNDDOWN($C723/24,0)+1,1))-1)+IF('Standard Profiles'!$G$20=$B$10,7,0)+IF('Standard Profiles'!$G$20=$B$17,14,0)+IF('Standard Profiles'!$G$20=$B$24,21,0),0)),0)</f>
        <v>0</v>
      </c>
      <c r="G723" cm="1">
        <f t="array" ref="G723">IFERROR(INDEX(Jesper!AK$2:AK$366,ROUNDDOWN($C723/24,0)+1,1)*INDEX($D$3:$AA$30,INDEX(Jesper!$R$2:$R$366,ROW(INDEX(Jesper!AK$2:AK$366,ROUNDDOWN($C723/24,0)+1,1))-1)+IF('Standard Profiles'!$G$21=$B$10,7,0)+IF('Standard Profiles'!$G$21=$B$17,14,0)+IF('Standard Profiles'!$G$21=$B$24,21,0),MOD($C723,24)+1)/SUM(INDEX($D$3:$AA$30,INDEX(Jesper!$R$2:$R$366,ROW(INDEX(Jesper!AK$2:AK$366,ROUNDDOWN($C723/24,0)+1,1))-1)+IF('Standard Profiles'!$G$21=$B$10,7,0)+IF('Standard Profiles'!$G$21=$B$17,14,0)+IF('Standard Profiles'!$G$21=$B$24,21,0),0)),0)</f>
        <v>0</v>
      </c>
      <c r="H723" cm="1">
        <f t="array" ref="H723">IFERROR(INDEX(Jesper!AL$2:AL$366,ROUNDDOWN($C723/24,0)+1,1)*INDEX($D$3:$AA$30,INDEX(Jesper!$R$2:$R$366,ROW(INDEX(Jesper!AL$2:AL$366,ROUNDDOWN($C723/24,0)+1,1))-1)+IF('Standard Profiles'!$G$22=$B$10,7,0)+IF('Standard Profiles'!$G$22=$B$17,14,0)+IF('Standard Profiles'!$G$22=$B$24,21,0),MOD($C723,24)+1)/SUM(INDEX($D$3:$AA$30,INDEX(Jesper!$R$2:$R$366,ROW(INDEX(Jesper!AL$2:AL$366,ROUNDDOWN($C723/24,0)+1,1))-1)+IF('Standard Profiles'!$G$22=$B$10,7,0)+IF('Standard Profiles'!$G$22=$B$17,14,0)+IF('Standard Profiles'!$G$22=$B$24,21,0),0)),0)</f>
        <v>0</v>
      </c>
      <c r="I723">
        <f t="shared" si="90"/>
        <v>0.51619985512701827</v>
      </c>
      <c r="J723">
        <f t="shared" si="91"/>
        <v>1.7206661837567276</v>
      </c>
      <c r="K723">
        <f t="shared" si="92"/>
        <v>2.580999275635091</v>
      </c>
      <c r="L723">
        <f t="shared" si="93"/>
        <v>12.388796523048438</v>
      </c>
      <c r="M723">
        <f t="shared" si="94"/>
        <v>0</v>
      </c>
      <c r="N723" s="46">
        <f t="shared" si="95"/>
        <v>45320.708333331662</v>
      </c>
    </row>
    <row r="724" spans="2:14" x14ac:dyDescent="0.3">
      <c r="B724">
        <f t="shared" si="89"/>
        <v>1</v>
      </c>
      <c r="C724" s="16">
        <v>690</v>
      </c>
      <c r="D724" cm="1">
        <f t="array" ref="D724">IFERROR(INDEX(Jesper!AH$2:AH$366,ROUNDDOWN($C724/24,0)+1,1)*INDEX($D$3:$AA$30,INDEX(Jesper!$R$2:$R$366,ROW(INDEX(Jesper!AH$2:AH$366,ROUNDDOWN($C724/24,0)+1,1))-1)+IF('Standard Profiles'!$G$18=$B$10,7,0)+IF('Standard Profiles'!$G$18=$B$17,14,0)+IF('Standard Profiles'!$G$18=$B$24,21,0),MOD($C724,24)+1)/SUM(INDEX($D$3:$AA$30,INDEX(Jesper!$R$2:$R$366,ROW(INDEX(Jesper!AH$2:AH$366,ROUNDDOWN($C724/24,0)+1,1))-1)+IF('Standard Profiles'!$G$18=$B$10,7,0)+IF('Standard Profiles'!$G$18=$B$17,14,0)+IF('Standard Profiles'!$G$18=$B$24,21,0),0)),0)</f>
        <v>17.206661837567275</v>
      </c>
      <c r="E724" cm="1">
        <f t="array" ref="E724">IFERROR(INDEX(Jesper!AI$2:AI$366,ROUNDDOWN($C724/24,0)+1,1)*INDEX($D$3:$AA$30,INDEX(Jesper!$R$2:$R$366,ROW(INDEX(Jesper!AI$2:AI$366,ROUNDDOWN($C724/24,0)+1,1))-1)+IF('Standard Profiles'!$G$19=$B$10,7,0)+IF('Standard Profiles'!$G$19=$B$17,14,0)+IF('Standard Profiles'!$G$19=$B$24,21,0),MOD($C724,24)+1)/SUM(INDEX($D$3:$AA$30,INDEX(Jesper!$R$2:$R$366,ROW(INDEX(Jesper!AI$2:AI$366,ROUNDDOWN($C724/24,0)+1,1))-1)+IF('Standard Profiles'!$G$19=$B$10,7,0)+IF('Standard Profiles'!$G$19=$B$17,14,0)+IF('Standard Profiles'!$G$19=$B$24,21,0),0)),0)</f>
        <v>0</v>
      </c>
      <c r="F724" cm="1">
        <f t="array" ref="F724">IFERROR(INDEX(Jesper!AJ$2:AJ$366,ROUNDDOWN($C724/24,0)+1,1)*INDEX($D$3:$AA$30,INDEX(Jesper!$R$2:$R$366,ROW(INDEX(Jesper!AJ$2:AJ$366,ROUNDDOWN($C724/24,0)+1,1))-1)+IF('Standard Profiles'!$G$20=$B$10,7,0)+IF('Standard Profiles'!$G$20=$B$17,14,0)+IF('Standard Profiles'!$G$20=$B$24,21,0),MOD($C724,24)+1)/SUM(INDEX($D$3:$AA$30,INDEX(Jesper!$R$2:$R$366,ROW(INDEX(Jesper!AJ$2:AJ$366,ROUNDDOWN($C724/24,0)+1,1))-1)+IF('Standard Profiles'!$G$20=$B$10,7,0)+IF('Standard Profiles'!$G$20=$B$17,14,0)+IF('Standard Profiles'!$G$20=$B$24,21,0),0)),0)</f>
        <v>0</v>
      </c>
      <c r="G724" cm="1">
        <f t="array" ref="G724">IFERROR(INDEX(Jesper!AK$2:AK$366,ROUNDDOWN($C724/24,0)+1,1)*INDEX($D$3:$AA$30,INDEX(Jesper!$R$2:$R$366,ROW(INDEX(Jesper!AK$2:AK$366,ROUNDDOWN($C724/24,0)+1,1))-1)+IF('Standard Profiles'!$G$21=$B$10,7,0)+IF('Standard Profiles'!$G$21=$B$17,14,0)+IF('Standard Profiles'!$G$21=$B$24,21,0),MOD($C724,24)+1)/SUM(INDEX($D$3:$AA$30,INDEX(Jesper!$R$2:$R$366,ROW(INDEX(Jesper!AK$2:AK$366,ROUNDDOWN($C724/24,0)+1,1))-1)+IF('Standard Profiles'!$G$21=$B$10,7,0)+IF('Standard Profiles'!$G$21=$B$17,14,0)+IF('Standard Profiles'!$G$21=$B$24,21,0),0)),0)</f>
        <v>0</v>
      </c>
      <c r="H724" cm="1">
        <f t="array" ref="H724">IFERROR(INDEX(Jesper!AL$2:AL$366,ROUNDDOWN($C724/24,0)+1,1)*INDEX($D$3:$AA$30,INDEX(Jesper!$R$2:$R$366,ROW(INDEX(Jesper!AL$2:AL$366,ROUNDDOWN($C724/24,0)+1,1))-1)+IF('Standard Profiles'!$G$22=$B$10,7,0)+IF('Standard Profiles'!$G$22=$B$17,14,0)+IF('Standard Profiles'!$G$22=$B$24,21,0),MOD($C724,24)+1)/SUM(INDEX($D$3:$AA$30,INDEX(Jesper!$R$2:$R$366,ROW(INDEX(Jesper!AL$2:AL$366,ROUNDDOWN($C724/24,0)+1,1))-1)+IF('Standard Profiles'!$G$22=$B$10,7,0)+IF('Standard Profiles'!$G$22=$B$17,14,0)+IF('Standard Profiles'!$G$22=$B$24,21,0),0)),0)</f>
        <v>0</v>
      </c>
      <c r="I724">
        <f t="shared" si="90"/>
        <v>0.51619985512701827</v>
      </c>
      <c r="J724">
        <f t="shared" si="91"/>
        <v>1.7206661837567276</v>
      </c>
      <c r="K724">
        <f t="shared" si="92"/>
        <v>2.580999275635091</v>
      </c>
      <c r="L724">
        <f t="shared" si="93"/>
        <v>12.388796523048438</v>
      </c>
      <c r="M724">
        <f t="shared" si="94"/>
        <v>0</v>
      </c>
      <c r="N724" s="46">
        <f t="shared" si="95"/>
        <v>45320.749999998327</v>
      </c>
    </row>
    <row r="725" spans="2:14" x14ac:dyDescent="0.3">
      <c r="B725">
        <f t="shared" si="89"/>
        <v>1</v>
      </c>
      <c r="C725" s="16">
        <v>691</v>
      </c>
      <c r="D725" cm="1">
        <f t="array" ref="D725">IFERROR(INDEX(Jesper!AH$2:AH$366,ROUNDDOWN($C725/24,0)+1,1)*INDEX($D$3:$AA$30,INDEX(Jesper!$R$2:$R$366,ROW(INDEX(Jesper!AH$2:AH$366,ROUNDDOWN($C725/24,0)+1,1))-1)+IF('Standard Profiles'!$G$18=$B$10,7,0)+IF('Standard Profiles'!$G$18=$B$17,14,0)+IF('Standard Profiles'!$G$18=$B$24,21,0),MOD($C725,24)+1)/SUM(INDEX($D$3:$AA$30,INDEX(Jesper!$R$2:$R$366,ROW(INDEX(Jesper!AH$2:AH$366,ROUNDDOWN($C725/24,0)+1,1))-1)+IF('Standard Profiles'!$G$18=$B$10,7,0)+IF('Standard Profiles'!$G$18=$B$17,14,0)+IF('Standard Profiles'!$G$18=$B$24,21,0),0)),0)</f>
        <v>14.410579288962591</v>
      </c>
      <c r="E725" cm="1">
        <f t="array" ref="E725">IFERROR(INDEX(Jesper!AI$2:AI$366,ROUNDDOWN($C725/24,0)+1,1)*INDEX($D$3:$AA$30,INDEX(Jesper!$R$2:$R$366,ROW(INDEX(Jesper!AI$2:AI$366,ROUNDDOWN($C725/24,0)+1,1))-1)+IF('Standard Profiles'!$G$19=$B$10,7,0)+IF('Standard Profiles'!$G$19=$B$17,14,0)+IF('Standard Profiles'!$G$19=$B$24,21,0),MOD($C725,24)+1)/SUM(INDEX($D$3:$AA$30,INDEX(Jesper!$R$2:$R$366,ROW(INDEX(Jesper!AI$2:AI$366,ROUNDDOWN($C725/24,0)+1,1))-1)+IF('Standard Profiles'!$G$19=$B$10,7,0)+IF('Standard Profiles'!$G$19=$B$17,14,0)+IF('Standard Profiles'!$G$19=$B$24,21,0),0)),0)</f>
        <v>0</v>
      </c>
      <c r="F725" cm="1">
        <f t="array" ref="F725">IFERROR(INDEX(Jesper!AJ$2:AJ$366,ROUNDDOWN($C725/24,0)+1,1)*INDEX($D$3:$AA$30,INDEX(Jesper!$R$2:$R$366,ROW(INDEX(Jesper!AJ$2:AJ$366,ROUNDDOWN($C725/24,0)+1,1))-1)+IF('Standard Profiles'!$G$20=$B$10,7,0)+IF('Standard Profiles'!$G$20=$B$17,14,0)+IF('Standard Profiles'!$G$20=$B$24,21,0),MOD($C725,24)+1)/SUM(INDEX($D$3:$AA$30,INDEX(Jesper!$R$2:$R$366,ROW(INDEX(Jesper!AJ$2:AJ$366,ROUNDDOWN($C725/24,0)+1,1))-1)+IF('Standard Profiles'!$G$20=$B$10,7,0)+IF('Standard Profiles'!$G$20=$B$17,14,0)+IF('Standard Profiles'!$G$20=$B$24,21,0),0)),0)</f>
        <v>0</v>
      </c>
      <c r="G725" cm="1">
        <f t="array" ref="G725">IFERROR(INDEX(Jesper!AK$2:AK$366,ROUNDDOWN($C725/24,0)+1,1)*INDEX($D$3:$AA$30,INDEX(Jesper!$R$2:$R$366,ROW(INDEX(Jesper!AK$2:AK$366,ROUNDDOWN($C725/24,0)+1,1))-1)+IF('Standard Profiles'!$G$21=$B$10,7,0)+IF('Standard Profiles'!$G$21=$B$17,14,0)+IF('Standard Profiles'!$G$21=$B$24,21,0),MOD($C725,24)+1)/SUM(INDEX($D$3:$AA$30,INDEX(Jesper!$R$2:$R$366,ROW(INDEX(Jesper!AK$2:AK$366,ROUNDDOWN($C725/24,0)+1,1))-1)+IF('Standard Profiles'!$G$21=$B$10,7,0)+IF('Standard Profiles'!$G$21=$B$17,14,0)+IF('Standard Profiles'!$G$21=$B$24,21,0),0)),0)</f>
        <v>0</v>
      </c>
      <c r="H725" cm="1">
        <f t="array" ref="H725">IFERROR(INDEX(Jesper!AL$2:AL$366,ROUNDDOWN($C725/24,0)+1,1)*INDEX($D$3:$AA$30,INDEX(Jesper!$R$2:$R$366,ROW(INDEX(Jesper!AL$2:AL$366,ROUNDDOWN($C725/24,0)+1,1))-1)+IF('Standard Profiles'!$G$22=$B$10,7,0)+IF('Standard Profiles'!$G$22=$B$17,14,0)+IF('Standard Profiles'!$G$22=$B$24,21,0),MOD($C725,24)+1)/SUM(INDEX($D$3:$AA$30,INDEX(Jesper!$R$2:$R$366,ROW(INDEX(Jesper!AL$2:AL$366,ROUNDDOWN($C725/24,0)+1,1))-1)+IF('Standard Profiles'!$G$22=$B$10,7,0)+IF('Standard Profiles'!$G$22=$B$17,14,0)+IF('Standard Profiles'!$G$22=$B$24,21,0),0)),0)</f>
        <v>0</v>
      </c>
      <c r="I725">
        <f t="shared" si="90"/>
        <v>0.43231737866887771</v>
      </c>
      <c r="J725">
        <f t="shared" si="91"/>
        <v>1.4410579288962593</v>
      </c>
      <c r="K725">
        <f t="shared" si="92"/>
        <v>2.1615868933443885</v>
      </c>
      <c r="L725">
        <f t="shared" si="93"/>
        <v>10.375617088053065</v>
      </c>
      <c r="M725">
        <f t="shared" si="94"/>
        <v>0</v>
      </c>
      <c r="N725" s="46">
        <f t="shared" si="95"/>
        <v>45320.791666664991</v>
      </c>
    </row>
    <row r="726" spans="2:14" x14ac:dyDescent="0.3">
      <c r="B726">
        <f t="shared" si="89"/>
        <v>1</v>
      </c>
      <c r="C726" s="16">
        <v>692</v>
      </c>
      <c r="D726" cm="1">
        <f t="array" ref="D726">IFERROR(INDEX(Jesper!AH$2:AH$366,ROUNDDOWN($C726/24,0)+1,1)*INDEX($D$3:$AA$30,INDEX(Jesper!$R$2:$R$366,ROW(INDEX(Jesper!AH$2:AH$366,ROUNDDOWN($C726/24,0)+1,1))-1)+IF('Standard Profiles'!$G$18=$B$10,7,0)+IF('Standard Profiles'!$G$18=$B$17,14,0)+IF('Standard Profiles'!$G$18=$B$24,21,0),MOD($C726,24)+1)/SUM(INDEX($D$3:$AA$30,INDEX(Jesper!$R$2:$R$366,ROW(INDEX(Jesper!AH$2:AH$366,ROUNDDOWN($C726/24,0)+1,1))-1)+IF('Standard Profiles'!$G$18=$B$10,7,0)+IF('Standard Profiles'!$G$18=$B$17,14,0)+IF('Standard Profiles'!$G$18=$B$24,21,0),0)),0)</f>
        <v>11.829580013327501</v>
      </c>
      <c r="E726" cm="1">
        <f t="array" ref="E726">IFERROR(INDEX(Jesper!AI$2:AI$366,ROUNDDOWN($C726/24,0)+1,1)*INDEX($D$3:$AA$30,INDEX(Jesper!$R$2:$R$366,ROW(INDEX(Jesper!AI$2:AI$366,ROUNDDOWN($C726/24,0)+1,1))-1)+IF('Standard Profiles'!$G$19=$B$10,7,0)+IF('Standard Profiles'!$G$19=$B$17,14,0)+IF('Standard Profiles'!$G$19=$B$24,21,0),MOD($C726,24)+1)/SUM(INDEX($D$3:$AA$30,INDEX(Jesper!$R$2:$R$366,ROW(INDEX(Jesper!AI$2:AI$366,ROUNDDOWN($C726/24,0)+1,1))-1)+IF('Standard Profiles'!$G$19=$B$10,7,0)+IF('Standard Profiles'!$G$19=$B$17,14,0)+IF('Standard Profiles'!$G$19=$B$24,21,0),0)),0)</f>
        <v>0</v>
      </c>
      <c r="F726" cm="1">
        <f t="array" ref="F726">IFERROR(INDEX(Jesper!AJ$2:AJ$366,ROUNDDOWN($C726/24,0)+1,1)*INDEX($D$3:$AA$30,INDEX(Jesper!$R$2:$R$366,ROW(INDEX(Jesper!AJ$2:AJ$366,ROUNDDOWN($C726/24,0)+1,1))-1)+IF('Standard Profiles'!$G$20=$B$10,7,0)+IF('Standard Profiles'!$G$20=$B$17,14,0)+IF('Standard Profiles'!$G$20=$B$24,21,0),MOD($C726,24)+1)/SUM(INDEX($D$3:$AA$30,INDEX(Jesper!$R$2:$R$366,ROW(INDEX(Jesper!AJ$2:AJ$366,ROUNDDOWN($C726/24,0)+1,1))-1)+IF('Standard Profiles'!$G$20=$B$10,7,0)+IF('Standard Profiles'!$G$20=$B$17,14,0)+IF('Standard Profiles'!$G$20=$B$24,21,0),0)),0)</f>
        <v>0</v>
      </c>
      <c r="G726" cm="1">
        <f t="array" ref="G726">IFERROR(INDEX(Jesper!AK$2:AK$366,ROUNDDOWN($C726/24,0)+1,1)*INDEX($D$3:$AA$30,INDEX(Jesper!$R$2:$R$366,ROW(INDEX(Jesper!AK$2:AK$366,ROUNDDOWN($C726/24,0)+1,1))-1)+IF('Standard Profiles'!$G$21=$B$10,7,0)+IF('Standard Profiles'!$G$21=$B$17,14,0)+IF('Standard Profiles'!$G$21=$B$24,21,0),MOD($C726,24)+1)/SUM(INDEX($D$3:$AA$30,INDEX(Jesper!$R$2:$R$366,ROW(INDEX(Jesper!AK$2:AK$366,ROUNDDOWN($C726/24,0)+1,1))-1)+IF('Standard Profiles'!$G$21=$B$10,7,0)+IF('Standard Profiles'!$G$21=$B$17,14,0)+IF('Standard Profiles'!$G$21=$B$24,21,0),0)),0)</f>
        <v>0</v>
      </c>
      <c r="H726" cm="1">
        <f t="array" ref="H726">IFERROR(INDEX(Jesper!AL$2:AL$366,ROUNDDOWN($C726/24,0)+1,1)*INDEX($D$3:$AA$30,INDEX(Jesper!$R$2:$R$366,ROW(INDEX(Jesper!AL$2:AL$366,ROUNDDOWN($C726/24,0)+1,1))-1)+IF('Standard Profiles'!$G$22=$B$10,7,0)+IF('Standard Profiles'!$G$22=$B$17,14,0)+IF('Standard Profiles'!$G$22=$B$24,21,0),MOD($C726,24)+1)/SUM(INDEX($D$3:$AA$30,INDEX(Jesper!$R$2:$R$366,ROW(INDEX(Jesper!AL$2:AL$366,ROUNDDOWN($C726/24,0)+1,1))-1)+IF('Standard Profiles'!$G$22=$B$10,7,0)+IF('Standard Profiles'!$G$22=$B$17,14,0)+IF('Standard Profiles'!$G$22=$B$24,21,0),0)),0)</f>
        <v>0</v>
      </c>
      <c r="I726">
        <f t="shared" si="90"/>
        <v>0.35488740039982503</v>
      </c>
      <c r="J726">
        <f t="shared" si="91"/>
        <v>1.1829580013327501</v>
      </c>
      <c r="K726">
        <f t="shared" si="92"/>
        <v>1.7744370019991251</v>
      </c>
      <c r="L726">
        <f t="shared" si="93"/>
        <v>8.5172976095958006</v>
      </c>
      <c r="M726">
        <f t="shared" si="94"/>
        <v>0</v>
      </c>
      <c r="N726" s="46">
        <f t="shared" si="95"/>
        <v>45320.833333331655</v>
      </c>
    </row>
    <row r="727" spans="2:14" x14ac:dyDescent="0.3">
      <c r="B727">
        <f t="shared" si="89"/>
        <v>1</v>
      </c>
      <c r="C727" s="16">
        <v>693</v>
      </c>
      <c r="D727" cm="1">
        <f t="array" ref="D727">IFERROR(INDEX(Jesper!AH$2:AH$366,ROUNDDOWN($C727/24,0)+1,1)*INDEX($D$3:$AA$30,INDEX(Jesper!$R$2:$R$366,ROW(INDEX(Jesper!AH$2:AH$366,ROUNDDOWN($C727/24,0)+1,1))-1)+IF('Standard Profiles'!$G$18=$B$10,7,0)+IF('Standard Profiles'!$G$18=$B$17,14,0)+IF('Standard Profiles'!$G$18=$B$24,21,0),MOD($C727,24)+1)/SUM(INDEX($D$3:$AA$30,INDEX(Jesper!$R$2:$R$366,ROW(INDEX(Jesper!AH$2:AH$366,ROUNDDOWN($C727/24,0)+1,1))-1)+IF('Standard Profiles'!$G$18=$B$10,7,0)+IF('Standard Profiles'!$G$18=$B$17,14,0)+IF('Standard Profiles'!$G$18=$B$24,21,0),0)),0)</f>
        <v>8.6033309187836373</v>
      </c>
      <c r="E727" cm="1">
        <f t="array" ref="E727">IFERROR(INDEX(Jesper!AI$2:AI$366,ROUNDDOWN($C727/24,0)+1,1)*INDEX($D$3:$AA$30,INDEX(Jesper!$R$2:$R$366,ROW(INDEX(Jesper!AI$2:AI$366,ROUNDDOWN($C727/24,0)+1,1))-1)+IF('Standard Profiles'!$G$19=$B$10,7,0)+IF('Standard Profiles'!$G$19=$B$17,14,0)+IF('Standard Profiles'!$G$19=$B$24,21,0),MOD($C727,24)+1)/SUM(INDEX($D$3:$AA$30,INDEX(Jesper!$R$2:$R$366,ROW(INDEX(Jesper!AI$2:AI$366,ROUNDDOWN($C727/24,0)+1,1))-1)+IF('Standard Profiles'!$G$19=$B$10,7,0)+IF('Standard Profiles'!$G$19=$B$17,14,0)+IF('Standard Profiles'!$G$19=$B$24,21,0),0)),0)</f>
        <v>0</v>
      </c>
      <c r="F727" cm="1">
        <f t="array" ref="F727">IFERROR(INDEX(Jesper!AJ$2:AJ$366,ROUNDDOWN($C727/24,0)+1,1)*INDEX($D$3:$AA$30,INDEX(Jesper!$R$2:$R$366,ROW(INDEX(Jesper!AJ$2:AJ$366,ROUNDDOWN($C727/24,0)+1,1))-1)+IF('Standard Profiles'!$G$20=$B$10,7,0)+IF('Standard Profiles'!$G$20=$B$17,14,0)+IF('Standard Profiles'!$G$20=$B$24,21,0),MOD($C727,24)+1)/SUM(INDEX($D$3:$AA$30,INDEX(Jesper!$R$2:$R$366,ROW(INDEX(Jesper!AJ$2:AJ$366,ROUNDDOWN($C727/24,0)+1,1))-1)+IF('Standard Profiles'!$G$20=$B$10,7,0)+IF('Standard Profiles'!$G$20=$B$17,14,0)+IF('Standard Profiles'!$G$20=$B$24,21,0),0)),0)</f>
        <v>0</v>
      </c>
      <c r="G727" cm="1">
        <f t="array" ref="G727">IFERROR(INDEX(Jesper!AK$2:AK$366,ROUNDDOWN($C727/24,0)+1,1)*INDEX($D$3:$AA$30,INDEX(Jesper!$R$2:$R$366,ROW(INDEX(Jesper!AK$2:AK$366,ROUNDDOWN($C727/24,0)+1,1))-1)+IF('Standard Profiles'!$G$21=$B$10,7,0)+IF('Standard Profiles'!$G$21=$B$17,14,0)+IF('Standard Profiles'!$G$21=$B$24,21,0),MOD($C727,24)+1)/SUM(INDEX($D$3:$AA$30,INDEX(Jesper!$R$2:$R$366,ROW(INDEX(Jesper!AK$2:AK$366,ROUNDDOWN($C727/24,0)+1,1))-1)+IF('Standard Profiles'!$G$21=$B$10,7,0)+IF('Standard Profiles'!$G$21=$B$17,14,0)+IF('Standard Profiles'!$G$21=$B$24,21,0),0)),0)</f>
        <v>0</v>
      </c>
      <c r="H727" cm="1">
        <f t="array" ref="H727">IFERROR(INDEX(Jesper!AL$2:AL$366,ROUNDDOWN($C727/24,0)+1,1)*INDEX($D$3:$AA$30,INDEX(Jesper!$R$2:$R$366,ROW(INDEX(Jesper!AL$2:AL$366,ROUNDDOWN($C727/24,0)+1,1))-1)+IF('Standard Profiles'!$G$22=$B$10,7,0)+IF('Standard Profiles'!$G$22=$B$17,14,0)+IF('Standard Profiles'!$G$22=$B$24,21,0),MOD($C727,24)+1)/SUM(INDEX($D$3:$AA$30,INDEX(Jesper!$R$2:$R$366,ROW(INDEX(Jesper!AL$2:AL$366,ROUNDDOWN($C727/24,0)+1,1))-1)+IF('Standard Profiles'!$G$22=$B$10,7,0)+IF('Standard Profiles'!$G$22=$B$17,14,0)+IF('Standard Profiles'!$G$22=$B$24,21,0),0)),0)</f>
        <v>0</v>
      </c>
      <c r="I727">
        <f t="shared" si="90"/>
        <v>0.25809992756350914</v>
      </c>
      <c r="J727">
        <f t="shared" si="91"/>
        <v>0.86033309187836382</v>
      </c>
      <c r="K727">
        <f t="shared" si="92"/>
        <v>1.2904996378175455</v>
      </c>
      <c r="L727">
        <f t="shared" si="93"/>
        <v>6.1943982615242188</v>
      </c>
      <c r="M727">
        <f t="shared" si="94"/>
        <v>0</v>
      </c>
      <c r="N727" s="46">
        <f t="shared" si="95"/>
        <v>45320.874999998319</v>
      </c>
    </row>
    <row r="728" spans="2:14" x14ac:dyDescent="0.3">
      <c r="B728">
        <f t="shared" si="89"/>
        <v>1</v>
      </c>
      <c r="C728" s="16">
        <v>694</v>
      </c>
      <c r="D728" cm="1">
        <f t="array" ref="D728">IFERROR(INDEX(Jesper!AH$2:AH$366,ROUNDDOWN($C728/24,0)+1,1)*INDEX($D$3:$AA$30,INDEX(Jesper!$R$2:$R$366,ROW(INDEX(Jesper!AH$2:AH$366,ROUNDDOWN($C728/24,0)+1,1))-1)+IF('Standard Profiles'!$G$18=$B$10,7,0)+IF('Standard Profiles'!$G$18=$B$17,14,0)+IF('Standard Profiles'!$G$18=$B$24,21,0),MOD($C728,24)+1)/SUM(INDEX($D$3:$AA$30,INDEX(Jesper!$R$2:$R$366,ROW(INDEX(Jesper!AH$2:AH$366,ROUNDDOWN($C728/24,0)+1,1))-1)+IF('Standard Profiles'!$G$18=$B$10,7,0)+IF('Standard Profiles'!$G$18=$B$17,14,0)+IF('Standard Profiles'!$G$18=$B$24,21,0),0)),0)</f>
        <v>8.1731643728444539</v>
      </c>
      <c r="E728" cm="1">
        <f t="array" ref="E728">IFERROR(INDEX(Jesper!AI$2:AI$366,ROUNDDOWN($C728/24,0)+1,1)*INDEX($D$3:$AA$30,INDEX(Jesper!$R$2:$R$366,ROW(INDEX(Jesper!AI$2:AI$366,ROUNDDOWN($C728/24,0)+1,1))-1)+IF('Standard Profiles'!$G$19=$B$10,7,0)+IF('Standard Profiles'!$G$19=$B$17,14,0)+IF('Standard Profiles'!$G$19=$B$24,21,0),MOD($C728,24)+1)/SUM(INDEX($D$3:$AA$30,INDEX(Jesper!$R$2:$R$366,ROW(INDEX(Jesper!AI$2:AI$366,ROUNDDOWN($C728/24,0)+1,1))-1)+IF('Standard Profiles'!$G$19=$B$10,7,0)+IF('Standard Profiles'!$G$19=$B$17,14,0)+IF('Standard Profiles'!$G$19=$B$24,21,0),0)),0)</f>
        <v>0</v>
      </c>
      <c r="F728" cm="1">
        <f t="array" ref="F728">IFERROR(INDEX(Jesper!AJ$2:AJ$366,ROUNDDOWN($C728/24,0)+1,1)*INDEX($D$3:$AA$30,INDEX(Jesper!$R$2:$R$366,ROW(INDEX(Jesper!AJ$2:AJ$366,ROUNDDOWN($C728/24,0)+1,1))-1)+IF('Standard Profiles'!$G$20=$B$10,7,0)+IF('Standard Profiles'!$G$20=$B$17,14,0)+IF('Standard Profiles'!$G$20=$B$24,21,0),MOD($C728,24)+1)/SUM(INDEX($D$3:$AA$30,INDEX(Jesper!$R$2:$R$366,ROW(INDEX(Jesper!AJ$2:AJ$366,ROUNDDOWN($C728/24,0)+1,1))-1)+IF('Standard Profiles'!$G$20=$B$10,7,0)+IF('Standard Profiles'!$G$20=$B$17,14,0)+IF('Standard Profiles'!$G$20=$B$24,21,0),0)),0)</f>
        <v>0</v>
      </c>
      <c r="G728" cm="1">
        <f t="array" ref="G728">IFERROR(INDEX(Jesper!AK$2:AK$366,ROUNDDOWN($C728/24,0)+1,1)*INDEX($D$3:$AA$30,INDEX(Jesper!$R$2:$R$366,ROW(INDEX(Jesper!AK$2:AK$366,ROUNDDOWN($C728/24,0)+1,1))-1)+IF('Standard Profiles'!$G$21=$B$10,7,0)+IF('Standard Profiles'!$G$21=$B$17,14,0)+IF('Standard Profiles'!$G$21=$B$24,21,0),MOD($C728,24)+1)/SUM(INDEX($D$3:$AA$30,INDEX(Jesper!$R$2:$R$366,ROW(INDEX(Jesper!AK$2:AK$366,ROUNDDOWN($C728/24,0)+1,1))-1)+IF('Standard Profiles'!$G$21=$B$10,7,0)+IF('Standard Profiles'!$G$21=$B$17,14,0)+IF('Standard Profiles'!$G$21=$B$24,21,0),0)),0)</f>
        <v>0</v>
      </c>
      <c r="H728" cm="1">
        <f t="array" ref="H728">IFERROR(INDEX(Jesper!AL$2:AL$366,ROUNDDOWN($C728/24,0)+1,1)*INDEX($D$3:$AA$30,INDEX(Jesper!$R$2:$R$366,ROW(INDEX(Jesper!AL$2:AL$366,ROUNDDOWN($C728/24,0)+1,1))-1)+IF('Standard Profiles'!$G$22=$B$10,7,0)+IF('Standard Profiles'!$G$22=$B$17,14,0)+IF('Standard Profiles'!$G$22=$B$24,21,0),MOD($C728,24)+1)/SUM(INDEX($D$3:$AA$30,INDEX(Jesper!$R$2:$R$366,ROW(INDEX(Jesper!AL$2:AL$366,ROUNDDOWN($C728/24,0)+1,1))-1)+IF('Standard Profiles'!$G$22=$B$10,7,0)+IF('Standard Profiles'!$G$22=$B$17,14,0)+IF('Standard Profiles'!$G$22=$B$24,21,0),0)),0)</f>
        <v>0</v>
      </c>
      <c r="I728">
        <f t="shared" si="90"/>
        <v>0.24519493118533361</v>
      </c>
      <c r="J728">
        <f t="shared" si="91"/>
        <v>0.81731643728444547</v>
      </c>
      <c r="K728">
        <f t="shared" si="92"/>
        <v>1.225974655926668</v>
      </c>
      <c r="L728">
        <f t="shared" si="93"/>
        <v>5.8846783484480065</v>
      </c>
      <c r="M728">
        <f t="shared" si="94"/>
        <v>0</v>
      </c>
      <c r="N728" s="46">
        <f t="shared" si="95"/>
        <v>45320.916666664983</v>
      </c>
    </row>
    <row r="729" spans="2:14" x14ac:dyDescent="0.3">
      <c r="B729">
        <f t="shared" si="89"/>
        <v>1</v>
      </c>
      <c r="C729" s="16">
        <v>695</v>
      </c>
      <c r="D729" cm="1">
        <f t="array" ref="D729">IFERROR(INDEX(Jesper!AH$2:AH$366,ROUNDDOWN($C729/24,0)+1,1)*INDEX($D$3:$AA$30,INDEX(Jesper!$R$2:$R$366,ROW(INDEX(Jesper!AH$2:AH$366,ROUNDDOWN($C729/24,0)+1,1))-1)+IF('Standard Profiles'!$G$18=$B$10,7,0)+IF('Standard Profiles'!$G$18=$B$17,14,0)+IF('Standard Profiles'!$G$18=$B$24,21,0),MOD($C729,24)+1)/SUM(INDEX($D$3:$AA$30,INDEX(Jesper!$R$2:$R$366,ROW(INDEX(Jesper!AH$2:AH$366,ROUNDDOWN($C729/24,0)+1,1))-1)+IF('Standard Profiles'!$G$18=$B$10,7,0)+IF('Standard Profiles'!$G$18=$B$17,14,0)+IF('Standard Profiles'!$G$18=$B$24,21,0),0)),0)</f>
        <v>8.1731643728444539</v>
      </c>
      <c r="E729" cm="1">
        <f t="array" ref="E729">IFERROR(INDEX(Jesper!AI$2:AI$366,ROUNDDOWN($C729/24,0)+1,1)*INDEX($D$3:$AA$30,INDEX(Jesper!$R$2:$R$366,ROW(INDEX(Jesper!AI$2:AI$366,ROUNDDOWN($C729/24,0)+1,1))-1)+IF('Standard Profiles'!$G$19=$B$10,7,0)+IF('Standard Profiles'!$G$19=$B$17,14,0)+IF('Standard Profiles'!$G$19=$B$24,21,0),MOD($C729,24)+1)/SUM(INDEX($D$3:$AA$30,INDEX(Jesper!$R$2:$R$366,ROW(INDEX(Jesper!AI$2:AI$366,ROUNDDOWN($C729/24,0)+1,1))-1)+IF('Standard Profiles'!$G$19=$B$10,7,0)+IF('Standard Profiles'!$G$19=$B$17,14,0)+IF('Standard Profiles'!$G$19=$B$24,21,0),0)),0)</f>
        <v>0</v>
      </c>
      <c r="F729" cm="1">
        <f t="array" ref="F729">IFERROR(INDEX(Jesper!AJ$2:AJ$366,ROUNDDOWN($C729/24,0)+1,1)*INDEX($D$3:$AA$30,INDEX(Jesper!$R$2:$R$366,ROW(INDEX(Jesper!AJ$2:AJ$366,ROUNDDOWN($C729/24,0)+1,1))-1)+IF('Standard Profiles'!$G$20=$B$10,7,0)+IF('Standard Profiles'!$G$20=$B$17,14,0)+IF('Standard Profiles'!$G$20=$B$24,21,0),MOD($C729,24)+1)/SUM(INDEX($D$3:$AA$30,INDEX(Jesper!$R$2:$R$366,ROW(INDEX(Jesper!AJ$2:AJ$366,ROUNDDOWN($C729/24,0)+1,1))-1)+IF('Standard Profiles'!$G$20=$B$10,7,0)+IF('Standard Profiles'!$G$20=$B$17,14,0)+IF('Standard Profiles'!$G$20=$B$24,21,0),0)),0)</f>
        <v>0</v>
      </c>
      <c r="G729" cm="1">
        <f t="array" ref="G729">IFERROR(INDEX(Jesper!AK$2:AK$366,ROUNDDOWN($C729/24,0)+1,1)*INDEX($D$3:$AA$30,INDEX(Jesper!$R$2:$R$366,ROW(INDEX(Jesper!AK$2:AK$366,ROUNDDOWN($C729/24,0)+1,1))-1)+IF('Standard Profiles'!$G$21=$B$10,7,0)+IF('Standard Profiles'!$G$21=$B$17,14,0)+IF('Standard Profiles'!$G$21=$B$24,21,0),MOD($C729,24)+1)/SUM(INDEX($D$3:$AA$30,INDEX(Jesper!$R$2:$R$366,ROW(INDEX(Jesper!AK$2:AK$366,ROUNDDOWN($C729/24,0)+1,1))-1)+IF('Standard Profiles'!$G$21=$B$10,7,0)+IF('Standard Profiles'!$G$21=$B$17,14,0)+IF('Standard Profiles'!$G$21=$B$24,21,0),0)),0)</f>
        <v>0</v>
      </c>
      <c r="H729" cm="1">
        <f t="array" ref="H729">IFERROR(INDEX(Jesper!AL$2:AL$366,ROUNDDOWN($C729/24,0)+1,1)*INDEX($D$3:$AA$30,INDEX(Jesper!$R$2:$R$366,ROW(INDEX(Jesper!AL$2:AL$366,ROUNDDOWN($C729/24,0)+1,1))-1)+IF('Standard Profiles'!$G$22=$B$10,7,0)+IF('Standard Profiles'!$G$22=$B$17,14,0)+IF('Standard Profiles'!$G$22=$B$24,21,0),MOD($C729,24)+1)/SUM(INDEX($D$3:$AA$30,INDEX(Jesper!$R$2:$R$366,ROW(INDEX(Jesper!AL$2:AL$366,ROUNDDOWN($C729/24,0)+1,1))-1)+IF('Standard Profiles'!$G$22=$B$10,7,0)+IF('Standard Profiles'!$G$22=$B$17,14,0)+IF('Standard Profiles'!$G$22=$B$24,21,0),0)),0)</f>
        <v>0</v>
      </c>
      <c r="I729">
        <f t="shared" si="90"/>
        <v>0.24519493118533361</v>
      </c>
      <c r="J729">
        <f t="shared" si="91"/>
        <v>0.81731643728444547</v>
      </c>
      <c r="K729">
        <f t="shared" si="92"/>
        <v>1.225974655926668</v>
      </c>
      <c r="L729">
        <f t="shared" si="93"/>
        <v>5.8846783484480065</v>
      </c>
      <c r="M729">
        <f t="shared" si="94"/>
        <v>0</v>
      </c>
      <c r="N729" s="46">
        <f t="shared" si="95"/>
        <v>45320.958333331648</v>
      </c>
    </row>
    <row r="730" spans="2:14" x14ac:dyDescent="0.3">
      <c r="B730">
        <f t="shared" si="89"/>
        <v>2</v>
      </c>
      <c r="C730" s="16">
        <v>696</v>
      </c>
      <c r="D730" cm="1">
        <f t="array" ref="D730">IFERROR(INDEX(Jesper!AH$2:AH$366,ROUNDDOWN($C730/24,0)+1,1)*INDEX($D$3:$AA$30,INDEX(Jesper!$R$2:$R$366,ROW(INDEX(Jesper!AH$2:AH$366,ROUNDDOWN($C730/24,0)+1,1))-1)+IF('Standard Profiles'!$G$18=$B$10,7,0)+IF('Standard Profiles'!$G$18=$B$17,14,0)+IF('Standard Profiles'!$G$18=$B$24,21,0),MOD($C730,24)+1)/SUM(INDEX($D$3:$AA$30,INDEX(Jesper!$R$2:$R$366,ROW(INDEX(Jesper!AH$2:AH$366,ROUNDDOWN($C730/24,0)+1,1))-1)+IF('Standard Profiles'!$G$18=$B$10,7,0)+IF('Standard Profiles'!$G$18=$B$17,14,0)+IF('Standard Profiles'!$G$18=$B$24,21,0),0)),0)</f>
        <v>7.5754636032312028</v>
      </c>
      <c r="E730" cm="1">
        <f t="array" ref="E730">IFERROR(INDEX(Jesper!AI$2:AI$366,ROUNDDOWN($C730/24,0)+1,1)*INDEX($D$3:$AA$30,INDEX(Jesper!$R$2:$R$366,ROW(INDEX(Jesper!AI$2:AI$366,ROUNDDOWN($C730/24,0)+1,1))-1)+IF('Standard Profiles'!$G$19=$B$10,7,0)+IF('Standard Profiles'!$G$19=$B$17,14,0)+IF('Standard Profiles'!$G$19=$B$24,21,0),MOD($C730,24)+1)/SUM(INDEX($D$3:$AA$30,INDEX(Jesper!$R$2:$R$366,ROW(INDEX(Jesper!AI$2:AI$366,ROUNDDOWN($C730/24,0)+1,1))-1)+IF('Standard Profiles'!$G$19=$B$10,7,0)+IF('Standard Profiles'!$G$19=$B$17,14,0)+IF('Standard Profiles'!$G$19=$B$24,21,0),0)),0)</f>
        <v>0</v>
      </c>
      <c r="F730" cm="1">
        <f t="array" ref="F730">IFERROR(INDEX(Jesper!AJ$2:AJ$366,ROUNDDOWN($C730/24,0)+1,1)*INDEX($D$3:$AA$30,INDEX(Jesper!$R$2:$R$366,ROW(INDEX(Jesper!AJ$2:AJ$366,ROUNDDOWN($C730/24,0)+1,1))-1)+IF('Standard Profiles'!$G$20=$B$10,7,0)+IF('Standard Profiles'!$G$20=$B$17,14,0)+IF('Standard Profiles'!$G$20=$B$24,21,0),MOD($C730,24)+1)/SUM(INDEX($D$3:$AA$30,INDEX(Jesper!$R$2:$R$366,ROW(INDEX(Jesper!AJ$2:AJ$366,ROUNDDOWN($C730/24,0)+1,1))-1)+IF('Standard Profiles'!$G$20=$B$10,7,0)+IF('Standard Profiles'!$G$20=$B$17,14,0)+IF('Standard Profiles'!$G$20=$B$24,21,0),0)),0)</f>
        <v>0</v>
      </c>
      <c r="G730" cm="1">
        <f t="array" ref="G730">IFERROR(INDEX(Jesper!AK$2:AK$366,ROUNDDOWN($C730/24,0)+1,1)*INDEX($D$3:$AA$30,INDEX(Jesper!$R$2:$R$366,ROW(INDEX(Jesper!AK$2:AK$366,ROUNDDOWN($C730/24,0)+1,1))-1)+IF('Standard Profiles'!$G$21=$B$10,7,0)+IF('Standard Profiles'!$G$21=$B$17,14,0)+IF('Standard Profiles'!$G$21=$B$24,21,0),MOD($C730,24)+1)/SUM(INDEX($D$3:$AA$30,INDEX(Jesper!$R$2:$R$366,ROW(INDEX(Jesper!AK$2:AK$366,ROUNDDOWN($C730/24,0)+1,1))-1)+IF('Standard Profiles'!$G$21=$B$10,7,0)+IF('Standard Profiles'!$G$21=$B$17,14,0)+IF('Standard Profiles'!$G$21=$B$24,21,0),0)),0)</f>
        <v>0</v>
      </c>
      <c r="H730" cm="1">
        <f t="array" ref="H730">IFERROR(INDEX(Jesper!AL$2:AL$366,ROUNDDOWN($C730/24,0)+1,1)*INDEX($D$3:$AA$30,INDEX(Jesper!$R$2:$R$366,ROW(INDEX(Jesper!AL$2:AL$366,ROUNDDOWN($C730/24,0)+1,1))-1)+IF('Standard Profiles'!$G$22=$B$10,7,0)+IF('Standard Profiles'!$G$22=$B$17,14,0)+IF('Standard Profiles'!$G$22=$B$24,21,0),MOD($C730,24)+1)/SUM(INDEX($D$3:$AA$30,INDEX(Jesper!$R$2:$R$366,ROW(INDEX(Jesper!AL$2:AL$366,ROUNDDOWN($C730/24,0)+1,1))-1)+IF('Standard Profiles'!$G$22=$B$10,7,0)+IF('Standard Profiles'!$G$22=$B$17,14,0)+IF('Standard Profiles'!$G$22=$B$24,21,0),0)),0)</f>
        <v>0</v>
      </c>
      <c r="I730">
        <f t="shared" si="90"/>
        <v>0.22726390809693608</v>
      </c>
      <c r="J730">
        <f t="shared" si="91"/>
        <v>0.75754636032312028</v>
      </c>
      <c r="K730">
        <f t="shared" si="92"/>
        <v>1.1363195404846804</v>
      </c>
      <c r="L730">
        <f t="shared" si="93"/>
        <v>5.454333794326466</v>
      </c>
      <c r="M730">
        <f t="shared" si="94"/>
        <v>0</v>
      </c>
      <c r="N730" s="46">
        <f t="shared" si="95"/>
        <v>45320.999999998312</v>
      </c>
    </row>
    <row r="731" spans="2:14" x14ac:dyDescent="0.3">
      <c r="B731">
        <f t="shared" si="89"/>
        <v>2</v>
      </c>
      <c r="C731" s="16">
        <v>697</v>
      </c>
      <c r="D731" cm="1">
        <f t="array" ref="D731">IFERROR(INDEX(Jesper!AH$2:AH$366,ROUNDDOWN($C731/24,0)+1,1)*INDEX($D$3:$AA$30,INDEX(Jesper!$R$2:$R$366,ROW(INDEX(Jesper!AH$2:AH$366,ROUNDDOWN($C731/24,0)+1,1))-1)+IF('Standard Profiles'!$G$18=$B$10,7,0)+IF('Standard Profiles'!$G$18=$B$17,14,0)+IF('Standard Profiles'!$G$18=$B$24,21,0),MOD($C731,24)+1)/SUM(INDEX($D$3:$AA$30,INDEX(Jesper!$R$2:$R$366,ROW(INDEX(Jesper!AH$2:AH$366,ROUNDDOWN($C731/24,0)+1,1))-1)+IF('Standard Profiles'!$G$18=$B$10,7,0)+IF('Standard Profiles'!$G$18=$B$17,14,0)+IF('Standard Profiles'!$G$18=$B$24,21,0),0)),0)</f>
        <v>7.5754636032312028</v>
      </c>
      <c r="E731" cm="1">
        <f t="array" ref="E731">IFERROR(INDEX(Jesper!AI$2:AI$366,ROUNDDOWN($C731/24,0)+1,1)*INDEX($D$3:$AA$30,INDEX(Jesper!$R$2:$R$366,ROW(INDEX(Jesper!AI$2:AI$366,ROUNDDOWN($C731/24,0)+1,1))-1)+IF('Standard Profiles'!$G$19=$B$10,7,0)+IF('Standard Profiles'!$G$19=$B$17,14,0)+IF('Standard Profiles'!$G$19=$B$24,21,0),MOD($C731,24)+1)/SUM(INDEX($D$3:$AA$30,INDEX(Jesper!$R$2:$R$366,ROW(INDEX(Jesper!AI$2:AI$366,ROUNDDOWN($C731/24,0)+1,1))-1)+IF('Standard Profiles'!$G$19=$B$10,7,0)+IF('Standard Profiles'!$G$19=$B$17,14,0)+IF('Standard Profiles'!$G$19=$B$24,21,0),0)),0)</f>
        <v>0</v>
      </c>
      <c r="F731" cm="1">
        <f t="array" ref="F731">IFERROR(INDEX(Jesper!AJ$2:AJ$366,ROUNDDOWN($C731/24,0)+1,1)*INDEX($D$3:$AA$30,INDEX(Jesper!$R$2:$R$366,ROW(INDEX(Jesper!AJ$2:AJ$366,ROUNDDOWN($C731/24,0)+1,1))-1)+IF('Standard Profiles'!$G$20=$B$10,7,0)+IF('Standard Profiles'!$G$20=$B$17,14,0)+IF('Standard Profiles'!$G$20=$B$24,21,0),MOD($C731,24)+1)/SUM(INDEX($D$3:$AA$30,INDEX(Jesper!$R$2:$R$366,ROW(INDEX(Jesper!AJ$2:AJ$366,ROUNDDOWN($C731/24,0)+1,1))-1)+IF('Standard Profiles'!$G$20=$B$10,7,0)+IF('Standard Profiles'!$G$20=$B$17,14,0)+IF('Standard Profiles'!$G$20=$B$24,21,0),0)),0)</f>
        <v>0</v>
      </c>
      <c r="G731" cm="1">
        <f t="array" ref="G731">IFERROR(INDEX(Jesper!AK$2:AK$366,ROUNDDOWN($C731/24,0)+1,1)*INDEX($D$3:$AA$30,INDEX(Jesper!$R$2:$R$366,ROW(INDEX(Jesper!AK$2:AK$366,ROUNDDOWN($C731/24,0)+1,1))-1)+IF('Standard Profiles'!$G$21=$B$10,7,0)+IF('Standard Profiles'!$G$21=$B$17,14,0)+IF('Standard Profiles'!$G$21=$B$24,21,0),MOD($C731,24)+1)/SUM(INDEX($D$3:$AA$30,INDEX(Jesper!$R$2:$R$366,ROW(INDEX(Jesper!AK$2:AK$366,ROUNDDOWN($C731/24,0)+1,1))-1)+IF('Standard Profiles'!$G$21=$B$10,7,0)+IF('Standard Profiles'!$G$21=$B$17,14,0)+IF('Standard Profiles'!$G$21=$B$24,21,0),0)),0)</f>
        <v>0</v>
      </c>
      <c r="H731" cm="1">
        <f t="array" ref="H731">IFERROR(INDEX(Jesper!AL$2:AL$366,ROUNDDOWN($C731/24,0)+1,1)*INDEX($D$3:$AA$30,INDEX(Jesper!$R$2:$R$366,ROW(INDEX(Jesper!AL$2:AL$366,ROUNDDOWN($C731/24,0)+1,1))-1)+IF('Standard Profiles'!$G$22=$B$10,7,0)+IF('Standard Profiles'!$G$22=$B$17,14,0)+IF('Standard Profiles'!$G$22=$B$24,21,0),MOD($C731,24)+1)/SUM(INDEX($D$3:$AA$30,INDEX(Jesper!$R$2:$R$366,ROW(INDEX(Jesper!AL$2:AL$366,ROUNDDOWN($C731/24,0)+1,1))-1)+IF('Standard Profiles'!$G$22=$B$10,7,0)+IF('Standard Profiles'!$G$22=$B$17,14,0)+IF('Standard Profiles'!$G$22=$B$24,21,0),0)),0)</f>
        <v>0</v>
      </c>
      <c r="I731">
        <f t="shared" si="90"/>
        <v>0.22726390809693608</v>
      </c>
      <c r="J731">
        <f t="shared" si="91"/>
        <v>0.75754636032312028</v>
      </c>
      <c r="K731">
        <f t="shared" si="92"/>
        <v>1.1363195404846804</v>
      </c>
      <c r="L731">
        <f t="shared" si="93"/>
        <v>5.454333794326466</v>
      </c>
      <c r="M731">
        <f t="shared" si="94"/>
        <v>0</v>
      </c>
      <c r="N731" s="46">
        <f t="shared" si="95"/>
        <v>45321.041666664976</v>
      </c>
    </row>
    <row r="732" spans="2:14" x14ac:dyDescent="0.3">
      <c r="B732">
        <f t="shared" si="89"/>
        <v>2</v>
      </c>
      <c r="C732" s="16">
        <v>698</v>
      </c>
      <c r="D732" cm="1">
        <f t="array" ref="D732">IFERROR(INDEX(Jesper!AH$2:AH$366,ROUNDDOWN($C732/24,0)+1,1)*INDEX($D$3:$AA$30,INDEX(Jesper!$R$2:$R$366,ROW(INDEX(Jesper!AH$2:AH$366,ROUNDDOWN($C732/24,0)+1,1))-1)+IF('Standard Profiles'!$G$18=$B$10,7,0)+IF('Standard Profiles'!$G$18=$B$17,14,0)+IF('Standard Profiles'!$G$18=$B$24,21,0),MOD($C732,24)+1)/SUM(INDEX($D$3:$AA$30,INDEX(Jesper!$R$2:$R$366,ROW(INDEX(Jesper!AH$2:AH$366,ROUNDDOWN($C732/24,0)+1,1))-1)+IF('Standard Profiles'!$G$18=$B$10,7,0)+IF('Standard Profiles'!$G$18=$B$17,14,0)+IF('Standard Profiles'!$G$18=$B$24,21,0),0)),0)</f>
        <v>7.5754636032312028</v>
      </c>
      <c r="E732" cm="1">
        <f t="array" ref="E732">IFERROR(INDEX(Jesper!AI$2:AI$366,ROUNDDOWN($C732/24,0)+1,1)*INDEX($D$3:$AA$30,INDEX(Jesper!$R$2:$R$366,ROW(INDEX(Jesper!AI$2:AI$366,ROUNDDOWN($C732/24,0)+1,1))-1)+IF('Standard Profiles'!$G$19=$B$10,7,0)+IF('Standard Profiles'!$G$19=$B$17,14,0)+IF('Standard Profiles'!$G$19=$B$24,21,0),MOD($C732,24)+1)/SUM(INDEX($D$3:$AA$30,INDEX(Jesper!$R$2:$R$366,ROW(INDEX(Jesper!AI$2:AI$366,ROUNDDOWN($C732/24,0)+1,1))-1)+IF('Standard Profiles'!$G$19=$B$10,7,0)+IF('Standard Profiles'!$G$19=$B$17,14,0)+IF('Standard Profiles'!$G$19=$B$24,21,0),0)),0)</f>
        <v>0</v>
      </c>
      <c r="F732" cm="1">
        <f t="array" ref="F732">IFERROR(INDEX(Jesper!AJ$2:AJ$366,ROUNDDOWN($C732/24,0)+1,1)*INDEX($D$3:$AA$30,INDEX(Jesper!$R$2:$R$366,ROW(INDEX(Jesper!AJ$2:AJ$366,ROUNDDOWN($C732/24,0)+1,1))-1)+IF('Standard Profiles'!$G$20=$B$10,7,0)+IF('Standard Profiles'!$G$20=$B$17,14,0)+IF('Standard Profiles'!$G$20=$B$24,21,0),MOD($C732,24)+1)/SUM(INDEX($D$3:$AA$30,INDEX(Jesper!$R$2:$R$366,ROW(INDEX(Jesper!AJ$2:AJ$366,ROUNDDOWN($C732/24,0)+1,1))-1)+IF('Standard Profiles'!$G$20=$B$10,7,0)+IF('Standard Profiles'!$G$20=$B$17,14,0)+IF('Standard Profiles'!$G$20=$B$24,21,0),0)),0)</f>
        <v>0</v>
      </c>
      <c r="G732" cm="1">
        <f t="array" ref="G732">IFERROR(INDEX(Jesper!AK$2:AK$366,ROUNDDOWN($C732/24,0)+1,1)*INDEX($D$3:$AA$30,INDEX(Jesper!$R$2:$R$366,ROW(INDEX(Jesper!AK$2:AK$366,ROUNDDOWN($C732/24,0)+1,1))-1)+IF('Standard Profiles'!$G$21=$B$10,7,0)+IF('Standard Profiles'!$G$21=$B$17,14,0)+IF('Standard Profiles'!$G$21=$B$24,21,0),MOD($C732,24)+1)/SUM(INDEX($D$3:$AA$30,INDEX(Jesper!$R$2:$R$366,ROW(INDEX(Jesper!AK$2:AK$366,ROUNDDOWN($C732/24,0)+1,1))-1)+IF('Standard Profiles'!$G$21=$B$10,7,0)+IF('Standard Profiles'!$G$21=$B$17,14,0)+IF('Standard Profiles'!$G$21=$B$24,21,0),0)),0)</f>
        <v>0</v>
      </c>
      <c r="H732" cm="1">
        <f t="array" ref="H732">IFERROR(INDEX(Jesper!AL$2:AL$366,ROUNDDOWN($C732/24,0)+1,1)*INDEX($D$3:$AA$30,INDEX(Jesper!$R$2:$R$366,ROW(INDEX(Jesper!AL$2:AL$366,ROUNDDOWN($C732/24,0)+1,1))-1)+IF('Standard Profiles'!$G$22=$B$10,7,0)+IF('Standard Profiles'!$G$22=$B$17,14,0)+IF('Standard Profiles'!$G$22=$B$24,21,0),MOD($C732,24)+1)/SUM(INDEX($D$3:$AA$30,INDEX(Jesper!$R$2:$R$366,ROW(INDEX(Jesper!AL$2:AL$366,ROUNDDOWN($C732/24,0)+1,1))-1)+IF('Standard Profiles'!$G$22=$B$10,7,0)+IF('Standard Profiles'!$G$22=$B$17,14,0)+IF('Standard Profiles'!$G$22=$B$24,21,0),0)),0)</f>
        <v>0</v>
      </c>
      <c r="I732">
        <f t="shared" si="90"/>
        <v>0.22726390809693608</v>
      </c>
      <c r="J732">
        <f t="shared" si="91"/>
        <v>0.75754636032312028</v>
      </c>
      <c r="K732">
        <f t="shared" si="92"/>
        <v>1.1363195404846804</v>
      </c>
      <c r="L732">
        <f t="shared" si="93"/>
        <v>5.454333794326466</v>
      </c>
      <c r="M732">
        <f t="shared" si="94"/>
        <v>0</v>
      </c>
      <c r="N732" s="46">
        <f t="shared" si="95"/>
        <v>45321.08333333164</v>
      </c>
    </row>
    <row r="733" spans="2:14" x14ac:dyDescent="0.3">
      <c r="B733">
        <f t="shared" si="89"/>
        <v>2</v>
      </c>
      <c r="C733" s="16">
        <v>699</v>
      </c>
      <c r="D733" cm="1">
        <f t="array" ref="D733">IFERROR(INDEX(Jesper!AH$2:AH$366,ROUNDDOWN($C733/24,0)+1,1)*INDEX($D$3:$AA$30,INDEX(Jesper!$R$2:$R$366,ROW(INDEX(Jesper!AH$2:AH$366,ROUNDDOWN($C733/24,0)+1,1))-1)+IF('Standard Profiles'!$G$18=$B$10,7,0)+IF('Standard Profiles'!$G$18=$B$17,14,0)+IF('Standard Profiles'!$G$18=$B$24,21,0),MOD($C733,24)+1)/SUM(INDEX($D$3:$AA$30,INDEX(Jesper!$R$2:$R$366,ROW(INDEX(Jesper!AH$2:AH$366,ROUNDDOWN($C733/24,0)+1,1))-1)+IF('Standard Profiles'!$G$18=$B$10,7,0)+IF('Standard Profiles'!$G$18=$B$17,14,0)+IF('Standard Profiles'!$G$18=$B$24,21,0),0)),0)</f>
        <v>7.5754636032312028</v>
      </c>
      <c r="E733" cm="1">
        <f t="array" ref="E733">IFERROR(INDEX(Jesper!AI$2:AI$366,ROUNDDOWN($C733/24,0)+1,1)*INDEX($D$3:$AA$30,INDEX(Jesper!$R$2:$R$366,ROW(INDEX(Jesper!AI$2:AI$366,ROUNDDOWN($C733/24,0)+1,1))-1)+IF('Standard Profiles'!$G$19=$B$10,7,0)+IF('Standard Profiles'!$G$19=$B$17,14,0)+IF('Standard Profiles'!$G$19=$B$24,21,0),MOD($C733,24)+1)/SUM(INDEX($D$3:$AA$30,INDEX(Jesper!$R$2:$R$366,ROW(INDEX(Jesper!AI$2:AI$366,ROUNDDOWN($C733/24,0)+1,1))-1)+IF('Standard Profiles'!$G$19=$B$10,7,0)+IF('Standard Profiles'!$G$19=$B$17,14,0)+IF('Standard Profiles'!$G$19=$B$24,21,0),0)),0)</f>
        <v>0</v>
      </c>
      <c r="F733" cm="1">
        <f t="array" ref="F733">IFERROR(INDEX(Jesper!AJ$2:AJ$366,ROUNDDOWN($C733/24,0)+1,1)*INDEX($D$3:$AA$30,INDEX(Jesper!$R$2:$R$366,ROW(INDEX(Jesper!AJ$2:AJ$366,ROUNDDOWN($C733/24,0)+1,1))-1)+IF('Standard Profiles'!$G$20=$B$10,7,0)+IF('Standard Profiles'!$G$20=$B$17,14,0)+IF('Standard Profiles'!$G$20=$B$24,21,0),MOD($C733,24)+1)/SUM(INDEX($D$3:$AA$30,INDEX(Jesper!$R$2:$R$366,ROW(INDEX(Jesper!AJ$2:AJ$366,ROUNDDOWN($C733/24,0)+1,1))-1)+IF('Standard Profiles'!$G$20=$B$10,7,0)+IF('Standard Profiles'!$G$20=$B$17,14,0)+IF('Standard Profiles'!$G$20=$B$24,21,0),0)),0)</f>
        <v>0</v>
      </c>
      <c r="G733" cm="1">
        <f t="array" ref="G733">IFERROR(INDEX(Jesper!AK$2:AK$366,ROUNDDOWN($C733/24,0)+1,1)*INDEX($D$3:$AA$30,INDEX(Jesper!$R$2:$R$366,ROW(INDEX(Jesper!AK$2:AK$366,ROUNDDOWN($C733/24,0)+1,1))-1)+IF('Standard Profiles'!$G$21=$B$10,7,0)+IF('Standard Profiles'!$G$21=$B$17,14,0)+IF('Standard Profiles'!$G$21=$B$24,21,0),MOD($C733,24)+1)/SUM(INDEX($D$3:$AA$30,INDEX(Jesper!$R$2:$R$366,ROW(INDEX(Jesper!AK$2:AK$366,ROUNDDOWN($C733/24,0)+1,1))-1)+IF('Standard Profiles'!$G$21=$B$10,7,0)+IF('Standard Profiles'!$G$21=$B$17,14,0)+IF('Standard Profiles'!$G$21=$B$24,21,0),0)),0)</f>
        <v>0</v>
      </c>
      <c r="H733" cm="1">
        <f t="array" ref="H733">IFERROR(INDEX(Jesper!AL$2:AL$366,ROUNDDOWN($C733/24,0)+1,1)*INDEX($D$3:$AA$30,INDEX(Jesper!$R$2:$R$366,ROW(INDEX(Jesper!AL$2:AL$366,ROUNDDOWN($C733/24,0)+1,1))-1)+IF('Standard Profiles'!$G$22=$B$10,7,0)+IF('Standard Profiles'!$G$22=$B$17,14,0)+IF('Standard Profiles'!$G$22=$B$24,21,0),MOD($C733,24)+1)/SUM(INDEX($D$3:$AA$30,INDEX(Jesper!$R$2:$R$366,ROW(INDEX(Jesper!AL$2:AL$366,ROUNDDOWN($C733/24,0)+1,1))-1)+IF('Standard Profiles'!$G$22=$B$10,7,0)+IF('Standard Profiles'!$G$22=$B$17,14,0)+IF('Standard Profiles'!$G$22=$B$24,21,0),0)),0)</f>
        <v>0</v>
      </c>
      <c r="I733">
        <f t="shared" si="90"/>
        <v>0.22726390809693608</v>
      </c>
      <c r="J733">
        <f t="shared" si="91"/>
        <v>0.75754636032312028</v>
      </c>
      <c r="K733">
        <f t="shared" si="92"/>
        <v>1.1363195404846804</v>
      </c>
      <c r="L733">
        <f t="shared" si="93"/>
        <v>5.454333794326466</v>
      </c>
      <c r="M733">
        <f t="shared" si="94"/>
        <v>0</v>
      </c>
      <c r="N733" s="46">
        <f t="shared" si="95"/>
        <v>45321.124999998305</v>
      </c>
    </row>
    <row r="734" spans="2:14" x14ac:dyDescent="0.3">
      <c r="B734">
        <f t="shared" si="89"/>
        <v>2</v>
      </c>
      <c r="C734" s="16">
        <v>700</v>
      </c>
      <c r="D734" cm="1">
        <f t="array" ref="D734">IFERROR(INDEX(Jesper!AH$2:AH$366,ROUNDDOWN($C734/24,0)+1,1)*INDEX($D$3:$AA$30,INDEX(Jesper!$R$2:$R$366,ROW(INDEX(Jesper!AH$2:AH$366,ROUNDDOWN($C734/24,0)+1,1))-1)+IF('Standard Profiles'!$G$18=$B$10,7,0)+IF('Standard Profiles'!$G$18=$B$17,14,0)+IF('Standard Profiles'!$G$18=$B$24,21,0),MOD($C734,24)+1)/SUM(INDEX($D$3:$AA$30,INDEX(Jesper!$R$2:$R$366,ROW(INDEX(Jesper!AH$2:AH$366,ROUNDDOWN($C734/24,0)+1,1))-1)+IF('Standard Profiles'!$G$18=$B$10,7,0)+IF('Standard Profiles'!$G$18=$B$17,14,0)+IF('Standard Profiles'!$G$18=$B$24,21,0),0)),0)</f>
        <v>7.5754636032312028</v>
      </c>
      <c r="E734" cm="1">
        <f t="array" ref="E734">IFERROR(INDEX(Jesper!AI$2:AI$366,ROUNDDOWN($C734/24,0)+1,1)*INDEX($D$3:$AA$30,INDEX(Jesper!$R$2:$R$366,ROW(INDEX(Jesper!AI$2:AI$366,ROUNDDOWN($C734/24,0)+1,1))-1)+IF('Standard Profiles'!$G$19=$B$10,7,0)+IF('Standard Profiles'!$G$19=$B$17,14,0)+IF('Standard Profiles'!$G$19=$B$24,21,0),MOD($C734,24)+1)/SUM(INDEX($D$3:$AA$30,INDEX(Jesper!$R$2:$R$366,ROW(INDEX(Jesper!AI$2:AI$366,ROUNDDOWN($C734/24,0)+1,1))-1)+IF('Standard Profiles'!$G$19=$B$10,7,0)+IF('Standard Profiles'!$G$19=$B$17,14,0)+IF('Standard Profiles'!$G$19=$B$24,21,0),0)),0)</f>
        <v>0</v>
      </c>
      <c r="F734" cm="1">
        <f t="array" ref="F734">IFERROR(INDEX(Jesper!AJ$2:AJ$366,ROUNDDOWN($C734/24,0)+1,1)*INDEX($D$3:$AA$30,INDEX(Jesper!$R$2:$R$366,ROW(INDEX(Jesper!AJ$2:AJ$366,ROUNDDOWN($C734/24,0)+1,1))-1)+IF('Standard Profiles'!$G$20=$B$10,7,0)+IF('Standard Profiles'!$G$20=$B$17,14,0)+IF('Standard Profiles'!$G$20=$B$24,21,0),MOD($C734,24)+1)/SUM(INDEX($D$3:$AA$30,INDEX(Jesper!$R$2:$R$366,ROW(INDEX(Jesper!AJ$2:AJ$366,ROUNDDOWN($C734/24,0)+1,1))-1)+IF('Standard Profiles'!$G$20=$B$10,7,0)+IF('Standard Profiles'!$G$20=$B$17,14,0)+IF('Standard Profiles'!$G$20=$B$24,21,0),0)),0)</f>
        <v>0</v>
      </c>
      <c r="G734" cm="1">
        <f t="array" ref="G734">IFERROR(INDEX(Jesper!AK$2:AK$366,ROUNDDOWN($C734/24,0)+1,1)*INDEX($D$3:$AA$30,INDEX(Jesper!$R$2:$R$366,ROW(INDEX(Jesper!AK$2:AK$366,ROUNDDOWN($C734/24,0)+1,1))-1)+IF('Standard Profiles'!$G$21=$B$10,7,0)+IF('Standard Profiles'!$G$21=$B$17,14,0)+IF('Standard Profiles'!$G$21=$B$24,21,0),MOD($C734,24)+1)/SUM(INDEX($D$3:$AA$30,INDEX(Jesper!$R$2:$R$366,ROW(INDEX(Jesper!AK$2:AK$366,ROUNDDOWN($C734/24,0)+1,1))-1)+IF('Standard Profiles'!$G$21=$B$10,7,0)+IF('Standard Profiles'!$G$21=$B$17,14,0)+IF('Standard Profiles'!$G$21=$B$24,21,0),0)),0)</f>
        <v>0</v>
      </c>
      <c r="H734" cm="1">
        <f t="array" ref="H734">IFERROR(INDEX(Jesper!AL$2:AL$366,ROUNDDOWN($C734/24,0)+1,1)*INDEX($D$3:$AA$30,INDEX(Jesper!$R$2:$R$366,ROW(INDEX(Jesper!AL$2:AL$366,ROUNDDOWN($C734/24,0)+1,1))-1)+IF('Standard Profiles'!$G$22=$B$10,7,0)+IF('Standard Profiles'!$G$22=$B$17,14,0)+IF('Standard Profiles'!$G$22=$B$24,21,0),MOD($C734,24)+1)/SUM(INDEX($D$3:$AA$30,INDEX(Jesper!$R$2:$R$366,ROW(INDEX(Jesper!AL$2:AL$366,ROUNDDOWN($C734/24,0)+1,1))-1)+IF('Standard Profiles'!$G$22=$B$10,7,0)+IF('Standard Profiles'!$G$22=$B$17,14,0)+IF('Standard Profiles'!$G$22=$B$24,21,0),0)),0)</f>
        <v>0</v>
      </c>
      <c r="I734">
        <f t="shared" si="90"/>
        <v>0.22726390809693608</v>
      </c>
      <c r="J734">
        <f t="shared" si="91"/>
        <v>0.75754636032312028</v>
      </c>
      <c r="K734">
        <f t="shared" si="92"/>
        <v>1.1363195404846804</v>
      </c>
      <c r="L734">
        <f t="shared" si="93"/>
        <v>5.454333794326466</v>
      </c>
      <c r="M734">
        <f t="shared" si="94"/>
        <v>0</v>
      </c>
      <c r="N734" s="46">
        <f t="shared" si="95"/>
        <v>45321.166666664969</v>
      </c>
    </row>
    <row r="735" spans="2:14" x14ac:dyDescent="0.3">
      <c r="B735">
        <f t="shared" si="89"/>
        <v>2</v>
      </c>
      <c r="C735" s="16">
        <v>701</v>
      </c>
      <c r="D735" cm="1">
        <f t="array" ref="D735">IFERROR(INDEX(Jesper!AH$2:AH$366,ROUNDDOWN($C735/24,0)+1,1)*INDEX($D$3:$AA$30,INDEX(Jesper!$R$2:$R$366,ROW(INDEX(Jesper!AH$2:AH$366,ROUNDDOWN($C735/24,0)+1,1))-1)+IF('Standard Profiles'!$G$18=$B$10,7,0)+IF('Standard Profiles'!$G$18=$B$17,14,0)+IF('Standard Profiles'!$G$18=$B$24,21,0),MOD($C735,24)+1)/SUM(INDEX($D$3:$AA$30,INDEX(Jesper!$R$2:$R$366,ROW(INDEX(Jesper!AH$2:AH$366,ROUNDDOWN($C735/24,0)+1,1))-1)+IF('Standard Profiles'!$G$18=$B$10,7,0)+IF('Standard Profiles'!$G$18=$B$17,14,0)+IF('Standard Profiles'!$G$18=$B$24,21,0),0)),0)</f>
        <v>9.8481026842005637</v>
      </c>
      <c r="E735" cm="1">
        <f t="array" ref="E735">IFERROR(INDEX(Jesper!AI$2:AI$366,ROUNDDOWN($C735/24,0)+1,1)*INDEX($D$3:$AA$30,INDEX(Jesper!$R$2:$R$366,ROW(INDEX(Jesper!AI$2:AI$366,ROUNDDOWN($C735/24,0)+1,1))-1)+IF('Standard Profiles'!$G$19=$B$10,7,0)+IF('Standard Profiles'!$G$19=$B$17,14,0)+IF('Standard Profiles'!$G$19=$B$24,21,0),MOD($C735,24)+1)/SUM(INDEX($D$3:$AA$30,INDEX(Jesper!$R$2:$R$366,ROW(INDEX(Jesper!AI$2:AI$366,ROUNDDOWN($C735/24,0)+1,1))-1)+IF('Standard Profiles'!$G$19=$B$10,7,0)+IF('Standard Profiles'!$G$19=$B$17,14,0)+IF('Standard Profiles'!$G$19=$B$24,21,0),0)),0)</f>
        <v>0</v>
      </c>
      <c r="F735" cm="1">
        <f t="array" ref="F735">IFERROR(INDEX(Jesper!AJ$2:AJ$366,ROUNDDOWN($C735/24,0)+1,1)*INDEX($D$3:$AA$30,INDEX(Jesper!$R$2:$R$366,ROW(INDEX(Jesper!AJ$2:AJ$366,ROUNDDOWN($C735/24,0)+1,1))-1)+IF('Standard Profiles'!$G$20=$B$10,7,0)+IF('Standard Profiles'!$G$20=$B$17,14,0)+IF('Standard Profiles'!$G$20=$B$24,21,0),MOD($C735,24)+1)/SUM(INDEX($D$3:$AA$30,INDEX(Jesper!$R$2:$R$366,ROW(INDEX(Jesper!AJ$2:AJ$366,ROUNDDOWN($C735/24,0)+1,1))-1)+IF('Standard Profiles'!$G$20=$B$10,7,0)+IF('Standard Profiles'!$G$20=$B$17,14,0)+IF('Standard Profiles'!$G$20=$B$24,21,0),0)),0)</f>
        <v>0</v>
      </c>
      <c r="G735" cm="1">
        <f t="array" ref="G735">IFERROR(INDEX(Jesper!AK$2:AK$366,ROUNDDOWN($C735/24,0)+1,1)*INDEX($D$3:$AA$30,INDEX(Jesper!$R$2:$R$366,ROW(INDEX(Jesper!AK$2:AK$366,ROUNDDOWN($C735/24,0)+1,1))-1)+IF('Standard Profiles'!$G$21=$B$10,7,0)+IF('Standard Profiles'!$G$21=$B$17,14,0)+IF('Standard Profiles'!$G$21=$B$24,21,0),MOD($C735,24)+1)/SUM(INDEX($D$3:$AA$30,INDEX(Jesper!$R$2:$R$366,ROW(INDEX(Jesper!AK$2:AK$366,ROUNDDOWN($C735/24,0)+1,1))-1)+IF('Standard Profiles'!$G$21=$B$10,7,0)+IF('Standard Profiles'!$G$21=$B$17,14,0)+IF('Standard Profiles'!$G$21=$B$24,21,0),0)),0)</f>
        <v>0</v>
      </c>
      <c r="H735" cm="1">
        <f t="array" ref="H735">IFERROR(INDEX(Jesper!AL$2:AL$366,ROUNDDOWN($C735/24,0)+1,1)*INDEX($D$3:$AA$30,INDEX(Jesper!$R$2:$R$366,ROW(INDEX(Jesper!AL$2:AL$366,ROUNDDOWN($C735/24,0)+1,1))-1)+IF('Standard Profiles'!$G$22=$B$10,7,0)+IF('Standard Profiles'!$G$22=$B$17,14,0)+IF('Standard Profiles'!$G$22=$B$24,21,0),MOD($C735,24)+1)/SUM(INDEX($D$3:$AA$30,INDEX(Jesper!$R$2:$R$366,ROW(INDEX(Jesper!AL$2:AL$366,ROUNDDOWN($C735/24,0)+1,1))-1)+IF('Standard Profiles'!$G$22=$B$10,7,0)+IF('Standard Profiles'!$G$22=$B$17,14,0)+IF('Standard Profiles'!$G$22=$B$24,21,0),0)),0)</f>
        <v>0</v>
      </c>
      <c r="I735">
        <f t="shared" si="90"/>
        <v>0.29544308052601692</v>
      </c>
      <c r="J735">
        <f t="shared" si="91"/>
        <v>0.98481026842005637</v>
      </c>
      <c r="K735">
        <f t="shared" si="92"/>
        <v>1.4772154026300846</v>
      </c>
      <c r="L735">
        <f t="shared" si="93"/>
        <v>7.0906339326244057</v>
      </c>
      <c r="M735">
        <f t="shared" si="94"/>
        <v>0</v>
      </c>
      <c r="N735" s="46">
        <f t="shared" si="95"/>
        <v>45321.208333331633</v>
      </c>
    </row>
    <row r="736" spans="2:14" x14ac:dyDescent="0.3">
      <c r="B736">
        <f t="shared" si="89"/>
        <v>2</v>
      </c>
      <c r="C736" s="16">
        <v>702</v>
      </c>
      <c r="D736" cm="1">
        <f t="array" ref="D736">IFERROR(INDEX(Jesper!AH$2:AH$366,ROUNDDOWN($C736/24,0)+1,1)*INDEX($D$3:$AA$30,INDEX(Jesper!$R$2:$R$366,ROW(INDEX(Jesper!AH$2:AH$366,ROUNDDOWN($C736/24,0)+1,1))-1)+IF('Standard Profiles'!$G$18=$B$10,7,0)+IF('Standard Profiles'!$G$18=$B$17,14,0)+IF('Standard Profiles'!$G$18=$B$24,21,0),MOD($C736,24)+1)/SUM(INDEX($D$3:$AA$30,INDEX(Jesper!$R$2:$R$366,ROW(INDEX(Jesper!AH$2:AH$366,ROUNDDOWN($C736/24,0)+1,1))-1)+IF('Standard Profiles'!$G$18=$B$10,7,0)+IF('Standard Profiles'!$G$18=$B$17,14,0)+IF('Standard Profiles'!$G$18=$B$24,21,0),0)),0)</f>
        <v>10.984422224685245</v>
      </c>
      <c r="E736" cm="1">
        <f t="array" ref="E736">IFERROR(INDEX(Jesper!AI$2:AI$366,ROUNDDOWN($C736/24,0)+1,1)*INDEX($D$3:$AA$30,INDEX(Jesper!$R$2:$R$366,ROW(INDEX(Jesper!AI$2:AI$366,ROUNDDOWN($C736/24,0)+1,1))-1)+IF('Standard Profiles'!$G$19=$B$10,7,0)+IF('Standard Profiles'!$G$19=$B$17,14,0)+IF('Standard Profiles'!$G$19=$B$24,21,0),MOD($C736,24)+1)/SUM(INDEX($D$3:$AA$30,INDEX(Jesper!$R$2:$R$366,ROW(INDEX(Jesper!AI$2:AI$366,ROUNDDOWN($C736/24,0)+1,1))-1)+IF('Standard Profiles'!$G$19=$B$10,7,0)+IF('Standard Profiles'!$G$19=$B$17,14,0)+IF('Standard Profiles'!$G$19=$B$24,21,0),0)),0)</f>
        <v>0</v>
      </c>
      <c r="F736" cm="1">
        <f t="array" ref="F736">IFERROR(INDEX(Jesper!AJ$2:AJ$366,ROUNDDOWN($C736/24,0)+1,1)*INDEX($D$3:$AA$30,INDEX(Jesper!$R$2:$R$366,ROW(INDEX(Jesper!AJ$2:AJ$366,ROUNDDOWN($C736/24,0)+1,1))-1)+IF('Standard Profiles'!$G$20=$B$10,7,0)+IF('Standard Profiles'!$G$20=$B$17,14,0)+IF('Standard Profiles'!$G$20=$B$24,21,0),MOD($C736,24)+1)/SUM(INDEX($D$3:$AA$30,INDEX(Jesper!$R$2:$R$366,ROW(INDEX(Jesper!AJ$2:AJ$366,ROUNDDOWN($C736/24,0)+1,1))-1)+IF('Standard Profiles'!$G$20=$B$10,7,0)+IF('Standard Profiles'!$G$20=$B$17,14,0)+IF('Standard Profiles'!$G$20=$B$24,21,0),0)),0)</f>
        <v>0</v>
      </c>
      <c r="G736" cm="1">
        <f t="array" ref="G736">IFERROR(INDEX(Jesper!AK$2:AK$366,ROUNDDOWN($C736/24,0)+1,1)*INDEX($D$3:$AA$30,INDEX(Jesper!$R$2:$R$366,ROW(INDEX(Jesper!AK$2:AK$366,ROUNDDOWN($C736/24,0)+1,1))-1)+IF('Standard Profiles'!$G$21=$B$10,7,0)+IF('Standard Profiles'!$G$21=$B$17,14,0)+IF('Standard Profiles'!$G$21=$B$24,21,0),MOD($C736,24)+1)/SUM(INDEX($D$3:$AA$30,INDEX(Jesper!$R$2:$R$366,ROW(INDEX(Jesper!AK$2:AK$366,ROUNDDOWN($C736/24,0)+1,1))-1)+IF('Standard Profiles'!$G$21=$B$10,7,0)+IF('Standard Profiles'!$G$21=$B$17,14,0)+IF('Standard Profiles'!$G$21=$B$24,21,0),0)),0)</f>
        <v>0</v>
      </c>
      <c r="H736" cm="1">
        <f t="array" ref="H736">IFERROR(INDEX(Jesper!AL$2:AL$366,ROUNDDOWN($C736/24,0)+1,1)*INDEX($D$3:$AA$30,INDEX(Jesper!$R$2:$R$366,ROW(INDEX(Jesper!AL$2:AL$366,ROUNDDOWN($C736/24,0)+1,1))-1)+IF('Standard Profiles'!$G$22=$B$10,7,0)+IF('Standard Profiles'!$G$22=$B$17,14,0)+IF('Standard Profiles'!$G$22=$B$24,21,0),MOD($C736,24)+1)/SUM(INDEX($D$3:$AA$30,INDEX(Jesper!$R$2:$R$366,ROW(INDEX(Jesper!AL$2:AL$366,ROUNDDOWN($C736/24,0)+1,1))-1)+IF('Standard Profiles'!$G$22=$B$10,7,0)+IF('Standard Profiles'!$G$22=$B$17,14,0)+IF('Standard Profiles'!$G$22=$B$24,21,0),0)),0)</f>
        <v>0</v>
      </c>
      <c r="I736">
        <f t="shared" si="90"/>
        <v>0.32953266674055731</v>
      </c>
      <c r="J736">
        <f t="shared" si="91"/>
        <v>1.0984422224685246</v>
      </c>
      <c r="K736">
        <f t="shared" si="92"/>
        <v>1.6476633337027866</v>
      </c>
      <c r="L736">
        <f t="shared" si="93"/>
        <v>7.9087840017733759</v>
      </c>
      <c r="M736">
        <f t="shared" si="94"/>
        <v>0</v>
      </c>
      <c r="N736" s="46">
        <f t="shared" si="95"/>
        <v>45321.249999998297</v>
      </c>
    </row>
    <row r="737" spans="2:14" x14ac:dyDescent="0.3">
      <c r="B737">
        <f t="shared" si="89"/>
        <v>2</v>
      </c>
      <c r="C737" s="16">
        <v>703</v>
      </c>
      <c r="D737" cm="1">
        <f t="array" ref="D737">IFERROR(INDEX(Jesper!AH$2:AH$366,ROUNDDOWN($C737/24,0)+1,1)*INDEX($D$3:$AA$30,INDEX(Jesper!$R$2:$R$366,ROW(INDEX(Jesper!AH$2:AH$366,ROUNDDOWN($C737/24,0)+1,1))-1)+IF('Standard Profiles'!$G$18=$B$10,7,0)+IF('Standard Profiles'!$G$18=$B$17,14,0)+IF('Standard Profiles'!$G$18=$B$24,21,0),MOD($C737,24)+1)/SUM(INDEX($D$3:$AA$30,INDEX(Jesper!$R$2:$R$366,ROW(INDEX(Jesper!AH$2:AH$366,ROUNDDOWN($C737/24,0)+1,1))-1)+IF('Standard Profiles'!$G$18=$B$10,7,0)+IF('Standard Profiles'!$G$18=$B$17,14,0)+IF('Standard Profiles'!$G$18=$B$24,21,0),0)),0)</f>
        <v>11.363195404846804</v>
      </c>
      <c r="E737" cm="1">
        <f t="array" ref="E737">IFERROR(INDEX(Jesper!AI$2:AI$366,ROUNDDOWN($C737/24,0)+1,1)*INDEX($D$3:$AA$30,INDEX(Jesper!$R$2:$R$366,ROW(INDEX(Jesper!AI$2:AI$366,ROUNDDOWN($C737/24,0)+1,1))-1)+IF('Standard Profiles'!$G$19=$B$10,7,0)+IF('Standard Profiles'!$G$19=$B$17,14,0)+IF('Standard Profiles'!$G$19=$B$24,21,0),MOD($C737,24)+1)/SUM(INDEX($D$3:$AA$30,INDEX(Jesper!$R$2:$R$366,ROW(INDEX(Jesper!AI$2:AI$366,ROUNDDOWN($C737/24,0)+1,1))-1)+IF('Standard Profiles'!$G$19=$B$10,7,0)+IF('Standard Profiles'!$G$19=$B$17,14,0)+IF('Standard Profiles'!$G$19=$B$24,21,0),0)),0)</f>
        <v>0</v>
      </c>
      <c r="F737" cm="1">
        <f t="array" ref="F737">IFERROR(INDEX(Jesper!AJ$2:AJ$366,ROUNDDOWN($C737/24,0)+1,1)*INDEX($D$3:$AA$30,INDEX(Jesper!$R$2:$R$366,ROW(INDEX(Jesper!AJ$2:AJ$366,ROUNDDOWN($C737/24,0)+1,1))-1)+IF('Standard Profiles'!$G$20=$B$10,7,0)+IF('Standard Profiles'!$G$20=$B$17,14,0)+IF('Standard Profiles'!$G$20=$B$24,21,0),MOD($C737,24)+1)/SUM(INDEX($D$3:$AA$30,INDEX(Jesper!$R$2:$R$366,ROW(INDEX(Jesper!AJ$2:AJ$366,ROUNDDOWN($C737/24,0)+1,1))-1)+IF('Standard Profiles'!$G$20=$B$10,7,0)+IF('Standard Profiles'!$G$20=$B$17,14,0)+IF('Standard Profiles'!$G$20=$B$24,21,0),0)),0)</f>
        <v>0</v>
      </c>
      <c r="G737" cm="1">
        <f t="array" ref="G737">IFERROR(INDEX(Jesper!AK$2:AK$366,ROUNDDOWN($C737/24,0)+1,1)*INDEX($D$3:$AA$30,INDEX(Jesper!$R$2:$R$366,ROW(INDEX(Jesper!AK$2:AK$366,ROUNDDOWN($C737/24,0)+1,1))-1)+IF('Standard Profiles'!$G$21=$B$10,7,0)+IF('Standard Profiles'!$G$21=$B$17,14,0)+IF('Standard Profiles'!$G$21=$B$24,21,0),MOD($C737,24)+1)/SUM(INDEX($D$3:$AA$30,INDEX(Jesper!$R$2:$R$366,ROW(INDEX(Jesper!AK$2:AK$366,ROUNDDOWN($C737/24,0)+1,1))-1)+IF('Standard Profiles'!$G$21=$B$10,7,0)+IF('Standard Profiles'!$G$21=$B$17,14,0)+IF('Standard Profiles'!$G$21=$B$24,21,0),0)),0)</f>
        <v>0</v>
      </c>
      <c r="H737" cm="1">
        <f t="array" ref="H737">IFERROR(INDEX(Jesper!AL$2:AL$366,ROUNDDOWN($C737/24,0)+1,1)*INDEX($D$3:$AA$30,INDEX(Jesper!$R$2:$R$366,ROW(INDEX(Jesper!AL$2:AL$366,ROUNDDOWN($C737/24,0)+1,1))-1)+IF('Standard Profiles'!$G$22=$B$10,7,0)+IF('Standard Profiles'!$G$22=$B$17,14,0)+IF('Standard Profiles'!$G$22=$B$24,21,0),MOD($C737,24)+1)/SUM(INDEX($D$3:$AA$30,INDEX(Jesper!$R$2:$R$366,ROW(INDEX(Jesper!AL$2:AL$366,ROUNDDOWN($C737/24,0)+1,1))-1)+IF('Standard Profiles'!$G$22=$B$10,7,0)+IF('Standard Profiles'!$G$22=$B$17,14,0)+IF('Standard Profiles'!$G$22=$B$24,21,0),0)),0)</f>
        <v>0</v>
      </c>
      <c r="I737">
        <f t="shared" si="90"/>
        <v>0.34089586214540413</v>
      </c>
      <c r="J737">
        <f t="shared" si="91"/>
        <v>1.1363195404846804</v>
      </c>
      <c r="K737">
        <f t="shared" si="92"/>
        <v>1.7044793107270206</v>
      </c>
      <c r="L737">
        <f t="shared" si="93"/>
        <v>8.1815006914896991</v>
      </c>
      <c r="M737">
        <f t="shared" si="94"/>
        <v>0</v>
      </c>
      <c r="N737" s="46">
        <f t="shared" si="95"/>
        <v>45321.291666664962</v>
      </c>
    </row>
    <row r="738" spans="2:14" x14ac:dyDescent="0.3">
      <c r="B738">
        <f t="shared" si="89"/>
        <v>2</v>
      </c>
      <c r="C738" s="16">
        <v>704</v>
      </c>
      <c r="D738" cm="1">
        <f t="array" ref="D738">IFERROR(INDEX(Jesper!AH$2:AH$366,ROUNDDOWN($C738/24,0)+1,1)*INDEX($D$3:$AA$30,INDEX(Jesper!$R$2:$R$366,ROW(INDEX(Jesper!AH$2:AH$366,ROUNDDOWN($C738/24,0)+1,1))-1)+IF('Standard Profiles'!$G$18=$B$10,7,0)+IF('Standard Profiles'!$G$18=$B$17,14,0)+IF('Standard Profiles'!$G$18=$B$24,21,0),MOD($C738,24)+1)/SUM(INDEX($D$3:$AA$30,INDEX(Jesper!$R$2:$R$366,ROW(INDEX(Jesper!AH$2:AH$366,ROUNDDOWN($C738/24,0)+1,1))-1)+IF('Standard Profiles'!$G$18=$B$10,7,0)+IF('Standard Profiles'!$G$18=$B$17,14,0)+IF('Standard Profiles'!$G$18=$B$24,21,0),0)),0)</f>
        <v>11.363195404846804</v>
      </c>
      <c r="E738" cm="1">
        <f t="array" ref="E738">IFERROR(INDEX(Jesper!AI$2:AI$366,ROUNDDOWN($C738/24,0)+1,1)*INDEX($D$3:$AA$30,INDEX(Jesper!$R$2:$R$366,ROW(INDEX(Jesper!AI$2:AI$366,ROUNDDOWN($C738/24,0)+1,1))-1)+IF('Standard Profiles'!$G$19=$B$10,7,0)+IF('Standard Profiles'!$G$19=$B$17,14,0)+IF('Standard Profiles'!$G$19=$B$24,21,0),MOD($C738,24)+1)/SUM(INDEX($D$3:$AA$30,INDEX(Jesper!$R$2:$R$366,ROW(INDEX(Jesper!AI$2:AI$366,ROUNDDOWN($C738/24,0)+1,1))-1)+IF('Standard Profiles'!$G$19=$B$10,7,0)+IF('Standard Profiles'!$G$19=$B$17,14,0)+IF('Standard Profiles'!$G$19=$B$24,21,0),0)),0)</f>
        <v>0</v>
      </c>
      <c r="F738" cm="1">
        <f t="array" ref="F738">IFERROR(INDEX(Jesper!AJ$2:AJ$366,ROUNDDOWN($C738/24,0)+1,1)*INDEX($D$3:$AA$30,INDEX(Jesper!$R$2:$R$366,ROW(INDEX(Jesper!AJ$2:AJ$366,ROUNDDOWN($C738/24,0)+1,1))-1)+IF('Standard Profiles'!$G$20=$B$10,7,0)+IF('Standard Profiles'!$G$20=$B$17,14,0)+IF('Standard Profiles'!$G$20=$B$24,21,0),MOD($C738,24)+1)/SUM(INDEX($D$3:$AA$30,INDEX(Jesper!$R$2:$R$366,ROW(INDEX(Jesper!AJ$2:AJ$366,ROUNDDOWN($C738/24,0)+1,1))-1)+IF('Standard Profiles'!$G$20=$B$10,7,0)+IF('Standard Profiles'!$G$20=$B$17,14,0)+IF('Standard Profiles'!$G$20=$B$24,21,0),0)),0)</f>
        <v>0</v>
      </c>
      <c r="G738" cm="1">
        <f t="array" ref="G738">IFERROR(INDEX(Jesper!AK$2:AK$366,ROUNDDOWN($C738/24,0)+1,1)*INDEX($D$3:$AA$30,INDEX(Jesper!$R$2:$R$366,ROW(INDEX(Jesper!AK$2:AK$366,ROUNDDOWN($C738/24,0)+1,1))-1)+IF('Standard Profiles'!$G$21=$B$10,7,0)+IF('Standard Profiles'!$G$21=$B$17,14,0)+IF('Standard Profiles'!$G$21=$B$24,21,0),MOD($C738,24)+1)/SUM(INDEX($D$3:$AA$30,INDEX(Jesper!$R$2:$R$366,ROW(INDEX(Jesper!AK$2:AK$366,ROUNDDOWN($C738/24,0)+1,1))-1)+IF('Standard Profiles'!$G$21=$B$10,7,0)+IF('Standard Profiles'!$G$21=$B$17,14,0)+IF('Standard Profiles'!$G$21=$B$24,21,0),0)),0)</f>
        <v>0</v>
      </c>
      <c r="H738" cm="1">
        <f t="array" ref="H738">IFERROR(INDEX(Jesper!AL$2:AL$366,ROUNDDOWN($C738/24,0)+1,1)*INDEX($D$3:$AA$30,INDEX(Jesper!$R$2:$R$366,ROW(INDEX(Jesper!AL$2:AL$366,ROUNDDOWN($C738/24,0)+1,1))-1)+IF('Standard Profiles'!$G$22=$B$10,7,0)+IF('Standard Profiles'!$G$22=$B$17,14,0)+IF('Standard Profiles'!$G$22=$B$24,21,0),MOD($C738,24)+1)/SUM(INDEX($D$3:$AA$30,INDEX(Jesper!$R$2:$R$366,ROW(INDEX(Jesper!AL$2:AL$366,ROUNDDOWN($C738/24,0)+1,1))-1)+IF('Standard Profiles'!$G$22=$B$10,7,0)+IF('Standard Profiles'!$G$22=$B$17,14,0)+IF('Standard Profiles'!$G$22=$B$24,21,0),0)),0)</f>
        <v>0</v>
      </c>
      <c r="I738">
        <f t="shared" si="90"/>
        <v>0.34089586214540413</v>
      </c>
      <c r="J738">
        <f t="shared" si="91"/>
        <v>1.1363195404846804</v>
      </c>
      <c r="K738">
        <f t="shared" si="92"/>
        <v>1.7044793107270206</v>
      </c>
      <c r="L738">
        <f t="shared" si="93"/>
        <v>8.1815006914896991</v>
      </c>
      <c r="M738">
        <f t="shared" si="94"/>
        <v>0</v>
      </c>
      <c r="N738" s="46">
        <f t="shared" si="95"/>
        <v>45321.333333331626</v>
      </c>
    </row>
    <row r="739" spans="2:14" x14ac:dyDescent="0.3">
      <c r="B739">
        <f t="shared" ref="B739:B802" si="96">WEEKDAY(N739,2)</f>
        <v>2</v>
      </c>
      <c r="C739" s="16">
        <v>705</v>
      </c>
      <c r="D739" cm="1">
        <f t="array" ref="D739">IFERROR(INDEX(Jesper!AH$2:AH$366,ROUNDDOWN($C739/24,0)+1,1)*INDEX($D$3:$AA$30,INDEX(Jesper!$R$2:$R$366,ROW(INDEX(Jesper!AH$2:AH$366,ROUNDDOWN($C739/24,0)+1,1))-1)+IF('Standard Profiles'!$G$18=$B$10,7,0)+IF('Standard Profiles'!$G$18=$B$17,14,0)+IF('Standard Profiles'!$G$18=$B$24,21,0),MOD($C739,24)+1)/SUM(INDEX($D$3:$AA$30,INDEX(Jesper!$R$2:$R$366,ROW(INDEX(Jesper!AH$2:AH$366,ROUNDDOWN($C739/24,0)+1,1))-1)+IF('Standard Profiles'!$G$18=$B$10,7,0)+IF('Standard Profiles'!$G$18=$B$17,14,0)+IF('Standard Profiles'!$G$18=$B$24,21,0),0)),0)</f>
        <v>12.310128355250704</v>
      </c>
      <c r="E739" cm="1">
        <f t="array" ref="E739">IFERROR(INDEX(Jesper!AI$2:AI$366,ROUNDDOWN($C739/24,0)+1,1)*INDEX($D$3:$AA$30,INDEX(Jesper!$R$2:$R$366,ROW(INDEX(Jesper!AI$2:AI$366,ROUNDDOWN($C739/24,0)+1,1))-1)+IF('Standard Profiles'!$G$19=$B$10,7,0)+IF('Standard Profiles'!$G$19=$B$17,14,0)+IF('Standard Profiles'!$G$19=$B$24,21,0),MOD($C739,24)+1)/SUM(INDEX($D$3:$AA$30,INDEX(Jesper!$R$2:$R$366,ROW(INDEX(Jesper!AI$2:AI$366,ROUNDDOWN($C739/24,0)+1,1))-1)+IF('Standard Profiles'!$G$19=$B$10,7,0)+IF('Standard Profiles'!$G$19=$B$17,14,0)+IF('Standard Profiles'!$G$19=$B$24,21,0),0)),0)</f>
        <v>0</v>
      </c>
      <c r="F739" cm="1">
        <f t="array" ref="F739">IFERROR(INDEX(Jesper!AJ$2:AJ$366,ROUNDDOWN($C739/24,0)+1,1)*INDEX($D$3:$AA$30,INDEX(Jesper!$R$2:$R$366,ROW(INDEX(Jesper!AJ$2:AJ$366,ROUNDDOWN($C739/24,0)+1,1))-1)+IF('Standard Profiles'!$G$20=$B$10,7,0)+IF('Standard Profiles'!$G$20=$B$17,14,0)+IF('Standard Profiles'!$G$20=$B$24,21,0),MOD($C739,24)+1)/SUM(INDEX($D$3:$AA$30,INDEX(Jesper!$R$2:$R$366,ROW(INDEX(Jesper!AJ$2:AJ$366,ROUNDDOWN($C739/24,0)+1,1))-1)+IF('Standard Profiles'!$G$20=$B$10,7,0)+IF('Standard Profiles'!$G$20=$B$17,14,0)+IF('Standard Profiles'!$G$20=$B$24,21,0),0)),0)</f>
        <v>0</v>
      </c>
      <c r="G739" cm="1">
        <f t="array" ref="G739">IFERROR(INDEX(Jesper!AK$2:AK$366,ROUNDDOWN($C739/24,0)+1,1)*INDEX($D$3:$AA$30,INDEX(Jesper!$R$2:$R$366,ROW(INDEX(Jesper!AK$2:AK$366,ROUNDDOWN($C739/24,0)+1,1))-1)+IF('Standard Profiles'!$G$21=$B$10,7,0)+IF('Standard Profiles'!$G$21=$B$17,14,0)+IF('Standard Profiles'!$G$21=$B$24,21,0),MOD($C739,24)+1)/SUM(INDEX($D$3:$AA$30,INDEX(Jesper!$R$2:$R$366,ROW(INDEX(Jesper!AK$2:AK$366,ROUNDDOWN($C739/24,0)+1,1))-1)+IF('Standard Profiles'!$G$21=$B$10,7,0)+IF('Standard Profiles'!$G$21=$B$17,14,0)+IF('Standard Profiles'!$G$21=$B$24,21,0),0)),0)</f>
        <v>0</v>
      </c>
      <c r="H739" cm="1">
        <f t="array" ref="H739">IFERROR(INDEX(Jesper!AL$2:AL$366,ROUNDDOWN($C739/24,0)+1,1)*INDEX($D$3:$AA$30,INDEX(Jesper!$R$2:$R$366,ROW(INDEX(Jesper!AL$2:AL$366,ROUNDDOWN($C739/24,0)+1,1))-1)+IF('Standard Profiles'!$G$22=$B$10,7,0)+IF('Standard Profiles'!$G$22=$B$17,14,0)+IF('Standard Profiles'!$G$22=$B$24,21,0),MOD($C739,24)+1)/SUM(INDEX($D$3:$AA$30,INDEX(Jesper!$R$2:$R$366,ROW(INDEX(Jesper!AL$2:AL$366,ROUNDDOWN($C739/24,0)+1,1))-1)+IF('Standard Profiles'!$G$22=$B$10,7,0)+IF('Standard Profiles'!$G$22=$B$17,14,0)+IF('Standard Profiles'!$G$22=$B$24,21,0),0)),0)</f>
        <v>0</v>
      </c>
      <c r="I739">
        <f t="shared" ref="I739:I802" si="97">IF($B739&lt;6,AC$37*$D739+AC$38*$E739+AC$39*$F739+AC$40*$G739,AC$46*$D739+AC$47*$E739+AC$48*$F739+AC$49*$G739+AC$50*$H739)</f>
        <v>0.36930385065752114</v>
      </c>
      <c r="J739">
        <f t="shared" ref="J739:J802" si="98">IF($B739&lt;6,AD$37*$D739+AD$38*$E739+AD$39*$F739+AD$40*$G739,AD$46*$D739+AD$47*$E739+AD$48*$F739+AD$49*$G739+AD$50*$H739)</f>
        <v>1.2310128355250705</v>
      </c>
      <c r="K739">
        <f t="shared" ref="K739:K802" si="99">IF($B739&lt;6,AE$37*$D739+AE$38*$E739+AE$39*$F739+AE$40*$G739,AE$46*$D739+AE$47*$E739+AE$48*$F739+AE$49*$G739+AE$50*$H739)</f>
        <v>1.8465192532876056</v>
      </c>
      <c r="L739">
        <f t="shared" ref="L739:L802" si="100">IF($B739&lt;6,AF$37*$D739+AF$38*$E739+AF$39*$F739+AF$40*$G739,AF$46*$D739+AF$47*$E739+AF$48*$F739+AF$49*$G739+AF$50*$H739)</f>
        <v>8.8632924157805064</v>
      </c>
      <c r="M739">
        <f t="shared" ref="M739:M802" si="101">IF($B739&lt;6,AG$37*$D739+AG$38*$E739+AG$39*$F739+AG$40*$G739,AG$46*$D739+AG$47*$E739+AG$48*$F739+AG$49*$G739+AG$50*$H739)</f>
        <v>0</v>
      </c>
      <c r="N739" s="46">
        <f t="shared" si="95"/>
        <v>45321.37499999829</v>
      </c>
    </row>
    <row r="740" spans="2:14" x14ac:dyDescent="0.3">
      <c r="B740">
        <f t="shared" si="96"/>
        <v>2</v>
      </c>
      <c r="C740" s="16">
        <v>706</v>
      </c>
      <c r="D740" cm="1">
        <f t="array" ref="D740">IFERROR(INDEX(Jesper!AH$2:AH$366,ROUNDDOWN($C740/24,0)+1,1)*INDEX($D$3:$AA$30,INDEX(Jesper!$R$2:$R$366,ROW(INDEX(Jesper!AH$2:AH$366,ROUNDDOWN($C740/24,0)+1,1))-1)+IF('Standard Profiles'!$G$18=$B$10,7,0)+IF('Standard Profiles'!$G$18=$B$17,14,0)+IF('Standard Profiles'!$G$18=$B$24,21,0),MOD($C740,24)+1)/SUM(INDEX($D$3:$AA$30,INDEX(Jesper!$R$2:$R$366,ROW(INDEX(Jesper!AH$2:AH$366,ROUNDDOWN($C740/24,0)+1,1))-1)+IF('Standard Profiles'!$G$18=$B$10,7,0)+IF('Standard Profiles'!$G$18=$B$17,14,0)+IF('Standard Profiles'!$G$18=$B$24,21,0),0)),0)</f>
        <v>12.878288125493045</v>
      </c>
      <c r="E740" cm="1">
        <f t="array" ref="E740">IFERROR(INDEX(Jesper!AI$2:AI$366,ROUNDDOWN($C740/24,0)+1,1)*INDEX($D$3:$AA$30,INDEX(Jesper!$R$2:$R$366,ROW(INDEX(Jesper!AI$2:AI$366,ROUNDDOWN($C740/24,0)+1,1))-1)+IF('Standard Profiles'!$G$19=$B$10,7,0)+IF('Standard Profiles'!$G$19=$B$17,14,0)+IF('Standard Profiles'!$G$19=$B$24,21,0),MOD($C740,24)+1)/SUM(INDEX($D$3:$AA$30,INDEX(Jesper!$R$2:$R$366,ROW(INDEX(Jesper!AI$2:AI$366,ROUNDDOWN($C740/24,0)+1,1))-1)+IF('Standard Profiles'!$G$19=$B$10,7,0)+IF('Standard Profiles'!$G$19=$B$17,14,0)+IF('Standard Profiles'!$G$19=$B$24,21,0),0)),0)</f>
        <v>0</v>
      </c>
      <c r="F740" cm="1">
        <f t="array" ref="F740">IFERROR(INDEX(Jesper!AJ$2:AJ$366,ROUNDDOWN($C740/24,0)+1,1)*INDEX($D$3:$AA$30,INDEX(Jesper!$R$2:$R$366,ROW(INDEX(Jesper!AJ$2:AJ$366,ROUNDDOWN($C740/24,0)+1,1))-1)+IF('Standard Profiles'!$G$20=$B$10,7,0)+IF('Standard Profiles'!$G$20=$B$17,14,0)+IF('Standard Profiles'!$G$20=$B$24,21,0),MOD($C740,24)+1)/SUM(INDEX($D$3:$AA$30,INDEX(Jesper!$R$2:$R$366,ROW(INDEX(Jesper!AJ$2:AJ$366,ROUNDDOWN($C740/24,0)+1,1))-1)+IF('Standard Profiles'!$G$20=$B$10,7,0)+IF('Standard Profiles'!$G$20=$B$17,14,0)+IF('Standard Profiles'!$G$20=$B$24,21,0),0)),0)</f>
        <v>0</v>
      </c>
      <c r="G740" cm="1">
        <f t="array" ref="G740">IFERROR(INDEX(Jesper!AK$2:AK$366,ROUNDDOWN($C740/24,0)+1,1)*INDEX($D$3:$AA$30,INDEX(Jesper!$R$2:$R$366,ROW(INDEX(Jesper!AK$2:AK$366,ROUNDDOWN($C740/24,0)+1,1))-1)+IF('Standard Profiles'!$G$21=$B$10,7,0)+IF('Standard Profiles'!$G$21=$B$17,14,0)+IF('Standard Profiles'!$G$21=$B$24,21,0),MOD($C740,24)+1)/SUM(INDEX($D$3:$AA$30,INDEX(Jesper!$R$2:$R$366,ROW(INDEX(Jesper!AK$2:AK$366,ROUNDDOWN($C740/24,0)+1,1))-1)+IF('Standard Profiles'!$G$21=$B$10,7,0)+IF('Standard Profiles'!$G$21=$B$17,14,0)+IF('Standard Profiles'!$G$21=$B$24,21,0),0)),0)</f>
        <v>0</v>
      </c>
      <c r="H740" cm="1">
        <f t="array" ref="H740">IFERROR(INDEX(Jesper!AL$2:AL$366,ROUNDDOWN($C740/24,0)+1,1)*INDEX($D$3:$AA$30,INDEX(Jesper!$R$2:$R$366,ROW(INDEX(Jesper!AL$2:AL$366,ROUNDDOWN($C740/24,0)+1,1))-1)+IF('Standard Profiles'!$G$22=$B$10,7,0)+IF('Standard Profiles'!$G$22=$B$17,14,0)+IF('Standard Profiles'!$G$22=$B$24,21,0),MOD($C740,24)+1)/SUM(INDEX($D$3:$AA$30,INDEX(Jesper!$R$2:$R$366,ROW(INDEX(Jesper!AL$2:AL$366,ROUNDDOWN($C740/24,0)+1,1))-1)+IF('Standard Profiles'!$G$22=$B$10,7,0)+IF('Standard Profiles'!$G$22=$B$17,14,0)+IF('Standard Profiles'!$G$22=$B$24,21,0),0)),0)</f>
        <v>0</v>
      </c>
      <c r="I740">
        <f t="shared" si="97"/>
        <v>0.38634864376479133</v>
      </c>
      <c r="J740">
        <f t="shared" si="98"/>
        <v>1.2878288125493045</v>
      </c>
      <c r="K740">
        <f t="shared" si="99"/>
        <v>1.9317432188239567</v>
      </c>
      <c r="L740">
        <f t="shared" si="100"/>
        <v>9.2723674503549915</v>
      </c>
      <c r="M740">
        <f t="shared" si="101"/>
        <v>0</v>
      </c>
      <c r="N740" s="46">
        <f t="shared" ref="N740:N803" si="102">N739+1/24</f>
        <v>45321.416666664954</v>
      </c>
    </row>
    <row r="741" spans="2:14" x14ac:dyDescent="0.3">
      <c r="B741">
        <f t="shared" si="96"/>
        <v>2</v>
      </c>
      <c r="C741" s="16">
        <v>707</v>
      </c>
      <c r="D741" cm="1">
        <f t="array" ref="D741">IFERROR(INDEX(Jesper!AH$2:AH$366,ROUNDDOWN($C741/24,0)+1,1)*INDEX($D$3:$AA$30,INDEX(Jesper!$R$2:$R$366,ROW(INDEX(Jesper!AH$2:AH$366,ROUNDDOWN($C741/24,0)+1,1))-1)+IF('Standard Profiles'!$G$18=$B$10,7,0)+IF('Standard Profiles'!$G$18=$B$17,14,0)+IF('Standard Profiles'!$G$18=$B$24,21,0),MOD($C741,24)+1)/SUM(INDEX($D$3:$AA$30,INDEX(Jesper!$R$2:$R$366,ROW(INDEX(Jesper!AH$2:AH$366,ROUNDDOWN($C741/24,0)+1,1))-1)+IF('Standard Profiles'!$G$18=$B$10,7,0)+IF('Standard Profiles'!$G$18=$B$17,14,0)+IF('Standard Profiles'!$G$18=$B$24,21,0),0)),0)</f>
        <v>15.150927206462406</v>
      </c>
      <c r="E741" cm="1">
        <f t="array" ref="E741">IFERROR(INDEX(Jesper!AI$2:AI$366,ROUNDDOWN($C741/24,0)+1,1)*INDEX($D$3:$AA$30,INDEX(Jesper!$R$2:$R$366,ROW(INDEX(Jesper!AI$2:AI$366,ROUNDDOWN($C741/24,0)+1,1))-1)+IF('Standard Profiles'!$G$19=$B$10,7,0)+IF('Standard Profiles'!$G$19=$B$17,14,0)+IF('Standard Profiles'!$G$19=$B$24,21,0),MOD($C741,24)+1)/SUM(INDEX($D$3:$AA$30,INDEX(Jesper!$R$2:$R$366,ROW(INDEX(Jesper!AI$2:AI$366,ROUNDDOWN($C741/24,0)+1,1))-1)+IF('Standard Profiles'!$G$19=$B$10,7,0)+IF('Standard Profiles'!$G$19=$B$17,14,0)+IF('Standard Profiles'!$G$19=$B$24,21,0),0)),0)</f>
        <v>0</v>
      </c>
      <c r="F741" cm="1">
        <f t="array" ref="F741">IFERROR(INDEX(Jesper!AJ$2:AJ$366,ROUNDDOWN($C741/24,0)+1,1)*INDEX($D$3:$AA$30,INDEX(Jesper!$R$2:$R$366,ROW(INDEX(Jesper!AJ$2:AJ$366,ROUNDDOWN($C741/24,0)+1,1))-1)+IF('Standard Profiles'!$G$20=$B$10,7,0)+IF('Standard Profiles'!$G$20=$B$17,14,0)+IF('Standard Profiles'!$G$20=$B$24,21,0),MOD($C741,24)+1)/SUM(INDEX($D$3:$AA$30,INDEX(Jesper!$R$2:$R$366,ROW(INDEX(Jesper!AJ$2:AJ$366,ROUNDDOWN($C741/24,0)+1,1))-1)+IF('Standard Profiles'!$G$20=$B$10,7,0)+IF('Standard Profiles'!$G$20=$B$17,14,0)+IF('Standard Profiles'!$G$20=$B$24,21,0),0)),0)</f>
        <v>0</v>
      </c>
      <c r="G741" cm="1">
        <f t="array" ref="G741">IFERROR(INDEX(Jesper!AK$2:AK$366,ROUNDDOWN($C741/24,0)+1,1)*INDEX($D$3:$AA$30,INDEX(Jesper!$R$2:$R$366,ROW(INDEX(Jesper!AK$2:AK$366,ROUNDDOWN($C741/24,0)+1,1))-1)+IF('Standard Profiles'!$G$21=$B$10,7,0)+IF('Standard Profiles'!$G$21=$B$17,14,0)+IF('Standard Profiles'!$G$21=$B$24,21,0),MOD($C741,24)+1)/SUM(INDEX($D$3:$AA$30,INDEX(Jesper!$R$2:$R$366,ROW(INDEX(Jesper!AK$2:AK$366,ROUNDDOWN($C741/24,0)+1,1))-1)+IF('Standard Profiles'!$G$21=$B$10,7,0)+IF('Standard Profiles'!$G$21=$B$17,14,0)+IF('Standard Profiles'!$G$21=$B$24,21,0),0)),0)</f>
        <v>0</v>
      </c>
      <c r="H741" cm="1">
        <f t="array" ref="H741">IFERROR(INDEX(Jesper!AL$2:AL$366,ROUNDDOWN($C741/24,0)+1,1)*INDEX($D$3:$AA$30,INDEX(Jesper!$R$2:$R$366,ROW(INDEX(Jesper!AL$2:AL$366,ROUNDDOWN($C741/24,0)+1,1))-1)+IF('Standard Profiles'!$G$22=$B$10,7,0)+IF('Standard Profiles'!$G$22=$B$17,14,0)+IF('Standard Profiles'!$G$22=$B$24,21,0),MOD($C741,24)+1)/SUM(INDEX($D$3:$AA$30,INDEX(Jesper!$R$2:$R$366,ROW(INDEX(Jesper!AL$2:AL$366,ROUNDDOWN($C741/24,0)+1,1))-1)+IF('Standard Profiles'!$G$22=$B$10,7,0)+IF('Standard Profiles'!$G$22=$B$17,14,0)+IF('Standard Profiles'!$G$22=$B$24,21,0),0)),0)</f>
        <v>0</v>
      </c>
      <c r="I741">
        <f t="shared" si="97"/>
        <v>0.45452781619387217</v>
      </c>
      <c r="J741">
        <f t="shared" si="98"/>
        <v>1.5150927206462406</v>
      </c>
      <c r="K741">
        <f t="shared" si="99"/>
        <v>2.2726390809693608</v>
      </c>
      <c r="L741">
        <f t="shared" si="100"/>
        <v>10.908667588652932</v>
      </c>
      <c r="M741">
        <f t="shared" si="101"/>
        <v>0</v>
      </c>
      <c r="N741" s="46">
        <f t="shared" si="102"/>
        <v>45321.458333331619</v>
      </c>
    </row>
    <row r="742" spans="2:14" x14ac:dyDescent="0.3">
      <c r="B742">
        <f t="shared" si="96"/>
        <v>2</v>
      </c>
      <c r="C742" s="16">
        <v>708</v>
      </c>
      <c r="D742" cm="1">
        <f t="array" ref="D742">IFERROR(INDEX(Jesper!AH$2:AH$366,ROUNDDOWN($C742/24,0)+1,1)*INDEX($D$3:$AA$30,INDEX(Jesper!$R$2:$R$366,ROW(INDEX(Jesper!AH$2:AH$366,ROUNDDOWN($C742/24,0)+1,1))-1)+IF('Standard Profiles'!$G$18=$B$10,7,0)+IF('Standard Profiles'!$G$18=$B$17,14,0)+IF('Standard Profiles'!$G$18=$B$24,21,0),MOD($C742,24)+1)/SUM(INDEX($D$3:$AA$30,INDEX(Jesper!$R$2:$R$366,ROW(INDEX(Jesper!AH$2:AH$366,ROUNDDOWN($C742/24,0)+1,1))-1)+IF('Standard Profiles'!$G$18=$B$10,7,0)+IF('Standard Profiles'!$G$18=$B$17,14,0)+IF('Standard Profiles'!$G$18=$B$24,21,0),0)),0)</f>
        <v>15.150927206462406</v>
      </c>
      <c r="E742" cm="1">
        <f t="array" ref="E742">IFERROR(INDEX(Jesper!AI$2:AI$366,ROUNDDOWN($C742/24,0)+1,1)*INDEX($D$3:$AA$30,INDEX(Jesper!$R$2:$R$366,ROW(INDEX(Jesper!AI$2:AI$366,ROUNDDOWN($C742/24,0)+1,1))-1)+IF('Standard Profiles'!$G$19=$B$10,7,0)+IF('Standard Profiles'!$G$19=$B$17,14,0)+IF('Standard Profiles'!$G$19=$B$24,21,0),MOD($C742,24)+1)/SUM(INDEX($D$3:$AA$30,INDEX(Jesper!$R$2:$R$366,ROW(INDEX(Jesper!AI$2:AI$366,ROUNDDOWN($C742/24,0)+1,1))-1)+IF('Standard Profiles'!$G$19=$B$10,7,0)+IF('Standard Profiles'!$G$19=$B$17,14,0)+IF('Standard Profiles'!$G$19=$B$24,21,0),0)),0)</f>
        <v>0</v>
      </c>
      <c r="F742" cm="1">
        <f t="array" ref="F742">IFERROR(INDEX(Jesper!AJ$2:AJ$366,ROUNDDOWN($C742/24,0)+1,1)*INDEX($D$3:$AA$30,INDEX(Jesper!$R$2:$R$366,ROW(INDEX(Jesper!AJ$2:AJ$366,ROUNDDOWN($C742/24,0)+1,1))-1)+IF('Standard Profiles'!$G$20=$B$10,7,0)+IF('Standard Profiles'!$G$20=$B$17,14,0)+IF('Standard Profiles'!$G$20=$B$24,21,0),MOD($C742,24)+1)/SUM(INDEX($D$3:$AA$30,INDEX(Jesper!$R$2:$R$366,ROW(INDEX(Jesper!AJ$2:AJ$366,ROUNDDOWN($C742/24,0)+1,1))-1)+IF('Standard Profiles'!$G$20=$B$10,7,0)+IF('Standard Profiles'!$G$20=$B$17,14,0)+IF('Standard Profiles'!$G$20=$B$24,21,0),0)),0)</f>
        <v>0</v>
      </c>
      <c r="G742" cm="1">
        <f t="array" ref="G742">IFERROR(INDEX(Jesper!AK$2:AK$366,ROUNDDOWN($C742/24,0)+1,1)*INDEX($D$3:$AA$30,INDEX(Jesper!$R$2:$R$366,ROW(INDEX(Jesper!AK$2:AK$366,ROUNDDOWN($C742/24,0)+1,1))-1)+IF('Standard Profiles'!$G$21=$B$10,7,0)+IF('Standard Profiles'!$G$21=$B$17,14,0)+IF('Standard Profiles'!$G$21=$B$24,21,0),MOD($C742,24)+1)/SUM(INDEX($D$3:$AA$30,INDEX(Jesper!$R$2:$R$366,ROW(INDEX(Jesper!AK$2:AK$366,ROUNDDOWN($C742/24,0)+1,1))-1)+IF('Standard Profiles'!$G$21=$B$10,7,0)+IF('Standard Profiles'!$G$21=$B$17,14,0)+IF('Standard Profiles'!$G$21=$B$24,21,0),0)),0)</f>
        <v>0</v>
      </c>
      <c r="H742" cm="1">
        <f t="array" ref="H742">IFERROR(INDEX(Jesper!AL$2:AL$366,ROUNDDOWN($C742/24,0)+1,1)*INDEX($D$3:$AA$30,INDEX(Jesper!$R$2:$R$366,ROW(INDEX(Jesper!AL$2:AL$366,ROUNDDOWN($C742/24,0)+1,1))-1)+IF('Standard Profiles'!$G$22=$B$10,7,0)+IF('Standard Profiles'!$G$22=$B$17,14,0)+IF('Standard Profiles'!$G$22=$B$24,21,0),MOD($C742,24)+1)/SUM(INDEX($D$3:$AA$30,INDEX(Jesper!$R$2:$R$366,ROW(INDEX(Jesper!AL$2:AL$366,ROUNDDOWN($C742/24,0)+1,1))-1)+IF('Standard Profiles'!$G$22=$B$10,7,0)+IF('Standard Profiles'!$G$22=$B$17,14,0)+IF('Standard Profiles'!$G$22=$B$24,21,0),0)),0)</f>
        <v>0</v>
      </c>
      <c r="I742">
        <f t="shared" si="97"/>
        <v>0.45452781619387217</v>
      </c>
      <c r="J742">
        <f t="shared" si="98"/>
        <v>1.5150927206462406</v>
      </c>
      <c r="K742">
        <f t="shared" si="99"/>
        <v>2.2726390809693608</v>
      </c>
      <c r="L742">
        <f t="shared" si="100"/>
        <v>10.908667588652932</v>
      </c>
      <c r="M742">
        <f t="shared" si="101"/>
        <v>0</v>
      </c>
      <c r="N742" s="46">
        <f t="shared" si="102"/>
        <v>45321.499999998283</v>
      </c>
    </row>
    <row r="743" spans="2:14" x14ac:dyDescent="0.3">
      <c r="B743">
        <f t="shared" si="96"/>
        <v>2</v>
      </c>
      <c r="C743" s="16">
        <v>709</v>
      </c>
      <c r="D743" cm="1">
        <f t="array" ref="D743">IFERROR(INDEX(Jesper!AH$2:AH$366,ROUNDDOWN($C743/24,0)+1,1)*INDEX($D$3:$AA$30,INDEX(Jesper!$R$2:$R$366,ROW(INDEX(Jesper!AH$2:AH$366,ROUNDDOWN($C743/24,0)+1,1))-1)+IF('Standard Profiles'!$G$18=$B$10,7,0)+IF('Standard Profiles'!$G$18=$B$17,14,0)+IF('Standard Profiles'!$G$18=$B$24,21,0),MOD($C743,24)+1)/SUM(INDEX($D$3:$AA$30,INDEX(Jesper!$R$2:$R$366,ROW(INDEX(Jesper!AH$2:AH$366,ROUNDDOWN($C743/24,0)+1,1))-1)+IF('Standard Profiles'!$G$18=$B$10,7,0)+IF('Standard Profiles'!$G$18=$B$17,14,0)+IF('Standard Profiles'!$G$18=$B$24,21,0),0)),0)</f>
        <v>15.150927206462406</v>
      </c>
      <c r="E743" cm="1">
        <f t="array" ref="E743">IFERROR(INDEX(Jesper!AI$2:AI$366,ROUNDDOWN($C743/24,0)+1,1)*INDEX($D$3:$AA$30,INDEX(Jesper!$R$2:$R$366,ROW(INDEX(Jesper!AI$2:AI$366,ROUNDDOWN($C743/24,0)+1,1))-1)+IF('Standard Profiles'!$G$19=$B$10,7,0)+IF('Standard Profiles'!$G$19=$B$17,14,0)+IF('Standard Profiles'!$G$19=$B$24,21,0),MOD($C743,24)+1)/SUM(INDEX($D$3:$AA$30,INDEX(Jesper!$R$2:$R$366,ROW(INDEX(Jesper!AI$2:AI$366,ROUNDDOWN($C743/24,0)+1,1))-1)+IF('Standard Profiles'!$G$19=$B$10,7,0)+IF('Standard Profiles'!$G$19=$B$17,14,0)+IF('Standard Profiles'!$G$19=$B$24,21,0),0)),0)</f>
        <v>0</v>
      </c>
      <c r="F743" cm="1">
        <f t="array" ref="F743">IFERROR(INDEX(Jesper!AJ$2:AJ$366,ROUNDDOWN($C743/24,0)+1,1)*INDEX($D$3:$AA$30,INDEX(Jesper!$R$2:$R$366,ROW(INDEX(Jesper!AJ$2:AJ$366,ROUNDDOWN($C743/24,0)+1,1))-1)+IF('Standard Profiles'!$G$20=$B$10,7,0)+IF('Standard Profiles'!$G$20=$B$17,14,0)+IF('Standard Profiles'!$G$20=$B$24,21,0),MOD($C743,24)+1)/SUM(INDEX($D$3:$AA$30,INDEX(Jesper!$R$2:$R$366,ROW(INDEX(Jesper!AJ$2:AJ$366,ROUNDDOWN($C743/24,0)+1,1))-1)+IF('Standard Profiles'!$G$20=$B$10,7,0)+IF('Standard Profiles'!$G$20=$B$17,14,0)+IF('Standard Profiles'!$G$20=$B$24,21,0),0)),0)</f>
        <v>0</v>
      </c>
      <c r="G743" cm="1">
        <f t="array" ref="G743">IFERROR(INDEX(Jesper!AK$2:AK$366,ROUNDDOWN($C743/24,0)+1,1)*INDEX($D$3:$AA$30,INDEX(Jesper!$R$2:$R$366,ROW(INDEX(Jesper!AK$2:AK$366,ROUNDDOWN($C743/24,0)+1,1))-1)+IF('Standard Profiles'!$G$21=$B$10,7,0)+IF('Standard Profiles'!$G$21=$B$17,14,0)+IF('Standard Profiles'!$G$21=$B$24,21,0),MOD($C743,24)+1)/SUM(INDEX($D$3:$AA$30,INDEX(Jesper!$R$2:$R$366,ROW(INDEX(Jesper!AK$2:AK$366,ROUNDDOWN($C743/24,0)+1,1))-1)+IF('Standard Profiles'!$G$21=$B$10,7,0)+IF('Standard Profiles'!$G$21=$B$17,14,0)+IF('Standard Profiles'!$G$21=$B$24,21,0),0)),0)</f>
        <v>0</v>
      </c>
      <c r="H743" cm="1">
        <f t="array" ref="H743">IFERROR(INDEX(Jesper!AL$2:AL$366,ROUNDDOWN($C743/24,0)+1,1)*INDEX($D$3:$AA$30,INDEX(Jesper!$R$2:$R$366,ROW(INDEX(Jesper!AL$2:AL$366,ROUNDDOWN($C743/24,0)+1,1))-1)+IF('Standard Profiles'!$G$22=$B$10,7,0)+IF('Standard Profiles'!$G$22=$B$17,14,0)+IF('Standard Profiles'!$G$22=$B$24,21,0),MOD($C743,24)+1)/SUM(INDEX($D$3:$AA$30,INDEX(Jesper!$R$2:$R$366,ROW(INDEX(Jesper!AL$2:AL$366,ROUNDDOWN($C743/24,0)+1,1))-1)+IF('Standard Profiles'!$G$22=$B$10,7,0)+IF('Standard Profiles'!$G$22=$B$17,14,0)+IF('Standard Profiles'!$G$22=$B$24,21,0),0)),0)</f>
        <v>0</v>
      </c>
      <c r="I743">
        <f t="shared" si="97"/>
        <v>0.45452781619387217</v>
      </c>
      <c r="J743">
        <f t="shared" si="98"/>
        <v>1.5150927206462406</v>
      </c>
      <c r="K743">
        <f t="shared" si="99"/>
        <v>2.2726390809693608</v>
      </c>
      <c r="L743">
        <f t="shared" si="100"/>
        <v>10.908667588652932</v>
      </c>
      <c r="M743">
        <f t="shared" si="101"/>
        <v>0</v>
      </c>
      <c r="N743" s="46">
        <f t="shared" si="102"/>
        <v>45321.541666664947</v>
      </c>
    </row>
    <row r="744" spans="2:14" x14ac:dyDescent="0.3">
      <c r="B744">
        <f t="shared" si="96"/>
        <v>2</v>
      </c>
      <c r="C744" s="16">
        <v>710</v>
      </c>
      <c r="D744" cm="1">
        <f t="array" ref="D744">IFERROR(INDEX(Jesper!AH$2:AH$366,ROUNDDOWN($C744/24,0)+1,1)*INDEX($D$3:$AA$30,INDEX(Jesper!$R$2:$R$366,ROW(INDEX(Jesper!AH$2:AH$366,ROUNDDOWN($C744/24,0)+1,1))-1)+IF('Standard Profiles'!$G$18=$B$10,7,0)+IF('Standard Profiles'!$G$18=$B$17,14,0)+IF('Standard Profiles'!$G$18=$B$24,21,0),MOD($C744,24)+1)/SUM(INDEX($D$3:$AA$30,INDEX(Jesper!$R$2:$R$366,ROW(INDEX(Jesper!AH$2:AH$366,ROUNDDOWN($C744/24,0)+1,1))-1)+IF('Standard Profiles'!$G$18=$B$10,7,0)+IF('Standard Profiles'!$G$18=$B$17,14,0)+IF('Standard Profiles'!$G$18=$B$24,21,0),0)),0)</f>
        <v>15.150927206462406</v>
      </c>
      <c r="E744" cm="1">
        <f t="array" ref="E744">IFERROR(INDEX(Jesper!AI$2:AI$366,ROUNDDOWN($C744/24,0)+1,1)*INDEX($D$3:$AA$30,INDEX(Jesper!$R$2:$R$366,ROW(INDEX(Jesper!AI$2:AI$366,ROUNDDOWN($C744/24,0)+1,1))-1)+IF('Standard Profiles'!$G$19=$B$10,7,0)+IF('Standard Profiles'!$G$19=$B$17,14,0)+IF('Standard Profiles'!$G$19=$B$24,21,0),MOD($C744,24)+1)/SUM(INDEX($D$3:$AA$30,INDEX(Jesper!$R$2:$R$366,ROW(INDEX(Jesper!AI$2:AI$366,ROUNDDOWN($C744/24,0)+1,1))-1)+IF('Standard Profiles'!$G$19=$B$10,7,0)+IF('Standard Profiles'!$G$19=$B$17,14,0)+IF('Standard Profiles'!$G$19=$B$24,21,0),0)),0)</f>
        <v>0</v>
      </c>
      <c r="F744" cm="1">
        <f t="array" ref="F744">IFERROR(INDEX(Jesper!AJ$2:AJ$366,ROUNDDOWN($C744/24,0)+1,1)*INDEX($D$3:$AA$30,INDEX(Jesper!$R$2:$R$366,ROW(INDEX(Jesper!AJ$2:AJ$366,ROUNDDOWN($C744/24,0)+1,1))-1)+IF('Standard Profiles'!$G$20=$B$10,7,0)+IF('Standard Profiles'!$G$20=$B$17,14,0)+IF('Standard Profiles'!$G$20=$B$24,21,0),MOD($C744,24)+1)/SUM(INDEX($D$3:$AA$30,INDEX(Jesper!$R$2:$R$366,ROW(INDEX(Jesper!AJ$2:AJ$366,ROUNDDOWN($C744/24,0)+1,1))-1)+IF('Standard Profiles'!$G$20=$B$10,7,0)+IF('Standard Profiles'!$G$20=$B$17,14,0)+IF('Standard Profiles'!$G$20=$B$24,21,0),0)),0)</f>
        <v>0</v>
      </c>
      <c r="G744" cm="1">
        <f t="array" ref="G744">IFERROR(INDEX(Jesper!AK$2:AK$366,ROUNDDOWN($C744/24,0)+1,1)*INDEX($D$3:$AA$30,INDEX(Jesper!$R$2:$R$366,ROW(INDEX(Jesper!AK$2:AK$366,ROUNDDOWN($C744/24,0)+1,1))-1)+IF('Standard Profiles'!$G$21=$B$10,7,0)+IF('Standard Profiles'!$G$21=$B$17,14,0)+IF('Standard Profiles'!$G$21=$B$24,21,0),MOD($C744,24)+1)/SUM(INDEX($D$3:$AA$30,INDEX(Jesper!$R$2:$R$366,ROW(INDEX(Jesper!AK$2:AK$366,ROUNDDOWN($C744/24,0)+1,1))-1)+IF('Standard Profiles'!$G$21=$B$10,7,0)+IF('Standard Profiles'!$G$21=$B$17,14,0)+IF('Standard Profiles'!$G$21=$B$24,21,0),0)),0)</f>
        <v>0</v>
      </c>
      <c r="H744" cm="1">
        <f t="array" ref="H744">IFERROR(INDEX(Jesper!AL$2:AL$366,ROUNDDOWN($C744/24,0)+1,1)*INDEX($D$3:$AA$30,INDEX(Jesper!$R$2:$R$366,ROW(INDEX(Jesper!AL$2:AL$366,ROUNDDOWN($C744/24,0)+1,1))-1)+IF('Standard Profiles'!$G$22=$B$10,7,0)+IF('Standard Profiles'!$G$22=$B$17,14,0)+IF('Standard Profiles'!$G$22=$B$24,21,0),MOD($C744,24)+1)/SUM(INDEX($D$3:$AA$30,INDEX(Jesper!$R$2:$R$366,ROW(INDEX(Jesper!AL$2:AL$366,ROUNDDOWN($C744/24,0)+1,1))-1)+IF('Standard Profiles'!$G$22=$B$10,7,0)+IF('Standard Profiles'!$G$22=$B$17,14,0)+IF('Standard Profiles'!$G$22=$B$24,21,0),0)),0)</f>
        <v>0</v>
      </c>
      <c r="I744">
        <f t="shared" si="97"/>
        <v>0.45452781619387217</v>
      </c>
      <c r="J744">
        <f t="shared" si="98"/>
        <v>1.5150927206462406</v>
      </c>
      <c r="K744">
        <f t="shared" si="99"/>
        <v>2.2726390809693608</v>
      </c>
      <c r="L744">
        <f t="shared" si="100"/>
        <v>10.908667588652932</v>
      </c>
      <c r="M744">
        <f t="shared" si="101"/>
        <v>0</v>
      </c>
      <c r="N744" s="46">
        <f t="shared" si="102"/>
        <v>45321.583333331611</v>
      </c>
    </row>
    <row r="745" spans="2:14" x14ac:dyDescent="0.3">
      <c r="B745">
        <f t="shared" si="96"/>
        <v>2</v>
      </c>
      <c r="C745" s="16">
        <v>711</v>
      </c>
      <c r="D745" cm="1">
        <f t="array" ref="D745">IFERROR(INDEX(Jesper!AH$2:AH$366,ROUNDDOWN($C745/24,0)+1,1)*INDEX($D$3:$AA$30,INDEX(Jesper!$R$2:$R$366,ROW(INDEX(Jesper!AH$2:AH$366,ROUNDDOWN($C745/24,0)+1,1))-1)+IF('Standard Profiles'!$G$18=$B$10,7,0)+IF('Standard Profiles'!$G$18=$B$17,14,0)+IF('Standard Profiles'!$G$18=$B$24,21,0),MOD($C745,24)+1)/SUM(INDEX($D$3:$AA$30,INDEX(Jesper!$R$2:$R$366,ROW(INDEX(Jesper!AH$2:AH$366,ROUNDDOWN($C745/24,0)+1,1))-1)+IF('Standard Profiles'!$G$18=$B$10,7,0)+IF('Standard Profiles'!$G$18=$B$17,14,0)+IF('Standard Profiles'!$G$18=$B$24,21,0),0)),0)</f>
        <v>15.150927206462406</v>
      </c>
      <c r="E745" cm="1">
        <f t="array" ref="E745">IFERROR(INDEX(Jesper!AI$2:AI$366,ROUNDDOWN($C745/24,0)+1,1)*INDEX($D$3:$AA$30,INDEX(Jesper!$R$2:$R$366,ROW(INDEX(Jesper!AI$2:AI$366,ROUNDDOWN($C745/24,0)+1,1))-1)+IF('Standard Profiles'!$G$19=$B$10,7,0)+IF('Standard Profiles'!$G$19=$B$17,14,0)+IF('Standard Profiles'!$G$19=$B$24,21,0),MOD($C745,24)+1)/SUM(INDEX($D$3:$AA$30,INDEX(Jesper!$R$2:$R$366,ROW(INDEX(Jesper!AI$2:AI$366,ROUNDDOWN($C745/24,0)+1,1))-1)+IF('Standard Profiles'!$G$19=$B$10,7,0)+IF('Standard Profiles'!$G$19=$B$17,14,0)+IF('Standard Profiles'!$G$19=$B$24,21,0),0)),0)</f>
        <v>0</v>
      </c>
      <c r="F745" cm="1">
        <f t="array" ref="F745">IFERROR(INDEX(Jesper!AJ$2:AJ$366,ROUNDDOWN($C745/24,0)+1,1)*INDEX($D$3:$AA$30,INDEX(Jesper!$R$2:$R$366,ROW(INDEX(Jesper!AJ$2:AJ$366,ROUNDDOWN($C745/24,0)+1,1))-1)+IF('Standard Profiles'!$G$20=$B$10,7,0)+IF('Standard Profiles'!$G$20=$B$17,14,0)+IF('Standard Profiles'!$G$20=$B$24,21,0),MOD($C745,24)+1)/SUM(INDEX($D$3:$AA$30,INDEX(Jesper!$R$2:$R$366,ROW(INDEX(Jesper!AJ$2:AJ$366,ROUNDDOWN($C745/24,0)+1,1))-1)+IF('Standard Profiles'!$G$20=$B$10,7,0)+IF('Standard Profiles'!$G$20=$B$17,14,0)+IF('Standard Profiles'!$G$20=$B$24,21,0),0)),0)</f>
        <v>0</v>
      </c>
      <c r="G745" cm="1">
        <f t="array" ref="G745">IFERROR(INDEX(Jesper!AK$2:AK$366,ROUNDDOWN($C745/24,0)+1,1)*INDEX($D$3:$AA$30,INDEX(Jesper!$R$2:$R$366,ROW(INDEX(Jesper!AK$2:AK$366,ROUNDDOWN($C745/24,0)+1,1))-1)+IF('Standard Profiles'!$G$21=$B$10,7,0)+IF('Standard Profiles'!$G$21=$B$17,14,0)+IF('Standard Profiles'!$G$21=$B$24,21,0),MOD($C745,24)+1)/SUM(INDEX($D$3:$AA$30,INDEX(Jesper!$R$2:$R$366,ROW(INDEX(Jesper!AK$2:AK$366,ROUNDDOWN($C745/24,0)+1,1))-1)+IF('Standard Profiles'!$G$21=$B$10,7,0)+IF('Standard Profiles'!$G$21=$B$17,14,0)+IF('Standard Profiles'!$G$21=$B$24,21,0),0)),0)</f>
        <v>0</v>
      </c>
      <c r="H745" cm="1">
        <f t="array" ref="H745">IFERROR(INDEX(Jesper!AL$2:AL$366,ROUNDDOWN($C745/24,0)+1,1)*INDEX($D$3:$AA$30,INDEX(Jesper!$R$2:$R$366,ROW(INDEX(Jesper!AL$2:AL$366,ROUNDDOWN($C745/24,0)+1,1))-1)+IF('Standard Profiles'!$G$22=$B$10,7,0)+IF('Standard Profiles'!$G$22=$B$17,14,0)+IF('Standard Profiles'!$G$22=$B$24,21,0),MOD($C745,24)+1)/SUM(INDEX($D$3:$AA$30,INDEX(Jesper!$R$2:$R$366,ROW(INDEX(Jesper!AL$2:AL$366,ROUNDDOWN($C745/24,0)+1,1))-1)+IF('Standard Profiles'!$G$22=$B$10,7,0)+IF('Standard Profiles'!$G$22=$B$17,14,0)+IF('Standard Profiles'!$G$22=$B$24,21,0),0)),0)</f>
        <v>0</v>
      </c>
      <c r="I745">
        <f t="shared" si="97"/>
        <v>0.45452781619387217</v>
      </c>
      <c r="J745">
        <f t="shared" si="98"/>
        <v>1.5150927206462406</v>
      </c>
      <c r="K745">
        <f t="shared" si="99"/>
        <v>2.2726390809693608</v>
      </c>
      <c r="L745">
        <f t="shared" si="100"/>
        <v>10.908667588652932</v>
      </c>
      <c r="M745">
        <f t="shared" si="101"/>
        <v>0</v>
      </c>
      <c r="N745" s="46">
        <f t="shared" si="102"/>
        <v>45321.624999998276</v>
      </c>
    </row>
    <row r="746" spans="2:14" x14ac:dyDescent="0.3">
      <c r="B746">
        <f t="shared" si="96"/>
        <v>2</v>
      </c>
      <c r="C746" s="16">
        <v>712</v>
      </c>
      <c r="D746" cm="1">
        <f t="array" ref="D746">IFERROR(INDEX(Jesper!AH$2:AH$366,ROUNDDOWN($C746/24,0)+1,1)*INDEX($D$3:$AA$30,INDEX(Jesper!$R$2:$R$366,ROW(INDEX(Jesper!AH$2:AH$366,ROUNDDOWN($C746/24,0)+1,1))-1)+IF('Standard Profiles'!$G$18=$B$10,7,0)+IF('Standard Profiles'!$G$18=$B$17,14,0)+IF('Standard Profiles'!$G$18=$B$24,21,0),MOD($C746,24)+1)/SUM(INDEX($D$3:$AA$30,INDEX(Jesper!$R$2:$R$366,ROW(INDEX(Jesper!AH$2:AH$366,ROUNDDOWN($C746/24,0)+1,1))-1)+IF('Standard Profiles'!$G$18=$B$10,7,0)+IF('Standard Profiles'!$G$18=$B$17,14,0)+IF('Standard Profiles'!$G$18=$B$24,21,0),0)),0)</f>
        <v>15.150927206462406</v>
      </c>
      <c r="E746" cm="1">
        <f t="array" ref="E746">IFERROR(INDEX(Jesper!AI$2:AI$366,ROUNDDOWN($C746/24,0)+1,1)*INDEX($D$3:$AA$30,INDEX(Jesper!$R$2:$R$366,ROW(INDEX(Jesper!AI$2:AI$366,ROUNDDOWN($C746/24,0)+1,1))-1)+IF('Standard Profiles'!$G$19=$B$10,7,0)+IF('Standard Profiles'!$G$19=$B$17,14,0)+IF('Standard Profiles'!$G$19=$B$24,21,0),MOD($C746,24)+1)/SUM(INDEX($D$3:$AA$30,INDEX(Jesper!$R$2:$R$366,ROW(INDEX(Jesper!AI$2:AI$366,ROUNDDOWN($C746/24,0)+1,1))-1)+IF('Standard Profiles'!$G$19=$B$10,7,0)+IF('Standard Profiles'!$G$19=$B$17,14,0)+IF('Standard Profiles'!$G$19=$B$24,21,0),0)),0)</f>
        <v>0</v>
      </c>
      <c r="F746" cm="1">
        <f t="array" ref="F746">IFERROR(INDEX(Jesper!AJ$2:AJ$366,ROUNDDOWN($C746/24,0)+1,1)*INDEX($D$3:$AA$30,INDEX(Jesper!$R$2:$R$366,ROW(INDEX(Jesper!AJ$2:AJ$366,ROUNDDOWN($C746/24,0)+1,1))-1)+IF('Standard Profiles'!$G$20=$B$10,7,0)+IF('Standard Profiles'!$G$20=$B$17,14,0)+IF('Standard Profiles'!$G$20=$B$24,21,0),MOD($C746,24)+1)/SUM(INDEX($D$3:$AA$30,INDEX(Jesper!$R$2:$R$366,ROW(INDEX(Jesper!AJ$2:AJ$366,ROUNDDOWN($C746/24,0)+1,1))-1)+IF('Standard Profiles'!$G$20=$B$10,7,0)+IF('Standard Profiles'!$G$20=$B$17,14,0)+IF('Standard Profiles'!$G$20=$B$24,21,0),0)),0)</f>
        <v>0</v>
      </c>
      <c r="G746" cm="1">
        <f t="array" ref="G746">IFERROR(INDEX(Jesper!AK$2:AK$366,ROUNDDOWN($C746/24,0)+1,1)*INDEX($D$3:$AA$30,INDEX(Jesper!$R$2:$R$366,ROW(INDEX(Jesper!AK$2:AK$366,ROUNDDOWN($C746/24,0)+1,1))-1)+IF('Standard Profiles'!$G$21=$B$10,7,0)+IF('Standard Profiles'!$G$21=$B$17,14,0)+IF('Standard Profiles'!$G$21=$B$24,21,0),MOD($C746,24)+1)/SUM(INDEX($D$3:$AA$30,INDEX(Jesper!$R$2:$R$366,ROW(INDEX(Jesper!AK$2:AK$366,ROUNDDOWN($C746/24,0)+1,1))-1)+IF('Standard Profiles'!$G$21=$B$10,7,0)+IF('Standard Profiles'!$G$21=$B$17,14,0)+IF('Standard Profiles'!$G$21=$B$24,21,0),0)),0)</f>
        <v>0</v>
      </c>
      <c r="H746" cm="1">
        <f t="array" ref="H746">IFERROR(INDEX(Jesper!AL$2:AL$366,ROUNDDOWN($C746/24,0)+1,1)*INDEX($D$3:$AA$30,INDEX(Jesper!$R$2:$R$366,ROW(INDEX(Jesper!AL$2:AL$366,ROUNDDOWN($C746/24,0)+1,1))-1)+IF('Standard Profiles'!$G$22=$B$10,7,0)+IF('Standard Profiles'!$G$22=$B$17,14,0)+IF('Standard Profiles'!$G$22=$B$24,21,0),MOD($C746,24)+1)/SUM(INDEX($D$3:$AA$30,INDEX(Jesper!$R$2:$R$366,ROW(INDEX(Jesper!AL$2:AL$366,ROUNDDOWN($C746/24,0)+1,1))-1)+IF('Standard Profiles'!$G$22=$B$10,7,0)+IF('Standard Profiles'!$G$22=$B$17,14,0)+IF('Standard Profiles'!$G$22=$B$24,21,0),0)),0)</f>
        <v>0</v>
      </c>
      <c r="I746">
        <f t="shared" si="97"/>
        <v>0.45452781619387217</v>
      </c>
      <c r="J746">
        <f t="shared" si="98"/>
        <v>1.5150927206462406</v>
      </c>
      <c r="K746">
        <f t="shared" si="99"/>
        <v>2.2726390809693608</v>
      </c>
      <c r="L746">
        <f t="shared" si="100"/>
        <v>10.908667588652932</v>
      </c>
      <c r="M746">
        <f t="shared" si="101"/>
        <v>0</v>
      </c>
      <c r="N746" s="46">
        <f t="shared" si="102"/>
        <v>45321.66666666494</v>
      </c>
    </row>
    <row r="747" spans="2:14" x14ac:dyDescent="0.3">
      <c r="B747">
        <f t="shared" si="96"/>
        <v>2</v>
      </c>
      <c r="C747" s="16">
        <v>713</v>
      </c>
      <c r="D747" cm="1">
        <f t="array" ref="D747">IFERROR(INDEX(Jesper!AH$2:AH$366,ROUNDDOWN($C747/24,0)+1,1)*INDEX($D$3:$AA$30,INDEX(Jesper!$R$2:$R$366,ROW(INDEX(Jesper!AH$2:AH$366,ROUNDDOWN($C747/24,0)+1,1))-1)+IF('Standard Profiles'!$G$18=$B$10,7,0)+IF('Standard Profiles'!$G$18=$B$17,14,0)+IF('Standard Profiles'!$G$18=$B$24,21,0),MOD($C747,24)+1)/SUM(INDEX($D$3:$AA$30,INDEX(Jesper!$R$2:$R$366,ROW(INDEX(Jesper!AH$2:AH$366,ROUNDDOWN($C747/24,0)+1,1))-1)+IF('Standard Profiles'!$G$18=$B$10,7,0)+IF('Standard Profiles'!$G$18=$B$17,14,0)+IF('Standard Profiles'!$G$18=$B$24,21,0),0)),0)</f>
        <v>15.150927206462406</v>
      </c>
      <c r="E747" cm="1">
        <f t="array" ref="E747">IFERROR(INDEX(Jesper!AI$2:AI$366,ROUNDDOWN($C747/24,0)+1,1)*INDEX($D$3:$AA$30,INDEX(Jesper!$R$2:$R$366,ROW(INDEX(Jesper!AI$2:AI$366,ROUNDDOWN($C747/24,0)+1,1))-1)+IF('Standard Profiles'!$G$19=$B$10,7,0)+IF('Standard Profiles'!$G$19=$B$17,14,0)+IF('Standard Profiles'!$G$19=$B$24,21,0),MOD($C747,24)+1)/SUM(INDEX($D$3:$AA$30,INDEX(Jesper!$R$2:$R$366,ROW(INDEX(Jesper!AI$2:AI$366,ROUNDDOWN($C747/24,0)+1,1))-1)+IF('Standard Profiles'!$G$19=$B$10,7,0)+IF('Standard Profiles'!$G$19=$B$17,14,0)+IF('Standard Profiles'!$G$19=$B$24,21,0),0)),0)</f>
        <v>0</v>
      </c>
      <c r="F747" cm="1">
        <f t="array" ref="F747">IFERROR(INDEX(Jesper!AJ$2:AJ$366,ROUNDDOWN($C747/24,0)+1,1)*INDEX($D$3:$AA$30,INDEX(Jesper!$R$2:$R$366,ROW(INDEX(Jesper!AJ$2:AJ$366,ROUNDDOWN($C747/24,0)+1,1))-1)+IF('Standard Profiles'!$G$20=$B$10,7,0)+IF('Standard Profiles'!$G$20=$B$17,14,0)+IF('Standard Profiles'!$G$20=$B$24,21,0),MOD($C747,24)+1)/SUM(INDEX($D$3:$AA$30,INDEX(Jesper!$R$2:$R$366,ROW(INDEX(Jesper!AJ$2:AJ$366,ROUNDDOWN($C747/24,0)+1,1))-1)+IF('Standard Profiles'!$G$20=$B$10,7,0)+IF('Standard Profiles'!$G$20=$B$17,14,0)+IF('Standard Profiles'!$G$20=$B$24,21,0),0)),0)</f>
        <v>0</v>
      </c>
      <c r="G747" cm="1">
        <f t="array" ref="G747">IFERROR(INDEX(Jesper!AK$2:AK$366,ROUNDDOWN($C747/24,0)+1,1)*INDEX($D$3:$AA$30,INDEX(Jesper!$R$2:$R$366,ROW(INDEX(Jesper!AK$2:AK$366,ROUNDDOWN($C747/24,0)+1,1))-1)+IF('Standard Profiles'!$G$21=$B$10,7,0)+IF('Standard Profiles'!$G$21=$B$17,14,0)+IF('Standard Profiles'!$G$21=$B$24,21,0),MOD($C747,24)+1)/SUM(INDEX($D$3:$AA$30,INDEX(Jesper!$R$2:$R$366,ROW(INDEX(Jesper!AK$2:AK$366,ROUNDDOWN($C747/24,0)+1,1))-1)+IF('Standard Profiles'!$G$21=$B$10,7,0)+IF('Standard Profiles'!$G$21=$B$17,14,0)+IF('Standard Profiles'!$G$21=$B$24,21,0),0)),0)</f>
        <v>0</v>
      </c>
      <c r="H747" cm="1">
        <f t="array" ref="H747">IFERROR(INDEX(Jesper!AL$2:AL$366,ROUNDDOWN($C747/24,0)+1,1)*INDEX($D$3:$AA$30,INDEX(Jesper!$R$2:$R$366,ROW(INDEX(Jesper!AL$2:AL$366,ROUNDDOWN($C747/24,0)+1,1))-1)+IF('Standard Profiles'!$G$22=$B$10,7,0)+IF('Standard Profiles'!$G$22=$B$17,14,0)+IF('Standard Profiles'!$G$22=$B$24,21,0),MOD($C747,24)+1)/SUM(INDEX($D$3:$AA$30,INDEX(Jesper!$R$2:$R$366,ROW(INDEX(Jesper!AL$2:AL$366,ROUNDDOWN($C747/24,0)+1,1))-1)+IF('Standard Profiles'!$G$22=$B$10,7,0)+IF('Standard Profiles'!$G$22=$B$17,14,0)+IF('Standard Profiles'!$G$22=$B$24,21,0),0)),0)</f>
        <v>0</v>
      </c>
      <c r="I747">
        <f t="shared" si="97"/>
        <v>0.45452781619387217</v>
      </c>
      <c r="J747">
        <f t="shared" si="98"/>
        <v>1.5150927206462406</v>
      </c>
      <c r="K747">
        <f t="shared" si="99"/>
        <v>2.2726390809693608</v>
      </c>
      <c r="L747">
        <f t="shared" si="100"/>
        <v>10.908667588652932</v>
      </c>
      <c r="M747">
        <f t="shared" si="101"/>
        <v>0</v>
      </c>
      <c r="N747" s="46">
        <f t="shared" si="102"/>
        <v>45321.708333331604</v>
      </c>
    </row>
    <row r="748" spans="2:14" x14ac:dyDescent="0.3">
      <c r="B748">
        <f t="shared" si="96"/>
        <v>2</v>
      </c>
      <c r="C748" s="16">
        <v>714</v>
      </c>
      <c r="D748" cm="1">
        <f t="array" ref="D748">IFERROR(INDEX(Jesper!AH$2:AH$366,ROUNDDOWN($C748/24,0)+1,1)*INDEX($D$3:$AA$30,INDEX(Jesper!$R$2:$R$366,ROW(INDEX(Jesper!AH$2:AH$366,ROUNDDOWN($C748/24,0)+1,1))-1)+IF('Standard Profiles'!$G$18=$B$10,7,0)+IF('Standard Profiles'!$G$18=$B$17,14,0)+IF('Standard Profiles'!$G$18=$B$24,21,0),MOD($C748,24)+1)/SUM(INDEX($D$3:$AA$30,INDEX(Jesper!$R$2:$R$366,ROW(INDEX(Jesper!AH$2:AH$366,ROUNDDOWN($C748/24,0)+1,1))-1)+IF('Standard Profiles'!$G$18=$B$10,7,0)+IF('Standard Profiles'!$G$18=$B$17,14,0)+IF('Standard Profiles'!$G$18=$B$24,21,0),0)),0)</f>
        <v>15.150927206462406</v>
      </c>
      <c r="E748" cm="1">
        <f t="array" ref="E748">IFERROR(INDEX(Jesper!AI$2:AI$366,ROUNDDOWN($C748/24,0)+1,1)*INDEX($D$3:$AA$30,INDEX(Jesper!$R$2:$R$366,ROW(INDEX(Jesper!AI$2:AI$366,ROUNDDOWN($C748/24,0)+1,1))-1)+IF('Standard Profiles'!$G$19=$B$10,7,0)+IF('Standard Profiles'!$G$19=$B$17,14,0)+IF('Standard Profiles'!$G$19=$B$24,21,0),MOD($C748,24)+1)/SUM(INDEX($D$3:$AA$30,INDEX(Jesper!$R$2:$R$366,ROW(INDEX(Jesper!AI$2:AI$366,ROUNDDOWN($C748/24,0)+1,1))-1)+IF('Standard Profiles'!$G$19=$B$10,7,0)+IF('Standard Profiles'!$G$19=$B$17,14,0)+IF('Standard Profiles'!$G$19=$B$24,21,0),0)),0)</f>
        <v>0</v>
      </c>
      <c r="F748" cm="1">
        <f t="array" ref="F748">IFERROR(INDEX(Jesper!AJ$2:AJ$366,ROUNDDOWN($C748/24,0)+1,1)*INDEX($D$3:$AA$30,INDEX(Jesper!$R$2:$R$366,ROW(INDEX(Jesper!AJ$2:AJ$366,ROUNDDOWN($C748/24,0)+1,1))-1)+IF('Standard Profiles'!$G$20=$B$10,7,0)+IF('Standard Profiles'!$G$20=$B$17,14,0)+IF('Standard Profiles'!$G$20=$B$24,21,0),MOD($C748,24)+1)/SUM(INDEX($D$3:$AA$30,INDEX(Jesper!$R$2:$R$366,ROW(INDEX(Jesper!AJ$2:AJ$366,ROUNDDOWN($C748/24,0)+1,1))-1)+IF('Standard Profiles'!$G$20=$B$10,7,0)+IF('Standard Profiles'!$G$20=$B$17,14,0)+IF('Standard Profiles'!$G$20=$B$24,21,0),0)),0)</f>
        <v>0</v>
      </c>
      <c r="G748" cm="1">
        <f t="array" ref="G748">IFERROR(INDEX(Jesper!AK$2:AK$366,ROUNDDOWN($C748/24,0)+1,1)*INDEX($D$3:$AA$30,INDEX(Jesper!$R$2:$R$366,ROW(INDEX(Jesper!AK$2:AK$366,ROUNDDOWN($C748/24,0)+1,1))-1)+IF('Standard Profiles'!$G$21=$B$10,7,0)+IF('Standard Profiles'!$G$21=$B$17,14,0)+IF('Standard Profiles'!$G$21=$B$24,21,0),MOD($C748,24)+1)/SUM(INDEX($D$3:$AA$30,INDEX(Jesper!$R$2:$R$366,ROW(INDEX(Jesper!AK$2:AK$366,ROUNDDOWN($C748/24,0)+1,1))-1)+IF('Standard Profiles'!$G$21=$B$10,7,0)+IF('Standard Profiles'!$G$21=$B$17,14,0)+IF('Standard Profiles'!$G$21=$B$24,21,0),0)),0)</f>
        <v>0</v>
      </c>
      <c r="H748" cm="1">
        <f t="array" ref="H748">IFERROR(INDEX(Jesper!AL$2:AL$366,ROUNDDOWN($C748/24,0)+1,1)*INDEX($D$3:$AA$30,INDEX(Jesper!$R$2:$R$366,ROW(INDEX(Jesper!AL$2:AL$366,ROUNDDOWN($C748/24,0)+1,1))-1)+IF('Standard Profiles'!$G$22=$B$10,7,0)+IF('Standard Profiles'!$G$22=$B$17,14,0)+IF('Standard Profiles'!$G$22=$B$24,21,0),MOD($C748,24)+1)/SUM(INDEX($D$3:$AA$30,INDEX(Jesper!$R$2:$R$366,ROW(INDEX(Jesper!AL$2:AL$366,ROUNDDOWN($C748/24,0)+1,1))-1)+IF('Standard Profiles'!$G$22=$B$10,7,0)+IF('Standard Profiles'!$G$22=$B$17,14,0)+IF('Standard Profiles'!$G$22=$B$24,21,0),0)),0)</f>
        <v>0</v>
      </c>
      <c r="I748">
        <f t="shared" si="97"/>
        <v>0.45452781619387217</v>
      </c>
      <c r="J748">
        <f t="shared" si="98"/>
        <v>1.5150927206462406</v>
      </c>
      <c r="K748">
        <f t="shared" si="99"/>
        <v>2.2726390809693608</v>
      </c>
      <c r="L748">
        <f t="shared" si="100"/>
        <v>10.908667588652932</v>
      </c>
      <c r="M748">
        <f t="shared" si="101"/>
        <v>0</v>
      </c>
      <c r="N748" s="46">
        <f t="shared" si="102"/>
        <v>45321.749999998268</v>
      </c>
    </row>
    <row r="749" spans="2:14" x14ac:dyDescent="0.3">
      <c r="B749">
        <f t="shared" si="96"/>
        <v>2</v>
      </c>
      <c r="C749" s="16">
        <v>715</v>
      </c>
      <c r="D749" cm="1">
        <f t="array" ref="D749">IFERROR(INDEX(Jesper!AH$2:AH$366,ROUNDDOWN($C749/24,0)+1,1)*INDEX($D$3:$AA$30,INDEX(Jesper!$R$2:$R$366,ROW(INDEX(Jesper!AH$2:AH$366,ROUNDDOWN($C749/24,0)+1,1))-1)+IF('Standard Profiles'!$G$18=$B$10,7,0)+IF('Standard Profiles'!$G$18=$B$17,14,0)+IF('Standard Profiles'!$G$18=$B$24,21,0),MOD($C749,24)+1)/SUM(INDEX($D$3:$AA$30,INDEX(Jesper!$R$2:$R$366,ROW(INDEX(Jesper!AH$2:AH$366,ROUNDDOWN($C749/24,0)+1,1))-1)+IF('Standard Profiles'!$G$18=$B$10,7,0)+IF('Standard Profiles'!$G$18=$B$17,14,0)+IF('Standard Profiles'!$G$18=$B$24,21,0),0)),0)</f>
        <v>12.688901535412265</v>
      </c>
      <c r="E749" cm="1">
        <f t="array" ref="E749">IFERROR(INDEX(Jesper!AI$2:AI$366,ROUNDDOWN($C749/24,0)+1,1)*INDEX($D$3:$AA$30,INDEX(Jesper!$R$2:$R$366,ROW(INDEX(Jesper!AI$2:AI$366,ROUNDDOWN($C749/24,0)+1,1))-1)+IF('Standard Profiles'!$G$19=$B$10,7,0)+IF('Standard Profiles'!$G$19=$B$17,14,0)+IF('Standard Profiles'!$G$19=$B$24,21,0),MOD($C749,24)+1)/SUM(INDEX($D$3:$AA$30,INDEX(Jesper!$R$2:$R$366,ROW(INDEX(Jesper!AI$2:AI$366,ROUNDDOWN($C749/24,0)+1,1))-1)+IF('Standard Profiles'!$G$19=$B$10,7,0)+IF('Standard Profiles'!$G$19=$B$17,14,0)+IF('Standard Profiles'!$G$19=$B$24,21,0),0)),0)</f>
        <v>0</v>
      </c>
      <c r="F749" cm="1">
        <f t="array" ref="F749">IFERROR(INDEX(Jesper!AJ$2:AJ$366,ROUNDDOWN($C749/24,0)+1,1)*INDEX($D$3:$AA$30,INDEX(Jesper!$R$2:$R$366,ROW(INDEX(Jesper!AJ$2:AJ$366,ROUNDDOWN($C749/24,0)+1,1))-1)+IF('Standard Profiles'!$G$20=$B$10,7,0)+IF('Standard Profiles'!$G$20=$B$17,14,0)+IF('Standard Profiles'!$G$20=$B$24,21,0),MOD($C749,24)+1)/SUM(INDEX($D$3:$AA$30,INDEX(Jesper!$R$2:$R$366,ROW(INDEX(Jesper!AJ$2:AJ$366,ROUNDDOWN($C749/24,0)+1,1))-1)+IF('Standard Profiles'!$G$20=$B$10,7,0)+IF('Standard Profiles'!$G$20=$B$17,14,0)+IF('Standard Profiles'!$G$20=$B$24,21,0),0)),0)</f>
        <v>0</v>
      </c>
      <c r="G749" cm="1">
        <f t="array" ref="G749">IFERROR(INDEX(Jesper!AK$2:AK$366,ROUNDDOWN($C749/24,0)+1,1)*INDEX($D$3:$AA$30,INDEX(Jesper!$R$2:$R$366,ROW(INDEX(Jesper!AK$2:AK$366,ROUNDDOWN($C749/24,0)+1,1))-1)+IF('Standard Profiles'!$G$21=$B$10,7,0)+IF('Standard Profiles'!$G$21=$B$17,14,0)+IF('Standard Profiles'!$G$21=$B$24,21,0),MOD($C749,24)+1)/SUM(INDEX($D$3:$AA$30,INDEX(Jesper!$R$2:$R$366,ROW(INDEX(Jesper!AK$2:AK$366,ROUNDDOWN($C749/24,0)+1,1))-1)+IF('Standard Profiles'!$G$21=$B$10,7,0)+IF('Standard Profiles'!$G$21=$B$17,14,0)+IF('Standard Profiles'!$G$21=$B$24,21,0),0)),0)</f>
        <v>0</v>
      </c>
      <c r="H749" cm="1">
        <f t="array" ref="H749">IFERROR(INDEX(Jesper!AL$2:AL$366,ROUNDDOWN($C749/24,0)+1,1)*INDEX($D$3:$AA$30,INDEX(Jesper!$R$2:$R$366,ROW(INDEX(Jesper!AL$2:AL$366,ROUNDDOWN($C749/24,0)+1,1))-1)+IF('Standard Profiles'!$G$22=$B$10,7,0)+IF('Standard Profiles'!$G$22=$B$17,14,0)+IF('Standard Profiles'!$G$22=$B$24,21,0),MOD($C749,24)+1)/SUM(INDEX($D$3:$AA$30,INDEX(Jesper!$R$2:$R$366,ROW(INDEX(Jesper!AL$2:AL$366,ROUNDDOWN($C749/24,0)+1,1))-1)+IF('Standard Profiles'!$G$22=$B$10,7,0)+IF('Standard Profiles'!$G$22=$B$17,14,0)+IF('Standard Profiles'!$G$22=$B$24,21,0),0)),0)</f>
        <v>0</v>
      </c>
      <c r="I749">
        <f t="shared" si="97"/>
        <v>0.38066704606236795</v>
      </c>
      <c r="J749">
        <f t="shared" si="98"/>
        <v>1.2688901535412267</v>
      </c>
      <c r="K749">
        <f t="shared" si="99"/>
        <v>1.9033352303118396</v>
      </c>
      <c r="L749">
        <f t="shared" si="100"/>
        <v>9.1360091054968304</v>
      </c>
      <c r="M749">
        <f t="shared" si="101"/>
        <v>0</v>
      </c>
      <c r="N749" s="46">
        <f t="shared" si="102"/>
        <v>45321.791666664933</v>
      </c>
    </row>
    <row r="750" spans="2:14" x14ac:dyDescent="0.3">
      <c r="B750">
        <f t="shared" si="96"/>
        <v>2</v>
      </c>
      <c r="C750" s="16">
        <v>716</v>
      </c>
      <c r="D750" cm="1">
        <f t="array" ref="D750">IFERROR(INDEX(Jesper!AH$2:AH$366,ROUNDDOWN($C750/24,0)+1,1)*INDEX($D$3:$AA$30,INDEX(Jesper!$R$2:$R$366,ROW(INDEX(Jesper!AH$2:AH$366,ROUNDDOWN($C750/24,0)+1,1))-1)+IF('Standard Profiles'!$G$18=$B$10,7,0)+IF('Standard Profiles'!$G$18=$B$17,14,0)+IF('Standard Profiles'!$G$18=$B$24,21,0),MOD($C750,24)+1)/SUM(INDEX($D$3:$AA$30,INDEX(Jesper!$R$2:$R$366,ROW(INDEX(Jesper!AH$2:AH$366,ROUNDDOWN($C750/24,0)+1,1))-1)+IF('Standard Profiles'!$G$18=$B$10,7,0)+IF('Standard Profiles'!$G$18=$B$17,14,0)+IF('Standard Profiles'!$G$18=$B$24,21,0),0)),0)</f>
        <v>10.416262454442904</v>
      </c>
      <c r="E750" cm="1">
        <f t="array" ref="E750">IFERROR(INDEX(Jesper!AI$2:AI$366,ROUNDDOWN($C750/24,0)+1,1)*INDEX($D$3:$AA$30,INDEX(Jesper!$R$2:$R$366,ROW(INDEX(Jesper!AI$2:AI$366,ROUNDDOWN($C750/24,0)+1,1))-1)+IF('Standard Profiles'!$G$19=$B$10,7,0)+IF('Standard Profiles'!$G$19=$B$17,14,0)+IF('Standard Profiles'!$G$19=$B$24,21,0),MOD($C750,24)+1)/SUM(INDEX($D$3:$AA$30,INDEX(Jesper!$R$2:$R$366,ROW(INDEX(Jesper!AI$2:AI$366,ROUNDDOWN($C750/24,0)+1,1))-1)+IF('Standard Profiles'!$G$19=$B$10,7,0)+IF('Standard Profiles'!$G$19=$B$17,14,0)+IF('Standard Profiles'!$G$19=$B$24,21,0),0)),0)</f>
        <v>0</v>
      </c>
      <c r="F750" cm="1">
        <f t="array" ref="F750">IFERROR(INDEX(Jesper!AJ$2:AJ$366,ROUNDDOWN($C750/24,0)+1,1)*INDEX($D$3:$AA$30,INDEX(Jesper!$R$2:$R$366,ROW(INDEX(Jesper!AJ$2:AJ$366,ROUNDDOWN($C750/24,0)+1,1))-1)+IF('Standard Profiles'!$G$20=$B$10,7,0)+IF('Standard Profiles'!$G$20=$B$17,14,0)+IF('Standard Profiles'!$G$20=$B$24,21,0),MOD($C750,24)+1)/SUM(INDEX($D$3:$AA$30,INDEX(Jesper!$R$2:$R$366,ROW(INDEX(Jesper!AJ$2:AJ$366,ROUNDDOWN($C750/24,0)+1,1))-1)+IF('Standard Profiles'!$G$20=$B$10,7,0)+IF('Standard Profiles'!$G$20=$B$17,14,0)+IF('Standard Profiles'!$G$20=$B$24,21,0),0)),0)</f>
        <v>0</v>
      </c>
      <c r="G750" cm="1">
        <f t="array" ref="G750">IFERROR(INDEX(Jesper!AK$2:AK$366,ROUNDDOWN($C750/24,0)+1,1)*INDEX($D$3:$AA$30,INDEX(Jesper!$R$2:$R$366,ROW(INDEX(Jesper!AK$2:AK$366,ROUNDDOWN($C750/24,0)+1,1))-1)+IF('Standard Profiles'!$G$21=$B$10,7,0)+IF('Standard Profiles'!$G$21=$B$17,14,0)+IF('Standard Profiles'!$G$21=$B$24,21,0),MOD($C750,24)+1)/SUM(INDEX($D$3:$AA$30,INDEX(Jesper!$R$2:$R$366,ROW(INDEX(Jesper!AK$2:AK$366,ROUNDDOWN($C750/24,0)+1,1))-1)+IF('Standard Profiles'!$G$21=$B$10,7,0)+IF('Standard Profiles'!$G$21=$B$17,14,0)+IF('Standard Profiles'!$G$21=$B$24,21,0),0)),0)</f>
        <v>0</v>
      </c>
      <c r="H750" cm="1">
        <f t="array" ref="H750">IFERROR(INDEX(Jesper!AL$2:AL$366,ROUNDDOWN($C750/24,0)+1,1)*INDEX($D$3:$AA$30,INDEX(Jesper!$R$2:$R$366,ROW(INDEX(Jesper!AL$2:AL$366,ROUNDDOWN($C750/24,0)+1,1))-1)+IF('Standard Profiles'!$G$22=$B$10,7,0)+IF('Standard Profiles'!$G$22=$B$17,14,0)+IF('Standard Profiles'!$G$22=$B$24,21,0),MOD($C750,24)+1)/SUM(INDEX($D$3:$AA$30,INDEX(Jesper!$R$2:$R$366,ROW(INDEX(Jesper!AL$2:AL$366,ROUNDDOWN($C750/24,0)+1,1))-1)+IF('Standard Profiles'!$G$22=$B$10,7,0)+IF('Standard Profiles'!$G$22=$B$17,14,0)+IF('Standard Profiles'!$G$22=$B$24,21,0),0)),0)</f>
        <v>0</v>
      </c>
      <c r="I750">
        <f t="shared" si="97"/>
        <v>0.31248787363328712</v>
      </c>
      <c r="J750">
        <f t="shared" si="98"/>
        <v>1.0416262454442904</v>
      </c>
      <c r="K750">
        <f t="shared" si="99"/>
        <v>1.5624393681664357</v>
      </c>
      <c r="L750">
        <f t="shared" si="100"/>
        <v>7.4997089671988908</v>
      </c>
      <c r="M750">
        <f t="shared" si="101"/>
        <v>0</v>
      </c>
      <c r="N750" s="46">
        <f t="shared" si="102"/>
        <v>45321.833333331597</v>
      </c>
    </row>
    <row r="751" spans="2:14" x14ac:dyDescent="0.3">
      <c r="B751">
        <f t="shared" si="96"/>
        <v>2</v>
      </c>
      <c r="C751" s="16">
        <v>717</v>
      </c>
      <c r="D751" cm="1">
        <f t="array" ref="D751">IFERROR(INDEX(Jesper!AH$2:AH$366,ROUNDDOWN($C751/24,0)+1,1)*INDEX($D$3:$AA$30,INDEX(Jesper!$R$2:$R$366,ROW(INDEX(Jesper!AH$2:AH$366,ROUNDDOWN($C751/24,0)+1,1))-1)+IF('Standard Profiles'!$G$18=$B$10,7,0)+IF('Standard Profiles'!$G$18=$B$17,14,0)+IF('Standard Profiles'!$G$18=$B$24,21,0),MOD($C751,24)+1)/SUM(INDEX($D$3:$AA$30,INDEX(Jesper!$R$2:$R$366,ROW(INDEX(Jesper!AH$2:AH$366,ROUNDDOWN($C751/24,0)+1,1))-1)+IF('Standard Profiles'!$G$18=$B$10,7,0)+IF('Standard Profiles'!$G$18=$B$17,14,0)+IF('Standard Profiles'!$G$18=$B$24,21,0),0)),0)</f>
        <v>7.5754636032312028</v>
      </c>
      <c r="E751" cm="1">
        <f t="array" ref="E751">IFERROR(INDEX(Jesper!AI$2:AI$366,ROUNDDOWN($C751/24,0)+1,1)*INDEX($D$3:$AA$30,INDEX(Jesper!$R$2:$R$366,ROW(INDEX(Jesper!AI$2:AI$366,ROUNDDOWN($C751/24,0)+1,1))-1)+IF('Standard Profiles'!$G$19=$B$10,7,0)+IF('Standard Profiles'!$G$19=$B$17,14,0)+IF('Standard Profiles'!$G$19=$B$24,21,0),MOD($C751,24)+1)/SUM(INDEX($D$3:$AA$30,INDEX(Jesper!$R$2:$R$366,ROW(INDEX(Jesper!AI$2:AI$366,ROUNDDOWN($C751/24,0)+1,1))-1)+IF('Standard Profiles'!$G$19=$B$10,7,0)+IF('Standard Profiles'!$G$19=$B$17,14,0)+IF('Standard Profiles'!$G$19=$B$24,21,0),0)),0)</f>
        <v>0</v>
      </c>
      <c r="F751" cm="1">
        <f t="array" ref="F751">IFERROR(INDEX(Jesper!AJ$2:AJ$366,ROUNDDOWN($C751/24,0)+1,1)*INDEX($D$3:$AA$30,INDEX(Jesper!$R$2:$R$366,ROW(INDEX(Jesper!AJ$2:AJ$366,ROUNDDOWN($C751/24,0)+1,1))-1)+IF('Standard Profiles'!$G$20=$B$10,7,0)+IF('Standard Profiles'!$G$20=$B$17,14,0)+IF('Standard Profiles'!$G$20=$B$24,21,0),MOD($C751,24)+1)/SUM(INDEX($D$3:$AA$30,INDEX(Jesper!$R$2:$R$366,ROW(INDEX(Jesper!AJ$2:AJ$366,ROUNDDOWN($C751/24,0)+1,1))-1)+IF('Standard Profiles'!$G$20=$B$10,7,0)+IF('Standard Profiles'!$G$20=$B$17,14,0)+IF('Standard Profiles'!$G$20=$B$24,21,0),0)),0)</f>
        <v>0</v>
      </c>
      <c r="G751" cm="1">
        <f t="array" ref="G751">IFERROR(INDEX(Jesper!AK$2:AK$366,ROUNDDOWN($C751/24,0)+1,1)*INDEX($D$3:$AA$30,INDEX(Jesper!$R$2:$R$366,ROW(INDEX(Jesper!AK$2:AK$366,ROUNDDOWN($C751/24,0)+1,1))-1)+IF('Standard Profiles'!$G$21=$B$10,7,0)+IF('Standard Profiles'!$G$21=$B$17,14,0)+IF('Standard Profiles'!$G$21=$B$24,21,0),MOD($C751,24)+1)/SUM(INDEX($D$3:$AA$30,INDEX(Jesper!$R$2:$R$366,ROW(INDEX(Jesper!AK$2:AK$366,ROUNDDOWN($C751/24,0)+1,1))-1)+IF('Standard Profiles'!$G$21=$B$10,7,0)+IF('Standard Profiles'!$G$21=$B$17,14,0)+IF('Standard Profiles'!$G$21=$B$24,21,0),0)),0)</f>
        <v>0</v>
      </c>
      <c r="H751" cm="1">
        <f t="array" ref="H751">IFERROR(INDEX(Jesper!AL$2:AL$366,ROUNDDOWN($C751/24,0)+1,1)*INDEX($D$3:$AA$30,INDEX(Jesper!$R$2:$R$366,ROW(INDEX(Jesper!AL$2:AL$366,ROUNDDOWN($C751/24,0)+1,1))-1)+IF('Standard Profiles'!$G$22=$B$10,7,0)+IF('Standard Profiles'!$G$22=$B$17,14,0)+IF('Standard Profiles'!$G$22=$B$24,21,0),MOD($C751,24)+1)/SUM(INDEX($D$3:$AA$30,INDEX(Jesper!$R$2:$R$366,ROW(INDEX(Jesper!AL$2:AL$366,ROUNDDOWN($C751/24,0)+1,1))-1)+IF('Standard Profiles'!$G$22=$B$10,7,0)+IF('Standard Profiles'!$G$22=$B$17,14,0)+IF('Standard Profiles'!$G$22=$B$24,21,0),0)),0)</f>
        <v>0</v>
      </c>
      <c r="I751">
        <f t="shared" si="97"/>
        <v>0.22726390809693608</v>
      </c>
      <c r="J751">
        <f t="shared" si="98"/>
        <v>0.75754636032312028</v>
      </c>
      <c r="K751">
        <f t="shared" si="99"/>
        <v>1.1363195404846804</v>
      </c>
      <c r="L751">
        <f t="shared" si="100"/>
        <v>5.454333794326466</v>
      </c>
      <c r="M751">
        <f t="shared" si="101"/>
        <v>0</v>
      </c>
      <c r="N751" s="46">
        <f t="shared" si="102"/>
        <v>45321.874999998261</v>
      </c>
    </row>
    <row r="752" spans="2:14" x14ac:dyDescent="0.3">
      <c r="B752">
        <f t="shared" si="96"/>
        <v>2</v>
      </c>
      <c r="C752" s="16">
        <v>718</v>
      </c>
      <c r="D752" cm="1">
        <f t="array" ref="D752">IFERROR(INDEX(Jesper!AH$2:AH$366,ROUNDDOWN($C752/24,0)+1,1)*INDEX($D$3:$AA$30,INDEX(Jesper!$R$2:$R$366,ROW(INDEX(Jesper!AH$2:AH$366,ROUNDDOWN($C752/24,0)+1,1))-1)+IF('Standard Profiles'!$G$18=$B$10,7,0)+IF('Standard Profiles'!$G$18=$B$17,14,0)+IF('Standard Profiles'!$G$18=$B$24,21,0),MOD($C752,24)+1)/SUM(INDEX($D$3:$AA$30,INDEX(Jesper!$R$2:$R$366,ROW(INDEX(Jesper!AH$2:AH$366,ROUNDDOWN($C752/24,0)+1,1))-1)+IF('Standard Profiles'!$G$18=$B$10,7,0)+IF('Standard Profiles'!$G$18=$B$17,14,0)+IF('Standard Profiles'!$G$18=$B$24,21,0),0)),0)</f>
        <v>7.5754636032312028</v>
      </c>
      <c r="E752" cm="1">
        <f t="array" ref="E752">IFERROR(INDEX(Jesper!AI$2:AI$366,ROUNDDOWN($C752/24,0)+1,1)*INDEX($D$3:$AA$30,INDEX(Jesper!$R$2:$R$366,ROW(INDEX(Jesper!AI$2:AI$366,ROUNDDOWN($C752/24,0)+1,1))-1)+IF('Standard Profiles'!$G$19=$B$10,7,0)+IF('Standard Profiles'!$G$19=$B$17,14,0)+IF('Standard Profiles'!$G$19=$B$24,21,0),MOD($C752,24)+1)/SUM(INDEX($D$3:$AA$30,INDEX(Jesper!$R$2:$R$366,ROW(INDEX(Jesper!AI$2:AI$366,ROUNDDOWN($C752/24,0)+1,1))-1)+IF('Standard Profiles'!$G$19=$B$10,7,0)+IF('Standard Profiles'!$G$19=$B$17,14,0)+IF('Standard Profiles'!$G$19=$B$24,21,0),0)),0)</f>
        <v>0</v>
      </c>
      <c r="F752" cm="1">
        <f t="array" ref="F752">IFERROR(INDEX(Jesper!AJ$2:AJ$366,ROUNDDOWN($C752/24,0)+1,1)*INDEX($D$3:$AA$30,INDEX(Jesper!$R$2:$R$366,ROW(INDEX(Jesper!AJ$2:AJ$366,ROUNDDOWN($C752/24,0)+1,1))-1)+IF('Standard Profiles'!$G$20=$B$10,7,0)+IF('Standard Profiles'!$G$20=$B$17,14,0)+IF('Standard Profiles'!$G$20=$B$24,21,0),MOD($C752,24)+1)/SUM(INDEX($D$3:$AA$30,INDEX(Jesper!$R$2:$R$366,ROW(INDEX(Jesper!AJ$2:AJ$366,ROUNDDOWN($C752/24,0)+1,1))-1)+IF('Standard Profiles'!$G$20=$B$10,7,0)+IF('Standard Profiles'!$G$20=$B$17,14,0)+IF('Standard Profiles'!$G$20=$B$24,21,0),0)),0)</f>
        <v>0</v>
      </c>
      <c r="G752" cm="1">
        <f t="array" ref="G752">IFERROR(INDEX(Jesper!AK$2:AK$366,ROUNDDOWN($C752/24,0)+1,1)*INDEX($D$3:$AA$30,INDEX(Jesper!$R$2:$R$366,ROW(INDEX(Jesper!AK$2:AK$366,ROUNDDOWN($C752/24,0)+1,1))-1)+IF('Standard Profiles'!$G$21=$B$10,7,0)+IF('Standard Profiles'!$G$21=$B$17,14,0)+IF('Standard Profiles'!$G$21=$B$24,21,0),MOD($C752,24)+1)/SUM(INDEX($D$3:$AA$30,INDEX(Jesper!$R$2:$R$366,ROW(INDEX(Jesper!AK$2:AK$366,ROUNDDOWN($C752/24,0)+1,1))-1)+IF('Standard Profiles'!$G$21=$B$10,7,0)+IF('Standard Profiles'!$G$21=$B$17,14,0)+IF('Standard Profiles'!$G$21=$B$24,21,0),0)),0)</f>
        <v>0</v>
      </c>
      <c r="H752" cm="1">
        <f t="array" ref="H752">IFERROR(INDEX(Jesper!AL$2:AL$366,ROUNDDOWN($C752/24,0)+1,1)*INDEX($D$3:$AA$30,INDEX(Jesper!$R$2:$R$366,ROW(INDEX(Jesper!AL$2:AL$366,ROUNDDOWN($C752/24,0)+1,1))-1)+IF('Standard Profiles'!$G$22=$B$10,7,0)+IF('Standard Profiles'!$G$22=$B$17,14,0)+IF('Standard Profiles'!$G$22=$B$24,21,0),MOD($C752,24)+1)/SUM(INDEX($D$3:$AA$30,INDEX(Jesper!$R$2:$R$366,ROW(INDEX(Jesper!AL$2:AL$366,ROUNDDOWN($C752/24,0)+1,1))-1)+IF('Standard Profiles'!$G$22=$B$10,7,0)+IF('Standard Profiles'!$G$22=$B$17,14,0)+IF('Standard Profiles'!$G$22=$B$24,21,0),0)),0)</f>
        <v>0</v>
      </c>
      <c r="I752">
        <f t="shared" si="97"/>
        <v>0.22726390809693608</v>
      </c>
      <c r="J752">
        <f t="shared" si="98"/>
        <v>0.75754636032312028</v>
      </c>
      <c r="K752">
        <f t="shared" si="99"/>
        <v>1.1363195404846804</v>
      </c>
      <c r="L752">
        <f t="shared" si="100"/>
        <v>5.454333794326466</v>
      </c>
      <c r="M752">
        <f t="shared" si="101"/>
        <v>0</v>
      </c>
      <c r="N752" s="46">
        <f t="shared" si="102"/>
        <v>45321.916666664925</v>
      </c>
    </row>
    <row r="753" spans="2:14" x14ac:dyDescent="0.3">
      <c r="B753">
        <f t="shared" si="96"/>
        <v>2</v>
      </c>
      <c r="C753" s="16">
        <v>719</v>
      </c>
      <c r="D753" cm="1">
        <f t="array" ref="D753">IFERROR(INDEX(Jesper!AH$2:AH$366,ROUNDDOWN($C753/24,0)+1,1)*INDEX($D$3:$AA$30,INDEX(Jesper!$R$2:$R$366,ROW(INDEX(Jesper!AH$2:AH$366,ROUNDDOWN($C753/24,0)+1,1))-1)+IF('Standard Profiles'!$G$18=$B$10,7,0)+IF('Standard Profiles'!$G$18=$B$17,14,0)+IF('Standard Profiles'!$G$18=$B$24,21,0),MOD($C753,24)+1)/SUM(INDEX($D$3:$AA$30,INDEX(Jesper!$R$2:$R$366,ROW(INDEX(Jesper!AH$2:AH$366,ROUNDDOWN($C753/24,0)+1,1))-1)+IF('Standard Profiles'!$G$18=$B$10,7,0)+IF('Standard Profiles'!$G$18=$B$17,14,0)+IF('Standard Profiles'!$G$18=$B$24,21,0),0)),0)</f>
        <v>7.5754636032312028</v>
      </c>
      <c r="E753" cm="1">
        <f t="array" ref="E753">IFERROR(INDEX(Jesper!AI$2:AI$366,ROUNDDOWN($C753/24,0)+1,1)*INDEX($D$3:$AA$30,INDEX(Jesper!$R$2:$R$366,ROW(INDEX(Jesper!AI$2:AI$366,ROUNDDOWN($C753/24,0)+1,1))-1)+IF('Standard Profiles'!$G$19=$B$10,7,0)+IF('Standard Profiles'!$G$19=$B$17,14,0)+IF('Standard Profiles'!$G$19=$B$24,21,0),MOD($C753,24)+1)/SUM(INDEX($D$3:$AA$30,INDEX(Jesper!$R$2:$R$366,ROW(INDEX(Jesper!AI$2:AI$366,ROUNDDOWN($C753/24,0)+1,1))-1)+IF('Standard Profiles'!$G$19=$B$10,7,0)+IF('Standard Profiles'!$G$19=$B$17,14,0)+IF('Standard Profiles'!$G$19=$B$24,21,0),0)),0)</f>
        <v>0</v>
      </c>
      <c r="F753" cm="1">
        <f t="array" ref="F753">IFERROR(INDEX(Jesper!AJ$2:AJ$366,ROUNDDOWN($C753/24,0)+1,1)*INDEX($D$3:$AA$30,INDEX(Jesper!$R$2:$R$366,ROW(INDEX(Jesper!AJ$2:AJ$366,ROUNDDOWN($C753/24,0)+1,1))-1)+IF('Standard Profiles'!$G$20=$B$10,7,0)+IF('Standard Profiles'!$G$20=$B$17,14,0)+IF('Standard Profiles'!$G$20=$B$24,21,0),MOD($C753,24)+1)/SUM(INDEX($D$3:$AA$30,INDEX(Jesper!$R$2:$R$366,ROW(INDEX(Jesper!AJ$2:AJ$366,ROUNDDOWN($C753/24,0)+1,1))-1)+IF('Standard Profiles'!$G$20=$B$10,7,0)+IF('Standard Profiles'!$G$20=$B$17,14,0)+IF('Standard Profiles'!$G$20=$B$24,21,0),0)),0)</f>
        <v>0</v>
      </c>
      <c r="G753" cm="1">
        <f t="array" ref="G753">IFERROR(INDEX(Jesper!AK$2:AK$366,ROUNDDOWN($C753/24,0)+1,1)*INDEX($D$3:$AA$30,INDEX(Jesper!$R$2:$R$366,ROW(INDEX(Jesper!AK$2:AK$366,ROUNDDOWN($C753/24,0)+1,1))-1)+IF('Standard Profiles'!$G$21=$B$10,7,0)+IF('Standard Profiles'!$G$21=$B$17,14,0)+IF('Standard Profiles'!$G$21=$B$24,21,0),MOD($C753,24)+1)/SUM(INDEX($D$3:$AA$30,INDEX(Jesper!$R$2:$R$366,ROW(INDEX(Jesper!AK$2:AK$366,ROUNDDOWN($C753/24,0)+1,1))-1)+IF('Standard Profiles'!$G$21=$B$10,7,0)+IF('Standard Profiles'!$G$21=$B$17,14,0)+IF('Standard Profiles'!$G$21=$B$24,21,0),0)),0)</f>
        <v>0</v>
      </c>
      <c r="H753" cm="1">
        <f t="array" ref="H753">IFERROR(INDEX(Jesper!AL$2:AL$366,ROUNDDOWN($C753/24,0)+1,1)*INDEX($D$3:$AA$30,INDEX(Jesper!$R$2:$R$366,ROW(INDEX(Jesper!AL$2:AL$366,ROUNDDOWN($C753/24,0)+1,1))-1)+IF('Standard Profiles'!$G$22=$B$10,7,0)+IF('Standard Profiles'!$G$22=$B$17,14,0)+IF('Standard Profiles'!$G$22=$B$24,21,0),MOD($C753,24)+1)/SUM(INDEX($D$3:$AA$30,INDEX(Jesper!$R$2:$R$366,ROW(INDEX(Jesper!AL$2:AL$366,ROUNDDOWN($C753/24,0)+1,1))-1)+IF('Standard Profiles'!$G$22=$B$10,7,0)+IF('Standard Profiles'!$G$22=$B$17,14,0)+IF('Standard Profiles'!$G$22=$B$24,21,0),0)),0)</f>
        <v>0</v>
      </c>
      <c r="I753">
        <f t="shared" si="97"/>
        <v>0.22726390809693608</v>
      </c>
      <c r="J753">
        <f t="shared" si="98"/>
        <v>0.75754636032312028</v>
      </c>
      <c r="K753">
        <f t="shared" si="99"/>
        <v>1.1363195404846804</v>
      </c>
      <c r="L753">
        <f t="shared" si="100"/>
        <v>5.454333794326466</v>
      </c>
      <c r="M753">
        <f t="shared" si="101"/>
        <v>0</v>
      </c>
      <c r="N753" s="46">
        <f t="shared" si="102"/>
        <v>45321.95833333159</v>
      </c>
    </row>
    <row r="754" spans="2:14" x14ac:dyDescent="0.3">
      <c r="B754">
        <f t="shared" si="96"/>
        <v>3</v>
      </c>
      <c r="C754" s="16">
        <v>720</v>
      </c>
      <c r="D754" cm="1">
        <f t="array" ref="D754">IFERROR(INDEX(Jesper!AH$2:AH$366,ROUNDDOWN($C754/24,0)+1,1)*INDEX($D$3:$AA$30,INDEX(Jesper!$R$2:$R$366,ROW(INDEX(Jesper!AH$2:AH$366,ROUNDDOWN($C754/24,0)+1,1))-1)+IF('Standard Profiles'!$G$18=$B$10,7,0)+IF('Standard Profiles'!$G$18=$B$17,14,0)+IF('Standard Profiles'!$G$18=$B$24,21,0),MOD($C754,24)+1)/SUM(INDEX($D$3:$AA$30,INDEX(Jesper!$R$2:$R$366,ROW(INDEX(Jesper!AH$2:AH$366,ROUNDDOWN($C754/24,0)+1,1))-1)+IF('Standard Profiles'!$G$18=$B$10,7,0)+IF('Standard Profiles'!$G$18=$B$17,14,0)+IF('Standard Profiles'!$G$18=$B$24,21,0),0)),0)</f>
        <v>7.1114995412224111</v>
      </c>
      <c r="E754" cm="1">
        <f t="array" ref="E754">IFERROR(INDEX(Jesper!AI$2:AI$366,ROUNDDOWN($C754/24,0)+1,1)*INDEX($D$3:$AA$30,INDEX(Jesper!$R$2:$R$366,ROW(INDEX(Jesper!AI$2:AI$366,ROUNDDOWN($C754/24,0)+1,1))-1)+IF('Standard Profiles'!$G$19=$B$10,7,0)+IF('Standard Profiles'!$G$19=$B$17,14,0)+IF('Standard Profiles'!$G$19=$B$24,21,0),MOD($C754,24)+1)/SUM(INDEX($D$3:$AA$30,INDEX(Jesper!$R$2:$R$366,ROW(INDEX(Jesper!AI$2:AI$366,ROUNDDOWN($C754/24,0)+1,1))-1)+IF('Standard Profiles'!$G$19=$B$10,7,0)+IF('Standard Profiles'!$G$19=$B$17,14,0)+IF('Standard Profiles'!$G$19=$B$24,21,0),0)),0)</f>
        <v>0</v>
      </c>
      <c r="F754" cm="1">
        <f t="array" ref="F754">IFERROR(INDEX(Jesper!AJ$2:AJ$366,ROUNDDOWN($C754/24,0)+1,1)*INDEX($D$3:$AA$30,INDEX(Jesper!$R$2:$R$366,ROW(INDEX(Jesper!AJ$2:AJ$366,ROUNDDOWN($C754/24,0)+1,1))-1)+IF('Standard Profiles'!$G$20=$B$10,7,0)+IF('Standard Profiles'!$G$20=$B$17,14,0)+IF('Standard Profiles'!$G$20=$B$24,21,0),MOD($C754,24)+1)/SUM(INDEX($D$3:$AA$30,INDEX(Jesper!$R$2:$R$366,ROW(INDEX(Jesper!AJ$2:AJ$366,ROUNDDOWN($C754/24,0)+1,1))-1)+IF('Standard Profiles'!$G$20=$B$10,7,0)+IF('Standard Profiles'!$G$20=$B$17,14,0)+IF('Standard Profiles'!$G$20=$B$24,21,0),0)),0)</f>
        <v>0</v>
      </c>
      <c r="G754" cm="1">
        <f t="array" ref="G754">IFERROR(INDEX(Jesper!AK$2:AK$366,ROUNDDOWN($C754/24,0)+1,1)*INDEX($D$3:$AA$30,INDEX(Jesper!$R$2:$R$366,ROW(INDEX(Jesper!AK$2:AK$366,ROUNDDOWN($C754/24,0)+1,1))-1)+IF('Standard Profiles'!$G$21=$B$10,7,0)+IF('Standard Profiles'!$G$21=$B$17,14,0)+IF('Standard Profiles'!$G$21=$B$24,21,0),MOD($C754,24)+1)/SUM(INDEX($D$3:$AA$30,INDEX(Jesper!$R$2:$R$366,ROW(INDEX(Jesper!AK$2:AK$366,ROUNDDOWN($C754/24,0)+1,1))-1)+IF('Standard Profiles'!$G$21=$B$10,7,0)+IF('Standard Profiles'!$G$21=$B$17,14,0)+IF('Standard Profiles'!$G$21=$B$24,21,0),0)),0)</f>
        <v>0</v>
      </c>
      <c r="H754" cm="1">
        <f t="array" ref="H754">IFERROR(INDEX(Jesper!AL$2:AL$366,ROUNDDOWN($C754/24,0)+1,1)*INDEX($D$3:$AA$30,INDEX(Jesper!$R$2:$R$366,ROW(INDEX(Jesper!AL$2:AL$366,ROUNDDOWN($C754/24,0)+1,1))-1)+IF('Standard Profiles'!$G$22=$B$10,7,0)+IF('Standard Profiles'!$G$22=$B$17,14,0)+IF('Standard Profiles'!$G$22=$B$24,21,0),MOD($C754,24)+1)/SUM(INDEX($D$3:$AA$30,INDEX(Jesper!$R$2:$R$366,ROW(INDEX(Jesper!AL$2:AL$366,ROUNDDOWN($C754/24,0)+1,1))-1)+IF('Standard Profiles'!$G$22=$B$10,7,0)+IF('Standard Profiles'!$G$22=$B$17,14,0)+IF('Standard Profiles'!$G$22=$B$24,21,0),0)),0)</f>
        <v>0</v>
      </c>
      <c r="I754">
        <f t="shared" si="97"/>
        <v>0.21334498623667233</v>
      </c>
      <c r="J754">
        <f t="shared" si="98"/>
        <v>0.71114995412224113</v>
      </c>
      <c r="K754">
        <f t="shared" si="99"/>
        <v>1.0667249311833615</v>
      </c>
      <c r="L754">
        <f t="shared" si="100"/>
        <v>5.1202796696801363</v>
      </c>
      <c r="M754">
        <f t="shared" si="101"/>
        <v>0</v>
      </c>
      <c r="N754" s="46">
        <f t="shared" si="102"/>
        <v>45321.999999998254</v>
      </c>
    </row>
    <row r="755" spans="2:14" x14ac:dyDescent="0.3">
      <c r="B755">
        <f t="shared" si="96"/>
        <v>3</v>
      </c>
      <c r="C755" s="16">
        <v>721</v>
      </c>
      <c r="D755" cm="1">
        <f t="array" ref="D755">IFERROR(INDEX(Jesper!AH$2:AH$366,ROUNDDOWN($C755/24,0)+1,1)*INDEX($D$3:$AA$30,INDEX(Jesper!$R$2:$R$366,ROW(INDEX(Jesper!AH$2:AH$366,ROUNDDOWN($C755/24,0)+1,1))-1)+IF('Standard Profiles'!$G$18=$B$10,7,0)+IF('Standard Profiles'!$G$18=$B$17,14,0)+IF('Standard Profiles'!$G$18=$B$24,21,0),MOD($C755,24)+1)/SUM(INDEX($D$3:$AA$30,INDEX(Jesper!$R$2:$R$366,ROW(INDEX(Jesper!AH$2:AH$366,ROUNDDOWN($C755/24,0)+1,1))-1)+IF('Standard Profiles'!$G$18=$B$10,7,0)+IF('Standard Profiles'!$G$18=$B$17,14,0)+IF('Standard Profiles'!$G$18=$B$24,21,0),0)),0)</f>
        <v>8.000436983875213</v>
      </c>
      <c r="E755" cm="1">
        <f t="array" ref="E755">IFERROR(INDEX(Jesper!AI$2:AI$366,ROUNDDOWN($C755/24,0)+1,1)*INDEX($D$3:$AA$30,INDEX(Jesper!$R$2:$R$366,ROW(INDEX(Jesper!AI$2:AI$366,ROUNDDOWN($C755/24,0)+1,1))-1)+IF('Standard Profiles'!$G$19=$B$10,7,0)+IF('Standard Profiles'!$G$19=$B$17,14,0)+IF('Standard Profiles'!$G$19=$B$24,21,0),MOD($C755,24)+1)/SUM(INDEX($D$3:$AA$30,INDEX(Jesper!$R$2:$R$366,ROW(INDEX(Jesper!AI$2:AI$366,ROUNDDOWN($C755/24,0)+1,1))-1)+IF('Standard Profiles'!$G$19=$B$10,7,0)+IF('Standard Profiles'!$G$19=$B$17,14,0)+IF('Standard Profiles'!$G$19=$B$24,21,0),0)),0)</f>
        <v>0</v>
      </c>
      <c r="F755" cm="1">
        <f t="array" ref="F755">IFERROR(INDEX(Jesper!AJ$2:AJ$366,ROUNDDOWN($C755/24,0)+1,1)*INDEX($D$3:$AA$30,INDEX(Jesper!$R$2:$R$366,ROW(INDEX(Jesper!AJ$2:AJ$366,ROUNDDOWN($C755/24,0)+1,1))-1)+IF('Standard Profiles'!$G$20=$B$10,7,0)+IF('Standard Profiles'!$G$20=$B$17,14,0)+IF('Standard Profiles'!$G$20=$B$24,21,0),MOD($C755,24)+1)/SUM(INDEX($D$3:$AA$30,INDEX(Jesper!$R$2:$R$366,ROW(INDEX(Jesper!AJ$2:AJ$366,ROUNDDOWN($C755/24,0)+1,1))-1)+IF('Standard Profiles'!$G$20=$B$10,7,0)+IF('Standard Profiles'!$G$20=$B$17,14,0)+IF('Standard Profiles'!$G$20=$B$24,21,0),0)),0)</f>
        <v>0</v>
      </c>
      <c r="G755" cm="1">
        <f t="array" ref="G755">IFERROR(INDEX(Jesper!AK$2:AK$366,ROUNDDOWN($C755/24,0)+1,1)*INDEX($D$3:$AA$30,INDEX(Jesper!$R$2:$R$366,ROW(INDEX(Jesper!AK$2:AK$366,ROUNDDOWN($C755/24,0)+1,1))-1)+IF('Standard Profiles'!$G$21=$B$10,7,0)+IF('Standard Profiles'!$G$21=$B$17,14,0)+IF('Standard Profiles'!$G$21=$B$24,21,0),MOD($C755,24)+1)/SUM(INDEX($D$3:$AA$30,INDEX(Jesper!$R$2:$R$366,ROW(INDEX(Jesper!AK$2:AK$366,ROUNDDOWN($C755/24,0)+1,1))-1)+IF('Standard Profiles'!$G$21=$B$10,7,0)+IF('Standard Profiles'!$G$21=$B$17,14,0)+IF('Standard Profiles'!$G$21=$B$24,21,0),0)),0)</f>
        <v>0</v>
      </c>
      <c r="H755" cm="1">
        <f t="array" ref="H755">IFERROR(INDEX(Jesper!AL$2:AL$366,ROUNDDOWN($C755/24,0)+1,1)*INDEX($D$3:$AA$30,INDEX(Jesper!$R$2:$R$366,ROW(INDEX(Jesper!AL$2:AL$366,ROUNDDOWN($C755/24,0)+1,1))-1)+IF('Standard Profiles'!$G$22=$B$10,7,0)+IF('Standard Profiles'!$G$22=$B$17,14,0)+IF('Standard Profiles'!$G$22=$B$24,21,0),MOD($C755,24)+1)/SUM(INDEX($D$3:$AA$30,INDEX(Jesper!$R$2:$R$366,ROW(INDEX(Jesper!AL$2:AL$366,ROUNDDOWN($C755/24,0)+1,1))-1)+IF('Standard Profiles'!$G$22=$B$10,7,0)+IF('Standard Profiles'!$G$22=$B$17,14,0)+IF('Standard Profiles'!$G$22=$B$24,21,0),0)),0)</f>
        <v>0</v>
      </c>
      <c r="I755">
        <f t="shared" si="97"/>
        <v>0.24001310951625637</v>
      </c>
      <c r="J755">
        <f t="shared" si="98"/>
        <v>0.80004369838752132</v>
      </c>
      <c r="K755">
        <f t="shared" si="99"/>
        <v>1.2000655475812818</v>
      </c>
      <c r="L755">
        <f t="shared" si="100"/>
        <v>5.7603146283901534</v>
      </c>
      <c r="M755">
        <f t="shared" si="101"/>
        <v>0</v>
      </c>
      <c r="N755" s="46">
        <f t="shared" si="102"/>
        <v>45322.041666664918</v>
      </c>
    </row>
    <row r="756" spans="2:14" x14ac:dyDescent="0.3">
      <c r="B756">
        <f t="shared" si="96"/>
        <v>3</v>
      </c>
      <c r="C756" s="16">
        <v>722</v>
      </c>
      <c r="D756" cm="1">
        <f t="array" ref="D756">IFERROR(INDEX(Jesper!AH$2:AH$366,ROUNDDOWN($C756/24,0)+1,1)*INDEX($D$3:$AA$30,INDEX(Jesper!$R$2:$R$366,ROW(INDEX(Jesper!AH$2:AH$366,ROUNDDOWN($C756/24,0)+1,1))-1)+IF('Standard Profiles'!$G$18=$B$10,7,0)+IF('Standard Profiles'!$G$18=$B$17,14,0)+IF('Standard Profiles'!$G$18=$B$24,21,0),MOD($C756,24)+1)/SUM(INDEX($D$3:$AA$30,INDEX(Jesper!$R$2:$R$366,ROW(INDEX(Jesper!AH$2:AH$366,ROUNDDOWN($C756/24,0)+1,1))-1)+IF('Standard Profiles'!$G$18=$B$10,7,0)+IF('Standard Profiles'!$G$18=$B$17,14,0)+IF('Standard Profiles'!$G$18=$B$24,21,0),0)),0)</f>
        <v>8.000436983875213</v>
      </c>
      <c r="E756" cm="1">
        <f t="array" ref="E756">IFERROR(INDEX(Jesper!AI$2:AI$366,ROUNDDOWN($C756/24,0)+1,1)*INDEX($D$3:$AA$30,INDEX(Jesper!$R$2:$R$366,ROW(INDEX(Jesper!AI$2:AI$366,ROUNDDOWN($C756/24,0)+1,1))-1)+IF('Standard Profiles'!$G$19=$B$10,7,0)+IF('Standard Profiles'!$G$19=$B$17,14,0)+IF('Standard Profiles'!$G$19=$B$24,21,0),MOD($C756,24)+1)/SUM(INDEX($D$3:$AA$30,INDEX(Jesper!$R$2:$R$366,ROW(INDEX(Jesper!AI$2:AI$366,ROUNDDOWN($C756/24,0)+1,1))-1)+IF('Standard Profiles'!$G$19=$B$10,7,0)+IF('Standard Profiles'!$G$19=$B$17,14,0)+IF('Standard Profiles'!$G$19=$B$24,21,0),0)),0)</f>
        <v>0</v>
      </c>
      <c r="F756" cm="1">
        <f t="array" ref="F756">IFERROR(INDEX(Jesper!AJ$2:AJ$366,ROUNDDOWN($C756/24,0)+1,1)*INDEX($D$3:$AA$30,INDEX(Jesper!$R$2:$R$366,ROW(INDEX(Jesper!AJ$2:AJ$366,ROUNDDOWN($C756/24,0)+1,1))-1)+IF('Standard Profiles'!$G$20=$B$10,7,0)+IF('Standard Profiles'!$G$20=$B$17,14,0)+IF('Standard Profiles'!$G$20=$B$24,21,0),MOD($C756,24)+1)/SUM(INDEX($D$3:$AA$30,INDEX(Jesper!$R$2:$R$366,ROW(INDEX(Jesper!AJ$2:AJ$366,ROUNDDOWN($C756/24,0)+1,1))-1)+IF('Standard Profiles'!$G$20=$B$10,7,0)+IF('Standard Profiles'!$G$20=$B$17,14,0)+IF('Standard Profiles'!$G$20=$B$24,21,0),0)),0)</f>
        <v>0</v>
      </c>
      <c r="G756" cm="1">
        <f t="array" ref="G756">IFERROR(INDEX(Jesper!AK$2:AK$366,ROUNDDOWN($C756/24,0)+1,1)*INDEX($D$3:$AA$30,INDEX(Jesper!$R$2:$R$366,ROW(INDEX(Jesper!AK$2:AK$366,ROUNDDOWN($C756/24,0)+1,1))-1)+IF('Standard Profiles'!$G$21=$B$10,7,0)+IF('Standard Profiles'!$G$21=$B$17,14,0)+IF('Standard Profiles'!$G$21=$B$24,21,0),MOD($C756,24)+1)/SUM(INDEX($D$3:$AA$30,INDEX(Jesper!$R$2:$R$366,ROW(INDEX(Jesper!AK$2:AK$366,ROUNDDOWN($C756/24,0)+1,1))-1)+IF('Standard Profiles'!$G$21=$B$10,7,0)+IF('Standard Profiles'!$G$21=$B$17,14,0)+IF('Standard Profiles'!$G$21=$B$24,21,0),0)),0)</f>
        <v>0</v>
      </c>
      <c r="H756" cm="1">
        <f t="array" ref="H756">IFERROR(INDEX(Jesper!AL$2:AL$366,ROUNDDOWN($C756/24,0)+1,1)*INDEX($D$3:$AA$30,INDEX(Jesper!$R$2:$R$366,ROW(INDEX(Jesper!AL$2:AL$366,ROUNDDOWN($C756/24,0)+1,1))-1)+IF('Standard Profiles'!$G$22=$B$10,7,0)+IF('Standard Profiles'!$G$22=$B$17,14,0)+IF('Standard Profiles'!$G$22=$B$24,21,0),MOD($C756,24)+1)/SUM(INDEX($D$3:$AA$30,INDEX(Jesper!$R$2:$R$366,ROW(INDEX(Jesper!AL$2:AL$366,ROUNDDOWN($C756/24,0)+1,1))-1)+IF('Standard Profiles'!$G$22=$B$10,7,0)+IF('Standard Profiles'!$G$22=$B$17,14,0)+IF('Standard Profiles'!$G$22=$B$24,21,0),0)),0)</f>
        <v>0</v>
      </c>
      <c r="I756">
        <f t="shared" si="97"/>
        <v>0.24001310951625637</v>
      </c>
      <c r="J756">
        <f t="shared" si="98"/>
        <v>0.80004369838752132</v>
      </c>
      <c r="K756">
        <f t="shared" si="99"/>
        <v>1.2000655475812818</v>
      </c>
      <c r="L756">
        <f t="shared" si="100"/>
        <v>5.7603146283901534</v>
      </c>
      <c r="M756">
        <f t="shared" si="101"/>
        <v>0</v>
      </c>
      <c r="N756" s="46">
        <f t="shared" si="102"/>
        <v>45322.083333331582</v>
      </c>
    </row>
    <row r="757" spans="2:14" x14ac:dyDescent="0.3">
      <c r="B757">
        <f t="shared" si="96"/>
        <v>3</v>
      </c>
      <c r="C757" s="16">
        <v>723</v>
      </c>
      <c r="D757" cm="1">
        <f t="array" ref="D757">IFERROR(INDEX(Jesper!AH$2:AH$366,ROUNDDOWN($C757/24,0)+1,1)*INDEX($D$3:$AA$30,INDEX(Jesper!$R$2:$R$366,ROW(INDEX(Jesper!AH$2:AH$366,ROUNDDOWN($C757/24,0)+1,1))-1)+IF('Standard Profiles'!$G$18=$B$10,7,0)+IF('Standard Profiles'!$G$18=$B$17,14,0)+IF('Standard Profiles'!$G$18=$B$24,21,0),MOD($C757,24)+1)/SUM(INDEX($D$3:$AA$30,INDEX(Jesper!$R$2:$R$366,ROW(INDEX(Jesper!AH$2:AH$366,ROUNDDOWN($C757/24,0)+1,1))-1)+IF('Standard Profiles'!$G$18=$B$10,7,0)+IF('Standard Profiles'!$G$18=$B$17,14,0)+IF('Standard Profiles'!$G$18=$B$24,21,0),0)),0)</f>
        <v>8.000436983875213</v>
      </c>
      <c r="E757" cm="1">
        <f t="array" ref="E757">IFERROR(INDEX(Jesper!AI$2:AI$366,ROUNDDOWN($C757/24,0)+1,1)*INDEX($D$3:$AA$30,INDEX(Jesper!$R$2:$R$366,ROW(INDEX(Jesper!AI$2:AI$366,ROUNDDOWN($C757/24,0)+1,1))-1)+IF('Standard Profiles'!$G$19=$B$10,7,0)+IF('Standard Profiles'!$G$19=$B$17,14,0)+IF('Standard Profiles'!$G$19=$B$24,21,0),MOD($C757,24)+1)/SUM(INDEX($D$3:$AA$30,INDEX(Jesper!$R$2:$R$366,ROW(INDEX(Jesper!AI$2:AI$366,ROUNDDOWN($C757/24,0)+1,1))-1)+IF('Standard Profiles'!$G$19=$B$10,7,0)+IF('Standard Profiles'!$G$19=$B$17,14,0)+IF('Standard Profiles'!$G$19=$B$24,21,0),0)),0)</f>
        <v>0</v>
      </c>
      <c r="F757" cm="1">
        <f t="array" ref="F757">IFERROR(INDEX(Jesper!AJ$2:AJ$366,ROUNDDOWN($C757/24,0)+1,1)*INDEX($D$3:$AA$30,INDEX(Jesper!$R$2:$R$366,ROW(INDEX(Jesper!AJ$2:AJ$366,ROUNDDOWN($C757/24,0)+1,1))-1)+IF('Standard Profiles'!$G$20=$B$10,7,0)+IF('Standard Profiles'!$G$20=$B$17,14,0)+IF('Standard Profiles'!$G$20=$B$24,21,0),MOD($C757,24)+1)/SUM(INDEX($D$3:$AA$30,INDEX(Jesper!$R$2:$R$366,ROW(INDEX(Jesper!AJ$2:AJ$366,ROUNDDOWN($C757/24,0)+1,1))-1)+IF('Standard Profiles'!$G$20=$B$10,7,0)+IF('Standard Profiles'!$G$20=$B$17,14,0)+IF('Standard Profiles'!$G$20=$B$24,21,0),0)),0)</f>
        <v>0</v>
      </c>
      <c r="G757" cm="1">
        <f t="array" ref="G757">IFERROR(INDEX(Jesper!AK$2:AK$366,ROUNDDOWN($C757/24,0)+1,1)*INDEX($D$3:$AA$30,INDEX(Jesper!$R$2:$R$366,ROW(INDEX(Jesper!AK$2:AK$366,ROUNDDOWN($C757/24,0)+1,1))-1)+IF('Standard Profiles'!$G$21=$B$10,7,0)+IF('Standard Profiles'!$G$21=$B$17,14,0)+IF('Standard Profiles'!$G$21=$B$24,21,0),MOD($C757,24)+1)/SUM(INDEX($D$3:$AA$30,INDEX(Jesper!$R$2:$R$366,ROW(INDEX(Jesper!AK$2:AK$366,ROUNDDOWN($C757/24,0)+1,1))-1)+IF('Standard Profiles'!$G$21=$B$10,7,0)+IF('Standard Profiles'!$G$21=$B$17,14,0)+IF('Standard Profiles'!$G$21=$B$24,21,0),0)),0)</f>
        <v>0</v>
      </c>
      <c r="H757" cm="1">
        <f t="array" ref="H757">IFERROR(INDEX(Jesper!AL$2:AL$366,ROUNDDOWN($C757/24,0)+1,1)*INDEX($D$3:$AA$30,INDEX(Jesper!$R$2:$R$366,ROW(INDEX(Jesper!AL$2:AL$366,ROUNDDOWN($C757/24,0)+1,1))-1)+IF('Standard Profiles'!$G$22=$B$10,7,0)+IF('Standard Profiles'!$G$22=$B$17,14,0)+IF('Standard Profiles'!$G$22=$B$24,21,0),MOD($C757,24)+1)/SUM(INDEX($D$3:$AA$30,INDEX(Jesper!$R$2:$R$366,ROW(INDEX(Jesper!AL$2:AL$366,ROUNDDOWN($C757/24,0)+1,1))-1)+IF('Standard Profiles'!$G$22=$B$10,7,0)+IF('Standard Profiles'!$G$22=$B$17,14,0)+IF('Standard Profiles'!$G$22=$B$24,21,0),0)),0)</f>
        <v>0</v>
      </c>
      <c r="I757">
        <f t="shared" si="97"/>
        <v>0.24001310951625637</v>
      </c>
      <c r="J757">
        <f t="shared" si="98"/>
        <v>0.80004369838752132</v>
      </c>
      <c r="K757">
        <f t="shared" si="99"/>
        <v>1.2000655475812818</v>
      </c>
      <c r="L757">
        <f t="shared" si="100"/>
        <v>5.7603146283901534</v>
      </c>
      <c r="M757">
        <f t="shared" si="101"/>
        <v>0</v>
      </c>
      <c r="N757" s="46">
        <f t="shared" si="102"/>
        <v>45322.124999998246</v>
      </c>
    </row>
    <row r="758" spans="2:14" x14ac:dyDescent="0.3">
      <c r="B758">
        <f t="shared" si="96"/>
        <v>3</v>
      </c>
      <c r="C758" s="16">
        <v>724</v>
      </c>
      <c r="D758" cm="1">
        <f t="array" ref="D758">IFERROR(INDEX(Jesper!AH$2:AH$366,ROUNDDOWN($C758/24,0)+1,1)*INDEX($D$3:$AA$30,INDEX(Jesper!$R$2:$R$366,ROW(INDEX(Jesper!AH$2:AH$366,ROUNDDOWN($C758/24,0)+1,1))-1)+IF('Standard Profiles'!$G$18=$B$10,7,0)+IF('Standard Profiles'!$G$18=$B$17,14,0)+IF('Standard Profiles'!$G$18=$B$24,21,0),MOD($C758,24)+1)/SUM(INDEX($D$3:$AA$30,INDEX(Jesper!$R$2:$R$366,ROW(INDEX(Jesper!AH$2:AH$366,ROUNDDOWN($C758/24,0)+1,1))-1)+IF('Standard Profiles'!$G$18=$B$10,7,0)+IF('Standard Profiles'!$G$18=$B$17,14,0)+IF('Standard Profiles'!$G$18=$B$24,21,0),0)),0)</f>
        <v>8.000436983875213</v>
      </c>
      <c r="E758" cm="1">
        <f t="array" ref="E758">IFERROR(INDEX(Jesper!AI$2:AI$366,ROUNDDOWN($C758/24,0)+1,1)*INDEX($D$3:$AA$30,INDEX(Jesper!$R$2:$R$366,ROW(INDEX(Jesper!AI$2:AI$366,ROUNDDOWN($C758/24,0)+1,1))-1)+IF('Standard Profiles'!$G$19=$B$10,7,0)+IF('Standard Profiles'!$G$19=$B$17,14,0)+IF('Standard Profiles'!$G$19=$B$24,21,0),MOD($C758,24)+1)/SUM(INDEX($D$3:$AA$30,INDEX(Jesper!$R$2:$R$366,ROW(INDEX(Jesper!AI$2:AI$366,ROUNDDOWN($C758/24,0)+1,1))-1)+IF('Standard Profiles'!$G$19=$B$10,7,0)+IF('Standard Profiles'!$G$19=$B$17,14,0)+IF('Standard Profiles'!$G$19=$B$24,21,0),0)),0)</f>
        <v>0</v>
      </c>
      <c r="F758" cm="1">
        <f t="array" ref="F758">IFERROR(INDEX(Jesper!AJ$2:AJ$366,ROUNDDOWN($C758/24,0)+1,1)*INDEX($D$3:$AA$30,INDEX(Jesper!$R$2:$R$366,ROW(INDEX(Jesper!AJ$2:AJ$366,ROUNDDOWN($C758/24,0)+1,1))-1)+IF('Standard Profiles'!$G$20=$B$10,7,0)+IF('Standard Profiles'!$G$20=$B$17,14,0)+IF('Standard Profiles'!$G$20=$B$24,21,0),MOD($C758,24)+1)/SUM(INDEX($D$3:$AA$30,INDEX(Jesper!$R$2:$R$366,ROW(INDEX(Jesper!AJ$2:AJ$366,ROUNDDOWN($C758/24,0)+1,1))-1)+IF('Standard Profiles'!$G$20=$B$10,7,0)+IF('Standard Profiles'!$G$20=$B$17,14,0)+IF('Standard Profiles'!$G$20=$B$24,21,0),0)),0)</f>
        <v>0</v>
      </c>
      <c r="G758" cm="1">
        <f t="array" ref="G758">IFERROR(INDEX(Jesper!AK$2:AK$366,ROUNDDOWN($C758/24,0)+1,1)*INDEX($D$3:$AA$30,INDEX(Jesper!$R$2:$R$366,ROW(INDEX(Jesper!AK$2:AK$366,ROUNDDOWN($C758/24,0)+1,1))-1)+IF('Standard Profiles'!$G$21=$B$10,7,0)+IF('Standard Profiles'!$G$21=$B$17,14,0)+IF('Standard Profiles'!$G$21=$B$24,21,0),MOD($C758,24)+1)/SUM(INDEX($D$3:$AA$30,INDEX(Jesper!$R$2:$R$366,ROW(INDEX(Jesper!AK$2:AK$366,ROUNDDOWN($C758/24,0)+1,1))-1)+IF('Standard Profiles'!$G$21=$B$10,7,0)+IF('Standard Profiles'!$G$21=$B$17,14,0)+IF('Standard Profiles'!$G$21=$B$24,21,0),0)),0)</f>
        <v>0</v>
      </c>
      <c r="H758" cm="1">
        <f t="array" ref="H758">IFERROR(INDEX(Jesper!AL$2:AL$366,ROUNDDOWN($C758/24,0)+1,1)*INDEX($D$3:$AA$30,INDEX(Jesper!$R$2:$R$366,ROW(INDEX(Jesper!AL$2:AL$366,ROUNDDOWN($C758/24,0)+1,1))-1)+IF('Standard Profiles'!$G$22=$B$10,7,0)+IF('Standard Profiles'!$G$22=$B$17,14,0)+IF('Standard Profiles'!$G$22=$B$24,21,0),MOD($C758,24)+1)/SUM(INDEX($D$3:$AA$30,INDEX(Jesper!$R$2:$R$366,ROW(INDEX(Jesper!AL$2:AL$366,ROUNDDOWN($C758/24,0)+1,1))-1)+IF('Standard Profiles'!$G$22=$B$10,7,0)+IF('Standard Profiles'!$G$22=$B$17,14,0)+IF('Standard Profiles'!$G$22=$B$24,21,0),0)),0)</f>
        <v>0</v>
      </c>
      <c r="I758">
        <f t="shared" si="97"/>
        <v>0.24001310951625637</v>
      </c>
      <c r="J758">
        <f t="shared" si="98"/>
        <v>0.80004369838752132</v>
      </c>
      <c r="K758">
        <f t="shared" si="99"/>
        <v>1.2000655475812818</v>
      </c>
      <c r="L758">
        <f t="shared" si="100"/>
        <v>5.7603146283901534</v>
      </c>
      <c r="M758">
        <f t="shared" si="101"/>
        <v>0</v>
      </c>
      <c r="N758" s="46">
        <f t="shared" si="102"/>
        <v>45322.166666664911</v>
      </c>
    </row>
    <row r="759" spans="2:14" x14ac:dyDescent="0.3">
      <c r="B759">
        <f t="shared" si="96"/>
        <v>3</v>
      </c>
      <c r="C759" s="16">
        <v>725</v>
      </c>
      <c r="D759" cm="1">
        <f t="array" ref="D759">IFERROR(INDEX(Jesper!AH$2:AH$366,ROUNDDOWN($C759/24,0)+1,1)*INDEX($D$3:$AA$30,INDEX(Jesper!$R$2:$R$366,ROW(INDEX(Jesper!AH$2:AH$366,ROUNDDOWN($C759/24,0)+1,1))-1)+IF('Standard Profiles'!$G$18=$B$10,7,0)+IF('Standard Profiles'!$G$18=$B$17,14,0)+IF('Standard Profiles'!$G$18=$B$24,21,0),MOD($C759,24)+1)/SUM(INDEX($D$3:$AA$30,INDEX(Jesper!$R$2:$R$366,ROW(INDEX(Jesper!AH$2:AH$366,ROUNDDOWN($C759/24,0)+1,1))-1)+IF('Standard Profiles'!$G$18=$B$10,7,0)+IF('Standard Profiles'!$G$18=$B$17,14,0)+IF('Standard Profiles'!$G$18=$B$24,21,0),0)),0)</f>
        <v>10.311674334772496</v>
      </c>
      <c r="E759" cm="1">
        <f t="array" ref="E759">IFERROR(INDEX(Jesper!AI$2:AI$366,ROUNDDOWN($C759/24,0)+1,1)*INDEX($D$3:$AA$30,INDEX(Jesper!$R$2:$R$366,ROW(INDEX(Jesper!AI$2:AI$366,ROUNDDOWN($C759/24,0)+1,1))-1)+IF('Standard Profiles'!$G$19=$B$10,7,0)+IF('Standard Profiles'!$G$19=$B$17,14,0)+IF('Standard Profiles'!$G$19=$B$24,21,0),MOD($C759,24)+1)/SUM(INDEX($D$3:$AA$30,INDEX(Jesper!$R$2:$R$366,ROW(INDEX(Jesper!AI$2:AI$366,ROUNDDOWN($C759/24,0)+1,1))-1)+IF('Standard Profiles'!$G$19=$B$10,7,0)+IF('Standard Profiles'!$G$19=$B$17,14,0)+IF('Standard Profiles'!$G$19=$B$24,21,0),0)),0)</f>
        <v>0</v>
      </c>
      <c r="F759" cm="1">
        <f t="array" ref="F759">IFERROR(INDEX(Jesper!AJ$2:AJ$366,ROUNDDOWN($C759/24,0)+1,1)*INDEX($D$3:$AA$30,INDEX(Jesper!$R$2:$R$366,ROW(INDEX(Jesper!AJ$2:AJ$366,ROUNDDOWN($C759/24,0)+1,1))-1)+IF('Standard Profiles'!$G$20=$B$10,7,0)+IF('Standard Profiles'!$G$20=$B$17,14,0)+IF('Standard Profiles'!$G$20=$B$24,21,0),MOD($C759,24)+1)/SUM(INDEX($D$3:$AA$30,INDEX(Jesper!$R$2:$R$366,ROW(INDEX(Jesper!AJ$2:AJ$366,ROUNDDOWN($C759/24,0)+1,1))-1)+IF('Standard Profiles'!$G$20=$B$10,7,0)+IF('Standard Profiles'!$G$20=$B$17,14,0)+IF('Standard Profiles'!$G$20=$B$24,21,0),0)),0)</f>
        <v>0</v>
      </c>
      <c r="G759" cm="1">
        <f t="array" ref="G759">IFERROR(INDEX(Jesper!AK$2:AK$366,ROUNDDOWN($C759/24,0)+1,1)*INDEX($D$3:$AA$30,INDEX(Jesper!$R$2:$R$366,ROW(INDEX(Jesper!AK$2:AK$366,ROUNDDOWN($C759/24,0)+1,1))-1)+IF('Standard Profiles'!$G$21=$B$10,7,0)+IF('Standard Profiles'!$G$21=$B$17,14,0)+IF('Standard Profiles'!$G$21=$B$24,21,0),MOD($C759,24)+1)/SUM(INDEX($D$3:$AA$30,INDEX(Jesper!$R$2:$R$366,ROW(INDEX(Jesper!AK$2:AK$366,ROUNDDOWN($C759/24,0)+1,1))-1)+IF('Standard Profiles'!$G$21=$B$10,7,0)+IF('Standard Profiles'!$G$21=$B$17,14,0)+IF('Standard Profiles'!$G$21=$B$24,21,0),0)),0)</f>
        <v>0</v>
      </c>
      <c r="H759" cm="1">
        <f t="array" ref="H759">IFERROR(INDEX(Jesper!AL$2:AL$366,ROUNDDOWN($C759/24,0)+1,1)*INDEX($D$3:$AA$30,INDEX(Jesper!$R$2:$R$366,ROW(INDEX(Jesper!AL$2:AL$366,ROUNDDOWN($C759/24,0)+1,1))-1)+IF('Standard Profiles'!$G$22=$B$10,7,0)+IF('Standard Profiles'!$G$22=$B$17,14,0)+IF('Standard Profiles'!$G$22=$B$24,21,0),MOD($C759,24)+1)/SUM(INDEX($D$3:$AA$30,INDEX(Jesper!$R$2:$R$366,ROW(INDEX(Jesper!AL$2:AL$366,ROUNDDOWN($C759/24,0)+1,1))-1)+IF('Standard Profiles'!$G$22=$B$10,7,0)+IF('Standard Profiles'!$G$22=$B$17,14,0)+IF('Standard Profiles'!$G$22=$B$24,21,0),0)),0)</f>
        <v>0</v>
      </c>
      <c r="I759">
        <f t="shared" si="97"/>
        <v>0.30935023004317486</v>
      </c>
      <c r="J759">
        <f t="shared" si="98"/>
        <v>1.0311674334772496</v>
      </c>
      <c r="K759">
        <f t="shared" si="99"/>
        <v>1.5467511502158744</v>
      </c>
      <c r="L759">
        <f t="shared" si="100"/>
        <v>7.4244055210361966</v>
      </c>
      <c r="M759">
        <f t="shared" si="101"/>
        <v>0</v>
      </c>
      <c r="N759" s="46">
        <f t="shared" si="102"/>
        <v>45322.208333331575</v>
      </c>
    </row>
    <row r="760" spans="2:14" x14ac:dyDescent="0.3">
      <c r="B760">
        <f t="shared" si="96"/>
        <v>3</v>
      </c>
      <c r="C760" s="16">
        <v>726</v>
      </c>
      <c r="D760" cm="1">
        <f t="array" ref="D760">IFERROR(INDEX(Jesper!AH$2:AH$366,ROUNDDOWN($C760/24,0)+1,1)*INDEX($D$3:$AA$30,INDEX(Jesper!$R$2:$R$366,ROW(INDEX(Jesper!AH$2:AH$366,ROUNDDOWN($C760/24,0)+1,1))-1)+IF('Standard Profiles'!$G$18=$B$10,7,0)+IF('Standard Profiles'!$G$18=$B$17,14,0)+IF('Standard Profiles'!$G$18=$B$24,21,0),MOD($C760,24)+1)/SUM(INDEX($D$3:$AA$30,INDEX(Jesper!$R$2:$R$366,ROW(INDEX(Jesper!AH$2:AH$366,ROUNDDOWN($C760/24,0)+1,1))-1)+IF('Standard Profiles'!$G$18=$B$10,7,0)+IF('Standard Profiles'!$G$18=$B$17,14,0)+IF('Standard Profiles'!$G$18=$B$24,21,0),0)),0)</f>
        <v>11.911761731547539</v>
      </c>
      <c r="E760" cm="1">
        <f t="array" ref="E760">IFERROR(INDEX(Jesper!AI$2:AI$366,ROUNDDOWN($C760/24,0)+1,1)*INDEX($D$3:$AA$30,INDEX(Jesper!$R$2:$R$366,ROW(INDEX(Jesper!AI$2:AI$366,ROUNDDOWN($C760/24,0)+1,1))-1)+IF('Standard Profiles'!$G$19=$B$10,7,0)+IF('Standard Profiles'!$G$19=$B$17,14,0)+IF('Standard Profiles'!$G$19=$B$24,21,0),MOD($C760,24)+1)/SUM(INDEX($D$3:$AA$30,INDEX(Jesper!$R$2:$R$366,ROW(INDEX(Jesper!AI$2:AI$366,ROUNDDOWN($C760/24,0)+1,1))-1)+IF('Standard Profiles'!$G$19=$B$10,7,0)+IF('Standard Profiles'!$G$19=$B$17,14,0)+IF('Standard Profiles'!$G$19=$B$24,21,0),0)),0)</f>
        <v>0</v>
      </c>
      <c r="F760" cm="1">
        <f t="array" ref="F760">IFERROR(INDEX(Jesper!AJ$2:AJ$366,ROUNDDOWN($C760/24,0)+1,1)*INDEX($D$3:$AA$30,INDEX(Jesper!$R$2:$R$366,ROW(INDEX(Jesper!AJ$2:AJ$366,ROUNDDOWN($C760/24,0)+1,1))-1)+IF('Standard Profiles'!$G$20=$B$10,7,0)+IF('Standard Profiles'!$G$20=$B$17,14,0)+IF('Standard Profiles'!$G$20=$B$24,21,0),MOD($C760,24)+1)/SUM(INDEX($D$3:$AA$30,INDEX(Jesper!$R$2:$R$366,ROW(INDEX(Jesper!AJ$2:AJ$366,ROUNDDOWN($C760/24,0)+1,1))-1)+IF('Standard Profiles'!$G$20=$B$10,7,0)+IF('Standard Profiles'!$G$20=$B$17,14,0)+IF('Standard Profiles'!$G$20=$B$24,21,0),0)),0)</f>
        <v>0</v>
      </c>
      <c r="G760" cm="1">
        <f t="array" ref="G760">IFERROR(INDEX(Jesper!AK$2:AK$366,ROUNDDOWN($C760/24,0)+1,1)*INDEX($D$3:$AA$30,INDEX(Jesper!$R$2:$R$366,ROW(INDEX(Jesper!AK$2:AK$366,ROUNDDOWN($C760/24,0)+1,1))-1)+IF('Standard Profiles'!$G$21=$B$10,7,0)+IF('Standard Profiles'!$G$21=$B$17,14,0)+IF('Standard Profiles'!$G$21=$B$24,21,0),MOD($C760,24)+1)/SUM(INDEX($D$3:$AA$30,INDEX(Jesper!$R$2:$R$366,ROW(INDEX(Jesper!AK$2:AK$366,ROUNDDOWN($C760/24,0)+1,1))-1)+IF('Standard Profiles'!$G$21=$B$10,7,0)+IF('Standard Profiles'!$G$21=$B$17,14,0)+IF('Standard Profiles'!$G$21=$B$24,21,0),0)),0)</f>
        <v>0</v>
      </c>
      <c r="H760" cm="1">
        <f t="array" ref="H760">IFERROR(INDEX(Jesper!AL$2:AL$366,ROUNDDOWN($C760/24,0)+1,1)*INDEX($D$3:$AA$30,INDEX(Jesper!$R$2:$R$366,ROW(INDEX(Jesper!AL$2:AL$366,ROUNDDOWN($C760/24,0)+1,1))-1)+IF('Standard Profiles'!$G$22=$B$10,7,0)+IF('Standard Profiles'!$G$22=$B$17,14,0)+IF('Standard Profiles'!$G$22=$B$24,21,0),MOD($C760,24)+1)/SUM(INDEX($D$3:$AA$30,INDEX(Jesper!$R$2:$R$366,ROW(INDEX(Jesper!AL$2:AL$366,ROUNDDOWN($C760/24,0)+1,1))-1)+IF('Standard Profiles'!$G$22=$B$10,7,0)+IF('Standard Profiles'!$G$22=$B$17,14,0)+IF('Standard Profiles'!$G$22=$B$24,21,0),0)),0)</f>
        <v>0</v>
      </c>
      <c r="I760">
        <f t="shared" si="97"/>
        <v>0.35735285194642619</v>
      </c>
      <c r="J760">
        <f t="shared" si="98"/>
        <v>1.1911761731547539</v>
      </c>
      <c r="K760">
        <f t="shared" si="99"/>
        <v>1.7867642597321309</v>
      </c>
      <c r="L760">
        <f t="shared" si="100"/>
        <v>8.5764684467142285</v>
      </c>
      <c r="M760">
        <f t="shared" si="101"/>
        <v>0</v>
      </c>
      <c r="N760" s="46">
        <f t="shared" si="102"/>
        <v>45322.249999998239</v>
      </c>
    </row>
    <row r="761" spans="2:14" x14ac:dyDescent="0.3">
      <c r="B761">
        <f t="shared" si="96"/>
        <v>3</v>
      </c>
      <c r="C761" s="16">
        <v>727</v>
      </c>
      <c r="D761" cm="1">
        <f t="array" ref="D761">IFERROR(INDEX(Jesper!AH$2:AH$366,ROUNDDOWN($C761/24,0)+1,1)*INDEX($D$3:$AA$30,INDEX(Jesper!$R$2:$R$366,ROW(INDEX(Jesper!AH$2:AH$366,ROUNDDOWN($C761/24,0)+1,1))-1)+IF('Standard Profiles'!$G$18=$B$10,7,0)+IF('Standard Profiles'!$G$18=$B$17,14,0)+IF('Standard Profiles'!$G$18=$B$24,21,0),MOD($C761,24)+1)/SUM(INDEX($D$3:$AA$30,INDEX(Jesper!$R$2:$R$366,ROW(INDEX(Jesper!AH$2:AH$366,ROUNDDOWN($C761/24,0)+1,1))-1)+IF('Standard Profiles'!$G$18=$B$10,7,0)+IF('Standard Profiles'!$G$18=$B$17,14,0)+IF('Standard Profiles'!$G$18=$B$24,21,0),0)),0)</f>
        <v>11.911761731547539</v>
      </c>
      <c r="E761" cm="1">
        <f t="array" ref="E761">IFERROR(INDEX(Jesper!AI$2:AI$366,ROUNDDOWN($C761/24,0)+1,1)*INDEX($D$3:$AA$30,INDEX(Jesper!$R$2:$R$366,ROW(INDEX(Jesper!AI$2:AI$366,ROUNDDOWN($C761/24,0)+1,1))-1)+IF('Standard Profiles'!$G$19=$B$10,7,0)+IF('Standard Profiles'!$G$19=$B$17,14,0)+IF('Standard Profiles'!$G$19=$B$24,21,0),MOD($C761,24)+1)/SUM(INDEX($D$3:$AA$30,INDEX(Jesper!$R$2:$R$366,ROW(INDEX(Jesper!AI$2:AI$366,ROUNDDOWN($C761/24,0)+1,1))-1)+IF('Standard Profiles'!$G$19=$B$10,7,0)+IF('Standard Profiles'!$G$19=$B$17,14,0)+IF('Standard Profiles'!$G$19=$B$24,21,0),0)),0)</f>
        <v>0</v>
      </c>
      <c r="F761" cm="1">
        <f t="array" ref="F761">IFERROR(INDEX(Jesper!AJ$2:AJ$366,ROUNDDOWN($C761/24,0)+1,1)*INDEX($D$3:$AA$30,INDEX(Jesper!$R$2:$R$366,ROW(INDEX(Jesper!AJ$2:AJ$366,ROUNDDOWN($C761/24,0)+1,1))-1)+IF('Standard Profiles'!$G$20=$B$10,7,0)+IF('Standard Profiles'!$G$20=$B$17,14,0)+IF('Standard Profiles'!$G$20=$B$24,21,0),MOD($C761,24)+1)/SUM(INDEX($D$3:$AA$30,INDEX(Jesper!$R$2:$R$366,ROW(INDEX(Jesper!AJ$2:AJ$366,ROUNDDOWN($C761/24,0)+1,1))-1)+IF('Standard Profiles'!$G$20=$B$10,7,0)+IF('Standard Profiles'!$G$20=$B$17,14,0)+IF('Standard Profiles'!$G$20=$B$24,21,0),0)),0)</f>
        <v>0</v>
      </c>
      <c r="G761" cm="1">
        <f t="array" ref="G761">IFERROR(INDEX(Jesper!AK$2:AK$366,ROUNDDOWN($C761/24,0)+1,1)*INDEX($D$3:$AA$30,INDEX(Jesper!$R$2:$R$366,ROW(INDEX(Jesper!AK$2:AK$366,ROUNDDOWN($C761/24,0)+1,1))-1)+IF('Standard Profiles'!$G$21=$B$10,7,0)+IF('Standard Profiles'!$G$21=$B$17,14,0)+IF('Standard Profiles'!$G$21=$B$24,21,0),MOD($C761,24)+1)/SUM(INDEX($D$3:$AA$30,INDEX(Jesper!$R$2:$R$366,ROW(INDEX(Jesper!AK$2:AK$366,ROUNDDOWN($C761/24,0)+1,1))-1)+IF('Standard Profiles'!$G$21=$B$10,7,0)+IF('Standard Profiles'!$G$21=$B$17,14,0)+IF('Standard Profiles'!$G$21=$B$24,21,0),0)),0)</f>
        <v>0</v>
      </c>
      <c r="H761" cm="1">
        <f t="array" ref="H761">IFERROR(INDEX(Jesper!AL$2:AL$366,ROUNDDOWN($C761/24,0)+1,1)*INDEX($D$3:$AA$30,INDEX(Jesper!$R$2:$R$366,ROW(INDEX(Jesper!AL$2:AL$366,ROUNDDOWN($C761/24,0)+1,1))-1)+IF('Standard Profiles'!$G$22=$B$10,7,0)+IF('Standard Profiles'!$G$22=$B$17,14,0)+IF('Standard Profiles'!$G$22=$B$24,21,0),MOD($C761,24)+1)/SUM(INDEX($D$3:$AA$30,INDEX(Jesper!$R$2:$R$366,ROW(INDEX(Jesper!AL$2:AL$366,ROUNDDOWN($C761/24,0)+1,1))-1)+IF('Standard Profiles'!$G$22=$B$10,7,0)+IF('Standard Profiles'!$G$22=$B$17,14,0)+IF('Standard Profiles'!$G$22=$B$24,21,0),0)),0)</f>
        <v>0</v>
      </c>
      <c r="I761">
        <f t="shared" si="97"/>
        <v>0.35735285194642619</v>
      </c>
      <c r="J761">
        <f t="shared" si="98"/>
        <v>1.1911761731547539</v>
      </c>
      <c r="K761">
        <f t="shared" si="99"/>
        <v>1.7867642597321309</v>
      </c>
      <c r="L761">
        <f t="shared" si="100"/>
        <v>8.5764684467142285</v>
      </c>
      <c r="M761">
        <f t="shared" si="101"/>
        <v>0</v>
      </c>
      <c r="N761" s="46">
        <f t="shared" si="102"/>
        <v>45322.291666664903</v>
      </c>
    </row>
    <row r="762" spans="2:14" x14ac:dyDescent="0.3">
      <c r="B762">
        <f t="shared" si="96"/>
        <v>3</v>
      </c>
      <c r="C762" s="16">
        <v>728</v>
      </c>
      <c r="D762" cm="1">
        <f t="array" ref="D762">IFERROR(INDEX(Jesper!AH$2:AH$366,ROUNDDOWN($C762/24,0)+1,1)*INDEX($D$3:$AA$30,INDEX(Jesper!$R$2:$R$366,ROW(INDEX(Jesper!AH$2:AH$366,ROUNDDOWN($C762/24,0)+1,1))-1)+IF('Standard Profiles'!$G$18=$B$10,7,0)+IF('Standard Profiles'!$G$18=$B$17,14,0)+IF('Standard Profiles'!$G$18=$B$24,21,0),MOD($C762,24)+1)/SUM(INDEX($D$3:$AA$30,INDEX(Jesper!$R$2:$R$366,ROW(INDEX(Jesper!AH$2:AH$366,ROUNDDOWN($C762/24,0)+1,1))-1)+IF('Standard Profiles'!$G$18=$B$10,7,0)+IF('Standard Profiles'!$G$18=$B$17,14,0)+IF('Standard Profiles'!$G$18=$B$24,21,0),0)),0)</f>
        <v>11.911761731547539</v>
      </c>
      <c r="E762" cm="1">
        <f t="array" ref="E762">IFERROR(INDEX(Jesper!AI$2:AI$366,ROUNDDOWN($C762/24,0)+1,1)*INDEX($D$3:$AA$30,INDEX(Jesper!$R$2:$R$366,ROW(INDEX(Jesper!AI$2:AI$366,ROUNDDOWN($C762/24,0)+1,1))-1)+IF('Standard Profiles'!$G$19=$B$10,7,0)+IF('Standard Profiles'!$G$19=$B$17,14,0)+IF('Standard Profiles'!$G$19=$B$24,21,0),MOD($C762,24)+1)/SUM(INDEX($D$3:$AA$30,INDEX(Jesper!$R$2:$R$366,ROW(INDEX(Jesper!AI$2:AI$366,ROUNDDOWN($C762/24,0)+1,1))-1)+IF('Standard Profiles'!$G$19=$B$10,7,0)+IF('Standard Profiles'!$G$19=$B$17,14,0)+IF('Standard Profiles'!$G$19=$B$24,21,0),0)),0)</f>
        <v>0</v>
      </c>
      <c r="F762" cm="1">
        <f t="array" ref="F762">IFERROR(INDEX(Jesper!AJ$2:AJ$366,ROUNDDOWN($C762/24,0)+1,1)*INDEX($D$3:$AA$30,INDEX(Jesper!$R$2:$R$366,ROW(INDEX(Jesper!AJ$2:AJ$366,ROUNDDOWN($C762/24,0)+1,1))-1)+IF('Standard Profiles'!$G$20=$B$10,7,0)+IF('Standard Profiles'!$G$20=$B$17,14,0)+IF('Standard Profiles'!$G$20=$B$24,21,0),MOD($C762,24)+1)/SUM(INDEX($D$3:$AA$30,INDEX(Jesper!$R$2:$R$366,ROW(INDEX(Jesper!AJ$2:AJ$366,ROUNDDOWN($C762/24,0)+1,1))-1)+IF('Standard Profiles'!$G$20=$B$10,7,0)+IF('Standard Profiles'!$G$20=$B$17,14,0)+IF('Standard Profiles'!$G$20=$B$24,21,0),0)),0)</f>
        <v>0</v>
      </c>
      <c r="G762" cm="1">
        <f t="array" ref="G762">IFERROR(INDEX(Jesper!AK$2:AK$366,ROUNDDOWN($C762/24,0)+1,1)*INDEX($D$3:$AA$30,INDEX(Jesper!$R$2:$R$366,ROW(INDEX(Jesper!AK$2:AK$366,ROUNDDOWN($C762/24,0)+1,1))-1)+IF('Standard Profiles'!$G$21=$B$10,7,0)+IF('Standard Profiles'!$G$21=$B$17,14,0)+IF('Standard Profiles'!$G$21=$B$24,21,0),MOD($C762,24)+1)/SUM(INDEX($D$3:$AA$30,INDEX(Jesper!$R$2:$R$366,ROW(INDEX(Jesper!AK$2:AK$366,ROUNDDOWN($C762/24,0)+1,1))-1)+IF('Standard Profiles'!$G$21=$B$10,7,0)+IF('Standard Profiles'!$G$21=$B$17,14,0)+IF('Standard Profiles'!$G$21=$B$24,21,0),0)),0)</f>
        <v>0</v>
      </c>
      <c r="H762" cm="1">
        <f t="array" ref="H762">IFERROR(INDEX(Jesper!AL$2:AL$366,ROUNDDOWN($C762/24,0)+1,1)*INDEX($D$3:$AA$30,INDEX(Jesper!$R$2:$R$366,ROW(INDEX(Jesper!AL$2:AL$366,ROUNDDOWN($C762/24,0)+1,1))-1)+IF('Standard Profiles'!$G$22=$B$10,7,0)+IF('Standard Profiles'!$G$22=$B$17,14,0)+IF('Standard Profiles'!$G$22=$B$24,21,0),MOD($C762,24)+1)/SUM(INDEX($D$3:$AA$30,INDEX(Jesper!$R$2:$R$366,ROW(INDEX(Jesper!AL$2:AL$366,ROUNDDOWN($C762/24,0)+1,1))-1)+IF('Standard Profiles'!$G$22=$B$10,7,0)+IF('Standard Profiles'!$G$22=$B$17,14,0)+IF('Standard Profiles'!$G$22=$B$24,21,0),0)),0)</f>
        <v>0</v>
      </c>
      <c r="I762">
        <f t="shared" si="97"/>
        <v>0.35735285194642619</v>
      </c>
      <c r="J762">
        <f t="shared" si="98"/>
        <v>1.1911761731547539</v>
      </c>
      <c r="K762">
        <f t="shared" si="99"/>
        <v>1.7867642597321309</v>
      </c>
      <c r="L762">
        <f t="shared" si="100"/>
        <v>8.5764684467142285</v>
      </c>
      <c r="M762">
        <f t="shared" si="101"/>
        <v>0</v>
      </c>
      <c r="N762" s="46">
        <f t="shared" si="102"/>
        <v>45322.333333331568</v>
      </c>
    </row>
    <row r="763" spans="2:14" x14ac:dyDescent="0.3">
      <c r="B763">
        <f t="shared" si="96"/>
        <v>3</v>
      </c>
      <c r="C763" s="16">
        <v>729</v>
      </c>
      <c r="D763" cm="1">
        <f t="array" ref="D763">IFERROR(INDEX(Jesper!AH$2:AH$366,ROUNDDOWN($C763/24,0)+1,1)*INDEX($D$3:$AA$30,INDEX(Jesper!$R$2:$R$366,ROW(INDEX(Jesper!AH$2:AH$366,ROUNDDOWN($C763/24,0)+1,1))-1)+IF('Standard Profiles'!$G$18=$B$10,7,0)+IF('Standard Profiles'!$G$18=$B$17,14,0)+IF('Standard Profiles'!$G$18=$B$24,21,0),MOD($C763,24)+1)/SUM(INDEX($D$3:$AA$30,INDEX(Jesper!$R$2:$R$366,ROW(INDEX(Jesper!AH$2:AH$366,ROUNDDOWN($C763/24,0)+1,1))-1)+IF('Standard Profiles'!$G$18=$B$10,7,0)+IF('Standard Profiles'!$G$18=$B$17,14,0)+IF('Standard Profiles'!$G$18=$B$24,21,0),0)),0)</f>
        <v>12.800699174200339</v>
      </c>
      <c r="E763" cm="1">
        <f t="array" ref="E763">IFERROR(INDEX(Jesper!AI$2:AI$366,ROUNDDOWN($C763/24,0)+1,1)*INDEX($D$3:$AA$30,INDEX(Jesper!$R$2:$R$366,ROW(INDEX(Jesper!AI$2:AI$366,ROUNDDOWN($C763/24,0)+1,1))-1)+IF('Standard Profiles'!$G$19=$B$10,7,0)+IF('Standard Profiles'!$G$19=$B$17,14,0)+IF('Standard Profiles'!$G$19=$B$24,21,0),MOD($C763,24)+1)/SUM(INDEX($D$3:$AA$30,INDEX(Jesper!$R$2:$R$366,ROW(INDEX(Jesper!AI$2:AI$366,ROUNDDOWN($C763/24,0)+1,1))-1)+IF('Standard Profiles'!$G$19=$B$10,7,0)+IF('Standard Profiles'!$G$19=$B$17,14,0)+IF('Standard Profiles'!$G$19=$B$24,21,0),0)),0)</f>
        <v>0</v>
      </c>
      <c r="F763" cm="1">
        <f t="array" ref="F763">IFERROR(INDEX(Jesper!AJ$2:AJ$366,ROUNDDOWN($C763/24,0)+1,1)*INDEX($D$3:$AA$30,INDEX(Jesper!$R$2:$R$366,ROW(INDEX(Jesper!AJ$2:AJ$366,ROUNDDOWN($C763/24,0)+1,1))-1)+IF('Standard Profiles'!$G$20=$B$10,7,0)+IF('Standard Profiles'!$G$20=$B$17,14,0)+IF('Standard Profiles'!$G$20=$B$24,21,0),MOD($C763,24)+1)/SUM(INDEX($D$3:$AA$30,INDEX(Jesper!$R$2:$R$366,ROW(INDEX(Jesper!AJ$2:AJ$366,ROUNDDOWN($C763/24,0)+1,1))-1)+IF('Standard Profiles'!$G$20=$B$10,7,0)+IF('Standard Profiles'!$G$20=$B$17,14,0)+IF('Standard Profiles'!$G$20=$B$24,21,0),0)),0)</f>
        <v>0</v>
      </c>
      <c r="G763" cm="1">
        <f t="array" ref="G763">IFERROR(INDEX(Jesper!AK$2:AK$366,ROUNDDOWN($C763/24,0)+1,1)*INDEX($D$3:$AA$30,INDEX(Jesper!$R$2:$R$366,ROW(INDEX(Jesper!AK$2:AK$366,ROUNDDOWN($C763/24,0)+1,1))-1)+IF('Standard Profiles'!$G$21=$B$10,7,0)+IF('Standard Profiles'!$G$21=$B$17,14,0)+IF('Standard Profiles'!$G$21=$B$24,21,0),MOD($C763,24)+1)/SUM(INDEX($D$3:$AA$30,INDEX(Jesper!$R$2:$R$366,ROW(INDEX(Jesper!AK$2:AK$366,ROUNDDOWN($C763/24,0)+1,1))-1)+IF('Standard Profiles'!$G$21=$B$10,7,0)+IF('Standard Profiles'!$G$21=$B$17,14,0)+IF('Standard Profiles'!$G$21=$B$24,21,0),0)),0)</f>
        <v>0</v>
      </c>
      <c r="H763" cm="1">
        <f t="array" ref="H763">IFERROR(INDEX(Jesper!AL$2:AL$366,ROUNDDOWN($C763/24,0)+1,1)*INDEX($D$3:$AA$30,INDEX(Jesper!$R$2:$R$366,ROW(INDEX(Jesper!AL$2:AL$366,ROUNDDOWN($C763/24,0)+1,1))-1)+IF('Standard Profiles'!$G$22=$B$10,7,0)+IF('Standard Profiles'!$G$22=$B$17,14,0)+IF('Standard Profiles'!$G$22=$B$24,21,0),MOD($C763,24)+1)/SUM(INDEX($D$3:$AA$30,INDEX(Jesper!$R$2:$R$366,ROW(INDEX(Jesper!AL$2:AL$366,ROUNDDOWN($C763/24,0)+1,1))-1)+IF('Standard Profiles'!$G$22=$B$10,7,0)+IF('Standard Profiles'!$G$22=$B$17,14,0)+IF('Standard Profiles'!$G$22=$B$24,21,0),0)),0)</f>
        <v>0</v>
      </c>
      <c r="I763">
        <f t="shared" si="97"/>
        <v>0.38402097522601014</v>
      </c>
      <c r="J763">
        <f t="shared" si="98"/>
        <v>1.2800699174200341</v>
      </c>
      <c r="K763">
        <f t="shared" si="99"/>
        <v>1.9201048761300508</v>
      </c>
      <c r="L763">
        <f t="shared" si="100"/>
        <v>9.2165034054242447</v>
      </c>
      <c r="M763">
        <f t="shared" si="101"/>
        <v>0</v>
      </c>
      <c r="N763" s="46">
        <f t="shared" si="102"/>
        <v>45322.374999998232</v>
      </c>
    </row>
    <row r="764" spans="2:14" x14ac:dyDescent="0.3">
      <c r="B764">
        <f t="shared" si="96"/>
        <v>3</v>
      </c>
      <c r="C764" s="16">
        <v>730</v>
      </c>
      <c r="D764" cm="1">
        <f t="array" ref="D764">IFERROR(INDEX(Jesper!AH$2:AH$366,ROUNDDOWN($C764/24,0)+1,1)*INDEX($D$3:$AA$30,INDEX(Jesper!$R$2:$R$366,ROW(INDEX(Jesper!AH$2:AH$366,ROUNDDOWN($C764/24,0)+1,1))-1)+IF('Standard Profiles'!$G$18=$B$10,7,0)+IF('Standard Profiles'!$G$18=$B$17,14,0)+IF('Standard Profiles'!$G$18=$B$24,21,0),MOD($C764,24)+1)/SUM(INDEX($D$3:$AA$30,INDEX(Jesper!$R$2:$R$366,ROW(INDEX(Jesper!AH$2:AH$366,ROUNDDOWN($C764/24,0)+1,1))-1)+IF('Standard Profiles'!$G$18=$B$10,7,0)+IF('Standard Profiles'!$G$18=$B$17,14,0)+IF('Standard Profiles'!$G$18=$B$24,21,0),0)),0)</f>
        <v>13.8674241053837</v>
      </c>
      <c r="E764" cm="1">
        <f t="array" ref="E764">IFERROR(INDEX(Jesper!AI$2:AI$366,ROUNDDOWN($C764/24,0)+1,1)*INDEX($D$3:$AA$30,INDEX(Jesper!$R$2:$R$366,ROW(INDEX(Jesper!AI$2:AI$366,ROUNDDOWN($C764/24,0)+1,1))-1)+IF('Standard Profiles'!$G$19=$B$10,7,0)+IF('Standard Profiles'!$G$19=$B$17,14,0)+IF('Standard Profiles'!$G$19=$B$24,21,0),MOD($C764,24)+1)/SUM(INDEX($D$3:$AA$30,INDEX(Jesper!$R$2:$R$366,ROW(INDEX(Jesper!AI$2:AI$366,ROUNDDOWN($C764/24,0)+1,1))-1)+IF('Standard Profiles'!$G$19=$B$10,7,0)+IF('Standard Profiles'!$G$19=$B$17,14,0)+IF('Standard Profiles'!$G$19=$B$24,21,0),0)),0)</f>
        <v>0</v>
      </c>
      <c r="F764" cm="1">
        <f t="array" ref="F764">IFERROR(INDEX(Jesper!AJ$2:AJ$366,ROUNDDOWN($C764/24,0)+1,1)*INDEX($D$3:$AA$30,INDEX(Jesper!$R$2:$R$366,ROW(INDEX(Jesper!AJ$2:AJ$366,ROUNDDOWN($C764/24,0)+1,1))-1)+IF('Standard Profiles'!$G$20=$B$10,7,0)+IF('Standard Profiles'!$G$20=$B$17,14,0)+IF('Standard Profiles'!$G$20=$B$24,21,0),MOD($C764,24)+1)/SUM(INDEX($D$3:$AA$30,INDEX(Jesper!$R$2:$R$366,ROW(INDEX(Jesper!AJ$2:AJ$366,ROUNDDOWN($C764/24,0)+1,1))-1)+IF('Standard Profiles'!$G$20=$B$10,7,0)+IF('Standard Profiles'!$G$20=$B$17,14,0)+IF('Standard Profiles'!$G$20=$B$24,21,0),0)),0)</f>
        <v>0</v>
      </c>
      <c r="G764" cm="1">
        <f t="array" ref="G764">IFERROR(INDEX(Jesper!AK$2:AK$366,ROUNDDOWN($C764/24,0)+1,1)*INDEX($D$3:$AA$30,INDEX(Jesper!$R$2:$R$366,ROW(INDEX(Jesper!AK$2:AK$366,ROUNDDOWN($C764/24,0)+1,1))-1)+IF('Standard Profiles'!$G$21=$B$10,7,0)+IF('Standard Profiles'!$G$21=$B$17,14,0)+IF('Standard Profiles'!$G$21=$B$24,21,0),MOD($C764,24)+1)/SUM(INDEX($D$3:$AA$30,INDEX(Jesper!$R$2:$R$366,ROW(INDEX(Jesper!AK$2:AK$366,ROUNDDOWN($C764/24,0)+1,1))-1)+IF('Standard Profiles'!$G$21=$B$10,7,0)+IF('Standard Profiles'!$G$21=$B$17,14,0)+IF('Standard Profiles'!$G$21=$B$24,21,0),0)),0)</f>
        <v>0</v>
      </c>
      <c r="H764" cm="1">
        <f t="array" ref="H764">IFERROR(INDEX(Jesper!AL$2:AL$366,ROUNDDOWN($C764/24,0)+1,1)*INDEX($D$3:$AA$30,INDEX(Jesper!$R$2:$R$366,ROW(INDEX(Jesper!AL$2:AL$366,ROUNDDOWN($C764/24,0)+1,1))-1)+IF('Standard Profiles'!$G$22=$B$10,7,0)+IF('Standard Profiles'!$G$22=$B$17,14,0)+IF('Standard Profiles'!$G$22=$B$24,21,0),MOD($C764,24)+1)/SUM(INDEX($D$3:$AA$30,INDEX(Jesper!$R$2:$R$366,ROW(INDEX(Jesper!AL$2:AL$366,ROUNDDOWN($C764/24,0)+1,1))-1)+IF('Standard Profiles'!$G$22=$B$10,7,0)+IF('Standard Profiles'!$G$22=$B$17,14,0)+IF('Standard Profiles'!$G$22=$B$24,21,0),0)),0)</f>
        <v>0</v>
      </c>
      <c r="I764">
        <f t="shared" si="97"/>
        <v>0.41602272316151095</v>
      </c>
      <c r="J764">
        <f t="shared" si="98"/>
        <v>1.3867424105383701</v>
      </c>
      <c r="K764">
        <f t="shared" si="99"/>
        <v>2.080113615807555</v>
      </c>
      <c r="L764">
        <f t="shared" si="100"/>
        <v>9.9845453558762642</v>
      </c>
      <c r="M764">
        <f t="shared" si="101"/>
        <v>0</v>
      </c>
      <c r="N764" s="46">
        <f t="shared" si="102"/>
        <v>45322.416666664896</v>
      </c>
    </row>
    <row r="765" spans="2:14" x14ac:dyDescent="0.3">
      <c r="B765">
        <f t="shared" si="96"/>
        <v>3</v>
      </c>
      <c r="C765" s="16">
        <v>731</v>
      </c>
      <c r="D765" cm="1">
        <f t="array" ref="D765">IFERROR(INDEX(Jesper!AH$2:AH$366,ROUNDDOWN($C765/24,0)+1,1)*INDEX($D$3:$AA$30,INDEX(Jesper!$R$2:$R$366,ROW(INDEX(Jesper!AH$2:AH$366,ROUNDDOWN($C765/24,0)+1,1))-1)+IF('Standard Profiles'!$G$18=$B$10,7,0)+IF('Standard Profiles'!$G$18=$B$17,14,0)+IF('Standard Profiles'!$G$18=$B$24,21,0),MOD($C765,24)+1)/SUM(INDEX($D$3:$AA$30,INDEX(Jesper!$R$2:$R$366,ROW(INDEX(Jesper!AH$2:AH$366,ROUNDDOWN($C765/24,0)+1,1))-1)+IF('Standard Profiles'!$G$18=$B$10,7,0)+IF('Standard Profiles'!$G$18=$B$17,14,0)+IF('Standard Profiles'!$G$18=$B$24,21,0),0)),0)</f>
        <v>16.000873967750426</v>
      </c>
      <c r="E765" cm="1">
        <f t="array" ref="E765">IFERROR(INDEX(Jesper!AI$2:AI$366,ROUNDDOWN($C765/24,0)+1,1)*INDEX($D$3:$AA$30,INDEX(Jesper!$R$2:$R$366,ROW(INDEX(Jesper!AI$2:AI$366,ROUNDDOWN($C765/24,0)+1,1))-1)+IF('Standard Profiles'!$G$19=$B$10,7,0)+IF('Standard Profiles'!$G$19=$B$17,14,0)+IF('Standard Profiles'!$G$19=$B$24,21,0),MOD($C765,24)+1)/SUM(INDEX($D$3:$AA$30,INDEX(Jesper!$R$2:$R$366,ROW(INDEX(Jesper!AI$2:AI$366,ROUNDDOWN($C765/24,0)+1,1))-1)+IF('Standard Profiles'!$G$19=$B$10,7,0)+IF('Standard Profiles'!$G$19=$B$17,14,0)+IF('Standard Profiles'!$G$19=$B$24,21,0),0)),0)</f>
        <v>0</v>
      </c>
      <c r="F765" cm="1">
        <f t="array" ref="F765">IFERROR(INDEX(Jesper!AJ$2:AJ$366,ROUNDDOWN($C765/24,0)+1,1)*INDEX($D$3:$AA$30,INDEX(Jesper!$R$2:$R$366,ROW(INDEX(Jesper!AJ$2:AJ$366,ROUNDDOWN($C765/24,0)+1,1))-1)+IF('Standard Profiles'!$G$20=$B$10,7,0)+IF('Standard Profiles'!$G$20=$B$17,14,0)+IF('Standard Profiles'!$G$20=$B$24,21,0),MOD($C765,24)+1)/SUM(INDEX($D$3:$AA$30,INDEX(Jesper!$R$2:$R$366,ROW(INDEX(Jesper!AJ$2:AJ$366,ROUNDDOWN($C765/24,0)+1,1))-1)+IF('Standard Profiles'!$G$20=$B$10,7,0)+IF('Standard Profiles'!$G$20=$B$17,14,0)+IF('Standard Profiles'!$G$20=$B$24,21,0),0)),0)</f>
        <v>0</v>
      </c>
      <c r="G765" cm="1">
        <f t="array" ref="G765">IFERROR(INDEX(Jesper!AK$2:AK$366,ROUNDDOWN($C765/24,0)+1,1)*INDEX($D$3:$AA$30,INDEX(Jesper!$R$2:$R$366,ROW(INDEX(Jesper!AK$2:AK$366,ROUNDDOWN($C765/24,0)+1,1))-1)+IF('Standard Profiles'!$G$21=$B$10,7,0)+IF('Standard Profiles'!$G$21=$B$17,14,0)+IF('Standard Profiles'!$G$21=$B$24,21,0),MOD($C765,24)+1)/SUM(INDEX($D$3:$AA$30,INDEX(Jesper!$R$2:$R$366,ROW(INDEX(Jesper!AK$2:AK$366,ROUNDDOWN($C765/24,0)+1,1))-1)+IF('Standard Profiles'!$G$21=$B$10,7,0)+IF('Standard Profiles'!$G$21=$B$17,14,0)+IF('Standard Profiles'!$G$21=$B$24,21,0),0)),0)</f>
        <v>0</v>
      </c>
      <c r="H765" cm="1">
        <f t="array" ref="H765">IFERROR(INDEX(Jesper!AL$2:AL$366,ROUNDDOWN($C765/24,0)+1,1)*INDEX($D$3:$AA$30,INDEX(Jesper!$R$2:$R$366,ROW(INDEX(Jesper!AL$2:AL$366,ROUNDDOWN($C765/24,0)+1,1))-1)+IF('Standard Profiles'!$G$22=$B$10,7,0)+IF('Standard Profiles'!$G$22=$B$17,14,0)+IF('Standard Profiles'!$G$22=$B$24,21,0),MOD($C765,24)+1)/SUM(INDEX($D$3:$AA$30,INDEX(Jesper!$R$2:$R$366,ROW(INDEX(Jesper!AL$2:AL$366,ROUNDDOWN($C765/24,0)+1,1))-1)+IF('Standard Profiles'!$G$22=$B$10,7,0)+IF('Standard Profiles'!$G$22=$B$17,14,0)+IF('Standard Profiles'!$G$22=$B$24,21,0),0)),0)</f>
        <v>0</v>
      </c>
      <c r="I765">
        <f t="shared" si="97"/>
        <v>0.48002621903251275</v>
      </c>
      <c r="J765">
        <f t="shared" si="98"/>
        <v>1.6000873967750426</v>
      </c>
      <c r="K765">
        <f t="shared" si="99"/>
        <v>2.4001310951625636</v>
      </c>
      <c r="L765">
        <f t="shared" si="100"/>
        <v>11.520629256780307</v>
      </c>
      <c r="M765">
        <f t="shared" si="101"/>
        <v>0</v>
      </c>
      <c r="N765" s="46">
        <f t="shared" si="102"/>
        <v>45322.45833333156</v>
      </c>
    </row>
    <row r="766" spans="2:14" x14ac:dyDescent="0.3">
      <c r="B766">
        <f t="shared" si="96"/>
        <v>3</v>
      </c>
      <c r="C766" s="16">
        <v>732</v>
      </c>
      <c r="D766" cm="1">
        <f t="array" ref="D766">IFERROR(INDEX(Jesper!AH$2:AH$366,ROUNDDOWN($C766/24,0)+1,1)*INDEX($D$3:$AA$30,INDEX(Jesper!$R$2:$R$366,ROW(INDEX(Jesper!AH$2:AH$366,ROUNDDOWN($C766/24,0)+1,1))-1)+IF('Standard Profiles'!$G$18=$B$10,7,0)+IF('Standard Profiles'!$G$18=$B$17,14,0)+IF('Standard Profiles'!$G$18=$B$24,21,0),MOD($C766,24)+1)/SUM(INDEX($D$3:$AA$30,INDEX(Jesper!$R$2:$R$366,ROW(INDEX(Jesper!AH$2:AH$366,ROUNDDOWN($C766/24,0)+1,1))-1)+IF('Standard Profiles'!$G$18=$B$10,7,0)+IF('Standard Profiles'!$G$18=$B$17,14,0)+IF('Standard Profiles'!$G$18=$B$24,21,0),0)),0)</f>
        <v>16.000873967750426</v>
      </c>
      <c r="E766" cm="1">
        <f t="array" ref="E766">IFERROR(INDEX(Jesper!AI$2:AI$366,ROUNDDOWN($C766/24,0)+1,1)*INDEX($D$3:$AA$30,INDEX(Jesper!$R$2:$R$366,ROW(INDEX(Jesper!AI$2:AI$366,ROUNDDOWN($C766/24,0)+1,1))-1)+IF('Standard Profiles'!$G$19=$B$10,7,0)+IF('Standard Profiles'!$G$19=$B$17,14,0)+IF('Standard Profiles'!$G$19=$B$24,21,0),MOD($C766,24)+1)/SUM(INDEX($D$3:$AA$30,INDEX(Jesper!$R$2:$R$366,ROW(INDEX(Jesper!AI$2:AI$366,ROUNDDOWN($C766/24,0)+1,1))-1)+IF('Standard Profiles'!$G$19=$B$10,7,0)+IF('Standard Profiles'!$G$19=$B$17,14,0)+IF('Standard Profiles'!$G$19=$B$24,21,0),0)),0)</f>
        <v>0</v>
      </c>
      <c r="F766" cm="1">
        <f t="array" ref="F766">IFERROR(INDEX(Jesper!AJ$2:AJ$366,ROUNDDOWN($C766/24,0)+1,1)*INDEX($D$3:$AA$30,INDEX(Jesper!$R$2:$R$366,ROW(INDEX(Jesper!AJ$2:AJ$366,ROUNDDOWN($C766/24,0)+1,1))-1)+IF('Standard Profiles'!$G$20=$B$10,7,0)+IF('Standard Profiles'!$G$20=$B$17,14,0)+IF('Standard Profiles'!$G$20=$B$24,21,0),MOD($C766,24)+1)/SUM(INDEX($D$3:$AA$30,INDEX(Jesper!$R$2:$R$366,ROW(INDEX(Jesper!AJ$2:AJ$366,ROUNDDOWN($C766/24,0)+1,1))-1)+IF('Standard Profiles'!$G$20=$B$10,7,0)+IF('Standard Profiles'!$G$20=$B$17,14,0)+IF('Standard Profiles'!$G$20=$B$24,21,0),0)),0)</f>
        <v>0</v>
      </c>
      <c r="G766" cm="1">
        <f t="array" ref="G766">IFERROR(INDEX(Jesper!AK$2:AK$366,ROUNDDOWN($C766/24,0)+1,1)*INDEX($D$3:$AA$30,INDEX(Jesper!$R$2:$R$366,ROW(INDEX(Jesper!AK$2:AK$366,ROUNDDOWN($C766/24,0)+1,1))-1)+IF('Standard Profiles'!$G$21=$B$10,7,0)+IF('Standard Profiles'!$G$21=$B$17,14,0)+IF('Standard Profiles'!$G$21=$B$24,21,0),MOD($C766,24)+1)/SUM(INDEX($D$3:$AA$30,INDEX(Jesper!$R$2:$R$366,ROW(INDEX(Jesper!AK$2:AK$366,ROUNDDOWN($C766/24,0)+1,1))-1)+IF('Standard Profiles'!$G$21=$B$10,7,0)+IF('Standard Profiles'!$G$21=$B$17,14,0)+IF('Standard Profiles'!$G$21=$B$24,21,0),0)),0)</f>
        <v>0</v>
      </c>
      <c r="H766" cm="1">
        <f t="array" ref="H766">IFERROR(INDEX(Jesper!AL$2:AL$366,ROUNDDOWN($C766/24,0)+1,1)*INDEX($D$3:$AA$30,INDEX(Jesper!$R$2:$R$366,ROW(INDEX(Jesper!AL$2:AL$366,ROUNDDOWN($C766/24,0)+1,1))-1)+IF('Standard Profiles'!$G$22=$B$10,7,0)+IF('Standard Profiles'!$G$22=$B$17,14,0)+IF('Standard Profiles'!$G$22=$B$24,21,0),MOD($C766,24)+1)/SUM(INDEX($D$3:$AA$30,INDEX(Jesper!$R$2:$R$366,ROW(INDEX(Jesper!AL$2:AL$366,ROUNDDOWN($C766/24,0)+1,1))-1)+IF('Standard Profiles'!$G$22=$B$10,7,0)+IF('Standard Profiles'!$G$22=$B$17,14,0)+IF('Standard Profiles'!$G$22=$B$24,21,0),0)),0)</f>
        <v>0</v>
      </c>
      <c r="I766">
        <f t="shared" si="97"/>
        <v>0.48002621903251275</v>
      </c>
      <c r="J766">
        <f t="shared" si="98"/>
        <v>1.6000873967750426</v>
      </c>
      <c r="K766">
        <f t="shared" si="99"/>
        <v>2.4001310951625636</v>
      </c>
      <c r="L766">
        <f t="shared" si="100"/>
        <v>11.520629256780307</v>
      </c>
      <c r="M766">
        <f t="shared" si="101"/>
        <v>0</v>
      </c>
      <c r="N766" s="46">
        <f t="shared" si="102"/>
        <v>45322.499999998225</v>
      </c>
    </row>
    <row r="767" spans="2:14" x14ac:dyDescent="0.3">
      <c r="B767">
        <f t="shared" si="96"/>
        <v>3</v>
      </c>
      <c r="C767" s="16">
        <v>733</v>
      </c>
      <c r="D767" cm="1">
        <f t="array" ref="D767">IFERROR(INDEX(Jesper!AH$2:AH$366,ROUNDDOWN($C767/24,0)+1,1)*INDEX($D$3:$AA$30,INDEX(Jesper!$R$2:$R$366,ROW(INDEX(Jesper!AH$2:AH$366,ROUNDDOWN($C767/24,0)+1,1))-1)+IF('Standard Profiles'!$G$18=$B$10,7,0)+IF('Standard Profiles'!$G$18=$B$17,14,0)+IF('Standard Profiles'!$G$18=$B$24,21,0),MOD($C767,24)+1)/SUM(INDEX($D$3:$AA$30,INDEX(Jesper!$R$2:$R$366,ROW(INDEX(Jesper!AH$2:AH$366,ROUNDDOWN($C767/24,0)+1,1))-1)+IF('Standard Profiles'!$G$18=$B$10,7,0)+IF('Standard Profiles'!$G$18=$B$17,14,0)+IF('Standard Profiles'!$G$18=$B$24,21,0),0)),0)</f>
        <v>16.000873967750426</v>
      </c>
      <c r="E767" cm="1">
        <f t="array" ref="E767">IFERROR(INDEX(Jesper!AI$2:AI$366,ROUNDDOWN($C767/24,0)+1,1)*INDEX($D$3:$AA$30,INDEX(Jesper!$R$2:$R$366,ROW(INDEX(Jesper!AI$2:AI$366,ROUNDDOWN($C767/24,0)+1,1))-1)+IF('Standard Profiles'!$G$19=$B$10,7,0)+IF('Standard Profiles'!$G$19=$B$17,14,0)+IF('Standard Profiles'!$G$19=$B$24,21,0),MOD($C767,24)+1)/SUM(INDEX($D$3:$AA$30,INDEX(Jesper!$R$2:$R$366,ROW(INDEX(Jesper!AI$2:AI$366,ROUNDDOWN($C767/24,0)+1,1))-1)+IF('Standard Profiles'!$G$19=$B$10,7,0)+IF('Standard Profiles'!$G$19=$B$17,14,0)+IF('Standard Profiles'!$G$19=$B$24,21,0),0)),0)</f>
        <v>0</v>
      </c>
      <c r="F767" cm="1">
        <f t="array" ref="F767">IFERROR(INDEX(Jesper!AJ$2:AJ$366,ROUNDDOWN($C767/24,0)+1,1)*INDEX($D$3:$AA$30,INDEX(Jesper!$R$2:$R$366,ROW(INDEX(Jesper!AJ$2:AJ$366,ROUNDDOWN($C767/24,0)+1,1))-1)+IF('Standard Profiles'!$G$20=$B$10,7,0)+IF('Standard Profiles'!$G$20=$B$17,14,0)+IF('Standard Profiles'!$G$20=$B$24,21,0),MOD($C767,24)+1)/SUM(INDEX($D$3:$AA$30,INDEX(Jesper!$R$2:$R$366,ROW(INDEX(Jesper!AJ$2:AJ$366,ROUNDDOWN($C767/24,0)+1,1))-1)+IF('Standard Profiles'!$G$20=$B$10,7,0)+IF('Standard Profiles'!$G$20=$B$17,14,0)+IF('Standard Profiles'!$G$20=$B$24,21,0),0)),0)</f>
        <v>0</v>
      </c>
      <c r="G767" cm="1">
        <f t="array" ref="G767">IFERROR(INDEX(Jesper!AK$2:AK$366,ROUNDDOWN($C767/24,0)+1,1)*INDEX($D$3:$AA$30,INDEX(Jesper!$R$2:$R$366,ROW(INDEX(Jesper!AK$2:AK$366,ROUNDDOWN($C767/24,0)+1,1))-1)+IF('Standard Profiles'!$G$21=$B$10,7,0)+IF('Standard Profiles'!$G$21=$B$17,14,0)+IF('Standard Profiles'!$G$21=$B$24,21,0),MOD($C767,24)+1)/SUM(INDEX($D$3:$AA$30,INDEX(Jesper!$R$2:$R$366,ROW(INDEX(Jesper!AK$2:AK$366,ROUNDDOWN($C767/24,0)+1,1))-1)+IF('Standard Profiles'!$G$21=$B$10,7,0)+IF('Standard Profiles'!$G$21=$B$17,14,0)+IF('Standard Profiles'!$G$21=$B$24,21,0),0)),0)</f>
        <v>0</v>
      </c>
      <c r="H767" cm="1">
        <f t="array" ref="H767">IFERROR(INDEX(Jesper!AL$2:AL$366,ROUNDDOWN($C767/24,0)+1,1)*INDEX($D$3:$AA$30,INDEX(Jesper!$R$2:$R$366,ROW(INDEX(Jesper!AL$2:AL$366,ROUNDDOWN($C767/24,0)+1,1))-1)+IF('Standard Profiles'!$G$22=$B$10,7,0)+IF('Standard Profiles'!$G$22=$B$17,14,0)+IF('Standard Profiles'!$G$22=$B$24,21,0),MOD($C767,24)+1)/SUM(INDEX($D$3:$AA$30,INDEX(Jesper!$R$2:$R$366,ROW(INDEX(Jesper!AL$2:AL$366,ROUNDDOWN($C767/24,0)+1,1))-1)+IF('Standard Profiles'!$G$22=$B$10,7,0)+IF('Standard Profiles'!$G$22=$B$17,14,0)+IF('Standard Profiles'!$G$22=$B$24,21,0),0)),0)</f>
        <v>0</v>
      </c>
      <c r="I767">
        <f t="shared" si="97"/>
        <v>0.48002621903251275</v>
      </c>
      <c r="J767">
        <f t="shared" si="98"/>
        <v>1.6000873967750426</v>
      </c>
      <c r="K767">
        <f t="shared" si="99"/>
        <v>2.4001310951625636</v>
      </c>
      <c r="L767">
        <f t="shared" si="100"/>
        <v>11.520629256780307</v>
      </c>
      <c r="M767">
        <f t="shared" si="101"/>
        <v>0</v>
      </c>
      <c r="N767" s="46">
        <f t="shared" si="102"/>
        <v>45322.541666664889</v>
      </c>
    </row>
    <row r="768" spans="2:14" x14ac:dyDescent="0.3">
      <c r="B768">
        <f t="shared" si="96"/>
        <v>3</v>
      </c>
      <c r="C768" s="16">
        <v>734</v>
      </c>
      <c r="D768" cm="1">
        <f t="array" ref="D768">IFERROR(INDEX(Jesper!AH$2:AH$366,ROUNDDOWN($C768/24,0)+1,1)*INDEX($D$3:$AA$30,INDEX(Jesper!$R$2:$R$366,ROW(INDEX(Jesper!AH$2:AH$366,ROUNDDOWN($C768/24,0)+1,1))-1)+IF('Standard Profiles'!$G$18=$B$10,7,0)+IF('Standard Profiles'!$G$18=$B$17,14,0)+IF('Standard Profiles'!$G$18=$B$24,21,0),MOD($C768,24)+1)/SUM(INDEX($D$3:$AA$30,INDEX(Jesper!$R$2:$R$366,ROW(INDEX(Jesper!AH$2:AH$366,ROUNDDOWN($C768/24,0)+1,1))-1)+IF('Standard Profiles'!$G$18=$B$10,7,0)+IF('Standard Profiles'!$G$18=$B$17,14,0)+IF('Standard Profiles'!$G$18=$B$24,21,0),0)),0)</f>
        <v>16.000873967750426</v>
      </c>
      <c r="E768" cm="1">
        <f t="array" ref="E768">IFERROR(INDEX(Jesper!AI$2:AI$366,ROUNDDOWN($C768/24,0)+1,1)*INDEX($D$3:$AA$30,INDEX(Jesper!$R$2:$R$366,ROW(INDEX(Jesper!AI$2:AI$366,ROUNDDOWN($C768/24,0)+1,1))-1)+IF('Standard Profiles'!$G$19=$B$10,7,0)+IF('Standard Profiles'!$G$19=$B$17,14,0)+IF('Standard Profiles'!$G$19=$B$24,21,0),MOD($C768,24)+1)/SUM(INDEX($D$3:$AA$30,INDEX(Jesper!$R$2:$R$366,ROW(INDEX(Jesper!AI$2:AI$366,ROUNDDOWN($C768/24,0)+1,1))-1)+IF('Standard Profiles'!$G$19=$B$10,7,0)+IF('Standard Profiles'!$G$19=$B$17,14,0)+IF('Standard Profiles'!$G$19=$B$24,21,0),0)),0)</f>
        <v>0</v>
      </c>
      <c r="F768" cm="1">
        <f t="array" ref="F768">IFERROR(INDEX(Jesper!AJ$2:AJ$366,ROUNDDOWN($C768/24,0)+1,1)*INDEX($D$3:$AA$30,INDEX(Jesper!$R$2:$R$366,ROW(INDEX(Jesper!AJ$2:AJ$366,ROUNDDOWN($C768/24,0)+1,1))-1)+IF('Standard Profiles'!$G$20=$B$10,7,0)+IF('Standard Profiles'!$G$20=$B$17,14,0)+IF('Standard Profiles'!$G$20=$B$24,21,0),MOD($C768,24)+1)/SUM(INDEX($D$3:$AA$30,INDEX(Jesper!$R$2:$R$366,ROW(INDEX(Jesper!AJ$2:AJ$366,ROUNDDOWN($C768/24,0)+1,1))-1)+IF('Standard Profiles'!$G$20=$B$10,7,0)+IF('Standard Profiles'!$G$20=$B$17,14,0)+IF('Standard Profiles'!$G$20=$B$24,21,0),0)),0)</f>
        <v>0</v>
      </c>
      <c r="G768" cm="1">
        <f t="array" ref="G768">IFERROR(INDEX(Jesper!AK$2:AK$366,ROUNDDOWN($C768/24,0)+1,1)*INDEX($D$3:$AA$30,INDEX(Jesper!$R$2:$R$366,ROW(INDEX(Jesper!AK$2:AK$366,ROUNDDOWN($C768/24,0)+1,1))-1)+IF('Standard Profiles'!$G$21=$B$10,7,0)+IF('Standard Profiles'!$G$21=$B$17,14,0)+IF('Standard Profiles'!$G$21=$B$24,21,0),MOD($C768,24)+1)/SUM(INDEX($D$3:$AA$30,INDEX(Jesper!$R$2:$R$366,ROW(INDEX(Jesper!AK$2:AK$366,ROUNDDOWN($C768/24,0)+1,1))-1)+IF('Standard Profiles'!$G$21=$B$10,7,0)+IF('Standard Profiles'!$G$21=$B$17,14,0)+IF('Standard Profiles'!$G$21=$B$24,21,0),0)),0)</f>
        <v>0</v>
      </c>
      <c r="H768" cm="1">
        <f t="array" ref="H768">IFERROR(INDEX(Jesper!AL$2:AL$366,ROUNDDOWN($C768/24,0)+1,1)*INDEX($D$3:$AA$30,INDEX(Jesper!$R$2:$R$366,ROW(INDEX(Jesper!AL$2:AL$366,ROUNDDOWN($C768/24,0)+1,1))-1)+IF('Standard Profiles'!$G$22=$B$10,7,0)+IF('Standard Profiles'!$G$22=$B$17,14,0)+IF('Standard Profiles'!$G$22=$B$24,21,0),MOD($C768,24)+1)/SUM(INDEX($D$3:$AA$30,INDEX(Jesper!$R$2:$R$366,ROW(INDEX(Jesper!AL$2:AL$366,ROUNDDOWN($C768/24,0)+1,1))-1)+IF('Standard Profiles'!$G$22=$B$10,7,0)+IF('Standard Profiles'!$G$22=$B$17,14,0)+IF('Standard Profiles'!$G$22=$B$24,21,0),0)),0)</f>
        <v>0</v>
      </c>
      <c r="I768">
        <f t="shared" si="97"/>
        <v>0.48002621903251275</v>
      </c>
      <c r="J768">
        <f t="shared" si="98"/>
        <v>1.6000873967750426</v>
      </c>
      <c r="K768">
        <f t="shared" si="99"/>
        <v>2.4001310951625636</v>
      </c>
      <c r="L768">
        <f t="shared" si="100"/>
        <v>11.520629256780307</v>
      </c>
      <c r="M768">
        <f t="shared" si="101"/>
        <v>0</v>
      </c>
      <c r="N768" s="46">
        <f t="shared" si="102"/>
        <v>45322.583333331553</v>
      </c>
    </row>
    <row r="769" spans="2:14" x14ac:dyDescent="0.3">
      <c r="B769">
        <f t="shared" si="96"/>
        <v>3</v>
      </c>
      <c r="C769" s="16">
        <v>735</v>
      </c>
      <c r="D769" cm="1">
        <f t="array" ref="D769">IFERROR(INDEX(Jesper!AH$2:AH$366,ROUNDDOWN($C769/24,0)+1,1)*INDEX($D$3:$AA$30,INDEX(Jesper!$R$2:$R$366,ROW(INDEX(Jesper!AH$2:AH$366,ROUNDDOWN($C769/24,0)+1,1))-1)+IF('Standard Profiles'!$G$18=$B$10,7,0)+IF('Standard Profiles'!$G$18=$B$17,14,0)+IF('Standard Profiles'!$G$18=$B$24,21,0),MOD($C769,24)+1)/SUM(INDEX($D$3:$AA$30,INDEX(Jesper!$R$2:$R$366,ROW(INDEX(Jesper!AH$2:AH$366,ROUNDDOWN($C769/24,0)+1,1))-1)+IF('Standard Profiles'!$G$18=$B$10,7,0)+IF('Standard Profiles'!$G$18=$B$17,14,0)+IF('Standard Profiles'!$G$18=$B$24,21,0),0)),0)</f>
        <v>16.000873967750426</v>
      </c>
      <c r="E769" cm="1">
        <f t="array" ref="E769">IFERROR(INDEX(Jesper!AI$2:AI$366,ROUNDDOWN($C769/24,0)+1,1)*INDEX($D$3:$AA$30,INDEX(Jesper!$R$2:$R$366,ROW(INDEX(Jesper!AI$2:AI$366,ROUNDDOWN($C769/24,0)+1,1))-1)+IF('Standard Profiles'!$G$19=$B$10,7,0)+IF('Standard Profiles'!$G$19=$B$17,14,0)+IF('Standard Profiles'!$G$19=$B$24,21,0),MOD($C769,24)+1)/SUM(INDEX($D$3:$AA$30,INDEX(Jesper!$R$2:$R$366,ROW(INDEX(Jesper!AI$2:AI$366,ROUNDDOWN($C769/24,0)+1,1))-1)+IF('Standard Profiles'!$G$19=$B$10,7,0)+IF('Standard Profiles'!$G$19=$B$17,14,0)+IF('Standard Profiles'!$G$19=$B$24,21,0),0)),0)</f>
        <v>0</v>
      </c>
      <c r="F769" cm="1">
        <f t="array" ref="F769">IFERROR(INDEX(Jesper!AJ$2:AJ$366,ROUNDDOWN($C769/24,0)+1,1)*INDEX($D$3:$AA$30,INDEX(Jesper!$R$2:$R$366,ROW(INDEX(Jesper!AJ$2:AJ$366,ROUNDDOWN($C769/24,0)+1,1))-1)+IF('Standard Profiles'!$G$20=$B$10,7,0)+IF('Standard Profiles'!$G$20=$B$17,14,0)+IF('Standard Profiles'!$G$20=$B$24,21,0),MOD($C769,24)+1)/SUM(INDEX($D$3:$AA$30,INDEX(Jesper!$R$2:$R$366,ROW(INDEX(Jesper!AJ$2:AJ$366,ROUNDDOWN($C769/24,0)+1,1))-1)+IF('Standard Profiles'!$G$20=$B$10,7,0)+IF('Standard Profiles'!$G$20=$B$17,14,0)+IF('Standard Profiles'!$G$20=$B$24,21,0),0)),0)</f>
        <v>0</v>
      </c>
      <c r="G769" cm="1">
        <f t="array" ref="G769">IFERROR(INDEX(Jesper!AK$2:AK$366,ROUNDDOWN($C769/24,0)+1,1)*INDEX($D$3:$AA$30,INDEX(Jesper!$R$2:$R$366,ROW(INDEX(Jesper!AK$2:AK$366,ROUNDDOWN($C769/24,0)+1,1))-1)+IF('Standard Profiles'!$G$21=$B$10,7,0)+IF('Standard Profiles'!$G$21=$B$17,14,0)+IF('Standard Profiles'!$G$21=$B$24,21,0),MOD($C769,24)+1)/SUM(INDEX($D$3:$AA$30,INDEX(Jesper!$R$2:$R$366,ROW(INDEX(Jesper!AK$2:AK$366,ROUNDDOWN($C769/24,0)+1,1))-1)+IF('Standard Profiles'!$G$21=$B$10,7,0)+IF('Standard Profiles'!$G$21=$B$17,14,0)+IF('Standard Profiles'!$G$21=$B$24,21,0),0)),0)</f>
        <v>0</v>
      </c>
      <c r="H769" cm="1">
        <f t="array" ref="H769">IFERROR(INDEX(Jesper!AL$2:AL$366,ROUNDDOWN($C769/24,0)+1,1)*INDEX($D$3:$AA$30,INDEX(Jesper!$R$2:$R$366,ROW(INDEX(Jesper!AL$2:AL$366,ROUNDDOWN($C769/24,0)+1,1))-1)+IF('Standard Profiles'!$G$22=$B$10,7,0)+IF('Standard Profiles'!$G$22=$B$17,14,0)+IF('Standard Profiles'!$G$22=$B$24,21,0),MOD($C769,24)+1)/SUM(INDEX($D$3:$AA$30,INDEX(Jesper!$R$2:$R$366,ROW(INDEX(Jesper!AL$2:AL$366,ROUNDDOWN($C769/24,0)+1,1))-1)+IF('Standard Profiles'!$G$22=$B$10,7,0)+IF('Standard Profiles'!$G$22=$B$17,14,0)+IF('Standard Profiles'!$G$22=$B$24,21,0),0)),0)</f>
        <v>0</v>
      </c>
      <c r="I769">
        <f t="shared" si="97"/>
        <v>0.48002621903251275</v>
      </c>
      <c r="J769">
        <f t="shared" si="98"/>
        <v>1.6000873967750426</v>
      </c>
      <c r="K769">
        <f t="shared" si="99"/>
        <v>2.4001310951625636</v>
      </c>
      <c r="L769">
        <f t="shared" si="100"/>
        <v>11.520629256780307</v>
      </c>
      <c r="M769">
        <f t="shared" si="101"/>
        <v>0</v>
      </c>
      <c r="N769" s="46">
        <f t="shared" si="102"/>
        <v>45322.624999998217</v>
      </c>
    </row>
    <row r="770" spans="2:14" x14ac:dyDescent="0.3">
      <c r="B770">
        <f t="shared" si="96"/>
        <v>3</v>
      </c>
      <c r="C770" s="16">
        <v>736</v>
      </c>
      <c r="D770" cm="1">
        <f t="array" ref="D770">IFERROR(INDEX(Jesper!AH$2:AH$366,ROUNDDOWN($C770/24,0)+1,1)*INDEX($D$3:$AA$30,INDEX(Jesper!$R$2:$R$366,ROW(INDEX(Jesper!AH$2:AH$366,ROUNDDOWN($C770/24,0)+1,1))-1)+IF('Standard Profiles'!$G$18=$B$10,7,0)+IF('Standard Profiles'!$G$18=$B$17,14,0)+IF('Standard Profiles'!$G$18=$B$24,21,0),MOD($C770,24)+1)/SUM(INDEX($D$3:$AA$30,INDEX(Jesper!$R$2:$R$366,ROW(INDEX(Jesper!AH$2:AH$366,ROUNDDOWN($C770/24,0)+1,1))-1)+IF('Standard Profiles'!$G$18=$B$10,7,0)+IF('Standard Profiles'!$G$18=$B$17,14,0)+IF('Standard Profiles'!$G$18=$B$24,21,0),0)),0)</f>
        <v>16.000873967750426</v>
      </c>
      <c r="E770" cm="1">
        <f t="array" ref="E770">IFERROR(INDEX(Jesper!AI$2:AI$366,ROUNDDOWN($C770/24,0)+1,1)*INDEX($D$3:$AA$30,INDEX(Jesper!$R$2:$R$366,ROW(INDEX(Jesper!AI$2:AI$366,ROUNDDOWN($C770/24,0)+1,1))-1)+IF('Standard Profiles'!$G$19=$B$10,7,0)+IF('Standard Profiles'!$G$19=$B$17,14,0)+IF('Standard Profiles'!$G$19=$B$24,21,0),MOD($C770,24)+1)/SUM(INDEX($D$3:$AA$30,INDEX(Jesper!$R$2:$R$366,ROW(INDEX(Jesper!AI$2:AI$366,ROUNDDOWN($C770/24,0)+1,1))-1)+IF('Standard Profiles'!$G$19=$B$10,7,0)+IF('Standard Profiles'!$G$19=$B$17,14,0)+IF('Standard Profiles'!$G$19=$B$24,21,0),0)),0)</f>
        <v>0</v>
      </c>
      <c r="F770" cm="1">
        <f t="array" ref="F770">IFERROR(INDEX(Jesper!AJ$2:AJ$366,ROUNDDOWN($C770/24,0)+1,1)*INDEX($D$3:$AA$30,INDEX(Jesper!$R$2:$R$366,ROW(INDEX(Jesper!AJ$2:AJ$366,ROUNDDOWN($C770/24,0)+1,1))-1)+IF('Standard Profiles'!$G$20=$B$10,7,0)+IF('Standard Profiles'!$G$20=$B$17,14,0)+IF('Standard Profiles'!$G$20=$B$24,21,0),MOD($C770,24)+1)/SUM(INDEX($D$3:$AA$30,INDEX(Jesper!$R$2:$R$366,ROW(INDEX(Jesper!AJ$2:AJ$366,ROUNDDOWN($C770/24,0)+1,1))-1)+IF('Standard Profiles'!$G$20=$B$10,7,0)+IF('Standard Profiles'!$G$20=$B$17,14,0)+IF('Standard Profiles'!$G$20=$B$24,21,0),0)),0)</f>
        <v>0</v>
      </c>
      <c r="G770" cm="1">
        <f t="array" ref="G770">IFERROR(INDEX(Jesper!AK$2:AK$366,ROUNDDOWN($C770/24,0)+1,1)*INDEX($D$3:$AA$30,INDEX(Jesper!$R$2:$R$366,ROW(INDEX(Jesper!AK$2:AK$366,ROUNDDOWN($C770/24,0)+1,1))-1)+IF('Standard Profiles'!$G$21=$B$10,7,0)+IF('Standard Profiles'!$G$21=$B$17,14,0)+IF('Standard Profiles'!$G$21=$B$24,21,0),MOD($C770,24)+1)/SUM(INDEX($D$3:$AA$30,INDEX(Jesper!$R$2:$R$366,ROW(INDEX(Jesper!AK$2:AK$366,ROUNDDOWN($C770/24,0)+1,1))-1)+IF('Standard Profiles'!$G$21=$B$10,7,0)+IF('Standard Profiles'!$G$21=$B$17,14,0)+IF('Standard Profiles'!$G$21=$B$24,21,0),0)),0)</f>
        <v>0</v>
      </c>
      <c r="H770" cm="1">
        <f t="array" ref="H770">IFERROR(INDEX(Jesper!AL$2:AL$366,ROUNDDOWN($C770/24,0)+1,1)*INDEX($D$3:$AA$30,INDEX(Jesper!$R$2:$R$366,ROW(INDEX(Jesper!AL$2:AL$366,ROUNDDOWN($C770/24,0)+1,1))-1)+IF('Standard Profiles'!$G$22=$B$10,7,0)+IF('Standard Profiles'!$G$22=$B$17,14,0)+IF('Standard Profiles'!$G$22=$B$24,21,0),MOD($C770,24)+1)/SUM(INDEX($D$3:$AA$30,INDEX(Jesper!$R$2:$R$366,ROW(INDEX(Jesper!AL$2:AL$366,ROUNDDOWN($C770/24,0)+1,1))-1)+IF('Standard Profiles'!$G$22=$B$10,7,0)+IF('Standard Profiles'!$G$22=$B$17,14,0)+IF('Standard Profiles'!$G$22=$B$24,21,0),0)),0)</f>
        <v>0</v>
      </c>
      <c r="I770">
        <f t="shared" si="97"/>
        <v>0.48002621903251275</v>
      </c>
      <c r="J770">
        <f t="shared" si="98"/>
        <v>1.6000873967750426</v>
      </c>
      <c r="K770">
        <f t="shared" si="99"/>
        <v>2.4001310951625636</v>
      </c>
      <c r="L770">
        <f t="shared" si="100"/>
        <v>11.520629256780307</v>
      </c>
      <c r="M770">
        <f t="shared" si="101"/>
        <v>0</v>
      </c>
      <c r="N770" s="46">
        <f t="shared" si="102"/>
        <v>45322.666666664882</v>
      </c>
    </row>
    <row r="771" spans="2:14" x14ac:dyDescent="0.3">
      <c r="B771">
        <f t="shared" si="96"/>
        <v>3</v>
      </c>
      <c r="C771" s="16">
        <v>737</v>
      </c>
      <c r="D771" cm="1">
        <f t="array" ref="D771">IFERROR(INDEX(Jesper!AH$2:AH$366,ROUNDDOWN($C771/24,0)+1,1)*INDEX($D$3:$AA$30,INDEX(Jesper!$R$2:$R$366,ROW(INDEX(Jesper!AH$2:AH$366,ROUNDDOWN($C771/24,0)+1,1))-1)+IF('Standard Profiles'!$G$18=$B$10,7,0)+IF('Standard Profiles'!$G$18=$B$17,14,0)+IF('Standard Profiles'!$G$18=$B$24,21,0),MOD($C771,24)+1)/SUM(INDEX($D$3:$AA$30,INDEX(Jesper!$R$2:$R$366,ROW(INDEX(Jesper!AH$2:AH$366,ROUNDDOWN($C771/24,0)+1,1))-1)+IF('Standard Profiles'!$G$18=$B$10,7,0)+IF('Standard Profiles'!$G$18=$B$17,14,0)+IF('Standard Profiles'!$G$18=$B$24,21,0),0)),0)</f>
        <v>16.000873967750426</v>
      </c>
      <c r="E771" cm="1">
        <f t="array" ref="E771">IFERROR(INDEX(Jesper!AI$2:AI$366,ROUNDDOWN($C771/24,0)+1,1)*INDEX($D$3:$AA$30,INDEX(Jesper!$R$2:$R$366,ROW(INDEX(Jesper!AI$2:AI$366,ROUNDDOWN($C771/24,0)+1,1))-1)+IF('Standard Profiles'!$G$19=$B$10,7,0)+IF('Standard Profiles'!$G$19=$B$17,14,0)+IF('Standard Profiles'!$G$19=$B$24,21,0),MOD($C771,24)+1)/SUM(INDEX($D$3:$AA$30,INDEX(Jesper!$R$2:$R$366,ROW(INDEX(Jesper!AI$2:AI$366,ROUNDDOWN($C771/24,0)+1,1))-1)+IF('Standard Profiles'!$G$19=$B$10,7,0)+IF('Standard Profiles'!$G$19=$B$17,14,0)+IF('Standard Profiles'!$G$19=$B$24,21,0),0)),0)</f>
        <v>0</v>
      </c>
      <c r="F771" cm="1">
        <f t="array" ref="F771">IFERROR(INDEX(Jesper!AJ$2:AJ$366,ROUNDDOWN($C771/24,0)+1,1)*INDEX($D$3:$AA$30,INDEX(Jesper!$R$2:$R$366,ROW(INDEX(Jesper!AJ$2:AJ$366,ROUNDDOWN($C771/24,0)+1,1))-1)+IF('Standard Profiles'!$G$20=$B$10,7,0)+IF('Standard Profiles'!$G$20=$B$17,14,0)+IF('Standard Profiles'!$G$20=$B$24,21,0),MOD($C771,24)+1)/SUM(INDEX($D$3:$AA$30,INDEX(Jesper!$R$2:$R$366,ROW(INDEX(Jesper!AJ$2:AJ$366,ROUNDDOWN($C771/24,0)+1,1))-1)+IF('Standard Profiles'!$G$20=$B$10,7,0)+IF('Standard Profiles'!$G$20=$B$17,14,0)+IF('Standard Profiles'!$G$20=$B$24,21,0),0)),0)</f>
        <v>0</v>
      </c>
      <c r="G771" cm="1">
        <f t="array" ref="G771">IFERROR(INDEX(Jesper!AK$2:AK$366,ROUNDDOWN($C771/24,0)+1,1)*INDEX($D$3:$AA$30,INDEX(Jesper!$R$2:$R$366,ROW(INDEX(Jesper!AK$2:AK$366,ROUNDDOWN($C771/24,0)+1,1))-1)+IF('Standard Profiles'!$G$21=$B$10,7,0)+IF('Standard Profiles'!$G$21=$B$17,14,0)+IF('Standard Profiles'!$G$21=$B$24,21,0),MOD($C771,24)+1)/SUM(INDEX($D$3:$AA$30,INDEX(Jesper!$R$2:$R$366,ROW(INDEX(Jesper!AK$2:AK$366,ROUNDDOWN($C771/24,0)+1,1))-1)+IF('Standard Profiles'!$G$21=$B$10,7,0)+IF('Standard Profiles'!$G$21=$B$17,14,0)+IF('Standard Profiles'!$G$21=$B$24,21,0),0)),0)</f>
        <v>0</v>
      </c>
      <c r="H771" cm="1">
        <f t="array" ref="H771">IFERROR(INDEX(Jesper!AL$2:AL$366,ROUNDDOWN($C771/24,0)+1,1)*INDEX($D$3:$AA$30,INDEX(Jesper!$R$2:$R$366,ROW(INDEX(Jesper!AL$2:AL$366,ROUNDDOWN($C771/24,0)+1,1))-1)+IF('Standard Profiles'!$G$22=$B$10,7,0)+IF('Standard Profiles'!$G$22=$B$17,14,0)+IF('Standard Profiles'!$G$22=$B$24,21,0),MOD($C771,24)+1)/SUM(INDEX($D$3:$AA$30,INDEX(Jesper!$R$2:$R$366,ROW(INDEX(Jesper!AL$2:AL$366,ROUNDDOWN($C771/24,0)+1,1))-1)+IF('Standard Profiles'!$G$22=$B$10,7,0)+IF('Standard Profiles'!$G$22=$B$17,14,0)+IF('Standard Profiles'!$G$22=$B$24,21,0),0)),0)</f>
        <v>0</v>
      </c>
      <c r="I771">
        <f t="shared" si="97"/>
        <v>0.48002621903251275</v>
      </c>
      <c r="J771">
        <f t="shared" si="98"/>
        <v>1.6000873967750426</v>
      </c>
      <c r="K771">
        <f t="shared" si="99"/>
        <v>2.4001310951625636</v>
      </c>
      <c r="L771">
        <f t="shared" si="100"/>
        <v>11.520629256780307</v>
      </c>
      <c r="M771">
        <f t="shared" si="101"/>
        <v>0</v>
      </c>
      <c r="N771" s="46">
        <f t="shared" si="102"/>
        <v>45322.708333331546</v>
      </c>
    </row>
    <row r="772" spans="2:14" x14ac:dyDescent="0.3">
      <c r="B772">
        <f t="shared" si="96"/>
        <v>3</v>
      </c>
      <c r="C772" s="16">
        <v>738</v>
      </c>
      <c r="D772" cm="1">
        <f t="array" ref="D772">IFERROR(INDEX(Jesper!AH$2:AH$366,ROUNDDOWN($C772/24,0)+1,1)*INDEX($D$3:$AA$30,INDEX(Jesper!$R$2:$R$366,ROW(INDEX(Jesper!AH$2:AH$366,ROUNDDOWN($C772/24,0)+1,1))-1)+IF('Standard Profiles'!$G$18=$B$10,7,0)+IF('Standard Profiles'!$G$18=$B$17,14,0)+IF('Standard Profiles'!$G$18=$B$24,21,0),MOD($C772,24)+1)/SUM(INDEX($D$3:$AA$30,INDEX(Jesper!$R$2:$R$366,ROW(INDEX(Jesper!AH$2:AH$366,ROUNDDOWN($C772/24,0)+1,1))-1)+IF('Standard Profiles'!$G$18=$B$10,7,0)+IF('Standard Profiles'!$G$18=$B$17,14,0)+IF('Standard Profiles'!$G$18=$B$24,21,0),0)),0)</f>
        <v>16.000873967750426</v>
      </c>
      <c r="E772" cm="1">
        <f t="array" ref="E772">IFERROR(INDEX(Jesper!AI$2:AI$366,ROUNDDOWN($C772/24,0)+1,1)*INDEX($D$3:$AA$30,INDEX(Jesper!$R$2:$R$366,ROW(INDEX(Jesper!AI$2:AI$366,ROUNDDOWN($C772/24,0)+1,1))-1)+IF('Standard Profiles'!$G$19=$B$10,7,0)+IF('Standard Profiles'!$G$19=$B$17,14,0)+IF('Standard Profiles'!$G$19=$B$24,21,0),MOD($C772,24)+1)/SUM(INDEX($D$3:$AA$30,INDEX(Jesper!$R$2:$R$366,ROW(INDEX(Jesper!AI$2:AI$366,ROUNDDOWN($C772/24,0)+1,1))-1)+IF('Standard Profiles'!$G$19=$B$10,7,0)+IF('Standard Profiles'!$G$19=$B$17,14,0)+IF('Standard Profiles'!$G$19=$B$24,21,0),0)),0)</f>
        <v>0</v>
      </c>
      <c r="F772" cm="1">
        <f t="array" ref="F772">IFERROR(INDEX(Jesper!AJ$2:AJ$366,ROUNDDOWN($C772/24,0)+1,1)*INDEX($D$3:$AA$30,INDEX(Jesper!$R$2:$R$366,ROW(INDEX(Jesper!AJ$2:AJ$366,ROUNDDOWN($C772/24,0)+1,1))-1)+IF('Standard Profiles'!$G$20=$B$10,7,0)+IF('Standard Profiles'!$G$20=$B$17,14,0)+IF('Standard Profiles'!$G$20=$B$24,21,0),MOD($C772,24)+1)/SUM(INDEX($D$3:$AA$30,INDEX(Jesper!$R$2:$R$366,ROW(INDEX(Jesper!AJ$2:AJ$366,ROUNDDOWN($C772/24,0)+1,1))-1)+IF('Standard Profiles'!$G$20=$B$10,7,0)+IF('Standard Profiles'!$G$20=$B$17,14,0)+IF('Standard Profiles'!$G$20=$B$24,21,0),0)),0)</f>
        <v>0</v>
      </c>
      <c r="G772" cm="1">
        <f t="array" ref="G772">IFERROR(INDEX(Jesper!AK$2:AK$366,ROUNDDOWN($C772/24,0)+1,1)*INDEX($D$3:$AA$30,INDEX(Jesper!$R$2:$R$366,ROW(INDEX(Jesper!AK$2:AK$366,ROUNDDOWN($C772/24,0)+1,1))-1)+IF('Standard Profiles'!$G$21=$B$10,7,0)+IF('Standard Profiles'!$G$21=$B$17,14,0)+IF('Standard Profiles'!$G$21=$B$24,21,0),MOD($C772,24)+1)/SUM(INDEX($D$3:$AA$30,INDEX(Jesper!$R$2:$R$366,ROW(INDEX(Jesper!AK$2:AK$366,ROUNDDOWN($C772/24,0)+1,1))-1)+IF('Standard Profiles'!$G$21=$B$10,7,0)+IF('Standard Profiles'!$G$21=$B$17,14,0)+IF('Standard Profiles'!$G$21=$B$24,21,0),0)),0)</f>
        <v>0</v>
      </c>
      <c r="H772" cm="1">
        <f t="array" ref="H772">IFERROR(INDEX(Jesper!AL$2:AL$366,ROUNDDOWN($C772/24,0)+1,1)*INDEX($D$3:$AA$30,INDEX(Jesper!$R$2:$R$366,ROW(INDEX(Jesper!AL$2:AL$366,ROUNDDOWN($C772/24,0)+1,1))-1)+IF('Standard Profiles'!$G$22=$B$10,7,0)+IF('Standard Profiles'!$G$22=$B$17,14,0)+IF('Standard Profiles'!$G$22=$B$24,21,0),MOD($C772,24)+1)/SUM(INDEX($D$3:$AA$30,INDEX(Jesper!$R$2:$R$366,ROW(INDEX(Jesper!AL$2:AL$366,ROUNDDOWN($C772/24,0)+1,1))-1)+IF('Standard Profiles'!$G$22=$B$10,7,0)+IF('Standard Profiles'!$G$22=$B$17,14,0)+IF('Standard Profiles'!$G$22=$B$24,21,0),0)),0)</f>
        <v>0</v>
      </c>
      <c r="I772">
        <f t="shared" si="97"/>
        <v>0.48002621903251275</v>
      </c>
      <c r="J772">
        <f t="shared" si="98"/>
        <v>1.6000873967750426</v>
      </c>
      <c r="K772">
        <f t="shared" si="99"/>
        <v>2.4001310951625636</v>
      </c>
      <c r="L772">
        <f t="shared" si="100"/>
        <v>11.520629256780307</v>
      </c>
      <c r="M772">
        <f t="shared" si="101"/>
        <v>0</v>
      </c>
      <c r="N772" s="46">
        <f t="shared" si="102"/>
        <v>45322.74999999821</v>
      </c>
    </row>
    <row r="773" spans="2:14" x14ac:dyDescent="0.3">
      <c r="B773">
        <f t="shared" si="96"/>
        <v>3</v>
      </c>
      <c r="C773" s="16">
        <v>739</v>
      </c>
      <c r="D773" cm="1">
        <f t="array" ref="D773">IFERROR(INDEX(Jesper!AH$2:AH$366,ROUNDDOWN($C773/24,0)+1,1)*INDEX($D$3:$AA$30,INDEX(Jesper!$R$2:$R$366,ROW(INDEX(Jesper!AH$2:AH$366,ROUNDDOWN($C773/24,0)+1,1))-1)+IF('Standard Profiles'!$G$18=$B$10,7,0)+IF('Standard Profiles'!$G$18=$B$17,14,0)+IF('Standard Profiles'!$G$18=$B$24,21,0),MOD($C773,24)+1)/SUM(INDEX($D$3:$AA$30,INDEX(Jesper!$R$2:$R$366,ROW(INDEX(Jesper!AH$2:AH$366,ROUNDDOWN($C773/24,0)+1,1))-1)+IF('Standard Profiles'!$G$18=$B$10,7,0)+IF('Standard Profiles'!$G$18=$B$17,14,0)+IF('Standard Profiles'!$G$18=$B$24,21,0),0)),0)</f>
        <v>13.334061639792022</v>
      </c>
      <c r="E773" cm="1">
        <f t="array" ref="E773">IFERROR(INDEX(Jesper!AI$2:AI$366,ROUNDDOWN($C773/24,0)+1,1)*INDEX($D$3:$AA$30,INDEX(Jesper!$R$2:$R$366,ROW(INDEX(Jesper!AI$2:AI$366,ROUNDDOWN($C773/24,0)+1,1))-1)+IF('Standard Profiles'!$G$19=$B$10,7,0)+IF('Standard Profiles'!$G$19=$B$17,14,0)+IF('Standard Profiles'!$G$19=$B$24,21,0),MOD($C773,24)+1)/SUM(INDEX($D$3:$AA$30,INDEX(Jesper!$R$2:$R$366,ROW(INDEX(Jesper!AI$2:AI$366,ROUNDDOWN($C773/24,0)+1,1))-1)+IF('Standard Profiles'!$G$19=$B$10,7,0)+IF('Standard Profiles'!$G$19=$B$17,14,0)+IF('Standard Profiles'!$G$19=$B$24,21,0),0)),0)</f>
        <v>0</v>
      </c>
      <c r="F773" cm="1">
        <f t="array" ref="F773">IFERROR(INDEX(Jesper!AJ$2:AJ$366,ROUNDDOWN($C773/24,0)+1,1)*INDEX($D$3:$AA$30,INDEX(Jesper!$R$2:$R$366,ROW(INDEX(Jesper!AJ$2:AJ$366,ROUNDDOWN($C773/24,0)+1,1))-1)+IF('Standard Profiles'!$G$20=$B$10,7,0)+IF('Standard Profiles'!$G$20=$B$17,14,0)+IF('Standard Profiles'!$G$20=$B$24,21,0),MOD($C773,24)+1)/SUM(INDEX($D$3:$AA$30,INDEX(Jesper!$R$2:$R$366,ROW(INDEX(Jesper!AJ$2:AJ$366,ROUNDDOWN($C773/24,0)+1,1))-1)+IF('Standard Profiles'!$G$20=$B$10,7,0)+IF('Standard Profiles'!$G$20=$B$17,14,0)+IF('Standard Profiles'!$G$20=$B$24,21,0),0)),0)</f>
        <v>0</v>
      </c>
      <c r="G773" cm="1">
        <f t="array" ref="G773">IFERROR(INDEX(Jesper!AK$2:AK$366,ROUNDDOWN($C773/24,0)+1,1)*INDEX($D$3:$AA$30,INDEX(Jesper!$R$2:$R$366,ROW(INDEX(Jesper!AK$2:AK$366,ROUNDDOWN($C773/24,0)+1,1))-1)+IF('Standard Profiles'!$G$21=$B$10,7,0)+IF('Standard Profiles'!$G$21=$B$17,14,0)+IF('Standard Profiles'!$G$21=$B$24,21,0),MOD($C773,24)+1)/SUM(INDEX($D$3:$AA$30,INDEX(Jesper!$R$2:$R$366,ROW(INDEX(Jesper!AK$2:AK$366,ROUNDDOWN($C773/24,0)+1,1))-1)+IF('Standard Profiles'!$G$21=$B$10,7,0)+IF('Standard Profiles'!$G$21=$B$17,14,0)+IF('Standard Profiles'!$G$21=$B$24,21,0),0)),0)</f>
        <v>0</v>
      </c>
      <c r="H773" cm="1">
        <f t="array" ref="H773">IFERROR(INDEX(Jesper!AL$2:AL$366,ROUNDDOWN($C773/24,0)+1,1)*INDEX($D$3:$AA$30,INDEX(Jesper!$R$2:$R$366,ROW(INDEX(Jesper!AL$2:AL$366,ROUNDDOWN($C773/24,0)+1,1))-1)+IF('Standard Profiles'!$G$22=$B$10,7,0)+IF('Standard Profiles'!$G$22=$B$17,14,0)+IF('Standard Profiles'!$G$22=$B$24,21,0),MOD($C773,24)+1)/SUM(INDEX($D$3:$AA$30,INDEX(Jesper!$R$2:$R$366,ROW(INDEX(Jesper!AL$2:AL$366,ROUNDDOWN($C773/24,0)+1,1))-1)+IF('Standard Profiles'!$G$22=$B$10,7,0)+IF('Standard Profiles'!$G$22=$B$17,14,0)+IF('Standard Profiles'!$G$22=$B$24,21,0),0)),0)</f>
        <v>0</v>
      </c>
      <c r="I773">
        <f t="shared" si="97"/>
        <v>0.40002184919376066</v>
      </c>
      <c r="J773">
        <f t="shared" si="98"/>
        <v>1.3334061639792023</v>
      </c>
      <c r="K773">
        <f t="shared" si="99"/>
        <v>2.0001092459688032</v>
      </c>
      <c r="L773">
        <f t="shared" si="100"/>
        <v>9.6005243806502563</v>
      </c>
      <c r="M773">
        <f t="shared" si="101"/>
        <v>0</v>
      </c>
      <c r="N773" s="46">
        <f t="shared" si="102"/>
        <v>45322.791666664874</v>
      </c>
    </row>
    <row r="774" spans="2:14" x14ac:dyDescent="0.3">
      <c r="B774">
        <f t="shared" si="96"/>
        <v>3</v>
      </c>
      <c r="C774" s="16">
        <v>740</v>
      </c>
      <c r="D774" cm="1">
        <f t="array" ref="D774">IFERROR(INDEX(Jesper!AH$2:AH$366,ROUNDDOWN($C774/24,0)+1,1)*INDEX($D$3:$AA$30,INDEX(Jesper!$R$2:$R$366,ROW(INDEX(Jesper!AH$2:AH$366,ROUNDDOWN($C774/24,0)+1,1))-1)+IF('Standard Profiles'!$G$18=$B$10,7,0)+IF('Standard Profiles'!$G$18=$B$17,14,0)+IF('Standard Profiles'!$G$18=$B$24,21,0),MOD($C774,24)+1)/SUM(INDEX($D$3:$AA$30,INDEX(Jesper!$R$2:$R$366,ROW(INDEX(Jesper!AH$2:AH$366,ROUNDDOWN($C774/24,0)+1,1))-1)+IF('Standard Profiles'!$G$18=$B$10,7,0)+IF('Standard Profiles'!$G$18=$B$17,14,0)+IF('Standard Profiles'!$G$18=$B$24,21,0),0)),0)</f>
        <v>10.667249311833618</v>
      </c>
      <c r="E774" cm="1">
        <f t="array" ref="E774">IFERROR(INDEX(Jesper!AI$2:AI$366,ROUNDDOWN($C774/24,0)+1,1)*INDEX($D$3:$AA$30,INDEX(Jesper!$R$2:$R$366,ROW(INDEX(Jesper!AI$2:AI$366,ROUNDDOWN($C774/24,0)+1,1))-1)+IF('Standard Profiles'!$G$19=$B$10,7,0)+IF('Standard Profiles'!$G$19=$B$17,14,0)+IF('Standard Profiles'!$G$19=$B$24,21,0),MOD($C774,24)+1)/SUM(INDEX($D$3:$AA$30,INDEX(Jesper!$R$2:$R$366,ROW(INDEX(Jesper!AI$2:AI$366,ROUNDDOWN($C774/24,0)+1,1))-1)+IF('Standard Profiles'!$G$19=$B$10,7,0)+IF('Standard Profiles'!$G$19=$B$17,14,0)+IF('Standard Profiles'!$G$19=$B$24,21,0),0)),0)</f>
        <v>0</v>
      </c>
      <c r="F774" cm="1">
        <f t="array" ref="F774">IFERROR(INDEX(Jesper!AJ$2:AJ$366,ROUNDDOWN($C774/24,0)+1,1)*INDEX($D$3:$AA$30,INDEX(Jesper!$R$2:$R$366,ROW(INDEX(Jesper!AJ$2:AJ$366,ROUNDDOWN($C774/24,0)+1,1))-1)+IF('Standard Profiles'!$G$20=$B$10,7,0)+IF('Standard Profiles'!$G$20=$B$17,14,0)+IF('Standard Profiles'!$G$20=$B$24,21,0),MOD($C774,24)+1)/SUM(INDEX($D$3:$AA$30,INDEX(Jesper!$R$2:$R$366,ROW(INDEX(Jesper!AJ$2:AJ$366,ROUNDDOWN($C774/24,0)+1,1))-1)+IF('Standard Profiles'!$G$20=$B$10,7,0)+IF('Standard Profiles'!$G$20=$B$17,14,0)+IF('Standard Profiles'!$G$20=$B$24,21,0),0)),0)</f>
        <v>0</v>
      </c>
      <c r="G774" cm="1">
        <f t="array" ref="G774">IFERROR(INDEX(Jesper!AK$2:AK$366,ROUNDDOWN($C774/24,0)+1,1)*INDEX($D$3:$AA$30,INDEX(Jesper!$R$2:$R$366,ROW(INDEX(Jesper!AK$2:AK$366,ROUNDDOWN($C774/24,0)+1,1))-1)+IF('Standard Profiles'!$G$21=$B$10,7,0)+IF('Standard Profiles'!$G$21=$B$17,14,0)+IF('Standard Profiles'!$G$21=$B$24,21,0),MOD($C774,24)+1)/SUM(INDEX($D$3:$AA$30,INDEX(Jesper!$R$2:$R$366,ROW(INDEX(Jesper!AK$2:AK$366,ROUNDDOWN($C774/24,0)+1,1))-1)+IF('Standard Profiles'!$G$21=$B$10,7,0)+IF('Standard Profiles'!$G$21=$B$17,14,0)+IF('Standard Profiles'!$G$21=$B$24,21,0),0)),0)</f>
        <v>0</v>
      </c>
      <c r="H774" cm="1">
        <f t="array" ref="H774">IFERROR(INDEX(Jesper!AL$2:AL$366,ROUNDDOWN($C774/24,0)+1,1)*INDEX($D$3:$AA$30,INDEX(Jesper!$R$2:$R$366,ROW(INDEX(Jesper!AL$2:AL$366,ROUNDDOWN($C774/24,0)+1,1))-1)+IF('Standard Profiles'!$G$22=$B$10,7,0)+IF('Standard Profiles'!$G$22=$B$17,14,0)+IF('Standard Profiles'!$G$22=$B$24,21,0),MOD($C774,24)+1)/SUM(INDEX($D$3:$AA$30,INDEX(Jesper!$R$2:$R$366,ROW(INDEX(Jesper!AL$2:AL$366,ROUNDDOWN($C774/24,0)+1,1))-1)+IF('Standard Profiles'!$G$22=$B$10,7,0)+IF('Standard Profiles'!$G$22=$B$17,14,0)+IF('Standard Profiles'!$G$22=$B$24,21,0),0)),0)</f>
        <v>0</v>
      </c>
      <c r="I774">
        <f t="shared" si="97"/>
        <v>0.32001747935500852</v>
      </c>
      <c r="J774">
        <f t="shared" si="98"/>
        <v>1.066724931183362</v>
      </c>
      <c r="K774">
        <f t="shared" si="99"/>
        <v>1.6000873967750426</v>
      </c>
      <c r="L774">
        <f t="shared" si="100"/>
        <v>7.6804195045202048</v>
      </c>
      <c r="M774">
        <f t="shared" si="101"/>
        <v>0</v>
      </c>
      <c r="N774" s="46">
        <f t="shared" si="102"/>
        <v>45322.833333331539</v>
      </c>
    </row>
    <row r="775" spans="2:14" x14ac:dyDescent="0.3">
      <c r="B775">
        <f t="shared" si="96"/>
        <v>3</v>
      </c>
      <c r="C775" s="16">
        <v>741</v>
      </c>
      <c r="D775" cm="1">
        <f t="array" ref="D775">IFERROR(INDEX(Jesper!AH$2:AH$366,ROUNDDOWN($C775/24,0)+1,1)*INDEX($D$3:$AA$30,INDEX(Jesper!$R$2:$R$366,ROW(INDEX(Jesper!AH$2:AH$366,ROUNDDOWN($C775/24,0)+1,1))-1)+IF('Standard Profiles'!$G$18=$B$10,7,0)+IF('Standard Profiles'!$G$18=$B$17,14,0)+IF('Standard Profiles'!$G$18=$B$24,21,0),MOD($C775,24)+1)/SUM(INDEX($D$3:$AA$30,INDEX(Jesper!$R$2:$R$366,ROW(INDEX(Jesper!AH$2:AH$366,ROUNDDOWN($C775/24,0)+1,1))-1)+IF('Standard Profiles'!$G$18=$B$10,7,0)+IF('Standard Profiles'!$G$18=$B$17,14,0)+IF('Standard Profiles'!$G$18=$B$24,21,0),0)),0)</f>
        <v>8.000436983875213</v>
      </c>
      <c r="E775" cm="1">
        <f t="array" ref="E775">IFERROR(INDEX(Jesper!AI$2:AI$366,ROUNDDOWN($C775/24,0)+1,1)*INDEX($D$3:$AA$30,INDEX(Jesper!$R$2:$R$366,ROW(INDEX(Jesper!AI$2:AI$366,ROUNDDOWN($C775/24,0)+1,1))-1)+IF('Standard Profiles'!$G$19=$B$10,7,0)+IF('Standard Profiles'!$G$19=$B$17,14,0)+IF('Standard Profiles'!$G$19=$B$24,21,0),MOD($C775,24)+1)/SUM(INDEX($D$3:$AA$30,INDEX(Jesper!$R$2:$R$366,ROW(INDEX(Jesper!AI$2:AI$366,ROUNDDOWN($C775/24,0)+1,1))-1)+IF('Standard Profiles'!$G$19=$B$10,7,0)+IF('Standard Profiles'!$G$19=$B$17,14,0)+IF('Standard Profiles'!$G$19=$B$24,21,0),0)),0)</f>
        <v>0</v>
      </c>
      <c r="F775" cm="1">
        <f t="array" ref="F775">IFERROR(INDEX(Jesper!AJ$2:AJ$366,ROUNDDOWN($C775/24,0)+1,1)*INDEX($D$3:$AA$30,INDEX(Jesper!$R$2:$R$366,ROW(INDEX(Jesper!AJ$2:AJ$366,ROUNDDOWN($C775/24,0)+1,1))-1)+IF('Standard Profiles'!$G$20=$B$10,7,0)+IF('Standard Profiles'!$G$20=$B$17,14,0)+IF('Standard Profiles'!$G$20=$B$24,21,0),MOD($C775,24)+1)/SUM(INDEX($D$3:$AA$30,INDEX(Jesper!$R$2:$R$366,ROW(INDEX(Jesper!AJ$2:AJ$366,ROUNDDOWN($C775/24,0)+1,1))-1)+IF('Standard Profiles'!$G$20=$B$10,7,0)+IF('Standard Profiles'!$G$20=$B$17,14,0)+IF('Standard Profiles'!$G$20=$B$24,21,0),0)),0)</f>
        <v>0</v>
      </c>
      <c r="G775" cm="1">
        <f t="array" ref="G775">IFERROR(INDEX(Jesper!AK$2:AK$366,ROUNDDOWN($C775/24,0)+1,1)*INDEX($D$3:$AA$30,INDEX(Jesper!$R$2:$R$366,ROW(INDEX(Jesper!AK$2:AK$366,ROUNDDOWN($C775/24,0)+1,1))-1)+IF('Standard Profiles'!$G$21=$B$10,7,0)+IF('Standard Profiles'!$G$21=$B$17,14,0)+IF('Standard Profiles'!$G$21=$B$24,21,0),MOD($C775,24)+1)/SUM(INDEX($D$3:$AA$30,INDEX(Jesper!$R$2:$R$366,ROW(INDEX(Jesper!AK$2:AK$366,ROUNDDOWN($C775/24,0)+1,1))-1)+IF('Standard Profiles'!$G$21=$B$10,7,0)+IF('Standard Profiles'!$G$21=$B$17,14,0)+IF('Standard Profiles'!$G$21=$B$24,21,0),0)),0)</f>
        <v>0</v>
      </c>
      <c r="H775" cm="1">
        <f t="array" ref="H775">IFERROR(INDEX(Jesper!AL$2:AL$366,ROUNDDOWN($C775/24,0)+1,1)*INDEX($D$3:$AA$30,INDEX(Jesper!$R$2:$R$366,ROW(INDEX(Jesper!AL$2:AL$366,ROUNDDOWN($C775/24,0)+1,1))-1)+IF('Standard Profiles'!$G$22=$B$10,7,0)+IF('Standard Profiles'!$G$22=$B$17,14,0)+IF('Standard Profiles'!$G$22=$B$24,21,0),MOD($C775,24)+1)/SUM(INDEX($D$3:$AA$30,INDEX(Jesper!$R$2:$R$366,ROW(INDEX(Jesper!AL$2:AL$366,ROUNDDOWN($C775/24,0)+1,1))-1)+IF('Standard Profiles'!$G$22=$B$10,7,0)+IF('Standard Profiles'!$G$22=$B$17,14,0)+IF('Standard Profiles'!$G$22=$B$24,21,0),0)),0)</f>
        <v>0</v>
      </c>
      <c r="I775">
        <f t="shared" si="97"/>
        <v>0.24001310951625637</v>
      </c>
      <c r="J775">
        <f t="shared" si="98"/>
        <v>0.80004369838752132</v>
      </c>
      <c r="K775">
        <f t="shared" si="99"/>
        <v>1.2000655475812818</v>
      </c>
      <c r="L775">
        <f t="shared" si="100"/>
        <v>5.7603146283901534</v>
      </c>
      <c r="M775">
        <f t="shared" si="101"/>
        <v>0</v>
      </c>
      <c r="N775" s="46">
        <f t="shared" si="102"/>
        <v>45322.874999998203</v>
      </c>
    </row>
    <row r="776" spans="2:14" x14ac:dyDescent="0.3">
      <c r="B776">
        <f t="shared" si="96"/>
        <v>3</v>
      </c>
      <c r="C776" s="16">
        <v>742</v>
      </c>
      <c r="D776" cm="1">
        <f t="array" ref="D776">IFERROR(INDEX(Jesper!AH$2:AH$366,ROUNDDOWN($C776/24,0)+1,1)*INDEX($D$3:$AA$30,INDEX(Jesper!$R$2:$R$366,ROW(INDEX(Jesper!AH$2:AH$366,ROUNDDOWN($C776/24,0)+1,1))-1)+IF('Standard Profiles'!$G$18=$B$10,7,0)+IF('Standard Profiles'!$G$18=$B$17,14,0)+IF('Standard Profiles'!$G$18=$B$24,21,0),MOD($C776,24)+1)/SUM(INDEX($D$3:$AA$30,INDEX(Jesper!$R$2:$R$366,ROW(INDEX(Jesper!AH$2:AH$366,ROUNDDOWN($C776/24,0)+1,1))-1)+IF('Standard Profiles'!$G$18=$B$10,7,0)+IF('Standard Profiles'!$G$18=$B$17,14,0)+IF('Standard Profiles'!$G$18=$B$24,21,0),0)),0)</f>
        <v>8.000436983875213</v>
      </c>
      <c r="E776" cm="1">
        <f t="array" ref="E776">IFERROR(INDEX(Jesper!AI$2:AI$366,ROUNDDOWN($C776/24,0)+1,1)*INDEX($D$3:$AA$30,INDEX(Jesper!$R$2:$R$366,ROW(INDEX(Jesper!AI$2:AI$366,ROUNDDOWN($C776/24,0)+1,1))-1)+IF('Standard Profiles'!$G$19=$B$10,7,0)+IF('Standard Profiles'!$G$19=$B$17,14,0)+IF('Standard Profiles'!$G$19=$B$24,21,0),MOD($C776,24)+1)/SUM(INDEX($D$3:$AA$30,INDEX(Jesper!$R$2:$R$366,ROW(INDEX(Jesper!AI$2:AI$366,ROUNDDOWN($C776/24,0)+1,1))-1)+IF('Standard Profiles'!$G$19=$B$10,7,0)+IF('Standard Profiles'!$G$19=$B$17,14,0)+IF('Standard Profiles'!$G$19=$B$24,21,0),0)),0)</f>
        <v>0</v>
      </c>
      <c r="F776" cm="1">
        <f t="array" ref="F776">IFERROR(INDEX(Jesper!AJ$2:AJ$366,ROUNDDOWN($C776/24,0)+1,1)*INDEX($D$3:$AA$30,INDEX(Jesper!$R$2:$R$366,ROW(INDEX(Jesper!AJ$2:AJ$366,ROUNDDOWN($C776/24,0)+1,1))-1)+IF('Standard Profiles'!$G$20=$B$10,7,0)+IF('Standard Profiles'!$G$20=$B$17,14,0)+IF('Standard Profiles'!$G$20=$B$24,21,0),MOD($C776,24)+1)/SUM(INDEX($D$3:$AA$30,INDEX(Jesper!$R$2:$R$366,ROW(INDEX(Jesper!AJ$2:AJ$366,ROUNDDOWN($C776/24,0)+1,1))-1)+IF('Standard Profiles'!$G$20=$B$10,7,0)+IF('Standard Profiles'!$G$20=$B$17,14,0)+IF('Standard Profiles'!$G$20=$B$24,21,0),0)),0)</f>
        <v>0</v>
      </c>
      <c r="G776" cm="1">
        <f t="array" ref="G776">IFERROR(INDEX(Jesper!AK$2:AK$366,ROUNDDOWN($C776/24,0)+1,1)*INDEX($D$3:$AA$30,INDEX(Jesper!$R$2:$R$366,ROW(INDEX(Jesper!AK$2:AK$366,ROUNDDOWN($C776/24,0)+1,1))-1)+IF('Standard Profiles'!$G$21=$B$10,7,0)+IF('Standard Profiles'!$G$21=$B$17,14,0)+IF('Standard Profiles'!$G$21=$B$24,21,0),MOD($C776,24)+1)/SUM(INDEX($D$3:$AA$30,INDEX(Jesper!$R$2:$R$366,ROW(INDEX(Jesper!AK$2:AK$366,ROUNDDOWN($C776/24,0)+1,1))-1)+IF('Standard Profiles'!$G$21=$B$10,7,0)+IF('Standard Profiles'!$G$21=$B$17,14,0)+IF('Standard Profiles'!$G$21=$B$24,21,0),0)),0)</f>
        <v>0</v>
      </c>
      <c r="H776" cm="1">
        <f t="array" ref="H776">IFERROR(INDEX(Jesper!AL$2:AL$366,ROUNDDOWN($C776/24,0)+1,1)*INDEX($D$3:$AA$30,INDEX(Jesper!$R$2:$R$366,ROW(INDEX(Jesper!AL$2:AL$366,ROUNDDOWN($C776/24,0)+1,1))-1)+IF('Standard Profiles'!$G$22=$B$10,7,0)+IF('Standard Profiles'!$G$22=$B$17,14,0)+IF('Standard Profiles'!$G$22=$B$24,21,0),MOD($C776,24)+1)/SUM(INDEX($D$3:$AA$30,INDEX(Jesper!$R$2:$R$366,ROW(INDEX(Jesper!AL$2:AL$366,ROUNDDOWN($C776/24,0)+1,1))-1)+IF('Standard Profiles'!$G$22=$B$10,7,0)+IF('Standard Profiles'!$G$22=$B$17,14,0)+IF('Standard Profiles'!$G$22=$B$24,21,0),0)),0)</f>
        <v>0</v>
      </c>
      <c r="I776">
        <f t="shared" si="97"/>
        <v>0.24001310951625637</v>
      </c>
      <c r="J776">
        <f t="shared" si="98"/>
        <v>0.80004369838752132</v>
      </c>
      <c r="K776">
        <f t="shared" si="99"/>
        <v>1.2000655475812818</v>
      </c>
      <c r="L776">
        <f t="shared" si="100"/>
        <v>5.7603146283901534</v>
      </c>
      <c r="M776">
        <f t="shared" si="101"/>
        <v>0</v>
      </c>
      <c r="N776" s="46">
        <f t="shared" si="102"/>
        <v>45322.916666664867</v>
      </c>
    </row>
    <row r="777" spans="2:14" x14ac:dyDescent="0.3">
      <c r="B777">
        <f t="shared" si="96"/>
        <v>3</v>
      </c>
      <c r="C777" s="16">
        <v>743</v>
      </c>
      <c r="D777" cm="1">
        <f t="array" ref="D777">IFERROR(INDEX(Jesper!AH$2:AH$366,ROUNDDOWN($C777/24,0)+1,1)*INDEX($D$3:$AA$30,INDEX(Jesper!$R$2:$R$366,ROW(INDEX(Jesper!AH$2:AH$366,ROUNDDOWN($C777/24,0)+1,1))-1)+IF('Standard Profiles'!$G$18=$B$10,7,0)+IF('Standard Profiles'!$G$18=$B$17,14,0)+IF('Standard Profiles'!$G$18=$B$24,21,0),MOD($C777,24)+1)/SUM(INDEX($D$3:$AA$30,INDEX(Jesper!$R$2:$R$366,ROW(INDEX(Jesper!AH$2:AH$366,ROUNDDOWN($C777/24,0)+1,1))-1)+IF('Standard Profiles'!$G$18=$B$10,7,0)+IF('Standard Profiles'!$G$18=$B$17,14,0)+IF('Standard Profiles'!$G$18=$B$24,21,0),0)),0)</f>
        <v>8.000436983875213</v>
      </c>
      <c r="E777" cm="1">
        <f t="array" ref="E777">IFERROR(INDEX(Jesper!AI$2:AI$366,ROUNDDOWN($C777/24,0)+1,1)*INDEX($D$3:$AA$30,INDEX(Jesper!$R$2:$R$366,ROW(INDEX(Jesper!AI$2:AI$366,ROUNDDOWN($C777/24,0)+1,1))-1)+IF('Standard Profiles'!$G$19=$B$10,7,0)+IF('Standard Profiles'!$G$19=$B$17,14,0)+IF('Standard Profiles'!$G$19=$B$24,21,0),MOD($C777,24)+1)/SUM(INDEX($D$3:$AA$30,INDEX(Jesper!$R$2:$R$366,ROW(INDEX(Jesper!AI$2:AI$366,ROUNDDOWN($C777/24,0)+1,1))-1)+IF('Standard Profiles'!$G$19=$B$10,7,0)+IF('Standard Profiles'!$G$19=$B$17,14,0)+IF('Standard Profiles'!$G$19=$B$24,21,0),0)),0)</f>
        <v>0</v>
      </c>
      <c r="F777" cm="1">
        <f t="array" ref="F777">IFERROR(INDEX(Jesper!AJ$2:AJ$366,ROUNDDOWN($C777/24,0)+1,1)*INDEX($D$3:$AA$30,INDEX(Jesper!$R$2:$R$366,ROW(INDEX(Jesper!AJ$2:AJ$366,ROUNDDOWN($C777/24,0)+1,1))-1)+IF('Standard Profiles'!$G$20=$B$10,7,0)+IF('Standard Profiles'!$G$20=$B$17,14,0)+IF('Standard Profiles'!$G$20=$B$24,21,0),MOD($C777,24)+1)/SUM(INDEX($D$3:$AA$30,INDEX(Jesper!$R$2:$R$366,ROW(INDEX(Jesper!AJ$2:AJ$366,ROUNDDOWN($C777/24,0)+1,1))-1)+IF('Standard Profiles'!$G$20=$B$10,7,0)+IF('Standard Profiles'!$G$20=$B$17,14,0)+IF('Standard Profiles'!$G$20=$B$24,21,0),0)),0)</f>
        <v>0</v>
      </c>
      <c r="G777" cm="1">
        <f t="array" ref="G777">IFERROR(INDEX(Jesper!AK$2:AK$366,ROUNDDOWN($C777/24,0)+1,1)*INDEX($D$3:$AA$30,INDEX(Jesper!$R$2:$R$366,ROW(INDEX(Jesper!AK$2:AK$366,ROUNDDOWN($C777/24,0)+1,1))-1)+IF('Standard Profiles'!$G$21=$B$10,7,0)+IF('Standard Profiles'!$G$21=$B$17,14,0)+IF('Standard Profiles'!$G$21=$B$24,21,0),MOD($C777,24)+1)/SUM(INDEX($D$3:$AA$30,INDEX(Jesper!$R$2:$R$366,ROW(INDEX(Jesper!AK$2:AK$366,ROUNDDOWN($C777/24,0)+1,1))-1)+IF('Standard Profiles'!$G$21=$B$10,7,0)+IF('Standard Profiles'!$G$21=$B$17,14,0)+IF('Standard Profiles'!$G$21=$B$24,21,0),0)),0)</f>
        <v>0</v>
      </c>
      <c r="H777" cm="1">
        <f t="array" ref="H777">IFERROR(INDEX(Jesper!AL$2:AL$366,ROUNDDOWN($C777/24,0)+1,1)*INDEX($D$3:$AA$30,INDEX(Jesper!$R$2:$R$366,ROW(INDEX(Jesper!AL$2:AL$366,ROUNDDOWN($C777/24,0)+1,1))-1)+IF('Standard Profiles'!$G$22=$B$10,7,0)+IF('Standard Profiles'!$G$22=$B$17,14,0)+IF('Standard Profiles'!$G$22=$B$24,21,0),MOD($C777,24)+1)/SUM(INDEX($D$3:$AA$30,INDEX(Jesper!$R$2:$R$366,ROW(INDEX(Jesper!AL$2:AL$366,ROUNDDOWN($C777/24,0)+1,1))-1)+IF('Standard Profiles'!$G$22=$B$10,7,0)+IF('Standard Profiles'!$G$22=$B$17,14,0)+IF('Standard Profiles'!$G$22=$B$24,21,0),0)),0)</f>
        <v>0</v>
      </c>
      <c r="I777">
        <f t="shared" si="97"/>
        <v>0.24001310951625637</v>
      </c>
      <c r="J777">
        <f t="shared" si="98"/>
        <v>0.80004369838752132</v>
      </c>
      <c r="K777">
        <f t="shared" si="99"/>
        <v>1.2000655475812818</v>
      </c>
      <c r="L777">
        <f t="shared" si="100"/>
        <v>5.7603146283901534</v>
      </c>
      <c r="M777">
        <f t="shared" si="101"/>
        <v>0</v>
      </c>
      <c r="N777" s="46">
        <f t="shared" si="102"/>
        <v>45322.958333331531</v>
      </c>
    </row>
    <row r="778" spans="2:14" x14ac:dyDescent="0.3">
      <c r="B778">
        <f t="shared" si="96"/>
        <v>4</v>
      </c>
      <c r="C778" s="16">
        <v>744</v>
      </c>
      <c r="D778" cm="1">
        <f t="array" ref="D778">IFERROR(INDEX(Jesper!AH$2:AH$366,ROUNDDOWN($C778/24,0)+1,1)*INDEX($D$3:$AA$30,INDEX(Jesper!$R$2:$R$366,ROW(INDEX(Jesper!AH$2:AH$366,ROUNDDOWN($C778/24,0)+1,1))-1)+IF('Standard Profiles'!$G$18=$B$10,7,0)+IF('Standard Profiles'!$G$18=$B$17,14,0)+IF('Standard Profiles'!$G$18=$B$24,21,0),MOD($C778,24)+1)/SUM(INDEX($D$3:$AA$30,INDEX(Jesper!$R$2:$R$366,ROW(INDEX(Jesper!AH$2:AH$366,ROUNDDOWN($C778/24,0)+1,1))-1)+IF('Standard Profiles'!$G$18=$B$10,7,0)+IF('Standard Profiles'!$G$18=$B$17,14,0)+IF('Standard Profiles'!$G$18=$B$24,21,0),0)),0)</f>
        <v>8.3573447084023762</v>
      </c>
      <c r="E778" cm="1">
        <f t="array" ref="E778">IFERROR(INDEX(Jesper!AI$2:AI$366,ROUNDDOWN($C778/24,0)+1,1)*INDEX($D$3:$AA$30,INDEX(Jesper!$R$2:$R$366,ROW(INDEX(Jesper!AI$2:AI$366,ROUNDDOWN($C778/24,0)+1,1))-1)+IF('Standard Profiles'!$G$19=$B$10,7,0)+IF('Standard Profiles'!$G$19=$B$17,14,0)+IF('Standard Profiles'!$G$19=$B$24,21,0),MOD($C778,24)+1)/SUM(INDEX($D$3:$AA$30,INDEX(Jesper!$R$2:$R$366,ROW(INDEX(Jesper!AI$2:AI$366,ROUNDDOWN($C778/24,0)+1,1))-1)+IF('Standard Profiles'!$G$19=$B$10,7,0)+IF('Standard Profiles'!$G$19=$B$17,14,0)+IF('Standard Profiles'!$G$19=$B$24,21,0),0)),0)</f>
        <v>0</v>
      </c>
      <c r="F778" cm="1">
        <f t="array" ref="F778">IFERROR(INDEX(Jesper!AJ$2:AJ$366,ROUNDDOWN($C778/24,0)+1,1)*INDEX($D$3:$AA$30,INDEX(Jesper!$R$2:$R$366,ROW(INDEX(Jesper!AJ$2:AJ$366,ROUNDDOWN($C778/24,0)+1,1))-1)+IF('Standard Profiles'!$G$20=$B$10,7,0)+IF('Standard Profiles'!$G$20=$B$17,14,0)+IF('Standard Profiles'!$G$20=$B$24,21,0),MOD($C778,24)+1)/SUM(INDEX($D$3:$AA$30,INDEX(Jesper!$R$2:$R$366,ROW(INDEX(Jesper!AJ$2:AJ$366,ROUNDDOWN($C778/24,0)+1,1))-1)+IF('Standard Profiles'!$G$20=$B$10,7,0)+IF('Standard Profiles'!$G$20=$B$17,14,0)+IF('Standard Profiles'!$G$20=$B$24,21,0),0)),0)</f>
        <v>0</v>
      </c>
      <c r="G778" cm="1">
        <f t="array" ref="G778">IFERROR(INDEX(Jesper!AK$2:AK$366,ROUNDDOWN($C778/24,0)+1,1)*INDEX($D$3:$AA$30,INDEX(Jesper!$R$2:$R$366,ROW(INDEX(Jesper!AK$2:AK$366,ROUNDDOWN($C778/24,0)+1,1))-1)+IF('Standard Profiles'!$G$21=$B$10,7,0)+IF('Standard Profiles'!$G$21=$B$17,14,0)+IF('Standard Profiles'!$G$21=$B$24,21,0),MOD($C778,24)+1)/SUM(INDEX($D$3:$AA$30,INDEX(Jesper!$R$2:$R$366,ROW(INDEX(Jesper!AK$2:AK$366,ROUNDDOWN($C778/24,0)+1,1))-1)+IF('Standard Profiles'!$G$21=$B$10,7,0)+IF('Standard Profiles'!$G$21=$B$17,14,0)+IF('Standard Profiles'!$G$21=$B$24,21,0),0)),0)</f>
        <v>0</v>
      </c>
      <c r="H778" cm="1">
        <f t="array" ref="H778">IFERROR(INDEX(Jesper!AL$2:AL$366,ROUNDDOWN($C778/24,0)+1,1)*INDEX($D$3:$AA$30,INDEX(Jesper!$R$2:$R$366,ROW(INDEX(Jesper!AL$2:AL$366,ROUNDDOWN($C778/24,0)+1,1))-1)+IF('Standard Profiles'!$G$22=$B$10,7,0)+IF('Standard Profiles'!$G$22=$B$17,14,0)+IF('Standard Profiles'!$G$22=$B$24,21,0),MOD($C778,24)+1)/SUM(INDEX($D$3:$AA$30,INDEX(Jesper!$R$2:$R$366,ROW(INDEX(Jesper!AL$2:AL$366,ROUNDDOWN($C778/24,0)+1,1))-1)+IF('Standard Profiles'!$G$22=$B$10,7,0)+IF('Standard Profiles'!$G$22=$B$17,14,0)+IF('Standard Profiles'!$G$22=$B$24,21,0),0)),0)</f>
        <v>0</v>
      </c>
      <c r="I778">
        <f t="shared" si="97"/>
        <v>0.25072034125207127</v>
      </c>
      <c r="J778">
        <f t="shared" si="98"/>
        <v>0.83573447084023766</v>
      </c>
      <c r="K778">
        <f t="shared" si="99"/>
        <v>1.2536017062603564</v>
      </c>
      <c r="L778">
        <f t="shared" si="100"/>
        <v>6.0172881900497108</v>
      </c>
      <c r="M778">
        <f t="shared" si="101"/>
        <v>0</v>
      </c>
      <c r="N778" s="46">
        <f t="shared" si="102"/>
        <v>45322.999999998196</v>
      </c>
    </row>
    <row r="779" spans="2:14" x14ac:dyDescent="0.3">
      <c r="B779">
        <f t="shared" si="96"/>
        <v>4</v>
      </c>
      <c r="C779" s="16">
        <v>745</v>
      </c>
      <c r="D779" cm="1">
        <f t="array" ref="D779">IFERROR(INDEX(Jesper!AH$2:AH$366,ROUNDDOWN($C779/24,0)+1,1)*INDEX($D$3:$AA$30,INDEX(Jesper!$R$2:$R$366,ROW(INDEX(Jesper!AH$2:AH$366,ROUNDDOWN($C779/24,0)+1,1))-1)+IF('Standard Profiles'!$G$18=$B$10,7,0)+IF('Standard Profiles'!$G$18=$B$17,14,0)+IF('Standard Profiles'!$G$18=$B$24,21,0),MOD($C779,24)+1)/SUM(INDEX($D$3:$AA$30,INDEX(Jesper!$R$2:$R$366,ROW(INDEX(Jesper!AH$2:AH$366,ROUNDDOWN($C779/24,0)+1,1))-1)+IF('Standard Profiles'!$G$18=$B$10,7,0)+IF('Standard Profiles'!$G$18=$B$17,14,0)+IF('Standard Profiles'!$G$18=$B$24,21,0),0)),0)</f>
        <v>8.3573447084023762</v>
      </c>
      <c r="E779" cm="1">
        <f t="array" ref="E779">IFERROR(INDEX(Jesper!AI$2:AI$366,ROUNDDOWN($C779/24,0)+1,1)*INDEX($D$3:$AA$30,INDEX(Jesper!$R$2:$R$366,ROW(INDEX(Jesper!AI$2:AI$366,ROUNDDOWN($C779/24,0)+1,1))-1)+IF('Standard Profiles'!$G$19=$B$10,7,0)+IF('Standard Profiles'!$G$19=$B$17,14,0)+IF('Standard Profiles'!$G$19=$B$24,21,0),MOD($C779,24)+1)/SUM(INDEX($D$3:$AA$30,INDEX(Jesper!$R$2:$R$366,ROW(INDEX(Jesper!AI$2:AI$366,ROUNDDOWN($C779/24,0)+1,1))-1)+IF('Standard Profiles'!$G$19=$B$10,7,0)+IF('Standard Profiles'!$G$19=$B$17,14,0)+IF('Standard Profiles'!$G$19=$B$24,21,0),0)),0)</f>
        <v>0</v>
      </c>
      <c r="F779" cm="1">
        <f t="array" ref="F779">IFERROR(INDEX(Jesper!AJ$2:AJ$366,ROUNDDOWN($C779/24,0)+1,1)*INDEX($D$3:$AA$30,INDEX(Jesper!$R$2:$R$366,ROW(INDEX(Jesper!AJ$2:AJ$366,ROUNDDOWN($C779/24,0)+1,1))-1)+IF('Standard Profiles'!$G$20=$B$10,7,0)+IF('Standard Profiles'!$G$20=$B$17,14,0)+IF('Standard Profiles'!$G$20=$B$24,21,0),MOD($C779,24)+1)/SUM(INDEX($D$3:$AA$30,INDEX(Jesper!$R$2:$R$366,ROW(INDEX(Jesper!AJ$2:AJ$366,ROUNDDOWN($C779/24,0)+1,1))-1)+IF('Standard Profiles'!$G$20=$B$10,7,0)+IF('Standard Profiles'!$G$20=$B$17,14,0)+IF('Standard Profiles'!$G$20=$B$24,21,0),0)),0)</f>
        <v>0</v>
      </c>
      <c r="G779" cm="1">
        <f t="array" ref="G779">IFERROR(INDEX(Jesper!AK$2:AK$366,ROUNDDOWN($C779/24,0)+1,1)*INDEX($D$3:$AA$30,INDEX(Jesper!$R$2:$R$366,ROW(INDEX(Jesper!AK$2:AK$366,ROUNDDOWN($C779/24,0)+1,1))-1)+IF('Standard Profiles'!$G$21=$B$10,7,0)+IF('Standard Profiles'!$G$21=$B$17,14,0)+IF('Standard Profiles'!$G$21=$B$24,21,0),MOD($C779,24)+1)/SUM(INDEX($D$3:$AA$30,INDEX(Jesper!$R$2:$R$366,ROW(INDEX(Jesper!AK$2:AK$366,ROUNDDOWN($C779/24,0)+1,1))-1)+IF('Standard Profiles'!$G$21=$B$10,7,0)+IF('Standard Profiles'!$G$21=$B$17,14,0)+IF('Standard Profiles'!$G$21=$B$24,21,0),0)),0)</f>
        <v>0</v>
      </c>
      <c r="H779" cm="1">
        <f t="array" ref="H779">IFERROR(INDEX(Jesper!AL$2:AL$366,ROUNDDOWN($C779/24,0)+1,1)*INDEX($D$3:$AA$30,INDEX(Jesper!$R$2:$R$366,ROW(INDEX(Jesper!AL$2:AL$366,ROUNDDOWN($C779/24,0)+1,1))-1)+IF('Standard Profiles'!$G$22=$B$10,7,0)+IF('Standard Profiles'!$G$22=$B$17,14,0)+IF('Standard Profiles'!$G$22=$B$24,21,0),MOD($C779,24)+1)/SUM(INDEX($D$3:$AA$30,INDEX(Jesper!$R$2:$R$366,ROW(INDEX(Jesper!AL$2:AL$366,ROUNDDOWN($C779/24,0)+1,1))-1)+IF('Standard Profiles'!$G$22=$B$10,7,0)+IF('Standard Profiles'!$G$22=$B$17,14,0)+IF('Standard Profiles'!$G$22=$B$24,21,0),0)),0)</f>
        <v>0</v>
      </c>
      <c r="I779">
        <f t="shared" si="97"/>
        <v>0.25072034125207127</v>
      </c>
      <c r="J779">
        <f t="shared" si="98"/>
        <v>0.83573447084023766</v>
      </c>
      <c r="K779">
        <f t="shared" si="99"/>
        <v>1.2536017062603564</v>
      </c>
      <c r="L779">
        <f t="shared" si="100"/>
        <v>6.0172881900497108</v>
      </c>
      <c r="M779">
        <f t="shared" si="101"/>
        <v>0</v>
      </c>
      <c r="N779" s="46">
        <f t="shared" si="102"/>
        <v>45323.04166666486</v>
      </c>
    </row>
    <row r="780" spans="2:14" x14ac:dyDescent="0.3">
      <c r="B780">
        <f t="shared" si="96"/>
        <v>4</v>
      </c>
      <c r="C780" s="16">
        <v>746</v>
      </c>
      <c r="D780" cm="1">
        <f t="array" ref="D780">IFERROR(INDEX(Jesper!AH$2:AH$366,ROUNDDOWN($C780/24,0)+1,1)*INDEX($D$3:$AA$30,INDEX(Jesper!$R$2:$R$366,ROW(INDEX(Jesper!AH$2:AH$366,ROUNDDOWN($C780/24,0)+1,1))-1)+IF('Standard Profiles'!$G$18=$B$10,7,0)+IF('Standard Profiles'!$G$18=$B$17,14,0)+IF('Standard Profiles'!$G$18=$B$24,21,0),MOD($C780,24)+1)/SUM(INDEX($D$3:$AA$30,INDEX(Jesper!$R$2:$R$366,ROW(INDEX(Jesper!AH$2:AH$366,ROUNDDOWN($C780/24,0)+1,1))-1)+IF('Standard Profiles'!$G$18=$B$10,7,0)+IF('Standard Profiles'!$G$18=$B$17,14,0)+IF('Standard Profiles'!$G$18=$B$24,21,0),0)),0)</f>
        <v>8.3573447084023762</v>
      </c>
      <c r="E780" cm="1">
        <f t="array" ref="E780">IFERROR(INDEX(Jesper!AI$2:AI$366,ROUNDDOWN($C780/24,0)+1,1)*INDEX($D$3:$AA$30,INDEX(Jesper!$R$2:$R$366,ROW(INDEX(Jesper!AI$2:AI$366,ROUNDDOWN($C780/24,0)+1,1))-1)+IF('Standard Profiles'!$G$19=$B$10,7,0)+IF('Standard Profiles'!$G$19=$B$17,14,0)+IF('Standard Profiles'!$G$19=$B$24,21,0),MOD($C780,24)+1)/SUM(INDEX($D$3:$AA$30,INDEX(Jesper!$R$2:$R$366,ROW(INDEX(Jesper!AI$2:AI$366,ROUNDDOWN($C780/24,0)+1,1))-1)+IF('Standard Profiles'!$G$19=$B$10,7,0)+IF('Standard Profiles'!$G$19=$B$17,14,0)+IF('Standard Profiles'!$G$19=$B$24,21,0),0)),0)</f>
        <v>0</v>
      </c>
      <c r="F780" cm="1">
        <f t="array" ref="F780">IFERROR(INDEX(Jesper!AJ$2:AJ$366,ROUNDDOWN($C780/24,0)+1,1)*INDEX($D$3:$AA$30,INDEX(Jesper!$R$2:$R$366,ROW(INDEX(Jesper!AJ$2:AJ$366,ROUNDDOWN($C780/24,0)+1,1))-1)+IF('Standard Profiles'!$G$20=$B$10,7,0)+IF('Standard Profiles'!$G$20=$B$17,14,0)+IF('Standard Profiles'!$G$20=$B$24,21,0),MOD($C780,24)+1)/SUM(INDEX($D$3:$AA$30,INDEX(Jesper!$R$2:$R$366,ROW(INDEX(Jesper!AJ$2:AJ$366,ROUNDDOWN($C780/24,0)+1,1))-1)+IF('Standard Profiles'!$G$20=$B$10,7,0)+IF('Standard Profiles'!$G$20=$B$17,14,0)+IF('Standard Profiles'!$G$20=$B$24,21,0),0)),0)</f>
        <v>0</v>
      </c>
      <c r="G780" cm="1">
        <f t="array" ref="G780">IFERROR(INDEX(Jesper!AK$2:AK$366,ROUNDDOWN($C780/24,0)+1,1)*INDEX($D$3:$AA$30,INDEX(Jesper!$R$2:$R$366,ROW(INDEX(Jesper!AK$2:AK$366,ROUNDDOWN($C780/24,0)+1,1))-1)+IF('Standard Profiles'!$G$21=$B$10,7,0)+IF('Standard Profiles'!$G$21=$B$17,14,0)+IF('Standard Profiles'!$G$21=$B$24,21,0),MOD($C780,24)+1)/SUM(INDEX($D$3:$AA$30,INDEX(Jesper!$R$2:$R$366,ROW(INDEX(Jesper!AK$2:AK$366,ROUNDDOWN($C780/24,0)+1,1))-1)+IF('Standard Profiles'!$G$21=$B$10,7,0)+IF('Standard Profiles'!$G$21=$B$17,14,0)+IF('Standard Profiles'!$G$21=$B$24,21,0),0)),0)</f>
        <v>0</v>
      </c>
      <c r="H780" cm="1">
        <f t="array" ref="H780">IFERROR(INDEX(Jesper!AL$2:AL$366,ROUNDDOWN($C780/24,0)+1,1)*INDEX($D$3:$AA$30,INDEX(Jesper!$R$2:$R$366,ROW(INDEX(Jesper!AL$2:AL$366,ROUNDDOWN($C780/24,0)+1,1))-1)+IF('Standard Profiles'!$G$22=$B$10,7,0)+IF('Standard Profiles'!$G$22=$B$17,14,0)+IF('Standard Profiles'!$G$22=$B$24,21,0),MOD($C780,24)+1)/SUM(INDEX($D$3:$AA$30,INDEX(Jesper!$R$2:$R$366,ROW(INDEX(Jesper!AL$2:AL$366,ROUNDDOWN($C780/24,0)+1,1))-1)+IF('Standard Profiles'!$G$22=$B$10,7,0)+IF('Standard Profiles'!$G$22=$B$17,14,0)+IF('Standard Profiles'!$G$22=$B$24,21,0),0)),0)</f>
        <v>0</v>
      </c>
      <c r="I780">
        <f t="shared" si="97"/>
        <v>0.25072034125207127</v>
      </c>
      <c r="J780">
        <f t="shared" si="98"/>
        <v>0.83573447084023766</v>
      </c>
      <c r="K780">
        <f t="shared" si="99"/>
        <v>1.2536017062603564</v>
      </c>
      <c r="L780">
        <f t="shared" si="100"/>
        <v>6.0172881900497108</v>
      </c>
      <c r="M780">
        <f t="shared" si="101"/>
        <v>0</v>
      </c>
      <c r="N780" s="46">
        <f t="shared" si="102"/>
        <v>45323.083333331524</v>
      </c>
    </row>
    <row r="781" spans="2:14" x14ac:dyDescent="0.3">
      <c r="B781">
        <f t="shared" si="96"/>
        <v>4</v>
      </c>
      <c r="C781" s="16">
        <v>747</v>
      </c>
      <c r="D781" cm="1">
        <f t="array" ref="D781">IFERROR(INDEX(Jesper!AH$2:AH$366,ROUNDDOWN($C781/24,0)+1,1)*INDEX($D$3:$AA$30,INDEX(Jesper!$R$2:$R$366,ROW(INDEX(Jesper!AH$2:AH$366,ROUNDDOWN($C781/24,0)+1,1))-1)+IF('Standard Profiles'!$G$18=$B$10,7,0)+IF('Standard Profiles'!$G$18=$B$17,14,0)+IF('Standard Profiles'!$G$18=$B$24,21,0),MOD($C781,24)+1)/SUM(INDEX($D$3:$AA$30,INDEX(Jesper!$R$2:$R$366,ROW(INDEX(Jesper!AH$2:AH$366,ROUNDDOWN($C781/24,0)+1,1))-1)+IF('Standard Profiles'!$G$18=$B$10,7,0)+IF('Standard Profiles'!$G$18=$B$17,14,0)+IF('Standard Profiles'!$G$18=$B$24,21,0),0)),0)</f>
        <v>8.3573447084023762</v>
      </c>
      <c r="E781" cm="1">
        <f t="array" ref="E781">IFERROR(INDEX(Jesper!AI$2:AI$366,ROUNDDOWN($C781/24,0)+1,1)*INDEX($D$3:$AA$30,INDEX(Jesper!$R$2:$R$366,ROW(INDEX(Jesper!AI$2:AI$366,ROUNDDOWN($C781/24,0)+1,1))-1)+IF('Standard Profiles'!$G$19=$B$10,7,0)+IF('Standard Profiles'!$G$19=$B$17,14,0)+IF('Standard Profiles'!$G$19=$B$24,21,0),MOD($C781,24)+1)/SUM(INDEX($D$3:$AA$30,INDEX(Jesper!$R$2:$R$366,ROW(INDEX(Jesper!AI$2:AI$366,ROUNDDOWN($C781/24,0)+1,1))-1)+IF('Standard Profiles'!$G$19=$B$10,7,0)+IF('Standard Profiles'!$G$19=$B$17,14,0)+IF('Standard Profiles'!$G$19=$B$24,21,0),0)),0)</f>
        <v>0</v>
      </c>
      <c r="F781" cm="1">
        <f t="array" ref="F781">IFERROR(INDEX(Jesper!AJ$2:AJ$366,ROUNDDOWN($C781/24,0)+1,1)*INDEX($D$3:$AA$30,INDEX(Jesper!$R$2:$R$366,ROW(INDEX(Jesper!AJ$2:AJ$366,ROUNDDOWN($C781/24,0)+1,1))-1)+IF('Standard Profiles'!$G$20=$B$10,7,0)+IF('Standard Profiles'!$G$20=$B$17,14,0)+IF('Standard Profiles'!$G$20=$B$24,21,0),MOD($C781,24)+1)/SUM(INDEX($D$3:$AA$30,INDEX(Jesper!$R$2:$R$366,ROW(INDEX(Jesper!AJ$2:AJ$366,ROUNDDOWN($C781/24,0)+1,1))-1)+IF('Standard Profiles'!$G$20=$B$10,7,0)+IF('Standard Profiles'!$G$20=$B$17,14,0)+IF('Standard Profiles'!$G$20=$B$24,21,0),0)),0)</f>
        <v>0</v>
      </c>
      <c r="G781" cm="1">
        <f t="array" ref="G781">IFERROR(INDEX(Jesper!AK$2:AK$366,ROUNDDOWN($C781/24,0)+1,1)*INDEX($D$3:$AA$30,INDEX(Jesper!$R$2:$R$366,ROW(INDEX(Jesper!AK$2:AK$366,ROUNDDOWN($C781/24,0)+1,1))-1)+IF('Standard Profiles'!$G$21=$B$10,7,0)+IF('Standard Profiles'!$G$21=$B$17,14,0)+IF('Standard Profiles'!$G$21=$B$24,21,0),MOD($C781,24)+1)/SUM(INDEX($D$3:$AA$30,INDEX(Jesper!$R$2:$R$366,ROW(INDEX(Jesper!AK$2:AK$366,ROUNDDOWN($C781/24,0)+1,1))-1)+IF('Standard Profiles'!$G$21=$B$10,7,0)+IF('Standard Profiles'!$G$21=$B$17,14,0)+IF('Standard Profiles'!$G$21=$B$24,21,0),0)),0)</f>
        <v>0</v>
      </c>
      <c r="H781" cm="1">
        <f t="array" ref="H781">IFERROR(INDEX(Jesper!AL$2:AL$366,ROUNDDOWN($C781/24,0)+1,1)*INDEX($D$3:$AA$30,INDEX(Jesper!$R$2:$R$366,ROW(INDEX(Jesper!AL$2:AL$366,ROUNDDOWN($C781/24,0)+1,1))-1)+IF('Standard Profiles'!$G$22=$B$10,7,0)+IF('Standard Profiles'!$G$22=$B$17,14,0)+IF('Standard Profiles'!$G$22=$B$24,21,0),MOD($C781,24)+1)/SUM(INDEX($D$3:$AA$30,INDEX(Jesper!$R$2:$R$366,ROW(INDEX(Jesper!AL$2:AL$366,ROUNDDOWN($C781/24,0)+1,1))-1)+IF('Standard Profiles'!$G$22=$B$10,7,0)+IF('Standard Profiles'!$G$22=$B$17,14,0)+IF('Standard Profiles'!$G$22=$B$24,21,0),0)),0)</f>
        <v>0</v>
      </c>
      <c r="I781">
        <f t="shared" si="97"/>
        <v>0.25072034125207127</v>
      </c>
      <c r="J781">
        <f t="shared" si="98"/>
        <v>0.83573447084023766</v>
      </c>
      <c r="K781">
        <f t="shared" si="99"/>
        <v>1.2536017062603564</v>
      </c>
      <c r="L781">
        <f t="shared" si="100"/>
        <v>6.0172881900497108</v>
      </c>
      <c r="M781">
        <f t="shared" si="101"/>
        <v>0</v>
      </c>
      <c r="N781" s="46">
        <f t="shared" si="102"/>
        <v>45323.124999998188</v>
      </c>
    </row>
    <row r="782" spans="2:14" x14ac:dyDescent="0.3">
      <c r="B782">
        <f t="shared" si="96"/>
        <v>4</v>
      </c>
      <c r="C782" s="16">
        <v>748</v>
      </c>
      <c r="D782" cm="1">
        <f t="array" ref="D782">IFERROR(INDEX(Jesper!AH$2:AH$366,ROUNDDOWN($C782/24,0)+1,1)*INDEX($D$3:$AA$30,INDEX(Jesper!$R$2:$R$366,ROW(INDEX(Jesper!AH$2:AH$366,ROUNDDOWN($C782/24,0)+1,1))-1)+IF('Standard Profiles'!$G$18=$B$10,7,0)+IF('Standard Profiles'!$G$18=$B$17,14,0)+IF('Standard Profiles'!$G$18=$B$24,21,0),MOD($C782,24)+1)/SUM(INDEX($D$3:$AA$30,INDEX(Jesper!$R$2:$R$366,ROW(INDEX(Jesper!AH$2:AH$366,ROUNDDOWN($C782/24,0)+1,1))-1)+IF('Standard Profiles'!$G$18=$B$10,7,0)+IF('Standard Profiles'!$G$18=$B$17,14,0)+IF('Standard Profiles'!$G$18=$B$24,21,0),0)),0)</f>
        <v>8.3573447084023762</v>
      </c>
      <c r="E782" cm="1">
        <f t="array" ref="E782">IFERROR(INDEX(Jesper!AI$2:AI$366,ROUNDDOWN($C782/24,0)+1,1)*INDEX($D$3:$AA$30,INDEX(Jesper!$R$2:$R$366,ROW(INDEX(Jesper!AI$2:AI$366,ROUNDDOWN($C782/24,0)+1,1))-1)+IF('Standard Profiles'!$G$19=$B$10,7,0)+IF('Standard Profiles'!$G$19=$B$17,14,0)+IF('Standard Profiles'!$G$19=$B$24,21,0),MOD($C782,24)+1)/SUM(INDEX($D$3:$AA$30,INDEX(Jesper!$R$2:$R$366,ROW(INDEX(Jesper!AI$2:AI$366,ROUNDDOWN($C782/24,0)+1,1))-1)+IF('Standard Profiles'!$G$19=$B$10,7,0)+IF('Standard Profiles'!$G$19=$B$17,14,0)+IF('Standard Profiles'!$G$19=$B$24,21,0),0)),0)</f>
        <v>0</v>
      </c>
      <c r="F782" cm="1">
        <f t="array" ref="F782">IFERROR(INDEX(Jesper!AJ$2:AJ$366,ROUNDDOWN($C782/24,0)+1,1)*INDEX($D$3:$AA$30,INDEX(Jesper!$R$2:$R$366,ROW(INDEX(Jesper!AJ$2:AJ$366,ROUNDDOWN($C782/24,0)+1,1))-1)+IF('Standard Profiles'!$G$20=$B$10,7,0)+IF('Standard Profiles'!$G$20=$B$17,14,0)+IF('Standard Profiles'!$G$20=$B$24,21,0),MOD($C782,24)+1)/SUM(INDEX($D$3:$AA$30,INDEX(Jesper!$R$2:$R$366,ROW(INDEX(Jesper!AJ$2:AJ$366,ROUNDDOWN($C782/24,0)+1,1))-1)+IF('Standard Profiles'!$G$20=$B$10,7,0)+IF('Standard Profiles'!$G$20=$B$17,14,0)+IF('Standard Profiles'!$G$20=$B$24,21,0),0)),0)</f>
        <v>0</v>
      </c>
      <c r="G782" cm="1">
        <f t="array" ref="G782">IFERROR(INDEX(Jesper!AK$2:AK$366,ROUNDDOWN($C782/24,0)+1,1)*INDEX($D$3:$AA$30,INDEX(Jesper!$R$2:$R$366,ROW(INDEX(Jesper!AK$2:AK$366,ROUNDDOWN($C782/24,0)+1,1))-1)+IF('Standard Profiles'!$G$21=$B$10,7,0)+IF('Standard Profiles'!$G$21=$B$17,14,0)+IF('Standard Profiles'!$G$21=$B$24,21,0),MOD($C782,24)+1)/SUM(INDEX($D$3:$AA$30,INDEX(Jesper!$R$2:$R$366,ROW(INDEX(Jesper!AK$2:AK$366,ROUNDDOWN($C782/24,0)+1,1))-1)+IF('Standard Profiles'!$G$21=$B$10,7,0)+IF('Standard Profiles'!$G$21=$B$17,14,0)+IF('Standard Profiles'!$G$21=$B$24,21,0),0)),0)</f>
        <v>0</v>
      </c>
      <c r="H782" cm="1">
        <f t="array" ref="H782">IFERROR(INDEX(Jesper!AL$2:AL$366,ROUNDDOWN($C782/24,0)+1,1)*INDEX($D$3:$AA$30,INDEX(Jesper!$R$2:$R$366,ROW(INDEX(Jesper!AL$2:AL$366,ROUNDDOWN($C782/24,0)+1,1))-1)+IF('Standard Profiles'!$G$22=$B$10,7,0)+IF('Standard Profiles'!$G$22=$B$17,14,0)+IF('Standard Profiles'!$G$22=$B$24,21,0),MOD($C782,24)+1)/SUM(INDEX($D$3:$AA$30,INDEX(Jesper!$R$2:$R$366,ROW(INDEX(Jesper!AL$2:AL$366,ROUNDDOWN($C782/24,0)+1,1))-1)+IF('Standard Profiles'!$G$22=$B$10,7,0)+IF('Standard Profiles'!$G$22=$B$17,14,0)+IF('Standard Profiles'!$G$22=$B$24,21,0),0)),0)</f>
        <v>0</v>
      </c>
      <c r="I782">
        <f t="shared" si="97"/>
        <v>0.25072034125207127</v>
      </c>
      <c r="J782">
        <f t="shared" si="98"/>
        <v>0.83573447084023766</v>
      </c>
      <c r="K782">
        <f t="shared" si="99"/>
        <v>1.2536017062603564</v>
      </c>
      <c r="L782">
        <f t="shared" si="100"/>
        <v>6.0172881900497108</v>
      </c>
      <c r="M782">
        <f t="shared" si="101"/>
        <v>0</v>
      </c>
      <c r="N782" s="46">
        <f t="shared" si="102"/>
        <v>45323.166666664853</v>
      </c>
    </row>
    <row r="783" spans="2:14" x14ac:dyDescent="0.3">
      <c r="B783">
        <f t="shared" si="96"/>
        <v>4</v>
      </c>
      <c r="C783" s="16">
        <v>749</v>
      </c>
      <c r="D783" cm="1">
        <f t="array" ref="D783">IFERROR(INDEX(Jesper!AH$2:AH$366,ROUNDDOWN($C783/24,0)+1,1)*INDEX($D$3:$AA$30,INDEX(Jesper!$R$2:$R$366,ROW(INDEX(Jesper!AH$2:AH$366,ROUNDDOWN($C783/24,0)+1,1))-1)+IF('Standard Profiles'!$G$18=$B$10,7,0)+IF('Standard Profiles'!$G$18=$B$17,14,0)+IF('Standard Profiles'!$G$18=$B$24,21,0),MOD($C783,24)+1)/SUM(INDEX($D$3:$AA$30,INDEX(Jesper!$R$2:$R$366,ROW(INDEX(Jesper!AH$2:AH$366,ROUNDDOWN($C783/24,0)+1,1))-1)+IF('Standard Profiles'!$G$18=$B$10,7,0)+IF('Standard Profiles'!$G$18=$B$17,14,0)+IF('Standard Profiles'!$G$18=$B$24,21,0),0)),0)</f>
        <v>10.771688735274171</v>
      </c>
      <c r="E783" cm="1">
        <f t="array" ref="E783">IFERROR(INDEX(Jesper!AI$2:AI$366,ROUNDDOWN($C783/24,0)+1,1)*INDEX($D$3:$AA$30,INDEX(Jesper!$R$2:$R$366,ROW(INDEX(Jesper!AI$2:AI$366,ROUNDDOWN($C783/24,0)+1,1))-1)+IF('Standard Profiles'!$G$19=$B$10,7,0)+IF('Standard Profiles'!$G$19=$B$17,14,0)+IF('Standard Profiles'!$G$19=$B$24,21,0),MOD($C783,24)+1)/SUM(INDEX($D$3:$AA$30,INDEX(Jesper!$R$2:$R$366,ROW(INDEX(Jesper!AI$2:AI$366,ROUNDDOWN($C783/24,0)+1,1))-1)+IF('Standard Profiles'!$G$19=$B$10,7,0)+IF('Standard Profiles'!$G$19=$B$17,14,0)+IF('Standard Profiles'!$G$19=$B$24,21,0),0)),0)</f>
        <v>0</v>
      </c>
      <c r="F783" cm="1">
        <f t="array" ref="F783">IFERROR(INDEX(Jesper!AJ$2:AJ$366,ROUNDDOWN($C783/24,0)+1,1)*INDEX($D$3:$AA$30,INDEX(Jesper!$R$2:$R$366,ROW(INDEX(Jesper!AJ$2:AJ$366,ROUNDDOWN($C783/24,0)+1,1))-1)+IF('Standard Profiles'!$G$20=$B$10,7,0)+IF('Standard Profiles'!$G$20=$B$17,14,0)+IF('Standard Profiles'!$G$20=$B$24,21,0),MOD($C783,24)+1)/SUM(INDEX($D$3:$AA$30,INDEX(Jesper!$R$2:$R$366,ROW(INDEX(Jesper!AJ$2:AJ$366,ROUNDDOWN($C783/24,0)+1,1))-1)+IF('Standard Profiles'!$G$20=$B$10,7,0)+IF('Standard Profiles'!$G$20=$B$17,14,0)+IF('Standard Profiles'!$G$20=$B$24,21,0),0)),0)</f>
        <v>0</v>
      </c>
      <c r="G783" cm="1">
        <f t="array" ref="G783">IFERROR(INDEX(Jesper!AK$2:AK$366,ROUNDDOWN($C783/24,0)+1,1)*INDEX($D$3:$AA$30,INDEX(Jesper!$R$2:$R$366,ROW(INDEX(Jesper!AK$2:AK$366,ROUNDDOWN($C783/24,0)+1,1))-1)+IF('Standard Profiles'!$G$21=$B$10,7,0)+IF('Standard Profiles'!$G$21=$B$17,14,0)+IF('Standard Profiles'!$G$21=$B$24,21,0),MOD($C783,24)+1)/SUM(INDEX($D$3:$AA$30,INDEX(Jesper!$R$2:$R$366,ROW(INDEX(Jesper!AK$2:AK$366,ROUNDDOWN($C783/24,0)+1,1))-1)+IF('Standard Profiles'!$G$21=$B$10,7,0)+IF('Standard Profiles'!$G$21=$B$17,14,0)+IF('Standard Profiles'!$G$21=$B$24,21,0),0)),0)</f>
        <v>0</v>
      </c>
      <c r="H783" cm="1">
        <f t="array" ref="H783">IFERROR(INDEX(Jesper!AL$2:AL$366,ROUNDDOWN($C783/24,0)+1,1)*INDEX($D$3:$AA$30,INDEX(Jesper!$R$2:$R$366,ROW(INDEX(Jesper!AL$2:AL$366,ROUNDDOWN($C783/24,0)+1,1))-1)+IF('Standard Profiles'!$G$22=$B$10,7,0)+IF('Standard Profiles'!$G$22=$B$17,14,0)+IF('Standard Profiles'!$G$22=$B$24,21,0),MOD($C783,24)+1)/SUM(INDEX($D$3:$AA$30,INDEX(Jesper!$R$2:$R$366,ROW(INDEX(Jesper!AL$2:AL$366,ROUNDDOWN($C783/24,0)+1,1))-1)+IF('Standard Profiles'!$G$22=$B$10,7,0)+IF('Standard Profiles'!$G$22=$B$17,14,0)+IF('Standard Profiles'!$G$22=$B$24,21,0),0)),0)</f>
        <v>0</v>
      </c>
      <c r="I783">
        <f t="shared" si="97"/>
        <v>0.32315066205822512</v>
      </c>
      <c r="J783">
        <f t="shared" si="98"/>
        <v>1.0771688735274172</v>
      </c>
      <c r="K783">
        <f t="shared" si="99"/>
        <v>1.6157533102911257</v>
      </c>
      <c r="L783">
        <f t="shared" si="100"/>
        <v>7.7556158893974034</v>
      </c>
      <c r="M783">
        <f t="shared" si="101"/>
        <v>0</v>
      </c>
      <c r="N783" s="46">
        <f t="shared" si="102"/>
        <v>45323.208333331517</v>
      </c>
    </row>
    <row r="784" spans="2:14" x14ac:dyDescent="0.3">
      <c r="B784">
        <f t="shared" si="96"/>
        <v>4</v>
      </c>
      <c r="C784" s="16">
        <v>750</v>
      </c>
      <c r="D784" cm="1">
        <f t="array" ref="D784">IFERROR(INDEX(Jesper!AH$2:AH$366,ROUNDDOWN($C784/24,0)+1,1)*INDEX($D$3:$AA$30,INDEX(Jesper!$R$2:$R$366,ROW(INDEX(Jesper!AH$2:AH$366,ROUNDDOWN($C784/24,0)+1,1))-1)+IF('Standard Profiles'!$G$18=$B$10,7,0)+IF('Standard Profiles'!$G$18=$B$17,14,0)+IF('Standard Profiles'!$G$18=$B$24,21,0),MOD($C784,24)+1)/SUM(INDEX($D$3:$AA$30,INDEX(Jesper!$R$2:$R$366,ROW(INDEX(Jesper!AH$2:AH$366,ROUNDDOWN($C784/24,0)+1,1))-1)+IF('Standard Profiles'!$G$18=$B$10,7,0)+IF('Standard Profiles'!$G$18=$B$17,14,0)+IF('Standard Profiles'!$G$18=$B$24,21,0),0)),0)</f>
        <v>12.443157676954646</v>
      </c>
      <c r="E784" cm="1">
        <f t="array" ref="E784">IFERROR(INDEX(Jesper!AI$2:AI$366,ROUNDDOWN($C784/24,0)+1,1)*INDEX($D$3:$AA$30,INDEX(Jesper!$R$2:$R$366,ROW(INDEX(Jesper!AI$2:AI$366,ROUNDDOWN($C784/24,0)+1,1))-1)+IF('Standard Profiles'!$G$19=$B$10,7,0)+IF('Standard Profiles'!$G$19=$B$17,14,0)+IF('Standard Profiles'!$G$19=$B$24,21,0),MOD($C784,24)+1)/SUM(INDEX($D$3:$AA$30,INDEX(Jesper!$R$2:$R$366,ROW(INDEX(Jesper!AI$2:AI$366,ROUNDDOWN($C784/24,0)+1,1))-1)+IF('Standard Profiles'!$G$19=$B$10,7,0)+IF('Standard Profiles'!$G$19=$B$17,14,0)+IF('Standard Profiles'!$G$19=$B$24,21,0),0)),0)</f>
        <v>0</v>
      </c>
      <c r="F784" cm="1">
        <f t="array" ref="F784">IFERROR(INDEX(Jesper!AJ$2:AJ$366,ROUNDDOWN($C784/24,0)+1,1)*INDEX($D$3:$AA$30,INDEX(Jesper!$R$2:$R$366,ROW(INDEX(Jesper!AJ$2:AJ$366,ROUNDDOWN($C784/24,0)+1,1))-1)+IF('Standard Profiles'!$G$20=$B$10,7,0)+IF('Standard Profiles'!$G$20=$B$17,14,0)+IF('Standard Profiles'!$G$20=$B$24,21,0),MOD($C784,24)+1)/SUM(INDEX($D$3:$AA$30,INDEX(Jesper!$R$2:$R$366,ROW(INDEX(Jesper!AJ$2:AJ$366,ROUNDDOWN($C784/24,0)+1,1))-1)+IF('Standard Profiles'!$G$20=$B$10,7,0)+IF('Standard Profiles'!$G$20=$B$17,14,0)+IF('Standard Profiles'!$G$20=$B$24,21,0),0)),0)</f>
        <v>0</v>
      </c>
      <c r="G784" cm="1">
        <f t="array" ref="G784">IFERROR(INDEX(Jesper!AK$2:AK$366,ROUNDDOWN($C784/24,0)+1,1)*INDEX($D$3:$AA$30,INDEX(Jesper!$R$2:$R$366,ROW(INDEX(Jesper!AK$2:AK$366,ROUNDDOWN($C784/24,0)+1,1))-1)+IF('Standard Profiles'!$G$21=$B$10,7,0)+IF('Standard Profiles'!$G$21=$B$17,14,0)+IF('Standard Profiles'!$G$21=$B$24,21,0),MOD($C784,24)+1)/SUM(INDEX($D$3:$AA$30,INDEX(Jesper!$R$2:$R$366,ROW(INDEX(Jesper!AK$2:AK$366,ROUNDDOWN($C784/24,0)+1,1))-1)+IF('Standard Profiles'!$G$21=$B$10,7,0)+IF('Standard Profiles'!$G$21=$B$17,14,0)+IF('Standard Profiles'!$G$21=$B$24,21,0),0)),0)</f>
        <v>0</v>
      </c>
      <c r="H784" cm="1">
        <f t="array" ref="H784">IFERROR(INDEX(Jesper!AL$2:AL$366,ROUNDDOWN($C784/24,0)+1,1)*INDEX($D$3:$AA$30,INDEX(Jesper!$R$2:$R$366,ROW(INDEX(Jesper!AL$2:AL$366,ROUNDDOWN($C784/24,0)+1,1))-1)+IF('Standard Profiles'!$G$22=$B$10,7,0)+IF('Standard Profiles'!$G$22=$B$17,14,0)+IF('Standard Profiles'!$G$22=$B$24,21,0),MOD($C784,24)+1)/SUM(INDEX($D$3:$AA$30,INDEX(Jesper!$R$2:$R$366,ROW(INDEX(Jesper!AL$2:AL$366,ROUNDDOWN($C784/24,0)+1,1))-1)+IF('Standard Profiles'!$G$22=$B$10,7,0)+IF('Standard Profiles'!$G$22=$B$17,14,0)+IF('Standard Profiles'!$G$22=$B$24,21,0),0)),0)</f>
        <v>0</v>
      </c>
      <c r="I784">
        <f t="shared" si="97"/>
        <v>0.37329473030863936</v>
      </c>
      <c r="J784">
        <f t="shared" si="98"/>
        <v>1.2443157676954648</v>
      </c>
      <c r="K784">
        <f t="shared" si="99"/>
        <v>1.8664736515431968</v>
      </c>
      <c r="L784">
        <f t="shared" si="100"/>
        <v>8.9590735274073445</v>
      </c>
      <c r="M784">
        <f t="shared" si="101"/>
        <v>0</v>
      </c>
      <c r="N784" s="46">
        <f t="shared" si="102"/>
        <v>45323.249999998181</v>
      </c>
    </row>
    <row r="785" spans="2:14" x14ac:dyDescent="0.3">
      <c r="B785">
        <f t="shared" si="96"/>
        <v>4</v>
      </c>
      <c r="C785" s="16">
        <v>751</v>
      </c>
      <c r="D785" cm="1">
        <f t="array" ref="D785">IFERROR(INDEX(Jesper!AH$2:AH$366,ROUNDDOWN($C785/24,0)+1,1)*INDEX($D$3:$AA$30,INDEX(Jesper!$R$2:$R$366,ROW(INDEX(Jesper!AH$2:AH$366,ROUNDDOWN($C785/24,0)+1,1))-1)+IF('Standard Profiles'!$G$18=$B$10,7,0)+IF('Standard Profiles'!$G$18=$B$17,14,0)+IF('Standard Profiles'!$G$18=$B$24,21,0),MOD($C785,24)+1)/SUM(INDEX($D$3:$AA$30,INDEX(Jesper!$R$2:$R$366,ROW(INDEX(Jesper!AH$2:AH$366,ROUNDDOWN($C785/24,0)+1,1))-1)+IF('Standard Profiles'!$G$18=$B$10,7,0)+IF('Standard Profiles'!$G$18=$B$17,14,0)+IF('Standard Profiles'!$G$18=$B$24,21,0),0)),0)</f>
        <v>12.443157676954646</v>
      </c>
      <c r="E785" cm="1">
        <f t="array" ref="E785">IFERROR(INDEX(Jesper!AI$2:AI$366,ROUNDDOWN($C785/24,0)+1,1)*INDEX($D$3:$AA$30,INDEX(Jesper!$R$2:$R$366,ROW(INDEX(Jesper!AI$2:AI$366,ROUNDDOWN($C785/24,0)+1,1))-1)+IF('Standard Profiles'!$G$19=$B$10,7,0)+IF('Standard Profiles'!$G$19=$B$17,14,0)+IF('Standard Profiles'!$G$19=$B$24,21,0),MOD($C785,24)+1)/SUM(INDEX($D$3:$AA$30,INDEX(Jesper!$R$2:$R$366,ROW(INDEX(Jesper!AI$2:AI$366,ROUNDDOWN($C785/24,0)+1,1))-1)+IF('Standard Profiles'!$G$19=$B$10,7,0)+IF('Standard Profiles'!$G$19=$B$17,14,0)+IF('Standard Profiles'!$G$19=$B$24,21,0),0)),0)</f>
        <v>0</v>
      </c>
      <c r="F785" cm="1">
        <f t="array" ref="F785">IFERROR(INDEX(Jesper!AJ$2:AJ$366,ROUNDDOWN($C785/24,0)+1,1)*INDEX($D$3:$AA$30,INDEX(Jesper!$R$2:$R$366,ROW(INDEX(Jesper!AJ$2:AJ$366,ROUNDDOWN($C785/24,0)+1,1))-1)+IF('Standard Profiles'!$G$20=$B$10,7,0)+IF('Standard Profiles'!$G$20=$B$17,14,0)+IF('Standard Profiles'!$G$20=$B$24,21,0),MOD($C785,24)+1)/SUM(INDEX($D$3:$AA$30,INDEX(Jesper!$R$2:$R$366,ROW(INDEX(Jesper!AJ$2:AJ$366,ROUNDDOWN($C785/24,0)+1,1))-1)+IF('Standard Profiles'!$G$20=$B$10,7,0)+IF('Standard Profiles'!$G$20=$B$17,14,0)+IF('Standard Profiles'!$G$20=$B$24,21,0),0)),0)</f>
        <v>0</v>
      </c>
      <c r="G785" cm="1">
        <f t="array" ref="G785">IFERROR(INDEX(Jesper!AK$2:AK$366,ROUNDDOWN($C785/24,0)+1,1)*INDEX($D$3:$AA$30,INDEX(Jesper!$R$2:$R$366,ROW(INDEX(Jesper!AK$2:AK$366,ROUNDDOWN($C785/24,0)+1,1))-1)+IF('Standard Profiles'!$G$21=$B$10,7,0)+IF('Standard Profiles'!$G$21=$B$17,14,0)+IF('Standard Profiles'!$G$21=$B$24,21,0),MOD($C785,24)+1)/SUM(INDEX($D$3:$AA$30,INDEX(Jesper!$R$2:$R$366,ROW(INDEX(Jesper!AK$2:AK$366,ROUNDDOWN($C785/24,0)+1,1))-1)+IF('Standard Profiles'!$G$21=$B$10,7,0)+IF('Standard Profiles'!$G$21=$B$17,14,0)+IF('Standard Profiles'!$G$21=$B$24,21,0),0)),0)</f>
        <v>0</v>
      </c>
      <c r="H785" cm="1">
        <f t="array" ref="H785">IFERROR(INDEX(Jesper!AL$2:AL$366,ROUNDDOWN($C785/24,0)+1,1)*INDEX($D$3:$AA$30,INDEX(Jesper!$R$2:$R$366,ROW(INDEX(Jesper!AL$2:AL$366,ROUNDDOWN($C785/24,0)+1,1))-1)+IF('Standard Profiles'!$G$22=$B$10,7,0)+IF('Standard Profiles'!$G$22=$B$17,14,0)+IF('Standard Profiles'!$G$22=$B$24,21,0),MOD($C785,24)+1)/SUM(INDEX($D$3:$AA$30,INDEX(Jesper!$R$2:$R$366,ROW(INDEX(Jesper!AL$2:AL$366,ROUNDDOWN($C785/24,0)+1,1))-1)+IF('Standard Profiles'!$G$22=$B$10,7,0)+IF('Standard Profiles'!$G$22=$B$17,14,0)+IF('Standard Profiles'!$G$22=$B$24,21,0),0)),0)</f>
        <v>0</v>
      </c>
      <c r="I785">
        <f t="shared" si="97"/>
        <v>0.37329473030863936</v>
      </c>
      <c r="J785">
        <f t="shared" si="98"/>
        <v>1.2443157676954648</v>
      </c>
      <c r="K785">
        <f t="shared" si="99"/>
        <v>1.8664736515431968</v>
      </c>
      <c r="L785">
        <f t="shared" si="100"/>
        <v>8.9590735274073445</v>
      </c>
      <c r="M785">
        <f t="shared" si="101"/>
        <v>0</v>
      </c>
      <c r="N785" s="46">
        <f t="shared" si="102"/>
        <v>45323.291666664845</v>
      </c>
    </row>
    <row r="786" spans="2:14" x14ac:dyDescent="0.3">
      <c r="B786">
        <f t="shared" si="96"/>
        <v>4</v>
      </c>
      <c r="C786" s="16">
        <v>752</v>
      </c>
      <c r="D786" cm="1">
        <f t="array" ref="D786">IFERROR(INDEX(Jesper!AH$2:AH$366,ROUNDDOWN($C786/24,0)+1,1)*INDEX($D$3:$AA$30,INDEX(Jesper!$R$2:$R$366,ROW(INDEX(Jesper!AH$2:AH$366,ROUNDDOWN($C786/24,0)+1,1))-1)+IF('Standard Profiles'!$G$18=$B$10,7,0)+IF('Standard Profiles'!$G$18=$B$17,14,0)+IF('Standard Profiles'!$G$18=$B$24,21,0),MOD($C786,24)+1)/SUM(INDEX($D$3:$AA$30,INDEX(Jesper!$R$2:$R$366,ROW(INDEX(Jesper!AH$2:AH$366,ROUNDDOWN($C786/24,0)+1,1))-1)+IF('Standard Profiles'!$G$18=$B$10,7,0)+IF('Standard Profiles'!$G$18=$B$17,14,0)+IF('Standard Profiles'!$G$18=$B$24,21,0),0)),0)</f>
        <v>12.443157676954646</v>
      </c>
      <c r="E786" cm="1">
        <f t="array" ref="E786">IFERROR(INDEX(Jesper!AI$2:AI$366,ROUNDDOWN($C786/24,0)+1,1)*INDEX($D$3:$AA$30,INDEX(Jesper!$R$2:$R$366,ROW(INDEX(Jesper!AI$2:AI$366,ROUNDDOWN($C786/24,0)+1,1))-1)+IF('Standard Profiles'!$G$19=$B$10,7,0)+IF('Standard Profiles'!$G$19=$B$17,14,0)+IF('Standard Profiles'!$G$19=$B$24,21,0),MOD($C786,24)+1)/SUM(INDEX($D$3:$AA$30,INDEX(Jesper!$R$2:$R$366,ROW(INDEX(Jesper!AI$2:AI$366,ROUNDDOWN($C786/24,0)+1,1))-1)+IF('Standard Profiles'!$G$19=$B$10,7,0)+IF('Standard Profiles'!$G$19=$B$17,14,0)+IF('Standard Profiles'!$G$19=$B$24,21,0),0)),0)</f>
        <v>0</v>
      </c>
      <c r="F786" cm="1">
        <f t="array" ref="F786">IFERROR(INDEX(Jesper!AJ$2:AJ$366,ROUNDDOWN($C786/24,0)+1,1)*INDEX($D$3:$AA$30,INDEX(Jesper!$R$2:$R$366,ROW(INDEX(Jesper!AJ$2:AJ$366,ROUNDDOWN($C786/24,0)+1,1))-1)+IF('Standard Profiles'!$G$20=$B$10,7,0)+IF('Standard Profiles'!$G$20=$B$17,14,0)+IF('Standard Profiles'!$G$20=$B$24,21,0),MOD($C786,24)+1)/SUM(INDEX($D$3:$AA$30,INDEX(Jesper!$R$2:$R$366,ROW(INDEX(Jesper!AJ$2:AJ$366,ROUNDDOWN($C786/24,0)+1,1))-1)+IF('Standard Profiles'!$G$20=$B$10,7,0)+IF('Standard Profiles'!$G$20=$B$17,14,0)+IF('Standard Profiles'!$G$20=$B$24,21,0),0)),0)</f>
        <v>0</v>
      </c>
      <c r="G786" cm="1">
        <f t="array" ref="G786">IFERROR(INDEX(Jesper!AK$2:AK$366,ROUNDDOWN($C786/24,0)+1,1)*INDEX($D$3:$AA$30,INDEX(Jesper!$R$2:$R$366,ROW(INDEX(Jesper!AK$2:AK$366,ROUNDDOWN($C786/24,0)+1,1))-1)+IF('Standard Profiles'!$G$21=$B$10,7,0)+IF('Standard Profiles'!$G$21=$B$17,14,0)+IF('Standard Profiles'!$G$21=$B$24,21,0),MOD($C786,24)+1)/SUM(INDEX($D$3:$AA$30,INDEX(Jesper!$R$2:$R$366,ROW(INDEX(Jesper!AK$2:AK$366,ROUNDDOWN($C786/24,0)+1,1))-1)+IF('Standard Profiles'!$G$21=$B$10,7,0)+IF('Standard Profiles'!$G$21=$B$17,14,0)+IF('Standard Profiles'!$G$21=$B$24,21,0),0)),0)</f>
        <v>0</v>
      </c>
      <c r="H786" cm="1">
        <f t="array" ref="H786">IFERROR(INDEX(Jesper!AL$2:AL$366,ROUNDDOWN($C786/24,0)+1,1)*INDEX($D$3:$AA$30,INDEX(Jesper!$R$2:$R$366,ROW(INDEX(Jesper!AL$2:AL$366,ROUNDDOWN($C786/24,0)+1,1))-1)+IF('Standard Profiles'!$G$22=$B$10,7,0)+IF('Standard Profiles'!$G$22=$B$17,14,0)+IF('Standard Profiles'!$G$22=$B$24,21,0),MOD($C786,24)+1)/SUM(INDEX($D$3:$AA$30,INDEX(Jesper!$R$2:$R$366,ROW(INDEX(Jesper!AL$2:AL$366,ROUNDDOWN($C786/24,0)+1,1))-1)+IF('Standard Profiles'!$G$22=$B$10,7,0)+IF('Standard Profiles'!$G$22=$B$17,14,0)+IF('Standard Profiles'!$G$22=$B$24,21,0),0)),0)</f>
        <v>0</v>
      </c>
      <c r="I786">
        <f t="shared" si="97"/>
        <v>0.37329473030863936</v>
      </c>
      <c r="J786">
        <f t="shared" si="98"/>
        <v>1.2443157676954648</v>
      </c>
      <c r="K786">
        <f t="shared" si="99"/>
        <v>1.8664736515431968</v>
      </c>
      <c r="L786">
        <f t="shared" si="100"/>
        <v>8.9590735274073445</v>
      </c>
      <c r="M786">
        <f t="shared" si="101"/>
        <v>0</v>
      </c>
      <c r="N786" s="46">
        <f t="shared" si="102"/>
        <v>45323.333333331509</v>
      </c>
    </row>
    <row r="787" spans="2:14" x14ac:dyDescent="0.3">
      <c r="B787">
        <f t="shared" si="96"/>
        <v>4</v>
      </c>
      <c r="C787" s="16">
        <v>753</v>
      </c>
      <c r="D787" cm="1">
        <f t="array" ref="D787">IFERROR(INDEX(Jesper!AH$2:AH$366,ROUNDDOWN($C787/24,0)+1,1)*INDEX($D$3:$AA$30,INDEX(Jesper!$R$2:$R$366,ROW(INDEX(Jesper!AH$2:AH$366,ROUNDDOWN($C787/24,0)+1,1))-1)+IF('Standard Profiles'!$G$18=$B$10,7,0)+IF('Standard Profiles'!$G$18=$B$17,14,0)+IF('Standard Profiles'!$G$18=$B$24,21,0),MOD($C787,24)+1)/SUM(INDEX($D$3:$AA$30,INDEX(Jesper!$R$2:$R$366,ROW(INDEX(Jesper!AH$2:AH$366,ROUNDDOWN($C787/24,0)+1,1))-1)+IF('Standard Profiles'!$G$18=$B$10,7,0)+IF('Standard Profiles'!$G$18=$B$17,14,0)+IF('Standard Profiles'!$G$18=$B$24,21,0),0)),0)</f>
        <v>13.371751533443799</v>
      </c>
      <c r="E787" cm="1">
        <f t="array" ref="E787">IFERROR(INDEX(Jesper!AI$2:AI$366,ROUNDDOWN($C787/24,0)+1,1)*INDEX($D$3:$AA$30,INDEX(Jesper!$R$2:$R$366,ROW(INDEX(Jesper!AI$2:AI$366,ROUNDDOWN($C787/24,0)+1,1))-1)+IF('Standard Profiles'!$G$19=$B$10,7,0)+IF('Standard Profiles'!$G$19=$B$17,14,0)+IF('Standard Profiles'!$G$19=$B$24,21,0),MOD($C787,24)+1)/SUM(INDEX($D$3:$AA$30,INDEX(Jesper!$R$2:$R$366,ROW(INDEX(Jesper!AI$2:AI$366,ROUNDDOWN($C787/24,0)+1,1))-1)+IF('Standard Profiles'!$G$19=$B$10,7,0)+IF('Standard Profiles'!$G$19=$B$17,14,0)+IF('Standard Profiles'!$G$19=$B$24,21,0),0)),0)</f>
        <v>0</v>
      </c>
      <c r="F787" cm="1">
        <f t="array" ref="F787">IFERROR(INDEX(Jesper!AJ$2:AJ$366,ROUNDDOWN($C787/24,0)+1,1)*INDEX($D$3:$AA$30,INDEX(Jesper!$R$2:$R$366,ROW(INDEX(Jesper!AJ$2:AJ$366,ROUNDDOWN($C787/24,0)+1,1))-1)+IF('Standard Profiles'!$G$20=$B$10,7,0)+IF('Standard Profiles'!$G$20=$B$17,14,0)+IF('Standard Profiles'!$G$20=$B$24,21,0),MOD($C787,24)+1)/SUM(INDEX($D$3:$AA$30,INDEX(Jesper!$R$2:$R$366,ROW(INDEX(Jesper!AJ$2:AJ$366,ROUNDDOWN($C787/24,0)+1,1))-1)+IF('Standard Profiles'!$G$20=$B$10,7,0)+IF('Standard Profiles'!$G$20=$B$17,14,0)+IF('Standard Profiles'!$G$20=$B$24,21,0),0)),0)</f>
        <v>0</v>
      </c>
      <c r="G787" cm="1">
        <f t="array" ref="G787">IFERROR(INDEX(Jesper!AK$2:AK$366,ROUNDDOWN($C787/24,0)+1,1)*INDEX($D$3:$AA$30,INDEX(Jesper!$R$2:$R$366,ROW(INDEX(Jesper!AK$2:AK$366,ROUNDDOWN($C787/24,0)+1,1))-1)+IF('Standard Profiles'!$G$21=$B$10,7,0)+IF('Standard Profiles'!$G$21=$B$17,14,0)+IF('Standard Profiles'!$G$21=$B$24,21,0),MOD($C787,24)+1)/SUM(INDEX($D$3:$AA$30,INDEX(Jesper!$R$2:$R$366,ROW(INDEX(Jesper!AK$2:AK$366,ROUNDDOWN($C787/24,0)+1,1))-1)+IF('Standard Profiles'!$G$21=$B$10,7,0)+IF('Standard Profiles'!$G$21=$B$17,14,0)+IF('Standard Profiles'!$G$21=$B$24,21,0),0)),0)</f>
        <v>0</v>
      </c>
      <c r="H787" cm="1">
        <f t="array" ref="H787">IFERROR(INDEX(Jesper!AL$2:AL$366,ROUNDDOWN($C787/24,0)+1,1)*INDEX($D$3:$AA$30,INDEX(Jesper!$R$2:$R$366,ROW(INDEX(Jesper!AL$2:AL$366,ROUNDDOWN($C787/24,0)+1,1))-1)+IF('Standard Profiles'!$G$22=$B$10,7,0)+IF('Standard Profiles'!$G$22=$B$17,14,0)+IF('Standard Profiles'!$G$22=$B$24,21,0),MOD($C787,24)+1)/SUM(INDEX($D$3:$AA$30,INDEX(Jesper!$R$2:$R$366,ROW(INDEX(Jesper!AL$2:AL$366,ROUNDDOWN($C787/24,0)+1,1))-1)+IF('Standard Profiles'!$G$22=$B$10,7,0)+IF('Standard Profiles'!$G$22=$B$17,14,0)+IF('Standard Profiles'!$G$22=$B$24,21,0),0)),0)</f>
        <v>0</v>
      </c>
      <c r="I787">
        <f t="shared" si="97"/>
        <v>0.40115254600331396</v>
      </c>
      <c r="J787">
        <f t="shared" si="98"/>
        <v>1.3371751533443801</v>
      </c>
      <c r="K787">
        <f t="shared" si="99"/>
        <v>2.0057627300165697</v>
      </c>
      <c r="L787">
        <f t="shared" si="100"/>
        <v>9.6276611040795341</v>
      </c>
      <c r="M787">
        <f t="shared" si="101"/>
        <v>0</v>
      </c>
      <c r="N787" s="46">
        <f t="shared" si="102"/>
        <v>45323.374999998174</v>
      </c>
    </row>
    <row r="788" spans="2:14" x14ac:dyDescent="0.3">
      <c r="B788">
        <f t="shared" si="96"/>
        <v>4</v>
      </c>
      <c r="C788" s="16">
        <v>754</v>
      </c>
      <c r="D788" cm="1">
        <f t="array" ref="D788">IFERROR(INDEX(Jesper!AH$2:AH$366,ROUNDDOWN($C788/24,0)+1,1)*INDEX($D$3:$AA$30,INDEX(Jesper!$R$2:$R$366,ROW(INDEX(Jesper!AH$2:AH$366,ROUNDDOWN($C788/24,0)+1,1))-1)+IF('Standard Profiles'!$G$18=$B$10,7,0)+IF('Standard Profiles'!$G$18=$B$17,14,0)+IF('Standard Profiles'!$G$18=$B$24,21,0),MOD($C788,24)+1)/SUM(INDEX($D$3:$AA$30,INDEX(Jesper!$R$2:$R$366,ROW(INDEX(Jesper!AH$2:AH$366,ROUNDDOWN($C788/24,0)+1,1))-1)+IF('Standard Profiles'!$G$18=$B$10,7,0)+IF('Standard Profiles'!$G$18=$B$17,14,0)+IF('Standard Profiles'!$G$18=$B$24,21,0),0)),0)</f>
        <v>14.486064161230784</v>
      </c>
      <c r="E788" cm="1">
        <f t="array" ref="E788">IFERROR(INDEX(Jesper!AI$2:AI$366,ROUNDDOWN($C788/24,0)+1,1)*INDEX($D$3:$AA$30,INDEX(Jesper!$R$2:$R$366,ROW(INDEX(Jesper!AI$2:AI$366,ROUNDDOWN($C788/24,0)+1,1))-1)+IF('Standard Profiles'!$G$19=$B$10,7,0)+IF('Standard Profiles'!$G$19=$B$17,14,0)+IF('Standard Profiles'!$G$19=$B$24,21,0),MOD($C788,24)+1)/SUM(INDEX($D$3:$AA$30,INDEX(Jesper!$R$2:$R$366,ROW(INDEX(Jesper!AI$2:AI$366,ROUNDDOWN($C788/24,0)+1,1))-1)+IF('Standard Profiles'!$G$19=$B$10,7,0)+IF('Standard Profiles'!$G$19=$B$17,14,0)+IF('Standard Profiles'!$G$19=$B$24,21,0),0)),0)</f>
        <v>0</v>
      </c>
      <c r="F788" cm="1">
        <f t="array" ref="F788">IFERROR(INDEX(Jesper!AJ$2:AJ$366,ROUNDDOWN($C788/24,0)+1,1)*INDEX($D$3:$AA$30,INDEX(Jesper!$R$2:$R$366,ROW(INDEX(Jesper!AJ$2:AJ$366,ROUNDDOWN($C788/24,0)+1,1))-1)+IF('Standard Profiles'!$G$20=$B$10,7,0)+IF('Standard Profiles'!$G$20=$B$17,14,0)+IF('Standard Profiles'!$G$20=$B$24,21,0),MOD($C788,24)+1)/SUM(INDEX($D$3:$AA$30,INDEX(Jesper!$R$2:$R$366,ROW(INDEX(Jesper!AJ$2:AJ$366,ROUNDDOWN($C788/24,0)+1,1))-1)+IF('Standard Profiles'!$G$20=$B$10,7,0)+IF('Standard Profiles'!$G$20=$B$17,14,0)+IF('Standard Profiles'!$G$20=$B$24,21,0),0)),0)</f>
        <v>0</v>
      </c>
      <c r="G788" cm="1">
        <f t="array" ref="G788">IFERROR(INDEX(Jesper!AK$2:AK$366,ROUNDDOWN($C788/24,0)+1,1)*INDEX($D$3:$AA$30,INDEX(Jesper!$R$2:$R$366,ROW(INDEX(Jesper!AK$2:AK$366,ROUNDDOWN($C788/24,0)+1,1))-1)+IF('Standard Profiles'!$G$21=$B$10,7,0)+IF('Standard Profiles'!$G$21=$B$17,14,0)+IF('Standard Profiles'!$G$21=$B$24,21,0),MOD($C788,24)+1)/SUM(INDEX($D$3:$AA$30,INDEX(Jesper!$R$2:$R$366,ROW(INDEX(Jesper!AK$2:AK$366,ROUNDDOWN($C788/24,0)+1,1))-1)+IF('Standard Profiles'!$G$21=$B$10,7,0)+IF('Standard Profiles'!$G$21=$B$17,14,0)+IF('Standard Profiles'!$G$21=$B$24,21,0),0)),0)</f>
        <v>0</v>
      </c>
      <c r="H788" cm="1">
        <f t="array" ref="H788">IFERROR(INDEX(Jesper!AL$2:AL$366,ROUNDDOWN($C788/24,0)+1,1)*INDEX($D$3:$AA$30,INDEX(Jesper!$R$2:$R$366,ROW(INDEX(Jesper!AL$2:AL$366,ROUNDDOWN($C788/24,0)+1,1))-1)+IF('Standard Profiles'!$G$22=$B$10,7,0)+IF('Standard Profiles'!$G$22=$B$17,14,0)+IF('Standard Profiles'!$G$22=$B$24,21,0),MOD($C788,24)+1)/SUM(INDEX($D$3:$AA$30,INDEX(Jesper!$R$2:$R$366,ROW(INDEX(Jesper!AL$2:AL$366,ROUNDDOWN($C788/24,0)+1,1))-1)+IF('Standard Profiles'!$G$22=$B$10,7,0)+IF('Standard Profiles'!$G$22=$B$17,14,0)+IF('Standard Profiles'!$G$22=$B$24,21,0),0)),0)</f>
        <v>0</v>
      </c>
      <c r="I788">
        <f t="shared" si="97"/>
        <v>0.43458192483692348</v>
      </c>
      <c r="J788">
        <f t="shared" si="98"/>
        <v>1.4486064161230785</v>
      </c>
      <c r="K788">
        <f t="shared" si="99"/>
        <v>2.1729096241846175</v>
      </c>
      <c r="L788">
        <f t="shared" si="100"/>
        <v>10.429966196086164</v>
      </c>
      <c r="M788">
        <f t="shared" si="101"/>
        <v>0</v>
      </c>
      <c r="N788" s="46">
        <f t="shared" si="102"/>
        <v>45323.416666664838</v>
      </c>
    </row>
    <row r="789" spans="2:14" x14ac:dyDescent="0.3">
      <c r="B789">
        <f t="shared" si="96"/>
        <v>4</v>
      </c>
      <c r="C789" s="16">
        <v>755</v>
      </c>
      <c r="D789" cm="1">
        <f t="array" ref="D789">IFERROR(INDEX(Jesper!AH$2:AH$366,ROUNDDOWN($C789/24,0)+1,1)*INDEX($D$3:$AA$30,INDEX(Jesper!$R$2:$R$366,ROW(INDEX(Jesper!AH$2:AH$366,ROUNDDOWN($C789/24,0)+1,1))-1)+IF('Standard Profiles'!$G$18=$B$10,7,0)+IF('Standard Profiles'!$G$18=$B$17,14,0)+IF('Standard Profiles'!$G$18=$B$24,21,0),MOD($C789,24)+1)/SUM(INDEX($D$3:$AA$30,INDEX(Jesper!$R$2:$R$366,ROW(INDEX(Jesper!AH$2:AH$366,ROUNDDOWN($C789/24,0)+1,1))-1)+IF('Standard Profiles'!$G$18=$B$10,7,0)+IF('Standard Profiles'!$G$18=$B$17,14,0)+IF('Standard Profiles'!$G$18=$B$24,21,0),0)),0)</f>
        <v>16.714689416804752</v>
      </c>
      <c r="E789" cm="1">
        <f t="array" ref="E789">IFERROR(INDEX(Jesper!AI$2:AI$366,ROUNDDOWN($C789/24,0)+1,1)*INDEX($D$3:$AA$30,INDEX(Jesper!$R$2:$R$366,ROW(INDEX(Jesper!AI$2:AI$366,ROUNDDOWN($C789/24,0)+1,1))-1)+IF('Standard Profiles'!$G$19=$B$10,7,0)+IF('Standard Profiles'!$G$19=$B$17,14,0)+IF('Standard Profiles'!$G$19=$B$24,21,0),MOD($C789,24)+1)/SUM(INDEX($D$3:$AA$30,INDEX(Jesper!$R$2:$R$366,ROW(INDEX(Jesper!AI$2:AI$366,ROUNDDOWN($C789/24,0)+1,1))-1)+IF('Standard Profiles'!$G$19=$B$10,7,0)+IF('Standard Profiles'!$G$19=$B$17,14,0)+IF('Standard Profiles'!$G$19=$B$24,21,0),0)),0)</f>
        <v>0</v>
      </c>
      <c r="F789" cm="1">
        <f t="array" ref="F789">IFERROR(INDEX(Jesper!AJ$2:AJ$366,ROUNDDOWN($C789/24,0)+1,1)*INDEX($D$3:$AA$30,INDEX(Jesper!$R$2:$R$366,ROW(INDEX(Jesper!AJ$2:AJ$366,ROUNDDOWN($C789/24,0)+1,1))-1)+IF('Standard Profiles'!$G$20=$B$10,7,0)+IF('Standard Profiles'!$G$20=$B$17,14,0)+IF('Standard Profiles'!$G$20=$B$24,21,0),MOD($C789,24)+1)/SUM(INDEX($D$3:$AA$30,INDEX(Jesper!$R$2:$R$366,ROW(INDEX(Jesper!AJ$2:AJ$366,ROUNDDOWN($C789/24,0)+1,1))-1)+IF('Standard Profiles'!$G$20=$B$10,7,0)+IF('Standard Profiles'!$G$20=$B$17,14,0)+IF('Standard Profiles'!$G$20=$B$24,21,0),0)),0)</f>
        <v>0</v>
      </c>
      <c r="G789" cm="1">
        <f t="array" ref="G789">IFERROR(INDEX(Jesper!AK$2:AK$366,ROUNDDOWN($C789/24,0)+1,1)*INDEX($D$3:$AA$30,INDEX(Jesper!$R$2:$R$366,ROW(INDEX(Jesper!AK$2:AK$366,ROUNDDOWN($C789/24,0)+1,1))-1)+IF('Standard Profiles'!$G$21=$B$10,7,0)+IF('Standard Profiles'!$G$21=$B$17,14,0)+IF('Standard Profiles'!$G$21=$B$24,21,0),MOD($C789,24)+1)/SUM(INDEX($D$3:$AA$30,INDEX(Jesper!$R$2:$R$366,ROW(INDEX(Jesper!AK$2:AK$366,ROUNDDOWN($C789/24,0)+1,1))-1)+IF('Standard Profiles'!$G$21=$B$10,7,0)+IF('Standard Profiles'!$G$21=$B$17,14,0)+IF('Standard Profiles'!$G$21=$B$24,21,0),0)),0)</f>
        <v>0</v>
      </c>
      <c r="H789" cm="1">
        <f t="array" ref="H789">IFERROR(INDEX(Jesper!AL$2:AL$366,ROUNDDOWN($C789/24,0)+1,1)*INDEX($D$3:$AA$30,INDEX(Jesper!$R$2:$R$366,ROW(INDEX(Jesper!AL$2:AL$366,ROUNDDOWN($C789/24,0)+1,1))-1)+IF('Standard Profiles'!$G$22=$B$10,7,0)+IF('Standard Profiles'!$G$22=$B$17,14,0)+IF('Standard Profiles'!$G$22=$B$24,21,0),MOD($C789,24)+1)/SUM(INDEX($D$3:$AA$30,INDEX(Jesper!$R$2:$R$366,ROW(INDEX(Jesper!AL$2:AL$366,ROUNDDOWN($C789/24,0)+1,1))-1)+IF('Standard Profiles'!$G$22=$B$10,7,0)+IF('Standard Profiles'!$G$22=$B$17,14,0)+IF('Standard Profiles'!$G$22=$B$24,21,0),0)),0)</f>
        <v>0</v>
      </c>
      <c r="I789">
        <f t="shared" si="97"/>
        <v>0.50144068250414253</v>
      </c>
      <c r="J789">
        <f t="shared" si="98"/>
        <v>1.6714689416804753</v>
      </c>
      <c r="K789">
        <f t="shared" si="99"/>
        <v>2.5072034125207128</v>
      </c>
      <c r="L789">
        <f t="shared" si="100"/>
        <v>12.034576380099422</v>
      </c>
      <c r="M789">
        <f t="shared" si="101"/>
        <v>0</v>
      </c>
      <c r="N789" s="46">
        <f t="shared" si="102"/>
        <v>45323.458333331502</v>
      </c>
    </row>
    <row r="790" spans="2:14" x14ac:dyDescent="0.3">
      <c r="B790">
        <f t="shared" si="96"/>
        <v>4</v>
      </c>
      <c r="C790" s="16">
        <v>756</v>
      </c>
      <c r="D790" cm="1">
        <f t="array" ref="D790">IFERROR(INDEX(Jesper!AH$2:AH$366,ROUNDDOWN($C790/24,0)+1,1)*INDEX($D$3:$AA$30,INDEX(Jesper!$R$2:$R$366,ROW(INDEX(Jesper!AH$2:AH$366,ROUNDDOWN($C790/24,0)+1,1))-1)+IF('Standard Profiles'!$G$18=$B$10,7,0)+IF('Standard Profiles'!$G$18=$B$17,14,0)+IF('Standard Profiles'!$G$18=$B$24,21,0),MOD($C790,24)+1)/SUM(INDEX($D$3:$AA$30,INDEX(Jesper!$R$2:$R$366,ROW(INDEX(Jesper!AH$2:AH$366,ROUNDDOWN($C790/24,0)+1,1))-1)+IF('Standard Profiles'!$G$18=$B$10,7,0)+IF('Standard Profiles'!$G$18=$B$17,14,0)+IF('Standard Profiles'!$G$18=$B$24,21,0),0)),0)</f>
        <v>16.714689416804752</v>
      </c>
      <c r="E790" cm="1">
        <f t="array" ref="E790">IFERROR(INDEX(Jesper!AI$2:AI$366,ROUNDDOWN($C790/24,0)+1,1)*INDEX($D$3:$AA$30,INDEX(Jesper!$R$2:$R$366,ROW(INDEX(Jesper!AI$2:AI$366,ROUNDDOWN($C790/24,0)+1,1))-1)+IF('Standard Profiles'!$G$19=$B$10,7,0)+IF('Standard Profiles'!$G$19=$B$17,14,0)+IF('Standard Profiles'!$G$19=$B$24,21,0),MOD($C790,24)+1)/SUM(INDEX($D$3:$AA$30,INDEX(Jesper!$R$2:$R$366,ROW(INDEX(Jesper!AI$2:AI$366,ROUNDDOWN($C790/24,0)+1,1))-1)+IF('Standard Profiles'!$G$19=$B$10,7,0)+IF('Standard Profiles'!$G$19=$B$17,14,0)+IF('Standard Profiles'!$G$19=$B$24,21,0),0)),0)</f>
        <v>0</v>
      </c>
      <c r="F790" cm="1">
        <f t="array" ref="F790">IFERROR(INDEX(Jesper!AJ$2:AJ$366,ROUNDDOWN($C790/24,0)+1,1)*INDEX($D$3:$AA$30,INDEX(Jesper!$R$2:$R$366,ROW(INDEX(Jesper!AJ$2:AJ$366,ROUNDDOWN($C790/24,0)+1,1))-1)+IF('Standard Profiles'!$G$20=$B$10,7,0)+IF('Standard Profiles'!$G$20=$B$17,14,0)+IF('Standard Profiles'!$G$20=$B$24,21,0),MOD($C790,24)+1)/SUM(INDEX($D$3:$AA$30,INDEX(Jesper!$R$2:$R$366,ROW(INDEX(Jesper!AJ$2:AJ$366,ROUNDDOWN($C790/24,0)+1,1))-1)+IF('Standard Profiles'!$G$20=$B$10,7,0)+IF('Standard Profiles'!$G$20=$B$17,14,0)+IF('Standard Profiles'!$G$20=$B$24,21,0),0)),0)</f>
        <v>0</v>
      </c>
      <c r="G790" cm="1">
        <f t="array" ref="G790">IFERROR(INDEX(Jesper!AK$2:AK$366,ROUNDDOWN($C790/24,0)+1,1)*INDEX($D$3:$AA$30,INDEX(Jesper!$R$2:$R$366,ROW(INDEX(Jesper!AK$2:AK$366,ROUNDDOWN($C790/24,0)+1,1))-1)+IF('Standard Profiles'!$G$21=$B$10,7,0)+IF('Standard Profiles'!$G$21=$B$17,14,0)+IF('Standard Profiles'!$G$21=$B$24,21,0),MOD($C790,24)+1)/SUM(INDEX($D$3:$AA$30,INDEX(Jesper!$R$2:$R$366,ROW(INDEX(Jesper!AK$2:AK$366,ROUNDDOWN($C790/24,0)+1,1))-1)+IF('Standard Profiles'!$G$21=$B$10,7,0)+IF('Standard Profiles'!$G$21=$B$17,14,0)+IF('Standard Profiles'!$G$21=$B$24,21,0),0)),0)</f>
        <v>0</v>
      </c>
      <c r="H790" cm="1">
        <f t="array" ref="H790">IFERROR(INDEX(Jesper!AL$2:AL$366,ROUNDDOWN($C790/24,0)+1,1)*INDEX($D$3:$AA$30,INDEX(Jesper!$R$2:$R$366,ROW(INDEX(Jesper!AL$2:AL$366,ROUNDDOWN($C790/24,0)+1,1))-1)+IF('Standard Profiles'!$G$22=$B$10,7,0)+IF('Standard Profiles'!$G$22=$B$17,14,0)+IF('Standard Profiles'!$G$22=$B$24,21,0),MOD($C790,24)+1)/SUM(INDEX($D$3:$AA$30,INDEX(Jesper!$R$2:$R$366,ROW(INDEX(Jesper!AL$2:AL$366,ROUNDDOWN($C790/24,0)+1,1))-1)+IF('Standard Profiles'!$G$22=$B$10,7,0)+IF('Standard Profiles'!$G$22=$B$17,14,0)+IF('Standard Profiles'!$G$22=$B$24,21,0),0)),0)</f>
        <v>0</v>
      </c>
      <c r="I790">
        <f t="shared" si="97"/>
        <v>0.50144068250414253</v>
      </c>
      <c r="J790">
        <f t="shared" si="98"/>
        <v>1.6714689416804753</v>
      </c>
      <c r="K790">
        <f t="shared" si="99"/>
        <v>2.5072034125207128</v>
      </c>
      <c r="L790">
        <f t="shared" si="100"/>
        <v>12.034576380099422</v>
      </c>
      <c r="M790">
        <f t="shared" si="101"/>
        <v>0</v>
      </c>
      <c r="N790" s="46">
        <f t="shared" si="102"/>
        <v>45323.499999998166</v>
      </c>
    </row>
    <row r="791" spans="2:14" x14ac:dyDescent="0.3">
      <c r="B791">
        <f t="shared" si="96"/>
        <v>4</v>
      </c>
      <c r="C791" s="16">
        <v>757</v>
      </c>
      <c r="D791" cm="1">
        <f t="array" ref="D791">IFERROR(INDEX(Jesper!AH$2:AH$366,ROUNDDOWN($C791/24,0)+1,1)*INDEX($D$3:$AA$30,INDEX(Jesper!$R$2:$R$366,ROW(INDEX(Jesper!AH$2:AH$366,ROUNDDOWN($C791/24,0)+1,1))-1)+IF('Standard Profiles'!$G$18=$B$10,7,0)+IF('Standard Profiles'!$G$18=$B$17,14,0)+IF('Standard Profiles'!$G$18=$B$24,21,0),MOD($C791,24)+1)/SUM(INDEX($D$3:$AA$30,INDEX(Jesper!$R$2:$R$366,ROW(INDEX(Jesper!AH$2:AH$366,ROUNDDOWN($C791/24,0)+1,1))-1)+IF('Standard Profiles'!$G$18=$B$10,7,0)+IF('Standard Profiles'!$G$18=$B$17,14,0)+IF('Standard Profiles'!$G$18=$B$24,21,0),0)),0)</f>
        <v>16.714689416804752</v>
      </c>
      <c r="E791" cm="1">
        <f t="array" ref="E791">IFERROR(INDEX(Jesper!AI$2:AI$366,ROUNDDOWN($C791/24,0)+1,1)*INDEX($D$3:$AA$30,INDEX(Jesper!$R$2:$R$366,ROW(INDEX(Jesper!AI$2:AI$366,ROUNDDOWN($C791/24,0)+1,1))-1)+IF('Standard Profiles'!$G$19=$B$10,7,0)+IF('Standard Profiles'!$G$19=$B$17,14,0)+IF('Standard Profiles'!$G$19=$B$24,21,0),MOD($C791,24)+1)/SUM(INDEX($D$3:$AA$30,INDEX(Jesper!$R$2:$R$366,ROW(INDEX(Jesper!AI$2:AI$366,ROUNDDOWN($C791/24,0)+1,1))-1)+IF('Standard Profiles'!$G$19=$B$10,7,0)+IF('Standard Profiles'!$G$19=$B$17,14,0)+IF('Standard Profiles'!$G$19=$B$24,21,0),0)),0)</f>
        <v>0</v>
      </c>
      <c r="F791" cm="1">
        <f t="array" ref="F791">IFERROR(INDEX(Jesper!AJ$2:AJ$366,ROUNDDOWN($C791/24,0)+1,1)*INDEX($D$3:$AA$30,INDEX(Jesper!$R$2:$R$366,ROW(INDEX(Jesper!AJ$2:AJ$366,ROUNDDOWN($C791/24,0)+1,1))-1)+IF('Standard Profiles'!$G$20=$B$10,7,0)+IF('Standard Profiles'!$G$20=$B$17,14,0)+IF('Standard Profiles'!$G$20=$B$24,21,0),MOD($C791,24)+1)/SUM(INDEX($D$3:$AA$30,INDEX(Jesper!$R$2:$R$366,ROW(INDEX(Jesper!AJ$2:AJ$366,ROUNDDOWN($C791/24,0)+1,1))-1)+IF('Standard Profiles'!$G$20=$B$10,7,0)+IF('Standard Profiles'!$G$20=$B$17,14,0)+IF('Standard Profiles'!$G$20=$B$24,21,0),0)),0)</f>
        <v>0</v>
      </c>
      <c r="G791" cm="1">
        <f t="array" ref="G791">IFERROR(INDEX(Jesper!AK$2:AK$366,ROUNDDOWN($C791/24,0)+1,1)*INDEX($D$3:$AA$30,INDEX(Jesper!$R$2:$R$366,ROW(INDEX(Jesper!AK$2:AK$366,ROUNDDOWN($C791/24,0)+1,1))-1)+IF('Standard Profiles'!$G$21=$B$10,7,0)+IF('Standard Profiles'!$G$21=$B$17,14,0)+IF('Standard Profiles'!$G$21=$B$24,21,0),MOD($C791,24)+1)/SUM(INDEX($D$3:$AA$30,INDEX(Jesper!$R$2:$R$366,ROW(INDEX(Jesper!AK$2:AK$366,ROUNDDOWN($C791/24,0)+1,1))-1)+IF('Standard Profiles'!$G$21=$B$10,7,0)+IF('Standard Profiles'!$G$21=$B$17,14,0)+IF('Standard Profiles'!$G$21=$B$24,21,0),0)),0)</f>
        <v>0</v>
      </c>
      <c r="H791" cm="1">
        <f t="array" ref="H791">IFERROR(INDEX(Jesper!AL$2:AL$366,ROUNDDOWN($C791/24,0)+1,1)*INDEX($D$3:$AA$30,INDEX(Jesper!$R$2:$R$366,ROW(INDEX(Jesper!AL$2:AL$366,ROUNDDOWN($C791/24,0)+1,1))-1)+IF('Standard Profiles'!$G$22=$B$10,7,0)+IF('Standard Profiles'!$G$22=$B$17,14,0)+IF('Standard Profiles'!$G$22=$B$24,21,0),MOD($C791,24)+1)/SUM(INDEX($D$3:$AA$30,INDEX(Jesper!$R$2:$R$366,ROW(INDEX(Jesper!AL$2:AL$366,ROUNDDOWN($C791/24,0)+1,1))-1)+IF('Standard Profiles'!$G$22=$B$10,7,0)+IF('Standard Profiles'!$G$22=$B$17,14,0)+IF('Standard Profiles'!$G$22=$B$24,21,0),0)),0)</f>
        <v>0</v>
      </c>
      <c r="I791">
        <f t="shared" si="97"/>
        <v>0.50144068250414253</v>
      </c>
      <c r="J791">
        <f t="shared" si="98"/>
        <v>1.6714689416804753</v>
      </c>
      <c r="K791">
        <f t="shared" si="99"/>
        <v>2.5072034125207128</v>
      </c>
      <c r="L791">
        <f t="shared" si="100"/>
        <v>12.034576380099422</v>
      </c>
      <c r="M791">
        <f t="shared" si="101"/>
        <v>0</v>
      </c>
      <c r="N791" s="46">
        <f t="shared" si="102"/>
        <v>45323.541666664831</v>
      </c>
    </row>
    <row r="792" spans="2:14" x14ac:dyDescent="0.3">
      <c r="B792">
        <f t="shared" si="96"/>
        <v>4</v>
      </c>
      <c r="C792" s="16">
        <v>758</v>
      </c>
      <c r="D792" cm="1">
        <f t="array" ref="D792">IFERROR(INDEX(Jesper!AH$2:AH$366,ROUNDDOWN($C792/24,0)+1,1)*INDEX($D$3:$AA$30,INDEX(Jesper!$R$2:$R$366,ROW(INDEX(Jesper!AH$2:AH$366,ROUNDDOWN($C792/24,0)+1,1))-1)+IF('Standard Profiles'!$G$18=$B$10,7,0)+IF('Standard Profiles'!$G$18=$B$17,14,0)+IF('Standard Profiles'!$G$18=$B$24,21,0),MOD($C792,24)+1)/SUM(INDEX($D$3:$AA$30,INDEX(Jesper!$R$2:$R$366,ROW(INDEX(Jesper!AH$2:AH$366,ROUNDDOWN($C792/24,0)+1,1))-1)+IF('Standard Profiles'!$G$18=$B$10,7,0)+IF('Standard Profiles'!$G$18=$B$17,14,0)+IF('Standard Profiles'!$G$18=$B$24,21,0),0)),0)</f>
        <v>16.714689416804752</v>
      </c>
      <c r="E792" cm="1">
        <f t="array" ref="E792">IFERROR(INDEX(Jesper!AI$2:AI$366,ROUNDDOWN($C792/24,0)+1,1)*INDEX($D$3:$AA$30,INDEX(Jesper!$R$2:$R$366,ROW(INDEX(Jesper!AI$2:AI$366,ROUNDDOWN($C792/24,0)+1,1))-1)+IF('Standard Profiles'!$G$19=$B$10,7,0)+IF('Standard Profiles'!$G$19=$B$17,14,0)+IF('Standard Profiles'!$G$19=$B$24,21,0),MOD($C792,24)+1)/SUM(INDEX($D$3:$AA$30,INDEX(Jesper!$R$2:$R$366,ROW(INDEX(Jesper!AI$2:AI$366,ROUNDDOWN($C792/24,0)+1,1))-1)+IF('Standard Profiles'!$G$19=$B$10,7,0)+IF('Standard Profiles'!$G$19=$B$17,14,0)+IF('Standard Profiles'!$G$19=$B$24,21,0),0)),0)</f>
        <v>0</v>
      </c>
      <c r="F792" cm="1">
        <f t="array" ref="F792">IFERROR(INDEX(Jesper!AJ$2:AJ$366,ROUNDDOWN($C792/24,0)+1,1)*INDEX($D$3:$AA$30,INDEX(Jesper!$R$2:$R$366,ROW(INDEX(Jesper!AJ$2:AJ$366,ROUNDDOWN($C792/24,0)+1,1))-1)+IF('Standard Profiles'!$G$20=$B$10,7,0)+IF('Standard Profiles'!$G$20=$B$17,14,0)+IF('Standard Profiles'!$G$20=$B$24,21,0),MOD($C792,24)+1)/SUM(INDEX($D$3:$AA$30,INDEX(Jesper!$R$2:$R$366,ROW(INDEX(Jesper!AJ$2:AJ$366,ROUNDDOWN($C792/24,0)+1,1))-1)+IF('Standard Profiles'!$G$20=$B$10,7,0)+IF('Standard Profiles'!$G$20=$B$17,14,0)+IF('Standard Profiles'!$G$20=$B$24,21,0),0)),0)</f>
        <v>0</v>
      </c>
      <c r="G792" cm="1">
        <f t="array" ref="G792">IFERROR(INDEX(Jesper!AK$2:AK$366,ROUNDDOWN($C792/24,0)+1,1)*INDEX($D$3:$AA$30,INDEX(Jesper!$R$2:$R$366,ROW(INDEX(Jesper!AK$2:AK$366,ROUNDDOWN($C792/24,0)+1,1))-1)+IF('Standard Profiles'!$G$21=$B$10,7,0)+IF('Standard Profiles'!$G$21=$B$17,14,0)+IF('Standard Profiles'!$G$21=$B$24,21,0),MOD($C792,24)+1)/SUM(INDEX($D$3:$AA$30,INDEX(Jesper!$R$2:$R$366,ROW(INDEX(Jesper!AK$2:AK$366,ROUNDDOWN($C792/24,0)+1,1))-1)+IF('Standard Profiles'!$G$21=$B$10,7,0)+IF('Standard Profiles'!$G$21=$B$17,14,0)+IF('Standard Profiles'!$G$21=$B$24,21,0),0)),0)</f>
        <v>0</v>
      </c>
      <c r="H792" cm="1">
        <f t="array" ref="H792">IFERROR(INDEX(Jesper!AL$2:AL$366,ROUNDDOWN($C792/24,0)+1,1)*INDEX($D$3:$AA$30,INDEX(Jesper!$R$2:$R$366,ROW(INDEX(Jesper!AL$2:AL$366,ROUNDDOWN($C792/24,0)+1,1))-1)+IF('Standard Profiles'!$G$22=$B$10,7,0)+IF('Standard Profiles'!$G$22=$B$17,14,0)+IF('Standard Profiles'!$G$22=$B$24,21,0),MOD($C792,24)+1)/SUM(INDEX($D$3:$AA$30,INDEX(Jesper!$R$2:$R$366,ROW(INDEX(Jesper!AL$2:AL$366,ROUNDDOWN($C792/24,0)+1,1))-1)+IF('Standard Profiles'!$G$22=$B$10,7,0)+IF('Standard Profiles'!$G$22=$B$17,14,0)+IF('Standard Profiles'!$G$22=$B$24,21,0),0)),0)</f>
        <v>0</v>
      </c>
      <c r="I792">
        <f t="shared" si="97"/>
        <v>0.50144068250414253</v>
      </c>
      <c r="J792">
        <f t="shared" si="98"/>
        <v>1.6714689416804753</v>
      </c>
      <c r="K792">
        <f t="shared" si="99"/>
        <v>2.5072034125207128</v>
      </c>
      <c r="L792">
        <f t="shared" si="100"/>
        <v>12.034576380099422</v>
      </c>
      <c r="M792">
        <f t="shared" si="101"/>
        <v>0</v>
      </c>
      <c r="N792" s="46">
        <f t="shared" si="102"/>
        <v>45323.583333331495</v>
      </c>
    </row>
    <row r="793" spans="2:14" x14ac:dyDescent="0.3">
      <c r="B793">
        <f t="shared" si="96"/>
        <v>4</v>
      </c>
      <c r="C793" s="16">
        <v>759</v>
      </c>
      <c r="D793" cm="1">
        <f t="array" ref="D793">IFERROR(INDEX(Jesper!AH$2:AH$366,ROUNDDOWN($C793/24,0)+1,1)*INDEX($D$3:$AA$30,INDEX(Jesper!$R$2:$R$366,ROW(INDEX(Jesper!AH$2:AH$366,ROUNDDOWN($C793/24,0)+1,1))-1)+IF('Standard Profiles'!$G$18=$B$10,7,0)+IF('Standard Profiles'!$G$18=$B$17,14,0)+IF('Standard Profiles'!$G$18=$B$24,21,0),MOD($C793,24)+1)/SUM(INDEX($D$3:$AA$30,INDEX(Jesper!$R$2:$R$366,ROW(INDEX(Jesper!AH$2:AH$366,ROUNDDOWN($C793/24,0)+1,1))-1)+IF('Standard Profiles'!$G$18=$B$10,7,0)+IF('Standard Profiles'!$G$18=$B$17,14,0)+IF('Standard Profiles'!$G$18=$B$24,21,0),0)),0)</f>
        <v>16.714689416804752</v>
      </c>
      <c r="E793" cm="1">
        <f t="array" ref="E793">IFERROR(INDEX(Jesper!AI$2:AI$366,ROUNDDOWN($C793/24,0)+1,1)*INDEX($D$3:$AA$30,INDEX(Jesper!$R$2:$R$366,ROW(INDEX(Jesper!AI$2:AI$366,ROUNDDOWN($C793/24,0)+1,1))-1)+IF('Standard Profiles'!$G$19=$B$10,7,0)+IF('Standard Profiles'!$G$19=$B$17,14,0)+IF('Standard Profiles'!$G$19=$B$24,21,0),MOD($C793,24)+1)/SUM(INDEX($D$3:$AA$30,INDEX(Jesper!$R$2:$R$366,ROW(INDEX(Jesper!AI$2:AI$366,ROUNDDOWN($C793/24,0)+1,1))-1)+IF('Standard Profiles'!$G$19=$B$10,7,0)+IF('Standard Profiles'!$G$19=$B$17,14,0)+IF('Standard Profiles'!$G$19=$B$24,21,0),0)),0)</f>
        <v>0</v>
      </c>
      <c r="F793" cm="1">
        <f t="array" ref="F793">IFERROR(INDEX(Jesper!AJ$2:AJ$366,ROUNDDOWN($C793/24,0)+1,1)*INDEX($D$3:$AA$30,INDEX(Jesper!$R$2:$R$366,ROW(INDEX(Jesper!AJ$2:AJ$366,ROUNDDOWN($C793/24,0)+1,1))-1)+IF('Standard Profiles'!$G$20=$B$10,7,0)+IF('Standard Profiles'!$G$20=$B$17,14,0)+IF('Standard Profiles'!$G$20=$B$24,21,0),MOD($C793,24)+1)/SUM(INDEX($D$3:$AA$30,INDEX(Jesper!$R$2:$R$366,ROW(INDEX(Jesper!AJ$2:AJ$366,ROUNDDOWN($C793/24,0)+1,1))-1)+IF('Standard Profiles'!$G$20=$B$10,7,0)+IF('Standard Profiles'!$G$20=$B$17,14,0)+IF('Standard Profiles'!$G$20=$B$24,21,0),0)),0)</f>
        <v>0</v>
      </c>
      <c r="G793" cm="1">
        <f t="array" ref="G793">IFERROR(INDEX(Jesper!AK$2:AK$366,ROUNDDOWN($C793/24,0)+1,1)*INDEX($D$3:$AA$30,INDEX(Jesper!$R$2:$R$366,ROW(INDEX(Jesper!AK$2:AK$366,ROUNDDOWN($C793/24,0)+1,1))-1)+IF('Standard Profiles'!$G$21=$B$10,7,0)+IF('Standard Profiles'!$G$21=$B$17,14,0)+IF('Standard Profiles'!$G$21=$B$24,21,0),MOD($C793,24)+1)/SUM(INDEX($D$3:$AA$30,INDEX(Jesper!$R$2:$R$366,ROW(INDEX(Jesper!AK$2:AK$366,ROUNDDOWN($C793/24,0)+1,1))-1)+IF('Standard Profiles'!$G$21=$B$10,7,0)+IF('Standard Profiles'!$G$21=$B$17,14,0)+IF('Standard Profiles'!$G$21=$B$24,21,0),0)),0)</f>
        <v>0</v>
      </c>
      <c r="H793" cm="1">
        <f t="array" ref="H793">IFERROR(INDEX(Jesper!AL$2:AL$366,ROUNDDOWN($C793/24,0)+1,1)*INDEX($D$3:$AA$30,INDEX(Jesper!$R$2:$R$366,ROW(INDEX(Jesper!AL$2:AL$366,ROUNDDOWN($C793/24,0)+1,1))-1)+IF('Standard Profiles'!$G$22=$B$10,7,0)+IF('Standard Profiles'!$G$22=$B$17,14,0)+IF('Standard Profiles'!$G$22=$B$24,21,0),MOD($C793,24)+1)/SUM(INDEX($D$3:$AA$30,INDEX(Jesper!$R$2:$R$366,ROW(INDEX(Jesper!AL$2:AL$366,ROUNDDOWN($C793/24,0)+1,1))-1)+IF('Standard Profiles'!$G$22=$B$10,7,0)+IF('Standard Profiles'!$G$22=$B$17,14,0)+IF('Standard Profiles'!$G$22=$B$24,21,0),0)),0)</f>
        <v>0</v>
      </c>
      <c r="I793">
        <f t="shared" si="97"/>
        <v>0.50144068250414253</v>
      </c>
      <c r="J793">
        <f t="shared" si="98"/>
        <v>1.6714689416804753</v>
      </c>
      <c r="K793">
        <f t="shared" si="99"/>
        <v>2.5072034125207128</v>
      </c>
      <c r="L793">
        <f t="shared" si="100"/>
        <v>12.034576380099422</v>
      </c>
      <c r="M793">
        <f t="shared" si="101"/>
        <v>0</v>
      </c>
      <c r="N793" s="46">
        <f t="shared" si="102"/>
        <v>45323.624999998159</v>
      </c>
    </row>
    <row r="794" spans="2:14" x14ac:dyDescent="0.3">
      <c r="B794">
        <f t="shared" si="96"/>
        <v>4</v>
      </c>
      <c r="C794" s="16">
        <v>760</v>
      </c>
      <c r="D794" cm="1">
        <f t="array" ref="D794">IFERROR(INDEX(Jesper!AH$2:AH$366,ROUNDDOWN($C794/24,0)+1,1)*INDEX($D$3:$AA$30,INDEX(Jesper!$R$2:$R$366,ROW(INDEX(Jesper!AH$2:AH$366,ROUNDDOWN($C794/24,0)+1,1))-1)+IF('Standard Profiles'!$G$18=$B$10,7,0)+IF('Standard Profiles'!$G$18=$B$17,14,0)+IF('Standard Profiles'!$G$18=$B$24,21,0),MOD($C794,24)+1)/SUM(INDEX($D$3:$AA$30,INDEX(Jesper!$R$2:$R$366,ROW(INDEX(Jesper!AH$2:AH$366,ROUNDDOWN($C794/24,0)+1,1))-1)+IF('Standard Profiles'!$G$18=$B$10,7,0)+IF('Standard Profiles'!$G$18=$B$17,14,0)+IF('Standard Profiles'!$G$18=$B$24,21,0),0)),0)</f>
        <v>16.714689416804752</v>
      </c>
      <c r="E794" cm="1">
        <f t="array" ref="E794">IFERROR(INDEX(Jesper!AI$2:AI$366,ROUNDDOWN($C794/24,0)+1,1)*INDEX($D$3:$AA$30,INDEX(Jesper!$R$2:$R$366,ROW(INDEX(Jesper!AI$2:AI$366,ROUNDDOWN($C794/24,0)+1,1))-1)+IF('Standard Profiles'!$G$19=$B$10,7,0)+IF('Standard Profiles'!$G$19=$B$17,14,0)+IF('Standard Profiles'!$G$19=$B$24,21,0),MOD($C794,24)+1)/SUM(INDEX($D$3:$AA$30,INDEX(Jesper!$R$2:$R$366,ROW(INDEX(Jesper!AI$2:AI$366,ROUNDDOWN($C794/24,0)+1,1))-1)+IF('Standard Profiles'!$G$19=$B$10,7,0)+IF('Standard Profiles'!$G$19=$B$17,14,0)+IF('Standard Profiles'!$G$19=$B$24,21,0),0)),0)</f>
        <v>0</v>
      </c>
      <c r="F794" cm="1">
        <f t="array" ref="F794">IFERROR(INDEX(Jesper!AJ$2:AJ$366,ROUNDDOWN($C794/24,0)+1,1)*INDEX($D$3:$AA$30,INDEX(Jesper!$R$2:$R$366,ROW(INDEX(Jesper!AJ$2:AJ$366,ROUNDDOWN($C794/24,0)+1,1))-1)+IF('Standard Profiles'!$G$20=$B$10,7,0)+IF('Standard Profiles'!$G$20=$B$17,14,0)+IF('Standard Profiles'!$G$20=$B$24,21,0),MOD($C794,24)+1)/SUM(INDEX($D$3:$AA$30,INDEX(Jesper!$R$2:$R$366,ROW(INDEX(Jesper!AJ$2:AJ$366,ROUNDDOWN($C794/24,0)+1,1))-1)+IF('Standard Profiles'!$G$20=$B$10,7,0)+IF('Standard Profiles'!$G$20=$B$17,14,0)+IF('Standard Profiles'!$G$20=$B$24,21,0),0)),0)</f>
        <v>0</v>
      </c>
      <c r="G794" cm="1">
        <f t="array" ref="G794">IFERROR(INDEX(Jesper!AK$2:AK$366,ROUNDDOWN($C794/24,0)+1,1)*INDEX($D$3:$AA$30,INDEX(Jesper!$R$2:$R$366,ROW(INDEX(Jesper!AK$2:AK$366,ROUNDDOWN($C794/24,0)+1,1))-1)+IF('Standard Profiles'!$G$21=$B$10,7,0)+IF('Standard Profiles'!$G$21=$B$17,14,0)+IF('Standard Profiles'!$G$21=$B$24,21,0),MOD($C794,24)+1)/SUM(INDEX($D$3:$AA$30,INDEX(Jesper!$R$2:$R$366,ROW(INDEX(Jesper!AK$2:AK$366,ROUNDDOWN($C794/24,0)+1,1))-1)+IF('Standard Profiles'!$G$21=$B$10,7,0)+IF('Standard Profiles'!$G$21=$B$17,14,0)+IF('Standard Profiles'!$G$21=$B$24,21,0),0)),0)</f>
        <v>0</v>
      </c>
      <c r="H794" cm="1">
        <f t="array" ref="H794">IFERROR(INDEX(Jesper!AL$2:AL$366,ROUNDDOWN($C794/24,0)+1,1)*INDEX($D$3:$AA$30,INDEX(Jesper!$R$2:$R$366,ROW(INDEX(Jesper!AL$2:AL$366,ROUNDDOWN($C794/24,0)+1,1))-1)+IF('Standard Profiles'!$G$22=$B$10,7,0)+IF('Standard Profiles'!$G$22=$B$17,14,0)+IF('Standard Profiles'!$G$22=$B$24,21,0),MOD($C794,24)+1)/SUM(INDEX($D$3:$AA$30,INDEX(Jesper!$R$2:$R$366,ROW(INDEX(Jesper!AL$2:AL$366,ROUNDDOWN($C794/24,0)+1,1))-1)+IF('Standard Profiles'!$G$22=$B$10,7,0)+IF('Standard Profiles'!$G$22=$B$17,14,0)+IF('Standard Profiles'!$G$22=$B$24,21,0),0)),0)</f>
        <v>0</v>
      </c>
      <c r="I794">
        <f t="shared" si="97"/>
        <v>0.50144068250414253</v>
      </c>
      <c r="J794">
        <f t="shared" si="98"/>
        <v>1.6714689416804753</v>
      </c>
      <c r="K794">
        <f t="shared" si="99"/>
        <v>2.5072034125207128</v>
      </c>
      <c r="L794">
        <f t="shared" si="100"/>
        <v>12.034576380099422</v>
      </c>
      <c r="M794">
        <f t="shared" si="101"/>
        <v>0</v>
      </c>
      <c r="N794" s="46">
        <f t="shared" si="102"/>
        <v>45323.666666664823</v>
      </c>
    </row>
    <row r="795" spans="2:14" x14ac:dyDescent="0.3">
      <c r="B795">
        <f t="shared" si="96"/>
        <v>4</v>
      </c>
      <c r="C795" s="16">
        <v>761</v>
      </c>
      <c r="D795" cm="1">
        <f t="array" ref="D795">IFERROR(INDEX(Jesper!AH$2:AH$366,ROUNDDOWN($C795/24,0)+1,1)*INDEX($D$3:$AA$30,INDEX(Jesper!$R$2:$R$366,ROW(INDEX(Jesper!AH$2:AH$366,ROUNDDOWN($C795/24,0)+1,1))-1)+IF('Standard Profiles'!$G$18=$B$10,7,0)+IF('Standard Profiles'!$G$18=$B$17,14,0)+IF('Standard Profiles'!$G$18=$B$24,21,0),MOD($C795,24)+1)/SUM(INDEX($D$3:$AA$30,INDEX(Jesper!$R$2:$R$366,ROW(INDEX(Jesper!AH$2:AH$366,ROUNDDOWN($C795/24,0)+1,1))-1)+IF('Standard Profiles'!$G$18=$B$10,7,0)+IF('Standard Profiles'!$G$18=$B$17,14,0)+IF('Standard Profiles'!$G$18=$B$24,21,0),0)),0)</f>
        <v>16.714689416804752</v>
      </c>
      <c r="E795" cm="1">
        <f t="array" ref="E795">IFERROR(INDEX(Jesper!AI$2:AI$366,ROUNDDOWN($C795/24,0)+1,1)*INDEX($D$3:$AA$30,INDEX(Jesper!$R$2:$R$366,ROW(INDEX(Jesper!AI$2:AI$366,ROUNDDOWN($C795/24,0)+1,1))-1)+IF('Standard Profiles'!$G$19=$B$10,7,0)+IF('Standard Profiles'!$G$19=$B$17,14,0)+IF('Standard Profiles'!$G$19=$B$24,21,0),MOD($C795,24)+1)/SUM(INDEX($D$3:$AA$30,INDEX(Jesper!$R$2:$R$366,ROW(INDEX(Jesper!AI$2:AI$366,ROUNDDOWN($C795/24,0)+1,1))-1)+IF('Standard Profiles'!$G$19=$B$10,7,0)+IF('Standard Profiles'!$G$19=$B$17,14,0)+IF('Standard Profiles'!$G$19=$B$24,21,0),0)),0)</f>
        <v>0</v>
      </c>
      <c r="F795" cm="1">
        <f t="array" ref="F795">IFERROR(INDEX(Jesper!AJ$2:AJ$366,ROUNDDOWN($C795/24,0)+1,1)*INDEX($D$3:$AA$30,INDEX(Jesper!$R$2:$R$366,ROW(INDEX(Jesper!AJ$2:AJ$366,ROUNDDOWN($C795/24,0)+1,1))-1)+IF('Standard Profiles'!$G$20=$B$10,7,0)+IF('Standard Profiles'!$G$20=$B$17,14,0)+IF('Standard Profiles'!$G$20=$B$24,21,0),MOD($C795,24)+1)/SUM(INDEX($D$3:$AA$30,INDEX(Jesper!$R$2:$R$366,ROW(INDEX(Jesper!AJ$2:AJ$366,ROUNDDOWN($C795/24,0)+1,1))-1)+IF('Standard Profiles'!$G$20=$B$10,7,0)+IF('Standard Profiles'!$G$20=$B$17,14,0)+IF('Standard Profiles'!$G$20=$B$24,21,0),0)),0)</f>
        <v>0</v>
      </c>
      <c r="G795" cm="1">
        <f t="array" ref="G795">IFERROR(INDEX(Jesper!AK$2:AK$366,ROUNDDOWN($C795/24,0)+1,1)*INDEX($D$3:$AA$30,INDEX(Jesper!$R$2:$R$366,ROW(INDEX(Jesper!AK$2:AK$366,ROUNDDOWN($C795/24,0)+1,1))-1)+IF('Standard Profiles'!$G$21=$B$10,7,0)+IF('Standard Profiles'!$G$21=$B$17,14,0)+IF('Standard Profiles'!$G$21=$B$24,21,0),MOD($C795,24)+1)/SUM(INDEX($D$3:$AA$30,INDEX(Jesper!$R$2:$R$366,ROW(INDEX(Jesper!AK$2:AK$366,ROUNDDOWN($C795/24,0)+1,1))-1)+IF('Standard Profiles'!$G$21=$B$10,7,0)+IF('Standard Profiles'!$G$21=$B$17,14,0)+IF('Standard Profiles'!$G$21=$B$24,21,0),0)),0)</f>
        <v>0</v>
      </c>
      <c r="H795" cm="1">
        <f t="array" ref="H795">IFERROR(INDEX(Jesper!AL$2:AL$366,ROUNDDOWN($C795/24,0)+1,1)*INDEX($D$3:$AA$30,INDEX(Jesper!$R$2:$R$366,ROW(INDEX(Jesper!AL$2:AL$366,ROUNDDOWN($C795/24,0)+1,1))-1)+IF('Standard Profiles'!$G$22=$B$10,7,0)+IF('Standard Profiles'!$G$22=$B$17,14,0)+IF('Standard Profiles'!$G$22=$B$24,21,0),MOD($C795,24)+1)/SUM(INDEX($D$3:$AA$30,INDEX(Jesper!$R$2:$R$366,ROW(INDEX(Jesper!AL$2:AL$366,ROUNDDOWN($C795/24,0)+1,1))-1)+IF('Standard Profiles'!$G$22=$B$10,7,0)+IF('Standard Profiles'!$G$22=$B$17,14,0)+IF('Standard Profiles'!$G$22=$B$24,21,0),0)),0)</f>
        <v>0</v>
      </c>
      <c r="I795">
        <f t="shared" si="97"/>
        <v>0.50144068250414253</v>
      </c>
      <c r="J795">
        <f t="shared" si="98"/>
        <v>1.6714689416804753</v>
      </c>
      <c r="K795">
        <f t="shared" si="99"/>
        <v>2.5072034125207128</v>
      </c>
      <c r="L795">
        <f t="shared" si="100"/>
        <v>12.034576380099422</v>
      </c>
      <c r="M795">
        <f t="shared" si="101"/>
        <v>0</v>
      </c>
      <c r="N795" s="46">
        <f t="shared" si="102"/>
        <v>45323.708333331488</v>
      </c>
    </row>
    <row r="796" spans="2:14" x14ac:dyDescent="0.3">
      <c r="B796">
        <f t="shared" si="96"/>
        <v>4</v>
      </c>
      <c r="C796" s="16">
        <v>762</v>
      </c>
      <c r="D796" cm="1">
        <f t="array" ref="D796">IFERROR(INDEX(Jesper!AH$2:AH$366,ROUNDDOWN($C796/24,0)+1,1)*INDEX($D$3:$AA$30,INDEX(Jesper!$R$2:$R$366,ROW(INDEX(Jesper!AH$2:AH$366,ROUNDDOWN($C796/24,0)+1,1))-1)+IF('Standard Profiles'!$G$18=$B$10,7,0)+IF('Standard Profiles'!$G$18=$B$17,14,0)+IF('Standard Profiles'!$G$18=$B$24,21,0),MOD($C796,24)+1)/SUM(INDEX($D$3:$AA$30,INDEX(Jesper!$R$2:$R$366,ROW(INDEX(Jesper!AH$2:AH$366,ROUNDDOWN($C796/24,0)+1,1))-1)+IF('Standard Profiles'!$G$18=$B$10,7,0)+IF('Standard Profiles'!$G$18=$B$17,14,0)+IF('Standard Profiles'!$G$18=$B$24,21,0),0)),0)</f>
        <v>16.714689416804752</v>
      </c>
      <c r="E796" cm="1">
        <f t="array" ref="E796">IFERROR(INDEX(Jesper!AI$2:AI$366,ROUNDDOWN($C796/24,0)+1,1)*INDEX($D$3:$AA$30,INDEX(Jesper!$R$2:$R$366,ROW(INDEX(Jesper!AI$2:AI$366,ROUNDDOWN($C796/24,0)+1,1))-1)+IF('Standard Profiles'!$G$19=$B$10,7,0)+IF('Standard Profiles'!$G$19=$B$17,14,0)+IF('Standard Profiles'!$G$19=$B$24,21,0),MOD($C796,24)+1)/SUM(INDEX($D$3:$AA$30,INDEX(Jesper!$R$2:$R$366,ROW(INDEX(Jesper!AI$2:AI$366,ROUNDDOWN($C796/24,0)+1,1))-1)+IF('Standard Profiles'!$G$19=$B$10,7,0)+IF('Standard Profiles'!$G$19=$B$17,14,0)+IF('Standard Profiles'!$G$19=$B$24,21,0),0)),0)</f>
        <v>0</v>
      </c>
      <c r="F796" cm="1">
        <f t="array" ref="F796">IFERROR(INDEX(Jesper!AJ$2:AJ$366,ROUNDDOWN($C796/24,0)+1,1)*INDEX($D$3:$AA$30,INDEX(Jesper!$R$2:$R$366,ROW(INDEX(Jesper!AJ$2:AJ$366,ROUNDDOWN($C796/24,0)+1,1))-1)+IF('Standard Profiles'!$G$20=$B$10,7,0)+IF('Standard Profiles'!$G$20=$B$17,14,0)+IF('Standard Profiles'!$G$20=$B$24,21,0),MOD($C796,24)+1)/SUM(INDEX($D$3:$AA$30,INDEX(Jesper!$R$2:$R$366,ROW(INDEX(Jesper!AJ$2:AJ$366,ROUNDDOWN($C796/24,0)+1,1))-1)+IF('Standard Profiles'!$G$20=$B$10,7,0)+IF('Standard Profiles'!$G$20=$B$17,14,0)+IF('Standard Profiles'!$G$20=$B$24,21,0),0)),0)</f>
        <v>0</v>
      </c>
      <c r="G796" cm="1">
        <f t="array" ref="G796">IFERROR(INDEX(Jesper!AK$2:AK$366,ROUNDDOWN($C796/24,0)+1,1)*INDEX($D$3:$AA$30,INDEX(Jesper!$R$2:$R$366,ROW(INDEX(Jesper!AK$2:AK$366,ROUNDDOWN($C796/24,0)+1,1))-1)+IF('Standard Profiles'!$G$21=$B$10,7,0)+IF('Standard Profiles'!$G$21=$B$17,14,0)+IF('Standard Profiles'!$G$21=$B$24,21,0),MOD($C796,24)+1)/SUM(INDEX($D$3:$AA$30,INDEX(Jesper!$R$2:$R$366,ROW(INDEX(Jesper!AK$2:AK$366,ROUNDDOWN($C796/24,0)+1,1))-1)+IF('Standard Profiles'!$G$21=$B$10,7,0)+IF('Standard Profiles'!$G$21=$B$17,14,0)+IF('Standard Profiles'!$G$21=$B$24,21,0),0)),0)</f>
        <v>0</v>
      </c>
      <c r="H796" cm="1">
        <f t="array" ref="H796">IFERROR(INDEX(Jesper!AL$2:AL$366,ROUNDDOWN($C796/24,0)+1,1)*INDEX($D$3:$AA$30,INDEX(Jesper!$R$2:$R$366,ROW(INDEX(Jesper!AL$2:AL$366,ROUNDDOWN($C796/24,0)+1,1))-1)+IF('Standard Profiles'!$G$22=$B$10,7,0)+IF('Standard Profiles'!$G$22=$B$17,14,0)+IF('Standard Profiles'!$G$22=$B$24,21,0),MOD($C796,24)+1)/SUM(INDEX($D$3:$AA$30,INDEX(Jesper!$R$2:$R$366,ROW(INDEX(Jesper!AL$2:AL$366,ROUNDDOWN($C796/24,0)+1,1))-1)+IF('Standard Profiles'!$G$22=$B$10,7,0)+IF('Standard Profiles'!$G$22=$B$17,14,0)+IF('Standard Profiles'!$G$22=$B$24,21,0),0)),0)</f>
        <v>0</v>
      </c>
      <c r="I796">
        <f t="shared" si="97"/>
        <v>0.50144068250414253</v>
      </c>
      <c r="J796">
        <f t="shared" si="98"/>
        <v>1.6714689416804753</v>
      </c>
      <c r="K796">
        <f t="shared" si="99"/>
        <v>2.5072034125207128</v>
      </c>
      <c r="L796">
        <f t="shared" si="100"/>
        <v>12.034576380099422</v>
      </c>
      <c r="M796">
        <f t="shared" si="101"/>
        <v>0</v>
      </c>
      <c r="N796" s="46">
        <f t="shared" si="102"/>
        <v>45323.749999998152</v>
      </c>
    </row>
    <row r="797" spans="2:14" x14ac:dyDescent="0.3">
      <c r="B797">
        <f t="shared" si="96"/>
        <v>4</v>
      </c>
      <c r="C797" s="16">
        <v>763</v>
      </c>
      <c r="D797" cm="1">
        <f t="array" ref="D797">IFERROR(INDEX(Jesper!AH$2:AH$366,ROUNDDOWN($C797/24,0)+1,1)*INDEX($D$3:$AA$30,INDEX(Jesper!$R$2:$R$366,ROW(INDEX(Jesper!AH$2:AH$366,ROUNDDOWN($C797/24,0)+1,1))-1)+IF('Standard Profiles'!$G$18=$B$10,7,0)+IF('Standard Profiles'!$G$18=$B$17,14,0)+IF('Standard Profiles'!$G$18=$B$24,21,0),MOD($C797,24)+1)/SUM(INDEX($D$3:$AA$30,INDEX(Jesper!$R$2:$R$366,ROW(INDEX(Jesper!AH$2:AH$366,ROUNDDOWN($C797/24,0)+1,1))-1)+IF('Standard Profiles'!$G$18=$B$10,7,0)+IF('Standard Profiles'!$G$18=$B$17,14,0)+IF('Standard Profiles'!$G$18=$B$24,21,0),0)),0)</f>
        <v>13.928907847337291</v>
      </c>
      <c r="E797" cm="1">
        <f t="array" ref="E797">IFERROR(INDEX(Jesper!AI$2:AI$366,ROUNDDOWN($C797/24,0)+1,1)*INDEX($D$3:$AA$30,INDEX(Jesper!$R$2:$R$366,ROW(INDEX(Jesper!AI$2:AI$366,ROUNDDOWN($C797/24,0)+1,1))-1)+IF('Standard Profiles'!$G$19=$B$10,7,0)+IF('Standard Profiles'!$G$19=$B$17,14,0)+IF('Standard Profiles'!$G$19=$B$24,21,0),MOD($C797,24)+1)/SUM(INDEX($D$3:$AA$30,INDEX(Jesper!$R$2:$R$366,ROW(INDEX(Jesper!AI$2:AI$366,ROUNDDOWN($C797/24,0)+1,1))-1)+IF('Standard Profiles'!$G$19=$B$10,7,0)+IF('Standard Profiles'!$G$19=$B$17,14,0)+IF('Standard Profiles'!$G$19=$B$24,21,0),0)),0)</f>
        <v>0</v>
      </c>
      <c r="F797" cm="1">
        <f t="array" ref="F797">IFERROR(INDEX(Jesper!AJ$2:AJ$366,ROUNDDOWN($C797/24,0)+1,1)*INDEX($D$3:$AA$30,INDEX(Jesper!$R$2:$R$366,ROW(INDEX(Jesper!AJ$2:AJ$366,ROUNDDOWN($C797/24,0)+1,1))-1)+IF('Standard Profiles'!$G$20=$B$10,7,0)+IF('Standard Profiles'!$G$20=$B$17,14,0)+IF('Standard Profiles'!$G$20=$B$24,21,0),MOD($C797,24)+1)/SUM(INDEX($D$3:$AA$30,INDEX(Jesper!$R$2:$R$366,ROW(INDEX(Jesper!AJ$2:AJ$366,ROUNDDOWN($C797/24,0)+1,1))-1)+IF('Standard Profiles'!$G$20=$B$10,7,0)+IF('Standard Profiles'!$G$20=$B$17,14,0)+IF('Standard Profiles'!$G$20=$B$24,21,0),0)),0)</f>
        <v>0</v>
      </c>
      <c r="G797" cm="1">
        <f t="array" ref="G797">IFERROR(INDEX(Jesper!AK$2:AK$366,ROUNDDOWN($C797/24,0)+1,1)*INDEX($D$3:$AA$30,INDEX(Jesper!$R$2:$R$366,ROW(INDEX(Jesper!AK$2:AK$366,ROUNDDOWN($C797/24,0)+1,1))-1)+IF('Standard Profiles'!$G$21=$B$10,7,0)+IF('Standard Profiles'!$G$21=$B$17,14,0)+IF('Standard Profiles'!$G$21=$B$24,21,0),MOD($C797,24)+1)/SUM(INDEX($D$3:$AA$30,INDEX(Jesper!$R$2:$R$366,ROW(INDEX(Jesper!AK$2:AK$366,ROUNDDOWN($C797/24,0)+1,1))-1)+IF('Standard Profiles'!$G$21=$B$10,7,0)+IF('Standard Profiles'!$G$21=$B$17,14,0)+IF('Standard Profiles'!$G$21=$B$24,21,0),0)),0)</f>
        <v>0</v>
      </c>
      <c r="H797" cm="1">
        <f t="array" ref="H797">IFERROR(INDEX(Jesper!AL$2:AL$366,ROUNDDOWN($C797/24,0)+1,1)*INDEX($D$3:$AA$30,INDEX(Jesper!$R$2:$R$366,ROW(INDEX(Jesper!AL$2:AL$366,ROUNDDOWN($C797/24,0)+1,1))-1)+IF('Standard Profiles'!$G$22=$B$10,7,0)+IF('Standard Profiles'!$G$22=$B$17,14,0)+IF('Standard Profiles'!$G$22=$B$24,21,0),MOD($C797,24)+1)/SUM(INDEX($D$3:$AA$30,INDEX(Jesper!$R$2:$R$366,ROW(INDEX(Jesper!AL$2:AL$366,ROUNDDOWN($C797/24,0)+1,1))-1)+IF('Standard Profiles'!$G$22=$B$10,7,0)+IF('Standard Profiles'!$G$22=$B$17,14,0)+IF('Standard Profiles'!$G$22=$B$24,21,0),0)),0)</f>
        <v>0</v>
      </c>
      <c r="I797">
        <f t="shared" si="97"/>
        <v>0.41786723542011872</v>
      </c>
      <c r="J797">
        <f t="shared" si="98"/>
        <v>1.3928907847337291</v>
      </c>
      <c r="K797">
        <f t="shared" si="99"/>
        <v>2.0893361771005936</v>
      </c>
      <c r="L797">
        <f t="shared" si="100"/>
        <v>10.028813650082849</v>
      </c>
      <c r="M797">
        <f t="shared" si="101"/>
        <v>0</v>
      </c>
      <c r="N797" s="46">
        <f t="shared" si="102"/>
        <v>45323.791666664816</v>
      </c>
    </row>
    <row r="798" spans="2:14" x14ac:dyDescent="0.3">
      <c r="B798">
        <f t="shared" si="96"/>
        <v>4</v>
      </c>
      <c r="C798" s="16">
        <v>764</v>
      </c>
      <c r="D798" cm="1">
        <f t="array" ref="D798">IFERROR(INDEX(Jesper!AH$2:AH$366,ROUNDDOWN($C798/24,0)+1,1)*INDEX($D$3:$AA$30,INDEX(Jesper!$R$2:$R$366,ROW(INDEX(Jesper!AH$2:AH$366,ROUNDDOWN($C798/24,0)+1,1))-1)+IF('Standard Profiles'!$G$18=$B$10,7,0)+IF('Standard Profiles'!$G$18=$B$17,14,0)+IF('Standard Profiles'!$G$18=$B$24,21,0),MOD($C798,24)+1)/SUM(INDEX($D$3:$AA$30,INDEX(Jesper!$R$2:$R$366,ROW(INDEX(Jesper!AH$2:AH$366,ROUNDDOWN($C798/24,0)+1,1))-1)+IF('Standard Profiles'!$G$18=$B$10,7,0)+IF('Standard Profiles'!$G$18=$B$17,14,0)+IF('Standard Profiles'!$G$18=$B$24,21,0),0)),0)</f>
        <v>11.143126277869834</v>
      </c>
      <c r="E798" cm="1">
        <f t="array" ref="E798">IFERROR(INDEX(Jesper!AI$2:AI$366,ROUNDDOWN($C798/24,0)+1,1)*INDEX($D$3:$AA$30,INDEX(Jesper!$R$2:$R$366,ROW(INDEX(Jesper!AI$2:AI$366,ROUNDDOWN($C798/24,0)+1,1))-1)+IF('Standard Profiles'!$G$19=$B$10,7,0)+IF('Standard Profiles'!$G$19=$B$17,14,0)+IF('Standard Profiles'!$G$19=$B$24,21,0),MOD($C798,24)+1)/SUM(INDEX($D$3:$AA$30,INDEX(Jesper!$R$2:$R$366,ROW(INDEX(Jesper!AI$2:AI$366,ROUNDDOWN($C798/24,0)+1,1))-1)+IF('Standard Profiles'!$G$19=$B$10,7,0)+IF('Standard Profiles'!$G$19=$B$17,14,0)+IF('Standard Profiles'!$G$19=$B$24,21,0),0)),0)</f>
        <v>0</v>
      </c>
      <c r="F798" cm="1">
        <f t="array" ref="F798">IFERROR(INDEX(Jesper!AJ$2:AJ$366,ROUNDDOWN($C798/24,0)+1,1)*INDEX($D$3:$AA$30,INDEX(Jesper!$R$2:$R$366,ROW(INDEX(Jesper!AJ$2:AJ$366,ROUNDDOWN($C798/24,0)+1,1))-1)+IF('Standard Profiles'!$G$20=$B$10,7,0)+IF('Standard Profiles'!$G$20=$B$17,14,0)+IF('Standard Profiles'!$G$20=$B$24,21,0),MOD($C798,24)+1)/SUM(INDEX($D$3:$AA$30,INDEX(Jesper!$R$2:$R$366,ROW(INDEX(Jesper!AJ$2:AJ$366,ROUNDDOWN($C798/24,0)+1,1))-1)+IF('Standard Profiles'!$G$20=$B$10,7,0)+IF('Standard Profiles'!$G$20=$B$17,14,0)+IF('Standard Profiles'!$G$20=$B$24,21,0),0)),0)</f>
        <v>0</v>
      </c>
      <c r="G798" cm="1">
        <f t="array" ref="G798">IFERROR(INDEX(Jesper!AK$2:AK$366,ROUNDDOWN($C798/24,0)+1,1)*INDEX($D$3:$AA$30,INDEX(Jesper!$R$2:$R$366,ROW(INDEX(Jesper!AK$2:AK$366,ROUNDDOWN($C798/24,0)+1,1))-1)+IF('Standard Profiles'!$G$21=$B$10,7,0)+IF('Standard Profiles'!$G$21=$B$17,14,0)+IF('Standard Profiles'!$G$21=$B$24,21,0),MOD($C798,24)+1)/SUM(INDEX($D$3:$AA$30,INDEX(Jesper!$R$2:$R$366,ROW(INDEX(Jesper!AK$2:AK$366,ROUNDDOWN($C798/24,0)+1,1))-1)+IF('Standard Profiles'!$G$21=$B$10,7,0)+IF('Standard Profiles'!$G$21=$B$17,14,0)+IF('Standard Profiles'!$G$21=$B$24,21,0),0)),0)</f>
        <v>0</v>
      </c>
      <c r="H798" cm="1">
        <f t="array" ref="H798">IFERROR(INDEX(Jesper!AL$2:AL$366,ROUNDDOWN($C798/24,0)+1,1)*INDEX($D$3:$AA$30,INDEX(Jesper!$R$2:$R$366,ROW(INDEX(Jesper!AL$2:AL$366,ROUNDDOWN($C798/24,0)+1,1))-1)+IF('Standard Profiles'!$G$22=$B$10,7,0)+IF('Standard Profiles'!$G$22=$B$17,14,0)+IF('Standard Profiles'!$G$22=$B$24,21,0),MOD($C798,24)+1)/SUM(INDEX($D$3:$AA$30,INDEX(Jesper!$R$2:$R$366,ROW(INDEX(Jesper!AL$2:AL$366,ROUNDDOWN($C798/24,0)+1,1))-1)+IF('Standard Profiles'!$G$22=$B$10,7,0)+IF('Standard Profiles'!$G$22=$B$17,14,0)+IF('Standard Profiles'!$G$22=$B$24,21,0),0)),0)</f>
        <v>0</v>
      </c>
      <c r="I798">
        <f t="shared" si="97"/>
        <v>0.33429378833609502</v>
      </c>
      <c r="J798">
        <f t="shared" si="98"/>
        <v>1.1143126277869835</v>
      </c>
      <c r="K798">
        <f t="shared" si="99"/>
        <v>1.6714689416804751</v>
      </c>
      <c r="L798">
        <f t="shared" si="100"/>
        <v>8.0230509200662805</v>
      </c>
      <c r="M798">
        <f t="shared" si="101"/>
        <v>0</v>
      </c>
      <c r="N798" s="46">
        <f t="shared" si="102"/>
        <v>45323.83333333148</v>
      </c>
    </row>
    <row r="799" spans="2:14" x14ac:dyDescent="0.3">
      <c r="B799">
        <f t="shared" si="96"/>
        <v>4</v>
      </c>
      <c r="C799" s="16">
        <v>765</v>
      </c>
      <c r="D799" cm="1">
        <f t="array" ref="D799">IFERROR(INDEX(Jesper!AH$2:AH$366,ROUNDDOWN($C799/24,0)+1,1)*INDEX($D$3:$AA$30,INDEX(Jesper!$R$2:$R$366,ROW(INDEX(Jesper!AH$2:AH$366,ROUNDDOWN($C799/24,0)+1,1))-1)+IF('Standard Profiles'!$G$18=$B$10,7,0)+IF('Standard Profiles'!$G$18=$B$17,14,0)+IF('Standard Profiles'!$G$18=$B$24,21,0),MOD($C799,24)+1)/SUM(INDEX($D$3:$AA$30,INDEX(Jesper!$R$2:$R$366,ROW(INDEX(Jesper!AH$2:AH$366,ROUNDDOWN($C799/24,0)+1,1))-1)+IF('Standard Profiles'!$G$18=$B$10,7,0)+IF('Standard Profiles'!$G$18=$B$17,14,0)+IF('Standard Profiles'!$G$18=$B$24,21,0),0)),0)</f>
        <v>8.3573447084023762</v>
      </c>
      <c r="E799" cm="1">
        <f t="array" ref="E799">IFERROR(INDEX(Jesper!AI$2:AI$366,ROUNDDOWN($C799/24,0)+1,1)*INDEX($D$3:$AA$30,INDEX(Jesper!$R$2:$R$366,ROW(INDEX(Jesper!AI$2:AI$366,ROUNDDOWN($C799/24,0)+1,1))-1)+IF('Standard Profiles'!$G$19=$B$10,7,0)+IF('Standard Profiles'!$G$19=$B$17,14,0)+IF('Standard Profiles'!$G$19=$B$24,21,0),MOD($C799,24)+1)/SUM(INDEX($D$3:$AA$30,INDEX(Jesper!$R$2:$R$366,ROW(INDEX(Jesper!AI$2:AI$366,ROUNDDOWN($C799/24,0)+1,1))-1)+IF('Standard Profiles'!$G$19=$B$10,7,0)+IF('Standard Profiles'!$G$19=$B$17,14,0)+IF('Standard Profiles'!$G$19=$B$24,21,0),0)),0)</f>
        <v>0</v>
      </c>
      <c r="F799" cm="1">
        <f t="array" ref="F799">IFERROR(INDEX(Jesper!AJ$2:AJ$366,ROUNDDOWN($C799/24,0)+1,1)*INDEX($D$3:$AA$30,INDEX(Jesper!$R$2:$R$366,ROW(INDEX(Jesper!AJ$2:AJ$366,ROUNDDOWN($C799/24,0)+1,1))-1)+IF('Standard Profiles'!$G$20=$B$10,7,0)+IF('Standard Profiles'!$G$20=$B$17,14,0)+IF('Standard Profiles'!$G$20=$B$24,21,0),MOD($C799,24)+1)/SUM(INDEX($D$3:$AA$30,INDEX(Jesper!$R$2:$R$366,ROW(INDEX(Jesper!AJ$2:AJ$366,ROUNDDOWN($C799/24,0)+1,1))-1)+IF('Standard Profiles'!$G$20=$B$10,7,0)+IF('Standard Profiles'!$G$20=$B$17,14,0)+IF('Standard Profiles'!$G$20=$B$24,21,0),0)),0)</f>
        <v>0</v>
      </c>
      <c r="G799" cm="1">
        <f t="array" ref="G799">IFERROR(INDEX(Jesper!AK$2:AK$366,ROUNDDOWN($C799/24,0)+1,1)*INDEX($D$3:$AA$30,INDEX(Jesper!$R$2:$R$366,ROW(INDEX(Jesper!AK$2:AK$366,ROUNDDOWN($C799/24,0)+1,1))-1)+IF('Standard Profiles'!$G$21=$B$10,7,0)+IF('Standard Profiles'!$G$21=$B$17,14,0)+IF('Standard Profiles'!$G$21=$B$24,21,0),MOD($C799,24)+1)/SUM(INDEX($D$3:$AA$30,INDEX(Jesper!$R$2:$R$366,ROW(INDEX(Jesper!AK$2:AK$366,ROUNDDOWN($C799/24,0)+1,1))-1)+IF('Standard Profiles'!$G$21=$B$10,7,0)+IF('Standard Profiles'!$G$21=$B$17,14,0)+IF('Standard Profiles'!$G$21=$B$24,21,0),0)),0)</f>
        <v>0</v>
      </c>
      <c r="H799" cm="1">
        <f t="array" ref="H799">IFERROR(INDEX(Jesper!AL$2:AL$366,ROUNDDOWN($C799/24,0)+1,1)*INDEX($D$3:$AA$30,INDEX(Jesper!$R$2:$R$366,ROW(INDEX(Jesper!AL$2:AL$366,ROUNDDOWN($C799/24,0)+1,1))-1)+IF('Standard Profiles'!$G$22=$B$10,7,0)+IF('Standard Profiles'!$G$22=$B$17,14,0)+IF('Standard Profiles'!$G$22=$B$24,21,0),MOD($C799,24)+1)/SUM(INDEX($D$3:$AA$30,INDEX(Jesper!$R$2:$R$366,ROW(INDEX(Jesper!AL$2:AL$366,ROUNDDOWN($C799/24,0)+1,1))-1)+IF('Standard Profiles'!$G$22=$B$10,7,0)+IF('Standard Profiles'!$G$22=$B$17,14,0)+IF('Standard Profiles'!$G$22=$B$24,21,0),0)),0)</f>
        <v>0</v>
      </c>
      <c r="I799">
        <f t="shared" si="97"/>
        <v>0.25072034125207127</v>
      </c>
      <c r="J799">
        <f t="shared" si="98"/>
        <v>0.83573447084023766</v>
      </c>
      <c r="K799">
        <f t="shared" si="99"/>
        <v>1.2536017062603564</v>
      </c>
      <c r="L799">
        <f t="shared" si="100"/>
        <v>6.0172881900497108</v>
      </c>
      <c r="M799">
        <f t="shared" si="101"/>
        <v>0</v>
      </c>
      <c r="N799" s="46">
        <f t="shared" si="102"/>
        <v>45323.874999998145</v>
      </c>
    </row>
    <row r="800" spans="2:14" x14ac:dyDescent="0.3">
      <c r="B800">
        <f t="shared" si="96"/>
        <v>4</v>
      </c>
      <c r="C800" s="16">
        <v>766</v>
      </c>
      <c r="D800" cm="1">
        <f t="array" ref="D800">IFERROR(INDEX(Jesper!AH$2:AH$366,ROUNDDOWN($C800/24,0)+1,1)*INDEX($D$3:$AA$30,INDEX(Jesper!$R$2:$R$366,ROW(INDEX(Jesper!AH$2:AH$366,ROUNDDOWN($C800/24,0)+1,1))-1)+IF('Standard Profiles'!$G$18=$B$10,7,0)+IF('Standard Profiles'!$G$18=$B$17,14,0)+IF('Standard Profiles'!$G$18=$B$24,21,0),MOD($C800,24)+1)/SUM(INDEX($D$3:$AA$30,INDEX(Jesper!$R$2:$R$366,ROW(INDEX(Jesper!AH$2:AH$366,ROUNDDOWN($C800/24,0)+1,1))-1)+IF('Standard Profiles'!$G$18=$B$10,7,0)+IF('Standard Profiles'!$G$18=$B$17,14,0)+IF('Standard Profiles'!$G$18=$B$24,21,0),0)),0)</f>
        <v>8.3573447084023762</v>
      </c>
      <c r="E800" cm="1">
        <f t="array" ref="E800">IFERROR(INDEX(Jesper!AI$2:AI$366,ROUNDDOWN($C800/24,0)+1,1)*INDEX($D$3:$AA$30,INDEX(Jesper!$R$2:$R$366,ROW(INDEX(Jesper!AI$2:AI$366,ROUNDDOWN($C800/24,0)+1,1))-1)+IF('Standard Profiles'!$G$19=$B$10,7,0)+IF('Standard Profiles'!$G$19=$B$17,14,0)+IF('Standard Profiles'!$G$19=$B$24,21,0),MOD($C800,24)+1)/SUM(INDEX($D$3:$AA$30,INDEX(Jesper!$R$2:$R$366,ROW(INDEX(Jesper!AI$2:AI$366,ROUNDDOWN($C800/24,0)+1,1))-1)+IF('Standard Profiles'!$G$19=$B$10,7,0)+IF('Standard Profiles'!$G$19=$B$17,14,0)+IF('Standard Profiles'!$G$19=$B$24,21,0),0)),0)</f>
        <v>0</v>
      </c>
      <c r="F800" cm="1">
        <f t="array" ref="F800">IFERROR(INDEX(Jesper!AJ$2:AJ$366,ROUNDDOWN($C800/24,0)+1,1)*INDEX($D$3:$AA$30,INDEX(Jesper!$R$2:$R$366,ROW(INDEX(Jesper!AJ$2:AJ$366,ROUNDDOWN($C800/24,0)+1,1))-1)+IF('Standard Profiles'!$G$20=$B$10,7,0)+IF('Standard Profiles'!$G$20=$B$17,14,0)+IF('Standard Profiles'!$G$20=$B$24,21,0),MOD($C800,24)+1)/SUM(INDEX($D$3:$AA$30,INDEX(Jesper!$R$2:$R$366,ROW(INDEX(Jesper!AJ$2:AJ$366,ROUNDDOWN($C800/24,0)+1,1))-1)+IF('Standard Profiles'!$G$20=$B$10,7,0)+IF('Standard Profiles'!$G$20=$B$17,14,0)+IF('Standard Profiles'!$G$20=$B$24,21,0),0)),0)</f>
        <v>0</v>
      </c>
      <c r="G800" cm="1">
        <f t="array" ref="G800">IFERROR(INDEX(Jesper!AK$2:AK$366,ROUNDDOWN($C800/24,0)+1,1)*INDEX($D$3:$AA$30,INDEX(Jesper!$R$2:$R$366,ROW(INDEX(Jesper!AK$2:AK$366,ROUNDDOWN($C800/24,0)+1,1))-1)+IF('Standard Profiles'!$G$21=$B$10,7,0)+IF('Standard Profiles'!$G$21=$B$17,14,0)+IF('Standard Profiles'!$G$21=$B$24,21,0),MOD($C800,24)+1)/SUM(INDEX($D$3:$AA$30,INDEX(Jesper!$R$2:$R$366,ROW(INDEX(Jesper!AK$2:AK$366,ROUNDDOWN($C800/24,0)+1,1))-1)+IF('Standard Profiles'!$G$21=$B$10,7,0)+IF('Standard Profiles'!$G$21=$B$17,14,0)+IF('Standard Profiles'!$G$21=$B$24,21,0),0)),0)</f>
        <v>0</v>
      </c>
      <c r="H800" cm="1">
        <f t="array" ref="H800">IFERROR(INDEX(Jesper!AL$2:AL$366,ROUNDDOWN($C800/24,0)+1,1)*INDEX($D$3:$AA$30,INDEX(Jesper!$R$2:$R$366,ROW(INDEX(Jesper!AL$2:AL$366,ROUNDDOWN($C800/24,0)+1,1))-1)+IF('Standard Profiles'!$G$22=$B$10,7,0)+IF('Standard Profiles'!$G$22=$B$17,14,0)+IF('Standard Profiles'!$G$22=$B$24,21,0),MOD($C800,24)+1)/SUM(INDEX($D$3:$AA$30,INDEX(Jesper!$R$2:$R$366,ROW(INDEX(Jesper!AL$2:AL$366,ROUNDDOWN($C800/24,0)+1,1))-1)+IF('Standard Profiles'!$G$22=$B$10,7,0)+IF('Standard Profiles'!$G$22=$B$17,14,0)+IF('Standard Profiles'!$G$22=$B$24,21,0),0)),0)</f>
        <v>0</v>
      </c>
      <c r="I800">
        <f t="shared" si="97"/>
        <v>0.25072034125207127</v>
      </c>
      <c r="J800">
        <f t="shared" si="98"/>
        <v>0.83573447084023766</v>
      </c>
      <c r="K800">
        <f t="shared" si="99"/>
        <v>1.2536017062603564</v>
      </c>
      <c r="L800">
        <f t="shared" si="100"/>
        <v>6.0172881900497108</v>
      </c>
      <c r="M800">
        <f t="shared" si="101"/>
        <v>0</v>
      </c>
      <c r="N800" s="46">
        <f t="shared" si="102"/>
        <v>45323.916666664809</v>
      </c>
    </row>
    <row r="801" spans="2:14" x14ac:dyDescent="0.3">
      <c r="B801">
        <f t="shared" si="96"/>
        <v>4</v>
      </c>
      <c r="C801" s="16">
        <v>767</v>
      </c>
      <c r="D801" cm="1">
        <f t="array" ref="D801">IFERROR(INDEX(Jesper!AH$2:AH$366,ROUNDDOWN($C801/24,0)+1,1)*INDEX($D$3:$AA$30,INDEX(Jesper!$R$2:$R$366,ROW(INDEX(Jesper!AH$2:AH$366,ROUNDDOWN($C801/24,0)+1,1))-1)+IF('Standard Profiles'!$G$18=$B$10,7,0)+IF('Standard Profiles'!$G$18=$B$17,14,0)+IF('Standard Profiles'!$G$18=$B$24,21,0),MOD($C801,24)+1)/SUM(INDEX($D$3:$AA$30,INDEX(Jesper!$R$2:$R$366,ROW(INDEX(Jesper!AH$2:AH$366,ROUNDDOWN($C801/24,0)+1,1))-1)+IF('Standard Profiles'!$G$18=$B$10,7,0)+IF('Standard Profiles'!$G$18=$B$17,14,0)+IF('Standard Profiles'!$G$18=$B$24,21,0),0)),0)</f>
        <v>8.3573447084023762</v>
      </c>
      <c r="E801" cm="1">
        <f t="array" ref="E801">IFERROR(INDEX(Jesper!AI$2:AI$366,ROUNDDOWN($C801/24,0)+1,1)*INDEX($D$3:$AA$30,INDEX(Jesper!$R$2:$R$366,ROW(INDEX(Jesper!AI$2:AI$366,ROUNDDOWN($C801/24,0)+1,1))-1)+IF('Standard Profiles'!$G$19=$B$10,7,0)+IF('Standard Profiles'!$G$19=$B$17,14,0)+IF('Standard Profiles'!$G$19=$B$24,21,0),MOD($C801,24)+1)/SUM(INDEX($D$3:$AA$30,INDEX(Jesper!$R$2:$R$366,ROW(INDEX(Jesper!AI$2:AI$366,ROUNDDOWN($C801/24,0)+1,1))-1)+IF('Standard Profiles'!$G$19=$B$10,7,0)+IF('Standard Profiles'!$G$19=$B$17,14,0)+IF('Standard Profiles'!$G$19=$B$24,21,0),0)),0)</f>
        <v>0</v>
      </c>
      <c r="F801" cm="1">
        <f t="array" ref="F801">IFERROR(INDEX(Jesper!AJ$2:AJ$366,ROUNDDOWN($C801/24,0)+1,1)*INDEX($D$3:$AA$30,INDEX(Jesper!$R$2:$R$366,ROW(INDEX(Jesper!AJ$2:AJ$366,ROUNDDOWN($C801/24,0)+1,1))-1)+IF('Standard Profiles'!$G$20=$B$10,7,0)+IF('Standard Profiles'!$G$20=$B$17,14,0)+IF('Standard Profiles'!$G$20=$B$24,21,0),MOD($C801,24)+1)/SUM(INDEX($D$3:$AA$30,INDEX(Jesper!$R$2:$R$366,ROW(INDEX(Jesper!AJ$2:AJ$366,ROUNDDOWN($C801/24,0)+1,1))-1)+IF('Standard Profiles'!$G$20=$B$10,7,0)+IF('Standard Profiles'!$G$20=$B$17,14,0)+IF('Standard Profiles'!$G$20=$B$24,21,0),0)),0)</f>
        <v>0</v>
      </c>
      <c r="G801" cm="1">
        <f t="array" ref="G801">IFERROR(INDEX(Jesper!AK$2:AK$366,ROUNDDOWN($C801/24,0)+1,1)*INDEX($D$3:$AA$30,INDEX(Jesper!$R$2:$R$366,ROW(INDEX(Jesper!AK$2:AK$366,ROUNDDOWN($C801/24,0)+1,1))-1)+IF('Standard Profiles'!$G$21=$B$10,7,0)+IF('Standard Profiles'!$G$21=$B$17,14,0)+IF('Standard Profiles'!$G$21=$B$24,21,0),MOD($C801,24)+1)/SUM(INDEX($D$3:$AA$30,INDEX(Jesper!$R$2:$R$366,ROW(INDEX(Jesper!AK$2:AK$366,ROUNDDOWN($C801/24,0)+1,1))-1)+IF('Standard Profiles'!$G$21=$B$10,7,0)+IF('Standard Profiles'!$G$21=$B$17,14,0)+IF('Standard Profiles'!$G$21=$B$24,21,0),0)),0)</f>
        <v>0</v>
      </c>
      <c r="H801" cm="1">
        <f t="array" ref="H801">IFERROR(INDEX(Jesper!AL$2:AL$366,ROUNDDOWN($C801/24,0)+1,1)*INDEX($D$3:$AA$30,INDEX(Jesper!$R$2:$R$366,ROW(INDEX(Jesper!AL$2:AL$366,ROUNDDOWN($C801/24,0)+1,1))-1)+IF('Standard Profiles'!$G$22=$B$10,7,0)+IF('Standard Profiles'!$G$22=$B$17,14,0)+IF('Standard Profiles'!$G$22=$B$24,21,0),MOD($C801,24)+1)/SUM(INDEX($D$3:$AA$30,INDEX(Jesper!$R$2:$R$366,ROW(INDEX(Jesper!AL$2:AL$366,ROUNDDOWN($C801/24,0)+1,1))-1)+IF('Standard Profiles'!$G$22=$B$10,7,0)+IF('Standard Profiles'!$G$22=$B$17,14,0)+IF('Standard Profiles'!$G$22=$B$24,21,0),0)),0)</f>
        <v>0</v>
      </c>
      <c r="I801">
        <f t="shared" si="97"/>
        <v>0.25072034125207127</v>
      </c>
      <c r="J801">
        <f t="shared" si="98"/>
        <v>0.83573447084023766</v>
      </c>
      <c r="K801">
        <f t="shared" si="99"/>
        <v>1.2536017062603564</v>
      </c>
      <c r="L801">
        <f t="shared" si="100"/>
        <v>6.0172881900497108</v>
      </c>
      <c r="M801">
        <f t="shared" si="101"/>
        <v>0</v>
      </c>
      <c r="N801" s="46">
        <f t="shared" si="102"/>
        <v>45323.958333331473</v>
      </c>
    </row>
    <row r="802" spans="2:14" x14ac:dyDescent="0.3">
      <c r="B802">
        <f t="shared" si="96"/>
        <v>5</v>
      </c>
      <c r="C802" s="16">
        <v>768</v>
      </c>
      <c r="D802" cm="1">
        <f t="array" ref="D802">IFERROR(INDEX(Jesper!AH$2:AH$366,ROUNDDOWN($C802/24,0)+1,1)*INDEX($D$3:$AA$30,INDEX(Jesper!$R$2:$R$366,ROW(INDEX(Jesper!AH$2:AH$366,ROUNDDOWN($C802/24,0)+1,1))-1)+IF('Standard Profiles'!$G$18=$B$10,7,0)+IF('Standard Profiles'!$G$18=$B$17,14,0)+IF('Standard Profiles'!$G$18=$B$24,21,0),MOD($C802,24)+1)/SUM(INDEX($D$3:$AA$30,INDEX(Jesper!$R$2:$R$366,ROW(INDEX(Jesper!AH$2:AH$366,ROUNDDOWN($C802/24,0)+1,1))-1)+IF('Standard Profiles'!$G$18=$B$10,7,0)+IF('Standard Profiles'!$G$18=$B$17,14,0)+IF('Standard Profiles'!$G$18=$B$24,21,0),0)),0)</f>
        <v>8.7709911388491033</v>
      </c>
      <c r="E802" cm="1">
        <f t="array" ref="E802">IFERROR(INDEX(Jesper!AI$2:AI$366,ROUNDDOWN($C802/24,0)+1,1)*INDEX($D$3:$AA$30,INDEX(Jesper!$R$2:$R$366,ROW(INDEX(Jesper!AI$2:AI$366,ROUNDDOWN($C802/24,0)+1,1))-1)+IF('Standard Profiles'!$G$19=$B$10,7,0)+IF('Standard Profiles'!$G$19=$B$17,14,0)+IF('Standard Profiles'!$G$19=$B$24,21,0),MOD($C802,24)+1)/SUM(INDEX($D$3:$AA$30,INDEX(Jesper!$R$2:$R$366,ROW(INDEX(Jesper!AI$2:AI$366,ROUNDDOWN($C802/24,0)+1,1))-1)+IF('Standard Profiles'!$G$19=$B$10,7,0)+IF('Standard Profiles'!$G$19=$B$17,14,0)+IF('Standard Profiles'!$G$19=$B$24,21,0),0)),0)</f>
        <v>0</v>
      </c>
      <c r="F802" cm="1">
        <f t="array" ref="F802">IFERROR(INDEX(Jesper!AJ$2:AJ$366,ROUNDDOWN($C802/24,0)+1,1)*INDEX($D$3:$AA$30,INDEX(Jesper!$R$2:$R$366,ROW(INDEX(Jesper!AJ$2:AJ$366,ROUNDDOWN($C802/24,0)+1,1))-1)+IF('Standard Profiles'!$G$20=$B$10,7,0)+IF('Standard Profiles'!$G$20=$B$17,14,0)+IF('Standard Profiles'!$G$20=$B$24,21,0),MOD($C802,24)+1)/SUM(INDEX($D$3:$AA$30,INDEX(Jesper!$R$2:$R$366,ROW(INDEX(Jesper!AJ$2:AJ$366,ROUNDDOWN($C802/24,0)+1,1))-1)+IF('Standard Profiles'!$G$20=$B$10,7,0)+IF('Standard Profiles'!$G$20=$B$17,14,0)+IF('Standard Profiles'!$G$20=$B$24,21,0),0)),0)</f>
        <v>0</v>
      </c>
      <c r="G802" cm="1">
        <f t="array" ref="G802">IFERROR(INDEX(Jesper!AK$2:AK$366,ROUNDDOWN($C802/24,0)+1,1)*INDEX($D$3:$AA$30,INDEX(Jesper!$R$2:$R$366,ROW(INDEX(Jesper!AK$2:AK$366,ROUNDDOWN($C802/24,0)+1,1))-1)+IF('Standard Profiles'!$G$21=$B$10,7,0)+IF('Standard Profiles'!$G$21=$B$17,14,0)+IF('Standard Profiles'!$G$21=$B$24,21,0),MOD($C802,24)+1)/SUM(INDEX($D$3:$AA$30,INDEX(Jesper!$R$2:$R$366,ROW(INDEX(Jesper!AK$2:AK$366,ROUNDDOWN($C802/24,0)+1,1))-1)+IF('Standard Profiles'!$G$21=$B$10,7,0)+IF('Standard Profiles'!$G$21=$B$17,14,0)+IF('Standard Profiles'!$G$21=$B$24,21,0),0)),0)</f>
        <v>0</v>
      </c>
      <c r="H802" cm="1">
        <f t="array" ref="H802">IFERROR(INDEX(Jesper!AL$2:AL$366,ROUNDDOWN($C802/24,0)+1,1)*INDEX($D$3:$AA$30,INDEX(Jesper!$R$2:$R$366,ROW(INDEX(Jesper!AL$2:AL$366,ROUNDDOWN($C802/24,0)+1,1))-1)+IF('Standard Profiles'!$G$22=$B$10,7,0)+IF('Standard Profiles'!$G$22=$B$17,14,0)+IF('Standard Profiles'!$G$22=$B$24,21,0),MOD($C802,24)+1)/SUM(INDEX($D$3:$AA$30,INDEX(Jesper!$R$2:$R$366,ROW(INDEX(Jesper!AL$2:AL$366,ROUNDDOWN($C802/24,0)+1,1))-1)+IF('Standard Profiles'!$G$22=$B$10,7,0)+IF('Standard Profiles'!$G$22=$B$17,14,0)+IF('Standard Profiles'!$G$22=$B$24,21,0),0)),0)</f>
        <v>0</v>
      </c>
      <c r="I802">
        <f t="shared" si="97"/>
        <v>0.26312973416547308</v>
      </c>
      <c r="J802">
        <f t="shared" si="98"/>
        <v>0.87709911388491035</v>
      </c>
      <c r="K802">
        <f t="shared" si="99"/>
        <v>1.3156486708273654</v>
      </c>
      <c r="L802">
        <f t="shared" si="100"/>
        <v>6.3151136199713545</v>
      </c>
      <c r="M802">
        <f t="shared" si="101"/>
        <v>0</v>
      </c>
      <c r="N802" s="46">
        <f t="shared" si="102"/>
        <v>45323.999999998137</v>
      </c>
    </row>
    <row r="803" spans="2:14" x14ac:dyDescent="0.3">
      <c r="B803">
        <f t="shared" ref="B803:B866" si="103">WEEKDAY(N803,2)</f>
        <v>5</v>
      </c>
      <c r="C803" s="16">
        <v>769</v>
      </c>
      <c r="D803" cm="1">
        <f t="array" ref="D803">IFERROR(INDEX(Jesper!AH$2:AH$366,ROUNDDOWN($C803/24,0)+1,1)*INDEX($D$3:$AA$30,INDEX(Jesper!$R$2:$R$366,ROW(INDEX(Jesper!AH$2:AH$366,ROUNDDOWN($C803/24,0)+1,1))-1)+IF('Standard Profiles'!$G$18=$B$10,7,0)+IF('Standard Profiles'!$G$18=$B$17,14,0)+IF('Standard Profiles'!$G$18=$B$24,21,0),MOD($C803,24)+1)/SUM(INDEX($D$3:$AA$30,INDEX(Jesper!$R$2:$R$366,ROW(INDEX(Jesper!AH$2:AH$366,ROUNDDOWN($C803/24,0)+1,1))-1)+IF('Standard Profiles'!$G$18=$B$10,7,0)+IF('Standard Profiles'!$G$18=$B$17,14,0)+IF('Standard Profiles'!$G$18=$B$24,21,0),0)),0)</f>
        <v>8.7709911388491033</v>
      </c>
      <c r="E803" cm="1">
        <f t="array" ref="E803">IFERROR(INDEX(Jesper!AI$2:AI$366,ROUNDDOWN($C803/24,0)+1,1)*INDEX($D$3:$AA$30,INDEX(Jesper!$R$2:$R$366,ROW(INDEX(Jesper!AI$2:AI$366,ROUNDDOWN($C803/24,0)+1,1))-1)+IF('Standard Profiles'!$G$19=$B$10,7,0)+IF('Standard Profiles'!$G$19=$B$17,14,0)+IF('Standard Profiles'!$G$19=$B$24,21,0),MOD($C803,24)+1)/SUM(INDEX($D$3:$AA$30,INDEX(Jesper!$R$2:$R$366,ROW(INDEX(Jesper!AI$2:AI$366,ROUNDDOWN($C803/24,0)+1,1))-1)+IF('Standard Profiles'!$G$19=$B$10,7,0)+IF('Standard Profiles'!$G$19=$B$17,14,0)+IF('Standard Profiles'!$G$19=$B$24,21,0),0)),0)</f>
        <v>0</v>
      </c>
      <c r="F803" cm="1">
        <f t="array" ref="F803">IFERROR(INDEX(Jesper!AJ$2:AJ$366,ROUNDDOWN($C803/24,0)+1,1)*INDEX($D$3:$AA$30,INDEX(Jesper!$R$2:$R$366,ROW(INDEX(Jesper!AJ$2:AJ$366,ROUNDDOWN($C803/24,0)+1,1))-1)+IF('Standard Profiles'!$G$20=$B$10,7,0)+IF('Standard Profiles'!$G$20=$B$17,14,0)+IF('Standard Profiles'!$G$20=$B$24,21,0),MOD($C803,24)+1)/SUM(INDEX($D$3:$AA$30,INDEX(Jesper!$R$2:$R$366,ROW(INDEX(Jesper!AJ$2:AJ$366,ROUNDDOWN($C803/24,0)+1,1))-1)+IF('Standard Profiles'!$G$20=$B$10,7,0)+IF('Standard Profiles'!$G$20=$B$17,14,0)+IF('Standard Profiles'!$G$20=$B$24,21,0),0)),0)</f>
        <v>0</v>
      </c>
      <c r="G803" cm="1">
        <f t="array" ref="G803">IFERROR(INDEX(Jesper!AK$2:AK$366,ROUNDDOWN($C803/24,0)+1,1)*INDEX($D$3:$AA$30,INDEX(Jesper!$R$2:$R$366,ROW(INDEX(Jesper!AK$2:AK$366,ROUNDDOWN($C803/24,0)+1,1))-1)+IF('Standard Profiles'!$G$21=$B$10,7,0)+IF('Standard Profiles'!$G$21=$B$17,14,0)+IF('Standard Profiles'!$G$21=$B$24,21,0),MOD($C803,24)+1)/SUM(INDEX($D$3:$AA$30,INDEX(Jesper!$R$2:$R$366,ROW(INDEX(Jesper!AK$2:AK$366,ROUNDDOWN($C803/24,0)+1,1))-1)+IF('Standard Profiles'!$G$21=$B$10,7,0)+IF('Standard Profiles'!$G$21=$B$17,14,0)+IF('Standard Profiles'!$G$21=$B$24,21,0),0)),0)</f>
        <v>0</v>
      </c>
      <c r="H803" cm="1">
        <f t="array" ref="H803">IFERROR(INDEX(Jesper!AL$2:AL$366,ROUNDDOWN($C803/24,0)+1,1)*INDEX($D$3:$AA$30,INDEX(Jesper!$R$2:$R$366,ROW(INDEX(Jesper!AL$2:AL$366,ROUNDDOWN($C803/24,0)+1,1))-1)+IF('Standard Profiles'!$G$22=$B$10,7,0)+IF('Standard Profiles'!$G$22=$B$17,14,0)+IF('Standard Profiles'!$G$22=$B$24,21,0),MOD($C803,24)+1)/SUM(INDEX($D$3:$AA$30,INDEX(Jesper!$R$2:$R$366,ROW(INDEX(Jesper!AL$2:AL$366,ROUNDDOWN($C803/24,0)+1,1))-1)+IF('Standard Profiles'!$G$22=$B$10,7,0)+IF('Standard Profiles'!$G$22=$B$17,14,0)+IF('Standard Profiles'!$G$22=$B$24,21,0),0)),0)</f>
        <v>0</v>
      </c>
      <c r="I803">
        <f t="shared" ref="I803:I866" si="104">IF($B803&lt;6,AC$37*$D803+AC$38*$E803+AC$39*$F803+AC$40*$G803,AC$46*$D803+AC$47*$E803+AC$48*$F803+AC$49*$G803+AC$50*$H803)</f>
        <v>0.26312973416547308</v>
      </c>
      <c r="J803">
        <f t="shared" ref="J803:J866" si="105">IF($B803&lt;6,AD$37*$D803+AD$38*$E803+AD$39*$F803+AD$40*$G803,AD$46*$D803+AD$47*$E803+AD$48*$F803+AD$49*$G803+AD$50*$H803)</f>
        <v>0.87709911388491035</v>
      </c>
      <c r="K803">
        <f t="shared" ref="K803:K866" si="106">IF($B803&lt;6,AE$37*$D803+AE$38*$E803+AE$39*$F803+AE$40*$G803,AE$46*$D803+AE$47*$E803+AE$48*$F803+AE$49*$G803+AE$50*$H803)</f>
        <v>1.3156486708273654</v>
      </c>
      <c r="L803">
        <f t="shared" ref="L803:L866" si="107">IF($B803&lt;6,AF$37*$D803+AF$38*$E803+AF$39*$F803+AF$40*$G803,AF$46*$D803+AF$47*$E803+AF$48*$F803+AF$49*$G803+AF$50*$H803)</f>
        <v>6.3151136199713545</v>
      </c>
      <c r="M803">
        <f t="shared" ref="M803:M866" si="108">IF($B803&lt;6,AG$37*$D803+AG$38*$E803+AG$39*$F803+AG$40*$G803,AG$46*$D803+AG$47*$E803+AG$48*$F803+AG$49*$G803+AG$50*$H803)</f>
        <v>0</v>
      </c>
      <c r="N803" s="46">
        <f t="shared" si="102"/>
        <v>45324.041666664802</v>
      </c>
    </row>
    <row r="804" spans="2:14" x14ac:dyDescent="0.3">
      <c r="B804">
        <f t="shared" si="103"/>
        <v>5</v>
      </c>
      <c r="C804" s="16">
        <v>770</v>
      </c>
      <c r="D804" cm="1">
        <f t="array" ref="D804">IFERROR(INDEX(Jesper!AH$2:AH$366,ROUNDDOWN($C804/24,0)+1,1)*INDEX($D$3:$AA$30,INDEX(Jesper!$R$2:$R$366,ROW(INDEX(Jesper!AH$2:AH$366,ROUNDDOWN($C804/24,0)+1,1))-1)+IF('Standard Profiles'!$G$18=$B$10,7,0)+IF('Standard Profiles'!$G$18=$B$17,14,0)+IF('Standard Profiles'!$G$18=$B$24,21,0),MOD($C804,24)+1)/SUM(INDEX($D$3:$AA$30,INDEX(Jesper!$R$2:$R$366,ROW(INDEX(Jesper!AH$2:AH$366,ROUNDDOWN($C804/24,0)+1,1))-1)+IF('Standard Profiles'!$G$18=$B$10,7,0)+IF('Standard Profiles'!$G$18=$B$17,14,0)+IF('Standard Profiles'!$G$18=$B$24,21,0),0)),0)</f>
        <v>8.7709911388491033</v>
      </c>
      <c r="E804" cm="1">
        <f t="array" ref="E804">IFERROR(INDEX(Jesper!AI$2:AI$366,ROUNDDOWN($C804/24,0)+1,1)*INDEX($D$3:$AA$30,INDEX(Jesper!$R$2:$R$366,ROW(INDEX(Jesper!AI$2:AI$366,ROUNDDOWN($C804/24,0)+1,1))-1)+IF('Standard Profiles'!$G$19=$B$10,7,0)+IF('Standard Profiles'!$G$19=$B$17,14,0)+IF('Standard Profiles'!$G$19=$B$24,21,0),MOD($C804,24)+1)/SUM(INDEX($D$3:$AA$30,INDEX(Jesper!$R$2:$R$366,ROW(INDEX(Jesper!AI$2:AI$366,ROUNDDOWN($C804/24,0)+1,1))-1)+IF('Standard Profiles'!$G$19=$B$10,7,0)+IF('Standard Profiles'!$G$19=$B$17,14,0)+IF('Standard Profiles'!$G$19=$B$24,21,0),0)),0)</f>
        <v>0</v>
      </c>
      <c r="F804" cm="1">
        <f t="array" ref="F804">IFERROR(INDEX(Jesper!AJ$2:AJ$366,ROUNDDOWN($C804/24,0)+1,1)*INDEX($D$3:$AA$30,INDEX(Jesper!$R$2:$R$366,ROW(INDEX(Jesper!AJ$2:AJ$366,ROUNDDOWN($C804/24,0)+1,1))-1)+IF('Standard Profiles'!$G$20=$B$10,7,0)+IF('Standard Profiles'!$G$20=$B$17,14,0)+IF('Standard Profiles'!$G$20=$B$24,21,0),MOD($C804,24)+1)/SUM(INDEX($D$3:$AA$30,INDEX(Jesper!$R$2:$R$366,ROW(INDEX(Jesper!AJ$2:AJ$366,ROUNDDOWN($C804/24,0)+1,1))-1)+IF('Standard Profiles'!$G$20=$B$10,7,0)+IF('Standard Profiles'!$G$20=$B$17,14,0)+IF('Standard Profiles'!$G$20=$B$24,21,0),0)),0)</f>
        <v>0</v>
      </c>
      <c r="G804" cm="1">
        <f t="array" ref="G804">IFERROR(INDEX(Jesper!AK$2:AK$366,ROUNDDOWN($C804/24,0)+1,1)*INDEX($D$3:$AA$30,INDEX(Jesper!$R$2:$R$366,ROW(INDEX(Jesper!AK$2:AK$366,ROUNDDOWN($C804/24,0)+1,1))-1)+IF('Standard Profiles'!$G$21=$B$10,7,0)+IF('Standard Profiles'!$G$21=$B$17,14,0)+IF('Standard Profiles'!$G$21=$B$24,21,0),MOD($C804,24)+1)/SUM(INDEX($D$3:$AA$30,INDEX(Jesper!$R$2:$R$366,ROW(INDEX(Jesper!AK$2:AK$366,ROUNDDOWN($C804/24,0)+1,1))-1)+IF('Standard Profiles'!$G$21=$B$10,7,0)+IF('Standard Profiles'!$G$21=$B$17,14,0)+IF('Standard Profiles'!$G$21=$B$24,21,0),0)),0)</f>
        <v>0</v>
      </c>
      <c r="H804" cm="1">
        <f t="array" ref="H804">IFERROR(INDEX(Jesper!AL$2:AL$366,ROUNDDOWN($C804/24,0)+1,1)*INDEX($D$3:$AA$30,INDEX(Jesper!$R$2:$R$366,ROW(INDEX(Jesper!AL$2:AL$366,ROUNDDOWN($C804/24,0)+1,1))-1)+IF('Standard Profiles'!$G$22=$B$10,7,0)+IF('Standard Profiles'!$G$22=$B$17,14,0)+IF('Standard Profiles'!$G$22=$B$24,21,0),MOD($C804,24)+1)/SUM(INDEX($D$3:$AA$30,INDEX(Jesper!$R$2:$R$366,ROW(INDEX(Jesper!AL$2:AL$366,ROUNDDOWN($C804/24,0)+1,1))-1)+IF('Standard Profiles'!$G$22=$B$10,7,0)+IF('Standard Profiles'!$G$22=$B$17,14,0)+IF('Standard Profiles'!$G$22=$B$24,21,0),0)),0)</f>
        <v>0</v>
      </c>
      <c r="I804">
        <f t="shared" si="104"/>
        <v>0.26312973416547308</v>
      </c>
      <c r="J804">
        <f t="shared" si="105"/>
        <v>0.87709911388491035</v>
      </c>
      <c r="K804">
        <f t="shared" si="106"/>
        <v>1.3156486708273654</v>
      </c>
      <c r="L804">
        <f t="shared" si="107"/>
        <v>6.3151136199713545</v>
      </c>
      <c r="M804">
        <f t="shared" si="108"/>
        <v>0</v>
      </c>
      <c r="N804" s="46">
        <f t="shared" ref="N804:N867" si="109">N803+1/24</f>
        <v>45324.083333331466</v>
      </c>
    </row>
    <row r="805" spans="2:14" x14ac:dyDescent="0.3">
      <c r="B805">
        <f t="shared" si="103"/>
        <v>5</v>
      </c>
      <c r="C805" s="16">
        <v>771</v>
      </c>
      <c r="D805" cm="1">
        <f t="array" ref="D805">IFERROR(INDEX(Jesper!AH$2:AH$366,ROUNDDOWN($C805/24,0)+1,1)*INDEX($D$3:$AA$30,INDEX(Jesper!$R$2:$R$366,ROW(INDEX(Jesper!AH$2:AH$366,ROUNDDOWN($C805/24,0)+1,1))-1)+IF('Standard Profiles'!$G$18=$B$10,7,0)+IF('Standard Profiles'!$G$18=$B$17,14,0)+IF('Standard Profiles'!$G$18=$B$24,21,0),MOD($C805,24)+1)/SUM(INDEX($D$3:$AA$30,INDEX(Jesper!$R$2:$R$366,ROW(INDEX(Jesper!AH$2:AH$366,ROUNDDOWN($C805/24,0)+1,1))-1)+IF('Standard Profiles'!$G$18=$B$10,7,0)+IF('Standard Profiles'!$G$18=$B$17,14,0)+IF('Standard Profiles'!$G$18=$B$24,21,0),0)),0)</f>
        <v>8.7709911388491033</v>
      </c>
      <c r="E805" cm="1">
        <f t="array" ref="E805">IFERROR(INDEX(Jesper!AI$2:AI$366,ROUNDDOWN($C805/24,0)+1,1)*INDEX($D$3:$AA$30,INDEX(Jesper!$R$2:$R$366,ROW(INDEX(Jesper!AI$2:AI$366,ROUNDDOWN($C805/24,0)+1,1))-1)+IF('Standard Profiles'!$G$19=$B$10,7,0)+IF('Standard Profiles'!$G$19=$B$17,14,0)+IF('Standard Profiles'!$G$19=$B$24,21,0),MOD($C805,24)+1)/SUM(INDEX($D$3:$AA$30,INDEX(Jesper!$R$2:$R$366,ROW(INDEX(Jesper!AI$2:AI$366,ROUNDDOWN($C805/24,0)+1,1))-1)+IF('Standard Profiles'!$G$19=$B$10,7,0)+IF('Standard Profiles'!$G$19=$B$17,14,0)+IF('Standard Profiles'!$G$19=$B$24,21,0),0)),0)</f>
        <v>0</v>
      </c>
      <c r="F805" cm="1">
        <f t="array" ref="F805">IFERROR(INDEX(Jesper!AJ$2:AJ$366,ROUNDDOWN($C805/24,0)+1,1)*INDEX($D$3:$AA$30,INDEX(Jesper!$R$2:$R$366,ROW(INDEX(Jesper!AJ$2:AJ$366,ROUNDDOWN($C805/24,0)+1,1))-1)+IF('Standard Profiles'!$G$20=$B$10,7,0)+IF('Standard Profiles'!$G$20=$B$17,14,0)+IF('Standard Profiles'!$G$20=$B$24,21,0),MOD($C805,24)+1)/SUM(INDEX($D$3:$AA$30,INDEX(Jesper!$R$2:$R$366,ROW(INDEX(Jesper!AJ$2:AJ$366,ROUNDDOWN($C805/24,0)+1,1))-1)+IF('Standard Profiles'!$G$20=$B$10,7,0)+IF('Standard Profiles'!$G$20=$B$17,14,0)+IF('Standard Profiles'!$G$20=$B$24,21,0),0)),0)</f>
        <v>0</v>
      </c>
      <c r="G805" cm="1">
        <f t="array" ref="G805">IFERROR(INDEX(Jesper!AK$2:AK$366,ROUNDDOWN($C805/24,0)+1,1)*INDEX($D$3:$AA$30,INDEX(Jesper!$R$2:$R$366,ROW(INDEX(Jesper!AK$2:AK$366,ROUNDDOWN($C805/24,0)+1,1))-1)+IF('Standard Profiles'!$G$21=$B$10,7,0)+IF('Standard Profiles'!$G$21=$B$17,14,0)+IF('Standard Profiles'!$G$21=$B$24,21,0),MOD($C805,24)+1)/SUM(INDEX($D$3:$AA$30,INDEX(Jesper!$R$2:$R$366,ROW(INDEX(Jesper!AK$2:AK$366,ROUNDDOWN($C805/24,0)+1,1))-1)+IF('Standard Profiles'!$G$21=$B$10,7,0)+IF('Standard Profiles'!$G$21=$B$17,14,0)+IF('Standard Profiles'!$G$21=$B$24,21,0),0)),0)</f>
        <v>0</v>
      </c>
      <c r="H805" cm="1">
        <f t="array" ref="H805">IFERROR(INDEX(Jesper!AL$2:AL$366,ROUNDDOWN($C805/24,0)+1,1)*INDEX($D$3:$AA$30,INDEX(Jesper!$R$2:$R$366,ROW(INDEX(Jesper!AL$2:AL$366,ROUNDDOWN($C805/24,0)+1,1))-1)+IF('Standard Profiles'!$G$22=$B$10,7,0)+IF('Standard Profiles'!$G$22=$B$17,14,0)+IF('Standard Profiles'!$G$22=$B$24,21,0),MOD($C805,24)+1)/SUM(INDEX($D$3:$AA$30,INDEX(Jesper!$R$2:$R$366,ROW(INDEX(Jesper!AL$2:AL$366,ROUNDDOWN($C805/24,0)+1,1))-1)+IF('Standard Profiles'!$G$22=$B$10,7,0)+IF('Standard Profiles'!$G$22=$B$17,14,0)+IF('Standard Profiles'!$G$22=$B$24,21,0),0)),0)</f>
        <v>0</v>
      </c>
      <c r="I805">
        <f t="shared" si="104"/>
        <v>0.26312973416547308</v>
      </c>
      <c r="J805">
        <f t="shared" si="105"/>
        <v>0.87709911388491035</v>
      </c>
      <c r="K805">
        <f t="shared" si="106"/>
        <v>1.3156486708273654</v>
      </c>
      <c r="L805">
        <f t="shared" si="107"/>
        <v>6.3151136199713545</v>
      </c>
      <c r="M805">
        <f t="shared" si="108"/>
        <v>0</v>
      </c>
      <c r="N805" s="46">
        <f t="shared" si="109"/>
        <v>45324.12499999813</v>
      </c>
    </row>
    <row r="806" spans="2:14" x14ac:dyDescent="0.3">
      <c r="B806">
        <f t="shared" si="103"/>
        <v>5</v>
      </c>
      <c r="C806" s="16">
        <v>772</v>
      </c>
      <c r="D806" cm="1">
        <f t="array" ref="D806">IFERROR(INDEX(Jesper!AH$2:AH$366,ROUNDDOWN($C806/24,0)+1,1)*INDEX($D$3:$AA$30,INDEX(Jesper!$R$2:$R$366,ROW(INDEX(Jesper!AH$2:AH$366,ROUNDDOWN($C806/24,0)+1,1))-1)+IF('Standard Profiles'!$G$18=$B$10,7,0)+IF('Standard Profiles'!$G$18=$B$17,14,0)+IF('Standard Profiles'!$G$18=$B$24,21,0),MOD($C806,24)+1)/SUM(INDEX($D$3:$AA$30,INDEX(Jesper!$R$2:$R$366,ROW(INDEX(Jesper!AH$2:AH$366,ROUNDDOWN($C806/24,0)+1,1))-1)+IF('Standard Profiles'!$G$18=$B$10,7,0)+IF('Standard Profiles'!$G$18=$B$17,14,0)+IF('Standard Profiles'!$G$18=$B$24,21,0),0)),0)</f>
        <v>8.7709911388491033</v>
      </c>
      <c r="E806" cm="1">
        <f t="array" ref="E806">IFERROR(INDEX(Jesper!AI$2:AI$366,ROUNDDOWN($C806/24,0)+1,1)*INDEX($D$3:$AA$30,INDEX(Jesper!$R$2:$R$366,ROW(INDEX(Jesper!AI$2:AI$366,ROUNDDOWN($C806/24,0)+1,1))-1)+IF('Standard Profiles'!$G$19=$B$10,7,0)+IF('Standard Profiles'!$G$19=$B$17,14,0)+IF('Standard Profiles'!$G$19=$B$24,21,0),MOD($C806,24)+1)/SUM(INDEX($D$3:$AA$30,INDEX(Jesper!$R$2:$R$366,ROW(INDEX(Jesper!AI$2:AI$366,ROUNDDOWN($C806/24,0)+1,1))-1)+IF('Standard Profiles'!$G$19=$B$10,7,0)+IF('Standard Profiles'!$G$19=$B$17,14,0)+IF('Standard Profiles'!$G$19=$B$24,21,0),0)),0)</f>
        <v>0</v>
      </c>
      <c r="F806" cm="1">
        <f t="array" ref="F806">IFERROR(INDEX(Jesper!AJ$2:AJ$366,ROUNDDOWN($C806/24,0)+1,1)*INDEX($D$3:$AA$30,INDEX(Jesper!$R$2:$R$366,ROW(INDEX(Jesper!AJ$2:AJ$366,ROUNDDOWN($C806/24,0)+1,1))-1)+IF('Standard Profiles'!$G$20=$B$10,7,0)+IF('Standard Profiles'!$G$20=$B$17,14,0)+IF('Standard Profiles'!$G$20=$B$24,21,0),MOD($C806,24)+1)/SUM(INDEX($D$3:$AA$30,INDEX(Jesper!$R$2:$R$366,ROW(INDEX(Jesper!AJ$2:AJ$366,ROUNDDOWN($C806/24,0)+1,1))-1)+IF('Standard Profiles'!$G$20=$B$10,7,0)+IF('Standard Profiles'!$G$20=$B$17,14,0)+IF('Standard Profiles'!$G$20=$B$24,21,0),0)),0)</f>
        <v>0</v>
      </c>
      <c r="G806" cm="1">
        <f t="array" ref="G806">IFERROR(INDEX(Jesper!AK$2:AK$366,ROUNDDOWN($C806/24,0)+1,1)*INDEX($D$3:$AA$30,INDEX(Jesper!$R$2:$R$366,ROW(INDEX(Jesper!AK$2:AK$366,ROUNDDOWN($C806/24,0)+1,1))-1)+IF('Standard Profiles'!$G$21=$B$10,7,0)+IF('Standard Profiles'!$G$21=$B$17,14,0)+IF('Standard Profiles'!$G$21=$B$24,21,0),MOD($C806,24)+1)/SUM(INDEX($D$3:$AA$30,INDEX(Jesper!$R$2:$R$366,ROW(INDEX(Jesper!AK$2:AK$366,ROUNDDOWN($C806/24,0)+1,1))-1)+IF('Standard Profiles'!$G$21=$B$10,7,0)+IF('Standard Profiles'!$G$21=$B$17,14,0)+IF('Standard Profiles'!$G$21=$B$24,21,0),0)),0)</f>
        <v>0</v>
      </c>
      <c r="H806" cm="1">
        <f t="array" ref="H806">IFERROR(INDEX(Jesper!AL$2:AL$366,ROUNDDOWN($C806/24,0)+1,1)*INDEX($D$3:$AA$30,INDEX(Jesper!$R$2:$R$366,ROW(INDEX(Jesper!AL$2:AL$366,ROUNDDOWN($C806/24,0)+1,1))-1)+IF('Standard Profiles'!$G$22=$B$10,7,0)+IF('Standard Profiles'!$G$22=$B$17,14,0)+IF('Standard Profiles'!$G$22=$B$24,21,0),MOD($C806,24)+1)/SUM(INDEX($D$3:$AA$30,INDEX(Jesper!$R$2:$R$366,ROW(INDEX(Jesper!AL$2:AL$366,ROUNDDOWN($C806/24,0)+1,1))-1)+IF('Standard Profiles'!$G$22=$B$10,7,0)+IF('Standard Profiles'!$G$22=$B$17,14,0)+IF('Standard Profiles'!$G$22=$B$24,21,0),0)),0)</f>
        <v>0</v>
      </c>
      <c r="I806">
        <f t="shared" si="104"/>
        <v>0.26312973416547308</v>
      </c>
      <c r="J806">
        <f t="shared" si="105"/>
        <v>0.87709911388491035</v>
      </c>
      <c r="K806">
        <f t="shared" si="106"/>
        <v>1.3156486708273654</v>
      </c>
      <c r="L806">
        <f t="shared" si="107"/>
        <v>6.3151136199713545</v>
      </c>
      <c r="M806">
        <f t="shared" si="108"/>
        <v>0</v>
      </c>
      <c r="N806" s="46">
        <f t="shared" si="109"/>
        <v>45324.166666664794</v>
      </c>
    </row>
    <row r="807" spans="2:14" x14ac:dyDescent="0.3">
      <c r="B807">
        <f t="shared" si="103"/>
        <v>5</v>
      </c>
      <c r="C807" s="16">
        <v>773</v>
      </c>
      <c r="D807" cm="1">
        <f t="array" ref="D807">IFERROR(INDEX(Jesper!AH$2:AH$366,ROUNDDOWN($C807/24,0)+1,1)*INDEX($D$3:$AA$30,INDEX(Jesper!$R$2:$R$366,ROW(INDEX(Jesper!AH$2:AH$366,ROUNDDOWN($C807/24,0)+1,1))-1)+IF('Standard Profiles'!$G$18=$B$10,7,0)+IF('Standard Profiles'!$G$18=$B$17,14,0)+IF('Standard Profiles'!$G$18=$B$24,21,0),MOD($C807,24)+1)/SUM(INDEX($D$3:$AA$30,INDEX(Jesper!$R$2:$R$366,ROW(INDEX(Jesper!AH$2:AH$366,ROUNDDOWN($C807/24,0)+1,1))-1)+IF('Standard Profiles'!$G$18=$B$10,7,0)+IF('Standard Profiles'!$G$18=$B$17,14,0)+IF('Standard Profiles'!$G$18=$B$24,21,0),0)),0)</f>
        <v>11.304833023405513</v>
      </c>
      <c r="E807" cm="1">
        <f t="array" ref="E807">IFERROR(INDEX(Jesper!AI$2:AI$366,ROUNDDOWN($C807/24,0)+1,1)*INDEX($D$3:$AA$30,INDEX(Jesper!$R$2:$R$366,ROW(INDEX(Jesper!AI$2:AI$366,ROUNDDOWN($C807/24,0)+1,1))-1)+IF('Standard Profiles'!$G$19=$B$10,7,0)+IF('Standard Profiles'!$G$19=$B$17,14,0)+IF('Standard Profiles'!$G$19=$B$24,21,0),MOD($C807,24)+1)/SUM(INDEX($D$3:$AA$30,INDEX(Jesper!$R$2:$R$366,ROW(INDEX(Jesper!AI$2:AI$366,ROUNDDOWN($C807/24,0)+1,1))-1)+IF('Standard Profiles'!$G$19=$B$10,7,0)+IF('Standard Profiles'!$G$19=$B$17,14,0)+IF('Standard Profiles'!$G$19=$B$24,21,0),0)),0)</f>
        <v>0</v>
      </c>
      <c r="F807" cm="1">
        <f t="array" ref="F807">IFERROR(INDEX(Jesper!AJ$2:AJ$366,ROUNDDOWN($C807/24,0)+1,1)*INDEX($D$3:$AA$30,INDEX(Jesper!$R$2:$R$366,ROW(INDEX(Jesper!AJ$2:AJ$366,ROUNDDOWN($C807/24,0)+1,1))-1)+IF('Standard Profiles'!$G$20=$B$10,7,0)+IF('Standard Profiles'!$G$20=$B$17,14,0)+IF('Standard Profiles'!$G$20=$B$24,21,0),MOD($C807,24)+1)/SUM(INDEX($D$3:$AA$30,INDEX(Jesper!$R$2:$R$366,ROW(INDEX(Jesper!AJ$2:AJ$366,ROUNDDOWN($C807/24,0)+1,1))-1)+IF('Standard Profiles'!$G$20=$B$10,7,0)+IF('Standard Profiles'!$G$20=$B$17,14,0)+IF('Standard Profiles'!$G$20=$B$24,21,0),0)),0)</f>
        <v>0</v>
      </c>
      <c r="G807" cm="1">
        <f t="array" ref="G807">IFERROR(INDEX(Jesper!AK$2:AK$366,ROUNDDOWN($C807/24,0)+1,1)*INDEX($D$3:$AA$30,INDEX(Jesper!$R$2:$R$366,ROW(INDEX(Jesper!AK$2:AK$366,ROUNDDOWN($C807/24,0)+1,1))-1)+IF('Standard Profiles'!$G$21=$B$10,7,0)+IF('Standard Profiles'!$G$21=$B$17,14,0)+IF('Standard Profiles'!$G$21=$B$24,21,0),MOD($C807,24)+1)/SUM(INDEX($D$3:$AA$30,INDEX(Jesper!$R$2:$R$366,ROW(INDEX(Jesper!AK$2:AK$366,ROUNDDOWN($C807/24,0)+1,1))-1)+IF('Standard Profiles'!$G$21=$B$10,7,0)+IF('Standard Profiles'!$G$21=$B$17,14,0)+IF('Standard Profiles'!$G$21=$B$24,21,0),0)),0)</f>
        <v>0</v>
      </c>
      <c r="H807" cm="1">
        <f t="array" ref="H807">IFERROR(INDEX(Jesper!AL$2:AL$366,ROUNDDOWN($C807/24,0)+1,1)*INDEX($D$3:$AA$30,INDEX(Jesper!$R$2:$R$366,ROW(INDEX(Jesper!AL$2:AL$366,ROUNDDOWN($C807/24,0)+1,1))-1)+IF('Standard Profiles'!$G$22=$B$10,7,0)+IF('Standard Profiles'!$G$22=$B$17,14,0)+IF('Standard Profiles'!$G$22=$B$24,21,0),MOD($C807,24)+1)/SUM(INDEX($D$3:$AA$30,INDEX(Jesper!$R$2:$R$366,ROW(INDEX(Jesper!AL$2:AL$366,ROUNDDOWN($C807/24,0)+1,1))-1)+IF('Standard Profiles'!$G$22=$B$10,7,0)+IF('Standard Profiles'!$G$22=$B$17,14,0)+IF('Standard Profiles'!$G$22=$B$24,21,0),0)),0)</f>
        <v>0</v>
      </c>
      <c r="I807">
        <f t="shared" si="104"/>
        <v>0.33914499070216536</v>
      </c>
      <c r="J807">
        <f t="shared" si="105"/>
        <v>1.1304833023405514</v>
      </c>
      <c r="K807">
        <f t="shared" si="106"/>
        <v>1.6957249535108267</v>
      </c>
      <c r="L807">
        <f t="shared" si="107"/>
        <v>8.1394797768519691</v>
      </c>
      <c r="M807">
        <f t="shared" si="108"/>
        <v>0</v>
      </c>
      <c r="N807" s="46">
        <f t="shared" si="109"/>
        <v>45324.208333331459</v>
      </c>
    </row>
    <row r="808" spans="2:14" x14ac:dyDescent="0.3">
      <c r="B808">
        <f t="shared" si="103"/>
        <v>5</v>
      </c>
      <c r="C808" s="16">
        <v>774</v>
      </c>
      <c r="D808" cm="1">
        <f t="array" ref="D808">IFERROR(INDEX(Jesper!AH$2:AH$366,ROUNDDOWN($C808/24,0)+1,1)*INDEX($D$3:$AA$30,INDEX(Jesper!$R$2:$R$366,ROW(INDEX(Jesper!AH$2:AH$366,ROUNDDOWN($C808/24,0)+1,1))-1)+IF('Standard Profiles'!$G$18=$B$10,7,0)+IF('Standard Profiles'!$G$18=$B$17,14,0)+IF('Standard Profiles'!$G$18=$B$24,21,0),MOD($C808,24)+1)/SUM(INDEX($D$3:$AA$30,INDEX(Jesper!$R$2:$R$366,ROW(INDEX(Jesper!AH$2:AH$366,ROUNDDOWN($C808/24,0)+1,1))-1)+IF('Standard Profiles'!$G$18=$B$10,7,0)+IF('Standard Profiles'!$G$18=$B$17,14,0)+IF('Standard Profiles'!$G$18=$B$24,21,0),0)),0)</f>
        <v>13.643763993765276</v>
      </c>
      <c r="E808" cm="1">
        <f t="array" ref="E808">IFERROR(INDEX(Jesper!AI$2:AI$366,ROUNDDOWN($C808/24,0)+1,1)*INDEX($D$3:$AA$30,INDEX(Jesper!$R$2:$R$366,ROW(INDEX(Jesper!AI$2:AI$366,ROUNDDOWN($C808/24,0)+1,1))-1)+IF('Standard Profiles'!$G$19=$B$10,7,0)+IF('Standard Profiles'!$G$19=$B$17,14,0)+IF('Standard Profiles'!$G$19=$B$24,21,0),MOD($C808,24)+1)/SUM(INDEX($D$3:$AA$30,INDEX(Jesper!$R$2:$R$366,ROW(INDEX(Jesper!AI$2:AI$366,ROUNDDOWN($C808/24,0)+1,1))-1)+IF('Standard Profiles'!$G$19=$B$10,7,0)+IF('Standard Profiles'!$G$19=$B$17,14,0)+IF('Standard Profiles'!$G$19=$B$24,21,0),0)),0)</f>
        <v>0</v>
      </c>
      <c r="F808" cm="1">
        <f t="array" ref="F808">IFERROR(INDEX(Jesper!AJ$2:AJ$366,ROUNDDOWN($C808/24,0)+1,1)*INDEX($D$3:$AA$30,INDEX(Jesper!$R$2:$R$366,ROW(INDEX(Jesper!AJ$2:AJ$366,ROUNDDOWN($C808/24,0)+1,1))-1)+IF('Standard Profiles'!$G$20=$B$10,7,0)+IF('Standard Profiles'!$G$20=$B$17,14,0)+IF('Standard Profiles'!$G$20=$B$24,21,0),MOD($C808,24)+1)/SUM(INDEX($D$3:$AA$30,INDEX(Jesper!$R$2:$R$366,ROW(INDEX(Jesper!AJ$2:AJ$366,ROUNDDOWN($C808/24,0)+1,1))-1)+IF('Standard Profiles'!$G$20=$B$10,7,0)+IF('Standard Profiles'!$G$20=$B$17,14,0)+IF('Standard Profiles'!$G$20=$B$24,21,0),0)),0)</f>
        <v>0</v>
      </c>
      <c r="G808" cm="1">
        <f t="array" ref="G808">IFERROR(INDEX(Jesper!AK$2:AK$366,ROUNDDOWN($C808/24,0)+1,1)*INDEX($D$3:$AA$30,INDEX(Jesper!$R$2:$R$366,ROW(INDEX(Jesper!AK$2:AK$366,ROUNDDOWN($C808/24,0)+1,1))-1)+IF('Standard Profiles'!$G$21=$B$10,7,0)+IF('Standard Profiles'!$G$21=$B$17,14,0)+IF('Standard Profiles'!$G$21=$B$24,21,0),MOD($C808,24)+1)/SUM(INDEX($D$3:$AA$30,INDEX(Jesper!$R$2:$R$366,ROW(INDEX(Jesper!AK$2:AK$366,ROUNDDOWN($C808/24,0)+1,1))-1)+IF('Standard Profiles'!$G$21=$B$10,7,0)+IF('Standard Profiles'!$G$21=$B$17,14,0)+IF('Standard Profiles'!$G$21=$B$24,21,0),0)),0)</f>
        <v>0</v>
      </c>
      <c r="H808" cm="1">
        <f t="array" ref="H808">IFERROR(INDEX(Jesper!AL$2:AL$366,ROUNDDOWN($C808/24,0)+1,1)*INDEX($D$3:$AA$30,INDEX(Jesper!$R$2:$R$366,ROW(INDEX(Jesper!AL$2:AL$366,ROUNDDOWN($C808/24,0)+1,1))-1)+IF('Standard Profiles'!$G$22=$B$10,7,0)+IF('Standard Profiles'!$G$22=$B$17,14,0)+IF('Standard Profiles'!$G$22=$B$24,21,0),MOD($C808,24)+1)/SUM(INDEX($D$3:$AA$30,INDEX(Jesper!$R$2:$R$366,ROW(INDEX(Jesper!AL$2:AL$366,ROUNDDOWN($C808/24,0)+1,1))-1)+IF('Standard Profiles'!$G$22=$B$10,7,0)+IF('Standard Profiles'!$G$22=$B$17,14,0)+IF('Standard Profiles'!$G$22=$B$24,21,0),0)),0)</f>
        <v>0</v>
      </c>
      <c r="I808">
        <f t="shared" si="104"/>
        <v>0.40931291981295825</v>
      </c>
      <c r="J808">
        <f t="shared" si="105"/>
        <v>1.3643763993765277</v>
      </c>
      <c r="K808">
        <f t="shared" si="106"/>
        <v>2.0465645990647912</v>
      </c>
      <c r="L808">
        <f t="shared" si="107"/>
        <v>9.823510075510999</v>
      </c>
      <c r="M808">
        <f t="shared" si="108"/>
        <v>0</v>
      </c>
      <c r="N808" s="46">
        <f t="shared" si="109"/>
        <v>45324.249999998123</v>
      </c>
    </row>
    <row r="809" spans="2:14" x14ac:dyDescent="0.3">
      <c r="B809">
        <f t="shared" si="103"/>
        <v>5</v>
      </c>
      <c r="C809" s="16">
        <v>775</v>
      </c>
      <c r="D809" cm="1">
        <f t="array" ref="D809">IFERROR(INDEX(Jesper!AH$2:AH$366,ROUNDDOWN($C809/24,0)+1,1)*INDEX($D$3:$AA$30,INDEX(Jesper!$R$2:$R$366,ROW(INDEX(Jesper!AH$2:AH$366,ROUNDDOWN($C809/24,0)+1,1))-1)+IF('Standard Profiles'!$G$18=$B$10,7,0)+IF('Standard Profiles'!$G$18=$B$17,14,0)+IF('Standard Profiles'!$G$18=$B$24,21,0),MOD($C809,24)+1)/SUM(INDEX($D$3:$AA$30,INDEX(Jesper!$R$2:$R$366,ROW(INDEX(Jesper!AH$2:AH$366,ROUNDDOWN($C809/24,0)+1,1))-1)+IF('Standard Profiles'!$G$18=$B$10,7,0)+IF('Standard Profiles'!$G$18=$B$17,14,0)+IF('Standard Profiles'!$G$18=$B$24,21,0),0)),0)</f>
        <v>13.643763993765276</v>
      </c>
      <c r="E809" cm="1">
        <f t="array" ref="E809">IFERROR(INDEX(Jesper!AI$2:AI$366,ROUNDDOWN($C809/24,0)+1,1)*INDEX($D$3:$AA$30,INDEX(Jesper!$R$2:$R$366,ROW(INDEX(Jesper!AI$2:AI$366,ROUNDDOWN($C809/24,0)+1,1))-1)+IF('Standard Profiles'!$G$19=$B$10,7,0)+IF('Standard Profiles'!$G$19=$B$17,14,0)+IF('Standard Profiles'!$G$19=$B$24,21,0),MOD($C809,24)+1)/SUM(INDEX($D$3:$AA$30,INDEX(Jesper!$R$2:$R$366,ROW(INDEX(Jesper!AI$2:AI$366,ROUNDDOWN($C809/24,0)+1,1))-1)+IF('Standard Profiles'!$G$19=$B$10,7,0)+IF('Standard Profiles'!$G$19=$B$17,14,0)+IF('Standard Profiles'!$G$19=$B$24,21,0),0)),0)</f>
        <v>0</v>
      </c>
      <c r="F809" cm="1">
        <f t="array" ref="F809">IFERROR(INDEX(Jesper!AJ$2:AJ$366,ROUNDDOWN($C809/24,0)+1,1)*INDEX($D$3:$AA$30,INDEX(Jesper!$R$2:$R$366,ROW(INDEX(Jesper!AJ$2:AJ$366,ROUNDDOWN($C809/24,0)+1,1))-1)+IF('Standard Profiles'!$G$20=$B$10,7,0)+IF('Standard Profiles'!$G$20=$B$17,14,0)+IF('Standard Profiles'!$G$20=$B$24,21,0),MOD($C809,24)+1)/SUM(INDEX($D$3:$AA$30,INDEX(Jesper!$R$2:$R$366,ROW(INDEX(Jesper!AJ$2:AJ$366,ROUNDDOWN($C809/24,0)+1,1))-1)+IF('Standard Profiles'!$G$20=$B$10,7,0)+IF('Standard Profiles'!$G$20=$B$17,14,0)+IF('Standard Profiles'!$G$20=$B$24,21,0),0)),0)</f>
        <v>0</v>
      </c>
      <c r="G809" cm="1">
        <f t="array" ref="G809">IFERROR(INDEX(Jesper!AK$2:AK$366,ROUNDDOWN($C809/24,0)+1,1)*INDEX($D$3:$AA$30,INDEX(Jesper!$R$2:$R$366,ROW(INDEX(Jesper!AK$2:AK$366,ROUNDDOWN($C809/24,0)+1,1))-1)+IF('Standard Profiles'!$G$21=$B$10,7,0)+IF('Standard Profiles'!$G$21=$B$17,14,0)+IF('Standard Profiles'!$G$21=$B$24,21,0),MOD($C809,24)+1)/SUM(INDEX($D$3:$AA$30,INDEX(Jesper!$R$2:$R$366,ROW(INDEX(Jesper!AK$2:AK$366,ROUNDDOWN($C809/24,0)+1,1))-1)+IF('Standard Profiles'!$G$21=$B$10,7,0)+IF('Standard Profiles'!$G$21=$B$17,14,0)+IF('Standard Profiles'!$G$21=$B$24,21,0),0)),0)</f>
        <v>0</v>
      </c>
      <c r="H809" cm="1">
        <f t="array" ref="H809">IFERROR(INDEX(Jesper!AL$2:AL$366,ROUNDDOWN($C809/24,0)+1,1)*INDEX($D$3:$AA$30,INDEX(Jesper!$R$2:$R$366,ROW(INDEX(Jesper!AL$2:AL$366,ROUNDDOWN($C809/24,0)+1,1))-1)+IF('Standard Profiles'!$G$22=$B$10,7,0)+IF('Standard Profiles'!$G$22=$B$17,14,0)+IF('Standard Profiles'!$G$22=$B$24,21,0),MOD($C809,24)+1)/SUM(INDEX($D$3:$AA$30,INDEX(Jesper!$R$2:$R$366,ROW(INDEX(Jesper!AL$2:AL$366,ROUNDDOWN($C809/24,0)+1,1))-1)+IF('Standard Profiles'!$G$22=$B$10,7,0)+IF('Standard Profiles'!$G$22=$B$17,14,0)+IF('Standard Profiles'!$G$22=$B$24,21,0),0)),0)</f>
        <v>0</v>
      </c>
      <c r="I809">
        <f t="shared" si="104"/>
        <v>0.40931291981295825</v>
      </c>
      <c r="J809">
        <f t="shared" si="105"/>
        <v>1.3643763993765277</v>
      </c>
      <c r="K809">
        <f t="shared" si="106"/>
        <v>2.0465645990647912</v>
      </c>
      <c r="L809">
        <f t="shared" si="107"/>
        <v>9.823510075510999</v>
      </c>
      <c r="M809">
        <f t="shared" si="108"/>
        <v>0</v>
      </c>
      <c r="N809" s="46">
        <f t="shared" si="109"/>
        <v>45324.291666664787</v>
      </c>
    </row>
    <row r="810" spans="2:14" x14ac:dyDescent="0.3">
      <c r="B810">
        <f t="shared" si="103"/>
        <v>5</v>
      </c>
      <c r="C810" s="16">
        <v>776</v>
      </c>
      <c r="D810" cm="1">
        <f t="array" ref="D810">IFERROR(INDEX(Jesper!AH$2:AH$366,ROUNDDOWN($C810/24,0)+1,1)*INDEX($D$3:$AA$30,INDEX(Jesper!$R$2:$R$366,ROW(INDEX(Jesper!AH$2:AH$366,ROUNDDOWN($C810/24,0)+1,1))-1)+IF('Standard Profiles'!$G$18=$B$10,7,0)+IF('Standard Profiles'!$G$18=$B$17,14,0)+IF('Standard Profiles'!$G$18=$B$24,21,0),MOD($C810,24)+1)/SUM(INDEX($D$3:$AA$30,INDEX(Jesper!$R$2:$R$366,ROW(INDEX(Jesper!AH$2:AH$366,ROUNDDOWN($C810/24,0)+1,1))-1)+IF('Standard Profiles'!$G$18=$B$10,7,0)+IF('Standard Profiles'!$G$18=$B$17,14,0)+IF('Standard Profiles'!$G$18=$B$24,21,0),0)),0)</f>
        <v>13.643763993765276</v>
      </c>
      <c r="E810" cm="1">
        <f t="array" ref="E810">IFERROR(INDEX(Jesper!AI$2:AI$366,ROUNDDOWN($C810/24,0)+1,1)*INDEX($D$3:$AA$30,INDEX(Jesper!$R$2:$R$366,ROW(INDEX(Jesper!AI$2:AI$366,ROUNDDOWN($C810/24,0)+1,1))-1)+IF('Standard Profiles'!$G$19=$B$10,7,0)+IF('Standard Profiles'!$G$19=$B$17,14,0)+IF('Standard Profiles'!$G$19=$B$24,21,0),MOD($C810,24)+1)/SUM(INDEX($D$3:$AA$30,INDEX(Jesper!$R$2:$R$366,ROW(INDEX(Jesper!AI$2:AI$366,ROUNDDOWN($C810/24,0)+1,1))-1)+IF('Standard Profiles'!$G$19=$B$10,7,0)+IF('Standard Profiles'!$G$19=$B$17,14,0)+IF('Standard Profiles'!$G$19=$B$24,21,0),0)),0)</f>
        <v>0</v>
      </c>
      <c r="F810" cm="1">
        <f t="array" ref="F810">IFERROR(INDEX(Jesper!AJ$2:AJ$366,ROUNDDOWN($C810/24,0)+1,1)*INDEX($D$3:$AA$30,INDEX(Jesper!$R$2:$R$366,ROW(INDEX(Jesper!AJ$2:AJ$366,ROUNDDOWN($C810/24,0)+1,1))-1)+IF('Standard Profiles'!$G$20=$B$10,7,0)+IF('Standard Profiles'!$G$20=$B$17,14,0)+IF('Standard Profiles'!$G$20=$B$24,21,0),MOD($C810,24)+1)/SUM(INDEX($D$3:$AA$30,INDEX(Jesper!$R$2:$R$366,ROW(INDEX(Jesper!AJ$2:AJ$366,ROUNDDOWN($C810/24,0)+1,1))-1)+IF('Standard Profiles'!$G$20=$B$10,7,0)+IF('Standard Profiles'!$G$20=$B$17,14,0)+IF('Standard Profiles'!$G$20=$B$24,21,0),0)),0)</f>
        <v>0</v>
      </c>
      <c r="G810" cm="1">
        <f t="array" ref="G810">IFERROR(INDEX(Jesper!AK$2:AK$366,ROUNDDOWN($C810/24,0)+1,1)*INDEX($D$3:$AA$30,INDEX(Jesper!$R$2:$R$366,ROW(INDEX(Jesper!AK$2:AK$366,ROUNDDOWN($C810/24,0)+1,1))-1)+IF('Standard Profiles'!$G$21=$B$10,7,0)+IF('Standard Profiles'!$G$21=$B$17,14,0)+IF('Standard Profiles'!$G$21=$B$24,21,0),MOD($C810,24)+1)/SUM(INDEX($D$3:$AA$30,INDEX(Jesper!$R$2:$R$366,ROW(INDEX(Jesper!AK$2:AK$366,ROUNDDOWN($C810/24,0)+1,1))-1)+IF('Standard Profiles'!$G$21=$B$10,7,0)+IF('Standard Profiles'!$G$21=$B$17,14,0)+IF('Standard Profiles'!$G$21=$B$24,21,0),0)),0)</f>
        <v>0</v>
      </c>
      <c r="H810" cm="1">
        <f t="array" ref="H810">IFERROR(INDEX(Jesper!AL$2:AL$366,ROUNDDOWN($C810/24,0)+1,1)*INDEX($D$3:$AA$30,INDEX(Jesper!$R$2:$R$366,ROW(INDEX(Jesper!AL$2:AL$366,ROUNDDOWN($C810/24,0)+1,1))-1)+IF('Standard Profiles'!$G$22=$B$10,7,0)+IF('Standard Profiles'!$G$22=$B$17,14,0)+IF('Standard Profiles'!$G$22=$B$24,21,0),MOD($C810,24)+1)/SUM(INDEX($D$3:$AA$30,INDEX(Jesper!$R$2:$R$366,ROW(INDEX(Jesper!AL$2:AL$366,ROUNDDOWN($C810/24,0)+1,1))-1)+IF('Standard Profiles'!$G$22=$B$10,7,0)+IF('Standard Profiles'!$G$22=$B$17,14,0)+IF('Standard Profiles'!$G$22=$B$24,21,0),0)),0)</f>
        <v>0</v>
      </c>
      <c r="I810">
        <f t="shared" si="104"/>
        <v>0.40931291981295825</v>
      </c>
      <c r="J810">
        <f t="shared" si="105"/>
        <v>1.3643763993765277</v>
      </c>
      <c r="K810">
        <f t="shared" si="106"/>
        <v>2.0465645990647912</v>
      </c>
      <c r="L810">
        <f t="shared" si="107"/>
        <v>9.823510075510999</v>
      </c>
      <c r="M810">
        <f t="shared" si="108"/>
        <v>0</v>
      </c>
      <c r="N810" s="46">
        <f t="shared" si="109"/>
        <v>45324.333333331451</v>
      </c>
    </row>
    <row r="811" spans="2:14" x14ac:dyDescent="0.3">
      <c r="B811">
        <f t="shared" si="103"/>
        <v>5</v>
      </c>
      <c r="C811" s="16">
        <v>777</v>
      </c>
      <c r="D811" cm="1">
        <f t="array" ref="D811">IFERROR(INDEX(Jesper!AH$2:AH$366,ROUNDDOWN($C811/24,0)+1,1)*INDEX($D$3:$AA$30,INDEX(Jesper!$R$2:$R$366,ROW(INDEX(Jesper!AH$2:AH$366,ROUNDDOWN($C811/24,0)+1,1))-1)+IF('Standard Profiles'!$G$18=$B$10,7,0)+IF('Standard Profiles'!$G$18=$B$17,14,0)+IF('Standard Profiles'!$G$18=$B$24,21,0),MOD($C811,24)+1)/SUM(INDEX($D$3:$AA$30,INDEX(Jesper!$R$2:$R$366,ROW(INDEX(Jesper!AH$2:AH$366,ROUNDDOWN($C811/24,0)+1,1))-1)+IF('Standard Profiles'!$G$18=$B$10,7,0)+IF('Standard Profiles'!$G$18=$B$17,14,0)+IF('Standard Profiles'!$G$18=$B$24,21,0),0)),0)</f>
        <v>14.61831856474851</v>
      </c>
      <c r="E811" cm="1">
        <f t="array" ref="E811">IFERROR(INDEX(Jesper!AI$2:AI$366,ROUNDDOWN($C811/24,0)+1,1)*INDEX($D$3:$AA$30,INDEX(Jesper!$R$2:$R$366,ROW(INDEX(Jesper!AI$2:AI$366,ROUNDDOWN($C811/24,0)+1,1))-1)+IF('Standard Profiles'!$G$19=$B$10,7,0)+IF('Standard Profiles'!$G$19=$B$17,14,0)+IF('Standard Profiles'!$G$19=$B$24,21,0),MOD($C811,24)+1)/SUM(INDEX($D$3:$AA$30,INDEX(Jesper!$R$2:$R$366,ROW(INDEX(Jesper!AI$2:AI$366,ROUNDDOWN($C811/24,0)+1,1))-1)+IF('Standard Profiles'!$G$19=$B$10,7,0)+IF('Standard Profiles'!$G$19=$B$17,14,0)+IF('Standard Profiles'!$G$19=$B$24,21,0),0)),0)</f>
        <v>0</v>
      </c>
      <c r="F811" cm="1">
        <f t="array" ref="F811">IFERROR(INDEX(Jesper!AJ$2:AJ$366,ROUNDDOWN($C811/24,0)+1,1)*INDEX($D$3:$AA$30,INDEX(Jesper!$R$2:$R$366,ROW(INDEX(Jesper!AJ$2:AJ$366,ROUNDDOWN($C811/24,0)+1,1))-1)+IF('Standard Profiles'!$G$20=$B$10,7,0)+IF('Standard Profiles'!$G$20=$B$17,14,0)+IF('Standard Profiles'!$G$20=$B$24,21,0),MOD($C811,24)+1)/SUM(INDEX($D$3:$AA$30,INDEX(Jesper!$R$2:$R$366,ROW(INDEX(Jesper!AJ$2:AJ$366,ROUNDDOWN($C811/24,0)+1,1))-1)+IF('Standard Profiles'!$G$20=$B$10,7,0)+IF('Standard Profiles'!$G$20=$B$17,14,0)+IF('Standard Profiles'!$G$20=$B$24,21,0),0)),0)</f>
        <v>0</v>
      </c>
      <c r="G811" cm="1">
        <f t="array" ref="G811">IFERROR(INDEX(Jesper!AK$2:AK$366,ROUNDDOWN($C811/24,0)+1,1)*INDEX($D$3:$AA$30,INDEX(Jesper!$R$2:$R$366,ROW(INDEX(Jesper!AK$2:AK$366,ROUNDDOWN($C811/24,0)+1,1))-1)+IF('Standard Profiles'!$G$21=$B$10,7,0)+IF('Standard Profiles'!$G$21=$B$17,14,0)+IF('Standard Profiles'!$G$21=$B$24,21,0),MOD($C811,24)+1)/SUM(INDEX($D$3:$AA$30,INDEX(Jesper!$R$2:$R$366,ROW(INDEX(Jesper!AK$2:AK$366,ROUNDDOWN($C811/24,0)+1,1))-1)+IF('Standard Profiles'!$G$21=$B$10,7,0)+IF('Standard Profiles'!$G$21=$B$17,14,0)+IF('Standard Profiles'!$G$21=$B$24,21,0),0)),0)</f>
        <v>0</v>
      </c>
      <c r="H811" cm="1">
        <f t="array" ref="H811">IFERROR(INDEX(Jesper!AL$2:AL$366,ROUNDDOWN($C811/24,0)+1,1)*INDEX($D$3:$AA$30,INDEX(Jesper!$R$2:$R$366,ROW(INDEX(Jesper!AL$2:AL$366,ROUNDDOWN($C811/24,0)+1,1))-1)+IF('Standard Profiles'!$G$22=$B$10,7,0)+IF('Standard Profiles'!$G$22=$B$17,14,0)+IF('Standard Profiles'!$G$22=$B$24,21,0),MOD($C811,24)+1)/SUM(INDEX($D$3:$AA$30,INDEX(Jesper!$R$2:$R$366,ROW(INDEX(Jesper!AL$2:AL$366,ROUNDDOWN($C811/24,0)+1,1))-1)+IF('Standard Profiles'!$G$22=$B$10,7,0)+IF('Standard Profiles'!$G$22=$B$17,14,0)+IF('Standard Profiles'!$G$22=$B$24,21,0),0)),0)</f>
        <v>0</v>
      </c>
      <c r="I811">
        <f t="shared" si="104"/>
        <v>0.43854955694245529</v>
      </c>
      <c r="J811">
        <f t="shared" si="105"/>
        <v>1.4618318564748511</v>
      </c>
      <c r="K811">
        <f t="shared" si="106"/>
        <v>2.1927477847122763</v>
      </c>
      <c r="L811">
        <f t="shared" si="107"/>
        <v>10.525189366618926</v>
      </c>
      <c r="M811">
        <f t="shared" si="108"/>
        <v>0</v>
      </c>
      <c r="N811" s="46">
        <f t="shared" si="109"/>
        <v>45324.374999998116</v>
      </c>
    </row>
    <row r="812" spans="2:14" x14ac:dyDescent="0.3">
      <c r="B812">
        <f t="shared" si="103"/>
        <v>5</v>
      </c>
      <c r="C812" s="16">
        <v>778</v>
      </c>
      <c r="D812" cm="1">
        <f t="array" ref="D812">IFERROR(INDEX(Jesper!AH$2:AH$366,ROUNDDOWN($C812/24,0)+1,1)*INDEX($D$3:$AA$30,INDEX(Jesper!$R$2:$R$366,ROW(INDEX(Jesper!AH$2:AH$366,ROUNDDOWN($C812/24,0)+1,1))-1)+IF('Standard Profiles'!$G$18=$B$10,7,0)+IF('Standard Profiles'!$G$18=$B$17,14,0)+IF('Standard Profiles'!$G$18=$B$24,21,0),MOD($C812,24)+1)/SUM(INDEX($D$3:$AA$30,INDEX(Jesper!$R$2:$R$366,ROW(INDEX(Jesper!AH$2:AH$366,ROUNDDOWN($C812/24,0)+1,1))-1)+IF('Standard Profiles'!$G$18=$B$10,7,0)+IF('Standard Profiles'!$G$18=$B$17,14,0)+IF('Standard Profiles'!$G$18=$B$24,21,0),0)),0)</f>
        <v>15.203051307338448</v>
      </c>
      <c r="E812" cm="1">
        <f t="array" ref="E812">IFERROR(INDEX(Jesper!AI$2:AI$366,ROUNDDOWN($C812/24,0)+1,1)*INDEX($D$3:$AA$30,INDEX(Jesper!$R$2:$R$366,ROW(INDEX(Jesper!AI$2:AI$366,ROUNDDOWN($C812/24,0)+1,1))-1)+IF('Standard Profiles'!$G$19=$B$10,7,0)+IF('Standard Profiles'!$G$19=$B$17,14,0)+IF('Standard Profiles'!$G$19=$B$24,21,0),MOD($C812,24)+1)/SUM(INDEX($D$3:$AA$30,INDEX(Jesper!$R$2:$R$366,ROW(INDEX(Jesper!AI$2:AI$366,ROUNDDOWN($C812/24,0)+1,1))-1)+IF('Standard Profiles'!$G$19=$B$10,7,0)+IF('Standard Profiles'!$G$19=$B$17,14,0)+IF('Standard Profiles'!$G$19=$B$24,21,0),0)),0)</f>
        <v>0</v>
      </c>
      <c r="F812" cm="1">
        <f t="array" ref="F812">IFERROR(INDEX(Jesper!AJ$2:AJ$366,ROUNDDOWN($C812/24,0)+1,1)*INDEX($D$3:$AA$30,INDEX(Jesper!$R$2:$R$366,ROW(INDEX(Jesper!AJ$2:AJ$366,ROUNDDOWN($C812/24,0)+1,1))-1)+IF('Standard Profiles'!$G$20=$B$10,7,0)+IF('Standard Profiles'!$G$20=$B$17,14,0)+IF('Standard Profiles'!$G$20=$B$24,21,0),MOD($C812,24)+1)/SUM(INDEX($D$3:$AA$30,INDEX(Jesper!$R$2:$R$366,ROW(INDEX(Jesper!AJ$2:AJ$366,ROUNDDOWN($C812/24,0)+1,1))-1)+IF('Standard Profiles'!$G$20=$B$10,7,0)+IF('Standard Profiles'!$G$20=$B$17,14,0)+IF('Standard Profiles'!$G$20=$B$24,21,0),0)),0)</f>
        <v>0</v>
      </c>
      <c r="G812" cm="1">
        <f t="array" ref="G812">IFERROR(INDEX(Jesper!AK$2:AK$366,ROUNDDOWN($C812/24,0)+1,1)*INDEX($D$3:$AA$30,INDEX(Jesper!$R$2:$R$366,ROW(INDEX(Jesper!AK$2:AK$366,ROUNDDOWN($C812/24,0)+1,1))-1)+IF('Standard Profiles'!$G$21=$B$10,7,0)+IF('Standard Profiles'!$G$21=$B$17,14,0)+IF('Standard Profiles'!$G$21=$B$24,21,0),MOD($C812,24)+1)/SUM(INDEX($D$3:$AA$30,INDEX(Jesper!$R$2:$R$366,ROW(INDEX(Jesper!AK$2:AK$366,ROUNDDOWN($C812/24,0)+1,1))-1)+IF('Standard Profiles'!$G$21=$B$10,7,0)+IF('Standard Profiles'!$G$21=$B$17,14,0)+IF('Standard Profiles'!$G$21=$B$24,21,0),0)),0)</f>
        <v>0</v>
      </c>
      <c r="H812" cm="1">
        <f t="array" ref="H812">IFERROR(INDEX(Jesper!AL$2:AL$366,ROUNDDOWN($C812/24,0)+1,1)*INDEX($D$3:$AA$30,INDEX(Jesper!$R$2:$R$366,ROW(INDEX(Jesper!AL$2:AL$366,ROUNDDOWN($C812/24,0)+1,1))-1)+IF('Standard Profiles'!$G$22=$B$10,7,0)+IF('Standard Profiles'!$G$22=$B$17,14,0)+IF('Standard Profiles'!$G$22=$B$24,21,0),MOD($C812,24)+1)/SUM(INDEX($D$3:$AA$30,INDEX(Jesper!$R$2:$R$366,ROW(INDEX(Jesper!AL$2:AL$366,ROUNDDOWN($C812/24,0)+1,1))-1)+IF('Standard Profiles'!$G$22=$B$10,7,0)+IF('Standard Profiles'!$G$22=$B$17,14,0)+IF('Standard Profiles'!$G$22=$B$24,21,0),0)),0)</f>
        <v>0</v>
      </c>
      <c r="I812">
        <f t="shared" si="104"/>
        <v>0.45609153922015344</v>
      </c>
      <c r="J812">
        <f t="shared" si="105"/>
        <v>1.5203051307338449</v>
      </c>
      <c r="K812">
        <f t="shared" si="106"/>
        <v>2.280457696100767</v>
      </c>
      <c r="L812">
        <f t="shared" si="107"/>
        <v>10.946196941283683</v>
      </c>
      <c r="M812">
        <f t="shared" si="108"/>
        <v>0</v>
      </c>
      <c r="N812" s="46">
        <f t="shared" si="109"/>
        <v>45324.41666666478</v>
      </c>
    </row>
    <row r="813" spans="2:14" x14ac:dyDescent="0.3">
      <c r="B813">
        <f t="shared" si="103"/>
        <v>5</v>
      </c>
      <c r="C813" s="16">
        <v>779</v>
      </c>
      <c r="D813" cm="1">
        <f t="array" ref="D813">IFERROR(INDEX(Jesper!AH$2:AH$366,ROUNDDOWN($C813/24,0)+1,1)*INDEX($D$3:$AA$30,INDEX(Jesper!$R$2:$R$366,ROW(INDEX(Jesper!AH$2:AH$366,ROUNDDOWN($C813/24,0)+1,1))-1)+IF('Standard Profiles'!$G$18=$B$10,7,0)+IF('Standard Profiles'!$G$18=$B$17,14,0)+IF('Standard Profiles'!$G$18=$B$24,21,0),MOD($C813,24)+1)/SUM(INDEX($D$3:$AA$30,INDEX(Jesper!$R$2:$R$366,ROW(INDEX(Jesper!AH$2:AH$366,ROUNDDOWN($C813/24,0)+1,1))-1)+IF('Standard Profiles'!$G$18=$B$10,7,0)+IF('Standard Profiles'!$G$18=$B$17,14,0)+IF('Standard Profiles'!$G$18=$B$24,21,0),0)),0)</f>
        <v>17.541982277698207</v>
      </c>
      <c r="E813" cm="1">
        <f t="array" ref="E813">IFERROR(INDEX(Jesper!AI$2:AI$366,ROUNDDOWN($C813/24,0)+1,1)*INDEX($D$3:$AA$30,INDEX(Jesper!$R$2:$R$366,ROW(INDEX(Jesper!AI$2:AI$366,ROUNDDOWN($C813/24,0)+1,1))-1)+IF('Standard Profiles'!$G$19=$B$10,7,0)+IF('Standard Profiles'!$G$19=$B$17,14,0)+IF('Standard Profiles'!$G$19=$B$24,21,0),MOD($C813,24)+1)/SUM(INDEX($D$3:$AA$30,INDEX(Jesper!$R$2:$R$366,ROW(INDEX(Jesper!AI$2:AI$366,ROUNDDOWN($C813/24,0)+1,1))-1)+IF('Standard Profiles'!$G$19=$B$10,7,0)+IF('Standard Profiles'!$G$19=$B$17,14,0)+IF('Standard Profiles'!$G$19=$B$24,21,0),0)),0)</f>
        <v>0</v>
      </c>
      <c r="F813" cm="1">
        <f t="array" ref="F813">IFERROR(INDEX(Jesper!AJ$2:AJ$366,ROUNDDOWN($C813/24,0)+1,1)*INDEX($D$3:$AA$30,INDEX(Jesper!$R$2:$R$366,ROW(INDEX(Jesper!AJ$2:AJ$366,ROUNDDOWN($C813/24,0)+1,1))-1)+IF('Standard Profiles'!$G$20=$B$10,7,0)+IF('Standard Profiles'!$G$20=$B$17,14,0)+IF('Standard Profiles'!$G$20=$B$24,21,0),MOD($C813,24)+1)/SUM(INDEX($D$3:$AA$30,INDEX(Jesper!$R$2:$R$366,ROW(INDEX(Jesper!AJ$2:AJ$366,ROUNDDOWN($C813/24,0)+1,1))-1)+IF('Standard Profiles'!$G$20=$B$10,7,0)+IF('Standard Profiles'!$G$20=$B$17,14,0)+IF('Standard Profiles'!$G$20=$B$24,21,0),0)),0)</f>
        <v>0</v>
      </c>
      <c r="G813" cm="1">
        <f t="array" ref="G813">IFERROR(INDEX(Jesper!AK$2:AK$366,ROUNDDOWN($C813/24,0)+1,1)*INDEX($D$3:$AA$30,INDEX(Jesper!$R$2:$R$366,ROW(INDEX(Jesper!AK$2:AK$366,ROUNDDOWN($C813/24,0)+1,1))-1)+IF('Standard Profiles'!$G$21=$B$10,7,0)+IF('Standard Profiles'!$G$21=$B$17,14,0)+IF('Standard Profiles'!$G$21=$B$24,21,0),MOD($C813,24)+1)/SUM(INDEX($D$3:$AA$30,INDEX(Jesper!$R$2:$R$366,ROW(INDEX(Jesper!AK$2:AK$366,ROUNDDOWN($C813/24,0)+1,1))-1)+IF('Standard Profiles'!$G$21=$B$10,7,0)+IF('Standard Profiles'!$G$21=$B$17,14,0)+IF('Standard Profiles'!$G$21=$B$24,21,0),0)),0)</f>
        <v>0</v>
      </c>
      <c r="H813" cm="1">
        <f t="array" ref="H813">IFERROR(INDEX(Jesper!AL$2:AL$366,ROUNDDOWN($C813/24,0)+1,1)*INDEX($D$3:$AA$30,INDEX(Jesper!$R$2:$R$366,ROW(INDEX(Jesper!AL$2:AL$366,ROUNDDOWN($C813/24,0)+1,1))-1)+IF('Standard Profiles'!$G$22=$B$10,7,0)+IF('Standard Profiles'!$G$22=$B$17,14,0)+IF('Standard Profiles'!$G$22=$B$24,21,0),MOD($C813,24)+1)/SUM(INDEX($D$3:$AA$30,INDEX(Jesper!$R$2:$R$366,ROW(INDEX(Jesper!AL$2:AL$366,ROUNDDOWN($C813/24,0)+1,1))-1)+IF('Standard Profiles'!$G$22=$B$10,7,0)+IF('Standard Profiles'!$G$22=$B$17,14,0)+IF('Standard Profiles'!$G$22=$B$24,21,0),0)),0)</f>
        <v>0</v>
      </c>
      <c r="I813">
        <f t="shared" si="104"/>
        <v>0.52625946833094617</v>
      </c>
      <c r="J813">
        <f t="shared" si="105"/>
        <v>1.7541982277698207</v>
      </c>
      <c r="K813">
        <f t="shared" si="106"/>
        <v>2.6312973416547307</v>
      </c>
      <c r="L813">
        <f t="shared" si="107"/>
        <v>12.630227239942709</v>
      </c>
      <c r="M813">
        <f t="shared" si="108"/>
        <v>0</v>
      </c>
      <c r="N813" s="46">
        <f t="shared" si="109"/>
        <v>45324.458333331444</v>
      </c>
    </row>
    <row r="814" spans="2:14" x14ac:dyDescent="0.3">
      <c r="B814">
        <f t="shared" si="103"/>
        <v>5</v>
      </c>
      <c r="C814" s="16">
        <v>780</v>
      </c>
      <c r="D814" cm="1">
        <f t="array" ref="D814">IFERROR(INDEX(Jesper!AH$2:AH$366,ROUNDDOWN($C814/24,0)+1,1)*INDEX($D$3:$AA$30,INDEX(Jesper!$R$2:$R$366,ROW(INDEX(Jesper!AH$2:AH$366,ROUNDDOWN($C814/24,0)+1,1))-1)+IF('Standard Profiles'!$G$18=$B$10,7,0)+IF('Standard Profiles'!$G$18=$B$17,14,0)+IF('Standard Profiles'!$G$18=$B$24,21,0),MOD($C814,24)+1)/SUM(INDEX($D$3:$AA$30,INDEX(Jesper!$R$2:$R$366,ROW(INDEX(Jesper!AH$2:AH$366,ROUNDDOWN($C814/24,0)+1,1))-1)+IF('Standard Profiles'!$G$18=$B$10,7,0)+IF('Standard Profiles'!$G$18=$B$17,14,0)+IF('Standard Profiles'!$G$18=$B$24,21,0),0)),0)</f>
        <v>17.541982277698207</v>
      </c>
      <c r="E814" cm="1">
        <f t="array" ref="E814">IFERROR(INDEX(Jesper!AI$2:AI$366,ROUNDDOWN($C814/24,0)+1,1)*INDEX($D$3:$AA$30,INDEX(Jesper!$R$2:$R$366,ROW(INDEX(Jesper!AI$2:AI$366,ROUNDDOWN($C814/24,0)+1,1))-1)+IF('Standard Profiles'!$G$19=$B$10,7,0)+IF('Standard Profiles'!$G$19=$B$17,14,0)+IF('Standard Profiles'!$G$19=$B$24,21,0),MOD($C814,24)+1)/SUM(INDEX($D$3:$AA$30,INDEX(Jesper!$R$2:$R$366,ROW(INDEX(Jesper!AI$2:AI$366,ROUNDDOWN($C814/24,0)+1,1))-1)+IF('Standard Profiles'!$G$19=$B$10,7,0)+IF('Standard Profiles'!$G$19=$B$17,14,0)+IF('Standard Profiles'!$G$19=$B$24,21,0),0)),0)</f>
        <v>0</v>
      </c>
      <c r="F814" cm="1">
        <f t="array" ref="F814">IFERROR(INDEX(Jesper!AJ$2:AJ$366,ROUNDDOWN($C814/24,0)+1,1)*INDEX($D$3:$AA$30,INDEX(Jesper!$R$2:$R$366,ROW(INDEX(Jesper!AJ$2:AJ$366,ROUNDDOWN($C814/24,0)+1,1))-1)+IF('Standard Profiles'!$G$20=$B$10,7,0)+IF('Standard Profiles'!$G$20=$B$17,14,0)+IF('Standard Profiles'!$G$20=$B$24,21,0),MOD($C814,24)+1)/SUM(INDEX($D$3:$AA$30,INDEX(Jesper!$R$2:$R$366,ROW(INDEX(Jesper!AJ$2:AJ$366,ROUNDDOWN($C814/24,0)+1,1))-1)+IF('Standard Profiles'!$G$20=$B$10,7,0)+IF('Standard Profiles'!$G$20=$B$17,14,0)+IF('Standard Profiles'!$G$20=$B$24,21,0),0)),0)</f>
        <v>0</v>
      </c>
      <c r="G814" cm="1">
        <f t="array" ref="G814">IFERROR(INDEX(Jesper!AK$2:AK$366,ROUNDDOWN($C814/24,0)+1,1)*INDEX($D$3:$AA$30,INDEX(Jesper!$R$2:$R$366,ROW(INDEX(Jesper!AK$2:AK$366,ROUNDDOWN($C814/24,0)+1,1))-1)+IF('Standard Profiles'!$G$21=$B$10,7,0)+IF('Standard Profiles'!$G$21=$B$17,14,0)+IF('Standard Profiles'!$G$21=$B$24,21,0),MOD($C814,24)+1)/SUM(INDEX($D$3:$AA$30,INDEX(Jesper!$R$2:$R$366,ROW(INDEX(Jesper!AK$2:AK$366,ROUNDDOWN($C814/24,0)+1,1))-1)+IF('Standard Profiles'!$G$21=$B$10,7,0)+IF('Standard Profiles'!$G$21=$B$17,14,0)+IF('Standard Profiles'!$G$21=$B$24,21,0),0)),0)</f>
        <v>0</v>
      </c>
      <c r="H814" cm="1">
        <f t="array" ref="H814">IFERROR(INDEX(Jesper!AL$2:AL$366,ROUNDDOWN($C814/24,0)+1,1)*INDEX($D$3:$AA$30,INDEX(Jesper!$R$2:$R$366,ROW(INDEX(Jesper!AL$2:AL$366,ROUNDDOWN($C814/24,0)+1,1))-1)+IF('Standard Profiles'!$G$22=$B$10,7,0)+IF('Standard Profiles'!$G$22=$B$17,14,0)+IF('Standard Profiles'!$G$22=$B$24,21,0),MOD($C814,24)+1)/SUM(INDEX($D$3:$AA$30,INDEX(Jesper!$R$2:$R$366,ROW(INDEX(Jesper!AL$2:AL$366,ROUNDDOWN($C814/24,0)+1,1))-1)+IF('Standard Profiles'!$G$22=$B$10,7,0)+IF('Standard Profiles'!$G$22=$B$17,14,0)+IF('Standard Profiles'!$G$22=$B$24,21,0),0)),0)</f>
        <v>0</v>
      </c>
      <c r="I814">
        <f t="shared" si="104"/>
        <v>0.52625946833094617</v>
      </c>
      <c r="J814">
        <f t="shared" si="105"/>
        <v>1.7541982277698207</v>
      </c>
      <c r="K814">
        <f t="shared" si="106"/>
        <v>2.6312973416547307</v>
      </c>
      <c r="L814">
        <f t="shared" si="107"/>
        <v>12.630227239942709</v>
      </c>
      <c r="M814">
        <f t="shared" si="108"/>
        <v>0</v>
      </c>
      <c r="N814" s="46">
        <f t="shared" si="109"/>
        <v>45324.499999998108</v>
      </c>
    </row>
    <row r="815" spans="2:14" x14ac:dyDescent="0.3">
      <c r="B815">
        <f t="shared" si="103"/>
        <v>5</v>
      </c>
      <c r="C815" s="16">
        <v>781</v>
      </c>
      <c r="D815" cm="1">
        <f t="array" ref="D815">IFERROR(INDEX(Jesper!AH$2:AH$366,ROUNDDOWN($C815/24,0)+1,1)*INDEX($D$3:$AA$30,INDEX(Jesper!$R$2:$R$366,ROW(INDEX(Jesper!AH$2:AH$366,ROUNDDOWN($C815/24,0)+1,1))-1)+IF('Standard Profiles'!$G$18=$B$10,7,0)+IF('Standard Profiles'!$G$18=$B$17,14,0)+IF('Standard Profiles'!$G$18=$B$24,21,0),MOD($C815,24)+1)/SUM(INDEX($D$3:$AA$30,INDEX(Jesper!$R$2:$R$366,ROW(INDEX(Jesper!AH$2:AH$366,ROUNDDOWN($C815/24,0)+1,1))-1)+IF('Standard Profiles'!$G$18=$B$10,7,0)+IF('Standard Profiles'!$G$18=$B$17,14,0)+IF('Standard Profiles'!$G$18=$B$24,21,0),0)),0)</f>
        <v>17.541982277698207</v>
      </c>
      <c r="E815" cm="1">
        <f t="array" ref="E815">IFERROR(INDEX(Jesper!AI$2:AI$366,ROUNDDOWN($C815/24,0)+1,1)*INDEX($D$3:$AA$30,INDEX(Jesper!$R$2:$R$366,ROW(INDEX(Jesper!AI$2:AI$366,ROUNDDOWN($C815/24,0)+1,1))-1)+IF('Standard Profiles'!$G$19=$B$10,7,0)+IF('Standard Profiles'!$G$19=$B$17,14,0)+IF('Standard Profiles'!$G$19=$B$24,21,0),MOD($C815,24)+1)/SUM(INDEX($D$3:$AA$30,INDEX(Jesper!$R$2:$R$366,ROW(INDEX(Jesper!AI$2:AI$366,ROUNDDOWN($C815/24,0)+1,1))-1)+IF('Standard Profiles'!$G$19=$B$10,7,0)+IF('Standard Profiles'!$G$19=$B$17,14,0)+IF('Standard Profiles'!$G$19=$B$24,21,0),0)),0)</f>
        <v>0</v>
      </c>
      <c r="F815" cm="1">
        <f t="array" ref="F815">IFERROR(INDEX(Jesper!AJ$2:AJ$366,ROUNDDOWN($C815/24,0)+1,1)*INDEX($D$3:$AA$30,INDEX(Jesper!$R$2:$R$366,ROW(INDEX(Jesper!AJ$2:AJ$366,ROUNDDOWN($C815/24,0)+1,1))-1)+IF('Standard Profiles'!$G$20=$B$10,7,0)+IF('Standard Profiles'!$G$20=$B$17,14,0)+IF('Standard Profiles'!$G$20=$B$24,21,0),MOD($C815,24)+1)/SUM(INDEX($D$3:$AA$30,INDEX(Jesper!$R$2:$R$366,ROW(INDEX(Jesper!AJ$2:AJ$366,ROUNDDOWN($C815/24,0)+1,1))-1)+IF('Standard Profiles'!$G$20=$B$10,7,0)+IF('Standard Profiles'!$G$20=$B$17,14,0)+IF('Standard Profiles'!$G$20=$B$24,21,0),0)),0)</f>
        <v>0</v>
      </c>
      <c r="G815" cm="1">
        <f t="array" ref="G815">IFERROR(INDEX(Jesper!AK$2:AK$366,ROUNDDOWN($C815/24,0)+1,1)*INDEX($D$3:$AA$30,INDEX(Jesper!$R$2:$R$366,ROW(INDEX(Jesper!AK$2:AK$366,ROUNDDOWN($C815/24,0)+1,1))-1)+IF('Standard Profiles'!$G$21=$B$10,7,0)+IF('Standard Profiles'!$G$21=$B$17,14,0)+IF('Standard Profiles'!$G$21=$B$24,21,0),MOD($C815,24)+1)/SUM(INDEX($D$3:$AA$30,INDEX(Jesper!$R$2:$R$366,ROW(INDEX(Jesper!AK$2:AK$366,ROUNDDOWN($C815/24,0)+1,1))-1)+IF('Standard Profiles'!$G$21=$B$10,7,0)+IF('Standard Profiles'!$G$21=$B$17,14,0)+IF('Standard Profiles'!$G$21=$B$24,21,0),0)),0)</f>
        <v>0</v>
      </c>
      <c r="H815" cm="1">
        <f t="array" ref="H815">IFERROR(INDEX(Jesper!AL$2:AL$366,ROUNDDOWN($C815/24,0)+1,1)*INDEX($D$3:$AA$30,INDEX(Jesper!$R$2:$R$366,ROW(INDEX(Jesper!AL$2:AL$366,ROUNDDOWN($C815/24,0)+1,1))-1)+IF('Standard Profiles'!$G$22=$B$10,7,0)+IF('Standard Profiles'!$G$22=$B$17,14,0)+IF('Standard Profiles'!$G$22=$B$24,21,0),MOD($C815,24)+1)/SUM(INDEX($D$3:$AA$30,INDEX(Jesper!$R$2:$R$366,ROW(INDEX(Jesper!AL$2:AL$366,ROUNDDOWN($C815/24,0)+1,1))-1)+IF('Standard Profiles'!$G$22=$B$10,7,0)+IF('Standard Profiles'!$G$22=$B$17,14,0)+IF('Standard Profiles'!$G$22=$B$24,21,0),0)),0)</f>
        <v>0</v>
      </c>
      <c r="I815">
        <f t="shared" si="104"/>
        <v>0.52625946833094617</v>
      </c>
      <c r="J815">
        <f t="shared" si="105"/>
        <v>1.7541982277698207</v>
      </c>
      <c r="K815">
        <f t="shared" si="106"/>
        <v>2.6312973416547307</v>
      </c>
      <c r="L815">
        <f t="shared" si="107"/>
        <v>12.630227239942709</v>
      </c>
      <c r="M815">
        <f t="shared" si="108"/>
        <v>0</v>
      </c>
      <c r="N815" s="46">
        <f t="shared" si="109"/>
        <v>45324.541666664772</v>
      </c>
    </row>
    <row r="816" spans="2:14" x14ac:dyDescent="0.3">
      <c r="B816">
        <f t="shared" si="103"/>
        <v>5</v>
      </c>
      <c r="C816" s="16">
        <v>782</v>
      </c>
      <c r="D816" cm="1">
        <f t="array" ref="D816">IFERROR(INDEX(Jesper!AH$2:AH$366,ROUNDDOWN($C816/24,0)+1,1)*INDEX($D$3:$AA$30,INDEX(Jesper!$R$2:$R$366,ROW(INDEX(Jesper!AH$2:AH$366,ROUNDDOWN($C816/24,0)+1,1))-1)+IF('Standard Profiles'!$G$18=$B$10,7,0)+IF('Standard Profiles'!$G$18=$B$17,14,0)+IF('Standard Profiles'!$G$18=$B$24,21,0),MOD($C816,24)+1)/SUM(INDEX($D$3:$AA$30,INDEX(Jesper!$R$2:$R$366,ROW(INDEX(Jesper!AH$2:AH$366,ROUNDDOWN($C816/24,0)+1,1))-1)+IF('Standard Profiles'!$G$18=$B$10,7,0)+IF('Standard Profiles'!$G$18=$B$17,14,0)+IF('Standard Profiles'!$G$18=$B$24,21,0),0)),0)</f>
        <v>17.541982277698207</v>
      </c>
      <c r="E816" cm="1">
        <f t="array" ref="E816">IFERROR(INDEX(Jesper!AI$2:AI$366,ROUNDDOWN($C816/24,0)+1,1)*INDEX($D$3:$AA$30,INDEX(Jesper!$R$2:$R$366,ROW(INDEX(Jesper!AI$2:AI$366,ROUNDDOWN($C816/24,0)+1,1))-1)+IF('Standard Profiles'!$G$19=$B$10,7,0)+IF('Standard Profiles'!$G$19=$B$17,14,0)+IF('Standard Profiles'!$G$19=$B$24,21,0),MOD($C816,24)+1)/SUM(INDEX($D$3:$AA$30,INDEX(Jesper!$R$2:$R$366,ROW(INDEX(Jesper!AI$2:AI$366,ROUNDDOWN($C816/24,0)+1,1))-1)+IF('Standard Profiles'!$G$19=$B$10,7,0)+IF('Standard Profiles'!$G$19=$B$17,14,0)+IF('Standard Profiles'!$G$19=$B$24,21,0),0)),0)</f>
        <v>0</v>
      </c>
      <c r="F816" cm="1">
        <f t="array" ref="F816">IFERROR(INDEX(Jesper!AJ$2:AJ$366,ROUNDDOWN($C816/24,0)+1,1)*INDEX($D$3:$AA$30,INDEX(Jesper!$R$2:$R$366,ROW(INDEX(Jesper!AJ$2:AJ$366,ROUNDDOWN($C816/24,0)+1,1))-1)+IF('Standard Profiles'!$G$20=$B$10,7,0)+IF('Standard Profiles'!$G$20=$B$17,14,0)+IF('Standard Profiles'!$G$20=$B$24,21,0),MOD($C816,24)+1)/SUM(INDEX($D$3:$AA$30,INDEX(Jesper!$R$2:$R$366,ROW(INDEX(Jesper!AJ$2:AJ$366,ROUNDDOWN($C816/24,0)+1,1))-1)+IF('Standard Profiles'!$G$20=$B$10,7,0)+IF('Standard Profiles'!$G$20=$B$17,14,0)+IF('Standard Profiles'!$G$20=$B$24,21,0),0)),0)</f>
        <v>0</v>
      </c>
      <c r="G816" cm="1">
        <f t="array" ref="G816">IFERROR(INDEX(Jesper!AK$2:AK$366,ROUNDDOWN($C816/24,0)+1,1)*INDEX($D$3:$AA$30,INDEX(Jesper!$R$2:$R$366,ROW(INDEX(Jesper!AK$2:AK$366,ROUNDDOWN($C816/24,0)+1,1))-1)+IF('Standard Profiles'!$G$21=$B$10,7,0)+IF('Standard Profiles'!$G$21=$B$17,14,0)+IF('Standard Profiles'!$G$21=$B$24,21,0),MOD($C816,24)+1)/SUM(INDEX($D$3:$AA$30,INDEX(Jesper!$R$2:$R$366,ROW(INDEX(Jesper!AK$2:AK$366,ROUNDDOWN($C816/24,0)+1,1))-1)+IF('Standard Profiles'!$G$21=$B$10,7,0)+IF('Standard Profiles'!$G$21=$B$17,14,0)+IF('Standard Profiles'!$G$21=$B$24,21,0),0)),0)</f>
        <v>0</v>
      </c>
      <c r="H816" cm="1">
        <f t="array" ref="H816">IFERROR(INDEX(Jesper!AL$2:AL$366,ROUNDDOWN($C816/24,0)+1,1)*INDEX($D$3:$AA$30,INDEX(Jesper!$R$2:$R$366,ROW(INDEX(Jesper!AL$2:AL$366,ROUNDDOWN($C816/24,0)+1,1))-1)+IF('Standard Profiles'!$G$22=$B$10,7,0)+IF('Standard Profiles'!$G$22=$B$17,14,0)+IF('Standard Profiles'!$G$22=$B$24,21,0),MOD($C816,24)+1)/SUM(INDEX($D$3:$AA$30,INDEX(Jesper!$R$2:$R$366,ROW(INDEX(Jesper!AL$2:AL$366,ROUNDDOWN($C816/24,0)+1,1))-1)+IF('Standard Profiles'!$G$22=$B$10,7,0)+IF('Standard Profiles'!$G$22=$B$17,14,0)+IF('Standard Profiles'!$G$22=$B$24,21,0),0)),0)</f>
        <v>0</v>
      </c>
      <c r="I816">
        <f t="shared" si="104"/>
        <v>0.52625946833094617</v>
      </c>
      <c r="J816">
        <f t="shared" si="105"/>
        <v>1.7541982277698207</v>
      </c>
      <c r="K816">
        <f t="shared" si="106"/>
        <v>2.6312973416547307</v>
      </c>
      <c r="L816">
        <f t="shared" si="107"/>
        <v>12.630227239942709</v>
      </c>
      <c r="M816">
        <f t="shared" si="108"/>
        <v>0</v>
      </c>
      <c r="N816" s="46">
        <f t="shared" si="109"/>
        <v>45324.583333331437</v>
      </c>
    </row>
    <row r="817" spans="2:14" x14ac:dyDescent="0.3">
      <c r="B817">
        <f t="shared" si="103"/>
        <v>5</v>
      </c>
      <c r="C817" s="16">
        <v>783</v>
      </c>
      <c r="D817" cm="1">
        <f t="array" ref="D817">IFERROR(INDEX(Jesper!AH$2:AH$366,ROUNDDOWN($C817/24,0)+1,1)*INDEX($D$3:$AA$30,INDEX(Jesper!$R$2:$R$366,ROW(INDEX(Jesper!AH$2:AH$366,ROUNDDOWN($C817/24,0)+1,1))-1)+IF('Standard Profiles'!$G$18=$B$10,7,0)+IF('Standard Profiles'!$G$18=$B$17,14,0)+IF('Standard Profiles'!$G$18=$B$24,21,0),MOD($C817,24)+1)/SUM(INDEX($D$3:$AA$30,INDEX(Jesper!$R$2:$R$366,ROW(INDEX(Jesper!AH$2:AH$366,ROUNDDOWN($C817/24,0)+1,1))-1)+IF('Standard Profiles'!$G$18=$B$10,7,0)+IF('Standard Profiles'!$G$18=$B$17,14,0)+IF('Standard Profiles'!$G$18=$B$24,21,0),0)),0)</f>
        <v>14.61831856474851</v>
      </c>
      <c r="E817" cm="1">
        <f t="array" ref="E817">IFERROR(INDEX(Jesper!AI$2:AI$366,ROUNDDOWN($C817/24,0)+1,1)*INDEX($D$3:$AA$30,INDEX(Jesper!$R$2:$R$366,ROW(INDEX(Jesper!AI$2:AI$366,ROUNDDOWN($C817/24,0)+1,1))-1)+IF('Standard Profiles'!$G$19=$B$10,7,0)+IF('Standard Profiles'!$G$19=$B$17,14,0)+IF('Standard Profiles'!$G$19=$B$24,21,0),MOD($C817,24)+1)/SUM(INDEX($D$3:$AA$30,INDEX(Jesper!$R$2:$R$366,ROW(INDEX(Jesper!AI$2:AI$366,ROUNDDOWN($C817/24,0)+1,1))-1)+IF('Standard Profiles'!$G$19=$B$10,7,0)+IF('Standard Profiles'!$G$19=$B$17,14,0)+IF('Standard Profiles'!$G$19=$B$24,21,0),0)),0)</f>
        <v>0</v>
      </c>
      <c r="F817" cm="1">
        <f t="array" ref="F817">IFERROR(INDEX(Jesper!AJ$2:AJ$366,ROUNDDOWN($C817/24,0)+1,1)*INDEX($D$3:$AA$30,INDEX(Jesper!$R$2:$R$366,ROW(INDEX(Jesper!AJ$2:AJ$366,ROUNDDOWN($C817/24,0)+1,1))-1)+IF('Standard Profiles'!$G$20=$B$10,7,0)+IF('Standard Profiles'!$G$20=$B$17,14,0)+IF('Standard Profiles'!$G$20=$B$24,21,0),MOD($C817,24)+1)/SUM(INDEX($D$3:$AA$30,INDEX(Jesper!$R$2:$R$366,ROW(INDEX(Jesper!AJ$2:AJ$366,ROUNDDOWN($C817/24,0)+1,1))-1)+IF('Standard Profiles'!$G$20=$B$10,7,0)+IF('Standard Profiles'!$G$20=$B$17,14,0)+IF('Standard Profiles'!$G$20=$B$24,21,0),0)),0)</f>
        <v>0</v>
      </c>
      <c r="G817" cm="1">
        <f t="array" ref="G817">IFERROR(INDEX(Jesper!AK$2:AK$366,ROUNDDOWN($C817/24,0)+1,1)*INDEX($D$3:$AA$30,INDEX(Jesper!$R$2:$R$366,ROW(INDEX(Jesper!AK$2:AK$366,ROUNDDOWN($C817/24,0)+1,1))-1)+IF('Standard Profiles'!$G$21=$B$10,7,0)+IF('Standard Profiles'!$G$21=$B$17,14,0)+IF('Standard Profiles'!$G$21=$B$24,21,0),MOD($C817,24)+1)/SUM(INDEX($D$3:$AA$30,INDEX(Jesper!$R$2:$R$366,ROW(INDEX(Jesper!AK$2:AK$366,ROUNDDOWN($C817/24,0)+1,1))-1)+IF('Standard Profiles'!$G$21=$B$10,7,0)+IF('Standard Profiles'!$G$21=$B$17,14,0)+IF('Standard Profiles'!$G$21=$B$24,21,0),0)),0)</f>
        <v>0</v>
      </c>
      <c r="H817" cm="1">
        <f t="array" ref="H817">IFERROR(INDEX(Jesper!AL$2:AL$366,ROUNDDOWN($C817/24,0)+1,1)*INDEX($D$3:$AA$30,INDEX(Jesper!$R$2:$R$366,ROW(INDEX(Jesper!AL$2:AL$366,ROUNDDOWN($C817/24,0)+1,1))-1)+IF('Standard Profiles'!$G$22=$B$10,7,0)+IF('Standard Profiles'!$G$22=$B$17,14,0)+IF('Standard Profiles'!$G$22=$B$24,21,0),MOD($C817,24)+1)/SUM(INDEX($D$3:$AA$30,INDEX(Jesper!$R$2:$R$366,ROW(INDEX(Jesper!AL$2:AL$366,ROUNDDOWN($C817/24,0)+1,1))-1)+IF('Standard Profiles'!$G$22=$B$10,7,0)+IF('Standard Profiles'!$G$22=$B$17,14,0)+IF('Standard Profiles'!$G$22=$B$24,21,0),0)),0)</f>
        <v>0</v>
      </c>
      <c r="I817">
        <f t="shared" si="104"/>
        <v>0.43854955694245529</v>
      </c>
      <c r="J817">
        <f t="shared" si="105"/>
        <v>1.4618318564748511</v>
      </c>
      <c r="K817">
        <f t="shared" si="106"/>
        <v>2.1927477847122763</v>
      </c>
      <c r="L817">
        <f t="shared" si="107"/>
        <v>10.525189366618926</v>
      </c>
      <c r="M817">
        <f t="shared" si="108"/>
        <v>0</v>
      </c>
      <c r="N817" s="46">
        <f t="shared" si="109"/>
        <v>45324.624999998101</v>
      </c>
    </row>
    <row r="818" spans="2:14" x14ac:dyDescent="0.3">
      <c r="B818">
        <f t="shared" si="103"/>
        <v>5</v>
      </c>
      <c r="C818" s="16">
        <v>784</v>
      </c>
      <c r="D818" cm="1">
        <f t="array" ref="D818">IFERROR(INDEX(Jesper!AH$2:AH$366,ROUNDDOWN($C818/24,0)+1,1)*INDEX($D$3:$AA$30,INDEX(Jesper!$R$2:$R$366,ROW(INDEX(Jesper!AH$2:AH$366,ROUNDDOWN($C818/24,0)+1,1))-1)+IF('Standard Profiles'!$G$18=$B$10,7,0)+IF('Standard Profiles'!$G$18=$B$17,14,0)+IF('Standard Profiles'!$G$18=$B$24,21,0),MOD($C818,24)+1)/SUM(INDEX($D$3:$AA$30,INDEX(Jesper!$R$2:$R$366,ROW(INDEX(Jesper!AH$2:AH$366,ROUNDDOWN($C818/24,0)+1,1))-1)+IF('Standard Profiles'!$G$18=$B$10,7,0)+IF('Standard Profiles'!$G$18=$B$17,14,0)+IF('Standard Profiles'!$G$18=$B$24,21,0),0)),0)</f>
        <v>13.838674907961922</v>
      </c>
      <c r="E818" cm="1">
        <f t="array" ref="E818">IFERROR(INDEX(Jesper!AI$2:AI$366,ROUNDDOWN($C818/24,0)+1,1)*INDEX($D$3:$AA$30,INDEX(Jesper!$R$2:$R$366,ROW(INDEX(Jesper!AI$2:AI$366,ROUNDDOWN($C818/24,0)+1,1))-1)+IF('Standard Profiles'!$G$19=$B$10,7,0)+IF('Standard Profiles'!$G$19=$B$17,14,0)+IF('Standard Profiles'!$G$19=$B$24,21,0),MOD($C818,24)+1)/SUM(INDEX($D$3:$AA$30,INDEX(Jesper!$R$2:$R$366,ROW(INDEX(Jesper!AI$2:AI$366,ROUNDDOWN($C818/24,0)+1,1))-1)+IF('Standard Profiles'!$G$19=$B$10,7,0)+IF('Standard Profiles'!$G$19=$B$17,14,0)+IF('Standard Profiles'!$G$19=$B$24,21,0),0)),0)</f>
        <v>0</v>
      </c>
      <c r="F818" cm="1">
        <f t="array" ref="F818">IFERROR(INDEX(Jesper!AJ$2:AJ$366,ROUNDDOWN($C818/24,0)+1,1)*INDEX($D$3:$AA$30,INDEX(Jesper!$R$2:$R$366,ROW(INDEX(Jesper!AJ$2:AJ$366,ROUNDDOWN($C818/24,0)+1,1))-1)+IF('Standard Profiles'!$G$20=$B$10,7,0)+IF('Standard Profiles'!$G$20=$B$17,14,0)+IF('Standard Profiles'!$G$20=$B$24,21,0),MOD($C818,24)+1)/SUM(INDEX($D$3:$AA$30,INDEX(Jesper!$R$2:$R$366,ROW(INDEX(Jesper!AJ$2:AJ$366,ROUNDDOWN($C818/24,0)+1,1))-1)+IF('Standard Profiles'!$G$20=$B$10,7,0)+IF('Standard Profiles'!$G$20=$B$17,14,0)+IF('Standard Profiles'!$G$20=$B$24,21,0),0)),0)</f>
        <v>0</v>
      </c>
      <c r="G818" cm="1">
        <f t="array" ref="G818">IFERROR(INDEX(Jesper!AK$2:AK$366,ROUNDDOWN($C818/24,0)+1,1)*INDEX($D$3:$AA$30,INDEX(Jesper!$R$2:$R$366,ROW(INDEX(Jesper!AK$2:AK$366,ROUNDDOWN($C818/24,0)+1,1))-1)+IF('Standard Profiles'!$G$21=$B$10,7,0)+IF('Standard Profiles'!$G$21=$B$17,14,0)+IF('Standard Profiles'!$G$21=$B$24,21,0),MOD($C818,24)+1)/SUM(INDEX($D$3:$AA$30,INDEX(Jesper!$R$2:$R$366,ROW(INDEX(Jesper!AK$2:AK$366,ROUNDDOWN($C818/24,0)+1,1))-1)+IF('Standard Profiles'!$G$21=$B$10,7,0)+IF('Standard Profiles'!$G$21=$B$17,14,0)+IF('Standard Profiles'!$G$21=$B$24,21,0),0)),0)</f>
        <v>0</v>
      </c>
      <c r="H818" cm="1">
        <f t="array" ref="H818">IFERROR(INDEX(Jesper!AL$2:AL$366,ROUNDDOWN($C818/24,0)+1,1)*INDEX($D$3:$AA$30,INDEX(Jesper!$R$2:$R$366,ROW(INDEX(Jesper!AL$2:AL$366,ROUNDDOWN($C818/24,0)+1,1))-1)+IF('Standard Profiles'!$G$22=$B$10,7,0)+IF('Standard Profiles'!$G$22=$B$17,14,0)+IF('Standard Profiles'!$G$22=$B$24,21,0),MOD($C818,24)+1)/SUM(INDEX($D$3:$AA$30,INDEX(Jesper!$R$2:$R$366,ROW(INDEX(Jesper!AL$2:AL$366,ROUNDDOWN($C818/24,0)+1,1))-1)+IF('Standard Profiles'!$G$22=$B$10,7,0)+IF('Standard Profiles'!$G$22=$B$17,14,0)+IF('Standard Profiles'!$G$22=$B$24,21,0),0)),0)</f>
        <v>0</v>
      </c>
      <c r="I818">
        <f t="shared" si="104"/>
        <v>0.41516024723885764</v>
      </c>
      <c r="J818">
        <f t="shared" si="105"/>
        <v>1.3838674907961923</v>
      </c>
      <c r="K818">
        <f t="shared" si="106"/>
        <v>2.0758012361942884</v>
      </c>
      <c r="L818">
        <f t="shared" si="107"/>
        <v>9.9638459337325838</v>
      </c>
      <c r="M818">
        <f t="shared" si="108"/>
        <v>0</v>
      </c>
      <c r="N818" s="46">
        <f t="shared" si="109"/>
        <v>45324.666666664765</v>
      </c>
    </row>
    <row r="819" spans="2:14" x14ac:dyDescent="0.3">
      <c r="B819">
        <f t="shared" si="103"/>
        <v>5</v>
      </c>
      <c r="C819" s="16">
        <v>785</v>
      </c>
      <c r="D819" cm="1">
        <f t="array" ref="D819">IFERROR(INDEX(Jesper!AH$2:AH$366,ROUNDDOWN($C819/24,0)+1,1)*INDEX($D$3:$AA$30,INDEX(Jesper!$R$2:$R$366,ROW(INDEX(Jesper!AH$2:AH$366,ROUNDDOWN($C819/24,0)+1,1))-1)+IF('Standard Profiles'!$G$18=$B$10,7,0)+IF('Standard Profiles'!$G$18=$B$17,14,0)+IF('Standard Profiles'!$G$18=$B$24,21,0),MOD($C819,24)+1)/SUM(INDEX($D$3:$AA$30,INDEX(Jesper!$R$2:$R$366,ROW(INDEX(Jesper!AH$2:AH$366,ROUNDDOWN($C819/24,0)+1,1))-1)+IF('Standard Profiles'!$G$18=$B$10,7,0)+IF('Standard Profiles'!$G$18=$B$17,14,0)+IF('Standard Profiles'!$G$18=$B$24,21,0),0)),0)</f>
        <v>13.838674907961922</v>
      </c>
      <c r="E819" cm="1">
        <f t="array" ref="E819">IFERROR(INDEX(Jesper!AI$2:AI$366,ROUNDDOWN($C819/24,0)+1,1)*INDEX($D$3:$AA$30,INDEX(Jesper!$R$2:$R$366,ROW(INDEX(Jesper!AI$2:AI$366,ROUNDDOWN($C819/24,0)+1,1))-1)+IF('Standard Profiles'!$G$19=$B$10,7,0)+IF('Standard Profiles'!$G$19=$B$17,14,0)+IF('Standard Profiles'!$G$19=$B$24,21,0),MOD($C819,24)+1)/SUM(INDEX($D$3:$AA$30,INDEX(Jesper!$R$2:$R$366,ROW(INDEX(Jesper!AI$2:AI$366,ROUNDDOWN($C819/24,0)+1,1))-1)+IF('Standard Profiles'!$G$19=$B$10,7,0)+IF('Standard Profiles'!$G$19=$B$17,14,0)+IF('Standard Profiles'!$G$19=$B$24,21,0),0)),0)</f>
        <v>0</v>
      </c>
      <c r="F819" cm="1">
        <f t="array" ref="F819">IFERROR(INDEX(Jesper!AJ$2:AJ$366,ROUNDDOWN($C819/24,0)+1,1)*INDEX($D$3:$AA$30,INDEX(Jesper!$R$2:$R$366,ROW(INDEX(Jesper!AJ$2:AJ$366,ROUNDDOWN($C819/24,0)+1,1))-1)+IF('Standard Profiles'!$G$20=$B$10,7,0)+IF('Standard Profiles'!$G$20=$B$17,14,0)+IF('Standard Profiles'!$G$20=$B$24,21,0),MOD($C819,24)+1)/SUM(INDEX($D$3:$AA$30,INDEX(Jesper!$R$2:$R$366,ROW(INDEX(Jesper!AJ$2:AJ$366,ROUNDDOWN($C819/24,0)+1,1))-1)+IF('Standard Profiles'!$G$20=$B$10,7,0)+IF('Standard Profiles'!$G$20=$B$17,14,0)+IF('Standard Profiles'!$G$20=$B$24,21,0),0)),0)</f>
        <v>0</v>
      </c>
      <c r="G819" cm="1">
        <f t="array" ref="G819">IFERROR(INDEX(Jesper!AK$2:AK$366,ROUNDDOWN($C819/24,0)+1,1)*INDEX($D$3:$AA$30,INDEX(Jesper!$R$2:$R$366,ROW(INDEX(Jesper!AK$2:AK$366,ROUNDDOWN($C819/24,0)+1,1))-1)+IF('Standard Profiles'!$G$21=$B$10,7,0)+IF('Standard Profiles'!$G$21=$B$17,14,0)+IF('Standard Profiles'!$G$21=$B$24,21,0),MOD($C819,24)+1)/SUM(INDEX($D$3:$AA$30,INDEX(Jesper!$R$2:$R$366,ROW(INDEX(Jesper!AK$2:AK$366,ROUNDDOWN($C819/24,0)+1,1))-1)+IF('Standard Profiles'!$G$21=$B$10,7,0)+IF('Standard Profiles'!$G$21=$B$17,14,0)+IF('Standard Profiles'!$G$21=$B$24,21,0),0)),0)</f>
        <v>0</v>
      </c>
      <c r="H819" cm="1">
        <f t="array" ref="H819">IFERROR(INDEX(Jesper!AL$2:AL$366,ROUNDDOWN($C819/24,0)+1,1)*INDEX($D$3:$AA$30,INDEX(Jesper!$R$2:$R$366,ROW(INDEX(Jesper!AL$2:AL$366,ROUNDDOWN($C819/24,0)+1,1))-1)+IF('Standard Profiles'!$G$22=$B$10,7,0)+IF('Standard Profiles'!$G$22=$B$17,14,0)+IF('Standard Profiles'!$G$22=$B$24,21,0),MOD($C819,24)+1)/SUM(INDEX($D$3:$AA$30,INDEX(Jesper!$R$2:$R$366,ROW(INDEX(Jesper!AL$2:AL$366,ROUNDDOWN($C819/24,0)+1,1))-1)+IF('Standard Profiles'!$G$22=$B$10,7,0)+IF('Standard Profiles'!$G$22=$B$17,14,0)+IF('Standard Profiles'!$G$22=$B$24,21,0),0)),0)</f>
        <v>0</v>
      </c>
      <c r="I819">
        <f t="shared" si="104"/>
        <v>0.41516024723885764</v>
      </c>
      <c r="J819">
        <f t="shared" si="105"/>
        <v>1.3838674907961923</v>
      </c>
      <c r="K819">
        <f t="shared" si="106"/>
        <v>2.0758012361942884</v>
      </c>
      <c r="L819">
        <f t="shared" si="107"/>
        <v>9.9638459337325838</v>
      </c>
      <c r="M819">
        <f t="shared" si="108"/>
        <v>0</v>
      </c>
      <c r="N819" s="46">
        <f t="shared" si="109"/>
        <v>45324.708333331429</v>
      </c>
    </row>
    <row r="820" spans="2:14" x14ac:dyDescent="0.3">
      <c r="B820">
        <f t="shared" si="103"/>
        <v>5</v>
      </c>
      <c r="C820" s="16">
        <v>786</v>
      </c>
      <c r="D820" cm="1">
        <f t="array" ref="D820">IFERROR(INDEX(Jesper!AH$2:AH$366,ROUNDDOWN($C820/24,0)+1,1)*INDEX($D$3:$AA$30,INDEX(Jesper!$R$2:$R$366,ROW(INDEX(Jesper!AH$2:AH$366,ROUNDDOWN($C820/24,0)+1,1))-1)+IF('Standard Profiles'!$G$18=$B$10,7,0)+IF('Standard Profiles'!$G$18=$B$17,14,0)+IF('Standard Profiles'!$G$18=$B$24,21,0),MOD($C820,24)+1)/SUM(INDEX($D$3:$AA$30,INDEX(Jesper!$R$2:$R$366,ROW(INDEX(Jesper!AH$2:AH$366,ROUNDDOWN($C820/24,0)+1,1))-1)+IF('Standard Profiles'!$G$18=$B$10,7,0)+IF('Standard Profiles'!$G$18=$B$17,14,0)+IF('Standard Profiles'!$G$18=$B$24,21,0),0)),0)</f>
        <v>13.838674907961922</v>
      </c>
      <c r="E820" cm="1">
        <f t="array" ref="E820">IFERROR(INDEX(Jesper!AI$2:AI$366,ROUNDDOWN($C820/24,0)+1,1)*INDEX($D$3:$AA$30,INDEX(Jesper!$R$2:$R$366,ROW(INDEX(Jesper!AI$2:AI$366,ROUNDDOWN($C820/24,0)+1,1))-1)+IF('Standard Profiles'!$G$19=$B$10,7,0)+IF('Standard Profiles'!$G$19=$B$17,14,0)+IF('Standard Profiles'!$G$19=$B$24,21,0),MOD($C820,24)+1)/SUM(INDEX($D$3:$AA$30,INDEX(Jesper!$R$2:$R$366,ROW(INDEX(Jesper!AI$2:AI$366,ROUNDDOWN($C820/24,0)+1,1))-1)+IF('Standard Profiles'!$G$19=$B$10,7,0)+IF('Standard Profiles'!$G$19=$B$17,14,0)+IF('Standard Profiles'!$G$19=$B$24,21,0),0)),0)</f>
        <v>0</v>
      </c>
      <c r="F820" cm="1">
        <f t="array" ref="F820">IFERROR(INDEX(Jesper!AJ$2:AJ$366,ROUNDDOWN($C820/24,0)+1,1)*INDEX($D$3:$AA$30,INDEX(Jesper!$R$2:$R$366,ROW(INDEX(Jesper!AJ$2:AJ$366,ROUNDDOWN($C820/24,0)+1,1))-1)+IF('Standard Profiles'!$G$20=$B$10,7,0)+IF('Standard Profiles'!$G$20=$B$17,14,0)+IF('Standard Profiles'!$G$20=$B$24,21,0),MOD($C820,24)+1)/SUM(INDEX($D$3:$AA$30,INDEX(Jesper!$R$2:$R$366,ROW(INDEX(Jesper!AJ$2:AJ$366,ROUNDDOWN($C820/24,0)+1,1))-1)+IF('Standard Profiles'!$G$20=$B$10,7,0)+IF('Standard Profiles'!$G$20=$B$17,14,0)+IF('Standard Profiles'!$G$20=$B$24,21,0),0)),0)</f>
        <v>0</v>
      </c>
      <c r="G820" cm="1">
        <f t="array" ref="G820">IFERROR(INDEX(Jesper!AK$2:AK$366,ROUNDDOWN($C820/24,0)+1,1)*INDEX($D$3:$AA$30,INDEX(Jesper!$R$2:$R$366,ROW(INDEX(Jesper!AK$2:AK$366,ROUNDDOWN($C820/24,0)+1,1))-1)+IF('Standard Profiles'!$G$21=$B$10,7,0)+IF('Standard Profiles'!$G$21=$B$17,14,0)+IF('Standard Profiles'!$G$21=$B$24,21,0),MOD($C820,24)+1)/SUM(INDEX($D$3:$AA$30,INDEX(Jesper!$R$2:$R$366,ROW(INDEX(Jesper!AK$2:AK$366,ROUNDDOWN($C820/24,0)+1,1))-1)+IF('Standard Profiles'!$G$21=$B$10,7,0)+IF('Standard Profiles'!$G$21=$B$17,14,0)+IF('Standard Profiles'!$G$21=$B$24,21,0),0)),0)</f>
        <v>0</v>
      </c>
      <c r="H820" cm="1">
        <f t="array" ref="H820">IFERROR(INDEX(Jesper!AL$2:AL$366,ROUNDDOWN($C820/24,0)+1,1)*INDEX($D$3:$AA$30,INDEX(Jesper!$R$2:$R$366,ROW(INDEX(Jesper!AL$2:AL$366,ROUNDDOWN($C820/24,0)+1,1))-1)+IF('Standard Profiles'!$G$22=$B$10,7,0)+IF('Standard Profiles'!$G$22=$B$17,14,0)+IF('Standard Profiles'!$G$22=$B$24,21,0),MOD($C820,24)+1)/SUM(INDEX($D$3:$AA$30,INDEX(Jesper!$R$2:$R$366,ROW(INDEX(Jesper!AL$2:AL$366,ROUNDDOWN($C820/24,0)+1,1))-1)+IF('Standard Profiles'!$G$22=$B$10,7,0)+IF('Standard Profiles'!$G$22=$B$17,14,0)+IF('Standard Profiles'!$G$22=$B$24,21,0),0)),0)</f>
        <v>0</v>
      </c>
      <c r="I820">
        <f t="shared" si="104"/>
        <v>0.41516024723885764</v>
      </c>
      <c r="J820">
        <f t="shared" si="105"/>
        <v>1.3838674907961923</v>
      </c>
      <c r="K820">
        <f t="shared" si="106"/>
        <v>2.0758012361942884</v>
      </c>
      <c r="L820">
        <f t="shared" si="107"/>
        <v>9.9638459337325838</v>
      </c>
      <c r="M820">
        <f t="shared" si="108"/>
        <v>0</v>
      </c>
      <c r="N820" s="46">
        <f t="shared" si="109"/>
        <v>45324.749999998094</v>
      </c>
    </row>
    <row r="821" spans="2:14" x14ac:dyDescent="0.3">
      <c r="B821">
        <f t="shared" si="103"/>
        <v>5</v>
      </c>
      <c r="C821" s="16">
        <v>787</v>
      </c>
      <c r="D821" cm="1">
        <f t="array" ref="D821">IFERROR(INDEX(Jesper!AH$2:AH$366,ROUNDDOWN($C821/24,0)+1,1)*INDEX($D$3:$AA$30,INDEX(Jesper!$R$2:$R$366,ROW(INDEX(Jesper!AH$2:AH$366,ROUNDDOWN($C821/24,0)+1,1))-1)+IF('Standard Profiles'!$G$18=$B$10,7,0)+IF('Standard Profiles'!$G$18=$B$17,14,0)+IF('Standard Profiles'!$G$18=$B$24,21,0),MOD($C821,24)+1)/SUM(INDEX($D$3:$AA$30,INDEX(Jesper!$R$2:$R$366,ROW(INDEX(Jesper!AH$2:AH$366,ROUNDDOWN($C821/24,0)+1,1))-1)+IF('Standard Profiles'!$G$18=$B$10,7,0)+IF('Standard Profiles'!$G$18=$B$17,14,0)+IF('Standard Profiles'!$G$18=$B$24,21,0),0)),0)</f>
        <v>13.838674907961922</v>
      </c>
      <c r="E821" cm="1">
        <f t="array" ref="E821">IFERROR(INDEX(Jesper!AI$2:AI$366,ROUNDDOWN($C821/24,0)+1,1)*INDEX($D$3:$AA$30,INDEX(Jesper!$R$2:$R$366,ROW(INDEX(Jesper!AI$2:AI$366,ROUNDDOWN($C821/24,0)+1,1))-1)+IF('Standard Profiles'!$G$19=$B$10,7,0)+IF('Standard Profiles'!$G$19=$B$17,14,0)+IF('Standard Profiles'!$G$19=$B$24,21,0),MOD($C821,24)+1)/SUM(INDEX($D$3:$AA$30,INDEX(Jesper!$R$2:$R$366,ROW(INDEX(Jesper!AI$2:AI$366,ROUNDDOWN($C821/24,0)+1,1))-1)+IF('Standard Profiles'!$G$19=$B$10,7,0)+IF('Standard Profiles'!$G$19=$B$17,14,0)+IF('Standard Profiles'!$G$19=$B$24,21,0),0)),0)</f>
        <v>0</v>
      </c>
      <c r="F821" cm="1">
        <f t="array" ref="F821">IFERROR(INDEX(Jesper!AJ$2:AJ$366,ROUNDDOWN($C821/24,0)+1,1)*INDEX($D$3:$AA$30,INDEX(Jesper!$R$2:$R$366,ROW(INDEX(Jesper!AJ$2:AJ$366,ROUNDDOWN($C821/24,0)+1,1))-1)+IF('Standard Profiles'!$G$20=$B$10,7,0)+IF('Standard Profiles'!$G$20=$B$17,14,0)+IF('Standard Profiles'!$G$20=$B$24,21,0),MOD($C821,24)+1)/SUM(INDEX($D$3:$AA$30,INDEX(Jesper!$R$2:$R$366,ROW(INDEX(Jesper!AJ$2:AJ$366,ROUNDDOWN($C821/24,0)+1,1))-1)+IF('Standard Profiles'!$G$20=$B$10,7,0)+IF('Standard Profiles'!$G$20=$B$17,14,0)+IF('Standard Profiles'!$G$20=$B$24,21,0),0)),0)</f>
        <v>0</v>
      </c>
      <c r="G821" cm="1">
        <f t="array" ref="G821">IFERROR(INDEX(Jesper!AK$2:AK$366,ROUNDDOWN($C821/24,0)+1,1)*INDEX($D$3:$AA$30,INDEX(Jesper!$R$2:$R$366,ROW(INDEX(Jesper!AK$2:AK$366,ROUNDDOWN($C821/24,0)+1,1))-1)+IF('Standard Profiles'!$G$21=$B$10,7,0)+IF('Standard Profiles'!$G$21=$B$17,14,0)+IF('Standard Profiles'!$G$21=$B$24,21,0),MOD($C821,24)+1)/SUM(INDEX($D$3:$AA$30,INDEX(Jesper!$R$2:$R$366,ROW(INDEX(Jesper!AK$2:AK$366,ROUNDDOWN($C821/24,0)+1,1))-1)+IF('Standard Profiles'!$G$21=$B$10,7,0)+IF('Standard Profiles'!$G$21=$B$17,14,0)+IF('Standard Profiles'!$G$21=$B$24,21,0),0)),0)</f>
        <v>0</v>
      </c>
      <c r="H821" cm="1">
        <f t="array" ref="H821">IFERROR(INDEX(Jesper!AL$2:AL$366,ROUNDDOWN($C821/24,0)+1,1)*INDEX($D$3:$AA$30,INDEX(Jesper!$R$2:$R$366,ROW(INDEX(Jesper!AL$2:AL$366,ROUNDDOWN($C821/24,0)+1,1))-1)+IF('Standard Profiles'!$G$22=$B$10,7,0)+IF('Standard Profiles'!$G$22=$B$17,14,0)+IF('Standard Profiles'!$G$22=$B$24,21,0),MOD($C821,24)+1)/SUM(INDEX($D$3:$AA$30,INDEX(Jesper!$R$2:$R$366,ROW(INDEX(Jesper!AL$2:AL$366,ROUNDDOWN($C821/24,0)+1,1))-1)+IF('Standard Profiles'!$G$22=$B$10,7,0)+IF('Standard Profiles'!$G$22=$B$17,14,0)+IF('Standard Profiles'!$G$22=$B$24,21,0),0)),0)</f>
        <v>0</v>
      </c>
      <c r="I821">
        <f t="shared" si="104"/>
        <v>0.41516024723885764</v>
      </c>
      <c r="J821">
        <f t="shared" si="105"/>
        <v>1.3838674907961923</v>
      </c>
      <c r="K821">
        <f t="shared" si="106"/>
        <v>2.0758012361942884</v>
      </c>
      <c r="L821">
        <f t="shared" si="107"/>
        <v>9.9638459337325838</v>
      </c>
      <c r="M821">
        <f t="shared" si="108"/>
        <v>0</v>
      </c>
      <c r="N821" s="46">
        <f t="shared" si="109"/>
        <v>45324.791666664758</v>
      </c>
    </row>
    <row r="822" spans="2:14" x14ac:dyDescent="0.3">
      <c r="B822">
        <f t="shared" si="103"/>
        <v>5</v>
      </c>
      <c r="C822" s="16">
        <v>788</v>
      </c>
      <c r="D822" cm="1">
        <f t="array" ref="D822">IFERROR(INDEX(Jesper!AH$2:AH$366,ROUNDDOWN($C822/24,0)+1,1)*INDEX($D$3:$AA$30,INDEX(Jesper!$R$2:$R$366,ROW(INDEX(Jesper!AH$2:AH$366,ROUNDDOWN($C822/24,0)+1,1))-1)+IF('Standard Profiles'!$G$18=$B$10,7,0)+IF('Standard Profiles'!$G$18=$B$17,14,0)+IF('Standard Profiles'!$G$18=$B$24,21,0),MOD($C822,24)+1)/SUM(INDEX($D$3:$AA$30,INDEX(Jesper!$R$2:$R$366,ROW(INDEX(Jesper!AH$2:AH$366,ROUNDDOWN($C822/24,0)+1,1))-1)+IF('Standard Profiles'!$G$18=$B$10,7,0)+IF('Standard Profiles'!$G$18=$B$17,14,0)+IF('Standard Profiles'!$G$18=$B$24,21,0),0)),0)</f>
        <v>10.720100280815572</v>
      </c>
      <c r="E822" cm="1">
        <f t="array" ref="E822">IFERROR(INDEX(Jesper!AI$2:AI$366,ROUNDDOWN($C822/24,0)+1,1)*INDEX($D$3:$AA$30,INDEX(Jesper!$R$2:$R$366,ROW(INDEX(Jesper!AI$2:AI$366,ROUNDDOWN($C822/24,0)+1,1))-1)+IF('Standard Profiles'!$G$19=$B$10,7,0)+IF('Standard Profiles'!$G$19=$B$17,14,0)+IF('Standard Profiles'!$G$19=$B$24,21,0),MOD($C822,24)+1)/SUM(INDEX($D$3:$AA$30,INDEX(Jesper!$R$2:$R$366,ROW(INDEX(Jesper!AI$2:AI$366,ROUNDDOWN($C822/24,0)+1,1))-1)+IF('Standard Profiles'!$G$19=$B$10,7,0)+IF('Standard Profiles'!$G$19=$B$17,14,0)+IF('Standard Profiles'!$G$19=$B$24,21,0),0)),0)</f>
        <v>0</v>
      </c>
      <c r="F822" cm="1">
        <f t="array" ref="F822">IFERROR(INDEX(Jesper!AJ$2:AJ$366,ROUNDDOWN($C822/24,0)+1,1)*INDEX($D$3:$AA$30,INDEX(Jesper!$R$2:$R$366,ROW(INDEX(Jesper!AJ$2:AJ$366,ROUNDDOWN($C822/24,0)+1,1))-1)+IF('Standard Profiles'!$G$20=$B$10,7,0)+IF('Standard Profiles'!$G$20=$B$17,14,0)+IF('Standard Profiles'!$G$20=$B$24,21,0),MOD($C822,24)+1)/SUM(INDEX($D$3:$AA$30,INDEX(Jesper!$R$2:$R$366,ROW(INDEX(Jesper!AJ$2:AJ$366,ROUNDDOWN($C822/24,0)+1,1))-1)+IF('Standard Profiles'!$G$20=$B$10,7,0)+IF('Standard Profiles'!$G$20=$B$17,14,0)+IF('Standard Profiles'!$G$20=$B$24,21,0),0)),0)</f>
        <v>0</v>
      </c>
      <c r="G822" cm="1">
        <f t="array" ref="G822">IFERROR(INDEX(Jesper!AK$2:AK$366,ROUNDDOWN($C822/24,0)+1,1)*INDEX($D$3:$AA$30,INDEX(Jesper!$R$2:$R$366,ROW(INDEX(Jesper!AK$2:AK$366,ROUNDDOWN($C822/24,0)+1,1))-1)+IF('Standard Profiles'!$G$21=$B$10,7,0)+IF('Standard Profiles'!$G$21=$B$17,14,0)+IF('Standard Profiles'!$G$21=$B$24,21,0),MOD($C822,24)+1)/SUM(INDEX($D$3:$AA$30,INDEX(Jesper!$R$2:$R$366,ROW(INDEX(Jesper!AK$2:AK$366,ROUNDDOWN($C822/24,0)+1,1))-1)+IF('Standard Profiles'!$G$21=$B$10,7,0)+IF('Standard Profiles'!$G$21=$B$17,14,0)+IF('Standard Profiles'!$G$21=$B$24,21,0),0)),0)</f>
        <v>0</v>
      </c>
      <c r="H822" cm="1">
        <f t="array" ref="H822">IFERROR(INDEX(Jesper!AL$2:AL$366,ROUNDDOWN($C822/24,0)+1,1)*INDEX($D$3:$AA$30,INDEX(Jesper!$R$2:$R$366,ROW(INDEX(Jesper!AL$2:AL$366,ROUNDDOWN($C822/24,0)+1,1))-1)+IF('Standard Profiles'!$G$22=$B$10,7,0)+IF('Standard Profiles'!$G$22=$B$17,14,0)+IF('Standard Profiles'!$G$22=$B$24,21,0),MOD($C822,24)+1)/SUM(INDEX($D$3:$AA$30,INDEX(Jesper!$R$2:$R$366,ROW(INDEX(Jesper!AL$2:AL$366,ROUNDDOWN($C822/24,0)+1,1))-1)+IF('Standard Profiles'!$G$22=$B$10,7,0)+IF('Standard Profiles'!$G$22=$B$17,14,0)+IF('Standard Profiles'!$G$22=$B$24,21,0),0)),0)</f>
        <v>0</v>
      </c>
      <c r="I822">
        <f t="shared" si="104"/>
        <v>0.32160300842446715</v>
      </c>
      <c r="J822">
        <f t="shared" si="105"/>
        <v>1.0720100280815572</v>
      </c>
      <c r="K822">
        <f t="shared" si="106"/>
        <v>1.6080150421223358</v>
      </c>
      <c r="L822">
        <f t="shared" si="107"/>
        <v>7.7184722021872112</v>
      </c>
      <c r="M822">
        <f t="shared" si="108"/>
        <v>0</v>
      </c>
      <c r="N822" s="46">
        <f t="shared" si="109"/>
        <v>45324.833333331422</v>
      </c>
    </row>
    <row r="823" spans="2:14" x14ac:dyDescent="0.3">
      <c r="B823">
        <f t="shared" si="103"/>
        <v>5</v>
      </c>
      <c r="C823" s="16">
        <v>789</v>
      </c>
      <c r="D823" cm="1">
        <f t="array" ref="D823">IFERROR(INDEX(Jesper!AH$2:AH$366,ROUNDDOWN($C823/24,0)+1,1)*INDEX($D$3:$AA$30,INDEX(Jesper!$R$2:$R$366,ROW(INDEX(Jesper!AH$2:AH$366,ROUNDDOWN($C823/24,0)+1,1))-1)+IF('Standard Profiles'!$G$18=$B$10,7,0)+IF('Standard Profiles'!$G$18=$B$17,14,0)+IF('Standard Profiles'!$G$18=$B$24,21,0),MOD($C823,24)+1)/SUM(INDEX($D$3:$AA$30,INDEX(Jesper!$R$2:$R$366,ROW(INDEX(Jesper!AH$2:AH$366,ROUNDDOWN($C823/24,0)+1,1))-1)+IF('Standard Profiles'!$G$18=$B$10,7,0)+IF('Standard Profiles'!$G$18=$B$17,14,0)+IF('Standard Profiles'!$G$18=$B$24,21,0),0)),0)</f>
        <v>4.0931291981295823</v>
      </c>
      <c r="E823" cm="1">
        <f t="array" ref="E823">IFERROR(INDEX(Jesper!AI$2:AI$366,ROUNDDOWN($C823/24,0)+1,1)*INDEX($D$3:$AA$30,INDEX(Jesper!$R$2:$R$366,ROW(INDEX(Jesper!AI$2:AI$366,ROUNDDOWN($C823/24,0)+1,1))-1)+IF('Standard Profiles'!$G$19=$B$10,7,0)+IF('Standard Profiles'!$G$19=$B$17,14,0)+IF('Standard Profiles'!$G$19=$B$24,21,0),MOD($C823,24)+1)/SUM(INDEX($D$3:$AA$30,INDEX(Jesper!$R$2:$R$366,ROW(INDEX(Jesper!AI$2:AI$366,ROUNDDOWN($C823/24,0)+1,1))-1)+IF('Standard Profiles'!$G$19=$B$10,7,0)+IF('Standard Profiles'!$G$19=$B$17,14,0)+IF('Standard Profiles'!$G$19=$B$24,21,0),0)),0)</f>
        <v>0</v>
      </c>
      <c r="F823" cm="1">
        <f t="array" ref="F823">IFERROR(INDEX(Jesper!AJ$2:AJ$366,ROUNDDOWN($C823/24,0)+1,1)*INDEX($D$3:$AA$30,INDEX(Jesper!$R$2:$R$366,ROW(INDEX(Jesper!AJ$2:AJ$366,ROUNDDOWN($C823/24,0)+1,1))-1)+IF('Standard Profiles'!$G$20=$B$10,7,0)+IF('Standard Profiles'!$G$20=$B$17,14,0)+IF('Standard Profiles'!$G$20=$B$24,21,0),MOD($C823,24)+1)/SUM(INDEX($D$3:$AA$30,INDEX(Jesper!$R$2:$R$366,ROW(INDEX(Jesper!AJ$2:AJ$366,ROUNDDOWN($C823/24,0)+1,1))-1)+IF('Standard Profiles'!$G$20=$B$10,7,0)+IF('Standard Profiles'!$G$20=$B$17,14,0)+IF('Standard Profiles'!$G$20=$B$24,21,0),0)),0)</f>
        <v>0</v>
      </c>
      <c r="G823" cm="1">
        <f t="array" ref="G823">IFERROR(INDEX(Jesper!AK$2:AK$366,ROUNDDOWN($C823/24,0)+1,1)*INDEX($D$3:$AA$30,INDEX(Jesper!$R$2:$R$366,ROW(INDEX(Jesper!AK$2:AK$366,ROUNDDOWN($C823/24,0)+1,1))-1)+IF('Standard Profiles'!$G$21=$B$10,7,0)+IF('Standard Profiles'!$G$21=$B$17,14,0)+IF('Standard Profiles'!$G$21=$B$24,21,0),MOD($C823,24)+1)/SUM(INDEX($D$3:$AA$30,INDEX(Jesper!$R$2:$R$366,ROW(INDEX(Jesper!AK$2:AK$366,ROUNDDOWN($C823/24,0)+1,1))-1)+IF('Standard Profiles'!$G$21=$B$10,7,0)+IF('Standard Profiles'!$G$21=$B$17,14,0)+IF('Standard Profiles'!$G$21=$B$24,21,0),0)),0)</f>
        <v>0</v>
      </c>
      <c r="H823" cm="1">
        <f t="array" ref="H823">IFERROR(INDEX(Jesper!AL$2:AL$366,ROUNDDOWN($C823/24,0)+1,1)*INDEX($D$3:$AA$30,INDEX(Jesper!$R$2:$R$366,ROW(INDEX(Jesper!AL$2:AL$366,ROUNDDOWN($C823/24,0)+1,1))-1)+IF('Standard Profiles'!$G$22=$B$10,7,0)+IF('Standard Profiles'!$G$22=$B$17,14,0)+IF('Standard Profiles'!$G$22=$B$24,21,0),MOD($C823,24)+1)/SUM(INDEX($D$3:$AA$30,INDEX(Jesper!$R$2:$R$366,ROW(INDEX(Jesper!AL$2:AL$366,ROUNDDOWN($C823/24,0)+1,1))-1)+IF('Standard Profiles'!$G$22=$B$10,7,0)+IF('Standard Profiles'!$G$22=$B$17,14,0)+IF('Standard Profiles'!$G$22=$B$24,21,0),0)),0)</f>
        <v>0</v>
      </c>
      <c r="I823">
        <f t="shared" si="104"/>
        <v>0.12279387594388746</v>
      </c>
      <c r="J823">
        <f t="shared" si="105"/>
        <v>0.40931291981295825</v>
      </c>
      <c r="K823">
        <f t="shared" si="106"/>
        <v>0.61396937971943732</v>
      </c>
      <c r="L823">
        <f t="shared" si="107"/>
        <v>2.9470530226532992</v>
      </c>
      <c r="M823">
        <f t="shared" si="108"/>
        <v>0</v>
      </c>
      <c r="N823" s="46">
        <f t="shared" si="109"/>
        <v>45324.874999998086</v>
      </c>
    </row>
    <row r="824" spans="2:14" x14ac:dyDescent="0.3">
      <c r="B824">
        <f t="shared" si="103"/>
        <v>5</v>
      </c>
      <c r="C824" s="16">
        <v>790</v>
      </c>
      <c r="D824" cm="1">
        <f t="array" ref="D824">IFERROR(INDEX(Jesper!AH$2:AH$366,ROUNDDOWN($C824/24,0)+1,1)*INDEX($D$3:$AA$30,INDEX(Jesper!$R$2:$R$366,ROW(INDEX(Jesper!AH$2:AH$366,ROUNDDOWN($C824/24,0)+1,1))-1)+IF('Standard Profiles'!$G$18=$B$10,7,0)+IF('Standard Profiles'!$G$18=$B$17,14,0)+IF('Standard Profiles'!$G$18=$B$24,21,0),MOD($C824,24)+1)/SUM(INDEX($D$3:$AA$30,INDEX(Jesper!$R$2:$R$366,ROW(INDEX(Jesper!AH$2:AH$366,ROUNDDOWN($C824/24,0)+1,1))-1)+IF('Standard Profiles'!$G$18=$B$10,7,0)+IF('Standard Profiles'!$G$18=$B$17,14,0)+IF('Standard Profiles'!$G$18=$B$24,21,0),0)),0)</f>
        <v>4.0931291981295823</v>
      </c>
      <c r="E824" cm="1">
        <f t="array" ref="E824">IFERROR(INDEX(Jesper!AI$2:AI$366,ROUNDDOWN($C824/24,0)+1,1)*INDEX($D$3:$AA$30,INDEX(Jesper!$R$2:$R$366,ROW(INDEX(Jesper!AI$2:AI$366,ROUNDDOWN($C824/24,0)+1,1))-1)+IF('Standard Profiles'!$G$19=$B$10,7,0)+IF('Standard Profiles'!$G$19=$B$17,14,0)+IF('Standard Profiles'!$G$19=$B$24,21,0),MOD($C824,24)+1)/SUM(INDEX($D$3:$AA$30,INDEX(Jesper!$R$2:$R$366,ROW(INDEX(Jesper!AI$2:AI$366,ROUNDDOWN($C824/24,0)+1,1))-1)+IF('Standard Profiles'!$G$19=$B$10,7,0)+IF('Standard Profiles'!$G$19=$B$17,14,0)+IF('Standard Profiles'!$G$19=$B$24,21,0),0)),0)</f>
        <v>0</v>
      </c>
      <c r="F824" cm="1">
        <f t="array" ref="F824">IFERROR(INDEX(Jesper!AJ$2:AJ$366,ROUNDDOWN($C824/24,0)+1,1)*INDEX($D$3:$AA$30,INDEX(Jesper!$R$2:$R$366,ROW(INDEX(Jesper!AJ$2:AJ$366,ROUNDDOWN($C824/24,0)+1,1))-1)+IF('Standard Profiles'!$G$20=$B$10,7,0)+IF('Standard Profiles'!$G$20=$B$17,14,0)+IF('Standard Profiles'!$G$20=$B$24,21,0),MOD($C824,24)+1)/SUM(INDEX($D$3:$AA$30,INDEX(Jesper!$R$2:$R$366,ROW(INDEX(Jesper!AJ$2:AJ$366,ROUNDDOWN($C824/24,0)+1,1))-1)+IF('Standard Profiles'!$G$20=$B$10,7,0)+IF('Standard Profiles'!$G$20=$B$17,14,0)+IF('Standard Profiles'!$G$20=$B$24,21,0),0)),0)</f>
        <v>0</v>
      </c>
      <c r="G824" cm="1">
        <f t="array" ref="G824">IFERROR(INDEX(Jesper!AK$2:AK$366,ROUNDDOWN($C824/24,0)+1,1)*INDEX($D$3:$AA$30,INDEX(Jesper!$R$2:$R$366,ROW(INDEX(Jesper!AK$2:AK$366,ROUNDDOWN($C824/24,0)+1,1))-1)+IF('Standard Profiles'!$G$21=$B$10,7,0)+IF('Standard Profiles'!$G$21=$B$17,14,0)+IF('Standard Profiles'!$G$21=$B$24,21,0),MOD($C824,24)+1)/SUM(INDEX($D$3:$AA$30,INDEX(Jesper!$R$2:$R$366,ROW(INDEX(Jesper!AK$2:AK$366,ROUNDDOWN($C824/24,0)+1,1))-1)+IF('Standard Profiles'!$G$21=$B$10,7,0)+IF('Standard Profiles'!$G$21=$B$17,14,0)+IF('Standard Profiles'!$G$21=$B$24,21,0),0)),0)</f>
        <v>0</v>
      </c>
      <c r="H824" cm="1">
        <f t="array" ref="H824">IFERROR(INDEX(Jesper!AL$2:AL$366,ROUNDDOWN($C824/24,0)+1,1)*INDEX($D$3:$AA$30,INDEX(Jesper!$R$2:$R$366,ROW(INDEX(Jesper!AL$2:AL$366,ROUNDDOWN($C824/24,0)+1,1))-1)+IF('Standard Profiles'!$G$22=$B$10,7,0)+IF('Standard Profiles'!$G$22=$B$17,14,0)+IF('Standard Profiles'!$G$22=$B$24,21,0),MOD($C824,24)+1)/SUM(INDEX($D$3:$AA$30,INDEX(Jesper!$R$2:$R$366,ROW(INDEX(Jesper!AL$2:AL$366,ROUNDDOWN($C824/24,0)+1,1))-1)+IF('Standard Profiles'!$G$22=$B$10,7,0)+IF('Standard Profiles'!$G$22=$B$17,14,0)+IF('Standard Profiles'!$G$22=$B$24,21,0),0)),0)</f>
        <v>0</v>
      </c>
      <c r="I824">
        <f t="shared" si="104"/>
        <v>0.12279387594388746</v>
      </c>
      <c r="J824">
        <f t="shared" si="105"/>
        <v>0.40931291981295825</v>
      </c>
      <c r="K824">
        <f t="shared" si="106"/>
        <v>0.61396937971943732</v>
      </c>
      <c r="L824">
        <f t="shared" si="107"/>
        <v>2.9470530226532992</v>
      </c>
      <c r="M824">
        <f t="shared" si="108"/>
        <v>0</v>
      </c>
      <c r="N824" s="46">
        <f t="shared" si="109"/>
        <v>45324.916666664751</v>
      </c>
    </row>
    <row r="825" spans="2:14" x14ac:dyDescent="0.3">
      <c r="B825">
        <f t="shared" si="103"/>
        <v>5</v>
      </c>
      <c r="C825" s="16">
        <v>791</v>
      </c>
      <c r="D825" cm="1">
        <f t="array" ref="D825">IFERROR(INDEX(Jesper!AH$2:AH$366,ROUNDDOWN($C825/24,0)+1,1)*INDEX($D$3:$AA$30,INDEX(Jesper!$R$2:$R$366,ROW(INDEX(Jesper!AH$2:AH$366,ROUNDDOWN($C825/24,0)+1,1))-1)+IF('Standard Profiles'!$G$18=$B$10,7,0)+IF('Standard Profiles'!$G$18=$B$17,14,0)+IF('Standard Profiles'!$G$18=$B$24,21,0),MOD($C825,24)+1)/SUM(INDEX($D$3:$AA$30,INDEX(Jesper!$R$2:$R$366,ROW(INDEX(Jesper!AH$2:AH$366,ROUNDDOWN($C825/24,0)+1,1))-1)+IF('Standard Profiles'!$G$18=$B$10,7,0)+IF('Standard Profiles'!$G$18=$B$17,14,0)+IF('Standard Profiles'!$G$18=$B$24,21,0),0)),0)</f>
        <v>4.0931291981295823</v>
      </c>
      <c r="E825" cm="1">
        <f t="array" ref="E825">IFERROR(INDEX(Jesper!AI$2:AI$366,ROUNDDOWN($C825/24,0)+1,1)*INDEX($D$3:$AA$30,INDEX(Jesper!$R$2:$R$366,ROW(INDEX(Jesper!AI$2:AI$366,ROUNDDOWN($C825/24,0)+1,1))-1)+IF('Standard Profiles'!$G$19=$B$10,7,0)+IF('Standard Profiles'!$G$19=$B$17,14,0)+IF('Standard Profiles'!$G$19=$B$24,21,0),MOD($C825,24)+1)/SUM(INDEX($D$3:$AA$30,INDEX(Jesper!$R$2:$R$366,ROW(INDEX(Jesper!AI$2:AI$366,ROUNDDOWN($C825/24,0)+1,1))-1)+IF('Standard Profiles'!$G$19=$B$10,7,0)+IF('Standard Profiles'!$G$19=$B$17,14,0)+IF('Standard Profiles'!$G$19=$B$24,21,0),0)),0)</f>
        <v>0</v>
      </c>
      <c r="F825" cm="1">
        <f t="array" ref="F825">IFERROR(INDEX(Jesper!AJ$2:AJ$366,ROUNDDOWN($C825/24,0)+1,1)*INDEX($D$3:$AA$30,INDEX(Jesper!$R$2:$R$366,ROW(INDEX(Jesper!AJ$2:AJ$366,ROUNDDOWN($C825/24,0)+1,1))-1)+IF('Standard Profiles'!$G$20=$B$10,7,0)+IF('Standard Profiles'!$G$20=$B$17,14,0)+IF('Standard Profiles'!$G$20=$B$24,21,0),MOD($C825,24)+1)/SUM(INDEX($D$3:$AA$30,INDEX(Jesper!$R$2:$R$366,ROW(INDEX(Jesper!AJ$2:AJ$366,ROUNDDOWN($C825/24,0)+1,1))-1)+IF('Standard Profiles'!$G$20=$B$10,7,0)+IF('Standard Profiles'!$G$20=$B$17,14,0)+IF('Standard Profiles'!$G$20=$B$24,21,0),0)),0)</f>
        <v>0</v>
      </c>
      <c r="G825" cm="1">
        <f t="array" ref="G825">IFERROR(INDEX(Jesper!AK$2:AK$366,ROUNDDOWN($C825/24,0)+1,1)*INDEX($D$3:$AA$30,INDEX(Jesper!$R$2:$R$366,ROW(INDEX(Jesper!AK$2:AK$366,ROUNDDOWN($C825/24,0)+1,1))-1)+IF('Standard Profiles'!$G$21=$B$10,7,0)+IF('Standard Profiles'!$G$21=$B$17,14,0)+IF('Standard Profiles'!$G$21=$B$24,21,0),MOD($C825,24)+1)/SUM(INDEX($D$3:$AA$30,INDEX(Jesper!$R$2:$R$366,ROW(INDEX(Jesper!AK$2:AK$366,ROUNDDOWN($C825/24,0)+1,1))-1)+IF('Standard Profiles'!$G$21=$B$10,7,0)+IF('Standard Profiles'!$G$21=$B$17,14,0)+IF('Standard Profiles'!$G$21=$B$24,21,0),0)),0)</f>
        <v>0</v>
      </c>
      <c r="H825" cm="1">
        <f t="array" ref="H825">IFERROR(INDEX(Jesper!AL$2:AL$366,ROUNDDOWN($C825/24,0)+1,1)*INDEX($D$3:$AA$30,INDEX(Jesper!$R$2:$R$366,ROW(INDEX(Jesper!AL$2:AL$366,ROUNDDOWN($C825/24,0)+1,1))-1)+IF('Standard Profiles'!$G$22=$B$10,7,0)+IF('Standard Profiles'!$G$22=$B$17,14,0)+IF('Standard Profiles'!$G$22=$B$24,21,0),MOD($C825,24)+1)/SUM(INDEX($D$3:$AA$30,INDEX(Jesper!$R$2:$R$366,ROW(INDEX(Jesper!AL$2:AL$366,ROUNDDOWN($C825/24,0)+1,1))-1)+IF('Standard Profiles'!$G$22=$B$10,7,0)+IF('Standard Profiles'!$G$22=$B$17,14,0)+IF('Standard Profiles'!$G$22=$B$24,21,0),0)),0)</f>
        <v>0</v>
      </c>
      <c r="I825">
        <f t="shared" si="104"/>
        <v>0.12279387594388746</v>
      </c>
      <c r="J825">
        <f t="shared" si="105"/>
        <v>0.40931291981295825</v>
      </c>
      <c r="K825">
        <f t="shared" si="106"/>
        <v>0.61396937971943732</v>
      </c>
      <c r="L825">
        <f t="shared" si="107"/>
        <v>2.9470530226532992</v>
      </c>
      <c r="M825">
        <f t="shared" si="108"/>
        <v>0</v>
      </c>
      <c r="N825" s="46">
        <f t="shared" si="109"/>
        <v>45324.958333331415</v>
      </c>
    </row>
    <row r="826" spans="2:14" x14ac:dyDescent="0.3">
      <c r="B826">
        <f t="shared" si="103"/>
        <v>6</v>
      </c>
      <c r="C826" s="16">
        <v>792</v>
      </c>
      <c r="D826" cm="1">
        <f t="array" ref="D826">IFERROR(INDEX(Jesper!AH$2:AH$366,ROUNDDOWN($C826/24,0)+1,1)*INDEX($D$3:$AA$30,INDEX(Jesper!$R$2:$R$366,ROW(INDEX(Jesper!AH$2:AH$366,ROUNDDOWN($C826/24,0)+1,1))-1)+IF('Standard Profiles'!$G$18=$B$10,7,0)+IF('Standard Profiles'!$G$18=$B$17,14,0)+IF('Standard Profiles'!$G$18=$B$24,21,0),MOD($C826,24)+1)/SUM(INDEX($D$3:$AA$30,INDEX(Jesper!$R$2:$R$366,ROW(INDEX(Jesper!AH$2:AH$366,ROUNDDOWN($C826/24,0)+1,1))-1)+IF('Standard Profiles'!$G$18=$B$10,7,0)+IF('Standard Profiles'!$G$18=$B$17,14,0)+IF('Standard Profiles'!$G$18=$B$24,21,0),0)),0)</f>
        <v>4.4499021701714598</v>
      </c>
      <c r="E826" cm="1">
        <f t="array" ref="E826">IFERROR(INDEX(Jesper!AI$2:AI$366,ROUNDDOWN($C826/24,0)+1,1)*INDEX($D$3:$AA$30,INDEX(Jesper!$R$2:$R$366,ROW(INDEX(Jesper!AI$2:AI$366,ROUNDDOWN($C826/24,0)+1,1))-1)+IF('Standard Profiles'!$G$19=$B$10,7,0)+IF('Standard Profiles'!$G$19=$B$17,14,0)+IF('Standard Profiles'!$G$19=$B$24,21,0),MOD($C826,24)+1)/SUM(INDEX($D$3:$AA$30,INDEX(Jesper!$R$2:$R$366,ROW(INDEX(Jesper!AI$2:AI$366,ROUNDDOWN($C826/24,0)+1,1))-1)+IF('Standard Profiles'!$G$19=$B$10,7,0)+IF('Standard Profiles'!$G$19=$B$17,14,0)+IF('Standard Profiles'!$G$19=$B$24,21,0),0)),0)</f>
        <v>1.0692668009631856</v>
      </c>
      <c r="F826" cm="1">
        <f t="array" ref="F826">IFERROR(INDEX(Jesper!AJ$2:AJ$366,ROUNDDOWN($C826/24,0)+1,1)*INDEX($D$3:$AA$30,INDEX(Jesper!$R$2:$R$366,ROW(INDEX(Jesper!AJ$2:AJ$366,ROUNDDOWN($C826/24,0)+1,1))-1)+IF('Standard Profiles'!$G$20=$B$10,7,0)+IF('Standard Profiles'!$G$20=$B$17,14,0)+IF('Standard Profiles'!$G$20=$B$24,21,0),MOD($C826,24)+1)/SUM(INDEX($D$3:$AA$30,INDEX(Jesper!$R$2:$R$366,ROW(INDEX(Jesper!AJ$2:AJ$366,ROUNDDOWN($C826/24,0)+1,1))-1)+IF('Standard Profiles'!$G$20=$B$10,7,0)+IF('Standard Profiles'!$G$20=$B$17,14,0)+IF('Standard Profiles'!$G$20=$B$24,21,0),0)),0)</f>
        <v>0</v>
      </c>
      <c r="G826" cm="1">
        <f t="array" ref="G826">IFERROR(INDEX(Jesper!AK$2:AK$366,ROUNDDOWN($C826/24,0)+1,1)*INDEX($D$3:$AA$30,INDEX(Jesper!$R$2:$R$366,ROW(INDEX(Jesper!AK$2:AK$366,ROUNDDOWN($C826/24,0)+1,1))-1)+IF('Standard Profiles'!$G$21=$B$10,7,0)+IF('Standard Profiles'!$G$21=$B$17,14,0)+IF('Standard Profiles'!$G$21=$B$24,21,0),MOD($C826,24)+1)/SUM(INDEX($D$3:$AA$30,INDEX(Jesper!$R$2:$R$366,ROW(INDEX(Jesper!AK$2:AK$366,ROUNDDOWN($C826/24,0)+1,1))-1)+IF('Standard Profiles'!$G$21=$B$10,7,0)+IF('Standard Profiles'!$G$21=$B$17,14,0)+IF('Standard Profiles'!$G$21=$B$24,21,0),0)),0)</f>
        <v>0</v>
      </c>
      <c r="H826" cm="1">
        <f t="array" ref="H826">IFERROR(INDEX(Jesper!AL$2:AL$366,ROUNDDOWN($C826/24,0)+1,1)*INDEX($D$3:$AA$30,INDEX(Jesper!$R$2:$R$366,ROW(INDEX(Jesper!AL$2:AL$366,ROUNDDOWN($C826/24,0)+1,1))-1)+IF('Standard Profiles'!$G$22=$B$10,7,0)+IF('Standard Profiles'!$G$22=$B$17,14,0)+IF('Standard Profiles'!$G$22=$B$24,21,0),MOD($C826,24)+1)/SUM(INDEX($D$3:$AA$30,INDEX(Jesper!$R$2:$R$366,ROW(INDEX(Jesper!AL$2:AL$366,ROUNDDOWN($C826/24,0)+1,1))-1)+IF('Standard Profiles'!$G$22=$B$10,7,0)+IF('Standard Profiles'!$G$22=$B$17,14,0)+IF('Standard Profiles'!$G$22=$B$24,21,0),0)),0)</f>
        <v>0</v>
      </c>
      <c r="I826">
        <f t="shared" si="104"/>
        <v>9.6330342429115839E-2</v>
      </c>
      <c r="J826">
        <f t="shared" si="105"/>
        <v>0.32110114143038621</v>
      </c>
      <c r="K826">
        <f t="shared" si="106"/>
        <v>0.48165171214557928</v>
      </c>
      <c r="L826">
        <f t="shared" si="107"/>
        <v>4.6200857751295645</v>
      </c>
      <c r="M826">
        <f t="shared" si="108"/>
        <v>0</v>
      </c>
      <c r="N826" s="46">
        <f t="shared" si="109"/>
        <v>45324.999999998079</v>
      </c>
    </row>
    <row r="827" spans="2:14" x14ac:dyDescent="0.3">
      <c r="B827">
        <f t="shared" si="103"/>
        <v>6</v>
      </c>
      <c r="C827" s="16">
        <v>793</v>
      </c>
      <c r="D827" cm="1">
        <f t="array" ref="D827">IFERROR(INDEX(Jesper!AH$2:AH$366,ROUNDDOWN($C827/24,0)+1,1)*INDEX($D$3:$AA$30,INDEX(Jesper!$R$2:$R$366,ROW(INDEX(Jesper!AH$2:AH$366,ROUNDDOWN($C827/24,0)+1,1))-1)+IF('Standard Profiles'!$G$18=$B$10,7,0)+IF('Standard Profiles'!$G$18=$B$17,14,0)+IF('Standard Profiles'!$G$18=$B$24,21,0),MOD($C827,24)+1)/SUM(INDEX($D$3:$AA$30,INDEX(Jesper!$R$2:$R$366,ROW(INDEX(Jesper!AH$2:AH$366,ROUNDDOWN($C827/24,0)+1,1))-1)+IF('Standard Profiles'!$G$18=$B$10,7,0)+IF('Standard Profiles'!$G$18=$B$17,14,0)+IF('Standard Profiles'!$G$18=$B$24,21,0),0)),0)</f>
        <v>8.6879042370014226</v>
      </c>
      <c r="E827" cm="1">
        <f t="array" ref="E827">IFERROR(INDEX(Jesper!AI$2:AI$366,ROUNDDOWN($C827/24,0)+1,1)*INDEX($D$3:$AA$30,INDEX(Jesper!$R$2:$R$366,ROW(INDEX(Jesper!AI$2:AI$366,ROUNDDOWN($C827/24,0)+1,1))-1)+IF('Standard Profiles'!$G$19=$B$10,7,0)+IF('Standard Profiles'!$G$19=$B$17,14,0)+IF('Standard Profiles'!$G$19=$B$24,21,0),MOD($C827,24)+1)/SUM(INDEX($D$3:$AA$30,INDEX(Jesper!$R$2:$R$366,ROW(INDEX(Jesper!AI$2:AI$366,ROUNDDOWN($C827/24,0)+1,1))-1)+IF('Standard Profiles'!$G$19=$B$10,7,0)+IF('Standard Profiles'!$G$19=$B$17,14,0)+IF('Standard Profiles'!$G$19=$B$24,21,0),0)),0)</f>
        <v>2.0876161352138389</v>
      </c>
      <c r="F827" cm="1">
        <f t="array" ref="F827">IFERROR(INDEX(Jesper!AJ$2:AJ$366,ROUNDDOWN($C827/24,0)+1,1)*INDEX($D$3:$AA$30,INDEX(Jesper!$R$2:$R$366,ROW(INDEX(Jesper!AJ$2:AJ$366,ROUNDDOWN($C827/24,0)+1,1))-1)+IF('Standard Profiles'!$G$20=$B$10,7,0)+IF('Standard Profiles'!$G$20=$B$17,14,0)+IF('Standard Profiles'!$G$20=$B$24,21,0),MOD($C827,24)+1)/SUM(INDEX($D$3:$AA$30,INDEX(Jesper!$R$2:$R$366,ROW(INDEX(Jesper!AJ$2:AJ$366,ROUNDDOWN($C827/24,0)+1,1))-1)+IF('Standard Profiles'!$G$20=$B$10,7,0)+IF('Standard Profiles'!$G$20=$B$17,14,0)+IF('Standard Profiles'!$G$20=$B$24,21,0),0)),0)</f>
        <v>0</v>
      </c>
      <c r="G827" cm="1">
        <f t="array" ref="G827">IFERROR(INDEX(Jesper!AK$2:AK$366,ROUNDDOWN($C827/24,0)+1,1)*INDEX($D$3:$AA$30,INDEX(Jesper!$R$2:$R$366,ROW(INDEX(Jesper!AK$2:AK$366,ROUNDDOWN($C827/24,0)+1,1))-1)+IF('Standard Profiles'!$G$21=$B$10,7,0)+IF('Standard Profiles'!$G$21=$B$17,14,0)+IF('Standard Profiles'!$G$21=$B$24,21,0),MOD($C827,24)+1)/SUM(INDEX($D$3:$AA$30,INDEX(Jesper!$R$2:$R$366,ROW(INDEX(Jesper!AK$2:AK$366,ROUNDDOWN($C827/24,0)+1,1))-1)+IF('Standard Profiles'!$G$21=$B$10,7,0)+IF('Standard Profiles'!$G$21=$B$17,14,0)+IF('Standard Profiles'!$G$21=$B$24,21,0),0)),0)</f>
        <v>0</v>
      </c>
      <c r="H827" cm="1">
        <f t="array" ref="H827">IFERROR(INDEX(Jesper!AL$2:AL$366,ROUNDDOWN($C827/24,0)+1,1)*INDEX($D$3:$AA$30,INDEX(Jesper!$R$2:$R$366,ROW(INDEX(Jesper!AL$2:AL$366,ROUNDDOWN($C827/24,0)+1,1))-1)+IF('Standard Profiles'!$G$22=$B$10,7,0)+IF('Standard Profiles'!$G$22=$B$17,14,0)+IF('Standard Profiles'!$G$22=$B$24,21,0),MOD($C827,24)+1)/SUM(INDEX($D$3:$AA$30,INDEX(Jesper!$R$2:$R$366,ROW(INDEX(Jesper!AL$2:AL$366,ROUNDDOWN($C827/24,0)+1,1))-1)+IF('Standard Profiles'!$G$22=$B$10,7,0)+IF('Standard Profiles'!$G$22=$B$17,14,0)+IF('Standard Profiles'!$G$22=$B$24,21,0),0)),0)</f>
        <v>0</v>
      </c>
      <c r="I827">
        <f t="shared" si="104"/>
        <v>0.18807352569494049</v>
      </c>
      <c r="J827">
        <f t="shared" si="105"/>
        <v>0.62691175231646834</v>
      </c>
      <c r="K827">
        <f t="shared" si="106"/>
        <v>0.94036762847470257</v>
      </c>
      <c r="L827">
        <f t="shared" si="107"/>
        <v>9.0201674657291502</v>
      </c>
      <c r="M827">
        <f t="shared" si="108"/>
        <v>0</v>
      </c>
      <c r="N827" s="46">
        <f t="shared" si="109"/>
        <v>45325.041666664743</v>
      </c>
    </row>
    <row r="828" spans="2:14" x14ac:dyDescent="0.3">
      <c r="B828">
        <f t="shared" si="103"/>
        <v>6</v>
      </c>
      <c r="C828" s="16">
        <v>794</v>
      </c>
      <c r="D828" cm="1">
        <f t="array" ref="D828">IFERROR(INDEX(Jesper!AH$2:AH$366,ROUNDDOWN($C828/24,0)+1,1)*INDEX($D$3:$AA$30,INDEX(Jesper!$R$2:$R$366,ROW(INDEX(Jesper!AH$2:AH$366,ROUNDDOWN($C828/24,0)+1,1))-1)+IF('Standard Profiles'!$G$18=$B$10,7,0)+IF('Standard Profiles'!$G$18=$B$17,14,0)+IF('Standard Profiles'!$G$18=$B$24,21,0),MOD($C828,24)+1)/SUM(INDEX($D$3:$AA$30,INDEX(Jesper!$R$2:$R$366,ROW(INDEX(Jesper!AH$2:AH$366,ROUNDDOWN($C828/24,0)+1,1))-1)+IF('Standard Profiles'!$G$18=$B$10,7,0)+IF('Standard Profiles'!$G$18=$B$17,14,0)+IF('Standard Profiles'!$G$18=$B$24,21,0),0)),0)</f>
        <v>8.6879042370014226</v>
      </c>
      <c r="E828" cm="1">
        <f t="array" ref="E828">IFERROR(INDEX(Jesper!AI$2:AI$366,ROUNDDOWN($C828/24,0)+1,1)*INDEX($D$3:$AA$30,INDEX(Jesper!$R$2:$R$366,ROW(INDEX(Jesper!AI$2:AI$366,ROUNDDOWN($C828/24,0)+1,1))-1)+IF('Standard Profiles'!$G$19=$B$10,7,0)+IF('Standard Profiles'!$G$19=$B$17,14,0)+IF('Standard Profiles'!$G$19=$B$24,21,0),MOD($C828,24)+1)/SUM(INDEX($D$3:$AA$30,INDEX(Jesper!$R$2:$R$366,ROW(INDEX(Jesper!AI$2:AI$366,ROUNDDOWN($C828/24,0)+1,1))-1)+IF('Standard Profiles'!$G$19=$B$10,7,0)+IF('Standard Profiles'!$G$19=$B$17,14,0)+IF('Standard Profiles'!$G$19=$B$24,21,0),0)),0)</f>
        <v>2.0876161352138389</v>
      </c>
      <c r="F828" cm="1">
        <f t="array" ref="F828">IFERROR(INDEX(Jesper!AJ$2:AJ$366,ROUNDDOWN($C828/24,0)+1,1)*INDEX($D$3:$AA$30,INDEX(Jesper!$R$2:$R$366,ROW(INDEX(Jesper!AJ$2:AJ$366,ROUNDDOWN($C828/24,0)+1,1))-1)+IF('Standard Profiles'!$G$20=$B$10,7,0)+IF('Standard Profiles'!$G$20=$B$17,14,0)+IF('Standard Profiles'!$G$20=$B$24,21,0),MOD($C828,24)+1)/SUM(INDEX($D$3:$AA$30,INDEX(Jesper!$R$2:$R$366,ROW(INDEX(Jesper!AJ$2:AJ$366,ROUNDDOWN($C828/24,0)+1,1))-1)+IF('Standard Profiles'!$G$20=$B$10,7,0)+IF('Standard Profiles'!$G$20=$B$17,14,0)+IF('Standard Profiles'!$G$20=$B$24,21,0),0)),0)</f>
        <v>0</v>
      </c>
      <c r="G828" cm="1">
        <f t="array" ref="G828">IFERROR(INDEX(Jesper!AK$2:AK$366,ROUNDDOWN($C828/24,0)+1,1)*INDEX($D$3:$AA$30,INDEX(Jesper!$R$2:$R$366,ROW(INDEX(Jesper!AK$2:AK$366,ROUNDDOWN($C828/24,0)+1,1))-1)+IF('Standard Profiles'!$G$21=$B$10,7,0)+IF('Standard Profiles'!$G$21=$B$17,14,0)+IF('Standard Profiles'!$G$21=$B$24,21,0),MOD($C828,24)+1)/SUM(INDEX($D$3:$AA$30,INDEX(Jesper!$R$2:$R$366,ROW(INDEX(Jesper!AK$2:AK$366,ROUNDDOWN($C828/24,0)+1,1))-1)+IF('Standard Profiles'!$G$21=$B$10,7,0)+IF('Standard Profiles'!$G$21=$B$17,14,0)+IF('Standard Profiles'!$G$21=$B$24,21,0),0)),0)</f>
        <v>0</v>
      </c>
      <c r="H828" cm="1">
        <f t="array" ref="H828">IFERROR(INDEX(Jesper!AL$2:AL$366,ROUNDDOWN($C828/24,0)+1,1)*INDEX($D$3:$AA$30,INDEX(Jesper!$R$2:$R$366,ROW(INDEX(Jesper!AL$2:AL$366,ROUNDDOWN($C828/24,0)+1,1))-1)+IF('Standard Profiles'!$G$22=$B$10,7,0)+IF('Standard Profiles'!$G$22=$B$17,14,0)+IF('Standard Profiles'!$G$22=$B$24,21,0),MOD($C828,24)+1)/SUM(INDEX($D$3:$AA$30,INDEX(Jesper!$R$2:$R$366,ROW(INDEX(Jesper!AL$2:AL$366,ROUNDDOWN($C828/24,0)+1,1))-1)+IF('Standard Profiles'!$G$22=$B$10,7,0)+IF('Standard Profiles'!$G$22=$B$17,14,0)+IF('Standard Profiles'!$G$22=$B$24,21,0),0)),0)</f>
        <v>0</v>
      </c>
      <c r="I828">
        <f t="shared" si="104"/>
        <v>0.18807352569494049</v>
      </c>
      <c r="J828">
        <f t="shared" si="105"/>
        <v>0.62691175231646834</v>
      </c>
      <c r="K828">
        <f t="shared" si="106"/>
        <v>0.94036762847470257</v>
      </c>
      <c r="L828">
        <f t="shared" si="107"/>
        <v>9.0201674657291502</v>
      </c>
      <c r="M828">
        <f t="shared" si="108"/>
        <v>0</v>
      </c>
      <c r="N828" s="46">
        <f t="shared" si="109"/>
        <v>45325.083333331408</v>
      </c>
    </row>
    <row r="829" spans="2:14" x14ac:dyDescent="0.3">
      <c r="B829">
        <f t="shared" si="103"/>
        <v>6</v>
      </c>
      <c r="C829" s="16">
        <v>795</v>
      </c>
      <c r="D829" cm="1">
        <f t="array" ref="D829">IFERROR(INDEX(Jesper!AH$2:AH$366,ROUNDDOWN($C829/24,0)+1,1)*INDEX($D$3:$AA$30,INDEX(Jesper!$R$2:$R$366,ROW(INDEX(Jesper!AH$2:AH$366,ROUNDDOWN($C829/24,0)+1,1))-1)+IF('Standard Profiles'!$G$18=$B$10,7,0)+IF('Standard Profiles'!$G$18=$B$17,14,0)+IF('Standard Profiles'!$G$18=$B$24,21,0),MOD($C829,24)+1)/SUM(INDEX($D$3:$AA$30,INDEX(Jesper!$R$2:$R$366,ROW(INDEX(Jesper!AH$2:AH$366,ROUNDDOWN($C829/24,0)+1,1))-1)+IF('Standard Profiles'!$G$18=$B$10,7,0)+IF('Standard Profiles'!$G$18=$B$17,14,0)+IF('Standard Profiles'!$G$18=$B$24,21,0),0)),0)</f>
        <v>8.6879042370014226</v>
      </c>
      <c r="E829" cm="1">
        <f t="array" ref="E829">IFERROR(INDEX(Jesper!AI$2:AI$366,ROUNDDOWN($C829/24,0)+1,1)*INDEX($D$3:$AA$30,INDEX(Jesper!$R$2:$R$366,ROW(INDEX(Jesper!AI$2:AI$366,ROUNDDOWN($C829/24,0)+1,1))-1)+IF('Standard Profiles'!$G$19=$B$10,7,0)+IF('Standard Profiles'!$G$19=$B$17,14,0)+IF('Standard Profiles'!$G$19=$B$24,21,0),MOD($C829,24)+1)/SUM(INDEX($D$3:$AA$30,INDEX(Jesper!$R$2:$R$366,ROW(INDEX(Jesper!AI$2:AI$366,ROUNDDOWN($C829/24,0)+1,1))-1)+IF('Standard Profiles'!$G$19=$B$10,7,0)+IF('Standard Profiles'!$G$19=$B$17,14,0)+IF('Standard Profiles'!$G$19=$B$24,21,0),0)),0)</f>
        <v>2.0876161352138389</v>
      </c>
      <c r="F829" cm="1">
        <f t="array" ref="F829">IFERROR(INDEX(Jesper!AJ$2:AJ$366,ROUNDDOWN($C829/24,0)+1,1)*INDEX($D$3:$AA$30,INDEX(Jesper!$R$2:$R$366,ROW(INDEX(Jesper!AJ$2:AJ$366,ROUNDDOWN($C829/24,0)+1,1))-1)+IF('Standard Profiles'!$G$20=$B$10,7,0)+IF('Standard Profiles'!$G$20=$B$17,14,0)+IF('Standard Profiles'!$G$20=$B$24,21,0),MOD($C829,24)+1)/SUM(INDEX($D$3:$AA$30,INDEX(Jesper!$R$2:$R$366,ROW(INDEX(Jesper!AJ$2:AJ$366,ROUNDDOWN($C829/24,0)+1,1))-1)+IF('Standard Profiles'!$G$20=$B$10,7,0)+IF('Standard Profiles'!$G$20=$B$17,14,0)+IF('Standard Profiles'!$G$20=$B$24,21,0),0)),0)</f>
        <v>0</v>
      </c>
      <c r="G829" cm="1">
        <f t="array" ref="G829">IFERROR(INDEX(Jesper!AK$2:AK$366,ROUNDDOWN($C829/24,0)+1,1)*INDEX($D$3:$AA$30,INDEX(Jesper!$R$2:$R$366,ROW(INDEX(Jesper!AK$2:AK$366,ROUNDDOWN($C829/24,0)+1,1))-1)+IF('Standard Profiles'!$G$21=$B$10,7,0)+IF('Standard Profiles'!$G$21=$B$17,14,0)+IF('Standard Profiles'!$G$21=$B$24,21,0),MOD($C829,24)+1)/SUM(INDEX($D$3:$AA$30,INDEX(Jesper!$R$2:$R$366,ROW(INDEX(Jesper!AK$2:AK$366,ROUNDDOWN($C829/24,0)+1,1))-1)+IF('Standard Profiles'!$G$21=$B$10,7,0)+IF('Standard Profiles'!$G$21=$B$17,14,0)+IF('Standard Profiles'!$G$21=$B$24,21,0),0)),0)</f>
        <v>0</v>
      </c>
      <c r="H829" cm="1">
        <f t="array" ref="H829">IFERROR(INDEX(Jesper!AL$2:AL$366,ROUNDDOWN($C829/24,0)+1,1)*INDEX($D$3:$AA$30,INDEX(Jesper!$R$2:$R$366,ROW(INDEX(Jesper!AL$2:AL$366,ROUNDDOWN($C829/24,0)+1,1))-1)+IF('Standard Profiles'!$G$22=$B$10,7,0)+IF('Standard Profiles'!$G$22=$B$17,14,0)+IF('Standard Profiles'!$G$22=$B$24,21,0),MOD($C829,24)+1)/SUM(INDEX($D$3:$AA$30,INDEX(Jesper!$R$2:$R$366,ROW(INDEX(Jesper!AL$2:AL$366,ROUNDDOWN($C829/24,0)+1,1))-1)+IF('Standard Profiles'!$G$22=$B$10,7,0)+IF('Standard Profiles'!$G$22=$B$17,14,0)+IF('Standard Profiles'!$G$22=$B$24,21,0),0)),0)</f>
        <v>0</v>
      </c>
      <c r="I829">
        <f t="shared" si="104"/>
        <v>0.18807352569494049</v>
      </c>
      <c r="J829">
        <f t="shared" si="105"/>
        <v>0.62691175231646834</v>
      </c>
      <c r="K829">
        <f t="shared" si="106"/>
        <v>0.94036762847470257</v>
      </c>
      <c r="L829">
        <f t="shared" si="107"/>
        <v>9.0201674657291502</v>
      </c>
      <c r="M829">
        <f t="shared" si="108"/>
        <v>0</v>
      </c>
      <c r="N829" s="46">
        <f t="shared" si="109"/>
        <v>45325.124999998072</v>
      </c>
    </row>
    <row r="830" spans="2:14" x14ac:dyDescent="0.3">
      <c r="B830">
        <f t="shared" si="103"/>
        <v>6</v>
      </c>
      <c r="C830" s="16">
        <v>796</v>
      </c>
      <c r="D830" cm="1">
        <f t="array" ref="D830">IFERROR(INDEX(Jesper!AH$2:AH$366,ROUNDDOWN($C830/24,0)+1,1)*INDEX($D$3:$AA$30,INDEX(Jesper!$R$2:$R$366,ROW(INDEX(Jesper!AH$2:AH$366,ROUNDDOWN($C830/24,0)+1,1))-1)+IF('Standard Profiles'!$G$18=$B$10,7,0)+IF('Standard Profiles'!$G$18=$B$17,14,0)+IF('Standard Profiles'!$G$18=$B$24,21,0),MOD($C830,24)+1)/SUM(INDEX($D$3:$AA$30,INDEX(Jesper!$R$2:$R$366,ROW(INDEX(Jesper!AH$2:AH$366,ROUNDDOWN($C830/24,0)+1,1))-1)+IF('Standard Profiles'!$G$18=$B$10,7,0)+IF('Standard Profiles'!$G$18=$B$17,14,0)+IF('Standard Profiles'!$G$18=$B$24,21,0),0)),0)</f>
        <v>8.6879042370014226</v>
      </c>
      <c r="E830" cm="1">
        <f t="array" ref="E830">IFERROR(INDEX(Jesper!AI$2:AI$366,ROUNDDOWN($C830/24,0)+1,1)*INDEX($D$3:$AA$30,INDEX(Jesper!$R$2:$R$366,ROW(INDEX(Jesper!AI$2:AI$366,ROUNDDOWN($C830/24,0)+1,1))-1)+IF('Standard Profiles'!$G$19=$B$10,7,0)+IF('Standard Profiles'!$G$19=$B$17,14,0)+IF('Standard Profiles'!$G$19=$B$24,21,0),MOD($C830,24)+1)/SUM(INDEX($D$3:$AA$30,INDEX(Jesper!$R$2:$R$366,ROW(INDEX(Jesper!AI$2:AI$366,ROUNDDOWN($C830/24,0)+1,1))-1)+IF('Standard Profiles'!$G$19=$B$10,7,0)+IF('Standard Profiles'!$G$19=$B$17,14,0)+IF('Standard Profiles'!$G$19=$B$24,21,0),0)),0)</f>
        <v>2.0876161352138389</v>
      </c>
      <c r="F830" cm="1">
        <f t="array" ref="F830">IFERROR(INDEX(Jesper!AJ$2:AJ$366,ROUNDDOWN($C830/24,0)+1,1)*INDEX($D$3:$AA$30,INDEX(Jesper!$R$2:$R$366,ROW(INDEX(Jesper!AJ$2:AJ$366,ROUNDDOWN($C830/24,0)+1,1))-1)+IF('Standard Profiles'!$G$20=$B$10,7,0)+IF('Standard Profiles'!$G$20=$B$17,14,0)+IF('Standard Profiles'!$G$20=$B$24,21,0),MOD($C830,24)+1)/SUM(INDEX($D$3:$AA$30,INDEX(Jesper!$R$2:$R$366,ROW(INDEX(Jesper!AJ$2:AJ$366,ROUNDDOWN($C830/24,0)+1,1))-1)+IF('Standard Profiles'!$G$20=$B$10,7,0)+IF('Standard Profiles'!$G$20=$B$17,14,0)+IF('Standard Profiles'!$G$20=$B$24,21,0),0)),0)</f>
        <v>0</v>
      </c>
      <c r="G830" cm="1">
        <f t="array" ref="G830">IFERROR(INDEX(Jesper!AK$2:AK$366,ROUNDDOWN($C830/24,0)+1,1)*INDEX($D$3:$AA$30,INDEX(Jesper!$R$2:$R$366,ROW(INDEX(Jesper!AK$2:AK$366,ROUNDDOWN($C830/24,0)+1,1))-1)+IF('Standard Profiles'!$G$21=$B$10,7,0)+IF('Standard Profiles'!$G$21=$B$17,14,0)+IF('Standard Profiles'!$G$21=$B$24,21,0),MOD($C830,24)+1)/SUM(INDEX($D$3:$AA$30,INDEX(Jesper!$R$2:$R$366,ROW(INDEX(Jesper!AK$2:AK$366,ROUNDDOWN($C830/24,0)+1,1))-1)+IF('Standard Profiles'!$G$21=$B$10,7,0)+IF('Standard Profiles'!$G$21=$B$17,14,0)+IF('Standard Profiles'!$G$21=$B$24,21,0),0)),0)</f>
        <v>0</v>
      </c>
      <c r="H830" cm="1">
        <f t="array" ref="H830">IFERROR(INDEX(Jesper!AL$2:AL$366,ROUNDDOWN($C830/24,0)+1,1)*INDEX($D$3:$AA$30,INDEX(Jesper!$R$2:$R$366,ROW(INDEX(Jesper!AL$2:AL$366,ROUNDDOWN($C830/24,0)+1,1))-1)+IF('Standard Profiles'!$G$22=$B$10,7,0)+IF('Standard Profiles'!$G$22=$B$17,14,0)+IF('Standard Profiles'!$G$22=$B$24,21,0),MOD($C830,24)+1)/SUM(INDEX($D$3:$AA$30,INDEX(Jesper!$R$2:$R$366,ROW(INDEX(Jesper!AL$2:AL$366,ROUNDDOWN($C830/24,0)+1,1))-1)+IF('Standard Profiles'!$G$22=$B$10,7,0)+IF('Standard Profiles'!$G$22=$B$17,14,0)+IF('Standard Profiles'!$G$22=$B$24,21,0),0)),0)</f>
        <v>0</v>
      </c>
      <c r="I830">
        <f t="shared" si="104"/>
        <v>0.18807352569494049</v>
      </c>
      <c r="J830">
        <f t="shared" si="105"/>
        <v>0.62691175231646834</v>
      </c>
      <c r="K830">
        <f t="shared" si="106"/>
        <v>0.94036762847470257</v>
      </c>
      <c r="L830">
        <f t="shared" si="107"/>
        <v>9.0201674657291502</v>
      </c>
      <c r="M830">
        <f t="shared" si="108"/>
        <v>0</v>
      </c>
      <c r="N830" s="46">
        <f t="shared" si="109"/>
        <v>45325.166666664736</v>
      </c>
    </row>
    <row r="831" spans="2:14" x14ac:dyDescent="0.3">
      <c r="B831">
        <f t="shared" si="103"/>
        <v>6</v>
      </c>
      <c r="C831" s="16">
        <v>797</v>
      </c>
      <c r="D831" cm="1">
        <f t="array" ref="D831">IFERROR(INDEX(Jesper!AH$2:AH$366,ROUNDDOWN($C831/24,0)+1,1)*INDEX($D$3:$AA$30,INDEX(Jesper!$R$2:$R$366,ROW(INDEX(Jesper!AH$2:AH$366,ROUNDDOWN($C831/24,0)+1,1))-1)+IF('Standard Profiles'!$G$18=$B$10,7,0)+IF('Standard Profiles'!$G$18=$B$17,14,0)+IF('Standard Profiles'!$G$18=$B$24,21,0),MOD($C831,24)+1)/SUM(INDEX($D$3:$AA$30,INDEX(Jesper!$R$2:$R$366,ROW(INDEX(Jesper!AH$2:AH$366,ROUNDDOWN($C831/24,0)+1,1))-1)+IF('Standard Profiles'!$G$18=$B$10,7,0)+IF('Standard Profiles'!$G$18=$B$17,14,0)+IF('Standard Profiles'!$G$18=$B$24,21,0),0)),0)</f>
        <v>10.806905270416404</v>
      </c>
      <c r="E831" cm="1">
        <f t="array" ref="E831">IFERROR(INDEX(Jesper!AI$2:AI$366,ROUNDDOWN($C831/24,0)+1,1)*INDEX($D$3:$AA$30,INDEX(Jesper!$R$2:$R$366,ROW(INDEX(Jesper!AI$2:AI$366,ROUNDDOWN($C831/24,0)+1,1))-1)+IF('Standard Profiles'!$G$19=$B$10,7,0)+IF('Standard Profiles'!$G$19=$B$17,14,0)+IF('Standard Profiles'!$G$19=$B$24,21,0),MOD($C831,24)+1)/SUM(INDEX($D$3:$AA$30,INDEX(Jesper!$R$2:$R$366,ROW(INDEX(Jesper!AI$2:AI$366,ROUNDDOWN($C831/24,0)+1,1))-1)+IF('Standard Profiles'!$G$19=$B$10,7,0)+IF('Standard Profiles'!$G$19=$B$17,14,0)+IF('Standard Profiles'!$G$19=$B$24,21,0),0)),0)</f>
        <v>2.5967908023391657</v>
      </c>
      <c r="F831" cm="1">
        <f t="array" ref="F831">IFERROR(INDEX(Jesper!AJ$2:AJ$366,ROUNDDOWN($C831/24,0)+1,1)*INDEX($D$3:$AA$30,INDEX(Jesper!$R$2:$R$366,ROW(INDEX(Jesper!AJ$2:AJ$366,ROUNDDOWN($C831/24,0)+1,1))-1)+IF('Standard Profiles'!$G$20=$B$10,7,0)+IF('Standard Profiles'!$G$20=$B$17,14,0)+IF('Standard Profiles'!$G$20=$B$24,21,0),MOD($C831,24)+1)/SUM(INDEX($D$3:$AA$30,INDEX(Jesper!$R$2:$R$366,ROW(INDEX(Jesper!AJ$2:AJ$366,ROUNDDOWN($C831/24,0)+1,1))-1)+IF('Standard Profiles'!$G$20=$B$10,7,0)+IF('Standard Profiles'!$G$20=$B$17,14,0)+IF('Standard Profiles'!$G$20=$B$24,21,0),0)),0)</f>
        <v>0</v>
      </c>
      <c r="G831" cm="1">
        <f t="array" ref="G831">IFERROR(INDEX(Jesper!AK$2:AK$366,ROUNDDOWN($C831/24,0)+1,1)*INDEX($D$3:$AA$30,INDEX(Jesper!$R$2:$R$366,ROW(INDEX(Jesper!AK$2:AK$366,ROUNDDOWN($C831/24,0)+1,1))-1)+IF('Standard Profiles'!$G$21=$B$10,7,0)+IF('Standard Profiles'!$G$21=$B$17,14,0)+IF('Standard Profiles'!$G$21=$B$24,21,0),MOD($C831,24)+1)/SUM(INDEX($D$3:$AA$30,INDEX(Jesper!$R$2:$R$366,ROW(INDEX(Jesper!AK$2:AK$366,ROUNDDOWN($C831/24,0)+1,1))-1)+IF('Standard Profiles'!$G$21=$B$10,7,0)+IF('Standard Profiles'!$G$21=$B$17,14,0)+IF('Standard Profiles'!$G$21=$B$24,21,0),0)),0)</f>
        <v>0</v>
      </c>
      <c r="H831" cm="1">
        <f t="array" ref="H831">IFERROR(INDEX(Jesper!AL$2:AL$366,ROUNDDOWN($C831/24,0)+1,1)*INDEX($D$3:$AA$30,INDEX(Jesper!$R$2:$R$366,ROW(INDEX(Jesper!AL$2:AL$366,ROUNDDOWN($C831/24,0)+1,1))-1)+IF('Standard Profiles'!$G$22=$B$10,7,0)+IF('Standard Profiles'!$G$22=$B$17,14,0)+IF('Standard Profiles'!$G$22=$B$24,21,0),MOD($C831,24)+1)/SUM(INDEX($D$3:$AA$30,INDEX(Jesper!$R$2:$R$366,ROW(INDEX(Jesper!AL$2:AL$366,ROUNDDOWN($C831/24,0)+1,1))-1)+IF('Standard Profiles'!$G$22=$B$10,7,0)+IF('Standard Profiles'!$G$22=$B$17,14,0)+IF('Standard Profiles'!$G$22=$B$24,21,0),0)),0)</f>
        <v>0</v>
      </c>
      <c r="I831">
        <f t="shared" si="104"/>
        <v>0.23394511732785284</v>
      </c>
      <c r="J831">
        <f t="shared" si="105"/>
        <v>0.77981705775950949</v>
      </c>
      <c r="K831">
        <f t="shared" si="106"/>
        <v>1.1697255866392642</v>
      </c>
      <c r="L831">
        <f t="shared" si="107"/>
        <v>11.220208311028944</v>
      </c>
      <c r="M831">
        <f t="shared" si="108"/>
        <v>0</v>
      </c>
      <c r="N831" s="46">
        <f t="shared" si="109"/>
        <v>45325.2083333314</v>
      </c>
    </row>
    <row r="832" spans="2:14" x14ac:dyDescent="0.3">
      <c r="B832">
        <f t="shared" si="103"/>
        <v>6</v>
      </c>
      <c r="C832" s="16">
        <v>798</v>
      </c>
      <c r="D832" cm="1">
        <f t="array" ref="D832">IFERROR(INDEX(Jesper!AH$2:AH$366,ROUNDDOWN($C832/24,0)+1,1)*INDEX($D$3:$AA$30,INDEX(Jesper!$R$2:$R$366,ROW(INDEX(Jesper!AH$2:AH$366,ROUNDDOWN($C832/24,0)+1,1))-1)+IF('Standard Profiles'!$G$18=$B$10,7,0)+IF('Standard Profiles'!$G$18=$B$17,14,0)+IF('Standard Profiles'!$G$18=$B$24,21,0),MOD($C832,24)+1)/SUM(INDEX($D$3:$AA$30,INDEX(Jesper!$R$2:$R$366,ROW(INDEX(Jesper!AH$2:AH$366,ROUNDDOWN($C832/24,0)+1,1))-1)+IF('Standard Profiles'!$G$18=$B$10,7,0)+IF('Standard Profiles'!$G$18=$B$17,14,0)+IF('Standard Profiles'!$G$18=$B$24,21,0),0)),0)</f>
        <v>13.561606613855879</v>
      </c>
      <c r="E832" cm="1">
        <f t="array" ref="E832">IFERROR(INDEX(Jesper!AI$2:AI$366,ROUNDDOWN($C832/24,0)+1,1)*INDEX($D$3:$AA$30,INDEX(Jesper!$R$2:$R$366,ROW(INDEX(Jesper!AI$2:AI$366,ROUNDDOWN($C832/24,0)+1,1))-1)+IF('Standard Profiles'!$G$19=$B$10,7,0)+IF('Standard Profiles'!$G$19=$B$17,14,0)+IF('Standard Profiles'!$G$19=$B$24,21,0),MOD($C832,24)+1)/SUM(INDEX($D$3:$AA$30,INDEX(Jesper!$R$2:$R$366,ROW(INDEX(Jesper!AI$2:AI$366,ROUNDDOWN($C832/24,0)+1,1))-1)+IF('Standard Profiles'!$G$19=$B$10,7,0)+IF('Standard Profiles'!$G$19=$B$17,14,0)+IF('Standard Profiles'!$G$19=$B$24,21,0),0)),0)</f>
        <v>3.2587178696020898</v>
      </c>
      <c r="F832" cm="1">
        <f t="array" ref="F832">IFERROR(INDEX(Jesper!AJ$2:AJ$366,ROUNDDOWN($C832/24,0)+1,1)*INDEX($D$3:$AA$30,INDEX(Jesper!$R$2:$R$366,ROW(INDEX(Jesper!AJ$2:AJ$366,ROUNDDOWN($C832/24,0)+1,1))-1)+IF('Standard Profiles'!$G$20=$B$10,7,0)+IF('Standard Profiles'!$G$20=$B$17,14,0)+IF('Standard Profiles'!$G$20=$B$24,21,0),MOD($C832,24)+1)/SUM(INDEX($D$3:$AA$30,INDEX(Jesper!$R$2:$R$366,ROW(INDEX(Jesper!AJ$2:AJ$366,ROUNDDOWN($C832/24,0)+1,1))-1)+IF('Standard Profiles'!$G$20=$B$10,7,0)+IF('Standard Profiles'!$G$20=$B$17,14,0)+IF('Standard Profiles'!$G$20=$B$24,21,0),0)),0)</f>
        <v>0</v>
      </c>
      <c r="G832" cm="1">
        <f t="array" ref="G832">IFERROR(INDEX(Jesper!AK$2:AK$366,ROUNDDOWN($C832/24,0)+1,1)*INDEX($D$3:$AA$30,INDEX(Jesper!$R$2:$R$366,ROW(INDEX(Jesper!AK$2:AK$366,ROUNDDOWN($C832/24,0)+1,1))-1)+IF('Standard Profiles'!$G$21=$B$10,7,0)+IF('Standard Profiles'!$G$21=$B$17,14,0)+IF('Standard Profiles'!$G$21=$B$24,21,0),MOD($C832,24)+1)/SUM(INDEX($D$3:$AA$30,INDEX(Jesper!$R$2:$R$366,ROW(INDEX(Jesper!AK$2:AK$366,ROUNDDOWN($C832/24,0)+1,1))-1)+IF('Standard Profiles'!$G$21=$B$10,7,0)+IF('Standard Profiles'!$G$21=$B$17,14,0)+IF('Standard Profiles'!$G$21=$B$24,21,0),0)),0)</f>
        <v>0</v>
      </c>
      <c r="H832" cm="1">
        <f t="array" ref="H832">IFERROR(INDEX(Jesper!AL$2:AL$366,ROUNDDOWN($C832/24,0)+1,1)*INDEX($D$3:$AA$30,INDEX(Jesper!$R$2:$R$366,ROW(INDEX(Jesper!AL$2:AL$366,ROUNDDOWN($C832/24,0)+1,1))-1)+IF('Standard Profiles'!$G$22=$B$10,7,0)+IF('Standard Profiles'!$G$22=$B$17,14,0)+IF('Standard Profiles'!$G$22=$B$24,21,0),MOD($C832,24)+1)/SUM(INDEX($D$3:$AA$30,INDEX(Jesper!$R$2:$R$366,ROW(INDEX(Jesper!AL$2:AL$366,ROUNDDOWN($C832/24,0)+1,1))-1)+IF('Standard Profiles'!$G$22=$B$10,7,0)+IF('Standard Profiles'!$G$22=$B$17,14,0)+IF('Standard Profiles'!$G$22=$B$24,21,0),0)),0)</f>
        <v>0</v>
      </c>
      <c r="I832">
        <f t="shared" si="104"/>
        <v>0.29357818645063877</v>
      </c>
      <c r="J832">
        <f t="shared" si="105"/>
        <v>0.97859395483546274</v>
      </c>
      <c r="K832">
        <f t="shared" si="106"/>
        <v>1.4678909322531941</v>
      </c>
      <c r="L832">
        <f t="shared" si="107"/>
        <v>14.080261409918673</v>
      </c>
      <c r="M832">
        <f t="shared" si="108"/>
        <v>0</v>
      </c>
      <c r="N832" s="46">
        <f t="shared" si="109"/>
        <v>45325.249999998065</v>
      </c>
    </row>
    <row r="833" spans="2:14" x14ac:dyDescent="0.3">
      <c r="B833">
        <f t="shared" si="103"/>
        <v>6</v>
      </c>
      <c r="C833" s="16">
        <v>799</v>
      </c>
      <c r="D833" cm="1">
        <f t="array" ref="D833">IFERROR(INDEX(Jesper!AH$2:AH$366,ROUNDDOWN($C833/24,0)+1,1)*INDEX($D$3:$AA$30,INDEX(Jesper!$R$2:$R$366,ROW(INDEX(Jesper!AH$2:AH$366,ROUNDDOWN($C833/24,0)+1,1))-1)+IF('Standard Profiles'!$G$18=$B$10,7,0)+IF('Standard Profiles'!$G$18=$B$17,14,0)+IF('Standard Profiles'!$G$18=$B$24,21,0),MOD($C833,24)+1)/SUM(INDEX($D$3:$AA$30,INDEX(Jesper!$R$2:$R$366,ROW(INDEX(Jesper!AH$2:AH$366,ROUNDDOWN($C833/24,0)+1,1))-1)+IF('Standard Profiles'!$G$18=$B$10,7,0)+IF('Standard Profiles'!$G$18=$B$17,14,0)+IF('Standard Profiles'!$G$18=$B$24,21,0),0)),0)</f>
        <v>15.468707543929362</v>
      </c>
      <c r="E833" cm="1">
        <f t="array" ref="E833">IFERROR(INDEX(Jesper!AI$2:AI$366,ROUNDDOWN($C833/24,0)+1,1)*INDEX($D$3:$AA$30,INDEX(Jesper!$R$2:$R$366,ROW(INDEX(Jesper!AI$2:AI$366,ROUNDDOWN($C833/24,0)+1,1))-1)+IF('Standard Profiles'!$G$19=$B$10,7,0)+IF('Standard Profiles'!$G$19=$B$17,14,0)+IF('Standard Profiles'!$G$19=$B$24,21,0),MOD($C833,24)+1)/SUM(INDEX($D$3:$AA$30,INDEX(Jesper!$R$2:$R$366,ROW(INDEX(Jesper!AI$2:AI$366,ROUNDDOWN($C833/24,0)+1,1))-1)+IF('Standard Profiles'!$G$19=$B$10,7,0)+IF('Standard Profiles'!$G$19=$B$17,14,0)+IF('Standard Profiles'!$G$19=$B$24,21,0),0)),0)</f>
        <v>3.7169750700148834</v>
      </c>
      <c r="F833" cm="1">
        <f t="array" ref="F833">IFERROR(INDEX(Jesper!AJ$2:AJ$366,ROUNDDOWN($C833/24,0)+1,1)*INDEX($D$3:$AA$30,INDEX(Jesper!$R$2:$R$366,ROW(INDEX(Jesper!AJ$2:AJ$366,ROUNDDOWN($C833/24,0)+1,1))-1)+IF('Standard Profiles'!$G$20=$B$10,7,0)+IF('Standard Profiles'!$G$20=$B$17,14,0)+IF('Standard Profiles'!$G$20=$B$24,21,0),MOD($C833,24)+1)/SUM(INDEX($D$3:$AA$30,INDEX(Jesper!$R$2:$R$366,ROW(INDEX(Jesper!AJ$2:AJ$366,ROUNDDOWN($C833/24,0)+1,1))-1)+IF('Standard Profiles'!$G$20=$B$10,7,0)+IF('Standard Profiles'!$G$20=$B$17,14,0)+IF('Standard Profiles'!$G$20=$B$24,21,0),0)),0)</f>
        <v>0</v>
      </c>
      <c r="G833" cm="1">
        <f t="array" ref="G833">IFERROR(INDEX(Jesper!AK$2:AK$366,ROUNDDOWN($C833/24,0)+1,1)*INDEX($D$3:$AA$30,INDEX(Jesper!$R$2:$R$366,ROW(INDEX(Jesper!AK$2:AK$366,ROUNDDOWN($C833/24,0)+1,1))-1)+IF('Standard Profiles'!$G$21=$B$10,7,0)+IF('Standard Profiles'!$G$21=$B$17,14,0)+IF('Standard Profiles'!$G$21=$B$24,21,0),MOD($C833,24)+1)/SUM(INDEX($D$3:$AA$30,INDEX(Jesper!$R$2:$R$366,ROW(INDEX(Jesper!AK$2:AK$366,ROUNDDOWN($C833/24,0)+1,1))-1)+IF('Standard Profiles'!$G$21=$B$10,7,0)+IF('Standard Profiles'!$G$21=$B$17,14,0)+IF('Standard Profiles'!$G$21=$B$24,21,0),0)),0)</f>
        <v>0</v>
      </c>
      <c r="H833" cm="1">
        <f t="array" ref="H833">IFERROR(INDEX(Jesper!AL$2:AL$366,ROUNDDOWN($C833/24,0)+1,1)*INDEX($D$3:$AA$30,INDEX(Jesper!$R$2:$R$366,ROW(INDEX(Jesper!AL$2:AL$366,ROUNDDOWN($C833/24,0)+1,1))-1)+IF('Standard Profiles'!$G$22=$B$10,7,0)+IF('Standard Profiles'!$G$22=$B$17,14,0)+IF('Standard Profiles'!$G$22=$B$24,21,0),MOD($C833,24)+1)/SUM(INDEX($D$3:$AA$30,INDEX(Jesper!$R$2:$R$366,ROW(INDEX(Jesper!AL$2:AL$366,ROUNDDOWN($C833/24,0)+1,1))-1)+IF('Standard Profiles'!$G$22=$B$10,7,0)+IF('Standard Profiles'!$G$22=$B$17,14,0)+IF('Standard Profiles'!$G$22=$B$24,21,0),0)),0)</f>
        <v>0</v>
      </c>
      <c r="I833">
        <f t="shared" si="104"/>
        <v>0.33486261892025987</v>
      </c>
      <c r="J833">
        <f t="shared" si="105"/>
        <v>1.1162087297341996</v>
      </c>
      <c r="K833">
        <f t="shared" si="106"/>
        <v>1.6743130946012994</v>
      </c>
      <c r="L833">
        <f t="shared" si="107"/>
        <v>16.060298170688487</v>
      </c>
      <c r="M833">
        <f t="shared" si="108"/>
        <v>0</v>
      </c>
      <c r="N833" s="46">
        <f t="shared" si="109"/>
        <v>45325.291666664729</v>
      </c>
    </row>
    <row r="834" spans="2:14" x14ac:dyDescent="0.3">
      <c r="B834">
        <f t="shared" si="103"/>
        <v>6</v>
      </c>
      <c r="C834" s="16">
        <v>800</v>
      </c>
      <c r="D834" cm="1">
        <f t="array" ref="D834">IFERROR(INDEX(Jesper!AH$2:AH$366,ROUNDDOWN($C834/24,0)+1,1)*INDEX($D$3:$AA$30,INDEX(Jesper!$R$2:$R$366,ROW(INDEX(Jesper!AH$2:AH$366,ROUNDDOWN($C834/24,0)+1,1))-1)+IF('Standard Profiles'!$G$18=$B$10,7,0)+IF('Standard Profiles'!$G$18=$B$17,14,0)+IF('Standard Profiles'!$G$18=$B$24,21,0),MOD($C834,24)+1)/SUM(INDEX($D$3:$AA$30,INDEX(Jesper!$R$2:$R$366,ROW(INDEX(Jesper!AH$2:AH$366,ROUNDDOWN($C834/24,0)+1,1))-1)+IF('Standard Profiles'!$G$18=$B$10,7,0)+IF('Standard Profiles'!$G$18=$B$17,14,0)+IF('Standard Profiles'!$G$18=$B$24,21,0),0)),0)</f>
        <v>15.468707543929362</v>
      </c>
      <c r="E834" cm="1">
        <f t="array" ref="E834">IFERROR(INDEX(Jesper!AI$2:AI$366,ROUNDDOWN($C834/24,0)+1,1)*INDEX($D$3:$AA$30,INDEX(Jesper!$R$2:$R$366,ROW(INDEX(Jesper!AI$2:AI$366,ROUNDDOWN($C834/24,0)+1,1))-1)+IF('Standard Profiles'!$G$19=$B$10,7,0)+IF('Standard Profiles'!$G$19=$B$17,14,0)+IF('Standard Profiles'!$G$19=$B$24,21,0),MOD($C834,24)+1)/SUM(INDEX($D$3:$AA$30,INDEX(Jesper!$R$2:$R$366,ROW(INDEX(Jesper!AI$2:AI$366,ROUNDDOWN($C834/24,0)+1,1))-1)+IF('Standard Profiles'!$G$19=$B$10,7,0)+IF('Standard Profiles'!$G$19=$B$17,14,0)+IF('Standard Profiles'!$G$19=$B$24,21,0),0)),0)</f>
        <v>3.7169750700148834</v>
      </c>
      <c r="F834" cm="1">
        <f t="array" ref="F834">IFERROR(INDEX(Jesper!AJ$2:AJ$366,ROUNDDOWN($C834/24,0)+1,1)*INDEX($D$3:$AA$30,INDEX(Jesper!$R$2:$R$366,ROW(INDEX(Jesper!AJ$2:AJ$366,ROUNDDOWN($C834/24,0)+1,1))-1)+IF('Standard Profiles'!$G$20=$B$10,7,0)+IF('Standard Profiles'!$G$20=$B$17,14,0)+IF('Standard Profiles'!$G$20=$B$24,21,0),MOD($C834,24)+1)/SUM(INDEX($D$3:$AA$30,INDEX(Jesper!$R$2:$R$366,ROW(INDEX(Jesper!AJ$2:AJ$366,ROUNDDOWN($C834/24,0)+1,1))-1)+IF('Standard Profiles'!$G$20=$B$10,7,0)+IF('Standard Profiles'!$G$20=$B$17,14,0)+IF('Standard Profiles'!$G$20=$B$24,21,0),0)),0)</f>
        <v>0</v>
      </c>
      <c r="G834" cm="1">
        <f t="array" ref="G834">IFERROR(INDEX(Jesper!AK$2:AK$366,ROUNDDOWN($C834/24,0)+1,1)*INDEX($D$3:$AA$30,INDEX(Jesper!$R$2:$R$366,ROW(INDEX(Jesper!AK$2:AK$366,ROUNDDOWN($C834/24,0)+1,1))-1)+IF('Standard Profiles'!$G$21=$B$10,7,0)+IF('Standard Profiles'!$G$21=$B$17,14,0)+IF('Standard Profiles'!$G$21=$B$24,21,0),MOD($C834,24)+1)/SUM(INDEX($D$3:$AA$30,INDEX(Jesper!$R$2:$R$366,ROW(INDEX(Jesper!AK$2:AK$366,ROUNDDOWN($C834/24,0)+1,1))-1)+IF('Standard Profiles'!$G$21=$B$10,7,0)+IF('Standard Profiles'!$G$21=$B$17,14,0)+IF('Standard Profiles'!$G$21=$B$24,21,0),0)),0)</f>
        <v>0</v>
      </c>
      <c r="H834" cm="1">
        <f t="array" ref="H834">IFERROR(INDEX(Jesper!AL$2:AL$366,ROUNDDOWN($C834/24,0)+1,1)*INDEX($D$3:$AA$30,INDEX(Jesper!$R$2:$R$366,ROW(INDEX(Jesper!AL$2:AL$366,ROUNDDOWN($C834/24,0)+1,1))-1)+IF('Standard Profiles'!$G$22=$B$10,7,0)+IF('Standard Profiles'!$G$22=$B$17,14,0)+IF('Standard Profiles'!$G$22=$B$24,21,0),MOD($C834,24)+1)/SUM(INDEX($D$3:$AA$30,INDEX(Jesper!$R$2:$R$366,ROW(INDEX(Jesper!AL$2:AL$366,ROUNDDOWN($C834/24,0)+1,1))-1)+IF('Standard Profiles'!$G$22=$B$10,7,0)+IF('Standard Profiles'!$G$22=$B$17,14,0)+IF('Standard Profiles'!$G$22=$B$24,21,0),0)),0)</f>
        <v>0</v>
      </c>
      <c r="I834">
        <f t="shared" si="104"/>
        <v>0.33486261892025987</v>
      </c>
      <c r="J834">
        <f t="shared" si="105"/>
        <v>1.1162087297341996</v>
      </c>
      <c r="K834">
        <f t="shared" si="106"/>
        <v>1.6743130946012994</v>
      </c>
      <c r="L834">
        <f t="shared" si="107"/>
        <v>16.060298170688487</v>
      </c>
      <c r="M834">
        <f t="shared" si="108"/>
        <v>0</v>
      </c>
      <c r="N834" s="46">
        <f t="shared" si="109"/>
        <v>45325.333333331393</v>
      </c>
    </row>
    <row r="835" spans="2:14" x14ac:dyDescent="0.3">
      <c r="B835">
        <f t="shared" si="103"/>
        <v>6</v>
      </c>
      <c r="C835" s="16">
        <v>801</v>
      </c>
      <c r="D835" cm="1">
        <f t="array" ref="D835">IFERROR(INDEX(Jesper!AH$2:AH$366,ROUNDDOWN($C835/24,0)+1,1)*INDEX($D$3:$AA$30,INDEX(Jesper!$R$2:$R$366,ROW(INDEX(Jesper!AH$2:AH$366,ROUNDDOWN($C835/24,0)+1,1))-1)+IF('Standard Profiles'!$G$18=$B$10,7,0)+IF('Standard Profiles'!$G$18=$B$17,14,0)+IF('Standard Profiles'!$G$18=$B$24,21,0),MOD($C835,24)+1)/SUM(INDEX($D$3:$AA$30,INDEX(Jesper!$R$2:$R$366,ROW(INDEX(Jesper!AH$2:AH$366,ROUNDDOWN($C835/24,0)+1,1))-1)+IF('Standard Profiles'!$G$18=$B$10,7,0)+IF('Standard Profiles'!$G$18=$B$17,14,0)+IF('Standard Profiles'!$G$18=$B$24,21,0),0)),0)</f>
        <v>15.468707543929362</v>
      </c>
      <c r="E835" cm="1">
        <f t="array" ref="E835">IFERROR(INDEX(Jesper!AI$2:AI$366,ROUNDDOWN($C835/24,0)+1,1)*INDEX($D$3:$AA$30,INDEX(Jesper!$R$2:$R$366,ROW(INDEX(Jesper!AI$2:AI$366,ROUNDDOWN($C835/24,0)+1,1))-1)+IF('Standard Profiles'!$G$19=$B$10,7,0)+IF('Standard Profiles'!$G$19=$B$17,14,0)+IF('Standard Profiles'!$G$19=$B$24,21,0),MOD($C835,24)+1)/SUM(INDEX($D$3:$AA$30,INDEX(Jesper!$R$2:$R$366,ROW(INDEX(Jesper!AI$2:AI$366,ROUNDDOWN($C835/24,0)+1,1))-1)+IF('Standard Profiles'!$G$19=$B$10,7,0)+IF('Standard Profiles'!$G$19=$B$17,14,0)+IF('Standard Profiles'!$G$19=$B$24,21,0),0)),0)</f>
        <v>3.7169750700148834</v>
      </c>
      <c r="F835" cm="1">
        <f t="array" ref="F835">IFERROR(INDEX(Jesper!AJ$2:AJ$366,ROUNDDOWN($C835/24,0)+1,1)*INDEX($D$3:$AA$30,INDEX(Jesper!$R$2:$R$366,ROW(INDEX(Jesper!AJ$2:AJ$366,ROUNDDOWN($C835/24,0)+1,1))-1)+IF('Standard Profiles'!$G$20=$B$10,7,0)+IF('Standard Profiles'!$G$20=$B$17,14,0)+IF('Standard Profiles'!$G$20=$B$24,21,0),MOD($C835,24)+1)/SUM(INDEX($D$3:$AA$30,INDEX(Jesper!$R$2:$R$366,ROW(INDEX(Jesper!AJ$2:AJ$366,ROUNDDOWN($C835/24,0)+1,1))-1)+IF('Standard Profiles'!$G$20=$B$10,7,0)+IF('Standard Profiles'!$G$20=$B$17,14,0)+IF('Standard Profiles'!$G$20=$B$24,21,0),0)),0)</f>
        <v>0</v>
      </c>
      <c r="G835" cm="1">
        <f t="array" ref="G835">IFERROR(INDEX(Jesper!AK$2:AK$366,ROUNDDOWN($C835/24,0)+1,1)*INDEX($D$3:$AA$30,INDEX(Jesper!$R$2:$R$366,ROW(INDEX(Jesper!AK$2:AK$366,ROUNDDOWN($C835/24,0)+1,1))-1)+IF('Standard Profiles'!$G$21=$B$10,7,0)+IF('Standard Profiles'!$G$21=$B$17,14,0)+IF('Standard Profiles'!$G$21=$B$24,21,0),MOD($C835,24)+1)/SUM(INDEX($D$3:$AA$30,INDEX(Jesper!$R$2:$R$366,ROW(INDEX(Jesper!AK$2:AK$366,ROUNDDOWN($C835/24,0)+1,1))-1)+IF('Standard Profiles'!$G$21=$B$10,7,0)+IF('Standard Profiles'!$G$21=$B$17,14,0)+IF('Standard Profiles'!$G$21=$B$24,21,0),0)),0)</f>
        <v>0</v>
      </c>
      <c r="H835" cm="1">
        <f t="array" ref="H835">IFERROR(INDEX(Jesper!AL$2:AL$366,ROUNDDOWN($C835/24,0)+1,1)*INDEX($D$3:$AA$30,INDEX(Jesper!$R$2:$R$366,ROW(INDEX(Jesper!AL$2:AL$366,ROUNDDOWN($C835/24,0)+1,1))-1)+IF('Standard Profiles'!$G$22=$B$10,7,0)+IF('Standard Profiles'!$G$22=$B$17,14,0)+IF('Standard Profiles'!$G$22=$B$24,21,0),MOD($C835,24)+1)/SUM(INDEX($D$3:$AA$30,INDEX(Jesper!$R$2:$R$366,ROW(INDEX(Jesper!AL$2:AL$366,ROUNDDOWN($C835/24,0)+1,1))-1)+IF('Standard Profiles'!$G$22=$B$10,7,0)+IF('Standard Profiles'!$G$22=$B$17,14,0)+IF('Standard Profiles'!$G$22=$B$24,21,0),0)),0)</f>
        <v>0</v>
      </c>
      <c r="I835">
        <f t="shared" si="104"/>
        <v>0.33486261892025987</v>
      </c>
      <c r="J835">
        <f t="shared" si="105"/>
        <v>1.1162087297341996</v>
      </c>
      <c r="K835">
        <f t="shared" si="106"/>
        <v>1.6743130946012994</v>
      </c>
      <c r="L835">
        <f t="shared" si="107"/>
        <v>16.060298170688487</v>
      </c>
      <c r="M835">
        <f t="shared" si="108"/>
        <v>0</v>
      </c>
      <c r="N835" s="46">
        <f t="shared" si="109"/>
        <v>45325.374999998057</v>
      </c>
    </row>
    <row r="836" spans="2:14" x14ac:dyDescent="0.3">
      <c r="B836">
        <f t="shared" si="103"/>
        <v>6</v>
      </c>
      <c r="C836" s="16">
        <v>802</v>
      </c>
      <c r="D836" cm="1">
        <f t="array" ref="D836">IFERROR(INDEX(Jesper!AH$2:AH$366,ROUNDDOWN($C836/24,0)+1,1)*INDEX($D$3:$AA$30,INDEX(Jesper!$R$2:$R$366,ROW(INDEX(Jesper!AH$2:AH$366,ROUNDDOWN($C836/24,0)+1,1))-1)+IF('Standard Profiles'!$G$18=$B$10,7,0)+IF('Standard Profiles'!$G$18=$B$17,14,0)+IF('Standard Profiles'!$G$18=$B$24,21,0),MOD($C836,24)+1)/SUM(INDEX($D$3:$AA$30,INDEX(Jesper!$R$2:$R$366,ROW(INDEX(Jesper!AH$2:AH$366,ROUNDDOWN($C836/24,0)+1,1))-1)+IF('Standard Profiles'!$G$18=$B$10,7,0)+IF('Standard Profiles'!$G$18=$B$17,14,0)+IF('Standard Profiles'!$G$18=$B$24,21,0),0)),0)</f>
        <v>15.468707543929362</v>
      </c>
      <c r="E836" cm="1">
        <f t="array" ref="E836">IFERROR(INDEX(Jesper!AI$2:AI$366,ROUNDDOWN($C836/24,0)+1,1)*INDEX($D$3:$AA$30,INDEX(Jesper!$R$2:$R$366,ROW(INDEX(Jesper!AI$2:AI$366,ROUNDDOWN($C836/24,0)+1,1))-1)+IF('Standard Profiles'!$G$19=$B$10,7,0)+IF('Standard Profiles'!$G$19=$B$17,14,0)+IF('Standard Profiles'!$G$19=$B$24,21,0),MOD($C836,24)+1)/SUM(INDEX($D$3:$AA$30,INDEX(Jesper!$R$2:$R$366,ROW(INDEX(Jesper!AI$2:AI$366,ROUNDDOWN($C836/24,0)+1,1))-1)+IF('Standard Profiles'!$G$19=$B$10,7,0)+IF('Standard Profiles'!$G$19=$B$17,14,0)+IF('Standard Profiles'!$G$19=$B$24,21,0),0)),0)</f>
        <v>3.7169750700148834</v>
      </c>
      <c r="F836" cm="1">
        <f t="array" ref="F836">IFERROR(INDEX(Jesper!AJ$2:AJ$366,ROUNDDOWN($C836/24,0)+1,1)*INDEX($D$3:$AA$30,INDEX(Jesper!$R$2:$R$366,ROW(INDEX(Jesper!AJ$2:AJ$366,ROUNDDOWN($C836/24,0)+1,1))-1)+IF('Standard Profiles'!$G$20=$B$10,7,0)+IF('Standard Profiles'!$G$20=$B$17,14,0)+IF('Standard Profiles'!$G$20=$B$24,21,0),MOD($C836,24)+1)/SUM(INDEX($D$3:$AA$30,INDEX(Jesper!$R$2:$R$366,ROW(INDEX(Jesper!AJ$2:AJ$366,ROUNDDOWN($C836/24,0)+1,1))-1)+IF('Standard Profiles'!$G$20=$B$10,7,0)+IF('Standard Profiles'!$G$20=$B$17,14,0)+IF('Standard Profiles'!$G$20=$B$24,21,0),0)),0)</f>
        <v>0</v>
      </c>
      <c r="G836" cm="1">
        <f t="array" ref="G836">IFERROR(INDEX(Jesper!AK$2:AK$366,ROUNDDOWN($C836/24,0)+1,1)*INDEX($D$3:$AA$30,INDEX(Jesper!$R$2:$R$366,ROW(INDEX(Jesper!AK$2:AK$366,ROUNDDOWN($C836/24,0)+1,1))-1)+IF('Standard Profiles'!$G$21=$B$10,7,0)+IF('Standard Profiles'!$G$21=$B$17,14,0)+IF('Standard Profiles'!$G$21=$B$24,21,0),MOD($C836,24)+1)/SUM(INDEX($D$3:$AA$30,INDEX(Jesper!$R$2:$R$366,ROW(INDEX(Jesper!AK$2:AK$366,ROUNDDOWN($C836/24,0)+1,1))-1)+IF('Standard Profiles'!$G$21=$B$10,7,0)+IF('Standard Profiles'!$G$21=$B$17,14,0)+IF('Standard Profiles'!$G$21=$B$24,21,0),0)),0)</f>
        <v>0</v>
      </c>
      <c r="H836" cm="1">
        <f t="array" ref="H836">IFERROR(INDEX(Jesper!AL$2:AL$366,ROUNDDOWN($C836/24,0)+1,1)*INDEX($D$3:$AA$30,INDEX(Jesper!$R$2:$R$366,ROW(INDEX(Jesper!AL$2:AL$366,ROUNDDOWN($C836/24,0)+1,1))-1)+IF('Standard Profiles'!$G$22=$B$10,7,0)+IF('Standard Profiles'!$G$22=$B$17,14,0)+IF('Standard Profiles'!$G$22=$B$24,21,0),MOD($C836,24)+1)/SUM(INDEX($D$3:$AA$30,INDEX(Jesper!$R$2:$R$366,ROW(INDEX(Jesper!AL$2:AL$366,ROUNDDOWN($C836/24,0)+1,1))-1)+IF('Standard Profiles'!$G$22=$B$10,7,0)+IF('Standard Profiles'!$G$22=$B$17,14,0)+IF('Standard Profiles'!$G$22=$B$24,21,0),0)),0)</f>
        <v>0</v>
      </c>
      <c r="I836">
        <f t="shared" si="104"/>
        <v>0.33486261892025987</v>
      </c>
      <c r="J836">
        <f t="shared" si="105"/>
        <v>1.1162087297341996</v>
      </c>
      <c r="K836">
        <f t="shared" si="106"/>
        <v>1.6743130946012994</v>
      </c>
      <c r="L836">
        <f t="shared" si="107"/>
        <v>16.060298170688487</v>
      </c>
      <c r="M836">
        <f t="shared" si="108"/>
        <v>0</v>
      </c>
      <c r="N836" s="46">
        <f t="shared" si="109"/>
        <v>45325.416666664722</v>
      </c>
    </row>
    <row r="837" spans="2:14" x14ac:dyDescent="0.3">
      <c r="B837">
        <f t="shared" si="103"/>
        <v>6</v>
      </c>
      <c r="C837" s="16">
        <v>803</v>
      </c>
      <c r="D837" cm="1">
        <f t="array" ref="D837">IFERROR(INDEX(Jesper!AH$2:AH$366,ROUNDDOWN($C837/24,0)+1,1)*INDEX($D$3:$AA$30,INDEX(Jesper!$R$2:$R$366,ROW(INDEX(Jesper!AH$2:AH$366,ROUNDDOWN($C837/24,0)+1,1))-1)+IF('Standard Profiles'!$G$18=$B$10,7,0)+IF('Standard Profiles'!$G$18=$B$17,14,0)+IF('Standard Profiles'!$G$18=$B$24,21,0),MOD($C837,24)+1)/SUM(INDEX($D$3:$AA$30,INDEX(Jesper!$R$2:$R$366,ROW(INDEX(Jesper!AH$2:AH$366,ROUNDDOWN($C837/24,0)+1,1))-1)+IF('Standard Profiles'!$G$18=$B$10,7,0)+IF('Standard Profiles'!$G$18=$B$17,14,0)+IF('Standard Profiles'!$G$18=$B$24,21,0),0)),0)</f>
        <v>15.468707543929362</v>
      </c>
      <c r="E837" cm="1">
        <f t="array" ref="E837">IFERROR(INDEX(Jesper!AI$2:AI$366,ROUNDDOWN($C837/24,0)+1,1)*INDEX($D$3:$AA$30,INDEX(Jesper!$R$2:$R$366,ROW(INDEX(Jesper!AI$2:AI$366,ROUNDDOWN($C837/24,0)+1,1))-1)+IF('Standard Profiles'!$G$19=$B$10,7,0)+IF('Standard Profiles'!$G$19=$B$17,14,0)+IF('Standard Profiles'!$G$19=$B$24,21,0),MOD($C837,24)+1)/SUM(INDEX($D$3:$AA$30,INDEX(Jesper!$R$2:$R$366,ROW(INDEX(Jesper!AI$2:AI$366,ROUNDDOWN($C837/24,0)+1,1))-1)+IF('Standard Profiles'!$G$19=$B$10,7,0)+IF('Standard Profiles'!$G$19=$B$17,14,0)+IF('Standard Profiles'!$G$19=$B$24,21,0),0)),0)</f>
        <v>3.7169750700148834</v>
      </c>
      <c r="F837" cm="1">
        <f t="array" ref="F837">IFERROR(INDEX(Jesper!AJ$2:AJ$366,ROUNDDOWN($C837/24,0)+1,1)*INDEX($D$3:$AA$30,INDEX(Jesper!$R$2:$R$366,ROW(INDEX(Jesper!AJ$2:AJ$366,ROUNDDOWN($C837/24,0)+1,1))-1)+IF('Standard Profiles'!$G$20=$B$10,7,0)+IF('Standard Profiles'!$G$20=$B$17,14,0)+IF('Standard Profiles'!$G$20=$B$24,21,0),MOD($C837,24)+1)/SUM(INDEX($D$3:$AA$30,INDEX(Jesper!$R$2:$R$366,ROW(INDEX(Jesper!AJ$2:AJ$366,ROUNDDOWN($C837/24,0)+1,1))-1)+IF('Standard Profiles'!$G$20=$B$10,7,0)+IF('Standard Profiles'!$G$20=$B$17,14,0)+IF('Standard Profiles'!$G$20=$B$24,21,0),0)),0)</f>
        <v>0</v>
      </c>
      <c r="G837" cm="1">
        <f t="array" ref="G837">IFERROR(INDEX(Jesper!AK$2:AK$366,ROUNDDOWN($C837/24,0)+1,1)*INDEX($D$3:$AA$30,INDEX(Jesper!$R$2:$R$366,ROW(INDEX(Jesper!AK$2:AK$366,ROUNDDOWN($C837/24,0)+1,1))-1)+IF('Standard Profiles'!$G$21=$B$10,7,0)+IF('Standard Profiles'!$G$21=$B$17,14,0)+IF('Standard Profiles'!$G$21=$B$24,21,0),MOD($C837,24)+1)/SUM(INDEX($D$3:$AA$30,INDEX(Jesper!$R$2:$R$366,ROW(INDEX(Jesper!AK$2:AK$366,ROUNDDOWN($C837/24,0)+1,1))-1)+IF('Standard Profiles'!$G$21=$B$10,7,0)+IF('Standard Profiles'!$G$21=$B$17,14,0)+IF('Standard Profiles'!$G$21=$B$24,21,0),0)),0)</f>
        <v>0</v>
      </c>
      <c r="H837" cm="1">
        <f t="array" ref="H837">IFERROR(INDEX(Jesper!AL$2:AL$366,ROUNDDOWN($C837/24,0)+1,1)*INDEX($D$3:$AA$30,INDEX(Jesper!$R$2:$R$366,ROW(INDEX(Jesper!AL$2:AL$366,ROUNDDOWN($C837/24,0)+1,1))-1)+IF('Standard Profiles'!$G$22=$B$10,7,0)+IF('Standard Profiles'!$G$22=$B$17,14,0)+IF('Standard Profiles'!$G$22=$B$24,21,0),MOD($C837,24)+1)/SUM(INDEX($D$3:$AA$30,INDEX(Jesper!$R$2:$R$366,ROW(INDEX(Jesper!AL$2:AL$366,ROUNDDOWN($C837/24,0)+1,1))-1)+IF('Standard Profiles'!$G$22=$B$10,7,0)+IF('Standard Profiles'!$G$22=$B$17,14,0)+IF('Standard Profiles'!$G$22=$B$24,21,0),0)),0)</f>
        <v>0</v>
      </c>
      <c r="I837">
        <f t="shared" si="104"/>
        <v>0.33486261892025987</v>
      </c>
      <c r="J837">
        <f t="shared" si="105"/>
        <v>1.1162087297341996</v>
      </c>
      <c r="K837">
        <f t="shared" si="106"/>
        <v>1.6743130946012994</v>
      </c>
      <c r="L837">
        <f t="shared" si="107"/>
        <v>16.060298170688487</v>
      </c>
      <c r="M837">
        <f t="shared" si="108"/>
        <v>0</v>
      </c>
      <c r="N837" s="46">
        <f t="shared" si="109"/>
        <v>45325.458333331386</v>
      </c>
    </row>
    <row r="838" spans="2:14" x14ac:dyDescent="0.3">
      <c r="B838">
        <f t="shared" si="103"/>
        <v>6</v>
      </c>
      <c r="C838" s="16">
        <v>804</v>
      </c>
      <c r="D838" cm="1">
        <f t="array" ref="D838">IFERROR(INDEX(Jesper!AH$2:AH$366,ROUNDDOWN($C838/24,0)+1,1)*INDEX($D$3:$AA$30,INDEX(Jesper!$R$2:$R$366,ROW(INDEX(Jesper!AH$2:AH$366,ROUNDDOWN($C838/24,0)+1,1))-1)+IF('Standard Profiles'!$G$18=$B$10,7,0)+IF('Standard Profiles'!$G$18=$B$17,14,0)+IF('Standard Profiles'!$G$18=$B$24,21,0),MOD($C838,24)+1)/SUM(INDEX($D$3:$AA$30,INDEX(Jesper!$R$2:$R$366,ROW(INDEX(Jesper!AH$2:AH$366,ROUNDDOWN($C838/24,0)+1,1))-1)+IF('Standard Profiles'!$G$18=$B$10,7,0)+IF('Standard Profiles'!$G$18=$B$17,14,0)+IF('Standard Profiles'!$G$18=$B$24,21,0),0)),0)</f>
        <v>15.468707543929362</v>
      </c>
      <c r="E838" cm="1">
        <f t="array" ref="E838">IFERROR(INDEX(Jesper!AI$2:AI$366,ROUNDDOWN($C838/24,0)+1,1)*INDEX($D$3:$AA$30,INDEX(Jesper!$R$2:$R$366,ROW(INDEX(Jesper!AI$2:AI$366,ROUNDDOWN($C838/24,0)+1,1))-1)+IF('Standard Profiles'!$G$19=$B$10,7,0)+IF('Standard Profiles'!$G$19=$B$17,14,0)+IF('Standard Profiles'!$G$19=$B$24,21,0),MOD($C838,24)+1)/SUM(INDEX($D$3:$AA$30,INDEX(Jesper!$R$2:$R$366,ROW(INDEX(Jesper!AI$2:AI$366,ROUNDDOWN($C838/24,0)+1,1))-1)+IF('Standard Profiles'!$G$19=$B$10,7,0)+IF('Standard Profiles'!$G$19=$B$17,14,0)+IF('Standard Profiles'!$G$19=$B$24,21,0),0)),0)</f>
        <v>3.7169750700148834</v>
      </c>
      <c r="F838" cm="1">
        <f t="array" ref="F838">IFERROR(INDEX(Jesper!AJ$2:AJ$366,ROUNDDOWN($C838/24,0)+1,1)*INDEX($D$3:$AA$30,INDEX(Jesper!$R$2:$R$366,ROW(INDEX(Jesper!AJ$2:AJ$366,ROUNDDOWN($C838/24,0)+1,1))-1)+IF('Standard Profiles'!$G$20=$B$10,7,0)+IF('Standard Profiles'!$G$20=$B$17,14,0)+IF('Standard Profiles'!$G$20=$B$24,21,0),MOD($C838,24)+1)/SUM(INDEX($D$3:$AA$30,INDEX(Jesper!$R$2:$R$366,ROW(INDEX(Jesper!AJ$2:AJ$366,ROUNDDOWN($C838/24,0)+1,1))-1)+IF('Standard Profiles'!$G$20=$B$10,7,0)+IF('Standard Profiles'!$G$20=$B$17,14,0)+IF('Standard Profiles'!$G$20=$B$24,21,0),0)),0)</f>
        <v>0</v>
      </c>
      <c r="G838" cm="1">
        <f t="array" ref="G838">IFERROR(INDEX(Jesper!AK$2:AK$366,ROUNDDOWN($C838/24,0)+1,1)*INDEX($D$3:$AA$30,INDEX(Jesper!$R$2:$R$366,ROW(INDEX(Jesper!AK$2:AK$366,ROUNDDOWN($C838/24,0)+1,1))-1)+IF('Standard Profiles'!$G$21=$B$10,7,0)+IF('Standard Profiles'!$G$21=$B$17,14,0)+IF('Standard Profiles'!$G$21=$B$24,21,0),MOD($C838,24)+1)/SUM(INDEX($D$3:$AA$30,INDEX(Jesper!$R$2:$R$366,ROW(INDEX(Jesper!AK$2:AK$366,ROUNDDOWN($C838/24,0)+1,1))-1)+IF('Standard Profiles'!$G$21=$B$10,7,0)+IF('Standard Profiles'!$G$21=$B$17,14,0)+IF('Standard Profiles'!$G$21=$B$24,21,0),0)),0)</f>
        <v>0</v>
      </c>
      <c r="H838" cm="1">
        <f t="array" ref="H838">IFERROR(INDEX(Jesper!AL$2:AL$366,ROUNDDOWN($C838/24,0)+1,1)*INDEX($D$3:$AA$30,INDEX(Jesper!$R$2:$R$366,ROW(INDEX(Jesper!AL$2:AL$366,ROUNDDOWN($C838/24,0)+1,1))-1)+IF('Standard Profiles'!$G$22=$B$10,7,0)+IF('Standard Profiles'!$G$22=$B$17,14,0)+IF('Standard Profiles'!$G$22=$B$24,21,0),MOD($C838,24)+1)/SUM(INDEX($D$3:$AA$30,INDEX(Jesper!$R$2:$R$366,ROW(INDEX(Jesper!AL$2:AL$366,ROUNDDOWN($C838/24,0)+1,1))-1)+IF('Standard Profiles'!$G$22=$B$10,7,0)+IF('Standard Profiles'!$G$22=$B$17,14,0)+IF('Standard Profiles'!$G$22=$B$24,21,0),0)),0)</f>
        <v>0</v>
      </c>
      <c r="I838">
        <f t="shared" si="104"/>
        <v>0.33486261892025987</v>
      </c>
      <c r="J838">
        <f t="shared" si="105"/>
        <v>1.1162087297341996</v>
      </c>
      <c r="K838">
        <f t="shared" si="106"/>
        <v>1.6743130946012994</v>
      </c>
      <c r="L838">
        <f t="shared" si="107"/>
        <v>16.060298170688487</v>
      </c>
      <c r="M838">
        <f t="shared" si="108"/>
        <v>0</v>
      </c>
      <c r="N838" s="46">
        <f t="shared" si="109"/>
        <v>45325.49999999805</v>
      </c>
    </row>
    <row r="839" spans="2:14" x14ac:dyDescent="0.3">
      <c r="B839">
        <f t="shared" si="103"/>
        <v>6</v>
      </c>
      <c r="C839" s="16">
        <v>805</v>
      </c>
      <c r="D839" cm="1">
        <f t="array" ref="D839">IFERROR(INDEX(Jesper!AH$2:AH$366,ROUNDDOWN($C839/24,0)+1,1)*INDEX($D$3:$AA$30,INDEX(Jesper!$R$2:$R$366,ROW(INDEX(Jesper!AH$2:AH$366,ROUNDDOWN($C839/24,0)+1,1))-1)+IF('Standard Profiles'!$G$18=$B$10,7,0)+IF('Standard Profiles'!$G$18=$B$17,14,0)+IF('Standard Profiles'!$G$18=$B$24,21,0),MOD($C839,24)+1)/SUM(INDEX($D$3:$AA$30,INDEX(Jesper!$R$2:$R$366,ROW(INDEX(Jesper!AH$2:AH$366,ROUNDDOWN($C839/24,0)+1,1))-1)+IF('Standard Profiles'!$G$18=$B$10,7,0)+IF('Standard Profiles'!$G$18=$B$17,14,0)+IF('Standard Profiles'!$G$18=$B$24,21,0),0)),0)</f>
        <v>15.468707543929362</v>
      </c>
      <c r="E839" cm="1">
        <f t="array" ref="E839">IFERROR(INDEX(Jesper!AI$2:AI$366,ROUNDDOWN($C839/24,0)+1,1)*INDEX($D$3:$AA$30,INDEX(Jesper!$R$2:$R$366,ROW(INDEX(Jesper!AI$2:AI$366,ROUNDDOWN($C839/24,0)+1,1))-1)+IF('Standard Profiles'!$G$19=$B$10,7,0)+IF('Standard Profiles'!$G$19=$B$17,14,0)+IF('Standard Profiles'!$G$19=$B$24,21,0),MOD($C839,24)+1)/SUM(INDEX($D$3:$AA$30,INDEX(Jesper!$R$2:$R$366,ROW(INDEX(Jesper!AI$2:AI$366,ROUNDDOWN($C839/24,0)+1,1))-1)+IF('Standard Profiles'!$G$19=$B$10,7,0)+IF('Standard Profiles'!$G$19=$B$17,14,0)+IF('Standard Profiles'!$G$19=$B$24,21,0),0)),0)</f>
        <v>3.7169750700148834</v>
      </c>
      <c r="F839" cm="1">
        <f t="array" ref="F839">IFERROR(INDEX(Jesper!AJ$2:AJ$366,ROUNDDOWN($C839/24,0)+1,1)*INDEX($D$3:$AA$30,INDEX(Jesper!$R$2:$R$366,ROW(INDEX(Jesper!AJ$2:AJ$366,ROUNDDOWN($C839/24,0)+1,1))-1)+IF('Standard Profiles'!$G$20=$B$10,7,0)+IF('Standard Profiles'!$G$20=$B$17,14,0)+IF('Standard Profiles'!$G$20=$B$24,21,0),MOD($C839,24)+1)/SUM(INDEX($D$3:$AA$30,INDEX(Jesper!$R$2:$R$366,ROW(INDEX(Jesper!AJ$2:AJ$366,ROUNDDOWN($C839/24,0)+1,1))-1)+IF('Standard Profiles'!$G$20=$B$10,7,0)+IF('Standard Profiles'!$G$20=$B$17,14,0)+IF('Standard Profiles'!$G$20=$B$24,21,0),0)),0)</f>
        <v>0</v>
      </c>
      <c r="G839" cm="1">
        <f t="array" ref="G839">IFERROR(INDEX(Jesper!AK$2:AK$366,ROUNDDOWN($C839/24,0)+1,1)*INDEX($D$3:$AA$30,INDEX(Jesper!$R$2:$R$366,ROW(INDEX(Jesper!AK$2:AK$366,ROUNDDOWN($C839/24,0)+1,1))-1)+IF('Standard Profiles'!$G$21=$B$10,7,0)+IF('Standard Profiles'!$G$21=$B$17,14,0)+IF('Standard Profiles'!$G$21=$B$24,21,0),MOD($C839,24)+1)/SUM(INDEX($D$3:$AA$30,INDEX(Jesper!$R$2:$R$366,ROW(INDEX(Jesper!AK$2:AK$366,ROUNDDOWN($C839/24,0)+1,1))-1)+IF('Standard Profiles'!$G$21=$B$10,7,0)+IF('Standard Profiles'!$G$21=$B$17,14,0)+IF('Standard Profiles'!$G$21=$B$24,21,0),0)),0)</f>
        <v>0</v>
      </c>
      <c r="H839" cm="1">
        <f t="array" ref="H839">IFERROR(INDEX(Jesper!AL$2:AL$366,ROUNDDOWN($C839/24,0)+1,1)*INDEX($D$3:$AA$30,INDEX(Jesper!$R$2:$R$366,ROW(INDEX(Jesper!AL$2:AL$366,ROUNDDOWN($C839/24,0)+1,1))-1)+IF('Standard Profiles'!$G$22=$B$10,7,0)+IF('Standard Profiles'!$G$22=$B$17,14,0)+IF('Standard Profiles'!$G$22=$B$24,21,0),MOD($C839,24)+1)/SUM(INDEX($D$3:$AA$30,INDEX(Jesper!$R$2:$R$366,ROW(INDEX(Jesper!AL$2:AL$366,ROUNDDOWN($C839/24,0)+1,1))-1)+IF('Standard Profiles'!$G$22=$B$10,7,0)+IF('Standard Profiles'!$G$22=$B$17,14,0)+IF('Standard Profiles'!$G$22=$B$24,21,0),0)),0)</f>
        <v>0</v>
      </c>
      <c r="I839">
        <f t="shared" si="104"/>
        <v>0.33486261892025987</v>
      </c>
      <c r="J839">
        <f t="shared" si="105"/>
        <v>1.1162087297341996</v>
      </c>
      <c r="K839">
        <f t="shared" si="106"/>
        <v>1.6743130946012994</v>
      </c>
      <c r="L839">
        <f t="shared" si="107"/>
        <v>16.060298170688487</v>
      </c>
      <c r="M839">
        <f t="shared" si="108"/>
        <v>0</v>
      </c>
      <c r="N839" s="46">
        <f t="shared" si="109"/>
        <v>45325.541666664714</v>
      </c>
    </row>
    <row r="840" spans="2:14" x14ac:dyDescent="0.3">
      <c r="B840">
        <f t="shared" si="103"/>
        <v>6</v>
      </c>
      <c r="C840" s="16">
        <v>806</v>
      </c>
      <c r="D840" cm="1">
        <f t="array" ref="D840">IFERROR(INDEX(Jesper!AH$2:AH$366,ROUNDDOWN($C840/24,0)+1,1)*INDEX($D$3:$AA$30,INDEX(Jesper!$R$2:$R$366,ROW(INDEX(Jesper!AH$2:AH$366,ROUNDDOWN($C840/24,0)+1,1))-1)+IF('Standard Profiles'!$G$18=$B$10,7,0)+IF('Standard Profiles'!$G$18=$B$17,14,0)+IF('Standard Profiles'!$G$18=$B$24,21,0),MOD($C840,24)+1)/SUM(INDEX($D$3:$AA$30,INDEX(Jesper!$R$2:$R$366,ROW(INDEX(Jesper!AH$2:AH$366,ROUNDDOWN($C840/24,0)+1,1))-1)+IF('Standard Profiles'!$G$18=$B$10,7,0)+IF('Standard Profiles'!$G$18=$B$17,14,0)+IF('Standard Profiles'!$G$18=$B$24,21,0),0)),0)</f>
        <v>15.468707543929362</v>
      </c>
      <c r="E840" cm="1">
        <f t="array" ref="E840">IFERROR(INDEX(Jesper!AI$2:AI$366,ROUNDDOWN($C840/24,0)+1,1)*INDEX($D$3:$AA$30,INDEX(Jesper!$R$2:$R$366,ROW(INDEX(Jesper!AI$2:AI$366,ROUNDDOWN($C840/24,0)+1,1))-1)+IF('Standard Profiles'!$G$19=$B$10,7,0)+IF('Standard Profiles'!$G$19=$B$17,14,0)+IF('Standard Profiles'!$G$19=$B$24,21,0),MOD($C840,24)+1)/SUM(INDEX($D$3:$AA$30,INDEX(Jesper!$R$2:$R$366,ROW(INDEX(Jesper!AI$2:AI$366,ROUNDDOWN($C840/24,0)+1,1))-1)+IF('Standard Profiles'!$G$19=$B$10,7,0)+IF('Standard Profiles'!$G$19=$B$17,14,0)+IF('Standard Profiles'!$G$19=$B$24,21,0),0)),0)</f>
        <v>3.7169750700148834</v>
      </c>
      <c r="F840" cm="1">
        <f t="array" ref="F840">IFERROR(INDEX(Jesper!AJ$2:AJ$366,ROUNDDOWN($C840/24,0)+1,1)*INDEX($D$3:$AA$30,INDEX(Jesper!$R$2:$R$366,ROW(INDEX(Jesper!AJ$2:AJ$366,ROUNDDOWN($C840/24,0)+1,1))-1)+IF('Standard Profiles'!$G$20=$B$10,7,0)+IF('Standard Profiles'!$G$20=$B$17,14,0)+IF('Standard Profiles'!$G$20=$B$24,21,0),MOD($C840,24)+1)/SUM(INDEX($D$3:$AA$30,INDEX(Jesper!$R$2:$R$366,ROW(INDEX(Jesper!AJ$2:AJ$366,ROUNDDOWN($C840/24,0)+1,1))-1)+IF('Standard Profiles'!$G$20=$B$10,7,0)+IF('Standard Profiles'!$G$20=$B$17,14,0)+IF('Standard Profiles'!$G$20=$B$24,21,0),0)),0)</f>
        <v>0</v>
      </c>
      <c r="G840" cm="1">
        <f t="array" ref="G840">IFERROR(INDEX(Jesper!AK$2:AK$366,ROUNDDOWN($C840/24,0)+1,1)*INDEX($D$3:$AA$30,INDEX(Jesper!$R$2:$R$366,ROW(INDEX(Jesper!AK$2:AK$366,ROUNDDOWN($C840/24,0)+1,1))-1)+IF('Standard Profiles'!$G$21=$B$10,7,0)+IF('Standard Profiles'!$G$21=$B$17,14,0)+IF('Standard Profiles'!$G$21=$B$24,21,0),MOD($C840,24)+1)/SUM(INDEX($D$3:$AA$30,INDEX(Jesper!$R$2:$R$366,ROW(INDEX(Jesper!AK$2:AK$366,ROUNDDOWN($C840/24,0)+1,1))-1)+IF('Standard Profiles'!$G$21=$B$10,7,0)+IF('Standard Profiles'!$G$21=$B$17,14,0)+IF('Standard Profiles'!$G$21=$B$24,21,0),0)),0)</f>
        <v>0</v>
      </c>
      <c r="H840" cm="1">
        <f t="array" ref="H840">IFERROR(INDEX(Jesper!AL$2:AL$366,ROUNDDOWN($C840/24,0)+1,1)*INDEX($D$3:$AA$30,INDEX(Jesper!$R$2:$R$366,ROW(INDEX(Jesper!AL$2:AL$366,ROUNDDOWN($C840/24,0)+1,1))-1)+IF('Standard Profiles'!$G$22=$B$10,7,0)+IF('Standard Profiles'!$G$22=$B$17,14,0)+IF('Standard Profiles'!$G$22=$B$24,21,0),MOD($C840,24)+1)/SUM(INDEX($D$3:$AA$30,INDEX(Jesper!$R$2:$R$366,ROW(INDEX(Jesper!AL$2:AL$366,ROUNDDOWN($C840/24,0)+1,1))-1)+IF('Standard Profiles'!$G$22=$B$10,7,0)+IF('Standard Profiles'!$G$22=$B$17,14,0)+IF('Standard Profiles'!$G$22=$B$24,21,0),0)),0)</f>
        <v>0</v>
      </c>
      <c r="I840">
        <f t="shared" si="104"/>
        <v>0.33486261892025987</v>
      </c>
      <c r="J840">
        <f t="shared" si="105"/>
        <v>1.1162087297341996</v>
      </c>
      <c r="K840">
        <f t="shared" si="106"/>
        <v>1.6743130946012994</v>
      </c>
      <c r="L840">
        <f t="shared" si="107"/>
        <v>16.060298170688487</v>
      </c>
      <c r="M840">
        <f t="shared" si="108"/>
        <v>0</v>
      </c>
      <c r="N840" s="46">
        <f t="shared" si="109"/>
        <v>45325.583333331379</v>
      </c>
    </row>
    <row r="841" spans="2:14" x14ac:dyDescent="0.3">
      <c r="B841">
        <f t="shared" si="103"/>
        <v>6</v>
      </c>
      <c r="C841" s="16">
        <v>807</v>
      </c>
      <c r="D841" cm="1">
        <f t="array" ref="D841">IFERROR(INDEX(Jesper!AH$2:AH$366,ROUNDDOWN($C841/24,0)+1,1)*INDEX($D$3:$AA$30,INDEX(Jesper!$R$2:$R$366,ROW(INDEX(Jesper!AH$2:AH$366,ROUNDDOWN($C841/24,0)+1,1))-1)+IF('Standard Profiles'!$G$18=$B$10,7,0)+IF('Standard Profiles'!$G$18=$B$17,14,0)+IF('Standard Profiles'!$G$18=$B$24,21,0),MOD($C841,24)+1)/SUM(INDEX($D$3:$AA$30,INDEX(Jesper!$R$2:$R$366,ROW(INDEX(Jesper!AH$2:AH$366,ROUNDDOWN($C841/24,0)+1,1))-1)+IF('Standard Profiles'!$G$18=$B$10,7,0)+IF('Standard Profiles'!$G$18=$B$17,14,0)+IF('Standard Profiles'!$G$18=$B$24,21,0),0)),0)</f>
        <v>13.985406820538875</v>
      </c>
      <c r="E841" cm="1">
        <f t="array" ref="E841">IFERROR(INDEX(Jesper!AI$2:AI$366,ROUNDDOWN($C841/24,0)+1,1)*INDEX($D$3:$AA$30,INDEX(Jesper!$R$2:$R$366,ROW(INDEX(Jesper!AI$2:AI$366,ROUNDDOWN($C841/24,0)+1,1))-1)+IF('Standard Profiles'!$G$19=$B$10,7,0)+IF('Standard Profiles'!$G$19=$B$17,14,0)+IF('Standard Profiles'!$G$19=$B$24,21,0),MOD($C841,24)+1)/SUM(INDEX($D$3:$AA$30,INDEX(Jesper!$R$2:$R$366,ROW(INDEX(Jesper!AI$2:AI$366,ROUNDDOWN($C841/24,0)+1,1))-1)+IF('Standard Profiles'!$G$19=$B$10,7,0)+IF('Standard Profiles'!$G$19=$B$17,14,0)+IF('Standard Profiles'!$G$19=$B$24,21,0),0)),0)</f>
        <v>3.3605528030271552</v>
      </c>
      <c r="F841" cm="1">
        <f t="array" ref="F841">IFERROR(INDEX(Jesper!AJ$2:AJ$366,ROUNDDOWN($C841/24,0)+1,1)*INDEX($D$3:$AA$30,INDEX(Jesper!$R$2:$R$366,ROW(INDEX(Jesper!AJ$2:AJ$366,ROUNDDOWN($C841/24,0)+1,1))-1)+IF('Standard Profiles'!$G$20=$B$10,7,0)+IF('Standard Profiles'!$G$20=$B$17,14,0)+IF('Standard Profiles'!$G$20=$B$24,21,0),MOD($C841,24)+1)/SUM(INDEX($D$3:$AA$30,INDEX(Jesper!$R$2:$R$366,ROW(INDEX(Jesper!AJ$2:AJ$366,ROUNDDOWN($C841/24,0)+1,1))-1)+IF('Standard Profiles'!$G$20=$B$10,7,0)+IF('Standard Profiles'!$G$20=$B$17,14,0)+IF('Standard Profiles'!$G$20=$B$24,21,0),0)),0)</f>
        <v>0</v>
      </c>
      <c r="G841" cm="1">
        <f t="array" ref="G841">IFERROR(INDEX(Jesper!AK$2:AK$366,ROUNDDOWN($C841/24,0)+1,1)*INDEX($D$3:$AA$30,INDEX(Jesper!$R$2:$R$366,ROW(INDEX(Jesper!AK$2:AK$366,ROUNDDOWN($C841/24,0)+1,1))-1)+IF('Standard Profiles'!$G$21=$B$10,7,0)+IF('Standard Profiles'!$G$21=$B$17,14,0)+IF('Standard Profiles'!$G$21=$B$24,21,0),MOD($C841,24)+1)/SUM(INDEX($D$3:$AA$30,INDEX(Jesper!$R$2:$R$366,ROW(INDEX(Jesper!AK$2:AK$366,ROUNDDOWN($C841/24,0)+1,1))-1)+IF('Standard Profiles'!$G$21=$B$10,7,0)+IF('Standard Profiles'!$G$21=$B$17,14,0)+IF('Standard Profiles'!$G$21=$B$24,21,0),0)),0)</f>
        <v>0</v>
      </c>
      <c r="H841" cm="1">
        <f t="array" ref="H841">IFERROR(INDEX(Jesper!AL$2:AL$366,ROUNDDOWN($C841/24,0)+1,1)*INDEX($D$3:$AA$30,INDEX(Jesper!$R$2:$R$366,ROW(INDEX(Jesper!AL$2:AL$366,ROUNDDOWN($C841/24,0)+1,1))-1)+IF('Standard Profiles'!$G$22=$B$10,7,0)+IF('Standard Profiles'!$G$22=$B$17,14,0)+IF('Standard Profiles'!$G$22=$B$24,21,0),MOD($C841,24)+1)/SUM(INDEX($D$3:$AA$30,INDEX(Jesper!$R$2:$R$366,ROW(INDEX(Jesper!AL$2:AL$366,ROUNDDOWN($C841/24,0)+1,1))-1)+IF('Standard Profiles'!$G$22=$B$10,7,0)+IF('Standard Profiles'!$G$22=$B$17,14,0)+IF('Standard Profiles'!$G$22=$B$24,21,0),0)),0)</f>
        <v>0</v>
      </c>
      <c r="I841">
        <f t="shared" si="104"/>
        <v>0.30275250477722127</v>
      </c>
      <c r="J841">
        <f t="shared" si="105"/>
        <v>1.0091750159240711</v>
      </c>
      <c r="K841">
        <f t="shared" si="106"/>
        <v>1.5137625238861065</v>
      </c>
      <c r="L841">
        <f t="shared" si="107"/>
        <v>14.520269578978631</v>
      </c>
      <c r="M841">
        <f t="shared" si="108"/>
        <v>0</v>
      </c>
      <c r="N841" s="46">
        <f t="shared" si="109"/>
        <v>45325.624999998043</v>
      </c>
    </row>
    <row r="842" spans="2:14" x14ac:dyDescent="0.3">
      <c r="B842">
        <f t="shared" si="103"/>
        <v>6</v>
      </c>
      <c r="C842" s="16">
        <v>808</v>
      </c>
      <c r="D842" cm="1">
        <f t="array" ref="D842">IFERROR(INDEX(Jesper!AH$2:AH$366,ROUNDDOWN($C842/24,0)+1,1)*INDEX($D$3:$AA$30,INDEX(Jesper!$R$2:$R$366,ROW(INDEX(Jesper!AH$2:AH$366,ROUNDDOWN($C842/24,0)+1,1))-1)+IF('Standard Profiles'!$G$18=$B$10,7,0)+IF('Standard Profiles'!$G$18=$B$17,14,0)+IF('Standard Profiles'!$G$18=$B$24,21,0),MOD($C842,24)+1)/SUM(INDEX($D$3:$AA$30,INDEX(Jesper!$R$2:$R$366,ROW(INDEX(Jesper!AH$2:AH$366,ROUNDDOWN($C842/24,0)+1,1))-1)+IF('Standard Profiles'!$G$18=$B$10,7,0)+IF('Standard Profiles'!$G$18=$B$17,14,0)+IF('Standard Profiles'!$G$18=$B$24,21,0),0)),0)</f>
        <v>12.714006200489887</v>
      </c>
      <c r="E842" cm="1">
        <f t="array" ref="E842">IFERROR(INDEX(Jesper!AI$2:AI$366,ROUNDDOWN($C842/24,0)+1,1)*INDEX($D$3:$AA$30,INDEX(Jesper!$R$2:$R$366,ROW(INDEX(Jesper!AI$2:AI$366,ROUNDDOWN($C842/24,0)+1,1))-1)+IF('Standard Profiles'!$G$19=$B$10,7,0)+IF('Standard Profiles'!$G$19=$B$17,14,0)+IF('Standard Profiles'!$G$19=$B$24,21,0),MOD($C842,24)+1)/SUM(INDEX($D$3:$AA$30,INDEX(Jesper!$R$2:$R$366,ROW(INDEX(Jesper!AI$2:AI$366,ROUNDDOWN($C842/24,0)+1,1))-1)+IF('Standard Profiles'!$G$19=$B$10,7,0)+IF('Standard Profiles'!$G$19=$B$17,14,0)+IF('Standard Profiles'!$G$19=$B$24,21,0),0)),0)</f>
        <v>3.0550480027519593</v>
      </c>
      <c r="F842" cm="1">
        <f t="array" ref="F842">IFERROR(INDEX(Jesper!AJ$2:AJ$366,ROUNDDOWN($C842/24,0)+1,1)*INDEX($D$3:$AA$30,INDEX(Jesper!$R$2:$R$366,ROW(INDEX(Jesper!AJ$2:AJ$366,ROUNDDOWN($C842/24,0)+1,1))-1)+IF('Standard Profiles'!$G$20=$B$10,7,0)+IF('Standard Profiles'!$G$20=$B$17,14,0)+IF('Standard Profiles'!$G$20=$B$24,21,0),MOD($C842,24)+1)/SUM(INDEX($D$3:$AA$30,INDEX(Jesper!$R$2:$R$366,ROW(INDEX(Jesper!AJ$2:AJ$366,ROUNDDOWN($C842/24,0)+1,1))-1)+IF('Standard Profiles'!$G$20=$B$10,7,0)+IF('Standard Profiles'!$G$20=$B$17,14,0)+IF('Standard Profiles'!$G$20=$B$24,21,0),0)),0)</f>
        <v>0</v>
      </c>
      <c r="G842" cm="1">
        <f t="array" ref="G842">IFERROR(INDEX(Jesper!AK$2:AK$366,ROUNDDOWN($C842/24,0)+1,1)*INDEX($D$3:$AA$30,INDEX(Jesper!$R$2:$R$366,ROW(INDEX(Jesper!AK$2:AK$366,ROUNDDOWN($C842/24,0)+1,1))-1)+IF('Standard Profiles'!$G$21=$B$10,7,0)+IF('Standard Profiles'!$G$21=$B$17,14,0)+IF('Standard Profiles'!$G$21=$B$24,21,0),MOD($C842,24)+1)/SUM(INDEX($D$3:$AA$30,INDEX(Jesper!$R$2:$R$366,ROW(INDEX(Jesper!AK$2:AK$366,ROUNDDOWN($C842/24,0)+1,1))-1)+IF('Standard Profiles'!$G$21=$B$10,7,0)+IF('Standard Profiles'!$G$21=$B$17,14,0)+IF('Standard Profiles'!$G$21=$B$24,21,0),0)),0)</f>
        <v>0</v>
      </c>
      <c r="H842" cm="1">
        <f t="array" ref="H842">IFERROR(INDEX(Jesper!AL$2:AL$366,ROUNDDOWN($C842/24,0)+1,1)*INDEX($D$3:$AA$30,INDEX(Jesper!$R$2:$R$366,ROW(INDEX(Jesper!AL$2:AL$366,ROUNDDOWN($C842/24,0)+1,1))-1)+IF('Standard Profiles'!$G$22=$B$10,7,0)+IF('Standard Profiles'!$G$22=$B$17,14,0)+IF('Standard Profiles'!$G$22=$B$24,21,0),MOD($C842,24)+1)/SUM(INDEX($D$3:$AA$30,INDEX(Jesper!$R$2:$R$366,ROW(INDEX(Jesper!AL$2:AL$366,ROUNDDOWN($C842/24,0)+1,1))-1)+IF('Standard Profiles'!$G$22=$B$10,7,0)+IF('Standard Profiles'!$G$22=$B$17,14,0)+IF('Standard Profiles'!$G$22=$B$24,21,0),0)),0)</f>
        <v>0</v>
      </c>
      <c r="I842">
        <f t="shared" si="104"/>
        <v>0.27522954979747388</v>
      </c>
      <c r="J842">
        <f t="shared" si="105"/>
        <v>0.91743183265824635</v>
      </c>
      <c r="K842">
        <f t="shared" si="106"/>
        <v>1.3761477489873697</v>
      </c>
      <c r="L842">
        <f t="shared" si="107"/>
        <v>13.200245071798758</v>
      </c>
      <c r="M842">
        <f t="shared" si="108"/>
        <v>0</v>
      </c>
      <c r="N842" s="46">
        <f t="shared" si="109"/>
        <v>45325.666666664707</v>
      </c>
    </row>
    <row r="843" spans="2:14" x14ac:dyDescent="0.3">
      <c r="B843">
        <f t="shared" si="103"/>
        <v>6</v>
      </c>
      <c r="C843" s="16">
        <v>809</v>
      </c>
      <c r="D843" cm="1">
        <f t="array" ref="D843">IFERROR(INDEX(Jesper!AH$2:AH$366,ROUNDDOWN($C843/24,0)+1,1)*INDEX($D$3:$AA$30,INDEX(Jesper!$R$2:$R$366,ROW(INDEX(Jesper!AH$2:AH$366,ROUNDDOWN($C843/24,0)+1,1))-1)+IF('Standard Profiles'!$G$18=$B$10,7,0)+IF('Standard Profiles'!$G$18=$B$17,14,0)+IF('Standard Profiles'!$G$18=$B$24,21,0),MOD($C843,24)+1)/SUM(INDEX($D$3:$AA$30,INDEX(Jesper!$R$2:$R$366,ROW(INDEX(Jesper!AH$2:AH$366,ROUNDDOWN($C843/24,0)+1,1))-1)+IF('Standard Profiles'!$G$18=$B$10,7,0)+IF('Standard Profiles'!$G$18=$B$17,14,0)+IF('Standard Profiles'!$G$18=$B$24,21,0),0)),0)</f>
        <v>11.442605580440899</v>
      </c>
      <c r="E843" cm="1">
        <f t="array" ref="E843">IFERROR(INDEX(Jesper!AI$2:AI$366,ROUNDDOWN($C843/24,0)+1,1)*INDEX($D$3:$AA$30,INDEX(Jesper!$R$2:$R$366,ROW(INDEX(Jesper!AI$2:AI$366,ROUNDDOWN($C843/24,0)+1,1))-1)+IF('Standard Profiles'!$G$19=$B$10,7,0)+IF('Standard Profiles'!$G$19=$B$17,14,0)+IF('Standard Profiles'!$G$19=$B$24,21,0),MOD($C843,24)+1)/SUM(INDEX($D$3:$AA$30,INDEX(Jesper!$R$2:$R$366,ROW(INDEX(Jesper!AI$2:AI$366,ROUNDDOWN($C843/24,0)+1,1))-1)+IF('Standard Profiles'!$G$19=$B$10,7,0)+IF('Standard Profiles'!$G$19=$B$17,14,0)+IF('Standard Profiles'!$G$19=$B$24,21,0),0)),0)</f>
        <v>2.7495432024767634</v>
      </c>
      <c r="F843" cm="1">
        <f t="array" ref="F843">IFERROR(INDEX(Jesper!AJ$2:AJ$366,ROUNDDOWN($C843/24,0)+1,1)*INDEX($D$3:$AA$30,INDEX(Jesper!$R$2:$R$366,ROW(INDEX(Jesper!AJ$2:AJ$366,ROUNDDOWN($C843/24,0)+1,1))-1)+IF('Standard Profiles'!$G$20=$B$10,7,0)+IF('Standard Profiles'!$G$20=$B$17,14,0)+IF('Standard Profiles'!$G$20=$B$24,21,0),MOD($C843,24)+1)/SUM(INDEX($D$3:$AA$30,INDEX(Jesper!$R$2:$R$366,ROW(INDEX(Jesper!AJ$2:AJ$366,ROUNDDOWN($C843/24,0)+1,1))-1)+IF('Standard Profiles'!$G$20=$B$10,7,0)+IF('Standard Profiles'!$G$20=$B$17,14,0)+IF('Standard Profiles'!$G$20=$B$24,21,0),0)),0)</f>
        <v>0</v>
      </c>
      <c r="G843" cm="1">
        <f t="array" ref="G843">IFERROR(INDEX(Jesper!AK$2:AK$366,ROUNDDOWN($C843/24,0)+1,1)*INDEX($D$3:$AA$30,INDEX(Jesper!$R$2:$R$366,ROW(INDEX(Jesper!AK$2:AK$366,ROUNDDOWN($C843/24,0)+1,1))-1)+IF('Standard Profiles'!$G$21=$B$10,7,0)+IF('Standard Profiles'!$G$21=$B$17,14,0)+IF('Standard Profiles'!$G$21=$B$24,21,0),MOD($C843,24)+1)/SUM(INDEX($D$3:$AA$30,INDEX(Jesper!$R$2:$R$366,ROW(INDEX(Jesper!AK$2:AK$366,ROUNDDOWN($C843/24,0)+1,1))-1)+IF('Standard Profiles'!$G$21=$B$10,7,0)+IF('Standard Profiles'!$G$21=$B$17,14,0)+IF('Standard Profiles'!$G$21=$B$24,21,0),0)),0)</f>
        <v>0</v>
      </c>
      <c r="H843" cm="1">
        <f t="array" ref="H843">IFERROR(INDEX(Jesper!AL$2:AL$366,ROUNDDOWN($C843/24,0)+1,1)*INDEX($D$3:$AA$30,INDEX(Jesper!$R$2:$R$366,ROW(INDEX(Jesper!AL$2:AL$366,ROUNDDOWN($C843/24,0)+1,1))-1)+IF('Standard Profiles'!$G$22=$B$10,7,0)+IF('Standard Profiles'!$G$22=$B$17,14,0)+IF('Standard Profiles'!$G$22=$B$24,21,0),MOD($C843,24)+1)/SUM(INDEX($D$3:$AA$30,INDEX(Jesper!$R$2:$R$366,ROW(INDEX(Jesper!AL$2:AL$366,ROUNDDOWN($C843/24,0)+1,1))-1)+IF('Standard Profiles'!$G$22=$B$10,7,0)+IF('Standard Profiles'!$G$22=$B$17,14,0)+IF('Standard Profiles'!$G$22=$B$24,21,0),0)),0)</f>
        <v>0</v>
      </c>
      <c r="I843">
        <f t="shared" si="104"/>
        <v>0.2477065948177265</v>
      </c>
      <c r="J843">
        <f t="shared" si="105"/>
        <v>0.82568864939242181</v>
      </c>
      <c r="K843">
        <f t="shared" si="106"/>
        <v>1.2385329740886326</v>
      </c>
      <c r="L843">
        <f t="shared" si="107"/>
        <v>11.880220564618883</v>
      </c>
      <c r="M843">
        <f t="shared" si="108"/>
        <v>0</v>
      </c>
      <c r="N843" s="46">
        <f t="shared" si="109"/>
        <v>45325.708333331371</v>
      </c>
    </row>
    <row r="844" spans="2:14" x14ac:dyDescent="0.3">
      <c r="B844">
        <f t="shared" si="103"/>
        <v>6</v>
      </c>
      <c r="C844" s="16">
        <v>810</v>
      </c>
      <c r="D844" cm="1">
        <f t="array" ref="D844">IFERROR(INDEX(Jesper!AH$2:AH$366,ROUNDDOWN($C844/24,0)+1,1)*INDEX($D$3:$AA$30,INDEX(Jesper!$R$2:$R$366,ROW(INDEX(Jesper!AH$2:AH$366,ROUNDDOWN($C844/24,0)+1,1))-1)+IF('Standard Profiles'!$G$18=$B$10,7,0)+IF('Standard Profiles'!$G$18=$B$17,14,0)+IF('Standard Profiles'!$G$18=$B$24,21,0),MOD($C844,24)+1)/SUM(INDEX($D$3:$AA$30,INDEX(Jesper!$R$2:$R$366,ROW(INDEX(Jesper!AH$2:AH$366,ROUNDDOWN($C844/24,0)+1,1))-1)+IF('Standard Profiles'!$G$18=$B$10,7,0)+IF('Standard Profiles'!$G$18=$B$17,14,0)+IF('Standard Profiles'!$G$18=$B$24,21,0),0)),0)</f>
        <v>11.0188053737579</v>
      </c>
      <c r="E844" cm="1">
        <f t="array" ref="E844">IFERROR(INDEX(Jesper!AI$2:AI$366,ROUNDDOWN($C844/24,0)+1,1)*INDEX($D$3:$AA$30,INDEX(Jesper!$R$2:$R$366,ROW(INDEX(Jesper!AI$2:AI$366,ROUNDDOWN($C844/24,0)+1,1))-1)+IF('Standard Profiles'!$G$19=$B$10,7,0)+IF('Standard Profiles'!$G$19=$B$17,14,0)+IF('Standard Profiles'!$G$19=$B$24,21,0),MOD($C844,24)+1)/SUM(INDEX($D$3:$AA$30,INDEX(Jesper!$R$2:$R$366,ROW(INDEX(Jesper!AI$2:AI$366,ROUNDDOWN($C844/24,0)+1,1))-1)+IF('Standard Profiles'!$G$19=$B$10,7,0)+IF('Standard Profiles'!$G$19=$B$17,14,0)+IF('Standard Profiles'!$G$19=$B$24,21,0),0)),0)</f>
        <v>2.647708269051698</v>
      </c>
      <c r="F844" cm="1">
        <f t="array" ref="F844">IFERROR(INDEX(Jesper!AJ$2:AJ$366,ROUNDDOWN($C844/24,0)+1,1)*INDEX($D$3:$AA$30,INDEX(Jesper!$R$2:$R$366,ROW(INDEX(Jesper!AJ$2:AJ$366,ROUNDDOWN($C844/24,0)+1,1))-1)+IF('Standard Profiles'!$G$20=$B$10,7,0)+IF('Standard Profiles'!$G$20=$B$17,14,0)+IF('Standard Profiles'!$G$20=$B$24,21,0),MOD($C844,24)+1)/SUM(INDEX($D$3:$AA$30,INDEX(Jesper!$R$2:$R$366,ROW(INDEX(Jesper!AJ$2:AJ$366,ROUNDDOWN($C844/24,0)+1,1))-1)+IF('Standard Profiles'!$G$20=$B$10,7,0)+IF('Standard Profiles'!$G$20=$B$17,14,0)+IF('Standard Profiles'!$G$20=$B$24,21,0),0)),0)</f>
        <v>0</v>
      </c>
      <c r="G844" cm="1">
        <f t="array" ref="G844">IFERROR(INDEX(Jesper!AK$2:AK$366,ROUNDDOWN($C844/24,0)+1,1)*INDEX($D$3:$AA$30,INDEX(Jesper!$R$2:$R$366,ROW(INDEX(Jesper!AK$2:AK$366,ROUNDDOWN($C844/24,0)+1,1))-1)+IF('Standard Profiles'!$G$21=$B$10,7,0)+IF('Standard Profiles'!$G$21=$B$17,14,0)+IF('Standard Profiles'!$G$21=$B$24,21,0),MOD($C844,24)+1)/SUM(INDEX($D$3:$AA$30,INDEX(Jesper!$R$2:$R$366,ROW(INDEX(Jesper!AK$2:AK$366,ROUNDDOWN($C844/24,0)+1,1))-1)+IF('Standard Profiles'!$G$21=$B$10,7,0)+IF('Standard Profiles'!$G$21=$B$17,14,0)+IF('Standard Profiles'!$G$21=$B$24,21,0),0)),0)</f>
        <v>0</v>
      </c>
      <c r="H844" cm="1">
        <f t="array" ref="H844">IFERROR(INDEX(Jesper!AL$2:AL$366,ROUNDDOWN($C844/24,0)+1,1)*INDEX($D$3:$AA$30,INDEX(Jesper!$R$2:$R$366,ROW(INDEX(Jesper!AL$2:AL$366,ROUNDDOWN($C844/24,0)+1,1))-1)+IF('Standard Profiles'!$G$22=$B$10,7,0)+IF('Standard Profiles'!$G$22=$B$17,14,0)+IF('Standard Profiles'!$G$22=$B$24,21,0),MOD($C844,24)+1)/SUM(INDEX($D$3:$AA$30,INDEX(Jesper!$R$2:$R$366,ROW(INDEX(Jesper!AL$2:AL$366,ROUNDDOWN($C844/24,0)+1,1))-1)+IF('Standard Profiles'!$G$22=$B$10,7,0)+IF('Standard Profiles'!$G$22=$B$17,14,0)+IF('Standard Profiles'!$G$22=$B$24,21,0),0)),0)</f>
        <v>0</v>
      </c>
      <c r="I844">
        <f t="shared" si="104"/>
        <v>0.23853227649114403</v>
      </c>
      <c r="J844">
        <f t="shared" si="105"/>
        <v>0.79510758830381356</v>
      </c>
      <c r="K844">
        <f t="shared" si="106"/>
        <v>1.1926613824557202</v>
      </c>
      <c r="L844">
        <f t="shared" si="107"/>
        <v>11.44021239555892</v>
      </c>
      <c r="M844">
        <f t="shared" si="108"/>
        <v>0</v>
      </c>
      <c r="N844" s="46">
        <f t="shared" si="109"/>
        <v>45325.749999998035</v>
      </c>
    </row>
    <row r="845" spans="2:14" x14ac:dyDescent="0.3">
      <c r="B845">
        <f t="shared" si="103"/>
        <v>6</v>
      </c>
      <c r="C845" s="16">
        <v>811</v>
      </c>
      <c r="D845" cm="1">
        <f t="array" ref="D845">IFERROR(INDEX(Jesper!AH$2:AH$366,ROUNDDOWN($C845/24,0)+1,1)*INDEX($D$3:$AA$30,INDEX(Jesper!$R$2:$R$366,ROW(INDEX(Jesper!AH$2:AH$366,ROUNDDOWN($C845/24,0)+1,1))-1)+IF('Standard Profiles'!$G$18=$B$10,7,0)+IF('Standard Profiles'!$G$18=$B$17,14,0)+IF('Standard Profiles'!$G$18=$B$24,21,0),MOD($C845,24)+1)/SUM(INDEX($D$3:$AA$30,INDEX(Jesper!$R$2:$R$366,ROW(INDEX(Jesper!AH$2:AH$366,ROUNDDOWN($C845/24,0)+1,1))-1)+IF('Standard Profiles'!$G$18=$B$10,7,0)+IF('Standard Profiles'!$G$18=$B$17,14,0)+IF('Standard Profiles'!$G$18=$B$24,21,0),0)),0)</f>
        <v>8.8998043403429197</v>
      </c>
      <c r="E845" cm="1">
        <f t="array" ref="E845">IFERROR(INDEX(Jesper!AI$2:AI$366,ROUNDDOWN($C845/24,0)+1,1)*INDEX($D$3:$AA$30,INDEX(Jesper!$R$2:$R$366,ROW(INDEX(Jesper!AI$2:AI$366,ROUNDDOWN($C845/24,0)+1,1))-1)+IF('Standard Profiles'!$G$19=$B$10,7,0)+IF('Standard Profiles'!$G$19=$B$17,14,0)+IF('Standard Profiles'!$G$19=$B$24,21,0),MOD($C845,24)+1)/SUM(INDEX($D$3:$AA$30,INDEX(Jesper!$R$2:$R$366,ROW(INDEX(Jesper!AI$2:AI$366,ROUNDDOWN($C845/24,0)+1,1))-1)+IF('Standard Profiles'!$G$19=$B$10,7,0)+IF('Standard Profiles'!$G$19=$B$17,14,0)+IF('Standard Profiles'!$G$19=$B$24,21,0),0)),0)</f>
        <v>2.1385336019263712</v>
      </c>
      <c r="F845" cm="1">
        <f t="array" ref="F845">IFERROR(INDEX(Jesper!AJ$2:AJ$366,ROUNDDOWN($C845/24,0)+1,1)*INDEX($D$3:$AA$30,INDEX(Jesper!$R$2:$R$366,ROW(INDEX(Jesper!AJ$2:AJ$366,ROUNDDOWN($C845/24,0)+1,1))-1)+IF('Standard Profiles'!$G$20=$B$10,7,0)+IF('Standard Profiles'!$G$20=$B$17,14,0)+IF('Standard Profiles'!$G$20=$B$24,21,0),MOD($C845,24)+1)/SUM(INDEX($D$3:$AA$30,INDEX(Jesper!$R$2:$R$366,ROW(INDEX(Jesper!AJ$2:AJ$366,ROUNDDOWN($C845/24,0)+1,1))-1)+IF('Standard Profiles'!$G$20=$B$10,7,0)+IF('Standard Profiles'!$G$20=$B$17,14,0)+IF('Standard Profiles'!$G$20=$B$24,21,0),0)),0)</f>
        <v>0</v>
      </c>
      <c r="G845" cm="1">
        <f t="array" ref="G845">IFERROR(INDEX(Jesper!AK$2:AK$366,ROUNDDOWN($C845/24,0)+1,1)*INDEX($D$3:$AA$30,INDEX(Jesper!$R$2:$R$366,ROW(INDEX(Jesper!AK$2:AK$366,ROUNDDOWN($C845/24,0)+1,1))-1)+IF('Standard Profiles'!$G$21=$B$10,7,0)+IF('Standard Profiles'!$G$21=$B$17,14,0)+IF('Standard Profiles'!$G$21=$B$24,21,0),MOD($C845,24)+1)/SUM(INDEX($D$3:$AA$30,INDEX(Jesper!$R$2:$R$366,ROW(INDEX(Jesper!AK$2:AK$366,ROUNDDOWN($C845/24,0)+1,1))-1)+IF('Standard Profiles'!$G$21=$B$10,7,0)+IF('Standard Profiles'!$G$21=$B$17,14,0)+IF('Standard Profiles'!$G$21=$B$24,21,0),0)),0)</f>
        <v>0</v>
      </c>
      <c r="H845" cm="1">
        <f t="array" ref="H845">IFERROR(INDEX(Jesper!AL$2:AL$366,ROUNDDOWN($C845/24,0)+1,1)*INDEX($D$3:$AA$30,INDEX(Jesper!$R$2:$R$366,ROW(INDEX(Jesper!AL$2:AL$366,ROUNDDOWN($C845/24,0)+1,1))-1)+IF('Standard Profiles'!$G$22=$B$10,7,0)+IF('Standard Profiles'!$G$22=$B$17,14,0)+IF('Standard Profiles'!$G$22=$B$24,21,0),MOD($C845,24)+1)/SUM(INDEX($D$3:$AA$30,INDEX(Jesper!$R$2:$R$366,ROW(INDEX(Jesper!AL$2:AL$366,ROUNDDOWN($C845/24,0)+1,1))-1)+IF('Standard Profiles'!$G$22=$B$10,7,0)+IF('Standard Profiles'!$G$22=$B$17,14,0)+IF('Standard Profiles'!$G$22=$B$24,21,0),0)),0)</f>
        <v>0</v>
      </c>
      <c r="I845">
        <f t="shared" si="104"/>
        <v>0.19266068485823168</v>
      </c>
      <c r="J845">
        <f t="shared" si="105"/>
        <v>0.64220228286077241</v>
      </c>
      <c r="K845">
        <f t="shared" si="106"/>
        <v>0.96330342429115856</v>
      </c>
      <c r="L845">
        <f t="shared" si="107"/>
        <v>9.2401715502591291</v>
      </c>
      <c r="M845">
        <f t="shared" si="108"/>
        <v>0</v>
      </c>
      <c r="N845" s="46">
        <f t="shared" si="109"/>
        <v>45325.7916666647</v>
      </c>
    </row>
    <row r="846" spans="2:14" x14ac:dyDescent="0.3">
      <c r="B846">
        <f t="shared" si="103"/>
        <v>6</v>
      </c>
      <c r="C846" s="16">
        <v>812</v>
      </c>
      <c r="D846" cm="1">
        <f t="array" ref="D846">IFERROR(INDEX(Jesper!AH$2:AH$366,ROUNDDOWN($C846/24,0)+1,1)*INDEX($D$3:$AA$30,INDEX(Jesper!$R$2:$R$366,ROW(INDEX(Jesper!AH$2:AH$366,ROUNDDOWN($C846/24,0)+1,1))-1)+IF('Standard Profiles'!$G$18=$B$10,7,0)+IF('Standard Profiles'!$G$18=$B$17,14,0)+IF('Standard Profiles'!$G$18=$B$24,21,0),MOD($C846,24)+1)/SUM(INDEX($D$3:$AA$30,INDEX(Jesper!$R$2:$R$366,ROW(INDEX(Jesper!AH$2:AH$366,ROUNDDOWN($C846/24,0)+1,1))-1)+IF('Standard Profiles'!$G$18=$B$10,7,0)+IF('Standard Profiles'!$G$18=$B$17,14,0)+IF('Standard Profiles'!$G$18=$B$24,21,0),0)),0)</f>
        <v>6.5689032035864408</v>
      </c>
      <c r="E846" cm="1">
        <f t="array" ref="E846">IFERROR(INDEX(Jesper!AI$2:AI$366,ROUNDDOWN($C846/24,0)+1,1)*INDEX($D$3:$AA$30,INDEX(Jesper!$R$2:$R$366,ROW(INDEX(Jesper!AI$2:AI$366,ROUNDDOWN($C846/24,0)+1,1))-1)+IF('Standard Profiles'!$G$19=$B$10,7,0)+IF('Standard Profiles'!$G$19=$B$17,14,0)+IF('Standard Profiles'!$G$19=$B$24,21,0),MOD($C846,24)+1)/SUM(INDEX($D$3:$AA$30,INDEX(Jesper!$R$2:$R$366,ROW(INDEX(Jesper!AI$2:AI$366,ROUNDDOWN($C846/24,0)+1,1))-1)+IF('Standard Profiles'!$G$19=$B$10,7,0)+IF('Standard Profiles'!$G$19=$B$17,14,0)+IF('Standard Profiles'!$G$19=$B$24,21,0),0)),0)</f>
        <v>1.5784414680885122</v>
      </c>
      <c r="F846" cm="1">
        <f t="array" ref="F846">IFERROR(INDEX(Jesper!AJ$2:AJ$366,ROUNDDOWN($C846/24,0)+1,1)*INDEX($D$3:$AA$30,INDEX(Jesper!$R$2:$R$366,ROW(INDEX(Jesper!AJ$2:AJ$366,ROUNDDOWN($C846/24,0)+1,1))-1)+IF('Standard Profiles'!$G$20=$B$10,7,0)+IF('Standard Profiles'!$G$20=$B$17,14,0)+IF('Standard Profiles'!$G$20=$B$24,21,0),MOD($C846,24)+1)/SUM(INDEX($D$3:$AA$30,INDEX(Jesper!$R$2:$R$366,ROW(INDEX(Jesper!AJ$2:AJ$366,ROUNDDOWN($C846/24,0)+1,1))-1)+IF('Standard Profiles'!$G$20=$B$10,7,0)+IF('Standard Profiles'!$G$20=$B$17,14,0)+IF('Standard Profiles'!$G$20=$B$24,21,0),0)),0)</f>
        <v>0</v>
      </c>
      <c r="G846" cm="1">
        <f t="array" ref="G846">IFERROR(INDEX(Jesper!AK$2:AK$366,ROUNDDOWN($C846/24,0)+1,1)*INDEX($D$3:$AA$30,INDEX(Jesper!$R$2:$R$366,ROW(INDEX(Jesper!AK$2:AK$366,ROUNDDOWN($C846/24,0)+1,1))-1)+IF('Standard Profiles'!$G$21=$B$10,7,0)+IF('Standard Profiles'!$G$21=$B$17,14,0)+IF('Standard Profiles'!$G$21=$B$24,21,0),MOD($C846,24)+1)/SUM(INDEX($D$3:$AA$30,INDEX(Jesper!$R$2:$R$366,ROW(INDEX(Jesper!AK$2:AK$366,ROUNDDOWN($C846/24,0)+1,1))-1)+IF('Standard Profiles'!$G$21=$B$10,7,0)+IF('Standard Profiles'!$G$21=$B$17,14,0)+IF('Standard Profiles'!$G$21=$B$24,21,0),0)),0)</f>
        <v>0</v>
      </c>
      <c r="H846" cm="1">
        <f t="array" ref="H846">IFERROR(INDEX(Jesper!AL$2:AL$366,ROUNDDOWN($C846/24,0)+1,1)*INDEX($D$3:$AA$30,INDEX(Jesper!$R$2:$R$366,ROW(INDEX(Jesper!AL$2:AL$366,ROUNDDOWN($C846/24,0)+1,1))-1)+IF('Standard Profiles'!$G$22=$B$10,7,0)+IF('Standard Profiles'!$G$22=$B$17,14,0)+IF('Standard Profiles'!$G$22=$B$24,21,0),MOD($C846,24)+1)/SUM(INDEX($D$3:$AA$30,INDEX(Jesper!$R$2:$R$366,ROW(INDEX(Jesper!AL$2:AL$366,ROUNDDOWN($C846/24,0)+1,1))-1)+IF('Standard Profiles'!$G$22=$B$10,7,0)+IF('Standard Profiles'!$G$22=$B$17,14,0)+IF('Standard Profiles'!$G$22=$B$24,21,0),0)),0)</f>
        <v>0</v>
      </c>
      <c r="I846">
        <f t="shared" si="104"/>
        <v>0.14220193406202816</v>
      </c>
      <c r="J846">
        <f t="shared" si="105"/>
        <v>0.47400644687342725</v>
      </c>
      <c r="K846">
        <f t="shared" si="106"/>
        <v>0.71100967031014084</v>
      </c>
      <c r="L846">
        <f t="shared" si="107"/>
        <v>6.8201266204293569</v>
      </c>
      <c r="M846">
        <f t="shared" si="108"/>
        <v>0</v>
      </c>
      <c r="N846" s="46">
        <f t="shared" si="109"/>
        <v>45325.833333331364</v>
      </c>
    </row>
    <row r="847" spans="2:14" x14ac:dyDescent="0.3">
      <c r="B847">
        <f t="shared" si="103"/>
        <v>6</v>
      </c>
      <c r="C847" s="16">
        <v>813</v>
      </c>
      <c r="D847" cm="1">
        <f t="array" ref="D847">IFERROR(INDEX(Jesper!AH$2:AH$366,ROUNDDOWN($C847/24,0)+1,1)*INDEX($D$3:$AA$30,INDEX(Jesper!$R$2:$R$366,ROW(INDEX(Jesper!AH$2:AH$366,ROUNDDOWN($C847/24,0)+1,1))-1)+IF('Standard Profiles'!$G$18=$B$10,7,0)+IF('Standard Profiles'!$G$18=$B$17,14,0)+IF('Standard Profiles'!$G$18=$B$24,21,0),MOD($C847,24)+1)/SUM(INDEX($D$3:$AA$30,INDEX(Jesper!$R$2:$R$366,ROW(INDEX(Jesper!AH$2:AH$366,ROUNDDOWN($C847/24,0)+1,1))-1)+IF('Standard Profiles'!$G$18=$B$10,7,0)+IF('Standard Profiles'!$G$18=$B$17,14,0)+IF('Standard Profiles'!$G$18=$B$24,21,0),0)),0)</f>
        <v>6.5689032035864408</v>
      </c>
      <c r="E847" cm="1">
        <f t="array" ref="E847">IFERROR(INDEX(Jesper!AI$2:AI$366,ROUNDDOWN($C847/24,0)+1,1)*INDEX($D$3:$AA$30,INDEX(Jesper!$R$2:$R$366,ROW(INDEX(Jesper!AI$2:AI$366,ROUNDDOWN($C847/24,0)+1,1))-1)+IF('Standard Profiles'!$G$19=$B$10,7,0)+IF('Standard Profiles'!$G$19=$B$17,14,0)+IF('Standard Profiles'!$G$19=$B$24,21,0),MOD($C847,24)+1)/SUM(INDEX($D$3:$AA$30,INDEX(Jesper!$R$2:$R$366,ROW(INDEX(Jesper!AI$2:AI$366,ROUNDDOWN($C847/24,0)+1,1))-1)+IF('Standard Profiles'!$G$19=$B$10,7,0)+IF('Standard Profiles'!$G$19=$B$17,14,0)+IF('Standard Profiles'!$G$19=$B$24,21,0),0)),0)</f>
        <v>1.5784414680885122</v>
      </c>
      <c r="F847" cm="1">
        <f t="array" ref="F847">IFERROR(INDEX(Jesper!AJ$2:AJ$366,ROUNDDOWN($C847/24,0)+1,1)*INDEX($D$3:$AA$30,INDEX(Jesper!$R$2:$R$366,ROW(INDEX(Jesper!AJ$2:AJ$366,ROUNDDOWN($C847/24,0)+1,1))-1)+IF('Standard Profiles'!$G$20=$B$10,7,0)+IF('Standard Profiles'!$G$20=$B$17,14,0)+IF('Standard Profiles'!$G$20=$B$24,21,0),MOD($C847,24)+1)/SUM(INDEX($D$3:$AA$30,INDEX(Jesper!$R$2:$R$366,ROW(INDEX(Jesper!AJ$2:AJ$366,ROUNDDOWN($C847/24,0)+1,1))-1)+IF('Standard Profiles'!$G$20=$B$10,7,0)+IF('Standard Profiles'!$G$20=$B$17,14,0)+IF('Standard Profiles'!$G$20=$B$24,21,0),0)),0)</f>
        <v>0</v>
      </c>
      <c r="G847" cm="1">
        <f t="array" ref="G847">IFERROR(INDEX(Jesper!AK$2:AK$366,ROUNDDOWN($C847/24,0)+1,1)*INDEX($D$3:$AA$30,INDEX(Jesper!$R$2:$R$366,ROW(INDEX(Jesper!AK$2:AK$366,ROUNDDOWN($C847/24,0)+1,1))-1)+IF('Standard Profiles'!$G$21=$B$10,7,0)+IF('Standard Profiles'!$G$21=$B$17,14,0)+IF('Standard Profiles'!$G$21=$B$24,21,0),MOD($C847,24)+1)/SUM(INDEX($D$3:$AA$30,INDEX(Jesper!$R$2:$R$366,ROW(INDEX(Jesper!AK$2:AK$366,ROUNDDOWN($C847/24,0)+1,1))-1)+IF('Standard Profiles'!$G$21=$B$10,7,0)+IF('Standard Profiles'!$G$21=$B$17,14,0)+IF('Standard Profiles'!$G$21=$B$24,21,0),0)),0)</f>
        <v>0</v>
      </c>
      <c r="H847" cm="1">
        <f t="array" ref="H847">IFERROR(INDEX(Jesper!AL$2:AL$366,ROUNDDOWN($C847/24,0)+1,1)*INDEX($D$3:$AA$30,INDEX(Jesper!$R$2:$R$366,ROW(INDEX(Jesper!AL$2:AL$366,ROUNDDOWN($C847/24,0)+1,1))-1)+IF('Standard Profiles'!$G$22=$B$10,7,0)+IF('Standard Profiles'!$G$22=$B$17,14,0)+IF('Standard Profiles'!$G$22=$B$24,21,0),MOD($C847,24)+1)/SUM(INDEX($D$3:$AA$30,INDEX(Jesper!$R$2:$R$366,ROW(INDEX(Jesper!AL$2:AL$366,ROUNDDOWN($C847/24,0)+1,1))-1)+IF('Standard Profiles'!$G$22=$B$10,7,0)+IF('Standard Profiles'!$G$22=$B$17,14,0)+IF('Standard Profiles'!$G$22=$B$24,21,0),0)),0)</f>
        <v>0</v>
      </c>
      <c r="I847">
        <f t="shared" si="104"/>
        <v>0.14220193406202816</v>
      </c>
      <c r="J847">
        <f t="shared" si="105"/>
        <v>0.47400644687342725</v>
      </c>
      <c r="K847">
        <f t="shared" si="106"/>
        <v>0.71100967031014084</v>
      </c>
      <c r="L847">
        <f t="shared" si="107"/>
        <v>6.8201266204293569</v>
      </c>
      <c r="M847">
        <f t="shared" si="108"/>
        <v>0</v>
      </c>
      <c r="N847" s="46">
        <f t="shared" si="109"/>
        <v>45325.874999998028</v>
      </c>
    </row>
    <row r="848" spans="2:14" x14ac:dyDescent="0.3">
      <c r="B848">
        <f t="shared" si="103"/>
        <v>6</v>
      </c>
      <c r="C848" s="16">
        <v>814</v>
      </c>
      <c r="D848" cm="1">
        <f t="array" ref="D848">IFERROR(INDEX(Jesper!AH$2:AH$366,ROUNDDOWN($C848/24,0)+1,1)*INDEX($D$3:$AA$30,INDEX(Jesper!$R$2:$R$366,ROW(INDEX(Jesper!AH$2:AH$366,ROUNDDOWN($C848/24,0)+1,1))-1)+IF('Standard Profiles'!$G$18=$B$10,7,0)+IF('Standard Profiles'!$G$18=$B$17,14,0)+IF('Standard Profiles'!$G$18=$B$24,21,0),MOD($C848,24)+1)/SUM(INDEX($D$3:$AA$30,INDEX(Jesper!$R$2:$R$366,ROW(INDEX(Jesper!AH$2:AH$366,ROUNDDOWN($C848/24,0)+1,1))-1)+IF('Standard Profiles'!$G$18=$B$10,7,0)+IF('Standard Profiles'!$G$18=$B$17,14,0)+IF('Standard Profiles'!$G$18=$B$24,21,0),0)),0)</f>
        <v>6.5689032035864408</v>
      </c>
      <c r="E848" cm="1">
        <f t="array" ref="E848">IFERROR(INDEX(Jesper!AI$2:AI$366,ROUNDDOWN($C848/24,0)+1,1)*INDEX($D$3:$AA$30,INDEX(Jesper!$R$2:$R$366,ROW(INDEX(Jesper!AI$2:AI$366,ROUNDDOWN($C848/24,0)+1,1))-1)+IF('Standard Profiles'!$G$19=$B$10,7,0)+IF('Standard Profiles'!$G$19=$B$17,14,0)+IF('Standard Profiles'!$G$19=$B$24,21,0),MOD($C848,24)+1)/SUM(INDEX($D$3:$AA$30,INDEX(Jesper!$R$2:$R$366,ROW(INDEX(Jesper!AI$2:AI$366,ROUNDDOWN($C848/24,0)+1,1))-1)+IF('Standard Profiles'!$G$19=$B$10,7,0)+IF('Standard Profiles'!$G$19=$B$17,14,0)+IF('Standard Profiles'!$G$19=$B$24,21,0),0)),0)</f>
        <v>1.5784414680885122</v>
      </c>
      <c r="F848" cm="1">
        <f t="array" ref="F848">IFERROR(INDEX(Jesper!AJ$2:AJ$366,ROUNDDOWN($C848/24,0)+1,1)*INDEX($D$3:$AA$30,INDEX(Jesper!$R$2:$R$366,ROW(INDEX(Jesper!AJ$2:AJ$366,ROUNDDOWN($C848/24,0)+1,1))-1)+IF('Standard Profiles'!$G$20=$B$10,7,0)+IF('Standard Profiles'!$G$20=$B$17,14,0)+IF('Standard Profiles'!$G$20=$B$24,21,0),MOD($C848,24)+1)/SUM(INDEX($D$3:$AA$30,INDEX(Jesper!$R$2:$R$366,ROW(INDEX(Jesper!AJ$2:AJ$366,ROUNDDOWN($C848/24,0)+1,1))-1)+IF('Standard Profiles'!$G$20=$B$10,7,0)+IF('Standard Profiles'!$G$20=$B$17,14,0)+IF('Standard Profiles'!$G$20=$B$24,21,0),0)),0)</f>
        <v>0</v>
      </c>
      <c r="G848" cm="1">
        <f t="array" ref="G848">IFERROR(INDEX(Jesper!AK$2:AK$366,ROUNDDOWN($C848/24,0)+1,1)*INDEX($D$3:$AA$30,INDEX(Jesper!$R$2:$R$366,ROW(INDEX(Jesper!AK$2:AK$366,ROUNDDOWN($C848/24,0)+1,1))-1)+IF('Standard Profiles'!$G$21=$B$10,7,0)+IF('Standard Profiles'!$G$21=$B$17,14,0)+IF('Standard Profiles'!$G$21=$B$24,21,0),MOD($C848,24)+1)/SUM(INDEX($D$3:$AA$30,INDEX(Jesper!$R$2:$R$366,ROW(INDEX(Jesper!AK$2:AK$366,ROUNDDOWN($C848/24,0)+1,1))-1)+IF('Standard Profiles'!$G$21=$B$10,7,0)+IF('Standard Profiles'!$G$21=$B$17,14,0)+IF('Standard Profiles'!$G$21=$B$24,21,0),0)),0)</f>
        <v>0</v>
      </c>
      <c r="H848" cm="1">
        <f t="array" ref="H848">IFERROR(INDEX(Jesper!AL$2:AL$366,ROUNDDOWN($C848/24,0)+1,1)*INDEX($D$3:$AA$30,INDEX(Jesper!$R$2:$R$366,ROW(INDEX(Jesper!AL$2:AL$366,ROUNDDOWN($C848/24,0)+1,1))-1)+IF('Standard Profiles'!$G$22=$B$10,7,0)+IF('Standard Profiles'!$G$22=$B$17,14,0)+IF('Standard Profiles'!$G$22=$B$24,21,0),MOD($C848,24)+1)/SUM(INDEX($D$3:$AA$30,INDEX(Jesper!$R$2:$R$366,ROW(INDEX(Jesper!AL$2:AL$366,ROUNDDOWN($C848/24,0)+1,1))-1)+IF('Standard Profiles'!$G$22=$B$10,7,0)+IF('Standard Profiles'!$G$22=$B$17,14,0)+IF('Standard Profiles'!$G$22=$B$24,21,0),0)),0)</f>
        <v>0</v>
      </c>
      <c r="I848">
        <f t="shared" si="104"/>
        <v>0.14220193406202816</v>
      </c>
      <c r="J848">
        <f t="shared" si="105"/>
        <v>0.47400644687342725</v>
      </c>
      <c r="K848">
        <f t="shared" si="106"/>
        <v>0.71100967031014084</v>
      </c>
      <c r="L848">
        <f t="shared" si="107"/>
        <v>6.8201266204293569</v>
      </c>
      <c r="M848">
        <f t="shared" si="108"/>
        <v>0</v>
      </c>
      <c r="N848" s="46">
        <f t="shared" si="109"/>
        <v>45325.916666664692</v>
      </c>
    </row>
    <row r="849" spans="2:14" x14ac:dyDescent="0.3">
      <c r="B849">
        <f t="shared" si="103"/>
        <v>6</v>
      </c>
      <c r="C849" s="16">
        <v>815</v>
      </c>
      <c r="D849" cm="1">
        <f t="array" ref="D849">IFERROR(INDEX(Jesper!AH$2:AH$366,ROUNDDOWN($C849/24,0)+1,1)*INDEX($D$3:$AA$30,INDEX(Jesper!$R$2:$R$366,ROW(INDEX(Jesper!AH$2:AH$366,ROUNDDOWN($C849/24,0)+1,1))-1)+IF('Standard Profiles'!$G$18=$B$10,7,0)+IF('Standard Profiles'!$G$18=$B$17,14,0)+IF('Standard Profiles'!$G$18=$B$24,21,0),MOD($C849,24)+1)/SUM(INDEX($D$3:$AA$30,INDEX(Jesper!$R$2:$R$366,ROW(INDEX(Jesper!AH$2:AH$366,ROUNDDOWN($C849/24,0)+1,1))-1)+IF('Standard Profiles'!$G$18=$B$10,7,0)+IF('Standard Profiles'!$G$18=$B$17,14,0)+IF('Standard Profiles'!$G$18=$B$24,21,0),0)),0)</f>
        <v>6.5689032035864408</v>
      </c>
      <c r="E849" cm="1">
        <f t="array" ref="E849">IFERROR(INDEX(Jesper!AI$2:AI$366,ROUNDDOWN($C849/24,0)+1,1)*INDEX($D$3:$AA$30,INDEX(Jesper!$R$2:$R$366,ROW(INDEX(Jesper!AI$2:AI$366,ROUNDDOWN($C849/24,0)+1,1))-1)+IF('Standard Profiles'!$G$19=$B$10,7,0)+IF('Standard Profiles'!$G$19=$B$17,14,0)+IF('Standard Profiles'!$G$19=$B$24,21,0),MOD($C849,24)+1)/SUM(INDEX($D$3:$AA$30,INDEX(Jesper!$R$2:$R$366,ROW(INDEX(Jesper!AI$2:AI$366,ROUNDDOWN($C849/24,0)+1,1))-1)+IF('Standard Profiles'!$G$19=$B$10,7,0)+IF('Standard Profiles'!$G$19=$B$17,14,0)+IF('Standard Profiles'!$G$19=$B$24,21,0),0)),0)</f>
        <v>1.5784414680885122</v>
      </c>
      <c r="F849" cm="1">
        <f t="array" ref="F849">IFERROR(INDEX(Jesper!AJ$2:AJ$366,ROUNDDOWN($C849/24,0)+1,1)*INDEX($D$3:$AA$30,INDEX(Jesper!$R$2:$R$366,ROW(INDEX(Jesper!AJ$2:AJ$366,ROUNDDOWN($C849/24,0)+1,1))-1)+IF('Standard Profiles'!$G$20=$B$10,7,0)+IF('Standard Profiles'!$G$20=$B$17,14,0)+IF('Standard Profiles'!$G$20=$B$24,21,0),MOD($C849,24)+1)/SUM(INDEX($D$3:$AA$30,INDEX(Jesper!$R$2:$R$366,ROW(INDEX(Jesper!AJ$2:AJ$366,ROUNDDOWN($C849/24,0)+1,1))-1)+IF('Standard Profiles'!$G$20=$B$10,7,0)+IF('Standard Profiles'!$G$20=$B$17,14,0)+IF('Standard Profiles'!$G$20=$B$24,21,0),0)),0)</f>
        <v>0</v>
      </c>
      <c r="G849" cm="1">
        <f t="array" ref="G849">IFERROR(INDEX(Jesper!AK$2:AK$366,ROUNDDOWN($C849/24,0)+1,1)*INDEX($D$3:$AA$30,INDEX(Jesper!$R$2:$R$366,ROW(INDEX(Jesper!AK$2:AK$366,ROUNDDOWN($C849/24,0)+1,1))-1)+IF('Standard Profiles'!$G$21=$B$10,7,0)+IF('Standard Profiles'!$G$21=$B$17,14,0)+IF('Standard Profiles'!$G$21=$B$24,21,0),MOD($C849,24)+1)/SUM(INDEX($D$3:$AA$30,INDEX(Jesper!$R$2:$R$366,ROW(INDEX(Jesper!AK$2:AK$366,ROUNDDOWN($C849/24,0)+1,1))-1)+IF('Standard Profiles'!$G$21=$B$10,7,0)+IF('Standard Profiles'!$G$21=$B$17,14,0)+IF('Standard Profiles'!$G$21=$B$24,21,0),0)),0)</f>
        <v>0</v>
      </c>
      <c r="H849" cm="1">
        <f t="array" ref="H849">IFERROR(INDEX(Jesper!AL$2:AL$366,ROUNDDOWN($C849/24,0)+1,1)*INDEX($D$3:$AA$30,INDEX(Jesper!$R$2:$R$366,ROW(INDEX(Jesper!AL$2:AL$366,ROUNDDOWN($C849/24,0)+1,1))-1)+IF('Standard Profiles'!$G$22=$B$10,7,0)+IF('Standard Profiles'!$G$22=$B$17,14,0)+IF('Standard Profiles'!$G$22=$B$24,21,0),MOD($C849,24)+1)/SUM(INDEX($D$3:$AA$30,INDEX(Jesper!$R$2:$R$366,ROW(INDEX(Jesper!AL$2:AL$366,ROUNDDOWN($C849/24,0)+1,1))-1)+IF('Standard Profiles'!$G$22=$B$10,7,0)+IF('Standard Profiles'!$G$22=$B$17,14,0)+IF('Standard Profiles'!$G$22=$B$24,21,0),0)),0)</f>
        <v>0</v>
      </c>
      <c r="I849">
        <f t="shared" si="104"/>
        <v>0.14220193406202816</v>
      </c>
      <c r="J849">
        <f t="shared" si="105"/>
        <v>0.47400644687342725</v>
      </c>
      <c r="K849">
        <f t="shared" si="106"/>
        <v>0.71100967031014084</v>
      </c>
      <c r="L849">
        <f t="shared" si="107"/>
        <v>6.8201266204293569</v>
      </c>
      <c r="M849">
        <f t="shared" si="108"/>
        <v>0</v>
      </c>
      <c r="N849" s="46">
        <f t="shared" si="109"/>
        <v>45325.958333331357</v>
      </c>
    </row>
    <row r="850" spans="2:14" x14ac:dyDescent="0.3">
      <c r="B850">
        <f t="shared" si="103"/>
        <v>7</v>
      </c>
      <c r="C850" s="16">
        <v>816</v>
      </c>
      <c r="D850" cm="1">
        <f t="array" ref="D850">IFERROR(INDEX(Jesper!AH$2:AH$366,ROUNDDOWN($C850/24,0)+1,1)*INDEX($D$3:$AA$30,INDEX(Jesper!$R$2:$R$366,ROW(INDEX(Jesper!AH$2:AH$366,ROUNDDOWN($C850/24,0)+1,1))-1)+IF('Standard Profiles'!$G$18=$B$10,7,0)+IF('Standard Profiles'!$G$18=$B$17,14,0)+IF('Standard Profiles'!$G$18=$B$24,21,0),MOD($C850,24)+1)/SUM(INDEX($D$3:$AA$30,INDEX(Jesper!$R$2:$R$366,ROW(INDEX(Jesper!AH$2:AH$366,ROUNDDOWN($C850/24,0)+1,1))-1)+IF('Standard Profiles'!$G$18=$B$10,7,0)+IF('Standard Profiles'!$G$18=$B$17,14,0)+IF('Standard Profiles'!$G$18=$B$24,21,0),0)),0)</f>
        <v>7.4859360250206768</v>
      </c>
      <c r="E850" cm="1">
        <f t="array" ref="E850">IFERROR(INDEX(Jesper!AI$2:AI$366,ROUNDDOWN($C850/24,0)+1,1)*INDEX($D$3:$AA$30,INDEX(Jesper!$R$2:$R$366,ROW(INDEX(Jesper!AI$2:AI$366,ROUNDDOWN($C850/24,0)+1,1))-1)+IF('Standard Profiles'!$G$19=$B$10,7,0)+IF('Standard Profiles'!$G$19=$B$17,14,0)+IF('Standard Profiles'!$G$19=$B$24,21,0),MOD($C850,24)+1)/SUM(INDEX($D$3:$AA$30,INDEX(Jesper!$R$2:$R$366,ROW(INDEX(Jesper!AI$2:AI$366,ROUNDDOWN($C850/24,0)+1,1))-1)+IF('Standard Profiles'!$G$19=$B$10,7,0)+IF('Standard Profiles'!$G$19=$B$17,14,0)+IF('Standard Profiles'!$G$19=$B$24,21,0),0)),0)</f>
        <v>1.8047308618030202</v>
      </c>
      <c r="F850" cm="1">
        <f t="array" ref="F850">IFERROR(INDEX(Jesper!AJ$2:AJ$366,ROUNDDOWN($C850/24,0)+1,1)*INDEX($D$3:$AA$30,INDEX(Jesper!$R$2:$R$366,ROW(INDEX(Jesper!AJ$2:AJ$366,ROUNDDOWN($C850/24,0)+1,1))-1)+IF('Standard Profiles'!$G$20=$B$10,7,0)+IF('Standard Profiles'!$G$20=$B$17,14,0)+IF('Standard Profiles'!$G$20=$B$24,21,0),MOD($C850,24)+1)/SUM(INDEX($D$3:$AA$30,INDEX(Jesper!$R$2:$R$366,ROW(INDEX(Jesper!AJ$2:AJ$366,ROUNDDOWN($C850/24,0)+1,1))-1)+IF('Standard Profiles'!$G$20=$B$10,7,0)+IF('Standard Profiles'!$G$20=$B$17,14,0)+IF('Standard Profiles'!$G$20=$B$24,21,0),0)),0)</f>
        <v>0</v>
      </c>
      <c r="G850" cm="1">
        <f t="array" ref="G850">IFERROR(INDEX(Jesper!AK$2:AK$366,ROUNDDOWN($C850/24,0)+1,1)*INDEX($D$3:$AA$30,INDEX(Jesper!$R$2:$R$366,ROW(INDEX(Jesper!AK$2:AK$366,ROUNDDOWN($C850/24,0)+1,1))-1)+IF('Standard Profiles'!$G$21=$B$10,7,0)+IF('Standard Profiles'!$G$21=$B$17,14,0)+IF('Standard Profiles'!$G$21=$B$24,21,0),MOD($C850,24)+1)/SUM(INDEX($D$3:$AA$30,INDEX(Jesper!$R$2:$R$366,ROW(INDEX(Jesper!AK$2:AK$366,ROUNDDOWN($C850/24,0)+1,1))-1)+IF('Standard Profiles'!$G$21=$B$10,7,0)+IF('Standard Profiles'!$G$21=$B$17,14,0)+IF('Standard Profiles'!$G$21=$B$24,21,0),0)),0)</f>
        <v>0</v>
      </c>
      <c r="H850" cm="1">
        <f t="array" ref="H850">IFERROR(INDEX(Jesper!AL$2:AL$366,ROUNDDOWN($C850/24,0)+1,1)*INDEX($D$3:$AA$30,INDEX(Jesper!$R$2:$R$366,ROW(INDEX(Jesper!AL$2:AL$366,ROUNDDOWN($C850/24,0)+1,1))-1)+IF('Standard Profiles'!$G$22=$B$10,7,0)+IF('Standard Profiles'!$G$22=$B$17,14,0)+IF('Standard Profiles'!$G$22=$B$24,21,0),MOD($C850,24)+1)/SUM(INDEX($D$3:$AA$30,INDEX(Jesper!$R$2:$R$366,ROW(INDEX(Jesper!AL$2:AL$366,ROUNDDOWN($C850/24,0)+1,1))-1)+IF('Standard Profiles'!$G$22=$B$10,7,0)+IF('Standard Profiles'!$G$22=$B$17,14,0)+IF('Standard Profiles'!$G$22=$B$24,21,0),0)),0)</f>
        <v>0</v>
      </c>
      <c r="I850">
        <f t="shared" si="104"/>
        <v>0.16258836592820006</v>
      </c>
      <c r="J850">
        <f t="shared" si="105"/>
        <v>0.54196121976066691</v>
      </c>
      <c r="K850">
        <f t="shared" si="106"/>
        <v>0.81294182964100037</v>
      </c>
      <c r="L850">
        <f t="shared" si="107"/>
        <v>7.7731754714938299</v>
      </c>
      <c r="M850">
        <f t="shared" si="108"/>
        <v>0</v>
      </c>
      <c r="N850" s="46">
        <f t="shared" si="109"/>
        <v>45325.999999998021</v>
      </c>
    </row>
    <row r="851" spans="2:14" x14ac:dyDescent="0.3">
      <c r="B851">
        <f t="shared" si="103"/>
        <v>7</v>
      </c>
      <c r="C851" s="16">
        <v>817</v>
      </c>
      <c r="D851" cm="1">
        <f t="array" ref="D851">IFERROR(INDEX(Jesper!AH$2:AH$366,ROUNDDOWN($C851/24,0)+1,1)*INDEX($D$3:$AA$30,INDEX(Jesper!$R$2:$R$366,ROW(INDEX(Jesper!AH$2:AH$366,ROUNDDOWN($C851/24,0)+1,1))-1)+IF('Standard Profiles'!$G$18=$B$10,7,0)+IF('Standard Profiles'!$G$18=$B$17,14,0)+IF('Standard Profiles'!$G$18=$B$24,21,0),MOD($C851,24)+1)/SUM(INDEX($D$3:$AA$30,INDEX(Jesper!$R$2:$R$366,ROW(INDEX(Jesper!AH$2:AH$366,ROUNDDOWN($C851/24,0)+1,1))-1)+IF('Standard Profiles'!$G$18=$B$10,7,0)+IF('Standard Profiles'!$G$18=$B$17,14,0)+IF('Standard Profiles'!$G$18=$B$24,21,0),0)),0)</f>
        <v>8.6933450613143339</v>
      </c>
      <c r="E851" cm="1">
        <f t="array" ref="E851">IFERROR(INDEX(Jesper!AI$2:AI$366,ROUNDDOWN($C851/24,0)+1,1)*INDEX($D$3:$AA$30,INDEX(Jesper!$R$2:$R$366,ROW(INDEX(Jesper!AI$2:AI$366,ROUNDDOWN($C851/24,0)+1,1))-1)+IF('Standard Profiles'!$G$19=$B$10,7,0)+IF('Standard Profiles'!$G$19=$B$17,14,0)+IF('Standard Profiles'!$G$19=$B$24,21,0),MOD($C851,24)+1)/SUM(INDEX($D$3:$AA$30,INDEX(Jesper!$R$2:$R$366,ROW(INDEX(Jesper!AI$2:AI$366,ROUNDDOWN($C851/24,0)+1,1))-1)+IF('Standard Profiles'!$G$19=$B$10,7,0)+IF('Standard Profiles'!$G$19=$B$17,14,0)+IF('Standard Profiles'!$G$19=$B$24,21,0),0)),0)</f>
        <v>2.0958164846744753</v>
      </c>
      <c r="F851" cm="1">
        <f t="array" ref="F851">IFERROR(INDEX(Jesper!AJ$2:AJ$366,ROUNDDOWN($C851/24,0)+1,1)*INDEX($D$3:$AA$30,INDEX(Jesper!$R$2:$R$366,ROW(INDEX(Jesper!AJ$2:AJ$366,ROUNDDOWN($C851/24,0)+1,1))-1)+IF('Standard Profiles'!$G$20=$B$10,7,0)+IF('Standard Profiles'!$G$20=$B$17,14,0)+IF('Standard Profiles'!$G$20=$B$24,21,0),MOD($C851,24)+1)/SUM(INDEX($D$3:$AA$30,INDEX(Jesper!$R$2:$R$366,ROW(INDEX(Jesper!AJ$2:AJ$366,ROUNDDOWN($C851/24,0)+1,1))-1)+IF('Standard Profiles'!$G$20=$B$10,7,0)+IF('Standard Profiles'!$G$20=$B$17,14,0)+IF('Standard Profiles'!$G$20=$B$24,21,0),0)),0)</f>
        <v>0</v>
      </c>
      <c r="G851" cm="1">
        <f t="array" ref="G851">IFERROR(INDEX(Jesper!AK$2:AK$366,ROUNDDOWN($C851/24,0)+1,1)*INDEX($D$3:$AA$30,INDEX(Jesper!$R$2:$R$366,ROW(INDEX(Jesper!AK$2:AK$366,ROUNDDOWN($C851/24,0)+1,1))-1)+IF('Standard Profiles'!$G$21=$B$10,7,0)+IF('Standard Profiles'!$G$21=$B$17,14,0)+IF('Standard Profiles'!$G$21=$B$24,21,0),MOD($C851,24)+1)/SUM(INDEX($D$3:$AA$30,INDEX(Jesper!$R$2:$R$366,ROW(INDEX(Jesper!AK$2:AK$366,ROUNDDOWN($C851/24,0)+1,1))-1)+IF('Standard Profiles'!$G$21=$B$10,7,0)+IF('Standard Profiles'!$G$21=$B$17,14,0)+IF('Standard Profiles'!$G$21=$B$24,21,0),0)),0)</f>
        <v>0</v>
      </c>
      <c r="H851" cm="1">
        <f t="array" ref="H851">IFERROR(INDEX(Jesper!AL$2:AL$366,ROUNDDOWN($C851/24,0)+1,1)*INDEX($D$3:$AA$30,INDEX(Jesper!$R$2:$R$366,ROW(INDEX(Jesper!AL$2:AL$366,ROUNDDOWN($C851/24,0)+1,1))-1)+IF('Standard Profiles'!$G$22=$B$10,7,0)+IF('Standard Profiles'!$G$22=$B$17,14,0)+IF('Standard Profiles'!$G$22=$B$24,21,0),MOD($C851,24)+1)/SUM(INDEX($D$3:$AA$30,INDEX(Jesper!$R$2:$R$366,ROW(INDEX(Jesper!AL$2:AL$366,ROUNDDOWN($C851/24,0)+1,1))-1)+IF('Standard Profiles'!$G$22=$B$10,7,0)+IF('Standard Profiles'!$G$22=$B$17,14,0)+IF('Standard Profiles'!$G$22=$B$24,21,0),0)),0)</f>
        <v>0</v>
      </c>
      <c r="I851">
        <f t="shared" si="104"/>
        <v>0.18881229591661944</v>
      </c>
      <c r="J851">
        <f t="shared" si="105"/>
        <v>0.62937431972206492</v>
      </c>
      <c r="K851">
        <f t="shared" si="106"/>
        <v>0.94406147958309738</v>
      </c>
      <c r="L851">
        <f t="shared" si="107"/>
        <v>9.0269134507670277</v>
      </c>
      <c r="M851">
        <f t="shared" si="108"/>
        <v>0</v>
      </c>
      <c r="N851" s="46">
        <f t="shared" si="109"/>
        <v>45326.041666664685</v>
      </c>
    </row>
    <row r="852" spans="2:14" x14ac:dyDescent="0.3">
      <c r="B852">
        <f t="shared" si="103"/>
        <v>7</v>
      </c>
      <c r="C852" s="16">
        <v>818</v>
      </c>
      <c r="D852" cm="1">
        <f t="array" ref="D852">IFERROR(INDEX(Jesper!AH$2:AH$366,ROUNDDOWN($C852/24,0)+1,1)*INDEX($D$3:$AA$30,INDEX(Jesper!$R$2:$R$366,ROW(INDEX(Jesper!AH$2:AH$366,ROUNDDOWN($C852/24,0)+1,1))-1)+IF('Standard Profiles'!$G$18=$B$10,7,0)+IF('Standard Profiles'!$G$18=$B$17,14,0)+IF('Standard Profiles'!$G$18=$B$24,21,0),MOD($C852,24)+1)/SUM(INDEX($D$3:$AA$30,INDEX(Jesper!$R$2:$R$366,ROW(INDEX(Jesper!AH$2:AH$366,ROUNDDOWN($C852/24,0)+1,1))-1)+IF('Standard Profiles'!$G$18=$B$10,7,0)+IF('Standard Profiles'!$G$18=$B$17,14,0)+IF('Standard Profiles'!$G$18=$B$24,21,0),0)),0)</f>
        <v>8.6933450613143339</v>
      </c>
      <c r="E852" cm="1">
        <f t="array" ref="E852">IFERROR(INDEX(Jesper!AI$2:AI$366,ROUNDDOWN($C852/24,0)+1,1)*INDEX($D$3:$AA$30,INDEX(Jesper!$R$2:$R$366,ROW(INDEX(Jesper!AI$2:AI$366,ROUNDDOWN($C852/24,0)+1,1))-1)+IF('Standard Profiles'!$G$19=$B$10,7,0)+IF('Standard Profiles'!$G$19=$B$17,14,0)+IF('Standard Profiles'!$G$19=$B$24,21,0),MOD($C852,24)+1)/SUM(INDEX($D$3:$AA$30,INDEX(Jesper!$R$2:$R$366,ROW(INDEX(Jesper!AI$2:AI$366,ROUNDDOWN($C852/24,0)+1,1))-1)+IF('Standard Profiles'!$G$19=$B$10,7,0)+IF('Standard Profiles'!$G$19=$B$17,14,0)+IF('Standard Profiles'!$G$19=$B$24,21,0),0)),0)</f>
        <v>2.0958164846744753</v>
      </c>
      <c r="F852" cm="1">
        <f t="array" ref="F852">IFERROR(INDEX(Jesper!AJ$2:AJ$366,ROUNDDOWN($C852/24,0)+1,1)*INDEX($D$3:$AA$30,INDEX(Jesper!$R$2:$R$366,ROW(INDEX(Jesper!AJ$2:AJ$366,ROUNDDOWN($C852/24,0)+1,1))-1)+IF('Standard Profiles'!$G$20=$B$10,7,0)+IF('Standard Profiles'!$G$20=$B$17,14,0)+IF('Standard Profiles'!$G$20=$B$24,21,0),MOD($C852,24)+1)/SUM(INDEX($D$3:$AA$30,INDEX(Jesper!$R$2:$R$366,ROW(INDEX(Jesper!AJ$2:AJ$366,ROUNDDOWN($C852/24,0)+1,1))-1)+IF('Standard Profiles'!$G$20=$B$10,7,0)+IF('Standard Profiles'!$G$20=$B$17,14,0)+IF('Standard Profiles'!$G$20=$B$24,21,0),0)),0)</f>
        <v>0</v>
      </c>
      <c r="G852" cm="1">
        <f t="array" ref="G852">IFERROR(INDEX(Jesper!AK$2:AK$366,ROUNDDOWN($C852/24,0)+1,1)*INDEX($D$3:$AA$30,INDEX(Jesper!$R$2:$R$366,ROW(INDEX(Jesper!AK$2:AK$366,ROUNDDOWN($C852/24,0)+1,1))-1)+IF('Standard Profiles'!$G$21=$B$10,7,0)+IF('Standard Profiles'!$G$21=$B$17,14,0)+IF('Standard Profiles'!$G$21=$B$24,21,0),MOD($C852,24)+1)/SUM(INDEX($D$3:$AA$30,INDEX(Jesper!$R$2:$R$366,ROW(INDEX(Jesper!AK$2:AK$366,ROUNDDOWN($C852/24,0)+1,1))-1)+IF('Standard Profiles'!$G$21=$B$10,7,0)+IF('Standard Profiles'!$G$21=$B$17,14,0)+IF('Standard Profiles'!$G$21=$B$24,21,0),0)),0)</f>
        <v>0</v>
      </c>
      <c r="H852" cm="1">
        <f t="array" ref="H852">IFERROR(INDEX(Jesper!AL$2:AL$366,ROUNDDOWN($C852/24,0)+1,1)*INDEX($D$3:$AA$30,INDEX(Jesper!$R$2:$R$366,ROW(INDEX(Jesper!AL$2:AL$366,ROUNDDOWN($C852/24,0)+1,1))-1)+IF('Standard Profiles'!$G$22=$B$10,7,0)+IF('Standard Profiles'!$G$22=$B$17,14,0)+IF('Standard Profiles'!$G$22=$B$24,21,0),MOD($C852,24)+1)/SUM(INDEX($D$3:$AA$30,INDEX(Jesper!$R$2:$R$366,ROW(INDEX(Jesper!AL$2:AL$366,ROUNDDOWN($C852/24,0)+1,1))-1)+IF('Standard Profiles'!$G$22=$B$10,7,0)+IF('Standard Profiles'!$G$22=$B$17,14,0)+IF('Standard Profiles'!$G$22=$B$24,21,0),0)),0)</f>
        <v>0</v>
      </c>
      <c r="I852">
        <f t="shared" si="104"/>
        <v>0.18881229591661944</v>
      </c>
      <c r="J852">
        <f t="shared" si="105"/>
        <v>0.62937431972206492</v>
      </c>
      <c r="K852">
        <f t="shared" si="106"/>
        <v>0.94406147958309738</v>
      </c>
      <c r="L852">
        <f t="shared" si="107"/>
        <v>9.0269134507670277</v>
      </c>
      <c r="M852">
        <f t="shared" si="108"/>
        <v>0</v>
      </c>
      <c r="N852" s="46">
        <f t="shared" si="109"/>
        <v>45326.083333331349</v>
      </c>
    </row>
    <row r="853" spans="2:14" x14ac:dyDescent="0.3">
      <c r="B853">
        <f t="shared" si="103"/>
        <v>7</v>
      </c>
      <c r="C853" s="16">
        <v>819</v>
      </c>
      <c r="D853" cm="1">
        <f t="array" ref="D853">IFERROR(INDEX(Jesper!AH$2:AH$366,ROUNDDOWN($C853/24,0)+1,1)*INDEX($D$3:$AA$30,INDEX(Jesper!$R$2:$R$366,ROW(INDEX(Jesper!AH$2:AH$366,ROUNDDOWN($C853/24,0)+1,1))-1)+IF('Standard Profiles'!$G$18=$B$10,7,0)+IF('Standard Profiles'!$G$18=$B$17,14,0)+IF('Standard Profiles'!$G$18=$B$24,21,0),MOD($C853,24)+1)/SUM(INDEX($D$3:$AA$30,INDEX(Jesper!$R$2:$R$366,ROW(INDEX(Jesper!AH$2:AH$366,ROUNDDOWN($C853/24,0)+1,1))-1)+IF('Standard Profiles'!$G$18=$B$10,7,0)+IF('Standard Profiles'!$G$18=$B$17,14,0)+IF('Standard Profiles'!$G$18=$B$24,21,0),0)),0)</f>
        <v>8.6933450613143339</v>
      </c>
      <c r="E853" cm="1">
        <f t="array" ref="E853">IFERROR(INDEX(Jesper!AI$2:AI$366,ROUNDDOWN($C853/24,0)+1,1)*INDEX($D$3:$AA$30,INDEX(Jesper!$R$2:$R$366,ROW(INDEX(Jesper!AI$2:AI$366,ROUNDDOWN($C853/24,0)+1,1))-1)+IF('Standard Profiles'!$G$19=$B$10,7,0)+IF('Standard Profiles'!$G$19=$B$17,14,0)+IF('Standard Profiles'!$G$19=$B$24,21,0),MOD($C853,24)+1)/SUM(INDEX($D$3:$AA$30,INDEX(Jesper!$R$2:$R$366,ROW(INDEX(Jesper!AI$2:AI$366,ROUNDDOWN($C853/24,0)+1,1))-1)+IF('Standard Profiles'!$G$19=$B$10,7,0)+IF('Standard Profiles'!$G$19=$B$17,14,0)+IF('Standard Profiles'!$G$19=$B$24,21,0),0)),0)</f>
        <v>2.0958164846744753</v>
      </c>
      <c r="F853" cm="1">
        <f t="array" ref="F853">IFERROR(INDEX(Jesper!AJ$2:AJ$366,ROUNDDOWN($C853/24,0)+1,1)*INDEX($D$3:$AA$30,INDEX(Jesper!$R$2:$R$366,ROW(INDEX(Jesper!AJ$2:AJ$366,ROUNDDOWN($C853/24,0)+1,1))-1)+IF('Standard Profiles'!$G$20=$B$10,7,0)+IF('Standard Profiles'!$G$20=$B$17,14,0)+IF('Standard Profiles'!$G$20=$B$24,21,0),MOD($C853,24)+1)/SUM(INDEX($D$3:$AA$30,INDEX(Jesper!$R$2:$R$366,ROW(INDEX(Jesper!AJ$2:AJ$366,ROUNDDOWN($C853/24,0)+1,1))-1)+IF('Standard Profiles'!$G$20=$B$10,7,0)+IF('Standard Profiles'!$G$20=$B$17,14,0)+IF('Standard Profiles'!$G$20=$B$24,21,0),0)),0)</f>
        <v>0</v>
      </c>
      <c r="G853" cm="1">
        <f t="array" ref="G853">IFERROR(INDEX(Jesper!AK$2:AK$366,ROUNDDOWN($C853/24,0)+1,1)*INDEX($D$3:$AA$30,INDEX(Jesper!$R$2:$R$366,ROW(INDEX(Jesper!AK$2:AK$366,ROUNDDOWN($C853/24,0)+1,1))-1)+IF('Standard Profiles'!$G$21=$B$10,7,0)+IF('Standard Profiles'!$G$21=$B$17,14,0)+IF('Standard Profiles'!$G$21=$B$24,21,0),MOD($C853,24)+1)/SUM(INDEX($D$3:$AA$30,INDEX(Jesper!$R$2:$R$366,ROW(INDEX(Jesper!AK$2:AK$366,ROUNDDOWN($C853/24,0)+1,1))-1)+IF('Standard Profiles'!$G$21=$B$10,7,0)+IF('Standard Profiles'!$G$21=$B$17,14,0)+IF('Standard Profiles'!$G$21=$B$24,21,0),0)),0)</f>
        <v>0</v>
      </c>
      <c r="H853" cm="1">
        <f t="array" ref="H853">IFERROR(INDEX(Jesper!AL$2:AL$366,ROUNDDOWN($C853/24,0)+1,1)*INDEX($D$3:$AA$30,INDEX(Jesper!$R$2:$R$366,ROW(INDEX(Jesper!AL$2:AL$366,ROUNDDOWN($C853/24,0)+1,1))-1)+IF('Standard Profiles'!$G$22=$B$10,7,0)+IF('Standard Profiles'!$G$22=$B$17,14,0)+IF('Standard Profiles'!$G$22=$B$24,21,0),MOD($C853,24)+1)/SUM(INDEX($D$3:$AA$30,INDEX(Jesper!$R$2:$R$366,ROW(INDEX(Jesper!AL$2:AL$366,ROUNDDOWN($C853/24,0)+1,1))-1)+IF('Standard Profiles'!$G$22=$B$10,7,0)+IF('Standard Profiles'!$G$22=$B$17,14,0)+IF('Standard Profiles'!$G$22=$B$24,21,0),0)),0)</f>
        <v>0</v>
      </c>
      <c r="I853">
        <f t="shared" si="104"/>
        <v>0.18881229591661944</v>
      </c>
      <c r="J853">
        <f t="shared" si="105"/>
        <v>0.62937431972206492</v>
      </c>
      <c r="K853">
        <f t="shared" si="106"/>
        <v>0.94406147958309738</v>
      </c>
      <c r="L853">
        <f t="shared" si="107"/>
        <v>9.0269134507670277</v>
      </c>
      <c r="M853">
        <f t="shared" si="108"/>
        <v>0</v>
      </c>
      <c r="N853" s="46">
        <f t="shared" si="109"/>
        <v>45326.124999998014</v>
      </c>
    </row>
    <row r="854" spans="2:14" x14ac:dyDescent="0.3">
      <c r="B854">
        <f t="shared" si="103"/>
        <v>7</v>
      </c>
      <c r="C854" s="16">
        <v>820</v>
      </c>
      <c r="D854" cm="1">
        <f t="array" ref="D854">IFERROR(INDEX(Jesper!AH$2:AH$366,ROUNDDOWN($C854/24,0)+1,1)*INDEX($D$3:$AA$30,INDEX(Jesper!$R$2:$R$366,ROW(INDEX(Jesper!AH$2:AH$366,ROUNDDOWN($C854/24,0)+1,1))-1)+IF('Standard Profiles'!$G$18=$B$10,7,0)+IF('Standard Profiles'!$G$18=$B$17,14,0)+IF('Standard Profiles'!$G$18=$B$24,21,0),MOD($C854,24)+1)/SUM(INDEX($D$3:$AA$30,INDEX(Jesper!$R$2:$R$366,ROW(INDEX(Jesper!AH$2:AH$366,ROUNDDOWN($C854/24,0)+1,1))-1)+IF('Standard Profiles'!$G$18=$B$10,7,0)+IF('Standard Profiles'!$G$18=$B$17,14,0)+IF('Standard Profiles'!$G$18=$B$24,21,0),0)),0)</f>
        <v>8.6933450613143339</v>
      </c>
      <c r="E854" cm="1">
        <f t="array" ref="E854">IFERROR(INDEX(Jesper!AI$2:AI$366,ROUNDDOWN($C854/24,0)+1,1)*INDEX($D$3:$AA$30,INDEX(Jesper!$R$2:$R$366,ROW(INDEX(Jesper!AI$2:AI$366,ROUNDDOWN($C854/24,0)+1,1))-1)+IF('Standard Profiles'!$G$19=$B$10,7,0)+IF('Standard Profiles'!$G$19=$B$17,14,0)+IF('Standard Profiles'!$G$19=$B$24,21,0),MOD($C854,24)+1)/SUM(INDEX($D$3:$AA$30,INDEX(Jesper!$R$2:$R$366,ROW(INDEX(Jesper!AI$2:AI$366,ROUNDDOWN($C854/24,0)+1,1))-1)+IF('Standard Profiles'!$G$19=$B$10,7,0)+IF('Standard Profiles'!$G$19=$B$17,14,0)+IF('Standard Profiles'!$G$19=$B$24,21,0),0)),0)</f>
        <v>2.0958164846744753</v>
      </c>
      <c r="F854" cm="1">
        <f t="array" ref="F854">IFERROR(INDEX(Jesper!AJ$2:AJ$366,ROUNDDOWN($C854/24,0)+1,1)*INDEX($D$3:$AA$30,INDEX(Jesper!$R$2:$R$366,ROW(INDEX(Jesper!AJ$2:AJ$366,ROUNDDOWN($C854/24,0)+1,1))-1)+IF('Standard Profiles'!$G$20=$B$10,7,0)+IF('Standard Profiles'!$G$20=$B$17,14,0)+IF('Standard Profiles'!$G$20=$B$24,21,0),MOD($C854,24)+1)/SUM(INDEX($D$3:$AA$30,INDEX(Jesper!$R$2:$R$366,ROW(INDEX(Jesper!AJ$2:AJ$366,ROUNDDOWN($C854/24,0)+1,1))-1)+IF('Standard Profiles'!$G$20=$B$10,7,0)+IF('Standard Profiles'!$G$20=$B$17,14,0)+IF('Standard Profiles'!$G$20=$B$24,21,0),0)),0)</f>
        <v>0</v>
      </c>
      <c r="G854" cm="1">
        <f t="array" ref="G854">IFERROR(INDEX(Jesper!AK$2:AK$366,ROUNDDOWN($C854/24,0)+1,1)*INDEX($D$3:$AA$30,INDEX(Jesper!$R$2:$R$366,ROW(INDEX(Jesper!AK$2:AK$366,ROUNDDOWN($C854/24,0)+1,1))-1)+IF('Standard Profiles'!$G$21=$B$10,7,0)+IF('Standard Profiles'!$G$21=$B$17,14,0)+IF('Standard Profiles'!$G$21=$B$24,21,0),MOD($C854,24)+1)/SUM(INDEX($D$3:$AA$30,INDEX(Jesper!$R$2:$R$366,ROW(INDEX(Jesper!AK$2:AK$366,ROUNDDOWN($C854/24,0)+1,1))-1)+IF('Standard Profiles'!$G$21=$B$10,7,0)+IF('Standard Profiles'!$G$21=$B$17,14,0)+IF('Standard Profiles'!$G$21=$B$24,21,0),0)),0)</f>
        <v>0</v>
      </c>
      <c r="H854" cm="1">
        <f t="array" ref="H854">IFERROR(INDEX(Jesper!AL$2:AL$366,ROUNDDOWN($C854/24,0)+1,1)*INDEX($D$3:$AA$30,INDEX(Jesper!$R$2:$R$366,ROW(INDEX(Jesper!AL$2:AL$366,ROUNDDOWN($C854/24,0)+1,1))-1)+IF('Standard Profiles'!$G$22=$B$10,7,0)+IF('Standard Profiles'!$G$22=$B$17,14,0)+IF('Standard Profiles'!$G$22=$B$24,21,0),MOD($C854,24)+1)/SUM(INDEX($D$3:$AA$30,INDEX(Jesper!$R$2:$R$366,ROW(INDEX(Jesper!AL$2:AL$366,ROUNDDOWN($C854/24,0)+1,1))-1)+IF('Standard Profiles'!$G$22=$B$10,7,0)+IF('Standard Profiles'!$G$22=$B$17,14,0)+IF('Standard Profiles'!$G$22=$B$24,21,0),0)),0)</f>
        <v>0</v>
      </c>
      <c r="I854">
        <f t="shared" si="104"/>
        <v>0.18881229591661944</v>
      </c>
      <c r="J854">
        <f t="shared" si="105"/>
        <v>0.62937431972206492</v>
      </c>
      <c r="K854">
        <f t="shared" si="106"/>
        <v>0.94406147958309738</v>
      </c>
      <c r="L854">
        <f t="shared" si="107"/>
        <v>9.0269134507670277</v>
      </c>
      <c r="M854">
        <f t="shared" si="108"/>
        <v>0</v>
      </c>
      <c r="N854" s="46">
        <f t="shared" si="109"/>
        <v>45326.166666664678</v>
      </c>
    </row>
    <row r="855" spans="2:14" x14ac:dyDescent="0.3">
      <c r="B855">
        <f t="shared" si="103"/>
        <v>7</v>
      </c>
      <c r="C855" s="16">
        <v>821</v>
      </c>
      <c r="D855" cm="1">
        <f t="array" ref="D855">IFERROR(INDEX(Jesper!AH$2:AH$366,ROUNDDOWN($C855/24,0)+1,1)*INDEX($D$3:$AA$30,INDEX(Jesper!$R$2:$R$366,ROW(INDEX(Jesper!AH$2:AH$366,ROUNDDOWN($C855/24,0)+1,1))-1)+IF('Standard Profiles'!$G$18=$B$10,7,0)+IF('Standard Profiles'!$G$18=$B$17,14,0)+IF('Standard Profiles'!$G$18=$B$24,21,0),MOD($C855,24)+1)/SUM(INDEX($D$3:$AA$30,INDEX(Jesper!$R$2:$R$366,ROW(INDEX(Jesper!AH$2:AH$366,ROUNDDOWN($C855/24,0)+1,1))-1)+IF('Standard Profiles'!$G$18=$B$10,7,0)+IF('Standard Profiles'!$G$18=$B$17,14,0)+IF('Standard Profiles'!$G$18=$B$24,21,0),0)),0)</f>
        <v>10.866681326642917</v>
      </c>
      <c r="E855" cm="1">
        <f t="array" ref="E855">IFERROR(INDEX(Jesper!AI$2:AI$366,ROUNDDOWN($C855/24,0)+1,1)*INDEX($D$3:$AA$30,INDEX(Jesper!$R$2:$R$366,ROW(INDEX(Jesper!AI$2:AI$366,ROUNDDOWN($C855/24,0)+1,1))-1)+IF('Standard Profiles'!$G$19=$B$10,7,0)+IF('Standard Profiles'!$G$19=$B$17,14,0)+IF('Standard Profiles'!$G$19=$B$24,21,0),MOD($C855,24)+1)/SUM(INDEX($D$3:$AA$30,INDEX(Jesper!$R$2:$R$366,ROW(INDEX(Jesper!AI$2:AI$366,ROUNDDOWN($C855/24,0)+1,1))-1)+IF('Standard Profiles'!$G$19=$B$10,7,0)+IF('Standard Profiles'!$G$19=$B$17,14,0)+IF('Standard Profiles'!$G$19=$B$24,21,0),0)),0)</f>
        <v>2.6197706058430938</v>
      </c>
      <c r="F855" cm="1">
        <f t="array" ref="F855">IFERROR(INDEX(Jesper!AJ$2:AJ$366,ROUNDDOWN($C855/24,0)+1,1)*INDEX($D$3:$AA$30,INDEX(Jesper!$R$2:$R$366,ROW(INDEX(Jesper!AJ$2:AJ$366,ROUNDDOWN($C855/24,0)+1,1))-1)+IF('Standard Profiles'!$G$20=$B$10,7,0)+IF('Standard Profiles'!$G$20=$B$17,14,0)+IF('Standard Profiles'!$G$20=$B$24,21,0),MOD($C855,24)+1)/SUM(INDEX($D$3:$AA$30,INDEX(Jesper!$R$2:$R$366,ROW(INDEX(Jesper!AJ$2:AJ$366,ROUNDDOWN($C855/24,0)+1,1))-1)+IF('Standard Profiles'!$G$20=$B$10,7,0)+IF('Standard Profiles'!$G$20=$B$17,14,0)+IF('Standard Profiles'!$G$20=$B$24,21,0),0)),0)</f>
        <v>0</v>
      </c>
      <c r="G855" cm="1">
        <f t="array" ref="G855">IFERROR(INDEX(Jesper!AK$2:AK$366,ROUNDDOWN($C855/24,0)+1,1)*INDEX($D$3:$AA$30,INDEX(Jesper!$R$2:$R$366,ROW(INDEX(Jesper!AK$2:AK$366,ROUNDDOWN($C855/24,0)+1,1))-1)+IF('Standard Profiles'!$G$21=$B$10,7,0)+IF('Standard Profiles'!$G$21=$B$17,14,0)+IF('Standard Profiles'!$G$21=$B$24,21,0),MOD($C855,24)+1)/SUM(INDEX($D$3:$AA$30,INDEX(Jesper!$R$2:$R$366,ROW(INDEX(Jesper!AK$2:AK$366,ROUNDDOWN($C855/24,0)+1,1))-1)+IF('Standard Profiles'!$G$21=$B$10,7,0)+IF('Standard Profiles'!$G$21=$B$17,14,0)+IF('Standard Profiles'!$G$21=$B$24,21,0),0)),0)</f>
        <v>0</v>
      </c>
      <c r="H855" cm="1">
        <f t="array" ref="H855">IFERROR(INDEX(Jesper!AL$2:AL$366,ROUNDDOWN($C855/24,0)+1,1)*INDEX($D$3:$AA$30,INDEX(Jesper!$R$2:$R$366,ROW(INDEX(Jesper!AL$2:AL$366,ROUNDDOWN($C855/24,0)+1,1))-1)+IF('Standard Profiles'!$G$22=$B$10,7,0)+IF('Standard Profiles'!$G$22=$B$17,14,0)+IF('Standard Profiles'!$G$22=$B$24,21,0),MOD($C855,24)+1)/SUM(INDEX($D$3:$AA$30,INDEX(Jesper!$R$2:$R$366,ROW(INDEX(Jesper!AL$2:AL$366,ROUNDDOWN($C855/24,0)+1,1))-1)+IF('Standard Profiles'!$G$22=$B$10,7,0)+IF('Standard Profiles'!$G$22=$B$17,14,0)+IF('Standard Profiles'!$G$22=$B$24,21,0),0)),0)</f>
        <v>0</v>
      </c>
      <c r="I855">
        <f t="shared" si="104"/>
        <v>0.23601536989577429</v>
      </c>
      <c r="J855">
        <f t="shared" si="105"/>
        <v>0.78671789965258099</v>
      </c>
      <c r="K855">
        <f t="shared" si="106"/>
        <v>1.1800768494788716</v>
      </c>
      <c r="L855">
        <f t="shared" si="107"/>
        <v>11.283641813458784</v>
      </c>
      <c r="M855">
        <f t="shared" si="108"/>
        <v>0</v>
      </c>
      <c r="N855" s="46">
        <f t="shared" si="109"/>
        <v>45326.208333331342</v>
      </c>
    </row>
    <row r="856" spans="2:14" x14ac:dyDescent="0.3">
      <c r="B856">
        <f t="shared" si="103"/>
        <v>7</v>
      </c>
      <c r="C856" s="16">
        <v>822</v>
      </c>
      <c r="D856" cm="1">
        <f t="array" ref="D856">IFERROR(INDEX(Jesper!AH$2:AH$366,ROUNDDOWN($C856/24,0)+1,1)*INDEX($D$3:$AA$30,INDEX(Jesper!$R$2:$R$366,ROW(INDEX(Jesper!AH$2:AH$366,ROUNDDOWN($C856/24,0)+1,1))-1)+IF('Standard Profiles'!$G$18=$B$10,7,0)+IF('Standard Profiles'!$G$18=$B$17,14,0)+IF('Standard Profiles'!$G$18=$B$24,21,0),MOD($C856,24)+1)/SUM(INDEX($D$3:$AA$30,INDEX(Jesper!$R$2:$R$366,ROW(INDEX(Jesper!AH$2:AH$366,ROUNDDOWN($C856/24,0)+1,1))-1)+IF('Standard Profiles'!$G$18=$B$10,7,0)+IF('Standard Profiles'!$G$18=$B$17,14,0)+IF('Standard Profiles'!$G$18=$B$24,21,0),0)),0)</f>
        <v>12.798535784712769</v>
      </c>
      <c r="E856" cm="1">
        <f t="array" ref="E856">IFERROR(INDEX(Jesper!AI$2:AI$366,ROUNDDOWN($C856/24,0)+1,1)*INDEX($D$3:$AA$30,INDEX(Jesper!$R$2:$R$366,ROW(INDEX(Jesper!AI$2:AI$366,ROUNDDOWN($C856/24,0)+1,1))-1)+IF('Standard Profiles'!$G$19=$B$10,7,0)+IF('Standard Profiles'!$G$19=$B$17,14,0)+IF('Standard Profiles'!$G$19=$B$24,21,0),MOD($C856,24)+1)/SUM(INDEX($D$3:$AA$30,INDEX(Jesper!$R$2:$R$366,ROW(INDEX(Jesper!AI$2:AI$366,ROUNDDOWN($C856/24,0)+1,1))-1)+IF('Standard Profiles'!$G$19=$B$10,7,0)+IF('Standard Profiles'!$G$19=$B$17,14,0)+IF('Standard Profiles'!$G$19=$B$24,21,0),0)),0)</f>
        <v>3.0855076024374219</v>
      </c>
      <c r="F856" cm="1">
        <f t="array" ref="F856">IFERROR(INDEX(Jesper!AJ$2:AJ$366,ROUNDDOWN($C856/24,0)+1,1)*INDEX($D$3:$AA$30,INDEX(Jesper!$R$2:$R$366,ROW(INDEX(Jesper!AJ$2:AJ$366,ROUNDDOWN($C856/24,0)+1,1))-1)+IF('Standard Profiles'!$G$20=$B$10,7,0)+IF('Standard Profiles'!$G$20=$B$17,14,0)+IF('Standard Profiles'!$G$20=$B$24,21,0),MOD($C856,24)+1)/SUM(INDEX($D$3:$AA$30,INDEX(Jesper!$R$2:$R$366,ROW(INDEX(Jesper!AJ$2:AJ$366,ROUNDDOWN($C856/24,0)+1,1))-1)+IF('Standard Profiles'!$G$20=$B$10,7,0)+IF('Standard Profiles'!$G$20=$B$17,14,0)+IF('Standard Profiles'!$G$20=$B$24,21,0),0)),0)</f>
        <v>0</v>
      </c>
      <c r="G856" cm="1">
        <f t="array" ref="G856">IFERROR(INDEX(Jesper!AK$2:AK$366,ROUNDDOWN($C856/24,0)+1,1)*INDEX($D$3:$AA$30,INDEX(Jesper!$R$2:$R$366,ROW(INDEX(Jesper!AK$2:AK$366,ROUNDDOWN($C856/24,0)+1,1))-1)+IF('Standard Profiles'!$G$21=$B$10,7,0)+IF('Standard Profiles'!$G$21=$B$17,14,0)+IF('Standard Profiles'!$G$21=$B$24,21,0),MOD($C856,24)+1)/SUM(INDEX($D$3:$AA$30,INDEX(Jesper!$R$2:$R$366,ROW(INDEX(Jesper!AK$2:AK$366,ROUNDDOWN($C856/24,0)+1,1))-1)+IF('Standard Profiles'!$G$21=$B$10,7,0)+IF('Standard Profiles'!$G$21=$B$17,14,0)+IF('Standard Profiles'!$G$21=$B$24,21,0),0)),0)</f>
        <v>0</v>
      </c>
      <c r="H856" cm="1">
        <f t="array" ref="H856">IFERROR(INDEX(Jesper!AL$2:AL$366,ROUNDDOWN($C856/24,0)+1,1)*INDEX($D$3:$AA$30,INDEX(Jesper!$R$2:$R$366,ROW(INDEX(Jesper!AL$2:AL$366,ROUNDDOWN($C856/24,0)+1,1))-1)+IF('Standard Profiles'!$G$22=$B$10,7,0)+IF('Standard Profiles'!$G$22=$B$17,14,0)+IF('Standard Profiles'!$G$22=$B$24,21,0),MOD($C856,24)+1)/SUM(INDEX($D$3:$AA$30,INDEX(Jesper!$R$2:$R$366,ROW(INDEX(Jesper!AL$2:AL$366,ROUNDDOWN($C856/24,0)+1,1))-1)+IF('Standard Profiles'!$G$22=$B$10,7,0)+IF('Standard Profiles'!$G$22=$B$17,14,0)+IF('Standard Profiles'!$G$22=$B$24,21,0),0)),0)</f>
        <v>0</v>
      </c>
      <c r="I856">
        <f t="shared" si="104"/>
        <v>0.27797365787724532</v>
      </c>
      <c r="J856">
        <f t="shared" si="105"/>
        <v>0.92657885959081776</v>
      </c>
      <c r="K856">
        <f t="shared" si="106"/>
        <v>1.3898682893862266</v>
      </c>
      <c r="L856">
        <f t="shared" si="107"/>
        <v>13.289622580295902</v>
      </c>
      <c r="M856">
        <f t="shared" si="108"/>
        <v>0</v>
      </c>
      <c r="N856" s="46">
        <f t="shared" si="109"/>
        <v>45326.249999998006</v>
      </c>
    </row>
    <row r="857" spans="2:14" x14ac:dyDescent="0.3">
      <c r="B857">
        <f t="shared" si="103"/>
        <v>7</v>
      </c>
      <c r="C857" s="16">
        <v>823</v>
      </c>
      <c r="D857" cm="1">
        <f t="array" ref="D857">IFERROR(INDEX(Jesper!AH$2:AH$366,ROUNDDOWN($C857/24,0)+1,1)*INDEX($D$3:$AA$30,INDEX(Jesper!$R$2:$R$366,ROW(INDEX(Jesper!AH$2:AH$366,ROUNDDOWN($C857/24,0)+1,1))-1)+IF('Standard Profiles'!$G$18=$B$10,7,0)+IF('Standard Profiles'!$G$18=$B$17,14,0)+IF('Standard Profiles'!$G$18=$B$24,21,0),MOD($C857,24)+1)/SUM(INDEX($D$3:$AA$30,INDEX(Jesper!$R$2:$R$366,ROW(INDEX(Jesper!AH$2:AH$366,ROUNDDOWN($C857/24,0)+1,1))-1)+IF('Standard Profiles'!$G$18=$B$10,7,0)+IF('Standard Profiles'!$G$18=$B$17,14,0)+IF('Standard Profiles'!$G$18=$B$24,21,0),0)),0)</f>
        <v>15.213353857300085</v>
      </c>
      <c r="E857" cm="1">
        <f t="array" ref="E857">IFERROR(INDEX(Jesper!AI$2:AI$366,ROUNDDOWN($C857/24,0)+1,1)*INDEX($D$3:$AA$30,INDEX(Jesper!$R$2:$R$366,ROW(INDEX(Jesper!AI$2:AI$366,ROUNDDOWN($C857/24,0)+1,1))-1)+IF('Standard Profiles'!$G$19=$B$10,7,0)+IF('Standard Profiles'!$G$19=$B$17,14,0)+IF('Standard Profiles'!$G$19=$B$24,21,0),MOD($C857,24)+1)/SUM(INDEX($D$3:$AA$30,INDEX(Jesper!$R$2:$R$366,ROW(INDEX(Jesper!AI$2:AI$366,ROUNDDOWN($C857/24,0)+1,1))-1)+IF('Standard Profiles'!$G$19=$B$10,7,0)+IF('Standard Profiles'!$G$19=$B$17,14,0)+IF('Standard Profiles'!$G$19=$B$24,21,0),0)),0)</f>
        <v>3.6676788481803317</v>
      </c>
      <c r="F857" cm="1">
        <f t="array" ref="F857">IFERROR(INDEX(Jesper!AJ$2:AJ$366,ROUNDDOWN($C857/24,0)+1,1)*INDEX($D$3:$AA$30,INDEX(Jesper!$R$2:$R$366,ROW(INDEX(Jesper!AJ$2:AJ$366,ROUNDDOWN($C857/24,0)+1,1))-1)+IF('Standard Profiles'!$G$20=$B$10,7,0)+IF('Standard Profiles'!$G$20=$B$17,14,0)+IF('Standard Profiles'!$G$20=$B$24,21,0),MOD($C857,24)+1)/SUM(INDEX($D$3:$AA$30,INDEX(Jesper!$R$2:$R$366,ROW(INDEX(Jesper!AJ$2:AJ$366,ROUNDDOWN($C857/24,0)+1,1))-1)+IF('Standard Profiles'!$G$20=$B$10,7,0)+IF('Standard Profiles'!$G$20=$B$17,14,0)+IF('Standard Profiles'!$G$20=$B$24,21,0),0)),0)</f>
        <v>0</v>
      </c>
      <c r="G857" cm="1">
        <f t="array" ref="G857">IFERROR(INDEX(Jesper!AK$2:AK$366,ROUNDDOWN($C857/24,0)+1,1)*INDEX($D$3:$AA$30,INDEX(Jesper!$R$2:$R$366,ROW(INDEX(Jesper!AK$2:AK$366,ROUNDDOWN($C857/24,0)+1,1))-1)+IF('Standard Profiles'!$G$21=$B$10,7,0)+IF('Standard Profiles'!$G$21=$B$17,14,0)+IF('Standard Profiles'!$G$21=$B$24,21,0),MOD($C857,24)+1)/SUM(INDEX($D$3:$AA$30,INDEX(Jesper!$R$2:$R$366,ROW(INDEX(Jesper!AK$2:AK$366,ROUNDDOWN($C857/24,0)+1,1))-1)+IF('Standard Profiles'!$G$21=$B$10,7,0)+IF('Standard Profiles'!$G$21=$B$17,14,0)+IF('Standard Profiles'!$G$21=$B$24,21,0),0)),0)</f>
        <v>0</v>
      </c>
      <c r="H857" cm="1">
        <f t="array" ref="H857">IFERROR(INDEX(Jesper!AL$2:AL$366,ROUNDDOWN($C857/24,0)+1,1)*INDEX($D$3:$AA$30,INDEX(Jesper!$R$2:$R$366,ROW(INDEX(Jesper!AL$2:AL$366,ROUNDDOWN($C857/24,0)+1,1))-1)+IF('Standard Profiles'!$G$22=$B$10,7,0)+IF('Standard Profiles'!$G$22=$B$17,14,0)+IF('Standard Profiles'!$G$22=$B$24,21,0),MOD($C857,24)+1)/SUM(INDEX($D$3:$AA$30,INDEX(Jesper!$R$2:$R$366,ROW(INDEX(Jesper!AL$2:AL$366,ROUNDDOWN($C857/24,0)+1,1))-1)+IF('Standard Profiles'!$G$22=$B$10,7,0)+IF('Standard Profiles'!$G$22=$B$17,14,0)+IF('Standard Profiles'!$G$22=$B$24,21,0),0)),0)</f>
        <v>0</v>
      </c>
      <c r="I857">
        <f t="shared" si="104"/>
        <v>0.33042151785408402</v>
      </c>
      <c r="J857">
        <f t="shared" si="105"/>
        <v>1.1014050595136136</v>
      </c>
      <c r="K857">
        <f t="shared" si="106"/>
        <v>1.6521075892704202</v>
      </c>
      <c r="L857">
        <f t="shared" si="107"/>
        <v>15.797098538842299</v>
      </c>
      <c r="M857">
        <f t="shared" si="108"/>
        <v>0</v>
      </c>
      <c r="N857" s="46">
        <f t="shared" si="109"/>
        <v>45326.291666664671</v>
      </c>
    </row>
    <row r="858" spans="2:14" x14ac:dyDescent="0.3">
      <c r="B858">
        <f t="shared" si="103"/>
        <v>7</v>
      </c>
      <c r="C858" s="16">
        <v>824</v>
      </c>
      <c r="D858" cm="1">
        <f t="array" ref="D858">IFERROR(INDEX(Jesper!AH$2:AH$366,ROUNDDOWN($C858/24,0)+1,1)*INDEX($D$3:$AA$30,INDEX(Jesper!$R$2:$R$366,ROW(INDEX(Jesper!AH$2:AH$366,ROUNDDOWN($C858/24,0)+1,1))-1)+IF('Standard Profiles'!$G$18=$B$10,7,0)+IF('Standard Profiles'!$G$18=$B$17,14,0)+IF('Standard Profiles'!$G$18=$B$24,21,0),MOD($C858,24)+1)/SUM(INDEX($D$3:$AA$30,INDEX(Jesper!$R$2:$R$366,ROW(INDEX(Jesper!AH$2:AH$366,ROUNDDOWN($C858/24,0)+1,1))-1)+IF('Standard Profiles'!$G$18=$B$10,7,0)+IF('Standard Profiles'!$G$18=$B$17,14,0)+IF('Standard Profiles'!$G$18=$B$24,21,0),0)),0)</f>
        <v>15.213353857300085</v>
      </c>
      <c r="E858" cm="1">
        <f t="array" ref="E858">IFERROR(INDEX(Jesper!AI$2:AI$366,ROUNDDOWN($C858/24,0)+1,1)*INDEX($D$3:$AA$30,INDEX(Jesper!$R$2:$R$366,ROW(INDEX(Jesper!AI$2:AI$366,ROUNDDOWN($C858/24,0)+1,1))-1)+IF('Standard Profiles'!$G$19=$B$10,7,0)+IF('Standard Profiles'!$G$19=$B$17,14,0)+IF('Standard Profiles'!$G$19=$B$24,21,0),MOD($C858,24)+1)/SUM(INDEX($D$3:$AA$30,INDEX(Jesper!$R$2:$R$366,ROW(INDEX(Jesper!AI$2:AI$366,ROUNDDOWN($C858/24,0)+1,1))-1)+IF('Standard Profiles'!$G$19=$B$10,7,0)+IF('Standard Profiles'!$G$19=$B$17,14,0)+IF('Standard Profiles'!$G$19=$B$24,21,0),0)),0)</f>
        <v>3.6676788481803317</v>
      </c>
      <c r="F858" cm="1">
        <f t="array" ref="F858">IFERROR(INDEX(Jesper!AJ$2:AJ$366,ROUNDDOWN($C858/24,0)+1,1)*INDEX($D$3:$AA$30,INDEX(Jesper!$R$2:$R$366,ROW(INDEX(Jesper!AJ$2:AJ$366,ROUNDDOWN($C858/24,0)+1,1))-1)+IF('Standard Profiles'!$G$20=$B$10,7,0)+IF('Standard Profiles'!$G$20=$B$17,14,0)+IF('Standard Profiles'!$G$20=$B$24,21,0),MOD($C858,24)+1)/SUM(INDEX($D$3:$AA$30,INDEX(Jesper!$R$2:$R$366,ROW(INDEX(Jesper!AJ$2:AJ$366,ROUNDDOWN($C858/24,0)+1,1))-1)+IF('Standard Profiles'!$G$20=$B$10,7,0)+IF('Standard Profiles'!$G$20=$B$17,14,0)+IF('Standard Profiles'!$G$20=$B$24,21,0),0)),0)</f>
        <v>0</v>
      </c>
      <c r="G858" cm="1">
        <f t="array" ref="G858">IFERROR(INDEX(Jesper!AK$2:AK$366,ROUNDDOWN($C858/24,0)+1,1)*INDEX($D$3:$AA$30,INDEX(Jesper!$R$2:$R$366,ROW(INDEX(Jesper!AK$2:AK$366,ROUNDDOWN($C858/24,0)+1,1))-1)+IF('Standard Profiles'!$G$21=$B$10,7,0)+IF('Standard Profiles'!$G$21=$B$17,14,0)+IF('Standard Profiles'!$G$21=$B$24,21,0),MOD($C858,24)+1)/SUM(INDEX($D$3:$AA$30,INDEX(Jesper!$R$2:$R$366,ROW(INDEX(Jesper!AK$2:AK$366,ROUNDDOWN($C858/24,0)+1,1))-1)+IF('Standard Profiles'!$G$21=$B$10,7,0)+IF('Standard Profiles'!$G$21=$B$17,14,0)+IF('Standard Profiles'!$G$21=$B$24,21,0),0)),0)</f>
        <v>0</v>
      </c>
      <c r="H858" cm="1">
        <f t="array" ref="H858">IFERROR(INDEX(Jesper!AL$2:AL$366,ROUNDDOWN($C858/24,0)+1,1)*INDEX($D$3:$AA$30,INDEX(Jesper!$R$2:$R$366,ROW(INDEX(Jesper!AL$2:AL$366,ROUNDDOWN($C858/24,0)+1,1))-1)+IF('Standard Profiles'!$G$22=$B$10,7,0)+IF('Standard Profiles'!$G$22=$B$17,14,0)+IF('Standard Profiles'!$G$22=$B$24,21,0),MOD($C858,24)+1)/SUM(INDEX($D$3:$AA$30,INDEX(Jesper!$R$2:$R$366,ROW(INDEX(Jesper!AL$2:AL$366,ROUNDDOWN($C858/24,0)+1,1))-1)+IF('Standard Profiles'!$G$22=$B$10,7,0)+IF('Standard Profiles'!$G$22=$B$17,14,0)+IF('Standard Profiles'!$G$22=$B$24,21,0),0)),0)</f>
        <v>0</v>
      </c>
      <c r="I858">
        <f t="shared" si="104"/>
        <v>0.33042151785408402</v>
      </c>
      <c r="J858">
        <f t="shared" si="105"/>
        <v>1.1014050595136136</v>
      </c>
      <c r="K858">
        <f t="shared" si="106"/>
        <v>1.6521075892704202</v>
      </c>
      <c r="L858">
        <f t="shared" si="107"/>
        <v>15.797098538842299</v>
      </c>
      <c r="M858">
        <f t="shared" si="108"/>
        <v>0</v>
      </c>
      <c r="N858" s="46">
        <f t="shared" si="109"/>
        <v>45326.333333331335</v>
      </c>
    </row>
    <row r="859" spans="2:14" x14ac:dyDescent="0.3">
      <c r="B859">
        <f t="shared" si="103"/>
        <v>7</v>
      </c>
      <c r="C859" s="16">
        <v>825</v>
      </c>
      <c r="D859" cm="1">
        <f t="array" ref="D859">IFERROR(INDEX(Jesper!AH$2:AH$366,ROUNDDOWN($C859/24,0)+1,1)*INDEX($D$3:$AA$30,INDEX(Jesper!$R$2:$R$366,ROW(INDEX(Jesper!AH$2:AH$366,ROUNDDOWN($C859/24,0)+1,1))-1)+IF('Standard Profiles'!$G$18=$B$10,7,0)+IF('Standard Profiles'!$G$18=$B$17,14,0)+IF('Standard Profiles'!$G$18=$B$24,21,0),MOD($C859,24)+1)/SUM(INDEX($D$3:$AA$30,INDEX(Jesper!$R$2:$R$366,ROW(INDEX(Jesper!AH$2:AH$366,ROUNDDOWN($C859/24,0)+1,1))-1)+IF('Standard Profiles'!$G$18=$B$10,7,0)+IF('Standard Profiles'!$G$18=$B$17,14,0)+IF('Standard Profiles'!$G$18=$B$24,21,0),0)),0)</f>
        <v>15.213353857300085</v>
      </c>
      <c r="E859" cm="1">
        <f t="array" ref="E859">IFERROR(INDEX(Jesper!AI$2:AI$366,ROUNDDOWN($C859/24,0)+1,1)*INDEX($D$3:$AA$30,INDEX(Jesper!$R$2:$R$366,ROW(INDEX(Jesper!AI$2:AI$366,ROUNDDOWN($C859/24,0)+1,1))-1)+IF('Standard Profiles'!$G$19=$B$10,7,0)+IF('Standard Profiles'!$G$19=$B$17,14,0)+IF('Standard Profiles'!$G$19=$B$24,21,0),MOD($C859,24)+1)/SUM(INDEX($D$3:$AA$30,INDEX(Jesper!$R$2:$R$366,ROW(INDEX(Jesper!AI$2:AI$366,ROUNDDOWN($C859/24,0)+1,1))-1)+IF('Standard Profiles'!$G$19=$B$10,7,0)+IF('Standard Profiles'!$G$19=$B$17,14,0)+IF('Standard Profiles'!$G$19=$B$24,21,0),0)),0)</f>
        <v>3.6676788481803317</v>
      </c>
      <c r="F859" cm="1">
        <f t="array" ref="F859">IFERROR(INDEX(Jesper!AJ$2:AJ$366,ROUNDDOWN($C859/24,0)+1,1)*INDEX($D$3:$AA$30,INDEX(Jesper!$R$2:$R$366,ROW(INDEX(Jesper!AJ$2:AJ$366,ROUNDDOWN($C859/24,0)+1,1))-1)+IF('Standard Profiles'!$G$20=$B$10,7,0)+IF('Standard Profiles'!$G$20=$B$17,14,0)+IF('Standard Profiles'!$G$20=$B$24,21,0),MOD($C859,24)+1)/SUM(INDEX($D$3:$AA$30,INDEX(Jesper!$R$2:$R$366,ROW(INDEX(Jesper!AJ$2:AJ$366,ROUNDDOWN($C859/24,0)+1,1))-1)+IF('Standard Profiles'!$G$20=$B$10,7,0)+IF('Standard Profiles'!$G$20=$B$17,14,0)+IF('Standard Profiles'!$G$20=$B$24,21,0),0)),0)</f>
        <v>0</v>
      </c>
      <c r="G859" cm="1">
        <f t="array" ref="G859">IFERROR(INDEX(Jesper!AK$2:AK$366,ROUNDDOWN($C859/24,0)+1,1)*INDEX($D$3:$AA$30,INDEX(Jesper!$R$2:$R$366,ROW(INDEX(Jesper!AK$2:AK$366,ROUNDDOWN($C859/24,0)+1,1))-1)+IF('Standard Profiles'!$G$21=$B$10,7,0)+IF('Standard Profiles'!$G$21=$B$17,14,0)+IF('Standard Profiles'!$G$21=$B$24,21,0),MOD($C859,24)+1)/SUM(INDEX($D$3:$AA$30,INDEX(Jesper!$R$2:$R$366,ROW(INDEX(Jesper!AK$2:AK$366,ROUNDDOWN($C859/24,0)+1,1))-1)+IF('Standard Profiles'!$G$21=$B$10,7,0)+IF('Standard Profiles'!$G$21=$B$17,14,0)+IF('Standard Profiles'!$G$21=$B$24,21,0),0)),0)</f>
        <v>0</v>
      </c>
      <c r="H859" cm="1">
        <f t="array" ref="H859">IFERROR(INDEX(Jesper!AL$2:AL$366,ROUNDDOWN($C859/24,0)+1,1)*INDEX($D$3:$AA$30,INDEX(Jesper!$R$2:$R$366,ROW(INDEX(Jesper!AL$2:AL$366,ROUNDDOWN($C859/24,0)+1,1))-1)+IF('Standard Profiles'!$G$22=$B$10,7,0)+IF('Standard Profiles'!$G$22=$B$17,14,0)+IF('Standard Profiles'!$G$22=$B$24,21,0),MOD($C859,24)+1)/SUM(INDEX($D$3:$AA$30,INDEX(Jesper!$R$2:$R$366,ROW(INDEX(Jesper!AL$2:AL$366,ROUNDDOWN($C859/24,0)+1,1))-1)+IF('Standard Profiles'!$G$22=$B$10,7,0)+IF('Standard Profiles'!$G$22=$B$17,14,0)+IF('Standard Profiles'!$G$22=$B$24,21,0),0)),0)</f>
        <v>0</v>
      </c>
      <c r="I859">
        <f t="shared" si="104"/>
        <v>0.33042151785408402</v>
      </c>
      <c r="J859">
        <f t="shared" si="105"/>
        <v>1.1014050595136136</v>
      </c>
      <c r="K859">
        <f t="shared" si="106"/>
        <v>1.6521075892704202</v>
      </c>
      <c r="L859">
        <f t="shared" si="107"/>
        <v>15.797098538842299</v>
      </c>
      <c r="M859">
        <f t="shared" si="108"/>
        <v>0</v>
      </c>
      <c r="N859" s="46">
        <f t="shared" si="109"/>
        <v>45326.374999997999</v>
      </c>
    </row>
    <row r="860" spans="2:14" x14ac:dyDescent="0.3">
      <c r="B860">
        <f t="shared" si="103"/>
        <v>7</v>
      </c>
      <c r="C860" s="16">
        <v>826</v>
      </c>
      <c r="D860" cm="1">
        <f t="array" ref="D860">IFERROR(INDEX(Jesper!AH$2:AH$366,ROUNDDOWN($C860/24,0)+1,1)*INDEX($D$3:$AA$30,INDEX(Jesper!$R$2:$R$366,ROW(INDEX(Jesper!AH$2:AH$366,ROUNDDOWN($C860/24,0)+1,1))-1)+IF('Standard Profiles'!$G$18=$B$10,7,0)+IF('Standard Profiles'!$G$18=$B$17,14,0)+IF('Standard Profiles'!$G$18=$B$24,21,0),MOD($C860,24)+1)/SUM(INDEX($D$3:$AA$30,INDEX(Jesper!$R$2:$R$366,ROW(INDEX(Jesper!AH$2:AH$366,ROUNDDOWN($C860/24,0)+1,1))-1)+IF('Standard Profiles'!$G$18=$B$10,7,0)+IF('Standard Profiles'!$G$18=$B$17,14,0)+IF('Standard Profiles'!$G$18=$B$24,21,0),0)),0)</f>
        <v>15.213353857300085</v>
      </c>
      <c r="E860" cm="1">
        <f t="array" ref="E860">IFERROR(INDEX(Jesper!AI$2:AI$366,ROUNDDOWN($C860/24,0)+1,1)*INDEX($D$3:$AA$30,INDEX(Jesper!$R$2:$R$366,ROW(INDEX(Jesper!AI$2:AI$366,ROUNDDOWN($C860/24,0)+1,1))-1)+IF('Standard Profiles'!$G$19=$B$10,7,0)+IF('Standard Profiles'!$G$19=$B$17,14,0)+IF('Standard Profiles'!$G$19=$B$24,21,0),MOD($C860,24)+1)/SUM(INDEX($D$3:$AA$30,INDEX(Jesper!$R$2:$R$366,ROW(INDEX(Jesper!AI$2:AI$366,ROUNDDOWN($C860/24,0)+1,1))-1)+IF('Standard Profiles'!$G$19=$B$10,7,0)+IF('Standard Profiles'!$G$19=$B$17,14,0)+IF('Standard Profiles'!$G$19=$B$24,21,0),0)),0)</f>
        <v>3.6676788481803317</v>
      </c>
      <c r="F860" cm="1">
        <f t="array" ref="F860">IFERROR(INDEX(Jesper!AJ$2:AJ$366,ROUNDDOWN($C860/24,0)+1,1)*INDEX($D$3:$AA$30,INDEX(Jesper!$R$2:$R$366,ROW(INDEX(Jesper!AJ$2:AJ$366,ROUNDDOWN($C860/24,0)+1,1))-1)+IF('Standard Profiles'!$G$20=$B$10,7,0)+IF('Standard Profiles'!$G$20=$B$17,14,0)+IF('Standard Profiles'!$G$20=$B$24,21,0),MOD($C860,24)+1)/SUM(INDEX($D$3:$AA$30,INDEX(Jesper!$R$2:$R$366,ROW(INDEX(Jesper!AJ$2:AJ$366,ROUNDDOWN($C860/24,0)+1,1))-1)+IF('Standard Profiles'!$G$20=$B$10,7,0)+IF('Standard Profiles'!$G$20=$B$17,14,0)+IF('Standard Profiles'!$G$20=$B$24,21,0),0)),0)</f>
        <v>0</v>
      </c>
      <c r="G860" cm="1">
        <f t="array" ref="G860">IFERROR(INDEX(Jesper!AK$2:AK$366,ROUNDDOWN($C860/24,0)+1,1)*INDEX($D$3:$AA$30,INDEX(Jesper!$R$2:$R$366,ROW(INDEX(Jesper!AK$2:AK$366,ROUNDDOWN($C860/24,0)+1,1))-1)+IF('Standard Profiles'!$G$21=$B$10,7,0)+IF('Standard Profiles'!$G$21=$B$17,14,0)+IF('Standard Profiles'!$G$21=$B$24,21,0),MOD($C860,24)+1)/SUM(INDEX($D$3:$AA$30,INDEX(Jesper!$R$2:$R$366,ROW(INDEX(Jesper!AK$2:AK$366,ROUNDDOWN($C860/24,0)+1,1))-1)+IF('Standard Profiles'!$G$21=$B$10,7,0)+IF('Standard Profiles'!$G$21=$B$17,14,0)+IF('Standard Profiles'!$G$21=$B$24,21,0),0)),0)</f>
        <v>0</v>
      </c>
      <c r="H860" cm="1">
        <f t="array" ref="H860">IFERROR(INDEX(Jesper!AL$2:AL$366,ROUNDDOWN($C860/24,0)+1,1)*INDEX($D$3:$AA$30,INDEX(Jesper!$R$2:$R$366,ROW(INDEX(Jesper!AL$2:AL$366,ROUNDDOWN($C860/24,0)+1,1))-1)+IF('Standard Profiles'!$G$22=$B$10,7,0)+IF('Standard Profiles'!$G$22=$B$17,14,0)+IF('Standard Profiles'!$G$22=$B$24,21,0),MOD($C860,24)+1)/SUM(INDEX($D$3:$AA$30,INDEX(Jesper!$R$2:$R$366,ROW(INDEX(Jesper!AL$2:AL$366,ROUNDDOWN($C860/24,0)+1,1))-1)+IF('Standard Profiles'!$G$22=$B$10,7,0)+IF('Standard Profiles'!$G$22=$B$17,14,0)+IF('Standard Profiles'!$G$22=$B$24,21,0),0)),0)</f>
        <v>0</v>
      </c>
      <c r="I860">
        <f t="shared" si="104"/>
        <v>0.33042151785408402</v>
      </c>
      <c r="J860">
        <f t="shared" si="105"/>
        <v>1.1014050595136136</v>
      </c>
      <c r="K860">
        <f t="shared" si="106"/>
        <v>1.6521075892704202</v>
      </c>
      <c r="L860">
        <f t="shared" si="107"/>
        <v>15.797098538842299</v>
      </c>
      <c r="M860">
        <f t="shared" si="108"/>
        <v>0</v>
      </c>
      <c r="N860" s="46">
        <f t="shared" si="109"/>
        <v>45326.416666664663</v>
      </c>
    </row>
    <row r="861" spans="2:14" x14ac:dyDescent="0.3">
      <c r="B861">
        <f t="shared" si="103"/>
        <v>7</v>
      </c>
      <c r="C861" s="16">
        <v>827</v>
      </c>
      <c r="D861" cm="1">
        <f t="array" ref="D861">IFERROR(INDEX(Jesper!AH$2:AH$366,ROUNDDOWN($C861/24,0)+1,1)*INDEX($D$3:$AA$30,INDEX(Jesper!$R$2:$R$366,ROW(INDEX(Jesper!AH$2:AH$366,ROUNDDOWN($C861/24,0)+1,1))-1)+IF('Standard Profiles'!$G$18=$B$10,7,0)+IF('Standard Profiles'!$G$18=$B$17,14,0)+IF('Standard Profiles'!$G$18=$B$24,21,0),MOD($C861,24)+1)/SUM(INDEX($D$3:$AA$30,INDEX(Jesper!$R$2:$R$366,ROW(INDEX(Jesper!AH$2:AH$366,ROUNDDOWN($C861/24,0)+1,1))-1)+IF('Standard Profiles'!$G$18=$B$10,7,0)+IF('Standard Profiles'!$G$18=$B$17,14,0)+IF('Standard Profiles'!$G$18=$B$24,21,0),0)),0)</f>
        <v>15.213353857300085</v>
      </c>
      <c r="E861" cm="1">
        <f t="array" ref="E861">IFERROR(INDEX(Jesper!AI$2:AI$366,ROUNDDOWN($C861/24,0)+1,1)*INDEX($D$3:$AA$30,INDEX(Jesper!$R$2:$R$366,ROW(INDEX(Jesper!AI$2:AI$366,ROUNDDOWN($C861/24,0)+1,1))-1)+IF('Standard Profiles'!$G$19=$B$10,7,0)+IF('Standard Profiles'!$G$19=$B$17,14,0)+IF('Standard Profiles'!$G$19=$B$24,21,0),MOD($C861,24)+1)/SUM(INDEX($D$3:$AA$30,INDEX(Jesper!$R$2:$R$366,ROW(INDEX(Jesper!AI$2:AI$366,ROUNDDOWN($C861/24,0)+1,1))-1)+IF('Standard Profiles'!$G$19=$B$10,7,0)+IF('Standard Profiles'!$G$19=$B$17,14,0)+IF('Standard Profiles'!$G$19=$B$24,21,0),0)),0)</f>
        <v>3.6676788481803317</v>
      </c>
      <c r="F861" cm="1">
        <f t="array" ref="F861">IFERROR(INDEX(Jesper!AJ$2:AJ$366,ROUNDDOWN($C861/24,0)+1,1)*INDEX($D$3:$AA$30,INDEX(Jesper!$R$2:$R$366,ROW(INDEX(Jesper!AJ$2:AJ$366,ROUNDDOWN($C861/24,0)+1,1))-1)+IF('Standard Profiles'!$G$20=$B$10,7,0)+IF('Standard Profiles'!$G$20=$B$17,14,0)+IF('Standard Profiles'!$G$20=$B$24,21,0),MOD($C861,24)+1)/SUM(INDEX($D$3:$AA$30,INDEX(Jesper!$R$2:$R$366,ROW(INDEX(Jesper!AJ$2:AJ$366,ROUNDDOWN($C861/24,0)+1,1))-1)+IF('Standard Profiles'!$G$20=$B$10,7,0)+IF('Standard Profiles'!$G$20=$B$17,14,0)+IF('Standard Profiles'!$G$20=$B$24,21,0),0)),0)</f>
        <v>0</v>
      </c>
      <c r="G861" cm="1">
        <f t="array" ref="G861">IFERROR(INDEX(Jesper!AK$2:AK$366,ROUNDDOWN($C861/24,0)+1,1)*INDEX($D$3:$AA$30,INDEX(Jesper!$R$2:$R$366,ROW(INDEX(Jesper!AK$2:AK$366,ROUNDDOWN($C861/24,0)+1,1))-1)+IF('Standard Profiles'!$G$21=$B$10,7,0)+IF('Standard Profiles'!$G$21=$B$17,14,0)+IF('Standard Profiles'!$G$21=$B$24,21,0),MOD($C861,24)+1)/SUM(INDEX($D$3:$AA$30,INDEX(Jesper!$R$2:$R$366,ROW(INDEX(Jesper!AK$2:AK$366,ROUNDDOWN($C861/24,0)+1,1))-1)+IF('Standard Profiles'!$G$21=$B$10,7,0)+IF('Standard Profiles'!$G$21=$B$17,14,0)+IF('Standard Profiles'!$G$21=$B$24,21,0),0)),0)</f>
        <v>0</v>
      </c>
      <c r="H861" cm="1">
        <f t="array" ref="H861">IFERROR(INDEX(Jesper!AL$2:AL$366,ROUNDDOWN($C861/24,0)+1,1)*INDEX($D$3:$AA$30,INDEX(Jesper!$R$2:$R$366,ROW(INDEX(Jesper!AL$2:AL$366,ROUNDDOWN($C861/24,0)+1,1))-1)+IF('Standard Profiles'!$G$22=$B$10,7,0)+IF('Standard Profiles'!$G$22=$B$17,14,0)+IF('Standard Profiles'!$G$22=$B$24,21,0),MOD($C861,24)+1)/SUM(INDEX($D$3:$AA$30,INDEX(Jesper!$R$2:$R$366,ROW(INDEX(Jesper!AL$2:AL$366,ROUNDDOWN($C861/24,0)+1,1))-1)+IF('Standard Profiles'!$G$22=$B$10,7,0)+IF('Standard Profiles'!$G$22=$B$17,14,0)+IF('Standard Profiles'!$G$22=$B$24,21,0),0)),0)</f>
        <v>0</v>
      </c>
      <c r="I861">
        <f t="shared" si="104"/>
        <v>0.33042151785408402</v>
      </c>
      <c r="J861">
        <f t="shared" si="105"/>
        <v>1.1014050595136136</v>
      </c>
      <c r="K861">
        <f t="shared" si="106"/>
        <v>1.6521075892704202</v>
      </c>
      <c r="L861">
        <f t="shared" si="107"/>
        <v>15.797098538842299</v>
      </c>
      <c r="M861">
        <f t="shared" si="108"/>
        <v>0</v>
      </c>
      <c r="N861" s="46">
        <f t="shared" si="109"/>
        <v>45326.458333331328</v>
      </c>
    </row>
    <row r="862" spans="2:14" x14ac:dyDescent="0.3">
      <c r="B862">
        <f t="shared" si="103"/>
        <v>7</v>
      </c>
      <c r="C862" s="16">
        <v>828</v>
      </c>
      <c r="D862" cm="1">
        <f t="array" ref="D862">IFERROR(INDEX(Jesper!AH$2:AH$366,ROUNDDOWN($C862/24,0)+1,1)*INDEX($D$3:$AA$30,INDEX(Jesper!$R$2:$R$366,ROW(INDEX(Jesper!AH$2:AH$366,ROUNDDOWN($C862/24,0)+1,1))-1)+IF('Standard Profiles'!$G$18=$B$10,7,0)+IF('Standard Profiles'!$G$18=$B$17,14,0)+IF('Standard Profiles'!$G$18=$B$24,21,0),MOD($C862,24)+1)/SUM(INDEX($D$3:$AA$30,INDEX(Jesper!$R$2:$R$366,ROW(INDEX(Jesper!AH$2:AH$366,ROUNDDOWN($C862/24,0)+1,1))-1)+IF('Standard Profiles'!$G$18=$B$10,7,0)+IF('Standard Profiles'!$G$18=$B$17,14,0)+IF('Standard Profiles'!$G$18=$B$24,21,0),0)),0)</f>
        <v>15.213353857300085</v>
      </c>
      <c r="E862" cm="1">
        <f t="array" ref="E862">IFERROR(INDEX(Jesper!AI$2:AI$366,ROUNDDOWN($C862/24,0)+1,1)*INDEX($D$3:$AA$30,INDEX(Jesper!$R$2:$R$366,ROW(INDEX(Jesper!AI$2:AI$366,ROUNDDOWN($C862/24,0)+1,1))-1)+IF('Standard Profiles'!$G$19=$B$10,7,0)+IF('Standard Profiles'!$G$19=$B$17,14,0)+IF('Standard Profiles'!$G$19=$B$24,21,0),MOD($C862,24)+1)/SUM(INDEX($D$3:$AA$30,INDEX(Jesper!$R$2:$R$366,ROW(INDEX(Jesper!AI$2:AI$366,ROUNDDOWN($C862/24,0)+1,1))-1)+IF('Standard Profiles'!$G$19=$B$10,7,0)+IF('Standard Profiles'!$G$19=$B$17,14,0)+IF('Standard Profiles'!$G$19=$B$24,21,0),0)),0)</f>
        <v>3.6676788481803317</v>
      </c>
      <c r="F862" cm="1">
        <f t="array" ref="F862">IFERROR(INDEX(Jesper!AJ$2:AJ$366,ROUNDDOWN($C862/24,0)+1,1)*INDEX($D$3:$AA$30,INDEX(Jesper!$R$2:$R$366,ROW(INDEX(Jesper!AJ$2:AJ$366,ROUNDDOWN($C862/24,0)+1,1))-1)+IF('Standard Profiles'!$G$20=$B$10,7,0)+IF('Standard Profiles'!$G$20=$B$17,14,0)+IF('Standard Profiles'!$G$20=$B$24,21,0),MOD($C862,24)+1)/SUM(INDEX($D$3:$AA$30,INDEX(Jesper!$R$2:$R$366,ROW(INDEX(Jesper!AJ$2:AJ$366,ROUNDDOWN($C862/24,0)+1,1))-1)+IF('Standard Profiles'!$G$20=$B$10,7,0)+IF('Standard Profiles'!$G$20=$B$17,14,0)+IF('Standard Profiles'!$G$20=$B$24,21,0),0)),0)</f>
        <v>0</v>
      </c>
      <c r="G862" cm="1">
        <f t="array" ref="G862">IFERROR(INDEX(Jesper!AK$2:AK$366,ROUNDDOWN($C862/24,0)+1,1)*INDEX($D$3:$AA$30,INDEX(Jesper!$R$2:$R$366,ROW(INDEX(Jesper!AK$2:AK$366,ROUNDDOWN($C862/24,0)+1,1))-1)+IF('Standard Profiles'!$G$21=$B$10,7,0)+IF('Standard Profiles'!$G$21=$B$17,14,0)+IF('Standard Profiles'!$G$21=$B$24,21,0),MOD($C862,24)+1)/SUM(INDEX($D$3:$AA$30,INDEX(Jesper!$R$2:$R$366,ROW(INDEX(Jesper!AK$2:AK$366,ROUNDDOWN($C862/24,0)+1,1))-1)+IF('Standard Profiles'!$G$21=$B$10,7,0)+IF('Standard Profiles'!$G$21=$B$17,14,0)+IF('Standard Profiles'!$G$21=$B$24,21,0),0)),0)</f>
        <v>0</v>
      </c>
      <c r="H862" cm="1">
        <f t="array" ref="H862">IFERROR(INDEX(Jesper!AL$2:AL$366,ROUNDDOWN($C862/24,0)+1,1)*INDEX($D$3:$AA$30,INDEX(Jesper!$R$2:$R$366,ROW(INDEX(Jesper!AL$2:AL$366,ROUNDDOWN($C862/24,0)+1,1))-1)+IF('Standard Profiles'!$G$22=$B$10,7,0)+IF('Standard Profiles'!$G$22=$B$17,14,0)+IF('Standard Profiles'!$G$22=$B$24,21,0),MOD($C862,24)+1)/SUM(INDEX($D$3:$AA$30,INDEX(Jesper!$R$2:$R$366,ROW(INDEX(Jesper!AL$2:AL$366,ROUNDDOWN($C862/24,0)+1,1))-1)+IF('Standard Profiles'!$G$22=$B$10,7,0)+IF('Standard Profiles'!$G$22=$B$17,14,0)+IF('Standard Profiles'!$G$22=$B$24,21,0),0)),0)</f>
        <v>0</v>
      </c>
      <c r="I862">
        <f t="shared" si="104"/>
        <v>0.33042151785408402</v>
      </c>
      <c r="J862">
        <f t="shared" si="105"/>
        <v>1.1014050595136136</v>
      </c>
      <c r="K862">
        <f t="shared" si="106"/>
        <v>1.6521075892704202</v>
      </c>
      <c r="L862">
        <f t="shared" si="107"/>
        <v>15.797098538842299</v>
      </c>
      <c r="M862">
        <f t="shared" si="108"/>
        <v>0</v>
      </c>
      <c r="N862" s="46">
        <f t="shared" si="109"/>
        <v>45326.499999997992</v>
      </c>
    </row>
    <row r="863" spans="2:14" x14ac:dyDescent="0.3">
      <c r="B863">
        <f t="shared" si="103"/>
        <v>7</v>
      </c>
      <c r="C863" s="16">
        <v>829</v>
      </c>
      <c r="D863" cm="1">
        <f t="array" ref="D863">IFERROR(INDEX(Jesper!AH$2:AH$366,ROUNDDOWN($C863/24,0)+1,1)*INDEX($D$3:$AA$30,INDEX(Jesper!$R$2:$R$366,ROW(INDEX(Jesper!AH$2:AH$366,ROUNDDOWN($C863/24,0)+1,1))-1)+IF('Standard Profiles'!$G$18=$B$10,7,0)+IF('Standard Profiles'!$G$18=$B$17,14,0)+IF('Standard Profiles'!$G$18=$B$24,21,0),MOD($C863,24)+1)/SUM(INDEX($D$3:$AA$30,INDEX(Jesper!$R$2:$R$366,ROW(INDEX(Jesper!AH$2:AH$366,ROUNDDOWN($C863/24,0)+1,1))-1)+IF('Standard Profiles'!$G$18=$B$10,7,0)+IF('Standard Profiles'!$G$18=$B$17,14,0)+IF('Standard Profiles'!$G$18=$B$24,21,0),0)),0)</f>
        <v>15.213353857300085</v>
      </c>
      <c r="E863" cm="1">
        <f t="array" ref="E863">IFERROR(INDEX(Jesper!AI$2:AI$366,ROUNDDOWN($C863/24,0)+1,1)*INDEX($D$3:$AA$30,INDEX(Jesper!$R$2:$R$366,ROW(INDEX(Jesper!AI$2:AI$366,ROUNDDOWN($C863/24,0)+1,1))-1)+IF('Standard Profiles'!$G$19=$B$10,7,0)+IF('Standard Profiles'!$G$19=$B$17,14,0)+IF('Standard Profiles'!$G$19=$B$24,21,0),MOD($C863,24)+1)/SUM(INDEX($D$3:$AA$30,INDEX(Jesper!$R$2:$R$366,ROW(INDEX(Jesper!AI$2:AI$366,ROUNDDOWN($C863/24,0)+1,1))-1)+IF('Standard Profiles'!$G$19=$B$10,7,0)+IF('Standard Profiles'!$G$19=$B$17,14,0)+IF('Standard Profiles'!$G$19=$B$24,21,0),0)),0)</f>
        <v>3.6676788481803317</v>
      </c>
      <c r="F863" cm="1">
        <f t="array" ref="F863">IFERROR(INDEX(Jesper!AJ$2:AJ$366,ROUNDDOWN($C863/24,0)+1,1)*INDEX($D$3:$AA$30,INDEX(Jesper!$R$2:$R$366,ROW(INDEX(Jesper!AJ$2:AJ$366,ROUNDDOWN($C863/24,0)+1,1))-1)+IF('Standard Profiles'!$G$20=$B$10,7,0)+IF('Standard Profiles'!$G$20=$B$17,14,0)+IF('Standard Profiles'!$G$20=$B$24,21,0),MOD($C863,24)+1)/SUM(INDEX($D$3:$AA$30,INDEX(Jesper!$R$2:$R$366,ROW(INDEX(Jesper!AJ$2:AJ$366,ROUNDDOWN($C863/24,0)+1,1))-1)+IF('Standard Profiles'!$G$20=$B$10,7,0)+IF('Standard Profiles'!$G$20=$B$17,14,0)+IF('Standard Profiles'!$G$20=$B$24,21,0),0)),0)</f>
        <v>0</v>
      </c>
      <c r="G863" cm="1">
        <f t="array" ref="G863">IFERROR(INDEX(Jesper!AK$2:AK$366,ROUNDDOWN($C863/24,0)+1,1)*INDEX($D$3:$AA$30,INDEX(Jesper!$R$2:$R$366,ROW(INDEX(Jesper!AK$2:AK$366,ROUNDDOWN($C863/24,0)+1,1))-1)+IF('Standard Profiles'!$G$21=$B$10,7,0)+IF('Standard Profiles'!$G$21=$B$17,14,0)+IF('Standard Profiles'!$G$21=$B$24,21,0),MOD($C863,24)+1)/SUM(INDEX($D$3:$AA$30,INDEX(Jesper!$R$2:$R$366,ROW(INDEX(Jesper!AK$2:AK$366,ROUNDDOWN($C863/24,0)+1,1))-1)+IF('Standard Profiles'!$G$21=$B$10,7,0)+IF('Standard Profiles'!$G$21=$B$17,14,0)+IF('Standard Profiles'!$G$21=$B$24,21,0),0)),0)</f>
        <v>0</v>
      </c>
      <c r="H863" cm="1">
        <f t="array" ref="H863">IFERROR(INDEX(Jesper!AL$2:AL$366,ROUNDDOWN($C863/24,0)+1,1)*INDEX($D$3:$AA$30,INDEX(Jesper!$R$2:$R$366,ROW(INDEX(Jesper!AL$2:AL$366,ROUNDDOWN($C863/24,0)+1,1))-1)+IF('Standard Profiles'!$G$22=$B$10,7,0)+IF('Standard Profiles'!$G$22=$B$17,14,0)+IF('Standard Profiles'!$G$22=$B$24,21,0),MOD($C863,24)+1)/SUM(INDEX($D$3:$AA$30,INDEX(Jesper!$R$2:$R$366,ROW(INDEX(Jesper!AL$2:AL$366,ROUNDDOWN($C863/24,0)+1,1))-1)+IF('Standard Profiles'!$G$22=$B$10,7,0)+IF('Standard Profiles'!$G$22=$B$17,14,0)+IF('Standard Profiles'!$G$22=$B$24,21,0),0)),0)</f>
        <v>0</v>
      </c>
      <c r="I863">
        <f t="shared" si="104"/>
        <v>0.33042151785408402</v>
      </c>
      <c r="J863">
        <f t="shared" si="105"/>
        <v>1.1014050595136136</v>
      </c>
      <c r="K863">
        <f t="shared" si="106"/>
        <v>1.6521075892704202</v>
      </c>
      <c r="L863">
        <f t="shared" si="107"/>
        <v>15.797098538842299</v>
      </c>
      <c r="M863">
        <f t="shared" si="108"/>
        <v>0</v>
      </c>
      <c r="N863" s="46">
        <f t="shared" si="109"/>
        <v>45326.541666664656</v>
      </c>
    </row>
    <row r="864" spans="2:14" x14ac:dyDescent="0.3">
      <c r="B864">
        <f t="shared" si="103"/>
        <v>7</v>
      </c>
      <c r="C864" s="16">
        <v>830</v>
      </c>
      <c r="D864" cm="1">
        <f t="array" ref="D864">IFERROR(INDEX(Jesper!AH$2:AH$366,ROUNDDOWN($C864/24,0)+1,1)*INDEX($D$3:$AA$30,INDEX(Jesper!$R$2:$R$366,ROW(INDEX(Jesper!AH$2:AH$366,ROUNDDOWN($C864/24,0)+1,1))-1)+IF('Standard Profiles'!$G$18=$B$10,7,0)+IF('Standard Profiles'!$G$18=$B$17,14,0)+IF('Standard Profiles'!$G$18=$B$24,21,0),MOD($C864,24)+1)/SUM(INDEX($D$3:$AA$30,INDEX(Jesper!$R$2:$R$366,ROW(INDEX(Jesper!AH$2:AH$366,ROUNDDOWN($C864/24,0)+1,1))-1)+IF('Standard Profiles'!$G$18=$B$10,7,0)+IF('Standard Profiles'!$G$18=$B$17,14,0)+IF('Standard Profiles'!$G$18=$B$24,21,0),0)),0)</f>
        <v>15.213353857300085</v>
      </c>
      <c r="E864" cm="1">
        <f t="array" ref="E864">IFERROR(INDEX(Jesper!AI$2:AI$366,ROUNDDOWN($C864/24,0)+1,1)*INDEX($D$3:$AA$30,INDEX(Jesper!$R$2:$R$366,ROW(INDEX(Jesper!AI$2:AI$366,ROUNDDOWN($C864/24,0)+1,1))-1)+IF('Standard Profiles'!$G$19=$B$10,7,0)+IF('Standard Profiles'!$G$19=$B$17,14,0)+IF('Standard Profiles'!$G$19=$B$24,21,0),MOD($C864,24)+1)/SUM(INDEX($D$3:$AA$30,INDEX(Jesper!$R$2:$R$366,ROW(INDEX(Jesper!AI$2:AI$366,ROUNDDOWN($C864/24,0)+1,1))-1)+IF('Standard Profiles'!$G$19=$B$10,7,0)+IF('Standard Profiles'!$G$19=$B$17,14,0)+IF('Standard Profiles'!$G$19=$B$24,21,0),0)),0)</f>
        <v>3.6676788481803317</v>
      </c>
      <c r="F864" cm="1">
        <f t="array" ref="F864">IFERROR(INDEX(Jesper!AJ$2:AJ$366,ROUNDDOWN($C864/24,0)+1,1)*INDEX($D$3:$AA$30,INDEX(Jesper!$R$2:$R$366,ROW(INDEX(Jesper!AJ$2:AJ$366,ROUNDDOWN($C864/24,0)+1,1))-1)+IF('Standard Profiles'!$G$20=$B$10,7,0)+IF('Standard Profiles'!$G$20=$B$17,14,0)+IF('Standard Profiles'!$G$20=$B$24,21,0),MOD($C864,24)+1)/SUM(INDEX($D$3:$AA$30,INDEX(Jesper!$R$2:$R$366,ROW(INDEX(Jesper!AJ$2:AJ$366,ROUNDDOWN($C864/24,0)+1,1))-1)+IF('Standard Profiles'!$G$20=$B$10,7,0)+IF('Standard Profiles'!$G$20=$B$17,14,0)+IF('Standard Profiles'!$G$20=$B$24,21,0),0)),0)</f>
        <v>0</v>
      </c>
      <c r="G864" cm="1">
        <f t="array" ref="G864">IFERROR(INDEX(Jesper!AK$2:AK$366,ROUNDDOWN($C864/24,0)+1,1)*INDEX($D$3:$AA$30,INDEX(Jesper!$R$2:$R$366,ROW(INDEX(Jesper!AK$2:AK$366,ROUNDDOWN($C864/24,0)+1,1))-1)+IF('Standard Profiles'!$G$21=$B$10,7,0)+IF('Standard Profiles'!$G$21=$B$17,14,0)+IF('Standard Profiles'!$G$21=$B$24,21,0),MOD($C864,24)+1)/SUM(INDEX($D$3:$AA$30,INDEX(Jesper!$R$2:$R$366,ROW(INDEX(Jesper!AK$2:AK$366,ROUNDDOWN($C864/24,0)+1,1))-1)+IF('Standard Profiles'!$G$21=$B$10,7,0)+IF('Standard Profiles'!$G$21=$B$17,14,0)+IF('Standard Profiles'!$G$21=$B$24,21,0),0)),0)</f>
        <v>0</v>
      </c>
      <c r="H864" cm="1">
        <f t="array" ref="H864">IFERROR(INDEX(Jesper!AL$2:AL$366,ROUNDDOWN($C864/24,0)+1,1)*INDEX($D$3:$AA$30,INDEX(Jesper!$R$2:$R$366,ROW(INDEX(Jesper!AL$2:AL$366,ROUNDDOWN($C864/24,0)+1,1))-1)+IF('Standard Profiles'!$G$22=$B$10,7,0)+IF('Standard Profiles'!$G$22=$B$17,14,0)+IF('Standard Profiles'!$G$22=$B$24,21,0),MOD($C864,24)+1)/SUM(INDEX($D$3:$AA$30,INDEX(Jesper!$R$2:$R$366,ROW(INDEX(Jesper!AL$2:AL$366,ROUNDDOWN($C864/24,0)+1,1))-1)+IF('Standard Profiles'!$G$22=$B$10,7,0)+IF('Standard Profiles'!$G$22=$B$17,14,0)+IF('Standard Profiles'!$G$22=$B$24,21,0),0)),0)</f>
        <v>0</v>
      </c>
      <c r="I864">
        <f t="shared" si="104"/>
        <v>0.33042151785408402</v>
      </c>
      <c r="J864">
        <f t="shared" si="105"/>
        <v>1.1014050595136136</v>
      </c>
      <c r="K864">
        <f t="shared" si="106"/>
        <v>1.6521075892704202</v>
      </c>
      <c r="L864">
        <f t="shared" si="107"/>
        <v>15.797098538842299</v>
      </c>
      <c r="M864">
        <f t="shared" si="108"/>
        <v>0</v>
      </c>
      <c r="N864" s="46">
        <f t="shared" si="109"/>
        <v>45326.58333333132</v>
      </c>
    </row>
    <row r="865" spans="2:14" x14ac:dyDescent="0.3">
      <c r="B865">
        <f t="shared" si="103"/>
        <v>7</v>
      </c>
      <c r="C865" s="16">
        <v>831</v>
      </c>
      <c r="D865" cm="1">
        <f t="array" ref="D865">IFERROR(INDEX(Jesper!AH$2:AH$366,ROUNDDOWN($C865/24,0)+1,1)*INDEX($D$3:$AA$30,INDEX(Jesper!$R$2:$R$366,ROW(INDEX(Jesper!AH$2:AH$366,ROUNDDOWN($C865/24,0)+1,1))-1)+IF('Standard Profiles'!$G$18=$B$10,7,0)+IF('Standard Profiles'!$G$18=$B$17,14,0)+IF('Standard Profiles'!$G$18=$B$24,21,0),MOD($C865,24)+1)/SUM(INDEX($D$3:$AA$30,INDEX(Jesper!$R$2:$R$366,ROW(INDEX(Jesper!AH$2:AH$366,ROUNDDOWN($C865/24,0)+1,1))-1)+IF('Standard Profiles'!$G$18=$B$10,7,0)+IF('Standard Profiles'!$G$18=$B$17,14,0)+IF('Standard Profiles'!$G$18=$B$24,21,0),0)),0)</f>
        <v>13.522981206488964</v>
      </c>
      <c r="E865" cm="1">
        <f t="array" ref="E865">IFERROR(INDEX(Jesper!AI$2:AI$366,ROUNDDOWN($C865/24,0)+1,1)*INDEX($D$3:$AA$30,INDEX(Jesper!$R$2:$R$366,ROW(INDEX(Jesper!AI$2:AI$366,ROUNDDOWN($C865/24,0)+1,1))-1)+IF('Standard Profiles'!$G$19=$B$10,7,0)+IF('Standard Profiles'!$G$19=$B$17,14,0)+IF('Standard Profiles'!$G$19=$B$24,21,0),MOD($C865,24)+1)/SUM(INDEX($D$3:$AA$30,INDEX(Jesper!$R$2:$R$366,ROW(INDEX(Jesper!AI$2:AI$366,ROUNDDOWN($C865/24,0)+1,1))-1)+IF('Standard Profiles'!$G$19=$B$10,7,0)+IF('Standard Profiles'!$G$19=$B$17,14,0)+IF('Standard Profiles'!$G$19=$B$24,21,0),0)),0)</f>
        <v>3.2601589761602949</v>
      </c>
      <c r="F865" cm="1">
        <f t="array" ref="F865">IFERROR(INDEX(Jesper!AJ$2:AJ$366,ROUNDDOWN($C865/24,0)+1,1)*INDEX($D$3:$AA$30,INDEX(Jesper!$R$2:$R$366,ROW(INDEX(Jesper!AJ$2:AJ$366,ROUNDDOWN($C865/24,0)+1,1))-1)+IF('Standard Profiles'!$G$20=$B$10,7,0)+IF('Standard Profiles'!$G$20=$B$17,14,0)+IF('Standard Profiles'!$G$20=$B$24,21,0),MOD($C865,24)+1)/SUM(INDEX($D$3:$AA$30,INDEX(Jesper!$R$2:$R$366,ROW(INDEX(Jesper!AJ$2:AJ$366,ROUNDDOWN($C865/24,0)+1,1))-1)+IF('Standard Profiles'!$G$20=$B$10,7,0)+IF('Standard Profiles'!$G$20=$B$17,14,0)+IF('Standard Profiles'!$G$20=$B$24,21,0),0)),0)</f>
        <v>0</v>
      </c>
      <c r="G865" cm="1">
        <f t="array" ref="G865">IFERROR(INDEX(Jesper!AK$2:AK$366,ROUNDDOWN($C865/24,0)+1,1)*INDEX($D$3:$AA$30,INDEX(Jesper!$R$2:$R$366,ROW(INDEX(Jesper!AK$2:AK$366,ROUNDDOWN($C865/24,0)+1,1))-1)+IF('Standard Profiles'!$G$21=$B$10,7,0)+IF('Standard Profiles'!$G$21=$B$17,14,0)+IF('Standard Profiles'!$G$21=$B$24,21,0),MOD($C865,24)+1)/SUM(INDEX($D$3:$AA$30,INDEX(Jesper!$R$2:$R$366,ROW(INDEX(Jesper!AK$2:AK$366,ROUNDDOWN($C865/24,0)+1,1))-1)+IF('Standard Profiles'!$G$21=$B$10,7,0)+IF('Standard Profiles'!$G$21=$B$17,14,0)+IF('Standard Profiles'!$G$21=$B$24,21,0),0)),0)</f>
        <v>0</v>
      </c>
      <c r="H865" cm="1">
        <f t="array" ref="H865">IFERROR(INDEX(Jesper!AL$2:AL$366,ROUNDDOWN($C865/24,0)+1,1)*INDEX($D$3:$AA$30,INDEX(Jesper!$R$2:$R$366,ROW(INDEX(Jesper!AL$2:AL$366,ROUNDDOWN($C865/24,0)+1,1))-1)+IF('Standard Profiles'!$G$22=$B$10,7,0)+IF('Standard Profiles'!$G$22=$B$17,14,0)+IF('Standard Profiles'!$G$22=$B$24,21,0),MOD($C865,24)+1)/SUM(INDEX($D$3:$AA$30,INDEX(Jesper!$R$2:$R$366,ROW(INDEX(Jesper!AL$2:AL$366,ROUNDDOWN($C865/24,0)+1,1))-1)+IF('Standard Profiles'!$G$22=$B$10,7,0)+IF('Standard Profiles'!$G$22=$B$17,14,0)+IF('Standard Profiles'!$G$22=$B$24,21,0),0)),0)</f>
        <v>0</v>
      </c>
      <c r="I865">
        <f t="shared" si="104"/>
        <v>0.29370801587029693</v>
      </c>
      <c r="J865">
        <f t="shared" si="105"/>
        <v>0.97902671956765652</v>
      </c>
      <c r="K865">
        <f t="shared" si="106"/>
        <v>1.4685400793514847</v>
      </c>
      <c r="L865">
        <f t="shared" si="107"/>
        <v>14.04186536785982</v>
      </c>
      <c r="M865">
        <f t="shared" si="108"/>
        <v>0</v>
      </c>
      <c r="N865" s="46">
        <f t="shared" si="109"/>
        <v>45326.624999997985</v>
      </c>
    </row>
    <row r="866" spans="2:14" x14ac:dyDescent="0.3">
      <c r="B866">
        <f t="shared" si="103"/>
        <v>7</v>
      </c>
      <c r="C866" s="16">
        <v>832</v>
      </c>
      <c r="D866" cm="1">
        <f t="array" ref="D866">IFERROR(INDEX(Jesper!AH$2:AH$366,ROUNDDOWN($C866/24,0)+1,1)*INDEX($D$3:$AA$30,INDEX(Jesper!$R$2:$R$366,ROW(INDEX(Jesper!AH$2:AH$366,ROUNDDOWN($C866/24,0)+1,1))-1)+IF('Standard Profiles'!$G$18=$B$10,7,0)+IF('Standard Profiles'!$G$18=$B$17,14,0)+IF('Standard Profiles'!$G$18=$B$24,21,0),MOD($C866,24)+1)/SUM(INDEX($D$3:$AA$30,INDEX(Jesper!$R$2:$R$366,ROW(INDEX(Jesper!AH$2:AH$366,ROUNDDOWN($C866/24,0)+1,1))-1)+IF('Standard Profiles'!$G$18=$B$10,7,0)+IF('Standard Profiles'!$G$18=$B$17,14,0)+IF('Standard Profiles'!$G$18=$B$24,21,0),0)),0)</f>
        <v>13.281499399230233</v>
      </c>
      <c r="E866" cm="1">
        <f t="array" ref="E866">IFERROR(INDEX(Jesper!AI$2:AI$366,ROUNDDOWN($C866/24,0)+1,1)*INDEX($D$3:$AA$30,INDEX(Jesper!$R$2:$R$366,ROW(INDEX(Jesper!AI$2:AI$366,ROUNDDOWN($C866/24,0)+1,1))-1)+IF('Standard Profiles'!$G$19=$B$10,7,0)+IF('Standard Profiles'!$G$19=$B$17,14,0)+IF('Standard Profiles'!$G$19=$B$24,21,0),MOD($C866,24)+1)/SUM(INDEX($D$3:$AA$30,INDEX(Jesper!$R$2:$R$366,ROW(INDEX(Jesper!AI$2:AI$366,ROUNDDOWN($C866/24,0)+1,1))-1)+IF('Standard Profiles'!$G$19=$B$10,7,0)+IF('Standard Profiles'!$G$19=$B$17,14,0)+IF('Standard Profiles'!$G$19=$B$24,21,0),0)),0)</f>
        <v>3.2019418515860036</v>
      </c>
      <c r="F866" cm="1">
        <f t="array" ref="F866">IFERROR(INDEX(Jesper!AJ$2:AJ$366,ROUNDDOWN($C866/24,0)+1,1)*INDEX($D$3:$AA$30,INDEX(Jesper!$R$2:$R$366,ROW(INDEX(Jesper!AJ$2:AJ$366,ROUNDDOWN($C866/24,0)+1,1))-1)+IF('Standard Profiles'!$G$20=$B$10,7,0)+IF('Standard Profiles'!$G$20=$B$17,14,0)+IF('Standard Profiles'!$G$20=$B$24,21,0),MOD($C866,24)+1)/SUM(INDEX($D$3:$AA$30,INDEX(Jesper!$R$2:$R$366,ROW(INDEX(Jesper!AJ$2:AJ$366,ROUNDDOWN($C866/24,0)+1,1))-1)+IF('Standard Profiles'!$G$20=$B$10,7,0)+IF('Standard Profiles'!$G$20=$B$17,14,0)+IF('Standard Profiles'!$G$20=$B$24,21,0),0)),0)</f>
        <v>0</v>
      </c>
      <c r="G866" cm="1">
        <f t="array" ref="G866">IFERROR(INDEX(Jesper!AK$2:AK$366,ROUNDDOWN($C866/24,0)+1,1)*INDEX($D$3:$AA$30,INDEX(Jesper!$R$2:$R$366,ROW(INDEX(Jesper!AK$2:AK$366,ROUNDDOWN($C866/24,0)+1,1))-1)+IF('Standard Profiles'!$G$21=$B$10,7,0)+IF('Standard Profiles'!$G$21=$B$17,14,0)+IF('Standard Profiles'!$G$21=$B$24,21,0),MOD($C866,24)+1)/SUM(INDEX($D$3:$AA$30,INDEX(Jesper!$R$2:$R$366,ROW(INDEX(Jesper!AK$2:AK$366,ROUNDDOWN($C866/24,0)+1,1))-1)+IF('Standard Profiles'!$G$21=$B$10,7,0)+IF('Standard Profiles'!$G$21=$B$17,14,0)+IF('Standard Profiles'!$G$21=$B$24,21,0),0)),0)</f>
        <v>0</v>
      </c>
      <c r="H866" cm="1">
        <f t="array" ref="H866">IFERROR(INDEX(Jesper!AL$2:AL$366,ROUNDDOWN($C866/24,0)+1,1)*INDEX($D$3:$AA$30,INDEX(Jesper!$R$2:$R$366,ROW(INDEX(Jesper!AL$2:AL$366,ROUNDDOWN($C866/24,0)+1,1))-1)+IF('Standard Profiles'!$G$22=$B$10,7,0)+IF('Standard Profiles'!$G$22=$B$17,14,0)+IF('Standard Profiles'!$G$22=$B$24,21,0),MOD($C866,24)+1)/SUM(INDEX($D$3:$AA$30,INDEX(Jesper!$R$2:$R$366,ROW(INDEX(Jesper!AL$2:AL$366,ROUNDDOWN($C866/24,0)+1,1))-1)+IF('Standard Profiles'!$G$22=$B$10,7,0)+IF('Standard Profiles'!$G$22=$B$17,14,0)+IF('Standard Profiles'!$G$22=$B$24,21,0),0)),0)</f>
        <v>0</v>
      </c>
      <c r="I866">
        <f t="shared" si="104"/>
        <v>0.28846322987261303</v>
      </c>
      <c r="J866">
        <f t="shared" si="105"/>
        <v>0.96154409957537679</v>
      </c>
      <c r="K866">
        <f t="shared" si="106"/>
        <v>1.4423161493630652</v>
      </c>
      <c r="L866">
        <f t="shared" si="107"/>
        <v>13.791117772005181</v>
      </c>
      <c r="M866">
        <f t="shared" si="108"/>
        <v>0</v>
      </c>
      <c r="N866" s="46">
        <f t="shared" si="109"/>
        <v>45326.666666664649</v>
      </c>
    </row>
    <row r="867" spans="2:14" x14ac:dyDescent="0.3">
      <c r="B867">
        <f t="shared" ref="B867:B930" si="110">WEEKDAY(N867,2)</f>
        <v>7</v>
      </c>
      <c r="C867" s="16">
        <v>833</v>
      </c>
      <c r="D867" cm="1">
        <f t="array" ref="D867">IFERROR(INDEX(Jesper!AH$2:AH$366,ROUNDDOWN($C867/24,0)+1,1)*INDEX($D$3:$AA$30,INDEX(Jesper!$R$2:$R$366,ROW(INDEX(Jesper!AH$2:AH$366,ROUNDDOWN($C867/24,0)+1,1))-1)+IF('Standard Profiles'!$G$18=$B$10,7,0)+IF('Standard Profiles'!$G$18=$B$17,14,0)+IF('Standard Profiles'!$G$18=$B$24,21,0),MOD($C867,24)+1)/SUM(INDEX($D$3:$AA$30,INDEX(Jesper!$R$2:$R$366,ROW(INDEX(Jesper!AH$2:AH$366,ROUNDDOWN($C867/24,0)+1,1))-1)+IF('Standard Profiles'!$G$18=$B$10,7,0)+IF('Standard Profiles'!$G$18=$B$17,14,0)+IF('Standard Profiles'!$G$18=$B$24,21,0),0)),0)</f>
        <v>11.349644941160381</v>
      </c>
      <c r="E867" cm="1">
        <f t="array" ref="E867">IFERROR(INDEX(Jesper!AI$2:AI$366,ROUNDDOWN($C867/24,0)+1,1)*INDEX($D$3:$AA$30,INDEX(Jesper!$R$2:$R$366,ROW(INDEX(Jesper!AI$2:AI$366,ROUNDDOWN($C867/24,0)+1,1))-1)+IF('Standard Profiles'!$G$19=$B$10,7,0)+IF('Standard Profiles'!$G$19=$B$17,14,0)+IF('Standard Profiles'!$G$19=$B$24,21,0),MOD($C867,24)+1)/SUM(INDEX($D$3:$AA$30,INDEX(Jesper!$R$2:$R$366,ROW(INDEX(Jesper!AI$2:AI$366,ROUNDDOWN($C867/24,0)+1,1))-1)+IF('Standard Profiles'!$G$19=$B$10,7,0)+IF('Standard Profiles'!$G$19=$B$17,14,0)+IF('Standard Profiles'!$G$19=$B$24,21,0),0)),0)</f>
        <v>2.736204854991676</v>
      </c>
      <c r="F867" cm="1">
        <f t="array" ref="F867">IFERROR(INDEX(Jesper!AJ$2:AJ$366,ROUNDDOWN($C867/24,0)+1,1)*INDEX($D$3:$AA$30,INDEX(Jesper!$R$2:$R$366,ROW(INDEX(Jesper!AJ$2:AJ$366,ROUNDDOWN($C867/24,0)+1,1))-1)+IF('Standard Profiles'!$G$20=$B$10,7,0)+IF('Standard Profiles'!$G$20=$B$17,14,0)+IF('Standard Profiles'!$G$20=$B$24,21,0),MOD($C867,24)+1)/SUM(INDEX($D$3:$AA$30,INDEX(Jesper!$R$2:$R$366,ROW(INDEX(Jesper!AJ$2:AJ$366,ROUNDDOWN($C867/24,0)+1,1))-1)+IF('Standard Profiles'!$G$20=$B$10,7,0)+IF('Standard Profiles'!$G$20=$B$17,14,0)+IF('Standard Profiles'!$G$20=$B$24,21,0),0)),0)</f>
        <v>0</v>
      </c>
      <c r="G867" cm="1">
        <f t="array" ref="G867">IFERROR(INDEX(Jesper!AK$2:AK$366,ROUNDDOWN($C867/24,0)+1,1)*INDEX($D$3:$AA$30,INDEX(Jesper!$R$2:$R$366,ROW(INDEX(Jesper!AK$2:AK$366,ROUNDDOWN($C867/24,0)+1,1))-1)+IF('Standard Profiles'!$G$21=$B$10,7,0)+IF('Standard Profiles'!$G$21=$B$17,14,0)+IF('Standard Profiles'!$G$21=$B$24,21,0),MOD($C867,24)+1)/SUM(INDEX($D$3:$AA$30,INDEX(Jesper!$R$2:$R$366,ROW(INDEX(Jesper!AK$2:AK$366,ROUNDDOWN($C867/24,0)+1,1))-1)+IF('Standard Profiles'!$G$21=$B$10,7,0)+IF('Standard Profiles'!$G$21=$B$17,14,0)+IF('Standard Profiles'!$G$21=$B$24,21,0),0)),0)</f>
        <v>0</v>
      </c>
      <c r="H867" cm="1">
        <f t="array" ref="H867">IFERROR(INDEX(Jesper!AL$2:AL$366,ROUNDDOWN($C867/24,0)+1,1)*INDEX($D$3:$AA$30,INDEX(Jesper!$R$2:$R$366,ROW(INDEX(Jesper!AL$2:AL$366,ROUNDDOWN($C867/24,0)+1,1))-1)+IF('Standard Profiles'!$G$22=$B$10,7,0)+IF('Standard Profiles'!$G$22=$B$17,14,0)+IF('Standard Profiles'!$G$22=$B$24,21,0),MOD($C867,24)+1)/SUM(INDEX($D$3:$AA$30,INDEX(Jesper!$R$2:$R$366,ROW(INDEX(Jesper!AL$2:AL$366,ROUNDDOWN($C867/24,0)+1,1))-1)+IF('Standard Profiles'!$G$22=$B$10,7,0)+IF('Standard Profiles'!$G$22=$B$17,14,0)+IF('Standard Profiles'!$G$22=$B$24,21,0),0)),0)</f>
        <v>0</v>
      </c>
      <c r="I867">
        <f t="shared" ref="I867:I930" si="111">IF($B867&lt;6,AC$37*$D867+AC$38*$E867+AC$39*$F867+AC$40*$G867,AC$46*$D867+AC$47*$E867+AC$48*$F867+AC$49*$G867+AC$50*$H867)</f>
        <v>0.24650494189114205</v>
      </c>
      <c r="J867">
        <f t="shared" ref="J867:J930" si="112">IF($B867&lt;6,AD$37*$D867+AD$38*$E867+AD$39*$F867+AD$40*$G867,AD$46*$D867+AD$47*$E867+AD$48*$F867+AD$49*$G867+AD$50*$H867)</f>
        <v>0.82168313963714024</v>
      </c>
      <c r="K867">
        <f t="shared" ref="K867:K930" si="113">IF($B867&lt;6,AE$37*$D867+AE$38*$E867+AE$39*$F867+AE$40*$G867,AE$46*$D867+AE$47*$E867+AE$48*$F867+AE$49*$G867+AE$50*$H867)</f>
        <v>1.2325247094557104</v>
      </c>
      <c r="L867">
        <f t="shared" ref="L867:L930" si="114">IF($B867&lt;6,AF$37*$D867+AF$38*$E867+AF$39*$F867+AF$40*$G867,AF$46*$D867+AF$47*$E867+AF$48*$F867+AF$49*$G867+AF$50*$H867)</f>
        <v>11.785137005168064</v>
      </c>
      <c r="M867">
        <f t="shared" ref="M867:M930" si="115">IF($B867&lt;6,AG$37*$D867+AG$38*$E867+AG$39*$F867+AG$40*$G867,AG$46*$D867+AG$47*$E867+AG$48*$F867+AG$49*$G867+AG$50*$H867)</f>
        <v>0</v>
      </c>
      <c r="N867" s="46">
        <f t="shared" si="109"/>
        <v>45326.708333331313</v>
      </c>
    </row>
    <row r="868" spans="2:14" x14ac:dyDescent="0.3">
      <c r="B868">
        <f t="shared" si="110"/>
        <v>7</v>
      </c>
      <c r="C868" s="16">
        <v>834</v>
      </c>
      <c r="D868" cm="1">
        <f t="array" ref="D868">IFERROR(INDEX(Jesper!AH$2:AH$366,ROUNDDOWN($C868/24,0)+1,1)*INDEX($D$3:$AA$30,INDEX(Jesper!$R$2:$R$366,ROW(INDEX(Jesper!AH$2:AH$366,ROUNDDOWN($C868/24,0)+1,1))-1)+IF('Standard Profiles'!$G$18=$B$10,7,0)+IF('Standard Profiles'!$G$18=$B$17,14,0)+IF('Standard Profiles'!$G$18=$B$24,21,0),MOD($C868,24)+1)/SUM(INDEX($D$3:$AA$30,INDEX(Jesper!$R$2:$R$366,ROW(INDEX(Jesper!AH$2:AH$366,ROUNDDOWN($C868/24,0)+1,1))-1)+IF('Standard Profiles'!$G$18=$B$10,7,0)+IF('Standard Profiles'!$G$18=$B$17,14,0)+IF('Standard Profiles'!$G$18=$B$24,21,0),0)),0)</f>
        <v>10.625199519384186</v>
      </c>
      <c r="E868" cm="1">
        <f t="array" ref="E868">IFERROR(INDEX(Jesper!AI$2:AI$366,ROUNDDOWN($C868/24,0)+1,1)*INDEX($D$3:$AA$30,INDEX(Jesper!$R$2:$R$366,ROW(INDEX(Jesper!AI$2:AI$366,ROUNDDOWN($C868/24,0)+1,1))-1)+IF('Standard Profiles'!$G$19=$B$10,7,0)+IF('Standard Profiles'!$G$19=$B$17,14,0)+IF('Standard Profiles'!$G$19=$B$24,21,0),MOD($C868,24)+1)/SUM(INDEX($D$3:$AA$30,INDEX(Jesper!$R$2:$R$366,ROW(INDEX(Jesper!AI$2:AI$366,ROUNDDOWN($C868/24,0)+1,1))-1)+IF('Standard Profiles'!$G$19=$B$10,7,0)+IF('Standard Profiles'!$G$19=$B$17,14,0)+IF('Standard Profiles'!$G$19=$B$24,21,0),0)),0)</f>
        <v>2.561553481268803</v>
      </c>
      <c r="F868" cm="1">
        <f t="array" ref="F868">IFERROR(INDEX(Jesper!AJ$2:AJ$366,ROUNDDOWN($C868/24,0)+1,1)*INDEX($D$3:$AA$30,INDEX(Jesper!$R$2:$R$366,ROW(INDEX(Jesper!AJ$2:AJ$366,ROUNDDOWN($C868/24,0)+1,1))-1)+IF('Standard Profiles'!$G$20=$B$10,7,0)+IF('Standard Profiles'!$G$20=$B$17,14,0)+IF('Standard Profiles'!$G$20=$B$24,21,0),MOD($C868,24)+1)/SUM(INDEX($D$3:$AA$30,INDEX(Jesper!$R$2:$R$366,ROW(INDEX(Jesper!AJ$2:AJ$366,ROUNDDOWN($C868/24,0)+1,1))-1)+IF('Standard Profiles'!$G$20=$B$10,7,0)+IF('Standard Profiles'!$G$20=$B$17,14,0)+IF('Standard Profiles'!$G$20=$B$24,21,0),0)),0)</f>
        <v>0</v>
      </c>
      <c r="G868" cm="1">
        <f t="array" ref="G868">IFERROR(INDEX(Jesper!AK$2:AK$366,ROUNDDOWN($C868/24,0)+1,1)*INDEX($D$3:$AA$30,INDEX(Jesper!$R$2:$R$366,ROW(INDEX(Jesper!AK$2:AK$366,ROUNDDOWN($C868/24,0)+1,1))-1)+IF('Standard Profiles'!$G$21=$B$10,7,0)+IF('Standard Profiles'!$G$21=$B$17,14,0)+IF('Standard Profiles'!$G$21=$B$24,21,0),MOD($C868,24)+1)/SUM(INDEX($D$3:$AA$30,INDEX(Jesper!$R$2:$R$366,ROW(INDEX(Jesper!AK$2:AK$366,ROUNDDOWN($C868/24,0)+1,1))-1)+IF('Standard Profiles'!$G$21=$B$10,7,0)+IF('Standard Profiles'!$G$21=$B$17,14,0)+IF('Standard Profiles'!$G$21=$B$24,21,0),0)),0)</f>
        <v>0</v>
      </c>
      <c r="H868" cm="1">
        <f t="array" ref="H868">IFERROR(INDEX(Jesper!AL$2:AL$366,ROUNDDOWN($C868/24,0)+1,1)*INDEX($D$3:$AA$30,INDEX(Jesper!$R$2:$R$366,ROW(INDEX(Jesper!AL$2:AL$366,ROUNDDOWN($C868/24,0)+1,1))-1)+IF('Standard Profiles'!$G$22=$B$10,7,0)+IF('Standard Profiles'!$G$22=$B$17,14,0)+IF('Standard Profiles'!$G$22=$B$24,21,0),MOD($C868,24)+1)/SUM(INDEX($D$3:$AA$30,INDEX(Jesper!$R$2:$R$366,ROW(INDEX(Jesper!AL$2:AL$366,ROUNDDOWN($C868/24,0)+1,1))-1)+IF('Standard Profiles'!$G$22=$B$10,7,0)+IF('Standard Profiles'!$G$22=$B$17,14,0)+IF('Standard Profiles'!$G$22=$B$24,21,0),0)),0)</f>
        <v>0</v>
      </c>
      <c r="I868">
        <f t="shared" si="111"/>
        <v>0.23077058389809041</v>
      </c>
      <c r="J868">
        <f t="shared" si="112"/>
        <v>0.76923527966030147</v>
      </c>
      <c r="K868">
        <f t="shared" si="113"/>
        <v>1.1538529194904523</v>
      </c>
      <c r="L868">
        <f t="shared" si="114"/>
        <v>11.032894217604145</v>
      </c>
      <c r="M868">
        <f t="shared" si="115"/>
        <v>0</v>
      </c>
      <c r="N868" s="46">
        <f t="shared" ref="N868:N931" si="116">N867+1/24</f>
        <v>45326.749999997977</v>
      </c>
    </row>
    <row r="869" spans="2:14" x14ac:dyDescent="0.3">
      <c r="B869">
        <f t="shared" si="110"/>
        <v>7</v>
      </c>
      <c r="C869" s="16">
        <v>835</v>
      </c>
      <c r="D869" cm="1">
        <f t="array" ref="D869">IFERROR(INDEX(Jesper!AH$2:AH$366,ROUNDDOWN($C869/24,0)+1,1)*INDEX($D$3:$AA$30,INDEX(Jesper!$R$2:$R$366,ROW(INDEX(Jesper!AH$2:AH$366,ROUNDDOWN($C869/24,0)+1,1))-1)+IF('Standard Profiles'!$G$18=$B$10,7,0)+IF('Standard Profiles'!$G$18=$B$17,14,0)+IF('Standard Profiles'!$G$18=$B$24,21,0),MOD($C869,24)+1)/SUM(INDEX($D$3:$AA$30,INDEX(Jesper!$R$2:$R$366,ROW(INDEX(Jesper!AH$2:AH$366,ROUNDDOWN($C869/24,0)+1,1))-1)+IF('Standard Profiles'!$G$18=$B$10,7,0)+IF('Standard Profiles'!$G$18=$B$17,14,0)+IF('Standard Profiles'!$G$18=$B$24,21,0),0)),0)</f>
        <v>8.934826868573067</v>
      </c>
      <c r="E869" cm="1">
        <f t="array" ref="E869">IFERROR(INDEX(Jesper!AI$2:AI$366,ROUNDDOWN($C869/24,0)+1,1)*INDEX($D$3:$AA$30,INDEX(Jesper!$R$2:$R$366,ROW(INDEX(Jesper!AI$2:AI$366,ROUNDDOWN($C869/24,0)+1,1))-1)+IF('Standard Profiles'!$G$19=$B$10,7,0)+IF('Standard Profiles'!$G$19=$B$17,14,0)+IF('Standard Profiles'!$G$19=$B$24,21,0),MOD($C869,24)+1)/SUM(INDEX($D$3:$AA$30,INDEX(Jesper!$R$2:$R$366,ROW(INDEX(Jesper!AI$2:AI$366,ROUNDDOWN($C869/24,0)+1,1))-1)+IF('Standard Profiles'!$G$19=$B$10,7,0)+IF('Standard Profiles'!$G$19=$B$17,14,0)+IF('Standard Profiles'!$G$19=$B$24,21,0),0)),0)</f>
        <v>2.1540336092487662</v>
      </c>
      <c r="F869" cm="1">
        <f t="array" ref="F869">IFERROR(INDEX(Jesper!AJ$2:AJ$366,ROUNDDOWN($C869/24,0)+1,1)*INDEX($D$3:$AA$30,INDEX(Jesper!$R$2:$R$366,ROW(INDEX(Jesper!AJ$2:AJ$366,ROUNDDOWN($C869/24,0)+1,1))-1)+IF('Standard Profiles'!$G$20=$B$10,7,0)+IF('Standard Profiles'!$G$20=$B$17,14,0)+IF('Standard Profiles'!$G$20=$B$24,21,0),MOD($C869,24)+1)/SUM(INDEX($D$3:$AA$30,INDEX(Jesper!$R$2:$R$366,ROW(INDEX(Jesper!AJ$2:AJ$366,ROUNDDOWN($C869/24,0)+1,1))-1)+IF('Standard Profiles'!$G$20=$B$10,7,0)+IF('Standard Profiles'!$G$20=$B$17,14,0)+IF('Standard Profiles'!$G$20=$B$24,21,0),0)),0)</f>
        <v>0</v>
      </c>
      <c r="G869" cm="1">
        <f t="array" ref="G869">IFERROR(INDEX(Jesper!AK$2:AK$366,ROUNDDOWN($C869/24,0)+1,1)*INDEX($D$3:$AA$30,INDEX(Jesper!$R$2:$R$366,ROW(INDEX(Jesper!AK$2:AK$366,ROUNDDOWN($C869/24,0)+1,1))-1)+IF('Standard Profiles'!$G$21=$B$10,7,0)+IF('Standard Profiles'!$G$21=$B$17,14,0)+IF('Standard Profiles'!$G$21=$B$24,21,0),MOD($C869,24)+1)/SUM(INDEX($D$3:$AA$30,INDEX(Jesper!$R$2:$R$366,ROW(INDEX(Jesper!AK$2:AK$366,ROUNDDOWN($C869/24,0)+1,1))-1)+IF('Standard Profiles'!$G$21=$B$10,7,0)+IF('Standard Profiles'!$G$21=$B$17,14,0)+IF('Standard Profiles'!$G$21=$B$24,21,0),0)),0)</f>
        <v>0</v>
      </c>
      <c r="H869" cm="1">
        <f t="array" ref="H869">IFERROR(INDEX(Jesper!AL$2:AL$366,ROUNDDOWN($C869/24,0)+1,1)*INDEX($D$3:$AA$30,INDEX(Jesper!$R$2:$R$366,ROW(INDEX(Jesper!AL$2:AL$366,ROUNDDOWN($C869/24,0)+1,1))-1)+IF('Standard Profiles'!$G$22=$B$10,7,0)+IF('Standard Profiles'!$G$22=$B$17,14,0)+IF('Standard Profiles'!$G$22=$B$24,21,0),MOD($C869,24)+1)/SUM(INDEX($D$3:$AA$30,INDEX(Jesper!$R$2:$R$366,ROW(INDEX(Jesper!AL$2:AL$366,ROUNDDOWN($C869/24,0)+1,1))-1)+IF('Standard Profiles'!$G$22=$B$10,7,0)+IF('Standard Profiles'!$G$22=$B$17,14,0)+IF('Standard Profiles'!$G$22=$B$24,21,0),0)),0)</f>
        <v>0</v>
      </c>
      <c r="I869">
        <f t="shared" si="111"/>
        <v>0.19405708191430332</v>
      </c>
      <c r="J869">
        <f t="shared" si="112"/>
        <v>0.64685693971434444</v>
      </c>
      <c r="K869">
        <f t="shared" si="113"/>
        <v>0.97028540957151665</v>
      </c>
      <c r="L869">
        <f t="shared" si="114"/>
        <v>9.2776610466216685</v>
      </c>
      <c r="M869">
        <f t="shared" si="115"/>
        <v>0</v>
      </c>
      <c r="N869" s="46">
        <f t="shared" si="116"/>
        <v>45326.791666664642</v>
      </c>
    </row>
    <row r="870" spans="2:14" x14ac:dyDescent="0.3">
      <c r="B870">
        <f t="shared" si="110"/>
        <v>7</v>
      </c>
      <c r="C870" s="16">
        <v>836</v>
      </c>
      <c r="D870" cm="1">
        <f t="array" ref="D870">IFERROR(INDEX(Jesper!AH$2:AH$366,ROUNDDOWN($C870/24,0)+1,1)*INDEX($D$3:$AA$30,INDEX(Jesper!$R$2:$R$366,ROW(INDEX(Jesper!AH$2:AH$366,ROUNDDOWN($C870/24,0)+1,1))-1)+IF('Standard Profiles'!$G$18=$B$10,7,0)+IF('Standard Profiles'!$G$18=$B$17,14,0)+IF('Standard Profiles'!$G$18=$B$24,21,0),MOD($C870,24)+1)/SUM(INDEX($D$3:$AA$30,INDEX(Jesper!$R$2:$R$366,ROW(INDEX(Jesper!AH$2:AH$366,ROUNDDOWN($C870/24,0)+1,1))-1)+IF('Standard Profiles'!$G$18=$B$10,7,0)+IF('Standard Profiles'!$G$18=$B$17,14,0)+IF('Standard Profiles'!$G$18=$B$24,21,0),0)),0)</f>
        <v>7.4859360250206768</v>
      </c>
      <c r="E870" cm="1">
        <f t="array" ref="E870">IFERROR(INDEX(Jesper!AI$2:AI$366,ROUNDDOWN($C870/24,0)+1,1)*INDEX($D$3:$AA$30,INDEX(Jesper!$R$2:$R$366,ROW(INDEX(Jesper!AI$2:AI$366,ROUNDDOWN($C870/24,0)+1,1))-1)+IF('Standard Profiles'!$G$19=$B$10,7,0)+IF('Standard Profiles'!$G$19=$B$17,14,0)+IF('Standard Profiles'!$G$19=$B$24,21,0),MOD($C870,24)+1)/SUM(INDEX($D$3:$AA$30,INDEX(Jesper!$R$2:$R$366,ROW(INDEX(Jesper!AI$2:AI$366,ROUNDDOWN($C870/24,0)+1,1))-1)+IF('Standard Profiles'!$G$19=$B$10,7,0)+IF('Standard Profiles'!$G$19=$B$17,14,0)+IF('Standard Profiles'!$G$19=$B$24,21,0),0)),0)</f>
        <v>1.8047308618030202</v>
      </c>
      <c r="F870" cm="1">
        <f t="array" ref="F870">IFERROR(INDEX(Jesper!AJ$2:AJ$366,ROUNDDOWN($C870/24,0)+1,1)*INDEX($D$3:$AA$30,INDEX(Jesper!$R$2:$R$366,ROW(INDEX(Jesper!AJ$2:AJ$366,ROUNDDOWN($C870/24,0)+1,1))-1)+IF('Standard Profiles'!$G$20=$B$10,7,0)+IF('Standard Profiles'!$G$20=$B$17,14,0)+IF('Standard Profiles'!$G$20=$B$24,21,0),MOD($C870,24)+1)/SUM(INDEX($D$3:$AA$30,INDEX(Jesper!$R$2:$R$366,ROW(INDEX(Jesper!AJ$2:AJ$366,ROUNDDOWN($C870/24,0)+1,1))-1)+IF('Standard Profiles'!$G$20=$B$10,7,0)+IF('Standard Profiles'!$G$20=$B$17,14,0)+IF('Standard Profiles'!$G$20=$B$24,21,0),0)),0)</f>
        <v>0</v>
      </c>
      <c r="G870" cm="1">
        <f t="array" ref="G870">IFERROR(INDEX(Jesper!AK$2:AK$366,ROUNDDOWN($C870/24,0)+1,1)*INDEX($D$3:$AA$30,INDEX(Jesper!$R$2:$R$366,ROW(INDEX(Jesper!AK$2:AK$366,ROUNDDOWN($C870/24,0)+1,1))-1)+IF('Standard Profiles'!$G$21=$B$10,7,0)+IF('Standard Profiles'!$G$21=$B$17,14,0)+IF('Standard Profiles'!$G$21=$B$24,21,0),MOD($C870,24)+1)/SUM(INDEX($D$3:$AA$30,INDEX(Jesper!$R$2:$R$366,ROW(INDEX(Jesper!AK$2:AK$366,ROUNDDOWN($C870/24,0)+1,1))-1)+IF('Standard Profiles'!$G$21=$B$10,7,0)+IF('Standard Profiles'!$G$21=$B$17,14,0)+IF('Standard Profiles'!$G$21=$B$24,21,0),0)),0)</f>
        <v>0</v>
      </c>
      <c r="H870" cm="1">
        <f t="array" ref="H870">IFERROR(INDEX(Jesper!AL$2:AL$366,ROUNDDOWN($C870/24,0)+1,1)*INDEX($D$3:$AA$30,INDEX(Jesper!$R$2:$R$366,ROW(INDEX(Jesper!AL$2:AL$366,ROUNDDOWN($C870/24,0)+1,1))-1)+IF('Standard Profiles'!$G$22=$B$10,7,0)+IF('Standard Profiles'!$G$22=$B$17,14,0)+IF('Standard Profiles'!$G$22=$B$24,21,0),MOD($C870,24)+1)/SUM(INDEX($D$3:$AA$30,INDEX(Jesper!$R$2:$R$366,ROW(INDEX(Jesper!AL$2:AL$366,ROUNDDOWN($C870/24,0)+1,1))-1)+IF('Standard Profiles'!$G$22=$B$10,7,0)+IF('Standard Profiles'!$G$22=$B$17,14,0)+IF('Standard Profiles'!$G$22=$B$24,21,0),0)),0)</f>
        <v>0</v>
      </c>
      <c r="I870">
        <f t="shared" si="111"/>
        <v>0.16258836592820006</v>
      </c>
      <c r="J870">
        <f t="shared" si="112"/>
        <v>0.54196121976066691</v>
      </c>
      <c r="K870">
        <f t="shared" si="113"/>
        <v>0.81294182964100037</v>
      </c>
      <c r="L870">
        <f t="shared" si="114"/>
        <v>7.7731754714938299</v>
      </c>
      <c r="M870">
        <f t="shared" si="115"/>
        <v>0</v>
      </c>
      <c r="N870" s="46">
        <f t="shared" si="116"/>
        <v>45326.833333331306</v>
      </c>
    </row>
    <row r="871" spans="2:14" x14ac:dyDescent="0.3">
      <c r="B871">
        <f t="shared" si="110"/>
        <v>7</v>
      </c>
      <c r="C871" s="16">
        <v>837</v>
      </c>
      <c r="D871" cm="1">
        <f t="array" ref="D871">IFERROR(INDEX(Jesper!AH$2:AH$366,ROUNDDOWN($C871/24,0)+1,1)*INDEX($D$3:$AA$30,INDEX(Jesper!$R$2:$R$366,ROW(INDEX(Jesper!AH$2:AH$366,ROUNDDOWN($C871/24,0)+1,1))-1)+IF('Standard Profiles'!$G$18=$B$10,7,0)+IF('Standard Profiles'!$G$18=$B$17,14,0)+IF('Standard Profiles'!$G$18=$B$24,21,0),MOD($C871,24)+1)/SUM(INDEX($D$3:$AA$30,INDEX(Jesper!$R$2:$R$366,ROW(INDEX(Jesper!AH$2:AH$366,ROUNDDOWN($C871/24,0)+1,1))-1)+IF('Standard Profiles'!$G$18=$B$10,7,0)+IF('Standard Profiles'!$G$18=$B$17,14,0)+IF('Standard Profiles'!$G$18=$B$24,21,0),0)),0)</f>
        <v>6.5200087959857509</v>
      </c>
      <c r="E871" cm="1">
        <f t="array" ref="E871">IFERROR(INDEX(Jesper!AI$2:AI$366,ROUNDDOWN($C871/24,0)+1,1)*INDEX($D$3:$AA$30,INDEX(Jesper!$R$2:$R$366,ROW(INDEX(Jesper!AI$2:AI$366,ROUNDDOWN($C871/24,0)+1,1))-1)+IF('Standard Profiles'!$G$19=$B$10,7,0)+IF('Standard Profiles'!$G$19=$B$17,14,0)+IF('Standard Profiles'!$G$19=$B$24,21,0),MOD($C871,24)+1)/SUM(INDEX($D$3:$AA$30,INDEX(Jesper!$R$2:$R$366,ROW(INDEX(Jesper!AI$2:AI$366,ROUNDDOWN($C871/24,0)+1,1))-1)+IF('Standard Profiles'!$G$19=$B$10,7,0)+IF('Standard Profiles'!$G$19=$B$17,14,0)+IF('Standard Profiles'!$G$19=$B$24,21,0),0)),0)</f>
        <v>1.5718623635058566</v>
      </c>
      <c r="F871" cm="1">
        <f t="array" ref="F871">IFERROR(INDEX(Jesper!AJ$2:AJ$366,ROUNDDOWN($C871/24,0)+1,1)*INDEX($D$3:$AA$30,INDEX(Jesper!$R$2:$R$366,ROW(INDEX(Jesper!AJ$2:AJ$366,ROUNDDOWN($C871/24,0)+1,1))-1)+IF('Standard Profiles'!$G$20=$B$10,7,0)+IF('Standard Profiles'!$G$20=$B$17,14,0)+IF('Standard Profiles'!$G$20=$B$24,21,0),MOD($C871,24)+1)/SUM(INDEX($D$3:$AA$30,INDEX(Jesper!$R$2:$R$366,ROW(INDEX(Jesper!AJ$2:AJ$366,ROUNDDOWN($C871/24,0)+1,1))-1)+IF('Standard Profiles'!$G$20=$B$10,7,0)+IF('Standard Profiles'!$G$20=$B$17,14,0)+IF('Standard Profiles'!$G$20=$B$24,21,0),0)),0)</f>
        <v>0</v>
      </c>
      <c r="G871" cm="1">
        <f t="array" ref="G871">IFERROR(INDEX(Jesper!AK$2:AK$366,ROUNDDOWN($C871/24,0)+1,1)*INDEX($D$3:$AA$30,INDEX(Jesper!$R$2:$R$366,ROW(INDEX(Jesper!AK$2:AK$366,ROUNDDOWN($C871/24,0)+1,1))-1)+IF('Standard Profiles'!$G$21=$B$10,7,0)+IF('Standard Profiles'!$G$21=$B$17,14,0)+IF('Standard Profiles'!$G$21=$B$24,21,0),MOD($C871,24)+1)/SUM(INDEX($D$3:$AA$30,INDEX(Jesper!$R$2:$R$366,ROW(INDEX(Jesper!AK$2:AK$366,ROUNDDOWN($C871/24,0)+1,1))-1)+IF('Standard Profiles'!$G$21=$B$10,7,0)+IF('Standard Profiles'!$G$21=$B$17,14,0)+IF('Standard Profiles'!$G$21=$B$24,21,0),0)),0)</f>
        <v>0</v>
      </c>
      <c r="H871" cm="1">
        <f t="array" ref="H871">IFERROR(INDEX(Jesper!AL$2:AL$366,ROUNDDOWN($C871/24,0)+1,1)*INDEX($D$3:$AA$30,INDEX(Jesper!$R$2:$R$366,ROW(INDEX(Jesper!AL$2:AL$366,ROUNDDOWN($C871/24,0)+1,1))-1)+IF('Standard Profiles'!$G$22=$B$10,7,0)+IF('Standard Profiles'!$G$22=$B$17,14,0)+IF('Standard Profiles'!$G$22=$B$24,21,0),MOD($C871,24)+1)/SUM(INDEX($D$3:$AA$30,INDEX(Jesper!$R$2:$R$366,ROW(INDEX(Jesper!AL$2:AL$366,ROUNDDOWN($C871/24,0)+1,1))-1)+IF('Standard Profiles'!$G$22=$B$10,7,0)+IF('Standard Profiles'!$G$22=$B$17,14,0)+IF('Standard Profiles'!$G$22=$B$24,21,0),0)),0)</f>
        <v>0</v>
      </c>
      <c r="I871">
        <f t="shared" si="111"/>
        <v>0.14160922193746459</v>
      </c>
      <c r="J871">
        <f t="shared" si="112"/>
        <v>0.47203073979154869</v>
      </c>
      <c r="K871">
        <f t="shared" si="113"/>
        <v>0.70804610968732307</v>
      </c>
      <c r="L871">
        <f t="shared" si="114"/>
        <v>6.7701850880752712</v>
      </c>
      <c r="M871">
        <f t="shared" si="115"/>
        <v>0</v>
      </c>
      <c r="N871" s="46">
        <f t="shared" si="116"/>
        <v>45326.87499999797</v>
      </c>
    </row>
    <row r="872" spans="2:14" x14ac:dyDescent="0.3">
      <c r="B872">
        <f t="shared" si="110"/>
        <v>7</v>
      </c>
      <c r="C872" s="16">
        <v>838</v>
      </c>
      <c r="D872" cm="1">
        <f t="array" ref="D872">IFERROR(INDEX(Jesper!AH$2:AH$366,ROUNDDOWN($C872/24,0)+1,1)*INDEX($D$3:$AA$30,INDEX(Jesper!$R$2:$R$366,ROW(INDEX(Jesper!AH$2:AH$366,ROUNDDOWN($C872/24,0)+1,1))-1)+IF('Standard Profiles'!$G$18=$B$10,7,0)+IF('Standard Profiles'!$G$18=$B$17,14,0)+IF('Standard Profiles'!$G$18=$B$24,21,0),MOD($C872,24)+1)/SUM(INDEX($D$3:$AA$30,INDEX(Jesper!$R$2:$R$366,ROW(INDEX(Jesper!AH$2:AH$366,ROUNDDOWN($C872/24,0)+1,1))-1)+IF('Standard Profiles'!$G$18=$B$10,7,0)+IF('Standard Profiles'!$G$18=$B$17,14,0)+IF('Standard Profiles'!$G$18=$B$24,21,0),0)),0)</f>
        <v>6.5200087959857509</v>
      </c>
      <c r="E872" cm="1">
        <f t="array" ref="E872">IFERROR(INDEX(Jesper!AI$2:AI$366,ROUNDDOWN($C872/24,0)+1,1)*INDEX($D$3:$AA$30,INDEX(Jesper!$R$2:$R$366,ROW(INDEX(Jesper!AI$2:AI$366,ROUNDDOWN($C872/24,0)+1,1))-1)+IF('Standard Profiles'!$G$19=$B$10,7,0)+IF('Standard Profiles'!$G$19=$B$17,14,0)+IF('Standard Profiles'!$G$19=$B$24,21,0),MOD($C872,24)+1)/SUM(INDEX($D$3:$AA$30,INDEX(Jesper!$R$2:$R$366,ROW(INDEX(Jesper!AI$2:AI$366,ROUNDDOWN($C872/24,0)+1,1))-1)+IF('Standard Profiles'!$G$19=$B$10,7,0)+IF('Standard Profiles'!$G$19=$B$17,14,0)+IF('Standard Profiles'!$G$19=$B$24,21,0),0)),0)</f>
        <v>1.5718623635058566</v>
      </c>
      <c r="F872" cm="1">
        <f t="array" ref="F872">IFERROR(INDEX(Jesper!AJ$2:AJ$366,ROUNDDOWN($C872/24,0)+1,1)*INDEX($D$3:$AA$30,INDEX(Jesper!$R$2:$R$366,ROW(INDEX(Jesper!AJ$2:AJ$366,ROUNDDOWN($C872/24,0)+1,1))-1)+IF('Standard Profiles'!$G$20=$B$10,7,0)+IF('Standard Profiles'!$G$20=$B$17,14,0)+IF('Standard Profiles'!$G$20=$B$24,21,0),MOD($C872,24)+1)/SUM(INDEX($D$3:$AA$30,INDEX(Jesper!$R$2:$R$366,ROW(INDEX(Jesper!AJ$2:AJ$366,ROUNDDOWN($C872/24,0)+1,1))-1)+IF('Standard Profiles'!$G$20=$B$10,7,0)+IF('Standard Profiles'!$G$20=$B$17,14,0)+IF('Standard Profiles'!$G$20=$B$24,21,0),0)),0)</f>
        <v>0</v>
      </c>
      <c r="G872" cm="1">
        <f t="array" ref="G872">IFERROR(INDEX(Jesper!AK$2:AK$366,ROUNDDOWN($C872/24,0)+1,1)*INDEX($D$3:$AA$30,INDEX(Jesper!$R$2:$R$366,ROW(INDEX(Jesper!AK$2:AK$366,ROUNDDOWN($C872/24,0)+1,1))-1)+IF('Standard Profiles'!$G$21=$B$10,7,0)+IF('Standard Profiles'!$G$21=$B$17,14,0)+IF('Standard Profiles'!$G$21=$B$24,21,0),MOD($C872,24)+1)/SUM(INDEX($D$3:$AA$30,INDEX(Jesper!$R$2:$R$366,ROW(INDEX(Jesper!AK$2:AK$366,ROUNDDOWN($C872/24,0)+1,1))-1)+IF('Standard Profiles'!$G$21=$B$10,7,0)+IF('Standard Profiles'!$G$21=$B$17,14,0)+IF('Standard Profiles'!$G$21=$B$24,21,0),0)),0)</f>
        <v>0</v>
      </c>
      <c r="H872" cm="1">
        <f t="array" ref="H872">IFERROR(INDEX(Jesper!AL$2:AL$366,ROUNDDOWN($C872/24,0)+1,1)*INDEX($D$3:$AA$30,INDEX(Jesper!$R$2:$R$366,ROW(INDEX(Jesper!AL$2:AL$366,ROUNDDOWN($C872/24,0)+1,1))-1)+IF('Standard Profiles'!$G$22=$B$10,7,0)+IF('Standard Profiles'!$G$22=$B$17,14,0)+IF('Standard Profiles'!$G$22=$B$24,21,0),MOD($C872,24)+1)/SUM(INDEX($D$3:$AA$30,INDEX(Jesper!$R$2:$R$366,ROW(INDEX(Jesper!AL$2:AL$366,ROUNDDOWN($C872/24,0)+1,1))-1)+IF('Standard Profiles'!$G$22=$B$10,7,0)+IF('Standard Profiles'!$G$22=$B$17,14,0)+IF('Standard Profiles'!$G$22=$B$24,21,0),0)),0)</f>
        <v>0</v>
      </c>
      <c r="I872">
        <f t="shared" si="111"/>
        <v>0.14160922193746459</v>
      </c>
      <c r="J872">
        <f t="shared" si="112"/>
        <v>0.47203073979154869</v>
      </c>
      <c r="K872">
        <f t="shared" si="113"/>
        <v>0.70804610968732307</v>
      </c>
      <c r="L872">
        <f t="shared" si="114"/>
        <v>6.7701850880752712</v>
      </c>
      <c r="M872">
        <f t="shared" si="115"/>
        <v>0</v>
      </c>
      <c r="N872" s="46">
        <f t="shared" si="116"/>
        <v>45326.916666664634</v>
      </c>
    </row>
    <row r="873" spans="2:14" x14ac:dyDescent="0.3">
      <c r="B873">
        <f t="shared" si="110"/>
        <v>7</v>
      </c>
      <c r="C873" s="16">
        <v>839</v>
      </c>
      <c r="D873" cm="1">
        <f t="array" ref="D873">IFERROR(INDEX(Jesper!AH$2:AH$366,ROUNDDOWN($C873/24,0)+1,1)*INDEX($D$3:$AA$30,INDEX(Jesper!$R$2:$R$366,ROW(INDEX(Jesper!AH$2:AH$366,ROUNDDOWN($C873/24,0)+1,1))-1)+IF('Standard Profiles'!$G$18=$B$10,7,0)+IF('Standard Profiles'!$G$18=$B$17,14,0)+IF('Standard Profiles'!$G$18=$B$24,21,0),MOD($C873,24)+1)/SUM(INDEX($D$3:$AA$30,INDEX(Jesper!$R$2:$R$366,ROW(INDEX(Jesper!AH$2:AH$366,ROUNDDOWN($C873/24,0)+1,1))-1)+IF('Standard Profiles'!$G$18=$B$10,7,0)+IF('Standard Profiles'!$G$18=$B$17,14,0)+IF('Standard Profiles'!$G$18=$B$24,21,0),0)),0)</f>
        <v>6.5200087959857509</v>
      </c>
      <c r="E873" cm="1">
        <f t="array" ref="E873">IFERROR(INDEX(Jesper!AI$2:AI$366,ROUNDDOWN($C873/24,0)+1,1)*INDEX($D$3:$AA$30,INDEX(Jesper!$R$2:$R$366,ROW(INDEX(Jesper!AI$2:AI$366,ROUNDDOWN($C873/24,0)+1,1))-1)+IF('Standard Profiles'!$G$19=$B$10,7,0)+IF('Standard Profiles'!$G$19=$B$17,14,0)+IF('Standard Profiles'!$G$19=$B$24,21,0),MOD($C873,24)+1)/SUM(INDEX($D$3:$AA$30,INDEX(Jesper!$R$2:$R$366,ROW(INDEX(Jesper!AI$2:AI$366,ROUNDDOWN($C873/24,0)+1,1))-1)+IF('Standard Profiles'!$G$19=$B$10,7,0)+IF('Standard Profiles'!$G$19=$B$17,14,0)+IF('Standard Profiles'!$G$19=$B$24,21,0),0)),0)</f>
        <v>1.5718623635058566</v>
      </c>
      <c r="F873" cm="1">
        <f t="array" ref="F873">IFERROR(INDEX(Jesper!AJ$2:AJ$366,ROUNDDOWN($C873/24,0)+1,1)*INDEX($D$3:$AA$30,INDEX(Jesper!$R$2:$R$366,ROW(INDEX(Jesper!AJ$2:AJ$366,ROUNDDOWN($C873/24,0)+1,1))-1)+IF('Standard Profiles'!$G$20=$B$10,7,0)+IF('Standard Profiles'!$G$20=$B$17,14,0)+IF('Standard Profiles'!$G$20=$B$24,21,0),MOD($C873,24)+1)/SUM(INDEX($D$3:$AA$30,INDEX(Jesper!$R$2:$R$366,ROW(INDEX(Jesper!AJ$2:AJ$366,ROUNDDOWN($C873/24,0)+1,1))-1)+IF('Standard Profiles'!$G$20=$B$10,7,0)+IF('Standard Profiles'!$G$20=$B$17,14,0)+IF('Standard Profiles'!$G$20=$B$24,21,0),0)),0)</f>
        <v>0</v>
      </c>
      <c r="G873" cm="1">
        <f t="array" ref="G873">IFERROR(INDEX(Jesper!AK$2:AK$366,ROUNDDOWN($C873/24,0)+1,1)*INDEX($D$3:$AA$30,INDEX(Jesper!$R$2:$R$366,ROW(INDEX(Jesper!AK$2:AK$366,ROUNDDOWN($C873/24,0)+1,1))-1)+IF('Standard Profiles'!$G$21=$B$10,7,0)+IF('Standard Profiles'!$G$21=$B$17,14,0)+IF('Standard Profiles'!$G$21=$B$24,21,0),MOD($C873,24)+1)/SUM(INDEX($D$3:$AA$30,INDEX(Jesper!$R$2:$R$366,ROW(INDEX(Jesper!AK$2:AK$366,ROUNDDOWN($C873/24,0)+1,1))-1)+IF('Standard Profiles'!$G$21=$B$10,7,0)+IF('Standard Profiles'!$G$21=$B$17,14,0)+IF('Standard Profiles'!$G$21=$B$24,21,0),0)),0)</f>
        <v>0</v>
      </c>
      <c r="H873" cm="1">
        <f t="array" ref="H873">IFERROR(INDEX(Jesper!AL$2:AL$366,ROUNDDOWN($C873/24,0)+1,1)*INDEX($D$3:$AA$30,INDEX(Jesper!$R$2:$R$366,ROW(INDEX(Jesper!AL$2:AL$366,ROUNDDOWN($C873/24,0)+1,1))-1)+IF('Standard Profiles'!$G$22=$B$10,7,0)+IF('Standard Profiles'!$G$22=$B$17,14,0)+IF('Standard Profiles'!$G$22=$B$24,21,0),MOD($C873,24)+1)/SUM(INDEX($D$3:$AA$30,INDEX(Jesper!$R$2:$R$366,ROW(INDEX(Jesper!AL$2:AL$366,ROUNDDOWN($C873/24,0)+1,1))-1)+IF('Standard Profiles'!$G$22=$B$10,7,0)+IF('Standard Profiles'!$G$22=$B$17,14,0)+IF('Standard Profiles'!$G$22=$B$24,21,0),0)),0)</f>
        <v>0</v>
      </c>
      <c r="I873">
        <f t="shared" si="111"/>
        <v>0.14160922193746459</v>
      </c>
      <c r="J873">
        <f t="shared" si="112"/>
        <v>0.47203073979154869</v>
      </c>
      <c r="K873">
        <f t="shared" si="113"/>
        <v>0.70804610968732307</v>
      </c>
      <c r="L873">
        <f t="shared" si="114"/>
        <v>6.7701850880752712</v>
      </c>
      <c r="M873">
        <f t="shared" si="115"/>
        <v>0</v>
      </c>
      <c r="N873" s="46">
        <f t="shared" si="116"/>
        <v>45326.958333331298</v>
      </c>
    </row>
    <row r="874" spans="2:14" x14ac:dyDescent="0.3">
      <c r="B874">
        <f t="shared" si="110"/>
        <v>1</v>
      </c>
      <c r="C874" s="16">
        <v>840</v>
      </c>
      <c r="D874" cm="1">
        <f t="array" ref="D874">IFERROR(INDEX(Jesper!AH$2:AH$366,ROUNDDOWN($C874/24,0)+1,1)*INDEX($D$3:$AA$30,INDEX(Jesper!$R$2:$R$366,ROW(INDEX(Jesper!AH$2:AH$366,ROUNDDOWN($C874/24,0)+1,1))-1)+IF('Standard Profiles'!$G$18=$B$10,7,0)+IF('Standard Profiles'!$G$18=$B$17,14,0)+IF('Standard Profiles'!$G$18=$B$24,21,0),MOD($C874,24)+1)/SUM(INDEX($D$3:$AA$30,INDEX(Jesper!$R$2:$R$366,ROW(INDEX(Jesper!AH$2:AH$366,ROUNDDOWN($C874/24,0)+1,1))-1)+IF('Standard Profiles'!$G$18=$B$10,7,0)+IF('Standard Profiles'!$G$18=$B$17,14,0)+IF('Standard Profiles'!$G$18=$B$24,21,0),0)),0)</f>
        <v>2.6016453448514429</v>
      </c>
      <c r="E874" cm="1">
        <f t="array" ref="E874">IFERROR(INDEX(Jesper!AI$2:AI$366,ROUNDDOWN($C874/24,0)+1,1)*INDEX($D$3:$AA$30,INDEX(Jesper!$R$2:$R$366,ROW(INDEX(Jesper!AI$2:AI$366,ROUNDDOWN($C874/24,0)+1,1))-1)+IF('Standard Profiles'!$G$19=$B$10,7,0)+IF('Standard Profiles'!$G$19=$B$17,14,0)+IF('Standard Profiles'!$G$19=$B$24,21,0),MOD($C874,24)+1)/SUM(INDEX($D$3:$AA$30,INDEX(Jesper!$R$2:$R$366,ROW(INDEX(Jesper!AI$2:AI$366,ROUNDDOWN($C874/24,0)+1,1))-1)+IF('Standard Profiles'!$G$19=$B$10,7,0)+IF('Standard Profiles'!$G$19=$B$17,14,0)+IF('Standard Profiles'!$G$19=$B$24,21,0),0)),0)</f>
        <v>0</v>
      </c>
      <c r="F874" cm="1">
        <f t="array" ref="F874">IFERROR(INDEX(Jesper!AJ$2:AJ$366,ROUNDDOWN($C874/24,0)+1,1)*INDEX($D$3:$AA$30,INDEX(Jesper!$R$2:$R$366,ROW(INDEX(Jesper!AJ$2:AJ$366,ROUNDDOWN($C874/24,0)+1,1))-1)+IF('Standard Profiles'!$G$20=$B$10,7,0)+IF('Standard Profiles'!$G$20=$B$17,14,0)+IF('Standard Profiles'!$G$20=$B$24,21,0),MOD($C874,24)+1)/SUM(INDEX($D$3:$AA$30,INDEX(Jesper!$R$2:$R$366,ROW(INDEX(Jesper!AJ$2:AJ$366,ROUNDDOWN($C874/24,0)+1,1))-1)+IF('Standard Profiles'!$G$20=$B$10,7,0)+IF('Standard Profiles'!$G$20=$B$17,14,0)+IF('Standard Profiles'!$G$20=$B$24,21,0),0)),0)</f>
        <v>0</v>
      </c>
      <c r="G874" cm="1">
        <f t="array" ref="G874">IFERROR(INDEX(Jesper!AK$2:AK$366,ROUNDDOWN($C874/24,0)+1,1)*INDEX($D$3:$AA$30,INDEX(Jesper!$R$2:$R$366,ROW(INDEX(Jesper!AK$2:AK$366,ROUNDDOWN($C874/24,0)+1,1))-1)+IF('Standard Profiles'!$G$21=$B$10,7,0)+IF('Standard Profiles'!$G$21=$B$17,14,0)+IF('Standard Profiles'!$G$21=$B$24,21,0),MOD($C874,24)+1)/SUM(INDEX($D$3:$AA$30,INDEX(Jesper!$R$2:$R$366,ROW(INDEX(Jesper!AK$2:AK$366,ROUNDDOWN($C874/24,0)+1,1))-1)+IF('Standard Profiles'!$G$21=$B$10,7,0)+IF('Standard Profiles'!$G$21=$B$17,14,0)+IF('Standard Profiles'!$G$21=$B$24,21,0),0)),0)</f>
        <v>0</v>
      </c>
      <c r="H874" cm="1">
        <f t="array" ref="H874">IFERROR(INDEX(Jesper!AL$2:AL$366,ROUNDDOWN($C874/24,0)+1,1)*INDEX($D$3:$AA$30,INDEX(Jesper!$R$2:$R$366,ROW(INDEX(Jesper!AL$2:AL$366,ROUNDDOWN($C874/24,0)+1,1))-1)+IF('Standard Profiles'!$G$22=$B$10,7,0)+IF('Standard Profiles'!$G$22=$B$17,14,0)+IF('Standard Profiles'!$G$22=$B$24,21,0),MOD($C874,24)+1)/SUM(INDEX($D$3:$AA$30,INDEX(Jesper!$R$2:$R$366,ROW(INDEX(Jesper!AL$2:AL$366,ROUNDDOWN($C874/24,0)+1,1))-1)+IF('Standard Profiles'!$G$22=$B$10,7,0)+IF('Standard Profiles'!$G$22=$B$17,14,0)+IF('Standard Profiles'!$G$22=$B$24,21,0),0)),0)</f>
        <v>0</v>
      </c>
      <c r="I874">
        <f t="shared" si="111"/>
        <v>7.8049360345543287E-2</v>
      </c>
      <c r="J874">
        <f t="shared" si="112"/>
        <v>0.26016453448514432</v>
      </c>
      <c r="K874">
        <f t="shared" si="113"/>
        <v>0.39024680172771642</v>
      </c>
      <c r="L874">
        <f t="shared" si="114"/>
        <v>1.8731846482930388</v>
      </c>
      <c r="M874">
        <f t="shared" si="115"/>
        <v>0</v>
      </c>
      <c r="N874" s="46">
        <f t="shared" si="116"/>
        <v>45326.999999997963</v>
      </c>
    </row>
    <row r="875" spans="2:14" x14ac:dyDescent="0.3">
      <c r="B875">
        <f t="shared" si="110"/>
        <v>1</v>
      </c>
      <c r="C875" s="16">
        <v>841</v>
      </c>
      <c r="D875" cm="1">
        <f t="array" ref="D875">IFERROR(INDEX(Jesper!AH$2:AH$366,ROUNDDOWN($C875/24,0)+1,1)*INDEX($D$3:$AA$30,INDEX(Jesper!$R$2:$R$366,ROW(INDEX(Jesper!AH$2:AH$366,ROUNDDOWN($C875/24,0)+1,1))-1)+IF('Standard Profiles'!$G$18=$B$10,7,0)+IF('Standard Profiles'!$G$18=$B$17,14,0)+IF('Standard Profiles'!$G$18=$B$24,21,0),MOD($C875,24)+1)/SUM(INDEX($D$3:$AA$30,INDEX(Jesper!$R$2:$R$366,ROW(INDEX(Jesper!AH$2:AH$366,ROUNDDOWN($C875/24,0)+1,1))-1)+IF('Standard Profiles'!$G$18=$B$10,7,0)+IF('Standard Profiles'!$G$18=$B$17,14,0)+IF('Standard Profiles'!$G$18=$B$24,21,0),0)),0)</f>
        <v>2.6016453448514429</v>
      </c>
      <c r="E875" cm="1">
        <f t="array" ref="E875">IFERROR(INDEX(Jesper!AI$2:AI$366,ROUNDDOWN($C875/24,0)+1,1)*INDEX($D$3:$AA$30,INDEX(Jesper!$R$2:$R$366,ROW(INDEX(Jesper!AI$2:AI$366,ROUNDDOWN($C875/24,0)+1,1))-1)+IF('Standard Profiles'!$G$19=$B$10,7,0)+IF('Standard Profiles'!$G$19=$B$17,14,0)+IF('Standard Profiles'!$G$19=$B$24,21,0),MOD($C875,24)+1)/SUM(INDEX($D$3:$AA$30,INDEX(Jesper!$R$2:$R$366,ROW(INDEX(Jesper!AI$2:AI$366,ROUNDDOWN($C875/24,0)+1,1))-1)+IF('Standard Profiles'!$G$19=$B$10,7,0)+IF('Standard Profiles'!$G$19=$B$17,14,0)+IF('Standard Profiles'!$G$19=$B$24,21,0),0)),0)</f>
        <v>0</v>
      </c>
      <c r="F875" cm="1">
        <f t="array" ref="F875">IFERROR(INDEX(Jesper!AJ$2:AJ$366,ROUNDDOWN($C875/24,0)+1,1)*INDEX($D$3:$AA$30,INDEX(Jesper!$R$2:$R$366,ROW(INDEX(Jesper!AJ$2:AJ$366,ROUNDDOWN($C875/24,0)+1,1))-1)+IF('Standard Profiles'!$G$20=$B$10,7,0)+IF('Standard Profiles'!$G$20=$B$17,14,0)+IF('Standard Profiles'!$G$20=$B$24,21,0),MOD($C875,24)+1)/SUM(INDEX($D$3:$AA$30,INDEX(Jesper!$R$2:$R$366,ROW(INDEX(Jesper!AJ$2:AJ$366,ROUNDDOWN($C875/24,0)+1,1))-1)+IF('Standard Profiles'!$G$20=$B$10,7,0)+IF('Standard Profiles'!$G$20=$B$17,14,0)+IF('Standard Profiles'!$G$20=$B$24,21,0),0)),0)</f>
        <v>0</v>
      </c>
      <c r="G875" cm="1">
        <f t="array" ref="G875">IFERROR(INDEX(Jesper!AK$2:AK$366,ROUNDDOWN($C875/24,0)+1,1)*INDEX($D$3:$AA$30,INDEX(Jesper!$R$2:$R$366,ROW(INDEX(Jesper!AK$2:AK$366,ROUNDDOWN($C875/24,0)+1,1))-1)+IF('Standard Profiles'!$G$21=$B$10,7,0)+IF('Standard Profiles'!$G$21=$B$17,14,0)+IF('Standard Profiles'!$G$21=$B$24,21,0),MOD($C875,24)+1)/SUM(INDEX($D$3:$AA$30,INDEX(Jesper!$R$2:$R$366,ROW(INDEX(Jesper!AK$2:AK$366,ROUNDDOWN($C875/24,0)+1,1))-1)+IF('Standard Profiles'!$G$21=$B$10,7,0)+IF('Standard Profiles'!$G$21=$B$17,14,0)+IF('Standard Profiles'!$G$21=$B$24,21,0),0)),0)</f>
        <v>0</v>
      </c>
      <c r="H875" cm="1">
        <f t="array" ref="H875">IFERROR(INDEX(Jesper!AL$2:AL$366,ROUNDDOWN($C875/24,0)+1,1)*INDEX($D$3:$AA$30,INDEX(Jesper!$R$2:$R$366,ROW(INDEX(Jesper!AL$2:AL$366,ROUNDDOWN($C875/24,0)+1,1))-1)+IF('Standard Profiles'!$G$22=$B$10,7,0)+IF('Standard Profiles'!$G$22=$B$17,14,0)+IF('Standard Profiles'!$G$22=$B$24,21,0),MOD($C875,24)+1)/SUM(INDEX($D$3:$AA$30,INDEX(Jesper!$R$2:$R$366,ROW(INDEX(Jesper!AL$2:AL$366,ROUNDDOWN($C875/24,0)+1,1))-1)+IF('Standard Profiles'!$G$22=$B$10,7,0)+IF('Standard Profiles'!$G$22=$B$17,14,0)+IF('Standard Profiles'!$G$22=$B$24,21,0),0)),0)</f>
        <v>0</v>
      </c>
      <c r="I875">
        <f t="shared" si="111"/>
        <v>7.8049360345543287E-2</v>
      </c>
      <c r="J875">
        <f t="shared" si="112"/>
        <v>0.26016453448514432</v>
      </c>
      <c r="K875">
        <f t="shared" si="113"/>
        <v>0.39024680172771642</v>
      </c>
      <c r="L875">
        <f t="shared" si="114"/>
        <v>1.8731846482930388</v>
      </c>
      <c r="M875">
        <f t="shared" si="115"/>
        <v>0</v>
      </c>
      <c r="N875" s="46">
        <f t="shared" si="116"/>
        <v>45327.041666664627</v>
      </c>
    </row>
    <row r="876" spans="2:14" x14ac:dyDescent="0.3">
      <c r="B876">
        <f t="shared" si="110"/>
        <v>1</v>
      </c>
      <c r="C876" s="16">
        <v>842</v>
      </c>
      <c r="D876" cm="1">
        <f t="array" ref="D876">IFERROR(INDEX(Jesper!AH$2:AH$366,ROUNDDOWN($C876/24,0)+1,1)*INDEX($D$3:$AA$30,INDEX(Jesper!$R$2:$R$366,ROW(INDEX(Jesper!AH$2:AH$366,ROUNDDOWN($C876/24,0)+1,1))-1)+IF('Standard Profiles'!$G$18=$B$10,7,0)+IF('Standard Profiles'!$G$18=$B$17,14,0)+IF('Standard Profiles'!$G$18=$B$24,21,0),MOD($C876,24)+1)/SUM(INDEX($D$3:$AA$30,INDEX(Jesper!$R$2:$R$366,ROW(INDEX(Jesper!AH$2:AH$366,ROUNDDOWN($C876/24,0)+1,1))-1)+IF('Standard Profiles'!$G$18=$B$10,7,0)+IF('Standard Profiles'!$G$18=$B$17,14,0)+IF('Standard Profiles'!$G$18=$B$24,21,0),0)),0)</f>
        <v>2.6016453448514429</v>
      </c>
      <c r="E876" cm="1">
        <f t="array" ref="E876">IFERROR(INDEX(Jesper!AI$2:AI$366,ROUNDDOWN($C876/24,0)+1,1)*INDEX($D$3:$AA$30,INDEX(Jesper!$R$2:$R$366,ROW(INDEX(Jesper!AI$2:AI$366,ROUNDDOWN($C876/24,0)+1,1))-1)+IF('Standard Profiles'!$G$19=$B$10,7,0)+IF('Standard Profiles'!$G$19=$B$17,14,0)+IF('Standard Profiles'!$G$19=$B$24,21,0),MOD($C876,24)+1)/SUM(INDEX($D$3:$AA$30,INDEX(Jesper!$R$2:$R$366,ROW(INDEX(Jesper!AI$2:AI$366,ROUNDDOWN($C876/24,0)+1,1))-1)+IF('Standard Profiles'!$G$19=$B$10,7,0)+IF('Standard Profiles'!$G$19=$B$17,14,0)+IF('Standard Profiles'!$G$19=$B$24,21,0),0)),0)</f>
        <v>0</v>
      </c>
      <c r="F876" cm="1">
        <f t="array" ref="F876">IFERROR(INDEX(Jesper!AJ$2:AJ$366,ROUNDDOWN($C876/24,0)+1,1)*INDEX($D$3:$AA$30,INDEX(Jesper!$R$2:$R$366,ROW(INDEX(Jesper!AJ$2:AJ$366,ROUNDDOWN($C876/24,0)+1,1))-1)+IF('Standard Profiles'!$G$20=$B$10,7,0)+IF('Standard Profiles'!$G$20=$B$17,14,0)+IF('Standard Profiles'!$G$20=$B$24,21,0),MOD($C876,24)+1)/SUM(INDEX($D$3:$AA$30,INDEX(Jesper!$R$2:$R$366,ROW(INDEX(Jesper!AJ$2:AJ$366,ROUNDDOWN($C876/24,0)+1,1))-1)+IF('Standard Profiles'!$G$20=$B$10,7,0)+IF('Standard Profiles'!$G$20=$B$17,14,0)+IF('Standard Profiles'!$G$20=$B$24,21,0),0)),0)</f>
        <v>0</v>
      </c>
      <c r="G876" cm="1">
        <f t="array" ref="G876">IFERROR(INDEX(Jesper!AK$2:AK$366,ROUNDDOWN($C876/24,0)+1,1)*INDEX($D$3:$AA$30,INDEX(Jesper!$R$2:$R$366,ROW(INDEX(Jesper!AK$2:AK$366,ROUNDDOWN($C876/24,0)+1,1))-1)+IF('Standard Profiles'!$G$21=$B$10,7,0)+IF('Standard Profiles'!$G$21=$B$17,14,0)+IF('Standard Profiles'!$G$21=$B$24,21,0),MOD($C876,24)+1)/SUM(INDEX($D$3:$AA$30,INDEX(Jesper!$R$2:$R$366,ROW(INDEX(Jesper!AK$2:AK$366,ROUNDDOWN($C876/24,0)+1,1))-1)+IF('Standard Profiles'!$G$21=$B$10,7,0)+IF('Standard Profiles'!$G$21=$B$17,14,0)+IF('Standard Profiles'!$G$21=$B$24,21,0),0)),0)</f>
        <v>0</v>
      </c>
      <c r="H876" cm="1">
        <f t="array" ref="H876">IFERROR(INDEX(Jesper!AL$2:AL$366,ROUNDDOWN($C876/24,0)+1,1)*INDEX($D$3:$AA$30,INDEX(Jesper!$R$2:$R$366,ROW(INDEX(Jesper!AL$2:AL$366,ROUNDDOWN($C876/24,0)+1,1))-1)+IF('Standard Profiles'!$G$22=$B$10,7,0)+IF('Standard Profiles'!$G$22=$B$17,14,0)+IF('Standard Profiles'!$G$22=$B$24,21,0),MOD($C876,24)+1)/SUM(INDEX($D$3:$AA$30,INDEX(Jesper!$R$2:$R$366,ROW(INDEX(Jesper!AL$2:AL$366,ROUNDDOWN($C876/24,0)+1,1))-1)+IF('Standard Profiles'!$G$22=$B$10,7,0)+IF('Standard Profiles'!$G$22=$B$17,14,0)+IF('Standard Profiles'!$G$22=$B$24,21,0),0)),0)</f>
        <v>0</v>
      </c>
      <c r="I876">
        <f t="shared" si="111"/>
        <v>7.8049360345543287E-2</v>
      </c>
      <c r="J876">
        <f t="shared" si="112"/>
        <v>0.26016453448514432</v>
      </c>
      <c r="K876">
        <f t="shared" si="113"/>
        <v>0.39024680172771642</v>
      </c>
      <c r="L876">
        <f t="shared" si="114"/>
        <v>1.8731846482930388</v>
      </c>
      <c r="M876">
        <f t="shared" si="115"/>
        <v>0</v>
      </c>
      <c r="N876" s="46">
        <f t="shared" si="116"/>
        <v>45327.083333331291</v>
      </c>
    </row>
    <row r="877" spans="2:14" x14ac:dyDescent="0.3">
      <c r="B877">
        <f t="shared" si="110"/>
        <v>1</v>
      </c>
      <c r="C877" s="16">
        <v>843</v>
      </c>
      <c r="D877" cm="1">
        <f t="array" ref="D877">IFERROR(INDEX(Jesper!AH$2:AH$366,ROUNDDOWN($C877/24,0)+1,1)*INDEX($D$3:$AA$30,INDEX(Jesper!$R$2:$R$366,ROW(INDEX(Jesper!AH$2:AH$366,ROUNDDOWN($C877/24,0)+1,1))-1)+IF('Standard Profiles'!$G$18=$B$10,7,0)+IF('Standard Profiles'!$G$18=$B$17,14,0)+IF('Standard Profiles'!$G$18=$B$24,21,0),MOD($C877,24)+1)/SUM(INDEX($D$3:$AA$30,INDEX(Jesper!$R$2:$R$366,ROW(INDEX(Jesper!AH$2:AH$366,ROUNDDOWN($C877/24,0)+1,1))-1)+IF('Standard Profiles'!$G$18=$B$10,7,0)+IF('Standard Profiles'!$G$18=$B$17,14,0)+IF('Standard Profiles'!$G$18=$B$24,21,0),0)),0)</f>
        <v>2.6016453448514429</v>
      </c>
      <c r="E877" cm="1">
        <f t="array" ref="E877">IFERROR(INDEX(Jesper!AI$2:AI$366,ROUNDDOWN($C877/24,0)+1,1)*INDEX($D$3:$AA$30,INDEX(Jesper!$R$2:$R$366,ROW(INDEX(Jesper!AI$2:AI$366,ROUNDDOWN($C877/24,0)+1,1))-1)+IF('Standard Profiles'!$G$19=$B$10,7,0)+IF('Standard Profiles'!$G$19=$B$17,14,0)+IF('Standard Profiles'!$G$19=$B$24,21,0),MOD($C877,24)+1)/SUM(INDEX($D$3:$AA$30,INDEX(Jesper!$R$2:$R$366,ROW(INDEX(Jesper!AI$2:AI$366,ROUNDDOWN($C877/24,0)+1,1))-1)+IF('Standard Profiles'!$G$19=$B$10,7,0)+IF('Standard Profiles'!$G$19=$B$17,14,0)+IF('Standard Profiles'!$G$19=$B$24,21,0),0)),0)</f>
        <v>0</v>
      </c>
      <c r="F877" cm="1">
        <f t="array" ref="F877">IFERROR(INDEX(Jesper!AJ$2:AJ$366,ROUNDDOWN($C877/24,0)+1,1)*INDEX($D$3:$AA$30,INDEX(Jesper!$R$2:$R$366,ROW(INDEX(Jesper!AJ$2:AJ$366,ROUNDDOWN($C877/24,0)+1,1))-1)+IF('Standard Profiles'!$G$20=$B$10,7,0)+IF('Standard Profiles'!$G$20=$B$17,14,0)+IF('Standard Profiles'!$G$20=$B$24,21,0),MOD($C877,24)+1)/SUM(INDEX($D$3:$AA$30,INDEX(Jesper!$R$2:$R$366,ROW(INDEX(Jesper!AJ$2:AJ$366,ROUNDDOWN($C877/24,0)+1,1))-1)+IF('Standard Profiles'!$G$20=$B$10,7,0)+IF('Standard Profiles'!$G$20=$B$17,14,0)+IF('Standard Profiles'!$G$20=$B$24,21,0),0)),0)</f>
        <v>0</v>
      </c>
      <c r="G877" cm="1">
        <f t="array" ref="G877">IFERROR(INDEX(Jesper!AK$2:AK$366,ROUNDDOWN($C877/24,0)+1,1)*INDEX($D$3:$AA$30,INDEX(Jesper!$R$2:$R$366,ROW(INDEX(Jesper!AK$2:AK$366,ROUNDDOWN($C877/24,0)+1,1))-1)+IF('Standard Profiles'!$G$21=$B$10,7,0)+IF('Standard Profiles'!$G$21=$B$17,14,0)+IF('Standard Profiles'!$G$21=$B$24,21,0),MOD($C877,24)+1)/SUM(INDEX($D$3:$AA$30,INDEX(Jesper!$R$2:$R$366,ROW(INDEX(Jesper!AK$2:AK$366,ROUNDDOWN($C877/24,0)+1,1))-1)+IF('Standard Profiles'!$G$21=$B$10,7,0)+IF('Standard Profiles'!$G$21=$B$17,14,0)+IF('Standard Profiles'!$G$21=$B$24,21,0),0)),0)</f>
        <v>0</v>
      </c>
      <c r="H877" cm="1">
        <f t="array" ref="H877">IFERROR(INDEX(Jesper!AL$2:AL$366,ROUNDDOWN($C877/24,0)+1,1)*INDEX($D$3:$AA$30,INDEX(Jesper!$R$2:$R$366,ROW(INDEX(Jesper!AL$2:AL$366,ROUNDDOWN($C877/24,0)+1,1))-1)+IF('Standard Profiles'!$G$22=$B$10,7,0)+IF('Standard Profiles'!$G$22=$B$17,14,0)+IF('Standard Profiles'!$G$22=$B$24,21,0),MOD($C877,24)+1)/SUM(INDEX($D$3:$AA$30,INDEX(Jesper!$R$2:$R$366,ROW(INDEX(Jesper!AL$2:AL$366,ROUNDDOWN($C877/24,0)+1,1))-1)+IF('Standard Profiles'!$G$22=$B$10,7,0)+IF('Standard Profiles'!$G$22=$B$17,14,0)+IF('Standard Profiles'!$G$22=$B$24,21,0),0)),0)</f>
        <v>0</v>
      </c>
      <c r="I877">
        <f t="shared" si="111"/>
        <v>7.8049360345543287E-2</v>
      </c>
      <c r="J877">
        <f t="shared" si="112"/>
        <v>0.26016453448514432</v>
      </c>
      <c r="K877">
        <f t="shared" si="113"/>
        <v>0.39024680172771642</v>
      </c>
      <c r="L877">
        <f t="shared" si="114"/>
        <v>1.8731846482930388</v>
      </c>
      <c r="M877">
        <f t="shared" si="115"/>
        <v>0</v>
      </c>
      <c r="N877" s="46">
        <f t="shared" si="116"/>
        <v>45327.124999997955</v>
      </c>
    </row>
    <row r="878" spans="2:14" x14ac:dyDescent="0.3">
      <c r="B878">
        <f t="shared" si="110"/>
        <v>1</v>
      </c>
      <c r="C878" s="16">
        <v>844</v>
      </c>
      <c r="D878" cm="1">
        <f t="array" ref="D878">IFERROR(INDEX(Jesper!AH$2:AH$366,ROUNDDOWN($C878/24,0)+1,1)*INDEX($D$3:$AA$30,INDEX(Jesper!$R$2:$R$366,ROW(INDEX(Jesper!AH$2:AH$366,ROUNDDOWN($C878/24,0)+1,1))-1)+IF('Standard Profiles'!$G$18=$B$10,7,0)+IF('Standard Profiles'!$G$18=$B$17,14,0)+IF('Standard Profiles'!$G$18=$B$24,21,0),MOD($C878,24)+1)/SUM(INDEX($D$3:$AA$30,INDEX(Jesper!$R$2:$R$366,ROW(INDEX(Jesper!AH$2:AH$366,ROUNDDOWN($C878/24,0)+1,1))-1)+IF('Standard Profiles'!$G$18=$B$10,7,0)+IF('Standard Profiles'!$G$18=$B$17,14,0)+IF('Standard Profiles'!$G$18=$B$24,21,0),0)),0)</f>
        <v>2.6016453448514429</v>
      </c>
      <c r="E878" cm="1">
        <f t="array" ref="E878">IFERROR(INDEX(Jesper!AI$2:AI$366,ROUNDDOWN($C878/24,0)+1,1)*INDEX($D$3:$AA$30,INDEX(Jesper!$R$2:$R$366,ROW(INDEX(Jesper!AI$2:AI$366,ROUNDDOWN($C878/24,0)+1,1))-1)+IF('Standard Profiles'!$G$19=$B$10,7,0)+IF('Standard Profiles'!$G$19=$B$17,14,0)+IF('Standard Profiles'!$G$19=$B$24,21,0),MOD($C878,24)+1)/SUM(INDEX($D$3:$AA$30,INDEX(Jesper!$R$2:$R$366,ROW(INDEX(Jesper!AI$2:AI$366,ROUNDDOWN($C878/24,0)+1,1))-1)+IF('Standard Profiles'!$G$19=$B$10,7,0)+IF('Standard Profiles'!$G$19=$B$17,14,0)+IF('Standard Profiles'!$G$19=$B$24,21,0),0)),0)</f>
        <v>0</v>
      </c>
      <c r="F878" cm="1">
        <f t="array" ref="F878">IFERROR(INDEX(Jesper!AJ$2:AJ$366,ROUNDDOWN($C878/24,0)+1,1)*INDEX($D$3:$AA$30,INDEX(Jesper!$R$2:$R$366,ROW(INDEX(Jesper!AJ$2:AJ$366,ROUNDDOWN($C878/24,0)+1,1))-1)+IF('Standard Profiles'!$G$20=$B$10,7,0)+IF('Standard Profiles'!$G$20=$B$17,14,0)+IF('Standard Profiles'!$G$20=$B$24,21,0),MOD($C878,24)+1)/SUM(INDEX($D$3:$AA$30,INDEX(Jesper!$R$2:$R$366,ROW(INDEX(Jesper!AJ$2:AJ$366,ROUNDDOWN($C878/24,0)+1,1))-1)+IF('Standard Profiles'!$G$20=$B$10,7,0)+IF('Standard Profiles'!$G$20=$B$17,14,0)+IF('Standard Profiles'!$G$20=$B$24,21,0),0)),0)</f>
        <v>0</v>
      </c>
      <c r="G878" cm="1">
        <f t="array" ref="G878">IFERROR(INDEX(Jesper!AK$2:AK$366,ROUNDDOWN($C878/24,0)+1,1)*INDEX($D$3:$AA$30,INDEX(Jesper!$R$2:$R$366,ROW(INDEX(Jesper!AK$2:AK$366,ROUNDDOWN($C878/24,0)+1,1))-1)+IF('Standard Profiles'!$G$21=$B$10,7,0)+IF('Standard Profiles'!$G$21=$B$17,14,0)+IF('Standard Profiles'!$G$21=$B$24,21,0),MOD($C878,24)+1)/SUM(INDEX($D$3:$AA$30,INDEX(Jesper!$R$2:$R$366,ROW(INDEX(Jesper!AK$2:AK$366,ROUNDDOWN($C878/24,0)+1,1))-1)+IF('Standard Profiles'!$G$21=$B$10,7,0)+IF('Standard Profiles'!$G$21=$B$17,14,0)+IF('Standard Profiles'!$G$21=$B$24,21,0),0)),0)</f>
        <v>0</v>
      </c>
      <c r="H878" cm="1">
        <f t="array" ref="H878">IFERROR(INDEX(Jesper!AL$2:AL$366,ROUNDDOWN($C878/24,0)+1,1)*INDEX($D$3:$AA$30,INDEX(Jesper!$R$2:$R$366,ROW(INDEX(Jesper!AL$2:AL$366,ROUNDDOWN($C878/24,0)+1,1))-1)+IF('Standard Profiles'!$G$22=$B$10,7,0)+IF('Standard Profiles'!$G$22=$B$17,14,0)+IF('Standard Profiles'!$G$22=$B$24,21,0),MOD($C878,24)+1)/SUM(INDEX($D$3:$AA$30,INDEX(Jesper!$R$2:$R$366,ROW(INDEX(Jesper!AL$2:AL$366,ROUNDDOWN($C878/24,0)+1,1))-1)+IF('Standard Profiles'!$G$22=$B$10,7,0)+IF('Standard Profiles'!$G$22=$B$17,14,0)+IF('Standard Profiles'!$G$22=$B$24,21,0),0)),0)</f>
        <v>0</v>
      </c>
      <c r="I878">
        <f t="shared" si="111"/>
        <v>7.8049360345543287E-2</v>
      </c>
      <c r="J878">
        <f t="shared" si="112"/>
        <v>0.26016453448514432</v>
      </c>
      <c r="K878">
        <f t="shared" si="113"/>
        <v>0.39024680172771642</v>
      </c>
      <c r="L878">
        <f t="shared" si="114"/>
        <v>1.8731846482930388</v>
      </c>
      <c r="M878">
        <f t="shared" si="115"/>
        <v>0</v>
      </c>
      <c r="N878" s="46">
        <f t="shared" si="116"/>
        <v>45327.16666666462</v>
      </c>
    </row>
    <row r="879" spans="2:14" x14ac:dyDescent="0.3">
      <c r="B879">
        <f t="shared" si="110"/>
        <v>1</v>
      </c>
      <c r="C879" s="16">
        <v>845</v>
      </c>
      <c r="D879" cm="1">
        <f t="array" ref="D879">IFERROR(INDEX(Jesper!AH$2:AH$366,ROUNDDOWN($C879/24,0)+1,1)*INDEX($D$3:$AA$30,INDEX(Jesper!$R$2:$R$366,ROW(INDEX(Jesper!AH$2:AH$366,ROUNDDOWN($C879/24,0)+1,1))-1)+IF('Standard Profiles'!$G$18=$B$10,7,0)+IF('Standard Profiles'!$G$18=$B$17,14,0)+IF('Standard Profiles'!$G$18=$B$24,21,0),MOD($C879,24)+1)/SUM(INDEX($D$3:$AA$30,INDEX(Jesper!$R$2:$R$366,ROW(INDEX(Jesper!AH$2:AH$366,ROUNDDOWN($C879/24,0)+1,1))-1)+IF('Standard Profiles'!$G$18=$B$10,7,0)+IF('Standard Profiles'!$G$18=$B$17,14,0)+IF('Standard Profiles'!$G$18=$B$24,21,0),0)),0)</f>
        <v>11.273796494356253</v>
      </c>
      <c r="E879" cm="1">
        <f t="array" ref="E879">IFERROR(INDEX(Jesper!AI$2:AI$366,ROUNDDOWN($C879/24,0)+1,1)*INDEX($D$3:$AA$30,INDEX(Jesper!$R$2:$R$366,ROW(INDEX(Jesper!AI$2:AI$366,ROUNDDOWN($C879/24,0)+1,1))-1)+IF('Standard Profiles'!$G$19=$B$10,7,0)+IF('Standard Profiles'!$G$19=$B$17,14,0)+IF('Standard Profiles'!$G$19=$B$24,21,0),MOD($C879,24)+1)/SUM(INDEX($D$3:$AA$30,INDEX(Jesper!$R$2:$R$366,ROW(INDEX(Jesper!AI$2:AI$366,ROUNDDOWN($C879/24,0)+1,1))-1)+IF('Standard Profiles'!$G$19=$B$10,7,0)+IF('Standard Profiles'!$G$19=$B$17,14,0)+IF('Standard Profiles'!$G$19=$B$24,21,0),0)),0)</f>
        <v>0</v>
      </c>
      <c r="F879" cm="1">
        <f t="array" ref="F879">IFERROR(INDEX(Jesper!AJ$2:AJ$366,ROUNDDOWN($C879/24,0)+1,1)*INDEX($D$3:$AA$30,INDEX(Jesper!$R$2:$R$366,ROW(INDEX(Jesper!AJ$2:AJ$366,ROUNDDOWN($C879/24,0)+1,1))-1)+IF('Standard Profiles'!$G$20=$B$10,7,0)+IF('Standard Profiles'!$G$20=$B$17,14,0)+IF('Standard Profiles'!$G$20=$B$24,21,0),MOD($C879,24)+1)/SUM(INDEX($D$3:$AA$30,INDEX(Jesper!$R$2:$R$366,ROW(INDEX(Jesper!AJ$2:AJ$366,ROUNDDOWN($C879/24,0)+1,1))-1)+IF('Standard Profiles'!$G$20=$B$10,7,0)+IF('Standard Profiles'!$G$20=$B$17,14,0)+IF('Standard Profiles'!$G$20=$B$24,21,0),0)),0)</f>
        <v>0</v>
      </c>
      <c r="G879" cm="1">
        <f t="array" ref="G879">IFERROR(INDEX(Jesper!AK$2:AK$366,ROUNDDOWN($C879/24,0)+1,1)*INDEX($D$3:$AA$30,INDEX(Jesper!$R$2:$R$366,ROW(INDEX(Jesper!AK$2:AK$366,ROUNDDOWN($C879/24,0)+1,1))-1)+IF('Standard Profiles'!$G$21=$B$10,7,0)+IF('Standard Profiles'!$G$21=$B$17,14,0)+IF('Standard Profiles'!$G$21=$B$24,21,0),MOD($C879,24)+1)/SUM(INDEX($D$3:$AA$30,INDEX(Jesper!$R$2:$R$366,ROW(INDEX(Jesper!AK$2:AK$366,ROUNDDOWN($C879/24,0)+1,1))-1)+IF('Standard Profiles'!$G$21=$B$10,7,0)+IF('Standard Profiles'!$G$21=$B$17,14,0)+IF('Standard Profiles'!$G$21=$B$24,21,0),0)),0)</f>
        <v>0</v>
      </c>
      <c r="H879" cm="1">
        <f t="array" ref="H879">IFERROR(INDEX(Jesper!AL$2:AL$366,ROUNDDOWN($C879/24,0)+1,1)*INDEX($D$3:$AA$30,INDEX(Jesper!$R$2:$R$366,ROW(INDEX(Jesper!AL$2:AL$366,ROUNDDOWN($C879/24,0)+1,1))-1)+IF('Standard Profiles'!$G$22=$B$10,7,0)+IF('Standard Profiles'!$G$22=$B$17,14,0)+IF('Standard Profiles'!$G$22=$B$24,21,0),MOD($C879,24)+1)/SUM(INDEX($D$3:$AA$30,INDEX(Jesper!$R$2:$R$366,ROW(INDEX(Jesper!AL$2:AL$366,ROUNDDOWN($C879/24,0)+1,1))-1)+IF('Standard Profiles'!$G$22=$B$10,7,0)+IF('Standard Profiles'!$G$22=$B$17,14,0)+IF('Standard Profiles'!$G$22=$B$24,21,0),0)),0)</f>
        <v>0</v>
      </c>
      <c r="I879">
        <f t="shared" si="111"/>
        <v>0.33821389483068759</v>
      </c>
      <c r="J879">
        <f t="shared" si="112"/>
        <v>1.1273796494356254</v>
      </c>
      <c r="K879">
        <f t="shared" si="113"/>
        <v>1.6910694741534378</v>
      </c>
      <c r="L879">
        <f t="shared" si="114"/>
        <v>8.1171334759365017</v>
      </c>
      <c r="M879">
        <f t="shared" si="115"/>
        <v>0</v>
      </c>
      <c r="N879" s="46">
        <f t="shared" si="116"/>
        <v>45327.208333331284</v>
      </c>
    </row>
    <row r="880" spans="2:14" x14ac:dyDescent="0.3">
      <c r="B880">
        <f t="shared" si="110"/>
        <v>1</v>
      </c>
      <c r="C880" s="16">
        <v>846</v>
      </c>
      <c r="D880" cm="1">
        <f t="array" ref="D880">IFERROR(INDEX(Jesper!AH$2:AH$366,ROUNDDOWN($C880/24,0)+1,1)*INDEX($D$3:$AA$30,INDEX(Jesper!$R$2:$R$366,ROW(INDEX(Jesper!AH$2:AH$366,ROUNDDOWN($C880/24,0)+1,1))-1)+IF('Standard Profiles'!$G$18=$B$10,7,0)+IF('Standard Profiles'!$G$18=$B$17,14,0)+IF('Standard Profiles'!$G$18=$B$24,21,0),MOD($C880,24)+1)/SUM(INDEX($D$3:$AA$30,INDEX(Jesper!$R$2:$R$366,ROW(INDEX(Jesper!AH$2:AH$366,ROUNDDOWN($C880/24,0)+1,1))-1)+IF('Standard Profiles'!$G$18=$B$10,7,0)+IF('Standard Profiles'!$G$18=$B$17,14,0)+IF('Standard Profiles'!$G$18=$B$24,21,0),0)),0)</f>
        <v>12.791422945519594</v>
      </c>
      <c r="E880" cm="1">
        <f t="array" ref="E880">IFERROR(INDEX(Jesper!AI$2:AI$366,ROUNDDOWN($C880/24,0)+1,1)*INDEX($D$3:$AA$30,INDEX(Jesper!$R$2:$R$366,ROW(INDEX(Jesper!AI$2:AI$366,ROUNDDOWN($C880/24,0)+1,1))-1)+IF('Standard Profiles'!$G$19=$B$10,7,0)+IF('Standard Profiles'!$G$19=$B$17,14,0)+IF('Standard Profiles'!$G$19=$B$24,21,0),MOD($C880,24)+1)/SUM(INDEX($D$3:$AA$30,INDEX(Jesper!$R$2:$R$366,ROW(INDEX(Jesper!AI$2:AI$366,ROUNDDOWN($C880/24,0)+1,1))-1)+IF('Standard Profiles'!$G$19=$B$10,7,0)+IF('Standard Profiles'!$G$19=$B$17,14,0)+IF('Standard Profiles'!$G$19=$B$24,21,0),0)),0)</f>
        <v>0</v>
      </c>
      <c r="F880" cm="1">
        <f t="array" ref="F880">IFERROR(INDEX(Jesper!AJ$2:AJ$366,ROUNDDOWN($C880/24,0)+1,1)*INDEX($D$3:$AA$30,INDEX(Jesper!$R$2:$R$366,ROW(INDEX(Jesper!AJ$2:AJ$366,ROUNDDOWN($C880/24,0)+1,1))-1)+IF('Standard Profiles'!$G$20=$B$10,7,0)+IF('Standard Profiles'!$G$20=$B$17,14,0)+IF('Standard Profiles'!$G$20=$B$24,21,0),MOD($C880,24)+1)/SUM(INDEX($D$3:$AA$30,INDEX(Jesper!$R$2:$R$366,ROW(INDEX(Jesper!AJ$2:AJ$366,ROUNDDOWN($C880/24,0)+1,1))-1)+IF('Standard Profiles'!$G$20=$B$10,7,0)+IF('Standard Profiles'!$G$20=$B$17,14,0)+IF('Standard Profiles'!$G$20=$B$24,21,0),0)),0)</f>
        <v>0</v>
      </c>
      <c r="G880" cm="1">
        <f t="array" ref="G880">IFERROR(INDEX(Jesper!AK$2:AK$366,ROUNDDOWN($C880/24,0)+1,1)*INDEX($D$3:$AA$30,INDEX(Jesper!$R$2:$R$366,ROW(INDEX(Jesper!AK$2:AK$366,ROUNDDOWN($C880/24,0)+1,1))-1)+IF('Standard Profiles'!$G$21=$B$10,7,0)+IF('Standard Profiles'!$G$21=$B$17,14,0)+IF('Standard Profiles'!$G$21=$B$24,21,0),MOD($C880,24)+1)/SUM(INDEX($D$3:$AA$30,INDEX(Jesper!$R$2:$R$366,ROW(INDEX(Jesper!AK$2:AK$366,ROUNDDOWN($C880/24,0)+1,1))-1)+IF('Standard Profiles'!$G$21=$B$10,7,0)+IF('Standard Profiles'!$G$21=$B$17,14,0)+IF('Standard Profiles'!$G$21=$B$24,21,0),0)),0)</f>
        <v>0</v>
      </c>
      <c r="H880" cm="1">
        <f t="array" ref="H880">IFERROR(INDEX(Jesper!AL$2:AL$366,ROUNDDOWN($C880/24,0)+1,1)*INDEX($D$3:$AA$30,INDEX(Jesper!$R$2:$R$366,ROW(INDEX(Jesper!AL$2:AL$366,ROUNDDOWN($C880/24,0)+1,1))-1)+IF('Standard Profiles'!$G$22=$B$10,7,0)+IF('Standard Profiles'!$G$22=$B$17,14,0)+IF('Standard Profiles'!$G$22=$B$24,21,0),MOD($C880,24)+1)/SUM(INDEX($D$3:$AA$30,INDEX(Jesper!$R$2:$R$366,ROW(INDEX(Jesper!AL$2:AL$366,ROUNDDOWN($C880/24,0)+1,1))-1)+IF('Standard Profiles'!$G$22=$B$10,7,0)+IF('Standard Profiles'!$G$22=$B$17,14,0)+IF('Standard Profiles'!$G$22=$B$24,21,0),0)),0)</f>
        <v>0</v>
      </c>
      <c r="I880">
        <f t="shared" si="111"/>
        <v>0.38374268836558778</v>
      </c>
      <c r="J880">
        <f t="shared" si="112"/>
        <v>1.2791422945519595</v>
      </c>
      <c r="K880">
        <f t="shared" si="113"/>
        <v>1.918713441827939</v>
      </c>
      <c r="L880">
        <f t="shared" si="114"/>
        <v>9.2098245207741076</v>
      </c>
      <c r="M880">
        <f t="shared" si="115"/>
        <v>0</v>
      </c>
      <c r="N880" s="46">
        <f t="shared" si="116"/>
        <v>45327.249999997948</v>
      </c>
    </row>
    <row r="881" spans="2:14" x14ac:dyDescent="0.3">
      <c r="B881">
        <f t="shared" si="110"/>
        <v>1</v>
      </c>
      <c r="C881" s="16">
        <v>847</v>
      </c>
      <c r="D881" cm="1">
        <f t="array" ref="D881">IFERROR(INDEX(Jesper!AH$2:AH$366,ROUNDDOWN($C881/24,0)+1,1)*INDEX($D$3:$AA$30,INDEX(Jesper!$R$2:$R$366,ROW(INDEX(Jesper!AH$2:AH$366,ROUNDDOWN($C881/24,0)+1,1))-1)+IF('Standard Profiles'!$G$18=$B$10,7,0)+IF('Standard Profiles'!$G$18=$B$17,14,0)+IF('Standard Profiles'!$G$18=$B$24,21,0),MOD($C881,24)+1)/SUM(INDEX($D$3:$AA$30,INDEX(Jesper!$R$2:$R$366,ROW(INDEX(Jesper!AH$2:AH$366,ROUNDDOWN($C881/24,0)+1,1))-1)+IF('Standard Profiles'!$G$18=$B$10,7,0)+IF('Standard Profiles'!$G$18=$B$17,14,0)+IF('Standard Profiles'!$G$18=$B$24,21,0),0)),0)</f>
        <v>12.791422945519594</v>
      </c>
      <c r="E881" cm="1">
        <f t="array" ref="E881">IFERROR(INDEX(Jesper!AI$2:AI$366,ROUNDDOWN($C881/24,0)+1,1)*INDEX($D$3:$AA$30,INDEX(Jesper!$R$2:$R$366,ROW(INDEX(Jesper!AI$2:AI$366,ROUNDDOWN($C881/24,0)+1,1))-1)+IF('Standard Profiles'!$G$19=$B$10,7,0)+IF('Standard Profiles'!$G$19=$B$17,14,0)+IF('Standard Profiles'!$G$19=$B$24,21,0),MOD($C881,24)+1)/SUM(INDEX($D$3:$AA$30,INDEX(Jesper!$R$2:$R$366,ROW(INDEX(Jesper!AI$2:AI$366,ROUNDDOWN($C881/24,0)+1,1))-1)+IF('Standard Profiles'!$G$19=$B$10,7,0)+IF('Standard Profiles'!$G$19=$B$17,14,0)+IF('Standard Profiles'!$G$19=$B$24,21,0),0)),0)</f>
        <v>0</v>
      </c>
      <c r="F881" cm="1">
        <f t="array" ref="F881">IFERROR(INDEX(Jesper!AJ$2:AJ$366,ROUNDDOWN($C881/24,0)+1,1)*INDEX($D$3:$AA$30,INDEX(Jesper!$R$2:$R$366,ROW(INDEX(Jesper!AJ$2:AJ$366,ROUNDDOWN($C881/24,0)+1,1))-1)+IF('Standard Profiles'!$G$20=$B$10,7,0)+IF('Standard Profiles'!$G$20=$B$17,14,0)+IF('Standard Profiles'!$G$20=$B$24,21,0),MOD($C881,24)+1)/SUM(INDEX($D$3:$AA$30,INDEX(Jesper!$R$2:$R$366,ROW(INDEX(Jesper!AJ$2:AJ$366,ROUNDDOWN($C881/24,0)+1,1))-1)+IF('Standard Profiles'!$G$20=$B$10,7,0)+IF('Standard Profiles'!$G$20=$B$17,14,0)+IF('Standard Profiles'!$G$20=$B$24,21,0),0)),0)</f>
        <v>0</v>
      </c>
      <c r="G881" cm="1">
        <f t="array" ref="G881">IFERROR(INDEX(Jesper!AK$2:AK$366,ROUNDDOWN($C881/24,0)+1,1)*INDEX($D$3:$AA$30,INDEX(Jesper!$R$2:$R$366,ROW(INDEX(Jesper!AK$2:AK$366,ROUNDDOWN($C881/24,0)+1,1))-1)+IF('Standard Profiles'!$G$21=$B$10,7,0)+IF('Standard Profiles'!$G$21=$B$17,14,0)+IF('Standard Profiles'!$G$21=$B$24,21,0),MOD($C881,24)+1)/SUM(INDEX($D$3:$AA$30,INDEX(Jesper!$R$2:$R$366,ROW(INDEX(Jesper!AK$2:AK$366,ROUNDDOWN($C881/24,0)+1,1))-1)+IF('Standard Profiles'!$G$21=$B$10,7,0)+IF('Standard Profiles'!$G$21=$B$17,14,0)+IF('Standard Profiles'!$G$21=$B$24,21,0),0)),0)</f>
        <v>0</v>
      </c>
      <c r="H881" cm="1">
        <f t="array" ref="H881">IFERROR(INDEX(Jesper!AL$2:AL$366,ROUNDDOWN($C881/24,0)+1,1)*INDEX($D$3:$AA$30,INDEX(Jesper!$R$2:$R$366,ROW(INDEX(Jesper!AL$2:AL$366,ROUNDDOWN($C881/24,0)+1,1))-1)+IF('Standard Profiles'!$G$22=$B$10,7,0)+IF('Standard Profiles'!$G$22=$B$17,14,0)+IF('Standard Profiles'!$G$22=$B$24,21,0),MOD($C881,24)+1)/SUM(INDEX($D$3:$AA$30,INDEX(Jesper!$R$2:$R$366,ROW(INDEX(Jesper!AL$2:AL$366,ROUNDDOWN($C881/24,0)+1,1))-1)+IF('Standard Profiles'!$G$22=$B$10,7,0)+IF('Standard Profiles'!$G$22=$B$17,14,0)+IF('Standard Profiles'!$G$22=$B$24,21,0),0)),0)</f>
        <v>0</v>
      </c>
      <c r="I881">
        <f t="shared" si="111"/>
        <v>0.38374268836558778</v>
      </c>
      <c r="J881">
        <f t="shared" si="112"/>
        <v>1.2791422945519595</v>
      </c>
      <c r="K881">
        <f t="shared" si="113"/>
        <v>1.918713441827939</v>
      </c>
      <c r="L881">
        <f t="shared" si="114"/>
        <v>9.2098245207741076</v>
      </c>
      <c r="M881">
        <f t="shared" si="115"/>
        <v>0</v>
      </c>
      <c r="N881" s="46">
        <f t="shared" si="116"/>
        <v>45327.291666664612</v>
      </c>
    </row>
    <row r="882" spans="2:14" x14ac:dyDescent="0.3">
      <c r="B882">
        <f t="shared" si="110"/>
        <v>1</v>
      </c>
      <c r="C882" s="16">
        <v>848</v>
      </c>
      <c r="D882" cm="1">
        <f t="array" ref="D882">IFERROR(INDEX(Jesper!AH$2:AH$366,ROUNDDOWN($C882/24,0)+1,1)*INDEX($D$3:$AA$30,INDEX(Jesper!$R$2:$R$366,ROW(INDEX(Jesper!AH$2:AH$366,ROUNDDOWN($C882/24,0)+1,1))-1)+IF('Standard Profiles'!$G$18=$B$10,7,0)+IF('Standard Profiles'!$G$18=$B$17,14,0)+IF('Standard Profiles'!$G$18=$B$24,21,0),MOD($C882,24)+1)/SUM(INDEX($D$3:$AA$30,INDEX(Jesper!$R$2:$R$366,ROW(INDEX(Jesper!AH$2:AH$366,ROUNDDOWN($C882/24,0)+1,1))-1)+IF('Standard Profiles'!$G$18=$B$10,7,0)+IF('Standard Profiles'!$G$18=$B$17,14,0)+IF('Standard Profiles'!$G$18=$B$24,21,0),0)),0)</f>
        <v>12.791422945519594</v>
      </c>
      <c r="E882" cm="1">
        <f t="array" ref="E882">IFERROR(INDEX(Jesper!AI$2:AI$366,ROUNDDOWN($C882/24,0)+1,1)*INDEX($D$3:$AA$30,INDEX(Jesper!$R$2:$R$366,ROW(INDEX(Jesper!AI$2:AI$366,ROUNDDOWN($C882/24,0)+1,1))-1)+IF('Standard Profiles'!$G$19=$B$10,7,0)+IF('Standard Profiles'!$G$19=$B$17,14,0)+IF('Standard Profiles'!$G$19=$B$24,21,0),MOD($C882,24)+1)/SUM(INDEX($D$3:$AA$30,INDEX(Jesper!$R$2:$R$366,ROW(INDEX(Jesper!AI$2:AI$366,ROUNDDOWN($C882/24,0)+1,1))-1)+IF('Standard Profiles'!$G$19=$B$10,7,0)+IF('Standard Profiles'!$G$19=$B$17,14,0)+IF('Standard Profiles'!$G$19=$B$24,21,0),0)),0)</f>
        <v>0</v>
      </c>
      <c r="F882" cm="1">
        <f t="array" ref="F882">IFERROR(INDEX(Jesper!AJ$2:AJ$366,ROUNDDOWN($C882/24,0)+1,1)*INDEX($D$3:$AA$30,INDEX(Jesper!$R$2:$R$366,ROW(INDEX(Jesper!AJ$2:AJ$366,ROUNDDOWN($C882/24,0)+1,1))-1)+IF('Standard Profiles'!$G$20=$B$10,7,0)+IF('Standard Profiles'!$G$20=$B$17,14,0)+IF('Standard Profiles'!$G$20=$B$24,21,0),MOD($C882,24)+1)/SUM(INDEX($D$3:$AA$30,INDEX(Jesper!$R$2:$R$366,ROW(INDEX(Jesper!AJ$2:AJ$366,ROUNDDOWN($C882/24,0)+1,1))-1)+IF('Standard Profiles'!$G$20=$B$10,7,0)+IF('Standard Profiles'!$G$20=$B$17,14,0)+IF('Standard Profiles'!$G$20=$B$24,21,0),0)),0)</f>
        <v>0</v>
      </c>
      <c r="G882" cm="1">
        <f t="array" ref="G882">IFERROR(INDEX(Jesper!AK$2:AK$366,ROUNDDOWN($C882/24,0)+1,1)*INDEX($D$3:$AA$30,INDEX(Jesper!$R$2:$R$366,ROW(INDEX(Jesper!AK$2:AK$366,ROUNDDOWN($C882/24,0)+1,1))-1)+IF('Standard Profiles'!$G$21=$B$10,7,0)+IF('Standard Profiles'!$G$21=$B$17,14,0)+IF('Standard Profiles'!$G$21=$B$24,21,0),MOD($C882,24)+1)/SUM(INDEX($D$3:$AA$30,INDEX(Jesper!$R$2:$R$366,ROW(INDEX(Jesper!AK$2:AK$366,ROUNDDOWN($C882/24,0)+1,1))-1)+IF('Standard Profiles'!$G$21=$B$10,7,0)+IF('Standard Profiles'!$G$21=$B$17,14,0)+IF('Standard Profiles'!$G$21=$B$24,21,0),0)),0)</f>
        <v>0</v>
      </c>
      <c r="H882" cm="1">
        <f t="array" ref="H882">IFERROR(INDEX(Jesper!AL$2:AL$366,ROUNDDOWN($C882/24,0)+1,1)*INDEX($D$3:$AA$30,INDEX(Jesper!$R$2:$R$366,ROW(INDEX(Jesper!AL$2:AL$366,ROUNDDOWN($C882/24,0)+1,1))-1)+IF('Standard Profiles'!$G$22=$B$10,7,0)+IF('Standard Profiles'!$G$22=$B$17,14,0)+IF('Standard Profiles'!$G$22=$B$24,21,0),MOD($C882,24)+1)/SUM(INDEX($D$3:$AA$30,INDEX(Jesper!$R$2:$R$366,ROW(INDEX(Jesper!AL$2:AL$366,ROUNDDOWN($C882/24,0)+1,1))-1)+IF('Standard Profiles'!$G$22=$B$10,7,0)+IF('Standard Profiles'!$G$22=$B$17,14,0)+IF('Standard Profiles'!$G$22=$B$24,21,0),0)),0)</f>
        <v>0</v>
      </c>
      <c r="I882">
        <f t="shared" si="111"/>
        <v>0.38374268836558778</v>
      </c>
      <c r="J882">
        <f t="shared" si="112"/>
        <v>1.2791422945519595</v>
      </c>
      <c r="K882">
        <f t="shared" si="113"/>
        <v>1.918713441827939</v>
      </c>
      <c r="L882">
        <f t="shared" si="114"/>
        <v>9.2098245207741076</v>
      </c>
      <c r="M882">
        <f t="shared" si="115"/>
        <v>0</v>
      </c>
      <c r="N882" s="46">
        <f t="shared" si="116"/>
        <v>45327.333333331277</v>
      </c>
    </row>
    <row r="883" spans="2:14" x14ac:dyDescent="0.3">
      <c r="B883">
        <f t="shared" si="110"/>
        <v>1</v>
      </c>
      <c r="C883" s="16">
        <v>849</v>
      </c>
      <c r="D883" cm="1">
        <f t="array" ref="D883">IFERROR(INDEX(Jesper!AH$2:AH$366,ROUNDDOWN($C883/24,0)+1,1)*INDEX($D$3:$AA$30,INDEX(Jesper!$R$2:$R$366,ROW(INDEX(Jesper!AH$2:AH$366,ROUNDDOWN($C883/24,0)+1,1))-1)+IF('Standard Profiles'!$G$18=$B$10,7,0)+IF('Standard Profiles'!$G$18=$B$17,14,0)+IF('Standard Profiles'!$G$18=$B$24,21,0),MOD($C883,24)+1)/SUM(INDEX($D$3:$AA$30,INDEX(Jesper!$R$2:$R$366,ROW(INDEX(Jesper!AH$2:AH$366,ROUNDDOWN($C883/24,0)+1,1))-1)+IF('Standard Profiles'!$G$18=$B$10,7,0)+IF('Standard Profiles'!$G$18=$B$17,14,0)+IF('Standard Profiles'!$G$18=$B$24,21,0),0)),0)</f>
        <v>13.658638060470075</v>
      </c>
      <c r="E883" cm="1">
        <f t="array" ref="E883">IFERROR(INDEX(Jesper!AI$2:AI$366,ROUNDDOWN($C883/24,0)+1,1)*INDEX($D$3:$AA$30,INDEX(Jesper!$R$2:$R$366,ROW(INDEX(Jesper!AI$2:AI$366,ROUNDDOWN($C883/24,0)+1,1))-1)+IF('Standard Profiles'!$G$19=$B$10,7,0)+IF('Standard Profiles'!$G$19=$B$17,14,0)+IF('Standard Profiles'!$G$19=$B$24,21,0),MOD($C883,24)+1)/SUM(INDEX($D$3:$AA$30,INDEX(Jesper!$R$2:$R$366,ROW(INDEX(Jesper!AI$2:AI$366,ROUNDDOWN($C883/24,0)+1,1))-1)+IF('Standard Profiles'!$G$19=$B$10,7,0)+IF('Standard Profiles'!$G$19=$B$17,14,0)+IF('Standard Profiles'!$G$19=$B$24,21,0),0)),0)</f>
        <v>0</v>
      </c>
      <c r="F883" cm="1">
        <f t="array" ref="F883">IFERROR(INDEX(Jesper!AJ$2:AJ$366,ROUNDDOWN($C883/24,0)+1,1)*INDEX($D$3:$AA$30,INDEX(Jesper!$R$2:$R$366,ROW(INDEX(Jesper!AJ$2:AJ$366,ROUNDDOWN($C883/24,0)+1,1))-1)+IF('Standard Profiles'!$G$20=$B$10,7,0)+IF('Standard Profiles'!$G$20=$B$17,14,0)+IF('Standard Profiles'!$G$20=$B$24,21,0),MOD($C883,24)+1)/SUM(INDEX($D$3:$AA$30,INDEX(Jesper!$R$2:$R$366,ROW(INDEX(Jesper!AJ$2:AJ$366,ROUNDDOWN($C883/24,0)+1,1))-1)+IF('Standard Profiles'!$G$20=$B$10,7,0)+IF('Standard Profiles'!$G$20=$B$17,14,0)+IF('Standard Profiles'!$G$20=$B$24,21,0),0)),0)</f>
        <v>0</v>
      </c>
      <c r="G883" cm="1">
        <f t="array" ref="G883">IFERROR(INDEX(Jesper!AK$2:AK$366,ROUNDDOWN($C883/24,0)+1,1)*INDEX($D$3:$AA$30,INDEX(Jesper!$R$2:$R$366,ROW(INDEX(Jesper!AK$2:AK$366,ROUNDDOWN($C883/24,0)+1,1))-1)+IF('Standard Profiles'!$G$21=$B$10,7,0)+IF('Standard Profiles'!$G$21=$B$17,14,0)+IF('Standard Profiles'!$G$21=$B$24,21,0),MOD($C883,24)+1)/SUM(INDEX($D$3:$AA$30,INDEX(Jesper!$R$2:$R$366,ROW(INDEX(Jesper!AK$2:AK$366,ROUNDDOWN($C883/24,0)+1,1))-1)+IF('Standard Profiles'!$G$21=$B$10,7,0)+IF('Standard Profiles'!$G$21=$B$17,14,0)+IF('Standard Profiles'!$G$21=$B$24,21,0),0)),0)</f>
        <v>0</v>
      </c>
      <c r="H883" cm="1">
        <f t="array" ref="H883">IFERROR(INDEX(Jesper!AL$2:AL$366,ROUNDDOWN($C883/24,0)+1,1)*INDEX($D$3:$AA$30,INDEX(Jesper!$R$2:$R$366,ROW(INDEX(Jesper!AL$2:AL$366,ROUNDDOWN($C883/24,0)+1,1))-1)+IF('Standard Profiles'!$G$22=$B$10,7,0)+IF('Standard Profiles'!$G$22=$B$17,14,0)+IF('Standard Profiles'!$G$22=$B$24,21,0),MOD($C883,24)+1)/SUM(INDEX($D$3:$AA$30,INDEX(Jesper!$R$2:$R$366,ROW(INDEX(Jesper!AL$2:AL$366,ROUNDDOWN($C883/24,0)+1,1))-1)+IF('Standard Profiles'!$G$22=$B$10,7,0)+IF('Standard Profiles'!$G$22=$B$17,14,0)+IF('Standard Profiles'!$G$22=$B$24,21,0),0)),0)</f>
        <v>0</v>
      </c>
      <c r="I883">
        <f t="shared" si="111"/>
        <v>0.40975914181410222</v>
      </c>
      <c r="J883">
        <f t="shared" si="112"/>
        <v>1.3658638060470076</v>
      </c>
      <c r="K883">
        <f t="shared" si="113"/>
        <v>2.0487957090705113</v>
      </c>
      <c r="L883">
        <f t="shared" si="114"/>
        <v>9.8342194035384534</v>
      </c>
      <c r="M883">
        <f t="shared" si="115"/>
        <v>0</v>
      </c>
      <c r="N883" s="46">
        <f t="shared" si="116"/>
        <v>45327.374999997941</v>
      </c>
    </row>
    <row r="884" spans="2:14" x14ac:dyDescent="0.3">
      <c r="B884">
        <f t="shared" si="110"/>
        <v>1</v>
      </c>
      <c r="C884" s="16">
        <v>850</v>
      </c>
      <c r="D884" cm="1">
        <f t="array" ref="D884">IFERROR(INDEX(Jesper!AH$2:AH$366,ROUNDDOWN($C884/24,0)+1,1)*INDEX($D$3:$AA$30,INDEX(Jesper!$R$2:$R$366,ROW(INDEX(Jesper!AH$2:AH$366,ROUNDDOWN($C884/24,0)+1,1))-1)+IF('Standard Profiles'!$G$18=$B$10,7,0)+IF('Standard Profiles'!$G$18=$B$17,14,0)+IF('Standard Profiles'!$G$18=$B$24,21,0),MOD($C884,24)+1)/SUM(INDEX($D$3:$AA$30,INDEX(Jesper!$R$2:$R$366,ROW(INDEX(Jesper!AH$2:AH$366,ROUNDDOWN($C884/24,0)+1,1))-1)+IF('Standard Profiles'!$G$18=$B$10,7,0)+IF('Standard Profiles'!$G$18=$B$17,14,0)+IF('Standard Profiles'!$G$18=$B$24,21,0),0)),0)</f>
        <v>13.658638060470075</v>
      </c>
      <c r="E884" cm="1">
        <f t="array" ref="E884">IFERROR(INDEX(Jesper!AI$2:AI$366,ROUNDDOWN($C884/24,0)+1,1)*INDEX($D$3:$AA$30,INDEX(Jesper!$R$2:$R$366,ROW(INDEX(Jesper!AI$2:AI$366,ROUNDDOWN($C884/24,0)+1,1))-1)+IF('Standard Profiles'!$G$19=$B$10,7,0)+IF('Standard Profiles'!$G$19=$B$17,14,0)+IF('Standard Profiles'!$G$19=$B$24,21,0),MOD($C884,24)+1)/SUM(INDEX($D$3:$AA$30,INDEX(Jesper!$R$2:$R$366,ROW(INDEX(Jesper!AI$2:AI$366,ROUNDDOWN($C884/24,0)+1,1))-1)+IF('Standard Profiles'!$G$19=$B$10,7,0)+IF('Standard Profiles'!$G$19=$B$17,14,0)+IF('Standard Profiles'!$G$19=$B$24,21,0),0)),0)</f>
        <v>0</v>
      </c>
      <c r="F884" cm="1">
        <f t="array" ref="F884">IFERROR(INDEX(Jesper!AJ$2:AJ$366,ROUNDDOWN($C884/24,0)+1,1)*INDEX($D$3:$AA$30,INDEX(Jesper!$R$2:$R$366,ROW(INDEX(Jesper!AJ$2:AJ$366,ROUNDDOWN($C884/24,0)+1,1))-1)+IF('Standard Profiles'!$G$20=$B$10,7,0)+IF('Standard Profiles'!$G$20=$B$17,14,0)+IF('Standard Profiles'!$G$20=$B$24,21,0),MOD($C884,24)+1)/SUM(INDEX($D$3:$AA$30,INDEX(Jesper!$R$2:$R$366,ROW(INDEX(Jesper!AJ$2:AJ$366,ROUNDDOWN($C884/24,0)+1,1))-1)+IF('Standard Profiles'!$G$20=$B$10,7,0)+IF('Standard Profiles'!$G$20=$B$17,14,0)+IF('Standard Profiles'!$G$20=$B$24,21,0),0)),0)</f>
        <v>0</v>
      </c>
      <c r="G884" cm="1">
        <f t="array" ref="G884">IFERROR(INDEX(Jesper!AK$2:AK$366,ROUNDDOWN($C884/24,0)+1,1)*INDEX($D$3:$AA$30,INDEX(Jesper!$R$2:$R$366,ROW(INDEX(Jesper!AK$2:AK$366,ROUNDDOWN($C884/24,0)+1,1))-1)+IF('Standard Profiles'!$G$21=$B$10,7,0)+IF('Standard Profiles'!$G$21=$B$17,14,0)+IF('Standard Profiles'!$G$21=$B$24,21,0),MOD($C884,24)+1)/SUM(INDEX($D$3:$AA$30,INDEX(Jesper!$R$2:$R$366,ROW(INDEX(Jesper!AK$2:AK$366,ROUNDDOWN($C884/24,0)+1,1))-1)+IF('Standard Profiles'!$G$21=$B$10,7,0)+IF('Standard Profiles'!$G$21=$B$17,14,0)+IF('Standard Profiles'!$G$21=$B$24,21,0),0)),0)</f>
        <v>0</v>
      </c>
      <c r="H884" cm="1">
        <f t="array" ref="H884">IFERROR(INDEX(Jesper!AL$2:AL$366,ROUNDDOWN($C884/24,0)+1,1)*INDEX($D$3:$AA$30,INDEX(Jesper!$R$2:$R$366,ROW(INDEX(Jesper!AL$2:AL$366,ROUNDDOWN($C884/24,0)+1,1))-1)+IF('Standard Profiles'!$G$22=$B$10,7,0)+IF('Standard Profiles'!$G$22=$B$17,14,0)+IF('Standard Profiles'!$G$22=$B$24,21,0),MOD($C884,24)+1)/SUM(INDEX($D$3:$AA$30,INDEX(Jesper!$R$2:$R$366,ROW(INDEX(Jesper!AL$2:AL$366,ROUNDDOWN($C884/24,0)+1,1))-1)+IF('Standard Profiles'!$G$22=$B$10,7,0)+IF('Standard Profiles'!$G$22=$B$17,14,0)+IF('Standard Profiles'!$G$22=$B$24,21,0),0)),0)</f>
        <v>0</v>
      </c>
      <c r="I884">
        <f t="shared" si="111"/>
        <v>0.40975914181410222</v>
      </c>
      <c r="J884">
        <f t="shared" si="112"/>
        <v>1.3658638060470076</v>
      </c>
      <c r="K884">
        <f t="shared" si="113"/>
        <v>2.0487957090705113</v>
      </c>
      <c r="L884">
        <f t="shared" si="114"/>
        <v>9.8342194035384534</v>
      </c>
      <c r="M884">
        <f t="shared" si="115"/>
        <v>0</v>
      </c>
      <c r="N884" s="46">
        <f t="shared" si="116"/>
        <v>45327.416666664605</v>
      </c>
    </row>
    <row r="885" spans="2:14" x14ac:dyDescent="0.3">
      <c r="B885">
        <f t="shared" si="110"/>
        <v>1</v>
      </c>
      <c r="C885" s="16">
        <v>851</v>
      </c>
      <c r="D885" cm="1">
        <f t="array" ref="D885">IFERROR(INDEX(Jesper!AH$2:AH$366,ROUNDDOWN($C885/24,0)+1,1)*INDEX($D$3:$AA$30,INDEX(Jesper!$R$2:$R$366,ROW(INDEX(Jesper!AH$2:AH$366,ROUNDDOWN($C885/24,0)+1,1))-1)+IF('Standard Profiles'!$G$18=$B$10,7,0)+IF('Standard Profiles'!$G$18=$B$17,14,0)+IF('Standard Profiles'!$G$18=$B$24,21,0),MOD($C885,24)+1)/SUM(INDEX($D$3:$AA$30,INDEX(Jesper!$R$2:$R$366,ROW(INDEX(Jesper!AH$2:AH$366,ROUNDDOWN($C885/24,0)+1,1))-1)+IF('Standard Profiles'!$G$18=$B$10,7,0)+IF('Standard Profiles'!$G$18=$B$17,14,0)+IF('Standard Profiles'!$G$18=$B$24,21,0),0)),0)</f>
        <v>17.34430229900962</v>
      </c>
      <c r="E885" cm="1">
        <f t="array" ref="E885">IFERROR(INDEX(Jesper!AI$2:AI$366,ROUNDDOWN($C885/24,0)+1,1)*INDEX($D$3:$AA$30,INDEX(Jesper!$R$2:$R$366,ROW(INDEX(Jesper!AI$2:AI$366,ROUNDDOWN($C885/24,0)+1,1))-1)+IF('Standard Profiles'!$G$19=$B$10,7,0)+IF('Standard Profiles'!$G$19=$B$17,14,0)+IF('Standard Profiles'!$G$19=$B$24,21,0),MOD($C885,24)+1)/SUM(INDEX($D$3:$AA$30,INDEX(Jesper!$R$2:$R$366,ROW(INDEX(Jesper!AI$2:AI$366,ROUNDDOWN($C885/24,0)+1,1))-1)+IF('Standard Profiles'!$G$19=$B$10,7,0)+IF('Standard Profiles'!$G$19=$B$17,14,0)+IF('Standard Profiles'!$G$19=$B$24,21,0),0)),0)</f>
        <v>0</v>
      </c>
      <c r="F885" cm="1">
        <f t="array" ref="F885">IFERROR(INDEX(Jesper!AJ$2:AJ$366,ROUNDDOWN($C885/24,0)+1,1)*INDEX($D$3:$AA$30,INDEX(Jesper!$R$2:$R$366,ROW(INDEX(Jesper!AJ$2:AJ$366,ROUNDDOWN($C885/24,0)+1,1))-1)+IF('Standard Profiles'!$G$20=$B$10,7,0)+IF('Standard Profiles'!$G$20=$B$17,14,0)+IF('Standard Profiles'!$G$20=$B$24,21,0),MOD($C885,24)+1)/SUM(INDEX($D$3:$AA$30,INDEX(Jesper!$R$2:$R$366,ROW(INDEX(Jesper!AJ$2:AJ$366,ROUNDDOWN($C885/24,0)+1,1))-1)+IF('Standard Profiles'!$G$20=$B$10,7,0)+IF('Standard Profiles'!$G$20=$B$17,14,0)+IF('Standard Profiles'!$G$20=$B$24,21,0),0)),0)</f>
        <v>0</v>
      </c>
      <c r="G885" cm="1">
        <f t="array" ref="G885">IFERROR(INDEX(Jesper!AK$2:AK$366,ROUNDDOWN($C885/24,0)+1,1)*INDEX($D$3:$AA$30,INDEX(Jesper!$R$2:$R$366,ROW(INDEX(Jesper!AK$2:AK$366,ROUNDDOWN($C885/24,0)+1,1))-1)+IF('Standard Profiles'!$G$21=$B$10,7,0)+IF('Standard Profiles'!$G$21=$B$17,14,0)+IF('Standard Profiles'!$G$21=$B$24,21,0),MOD($C885,24)+1)/SUM(INDEX($D$3:$AA$30,INDEX(Jesper!$R$2:$R$366,ROW(INDEX(Jesper!AK$2:AK$366,ROUNDDOWN($C885/24,0)+1,1))-1)+IF('Standard Profiles'!$G$21=$B$10,7,0)+IF('Standard Profiles'!$G$21=$B$17,14,0)+IF('Standard Profiles'!$G$21=$B$24,21,0),0)),0)</f>
        <v>0</v>
      </c>
      <c r="H885" cm="1">
        <f t="array" ref="H885">IFERROR(INDEX(Jesper!AL$2:AL$366,ROUNDDOWN($C885/24,0)+1,1)*INDEX($D$3:$AA$30,INDEX(Jesper!$R$2:$R$366,ROW(INDEX(Jesper!AL$2:AL$366,ROUNDDOWN($C885/24,0)+1,1))-1)+IF('Standard Profiles'!$G$22=$B$10,7,0)+IF('Standard Profiles'!$G$22=$B$17,14,0)+IF('Standard Profiles'!$G$22=$B$24,21,0),MOD($C885,24)+1)/SUM(INDEX($D$3:$AA$30,INDEX(Jesper!$R$2:$R$366,ROW(INDEX(Jesper!AL$2:AL$366,ROUNDDOWN($C885/24,0)+1,1))-1)+IF('Standard Profiles'!$G$22=$B$10,7,0)+IF('Standard Profiles'!$G$22=$B$17,14,0)+IF('Standard Profiles'!$G$22=$B$24,21,0),0)),0)</f>
        <v>0</v>
      </c>
      <c r="I885">
        <f t="shared" si="111"/>
        <v>0.52032906897028852</v>
      </c>
      <c r="J885">
        <f t="shared" si="112"/>
        <v>1.734430229900962</v>
      </c>
      <c r="K885">
        <f t="shared" si="113"/>
        <v>2.6016453448514429</v>
      </c>
      <c r="L885">
        <f t="shared" si="114"/>
        <v>12.487897655286925</v>
      </c>
      <c r="M885">
        <f t="shared" si="115"/>
        <v>0</v>
      </c>
      <c r="N885" s="46">
        <f t="shared" si="116"/>
        <v>45327.458333331269</v>
      </c>
    </row>
    <row r="886" spans="2:14" x14ac:dyDescent="0.3">
      <c r="B886">
        <f t="shared" si="110"/>
        <v>1</v>
      </c>
      <c r="C886" s="16">
        <v>852</v>
      </c>
      <c r="D886" cm="1">
        <f t="array" ref="D886">IFERROR(INDEX(Jesper!AH$2:AH$366,ROUNDDOWN($C886/24,0)+1,1)*INDEX($D$3:$AA$30,INDEX(Jesper!$R$2:$R$366,ROW(INDEX(Jesper!AH$2:AH$366,ROUNDDOWN($C886/24,0)+1,1))-1)+IF('Standard Profiles'!$G$18=$B$10,7,0)+IF('Standard Profiles'!$G$18=$B$17,14,0)+IF('Standard Profiles'!$G$18=$B$24,21,0),MOD($C886,24)+1)/SUM(INDEX($D$3:$AA$30,INDEX(Jesper!$R$2:$R$366,ROW(INDEX(Jesper!AH$2:AH$366,ROUNDDOWN($C886/24,0)+1,1))-1)+IF('Standard Profiles'!$G$18=$B$10,7,0)+IF('Standard Profiles'!$G$18=$B$17,14,0)+IF('Standard Profiles'!$G$18=$B$24,21,0),0)),0)</f>
        <v>17.34430229900962</v>
      </c>
      <c r="E886" cm="1">
        <f t="array" ref="E886">IFERROR(INDEX(Jesper!AI$2:AI$366,ROUNDDOWN($C886/24,0)+1,1)*INDEX($D$3:$AA$30,INDEX(Jesper!$R$2:$R$366,ROW(INDEX(Jesper!AI$2:AI$366,ROUNDDOWN($C886/24,0)+1,1))-1)+IF('Standard Profiles'!$G$19=$B$10,7,0)+IF('Standard Profiles'!$G$19=$B$17,14,0)+IF('Standard Profiles'!$G$19=$B$24,21,0),MOD($C886,24)+1)/SUM(INDEX($D$3:$AA$30,INDEX(Jesper!$R$2:$R$366,ROW(INDEX(Jesper!AI$2:AI$366,ROUNDDOWN($C886/24,0)+1,1))-1)+IF('Standard Profiles'!$G$19=$B$10,7,0)+IF('Standard Profiles'!$G$19=$B$17,14,0)+IF('Standard Profiles'!$G$19=$B$24,21,0),0)),0)</f>
        <v>0</v>
      </c>
      <c r="F886" cm="1">
        <f t="array" ref="F886">IFERROR(INDEX(Jesper!AJ$2:AJ$366,ROUNDDOWN($C886/24,0)+1,1)*INDEX($D$3:$AA$30,INDEX(Jesper!$R$2:$R$366,ROW(INDEX(Jesper!AJ$2:AJ$366,ROUNDDOWN($C886/24,0)+1,1))-1)+IF('Standard Profiles'!$G$20=$B$10,7,0)+IF('Standard Profiles'!$G$20=$B$17,14,0)+IF('Standard Profiles'!$G$20=$B$24,21,0),MOD($C886,24)+1)/SUM(INDEX($D$3:$AA$30,INDEX(Jesper!$R$2:$R$366,ROW(INDEX(Jesper!AJ$2:AJ$366,ROUNDDOWN($C886/24,0)+1,1))-1)+IF('Standard Profiles'!$G$20=$B$10,7,0)+IF('Standard Profiles'!$G$20=$B$17,14,0)+IF('Standard Profiles'!$G$20=$B$24,21,0),0)),0)</f>
        <v>0</v>
      </c>
      <c r="G886" cm="1">
        <f t="array" ref="G886">IFERROR(INDEX(Jesper!AK$2:AK$366,ROUNDDOWN($C886/24,0)+1,1)*INDEX($D$3:$AA$30,INDEX(Jesper!$R$2:$R$366,ROW(INDEX(Jesper!AK$2:AK$366,ROUNDDOWN($C886/24,0)+1,1))-1)+IF('Standard Profiles'!$G$21=$B$10,7,0)+IF('Standard Profiles'!$G$21=$B$17,14,0)+IF('Standard Profiles'!$G$21=$B$24,21,0),MOD($C886,24)+1)/SUM(INDEX($D$3:$AA$30,INDEX(Jesper!$R$2:$R$366,ROW(INDEX(Jesper!AK$2:AK$366,ROUNDDOWN($C886/24,0)+1,1))-1)+IF('Standard Profiles'!$G$21=$B$10,7,0)+IF('Standard Profiles'!$G$21=$B$17,14,0)+IF('Standard Profiles'!$G$21=$B$24,21,0),0)),0)</f>
        <v>0</v>
      </c>
      <c r="H886" cm="1">
        <f t="array" ref="H886">IFERROR(INDEX(Jesper!AL$2:AL$366,ROUNDDOWN($C886/24,0)+1,1)*INDEX($D$3:$AA$30,INDEX(Jesper!$R$2:$R$366,ROW(INDEX(Jesper!AL$2:AL$366,ROUNDDOWN($C886/24,0)+1,1))-1)+IF('Standard Profiles'!$G$22=$B$10,7,0)+IF('Standard Profiles'!$G$22=$B$17,14,0)+IF('Standard Profiles'!$G$22=$B$24,21,0),MOD($C886,24)+1)/SUM(INDEX($D$3:$AA$30,INDEX(Jesper!$R$2:$R$366,ROW(INDEX(Jesper!AL$2:AL$366,ROUNDDOWN($C886/24,0)+1,1))-1)+IF('Standard Profiles'!$G$22=$B$10,7,0)+IF('Standard Profiles'!$G$22=$B$17,14,0)+IF('Standard Profiles'!$G$22=$B$24,21,0),0)),0)</f>
        <v>0</v>
      </c>
      <c r="I886">
        <f t="shared" si="111"/>
        <v>0.52032906897028852</v>
      </c>
      <c r="J886">
        <f t="shared" si="112"/>
        <v>1.734430229900962</v>
      </c>
      <c r="K886">
        <f t="shared" si="113"/>
        <v>2.6016453448514429</v>
      </c>
      <c r="L886">
        <f t="shared" si="114"/>
        <v>12.487897655286925</v>
      </c>
      <c r="M886">
        <f t="shared" si="115"/>
        <v>0</v>
      </c>
      <c r="N886" s="46">
        <f t="shared" si="116"/>
        <v>45327.499999997934</v>
      </c>
    </row>
    <row r="887" spans="2:14" x14ac:dyDescent="0.3">
      <c r="B887">
        <f t="shared" si="110"/>
        <v>1</v>
      </c>
      <c r="C887" s="16">
        <v>853</v>
      </c>
      <c r="D887" cm="1">
        <f t="array" ref="D887">IFERROR(INDEX(Jesper!AH$2:AH$366,ROUNDDOWN($C887/24,0)+1,1)*INDEX($D$3:$AA$30,INDEX(Jesper!$R$2:$R$366,ROW(INDEX(Jesper!AH$2:AH$366,ROUNDDOWN($C887/24,0)+1,1))-1)+IF('Standard Profiles'!$G$18=$B$10,7,0)+IF('Standard Profiles'!$G$18=$B$17,14,0)+IF('Standard Profiles'!$G$18=$B$24,21,0),MOD($C887,24)+1)/SUM(INDEX($D$3:$AA$30,INDEX(Jesper!$R$2:$R$366,ROW(INDEX(Jesper!AH$2:AH$366,ROUNDDOWN($C887/24,0)+1,1))-1)+IF('Standard Profiles'!$G$18=$B$10,7,0)+IF('Standard Profiles'!$G$18=$B$17,14,0)+IF('Standard Profiles'!$G$18=$B$24,21,0),0)),0)</f>
        <v>11.490600273093872</v>
      </c>
      <c r="E887" cm="1">
        <f t="array" ref="E887">IFERROR(INDEX(Jesper!AI$2:AI$366,ROUNDDOWN($C887/24,0)+1,1)*INDEX($D$3:$AA$30,INDEX(Jesper!$R$2:$R$366,ROW(INDEX(Jesper!AI$2:AI$366,ROUNDDOWN($C887/24,0)+1,1))-1)+IF('Standard Profiles'!$G$19=$B$10,7,0)+IF('Standard Profiles'!$G$19=$B$17,14,0)+IF('Standard Profiles'!$G$19=$B$24,21,0),MOD($C887,24)+1)/SUM(INDEX($D$3:$AA$30,INDEX(Jesper!$R$2:$R$366,ROW(INDEX(Jesper!AI$2:AI$366,ROUNDDOWN($C887/24,0)+1,1))-1)+IF('Standard Profiles'!$G$19=$B$10,7,0)+IF('Standard Profiles'!$G$19=$B$17,14,0)+IF('Standard Profiles'!$G$19=$B$24,21,0),0)),0)</f>
        <v>0</v>
      </c>
      <c r="F887" cm="1">
        <f t="array" ref="F887">IFERROR(INDEX(Jesper!AJ$2:AJ$366,ROUNDDOWN($C887/24,0)+1,1)*INDEX($D$3:$AA$30,INDEX(Jesper!$R$2:$R$366,ROW(INDEX(Jesper!AJ$2:AJ$366,ROUNDDOWN($C887/24,0)+1,1))-1)+IF('Standard Profiles'!$G$20=$B$10,7,0)+IF('Standard Profiles'!$G$20=$B$17,14,0)+IF('Standard Profiles'!$G$20=$B$24,21,0),MOD($C887,24)+1)/SUM(INDEX($D$3:$AA$30,INDEX(Jesper!$R$2:$R$366,ROW(INDEX(Jesper!AJ$2:AJ$366,ROUNDDOWN($C887/24,0)+1,1))-1)+IF('Standard Profiles'!$G$20=$B$10,7,0)+IF('Standard Profiles'!$G$20=$B$17,14,0)+IF('Standard Profiles'!$G$20=$B$24,21,0),0)),0)</f>
        <v>0</v>
      </c>
      <c r="G887" cm="1">
        <f t="array" ref="G887">IFERROR(INDEX(Jesper!AK$2:AK$366,ROUNDDOWN($C887/24,0)+1,1)*INDEX($D$3:$AA$30,INDEX(Jesper!$R$2:$R$366,ROW(INDEX(Jesper!AK$2:AK$366,ROUNDDOWN($C887/24,0)+1,1))-1)+IF('Standard Profiles'!$G$21=$B$10,7,0)+IF('Standard Profiles'!$G$21=$B$17,14,0)+IF('Standard Profiles'!$G$21=$B$24,21,0),MOD($C887,24)+1)/SUM(INDEX($D$3:$AA$30,INDEX(Jesper!$R$2:$R$366,ROW(INDEX(Jesper!AK$2:AK$366,ROUNDDOWN($C887/24,0)+1,1))-1)+IF('Standard Profiles'!$G$21=$B$10,7,0)+IF('Standard Profiles'!$G$21=$B$17,14,0)+IF('Standard Profiles'!$G$21=$B$24,21,0),0)),0)</f>
        <v>0</v>
      </c>
      <c r="H887" cm="1">
        <f t="array" ref="H887">IFERROR(INDEX(Jesper!AL$2:AL$366,ROUNDDOWN($C887/24,0)+1,1)*INDEX($D$3:$AA$30,INDEX(Jesper!$R$2:$R$366,ROW(INDEX(Jesper!AL$2:AL$366,ROUNDDOWN($C887/24,0)+1,1))-1)+IF('Standard Profiles'!$G$22=$B$10,7,0)+IF('Standard Profiles'!$G$22=$B$17,14,0)+IF('Standard Profiles'!$G$22=$B$24,21,0),MOD($C887,24)+1)/SUM(INDEX($D$3:$AA$30,INDEX(Jesper!$R$2:$R$366,ROW(INDEX(Jesper!AL$2:AL$366,ROUNDDOWN($C887/24,0)+1,1))-1)+IF('Standard Profiles'!$G$22=$B$10,7,0)+IF('Standard Profiles'!$G$22=$B$17,14,0)+IF('Standard Profiles'!$G$22=$B$24,21,0),0)),0)</f>
        <v>0</v>
      </c>
      <c r="I887">
        <f t="shared" si="111"/>
        <v>0.34471800819281612</v>
      </c>
      <c r="J887">
        <f t="shared" si="112"/>
        <v>1.1490600273093872</v>
      </c>
      <c r="K887">
        <f t="shared" si="113"/>
        <v>1.7235900409640807</v>
      </c>
      <c r="L887">
        <f t="shared" si="114"/>
        <v>8.2732321966275872</v>
      </c>
      <c r="M887">
        <f t="shared" si="115"/>
        <v>0</v>
      </c>
      <c r="N887" s="46">
        <f t="shared" si="116"/>
        <v>45327.541666664598</v>
      </c>
    </row>
    <row r="888" spans="2:14" x14ac:dyDescent="0.3">
      <c r="B888">
        <f t="shared" si="110"/>
        <v>1</v>
      </c>
      <c r="C888" s="16">
        <v>854</v>
      </c>
      <c r="D888" cm="1">
        <f t="array" ref="D888">IFERROR(INDEX(Jesper!AH$2:AH$366,ROUNDDOWN($C888/24,0)+1,1)*INDEX($D$3:$AA$30,INDEX(Jesper!$R$2:$R$366,ROW(INDEX(Jesper!AH$2:AH$366,ROUNDDOWN($C888/24,0)+1,1))-1)+IF('Standard Profiles'!$G$18=$B$10,7,0)+IF('Standard Profiles'!$G$18=$B$17,14,0)+IF('Standard Profiles'!$G$18=$B$24,21,0),MOD($C888,24)+1)/SUM(INDEX($D$3:$AA$30,INDEX(Jesper!$R$2:$R$366,ROW(INDEX(Jesper!AH$2:AH$366,ROUNDDOWN($C888/24,0)+1,1))-1)+IF('Standard Profiles'!$G$18=$B$10,7,0)+IF('Standard Profiles'!$G$18=$B$17,14,0)+IF('Standard Profiles'!$G$18=$B$24,21,0),0)),0)</f>
        <v>17.34430229900962</v>
      </c>
      <c r="E888" cm="1">
        <f t="array" ref="E888">IFERROR(INDEX(Jesper!AI$2:AI$366,ROUNDDOWN($C888/24,0)+1,1)*INDEX($D$3:$AA$30,INDEX(Jesper!$R$2:$R$366,ROW(INDEX(Jesper!AI$2:AI$366,ROUNDDOWN($C888/24,0)+1,1))-1)+IF('Standard Profiles'!$G$19=$B$10,7,0)+IF('Standard Profiles'!$G$19=$B$17,14,0)+IF('Standard Profiles'!$G$19=$B$24,21,0),MOD($C888,24)+1)/SUM(INDEX($D$3:$AA$30,INDEX(Jesper!$R$2:$R$366,ROW(INDEX(Jesper!AI$2:AI$366,ROUNDDOWN($C888/24,0)+1,1))-1)+IF('Standard Profiles'!$G$19=$B$10,7,0)+IF('Standard Profiles'!$G$19=$B$17,14,0)+IF('Standard Profiles'!$G$19=$B$24,21,0),0)),0)</f>
        <v>0</v>
      </c>
      <c r="F888" cm="1">
        <f t="array" ref="F888">IFERROR(INDEX(Jesper!AJ$2:AJ$366,ROUNDDOWN($C888/24,0)+1,1)*INDEX($D$3:$AA$30,INDEX(Jesper!$R$2:$R$366,ROW(INDEX(Jesper!AJ$2:AJ$366,ROUNDDOWN($C888/24,0)+1,1))-1)+IF('Standard Profiles'!$G$20=$B$10,7,0)+IF('Standard Profiles'!$G$20=$B$17,14,0)+IF('Standard Profiles'!$G$20=$B$24,21,0),MOD($C888,24)+1)/SUM(INDEX($D$3:$AA$30,INDEX(Jesper!$R$2:$R$366,ROW(INDEX(Jesper!AJ$2:AJ$366,ROUNDDOWN($C888/24,0)+1,1))-1)+IF('Standard Profiles'!$G$20=$B$10,7,0)+IF('Standard Profiles'!$G$20=$B$17,14,0)+IF('Standard Profiles'!$G$20=$B$24,21,0),0)),0)</f>
        <v>0</v>
      </c>
      <c r="G888" cm="1">
        <f t="array" ref="G888">IFERROR(INDEX(Jesper!AK$2:AK$366,ROUNDDOWN($C888/24,0)+1,1)*INDEX($D$3:$AA$30,INDEX(Jesper!$R$2:$R$366,ROW(INDEX(Jesper!AK$2:AK$366,ROUNDDOWN($C888/24,0)+1,1))-1)+IF('Standard Profiles'!$G$21=$B$10,7,0)+IF('Standard Profiles'!$G$21=$B$17,14,0)+IF('Standard Profiles'!$G$21=$B$24,21,0),MOD($C888,24)+1)/SUM(INDEX($D$3:$AA$30,INDEX(Jesper!$R$2:$R$366,ROW(INDEX(Jesper!AK$2:AK$366,ROUNDDOWN($C888/24,0)+1,1))-1)+IF('Standard Profiles'!$G$21=$B$10,7,0)+IF('Standard Profiles'!$G$21=$B$17,14,0)+IF('Standard Profiles'!$G$21=$B$24,21,0),0)),0)</f>
        <v>0</v>
      </c>
      <c r="H888" cm="1">
        <f t="array" ref="H888">IFERROR(INDEX(Jesper!AL$2:AL$366,ROUNDDOWN($C888/24,0)+1,1)*INDEX($D$3:$AA$30,INDEX(Jesper!$R$2:$R$366,ROW(INDEX(Jesper!AL$2:AL$366,ROUNDDOWN($C888/24,0)+1,1))-1)+IF('Standard Profiles'!$G$22=$B$10,7,0)+IF('Standard Profiles'!$G$22=$B$17,14,0)+IF('Standard Profiles'!$G$22=$B$24,21,0),MOD($C888,24)+1)/SUM(INDEX($D$3:$AA$30,INDEX(Jesper!$R$2:$R$366,ROW(INDEX(Jesper!AL$2:AL$366,ROUNDDOWN($C888/24,0)+1,1))-1)+IF('Standard Profiles'!$G$22=$B$10,7,0)+IF('Standard Profiles'!$G$22=$B$17,14,0)+IF('Standard Profiles'!$G$22=$B$24,21,0),0)),0)</f>
        <v>0</v>
      </c>
      <c r="I888">
        <f t="shared" si="111"/>
        <v>0.52032906897028852</v>
      </c>
      <c r="J888">
        <f t="shared" si="112"/>
        <v>1.734430229900962</v>
      </c>
      <c r="K888">
        <f t="shared" si="113"/>
        <v>2.6016453448514429</v>
      </c>
      <c r="L888">
        <f t="shared" si="114"/>
        <v>12.487897655286925</v>
      </c>
      <c r="M888">
        <f t="shared" si="115"/>
        <v>0</v>
      </c>
      <c r="N888" s="46">
        <f t="shared" si="116"/>
        <v>45327.583333331262</v>
      </c>
    </row>
    <row r="889" spans="2:14" x14ac:dyDescent="0.3">
      <c r="B889">
        <f t="shared" si="110"/>
        <v>1</v>
      </c>
      <c r="C889" s="16">
        <v>855</v>
      </c>
      <c r="D889" cm="1">
        <f t="array" ref="D889">IFERROR(INDEX(Jesper!AH$2:AH$366,ROUNDDOWN($C889/24,0)+1,1)*INDEX($D$3:$AA$30,INDEX(Jesper!$R$2:$R$366,ROW(INDEX(Jesper!AH$2:AH$366,ROUNDDOWN($C889/24,0)+1,1))-1)+IF('Standard Profiles'!$G$18=$B$10,7,0)+IF('Standard Profiles'!$G$18=$B$17,14,0)+IF('Standard Profiles'!$G$18=$B$24,21,0),MOD($C889,24)+1)/SUM(INDEX($D$3:$AA$30,INDEX(Jesper!$R$2:$R$366,ROW(INDEX(Jesper!AH$2:AH$366,ROUNDDOWN($C889/24,0)+1,1))-1)+IF('Standard Profiles'!$G$18=$B$10,7,0)+IF('Standard Profiles'!$G$18=$B$17,14,0)+IF('Standard Profiles'!$G$18=$B$24,21,0),0)),0)</f>
        <v>17.34430229900962</v>
      </c>
      <c r="E889" cm="1">
        <f t="array" ref="E889">IFERROR(INDEX(Jesper!AI$2:AI$366,ROUNDDOWN($C889/24,0)+1,1)*INDEX($D$3:$AA$30,INDEX(Jesper!$R$2:$R$366,ROW(INDEX(Jesper!AI$2:AI$366,ROUNDDOWN($C889/24,0)+1,1))-1)+IF('Standard Profiles'!$G$19=$B$10,7,0)+IF('Standard Profiles'!$G$19=$B$17,14,0)+IF('Standard Profiles'!$G$19=$B$24,21,0),MOD($C889,24)+1)/SUM(INDEX($D$3:$AA$30,INDEX(Jesper!$R$2:$R$366,ROW(INDEX(Jesper!AI$2:AI$366,ROUNDDOWN($C889/24,0)+1,1))-1)+IF('Standard Profiles'!$G$19=$B$10,7,0)+IF('Standard Profiles'!$G$19=$B$17,14,0)+IF('Standard Profiles'!$G$19=$B$24,21,0),0)),0)</f>
        <v>0</v>
      </c>
      <c r="F889" cm="1">
        <f t="array" ref="F889">IFERROR(INDEX(Jesper!AJ$2:AJ$366,ROUNDDOWN($C889/24,0)+1,1)*INDEX($D$3:$AA$30,INDEX(Jesper!$R$2:$R$366,ROW(INDEX(Jesper!AJ$2:AJ$366,ROUNDDOWN($C889/24,0)+1,1))-1)+IF('Standard Profiles'!$G$20=$B$10,7,0)+IF('Standard Profiles'!$G$20=$B$17,14,0)+IF('Standard Profiles'!$G$20=$B$24,21,0),MOD($C889,24)+1)/SUM(INDEX($D$3:$AA$30,INDEX(Jesper!$R$2:$R$366,ROW(INDEX(Jesper!AJ$2:AJ$366,ROUNDDOWN($C889/24,0)+1,1))-1)+IF('Standard Profiles'!$G$20=$B$10,7,0)+IF('Standard Profiles'!$G$20=$B$17,14,0)+IF('Standard Profiles'!$G$20=$B$24,21,0),0)),0)</f>
        <v>0</v>
      </c>
      <c r="G889" cm="1">
        <f t="array" ref="G889">IFERROR(INDEX(Jesper!AK$2:AK$366,ROUNDDOWN($C889/24,0)+1,1)*INDEX($D$3:$AA$30,INDEX(Jesper!$R$2:$R$366,ROW(INDEX(Jesper!AK$2:AK$366,ROUNDDOWN($C889/24,0)+1,1))-1)+IF('Standard Profiles'!$G$21=$B$10,7,0)+IF('Standard Profiles'!$G$21=$B$17,14,0)+IF('Standard Profiles'!$G$21=$B$24,21,0),MOD($C889,24)+1)/SUM(INDEX($D$3:$AA$30,INDEX(Jesper!$R$2:$R$366,ROW(INDEX(Jesper!AK$2:AK$366,ROUNDDOWN($C889/24,0)+1,1))-1)+IF('Standard Profiles'!$G$21=$B$10,7,0)+IF('Standard Profiles'!$G$21=$B$17,14,0)+IF('Standard Profiles'!$G$21=$B$24,21,0),0)),0)</f>
        <v>0</v>
      </c>
      <c r="H889" cm="1">
        <f t="array" ref="H889">IFERROR(INDEX(Jesper!AL$2:AL$366,ROUNDDOWN($C889/24,0)+1,1)*INDEX($D$3:$AA$30,INDEX(Jesper!$R$2:$R$366,ROW(INDEX(Jesper!AL$2:AL$366,ROUNDDOWN($C889/24,0)+1,1))-1)+IF('Standard Profiles'!$G$22=$B$10,7,0)+IF('Standard Profiles'!$G$22=$B$17,14,0)+IF('Standard Profiles'!$G$22=$B$24,21,0),MOD($C889,24)+1)/SUM(INDEX($D$3:$AA$30,INDEX(Jesper!$R$2:$R$366,ROW(INDEX(Jesper!AL$2:AL$366,ROUNDDOWN($C889/24,0)+1,1))-1)+IF('Standard Profiles'!$G$22=$B$10,7,0)+IF('Standard Profiles'!$G$22=$B$17,14,0)+IF('Standard Profiles'!$G$22=$B$24,21,0),0)),0)</f>
        <v>0</v>
      </c>
      <c r="I889">
        <f t="shared" si="111"/>
        <v>0.52032906897028852</v>
      </c>
      <c r="J889">
        <f t="shared" si="112"/>
        <v>1.734430229900962</v>
      </c>
      <c r="K889">
        <f t="shared" si="113"/>
        <v>2.6016453448514429</v>
      </c>
      <c r="L889">
        <f t="shared" si="114"/>
        <v>12.487897655286925</v>
      </c>
      <c r="M889">
        <f t="shared" si="115"/>
        <v>0</v>
      </c>
      <c r="N889" s="46">
        <f t="shared" si="116"/>
        <v>45327.624999997926</v>
      </c>
    </row>
    <row r="890" spans="2:14" x14ac:dyDescent="0.3">
      <c r="B890">
        <f t="shared" si="110"/>
        <v>1</v>
      </c>
      <c r="C890" s="16">
        <v>856</v>
      </c>
      <c r="D890" cm="1">
        <f t="array" ref="D890">IFERROR(INDEX(Jesper!AH$2:AH$366,ROUNDDOWN($C890/24,0)+1,1)*INDEX($D$3:$AA$30,INDEX(Jesper!$R$2:$R$366,ROW(INDEX(Jesper!AH$2:AH$366,ROUNDDOWN($C890/24,0)+1,1))-1)+IF('Standard Profiles'!$G$18=$B$10,7,0)+IF('Standard Profiles'!$G$18=$B$17,14,0)+IF('Standard Profiles'!$G$18=$B$24,21,0),MOD($C890,24)+1)/SUM(INDEX($D$3:$AA$30,INDEX(Jesper!$R$2:$R$366,ROW(INDEX(Jesper!AH$2:AH$366,ROUNDDOWN($C890/24,0)+1,1))-1)+IF('Standard Profiles'!$G$18=$B$10,7,0)+IF('Standard Profiles'!$G$18=$B$17,14,0)+IF('Standard Profiles'!$G$18=$B$24,21,0),0)),0)</f>
        <v>17.34430229900962</v>
      </c>
      <c r="E890" cm="1">
        <f t="array" ref="E890">IFERROR(INDEX(Jesper!AI$2:AI$366,ROUNDDOWN($C890/24,0)+1,1)*INDEX($D$3:$AA$30,INDEX(Jesper!$R$2:$R$366,ROW(INDEX(Jesper!AI$2:AI$366,ROUNDDOWN($C890/24,0)+1,1))-1)+IF('Standard Profiles'!$G$19=$B$10,7,0)+IF('Standard Profiles'!$G$19=$B$17,14,0)+IF('Standard Profiles'!$G$19=$B$24,21,0),MOD($C890,24)+1)/SUM(INDEX($D$3:$AA$30,INDEX(Jesper!$R$2:$R$366,ROW(INDEX(Jesper!AI$2:AI$366,ROUNDDOWN($C890/24,0)+1,1))-1)+IF('Standard Profiles'!$G$19=$B$10,7,0)+IF('Standard Profiles'!$G$19=$B$17,14,0)+IF('Standard Profiles'!$G$19=$B$24,21,0),0)),0)</f>
        <v>0</v>
      </c>
      <c r="F890" cm="1">
        <f t="array" ref="F890">IFERROR(INDEX(Jesper!AJ$2:AJ$366,ROUNDDOWN($C890/24,0)+1,1)*INDEX($D$3:$AA$30,INDEX(Jesper!$R$2:$R$366,ROW(INDEX(Jesper!AJ$2:AJ$366,ROUNDDOWN($C890/24,0)+1,1))-1)+IF('Standard Profiles'!$G$20=$B$10,7,0)+IF('Standard Profiles'!$G$20=$B$17,14,0)+IF('Standard Profiles'!$G$20=$B$24,21,0),MOD($C890,24)+1)/SUM(INDEX($D$3:$AA$30,INDEX(Jesper!$R$2:$R$366,ROW(INDEX(Jesper!AJ$2:AJ$366,ROUNDDOWN($C890/24,0)+1,1))-1)+IF('Standard Profiles'!$G$20=$B$10,7,0)+IF('Standard Profiles'!$G$20=$B$17,14,0)+IF('Standard Profiles'!$G$20=$B$24,21,0),0)),0)</f>
        <v>0</v>
      </c>
      <c r="G890" cm="1">
        <f t="array" ref="G890">IFERROR(INDEX(Jesper!AK$2:AK$366,ROUNDDOWN($C890/24,0)+1,1)*INDEX($D$3:$AA$30,INDEX(Jesper!$R$2:$R$366,ROW(INDEX(Jesper!AK$2:AK$366,ROUNDDOWN($C890/24,0)+1,1))-1)+IF('Standard Profiles'!$G$21=$B$10,7,0)+IF('Standard Profiles'!$G$21=$B$17,14,0)+IF('Standard Profiles'!$G$21=$B$24,21,0),MOD($C890,24)+1)/SUM(INDEX($D$3:$AA$30,INDEX(Jesper!$R$2:$R$366,ROW(INDEX(Jesper!AK$2:AK$366,ROUNDDOWN($C890/24,0)+1,1))-1)+IF('Standard Profiles'!$G$21=$B$10,7,0)+IF('Standard Profiles'!$G$21=$B$17,14,0)+IF('Standard Profiles'!$G$21=$B$24,21,0),0)),0)</f>
        <v>0</v>
      </c>
      <c r="H890" cm="1">
        <f t="array" ref="H890">IFERROR(INDEX(Jesper!AL$2:AL$366,ROUNDDOWN($C890/24,0)+1,1)*INDEX($D$3:$AA$30,INDEX(Jesper!$R$2:$R$366,ROW(INDEX(Jesper!AL$2:AL$366,ROUNDDOWN($C890/24,0)+1,1))-1)+IF('Standard Profiles'!$G$22=$B$10,7,0)+IF('Standard Profiles'!$G$22=$B$17,14,0)+IF('Standard Profiles'!$G$22=$B$24,21,0),MOD($C890,24)+1)/SUM(INDEX($D$3:$AA$30,INDEX(Jesper!$R$2:$R$366,ROW(INDEX(Jesper!AL$2:AL$366,ROUNDDOWN($C890/24,0)+1,1))-1)+IF('Standard Profiles'!$G$22=$B$10,7,0)+IF('Standard Profiles'!$G$22=$B$17,14,0)+IF('Standard Profiles'!$G$22=$B$24,21,0),0)),0)</f>
        <v>0</v>
      </c>
      <c r="I890">
        <f t="shared" si="111"/>
        <v>0.52032906897028852</v>
      </c>
      <c r="J890">
        <f t="shared" si="112"/>
        <v>1.734430229900962</v>
      </c>
      <c r="K890">
        <f t="shared" si="113"/>
        <v>2.6016453448514429</v>
      </c>
      <c r="L890">
        <f t="shared" si="114"/>
        <v>12.487897655286925</v>
      </c>
      <c r="M890">
        <f t="shared" si="115"/>
        <v>0</v>
      </c>
      <c r="N890" s="46">
        <f t="shared" si="116"/>
        <v>45327.666666664591</v>
      </c>
    </row>
    <row r="891" spans="2:14" x14ac:dyDescent="0.3">
      <c r="B891">
        <f t="shared" si="110"/>
        <v>1</v>
      </c>
      <c r="C891" s="16">
        <v>857</v>
      </c>
      <c r="D891" cm="1">
        <f t="array" ref="D891">IFERROR(INDEX(Jesper!AH$2:AH$366,ROUNDDOWN($C891/24,0)+1,1)*INDEX($D$3:$AA$30,INDEX(Jesper!$R$2:$R$366,ROW(INDEX(Jesper!AH$2:AH$366,ROUNDDOWN($C891/24,0)+1,1))-1)+IF('Standard Profiles'!$G$18=$B$10,7,0)+IF('Standard Profiles'!$G$18=$B$17,14,0)+IF('Standard Profiles'!$G$18=$B$24,21,0),MOD($C891,24)+1)/SUM(INDEX($D$3:$AA$30,INDEX(Jesper!$R$2:$R$366,ROW(INDEX(Jesper!AH$2:AH$366,ROUNDDOWN($C891/24,0)+1,1))-1)+IF('Standard Profiles'!$G$18=$B$10,7,0)+IF('Standard Profiles'!$G$18=$B$17,14,0)+IF('Standard Profiles'!$G$18=$B$24,21,0),0)),0)</f>
        <v>17.34430229900962</v>
      </c>
      <c r="E891" cm="1">
        <f t="array" ref="E891">IFERROR(INDEX(Jesper!AI$2:AI$366,ROUNDDOWN($C891/24,0)+1,1)*INDEX($D$3:$AA$30,INDEX(Jesper!$R$2:$R$366,ROW(INDEX(Jesper!AI$2:AI$366,ROUNDDOWN($C891/24,0)+1,1))-1)+IF('Standard Profiles'!$G$19=$B$10,7,0)+IF('Standard Profiles'!$G$19=$B$17,14,0)+IF('Standard Profiles'!$G$19=$B$24,21,0),MOD($C891,24)+1)/SUM(INDEX($D$3:$AA$30,INDEX(Jesper!$R$2:$R$366,ROW(INDEX(Jesper!AI$2:AI$366,ROUNDDOWN($C891/24,0)+1,1))-1)+IF('Standard Profiles'!$G$19=$B$10,7,0)+IF('Standard Profiles'!$G$19=$B$17,14,0)+IF('Standard Profiles'!$G$19=$B$24,21,0),0)),0)</f>
        <v>0</v>
      </c>
      <c r="F891" cm="1">
        <f t="array" ref="F891">IFERROR(INDEX(Jesper!AJ$2:AJ$366,ROUNDDOWN($C891/24,0)+1,1)*INDEX($D$3:$AA$30,INDEX(Jesper!$R$2:$R$366,ROW(INDEX(Jesper!AJ$2:AJ$366,ROUNDDOWN($C891/24,0)+1,1))-1)+IF('Standard Profiles'!$G$20=$B$10,7,0)+IF('Standard Profiles'!$G$20=$B$17,14,0)+IF('Standard Profiles'!$G$20=$B$24,21,0),MOD($C891,24)+1)/SUM(INDEX($D$3:$AA$30,INDEX(Jesper!$R$2:$R$366,ROW(INDEX(Jesper!AJ$2:AJ$366,ROUNDDOWN($C891/24,0)+1,1))-1)+IF('Standard Profiles'!$G$20=$B$10,7,0)+IF('Standard Profiles'!$G$20=$B$17,14,0)+IF('Standard Profiles'!$G$20=$B$24,21,0),0)),0)</f>
        <v>0</v>
      </c>
      <c r="G891" cm="1">
        <f t="array" ref="G891">IFERROR(INDEX(Jesper!AK$2:AK$366,ROUNDDOWN($C891/24,0)+1,1)*INDEX($D$3:$AA$30,INDEX(Jesper!$R$2:$R$366,ROW(INDEX(Jesper!AK$2:AK$366,ROUNDDOWN($C891/24,0)+1,1))-1)+IF('Standard Profiles'!$G$21=$B$10,7,0)+IF('Standard Profiles'!$G$21=$B$17,14,0)+IF('Standard Profiles'!$G$21=$B$24,21,0),MOD($C891,24)+1)/SUM(INDEX($D$3:$AA$30,INDEX(Jesper!$R$2:$R$366,ROW(INDEX(Jesper!AK$2:AK$366,ROUNDDOWN($C891/24,0)+1,1))-1)+IF('Standard Profiles'!$G$21=$B$10,7,0)+IF('Standard Profiles'!$G$21=$B$17,14,0)+IF('Standard Profiles'!$G$21=$B$24,21,0),0)),0)</f>
        <v>0</v>
      </c>
      <c r="H891" cm="1">
        <f t="array" ref="H891">IFERROR(INDEX(Jesper!AL$2:AL$366,ROUNDDOWN($C891/24,0)+1,1)*INDEX($D$3:$AA$30,INDEX(Jesper!$R$2:$R$366,ROW(INDEX(Jesper!AL$2:AL$366,ROUNDDOWN($C891/24,0)+1,1))-1)+IF('Standard Profiles'!$G$22=$B$10,7,0)+IF('Standard Profiles'!$G$22=$B$17,14,0)+IF('Standard Profiles'!$G$22=$B$24,21,0),MOD($C891,24)+1)/SUM(INDEX($D$3:$AA$30,INDEX(Jesper!$R$2:$R$366,ROW(INDEX(Jesper!AL$2:AL$366,ROUNDDOWN($C891/24,0)+1,1))-1)+IF('Standard Profiles'!$G$22=$B$10,7,0)+IF('Standard Profiles'!$G$22=$B$17,14,0)+IF('Standard Profiles'!$G$22=$B$24,21,0),0)),0)</f>
        <v>0</v>
      </c>
      <c r="I891">
        <f t="shared" si="111"/>
        <v>0.52032906897028852</v>
      </c>
      <c r="J891">
        <f t="shared" si="112"/>
        <v>1.734430229900962</v>
      </c>
      <c r="K891">
        <f t="shared" si="113"/>
        <v>2.6016453448514429</v>
      </c>
      <c r="L891">
        <f t="shared" si="114"/>
        <v>12.487897655286925</v>
      </c>
      <c r="M891">
        <f t="shared" si="115"/>
        <v>0</v>
      </c>
      <c r="N891" s="46">
        <f t="shared" si="116"/>
        <v>45327.708333331255</v>
      </c>
    </row>
    <row r="892" spans="2:14" x14ac:dyDescent="0.3">
      <c r="B892">
        <f t="shared" si="110"/>
        <v>1</v>
      </c>
      <c r="C892" s="16">
        <v>858</v>
      </c>
      <c r="D892" cm="1">
        <f t="array" ref="D892">IFERROR(INDEX(Jesper!AH$2:AH$366,ROUNDDOWN($C892/24,0)+1,1)*INDEX($D$3:$AA$30,INDEX(Jesper!$R$2:$R$366,ROW(INDEX(Jesper!AH$2:AH$366,ROUNDDOWN($C892/24,0)+1,1))-1)+IF('Standard Profiles'!$G$18=$B$10,7,0)+IF('Standard Profiles'!$G$18=$B$17,14,0)+IF('Standard Profiles'!$G$18=$B$24,21,0),MOD($C892,24)+1)/SUM(INDEX($D$3:$AA$30,INDEX(Jesper!$R$2:$R$366,ROW(INDEX(Jesper!AH$2:AH$366,ROUNDDOWN($C892/24,0)+1,1))-1)+IF('Standard Profiles'!$G$18=$B$10,7,0)+IF('Standard Profiles'!$G$18=$B$17,14,0)+IF('Standard Profiles'!$G$18=$B$24,21,0),0)),0)</f>
        <v>17.34430229900962</v>
      </c>
      <c r="E892" cm="1">
        <f t="array" ref="E892">IFERROR(INDEX(Jesper!AI$2:AI$366,ROUNDDOWN($C892/24,0)+1,1)*INDEX($D$3:$AA$30,INDEX(Jesper!$R$2:$R$366,ROW(INDEX(Jesper!AI$2:AI$366,ROUNDDOWN($C892/24,0)+1,1))-1)+IF('Standard Profiles'!$G$19=$B$10,7,0)+IF('Standard Profiles'!$G$19=$B$17,14,0)+IF('Standard Profiles'!$G$19=$B$24,21,0),MOD($C892,24)+1)/SUM(INDEX($D$3:$AA$30,INDEX(Jesper!$R$2:$R$366,ROW(INDEX(Jesper!AI$2:AI$366,ROUNDDOWN($C892/24,0)+1,1))-1)+IF('Standard Profiles'!$G$19=$B$10,7,0)+IF('Standard Profiles'!$G$19=$B$17,14,0)+IF('Standard Profiles'!$G$19=$B$24,21,0),0)),0)</f>
        <v>0</v>
      </c>
      <c r="F892" cm="1">
        <f t="array" ref="F892">IFERROR(INDEX(Jesper!AJ$2:AJ$366,ROUNDDOWN($C892/24,0)+1,1)*INDEX($D$3:$AA$30,INDEX(Jesper!$R$2:$R$366,ROW(INDEX(Jesper!AJ$2:AJ$366,ROUNDDOWN($C892/24,0)+1,1))-1)+IF('Standard Profiles'!$G$20=$B$10,7,0)+IF('Standard Profiles'!$G$20=$B$17,14,0)+IF('Standard Profiles'!$G$20=$B$24,21,0),MOD($C892,24)+1)/SUM(INDEX($D$3:$AA$30,INDEX(Jesper!$R$2:$R$366,ROW(INDEX(Jesper!AJ$2:AJ$366,ROUNDDOWN($C892/24,0)+1,1))-1)+IF('Standard Profiles'!$G$20=$B$10,7,0)+IF('Standard Profiles'!$G$20=$B$17,14,0)+IF('Standard Profiles'!$G$20=$B$24,21,0),0)),0)</f>
        <v>0</v>
      </c>
      <c r="G892" cm="1">
        <f t="array" ref="G892">IFERROR(INDEX(Jesper!AK$2:AK$366,ROUNDDOWN($C892/24,0)+1,1)*INDEX($D$3:$AA$30,INDEX(Jesper!$R$2:$R$366,ROW(INDEX(Jesper!AK$2:AK$366,ROUNDDOWN($C892/24,0)+1,1))-1)+IF('Standard Profiles'!$G$21=$B$10,7,0)+IF('Standard Profiles'!$G$21=$B$17,14,0)+IF('Standard Profiles'!$G$21=$B$24,21,0),MOD($C892,24)+1)/SUM(INDEX($D$3:$AA$30,INDEX(Jesper!$R$2:$R$366,ROW(INDEX(Jesper!AK$2:AK$366,ROUNDDOWN($C892/24,0)+1,1))-1)+IF('Standard Profiles'!$G$21=$B$10,7,0)+IF('Standard Profiles'!$G$21=$B$17,14,0)+IF('Standard Profiles'!$G$21=$B$24,21,0),0)),0)</f>
        <v>0</v>
      </c>
      <c r="H892" cm="1">
        <f t="array" ref="H892">IFERROR(INDEX(Jesper!AL$2:AL$366,ROUNDDOWN($C892/24,0)+1,1)*INDEX($D$3:$AA$30,INDEX(Jesper!$R$2:$R$366,ROW(INDEX(Jesper!AL$2:AL$366,ROUNDDOWN($C892/24,0)+1,1))-1)+IF('Standard Profiles'!$G$22=$B$10,7,0)+IF('Standard Profiles'!$G$22=$B$17,14,0)+IF('Standard Profiles'!$G$22=$B$24,21,0),MOD($C892,24)+1)/SUM(INDEX($D$3:$AA$30,INDEX(Jesper!$R$2:$R$366,ROW(INDEX(Jesper!AL$2:AL$366,ROUNDDOWN($C892/24,0)+1,1))-1)+IF('Standard Profiles'!$G$22=$B$10,7,0)+IF('Standard Profiles'!$G$22=$B$17,14,0)+IF('Standard Profiles'!$G$22=$B$24,21,0),0)),0)</f>
        <v>0</v>
      </c>
      <c r="I892">
        <f t="shared" si="111"/>
        <v>0.52032906897028852</v>
      </c>
      <c r="J892">
        <f t="shared" si="112"/>
        <v>1.734430229900962</v>
      </c>
      <c r="K892">
        <f t="shared" si="113"/>
        <v>2.6016453448514429</v>
      </c>
      <c r="L892">
        <f t="shared" si="114"/>
        <v>12.487897655286925</v>
      </c>
      <c r="M892">
        <f t="shared" si="115"/>
        <v>0</v>
      </c>
      <c r="N892" s="46">
        <f t="shared" si="116"/>
        <v>45327.749999997919</v>
      </c>
    </row>
    <row r="893" spans="2:14" x14ac:dyDescent="0.3">
      <c r="B893">
        <f t="shared" si="110"/>
        <v>1</v>
      </c>
      <c r="C893" s="16">
        <v>859</v>
      </c>
      <c r="D893" cm="1">
        <f t="array" ref="D893">IFERROR(INDEX(Jesper!AH$2:AH$366,ROUNDDOWN($C893/24,0)+1,1)*INDEX($D$3:$AA$30,INDEX(Jesper!$R$2:$R$366,ROW(INDEX(Jesper!AH$2:AH$366,ROUNDDOWN($C893/24,0)+1,1))-1)+IF('Standard Profiles'!$G$18=$B$10,7,0)+IF('Standard Profiles'!$G$18=$B$17,14,0)+IF('Standard Profiles'!$G$18=$B$24,21,0),MOD($C893,24)+1)/SUM(INDEX($D$3:$AA$30,INDEX(Jesper!$R$2:$R$366,ROW(INDEX(Jesper!AH$2:AH$366,ROUNDDOWN($C893/24,0)+1,1))-1)+IF('Standard Profiles'!$G$18=$B$10,7,0)+IF('Standard Profiles'!$G$18=$B$17,14,0)+IF('Standard Profiles'!$G$18=$B$24,21,0),0)),0)</f>
        <v>14.525853175420556</v>
      </c>
      <c r="E893" cm="1">
        <f t="array" ref="E893">IFERROR(INDEX(Jesper!AI$2:AI$366,ROUNDDOWN($C893/24,0)+1,1)*INDEX($D$3:$AA$30,INDEX(Jesper!$R$2:$R$366,ROW(INDEX(Jesper!AI$2:AI$366,ROUNDDOWN($C893/24,0)+1,1))-1)+IF('Standard Profiles'!$G$19=$B$10,7,0)+IF('Standard Profiles'!$G$19=$B$17,14,0)+IF('Standard Profiles'!$G$19=$B$24,21,0),MOD($C893,24)+1)/SUM(INDEX($D$3:$AA$30,INDEX(Jesper!$R$2:$R$366,ROW(INDEX(Jesper!AI$2:AI$366,ROUNDDOWN($C893/24,0)+1,1))-1)+IF('Standard Profiles'!$G$19=$B$10,7,0)+IF('Standard Profiles'!$G$19=$B$17,14,0)+IF('Standard Profiles'!$G$19=$B$24,21,0),0)),0)</f>
        <v>0</v>
      </c>
      <c r="F893" cm="1">
        <f t="array" ref="F893">IFERROR(INDEX(Jesper!AJ$2:AJ$366,ROUNDDOWN($C893/24,0)+1,1)*INDEX($D$3:$AA$30,INDEX(Jesper!$R$2:$R$366,ROW(INDEX(Jesper!AJ$2:AJ$366,ROUNDDOWN($C893/24,0)+1,1))-1)+IF('Standard Profiles'!$G$20=$B$10,7,0)+IF('Standard Profiles'!$G$20=$B$17,14,0)+IF('Standard Profiles'!$G$20=$B$24,21,0),MOD($C893,24)+1)/SUM(INDEX($D$3:$AA$30,INDEX(Jesper!$R$2:$R$366,ROW(INDEX(Jesper!AJ$2:AJ$366,ROUNDDOWN($C893/24,0)+1,1))-1)+IF('Standard Profiles'!$G$20=$B$10,7,0)+IF('Standard Profiles'!$G$20=$B$17,14,0)+IF('Standard Profiles'!$G$20=$B$24,21,0),0)),0)</f>
        <v>0</v>
      </c>
      <c r="G893" cm="1">
        <f t="array" ref="G893">IFERROR(INDEX(Jesper!AK$2:AK$366,ROUNDDOWN($C893/24,0)+1,1)*INDEX($D$3:$AA$30,INDEX(Jesper!$R$2:$R$366,ROW(INDEX(Jesper!AK$2:AK$366,ROUNDDOWN($C893/24,0)+1,1))-1)+IF('Standard Profiles'!$G$21=$B$10,7,0)+IF('Standard Profiles'!$G$21=$B$17,14,0)+IF('Standard Profiles'!$G$21=$B$24,21,0),MOD($C893,24)+1)/SUM(INDEX($D$3:$AA$30,INDEX(Jesper!$R$2:$R$366,ROW(INDEX(Jesper!AK$2:AK$366,ROUNDDOWN($C893/24,0)+1,1))-1)+IF('Standard Profiles'!$G$21=$B$10,7,0)+IF('Standard Profiles'!$G$21=$B$17,14,0)+IF('Standard Profiles'!$G$21=$B$24,21,0),0)),0)</f>
        <v>0</v>
      </c>
      <c r="H893" cm="1">
        <f t="array" ref="H893">IFERROR(INDEX(Jesper!AL$2:AL$366,ROUNDDOWN($C893/24,0)+1,1)*INDEX($D$3:$AA$30,INDEX(Jesper!$R$2:$R$366,ROW(INDEX(Jesper!AL$2:AL$366,ROUNDDOWN($C893/24,0)+1,1))-1)+IF('Standard Profiles'!$G$22=$B$10,7,0)+IF('Standard Profiles'!$G$22=$B$17,14,0)+IF('Standard Profiles'!$G$22=$B$24,21,0),MOD($C893,24)+1)/SUM(INDEX($D$3:$AA$30,INDEX(Jesper!$R$2:$R$366,ROW(INDEX(Jesper!AL$2:AL$366,ROUNDDOWN($C893/24,0)+1,1))-1)+IF('Standard Profiles'!$G$22=$B$10,7,0)+IF('Standard Profiles'!$G$22=$B$17,14,0)+IF('Standard Profiles'!$G$22=$B$24,21,0),0)),0)</f>
        <v>0</v>
      </c>
      <c r="I893">
        <f t="shared" si="111"/>
        <v>0.43577559526261667</v>
      </c>
      <c r="J893">
        <f t="shared" si="112"/>
        <v>1.4525853175420558</v>
      </c>
      <c r="K893">
        <f t="shared" si="113"/>
        <v>2.1788779763130832</v>
      </c>
      <c r="L893">
        <f t="shared" si="114"/>
        <v>10.458614286302799</v>
      </c>
      <c r="M893">
        <f t="shared" si="115"/>
        <v>0</v>
      </c>
      <c r="N893" s="46">
        <f t="shared" si="116"/>
        <v>45327.791666664583</v>
      </c>
    </row>
    <row r="894" spans="2:14" x14ac:dyDescent="0.3">
      <c r="B894">
        <f t="shared" si="110"/>
        <v>1</v>
      </c>
      <c r="C894" s="16">
        <v>860</v>
      </c>
      <c r="D894" cm="1">
        <f t="array" ref="D894">IFERROR(INDEX(Jesper!AH$2:AH$366,ROUNDDOWN($C894/24,0)+1,1)*INDEX($D$3:$AA$30,INDEX(Jesper!$R$2:$R$366,ROW(INDEX(Jesper!AH$2:AH$366,ROUNDDOWN($C894/24,0)+1,1))-1)+IF('Standard Profiles'!$G$18=$B$10,7,0)+IF('Standard Profiles'!$G$18=$B$17,14,0)+IF('Standard Profiles'!$G$18=$B$24,21,0),MOD($C894,24)+1)/SUM(INDEX($D$3:$AA$30,INDEX(Jesper!$R$2:$R$366,ROW(INDEX(Jesper!AH$2:AH$366,ROUNDDOWN($C894/24,0)+1,1))-1)+IF('Standard Profiles'!$G$18=$B$10,7,0)+IF('Standard Profiles'!$G$18=$B$17,14,0)+IF('Standard Profiles'!$G$18=$B$24,21,0),0)),0)</f>
        <v>11.924207830569111</v>
      </c>
      <c r="E894" cm="1">
        <f t="array" ref="E894">IFERROR(INDEX(Jesper!AI$2:AI$366,ROUNDDOWN($C894/24,0)+1,1)*INDEX($D$3:$AA$30,INDEX(Jesper!$R$2:$R$366,ROW(INDEX(Jesper!AI$2:AI$366,ROUNDDOWN($C894/24,0)+1,1))-1)+IF('Standard Profiles'!$G$19=$B$10,7,0)+IF('Standard Profiles'!$G$19=$B$17,14,0)+IF('Standard Profiles'!$G$19=$B$24,21,0),MOD($C894,24)+1)/SUM(INDEX($D$3:$AA$30,INDEX(Jesper!$R$2:$R$366,ROW(INDEX(Jesper!AI$2:AI$366,ROUNDDOWN($C894/24,0)+1,1))-1)+IF('Standard Profiles'!$G$19=$B$10,7,0)+IF('Standard Profiles'!$G$19=$B$17,14,0)+IF('Standard Profiles'!$G$19=$B$24,21,0),0)),0)</f>
        <v>0</v>
      </c>
      <c r="F894" cm="1">
        <f t="array" ref="F894">IFERROR(INDEX(Jesper!AJ$2:AJ$366,ROUNDDOWN($C894/24,0)+1,1)*INDEX($D$3:$AA$30,INDEX(Jesper!$R$2:$R$366,ROW(INDEX(Jesper!AJ$2:AJ$366,ROUNDDOWN($C894/24,0)+1,1))-1)+IF('Standard Profiles'!$G$20=$B$10,7,0)+IF('Standard Profiles'!$G$20=$B$17,14,0)+IF('Standard Profiles'!$G$20=$B$24,21,0),MOD($C894,24)+1)/SUM(INDEX($D$3:$AA$30,INDEX(Jesper!$R$2:$R$366,ROW(INDEX(Jesper!AJ$2:AJ$366,ROUNDDOWN($C894/24,0)+1,1))-1)+IF('Standard Profiles'!$G$20=$B$10,7,0)+IF('Standard Profiles'!$G$20=$B$17,14,0)+IF('Standard Profiles'!$G$20=$B$24,21,0),0)),0)</f>
        <v>0</v>
      </c>
      <c r="G894" cm="1">
        <f t="array" ref="G894">IFERROR(INDEX(Jesper!AK$2:AK$366,ROUNDDOWN($C894/24,0)+1,1)*INDEX($D$3:$AA$30,INDEX(Jesper!$R$2:$R$366,ROW(INDEX(Jesper!AK$2:AK$366,ROUNDDOWN($C894/24,0)+1,1))-1)+IF('Standard Profiles'!$G$21=$B$10,7,0)+IF('Standard Profiles'!$G$21=$B$17,14,0)+IF('Standard Profiles'!$G$21=$B$24,21,0),MOD($C894,24)+1)/SUM(INDEX($D$3:$AA$30,INDEX(Jesper!$R$2:$R$366,ROW(INDEX(Jesper!AK$2:AK$366,ROUNDDOWN($C894/24,0)+1,1))-1)+IF('Standard Profiles'!$G$21=$B$10,7,0)+IF('Standard Profiles'!$G$21=$B$17,14,0)+IF('Standard Profiles'!$G$21=$B$24,21,0),0)),0)</f>
        <v>0</v>
      </c>
      <c r="H894" cm="1">
        <f t="array" ref="H894">IFERROR(INDEX(Jesper!AL$2:AL$366,ROUNDDOWN($C894/24,0)+1,1)*INDEX($D$3:$AA$30,INDEX(Jesper!$R$2:$R$366,ROW(INDEX(Jesper!AL$2:AL$366,ROUNDDOWN($C894/24,0)+1,1))-1)+IF('Standard Profiles'!$G$22=$B$10,7,0)+IF('Standard Profiles'!$G$22=$B$17,14,0)+IF('Standard Profiles'!$G$22=$B$24,21,0),MOD($C894,24)+1)/SUM(INDEX($D$3:$AA$30,INDEX(Jesper!$R$2:$R$366,ROW(INDEX(Jesper!AL$2:AL$366,ROUNDDOWN($C894/24,0)+1,1))-1)+IF('Standard Profiles'!$G$22=$B$10,7,0)+IF('Standard Profiles'!$G$22=$B$17,14,0)+IF('Standard Profiles'!$G$22=$B$24,21,0),0)),0)</f>
        <v>0</v>
      </c>
      <c r="I894">
        <f t="shared" si="111"/>
        <v>0.35772623491707334</v>
      </c>
      <c r="J894">
        <f t="shared" si="112"/>
        <v>1.1924207830569111</v>
      </c>
      <c r="K894">
        <f t="shared" si="113"/>
        <v>1.7886311745853667</v>
      </c>
      <c r="L894">
        <f t="shared" si="114"/>
        <v>8.5854296380097601</v>
      </c>
      <c r="M894">
        <f t="shared" si="115"/>
        <v>0</v>
      </c>
      <c r="N894" s="46">
        <f t="shared" si="116"/>
        <v>45327.833333331248</v>
      </c>
    </row>
    <row r="895" spans="2:14" x14ac:dyDescent="0.3">
      <c r="B895">
        <f t="shared" si="110"/>
        <v>1</v>
      </c>
      <c r="C895" s="16">
        <v>861</v>
      </c>
      <c r="D895" cm="1">
        <f t="array" ref="D895">IFERROR(INDEX(Jesper!AH$2:AH$366,ROUNDDOWN($C895/24,0)+1,1)*INDEX($D$3:$AA$30,INDEX(Jesper!$R$2:$R$366,ROW(INDEX(Jesper!AH$2:AH$366,ROUNDDOWN($C895/24,0)+1,1))-1)+IF('Standard Profiles'!$G$18=$B$10,7,0)+IF('Standard Profiles'!$G$18=$B$17,14,0)+IF('Standard Profiles'!$G$18=$B$24,21,0),MOD($C895,24)+1)/SUM(INDEX($D$3:$AA$30,INDEX(Jesper!$R$2:$R$366,ROW(INDEX(Jesper!AH$2:AH$366,ROUNDDOWN($C895/24,0)+1,1))-1)+IF('Standard Profiles'!$G$18=$B$10,7,0)+IF('Standard Profiles'!$G$18=$B$17,14,0)+IF('Standard Profiles'!$G$18=$B$24,21,0),0)),0)</f>
        <v>8.6721511495048098</v>
      </c>
      <c r="E895" cm="1">
        <f t="array" ref="E895">IFERROR(INDEX(Jesper!AI$2:AI$366,ROUNDDOWN($C895/24,0)+1,1)*INDEX($D$3:$AA$30,INDEX(Jesper!$R$2:$R$366,ROW(INDEX(Jesper!AI$2:AI$366,ROUNDDOWN($C895/24,0)+1,1))-1)+IF('Standard Profiles'!$G$19=$B$10,7,0)+IF('Standard Profiles'!$G$19=$B$17,14,0)+IF('Standard Profiles'!$G$19=$B$24,21,0),MOD($C895,24)+1)/SUM(INDEX($D$3:$AA$30,INDEX(Jesper!$R$2:$R$366,ROW(INDEX(Jesper!AI$2:AI$366,ROUNDDOWN($C895/24,0)+1,1))-1)+IF('Standard Profiles'!$G$19=$B$10,7,0)+IF('Standard Profiles'!$G$19=$B$17,14,0)+IF('Standard Profiles'!$G$19=$B$24,21,0),0)),0)</f>
        <v>0</v>
      </c>
      <c r="F895" cm="1">
        <f t="array" ref="F895">IFERROR(INDEX(Jesper!AJ$2:AJ$366,ROUNDDOWN($C895/24,0)+1,1)*INDEX($D$3:$AA$30,INDEX(Jesper!$R$2:$R$366,ROW(INDEX(Jesper!AJ$2:AJ$366,ROUNDDOWN($C895/24,0)+1,1))-1)+IF('Standard Profiles'!$G$20=$B$10,7,0)+IF('Standard Profiles'!$G$20=$B$17,14,0)+IF('Standard Profiles'!$G$20=$B$24,21,0),MOD($C895,24)+1)/SUM(INDEX($D$3:$AA$30,INDEX(Jesper!$R$2:$R$366,ROW(INDEX(Jesper!AJ$2:AJ$366,ROUNDDOWN($C895/24,0)+1,1))-1)+IF('Standard Profiles'!$G$20=$B$10,7,0)+IF('Standard Profiles'!$G$20=$B$17,14,0)+IF('Standard Profiles'!$G$20=$B$24,21,0),0)),0)</f>
        <v>0</v>
      </c>
      <c r="G895" cm="1">
        <f t="array" ref="G895">IFERROR(INDEX(Jesper!AK$2:AK$366,ROUNDDOWN($C895/24,0)+1,1)*INDEX($D$3:$AA$30,INDEX(Jesper!$R$2:$R$366,ROW(INDEX(Jesper!AK$2:AK$366,ROUNDDOWN($C895/24,0)+1,1))-1)+IF('Standard Profiles'!$G$21=$B$10,7,0)+IF('Standard Profiles'!$G$21=$B$17,14,0)+IF('Standard Profiles'!$G$21=$B$24,21,0),MOD($C895,24)+1)/SUM(INDEX($D$3:$AA$30,INDEX(Jesper!$R$2:$R$366,ROW(INDEX(Jesper!AK$2:AK$366,ROUNDDOWN($C895/24,0)+1,1))-1)+IF('Standard Profiles'!$G$21=$B$10,7,0)+IF('Standard Profiles'!$G$21=$B$17,14,0)+IF('Standard Profiles'!$G$21=$B$24,21,0),0)),0)</f>
        <v>0</v>
      </c>
      <c r="H895" cm="1">
        <f t="array" ref="H895">IFERROR(INDEX(Jesper!AL$2:AL$366,ROUNDDOWN($C895/24,0)+1,1)*INDEX($D$3:$AA$30,INDEX(Jesper!$R$2:$R$366,ROW(INDEX(Jesper!AL$2:AL$366,ROUNDDOWN($C895/24,0)+1,1))-1)+IF('Standard Profiles'!$G$22=$B$10,7,0)+IF('Standard Profiles'!$G$22=$B$17,14,0)+IF('Standard Profiles'!$G$22=$B$24,21,0),MOD($C895,24)+1)/SUM(INDEX($D$3:$AA$30,INDEX(Jesper!$R$2:$R$366,ROW(INDEX(Jesper!AL$2:AL$366,ROUNDDOWN($C895/24,0)+1,1))-1)+IF('Standard Profiles'!$G$22=$B$10,7,0)+IF('Standard Profiles'!$G$22=$B$17,14,0)+IF('Standard Profiles'!$G$22=$B$24,21,0),0)),0)</f>
        <v>0</v>
      </c>
      <c r="I895">
        <f t="shared" si="111"/>
        <v>0.26016453448514426</v>
      </c>
      <c r="J895">
        <f t="shared" si="112"/>
        <v>0.86721511495048098</v>
      </c>
      <c r="K895">
        <f t="shared" si="113"/>
        <v>1.3008226724257215</v>
      </c>
      <c r="L895">
        <f t="shared" si="114"/>
        <v>6.2439488276434627</v>
      </c>
      <c r="M895">
        <f t="shared" si="115"/>
        <v>0</v>
      </c>
      <c r="N895" s="46">
        <f t="shared" si="116"/>
        <v>45327.874999997912</v>
      </c>
    </row>
    <row r="896" spans="2:14" x14ac:dyDescent="0.3">
      <c r="B896">
        <f t="shared" si="110"/>
        <v>1</v>
      </c>
      <c r="C896" s="16">
        <v>862</v>
      </c>
      <c r="D896" cm="1">
        <f t="array" ref="D896">IFERROR(INDEX(Jesper!AH$2:AH$366,ROUNDDOWN($C896/24,0)+1,1)*INDEX($D$3:$AA$30,INDEX(Jesper!$R$2:$R$366,ROW(INDEX(Jesper!AH$2:AH$366,ROUNDDOWN($C896/24,0)+1,1))-1)+IF('Standard Profiles'!$G$18=$B$10,7,0)+IF('Standard Profiles'!$G$18=$B$17,14,0)+IF('Standard Profiles'!$G$18=$B$24,21,0),MOD($C896,24)+1)/SUM(INDEX($D$3:$AA$30,INDEX(Jesper!$R$2:$R$366,ROW(INDEX(Jesper!AH$2:AH$366,ROUNDDOWN($C896/24,0)+1,1))-1)+IF('Standard Profiles'!$G$18=$B$10,7,0)+IF('Standard Profiles'!$G$18=$B$17,14,0)+IF('Standard Profiles'!$G$18=$B$24,21,0),0)),0)</f>
        <v>8.2385435920295684</v>
      </c>
      <c r="E896" cm="1">
        <f t="array" ref="E896">IFERROR(INDEX(Jesper!AI$2:AI$366,ROUNDDOWN($C896/24,0)+1,1)*INDEX($D$3:$AA$30,INDEX(Jesper!$R$2:$R$366,ROW(INDEX(Jesper!AI$2:AI$366,ROUNDDOWN($C896/24,0)+1,1))-1)+IF('Standard Profiles'!$G$19=$B$10,7,0)+IF('Standard Profiles'!$G$19=$B$17,14,0)+IF('Standard Profiles'!$G$19=$B$24,21,0),MOD($C896,24)+1)/SUM(INDEX($D$3:$AA$30,INDEX(Jesper!$R$2:$R$366,ROW(INDEX(Jesper!AI$2:AI$366,ROUNDDOWN($C896/24,0)+1,1))-1)+IF('Standard Profiles'!$G$19=$B$10,7,0)+IF('Standard Profiles'!$G$19=$B$17,14,0)+IF('Standard Profiles'!$G$19=$B$24,21,0),0)),0)</f>
        <v>0</v>
      </c>
      <c r="F896" cm="1">
        <f t="array" ref="F896">IFERROR(INDEX(Jesper!AJ$2:AJ$366,ROUNDDOWN($C896/24,0)+1,1)*INDEX($D$3:$AA$30,INDEX(Jesper!$R$2:$R$366,ROW(INDEX(Jesper!AJ$2:AJ$366,ROUNDDOWN($C896/24,0)+1,1))-1)+IF('Standard Profiles'!$G$20=$B$10,7,0)+IF('Standard Profiles'!$G$20=$B$17,14,0)+IF('Standard Profiles'!$G$20=$B$24,21,0),MOD($C896,24)+1)/SUM(INDEX($D$3:$AA$30,INDEX(Jesper!$R$2:$R$366,ROW(INDEX(Jesper!AJ$2:AJ$366,ROUNDDOWN($C896/24,0)+1,1))-1)+IF('Standard Profiles'!$G$20=$B$10,7,0)+IF('Standard Profiles'!$G$20=$B$17,14,0)+IF('Standard Profiles'!$G$20=$B$24,21,0),0)),0)</f>
        <v>0</v>
      </c>
      <c r="G896" cm="1">
        <f t="array" ref="G896">IFERROR(INDEX(Jesper!AK$2:AK$366,ROUNDDOWN($C896/24,0)+1,1)*INDEX($D$3:$AA$30,INDEX(Jesper!$R$2:$R$366,ROW(INDEX(Jesper!AK$2:AK$366,ROUNDDOWN($C896/24,0)+1,1))-1)+IF('Standard Profiles'!$G$21=$B$10,7,0)+IF('Standard Profiles'!$G$21=$B$17,14,0)+IF('Standard Profiles'!$G$21=$B$24,21,0),MOD($C896,24)+1)/SUM(INDEX($D$3:$AA$30,INDEX(Jesper!$R$2:$R$366,ROW(INDEX(Jesper!AK$2:AK$366,ROUNDDOWN($C896/24,0)+1,1))-1)+IF('Standard Profiles'!$G$21=$B$10,7,0)+IF('Standard Profiles'!$G$21=$B$17,14,0)+IF('Standard Profiles'!$G$21=$B$24,21,0),0)),0)</f>
        <v>0</v>
      </c>
      <c r="H896" cm="1">
        <f t="array" ref="H896">IFERROR(INDEX(Jesper!AL$2:AL$366,ROUNDDOWN($C896/24,0)+1,1)*INDEX($D$3:$AA$30,INDEX(Jesper!$R$2:$R$366,ROW(INDEX(Jesper!AL$2:AL$366,ROUNDDOWN($C896/24,0)+1,1))-1)+IF('Standard Profiles'!$G$22=$B$10,7,0)+IF('Standard Profiles'!$G$22=$B$17,14,0)+IF('Standard Profiles'!$G$22=$B$24,21,0),MOD($C896,24)+1)/SUM(INDEX($D$3:$AA$30,INDEX(Jesper!$R$2:$R$366,ROW(INDEX(Jesper!AL$2:AL$366,ROUNDDOWN($C896/24,0)+1,1))-1)+IF('Standard Profiles'!$G$22=$B$10,7,0)+IF('Standard Profiles'!$G$22=$B$17,14,0)+IF('Standard Profiles'!$G$22=$B$24,21,0),0)),0)</f>
        <v>0</v>
      </c>
      <c r="I896">
        <f t="shared" si="111"/>
        <v>0.24715630776088704</v>
      </c>
      <c r="J896">
        <f t="shared" si="112"/>
        <v>0.82385435920295691</v>
      </c>
      <c r="K896">
        <f t="shared" si="113"/>
        <v>1.2357815388044353</v>
      </c>
      <c r="L896">
        <f t="shared" si="114"/>
        <v>5.9317513862612889</v>
      </c>
      <c r="M896">
        <f t="shared" si="115"/>
        <v>0</v>
      </c>
      <c r="N896" s="46">
        <f t="shared" si="116"/>
        <v>45327.916666664576</v>
      </c>
    </row>
    <row r="897" spans="2:14" x14ac:dyDescent="0.3">
      <c r="B897">
        <f t="shared" si="110"/>
        <v>1</v>
      </c>
      <c r="C897" s="16">
        <v>863</v>
      </c>
      <c r="D897" cm="1">
        <f t="array" ref="D897">IFERROR(INDEX(Jesper!AH$2:AH$366,ROUNDDOWN($C897/24,0)+1,1)*INDEX($D$3:$AA$30,INDEX(Jesper!$R$2:$R$366,ROW(INDEX(Jesper!AH$2:AH$366,ROUNDDOWN($C897/24,0)+1,1))-1)+IF('Standard Profiles'!$G$18=$B$10,7,0)+IF('Standard Profiles'!$G$18=$B$17,14,0)+IF('Standard Profiles'!$G$18=$B$24,21,0),MOD($C897,24)+1)/SUM(INDEX($D$3:$AA$30,INDEX(Jesper!$R$2:$R$366,ROW(INDEX(Jesper!AH$2:AH$366,ROUNDDOWN($C897/24,0)+1,1))-1)+IF('Standard Profiles'!$G$18=$B$10,7,0)+IF('Standard Profiles'!$G$18=$B$17,14,0)+IF('Standard Profiles'!$G$18=$B$24,21,0),0)),0)</f>
        <v>8.2385435920295684</v>
      </c>
      <c r="E897" cm="1">
        <f t="array" ref="E897">IFERROR(INDEX(Jesper!AI$2:AI$366,ROUNDDOWN($C897/24,0)+1,1)*INDEX($D$3:$AA$30,INDEX(Jesper!$R$2:$R$366,ROW(INDEX(Jesper!AI$2:AI$366,ROUNDDOWN($C897/24,0)+1,1))-1)+IF('Standard Profiles'!$G$19=$B$10,7,0)+IF('Standard Profiles'!$G$19=$B$17,14,0)+IF('Standard Profiles'!$G$19=$B$24,21,0),MOD($C897,24)+1)/SUM(INDEX($D$3:$AA$30,INDEX(Jesper!$R$2:$R$366,ROW(INDEX(Jesper!AI$2:AI$366,ROUNDDOWN($C897/24,0)+1,1))-1)+IF('Standard Profiles'!$G$19=$B$10,7,0)+IF('Standard Profiles'!$G$19=$B$17,14,0)+IF('Standard Profiles'!$G$19=$B$24,21,0),0)),0)</f>
        <v>0</v>
      </c>
      <c r="F897" cm="1">
        <f t="array" ref="F897">IFERROR(INDEX(Jesper!AJ$2:AJ$366,ROUNDDOWN($C897/24,0)+1,1)*INDEX($D$3:$AA$30,INDEX(Jesper!$R$2:$R$366,ROW(INDEX(Jesper!AJ$2:AJ$366,ROUNDDOWN($C897/24,0)+1,1))-1)+IF('Standard Profiles'!$G$20=$B$10,7,0)+IF('Standard Profiles'!$G$20=$B$17,14,0)+IF('Standard Profiles'!$G$20=$B$24,21,0),MOD($C897,24)+1)/SUM(INDEX($D$3:$AA$30,INDEX(Jesper!$R$2:$R$366,ROW(INDEX(Jesper!AJ$2:AJ$366,ROUNDDOWN($C897/24,0)+1,1))-1)+IF('Standard Profiles'!$G$20=$B$10,7,0)+IF('Standard Profiles'!$G$20=$B$17,14,0)+IF('Standard Profiles'!$G$20=$B$24,21,0),0)),0)</f>
        <v>0</v>
      </c>
      <c r="G897" cm="1">
        <f t="array" ref="G897">IFERROR(INDEX(Jesper!AK$2:AK$366,ROUNDDOWN($C897/24,0)+1,1)*INDEX($D$3:$AA$30,INDEX(Jesper!$R$2:$R$366,ROW(INDEX(Jesper!AK$2:AK$366,ROUNDDOWN($C897/24,0)+1,1))-1)+IF('Standard Profiles'!$G$21=$B$10,7,0)+IF('Standard Profiles'!$G$21=$B$17,14,0)+IF('Standard Profiles'!$G$21=$B$24,21,0),MOD($C897,24)+1)/SUM(INDEX($D$3:$AA$30,INDEX(Jesper!$R$2:$R$366,ROW(INDEX(Jesper!AK$2:AK$366,ROUNDDOWN($C897/24,0)+1,1))-1)+IF('Standard Profiles'!$G$21=$B$10,7,0)+IF('Standard Profiles'!$G$21=$B$17,14,0)+IF('Standard Profiles'!$G$21=$B$24,21,0),0)),0)</f>
        <v>0</v>
      </c>
      <c r="H897" cm="1">
        <f t="array" ref="H897">IFERROR(INDEX(Jesper!AL$2:AL$366,ROUNDDOWN($C897/24,0)+1,1)*INDEX($D$3:$AA$30,INDEX(Jesper!$R$2:$R$366,ROW(INDEX(Jesper!AL$2:AL$366,ROUNDDOWN($C897/24,0)+1,1))-1)+IF('Standard Profiles'!$G$22=$B$10,7,0)+IF('Standard Profiles'!$G$22=$B$17,14,0)+IF('Standard Profiles'!$G$22=$B$24,21,0),MOD($C897,24)+1)/SUM(INDEX($D$3:$AA$30,INDEX(Jesper!$R$2:$R$366,ROW(INDEX(Jesper!AL$2:AL$366,ROUNDDOWN($C897/24,0)+1,1))-1)+IF('Standard Profiles'!$G$22=$B$10,7,0)+IF('Standard Profiles'!$G$22=$B$17,14,0)+IF('Standard Profiles'!$G$22=$B$24,21,0),0)),0)</f>
        <v>0</v>
      </c>
      <c r="I897">
        <f t="shared" si="111"/>
        <v>0.24715630776088704</v>
      </c>
      <c r="J897">
        <f t="shared" si="112"/>
        <v>0.82385435920295691</v>
      </c>
      <c r="K897">
        <f t="shared" si="113"/>
        <v>1.2357815388044353</v>
      </c>
      <c r="L897">
        <f t="shared" si="114"/>
        <v>5.9317513862612889</v>
      </c>
      <c r="M897">
        <f t="shared" si="115"/>
        <v>0</v>
      </c>
      <c r="N897" s="46">
        <f t="shared" si="116"/>
        <v>45327.95833333124</v>
      </c>
    </row>
    <row r="898" spans="2:14" x14ac:dyDescent="0.3">
      <c r="B898">
        <f t="shared" si="110"/>
        <v>2</v>
      </c>
      <c r="C898" s="16">
        <v>864</v>
      </c>
      <c r="D898" cm="1">
        <f t="array" ref="D898">IFERROR(INDEX(Jesper!AH$2:AH$366,ROUNDDOWN($C898/24,0)+1,1)*INDEX($D$3:$AA$30,INDEX(Jesper!$R$2:$R$366,ROW(INDEX(Jesper!AH$2:AH$366,ROUNDDOWN($C898/24,0)+1,1))-1)+IF('Standard Profiles'!$G$18=$B$10,7,0)+IF('Standard Profiles'!$G$18=$B$17,14,0)+IF('Standard Profiles'!$G$18=$B$24,21,0),MOD($C898,24)+1)/SUM(INDEX($D$3:$AA$30,INDEX(Jesper!$R$2:$R$366,ROW(INDEX(Jesper!AH$2:AH$366,ROUNDDOWN($C898/24,0)+1,1))-1)+IF('Standard Profiles'!$G$18=$B$10,7,0)+IF('Standard Profiles'!$G$18=$B$17,14,0)+IF('Standard Profiles'!$G$18=$B$24,21,0),0)),0)</f>
        <v>7.5066836771003862</v>
      </c>
      <c r="E898" cm="1">
        <f t="array" ref="E898">IFERROR(INDEX(Jesper!AI$2:AI$366,ROUNDDOWN($C898/24,0)+1,1)*INDEX($D$3:$AA$30,INDEX(Jesper!$R$2:$R$366,ROW(INDEX(Jesper!AI$2:AI$366,ROUNDDOWN($C898/24,0)+1,1))-1)+IF('Standard Profiles'!$G$19=$B$10,7,0)+IF('Standard Profiles'!$G$19=$B$17,14,0)+IF('Standard Profiles'!$G$19=$B$24,21,0),MOD($C898,24)+1)/SUM(INDEX($D$3:$AA$30,INDEX(Jesper!$R$2:$R$366,ROW(INDEX(Jesper!AI$2:AI$366,ROUNDDOWN($C898/24,0)+1,1))-1)+IF('Standard Profiles'!$G$19=$B$10,7,0)+IF('Standard Profiles'!$G$19=$B$17,14,0)+IF('Standard Profiles'!$G$19=$B$24,21,0),0)),0)</f>
        <v>0</v>
      </c>
      <c r="F898" cm="1">
        <f t="array" ref="F898">IFERROR(INDEX(Jesper!AJ$2:AJ$366,ROUNDDOWN($C898/24,0)+1,1)*INDEX($D$3:$AA$30,INDEX(Jesper!$R$2:$R$366,ROW(INDEX(Jesper!AJ$2:AJ$366,ROUNDDOWN($C898/24,0)+1,1))-1)+IF('Standard Profiles'!$G$20=$B$10,7,0)+IF('Standard Profiles'!$G$20=$B$17,14,0)+IF('Standard Profiles'!$G$20=$B$24,21,0),MOD($C898,24)+1)/SUM(INDEX($D$3:$AA$30,INDEX(Jesper!$R$2:$R$366,ROW(INDEX(Jesper!AJ$2:AJ$366,ROUNDDOWN($C898/24,0)+1,1))-1)+IF('Standard Profiles'!$G$20=$B$10,7,0)+IF('Standard Profiles'!$G$20=$B$17,14,0)+IF('Standard Profiles'!$G$20=$B$24,21,0),0)),0)</f>
        <v>0</v>
      </c>
      <c r="G898" cm="1">
        <f t="array" ref="G898">IFERROR(INDEX(Jesper!AK$2:AK$366,ROUNDDOWN($C898/24,0)+1,1)*INDEX($D$3:$AA$30,INDEX(Jesper!$R$2:$R$366,ROW(INDEX(Jesper!AK$2:AK$366,ROUNDDOWN($C898/24,0)+1,1))-1)+IF('Standard Profiles'!$G$21=$B$10,7,0)+IF('Standard Profiles'!$G$21=$B$17,14,0)+IF('Standard Profiles'!$G$21=$B$24,21,0),MOD($C898,24)+1)/SUM(INDEX($D$3:$AA$30,INDEX(Jesper!$R$2:$R$366,ROW(INDEX(Jesper!AK$2:AK$366,ROUNDDOWN($C898/24,0)+1,1))-1)+IF('Standard Profiles'!$G$21=$B$10,7,0)+IF('Standard Profiles'!$G$21=$B$17,14,0)+IF('Standard Profiles'!$G$21=$B$24,21,0),0)),0)</f>
        <v>0</v>
      </c>
      <c r="H898" cm="1">
        <f t="array" ref="H898">IFERROR(INDEX(Jesper!AL$2:AL$366,ROUNDDOWN($C898/24,0)+1,1)*INDEX($D$3:$AA$30,INDEX(Jesper!$R$2:$R$366,ROW(INDEX(Jesper!AL$2:AL$366,ROUNDDOWN($C898/24,0)+1,1))-1)+IF('Standard Profiles'!$G$22=$B$10,7,0)+IF('Standard Profiles'!$G$22=$B$17,14,0)+IF('Standard Profiles'!$G$22=$B$24,21,0),MOD($C898,24)+1)/SUM(INDEX($D$3:$AA$30,INDEX(Jesper!$R$2:$R$366,ROW(INDEX(Jesper!AL$2:AL$366,ROUNDDOWN($C898/24,0)+1,1))-1)+IF('Standard Profiles'!$G$22=$B$10,7,0)+IF('Standard Profiles'!$G$22=$B$17,14,0)+IF('Standard Profiles'!$G$22=$B$24,21,0),0)),0)</f>
        <v>0</v>
      </c>
      <c r="I898">
        <f t="shared" si="111"/>
        <v>0.22520051031301158</v>
      </c>
      <c r="J898">
        <f t="shared" si="112"/>
        <v>0.75066836771003864</v>
      </c>
      <c r="K898">
        <f t="shared" si="113"/>
        <v>1.1260025515650578</v>
      </c>
      <c r="L898">
        <f t="shared" si="114"/>
        <v>5.404812247512278</v>
      </c>
      <c r="M898">
        <f t="shared" si="115"/>
        <v>0</v>
      </c>
      <c r="N898" s="46">
        <f t="shared" si="116"/>
        <v>45327.999999997905</v>
      </c>
    </row>
    <row r="899" spans="2:14" x14ac:dyDescent="0.3">
      <c r="B899">
        <f t="shared" si="110"/>
        <v>2</v>
      </c>
      <c r="C899" s="16">
        <v>865</v>
      </c>
      <c r="D899" cm="1">
        <f t="array" ref="D899">IFERROR(INDEX(Jesper!AH$2:AH$366,ROUNDDOWN($C899/24,0)+1,1)*INDEX($D$3:$AA$30,INDEX(Jesper!$R$2:$R$366,ROW(INDEX(Jesper!AH$2:AH$366,ROUNDDOWN($C899/24,0)+1,1))-1)+IF('Standard Profiles'!$G$18=$B$10,7,0)+IF('Standard Profiles'!$G$18=$B$17,14,0)+IF('Standard Profiles'!$G$18=$B$24,21,0),MOD($C899,24)+1)/SUM(INDEX($D$3:$AA$30,INDEX(Jesper!$R$2:$R$366,ROW(INDEX(Jesper!AH$2:AH$366,ROUNDDOWN($C899/24,0)+1,1))-1)+IF('Standard Profiles'!$G$18=$B$10,7,0)+IF('Standard Profiles'!$G$18=$B$17,14,0)+IF('Standard Profiles'!$G$18=$B$24,21,0),0)),0)</f>
        <v>7.5066836771003862</v>
      </c>
      <c r="E899" cm="1">
        <f t="array" ref="E899">IFERROR(INDEX(Jesper!AI$2:AI$366,ROUNDDOWN($C899/24,0)+1,1)*INDEX($D$3:$AA$30,INDEX(Jesper!$R$2:$R$366,ROW(INDEX(Jesper!AI$2:AI$366,ROUNDDOWN($C899/24,0)+1,1))-1)+IF('Standard Profiles'!$G$19=$B$10,7,0)+IF('Standard Profiles'!$G$19=$B$17,14,0)+IF('Standard Profiles'!$G$19=$B$24,21,0),MOD($C899,24)+1)/SUM(INDEX($D$3:$AA$30,INDEX(Jesper!$R$2:$R$366,ROW(INDEX(Jesper!AI$2:AI$366,ROUNDDOWN($C899/24,0)+1,1))-1)+IF('Standard Profiles'!$G$19=$B$10,7,0)+IF('Standard Profiles'!$G$19=$B$17,14,0)+IF('Standard Profiles'!$G$19=$B$24,21,0),0)),0)</f>
        <v>0</v>
      </c>
      <c r="F899" cm="1">
        <f t="array" ref="F899">IFERROR(INDEX(Jesper!AJ$2:AJ$366,ROUNDDOWN($C899/24,0)+1,1)*INDEX($D$3:$AA$30,INDEX(Jesper!$R$2:$R$366,ROW(INDEX(Jesper!AJ$2:AJ$366,ROUNDDOWN($C899/24,0)+1,1))-1)+IF('Standard Profiles'!$G$20=$B$10,7,0)+IF('Standard Profiles'!$G$20=$B$17,14,0)+IF('Standard Profiles'!$G$20=$B$24,21,0),MOD($C899,24)+1)/SUM(INDEX($D$3:$AA$30,INDEX(Jesper!$R$2:$R$366,ROW(INDEX(Jesper!AJ$2:AJ$366,ROUNDDOWN($C899/24,0)+1,1))-1)+IF('Standard Profiles'!$G$20=$B$10,7,0)+IF('Standard Profiles'!$G$20=$B$17,14,0)+IF('Standard Profiles'!$G$20=$B$24,21,0),0)),0)</f>
        <v>0</v>
      </c>
      <c r="G899" cm="1">
        <f t="array" ref="G899">IFERROR(INDEX(Jesper!AK$2:AK$366,ROUNDDOWN($C899/24,0)+1,1)*INDEX($D$3:$AA$30,INDEX(Jesper!$R$2:$R$366,ROW(INDEX(Jesper!AK$2:AK$366,ROUNDDOWN($C899/24,0)+1,1))-1)+IF('Standard Profiles'!$G$21=$B$10,7,0)+IF('Standard Profiles'!$G$21=$B$17,14,0)+IF('Standard Profiles'!$G$21=$B$24,21,0),MOD($C899,24)+1)/SUM(INDEX($D$3:$AA$30,INDEX(Jesper!$R$2:$R$366,ROW(INDEX(Jesper!AK$2:AK$366,ROUNDDOWN($C899/24,0)+1,1))-1)+IF('Standard Profiles'!$G$21=$B$10,7,0)+IF('Standard Profiles'!$G$21=$B$17,14,0)+IF('Standard Profiles'!$G$21=$B$24,21,0),0)),0)</f>
        <v>0</v>
      </c>
      <c r="H899" cm="1">
        <f t="array" ref="H899">IFERROR(INDEX(Jesper!AL$2:AL$366,ROUNDDOWN($C899/24,0)+1,1)*INDEX($D$3:$AA$30,INDEX(Jesper!$R$2:$R$366,ROW(INDEX(Jesper!AL$2:AL$366,ROUNDDOWN($C899/24,0)+1,1))-1)+IF('Standard Profiles'!$G$22=$B$10,7,0)+IF('Standard Profiles'!$G$22=$B$17,14,0)+IF('Standard Profiles'!$G$22=$B$24,21,0),MOD($C899,24)+1)/SUM(INDEX($D$3:$AA$30,INDEX(Jesper!$R$2:$R$366,ROW(INDEX(Jesper!AL$2:AL$366,ROUNDDOWN($C899/24,0)+1,1))-1)+IF('Standard Profiles'!$G$22=$B$10,7,0)+IF('Standard Profiles'!$G$22=$B$17,14,0)+IF('Standard Profiles'!$G$22=$B$24,21,0),0)),0)</f>
        <v>0</v>
      </c>
      <c r="I899">
        <f t="shared" si="111"/>
        <v>0.22520051031301158</v>
      </c>
      <c r="J899">
        <f t="shared" si="112"/>
        <v>0.75066836771003864</v>
      </c>
      <c r="K899">
        <f t="shared" si="113"/>
        <v>1.1260025515650578</v>
      </c>
      <c r="L899">
        <f t="shared" si="114"/>
        <v>5.404812247512278</v>
      </c>
      <c r="M899">
        <f t="shared" si="115"/>
        <v>0</v>
      </c>
      <c r="N899" s="46">
        <f t="shared" si="116"/>
        <v>45328.041666664569</v>
      </c>
    </row>
    <row r="900" spans="2:14" x14ac:dyDescent="0.3">
      <c r="B900">
        <f t="shared" si="110"/>
        <v>2</v>
      </c>
      <c r="C900" s="16">
        <v>866</v>
      </c>
      <c r="D900" cm="1">
        <f t="array" ref="D900">IFERROR(INDEX(Jesper!AH$2:AH$366,ROUNDDOWN($C900/24,0)+1,1)*INDEX($D$3:$AA$30,INDEX(Jesper!$R$2:$R$366,ROW(INDEX(Jesper!AH$2:AH$366,ROUNDDOWN($C900/24,0)+1,1))-1)+IF('Standard Profiles'!$G$18=$B$10,7,0)+IF('Standard Profiles'!$G$18=$B$17,14,0)+IF('Standard Profiles'!$G$18=$B$24,21,0),MOD($C900,24)+1)/SUM(INDEX($D$3:$AA$30,INDEX(Jesper!$R$2:$R$366,ROW(INDEX(Jesper!AH$2:AH$366,ROUNDDOWN($C900/24,0)+1,1))-1)+IF('Standard Profiles'!$G$18=$B$10,7,0)+IF('Standard Profiles'!$G$18=$B$17,14,0)+IF('Standard Profiles'!$G$18=$B$24,21,0),0)),0)</f>
        <v>7.5066836771003862</v>
      </c>
      <c r="E900" cm="1">
        <f t="array" ref="E900">IFERROR(INDEX(Jesper!AI$2:AI$366,ROUNDDOWN($C900/24,0)+1,1)*INDEX($D$3:$AA$30,INDEX(Jesper!$R$2:$R$366,ROW(INDEX(Jesper!AI$2:AI$366,ROUNDDOWN($C900/24,0)+1,1))-1)+IF('Standard Profiles'!$G$19=$B$10,7,0)+IF('Standard Profiles'!$G$19=$B$17,14,0)+IF('Standard Profiles'!$G$19=$B$24,21,0),MOD($C900,24)+1)/SUM(INDEX($D$3:$AA$30,INDEX(Jesper!$R$2:$R$366,ROW(INDEX(Jesper!AI$2:AI$366,ROUNDDOWN($C900/24,0)+1,1))-1)+IF('Standard Profiles'!$G$19=$B$10,7,0)+IF('Standard Profiles'!$G$19=$B$17,14,0)+IF('Standard Profiles'!$G$19=$B$24,21,0),0)),0)</f>
        <v>0</v>
      </c>
      <c r="F900" cm="1">
        <f t="array" ref="F900">IFERROR(INDEX(Jesper!AJ$2:AJ$366,ROUNDDOWN($C900/24,0)+1,1)*INDEX($D$3:$AA$30,INDEX(Jesper!$R$2:$R$366,ROW(INDEX(Jesper!AJ$2:AJ$366,ROUNDDOWN($C900/24,0)+1,1))-1)+IF('Standard Profiles'!$G$20=$B$10,7,0)+IF('Standard Profiles'!$G$20=$B$17,14,0)+IF('Standard Profiles'!$G$20=$B$24,21,0),MOD($C900,24)+1)/SUM(INDEX($D$3:$AA$30,INDEX(Jesper!$R$2:$R$366,ROW(INDEX(Jesper!AJ$2:AJ$366,ROUNDDOWN($C900/24,0)+1,1))-1)+IF('Standard Profiles'!$G$20=$B$10,7,0)+IF('Standard Profiles'!$G$20=$B$17,14,0)+IF('Standard Profiles'!$G$20=$B$24,21,0),0)),0)</f>
        <v>0</v>
      </c>
      <c r="G900" cm="1">
        <f t="array" ref="G900">IFERROR(INDEX(Jesper!AK$2:AK$366,ROUNDDOWN($C900/24,0)+1,1)*INDEX($D$3:$AA$30,INDEX(Jesper!$R$2:$R$366,ROW(INDEX(Jesper!AK$2:AK$366,ROUNDDOWN($C900/24,0)+1,1))-1)+IF('Standard Profiles'!$G$21=$B$10,7,0)+IF('Standard Profiles'!$G$21=$B$17,14,0)+IF('Standard Profiles'!$G$21=$B$24,21,0),MOD($C900,24)+1)/SUM(INDEX($D$3:$AA$30,INDEX(Jesper!$R$2:$R$366,ROW(INDEX(Jesper!AK$2:AK$366,ROUNDDOWN($C900/24,0)+1,1))-1)+IF('Standard Profiles'!$G$21=$B$10,7,0)+IF('Standard Profiles'!$G$21=$B$17,14,0)+IF('Standard Profiles'!$G$21=$B$24,21,0),0)),0)</f>
        <v>0</v>
      </c>
      <c r="H900" cm="1">
        <f t="array" ref="H900">IFERROR(INDEX(Jesper!AL$2:AL$366,ROUNDDOWN($C900/24,0)+1,1)*INDEX($D$3:$AA$30,INDEX(Jesper!$R$2:$R$366,ROW(INDEX(Jesper!AL$2:AL$366,ROUNDDOWN($C900/24,0)+1,1))-1)+IF('Standard Profiles'!$G$22=$B$10,7,0)+IF('Standard Profiles'!$G$22=$B$17,14,0)+IF('Standard Profiles'!$G$22=$B$24,21,0),MOD($C900,24)+1)/SUM(INDEX($D$3:$AA$30,INDEX(Jesper!$R$2:$R$366,ROW(INDEX(Jesper!AL$2:AL$366,ROUNDDOWN($C900/24,0)+1,1))-1)+IF('Standard Profiles'!$G$22=$B$10,7,0)+IF('Standard Profiles'!$G$22=$B$17,14,0)+IF('Standard Profiles'!$G$22=$B$24,21,0),0)),0)</f>
        <v>0</v>
      </c>
      <c r="I900">
        <f t="shared" si="111"/>
        <v>0.22520051031301158</v>
      </c>
      <c r="J900">
        <f t="shared" si="112"/>
        <v>0.75066836771003864</v>
      </c>
      <c r="K900">
        <f t="shared" si="113"/>
        <v>1.1260025515650578</v>
      </c>
      <c r="L900">
        <f t="shared" si="114"/>
        <v>5.404812247512278</v>
      </c>
      <c r="M900">
        <f t="shared" si="115"/>
        <v>0</v>
      </c>
      <c r="N900" s="46">
        <f t="shared" si="116"/>
        <v>45328.083333331233</v>
      </c>
    </row>
    <row r="901" spans="2:14" x14ac:dyDescent="0.3">
      <c r="B901">
        <f t="shared" si="110"/>
        <v>2</v>
      </c>
      <c r="C901" s="16">
        <v>867</v>
      </c>
      <c r="D901" cm="1">
        <f t="array" ref="D901">IFERROR(INDEX(Jesper!AH$2:AH$366,ROUNDDOWN($C901/24,0)+1,1)*INDEX($D$3:$AA$30,INDEX(Jesper!$R$2:$R$366,ROW(INDEX(Jesper!AH$2:AH$366,ROUNDDOWN($C901/24,0)+1,1))-1)+IF('Standard Profiles'!$G$18=$B$10,7,0)+IF('Standard Profiles'!$G$18=$B$17,14,0)+IF('Standard Profiles'!$G$18=$B$24,21,0),MOD($C901,24)+1)/SUM(INDEX($D$3:$AA$30,INDEX(Jesper!$R$2:$R$366,ROW(INDEX(Jesper!AH$2:AH$366,ROUNDDOWN($C901/24,0)+1,1))-1)+IF('Standard Profiles'!$G$18=$B$10,7,0)+IF('Standard Profiles'!$G$18=$B$17,14,0)+IF('Standard Profiles'!$G$18=$B$24,21,0),0)),0)</f>
        <v>7.5066836771003862</v>
      </c>
      <c r="E901" cm="1">
        <f t="array" ref="E901">IFERROR(INDEX(Jesper!AI$2:AI$366,ROUNDDOWN($C901/24,0)+1,1)*INDEX($D$3:$AA$30,INDEX(Jesper!$R$2:$R$366,ROW(INDEX(Jesper!AI$2:AI$366,ROUNDDOWN($C901/24,0)+1,1))-1)+IF('Standard Profiles'!$G$19=$B$10,7,0)+IF('Standard Profiles'!$G$19=$B$17,14,0)+IF('Standard Profiles'!$G$19=$B$24,21,0),MOD($C901,24)+1)/SUM(INDEX($D$3:$AA$30,INDEX(Jesper!$R$2:$R$366,ROW(INDEX(Jesper!AI$2:AI$366,ROUNDDOWN($C901/24,0)+1,1))-1)+IF('Standard Profiles'!$G$19=$B$10,7,0)+IF('Standard Profiles'!$G$19=$B$17,14,0)+IF('Standard Profiles'!$G$19=$B$24,21,0),0)),0)</f>
        <v>0</v>
      </c>
      <c r="F901" cm="1">
        <f t="array" ref="F901">IFERROR(INDEX(Jesper!AJ$2:AJ$366,ROUNDDOWN($C901/24,0)+1,1)*INDEX($D$3:$AA$30,INDEX(Jesper!$R$2:$R$366,ROW(INDEX(Jesper!AJ$2:AJ$366,ROUNDDOWN($C901/24,0)+1,1))-1)+IF('Standard Profiles'!$G$20=$B$10,7,0)+IF('Standard Profiles'!$G$20=$B$17,14,0)+IF('Standard Profiles'!$G$20=$B$24,21,0),MOD($C901,24)+1)/SUM(INDEX($D$3:$AA$30,INDEX(Jesper!$R$2:$R$366,ROW(INDEX(Jesper!AJ$2:AJ$366,ROUNDDOWN($C901/24,0)+1,1))-1)+IF('Standard Profiles'!$G$20=$B$10,7,0)+IF('Standard Profiles'!$G$20=$B$17,14,0)+IF('Standard Profiles'!$G$20=$B$24,21,0),0)),0)</f>
        <v>0</v>
      </c>
      <c r="G901" cm="1">
        <f t="array" ref="G901">IFERROR(INDEX(Jesper!AK$2:AK$366,ROUNDDOWN($C901/24,0)+1,1)*INDEX($D$3:$AA$30,INDEX(Jesper!$R$2:$R$366,ROW(INDEX(Jesper!AK$2:AK$366,ROUNDDOWN($C901/24,0)+1,1))-1)+IF('Standard Profiles'!$G$21=$B$10,7,0)+IF('Standard Profiles'!$G$21=$B$17,14,0)+IF('Standard Profiles'!$G$21=$B$24,21,0),MOD($C901,24)+1)/SUM(INDEX($D$3:$AA$30,INDEX(Jesper!$R$2:$R$366,ROW(INDEX(Jesper!AK$2:AK$366,ROUNDDOWN($C901/24,0)+1,1))-1)+IF('Standard Profiles'!$G$21=$B$10,7,0)+IF('Standard Profiles'!$G$21=$B$17,14,0)+IF('Standard Profiles'!$G$21=$B$24,21,0),0)),0)</f>
        <v>0</v>
      </c>
      <c r="H901" cm="1">
        <f t="array" ref="H901">IFERROR(INDEX(Jesper!AL$2:AL$366,ROUNDDOWN($C901/24,0)+1,1)*INDEX($D$3:$AA$30,INDEX(Jesper!$R$2:$R$366,ROW(INDEX(Jesper!AL$2:AL$366,ROUNDDOWN($C901/24,0)+1,1))-1)+IF('Standard Profiles'!$G$22=$B$10,7,0)+IF('Standard Profiles'!$G$22=$B$17,14,0)+IF('Standard Profiles'!$G$22=$B$24,21,0),MOD($C901,24)+1)/SUM(INDEX($D$3:$AA$30,INDEX(Jesper!$R$2:$R$366,ROW(INDEX(Jesper!AL$2:AL$366,ROUNDDOWN($C901/24,0)+1,1))-1)+IF('Standard Profiles'!$G$22=$B$10,7,0)+IF('Standard Profiles'!$G$22=$B$17,14,0)+IF('Standard Profiles'!$G$22=$B$24,21,0),0)),0)</f>
        <v>0</v>
      </c>
      <c r="I901">
        <f t="shared" si="111"/>
        <v>0.22520051031301158</v>
      </c>
      <c r="J901">
        <f t="shared" si="112"/>
        <v>0.75066836771003864</v>
      </c>
      <c r="K901">
        <f t="shared" si="113"/>
        <v>1.1260025515650578</v>
      </c>
      <c r="L901">
        <f t="shared" si="114"/>
        <v>5.404812247512278</v>
      </c>
      <c r="M901">
        <f t="shared" si="115"/>
        <v>0</v>
      </c>
      <c r="N901" s="46">
        <f t="shared" si="116"/>
        <v>45328.124999997897</v>
      </c>
    </row>
    <row r="902" spans="2:14" x14ac:dyDescent="0.3">
      <c r="B902">
        <f t="shared" si="110"/>
        <v>2</v>
      </c>
      <c r="C902" s="16">
        <v>868</v>
      </c>
      <c r="D902" cm="1">
        <f t="array" ref="D902">IFERROR(INDEX(Jesper!AH$2:AH$366,ROUNDDOWN($C902/24,0)+1,1)*INDEX($D$3:$AA$30,INDEX(Jesper!$R$2:$R$366,ROW(INDEX(Jesper!AH$2:AH$366,ROUNDDOWN($C902/24,0)+1,1))-1)+IF('Standard Profiles'!$G$18=$B$10,7,0)+IF('Standard Profiles'!$G$18=$B$17,14,0)+IF('Standard Profiles'!$G$18=$B$24,21,0),MOD($C902,24)+1)/SUM(INDEX($D$3:$AA$30,INDEX(Jesper!$R$2:$R$366,ROW(INDEX(Jesper!AH$2:AH$366,ROUNDDOWN($C902/24,0)+1,1))-1)+IF('Standard Profiles'!$G$18=$B$10,7,0)+IF('Standard Profiles'!$G$18=$B$17,14,0)+IF('Standard Profiles'!$G$18=$B$24,21,0),0)),0)</f>
        <v>7.5066836771003862</v>
      </c>
      <c r="E902" cm="1">
        <f t="array" ref="E902">IFERROR(INDEX(Jesper!AI$2:AI$366,ROUNDDOWN($C902/24,0)+1,1)*INDEX($D$3:$AA$30,INDEX(Jesper!$R$2:$R$366,ROW(INDEX(Jesper!AI$2:AI$366,ROUNDDOWN($C902/24,0)+1,1))-1)+IF('Standard Profiles'!$G$19=$B$10,7,0)+IF('Standard Profiles'!$G$19=$B$17,14,0)+IF('Standard Profiles'!$G$19=$B$24,21,0),MOD($C902,24)+1)/SUM(INDEX($D$3:$AA$30,INDEX(Jesper!$R$2:$R$366,ROW(INDEX(Jesper!AI$2:AI$366,ROUNDDOWN($C902/24,0)+1,1))-1)+IF('Standard Profiles'!$G$19=$B$10,7,0)+IF('Standard Profiles'!$G$19=$B$17,14,0)+IF('Standard Profiles'!$G$19=$B$24,21,0),0)),0)</f>
        <v>0</v>
      </c>
      <c r="F902" cm="1">
        <f t="array" ref="F902">IFERROR(INDEX(Jesper!AJ$2:AJ$366,ROUNDDOWN($C902/24,0)+1,1)*INDEX($D$3:$AA$30,INDEX(Jesper!$R$2:$R$366,ROW(INDEX(Jesper!AJ$2:AJ$366,ROUNDDOWN($C902/24,0)+1,1))-1)+IF('Standard Profiles'!$G$20=$B$10,7,0)+IF('Standard Profiles'!$G$20=$B$17,14,0)+IF('Standard Profiles'!$G$20=$B$24,21,0),MOD($C902,24)+1)/SUM(INDEX($D$3:$AA$30,INDEX(Jesper!$R$2:$R$366,ROW(INDEX(Jesper!AJ$2:AJ$366,ROUNDDOWN($C902/24,0)+1,1))-1)+IF('Standard Profiles'!$G$20=$B$10,7,0)+IF('Standard Profiles'!$G$20=$B$17,14,0)+IF('Standard Profiles'!$G$20=$B$24,21,0),0)),0)</f>
        <v>0</v>
      </c>
      <c r="G902" cm="1">
        <f t="array" ref="G902">IFERROR(INDEX(Jesper!AK$2:AK$366,ROUNDDOWN($C902/24,0)+1,1)*INDEX($D$3:$AA$30,INDEX(Jesper!$R$2:$R$366,ROW(INDEX(Jesper!AK$2:AK$366,ROUNDDOWN($C902/24,0)+1,1))-1)+IF('Standard Profiles'!$G$21=$B$10,7,0)+IF('Standard Profiles'!$G$21=$B$17,14,0)+IF('Standard Profiles'!$G$21=$B$24,21,0),MOD($C902,24)+1)/SUM(INDEX($D$3:$AA$30,INDEX(Jesper!$R$2:$R$366,ROW(INDEX(Jesper!AK$2:AK$366,ROUNDDOWN($C902/24,0)+1,1))-1)+IF('Standard Profiles'!$G$21=$B$10,7,0)+IF('Standard Profiles'!$G$21=$B$17,14,0)+IF('Standard Profiles'!$G$21=$B$24,21,0),0)),0)</f>
        <v>0</v>
      </c>
      <c r="H902" cm="1">
        <f t="array" ref="H902">IFERROR(INDEX(Jesper!AL$2:AL$366,ROUNDDOWN($C902/24,0)+1,1)*INDEX($D$3:$AA$30,INDEX(Jesper!$R$2:$R$366,ROW(INDEX(Jesper!AL$2:AL$366,ROUNDDOWN($C902/24,0)+1,1))-1)+IF('Standard Profiles'!$G$22=$B$10,7,0)+IF('Standard Profiles'!$G$22=$B$17,14,0)+IF('Standard Profiles'!$G$22=$B$24,21,0),MOD($C902,24)+1)/SUM(INDEX($D$3:$AA$30,INDEX(Jesper!$R$2:$R$366,ROW(INDEX(Jesper!AL$2:AL$366,ROUNDDOWN($C902/24,0)+1,1))-1)+IF('Standard Profiles'!$G$22=$B$10,7,0)+IF('Standard Profiles'!$G$22=$B$17,14,0)+IF('Standard Profiles'!$G$22=$B$24,21,0),0)),0)</f>
        <v>0</v>
      </c>
      <c r="I902">
        <f t="shared" si="111"/>
        <v>0.22520051031301158</v>
      </c>
      <c r="J902">
        <f t="shared" si="112"/>
        <v>0.75066836771003864</v>
      </c>
      <c r="K902">
        <f t="shared" si="113"/>
        <v>1.1260025515650578</v>
      </c>
      <c r="L902">
        <f t="shared" si="114"/>
        <v>5.404812247512278</v>
      </c>
      <c r="M902">
        <f t="shared" si="115"/>
        <v>0</v>
      </c>
      <c r="N902" s="46">
        <f t="shared" si="116"/>
        <v>45328.166666664561</v>
      </c>
    </row>
    <row r="903" spans="2:14" x14ac:dyDescent="0.3">
      <c r="B903">
        <f t="shared" si="110"/>
        <v>2</v>
      </c>
      <c r="C903" s="16">
        <v>869</v>
      </c>
      <c r="D903" cm="1">
        <f t="array" ref="D903">IFERROR(INDEX(Jesper!AH$2:AH$366,ROUNDDOWN($C903/24,0)+1,1)*INDEX($D$3:$AA$30,INDEX(Jesper!$R$2:$R$366,ROW(INDEX(Jesper!AH$2:AH$366,ROUNDDOWN($C903/24,0)+1,1))-1)+IF('Standard Profiles'!$G$18=$B$10,7,0)+IF('Standard Profiles'!$G$18=$B$17,14,0)+IF('Standard Profiles'!$G$18=$B$24,21,0),MOD($C903,24)+1)/SUM(INDEX($D$3:$AA$30,INDEX(Jesper!$R$2:$R$366,ROW(INDEX(Jesper!AH$2:AH$366,ROUNDDOWN($C903/24,0)+1,1))-1)+IF('Standard Profiles'!$G$18=$B$10,7,0)+IF('Standard Profiles'!$G$18=$B$17,14,0)+IF('Standard Profiles'!$G$18=$B$24,21,0),0)),0)</f>
        <v>9.7586887802305018</v>
      </c>
      <c r="E903" cm="1">
        <f t="array" ref="E903">IFERROR(INDEX(Jesper!AI$2:AI$366,ROUNDDOWN($C903/24,0)+1,1)*INDEX($D$3:$AA$30,INDEX(Jesper!$R$2:$R$366,ROW(INDEX(Jesper!AI$2:AI$366,ROUNDDOWN($C903/24,0)+1,1))-1)+IF('Standard Profiles'!$G$19=$B$10,7,0)+IF('Standard Profiles'!$G$19=$B$17,14,0)+IF('Standard Profiles'!$G$19=$B$24,21,0),MOD($C903,24)+1)/SUM(INDEX($D$3:$AA$30,INDEX(Jesper!$R$2:$R$366,ROW(INDEX(Jesper!AI$2:AI$366,ROUNDDOWN($C903/24,0)+1,1))-1)+IF('Standard Profiles'!$G$19=$B$10,7,0)+IF('Standard Profiles'!$G$19=$B$17,14,0)+IF('Standard Profiles'!$G$19=$B$24,21,0),0)),0)</f>
        <v>0</v>
      </c>
      <c r="F903" cm="1">
        <f t="array" ref="F903">IFERROR(INDEX(Jesper!AJ$2:AJ$366,ROUNDDOWN($C903/24,0)+1,1)*INDEX($D$3:$AA$30,INDEX(Jesper!$R$2:$R$366,ROW(INDEX(Jesper!AJ$2:AJ$366,ROUNDDOWN($C903/24,0)+1,1))-1)+IF('Standard Profiles'!$G$20=$B$10,7,0)+IF('Standard Profiles'!$G$20=$B$17,14,0)+IF('Standard Profiles'!$G$20=$B$24,21,0),MOD($C903,24)+1)/SUM(INDEX($D$3:$AA$30,INDEX(Jesper!$R$2:$R$366,ROW(INDEX(Jesper!AJ$2:AJ$366,ROUNDDOWN($C903/24,0)+1,1))-1)+IF('Standard Profiles'!$G$20=$B$10,7,0)+IF('Standard Profiles'!$G$20=$B$17,14,0)+IF('Standard Profiles'!$G$20=$B$24,21,0),0)),0)</f>
        <v>0</v>
      </c>
      <c r="G903" cm="1">
        <f t="array" ref="G903">IFERROR(INDEX(Jesper!AK$2:AK$366,ROUNDDOWN($C903/24,0)+1,1)*INDEX($D$3:$AA$30,INDEX(Jesper!$R$2:$R$366,ROW(INDEX(Jesper!AK$2:AK$366,ROUNDDOWN($C903/24,0)+1,1))-1)+IF('Standard Profiles'!$G$21=$B$10,7,0)+IF('Standard Profiles'!$G$21=$B$17,14,0)+IF('Standard Profiles'!$G$21=$B$24,21,0),MOD($C903,24)+1)/SUM(INDEX($D$3:$AA$30,INDEX(Jesper!$R$2:$R$366,ROW(INDEX(Jesper!AK$2:AK$366,ROUNDDOWN($C903/24,0)+1,1))-1)+IF('Standard Profiles'!$G$21=$B$10,7,0)+IF('Standard Profiles'!$G$21=$B$17,14,0)+IF('Standard Profiles'!$G$21=$B$24,21,0),0)),0)</f>
        <v>0</v>
      </c>
      <c r="H903" cm="1">
        <f t="array" ref="H903">IFERROR(INDEX(Jesper!AL$2:AL$366,ROUNDDOWN($C903/24,0)+1,1)*INDEX($D$3:$AA$30,INDEX(Jesper!$R$2:$R$366,ROW(INDEX(Jesper!AL$2:AL$366,ROUNDDOWN($C903/24,0)+1,1))-1)+IF('Standard Profiles'!$G$22=$B$10,7,0)+IF('Standard Profiles'!$G$22=$B$17,14,0)+IF('Standard Profiles'!$G$22=$B$24,21,0),MOD($C903,24)+1)/SUM(INDEX($D$3:$AA$30,INDEX(Jesper!$R$2:$R$366,ROW(INDEX(Jesper!AL$2:AL$366,ROUNDDOWN($C903/24,0)+1,1))-1)+IF('Standard Profiles'!$G$22=$B$10,7,0)+IF('Standard Profiles'!$G$22=$B$17,14,0)+IF('Standard Profiles'!$G$22=$B$24,21,0),0)),0)</f>
        <v>0</v>
      </c>
      <c r="I903">
        <f t="shared" si="111"/>
        <v>0.29276066340691503</v>
      </c>
      <c r="J903">
        <f t="shared" si="112"/>
        <v>0.97586887802305022</v>
      </c>
      <c r="K903">
        <f t="shared" si="113"/>
        <v>1.4638033170345752</v>
      </c>
      <c r="L903">
        <f t="shared" si="114"/>
        <v>7.0262559217659613</v>
      </c>
      <c r="M903">
        <f t="shared" si="115"/>
        <v>0</v>
      </c>
      <c r="N903" s="46">
        <f t="shared" si="116"/>
        <v>45328.208333331226</v>
      </c>
    </row>
    <row r="904" spans="2:14" x14ac:dyDescent="0.3">
      <c r="B904">
        <f t="shared" si="110"/>
        <v>2</v>
      </c>
      <c r="C904" s="16">
        <v>870</v>
      </c>
      <c r="D904" cm="1">
        <f t="array" ref="D904">IFERROR(INDEX(Jesper!AH$2:AH$366,ROUNDDOWN($C904/24,0)+1,1)*INDEX($D$3:$AA$30,INDEX(Jesper!$R$2:$R$366,ROW(INDEX(Jesper!AH$2:AH$366,ROUNDDOWN($C904/24,0)+1,1))-1)+IF('Standard Profiles'!$G$18=$B$10,7,0)+IF('Standard Profiles'!$G$18=$B$17,14,0)+IF('Standard Profiles'!$G$18=$B$24,21,0),MOD($C904,24)+1)/SUM(INDEX($D$3:$AA$30,INDEX(Jesper!$R$2:$R$366,ROW(INDEX(Jesper!AH$2:AH$366,ROUNDDOWN($C904/24,0)+1,1))-1)+IF('Standard Profiles'!$G$18=$B$10,7,0)+IF('Standard Profiles'!$G$18=$B$17,14,0)+IF('Standard Profiles'!$G$18=$B$24,21,0),0)),0)</f>
        <v>10.884691331795558</v>
      </c>
      <c r="E904" cm="1">
        <f t="array" ref="E904">IFERROR(INDEX(Jesper!AI$2:AI$366,ROUNDDOWN($C904/24,0)+1,1)*INDEX($D$3:$AA$30,INDEX(Jesper!$R$2:$R$366,ROW(INDEX(Jesper!AI$2:AI$366,ROUNDDOWN($C904/24,0)+1,1))-1)+IF('Standard Profiles'!$G$19=$B$10,7,0)+IF('Standard Profiles'!$G$19=$B$17,14,0)+IF('Standard Profiles'!$G$19=$B$24,21,0),MOD($C904,24)+1)/SUM(INDEX($D$3:$AA$30,INDEX(Jesper!$R$2:$R$366,ROW(INDEX(Jesper!AI$2:AI$366,ROUNDDOWN($C904/24,0)+1,1))-1)+IF('Standard Profiles'!$G$19=$B$10,7,0)+IF('Standard Profiles'!$G$19=$B$17,14,0)+IF('Standard Profiles'!$G$19=$B$24,21,0),0)),0)</f>
        <v>0</v>
      </c>
      <c r="F904" cm="1">
        <f t="array" ref="F904">IFERROR(INDEX(Jesper!AJ$2:AJ$366,ROUNDDOWN($C904/24,0)+1,1)*INDEX($D$3:$AA$30,INDEX(Jesper!$R$2:$R$366,ROW(INDEX(Jesper!AJ$2:AJ$366,ROUNDDOWN($C904/24,0)+1,1))-1)+IF('Standard Profiles'!$G$20=$B$10,7,0)+IF('Standard Profiles'!$G$20=$B$17,14,0)+IF('Standard Profiles'!$G$20=$B$24,21,0),MOD($C904,24)+1)/SUM(INDEX($D$3:$AA$30,INDEX(Jesper!$R$2:$R$366,ROW(INDEX(Jesper!AJ$2:AJ$366,ROUNDDOWN($C904/24,0)+1,1))-1)+IF('Standard Profiles'!$G$20=$B$10,7,0)+IF('Standard Profiles'!$G$20=$B$17,14,0)+IF('Standard Profiles'!$G$20=$B$24,21,0),0)),0)</f>
        <v>0</v>
      </c>
      <c r="G904" cm="1">
        <f t="array" ref="G904">IFERROR(INDEX(Jesper!AK$2:AK$366,ROUNDDOWN($C904/24,0)+1,1)*INDEX($D$3:$AA$30,INDEX(Jesper!$R$2:$R$366,ROW(INDEX(Jesper!AK$2:AK$366,ROUNDDOWN($C904/24,0)+1,1))-1)+IF('Standard Profiles'!$G$21=$B$10,7,0)+IF('Standard Profiles'!$G$21=$B$17,14,0)+IF('Standard Profiles'!$G$21=$B$24,21,0),MOD($C904,24)+1)/SUM(INDEX($D$3:$AA$30,INDEX(Jesper!$R$2:$R$366,ROW(INDEX(Jesper!AK$2:AK$366,ROUNDDOWN($C904/24,0)+1,1))-1)+IF('Standard Profiles'!$G$21=$B$10,7,0)+IF('Standard Profiles'!$G$21=$B$17,14,0)+IF('Standard Profiles'!$G$21=$B$24,21,0),0)),0)</f>
        <v>0</v>
      </c>
      <c r="H904" cm="1">
        <f t="array" ref="H904">IFERROR(INDEX(Jesper!AL$2:AL$366,ROUNDDOWN($C904/24,0)+1,1)*INDEX($D$3:$AA$30,INDEX(Jesper!$R$2:$R$366,ROW(INDEX(Jesper!AL$2:AL$366,ROUNDDOWN($C904/24,0)+1,1))-1)+IF('Standard Profiles'!$G$22=$B$10,7,0)+IF('Standard Profiles'!$G$22=$B$17,14,0)+IF('Standard Profiles'!$G$22=$B$24,21,0),MOD($C904,24)+1)/SUM(INDEX($D$3:$AA$30,INDEX(Jesper!$R$2:$R$366,ROW(INDEX(Jesper!AL$2:AL$366,ROUNDDOWN($C904/24,0)+1,1))-1)+IF('Standard Profiles'!$G$22=$B$10,7,0)+IF('Standard Profiles'!$G$22=$B$17,14,0)+IF('Standard Profiles'!$G$22=$B$24,21,0),0)),0)</f>
        <v>0</v>
      </c>
      <c r="I904">
        <f t="shared" si="111"/>
        <v>0.32654073995386673</v>
      </c>
      <c r="J904">
        <f t="shared" si="112"/>
        <v>1.088469133179556</v>
      </c>
      <c r="K904">
        <f t="shared" si="113"/>
        <v>1.6327036997693336</v>
      </c>
      <c r="L904">
        <f t="shared" si="114"/>
        <v>7.836977758892802</v>
      </c>
      <c r="M904">
        <f t="shared" si="115"/>
        <v>0</v>
      </c>
      <c r="N904" s="46">
        <f t="shared" si="116"/>
        <v>45328.24999999789</v>
      </c>
    </row>
    <row r="905" spans="2:14" x14ac:dyDescent="0.3">
      <c r="B905">
        <f t="shared" si="110"/>
        <v>2</v>
      </c>
      <c r="C905" s="16">
        <v>871</v>
      </c>
      <c r="D905" cm="1">
        <f t="array" ref="D905">IFERROR(INDEX(Jesper!AH$2:AH$366,ROUNDDOWN($C905/24,0)+1,1)*INDEX($D$3:$AA$30,INDEX(Jesper!$R$2:$R$366,ROW(INDEX(Jesper!AH$2:AH$366,ROUNDDOWN($C905/24,0)+1,1))-1)+IF('Standard Profiles'!$G$18=$B$10,7,0)+IF('Standard Profiles'!$G$18=$B$17,14,0)+IF('Standard Profiles'!$G$18=$B$24,21,0),MOD($C905,24)+1)/SUM(INDEX($D$3:$AA$30,INDEX(Jesper!$R$2:$R$366,ROW(INDEX(Jesper!AH$2:AH$366,ROUNDDOWN($C905/24,0)+1,1))-1)+IF('Standard Profiles'!$G$18=$B$10,7,0)+IF('Standard Profiles'!$G$18=$B$17,14,0)+IF('Standard Profiles'!$G$18=$B$24,21,0),0)),0)</f>
        <v>11.260025515650579</v>
      </c>
      <c r="E905" cm="1">
        <f t="array" ref="E905">IFERROR(INDEX(Jesper!AI$2:AI$366,ROUNDDOWN($C905/24,0)+1,1)*INDEX($D$3:$AA$30,INDEX(Jesper!$R$2:$R$366,ROW(INDEX(Jesper!AI$2:AI$366,ROUNDDOWN($C905/24,0)+1,1))-1)+IF('Standard Profiles'!$G$19=$B$10,7,0)+IF('Standard Profiles'!$G$19=$B$17,14,0)+IF('Standard Profiles'!$G$19=$B$24,21,0),MOD($C905,24)+1)/SUM(INDEX($D$3:$AA$30,INDEX(Jesper!$R$2:$R$366,ROW(INDEX(Jesper!AI$2:AI$366,ROUNDDOWN($C905/24,0)+1,1))-1)+IF('Standard Profiles'!$G$19=$B$10,7,0)+IF('Standard Profiles'!$G$19=$B$17,14,0)+IF('Standard Profiles'!$G$19=$B$24,21,0),0)),0)</f>
        <v>0</v>
      </c>
      <c r="F905" cm="1">
        <f t="array" ref="F905">IFERROR(INDEX(Jesper!AJ$2:AJ$366,ROUNDDOWN($C905/24,0)+1,1)*INDEX($D$3:$AA$30,INDEX(Jesper!$R$2:$R$366,ROW(INDEX(Jesper!AJ$2:AJ$366,ROUNDDOWN($C905/24,0)+1,1))-1)+IF('Standard Profiles'!$G$20=$B$10,7,0)+IF('Standard Profiles'!$G$20=$B$17,14,0)+IF('Standard Profiles'!$G$20=$B$24,21,0),MOD($C905,24)+1)/SUM(INDEX($D$3:$AA$30,INDEX(Jesper!$R$2:$R$366,ROW(INDEX(Jesper!AJ$2:AJ$366,ROUNDDOWN($C905/24,0)+1,1))-1)+IF('Standard Profiles'!$G$20=$B$10,7,0)+IF('Standard Profiles'!$G$20=$B$17,14,0)+IF('Standard Profiles'!$G$20=$B$24,21,0),0)),0)</f>
        <v>0</v>
      </c>
      <c r="G905" cm="1">
        <f t="array" ref="G905">IFERROR(INDEX(Jesper!AK$2:AK$366,ROUNDDOWN($C905/24,0)+1,1)*INDEX($D$3:$AA$30,INDEX(Jesper!$R$2:$R$366,ROW(INDEX(Jesper!AK$2:AK$366,ROUNDDOWN($C905/24,0)+1,1))-1)+IF('Standard Profiles'!$G$21=$B$10,7,0)+IF('Standard Profiles'!$G$21=$B$17,14,0)+IF('Standard Profiles'!$G$21=$B$24,21,0),MOD($C905,24)+1)/SUM(INDEX($D$3:$AA$30,INDEX(Jesper!$R$2:$R$366,ROW(INDEX(Jesper!AK$2:AK$366,ROUNDDOWN($C905/24,0)+1,1))-1)+IF('Standard Profiles'!$G$21=$B$10,7,0)+IF('Standard Profiles'!$G$21=$B$17,14,0)+IF('Standard Profiles'!$G$21=$B$24,21,0),0)),0)</f>
        <v>0</v>
      </c>
      <c r="H905" cm="1">
        <f t="array" ref="H905">IFERROR(INDEX(Jesper!AL$2:AL$366,ROUNDDOWN($C905/24,0)+1,1)*INDEX($D$3:$AA$30,INDEX(Jesper!$R$2:$R$366,ROW(INDEX(Jesper!AL$2:AL$366,ROUNDDOWN($C905/24,0)+1,1))-1)+IF('Standard Profiles'!$G$22=$B$10,7,0)+IF('Standard Profiles'!$G$22=$B$17,14,0)+IF('Standard Profiles'!$G$22=$B$24,21,0),MOD($C905,24)+1)/SUM(INDEX($D$3:$AA$30,INDEX(Jesper!$R$2:$R$366,ROW(INDEX(Jesper!AL$2:AL$366,ROUNDDOWN($C905/24,0)+1,1))-1)+IF('Standard Profiles'!$G$22=$B$10,7,0)+IF('Standard Profiles'!$G$22=$B$17,14,0)+IF('Standard Profiles'!$G$22=$B$24,21,0),0)),0)</f>
        <v>0</v>
      </c>
      <c r="I905">
        <f t="shared" si="111"/>
        <v>0.33780076546951737</v>
      </c>
      <c r="J905">
        <f t="shared" si="112"/>
        <v>1.126002551565058</v>
      </c>
      <c r="K905">
        <f t="shared" si="113"/>
        <v>1.6890038273475867</v>
      </c>
      <c r="L905">
        <f t="shared" si="114"/>
        <v>8.1072183712684165</v>
      </c>
      <c r="M905">
        <f t="shared" si="115"/>
        <v>0</v>
      </c>
      <c r="N905" s="46">
        <f t="shared" si="116"/>
        <v>45328.291666664554</v>
      </c>
    </row>
    <row r="906" spans="2:14" x14ac:dyDescent="0.3">
      <c r="B906">
        <f t="shared" si="110"/>
        <v>2</v>
      </c>
      <c r="C906" s="16">
        <v>872</v>
      </c>
      <c r="D906" cm="1">
        <f t="array" ref="D906">IFERROR(INDEX(Jesper!AH$2:AH$366,ROUNDDOWN($C906/24,0)+1,1)*INDEX($D$3:$AA$30,INDEX(Jesper!$R$2:$R$366,ROW(INDEX(Jesper!AH$2:AH$366,ROUNDDOWN($C906/24,0)+1,1))-1)+IF('Standard Profiles'!$G$18=$B$10,7,0)+IF('Standard Profiles'!$G$18=$B$17,14,0)+IF('Standard Profiles'!$G$18=$B$24,21,0),MOD($C906,24)+1)/SUM(INDEX($D$3:$AA$30,INDEX(Jesper!$R$2:$R$366,ROW(INDEX(Jesper!AH$2:AH$366,ROUNDDOWN($C906/24,0)+1,1))-1)+IF('Standard Profiles'!$G$18=$B$10,7,0)+IF('Standard Profiles'!$G$18=$B$17,14,0)+IF('Standard Profiles'!$G$18=$B$24,21,0),0)),0)</f>
        <v>11.260025515650579</v>
      </c>
      <c r="E906" cm="1">
        <f t="array" ref="E906">IFERROR(INDEX(Jesper!AI$2:AI$366,ROUNDDOWN($C906/24,0)+1,1)*INDEX($D$3:$AA$30,INDEX(Jesper!$R$2:$R$366,ROW(INDEX(Jesper!AI$2:AI$366,ROUNDDOWN($C906/24,0)+1,1))-1)+IF('Standard Profiles'!$G$19=$B$10,7,0)+IF('Standard Profiles'!$G$19=$B$17,14,0)+IF('Standard Profiles'!$G$19=$B$24,21,0),MOD($C906,24)+1)/SUM(INDEX($D$3:$AA$30,INDEX(Jesper!$R$2:$R$366,ROW(INDEX(Jesper!AI$2:AI$366,ROUNDDOWN($C906/24,0)+1,1))-1)+IF('Standard Profiles'!$G$19=$B$10,7,0)+IF('Standard Profiles'!$G$19=$B$17,14,0)+IF('Standard Profiles'!$G$19=$B$24,21,0),0)),0)</f>
        <v>0</v>
      </c>
      <c r="F906" cm="1">
        <f t="array" ref="F906">IFERROR(INDEX(Jesper!AJ$2:AJ$366,ROUNDDOWN($C906/24,0)+1,1)*INDEX($D$3:$AA$30,INDEX(Jesper!$R$2:$R$366,ROW(INDEX(Jesper!AJ$2:AJ$366,ROUNDDOWN($C906/24,0)+1,1))-1)+IF('Standard Profiles'!$G$20=$B$10,7,0)+IF('Standard Profiles'!$G$20=$B$17,14,0)+IF('Standard Profiles'!$G$20=$B$24,21,0),MOD($C906,24)+1)/SUM(INDEX($D$3:$AA$30,INDEX(Jesper!$R$2:$R$366,ROW(INDEX(Jesper!AJ$2:AJ$366,ROUNDDOWN($C906/24,0)+1,1))-1)+IF('Standard Profiles'!$G$20=$B$10,7,0)+IF('Standard Profiles'!$G$20=$B$17,14,0)+IF('Standard Profiles'!$G$20=$B$24,21,0),0)),0)</f>
        <v>0</v>
      </c>
      <c r="G906" cm="1">
        <f t="array" ref="G906">IFERROR(INDEX(Jesper!AK$2:AK$366,ROUNDDOWN($C906/24,0)+1,1)*INDEX($D$3:$AA$30,INDEX(Jesper!$R$2:$R$366,ROW(INDEX(Jesper!AK$2:AK$366,ROUNDDOWN($C906/24,0)+1,1))-1)+IF('Standard Profiles'!$G$21=$B$10,7,0)+IF('Standard Profiles'!$G$21=$B$17,14,0)+IF('Standard Profiles'!$G$21=$B$24,21,0),MOD($C906,24)+1)/SUM(INDEX($D$3:$AA$30,INDEX(Jesper!$R$2:$R$366,ROW(INDEX(Jesper!AK$2:AK$366,ROUNDDOWN($C906/24,0)+1,1))-1)+IF('Standard Profiles'!$G$21=$B$10,7,0)+IF('Standard Profiles'!$G$21=$B$17,14,0)+IF('Standard Profiles'!$G$21=$B$24,21,0),0)),0)</f>
        <v>0</v>
      </c>
      <c r="H906" cm="1">
        <f t="array" ref="H906">IFERROR(INDEX(Jesper!AL$2:AL$366,ROUNDDOWN($C906/24,0)+1,1)*INDEX($D$3:$AA$30,INDEX(Jesper!$R$2:$R$366,ROW(INDEX(Jesper!AL$2:AL$366,ROUNDDOWN($C906/24,0)+1,1))-1)+IF('Standard Profiles'!$G$22=$B$10,7,0)+IF('Standard Profiles'!$G$22=$B$17,14,0)+IF('Standard Profiles'!$G$22=$B$24,21,0),MOD($C906,24)+1)/SUM(INDEX($D$3:$AA$30,INDEX(Jesper!$R$2:$R$366,ROW(INDEX(Jesper!AL$2:AL$366,ROUNDDOWN($C906/24,0)+1,1))-1)+IF('Standard Profiles'!$G$22=$B$10,7,0)+IF('Standard Profiles'!$G$22=$B$17,14,0)+IF('Standard Profiles'!$G$22=$B$24,21,0),0)),0)</f>
        <v>0</v>
      </c>
      <c r="I906">
        <f t="shared" si="111"/>
        <v>0.33780076546951737</v>
      </c>
      <c r="J906">
        <f t="shared" si="112"/>
        <v>1.126002551565058</v>
      </c>
      <c r="K906">
        <f t="shared" si="113"/>
        <v>1.6890038273475867</v>
      </c>
      <c r="L906">
        <f t="shared" si="114"/>
        <v>8.1072183712684165</v>
      </c>
      <c r="M906">
        <f t="shared" si="115"/>
        <v>0</v>
      </c>
      <c r="N906" s="46">
        <f t="shared" si="116"/>
        <v>45328.333333331218</v>
      </c>
    </row>
    <row r="907" spans="2:14" x14ac:dyDescent="0.3">
      <c r="B907">
        <f t="shared" si="110"/>
        <v>2</v>
      </c>
      <c r="C907" s="16">
        <v>873</v>
      </c>
      <c r="D907" cm="1">
        <f t="array" ref="D907">IFERROR(INDEX(Jesper!AH$2:AH$366,ROUNDDOWN($C907/24,0)+1,1)*INDEX($D$3:$AA$30,INDEX(Jesper!$R$2:$R$366,ROW(INDEX(Jesper!AH$2:AH$366,ROUNDDOWN($C907/24,0)+1,1))-1)+IF('Standard Profiles'!$G$18=$B$10,7,0)+IF('Standard Profiles'!$G$18=$B$17,14,0)+IF('Standard Profiles'!$G$18=$B$24,21,0),MOD($C907,24)+1)/SUM(INDEX($D$3:$AA$30,INDEX(Jesper!$R$2:$R$366,ROW(INDEX(Jesper!AH$2:AH$366,ROUNDDOWN($C907/24,0)+1,1))-1)+IF('Standard Profiles'!$G$18=$B$10,7,0)+IF('Standard Profiles'!$G$18=$B$17,14,0)+IF('Standard Profiles'!$G$18=$B$24,21,0),0)),0)</f>
        <v>12.198360975288125</v>
      </c>
      <c r="E907" cm="1">
        <f t="array" ref="E907">IFERROR(INDEX(Jesper!AI$2:AI$366,ROUNDDOWN($C907/24,0)+1,1)*INDEX($D$3:$AA$30,INDEX(Jesper!$R$2:$R$366,ROW(INDEX(Jesper!AI$2:AI$366,ROUNDDOWN($C907/24,0)+1,1))-1)+IF('Standard Profiles'!$G$19=$B$10,7,0)+IF('Standard Profiles'!$G$19=$B$17,14,0)+IF('Standard Profiles'!$G$19=$B$24,21,0),MOD($C907,24)+1)/SUM(INDEX($D$3:$AA$30,INDEX(Jesper!$R$2:$R$366,ROW(INDEX(Jesper!AI$2:AI$366,ROUNDDOWN($C907/24,0)+1,1))-1)+IF('Standard Profiles'!$G$19=$B$10,7,0)+IF('Standard Profiles'!$G$19=$B$17,14,0)+IF('Standard Profiles'!$G$19=$B$24,21,0),0)),0)</f>
        <v>0</v>
      </c>
      <c r="F907" cm="1">
        <f t="array" ref="F907">IFERROR(INDEX(Jesper!AJ$2:AJ$366,ROUNDDOWN($C907/24,0)+1,1)*INDEX($D$3:$AA$30,INDEX(Jesper!$R$2:$R$366,ROW(INDEX(Jesper!AJ$2:AJ$366,ROUNDDOWN($C907/24,0)+1,1))-1)+IF('Standard Profiles'!$G$20=$B$10,7,0)+IF('Standard Profiles'!$G$20=$B$17,14,0)+IF('Standard Profiles'!$G$20=$B$24,21,0),MOD($C907,24)+1)/SUM(INDEX($D$3:$AA$30,INDEX(Jesper!$R$2:$R$366,ROW(INDEX(Jesper!AJ$2:AJ$366,ROUNDDOWN($C907/24,0)+1,1))-1)+IF('Standard Profiles'!$G$20=$B$10,7,0)+IF('Standard Profiles'!$G$20=$B$17,14,0)+IF('Standard Profiles'!$G$20=$B$24,21,0),0)),0)</f>
        <v>0</v>
      </c>
      <c r="G907" cm="1">
        <f t="array" ref="G907">IFERROR(INDEX(Jesper!AK$2:AK$366,ROUNDDOWN($C907/24,0)+1,1)*INDEX($D$3:$AA$30,INDEX(Jesper!$R$2:$R$366,ROW(INDEX(Jesper!AK$2:AK$366,ROUNDDOWN($C907/24,0)+1,1))-1)+IF('Standard Profiles'!$G$21=$B$10,7,0)+IF('Standard Profiles'!$G$21=$B$17,14,0)+IF('Standard Profiles'!$G$21=$B$24,21,0),MOD($C907,24)+1)/SUM(INDEX($D$3:$AA$30,INDEX(Jesper!$R$2:$R$366,ROW(INDEX(Jesper!AK$2:AK$366,ROUNDDOWN($C907/24,0)+1,1))-1)+IF('Standard Profiles'!$G$21=$B$10,7,0)+IF('Standard Profiles'!$G$21=$B$17,14,0)+IF('Standard Profiles'!$G$21=$B$24,21,0),0)),0)</f>
        <v>0</v>
      </c>
      <c r="H907" cm="1">
        <f t="array" ref="H907">IFERROR(INDEX(Jesper!AL$2:AL$366,ROUNDDOWN($C907/24,0)+1,1)*INDEX($D$3:$AA$30,INDEX(Jesper!$R$2:$R$366,ROW(INDEX(Jesper!AL$2:AL$366,ROUNDDOWN($C907/24,0)+1,1))-1)+IF('Standard Profiles'!$G$22=$B$10,7,0)+IF('Standard Profiles'!$G$22=$B$17,14,0)+IF('Standard Profiles'!$G$22=$B$24,21,0),MOD($C907,24)+1)/SUM(INDEX($D$3:$AA$30,INDEX(Jesper!$R$2:$R$366,ROW(INDEX(Jesper!AL$2:AL$366,ROUNDDOWN($C907/24,0)+1,1))-1)+IF('Standard Profiles'!$G$22=$B$10,7,0)+IF('Standard Profiles'!$G$22=$B$17,14,0)+IF('Standard Profiles'!$G$22=$B$24,21,0),0)),0)</f>
        <v>0</v>
      </c>
      <c r="I907">
        <f t="shared" si="111"/>
        <v>0.36595082925864375</v>
      </c>
      <c r="J907">
        <f t="shared" si="112"/>
        <v>1.2198360975288125</v>
      </c>
      <c r="K907">
        <f t="shared" si="113"/>
        <v>1.8297541462932188</v>
      </c>
      <c r="L907">
        <f t="shared" si="114"/>
        <v>8.78281990220745</v>
      </c>
      <c r="M907">
        <f t="shared" si="115"/>
        <v>0</v>
      </c>
      <c r="N907" s="46">
        <f t="shared" si="116"/>
        <v>45328.374999997883</v>
      </c>
    </row>
    <row r="908" spans="2:14" x14ac:dyDescent="0.3">
      <c r="B908">
        <f t="shared" si="110"/>
        <v>2</v>
      </c>
      <c r="C908" s="16">
        <v>874</v>
      </c>
      <c r="D908" cm="1">
        <f t="array" ref="D908">IFERROR(INDEX(Jesper!AH$2:AH$366,ROUNDDOWN($C908/24,0)+1,1)*INDEX($D$3:$AA$30,INDEX(Jesper!$R$2:$R$366,ROW(INDEX(Jesper!AH$2:AH$366,ROUNDDOWN($C908/24,0)+1,1))-1)+IF('Standard Profiles'!$G$18=$B$10,7,0)+IF('Standard Profiles'!$G$18=$B$17,14,0)+IF('Standard Profiles'!$G$18=$B$24,21,0),MOD($C908,24)+1)/SUM(INDEX($D$3:$AA$30,INDEX(Jesper!$R$2:$R$366,ROW(INDEX(Jesper!AH$2:AH$366,ROUNDDOWN($C908/24,0)+1,1))-1)+IF('Standard Profiles'!$G$18=$B$10,7,0)+IF('Standard Profiles'!$G$18=$B$17,14,0)+IF('Standard Profiles'!$G$18=$B$24,21,0),0)),0)</f>
        <v>12.761362251070654</v>
      </c>
      <c r="E908" cm="1">
        <f t="array" ref="E908">IFERROR(INDEX(Jesper!AI$2:AI$366,ROUNDDOWN($C908/24,0)+1,1)*INDEX($D$3:$AA$30,INDEX(Jesper!$R$2:$R$366,ROW(INDEX(Jesper!AI$2:AI$366,ROUNDDOWN($C908/24,0)+1,1))-1)+IF('Standard Profiles'!$G$19=$B$10,7,0)+IF('Standard Profiles'!$G$19=$B$17,14,0)+IF('Standard Profiles'!$G$19=$B$24,21,0),MOD($C908,24)+1)/SUM(INDEX($D$3:$AA$30,INDEX(Jesper!$R$2:$R$366,ROW(INDEX(Jesper!AI$2:AI$366,ROUNDDOWN($C908/24,0)+1,1))-1)+IF('Standard Profiles'!$G$19=$B$10,7,0)+IF('Standard Profiles'!$G$19=$B$17,14,0)+IF('Standard Profiles'!$G$19=$B$24,21,0),0)),0)</f>
        <v>0</v>
      </c>
      <c r="F908" cm="1">
        <f t="array" ref="F908">IFERROR(INDEX(Jesper!AJ$2:AJ$366,ROUNDDOWN($C908/24,0)+1,1)*INDEX($D$3:$AA$30,INDEX(Jesper!$R$2:$R$366,ROW(INDEX(Jesper!AJ$2:AJ$366,ROUNDDOWN($C908/24,0)+1,1))-1)+IF('Standard Profiles'!$G$20=$B$10,7,0)+IF('Standard Profiles'!$G$20=$B$17,14,0)+IF('Standard Profiles'!$G$20=$B$24,21,0),MOD($C908,24)+1)/SUM(INDEX($D$3:$AA$30,INDEX(Jesper!$R$2:$R$366,ROW(INDEX(Jesper!AJ$2:AJ$366,ROUNDDOWN($C908/24,0)+1,1))-1)+IF('Standard Profiles'!$G$20=$B$10,7,0)+IF('Standard Profiles'!$G$20=$B$17,14,0)+IF('Standard Profiles'!$G$20=$B$24,21,0),0)),0)</f>
        <v>0</v>
      </c>
      <c r="G908" cm="1">
        <f t="array" ref="G908">IFERROR(INDEX(Jesper!AK$2:AK$366,ROUNDDOWN($C908/24,0)+1,1)*INDEX($D$3:$AA$30,INDEX(Jesper!$R$2:$R$366,ROW(INDEX(Jesper!AK$2:AK$366,ROUNDDOWN($C908/24,0)+1,1))-1)+IF('Standard Profiles'!$G$21=$B$10,7,0)+IF('Standard Profiles'!$G$21=$B$17,14,0)+IF('Standard Profiles'!$G$21=$B$24,21,0),MOD($C908,24)+1)/SUM(INDEX($D$3:$AA$30,INDEX(Jesper!$R$2:$R$366,ROW(INDEX(Jesper!AK$2:AK$366,ROUNDDOWN($C908/24,0)+1,1))-1)+IF('Standard Profiles'!$G$21=$B$10,7,0)+IF('Standard Profiles'!$G$21=$B$17,14,0)+IF('Standard Profiles'!$G$21=$B$24,21,0),0)),0)</f>
        <v>0</v>
      </c>
      <c r="H908" cm="1">
        <f t="array" ref="H908">IFERROR(INDEX(Jesper!AL$2:AL$366,ROUNDDOWN($C908/24,0)+1,1)*INDEX($D$3:$AA$30,INDEX(Jesper!$R$2:$R$366,ROW(INDEX(Jesper!AL$2:AL$366,ROUNDDOWN($C908/24,0)+1,1))-1)+IF('Standard Profiles'!$G$22=$B$10,7,0)+IF('Standard Profiles'!$G$22=$B$17,14,0)+IF('Standard Profiles'!$G$22=$B$24,21,0),MOD($C908,24)+1)/SUM(INDEX($D$3:$AA$30,INDEX(Jesper!$R$2:$R$366,ROW(INDEX(Jesper!AL$2:AL$366,ROUNDDOWN($C908/24,0)+1,1))-1)+IF('Standard Profiles'!$G$22=$B$10,7,0)+IF('Standard Profiles'!$G$22=$B$17,14,0)+IF('Standard Profiles'!$G$22=$B$24,21,0),0)),0)</f>
        <v>0</v>
      </c>
      <c r="I908">
        <f t="shared" si="111"/>
        <v>0.3828408675321196</v>
      </c>
      <c r="J908">
        <f t="shared" si="112"/>
        <v>1.2761362251070656</v>
      </c>
      <c r="K908">
        <f t="shared" si="113"/>
        <v>1.9142043376605979</v>
      </c>
      <c r="L908">
        <f t="shared" si="114"/>
        <v>9.1881808207708708</v>
      </c>
      <c r="M908">
        <f t="shared" si="115"/>
        <v>0</v>
      </c>
      <c r="N908" s="46">
        <f t="shared" si="116"/>
        <v>45328.416666664547</v>
      </c>
    </row>
    <row r="909" spans="2:14" x14ac:dyDescent="0.3">
      <c r="B909">
        <f t="shared" si="110"/>
        <v>2</v>
      </c>
      <c r="C909" s="16">
        <v>875</v>
      </c>
      <c r="D909" cm="1">
        <f t="array" ref="D909">IFERROR(INDEX(Jesper!AH$2:AH$366,ROUNDDOWN($C909/24,0)+1,1)*INDEX($D$3:$AA$30,INDEX(Jesper!$R$2:$R$366,ROW(INDEX(Jesper!AH$2:AH$366,ROUNDDOWN($C909/24,0)+1,1))-1)+IF('Standard Profiles'!$G$18=$B$10,7,0)+IF('Standard Profiles'!$G$18=$B$17,14,0)+IF('Standard Profiles'!$G$18=$B$24,21,0),MOD($C909,24)+1)/SUM(INDEX($D$3:$AA$30,INDEX(Jesper!$R$2:$R$366,ROW(INDEX(Jesper!AH$2:AH$366,ROUNDDOWN($C909/24,0)+1,1))-1)+IF('Standard Profiles'!$G$18=$B$10,7,0)+IF('Standard Profiles'!$G$18=$B$17,14,0)+IF('Standard Profiles'!$G$18=$B$24,21,0),0)),0)</f>
        <v>15.013367354200772</v>
      </c>
      <c r="E909" cm="1">
        <f t="array" ref="E909">IFERROR(INDEX(Jesper!AI$2:AI$366,ROUNDDOWN($C909/24,0)+1,1)*INDEX($D$3:$AA$30,INDEX(Jesper!$R$2:$R$366,ROW(INDEX(Jesper!AI$2:AI$366,ROUNDDOWN($C909/24,0)+1,1))-1)+IF('Standard Profiles'!$G$19=$B$10,7,0)+IF('Standard Profiles'!$G$19=$B$17,14,0)+IF('Standard Profiles'!$G$19=$B$24,21,0),MOD($C909,24)+1)/SUM(INDEX($D$3:$AA$30,INDEX(Jesper!$R$2:$R$366,ROW(INDEX(Jesper!AI$2:AI$366,ROUNDDOWN($C909/24,0)+1,1))-1)+IF('Standard Profiles'!$G$19=$B$10,7,0)+IF('Standard Profiles'!$G$19=$B$17,14,0)+IF('Standard Profiles'!$G$19=$B$24,21,0),0)),0)</f>
        <v>0</v>
      </c>
      <c r="F909" cm="1">
        <f t="array" ref="F909">IFERROR(INDEX(Jesper!AJ$2:AJ$366,ROUNDDOWN($C909/24,0)+1,1)*INDEX($D$3:$AA$30,INDEX(Jesper!$R$2:$R$366,ROW(INDEX(Jesper!AJ$2:AJ$366,ROUNDDOWN($C909/24,0)+1,1))-1)+IF('Standard Profiles'!$G$20=$B$10,7,0)+IF('Standard Profiles'!$G$20=$B$17,14,0)+IF('Standard Profiles'!$G$20=$B$24,21,0),MOD($C909,24)+1)/SUM(INDEX($D$3:$AA$30,INDEX(Jesper!$R$2:$R$366,ROW(INDEX(Jesper!AJ$2:AJ$366,ROUNDDOWN($C909/24,0)+1,1))-1)+IF('Standard Profiles'!$G$20=$B$10,7,0)+IF('Standard Profiles'!$G$20=$B$17,14,0)+IF('Standard Profiles'!$G$20=$B$24,21,0),0)),0)</f>
        <v>0</v>
      </c>
      <c r="G909" cm="1">
        <f t="array" ref="G909">IFERROR(INDEX(Jesper!AK$2:AK$366,ROUNDDOWN($C909/24,0)+1,1)*INDEX($D$3:$AA$30,INDEX(Jesper!$R$2:$R$366,ROW(INDEX(Jesper!AK$2:AK$366,ROUNDDOWN($C909/24,0)+1,1))-1)+IF('Standard Profiles'!$G$21=$B$10,7,0)+IF('Standard Profiles'!$G$21=$B$17,14,0)+IF('Standard Profiles'!$G$21=$B$24,21,0),MOD($C909,24)+1)/SUM(INDEX($D$3:$AA$30,INDEX(Jesper!$R$2:$R$366,ROW(INDEX(Jesper!AK$2:AK$366,ROUNDDOWN($C909/24,0)+1,1))-1)+IF('Standard Profiles'!$G$21=$B$10,7,0)+IF('Standard Profiles'!$G$21=$B$17,14,0)+IF('Standard Profiles'!$G$21=$B$24,21,0),0)),0)</f>
        <v>0</v>
      </c>
      <c r="H909" cm="1">
        <f t="array" ref="H909">IFERROR(INDEX(Jesper!AL$2:AL$366,ROUNDDOWN($C909/24,0)+1,1)*INDEX($D$3:$AA$30,INDEX(Jesper!$R$2:$R$366,ROW(INDEX(Jesper!AL$2:AL$366,ROUNDDOWN($C909/24,0)+1,1))-1)+IF('Standard Profiles'!$G$22=$B$10,7,0)+IF('Standard Profiles'!$G$22=$B$17,14,0)+IF('Standard Profiles'!$G$22=$B$24,21,0),MOD($C909,24)+1)/SUM(INDEX($D$3:$AA$30,INDEX(Jesper!$R$2:$R$366,ROW(INDEX(Jesper!AL$2:AL$366,ROUNDDOWN($C909/24,0)+1,1))-1)+IF('Standard Profiles'!$G$22=$B$10,7,0)+IF('Standard Profiles'!$G$22=$B$17,14,0)+IF('Standard Profiles'!$G$22=$B$24,21,0),0)),0)</f>
        <v>0</v>
      </c>
      <c r="I909">
        <f t="shared" si="111"/>
        <v>0.45040102062602316</v>
      </c>
      <c r="J909">
        <f t="shared" si="112"/>
        <v>1.5013367354200773</v>
      </c>
      <c r="K909">
        <f t="shared" si="113"/>
        <v>2.2520051031301156</v>
      </c>
      <c r="L909">
        <f t="shared" si="114"/>
        <v>10.809624495024556</v>
      </c>
      <c r="M909">
        <f t="shared" si="115"/>
        <v>0</v>
      </c>
      <c r="N909" s="46">
        <f t="shared" si="116"/>
        <v>45328.458333331211</v>
      </c>
    </row>
    <row r="910" spans="2:14" x14ac:dyDescent="0.3">
      <c r="B910">
        <f t="shared" si="110"/>
        <v>2</v>
      </c>
      <c r="C910" s="16">
        <v>876</v>
      </c>
      <c r="D910" cm="1">
        <f t="array" ref="D910">IFERROR(INDEX(Jesper!AH$2:AH$366,ROUNDDOWN($C910/24,0)+1,1)*INDEX($D$3:$AA$30,INDEX(Jesper!$R$2:$R$366,ROW(INDEX(Jesper!AH$2:AH$366,ROUNDDOWN($C910/24,0)+1,1))-1)+IF('Standard Profiles'!$G$18=$B$10,7,0)+IF('Standard Profiles'!$G$18=$B$17,14,0)+IF('Standard Profiles'!$G$18=$B$24,21,0),MOD($C910,24)+1)/SUM(INDEX($D$3:$AA$30,INDEX(Jesper!$R$2:$R$366,ROW(INDEX(Jesper!AH$2:AH$366,ROUNDDOWN($C910/24,0)+1,1))-1)+IF('Standard Profiles'!$G$18=$B$10,7,0)+IF('Standard Profiles'!$G$18=$B$17,14,0)+IF('Standard Profiles'!$G$18=$B$24,21,0),0)),0)</f>
        <v>15.013367354200772</v>
      </c>
      <c r="E910" cm="1">
        <f t="array" ref="E910">IFERROR(INDEX(Jesper!AI$2:AI$366,ROUNDDOWN($C910/24,0)+1,1)*INDEX($D$3:$AA$30,INDEX(Jesper!$R$2:$R$366,ROW(INDEX(Jesper!AI$2:AI$366,ROUNDDOWN($C910/24,0)+1,1))-1)+IF('Standard Profiles'!$G$19=$B$10,7,0)+IF('Standard Profiles'!$G$19=$B$17,14,0)+IF('Standard Profiles'!$G$19=$B$24,21,0),MOD($C910,24)+1)/SUM(INDEX($D$3:$AA$30,INDEX(Jesper!$R$2:$R$366,ROW(INDEX(Jesper!AI$2:AI$366,ROUNDDOWN($C910/24,0)+1,1))-1)+IF('Standard Profiles'!$G$19=$B$10,7,0)+IF('Standard Profiles'!$G$19=$B$17,14,0)+IF('Standard Profiles'!$G$19=$B$24,21,0),0)),0)</f>
        <v>0</v>
      </c>
      <c r="F910" cm="1">
        <f t="array" ref="F910">IFERROR(INDEX(Jesper!AJ$2:AJ$366,ROUNDDOWN($C910/24,0)+1,1)*INDEX($D$3:$AA$30,INDEX(Jesper!$R$2:$R$366,ROW(INDEX(Jesper!AJ$2:AJ$366,ROUNDDOWN($C910/24,0)+1,1))-1)+IF('Standard Profiles'!$G$20=$B$10,7,0)+IF('Standard Profiles'!$G$20=$B$17,14,0)+IF('Standard Profiles'!$G$20=$B$24,21,0),MOD($C910,24)+1)/SUM(INDEX($D$3:$AA$30,INDEX(Jesper!$R$2:$R$366,ROW(INDEX(Jesper!AJ$2:AJ$366,ROUNDDOWN($C910/24,0)+1,1))-1)+IF('Standard Profiles'!$G$20=$B$10,7,0)+IF('Standard Profiles'!$G$20=$B$17,14,0)+IF('Standard Profiles'!$G$20=$B$24,21,0),0)),0)</f>
        <v>0</v>
      </c>
      <c r="G910" cm="1">
        <f t="array" ref="G910">IFERROR(INDEX(Jesper!AK$2:AK$366,ROUNDDOWN($C910/24,0)+1,1)*INDEX($D$3:$AA$30,INDEX(Jesper!$R$2:$R$366,ROW(INDEX(Jesper!AK$2:AK$366,ROUNDDOWN($C910/24,0)+1,1))-1)+IF('Standard Profiles'!$G$21=$B$10,7,0)+IF('Standard Profiles'!$G$21=$B$17,14,0)+IF('Standard Profiles'!$G$21=$B$24,21,0),MOD($C910,24)+1)/SUM(INDEX($D$3:$AA$30,INDEX(Jesper!$R$2:$R$366,ROW(INDEX(Jesper!AK$2:AK$366,ROUNDDOWN($C910/24,0)+1,1))-1)+IF('Standard Profiles'!$G$21=$B$10,7,0)+IF('Standard Profiles'!$G$21=$B$17,14,0)+IF('Standard Profiles'!$G$21=$B$24,21,0),0)),0)</f>
        <v>0</v>
      </c>
      <c r="H910" cm="1">
        <f t="array" ref="H910">IFERROR(INDEX(Jesper!AL$2:AL$366,ROUNDDOWN($C910/24,0)+1,1)*INDEX($D$3:$AA$30,INDEX(Jesper!$R$2:$R$366,ROW(INDEX(Jesper!AL$2:AL$366,ROUNDDOWN($C910/24,0)+1,1))-1)+IF('Standard Profiles'!$G$22=$B$10,7,0)+IF('Standard Profiles'!$G$22=$B$17,14,0)+IF('Standard Profiles'!$G$22=$B$24,21,0),MOD($C910,24)+1)/SUM(INDEX($D$3:$AA$30,INDEX(Jesper!$R$2:$R$366,ROW(INDEX(Jesper!AL$2:AL$366,ROUNDDOWN($C910/24,0)+1,1))-1)+IF('Standard Profiles'!$G$22=$B$10,7,0)+IF('Standard Profiles'!$G$22=$B$17,14,0)+IF('Standard Profiles'!$G$22=$B$24,21,0),0)),0)</f>
        <v>0</v>
      </c>
      <c r="I910">
        <f t="shared" si="111"/>
        <v>0.45040102062602316</v>
      </c>
      <c r="J910">
        <f t="shared" si="112"/>
        <v>1.5013367354200773</v>
      </c>
      <c r="K910">
        <f t="shared" si="113"/>
        <v>2.2520051031301156</v>
      </c>
      <c r="L910">
        <f t="shared" si="114"/>
        <v>10.809624495024556</v>
      </c>
      <c r="M910">
        <f t="shared" si="115"/>
        <v>0</v>
      </c>
      <c r="N910" s="46">
        <f t="shared" si="116"/>
        <v>45328.499999997875</v>
      </c>
    </row>
    <row r="911" spans="2:14" x14ac:dyDescent="0.3">
      <c r="B911">
        <f t="shared" si="110"/>
        <v>2</v>
      </c>
      <c r="C911" s="16">
        <v>877</v>
      </c>
      <c r="D911" cm="1">
        <f t="array" ref="D911">IFERROR(INDEX(Jesper!AH$2:AH$366,ROUNDDOWN($C911/24,0)+1,1)*INDEX($D$3:$AA$30,INDEX(Jesper!$R$2:$R$366,ROW(INDEX(Jesper!AH$2:AH$366,ROUNDDOWN($C911/24,0)+1,1))-1)+IF('Standard Profiles'!$G$18=$B$10,7,0)+IF('Standard Profiles'!$G$18=$B$17,14,0)+IF('Standard Profiles'!$G$18=$B$24,21,0),MOD($C911,24)+1)/SUM(INDEX($D$3:$AA$30,INDEX(Jesper!$R$2:$R$366,ROW(INDEX(Jesper!AH$2:AH$366,ROUNDDOWN($C911/24,0)+1,1))-1)+IF('Standard Profiles'!$G$18=$B$10,7,0)+IF('Standard Profiles'!$G$18=$B$17,14,0)+IF('Standard Profiles'!$G$18=$B$24,21,0),0)),0)</f>
        <v>15.013367354200772</v>
      </c>
      <c r="E911" cm="1">
        <f t="array" ref="E911">IFERROR(INDEX(Jesper!AI$2:AI$366,ROUNDDOWN($C911/24,0)+1,1)*INDEX($D$3:$AA$30,INDEX(Jesper!$R$2:$R$366,ROW(INDEX(Jesper!AI$2:AI$366,ROUNDDOWN($C911/24,0)+1,1))-1)+IF('Standard Profiles'!$G$19=$B$10,7,0)+IF('Standard Profiles'!$G$19=$B$17,14,0)+IF('Standard Profiles'!$G$19=$B$24,21,0),MOD($C911,24)+1)/SUM(INDEX($D$3:$AA$30,INDEX(Jesper!$R$2:$R$366,ROW(INDEX(Jesper!AI$2:AI$366,ROUNDDOWN($C911/24,0)+1,1))-1)+IF('Standard Profiles'!$G$19=$B$10,7,0)+IF('Standard Profiles'!$G$19=$B$17,14,0)+IF('Standard Profiles'!$G$19=$B$24,21,0),0)),0)</f>
        <v>0</v>
      </c>
      <c r="F911" cm="1">
        <f t="array" ref="F911">IFERROR(INDEX(Jesper!AJ$2:AJ$366,ROUNDDOWN($C911/24,0)+1,1)*INDEX($D$3:$AA$30,INDEX(Jesper!$R$2:$R$366,ROW(INDEX(Jesper!AJ$2:AJ$366,ROUNDDOWN($C911/24,0)+1,1))-1)+IF('Standard Profiles'!$G$20=$B$10,7,0)+IF('Standard Profiles'!$G$20=$B$17,14,0)+IF('Standard Profiles'!$G$20=$B$24,21,0),MOD($C911,24)+1)/SUM(INDEX($D$3:$AA$30,INDEX(Jesper!$R$2:$R$366,ROW(INDEX(Jesper!AJ$2:AJ$366,ROUNDDOWN($C911/24,0)+1,1))-1)+IF('Standard Profiles'!$G$20=$B$10,7,0)+IF('Standard Profiles'!$G$20=$B$17,14,0)+IF('Standard Profiles'!$G$20=$B$24,21,0),0)),0)</f>
        <v>0</v>
      </c>
      <c r="G911" cm="1">
        <f t="array" ref="G911">IFERROR(INDEX(Jesper!AK$2:AK$366,ROUNDDOWN($C911/24,0)+1,1)*INDEX($D$3:$AA$30,INDEX(Jesper!$R$2:$R$366,ROW(INDEX(Jesper!AK$2:AK$366,ROUNDDOWN($C911/24,0)+1,1))-1)+IF('Standard Profiles'!$G$21=$B$10,7,0)+IF('Standard Profiles'!$G$21=$B$17,14,0)+IF('Standard Profiles'!$G$21=$B$24,21,0),MOD($C911,24)+1)/SUM(INDEX($D$3:$AA$30,INDEX(Jesper!$R$2:$R$366,ROW(INDEX(Jesper!AK$2:AK$366,ROUNDDOWN($C911/24,0)+1,1))-1)+IF('Standard Profiles'!$G$21=$B$10,7,0)+IF('Standard Profiles'!$G$21=$B$17,14,0)+IF('Standard Profiles'!$G$21=$B$24,21,0),0)),0)</f>
        <v>0</v>
      </c>
      <c r="H911" cm="1">
        <f t="array" ref="H911">IFERROR(INDEX(Jesper!AL$2:AL$366,ROUNDDOWN($C911/24,0)+1,1)*INDEX($D$3:$AA$30,INDEX(Jesper!$R$2:$R$366,ROW(INDEX(Jesper!AL$2:AL$366,ROUNDDOWN($C911/24,0)+1,1))-1)+IF('Standard Profiles'!$G$22=$B$10,7,0)+IF('Standard Profiles'!$G$22=$B$17,14,0)+IF('Standard Profiles'!$G$22=$B$24,21,0),MOD($C911,24)+1)/SUM(INDEX($D$3:$AA$30,INDEX(Jesper!$R$2:$R$366,ROW(INDEX(Jesper!AL$2:AL$366,ROUNDDOWN($C911/24,0)+1,1))-1)+IF('Standard Profiles'!$G$22=$B$10,7,0)+IF('Standard Profiles'!$G$22=$B$17,14,0)+IF('Standard Profiles'!$G$22=$B$24,21,0),0)),0)</f>
        <v>0</v>
      </c>
      <c r="I911">
        <f t="shared" si="111"/>
        <v>0.45040102062602316</v>
      </c>
      <c r="J911">
        <f t="shared" si="112"/>
        <v>1.5013367354200773</v>
      </c>
      <c r="K911">
        <f t="shared" si="113"/>
        <v>2.2520051031301156</v>
      </c>
      <c r="L911">
        <f t="shared" si="114"/>
        <v>10.809624495024556</v>
      </c>
      <c r="M911">
        <f t="shared" si="115"/>
        <v>0</v>
      </c>
      <c r="N911" s="46">
        <f t="shared" si="116"/>
        <v>45328.54166666454</v>
      </c>
    </row>
    <row r="912" spans="2:14" x14ac:dyDescent="0.3">
      <c r="B912">
        <f t="shared" si="110"/>
        <v>2</v>
      </c>
      <c r="C912" s="16">
        <v>878</v>
      </c>
      <c r="D912" cm="1">
        <f t="array" ref="D912">IFERROR(INDEX(Jesper!AH$2:AH$366,ROUNDDOWN($C912/24,0)+1,1)*INDEX($D$3:$AA$30,INDEX(Jesper!$R$2:$R$366,ROW(INDEX(Jesper!AH$2:AH$366,ROUNDDOWN($C912/24,0)+1,1))-1)+IF('Standard Profiles'!$G$18=$B$10,7,0)+IF('Standard Profiles'!$G$18=$B$17,14,0)+IF('Standard Profiles'!$G$18=$B$24,21,0),MOD($C912,24)+1)/SUM(INDEX($D$3:$AA$30,INDEX(Jesper!$R$2:$R$366,ROW(INDEX(Jesper!AH$2:AH$366,ROUNDDOWN($C912/24,0)+1,1))-1)+IF('Standard Profiles'!$G$18=$B$10,7,0)+IF('Standard Profiles'!$G$18=$B$17,14,0)+IF('Standard Profiles'!$G$18=$B$24,21,0),0)),0)</f>
        <v>15.013367354200772</v>
      </c>
      <c r="E912" cm="1">
        <f t="array" ref="E912">IFERROR(INDEX(Jesper!AI$2:AI$366,ROUNDDOWN($C912/24,0)+1,1)*INDEX($D$3:$AA$30,INDEX(Jesper!$R$2:$R$366,ROW(INDEX(Jesper!AI$2:AI$366,ROUNDDOWN($C912/24,0)+1,1))-1)+IF('Standard Profiles'!$G$19=$B$10,7,0)+IF('Standard Profiles'!$G$19=$B$17,14,0)+IF('Standard Profiles'!$G$19=$B$24,21,0),MOD($C912,24)+1)/SUM(INDEX($D$3:$AA$30,INDEX(Jesper!$R$2:$R$366,ROW(INDEX(Jesper!AI$2:AI$366,ROUNDDOWN($C912/24,0)+1,1))-1)+IF('Standard Profiles'!$G$19=$B$10,7,0)+IF('Standard Profiles'!$G$19=$B$17,14,0)+IF('Standard Profiles'!$G$19=$B$24,21,0),0)),0)</f>
        <v>0</v>
      </c>
      <c r="F912" cm="1">
        <f t="array" ref="F912">IFERROR(INDEX(Jesper!AJ$2:AJ$366,ROUNDDOWN($C912/24,0)+1,1)*INDEX($D$3:$AA$30,INDEX(Jesper!$R$2:$R$366,ROW(INDEX(Jesper!AJ$2:AJ$366,ROUNDDOWN($C912/24,0)+1,1))-1)+IF('Standard Profiles'!$G$20=$B$10,7,0)+IF('Standard Profiles'!$G$20=$B$17,14,0)+IF('Standard Profiles'!$G$20=$B$24,21,0),MOD($C912,24)+1)/SUM(INDEX($D$3:$AA$30,INDEX(Jesper!$R$2:$R$366,ROW(INDEX(Jesper!AJ$2:AJ$366,ROUNDDOWN($C912/24,0)+1,1))-1)+IF('Standard Profiles'!$G$20=$B$10,7,0)+IF('Standard Profiles'!$G$20=$B$17,14,0)+IF('Standard Profiles'!$G$20=$B$24,21,0),0)),0)</f>
        <v>0</v>
      </c>
      <c r="G912" cm="1">
        <f t="array" ref="G912">IFERROR(INDEX(Jesper!AK$2:AK$366,ROUNDDOWN($C912/24,0)+1,1)*INDEX($D$3:$AA$30,INDEX(Jesper!$R$2:$R$366,ROW(INDEX(Jesper!AK$2:AK$366,ROUNDDOWN($C912/24,0)+1,1))-1)+IF('Standard Profiles'!$G$21=$B$10,7,0)+IF('Standard Profiles'!$G$21=$B$17,14,0)+IF('Standard Profiles'!$G$21=$B$24,21,0),MOD($C912,24)+1)/SUM(INDEX($D$3:$AA$30,INDEX(Jesper!$R$2:$R$366,ROW(INDEX(Jesper!AK$2:AK$366,ROUNDDOWN($C912/24,0)+1,1))-1)+IF('Standard Profiles'!$G$21=$B$10,7,0)+IF('Standard Profiles'!$G$21=$B$17,14,0)+IF('Standard Profiles'!$G$21=$B$24,21,0),0)),0)</f>
        <v>0</v>
      </c>
      <c r="H912" cm="1">
        <f t="array" ref="H912">IFERROR(INDEX(Jesper!AL$2:AL$366,ROUNDDOWN($C912/24,0)+1,1)*INDEX($D$3:$AA$30,INDEX(Jesper!$R$2:$R$366,ROW(INDEX(Jesper!AL$2:AL$366,ROUNDDOWN($C912/24,0)+1,1))-1)+IF('Standard Profiles'!$G$22=$B$10,7,0)+IF('Standard Profiles'!$G$22=$B$17,14,0)+IF('Standard Profiles'!$G$22=$B$24,21,0),MOD($C912,24)+1)/SUM(INDEX($D$3:$AA$30,INDEX(Jesper!$R$2:$R$366,ROW(INDEX(Jesper!AL$2:AL$366,ROUNDDOWN($C912/24,0)+1,1))-1)+IF('Standard Profiles'!$G$22=$B$10,7,0)+IF('Standard Profiles'!$G$22=$B$17,14,0)+IF('Standard Profiles'!$G$22=$B$24,21,0),0)),0)</f>
        <v>0</v>
      </c>
      <c r="I912">
        <f t="shared" si="111"/>
        <v>0.45040102062602316</v>
      </c>
      <c r="J912">
        <f t="shared" si="112"/>
        <v>1.5013367354200773</v>
      </c>
      <c r="K912">
        <f t="shared" si="113"/>
        <v>2.2520051031301156</v>
      </c>
      <c r="L912">
        <f t="shared" si="114"/>
        <v>10.809624495024556</v>
      </c>
      <c r="M912">
        <f t="shared" si="115"/>
        <v>0</v>
      </c>
      <c r="N912" s="46">
        <f t="shared" si="116"/>
        <v>45328.583333331204</v>
      </c>
    </row>
    <row r="913" spans="2:14" x14ac:dyDescent="0.3">
      <c r="B913">
        <f t="shared" si="110"/>
        <v>2</v>
      </c>
      <c r="C913" s="16">
        <v>879</v>
      </c>
      <c r="D913" cm="1">
        <f t="array" ref="D913">IFERROR(INDEX(Jesper!AH$2:AH$366,ROUNDDOWN($C913/24,0)+1,1)*INDEX($D$3:$AA$30,INDEX(Jesper!$R$2:$R$366,ROW(INDEX(Jesper!AH$2:AH$366,ROUNDDOWN($C913/24,0)+1,1))-1)+IF('Standard Profiles'!$G$18=$B$10,7,0)+IF('Standard Profiles'!$G$18=$B$17,14,0)+IF('Standard Profiles'!$G$18=$B$24,21,0),MOD($C913,24)+1)/SUM(INDEX($D$3:$AA$30,INDEX(Jesper!$R$2:$R$366,ROW(INDEX(Jesper!AH$2:AH$366,ROUNDDOWN($C913/24,0)+1,1))-1)+IF('Standard Profiles'!$G$18=$B$10,7,0)+IF('Standard Profiles'!$G$18=$B$17,14,0)+IF('Standard Profiles'!$G$18=$B$24,21,0),0)),0)</f>
        <v>15.013367354200772</v>
      </c>
      <c r="E913" cm="1">
        <f t="array" ref="E913">IFERROR(INDEX(Jesper!AI$2:AI$366,ROUNDDOWN($C913/24,0)+1,1)*INDEX($D$3:$AA$30,INDEX(Jesper!$R$2:$R$366,ROW(INDEX(Jesper!AI$2:AI$366,ROUNDDOWN($C913/24,0)+1,1))-1)+IF('Standard Profiles'!$G$19=$B$10,7,0)+IF('Standard Profiles'!$G$19=$B$17,14,0)+IF('Standard Profiles'!$G$19=$B$24,21,0),MOD($C913,24)+1)/SUM(INDEX($D$3:$AA$30,INDEX(Jesper!$R$2:$R$366,ROW(INDEX(Jesper!AI$2:AI$366,ROUNDDOWN($C913/24,0)+1,1))-1)+IF('Standard Profiles'!$G$19=$B$10,7,0)+IF('Standard Profiles'!$G$19=$B$17,14,0)+IF('Standard Profiles'!$G$19=$B$24,21,0),0)),0)</f>
        <v>0</v>
      </c>
      <c r="F913" cm="1">
        <f t="array" ref="F913">IFERROR(INDEX(Jesper!AJ$2:AJ$366,ROUNDDOWN($C913/24,0)+1,1)*INDEX($D$3:$AA$30,INDEX(Jesper!$R$2:$R$366,ROW(INDEX(Jesper!AJ$2:AJ$366,ROUNDDOWN($C913/24,0)+1,1))-1)+IF('Standard Profiles'!$G$20=$B$10,7,0)+IF('Standard Profiles'!$G$20=$B$17,14,0)+IF('Standard Profiles'!$G$20=$B$24,21,0),MOD($C913,24)+1)/SUM(INDEX($D$3:$AA$30,INDEX(Jesper!$R$2:$R$366,ROW(INDEX(Jesper!AJ$2:AJ$366,ROUNDDOWN($C913/24,0)+1,1))-1)+IF('Standard Profiles'!$G$20=$B$10,7,0)+IF('Standard Profiles'!$G$20=$B$17,14,0)+IF('Standard Profiles'!$G$20=$B$24,21,0),0)),0)</f>
        <v>0</v>
      </c>
      <c r="G913" cm="1">
        <f t="array" ref="G913">IFERROR(INDEX(Jesper!AK$2:AK$366,ROUNDDOWN($C913/24,0)+1,1)*INDEX($D$3:$AA$30,INDEX(Jesper!$R$2:$R$366,ROW(INDEX(Jesper!AK$2:AK$366,ROUNDDOWN($C913/24,0)+1,1))-1)+IF('Standard Profiles'!$G$21=$B$10,7,0)+IF('Standard Profiles'!$G$21=$B$17,14,0)+IF('Standard Profiles'!$G$21=$B$24,21,0),MOD($C913,24)+1)/SUM(INDEX($D$3:$AA$30,INDEX(Jesper!$R$2:$R$366,ROW(INDEX(Jesper!AK$2:AK$366,ROUNDDOWN($C913/24,0)+1,1))-1)+IF('Standard Profiles'!$G$21=$B$10,7,0)+IF('Standard Profiles'!$G$21=$B$17,14,0)+IF('Standard Profiles'!$G$21=$B$24,21,0),0)),0)</f>
        <v>0</v>
      </c>
      <c r="H913" cm="1">
        <f t="array" ref="H913">IFERROR(INDEX(Jesper!AL$2:AL$366,ROUNDDOWN($C913/24,0)+1,1)*INDEX($D$3:$AA$30,INDEX(Jesper!$R$2:$R$366,ROW(INDEX(Jesper!AL$2:AL$366,ROUNDDOWN($C913/24,0)+1,1))-1)+IF('Standard Profiles'!$G$22=$B$10,7,0)+IF('Standard Profiles'!$G$22=$B$17,14,0)+IF('Standard Profiles'!$G$22=$B$24,21,0),MOD($C913,24)+1)/SUM(INDEX($D$3:$AA$30,INDEX(Jesper!$R$2:$R$366,ROW(INDEX(Jesper!AL$2:AL$366,ROUNDDOWN($C913/24,0)+1,1))-1)+IF('Standard Profiles'!$G$22=$B$10,7,0)+IF('Standard Profiles'!$G$22=$B$17,14,0)+IF('Standard Profiles'!$G$22=$B$24,21,0),0)),0)</f>
        <v>0</v>
      </c>
      <c r="I913">
        <f t="shared" si="111"/>
        <v>0.45040102062602316</v>
      </c>
      <c r="J913">
        <f t="shared" si="112"/>
        <v>1.5013367354200773</v>
      </c>
      <c r="K913">
        <f t="shared" si="113"/>
        <v>2.2520051031301156</v>
      </c>
      <c r="L913">
        <f t="shared" si="114"/>
        <v>10.809624495024556</v>
      </c>
      <c r="M913">
        <f t="shared" si="115"/>
        <v>0</v>
      </c>
      <c r="N913" s="46">
        <f t="shared" si="116"/>
        <v>45328.624999997868</v>
      </c>
    </row>
    <row r="914" spans="2:14" x14ac:dyDescent="0.3">
      <c r="B914">
        <f t="shared" si="110"/>
        <v>2</v>
      </c>
      <c r="C914" s="16">
        <v>880</v>
      </c>
      <c r="D914" cm="1">
        <f t="array" ref="D914">IFERROR(INDEX(Jesper!AH$2:AH$366,ROUNDDOWN($C914/24,0)+1,1)*INDEX($D$3:$AA$30,INDEX(Jesper!$R$2:$R$366,ROW(INDEX(Jesper!AH$2:AH$366,ROUNDDOWN($C914/24,0)+1,1))-1)+IF('Standard Profiles'!$G$18=$B$10,7,0)+IF('Standard Profiles'!$G$18=$B$17,14,0)+IF('Standard Profiles'!$G$18=$B$24,21,0),MOD($C914,24)+1)/SUM(INDEX($D$3:$AA$30,INDEX(Jesper!$R$2:$R$366,ROW(INDEX(Jesper!AH$2:AH$366,ROUNDDOWN($C914/24,0)+1,1))-1)+IF('Standard Profiles'!$G$18=$B$10,7,0)+IF('Standard Profiles'!$G$18=$B$17,14,0)+IF('Standard Profiles'!$G$18=$B$24,21,0),0)),0)</f>
        <v>15.013367354200772</v>
      </c>
      <c r="E914" cm="1">
        <f t="array" ref="E914">IFERROR(INDEX(Jesper!AI$2:AI$366,ROUNDDOWN($C914/24,0)+1,1)*INDEX($D$3:$AA$30,INDEX(Jesper!$R$2:$R$366,ROW(INDEX(Jesper!AI$2:AI$366,ROUNDDOWN($C914/24,0)+1,1))-1)+IF('Standard Profiles'!$G$19=$B$10,7,0)+IF('Standard Profiles'!$G$19=$B$17,14,0)+IF('Standard Profiles'!$G$19=$B$24,21,0),MOD($C914,24)+1)/SUM(INDEX($D$3:$AA$30,INDEX(Jesper!$R$2:$R$366,ROW(INDEX(Jesper!AI$2:AI$366,ROUNDDOWN($C914/24,0)+1,1))-1)+IF('Standard Profiles'!$G$19=$B$10,7,0)+IF('Standard Profiles'!$G$19=$B$17,14,0)+IF('Standard Profiles'!$G$19=$B$24,21,0),0)),0)</f>
        <v>0</v>
      </c>
      <c r="F914" cm="1">
        <f t="array" ref="F914">IFERROR(INDEX(Jesper!AJ$2:AJ$366,ROUNDDOWN($C914/24,0)+1,1)*INDEX($D$3:$AA$30,INDEX(Jesper!$R$2:$R$366,ROW(INDEX(Jesper!AJ$2:AJ$366,ROUNDDOWN($C914/24,0)+1,1))-1)+IF('Standard Profiles'!$G$20=$B$10,7,0)+IF('Standard Profiles'!$G$20=$B$17,14,0)+IF('Standard Profiles'!$G$20=$B$24,21,0),MOD($C914,24)+1)/SUM(INDEX($D$3:$AA$30,INDEX(Jesper!$R$2:$R$366,ROW(INDEX(Jesper!AJ$2:AJ$366,ROUNDDOWN($C914/24,0)+1,1))-1)+IF('Standard Profiles'!$G$20=$B$10,7,0)+IF('Standard Profiles'!$G$20=$B$17,14,0)+IF('Standard Profiles'!$G$20=$B$24,21,0),0)),0)</f>
        <v>0</v>
      </c>
      <c r="G914" cm="1">
        <f t="array" ref="G914">IFERROR(INDEX(Jesper!AK$2:AK$366,ROUNDDOWN($C914/24,0)+1,1)*INDEX($D$3:$AA$30,INDEX(Jesper!$R$2:$R$366,ROW(INDEX(Jesper!AK$2:AK$366,ROUNDDOWN($C914/24,0)+1,1))-1)+IF('Standard Profiles'!$G$21=$B$10,7,0)+IF('Standard Profiles'!$G$21=$B$17,14,0)+IF('Standard Profiles'!$G$21=$B$24,21,0),MOD($C914,24)+1)/SUM(INDEX($D$3:$AA$30,INDEX(Jesper!$R$2:$R$366,ROW(INDEX(Jesper!AK$2:AK$366,ROUNDDOWN($C914/24,0)+1,1))-1)+IF('Standard Profiles'!$G$21=$B$10,7,0)+IF('Standard Profiles'!$G$21=$B$17,14,0)+IF('Standard Profiles'!$G$21=$B$24,21,0),0)),0)</f>
        <v>0</v>
      </c>
      <c r="H914" cm="1">
        <f t="array" ref="H914">IFERROR(INDEX(Jesper!AL$2:AL$366,ROUNDDOWN($C914/24,0)+1,1)*INDEX($D$3:$AA$30,INDEX(Jesper!$R$2:$R$366,ROW(INDEX(Jesper!AL$2:AL$366,ROUNDDOWN($C914/24,0)+1,1))-1)+IF('Standard Profiles'!$G$22=$B$10,7,0)+IF('Standard Profiles'!$G$22=$B$17,14,0)+IF('Standard Profiles'!$G$22=$B$24,21,0),MOD($C914,24)+1)/SUM(INDEX($D$3:$AA$30,INDEX(Jesper!$R$2:$R$366,ROW(INDEX(Jesper!AL$2:AL$366,ROUNDDOWN($C914/24,0)+1,1))-1)+IF('Standard Profiles'!$G$22=$B$10,7,0)+IF('Standard Profiles'!$G$22=$B$17,14,0)+IF('Standard Profiles'!$G$22=$B$24,21,0),0)),0)</f>
        <v>0</v>
      </c>
      <c r="I914">
        <f t="shared" si="111"/>
        <v>0.45040102062602316</v>
      </c>
      <c r="J914">
        <f t="shared" si="112"/>
        <v>1.5013367354200773</v>
      </c>
      <c r="K914">
        <f t="shared" si="113"/>
        <v>2.2520051031301156</v>
      </c>
      <c r="L914">
        <f t="shared" si="114"/>
        <v>10.809624495024556</v>
      </c>
      <c r="M914">
        <f t="shared" si="115"/>
        <v>0</v>
      </c>
      <c r="N914" s="46">
        <f t="shared" si="116"/>
        <v>45328.666666664532</v>
      </c>
    </row>
    <row r="915" spans="2:14" x14ac:dyDescent="0.3">
      <c r="B915">
        <f t="shared" si="110"/>
        <v>2</v>
      </c>
      <c r="C915" s="16">
        <v>881</v>
      </c>
      <c r="D915" cm="1">
        <f t="array" ref="D915">IFERROR(INDEX(Jesper!AH$2:AH$366,ROUNDDOWN($C915/24,0)+1,1)*INDEX($D$3:$AA$30,INDEX(Jesper!$R$2:$R$366,ROW(INDEX(Jesper!AH$2:AH$366,ROUNDDOWN($C915/24,0)+1,1))-1)+IF('Standard Profiles'!$G$18=$B$10,7,0)+IF('Standard Profiles'!$G$18=$B$17,14,0)+IF('Standard Profiles'!$G$18=$B$24,21,0),MOD($C915,24)+1)/SUM(INDEX($D$3:$AA$30,INDEX(Jesper!$R$2:$R$366,ROW(INDEX(Jesper!AH$2:AH$366,ROUNDDOWN($C915/24,0)+1,1))-1)+IF('Standard Profiles'!$G$18=$B$10,7,0)+IF('Standard Profiles'!$G$18=$B$17,14,0)+IF('Standard Profiles'!$G$18=$B$24,21,0),0)),0)</f>
        <v>15.013367354200772</v>
      </c>
      <c r="E915" cm="1">
        <f t="array" ref="E915">IFERROR(INDEX(Jesper!AI$2:AI$366,ROUNDDOWN($C915/24,0)+1,1)*INDEX($D$3:$AA$30,INDEX(Jesper!$R$2:$R$366,ROW(INDEX(Jesper!AI$2:AI$366,ROUNDDOWN($C915/24,0)+1,1))-1)+IF('Standard Profiles'!$G$19=$B$10,7,0)+IF('Standard Profiles'!$G$19=$B$17,14,0)+IF('Standard Profiles'!$G$19=$B$24,21,0),MOD($C915,24)+1)/SUM(INDEX($D$3:$AA$30,INDEX(Jesper!$R$2:$R$366,ROW(INDEX(Jesper!AI$2:AI$366,ROUNDDOWN($C915/24,0)+1,1))-1)+IF('Standard Profiles'!$G$19=$B$10,7,0)+IF('Standard Profiles'!$G$19=$B$17,14,0)+IF('Standard Profiles'!$G$19=$B$24,21,0),0)),0)</f>
        <v>0</v>
      </c>
      <c r="F915" cm="1">
        <f t="array" ref="F915">IFERROR(INDEX(Jesper!AJ$2:AJ$366,ROUNDDOWN($C915/24,0)+1,1)*INDEX($D$3:$AA$30,INDEX(Jesper!$R$2:$R$366,ROW(INDEX(Jesper!AJ$2:AJ$366,ROUNDDOWN($C915/24,0)+1,1))-1)+IF('Standard Profiles'!$G$20=$B$10,7,0)+IF('Standard Profiles'!$G$20=$B$17,14,0)+IF('Standard Profiles'!$G$20=$B$24,21,0),MOD($C915,24)+1)/SUM(INDEX($D$3:$AA$30,INDEX(Jesper!$R$2:$R$366,ROW(INDEX(Jesper!AJ$2:AJ$366,ROUNDDOWN($C915/24,0)+1,1))-1)+IF('Standard Profiles'!$G$20=$B$10,7,0)+IF('Standard Profiles'!$G$20=$B$17,14,0)+IF('Standard Profiles'!$G$20=$B$24,21,0),0)),0)</f>
        <v>0</v>
      </c>
      <c r="G915" cm="1">
        <f t="array" ref="G915">IFERROR(INDEX(Jesper!AK$2:AK$366,ROUNDDOWN($C915/24,0)+1,1)*INDEX($D$3:$AA$30,INDEX(Jesper!$R$2:$R$366,ROW(INDEX(Jesper!AK$2:AK$366,ROUNDDOWN($C915/24,0)+1,1))-1)+IF('Standard Profiles'!$G$21=$B$10,7,0)+IF('Standard Profiles'!$G$21=$B$17,14,0)+IF('Standard Profiles'!$G$21=$B$24,21,0),MOD($C915,24)+1)/SUM(INDEX($D$3:$AA$30,INDEX(Jesper!$R$2:$R$366,ROW(INDEX(Jesper!AK$2:AK$366,ROUNDDOWN($C915/24,0)+1,1))-1)+IF('Standard Profiles'!$G$21=$B$10,7,0)+IF('Standard Profiles'!$G$21=$B$17,14,0)+IF('Standard Profiles'!$G$21=$B$24,21,0),0)),0)</f>
        <v>0</v>
      </c>
      <c r="H915" cm="1">
        <f t="array" ref="H915">IFERROR(INDEX(Jesper!AL$2:AL$366,ROUNDDOWN($C915/24,0)+1,1)*INDEX($D$3:$AA$30,INDEX(Jesper!$R$2:$R$366,ROW(INDEX(Jesper!AL$2:AL$366,ROUNDDOWN($C915/24,0)+1,1))-1)+IF('Standard Profiles'!$G$22=$B$10,7,0)+IF('Standard Profiles'!$G$22=$B$17,14,0)+IF('Standard Profiles'!$G$22=$B$24,21,0),MOD($C915,24)+1)/SUM(INDEX($D$3:$AA$30,INDEX(Jesper!$R$2:$R$366,ROW(INDEX(Jesper!AL$2:AL$366,ROUNDDOWN($C915/24,0)+1,1))-1)+IF('Standard Profiles'!$G$22=$B$10,7,0)+IF('Standard Profiles'!$G$22=$B$17,14,0)+IF('Standard Profiles'!$G$22=$B$24,21,0),0)),0)</f>
        <v>0</v>
      </c>
      <c r="I915">
        <f t="shared" si="111"/>
        <v>0.45040102062602316</v>
      </c>
      <c r="J915">
        <f t="shared" si="112"/>
        <v>1.5013367354200773</v>
      </c>
      <c r="K915">
        <f t="shared" si="113"/>
        <v>2.2520051031301156</v>
      </c>
      <c r="L915">
        <f t="shared" si="114"/>
        <v>10.809624495024556</v>
      </c>
      <c r="M915">
        <f t="shared" si="115"/>
        <v>0</v>
      </c>
      <c r="N915" s="46">
        <f t="shared" si="116"/>
        <v>45328.708333331197</v>
      </c>
    </row>
    <row r="916" spans="2:14" x14ac:dyDescent="0.3">
      <c r="B916">
        <f t="shared" si="110"/>
        <v>2</v>
      </c>
      <c r="C916" s="16">
        <v>882</v>
      </c>
      <c r="D916" cm="1">
        <f t="array" ref="D916">IFERROR(INDEX(Jesper!AH$2:AH$366,ROUNDDOWN($C916/24,0)+1,1)*INDEX($D$3:$AA$30,INDEX(Jesper!$R$2:$R$366,ROW(INDEX(Jesper!AH$2:AH$366,ROUNDDOWN($C916/24,0)+1,1))-1)+IF('Standard Profiles'!$G$18=$B$10,7,0)+IF('Standard Profiles'!$G$18=$B$17,14,0)+IF('Standard Profiles'!$G$18=$B$24,21,0),MOD($C916,24)+1)/SUM(INDEX($D$3:$AA$30,INDEX(Jesper!$R$2:$R$366,ROW(INDEX(Jesper!AH$2:AH$366,ROUNDDOWN($C916/24,0)+1,1))-1)+IF('Standard Profiles'!$G$18=$B$10,7,0)+IF('Standard Profiles'!$G$18=$B$17,14,0)+IF('Standard Profiles'!$G$18=$B$24,21,0),0)),0)</f>
        <v>15.013367354200772</v>
      </c>
      <c r="E916" cm="1">
        <f t="array" ref="E916">IFERROR(INDEX(Jesper!AI$2:AI$366,ROUNDDOWN($C916/24,0)+1,1)*INDEX($D$3:$AA$30,INDEX(Jesper!$R$2:$R$366,ROW(INDEX(Jesper!AI$2:AI$366,ROUNDDOWN($C916/24,0)+1,1))-1)+IF('Standard Profiles'!$G$19=$B$10,7,0)+IF('Standard Profiles'!$G$19=$B$17,14,0)+IF('Standard Profiles'!$G$19=$B$24,21,0),MOD($C916,24)+1)/SUM(INDEX($D$3:$AA$30,INDEX(Jesper!$R$2:$R$366,ROW(INDEX(Jesper!AI$2:AI$366,ROUNDDOWN($C916/24,0)+1,1))-1)+IF('Standard Profiles'!$G$19=$B$10,7,0)+IF('Standard Profiles'!$G$19=$B$17,14,0)+IF('Standard Profiles'!$G$19=$B$24,21,0),0)),0)</f>
        <v>0</v>
      </c>
      <c r="F916" cm="1">
        <f t="array" ref="F916">IFERROR(INDEX(Jesper!AJ$2:AJ$366,ROUNDDOWN($C916/24,0)+1,1)*INDEX($D$3:$AA$30,INDEX(Jesper!$R$2:$R$366,ROW(INDEX(Jesper!AJ$2:AJ$366,ROUNDDOWN($C916/24,0)+1,1))-1)+IF('Standard Profiles'!$G$20=$B$10,7,0)+IF('Standard Profiles'!$G$20=$B$17,14,0)+IF('Standard Profiles'!$G$20=$B$24,21,0),MOD($C916,24)+1)/SUM(INDEX($D$3:$AA$30,INDEX(Jesper!$R$2:$R$366,ROW(INDEX(Jesper!AJ$2:AJ$366,ROUNDDOWN($C916/24,0)+1,1))-1)+IF('Standard Profiles'!$G$20=$B$10,7,0)+IF('Standard Profiles'!$G$20=$B$17,14,0)+IF('Standard Profiles'!$G$20=$B$24,21,0),0)),0)</f>
        <v>0</v>
      </c>
      <c r="G916" cm="1">
        <f t="array" ref="G916">IFERROR(INDEX(Jesper!AK$2:AK$366,ROUNDDOWN($C916/24,0)+1,1)*INDEX($D$3:$AA$30,INDEX(Jesper!$R$2:$R$366,ROW(INDEX(Jesper!AK$2:AK$366,ROUNDDOWN($C916/24,0)+1,1))-1)+IF('Standard Profiles'!$G$21=$B$10,7,0)+IF('Standard Profiles'!$G$21=$B$17,14,0)+IF('Standard Profiles'!$G$21=$B$24,21,0),MOD($C916,24)+1)/SUM(INDEX($D$3:$AA$30,INDEX(Jesper!$R$2:$R$366,ROW(INDEX(Jesper!AK$2:AK$366,ROUNDDOWN($C916/24,0)+1,1))-1)+IF('Standard Profiles'!$G$21=$B$10,7,0)+IF('Standard Profiles'!$G$21=$B$17,14,0)+IF('Standard Profiles'!$G$21=$B$24,21,0),0)),0)</f>
        <v>0</v>
      </c>
      <c r="H916" cm="1">
        <f t="array" ref="H916">IFERROR(INDEX(Jesper!AL$2:AL$366,ROUNDDOWN($C916/24,0)+1,1)*INDEX($D$3:$AA$30,INDEX(Jesper!$R$2:$R$366,ROW(INDEX(Jesper!AL$2:AL$366,ROUNDDOWN($C916/24,0)+1,1))-1)+IF('Standard Profiles'!$G$22=$B$10,7,0)+IF('Standard Profiles'!$G$22=$B$17,14,0)+IF('Standard Profiles'!$G$22=$B$24,21,0),MOD($C916,24)+1)/SUM(INDEX($D$3:$AA$30,INDEX(Jesper!$R$2:$R$366,ROW(INDEX(Jesper!AL$2:AL$366,ROUNDDOWN($C916/24,0)+1,1))-1)+IF('Standard Profiles'!$G$22=$B$10,7,0)+IF('Standard Profiles'!$G$22=$B$17,14,0)+IF('Standard Profiles'!$G$22=$B$24,21,0),0)),0)</f>
        <v>0</v>
      </c>
      <c r="I916">
        <f t="shared" si="111"/>
        <v>0.45040102062602316</v>
      </c>
      <c r="J916">
        <f t="shared" si="112"/>
        <v>1.5013367354200773</v>
      </c>
      <c r="K916">
        <f t="shared" si="113"/>
        <v>2.2520051031301156</v>
      </c>
      <c r="L916">
        <f t="shared" si="114"/>
        <v>10.809624495024556</v>
      </c>
      <c r="M916">
        <f t="shared" si="115"/>
        <v>0</v>
      </c>
      <c r="N916" s="46">
        <f t="shared" si="116"/>
        <v>45328.749999997861</v>
      </c>
    </row>
    <row r="917" spans="2:14" x14ac:dyDescent="0.3">
      <c r="B917">
        <f t="shared" si="110"/>
        <v>2</v>
      </c>
      <c r="C917" s="16">
        <v>883</v>
      </c>
      <c r="D917" cm="1">
        <f t="array" ref="D917">IFERROR(INDEX(Jesper!AH$2:AH$366,ROUNDDOWN($C917/24,0)+1,1)*INDEX($D$3:$AA$30,INDEX(Jesper!$R$2:$R$366,ROW(INDEX(Jesper!AH$2:AH$366,ROUNDDOWN($C917/24,0)+1,1))-1)+IF('Standard Profiles'!$G$18=$B$10,7,0)+IF('Standard Profiles'!$G$18=$B$17,14,0)+IF('Standard Profiles'!$G$18=$B$24,21,0),MOD($C917,24)+1)/SUM(INDEX($D$3:$AA$30,INDEX(Jesper!$R$2:$R$366,ROW(INDEX(Jesper!AH$2:AH$366,ROUNDDOWN($C917/24,0)+1,1))-1)+IF('Standard Profiles'!$G$18=$B$10,7,0)+IF('Standard Profiles'!$G$18=$B$17,14,0)+IF('Standard Profiles'!$G$18=$B$24,21,0),0)),0)</f>
        <v>12.573695159143146</v>
      </c>
      <c r="E917" cm="1">
        <f t="array" ref="E917">IFERROR(INDEX(Jesper!AI$2:AI$366,ROUNDDOWN($C917/24,0)+1,1)*INDEX($D$3:$AA$30,INDEX(Jesper!$R$2:$R$366,ROW(INDEX(Jesper!AI$2:AI$366,ROUNDDOWN($C917/24,0)+1,1))-1)+IF('Standard Profiles'!$G$19=$B$10,7,0)+IF('Standard Profiles'!$G$19=$B$17,14,0)+IF('Standard Profiles'!$G$19=$B$24,21,0),MOD($C917,24)+1)/SUM(INDEX($D$3:$AA$30,INDEX(Jesper!$R$2:$R$366,ROW(INDEX(Jesper!AI$2:AI$366,ROUNDDOWN($C917/24,0)+1,1))-1)+IF('Standard Profiles'!$G$19=$B$10,7,0)+IF('Standard Profiles'!$G$19=$B$17,14,0)+IF('Standard Profiles'!$G$19=$B$24,21,0),0)),0)</f>
        <v>0</v>
      </c>
      <c r="F917" cm="1">
        <f t="array" ref="F917">IFERROR(INDEX(Jesper!AJ$2:AJ$366,ROUNDDOWN($C917/24,0)+1,1)*INDEX($D$3:$AA$30,INDEX(Jesper!$R$2:$R$366,ROW(INDEX(Jesper!AJ$2:AJ$366,ROUNDDOWN($C917/24,0)+1,1))-1)+IF('Standard Profiles'!$G$20=$B$10,7,0)+IF('Standard Profiles'!$G$20=$B$17,14,0)+IF('Standard Profiles'!$G$20=$B$24,21,0),MOD($C917,24)+1)/SUM(INDEX($D$3:$AA$30,INDEX(Jesper!$R$2:$R$366,ROW(INDEX(Jesper!AJ$2:AJ$366,ROUNDDOWN($C917/24,0)+1,1))-1)+IF('Standard Profiles'!$G$20=$B$10,7,0)+IF('Standard Profiles'!$G$20=$B$17,14,0)+IF('Standard Profiles'!$G$20=$B$24,21,0),0)),0)</f>
        <v>0</v>
      </c>
      <c r="G917" cm="1">
        <f t="array" ref="G917">IFERROR(INDEX(Jesper!AK$2:AK$366,ROUNDDOWN($C917/24,0)+1,1)*INDEX($D$3:$AA$30,INDEX(Jesper!$R$2:$R$366,ROW(INDEX(Jesper!AK$2:AK$366,ROUNDDOWN($C917/24,0)+1,1))-1)+IF('Standard Profiles'!$G$21=$B$10,7,0)+IF('Standard Profiles'!$G$21=$B$17,14,0)+IF('Standard Profiles'!$G$21=$B$24,21,0),MOD($C917,24)+1)/SUM(INDEX($D$3:$AA$30,INDEX(Jesper!$R$2:$R$366,ROW(INDEX(Jesper!AK$2:AK$366,ROUNDDOWN($C917/24,0)+1,1))-1)+IF('Standard Profiles'!$G$21=$B$10,7,0)+IF('Standard Profiles'!$G$21=$B$17,14,0)+IF('Standard Profiles'!$G$21=$B$24,21,0),0)),0)</f>
        <v>0</v>
      </c>
      <c r="H917" cm="1">
        <f t="array" ref="H917">IFERROR(INDEX(Jesper!AL$2:AL$366,ROUNDDOWN($C917/24,0)+1,1)*INDEX($D$3:$AA$30,INDEX(Jesper!$R$2:$R$366,ROW(INDEX(Jesper!AL$2:AL$366,ROUNDDOWN($C917/24,0)+1,1))-1)+IF('Standard Profiles'!$G$22=$B$10,7,0)+IF('Standard Profiles'!$G$22=$B$17,14,0)+IF('Standard Profiles'!$G$22=$B$24,21,0),MOD($C917,24)+1)/SUM(INDEX($D$3:$AA$30,INDEX(Jesper!$R$2:$R$366,ROW(INDEX(Jesper!AL$2:AL$366,ROUNDDOWN($C917/24,0)+1,1))-1)+IF('Standard Profiles'!$G$22=$B$10,7,0)+IF('Standard Profiles'!$G$22=$B$17,14,0)+IF('Standard Profiles'!$G$22=$B$24,21,0),0)),0)</f>
        <v>0</v>
      </c>
      <c r="I917">
        <f t="shared" si="111"/>
        <v>0.37721085477429434</v>
      </c>
      <c r="J917">
        <f t="shared" si="112"/>
        <v>1.2573695159143146</v>
      </c>
      <c r="K917">
        <f t="shared" si="113"/>
        <v>1.8860542738714718</v>
      </c>
      <c r="L917">
        <f t="shared" si="114"/>
        <v>9.0530605145830645</v>
      </c>
      <c r="M917">
        <f t="shared" si="115"/>
        <v>0</v>
      </c>
      <c r="N917" s="46">
        <f t="shared" si="116"/>
        <v>45328.791666664525</v>
      </c>
    </row>
    <row r="918" spans="2:14" x14ac:dyDescent="0.3">
      <c r="B918">
        <f t="shared" si="110"/>
        <v>2</v>
      </c>
      <c r="C918" s="16">
        <v>884</v>
      </c>
      <c r="D918" cm="1">
        <f t="array" ref="D918">IFERROR(INDEX(Jesper!AH$2:AH$366,ROUNDDOWN($C918/24,0)+1,1)*INDEX($D$3:$AA$30,INDEX(Jesper!$R$2:$R$366,ROW(INDEX(Jesper!AH$2:AH$366,ROUNDDOWN($C918/24,0)+1,1))-1)+IF('Standard Profiles'!$G$18=$B$10,7,0)+IF('Standard Profiles'!$G$18=$B$17,14,0)+IF('Standard Profiles'!$G$18=$B$24,21,0),MOD($C918,24)+1)/SUM(INDEX($D$3:$AA$30,INDEX(Jesper!$R$2:$R$366,ROW(INDEX(Jesper!AH$2:AH$366,ROUNDDOWN($C918/24,0)+1,1))-1)+IF('Standard Profiles'!$G$18=$B$10,7,0)+IF('Standard Profiles'!$G$18=$B$17,14,0)+IF('Standard Profiles'!$G$18=$B$24,21,0),0)),0)</f>
        <v>10.321690056013029</v>
      </c>
      <c r="E918" cm="1">
        <f t="array" ref="E918">IFERROR(INDEX(Jesper!AI$2:AI$366,ROUNDDOWN($C918/24,0)+1,1)*INDEX($D$3:$AA$30,INDEX(Jesper!$R$2:$R$366,ROW(INDEX(Jesper!AI$2:AI$366,ROUNDDOWN($C918/24,0)+1,1))-1)+IF('Standard Profiles'!$G$19=$B$10,7,0)+IF('Standard Profiles'!$G$19=$B$17,14,0)+IF('Standard Profiles'!$G$19=$B$24,21,0),MOD($C918,24)+1)/SUM(INDEX($D$3:$AA$30,INDEX(Jesper!$R$2:$R$366,ROW(INDEX(Jesper!AI$2:AI$366,ROUNDDOWN($C918/24,0)+1,1))-1)+IF('Standard Profiles'!$G$19=$B$10,7,0)+IF('Standard Profiles'!$G$19=$B$17,14,0)+IF('Standard Profiles'!$G$19=$B$24,21,0),0)),0)</f>
        <v>0</v>
      </c>
      <c r="F918" cm="1">
        <f t="array" ref="F918">IFERROR(INDEX(Jesper!AJ$2:AJ$366,ROUNDDOWN($C918/24,0)+1,1)*INDEX($D$3:$AA$30,INDEX(Jesper!$R$2:$R$366,ROW(INDEX(Jesper!AJ$2:AJ$366,ROUNDDOWN($C918/24,0)+1,1))-1)+IF('Standard Profiles'!$G$20=$B$10,7,0)+IF('Standard Profiles'!$G$20=$B$17,14,0)+IF('Standard Profiles'!$G$20=$B$24,21,0),MOD($C918,24)+1)/SUM(INDEX($D$3:$AA$30,INDEX(Jesper!$R$2:$R$366,ROW(INDEX(Jesper!AJ$2:AJ$366,ROUNDDOWN($C918/24,0)+1,1))-1)+IF('Standard Profiles'!$G$20=$B$10,7,0)+IF('Standard Profiles'!$G$20=$B$17,14,0)+IF('Standard Profiles'!$G$20=$B$24,21,0),0)),0)</f>
        <v>0</v>
      </c>
      <c r="G918" cm="1">
        <f t="array" ref="G918">IFERROR(INDEX(Jesper!AK$2:AK$366,ROUNDDOWN($C918/24,0)+1,1)*INDEX($D$3:$AA$30,INDEX(Jesper!$R$2:$R$366,ROW(INDEX(Jesper!AK$2:AK$366,ROUNDDOWN($C918/24,0)+1,1))-1)+IF('Standard Profiles'!$G$21=$B$10,7,0)+IF('Standard Profiles'!$G$21=$B$17,14,0)+IF('Standard Profiles'!$G$21=$B$24,21,0),MOD($C918,24)+1)/SUM(INDEX($D$3:$AA$30,INDEX(Jesper!$R$2:$R$366,ROW(INDEX(Jesper!AK$2:AK$366,ROUNDDOWN($C918/24,0)+1,1))-1)+IF('Standard Profiles'!$G$21=$B$10,7,0)+IF('Standard Profiles'!$G$21=$B$17,14,0)+IF('Standard Profiles'!$G$21=$B$24,21,0),0)),0)</f>
        <v>0</v>
      </c>
      <c r="H918" cm="1">
        <f t="array" ref="H918">IFERROR(INDEX(Jesper!AL$2:AL$366,ROUNDDOWN($C918/24,0)+1,1)*INDEX($D$3:$AA$30,INDEX(Jesper!$R$2:$R$366,ROW(INDEX(Jesper!AL$2:AL$366,ROUNDDOWN($C918/24,0)+1,1))-1)+IF('Standard Profiles'!$G$22=$B$10,7,0)+IF('Standard Profiles'!$G$22=$B$17,14,0)+IF('Standard Profiles'!$G$22=$B$24,21,0),MOD($C918,24)+1)/SUM(INDEX($D$3:$AA$30,INDEX(Jesper!$R$2:$R$366,ROW(INDEX(Jesper!AL$2:AL$366,ROUNDDOWN($C918/24,0)+1,1))-1)+IF('Standard Profiles'!$G$22=$B$10,7,0)+IF('Standard Profiles'!$G$22=$B$17,14,0)+IF('Standard Profiles'!$G$22=$B$24,21,0),0)),0)</f>
        <v>0</v>
      </c>
      <c r="I918">
        <f t="shared" si="111"/>
        <v>0.30965070168039088</v>
      </c>
      <c r="J918">
        <f t="shared" si="112"/>
        <v>1.0321690056013029</v>
      </c>
      <c r="K918">
        <f t="shared" si="113"/>
        <v>1.5482535084019544</v>
      </c>
      <c r="L918">
        <f t="shared" si="114"/>
        <v>7.4316168403293803</v>
      </c>
      <c r="M918">
        <f t="shared" si="115"/>
        <v>0</v>
      </c>
      <c r="N918" s="46">
        <f t="shared" si="116"/>
        <v>45328.833333331189</v>
      </c>
    </row>
    <row r="919" spans="2:14" x14ac:dyDescent="0.3">
      <c r="B919">
        <f t="shared" si="110"/>
        <v>2</v>
      </c>
      <c r="C919" s="16">
        <v>885</v>
      </c>
      <c r="D919" cm="1">
        <f t="array" ref="D919">IFERROR(INDEX(Jesper!AH$2:AH$366,ROUNDDOWN($C919/24,0)+1,1)*INDEX($D$3:$AA$30,INDEX(Jesper!$R$2:$R$366,ROW(INDEX(Jesper!AH$2:AH$366,ROUNDDOWN($C919/24,0)+1,1))-1)+IF('Standard Profiles'!$G$18=$B$10,7,0)+IF('Standard Profiles'!$G$18=$B$17,14,0)+IF('Standard Profiles'!$G$18=$B$24,21,0),MOD($C919,24)+1)/SUM(INDEX($D$3:$AA$30,INDEX(Jesper!$R$2:$R$366,ROW(INDEX(Jesper!AH$2:AH$366,ROUNDDOWN($C919/24,0)+1,1))-1)+IF('Standard Profiles'!$G$18=$B$10,7,0)+IF('Standard Profiles'!$G$18=$B$17,14,0)+IF('Standard Profiles'!$G$18=$B$24,21,0),0)),0)</f>
        <v>7.5066836771003862</v>
      </c>
      <c r="E919" cm="1">
        <f t="array" ref="E919">IFERROR(INDEX(Jesper!AI$2:AI$366,ROUNDDOWN($C919/24,0)+1,1)*INDEX($D$3:$AA$30,INDEX(Jesper!$R$2:$R$366,ROW(INDEX(Jesper!AI$2:AI$366,ROUNDDOWN($C919/24,0)+1,1))-1)+IF('Standard Profiles'!$G$19=$B$10,7,0)+IF('Standard Profiles'!$G$19=$B$17,14,0)+IF('Standard Profiles'!$G$19=$B$24,21,0),MOD($C919,24)+1)/SUM(INDEX($D$3:$AA$30,INDEX(Jesper!$R$2:$R$366,ROW(INDEX(Jesper!AI$2:AI$366,ROUNDDOWN($C919/24,0)+1,1))-1)+IF('Standard Profiles'!$G$19=$B$10,7,0)+IF('Standard Profiles'!$G$19=$B$17,14,0)+IF('Standard Profiles'!$G$19=$B$24,21,0),0)),0)</f>
        <v>0</v>
      </c>
      <c r="F919" cm="1">
        <f t="array" ref="F919">IFERROR(INDEX(Jesper!AJ$2:AJ$366,ROUNDDOWN($C919/24,0)+1,1)*INDEX($D$3:$AA$30,INDEX(Jesper!$R$2:$R$366,ROW(INDEX(Jesper!AJ$2:AJ$366,ROUNDDOWN($C919/24,0)+1,1))-1)+IF('Standard Profiles'!$G$20=$B$10,7,0)+IF('Standard Profiles'!$G$20=$B$17,14,0)+IF('Standard Profiles'!$G$20=$B$24,21,0),MOD($C919,24)+1)/SUM(INDEX($D$3:$AA$30,INDEX(Jesper!$R$2:$R$366,ROW(INDEX(Jesper!AJ$2:AJ$366,ROUNDDOWN($C919/24,0)+1,1))-1)+IF('Standard Profiles'!$G$20=$B$10,7,0)+IF('Standard Profiles'!$G$20=$B$17,14,0)+IF('Standard Profiles'!$G$20=$B$24,21,0),0)),0)</f>
        <v>0</v>
      </c>
      <c r="G919" cm="1">
        <f t="array" ref="G919">IFERROR(INDEX(Jesper!AK$2:AK$366,ROUNDDOWN($C919/24,0)+1,1)*INDEX($D$3:$AA$30,INDEX(Jesper!$R$2:$R$366,ROW(INDEX(Jesper!AK$2:AK$366,ROUNDDOWN($C919/24,0)+1,1))-1)+IF('Standard Profiles'!$G$21=$B$10,7,0)+IF('Standard Profiles'!$G$21=$B$17,14,0)+IF('Standard Profiles'!$G$21=$B$24,21,0),MOD($C919,24)+1)/SUM(INDEX($D$3:$AA$30,INDEX(Jesper!$R$2:$R$366,ROW(INDEX(Jesper!AK$2:AK$366,ROUNDDOWN($C919/24,0)+1,1))-1)+IF('Standard Profiles'!$G$21=$B$10,7,0)+IF('Standard Profiles'!$G$21=$B$17,14,0)+IF('Standard Profiles'!$G$21=$B$24,21,0),0)),0)</f>
        <v>0</v>
      </c>
      <c r="H919" cm="1">
        <f t="array" ref="H919">IFERROR(INDEX(Jesper!AL$2:AL$366,ROUNDDOWN($C919/24,0)+1,1)*INDEX($D$3:$AA$30,INDEX(Jesper!$R$2:$R$366,ROW(INDEX(Jesper!AL$2:AL$366,ROUNDDOWN($C919/24,0)+1,1))-1)+IF('Standard Profiles'!$G$22=$B$10,7,0)+IF('Standard Profiles'!$G$22=$B$17,14,0)+IF('Standard Profiles'!$G$22=$B$24,21,0),MOD($C919,24)+1)/SUM(INDEX($D$3:$AA$30,INDEX(Jesper!$R$2:$R$366,ROW(INDEX(Jesper!AL$2:AL$366,ROUNDDOWN($C919/24,0)+1,1))-1)+IF('Standard Profiles'!$G$22=$B$10,7,0)+IF('Standard Profiles'!$G$22=$B$17,14,0)+IF('Standard Profiles'!$G$22=$B$24,21,0),0)),0)</f>
        <v>0</v>
      </c>
      <c r="I919">
        <f t="shared" si="111"/>
        <v>0.22520051031301158</v>
      </c>
      <c r="J919">
        <f t="shared" si="112"/>
        <v>0.75066836771003864</v>
      </c>
      <c r="K919">
        <f t="shared" si="113"/>
        <v>1.1260025515650578</v>
      </c>
      <c r="L919">
        <f t="shared" si="114"/>
        <v>5.404812247512278</v>
      </c>
      <c r="M919">
        <f t="shared" si="115"/>
        <v>0</v>
      </c>
      <c r="N919" s="46">
        <f t="shared" si="116"/>
        <v>45328.874999997854</v>
      </c>
    </row>
    <row r="920" spans="2:14" x14ac:dyDescent="0.3">
      <c r="B920">
        <f t="shared" si="110"/>
        <v>2</v>
      </c>
      <c r="C920" s="16">
        <v>886</v>
      </c>
      <c r="D920" cm="1">
        <f t="array" ref="D920">IFERROR(INDEX(Jesper!AH$2:AH$366,ROUNDDOWN($C920/24,0)+1,1)*INDEX($D$3:$AA$30,INDEX(Jesper!$R$2:$R$366,ROW(INDEX(Jesper!AH$2:AH$366,ROUNDDOWN($C920/24,0)+1,1))-1)+IF('Standard Profiles'!$G$18=$B$10,7,0)+IF('Standard Profiles'!$G$18=$B$17,14,0)+IF('Standard Profiles'!$G$18=$B$24,21,0),MOD($C920,24)+1)/SUM(INDEX($D$3:$AA$30,INDEX(Jesper!$R$2:$R$366,ROW(INDEX(Jesper!AH$2:AH$366,ROUNDDOWN($C920/24,0)+1,1))-1)+IF('Standard Profiles'!$G$18=$B$10,7,0)+IF('Standard Profiles'!$G$18=$B$17,14,0)+IF('Standard Profiles'!$G$18=$B$24,21,0),0)),0)</f>
        <v>7.5066836771003862</v>
      </c>
      <c r="E920" cm="1">
        <f t="array" ref="E920">IFERROR(INDEX(Jesper!AI$2:AI$366,ROUNDDOWN($C920/24,0)+1,1)*INDEX($D$3:$AA$30,INDEX(Jesper!$R$2:$R$366,ROW(INDEX(Jesper!AI$2:AI$366,ROUNDDOWN($C920/24,0)+1,1))-1)+IF('Standard Profiles'!$G$19=$B$10,7,0)+IF('Standard Profiles'!$G$19=$B$17,14,0)+IF('Standard Profiles'!$G$19=$B$24,21,0),MOD($C920,24)+1)/SUM(INDEX($D$3:$AA$30,INDEX(Jesper!$R$2:$R$366,ROW(INDEX(Jesper!AI$2:AI$366,ROUNDDOWN($C920/24,0)+1,1))-1)+IF('Standard Profiles'!$G$19=$B$10,7,0)+IF('Standard Profiles'!$G$19=$B$17,14,0)+IF('Standard Profiles'!$G$19=$B$24,21,0),0)),0)</f>
        <v>0</v>
      </c>
      <c r="F920" cm="1">
        <f t="array" ref="F920">IFERROR(INDEX(Jesper!AJ$2:AJ$366,ROUNDDOWN($C920/24,0)+1,1)*INDEX($D$3:$AA$30,INDEX(Jesper!$R$2:$R$366,ROW(INDEX(Jesper!AJ$2:AJ$366,ROUNDDOWN($C920/24,0)+1,1))-1)+IF('Standard Profiles'!$G$20=$B$10,7,0)+IF('Standard Profiles'!$G$20=$B$17,14,0)+IF('Standard Profiles'!$G$20=$B$24,21,0),MOD($C920,24)+1)/SUM(INDEX($D$3:$AA$30,INDEX(Jesper!$R$2:$R$366,ROW(INDEX(Jesper!AJ$2:AJ$366,ROUNDDOWN($C920/24,0)+1,1))-1)+IF('Standard Profiles'!$G$20=$B$10,7,0)+IF('Standard Profiles'!$G$20=$B$17,14,0)+IF('Standard Profiles'!$G$20=$B$24,21,0),0)),0)</f>
        <v>0</v>
      </c>
      <c r="G920" cm="1">
        <f t="array" ref="G920">IFERROR(INDEX(Jesper!AK$2:AK$366,ROUNDDOWN($C920/24,0)+1,1)*INDEX($D$3:$AA$30,INDEX(Jesper!$R$2:$R$366,ROW(INDEX(Jesper!AK$2:AK$366,ROUNDDOWN($C920/24,0)+1,1))-1)+IF('Standard Profiles'!$G$21=$B$10,7,0)+IF('Standard Profiles'!$G$21=$B$17,14,0)+IF('Standard Profiles'!$G$21=$B$24,21,0),MOD($C920,24)+1)/SUM(INDEX($D$3:$AA$30,INDEX(Jesper!$R$2:$R$366,ROW(INDEX(Jesper!AK$2:AK$366,ROUNDDOWN($C920/24,0)+1,1))-1)+IF('Standard Profiles'!$G$21=$B$10,7,0)+IF('Standard Profiles'!$G$21=$B$17,14,0)+IF('Standard Profiles'!$G$21=$B$24,21,0),0)),0)</f>
        <v>0</v>
      </c>
      <c r="H920" cm="1">
        <f t="array" ref="H920">IFERROR(INDEX(Jesper!AL$2:AL$366,ROUNDDOWN($C920/24,0)+1,1)*INDEX($D$3:$AA$30,INDEX(Jesper!$R$2:$R$366,ROW(INDEX(Jesper!AL$2:AL$366,ROUNDDOWN($C920/24,0)+1,1))-1)+IF('Standard Profiles'!$G$22=$B$10,7,0)+IF('Standard Profiles'!$G$22=$B$17,14,0)+IF('Standard Profiles'!$G$22=$B$24,21,0),MOD($C920,24)+1)/SUM(INDEX($D$3:$AA$30,INDEX(Jesper!$R$2:$R$366,ROW(INDEX(Jesper!AL$2:AL$366,ROUNDDOWN($C920/24,0)+1,1))-1)+IF('Standard Profiles'!$G$22=$B$10,7,0)+IF('Standard Profiles'!$G$22=$B$17,14,0)+IF('Standard Profiles'!$G$22=$B$24,21,0),0)),0)</f>
        <v>0</v>
      </c>
      <c r="I920">
        <f t="shared" si="111"/>
        <v>0.22520051031301158</v>
      </c>
      <c r="J920">
        <f t="shared" si="112"/>
        <v>0.75066836771003864</v>
      </c>
      <c r="K920">
        <f t="shared" si="113"/>
        <v>1.1260025515650578</v>
      </c>
      <c r="L920">
        <f t="shared" si="114"/>
        <v>5.404812247512278</v>
      </c>
      <c r="M920">
        <f t="shared" si="115"/>
        <v>0</v>
      </c>
      <c r="N920" s="46">
        <f t="shared" si="116"/>
        <v>45328.916666664518</v>
      </c>
    </row>
    <row r="921" spans="2:14" x14ac:dyDescent="0.3">
      <c r="B921">
        <f t="shared" si="110"/>
        <v>2</v>
      </c>
      <c r="C921" s="16">
        <v>887</v>
      </c>
      <c r="D921" cm="1">
        <f t="array" ref="D921">IFERROR(INDEX(Jesper!AH$2:AH$366,ROUNDDOWN($C921/24,0)+1,1)*INDEX($D$3:$AA$30,INDEX(Jesper!$R$2:$R$366,ROW(INDEX(Jesper!AH$2:AH$366,ROUNDDOWN($C921/24,0)+1,1))-1)+IF('Standard Profiles'!$G$18=$B$10,7,0)+IF('Standard Profiles'!$G$18=$B$17,14,0)+IF('Standard Profiles'!$G$18=$B$24,21,0),MOD($C921,24)+1)/SUM(INDEX($D$3:$AA$30,INDEX(Jesper!$R$2:$R$366,ROW(INDEX(Jesper!AH$2:AH$366,ROUNDDOWN($C921/24,0)+1,1))-1)+IF('Standard Profiles'!$G$18=$B$10,7,0)+IF('Standard Profiles'!$G$18=$B$17,14,0)+IF('Standard Profiles'!$G$18=$B$24,21,0),0)),0)</f>
        <v>7.5066836771003862</v>
      </c>
      <c r="E921" cm="1">
        <f t="array" ref="E921">IFERROR(INDEX(Jesper!AI$2:AI$366,ROUNDDOWN($C921/24,0)+1,1)*INDEX($D$3:$AA$30,INDEX(Jesper!$R$2:$R$366,ROW(INDEX(Jesper!AI$2:AI$366,ROUNDDOWN($C921/24,0)+1,1))-1)+IF('Standard Profiles'!$G$19=$B$10,7,0)+IF('Standard Profiles'!$G$19=$B$17,14,0)+IF('Standard Profiles'!$G$19=$B$24,21,0),MOD($C921,24)+1)/SUM(INDEX($D$3:$AA$30,INDEX(Jesper!$R$2:$R$366,ROW(INDEX(Jesper!AI$2:AI$366,ROUNDDOWN($C921/24,0)+1,1))-1)+IF('Standard Profiles'!$G$19=$B$10,7,0)+IF('Standard Profiles'!$G$19=$B$17,14,0)+IF('Standard Profiles'!$G$19=$B$24,21,0),0)),0)</f>
        <v>0</v>
      </c>
      <c r="F921" cm="1">
        <f t="array" ref="F921">IFERROR(INDEX(Jesper!AJ$2:AJ$366,ROUNDDOWN($C921/24,0)+1,1)*INDEX($D$3:$AA$30,INDEX(Jesper!$R$2:$R$366,ROW(INDEX(Jesper!AJ$2:AJ$366,ROUNDDOWN($C921/24,0)+1,1))-1)+IF('Standard Profiles'!$G$20=$B$10,7,0)+IF('Standard Profiles'!$G$20=$B$17,14,0)+IF('Standard Profiles'!$G$20=$B$24,21,0),MOD($C921,24)+1)/SUM(INDEX($D$3:$AA$30,INDEX(Jesper!$R$2:$R$366,ROW(INDEX(Jesper!AJ$2:AJ$366,ROUNDDOWN($C921/24,0)+1,1))-1)+IF('Standard Profiles'!$G$20=$B$10,7,0)+IF('Standard Profiles'!$G$20=$B$17,14,0)+IF('Standard Profiles'!$G$20=$B$24,21,0),0)),0)</f>
        <v>0</v>
      </c>
      <c r="G921" cm="1">
        <f t="array" ref="G921">IFERROR(INDEX(Jesper!AK$2:AK$366,ROUNDDOWN($C921/24,0)+1,1)*INDEX($D$3:$AA$30,INDEX(Jesper!$R$2:$R$366,ROW(INDEX(Jesper!AK$2:AK$366,ROUNDDOWN($C921/24,0)+1,1))-1)+IF('Standard Profiles'!$G$21=$B$10,7,0)+IF('Standard Profiles'!$G$21=$B$17,14,0)+IF('Standard Profiles'!$G$21=$B$24,21,0),MOD($C921,24)+1)/SUM(INDEX($D$3:$AA$30,INDEX(Jesper!$R$2:$R$366,ROW(INDEX(Jesper!AK$2:AK$366,ROUNDDOWN($C921/24,0)+1,1))-1)+IF('Standard Profiles'!$G$21=$B$10,7,0)+IF('Standard Profiles'!$G$21=$B$17,14,0)+IF('Standard Profiles'!$G$21=$B$24,21,0),0)),0)</f>
        <v>0</v>
      </c>
      <c r="H921" cm="1">
        <f t="array" ref="H921">IFERROR(INDEX(Jesper!AL$2:AL$366,ROUNDDOWN($C921/24,0)+1,1)*INDEX($D$3:$AA$30,INDEX(Jesper!$R$2:$R$366,ROW(INDEX(Jesper!AL$2:AL$366,ROUNDDOWN($C921/24,0)+1,1))-1)+IF('Standard Profiles'!$G$22=$B$10,7,0)+IF('Standard Profiles'!$G$22=$B$17,14,0)+IF('Standard Profiles'!$G$22=$B$24,21,0),MOD($C921,24)+1)/SUM(INDEX($D$3:$AA$30,INDEX(Jesper!$R$2:$R$366,ROW(INDEX(Jesper!AL$2:AL$366,ROUNDDOWN($C921/24,0)+1,1))-1)+IF('Standard Profiles'!$G$22=$B$10,7,0)+IF('Standard Profiles'!$G$22=$B$17,14,0)+IF('Standard Profiles'!$G$22=$B$24,21,0),0)),0)</f>
        <v>0</v>
      </c>
      <c r="I921">
        <f t="shared" si="111"/>
        <v>0.22520051031301158</v>
      </c>
      <c r="J921">
        <f t="shared" si="112"/>
        <v>0.75066836771003864</v>
      </c>
      <c r="K921">
        <f t="shared" si="113"/>
        <v>1.1260025515650578</v>
      </c>
      <c r="L921">
        <f t="shared" si="114"/>
        <v>5.404812247512278</v>
      </c>
      <c r="M921">
        <f t="shared" si="115"/>
        <v>0</v>
      </c>
      <c r="N921" s="46">
        <f t="shared" si="116"/>
        <v>45328.958333331182</v>
      </c>
    </row>
    <row r="922" spans="2:14" x14ac:dyDescent="0.3">
      <c r="B922">
        <f t="shared" si="110"/>
        <v>3</v>
      </c>
      <c r="C922" s="16">
        <v>888</v>
      </c>
      <c r="D922" cm="1">
        <f t="array" ref="D922">IFERROR(INDEX(Jesper!AH$2:AH$366,ROUNDDOWN($C922/24,0)+1,1)*INDEX($D$3:$AA$30,INDEX(Jesper!$R$2:$R$366,ROW(INDEX(Jesper!AH$2:AH$366,ROUNDDOWN($C922/24,0)+1,1))-1)+IF('Standard Profiles'!$G$18=$B$10,7,0)+IF('Standard Profiles'!$G$18=$B$17,14,0)+IF('Standard Profiles'!$G$18=$B$24,21,0),MOD($C922,24)+1)/SUM(INDEX($D$3:$AA$30,INDEX(Jesper!$R$2:$R$366,ROW(INDEX(Jesper!AH$2:AH$366,ROUNDDOWN($C922/24,0)+1,1))-1)+IF('Standard Profiles'!$G$18=$B$10,7,0)+IF('Standard Profiles'!$G$18=$B$17,14,0)+IF('Standard Profiles'!$G$18=$B$24,21,0),0)),0)</f>
        <v>6.7045096263362591</v>
      </c>
      <c r="E922" cm="1">
        <f t="array" ref="E922">IFERROR(INDEX(Jesper!AI$2:AI$366,ROUNDDOWN($C922/24,0)+1,1)*INDEX($D$3:$AA$30,INDEX(Jesper!$R$2:$R$366,ROW(INDEX(Jesper!AI$2:AI$366,ROUNDDOWN($C922/24,0)+1,1))-1)+IF('Standard Profiles'!$G$19=$B$10,7,0)+IF('Standard Profiles'!$G$19=$B$17,14,0)+IF('Standard Profiles'!$G$19=$B$24,21,0),MOD($C922,24)+1)/SUM(INDEX($D$3:$AA$30,INDEX(Jesper!$R$2:$R$366,ROW(INDEX(Jesper!AI$2:AI$366,ROUNDDOWN($C922/24,0)+1,1))-1)+IF('Standard Profiles'!$G$19=$B$10,7,0)+IF('Standard Profiles'!$G$19=$B$17,14,0)+IF('Standard Profiles'!$G$19=$B$24,21,0),0)),0)</f>
        <v>0</v>
      </c>
      <c r="F922" cm="1">
        <f t="array" ref="F922">IFERROR(INDEX(Jesper!AJ$2:AJ$366,ROUNDDOWN($C922/24,0)+1,1)*INDEX($D$3:$AA$30,INDEX(Jesper!$R$2:$R$366,ROW(INDEX(Jesper!AJ$2:AJ$366,ROUNDDOWN($C922/24,0)+1,1))-1)+IF('Standard Profiles'!$G$20=$B$10,7,0)+IF('Standard Profiles'!$G$20=$B$17,14,0)+IF('Standard Profiles'!$G$20=$B$24,21,0),MOD($C922,24)+1)/SUM(INDEX($D$3:$AA$30,INDEX(Jesper!$R$2:$R$366,ROW(INDEX(Jesper!AJ$2:AJ$366,ROUNDDOWN($C922/24,0)+1,1))-1)+IF('Standard Profiles'!$G$20=$B$10,7,0)+IF('Standard Profiles'!$G$20=$B$17,14,0)+IF('Standard Profiles'!$G$20=$B$24,21,0),0)),0)</f>
        <v>0</v>
      </c>
      <c r="G922" cm="1">
        <f t="array" ref="G922">IFERROR(INDEX(Jesper!AK$2:AK$366,ROUNDDOWN($C922/24,0)+1,1)*INDEX($D$3:$AA$30,INDEX(Jesper!$R$2:$R$366,ROW(INDEX(Jesper!AK$2:AK$366,ROUNDDOWN($C922/24,0)+1,1))-1)+IF('Standard Profiles'!$G$21=$B$10,7,0)+IF('Standard Profiles'!$G$21=$B$17,14,0)+IF('Standard Profiles'!$G$21=$B$24,21,0),MOD($C922,24)+1)/SUM(INDEX($D$3:$AA$30,INDEX(Jesper!$R$2:$R$366,ROW(INDEX(Jesper!AK$2:AK$366,ROUNDDOWN($C922/24,0)+1,1))-1)+IF('Standard Profiles'!$G$21=$B$10,7,0)+IF('Standard Profiles'!$G$21=$B$17,14,0)+IF('Standard Profiles'!$G$21=$B$24,21,0),0)),0)</f>
        <v>0</v>
      </c>
      <c r="H922" cm="1">
        <f t="array" ref="H922">IFERROR(INDEX(Jesper!AL$2:AL$366,ROUNDDOWN($C922/24,0)+1,1)*INDEX($D$3:$AA$30,INDEX(Jesper!$R$2:$R$366,ROW(INDEX(Jesper!AL$2:AL$366,ROUNDDOWN($C922/24,0)+1,1))-1)+IF('Standard Profiles'!$G$22=$B$10,7,0)+IF('Standard Profiles'!$G$22=$B$17,14,0)+IF('Standard Profiles'!$G$22=$B$24,21,0),MOD($C922,24)+1)/SUM(INDEX($D$3:$AA$30,INDEX(Jesper!$R$2:$R$366,ROW(INDEX(Jesper!AL$2:AL$366,ROUNDDOWN($C922/24,0)+1,1))-1)+IF('Standard Profiles'!$G$22=$B$10,7,0)+IF('Standard Profiles'!$G$22=$B$17,14,0)+IF('Standard Profiles'!$G$22=$B$24,21,0),0)),0)</f>
        <v>0</v>
      </c>
      <c r="I922">
        <f t="shared" si="111"/>
        <v>0.20113528879008777</v>
      </c>
      <c r="J922">
        <f t="shared" si="112"/>
        <v>0.67045096263362591</v>
      </c>
      <c r="K922">
        <f t="shared" si="113"/>
        <v>1.0056764439504389</v>
      </c>
      <c r="L922">
        <f t="shared" si="114"/>
        <v>4.8272469309621062</v>
      </c>
      <c r="M922">
        <f t="shared" si="115"/>
        <v>0</v>
      </c>
      <c r="N922" s="46">
        <f t="shared" si="116"/>
        <v>45328.999999997846</v>
      </c>
    </row>
    <row r="923" spans="2:14" x14ac:dyDescent="0.3">
      <c r="B923">
        <f t="shared" si="110"/>
        <v>3</v>
      </c>
      <c r="C923" s="16">
        <v>889</v>
      </c>
      <c r="D923" cm="1">
        <f t="array" ref="D923">IFERROR(INDEX(Jesper!AH$2:AH$366,ROUNDDOWN($C923/24,0)+1,1)*INDEX($D$3:$AA$30,INDEX(Jesper!$R$2:$R$366,ROW(INDEX(Jesper!AH$2:AH$366,ROUNDDOWN($C923/24,0)+1,1))-1)+IF('Standard Profiles'!$G$18=$B$10,7,0)+IF('Standard Profiles'!$G$18=$B$17,14,0)+IF('Standard Profiles'!$G$18=$B$24,21,0),MOD($C923,24)+1)/SUM(INDEX($D$3:$AA$30,INDEX(Jesper!$R$2:$R$366,ROW(INDEX(Jesper!AH$2:AH$366,ROUNDDOWN($C923/24,0)+1,1))-1)+IF('Standard Profiles'!$G$18=$B$10,7,0)+IF('Standard Profiles'!$G$18=$B$17,14,0)+IF('Standard Profiles'!$G$18=$B$24,21,0),0)),0)</f>
        <v>7.5425733296282909</v>
      </c>
      <c r="E923" cm="1">
        <f t="array" ref="E923">IFERROR(INDEX(Jesper!AI$2:AI$366,ROUNDDOWN($C923/24,0)+1,1)*INDEX($D$3:$AA$30,INDEX(Jesper!$R$2:$R$366,ROW(INDEX(Jesper!AI$2:AI$366,ROUNDDOWN($C923/24,0)+1,1))-1)+IF('Standard Profiles'!$G$19=$B$10,7,0)+IF('Standard Profiles'!$G$19=$B$17,14,0)+IF('Standard Profiles'!$G$19=$B$24,21,0),MOD($C923,24)+1)/SUM(INDEX($D$3:$AA$30,INDEX(Jesper!$R$2:$R$366,ROW(INDEX(Jesper!AI$2:AI$366,ROUNDDOWN($C923/24,0)+1,1))-1)+IF('Standard Profiles'!$G$19=$B$10,7,0)+IF('Standard Profiles'!$G$19=$B$17,14,0)+IF('Standard Profiles'!$G$19=$B$24,21,0),0)),0)</f>
        <v>0</v>
      </c>
      <c r="F923" cm="1">
        <f t="array" ref="F923">IFERROR(INDEX(Jesper!AJ$2:AJ$366,ROUNDDOWN($C923/24,0)+1,1)*INDEX($D$3:$AA$30,INDEX(Jesper!$R$2:$R$366,ROW(INDEX(Jesper!AJ$2:AJ$366,ROUNDDOWN($C923/24,0)+1,1))-1)+IF('Standard Profiles'!$G$20=$B$10,7,0)+IF('Standard Profiles'!$G$20=$B$17,14,0)+IF('Standard Profiles'!$G$20=$B$24,21,0),MOD($C923,24)+1)/SUM(INDEX($D$3:$AA$30,INDEX(Jesper!$R$2:$R$366,ROW(INDEX(Jesper!AJ$2:AJ$366,ROUNDDOWN($C923/24,0)+1,1))-1)+IF('Standard Profiles'!$G$20=$B$10,7,0)+IF('Standard Profiles'!$G$20=$B$17,14,0)+IF('Standard Profiles'!$G$20=$B$24,21,0),0)),0)</f>
        <v>0</v>
      </c>
      <c r="G923" cm="1">
        <f t="array" ref="G923">IFERROR(INDEX(Jesper!AK$2:AK$366,ROUNDDOWN($C923/24,0)+1,1)*INDEX($D$3:$AA$30,INDEX(Jesper!$R$2:$R$366,ROW(INDEX(Jesper!AK$2:AK$366,ROUNDDOWN($C923/24,0)+1,1))-1)+IF('Standard Profiles'!$G$21=$B$10,7,0)+IF('Standard Profiles'!$G$21=$B$17,14,0)+IF('Standard Profiles'!$G$21=$B$24,21,0),MOD($C923,24)+1)/SUM(INDEX($D$3:$AA$30,INDEX(Jesper!$R$2:$R$366,ROW(INDEX(Jesper!AK$2:AK$366,ROUNDDOWN($C923/24,0)+1,1))-1)+IF('Standard Profiles'!$G$21=$B$10,7,0)+IF('Standard Profiles'!$G$21=$B$17,14,0)+IF('Standard Profiles'!$G$21=$B$24,21,0),0)),0)</f>
        <v>0</v>
      </c>
      <c r="H923" cm="1">
        <f t="array" ref="H923">IFERROR(INDEX(Jesper!AL$2:AL$366,ROUNDDOWN($C923/24,0)+1,1)*INDEX($D$3:$AA$30,INDEX(Jesper!$R$2:$R$366,ROW(INDEX(Jesper!AL$2:AL$366,ROUNDDOWN($C923/24,0)+1,1))-1)+IF('Standard Profiles'!$G$22=$B$10,7,0)+IF('Standard Profiles'!$G$22=$B$17,14,0)+IF('Standard Profiles'!$G$22=$B$24,21,0),MOD($C923,24)+1)/SUM(INDEX($D$3:$AA$30,INDEX(Jesper!$R$2:$R$366,ROW(INDEX(Jesper!AL$2:AL$366,ROUNDDOWN($C923/24,0)+1,1))-1)+IF('Standard Profiles'!$G$22=$B$10,7,0)+IF('Standard Profiles'!$G$22=$B$17,14,0)+IF('Standard Profiles'!$G$22=$B$24,21,0),0)),0)</f>
        <v>0</v>
      </c>
      <c r="I923">
        <f t="shared" si="111"/>
        <v>0.22627719988884873</v>
      </c>
      <c r="J923">
        <f t="shared" si="112"/>
        <v>0.75425733296282915</v>
      </c>
      <c r="K923">
        <f t="shared" si="113"/>
        <v>1.1313859994442437</v>
      </c>
      <c r="L923">
        <f t="shared" si="114"/>
        <v>5.4306527973323693</v>
      </c>
      <c r="M923">
        <f t="shared" si="115"/>
        <v>0</v>
      </c>
      <c r="N923" s="46">
        <f t="shared" si="116"/>
        <v>45329.041666664511</v>
      </c>
    </row>
    <row r="924" spans="2:14" x14ac:dyDescent="0.3">
      <c r="B924">
        <f t="shared" si="110"/>
        <v>3</v>
      </c>
      <c r="C924" s="16">
        <v>890</v>
      </c>
      <c r="D924" cm="1">
        <f t="array" ref="D924">IFERROR(INDEX(Jesper!AH$2:AH$366,ROUNDDOWN($C924/24,0)+1,1)*INDEX($D$3:$AA$30,INDEX(Jesper!$R$2:$R$366,ROW(INDEX(Jesper!AH$2:AH$366,ROUNDDOWN($C924/24,0)+1,1))-1)+IF('Standard Profiles'!$G$18=$B$10,7,0)+IF('Standard Profiles'!$G$18=$B$17,14,0)+IF('Standard Profiles'!$G$18=$B$24,21,0),MOD($C924,24)+1)/SUM(INDEX($D$3:$AA$30,INDEX(Jesper!$R$2:$R$366,ROW(INDEX(Jesper!AH$2:AH$366,ROUNDDOWN($C924/24,0)+1,1))-1)+IF('Standard Profiles'!$G$18=$B$10,7,0)+IF('Standard Profiles'!$G$18=$B$17,14,0)+IF('Standard Profiles'!$G$18=$B$24,21,0),0)),0)</f>
        <v>7.5425733296282909</v>
      </c>
      <c r="E924" cm="1">
        <f t="array" ref="E924">IFERROR(INDEX(Jesper!AI$2:AI$366,ROUNDDOWN($C924/24,0)+1,1)*INDEX($D$3:$AA$30,INDEX(Jesper!$R$2:$R$366,ROW(INDEX(Jesper!AI$2:AI$366,ROUNDDOWN($C924/24,0)+1,1))-1)+IF('Standard Profiles'!$G$19=$B$10,7,0)+IF('Standard Profiles'!$G$19=$B$17,14,0)+IF('Standard Profiles'!$G$19=$B$24,21,0),MOD($C924,24)+1)/SUM(INDEX($D$3:$AA$30,INDEX(Jesper!$R$2:$R$366,ROW(INDEX(Jesper!AI$2:AI$366,ROUNDDOWN($C924/24,0)+1,1))-1)+IF('Standard Profiles'!$G$19=$B$10,7,0)+IF('Standard Profiles'!$G$19=$B$17,14,0)+IF('Standard Profiles'!$G$19=$B$24,21,0),0)),0)</f>
        <v>0</v>
      </c>
      <c r="F924" cm="1">
        <f t="array" ref="F924">IFERROR(INDEX(Jesper!AJ$2:AJ$366,ROUNDDOWN($C924/24,0)+1,1)*INDEX($D$3:$AA$30,INDEX(Jesper!$R$2:$R$366,ROW(INDEX(Jesper!AJ$2:AJ$366,ROUNDDOWN($C924/24,0)+1,1))-1)+IF('Standard Profiles'!$G$20=$B$10,7,0)+IF('Standard Profiles'!$G$20=$B$17,14,0)+IF('Standard Profiles'!$G$20=$B$24,21,0),MOD($C924,24)+1)/SUM(INDEX($D$3:$AA$30,INDEX(Jesper!$R$2:$R$366,ROW(INDEX(Jesper!AJ$2:AJ$366,ROUNDDOWN($C924/24,0)+1,1))-1)+IF('Standard Profiles'!$G$20=$B$10,7,0)+IF('Standard Profiles'!$G$20=$B$17,14,0)+IF('Standard Profiles'!$G$20=$B$24,21,0),0)),0)</f>
        <v>0</v>
      </c>
      <c r="G924" cm="1">
        <f t="array" ref="G924">IFERROR(INDEX(Jesper!AK$2:AK$366,ROUNDDOWN($C924/24,0)+1,1)*INDEX($D$3:$AA$30,INDEX(Jesper!$R$2:$R$366,ROW(INDEX(Jesper!AK$2:AK$366,ROUNDDOWN($C924/24,0)+1,1))-1)+IF('Standard Profiles'!$G$21=$B$10,7,0)+IF('Standard Profiles'!$G$21=$B$17,14,0)+IF('Standard Profiles'!$G$21=$B$24,21,0),MOD($C924,24)+1)/SUM(INDEX($D$3:$AA$30,INDEX(Jesper!$R$2:$R$366,ROW(INDEX(Jesper!AK$2:AK$366,ROUNDDOWN($C924/24,0)+1,1))-1)+IF('Standard Profiles'!$G$21=$B$10,7,0)+IF('Standard Profiles'!$G$21=$B$17,14,0)+IF('Standard Profiles'!$G$21=$B$24,21,0),0)),0)</f>
        <v>0</v>
      </c>
      <c r="H924" cm="1">
        <f t="array" ref="H924">IFERROR(INDEX(Jesper!AL$2:AL$366,ROUNDDOWN($C924/24,0)+1,1)*INDEX($D$3:$AA$30,INDEX(Jesper!$R$2:$R$366,ROW(INDEX(Jesper!AL$2:AL$366,ROUNDDOWN($C924/24,0)+1,1))-1)+IF('Standard Profiles'!$G$22=$B$10,7,0)+IF('Standard Profiles'!$G$22=$B$17,14,0)+IF('Standard Profiles'!$G$22=$B$24,21,0),MOD($C924,24)+1)/SUM(INDEX($D$3:$AA$30,INDEX(Jesper!$R$2:$R$366,ROW(INDEX(Jesper!AL$2:AL$366,ROUNDDOWN($C924/24,0)+1,1))-1)+IF('Standard Profiles'!$G$22=$B$10,7,0)+IF('Standard Profiles'!$G$22=$B$17,14,0)+IF('Standard Profiles'!$G$22=$B$24,21,0),0)),0)</f>
        <v>0</v>
      </c>
      <c r="I924">
        <f t="shared" si="111"/>
        <v>0.22627719988884873</v>
      </c>
      <c r="J924">
        <f t="shared" si="112"/>
        <v>0.75425733296282915</v>
      </c>
      <c r="K924">
        <f t="shared" si="113"/>
        <v>1.1313859994442437</v>
      </c>
      <c r="L924">
        <f t="shared" si="114"/>
        <v>5.4306527973323693</v>
      </c>
      <c r="M924">
        <f t="shared" si="115"/>
        <v>0</v>
      </c>
      <c r="N924" s="46">
        <f t="shared" si="116"/>
        <v>45329.083333331175</v>
      </c>
    </row>
    <row r="925" spans="2:14" x14ac:dyDescent="0.3">
      <c r="B925">
        <f t="shared" si="110"/>
        <v>3</v>
      </c>
      <c r="C925" s="16">
        <v>891</v>
      </c>
      <c r="D925" cm="1">
        <f t="array" ref="D925">IFERROR(INDEX(Jesper!AH$2:AH$366,ROUNDDOWN($C925/24,0)+1,1)*INDEX($D$3:$AA$30,INDEX(Jesper!$R$2:$R$366,ROW(INDEX(Jesper!AH$2:AH$366,ROUNDDOWN($C925/24,0)+1,1))-1)+IF('Standard Profiles'!$G$18=$B$10,7,0)+IF('Standard Profiles'!$G$18=$B$17,14,0)+IF('Standard Profiles'!$G$18=$B$24,21,0),MOD($C925,24)+1)/SUM(INDEX($D$3:$AA$30,INDEX(Jesper!$R$2:$R$366,ROW(INDEX(Jesper!AH$2:AH$366,ROUNDDOWN($C925/24,0)+1,1))-1)+IF('Standard Profiles'!$G$18=$B$10,7,0)+IF('Standard Profiles'!$G$18=$B$17,14,0)+IF('Standard Profiles'!$G$18=$B$24,21,0),0)),0)</f>
        <v>7.5425733296282909</v>
      </c>
      <c r="E925" cm="1">
        <f t="array" ref="E925">IFERROR(INDEX(Jesper!AI$2:AI$366,ROUNDDOWN($C925/24,0)+1,1)*INDEX($D$3:$AA$30,INDEX(Jesper!$R$2:$R$366,ROW(INDEX(Jesper!AI$2:AI$366,ROUNDDOWN($C925/24,0)+1,1))-1)+IF('Standard Profiles'!$G$19=$B$10,7,0)+IF('Standard Profiles'!$G$19=$B$17,14,0)+IF('Standard Profiles'!$G$19=$B$24,21,0),MOD($C925,24)+1)/SUM(INDEX($D$3:$AA$30,INDEX(Jesper!$R$2:$R$366,ROW(INDEX(Jesper!AI$2:AI$366,ROUNDDOWN($C925/24,0)+1,1))-1)+IF('Standard Profiles'!$G$19=$B$10,7,0)+IF('Standard Profiles'!$G$19=$B$17,14,0)+IF('Standard Profiles'!$G$19=$B$24,21,0),0)),0)</f>
        <v>0</v>
      </c>
      <c r="F925" cm="1">
        <f t="array" ref="F925">IFERROR(INDEX(Jesper!AJ$2:AJ$366,ROUNDDOWN($C925/24,0)+1,1)*INDEX($D$3:$AA$30,INDEX(Jesper!$R$2:$R$366,ROW(INDEX(Jesper!AJ$2:AJ$366,ROUNDDOWN($C925/24,0)+1,1))-1)+IF('Standard Profiles'!$G$20=$B$10,7,0)+IF('Standard Profiles'!$G$20=$B$17,14,0)+IF('Standard Profiles'!$G$20=$B$24,21,0),MOD($C925,24)+1)/SUM(INDEX($D$3:$AA$30,INDEX(Jesper!$R$2:$R$366,ROW(INDEX(Jesper!AJ$2:AJ$366,ROUNDDOWN($C925/24,0)+1,1))-1)+IF('Standard Profiles'!$G$20=$B$10,7,0)+IF('Standard Profiles'!$G$20=$B$17,14,0)+IF('Standard Profiles'!$G$20=$B$24,21,0),0)),0)</f>
        <v>0</v>
      </c>
      <c r="G925" cm="1">
        <f t="array" ref="G925">IFERROR(INDEX(Jesper!AK$2:AK$366,ROUNDDOWN($C925/24,0)+1,1)*INDEX($D$3:$AA$30,INDEX(Jesper!$R$2:$R$366,ROW(INDEX(Jesper!AK$2:AK$366,ROUNDDOWN($C925/24,0)+1,1))-1)+IF('Standard Profiles'!$G$21=$B$10,7,0)+IF('Standard Profiles'!$G$21=$B$17,14,0)+IF('Standard Profiles'!$G$21=$B$24,21,0),MOD($C925,24)+1)/SUM(INDEX($D$3:$AA$30,INDEX(Jesper!$R$2:$R$366,ROW(INDEX(Jesper!AK$2:AK$366,ROUNDDOWN($C925/24,0)+1,1))-1)+IF('Standard Profiles'!$G$21=$B$10,7,0)+IF('Standard Profiles'!$G$21=$B$17,14,0)+IF('Standard Profiles'!$G$21=$B$24,21,0),0)),0)</f>
        <v>0</v>
      </c>
      <c r="H925" cm="1">
        <f t="array" ref="H925">IFERROR(INDEX(Jesper!AL$2:AL$366,ROUNDDOWN($C925/24,0)+1,1)*INDEX($D$3:$AA$30,INDEX(Jesper!$R$2:$R$366,ROW(INDEX(Jesper!AL$2:AL$366,ROUNDDOWN($C925/24,0)+1,1))-1)+IF('Standard Profiles'!$G$22=$B$10,7,0)+IF('Standard Profiles'!$G$22=$B$17,14,0)+IF('Standard Profiles'!$G$22=$B$24,21,0),MOD($C925,24)+1)/SUM(INDEX($D$3:$AA$30,INDEX(Jesper!$R$2:$R$366,ROW(INDEX(Jesper!AL$2:AL$366,ROUNDDOWN($C925/24,0)+1,1))-1)+IF('Standard Profiles'!$G$22=$B$10,7,0)+IF('Standard Profiles'!$G$22=$B$17,14,0)+IF('Standard Profiles'!$G$22=$B$24,21,0),0)),0)</f>
        <v>0</v>
      </c>
      <c r="I925">
        <f t="shared" si="111"/>
        <v>0.22627719988884873</v>
      </c>
      <c r="J925">
        <f t="shared" si="112"/>
        <v>0.75425733296282915</v>
      </c>
      <c r="K925">
        <f t="shared" si="113"/>
        <v>1.1313859994442437</v>
      </c>
      <c r="L925">
        <f t="shared" si="114"/>
        <v>5.4306527973323693</v>
      </c>
      <c r="M925">
        <f t="shared" si="115"/>
        <v>0</v>
      </c>
      <c r="N925" s="46">
        <f t="shared" si="116"/>
        <v>45329.124999997839</v>
      </c>
    </row>
    <row r="926" spans="2:14" x14ac:dyDescent="0.3">
      <c r="B926">
        <f t="shared" si="110"/>
        <v>3</v>
      </c>
      <c r="C926" s="16">
        <v>892</v>
      </c>
      <c r="D926" cm="1">
        <f t="array" ref="D926">IFERROR(INDEX(Jesper!AH$2:AH$366,ROUNDDOWN($C926/24,0)+1,1)*INDEX($D$3:$AA$30,INDEX(Jesper!$R$2:$R$366,ROW(INDEX(Jesper!AH$2:AH$366,ROUNDDOWN($C926/24,0)+1,1))-1)+IF('Standard Profiles'!$G$18=$B$10,7,0)+IF('Standard Profiles'!$G$18=$B$17,14,0)+IF('Standard Profiles'!$G$18=$B$24,21,0),MOD($C926,24)+1)/SUM(INDEX($D$3:$AA$30,INDEX(Jesper!$R$2:$R$366,ROW(INDEX(Jesper!AH$2:AH$366,ROUNDDOWN($C926/24,0)+1,1))-1)+IF('Standard Profiles'!$G$18=$B$10,7,0)+IF('Standard Profiles'!$G$18=$B$17,14,0)+IF('Standard Profiles'!$G$18=$B$24,21,0),0)),0)</f>
        <v>7.5425733296282909</v>
      </c>
      <c r="E926" cm="1">
        <f t="array" ref="E926">IFERROR(INDEX(Jesper!AI$2:AI$366,ROUNDDOWN($C926/24,0)+1,1)*INDEX($D$3:$AA$30,INDEX(Jesper!$R$2:$R$366,ROW(INDEX(Jesper!AI$2:AI$366,ROUNDDOWN($C926/24,0)+1,1))-1)+IF('Standard Profiles'!$G$19=$B$10,7,0)+IF('Standard Profiles'!$G$19=$B$17,14,0)+IF('Standard Profiles'!$G$19=$B$24,21,0),MOD($C926,24)+1)/SUM(INDEX($D$3:$AA$30,INDEX(Jesper!$R$2:$R$366,ROW(INDEX(Jesper!AI$2:AI$366,ROUNDDOWN($C926/24,0)+1,1))-1)+IF('Standard Profiles'!$G$19=$B$10,7,0)+IF('Standard Profiles'!$G$19=$B$17,14,0)+IF('Standard Profiles'!$G$19=$B$24,21,0),0)),0)</f>
        <v>0</v>
      </c>
      <c r="F926" cm="1">
        <f t="array" ref="F926">IFERROR(INDEX(Jesper!AJ$2:AJ$366,ROUNDDOWN($C926/24,0)+1,1)*INDEX($D$3:$AA$30,INDEX(Jesper!$R$2:$R$366,ROW(INDEX(Jesper!AJ$2:AJ$366,ROUNDDOWN($C926/24,0)+1,1))-1)+IF('Standard Profiles'!$G$20=$B$10,7,0)+IF('Standard Profiles'!$G$20=$B$17,14,0)+IF('Standard Profiles'!$G$20=$B$24,21,0),MOD($C926,24)+1)/SUM(INDEX($D$3:$AA$30,INDEX(Jesper!$R$2:$R$366,ROW(INDEX(Jesper!AJ$2:AJ$366,ROUNDDOWN($C926/24,0)+1,1))-1)+IF('Standard Profiles'!$G$20=$B$10,7,0)+IF('Standard Profiles'!$G$20=$B$17,14,0)+IF('Standard Profiles'!$G$20=$B$24,21,0),0)),0)</f>
        <v>0</v>
      </c>
      <c r="G926" cm="1">
        <f t="array" ref="G926">IFERROR(INDEX(Jesper!AK$2:AK$366,ROUNDDOWN($C926/24,0)+1,1)*INDEX($D$3:$AA$30,INDEX(Jesper!$R$2:$R$366,ROW(INDEX(Jesper!AK$2:AK$366,ROUNDDOWN($C926/24,0)+1,1))-1)+IF('Standard Profiles'!$G$21=$B$10,7,0)+IF('Standard Profiles'!$G$21=$B$17,14,0)+IF('Standard Profiles'!$G$21=$B$24,21,0),MOD($C926,24)+1)/SUM(INDEX($D$3:$AA$30,INDEX(Jesper!$R$2:$R$366,ROW(INDEX(Jesper!AK$2:AK$366,ROUNDDOWN($C926/24,0)+1,1))-1)+IF('Standard Profiles'!$G$21=$B$10,7,0)+IF('Standard Profiles'!$G$21=$B$17,14,0)+IF('Standard Profiles'!$G$21=$B$24,21,0),0)),0)</f>
        <v>0</v>
      </c>
      <c r="H926" cm="1">
        <f t="array" ref="H926">IFERROR(INDEX(Jesper!AL$2:AL$366,ROUNDDOWN($C926/24,0)+1,1)*INDEX($D$3:$AA$30,INDEX(Jesper!$R$2:$R$366,ROW(INDEX(Jesper!AL$2:AL$366,ROUNDDOWN($C926/24,0)+1,1))-1)+IF('Standard Profiles'!$G$22=$B$10,7,0)+IF('Standard Profiles'!$G$22=$B$17,14,0)+IF('Standard Profiles'!$G$22=$B$24,21,0),MOD($C926,24)+1)/SUM(INDEX($D$3:$AA$30,INDEX(Jesper!$R$2:$R$366,ROW(INDEX(Jesper!AL$2:AL$366,ROUNDDOWN($C926/24,0)+1,1))-1)+IF('Standard Profiles'!$G$22=$B$10,7,0)+IF('Standard Profiles'!$G$22=$B$17,14,0)+IF('Standard Profiles'!$G$22=$B$24,21,0),0)),0)</f>
        <v>0</v>
      </c>
      <c r="I926">
        <f t="shared" si="111"/>
        <v>0.22627719988884873</v>
      </c>
      <c r="J926">
        <f t="shared" si="112"/>
        <v>0.75425733296282915</v>
      </c>
      <c r="K926">
        <f t="shared" si="113"/>
        <v>1.1313859994442437</v>
      </c>
      <c r="L926">
        <f t="shared" si="114"/>
        <v>5.4306527973323693</v>
      </c>
      <c r="M926">
        <f t="shared" si="115"/>
        <v>0</v>
      </c>
      <c r="N926" s="46">
        <f t="shared" si="116"/>
        <v>45329.166666664503</v>
      </c>
    </row>
    <row r="927" spans="2:14" x14ac:dyDescent="0.3">
      <c r="B927">
        <f t="shared" si="110"/>
        <v>3</v>
      </c>
      <c r="C927" s="16">
        <v>893</v>
      </c>
      <c r="D927" cm="1">
        <f t="array" ref="D927">IFERROR(INDEX(Jesper!AH$2:AH$366,ROUNDDOWN($C927/24,0)+1,1)*INDEX($D$3:$AA$30,INDEX(Jesper!$R$2:$R$366,ROW(INDEX(Jesper!AH$2:AH$366,ROUNDDOWN($C927/24,0)+1,1))-1)+IF('Standard Profiles'!$G$18=$B$10,7,0)+IF('Standard Profiles'!$G$18=$B$17,14,0)+IF('Standard Profiles'!$G$18=$B$24,21,0),MOD($C927,24)+1)/SUM(INDEX($D$3:$AA$30,INDEX(Jesper!$R$2:$R$366,ROW(INDEX(Jesper!AH$2:AH$366,ROUNDDOWN($C927/24,0)+1,1))-1)+IF('Standard Profiles'!$G$18=$B$10,7,0)+IF('Standard Profiles'!$G$18=$B$17,14,0)+IF('Standard Profiles'!$G$18=$B$24,21,0),0)),0)</f>
        <v>9.7215389581875762</v>
      </c>
      <c r="E927" cm="1">
        <f t="array" ref="E927">IFERROR(INDEX(Jesper!AI$2:AI$366,ROUNDDOWN($C927/24,0)+1,1)*INDEX($D$3:$AA$30,INDEX(Jesper!$R$2:$R$366,ROW(INDEX(Jesper!AI$2:AI$366,ROUNDDOWN($C927/24,0)+1,1))-1)+IF('Standard Profiles'!$G$19=$B$10,7,0)+IF('Standard Profiles'!$G$19=$B$17,14,0)+IF('Standard Profiles'!$G$19=$B$24,21,0),MOD($C927,24)+1)/SUM(INDEX($D$3:$AA$30,INDEX(Jesper!$R$2:$R$366,ROW(INDEX(Jesper!AI$2:AI$366,ROUNDDOWN($C927/24,0)+1,1))-1)+IF('Standard Profiles'!$G$19=$B$10,7,0)+IF('Standard Profiles'!$G$19=$B$17,14,0)+IF('Standard Profiles'!$G$19=$B$24,21,0),0)),0)</f>
        <v>0</v>
      </c>
      <c r="F927" cm="1">
        <f t="array" ref="F927">IFERROR(INDEX(Jesper!AJ$2:AJ$366,ROUNDDOWN($C927/24,0)+1,1)*INDEX($D$3:$AA$30,INDEX(Jesper!$R$2:$R$366,ROW(INDEX(Jesper!AJ$2:AJ$366,ROUNDDOWN($C927/24,0)+1,1))-1)+IF('Standard Profiles'!$G$20=$B$10,7,0)+IF('Standard Profiles'!$G$20=$B$17,14,0)+IF('Standard Profiles'!$G$20=$B$24,21,0),MOD($C927,24)+1)/SUM(INDEX($D$3:$AA$30,INDEX(Jesper!$R$2:$R$366,ROW(INDEX(Jesper!AJ$2:AJ$366,ROUNDDOWN($C927/24,0)+1,1))-1)+IF('Standard Profiles'!$G$20=$B$10,7,0)+IF('Standard Profiles'!$G$20=$B$17,14,0)+IF('Standard Profiles'!$G$20=$B$24,21,0),0)),0)</f>
        <v>0</v>
      </c>
      <c r="G927" cm="1">
        <f t="array" ref="G927">IFERROR(INDEX(Jesper!AK$2:AK$366,ROUNDDOWN($C927/24,0)+1,1)*INDEX($D$3:$AA$30,INDEX(Jesper!$R$2:$R$366,ROW(INDEX(Jesper!AK$2:AK$366,ROUNDDOWN($C927/24,0)+1,1))-1)+IF('Standard Profiles'!$G$21=$B$10,7,0)+IF('Standard Profiles'!$G$21=$B$17,14,0)+IF('Standard Profiles'!$G$21=$B$24,21,0),MOD($C927,24)+1)/SUM(INDEX($D$3:$AA$30,INDEX(Jesper!$R$2:$R$366,ROW(INDEX(Jesper!AK$2:AK$366,ROUNDDOWN($C927/24,0)+1,1))-1)+IF('Standard Profiles'!$G$21=$B$10,7,0)+IF('Standard Profiles'!$G$21=$B$17,14,0)+IF('Standard Profiles'!$G$21=$B$24,21,0),0)),0)</f>
        <v>0</v>
      </c>
      <c r="H927" cm="1">
        <f t="array" ref="H927">IFERROR(INDEX(Jesper!AL$2:AL$366,ROUNDDOWN($C927/24,0)+1,1)*INDEX($D$3:$AA$30,INDEX(Jesper!$R$2:$R$366,ROW(INDEX(Jesper!AL$2:AL$366,ROUNDDOWN($C927/24,0)+1,1))-1)+IF('Standard Profiles'!$G$22=$B$10,7,0)+IF('Standard Profiles'!$G$22=$B$17,14,0)+IF('Standard Profiles'!$G$22=$B$24,21,0),MOD($C927,24)+1)/SUM(INDEX($D$3:$AA$30,INDEX(Jesper!$R$2:$R$366,ROW(INDEX(Jesper!AL$2:AL$366,ROUNDDOWN($C927/24,0)+1,1))-1)+IF('Standard Profiles'!$G$22=$B$10,7,0)+IF('Standard Profiles'!$G$22=$B$17,14,0)+IF('Standard Profiles'!$G$22=$B$24,21,0),0)),0)</f>
        <v>0</v>
      </c>
      <c r="I927">
        <f t="shared" si="111"/>
        <v>0.29164616874562727</v>
      </c>
      <c r="J927">
        <f t="shared" si="112"/>
        <v>0.97215389581875766</v>
      </c>
      <c r="K927">
        <f t="shared" si="113"/>
        <v>1.4582308437281364</v>
      </c>
      <c r="L927">
        <f t="shared" si="114"/>
        <v>6.9995080498950548</v>
      </c>
      <c r="M927">
        <f t="shared" si="115"/>
        <v>0</v>
      </c>
      <c r="N927" s="46">
        <f t="shared" si="116"/>
        <v>45329.208333331168</v>
      </c>
    </row>
    <row r="928" spans="2:14" x14ac:dyDescent="0.3">
      <c r="B928">
        <f t="shared" si="110"/>
        <v>3</v>
      </c>
      <c r="C928" s="16">
        <v>894</v>
      </c>
      <c r="D928" cm="1">
        <f t="array" ref="D928">IFERROR(INDEX(Jesper!AH$2:AH$366,ROUNDDOWN($C928/24,0)+1,1)*INDEX($D$3:$AA$30,INDEX(Jesper!$R$2:$R$366,ROW(INDEX(Jesper!AH$2:AH$366,ROUNDDOWN($C928/24,0)+1,1))-1)+IF('Standard Profiles'!$G$18=$B$10,7,0)+IF('Standard Profiles'!$G$18=$B$17,14,0)+IF('Standard Profiles'!$G$18=$B$24,21,0),MOD($C928,24)+1)/SUM(INDEX($D$3:$AA$30,INDEX(Jesper!$R$2:$R$366,ROW(INDEX(Jesper!AH$2:AH$366,ROUNDDOWN($C928/24,0)+1,1))-1)+IF('Standard Profiles'!$G$18=$B$10,7,0)+IF('Standard Profiles'!$G$18=$B$17,14,0)+IF('Standard Profiles'!$G$18=$B$24,21,0),0)),0)</f>
        <v>11.230053624113234</v>
      </c>
      <c r="E928" cm="1">
        <f t="array" ref="E928">IFERROR(INDEX(Jesper!AI$2:AI$366,ROUNDDOWN($C928/24,0)+1,1)*INDEX($D$3:$AA$30,INDEX(Jesper!$R$2:$R$366,ROW(INDEX(Jesper!AI$2:AI$366,ROUNDDOWN($C928/24,0)+1,1))-1)+IF('Standard Profiles'!$G$19=$B$10,7,0)+IF('Standard Profiles'!$G$19=$B$17,14,0)+IF('Standard Profiles'!$G$19=$B$24,21,0),MOD($C928,24)+1)/SUM(INDEX($D$3:$AA$30,INDEX(Jesper!$R$2:$R$366,ROW(INDEX(Jesper!AI$2:AI$366,ROUNDDOWN($C928/24,0)+1,1))-1)+IF('Standard Profiles'!$G$19=$B$10,7,0)+IF('Standard Profiles'!$G$19=$B$17,14,0)+IF('Standard Profiles'!$G$19=$B$24,21,0),0)),0)</f>
        <v>0</v>
      </c>
      <c r="F928" cm="1">
        <f t="array" ref="F928">IFERROR(INDEX(Jesper!AJ$2:AJ$366,ROUNDDOWN($C928/24,0)+1,1)*INDEX($D$3:$AA$30,INDEX(Jesper!$R$2:$R$366,ROW(INDEX(Jesper!AJ$2:AJ$366,ROUNDDOWN($C928/24,0)+1,1))-1)+IF('Standard Profiles'!$G$20=$B$10,7,0)+IF('Standard Profiles'!$G$20=$B$17,14,0)+IF('Standard Profiles'!$G$20=$B$24,21,0),MOD($C928,24)+1)/SUM(INDEX($D$3:$AA$30,INDEX(Jesper!$R$2:$R$366,ROW(INDEX(Jesper!AJ$2:AJ$366,ROUNDDOWN($C928/24,0)+1,1))-1)+IF('Standard Profiles'!$G$20=$B$10,7,0)+IF('Standard Profiles'!$G$20=$B$17,14,0)+IF('Standard Profiles'!$G$20=$B$24,21,0),0)),0)</f>
        <v>0</v>
      </c>
      <c r="G928" cm="1">
        <f t="array" ref="G928">IFERROR(INDEX(Jesper!AK$2:AK$366,ROUNDDOWN($C928/24,0)+1,1)*INDEX($D$3:$AA$30,INDEX(Jesper!$R$2:$R$366,ROW(INDEX(Jesper!AK$2:AK$366,ROUNDDOWN($C928/24,0)+1,1))-1)+IF('Standard Profiles'!$G$21=$B$10,7,0)+IF('Standard Profiles'!$G$21=$B$17,14,0)+IF('Standard Profiles'!$G$21=$B$24,21,0),MOD($C928,24)+1)/SUM(INDEX($D$3:$AA$30,INDEX(Jesper!$R$2:$R$366,ROW(INDEX(Jesper!AK$2:AK$366,ROUNDDOWN($C928/24,0)+1,1))-1)+IF('Standard Profiles'!$G$21=$B$10,7,0)+IF('Standard Profiles'!$G$21=$B$17,14,0)+IF('Standard Profiles'!$G$21=$B$24,21,0),0)),0)</f>
        <v>0</v>
      </c>
      <c r="H928" cm="1">
        <f t="array" ref="H928">IFERROR(INDEX(Jesper!AL$2:AL$366,ROUNDDOWN($C928/24,0)+1,1)*INDEX($D$3:$AA$30,INDEX(Jesper!$R$2:$R$366,ROW(INDEX(Jesper!AL$2:AL$366,ROUNDDOWN($C928/24,0)+1,1))-1)+IF('Standard Profiles'!$G$22=$B$10,7,0)+IF('Standard Profiles'!$G$22=$B$17,14,0)+IF('Standard Profiles'!$G$22=$B$24,21,0),MOD($C928,24)+1)/SUM(INDEX($D$3:$AA$30,INDEX(Jesper!$R$2:$R$366,ROW(INDEX(Jesper!AL$2:AL$366,ROUNDDOWN($C928/24,0)+1,1))-1)+IF('Standard Profiles'!$G$22=$B$10,7,0)+IF('Standard Profiles'!$G$22=$B$17,14,0)+IF('Standard Profiles'!$G$22=$B$24,21,0),0)),0)</f>
        <v>0</v>
      </c>
      <c r="I928">
        <f t="shared" si="111"/>
        <v>0.33690160872339703</v>
      </c>
      <c r="J928">
        <f t="shared" si="112"/>
        <v>1.1230053624113234</v>
      </c>
      <c r="K928">
        <f t="shared" si="113"/>
        <v>1.684508043616985</v>
      </c>
      <c r="L928">
        <f t="shared" si="114"/>
        <v>8.0856386093615278</v>
      </c>
      <c r="M928">
        <f t="shared" si="115"/>
        <v>0</v>
      </c>
      <c r="N928" s="46">
        <f t="shared" si="116"/>
        <v>45329.249999997832</v>
      </c>
    </row>
    <row r="929" spans="2:14" x14ac:dyDescent="0.3">
      <c r="B929">
        <f t="shared" si="110"/>
        <v>3</v>
      </c>
      <c r="C929" s="16">
        <v>895</v>
      </c>
      <c r="D929" cm="1">
        <f t="array" ref="D929">IFERROR(INDEX(Jesper!AH$2:AH$366,ROUNDDOWN($C929/24,0)+1,1)*INDEX($D$3:$AA$30,INDEX(Jesper!$R$2:$R$366,ROW(INDEX(Jesper!AH$2:AH$366,ROUNDDOWN($C929/24,0)+1,1))-1)+IF('Standard Profiles'!$G$18=$B$10,7,0)+IF('Standard Profiles'!$G$18=$B$17,14,0)+IF('Standard Profiles'!$G$18=$B$24,21,0),MOD($C929,24)+1)/SUM(INDEX($D$3:$AA$30,INDEX(Jesper!$R$2:$R$366,ROW(INDEX(Jesper!AH$2:AH$366,ROUNDDOWN($C929/24,0)+1,1))-1)+IF('Standard Profiles'!$G$18=$B$10,7,0)+IF('Standard Profiles'!$G$18=$B$17,14,0)+IF('Standard Profiles'!$G$18=$B$24,21,0),0)),0)</f>
        <v>11.230053624113234</v>
      </c>
      <c r="E929" cm="1">
        <f t="array" ref="E929">IFERROR(INDEX(Jesper!AI$2:AI$366,ROUNDDOWN($C929/24,0)+1,1)*INDEX($D$3:$AA$30,INDEX(Jesper!$R$2:$R$366,ROW(INDEX(Jesper!AI$2:AI$366,ROUNDDOWN($C929/24,0)+1,1))-1)+IF('Standard Profiles'!$G$19=$B$10,7,0)+IF('Standard Profiles'!$G$19=$B$17,14,0)+IF('Standard Profiles'!$G$19=$B$24,21,0),MOD($C929,24)+1)/SUM(INDEX($D$3:$AA$30,INDEX(Jesper!$R$2:$R$366,ROW(INDEX(Jesper!AI$2:AI$366,ROUNDDOWN($C929/24,0)+1,1))-1)+IF('Standard Profiles'!$G$19=$B$10,7,0)+IF('Standard Profiles'!$G$19=$B$17,14,0)+IF('Standard Profiles'!$G$19=$B$24,21,0),0)),0)</f>
        <v>0</v>
      </c>
      <c r="F929" cm="1">
        <f t="array" ref="F929">IFERROR(INDEX(Jesper!AJ$2:AJ$366,ROUNDDOWN($C929/24,0)+1,1)*INDEX($D$3:$AA$30,INDEX(Jesper!$R$2:$R$366,ROW(INDEX(Jesper!AJ$2:AJ$366,ROUNDDOWN($C929/24,0)+1,1))-1)+IF('Standard Profiles'!$G$20=$B$10,7,0)+IF('Standard Profiles'!$G$20=$B$17,14,0)+IF('Standard Profiles'!$G$20=$B$24,21,0),MOD($C929,24)+1)/SUM(INDEX($D$3:$AA$30,INDEX(Jesper!$R$2:$R$366,ROW(INDEX(Jesper!AJ$2:AJ$366,ROUNDDOWN($C929/24,0)+1,1))-1)+IF('Standard Profiles'!$G$20=$B$10,7,0)+IF('Standard Profiles'!$G$20=$B$17,14,0)+IF('Standard Profiles'!$G$20=$B$24,21,0),0)),0)</f>
        <v>0</v>
      </c>
      <c r="G929" cm="1">
        <f t="array" ref="G929">IFERROR(INDEX(Jesper!AK$2:AK$366,ROUNDDOWN($C929/24,0)+1,1)*INDEX($D$3:$AA$30,INDEX(Jesper!$R$2:$R$366,ROW(INDEX(Jesper!AK$2:AK$366,ROUNDDOWN($C929/24,0)+1,1))-1)+IF('Standard Profiles'!$G$21=$B$10,7,0)+IF('Standard Profiles'!$G$21=$B$17,14,0)+IF('Standard Profiles'!$G$21=$B$24,21,0),MOD($C929,24)+1)/SUM(INDEX($D$3:$AA$30,INDEX(Jesper!$R$2:$R$366,ROW(INDEX(Jesper!AK$2:AK$366,ROUNDDOWN($C929/24,0)+1,1))-1)+IF('Standard Profiles'!$G$21=$B$10,7,0)+IF('Standard Profiles'!$G$21=$B$17,14,0)+IF('Standard Profiles'!$G$21=$B$24,21,0),0)),0)</f>
        <v>0</v>
      </c>
      <c r="H929" cm="1">
        <f t="array" ref="H929">IFERROR(INDEX(Jesper!AL$2:AL$366,ROUNDDOWN($C929/24,0)+1,1)*INDEX($D$3:$AA$30,INDEX(Jesper!$R$2:$R$366,ROW(INDEX(Jesper!AL$2:AL$366,ROUNDDOWN($C929/24,0)+1,1))-1)+IF('Standard Profiles'!$G$22=$B$10,7,0)+IF('Standard Profiles'!$G$22=$B$17,14,0)+IF('Standard Profiles'!$G$22=$B$24,21,0),MOD($C929,24)+1)/SUM(INDEX($D$3:$AA$30,INDEX(Jesper!$R$2:$R$366,ROW(INDEX(Jesper!AL$2:AL$366,ROUNDDOWN($C929/24,0)+1,1))-1)+IF('Standard Profiles'!$G$22=$B$10,7,0)+IF('Standard Profiles'!$G$22=$B$17,14,0)+IF('Standard Profiles'!$G$22=$B$24,21,0),0)),0)</f>
        <v>0</v>
      </c>
      <c r="I929">
        <f t="shared" si="111"/>
        <v>0.33690160872339703</v>
      </c>
      <c r="J929">
        <f t="shared" si="112"/>
        <v>1.1230053624113234</v>
      </c>
      <c r="K929">
        <f t="shared" si="113"/>
        <v>1.684508043616985</v>
      </c>
      <c r="L929">
        <f t="shared" si="114"/>
        <v>8.0856386093615278</v>
      </c>
      <c r="M929">
        <f t="shared" si="115"/>
        <v>0</v>
      </c>
      <c r="N929" s="46">
        <f t="shared" si="116"/>
        <v>45329.291666664496</v>
      </c>
    </row>
    <row r="930" spans="2:14" x14ac:dyDescent="0.3">
      <c r="B930">
        <f t="shared" si="110"/>
        <v>3</v>
      </c>
      <c r="C930" s="16">
        <v>896</v>
      </c>
      <c r="D930" cm="1">
        <f t="array" ref="D930">IFERROR(INDEX(Jesper!AH$2:AH$366,ROUNDDOWN($C930/24,0)+1,1)*INDEX($D$3:$AA$30,INDEX(Jesper!$R$2:$R$366,ROW(INDEX(Jesper!AH$2:AH$366,ROUNDDOWN($C930/24,0)+1,1))-1)+IF('Standard Profiles'!$G$18=$B$10,7,0)+IF('Standard Profiles'!$G$18=$B$17,14,0)+IF('Standard Profiles'!$G$18=$B$24,21,0),MOD($C930,24)+1)/SUM(INDEX($D$3:$AA$30,INDEX(Jesper!$R$2:$R$366,ROW(INDEX(Jesper!AH$2:AH$366,ROUNDDOWN($C930/24,0)+1,1))-1)+IF('Standard Profiles'!$G$18=$B$10,7,0)+IF('Standard Profiles'!$G$18=$B$17,14,0)+IF('Standard Profiles'!$G$18=$B$24,21,0),0)),0)</f>
        <v>11.230053624113234</v>
      </c>
      <c r="E930" cm="1">
        <f t="array" ref="E930">IFERROR(INDEX(Jesper!AI$2:AI$366,ROUNDDOWN($C930/24,0)+1,1)*INDEX($D$3:$AA$30,INDEX(Jesper!$R$2:$R$366,ROW(INDEX(Jesper!AI$2:AI$366,ROUNDDOWN($C930/24,0)+1,1))-1)+IF('Standard Profiles'!$G$19=$B$10,7,0)+IF('Standard Profiles'!$G$19=$B$17,14,0)+IF('Standard Profiles'!$G$19=$B$24,21,0),MOD($C930,24)+1)/SUM(INDEX($D$3:$AA$30,INDEX(Jesper!$R$2:$R$366,ROW(INDEX(Jesper!AI$2:AI$366,ROUNDDOWN($C930/24,0)+1,1))-1)+IF('Standard Profiles'!$G$19=$B$10,7,0)+IF('Standard Profiles'!$G$19=$B$17,14,0)+IF('Standard Profiles'!$G$19=$B$24,21,0),0)),0)</f>
        <v>0</v>
      </c>
      <c r="F930" cm="1">
        <f t="array" ref="F930">IFERROR(INDEX(Jesper!AJ$2:AJ$366,ROUNDDOWN($C930/24,0)+1,1)*INDEX($D$3:$AA$30,INDEX(Jesper!$R$2:$R$366,ROW(INDEX(Jesper!AJ$2:AJ$366,ROUNDDOWN($C930/24,0)+1,1))-1)+IF('Standard Profiles'!$G$20=$B$10,7,0)+IF('Standard Profiles'!$G$20=$B$17,14,0)+IF('Standard Profiles'!$G$20=$B$24,21,0),MOD($C930,24)+1)/SUM(INDEX($D$3:$AA$30,INDEX(Jesper!$R$2:$R$366,ROW(INDEX(Jesper!AJ$2:AJ$366,ROUNDDOWN($C930/24,0)+1,1))-1)+IF('Standard Profiles'!$G$20=$B$10,7,0)+IF('Standard Profiles'!$G$20=$B$17,14,0)+IF('Standard Profiles'!$G$20=$B$24,21,0),0)),0)</f>
        <v>0</v>
      </c>
      <c r="G930" cm="1">
        <f t="array" ref="G930">IFERROR(INDEX(Jesper!AK$2:AK$366,ROUNDDOWN($C930/24,0)+1,1)*INDEX($D$3:$AA$30,INDEX(Jesper!$R$2:$R$366,ROW(INDEX(Jesper!AK$2:AK$366,ROUNDDOWN($C930/24,0)+1,1))-1)+IF('Standard Profiles'!$G$21=$B$10,7,0)+IF('Standard Profiles'!$G$21=$B$17,14,0)+IF('Standard Profiles'!$G$21=$B$24,21,0),MOD($C930,24)+1)/SUM(INDEX($D$3:$AA$30,INDEX(Jesper!$R$2:$R$366,ROW(INDEX(Jesper!AK$2:AK$366,ROUNDDOWN($C930/24,0)+1,1))-1)+IF('Standard Profiles'!$G$21=$B$10,7,0)+IF('Standard Profiles'!$G$21=$B$17,14,0)+IF('Standard Profiles'!$G$21=$B$24,21,0),0)),0)</f>
        <v>0</v>
      </c>
      <c r="H930" cm="1">
        <f t="array" ref="H930">IFERROR(INDEX(Jesper!AL$2:AL$366,ROUNDDOWN($C930/24,0)+1,1)*INDEX($D$3:$AA$30,INDEX(Jesper!$R$2:$R$366,ROW(INDEX(Jesper!AL$2:AL$366,ROUNDDOWN($C930/24,0)+1,1))-1)+IF('Standard Profiles'!$G$22=$B$10,7,0)+IF('Standard Profiles'!$G$22=$B$17,14,0)+IF('Standard Profiles'!$G$22=$B$24,21,0),MOD($C930,24)+1)/SUM(INDEX($D$3:$AA$30,INDEX(Jesper!$R$2:$R$366,ROW(INDEX(Jesper!AL$2:AL$366,ROUNDDOWN($C930/24,0)+1,1))-1)+IF('Standard Profiles'!$G$22=$B$10,7,0)+IF('Standard Profiles'!$G$22=$B$17,14,0)+IF('Standard Profiles'!$G$22=$B$24,21,0),0)),0)</f>
        <v>0</v>
      </c>
      <c r="I930">
        <f t="shared" si="111"/>
        <v>0.33690160872339703</v>
      </c>
      <c r="J930">
        <f t="shared" si="112"/>
        <v>1.1230053624113234</v>
      </c>
      <c r="K930">
        <f t="shared" si="113"/>
        <v>1.684508043616985</v>
      </c>
      <c r="L930">
        <f t="shared" si="114"/>
        <v>8.0856386093615278</v>
      </c>
      <c r="M930">
        <f t="shared" si="115"/>
        <v>0</v>
      </c>
      <c r="N930" s="46">
        <f t="shared" si="116"/>
        <v>45329.33333333116</v>
      </c>
    </row>
    <row r="931" spans="2:14" x14ac:dyDescent="0.3">
      <c r="B931">
        <f t="shared" ref="B931:B994" si="117">WEEKDAY(N931,2)</f>
        <v>3</v>
      </c>
      <c r="C931" s="16">
        <v>897</v>
      </c>
      <c r="D931" cm="1">
        <f t="array" ref="D931">IFERROR(INDEX(Jesper!AH$2:AH$366,ROUNDDOWN($C931/24,0)+1,1)*INDEX($D$3:$AA$30,INDEX(Jesper!$R$2:$R$366,ROW(INDEX(Jesper!AH$2:AH$366,ROUNDDOWN($C931/24,0)+1,1))-1)+IF('Standard Profiles'!$G$18=$B$10,7,0)+IF('Standard Profiles'!$G$18=$B$17,14,0)+IF('Standard Profiles'!$G$18=$B$24,21,0),MOD($C931,24)+1)/SUM(INDEX($D$3:$AA$30,INDEX(Jesper!$R$2:$R$366,ROW(INDEX(Jesper!AH$2:AH$366,ROUNDDOWN($C931/24,0)+1,1))-1)+IF('Standard Profiles'!$G$18=$B$10,7,0)+IF('Standard Profiles'!$G$18=$B$17,14,0)+IF('Standard Profiles'!$G$18=$B$24,21,0),0)),0)</f>
        <v>12.068117327405266</v>
      </c>
      <c r="E931" cm="1">
        <f t="array" ref="E931">IFERROR(INDEX(Jesper!AI$2:AI$366,ROUNDDOWN($C931/24,0)+1,1)*INDEX($D$3:$AA$30,INDEX(Jesper!$R$2:$R$366,ROW(INDEX(Jesper!AI$2:AI$366,ROUNDDOWN($C931/24,0)+1,1))-1)+IF('Standard Profiles'!$G$19=$B$10,7,0)+IF('Standard Profiles'!$G$19=$B$17,14,0)+IF('Standard Profiles'!$G$19=$B$24,21,0),MOD($C931,24)+1)/SUM(INDEX($D$3:$AA$30,INDEX(Jesper!$R$2:$R$366,ROW(INDEX(Jesper!AI$2:AI$366,ROUNDDOWN($C931/24,0)+1,1))-1)+IF('Standard Profiles'!$G$19=$B$10,7,0)+IF('Standard Profiles'!$G$19=$B$17,14,0)+IF('Standard Profiles'!$G$19=$B$24,21,0),0)),0)</f>
        <v>0</v>
      </c>
      <c r="F931" cm="1">
        <f t="array" ref="F931">IFERROR(INDEX(Jesper!AJ$2:AJ$366,ROUNDDOWN($C931/24,0)+1,1)*INDEX($D$3:$AA$30,INDEX(Jesper!$R$2:$R$366,ROW(INDEX(Jesper!AJ$2:AJ$366,ROUNDDOWN($C931/24,0)+1,1))-1)+IF('Standard Profiles'!$G$20=$B$10,7,0)+IF('Standard Profiles'!$G$20=$B$17,14,0)+IF('Standard Profiles'!$G$20=$B$24,21,0),MOD($C931,24)+1)/SUM(INDEX($D$3:$AA$30,INDEX(Jesper!$R$2:$R$366,ROW(INDEX(Jesper!AJ$2:AJ$366,ROUNDDOWN($C931/24,0)+1,1))-1)+IF('Standard Profiles'!$G$20=$B$10,7,0)+IF('Standard Profiles'!$G$20=$B$17,14,0)+IF('Standard Profiles'!$G$20=$B$24,21,0),0)),0)</f>
        <v>0</v>
      </c>
      <c r="G931" cm="1">
        <f t="array" ref="G931">IFERROR(INDEX(Jesper!AK$2:AK$366,ROUNDDOWN($C931/24,0)+1,1)*INDEX($D$3:$AA$30,INDEX(Jesper!$R$2:$R$366,ROW(INDEX(Jesper!AK$2:AK$366,ROUNDDOWN($C931/24,0)+1,1))-1)+IF('Standard Profiles'!$G$21=$B$10,7,0)+IF('Standard Profiles'!$G$21=$B$17,14,0)+IF('Standard Profiles'!$G$21=$B$24,21,0),MOD($C931,24)+1)/SUM(INDEX($D$3:$AA$30,INDEX(Jesper!$R$2:$R$366,ROW(INDEX(Jesper!AK$2:AK$366,ROUNDDOWN($C931/24,0)+1,1))-1)+IF('Standard Profiles'!$G$21=$B$10,7,0)+IF('Standard Profiles'!$G$21=$B$17,14,0)+IF('Standard Profiles'!$G$21=$B$24,21,0),0)),0)</f>
        <v>0</v>
      </c>
      <c r="H931" cm="1">
        <f t="array" ref="H931">IFERROR(INDEX(Jesper!AL$2:AL$366,ROUNDDOWN($C931/24,0)+1,1)*INDEX($D$3:$AA$30,INDEX(Jesper!$R$2:$R$366,ROW(INDEX(Jesper!AL$2:AL$366,ROUNDDOWN($C931/24,0)+1,1))-1)+IF('Standard Profiles'!$G$22=$B$10,7,0)+IF('Standard Profiles'!$G$22=$B$17,14,0)+IF('Standard Profiles'!$G$22=$B$24,21,0),MOD($C931,24)+1)/SUM(INDEX($D$3:$AA$30,INDEX(Jesper!$R$2:$R$366,ROW(INDEX(Jesper!AL$2:AL$366,ROUNDDOWN($C931/24,0)+1,1))-1)+IF('Standard Profiles'!$G$22=$B$10,7,0)+IF('Standard Profiles'!$G$22=$B$17,14,0)+IF('Standard Profiles'!$G$22=$B$24,21,0),0)),0)</f>
        <v>0</v>
      </c>
      <c r="I931">
        <f t="shared" ref="I931:I994" si="118">IF($B931&lt;6,AC$37*$D931+AC$38*$E931+AC$39*$F931+AC$40*$G931,AC$46*$D931+AC$47*$E931+AC$48*$F931+AC$49*$G931+AC$50*$H931)</f>
        <v>0.36204351982215799</v>
      </c>
      <c r="J931">
        <f t="shared" ref="J931:J994" si="119">IF($B931&lt;6,AD$37*$D931+AD$38*$E931+AD$39*$F931+AD$40*$G931,AD$46*$D931+AD$47*$E931+AD$48*$F931+AD$49*$G931+AD$50*$H931)</f>
        <v>1.2068117327405268</v>
      </c>
      <c r="K931">
        <f t="shared" ref="K931:K994" si="120">IF($B931&lt;6,AE$37*$D931+AE$38*$E931+AE$39*$F931+AE$40*$G931,AE$46*$D931+AE$47*$E931+AE$48*$F931+AE$49*$G931+AE$50*$H931)</f>
        <v>1.8102175991107898</v>
      </c>
      <c r="L931">
        <f t="shared" ref="L931:L994" si="121">IF($B931&lt;6,AF$37*$D931+AF$38*$E931+AF$39*$F931+AF$40*$G931,AF$46*$D931+AF$47*$E931+AF$48*$F931+AF$49*$G931+AF$50*$H931)</f>
        <v>8.6890444757317908</v>
      </c>
      <c r="M931">
        <f t="shared" ref="M931:M994" si="122">IF($B931&lt;6,AG$37*$D931+AG$38*$E931+AG$39*$F931+AG$40*$G931,AG$46*$D931+AG$47*$E931+AG$48*$F931+AG$49*$G931+AG$50*$H931)</f>
        <v>0</v>
      </c>
      <c r="N931" s="46">
        <f t="shared" si="116"/>
        <v>45329.374999997824</v>
      </c>
    </row>
    <row r="932" spans="2:14" x14ac:dyDescent="0.3">
      <c r="B932">
        <f t="shared" si="117"/>
        <v>3</v>
      </c>
      <c r="C932" s="16">
        <v>898</v>
      </c>
      <c r="D932" cm="1">
        <f t="array" ref="D932">IFERROR(INDEX(Jesper!AH$2:AH$366,ROUNDDOWN($C932/24,0)+1,1)*INDEX($D$3:$AA$30,INDEX(Jesper!$R$2:$R$366,ROW(INDEX(Jesper!AH$2:AH$366,ROUNDDOWN($C932/24,0)+1,1))-1)+IF('Standard Profiles'!$G$18=$B$10,7,0)+IF('Standard Profiles'!$G$18=$B$17,14,0)+IF('Standard Profiles'!$G$18=$B$24,21,0),MOD($C932,24)+1)/SUM(INDEX($D$3:$AA$30,INDEX(Jesper!$R$2:$R$366,ROW(INDEX(Jesper!AH$2:AH$366,ROUNDDOWN($C932/24,0)+1,1))-1)+IF('Standard Profiles'!$G$18=$B$10,7,0)+IF('Standard Profiles'!$G$18=$B$17,14,0)+IF('Standard Profiles'!$G$18=$B$24,21,0),0)),0)</f>
        <v>13.073793771355705</v>
      </c>
      <c r="E932" cm="1">
        <f t="array" ref="E932">IFERROR(INDEX(Jesper!AI$2:AI$366,ROUNDDOWN($C932/24,0)+1,1)*INDEX($D$3:$AA$30,INDEX(Jesper!$R$2:$R$366,ROW(INDEX(Jesper!AI$2:AI$366,ROUNDDOWN($C932/24,0)+1,1))-1)+IF('Standard Profiles'!$G$19=$B$10,7,0)+IF('Standard Profiles'!$G$19=$B$17,14,0)+IF('Standard Profiles'!$G$19=$B$24,21,0),MOD($C932,24)+1)/SUM(INDEX($D$3:$AA$30,INDEX(Jesper!$R$2:$R$366,ROW(INDEX(Jesper!AI$2:AI$366,ROUNDDOWN($C932/24,0)+1,1))-1)+IF('Standard Profiles'!$G$19=$B$10,7,0)+IF('Standard Profiles'!$G$19=$B$17,14,0)+IF('Standard Profiles'!$G$19=$B$24,21,0),0)),0)</f>
        <v>0</v>
      </c>
      <c r="F932" cm="1">
        <f t="array" ref="F932">IFERROR(INDEX(Jesper!AJ$2:AJ$366,ROUNDDOWN($C932/24,0)+1,1)*INDEX($D$3:$AA$30,INDEX(Jesper!$R$2:$R$366,ROW(INDEX(Jesper!AJ$2:AJ$366,ROUNDDOWN($C932/24,0)+1,1))-1)+IF('Standard Profiles'!$G$20=$B$10,7,0)+IF('Standard Profiles'!$G$20=$B$17,14,0)+IF('Standard Profiles'!$G$20=$B$24,21,0),MOD($C932,24)+1)/SUM(INDEX($D$3:$AA$30,INDEX(Jesper!$R$2:$R$366,ROW(INDEX(Jesper!AJ$2:AJ$366,ROUNDDOWN($C932/24,0)+1,1))-1)+IF('Standard Profiles'!$G$20=$B$10,7,0)+IF('Standard Profiles'!$G$20=$B$17,14,0)+IF('Standard Profiles'!$G$20=$B$24,21,0),0)),0)</f>
        <v>0</v>
      </c>
      <c r="G932" cm="1">
        <f t="array" ref="G932">IFERROR(INDEX(Jesper!AK$2:AK$366,ROUNDDOWN($C932/24,0)+1,1)*INDEX($D$3:$AA$30,INDEX(Jesper!$R$2:$R$366,ROW(INDEX(Jesper!AK$2:AK$366,ROUNDDOWN($C932/24,0)+1,1))-1)+IF('Standard Profiles'!$G$21=$B$10,7,0)+IF('Standard Profiles'!$G$21=$B$17,14,0)+IF('Standard Profiles'!$G$21=$B$24,21,0),MOD($C932,24)+1)/SUM(INDEX($D$3:$AA$30,INDEX(Jesper!$R$2:$R$366,ROW(INDEX(Jesper!AK$2:AK$366,ROUNDDOWN($C932/24,0)+1,1))-1)+IF('Standard Profiles'!$G$21=$B$10,7,0)+IF('Standard Profiles'!$G$21=$B$17,14,0)+IF('Standard Profiles'!$G$21=$B$24,21,0),0)),0)</f>
        <v>0</v>
      </c>
      <c r="H932" cm="1">
        <f t="array" ref="H932">IFERROR(INDEX(Jesper!AL$2:AL$366,ROUNDDOWN($C932/24,0)+1,1)*INDEX($D$3:$AA$30,INDEX(Jesper!$R$2:$R$366,ROW(INDEX(Jesper!AL$2:AL$366,ROUNDDOWN($C932/24,0)+1,1))-1)+IF('Standard Profiles'!$G$22=$B$10,7,0)+IF('Standard Profiles'!$G$22=$B$17,14,0)+IF('Standard Profiles'!$G$22=$B$24,21,0),MOD($C932,24)+1)/SUM(INDEX($D$3:$AA$30,INDEX(Jesper!$R$2:$R$366,ROW(INDEX(Jesper!AL$2:AL$366,ROUNDDOWN($C932/24,0)+1,1))-1)+IF('Standard Profiles'!$G$22=$B$10,7,0)+IF('Standard Profiles'!$G$22=$B$17,14,0)+IF('Standard Profiles'!$G$22=$B$24,21,0),0)),0)</f>
        <v>0</v>
      </c>
      <c r="I932">
        <f t="shared" si="118"/>
        <v>0.39221381314067111</v>
      </c>
      <c r="J932">
        <f t="shared" si="119"/>
        <v>1.3073793771355706</v>
      </c>
      <c r="K932">
        <f t="shared" si="120"/>
        <v>1.9610690657033556</v>
      </c>
      <c r="L932">
        <f t="shared" si="121"/>
        <v>9.4131315153761079</v>
      </c>
      <c r="M932">
        <f t="shared" si="122"/>
        <v>0</v>
      </c>
      <c r="N932" s="46">
        <f t="shared" ref="N932:N995" si="123">N931+1/24</f>
        <v>45329.416666664489</v>
      </c>
    </row>
    <row r="933" spans="2:14" x14ac:dyDescent="0.3">
      <c r="B933">
        <f t="shared" si="117"/>
        <v>3</v>
      </c>
      <c r="C933" s="16">
        <v>899</v>
      </c>
      <c r="D933" cm="1">
        <f t="array" ref="D933">IFERROR(INDEX(Jesper!AH$2:AH$366,ROUNDDOWN($C933/24,0)+1,1)*INDEX($D$3:$AA$30,INDEX(Jesper!$R$2:$R$366,ROW(INDEX(Jesper!AH$2:AH$366,ROUNDDOWN($C933/24,0)+1,1))-1)+IF('Standard Profiles'!$G$18=$B$10,7,0)+IF('Standard Profiles'!$G$18=$B$17,14,0)+IF('Standard Profiles'!$G$18=$B$24,21,0),MOD($C933,24)+1)/SUM(INDEX($D$3:$AA$30,INDEX(Jesper!$R$2:$R$366,ROW(INDEX(Jesper!AH$2:AH$366,ROUNDDOWN($C933/24,0)+1,1))-1)+IF('Standard Profiles'!$G$18=$B$10,7,0)+IF('Standard Profiles'!$G$18=$B$17,14,0)+IF('Standard Profiles'!$G$18=$B$24,21,0),0)),0)</f>
        <v>15.085146659256582</v>
      </c>
      <c r="E933" cm="1">
        <f t="array" ref="E933">IFERROR(INDEX(Jesper!AI$2:AI$366,ROUNDDOWN($C933/24,0)+1,1)*INDEX($D$3:$AA$30,INDEX(Jesper!$R$2:$R$366,ROW(INDEX(Jesper!AI$2:AI$366,ROUNDDOWN($C933/24,0)+1,1))-1)+IF('Standard Profiles'!$G$19=$B$10,7,0)+IF('Standard Profiles'!$G$19=$B$17,14,0)+IF('Standard Profiles'!$G$19=$B$24,21,0),MOD($C933,24)+1)/SUM(INDEX($D$3:$AA$30,INDEX(Jesper!$R$2:$R$366,ROW(INDEX(Jesper!AI$2:AI$366,ROUNDDOWN($C933/24,0)+1,1))-1)+IF('Standard Profiles'!$G$19=$B$10,7,0)+IF('Standard Profiles'!$G$19=$B$17,14,0)+IF('Standard Profiles'!$G$19=$B$24,21,0),0)),0)</f>
        <v>0</v>
      </c>
      <c r="F933" cm="1">
        <f t="array" ref="F933">IFERROR(INDEX(Jesper!AJ$2:AJ$366,ROUNDDOWN($C933/24,0)+1,1)*INDEX($D$3:$AA$30,INDEX(Jesper!$R$2:$R$366,ROW(INDEX(Jesper!AJ$2:AJ$366,ROUNDDOWN($C933/24,0)+1,1))-1)+IF('Standard Profiles'!$G$20=$B$10,7,0)+IF('Standard Profiles'!$G$20=$B$17,14,0)+IF('Standard Profiles'!$G$20=$B$24,21,0),MOD($C933,24)+1)/SUM(INDEX($D$3:$AA$30,INDEX(Jesper!$R$2:$R$366,ROW(INDEX(Jesper!AJ$2:AJ$366,ROUNDDOWN($C933/24,0)+1,1))-1)+IF('Standard Profiles'!$G$20=$B$10,7,0)+IF('Standard Profiles'!$G$20=$B$17,14,0)+IF('Standard Profiles'!$G$20=$B$24,21,0),0)),0)</f>
        <v>0</v>
      </c>
      <c r="G933" cm="1">
        <f t="array" ref="G933">IFERROR(INDEX(Jesper!AK$2:AK$366,ROUNDDOWN($C933/24,0)+1,1)*INDEX($D$3:$AA$30,INDEX(Jesper!$R$2:$R$366,ROW(INDEX(Jesper!AK$2:AK$366,ROUNDDOWN($C933/24,0)+1,1))-1)+IF('Standard Profiles'!$G$21=$B$10,7,0)+IF('Standard Profiles'!$G$21=$B$17,14,0)+IF('Standard Profiles'!$G$21=$B$24,21,0),MOD($C933,24)+1)/SUM(INDEX($D$3:$AA$30,INDEX(Jesper!$R$2:$R$366,ROW(INDEX(Jesper!AK$2:AK$366,ROUNDDOWN($C933/24,0)+1,1))-1)+IF('Standard Profiles'!$G$21=$B$10,7,0)+IF('Standard Profiles'!$G$21=$B$17,14,0)+IF('Standard Profiles'!$G$21=$B$24,21,0),0)),0)</f>
        <v>0</v>
      </c>
      <c r="H933" cm="1">
        <f t="array" ref="H933">IFERROR(INDEX(Jesper!AL$2:AL$366,ROUNDDOWN($C933/24,0)+1,1)*INDEX($D$3:$AA$30,INDEX(Jesper!$R$2:$R$366,ROW(INDEX(Jesper!AL$2:AL$366,ROUNDDOWN($C933/24,0)+1,1))-1)+IF('Standard Profiles'!$G$22=$B$10,7,0)+IF('Standard Profiles'!$G$22=$B$17,14,0)+IF('Standard Profiles'!$G$22=$B$24,21,0),MOD($C933,24)+1)/SUM(INDEX($D$3:$AA$30,INDEX(Jesper!$R$2:$R$366,ROW(INDEX(Jesper!AL$2:AL$366,ROUNDDOWN($C933/24,0)+1,1))-1)+IF('Standard Profiles'!$G$22=$B$10,7,0)+IF('Standard Profiles'!$G$22=$B$17,14,0)+IF('Standard Profiles'!$G$22=$B$24,21,0),0)),0)</f>
        <v>0</v>
      </c>
      <c r="I933">
        <f t="shared" si="118"/>
        <v>0.45255439977769746</v>
      </c>
      <c r="J933">
        <f t="shared" si="119"/>
        <v>1.5085146659256583</v>
      </c>
      <c r="K933">
        <f t="shared" si="120"/>
        <v>2.2627719988884873</v>
      </c>
      <c r="L933">
        <f t="shared" si="121"/>
        <v>10.861305594664739</v>
      </c>
      <c r="M933">
        <f t="shared" si="122"/>
        <v>0</v>
      </c>
      <c r="N933" s="46">
        <f t="shared" si="123"/>
        <v>45329.458333331153</v>
      </c>
    </row>
    <row r="934" spans="2:14" x14ac:dyDescent="0.3">
      <c r="B934">
        <f t="shared" si="117"/>
        <v>3</v>
      </c>
      <c r="C934" s="16">
        <v>900</v>
      </c>
      <c r="D934" cm="1">
        <f t="array" ref="D934">IFERROR(INDEX(Jesper!AH$2:AH$366,ROUNDDOWN($C934/24,0)+1,1)*INDEX($D$3:$AA$30,INDEX(Jesper!$R$2:$R$366,ROW(INDEX(Jesper!AH$2:AH$366,ROUNDDOWN($C934/24,0)+1,1))-1)+IF('Standard Profiles'!$G$18=$B$10,7,0)+IF('Standard Profiles'!$G$18=$B$17,14,0)+IF('Standard Profiles'!$G$18=$B$24,21,0),MOD($C934,24)+1)/SUM(INDEX($D$3:$AA$30,INDEX(Jesper!$R$2:$R$366,ROW(INDEX(Jesper!AH$2:AH$366,ROUNDDOWN($C934/24,0)+1,1))-1)+IF('Standard Profiles'!$G$18=$B$10,7,0)+IF('Standard Profiles'!$G$18=$B$17,14,0)+IF('Standard Profiles'!$G$18=$B$24,21,0),0)),0)</f>
        <v>15.085146659256582</v>
      </c>
      <c r="E934" cm="1">
        <f t="array" ref="E934">IFERROR(INDEX(Jesper!AI$2:AI$366,ROUNDDOWN($C934/24,0)+1,1)*INDEX($D$3:$AA$30,INDEX(Jesper!$R$2:$R$366,ROW(INDEX(Jesper!AI$2:AI$366,ROUNDDOWN($C934/24,0)+1,1))-1)+IF('Standard Profiles'!$G$19=$B$10,7,0)+IF('Standard Profiles'!$G$19=$B$17,14,0)+IF('Standard Profiles'!$G$19=$B$24,21,0),MOD($C934,24)+1)/SUM(INDEX($D$3:$AA$30,INDEX(Jesper!$R$2:$R$366,ROW(INDEX(Jesper!AI$2:AI$366,ROUNDDOWN($C934/24,0)+1,1))-1)+IF('Standard Profiles'!$G$19=$B$10,7,0)+IF('Standard Profiles'!$G$19=$B$17,14,0)+IF('Standard Profiles'!$G$19=$B$24,21,0),0)),0)</f>
        <v>0</v>
      </c>
      <c r="F934" cm="1">
        <f t="array" ref="F934">IFERROR(INDEX(Jesper!AJ$2:AJ$366,ROUNDDOWN($C934/24,0)+1,1)*INDEX($D$3:$AA$30,INDEX(Jesper!$R$2:$R$366,ROW(INDEX(Jesper!AJ$2:AJ$366,ROUNDDOWN($C934/24,0)+1,1))-1)+IF('Standard Profiles'!$G$20=$B$10,7,0)+IF('Standard Profiles'!$G$20=$B$17,14,0)+IF('Standard Profiles'!$G$20=$B$24,21,0),MOD($C934,24)+1)/SUM(INDEX($D$3:$AA$30,INDEX(Jesper!$R$2:$R$366,ROW(INDEX(Jesper!AJ$2:AJ$366,ROUNDDOWN($C934/24,0)+1,1))-1)+IF('Standard Profiles'!$G$20=$B$10,7,0)+IF('Standard Profiles'!$G$20=$B$17,14,0)+IF('Standard Profiles'!$G$20=$B$24,21,0),0)),0)</f>
        <v>0</v>
      </c>
      <c r="G934" cm="1">
        <f t="array" ref="G934">IFERROR(INDEX(Jesper!AK$2:AK$366,ROUNDDOWN($C934/24,0)+1,1)*INDEX($D$3:$AA$30,INDEX(Jesper!$R$2:$R$366,ROW(INDEX(Jesper!AK$2:AK$366,ROUNDDOWN($C934/24,0)+1,1))-1)+IF('Standard Profiles'!$G$21=$B$10,7,0)+IF('Standard Profiles'!$G$21=$B$17,14,0)+IF('Standard Profiles'!$G$21=$B$24,21,0),MOD($C934,24)+1)/SUM(INDEX($D$3:$AA$30,INDEX(Jesper!$R$2:$R$366,ROW(INDEX(Jesper!AK$2:AK$366,ROUNDDOWN($C934/24,0)+1,1))-1)+IF('Standard Profiles'!$G$21=$B$10,7,0)+IF('Standard Profiles'!$G$21=$B$17,14,0)+IF('Standard Profiles'!$G$21=$B$24,21,0),0)),0)</f>
        <v>0</v>
      </c>
      <c r="H934" cm="1">
        <f t="array" ref="H934">IFERROR(INDEX(Jesper!AL$2:AL$366,ROUNDDOWN($C934/24,0)+1,1)*INDEX($D$3:$AA$30,INDEX(Jesper!$R$2:$R$366,ROW(INDEX(Jesper!AL$2:AL$366,ROUNDDOWN($C934/24,0)+1,1))-1)+IF('Standard Profiles'!$G$22=$B$10,7,0)+IF('Standard Profiles'!$G$22=$B$17,14,0)+IF('Standard Profiles'!$G$22=$B$24,21,0),MOD($C934,24)+1)/SUM(INDEX($D$3:$AA$30,INDEX(Jesper!$R$2:$R$366,ROW(INDEX(Jesper!AL$2:AL$366,ROUNDDOWN($C934/24,0)+1,1))-1)+IF('Standard Profiles'!$G$22=$B$10,7,0)+IF('Standard Profiles'!$G$22=$B$17,14,0)+IF('Standard Profiles'!$G$22=$B$24,21,0),0)),0)</f>
        <v>0</v>
      </c>
      <c r="I934">
        <f t="shared" si="118"/>
        <v>0.45255439977769746</v>
      </c>
      <c r="J934">
        <f t="shared" si="119"/>
        <v>1.5085146659256583</v>
      </c>
      <c r="K934">
        <f t="shared" si="120"/>
        <v>2.2627719988884873</v>
      </c>
      <c r="L934">
        <f t="shared" si="121"/>
        <v>10.861305594664739</v>
      </c>
      <c r="M934">
        <f t="shared" si="122"/>
        <v>0</v>
      </c>
      <c r="N934" s="46">
        <f t="shared" si="123"/>
        <v>45329.499999997817</v>
      </c>
    </row>
    <row r="935" spans="2:14" x14ac:dyDescent="0.3">
      <c r="B935">
        <f t="shared" si="117"/>
        <v>3</v>
      </c>
      <c r="C935" s="16">
        <v>901</v>
      </c>
      <c r="D935" cm="1">
        <f t="array" ref="D935">IFERROR(INDEX(Jesper!AH$2:AH$366,ROUNDDOWN($C935/24,0)+1,1)*INDEX($D$3:$AA$30,INDEX(Jesper!$R$2:$R$366,ROW(INDEX(Jesper!AH$2:AH$366,ROUNDDOWN($C935/24,0)+1,1))-1)+IF('Standard Profiles'!$G$18=$B$10,7,0)+IF('Standard Profiles'!$G$18=$B$17,14,0)+IF('Standard Profiles'!$G$18=$B$24,21,0),MOD($C935,24)+1)/SUM(INDEX($D$3:$AA$30,INDEX(Jesper!$R$2:$R$366,ROW(INDEX(Jesper!AH$2:AH$366,ROUNDDOWN($C935/24,0)+1,1))-1)+IF('Standard Profiles'!$G$18=$B$10,7,0)+IF('Standard Profiles'!$G$18=$B$17,14,0)+IF('Standard Profiles'!$G$18=$B$24,21,0),0)),0)</f>
        <v>15.085146659256582</v>
      </c>
      <c r="E935" cm="1">
        <f t="array" ref="E935">IFERROR(INDEX(Jesper!AI$2:AI$366,ROUNDDOWN($C935/24,0)+1,1)*INDEX($D$3:$AA$30,INDEX(Jesper!$R$2:$R$366,ROW(INDEX(Jesper!AI$2:AI$366,ROUNDDOWN($C935/24,0)+1,1))-1)+IF('Standard Profiles'!$G$19=$B$10,7,0)+IF('Standard Profiles'!$G$19=$B$17,14,0)+IF('Standard Profiles'!$G$19=$B$24,21,0),MOD($C935,24)+1)/SUM(INDEX($D$3:$AA$30,INDEX(Jesper!$R$2:$R$366,ROW(INDEX(Jesper!AI$2:AI$366,ROUNDDOWN($C935/24,0)+1,1))-1)+IF('Standard Profiles'!$G$19=$B$10,7,0)+IF('Standard Profiles'!$G$19=$B$17,14,0)+IF('Standard Profiles'!$G$19=$B$24,21,0),0)),0)</f>
        <v>0</v>
      </c>
      <c r="F935" cm="1">
        <f t="array" ref="F935">IFERROR(INDEX(Jesper!AJ$2:AJ$366,ROUNDDOWN($C935/24,0)+1,1)*INDEX($D$3:$AA$30,INDEX(Jesper!$R$2:$R$366,ROW(INDEX(Jesper!AJ$2:AJ$366,ROUNDDOWN($C935/24,0)+1,1))-1)+IF('Standard Profiles'!$G$20=$B$10,7,0)+IF('Standard Profiles'!$G$20=$B$17,14,0)+IF('Standard Profiles'!$G$20=$B$24,21,0),MOD($C935,24)+1)/SUM(INDEX($D$3:$AA$30,INDEX(Jesper!$R$2:$R$366,ROW(INDEX(Jesper!AJ$2:AJ$366,ROUNDDOWN($C935/24,0)+1,1))-1)+IF('Standard Profiles'!$G$20=$B$10,7,0)+IF('Standard Profiles'!$G$20=$B$17,14,0)+IF('Standard Profiles'!$G$20=$B$24,21,0),0)),0)</f>
        <v>0</v>
      </c>
      <c r="G935" cm="1">
        <f t="array" ref="G935">IFERROR(INDEX(Jesper!AK$2:AK$366,ROUNDDOWN($C935/24,0)+1,1)*INDEX($D$3:$AA$30,INDEX(Jesper!$R$2:$R$366,ROW(INDEX(Jesper!AK$2:AK$366,ROUNDDOWN($C935/24,0)+1,1))-1)+IF('Standard Profiles'!$G$21=$B$10,7,0)+IF('Standard Profiles'!$G$21=$B$17,14,0)+IF('Standard Profiles'!$G$21=$B$24,21,0),MOD($C935,24)+1)/SUM(INDEX($D$3:$AA$30,INDEX(Jesper!$R$2:$R$366,ROW(INDEX(Jesper!AK$2:AK$366,ROUNDDOWN($C935/24,0)+1,1))-1)+IF('Standard Profiles'!$G$21=$B$10,7,0)+IF('Standard Profiles'!$G$21=$B$17,14,0)+IF('Standard Profiles'!$G$21=$B$24,21,0),0)),0)</f>
        <v>0</v>
      </c>
      <c r="H935" cm="1">
        <f t="array" ref="H935">IFERROR(INDEX(Jesper!AL$2:AL$366,ROUNDDOWN($C935/24,0)+1,1)*INDEX($D$3:$AA$30,INDEX(Jesper!$R$2:$R$366,ROW(INDEX(Jesper!AL$2:AL$366,ROUNDDOWN($C935/24,0)+1,1))-1)+IF('Standard Profiles'!$G$22=$B$10,7,0)+IF('Standard Profiles'!$G$22=$B$17,14,0)+IF('Standard Profiles'!$G$22=$B$24,21,0),MOD($C935,24)+1)/SUM(INDEX($D$3:$AA$30,INDEX(Jesper!$R$2:$R$366,ROW(INDEX(Jesper!AL$2:AL$366,ROUNDDOWN($C935/24,0)+1,1))-1)+IF('Standard Profiles'!$G$22=$B$10,7,0)+IF('Standard Profiles'!$G$22=$B$17,14,0)+IF('Standard Profiles'!$G$22=$B$24,21,0),0)),0)</f>
        <v>0</v>
      </c>
      <c r="I935">
        <f t="shared" si="118"/>
        <v>0.45255439977769746</v>
      </c>
      <c r="J935">
        <f t="shared" si="119"/>
        <v>1.5085146659256583</v>
      </c>
      <c r="K935">
        <f t="shared" si="120"/>
        <v>2.2627719988884873</v>
      </c>
      <c r="L935">
        <f t="shared" si="121"/>
        <v>10.861305594664739</v>
      </c>
      <c r="M935">
        <f t="shared" si="122"/>
        <v>0</v>
      </c>
      <c r="N935" s="46">
        <f t="shared" si="123"/>
        <v>45329.541666664481</v>
      </c>
    </row>
    <row r="936" spans="2:14" x14ac:dyDescent="0.3">
      <c r="B936">
        <f t="shared" si="117"/>
        <v>3</v>
      </c>
      <c r="C936" s="16">
        <v>902</v>
      </c>
      <c r="D936" cm="1">
        <f t="array" ref="D936">IFERROR(INDEX(Jesper!AH$2:AH$366,ROUNDDOWN($C936/24,0)+1,1)*INDEX($D$3:$AA$30,INDEX(Jesper!$R$2:$R$366,ROW(INDEX(Jesper!AH$2:AH$366,ROUNDDOWN($C936/24,0)+1,1))-1)+IF('Standard Profiles'!$G$18=$B$10,7,0)+IF('Standard Profiles'!$G$18=$B$17,14,0)+IF('Standard Profiles'!$G$18=$B$24,21,0),MOD($C936,24)+1)/SUM(INDEX($D$3:$AA$30,INDEX(Jesper!$R$2:$R$366,ROW(INDEX(Jesper!AH$2:AH$366,ROUNDDOWN($C936/24,0)+1,1))-1)+IF('Standard Profiles'!$G$18=$B$10,7,0)+IF('Standard Profiles'!$G$18=$B$17,14,0)+IF('Standard Profiles'!$G$18=$B$24,21,0),0)),0)</f>
        <v>15.085146659256582</v>
      </c>
      <c r="E936" cm="1">
        <f t="array" ref="E936">IFERROR(INDEX(Jesper!AI$2:AI$366,ROUNDDOWN($C936/24,0)+1,1)*INDEX($D$3:$AA$30,INDEX(Jesper!$R$2:$R$366,ROW(INDEX(Jesper!AI$2:AI$366,ROUNDDOWN($C936/24,0)+1,1))-1)+IF('Standard Profiles'!$G$19=$B$10,7,0)+IF('Standard Profiles'!$G$19=$B$17,14,0)+IF('Standard Profiles'!$G$19=$B$24,21,0),MOD($C936,24)+1)/SUM(INDEX($D$3:$AA$30,INDEX(Jesper!$R$2:$R$366,ROW(INDEX(Jesper!AI$2:AI$366,ROUNDDOWN($C936/24,0)+1,1))-1)+IF('Standard Profiles'!$G$19=$B$10,7,0)+IF('Standard Profiles'!$G$19=$B$17,14,0)+IF('Standard Profiles'!$G$19=$B$24,21,0),0)),0)</f>
        <v>0</v>
      </c>
      <c r="F936" cm="1">
        <f t="array" ref="F936">IFERROR(INDEX(Jesper!AJ$2:AJ$366,ROUNDDOWN($C936/24,0)+1,1)*INDEX($D$3:$AA$30,INDEX(Jesper!$R$2:$R$366,ROW(INDEX(Jesper!AJ$2:AJ$366,ROUNDDOWN($C936/24,0)+1,1))-1)+IF('Standard Profiles'!$G$20=$B$10,7,0)+IF('Standard Profiles'!$G$20=$B$17,14,0)+IF('Standard Profiles'!$G$20=$B$24,21,0),MOD($C936,24)+1)/SUM(INDEX($D$3:$AA$30,INDEX(Jesper!$R$2:$R$366,ROW(INDEX(Jesper!AJ$2:AJ$366,ROUNDDOWN($C936/24,0)+1,1))-1)+IF('Standard Profiles'!$G$20=$B$10,7,0)+IF('Standard Profiles'!$G$20=$B$17,14,0)+IF('Standard Profiles'!$G$20=$B$24,21,0),0)),0)</f>
        <v>0</v>
      </c>
      <c r="G936" cm="1">
        <f t="array" ref="G936">IFERROR(INDEX(Jesper!AK$2:AK$366,ROUNDDOWN($C936/24,0)+1,1)*INDEX($D$3:$AA$30,INDEX(Jesper!$R$2:$R$366,ROW(INDEX(Jesper!AK$2:AK$366,ROUNDDOWN($C936/24,0)+1,1))-1)+IF('Standard Profiles'!$G$21=$B$10,7,0)+IF('Standard Profiles'!$G$21=$B$17,14,0)+IF('Standard Profiles'!$G$21=$B$24,21,0),MOD($C936,24)+1)/SUM(INDEX($D$3:$AA$30,INDEX(Jesper!$R$2:$R$366,ROW(INDEX(Jesper!AK$2:AK$366,ROUNDDOWN($C936/24,0)+1,1))-1)+IF('Standard Profiles'!$G$21=$B$10,7,0)+IF('Standard Profiles'!$G$21=$B$17,14,0)+IF('Standard Profiles'!$G$21=$B$24,21,0),0)),0)</f>
        <v>0</v>
      </c>
      <c r="H936" cm="1">
        <f t="array" ref="H936">IFERROR(INDEX(Jesper!AL$2:AL$366,ROUNDDOWN($C936/24,0)+1,1)*INDEX($D$3:$AA$30,INDEX(Jesper!$R$2:$R$366,ROW(INDEX(Jesper!AL$2:AL$366,ROUNDDOWN($C936/24,0)+1,1))-1)+IF('Standard Profiles'!$G$22=$B$10,7,0)+IF('Standard Profiles'!$G$22=$B$17,14,0)+IF('Standard Profiles'!$G$22=$B$24,21,0),MOD($C936,24)+1)/SUM(INDEX($D$3:$AA$30,INDEX(Jesper!$R$2:$R$366,ROW(INDEX(Jesper!AL$2:AL$366,ROUNDDOWN($C936/24,0)+1,1))-1)+IF('Standard Profiles'!$G$22=$B$10,7,0)+IF('Standard Profiles'!$G$22=$B$17,14,0)+IF('Standard Profiles'!$G$22=$B$24,21,0),0)),0)</f>
        <v>0</v>
      </c>
      <c r="I936">
        <f t="shared" si="118"/>
        <v>0.45255439977769746</v>
      </c>
      <c r="J936">
        <f t="shared" si="119"/>
        <v>1.5085146659256583</v>
      </c>
      <c r="K936">
        <f t="shared" si="120"/>
        <v>2.2627719988884873</v>
      </c>
      <c r="L936">
        <f t="shared" si="121"/>
        <v>10.861305594664739</v>
      </c>
      <c r="M936">
        <f t="shared" si="122"/>
        <v>0</v>
      </c>
      <c r="N936" s="46">
        <f t="shared" si="123"/>
        <v>45329.583333331146</v>
      </c>
    </row>
    <row r="937" spans="2:14" x14ac:dyDescent="0.3">
      <c r="B937">
        <f t="shared" si="117"/>
        <v>3</v>
      </c>
      <c r="C937" s="16">
        <v>903</v>
      </c>
      <c r="D937" cm="1">
        <f t="array" ref="D937">IFERROR(INDEX(Jesper!AH$2:AH$366,ROUNDDOWN($C937/24,0)+1,1)*INDEX($D$3:$AA$30,INDEX(Jesper!$R$2:$R$366,ROW(INDEX(Jesper!AH$2:AH$366,ROUNDDOWN($C937/24,0)+1,1))-1)+IF('Standard Profiles'!$G$18=$B$10,7,0)+IF('Standard Profiles'!$G$18=$B$17,14,0)+IF('Standard Profiles'!$G$18=$B$24,21,0),MOD($C937,24)+1)/SUM(INDEX($D$3:$AA$30,INDEX(Jesper!$R$2:$R$366,ROW(INDEX(Jesper!AH$2:AH$366,ROUNDDOWN($C937/24,0)+1,1))-1)+IF('Standard Profiles'!$G$18=$B$10,7,0)+IF('Standard Profiles'!$G$18=$B$17,14,0)+IF('Standard Profiles'!$G$18=$B$24,21,0),0)),0)</f>
        <v>15.085146659256582</v>
      </c>
      <c r="E937" cm="1">
        <f t="array" ref="E937">IFERROR(INDEX(Jesper!AI$2:AI$366,ROUNDDOWN($C937/24,0)+1,1)*INDEX($D$3:$AA$30,INDEX(Jesper!$R$2:$R$366,ROW(INDEX(Jesper!AI$2:AI$366,ROUNDDOWN($C937/24,0)+1,1))-1)+IF('Standard Profiles'!$G$19=$B$10,7,0)+IF('Standard Profiles'!$G$19=$B$17,14,0)+IF('Standard Profiles'!$G$19=$B$24,21,0),MOD($C937,24)+1)/SUM(INDEX($D$3:$AA$30,INDEX(Jesper!$R$2:$R$366,ROW(INDEX(Jesper!AI$2:AI$366,ROUNDDOWN($C937/24,0)+1,1))-1)+IF('Standard Profiles'!$G$19=$B$10,7,0)+IF('Standard Profiles'!$G$19=$B$17,14,0)+IF('Standard Profiles'!$G$19=$B$24,21,0),0)),0)</f>
        <v>0</v>
      </c>
      <c r="F937" cm="1">
        <f t="array" ref="F937">IFERROR(INDEX(Jesper!AJ$2:AJ$366,ROUNDDOWN($C937/24,0)+1,1)*INDEX($D$3:$AA$30,INDEX(Jesper!$R$2:$R$366,ROW(INDEX(Jesper!AJ$2:AJ$366,ROUNDDOWN($C937/24,0)+1,1))-1)+IF('Standard Profiles'!$G$20=$B$10,7,0)+IF('Standard Profiles'!$G$20=$B$17,14,0)+IF('Standard Profiles'!$G$20=$B$24,21,0),MOD($C937,24)+1)/SUM(INDEX($D$3:$AA$30,INDEX(Jesper!$R$2:$R$366,ROW(INDEX(Jesper!AJ$2:AJ$366,ROUNDDOWN($C937/24,0)+1,1))-1)+IF('Standard Profiles'!$G$20=$B$10,7,0)+IF('Standard Profiles'!$G$20=$B$17,14,0)+IF('Standard Profiles'!$G$20=$B$24,21,0),0)),0)</f>
        <v>0</v>
      </c>
      <c r="G937" cm="1">
        <f t="array" ref="G937">IFERROR(INDEX(Jesper!AK$2:AK$366,ROUNDDOWN($C937/24,0)+1,1)*INDEX($D$3:$AA$30,INDEX(Jesper!$R$2:$R$366,ROW(INDEX(Jesper!AK$2:AK$366,ROUNDDOWN($C937/24,0)+1,1))-1)+IF('Standard Profiles'!$G$21=$B$10,7,0)+IF('Standard Profiles'!$G$21=$B$17,14,0)+IF('Standard Profiles'!$G$21=$B$24,21,0),MOD($C937,24)+1)/SUM(INDEX($D$3:$AA$30,INDEX(Jesper!$R$2:$R$366,ROW(INDEX(Jesper!AK$2:AK$366,ROUNDDOWN($C937/24,0)+1,1))-1)+IF('Standard Profiles'!$G$21=$B$10,7,0)+IF('Standard Profiles'!$G$21=$B$17,14,0)+IF('Standard Profiles'!$G$21=$B$24,21,0),0)),0)</f>
        <v>0</v>
      </c>
      <c r="H937" cm="1">
        <f t="array" ref="H937">IFERROR(INDEX(Jesper!AL$2:AL$366,ROUNDDOWN($C937/24,0)+1,1)*INDEX($D$3:$AA$30,INDEX(Jesper!$R$2:$R$366,ROW(INDEX(Jesper!AL$2:AL$366,ROUNDDOWN($C937/24,0)+1,1))-1)+IF('Standard Profiles'!$G$22=$B$10,7,0)+IF('Standard Profiles'!$G$22=$B$17,14,0)+IF('Standard Profiles'!$G$22=$B$24,21,0),MOD($C937,24)+1)/SUM(INDEX($D$3:$AA$30,INDEX(Jesper!$R$2:$R$366,ROW(INDEX(Jesper!AL$2:AL$366,ROUNDDOWN($C937/24,0)+1,1))-1)+IF('Standard Profiles'!$G$22=$B$10,7,0)+IF('Standard Profiles'!$G$22=$B$17,14,0)+IF('Standard Profiles'!$G$22=$B$24,21,0),0)),0)</f>
        <v>0</v>
      </c>
      <c r="I937">
        <f t="shared" si="118"/>
        <v>0.45255439977769746</v>
      </c>
      <c r="J937">
        <f t="shared" si="119"/>
        <v>1.5085146659256583</v>
      </c>
      <c r="K937">
        <f t="shared" si="120"/>
        <v>2.2627719988884873</v>
      </c>
      <c r="L937">
        <f t="shared" si="121"/>
        <v>10.861305594664739</v>
      </c>
      <c r="M937">
        <f t="shared" si="122"/>
        <v>0</v>
      </c>
      <c r="N937" s="46">
        <f t="shared" si="123"/>
        <v>45329.62499999781</v>
      </c>
    </row>
    <row r="938" spans="2:14" x14ac:dyDescent="0.3">
      <c r="B938">
        <f t="shared" si="117"/>
        <v>3</v>
      </c>
      <c r="C938" s="16">
        <v>904</v>
      </c>
      <c r="D938" cm="1">
        <f t="array" ref="D938">IFERROR(INDEX(Jesper!AH$2:AH$366,ROUNDDOWN($C938/24,0)+1,1)*INDEX($D$3:$AA$30,INDEX(Jesper!$R$2:$R$366,ROW(INDEX(Jesper!AH$2:AH$366,ROUNDDOWN($C938/24,0)+1,1))-1)+IF('Standard Profiles'!$G$18=$B$10,7,0)+IF('Standard Profiles'!$G$18=$B$17,14,0)+IF('Standard Profiles'!$G$18=$B$24,21,0),MOD($C938,24)+1)/SUM(INDEX($D$3:$AA$30,INDEX(Jesper!$R$2:$R$366,ROW(INDEX(Jesper!AH$2:AH$366,ROUNDDOWN($C938/24,0)+1,1))-1)+IF('Standard Profiles'!$G$18=$B$10,7,0)+IF('Standard Profiles'!$G$18=$B$17,14,0)+IF('Standard Profiles'!$G$18=$B$24,21,0),0)),0)</f>
        <v>15.085146659256582</v>
      </c>
      <c r="E938" cm="1">
        <f t="array" ref="E938">IFERROR(INDEX(Jesper!AI$2:AI$366,ROUNDDOWN($C938/24,0)+1,1)*INDEX($D$3:$AA$30,INDEX(Jesper!$R$2:$R$366,ROW(INDEX(Jesper!AI$2:AI$366,ROUNDDOWN($C938/24,0)+1,1))-1)+IF('Standard Profiles'!$G$19=$B$10,7,0)+IF('Standard Profiles'!$G$19=$B$17,14,0)+IF('Standard Profiles'!$G$19=$B$24,21,0),MOD($C938,24)+1)/SUM(INDEX($D$3:$AA$30,INDEX(Jesper!$R$2:$R$366,ROW(INDEX(Jesper!AI$2:AI$366,ROUNDDOWN($C938/24,0)+1,1))-1)+IF('Standard Profiles'!$G$19=$B$10,7,0)+IF('Standard Profiles'!$G$19=$B$17,14,0)+IF('Standard Profiles'!$G$19=$B$24,21,0),0)),0)</f>
        <v>0</v>
      </c>
      <c r="F938" cm="1">
        <f t="array" ref="F938">IFERROR(INDEX(Jesper!AJ$2:AJ$366,ROUNDDOWN($C938/24,0)+1,1)*INDEX($D$3:$AA$30,INDEX(Jesper!$R$2:$R$366,ROW(INDEX(Jesper!AJ$2:AJ$366,ROUNDDOWN($C938/24,0)+1,1))-1)+IF('Standard Profiles'!$G$20=$B$10,7,0)+IF('Standard Profiles'!$G$20=$B$17,14,0)+IF('Standard Profiles'!$G$20=$B$24,21,0),MOD($C938,24)+1)/SUM(INDEX($D$3:$AA$30,INDEX(Jesper!$R$2:$R$366,ROW(INDEX(Jesper!AJ$2:AJ$366,ROUNDDOWN($C938/24,0)+1,1))-1)+IF('Standard Profiles'!$G$20=$B$10,7,0)+IF('Standard Profiles'!$G$20=$B$17,14,0)+IF('Standard Profiles'!$G$20=$B$24,21,0),0)),0)</f>
        <v>0</v>
      </c>
      <c r="G938" cm="1">
        <f t="array" ref="G938">IFERROR(INDEX(Jesper!AK$2:AK$366,ROUNDDOWN($C938/24,0)+1,1)*INDEX($D$3:$AA$30,INDEX(Jesper!$R$2:$R$366,ROW(INDEX(Jesper!AK$2:AK$366,ROUNDDOWN($C938/24,0)+1,1))-1)+IF('Standard Profiles'!$G$21=$B$10,7,0)+IF('Standard Profiles'!$G$21=$B$17,14,0)+IF('Standard Profiles'!$G$21=$B$24,21,0),MOD($C938,24)+1)/SUM(INDEX($D$3:$AA$30,INDEX(Jesper!$R$2:$R$366,ROW(INDEX(Jesper!AK$2:AK$366,ROUNDDOWN($C938/24,0)+1,1))-1)+IF('Standard Profiles'!$G$21=$B$10,7,0)+IF('Standard Profiles'!$G$21=$B$17,14,0)+IF('Standard Profiles'!$G$21=$B$24,21,0),0)),0)</f>
        <v>0</v>
      </c>
      <c r="H938" cm="1">
        <f t="array" ref="H938">IFERROR(INDEX(Jesper!AL$2:AL$366,ROUNDDOWN($C938/24,0)+1,1)*INDEX($D$3:$AA$30,INDEX(Jesper!$R$2:$R$366,ROW(INDEX(Jesper!AL$2:AL$366,ROUNDDOWN($C938/24,0)+1,1))-1)+IF('Standard Profiles'!$G$22=$B$10,7,0)+IF('Standard Profiles'!$G$22=$B$17,14,0)+IF('Standard Profiles'!$G$22=$B$24,21,0),MOD($C938,24)+1)/SUM(INDEX($D$3:$AA$30,INDEX(Jesper!$R$2:$R$366,ROW(INDEX(Jesper!AL$2:AL$366,ROUNDDOWN($C938/24,0)+1,1))-1)+IF('Standard Profiles'!$G$22=$B$10,7,0)+IF('Standard Profiles'!$G$22=$B$17,14,0)+IF('Standard Profiles'!$G$22=$B$24,21,0),0)),0)</f>
        <v>0</v>
      </c>
      <c r="I938">
        <f t="shared" si="118"/>
        <v>0.45255439977769746</v>
      </c>
      <c r="J938">
        <f t="shared" si="119"/>
        <v>1.5085146659256583</v>
      </c>
      <c r="K938">
        <f t="shared" si="120"/>
        <v>2.2627719988884873</v>
      </c>
      <c r="L938">
        <f t="shared" si="121"/>
        <v>10.861305594664739</v>
      </c>
      <c r="M938">
        <f t="shared" si="122"/>
        <v>0</v>
      </c>
      <c r="N938" s="46">
        <f t="shared" si="123"/>
        <v>45329.666666664474</v>
      </c>
    </row>
    <row r="939" spans="2:14" x14ac:dyDescent="0.3">
      <c r="B939">
        <f t="shared" si="117"/>
        <v>3</v>
      </c>
      <c r="C939" s="16">
        <v>905</v>
      </c>
      <c r="D939" cm="1">
        <f t="array" ref="D939">IFERROR(INDEX(Jesper!AH$2:AH$366,ROUNDDOWN($C939/24,0)+1,1)*INDEX($D$3:$AA$30,INDEX(Jesper!$R$2:$R$366,ROW(INDEX(Jesper!AH$2:AH$366,ROUNDDOWN($C939/24,0)+1,1))-1)+IF('Standard Profiles'!$G$18=$B$10,7,0)+IF('Standard Profiles'!$G$18=$B$17,14,0)+IF('Standard Profiles'!$G$18=$B$24,21,0),MOD($C939,24)+1)/SUM(INDEX($D$3:$AA$30,INDEX(Jesper!$R$2:$R$366,ROW(INDEX(Jesper!AH$2:AH$366,ROUNDDOWN($C939/24,0)+1,1))-1)+IF('Standard Profiles'!$G$18=$B$10,7,0)+IF('Standard Profiles'!$G$18=$B$17,14,0)+IF('Standard Profiles'!$G$18=$B$24,21,0),0)),0)</f>
        <v>15.085146659256582</v>
      </c>
      <c r="E939" cm="1">
        <f t="array" ref="E939">IFERROR(INDEX(Jesper!AI$2:AI$366,ROUNDDOWN($C939/24,0)+1,1)*INDEX($D$3:$AA$30,INDEX(Jesper!$R$2:$R$366,ROW(INDEX(Jesper!AI$2:AI$366,ROUNDDOWN($C939/24,0)+1,1))-1)+IF('Standard Profiles'!$G$19=$B$10,7,0)+IF('Standard Profiles'!$G$19=$B$17,14,0)+IF('Standard Profiles'!$G$19=$B$24,21,0),MOD($C939,24)+1)/SUM(INDEX($D$3:$AA$30,INDEX(Jesper!$R$2:$R$366,ROW(INDEX(Jesper!AI$2:AI$366,ROUNDDOWN($C939/24,0)+1,1))-1)+IF('Standard Profiles'!$G$19=$B$10,7,0)+IF('Standard Profiles'!$G$19=$B$17,14,0)+IF('Standard Profiles'!$G$19=$B$24,21,0),0)),0)</f>
        <v>0</v>
      </c>
      <c r="F939" cm="1">
        <f t="array" ref="F939">IFERROR(INDEX(Jesper!AJ$2:AJ$366,ROUNDDOWN($C939/24,0)+1,1)*INDEX($D$3:$AA$30,INDEX(Jesper!$R$2:$R$366,ROW(INDEX(Jesper!AJ$2:AJ$366,ROUNDDOWN($C939/24,0)+1,1))-1)+IF('Standard Profiles'!$G$20=$B$10,7,0)+IF('Standard Profiles'!$G$20=$B$17,14,0)+IF('Standard Profiles'!$G$20=$B$24,21,0),MOD($C939,24)+1)/SUM(INDEX($D$3:$AA$30,INDEX(Jesper!$R$2:$R$366,ROW(INDEX(Jesper!AJ$2:AJ$366,ROUNDDOWN($C939/24,0)+1,1))-1)+IF('Standard Profiles'!$G$20=$B$10,7,0)+IF('Standard Profiles'!$G$20=$B$17,14,0)+IF('Standard Profiles'!$G$20=$B$24,21,0),0)),0)</f>
        <v>0</v>
      </c>
      <c r="G939" cm="1">
        <f t="array" ref="G939">IFERROR(INDEX(Jesper!AK$2:AK$366,ROUNDDOWN($C939/24,0)+1,1)*INDEX($D$3:$AA$30,INDEX(Jesper!$R$2:$R$366,ROW(INDEX(Jesper!AK$2:AK$366,ROUNDDOWN($C939/24,0)+1,1))-1)+IF('Standard Profiles'!$G$21=$B$10,7,0)+IF('Standard Profiles'!$G$21=$B$17,14,0)+IF('Standard Profiles'!$G$21=$B$24,21,0),MOD($C939,24)+1)/SUM(INDEX($D$3:$AA$30,INDEX(Jesper!$R$2:$R$366,ROW(INDEX(Jesper!AK$2:AK$366,ROUNDDOWN($C939/24,0)+1,1))-1)+IF('Standard Profiles'!$G$21=$B$10,7,0)+IF('Standard Profiles'!$G$21=$B$17,14,0)+IF('Standard Profiles'!$G$21=$B$24,21,0),0)),0)</f>
        <v>0</v>
      </c>
      <c r="H939" cm="1">
        <f t="array" ref="H939">IFERROR(INDEX(Jesper!AL$2:AL$366,ROUNDDOWN($C939/24,0)+1,1)*INDEX($D$3:$AA$30,INDEX(Jesper!$R$2:$R$366,ROW(INDEX(Jesper!AL$2:AL$366,ROUNDDOWN($C939/24,0)+1,1))-1)+IF('Standard Profiles'!$G$22=$B$10,7,0)+IF('Standard Profiles'!$G$22=$B$17,14,0)+IF('Standard Profiles'!$G$22=$B$24,21,0),MOD($C939,24)+1)/SUM(INDEX($D$3:$AA$30,INDEX(Jesper!$R$2:$R$366,ROW(INDEX(Jesper!AL$2:AL$366,ROUNDDOWN($C939/24,0)+1,1))-1)+IF('Standard Profiles'!$G$22=$B$10,7,0)+IF('Standard Profiles'!$G$22=$B$17,14,0)+IF('Standard Profiles'!$G$22=$B$24,21,0),0)),0)</f>
        <v>0</v>
      </c>
      <c r="I939">
        <f t="shared" si="118"/>
        <v>0.45255439977769746</v>
      </c>
      <c r="J939">
        <f t="shared" si="119"/>
        <v>1.5085146659256583</v>
      </c>
      <c r="K939">
        <f t="shared" si="120"/>
        <v>2.2627719988884873</v>
      </c>
      <c r="L939">
        <f t="shared" si="121"/>
        <v>10.861305594664739</v>
      </c>
      <c r="M939">
        <f t="shared" si="122"/>
        <v>0</v>
      </c>
      <c r="N939" s="46">
        <f t="shared" si="123"/>
        <v>45329.708333331138</v>
      </c>
    </row>
    <row r="940" spans="2:14" x14ac:dyDescent="0.3">
      <c r="B940">
        <f t="shared" si="117"/>
        <v>3</v>
      </c>
      <c r="C940" s="16">
        <v>906</v>
      </c>
      <c r="D940" cm="1">
        <f t="array" ref="D940">IFERROR(INDEX(Jesper!AH$2:AH$366,ROUNDDOWN($C940/24,0)+1,1)*INDEX($D$3:$AA$30,INDEX(Jesper!$R$2:$R$366,ROW(INDEX(Jesper!AH$2:AH$366,ROUNDDOWN($C940/24,0)+1,1))-1)+IF('Standard Profiles'!$G$18=$B$10,7,0)+IF('Standard Profiles'!$G$18=$B$17,14,0)+IF('Standard Profiles'!$G$18=$B$24,21,0),MOD($C940,24)+1)/SUM(INDEX($D$3:$AA$30,INDEX(Jesper!$R$2:$R$366,ROW(INDEX(Jesper!AH$2:AH$366,ROUNDDOWN($C940/24,0)+1,1))-1)+IF('Standard Profiles'!$G$18=$B$10,7,0)+IF('Standard Profiles'!$G$18=$B$17,14,0)+IF('Standard Profiles'!$G$18=$B$24,21,0),0)),0)</f>
        <v>15.085146659256582</v>
      </c>
      <c r="E940" cm="1">
        <f t="array" ref="E940">IFERROR(INDEX(Jesper!AI$2:AI$366,ROUNDDOWN($C940/24,0)+1,1)*INDEX($D$3:$AA$30,INDEX(Jesper!$R$2:$R$366,ROW(INDEX(Jesper!AI$2:AI$366,ROUNDDOWN($C940/24,0)+1,1))-1)+IF('Standard Profiles'!$G$19=$B$10,7,0)+IF('Standard Profiles'!$G$19=$B$17,14,0)+IF('Standard Profiles'!$G$19=$B$24,21,0),MOD($C940,24)+1)/SUM(INDEX($D$3:$AA$30,INDEX(Jesper!$R$2:$R$366,ROW(INDEX(Jesper!AI$2:AI$366,ROUNDDOWN($C940/24,0)+1,1))-1)+IF('Standard Profiles'!$G$19=$B$10,7,0)+IF('Standard Profiles'!$G$19=$B$17,14,0)+IF('Standard Profiles'!$G$19=$B$24,21,0),0)),0)</f>
        <v>0</v>
      </c>
      <c r="F940" cm="1">
        <f t="array" ref="F940">IFERROR(INDEX(Jesper!AJ$2:AJ$366,ROUNDDOWN($C940/24,0)+1,1)*INDEX($D$3:$AA$30,INDEX(Jesper!$R$2:$R$366,ROW(INDEX(Jesper!AJ$2:AJ$366,ROUNDDOWN($C940/24,0)+1,1))-1)+IF('Standard Profiles'!$G$20=$B$10,7,0)+IF('Standard Profiles'!$G$20=$B$17,14,0)+IF('Standard Profiles'!$G$20=$B$24,21,0),MOD($C940,24)+1)/SUM(INDEX($D$3:$AA$30,INDEX(Jesper!$R$2:$R$366,ROW(INDEX(Jesper!AJ$2:AJ$366,ROUNDDOWN($C940/24,0)+1,1))-1)+IF('Standard Profiles'!$G$20=$B$10,7,0)+IF('Standard Profiles'!$G$20=$B$17,14,0)+IF('Standard Profiles'!$G$20=$B$24,21,0),0)),0)</f>
        <v>0</v>
      </c>
      <c r="G940" cm="1">
        <f t="array" ref="G940">IFERROR(INDEX(Jesper!AK$2:AK$366,ROUNDDOWN($C940/24,0)+1,1)*INDEX($D$3:$AA$30,INDEX(Jesper!$R$2:$R$366,ROW(INDEX(Jesper!AK$2:AK$366,ROUNDDOWN($C940/24,0)+1,1))-1)+IF('Standard Profiles'!$G$21=$B$10,7,0)+IF('Standard Profiles'!$G$21=$B$17,14,0)+IF('Standard Profiles'!$G$21=$B$24,21,0),MOD($C940,24)+1)/SUM(INDEX($D$3:$AA$30,INDEX(Jesper!$R$2:$R$366,ROW(INDEX(Jesper!AK$2:AK$366,ROUNDDOWN($C940/24,0)+1,1))-1)+IF('Standard Profiles'!$G$21=$B$10,7,0)+IF('Standard Profiles'!$G$21=$B$17,14,0)+IF('Standard Profiles'!$G$21=$B$24,21,0),0)),0)</f>
        <v>0</v>
      </c>
      <c r="H940" cm="1">
        <f t="array" ref="H940">IFERROR(INDEX(Jesper!AL$2:AL$366,ROUNDDOWN($C940/24,0)+1,1)*INDEX($D$3:$AA$30,INDEX(Jesper!$R$2:$R$366,ROW(INDEX(Jesper!AL$2:AL$366,ROUNDDOWN($C940/24,0)+1,1))-1)+IF('Standard Profiles'!$G$22=$B$10,7,0)+IF('Standard Profiles'!$G$22=$B$17,14,0)+IF('Standard Profiles'!$G$22=$B$24,21,0),MOD($C940,24)+1)/SUM(INDEX($D$3:$AA$30,INDEX(Jesper!$R$2:$R$366,ROW(INDEX(Jesper!AL$2:AL$366,ROUNDDOWN($C940/24,0)+1,1))-1)+IF('Standard Profiles'!$G$22=$B$10,7,0)+IF('Standard Profiles'!$G$22=$B$17,14,0)+IF('Standard Profiles'!$G$22=$B$24,21,0),0)),0)</f>
        <v>0</v>
      </c>
      <c r="I940">
        <f t="shared" si="118"/>
        <v>0.45255439977769746</v>
      </c>
      <c r="J940">
        <f t="shared" si="119"/>
        <v>1.5085146659256583</v>
      </c>
      <c r="K940">
        <f t="shared" si="120"/>
        <v>2.2627719988884873</v>
      </c>
      <c r="L940">
        <f t="shared" si="121"/>
        <v>10.861305594664739</v>
      </c>
      <c r="M940">
        <f t="shared" si="122"/>
        <v>0</v>
      </c>
      <c r="N940" s="46">
        <f t="shared" si="123"/>
        <v>45329.749999997803</v>
      </c>
    </row>
    <row r="941" spans="2:14" x14ac:dyDescent="0.3">
      <c r="B941">
        <f t="shared" si="117"/>
        <v>3</v>
      </c>
      <c r="C941" s="16">
        <v>907</v>
      </c>
      <c r="D941" cm="1">
        <f t="array" ref="D941">IFERROR(INDEX(Jesper!AH$2:AH$366,ROUNDDOWN($C941/24,0)+1,1)*INDEX($D$3:$AA$30,INDEX(Jesper!$R$2:$R$366,ROW(INDEX(Jesper!AH$2:AH$366,ROUNDDOWN($C941/24,0)+1,1))-1)+IF('Standard Profiles'!$G$18=$B$10,7,0)+IF('Standard Profiles'!$G$18=$B$17,14,0)+IF('Standard Profiles'!$G$18=$B$24,21,0),MOD($C941,24)+1)/SUM(INDEX($D$3:$AA$30,INDEX(Jesper!$R$2:$R$366,ROW(INDEX(Jesper!AH$2:AH$366,ROUNDDOWN($C941/24,0)+1,1))-1)+IF('Standard Profiles'!$G$18=$B$10,7,0)+IF('Standard Profiles'!$G$18=$B$17,14,0)+IF('Standard Profiles'!$G$18=$B$24,21,0),0)),0)</f>
        <v>12.570955549380484</v>
      </c>
      <c r="E941" cm="1">
        <f t="array" ref="E941">IFERROR(INDEX(Jesper!AI$2:AI$366,ROUNDDOWN($C941/24,0)+1,1)*INDEX($D$3:$AA$30,INDEX(Jesper!$R$2:$R$366,ROW(INDEX(Jesper!AI$2:AI$366,ROUNDDOWN($C941/24,0)+1,1))-1)+IF('Standard Profiles'!$G$19=$B$10,7,0)+IF('Standard Profiles'!$G$19=$B$17,14,0)+IF('Standard Profiles'!$G$19=$B$24,21,0),MOD($C941,24)+1)/SUM(INDEX($D$3:$AA$30,INDEX(Jesper!$R$2:$R$366,ROW(INDEX(Jesper!AI$2:AI$366,ROUNDDOWN($C941/24,0)+1,1))-1)+IF('Standard Profiles'!$G$19=$B$10,7,0)+IF('Standard Profiles'!$G$19=$B$17,14,0)+IF('Standard Profiles'!$G$19=$B$24,21,0),0)),0)</f>
        <v>0</v>
      </c>
      <c r="F941" cm="1">
        <f t="array" ref="F941">IFERROR(INDEX(Jesper!AJ$2:AJ$366,ROUNDDOWN($C941/24,0)+1,1)*INDEX($D$3:$AA$30,INDEX(Jesper!$R$2:$R$366,ROW(INDEX(Jesper!AJ$2:AJ$366,ROUNDDOWN($C941/24,0)+1,1))-1)+IF('Standard Profiles'!$G$20=$B$10,7,0)+IF('Standard Profiles'!$G$20=$B$17,14,0)+IF('Standard Profiles'!$G$20=$B$24,21,0),MOD($C941,24)+1)/SUM(INDEX($D$3:$AA$30,INDEX(Jesper!$R$2:$R$366,ROW(INDEX(Jesper!AJ$2:AJ$366,ROUNDDOWN($C941/24,0)+1,1))-1)+IF('Standard Profiles'!$G$20=$B$10,7,0)+IF('Standard Profiles'!$G$20=$B$17,14,0)+IF('Standard Profiles'!$G$20=$B$24,21,0),0)),0)</f>
        <v>0</v>
      </c>
      <c r="G941" cm="1">
        <f t="array" ref="G941">IFERROR(INDEX(Jesper!AK$2:AK$366,ROUNDDOWN($C941/24,0)+1,1)*INDEX($D$3:$AA$30,INDEX(Jesper!$R$2:$R$366,ROW(INDEX(Jesper!AK$2:AK$366,ROUNDDOWN($C941/24,0)+1,1))-1)+IF('Standard Profiles'!$G$21=$B$10,7,0)+IF('Standard Profiles'!$G$21=$B$17,14,0)+IF('Standard Profiles'!$G$21=$B$24,21,0),MOD($C941,24)+1)/SUM(INDEX($D$3:$AA$30,INDEX(Jesper!$R$2:$R$366,ROW(INDEX(Jesper!AK$2:AK$366,ROUNDDOWN($C941/24,0)+1,1))-1)+IF('Standard Profiles'!$G$21=$B$10,7,0)+IF('Standard Profiles'!$G$21=$B$17,14,0)+IF('Standard Profiles'!$G$21=$B$24,21,0),0)),0)</f>
        <v>0</v>
      </c>
      <c r="H941" cm="1">
        <f t="array" ref="H941">IFERROR(INDEX(Jesper!AL$2:AL$366,ROUNDDOWN($C941/24,0)+1,1)*INDEX($D$3:$AA$30,INDEX(Jesper!$R$2:$R$366,ROW(INDEX(Jesper!AL$2:AL$366,ROUNDDOWN($C941/24,0)+1,1))-1)+IF('Standard Profiles'!$G$22=$B$10,7,0)+IF('Standard Profiles'!$G$22=$B$17,14,0)+IF('Standard Profiles'!$G$22=$B$24,21,0),MOD($C941,24)+1)/SUM(INDEX($D$3:$AA$30,INDEX(Jesper!$R$2:$R$366,ROW(INDEX(Jesper!AL$2:AL$366,ROUNDDOWN($C941/24,0)+1,1))-1)+IF('Standard Profiles'!$G$22=$B$10,7,0)+IF('Standard Profiles'!$G$22=$B$17,14,0)+IF('Standard Profiles'!$G$22=$B$24,21,0),0)),0)</f>
        <v>0</v>
      </c>
      <c r="I941">
        <f t="shared" si="118"/>
        <v>0.37712866648141452</v>
      </c>
      <c r="J941">
        <f t="shared" si="119"/>
        <v>1.2570955549380485</v>
      </c>
      <c r="K941">
        <f t="shared" si="120"/>
        <v>1.8856433324070725</v>
      </c>
      <c r="L941">
        <f t="shared" si="121"/>
        <v>9.0510879955539476</v>
      </c>
      <c r="M941">
        <f t="shared" si="122"/>
        <v>0</v>
      </c>
      <c r="N941" s="46">
        <f t="shared" si="123"/>
        <v>45329.791666664467</v>
      </c>
    </row>
    <row r="942" spans="2:14" x14ac:dyDescent="0.3">
      <c r="B942">
        <f t="shared" si="117"/>
        <v>3</v>
      </c>
      <c r="C942" s="16">
        <v>908</v>
      </c>
      <c r="D942" cm="1">
        <f t="array" ref="D942">IFERROR(INDEX(Jesper!AH$2:AH$366,ROUNDDOWN($C942/24,0)+1,1)*INDEX($D$3:$AA$30,INDEX(Jesper!$R$2:$R$366,ROW(INDEX(Jesper!AH$2:AH$366,ROUNDDOWN($C942/24,0)+1,1))-1)+IF('Standard Profiles'!$G$18=$B$10,7,0)+IF('Standard Profiles'!$G$18=$B$17,14,0)+IF('Standard Profiles'!$G$18=$B$24,21,0),MOD($C942,24)+1)/SUM(INDEX($D$3:$AA$30,INDEX(Jesper!$R$2:$R$366,ROW(INDEX(Jesper!AH$2:AH$366,ROUNDDOWN($C942/24,0)+1,1))-1)+IF('Standard Profiles'!$G$18=$B$10,7,0)+IF('Standard Profiles'!$G$18=$B$17,14,0)+IF('Standard Profiles'!$G$18=$B$24,21,0),0)),0)</f>
        <v>10.05676443950439</v>
      </c>
      <c r="E942" cm="1">
        <f t="array" ref="E942">IFERROR(INDEX(Jesper!AI$2:AI$366,ROUNDDOWN($C942/24,0)+1,1)*INDEX($D$3:$AA$30,INDEX(Jesper!$R$2:$R$366,ROW(INDEX(Jesper!AI$2:AI$366,ROUNDDOWN($C942/24,0)+1,1))-1)+IF('Standard Profiles'!$G$19=$B$10,7,0)+IF('Standard Profiles'!$G$19=$B$17,14,0)+IF('Standard Profiles'!$G$19=$B$24,21,0),MOD($C942,24)+1)/SUM(INDEX($D$3:$AA$30,INDEX(Jesper!$R$2:$R$366,ROW(INDEX(Jesper!AI$2:AI$366,ROUNDDOWN($C942/24,0)+1,1))-1)+IF('Standard Profiles'!$G$19=$B$10,7,0)+IF('Standard Profiles'!$G$19=$B$17,14,0)+IF('Standard Profiles'!$G$19=$B$24,21,0),0)),0)</f>
        <v>0</v>
      </c>
      <c r="F942" cm="1">
        <f t="array" ref="F942">IFERROR(INDEX(Jesper!AJ$2:AJ$366,ROUNDDOWN($C942/24,0)+1,1)*INDEX($D$3:$AA$30,INDEX(Jesper!$R$2:$R$366,ROW(INDEX(Jesper!AJ$2:AJ$366,ROUNDDOWN($C942/24,0)+1,1))-1)+IF('Standard Profiles'!$G$20=$B$10,7,0)+IF('Standard Profiles'!$G$20=$B$17,14,0)+IF('Standard Profiles'!$G$20=$B$24,21,0),MOD($C942,24)+1)/SUM(INDEX($D$3:$AA$30,INDEX(Jesper!$R$2:$R$366,ROW(INDEX(Jesper!AJ$2:AJ$366,ROUNDDOWN($C942/24,0)+1,1))-1)+IF('Standard Profiles'!$G$20=$B$10,7,0)+IF('Standard Profiles'!$G$20=$B$17,14,0)+IF('Standard Profiles'!$G$20=$B$24,21,0),0)),0)</f>
        <v>0</v>
      </c>
      <c r="G942" cm="1">
        <f t="array" ref="G942">IFERROR(INDEX(Jesper!AK$2:AK$366,ROUNDDOWN($C942/24,0)+1,1)*INDEX($D$3:$AA$30,INDEX(Jesper!$R$2:$R$366,ROW(INDEX(Jesper!AK$2:AK$366,ROUNDDOWN($C942/24,0)+1,1))-1)+IF('Standard Profiles'!$G$21=$B$10,7,0)+IF('Standard Profiles'!$G$21=$B$17,14,0)+IF('Standard Profiles'!$G$21=$B$24,21,0),MOD($C942,24)+1)/SUM(INDEX($D$3:$AA$30,INDEX(Jesper!$R$2:$R$366,ROW(INDEX(Jesper!AK$2:AK$366,ROUNDDOWN($C942/24,0)+1,1))-1)+IF('Standard Profiles'!$G$21=$B$10,7,0)+IF('Standard Profiles'!$G$21=$B$17,14,0)+IF('Standard Profiles'!$G$21=$B$24,21,0),0)),0)</f>
        <v>0</v>
      </c>
      <c r="H942" cm="1">
        <f t="array" ref="H942">IFERROR(INDEX(Jesper!AL$2:AL$366,ROUNDDOWN($C942/24,0)+1,1)*INDEX($D$3:$AA$30,INDEX(Jesper!$R$2:$R$366,ROW(INDEX(Jesper!AL$2:AL$366,ROUNDDOWN($C942/24,0)+1,1))-1)+IF('Standard Profiles'!$G$22=$B$10,7,0)+IF('Standard Profiles'!$G$22=$B$17,14,0)+IF('Standard Profiles'!$G$22=$B$24,21,0),MOD($C942,24)+1)/SUM(INDEX($D$3:$AA$30,INDEX(Jesper!$R$2:$R$366,ROW(INDEX(Jesper!AL$2:AL$366,ROUNDDOWN($C942/24,0)+1,1))-1)+IF('Standard Profiles'!$G$22=$B$10,7,0)+IF('Standard Profiles'!$G$22=$B$17,14,0)+IF('Standard Profiles'!$G$22=$B$24,21,0),0)),0)</f>
        <v>0</v>
      </c>
      <c r="I942">
        <f t="shared" si="118"/>
        <v>0.30170293318513169</v>
      </c>
      <c r="J942">
        <f t="shared" si="119"/>
        <v>1.0056764439504391</v>
      </c>
      <c r="K942">
        <f t="shared" si="120"/>
        <v>1.5085146659256583</v>
      </c>
      <c r="L942">
        <f t="shared" si="121"/>
        <v>7.2408703964431602</v>
      </c>
      <c r="M942">
        <f t="shared" si="122"/>
        <v>0</v>
      </c>
      <c r="N942" s="46">
        <f t="shared" si="123"/>
        <v>45329.833333331131</v>
      </c>
    </row>
    <row r="943" spans="2:14" x14ac:dyDescent="0.3">
      <c r="B943">
        <f t="shared" si="117"/>
        <v>3</v>
      </c>
      <c r="C943" s="16">
        <v>909</v>
      </c>
      <c r="D943" cm="1">
        <f t="array" ref="D943">IFERROR(INDEX(Jesper!AH$2:AH$366,ROUNDDOWN($C943/24,0)+1,1)*INDEX($D$3:$AA$30,INDEX(Jesper!$R$2:$R$366,ROW(INDEX(Jesper!AH$2:AH$366,ROUNDDOWN($C943/24,0)+1,1))-1)+IF('Standard Profiles'!$G$18=$B$10,7,0)+IF('Standard Profiles'!$G$18=$B$17,14,0)+IF('Standard Profiles'!$G$18=$B$24,21,0),MOD($C943,24)+1)/SUM(INDEX($D$3:$AA$30,INDEX(Jesper!$R$2:$R$366,ROW(INDEX(Jesper!AH$2:AH$366,ROUNDDOWN($C943/24,0)+1,1))-1)+IF('Standard Profiles'!$G$18=$B$10,7,0)+IF('Standard Profiles'!$G$18=$B$17,14,0)+IF('Standard Profiles'!$G$18=$B$24,21,0),0)),0)</f>
        <v>7.5425733296282909</v>
      </c>
      <c r="E943" cm="1">
        <f t="array" ref="E943">IFERROR(INDEX(Jesper!AI$2:AI$366,ROUNDDOWN($C943/24,0)+1,1)*INDEX($D$3:$AA$30,INDEX(Jesper!$R$2:$R$366,ROW(INDEX(Jesper!AI$2:AI$366,ROUNDDOWN($C943/24,0)+1,1))-1)+IF('Standard Profiles'!$G$19=$B$10,7,0)+IF('Standard Profiles'!$G$19=$B$17,14,0)+IF('Standard Profiles'!$G$19=$B$24,21,0),MOD($C943,24)+1)/SUM(INDEX($D$3:$AA$30,INDEX(Jesper!$R$2:$R$366,ROW(INDEX(Jesper!AI$2:AI$366,ROUNDDOWN($C943/24,0)+1,1))-1)+IF('Standard Profiles'!$G$19=$B$10,7,0)+IF('Standard Profiles'!$G$19=$B$17,14,0)+IF('Standard Profiles'!$G$19=$B$24,21,0),0)),0)</f>
        <v>0</v>
      </c>
      <c r="F943" cm="1">
        <f t="array" ref="F943">IFERROR(INDEX(Jesper!AJ$2:AJ$366,ROUNDDOWN($C943/24,0)+1,1)*INDEX($D$3:$AA$30,INDEX(Jesper!$R$2:$R$366,ROW(INDEX(Jesper!AJ$2:AJ$366,ROUNDDOWN($C943/24,0)+1,1))-1)+IF('Standard Profiles'!$G$20=$B$10,7,0)+IF('Standard Profiles'!$G$20=$B$17,14,0)+IF('Standard Profiles'!$G$20=$B$24,21,0),MOD($C943,24)+1)/SUM(INDEX($D$3:$AA$30,INDEX(Jesper!$R$2:$R$366,ROW(INDEX(Jesper!AJ$2:AJ$366,ROUNDDOWN($C943/24,0)+1,1))-1)+IF('Standard Profiles'!$G$20=$B$10,7,0)+IF('Standard Profiles'!$G$20=$B$17,14,0)+IF('Standard Profiles'!$G$20=$B$24,21,0),0)),0)</f>
        <v>0</v>
      </c>
      <c r="G943" cm="1">
        <f t="array" ref="G943">IFERROR(INDEX(Jesper!AK$2:AK$366,ROUNDDOWN($C943/24,0)+1,1)*INDEX($D$3:$AA$30,INDEX(Jesper!$R$2:$R$366,ROW(INDEX(Jesper!AK$2:AK$366,ROUNDDOWN($C943/24,0)+1,1))-1)+IF('Standard Profiles'!$G$21=$B$10,7,0)+IF('Standard Profiles'!$G$21=$B$17,14,0)+IF('Standard Profiles'!$G$21=$B$24,21,0),MOD($C943,24)+1)/SUM(INDEX($D$3:$AA$30,INDEX(Jesper!$R$2:$R$366,ROW(INDEX(Jesper!AK$2:AK$366,ROUNDDOWN($C943/24,0)+1,1))-1)+IF('Standard Profiles'!$G$21=$B$10,7,0)+IF('Standard Profiles'!$G$21=$B$17,14,0)+IF('Standard Profiles'!$G$21=$B$24,21,0),0)),0)</f>
        <v>0</v>
      </c>
      <c r="H943" cm="1">
        <f t="array" ref="H943">IFERROR(INDEX(Jesper!AL$2:AL$366,ROUNDDOWN($C943/24,0)+1,1)*INDEX($D$3:$AA$30,INDEX(Jesper!$R$2:$R$366,ROW(INDEX(Jesper!AL$2:AL$366,ROUNDDOWN($C943/24,0)+1,1))-1)+IF('Standard Profiles'!$G$22=$B$10,7,0)+IF('Standard Profiles'!$G$22=$B$17,14,0)+IF('Standard Profiles'!$G$22=$B$24,21,0),MOD($C943,24)+1)/SUM(INDEX($D$3:$AA$30,INDEX(Jesper!$R$2:$R$366,ROW(INDEX(Jesper!AL$2:AL$366,ROUNDDOWN($C943/24,0)+1,1))-1)+IF('Standard Profiles'!$G$22=$B$10,7,0)+IF('Standard Profiles'!$G$22=$B$17,14,0)+IF('Standard Profiles'!$G$22=$B$24,21,0),0)),0)</f>
        <v>0</v>
      </c>
      <c r="I943">
        <f t="shared" si="118"/>
        <v>0.22627719988884873</v>
      </c>
      <c r="J943">
        <f t="shared" si="119"/>
        <v>0.75425733296282915</v>
      </c>
      <c r="K943">
        <f t="shared" si="120"/>
        <v>1.1313859994442437</v>
      </c>
      <c r="L943">
        <f t="shared" si="121"/>
        <v>5.4306527973323693</v>
      </c>
      <c r="M943">
        <f t="shared" si="122"/>
        <v>0</v>
      </c>
      <c r="N943" s="46">
        <f t="shared" si="123"/>
        <v>45329.874999997795</v>
      </c>
    </row>
    <row r="944" spans="2:14" x14ac:dyDescent="0.3">
      <c r="B944">
        <f t="shared" si="117"/>
        <v>3</v>
      </c>
      <c r="C944" s="16">
        <v>910</v>
      </c>
      <c r="D944" cm="1">
        <f t="array" ref="D944">IFERROR(INDEX(Jesper!AH$2:AH$366,ROUNDDOWN($C944/24,0)+1,1)*INDEX($D$3:$AA$30,INDEX(Jesper!$R$2:$R$366,ROW(INDEX(Jesper!AH$2:AH$366,ROUNDDOWN($C944/24,0)+1,1))-1)+IF('Standard Profiles'!$G$18=$B$10,7,0)+IF('Standard Profiles'!$G$18=$B$17,14,0)+IF('Standard Profiles'!$G$18=$B$24,21,0),MOD($C944,24)+1)/SUM(INDEX($D$3:$AA$30,INDEX(Jesper!$R$2:$R$366,ROW(INDEX(Jesper!AH$2:AH$366,ROUNDDOWN($C944/24,0)+1,1))-1)+IF('Standard Profiles'!$G$18=$B$10,7,0)+IF('Standard Profiles'!$G$18=$B$17,14,0)+IF('Standard Profiles'!$G$18=$B$24,21,0),0)),0)</f>
        <v>7.5425733296282909</v>
      </c>
      <c r="E944" cm="1">
        <f t="array" ref="E944">IFERROR(INDEX(Jesper!AI$2:AI$366,ROUNDDOWN($C944/24,0)+1,1)*INDEX($D$3:$AA$30,INDEX(Jesper!$R$2:$R$366,ROW(INDEX(Jesper!AI$2:AI$366,ROUNDDOWN($C944/24,0)+1,1))-1)+IF('Standard Profiles'!$G$19=$B$10,7,0)+IF('Standard Profiles'!$G$19=$B$17,14,0)+IF('Standard Profiles'!$G$19=$B$24,21,0),MOD($C944,24)+1)/SUM(INDEX($D$3:$AA$30,INDEX(Jesper!$R$2:$R$366,ROW(INDEX(Jesper!AI$2:AI$366,ROUNDDOWN($C944/24,0)+1,1))-1)+IF('Standard Profiles'!$G$19=$B$10,7,0)+IF('Standard Profiles'!$G$19=$B$17,14,0)+IF('Standard Profiles'!$G$19=$B$24,21,0),0)),0)</f>
        <v>0</v>
      </c>
      <c r="F944" cm="1">
        <f t="array" ref="F944">IFERROR(INDEX(Jesper!AJ$2:AJ$366,ROUNDDOWN($C944/24,0)+1,1)*INDEX($D$3:$AA$30,INDEX(Jesper!$R$2:$R$366,ROW(INDEX(Jesper!AJ$2:AJ$366,ROUNDDOWN($C944/24,0)+1,1))-1)+IF('Standard Profiles'!$G$20=$B$10,7,0)+IF('Standard Profiles'!$G$20=$B$17,14,0)+IF('Standard Profiles'!$G$20=$B$24,21,0),MOD($C944,24)+1)/SUM(INDEX($D$3:$AA$30,INDEX(Jesper!$R$2:$R$366,ROW(INDEX(Jesper!AJ$2:AJ$366,ROUNDDOWN($C944/24,0)+1,1))-1)+IF('Standard Profiles'!$G$20=$B$10,7,0)+IF('Standard Profiles'!$G$20=$B$17,14,0)+IF('Standard Profiles'!$G$20=$B$24,21,0),0)),0)</f>
        <v>0</v>
      </c>
      <c r="G944" cm="1">
        <f t="array" ref="G944">IFERROR(INDEX(Jesper!AK$2:AK$366,ROUNDDOWN($C944/24,0)+1,1)*INDEX($D$3:$AA$30,INDEX(Jesper!$R$2:$R$366,ROW(INDEX(Jesper!AK$2:AK$366,ROUNDDOWN($C944/24,0)+1,1))-1)+IF('Standard Profiles'!$G$21=$B$10,7,0)+IF('Standard Profiles'!$G$21=$B$17,14,0)+IF('Standard Profiles'!$G$21=$B$24,21,0),MOD($C944,24)+1)/SUM(INDEX($D$3:$AA$30,INDEX(Jesper!$R$2:$R$366,ROW(INDEX(Jesper!AK$2:AK$366,ROUNDDOWN($C944/24,0)+1,1))-1)+IF('Standard Profiles'!$G$21=$B$10,7,0)+IF('Standard Profiles'!$G$21=$B$17,14,0)+IF('Standard Profiles'!$G$21=$B$24,21,0),0)),0)</f>
        <v>0</v>
      </c>
      <c r="H944" cm="1">
        <f t="array" ref="H944">IFERROR(INDEX(Jesper!AL$2:AL$366,ROUNDDOWN($C944/24,0)+1,1)*INDEX($D$3:$AA$30,INDEX(Jesper!$R$2:$R$366,ROW(INDEX(Jesper!AL$2:AL$366,ROUNDDOWN($C944/24,0)+1,1))-1)+IF('Standard Profiles'!$G$22=$B$10,7,0)+IF('Standard Profiles'!$G$22=$B$17,14,0)+IF('Standard Profiles'!$G$22=$B$24,21,0),MOD($C944,24)+1)/SUM(INDEX($D$3:$AA$30,INDEX(Jesper!$R$2:$R$366,ROW(INDEX(Jesper!AL$2:AL$366,ROUNDDOWN($C944/24,0)+1,1))-1)+IF('Standard Profiles'!$G$22=$B$10,7,0)+IF('Standard Profiles'!$G$22=$B$17,14,0)+IF('Standard Profiles'!$G$22=$B$24,21,0),0)),0)</f>
        <v>0</v>
      </c>
      <c r="I944">
        <f t="shared" si="118"/>
        <v>0.22627719988884873</v>
      </c>
      <c r="J944">
        <f t="shared" si="119"/>
        <v>0.75425733296282915</v>
      </c>
      <c r="K944">
        <f t="shared" si="120"/>
        <v>1.1313859994442437</v>
      </c>
      <c r="L944">
        <f t="shared" si="121"/>
        <v>5.4306527973323693</v>
      </c>
      <c r="M944">
        <f t="shared" si="122"/>
        <v>0</v>
      </c>
      <c r="N944" s="46">
        <f t="shared" si="123"/>
        <v>45329.91666666446</v>
      </c>
    </row>
    <row r="945" spans="2:14" x14ac:dyDescent="0.3">
      <c r="B945">
        <f t="shared" si="117"/>
        <v>3</v>
      </c>
      <c r="C945" s="16">
        <v>911</v>
      </c>
      <c r="D945" cm="1">
        <f t="array" ref="D945">IFERROR(INDEX(Jesper!AH$2:AH$366,ROUNDDOWN($C945/24,0)+1,1)*INDEX($D$3:$AA$30,INDEX(Jesper!$R$2:$R$366,ROW(INDEX(Jesper!AH$2:AH$366,ROUNDDOWN($C945/24,0)+1,1))-1)+IF('Standard Profiles'!$G$18=$B$10,7,0)+IF('Standard Profiles'!$G$18=$B$17,14,0)+IF('Standard Profiles'!$G$18=$B$24,21,0),MOD($C945,24)+1)/SUM(INDEX($D$3:$AA$30,INDEX(Jesper!$R$2:$R$366,ROW(INDEX(Jesper!AH$2:AH$366,ROUNDDOWN($C945/24,0)+1,1))-1)+IF('Standard Profiles'!$G$18=$B$10,7,0)+IF('Standard Profiles'!$G$18=$B$17,14,0)+IF('Standard Profiles'!$G$18=$B$24,21,0),0)),0)</f>
        <v>7.5425733296282909</v>
      </c>
      <c r="E945" cm="1">
        <f t="array" ref="E945">IFERROR(INDEX(Jesper!AI$2:AI$366,ROUNDDOWN($C945/24,0)+1,1)*INDEX($D$3:$AA$30,INDEX(Jesper!$R$2:$R$366,ROW(INDEX(Jesper!AI$2:AI$366,ROUNDDOWN($C945/24,0)+1,1))-1)+IF('Standard Profiles'!$G$19=$B$10,7,0)+IF('Standard Profiles'!$G$19=$B$17,14,0)+IF('Standard Profiles'!$G$19=$B$24,21,0),MOD($C945,24)+1)/SUM(INDEX($D$3:$AA$30,INDEX(Jesper!$R$2:$R$366,ROW(INDEX(Jesper!AI$2:AI$366,ROUNDDOWN($C945/24,0)+1,1))-1)+IF('Standard Profiles'!$G$19=$B$10,7,0)+IF('Standard Profiles'!$G$19=$B$17,14,0)+IF('Standard Profiles'!$G$19=$B$24,21,0),0)),0)</f>
        <v>0</v>
      </c>
      <c r="F945" cm="1">
        <f t="array" ref="F945">IFERROR(INDEX(Jesper!AJ$2:AJ$366,ROUNDDOWN($C945/24,0)+1,1)*INDEX($D$3:$AA$30,INDEX(Jesper!$R$2:$R$366,ROW(INDEX(Jesper!AJ$2:AJ$366,ROUNDDOWN($C945/24,0)+1,1))-1)+IF('Standard Profiles'!$G$20=$B$10,7,0)+IF('Standard Profiles'!$G$20=$B$17,14,0)+IF('Standard Profiles'!$G$20=$B$24,21,0),MOD($C945,24)+1)/SUM(INDEX($D$3:$AA$30,INDEX(Jesper!$R$2:$R$366,ROW(INDEX(Jesper!AJ$2:AJ$366,ROUNDDOWN($C945/24,0)+1,1))-1)+IF('Standard Profiles'!$G$20=$B$10,7,0)+IF('Standard Profiles'!$G$20=$B$17,14,0)+IF('Standard Profiles'!$G$20=$B$24,21,0),0)),0)</f>
        <v>0</v>
      </c>
      <c r="G945" cm="1">
        <f t="array" ref="G945">IFERROR(INDEX(Jesper!AK$2:AK$366,ROUNDDOWN($C945/24,0)+1,1)*INDEX($D$3:$AA$30,INDEX(Jesper!$R$2:$R$366,ROW(INDEX(Jesper!AK$2:AK$366,ROUNDDOWN($C945/24,0)+1,1))-1)+IF('Standard Profiles'!$G$21=$B$10,7,0)+IF('Standard Profiles'!$G$21=$B$17,14,0)+IF('Standard Profiles'!$G$21=$B$24,21,0),MOD($C945,24)+1)/SUM(INDEX($D$3:$AA$30,INDEX(Jesper!$R$2:$R$366,ROW(INDEX(Jesper!AK$2:AK$366,ROUNDDOWN($C945/24,0)+1,1))-1)+IF('Standard Profiles'!$G$21=$B$10,7,0)+IF('Standard Profiles'!$G$21=$B$17,14,0)+IF('Standard Profiles'!$G$21=$B$24,21,0),0)),0)</f>
        <v>0</v>
      </c>
      <c r="H945" cm="1">
        <f t="array" ref="H945">IFERROR(INDEX(Jesper!AL$2:AL$366,ROUNDDOWN($C945/24,0)+1,1)*INDEX($D$3:$AA$30,INDEX(Jesper!$R$2:$R$366,ROW(INDEX(Jesper!AL$2:AL$366,ROUNDDOWN($C945/24,0)+1,1))-1)+IF('Standard Profiles'!$G$22=$B$10,7,0)+IF('Standard Profiles'!$G$22=$B$17,14,0)+IF('Standard Profiles'!$G$22=$B$24,21,0),MOD($C945,24)+1)/SUM(INDEX($D$3:$AA$30,INDEX(Jesper!$R$2:$R$366,ROW(INDEX(Jesper!AL$2:AL$366,ROUNDDOWN($C945/24,0)+1,1))-1)+IF('Standard Profiles'!$G$22=$B$10,7,0)+IF('Standard Profiles'!$G$22=$B$17,14,0)+IF('Standard Profiles'!$G$22=$B$24,21,0),0)),0)</f>
        <v>0</v>
      </c>
      <c r="I945">
        <f t="shared" si="118"/>
        <v>0.22627719988884873</v>
      </c>
      <c r="J945">
        <f t="shared" si="119"/>
        <v>0.75425733296282915</v>
      </c>
      <c r="K945">
        <f t="shared" si="120"/>
        <v>1.1313859994442437</v>
      </c>
      <c r="L945">
        <f t="shared" si="121"/>
        <v>5.4306527973323693</v>
      </c>
      <c r="M945">
        <f t="shared" si="122"/>
        <v>0</v>
      </c>
      <c r="N945" s="46">
        <f t="shared" si="123"/>
        <v>45329.958333331124</v>
      </c>
    </row>
    <row r="946" spans="2:14" x14ac:dyDescent="0.3">
      <c r="B946">
        <f t="shared" si="117"/>
        <v>4</v>
      </c>
      <c r="C946" s="16">
        <v>912</v>
      </c>
      <c r="D946" cm="1">
        <f t="array" ref="D946">IFERROR(INDEX(Jesper!AH$2:AH$366,ROUNDDOWN($C946/24,0)+1,1)*INDEX($D$3:$AA$30,INDEX(Jesper!$R$2:$R$366,ROW(INDEX(Jesper!AH$2:AH$366,ROUNDDOWN($C946/24,0)+1,1))-1)+IF('Standard Profiles'!$G$18=$B$10,7,0)+IF('Standard Profiles'!$G$18=$B$17,14,0)+IF('Standard Profiles'!$G$18=$B$24,21,0),MOD($C946,24)+1)/SUM(INDEX($D$3:$AA$30,INDEX(Jesper!$R$2:$R$366,ROW(INDEX(Jesper!AH$2:AH$366,ROUNDDOWN($C946/24,0)+1,1))-1)+IF('Standard Profiles'!$G$18=$B$10,7,0)+IF('Standard Profiles'!$G$18=$B$17,14,0)+IF('Standard Profiles'!$G$18=$B$24,21,0),0)),0)</f>
        <v>7.3956038095462429</v>
      </c>
      <c r="E946" cm="1">
        <f t="array" ref="E946">IFERROR(INDEX(Jesper!AI$2:AI$366,ROUNDDOWN($C946/24,0)+1,1)*INDEX($D$3:$AA$30,INDEX(Jesper!$R$2:$R$366,ROW(INDEX(Jesper!AI$2:AI$366,ROUNDDOWN($C946/24,0)+1,1))-1)+IF('Standard Profiles'!$G$19=$B$10,7,0)+IF('Standard Profiles'!$G$19=$B$17,14,0)+IF('Standard Profiles'!$G$19=$B$24,21,0),MOD($C946,24)+1)/SUM(INDEX($D$3:$AA$30,INDEX(Jesper!$R$2:$R$366,ROW(INDEX(Jesper!AI$2:AI$366,ROUNDDOWN($C946/24,0)+1,1))-1)+IF('Standard Profiles'!$G$19=$B$10,7,0)+IF('Standard Profiles'!$G$19=$B$17,14,0)+IF('Standard Profiles'!$G$19=$B$24,21,0),0)),0)</f>
        <v>0</v>
      </c>
      <c r="F946" cm="1">
        <f t="array" ref="F946">IFERROR(INDEX(Jesper!AJ$2:AJ$366,ROUNDDOWN($C946/24,0)+1,1)*INDEX($D$3:$AA$30,INDEX(Jesper!$R$2:$R$366,ROW(INDEX(Jesper!AJ$2:AJ$366,ROUNDDOWN($C946/24,0)+1,1))-1)+IF('Standard Profiles'!$G$20=$B$10,7,0)+IF('Standard Profiles'!$G$20=$B$17,14,0)+IF('Standard Profiles'!$G$20=$B$24,21,0),MOD($C946,24)+1)/SUM(INDEX($D$3:$AA$30,INDEX(Jesper!$R$2:$R$366,ROW(INDEX(Jesper!AJ$2:AJ$366,ROUNDDOWN($C946/24,0)+1,1))-1)+IF('Standard Profiles'!$G$20=$B$10,7,0)+IF('Standard Profiles'!$G$20=$B$17,14,0)+IF('Standard Profiles'!$G$20=$B$24,21,0),0)),0)</f>
        <v>0</v>
      </c>
      <c r="G946" cm="1">
        <f t="array" ref="G946">IFERROR(INDEX(Jesper!AK$2:AK$366,ROUNDDOWN($C946/24,0)+1,1)*INDEX($D$3:$AA$30,INDEX(Jesper!$R$2:$R$366,ROW(INDEX(Jesper!AK$2:AK$366,ROUNDDOWN($C946/24,0)+1,1))-1)+IF('Standard Profiles'!$G$21=$B$10,7,0)+IF('Standard Profiles'!$G$21=$B$17,14,0)+IF('Standard Profiles'!$G$21=$B$24,21,0),MOD($C946,24)+1)/SUM(INDEX($D$3:$AA$30,INDEX(Jesper!$R$2:$R$366,ROW(INDEX(Jesper!AK$2:AK$366,ROUNDDOWN($C946/24,0)+1,1))-1)+IF('Standard Profiles'!$G$21=$B$10,7,0)+IF('Standard Profiles'!$G$21=$B$17,14,0)+IF('Standard Profiles'!$G$21=$B$24,21,0),0)),0)</f>
        <v>0</v>
      </c>
      <c r="H946" cm="1">
        <f t="array" ref="H946">IFERROR(INDEX(Jesper!AL$2:AL$366,ROUNDDOWN($C946/24,0)+1,1)*INDEX($D$3:$AA$30,INDEX(Jesper!$R$2:$R$366,ROW(INDEX(Jesper!AL$2:AL$366,ROUNDDOWN($C946/24,0)+1,1))-1)+IF('Standard Profiles'!$G$22=$B$10,7,0)+IF('Standard Profiles'!$G$22=$B$17,14,0)+IF('Standard Profiles'!$G$22=$B$24,21,0),MOD($C946,24)+1)/SUM(INDEX($D$3:$AA$30,INDEX(Jesper!$R$2:$R$366,ROW(INDEX(Jesper!AL$2:AL$366,ROUNDDOWN($C946/24,0)+1,1))-1)+IF('Standard Profiles'!$G$22=$B$10,7,0)+IF('Standard Profiles'!$G$22=$B$17,14,0)+IF('Standard Profiles'!$G$22=$B$24,21,0),0)),0)</f>
        <v>0</v>
      </c>
      <c r="I946">
        <f t="shared" si="118"/>
        <v>0.22186811428638728</v>
      </c>
      <c r="J946">
        <f t="shared" si="119"/>
        <v>0.73956038095462429</v>
      </c>
      <c r="K946">
        <f t="shared" si="120"/>
        <v>1.1093405714319364</v>
      </c>
      <c r="L946">
        <f t="shared" si="121"/>
        <v>5.3248347428732945</v>
      </c>
      <c r="M946">
        <f t="shared" si="122"/>
        <v>0</v>
      </c>
      <c r="N946" s="46">
        <f t="shared" si="123"/>
        <v>45329.999999997788</v>
      </c>
    </row>
    <row r="947" spans="2:14" x14ac:dyDescent="0.3">
      <c r="B947">
        <f t="shared" si="117"/>
        <v>4</v>
      </c>
      <c r="C947" s="16">
        <v>913</v>
      </c>
      <c r="D947" cm="1">
        <f t="array" ref="D947">IFERROR(INDEX(Jesper!AH$2:AH$366,ROUNDDOWN($C947/24,0)+1,1)*INDEX($D$3:$AA$30,INDEX(Jesper!$R$2:$R$366,ROW(INDEX(Jesper!AH$2:AH$366,ROUNDDOWN($C947/24,0)+1,1))-1)+IF('Standard Profiles'!$G$18=$B$10,7,0)+IF('Standard Profiles'!$G$18=$B$17,14,0)+IF('Standard Profiles'!$G$18=$B$24,21,0),MOD($C947,24)+1)/SUM(INDEX($D$3:$AA$30,INDEX(Jesper!$R$2:$R$366,ROW(INDEX(Jesper!AH$2:AH$366,ROUNDDOWN($C947/24,0)+1,1))-1)+IF('Standard Profiles'!$G$18=$B$10,7,0)+IF('Standard Profiles'!$G$18=$B$17,14,0)+IF('Standard Profiles'!$G$18=$B$24,21,0),0)),0)</f>
        <v>7.3956038095462429</v>
      </c>
      <c r="E947" cm="1">
        <f t="array" ref="E947">IFERROR(INDEX(Jesper!AI$2:AI$366,ROUNDDOWN($C947/24,0)+1,1)*INDEX($D$3:$AA$30,INDEX(Jesper!$R$2:$R$366,ROW(INDEX(Jesper!AI$2:AI$366,ROUNDDOWN($C947/24,0)+1,1))-1)+IF('Standard Profiles'!$G$19=$B$10,7,0)+IF('Standard Profiles'!$G$19=$B$17,14,0)+IF('Standard Profiles'!$G$19=$B$24,21,0),MOD($C947,24)+1)/SUM(INDEX($D$3:$AA$30,INDEX(Jesper!$R$2:$R$366,ROW(INDEX(Jesper!AI$2:AI$366,ROUNDDOWN($C947/24,0)+1,1))-1)+IF('Standard Profiles'!$G$19=$B$10,7,0)+IF('Standard Profiles'!$G$19=$B$17,14,0)+IF('Standard Profiles'!$G$19=$B$24,21,0),0)),0)</f>
        <v>0</v>
      </c>
      <c r="F947" cm="1">
        <f t="array" ref="F947">IFERROR(INDEX(Jesper!AJ$2:AJ$366,ROUNDDOWN($C947/24,0)+1,1)*INDEX($D$3:$AA$30,INDEX(Jesper!$R$2:$R$366,ROW(INDEX(Jesper!AJ$2:AJ$366,ROUNDDOWN($C947/24,0)+1,1))-1)+IF('Standard Profiles'!$G$20=$B$10,7,0)+IF('Standard Profiles'!$G$20=$B$17,14,0)+IF('Standard Profiles'!$G$20=$B$24,21,0),MOD($C947,24)+1)/SUM(INDEX($D$3:$AA$30,INDEX(Jesper!$R$2:$R$366,ROW(INDEX(Jesper!AJ$2:AJ$366,ROUNDDOWN($C947/24,0)+1,1))-1)+IF('Standard Profiles'!$G$20=$B$10,7,0)+IF('Standard Profiles'!$G$20=$B$17,14,0)+IF('Standard Profiles'!$G$20=$B$24,21,0),0)),0)</f>
        <v>0</v>
      </c>
      <c r="G947" cm="1">
        <f t="array" ref="G947">IFERROR(INDEX(Jesper!AK$2:AK$366,ROUNDDOWN($C947/24,0)+1,1)*INDEX($D$3:$AA$30,INDEX(Jesper!$R$2:$R$366,ROW(INDEX(Jesper!AK$2:AK$366,ROUNDDOWN($C947/24,0)+1,1))-1)+IF('Standard Profiles'!$G$21=$B$10,7,0)+IF('Standard Profiles'!$G$21=$B$17,14,0)+IF('Standard Profiles'!$G$21=$B$24,21,0),MOD($C947,24)+1)/SUM(INDEX($D$3:$AA$30,INDEX(Jesper!$R$2:$R$366,ROW(INDEX(Jesper!AK$2:AK$366,ROUNDDOWN($C947/24,0)+1,1))-1)+IF('Standard Profiles'!$G$21=$B$10,7,0)+IF('Standard Profiles'!$G$21=$B$17,14,0)+IF('Standard Profiles'!$G$21=$B$24,21,0),0)),0)</f>
        <v>0</v>
      </c>
      <c r="H947" cm="1">
        <f t="array" ref="H947">IFERROR(INDEX(Jesper!AL$2:AL$366,ROUNDDOWN($C947/24,0)+1,1)*INDEX($D$3:$AA$30,INDEX(Jesper!$R$2:$R$366,ROW(INDEX(Jesper!AL$2:AL$366,ROUNDDOWN($C947/24,0)+1,1))-1)+IF('Standard Profiles'!$G$22=$B$10,7,0)+IF('Standard Profiles'!$G$22=$B$17,14,0)+IF('Standard Profiles'!$G$22=$B$24,21,0),MOD($C947,24)+1)/SUM(INDEX($D$3:$AA$30,INDEX(Jesper!$R$2:$R$366,ROW(INDEX(Jesper!AL$2:AL$366,ROUNDDOWN($C947/24,0)+1,1))-1)+IF('Standard Profiles'!$G$22=$B$10,7,0)+IF('Standard Profiles'!$G$22=$B$17,14,0)+IF('Standard Profiles'!$G$22=$B$24,21,0),0)),0)</f>
        <v>0</v>
      </c>
      <c r="I947">
        <f t="shared" si="118"/>
        <v>0.22186811428638728</v>
      </c>
      <c r="J947">
        <f t="shared" si="119"/>
        <v>0.73956038095462429</v>
      </c>
      <c r="K947">
        <f t="shared" si="120"/>
        <v>1.1093405714319364</v>
      </c>
      <c r="L947">
        <f t="shared" si="121"/>
        <v>5.3248347428732945</v>
      </c>
      <c r="M947">
        <f t="shared" si="122"/>
        <v>0</v>
      </c>
      <c r="N947" s="46">
        <f t="shared" si="123"/>
        <v>45330.041666664452</v>
      </c>
    </row>
    <row r="948" spans="2:14" x14ac:dyDescent="0.3">
      <c r="B948">
        <f t="shared" si="117"/>
        <v>4</v>
      </c>
      <c r="C948" s="16">
        <v>914</v>
      </c>
      <c r="D948" cm="1">
        <f t="array" ref="D948">IFERROR(INDEX(Jesper!AH$2:AH$366,ROUNDDOWN($C948/24,0)+1,1)*INDEX($D$3:$AA$30,INDEX(Jesper!$R$2:$R$366,ROW(INDEX(Jesper!AH$2:AH$366,ROUNDDOWN($C948/24,0)+1,1))-1)+IF('Standard Profiles'!$G$18=$B$10,7,0)+IF('Standard Profiles'!$G$18=$B$17,14,0)+IF('Standard Profiles'!$G$18=$B$24,21,0),MOD($C948,24)+1)/SUM(INDEX($D$3:$AA$30,INDEX(Jesper!$R$2:$R$366,ROW(INDEX(Jesper!AH$2:AH$366,ROUNDDOWN($C948/24,0)+1,1))-1)+IF('Standard Profiles'!$G$18=$B$10,7,0)+IF('Standard Profiles'!$G$18=$B$17,14,0)+IF('Standard Profiles'!$G$18=$B$24,21,0),0)),0)</f>
        <v>7.3956038095462429</v>
      </c>
      <c r="E948" cm="1">
        <f t="array" ref="E948">IFERROR(INDEX(Jesper!AI$2:AI$366,ROUNDDOWN($C948/24,0)+1,1)*INDEX($D$3:$AA$30,INDEX(Jesper!$R$2:$R$366,ROW(INDEX(Jesper!AI$2:AI$366,ROUNDDOWN($C948/24,0)+1,1))-1)+IF('Standard Profiles'!$G$19=$B$10,7,0)+IF('Standard Profiles'!$G$19=$B$17,14,0)+IF('Standard Profiles'!$G$19=$B$24,21,0),MOD($C948,24)+1)/SUM(INDEX($D$3:$AA$30,INDEX(Jesper!$R$2:$R$366,ROW(INDEX(Jesper!AI$2:AI$366,ROUNDDOWN($C948/24,0)+1,1))-1)+IF('Standard Profiles'!$G$19=$B$10,7,0)+IF('Standard Profiles'!$G$19=$B$17,14,0)+IF('Standard Profiles'!$G$19=$B$24,21,0),0)),0)</f>
        <v>0</v>
      </c>
      <c r="F948" cm="1">
        <f t="array" ref="F948">IFERROR(INDEX(Jesper!AJ$2:AJ$366,ROUNDDOWN($C948/24,0)+1,1)*INDEX($D$3:$AA$30,INDEX(Jesper!$R$2:$R$366,ROW(INDEX(Jesper!AJ$2:AJ$366,ROUNDDOWN($C948/24,0)+1,1))-1)+IF('Standard Profiles'!$G$20=$B$10,7,0)+IF('Standard Profiles'!$G$20=$B$17,14,0)+IF('Standard Profiles'!$G$20=$B$24,21,0),MOD($C948,24)+1)/SUM(INDEX($D$3:$AA$30,INDEX(Jesper!$R$2:$R$366,ROW(INDEX(Jesper!AJ$2:AJ$366,ROUNDDOWN($C948/24,0)+1,1))-1)+IF('Standard Profiles'!$G$20=$B$10,7,0)+IF('Standard Profiles'!$G$20=$B$17,14,0)+IF('Standard Profiles'!$G$20=$B$24,21,0),0)),0)</f>
        <v>0</v>
      </c>
      <c r="G948" cm="1">
        <f t="array" ref="G948">IFERROR(INDEX(Jesper!AK$2:AK$366,ROUNDDOWN($C948/24,0)+1,1)*INDEX($D$3:$AA$30,INDEX(Jesper!$R$2:$R$366,ROW(INDEX(Jesper!AK$2:AK$366,ROUNDDOWN($C948/24,0)+1,1))-1)+IF('Standard Profiles'!$G$21=$B$10,7,0)+IF('Standard Profiles'!$G$21=$B$17,14,0)+IF('Standard Profiles'!$G$21=$B$24,21,0),MOD($C948,24)+1)/SUM(INDEX($D$3:$AA$30,INDEX(Jesper!$R$2:$R$366,ROW(INDEX(Jesper!AK$2:AK$366,ROUNDDOWN($C948/24,0)+1,1))-1)+IF('Standard Profiles'!$G$21=$B$10,7,0)+IF('Standard Profiles'!$G$21=$B$17,14,0)+IF('Standard Profiles'!$G$21=$B$24,21,0),0)),0)</f>
        <v>0</v>
      </c>
      <c r="H948" cm="1">
        <f t="array" ref="H948">IFERROR(INDEX(Jesper!AL$2:AL$366,ROUNDDOWN($C948/24,0)+1,1)*INDEX($D$3:$AA$30,INDEX(Jesper!$R$2:$R$366,ROW(INDEX(Jesper!AL$2:AL$366,ROUNDDOWN($C948/24,0)+1,1))-1)+IF('Standard Profiles'!$G$22=$B$10,7,0)+IF('Standard Profiles'!$G$22=$B$17,14,0)+IF('Standard Profiles'!$G$22=$B$24,21,0),MOD($C948,24)+1)/SUM(INDEX($D$3:$AA$30,INDEX(Jesper!$R$2:$R$366,ROW(INDEX(Jesper!AL$2:AL$366,ROUNDDOWN($C948/24,0)+1,1))-1)+IF('Standard Profiles'!$G$22=$B$10,7,0)+IF('Standard Profiles'!$G$22=$B$17,14,0)+IF('Standard Profiles'!$G$22=$B$24,21,0),0)),0)</f>
        <v>0</v>
      </c>
      <c r="I948">
        <f t="shared" si="118"/>
        <v>0.22186811428638728</v>
      </c>
      <c r="J948">
        <f t="shared" si="119"/>
        <v>0.73956038095462429</v>
      </c>
      <c r="K948">
        <f t="shared" si="120"/>
        <v>1.1093405714319364</v>
      </c>
      <c r="L948">
        <f t="shared" si="121"/>
        <v>5.3248347428732945</v>
      </c>
      <c r="M948">
        <f t="shared" si="122"/>
        <v>0</v>
      </c>
      <c r="N948" s="46">
        <f t="shared" si="123"/>
        <v>45330.083333331117</v>
      </c>
    </row>
    <row r="949" spans="2:14" x14ac:dyDescent="0.3">
      <c r="B949">
        <f t="shared" si="117"/>
        <v>4</v>
      </c>
      <c r="C949" s="16">
        <v>915</v>
      </c>
      <c r="D949" cm="1">
        <f t="array" ref="D949">IFERROR(INDEX(Jesper!AH$2:AH$366,ROUNDDOWN($C949/24,0)+1,1)*INDEX($D$3:$AA$30,INDEX(Jesper!$R$2:$R$366,ROW(INDEX(Jesper!AH$2:AH$366,ROUNDDOWN($C949/24,0)+1,1))-1)+IF('Standard Profiles'!$G$18=$B$10,7,0)+IF('Standard Profiles'!$G$18=$B$17,14,0)+IF('Standard Profiles'!$G$18=$B$24,21,0),MOD($C949,24)+1)/SUM(INDEX($D$3:$AA$30,INDEX(Jesper!$R$2:$R$366,ROW(INDEX(Jesper!AH$2:AH$366,ROUNDDOWN($C949/24,0)+1,1))-1)+IF('Standard Profiles'!$G$18=$B$10,7,0)+IF('Standard Profiles'!$G$18=$B$17,14,0)+IF('Standard Profiles'!$G$18=$B$24,21,0),0)),0)</f>
        <v>7.3956038095462429</v>
      </c>
      <c r="E949" cm="1">
        <f t="array" ref="E949">IFERROR(INDEX(Jesper!AI$2:AI$366,ROUNDDOWN($C949/24,0)+1,1)*INDEX($D$3:$AA$30,INDEX(Jesper!$R$2:$R$366,ROW(INDEX(Jesper!AI$2:AI$366,ROUNDDOWN($C949/24,0)+1,1))-1)+IF('Standard Profiles'!$G$19=$B$10,7,0)+IF('Standard Profiles'!$G$19=$B$17,14,0)+IF('Standard Profiles'!$G$19=$B$24,21,0),MOD($C949,24)+1)/SUM(INDEX($D$3:$AA$30,INDEX(Jesper!$R$2:$R$366,ROW(INDEX(Jesper!AI$2:AI$366,ROUNDDOWN($C949/24,0)+1,1))-1)+IF('Standard Profiles'!$G$19=$B$10,7,0)+IF('Standard Profiles'!$G$19=$B$17,14,0)+IF('Standard Profiles'!$G$19=$B$24,21,0),0)),0)</f>
        <v>0</v>
      </c>
      <c r="F949" cm="1">
        <f t="array" ref="F949">IFERROR(INDEX(Jesper!AJ$2:AJ$366,ROUNDDOWN($C949/24,0)+1,1)*INDEX($D$3:$AA$30,INDEX(Jesper!$R$2:$R$366,ROW(INDEX(Jesper!AJ$2:AJ$366,ROUNDDOWN($C949/24,0)+1,1))-1)+IF('Standard Profiles'!$G$20=$B$10,7,0)+IF('Standard Profiles'!$G$20=$B$17,14,0)+IF('Standard Profiles'!$G$20=$B$24,21,0),MOD($C949,24)+1)/SUM(INDEX($D$3:$AA$30,INDEX(Jesper!$R$2:$R$366,ROW(INDEX(Jesper!AJ$2:AJ$366,ROUNDDOWN($C949/24,0)+1,1))-1)+IF('Standard Profiles'!$G$20=$B$10,7,0)+IF('Standard Profiles'!$G$20=$B$17,14,0)+IF('Standard Profiles'!$G$20=$B$24,21,0),0)),0)</f>
        <v>0</v>
      </c>
      <c r="G949" cm="1">
        <f t="array" ref="G949">IFERROR(INDEX(Jesper!AK$2:AK$366,ROUNDDOWN($C949/24,0)+1,1)*INDEX($D$3:$AA$30,INDEX(Jesper!$R$2:$R$366,ROW(INDEX(Jesper!AK$2:AK$366,ROUNDDOWN($C949/24,0)+1,1))-1)+IF('Standard Profiles'!$G$21=$B$10,7,0)+IF('Standard Profiles'!$G$21=$B$17,14,0)+IF('Standard Profiles'!$G$21=$B$24,21,0),MOD($C949,24)+1)/SUM(INDEX($D$3:$AA$30,INDEX(Jesper!$R$2:$R$366,ROW(INDEX(Jesper!AK$2:AK$366,ROUNDDOWN($C949/24,0)+1,1))-1)+IF('Standard Profiles'!$G$21=$B$10,7,0)+IF('Standard Profiles'!$G$21=$B$17,14,0)+IF('Standard Profiles'!$G$21=$B$24,21,0),0)),0)</f>
        <v>0</v>
      </c>
      <c r="H949" cm="1">
        <f t="array" ref="H949">IFERROR(INDEX(Jesper!AL$2:AL$366,ROUNDDOWN($C949/24,0)+1,1)*INDEX($D$3:$AA$30,INDEX(Jesper!$R$2:$R$366,ROW(INDEX(Jesper!AL$2:AL$366,ROUNDDOWN($C949/24,0)+1,1))-1)+IF('Standard Profiles'!$G$22=$B$10,7,0)+IF('Standard Profiles'!$G$22=$B$17,14,0)+IF('Standard Profiles'!$G$22=$B$24,21,0),MOD($C949,24)+1)/SUM(INDEX($D$3:$AA$30,INDEX(Jesper!$R$2:$R$366,ROW(INDEX(Jesper!AL$2:AL$366,ROUNDDOWN($C949/24,0)+1,1))-1)+IF('Standard Profiles'!$G$22=$B$10,7,0)+IF('Standard Profiles'!$G$22=$B$17,14,0)+IF('Standard Profiles'!$G$22=$B$24,21,0),0)),0)</f>
        <v>0</v>
      </c>
      <c r="I949">
        <f t="shared" si="118"/>
        <v>0.22186811428638728</v>
      </c>
      <c r="J949">
        <f t="shared" si="119"/>
        <v>0.73956038095462429</v>
      </c>
      <c r="K949">
        <f t="shared" si="120"/>
        <v>1.1093405714319364</v>
      </c>
      <c r="L949">
        <f t="shared" si="121"/>
        <v>5.3248347428732945</v>
      </c>
      <c r="M949">
        <f t="shared" si="122"/>
        <v>0</v>
      </c>
      <c r="N949" s="46">
        <f t="shared" si="123"/>
        <v>45330.124999997781</v>
      </c>
    </row>
    <row r="950" spans="2:14" x14ac:dyDescent="0.3">
      <c r="B950">
        <f t="shared" si="117"/>
        <v>4</v>
      </c>
      <c r="C950" s="16">
        <v>916</v>
      </c>
      <c r="D950" cm="1">
        <f t="array" ref="D950">IFERROR(INDEX(Jesper!AH$2:AH$366,ROUNDDOWN($C950/24,0)+1,1)*INDEX($D$3:$AA$30,INDEX(Jesper!$R$2:$R$366,ROW(INDEX(Jesper!AH$2:AH$366,ROUNDDOWN($C950/24,0)+1,1))-1)+IF('Standard Profiles'!$G$18=$B$10,7,0)+IF('Standard Profiles'!$G$18=$B$17,14,0)+IF('Standard Profiles'!$G$18=$B$24,21,0),MOD($C950,24)+1)/SUM(INDEX($D$3:$AA$30,INDEX(Jesper!$R$2:$R$366,ROW(INDEX(Jesper!AH$2:AH$366,ROUNDDOWN($C950/24,0)+1,1))-1)+IF('Standard Profiles'!$G$18=$B$10,7,0)+IF('Standard Profiles'!$G$18=$B$17,14,0)+IF('Standard Profiles'!$G$18=$B$24,21,0),0)),0)</f>
        <v>7.3956038095462429</v>
      </c>
      <c r="E950" cm="1">
        <f t="array" ref="E950">IFERROR(INDEX(Jesper!AI$2:AI$366,ROUNDDOWN($C950/24,0)+1,1)*INDEX($D$3:$AA$30,INDEX(Jesper!$R$2:$R$366,ROW(INDEX(Jesper!AI$2:AI$366,ROUNDDOWN($C950/24,0)+1,1))-1)+IF('Standard Profiles'!$G$19=$B$10,7,0)+IF('Standard Profiles'!$G$19=$B$17,14,0)+IF('Standard Profiles'!$G$19=$B$24,21,0),MOD($C950,24)+1)/SUM(INDEX($D$3:$AA$30,INDEX(Jesper!$R$2:$R$366,ROW(INDEX(Jesper!AI$2:AI$366,ROUNDDOWN($C950/24,0)+1,1))-1)+IF('Standard Profiles'!$G$19=$B$10,7,0)+IF('Standard Profiles'!$G$19=$B$17,14,0)+IF('Standard Profiles'!$G$19=$B$24,21,0),0)),0)</f>
        <v>0</v>
      </c>
      <c r="F950" cm="1">
        <f t="array" ref="F950">IFERROR(INDEX(Jesper!AJ$2:AJ$366,ROUNDDOWN($C950/24,0)+1,1)*INDEX($D$3:$AA$30,INDEX(Jesper!$R$2:$R$366,ROW(INDEX(Jesper!AJ$2:AJ$366,ROUNDDOWN($C950/24,0)+1,1))-1)+IF('Standard Profiles'!$G$20=$B$10,7,0)+IF('Standard Profiles'!$G$20=$B$17,14,0)+IF('Standard Profiles'!$G$20=$B$24,21,0),MOD($C950,24)+1)/SUM(INDEX($D$3:$AA$30,INDEX(Jesper!$R$2:$R$366,ROW(INDEX(Jesper!AJ$2:AJ$366,ROUNDDOWN($C950/24,0)+1,1))-1)+IF('Standard Profiles'!$G$20=$B$10,7,0)+IF('Standard Profiles'!$G$20=$B$17,14,0)+IF('Standard Profiles'!$G$20=$B$24,21,0),0)),0)</f>
        <v>0</v>
      </c>
      <c r="G950" cm="1">
        <f t="array" ref="G950">IFERROR(INDEX(Jesper!AK$2:AK$366,ROUNDDOWN($C950/24,0)+1,1)*INDEX($D$3:$AA$30,INDEX(Jesper!$R$2:$R$366,ROW(INDEX(Jesper!AK$2:AK$366,ROUNDDOWN($C950/24,0)+1,1))-1)+IF('Standard Profiles'!$G$21=$B$10,7,0)+IF('Standard Profiles'!$G$21=$B$17,14,0)+IF('Standard Profiles'!$G$21=$B$24,21,0),MOD($C950,24)+1)/SUM(INDEX($D$3:$AA$30,INDEX(Jesper!$R$2:$R$366,ROW(INDEX(Jesper!AK$2:AK$366,ROUNDDOWN($C950/24,0)+1,1))-1)+IF('Standard Profiles'!$G$21=$B$10,7,0)+IF('Standard Profiles'!$G$21=$B$17,14,0)+IF('Standard Profiles'!$G$21=$B$24,21,0),0)),0)</f>
        <v>0</v>
      </c>
      <c r="H950" cm="1">
        <f t="array" ref="H950">IFERROR(INDEX(Jesper!AL$2:AL$366,ROUNDDOWN($C950/24,0)+1,1)*INDEX($D$3:$AA$30,INDEX(Jesper!$R$2:$R$366,ROW(INDEX(Jesper!AL$2:AL$366,ROUNDDOWN($C950/24,0)+1,1))-1)+IF('Standard Profiles'!$G$22=$B$10,7,0)+IF('Standard Profiles'!$G$22=$B$17,14,0)+IF('Standard Profiles'!$G$22=$B$24,21,0),MOD($C950,24)+1)/SUM(INDEX($D$3:$AA$30,INDEX(Jesper!$R$2:$R$366,ROW(INDEX(Jesper!AL$2:AL$366,ROUNDDOWN($C950/24,0)+1,1))-1)+IF('Standard Profiles'!$G$22=$B$10,7,0)+IF('Standard Profiles'!$G$22=$B$17,14,0)+IF('Standard Profiles'!$G$22=$B$24,21,0),0)),0)</f>
        <v>0</v>
      </c>
      <c r="I950">
        <f t="shared" si="118"/>
        <v>0.22186811428638728</v>
      </c>
      <c r="J950">
        <f t="shared" si="119"/>
        <v>0.73956038095462429</v>
      </c>
      <c r="K950">
        <f t="shared" si="120"/>
        <v>1.1093405714319364</v>
      </c>
      <c r="L950">
        <f t="shared" si="121"/>
        <v>5.3248347428732945</v>
      </c>
      <c r="M950">
        <f t="shared" si="122"/>
        <v>0</v>
      </c>
      <c r="N950" s="46">
        <f t="shared" si="123"/>
        <v>45330.166666664445</v>
      </c>
    </row>
    <row r="951" spans="2:14" x14ac:dyDescent="0.3">
      <c r="B951">
        <f t="shared" si="117"/>
        <v>4</v>
      </c>
      <c r="C951" s="16">
        <v>917</v>
      </c>
      <c r="D951" cm="1">
        <f t="array" ref="D951">IFERROR(INDEX(Jesper!AH$2:AH$366,ROUNDDOWN($C951/24,0)+1,1)*INDEX($D$3:$AA$30,INDEX(Jesper!$R$2:$R$366,ROW(INDEX(Jesper!AH$2:AH$366,ROUNDDOWN($C951/24,0)+1,1))-1)+IF('Standard Profiles'!$G$18=$B$10,7,0)+IF('Standard Profiles'!$G$18=$B$17,14,0)+IF('Standard Profiles'!$G$18=$B$24,21,0),MOD($C951,24)+1)/SUM(INDEX($D$3:$AA$30,INDEX(Jesper!$R$2:$R$366,ROW(INDEX(Jesper!AH$2:AH$366,ROUNDDOWN($C951/24,0)+1,1))-1)+IF('Standard Profiles'!$G$18=$B$10,7,0)+IF('Standard Profiles'!$G$18=$B$17,14,0)+IF('Standard Profiles'!$G$18=$B$24,21,0),0)),0)</f>
        <v>9.5321115767484912</v>
      </c>
      <c r="E951" cm="1">
        <f t="array" ref="E951">IFERROR(INDEX(Jesper!AI$2:AI$366,ROUNDDOWN($C951/24,0)+1,1)*INDEX($D$3:$AA$30,INDEX(Jesper!$R$2:$R$366,ROW(INDEX(Jesper!AI$2:AI$366,ROUNDDOWN($C951/24,0)+1,1))-1)+IF('Standard Profiles'!$G$19=$B$10,7,0)+IF('Standard Profiles'!$G$19=$B$17,14,0)+IF('Standard Profiles'!$G$19=$B$24,21,0),MOD($C951,24)+1)/SUM(INDEX($D$3:$AA$30,INDEX(Jesper!$R$2:$R$366,ROW(INDEX(Jesper!AI$2:AI$366,ROUNDDOWN($C951/24,0)+1,1))-1)+IF('Standard Profiles'!$G$19=$B$10,7,0)+IF('Standard Profiles'!$G$19=$B$17,14,0)+IF('Standard Profiles'!$G$19=$B$24,21,0),0)),0)</f>
        <v>0</v>
      </c>
      <c r="F951" cm="1">
        <f t="array" ref="F951">IFERROR(INDEX(Jesper!AJ$2:AJ$366,ROUNDDOWN($C951/24,0)+1,1)*INDEX($D$3:$AA$30,INDEX(Jesper!$R$2:$R$366,ROW(INDEX(Jesper!AJ$2:AJ$366,ROUNDDOWN($C951/24,0)+1,1))-1)+IF('Standard Profiles'!$G$20=$B$10,7,0)+IF('Standard Profiles'!$G$20=$B$17,14,0)+IF('Standard Profiles'!$G$20=$B$24,21,0),MOD($C951,24)+1)/SUM(INDEX($D$3:$AA$30,INDEX(Jesper!$R$2:$R$366,ROW(INDEX(Jesper!AJ$2:AJ$366,ROUNDDOWN($C951/24,0)+1,1))-1)+IF('Standard Profiles'!$G$20=$B$10,7,0)+IF('Standard Profiles'!$G$20=$B$17,14,0)+IF('Standard Profiles'!$G$20=$B$24,21,0),0)),0)</f>
        <v>0</v>
      </c>
      <c r="G951" cm="1">
        <f t="array" ref="G951">IFERROR(INDEX(Jesper!AK$2:AK$366,ROUNDDOWN($C951/24,0)+1,1)*INDEX($D$3:$AA$30,INDEX(Jesper!$R$2:$R$366,ROW(INDEX(Jesper!AK$2:AK$366,ROUNDDOWN($C951/24,0)+1,1))-1)+IF('Standard Profiles'!$G$21=$B$10,7,0)+IF('Standard Profiles'!$G$21=$B$17,14,0)+IF('Standard Profiles'!$G$21=$B$24,21,0),MOD($C951,24)+1)/SUM(INDEX($D$3:$AA$30,INDEX(Jesper!$R$2:$R$366,ROW(INDEX(Jesper!AK$2:AK$366,ROUNDDOWN($C951/24,0)+1,1))-1)+IF('Standard Profiles'!$G$21=$B$10,7,0)+IF('Standard Profiles'!$G$21=$B$17,14,0)+IF('Standard Profiles'!$G$21=$B$24,21,0),0)),0)</f>
        <v>0</v>
      </c>
      <c r="H951" cm="1">
        <f t="array" ref="H951">IFERROR(INDEX(Jesper!AL$2:AL$366,ROUNDDOWN($C951/24,0)+1,1)*INDEX($D$3:$AA$30,INDEX(Jesper!$R$2:$R$366,ROW(INDEX(Jesper!AL$2:AL$366,ROUNDDOWN($C951/24,0)+1,1))-1)+IF('Standard Profiles'!$G$22=$B$10,7,0)+IF('Standard Profiles'!$G$22=$B$17,14,0)+IF('Standard Profiles'!$G$22=$B$24,21,0),MOD($C951,24)+1)/SUM(INDEX($D$3:$AA$30,INDEX(Jesper!$R$2:$R$366,ROW(INDEX(Jesper!AL$2:AL$366,ROUNDDOWN($C951/24,0)+1,1))-1)+IF('Standard Profiles'!$G$22=$B$10,7,0)+IF('Standard Profiles'!$G$22=$B$17,14,0)+IF('Standard Profiles'!$G$22=$B$24,21,0),0)),0)</f>
        <v>0</v>
      </c>
      <c r="I951">
        <f t="shared" si="118"/>
        <v>0.28596334730245471</v>
      </c>
      <c r="J951">
        <f t="shared" si="119"/>
        <v>0.95321115767484921</v>
      </c>
      <c r="K951">
        <f t="shared" si="120"/>
        <v>1.4298167365122736</v>
      </c>
      <c r="L951">
        <f t="shared" si="121"/>
        <v>6.8631203352589134</v>
      </c>
      <c r="M951">
        <f t="shared" si="122"/>
        <v>0</v>
      </c>
      <c r="N951" s="46">
        <f t="shared" si="123"/>
        <v>45330.208333331109</v>
      </c>
    </row>
    <row r="952" spans="2:14" x14ac:dyDescent="0.3">
      <c r="B952">
        <f t="shared" si="117"/>
        <v>4</v>
      </c>
      <c r="C952" s="16">
        <v>918</v>
      </c>
      <c r="D952" cm="1">
        <f t="array" ref="D952">IFERROR(INDEX(Jesper!AH$2:AH$366,ROUNDDOWN($C952/24,0)+1,1)*INDEX($D$3:$AA$30,INDEX(Jesper!$R$2:$R$366,ROW(INDEX(Jesper!AH$2:AH$366,ROUNDDOWN($C952/24,0)+1,1))-1)+IF('Standard Profiles'!$G$18=$B$10,7,0)+IF('Standard Profiles'!$G$18=$B$17,14,0)+IF('Standard Profiles'!$G$18=$B$24,21,0),MOD($C952,24)+1)/SUM(INDEX($D$3:$AA$30,INDEX(Jesper!$R$2:$R$366,ROW(INDEX(Jesper!AH$2:AH$366,ROUNDDOWN($C952/24,0)+1,1))-1)+IF('Standard Profiles'!$G$18=$B$10,7,0)+IF('Standard Profiles'!$G$18=$B$17,14,0)+IF('Standard Profiles'!$G$18=$B$24,21,0),0)),0)</f>
        <v>11.011232338657742</v>
      </c>
      <c r="E952" cm="1">
        <f t="array" ref="E952">IFERROR(INDEX(Jesper!AI$2:AI$366,ROUNDDOWN($C952/24,0)+1,1)*INDEX($D$3:$AA$30,INDEX(Jesper!$R$2:$R$366,ROW(INDEX(Jesper!AI$2:AI$366,ROUNDDOWN($C952/24,0)+1,1))-1)+IF('Standard Profiles'!$G$19=$B$10,7,0)+IF('Standard Profiles'!$G$19=$B$17,14,0)+IF('Standard Profiles'!$G$19=$B$24,21,0),MOD($C952,24)+1)/SUM(INDEX($D$3:$AA$30,INDEX(Jesper!$R$2:$R$366,ROW(INDEX(Jesper!AI$2:AI$366,ROUNDDOWN($C952/24,0)+1,1))-1)+IF('Standard Profiles'!$G$19=$B$10,7,0)+IF('Standard Profiles'!$G$19=$B$17,14,0)+IF('Standard Profiles'!$G$19=$B$24,21,0),0)),0)</f>
        <v>0</v>
      </c>
      <c r="F952" cm="1">
        <f t="array" ref="F952">IFERROR(INDEX(Jesper!AJ$2:AJ$366,ROUNDDOWN($C952/24,0)+1,1)*INDEX($D$3:$AA$30,INDEX(Jesper!$R$2:$R$366,ROW(INDEX(Jesper!AJ$2:AJ$366,ROUNDDOWN($C952/24,0)+1,1))-1)+IF('Standard Profiles'!$G$20=$B$10,7,0)+IF('Standard Profiles'!$G$20=$B$17,14,0)+IF('Standard Profiles'!$G$20=$B$24,21,0),MOD($C952,24)+1)/SUM(INDEX($D$3:$AA$30,INDEX(Jesper!$R$2:$R$366,ROW(INDEX(Jesper!AJ$2:AJ$366,ROUNDDOWN($C952/24,0)+1,1))-1)+IF('Standard Profiles'!$G$20=$B$10,7,0)+IF('Standard Profiles'!$G$20=$B$17,14,0)+IF('Standard Profiles'!$G$20=$B$24,21,0),0)),0)</f>
        <v>0</v>
      </c>
      <c r="G952" cm="1">
        <f t="array" ref="G952">IFERROR(INDEX(Jesper!AK$2:AK$366,ROUNDDOWN($C952/24,0)+1,1)*INDEX($D$3:$AA$30,INDEX(Jesper!$R$2:$R$366,ROW(INDEX(Jesper!AK$2:AK$366,ROUNDDOWN($C952/24,0)+1,1))-1)+IF('Standard Profiles'!$G$21=$B$10,7,0)+IF('Standard Profiles'!$G$21=$B$17,14,0)+IF('Standard Profiles'!$G$21=$B$24,21,0),MOD($C952,24)+1)/SUM(INDEX($D$3:$AA$30,INDEX(Jesper!$R$2:$R$366,ROW(INDEX(Jesper!AK$2:AK$366,ROUNDDOWN($C952/24,0)+1,1))-1)+IF('Standard Profiles'!$G$21=$B$10,7,0)+IF('Standard Profiles'!$G$21=$B$17,14,0)+IF('Standard Profiles'!$G$21=$B$24,21,0),0)),0)</f>
        <v>0</v>
      </c>
      <c r="H952" cm="1">
        <f t="array" ref="H952">IFERROR(INDEX(Jesper!AL$2:AL$366,ROUNDDOWN($C952/24,0)+1,1)*INDEX($D$3:$AA$30,INDEX(Jesper!$R$2:$R$366,ROW(INDEX(Jesper!AL$2:AL$366,ROUNDDOWN($C952/24,0)+1,1))-1)+IF('Standard Profiles'!$G$22=$B$10,7,0)+IF('Standard Profiles'!$G$22=$B$17,14,0)+IF('Standard Profiles'!$G$22=$B$24,21,0),MOD($C952,24)+1)/SUM(INDEX($D$3:$AA$30,INDEX(Jesper!$R$2:$R$366,ROW(INDEX(Jesper!AL$2:AL$366,ROUNDDOWN($C952/24,0)+1,1))-1)+IF('Standard Profiles'!$G$22=$B$10,7,0)+IF('Standard Profiles'!$G$22=$B$17,14,0)+IF('Standard Profiles'!$G$22=$B$24,21,0),0)),0)</f>
        <v>0</v>
      </c>
      <c r="I952">
        <f t="shared" si="118"/>
        <v>0.33033697015973223</v>
      </c>
      <c r="J952">
        <f t="shared" si="119"/>
        <v>1.1011232338657742</v>
      </c>
      <c r="K952">
        <f t="shared" si="120"/>
        <v>1.6516848507986612</v>
      </c>
      <c r="L952">
        <f t="shared" si="121"/>
        <v>7.9280872838335732</v>
      </c>
      <c r="M952">
        <f t="shared" si="122"/>
        <v>0</v>
      </c>
      <c r="N952" s="46">
        <f t="shared" si="123"/>
        <v>45330.249999997774</v>
      </c>
    </row>
    <row r="953" spans="2:14" x14ac:dyDescent="0.3">
      <c r="B953">
        <f t="shared" si="117"/>
        <v>4</v>
      </c>
      <c r="C953" s="16">
        <v>919</v>
      </c>
      <c r="D953" cm="1">
        <f t="array" ref="D953">IFERROR(INDEX(Jesper!AH$2:AH$366,ROUNDDOWN($C953/24,0)+1,1)*INDEX($D$3:$AA$30,INDEX(Jesper!$R$2:$R$366,ROW(INDEX(Jesper!AH$2:AH$366,ROUNDDOWN($C953/24,0)+1,1))-1)+IF('Standard Profiles'!$G$18=$B$10,7,0)+IF('Standard Profiles'!$G$18=$B$17,14,0)+IF('Standard Profiles'!$G$18=$B$24,21,0),MOD($C953,24)+1)/SUM(INDEX($D$3:$AA$30,INDEX(Jesper!$R$2:$R$366,ROW(INDEX(Jesper!AH$2:AH$366,ROUNDDOWN($C953/24,0)+1,1))-1)+IF('Standard Profiles'!$G$18=$B$10,7,0)+IF('Standard Profiles'!$G$18=$B$17,14,0)+IF('Standard Profiles'!$G$18=$B$24,21,0),0)),0)</f>
        <v>11.011232338657742</v>
      </c>
      <c r="E953" cm="1">
        <f t="array" ref="E953">IFERROR(INDEX(Jesper!AI$2:AI$366,ROUNDDOWN($C953/24,0)+1,1)*INDEX($D$3:$AA$30,INDEX(Jesper!$R$2:$R$366,ROW(INDEX(Jesper!AI$2:AI$366,ROUNDDOWN($C953/24,0)+1,1))-1)+IF('Standard Profiles'!$G$19=$B$10,7,0)+IF('Standard Profiles'!$G$19=$B$17,14,0)+IF('Standard Profiles'!$G$19=$B$24,21,0),MOD($C953,24)+1)/SUM(INDEX($D$3:$AA$30,INDEX(Jesper!$R$2:$R$366,ROW(INDEX(Jesper!AI$2:AI$366,ROUNDDOWN($C953/24,0)+1,1))-1)+IF('Standard Profiles'!$G$19=$B$10,7,0)+IF('Standard Profiles'!$G$19=$B$17,14,0)+IF('Standard Profiles'!$G$19=$B$24,21,0),0)),0)</f>
        <v>0</v>
      </c>
      <c r="F953" cm="1">
        <f t="array" ref="F953">IFERROR(INDEX(Jesper!AJ$2:AJ$366,ROUNDDOWN($C953/24,0)+1,1)*INDEX($D$3:$AA$30,INDEX(Jesper!$R$2:$R$366,ROW(INDEX(Jesper!AJ$2:AJ$366,ROUNDDOWN($C953/24,0)+1,1))-1)+IF('Standard Profiles'!$G$20=$B$10,7,0)+IF('Standard Profiles'!$G$20=$B$17,14,0)+IF('Standard Profiles'!$G$20=$B$24,21,0),MOD($C953,24)+1)/SUM(INDEX($D$3:$AA$30,INDEX(Jesper!$R$2:$R$366,ROW(INDEX(Jesper!AJ$2:AJ$366,ROUNDDOWN($C953/24,0)+1,1))-1)+IF('Standard Profiles'!$G$20=$B$10,7,0)+IF('Standard Profiles'!$G$20=$B$17,14,0)+IF('Standard Profiles'!$G$20=$B$24,21,0),0)),0)</f>
        <v>0</v>
      </c>
      <c r="G953" cm="1">
        <f t="array" ref="G953">IFERROR(INDEX(Jesper!AK$2:AK$366,ROUNDDOWN($C953/24,0)+1,1)*INDEX($D$3:$AA$30,INDEX(Jesper!$R$2:$R$366,ROW(INDEX(Jesper!AK$2:AK$366,ROUNDDOWN($C953/24,0)+1,1))-1)+IF('Standard Profiles'!$G$21=$B$10,7,0)+IF('Standard Profiles'!$G$21=$B$17,14,0)+IF('Standard Profiles'!$G$21=$B$24,21,0),MOD($C953,24)+1)/SUM(INDEX($D$3:$AA$30,INDEX(Jesper!$R$2:$R$366,ROW(INDEX(Jesper!AK$2:AK$366,ROUNDDOWN($C953/24,0)+1,1))-1)+IF('Standard Profiles'!$G$21=$B$10,7,0)+IF('Standard Profiles'!$G$21=$B$17,14,0)+IF('Standard Profiles'!$G$21=$B$24,21,0),0)),0)</f>
        <v>0</v>
      </c>
      <c r="H953" cm="1">
        <f t="array" ref="H953">IFERROR(INDEX(Jesper!AL$2:AL$366,ROUNDDOWN($C953/24,0)+1,1)*INDEX($D$3:$AA$30,INDEX(Jesper!$R$2:$R$366,ROW(INDEX(Jesper!AL$2:AL$366,ROUNDDOWN($C953/24,0)+1,1))-1)+IF('Standard Profiles'!$G$22=$B$10,7,0)+IF('Standard Profiles'!$G$22=$B$17,14,0)+IF('Standard Profiles'!$G$22=$B$24,21,0),MOD($C953,24)+1)/SUM(INDEX($D$3:$AA$30,INDEX(Jesper!$R$2:$R$366,ROW(INDEX(Jesper!AL$2:AL$366,ROUNDDOWN($C953/24,0)+1,1))-1)+IF('Standard Profiles'!$G$22=$B$10,7,0)+IF('Standard Profiles'!$G$22=$B$17,14,0)+IF('Standard Profiles'!$G$22=$B$24,21,0),0)),0)</f>
        <v>0</v>
      </c>
      <c r="I953">
        <f t="shared" si="118"/>
        <v>0.33033697015973223</v>
      </c>
      <c r="J953">
        <f t="shared" si="119"/>
        <v>1.1011232338657742</v>
      </c>
      <c r="K953">
        <f t="shared" si="120"/>
        <v>1.6516848507986612</v>
      </c>
      <c r="L953">
        <f t="shared" si="121"/>
        <v>7.9280872838335732</v>
      </c>
      <c r="M953">
        <f t="shared" si="122"/>
        <v>0</v>
      </c>
      <c r="N953" s="46">
        <f t="shared" si="123"/>
        <v>45330.291666664438</v>
      </c>
    </row>
    <row r="954" spans="2:14" x14ac:dyDescent="0.3">
      <c r="B954">
        <f t="shared" si="117"/>
        <v>4</v>
      </c>
      <c r="C954" s="16">
        <v>920</v>
      </c>
      <c r="D954" cm="1">
        <f t="array" ref="D954">IFERROR(INDEX(Jesper!AH$2:AH$366,ROUNDDOWN($C954/24,0)+1,1)*INDEX($D$3:$AA$30,INDEX(Jesper!$R$2:$R$366,ROW(INDEX(Jesper!AH$2:AH$366,ROUNDDOWN($C954/24,0)+1,1))-1)+IF('Standard Profiles'!$G$18=$B$10,7,0)+IF('Standard Profiles'!$G$18=$B$17,14,0)+IF('Standard Profiles'!$G$18=$B$24,21,0),MOD($C954,24)+1)/SUM(INDEX($D$3:$AA$30,INDEX(Jesper!$R$2:$R$366,ROW(INDEX(Jesper!AH$2:AH$366,ROUNDDOWN($C954/24,0)+1,1))-1)+IF('Standard Profiles'!$G$18=$B$10,7,0)+IF('Standard Profiles'!$G$18=$B$17,14,0)+IF('Standard Profiles'!$G$18=$B$24,21,0),0)),0)</f>
        <v>11.011232338657742</v>
      </c>
      <c r="E954" cm="1">
        <f t="array" ref="E954">IFERROR(INDEX(Jesper!AI$2:AI$366,ROUNDDOWN($C954/24,0)+1,1)*INDEX($D$3:$AA$30,INDEX(Jesper!$R$2:$R$366,ROW(INDEX(Jesper!AI$2:AI$366,ROUNDDOWN($C954/24,0)+1,1))-1)+IF('Standard Profiles'!$G$19=$B$10,7,0)+IF('Standard Profiles'!$G$19=$B$17,14,0)+IF('Standard Profiles'!$G$19=$B$24,21,0),MOD($C954,24)+1)/SUM(INDEX($D$3:$AA$30,INDEX(Jesper!$R$2:$R$366,ROW(INDEX(Jesper!AI$2:AI$366,ROUNDDOWN($C954/24,0)+1,1))-1)+IF('Standard Profiles'!$G$19=$B$10,7,0)+IF('Standard Profiles'!$G$19=$B$17,14,0)+IF('Standard Profiles'!$G$19=$B$24,21,0),0)),0)</f>
        <v>0</v>
      </c>
      <c r="F954" cm="1">
        <f t="array" ref="F954">IFERROR(INDEX(Jesper!AJ$2:AJ$366,ROUNDDOWN($C954/24,0)+1,1)*INDEX($D$3:$AA$30,INDEX(Jesper!$R$2:$R$366,ROW(INDEX(Jesper!AJ$2:AJ$366,ROUNDDOWN($C954/24,0)+1,1))-1)+IF('Standard Profiles'!$G$20=$B$10,7,0)+IF('Standard Profiles'!$G$20=$B$17,14,0)+IF('Standard Profiles'!$G$20=$B$24,21,0),MOD($C954,24)+1)/SUM(INDEX($D$3:$AA$30,INDEX(Jesper!$R$2:$R$366,ROW(INDEX(Jesper!AJ$2:AJ$366,ROUNDDOWN($C954/24,0)+1,1))-1)+IF('Standard Profiles'!$G$20=$B$10,7,0)+IF('Standard Profiles'!$G$20=$B$17,14,0)+IF('Standard Profiles'!$G$20=$B$24,21,0),0)),0)</f>
        <v>0</v>
      </c>
      <c r="G954" cm="1">
        <f t="array" ref="G954">IFERROR(INDEX(Jesper!AK$2:AK$366,ROUNDDOWN($C954/24,0)+1,1)*INDEX($D$3:$AA$30,INDEX(Jesper!$R$2:$R$366,ROW(INDEX(Jesper!AK$2:AK$366,ROUNDDOWN($C954/24,0)+1,1))-1)+IF('Standard Profiles'!$G$21=$B$10,7,0)+IF('Standard Profiles'!$G$21=$B$17,14,0)+IF('Standard Profiles'!$G$21=$B$24,21,0),MOD($C954,24)+1)/SUM(INDEX($D$3:$AA$30,INDEX(Jesper!$R$2:$R$366,ROW(INDEX(Jesper!AK$2:AK$366,ROUNDDOWN($C954/24,0)+1,1))-1)+IF('Standard Profiles'!$G$21=$B$10,7,0)+IF('Standard Profiles'!$G$21=$B$17,14,0)+IF('Standard Profiles'!$G$21=$B$24,21,0),0)),0)</f>
        <v>0</v>
      </c>
      <c r="H954" cm="1">
        <f t="array" ref="H954">IFERROR(INDEX(Jesper!AL$2:AL$366,ROUNDDOWN($C954/24,0)+1,1)*INDEX($D$3:$AA$30,INDEX(Jesper!$R$2:$R$366,ROW(INDEX(Jesper!AL$2:AL$366,ROUNDDOWN($C954/24,0)+1,1))-1)+IF('Standard Profiles'!$G$22=$B$10,7,0)+IF('Standard Profiles'!$G$22=$B$17,14,0)+IF('Standard Profiles'!$G$22=$B$24,21,0),MOD($C954,24)+1)/SUM(INDEX($D$3:$AA$30,INDEX(Jesper!$R$2:$R$366,ROW(INDEX(Jesper!AL$2:AL$366,ROUNDDOWN($C954/24,0)+1,1))-1)+IF('Standard Profiles'!$G$22=$B$10,7,0)+IF('Standard Profiles'!$G$22=$B$17,14,0)+IF('Standard Profiles'!$G$22=$B$24,21,0),0)),0)</f>
        <v>0</v>
      </c>
      <c r="I954">
        <f t="shared" si="118"/>
        <v>0.33033697015973223</v>
      </c>
      <c r="J954">
        <f t="shared" si="119"/>
        <v>1.1011232338657742</v>
      </c>
      <c r="K954">
        <f t="shared" si="120"/>
        <v>1.6516848507986612</v>
      </c>
      <c r="L954">
        <f t="shared" si="121"/>
        <v>7.9280872838335732</v>
      </c>
      <c r="M954">
        <f t="shared" si="122"/>
        <v>0</v>
      </c>
      <c r="N954" s="46">
        <f t="shared" si="123"/>
        <v>45330.333333331102</v>
      </c>
    </row>
    <row r="955" spans="2:14" x14ac:dyDescent="0.3">
      <c r="B955">
        <f t="shared" si="117"/>
        <v>4</v>
      </c>
      <c r="C955" s="16">
        <v>921</v>
      </c>
      <c r="D955" cm="1">
        <f t="array" ref="D955">IFERROR(INDEX(Jesper!AH$2:AH$366,ROUNDDOWN($C955/24,0)+1,1)*INDEX($D$3:$AA$30,INDEX(Jesper!$R$2:$R$366,ROW(INDEX(Jesper!AH$2:AH$366,ROUNDDOWN($C955/24,0)+1,1))-1)+IF('Standard Profiles'!$G$18=$B$10,7,0)+IF('Standard Profiles'!$G$18=$B$17,14,0)+IF('Standard Profiles'!$G$18=$B$24,21,0),MOD($C955,24)+1)/SUM(INDEX($D$3:$AA$30,INDEX(Jesper!$R$2:$R$366,ROW(INDEX(Jesper!AH$2:AH$366,ROUNDDOWN($C955/24,0)+1,1))-1)+IF('Standard Profiles'!$G$18=$B$10,7,0)+IF('Standard Profiles'!$G$18=$B$17,14,0)+IF('Standard Profiles'!$G$18=$B$24,21,0),0)),0)</f>
        <v>11.83296609527399</v>
      </c>
      <c r="E955" cm="1">
        <f t="array" ref="E955">IFERROR(INDEX(Jesper!AI$2:AI$366,ROUNDDOWN($C955/24,0)+1,1)*INDEX($D$3:$AA$30,INDEX(Jesper!$R$2:$R$366,ROW(INDEX(Jesper!AI$2:AI$366,ROUNDDOWN($C955/24,0)+1,1))-1)+IF('Standard Profiles'!$G$19=$B$10,7,0)+IF('Standard Profiles'!$G$19=$B$17,14,0)+IF('Standard Profiles'!$G$19=$B$24,21,0),MOD($C955,24)+1)/SUM(INDEX($D$3:$AA$30,INDEX(Jesper!$R$2:$R$366,ROW(INDEX(Jesper!AI$2:AI$366,ROUNDDOWN($C955/24,0)+1,1))-1)+IF('Standard Profiles'!$G$19=$B$10,7,0)+IF('Standard Profiles'!$G$19=$B$17,14,0)+IF('Standard Profiles'!$G$19=$B$24,21,0),0)),0)</f>
        <v>0</v>
      </c>
      <c r="F955" cm="1">
        <f t="array" ref="F955">IFERROR(INDEX(Jesper!AJ$2:AJ$366,ROUNDDOWN($C955/24,0)+1,1)*INDEX($D$3:$AA$30,INDEX(Jesper!$R$2:$R$366,ROW(INDEX(Jesper!AJ$2:AJ$366,ROUNDDOWN($C955/24,0)+1,1))-1)+IF('Standard Profiles'!$G$20=$B$10,7,0)+IF('Standard Profiles'!$G$20=$B$17,14,0)+IF('Standard Profiles'!$G$20=$B$24,21,0),MOD($C955,24)+1)/SUM(INDEX($D$3:$AA$30,INDEX(Jesper!$R$2:$R$366,ROW(INDEX(Jesper!AJ$2:AJ$366,ROUNDDOWN($C955/24,0)+1,1))-1)+IF('Standard Profiles'!$G$20=$B$10,7,0)+IF('Standard Profiles'!$G$20=$B$17,14,0)+IF('Standard Profiles'!$G$20=$B$24,21,0),0)),0)</f>
        <v>0</v>
      </c>
      <c r="G955" cm="1">
        <f t="array" ref="G955">IFERROR(INDEX(Jesper!AK$2:AK$366,ROUNDDOWN($C955/24,0)+1,1)*INDEX($D$3:$AA$30,INDEX(Jesper!$R$2:$R$366,ROW(INDEX(Jesper!AK$2:AK$366,ROUNDDOWN($C955/24,0)+1,1))-1)+IF('Standard Profiles'!$G$21=$B$10,7,0)+IF('Standard Profiles'!$G$21=$B$17,14,0)+IF('Standard Profiles'!$G$21=$B$24,21,0),MOD($C955,24)+1)/SUM(INDEX($D$3:$AA$30,INDEX(Jesper!$R$2:$R$366,ROW(INDEX(Jesper!AK$2:AK$366,ROUNDDOWN($C955/24,0)+1,1))-1)+IF('Standard Profiles'!$G$21=$B$10,7,0)+IF('Standard Profiles'!$G$21=$B$17,14,0)+IF('Standard Profiles'!$G$21=$B$24,21,0),0)),0)</f>
        <v>0</v>
      </c>
      <c r="H955" cm="1">
        <f t="array" ref="H955">IFERROR(INDEX(Jesper!AL$2:AL$366,ROUNDDOWN($C955/24,0)+1,1)*INDEX($D$3:$AA$30,INDEX(Jesper!$R$2:$R$366,ROW(INDEX(Jesper!AL$2:AL$366,ROUNDDOWN($C955/24,0)+1,1))-1)+IF('Standard Profiles'!$G$22=$B$10,7,0)+IF('Standard Profiles'!$G$22=$B$17,14,0)+IF('Standard Profiles'!$G$22=$B$24,21,0),MOD($C955,24)+1)/SUM(INDEX($D$3:$AA$30,INDEX(Jesper!$R$2:$R$366,ROW(INDEX(Jesper!AL$2:AL$366,ROUNDDOWN($C955/24,0)+1,1))-1)+IF('Standard Profiles'!$G$22=$B$10,7,0)+IF('Standard Profiles'!$G$22=$B$17,14,0)+IF('Standard Profiles'!$G$22=$B$24,21,0),0)),0)</f>
        <v>0</v>
      </c>
      <c r="I955">
        <f t="shared" si="118"/>
        <v>0.35498898285821967</v>
      </c>
      <c r="J955">
        <f t="shared" si="119"/>
        <v>1.1832966095273991</v>
      </c>
      <c r="K955">
        <f t="shared" si="120"/>
        <v>1.7749449142910985</v>
      </c>
      <c r="L955">
        <f t="shared" si="121"/>
        <v>8.519735588597273</v>
      </c>
      <c r="M955">
        <f t="shared" si="122"/>
        <v>0</v>
      </c>
      <c r="N955" s="46">
        <f t="shared" si="123"/>
        <v>45330.374999997766</v>
      </c>
    </row>
    <row r="956" spans="2:14" x14ac:dyDescent="0.3">
      <c r="B956">
        <f t="shared" si="117"/>
        <v>4</v>
      </c>
      <c r="C956" s="16">
        <v>922</v>
      </c>
      <c r="D956" cm="1">
        <f t="array" ref="D956">IFERROR(INDEX(Jesper!AH$2:AH$366,ROUNDDOWN($C956/24,0)+1,1)*INDEX($D$3:$AA$30,INDEX(Jesper!$R$2:$R$366,ROW(INDEX(Jesper!AH$2:AH$366,ROUNDDOWN($C956/24,0)+1,1))-1)+IF('Standard Profiles'!$G$18=$B$10,7,0)+IF('Standard Profiles'!$G$18=$B$17,14,0)+IF('Standard Profiles'!$G$18=$B$24,21,0),MOD($C956,24)+1)/SUM(INDEX($D$3:$AA$30,INDEX(Jesper!$R$2:$R$366,ROW(INDEX(Jesper!AH$2:AH$366,ROUNDDOWN($C956/24,0)+1,1))-1)+IF('Standard Profiles'!$G$18=$B$10,7,0)+IF('Standard Profiles'!$G$18=$B$17,14,0)+IF('Standard Profiles'!$G$18=$B$24,21,0),0)),0)</f>
        <v>12.81904660321349</v>
      </c>
      <c r="E956" cm="1">
        <f t="array" ref="E956">IFERROR(INDEX(Jesper!AI$2:AI$366,ROUNDDOWN($C956/24,0)+1,1)*INDEX($D$3:$AA$30,INDEX(Jesper!$R$2:$R$366,ROW(INDEX(Jesper!AI$2:AI$366,ROUNDDOWN($C956/24,0)+1,1))-1)+IF('Standard Profiles'!$G$19=$B$10,7,0)+IF('Standard Profiles'!$G$19=$B$17,14,0)+IF('Standard Profiles'!$G$19=$B$24,21,0),MOD($C956,24)+1)/SUM(INDEX($D$3:$AA$30,INDEX(Jesper!$R$2:$R$366,ROW(INDEX(Jesper!AI$2:AI$366,ROUNDDOWN($C956/24,0)+1,1))-1)+IF('Standard Profiles'!$G$19=$B$10,7,0)+IF('Standard Profiles'!$G$19=$B$17,14,0)+IF('Standard Profiles'!$G$19=$B$24,21,0),0)),0)</f>
        <v>0</v>
      </c>
      <c r="F956" cm="1">
        <f t="array" ref="F956">IFERROR(INDEX(Jesper!AJ$2:AJ$366,ROUNDDOWN($C956/24,0)+1,1)*INDEX($D$3:$AA$30,INDEX(Jesper!$R$2:$R$366,ROW(INDEX(Jesper!AJ$2:AJ$366,ROUNDDOWN($C956/24,0)+1,1))-1)+IF('Standard Profiles'!$G$20=$B$10,7,0)+IF('Standard Profiles'!$G$20=$B$17,14,0)+IF('Standard Profiles'!$G$20=$B$24,21,0),MOD($C956,24)+1)/SUM(INDEX($D$3:$AA$30,INDEX(Jesper!$R$2:$R$366,ROW(INDEX(Jesper!AJ$2:AJ$366,ROUNDDOWN($C956/24,0)+1,1))-1)+IF('Standard Profiles'!$G$20=$B$10,7,0)+IF('Standard Profiles'!$G$20=$B$17,14,0)+IF('Standard Profiles'!$G$20=$B$24,21,0),0)),0)</f>
        <v>0</v>
      </c>
      <c r="G956" cm="1">
        <f t="array" ref="G956">IFERROR(INDEX(Jesper!AK$2:AK$366,ROUNDDOWN($C956/24,0)+1,1)*INDEX($D$3:$AA$30,INDEX(Jesper!$R$2:$R$366,ROW(INDEX(Jesper!AK$2:AK$366,ROUNDDOWN($C956/24,0)+1,1))-1)+IF('Standard Profiles'!$G$21=$B$10,7,0)+IF('Standard Profiles'!$G$21=$B$17,14,0)+IF('Standard Profiles'!$G$21=$B$24,21,0),MOD($C956,24)+1)/SUM(INDEX($D$3:$AA$30,INDEX(Jesper!$R$2:$R$366,ROW(INDEX(Jesper!AK$2:AK$366,ROUNDDOWN($C956/24,0)+1,1))-1)+IF('Standard Profiles'!$G$21=$B$10,7,0)+IF('Standard Profiles'!$G$21=$B$17,14,0)+IF('Standard Profiles'!$G$21=$B$24,21,0),0)),0)</f>
        <v>0</v>
      </c>
      <c r="H956" cm="1">
        <f t="array" ref="H956">IFERROR(INDEX(Jesper!AL$2:AL$366,ROUNDDOWN($C956/24,0)+1,1)*INDEX($D$3:$AA$30,INDEX(Jesper!$R$2:$R$366,ROW(INDEX(Jesper!AL$2:AL$366,ROUNDDOWN($C956/24,0)+1,1))-1)+IF('Standard Profiles'!$G$22=$B$10,7,0)+IF('Standard Profiles'!$G$22=$B$17,14,0)+IF('Standard Profiles'!$G$22=$B$24,21,0),MOD($C956,24)+1)/SUM(INDEX($D$3:$AA$30,INDEX(Jesper!$R$2:$R$366,ROW(INDEX(Jesper!AL$2:AL$366,ROUNDDOWN($C956/24,0)+1,1))-1)+IF('Standard Profiles'!$G$22=$B$10,7,0)+IF('Standard Profiles'!$G$22=$B$17,14,0)+IF('Standard Profiles'!$G$22=$B$24,21,0),0)),0)</f>
        <v>0</v>
      </c>
      <c r="I956">
        <f t="shared" si="118"/>
        <v>0.38457139809640467</v>
      </c>
      <c r="J956">
        <f t="shared" si="119"/>
        <v>1.2819046603213491</v>
      </c>
      <c r="K956">
        <f t="shared" si="120"/>
        <v>1.9228569904820234</v>
      </c>
      <c r="L956">
        <f t="shared" si="121"/>
        <v>9.2297135543137117</v>
      </c>
      <c r="M956">
        <f t="shared" si="122"/>
        <v>0</v>
      </c>
      <c r="N956" s="46">
        <f t="shared" si="123"/>
        <v>45330.416666664431</v>
      </c>
    </row>
    <row r="957" spans="2:14" x14ac:dyDescent="0.3">
      <c r="B957">
        <f t="shared" si="117"/>
        <v>4</v>
      </c>
      <c r="C957" s="16">
        <v>923</v>
      </c>
      <c r="D957" cm="1">
        <f t="array" ref="D957">IFERROR(INDEX(Jesper!AH$2:AH$366,ROUNDDOWN($C957/24,0)+1,1)*INDEX($D$3:$AA$30,INDEX(Jesper!$R$2:$R$366,ROW(INDEX(Jesper!AH$2:AH$366,ROUNDDOWN($C957/24,0)+1,1))-1)+IF('Standard Profiles'!$G$18=$B$10,7,0)+IF('Standard Profiles'!$G$18=$B$17,14,0)+IF('Standard Profiles'!$G$18=$B$24,21,0),MOD($C957,24)+1)/SUM(INDEX($D$3:$AA$30,INDEX(Jesper!$R$2:$R$366,ROW(INDEX(Jesper!AH$2:AH$366,ROUNDDOWN($C957/24,0)+1,1))-1)+IF('Standard Profiles'!$G$18=$B$10,7,0)+IF('Standard Profiles'!$G$18=$B$17,14,0)+IF('Standard Profiles'!$G$18=$B$24,21,0),0)),0)</f>
        <v>14.791207619092486</v>
      </c>
      <c r="E957" cm="1">
        <f t="array" ref="E957">IFERROR(INDEX(Jesper!AI$2:AI$366,ROUNDDOWN($C957/24,0)+1,1)*INDEX($D$3:$AA$30,INDEX(Jesper!$R$2:$R$366,ROW(INDEX(Jesper!AI$2:AI$366,ROUNDDOWN($C957/24,0)+1,1))-1)+IF('Standard Profiles'!$G$19=$B$10,7,0)+IF('Standard Profiles'!$G$19=$B$17,14,0)+IF('Standard Profiles'!$G$19=$B$24,21,0),MOD($C957,24)+1)/SUM(INDEX($D$3:$AA$30,INDEX(Jesper!$R$2:$R$366,ROW(INDEX(Jesper!AI$2:AI$366,ROUNDDOWN($C957/24,0)+1,1))-1)+IF('Standard Profiles'!$G$19=$B$10,7,0)+IF('Standard Profiles'!$G$19=$B$17,14,0)+IF('Standard Profiles'!$G$19=$B$24,21,0),0)),0)</f>
        <v>0</v>
      </c>
      <c r="F957" cm="1">
        <f t="array" ref="F957">IFERROR(INDEX(Jesper!AJ$2:AJ$366,ROUNDDOWN($C957/24,0)+1,1)*INDEX($D$3:$AA$30,INDEX(Jesper!$R$2:$R$366,ROW(INDEX(Jesper!AJ$2:AJ$366,ROUNDDOWN($C957/24,0)+1,1))-1)+IF('Standard Profiles'!$G$20=$B$10,7,0)+IF('Standard Profiles'!$G$20=$B$17,14,0)+IF('Standard Profiles'!$G$20=$B$24,21,0),MOD($C957,24)+1)/SUM(INDEX($D$3:$AA$30,INDEX(Jesper!$R$2:$R$366,ROW(INDEX(Jesper!AJ$2:AJ$366,ROUNDDOWN($C957/24,0)+1,1))-1)+IF('Standard Profiles'!$G$20=$B$10,7,0)+IF('Standard Profiles'!$G$20=$B$17,14,0)+IF('Standard Profiles'!$G$20=$B$24,21,0),0)),0)</f>
        <v>0</v>
      </c>
      <c r="G957" cm="1">
        <f t="array" ref="G957">IFERROR(INDEX(Jesper!AK$2:AK$366,ROUNDDOWN($C957/24,0)+1,1)*INDEX($D$3:$AA$30,INDEX(Jesper!$R$2:$R$366,ROW(INDEX(Jesper!AK$2:AK$366,ROUNDDOWN($C957/24,0)+1,1))-1)+IF('Standard Profiles'!$G$21=$B$10,7,0)+IF('Standard Profiles'!$G$21=$B$17,14,0)+IF('Standard Profiles'!$G$21=$B$24,21,0),MOD($C957,24)+1)/SUM(INDEX($D$3:$AA$30,INDEX(Jesper!$R$2:$R$366,ROW(INDEX(Jesper!AK$2:AK$366,ROUNDDOWN($C957/24,0)+1,1))-1)+IF('Standard Profiles'!$G$21=$B$10,7,0)+IF('Standard Profiles'!$G$21=$B$17,14,0)+IF('Standard Profiles'!$G$21=$B$24,21,0),0)),0)</f>
        <v>0</v>
      </c>
      <c r="H957" cm="1">
        <f t="array" ref="H957">IFERROR(INDEX(Jesper!AL$2:AL$366,ROUNDDOWN($C957/24,0)+1,1)*INDEX($D$3:$AA$30,INDEX(Jesper!$R$2:$R$366,ROW(INDEX(Jesper!AL$2:AL$366,ROUNDDOWN($C957/24,0)+1,1))-1)+IF('Standard Profiles'!$G$22=$B$10,7,0)+IF('Standard Profiles'!$G$22=$B$17,14,0)+IF('Standard Profiles'!$G$22=$B$24,21,0),MOD($C957,24)+1)/SUM(INDEX($D$3:$AA$30,INDEX(Jesper!$R$2:$R$366,ROW(INDEX(Jesper!AL$2:AL$366,ROUNDDOWN($C957/24,0)+1,1))-1)+IF('Standard Profiles'!$G$22=$B$10,7,0)+IF('Standard Profiles'!$G$22=$B$17,14,0)+IF('Standard Profiles'!$G$22=$B$24,21,0),0)),0)</f>
        <v>0</v>
      </c>
      <c r="I957">
        <f t="shared" si="118"/>
        <v>0.44373622857277456</v>
      </c>
      <c r="J957">
        <f t="shared" si="119"/>
        <v>1.4791207619092486</v>
      </c>
      <c r="K957">
        <f t="shared" si="120"/>
        <v>2.2186811428638729</v>
      </c>
      <c r="L957">
        <f t="shared" si="121"/>
        <v>10.649669485746589</v>
      </c>
      <c r="M957">
        <f t="shared" si="122"/>
        <v>0</v>
      </c>
      <c r="N957" s="46">
        <f t="shared" si="123"/>
        <v>45330.458333331095</v>
      </c>
    </row>
    <row r="958" spans="2:14" x14ac:dyDescent="0.3">
      <c r="B958">
        <f t="shared" si="117"/>
        <v>4</v>
      </c>
      <c r="C958" s="16">
        <v>924</v>
      </c>
      <c r="D958" cm="1">
        <f t="array" ref="D958">IFERROR(INDEX(Jesper!AH$2:AH$366,ROUNDDOWN($C958/24,0)+1,1)*INDEX($D$3:$AA$30,INDEX(Jesper!$R$2:$R$366,ROW(INDEX(Jesper!AH$2:AH$366,ROUNDDOWN($C958/24,0)+1,1))-1)+IF('Standard Profiles'!$G$18=$B$10,7,0)+IF('Standard Profiles'!$G$18=$B$17,14,0)+IF('Standard Profiles'!$G$18=$B$24,21,0),MOD($C958,24)+1)/SUM(INDEX($D$3:$AA$30,INDEX(Jesper!$R$2:$R$366,ROW(INDEX(Jesper!AH$2:AH$366,ROUNDDOWN($C958/24,0)+1,1))-1)+IF('Standard Profiles'!$G$18=$B$10,7,0)+IF('Standard Profiles'!$G$18=$B$17,14,0)+IF('Standard Profiles'!$G$18=$B$24,21,0),0)),0)</f>
        <v>14.791207619092486</v>
      </c>
      <c r="E958" cm="1">
        <f t="array" ref="E958">IFERROR(INDEX(Jesper!AI$2:AI$366,ROUNDDOWN($C958/24,0)+1,1)*INDEX($D$3:$AA$30,INDEX(Jesper!$R$2:$R$366,ROW(INDEX(Jesper!AI$2:AI$366,ROUNDDOWN($C958/24,0)+1,1))-1)+IF('Standard Profiles'!$G$19=$B$10,7,0)+IF('Standard Profiles'!$G$19=$B$17,14,0)+IF('Standard Profiles'!$G$19=$B$24,21,0),MOD($C958,24)+1)/SUM(INDEX($D$3:$AA$30,INDEX(Jesper!$R$2:$R$366,ROW(INDEX(Jesper!AI$2:AI$366,ROUNDDOWN($C958/24,0)+1,1))-1)+IF('Standard Profiles'!$G$19=$B$10,7,0)+IF('Standard Profiles'!$G$19=$B$17,14,0)+IF('Standard Profiles'!$G$19=$B$24,21,0),0)),0)</f>
        <v>0</v>
      </c>
      <c r="F958" cm="1">
        <f t="array" ref="F958">IFERROR(INDEX(Jesper!AJ$2:AJ$366,ROUNDDOWN($C958/24,0)+1,1)*INDEX($D$3:$AA$30,INDEX(Jesper!$R$2:$R$366,ROW(INDEX(Jesper!AJ$2:AJ$366,ROUNDDOWN($C958/24,0)+1,1))-1)+IF('Standard Profiles'!$G$20=$B$10,7,0)+IF('Standard Profiles'!$G$20=$B$17,14,0)+IF('Standard Profiles'!$G$20=$B$24,21,0),MOD($C958,24)+1)/SUM(INDEX($D$3:$AA$30,INDEX(Jesper!$R$2:$R$366,ROW(INDEX(Jesper!AJ$2:AJ$366,ROUNDDOWN($C958/24,0)+1,1))-1)+IF('Standard Profiles'!$G$20=$B$10,7,0)+IF('Standard Profiles'!$G$20=$B$17,14,0)+IF('Standard Profiles'!$G$20=$B$24,21,0),0)),0)</f>
        <v>0</v>
      </c>
      <c r="G958" cm="1">
        <f t="array" ref="G958">IFERROR(INDEX(Jesper!AK$2:AK$366,ROUNDDOWN($C958/24,0)+1,1)*INDEX($D$3:$AA$30,INDEX(Jesper!$R$2:$R$366,ROW(INDEX(Jesper!AK$2:AK$366,ROUNDDOWN($C958/24,0)+1,1))-1)+IF('Standard Profiles'!$G$21=$B$10,7,0)+IF('Standard Profiles'!$G$21=$B$17,14,0)+IF('Standard Profiles'!$G$21=$B$24,21,0),MOD($C958,24)+1)/SUM(INDEX($D$3:$AA$30,INDEX(Jesper!$R$2:$R$366,ROW(INDEX(Jesper!AK$2:AK$366,ROUNDDOWN($C958/24,0)+1,1))-1)+IF('Standard Profiles'!$G$21=$B$10,7,0)+IF('Standard Profiles'!$G$21=$B$17,14,0)+IF('Standard Profiles'!$G$21=$B$24,21,0),0)),0)</f>
        <v>0</v>
      </c>
      <c r="H958" cm="1">
        <f t="array" ref="H958">IFERROR(INDEX(Jesper!AL$2:AL$366,ROUNDDOWN($C958/24,0)+1,1)*INDEX($D$3:$AA$30,INDEX(Jesper!$R$2:$R$366,ROW(INDEX(Jesper!AL$2:AL$366,ROUNDDOWN($C958/24,0)+1,1))-1)+IF('Standard Profiles'!$G$22=$B$10,7,0)+IF('Standard Profiles'!$G$22=$B$17,14,0)+IF('Standard Profiles'!$G$22=$B$24,21,0),MOD($C958,24)+1)/SUM(INDEX($D$3:$AA$30,INDEX(Jesper!$R$2:$R$366,ROW(INDEX(Jesper!AL$2:AL$366,ROUNDDOWN($C958/24,0)+1,1))-1)+IF('Standard Profiles'!$G$22=$B$10,7,0)+IF('Standard Profiles'!$G$22=$B$17,14,0)+IF('Standard Profiles'!$G$22=$B$24,21,0),0)),0)</f>
        <v>0</v>
      </c>
      <c r="I958">
        <f t="shared" si="118"/>
        <v>0.44373622857277456</v>
      </c>
      <c r="J958">
        <f t="shared" si="119"/>
        <v>1.4791207619092486</v>
      </c>
      <c r="K958">
        <f t="shared" si="120"/>
        <v>2.2186811428638729</v>
      </c>
      <c r="L958">
        <f t="shared" si="121"/>
        <v>10.649669485746589</v>
      </c>
      <c r="M958">
        <f t="shared" si="122"/>
        <v>0</v>
      </c>
      <c r="N958" s="46">
        <f t="shared" si="123"/>
        <v>45330.499999997759</v>
      </c>
    </row>
    <row r="959" spans="2:14" x14ac:dyDescent="0.3">
      <c r="B959">
        <f t="shared" si="117"/>
        <v>4</v>
      </c>
      <c r="C959" s="16">
        <v>925</v>
      </c>
      <c r="D959" cm="1">
        <f t="array" ref="D959">IFERROR(INDEX(Jesper!AH$2:AH$366,ROUNDDOWN($C959/24,0)+1,1)*INDEX($D$3:$AA$30,INDEX(Jesper!$R$2:$R$366,ROW(INDEX(Jesper!AH$2:AH$366,ROUNDDOWN($C959/24,0)+1,1))-1)+IF('Standard Profiles'!$G$18=$B$10,7,0)+IF('Standard Profiles'!$G$18=$B$17,14,0)+IF('Standard Profiles'!$G$18=$B$24,21,0),MOD($C959,24)+1)/SUM(INDEX($D$3:$AA$30,INDEX(Jesper!$R$2:$R$366,ROW(INDEX(Jesper!AH$2:AH$366,ROUNDDOWN($C959/24,0)+1,1))-1)+IF('Standard Profiles'!$G$18=$B$10,7,0)+IF('Standard Profiles'!$G$18=$B$17,14,0)+IF('Standard Profiles'!$G$18=$B$24,21,0),0)),0)</f>
        <v>14.791207619092486</v>
      </c>
      <c r="E959" cm="1">
        <f t="array" ref="E959">IFERROR(INDEX(Jesper!AI$2:AI$366,ROUNDDOWN($C959/24,0)+1,1)*INDEX($D$3:$AA$30,INDEX(Jesper!$R$2:$R$366,ROW(INDEX(Jesper!AI$2:AI$366,ROUNDDOWN($C959/24,0)+1,1))-1)+IF('Standard Profiles'!$G$19=$B$10,7,0)+IF('Standard Profiles'!$G$19=$B$17,14,0)+IF('Standard Profiles'!$G$19=$B$24,21,0),MOD($C959,24)+1)/SUM(INDEX($D$3:$AA$30,INDEX(Jesper!$R$2:$R$366,ROW(INDEX(Jesper!AI$2:AI$366,ROUNDDOWN($C959/24,0)+1,1))-1)+IF('Standard Profiles'!$G$19=$B$10,7,0)+IF('Standard Profiles'!$G$19=$B$17,14,0)+IF('Standard Profiles'!$G$19=$B$24,21,0),0)),0)</f>
        <v>0</v>
      </c>
      <c r="F959" cm="1">
        <f t="array" ref="F959">IFERROR(INDEX(Jesper!AJ$2:AJ$366,ROUNDDOWN($C959/24,0)+1,1)*INDEX($D$3:$AA$30,INDEX(Jesper!$R$2:$R$366,ROW(INDEX(Jesper!AJ$2:AJ$366,ROUNDDOWN($C959/24,0)+1,1))-1)+IF('Standard Profiles'!$G$20=$B$10,7,0)+IF('Standard Profiles'!$G$20=$B$17,14,0)+IF('Standard Profiles'!$G$20=$B$24,21,0),MOD($C959,24)+1)/SUM(INDEX($D$3:$AA$30,INDEX(Jesper!$R$2:$R$366,ROW(INDEX(Jesper!AJ$2:AJ$366,ROUNDDOWN($C959/24,0)+1,1))-1)+IF('Standard Profiles'!$G$20=$B$10,7,0)+IF('Standard Profiles'!$G$20=$B$17,14,0)+IF('Standard Profiles'!$G$20=$B$24,21,0),0)),0)</f>
        <v>0</v>
      </c>
      <c r="G959" cm="1">
        <f t="array" ref="G959">IFERROR(INDEX(Jesper!AK$2:AK$366,ROUNDDOWN($C959/24,0)+1,1)*INDEX($D$3:$AA$30,INDEX(Jesper!$R$2:$R$366,ROW(INDEX(Jesper!AK$2:AK$366,ROUNDDOWN($C959/24,0)+1,1))-1)+IF('Standard Profiles'!$G$21=$B$10,7,0)+IF('Standard Profiles'!$G$21=$B$17,14,0)+IF('Standard Profiles'!$G$21=$B$24,21,0),MOD($C959,24)+1)/SUM(INDEX($D$3:$AA$30,INDEX(Jesper!$R$2:$R$366,ROW(INDEX(Jesper!AK$2:AK$366,ROUNDDOWN($C959/24,0)+1,1))-1)+IF('Standard Profiles'!$G$21=$B$10,7,0)+IF('Standard Profiles'!$G$21=$B$17,14,0)+IF('Standard Profiles'!$G$21=$B$24,21,0),0)),0)</f>
        <v>0</v>
      </c>
      <c r="H959" cm="1">
        <f t="array" ref="H959">IFERROR(INDEX(Jesper!AL$2:AL$366,ROUNDDOWN($C959/24,0)+1,1)*INDEX($D$3:$AA$30,INDEX(Jesper!$R$2:$R$366,ROW(INDEX(Jesper!AL$2:AL$366,ROUNDDOWN($C959/24,0)+1,1))-1)+IF('Standard Profiles'!$G$22=$B$10,7,0)+IF('Standard Profiles'!$G$22=$B$17,14,0)+IF('Standard Profiles'!$G$22=$B$24,21,0),MOD($C959,24)+1)/SUM(INDEX($D$3:$AA$30,INDEX(Jesper!$R$2:$R$366,ROW(INDEX(Jesper!AL$2:AL$366,ROUNDDOWN($C959/24,0)+1,1))-1)+IF('Standard Profiles'!$G$22=$B$10,7,0)+IF('Standard Profiles'!$G$22=$B$17,14,0)+IF('Standard Profiles'!$G$22=$B$24,21,0),0)),0)</f>
        <v>0</v>
      </c>
      <c r="I959">
        <f t="shared" si="118"/>
        <v>0.44373622857277456</v>
      </c>
      <c r="J959">
        <f t="shared" si="119"/>
        <v>1.4791207619092486</v>
      </c>
      <c r="K959">
        <f t="shared" si="120"/>
        <v>2.2186811428638729</v>
      </c>
      <c r="L959">
        <f t="shared" si="121"/>
        <v>10.649669485746589</v>
      </c>
      <c r="M959">
        <f t="shared" si="122"/>
        <v>0</v>
      </c>
      <c r="N959" s="46">
        <f t="shared" si="123"/>
        <v>45330.541666664423</v>
      </c>
    </row>
    <row r="960" spans="2:14" x14ac:dyDescent="0.3">
      <c r="B960">
        <f t="shared" si="117"/>
        <v>4</v>
      </c>
      <c r="C960" s="16">
        <v>926</v>
      </c>
      <c r="D960" cm="1">
        <f t="array" ref="D960">IFERROR(INDEX(Jesper!AH$2:AH$366,ROUNDDOWN($C960/24,0)+1,1)*INDEX($D$3:$AA$30,INDEX(Jesper!$R$2:$R$366,ROW(INDEX(Jesper!AH$2:AH$366,ROUNDDOWN($C960/24,0)+1,1))-1)+IF('Standard Profiles'!$G$18=$B$10,7,0)+IF('Standard Profiles'!$G$18=$B$17,14,0)+IF('Standard Profiles'!$G$18=$B$24,21,0),MOD($C960,24)+1)/SUM(INDEX($D$3:$AA$30,INDEX(Jesper!$R$2:$R$366,ROW(INDEX(Jesper!AH$2:AH$366,ROUNDDOWN($C960/24,0)+1,1))-1)+IF('Standard Profiles'!$G$18=$B$10,7,0)+IF('Standard Profiles'!$G$18=$B$17,14,0)+IF('Standard Profiles'!$G$18=$B$24,21,0),0)),0)</f>
        <v>14.791207619092486</v>
      </c>
      <c r="E960" cm="1">
        <f t="array" ref="E960">IFERROR(INDEX(Jesper!AI$2:AI$366,ROUNDDOWN($C960/24,0)+1,1)*INDEX($D$3:$AA$30,INDEX(Jesper!$R$2:$R$366,ROW(INDEX(Jesper!AI$2:AI$366,ROUNDDOWN($C960/24,0)+1,1))-1)+IF('Standard Profiles'!$G$19=$B$10,7,0)+IF('Standard Profiles'!$G$19=$B$17,14,0)+IF('Standard Profiles'!$G$19=$B$24,21,0),MOD($C960,24)+1)/SUM(INDEX($D$3:$AA$30,INDEX(Jesper!$R$2:$R$366,ROW(INDEX(Jesper!AI$2:AI$366,ROUNDDOWN($C960/24,0)+1,1))-1)+IF('Standard Profiles'!$G$19=$B$10,7,0)+IF('Standard Profiles'!$G$19=$B$17,14,0)+IF('Standard Profiles'!$G$19=$B$24,21,0),0)),0)</f>
        <v>0</v>
      </c>
      <c r="F960" cm="1">
        <f t="array" ref="F960">IFERROR(INDEX(Jesper!AJ$2:AJ$366,ROUNDDOWN($C960/24,0)+1,1)*INDEX($D$3:$AA$30,INDEX(Jesper!$R$2:$R$366,ROW(INDEX(Jesper!AJ$2:AJ$366,ROUNDDOWN($C960/24,0)+1,1))-1)+IF('Standard Profiles'!$G$20=$B$10,7,0)+IF('Standard Profiles'!$G$20=$B$17,14,0)+IF('Standard Profiles'!$G$20=$B$24,21,0),MOD($C960,24)+1)/SUM(INDEX($D$3:$AA$30,INDEX(Jesper!$R$2:$R$366,ROW(INDEX(Jesper!AJ$2:AJ$366,ROUNDDOWN($C960/24,0)+1,1))-1)+IF('Standard Profiles'!$G$20=$B$10,7,0)+IF('Standard Profiles'!$G$20=$B$17,14,0)+IF('Standard Profiles'!$G$20=$B$24,21,0),0)),0)</f>
        <v>0</v>
      </c>
      <c r="G960" cm="1">
        <f t="array" ref="G960">IFERROR(INDEX(Jesper!AK$2:AK$366,ROUNDDOWN($C960/24,0)+1,1)*INDEX($D$3:$AA$30,INDEX(Jesper!$R$2:$R$366,ROW(INDEX(Jesper!AK$2:AK$366,ROUNDDOWN($C960/24,0)+1,1))-1)+IF('Standard Profiles'!$G$21=$B$10,7,0)+IF('Standard Profiles'!$G$21=$B$17,14,0)+IF('Standard Profiles'!$G$21=$B$24,21,0),MOD($C960,24)+1)/SUM(INDEX($D$3:$AA$30,INDEX(Jesper!$R$2:$R$366,ROW(INDEX(Jesper!AK$2:AK$366,ROUNDDOWN($C960/24,0)+1,1))-1)+IF('Standard Profiles'!$G$21=$B$10,7,0)+IF('Standard Profiles'!$G$21=$B$17,14,0)+IF('Standard Profiles'!$G$21=$B$24,21,0),0)),0)</f>
        <v>0</v>
      </c>
      <c r="H960" cm="1">
        <f t="array" ref="H960">IFERROR(INDEX(Jesper!AL$2:AL$366,ROUNDDOWN($C960/24,0)+1,1)*INDEX($D$3:$AA$30,INDEX(Jesper!$R$2:$R$366,ROW(INDEX(Jesper!AL$2:AL$366,ROUNDDOWN($C960/24,0)+1,1))-1)+IF('Standard Profiles'!$G$22=$B$10,7,0)+IF('Standard Profiles'!$G$22=$B$17,14,0)+IF('Standard Profiles'!$G$22=$B$24,21,0),MOD($C960,24)+1)/SUM(INDEX($D$3:$AA$30,INDEX(Jesper!$R$2:$R$366,ROW(INDEX(Jesper!AL$2:AL$366,ROUNDDOWN($C960/24,0)+1,1))-1)+IF('Standard Profiles'!$G$22=$B$10,7,0)+IF('Standard Profiles'!$G$22=$B$17,14,0)+IF('Standard Profiles'!$G$22=$B$24,21,0),0)),0)</f>
        <v>0</v>
      </c>
      <c r="I960">
        <f t="shared" si="118"/>
        <v>0.44373622857277456</v>
      </c>
      <c r="J960">
        <f t="shared" si="119"/>
        <v>1.4791207619092486</v>
      </c>
      <c r="K960">
        <f t="shared" si="120"/>
        <v>2.2186811428638729</v>
      </c>
      <c r="L960">
        <f t="shared" si="121"/>
        <v>10.649669485746589</v>
      </c>
      <c r="M960">
        <f t="shared" si="122"/>
        <v>0</v>
      </c>
      <c r="N960" s="46">
        <f t="shared" si="123"/>
        <v>45330.583333331087</v>
      </c>
    </row>
    <row r="961" spans="2:14" x14ac:dyDescent="0.3">
      <c r="B961">
        <f t="shared" si="117"/>
        <v>4</v>
      </c>
      <c r="C961" s="16">
        <v>927</v>
      </c>
      <c r="D961" cm="1">
        <f t="array" ref="D961">IFERROR(INDEX(Jesper!AH$2:AH$366,ROUNDDOWN($C961/24,0)+1,1)*INDEX($D$3:$AA$30,INDEX(Jesper!$R$2:$R$366,ROW(INDEX(Jesper!AH$2:AH$366,ROUNDDOWN($C961/24,0)+1,1))-1)+IF('Standard Profiles'!$G$18=$B$10,7,0)+IF('Standard Profiles'!$G$18=$B$17,14,0)+IF('Standard Profiles'!$G$18=$B$24,21,0),MOD($C961,24)+1)/SUM(INDEX($D$3:$AA$30,INDEX(Jesper!$R$2:$R$366,ROW(INDEX(Jesper!AH$2:AH$366,ROUNDDOWN($C961/24,0)+1,1))-1)+IF('Standard Profiles'!$G$18=$B$10,7,0)+IF('Standard Profiles'!$G$18=$B$17,14,0)+IF('Standard Profiles'!$G$18=$B$24,21,0),0)),0)</f>
        <v>14.791207619092486</v>
      </c>
      <c r="E961" cm="1">
        <f t="array" ref="E961">IFERROR(INDEX(Jesper!AI$2:AI$366,ROUNDDOWN($C961/24,0)+1,1)*INDEX($D$3:$AA$30,INDEX(Jesper!$R$2:$R$366,ROW(INDEX(Jesper!AI$2:AI$366,ROUNDDOWN($C961/24,0)+1,1))-1)+IF('Standard Profiles'!$G$19=$B$10,7,0)+IF('Standard Profiles'!$G$19=$B$17,14,0)+IF('Standard Profiles'!$G$19=$B$24,21,0),MOD($C961,24)+1)/SUM(INDEX($D$3:$AA$30,INDEX(Jesper!$R$2:$R$366,ROW(INDEX(Jesper!AI$2:AI$366,ROUNDDOWN($C961/24,0)+1,1))-1)+IF('Standard Profiles'!$G$19=$B$10,7,0)+IF('Standard Profiles'!$G$19=$B$17,14,0)+IF('Standard Profiles'!$G$19=$B$24,21,0),0)),0)</f>
        <v>0</v>
      </c>
      <c r="F961" cm="1">
        <f t="array" ref="F961">IFERROR(INDEX(Jesper!AJ$2:AJ$366,ROUNDDOWN($C961/24,0)+1,1)*INDEX($D$3:$AA$30,INDEX(Jesper!$R$2:$R$366,ROW(INDEX(Jesper!AJ$2:AJ$366,ROUNDDOWN($C961/24,0)+1,1))-1)+IF('Standard Profiles'!$G$20=$B$10,7,0)+IF('Standard Profiles'!$G$20=$B$17,14,0)+IF('Standard Profiles'!$G$20=$B$24,21,0),MOD($C961,24)+1)/SUM(INDEX($D$3:$AA$30,INDEX(Jesper!$R$2:$R$366,ROW(INDEX(Jesper!AJ$2:AJ$366,ROUNDDOWN($C961/24,0)+1,1))-1)+IF('Standard Profiles'!$G$20=$B$10,7,0)+IF('Standard Profiles'!$G$20=$B$17,14,0)+IF('Standard Profiles'!$G$20=$B$24,21,0),0)),0)</f>
        <v>0</v>
      </c>
      <c r="G961" cm="1">
        <f t="array" ref="G961">IFERROR(INDEX(Jesper!AK$2:AK$366,ROUNDDOWN($C961/24,0)+1,1)*INDEX($D$3:$AA$30,INDEX(Jesper!$R$2:$R$366,ROW(INDEX(Jesper!AK$2:AK$366,ROUNDDOWN($C961/24,0)+1,1))-1)+IF('Standard Profiles'!$G$21=$B$10,7,0)+IF('Standard Profiles'!$G$21=$B$17,14,0)+IF('Standard Profiles'!$G$21=$B$24,21,0),MOD($C961,24)+1)/SUM(INDEX($D$3:$AA$30,INDEX(Jesper!$R$2:$R$366,ROW(INDEX(Jesper!AK$2:AK$366,ROUNDDOWN($C961/24,0)+1,1))-1)+IF('Standard Profiles'!$G$21=$B$10,7,0)+IF('Standard Profiles'!$G$21=$B$17,14,0)+IF('Standard Profiles'!$G$21=$B$24,21,0),0)),0)</f>
        <v>0</v>
      </c>
      <c r="H961" cm="1">
        <f t="array" ref="H961">IFERROR(INDEX(Jesper!AL$2:AL$366,ROUNDDOWN($C961/24,0)+1,1)*INDEX($D$3:$AA$30,INDEX(Jesper!$R$2:$R$366,ROW(INDEX(Jesper!AL$2:AL$366,ROUNDDOWN($C961/24,0)+1,1))-1)+IF('Standard Profiles'!$G$22=$B$10,7,0)+IF('Standard Profiles'!$G$22=$B$17,14,0)+IF('Standard Profiles'!$G$22=$B$24,21,0),MOD($C961,24)+1)/SUM(INDEX($D$3:$AA$30,INDEX(Jesper!$R$2:$R$366,ROW(INDEX(Jesper!AL$2:AL$366,ROUNDDOWN($C961/24,0)+1,1))-1)+IF('Standard Profiles'!$G$22=$B$10,7,0)+IF('Standard Profiles'!$G$22=$B$17,14,0)+IF('Standard Profiles'!$G$22=$B$24,21,0),0)),0)</f>
        <v>0</v>
      </c>
      <c r="I961">
        <f t="shared" si="118"/>
        <v>0.44373622857277456</v>
      </c>
      <c r="J961">
        <f t="shared" si="119"/>
        <v>1.4791207619092486</v>
      </c>
      <c r="K961">
        <f t="shared" si="120"/>
        <v>2.2186811428638729</v>
      </c>
      <c r="L961">
        <f t="shared" si="121"/>
        <v>10.649669485746589</v>
      </c>
      <c r="M961">
        <f t="shared" si="122"/>
        <v>0</v>
      </c>
      <c r="N961" s="46">
        <f t="shared" si="123"/>
        <v>45330.624999997752</v>
      </c>
    </row>
    <row r="962" spans="2:14" x14ac:dyDescent="0.3">
      <c r="B962">
        <f t="shared" si="117"/>
        <v>4</v>
      </c>
      <c r="C962" s="16">
        <v>928</v>
      </c>
      <c r="D962" cm="1">
        <f t="array" ref="D962">IFERROR(INDEX(Jesper!AH$2:AH$366,ROUNDDOWN($C962/24,0)+1,1)*INDEX($D$3:$AA$30,INDEX(Jesper!$R$2:$R$366,ROW(INDEX(Jesper!AH$2:AH$366,ROUNDDOWN($C962/24,0)+1,1))-1)+IF('Standard Profiles'!$G$18=$B$10,7,0)+IF('Standard Profiles'!$G$18=$B$17,14,0)+IF('Standard Profiles'!$G$18=$B$24,21,0),MOD($C962,24)+1)/SUM(INDEX($D$3:$AA$30,INDEX(Jesper!$R$2:$R$366,ROW(INDEX(Jesper!AH$2:AH$366,ROUNDDOWN($C962/24,0)+1,1))-1)+IF('Standard Profiles'!$G$18=$B$10,7,0)+IF('Standard Profiles'!$G$18=$B$17,14,0)+IF('Standard Profiles'!$G$18=$B$24,21,0),0)),0)</f>
        <v>14.791207619092486</v>
      </c>
      <c r="E962" cm="1">
        <f t="array" ref="E962">IFERROR(INDEX(Jesper!AI$2:AI$366,ROUNDDOWN($C962/24,0)+1,1)*INDEX($D$3:$AA$30,INDEX(Jesper!$R$2:$R$366,ROW(INDEX(Jesper!AI$2:AI$366,ROUNDDOWN($C962/24,0)+1,1))-1)+IF('Standard Profiles'!$G$19=$B$10,7,0)+IF('Standard Profiles'!$G$19=$B$17,14,0)+IF('Standard Profiles'!$G$19=$B$24,21,0),MOD($C962,24)+1)/SUM(INDEX($D$3:$AA$30,INDEX(Jesper!$R$2:$R$366,ROW(INDEX(Jesper!AI$2:AI$366,ROUNDDOWN($C962/24,0)+1,1))-1)+IF('Standard Profiles'!$G$19=$B$10,7,0)+IF('Standard Profiles'!$G$19=$B$17,14,0)+IF('Standard Profiles'!$G$19=$B$24,21,0),0)),0)</f>
        <v>0</v>
      </c>
      <c r="F962" cm="1">
        <f t="array" ref="F962">IFERROR(INDEX(Jesper!AJ$2:AJ$366,ROUNDDOWN($C962/24,0)+1,1)*INDEX($D$3:$AA$30,INDEX(Jesper!$R$2:$R$366,ROW(INDEX(Jesper!AJ$2:AJ$366,ROUNDDOWN($C962/24,0)+1,1))-1)+IF('Standard Profiles'!$G$20=$B$10,7,0)+IF('Standard Profiles'!$G$20=$B$17,14,0)+IF('Standard Profiles'!$G$20=$B$24,21,0),MOD($C962,24)+1)/SUM(INDEX($D$3:$AA$30,INDEX(Jesper!$R$2:$R$366,ROW(INDEX(Jesper!AJ$2:AJ$366,ROUNDDOWN($C962/24,0)+1,1))-1)+IF('Standard Profiles'!$G$20=$B$10,7,0)+IF('Standard Profiles'!$G$20=$B$17,14,0)+IF('Standard Profiles'!$G$20=$B$24,21,0),0)),0)</f>
        <v>0</v>
      </c>
      <c r="G962" cm="1">
        <f t="array" ref="G962">IFERROR(INDEX(Jesper!AK$2:AK$366,ROUNDDOWN($C962/24,0)+1,1)*INDEX($D$3:$AA$30,INDEX(Jesper!$R$2:$R$366,ROW(INDEX(Jesper!AK$2:AK$366,ROUNDDOWN($C962/24,0)+1,1))-1)+IF('Standard Profiles'!$G$21=$B$10,7,0)+IF('Standard Profiles'!$G$21=$B$17,14,0)+IF('Standard Profiles'!$G$21=$B$24,21,0),MOD($C962,24)+1)/SUM(INDEX($D$3:$AA$30,INDEX(Jesper!$R$2:$R$366,ROW(INDEX(Jesper!AK$2:AK$366,ROUNDDOWN($C962/24,0)+1,1))-1)+IF('Standard Profiles'!$G$21=$B$10,7,0)+IF('Standard Profiles'!$G$21=$B$17,14,0)+IF('Standard Profiles'!$G$21=$B$24,21,0),0)),0)</f>
        <v>0</v>
      </c>
      <c r="H962" cm="1">
        <f t="array" ref="H962">IFERROR(INDEX(Jesper!AL$2:AL$366,ROUNDDOWN($C962/24,0)+1,1)*INDEX($D$3:$AA$30,INDEX(Jesper!$R$2:$R$366,ROW(INDEX(Jesper!AL$2:AL$366,ROUNDDOWN($C962/24,0)+1,1))-1)+IF('Standard Profiles'!$G$22=$B$10,7,0)+IF('Standard Profiles'!$G$22=$B$17,14,0)+IF('Standard Profiles'!$G$22=$B$24,21,0),MOD($C962,24)+1)/SUM(INDEX($D$3:$AA$30,INDEX(Jesper!$R$2:$R$366,ROW(INDEX(Jesper!AL$2:AL$366,ROUNDDOWN($C962/24,0)+1,1))-1)+IF('Standard Profiles'!$G$22=$B$10,7,0)+IF('Standard Profiles'!$G$22=$B$17,14,0)+IF('Standard Profiles'!$G$22=$B$24,21,0),0)),0)</f>
        <v>0</v>
      </c>
      <c r="I962">
        <f t="shared" si="118"/>
        <v>0.44373622857277456</v>
      </c>
      <c r="J962">
        <f t="shared" si="119"/>
        <v>1.4791207619092486</v>
      </c>
      <c r="K962">
        <f t="shared" si="120"/>
        <v>2.2186811428638729</v>
      </c>
      <c r="L962">
        <f t="shared" si="121"/>
        <v>10.649669485746589</v>
      </c>
      <c r="M962">
        <f t="shared" si="122"/>
        <v>0</v>
      </c>
      <c r="N962" s="46">
        <f t="shared" si="123"/>
        <v>45330.666666664416</v>
      </c>
    </row>
    <row r="963" spans="2:14" x14ac:dyDescent="0.3">
      <c r="B963">
        <f t="shared" si="117"/>
        <v>4</v>
      </c>
      <c r="C963" s="16">
        <v>929</v>
      </c>
      <c r="D963" cm="1">
        <f t="array" ref="D963">IFERROR(INDEX(Jesper!AH$2:AH$366,ROUNDDOWN($C963/24,0)+1,1)*INDEX($D$3:$AA$30,INDEX(Jesper!$R$2:$R$366,ROW(INDEX(Jesper!AH$2:AH$366,ROUNDDOWN($C963/24,0)+1,1))-1)+IF('Standard Profiles'!$G$18=$B$10,7,0)+IF('Standard Profiles'!$G$18=$B$17,14,0)+IF('Standard Profiles'!$G$18=$B$24,21,0),MOD($C963,24)+1)/SUM(INDEX($D$3:$AA$30,INDEX(Jesper!$R$2:$R$366,ROW(INDEX(Jesper!AH$2:AH$366,ROUNDDOWN($C963/24,0)+1,1))-1)+IF('Standard Profiles'!$G$18=$B$10,7,0)+IF('Standard Profiles'!$G$18=$B$17,14,0)+IF('Standard Profiles'!$G$18=$B$24,21,0),0)),0)</f>
        <v>14.791207619092486</v>
      </c>
      <c r="E963" cm="1">
        <f t="array" ref="E963">IFERROR(INDEX(Jesper!AI$2:AI$366,ROUNDDOWN($C963/24,0)+1,1)*INDEX($D$3:$AA$30,INDEX(Jesper!$R$2:$R$366,ROW(INDEX(Jesper!AI$2:AI$366,ROUNDDOWN($C963/24,0)+1,1))-1)+IF('Standard Profiles'!$G$19=$B$10,7,0)+IF('Standard Profiles'!$G$19=$B$17,14,0)+IF('Standard Profiles'!$G$19=$B$24,21,0),MOD($C963,24)+1)/SUM(INDEX($D$3:$AA$30,INDEX(Jesper!$R$2:$R$366,ROW(INDEX(Jesper!AI$2:AI$366,ROUNDDOWN($C963/24,0)+1,1))-1)+IF('Standard Profiles'!$G$19=$B$10,7,0)+IF('Standard Profiles'!$G$19=$B$17,14,0)+IF('Standard Profiles'!$G$19=$B$24,21,0),0)),0)</f>
        <v>0</v>
      </c>
      <c r="F963" cm="1">
        <f t="array" ref="F963">IFERROR(INDEX(Jesper!AJ$2:AJ$366,ROUNDDOWN($C963/24,0)+1,1)*INDEX($D$3:$AA$30,INDEX(Jesper!$R$2:$R$366,ROW(INDEX(Jesper!AJ$2:AJ$366,ROUNDDOWN($C963/24,0)+1,1))-1)+IF('Standard Profiles'!$G$20=$B$10,7,0)+IF('Standard Profiles'!$G$20=$B$17,14,0)+IF('Standard Profiles'!$G$20=$B$24,21,0),MOD($C963,24)+1)/SUM(INDEX($D$3:$AA$30,INDEX(Jesper!$R$2:$R$366,ROW(INDEX(Jesper!AJ$2:AJ$366,ROUNDDOWN($C963/24,0)+1,1))-1)+IF('Standard Profiles'!$G$20=$B$10,7,0)+IF('Standard Profiles'!$G$20=$B$17,14,0)+IF('Standard Profiles'!$G$20=$B$24,21,0),0)),0)</f>
        <v>0</v>
      </c>
      <c r="G963" cm="1">
        <f t="array" ref="G963">IFERROR(INDEX(Jesper!AK$2:AK$366,ROUNDDOWN($C963/24,0)+1,1)*INDEX($D$3:$AA$30,INDEX(Jesper!$R$2:$R$366,ROW(INDEX(Jesper!AK$2:AK$366,ROUNDDOWN($C963/24,0)+1,1))-1)+IF('Standard Profiles'!$G$21=$B$10,7,0)+IF('Standard Profiles'!$G$21=$B$17,14,0)+IF('Standard Profiles'!$G$21=$B$24,21,0),MOD($C963,24)+1)/SUM(INDEX($D$3:$AA$30,INDEX(Jesper!$R$2:$R$366,ROW(INDEX(Jesper!AK$2:AK$366,ROUNDDOWN($C963/24,0)+1,1))-1)+IF('Standard Profiles'!$G$21=$B$10,7,0)+IF('Standard Profiles'!$G$21=$B$17,14,0)+IF('Standard Profiles'!$G$21=$B$24,21,0),0)),0)</f>
        <v>0</v>
      </c>
      <c r="H963" cm="1">
        <f t="array" ref="H963">IFERROR(INDEX(Jesper!AL$2:AL$366,ROUNDDOWN($C963/24,0)+1,1)*INDEX($D$3:$AA$30,INDEX(Jesper!$R$2:$R$366,ROW(INDEX(Jesper!AL$2:AL$366,ROUNDDOWN($C963/24,0)+1,1))-1)+IF('Standard Profiles'!$G$22=$B$10,7,0)+IF('Standard Profiles'!$G$22=$B$17,14,0)+IF('Standard Profiles'!$G$22=$B$24,21,0),MOD($C963,24)+1)/SUM(INDEX($D$3:$AA$30,INDEX(Jesper!$R$2:$R$366,ROW(INDEX(Jesper!AL$2:AL$366,ROUNDDOWN($C963/24,0)+1,1))-1)+IF('Standard Profiles'!$G$22=$B$10,7,0)+IF('Standard Profiles'!$G$22=$B$17,14,0)+IF('Standard Profiles'!$G$22=$B$24,21,0),0)),0)</f>
        <v>0</v>
      </c>
      <c r="I963">
        <f t="shared" si="118"/>
        <v>0.44373622857277456</v>
      </c>
      <c r="J963">
        <f t="shared" si="119"/>
        <v>1.4791207619092486</v>
      </c>
      <c r="K963">
        <f t="shared" si="120"/>
        <v>2.2186811428638729</v>
      </c>
      <c r="L963">
        <f t="shared" si="121"/>
        <v>10.649669485746589</v>
      </c>
      <c r="M963">
        <f t="shared" si="122"/>
        <v>0</v>
      </c>
      <c r="N963" s="46">
        <f t="shared" si="123"/>
        <v>45330.70833333108</v>
      </c>
    </row>
    <row r="964" spans="2:14" x14ac:dyDescent="0.3">
      <c r="B964">
        <f t="shared" si="117"/>
        <v>4</v>
      </c>
      <c r="C964" s="16">
        <v>930</v>
      </c>
      <c r="D964" cm="1">
        <f t="array" ref="D964">IFERROR(INDEX(Jesper!AH$2:AH$366,ROUNDDOWN($C964/24,0)+1,1)*INDEX($D$3:$AA$30,INDEX(Jesper!$R$2:$R$366,ROW(INDEX(Jesper!AH$2:AH$366,ROUNDDOWN($C964/24,0)+1,1))-1)+IF('Standard Profiles'!$G$18=$B$10,7,0)+IF('Standard Profiles'!$G$18=$B$17,14,0)+IF('Standard Profiles'!$G$18=$B$24,21,0),MOD($C964,24)+1)/SUM(INDEX($D$3:$AA$30,INDEX(Jesper!$R$2:$R$366,ROW(INDEX(Jesper!AH$2:AH$366,ROUNDDOWN($C964/24,0)+1,1))-1)+IF('Standard Profiles'!$G$18=$B$10,7,0)+IF('Standard Profiles'!$G$18=$B$17,14,0)+IF('Standard Profiles'!$G$18=$B$24,21,0),0)),0)</f>
        <v>14.791207619092486</v>
      </c>
      <c r="E964" cm="1">
        <f t="array" ref="E964">IFERROR(INDEX(Jesper!AI$2:AI$366,ROUNDDOWN($C964/24,0)+1,1)*INDEX($D$3:$AA$30,INDEX(Jesper!$R$2:$R$366,ROW(INDEX(Jesper!AI$2:AI$366,ROUNDDOWN($C964/24,0)+1,1))-1)+IF('Standard Profiles'!$G$19=$B$10,7,0)+IF('Standard Profiles'!$G$19=$B$17,14,0)+IF('Standard Profiles'!$G$19=$B$24,21,0),MOD($C964,24)+1)/SUM(INDEX($D$3:$AA$30,INDEX(Jesper!$R$2:$R$366,ROW(INDEX(Jesper!AI$2:AI$366,ROUNDDOWN($C964/24,0)+1,1))-1)+IF('Standard Profiles'!$G$19=$B$10,7,0)+IF('Standard Profiles'!$G$19=$B$17,14,0)+IF('Standard Profiles'!$G$19=$B$24,21,0),0)),0)</f>
        <v>0</v>
      </c>
      <c r="F964" cm="1">
        <f t="array" ref="F964">IFERROR(INDEX(Jesper!AJ$2:AJ$366,ROUNDDOWN($C964/24,0)+1,1)*INDEX($D$3:$AA$30,INDEX(Jesper!$R$2:$R$366,ROW(INDEX(Jesper!AJ$2:AJ$366,ROUNDDOWN($C964/24,0)+1,1))-1)+IF('Standard Profiles'!$G$20=$B$10,7,0)+IF('Standard Profiles'!$G$20=$B$17,14,0)+IF('Standard Profiles'!$G$20=$B$24,21,0),MOD($C964,24)+1)/SUM(INDEX($D$3:$AA$30,INDEX(Jesper!$R$2:$R$366,ROW(INDEX(Jesper!AJ$2:AJ$366,ROUNDDOWN($C964/24,0)+1,1))-1)+IF('Standard Profiles'!$G$20=$B$10,7,0)+IF('Standard Profiles'!$G$20=$B$17,14,0)+IF('Standard Profiles'!$G$20=$B$24,21,0),0)),0)</f>
        <v>0</v>
      </c>
      <c r="G964" cm="1">
        <f t="array" ref="G964">IFERROR(INDEX(Jesper!AK$2:AK$366,ROUNDDOWN($C964/24,0)+1,1)*INDEX($D$3:$AA$30,INDEX(Jesper!$R$2:$R$366,ROW(INDEX(Jesper!AK$2:AK$366,ROUNDDOWN($C964/24,0)+1,1))-1)+IF('Standard Profiles'!$G$21=$B$10,7,0)+IF('Standard Profiles'!$G$21=$B$17,14,0)+IF('Standard Profiles'!$G$21=$B$24,21,0),MOD($C964,24)+1)/SUM(INDEX($D$3:$AA$30,INDEX(Jesper!$R$2:$R$366,ROW(INDEX(Jesper!AK$2:AK$366,ROUNDDOWN($C964/24,0)+1,1))-1)+IF('Standard Profiles'!$G$21=$B$10,7,0)+IF('Standard Profiles'!$G$21=$B$17,14,0)+IF('Standard Profiles'!$G$21=$B$24,21,0),0)),0)</f>
        <v>0</v>
      </c>
      <c r="H964" cm="1">
        <f t="array" ref="H964">IFERROR(INDEX(Jesper!AL$2:AL$366,ROUNDDOWN($C964/24,0)+1,1)*INDEX($D$3:$AA$30,INDEX(Jesper!$R$2:$R$366,ROW(INDEX(Jesper!AL$2:AL$366,ROUNDDOWN($C964/24,0)+1,1))-1)+IF('Standard Profiles'!$G$22=$B$10,7,0)+IF('Standard Profiles'!$G$22=$B$17,14,0)+IF('Standard Profiles'!$G$22=$B$24,21,0),MOD($C964,24)+1)/SUM(INDEX($D$3:$AA$30,INDEX(Jesper!$R$2:$R$366,ROW(INDEX(Jesper!AL$2:AL$366,ROUNDDOWN($C964/24,0)+1,1))-1)+IF('Standard Profiles'!$G$22=$B$10,7,0)+IF('Standard Profiles'!$G$22=$B$17,14,0)+IF('Standard Profiles'!$G$22=$B$24,21,0),0)),0)</f>
        <v>0</v>
      </c>
      <c r="I964">
        <f t="shared" si="118"/>
        <v>0.44373622857277456</v>
      </c>
      <c r="J964">
        <f t="shared" si="119"/>
        <v>1.4791207619092486</v>
      </c>
      <c r="K964">
        <f t="shared" si="120"/>
        <v>2.2186811428638729</v>
      </c>
      <c r="L964">
        <f t="shared" si="121"/>
        <v>10.649669485746589</v>
      </c>
      <c r="M964">
        <f t="shared" si="122"/>
        <v>0</v>
      </c>
      <c r="N964" s="46">
        <f t="shared" si="123"/>
        <v>45330.749999997744</v>
      </c>
    </row>
    <row r="965" spans="2:14" x14ac:dyDescent="0.3">
      <c r="B965">
        <f t="shared" si="117"/>
        <v>4</v>
      </c>
      <c r="C965" s="16">
        <v>931</v>
      </c>
      <c r="D965" cm="1">
        <f t="array" ref="D965">IFERROR(INDEX(Jesper!AH$2:AH$366,ROUNDDOWN($C965/24,0)+1,1)*INDEX($D$3:$AA$30,INDEX(Jesper!$R$2:$R$366,ROW(INDEX(Jesper!AH$2:AH$366,ROUNDDOWN($C965/24,0)+1,1))-1)+IF('Standard Profiles'!$G$18=$B$10,7,0)+IF('Standard Profiles'!$G$18=$B$17,14,0)+IF('Standard Profiles'!$G$18=$B$24,21,0),MOD($C965,24)+1)/SUM(INDEX($D$3:$AA$30,INDEX(Jesper!$R$2:$R$366,ROW(INDEX(Jesper!AH$2:AH$366,ROUNDDOWN($C965/24,0)+1,1))-1)+IF('Standard Profiles'!$G$18=$B$10,7,0)+IF('Standard Profiles'!$G$18=$B$17,14,0)+IF('Standard Profiles'!$G$18=$B$24,21,0),0)),0)</f>
        <v>12.326006349243739</v>
      </c>
      <c r="E965" cm="1">
        <f t="array" ref="E965">IFERROR(INDEX(Jesper!AI$2:AI$366,ROUNDDOWN($C965/24,0)+1,1)*INDEX($D$3:$AA$30,INDEX(Jesper!$R$2:$R$366,ROW(INDEX(Jesper!AI$2:AI$366,ROUNDDOWN($C965/24,0)+1,1))-1)+IF('Standard Profiles'!$G$19=$B$10,7,0)+IF('Standard Profiles'!$G$19=$B$17,14,0)+IF('Standard Profiles'!$G$19=$B$24,21,0),MOD($C965,24)+1)/SUM(INDEX($D$3:$AA$30,INDEX(Jesper!$R$2:$R$366,ROW(INDEX(Jesper!AI$2:AI$366,ROUNDDOWN($C965/24,0)+1,1))-1)+IF('Standard Profiles'!$G$19=$B$10,7,0)+IF('Standard Profiles'!$G$19=$B$17,14,0)+IF('Standard Profiles'!$G$19=$B$24,21,0),0)),0)</f>
        <v>0</v>
      </c>
      <c r="F965" cm="1">
        <f t="array" ref="F965">IFERROR(INDEX(Jesper!AJ$2:AJ$366,ROUNDDOWN($C965/24,0)+1,1)*INDEX($D$3:$AA$30,INDEX(Jesper!$R$2:$R$366,ROW(INDEX(Jesper!AJ$2:AJ$366,ROUNDDOWN($C965/24,0)+1,1))-1)+IF('Standard Profiles'!$G$20=$B$10,7,0)+IF('Standard Profiles'!$G$20=$B$17,14,0)+IF('Standard Profiles'!$G$20=$B$24,21,0),MOD($C965,24)+1)/SUM(INDEX($D$3:$AA$30,INDEX(Jesper!$R$2:$R$366,ROW(INDEX(Jesper!AJ$2:AJ$366,ROUNDDOWN($C965/24,0)+1,1))-1)+IF('Standard Profiles'!$G$20=$B$10,7,0)+IF('Standard Profiles'!$G$20=$B$17,14,0)+IF('Standard Profiles'!$G$20=$B$24,21,0),0)),0)</f>
        <v>0</v>
      </c>
      <c r="G965" cm="1">
        <f t="array" ref="G965">IFERROR(INDEX(Jesper!AK$2:AK$366,ROUNDDOWN($C965/24,0)+1,1)*INDEX($D$3:$AA$30,INDEX(Jesper!$R$2:$R$366,ROW(INDEX(Jesper!AK$2:AK$366,ROUNDDOWN($C965/24,0)+1,1))-1)+IF('Standard Profiles'!$G$21=$B$10,7,0)+IF('Standard Profiles'!$G$21=$B$17,14,0)+IF('Standard Profiles'!$G$21=$B$24,21,0),MOD($C965,24)+1)/SUM(INDEX($D$3:$AA$30,INDEX(Jesper!$R$2:$R$366,ROW(INDEX(Jesper!AK$2:AK$366,ROUNDDOWN($C965/24,0)+1,1))-1)+IF('Standard Profiles'!$G$21=$B$10,7,0)+IF('Standard Profiles'!$G$21=$B$17,14,0)+IF('Standard Profiles'!$G$21=$B$24,21,0),0)),0)</f>
        <v>0</v>
      </c>
      <c r="H965" cm="1">
        <f t="array" ref="H965">IFERROR(INDEX(Jesper!AL$2:AL$366,ROUNDDOWN($C965/24,0)+1,1)*INDEX($D$3:$AA$30,INDEX(Jesper!$R$2:$R$366,ROW(INDEX(Jesper!AL$2:AL$366,ROUNDDOWN($C965/24,0)+1,1))-1)+IF('Standard Profiles'!$G$22=$B$10,7,0)+IF('Standard Profiles'!$G$22=$B$17,14,0)+IF('Standard Profiles'!$G$22=$B$24,21,0),MOD($C965,24)+1)/SUM(INDEX($D$3:$AA$30,INDEX(Jesper!$R$2:$R$366,ROW(INDEX(Jesper!AL$2:AL$366,ROUNDDOWN($C965/24,0)+1,1))-1)+IF('Standard Profiles'!$G$22=$B$10,7,0)+IF('Standard Profiles'!$G$22=$B$17,14,0)+IF('Standard Profiles'!$G$22=$B$24,21,0),0)),0)</f>
        <v>0</v>
      </c>
      <c r="I965">
        <f t="shared" si="118"/>
        <v>0.36978019047731214</v>
      </c>
      <c r="J965">
        <f t="shared" si="119"/>
        <v>1.2326006349243741</v>
      </c>
      <c r="K965">
        <f t="shared" si="120"/>
        <v>1.8489009523865607</v>
      </c>
      <c r="L965">
        <f t="shared" si="121"/>
        <v>8.8747245714554914</v>
      </c>
      <c r="M965">
        <f t="shared" si="122"/>
        <v>0</v>
      </c>
      <c r="N965" s="46">
        <f t="shared" si="123"/>
        <v>45330.791666664409</v>
      </c>
    </row>
    <row r="966" spans="2:14" x14ac:dyDescent="0.3">
      <c r="B966">
        <f t="shared" si="117"/>
        <v>4</v>
      </c>
      <c r="C966" s="16">
        <v>932</v>
      </c>
      <c r="D966" cm="1">
        <f t="array" ref="D966">IFERROR(INDEX(Jesper!AH$2:AH$366,ROUNDDOWN($C966/24,0)+1,1)*INDEX($D$3:$AA$30,INDEX(Jesper!$R$2:$R$366,ROW(INDEX(Jesper!AH$2:AH$366,ROUNDDOWN($C966/24,0)+1,1))-1)+IF('Standard Profiles'!$G$18=$B$10,7,0)+IF('Standard Profiles'!$G$18=$B$17,14,0)+IF('Standard Profiles'!$G$18=$B$24,21,0),MOD($C966,24)+1)/SUM(INDEX($D$3:$AA$30,INDEX(Jesper!$R$2:$R$366,ROW(INDEX(Jesper!AH$2:AH$366,ROUNDDOWN($C966/24,0)+1,1))-1)+IF('Standard Profiles'!$G$18=$B$10,7,0)+IF('Standard Profiles'!$G$18=$B$17,14,0)+IF('Standard Profiles'!$G$18=$B$24,21,0),0)),0)</f>
        <v>9.8608050793949911</v>
      </c>
      <c r="E966" cm="1">
        <f t="array" ref="E966">IFERROR(INDEX(Jesper!AI$2:AI$366,ROUNDDOWN($C966/24,0)+1,1)*INDEX($D$3:$AA$30,INDEX(Jesper!$R$2:$R$366,ROW(INDEX(Jesper!AI$2:AI$366,ROUNDDOWN($C966/24,0)+1,1))-1)+IF('Standard Profiles'!$G$19=$B$10,7,0)+IF('Standard Profiles'!$G$19=$B$17,14,0)+IF('Standard Profiles'!$G$19=$B$24,21,0),MOD($C966,24)+1)/SUM(INDEX($D$3:$AA$30,INDEX(Jesper!$R$2:$R$366,ROW(INDEX(Jesper!AI$2:AI$366,ROUNDDOWN($C966/24,0)+1,1))-1)+IF('Standard Profiles'!$G$19=$B$10,7,0)+IF('Standard Profiles'!$G$19=$B$17,14,0)+IF('Standard Profiles'!$G$19=$B$24,21,0),0)),0)</f>
        <v>0</v>
      </c>
      <c r="F966" cm="1">
        <f t="array" ref="F966">IFERROR(INDEX(Jesper!AJ$2:AJ$366,ROUNDDOWN($C966/24,0)+1,1)*INDEX($D$3:$AA$30,INDEX(Jesper!$R$2:$R$366,ROW(INDEX(Jesper!AJ$2:AJ$366,ROUNDDOWN($C966/24,0)+1,1))-1)+IF('Standard Profiles'!$G$20=$B$10,7,0)+IF('Standard Profiles'!$G$20=$B$17,14,0)+IF('Standard Profiles'!$G$20=$B$24,21,0),MOD($C966,24)+1)/SUM(INDEX($D$3:$AA$30,INDEX(Jesper!$R$2:$R$366,ROW(INDEX(Jesper!AJ$2:AJ$366,ROUNDDOWN($C966/24,0)+1,1))-1)+IF('Standard Profiles'!$G$20=$B$10,7,0)+IF('Standard Profiles'!$G$20=$B$17,14,0)+IF('Standard Profiles'!$G$20=$B$24,21,0),0)),0)</f>
        <v>0</v>
      </c>
      <c r="G966" cm="1">
        <f t="array" ref="G966">IFERROR(INDEX(Jesper!AK$2:AK$366,ROUNDDOWN($C966/24,0)+1,1)*INDEX($D$3:$AA$30,INDEX(Jesper!$R$2:$R$366,ROW(INDEX(Jesper!AK$2:AK$366,ROUNDDOWN($C966/24,0)+1,1))-1)+IF('Standard Profiles'!$G$21=$B$10,7,0)+IF('Standard Profiles'!$G$21=$B$17,14,0)+IF('Standard Profiles'!$G$21=$B$24,21,0),MOD($C966,24)+1)/SUM(INDEX($D$3:$AA$30,INDEX(Jesper!$R$2:$R$366,ROW(INDEX(Jesper!AK$2:AK$366,ROUNDDOWN($C966/24,0)+1,1))-1)+IF('Standard Profiles'!$G$21=$B$10,7,0)+IF('Standard Profiles'!$G$21=$B$17,14,0)+IF('Standard Profiles'!$G$21=$B$24,21,0),0)),0)</f>
        <v>0</v>
      </c>
      <c r="H966" cm="1">
        <f t="array" ref="H966">IFERROR(INDEX(Jesper!AL$2:AL$366,ROUNDDOWN($C966/24,0)+1,1)*INDEX($D$3:$AA$30,INDEX(Jesper!$R$2:$R$366,ROW(INDEX(Jesper!AL$2:AL$366,ROUNDDOWN($C966/24,0)+1,1))-1)+IF('Standard Profiles'!$G$22=$B$10,7,0)+IF('Standard Profiles'!$G$22=$B$17,14,0)+IF('Standard Profiles'!$G$22=$B$24,21,0),MOD($C966,24)+1)/SUM(INDEX($D$3:$AA$30,INDEX(Jesper!$R$2:$R$366,ROW(INDEX(Jesper!AL$2:AL$366,ROUNDDOWN($C966/24,0)+1,1))-1)+IF('Standard Profiles'!$G$22=$B$10,7,0)+IF('Standard Profiles'!$G$22=$B$17,14,0)+IF('Standard Profiles'!$G$22=$B$24,21,0),0)),0)</f>
        <v>0</v>
      </c>
      <c r="I966">
        <f t="shared" si="118"/>
        <v>0.29582415238184973</v>
      </c>
      <c r="J966">
        <f t="shared" si="119"/>
        <v>0.9860805079394992</v>
      </c>
      <c r="K966">
        <f t="shared" si="120"/>
        <v>1.4791207619092486</v>
      </c>
      <c r="L966">
        <f t="shared" si="121"/>
        <v>7.099779657164393</v>
      </c>
      <c r="M966">
        <f t="shared" si="122"/>
        <v>0</v>
      </c>
      <c r="N966" s="46">
        <f t="shared" si="123"/>
        <v>45330.833333331073</v>
      </c>
    </row>
    <row r="967" spans="2:14" x14ac:dyDescent="0.3">
      <c r="B967">
        <f t="shared" si="117"/>
        <v>4</v>
      </c>
      <c r="C967" s="16">
        <v>933</v>
      </c>
      <c r="D967" cm="1">
        <f t="array" ref="D967">IFERROR(INDEX(Jesper!AH$2:AH$366,ROUNDDOWN($C967/24,0)+1,1)*INDEX($D$3:$AA$30,INDEX(Jesper!$R$2:$R$366,ROW(INDEX(Jesper!AH$2:AH$366,ROUNDDOWN($C967/24,0)+1,1))-1)+IF('Standard Profiles'!$G$18=$B$10,7,0)+IF('Standard Profiles'!$G$18=$B$17,14,0)+IF('Standard Profiles'!$G$18=$B$24,21,0),MOD($C967,24)+1)/SUM(INDEX($D$3:$AA$30,INDEX(Jesper!$R$2:$R$366,ROW(INDEX(Jesper!AH$2:AH$366,ROUNDDOWN($C967/24,0)+1,1))-1)+IF('Standard Profiles'!$G$18=$B$10,7,0)+IF('Standard Profiles'!$G$18=$B$17,14,0)+IF('Standard Profiles'!$G$18=$B$24,21,0),0)),0)</f>
        <v>7.3956038095462429</v>
      </c>
      <c r="E967" cm="1">
        <f t="array" ref="E967">IFERROR(INDEX(Jesper!AI$2:AI$366,ROUNDDOWN($C967/24,0)+1,1)*INDEX($D$3:$AA$30,INDEX(Jesper!$R$2:$R$366,ROW(INDEX(Jesper!AI$2:AI$366,ROUNDDOWN($C967/24,0)+1,1))-1)+IF('Standard Profiles'!$G$19=$B$10,7,0)+IF('Standard Profiles'!$G$19=$B$17,14,0)+IF('Standard Profiles'!$G$19=$B$24,21,0),MOD($C967,24)+1)/SUM(INDEX($D$3:$AA$30,INDEX(Jesper!$R$2:$R$366,ROW(INDEX(Jesper!AI$2:AI$366,ROUNDDOWN($C967/24,0)+1,1))-1)+IF('Standard Profiles'!$G$19=$B$10,7,0)+IF('Standard Profiles'!$G$19=$B$17,14,0)+IF('Standard Profiles'!$G$19=$B$24,21,0),0)),0)</f>
        <v>0</v>
      </c>
      <c r="F967" cm="1">
        <f t="array" ref="F967">IFERROR(INDEX(Jesper!AJ$2:AJ$366,ROUNDDOWN($C967/24,0)+1,1)*INDEX($D$3:$AA$30,INDEX(Jesper!$R$2:$R$366,ROW(INDEX(Jesper!AJ$2:AJ$366,ROUNDDOWN($C967/24,0)+1,1))-1)+IF('Standard Profiles'!$G$20=$B$10,7,0)+IF('Standard Profiles'!$G$20=$B$17,14,0)+IF('Standard Profiles'!$G$20=$B$24,21,0),MOD($C967,24)+1)/SUM(INDEX($D$3:$AA$30,INDEX(Jesper!$R$2:$R$366,ROW(INDEX(Jesper!AJ$2:AJ$366,ROUNDDOWN($C967/24,0)+1,1))-1)+IF('Standard Profiles'!$G$20=$B$10,7,0)+IF('Standard Profiles'!$G$20=$B$17,14,0)+IF('Standard Profiles'!$G$20=$B$24,21,0),0)),0)</f>
        <v>0</v>
      </c>
      <c r="G967" cm="1">
        <f t="array" ref="G967">IFERROR(INDEX(Jesper!AK$2:AK$366,ROUNDDOWN($C967/24,0)+1,1)*INDEX($D$3:$AA$30,INDEX(Jesper!$R$2:$R$366,ROW(INDEX(Jesper!AK$2:AK$366,ROUNDDOWN($C967/24,0)+1,1))-1)+IF('Standard Profiles'!$G$21=$B$10,7,0)+IF('Standard Profiles'!$G$21=$B$17,14,0)+IF('Standard Profiles'!$G$21=$B$24,21,0),MOD($C967,24)+1)/SUM(INDEX($D$3:$AA$30,INDEX(Jesper!$R$2:$R$366,ROW(INDEX(Jesper!AK$2:AK$366,ROUNDDOWN($C967/24,0)+1,1))-1)+IF('Standard Profiles'!$G$21=$B$10,7,0)+IF('Standard Profiles'!$G$21=$B$17,14,0)+IF('Standard Profiles'!$G$21=$B$24,21,0),0)),0)</f>
        <v>0</v>
      </c>
      <c r="H967" cm="1">
        <f t="array" ref="H967">IFERROR(INDEX(Jesper!AL$2:AL$366,ROUNDDOWN($C967/24,0)+1,1)*INDEX($D$3:$AA$30,INDEX(Jesper!$R$2:$R$366,ROW(INDEX(Jesper!AL$2:AL$366,ROUNDDOWN($C967/24,0)+1,1))-1)+IF('Standard Profiles'!$G$22=$B$10,7,0)+IF('Standard Profiles'!$G$22=$B$17,14,0)+IF('Standard Profiles'!$G$22=$B$24,21,0),MOD($C967,24)+1)/SUM(INDEX($D$3:$AA$30,INDEX(Jesper!$R$2:$R$366,ROW(INDEX(Jesper!AL$2:AL$366,ROUNDDOWN($C967/24,0)+1,1))-1)+IF('Standard Profiles'!$G$22=$B$10,7,0)+IF('Standard Profiles'!$G$22=$B$17,14,0)+IF('Standard Profiles'!$G$22=$B$24,21,0),0)),0)</f>
        <v>0</v>
      </c>
      <c r="I967">
        <f t="shared" si="118"/>
        <v>0.22186811428638728</v>
      </c>
      <c r="J967">
        <f t="shared" si="119"/>
        <v>0.73956038095462429</v>
      </c>
      <c r="K967">
        <f t="shared" si="120"/>
        <v>1.1093405714319364</v>
      </c>
      <c r="L967">
        <f t="shared" si="121"/>
        <v>5.3248347428732945</v>
      </c>
      <c r="M967">
        <f t="shared" si="122"/>
        <v>0</v>
      </c>
      <c r="N967" s="46">
        <f t="shared" si="123"/>
        <v>45330.874999997737</v>
      </c>
    </row>
    <row r="968" spans="2:14" x14ac:dyDescent="0.3">
      <c r="B968">
        <f t="shared" si="117"/>
        <v>4</v>
      </c>
      <c r="C968" s="16">
        <v>934</v>
      </c>
      <c r="D968" cm="1">
        <f t="array" ref="D968">IFERROR(INDEX(Jesper!AH$2:AH$366,ROUNDDOWN($C968/24,0)+1,1)*INDEX($D$3:$AA$30,INDEX(Jesper!$R$2:$R$366,ROW(INDEX(Jesper!AH$2:AH$366,ROUNDDOWN($C968/24,0)+1,1))-1)+IF('Standard Profiles'!$G$18=$B$10,7,0)+IF('Standard Profiles'!$G$18=$B$17,14,0)+IF('Standard Profiles'!$G$18=$B$24,21,0),MOD($C968,24)+1)/SUM(INDEX($D$3:$AA$30,INDEX(Jesper!$R$2:$R$366,ROW(INDEX(Jesper!AH$2:AH$366,ROUNDDOWN($C968/24,0)+1,1))-1)+IF('Standard Profiles'!$G$18=$B$10,7,0)+IF('Standard Profiles'!$G$18=$B$17,14,0)+IF('Standard Profiles'!$G$18=$B$24,21,0),0)),0)</f>
        <v>7.3956038095462429</v>
      </c>
      <c r="E968" cm="1">
        <f t="array" ref="E968">IFERROR(INDEX(Jesper!AI$2:AI$366,ROUNDDOWN($C968/24,0)+1,1)*INDEX($D$3:$AA$30,INDEX(Jesper!$R$2:$R$366,ROW(INDEX(Jesper!AI$2:AI$366,ROUNDDOWN($C968/24,0)+1,1))-1)+IF('Standard Profiles'!$G$19=$B$10,7,0)+IF('Standard Profiles'!$G$19=$B$17,14,0)+IF('Standard Profiles'!$G$19=$B$24,21,0),MOD($C968,24)+1)/SUM(INDEX($D$3:$AA$30,INDEX(Jesper!$R$2:$R$366,ROW(INDEX(Jesper!AI$2:AI$366,ROUNDDOWN($C968/24,0)+1,1))-1)+IF('Standard Profiles'!$G$19=$B$10,7,0)+IF('Standard Profiles'!$G$19=$B$17,14,0)+IF('Standard Profiles'!$G$19=$B$24,21,0),0)),0)</f>
        <v>0</v>
      </c>
      <c r="F968" cm="1">
        <f t="array" ref="F968">IFERROR(INDEX(Jesper!AJ$2:AJ$366,ROUNDDOWN($C968/24,0)+1,1)*INDEX($D$3:$AA$30,INDEX(Jesper!$R$2:$R$366,ROW(INDEX(Jesper!AJ$2:AJ$366,ROUNDDOWN($C968/24,0)+1,1))-1)+IF('Standard Profiles'!$G$20=$B$10,7,0)+IF('Standard Profiles'!$G$20=$B$17,14,0)+IF('Standard Profiles'!$G$20=$B$24,21,0),MOD($C968,24)+1)/SUM(INDEX($D$3:$AA$30,INDEX(Jesper!$R$2:$R$366,ROW(INDEX(Jesper!AJ$2:AJ$366,ROUNDDOWN($C968/24,0)+1,1))-1)+IF('Standard Profiles'!$G$20=$B$10,7,0)+IF('Standard Profiles'!$G$20=$B$17,14,0)+IF('Standard Profiles'!$G$20=$B$24,21,0),0)),0)</f>
        <v>0</v>
      </c>
      <c r="G968" cm="1">
        <f t="array" ref="G968">IFERROR(INDEX(Jesper!AK$2:AK$366,ROUNDDOWN($C968/24,0)+1,1)*INDEX($D$3:$AA$30,INDEX(Jesper!$R$2:$R$366,ROW(INDEX(Jesper!AK$2:AK$366,ROUNDDOWN($C968/24,0)+1,1))-1)+IF('Standard Profiles'!$G$21=$B$10,7,0)+IF('Standard Profiles'!$G$21=$B$17,14,0)+IF('Standard Profiles'!$G$21=$B$24,21,0),MOD($C968,24)+1)/SUM(INDEX($D$3:$AA$30,INDEX(Jesper!$R$2:$R$366,ROW(INDEX(Jesper!AK$2:AK$366,ROUNDDOWN($C968/24,0)+1,1))-1)+IF('Standard Profiles'!$G$21=$B$10,7,0)+IF('Standard Profiles'!$G$21=$B$17,14,0)+IF('Standard Profiles'!$G$21=$B$24,21,0),0)),0)</f>
        <v>0</v>
      </c>
      <c r="H968" cm="1">
        <f t="array" ref="H968">IFERROR(INDEX(Jesper!AL$2:AL$366,ROUNDDOWN($C968/24,0)+1,1)*INDEX($D$3:$AA$30,INDEX(Jesper!$R$2:$R$366,ROW(INDEX(Jesper!AL$2:AL$366,ROUNDDOWN($C968/24,0)+1,1))-1)+IF('Standard Profiles'!$G$22=$B$10,7,0)+IF('Standard Profiles'!$G$22=$B$17,14,0)+IF('Standard Profiles'!$G$22=$B$24,21,0),MOD($C968,24)+1)/SUM(INDEX($D$3:$AA$30,INDEX(Jesper!$R$2:$R$366,ROW(INDEX(Jesper!AL$2:AL$366,ROUNDDOWN($C968/24,0)+1,1))-1)+IF('Standard Profiles'!$G$22=$B$10,7,0)+IF('Standard Profiles'!$G$22=$B$17,14,0)+IF('Standard Profiles'!$G$22=$B$24,21,0),0)),0)</f>
        <v>0</v>
      </c>
      <c r="I968">
        <f t="shared" si="118"/>
        <v>0.22186811428638728</v>
      </c>
      <c r="J968">
        <f t="shared" si="119"/>
        <v>0.73956038095462429</v>
      </c>
      <c r="K968">
        <f t="shared" si="120"/>
        <v>1.1093405714319364</v>
      </c>
      <c r="L968">
        <f t="shared" si="121"/>
        <v>5.3248347428732945</v>
      </c>
      <c r="M968">
        <f t="shared" si="122"/>
        <v>0</v>
      </c>
      <c r="N968" s="46">
        <f t="shared" si="123"/>
        <v>45330.916666664401</v>
      </c>
    </row>
    <row r="969" spans="2:14" x14ac:dyDescent="0.3">
      <c r="B969">
        <f t="shared" si="117"/>
        <v>4</v>
      </c>
      <c r="C969" s="16">
        <v>935</v>
      </c>
      <c r="D969" cm="1">
        <f t="array" ref="D969">IFERROR(INDEX(Jesper!AH$2:AH$366,ROUNDDOWN($C969/24,0)+1,1)*INDEX($D$3:$AA$30,INDEX(Jesper!$R$2:$R$366,ROW(INDEX(Jesper!AH$2:AH$366,ROUNDDOWN($C969/24,0)+1,1))-1)+IF('Standard Profiles'!$G$18=$B$10,7,0)+IF('Standard Profiles'!$G$18=$B$17,14,0)+IF('Standard Profiles'!$G$18=$B$24,21,0),MOD($C969,24)+1)/SUM(INDEX($D$3:$AA$30,INDEX(Jesper!$R$2:$R$366,ROW(INDEX(Jesper!AH$2:AH$366,ROUNDDOWN($C969/24,0)+1,1))-1)+IF('Standard Profiles'!$G$18=$B$10,7,0)+IF('Standard Profiles'!$G$18=$B$17,14,0)+IF('Standard Profiles'!$G$18=$B$24,21,0),0)),0)</f>
        <v>7.3956038095462429</v>
      </c>
      <c r="E969" cm="1">
        <f t="array" ref="E969">IFERROR(INDEX(Jesper!AI$2:AI$366,ROUNDDOWN($C969/24,0)+1,1)*INDEX($D$3:$AA$30,INDEX(Jesper!$R$2:$R$366,ROW(INDEX(Jesper!AI$2:AI$366,ROUNDDOWN($C969/24,0)+1,1))-1)+IF('Standard Profiles'!$G$19=$B$10,7,0)+IF('Standard Profiles'!$G$19=$B$17,14,0)+IF('Standard Profiles'!$G$19=$B$24,21,0),MOD($C969,24)+1)/SUM(INDEX($D$3:$AA$30,INDEX(Jesper!$R$2:$R$366,ROW(INDEX(Jesper!AI$2:AI$366,ROUNDDOWN($C969/24,0)+1,1))-1)+IF('Standard Profiles'!$G$19=$B$10,7,0)+IF('Standard Profiles'!$G$19=$B$17,14,0)+IF('Standard Profiles'!$G$19=$B$24,21,0),0)),0)</f>
        <v>0</v>
      </c>
      <c r="F969" cm="1">
        <f t="array" ref="F969">IFERROR(INDEX(Jesper!AJ$2:AJ$366,ROUNDDOWN($C969/24,0)+1,1)*INDEX($D$3:$AA$30,INDEX(Jesper!$R$2:$R$366,ROW(INDEX(Jesper!AJ$2:AJ$366,ROUNDDOWN($C969/24,0)+1,1))-1)+IF('Standard Profiles'!$G$20=$B$10,7,0)+IF('Standard Profiles'!$G$20=$B$17,14,0)+IF('Standard Profiles'!$G$20=$B$24,21,0),MOD($C969,24)+1)/SUM(INDEX($D$3:$AA$30,INDEX(Jesper!$R$2:$R$366,ROW(INDEX(Jesper!AJ$2:AJ$366,ROUNDDOWN($C969/24,0)+1,1))-1)+IF('Standard Profiles'!$G$20=$B$10,7,0)+IF('Standard Profiles'!$G$20=$B$17,14,0)+IF('Standard Profiles'!$G$20=$B$24,21,0),0)),0)</f>
        <v>0</v>
      </c>
      <c r="G969" cm="1">
        <f t="array" ref="G969">IFERROR(INDEX(Jesper!AK$2:AK$366,ROUNDDOWN($C969/24,0)+1,1)*INDEX($D$3:$AA$30,INDEX(Jesper!$R$2:$R$366,ROW(INDEX(Jesper!AK$2:AK$366,ROUNDDOWN($C969/24,0)+1,1))-1)+IF('Standard Profiles'!$G$21=$B$10,7,0)+IF('Standard Profiles'!$G$21=$B$17,14,0)+IF('Standard Profiles'!$G$21=$B$24,21,0),MOD($C969,24)+1)/SUM(INDEX($D$3:$AA$30,INDEX(Jesper!$R$2:$R$366,ROW(INDEX(Jesper!AK$2:AK$366,ROUNDDOWN($C969/24,0)+1,1))-1)+IF('Standard Profiles'!$G$21=$B$10,7,0)+IF('Standard Profiles'!$G$21=$B$17,14,0)+IF('Standard Profiles'!$G$21=$B$24,21,0),0)),0)</f>
        <v>0</v>
      </c>
      <c r="H969" cm="1">
        <f t="array" ref="H969">IFERROR(INDEX(Jesper!AL$2:AL$366,ROUNDDOWN($C969/24,0)+1,1)*INDEX($D$3:$AA$30,INDEX(Jesper!$R$2:$R$366,ROW(INDEX(Jesper!AL$2:AL$366,ROUNDDOWN($C969/24,0)+1,1))-1)+IF('Standard Profiles'!$G$22=$B$10,7,0)+IF('Standard Profiles'!$G$22=$B$17,14,0)+IF('Standard Profiles'!$G$22=$B$24,21,0),MOD($C969,24)+1)/SUM(INDEX($D$3:$AA$30,INDEX(Jesper!$R$2:$R$366,ROW(INDEX(Jesper!AL$2:AL$366,ROUNDDOWN($C969/24,0)+1,1))-1)+IF('Standard Profiles'!$G$22=$B$10,7,0)+IF('Standard Profiles'!$G$22=$B$17,14,0)+IF('Standard Profiles'!$G$22=$B$24,21,0),0)),0)</f>
        <v>0</v>
      </c>
      <c r="I969">
        <f t="shared" si="118"/>
        <v>0.22186811428638728</v>
      </c>
      <c r="J969">
        <f t="shared" si="119"/>
        <v>0.73956038095462429</v>
      </c>
      <c r="K969">
        <f t="shared" si="120"/>
        <v>1.1093405714319364</v>
      </c>
      <c r="L969">
        <f t="shared" si="121"/>
        <v>5.3248347428732945</v>
      </c>
      <c r="M969">
        <f t="shared" si="122"/>
        <v>0</v>
      </c>
      <c r="N969" s="46">
        <f t="shared" si="123"/>
        <v>45330.958333331066</v>
      </c>
    </row>
    <row r="970" spans="2:14" x14ac:dyDescent="0.3">
      <c r="B970">
        <f t="shared" si="117"/>
        <v>5</v>
      </c>
      <c r="C970" s="16">
        <v>936</v>
      </c>
      <c r="D970" cm="1">
        <f t="array" ref="D970">IFERROR(INDEX(Jesper!AH$2:AH$366,ROUNDDOWN($C970/24,0)+1,1)*INDEX($D$3:$AA$30,INDEX(Jesper!$R$2:$R$366,ROW(INDEX(Jesper!AH$2:AH$366,ROUNDDOWN($C970/24,0)+1,1))-1)+IF('Standard Profiles'!$G$18=$B$10,7,0)+IF('Standard Profiles'!$G$18=$B$17,14,0)+IF('Standard Profiles'!$G$18=$B$24,21,0),MOD($C970,24)+1)/SUM(INDEX($D$3:$AA$30,INDEX(Jesper!$R$2:$R$366,ROW(INDEX(Jesper!AH$2:AH$366,ROUNDDOWN($C970/24,0)+1,1))-1)+IF('Standard Profiles'!$G$18=$B$10,7,0)+IF('Standard Profiles'!$G$18=$B$17,14,0)+IF('Standard Profiles'!$G$18=$B$24,21,0),0)),0)</f>
        <v>8.4391965075792168</v>
      </c>
      <c r="E970" cm="1">
        <f t="array" ref="E970">IFERROR(INDEX(Jesper!AI$2:AI$366,ROUNDDOWN($C970/24,0)+1,1)*INDEX($D$3:$AA$30,INDEX(Jesper!$R$2:$R$366,ROW(INDEX(Jesper!AI$2:AI$366,ROUNDDOWN($C970/24,0)+1,1))-1)+IF('Standard Profiles'!$G$19=$B$10,7,0)+IF('Standard Profiles'!$G$19=$B$17,14,0)+IF('Standard Profiles'!$G$19=$B$24,21,0),MOD($C970,24)+1)/SUM(INDEX($D$3:$AA$30,INDEX(Jesper!$R$2:$R$366,ROW(INDEX(Jesper!AI$2:AI$366,ROUNDDOWN($C970/24,0)+1,1))-1)+IF('Standard Profiles'!$G$19=$B$10,7,0)+IF('Standard Profiles'!$G$19=$B$17,14,0)+IF('Standard Profiles'!$G$19=$B$24,21,0),0)),0)</f>
        <v>0</v>
      </c>
      <c r="F970" cm="1">
        <f t="array" ref="F970">IFERROR(INDEX(Jesper!AJ$2:AJ$366,ROUNDDOWN($C970/24,0)+1,1)*INDEX($D$3:$AA$30,INDEX(Jesper!$R$2:$R$366,ROW(INDEX(Jesper!AJ$2:AJ$366,ROUNDDOWN($C970/24,0)+1,1))-1)+IF('Standard Profiles'!$G$20=$B$10,7,0)+IF('Standard Profiles'!$G$20=$B$17,14,0)+IF('Standard Profiles'!$G$20=$B$24,21,0),MOD($C970,24)+1)/SUM(INDEX($D$3:$AA$30,INDEX(Jesper!$R$2:$R$366,ROW(INDEX(Jesper!AJ$2:AJ$366,ROUNDDOWN($C970/24,0)+1,1))-1)+IF('Standard Profiles'!$G$20=$B$10,7,0)+IF('Standard Profiles'!$G$20=$B$17,14,0)+IF('Standard Profiles'!$G$20=$B$24,21,0),0)),0)</f>
        <v>0</v>
      </c>
      <c r="G970" cm="1">
        <f t="array" ref="G970">IFERROR(INDEX(Jesper!AK$2:AK$366,ROUNDDOWN($C970/24,0)+1,1)*INDEX($D$3:$AA$30,INDEX(Jesper!$R$2:$R$366,ROW(INDEX(Jesper!AK$2:AK$366,ROUNDDOWN($C970/24,0)+1,1))-1)+IF('Standard Profiles'!$G$21=$B$10,7,0)+IF('Standard Profiles'!$G$21=$B$17,14,0)+IF('Standard Profiles'!$G$21=$B$24,21,0),MOD($C970,24)+1)/SUM(INDEX($D$3:$AA$30,INDEX(Jesper!$R$2:$R$366,ROW(INDEX(Jesper!AK$2:AK$366,ROUNDDOWN($C970/24,0)+1,1))-1)+IF('Standard Profiles'!$G$21=$B$10,7,0)+IF('Standard Profiles'!$G$21=$B$17,14,0)+IF('Standard Profiles'!$G$21=$B$24,21,0),0)),0)</f>
        <v>0</v>
      </c>
      <c r="H970" cm="1">
        <f t="array" ref="H970">IFERROR(INDEX(Jesper!AL$2:AL$366,ROUNDDOWN($C970/24,0)+1,1)*INDEX($D$3:$AA$30,INDEX(Jesper!$R$2:$R$366,ROW(INDEX(Jesper!AL$2:AL$366,ROUNDDOWN($C970/24,0)+1,1))-1)+IF('Standard Profiles'!$G$22=$B$10,7,0)+IF('Standard Profiles'!$G$22=$B$17,14,0)+IF('Standard Profiles'!$G$22=$B$24,21,0),MOD($C970,24)+1)/SUM(INDEX($D$3:$AA$30,INDEX(Jesper!$R$2:$R$366,ROW(INDEX(Jesper!AL$2:AL$366,ROUNDDOWN($C970/24,0)+1,1))-1)+IF('Standard Profiles'!$G$22=$B$10,7,0)+IF('Standard Profiles'!$G$22=$B$17,14,0)+IF('Standard Profiles'!$G$22=$B$24,21,0),0)),0)</f>
        <v>0</v>
      </c>
      <c r="I970">
        <f t="shared" si="118"/>
        <v>0.25317589522737649</v>
      </c>
      <c r="J970">
        <f t="shared" si="119"/>
        <v>0.84391965075792175</v>
      </c>
      <c r="K970">
        <f t="shared" si="120"/>
        <v>1.2658794761368826</v>
      </c>
      <c r="L970">
        <f t="shared" si="121"/>
        <v>6.0762214854570358</v>
      </c>
      <c r="M970">
        <f t="shared" si="122"/>
        <v>0</v>
      </c>
      <c r="N970" s="46">
        <f t="shared" si="123"/>
        <v>45330.99999999773</v>
      </c>
    </row>
    <row r="971" spans="2:14" x14ac:dyDescent="0.3">
      <c r="B971">
        <f t="shared" si="117"/>
        <v>5</v>
      </c>
      <c r="C971" s="16">
        <v>937</v>
      </c>
      <c r="D971" cm="1">
        <f t="array" ref="D971">IFERROR(INDEX(Jesper!AH$2:AH$366,ROUNDDOWN($C971/24,0)+1,1)*INDEX($D$3:$AA$30,INDEX(Jesper!$R$2:$R$366,ROW(INDEX(Jesper!AH$2:AH$366,ROUNDDOWN($C971/24,0)+1,1))-1)+IF('Standard Profiles'!$G$18=$B$10,7,0)+IF('Standard Profiles'!$G$18=$B$17,14,0)+IF('Standard Profiles'!$G$18=$B$24,21,0),MOD($C971,24)+1)/SUM(INDEX($D$3:$AA$30,INDEX(Jesper!$R$2:$R$366,ROW(INDEX(Jesper!AH$2:AH$366,ROUNDDOWN($C971/24,0)+1,1))-1)+IF('Standard Profiles'!$G$18=$B$10,7,0)+IF('Standard Profiles'!$G$18=$B$17,14,0)+IF('Standard Profiles'!$G$18=$B$24,21,0),0)),0)</f>
        <v>8.4391965075792168</v>
      </c>
      <c r="E971" cm="1">
        <f t="array" ref="E971">IFERROR(INDEX(Jesper!AI$2:AI$366,ROUNDDOWN($C971/24,0)+1,1)*INDEX($D$3:$AA$30,INDEX(Jesper!$R$2:$R$366,ROW(INDEX(Jesper!AI$2:AI$366,ROUNDDOWN($C971/24,0)+1,1))-1)+IF('Standard Profiles'!$G$19=$B$10,7,0)+IF('Standard Profiles'!$G$19=$B$17,14,0)+IF('Standard Profiles'!$G$19=$B$24,21,0),MOD($C971,24)+1)/SUM(INDEX($D$3:$AA$30,INDEX(Jesper!$R$2:$R$366,ROW(INDEX(Jesper!AI$2:AI$366,ROUNDDOWN($C971/24,0)+1,1))-1)+IF('Standard Profiles'!$G$19=$B$10,7,0)+IF('Standard Profiles'!$G$19=$B$17,14,0)+IF('Standard Profiles'!$G$19=$B$24,21,0),0)),0)</f>
        <v>0</v>
      </c>
      <c r="F971" cm="1">
        <f t="array" ref="F971">IFERROR(INDEX(Jesper!AJ$2:AJ$366,ROUNDDOWN($C971/24,0)+1,1)*INDEX($D$3:$AA$30,INDEX(Jesper!$R$2:$R$366,ROW(INDEX(Jesper!AJ$2:AJ$366,ROUNDDOWN($C971/24,0)+1,1))-1)+IF('Standard Profiles'!$G$20=$B$10,7,0)+IF('Standard Profiles'!$G$20=$B$17,14,0)+IF('Standard Profiles'!$G$20=$B$24,21,0),MOD($C971,24)+1)/SUM(INDEX($D$3:$AA$30,INDEX(Jesper!$R$2:$R$366,ROW(INDEX(Jesper!AJ$2:AJ$366,ROUNDDOWN($C971/24,0)+1,1))-1)+IF('Standard Profiles'!$G$20=$B$10,7,0)+IF('Standard Profiles'!$G$20=$B$17,14,0)+IF('Standard Profiles'!$G$20=$B$24,21,0),0)),0)</f>
        <v>0</v>
      </c>
      <c r="G971" cm="1">
        <f t="array" ref="G971">IFERROR(INDEX(Jesper!AK$2:AK$366,ROUNDDOWN($C971/24,0)+1,1)*INDEX($D$3:$AA$30,INDEX(Jesper!$R$2:$R$366,ROW(INDEX(Jesper!AK$2:AK$366,ROUNDDOWN($C971/24,0)+1,1))-1)+IF('Standard Profiles'!$G$21=$B$10,7,0)+IF('Standard Profiles'!$G$21=$B$17,14,0)+IF('Standard Profiles'!$G$21=$B$24,21,0),MOD($C971,24)+1)/SUM(INDEX($D$3:$AA$30,INDEX(Jesper!$R$2:$R$366,ROW(INDEX(Jesper!AK$2:AK$366,ROUNDDOWN($C971/24,0)+1,1))-1)+IF('Standard Profiles'!$G$21=$B$10,7,0)+IF('Standard Profiles'!$G$21=$B$17,14,0)+IF('Standard Profiles'!$G$21=$B$24,21,0),0)),0)</f>
        <v>0</v>
      </c>
      <c r="H971" cm="1">
        <f t="array" ref="H971">IFERROR(INDEX(Jesper!AL$2:AL$366,ROUNDDOWN($C971/24,0)+1,1)*INDEX($D$3:$AA$30,INDEX(Jesper!$R$2:$R$366,ROW(INDEX(Jesper!AL$2:AL$366,ROUNDDOWN($C971/24,0)+1,1))-1)+IF('Standard Profiles'!$G$22=$B$10,7,0)+IF('Standard Profiles'!$G$22=$B$17,14,0)+IF('Standard Profiles'!$G$22=$B$24,21,0),MOD($C971,24)+1)/SUM(INDEX($D$3:$AA$30,INDEX(Jesper!$R$2:$R$366,ROW(INDEX(Jesper!AL$2:AL$366,ROUNDDOWN($C971/24,0)+1,1))-1)+IF('Standard Profiles'!$G$22=$B$10,7,0)+IF('Standard Profiles'!$G$22=$B$17,14,0)+IF('Standard Profiles'!$G$22=$B$24,21,0),0)),0)</f>
        <v>0</v>
      </c>
      <c r="I971">
        <f t="shared" si="118"/>
        <v>0.25317589522737649</v>
      </c>
      <c r="J971">
        <f t="shared" si="119"/>
        <v>0.84391965075792175</v>
      </c>
      <c r="K971">
        <f t="shared" si="120"/>
        <v>1.2658794761368826</v>
      </c>
      <c r="L971">
        <f t="shared" si="121"/>
        <v>6.0762214854570358</v>
      </c>
      <c r="M971">
        <f t="shared" si="122"/>
        <v>0</v>
      </c>
      <c r="N971" s="46">
        <f t="shared" si="123"/>
        <v>45331.041666664394</v>
      </c>
    </row>
    <row r="972" spans="2:14" x14ac:dyDescent="0.3">
      <c r="B972">
        <f t="shared" si="117"/>
        <v>5</v>
      </c>
      <c r="C972" s="16">
        <v>938</v>
      </c>
      <c r="D972" cm="1">
        <f t="array" ref="D972">IFERROR(INDEX(Jesper!AH$2:AH$366,ROUNDDOWN($C972/24,0)+1,1)*INDEX($D$3:$AA$30,INDEX(Jesper!$R$2:$R$366,ROW(INDEX(Jesper!AH$2:AH$366,ROUNDDOWN($C972/24,0)+1,1))-1)+IF('Standard Profiles'!$G$18=$B$10,7,0)+IF('Standard Profiles'!$G$18=$B$17,14,0)+IF('Standard Profiles'!$G$18=$B$24,21,0),MOD($C972,24)+1)/SUM(INDEX($D$3:$AA$30,INDEX(Jesper!$R$2:$R$366,ROW(INDEX(Jesper!AH$2:AH$366,ROUNDDOWN($C972/24,0)+1,1))-1)+IF('Standard Profiles'!$G$18=$B$10,7,0)+IF('Standard Profiles'!$G$18=$B$17,14,0)+IF('Standard Profiles'!$G$18=$B$24,21,0),0)),0)</f>
        <v>8.4391965075792168</v>
      </c>
      <c r="E972" cm="1">
        <f t="array" ref="E972">IFERROR(INDEX(Jesper!AI$2:AI$366,ROUNDDOWN($C972/24,0)+1,1)*INDEX($D$3:$AA$30,INDEX(Jesper!$R$2:$R$366,ROW(INDEX(Jesper!AI$2:AI$366,ROUNDDOWN($C972/24,0)+1,1))-1)+IF('Standard Profiles'!$G$19=$B$10,7,0)+IF('Standard Profiles'!$G$19=$B$17,14,0)+IF('Standard Profiles'!$G$19=$B$24,21,0),MOD($C972,24)+1)/SUM(INDEX($D$3:$AA$30,INDEX(Jesper!$R$2:$R$366,ROW(INDEX(Jesper!AI$2:AI$366,ROUNDDOWN($C972/24,0)+1,1))-1)+IF('Standard Profiles'!$G$19=$B$10,7,0)+IF('Standard Profiles'!$G$19=$B$17,14,0)+IF('Standard Profiles'!$G$19=$B$24,21,0),0)),0)</f>
        <v>0</v>
      </c>
      <c r="F972" cm="1">
        <f t="array" ref="F972">IFERROR(INDEX(Jesper!AJ$2:AJ$366,ROUNDDOWN($C972/24,0)+1,1)*INDEX($D$3:$AA$30,INDEX(Jesper!$R$2:$R$366,ROW(INDEX(Jesper!AJ$2:AJ$366,ROUNDDOWN($C972/24,0)+1,1))-1)+IF('Standard Profiles'!$G$20=$B$10,7,0)+IF('Standard Profiles'!$G$20=$B$17,14,0)+IF('Standard Profiles'!$G$20=$B$24,21,0),MOD($C972,24)+1)/SUM(INDEX($D$3:$AA$30,INDEX(Jesper!$R$2:$R$366,ROW(INDEX(Jesper!AJ$2:AJ$366,ROUNDDOWN($C972/24,0)+1,1))-1)+IF('Standard Profiles'!$G$20=$B$10,7,0)+IF('Standard Profiles'!$G$20=$B$17,14,0)+IF('Standard Profiles'!$G$20=$B$24,21,0),0)),0)</f>
        <v>0</v>
      </c>
      <c r="G972" cm="1">
        <f t="array" ref="G972">IFERROR(INDEX(Jesper!AK$2:AK$366,ROUNDDOWN($C972/24,0)+1,1)*INDEX($D$3:$AA$30,INDEX(Jesper!$R$2:$R$366,ROW(INDEX(Jesper!AK$2:AK$366,ROUNDDOWN($C972/24,0)+1,1))-1)+IF('Standard Profiles'!$G$21=$B$10,7,0)+IF('Standard Profiles'!$G$21=$B$17,14,0)+IF('Standard Profiles'!$G$21=$B$24,21,0),MOD($C972,24)+1)/SUM(INDEX($D$3:$AA$30,INDEX(Jesper!$R$2:$R$366,ROW(INDEX(Jesper!AK$2:AK$366,ROUNDDOWN($C972/24,0)+1,1))-1)+IF('Standard Profiles'!$G$21=$B$10,7,0)+IF('Standard Profiles'!$G$21=$B$17,14,0)+IF('Standard Profiles'!$G$21=$B$24,21,0),0)),0)</f>
        <v>0</v>
      </c>
      <c r="H972" cm="1">
        <f t="array" ref="H972">IFERROR(INDEX(Jesper!AL$2:AL$366,ROUNDDOWN($C972/24,0)+1,1)*INDEX($D$3:$AA$30,INDEX(Jesper!$R$2:$R$366,ROW(INDEX(Jesper!AL$2:AL$366,ROUNDDOWN($C972/24,0)+1,1))-1)+IF('Standard Profiles'!$G$22=$B$10,7,0)+IF('Standard Profiles'!$G$22=$B$17,14,0)+IF('Standard Profiles'!$G$22=$B$24,21,0),MOD($C972,24)+1)/SUM(INDEX($D$3:$AA$30,INDEX(Jesper!$R$2:$R$366,ROW(INDEX(Jesper!AL$2:AL$366,ROUNDDOWN($C972/24,0)+1,1))-1)+IF('Standard Profiles'!$G$22=$B$10,7,0)+IF('Standard Profiles'!$G$22=$B$17,14,0)+IF('Standard Profiles'!$G$22=$B$24,21,0),0)),0)</f>
        <v>0</v>
      </c>
      <c r="I972">
        <f t="shared" si="118"/>
        <v>0.25317589522737649</v>
      </c>
      <c r="J972">
        <f t="shared" si="119"/>
        <v>0.84391965075792175</v>
      </c>
      <c r="K972">
        <f t="shared" si="120"/>
        <v>1.2658794761368826</v>
      </c>
      <c r="L972">
        <f t="shared" si="121"/>
        <v>6.0762214854570358</v>
      </c>
      <c r="M972">
        <f t="shared" si="122"/>
        <v>0</v>
      </c>
      <c r="N972" s="46">
        <f t="shared" si="123"/>
        <v>45331.083333331058</v>
      </c>
    </row>
    <row r="973" spans="2:14" x14ac:dyDescent="0.3">
      <c r="B973">
        <f t="shared" si="117"/>
        <v>5</v>
      </c>
      <c r="C973" s="16">
        <v>939</v>
      </c>
      <c r="D973" cm="1">
        <f t="array" ref="D973">IFERROR(INDEX(Jesper!AH$2:AH$366,ROUNDDOWN($C973/24,0)+1,1)*INDEX($D$3:$AA$30,INDEX(Jesper!$R$2:$R$366,ROW(INDEX(Jesper!AH$2:AH$366,ROUNDDOWN($C973/24,0)+1,1))-1)+IF('Standard Profiles'!$G$18=$B$10,7,0)+IF('Standard Profiles'!$G$18=$B$17,14,0)+IF('Standard Profiles'!$G$18=$B$24,21,0),MOD($C973,24)+1)/SUM(INDEX($D$3:$AA$30,INDEX(Jesper!$R$2:$R$366,ROW(INDEX(Jesper!AH$2:AH$366,ROUNDDOWN($C973/24,0)+1,1))-1)+IF('Standard Profiles'!$G$18=$B$10,7,0)+IF('Standard Profiles'!$G$18=$B$17,14,0)+IF('Standard Profiles'!$G$18=$B$24,21,0),0)),0)</f>
        <v>8.4391965075792168</v>
      </c>
      <c r="E973" cm="1">
        <f t="array" ref="E973">IFERROR(INDEX(Jesper!AI$2:AI$366,ROUNDDOWN($C973/24,0)+1,1)*INDEX($D$3:$AA$30,INDEX(Jesper!$R$2:$R$366,ROW(INDEX(Jesper!AI$2:AI$366,ROUNDDOWN($C973/24,0)+1,1))-1)+IF('Standard Profiles'!$G$19=$B$10,7,0)+IF('Standard Profiles'!$G$19=$B$17,14,0)+IF('Standard Profiles'!$G$19=$B$24,21,0),MOD($C973,24)+1)/SUM(INDEX($D$3:$AA$30,INDEX(Jesper!$R$2:$R$366,ROW(INDEX(Jesper!AI$2:AI$366,ROUNDDOWN($C973/24,0)+1,1))-1)+IF('Standard Profiles'!$G$19=$B$10,7,0)+IF('Standard Profiles'!$G$19=$B$17,14,0)+IF('Standard Profiles'!$G$19=$B$24,21,0),0)),0)</f>
        <v>0</v>
      </c>
      <c r="F973" cm="1">
        <f t="array" ref="F973">IFERROR(INDEX(Jesper!AJ$2:AJ$366,ROUNDDOWN($C973/24,0)+1,1)*INDEX($D$3:$AA$30,INDEX(Jesper!$R$2:$R$366,ROW(INDEX(Jesper!AJ$2:AJ$366,ROUNDDOWN($C973/24,0)+1,1))-1)+IF('Standard Profiles'!$G$20=$B$10,7,0)+IF('Standard Profiles'!$G$20=$B$17,14,0)+IF('Standard Profiles'!$G$20=$B$24,21,0),MOD($C973,24)+1)/SUM(INDEX($D$3:$AA$30,INDEX(Jesper!$R$2:$R$366,ROW(INDEX(Jesper!AJ$2:AJ$366,ROUNDDOWN($C973/24,0)+1,1))-1)+IF('Standard Profiles'!$G$20=$B$10,7,0)+IF('Standard Profiles'!$G$20=$B$17,14,0)+IF('Standard Profiles'!$G$20=$B$24,21,0),0)),0)</f>
        <v>0</v>
      </c>
      <c r="G973" cm="1">
        <f t="array" ref="G973">IFERROR(INDEX(Jesper!AK$2:AK$366,ROUNDDOWN($C973/24,0)+1,1)*INDEX($D$3:$AA$30,INDEX(Jesper!$R$2:$R$366,ROW(INDEX(Jesper!AK$2:AK$366,ROUNDDOWN($C973/24,0)+1,1))-1)+IF('Standard Profiles'!$G$21=$B$10,7,0)+IF('Standard Profiles'!$G$21=$B$17,14,0)+IF('Standard Profiles'!$G$21=$B$24,21,0),MOD($C973,24)+1)/SUM(INDEX($D$3:$AA$30,INDEX(Jesper!$R$2:$R$366,ROW(INDEX(Jesper!AK$2:AK$366,ROUNDDOWN($C973/24,0)+1,1))-1)+IF('Standard Profiles'!$G$21=$B$10,7,0)+IF('Standard Profiles'!$G$21=$B$17,14,0)+IF('Standard Profiles'!$G$21=$B$24,21,0),0)),0)</f>
        <v>0</v>
      </c>
      <c r="H973" cm="1">
        <f t="array" ref="H973">IFERROR(INDEX(Jesper!AL$2:AL$366,ROUNDDOWN($C973/24,0)+1,1)*INDEX($D$3:$AA$30,INDEX(Jesper!$R$2:$R$366,ROW(INDEX(Jesper!AL$2:AL$366,ROUNDDOWN($C973/24,0)+1,1))-1)+IF('Standard Profiles'!$G$22=$B$10,7,0)+IF('Standard Profiles'!$G$22=$B$17,14,0)+IF('Standard Profiles'!$G$22=$B$24,21,0),MOD($C973,24)+1)/SUM(INDEX($D$3:$AA$30,INDEX(Jesper!$R$2:$R$366,ROW(INDEX(Jesper!AL$2:AL$366,ROUNDDOWN($C973/24,0)+1,1))-1)+IF('Standard Profiles'!$G$22=$B$10,7,0)+IF('Standard Profiles'!$G$22=$B$17,14,0)+IF('Standard Profiles'!$G$22=$B$24,21,0),0)),0)</f>
        <v>0</v>
      </c>
      <c r="I973">
        <f t="shared" si="118"/>
        <v>0.25317589522737649</v>
      </c>
      <c r="J973">
        <f t="shared" si="119"/>
        <v>0.84391965075792175</v>
      </c>
      <c r="K973">
        <f t="shared" si="120"/>
        <v>1.2658794761368826</v>
      </c>
      <c r="L973">
        <f t="shared" si="121"/>
        <v>6.0762214854570358</v>
      </c>
      <c r="M973">
        <f t="shared" si="122"/>
        <v>0</v>
      </c>
      <c r="N973" s="46">
        <f t="shared" si="123"/>
        <v>45331.124999997723</v>
      </c>
    </row>
    <row r="974" spans="2:14" x14ac:dyDescent="0.3">
      <c r="B974">
        <f t="shared" si="117"/>
        <v>5</v>
      </c>
      <c r="C974" s="16">
        <v>940</v>
      </c>
      <c r="D974" cm="1">
        <f t="array" ref="D974">IFERROR(INDEX(Jesper!AH$2:AH$366,ROUNDDOWN($C974/24,0)+1,1)*INDEX($D$3:$AA$30,INDEX(Jesper!$R$2:$R$366,ROW(INDEX(Jesper!AH$2:AH$366,ROUNDDOWN($C974/24,0)+1,1))-1)+IF('Standard Profiles'!$G$18=$B$10,7,0)+IF('Standard Profiles'!$G$18=$B$17,14,0)+IF('Standard Profiles'!$G$18=$B$24,21,0),MOD($C974,24)+1)/SUM(INDEX($D$3:$AA$30,INDEX(Jesper!$R$2:$R$366,ROW(INDEX(Jesper!AH$2:AH$366,ROUNDDOWN($C974/24,0)+1,1))-1)+IF('Standard Profiles'!$G$18=$B$10,7,0)+IF('Standard Profiles'!$G$18=$B$17,14,0)+IF('Standard Profiles'!$G$18=$B$24,21,0),0)),0)</f>
        <v>8.4391965075792168</v>
      </c>
      <c r="E974" cm="1">
        <f t="array" ref="E974">IFERROR(INDEX(Jesper!AI$2:AI$366,ROUNDDOWN($C974/24,0)+1,1)*INDEX($D$3:$AA$30,INDEX(Jesper!$R$2:$R$366,ROW(INDEX(Jesper!AI$2:AI$366,ROUNDDOWN($C974/24,0)+1,1))-1)+IF('Standard Profiles'!$G$19=$B$10,7,0)+IF('Standard Profiles'!$G$19=$B$17,14,0)+IF('Standard Profiles'!$G$19=$B$24,21,0),MOD($C974,24)+1)/SUM(INDEX($D$3:$AA$30,INDEX(Jesper!$R$2:$R$366,ROW(INDEX(Jesper!AI$2:AI$366,ROUNDDOWN($C974/24,0)+1,1))-1)+IF('Standard Profiles'!$G$19=$B$10,7,0)+IF('Standard Profiles'!$G$19=$B$17,14,0)+IF('Standard Profiles'!$G$19=$B$24,21,0),0)),0)</f>
        <v>0</v>
      </c>
      <c r="F974" cm="1">
        <f t="array" ref="F974">IFERROR(INDEX(Jesper!AJ$2:AJ$366,ROUNDDOWN($C974/24,0)+1,1)*INDEX($D$3:$AA$30,INDEX(Jesper!$R$2:$R$366,ROW(INDEX(Jesper!AJ$2:AJ$366,ROUNDDOWN($C974/24,0)+1,1))-1)+IF('Standard Profiles'!$G$20=$B$10,7,0)+IF('Standard Profiles'!$G$20=$B$17,14,0)+IF('Standard Profiles'!$G$20=$B$24,21,0),MOD($C974,24)+1)/SUM(INDEX($D$3:$AA$30,INDEX(Jesper!$R$2:$R$366,ROW(INDEX(Jesper!AJ$2:AJ$366,ROUNDDOWN($C974/24,0)+1,1))-1)+IF('Standard Profiles'!$G$20=$B$10,7,0)+IF('Standard Profiles'!$G$20=$B$17,14,0)+IF('Standard Profiles'!$G$20=$B$24,21,0),0)),0)</f>
        <v>0</v>
      </c>
      <c r="G974" cm="1">
        <f t="array" ref="G974">IFERROR(INDEX(Jesper!AK$2:AK$366,ROUNDDOWN($C974/24,0)+1,1)*INDEX($D$3:$AA$30,INDEX(Jesper!$R$2:$R$366,ROW(INDEX(Jesper!AK$2:AK$366,ROUNDDOWN($C974/24,0)+1,1))-1)+IF('Standard Profiles'!$G$21=$B$10,7,0)+IF('Standard Profiles'!$G$21=$B$17,14,0)+IF('Standard Profiles'!$G$21=$B$24,21,0),MOD($C974,24)+1)/SUM(INDEX($D$3:$AA$30,INDEX(Jesper!$R$2:$R$366,ROW(INDEX(Jesper!AK$2:AK$366,ROUNDDOWN($C974/24,0)+1,1))-1)+IF('Standard Profiles'!$G$21=$B$10,7,0)+IF('Standard Profiles'!$G$21=$B$17,14,0)+IF('Standard Profiles'!$G$21=$B$24,21,0),0)),0)</f>
        <v>0</v>
      </c>
      <c r="H974" cm="1">
        <f t="array" ref="H974">IFERROR(INDEX(Jesper!AL$2:AL$366,ROUNDDOWN($C974/24,0)+1,1)*INDEX($D$3:$AA$30,INDEX(Jesper!$R$2:$R$366,ROW(INDEX(Jesper!AL$2:AL$366,ROUNDDOWN($C974/24,0)+1,1))-1)+IF('Standard Profiles'!$G$22=$B$10,7,0)+IF('Standard Profiles'!$G$22=$B$17,14,0)+IF('Standard Profiles'!$G$22=$B$24,21,0),MOD($C974,24)+1)/SUM(INDEX($D$3:$AA$30,INDEX(Jesper!$R$2:$R$366,ROW(INDEX(Jesper!AL$2:AL$366,ROUNDDOWN($C974/24,0)+1,1))-1)+IF('Standard Profiles'!$G$22=$B$10,7,0)+IF('Standard Profiles'!$G$22=$B$17,14,0)+IF('Standard Profiles'!$G$22=$B$24,21,0),0)),0)</f>
        <v>0</v>
      </c>
      <c r="I974">
        <f t="shared" si="118"/>
        <v>0.25317589522737649</v>
      </c>
      <c r="J974">
        <f t="shared" si="119"/>
        <v>0.84391965075792175</v>
      </c>
      <c r="K974">
        <f t="shared" si="120"/>
        <v>1.2658794761368826</v>
      </c>
      <c r="L974">
        <f t="shared" si="121"/>
        <v>6.0762214854570358</v>
      </c>
      <c r="M974">
        <f t="shared" si="122"/>
        <v>0</v>
      </c>
      <c r="N974" s="46">
        <f t="shared" si="123"/>
        <v>45331.166666664387</v>
      </c>
    </row>
    <row r="975" spans="2:14" x14ac:dyDescent="0.3">
      <c r="B975">
        <f t="shared" si="117"/>
        <v>5</v>
      </c>
      <c r="C975" s="16">
        <v>941</v>
      </c>
      <c r="D975" cm="1">
        <f t="array" ref="D975">IFERROR(INDEX(Jesper!AH$2:AH$366,ROUNDDOWN($C975/24,0)+1,1)*INDEX($D$3:$AA$30,INDEX(Jesper!$R$2:$R$366,ROW(INDEX(Jesper!AH$2:AH$366,ROUNDDOWN($C975/24,0)+1,1))-1)+IF('Standard Profiles'!$G$18=$B$10,7,0)+IF('Standard Profiles'!$G$18=$B$17,14,0)+IF('Standard Profiles'!$G$18=$B$24,21,0),MOD($C975,24)+1)/SUM(INDEX($D$3:$AA$30,INDEX(Jesper!$R$2:$R$366,ROW(INDEX(Jesper!AH$2:AH$366,ROUNDDOWN($C975/24,0)+1,1))-1)+IF('Standard Profiles'!$G$18=$B$10,7,0)+IF('Standard Profiles'!$G$18=$B$17,14,0)+IF('Standard Profiles'!$G$18=$B$24,21,0),0)),0)</f>
        <v>10.877186609768769</v>
      </c>
      <c r="E975" cm="1">
        <f t="array" ref="E975">IFERROR(INDEX(Jesper!AI$2:AI$366,ROUNDDOWN($C975/24,0)+1,1)*INDEX($D$3:$AA$30,INDEX(Jesper!$R$2:$R$366,ROW(INDEX(Jesper!AI$2:AI$366,ROUNDDOWN($C975/24,0)+1,1))-1)+IF('Standard Profiles'!$G$19=$B$10,7,0)+IF('Standard Profiles'!$G$19=$B$17,14,0)+IF('Standard Profiles'!$G$19=$B$24,21,0),MOD($C975,24)+1)/SUM(INDEX($D$3:$AA$30,INDEX(Jesper!$R$2:$R$366,ROW(INDEX(Jesper!AI$2:AI$366,ROUNDDOWN($C975/24,0)+1,1))-1)+IF('Standard Profiles'!$G$19=$B$10,7,0)+IF('Standard Profiles'!$G$19=$B$17,14,0)+IF('Standard Profiles'!$G$19=$B$24,21,0),0)),0)</f>
        <v>0</v>
      </c>
      <c r="F975" cm="1">
        <f t="array" ref="F975">IFERROR(INDEX(Jesper!AJ$2:AJ$366,ROUNDDOWN($C975/24,0)+1,1)*INDEX($D$3:$AA$30,INDEX(Jesper!$R$2:$R$366,ROW(INDEX(Jesper!AJ$2:AJ$366,ROUNDDOWN($C975/24,0)+1,1))-1)+IF('Standard Profiles'!$G$20=$B$10,7,0)+IF('Standard Profiles'!$G$20=$B$17,14,0)+IF('Standard Profiles'!$G$20=$B$24,21,0),MOD($C975,24)+1)/SUM(INDEX($D$3:$AA$30,INDEX(Jesper!$R$2:$R$366,ROW(INDEX(Jesper!AJ$2:AJ$366,ROUNDDOWN($C975/24,0)+1,1))-1)+IF('Standard Profiles'!$G$20=$B$10,7,0)+IF('Standard Profiles'!$G$20=$B$17,14,0)+IF('Standard Profiles'!$G$20=$B$24,21,0),0)),0)</f>
        <v>0</v>
      </c>
      <c r="G975" cm="1">
        <f t="array" ref="G975">IFERROR(INDEX(Jesper!AK$2:AK$366,ROUNDDOWN($C975/24,0)+1,1)*INDEX($D$3:$AA$30,INDEX(Jesper!$R$2:$R$366,ROW(INDEX(Jesper!AK$2:AK$366,ROUNDDOWN($C975/24,0)+1,1))-1)+IF('Standard Profiles'!$G$21=$B$10,7,0)+IF('Standard Profiles'!$G$21=$B$17,14,0)+IF('Standard Profiles'!$G$21=$B$24,21,0),MOD($C975,24)+1)/SUM(INDEX($D$3:$AA$30,INDEX(Jesper!$R$2:$R$366,ROW(INDEX(Jesper!AK$2:AK$366,ROUNDDOWN($C975/24,0)+1,1))-1)+IF('Standard Profiles'!$G$21=$B$10,7,0)+IF('Standard Profiles'!$G$21=$B$17,14,0)+IF('Standard Profiles'!$G$21=$B$24,21,0),0)),0)</f>
        <v>0</v>
      </c>
      <c r="H975" cm="1">
        <f t="array" ref="H975">IFERROR(INDEX(Jesper!AL$2:AL$366,ROUNDDOWN($C975/24,0)+1,1)*INDEX($D$3:$AA$30,INDEX(Jesper!$R$2:$R$366,ROW(INDEX(Jesper!AL$2:AL$366,ROUNDDOWN($C975/24,0)+1,1))-1)+IF('Standard Profiles'!$G$22=$B$10,7,0)+IF('Standard Profiles'!$G$22=$B$17,14,0)+IF('Standard Profiles'!$G$22=$B$24,21,0),MOD($C975,24)+1)/SUM(INDEX($D$3:$AA$30,INDEX(Jesper!$R$2:$R$366,ROW(INDEX(Jesper!AL$2:AL$366,ROUNDDOWN($C975/24,0)+1,1))-1)+IF('Standard Profiles'!$G$22=$B$10,7,0)+IF('Standard Profiles'!$G$22=$B$17,14,0)+IF('Standard Profiles'!$G$22=$B$24,21,0),0)),0)</f>
        <v>0</v>
      </c>
      <c r="I975">
        <f t="shared" si="118"/>
        <v>0.32631559829306306</v>
      </c>
      <c r="J975">
        <f t="shared" si="119"/>
        <v>1.087718660976877</v>
      </c>
      <c r="K975">
        <f t="shared" si="120"/>
        <v>1.6315779914653152</v>
      </c>
      <c r="L975">
        <f t="shared" si="121"/>
        <v>7.831574359033513</v>
      </c>
      <c r="M975">
        <f t="shared" si="122"/>
        <v>0</v>
      </c>
      <c r="N975" s="46">
        <f t="shared" si="123"/>
        <v>45331.208333331051</v>
      </c>
    </row>
    <row r="976" spans="2:14" x14ac:dyDescent="0.3">
      <c r="B976">
        <f t="shared" si="117"/>
        <v>5</v>
      </c>
      <c r="C976" s="16">
        <v>942</v>
      </c>
      <c r="D976" cm="1">
        <f t="array" ref="D976">IFERROR(INDEX(Jesper!AH$2:AH$366,ROUNDDOWN($C976/24,0)+1,1)*INDEX($D$3:$AA$30,INDEX(Jesper!$R$2:$R$366,ROW(INDEX(Jesper!AH$2:AH$366,ROUNDDOWN($C976/24,0)+1,1))-1)+IF('Standard Profiles'!$G$18=$B$10,7,0)+IF('Standard Profiles'!$G$18=$B$17,14,0)+IF('Standard Profiles'!$G$18=$B$24,21,0),MOD($C976,24)+1)/SUM(INDEX($D$3:$AA$30,INDEX(Jesper!$R$2:$R$366,ROW(INDEX(Jesper!AH$2:AH$366,ROUNDDOWN($C976/24,0)+1,1))-1)+IF('Standard Profiles'!$G$18=$B$10,7,0)+IF('Standard Profiles'!$G$18=$B$17,14,0)+IF('Standard Profiles'!$G$18=$B$24,21,0),0)),0)</f>
        <v>13.127639011789894</v>
      </c>
      <c r="E976" cm="1">
        <f t="array" ref="E976">IFERROR(INDEX(Jesper!AI$2:AI$366,ROUNDDOWN($C976/24,0)+1,1)*INDEX($D$3:$AA$30,INDEX(Jesper!$R$2:$R$366,ROW(INDEX(Jesper!AI$2:AI$366,ROUNDDOWN($C976/24,0)+1,1))-1)+IF('Standard Profiles'!$G$19=$B$10,7,0)+IF('Standard Profiles'!$G$19=$B$17,14,0)+IF('Standard Profiles'!$G$19=$B$24,21,0),MOD($C976,24)+1)/SUM(INDEX($D$3:$AA$30,INDEX(Jesper!$R$2:$R$366,ROW(INDEX(Jesper!AI$2:AI$366,ROUNDDOWN($C976/24,0)+1,1))-1)+IF('Standard Profiles'!$G$19=$B$10,7,0)+IF('Standard Profiles'!$G$19=$B$17,14,0)+IF('Standard Profiles'!$G$19=$B$24,21,0),0)),0)</f>
        <v>0</v>
      </c>
      <c r="F976" cm="1">
        <f t="array" ref="F976">IFERROR(INDEX(Jesper!AJ$2:AJ$366,ROUNDDOWN($C976/24,0)+1,1)*INDEX($D$3:$AA$30,INDEX(Jesper!$R$2:$R$366,ROW(INDEX(Jesper!AJ$2:AJ$366,ROUNDDOWN($C976/24,0)+1,1))-1)+IF('Standard Profiles'!$G$20=$B$10,7,0)+IF('Standard Profiles'!$G$20=$B$17,14,0)+IF('Standard Profiles'!$G$20=$B$24,21,0),MOD($C976,24)+1)/SUM(INDEX($D$3:$AA$30,INDEX(Jesper!$R$2:$R$366,ROW(INDEX(Jesper!AJ$2:AJ$366,ROUNDDOWN($C976/24,0)+1,1))-1)+IF('Standard Profiles'!$G$20=$B$10,7,0)+IF('Standard Profiles'!$G$20=$B$17,14,0)+IF('Standard Profiles'!$G$20=$B$24,21,0),0)),0)</f>
        <v>0</v>
      </c>
      <c r="G976" cm="1">
        <f t="array" ref="G976">IFERROR(INDEX(Jesper!AK$2:AK$366,ROUNDDOWN($C976/24,0)+1,1)*INDEX($D$3:$AA$30,INDEX(Jesper!$R$2:$R$366,ROW(INDEX(Jesper!AK$2:AK$366,ROUNDDOWN($C976/24,0)+1,1))-1)+IF('Standard Profiles'!$G$21=$B$10,7,0)+IF('Standard Profiles'!$G$21=$B$17,14,0)+IF('Standard Profiles'!$G$21=$B$24,21,0),MOD($C976,24)+1)/SUM(INDEX($D$3:$AA$30,INDEX(Jesper!$R$2:$R$366,ROW(INDEX(Jesper!AK$2:AK$366,ROUNDDOWN($C976/24,0)+1,1))-1)+IF('Standard Profiles'!$G$21=$B$10,7,0)+IF('Standard Profiles'!$G$21=$B$17,14,0)+IF('Standard Profiles'!$G$21=$B$24,21,0),0)),0)</f>
        <v>0</v>
      </c>
      <c r="H976" cm="1">
        <f t="array" ref="H976">IFERROR(INDEX(Jesper!AL$2:AL$366,ROUNDDOWN($C976/24,0)+1,1)*INDEX($D$3:$AA$30,INDEX(Jesper!$R$2:$R$366,ROW(INDEX(Jesper!AL$2:AL$366,ROUNDDOWN($C976/24,0)+1,1))-1)+IF('Standard Profiles'!$G$22=$B$10,7,0)+IF('Standard Profiles'!$G$22=$B$17,14,0)+IF('Standard Profiles'!$G$22=$B$24,21,0),MOD($C976,24)+1)/SUM(INDEX($D$3:$AA$30,INDEX(Jesper!$R$2:$R$366,ROW(INDEX(Jesper!AL$2:AL$366,ROUNDDOWN($C976/24,0)+1,1))-1)+IF('Standard Profiles'!$G$22=$B$10,7,0)+IF('Standard Profiles'!$G$22=$B$17,14,0)+IF('Standard Profiles'!$G$22=$B$24,21,0),0)),0)</f>
        <v>0</v>
      </c>
      <c r="I976">
        <f t="shared" si="118"/>
        <v>0.3938291703536968</v>
      </c>
      <c r="J976">
        <f t="shared" si="119"/>
        <v>1.3127639011789896</v>
      </c>
      <c r="K976">
        <f t="shared" si="120"/>
        <v>1.9691458517684839</v>
      </c>
      <c r="L976">
        <f t="shared" si="121"/>
        <v>9.4519000884887223</v>
      </c>
      <c r="M976">
        <f t="shared" si="122"/>
        <v>0</v>
      </c>
      <c r="N976" s="46">
        <f t="shared" si="123"/>
        <v>45331.249999997715</v>
      </c>
    </row>
    <row r="977" spans="2:14" x14ac:dyDescent="0.3">
      <c r="B977">
        <f t="shared" si="117"/>
        <v>5</v>
      </c>
      <c r="C977" s="16">
        <v>943</v>
      </c>
      <c r="D977" cm="1">
        <f t="array" ref="D977">IFERROR(INDEX(Jesper!AH$2:AH$366,ROUNDDOWN($C977/24,0)+1,1)*INDEX($D$3:$AA$30,INDEX(Jesper!$R$2:$R$366,ROW(INDEX(Jesper!AH$2:AH$366,ROUNDDOWN($C977/24,0)+1,1))-1)+IF('Standard Profiles'!$G$18=$B$10,7,0)+IF('Standard Profiles'!$G$18=$B$17,14,0)+IF('Standard Profiles'!$G$18=$B$24,21,0),MOD($C977,24)+1)/SUM(INDEX($D$3:$AA$30,INDEX(Jesper!$R$2:$R$366,ROW(INDEX(Jesper!AH$2:AH$366,ROUNDDOWN($C977/24,0)+1,1))-1)+IF('Standard Profiles'!$G$18=$B$10,7,0)+IF('Standard Profiles'!$G$18=$B$17,14,0)+IF('Standard Profiles'!$G$18=$B$24,21,0),0)),0)</f>
        <v>13.127639011789894</v>
      </c>
      <c r="E977" cm="1">
        <f t="array" ref="E977">IFERROR(INDEX(Jesper!AI$2:AI$366,ROUNDDOWN($C977/24,0)+1,1)*INDEX($D$3:$AA$30,INDEX(Jesper!$R$2:$R$366,ROW(INDEX(Jesper!AI$2:AI$366,ROUNDDOWN($C977/24,0)+1,1))-1)+IF('Standard Profiles'!$G$19=$B$10,7,0)+IF('Standard Profiles'!$G$19=$B$17,14,0)+IF('Standard Profiles'!$G$19=$B$24,21,0),MOD($C977,24)+1)/SUM(INDEX($D$3:$AA$30,INDEX(Jesper!$R$2:$R$366,ROW(INDEX(Jesper!AI$2:AI$366,ROUNDDOWN($C977/24,0)+1,1))-1)+IF('Standard Profiles'!$G$19=$B$10,7,0)+IF('Standard Profiles'!$G$19=$B$17,14,0)+IF('Standard Profiles'!$G$19=$B$24,21,0),0)),0)</f>
        <v>0</v>
      </c>
      <c r="F977" cm="1">
        <f t="array" ref="F977">IFERROR(INDEX(Jesper!AJ$2:AJ$366,ROUNDDOWN($C977/24,0)+1,1)*INDEX($D$3:$AA$30,INDEX(Jesper!$R$2:$R$366,ROW(INDEX(Jesper!AJ$2:AJ$366,ROUNDDOWN($C977/24,0)+1,1))-1)+IF('Standard Profiles'!$G$20=$B$10,7,0)+IF('Standard Profiles'!$G$20=$B$17,14,0)+IF('Standard Profiles'!$G$20=$B$24,21,0),MOD($C977,24)+1)/SUM(INDEX($D$3:$AA$30,INDEX(Jesper!$R$2:$R$366,ROW(INDEX(Jesper!AJ$2:AJ$366,ROUNDDOWN($C977/24,0)+1,1))-1)+IF('Standard Profiles'!$G$20=$B$10,7,0)+IF('Standard Profiles'!$G$20=$B$17,14,0)+IF('Standard Profiles'!$G$20=$B$24,21,0),0)),0)</f>
        <v>0</v>
      </c>
      <c r="G977" cm="1">
        <f t="array" ref="G977">IFERROR(INDEX(Jesper!AK$2:AK$366,ROUNDDOWN($C977/24,0)+1,1)*INDEX($D$3:$AA$30,INDEX(Jesper!$R$2:$R$366,ROW(INDEX(Jesper!AK$2:AK$366,ROUNDDOWN($C977/24,0)+1,1))-1)+IF('Standard Profiles'!$G$21=$B$10,7,0)+IF('Standard Profiles'!$G$21=$B$17,14,0)+IF('Standard Profiles'!$G$21=$B$24,21,0),MOD($C977,24)+1)/SUM(INDEX($D$3:$AA$30,INDEX(Jesper!$R$2:$R$366,ROW(INDEX(Jesper!AK$2:AK$366,ROUNDDOWN($C977/24,0)+1,1))-1)+IF('Standard Profiles'!$G$21=$B$10,7,0)+IF('Standard Profiles'!$G$21=$B$17,14,0)+IF('Standard Profiles'!$G$21=$B$24,21,0),0)),0)</f>
        <v>0</v>
      </c>
      <c r="H977" cm="1">
        <f t="array" ref="H977">IFERROR(INDEX(Jesper!AL$2:AL$366,ROUNDDOWN($C977/24,0)+1,1)*INDEX($D$3:$AA$30,INDEX(Jesper!$R$2:$R$366,ROW(INDEX(Jesper!AL$2:AL$366,ROUNDDOWN($C977/24,0)+1,1))-1)+IF('Standard Profiles'!$G$22=$B$10,7,0)+IF('Standard Profiles'!$G$22=$B$17,14,0)+IF('Standard Profiles'!$G$22=$B$24,21,0),MOD($C977,24)+1)/SUM(INDEX($D$3:$AA$30,INDEX(Jesper!$R$2:$R$366,ROW(INDEX(Jesper!AL$2:AL$366,ROUNDDOWN($C977/24,0)+1,1))-1)+IF('Standard Profiles'!$G$22=$B$10,7,0)+IF('Standard Profiles'!$G$22=$B$17,14,0)+IF('Standard Profiles'!$G$22=$B$24,21,0),0)),0)</f>
        <v>0</v>
      </c>
      <c r="I977">
        <f t="shared" si="118"/>
        <v>0.3938291703536968</v>
      </c>
      <c r="J977">
        <f t="shared" si="119"/>
        <v>1.3127639011789896</v>
      </c>
      <c r="K977">
        <f t="shared" si="120"/>
        <v>1.9691458517684839</v>
      </c>
      <c r="L977">
        <f t="shared" si="121"/>
        <v>9.4519000884887223</v>
      </c>
      <c r="M977">
        <f t="shared" si="122"/>
        <v>0</v>
      </c>
      <c r="N977" s="46">
        <f t="shared" si="123"/>
        <v>45331.29166666438</v>
      </c>
    </row>
    <row r="978" spans="2:14" x14ac:dyDescent="0.3">
      <c r="B978">
        <f t="shared" si="117"/>
        <v>5</v>
      </c>
      <c r="C978" s="16">
        <v>944</v>
      </c>
      <c r="D978" cm="1">
        <f t="array" ref="D978">IFERROR(INDEX(Jesper!AH$2:AH$366,ROUNDDOWN($C978/24,0)+1,1)*INDEX($D$3:$AA$30,INDEX(Jesper!$R$2:$R$366,ROW(INDEX(Jesper!AH$2:AH$366,ROUNDDOWN($C978/24,0)+1,1))-1)+IF('Standard Profiles'!$G$18=$B$10,7,0)+IF('Standard Profiles'!$G$18=$B$17,14,0)+IF('Standard Profiles'!$G$18=$B$24,21,0),MOD($C978,24)+1)/SUM(INDEX($D$3:$AA$30,INDEX(Jesper!$R$2:$R$366,ROW(INDEX(Jesper!AH$2:AH$366,ROUNDDOWN($C978/24,0)+1,1))-1)+IF('Standard Profiles'!$G$18=$B$10,7,0)+IF('Standard Profiles'!$G$18=$B$17,14,0)+IF('Standard Profiles'!$G$18=$B$24,21,0),0)),0)</f>
        <v>13.127639011789894</v>
      </c>
      <c r="E978" cm="1">
        <f t="array" ref="E978">IFERROR(INDEX(Jesper!AI$2:AI$366,ROUNDDOWN($C978/24,0)+1,1)*INDEX($D$3:$AA$30,INDEX(Jesper!$R$2:$R$366,ROW(INDEX(Jesper!AI$2:AI$366,ROUNDDOWN($C978/24,0)+1,1))-1)+IF('Standard Profiles'!$G$19=$B$10,7,0)+IF('Standard Profiles'!$G$19=$B$17,14,0)+IF('Standard Profiles'!$G$19=$B$24,21,0),MOD($C978,24)+1)/SUM(INDEX($D$3:$AA$30,INDEX(Jesper!$R$2:$R$366,ROW(INDEX(Jesper!AI$2:AI$366,ROUNDDOWN($C978/24,0)+1,1))-1)+IF('Standard Profiles'!$G$19=$B$10,7,0)+IF('Standard Profiles'!$G$19=$B$17,14,0)+IF('Standard Profiles'!$G$19=$B$24,21,0),0)),0)</f>
        <v>0</v>
      </c>
      <c r="F978" cm="1">
        <f t="array" ref="F978">IFERROR(INDEX(Jesper!AJ$2:AJ$366,ROUNDDOWN($C978/24,0)+1,1)*INDEX($D$3:$AA$30,INDEX(Jesper!$R$2:$R$366,ROW(INDEX(Jesper!AJ$2:AJ$366,ROUNDDOWN($C978/24,0)+1,1))-1)+IF('Standard Profiles'!$G$20=$B$10,7,0)+IF('Standard Profiles'!$G$20=$B$17,14,0)+IF('Standard Profiles'!$G$20=$B$24,21,0),MOD($C978,24)+1)/SUM(INDEX($D$3:$AA$30,INDEX(Jesper!$R$2:$R$366,ROW(INDEX(Jesper!AJ$2:AJ$366,ROUNDDOWN($C978/24,0)+1,1))-1)+IF('Standard Profiles'!$G$20=$B$10,7,0)+IF('Standard Profiles'!$G$20=$B$17,14,0)+IF('Standard Profiles'!$G$20=$B$24,21,0),0)),0)</f>
        <v>0</v>
      </c>
      <c r="G978" cm="1">
        <f t="array" ref="G978">IFERROR(INDEX(Jesper!AK$2:AK$366,ROUNDDOWN($C978/24,0)+1,1)*INDEX($D$3:$AA$30,INDEX(Jesper!$R$2:$R$366,ROW(INDEX(Jesper!AK$2:AK$366,ROUNDDOWN($C978/24,0)+1,1))-1)+IF('Standard Profiles'!$G$21=$B$10,7,0)+IF('Standard Profiles'!$G$21=$B$17,14,0)+IF('Standard Profiles'!$G$21=$B$24,21,0),MOD($C978,24)+1)/SUM(INDEX($D$3:$AA$30,INDEX(Jesper!$R$2:$R$366,ROW(INDEX(Jesper!AK$2:AK$366,ROUNDDOWN($C978/24,0)+1,1))-1)+IF('Standard Profiles'!$G$21=$B$10,7,0)+IF('Standard Profiles'!$G$21=$B$17,14,0)+IF('Standard Profiles'!$G$21=$B$24,21,0),0)),0)</f>
        <v>0</v>
      </c>
      <c r="H978" cm="1">
        <f t="array" ref="H978">IFERROR(INDEX(Jesper!AL$2:AL$366,ROUNDDOWN($C978/24,0)+1,1)*INDEX($D$3:$AA$30,INDEX(Jesper!$R$2:$R$366,ROW(INDEX(Jesper!AL$2:AL$366,ROUNDDOWN($C978/24,0)+1,1))-1)+IF('Standard Profiles'!$G$22=$B$10,7,0)+IF('Standard Profiles'!$G$22=$B$17,14,0)+IF('Standard Profiles'!$G$22=$B$24,21,0),MOD($C978,24)+1)/SUM(INDEX($D$3:$AA$30,INDEX(Jesper!$R$2:$R$366,ROW(INDEX(Jesper!AL$2:AL$366,ROUNDDOWN($C978/24,0)+1,1))-1)+IF('Standard Profiles'!$G$22=$B$10,7,0)+IF('Standard Profiles'!$G$22=$B$17,14,0)+IF('Standard Profiles'!$G$22=$B$24,21,0),0)),0)</f>
        <v>0</v>
      </c>
      <c r="I978">
        <f t="shared" si="118"/>
        <v>0.3938291703536968</v>
      </c>
      <c r="J978">
        <f t="shared" si="119"/>
        <v>1.3127639011789896</v>
      </c>
      <c r="K978">
        <f t="shared" si="120"/>
        <v>1.9691458517684839</v>
      </c>
      <c r="L978">
        <f t="shared" si="121"/>
        <v>9.4519000884887223</v>
      </c>
      <c r="M978">
        <f t="shared" si="122"/>
        <v>0</v>
      </c>
      <c r="N978" s="46">
        <f t="shared" si="123"/>
        <v>45331.333333331044</v>
      </c>
    </row>
    <row r="979" spans="2:14" x14ac:dyDescent="0.3">
      <c r="B979">
        <f t="shared" si="117"/>
        <v>5</v>
      </c>
      <c r="C979" s="16">
        <v>945</v>
      </c>
      <c r="D979" cm="1">
        <f t="array" ref="D979">IFERROR(INDEX(Jesper!AH$2:AH$366,ROUNDDOWN($C979/24,0)+1,1)*INDEX($D$3:$AA$30,INDEX(Jesper!$R$2:$R$366,ROW(INDEX(Jesper!AH$2:AH$366,ROUNDDOWN($C979/24,0)+1,1))-1)+IF('Standard Profiles'!$G$18=$B$10,7,0)+IF('Standard Profiles'!$G$18=$B$17,14,0)+IF('Standard Profiles'!$G$18=$B$24,21,0),MOD($C979,24)+1)/SUM(INDEX($D$3:$AA$30,INDEX(Jesper!$R$2:$R$366,ROW(INDEX(Jesper!AH$2:AH$366,ROUNDDOWN($C979/24,0)+1,1))-1)+IF('Standard Profiles'!$G$18=$B$10,7,0)+IF('Standard Profiles'!$G$18=$B$17,14,0)+IF('Standard Profiles'!$G$18=$B$24,21,0),0)),0)</f>
        <v>14.065327512632031</v>
      </c>
      <c r="E979" cm="1">
        <f t="array" ref="E979">IFERROR(INDEX(Jesper!AI$2:AI$366,ROUNDDOWN($C979/24,0)+1,1)*INDEX($D$3:$AA$30,INDEX(Jesper!$R$2:$R$366,ROW(INDEX(Jesper!AI$2:AI$366,ROUNDDOWN($C979/24,0)+1,1))-1)+IF('Standard Profiles'!$G$19=$B$10,7,0)+IF('Standard Profiles'!$G$19=$B$17,14,0)+IF('Standard Profiles'!$G$19=$B$24,21,0),MOD($C979,24)+1)/SUM(INDEX($D$3:$AA$30,INDEX(Jesper!$R$2:$R$366,ROW(INDEX(Jesper!AI$2:AI$366,ROUNDDOWN($C979/24,0)+1,1))-1)+IF('Standard Profiles'!$G$19=$B$10,7,0)+IF('Standard Profiles'!$G$19=$B$17,14,0)+IF('Standard Profiles'!$G$19=$B$24,21,0),0)),0)</f>
        <v>0</v>
      </c>
      <c r="F979" cm="1">
        <f t="array" ref="F979">IFERROR(INDEX(Jesper!AJ$2:AJ$366,ROUNDDOWN($C979/24,0)+1,1)*INDEX($D$3:$AA$30,INDEX(Jesper!$R$2:$R$366,ROW(INDEX(Jesper!AJ$2:AJ$366,ROUNDDOWN($C979/24,0)+1,1))-1)+IF('Standard Profiles'!$G$20=$B$10,7,0)+IF('Standard Profiles'!$G$20=$B$17,14,0)+IF('Standard Profiles'!$G$20=$B$24,21,0),MOD($C979,24)+1)/SUM(INDEX($D$3:$AA$30,INDEX(Jesper!$R$2:$R$366,ROW(INDEX(Jesper!AJ$2:AJ$366,ROUNDDOWN($C979/24,0)+1,1))-1)+IF('Standard Profiles'!$G$20=$B$10,7,0)+IF('Standard Profiles'!$G$20=$B$17,14,0)+IF('Standard Profiles'!$G$20=$B$24,21,0),0)),0)</f>
        <v>0</v>
      </c>
      <c r="G979" cm="1">
        <f t="array" ref="G979">IFERROR(INDEX(Jesper!AK$2:AK$366,ROUNDDOWN($C979/24,0)+1,1)*INDEX($D$3:$AA$30,INDEX(Jesper!$R$2:$R$366,ROW(INDEX(Jesper!AK$2:AK$366,ROUNDDOWN($C979/24,0)+1,1))-1)+IF('Standard Profiles'!$G$21=$B$10,7,0)+IF('Standard Profiles'!$G$21=$B$17,14,0)+IF('Standard Profiles'!$G$21=$B$24,21,0),MOD($C979,24)+1)/SUM(INDEX($D$3:$AA$30,INDEX(Jesper!$R$2:$R$366,ROW(INDEX(Jesper!AK$2:AK$366,ROUNDDOWN($C979/24,0)+1,1))-1)+IF('Standard Profiles'!$G$21=$B$10,7,0)+IF('Standard Profiles'!$G$21=$B$17,14,0)+IF('Standard Profiles'!$G$21=$B$24,21,0),0)),0)</f>
        <v>0</v>
      </c>
      <c r="H979" cm="1">
        <f t="array" ref="H979">IFERROR(INDEX(Jesper!AL$2:AL$366,ROUNDDOWN($C979/24,0)+1,1)*INDEX($D$3:$AA$30,INDEX(Jesper!$R$2:$R$366,ROW(INDEX(Jesper!AL$2:AL$366,ROUNDDOWN($C979/24,0)+1,1))-1)+IF('Standard Profiles'!$G$22=$B$10,7,0)+IF('Standard Profiles'!$G$22=$B$17,14,0)+IF('Standard Profiles'!$G$22=$B$24,21,0),MOD($C979,24)+1)/SUM(INDEX($D$3:$AA$30,INDEX(Jesper!$R$2:$R$366,ROW(INDEX(Jesper!AL$2:AL$366,ROUNDDOWN($C979/24,0)+1,1))-1)+IF('Standard Profiles'!$G$22=$B$10,7,0)+IF('Standard Profiles'!$G$22=$B$17,14,0)+IF('Standard Profiles'!$G$22=$B$24,21,0),0)),0)</f>
        <v>0</v>
      </c>
      <c r="I979">
        <f t="shared" si="118"/>
        <v>0.42195982537896093</v>
      </c>
      <c r="J979">
        <f t="shared" si="119"/>
        <v>1.4065327512632031</v>
      </c>
      <c r="K979">
        <f t="shared" si="120"/>
        <v>2.1097991268948046</v>
      </c>
      <c r="L979">
        <f t="shared" si="121"/>
        <v>10.127035809095062</v>
      </c>
      <c r="M979">
        <f t="shared" si="122"/>
        <v>0</v>
      </c>
      <c r="N979" s="46">
        <f t="shared" si="123"/>
        <v>45331.374999997708</v>
      </c>
    </row>
    <row r="980" spans="2:14" x14ac:dyDescent="0.3">
      <c r="B980">
        <f t="shared" si="117"/>
        <v>5</v>
      </c>
      <c r="C980" s="16">
        <v>946</v>
      </c>
      <c r="D980" cm="1">
        <f t="array" ref="D980">IFERROR(INDEX(Jesper!AH$2:AH$366,ROUNDDOWN($C980/24,0)+1,1)*INDEX($D$3:$AA$30,INDEX(Jesper!$R$2:$R$366,ROW(INDEX(Jesper!AH$2:AH$366,ROUNDDOWN($C980/24,0)+1,1))-1)+IF('Standard Profiles'!$G$18=$B$10,7,0)+IF('Standard Profiles'!$G$18=$B$17,14,0)+IF('Standard Profiles'!$G$18=$B$24,21,0),MOD($C980,24)+1)/SUM(INDEX($D$3:$AA$30,INDEX(Jesper!$R$2:$R$366,ROW(INDEX(Jesper!AH$2:AH$366,ROUNDDOWN($C980/24,0)+1,1))-1)+IF('Standard Profiles'!$G$18=$B$10,7,0)+IF('Standard Profiles'!$G$18=$B$17,14,0)+IF('Standard Profiles'!$G$18=$B$24,21,0),0)),0)</f>
        <v>14.627940613137309</v>
      </c>
      <c r="E980" cm="1">
        <f t="array" ref="E980">IFERROR(INDEX(Jesper!AI$2:AI$366,ROUNDDOWN($C980/24,0)+1,1)*INDEX($D$3:$AA$30,INDEX(Jesper!$R$2:$R$366,ROW(INDEX(Jesper!AI$2:AI$366,ROUNDDOWN($C980/24,0)+1,1))-1)+IF('Standard Profiles'!$G$19=$B$10,7,0)+IF('Standard Profiles'!$G$19=$B$17,14,0)+IF('Standard Profiles'!$G$19=$B$24,21,0),MOD($C980,24)+1)/SUM(INDEX($D$3:$AA$30,INDEX(Jesper!$R$2:$R$366,ROW(INDEX(Jesper!AI$2:AI$366,ROUNDDOWN($C980/24,0)+1,1))-1)+IF('Standard Profiles'!$G$19=$B$10,7,0)+IF('Standard Profiles'!$G$19=$B$17,14,0)+IF('Standard Profiles'!$G$19=$B$24,21,0),0)),0)</f>
        <v>0</v>
      </c>
      <c r="F980" cm="1">
        <f t="array" ref="F980">IFERROR(INDEX(Jesper!AJ$2:AJ$366,ROUNDDOWN($C980/24,0)+1,1)*INDEX($D$3:$AA$30,INDEX(Jesper!$R$2:$R$366,ROW(INDEX(Jesper!AJ$2:AJ$366,ROUNDDOWN($C980/24,0)+1,1))-1)+IF('Standard Profiles'!$G$20=$B$10,7,0)+IF('Standard Profiles'!$G$20=$B$17,14,0)+IF('Standard Profiles'!$G$20=$B$24,21,0),MOD($C980,24)+1)/SUM(INDEX($D$3:$AA$30,INDEX(Jesper!$R$2:$R$366,ROW(INDEX(Jesper!AJ$2:AJ$366,ROUNDDOWN($C980/24,0)+1,1))-1)+IF('Standard Profiles'!$G$20=$B$10,7,0)+IF('Standard Profiles'!$G$20=$B$17,14,0)+IF('Standard Profiles'!$G$20=$B$24,21,0),0)),0)</f>
        <v>0</v>
      </c>
      <c r="G980" cm="1">
        <f t="array" ref="G980">IFERROR(INDEX(Jesper!AK$2:AK$366,ROUNDDOWN($C980/24,0)+1,1)*INDEX($D$3:$AA$30,INDEX(Jesper!$R$2:$R$366,ROW(INDEX(Jesper!AK$2:AK$366,ROUNDDOWN($C980/24,0)+1,1))-1)+IF('Standard Profiles'!$G$21=$B$10,7,0)+IF('Standard Profiles'!$G$21=$B$17,14,0)+IF('Standard Profiles'!$G$21=$B$24,21,0),MOD($C980,24)+1)/SUM(INDEX($D$3:$AA$30,INDEX(Jesper!$R$2:$R$366,ROW(INDEX(Jesper!AK$2:AK$366,ROUNDDOWN($C980/24,0)+1,1))-1)+IF('Standard Profiles'!$G$21=$B$10,7,0)+IF('Standard Profiles'!$G$21=$B$17,14,0)+IF('Standard Profiles'!$G$21=$B$24,21,0),0)),0)</f>
        <v>0</v>
      </c>
      <c r="H980" cm="1">
        <f t="array" ref="H980">IFERROR(INDEX(Jesper!AL$2:AL$366,ROUNDDOWN($C980/24,0)+1,1)*INDEX($D$3:$AA$30,INDEX(Jesper!$R$2:$R$366,ROW(INDEX(Jesper!AL$2:AL$366,ROUNDDOWN($C980/24,0)+1,1))-1)+IF('Standard Profiles'!$G$22=$B$10,7,0)+IF('Standard Profiles'!$G$22=$B$17,14,0)+IF('Standard Profiles'!$G$22=$B$24,21,0),MOD($C980,24)+1)/SUM(INDEX($D$3:$AA$30,INDEX(Jesper!$R$2:$R$366,ROW(INDEX(Jesper!AL$2:AL$366,ROUNDDOWN($C980/24,0)+1,1))-1)+IF('Standard Profiles'!$G$22=$B$10,7,0)+IF('Standard Profiles'!$G$22=$B$17,14,0)+IF('Standard Profiles'!$G$22=$B$24,21,0),0)),0)</f>
        <v>0</v>
      </c>
      <c r="I980">
        <f t="shared" si="118"/>
        <v>0.43883821839411924</v>
      </c>
      <c r="J980">
        <f t="shared" si="119"/>
        <v>1.4627940613137309</v>
      </c>
      <c r="K980">
        <f t="shared" si="120"/>
        <v>2.194191091970596</v>
      </c>
      <c r="L980">
        <f t="shared" si="121"/>
        <v>10.532117241458861</v>
      </c>
      <c r="M980">
        <f t="shared" si="122"/>
        <v>0</v>
      </c>
      <c r="N980" s="46">
        <f t="shared" si="123"/>
        <v>45331.416666664372</v>
      </c>
    </row>
    <row r="981" spans="2:14" x14ac:dyDescent="0.3">
      <c r="B981">
        <f t="shared" si="117"/>
        <v>5</v>
      </c>
      <c r="C981" s="16">
        <v>947</v>
      </c>
      <c r="D981" cm="1">
        <f t="array" ref="D981">IFERROR(INDEX(Jesper!AH$2:AH$366,ROUNDDOWN($C981/24,0)+1,1)*INDEX($D$3:$AA$30,INDEX(Jesper!$R$2:$R$366,ROW(INDEX(Jesper!AH$2:AH$366,ROUNDDOWN($C981/24,0)+1,1))-1)+IF('Standard Profiles'!$G$18=$B$10,7,0)+IF('Standard Profiles'!$G$18=$B$17,14,0)+IF('Standard Profiles'!$G$18=$B$24,21,0),MOD($C981,24)+1)/SUM(INDEX($D$3:$AA$30,INDEX(Jesper!$R$2:$R$366,ROW(INDEX(Jesper!AH$2:AH$366,ROUNDDOWN($C981/24,0)+1,1))-1)+IF('Standard Profiles'!$G$18=$B$10,7,0)+IF('Standard Profiles'!$G$18=$B$17,14,0)+IF('Standard Profiles'!$G$18=$B$24,21,0),0)),0)</f>
        <v>16.878393015158434</v>
      </c>
      <c r="E981" cm="1">
        <f t="array" ref="E981">IFERROR(INDEX(Jesper!AI$2:AI$366,ROUNDDOWN($C981/24,0)+1,1)*INDEX($D$3:$AA$30,INDEX(Jesper!$R$2:$R$366,ROW(INDEX(Jesper!AI$2:AI$366,ROUNDDOWN($C981/24,0)+1,1))-1)+IF('Standard Profiles'!$G$19=$B$10,7,0)+IF('Standard Profiles'!$G$19=$B$17,14,0)+IF('Standard Profiles'!$G$19=$B$24,21,0),MOD($C981,24)+1)/SUM(INDEX($D$3:$AA$30,INDEX(Jesper!$R$2:$R$366,ROW(INDEX(Jesper!AI$2:AI$366,ROUNDDOWN($C981/24,0)+1,1))-1)+IF('Standard Profiles'!$G$19=$B$10,7,0)+IF('Standard Profiles'!$G$19=$B$17,14,0)+IF('Standard Profiles'!$G$19=$B$24,21,0),0)),0)</f>
        <v>0</v>
      </c>
      <c r="F981" cm="1">
        <f t="array" ref="F981">IFERROR(INDEX(Jesper!AJ$2:AJ$366,ROUNDDOWN($C981/24,0)+1,1)*INDEX($D$3:$AA$30,INDEX(Jesper!$R$2:$R$366,ROW(INDEX(Jesper!AJ$2:AJ$366,ROUNDDOWN($C981/24,0)+1,1))-1)+IF('Standard Profiles'!$G$20=$B$10,7,0)+IF('Standard Profiles'!$G$20=$B$17,14,0)+IF('Standard Profiles'!$G$20=$B$24,21,0),MOD($C981,24)+1)/SUM(INDEX($D$3:$AA$30,INDEX(Jesper!$R$2:$R$366,ROW(INDEX(Jesper!AJ$2:AJ$366,ROUNDDOWN($C981/24,0)+1,1))-1)+IF('Standard Profiles'!$G$20=$B$10,7,0)+IF('Standard Profiles'!$G$20=$B$17,14,0)+IF('Standard Profiles'!$G$20=$B$24,21,0),0)),0)</f>
        <v>0</v>
      </c>
      <c r="G981" cm="1">
        <f t="array" ref="G981">IFERROR(INDEX(Jesper!AK$2:AK$366,ROUNDDOWN($C981/24,0)+1,1)*INDEX($D$3:$AA$30,INDEX(Jesper!$R$2:$R$366,ROW(INDEX(Jesper!AK$2:AK$366,ROUNDDOWN($C981/24,0)+1,1))-1)+IF('Standard Profiles'!$G$21=$B$10,7,0)+IF('Standard Profiles'!$G$21=$B$17,14,0)+IF('Standard Profiles'!$G$21=$B$24,21,0),MOD($C981,24)+1)/SUM(INDEX($D$3:$AA$30,INDEX(Jesper!$R$2:$R$366,ROW(INDEX(Jesper!AK$2:AK$366,ROUNDDOWN($C981/24,0)+1,1))-1)+IF('Standard Profiles'!$G$21=$B$10,7,0)+IF('Standard Profiles'!$G$21=$B$17,14,0)+IF('Standard Profiles'!$G$21=$B$24,21,0),0)),0)</f>
        <v>0</v>
      </c>
      <c r="H981" cm="1">
        <f t="array" ref="H981">IFERROR(INDEX(Jesper!AL$2:AL$366,ROUNDDOWN($C981/24,0)+1,1)*INDEX($D$3:$AA$30,INDEX(Jesper!$R$2:$R$366,ROW(INDEX(Jesper!AL$2:AL$366,ROUNDDOWN($C981/24,0)+1,1))-1)+IF('Standard Profiles'!$G$22=$B$10,7,0)+IF('Standard Profiles'!$G$22=$B$17,14,0)+IF('Standard Profiles'!$G$22=$B$24,21,0),MOD($C981,24)+1)/SUM(INDEX($D$3:$AA$30,INDEX(Jesper!$R$2:$R$366,ROW(INDEX(Jesper!AL$2:AL$366,ROUNDDOWN($C981/24,0)+1,1))-1)+IF('Standard Profiles'!$G$22=$B$10,7,0)+IF('Standard Profiles'!$G$22=$B$17,14,0)+IF('Standard Profiles'!$G$22=$B$24,21,0),0)),0)</f>
        <v>0</v>
      </c>
      <c r="I981">
        <f t="shared" si="118"/>
        <v>0.50635179045475298</v>
      </c>
      <c r="J981">
        <f t="shared" si="119"/>
        <v>1.6878393015158435</v>
      </c>
      <c r="K981">
        <f t="shared" si="120"/>
        <v>2.5317589522737651</v>
      </c>
      <c r="L981">
        <f t="shared" si="121"/>
        <v>12.152442970914072</v>
      </c>
      <c r="M981">
        <f t="shared" si="122"/>
        <v>0</v>
      </c>
      <c r="N981" s="46">
        <f t="shared" si="123"/>
        <v>45331.458333331037</v>
      </c>
    </row>
    <row r="982" spans="2:14" x14ac:dyDescent="0.3">
      <c r="B982">
        <f t="shared" si="117"/>
        <v>5</v>
      </c>
      <c r="C982" s="16">
        <v>948</v>
      </c>
      <c r="D982" cm="1">
        <f t="array" ref="D982">IFERROR(INDEX(Jesper!AH$2:AH$366,ROUNDDOWN($C982/24,0)+1,1)*INDEX($D$3:$AA$30,INDEX(Jesper!$R$2:$R$366,ROW(INDEX(Jesper!AH$2:AH$366,ROUNDDOWN($C982/24,0)+1,1))-1)+IF('Standard Profiles'!$G$18=$B$10,7,0)+IF('Standard Profiles'!$G$18=$B$17,14,0)+IF('Standard Profiles'!$G$18=$B$24,21,0),MOD($C982,24)+1)/SUM(INDEX($D$3:$AA$30,INDEX(Jesper!$R$2:$R$366,ROW(INDEX(Jesper!AH$2:AH$366,ROUNDDOWN($C982/24,0)+1,1))-1)+IF('Standard Profiles'!$G$18=$B$10,7,0)+IF('Standard Profiles'!$G$18=$B$17,14,0)+IF('Standard Profiles'!$G$18=$B$24,21,0),0)),0)</f>
        <v>16.878393015158434</v>
      </c>
      <c r="E982" cm="1">
        <f t="array" ref="E982">IFERROR(INDEX(Jesper!AI$2:AI$366,ROUNDDOWN($C982/24,0)+1,1)*INDEX($D$3:$AA$30,INDEX(Jesper!$R$2:$R$366,ROW(INDEX(Jesper!AI$2:AI$366,ROUNDDOWN($C982/24,0)+1,1))-1)+IF('Standard Profiles'!$G$19=$B$10,7,0)+IF('Standard Profiles'!$G$19=$B$17,14,0)+IF('Standard Profiles'!$G$19=$B$24,21,0),MOD($C982,24)+1)/SUM(INDEX($D$3:$AA$30,INDEX(Jesper!$R$2:$R$366,ROW(INDEX(Jesper!AI$2:AI$366,ROUNDDOWN($C982/24,0)+1,1))-1)+IF('Standard Profiles'!$G$19=$B$10,7,0)+IF('Standard Profiles'!$G$19=$B$17,14,0)+IF('Standard Profiles'!$G$19=$B$24,21,0),0)),0)</f>
        <v>0</v>
      </c>
      <c r="F982" cm="1">
        <f t="array" ref="F982">IFERROR(INDEX(Jesper!AJ$2:AJ$366,ROUNDDOWN($C982/24,0)+1,1)*INDEX($D$3:$AA$30,INDEX(Jesper!$R$2:$R$366,ROW(INDEX(Jesper!AJ$2:AJ$366,ROUNDDOWN($C982/24,0)+1,1))-1)+IF('Standard Profiles'!$G$20=$B$10,7,0)+IF('Standard Profiles'!$G$20=$B$17,14,0)+IF('Standard Profiles'!$G$20=$B$24,21,0),MOD($C982,24)+1)/SUM(INDEX($D$3:$AA$30,INDEX(Jesper!$R$2:$R$366,ROW(INDEX(Jesper!AJ$2:AJ$366,ROUNDDOWN($C982/24,0)+1,1))-1)+IF('Standard Profiles'!$G$20=$B$10,7,0)+IF('Standard Profiles'!$G$20=$B$17,14,0)+IF('Standard Profiles'!$G$20=$B$24,21,0),0)),0)</f>
        <v>0</v>
      </c>
      <c r="G982" cm="1">
        <f t="array" ref="G982">IFERROR(INDEX(Jesper!AK$2:AK$366,ROUNDDOWN($C982/24,0)+1,1)*INDEX($D$3:$AA$30,INDEX(Jesper!$R$2:$R$366,ROW(INDEX(Jesper!AK$2:AK$366,ROUNDDOWN($C982/24,0)+1,1))-1)+IF('Standard Profiles'!$G$21=$B$10,7,0)+IF('Standard Profiles'!$G$21=$B$17,14,0)+IF('Standard Profiles'!$G$21=$B$24,21,0),MOD($C982,24)+1)/SUM(INDEX($D$3:$AA$30,INDEX(Jesper!$R$2:$R$366,ROW(INDEX(Jesper!AK$2:AK$366,ROUNDDOWN($C982/24,0)+1,1))-1)+IF('Standard Profiles'!$G$21=$B$10,7,0)+IF('Standard Profiles'!$G$21=$B$17,14,0)+IF('Standard Profiles'!$G$21=$B$24,21,0),0)),0)</f>
        <v>0</v>
      </c>
      <c r="H982" cm="1">
        <f t="array" ref="H982">IFERROR(INDEX(Jesper!AL$2:AL$366,ROUNDDOWN($C982/24,0)+1,1)*INDEX($D$3:$AA$30,INDEX(Jesper!$R$2:$R$366,ROW(INDEX(Jesper!AL$2:AL$366,ROUNDDOWN($C982/24,0)+1,1))-1)+IF('Standard Profiles'!$G$22=$B$10,7,0)+IF('Standard Profiles'!$G$22=$B$17,14,0)+IF('Standard Profiles'!$G$22=$B$24,21,0),MOD($C982,24)+1)/SUM(INDEX($D$3:$AA$30,INDEX(Jesper!$R$2:$R$366,ROW(INDEX(Jesper!AL$2:AL$366,ROUNDDOWN($C982/24,0)+1,1))-1)+IF('Standard Profiles'!$G$22=$B$10,7,0)+IF('Standard Profiles'!$G$22=$B$17,14,0)+IF('Standard Profiles'!$G$22=$B$24,21,0),0)),0)</f>
        <v>0</v>
      </c>
      <c r="I982">
        <f t="shared" si="118"/>
        <v>0.50635179045475298</v>
      </c>
      <c r="J982">
        <f t="shared" si="119"/>
        <v>1.6878393015158435</v>
      </c>
      <c r="K982">
        <f t="shared" si="120"/>
        <v>2.5317589522737651</v>
      </c>
      <c r="L982">
        <f t="shared" si="121"/>
        <v>12.152442970914072</v>
      </c>
      <c r="M982">
        <f t="shared" si="122"/>
        <v>0</v>
      </c>
      <c r="N982" s="46">
        <f t="shared" si="123"/>
        <v>45331.499999997701</v>
      </c>
    </row>
    <row r="983" spans="2:14" x14ac:dyDescent="0.3">
      <c r="B983">
        <f t="shared" si="117"/>
        <v>5</v>
      </c>
      <c r="C983" s="16">
        <v>949</v>
      </c>
      <c r="D983" cm="1">
        <f t="array" ref="D983">IFERROR(INDEX(Jesper!AH$2:AH$366,ROUNDDOWN($C983/24,0)+1,1)*INDEX($D$3:$AA$30,INDEX(Jesper!$R$2:$R$366,ROW(INDEX(Jesper!AH$2:AH$366,ROUNDDOWN($C983/24,0)+1,1))-1)+IF('Standard Profiles'!$G$18=$B$10,7,0)+IF('Standard Profiles'!$G$18=$B$17,14,0)+IF('Standard Profiles'!$G$18=$B$24,21,0),MOD($C983,24)+1)/SUM(INDEX($D$3:$AA$30,INDEX(Jesper!$R$2:$R$366,ROW(INDEX(Jesper!AH$2:AH$366,ROUNDDOWN($C983/24,0)+1,1))-1)+IF('Standard Profiles'!$G$18=$B$10,7,0)+IF('Standard Profiles'!$G$18=$B$17,14,0)+IF('Standard Profiles'!$G$18=$B$24,21,0),0)),0)</f>
        <v>16.878393015158434</v>
      </c>
      <c r="E983" cm="1">
        <f t="array" ref="E983">IFERROR(INDEX(Jesper!AI$2:AI$366,ROUNDDOWN($C983/24,0)+1,1)*INDEX($D$3:$AA$30,INDEX(Jesper!$R$2:$R$366,ROW(INDEX(Jesper!AI$2:AI$366,ROUNDDOWN($C983/24,0)+1,1))-1)+IF('Standard Profiles'!$G$19=$B$10,7,0)+IF('Standard Profiles'!$G$19=$B$17,14,0)+IF('Standard Profiles'!$G$19=$B$24,21,0),MOD($C983,24)+1)/SUM(INDEX($D$3:$AA$30,INDEX(Jesper!$R$2:$R$366,ROW(INDEX(Jesper!AI$2:AI$366,ROUNDDOWN($C983/24,0)+1,1))-1)+IF('Standard Profiles'!$G$19=$B$10,7,0)+IF('Standard Profiles'!$G$19=$B$17,14,0)+IF('Standard Profiles'!$G$19=$B$24,21,0),0)),0)</f>
        <v>0</v>
      </c>
      <c r="F983" cm="1">
        <f t="array" ref="F983">IFERROR(INDEX(Jesper!AJ$2:AJ$366,ROUNDDOWN($C983/24,0)+1,1)*INDEX($D$3:$AA$30,INDEX(Jesper!$R$2:$R$366,ROW(INDEX(Jesper!AJ$2:AJ$366,ROUNDDOWN($C983/24,0)+1,1))-1)+IF('Standard Profiles'!$G$20=$B$10,7,0)+IF('Standard Profiles'!$G$20=$B$17,14,0)+IF('Standard Profiles'!$G$20=$B$24,21,0),MOD($C983,24)+1)/SUM(INDEX($D$3:$AA$30,INDEX(Jesper!$R$2:$R$366,ROW(INDEX(Jesper!AJ$2:AJ$366,ROUNDDOWN($C983/24,0)+1,1))-1)+IF('Standard Profiles'!$G$20=$B$10,7,0)+IF('Standard Profiles'!$G$20=$B$17,14,0)+IF('Standard Profiles'!$G$20=$B$24,21,0),0)),0)</f>
        <v>0</v>
      </c>
      <c r="G983" cm="1">
        <f t="array" ref="G983">IFERROR(INDEX(Jesper!AK$2:AK$366,ROUNDDOWN($C983/24,0)+1,1)*INDEX($D$3:$AA$30,INDEX(Jesper!$R$2:$R$366,ROW(INDEX(Jesper!AK$2:AK$366,ROUNDDOWN($C983/24,0)+1,1))-1)+IF('Standard Profiles'!$G$21=$B$10,7,0)+IF('Standard Profiles'!$G$21=$B$17,14,0)+IF('Standard Profiles'!$G$21=$B$24,21,0),MOD($C983,24)+1)/SUM(INDEX($D$3:$AA$30,INDEX(Jesper!$R$2:$R$366,ROW(INDEX(Jesper!AK$2:AK$366,ROUNDDOWN($C983/24,0)+1,1))-1)+IF('Standard Profiles'!$G$21=$B$10,7,0)+IF('Standard Profiles'!$G$21=$B$17,14,0)+IF('Standard Profiles'!$G$21=$B$24,21,0),0)),0)</f>
        <v>0</v>
      </c>
      <c r="H983" cm="1">
        <f t="array" ref="H983">IFERROR(INDEX(Jesper!AL$2:AL$366,ROUNDDOWN($C983/24,0)+1,1)*INDEX($D$3:$AA$30,INDEX(Jesper!$R$2:$R$366,ROW(INDEX(Jesper!AL$2:AL$366,ROUNDDOWN($C983/24,0)+1,1))-1)+IF('Standard Profiles'!$G$22=$B$10,7,0)+IF('Standard Profiles'!$G$22=$B$17,14,0)+IF('Standard Profiles'!$G$22=$B$24,21,0),MOD($C983,24)+1)/SUM(INDEX($D$3:$AA$30,INDEX(Jesper!$R$2:$R$366,ROW(INDEX(Jesper!AL$2:AL$366,ROUNDDOWN($C983/24,0)+1,1))-1)+IF('Standard Profiles'!$G$22=$B$10,7,0)+IF('Standard Profiles'!$G$22=$B$17,14,0)+IF('Standard Profiles'!$G$22=$B$24,21,0),0)),0)</f>
        <v>0</v>
      </c>
      <c r="I983">
        <f t="shared" si="118"/>
        <v>0.50635179045475298</v>
      </c>
      <c r="J983">
        <f t="shared" si="119"/>
        <v>1.6878393015158435</v>
      </c>
      <c r="K983">
        <f t="shared" si="120"/>
        <v>2.5317589522737651</v>
      </c>
      <c r="L983">
        <f t="shared" si="121"/>
        <v>12.152442970914072</v>
      </c>
      <c r="M983">
        <f t="shared" si="122"/>
        <v>0</v>
      </c>
      <c r="N983" s="46">
        <f t="shared" si="123"/>
        <v>45331.541666664365</v>
      </c>
    </row>
    <row r="984" spans="2:14" x14ac:dyDescent="0.3">
      <c r="B984">
        <f t="shared" si="117"/>
        <v>5</v>
      </c>
      <c r="C984" s="16">
        <v>950</v>
      </c>
      <c r="D984" cm="1">
        <f t="array" ref="D984">IFERROR(INDEX(Jesper!AH$2:AH$366,ROUNDDOWN($C984/24,0)+1,1)*INDEX($D$3:$AA$30,INDEX(Jesper!$R$2:$R$366,ROW(INDEX(Jesper!AH$2:AH$366,ROUNDDOWN($C984/24,0)+1,1))-1)+IF('Standard Profiles'!$G$18=$B$10,7,0)+IF('Standard Profiles'!$G$18=$B$17,14,0)+IF('Standard Profiles'!$G$18=$B$24,21,0),MOD($C984,24)+1)/SUM(INDEX($D$3:$AA$30,INDEX(Jesper!$R$2:$R$366,ROW(INDEX(Jesper!AH$2:AH$366,ROUNDDOWN($C984/24,0)+1,1))-1)+IF('Standard Profiles'!$G$18=$B$10,7,0)+IF('Standard Profiles'!$G$18=$B$17,14,0)+IF('Standard Profiles'!$G$18=$B$24,21,0),0)),0)</f>
        <v>16.878393015158434</v>
      </c>
      <c r="E984" cm="1">
        <f t="array" ref="E984">IFERROR(INDEX(Jesper!AI$2:AI$366,ROUNDDOWN($C984/24,0)+1,1)*INDEX($D$3:$AA$30,INDEX(Jesper!$R$2:$R$366,ROW(INDEX(Jesper!AI$2:AI$366,ROUNDDOWN($C984/24,0)+1,1))-1)+IF('Standard Profiles'!$G$19=$B$10,7,0)+IF('Standard Profiles'!$G$19=$B$17,14,0)+IF('Standard Profiles'!$G$19=$B$24,21,0),MOD($C984,24)+1)/SUM(INDEX($D$3:$AA$30,INDEX(Jesper!$R$2:$R$366,ROW(INDEX(Jesper!AI$2:AI$366,ROUNDDOWN($C984/24,0)+1,1))-1)+IF('Standard Profiles'!$G$19=$B$10,7,0)+IF('Standard Profiles'!$G$19=$B$17,14,0)+IF('Standard Profiles'!$G$19=$B$24,21,0),0)),0)</f>
        <v>0</v>
      </c>
      <c r="F984" cm="1">
        <f t="array" ref="F984">IFERROR(INDEX(Jesper!AJ$2:AJ$366,ROUNDDOWN($C984/24,0)+1,1)*INDEX($D$3:$AA$30,INDEX(Jesper!$R$2:$R$366,ROW(INDEX(Jesper!AJ$2:AJ$366,ROUNDDOWN($C984/24,0)+1,1))-1)+IF('Standard Profiles'!$G$20=$B$10,7,0)+IF('Standard Profiles'!$G$20=$B$17,14,0)+IF('Standard Profiles'!$G$20=$B$24,21,0),MOD($C984,24)+1)/SUM(INDEX($D$3:$AA$30,INDEX(Jesper!$R$2:$R$366,ROW(INDEX(Jesper!AJ$2:AJ$366,ROUNDDOWN($C984/24,0)+1,1))-1)+IF('Standard Profiles'!$G$20=$B$10,7,0)+IF('Standard Profiles'!$G$20=$B$17,14,0)+IF('Standard Profiles'!$G$20=$B$24,21,0),0)),0)</f>
        <v>0</v>
      </c>
      <c r="G984" cm="1">
        <f t="array" ref="G984">IFERROR(INDEX(Jesper!AK$2:AK$366,ROUNDDOWN($C984/24,0)+1,1)*INDEX($D$3:$AA$30,INDEX(Jesper!$R$2:$R$366,ROW(INDEX(Jesper!AK$2:AK$366,ROUNDDOWN($C984/24,0)+1,1))-1)+IF('Standard Profiles'!$G$21=$B$10,7,0)+IF('Standard Profiles'!$G$21=$B$17,14,0)+IF('Standard Profiles'!$G$21=$B$24,21,0),MOD($C984,24)+1)/SUM(INDEX($D$3:$AA$30,INDEX(Jesper!$R$2:$R$366,ROW(INDEX(Jesper!AK$2:AK$366,ROUNDDOWN($C984/24,0)+1,1))-1)+IF('Standard Profiles'!$G$21=$B$10,7,0)+IF('Standard Profiles'!$G$21=$B$17,14,0)+IF('Standard Profiles'!$G$21=$B$24,21,0),0)),0)</f>
        <v>0</v>
      </c>
      <c r="H984" cm="1">
        <f t="array" ref="H984">IFERROR(INDEX(Jesper!AL$2:AL$366,ROUNDDOWN($C984/24,0)+1,1)*INDEX($D$3:$AA$30,INDEX(Jesper!$R$2:$R$366,ROW(INDEX(Jesper!AL$2:AL$366,ROUNDDOWN($C984/24,0)+1,1))-1)+IF('Standard Profiles'!$G$22=$B$10,7,0)+IF('Standard Profiles'!$G$22=$B$17,14,0)+IF('Standard Profiles'!$G$22=$B$24,21,0),MOD($C984,24)+1)/SUM(INDEX($D$3:$AA$30,INDEX(Jesper!$R$2:$R$366,ROW(INDEX(Jesper!AL$2:AL$366,ROUNDDOWN($C984/24,0)+1,1))-1)+IF('Standard Profiles'!$G$22=$B$10,7,0)+IF('Standard Profiles'!$G$22=$B$17,14,0)+IF('Standard Profiles'!$G$22=$B$24,21,0),0)),0)</f>
        <v>0</v>
      </c>
      <c r="I984">
        <f t="shared" si="118"/>
        <v>0.50635179045475298</v>
      </c>
      <c r="J984">
        <f t="shared" si="119"/>
        <v>1.6878393015158435</v>
      </c>
      <c r="K984">
        <f t="shared" si="120"/>
        <v>2.5317589522737651</v>
      </c>
      <c r="L984">
        <f t="shared" si="121"/>
        <v>12.152442970914072</v>
      </c>
      <c r="M984">
        <f t="shared" si="122"/>
        <v>0</v>
      </c>
      <c r="N984" s="46">
        <f t="shared" si="123"/>
        <v>45331.583333331029</v>
      </c>
    </row>
    <row r="985" spans="2:14" x14ac:dyDescent="0.3">
      <c r="B985">
        <f t="shared" si="117"/>
        <v>5</v>
      </c>
      <c r="C985" s="16">
        <v>951</v>
      </c>
      <c r="D985" cm="1">
        <f t="array" ref="D985">IFERROR(INDEX(Jesper!AH$2:AH$366,ROUNDDOWN($C985/24,0)+1,1)*INDEX($D$3:$AA$30,INDEX(Jesper!$R$2:$R$366,ROW(INDEX(Jesper!AH$2:AH$366,ROUNDDOWN($C985/24,0)+1,1))-1)+IF('Standard Profiles'!$G$18=$B$10,7,0)+IF('Standard Profiles'!$G$18=$B$17,14,0)+IF('Standard Profiles'!$G$18=$B$24,21,0),MOD($C985,24)+1)/SUM(INDEX($D$3:$AA$30,INDEX(Jesper!$R$2:$R$366,ROW(INDEX(Jesper!AH$2:AH$366,ROUNDDOWN($C985/24,0)+1,1))-1)+IF('Standard Profiles'!$G$18=$B$10,7,0)+IF('Standard Profiles'!$G$18=$B$17,14,0)+IF('Standard Profiles'!$G$18=$B$24,21,0),0)),0)</f>
        <v>14.065327512632031</v>
      </c>
      <c r="E985" cm="1">
        <f t="array" ref="E985">IFERROR(INDEX(Jesper!AI$2:AI$366,ROUNDDOWN($C985/24,0)+1,1)*INDEX($D$3:$AA$30,INDEX(Jesper!$R$2:$R$366,ROW(INDEX(Jesper!AI$2:AI$366,ROUNDDOWN($C985/24,0)+1,1))-1)+IF('Standard Profiles'!$G$19=$B$10,7,0)+IF('Standard Profiles'!$G$19=$B$17,14,0)+IF('Standard Profiles'!$G$19=$B$24,21,0),MOD($C985,24)+1)/SUM(INDEX($D$3:$AA$30,INDEX(Jesper!$R$2:$R$366,ROW(INDEX(Jesper!AI$2:AI$366,ROUNDDOWN($C985/24,0)+1,1))-1)+IF('Standard Profiles'!$G$19=$B$10,7,0)+IF('Standard Profiles'!$G$19=$B$17,14,0)+IF('Standard Profiles'!$G$19=$B$24,21,0),0)),0)</f>
        <v>0</v>
      </c>
      <c r="F985" cm="1">
        <f t="array" ref="F985">IFERROR(INDEX(Jesper!AJ$2:AJ$366,ROUNDDOWN($C985/24,0)+1,1)*INDEX($D$3:$AA$30,INDEX(Jesper!$R$2:$R$366,ROW(INDEX(Jesper!AJ$2:AJ$366,ROUNDDOWN($C985/24,0)+1,1))-1)+IF('Standard Profiles'!$G$20=$B$10,7,0)+IF('Standard Profiles'!$G$20=$B$17,14,0)+IF('Standard Profiles'!$G$20=$B$24,21,0),MOD($C985,24)+1)/SUM(INDEX($D$3:$AA$30,INDEX(Jesper!$R$2:$R$366,ROW(INDEX(Jesper!AJ$2:AJ$366,ROUNDDOWN($C985/24,0)+1,1))-1)+IF('Standard Profiles'!$G$20=$B$10,7,0)+IF('Standard Profiles'!$G$20=$B$17,14,0)+IF('Standard Profiles'!$G$20=$B$24,21,0),0)),0)</f>
        <v>0</v>
      </c>
      <c r="G985" cm="1">
        <f t="array" ref="G985">IFERROR(INDEX(Jesper!AK$2:AK$366,ROUNDDOWN($C985/24,0)+1,1)*INDEX($D$3:$AA$30,INDEX(Jesper!$R$2:$R$366,ROW(INDEX(Jesper!AK$2:AK$366,ROUNDDOWN($C985/24,0)+1,1))-1)+IF('Standard Profiles'!$G$21=$B$10,7,0)+IF('Standard Profiles'!$G$21=$B$17,14,0)+IF('Standard Profiles'!$G$21=$B$24,21,0),MOD($C985,24)+1)/SUM(INDEX($D$3:$AA$30,INDEX(Jesper!$R$2:$R$366,ROW(INDEX(Jesper!AK$2:AK$366,ROUNDDOWN($C985/24,0)+1,1))-1)+IF('Standard Profiles'!$G$21=$B$10,7,0)+IF('Standard Profiles'!$G$21=$B$17,14,0)+IF('Standard Profiles'!$G$21=$B$24,21,0),0)),0)</f>
        <v>0</v>
      </c>
      <c r="H985" cm="1">
        <f t="array" ref="H985">IFERROR(INDEX(Jesper!AL$2:AL$366,ROUNDDOWN($C985/24,0)+1,1)*INDEX($D$3:$AA$30,INDEX(Jesper!$R$2:$R$366,ROW(INDEX(Jesper!AL$2:AL$366,ROUNDDOWN($C985/24,0)+1,1))-1)+IF('Standard Profiles'!$G$22=$B$10,7,0)+IF('Standard Profiles'!$G$22=$B$17,14,0)+IF('Standard Profiles'!$G$22=$B$24,21,0),MOD($C985,24)+1)/SUM(INDEX($D$3:$AA$30,INDEX(Jesper!$R$2:$R$366,ROW(INDEX(Jesper!AL$2:AL$366,ROUNDDOWN($C985/24,0)+1,1))-1)+IF('Standard Profiles'!$G$22=$B$10,7,0)+IF('Standard Profiles'!$G$22=$B$17,14,0)+IF('Standard Profiles'!$G$22=$B$24,21,0),0)),0)</f>
        <v>0</v>
      </c>
      <c r="I985">
        <f t="shared" si="118"/>
        <v>0.42195982537896093</v>
      </c>
      <c r="J985">
        <f t="shared" si="119"/>
        <v>1.4065327512632031</v>
      </c>
      <c r="K985">
        <f t="shared" si="120"/>
        <v>2.1097991268948046</v>
      </c>
      <c r="L985">
        <f t="shared" si="121"/>
        <v>10.127035809095062</v>
      </c>
      <c r="M985">
        <f t="shared" si="122"/>
        <v>0</v>
      </c>
      <c r="N985" s="46">
        <f t="shared" si="123"/>
        <v>45331.624999997694</v>
      </c>
    </row>
    <row r="986" spans="2:14" x14ac:dyDescent="0.3">
      <c r="B986">
        <f t="shared" si="117"/>
        <v>5</v>
      </c>
      <c r="C986" s="16">
        <v>952</v>
      </c>
      <c r="D986" cm="1">
        <f t="array" ref="D986">IFERROR(INDEX(Jesper!AH$2:AH$366,ROUNDDOWN($C986/24,0)+1,1)*INDEX($D$3:$AA$30,INDEX(Jesper!$R$2:$R$366,ROW(INDEX(Jesper!AH$2:AH$366,ROUNDDOWN($C986/24,0)+1,1))-1)+IF('Standard Profiles'!$G$18=$B$10,7,0)+IF('Standard Profiles'!$G$18=$B$17,14,0)+IF('Standard Profiles'!$G$18=$B$24,21,0),MOD($C986,24)+1)/SUM(INDEX($D$3:$AA$30,INDEX(Jesper!$R$2:$R$366,ROW(INDEX(Jesper!AH$2:AH$366,ROUNDDOWN($C986/24,0)+1,1))-1)+IF('Standard Profiles'!$G$18=$B$10,7,0)+IF('Standard Profiles'!$G$18=$B$17,14,0)+IF('Standard Profiles'!$G$18=$B$24,21,0),0)),0)</f>
        <v>13.315176711958323</v>
      </c>
      <c r="E986" cm="1">
        <f t="array" ref="E986">IFERROR(INDEX(Jesper!AI$2:AI$366,ROUNDDOWN($C986/24,0)+1,1)*INDEX($D$3:$AA$30,INDEX(Jesper!$R$2:$R$366,ROW(INDEX(Jesper!AI$2:AI$366,ROUNDDOWN($C986/24,0)+1,1))-1)+IF('Standard Profiles'!$G$19=$B$10,7,0)+IF('Standard Profiles'!$G$19=$B$17,14,0)+IF('Standard Profiles'!$G$19=$B$24,21,0),MOD($C986,24)+1)/SUM(INDEX($D$3:$AA$30,INDEX(Jesper!$R$2:$R$366,ROW(INDEX(Jesper!AI$2:AI$366,ROUNDDOWN($C986/24,0)+1,1))-1)+IF('Standard Profiles'!$G$19=$B$10,7,0)+IF('Standard Profiles'!$G$19=$B$17,14,0)+IF('Standard Profiles'!$G$19=$B$24,21,0),0)),0)</f>
        <v>0</v>
      </c>
      <c r="F986" cm="1">
        <f t="array" ref="F986">IFERROR(INDEX(Jesper!AJ$2:AJ$366,ROUNDDOWN($C986/24,0)+1,1)*INDEX($D$3:$AA$30,INDEX(Jesper!$R$2:$R$366,ROW(INDEX(Jesper!AJ$2:AJ$366,ROUNDDOWN($C986/24,0)+1,1))-1)+IF('Standard Profiles'!$G$20=$B$10,7,0)+IF('Standard Profiles'!$G$20=$B$17,14,0)+IF('Standard Profiles'!$G$20=$B$24,21,0),MOD($C986,24)+1)/SUM(INDEX($D$3:$AA$30,INDEX(Jesper!$R$2:$R$366,ROW(INDEX(Jesper!AJ$2:AJ$366,ROUNDDOWN($C986/24,0)+1,1))-1)+IF('Standard Profiles'!$G$20=$B$10,7,0)+IF('Standard Profiles'!$G$20=$B$17,14,0)+IF('Standard Profiles'!$G$20=$B$24,21,0),0)),0)</f>
        <v>0</v>
      </c>
      <c r="G986" cm="1">
        <f t="array" ref="G986">IFERROR(INDEX(Jesper!AK$2:AK$366,ROUNDDOWN($C986/24,0)+1,1)*INDEX($D$3:$AA$30,INDEX(Jesper!$R$2:$R$366,ROW(INDEX(Jesper!AK$2:AK$366,ROUNDDOWN($C986/24,0)+1,1))-1)+IF('Standard Profiles'!$G$21=$B$10,7,0)+IF('Standard Profiles'!$G$21=$B$17,14,0)+IF('Standard Profiles'!$G$21=$B$24,21,0),MOD($C986,24)+1)/SUM(INDEX($D$3:$AA$30,INDEX(Jesper!$R$2:$R$366,ROW(INDEX(Jesper!AK$2:AK$366,ROUNDDOWN($C986/24,0)+1,1))-1)+IF('Standard Profiles'!$G$21=$B$10,7,0)+IF('Standard Profiles'!$G$21=$B$17,14,0)+IF('Standard Profiles'!$G$21=$B$24,21,0),0)),0)</f>
        <v>0</v>
      </c>
      <c r="H986" cm="1">
        <f t="array" ref="H986">IFERROR(INDEX(Jesper!AL$2:AL$366,ROUNDDOWN($C986/24,0)+1,1)*INDEX($D$3:$AA$30,INDEX(Jesper!$R$2:$R$366,ROW(INDEX(Jesper!AL$2:AL$366,ROUNDDOWN($C986/24,0)+1,1))-1)+IF('Standard Profiles'!$G$22=$B$10,7,0)+IF('Standard Profiles'!$G$22=$B$17,14,0)+IF('Standard Profiles'!$G$22=$B$24,21,0),MOD($C986,24)+1)/SUM(INDEX($D$3:$AA$30,INDEX(Jesper!$R$2:$R$366,ROW(INDEX(Jesper!AL$2:AL$366,ROUNDDOWN($C986/24,0)+1,1))-1)+IF('Standard Profiles'!$G$22=$B$10,7,0)+IF('Standard Profiles'!$G$22=$B$17,14,0)+IF('Standard Profiles'!$G$22=$B$24,21,0),0)),0)</f>
        <v>0</v>
      </c>
      <c r="I986">
        <f t="shared" si="118"/>
        <v>0.39945530135874968</v>
      </c>
      <c r="J986">
        <f t="shared" si="119"/>
        <v>1.3315176711958323</v>
      </c>
      <c r="K986">
        <f t="shared" si="120"/>
        <v>1.9972765067937484</v>
      </c>
      <c r="L986">
        <f t="shared" si="121"/>
        <v>9.5869272326099928</v>
      </c>
      <c r="M986">
        <f t="shared" si="122"/>
        <v>0</v>
      </c>
      <c r="N986" s="46">
        <f t="shared" si="123"/>
        <v>45331.666666664358</v>
      </c>
    </row>
    <row r="987" spans="2:14" x14ac:dyDescent="0.3">
      <c r="B987">
        <f t="shared" si="117"/>
        <v>5</v>
      </c>
      <c r="C987" s="16">
        <v>953</v>
      </c>
      <c r="D987" cm="1">
        <f t="array" ref="D987">IFERROR(INDEX(Jesper!AH$2:AH$366,ROUNDDOWN($C987/24,0)+1,1)*INDEX($D$3:$AA$30,INDEX(Jesper!$R$2:$R$366,ROW(INDEX(Jesper!AH$2:AH$366,ROUNDDOWN($C987/24,0)+1,1))-1)+IF('Standard Profiles'!$G$18=$B$10,7,0)+IF('Standard Profiles'!$G$18=$B$17,14,0)+IF('Standard Profiles'!$G$18=$B$24,21,0),MOD($C987,24)+1)/SUM(INDEX($D$3:$AA$30,INDEX(Jesper!$R$2:$R$366,ROW(INDEX(Jesper!AH$2:AH$366,ROUNDDOWN($C987/24,0)+1,1))-1)+IF('Standard Profiles'!$G$18=$B$10,7,0)+IF('Standard Profiles'!$G$18=$B$17,14,0)+IF('Standard Profiles'!$G$18=$B$24,21,0),0)),0)</f>
        <v>13.315176711958323</v>
      </c>
      <c r="E987" cm="1">
        <f t="array" ref="E987">IFERROR(INDEX(Jesper!AI$2:AI$366,ROUNDDOWN($C987/24,0)+1,1)*INDEX($D$3:$AA$30,INDEX(Jesper!$R$2:$R$366,ROW(INDEX(Jesper!AI$2:AI$366,ROUNDDOWN($C987/24,0)+1,1))-1)+IF('Standard Profiles'!$G$19=$B$10,7,0)+IF('Standard Profiles'!$G$19=$B$17,14,0)+IF('Standard Profiles'!$G$19=$B$24,21,0),MOD($C987,24)+1)/SUM(INDEX($D$3:$AA$30,INDEX(Jesper!$R$2:$R$366,ROW(INDEX(Jesper!AI$2:AI$366,ROUNDDOWN($C987/24,0)+1,1))-1)+IF('Standard Profiles'!$G$19=$B$10,7,0)+IF('Standard Profiles'!$G$19=$B$17,14,0)+IF('Standard Profiles'!$G$19=$B$24,21,0),0)),0)</f>
        <v>0</v>
      </c>
      <c r="F987" cm="1">
        <f t="array" ref="F987">IFERROR(INDEX(Jesper!AJ$2:AJ$366,ROUNDDOWN($C987/24,0)+1,1)*INDEX($D$3:$AA$30,INDEX(Jesper!$R$2:$R$366,ROW(INDEX(Jesper!AJ$2:AJ$366,ROUNDDOWN($C987/24,0)+1,1))-1)+IF('Standard Profiles'!$G$20=$B$10,7,0)+IF('Standard Profiles'!$G$20=$B$17,14,0)+IF('Standard Profiles'!$G$20=$B$24,21,0),MOD($C987,24)+1)/SUM(INDEX($D$3:$AA$30,INDEX(Jesper!$R$2:$R$366,ROW(INDEX(Jesper!AJ$2:AJ$366,ROUNDDOWN($C987/24,0)+1,1))-1)+IF('Standard Profiles'!$G$20=$B$10,7,0)+IF('Standard Profiles'!$G$20=$B$17,14,0)+IF('Standard Profiles'!$G$20=$B$24,21,0),0)),0)</f>
        <v>0</v>
      </c>
      <c r="G987" cm="1">
        <f t="array" ref="G987">IFERROR(INDEX(Jesper!AK$2:AK$366,ROUNDDOWN($C987/24,0)+1,1)*INDEX($D$3:$AA$30,INDEX(Jesper!$R$2:$R$366,ROW(INDEX(Jesper!AK$2:AK$366,ROUNDDOWN($C987/24,0)+1,1))-1)+IF('Standard Profiles'!$G$21=$B$10,7,0)+IF('Standard Profiles'!$G$21=$B$17,14,0)+IF('Standard Profiles'!$G$21=$B$24,21,0),MOD($C987,24)+1)/SUM(INDEX($D$3:$AA$30,INDEX(Jesper!$R$2:$R$366,ROW(INDEX(Jesper!AK$2:AK$366,ROUNDDOWN($C987/24,0)+1,1))-1)+IF('Standard Profiles'!$G$21=$B$10,7,0)+IF('Standard Profiles'!$G$21=$B$17,14,0)+IF('Standard Profiles'!$G$21=$B$24,21,0),0)),0)</f>
        <v>0</v>
      </c>
      <c r="H987" cm="1">
        <f t="array" ref="H987">IFERROR(INDEX(Jesper!AL$2:AL$366,ROUNDDOWN($C987/24,0)+1,1)*INDEX($D$3:$AA$30,INDEX(Jesper!$R$2:$R$366,ROW(INDEX(Jesper!AL$2:AL$366,ROUNDDOWN($C987/24,0)+1,1))-1)+IF('Standard Profiles'!$G$22=$B$10,7,0)+IF('Standard Profiles'!$G$22=$B$17,14,0)+IF('Standard Profiles'!$G$22=$B$24,21,0),MOD($C987,24)+1)/SUM(INDEX($D$3:$AA$30,INDEX(Jesper!$R$2:$R$366,ROW(INDEX(Jesper!AL$2:AL$366,ROUNDDOWN($C987/24,0)+1,1))-1)+IF('Standard Profiles'!$G$22=$B$10,7,0)+IF('Standard Profiles'!$G$22=$B$17,14,0)+IF('Standard Profiles'!$G$22=$B$24,21,0),0)),0)</f>
        <v>0</v>
      </c>
      <c r="I987">
        <f t="shared" si="118"/>
        <v>0.39945530135874968</v>
      </c>
      <c r="J987">
        <f t="shared" si="119"/>
        <v>1.3315176711958323</v>
      </c>
      <c r="K987">
        <f t="shared" si="120"/>
        <v>1.9972765067937484</v>
      </c>
      <c r="L987">
        <f t="shared" si="121"/>
        <v>9.5869272326099928</v>
      </c>
      <c r="M987">
        <f t="shared" si="122"/>
        <v>0</v>
      </c>
      <c r="N987" s="46">
        <f t="shared" si="123"/>
        <v>45331.708333331022</v>
      </c>
    </row>
    <row r="988" spans="2:14" x14ac:dyDescent="0.3">
      <c r="B988">
        <f t="shared" si="117"/>
        <v>5</v>
      </c>
      <c r="C988" s="16">
        <v>954</v>
      </c>
      <c r="D988" cm="1">
        <f t="array" ref="D988">IFERROR(INDEX(Jesper!AH$2:AH$366,ROUNDDOWN($C988/24,0)+1,1)*INDEX($D$3:$AA$30,INDEX(Jesper!$R$2:$R$366,ROW(INDEX(Jesper!AH$2:AH$366,ROUNDDOWN($C988/24,0)+1,1))-1)+IF('Standard Profiles'!$G$18=$B$10,7,0)+IF('Standard Profiles'!$G$18=$B$17,14,0)+IF('Standard Profiles'!$G$18=$B$24,21,0),MOD($C988,24)+1)/SUM(INDEX($D$3:$AA$30,INDEX(Jesper!$R$2:$R$366,ROW(INDEX(Jesper!AH$2:AH$366,ROUNDDOWN($C988/24,0)+1,1))-1)+IF('Standard Profiles'!$G$18=$B$10,7,0)+IF('Standard Profiles'!$G$18=$B$17,14,0)+IF('Standard Profiles'!$G$18=$B$24,21,0),0)),0)</f>
        <v>13.315176711958323</v>
      </c>
      <c r="E988" cm="1">
        <f t="array" ref="E988">IFERROR(INDEX(Jesper!AI$2:AI$366,ROUNDDOWN($C988/24,0)+1,1)*INDEX($D$3:$AA$30,INDEX(Jesper!$R$2:$R$366,ROW(INDEX(Jesper!AI$2:AI$366,ROUNDDOWN($C988/24,0)+1,1))-1)+IF('Standard Profiles'!$G$19=$B$10,7,0)+IF('Standard Profiles'!$G$19=$B$17,14,0)+IF('Standard Profiles'!$G$19=$B$24,21,0),MOD($C988,24)+1)/SUM(INDEX($D$3:$AA$30,INDEX(Jesper!$R$2:$R$366,ROW(INDEX(Jesper!AI$2:AI$366,ROUNDDOWN($C988/24,0)+1,1))-1)+IF('Standard Profiles'!$G$19=$B$10,7,0)+IF('Standard Profiles'!$G$19=$B$17,14,0)+IF('Standard Profiles'!$G$19=$B$24,21,0),0)),0)</f>
        <v>0</v>
      </c>
      <c r="F988" cm="1">
        <f t="array" ref="F988">IFERROR(INDEX(Jesper!AJ$2:AJ$366,ROUNDDOWN($C988/24,0)+1,1)*INDEX($D$3:$AA$30,INDEX(Jesper!$R$2:$R$366,ROW(INDEX(Jesper!AJ$2:AJ$366,ROUNDDOWN($C988/24,0)+1,1))-1)+IF('Standard Profiles'!$G$20=$B$10,7,0)+IF('Standard Profiles'!$G$20=$B$17,14,0)+IF('Standard Profiles'!$G$20=$B$24,21,0),MOD($C988,24)+1)/SUM(INDEX($D$3:$AA$30,INDEX(Jesper!$R$2:$R$366,ROW(INDEX(Jesper!AJ$2:AJ$366,ROUNDDOWN($C988/24,0)+1,1))-1)+IF('Standard Profiles'!$G$20=$B$10,7,0)+IF('Standard Profiles'!$G$20=$B$17,14,0)+IF('Standard Profiles'!$G$20=$B$24,21,0),0)),0)</f>
        <v>0</v>
      </c>
      <c r="G988" cm="1">
        <f t="array" ref="G988">IFERROR(INDEX(Jesper!AK$2:AK$366,ROUNDDOWN($C988/24,0)+1,1)*INDEX($D$3:$AA$30,INDEX(Jesper!$R$2:$R$366,ROW(INDEX(Jesper!AK$2:AK$366,ROUNDDOWN($C988/24,0)+1,1))-1)+IF('Standard Profiles'!$G$21=$B$10,7,0)+IF('Standard Profiles'!$G$21=$B$17,14,0)+IF('Standard Profiles'!$G$21=$B$24,21,0),MOD($C988,24)+1)/SUM(INDEX($D$3:$AA$30,INDEX(Jesper!$R$2:$R$366,ROW(INDEX(Jesper!AK$2:AK$366,ROUNDDOWN($C988/24,0)+1,1))-1)+IF('Standard Profiles'!$G$21=$B$10,7,0)+IF('Standard Profiles'!$G$21=$B$17,14,0)+IF('Standard Profiles'!$G$21=$B$24,21,0),0)),0)</f>
        <v>0</v>
      </c>
      <c r="H988" cm="1">
        <f t="array" ref="H988">IFERROR(INDEX(Jesper!AL$2:AL$366,ROUNDDOWN($C988/24,0)+1,1)*INDEX($D$3:$AA$30,INDEX(Jesper!$R$2:$R$366,ROW(INDEX(Jesper!AL$2:AL$366,ROUNDDOWN($C988/24,0)+1,1))-1)+IF('Standard Profiles'!$G$22=$B$10,7,0)+IF('Standard Profiles'!$G$22=$B$17,14,0)+IF('Standard Profiles'!$G$22=$B$24,21,0),MOD($C988,24)+1)/SUM(INDEX($D$3:$AA$30,INDEX(Jesper!$R$2:$R$366,ROW(INDEX(Jesper!AL$2:AL$366,ROUNDDOWN($C988/24,0)+1,1))-1)+IF('Standard Profiles'!$G$22=$B$10,7,0)+IF('Standard Profiles'!$G$22=$B$17,14,0)+IF('Standard Profiles'!$G$22=$B$24,21,0),0)),0)</f>
        <v>0</v>
      </c>
      <c r="I988">
        <f t="shared" si="118"/>
        <v>0.39945530135874968</v>
      </c>
      <c r="J988">
        <f t="shared" si="119"/>
        <v>1.3315176711958323</v>
      </c>
      <c r="K988">
        <f t="shared" si="120"/>
        <v>1.9972765067937484</v>
      </c>
      <c r="L988">
        <f t="shared" si="121"/>
        <v>9.5869272326099928</v>
      </c>
      <c r="M988">
        <f t="shared" si="122"/>
        <v>0</v>
      </c>
      <c r="N988" s="46">
        <f t="shared" si="123"/>
        <v>45331.749999997686</v>
      </c>
    </row>
    <row r="989" spans="2:14" x14ac:dyDescent="0.3">
      <c r="B989">
        <f t="shared" si="117"/>
        <v>5</v>
      </c>
      <c r="C989" s="16">
        <v>955</v>
      </c>
      <c r="D989" cm="1">
        <f t="array" ref="D989">IFERROR(INDEX(Jesper!AH$2:AH$366,ROUNDDOWN($C989/24,0)+1,1)*INDEX($D$3:$AA$30,INDEX(Jesper!$R$2:$R$366,ROW(INDEX(Jesper!AH$2:AH$366,ROUNDDOWN($C989/24,0)+1,1))-1)+IF('Standard Profiles'!$G$18=$B$10,7,0)+IF('Standard Profiles'!$G$18=$B$17,14,0)+IF('Standard Profiles'!$G$18=$B$24,21,0),MOD($C989,24)+1)/SUM(INDEX($D$3:$AA$30,INDEX(Jesper!$R$2:$R$366,ROW(INDEX(Jesper!AH$2:AH$366,ROUNDDOWN($C989/24,0)+1,1))-1)+IF('Standard Profiles'!$G$18=$B$10,7,0)+IF('Standard Profiles'!$G$18=$B$17,14,0)+IF('Standard Profiles'!$G$18=$B$24,21,0),0)),0)</f>
        <v>13.315176711958323</v>
      </c>
      <c r="E989" cm="1">
        <f t="array" ref="E989">IFERROR(INDEX(Jesper!AI$2:AI$366,ROUNDDOWN($C989/24,0)+1,1)*INDEX($D$3:$AA$30,INDEX(Jesper!$R$2:$R$366,ROW(INDEX(Jesper!AI$2:AI$366,ROUNDDOWN($C989/24,0)+1,1))-1)+IF('Standard Profiles'!$G$19=$B$10,7,0)+IF('Standard Profiles'!$G$19=$B$17,14,0)+IF('Standard Profiles'!$G$19=$B$24,21,0),MOD($C989,24)+1)/SUM(INDEX($D$3:$AA$30,INDEX(Jesper!$R$2:$R$366,ROW(INDEX(Jesper!AI$2:AI$366,ROUNDDOWN($C989/24,0)+1,1))-1)+IF('Standard Profiles'!$G$19=$B$10,7,0)+IF('Standard Profiles'!$G$19=$B$17,14,0)+IF('Standard Profiles'!$G$19=$B$24,21,0),0)),0)</f>
        <v>0</v>
      </c>
      <c r="F989" cm="1">
        <f t="array" ref="F989">IFERROR(INDEX(Jesper!AJ$2:AJ$366,ROUNDDOWN($C989/24,0)+1,1)*INDEX($D$3:$AA$30,INDEX(Jesper!$R$2:$R$366,ROW(INDEX(Jesper!AJ$2:AJ$366,ROUNDDOWN($C989/24,0)+1,1))-1)+IF('Standard Profiles'!$G$20=$B$10,7,0)+IF('Standard Profiles'!$G$20=$B$17,14,0)+IF('Standard Profiles'!$G$20=$B$24,21,0),MOD($C989,24)+1)/SUM(INDEX($D$3:$AA$30,INDEX(Jesper!$R$2:$R$366,ROW(INDEX(Jesper!AJ$2:AJ$366,ROUNDDOWN($C989/24,0)+1,1))-1)+IF('Standard Profiles'!$G$20=$B$10,7,0)+IF('Standard Profiles'!$G$20=$B$17,14,0)+IF('Standard Profiles'!$G$20=$B$24,21,0),0)),0)</f>
        <v>0</v>
      </c>
      <c r="G989" cm="1">
        <f t="array" ref="G989">IFERROR(INDEX(Jesper!AK$2:AK$366,ROUNDDOWN($C989/24,0)+1,1)*INDEX($D$3:$AA$30,INDEX(Jesper!$R$2:$R$366,ROW(INDEX(Jesper!AK$2:AK$366,ROUNDDOWN($C989/24,0)+1,1))-1)+IF('Standard Profiles'!$G$21=$B$10,7,0)+IF('Standard Profiles'!$G$21=$B$17,14,0)+IF('Standard Profiles'!$G$21=$B$24,21,0),MOD($C989,24)+1)/SUM(INDEX($D$3:$AA$30,INDEX(Jesper!$R$2:$R$366,ROW(INDEX(Jesper!AK$2:AK$366,ROUNDDOWN($C989/24,0)+1,1))-1)+IF('Standard Profiles'!$G$21=$B$10,7,0)+IF('Standard Profiles'!$G$21=$B$17,14,0)+IF('Standard Profiles'!$G$21=$B$24,21,0),0)),0)</f>
        <v>0</v>
      </c>
      <c r="H989" cm="1">
        <f t="array" ref="H989">IFERROR(INDEX(Jesper!AL$2:AL$366,ROUNDDOWN($C989/24,0)+1,1)*INDEX($D$3:$AA$30,INDEX(Jesper!$R$2:$R$366,ROW(INDEX(Jesper!AL$2:AL$366,ROUNDDOWN($C989/24,0)+1,1))-1)+IF('Standard Profiles'!$G$22=$B$10,7,0)+IF('Standard Profiles'!$G$22=$B$17,14,0)+IF('Standard Profiles'!$G$22=$B$24,21,0),MOD($C989,24)+1)/SUM(INDEX($D$3:$AA$30,INDEX(Jesper!$R$2:$R$366,ROW(INDEX(Jesper!AL$2:AL$366,ROUNDDOWN($C989/24,0)+1,1))-1)+IF('Standard Profiles'!$G$22=$B$10,7,0)+IF('Standard Profiles'!$G$22=$B$17,14,0)+IF('Standard Profiles'!$G$22=$B$24,21,0),0)),0)</f>
        <v>0</v>
      </c>
      <c r="I989">
        <f t="shared" si="118"/>
        <v>0.39945530135874968</v>
      </c>
      <c r="J989">
        <f t="shared" si="119"/>
        <v>1.3315176711958323</v>
      </c>
      <c r="K989">
        <f t="shared" si="120"/>
        <v>1.9972765067937484</v>
      </c>
      <c r="L989">
        <f t="shared" si="121"/>
        <v>9.5869272326099928</v>
      </c>
      <c r="M989">
        <f t="shared" si="122"/>
        <v>0</v>
      </c>
      <c r="N989" s="46">
        <f t="shared" si="123"/>
        <v>45331.79166666435</v>
      </c>
    </row>
    <row r="990" spans="2:14" x14ac:dyDescent="0.3">
      <c r="B990">
        <f t="shared" si="117"/>
        <v>5</v>
      </c>
      <c r="C990" s="16">
        <v>956</v>
      </c>
      <c r="D990" cm="1">
        <f t="array" ref="D990">IFERROR(INDEX(Jesper!AH$2:AH$366,ROUNDDOWN($C990/24,0)+1,1)*INDEX($D$3:$AA$30,INDEX(Jesper!$R$2:$R$366,ROW(INDEX(Jesper!AH$2:AH$366,ROUNDDOWN($C990/24,0)+1,1))-1)+IF('Standard Profiles'!$G$18=$B$10,7,0)+IF('Standard Profiles'!$G$18=$B$17,14,0)+IF('Standard Profiles'!$G$18=$B$24,21,0),MOD($C990,24)+1)/SUM(INDEX($D$3:$AA$30,INDEX(Jesper!$R$2:$R$366,ROW(INDEX(Jesper!AH$2:AH$366,ROUNDDOWN($C990/24,0)+1,1))-1)+IF('Standard Profiles'!$G$18=$B$10,7,0)+IF('Standard Profiles'!$G$18=$B$17,14,0)+IF('Standard Profiles'!$G$18=$B$24,21,0),0)),0)</f>
        <v>10.314573509263488</v>
      </c>
      <c r="E990" cm="1">
        <f t="array" ref="E990">IFERROR(INDEX(Jesper!AI$2:AI$366,ROUNDDOWN($C990/24,0)+1,1)*INDEX($D$3:$AA$30,INDEX(Jesper!$R$2:$R$366,ROW(INDEX(Jesper!AI$2:AI$366,ROUNDDOWN($C990/24,0)+1,1))-1)+IF('Standard Profiles'!$G$19=$B$10,7,0)+IF('Standard Profiles'!$G$19=$B$17,14,0)+IF('Standard Profiles'!$G$19=$B$24,21,0),MOD($C990,24)+1)/SUM(INDEX($D$3:$AA$30,INDEX(Jesper!$R$2:$R$366,ROW(INDEX(Jesper!AI$2:AI$366,ROUNDDOWN($C990/24,0)+1,1))-1)+IF('Standard Profiles'!$G$19=$B$10,7,0)+IF('Standard Profiles'!$G$19=$B$17,14,0)+IF('Standard Profiles'!$G$19=$B$24,21,0),0)),0)</f>
        <v>0</v>
      </c>
      <c r="F990" cm="1">
        <f t="array" ref="F990">IFERROR(INDEX(Jesper!AJ$2:AJ$366,ROUNDDOWN($C990/24,0)+1,1)*INDEX($D$3:$AA$30,INDEX(Jesper!$R$2:$R$366,ROW(INDEX(Jesper!AJ$2:AJ$366,ROUNDDOWN($C990/24,0)+1,1))-1)+IF('Standard Profiles'!$G$20=$B$10,7,0)+IF('Standard Profiles'!$G$20=$B$17,14,0)+IF('Standard Profiles'!$G$20=$B$24,21,0),MOD($C990,24)+1)/SUM(INDEX($D$3:$AA$30,INDEX(Jesper!$R$2:$R$366,ROW(INDEX(Jesper!AJ$2:AJ$366,ROUNDDOWN($C990/24,0)+1,1))-1)+IF('Standard Profiles'!$G$20=$B$10,7,0)+IF('Standard Profiles'!$G$20=$B$17,14,0)+IF('Standard Profiles'!$G$20=$B$24,21,0),0)),0)</f>
        <v>0</v>
      </c>
      <c r="G990" cm="1">
        <f t="array" ref="G990">IFERROR(INDEX(Jesper!AK$2:AK$366,ROUNDDOWN($C990/24,0)+1,1)*INDEX($D$3:$AA$30,INDEX(Jesper!$R$2:$R$366,ROW(INDEX(Jesper!AK$2:AK$366,ROUNDDOWN($C990/24,0)+1,1))-1)+IF('Standard Profiles'!$G$21=$B$10,7,0)+IF('Standard Profiles'!$G$21=$B$17,14,0)+IF('Standard Profiles'!$G$21=$B$24,21,0),MOD($C990,24)+1)/SUM(INDEX($D$3:$AA$30,INDEX(Jesper!$R$2:$R$366,ROW(INDEX(Jesper!AK$2:AK$366,ROUNDDOWN($C990/24,0)+1,1))-1)+IF('Standard Profiles'!$G$21=$B$10,7,0)+IF('Standard Profiles'!$G$21=$B$17,14,0)+IF('Standard Profiles'!$G$21=$B$24,21,0),0)),0)</f>
        <v>0</v>
      </c>
      <c r="H990" cm="1">
        <f t="array" ref="H990">IFERROR(INDEX(Jesper!AL$2:AL$366,ROUNDDOWN($C990/24,0)+1,1)*INDEX($D$3:$AA$30,INDEX(Jesper!$R$2:$R$366,ROW(INDEX(Jesper!AL$2:AL$366,ROUNDDOWN($C990/24,0)+1,1))-1)+IF('Standard Profiles'!$G$22=$B$10,7,0)+IF('Standard Profiles'!$G$22=$B$17,14,0)+IF('Standard Profiles'!$G$22=$B$24,21,0),MOD($C990,24)+1)/SUM(INDEX($D$3:$AA$30,INDEX(Jesper!$R$2:$R$366,ROW(INDEX(Jesper!AL$2:AL$366,ROUNDDOWN($C990/24,0)+1,1))-1)+IF('Standard Profiles'!$G$22=$B$10,7,0)+IF('Standard Profiles'!$G$22=$B$17,14,0)+IF('Standard Profiles'!$G$22=$B$24,21,0),0)),0)</f>
        <v>0</v>
      </c>
      <c r="I990">
        <f t="shared" si="118"/>
        <v>0.30943720527790464</v>
      </c>
      <c r="J990">
        <f t="shared" si="119"/>
        <v>1.0314573509263487</v>
      </c>
      <c r="K990">
        <f t="shared" si="120"/>
        <v>1.5471860263895232</v>
      </c>
      <c r="L990">
        <f t="shared" si="121"/>
        <v>7.4264929266697104</v>
      </c>
      <c r="M990">
        <f t="shared" si="122"/>
        <v>0</v>
      </c>
      <c r="N990" s="46">
        <f t="shared" si="123"/>
        <v>45331.833333331015</v>
      </c>
    </row>
    <row r="991" spans="2:14" x14ac:dyDescent="0.3">
      <c r="B991">
        <f t="shared" si="117"/>
        <v>5</v>
      </c>
      <c r="C991" s="16">
        <v>957</v>
      </c>
      <c r="D991" cm="1">
        <f t="array" ref="D991">IFERROR(INDEX(Jesper!AH$2:AH$366,ROUNDDOWN($C991/24,0)+1,1)*INDEX($D$3:$AA$30,INDEX(Jesper!$R$2:$R$366,ROW(INDEX(Jesper!AH$2:AH$366,ROUNDDOWN($C991/24,0)+1,1))-1)+IF('Standard Profiles'!$G$18=$B$10,7,0)+IF('Standard Profiles'!$G$18=$B$17,14,0)+IF('Standard Profiles'!$G$18=$B$24,21,0),MOD($C991,24)+1)/SUM(INDEX($D$3:$AA$30,INDEX(Jesper!$R$2:$R$366,ROW(INDEX(Jesper!AH$2:AH$366,ROUNDDOWN($C991/24,0)+1,1))-1)+IF('Standard Profiles'!$G$18=$B$10,7,0)+IF('Standard Profiles'!$G$18=$B$17,14,0)+IF('Standard Profiles'!$G$18=$B$24,21,0),0)),0)</f>
        <v>3.9382917035369682</v>
      </c>
      <c r="E991" cm="1">
        <f t="array" ref="E991">IFERROR(INDEX(Jesper!AI$2:AI$366,ROUNDDOWN($C991/24,0)+1,1)*INDEX($D$3:$AA$30,INDEX(Jesper!$R$2:$R$366,ROW(INDEX(Jesper!AI$2:AI$366,ROUNDDOWN($C991/24,0)+1,1))-1)+IF('Standard Profiles'!$G$19=$B$10,7,0)+IF('Standard Profiles'!$G$19=$B$17,14,0)+IF('Standard Profiles'!$G$19=$B$24,21,0),MOD($C991,24)+1)/SUM(INDEX($D$3:$AA$30,INDEX(Jesper!$R$2:$R$366,ROW(INDEX(Jesper!AI$2:AI$366,ROUNDDOWN($C991/24,0)+1,1))-1)+IF('Standard Profiles'!$G$19=$B$10,7,0)+IF('Standard Profiles'!$G$19=$B$17,14,0)+IF('Standard Profiles'!$G$19=$B$24,21,0),0)),0)</f>
        <v>0</v>
      </c>
      <c r="F991" cm="1">
        <f t="array" ref="F991">IFERROR(INDEX(Jesper!AJ$2:AJ$366,ROUNDDOWN($C991/24,0)+1,1)*INDEX($D$3:$AA$30,INDEX(Jesper!$R$2:$R$366,ROW(INDEX(Jesper!AJ$2:AJ$366,ROUNDDOWN($C991/24,0)+1,1))-1)+IF('Standard Profiles'!$G$20=$B$10,7,0)+IF('Standard Profiles'!$G$20=$B$17,14,0)+IF('Standard Profiles'!$G$20=$B$24,21,0),MOD($C991,24)+1)/SUM(INDEX($D$3:$AA$30,INDEX(Jesper!$R$2:$R$366,ROW(INDEX(Jesper!AJ$2:AJ$366,ROUNDDOWN($C991/24,0)+1,1))-1)+IF('Standard Profiles'!$G$20=$B$10,7,0)+IF('Standard Profiles'!$G$20=$B$17,14,0)+IF('Standard Profiles'!$G$20=$B$24,21,0),0)),0)</f>
        <v>0</v>
      </c>
      <c r="G991" cm="1">
        <f t="array" ref="G991">IFERROR(INDEX(Jesper!AK$2:AK$366,ROUNDDOWN($C991/24,0)+1,1)*INDEX($D$3:$AA$30,INDEX(Jesper!$R$2:$R$366,ROW(INDEX(Jesper!AK$2:AK$366,ROUNDDOWN($C991/24,0)+1,1))-1)+IF('Standard Profiles'!$G$21=$B$10,7,0)+IF('Standard Profiles'!$G$21=$B$17,14,0)+IF('Standard Profiles'!$G$21=$B$24,21,0),MOD($C991,24)+1)/SUM(INDEX($D$3:$AA$30,INDEX(Jesper!$R$2:$R$366,ROW(INDEX(Jesper!AK$2:AK$366,ROUNDDOWN($C991/24,0)+1,1))-1)+IF('Standard Profiles'!$G$21=$B$10,7,0)+IF('Standard Profiles'!$G$21=$B$17,14,0)+IF('Standard Profiles'!$G$21=$B$24,21,0),0)),0)</f>
        <v>0</v>
      </c>
      <c r="H991" cm="1">
        <f t="array" ref="H991">IFERROR(INDEX(Jesper!AL$2:AL$366,ROUNDDOWN($C991/24,0)+1,1)*INDEX($D$3:$AA$30,INDEX(Jesper!$R$2:$R$366,ROW(INDEX(Jesper!AL$2:AL$366,ROUNDDOWN($C991/24,0)+1,1))-1)+IF('Standard Profiles'!$G$22=$B$10,7,0)+IF('Standard Profiles'!$G$22=$B$17,14,0)+IF('Standard Profiles'!$G$22=$B$24,21,0),MOD($C991,24)+1)/SUM(INDEX($D$3:$AA$30,INDEX(Jesper!$R$2:$R$366,ROW(INDEX(Jesper!AL$2:AL$366,ROUNDDOWN($C991/24,0)+1,1))-1)+IF('Standard Profiles'!$G$22=$B$10,7,0)+IF('Standard Profiles'!$G$22=$B$17,14,0)+IF('Standard Profiles'!$G$22=$B$24,21,0),0)),0)</f>
        <v>0</v>
      </c>
      <c r="I991">
        <f t="shared" si="118"/>
        <v>0.11814875110610905</v>
      </c>
      <c r="J991">
        <f t="shared" si="119"/>
        <v>0.39382917035369686</v>
      </c>
      <c r="K991">
        <f t="shared" si="120"/>
        <v>0.59074375553054526</v>
      </c>
      <c r="L991">
        <f t="shared" si="121"/>
        <v>2.8355700265466171</v>
      </c>
      <c r="M991">
        <f t="shared" si="122"/>
        <v>0</v>
      </c>
      <c r="N991" s="46">
        <f t="shared" si="123"/>
        <v>45331.874999997679</v>
      </c>
    </row>
    <row r="992" spans="2:14" x14ac:dyDescent="0.3">
      <c r="B992">
        <f t="shared" si="117"/>
        <v>5</v>
      </c>
      <c r="C992" s="16">
        <v>958</v>
      </c>
      <c r="D992" cm="1">
        <f t="array" ref="D992">IFERROR(INDEX(Jesper!AH$2:AH$366,ROUNDDOWN($C992/24,0)+1,1)*INDEX($D$3:$AA$30,INDEX(Jesper!$R$2:$R$366,ROW(INDEX(Jesper!AH$2:AH$366,ROUNDDOWN($C992/24,0)+1,1))-1)+IF('Standard Profiles'!$G$18=$B$10,7,0)+IF('Standard Profiles'!$G$18=$B$17,14,0)+IF('Standard Profiles'!$G$18=$B$24,21,0),MOD($C992,24)+1)/SUM(INDEX($D$3:$AA$30,INDEX(Jesper!$R$2:$R$366,ROW(INDEX(Jesper!AH$2:AH$366,ROUNDDOWN($C992/24,0)+1,1))-1)+IF('Standard Profiles'!$G$18=$B$10,7,0)+IF('Standard Profiles'!$G$18=$B$17,14,0)+IF('Standard Profiles'!$G$18=$B$24,21,0),0)),0)</f>
        <v>3.9382917035369682</v>
      </c>
      <c r="E992" cm="1">
        <f t="array" ref="E992">IFERROR(INDEX(Jesper!AI$2:AI$366,ROUNDDOWN($C992/24,0)+1,1)*INDEX($D$3:$AA$30,INDEX(Jesper!$R$2:$R$366,ROW(INDEX(Jesper!AI$2:AI$366,ROUNDDOWN($C992/24,0)+1,1))-1)+IF('Standard Profiles'!$G$19=$B$10,7,0)+IF('Standard Profiles'!$G$19=$B$17,14,0)+IF('Standard Profiles'!$G$19=$B$24,21,0),MOD($C992,24)+1)/SUM(INDEX($D$3:$AA$30,INDEX(Jesper!$R$2:$R$366,ROW(INDEX(Jesper!AI$2:AI$366,ROUNDDOWN($C992/24,0)+1,1))-1)+IF('Standard Profiles'!$G$19=$B$10,7,0)+IF('Standard Profiles'!$G$19=$B$17,14,0)+IF('Standard Profiles'!$G$19=$B$24,21,0),0)),0)</f>
        <v>0</v>
      </c>
      <c r="F992" cm="1">
        <f t="array" ref="F992">IFERROR(INDEX(Jesper!AJ$2:AJ$366,ROUNDDOWN($C992/24,0)+1,1)*INDEX($D$3:$AA$30,INDEX(Jesper!$R$2:$R$366,ROW(INDEX(Jesper!AJ$2:AJ$366,ROUNDDOWN($C992/24,0)+1,1))-1)+IF('Standard Profiles'!$G$20=$B$10,7,0)+IF('Standard Profiles'!$G$20=$B$17,14,0)+IF('Standard Profiles'!$G$20=$B$24,21,0),MOD($C992,24)+1)/SUM(INDEX($D$3:$AA$30,INDEX(Jesper!$R$2:$R$366,ROW(INDEX(Jesper!AJ$2:AJ$366,ROUNDDOWN($C992/24,0)+1,1))-1)+IF('Standard Profiles'!$G$20=$B$10,7,0)+IF('Standard Profiles'!$G$20=$B$17,14,0)+IF('Standard Profiles'!$G$20=$B$24,21,0),0)),0)</f>
        <v>0</v>
      </c>
      <c r="G992" cm="1">
        <f t="array" ref="G992">IFERROR(INDEX(Jesper!AK$2:AK$366,ROUNDDOWN($C992/24,0)+1,1)*INDEX($D$3:$AA$30,INDEX(Jesper!$R$2:$R$366,ROW(INDEX(Jesper!AK$2:AK$366,ROUNDDOWN($C992/24,0)+1,1))-1)+IF('Standard Profiles'!$G$21=$B$10,7,0)+IF('Standard Profiles'!$G$21=$B$17,14,0)+IF('Standard Profiles'!$G$21=$B$24,21,0),MOD($C992,24)+1)/SUM(INDEX($D$3:$AA$30,INDEX(Jesper!$R$2:$R$366,ROW(INDEX(Jesper!AK$2:AK$366,ROUNDDOWN($C992/24,0)+1,1))-1)+IF('Standard Profiles'!$G$21=$B$10,7,0)+IF('Standard Profiles'!$G$21=$B$17,14,0)+IF('Standard Profiles'!$G$21=$B$24,21,0),0)),0)</f>
        <v>0</v>
      </c>
      <c r="H992" cm="1">
        <f t="array" ref="H992">IFERROR(INDEX(Jesper!AL$2:AL$366,ROUNDDOWN($C992/24,0)+1,1)*INDEX($D$3:$AA$30,INDEX(Jesper!$R$2:$R$366,ROW(INDEX(Jesper!AL$2:AL$366,ROUNDDOWN($C992/24,0)+1,1))-1)+IF('Standard Profiles'!$G$22=$B$10,7,0)+IF('Standard Profiles'!$G$22=$B$17,14,0)+IF('Standard Profiles'!$G$22=$B$24,21,0),MOD($C992,24)+1)/SUM(INDEX($D$3:$AA$30,INDEX(Jesper!$R$2:$R$366,ROW(INDEX(Jesper!AL$2:AL$366,ROUNDDOWN($C992/24,0)+1,1))-1)+IF('Standard Profiles'!$G$22=$B$10,7,0)+IF('Standard Profiles'!$G$22=$B$17,14,0)+IF('Standard Profiles'!$G$22=$B$24,21,0),0)),0)</f>
        <v>0</v>
      </c>
      <c r="I992">
        <f t="shared" si="118"/>
        <v>0.11814875110610905</v>
      </c>
      <c r="J992">
        <f t="shared" si="119"/>
        <v>0.39382917035369686</v>
      </c>
      <c r="K992">
        <f t="shared" si="120"/>
        <v>0.59074375553054526</v>
      </c>
      <c r="L992">
        <f t="shared" si="121"/>
        <v>2.8355700265466171</v>
      </c>
      <c r="M992">
        <f t="shared" si="122"/>
        <v>0</v>
      </c>
      <c r="N992" s="46">
        <f t="shared" si="123"/>
        <v>45331.916666664343</v>
      </c>
    </row>
    <row r="993" spans="2:14" x14ac:dyDescent="0.3">
      <c r="B993">
        <f t="shared" si="117"/>
        <v>5</v>
      </c>
      <c r="C993" s="16">
        <v>959</v>
      </c>
      <c r="D993" cm="1">
        <f t="array" ref="D993">IFERROR(INDEX(Jesper!AH$2:AH$366,ROUNDDOWN($C993/24,0)+1,1)*INDEX($D$3:$AA$30,INDEX(Jesper!$R$2:$R$366,ROW(INDEX(Jesper!AH$2:AH$366,ROUNDDOWN($C993/24,0)+1,1))-1)+IF('Standard Profiles'!$G$18=$B$10,7,0)+IF('Standard Profiles'!$G$18=$B$17,14,0)+IF('Standard Profiles'!$G$18=$B$24,21,0),MOD($C993,24)+1)/SUM(INDEX($D$3:$AA$30,INDEX(Jesper!$R$2:$R$366,ROW(INDEX(Jesper!AH$2:AH$366,ROUNDDOWN($C993/24,0)+1,1))-1)+IF('Standard Profiles'!$G$18=$B$10,7,0)+IF('Standard Profiles'!$G$18=$B$17,14,0)+IF('Standard Profiles'!$G$18=$B$24,21,0),0)),0)</f>
        <v>3.9382917035369682</v>
      </c>
      <c r="E993" cm="1">
        <f t="array" ref="E993">IFERROR(INDEX(Jesper!AI$2:AI$366,ROUNDDOWN($C993/24,0)+1,1)*INDEX($D$3:$AA$30,INDEX(Jesper!$R$2:$R$366,ROW(INDEX(Jesper!AI$2:AI$366,ROUNDDOWN($C993/24,0)+1,1))-1)+IF('Standard Profiles'!$G$19=$B$10,7,0)+IF('Standard Profiles'!$G$19=$B$17,14,0)+IF('Standard Profiles'!$G$19=$B$24,21,0),MOD($C993,24)+1)/SUM(INDEX($D$3:$AA$30,INDEX(Jesper!$R$2:$R$366,ROW(INDEX(Jesper!AI$2:AI$366,ROUNDDOWN($C993/24,0)+1,1))-1)+IF('Standard Profiles'!$G$19=$B$10,7,0)+IF('Standard Profiles'!$G$19=$B$17,14,0)+IF('Standard Profiles'!$G$19=$B$24,21,0),0)),0)</f>
        <v>0</v>
      </c>
      <c r="F993" cm="1">
        <f t="array" ref="F993">IFERROR(INDEX(Jesper!AJ$2:AJ$366,ROUNDDOWN($C993/24,0)+1,1)*INDEX($D$3:$AA$30,INDEX(Jesper!$R$2:$R$366,ROW(INDEX(Jesper!AJ$2:AJ$366,ROUNDDOWN($C993/24,0)+1,1))-1)+IF('Standard Profiles'!$G$20=$B$10,7,0)+IF('Standard Profiles'!$G$20=$B$17,14,0)+IF('Standard Profiles'!$G$20=$B$24,21,0),MOD($C993,24)+1)/SUM(INDEX($D$3:$AA$30,INDEX(Jesper!$R$2:$R$366,ROW(INDEX(Jesper!AJ$2:AJ$366,ROUNDDOWN($C993/24,0)+1,1))-1)+IF('Standard Profiles'!$G$20=$B$10,7,0)+IF('Standard Profiles'!$G$20=$B$17,14,0)+IF('Standard Profiles'!$G$20=$B$24,21,0),0)),0)</f>
        <v>0</v>
      </c>
      <c r="G993" cm="1">
        <f t="array" ref="G993">IFERROR(INDEX(Jesper!AK$2:AK$366,ROUNDDOWN($C993/24,0)+1,1)*INDEX($D$3:$AA$30,INDEX(Jesper!$R$2:$R$366,ROW(INDEX(Jesper!AK$2:AK$366,ROUNDDOWN($C993/24,0)+1,1))-1)+IF('Standard Profiles'!$G$21=$B$10,7,0)+IF('Standard Profiles'!$G$21=$B$17,14,0)+IF('Standard Profiles'!$G$21=$B$24,21,0),MOD($C993,24)+1)/SUM(INDEX($D$3:$AA$30,INDEX(Jesper!$R$2:$R$366,ROW(INDEX(Jesper!AK$2:AK$366,ROUNDDOWN($C993/24,0)+1,1))-1)+IF('Standard Profiles'!$G$21=$B$10,7,0)+IF('Standard Profiles'!$G$21=$B$17,14,0)+IF('Standard Profiles'!$G$21=$B$24,21,0),0)),0)</f>
        <v>0</v>
      </c>
      <c r="H993" cm="1">
        <f t="array" ref="H993">IFERROR(INDEX(Jesper!AL$2:AL$366,ROUNDDOWN($C993/24,0)+1,1)*INDEX($D$3:$AA$30,INDEX(Jesper!$R$2:$R$366,ROW(INDEX(Jesper!AL$2:AL$366,ROUNDDOWN($C993/24,0)+1,1))-1)+IF('Standard Profiles'!$G$22=$B$10,7,0)+IF('Standard Profiles'!$G$22=$B$17,14,0)+IF('Standard Profiles'!$G$22=$B$24,21,0),MOD($C993,24)+1)/SUM(INDEX($D$3:$AA$30,INDEX(Jesper!$R$2:$R$366,ROW(INDEX(Jesper!AL$2:AL$366,ROUNDDOWN($C993/24,0)+1,1))-1)+IF('Standard Profiles'!$G$22=$B$10,7,0)+IF('Standard Profiles'!$G$22=$B$17,14,0)+IF('Standard Profiles'!$G$22=$B$24,21,0),0)),0)</f>
        <v>0</v>
      </c>
      <c r="I993">
        <f t="shared" si="118"/>
        <v>0.11814875110610905</v>
      </c>
      <c r="J993">
        <f t="shared" si="119"/>
        <v>0.39382917035369686</v>
      </c>
      <c r="K993">
        <f t="shared" si="120"/>
        <v>0.59074375553054526</v>
      </c>
      <c r="L993">
        <f t="shared" si="121"/>
        <v>2.8355700265466171</v>
      </c>
      <c r="M993">
        <f t="shared" si="122"/>
        <v>0</v>
      </c>
      <c r="N993" s="46">
        <f t="shared" si="123"/>
        <v>45331.958333331007</v>
      </c>
    </row>
    <row r="994" spans="2:14" x14ac:dyDescent="0.3">
      <c r="B994">
        <f t="shared" si="117"/>
        <v>6</v>
      </c>
      <c r="C994" s="16">
        <v>960</v>
      </c>
      <c r="D994" cm="1">
        <f t="array" ref="D994">IFERROR(INDEX(Jesper!AH$2:AH$366,ROUNDDOWN($C994/24,0)+1,1)*INDEX($D$3:$AA$30,INDEX(Jesper!$R$2:$R$366,ROW(INDEX(Jesper!AH$2:AH$366,ROUNDDOWN($C994/24,0)+1,1))-1)+IF('Standard Profiles'!$G$18=$B$10,7,0)+IF('Standard Profiles'!$G$18=$B$17,14,0)+IF('Standard Profiles'!$G$18=$B$24,21,0),MOD($C994,24)+1)/SUM(INDEX($D$3:$AA$30,INDEX(Jesper!$R$2:$R$366,ROW(INDEX(Jesper!AH$2:AH$366,ROUNDDOWN($C994/24,0)+1,1))-1)+IF('Standard Profiles'!$G$18=$B$10,7,0)+IF('Standard Profiles'!$G$18=$B$17,14,0)+IF('Standard Profiles'!$G$18=$B$24,21,0),0)),0)</f>
        <v>4.3294148988374621</v>
      </c>
      <c r="E994" cm="1">
        <f t="array" ref="E994">IFERROR(INDEX(Jesper!AI$2:AI$366,ROUNDDOWN($C994/24,0)+1,1)*INDEX($D$3:$AA$30,INDEX(Jesper!$R$2:$R$366,ROW(INDEX(Jesper!AI$2:AI$366,ROUNDDOWN($C994/24,0)+1,1))-1)+IF('Standard Profiles'!$G$19=$B$10,7,0)+IF('Standard Profiles'!$G$19=$B$17,14,0)+IF('Standard Profiles'!$G$19=$B$24,21,0),MOD($C994,24)+1)/SUM(INDEX($D$3:$AA$30,INDEX(Jesper!$R$2:$R$366,ROW(INDEX(Jesper!AI$2:AI$366,ROUNDDOWN($C994/24,0)+1,1))-1)+IF('Standard Profiles'!$G$19=$B$10,7,0)+IF('Standard Profiles'!$G$19=$B$17,14,0)+IF('Standard Profiles'!$G$19=$B$24,21,0),0)),0)</f>
        <v>1.0049360046995319</v>
      </c>
      <c r="F994" cm="1">
        <f t="array" ref="F994">IFERROR(INDEX(Jesper!AJ$2:AJ$366,ROUNDDOWN($C994/24,0)+1,1)*INDEX($D$3:$AA$30,INDEX(Jesper!$R$2:$R$366,ROW(INDEX(Jesper!AJ$2:AJ$366,ROUNDDOWN($C994/24,0)+1,1))-1)+IF('Standard Profiles'!$G$20=$B$10,7,0)+IF('Standard Profiles'!$G$20=$B$17,14,0)+IF('Standard Profiles'!$G$20=$B$24,21,0),MOD($C994,24)+1)/SUM(INDEX($D$3:$AA$30,INDEX(Jesper!$R$2:$R$366,ROW(INDEX(Jesper!AJ$2:AJ$366,ROUNDDOWN($C994/24,0)+1,1))-1)+IF('Standard Profiles'!$G$20=$B$10,7,0)+IF('Standard Profiles'!$G$20=$B$17,14,0)+IF('Standard Profiles'!$G$20=$B$24,21,0),0)),0)</f>
        <v>0</v>
      </c>
      <c r="G994" cm="1">
        <f t="array" ref="G994">IFERROR(INDEX(Jesper!AK$2:AK$366,ROUNDDOWN($C994/24,0)+1,1)*INDEX($D$3:$AA$30,INDEX(Jesper!$R$2:$R$366,ROW(INDEX(Jesper!AK$2:AK$366,ROUNDDOWN($C994/24,0)+1,1))-1)+IF('Standard Profiles'!$G$21=$B$10,7,0)+IF('Standard Profiles'!$G$21=$B$17,14,0)+IF('Standard Profiles'!$G$21=$B$24,21,0),MOD($C994,24)+1)/SUM(INDEX($D$3:$AA$30,INDEX(Jesper!$R$2:$R$366,ROW(INDEX(Jesper!AK$2:AK$366,ROUNDDOWN($C994/24,0)+1,1))-1)+IF('Standard Profiles'!$G$21=$B$10,7,0)+IF('Standard Profiles'!$G$21=$B$17,14,0)+IF('Standard Profiles'!$G$21=$B$24,21,0),0)),0)</f>
        <v>0</v>
      </c>
      <c r="H994" cm="1">
        <f t="array" ref="H994">IFERROR(INDEX(Jesper!AL$2:AL$366,ROUNDDOWN($C994/24,0)+1,1)*INDEX($D$3:$AA$30,INDEX(Jesper!$R$2:$R$366,ROW(INDEX(Jesper!AL$2:AL$366,ROUNDDOWN($C994/24,0)+1,1))-1)+IF('Standard Profiles'!$G$22=$B$10,7,0)+IF('Standard Profiles'!$G$22=$B$17,14,0)+IF('Standard Profiles'!$G$22=$B$24,21,0),MOD($C994,24)+1)/SUM(INDEX($D$3:$AA$30,INDEX(Jesper!$R$2:$R$366,ROW(INDEX(Jesper!AL$2:AL$366,ROUNDDOWN($C994/24,0)+1,1))-1)+IF('Standard Profiles'!$G$22=$B$10,7,0)+IF('Standard Profiles'!$G$22=$B$17,14,0)+IF('Standard Profiles'!$G$22=$B$24,21,0),0)),0)</f>
        <v>0</v>
      </c>
      <c r="I994">
        <f t="shared" si="118"/>
        <v>9.0534775198156059E-2</v>
      </c>
      <c r="J994">
        <f t="shared" si="119"/>
        <v>0.30178258399385355</v>
      </c>
      <c r="K994">
        <f t="shared" si="120"/>
        <v>0.45267387599078029</v>
      </c>
      <c r="L994">
        <f t="shared" si="121"/>
        <v>4.4893596683542043</v>
      </c>
      <c r="M994">
        <f t="shared" si="122"/>
        <v>0</v>
      </c>
      <c r="N994" s="46">
        <f t="shared" si="123"/>
        <v>45331.999999997672</v>
      </c>
    </row>
    <row r="995" spans="2:14" x14ac:dyDescent="0.3">
      <c r="B995">
        <f t="shared" ref="B995:B1058" si="124">WEEKDAY(N995,2)</f>
        <v>6</v>
      </c>
      <c r="C995" s="16">
        <v>961</v>
      </c>
      <c r="D995" cm="1">
        <f t="array" ref="D995">IFERROR(INDEX(Jesper!AH$2:AH$366,ROUNDDOWN($C995/24,0)+1,1)*INDEX($D$3:$AA$30,INDEX(Jesper!$R$2:$R$366,ROW(INDEX(Jesper!AH$2:AH$366,ROUNDDOWN($C995/24,0)+1,1))-1)+IF('Standard Profiles'!$G$18=$B$10,7,0)+IF('Standard Profiles'!$G$18=$B$17,14,0)+IF('Standard Profiles'!$G$18=$B$24,21,0),MOD($C995,24)+1)/SUM(INDEX($D$3:$AA$30,INDEX(Jesper!$R$2:$R$366,ROW(INDEX(Jesper!AH$2:AH$366,ROUNDDOWN($C995/24,0)+1,1))-1)+IF('Standard Profiles'!$G$18=$B$10,7,0)+IF('Standard Profiles'!$G$18=$B$17,14,0)+IF('Standard Profiles'!$G$18=$B$24,21,0),0)),0)</f>
        <v>8.4526671834445715</v>
      </c>
      <c r="E995" cm="1">
        <f t="array" ref="E995">IFERROR(INDEX(Jesper!AI$2:AI$366,ROUNDDOWN($C995/24,0)+1,1)*INDEX($D$3:$AA$30,INDEX(Jesper!$R$2:$R$366,ROW(INDEX(Jesper!AI$2:AI$366,ROUNDDOWN($C995/24,0)+1,1))-1)+IF('Standard Profiles'!$G$19=$B$10,7,0)+IF('Standard Profiles'!$G$19=$B$17,14,0)+IF('Standard Profiles'!$G$19=$B$24,21,0),MOD($C995,24)+1)/SUM(INDEX($D$3:$AA$30,INDEX(Jesper!$R$2:$R$366,ROW(INDEX(Jesper!AI$2:AI$366,ROUNDDOWN($C995/24,0)+1,1))-1)+IF('Standard Profiles'!$G$19=$B$10,7,0)+IF('Standard Profiles'!$G$19=$B$17,14,0)+IF('Standard Profiles'!$G$19=$B$24,21,0),0)),0)</f>
        <v>1.9620179139371816</v>
      </c>
      <c r="F995" cm="1">
        <f t="array" ref="F995">IFERROR(INDEX(Jesper!AJ$2:AJ$366,ROUNDDOWN($C995/24,0)+1,1)*INDEX($D$3:$AA$30,INDEX(Jesper!$R$2:$R$366,ROW(INDEX(Jesper!AJ$2:AJ$366,ROUNDDOWN($C995/24,0)+1,1))-1)+IF('Standard Profiles'!$G$20=$B$10,7,0)+IF('Standard Profiles'!$G$20=$B$17,14,0)+IF('Standard Profiles'!$G$20=$B$24,21,0),MOD($C995,24)+1)/SUM(INDEX($D$3:$AA$30,INDEX(Jesper!$R$2:$R$366,ROW(INDEX(Jesper!AJ$2:AJ$366,ROUNDDOWN($C995/24,0)+1,1))-1)+IF('Standard Profiles'!$G$20=$B$10,7,0)+IF('Standard Profiles'!$G$20=$B$17,14,0)+IF('Standard Profiles'!$G$20=$B$24,21,0),0)),0)</f>
        <v>0</v>
      </c>
      <c r="G995" cm="1">
        <f t="array" ref="G995">IFERROR(INDEX(Jesper!AK$2:AK$366,ROUNDDOWN($C995/24,0)+1,1)*INDEX($D$3:$AA$30,INDEX(Jesper!$R$2:$R$366,ROW(INDEX(Jesper!AK$2:AK$366,ROUNDDOWN($C995/24,0)+1,1))-1)+IF('Standard Profiles'!$G$21=$B$10,7,0)+IF('Standard Profiles'!$G$21=$B$17,14,0)+IF('Standard Profiles'!$G$21=$B$24,21,0),MOD($C995,24)+1)/SUM(INDEX($D$3:$AA$30,INDEX(Jesper!$R$2:$R$366,ROW(INDEX(Jesper!AK$2:AK$366,ROUNDDOWN($C995/24,0)+1,1))-1)+IF('Standard Profiles'!$G$21=$B$10,7,0)+IF('Standard Profiles'!$G$21=$B$17,14,0)+IF('Standard Profiles'!$G$21=$B$24,21,0),0)),0)</f>
        <v>0</v>
      </c>
      <c r="H995" cm="1">
        <f t="array" ref="H995">IFERROR(INDEX(Jesper!AL$2:AL$366,ROUNDDOWN($C995/24,0)+1,1)*INDEX($D$3:$AA$30,INDEX(Jesper!$R$2:$R$366,ROW(INDEX(Jesper!AL$2:AL$366,ROUNDDOWN($C995/24,0)+1,1))-1)+IF('Standard Profiles'!$G$22=$B$10,7,0)+IF('Standard Profiles'!$G$22=$B$17,14,0)+IF('Standard Profiles'!$G$22=$B$24,21,0),MOD($C995,24)+1)/SUM(INDEX($D$3:$AA$30,INDEX(Jesper!$R$2:$R$366,ROW(INDEX(Jesper!AL$2:AL$366,ROUNDDOWN($C995/24,0)+1,1))-1)+IF('Standard Profiles'!$G$22=$B$10,7,0)+IF('Standard Profiles'!$G$22=$B$17,14,0)+IF('Standard Profiles'!$G$22=$B$24,21,0),0)),0)</f>
        <v>0</v>
      </c>
      <c r="I995">
        <f t="shared" ref="I995:I1058" si="125">IF($B995&lt;6,AC$37*$D995+AC$38*$E995+AC$39*$F995+AC$40*$G995,AC$46*$D995+AC$47*$E995+AC$48*$F995+AC$49*$G995+AC$50*$H995)</f>
        <v>0.17675837062497135</v>
      </c>
      <c r="J995">
        <f t="shared" ref="J995:J1058" si="126">IF($B995&lt;6,AD$37*$D995+AD$38*$E995+AD$39*$F995+AD$40*$G995,AD$46*$D995+AD$47*$E995+AD$48*$F995+AD$49*$G995+AD$50*$H995)</f>
        <v>0.58919456874990461</v>
      </c>
      <c r="K995">
        <f t="shared" ref="K995:K1058" si="127">IF($B995&lt;6,AE$37*$D995+AE$38*$E995+AE$39*$F995+AE$40*$G995,AE$46*$D995+AE$47*$E995+AE$48*$F995+AE$49*$G995+AE$50*$H995)</f>
        <v>0.88379185312485697</v>
      </c>
      <c r="L995">
        <f t="shared" ref="L995:L1058" si="128">IF($B995&lt;6,AF$37*$D995+AF$38*$E995+AF$39*$F995+AF$40*$G995,AF$46*$D995+AF$47*$E995+AF$48*$F995+AF$49*$G995+AF$50*$H995)</f>
        <v>8.7649403048820211</v>
      </c>
      <c r="M995">
        <f t="shared" ref="M995:M1058" si="129">IF($B995&lt;6,AG$37*$D995+AG$38*$E995+AG$39*$F995+AG$40*$G995,AG$46*$D995+AG$47*$E995+AG$48*$F995+AG$49*$G995+AG$50*$H995)</f>
        <v>0</v>
      </c>
      <c r="N995" s="46">
        <f t="shared" si="123"/>
        <v>45332.041666664336</v>
      </c>
    </row>
    <row r="996" spans="2:14" x14ac:dyDescent="0.3">
      <c r="B996">
        <f t="shared" si="124"/>
        <v>6</v>
      </c>
      <c r="C996" s="16">
        <v>962</v>
      </c>
      <c r="D996" cm="1">
        <f t="array" ref="D996">IFERROR(INDEX(Jesper!AH$2:AH$366,ROUNDDOWN($C996/24,0)+1,1)*INDEX($D$3:$AA$30,INDEX(Jesper!$R$2:$R$366,ROW(INDEX(Jesper!AH$2:AH$366,ROUNDDOWN($C996/24,0)+1,1))-1)+IF('Standard Profiles'!$G$18=$B$10,7,0)+IF('Standard Profiles'!$G$18=$B$17,14,0)+IF('Standard Profiles'!$G$18=$B$24,21,0),MOD($C996,24)+1)/SUM(INDEX($D$3:$AA$30,INDEX(Jesper!$R$2:$R$366,ROW(INDEX(Jesper!AH$2:AH$366,ROUNDDOWN($C996/24,0)+1,1))-1)+IF('Standard Profiles'!$G$18=$B$10,7,0)+IF('Standard Profiles'!$G$18=$B$17,14,0)+IF('Standard Profiles'!$G$18=$B$24,21,0),0)),0)</f>
        <v>8.4526671834445715</v>
      </c>
      <c r="E996" cm="1">
        <f t="array" ref="E996">IFERROR(INDEX(Jesper!AI$2:AI$366,ROUNDDOWN($C996/24,0)+1,1)*INDEX($D$3:$AA$30,INDEX(Jesper!$R$2:$R$366,ROW(INDEX(Jesper!AI$2:AI$366,ROUNDDOWN($C996/24,0)+1,1))-1)+IF('Standard Profiles'!$G$19=$B$10,7,0)+IF('Standard Profiles'!$G$19=$B$17,14,0)+IF('Standard Profiles'!$G$19=$B$24,21,0),MOD($C996,24)+1)/SUM(INDEX($D$3:$AA$30,INDEX(Jesper!$R$2:$R$366,ROW(INDEX(Jesper!AI$2:AI$366,ROUNDDOWN($C996/24,0)+1,1))-1)+IF('Standard Profiles'!$G$19=$B$10,7,0)+IF('Standard Profiles'!$G$19=$B$17,14,0)+IF('Standard Profiles'!$G$19=$B$24,21,0),0)),0)</f>
        <v>1.9620179139371816</v>
      </c>
      <c r="F996" cm="1">
        <f t="array" ref="F996">IFERROR(INDEX(Jesper!AJ$2:AJ$366,ROUNDDOWN($C996/24,0)+1,1)*INDEX($D$3:$AA$30,INDEX(Jesper!$R$2:$R$366,ROW(INDEX(Jesper!AJ$2:AJ$366,ROUNDDOWN($C996/24,0)+1,1))-1)+IF('Standard Profiles'!$G$20=$B$10,7,0)+IF('Standard Profiles'!$G$20=$B$17,14,0)+IF('Standard Profiles'!$G$20=$B$24,21,0),MOD($C996,24)+1)/SUM(INDEX($D$3:$AA$30,INDEX(Jesper!$R$2:$R$366,ROW(INDEX(Jesper!AJ$2:AJ$366,ROUNDDOWN($C996/24,0)+1,1))-1)+IF('Standard Profiles'!$G$20=$B$10,7,0)+IF('Standard Profiles'!$G$20=$B$17,14,0)+IF('Standard Profiles'!$G$20=$B$24,21,0),0)),0)</f>
        <v>0</v>
      </c>
      <c r="G996" cm="1">
        <f t="array" ref="G996">IFERROR(INDEX(Jesper!AK$2:AK$366,ROUNDDOWN($C996/24,0)+1,1)*INDEX($D$3:$AA$30,INDEX(Jesper!$R$2:$R$366,ROW(INDEX(Jesper!AK$2:AK$366,ROUNDDOWN($C996/24,0)+1,1))-1)+IF('Standard Profiles'!$G$21=$B$10,7,0)+IF('Standard Profiles'!$G$21=$B$17,14,0)+IF('Standard Profiles'!$G$21=$B$24,21,0),MOD($C996,24)+1)/SUM(INDEX($D$3:$AA$30,INDEX(Jesper!$R$2:$R$366,ROW(INDEX(Jesper!AK$2:AK$366,ROUNDDOWN($C996/24,0)+1,1))-1)+IF('Standard Profiles'!$G$21=$B$10,7,0)+IF('Standard Profiles'!$G$21=$B$17,14,0)+IF('Standard Profiles'!$G$21=$B$24,21,0),0)),0)</f>
        <v>0</v>
      </c>
      <c r="H996" cm="1">
        <f t="array" ref="H996">IFERROR(INDEX(Jesper!AL$2:AL$366,ROUNDDOWN($C996/24,0)+1,1)*INDEX($D$3:$AA$30,INDEX(Jesper!$R$2:$R$366,ROW(INDEX(Jesper!AL$2:AL$366,ROUNDDOWN($C996/24,0)+1,1))-1)+IF('Standard Profiles'!$G$22=$B$10,7,0)+IF('Standard Profiles'!$G$22=$B$17,14,0)+IF('Standard Profiles'!$G$22=$B$24,21,0),MOD($C996,24)+1)/SUM(INDEX($D$3:$AA$30,INDEX(Jesper!$R$2:$R$366,ROW(INDEX(Jesper!AL$2:AL$366,ROUNDDOWN($C996/24,0)+1,1))-1)+IF('Standard Profiles'!$G$22=$B$10,7,0)+IF('Standard Profiles'!$G$22=$B$17,14,0)+IF('Standard Profiles'!$G$22=$B$24,21,0),0)),0)</f>
        <v>0</v>
      </c>
      <c r="I996">
        <f t="shared" si="125"/>
        <v>0.17675837062497135</v>
      </c>
      <c r="J996">
        <f t="shared" si="126"/>
        <v>0.58919456874990461</v>
      </c>
      <c r="K996">
        <f t="shared" si="127"/>
        <v>0.88379185312485697</v>
      </c>
      <c r="L996">
        <f t="shared" si="128"/>
        <v>8.7649403048820211</v>
      </c>
      <c r="M996">
        <f t="shared" si="129"/>
        <v>0</v>
      </c>
      <c r="N996" s="46">
        <f t="shared" ref="N996:N1059" si="130">N995+1/24</f>
        <v>45332.083333331</v>
      </c>
    </row>
    <row r="997" spans="2:14" x14ac:dyDescent="0.3">
      <c r="B997">
        <f t="shared" si="124"/>
        <v>6</v>
      </c>
      <c r="C997" s="16">
        <v>963</v>
      </c>
      <c r="D997" cm="1">
        <f t="array" ref="D997">IFERROR(INDEX(Jesper!AH$2:AH$366,ROUNDDOWN($C997/24,0)+1,1)*INDEX($D$3:$AA$30,INDEX(Jesper!$R$2:$R$366,ROW(INDEX(Jesper!AH$2:AH$366,ROUNDDOWN($C997/24,0)+1,1))-1)+IF('Standard Profiles'!$G$18=$B$10,7,0)+IF('Standard Profiles'!$G$18=$B$17,14,0)+IF('Standard Profiles'!$G$18=$B$24,21,0),MOD($C997,24)+1)/SUM(INDEX($D$3:$AA$30,INDEX(Jesper!$R$2:$R$366,ROW(INDEX(Jesper!AH$2:AH$366,ROUNDDOWN($C997/24,0)+1,1))-1)+IF('Standard Profiles'!$G$18=$B$10,7,0)+IF('Standard Profiles'!$G$18=$B$17,14,0)+IF('Standard Profiles'!$G$18=$B$24,21,0),0)),0)</f>
        <v>8.4526671834445715</v>
      </c>
      <c r="E997" cm="1">
        <f t="array" ref="E997">IFERROR(INDEX(Jesper!AI$2:AI$366,ROUNDDOWN($C997/24,0)+1,1)*INDEX($D$3:$AA$30,INDEX(Jesper!$R$2:$R$366,ROW(INDEX(Jesper!AI$2:AI$366,ROUNDDOWN($C997/24,0)+1,1))-1)+IF('Standard Profiles'!$G$19=$B$10,7,0)+IF('Standard Profiles'!$G$19=$B$17,14,0)+IF('Standard Profiles'!$G$19=$B$24,21,0),MOD($C997,24)+1)/SUM(INDEX($D$3:$AA$30,INDEX(Jesper!$R$2:$R$366,ROW(INDEX(Jesper!AI$2:AI$366,ROUNDDOWN($C997/24,0)+1,1))-1)+IF('Standard Profiles'!$G$19=$B$10,7,0)+IF('Standard Profiles'!$G$19=$B$17,14,0)+IF('Standard Profiles'!$G$19=$B$24,21,0),0)),0)</f>
        <v>1.9620179139371816</v>
      </c>
      <c r="F997" cm="1">
        <f t="array" ref="F997">IFERROR(INDEX(Jesper!AJ$2:AJ$366,ROUNDDOWN($C997/24,0)+1,1)*INDEX($D$3:$AA$30,INDEX(Jesper!$R$2:$R$366,ROW(INDEX(Jesper!AJ$2:AJ$366,ROUNDDOWN($C997/24,0)+1,1))-1)+IF('Standard Profiles'!$G$20=$B$10,7,0)+IF('Standard Profiles'!$G$20=$B$17,14,0)+IF('Standard Profiles'!$G$20=$B$24,21,0),MOD($C997,24)+1)/SUM(INDEX($D$3:$AA$30,INDEX(Jesper!$R$2:$R$366,ROW(INDEX(Jesper!AJ$2:AJ$366,ROUNDDOWN($C997/24,0)+1,1))-1)+IF('Standard Profiles'!$G$20=$B$10,7,0)+IF('Standard Profiles'!$G$20=$B$17,14,0)+IF('Standard Profiles'!$G$20=$B$24,21,0),0)),0)</f>
        <v>0</v>
      </c>
      <c r="G997" cm="1">
        <f t="array" ref="G997">IFERROR(INDEX(Jesper!AK$2:AK$366,ROUNDDOWN($C997/24,0)+1,1)*INDEX($D$3:$AA$30,INDEX(Jesper!$R$2:$R$366,ROW(INDEX(Jesper!AK$2:AK$366,ROUNDDOWN($C997/24,0)+1,1))-1)+IF('Standard Profiles'!$G$21=$B$10,7,0)+IF('Standard Profiles'!$G$21=$B$17,14,0)+IF('Standard Profiles'!$G$21=$B$24,21,0),MOD($C997,24)+1)/SUM(INDEX($D$3:$AA$30,INDEX(Jesper!$R$2:$R$366,ROW(INDEX(Jesper!AK$2:AK$366,ROUNDDOWN($C997/24,0)+1,1))-1)+IF('Standard Profiles'!$G$21=$B$10,7,0)+IF('Standard Profiles'!$G$21=$B$17,14,0)+IF('Standard Profiles'!$G$21=$B$24,21,0),0)),0)</f>
        <v>0</v>
      </c>
      <c r="H997" cm="1">
        <f t="array" ref="H997">IFERROR(INDEX(Jesper!AL$2:AL$366,ROUNDDOWN($C997/24,0)+1,1)*INDEX($D$3:$AA$30,INDEX(Jesper!$R$2:$R$366,ROW(INDEX(Jesper!AL$2:AL$366,ROUNDDOWN($C997/24,0)+1,1))-1)+IF('Standard Profiles'!$G$22=$B$10,7,0)+IF('Standard Profiles'!$G$22=$B$17,14,0)+IF('Standard Profiles'!$G$22=$B$24,21,0),MOD($C997,24)+1)/SUM(INDEX($D$3:$AA$30,INDEX(Jesper!$R$2:$R$366,ROW(INDEX(Jesper!AL$2:AL$366,ROUNDDOWN($C997/24,0)+1,1))-1)+IF('Standard Profiles'!$G$22=$B$10,7,0)+IF('Standard Profiles'!$G$22=$B$17,14,0)+IF('Standard Profiles'!$G$22=$B$24,21,0),0)),0)</f>
        <v>0</v>
      </c>
      <c r="I997">
        <f t="shared" si="125"/>
        <v>0.17675837062497135</v>
      </c>
      <c r="J997">
        <f t="shared" si="126"/>
        <v>0.58919456874990461</v>
      </c>
      <c r="K997">
        <f t="shared" si="127"/>
        <v>0.88379185312485697</v>
      </c>
      <c r="L997">
        <f t="shared" si="128"/>
        <v>8.7649403048820211</v>
      </c>
      <c r="M997">
        <f t="shared" si="129"/>
        <v>0</v>
      </c>
      <c r="N997" s="46">
        <f t="shared" si="130"/>
        <v>45332.124999997664</v>
      </c>
    </row>
    <row r="998" spans="2:14" x14ac:dyDescent="0.3">
      <c r="B998">
        <f t="shared" si="124"/>
        <v>6</v>
      </c>
      <c r="C998" s="16">
        <v>964</v>
      </c>
      <c r="D998" cm="1">
        <f t="array" ref="D998">IFERROR(INDEX(Jesper!AH$2:AH$366,ROUNDDOWN($C998/24,0)+1,1)*INDEX($D$3:$AA$30,INDEX(Jesper!$R$2:$R$366,ROW(INDEX(Jesper!AH$2:AH$366,ROUNDDOWN($C998/24,0)+1,1))-1)+IF('Standard Profiles'!$G$18=$B$10,7,0)+IF('Standard Profiles'!$G$18=$B$17,14,0)+IF('Standard Profiles'!$G$18=$B$24,21,0),MOD($C998,24)+1)/SUM(INDEX($D$3:$AA$30,INDEX(Jesper!$R$2:$R$366,ROW(INDEX(Jesper!AH$2:AH$366,ROUNDDOWN($C998/24,0)+1,1))-1)+IF('Standard Profiles'!$G$18=$B$10,7,0)+IF('Standard Profiles'!$G$18=$B$17,14,0)+IF('Standard Profiles'!$G$18=$B$24,21,0),0)),0)</f>
        <v>8.4526671834445715</v>
      </c>
      <c r="E998" cm="1">
        <f t="array" ref="E998">IFERROR(INDEX(Jesper!AI$2:AI$366,ROUNDDOWN($C998/24,0)+1,1)*INDEX($D$3:$AA$30,INDEX(Jesper!$R$2:$R$366,ROW(INDEX(Jesper!AI$2:AI$366,ROUNDDOWN($C998/24,0)+1,1))-1)+IF('Standard Profiles'!$G$19=$B$10,7,0)+IF('Standard Profiles'!$G$19=$B$17,14,0)+IF('Standard Profiles'!$G$19=$B$24,21,0),MOD($C998,24)+1)/SUM(INDEX($D$3:$AA$30,INDEX(Jesper!$R$2:$R$366,ROW(INDEX(Jesper!AI$2:AI$366,ROUNDDOWN($C998/24,0)+1,1))-1)+IF('Standard Profiles'!$G$19=$B$10,7,0)+IF('Standard Profiles'!$G$19=$B$17,14,0)+IF('Standard Profiles'!$G$19=$B$24,21,0),0)),0)</f>
        <v>1.9620179139371816</v>
      </c>
      <c r="F998" cm="1">
        <f t="array" ref="F998">IFERROR(INDEX(Jesper!AJ$2:AJ$366,ROUNDDOWN($C998/24,0)+1,1)*INDEX($D$3:$AA$30,INDEX(Jesper!$R$2:$R$366,ROW(INDEX(Jesper!AJ$2:AJ$366,ROUNDDOWN($C998/24,0)+1,1))-1)+IF('Standard Profiles'!$G$20=$B$10,7,0)+IF('Standard Profiles'!$G$20=$B$17,14,0)+IF('Standard Profiles'!$G$20=$B$24,21,0),MOD($C998,24)+1)/SUM(INDEX($D$3:$AA$30,INDEX(Jesper!$R$2:$R$366,ROW(INDEX(Jesper!AJ$2:AJ$366,ROUNDDOWN($C998/24,0)+1,1))-1)+IF('Standard Profiles'!$G$20=$B$10,7,0)+IF('Standard Profiles'!$G$20=$B$17,14,0)+IF('Standard Profiles'!$G$20=$B$24,21,0),0)),0)</f>
        <v>0</v>
      </c>
      <c r="G998" cm="1">
        <f t="array" ref="G998">IFERROR(INDEX(Jesper!AK$2:AK$366,ROUNDDOWN($C998/24,0)+1,1)*INDEX($D$3:$AA$30,INDEX(Jesper!$R$2:$R$366,ROW(INDEX(Jesper!AK$2:AK$366,ROUNDDOWN($C998/24,0)+1,1))-1)+IF('Standard Profiles'!$G$21=$B$10,7,0)+IF('Standard Profiles'!$G$21=$B$17,14,0)+IF('Standard Profiles'!$G$21=$B$24,21,0),MOD($C998,24)+1)/SUM(INDEX($D$3:$AA$30,INDEX(Jesper!$R$2:$R$366,ROW(INDEX(Jesper!AK$2:AK$366,ROUNDDOWN($C998/24,0)+1,1))-1)+IF('Standard Profiles'!$G$21=$B$10,7,0)+IF('Standard Profiles'!$G$21=$B$17,14,0)+IF('Standard Profiles'!$G$21=$B$24,21,0),0)),0)</f>
        <v>0</v>
      </c>
      <c r="H998" cm="1">
        <f t="array" ref="H998">IFERROR(INDEX(Jesper!AL$2:AL$366,ROUNDDOWN($C998/24,0)+1,1)*INDEX($D$3:$AA$30,INDEX(Jesper!$R$2:$R$366,ROW(INDEX(Jesper!AL$2:AL$366,ROUNDDOWN($C998/24,0)+1,1))-1)+IF('Standard Profiles'!$G$22=$B$10,7,0)+IF('Standard Profiles'!$G$22=$B$17,14,0)+IF('Standard Profiles'!$G$22=$B$24,21,0),MOD($C998,24)+1)/SUM(INDEX($D$3:$AA$30,INDEX(Jesper!$R$2:$R$366,ROW(INDEX(Jesper!AL$2:AL$366,ROUNDDOWN($C998/24,0)+1,1))-1)+IF('Standard Profiles'!$G$22=$B$10,7,0)+IF('Standard Profiles'!$G$22=$B$17,14,0)+IF('Standard Profiles'!$G$22=$B$24,21,0),0)),0)</f>
        <v>0</v>
      </c>
      <c r="I998">
        <f t="shared" si="125"/>
        <v>0.17675837062497135</v>
      </c>
      <c r="J998">
        <f t="shared" si="126"/>
        <v>0.58919456874990461</v>
      </c>
      <c r="K998">
        <f t="shared" si="127"/>
        <v>0.88379185312485697</v>
      </c>
      <c r="L998">
        <f t="shared" si="128"/>
        <v>8.7649403048820211</v>
      </c>
      <c r="M998">
        <f t="shared" si="129"/>
        <v>0</v>
      </c>
      <c r="N998" s="46">
        <f t="shared" si="130"/>
        <v>45332.166666664329</v>
      </c>
    </row>
    <row r="999" spans="2:14" x14ac:dyDescent="0.3">
      <c r="B999">
        <f t="shared" si="124"/>
        <v>6</v>
      </c>
      <c r="C999" s="16">
        <v>965</v>
      </c>
      <c r="D999" cm="1">
        <f t="array" ref="D999">IFERROR(INDEX(Jesper!AH$2:AH$366,ROUNDDOWN($C999/24,0)+1,1)*INDEX($D$3:$AA$30,INDEX(Jesper!$R$2:$R$366,ROW(INDEX(Jesper!AH$2:AH$366,ROUNDDOWN($C999/24,0)+1,1))-1)+IF('Standard Profiles'!$G$18=$B$10,7,0)+IF('Standard Profiles'!$G$18=$B$17,14,0)+IF('Standard Profiles'!$G$18=$B$24,21,0),MOD($C999,24)+1)/SUM(INDEX($D$3:$AA$30,INDEX(Jesper!$R$2:$R$366,ROW(INDEX(Jesper!AH$2:AH$366,ROUNDDOWN($C999/24,0)+1,1))-1)+IF('Standard Profiles'!$G$18=$B$10,7,0)+IF('Standard Profiles'!$G$18=$B$17,14,0)+IF('Standard Profiles'!$G$18=$B$24,21,0),0)),0)</f>
        <v>10.514293325748124</v>
      </c>
      <c r="E999" cm="1">
        <f t="array" ref="E999">IFERROR(INDEX(Jesper!AI$2:AI$366,ROUNDDOWN($C999/24,0)+1,1)*INDEX($D$3:$AA$30,INDEX(Jesper!$R$2:$R$366,ROW(INDEX(Jesper!AI$2:AI$366,ROUNDDOWN($C999/24,0)+1,1))-1)+IF('Standard Profiles'!$G$19=$B$10,7,0)+IF('Standard Profiles'!$G$19=$B$17,14,0)+IF('Standard Profiles'!$G$19=$B$24,21,0),MOD($C999,24)+1)/SUM(INDEX($D$3:$AA$30,INDEX(Jesper!$R$2:$R$366,ROW(INDEX(Jesper!AI$2:AI$366,ROUNDDOWN($C999/24,0)+1,1))-1)+IF('Standard Profiles'!$G$19=$B$10,7,0)+IF('Standard Profiles'!$G$19=$B$17,14,0)+IF('Standard Profiles'!$G$19=$B$24,21,0),0)),0)</f>
        <v>2.440558868556006</v>
      </c>
      <c r="F999" cm="1">
        <f t="array" ref="F999">IFERROR(INDEX(Jesper!AJ$2:AJ$366,ROUNDDOWN($C999/24,0)+1,1)*INDEX($D$3:$AA$30,INDEX(Jesper!$R$2:$R$366,ROW(INDEX(Jesper!AJ$2:AJ$366,ROUNDDOWN($C999/24,0)+1,1))-1)+IF('Standard Profiles'!$G$20=$B$10,7,0)+IF('Standard Profiles'!$G$20=$B$17,14,0)+IF('Standard Profiles'!$G$20=$B$24,21,0),MOD($C999,24)+1)/SUM(INDEX($D$3:$AA$30,INDEX(Jesper!$R$2:$R$366,ROW(INDEX(Jesper!AJ$2:AJ$366,ROUNDDOWN($C999/24,0)+1,1))-1)+IF('Standard Profiles'!$G$20=$B$10,7,0)+IF('Standard Profiles'!$G$20=$B$17,14,0)+IF('Standard Profiles'!$G$20=$B$24,21,0),0)),0)</f>
        <v>0</v>
      </c>
      <c r="G999" cm="1">
        <f t="array" ref="G999">IFERROR(INDEX(Jesper!AK$2:AK$366,ROUNDDOWN($C999/24,0)+1,1)*INDEX($D$3:$AA$30,INDEX(Jesper!$R$2:$R$366,ROW(INDEX(Jesper!AK$2:AK$366,ROUNDDOWN($C999/24,0)+1,1))-1)+IF('Standard Profiles'!$G$21=$B$10,7,0)+IF('Standard Profiles'!$G$21=$B$17,14,0)+IF('Standard Profiles'!$G$21=$B$24,21,0),MOD($C999,24)+1)/SUM(INDEX($D$3:$AA$30,INDEX(Jesper!$R$2:$R$366,ROW(INDEX(Jesper!AK$2:AK$366,ROUNDDOWN($C999/24,0)+1,1))-1)+IF('Standard Profiles'!$G$21=$B$10,7,0)+IF('Standard Profiles'!$G$21=$B$17,14,0)+IF('Standard Profiles'!$G$21=$B$24,21,0),0)),0)</f>
        <v>0</v>
      </c>
      <c r="H999" cm="1">
        <f t="array" ref="H999">IFERROR(INDEX(Jesper!AL$2:AL$366,ROUNDDOWN($C999/24,0)+1,1)*INDEX($D$3:$AA$30,INDEX(Jesper!$R$2:$R$366,ROW(INDEX(Jesper!AL$2:AL$366,ROUNDDOWN($C999/24,0)+1,1))-1)+IF('Standard Profiles'!$G$22=$B$10,7,0)+IF('Standard Profiles'!$G$22=$B$17,14,0)+IF('Standard Profiles'!$G$22=$B$24,21,0),MOD($C999,24)+1)/SUM(INDEX($D$3:$AA$30,INDEX(Jesper!$R$2:$R$366,ROW(INDEX(Jesper!AL$2:AL$366,ROUNDDOWN($C999/24,0)+1,1))-1)+IF('Standard Profiles'!$G$22=$B$10,7,0)+IF('Standard Profiles'!$G$22=$B$17,14,0)+IF('Standard Profiles'!$G$22=$B$24,21,0),0)),0)</f>
        <v>0</v>
      </c>
      <c r="I999">
        <f t="shared" si="125"/>
        <v>0.21987016833837897</v>
      </c>
      <c r="J999">
        <f t="shared" si="126"/>
        <v>0.73290056112793001</v>
      </c>
      <c r="K999">
        <f t="shared" si="127"/>
        <v>1.0993508416918951</v>
      </c>
      <c r="L999">
        <f t="shared" si="128"/>
        <v>10.902730623145926</v>
      </c>
      <c r="M999">
        <f t="shared" si="129"/>
        <v>0</v>
      </c>
      <c r="N999" s="46">
        <f t="shared" si="130"/>
        <v>45332.208333330993</v>
      </c>
    </row>
    <row r="1000" spans="2:14" x14ac:dyDescent="0.3">
      <c r="B1000">
        <f t="shared" si="124"/>
        <v>6</v>
      </c>
      <c r="C1000" s="16">
        <v>966</v>
      </c>
      <c r="D1000" cm="1">
        <f t="array" ref="D1000">IFERROR(INDEX(Jesper!AH$2:AH$366,ROUNDDOWN($C1000/24,0)+1,1)*INDEX($D$3:$AA$30,INDEX(Jesper!$R$2:$R$366,ROW(INDEX(Jesper!AH$2:AH$366,ROUNDDOWN($C1000/24,0)+1,1))-1)+IF('Standard Profiles'!$G$18=$B$10,7,0)+IF('Standard Profiles'!$G$18=$B$17,14,0)+IF('Standard Profiles'!$G$18=$B$24,21,0),MOD($C1000,24)+1)/SUM(INDEX($D$3:$AA$30,INDEX(Jesper!$R$2:$R$366,ROW(INDEX(Jesper!AH$2:AH$366,ROUNDDOWN($C1000/24,0)+1,1))-1)+IF('Standard Profiles'!$G$18=$B$10,7,0)+IF('Standard Profiles'!$G$18=$B$17,14,0)+IF('Standard Profiles'!$G$18=$B$24,21,0),0)),0)</f>
        <v>13.194407310742744</v>
      </c>
      <c r="E1000" cm="1">
        <f t="array" ref="E1000">IFERROR(INDEX(Jesper!AI$2:AI$366,ROUNDDOWN($C1000/24,0)+1,1)*INDEX($D$3:$AA$30,INDEX(Jesper!$R$2:$R$366,ROW(INDEX(Jesper!AI$2:AI$366,ROUNDDOWN($C1000/24,0)+1,1))-1)+IF('Standard Profiles'!$G$19=$B$10,7,0)+IF('Standard Profiles'!$G$19=$B$17,14,0)+IF('Standard Profiles'!$G$19=$B$24,21,0),MOD($C1000,24)+1)/SUM(INDEX($D$3:$AA$30,INDEX(Jesper!$R$2:$R$366,ROW(INDEX(Jesper!AI$2:AI$366,ROUNDDOWN($C1000/24,0)+1,1))-1)+IF('Standard Profiles'!$G$19=$B$10,7,0)+IF('Standard Profiles'!$G$19=$B$17,14,0)+IF('Standard Profiles'!$G$19=$B$24,21,0),0)),0)</f>
        <v>3.062662109560478</v>
      </c>
      <c r="F1000" cm="1">
        <f t="array" ref="F1000">IFERROR(INDEX(Jesper!AJ$2:AJ$366,ROUNDDOWN($C1000/24,0)+1,1)*INDEX($D$3:$AA$30,INDEX(Jesper!$R$2:$R$366,ROW(INDEX(Jesper!AJ$2:AJ$366,ROUNDDOWN($C1000/24,0)+1,1))-1)+IF('Standard Profiles'!$G$20=$B$10,7,0)+IF('Standard Profiles'!$G$20=$B$17,14,0)+IF('Standard Profiles'!$G$20=$B$24,21,0),MOD($C1000,24)+1)/SUM(INDEX($D$3:$AA$30,INDEX(Jesper!$R$2:$R$366,ROW(INDEX(Jesper!AJ$2:AJ$366,ROUNDDOWN($C1000/24,0)+1,1))-1)+IF('Standard Profiles'!$G$20=$B$10,7,0)+IF('Standard Profiles'!$G$20=$B$17,14,0)+IF('Standard Profiles'!$G$20=$B$24,21,0),0)),0)</f>
        <v>0</v>
      </c>
      <c r="G1000" cm="1">
        <f t="array" ref="G1000">IFERROR(INDEX(Jesper!AK$2:AK$366,ROUNDDOWN($C1000/24,0)+1,1)*INDEX($D$3:$AA$30,INDEX(Jesper!$R$2:$R$366,ROW(INDEX(Jesper!AK$2:AK$366,ROUNDDOWN($C1000/24,0)+1,1))-1)+IF('Standard Profiles'!$G$21=$B$10,7,0)+IF('Standard Profiles'!$G$21=$B$17,14,0)+IF('Standard Profiles'!$G$21=$B$24,21,0),MOD($C1000,24)+1)/SUM(INDEX($D$3:$AA$30,INDEX(Jesper!$R$2:$R$366,ROW(INDEX(Jesper!AK$2:AK$366,ROUNDDOWN($C1000/24,0)+1,1))-1)+IF('Standard Profiles'!$G$21=$B$10,7,0)+IF('Standard Profiles'!$G$21=$B$17,14,0)+IF('Standard Profiles'!$G$21=$B$24,21,0),0)),0)</f>
        <v>0</v>
      </c>
      <c r="H1000" cm="1">
        <f t="array" ref="H1000">IFERROR(INDEX(Jesper!AL$2:AL$366,ROUNDDOWN($C1000/24,0)+1,1)*INDEX($D$3:$AA$30,INDEX(Jesper!$R$2:$R$366,ROW(INDEX(Jesper!AL$2:AL$366,ROUNDDOWN($C1000/24,0)+1,1))-1)+IF('Standard Profiles'!$G$22=$B$10,7,0)+IF('Standard Profiles'!$G$22=$B$17,14,0)+IF('Standard Profiles'!$G$22=$B$24,21,0),MOD($C1000,24)+1)/SUM(INDEX($D$3:$AA$30,INDEX(Jesper!$R$2:$R$366,ROW(INDEX(Jesper!AL$2:AL$366,ROUNDDOWN($C1000/24,0)+1,1))-1)+IF('Standard Profiles'!$G$22=$B$10,7,0)+IF('Standard Profiles'!$G$22=$B$17,14,0)+IF('Standard Profiles'!$G$22=$B$24,21,0),0)),0)</f>
        <v>0</v>
      </c>
      <c r="I1000">
        <f t="shared" si="125"/>
        <v>0.27591550536580889</v>
      </c>
      <c r="J1000">
        <f t="shared" si="126"/>
        <v>0.91971835121936307</v>
      </c>
      <c r="K1000">
        <f t="shared" si="127"/>
        <v>1.3795775268290447</v>
      </c>
      <c r="L1000">
        <f t="shared" si="128"/>
        <v>13.681858036889006</v>
      </c>
      <c r="M1000">
        <f t="shared" si="129"/>
        <v>0</v>
      </c>
      <c r="N1000" s="46">
        <f t="shared" si="130"/>
        <v>45332.249999997657</v>
      </c>
    </row>
    <row r="1001" spans="2:14" x14ac:dyDescent="0.3">
      <c r="B1001">
        <f t="shared" si="124"/>
        <v>6</v>
      </c>
      <c r="C1001" s="16">
        <v>967</v>
      </c>
      <c r="D1001" cm="1">
        <f t="array" ref="D1001">IFERROR(INDEX(Jesper!AH$2:AH$366,ROUNDDOWN($C1001/24,0)+1,1)*INDEX($D$3:$AA$30,INDEX(Jesper!$R$2:$R$366,ROW(INDEX(Jesper!AH$2:AH$366,ROUNDDOWN($C1001/24,0)+1,1))-1)+IF('Standard Profiles'!$G$18=$B$10,7,0)+IF('Standard Profiles'!$G$18=$B$17,14,0)+IF('Standard Profiles'!$G$18=$B$24,21,0),MOD($C1001,24)+1)/SUM(INDEX($D$3:$AA$30,INDEX(Jesper!$R$2:$R$366,ROW(INDEX(Jesper!AH$2:AH$366,ROUNDDOWN($C1001/24,0)+1,1))-1)+IF('Standard Profiles'!$G$18=$B$10,7,0)+IF('Standard Profiles'!$G$18=$B$17,14,0)+IF('Standard Profiles'!$G$18=$B$24,21,0),0)),0)</f>
        <v>15.049870838815941</v>
      </c>
      <c r="E1001" cm="1">
        <f t="array" ref="E1001">IFERROR(INDEX(Jesper!AI$2:AI$366,ROUNDDOWN($C1001/24,0)+1,1)*INDEX($D$3:$AA$30,INDEX(Jesper!$R$2:$R$366,ROW(INDEX(Jesper!AI$2:AI$366,ROUNDDOWN($C1001/24,0)+1,1))-1)+IF('Standard Profiles'!$G$19=$B$10,7,0)+IF('Standard Profiles'!$G$19=$B$17,14,0)+IF('Standard Profiles'!$G$19=$B$24,21,0),MOD($C1001,24)+1)/SUM(INDEX($D$3:$AA$30,INDEX(Jesper!$R$2:$R$366,ROW(INDEX(Jesper!AI$2:AI$366,ROUNDDOWN($C1001/24,0)+1,1))-1)+IF('Standard Profiles'!$G$19=$B$10,7,0)+IF('Standard Profiles'!$G$19=$B$17,14,0)+IF('Standard Profiles'!$G$19=$B$24,21,0),0)),0)</f>
        <v>3.4933489687174202</v>
      </c>
      <c r="F1001" cm="1">
        <f t="array" ref="F1001">IFERROR(INDEX(Jesper!AJ$2:AJ$366,ROUNDDOWN($C1001/24,0)+1,1)*INDEX($D$3:$AA$30,INDEX(Jesper!$R$2:$R$366,ROW(INDEX(Jesper!AJ$2:AJ$366,ROUNDDOWN($C1001/24,0)+1,1))-1)+IF('Standard Profiles'!$G$20=$B$10,7,0)+IF('Standard Profiles'!$G$20=$B$17,14,0)+IF('Standard Profiles'!$G$20=$B$24,21,0),MOD($C1001,24)+1)/SUM(INDEX($D$3:$AA$30,INDEX(Jesper!$R$2:$R$366,ROW(INDEX(Jesper!AJ$2:AJ$366,ROUNDDOWN($C1001/24,0)+1,1))-1)+IF('Standard Profiles'!$G$20=$B$10,7,0)+IF('Standard Profiles'!$G$20=$B$17,14,0)+IF('Standard Profiles'!$G$20=$B$24,21,0),0)),0)</f>
        <v>0</v>
      </c>
      <c r="G1001" cm="1">
        <f t="array" ref="G1001">IFERROR(INDEX(Jesper!AK$2:AK$366,ROUNDDOWN($C1001/24,0)+1,1)*INDEX($D$3:$AA$30,INDEX(Jesper!$R$2:$R$366,ROW(INDEX(Jesper!AK$2:AK$366,ROUNDDOWN($C1001/24,0)+1,1))-1)+IF('Standard Profiles'!$G$21=$B$10,7,0)+IF('Standard Profiles'!$G$21=$B$17,14,0)+IF('Standard Profiles'!$G$21=$B$24,21,0),MOD($C1001,24)+1)/SUM(INDEX($D$3:$AA$30,INDEX(Jesper!$R$2:$R$366,ROW(INDEX(Jesper!AK$2:AK$366,ROUNDDOWN($C1001/24,0)+1,1))-1)+IF('Standard Profiles'!$G$21=$B$10,7,0)+IF('Standard Profiles'!$G$21=$B$17,14,0)+IF('Standard Profiles'!$G$21=$B$24,21,0),0)),0)</f>
        <v>0</v>
      </c>
      <c r="H1001" cm="1">
        <f t="array" ref="H1001">IFERROR(INDEX(Jesper!AL$2:AL$366,ROUNDDOWN($C1001/24,0)+1,1)*INDEX($D$3:$AA$30,INDEX(Jesper!$R$2:$R$366,ROW(INDEX(Jesper!AL$2:AL$366,ROUNDDOWN($C1001/24,0)+1,1))-1)+IF('Standard Profiles'!$G$22=$B$10,7,0)+IF('Standard Profiles'!$G$22=$B$17,14,0)+IF('Standard Profiles'!$G$22=$B$24,21,0),MOD($C1001,24)+1)/SUM(INDEX($D$3:$AA$30,INDEX(Jesper!$R$2:$R$366,ROW(INDEX(Jesper!AL$2:AL$366,ROUNDDOWN($C1001/24,0)+1,1))-1)+IF('Standard Profiles'!$G$22=$B$10,7,0)+IF('Standard Profiles'!$G$22=$B$17,14,0)+IF('Standard Profiles'!$G$22=$B$24,21,0),0)),0)</f>
        <v>0</v>
      </c>
      <c r="I1001">
        <f t="shared" si="125"/>
        <v>0.31471612330787579</v>
      </c>
      <c r="J1001">
        <f t="shared" si="126"/>
        <v>1.049053744359586</v>
      </c>
      <c r="K1001">
        <f t="shared" si="127"/>
        <v>1.5735806165393791</v>
      </c>
      <c r="L1001">
        <f t="shared" si="128"/>
        <v>15.605869323326521</v>
      </c>
      <c r="M1001">
        <f t="shared" si="129"/>
        <v>0</v>
      </c>
      <c r="N1001" s="46">
        <f t="shared" si="130"/>
        <v>45332.291666664321</v>
      </c>
    </row>
    <row r="1002" spans="2:14" x14ac:dyDescent="0.3">
      <c r="B1002">
        <f t="shared" si="124"/>
        <v>6</v>
      </c>
      <c r="C1002" s="16">
        <v>968</v>
      </c>
      <c r="D1002" cm="1">
        <f t="array" ref="D1002">IFERROR(INDEX(Jesper!AH$2:AH$366,ROUNDDOWN($C1002/24,0)+1,1)*INDEX($D$3:$AA$30,INDEX(Jesper!$R$2:$R$366,ROW(INDEX(Jesper!AH$2:AH$366,ROUNDDOWN($C1002/24,0)+1,1))-1)+IF('Standard Profiles'!$G$18=$B$10,7,0)+IF('Standard Profiles'!$G$18=$B$17,14,0)+IF('Standard Profiles'!$G$18=$B$24,21,0),MOD($C1002,24)+1)/SUM(INDEX($D$3:$AA$30,INDEX(Jesper!$R$2:$R$366,ROW(INDEX(Jesper!AH$2:AH$366,ROUNDDOWN($C1002/24,0)+1,1))-1)+IF('Standard Profiles'!$G$18=$B$10,7,0)+IF('Standard Profiles'!$G$18=$B$17,14,0)+IF('Standard Profiles'!$G$18=$B$24,21,0),0)),0)</f>
        <v>15.049870838815941</v>
      </c>
      <c r="E1002" cm="1">
        <f t="array" ref="E1002">IFERROR(INDEX(Jesper!AI$2:AI$366,ROUNDDOWN($C1002/24,0)+1,1)*INDEX($D$3:$AA$30,INDEX(Jesper!$R$2:$R$366,ROW(INDEX(Jesper!AI$2:AI$366,ROUNDDOWN($C1002/24,0)+1,1))-1)+IF('Standard Profiles'!$G$19=$B$10,7,0)+IF('Standard Profiles'!$G$19=$B$17,14,0)+IF('Standard Profiles'!$G$19=$B$24,21,0),MOD($C1002,24)+1)/SUM(INDEX($D$3:$AA$30,INDEX(Jesper!$R$2:$R$366,ROW(INDEX(Jesper!AI$2:AI$366,ROUNDDOWN($C1002/24,0)+1,1))-1)+IF('Standard Profiles'!$G$19=$B$10,7,0)+IF('Standard Profiles'!$G$19=$B$17,14,0)+IF('Standard Profiles'!$G$19=$B$24,21,0),0)),0)</f>
        <v>3.4933489687174202</v>
      </c>
      <c r="F1002" cm="1">
        <f t="array" ref="F1002">IFERROR(INDEX(Jesper!AJ$2:AJ$366,ROUNDDOWN($C1002/24,0)+1,1)*INDEX($D$3:$AA$30,INDEX(Jesper!$R$2:$R$366,ROW(INDEX(Jesper!AJ$2:AJ$366,ROUNDDOWN($C1002/24,0)+1,1))-1)+IF('Standard Profiles'!$G$20=$B$10,7,0)+IF('Standard Profiles'!$G$20=$B$17,14,0)+IF('Standard Profiles'!$G$20=$B$24,21,0),MOD($C1002,24)+1)/SUM(INDEX($D$3:$AA$30,INDEX(Jesper!$R$2:$R$366,ROW(INDEX(Jesper!AJ$2:AJ$366,ROUNDDOWN($C1002/24,0)+1,1))-1)+IF('Standard Profiles'!$G$20=$B$10,7,0)+IF('Standard Profiles'!$G$20=$B$17,14,0)+IF('Standard Profiles'!$G$20=$B$24,21,0),0)),0)</f>
        <v>0</v>
      </c>
      <c r="G1002" cm="1">
        <f t="array" ref="G1002">IFERROR(INDEX(Jesper!AK$2:AK$366,ROUNDDOWN($C1002/24,0)+1,1)*INDEX($D$3:$AA$30,INDEX(Jesper!$R$2:$R$366,ROW(INDEX(Jesper!AK$2:AK$366,ROUNDDOWN($C1002/24,0)+1,1))-1)+IF('Standard Profiles'!$G$21=$B$10,7,0)+IF('Standard Profiles'!$G$21=$B$17,14,0)+IF('Standard Profiles'!$G$21=$B$24,21,0),MOD($C1002,24)+1)/SUM(INDEX($D$3:$AA$30,INDEX(Jesper!$R$2:$R$366,ROW(INDEX(Jesper!AK$2:AK$366,ROUNDDOWN($C1002/24,0)+1,1))-1)+IF('Standard Profiles'!$G$21=$B$10,7,0)+IF('Standard Profiles'!$G$21=$B$17,14,0)+IF('Standard Profiles'!$G$21=$B$24,21,0),0)),0)</f>
        <v>0</v>
      </c>
      <c r="H1002" cm="1">
        <f t="array" ref="H1002">IFERROR(INDEX(Jesper!AL$2:AL$366,ROUNDDOWN($C1002/24,0)+1,1)*INDEX($D$3:$AA$30,INDEX(Jesper!$R$2:$R$366,ROW(INDEX(Jesper!AL$2:AL$366,ROUNDDOWN($C1002/24,0)+1,1))-1)+IF('Standard Profiles'!$G$22=$B$10,7,0)+IF('Standard Profiles'!$G$22=$B$17,14,0)+IF('Standard Profiles'!$G$22=$B$24,21,0),MOD($C1002,24)+1)/SUM(INDEX($D$3:$AA$30,INDEX(Jesper!$R$2:$R$366,ROW(INDEX(Jesper!AL$2:AL$366,ROUNDDOWN($C1002/24,0)+1,1))-1)+IF('Standard Profiles'!$G$22=$B$10,7,0)+IF('Standard Profiles'!$G$22=$B$17,14,0)+IF('Standard Profiles'!$G$22=$B$24,21,0),0)),0)</f>
        <v>0</v>
      </c>
      <c r="I1002">
        <f t="shared" si="125"/>
        <v>0.31471612330787579</v>
      </c>
      <c r="J1002">
        <f t="shared" si="126"/>
        <v>1.049053744359586</v>
      </c>
      <c r="K1002">
        <f t="shared" si="127"/>
        <v>1.5735806165393791</v>
      </c>
      <c r="L1002">
        <f t="shared" si="128"/>
        <v>15.605869323326521</v>
      </c>
      <c r="M1002">
        <f t="shared" si="129"/>
        <v>0</v>
      </c>
      <c r="N1002" s="46">
        <f t="shared" si="130"/>
        <v>45332.333333330986</v>
      </c>
    </row>
    <row r="1003" spans="2:14" x14ac:dyDescent="0.3">
      <c r="B1003">
        <f t="shared" si="124"/>
        <v>6</v>
      </c>
      <c r="C1003" s="16">
        <v>969</v>
      </c>
      <c r="D1003" cm="1">
        <f t="array" ref="D1003">IFERROR(INDEX(Jesper!AH$2:AH$366,ROUNDDOWN($C1003/24,0)+1,1)*INDEX($D$3:$AA$30,INDEX(Jesper!$R$2:$R$366,ROW(INDEX(Jesper!AH$2:AH$366,ROUNDDOWN($C1003/24,0)+1,1))-1)+IF('Standard Profiles'!$G$18=$B$10,7,0)+IF('Standard Profiles'!$G$18=$B$17,14,0)+IF('Standard Profiles'!$G$18=$B$24,21,0),MOD($C1003,24)+1)/SUM(INDEX($D$3:$AA$30,INDEX(Jesper!$R$2:$R$366,ROW(INDEX(Jesper!AH$2:AH$366,ROUNDDOWN($C1003/24,0)+1,1))-1)+IF('Standard Profiles'!$G$18=$B$10,7,0)+IF('Standard Profiles'!$G$18=$B$17,14,0)+IF('Standard Profiles'!$G$18=$B$24,21,0),0)),0)</f>
        <v>15.049870838815941</v>
      </c>
      <c r="E1003" cm="1">
        <f t="array" ref="E1003">IFERROR(INDEX(Jesper!AI$2:AI$366,ROUNDDOWN($C1003/24,0)+1,1)*INDEX($D$3:$AA$30,INDEX(Jesper!$R$2:$R$366,ROW(INDEX(Jesper!AI$2:AI$366,ROUNDDOWN($C1003/24,0)+1,1))-1)+IF('Standard Profiles'!$G$19=$B$10,7,0)+IF('Standard Profiles'!$G$19=$B$17,14,0)+IF('Standard Profiles'!$G$19=$B$24,21,0),MOD($C1003,24)+1)/SUM(INDEX($D$3:$AA$30,INDEX(Jesper!$R$2:$R$366,ROW(INDEX(Jesper!AI$2:AI$366,ROUNDDOWN($C1003/24,0)+1,1))-1)+IF('Standard Profiles'!$G$19=$B$10,7,0)+IF('Standard Profiles'!$G$19=$B$17,14,0)+IF('Standard Profiles'!$G$19=$B$24,21,0),0)),0)</f>
        <v>3.4933489687174202</v>
      </c>
      <c r="F1003" cm="1">
        <f t="array" ref="F1003">IFERROR(INDEX(Jesper!AJ$2:AJ$366,ROUNDDOWN($C1003/24,0)+1,1)*INDEX($D$3:$AA$30,INDEX(Jesper!$R$2:$R$366,ROW(INDEX(Jesper!AJ$2:AJ$366,ROUNDDOWN($C1003/24,0)+1,1))-1)+IF('Standard Profiles'!$G$20=$B$10,7,0)+IF('Standard Profiles'!$G$20=$B$17,14,0)+IF('Standard Profiles'!$G$20=$B$24,21,0),MOD($C1003,24)+1)/SUM(INDEX($D$3:$AA$30,INDEX(Jesper!$R$2:$R$366,ROW(INDEX(Jesper!AJ$2:AJ$366,ROUNDDOWN($C1003/24,0)+1,1))-1)+IF('Standard Profiles'!$G$20=$B$10,7,0)+IF('Standard Profiles'!$G$20=$B$17,14,0)+IF('Standard Profiles'!$G$20=$B$24,21,0),0)),0)</f>
        <v>0</v>
      </c>
      <c r="G1003" cm="1">
        <f t="array" ref="G1003">IFERROR(INDEX(Jesper!AK$2:AK$366,ROUNDDOWN($C1003/24,0)+1,1)*INDEX($D$3:$AA$30,INDEX(Jesper!$R$2:$R$366,ROW(INDEX(Jesper!AK$2:AK$366,ROUNDDOWN($C1003/24,0)+1,1))-1)+IF('Standard Profiles'!$G$21=$B$10,7,0)+IF('Standard Profiles'!$G$21=$B$17,14,0)+IF('Standard Profiles'!$G$21=$B$24,21,0),MOD($C1003,24)+1)/SUM(INDEX($D$3:$AA$30,INDEX(Jesper!$R$2:$R$366,ROW(INDEX(Jesper!AK$2:AK$366,ROUNDDOWN($C1003/24,0)+1,1))-1)+IF('Standard Profiles'!$G$21=$B$10,7,0)+IF('Standard Profiles'!$G$21=$B$17,14,0)+IF('Standard Profiles'!$G$21=$B$24,21,0),0)),0)</f>
        <v>0</v>
      </c>
      <c r="H1003" cm="1">
        <f t="array" ref="H1003">IFERROR(INDEX(Jesper!AL$2:AL$366,ROUNDDOWN($C1003/24,0)+1,1)*INDEX($D$3:$AA$30,INDEX(Jesper!$R$2:$R$366,ROW(INDEX(Jesper!AL$2:AL$366,ROUNDDOWN($C1003/24,0)+1,1))-1)+IF('Standard Profiles'!$G$22=$B$10,7,0)+IF('Standard Profiles'!$G$22=$B$17,14,0)+IF('Standard Profiles'!$G$22=$B$24,21,0),MOD($C1003,24)+1)/SUM(INDEX($D$3:$AA$30,INDEX(Jesper!$R$2:$R$366,ROW(INDEX(Jesper!AL$2:AL$366,ROUNDDOWN($C1003/24,0)+1,1))-1)+IF('Standard Profiles'!$G$22=$B$10,7,0)+IF('Standard Profiles'!$G$22=$B$17,14,0)+IF('Standard Profiles'!$G$22=$B$24,21,0),0)),0)</f>
        <v>0</v>
      </c>
      <c r="I1003">
        <f t="shared" si="125"/>
        <v>0.31471612330787579</v>
      </c>
      <c r="J1003">
        <f t="shared" si="126"/>
        <v>1.049053744359586</v>
      </c>
      <c r="K1003">
        <f t="shared" si="127"/>
        <v>1.5735806165393791</v>
      </c>
      <c r="L1003">
        <f t="shared" si="128"/>
        <v>15.605869323326521</v>
      </c>
      <c r="M1003">
        <f t="shared" si="129"/>
        <v>0</v>
      </c>
      <c r="N1003" s="46">
        <f t="shared" si="130"/>
        <v>45332.37499999765</v>
      </c>
    </row>
    <row r="1004" spans="2:14" x14ac:dyDescent="0.3">
      <c r="B1004">
        <f t="shared" si="124"/>
        <v>6</v>
      </c>
      <c r="C1004" s="16">
        <v>970</v>
      </c>
      <c r="D1004" cm="1">
        <f t="array" ref="D1004">IFERROR(INDEX(Jesper!AH$2:AH$366,ROUNDDOWN($C1004/24,0)+1,1)*INDEX($D$3:$AA$30,INDEX(Jesper!$R$2:$R$366,ROW(INDEX(Jesper!AH$2:AH$366,ROUNDDOWN($C1004/24,0)+1,1))-1)+IF('Standard Profiles'!$G$18=$B$10,7,0)+IF('Standard Profiles'!$G$18=$B$17,14,0)+IF('Standard Profiles'!$G$18=$B$24,21,0),MOD($C1004,24)+1)/SUM(INDEX($D$3:$AA$30,INDEX(Jesper!$R$2:$R$366,ROW(INDEX(Jesper!AH$2:AH$366,ROUNDDOWN($C1004/24,0)+1,1))-1)+IF('Standard Profiles'!$G$18=$B$10,7,0)+IF('Standard Profiles'!$G$18=$B$17,14,0)+IF('Standard Profiles'!$G$18=$B$24,21,0),0)),0)</f>
        <v>15.049870838815941</v>
      </c>
      <c r="E1004" cm="1">
        <f t="array" ref="E1004">IFERROR(INDEX(Jesper!AI$2:AI$366,ROUNDDOWN($C1004/24,0)+1,1)*INDEX($D$3:$AA$30,INDEX(Jesper!$R$2:$R$366,ROW(INDEX(Jesper!AI$2:AI$366,ROUNDDOWN($C1004/24,0)+1,1))-1)+IF('Standard Profiles'!$G$19=$B$10,7,0)+IF('Standard Profiles'!$G$19=$B$17,14,0)+IF('Standard Profiles'!$G$19=$B$24,21,0),MOD($C1004,24)+1)/SUM(INDEX($D$3:$AA$30,INDEX(Jesper!$R$2:$R$366,ROW(INDEX(Jesper!AI$2:AI$366,ROUNDDOWN($C1004/24,0)+1,1))-1)+IF('Standard Profiles'!$G$19=$B$10,7,0)+IF('Standard Profiles'!$G$19=$B$17,14,0)+IF('Standard Profiles'!$G$19=$B$24,21,0),0)),0)</f>
        <v>3.4933489687174202</v>
      </c>
      <c r="F1004" cm="1">
        <f t="array" ref="F1004">IFERROR(INDEX(Jesper!AJ$2:AJ$366,ROUNDDOWN($C1004/24,0)+1,1)*INDEX($D$3:$AA$30,INDEX(Jesper!$R$2:$R$366,ROW(INDEX(Jesper!AJ$2:AJ$366,ROUNDDOWN($C1004/24,0)+1,1))-1)+IF('Standard Profiles'!$G$20=$B$10,7,0)+IF('Standard Profiles'!$G$20=$B$17,14,0)+IF('Standard Profiles'!$G$20=$B$24,21,0),MOD($C1004,24)+1)/SUM(INDEX($D$3:$AA$30,INDEX(Jesper!$R$2:$R$366,ROW(INDEX(Jesper!AJ$2:AJ$366,ROUNDDOWN($C1004/24,0)+1,1))-1)+IF('Standard Profiles'!$G$20=$B$10,7,0)+IF('Standard Profiles'!$G$20=$B$17,14,0)+IF('Standard Profiles'!$G$20=$B$24,21,0),0)),0)</f>
        <v>0</v>
      </c>
      <c r="G1004" cm="1">
        <f t="array" ref="G1004">IFERROR(INDEX(Jesper!AK$2:AK$366,ROUNDDOWN($C1004/24,0)+1,1)*INDEX($D$3:$AA$30,INDEX(Jesper!$R$2:$R$366,ROW(INDEX(Jesper!AK$2:AK$366,ROUNDDOWN($C1004/24,0)+1,1))-1)+IF('Standard Profiles'!$G$21=$B$10,7,0)+IF('Standard Profiles'!$G$21=$B$17,14,0)+IF('Standard Profiles'!$G$21=$B$24,21,0),MOD($C1004,24)+1)/SUM(INDEX($D$3:$AA$30,INDEX(Jesper!$R$2:$R$366,ROW(INDEX(Jesper!AK$2:AK$366,ROUNDDOWN($C1004/24,0)+1,1))-1)+IF('Standard Profiles'!$G$21=$B$10,7,0)+IF('Standard Profiles'!$G$21=$B$17,14,0)+IF('Standard Profiles'!$G$21=$B$24,21,0),0)),0)</f>
        <v>0</v>
      </c>
      <c r="H1004" cm="1">
        <f t="array" ref="H1004">IFERROR(INDEX(Jesper!AL$2:AL$366,ROUNDDOWN($C1004/24,0)+1,1)*INDEX($D$3:$AA$30,INDEX(Jesper!$R$2:$R$366,ROW(INDEX(Jesper!AL$2:AL$366,ROUNDDOWN($C1004/24,0)+1,1))-1)+IF('Standard Profiles'!$G$22=$B$10,7,0)+IF('Standard Profiles'!$G$22=$B$17,14,0)+IF('Standard Profiles'!$G$22=$B$24,21,0),MOD($C1004,24)+1)/SUM(INDEX($D$3:$AA$30,INDEX(Jesper!$R$2:$R$366,ROW(INDEX(Jesper!AL$2:AL$366,ROUNDDOWN($C1004/24,0)+1,1))-1)+IF('Standard Profiles'!$G$22=$B$10,7,0)+IF('Standard Profiles'!$G$22=$B$17,14,0)+IF('Standard Profiles'!$G$22=$B$24,21,0),0)),0)</f>
        <v>0</v>
      </c>
      <c r="I1004">
        <f t="shared" si="125"/>
        <v>0.31471612330787579</v>
      </c>
      <c r="J1004">
        <f t="shared" si="126"/>
        <v>1.049053744359586</v>
      </c>
      <c r="K1004">
        <f t="shared" si="127"/>
        <v>1.5735806165393791</v>
      </c>
      <c r="L1004">
        <f t="shared" si="128"/>
        <v>15.605869323326521</v>
      </c>
      <c r="M1004">
        <f t="shared" si="129"/>
        <v>0</v>
      </c>
      <c r="N1004" s="46">
        <f t="shared" si="130"/>
        <v>45332.416666664314</v>
      </c>
    </row>
    <row r="1005" spans="2:14" x14ac:dyDescent="0.3">
      <c r="B1005">
        <f t="shared" si="124"/>
        <v>6</v>
      </c>
      <c r="C1005" s="16">
        <v>971</v>
      </c>
      <c r="D1005" cm="1">
        <f t="array" ref="D1005">IFERROR(INDEX(Jesper!AH$2:AH$366,ROUNDDOWN($C1005/24,0)+1,1)*INDEX($D$3:$AA$30,INDEX(Jesper!$R$2:$R$366,ROW(INDEX(Jesper!AH$2:AH$366,ROUNDDOWN($C1005/24,0)+1,1))-1)+IF('Standard Profiles'!$G$18=$B$10,7,0)+IF('Standard Profiles'!$G$18=$B$17,14,0)+IF('Standard Profiles'!$G$18=$B$24,21,0),MOD($C1005,24)+1)/SUM(INDEX($D$3:$AA$30,INDEX(Jesper!$R$2:$R$366,ROW(INDEX(Jesper!AH$2:AH$366,ROUNDDOWN($C1005/24,0)+1,1))-1)+IF('Standard Profiles'!$G$18=$B$10,7,0)+IF('Standard Profiles'!$G$18=$B$17,14,0)+IF('Standard Profiles'!$G$18=$B$24,21,0),0)),0)</f>
        <v>15.049870838815941</v>
      </c>
      <c r="E1005" cm="1">
        <f t="array" ref="E1005">IFERROR(INDEX(Jesper!AI$2:AI$366,ROUNDDOWN($C1005/24,0)+1,1)*INDEX($D$3:$AA$30,INDEX(Jesper!$R$2:$R$366,ROW(INDEX(Jesper!AI$2:AI$366,ROUNDDOWN($C1005/24,0)+1,1))-1)+IF('Standard Profiles'!$G$19=$B$10,7,0)+IF('Standard Profiles'!$G$19=$B$17,14,0)+IF('Standard Profiles'!$G$19=$B$24,21,0),MOD($C1005,24)+1)/SUM(INDEX($D$3:$AA$30,INDEX(Jesper!$R$2:$R$366,ROW(INDEX(Jesper!AI$2:AI$366,ROUNDDOWN($C1005/24,0)+1,1))-1)+IF('Standard Profiles'!$G$19=$B$10,7,0)+IF('Standard Profiles'!$G$19=$B$17,14,0)+IF('Standard Profiles'!$G$19=$B$24,21,0),0)),0)</f>
        <v>3.4933489687174202</v>
      </c>
      <c r="F1005" cm="1">
        <f t="array" ref="F1005">IFERROR(INDEX(Jesper!AJ$2:AJ$366,ROUNDDOWN($C1005/24,0)+1,1)*INDEX($D$3:$AA$30,INDEX(Jesper!$R$2:$R$366,ROW(INDEX(Jesper!AJ$2:AJ$366,ROUNDDOWN($C1005/24,0)+1,1))-1)+IF('Standard Profiles'!$G$20=$B$10,7,0)+IF('Standard Profiles'!$G$20=$B$17,14,0)+IF('Standard Profiles'!$G$20=$B$24,21,0),MOD($C1005,24)+1)/SUM(INDEX($D$3:$AA$30,INDEX(Jesper!$R$2:$R$366,ROW(INDEX(Jesper!AJ$2:AJ$366,ROUNDDOWN($C1005/24,0)+1,1))-1)+IF('Standard Profiles'!$G$20=$B$10,7,0)+IF('Standard Profiles'!$G$20=$B$17,14,0)+IF('Standard Profiles'!$G$20=$B$24,21,0),0)),0)</f>
        <v>0</v>
      </c>
      <c r="G1005" cm="1">
        <f t="array" ref="G1005">IFERROR(INDEX(Jesper!AK$2:AK$366,ROUNDDOWN($C1005/24,0)+1,1)*INDEX($D$3:$AA$30,INDEX(Jesper!$R$2:$R$366,ROW(INDEX(Jesper!AK$2:AK$366,ROUNDDOWN($C1005/24,0)+1,1))-1)+IF('Standard Profiles'!$G$21=$B$10,7,0)+IF('Standard Profiles'!$G$21=$B$17,14,0)+IF('Standard Profiles'!$G$21=$B$24,21,0),MOD($C1005,24)+1)/SUM(INDEX($D$3:$AA$30,INDEX(Jesper!$R$2:$R$366,ROW(INDEX(Jesper!AK$2:AK$366,ROUNDDOWN($C1005/24,0)+1,1))-1)+IF('Standard Profiles'!$G$21=$B$10,7,0)+IF('Standard Profiles'!$G$21=$B$17,14,0)+IF('Standard Profiles'!$G$21=$B$24,21,0),0)),0)</f>
        <v>0</v>
      </c>
      <c r="H1005" cm="1">
        <f t="array" ref="H1005">IFERROR(INDEX(Jesper!AL$2:AL$366,ROUNDDOWN($C1005/24,0)+1,1)*INDEX($D$3:$AA$30,INDEX(Jesper!$R$2:$R$366,ROW(INDEX(Jesper!AL$2:AL$366,ROUNDDOWN($C1005/24,0)+1,1))-1)+IF('Standard Profiles'!$G$22=$B$10,7,0)+IF('Standard Profiles'!$G$22=$B$17,14,0)+IF('Standard Profiles'!$G$22=$B$24,21,0),MOD($C1005,24)+1)/SUM(INDEX($D$3:$AA$30,INDEX(Jesper!$R$2:$R$366,ROW(INDEX(Jesper!AL$2:AL$366,ROUNDDOWN($C1005/24,0)+1,1))-1)+IF('Standard Profiles'!$G$22=$B$10,7,0)+IF('Standard Profiles'!$G$22=$B$17,14,0)+IF('Standard Profiles'!$G$22=$B$24,21,0),0)),0)</f>
        <v>0</v>
      </c>
      <c r="I1005">
        <f t="shared" si="125"/>
        <v>0.31471612330787579</v>
      </c>
      <c r="J1005">
        <f t="shared" si="126"/>
        <v>1.049053744359586</v>
      </c>
      <c r="K1005">
        <f t="shared" si="127"/>
        <v>1.5735806165393791</v>
      </c>
      <c r="L1005">
        <f t="shared" si="128"/>
        <v>15.605869323326521</v>
      </c>
      <c r="M1005">
        <f t="shared" si="129"/>
        <v>0</v>
      </c>
      <c r="N1005" s="46">
        <f t="shared" si="130"/>
        <v>45332.458333330978</v>
      </c>
    </row>
    <row r="1006" spans="2:14" x14ac:dyDescent="0.3">
      <c r="B1006">
        <f t="shared" si="124"/>
        <v>6</v>
      </c>
      <c r="C1006" s="16">
        <v>972</v>
      </c>
      <c r="D1006" cm="1">
        <f t="array" ref="D1006">IFERROR(INDEX(Jesper!AH$2:AH$366,ROUNDDOWN($C1006/24,0)+1,1)*INDEX($D$3:$AA$30,INDEX(Jesper!$R$2:$R$366,ROW(INDEX(Jesper!AH$2:AH$366,ROUNDDOWN($C1006/24,0)+1,1))-1)+IF('Standard Profiles'!$G$18=$B$10,7,0)+IF('Standard Profiles'!$G$18=$B$17,14,0)+IF('Standard Profiles'!$G$18=$B$24,21,0),MOD($C1006,24)+1)/SUM(INDEX($D$3:$AA$30,INDEX(Jesper!$R$2:$R$366,ROW(INDEX(Jesper!AH$2:AH$366,ROUNDDOWN($C1006/24,0)+1,1))-1)+IF('Standard Profiles'!$G$18=$B$10,7,0)+IF('Standard Profiles'!$G$18=$B$17,14,0)+IF('Standard Profiles'!$G$18=$B$24,21,0),0)),0)</f>
        <v>15.049870838815941</v>
      </c>
      <c r="E1006" cm="1">
        <f t="array" ref="E1006">IFERROR(INDEX(Jesper!AI$2:AI$366,ROUNDDOWN($C1006/24,0)+1,1)*INDEX($D$3:$AA$30,INDEX(Jesper!$R$2:$R$366,ROW(INDEX(Jesper!AI$2:AI$366,ROUNDDOWN($C1006/24,0)+1,1))-1)+IF('Standard Profiles'!$G$19=$B$10,7,0)+IF('Standard Profiles'!$G$19=$B$17,14,0)+IF('Standard Profiles'!$G$19=$B$24,21,0),MOD($C1006,24)+1)/SUM(INDEX($D$3:$AA$30,INDEX(Jesper!$R$2:$R$366,ROW(INDEX(Jesper!AI$2:AI$366,ROUNDDOWN($C1006/24,0)+1,1))-1)+IF('Standard Profiles'!$G$19=$B$10,7,0)+IF('Standard Profiles'!$G$19=$B$17,14,0)+IF('Standard Profiles'!$G$19=$B$24,21,0),0)),0)</f>
        <v>3.4933489687174202</v>
      </c>
      <c r="F1006" cm="1">
        <f t="array" ref="F1006">IFERROR(INDEX(Jesper!AJ$2:AJ$366,ROUNDDOWN($C1006/24,0)+1,1)*INDEX($D$3:$AA$30,INDEX(Jesper!$R$2:$R$366,ROW(INDEX(Jesper!AJ$2:AJ$366,ROUNDDOWN($C1006/24,0)+1,1))-1)+IF('Standard Profiles'!$G$20=$B$10,7,0)+IF('Standard Profiles'!$G$20=$B$17,14,0)+IF('Standard Profiles'!$G$20=$B$24,21,0),MOD($C1006,24)+1)/SUM(INDEX($D$3:$AA$30,INDEX(Jesper!$R$2:$R$366,ROW(INDEX(Jesper!AJ$2:AJ$366,ROUNDDOWN($C1006/24,0)+1,1))-1)+IF('Standard Profiles'!$G$20=$B$10,7,0)+IF('Standard Profiles'!$G$20=$B$17,14,0)+IF('Standard Profiles'!$G$20=$B$24,21,0),0)),0)</f>
        <v>0</v>
      </c>
      <c r="G1006" cm="1">
        <f t="array" ref="G1006">IFERROR(INDEX(Jesper!AK$2:AK$366,ROUNDDOWN($C1006/24,0)+1,1)*INDEX($D$3:$AA$30,INDEX(Jesper!$R$2:$R$366,ROW(INDEX(Jesper!AK$2:AK$366,ROUNDDOWN($C1006/24,0)+1,1))-1)+IF('Standard Profiles'!$G$21=$B$10,7,0)+IF('Standard Profiles'!$G$21=$B$17,14,0)+IF('Standard Profiles'!$G$21=$B$24,21,0),MOD($C1006,24)+1)/SUM(INDEX($D$3:$AA$30,INDEX(Jesper!$R$2:$R$366,ROW(INDEX(Jesper!AK$2:AK$366,ROUNDDOWN($C1006/24,0)+1,1))-1)+IF('Standard Profiles'!$G$21=$B$10,7,0)+IF('Standard Profiles'!$G$21=$B$17,14,0)+IF('Standard Profiles'!$G$21=$B$24,21,0),0)),0)</f>
        <v>0</v>
      </c>
      <c r="H1006" cm="1">
        <f t="array" ref="H1006">IFERROR(INDEX(Jesper!AL$2:AL$366,ROUNDDOWN($C1006/24,0)+1,1)*INDEX($D$3:$AA$30,INDEX(Jesper!$R$2:$R$366,ROW(INDEX(Jesper!AL$2:AL$366,ROUNDDOWN($C1006/24,0)+1,1))-1)+IF('Standard Profiles'!$G$22=$B$10,7,0)+IF('Standard Profiles'!$G$22=$B$17,14,0)+IF('Standard Profiles'!$G$22=$B$24,21,0),MOD($C1006,24)+1)/SUM(INDEX($D$3:$AA$30,INDEX(Jesper!$R$2:$R$366,ROW(INDEX(Jesper!AL$2:AL$366,ROUNDDOWN($C1006/24,0)+1,1))-1)+IF('Standard Profiles'!$G$22=$B$10,7,0)+IF('Standard Profiles'!$G$22=$B$17,14,0)+IF('Standard Profiles'!$G$22=$B$24,21,0),0)),0)</f>
        <v>0</v>
      </c>
      <c r="I1006">
        <f t="shared" si="125"/>
        <v>0.31471612330787579</v>
      </c>
      <c r="J1006">
        <f t="shared" si="126"/>
        <v>1.049053744359586</v>
      </c>
      <c r="K1006">
        <f t="shared" si="127"/>
        <v>1.5735806165393791</v>
      </c>
      <c r="L1006">
        <f t="shared" si="128"/>
        <v>15.605869323326521</v>
      </c>
      <c r="M1006">
        <f t="shared" si="129"/>
        <v>0</v>
      </c>
      <c r="N1006" s="46">
        <f t="shared" si="130"/>
        <v>45332.499999997643</v>
      </c>
    </row>
    <row r="1007" spans="2:14" x14ac:dyDescent="0.3">
      <c r="B1007">
        <f t="shared" si="124"/>
        <v>6</v>
      </c>
      <c r="C1007" s="16">
        <v>973</v>
      </c>
      <c r="D1007" cm="1">
        <f t="array" ref="D1007">IFERROR(INDEX(Jesper!AH$2:AH$366,ROUNDDOWN($C1007/24,0)+1,1)*INDEX($D$3:$AA$30,INDEX(Jesper!$R$2:$R$366,ROW(INDEX(Jesper!AH$2:AH$366,ROUNDDOWN($C1007/24,0)+1,1))-1)+IF('Standard Profiles'!$G$18=$B$10,7,0)+IF('Standard Profiles'!$G$18=$B$17,14,0)+IF('Standard Profiles'!$G$18=$B$24,21,0),MOD($C1007,24)+1)/SUM(INDEX($D$3:$AA$30,INDEX(Jesper!$R$2:$R$366,ROW(INDEX(Jesper!AH$2:AH$366,ROUNDDOWN($C1007/24,0)+1,1))-1)+IF('Standard Profiles'!$G$18=$B$10,7,0)+IF('Standard Profiles'!$G$18=$B$17,14,0)+IF('Standard Profiles'!$G$18=$B$24,21,0),0)),0)</f>
        <v>15.049870838815941</v>
      </c>
      <c r="E1007" cm="1">
        <f t="array" ref="E1007">IFERROR(INDEX(Jesper!AI$2:AI$366,ROUNDDOWN($C1007/24,0)+1,1)*INDEX($D$3:$AA$30,INDEX(Jesper!$R$2:$R$366,ROW(INDEX(Jesper!AI$2:AI$366,ROUNDDOWN($C1007/24,0)+1,1))-1)+IF('Standard Profiles'!$G$19=$B$10,7,0)+IF('Standard Profiles'!$G$19=$B$17,14,0)+IF('Standard Profiles'!$G$19=$B$24,21,0),MOD($C1007,24)+1)/SUM(INDEX($D$3:$AA$30,INDEX(Jesper!$R$2:$R$366,ROW(INDEX(Jesper!AI$2:AI$366,ROUNDDOWN($C1007/24,0)+1,1))-1)+IF('Standard Profiles'!$G$19=$B$10,7,0)+IF('Standard Profiles'!$G$19=$B$17,14,0)+IF('Standard Profiles'!$G$19=$B$24,21,0),0)),0)</f>
        <v>3.4933489687174202</v>
      </c>
      <c r="F1007" cm="1">
        <f t="array" ref="F1007">IFERROR(INDEX(Jesper!AJ$2:AJ$366,ROUNDDOWN($C1007/24,0)+1,1)*INDEX($D$3:$AA$30,INDEX(Jesper!$R$2:$R$366,ROW(INDEX(Jesper!AJ$2:AJ$366,ROUNDDOWN($C1007/24,0)+1,1))-1)+IF('Standard Profiles'!$G$20=$B$10,7,0)+IF('Standard Profiles'!$G$20=$B$17,14,0)+IF('Standard Profiles'!$G$20=$B$24,21,0),MOD($C1007,24)+1)/SUM(INDEX($D$3:$AA$30,INDEX(Jesper!$R$2:$R$366,ROW(INDEX(Jesper!AJ$2:AJ$366,ROUNDDOWN($C1007/24,0)+1,1))-1)+IF('Standard Profiles'!$G$20=$B$10,7,0)+IF('Standard Profiles'!$G$20=$B$17,14,0)+IF('Standard Profiles'!$G$20=$B$24,21,0),0)),0)</f>
        <v>0</v>
      </c>
      <c r="G1007" cm="1">
        <f t="array" ref="G1007">IFERROR(INDEX(Jesper!AK$2:AK$366,ROUNDDOWN($C1007/24,0)+1,1)*INDEX($D$3:$AA$30,INDEX(Jesper!$R$2:$R$366,ROW(INDEX(Jesper!AK$2:AK$366,ROUNDDOWN($C1007/24,0)+1,1))-1)+IF('Standard Profiles'!$G$21=$B$10,7,0)+IF('Standard Profiles'!$G$21=$B$17,14,0)+IF('Standard Profiles'!$G$21=$B$24,21,0),MOD($C1007,24)+1)/SUM(INDEX($D$3:$AA$30,INDEX(Jesper!$R$2:$R$366,ROW(INDEX(Jesper!AK$2:AK$366,ROUNDDOWN($C1007/24,0)+1,1))-1)+IF('Standard Profiles'!$G$21=$B$10,7,0)+IF('Standard Profiles'!$G$21=$B$17,14,0)+IF('Standard Profiles'!$G$21=$B$24,21,0),0)),0)</f>
        <v>0</v>
      </c>
      <c r="H1007" cm="1">
        <f t="array" ref="H1007">IFERROR(INDEX(Jesper!AL$2:AL$366,ROUNDDOWN($C1007/24,0)+1,1)*INDEX($D$3:$AA$30,INDEX(Jesper!$R$2:$R$366,ROW(INDEX(Jesper!AL$2:AL$366,ROUNDDOWN($C1007/24,0)+1,1))-1)+IF('Standard Profiles'!$G$22=$B$10,7,0)+IF('Standard Profiles'!$G$22=$B$17,14,0)+IF('Standard Profiles'!$G$22=$B$24,21,0),MOD($C1007,24)+1)/SUM(INDEX($D$3:$AA$30,INDEX(Jesper!$R$2:$R$366,ROW(INDEX(Jesper!AL$2:AL$366,ROUNDDOWN($C1007/24,0)+1,1))-1)+IF('Standard Profiles'!$G$22=$B$10,7,0)+IF('Standard Profiles'!$G$22=$B$17,14,0)+IF('Standard Profiles'!$G$22=$B$24,21,0),0)),0)</f>
        <v>0</v>
      </c>
      <c r="I1007">
        <f t="shared" si="125"/>
        <v>0.31471612330787579</v>
      </c>
      <c r="J1007">
        <f t="shared" si="126"/>
        <v>1.049053744359586</v>
      </c>
      <c r="K1007">
        <f t="shared" si="127"/>
        <v>1.5735806165393791</v>
      </c>
      <c r="L1007">
        <f t="shared" si="128"/>
        <v>15.605869323326521</v>
      </c>
      <c r="M1007">
        <f t="shared" si="129"/>
        <v>0</v>
      </c>
      <c r="N1007" s="46">
        <f t="shared" si="130"/>
        <v>45332.541666664307</v>
      </c>
    </row>
    <row r="1008" spans="2:14" x14ac:dyDescent="0.3">
      <c r="B1008">
        <f t="shared" si="124"/>
        <v>6</v>
      </c>
      <c r="C1008" s="16">
        <v>974</v>
      </c>
      <c r="D1008" cm="1">
        <f t="array" ref="D1008">IFERROR(INDEX(Jesper!AH$2:AH$366,ROUNDDOWN($C1008/24,0)+1,1)*INDEX($D$3:$AA$30,INDEX(Jesper!$R$2:$R$366,ROW(INDEX(Jesper!AH$2:AH$366,ROUNDDOWN($C1008/24,0)+1,1))-1)+IF('Standard Profiles'!$G$18=$B$10,7,0)+IF('Standard Profiles'!$G$18=$B$17,14,0)+IF('Standard Profiles'!$G$18=$B$24,21,0),MOD($C1008,24)+1)/SUM(INDEX($D$3:$AA$30,INDEX(Jesper!$R$2:$R$366,ROW(INDEX(Jesper!AH$2:AH$366,ROUNDDOWN($C1008/24,0)+1,1))-1)+IF('Standard Profiles'!$G$18=$B$10,7,0)+IF('Standard Profiles'!$G$18=$B$17,14,0)+IF('Standard Profiles'!$G$18=$B$24,21,0),0)),0)</f>
        <v>15.049870838815941</v>
      </c>
      <c r="E1008" cm="1">
        <f t="array" ref="E1008">IFERROR(INDEX(Jesper!AI$2:AI$366,ROUNDDOWN($C1008/24,0)+1,1)*INDEX($D$3:$AA$30,INDEX(Jesper!$R$2:$R$366,ROW(INDEX(Jesper!AI$2:AI$366,ROUNDDOWN($C1008/24,0)+1,1))-1)+IF('Standard Profiles'!$G$19=$B$10,7,0)+IF('Standard Profiles'!$G$19=$B$17,14,0)+IF('Standard Profiles'!$G$19=$B$24,21,0),MOD($C1008,24)+1)/SUM(INDEX($D$3:$AA$30,INDEX(Jesper!$R$2:$R$366,ROW(INDEX(Jesper!AI$2:AI$366,ROUNDDOWN($C1008/24,0)+1,1))-1)+IF('Standard Profiles'!$G$19=$B$10,7,0)+IF('Standard Profiles'!$G$19=$B$17,14,0)+IF('Standard Profiles'!$G$19=$B$24,21,0),0)),0)</f>
        <v>3.4933489687174202</v>
      </c>
      <c r="F1008" cm="1">
        <f t="array" ref="F1008">IFERROR(INDEX(Jesper!AJ$2:AJ$366,ROUNDDOWN($C1008/24,0)+1,1)*INDEX($D$3:$AA$30,INDEX(Jesper!$R$2:$R$366,ROW(INDEX(Jesper!AJ$2:AJ$366,ROUNDDOWN($C1008/24,0)+1,1))-1)+IF('Standard Profiles'!$G$20=$B$10,7,0)+IF('Standard Profiles'!$G$20=$B$17,14,0)+IF('Standard Profiles'!$G$20=$B$24,21,0),MOD($C1008,24)+1)/SUM(INDEX($D$3:$AA$30,INDEX(Jesper!$R$2:$R$366,ROW(INDEX(Jesper!AJ$2:AJ$366,ROUNDDOWN($C1008/24,0)+1,1))-1)+IF('Standard Profiles'!$G$20=$B$10,7,0)+IF('Standard Profiles'!$G$20=$B$17,14,0)+IF('Standard Profiles'!$G$20=$B$24,21,0),0)),0)</f>
        <v>0</v>
      </c>
      <c r="G1008" cm="1">
        <f t="array" ref="G1008">IFERROR(INDEX(Jesper!AK$2:AK$366,ROUNDDOWN($C1008/24,0)+1,1)*INDEX($D$3:$AA$30,INDEX(Jesper!$R$2:$R$366,ROW(INDEX(Jesper!AK$2:AK$366,ROUNDDOWN($C1008/24,0)+1,1))-1)+IF('Standard Profiles'!$G$21=$B$10,7,0)+IF('Standard Profiles'!$G$21=$B$17,14,0)+IF('Standard Profiles'!$G$21=$B$24,21,0),MOD($C1008,24)+1)/SUM(INDEX($D$3:$AA$30,INDEX(Jesper!$R$2:$R$366,ROW(INDEX(Jesper!AK$2:AK$366,ROUNDDOWN($C1008/24,0)+1,1))-1)+IF('Standard Profiles'!$G$21=$B$10,7,0)+IF('Standard Profiles'!$G$21=$B$17,14,0)+IF('Standard Profiles'!$G$21=$B$24,21,0),0)),0)</f>
        <v>0</v>
      </c>
      <c r="H1008" cm="1">
        <f t="array" ref="H1008">IFERROR(INDEX(Jesper!AL$2:AL$366,ROUNDDOWN($C1008/24,0)+1,1)*INDEX($D$3:$AA$30,INDEX(Jesper!$R$2:$R$366,ROW(INDEX(Jesper!AL$2:AL$366,ROUNDDOWN($C1008/24,0)+1,1))-1)+IF('Standard Profiles'!$G$22=$B$10,7,0)+IF('Standard Profiles'!$G$22=$B$17,14,0)+IF('Standard Profiles'!$G$22=$B$24,21,0),MOD($C1008,24)+1)/SUM(INDEX($D$3:$AA$30,INDEX(Jesper!$R$2:$R$366,ROW(INDEX(Jesper!AL$2:AL$366,ROUNDDOWN($C1008/24,0)+1,1))-1)+IF('Standard Profiles'!$G$22=$B$10,7,0)+IF('Standard Profiles'!$G$22=$B$17,14,0)+IF('Standard Profiles'!$G$22=$B$24,21,0),0)),0)</f>
        <v>0</v>
      </c>
      <c r="I1008">
        <f t="shared" si="125"/>
        <v>0.31471612330787579</v>
      </c>
      <c r="J1008">
        <f t="shared" si="126"/>
        <v>1.049053744359586</v>
      </c>
      <c r="K1008">
        <f t="shared" si="127"/>
        <v>1.5735806165393791</v>
      </c>
      <c r="L1008">
        <f t="shared" si="128"/>
        <v>15.605869323326521</v>
      </c>
      <c r="M1008">
        <f t="shared" si="129"/>
        <v>0</v>
      </c>
      <c r="N1008" s="46">
        <f t="shared" si="130"/>
        <v>45332.583333330971</v>
      </c>
    </row>
    <row r="1009" spans="2:14" x14ac:dyDescent="0.3">
      <c r="B1009">
        <f t="shared" si="124"/>
        <v>6</v>
      </c>
      <c r="C1009" s="16">
        <v>975</v>
      </c>
      <c r="D1009" cm="1">
        <f t="array" ref="D1009">IFERROR(INDEX(Jesper!AH$2:AH$366,ROUNDDOWN($C1009/24,0)+1,1)*INDEX($D$3:$AA$30,INDEX(Jesper!$R$2:$R$366,ROW(INDEX(Jesper!AH$2:AH$366,ROUNDDOWN($C1009/24,0)+1,1))-1)+IF('Standard Profiles'!$G$18=$B$10,7,0)+IF('Standard Profiles'!$G$18=$B$17,14,0)+IF('Standard Profiles'!$G$18=$B$24,21,0),MOD($C1009,24)+1)/SUM(INDEX($D$3:$AA$30,INDEX(Jesper!$R$2:$R$366,ROW(INDEX(Jesper!AH$2:AH$366,ROUNDDOWN($C1009/24,0)+1,1))-1)+IF('Standard Profiles'!$G$18=$B$10,7,0)+IF('Standard Profiles'!$G$18=$B$17,14,0)+IF('Standard Profiles'!$G$18=$B$24,21,0),0)),0)</f>
        <v>13.606732539203453</v>
      </c>
      <c r="E1009" cm="1">
        <f t="array" ref="E1009">IFERROR(INDEX(Jesper!AI$2:AI$366,ROUNDDOWN($C1009/24,0)+1,1)*INDEX($D$3:$AA$30,INDEX(Jesper!$R$2:$R$366,ROW(INDEX(Jesper!AI$2:AI$366,ROUNDDOWN($C1009/24,0)+1,1))-1)+IF('Standard Profiles'!$G$19=$B$10,7,0)+IF('Standard Profiles'!$G$19=$B$17,14,0)+IF('Standard Profiles'!$G$19=$B$24,21,0),MOD($C1009,24)+1)/SUM(INDEX($D$3:$AA$30,INDEX(Jesper!$R$2:$R$366,ROW(INDEX(Jesper!AI$2:AI$366,ROUNDDOWN($C1009/24,0)+1,1))-1)+IF('Standard Profiles'!$G$19=$B$10,7,0)+IF('Standard Profiles'!$G$19=$B$17,14,0)+IF('Standard Profiles'!$G$19=$B$24,21,0),0)),0)</f>
        <v>3.1583703004842429</v>
      </c>
      <c r="F1009" cm="1">
        <f t="array" ref="F1009">IFERROR(INDEX(Jesper!AJ$2:AJ$366,ROUNDDOWN($C1009/24,0)+1,1)*INDEX($D$3:$AA$30,INDEX(Jesper!$R$2:$R$366,ROW(INDEX(Jesper!AJ$2:AJ$366,ROUNDDOWN($C1009/24,0)+1,1))-1)+IF('Standard Profiles'!$G$20=$B$10,7,0)+IF('Standard Profiles'!$G$20=$B$17,14,0)+IF('Standard Profiles'!$G$20=$B$24,21,0),MOD($C1009,24)+1)/SUM(INDEX($D$3:$AA$30,INDEX(Jesper!$R$2:$R$366,ROW(INDEX(Jesper!AJ$2:AJ$366,ROUNDDOWN($C1009/24,0)+1,1))-1)+IF('Standard Profiles'!$G$20=$B$10,7,0)+IF('Standard Profiles'!$G$20=$B$17,14,0)+IF('Standard Profiles'!$G$20=$B$24,21,0),0)),0)</f>
        <v>0</v>
      </c>
      <c r="G1009" cm="1">
        <f t="array" ref="G1009">IFERROR(INDEX(Jesper!AK$2:AK$366,ROUNDDOWN($C1009/24,0)+1,1)*INDEX($D$3:$AA$30,INDEX(Jesper!$R$2:$R$366,ROW(INDEX(Jesper!AK$2:AK$366,ROUNDDOWN($C1009/24,0)+1,1))-1)+IF('Standard Profiles'!$G$21=$B$10,7,0)+IF('Standard Profiles'!$G$21=$B$17,14,0)+IF('Standard Profiles'!$G$21=$B$24,21,0),MOD($C1009,24)+1)/SUM(INDEX($D$3:$AA$30,INDEX(Jesper!$R$2:$R$366,ROW(INDEX(Jesper!AK$2:AK$366,ROUNDDOWN($C1009/24,0)+1,1))-1)+IF('Standard Profiles'!$G$21=$B$10,7,0)+IF('Standard Profiles'!$G$21=$B$17,14,0)+IF('Standard Profiles'!$G$21=$B$24,21,0),0)),0)</f>
        <v>0</v>
      </c>
      <c r="H1009" cm="1">
        <f t="array" ref="H1009">IFERROR(INDEX(Jesper!AL$2:AL$366,ROUNDDOWN($C1009/24,0)+1,1)*INDEX($D$3:$AA$30,INDEX(Jesper!$R$2:$R$366,ROW(INDEX(Jesper!AL$2:AL$366,ROUNDDOWN($C1009/24,0)+1,1))-1)+IF('Standard Profiles'!$G$22=$B$10,7,0)+IF('Standard Profiles'!$G$22=$B$17,14,0)+IF('Standard Profiles'!$G$22=$B$24,21,0),MOD($C1009,24)+1)/SUM(INDEX($D$3:$AA$30,INDEX(Jesper!$R$2:$R$366,ROW(INDEX(Jesper!AL$2:AL$366,ROUNDDOWN($C1009/24,0)+1,1))-1)+IF('Standard Profiles'!$G$22=$B$10,7,0)+IF('Standard Profiles'!$G$22=$B$17,14,0)+IF('Standard Profiles'!$G$22=$B$24,21,0),0)),0)</f>
        <v>0</v>
      </c>
      <c r="I1009">
        <f t="shared" si="125"/>
        <v>0.28453786490849042</v>
      </c>
      <c r="J1009">
        <f t="shared" si="126"/>
        <v>0.94845954969496826</v>
      </c>
      <c r="K1009">
        <f t="shared" si="127"/>
        <v>1.4226893245424523</v>
      </c>
      <c r="L1009">
        <f t="shared" si="128"/>
        <v>14.109416100541784</v>
      </c>
      <c r="M1009">
        <f t="shared" si="129"/>
        <v>0</v>
      </c>
      <c r="N1009" s="46">
        <f t="shared" si="130"/>
        <v>45332.624999997635</v>
      </c>
    </row>
    <row r="1010" spans="2:14" x14ac:dyDescent="0.3">
      <c r="B1010">
        <f t="shared" si="124"/>
        <v>6</v>
      </c>
      <c r="C1010" s="16">
        <v>976</v>
      </c>
      <c r="D1010" cm="1">
        <f t="array" ref="D1010">IFERROR(INDEX(Jesper!AH$2:AH$366,ROUNDDOWN($C1010/24,0)+1,1)*INDEX($D$3:$AA$30,INDEX(Jesper!$R$2:$R$366,ROW(INDEX(Jesper!AH$2:AH$366,ROUNDDOWN($C1010/24,0)+1,1))-1)+IF('Standard Profiles'!$G$18=$B$10,7,0)+IF('Standard Profiles'!$G$18=$B$17,14,0)+IF('Standard Profiles'!$G$18=$B$24,21,0),MOD($C1010,24)+1)/SUM(INDEX($D$3:$AA$30,INDEX(Jesper!$R$2:$R$366,ROW(INDEX(Jesper!AH$2:AH$366,ROUNDDOWN($C1010/24,0)+1,1))-1)+IF('Standard Profiles'!$G$18=$B$10,7,0)+IF('Standard Profiles'!$G$18=$B$17,14,0)+IF('Standard Profiles'!$G$18=$B$24,21,0),0)),0)</f>
        <v>12.369756853821322</v>
      </c>
      <c r="E1010" cm="1">
        <f t="array" ref="E1010">IFERROR(INDEX(Jesper!AI$2:AI$366,ROUNDDOWN($C1010/24,0)+1,1)*INDEX($D$3:$AA$30,INDEX(Jesper!$R$2:$R$366,ROW(INDEX(Jesper!AI$2:AI$366,ROUNDDOWN($C1010/24,0)+1,1))-1)+IF('Standard Profiles'!$G$19=$B$10,7,0)+IF('Standard Profiles'!$G$19=$B$17,14,0)+IF('Standard Profiles'!$G$19=$B$24,21,0),MOD($C1010,24)+1)/SUM(INDEX($D$3:$AA$30,INDEX(Jesper!$R$2:$R$366,ROW(INDEX(Jesper!AI$2:AI$366,ROUNDDOWN($C1010/24,0)+1,1))-1)+IF('Standard Profiles'!$G$19=$B$10,7,0)+IF('Standard Profiles'!$G$19=$B$17,14,0)+IF('Standard Profiles'!$G$19=$B$24,21,0),0)),0)</f>
        <v>2.8712457277129482</v>
      </c>
      <c r="F1010" cm="1">
        <f t="array" ref="F1010">IFERROR(INDEX(Jesper!AJ$2:AJ$366,ROUNDDOWN($C1010/24,0)+1,1)*INDEX($D$3:$AA$30,INDEX(Jesper!$R$2:$R$366,ROW(INDEX(Jesper!AJ$2:AJ$366,ROUNDDOWN($C1010/24,0)+1,1))-1)+IF('Standard Profiles'!$G$20=$B$10,7,0)+IF('Standard Profiles'!$G$20=$B$17,14,0)+IF('Standard Profiles'!$G$20=$B$24,21,0),MOD($C1010,24)+1)/SUM(INDEX($D$3:$AA$30,INDEX(Jesper!$R$2:$R$366,ROW(INDEX(Jesper!AJ$2:AJ$366,ROUNDDOWN($C1010/24,0)+1,1))-1)+IF('Standard Profiles'!$G$20=$B$10,7,0)+IF('Standard Profiles'!$G$20=$B$17,14,0)+IF('Standard Profiles'!$G$20=$B$24,21,0),0)),0)</f>
        <v>0</v>
      </c>
      <c r="G1010" cm="1">
        <f t="array" ref="G1010">IFERROR(INDEX(Jesper!AK$2:AK$366,ROUNDDOWN($C1010/24,0)+1,1)*INDEX($D$3:$AA$30,INDEX(Jesper!$R$2:$R$366,ROW(INDEX(Jesper!AK$2:AK$366,ROUNDDOWN($C1010/24,0)+1,1))-1)+IF('Standard Profiles'!$G$21=$B$10,7,0)+IF('Standard Profiles'!$G$21=$B$17,14,0)+IF('Standard Profiles'!$G$21=$B$24,21,0),MOD($C1010,24)+1)/SUM(INDEX($D$3:$AA$30,INDEX(Jesper!$R$2:$R$366,ROW(INDEX(Jesper!AK$2:AK$366,ROUNDDOWN($C1010/24,0)+1,1))-1)+IF('Standard Profiles'!$G$21=$B$10,7,0)+IF('Standard Profiles'!$G$21=$B$17,14,0)+IF('Standard Profiles'!$G$21=$B$24,21,0),0)),0)</f>
        <v>0</v>
      </c>
      <c r="H1010" cm="1">
        <f t="array" ref="H1010">IFERROR(INDEX(Jesper!AL$2:AL$366,ROUNDDOWN($C1010/24,0)+1,1)*INDEX($D$3:$AA$30,INDEX(Jesper!$R$2:$R$366,ROW(INDEX(Jesper!AL$2:AL$366,ROUNDDOWN($C1010/24,0)+1,1))-1)+IF('Standard Profiles'!$G$22=$B$10,7,0)+IF('Standard Profiles'!$G$22=$B$17,14,0)+IF('Standard Profiles'!$G$22=$B$24,21,0),MOD($C1010,24)+1)/SUM(INDEX($D$3:$AA$30,INDEX(Jesper!$R$2:$R$366,ROW(INDEX(Jesper!AL$2:AL$366,ROUNDDOWN($C1010/24,0)+1,1))-1)+IF('Standard Profiles'!$G$22=$B$10,7,0)+IF('Standard Profiles'!$G$22=$B$17,14,0)+IF('Standard Profiles'!$G$22=$B$24,21,0),0)),0)</f>
        <v>0</v>
      </c>
      <c r="I1010">
        <f t="shared" si="125"/>
        <v>0.25867078628044587</v>
      </c>
      <c r="J1010">
        <f t="shared" si="126"/>
        <v>0.86223595426815292</v>
      </c>
      <c r="K1010">
        <f t="shared" si="127"/>
        <v>1.2933539314022293</v>
      </c>
      <c r="L1010">
        <f t="shared" si="128"/>
        <v>12.826741909583442</v>
      </c>
      <c r="M1010">
        <f t="shared" si="129"/>
        <v>0</v>
      </c>
      <c r="N1010" s="46">
        <f t="shared" si="130"/>
        <v>45332.6666666643</v>
      </c>
    </row>
    <row r="1011" spans="2:14" x14ac:dyDescent="0.3">
      <c r="B1011">
        <f t="shared" si="124"/>
        <v>6</v>
      </c>
      <c r="C1011" s="16">
        <v>977</v>
      </c>
      <c r="D1011" cm="1">
        <f t="array" ref="D1011">IFERROR(INDEX(Jesper!AH$2:AH$366,ROUNDDOWN($C1011/24,0)+1,1)*INDEX($D$3:$AA$30,INDEX(Jesper!$R$2:$R$366,ROW(INDEX(Jesper!AH$2:AH$366,ROUNDDOWN($C1011/24,0)+1,1))-1)+IF('Standard Profiles'!$G$18=$B$10,7,0)+IF('Standard Profiles'!$G$18=$B$17,14,0)+IF('Standard Profiles'!$G$18=$B$24,21,0),MOD($C1011,24)+1)/SUM(INDEX($D$3:$AA$30,INDEX(Jesper!$R$2:$R$366,ROW(INDEX(Jesper!AH$2:AH$366,ROUNDDOWN($C1011/24,0)+1,1))-1)+IF('Standard Profiles'!$G$18=$B$10,7,0)+IF('Standard Profiles'!$G$18=$B$17,14,0)+IF('Standard Profiles'!$G$18=$B$24,21,0),0)),0)</f>
        <v>11.132781168439191</v>
      </c>
      <c r="E1011" cm="1">
        <f t="array" ref="E1011">IFERROR(INDEX(Jesper!AI$2:AI$366,ROUNDDOWN($C1011/24,0)+1,1)*INDEX($D$3:$AA$30,INDEX(Jesper!$R$2:$R$366,ROW(INDEX(Jesper!AI$2:AI$366,ROUNDDOWN($C1011/24,0)+1,1))-1)+IF('Standard Profiles'!$G$19=$B$10,7,0)+IF('Standard Profiles'!$G$19=$B$17,14,0)+IF('Standard Profiles'!$G$19=$B$24,21,0),MOD($C1011,24)+1)/SUM(INDEX($D$3:$AA$30,INDEX(Jesper!$R$2:$R$366,ROW(INDEX(Jesper!AI$2:AI$366,ROUNDDOWN($C1011/24,0)+1,1))-1)+IF('Standard Profiles'!$G$19=$B$10,7,0)+IF('Standard Profiles'!$G$19=$B$17,14,0)+IF('Standard Profiles'!$G$19=$B$24,21,0),0)),0)</f>
        <v>2.5841211549416534</v>
      </c>
      <c r="F1011" cm="1">
        <f t="array" ref="F1011">IFERROR(INDEX(Jesper!AJ$2:AJ$366,ROUNDDOWN($C1011/24,0)+1,1)*INDEX($D$3:$AA$30,INDEX(Jesper!$R$2:$R$366,ROW(INDEX(Jesper!AJ$2:AJ$366,ROUNDDOWN($C1011/24,0)+1,1))-1)+IF('Standard Profiles'!$G$20=$B$10,7,0)+IF('Standard Profiles'!$G$20=$B$17,14,0)+IF('Standard Profiles'!$G$20=$B$24,21,0),MOD($C1011,24)+1)/SUM(INDEX($D$3:$AA$30,INDEX(Jesper!$R$2:$R$366,ROW(INDEX(Jesper!AJ$2:AJ$366,ROUNDDOWN($C1011/24,0)+1,1))-1)+IF('Standard Profiles'!$G$20=$B$10,7,0)+IF('Standard Profiles'!$G$20=$B$17,14,0)+IF('Standard Profiles'!$G$20=$B$24,21,0),0)),0)</f>
        <v>0</v>
      </c>
      <c r="G1011" cm="1">
        <f t="array" ref="G1011">IFERROR(INDEX(Jesper!AK$2:AK$366,ROUNDDOWN($C1011/24,0)+1,1)*INDEX($D$3:$AA$30,INDEX(Jesper!$R$2:$R$366,ROW(INDEX(Jesper!AK$2:AK$366,ROUNDDOWN($C1011/24,0)+1,1))-1)+IF('Standard Profiles'!$G$21=$B$10,7,0)+IF('Standard Profiles'!$G$21=$B$17,14,0)+IF('Standard Profiles'!$G$21=$B$24,21,0),MOD($C1011,24)+1)/SUM(INDEX($D$3:$AA$30,INDEX(Jesper!$R$2:$R$366,ROW(INDEX(Jesper!AK$2:AK$366,ROUNDDOWN($C1011/24,0)+1,1))-1)+IF('Standard Profiles'!$G$21=$B$10,7,0)+IF('Standard Profiles'!$G$21=$B$17,14,0)+IF('Standard Profiles'!$G$21=$B$24,21,0),0)),0)</f>
        <v>0</v>
      </c>
      <c r="H1011" cm="1">
        <f t="array" ref="H1011">IFERROR(INDEX(Jesper!AL$2:AL$366,ROUNDDOWN($C1011/24,0)+1,1)*INDEX($D$3:$AA$30,INDEX(Jesper!$R$2:$R$366,ROW(INDEX(Jesper!AL$2:AL$366,ROUNDDOWN($C1011/24,0)+1,1))-1)+IF('Standard Profiles'!$G$22=$B$10,7,0)+IF('Standard Profiles'!$G$22=$B$17,14,0)+IF('Standard Profiles'!$G$22=$B$24,21,0),MOD($C1011,24)+1)/SUM(INDEX($D$3:$AA$30,INDEX(Jesper!$R$2:$R$366,ROW(INDEX(Jesper!AL$2:AL$366,ROUNDDOWN($C1011/24,0)+1,1))-1)+IF('Standard Profiles'!$G$22=$B$10,7,0)+IF('Standard Profiles'!$G$22=$B$17,14,0)+IF('Standard Profiles'!$G$22=$B$24,21,0),0)),0)</f>
        <v>0</v>
      </c>
      <c r="I1011">
        <f t="shared" si="125"/>
        <v>0.23280370765240127</v>
      </c>
      <c r="J1011">
        <f t="shared" si="126"/>
        <v>0.77601235884133768</v>
      </c>
      <c r="K1011">
        <f t="shared" si="127"/>
        <v>1.1640185382620065</v>
      </c>
      <c r="L1011">
        <f t="shared" si="128"/>
        <v>11.544067718625099</v>
      </c>
      <c r="M1011">
        <f t="shared" si="129"/>
        <v>0</v>
      </c>
      <c r="N1011" s="46">
        <f t="shared" si="130"/>
        <v>45332.708333330964</v>
      </c>
    </row>
    <row r="1012" spans="2:14" x14ac:dyDescent="0.3">
      <c r="B1012">
        <f t="shared" si="124"/>
        <v>6</v>
      </c>
      <c r="C1012" s="16">
        <v>978</v>
      </c>
      <c r="D1012" cm="1">
        <f t="array" ref="D1012">IFERROR(INDEX(Jesper!AH$2:AH$366,ROUNDDOWN($C1012/24,0)+1,1)*INDEX($D$3:$AA$30,INDEX(Jesper!$R$2:$R$366,ROW(INDEX(Jesper!AH$2:AH$366,ROUNDDOWN($C1012/24,0)+1,1))-1)+IF('Standard Profiles'!$G$18=$B$10,7,0)+IF('Standard Profiles'!$G$18=$B$17,14,0)+IF('Standard Profiles'!$G$18=$B$24,21,0),MOD($C1012,24)+1)/SUM(INDEX($D$3:$AA$30,INDEX(Jesper!$R$2:$R$366,ROW(INDEX(Jesper!AH$2:AH$366,ROUNDDOWN($C1012/24,0)+1,1))-1)+IF('Standard Profiles'!$G$18=$B$10,7,0)+IF('Standard Profiles'!$G$18=$B$17,14,0)+IF('Standard Profiles'!$G$18=$B$24,21,0),0)),0)</f>
        <v>10.720455939978478</v>
      </c>
      <c r="E1012" cm="1">
        <f t="array" ref="E1012">IFERROR(INDEX(Jesper!AI$2:AI$366,ROUNDDOWN($C1012/24,0)+1,1)*INDEX($D$3:$AA$30,INDEX(Jesper!$R$2:$R$366,ROW(INDEX(Jesper!AI$2:AI$366,ROUNDDOWN($C1012/24,0)+1,1))-1)+IF('Standard Profiles'!$G$19=$B$10,7,0)+IF('Standard Profiles'!$G$19=$B$17,14,0)+IF('Standard Profiles'!$G$19=$B$24,21,0),MOD($C1012,24)+1)/SUM(INDEX($D$3:$AA$30,INDEX(Jesper!$R$2:$R$366,ROW(INDEX(Jesper!AI$2:AI$366,ROUNDDOWN($C1012/24,0)+1,1))-1)+IF('Standard Profiles'!$G$19=$B$10,7,0)+IF('Standard Profiles'!$G$19=$B$17,14,0)+IF('Standard Profiles'!$G$19=$B$24,21,0),0)),0)</f>
        <v>2.4884129640178885</v>
      </c>
      <c r="F1012" cm="1">
        <f t="array" ref="F1012">IFERROR(INDEX(Jesper!AJ$2:AJ$366,ROUNDDOWN($C1012/24,0)+1,1)*INDEX($D$3:$AA$30,INDEX(Jesper!$R$2:$R$366,ROW(INDEX(Jesper!AJ$2:AJ$366,ROUNDDOWN($C1012/24,0)+1,1))-1)+IF('Standard Profiles'!$G$20=$B$10,7,0)+IF('Standard Profiles'!$G$20=$B$17,14,0)+IF('Standard Profiles'!$G$20=$B$24,21,0),MOD($C1012,24)+1)/SUM(INDEX($D$3:$AA$30,INDEX(Jesper!$R$2:$R$366,ROW(INDEX(Jesper!AJ$2:AJ$366,ROUNDDOWN($C1012/24,0)+1,1))-1)+IF('Standard Profiles'!$G$20=$B$10,7,0)+IF('Standard Profiles'!$G$20=$B$17,14,0)+IF('Standard Profiles'!$G$20=$B$24,21,0),0)),0)</f>
        <v>0</v>
      </c>
      <c r="G1012" cm="1">
        <f t="array" ref="G1012">IFERROR(INDEX(Jesper!AK$2:AK$366,ROUNDDOWN($C1012/24,0)+1,1)*INDEX($D$3:$AA$30,INDEX(Jesper!$R$2:$R$366,ROW(INDEX(Jesper!AK$2:AK$366,ROUNDDOWN($C1012/24,0)+1,1))-1)+IF('Standard Profiles'!$G$21=$B$10,7,0)+IF('Standard Profiles'!$G$21=$B$17,14,0)+IF('Standard Profiles'!$G$21=$B$24,21,0),MOD($C1012,24)+1)/SUM(INDEX($D$3:$AA$30,INDEX(Jesper!$R$2:$R$366,ROW(INDEX(Jesper!AK$2:AK$366,ROUNDDOWN($C1012/24,0)+1,1))-1)+IF('Standard Profiles'!$G$21=$B$10,7,0)+IF('Standard Profiles'!$G$21=$B$17,14,0)+IF('Standard Profiles'!$G$21=$B$24,21,0),0)),0)</f>
        <v>0</v>
      </c>
      <c r="H1012" cm="1">
        <f t="array" ref="H1012">IFERROR(INDEX(Jesper!AL$2:AL$366,ROUNDDOWN($C1012/24,0)+1,1)*INDEX($D$3:$AA$30,INDEX(Jesper!$R$2:$R$366,ROW(INDEX(Jesper!AL$2:AL$366,ROUNDDOWN($C1012/24,0)+1,1))-1)+IF('Standard Profiles'!$G$22=$B$10,7,0)+IF('Standard Profiles'!$G$22=$B$17,14,0)+IF('Standard Profiles'!$G$22=$B$24,21,0),MOD($C1012,24)+1)/SUM(INDEX($D$3:$AA$30,INDEX(Jesper!$R$2:$R$366,ROW(INDEX(Jesper!AL$2:AL$366,ROUNDDOWN($C1012/24,0)+1,1))-1)+IF('Standard Profiles'!$G$22=$B$10,7,0)+IF('Standard Profiles'!$G$22=$B$17,14,0)+IF('Standard Profiles'!$G$22=$B$24,21,0),0)),0)</f>
        <v>0</v>
      </c>
      <c r="I1012">
        <f t="shared" si="125"/>
        <v>0.22418134810971974</v>
      </c>
      <c r="J1012">
        <f t="shared" si="126"/>
        <v>0.7472711603657326</v>
      </c>
      <c r="K1012">
        <f t="shared" si="127"/>
        <v>1.1209067405485988</v>
      </c>
      <c r="L1012">
        <f t="shared" si="128"/>
        <v>11.116509654972315</v>
      </c>
      <c r="M1012">
        <f t="shared" si="129"/>
        <v>0</v>
      </c>
      <c r="N1012" s="46">
        <f t="shared" si="130"/>
        <v>45332.749999997628</v>
      </c>
    </row>
    <row r="1013" spans="2:14" x14ac:dyDescent="0.3">
      <c r="B1013">
        <f t="shared" si="124"/>
        <v>6</v>
      </c>
      <c r="C1013" s="16">
        <v>979</v>
      </c>
      <c r="D1013" cm="1">
        <f t="array" ref="D1013">IFERROR(INDEX(Jesper!AH$2:AH$366,ROUNDDOWN($C1013/24,0)+1,1)*INDEX($D$3:$AA$30,INDEX(Jesper!$R$2:$R$366,ROW(INDEX(Jesper!AH$2:AH$366,ROUNDDOWN($C1013/24,0)+1,1))-1)+IF('Standard Profiles'!$G$18=$B$10,7,0)+IF('Standard Profiles'!$G$18=$B$17,14,0)+IF('Standard Profiles'!$G$18=$B$24,21,0),MOD($C1013,24)+1)/SUM(INDEX($D$3:$AA$30,INDEX(Jesper!$R$2:$R$366,ROW(INDEX(Jesper!AH$2:AH$366,ROUNDDOWN($C1013/24,0)+1,1))-1)+IF('Standard Profiles'!$G$18=$B$10,7,0)+IF('Standard Profiles'!$G$18=$B$17,14,0)+IF('Standard Profiles'!$G$18=$B$24,21,0),0)),0)</f>
        <v>8.6588297976749242</v>
      </c>
      <c r="E1013" cm="1">
        <f t="array" ref="E1013">IFERROR(INDEX(Jesper!AI$2:AI$366,ROUNDDOWN($C1013/24,0)+1,1)*INDEX($D$3:$AA$30,INDEX(Jesper!$R$2:$R$366,ROW(INDEX(Jesper!AI$2:AI$366,ROUNDDOWN($C1013/24,0)+1,1))-1)+IF('Standard Profiles'!$G$19=$B$10,7,0)+IF('Standard Profiles'!$G$19=$B$17,14,0)+IF('Standard Profiles'!$G$19=$B$24,21,0),MOD($C1013,24)+1)/SUM(INDEX($D$3:$AA$30,INDEX(Jesper!$R$2:$R$366,ROW(INDEX(Jesper!AI$2:AI$366,ROUNDDOWN($C1013/24,0)+1,1))-1)+IF('Standard Profiles'!$G$19=$B$10,7,0)+IF('Standard Profiles'!$G$19=$B$17,14,0)+IF('Standard Profiles'!$G$19=$B$24,21,0),0)),0)</f>
        <v>2.0098720093990639</v>
      </c>
      <c r="F1013" cm="1">
        <f t="array" ref="F1013">IFERROR(INDEX(Jesper!AJ$2:AJ$366,ROUNDDOWN($C1013/24,0)+1,1)*INDEX($D$3:$AA$30,INDEX(Jesper!$R$2:$R$366,ROW(INDEX(Jesper!AJ$2:AJ$366,ROUNDDOWN($C1013/24,0)+1,1))-1)+IF('Standard Profiles'!$G$20=$B$10,7,0)+IF('Standard Profiles'!$G$20=$B$17,14,0)+IF('Standard Profiles'!$G$20=$B$24,21,0),MOD($C1013,24)+1)/SUM(INDEX($D$3:$AA$30,INDEX(Jesper!$R$2:$R$366,ROW(INDEX(Jesper!AJ$2:AJ$366,ROUNDDOWN($C1013/24,0)+1,1))-1)+IF('Standard Profiles'!$G$20=$B$10,7,0)+IF('Standard Profiles'!$G$20=$B$17,14,0)+IF('Standard Profiles'!$G$20=$B$24,21,0),0)),0)</f>
        <v>0</v>
      </c>
      <c r="G1013" cm="1">
        <f t="array" ref="G1013">IFERROR(INDEX(Jesper!AK$2:AK$366,ROUNDDOWN($C1013/24,0)+1,1)*INDEX($D$3:$AA$30,INDEX(Jesper!$R$2:$R$366,ROW(INDEX(Jesper!AK$2:AK$366,ROUNDDOWN($C1013/24,0)+1,1))-1)+IF('Standard Profiles'!$G$21=$B$10,7,0)+IF('Standard Profiles'!$G$21=$B$17,14,0)+IF('Standard Profiles'!$G$21=$B$24,21,0),MOD($C1013,24)+1)/SUM(INDEX($D$3:$AA$30,INDEX(Jesper!$R$2:$R$366,ROW(INDEX(Jesper!AK$2:AK$366,ROUNDDOWN($C1013/24,0)+1,1))-1)+IF('Standard Profiles'!$G$21=$B$10,7,0)+IF('Standard Profiles'!$G$21=$B$17,14,0)+IF('Standard Profiles'!$G$21=$B$24,21,0),0)),0)</f>
        <v>0</v>
      </c>
      <c r="H1013" cm="1">
        <f t="array" ref="H1013">IFERROR(INDEX(Jesper!AL$2:AL$366,ROUNDDOWN($C1013/24,0)+1,1)*INDEX($D$3:$AA$30,INDEX(Jesper!$R$2:$R$366,ROW(INDEX(Jesper!AL$2:AL$366,ROUNDDOWN($C1013/24,0)+1,1))-1)+IF('Standard Profiles'!$G$22=$B$10,7,0)+IF('Standard Profiles'!$G$22=$B$17,14,0)+IF('Standard Profiles'!$G$22=$B$24,21,0),MOD($C1013,24)+1)/SUM(INDEX($D$3:$AA$30,INDEX(Jesper!$R$2:$R$366,ROW(INDEX(Jesper!AL$2:AL$366,ROUNDDOWN($C1013/24,0)+1,1))-1)+IF('Standard Profiles'!$G$22=$B$10,7,0)+IF('Standard Profiles'!$G$22=$B$17,14,0)+IF('Standard Profiles'!$G$22=$B$24,21,0),0)),0)</f>
        <v>0</v>
      </c>
      <c r="I1013">
        <f t="shared" si="125"/>
        <v>0.18106955039631212</v>
      </c>
      <c r="J1013">
        <f t="shared" si="126"/>
        <v>0.6035651679877071</v>
      </c>
      <c r="K1013">
        <f t="shared" si="127"/>
        <v>0.90534775198156059</v>
      </c>
      <c r="L1013">
        <f t="shared" si="128"/>
        <v>8.9787193367084086</v>
      </c>
      <c r="M1013">
        <f t="shared" si="129"/>
        <v>0</v>
      </c>
      <c r="N1013" s="46">
        <f t="shared" si="130"/>
        <v>45332.791666664292</v>
      </c>
    </row>
    <row r="1014" spans="2:14" x14ac:dyDescent="0.3">
      <c r="B1014">
        <f t="shared" si="124"/>
        <v>6</v>
      </c>
      <c r="C1014" s="16">
        <v>980</v>
      </c>
      <c r="D1014" cm="1">
        <f t="array" ref="D1014">IFERROR(INDEX(Jesper!AH$2:AH$366,ROUNDDOWN($C1014/24,0)+1,1)*INDEX($D$3:$AA$30,INDEX(Jesper!$R$2:$R$366,ROW(INDEX(Jesper!AH$2:AH$366,ROUNDDOWN($C1014/24,0)+1,1))-1)+IF('Standard Profiles'!$G$18=$B$10,7,0)+IF('Standard Profiles'!$G$18=$B$17,14,0)+IF('Standard Profiles'!$G$18=$B$24,21,0),MOD($C1014,24)+1)/SUM(INDEX($D$3:$AA$30,INDEX(Jesper!$R$2:$R$366,ROW(INDEX(Jesper!AH$2:AH$366,ROUNDDOWN($C1014/24,0)+1,1))-1)+IF('Standard Profiles'!$G$18=$B$10,7,0)+IF('Standard Profiles'!$G$18=$B$17,14,0)+IF('Standard Profiles'!$G$18=$B$24,21,0),0)),0)</f>
        <v>6.3910410411410155</v>
      </c>
      <c r="E1014" cm="1">
        <f t="array" ref="E1014">IFERROR(INDEX(Jesper!AI$2:AI$366,ROUNDDOWN($C1014/24,0)+1,1)*INDEX($D$3:$AA$30,INDEX(Jesper!$R$2:$R$366,ROW(INDEX(Jesper!AI$2:AI$366,ROUNDDOWN($C1014/24,0)+1,1))-1)+IF('Standard Profiles'!$G$19=$B$10,7,0)+IF('Standard Profiles'!$G$19=$B$17,14,0)+IF('Standard Profiles'!$G$19=$B$24,21,0),MOD($C1014,24)+1)/SUM(INDEX($D$3:$AA$30,INDEX(Jesper!$R$2:$R$366,ROW(INDEX(Jesper!AI$2:AI$366,ROUNDDOWN($C1014/24,0)+1,1))-1)+IF('Standard Profiles'!$G$19=$B$10,7,0)+IF('Standard Profiles'!$G$19=$B$17,14,0)+IF('Standard Profiles'!$G$19=$B$24,21,0),0)),0)</f>
        <v>1.4834769593183565</v>
      </c>
      <c r="F1014" cm="1">
        <f t="array" ref="F1014">IFERROR(INDEX(Jesper!AJ$2:AJ$366,ROUNDDOWN($C1014/24,0)+1,1)*INDEX($D$3:$AA$30,INDEX(Jesper!$R$2:$R$366,ROW(INDEX(Jesper!AJ$2:AJ$366,ROUNDDOWN($C1014/24,0)+1,1))-1)+IF('Standard Profiles'!$G$20=$B$10,7,0)+IF('Standard Profiles'!$G$20=$B$17,14,0)+IF('Standard Profiles'!$G$20=$B$24,21,0),MOD($C1014,24)+1)/SUM(INDEX($D$3:$AA$30,INDEX(Jesper!$R$2:$R$366,ROW(INDEX(Jesper!AJ$2:AJ$366,ROUNDDOWN($C1014/24,0)+1,1))-1)+IF('Standard Profiles'!$G$20=$B$10,7,0)+IF('Standard Profiles'!$G$20=$B$17,14,0)+IF('Standard Profiles'!$G$20=$B$24,21,0),0)),0)</f>
        <v>0</v>
      </c>
      <c r="G1014" cm="1">
        <f t="array" ref="G1014">IFERROR(INDEX(Jesper!AK$2:AK$366,ROUNDDOWN($C1014/24,0)+1,1)*INDEX($D$3:$AA$30,INDEX(Jesper!$R$2:$R$366,ROW(INDEX(Jesper!AK$2:AK$366,ROUNDDOWN($C1014/24,0)+1,1))-1)+IF('Standard Profiles'!$G$21=$B$10,7,0)+IF('Standard Profiles'!$G$21=$B$17,14,0)+IF('Standard Profiles'!$G$21=$B$24,21,0),MOD($C1014,24)+1)/SUM(INDEX($D$3:$AA$30,INDEX(Jesper!$R$2:$R$366,ROW(INDEX(Jesper!AK$2:AK$366,ROUNDDOWN($C1014/24,0)+1,1))-1)+IF('Standard Profiles'!$G$21=$B$10,7,0)+IF('Standard Profiles'!$G$21=$B$17,14,0)+IF('Standard Profiles'!$G$21=$B$24,21,0),0)),0)</f>
        <v>0</v>
      </c>
      <c r="H1014" cm="1">
        <f t="array" ref="H1014">IFERROR(INDEX(Jesper!AL$2:AL$366,ROUNDDOWN($C1014/24,0)+1,1)*INDEX($D$3:$AA$30,INDEX(Jesper!$R$2:$R$366,ROW(INDEX(Jesper!AL$2:AL$366,ROUNDDOWN($C1014/24,0)+1,1))-1)+IF('Standard Profiles'!$G$22=$B$10,7,0)+IF('Standard Profiles'!$G$22=$B$17,14,0)+IF('Standard Profiles'!$G$22=$B$24,21,0),MOD($C1014,24)+1)/SUM(INDEX($D$3:$AA$30,INDEX(Jesper!$R$2:$R$366,ROW(INDEX(Jesper!AL$2:AL$366,ROUNDDOWN($C1014/24,0)+1,1))-1)+IF('Standard Profiles'!$G$22=$B$10,7,0)+IF('Standard Profiles'!$G$22=$B$17,14,0)+IF('Standard Profiles'!$G$22=$B$24,21,0),0)),0)</f>
        <v>0</v>
      </c>
      <c r="I1014">
        <f t="shared" si="125"/>
        <v>0.13364657291156368</v>
      </c>
      <c r="J1014">
        <f t="shared" si="126"/>
        <v>0.445488576371879</v>
      </c>
      <c r="K1014">
        <f t="shared" si="127"/>
        <v>0.6682328645578185</v>
      </c>
      <c r="L1014">
        <f t="shared" si="128"/>
        <v>6.6271499866181109</v>
      </c>
      <c r="M1014">
        <f t="shared" si="129"/>
        <v>0</v>
      </c>
      <c r="N1014" s="46">
        <f t="shared" si="130"/>
        <v>45332.833333330957</v>
      </c>
    </row>
    <row r="1015" spans="2:14" x14ac:dyDescent="0.3">
      <c r="B1015">
        <f t="shared" si="124"/>
        <v>6</v>
      </c>
      <c r="C1015" s="16">
        <v>981</v>
      </c>
      <c r="D1015" cm="1">
        <f t="array" ref="D1015">IFERROR(INDEX(Jesper!AH$2:AH$366,ROUNDDOWN($C1015/24,0)+1,1)*INDEX($D$3:$AA$30,INDEX(Jesper!$R$2:$R$366,ROW(INDEX(Jesper!AH$2:AH$366,ROUNDDOWN($C1015/24,0)+1,1))-1)+IF('Standard Profiles'!$G$18=$B$10,7,0)+IF('Standard Profiles'!$G$18=$B$17,14,0)+IF('Standard Profiles'!$G$18=$B$24,21,0),MOD($C1015,24)+1)/SUM(INDEX($D$3:$AA$30,INDEX(Jesper!$R$2:$R$366,ROW(INDEX(Jesper!AH$2:AH$366,ROUNDDOWN($C1015/24,0)+1,1))-1)+IF('Standard Profiles'!$G$18=$B$10,7,0)+IF('Standard Profiles'!$G$18=$B$17,14,0)+IF('Standard Profiles'!$G$18=$B$24,21,0),0)),0)</f>
        <v>6.3910410411410155</v>
      </c>
      <c r="E1015" cm="1">
        <f t="array" ref="E1015">IFERROR(INDEX(Jesper!AI$2:AI$366,ROUNDDOWN($C1015/24,0)+1,1)*INDEX($D$3:$AA$30,INDEX(Jesper!$R$2:$R$366,ROW(INDEX(Jesper!AI$2:AI$366,ROUNDDOWN($C1015/24,0)+1,1))-1)+IF('Standard Profiles'!$G$19=$B$10,7,0)+IF('Standard Profiles'!$G$19=$B$17,14,0)+IF('Standard Profiles'!$G$19=$B$24,21,0),MOD($C1015,24)+1)/SUM(INDEX($D$3:$AA$30,INDEX(Jesper!$R$2:$R$366,ROW(INDEX(Jesper!AI$2:AI$366,ROUNDDOWN($C1015/24,0)+1,1))-1)+IF('Standard Profiles'!$G$19=$B$10,7,0)+IF('Standard Profiles'!$G$19=$B$17,14,0)+IF('Standard Profiles'!$G$19=$B$24,21,0),0)),0)</f>
        <v>1.4834769593183565</v>
      </c>
      <c r="F1015" cm="1">
        <f t="array" ref="F1015">IFERROR(INDEX(Jesper!AJ$2:AJ$366,ROUNDDOWN($C1015/24,0)+1,1)*INDEX($D$3:$AA$30,INDEX(Jesper!$R$2:$R$366,ROW(INDEX(Jesper!AJ$2:AJ$366,ROUNDDOWN($C1015/24,0)+1,1))-1)+IF('Standard Profiles'!$G$20=$B$10,7,0)+IF('Standard Profiles'!$G$20=$B$17,14,0)+IF('Standard Profiles'!$G$20=$B$24,21,0),MOD($C1015,24)+1)/SUM(INDEX($D$3:$AA$30,INDEX(Jesper!$R$2:$R$366,ROW(INDEX(Jesper!AJ$2:AJ$366,ROUNDDOWN($C1015/24,0)+1,1))-1)+IF('Standard Profiles'!$G$20=$B$10,7,0)+IF('Standard Profiles'!$G$20=$B$17,14,0)+IF('Standard Profiles'!$G$20=$B$24,21,0),0)),0)</f>
        <v>0</v>
      </c>
      <c r="G1015" cm="1">
        <f t="array" ref="G1015">IFERROR(INDEX(Jesper!AK$2:AK$366,ROUNDDOWN($C1015/24,0)+1,1)*INDEX($D$3:$AA$30,INDEX(Jesper!$R$2:$R$366,ROW(INDEX(Jesper!AK$2:AK$366,ROUNDDOWN($C1015/24,0)+1,1))-1)+IF('Standard Profiles'!$G$21=$B$10,7,0)+IF('Standard Profiles'!$G$21=$B$17,14,0)+IF('Standard Profiles'!$G$21=$B$24,21,0),MOD($C1015,24)+1)/SUM(INDEX($D$3:$AA$30,INDEX(Jesper!$R$2:$R$366,ROW(INDEX(Jesper!AK$2:AK$366,ROUNDDOWN($C1015/24,0)+1,1))-1)+IF('Standard Profiles'!$G$21=$B$10,7,0)+IF('Standard Profiles'!$G$21=$B$17,14,0)+IF('Standard Profiles'!$G$21=$B$24,21,0),0)),0)</f>
        <v>0</v>
      </c>
      <c r="H1015" cm="1">
        <f t="array" ref="H1015">IFERROR(INDEX(Jesper!AL$2:AL$366,ROUNDDOWN($C1015/24,0)+1,1)*INDEX($D$3:$AA$30,INDEX(Jesper!$R$2:$R$366,ROW(INDEX(Jesper!AL$2:AL$366,ROUNDDOWN($C1015/24,0)+1,1))-1)+IF('Standard Profiles'!$G$22=$B$10,7,0)+IF('Standard Profiles'!$G$22=$B$17,14,0)+IF('Standard Profiles'!$G$22=$B$24,21,0),MOD($C1015,24)+1)/SUM(INDEX($D$3:$AA$30,INDEX(Jesper!$R$2:$R$366,ROW(INDEX(Jesper!AL$2:AL$366,ROUNDDOWN($C1015/24,0)+1,1))-1)+IF('Standard Profiles'!$G$22=$B$10,7,0)+IF('Standard Profiles'!$G$22=$B$17,14,0)+IF('Standard Profiles'!$G$22=$B$24,21,0),0)),0)</f>
        <v>0</v>
      </c>
      <c r="I1015">
        <f t="shared" si="125"/>
        <v>0.13364657291156368</v>
      </c>
      <c r="J1015">
        <f t="shared" si="126"/>
        <v>0.445488576371879</v>
      </c>
      <c r="K1015">
        <f t="shared" si="127"/>
        <v>0.6682328645578185</v>
      </c>
      <c r="L1015">
        <f t="shared" si="128"/>
        <v>6.6271499866181109</v>
      </c>
      <c r="M1015">
        <f t="shared" si="129"/>
        <v>0</v>
      </c>
      <c r="N1015" s="46">
        <f t="shared" si="130"/>
        <v>45332.874999997621</v>
      </c>
    </row>
    <row r="1016" spans="2:14" x14ac:dyDescent="0.3">
      <c r="B1016">
        <f t="shared" si="124"/>
        <v>6</v>
      </c>
      <c r="C1016" s="16">
        <v>982</v>
      </c>
      <c r="D1016" cm="1">
        <f t="array" ref="D1016">IFERROR(INDEX(Jesper!AH$2:AH$366,ROUNDDOWN($C1016/24,0)+1,1)*INDEX($D$3:$AA$30,INDEX(Jesper!$R$2:$R$366,ROW(INDEX(Jesper!AH$2:AH$366,ROUNDDOWN($C1016/24,0)+1,1))-1)+IF('Standard Profiles'!$G$18=$B$10,7,0)+IF('Standard Profiles'!$G$18=$B$17,14,0)+IF('Standard Profiles'!$G$18=$B$24,21,0),MOD($C1016,24)+1)/SUM(INDEX($D$3:$AA$30,INDEX(Jesper!$R$2:$R$366,ROW(INDEX(Jesper!AH$2:AH$366,ROUNDDOWN($C1016/24,0)+1,1))-1)+IF('Standard Profiles'!$G$18=$B$10,7,0)+IF('Standard Profiles'!$G$18=$B$17,14,0)+IF('Standard Profiles'!$G$18=$B$24,21,0),0)),0)</f>
        <v>6.3910410411410155</v>
      </c>
      <c r="E1016" cm="1">
        <f t="array" ref="E1016">IFERROR(INDEX(Jesper!AI$2:AI$366,ROUNDDOWN($C1016/24,0)+1,1)*INDEX($D$3:$AA$30,INDEX(Jesper!$R$2:$R$366,ROW(INDEX(Jesper!AI$2:AI$366,ROUNDDOWN($C1016/24,0)+1,1))-1)+IF('Standard Profiles'!$G$19=$B$10,7,0)+IF('Standard Profiles'!$G$19=$B$17,14,0)+IF('Standard Profiles'!$G$19=$B$24,21,0),MOD($C1016,24)+1)/SUM(INDEX($D$3:$AA$30,INDEX(Jesper!$R$2:$R$366,ROW(INDEX(Jesper!AI$2:AI$366,ROUNDDOWN($C1016/24,0)+1,1))-1)+IF('Standard Profiles'!$G$19=$B$10,7,0)+IF('Standard Profiles'!$G$19=$B$17,14,0)+IF('Standard Profiles'!$G$19=$B$24,21,0),0)),0)</f>
        <v>1.4834769593183565</v>
      </c>
      <c r="F1016" cm="1">
        <f t="array" ref="F1016">IFERROR(INDEX(Jesper!AJ$2:AJ$366,ROUNDDOWN($C1016/24,0)+1,1)*INDEX($D$3:$AA$30,INDEX(Jesper!$R$2:$R$366,ROW(INDEX(Jesper!AJ$2:AJ$366,ROUNDDOWN($C1016/24,0)+1,1))-1)+IF('Standard Profiles'!$G$20=$B$10,7,0)+IF('Standard Profiles'!$G$20=$B$17,14,0)+IF('Standard Profiles'!$G$20=$B$24,21,0),MOD($C1016,24)+1)/SUM(INDEX($D$3:$AA$30,INDEX(Jesper!$R$2:$R$366,ROW(INDEX(Jesper!AJ$2:AJ$366,ROUNDDOWN($C1016/24,0)+1,1))-1)+IF('Standard Profiles'!$G$20=$B$10,7,0)+IF('Standard Profiles'!$G$20=$B$17,14,0)+IF('Standard Profiles'!$G$20=$B$24,21,0),0)),0)</f>
        <v>0</v>
      </c>
      <c r="G1016" cm="1">
        <f t="array" ref="G1016">IFERROR(INDEX(Jesper!AK$2:AK$366,ROUNDDOWN($C1016/24,0)+1,1)*INDEX($D$3:$AA$30,INDEX(Jesper!$R$2:$R$366,ROW(INDEX(Jesper!AK$2:AK$366,ROUNDDOWN($C1016/24,0)+1,1))-1)+IF('Standard Profiles'!$G$21=$B$10,7,0)+IF('Standard Profiles'!$G$21=$B$17,14,0)+IF('Standard Profiles'!$G$21=$B$24,21,0),MOD($C1016,24)+1)/SUM(INDEX($D$3:$AA$30,INDEX(Jesper!$R$2:$R$366,ROW(INDEX(Jesper!AK$2:AK$366,ROUNDDOWN($C1016/24,0)+1,1))-1)+IF('Standard Profiles'!$G$21=$B$10,7,0)+IF('Standard Profiles'!$G$21=$B$17,14,0)+IF('Standard Profiles'!$G$21=$B$24,21,0),0)),0)</f>
        <v>0</v>
      </c>
      <c r="H1016" cm="1">
        <f t="array" ref="H1016">IFERROR(INDEX(Jesper!AL$2:AL$366,ROUNDDOWN($C1016/24,0)+1,1)*INDEX($D$3:$AA$30,INDEX(Jesper!$R$2:$R$366,ROW(INDEX(Jesper!AL$2:AL$366,ROUNDDOWN($C1016/24,0)+1,1))-1)+IF('Standard Profiles'!$G$22=$B$10,7,0)+IF('Standard Profiles'!$G$22=$B$17,14,0)+IF('Standard Profiles'!$G$22=$B$24,21,0),MOD($C1016,24)+1)/SUM(INDEX($D$3:$AA$30,INDEX(Jesper!$R$2:$R$366,ROW(INDEX(Jesper!AL$2:AL$366,ROUNDDOWN($C1016/24,0)+1,1))-1)+IF('Standard Profiles'!$G$22=$B$10,7,0)+IF('Standard Profiles'!$G$22=$B$17,14,0)+IF('Standard Profiles'!$G$22=$B$24,21,0),0)),0)</f>
        <v>0</v>
      </c>
      <c r="I1016">
        <f t="shared" si="125"/>
        <v>0.13364657291156368</v>
      </c>
      <c r="J1016">
        <f t="shared" si="126"/>
        <v>0.445488576371879</v>
      </c>
      <c r="K1016">
        <f t="shared" si="127"/>
        <v>0.6682328645578185</v>
      </c>
      <c r="L1016">
        <f t="shared" si="128"/>
        <v>6.6271499866181109</v>
      </c>
      <c r="M1016">
        <f t="shared" si="129"/>
        <v>0</v>
      </c>
      <c r="N1016" s="46">
        <f t="shared" si="130"/>
        <v>45332.916666664285</v>
      </c>
    </row>
    <row r="1017" spans="2:14" x14ac:dyDescent="0.3">
      <c r="B1017">
        <f t="shared" si="124"/>
        <v>6</v>
      </c>
      <c r="C1017" s="16">
        <v>983</v>
      </c>
      <c r="D1017" cm="1">
        <f t="array" ref="D1017">IFERROR(INDEX(Jesper!AH$2:AH$366,ROUNDDOWN($C1017/24,0)+1,1)*INDEX($D$3:$AA$30,INDEX(Jesper!$R$2:$R$366,ROW(INDEX(Jesper!AH$2:AH$366,ROUNDDOWN($C1017/24,0)+1,1))-1)+IF('Standard Profiles'!$G$18=$B$10,7,0)+IF('Standard Profiles'!$G$18=$B$17,14,0)+IF('Standard Profiles'!$G$18=$B$24,21,0),MOD($C1017,24)+1)/SUM(INDEX($D$3:$AA$30,INDEX(Jesper!$R$2:$R$366,ROW(INDEX(Jesper!AH$2:AH$366,ROUNDDOWN($C1017/24,0)+1,1))-1)+IF('Standard Profiles'!$G$18=$B$10,7,0)+IF('Standard Profiles'!$G$18=$B$17,14,0)+IF('Standard Profiles'!$G$18=$B$24,21,0),0)),0)</f>
        <v>6.3910410411410155</v>
      </c>
      <c r="E1017" cm="1">
        <f t="array" ref="E1017">IFERROR(INDEX(Jesper!AI$2:AI$366,ROUNDDOWN($C1017/24,0)+1,1)*INDEX($D$3:$AA$30,INDEX(Jesper!$R$2:$R$366,ROW(INDEX(Jesper!AI$2:AI$366,ROUNDDOWN($C1017/24,0)+1,1))-1)+IF('Standard Profiles'!$G$19=$B$10,7,0)+IF('Standard Profiles'!$G$19=$B$17,14,0)+IF('Standard Profiles'!$G$19=$B$24,21,0),MOD($C1017,24)+1)/SUM(INDEX($D$3:$AA$30,INDEX(Jesper!$R$2:$R$366,ROW(INDEX(Jesper!AI$2:AI$366,ROUNDDOWN($C1017/24,0)+1,1))-1)+IF('Standard Profiles'!$G$19=$B$10,7,0)+IF('Standard Profiles'!$G$19=$B$17,14,0)+IF('Standard Profiles'!$G$19=$B$24,21,0),0)),0)</f>
        <v>1.4834769593183565</v>
      </c>
      <c r="F1017" cm="1">
        <f t="array" ref="F1017">IFERROR(INDEX(Jesper!AJ$2:AJ$366,ROUNDDOWN($C1017/24,0)+1,1)*INDEX($D$3:$AA$30,INDEX(Jesper!$R$2:$R$366,ROW(INDEX(Jesper!AJ$2:AJ$366,ROUNDDOWN($C1017/24,0)+1,1))-1)+IF('Standard Profiles'!$G$20=$B$10,7,0)+IF('Standard Profiles'!$G$20=$B$17,14,0)+IF('Standard Profiles'!$G$20=$B$24,21,0),MOD($C1017,24)+1)/SUM(INDEX($D$3:$AA$30,INDEX(Jesper!$R$2:$R$366,ROW(INDEX(Jesper!AJ$2:AJ$366,ROUNDDOWN($C1017/24,0)+1,1))-1)+IF('Standard Profiles'!$G$20=$B$10,7,0)+IF('Standard Profiles'!$G$20=$B$17,14,0)+IF('Standard Profiles'!$G$20=$B$24,21,0),0)),0)</f>
        <v>0</v>
      </c>
      <c r="G1017" cm="1">
        <f t="array" ref="G1017">IFERROR(INDEX(Jesper!AK$2:AK$366,ROUNDDOWN($C1017/24,0)+1,1)*INDEX($D$3:$AA$30,INDEX(Jesper!$R$2:$R$366,ROW(INDEX(Jesper!AK$2:AK$366,ROUNDDOWN($C1017/24,0)+1,1))-1)+IF('Standard Profiles'!$G$21=$B$10,7,0)+IF('Standard Profiles'!$G$21=$B$17,14,0)+IF('Standard Profiles'!$G$21=$B$24,21,0),MOD($C1017,24)+1)/SUM(INDEX($D$3:$AA$30,INDEX(Jesper!$R$2:$R$366,ROW(INDEX(Jesper!AK$2:AK$366,ROUNDDOWN($C1017/24,0)+1,1))-1)+IF('Standard Profiles'!$G$21=$B$10,7,0)+IF('Standard Profiles'!$G$21=$B$17,14,0)+IF('Standard Profiles'!$G$21=$B$24,21,0),0)),0)</f>
        <v>0</v>
      </c>
      <c r="H1017" cm="1">
        <f t="array" ref="H1017">IFERROR(INDEX(Jesper!AL$2:AL$366,ROUNDDOWN($C1017/24,0)+1,1)*INDEX($D$3:$AA$30,INDEX(Jesper!$R$2:$R$366,ROW(INDEX(Jesper!AL$2:AL$366,ROUNDDOWN($C1017/24,0)+1,1))-1)+IF('Standard Profiles'!$G$22=$B$10,7,0)+IF('Standard Profiles'!$G$22=$B$17,14,0)+IF('Standard Profiles'!$G$22=$B$24,21,0),MOD($C1017,24)+1)/SUM(INDEX($D$3:$AA$30,INDEX(Jesper!$R$2:$R$366,ROW(INDEX(Jesper!AL$2:AL$366,ROUNDDOWN($C1017/24,0)+1,1))-1)+IF('Standard Profiles'!$G$22=$B$10,7,0)+IF('Standard Profiles'!$G$22=$B$17,14,0)+IF('Standard Profiles'!$G$22=$B$24,21,0),0)),0)</f>
        <v>0</v>
      </c>
      <c r="I1017">
        <f t="shared" si="125"/>
        <v>0.13364657291156368</v>
      </c>
      <c r="J1017">
        <f t="shared" si="126"/>
        <v>0.445488576371879</v>
      </c>
      <c r="K1017">
        <f t="shared" si="127"/>
        <v>0.6682328645578185</v>
      </c>
      <c r="L1017">
        <f t="shared" si="128"/>
        <v>6.6271499866181109</v>
      </c>
      <c r="M1017">
        <f t="shared" si="129"/>
        <v>0</v>
      </c>
      <c r="N1017" s="46">
        <f t="shared" si="130"/>
        <v>45332.958333330949</v>
      </c>
    </row>
    <row r="1018" spans="2:14" x14ac:dyDescent="0.3">
      <c r="B1018">
        <f t="shared" si="124"/>
        <v>7</v>
      </c>
      <c r="C1018" s="16">
        <v>984</v>
      </c>
      <c r="D1018" cm="1">
        <f t="array" ref="D1018">IFERROR(INDEX(Jesper!AH$2:AH$366,ROUNDDOWN($C1018/24,0)+1,1)*INDEX($D$3:$AA$30,INDEX(Jesper!$R$2:$R$366,ROW(INDEX(Jesper!AH$2:AH$366,ROUNDDOWN($C1018/24,0)+1,1))-1)+IF('Standard Profiles'!$G$18=$B$10,7,0)+IF('Standard Profiles'!$G$18=$B$17,14,0)+IF('Standard Profiles'!$G$18=$B$24,21,0),MOD($C1018,24)+1)/SUM(INDEX($D$3:$AA$30,INDEX(Jesper!$R$2:$R$366,ROW(INDEX(Jesper!AH$2:AH$366,ROUNDDOWN($C1018/24,0)+1,1))-1)+IF('Standard Profiles'!$G$18=$B$10,7,0)+IF('Standard Profiles'!$G$18=$B$17,14,0)+IF('Standard Profiles'!$G$18=$B$24,21,0),0)),0)</f>
        <v>7.2029333573282557</v>
      </c>
      <c r="E1018" cm="1">
        <f t="array" ref="E1018">IFERROR(INDEX(Jesper!AI$2:AI$366,ROUNDDOWN($C1018/24,0)+1,1)*INDEX($D$3:$AA$30,INDEX(Jesper!$R$2:$R$366,ROW(INDEX(Jesper!AI$2:AI$366,ROUNDDOWN($C1018/24,0)+1,1))-1)+IF('Standard Profiles'!$G$19=$B$10,7,0)+IF('Standard Profiles'!$G$19=$B$17,14,0)+IF('Standard Profiles'!$G$19=$B$24,21,0),MOD($C1018,24)+1)/SUM(INDEX($D$3:$AA$30,INDEX(Jesper!$R$2:$R$366,ROW(INDEX(Jesper!AI$2:AI$366,ROUNDDOWN($C1018/24,0)+1,1))-1)+IF('Standard Profiles'!$G$19=$B$10,7,0)+IF('Standard Profiles'!$G$19=$B$17,14,0)+IF('Standard Profiles'!$G$19=$B$24,21,0),0)),0)</f>
        <v>1.6536295317137693</v>
      </c>
      <c r="F1018" cm="1">
        <f t="array" ref="F1018">IFERROR(INDEX(Jesper!AJ$2:AJ$366,ROUNDDOWN($C1018/24,0)+1,1)*INDEX($D$3:$AA$30,INDEX(Jesper!$R$2:$R$366,ROW(INDEX(Jesper!AJ$2:AJ$366,ROUNDDOWN($C1018/24,0)+1,1))-1)+IF('Standard Profiles'!$G$20=$B$10,7,0)+IF('Standard Profiles'!$G$20=$B$17,14,0)+IF('Standard Profiles'!$G$20=$B$24,21,0),MOD($C1018,24)+1)/SUM(INDEX($D$3:$AA$30,INDEX(Jesper!$R$2:$R$366,ROW(INDEX(Jesper!AJ$2:AJ$366,ROUNDDOWN($C1018/24,0)+1,1))-1)+IF('Standard Profiles'!$G$20=$B$10,7,0)+IF('Standard Profiles'!$G$20=$B$17,14,0)+IF('Standard Profiles'!$G$20=$B$24,21,0),0)),0)</f>
        <v>0</v>
      </c>
      <c r="G1018" cm="1">
        <f t="array" ref="G1018">IFERROR(INDEX(Jesper!AK$2:AK$366,ROUNDDOWN($C1018/24,0)+1,1)*INDEX($D$3:$AA$30,INDEX(Jesper!$R$2:$R$366,ROW(INDEX(Jesper!AK$2:AK$366,ROUNDDOWN($C1018/24,0)+1,1))-1)+IF('Standard Profiles'!$G$21=$B$10,7,0)+IF('Standard Profiles'!$G$21=$B$17,14,0)+IF('Standard Profiles'!$G$21=$B$24,21,0),MOD($C1018,24)+1)/SUM(INDEX($D$3:$AA$30,INDEX(Jesper!$R$2:$R$366,ROW(INDEX(Jesper!AK$2:AK$366,ROUNDDOWN($C1018/24,0)+1,1))-1)+IF('Standard Profiles'!$G$21=$B$10,7,0)+IF('Standard Profiles'!$G$21=$B$17,14,0)+IF('Standard Profiles'!$G$21=$B$24,21,0),0)),0)</f>
        <v>0</v>
      </c>
      <c r="H1018" cm="1">
        <f t="array" ref="H1018">IFERROR(INDEX(Jesper!AL$2:AL$366,ROUNDDOWN($C1018/24,0)+1,1)*INDEX($D$3:$AA$30,INDEX(Jesper!$R$2:$R$366,ROW(INDEX(Jesper!AL$2:AL$366,ROUNDDOWN($C1018/24,0)+1,1))-1)+IF('Standard Profiles'!$G$22=$B$10,7,0)+IF('Standard Profiles'!$G$22=$B$17,14,0)+IF('Standard Profiles'!$G$22=$B$24,21,0),MOD($C1018,24)+1)/SUM(INDEX($D$3:$AA$30,INDEX(Jesper!$R$2:$R$366,ROW(INDEX(Jesper!AL$2:AL$366,ROUNDDOWN($C1018/24,0)+1,1))-1)+IF('Standard Profiles'!$G$22=$B$10,7,0)+IF('Standard Profiles'!$G$22=$B$17,14,0)+IF('Standard Profiles'!$G$22=$B$24,21,0),0)),0)</f>
        <v>0</v>
      </c>
      <c r="I1018">
        <f t="shared" si="125"/>
        <v>0.14897563348772699</v>
      </c>
      <c r="J1018">
        <f t="shared" si="126"/>
        <v>0.49658544495909007</v>
      </c>
      <c r="K1018">
        <f t="shared" si="127"/>
        <v>0.74487816743863511</v>
      </c>
      <c r="L1018">
        <f t="shared" si="128"/>
        <v>7.466123643156573</v>
      </c>
      <c r="M1018">
        <f t="shared" si="129"/>
        <v>0</v>
      </c>
      <c r="N1018" s="46">
        <f t="shared" si="130"/>
        <v>45332.999999997613</v>
      </c>
    </row>
    <row r="1019" spans="2:14" x14ac:dyDescent="0.3">
      <c r="B1019">
        <f t="shared" si="124"/>
        <v>7</v>
      </c>
      <c r="C1019" s="16">
        <v>985</v>
      </c>
      <c r="D1019" cm="1">
        <f t="array" ref="D1019">IFERROR(INDEX(Jesper!AH$2:AH$366,ROUNDDOWN($C1019/24,0)+1,1)*INDEX($D$3:$AA$30,INDEX(Jesper!$R$2:$R$366,ROW(INDEX(Jesper!AH$2:AH$366,ROUNDDOWN($C1019/24,0)+1,1))-1)+IF('Standard Profiles'!$G$18=$B$10,7,0)+IF('Standard Profiles'!$G$18=$B$17,14,0)+IF('Standard Profiles'!$G$18=$B$24,21,0),MOD($C1019,24)+1)/SUM(INDEX($D$3:$AA$30,INDEX(Jesper!$R$2:$R$366,ROW(INDEX(Jesper!AH$2:AH$366,ROUNDDOWN($C1019/24,0)+1,1))-1)+IF('Standard Profiles'!$G$18=$B$10,7,0)+IF('Standard Profiles'!$G$18=$B$17,14,0)+IF('Standard Profiles'!$G$18=$B$24,21,0),0)),0)</f>
        <v>8.364696802058619</v>
      </c>
      <c r="E1019" cm="1">
        <f t="array" ref="E1019">IFERROR(INDEX(Jesper!AI$2:AI$366,ROUNDDOWN($C1019/24,0)+1,1)*INDEX($D$3:$AA$30,INDEX(Jesper!$R$2:$R$366,ROW(INDEX(Jesper!AI$2:AI$366,ROUNDDOWN($C1019/24,0)+1,1))-1)+IF('Standard Profiles'!$G$19=$B$10,7,0)+IF('Standard Profiles'!$G$19=$B$17,14,0)+IF('Standard Profiles'!$G$19=$B$24,21,0),MOD($C1019,24)+1)/SUM(INDEX($D$3:$AA$30,INDEX(Jesper!$R$2:$R$366,ROW(INDEX(Jesper!AI$2:AI$366,ROUNDDOWN($C1019/24,0)+1,1))-1)+IF('Standard Profiles'!$G$19=$B$10,7,0)+IF('Standard Profiles'!$G$19=$B$17,14,0)+IF('Standard Profiles'!$G$19=$B$24,21,0),0)),0)</f>
        <v>1.9203439723127642</v>
      </c>
      <c r="F1019" cm="1">
        <f t="array" ref="F1019">IFERROR(INDEX(Jesper!AJ$2:AJ$366,ROUNDDOWN($C1019/24,0)+1,1)*INDEX($D$3:$AA$30,INDEX(Jesper!$R$2:$R$366,ROW(INDEX(Jesper!AJ$2:AJ$366,ROUNDDOWN($C1019/24,0)+1,1))-1)+IF('Standard Profiles'!$G$20=$B$10,7,0)+IF('Standard Profiles'!$G$20=$B$17,14,0)+IF('Standard Profiles'!$G$20=$B$24,21,0),MOD($C1019,24)+1)/SUM(INDEX($D$3:$AA$30,INDEX(Jesper!$R$2:$R$366,ROW(INDEX(Jesper!AJ$2:AJ$366,ROUNDDOWN($C1019/24,0)+1,1))-1)+IF('Standard Profiles'!$G$20=$B$10,7,0)+IF('Standard Profiles'!$G$20=$B$17,14,0)+IF('Standard Profiles'!$G$20=$B$24,21,0),0)),0)</f>
        <v>0</v>
      </c>
      <c r="G1019" cm="1">
        <f t="array" ref="G1019">IFERROR(INDEX(Jesper!AK$2:AK$366,ROUNDDOWN($C1019/24,0)+1,1)*INDEX($D$3:$AA$30,INDEX(Jesper!$R$2:$R$366,ROW(INDEX(Jesper!AK$2:AK$366,ROUNDDOWN($C1019/24,0)+1,1))-1)+IF('Standard Profiles'!$G$21=$B$10,7,0)+IF('Standard Profiles'!$G$21=$B$17,14,0)+IF('Standard Profiles'!$G$21=$B$24,21,0),MOD($C1019,24)+1)/SUM(INDEX($D$3:$AA$30,INDEX(Jesper!$R$2:$R$366,ROW(INDEX(Jesper!AK$2:AK$366,ROUNDDOWN($C1019/24,0)+1,1))-1)+IF('Standard Profiles'!$G$21=$B$10,7,0)+IF('Standard Profiles'!$G$21=$B$17,14,0)+IF('Standard Profiles'!$G$21=$B$24,21,0),0)),0)</f>
        <v>0</v>
      </c>
      <c r="H1019" cm="1">
        <f t="array" ref="H1019">IFERROR(INDEX(Jesper!AL$2:AL$366,ROUNDDOWN($C1019/24,0)+1,1)*INDEX($D$3:$AA$30,INDEX(Jesper!$R$2:$R$366,ROW(INDEX(Jesper!AL$2:AL$366,ROUNDDOWN($C1019/24,0)+1,1))-1)+IF('Standard Profiles'!$G$22=$B$10,7,0)+IF('Standard Profiles'!$G$22=$B$17,14,0)+IF('Standard Profiles'!$G$22=$B$24,21,0),MOD($C1019,24)+1)/SUM(INDEX($D$3:$AA$30,INDEX(Jesper!$R$2:$R$366,ROW(INDEX(Jesper!AL$2:AL$366,ROUNDDOWN($C1019/24,0)+1,1))-1)+IF('Standard Profiles'!$G$22=$B$10,7,0)+IF('Standard Profiles'!$G$22=$B$17,14,0)+IF('Standard Profiles'!$G$22=$B$24,21,0),0)),0)</f>
        <v>0</v>
      </c>
      <c r="I1019">
        <f t="shared" si="125"/>
        <v>0.17300396146961844</v>
      </c>
      <c r="J1019">
        <f t="shared" si="126"/>
        <v>0.57667987156539491</v>
      </c>
      <c r="K1019">
        <f t="shared" si="127"/>
        <v>0.86501980734809236</v>
      </c>
      <c r="L1019">
        <f t="shared" si="128"/>
        <v>8.6703371339882782</v>
      </c>
      <c r="M1019">
        <f t="shared" si="129"/>
        <v>0</v>
      </c>
      <c r="N1019" s="46">
        <f t="shared" si="130"/>
        <v>45333.041666664278</v>
      </c>
    </row>
    <row r="1020" spans="2:14" x14ac:dyDescent="0.3">
      <c r="B1020">
        <f t="shared" si="124"/>
        <v>7</v>
      </c>
      <c r="C1020" s="16">
        <v>986</v>
      </c>
      <c r="D1020" cm="1">
        <f t="array" ref="D1020">IFERROR(INDEX(Jesper!AH$2:AH$366,ROUNDDOWN($C1020/24,0)+1,1)*INDEX($D$3:$AA$30,INDEX(Jesper!$R$2:$R$366,ROW(INDEX(Jesper!AH$2:AH$366,ROUNDDOWN($C1020/24,0)+1,1))-1)+IF('Standard Profiles'!$G$18=$B$10,7,0)+IF('Standard Profiles'!$G$18=$B$17,14,0)+IF('Standard Profiles'!$G$18=$B$24,21,0),MOD($C1020,24)+1)/SUM(INDEX($D$3:$AA$30,INDEX(Jesper!$R$2:$R$366,ROW(INDEX(Jesper!AH$2:AH$366,ROUNDDOWN($C1020/24,0)+1,1))-1)+IF('Standard Profiles'!$G$18=$B$10,7,0)+IF('Standard Profiles'!$G$18=$B$17,14,0)+IF('Standard Profiles'!$G$18=$B$24,21,0),0)),0)</f>
        <v>8.364696802058619</v>
      </c>
      <c r="E1020" cm="1">
        <f t="array" ref="E1020">IFERROR(INDEX(Jesper!AI$2:AI$366,ROUNDDOWN($C1020/24,0)+1,1)*INDEX($D$3:$AA$30,INDEX(Jesper!$R$2:$R$366,ROW(INDEX(Jesper!AI$2:AI$366,ROUNDDOWN($C1020/24,0)+1,1))-1)+IF('Standard Profiles'!$G$19=$B$10,7,0)+IF('Standard Profiles'!$G$19=$B$17,14,0)+IF('Standard Profiles'!$G$19=$B$24,21,0),MOD($C1020,24)+1)/SUM(INDEX($D$3:$AA$30,INDEX(Jesper!$R$2:$R$366,ROW(INDEX(Jesper!AI$2:AI$366,ROUNDDOWN($C1020/24,0)+1,1))-1)+IF('Standard Profiles'!$G$19=$B$10,7,0)+IF('Standard Profiles'!$G$19=$B$17,14,0)+IF('Standard Profiles'!$G$19=$B$24,21,0),0)),0)</f>
        <v>1.9203439723127642</v>
      </c>
      <c r="F1020" cm="1">
        <f t="array" ref="F1020">IFERROR(INDEX(Jesper!AJ$2:AJ$366,ROUNDDOWN($C1020/24,0)+1,1)*INDEX($D$3:$AA$30,INDEX(Jesper!$R$2:$R$366,ROW(INDEX(Jesper!AJ$2:AJ$366,ROUNDDOWN($C1020/24,0)+1,1))-1)+IF('Standard Profiles'!$G$20=$B$10,7,0)+IF('Standard Profiles'!$G$20=$B$17,14,0)+IF('Standard Profiles'!$G$20=$B$24,21,0),MOD($C1020,24)+1)/SUM(INDEX($D$3:$AA$30,INDEX(Jesper!$R$2:$R$366,ROW(INDEX(Jesper!AJ$2:AJ$366,ROUNDDOWN($C1020/24,0)+1,1))-1)+IF('Standard Profiles'!$G$20=$B$10,7,0)+IF('Standard Profiles'!$G$20=$B$17,14,0)+IF('Standard Profiles'!$G$20=$B$24,21,0),0)),0)</f>
        <v>0</v>
      </c>
      <c r="G1020" cm="1">
        <f t="array" ref="G1020">IFERROR(INDEX(Jesper!AK$2:AK$366,ROUNDDOWN($C1020/24,0)+1,1)*INDEX($D$3:$AA$30,INDEX(Jesper!$R$2:$R$366,ROW(INDEX(Jesper!AK$2:AK$366,ROUNDDOWN($C1020/24,0)+1,1))-1)+IF('Standard Profiles'!$G$21=$B$10,7,0)+IF('Standard Profiles'!$G$21=$B$17,14,0)+IF('Standard Profiles'!$G$21=$B$24,21,0),MOD($C1020,24)+1)/SUM(INDEX($D$3:$AA$30,INDEX(Jesper!$R$2:$R$366,ROW(INDEX(Jesper!AK$2:AK$366,ROUNDDOWN($C1020/24,0)+1,1))-1)+IF('Standard Profiles'!$G$21=$B$10,7,0)+IF('Standard Profiles'!$G$21=$B$17,14,0)+IF('Standard Profiles'!$G$21=$B$24,21,0),0)),0)</f>
        <v>0</v>
      </c>
      <c r="H1020" cm="1">
        <f t="array" ref="H1020">IFERROR(INDEX(Jesper!AL$2:AL$366,ROUNDDOWN($C1020/24,0)+1,1)*INDEX($D$3:$AA$30,INDEX(Jesper!$R$2:$R$366,ROW(INDEX(Jesper!AL$2:AL$366,ROUNDDOWN($C1020/24,0)+1,1))-1)+IF('Standard Profiles'!$G$22=$B$10,7,0)+IF('Standard Profiles'!$G$22=$B$17,14,0)+IF('Standard Profiles'!$G$22=$B$24,21,0),MOD($C1020,24)+1)/SUM(INDEX($D$3:$AA$30,INDEX(Jesper!$R$2:$R$366,ROW(INDEX(Jesper!AL$2:AL$366,ROUNDDOWN($C1020/24,0)+1,1))-1)+IF('Standard Profiles'!$G$22=$B$10,7,0)+IF('Standard Profiles'!$G$22=$B$17,14,0)+IF('Standard Profiles'!$G$22=$B$24,21,0),0)),0)</f>
        <v>0</v>
      </c>
      <c r="I1020">
        <f t="shared" si="125"/>
        <v>0.17300396146961844</v>
      </c>
      <c r="J1020">
        <f t="shared" si="126"/>
        <v>0.57667987156539491</v>
      </c>
      <c r="K1020">
        <f t="shared" si="127"/>
        <v>0.86501980734809236</v>
      </c>
      <c r="L1020">
        <f t="shared" si="128"/>
        <v>8.6703371339882782</v>
      </c>
      <c r="M1020">
        <f t="shared" si="129"/>
        <v>0</v>
      </c>
      <c r="N1020" s="46">
        <f t="shared" si="130"/>
        <v>45333.083333330942</v>
      </c>
    </row>
    <row r="1021" spans="2:14" x14ac:dyDescent="0.3">
      <c r="B1021">
        <f t="shared" si="124"/>
        <v>7</v>
      </c>
      <c r="C1021" s="16">
        <v>987</v>
      </c>
      <c r="D1021" cm="1">
        <f t="array" ref="D1021">IFERROR(INDEX(Jesper!AH$2:AH$366,ROUNDDOWN($C1021/24,0)+1,1)*INDEX($D$3:$AA$30,INDEX(Jesper!$R$2:$R$366,ROW(INDEX(Jesper!AH$2:AH$366,ROUNDDOWN($C1021/24,0)+1,1))-1)+IF('Standard Profiles'!$G$18=$B$10,7,0)+IF('Standard Profiles'!$G$18=$B$17,14,0)+IF('Standard Profiles'!$G$18=$B$24,21,0),MOD($C1021,24)+1)/SUM(INDEX($D$3:$AA$30,INDEX(Jesper!$R$2:$R$366,ROW(INDEX(Jesper!AH$2:AH$366,ROUNDDOWN($C1021/24,0)+1,1))-1)+IF('Standard Profiles'!$G$18=$B$10,7,0)+IF('Standard Profiles'!$G$18=$B$17,14,0)+IF('Standard Profiles'!$G$18=$B$24,21,0),0)),0)</f>
        <v>8.364696802058619</v>
      </c>
      <c r="E1021" cm="1">
        <f t="array" ref="E1021">IFERROR(INDEX(Jesper!AI$2:AI$366,ROUNDDOWN($C1021/24,0)+1,1)*INDEX($D$3:$AA$30,INDEX(Jesper!$R$2:$R$366,ROW(INDEX(Jesper!AI$2:AI$366,ROUNDDOWN($C1021/24,0)+1,1))-1)+IF('Standard Profiles'!$G$19=$B$10,7,0)+IF('Standard Profiles'!$G$19=$B$17,14,0)+IF('Standard Profiles'!$G$19=$B$24,21,0),MOD($C1021,24)+1)/SUM(INDEX($D$3:$AA$30,INDEX(Jesper!$R$2:$R$366,ROW(INDEX(Jesper!AI$2:AI$366,ROUNDDOWN($C1021/24,0)+1,1))-1)+IF('Standard Profiles'!$G$19=$B$10,7,0)+IF('Standard Profiles'!$G$19=$B$17,14,0)+IF('Standard Profiles'!$G$19=$B$24,21,0),0)),0)</f>
        <v>1.9203439723127642</v>
      </c>
      <c r="F1021" cm="1">
        <f t="array" ref="F1021">IFERROR(INDEX(Jesper!AJ$2:AJ$366,ROUNDDOWN($C1021/24,0)+1,1)*INDEX($D$3:$AA$30,INDEX(Jesper!$R$2:$R$366,ROW(INDEX(Jesper!AJ$2:AJ$366,ROUNDDOWN($C1021/24,0)+1,1))-1)+IF('Standard Profiles'!$G$20=$B$10,7,0)+IF('Standard Profiles'!$G$20=$B$17,14,0)+IF('Standard Profiles'!$G$20=$B$24,21,0),MOD($C1021,24)+1)/SUM(INDEX($D$3:$AA$30,INDEX(Jesper!$R$2:$R$366,ROW(INDEX(Jesper!AJ$2:AJ$366,ROUNDDOWN($C1021/24,0)+1,1))-1)+IF('Standard Profiles'!$G$20=$B$10,7,0)+IF('Standard Profiles'!$G$20=$B$17,14,0)+IF('Standard Profiles'!$G$20=$B$24,21,0),0)),0)</f>
        <v>0</v>
      </c>
      <c r="G1021" cm="1">
        <f t="array" ref="G1021">IFERROR(INDEX(Jesper!AK$2:AK$366,ROUNDDOWN($C1021/24,0)+1,1)*INDEX($D$3:$AA$30,INDEX(Jesper!$R$2:$R$366,ROW(INDEX(Jesper!AK$2:AK$366,ROUNDDOWN($C1021/24,0)+1,1))-1)+IF('Standard Profiles'!$G$21=$B$10,7,0)+IF('Standard Profiles'!$G$21=$B$17,14,0)+IF('Standard Profiles'!$G$21=$B$24,21,0),MOD($C1021,24)+1)/SUM(INDEX($D$3:$AA$30,INDEX(Jesper!$R$2:$R$366,ROW(INDEX(Jesper!AK$2:AK$366,ROUNDDOWN($C1021/24,0)+1,1))-1)+IF('Standard Profiles'!$G$21=$B$10,7,0)+IF('Standard Profiles'!$G$21=$B$17,14,0)+IF('Standard Profiles'!$G$21=$B$24,21,0),0)),0)</f>
        <v>0</v>
      </c>
      <c r="H1021" cm="1">
        <f t="array" ref="H1021">IFERROR(INDEX(Jesper!AL$2:AL$366,ROUNDDOWN($C1021/24,0)+1,1)*INDEX($D$3:$AA$30,INDEX(Jesper!$R$2:$R$366,ROW(INDEX(Jesper!AL$2:AL$366,ROUNDDOWN($C1021/24,0)+1,1))-1)+IF('Standard Profiles'!$G$22=$B$10,7,0)+IF('Standard Profiles'!$G$22=$B$17,14,0)+IF('Standard Profiles'!$G$22=$B$24,21,0),MOD($C1021,24)+1)/SUM(INDEX($D$3:$AA$30,INDEX(Jesper!$R$2:$R$366,ROW(INDEX(Jesper!AL$2:AL$366,ROUNDDOWN($C1021/24,0)+1,1))-1)+IF('Standard Profiles'!$G$22=$B$10,7,0)+IF('Standard Profiles'!$G$22=$B$17,14,0)+IF('Standard Profiles'!$G$22=$B$24,21,0),0)),0)</f>
        <v>0</v>
      </c>
      <c r="I1021">
        <f t="shared" si="125"/>
        <v>0.17300396146961844</v>
      </c>
      <c r="J1021">
        <f t="shared" si="126"/>
        <v>0.57667987156539491</v>
      </c>
      <c r="K1021">
        <f t="shared" si="127"/>
        <v>0.86501980734809236</v>
      </c>
      <c r="L1021">
        <f t="shared" si="128"/>
        <v>8.6703371339882782</v>
      </c>
      <c r="M1021">
        <f t="shared" si="129"/>
        <v>0</v>
      </c>
      <c r="N1021" s="46">
        <f t="shared" si="130"/>
        <v>45333.124999997606</v>
      </c>
    </row>
    <row r="1022" spans="2:14" x14ac:dyDescent="0.3">
      <c r="B1022">
        <f t="shared" si="124"/>
        <v>7</v>
      </c>
      <c r="C1022" s="16">
        <v>988</v>
      </c>
      <c r="D1022" cm="1">
        <f t="array" ref="D1022">IFERROR(INDEX(Jesper!AH$2:AH$366,ROUNDDOWN($C1022/24,0)+1,1)*INDEX($D$3:$AA$30,INDEX(Jesper!$R$2:$R$366,ROW(INDEX(Jesper!AH$2:AH$366,ROUNDDOWN($C1022/24,0)+1,1))-1)+IF('Standard Profiles'!$G$18=$B$10,7,0)+IF('Standard Profiles'!$G$18=$B$17,14,0)+IF('Standard Profiles'!$G$18=$B$24,21,0),MOD($C1022,24)+1)/SUM(INDEX($D$3:$AA$30,INDEX(Jesper!$R$2:$R$366,ROW(INDEX(Jesper!AH$2:AH$366,ROUNDDOWN($C1022/24,0)+1,1))-1)+IF('Standard Profiles'!$G$18=$B$10,7,0)+IF('Standard Profiles'!$G$18=$B$17,14,0)+IF('Standard Profiles'!$G$18=$B$24,21,0),0)),0)</f>
        <v>8.364696802058619</v>
      </c>
      <c r="E1022" cm="1">
        <f t="array" ref="E1022">IFERROR(INDEX(Jesper!AI$2:AI$366,ROUNDDOWN($C1022/24,0)+1,1)*INDEX($D$3:$AA$30,INDEX(Jesper!$R$2:$R$366,ROW(INDEX(Jesper!AI$2:AI$366,ROUNDDOWN($C1022/24,0)+1,1))-1)+IF('Standard Profiles'!$G$19=$B$10,7,0)+IF('Standard Profiles'!$G$19=$B$17,14,0)+IF('Standard Profiles'!$G$19=$B$24,21,0),MOD($C1022,24)+1)/SUM(INDEX($D$3:$AA$30,INDEX(Jesper!$R$2:$R$366,ROW(INDEX(Jesper!AI$2:AI$366,ROUNDDOWN($C1022/24,0)+1,1))-1)+IF('Standard Profiles'!$G$19=$B$10,7,0)+IF('Standard Profiles'!$G$19=$B$17,14,0)+IF('Standard Profiles'!$G$19=$B$24,21,0),0)),0)</f>
        <v>1.9203439723127642</v>
      </c>
      <c r="F1022" cm="1">
        <f t="array" ref="F1022">IFERROR(INDEX(Jesper!AJ$2:AJ$366,ROUNDDOWN($C1022/24,0)+1,1)*INDEX($D$3:$AA$30,INDEX(Jesper!$R$2:$R$366,ROW(INDEX(Jesper!AJ$2:AJ$366,ROUNDDOWN($C1022/24,0)+1,1))-1)+IF('Standard Profiles'!$G$20=$B$10,7,0)+IF('Standard Profiles'!$G$20=$B$17,14,0)+IF('Standard Profiles'!$G$20=$B$24,21,0),MOD($C1022,24)+1)/SUM(INDEX($D$3:$AA$30,INDEX(Jesper!$R$2:$R$366,ROW(INDEX(Jesper!AJ$2:AJ$366,ROUNDDOWN($C1022/24,0)+1,1))-1)+IF('Standard Profiles'!$G$20=$B$10,7,0)+IF('Standard Profiles'!$G$20=$B$17,14,0)+IF('Standard Profiles'!$G$20=$B$24,21,0),0)),0)</f>
        <v>0</v>
      </c>
      <c r="G1022" cm="1">
        <f t="array" ref="G1022">IFERROR(INDEX(Jesper!AK$2:AK$366,ROUNDDOWN($C1022/24,0)+1,1)*INDEX($D$3:$AA$30,INDEX(Jesper!$R$2:$R$366,ROW(INDEX(Jesper!AK$2:AK$366,ROUNDDOWN($C1022/24,0)+1,1))-1)+IF('Standard Profiles'!$G$21=$B$10,7,0)+IF('Standard Profiles'!$G$21=$B$17,14,0)+IF('Standard Profiles'!$G$21=$B$24,21,0),MOD($C1022,24)+1)/SUM(INDEX($D$3:$AA$30,INDEX(Jesper!$R$2:$R$366,ROW(INDEX(Jesper!AK$2:AK$366,ROUNDDOWN($C1022/24,0)+1,1))-1)+IF('Standard Profiles'!$G$21=$B$10,7,0)+IF('Standard Profiles'!$G$21=$B$17,14,0)+IF('Standard Profiles'!$G$21=$B$24,21,0),0)),0)</f>
        <v>0</v>
      </c>
      <c r="H1022" cm="1">
        <f t="array" ref="H1022">IFERROR(INDEX(Jesper!AL$2:AL$366,ROUNDDOWN($C1022/24,0)+1,1)*INDEX($D$3:$AA$30,INDEX(Jesper!$R$2:$R$366,ROW(INDEX(Jesper!AL$2:AL$366,ROUNDDOWN($C1022/24,0)+1,1))-1)+IF('Standard Profiles'!$G$22=$B$10,7,0)+IF('Standard Profiles'!$G$22=$B$17,14,0)+IF('Standard Profiles'!$G$22=$B$24,21,0),MOD($C1022,24)+1)/SUM(INDEX($D$3:$AA$30,INDEX(Jesper!$R$2:$R$366,ROW(INDEX(Jesper!AL$2:AL$366,ROUNDDOWN($C1022/24,0)+1,1))-1)+IF('Standard Profiles'!$G$22=$B$10,7,0)+IF('Standard Profiles'!$G$22=$B$17,14,0)+IF('Standard Profiles'!$G$22=$B$24,21,0),0)),0)</f>
        <v>0</v>
      </c>
      <c r="I1022">
        <f t="shared" si="125"/>
        <v>0.17300396146961844</v>
      </c>
      <c r="J1022">
        <f t="shared" si="126"/>
        <v>0.57667987156539491</v>
      </c>
      <c r="K1022">
        <f t="shared" si="127"/>
        <v>0.86501980734809236</v>
      </c>
      <c r="L1022">
        <f t="shared" si="128"/>
        <v>8.6703371339882782</v>
      </c>
      <c r="M1022">
        <f t="shared" si="129"/>
        <v>0</v>
      </c>
      <c r="N1022" s="46">
        <f t="shared" si="130"/>
        <v>45333.16666666427</v>
      </c>
    </row>
    <row r="1023" spans="2:14" x14ac:dyDescent="0.3">
      <c r="B1023">
        <f t="shared" si="124"/>
        <v>7</v>
      </c>
      <c r="C1023" s="16">
        <v>989</v>
      </c>
      <c r="D1023" cm="1">
        <f t="array" ref="D1023">IFERROR(INDEX(Jesper!AH$2:AH$366,ROUNDDOWN($C1023/24,0)+1,1)*INDEX($D$3:$AA$30,INDEX(Jesper!$R$2:$R$366,ROW(INDEX(Jesper!AH$2:AH$366,ROUNDDOWN($C1023/24,0)+1,1))-1)+IF('Standard Profiles'!$G$18=$B$10,7,0)+IF('Standard Profiles'!$G$18=$B$17,14,0)+IF('Standard Profiles'!$G$18=$B$24,21,0),MOD($C1023,24)+1)/SUM(INDEX($D$3:$AA$30,INDEX(Jesper!$R$2:$R$366,ROW(INDEX(Jesper!AH$2:AH$366,ROUNDDOWN($C1023/24,0)+1,1))-1)+IF('Standard Profiles'!$G$18=$B$10,7,0)+IF('Standard Profiles'!$G$18=$B$17,14,0)+IF('Standard Profiles'!$G$18=$B$24,21,0),0)),0)</f>
        <v>10.455871002573275</v>
      </c>
      <c r="E1023" cm="1">
        <f t="array" ref="E1023">IFERROR(INDEX(Jesper!AI$2:AI$366,ROUNDDOWN($C1023/24,0)+1,1)*INDEX($D$3:$AA$30,INDEX(Jesper!$R$2:$R$366,ROW(INDEX(Jesper!AI$2:AI$366,ROUNDDOWN($C1023/24,0)+1,1))-1)+IF('Standard Profiles'!$G$19=$B$10,7,0)+IF('Standard Profiles'!$G$19=$B$17,14,0)+IF('Standard Profiles'!$G$19=$B$24,21,0),MOD($C1023,24)+1)/SUM(INDEX($D$3:$AA$30,INDEX(Jesper!$R$2:$R$366,ROW(INDEX(Jesper!AI$2:AI$366,ROUNDDOWN($C1023/24,0)+1,1))-1)+IF('Standard Profiles'!$G$19=$B$10,7,0)+IF('Standard Profiles'!$G$19=$B$17,14,0)+IF('Standard Profiles'!$G$19=$B$24,21,0),0)),0)</f>
        <v>2.4004299653909551</v>
      </c>
      <c r="F1023" cm="1">
        <f t="array" ref="F1023">IFERROR(INDEX(Jesper!AJ$2:AJ$366,ROUNDDOWN($C1023/24,0)+1,1)*INDEX($D$3:$AA$30,INDEX(Jesper!$R$2:$R$366,ROW(INDEX(Jesper!AJ$2:AJ$366,ROUNDDOWN($C1023/24,0)+1,1))-1)+IF('Standard Profiles'!$G$20=$B$10,7,0)+IF('Standard Profiles'!$G$20=$B$17,14,0)+IF('Standard Profiles'!$G$20=$B$24,21,0),MOD($C1023,24)+1)/SUM(INDEX($D$3:$AA$30,INDEX(Jesper!$R$2:$R$366,ROW(INDEX(Jesper!AJ$2:AJ$366,ROUNDDOWN($C1023/24,0)+1,1))-1)+IF('Standard Profiles'!$G$20=$B$10,7,0)+IF('Standard Profiles'!$G$20=$B$17,14,0)+IF('Standard Profiles'!$G$20=$B$24,21,0),0)),0)</f>
        <v>0</v>
      </c>
      <c r="G1023" cm="1">
        <f t="array" ref="G1023">IFERROR(INDEX(Jesper!AK$2:AK$366,ROUNDDOWN($C1023/24,0)+1,1)*INDEX($D$3:$AA$30,INDEX(Jesper!$R$2:$R$366,ROW(INDEX(Jesper!AK$2:AK$366,ROUNDDOWN($C1023/24,0)+1,1))-1)+IF('Standard Profiles'!$G$21=$B$10,7,0)+IF('Standard Profiles'!$G$21=$B$17,14,0)+IF('Standard Profiles'!$G$21=$B$24,21,0),MOD($C1023,24)+1)/SUM(INDEX($D$3:$AA$30,INDEX(Jesper!$R$2:$R$366,ROW(INDEX(Jesper!AK$2:AK$366,ROUNDDOWN($C1023/24,0)+1,1))-1)+IF('Standard Profiles'!$G$21=$B$10,7,0)+IF('Standard Profiles'!$G$21=$B$17,14,0)+IF('Standard Profiles'!$G$21=$B$24,21,0),0)),0)</f>
        <v>0</v>
      </c>
      <c r="H1023" cm="1">
        <f t="array" ref="H1023">IFERROR(INDEX(Jesper!AL$2:AL$366,ROUNDDOWN($C1023/24,0)+1,1)*INDEX($D$3:$AA$30,INDEX(Jesper!$R$2:$R$366,ROW(INDEX(Jesper!AL$2:AL$366,ROUNDDOWN($C1023/24,0)+1,1))-1)+IF('Standard Profiles'!$G$22=$B$10,7,0)+IF('Standard Profiles'!$G$22=$B$17,14,0)+IF('Standard Profiles'!$G$22=$B$24,21,0),MOD($C1023,24)+1)/SUM(INDEX($D$3:$AA$30,INDEX(Jesper!$R$2:$R$366,ROW(INDEX(Jesper!AL$2:AL$366,ROUNDDOWN($C1023/24,0)+1,1))-1)+IF('Standard Profiles'!$G$22=$B$10,7,0)+IF('Standard Profiles'!$G$22=$B$17,14,0)+IF('Standard Profiles'!$G$22=$B$24,21,0),0)),0)</f>
        <v>0</v>
      </c>
      <c r="I1023">
        <f t="shared" si="125"/>
        <v>0.21625495183702304</v>
      </c>
      <c r="J1023">
        <f t="shared" si="126"/>
        <v>0.72084983945674352</v>
      </c>
      <c r="K1023">
        <f t="shared" si="127"/>
        <v>1.0812747591851153</v>
      </c>
      <c r="L1023">
        <f t="shared" si="128"/>
        <v>10.837921417485349</v>
      </c>
      <c r="M1023">
        <f t="shared" si="129"/>
        <v>0</v>
      </c>
      <c r="N1023" s="46">
        <f t="shared" si="130"/>
        <v>45333.208333330935</v>
      </c>
    </row>
    <row r="1024" spans="2:14" x14ac:dyDescent="0.3">
      <c r="B1024">
        <f t="shared" si="124"/>
        <v>7</v>
      </c>
      <c r="C1024" s="16">
        <v>990</v>
      </c>
      <c r="D1024" cm="1">
        <f t="array" ref="D1024">IFERROR(INDEX(Jesper!AH$2:AH$366,ROUNDDOWN($C1024/24,0)+1,1)*INDEX($D$3:$AA$30,INDEX(Jesper!$R$2:$R$366,ROW(INDEX(Jesper!AH$2:AH$366,ROUNDDOWN($C1024/24,0)+1,1))-1)+IF('Standard Profiles'!$G$18=$B$10,7,0)+IF('Standard Profiles'!$G$18=$B$17,14,0)+IF('Standard Profiles'!$G$18=$B$24,21,0),MOD($C1024,24)+1)/SUM(INDEX($D$3:$AA$30,INDEX(Jesper!$R$2:$R$366,ROW(INDEX(Jesper!AH$2:AH$366,ROUNDDOWN($C1024/24,0)+1,1))-1)+IF('Standard Profiles'!$G$18=$B$10,7,0)+IF('Standard Profiles'!$G$18=$B$17,14,0)+IF('Standard Profiles'!$G$18=$B$24,21,0),0)),0)</f>
        <v>12.314692514141857</v>
      </c>
      <c r="E1024" cm="1">
        <f t="array" ref="E1024">IFERROR(INDEX(Jesper!AI$2:AI$366,ROUNDDOWN($C1024/24,0)+1,1)*INDEX($D$3:$AA$30,INDEX(Jesper!$R$2:$R$366,ROW(INDEX(Jesper!AI$2:AI$366,ROUNDDOWN($C1024/24,0)+1,1))-1)+IF('Standard Profiles'!$G$19=$B$10,7,0)+IF('Standard Profiles'!$G$19=$B$17,14,0)+IF('Standard Profiles'!$G$19=$B$24,21,0),MOD($C1024,24)+1)/SUM(INDEX($D$3:$AA$30,INDEX(Jesper!$R$2:$R$366,ROW(INDEX(Jesper!AI$2:AI$366,ROUNDDOWN($C1024/24,0)+1,1))-1)+IF('Standard Profiles'!$G$19=$B$10,7,0)+IF('Standard Profiles'!$G$19=$B$17,14,0)+IF('Standard Profiles'!$G$19=$B$24,21,0),0)),0)</f>
        <v>2.8271730703493474</v>
      </c>
      <c r="F1024" cm="1">
        <f t="array" ref="F1024">IFERROR(INDEX(Jesper!AJ$2:AJ$366,ROUNDDOWN($C1024/24,0)+1,1)*INDEX($D$3:$AA$30,INDEX(Jesper!$R$2:$R$366,ROW(INDEX(Jesper!AJ$2:AJ$366,ROUNDDOWN($C1024/24,0)+1,1))-1)+IF('Standard Profiles'!$G$20=$B$10,7,0)+IF('Standard Profiles'!$G$20=$B$17,14,0)+IF('Standard Profiles'!$G$20=$B$24,21,0),MOD($C1024,24)+1)/SUM(INDEX($D$3:$AA$30,INDEX(Jesper!$R$2:$R$366,ROW(INDEX(Jesper!AJ$2:AJ$366,ROUNDDOWN($C1024/24,0)+1,1))-1)+IF('Standard Profiles'!$G$20=$B$10,7,0)+IF('Standard Profiles'!$G$20=$B$17,14,0)+IF('Standard Profiles'!$G$20=$B$24,21,0),0)),0)</f>
        <v>0</v>
      </c>
      <c r="G1024" cm="1">
        <f t="array" ref="G1024">IFERROR(INDEX(Jesper!AK$2:AK$366,ROUNDDOWN($C1024/24,0)+1,1)*INDEX($D$3:$AA$30,INDEX(Jesper!$R$2:$R$366,ROW(INDEX(Jesper!AK$2:AK$366,ROUNDDOWN($C1024/24,0)+1,1))-1)+IF('Standard Profiles'!$G$21=$B$10,7,0)+IF('Standard Profiles'!$G$21=$B$17,14,0)+IF('Standard Profiles'!$G$21=$B$24,21,0),MOD($C1024,24)+1)/SUM(INDEX($D$3:$AA$30,INDEX(Jesper!$R$2:$R$366,ROW(INDEX(Jesper!AK$2:AK$366,ROUNDDOWN($C1024/24,0)+1,1))-1)+IF('Standard Profiles'!$G$21=$B$10,7,0)+IF('Standard Profiles'!$G$21=$B$17,14,0)+IF('Standard Profiles'!$G$21=$B$24,21,0),0)),0)</f>
        <v>0</v>
      </c>
      <c r="H1024" cm="1">
        <f t="array" ref="H1024">IFERROR(INDEX(Jesper!AL$2:AL$366,ROUNDDOWN($C1024/24,0)+1,1)*INDEX($D$3:$AA$30,INDEX(Jesper!$R$2:$R$366,ROW(INDEX(Jesper!AL$2:AL$366,ROUNDDOWN($C1024/24,0)+1,1))-1)+IF('Standard Profiles'!$G$22=$B$10,7,0)+IF('Standard Profiles'!$G$22=$B$17,14,0)+IF('Standard Profiles'!$G$22=$B$24,21,0),MOD($C1024,24)+1)/SUM(INDEX($D$3:$AA$30,INDEX(Jesper!$R$2:$R$366,ROW(INDEX(Jesper!AL$2:AL$366,ROUNDDOWN($C1024/24,0)+1,1))-1)+IF('Standard Profiles'!$G$22=$B$10,7,0)+IF('Standard Profiles'!$G$22=$B$17,14,0)+IF('Standard Profiles'!$G$22=$B$24,21,0),0)),0)</f>
        <v>0</v>
      </c>
      <c r="I1024">
        <f t="shared" si="125"/>
        <v>0.25470027660804939</v>
      </c>
      <c r="J1024">
        <f t="shared" si="126"/>
        <v>0.84900092202683142</v>
      </c>
      <c r="K1024">
        <f t="shared" si="127"/>
        <v>1.2735013830402471</v>
      </c>
      <c r="L1024">
        <f t="shared" si="128"/>
        <v>12.764663002816077</v>
      </c>
      <c r="M1024">
        <f t="shared" si="129"/>
        <v>0</v>
      </c>
      <c r="N1024" s="46">
        <f t="shared" si="130"/>
        <v>45333.249999997599</v>
      </c>
    </row>
    <row r="1025" spans="2:14" x14ac:dyDescent="0.3">
      <c r="B1025">
        <f t="shared" si="124"/>
        <v>7</v>
      </c>
      <c r="C1025" s="16">
        <v>991</v>
      </c>
      <c r="D1025" cm="1">
        <f t="array" ref="D1025">IFERROR(INDEX(Jesper!AH$2:AH$366,ROUNDDOWN($C1025/24,0)+1,1)*INDEX($D$3:$AA$30,INDEX(Jesper!$R$2:$R$366,ROW(INDEX(Jesper!AH$2:AH$366,ROUNDDOWN($C1025/24,0)+1,1))-1)+IF('Standard Profiles'!$G$18=$B$10,7,0)+IF('Standard Profiles'!$G$18=$B$17,14,0)+IF('Standard Profiles'!$G$18=$B$24,21,0),MOD($C1025,24)+1)/SUM(INDEX($D$3:$AA$30,INDEX(Jesper!$R$2:$R$366,ROW(INDEX(Jesper!AH$2:AH$366,ROUNDDOWN($C1025/24,0)+1,1))-1)+IF('Standard Profiles'!$G$18=$B$10,7,0)+IF('Standard Profiles'!$G$18=$B$17,14,0)+IF('Standard Profiles'!$G$18=$B$24,21,0),0)),0)</f>
        <v>14.638219403602584</v>
      </c>
      <c r="E1025" cm="1">
        <f t="array" ref="E1025">IFERROR(INDEX(Jesper!AI$2:AI$366,ROUNDDOWN($C1025/24,0)+1,1)*INDEX($D$3:$AA$30,INDEX(Jesper!$R$2:$R$366,ROW(INDEX(Jesper!AI$2:AI$366,ROUNDDOWN($C1025/24,0)+1,1))-1)+IF('Standard Profiles'!$G$19=$B$10,7,0)+IF('Standard Profiles'!$G$19=$B$17,14,0)+IF('Standard Profiles'!$G$19=$B$24,21,0),MOD($C1025,24)+1)/SUM(INDEX($D$3:$AA$30,INDEX(Jesper!$R$2:$R$366,ROW(INDEX(Jesper!AI$2:AI$366,ROUNDDOWN($C1025/24,0)+1,1))-1)+IF('Standard Profiles'!$G$19=$B$10,7,0)+IF('Standard Profiles'!$G$19=$B$17,14,0)+IF('Standard Profiles'!$G$19=$B$24,21,0),0)),0)</f>
        <v>3.3606019515473373</v>
      </c>
      <c r="F1025" cm="1">
        <f t="array" ref="F1025">IFERROR(INDEX(Jesper!AJ$2:AJ$366,ROUNDDOWN($C1025/24,0)+1,1)*INDEX($D$3:$AA$30,INDEX(Jesper!$R$2:$R$366,ROW(INDEX(Jesper!AJ$2:AJ$366,ROUNDDOWN($C1025/24,0)+1,1))-1)+IF('Standard Profiles'!$G$20=$B$10,7,0)+IF('Standard Profiles'!$G$20=$B$17,14,0)+IF('Standard Profiles'!$G$20=$B$24,21,0),MOD($C1025,24)+1)/SUM(INDEX($D$3:$AA$30,INDEX(Jesper!$R$2:$R$366,ROW(INDEX(Jesper!AJ$2:AJ$366,ROUNDDOWN($C1025/24,0)+1,1))-1)+IF('Standard Profiles'!$G$20=$B$10,7,0)+IF('Standard Profiles'!$G$20=$B$17,14,0)+IF('Standard Profiles'!$G$20=$B$24,21,0),0)),0)</f>
        <v>0</v>
      </c>
      <c r="G1025" cm="1">
        <f t="array" ref="G1025">IFERROR(INDEX(Jesper!AK$2:AK$366,ROUNDDOWN($C1025/24,0)+1,1)*INDEX($D$3:$AA$30,INDEX(Jesper!$R$2:$R$366,ROW(INDEX(Jesper!AK$2:AK$366,ROUNDDOWN($C1025/24,0)+1,1))-1)+IF('Standard Profiles'!$G$21=$B$10,7,0)+IF('Standard Profiles'!$G$21=$B$17,14,0)+IF('Standard Profiles'!$G$21=$B$24,21,0),MOD($C1025,24)+1)/SUM(INDEX($D$3:$AA$30,INDEX(Jesper!$R$2:$R$366,ROW(INDEX(Jesper!AK$2:AK$366,ROUNDDOWN($C1025/24,0)+1,1))-1)+IF('Standard Profiles'!$G$21=$B$10,7,0)+IF('Standard Profiles'!$G$21=$B$17,14,0)+IF('Standard Profiles'!$G$21=$B$24,21,0),0)),0)</f>
        <v>0</v>
      </c>
      <c r="H1025" cm="1">
        <f t="array" ref="H1025">IFERROR(INDEX(Jesper!AL$2:AL$366,ROUNDDOWN($C1025/24,0)+1,1)*INDEX($D$3:$AA$30,INDEX(Jesper!$R$2:$R$366,ROW(INDEX(Jesper!AL$2:AL$366,ROUNDDOWN($C1025/24,0)+1,1))-1)+IF('Standard Profiles'!$G$22=$B$10,7,0)+IF('Standard Profiles'!$G$22=$B$17,14,0)+IF('Standard Profiles'!$G$22=$B$24,21,0),MOD($C1025,24)+1)/SUM(INDEX($D$3:$AA$30,INDEX(Jesper!$R$2:$R$366,ROW(INDEX(Jesper!AL$2:AL$366,ROUNDDOWN($C1025/24,0)+1,1))-1)+IF('Standard Profiles'!$G$22=$B$10,7,0)+IF('Standard Profiles'!$G$22=$B$17,14,0)+IF('Standard Profiles'!$G$22=$B$24,21,0),0)),0)</f>
        <v>0</v>
      </c>
      <c r="I1025">
        <f t="shared" si="125"/>
        <v>0.30275693257183228</v>
      </c>
      <c r="J1025">
        <f t="shared" si="126"/>
        <v>1.009189775239441</v>
      </c>
      <c r="K1025">
        <f t="shared" si="127"/>
        <v>1.5137846628591616</v>
      </c>
      <c r="L1025">
        <f t="shared" si="128"/>
        <v>15.173089984479486</v>
      </c>
      <c r="M1025">
        <f t="shared" si="129"/>
        <v>0</v>
      </c>
      <c r="N1025" s="46">
        <f t="shared" si="130"/>
        <v>45333.291666664263</v>
      </c>
    </row>
    <row r="1026" spans="2:14" x14ac:dyDescent="0.3">
      <c r="B1026">
        <f t="shared" si="124"/>
        <v>7</v>
      </c>
      <c r="C1026" s="16">
        <v>992</v>
      </c>
      <c r="D1026" cm="1">
        <f t="array" ref="D1026">IFERROR(INDEX(Jesper!AH$2:AH$366,ROUNDDOWN($C1026/24,0)+1,1)*INDEX($D$3:$AA$30,INDEX(Jesper!$R$2:$R$366,ROW(INDEX(Jesper!AH$2:AH$366,ROUNDDOWN($C1026/24,0)+1,1))-1)+IF('Standard Profiles'!$G$18=$B$10,7,0)+IF('Standard Profiles'!$G$18=$B$17,14,0)+IF('Standard Profiles'!$G$18=$B$24,21,0),MOD($C1026,24)+1)/SUM(INDEX($D$3:$AA$30,INDEX(Jesper!$R$2:$R$366,ROW(INDEX(Jesper!AH$2:AH$366,ROUNDDOWN($C1026/24,0)+1,1))-1)+IF('Standard Profiles'!$G$18=$B$10,7,0)+IF('Standard Profiles'!$G$18=$B$17,14,0)+IF('Standard Profiles'!$G$18=$B$24,21,0),0)),0)</f>
        <v>14.638219403602584</v>
      </c>
      <c r="E1026" cm="1">
        <f t="array" ref="E1026">IFERROR(INDEX(Jesper!AI$2:AI$366,ROUNDDOWN($C1026/24,0)+1,1)*INDEX($D$3:$AA$30,INDEX(Jesper!$R$2:$R$366,ROW(INDEX(Jesper!AI$2:AI$366,ROUNDDOWN($C1026/24,0)+1,1))-1)+IF('Standard Profiles'!$G$19=$B$10,7,0)+IF('Standard Profiles'!$G$19=$B$17,14,0)+IF('Standard Profiles'!$G$19=$B$24,21,0),MOD($C1026,24)+1)/SUM(INDEX($D$3:$AA$30,INDEX(Jesper!$R$2:$R$366,ROW(INDEX(Jesper!AI$2:AI$366,ROUNDDOWN($C1026/24,0)+1,1))-1)+IF('Standard Profiles'!$G$19=$B$10,7,0)+IF('Standard Profiles'!$G$19=$B$17,14,0)+IF('Standard Profiles'!$G$19=$B$24,21,0),0)),0)</f>
        <v>3.3606019515473373</v>
      </c>
      <c r="F1026" cm="1">
        <f t="array" ref="F1026">IFERROR(INDEX(Jesper!AJ$2:AJ$366,ROUNDDOWN($C1026/24,0)+1,1)*INDEX($D$3:$AA$30,INDEX(Jesper!$R$2:$R$366,ROW(INDEX(Jesper!AJ$2:AJ$366,ROUNDDOWN($C1026/24,0)+1,1))-1)+IF('Standard Profiles'!$G$20=$B$10,7,0)+IF('Standard Profiles'!$G$20=$B$17,14,0)+IF('Standard Profiles'!$G$20=$B$24,21,0),MOD($C1026,24)+1)/SUM(INDEX($D$3:$AA$30,INDEX(Jesper!$R$2:$R$366,ROW(INDEX(Jesper!AJ$2:AJ$366,ROUNDDOWN($C1026/24,0)+1,1))-1)+IF('Standard Profiles'!$G$20=$B$10,7,0)+IF('Standard Profiles'!$G$20=$B$17,14,0)+IF('Standard Profiles'!$G$20=$B$24,21,0),0)),0)</f>
        <v>0</v>
      </c>
      <c r="G1026" cm="1">
        <f t="array" ref="G1026">IFERROR(INDEX(Jesper!AK$2:AK$366,ROUNDDOWN($C1026/24,0)+1,1)*INDEX($D$3:$AA$30,INDEX(Jesper!$R$2:$R$366,ROW(INDEX(Jesper!AK$2:AK$366,ROUNDDOWN($C1026/24,0)+1,1))-1)+IF('Standard Profiles'!$G$21=$B$10,7,0)+IF('Standard Profiles'!$G$21=$B$17,14,0)+IF('Standard Profiles'!$G$21=$B$24,21,0),MOD($C1026,24)+1)/SUM(INDEX($D$3:$AA$30,INDEX(Jesper!$R$2:$R$366,ROW(INDEX(Jesper!AK$2:AK$366,ROUNDDOWN($C1026/24,0)+1,1))-1)+IF('Standard Profiles'!$G$21=$B$10,7,0)+IF('Standard Profiles'!$G$21=$B$17,14,0)+IF('Standard Profiles'!$G$21=$B$24,21,0),0)),0)</f>
        <v>0</v>
      </c>
      <c r="H1026" cm="1">
        <f t="array" ref="H1026">IFERROR(INDEX(Jesper!AL$2:AL$366,ROUNDDOWN($C1026/24,0)+1,1)*INDEX($D$3:$AA$30,INDEX(Jesper!$R$2:$R$366,ROW(INDEX(Jesper!AL$2:AL$366,ROUNDDOWN($C1026/24,0)+1,1))-1)+IF('Standard Profiles'!$G$22=$B$10,7,0)+IF('Standard Profiles'!$G$22=$B$17,14,0)+IF('Standard Profiles'!$G$22=$B$24,21,0),MOD($C1026,24)+1)/SUM(INDEX($D$3:$AA$30,INDEX(Jesper!$R$2:$R$366,ROW(INDEX(Jesper!AL$2:AL$366,ROUNDDOWN($C1026/24,0)+1,1))-1)+IF('Standard Profiles'!$G$22=$B$10,7,0)+IF('Standard Profiles'!$G$22=$B$17,14,0)+IF('Standard Profiles'!$G$22=$B$24,21,0),0)),0)</f>
        <v>0</v>
      </c>
      <c r="I1026">
        <f t="shared" si="125"/>
        <v>0.30275693257183228</v>
      </c>
      <c r="J1026">
        <f t="shared" si="126"/>
        <v>1.009189775239441</v>
      </c>
      <c r="K1026">
        <f t="shared" si="127"/>
        <v>1.5137846628591616</v>
      </c>
      <c r="L1026">
        <f t="shared" si="128"/>
        <v>15.173089984479486</v>
      </c>
      <c r="M1026">
        <f t="shared" si="129"/>
        <v>0</v>
      </c>
      <c r="N1026" s="46">
        <f t="shared" si="130"/>
        <v>45333.333333330927</v>
      </c>
    </row>
    <row r="1027" spans="2:14" x14ac:dyDescent="0.3">
      <c r="B1027">
        <f t="shared" si="124"/>
        <v>7</v>
      </c>
      <c r="C1027" s="16">
        <v>993</v>
      </c>
      <c r="D1027" cm="1">
        <f t="array" ref="D1027">IFERROR(INDEX(Jesper!AH$2:AH$366,ROUNDDOWN($C1027/24,0)+1,1)*INDEX($D$3:$AA$30,INDEX(Jesper!$R$2:$R$366,ROW(INDEX(Jesper!AH$2:AH$366,ROUNDDOWN($C1027/24,0)+1,1))-1)+IF('Standard Profiles'!$G$18=$B$10,7,0)+IF('Standard Profiles'!$G$18=$B$17,14,0)+IF('Standard Profiles'!$G$18=$B$24,21,0),MOD($C1027,24)+1)/SUM(INDEX($D$3:$AA$30,INDEX(Jesper!$R$2:$R$366,ROW(INDEX(Jesper!AH$2:AH$366,ROUNDDOWN($C1027/24,0)+1,1))-1)+IF('Standard Profiles'!$G$18=$B$10,7,0)+IF('Standard Profiles'!$G$18=$B$17,14,0)+IF('Standard Profiles'!$G$18=$B$24,21,0),0)),0)</f>
        <v>14.638219403602584</v>
      </c>
      <c r="E1027" cm="1">
        <f t="array" ref="E1027">IFERROR(INDEX(Jesper!AI$2:AI$366,ROUNDDOWN($C1027/24,0)+1,1)*INDEX($D$3:$AA$30,INDEX(Jesper!$R$2:$R$366,ROW(INDEX(Jesper!AI$2:AI$366,ROUNDDOWN($C1027/24,0)+1,1))-1)+IF('Standard Profiles'!$G$19=$B$10,7,0)+IF('Standard Profiles'!$G$19=$B$17,14,0)+IF('Standard Profiles'!$G$19=$B$24,21,0),MOD($C1027,24)+1)/SUM(INDEX($D$3:$AA$30,INDEX(Jesper!$R$2:$R$366,ROW(INDEX(Jesper!AI$2:AI$366,ROUNDDOWN($C1027/24,0)+1,1))-1)+IF('Standard Profiles'!$G$19=$B$10,7,0)+IF('Standard Profiles'!$G$19=$B$17,14,0)+IF('Standard Profiles'!$G$19=$B$24,21,0),0)),0)</f>
        <v>3.3606019515473373</v>
      </c>
      <c r="F1027" cm="1">
        <f t="array" ref="F1027">IFERROR(INDEX(Jesper!AJ$2:AJ$366,ROUNDDOWN($C1027/24,0)+1,1)*INDEX($D$3:$AA$30,INDEX(Jesper!$R$2:$R$366,ROW(INDEX(Jesper!AJ$2:AJ$366,ROUNDDOWN($C1027/24,0)+1,1))-1)+IF('Standard Profiles'!$G$20=$B$10,7,0)+IF('Standard Profiles'!$G$20=$B$17,14,0)+IF('Standard Profiles'!$G$20=$B$24,21,0),MOD($C1027,24)+1)/SUM(INDEX($D$3:$AA$30,INDEX(Jesper!$R$2:$R$366,ROW(INDEX(Jesper!AJ$2:AJ$366,ROUNDDOWN($C1027/24,0)+1,1))-1)+IF('Standard Profiles'!$G$20=$B$10,7,0)+IF('Standard Profiles'!$G$20=$B$17,14,0)+IF('Standard Profiles'!$G$20=$B$24,21,0),0)),0)</f>
        <v>0</v>
      </c>
      <c r="G1027" cm="1">
        <f t="array" ref="G1027">IFERROR(INDEX(Jesper!AK$2:AK$366,ROUNDDOWN($C1027/24,0)+1,1)*INDEX($D$3:$AA$30,INDEX(Jesper!$R$2:$R$366,ROW(INDEX(Jesper!AK$2:AK$366,ROUNDDOWN($C1027/24,0)+1,1))-1)+IF('Standard Profiles'!$G$21=$B$10,7,0)+IF('Standard Profiles'!$G$21=$B$17,14,0)+IF('Standard Profiles'!$G$21=$B$24,21,0),MOD($C1027,24)+1)/SUM(INDEX($D$3:$AA$30,INDEX(Jesper!$R$2:$R$366,ROW(INDEX(Jesper!AK$2:AK$366,ROUNDDOWN($C1027/24,0)+1,1))-1)+IF('Standard Profiles'!$G$21=$B$10,7,0)+IF('Standard Profiles'!$G$21=$B$17,14,0)+IF('Standard Profiles'!$G$21=$B$24,21,0),0)),0)</f>
        <v>0</v>
      </c>
      <c r="H1027" cm="1">
        <f t="array" ref="H1027">IFERROR(INDEX(Jesper!AL$2:AL$366,ROUNDDOWN($C1027/24,0)+1,1)*INDEX($D$3:$AA$30,INDEX(Jesper!$R$2:$R$366,ROW(INDEX(Jesper!AL$2:AL$366,ROUNDDOWN($C1027/24,0)+1,1))-1)+IF('Standard Profiles'!$G$22=$B$10,7,0)+IF('Standard Profiles'!$G$22=$B$17,14,0)+IF('Standard Profiles'!$G$22=$B$24,21,0),MOD($C1027,24)+1)/SUM(INDEX($D$3:$AA$30,INDEX(Jesper!$R$2:$R$366,ROW(INDEX(Jesper!AL$2:AL$366,ROUNDDOWN($C1027/24,0)+1,1))-1)+IF('Standard Profiles'!$G$22=$B$10,7,0)+IF('Standard Profiles'!$G$22=$B$17,14,0)+IF('Standard Profiles'!$G$22=$B$24,21,0),0)),0)</f>
        <v>0</v>
      </c>
      <c r="I1027">
        <f t="shared" si="125"/>
        <v>0.30275693257183228</v>
      </c>
      <c r="J1027">
        <f t="shared" si="126"/>
        <v>1.009189775239441</v>
      </c>
      <c r="K1027">
        <f t="shared" si="127"/>
        <v>1.5137846628591616</v>
      </c>
      <c r="L1027">
        <f t="shared" si="128"/>
        <v>15.173089984479486</v>
      </c>
      <c r="M1027">
        <f t="shared" si="129"/>
        <v>0</v>
      </c>
      <c r="N1027" s="46">
        <f t="shared" si="130"/>
        <v>45333.374999997592</v>
      </c>
    </row>
    <row r="1028" spans="2:14" x14ac:dyDescent="0.3">
      <c r="B1028">
        <f t="shared" si="124"/>
        <v>7</v>
      </c>
      <c r="C1028" s="16">
        <v>994</v>
      </c>
      <c r="D1028" cm="1">
        <f t="array" ref="D1028">IFERROR(INDEX(Jesper!AH$2:AH$366,ROUNDDOWN($C1028/24,0)+1,1)*INDEX($D$3:$AA$30,INDEX(Jesper!$R$2:$R$366,ROW(INDEX(Jesper!AH$2:AH$366,ROUNDDOWN($C1028/24,0)+1,1))-1)+IF('Standard Profiles'!$G$18=$B$10,7,0)+IF('Standard Profiles'!$G$18=$B$17,14,0)+IF('Standard Profiles'!$G$18=$B$24,21,0),MOD($C1028,24)+1)/SUM(INDEX($D$3:$AA$30,INDEX(Jesper!$R$2:$R$366,ROW(INDEX(Jesper!AH$2:AH$366,ROUNDDOWN($C1028/24,0)+1,1))-1)+IF('Standard Profiles'!$G$18=$B$10,7,0)+IF('Standard Profiles'!$G$18=$B$17,14,0)+IF('Standard Profiles'!$G$18=$B$24,21,0),0)),0)</f>
        <v>14.638219403602584</v>
      </c>
      <c r="E1028" cm="1">
        <f t="array" ref="E1028">IFERROR(INDEX(Jesper!AI$2:AI$366,ROUNDDOWN($C1028/24,0)+1,1)*INDEX($D$3:$AA$30,INDEX(Jesper!$R$2:$R$366,ROW(INDEX(Jesper!AI$2:AI$366,ROUNDDOWN($C1028/24,0)+1,1))-1)+IF('Standard Profiles'!$G$19=$B$10,7,0)+IF('Standard Profiles'!$G$19=$B$17,14,0)+IF('Standard Profiles'!$G$19=$B$24,21,0),MOD($C1028,24)+1)/SUM(INDEX($D$3:$AA$30,INDEX(Jesper!$R$2:$R$366,ROW(INDEX(Jesper!AI$2:AI$366,ROUNDDOWN($C1028/24,0)+1,1))-1)+IF('Standard Profiles'!$G$19=$B$10,7,0)+IF('Standard Profiles'!$G$19=$B$17,14,0)+IF('Standard Profiles'!$G$19=$B$24,21,0),0)),0)</f>
        <v>3.3606019515473373</v>
      </c>
      <c r="F1028" cm="1">
        <f t="array" ref="F1028">IFERROR(INDEX(Jesper!AJ$2:AJ$366,ROUNDDOWN($C1028/24,0)+1,1)*INDEX($D$3:$AA$30,INDEX(Jesper!$R$2:$R$366,ROW(INDEX(Jesper!AJ$2:AJ$366,ROUNDDOWN($C1028/24,0)+1,1))-1)+IF('Standard Profiles'!$G$20=$B$10,7,0)+IF('Standard Profiles'!$G$20=$B$17,14,0)+IF('Standard Profiles'!$G$20=$B$24,21,0),MOD($C1028,24)+1)/SUM(INDEX($D$3:$AA$30,INDEX(Jesper!$R$2:$R$366,ROW(INDEX(Jesper!AJ$2:AJ$366,ROUNDDOWN($C1028/24,0)+1,1))-1)+IF('Standard Profiles'!$G$20=$B$10,7,0)+IF('Standard Profiles'!$G$20=$B$17,14,0)+IF('Standard Profiles'!$G$20=$B$24,21,0),0)),0)</f>
        <v>0</v>
      </c>
      <c r="G1028" cm="1">
        <f t="array" ref="G1028">IFERROR(INDEX(Jesper!AK$2:AK$366,ROUNDDOWN($C1028/24,0)+1,1)*INDEX($D$3:$AA$30,INDEX(Jesper!$R$2:$R$366,ROW(INDEX(Jesper!AK$2:AK$366,ROUNDDOWN($C1028/24,0)+1,1))-1)+IF('Standard Profiles'!$G$21=$B$10,7,0)+IF('Standard Profiles'!$G$21=$B$17,14,0)+IF('Standard Profiles'!$G$21=$B$24,21,0),MOD($C1028,24)+1)/SUM(INDEX($D$3:$AA$30,INDEX(Jesper!$R$2:$R$366,ROW(INDEX(Jesper!AK$2:AK$366,ROUNDDOWN($C1028/24,0)+1,1))-1)+IF('Standard Profiles'!$G$21=$B$10,7,0)+IF('Standard Profiles'!$G$21=$B$17,14,0)+IF('Standard Profiles'!$G$21=$B$24,21,0),0)),0)</f>
        <v>0</v>
      </c>
      <c r="H1028" cm="1">
        <f t="array" ref="H1028">IFERROR(INDEX(Jesper!AL$2:AL$366,ROUNDDOWN($C1028/24,0)+1,1)*INDEX($D$3:$AA$30,INDEX(Jesper!$R$2:$R$366,ROW(INDEX(Jesper!AL$2:AL$366,ROUNDDOWN($C1028/24,0)+1,1))-1)+IF('Standard Profiles'!$G$22=$B$10,7,0)+IF('Standard Profiles'!$G$22=$B$17,14,0)+IF('Standard Profiles'!$G$22=$B$24,21,0),MOD($C1028,24)+1)/SUM(INDEX($D$3:$AA$30,INDEX(Jesper!$R$2:$R$366,ROW(INDEX(Jesper!AL$2:AL$366,ROUNDDOWN($C1028/24,0)+1,1))-1)+IF('Standard Profiles'!$G$22=$B$10,7,0)+IF('Standard Profiles'!$G$22=$B$17,14,0)+IF('Standard Profiles'!$G$22=$B$24,21,0),0)),0)</f>
        <v>0</v>
      </c>
      <c r="I1028">
        <f t="shared" si="125"/>
        <v>0.30275693257183228</v>
      </c>
      <c r="J1028">
        <f t="shared" si="126"/>
        <v>1.009189775239441</v>
      </c>
      <c r="K1028">
        <f t="shared" si="127"/>
        <v>1.5137846628591616</v>
      </c>
      <c r="L1028">
        <f t="shared" si="128"/>
        <v>15.173089984479486</v>
      </c>
      <c r="M1028">
        <f t="shared" si="129"/>
        <v>0</v>
      </c>
      <c r="N1028" s="46">
        <f t="shared" si="130"/>
        <v>45333.416666664256</v>
      </c>
    </row>
    <row r="1029" spans="2:14" x14ac:dyDescent="0.3">
      <c r="B1029">
        <f t="shared" si="124"/>
        <v>7</v>
      </c>
      <c r="C1029" s="16">
        <v>995</v>
      </c>
      <c r="D1029" cm="1">
        <f t="array" ref="D1029">IFERROR(INDEX(Jesper!AH$2:AH$366,ROUNDDOWN($C1029/24,0)+1,1)*INDEX($D$3:$AA$30,INDEX(Jesper!$R$2:$R$366,ROW(INDEX(Jesper!AH$2:AH$366,ROUNDDOWN($C1029/24,0)+1,1))-1)+IF('Standard Profiles'!$G$18=$B$10,7,0)+IF('Standard Profiles'!$G$18=$B$17,14,0)+IF('Standard Profiles'!$G$18=$B$24,21,0),MOD($C1029,24)+1)/SUM(INDEX($D$3:$AA$30,INDEX(Jesper!$R$2:$R$366,ROW(INDEX(Jesper!AH$2:AH$366,ROUNDDOWN($C1029/24,0)+1,1))-1)+IF('Standard Profiles'!$G$18=$B$10,7,0)+IF('Standard Profiles'!$G$18=$B$17,14,0)+IF('Standard Profiles'!$G$18=$B$24,21,0),0)),0)</f>
        <v>14.638219403602584</v>
      </c>
      <c r="E1029" cm="1">
        <f t="array" ref="E1029">IFERROR(INDEX(Jesper!AI$2:AI$366,ROUNDDOWN($C1029/24,0)+1,1)*INDEX($D$3:$AA$30,INDEX(Jesper!$R$2:$R$366,ROW(INDEX(Jesper!AI$2:AI$366,ROUNDDOWN($C1029/24,0)+1,1))-1)+IF('Standard Profiles'!$G$19=$B$10,7,0)+IF('Standard Profiles'!$G$19=$B$17,14,0)+IF('Standard Profiles'!$G$19=$B$24,21,0),MOD($C1029,24)+1)/SUM(INDEX($D$3:$AA$30,INDEX(Jesper!$R$2:$R$366,ROW(INDEX(Jesper!AI$2:AI$366,ROUNDDOWN($C1029/24,0)+1,1))-1)+IF('Standard Profiles'!$G$19=$B$10,7,0)+IF('Standard Profiles'!$G$19=$B$17,14,0)+IF('Standard Profiles'!$G$19=$B$24,21,0),0)),0)</f>
        <v>3.3606019515473373</v>
      </c>
      <c r="F1029" cm="1">
        <f t="array" ref="F1029">IFERROR(INDEX(Jesper!AJ$2:AJ$366,ROUNDDOWN($C1029/24,0)+1,1)*INDEX($D$3:$AA$30,INDEX(Jesper!$R$2:$R$366,ROW(INDEX(Jesper!AJ$2:AJ$366,ROUNDDOWN($C1029/24,0)+1,1))-1)+IF('Standard Profiles'!$G$20=$B$10,7,0)+IF('Standard Profiles'!$G$20=$B$17,14,0)+IF('Standard Profiles'!$G$20=$B$24,21,0),MOD($C1029,24)+1)/SUM(INDEX($D$3:$AA$30,INDEX(Jesper!$R$2:$R$366,ROW(INDEX(Jesper!AJ$2:AJ$366,ROUNDDOWN($C1029/24,0)+1,1))-1)+IF('Standard Profiles'!$G$20=$B$10,7,0)+IF('Standard Profiles'!$G$20=$B$17,14,0)+IF('Standard Profiles'!$G$20=$B$24,21,0),0)),0)</f>
        <v>0</v>
      </c>
      <c r="G1029" cm="1">
        <f t="array" ref="G1029">IFERROR(INDEX(Jesper!AK$2:AK$366,ROUNDDOWN($C1029/24,0)+1,1)*INDEX($D$3:$AA$30,INDEX(Jesper!$R$2:$R$366,ROW(INDEX(Jesper!AK$2:AK$366,ROUNDDOWN($C1029/24,0)+1,1))-1)+IF('Standard Profiles'!$G$21=$B$10,7,0)+IF('Standard Profiles'!$G$21=$B$17,14,0)+IF('Standard Profiles'!$G$21=$B$24,21,0),MOD($C1029,24)+1)/SUM(INDEX($D$3:$AA$30,INDEX(Jesper!$R$2:$R$366,ROW(INDEX(Jesper!AK$2:AK$366,ROUNDDOWN($C1029/24,0)+1,1))-1)+IF('Standard Profiles'!$G$21=$B$10,7,0)+IF('Standard Profiles'!$G$21=$B$17,14,0)+IF('Standard Profiles'!$G$21=$B$24,21,0),0)),0)</f>
        <v>0</v>
      </c>
      <c r="H1029" cm="1">
        <f t="array" ref="H1029">IFERROR(INDEX(Jesper!AL$2:AL$366,ROUNDDOWN($C1029/24,0)+1,1)*INDEX($D$3:$AA$30,INDEX(Jesper!$R$2:$R$366,ROW(INDEX(Jesper!AL$2:AL$366,ROUNDDOWN($C1029/24,0)+1,1))-1)+IF('Standard Profiles'!$G$22=$B$10,7,0)+IF('Standard Profiles'!$G$22=$B$17,14,0)+IF('Standard Profiles'!$G$22=$B$24,21,0),MOD($C1029,24)+1)/SUM(INDEX($D$3:$AA$30,INDEX(Jesper!$R$2:$R$366,ROW(INDEX(Jesper!AL$2:AL$366,ROUNDDOWN($C1029/24,0)+1,1))-1)+IF('Standard Profiles'!$G$22=$B$10,7,0)+IF('Standard Profiles'!$G$22=$B$17,14,0)+IF('Standard Profiles'!$G$22=$B$24,21,0),0)),0)</f>
        <v>0</v>
      </c>
      <c r="I1029">
        <f t="shared" si="125"/>
        <v>0.30275693257183228</v>
      </c>
      <c r="J1029">
        <f t="shared" si="126"/>
        <v>1.009189775239441</v>
      </c>
      <c r="K1029">
        <f t="shared" si="127"/>
        <v>1.5137846628591616</v>
      </c>
      <c r="L1029">
        <f t="shared" si="128"/>
        <v>15.173089984479486</v>
      </c>
      <c r="M1029">
        <f t="shared" si="129"/>
        <v>0</v>
      </c>
      <c r="N1029" s="46">
        <f t="shared" si="130"/>
        <v>45333.45833333092</v>
      </c>
    </row>
    <row r="1030" spans="2:14" x14ac:dyDescent="0.3">
      <c r="B1030">
        <f t="shared" si="124"/>
        <v>7</v>
      </c>
      <c r="C1030" s="16">
        <v>996</v>
      </c>
      <c r="D1030" cm="1">
        <f t="array" ref="D1030">IFERROR(INDEX(Jesper!AH$2:AH$366,ROUNDDOWN($C1030/24,0)+1,1)*INDEX($D$3:$AA$30,INDEX(Jesper!$R$2:$R$366,ROW(INDEX(Jesper!AH$2:AH$366,ROUNDDOWN($C1030/24,0)+1,1))-1)+IF('Standard Profiles'!$G$18=$B$10,7,0)+IF('Standard Profiles'!$G$18=$B$17,14,0)+IF('Standard Profiles'!$G$18=$B$24,21,0),MOD($C1030,24)+1)/SUM(INDEX($D$3:$AA$30,INDEX(Jesper!$R$2:$R$366,ROW(INDEX(Jesper!AH$2:AH$366,ROUNDDOWN($C1030/24,0)+1,1))-1)+IF('Standard Profiles'!$G$18=$B$10,7,0)+IF('Standard Profiles'!$G$18=$B$17,14,0)+IF('Standard Profiles'!$G$18=$B$24,21,0),0)),0)</f>
        <v>14.638219403602584</v>
      </c>
      <c r="E1030" cm="1">
        <f t="array" ref="E1030">IFERROR(INDEX(Jesper!AI$2:AI$366,ROUNDDOWN($C1030/24,0)+1,1)*INDEX($D$3:$AA$30,INDEX(Jesper!$R$2:$R$366,ROW(INDEX(Jesper!AI$2:AI$366,ROUNDDOWN($C1030/24,0)+1,1))-1)+IF('Standard Profiles'!$G$19=$B$10,7,0)+IF('Standard Profiles'!$G$19=$B$17,14,0)+IF('Standard Profiles'!$G$19=$B$24,21,0),MOD($C1030,24)+1)/SUM(INDEX($D$3:$AA$30,INDEX(Jesper!$R$2:$R$366,ROW(INDEX(Jesper!AI$2:AI$366,ROUNDDOWN($C1030/24,0)+1,1))-1)+IF('Standard Profiles'!$G$19=$B$10,7,0)+IF('Standard Profiles'!$G$19=$B$17,14,0)+IF('Standard Profiles'!$G$19=$B$24,21,0),0)),0)</f>
        <v>3.3606019515473373</v>
      </c>
      <c r="F1030" cm="1">
        <f t="array" ref="F1030">IFERROR(INDEX(Jesper!AJ$2:AJ$366,ROUNDDOWN($C1030/24,0)+1,1)*INDEX($D$3:$AA$30,INDEX(Jesper!$R$2:$R$366,ROW(INDEX(Jesper!AJ$2:AJ$366,ROUNDDOWN($C1030/24,0)+1,1))-1)+IF('Standard Profiles'!$G$20=$B$10,7,0)+IF('Standard Profiles'!$G$20=$B$17,14,0)+IF('Standard Profiles'!$G$20=$B$24,21,0),MOD($C1030,24)+1)/SUM(INDEX($D$3:$AA$30,INDEX(Jesper!$R$2:$R$366,ROW(INDEX(Jesper!AJ$2:AJ$366,ROUNDDOWN($C1030/24,0)+1,1))-1)+IF('Standard Profiles'!$G$20=$B$10,7,0)+IF('Standard Profiles'!$G$20=$B$17,14,0)+IF('Standard Profiles'!$G$20=$B$24,21,0),0)),0)</f>
        <v>0</v>
      </c>
      <c r="G1030" cm="1">
        <f t="array" ref="G1030">IFERROR(INDEX(Jesper!AK$2:AK$366,ROUNDDOWN($C1030/24,0)+1,1)*INDEX($D$3:$AA$30,INDEX(Jesper!$R$2:$R$366,ROW(INDEX(Jesper!AK$2:AK$366,ROUNDDOWN($C1030/24,0)+1,1))-1)+IF('Standard Profiles'!$G$21=$B$10,7,0)+IF('Standard Profiles'!$G$21=$B$17,14,0)+IF('Standard Profiles'!$G$21=$B$24,21,0),MOD($C1030,24)+1)/SUM(INDEX($D$3:$AA$30,INDEX(Jesper!$R$2:$R$366,ROW(INDEX(Jesper!AK$2:AK$366,ROUNDDOWN($C1030/24,0)+1,1))-1)+IF('Standard Profiles'!$G$21=$B$10,7,0)+IF('Standard Profiles'!$G$21=$B$17,14,0)+IF('Standard Profiles'!$G$21=$B$24,21,0),0)),0)</f>
        <v>0</v>
      </c>
      <c r="H1030" cm="1">
        <f t="array" ref="H1030">IFERROR(INDEX(Jesper!AL$2:AL$366,ROUNDDOWN($C1030/24,0)+1,1)*INDEX($D$3:$AA$30,INDEX(Jesper!$R$2:$R$366,ROW(INDEX(Jesper!AL$2:AL$366,ROUNDDOWN($C1030/24,0)+1,1))-1)+IF('Standard Profiles'!$G$22=$B$10,7,0)+IF('Standard Profiles'!$G$22=$B$17,14,0)+IF('Standard Profiles'!$G$22=$B$24,21,0),MOD($C1030,24)+1)/SUM(INDEX($D$3:$AA$30,INDEX(Jesper!$R$2:$R$366,ROW(INDEX(Jesper!AL$2:AL$366,ROUNDDOWN($C1030/24,0)+1,1))-1)+IF('Standard Profiles'!$G$22=$B$10,7,0)+IF('Standard Profiles'!$G$22=$B$17,14,0)+IF('Standard Profiles'!$G$22=$B$24,21,0),0)),0)</f>
        <v>0</v>
      </c>
      <c r="I1030">
        <f t="shared" si="125"/>
        <v>0.30275693257183228</v>
      </c>
      <c r="J1030">
        <f t="shared" si="126"/>
        <v>1.009189775239441</v>
      </c>
      <c r="K1030">
        <f t="shared" si="127"/>
        <v>1.5137846628591616</v>
      </c>
      <c r="L1030">
        <f t="shared" si="128"/>
        <v>15.173089984479486</v>
      </c>
      <c r="M1030">
        <f t="shared" si="129"/>
        <v>0</v>
      </c>
      <c r="N1030" s="46">
        <f t="shared" si="130"/>
        <v>45333.499999997584</v>
      </c>
    </row>
    <row r="1031" spans="2:14" x14ac:dyDescent="0.3">
      <c r="B1031">
        <f t="shared" si="124"/>
        <v>7</v>
      </c>
      <c r="C1031" s="16">
        <v>997</v>
      </c>
      <c r="D1031" cm="1">
        <f t="array" ref="D1031">IFERROR(INDEX(Jesper!AH$2:AH$366,ROUNDDOWN($C1031/24,0)+1,1)*INDEX($D$3:$AA$30,INDEX(Jesper!$R$2:$R$366,ROW(INDEX(Jesper!AH$2:AH$366,ROUNDDOWN($C1031/24,0)+1,1))-1)+IF('Standard Profiles'!$G$18=$B$10,7,0)+IF('Standard Profiles'!$G$18=$B$17,14,0)+IF('Standard Profiles'!$G$18=$B$24,21,0),MOD($C1031,24)+1)/SUM(INDEX($D$3:$AA$30,INDEX(Jesper!$R$2:$R$366,ROW(INDEX(Jesper!AH$2:AH$366,ROUNDDOWN($C1031/24,0)+1,1))-1)+IF('Standard Profiles'!$G$18=$B$10,7,0)+IF('Standard Profiles'!$G$18=$B$17,14,0)+IF('Standard Profiles'!$G$18=$B$24,21,0),0)),0)</f>
        <v>14.638219403602584</v>
      </c>
      <c r="E1031" cm="1">
        <f t="array" ref="E1031">IFERROR(INDEX(Jesper!AI$2:AI$366,ROUNDDOWN($C1031/24,0)+1,1)*INDEX($D$3:$AA$30,INDEX(Jesper!$R$2:$R$366,ROW(INDEX(Jesper!AI$2:AI$366,ROUNDDOWN($C1031/24,0)+1,1))-1)+IF('Standard Profiles'!$G$19=$B$10,7,0)+IF('Standard Profiles'!$G$19=$B$17,14,0)+IF('Standard Profiles'!$G$19=$B$24,21,0),MOD($C1031,24)+1)/SUM(INDEX($D$3:$AA$30,INDEX(Jesper!$R$2:$R$366,ROW(INDEX(Jesper!AI$2:AI$366,ROUNDDOWN($C1031/24,0)+1,1))-1)+IF('Standard Profiles'!$G$19=$B$10,7,0)+IF('Standard Profiles'!$G$19=$B$17,14,0)+IF('Standard Profiles'!$G$19=$B$24,21,0),0)),0)</f>
        <v>3.3606019515473373</v>
      </c>
      <c r="F1031" cm="1">
        <f t="array" ref="F1031">IFERROR(INDEX(Jesper!AJ$2:AJ$366,ROUNDDOWN($C1031/24,0)+1,1)*INDEX($D$3:$AA$30,INDEX(Jesper!$R$2:$R$366,ROW(INDEX(Jesper!AJ$2:AJ$366,ROUNDDOWN($C1031/24,0)+1,1))-1)+IF('Standard Profiles'!$G$20=$B$10,7,0)+IF('Standard Profiles'!$G$20=$B$17,14,0)+IF('Standard Profiles'!$G$20=$B$24,21,0),MOD($C1031,24)+1)/SUM(INDEX($D$3:$AA$30,INDEX(Jesper!$R$2:$R$366,ROW(INDEX(Jesper!AJ$2:AJ$366,ROUNDDOWN($C1031/24,0)+1,1))-1)+IF('Standard Profiles'!$G$20=$B$10,7,0)+IF('Standard Profiles'!$G$20=$B$17,14,0)+IF('Standard Profiles'!$G$20=$B$24,21,0),0)),0)</f>
        <v>0</v>
      </c>
      <c r="G1031" cm="1">
        <f t="array" ref="G1031">IFERROR(INDEX(Jesper!AK$2:AK$366,ROUNDDOWN($C1031/24,0)+1,1)*INDEX($D$3:$AA$30,INDEX(Jesper!$R$2:$R$366,ROW(INDEX(Jesper!AK$2:AK$366,ROUNDDOWN($C1031/24,0)+1,1))-1)+IF('Standard Profiles'!$G$21=$B$10,7,0)+IF('Standard Profiles'!$G$21=$B$17,14,0)+IF('Standard Profiles'!$G$21=$B$24,21,0),MOD($C1031,24)+1)/SUM(INDEX($D$3:$AA$30,INDEX(Jesper!$R$2:$R$366,ROW(INDEX(Jesper!AK$2:AK$366,ROUNDDOWN($C1031/24,0)+1,1))-1)+IF('Standard Profiles'!$G$21=$B$10,7,0)+IF('Standard Profiles'!$G$21=$B$17,14,0)+IF('Standard Profiles'!$G$21=$B$24,21,0),0)),0)</f>
        <v>0</v>
      </c>
      <c r="H1031" cm="1">
        <f t="array" ref="H1031">IFERROR(INDEX(Jesper!AL$2:AL$366,ROUNDDOWN($C1031/24,0)+1,1)*INDEX($D$3:$AA$30,INDEX(Jesper!$R$2:$R$366,ROW(INDEX(Jesper!AL$2:AL$366,ROUNDDOWN($C1031/24,0)+1,1))-1)+IF('Standard Profiles'!$G$22=$B$10,7,0)+IF('Standard Profiles'!$G$22=$B$17,14,0)+IF('Standard Profiles'!$G$22=$B$24,21,0),MOD($C1031,24)+1)/SUM(INDEX($D$3:$AA$30,INDEX(Jesper!$R$2:$R$366,ROW(INDEX(Jesper!AL$2:AL$366,ROUNDDOWN($C1031/24,0)+1,1))-1)+IF('Standard Profiles'!$G$22=$B$10,7,0)+IF('Standard Profiles'!$G$22=$B$17,14,0)+IF('Standard Profiles'!$G$22=$B$24,21,0),0)),0)</f>
        <v>0</v>
      </c>
      <c r="I1031">
        <f t="shared" si="125"/>
        <v>0.30275693257183228</v>
      </c>
      <c r="J1031">
        <f t="shared" si="126"/>
        <v>1.009189775239441</v>
      </c>
      <c r="K1031">
        <f t="shared" si="127"/>
        <v>1.5137846628591616</v>
      </c>
      <c r="L1031">
        <f t="shared" si="128"/>
        <v>15.173089984479486</v>
      </c>
      <c r="M1031">
        <f t="shared" si="129"/>
        <v>0</v>
      </c>
      <c r="N1031" s="46">
        <f t="shared" si="130"/>
        <v>45333.541666664249</v>
      </c>
    </row>
    <row r="1032" spans="2:14" x14ac:dyDescent="0.3">
      <c r="B1032">
        <f t="shared" si="124"/>
        <v>7</v>
      </c>
      <c r="C1032" s="16">
        <v>998</v>
      </c>
      <c r="D1032" cm="1">
        <f t="array" ref="D1032">IFERROR(INDEX(Jesper!AH$2:AH$366,ROUNDDOWN($C1032/24,0)+1,1)*INDEX($D$3:$AA$30,INDEX(Jesper!$R$2:$R$366,ROW(INDEX(Jesper!AH$2:AH$366,ROUNDDOWN($C1032/24,0)+1,1))-1)+IF('Standard Profiles'!$G$18=$B$10,7,0)+IF('Standard Profiles'!$G$18=$B$17,14,0)+IF('Standard Profiles'!$G$18=$B$24,21,0),MOD($C1032,24)+1)/SUM(INDEX($D$3:$AA$30,INDEX(Jesper!$R$2:$R$366,ROW(INDEX(Jesper!AH$2:AH$366,ROUNDDOWN($C1032/24,0)+1,1))-1)+IF('Standard Profiles'!$G$18=$B$10,7,0)+IF('Standard Profiles'!$G$18=$B$17,14,0)+IF('Standard Profiles'!$G$18=$B$24,21,0),0)),0)</f>
        <v>14.638219403602584</v>
      </c>
      <c r="E1032" cm="1">
        <f t="array" ref="E1032">IFERROR(INDEX(Jesper!AI$2:AI$366,ROUNDDOWN($C1032/24,0)+1,1)*INDEX($D$3:$AA$30,INDEX(Jesper!$R$2:$R$366,ROW(INDEX(Jesper!AI$2:AI$366,ROUNDDOWN($C1032/24,0)+1,1))-1)+IF('Standard Profiles'!$G$19=$B$10,7,0)+IF('Standard Profiles'!$G$19=$B$17,14,0)+IF('Standard Profiles'!$G$19=$B$24,21,0),MOD($C1032,24)+1)/SUM(INDEX($D$3:$AA$30,INDEX(Jesper!$R$2:$R$366,ROW(INDEX(Jesper!AI$2:AI$366,ROUNDDOWN($C1032/24,0)+1,1))-1)+IF('Standard Profiles'!$G$19=$B$10,7,0)+IF('Standard Profiles'!$G$19=$B$17,14,0)+IF('Standard Profiles'!$G$19=$B$24,21,0),0)),0)</f>
        <v>3.3606019515473373</v>
      </c>
      <c r="F1032" cm="1">
        <f t="array" ref="F1032">IFERROR(INDEX(Jesper!AJ$2:AJ$366,ROUNDDOWN($C1032/24,0)+1,1)*INDEX($D$3:$AA$30,INDEX(Jesper!$R$2:$R$366,ROW(INDEX(Jesper!AJ$2:AJ$366,ROUNDDOWN($C1032/24,0)+1,1))-1)+IF('Standard Profiles'!$G$20=$B$10,7,0)+IF('Standard Profiles'!$G$20=$B$17,14,0)+IF('Standard Profiles'!$G$20=$B$24,21,0),MOD($C1032,24)+1)/SUM(INDEX($D$3:$AA$30,INDEX(Jesper!$R$2:$R$366,ROW(INDEX(Jesper!AJ$2:AJ$366,ROUNDDOWN($C1032/24,0)+1,1))-1)+IF('Standard Profiles'!$G$20=$B$10,7,0)+IF('Standard Profiles'!$G$20=$B$17,14,0)+IF('Standard Profiles'!$G$20=$B$24,21,0),0)),0)</f>
        <v>0</v>
      </c>
      <c r="G1032" cm="1">
        <f t="array" ref="G1032">IFERROR(INDEX(Jesper!AK$2:AK$366,ROUNDDOWN($C1032/24,0)+1,1)*INDEX($D$3:$AA$30,INDEX(Jesper!$R$2:$R$366,ROW(INDEX(Jesper!AK$2:AK$366,ROUNDDOWN($C1032/24,0)+1,1))-1)+IF('Standard Profiles'!$G$21=$B$10,7,0)+IF('Standard Profiles'!$G$21=$B$17,14,0)+IF('Standard Profiles'!$G$21=$B$24,21,0),MOD($C1032,24)+1)/SUM(INDEX($D$3:$AA$30,INDEX(Jesper!$R$2:$R$366,ROW(INDEX(Jesper!AK$2:AK$366,ROUNDDOWN($C1032/24,0)+1,1))-1)+IF('Standard Profiles'!$G$21=$B$10,7,0)+IF('Standard Profiles'!$G$21=$B$17,14,0)+IF('Standard Profiles'!$G$21=$B$24,21,0),0)),0)</f>
        <v>0</v>
      </c>
      <c r="H1032" cm="1">
        <f t="array" ref="H1032">IFERROR(INDEX(Jesper!AL$2:AL$366,ROUNDDOWN($C1032/24,0)+1,1)*INDEX($D$3:$AA$30,INDEX(Jesper!$R$2:$R$366,ROW(INDEX(Jesper!AL$2:AL$366,ROUNDDOWN($C1032/24,0)+1,1))-1)+IF('Standard Profiles'!$G$22=$B$10,7,0)+IF('Standard Profiles'!$G$22=$B$17,14,0)+IF('Standard Profiles'!$G$22=$B$24,21,0),MOD($C1032,24)+1)/SUM(INDEX($D$3:$AA$30,INDEX(Jesper!$R$2:$R$366,ROW(INDEX(Jesper!AL$2:AL$366,ROUNDDOWN($C1032/24,0)+1,1))-1)+IF('Standard Profiles'!$G$22=$B$10,7,0)+IF('Standard Profiles'!$G$22=$B$17,14,0)+IF('Standard Profiles'!$G$22=$B$24,21,0),0)),0)</f>
        <v>0</v>
      </c>
      <c r="I1032">
        <f t="shared" si="125"/>
        <v>0.30275693257183228</v>
      </c>
      <c r="J1032">
        <f t="shared" si="126"/>
        <v>1.009189775239441</v>
      </c>
      <c r="K1032">
        <f t="shared" si="127"/>
        <v>1.5137846628591616</v>
      </c>
      <c r="L1032">
        <f t="shared" si="128"/>
        <v>15.173089984479486</v>
      </c>
      <c r="M1032">
        <f t="shared" si="129"/>
        <v>0</v>
      </c>
      <c r="N1032" s="46">
        <f t="shared" si="130"/>
        <v>45333.583333330913</v>
      </c>
    </row>
    <row r="1033" spans="2:14" x14ac:dyDescent="0.3">
      <c r="B1033">
        <f t="shared" si="124"/>
        <v>7</v>
      </c>
      <c r="C1033" s="16">
        <v>999</v>
      </c>
      <c r="D1033" cm="1">
        <f t="array" ref="D1033">IFERROR(INDEX(Jesper!AH$2:AH$366,ROUNDDOWN($C1033/24,0)+1,1)*INDEX($D$3:$AA$30,INDEX(Jesper!$R$2:$R$366,ROW(INDEX(Jesper!AH$2:AH$366,ROUNDDOWN($C1033/24,0)+1,1))-1)+IF('Standard Profiles'!$G$18=$B$10,7,0)+IF('Standard Profiles'!$G$18=$B$17,14,0)+IF('Standard Profiles'!$G$18=$B$24,21,0),MOD($C1033,24)+1)/SUM(INDEX($D$3:$AA$30,INDEX(Jesper!$R$2:$R$366,ROW(INDEX(Jesper!AH$2:AH$366,ROUNDDOWN($C1033/24,0)+1,1))-1)+IF('Standard Profiles'!$G$18=$B$10,7,0)+IF('Standard Profiles'!$G$18=$B$17,14,0)+IF('Standard Profiles'!$G$18=$B$24,21,0),0)),0)</f>
        <v>13.011750580980074</v>
      </c>
      <c r="E1033" cm="1">
        <f t="array" ref="E1033">IFERROR(INDEX(Jesper!AI$2:AI$366,ROUNDDOWN($C1033/24,0)+1,1)*INDEX($D$3:$AA$30,INDEX(Jesper!$R$2:$R$366,ROW(INDEX(Jesper!AI$2:AI$366,ROUNDDOWN($C1033/24,0)+1,1))-1)+IF('Standard Profiles'!$G$19=$B$10,7,0)+IF('Standard Profiles'!$G$19=$B$17,14,0)+IF('Standard Profiles'!$G$19=$B$24,21,0),MOD($C1033,24)+1)/SUM(INDEX($D$3:$AA$30,INDEX(Jesper!$R$2:$R$366,ROW(INDEX(Jesper!AI$2:AI$366,ROUNDDOWN($C1033/24,0)+1,1))-1)+IF('Standard Profiles'!$G$19=$B$10,7,0)+IF('Standard Profiles'!$G$19=$B$17,14,0)+IF('Standard Profiles'!$G$19=$B$24,21,0),0)),0)</f>
        <v>2.9872017347087443</v>
      </c>
      <c r="F1033" cm="1">
        <f t="array" ref="F1033">IFERROR(INDEX(Jesper!AJ$2:AJ$366,ROUNDDOWN($C1033/24,0)+1,1)*INDEX($D$3:$AA$30,INDEX(Jesper!$R$2:$R$366,ROW(INDEX(Jesper!AJ$2:AJ$366,ROUNDDOWN($C1033/24,0)+1,1))-1)+IF('Standard Profiles'!$G$20=$B$10,7,0)+IF('Standard Profiles'!$G$20=$B$17,14,0)+IF('Standard Profiles'!$G$20=$B$24,21,0),MOD($C1033,24)+1)/SUM(INDEX($D$3:$AA$30,INDEX(Jesper!$R$2:$R$366,ROW(INDEX(Jesper!AJ$2:AJ$366,ROUNDDOWN($C1033/24,0)+1,1))-1)+IF('Standard Profiles'!$G$20=$B$10,7,0)+IF('Standard Profiles'!$G$20=$B$17,14,0)+IF('Standard Profiles'!$G$20=$B$24,21,0),0)),0)</f>
        <v>0</v>
      </c>
      <c r="G1033" cm="1">
        <f t="array" ref="G1033">IFERROR(INDEX(Jesper!AK$2:AK$366,ROUNDDOWN($C1033/24,0)+1,1)*INDEX($D$3:$AA$30,INDEX(Jesper!$R$2:$R$366,ROW(INDEX(Jesper!AK$2:AK$366,ROUNDDOWN($C1033/24,0)+1,1))-1)+IF('Standard Profiles'!$G$21=$B$10,7,0)+IF('Standard Profiles'!$G$21=$B$17,14,0)+IF('Standard Profiles'!$G$21=$B$24,21,0),MOD($C1033,24)+1)/SUM(INDEX($D$3:$AA$30,INDEX(Jesper!$R$2:$R$366,ROW(INDEX(Jesper!AK$2:AK$366,ROUNDDOWN($C1033/24,0)+1,1))-1)+IF('Standard Profiles'!$G$21=$B$10,7,0)+IF('Standard Profiles'!$G$21=$B$17,14,0)+IF('Standard Profiles'!$G$21=$B$24,21,0),0)),0)</f>
        <v>0</v>
      </c>
      <c r="H1033" cm="1">
        <f t="array" ref="H1033">IFERROR(INDEX(Jesper!AL$2:AL$366,ROUNDDOWN($C1033/24,0)+1,1)*INDEX($D$3:$AA$30,INDEX(Jesper!$R$2:$R$366,ROW(INDEX(Jesper!AL$2:AL$366,ROUNDDOWN($C1033/24,0)+1,1))-1)+IF('Standard Profiles'!$G$22=$B$10,7,0)+IF('Standard Profiles'!$G$22=$B$17,14,0)+IF('Standard Profiles'!$G$22=$B$24,21,0),MOD($C1033,24)+1)/SUM(INDEX($D$3:$AA$30,INDEX(Jesper!$R$2:$R$366,ROW(INDEX(Jesper!AL$2:AL$366,ROUNDDOWN($C1033/24,0)+1,1))-1)+IF('Standard Profiles'!$G$22=$B$10,7,0)+IF('Standard Profiles'!$G$22=$B$17,14,0)+IF('Standard Profiles'!$G$22=$B$24,21,0),0)),0)</f>
        <v>0</v>
      </c>
      <c r="I1033">
        <f t="shared" si="125"/>
        <v>0.26911727339718422</v>
      </c>
      <c r="J1033">
        <f t="shared" si="126"/>
        <v>0.89705757799061425</v>
      </c>
      <c r="K1033">
        <f t="shared" si="127"/>
        <v>1.3455863669859214</v>
      </c>
      <c r="L1033">
        <f t="shared" si="128"/>
        <v>13.487191097315099</v>
      </c>
      <c r="M1033">
        <f t="shared" si="129"/>
        <v>0</v>
      </c>
      <c r="N1033" s="46">
        <f t="shared" si="130"/>
        <v>45333.624999997577</v>
      </c>
    </row>
    <row r="1034" spans="2:14" x14ac:dyDescent="0.3">
      <c r="B1034">
        <f t="shared" si="124"/>
        <v>7</v>
      </c>
      <c r="C1034" s="16">
        <v>1000</v>
      </c>
      <c r="D1034" cm="1">
        <f t="array" ref="D1034">IFERROR(INDEX(Jesper!AH$2:AH$366,ROUNDDOWN($C1034/24,0)+1,1)*INDEX($D$3:$AA$30,INDEX(Jesper!$R$2:$R$366,ROW(INDEX(Jesper!AH$2:AH$366,ROUNDDOWN($C1034/24,0)+1,1))-1)+IF('Standard Profiles'!$G$18=$B$10,7,0)+IF('Standard Profiles'!$G$18=$B$17,14,0)+IF('Standard Profiles'!$G$18=$B$24,21,0),MOD($C1034,24)+1)/SUM(INDEX($D$3:$AA$30,INDEX(Jesper!$R$2:$R$366,ROW(INDEX(Jesper!AH$2:AH$366,ROUNDDOWN($C1034/24,0)+1,1))-1)+IF('Standard Profiles'!$G$18=$B$10,7,0)+IF('Standard Profiles'!$G$18=$B$17,14,0)+IF('Standard Profiles'!$G$18=$B$24,21,0),0)),0)</f>
        <v>12.779397892034002</v>
      </c>
      <c r="E1034" cm="1">
        <f t="array" ref="E1034">IFERROR(INDEX(Jesper!AI$2:AI$366,ROUNDDOWN($C1034/24,0)+1,1)*INDEX($D$3:$AA$30,INDEX(Jesper!$R$2:$R$366,ROW(INDEX(Jesper!AI$2:AI$366,ROUNDDOWN($C1034/24,0)+1,1))-1)+IF('Standard Profiles'!$G$19=$B$10,7,0)+IF('Standard Profiles'!$G$19=$B$17,14,0)+IF('Standard Profiles'!$G$19=$B$24,21,0),MOD($C1034,24)+1)/SUM(INDEX($D$3:$AA$30,INDEX(Jesper!$R$2:$R$366,ROW(INDEX(Jesper!AI$2:AI$366,ROUNDDOWN($C1034/24,0)+1,1))-1)+IF('Standard Profiles'!$G$19=$B$10,7,0)+IF('Standard Profiles'!$G$19=$B$17,14,0)+IF('Standard Profiles'!$G$19=$B$24,21,0),0)),0)</f>
        <v>2.933858846588945</v>
      </c>
      <c r="F1034" cm="1">
        <f t="array" ref="F1034">IFERROR(INDEX(Jesper!AJ$2:AJ$366,ROUNDDOWN($C1034/24,0)+1,1)*INDEX($D$3:$AA$30,INDEX(Jesper!$R$2:$R$366,ROW(INDEX(Jesper!AJ$2:AJ$366,ROUNDDOWN($C1034/24,0)+1,1))-1)+IF('Standard Profiles'!$G$20=$B$10,7,0)+IF('Standard Profiles'!$G$20=$B$17,14,0)+IF('Standard Profiles'!$G$20=$B$24,21,0),MOD($C1034,24)+1)/SUM(INDEX($D$3:$AA$30,INDEX(Jesper!$R$2:$R$366,ROW(INDEX(Jesper!AJ$2:AJ$366,ROUNDDOWN($C1034/24,0)+1,1))-1)+IF('Standard Profiles'!$G$20=$B$10,7,0)+IF('Standard Profiles'!$G$20=$B$17,14,0)+IF('Standard Profiles'!$G$20=$B$24,21,0),0)),0)</f>
        <v>0</v>
      </c>
      <c r="G1034" cm="1">
        <f t="array" ref="G1034">IFERROR(INDEX(Jesper!AK$2:AK$366,ROUNDDOWN($C1034/24,0)+1,1)*INDEX($D$3:$AA$30,INDEX(Jesper!$R$2:$R$366,ROW(INDEX(Jesper!AK$2:AK$366,ROUNDDOWN($C1034/24,0)+1,1))-1)+IF('Standard Profiles'!$G$21=$B$10,7,0)+IF('Standard Profiles'!$G$21=$B$17,14,0)+IF('Standard Profiles'!$G$21=$B$24,21,0),MOD($C1034,24)+1)/SUM(INDEX($D$3:$AA$30,INDEX(Jesper!$R$2:$R$366,ROW(INDEX(Jesper!AK$2:AK$366,ROUNDDOWN($C1034/24,0)+1,1))-1)+IF('Standard Profiles'!$G$21=$B$10,7,0)+IF('Standard Profiles'!$G$21=$B$17,14,0)+IF('Standard Profiles'!$G$21=$B$24,21,0),0)),0)</f>
        <v>0</v>
      </c>
      <c r="H1034" cm="1">
        <f t="array" ref="H1034">IFERROR(INDEX(Jesper!AL$2:AL$366,ROUNDDOWN($C1034/24,0)+1,1)*INDEX($D$3:$AA$30,INDEX(Jesper!$R$2:$R$366,ROW(INDEX(Jesper!AL$2:AL$366,ROUNDDOWN($C1034/24,0)+1,1))-1)+IF('Standard Profiles'!$G$22=$B$10,7,0)+IF('Standard Profiles'!$G$22=$B$17,14,0)+IF('Standard Profiles'!$G$22=$B$24,21,0),MOD($C1034,24)+1)/SUM(INDEX($D$3:$AA$30,INDEX(Jesper!$R$2:$R$366,ROW(INDEX(Jesper!AL$2:AL$366,ROUNDDOWN($C1034/24,0)+1,1))-1)+IF('Standard Profiles'!$G$22=$B$10,7,0)+IF('Standard Profiles'!$G$22=$B$17,14,0)+IF('Standard Profiles'!$G$22=$B$24,21,0),0)),0)</f>
        <v>0</v>
      </c>
      <c r="I1034">
        <f t="shared" si="125"/>
        <v>0.26431160780080593</v>
      </c>
      <c r="J1034">
        <f t="shared" si="126"/>
        <v>0.8810386926693532</v>
      </c>
      <c r="K1034">
        <f t="shared" si="127"/>
        <v>1.3215580390040298</v>
      </c>
      <c r="L1034">
        <f t="shared" si="128"/>
        <v>13.246348399148758</v>
      </c>
      <c r="M1034">
        <f t="shared" si="129"/>
        <v>0</v>
      </c>
      <c r="N1034" s="46">
        <f t="shared" si="130"/>
        <v>45333.666666664241</v>
      </c>
    </row>
    <row r="1035" spans="2:14" x14ac:dyDescent="0.3">
      <c r="B1035">
        <f t="shared" si="124"/>
        <v>7</v>
      </c>
      <c r="C1035" s="16">
        <v>1001</v>
      </c>
      <c r="D1035" cm="1">
        <f t="array" ref="D1035">IFERROR(INDEX(Jesper!AH$2:AH$366,ROUNDDOWN($C1035/24,0)+1,1)*INDEX($D$3:$AA$30,INDEX(Jesper!$R$2:$R$366,ROW(INDEX(Jesper!AH$2:AH$366,ROUNDDOWN($C1035/24,0)+1,1))-1)+IF('Standard Profiles'!$G$18=$B$10,7,0)+IF('Standard Profiles'!$G$18=$B$17,14,0)+IF('Standard Profiles'!$G$18=$B$24,21,0),MOD($C1035,24)+1)/SUM(INDEX($D$3:$AA$30,INDEX(Jesper!$R$2:$R$366,ROW(INDEX(Jesper!AH$2:AH$366,ROUNDDOWN($C1035/24,0)+1,1))-1)+IF('Standard Profiles'!$G$18=$B$10,7,0)+IF('Standard Profiles'!$G$18=$B$17,14,0)+IF('Standard Profiles'!$G$18=$B$24,21,0),0)),0)</f>
        <v>10.920576380465421</v>
      </c>
      <c r="E1035" cm="1">
        <f t="array" ref="E1035">IFERROR(INDEX(Jesper!AI$2:AI$366,ROUNDDOWN($C1035/24,0)+1,1)*INDEX($D$3:$AA$30,INDEX(Jesper!$R$2:$R$366,ROW(INDEX(Jesper!AI$2:AI$366,ROUNDDOWN($C1035/24,0)+1,1))-1)+IF('Standard Profiles'!$G$19=$B$10,7,0)+IF('Standard Profiles'!$G$19=$B$17,14,0)+IF('Standard Profiles'!$G$19=$B$24,21,0),MOD($C1035,24)+1)/SUM(INDEX($D$3:$AA$30,INDEX(Jesper!$R$2:$R$366,ROW(INDEX(Jesper!AI$2:AI$366,ROUNDDOWN($C1035/24,0)+1,1))-1)+IF('Standard Profiles'!$G$19=$B$10,7,0)+IF('Standard Profiles'!$G$19=$B$17,14,0)+IF('Standard Profiles'!$G$19=$B$24,21,0),0)),0)</f>
        <v>2.5071157416305532</v>
      </c>
      <c r="F1035" cm="1">
        <f t="array" ref="F1035">IFERROR(INDEX(Jesper!AJ$2:AJ$366,ROUNDDOWN($C1035/24,0)+1,1)*INDEX($D$3:$AA$30,INDEX(Jesper!$R$2:$R$366,ROW(INDEX(Jesper!AJ$2:AJ$366,ROUNDDOWN($C1035/24,0)+1,1))-1)+IF('Standard Profiles'!$G$20=$B$10,7,0)+IF('Standard Profiles'!$G$20=$B$17,14,0)+IF('Standard Profiles'!$G$20=$B$24,21,0),MOD($C1035,24)+1)/SUM(INDEX($D$3:$AA$30,INDEX(Jesper!$R$2:$R$366,ROW(INDEX(Jesper!AJ$2:AJ$366,ROUNDDOWN($C1035/24,0)+1,1))-1)+IF('Standard Profiles'!$G$20=$B$10,7,0)+IF('Standard Profiles'!$G$20=$B$17,14,0)+IF('Standard Profiles'!$G$20=$B$24,21,0),0)),0)</f>
        <v>0</v>
      </c>
      <c r="G1035" cm="1">
        <f t="array" ref="G1035">IFERROR(INDEX(Jesper!AK$2:AK$366,ROUNDDOWN($C1035/24,0)+1,1)*INDEX($D$3:$AA$30,INDEX(Jesper!$R$2:$R$366,ROW(INDEX(Jesper!AK$2:AK$366,ROUNDDOWN($C1035/24,0)+1,1))-1)+IF('Standard Profiles'!$G$21=$B$10,7,0)+IF('Standard Profiles'!$G$21=$B$17,14,0)+IF('Standard Profiles'!$G$21=$B$24,21,0),MOD($C1035,24)+1)/SUM(INDEX($D$3:$AA$30,INDEX(Jesper!$R$2:$R$366,ROW(INDEX(Jesper!AK$2:AK$366,ROUNDDOWN($C1035/24,0)+1,1))-1)+IF('Standard Profiles'!$G$21=$B$10,7,0)+IF('Standard Profiles'!$G$21=$B$17,14,0)+IF('Standard Profiles'!$G$21=$B$24,21,0),0)),0)</f>
        <v>0</v>
      </c>
      <c r="H1035" cm="1">
        <f t="array" ref="H1035">IFERROR(INDEX(Jesper!AL$2:AL$366,ROUNDDOWN($C1035/24,0)+1,1)*INDEX($D$3:$AA$30,INDEX(Jesper!$R$2:$R$366,ROW(INDEX(Jesper!AL$2:AL$366,ROUNDDOWN($C1035/24,0)+1,1))-1)+IF('Standard Profiles'!$G$22=$B$10,7,0)+IF('Standard Profiles'!$G$22=$B$17,14,0)+IF('Standard Profiles'!$G$22=$B$24,21,0),MOD($C1035,24)+1)/SUM(INDEX($D$3:$AA$30,INDEX(Jesper!$R$2:$R$366,ROW(INDEX(Jesper!AL$2:AL$366,ROUNDDOWN($C1035/24,0)+1,1))-1)+IF('Standard Profiles'!$G$22=$B$10,7,0)+IF('Standard Profiles'!$G$22=$B$17,14,0)+IF('Standard Profiles'!$G$22=$B$24,21,0),0)),0)</f>
        <v>0</v>
      </c>
      <c r="I1035">
        <f t="shared" si="125"/>
        <v>0.22586628302977962</v>
      </c>
      <c r="J1035">
        <f t="shared" si="126"/>
        <v>0.75288761009926553</v>
      </c>
      <c r="K1035">
        <f t="shared" si="127"/>
        <v>1.1293314151488982</v>
      </c>
      <c r="L1035">
        <f t="shared" si="128"/>
        <v>11.319606813818032</v>
      </c>
      <c r="M1035">
        <f t="shared" si="129"/>
        <v>0</v>
      </c>
      <c r="N1035" s="46">
        <f t="shared" si="130"/>
        <v>45333.708333330906</v>
      </c>
    </row>
    <row r="1036" spans="2:14" x14ac:dyDescent="0.3">
      <c r="B1036">
        <f t="shared" si="124"/>
        <v>7</v>
      </c>
      <c r="C1036" s="16">
        <v>1002</v>
      </c>
      <c r="D1036" cm="1">
        <f t="array" ref="D1036">IFERROR(INDEX(Jesper!AH$2:AH$366,ROUNDDOWN($C1036/24,0)+1,1)*INDEX($D$3:$AA$30,INDEX(Jesper!$R$2:$R$366,ROW(INDEX(Jesper!AH$2:AH$366,ROUNDDOWN($C1036/24,0)+1,1))-1)+IF('Standard Profiles'!$G$18=$B$10,7,0)+IF('Standard Profiles'!$G$18=$B$17,14,0)+IF('Standard Profiles'!$G$18=$B$24,21,0),MOD($C1036,24)+1)/SUM(INDEX($D$3:$AA$30,INDEX(Jesper!$R$2:$R$366,ROW(INDEX(Jesper!AH$2:AH$366,ROUNDDOWN($C1036/24,0)+1,1))-1)+IF('Standard Profiles'!$G$18=$B$10,7,0)+IF('Standard Profiles'!$G$18=$B$17,14,0)+IF('Standard Profiles'!$G$18=$B$24,21,0),0)),0)</f>
        <v>10.223518313627203</v>
      </c>
      <c r="E1036" cm="1">
        <f t="array" ref="E1036">IFERROR(INDEX(Jesper!AI$2:AI$366,ROUNDDOWN($C1036/24,0)+1,1)*INDEX($D$3:$AA$30,INDEX(Jesper!$R$2:$R$366,ROW(INDEX(Jesper!AI$2:AI$366,ROUNDDOWN($C1036/24,0)+1,1))-1)+IF('Standard Profiles'!$G$19=$B$10,7,0)+IF('Standard Profiles'!$G$19=$B$17,14,0)+IF('Standard Profiles'!$G$19=$B$24,21,0),MOD($C1036,24)+1)/SUM(INDEX($D$3:$AA$30,INDEX(Jesper!$R$2:$R$366,ROW(INDEX(Jesper!AI$2:AI$366,ROUNDDOWN($C1036/24,0)+1,1))-1)+IF('Standard Profiles'!$G$19=$B$10,7,0)+IF('Standard Profiles'!$G$19=$B$17,14,0)+IF('Standard Profiles'!$G$19=$B$24,21,0),0)),0)</f>
        <v>2.3470870772711563</v>
      </c>
      <c r="F1036" cm="1">
        <f t="array" ref="F1036">IFERROR(INDEX(Jesper!AJ$2:AJ$366,ROUNDDOWN($C1036/24,0)+1,1)*INDEX($D$3:$AA$30,INDEX(Jesper!$R$2:$R$366,ROW(INDEX(Jesper!AJ$2:AJ$366,ROUNDDOWN($C1036/24,0)+1,1))-1)+IF('Standard Profiles'!$G$20=$B$10,7,0)+IF('Standard Profiles'!$G$20=$B$17,14,0)+IF('Standard Profiles'!$G$20=$B$24,21,0),MOD($C1036,24)+1)/SUM(INDEX($D$3:$AA$30,INDEX(Jesper!$R$2:$R$366,ROW(INDEX(Jesper!AJ$2:AJ$366,ROUNDDOWN($C1036/24,0)+1,1))-1)+IF('Standard Profiles'!$G$20=$B$10,7,0)+IF('Standard Profiles'!$G$20=$B$17,14,0)+IF('Standard Profiles'!$G$20=$B$24,21,0),0)),0)</f>
        <v>0</v>
      </c>
      <c r="G1036" cm="1">
        <f t="array" ref="G1036">IFERROR(INDEX(Jesper!AK$2:AK$366,ROUNDDOWN($C1036/24,0)+1,1)*INDEX($D$3:$AA$30,INDEX(Jesper!$R$2:$R$366,ROW(INDEX(Jesper!AK$2:AK$366,ROUNDDOWN($C1036/24,0)+1,1))-1)+IF('Standard Profiles'!$G$21=$B$10,7,0)+IF('Standard Profiles'!$G$21=$B$17,14,0)+IF('Standard Profiles'!$G$21=$B$24,21,0),MOD($C1036,24)+1)/SUM(INDEX($D$3:$AA$30,INDEX(Jesper!$R$2:$R$366,ROW(INDEX(Jesper!AK$2:AK$366,ROUNDDOWN($C1036/24,0)+1,1))-1)+IF('Standard Profiles'!$G$21=$B$10,7,0)+IF('Standard Profiles'!$G$21=$B$17,14,0)+IF('Standard Profiles'!$G$21=$B$24,21,0),0)),0)</f>
        <v>0</v>
      </c>
      <c r="H1036" cm="1">
        <f t="array" ref="H1036">IFERROR(INDEX(Jesper!AL$2:AL$366,ROUNDDOWN($C1036/24,0)+1,1)*INDEX($D$3:$AA$30,INDEX(Jesper!$R$2:$R$366,ROW(INDEX(Jesper!AL$2:AL$366,ROUNDDOWN($C1036/24,0)+1,1))-1)+IF('Standard Profiles'!$G$22=$B$10,7,0)+IF('Standard Profiles'!$G$22=$B$17,14,0)+IF('Standard Profiles'!$G$22=$B$24,21,0),MOD($C1036,24)+1)/SUM(INDEX($D$3:$AA$30,INDEX(Jesper!$R$2:$R$366,ROW(INDEX(Jesper!AL$2:AL$366,ROUNDDOWN($C1036/24,0)+1,1))-1)+IF('Standard Profiles'!$G$22=$B$10,7,0)+IF('Standard Profiles'!$G$22=$B$17,14,0)+IF('Standard Profiles'!$G$22=$B$24,21,0),0)),0)</f>
        <v>0</v>
      </c>
      <c r="I1036">
        <f t="shared" si="125"/>
        <v>0.21144928624064477</v>
      </c>
      <c r="J1036">
        <f t="shared" si="126"/>
        <v>0.70483095413548269</v>
      </c>
      <c r="K1036">
        <f t="shared" si="127"/>
        <v>1.0572464312032239</v>
      </c>
      <c r="L1036">
        <f t="shared" si="128"/>
        <v>10.597078719319008</v>
      </c>
      <c r="M1036">
        <f t="shared" si="129"/>
        <v>0</v>
      </c>
      <c r="N1036" s="46">
        <f t="shared" si="130"/>
        <v>45333.74999999757</v>
      </c>
    </row>
    <row r="1037" spans="2:14" x14ac:dyDescent="0.3">
      <c r="B1037">
        <f t="shared" si="124"/>
        <v>7</v>
      </c>
      <c r="C1037" s="16">
        <v>1003</v>
      </c>
      <c r="D1037" cm="1">
        <f t="array" ref="D1037">IFERROR(INDEX(Jesper!AH$2:AH$366,ROUNDDOWN($C1037/24,0)+1,1)*INDEX($D$3:$AA$30,INDEX(Jesper!$R$2:$R$366,ROW(INDEX(Jesper!AH$2:AH$366,ROUNDDOWN($C1037/24,0)+1,1))-1)+IF('Standard Profiles'!$G$18=$B$10,7,0)+IF('Standard Profiles'!$G$18=$B$17,14,0)+IF('Standard Profiles'!$G$18=$B$24,21,0),MOD($C1037,24)+1)/SUM(INDEX($D$3:$AA$30,INDEX(Jesper!$R$2:$R$366,ROW(INDEX(Jesper!AH$2:AH$366,ROUNDDOWN($C1037/24,0)+1,1))-1)+IF('Standard Profiles'!$G$18=$B$10,7,0)+IF('Standard Profiles'!$G$18=$B$17,14,0)+IF('Standard Profiles'!$G$18=$B$24,21,0),0)),0)</f>
        <v>8.5970494910046931</v>
      </c>
      <c r="E1037" cm="1">
        <f t="array" ref="E1037">IFERROR(INDEX(Jesper!AI$2:AI$366,ROUNDDOWN($C1037/24,0)+1,1)*INDEX($D$3:$AA$30,INDEX(Jesper!$R$2:$R$366,ROW(INDEX(Jesper!AI$2:AI$366,ROUNDDOWN($C1037/24,0)+1,1))-1)+IF('Standard Profiles'!$G$19=$B$10,7,0)+IF('Standard Profiles'!$G$19=$B$17,14,0)+IF('Standard Profiles'!$G$19=$B$24,21,0),MOD($C1037,24)+1)/SUM(INDEX($D$3:$AA$30,INDEX(Jesper!$R$2:$R$366,ROW(INDEX(Jesper!AI$2:AI$366,ROUNDDOWN($C1037/24,0)+1,1))-1)+IF('Standard Profiles'!$G$19=$B$10,7,0)+IF('Standard Profiles'!$G$19=$B$17,14,0)+IF('Standard Profiles'!$G$19=$B$24,21,0),0)),0)</f>
        <v>1.9736868604325633</v>
      </c>
      <c r="F1037" cm="1">
        <f t="array" ref="F1037">IFERROR(INDEX(Jesper!AJ$2:AJ$366,ROUNDDOWN($C1037/24,0)+1,1)*INDEX($D$3:$AA$30,INDEX(Jesper!$R$2:$R$366,ROW(INDEX(Jesper!AJ$2:AJ$366,ROUNDDOWN($C1037/24,0)+1,1))-1)+IF('Standard Profiles'!$G$20=$B$10,7,0)+IF('Standard Profiles'!$G$20=$B$17,14,0)+IF('Standard Profiles'!$G$20=$B$24,21,0),MOD($C1037,24)+1)/SUM(INDEX($D$3:$AA$30,INDEX(Jesper!$R$2:$R$366,ROW(INDEX(Jesper!AJ$2:AJ$366,ROUNDDOWN($C1037/24,0)+1,1))-1)+IF('Standard Profiles'!$G$20=$B$10,7,0)+IF('Standard Profiles'!$G$20=$B$17,14,0)+IF('Standard Profiles'!$G$20=$B$24,21,0),0)),0)</f>
        <v>0</v>
      </c>
      <c r="G1037" cm="1">
        <f t="array" ref="G1037">IFERROR(INDEX(Jesper!AK$2:AK$366,ROUNDDOWN($C1037/24,0)+1,1)*INDEX($D$3:$AA$30,INDEX(Jesper!$R$2:$R$366,ROW(INDEX(Jesper!AK$2:AK$366,ROUNDDOWN($C1037/24,0)+1,1))-1)+IF('Standard Profiles'!$G$21=$B$10,7,0)+IF('Standard Profiles'!$G$21=$B$17,14,0)+IF('Standard Profiles'!$G$21=$B$24,21,0),MOD($C1037,24)+1)/SUM(INDEX($D$3:$AA$30,INDEX(Jesper!$R$2:$R$366,ROW(INDEX(Jesper!AK$2:AK$366,ROUNDDOWN($C1037/24,0)+1,1))-1)+IF('Standard Profiles'!$G$21=$B$10,7,0)+IF('Standard Profiles'!$G$21=$B$17,14,0)+IF('Standard Profiles'!$G$21=$B$24,21,0),0)),0)</f>
        <v>0</v>
      </c>
      <c r="H1037" cm="1">
        <f t="array" ref="H1037">IFERROR(INDEX(Jesper!AL$2:AL$366,ROUNDDOWN($C1037/24,0)+1,1)*INDEX($D$3:$AA$30,INDEX(Jesper!$R$2:$R$366,ROW(INDEX(Jesper!AL$2:AL$366,ROUNDDOWN($C1037/24,0)+1,1))-1)+IF('Standard Profiles'!$G$22=$B$10,7,0)+IF('Standard Profiles'!$G$22=$B$17,14,0)+IF('Standard Profiles'!$G$22=$B$24,21,0),MOD($C1037,24)+1)/SUM(INDEX($D$3:$AA$30,INDEX(Jesper!$R$2:$R$366,ROW(INDEX(Jesper!AL$2:AL$366,ROUNDDOWN($C1037/24,0)+1,1))-1)+IF('Standard Profiles'!$G$22=$B$10,7,0)+IF('Standard Profiles'!$G$22=$B$17,14,0)+IF('Standard Profiles'!$G$22=$B$24,21,0),0)),0)</f>
        <v>0</v>
      </c>
      <c r="I1037">
        <f t="shared" si="125"/>
        <v>0.17780962706599673</v>
      </c>
      <c r="J1037">
        <f t="shared" si="126"/>
        <v>0.59269875688665585</v>
      </c>
      <c r="K1037">
        <f t="shared" si="127"/>
        <v>0.88904813532998384</v>
      </c>
      <c r="L1037">
        <f t="shared" si="128"/>
        <v>8.9111798321546196</v>
      </c>
      <c r="M1037">
        <f t="shared" si="129"/>
        <v>0</v>
      </c>
      <c r="N1037" s="46">
        <f t="shared" si="130"/>
        <v>45333.791666664234</v>
      </c>
    </row>
    <row r="1038" spans="2:14" x14ac:dyDescent="0.3">
      <c r="B1038">
        <f t="shared" si="124"/>
        <v>7</v>
      </c>
      <c r="C1038" s="16">
        <v>1004</v>
      </c>
      <c r="D1038" cm="1">
        <f t="array" ref="D1038">IFERROR(INDEX(Jesper!AH$2:AH$366,ROUNDDOWN($C1038/24,0)+1,1)*INDEX($D$3:$AA$30,INDEX(Jesper!$R$2:$R$366,ROW(INDEX(Jesper!AH$2:AH$366,ROUNDDOWN($C1038/24,0)+1,1))-1)+IF('Standard Profiles'!$G$18=$B$10,7,0)+IF('Standard Profiles'!$G$18=$B$17,14,0)+IF('Standard Profiles'!$G$18=$B$24,21,0),MOD($C1038,24)+1)/SUM(INDEX($D$3:$AA$30,INDEX(Jesper!$R$2:$R$366,ROW(INDEX(Jesper!AH$2:AH$366,ROUNDDOWN($C1038/24,0)+1,1))-1)+IF('Standard Profiles'!$G$18=$B$10,7,0)+IF('Standard Profiles'!$G$18=$B$17,14,0)+IF('Standard Profiles'!$G$18=$B$24,21,0),0)),0)</f>
        <v>7.2029333573282557</v>
      </c>
      <c r="E1038" cm="1">
        <f t="array" ref="E1038">IFERROR(INDEX(Jesper!AI$2:AI$366,ROUNDDOWN($C1038/24,0)+1,1)*INDEX($D$3:$AA$30,INDEX(Jesper!$R$2:$R$366,ROW(INDEX(Jesper!AI$2:AI$366,ROUNDDOWN($C1038/24,0)+1,1))-1)+IF('Standard Profiles'!$G$19=$B$10,7,0)+IF('Standard Profiles'!$G$19=$B$17,14,0)+IF('Standard Profiles'!$G$19=$B$24,21,0),MOD($C1038,24)+1)/SUM(INDEX($D$3:$AA$30,INDEX(Jesper!$R$2:$R$366,ROW(INDEX(Jesper!AI$2:AI$366,ROUNDDOWN($C1038/24,0)+1,1))-1)+IF('Standard Profiles'!$G$19=$B$10,7,0)+IF('Standard Profiles'!$G$19=$B$17,14,0)+IF('Standard Profiles'!$G$19=$B$24,21,0),0)),0)</f>
        <v>1.6536295317137693</v>
      </c>
      <c r="F1038" cm="1">
        <f t="array" ref="F1038">IFERROR(INDEX(Jesper!AJ$2:AJ$366,ROUNDDOWN($C1038/24,0)+1,1)*INDEX($D$3:$AA$30,INDEX(Jesper!$R$2:$R$366,ROW(INDEX(Jesper!AJ$2:AJ$366,ROUNDDOWN($C1038/24,0)+1,1))-1)+IF('Standard Profiles'!$G$20=$B$10,7,0)+IF('Standard Profiles'!$G$20=$B$17,14,0)+IF('Standard Profiles'!$G$20=$B$24,21,0),MOD($C1038,24)+1)/SUM(INDEX($D$3:$AA$30,INDEX(Jesper!$R$2:$R$366,ROW(INDEX(Jesper!AJ$2:AJ$366,ROUNDDOWN($C1038/24,0)+1,1))-1)+IF('Standard Profiles'!$G$20=$B$10,7,0)+IF('Standard Profiles'!$G$20=$B$17,14,0)+IF('Standard Profiles'!$G$20=$B$24,21,0),0)),0)</f>
        <v>0</v>
      </c>
      <c r="G1038" cm="1">
        <f t="array" ref="G1038">IFERROR(INDEX(Jesper!AK$2:AK$366,ROUNDDOWN($C1038/24,0)+1,1)*INDEX($D$3:$AA$30,INDEX(Jesper!$R$2:$R$366,ROW(INDEX(Jesper!AK$2:AK$366,ROUNDDOWN($C1038/24,0)+1,1))-1)+IF('Standard Profiles'!$G$21=$B$10,7,0)+IF('Standard Profiles'!$G$21=$B$17,14,0)+IF('Standard Profiles'!$G$21=$B$24,21,0),MOD($C1038,24)+1)/SUM(INDEX($D$3:$AA$30,INDEX(Jesper!$R$2:$R$366,ROW(INDEX(Jesper!AK$2:AK$366,ROUNDDOWN($C1038/24,0)+1,1))-1)+IF('Standard Profiles'!$G$21=$B$10,7,0)+IF('Standard Profiles'!$G$21=$B$17,14,0)+IF('Standard Profiles'!$G$21=$B$24,21,0),0)),0)</f>
        <v>0</v>
      </c>
      <c r="H1038" cm="1">
        <f t="array" ref="H1038">IFERROR(INDEX(Jesper!AL$2:AL$366,ROUNDDOWN($C1038/24,0)+1,1)*INDEX($D$3:$AA$30,INDEX(Jesper!$R$2:$R$366,ROW(INDEX(Jesper!AL$2:AL$366,ROUNDDOWN($C1038/24,0)+1,1))-1)+IF('Standard Profiles'!$G$22=$B$10,7,0)+IF('Standard Profiles'!$G$22=$B$17,14,0)+IF('Standard Profiles'!$G$22=$B$24,21,0),MOD($C1038,24)+1)/SUM(INDEX($D$3:$AA$30,INDEX(Jesper!$R$2:$R$366,ROW(INDEX(Jesper!AL$2:AL$366,ROUNDDOWN($C1038/24,0)+1,1))-1)+IF('Standard Profiles'!$G$22=$B$10,7,0)+IF('Standard Profiles'!$G$22=$B$17,14,0)+IF('Standard Profiles'!$G$22=$B$24,21,0),0)),0)</f>
        <v>0</v>
      </c>
      <c r="I1038">
        <f t="shared" si="125"/>
        <v>0.14897563348772699</v>
      </c>
      <c r="J1038">
        <f t="shared" si="126"/>
        <v>0.49658544495909007</v>
      </c>
      <c r="K1038">
        <f t="shared" si="127"/>
        <v>0.74487816743863511</v>
      </c>
      <c r="L1038">
        <f t="shared" si="128"/>
        <v>7.466123643156573</v>
      </c>
      <c r="M1038">
        <f t="shared" si="129"/>
        <v>0</v>
      </c>
      <c r="N1038" s="46">
        <f t="shared" si="130"/>
        <v>45333.833333330898</v>
      </c>
    </row>
    <row r="1039" spans="2:14" x14ac:dyDescent="0.3">
      <c r="B1039">
        <f t="shared" si="124"/>
        <v>7</v>
      </c>
      <c r="C1039" s="16">
        <v>1005</v>
      </c>
      <c r="D1039" cm="1">
        <f t="array" ref="D1039">IFERROR(INDEX(Jesper!AH$2:AH$366,ROUNDDOWN($C1039/24,0)+1,1)*INDEX($D$3:$AA$30,INDEX(Jesper!$R$2:$R$366,ROW(INDEX(Jesper!AH$2:AH$366,ROUNDDOWN($C1039/24,0)+1,1))-1)+IF('Standard Profiles'!$G$18=$B$10,7,0)+IF('Standard Profiles'!$G$18=$B$17,14,0)+IF('Standard Profiles'!$G$18=$B$24,21,0),MOD($C1039,24)+1)/SUM(INDEX($D$3:$AA$30,INDEX(Jesper!$R$2:$R$366,ROW(INDEX(Jesper!AH$2:AH$366,ROUNDDOWN($C1039/24,0)+1,1))-1)+IF('Standard Profiles'!$G$18=$B$10,7,0)+IF('Standard Profiles'!$G$18=$B$17,14,0)+IF('Standard Profiles'!$G$18=$B$24,21,0),0)),0)</f>
        <v>6.2735226015439647</v>
      </c>
      <c r="E1039" cm="1">
        <f t="array" ref="E1039">IFERROR(INDEX(Jesper!AI$2:AI$366,ROUNDDOWN($C1039/24,0)+1,1)*INDEX($D$3:$AA$30,INDEX(Jesper!$R$2:$R$366,ROW(INDEX(Jesper!AI$2:AI$366,ROUNDDOWN($C1039/24,0)+1,1))-1)+IF('Standard Profiles'!$G$19=$B$10,7,0)+IF('Standard Profiles'!$G$19=$B$17,14,0)+IF('Standard Profiles'!$G$19=$B$24,21,0),MOD($C1039,24)+1)/SUM(INDEX($D$3:$AA$30,INDEX(Jesper!$R$2:$R$366,ROW(INDEX(Jesper!AI$2:AI$366,ROUNDDOWN($C1039/24,0)+1,1))-1)+IF('Standard Profiles'!$G$19=$B$10,7,0)+IF('Standard Profiles'!$G$19=$B$17,14,0)+IF('Standard Profiles'!$G$19=$B$24,21,0),0)),0)</f>
        <v>1.4402579792345733</v>
      </c>
      <c r="F1039" cm="1">
        <f t="array" ref="F1039">IFERROR(INDEX(Jesper!AJ$2:AJ$366,ROUNDDOWN($C1039/24,0)+1,1)*INDEX($D$3:$AA$30,INDEX(Jesper!$R$2:$R$366,ROW(INDEX(Jesper!AJ$2:AJ$366,ROUNDDOWN($C1039/24,0)+1,1))-1)+IF('Standard Profiles'!$G$20=$B$10,7,0)+IF('Standard Profiles'!$G$20=$B$17,14,0)+IF('Standard Profiles'!$G$20=$B$24,21,0),MOD($C1039,24)+1)/SUM(INDEX($D$3:$AA$30,INDEX(Jesper!$R$2:$R$366,ROW(INDEX(Jesper!AJ$2:AJ$366,ROUNDDOWN($C1039/24,0)+1,1))-1)+IF('Standard Profiles'!$G$20=$B$10,7,0)+IF('Standard Profiles'!$G$20=$B$17,14,0)+IF('Standard Profiles'!$G$20=$B$24,21,0),0)),0)</f>
        <v>0</v>
      </c>
      <c r="G1039" cm="1">
        <f t="array" ref="G1039">IFERROR(INDEX(Jesper!AK$2:AK$366,ROUNDDOWN($C1039/24,0)+1,1)*INDEX($D$3:$AA$30,INDEX(Jesper!$R$2:$R$366,ROW(INDEX(Jesper!AK$2:AK$366,ROUNDDOWN($C1039/24,0)+1,1))-1)+IF('Standard Profiles'!$G$21=$B$10,7,0)+IF('Standard Profiles'!$G$21=$B$17,14,0)+IF('Standard Profiles'!$G$21=$B$24,21,0),MOD($C1039,24)+1)/SUM(INDEX($D$3:$AA$30,INDEX(Jesper!$R$2:$R$366,ROW(INDEX(Jesper!AK$2:AK$366,ROUNDDOWN($C1039/24,0)+1,1))-1)+IF('Standard Profiles'!$G$21=$B$10,7,0)+IF('Standard Profiles'!$G$21=$B$17,14,0)+IF('Standard Profiles'!$G$21=$B$24,21,0),0)),0)</f>
        <v>0</v>
      </c>
      <c r="H1039" cm="1">
        <f t="array" ref="H1039">IFERROR(INDEX(Jesper!AL$2:AL$366,ROUNDDOWN($C1039/24,0)+1,1)*INDEX($D$3:$AA$30,INDEX(Jesper!$R$2:$R$366,ROW(INDEX(Jesper!AL$2:AL$366,ROUNDDOWN($C1039/24,0)+1,1))-1)+IF('Standard Profiles'!$G$22=$B$10,7,0)+IF('Standard Profiles'!$G$22=$B$17,14,0)+IF('Standard Profiles'!$G$22=$B$24,21,0),MOD($C1039,24)+1)/SUM(INDEX($D$3:$AA$30,INDEX(Jesper!$R$2:$R$366,ROW(INDEX(Jesper!AL$2:AL$366,ROUNDDOWN($C1039/24,0)+1,1))-1)+IF('Standard Profiles'!$G$22=$B$10,7,0)+IF('Standard Profiles'!$G$22=$B$17,14,0)+IF('Standard Profiles'!$G$22=$B$24,21,0),0)),0)</f>
        <v>0</v>
      </c>
      <c r="I1039">
        <f t="shared" si="125"/>
        <v>0.12975297110221384</v>
      </c>
      <c r="J1039">
        <f t="shared" si="126"/>
        <v>0.43250990367404624</v>
      </c>
      <c r="K1039">
        <f t="shared" si="127"/>
        <v>0.64876485551106933</v>
      </c>
      <c r="L1039">
        <f t="shared" si="128"/>
        <v>6.5027528504912091</v>
      </c>
      <c r="M1039">
        <f t="shared" si="129"/>
        <v>0</v>
      </c>
      <c r="N1039" s="46">
        <f t="shared" si="130"/>
        <v>45333.874999997563</v>
      </c>
    </row>
    <row r="1040" spans="2:14" x14ac:dyDescent="0.3">
      <c r="B1040">
        <f t="shared" si="124"/>
        <v>7</v>
      </c>
      <c r="C1040" s="16">
        <v>1006</v>
      </c>
      <c r="D1040" cm="1">
        <f t="array" ref="D1040">IFERROR(INDEX(Jesper!AH$2:AH$366,ROUNDDOWN($C1040/24,0)+1,1)*INDEX($D$3:$AA$30,INDEX(Jesper!$R$2:$R$366,ROW(INDEX(Jesper!AH$2:AH$366,ROUNDDOWN($C1040/24,0)+1,1))-1)+IF('Standard Profiles'!$G$18=$B$10,7,0)+IF('Standard Profiles'!$G$18=$B$17,14,0)+IF('Standard Profiles'!$G$18=$B$24,21,0),MOD($C1040,24)+1)/SUM(INDEX($D$3:$AA$30,INDEX(Jesper!$R$2:$R$366,ROW(INDEX(Jesper!AH$2:AH$366,ROUNDDOWN($C1040/24,0)+1,1))-1)+IF('Standard Profiles'!$G$18=$B$10,7,0)+IF('Standard Profiles'!$G$18=$B$17,14,0)+IF('Standard Profiles'!$G$18=$B$24,21,0),0)),0)</f>
        <v>6.2735226015439647</v>
      </c>
      <c r="E1040" cm="1">
        <f t="array" ref="E1040">IFERROR(INDEX(Jesper!AI$2:AI$366,ROUNDDOWN($C1040/24,0)+1,1)*INDEX($D$3:$AA$30,INDEX(Jesper!$R$2:$R$366,ROW(INDEX(Jesper!AI$2:AI$366,ROUNDDOWN($C1040/24,0)+1,1))-1)+IF('Standard Profiles'!$G$19=$B$10,7,0)+IF('Standard Profiles'!$G$19=$B$17,14,0)+IF('Standard Profiles'!$G$19=$B$24,21,0),MOD($C1040,24)+1)/SUM(INDEX($D$3:$AA$30,INDEX(Jesper!$R$2:$R$366,ROW(INDEX(Jesper!AI$2:AI$366,ROUNDDOWN($C1040/24,0)+1,1))-1)+IF('Standard Profiles'!$G$19=$B$10,7,0)+IF('Standard Profiles'!$G$19=$B$17,14,0)+IF('Standard Profiles'!$G$19=$B$24,21,0),0)),0)</f>
        <v>1.4402579792345733</v>
      </c>
      <c r="F1040" cm="1">
        <f t="array" ref="F1040">IFERROR(INDEX(Jesper!AJ$2:AJ$366,ROUNDDOWN($C1040/24,0)+1,1)*INDEX($D$3:$AA$30,INDEX(Jesper!$R$2:$R$366,ROW(INDEX(Jesper!AJ$2:AJ$366,ROUNDDOWN($C1040/24,0)+1,1))-1)+IF('Standard Profiles'!$G$20=$B$10,7,0)+IF('Standard Profiles'!$G$20=$B$17,14,0)+IF('Standard Profiles'!$G$20=$B$24,21,0),MOD($C1040,24)+1)/SUM(INDEX($D$3:$AA$30,INDEX(Jesper!$R$2:$R$366,ROW(INDEX(Jesper!AJ$2:AJ$366,ROUNDDOWN($C1040/24,0)+1,1))-1)+IF('Standard Profiles'!$G$20=$B$10,7,0)+IF('Standard Profiles'!$G$20=$B$17,14,0)+IF('Standard Profiles'!$G$20=$B$24,21,0),0)),0)</f>
        <v>0</v>
      </c>
      <c r="G1040" cm="1">
        <f t="array" ref="G1040">IFERROR(INDEX(Jesper!AK$2:AK$366,ROUNDDOWN($C1040/24,0)+1,1)*INDEX($D$3:$AA$30,INDEX(Jesper!$R$2:$R$366,ROW(INDEX(Jesper!AK$2:AK$366,ROUNDDOWN($C1040/24,0)+1,1))-1)+IF('Standard Profiles'!$G$21=$B$10,7,0)+IF('Standard Profiles'!$G$21=$B$17,14,0)+IF('Standard Profiles'!$G$21=$B$24,21,0),MOD($C1040,24)+1)/SUM(INDEX($D$3:$AA$30,INDEX(Jesper!$R$2:$R$366,ROW(INDEX(Jesper!AK$2:AK$366,ROUNDDOWN($C1040/24,0)+1,1))-1)+IF('Standard Profiles'!$G$21=$B$10,7,0)+IF('Standard Profiles'!$G$21=$B$17,14,0)+IF('Standard Profiles'!$G$21=$B$24,21,0),0)),0)</f>
        <v>0</v>
      </c>
      <c r="H1040" cm="1">
        <f t="array" ref="H1040">IFERROR(INDEX(Jesper!AL$2:AL$366,ROUNDDOWN($C1040/24,0)+1,1)*INDEX($D$3:$AA$30,INDEX(Jesper!$R$2:$R$366,ROW(INDEX(Jesper!AL$2:AL$366,ROUNDDOWN($C1040/24,0)+1,1))-1)+IF('Standard Profiles'!$G$22=$B$10,7,0)+IF('Standard Profiles'!$G$22=$B$17,14,0)+IF('Standard Profiles'!$G$22=$B$24,21,0),MOD($C1040,24)+1)/SUM(INDEX($D$3:$AA$30,INDEX(Jesper!$R$2:$R$366,ROW(INDEX(Jesper!AL$2:AL$366,ROUNDDOWN($C1040/24,0)+1,1))-1)+IF('Standard Profiles'!$G$22=$B$10,7,0)+IF('Standard Profiles'!$G$22=$B$17,14,0)+IF('Standard Profiles'!$G$22=$B$24,21,0),0)),0)</f>
        <v>0</v>
      </c>
      <c r="I1040">
        <f t="shared" si="125"/>
        <v>0.12975297110221384</v>
      </c>
      <c r="J1040">
        <f t="shared" si="126"/>
        <v>0.43250990367404624</v>
      </c>
      <c r="K1040">
        <f t="shared" si="127"/>
        <v>0.64876485551106933</v>
      </c>
      <c r="L1040">
        <f t="shared" si="128"/>
        <v>6.5027528504912091</v>
      </c>
      <c r="M1040">
        <f t="shared" si="129"/>
        <v>0</v>
      </c>
      <c r="N1040" s="46">
        <f t="shared" si="130"/>
        <v>45333.916666664227</v>
      </c>
    </row>
    <row r="1041" spans="2:14" x14ac:dyDescent="0.3">
      <c r="B1041">
        <f t="shared" si="124"/>
        <v>7</v>
      </c>
      <c r="C1041" s="16">
        <v>1007</v>
      </c>
      <c r="D1041" cm="1">
        <f t="array" ref="D1041">IFERROR(INDEX(Jesper!AH$2:AH$366,ROUNDDOWN($C1041/24,0)+1,1)*INDEX($D$3:$AA$30,INDEX(Jesper!$R$2:$R$366,ROW(INDEX(Jesper!AH$2:AH$366,ROUNDDOWN($C1041/24,0)+1,1))-1)+IF('Standard Profiles'!$G$18=$B$10,7,0)+IF('Standard Profiles'!$G$18=$B$17,14,0)+IF('Standard Profiles'!$G$18=$B$24,21,0),MOD($C1041,24)+1)/SUM(INDEX($D$3:$AA$30,INDEX(Jesper!$R$2:$R$366,ROW(INDEX(Jesper!AH$2:AH$366,ROUNDDOWN($C1041/24,0)+1,1))-1)+IF('Standard Profiles'!$G$18=$B$10,7,0)+IF('Standard Profiles'!$G$18=$B$17,14,0)+IF('Standard Profiles'!$G$18=$B$24,21,0),0)),0)</f>
        <v>6.2735226015439647</v>
      </c>
      <c r="E1041" cm="1">
        <f t="array" ref="E1041">IFERROR(INDEX(Jesper!AI$2:AI$366,ROUNDDOWN($C1041/24,0)+1,1)*INDEX($D$3:$AA$30,INDEX(Jesper!$R$2:$R$366,ROW(INDEX(Jesper!AI$2:AI$366,ROUNDDOWN($C1041/24,0)+1,1))-1)+IF('Standard Profiles'!$G$19=$B$10,7,0)+IF('Standard Profiles'!$G$19=$B$17,14,0)+IF('Standard Profiles'!$G$19=$B$24,21,0),MOD($C1041,24)+1)/SUM(INDEX($D$3:$AA$30,INDEX(Jesper!$R$2:$R$366,ROW(INDEX(Jesper!AI$2:AI$366,ROUNDDOWN($C1041/24,0)+1,1))-1)+IF('Standard Profiles'!$G$19=$B$10,7,0)+IF('Standard Profiles'!$G$19=$B$17,14,0)+IF('Standard Profiles'!$G$19=$B$24,21,0),0)),0)</f>
        <v>1.4402579792345733</v>
      </c>
      <c r="F1041" cm="1">
        <f t="array" ref="F1041">IFERROR(INDEX(Jesper!AJ$2:AJ$366,ROUNDDOWN($C1041/24,0)+1,1)*INDEX($D$3:$AA$30,INDEX(Jesper!$R$2:$R$366,ROW(INDEX(Jesper!AJ$2:AJ$366,ROUNDDOWN($C1041/24,0)+1,1))-1)+IF('Standard Profiles'!$G$20=$B$10,7,0)+IF('Standard Profiles'!$G$20=$B$17,14,0)+IF('Standard Profiles'!$G$20=$B$24,21,0),MOD($C1041,24)+1)/SUM(INDEX($D$3:$AA$30,INDEX(Jesper!$R$2:$R$366,ROW(INDEX(Jesper!AJ$2:AJ$366,ROUNDDOWN($C1041/24,0)+1,1))-1)+IF('Standard Profiles'!$G$20=$B$10,7,0)+IF('Standard Profiles'!$G$20=$B$17,14,0)+IF('Standard Profiles'!$G$20=$B$24,21,0),0)),0)</f>
        <v>0</v>
      </c>
      <c r="G1041" cm="1">
        <f t="array" ref="G1041">IFERROR(INDEX(Jesper!AK$2:AK$366,ROUNDDOWN($C1041/24,0)+1,1)*INDEX($D$3:$AA$30,INDEX(Jesper!$R$2:$R$366,ROW(INDEX(Jesper!AK$2:AK$366,ROUNDDOWN($C1041/24,0)+1,1))-1)+IF('Standard Profiles'!$G$21=$B$10,7,0)+IF('Standard Profiles'!$G$21=$B$17,14,0)+IF('Standard Profiles'!$G$21=$B$24,21,0),MOD($C1041,24)+1)/SUM(INDEX($D$3:$AA$30,INDEX(Jesper!$R$2:$R$366,ROW(INDEX(Jesper!AK$2:AK$366,ROUNDDOWN($C1041/24,0)+1,1))-1)+IF('Standard Profiles'!$G$21=$B$10,7,0)+IF('Standard Profiles'!$G$21=$B$17,14,0)+IF('Standard Profiles'!$G$21=$B$24,21,0),0)),0)</f>
        <v>0</v>
      </c>
      <c r="H1041" cm="1">
        <f t="array" ref="H1041">IFERROR(INDEX(Jesper!AL$2:AL$366,ROUNDDOWN($C1041/24,0)+1,1)*INDEX($D$3:$AA$30,INDEX(Jesper!$R$2:$R$366,ROW(INDEX(Jesper!AL$2:AL$366,ROUNDDOWN($C1041/24,0)+1,1))-1)+IF('Standard Profiles'!$G$22=$B$10,7,0)+IF('Standard Profiles'!$G$22=$B$17,14,0)+IF('Standard Profiles'!$G$22=$B$24,21,0),MOD($C1041,24)+1)/SUM(INDEX($D$3:$AA$30,INDEX(Jesper!$R$2:$R$366,ROW(INDEX(Jesper!AL$2:AL$366,ROUNDDOWN($C1041/24,0)+1,1))-1)+IF('Standard Profiles'!$G$22=$B$10,7,0)+IF('Standard Profiles'!$G$22=$B$17,14,0)+IF('Standard Profiles'!$G$22=$B$24,21,0),0)),0)</f>
        <v>0</v>
      </c>
      <c r="I1041">
        <f t="shared" si="125"/>
        <v>0.12975297110221384</v>
      </c>
      <c r="J1041">
        <f t="shared" si="126"/>
        <v>0.43250990367404624</v>
      </c>
      <c r="K1041">
        <f t="shared" si="127"/>
        <v>0.64876485551106933</v>
      </c>
      <c r="L1041">
        <f t="shared" si="128"/>
        <v>6.5027528504912091</v>
      </c>
      <c r="M1041">
        <f t="shared" si="129"/>
        <v>0</v>
      </c>
      <c r="N1041" s="46">
        <f t="shared" si="130"/>
        <v>45333.958333330891</v>
      </c>
    </row>
    <row r="1042" spans="2:14" x14ac:dyDescent="0.3">
      <c r="B1042">
        <f t="shared" si="124"/>
        <v>1</v>
      </c>
      <c r="C1042" s="16">
        <v>1008</v>
      </c>
      <c r="D1042" cm="1">
        <f t="array" ref="D1042">IFERROR(INDEX(Jesper!AH$2:AH$366,ROUNDDOWN($C1042/24,0)+1,1)*INDEX($D$3:$AA$30,INDEX(Jesper!$R$2:$R$366,ROW(INDEX(Jesper!AH$2:AH$366,ROUNDDOWN($C1042/24,0)+1,1))-1)+IF('Standard Profiles'!$G$18=$B$10,7,0)+IF('Standard Profiles'!$G$18=$B$17,14,0)+IF('Standard Profiles'!$G$18=$B$24,21,0),MOD($C1042,24)+1)/SUM(INDEX($D$3:$AA$30,INDEX(Jesper!$R$2:$R$366,ROW(INDEX(Jesper!AH$2:AH$366,ROUNDDOWN($C1042/24,0)+1,1))-1)+IF('Standard Profiles'!$G$18=$B$10,7,0)+IF('Standard Profiles'!$G$18=$B$17,14,0)+IF('Standard Profiles'!$G$18=$B$24,21,0),0)),0)</f>
        <v>2.521030594269341</v>
      </c>
      <c r="E1042" cm="1">
        <f t="array" ref="E1042">IFERROR(INDEX(Jesper!AI$2:AI$366,ROUNDDOWN($C1042/24,0)+1,1)*INDEX($D$3:$AA$30,INDEX(Jesper!$R$2:$R$366,ROW(INDEX(Jesper!AI$2:AI$366,ROUNDDOWN($C1042/24,0)+1,1))-1)+IF('Standard Profiles'!$G$19=$B$10,7,0)+IF('Standard Profiles'!$G$19=$B$17,14,0)+IF('Standard Profiles'!$G$19=$B$24,21,0),MOD($C1042,24)+1)/SUM(INDEX($D$3:$AA$30,INDEX(Jesper!$R$2:$R$366,ROW(INDEX(Jesper!AI$2:AI$366,ROUNDDOWN($C1042/24,0)+1,1))-1)+IF('Standard Profiles'!$G$19=$B$10,7,0)+IF('Standard Profiles'!$G$19=$B$17,14,0)+IF('Standard Profiles'!$G$19=$B$24,21,0),0)),0)</f>
        <v>0</v>
      </c>
      <c r="F1042" cm="1">
        <f t="array" ref="F1042">IFERROR(INDEX(Jesper!AJ$2:AJ$366,ROUNDDOWN($C1042/24,0)+1,1)*INDEX($D$3:$AA$30,INDEX(Jesper!$R$2:$R$366,ROW(INDEX(Jesper!AJ$2:AJ$366,ROUNDDOWN($C1042/24,0)+1,1))-1)+IF('Standard Profiles'!$G$20=$B$10,7,0)+IF('Standard Profiles'!$G$20=$B$17,14,0)+IF('Standard Profiles'!$G$20=$B$24,21,0),MOD($C1042,24)+1)/SUM(INDEX($D$3:$AA$30,INDEX(Jesper!$R$2:$R$366,ROW(INDEX(Jesper!AJ$2:AJ$366,ROUNDDOWN($C1042/24,0)+1,1))-1)+IF('Standard Profiles'!$G$20=$B$10,7,0)+IF('Standard Profiles'!$G$20=$B$17,14,0)+IF('Standard Profiles'!$G$20=$B$24,21,0),0)),0)</f>
        <v>0</v>
      </c>
      <c r="G1042" cm="1">
        <f t="array" ref="G1042">IFERROR(INDEX(Jesper!AK$2:AK$366,ROUNDDOWN($C1042/24,0)+1,1)*INDEX($D$3:$AA$30,INDEX(Jesper!$R$2:$R$366,ROW(INDEX(Jesper!AK$2:AK$366,ROUNDDOWN($C1042/24,0)+1,1))-1)+IF('Standard Profiles'!$G$21=$B$10,7,0)+IF('Standard Profiles'!$G$21=$B$17,14,0)+IF('Standard Profiles'!$G$21=$B$24,21,0),MOD($C1042,24)+1)/SUM(INDEX($D$3:$AA$30,INDEX(Jesper!$R$2:$R$366,ROW(INDEX(Jesper!AK$2:AK$366,ROUNDDOWN($C1042/24,0)+1,1))-1)+IF('Standard Profiles'!$G$21=$B$10,7,0)+IF('Standard Profiles'!$G$21=$B$17,14,0)+IF('Standard Profiles'!$G$21=$B$24,21,0),0)),0)</f>
        <v>0</v>
      </c>
      <c r="H1042" cm="1">
        <f t="array" ref="H1042">IFERROR(INDEX(Jesper!AL$2:AL$366,ROUNDDOWN($C1042/24,0)+1,1)*INDEX($D$3:$AA$30,INDEX(Jesper!$R$2:$R$366,ROW(INDEX(Jesper!AL$2:AL$366,ROUNDDOWN($C1042/24,0)+1,1))-1)+IF('Standard Profiles'!$G$22=$B$10,7,0)+IF('Standard Profiles'!$G$22=$B$17,14,0)+IF('Standard Profiles'!$G$22=$B$24,21,0),MOD($C1042,24)+1)/SUM(INDEX($D$3:$AA$30,INDEX(Jesper!$R$2:$R$366,ROW(INDEX(Jesper!AL$2:AL$366,ROUNDDOWN($C1042/24,0)+1,1))-1)+IF('Standard Profiles'!$G$22=$B$10,7,0)+IF('Standard Profiles'!$G$22=$B$17,14,0)+IF('Standard Profiles'!$G$22=$B$24,21,0),0)),0)</f>
        <v>0</v>
      </c>
      <c r="I1042">
        <f t="shared" si="125"/>
        <v>7.5630917828080221E-2</v>
      </c>
      <c r="J1042">
        <f t="shared" si="126"/>
        <v>0.25210305942693412</v>
      </c>
      <c r="K1042">
        <f t="shared" si="127"/>
        <v>0.37815458914040112</v>
      </c>
      <c r="L1042">
        <f t="shared" si="128"/>
        <v>1.8151420278739254</v>
      </c>
      <c r="M1042">
        <f t="shared" si="129"/>
        <v>0</v>
      </c>
      <c r="N1042" s="46">
        <f t="shared" si="130"/>
        <v>45333.999999997555</v>
      </c>
    </row>
    <row r="1043" spans="2:14" x14ac:dyDescent="0.3">
      <c r="B1043">
        <f t="shared" si="124"/>
        <v>1</v>
      </c>
      <c r="C1043" s="16">
        <v>1009</v>
      </c>
      <c r="D1043" cm="1">
        <f t="array" ref="D1043">IFERROR(INDEX(Jesper!AH$2:AH$366,ROUNDDOWN($C1043/24,0)+1,1)*INDEX($D$3:$AA$30,INDEX(Jesper!$R$2:$R$366,ROW(INDEX(Jesper!AH$2:AH$366,ROUNDDOWN($C1043/24,0)+1,1))-1)+IF('Standard Profiles'!$G$18=$B$10,7,0)+IF('Standard Profiles'!$G$18=$B$17,14,0)+IF('Standard Profiles'!$G$18=$B$24,21,0),MOD($C1043,24)+1)/SUM(INDEX($D$3:$AA$30,INDEX(Jesper!$R$2:$R$366,ROW(INDEX(Jesper!AH$2:AH$366,ROUNDDOWN($C1043/24,0)+1,1))-1)+IF('Standard Profiles'!$G$18=$B$10,7,0)+IF('Standard Profiles'!$G$18=$B$17,14,0)+IF('Standard Profiles'!$G$18=$B$24,21,0),0)),0)</f>
        <v>2.521030594269341</v>
      </c>
      <c r="E1043" cm="1">
        <f t="array" ref="E1043">IFERROR(INDEX(Jesper!AI$2:AI$366,ROUNDDOWN($C1043/24,0)+1,1)*INDEX($D$3:$AA$30,INDEX(Jesper!$R$2:$R$366,ROW(INDEX(Jesper!AI$2:AI$366,ROUNDDOWN($C1043/24,0)+1,1))-1)+IF('Standard Profiles'!$G$19=$B$10,7,0)+IF('Standard Profiles'!$G$19=$B$17,14,0)+IF('Standard Profiles'!$G$19=$B$24,21,0),MOD($C1043,24)+1)/SUM(INDEX($D$3:$AA$30,INDEX(Jesper!$R$2:$R$366,ROW(INDEX(Jesper!AI$2:AI$366,ROUNDDOWN($C1043/24,0)+1,1))-1)+IF('Standard Profiles'!$G$19=$B$10,7,0)+IF('Standard Profiles'!$G$19=$B$17,14,0)+IF('Standard Profiles'!$G$19=$B$24,21,0),0)),0)</f>
        <v>0</v>
      </c>
      <c r="F1043" cm="1">
        <f t="array" ref="F1043">IFERROR(INDEX(Jesper!AJ$2:AJ$366,ROUNDDOWN($C1043/24,0)+1,1)*INDEX($D$3:$AA$30,INDEX(Jesper!$R$2:$R$366,ROW(INDEX(Jesper!AJ$2:AJ$366,ROUNDDOWN($C1043/24,0)+1,1))-1)+IF('Standard Profiles'!$G$20=$B$10,7,0)+IF('Standard Profiles'!$G$20=$B$17,14,0)+IF('Standard Profiles'!$G$20=$B$24,21,0),MOD($C1043,24)+1)/SUM(INDEX($D$3:$AA$30,INDEX(Jesper!$R$2:$R$366,ROW(INDEX(Jesper!AJ$2:AJ$366,ROUNDDOWN($C1043/24,0)+1,1))-1)+IF('Standard Profiles'!$G$20=$B$10,7,0)+IF('Standard Profiles'!$G$20=$B$17,14,0)+IF('Standard Profiles'!$G$20=$B$24,21,0),0)),0)</f>
        <v>0</v>
      </c>
      <c r="G1043" cm="1">
        <f t="array" ref="G1043">IFERROR(INDEX(Jesper!AK$2:AK$366,ROUNDDOWN($C1043/24,0)+1,1)*INDEX($D$3:$AA$30,INDEX(Jesper!$R$2:$R$366,ROW(INDEX(Jesper!AK$2:AK$366,ROUNDDOWN($C1043/24,0)+1,1))-1)+IF('Standard Profiles'!$G$21=$B$10,7,0)+IF('Standard Profiles'!$G$21=$B$17,14,0)+IF('Standard Profiles'!$G$21=$B$24,21,0),MOD($C1043,24)+1)/SUM(INDEX($D$3:$AA$30,INDEX(Jesper!$R$2:$R$366,ROW(INDEX(Jesper!AK$2:AK$366,ROUNDDOWN($C1043/24,0)+1,1))-1)+IF('Standard Profiles'!$G$21=$B$10,7,0)+IF('Standard Profiles'!$G$21=$B$17,14,0)+IF('Standard Profiles'!$G$21=$B$24,21,0),0)),0)</f>
        <v>0</v>
      </c>
      <c r="H1043" cm="1">
        <f t="array" ref="H1043">IFERROR(INDEX(Jesper!AL$2:AL$366,ROUNDDOWN($C1043/24,0)+1,1)*INDEX($D$3:$AA$30,INDEX(Jesper!$R$2:$R$366,ROW(INDEX(Jesper!AL$2:AL$366,ROUNDDOWN($C1043/24,0)+1,1))-1)+IF('Standard Profiles'!$G$22=$B$10,7,0)+IF('Standard Profiles'!$G$22=$B$17,14,0)+IF('Standard Profiles'!$G$22=$B$24,21,0),MOD($C1043,24)+1)/SUM(INDEX($D$3:$AA$30,INDEX(Jesper!$R$2:$R$366,ROW(INDEX(Jesper!AL$2:AL$366,ROUNDDOWN($C1043/24,0)+1,1))-1)+IF('Standard Profiles'!$G$22=$B$10,7,0)+IF('Standard Profiles'!$G$22=$B$17,14,0)+IF('Standard Profiles'!$G$22=$B$24,21,0),0)),0)</f>
        <v>0</v>
      </c>
      <c r="I1043">
        <f t="shared" si="125"/>
        <v>7.5630917828080221E-2</v>
      </c>
      <c r="J1043">
        <f t="shared" si="126"/>
        <v>0.25210305942693412</v>
      </c>
      <c r="K1043">
        <f t="shared" si="127"/>
        <v>0.37815458914040112</v>
      </c>
      <c r="L1043">
        <f t="shared" si="128"/>
        <v>1.8151420278739254</v>
      </c>
      <c r="M1043">
        <f t="shared" si="129"/>
        <v>0</v>
      </c>
      <c r="N1043" s="46">
        <f t="shared" si="130"/>
        <v>45334.04166666422</v>
      </c>
    </row>
    <row r="1044" spans="2:14" x14ac:dyDescent="0.3">
      <c r="B1044">
        <f t="shared" si="124"/>
        <v>1</v>
      </c>
      <c r="C1044" s="16">
        <v>1010</v>
      </c>
      <c r="D1044" cm="1">
        <f t="array" ref="D1044">IFERROR(INDEX(Jesper!AH$2:AH$366,ROUNDDOWN($C1044/24,0)+1,1)*INDEX($D$3:$AA$30,INDEX(Jesper!$R$2:$R$366,ROW(INDEX(Jesper!AH$2:AH$366,ROUNDDOWN($C1044/24,0)+1,1))-1)+IF('Standard Profiles'!$G$18=$B$10,7,0)+IF('Standard Profiles'!$G$18=$B$17,14,0)+IF('Standard Profiles'!$G$18=$B$24,21,0),MOD($C1044,24)+1)/SUM(INDEX($D$3:$AA$30,INDEX(Jesper!$R$2:$R$366,ROW(INDEX(Jesper!AH$2:AH$366,ROUNDDOWN($C1044/24,0)+1,1))-1)+IF('Standard Profiles'!$G$18=$B$10,7,0)+IF('Standard Profiles'!$G$18=$B$17,14,0)+IF('Standard Profiles'!$G$18=$B$24,21,0),0)),0)</f>
        <v>2.521030594269341</v>
      </c>
      <c r="E1044" cm="1">
        <f t="array" ref="E1044">IFERROR(INDEX(Jesper!AI$2:AI$366,ROUNDDOWN($C1044/24,0)+1,1)*INDEX($D$3:$AA$30,INDEX(Jesper!$R$2:$R$366,ROW(INDEX(Jesper!AI$2:AI$366,ROUNDDOWN($C1044/24,0)+1,1))-1)+IF('Standard Profiles'!$G$19=$B$10,7,0)+IF('Standard Profiles'!$G$19=$B$17,14,0)+IF('Standard Profiles'!$G$19=$B$24,21,0),MOD($C1044,24)+1)/SUM(INDEX($D$3:$AA$30,INDEX(Jesper!$R$2:$R$366,ROW(INDEX(Jesper!AI$2:AI$366,ROUNDDOWN($C1044/24,0)+1,1))-1)+IF('Standard Profiles'!$G$19=$B$10,7,0)+IF('Standard Profiles'!$G$19=$B$17,14,0)+IF('Standard Profiles'!$G$19=$B$24,21,0),0)),0)</f>
        <v>0</v>
      </c>
      <c r="F1044" cm="1">
        <f t="array" ref="F1044">IFERROR(INDEX(Jesper!AJ$2:AJ$366,ROUNDDOWN($C1044/24,0)+1,1)*INDEX($D$3:$AA$30,INDEX(Jesper!$R$2:$R$366,ROW(INDEX(Jesper!AJ$2:AJ$366,ROUNDDOWN($C1044/24,0)+1,1))-1)+IF('Standard Profiles'!$G$20=$B$10,7,0)+IF('Standard Profiles'!$G$20=$B$17,14,0)+IF('Standard Profiles'!$G$20=$B$24,21,0),MOD($C1044,24)+1)/SUM(INDEX($D$3:$AA$30,INDEX(Jesper!$R$2:$R$366,ROW(INDEX(Jesper!AJ$2:AJ$366,ROUNDDOWN($C1044/24,0)+1,1))-1)+IF('Standard Profiles'!$G$20=$B$10,7,0)+IF('Standard Profiles'!$G$20=$B$17,14,0)+IF('Standard Profiles'!$G$20=$B$24,21,0),0)),0)</f>
        <v>0</v>
      </c>
      <c r="G1044" cm="1">
        <f t="array" ref="G1044">IFERROR(INDEX(Jesper!AK$2:AK$366,ROUNDDOWN($C1044/24,0)+1,1)*INDEX($D$3:$AA$30,INDEX(Jesper!$R$2:$R$366,ROW(INDEX(Jesper!AK$2:AK$366,ROUNDDOWN($C1044/24,0)+1,1))-1)+IF('Standard Profiles'!$G$21=$B$10,7,0)+IF('Standard Profiles'!$G$21=$B$17,14,0)+IF('Standard Profiles'!$G$21=$B$24,21,0),MOD($C1044,24)+1)/SUM(INDEX($D$3:$AA$30,INDEX(Jesper!$R$2:$R$366,ROW(INDEX(Jesper!AK$2:AK$366,ROUNDDOWN($C1044/24,0)+1,1))-1)+IF('Standard Profiles'!$G$21=$B$10,7,0)+IF('Standard Profiles'!$G$21=$B$17,14,0)+IF('Standard Profiles'!$G$21=$B$24,21,0),0)),0)</f>
        <v>0</v>
      </c>
      <c r="H1044" cm="1">
        <f t="array" ref="H1044">IFERROR(INDEX(Jesper!AL$2:AL$366,ROUNDDOWN($C1044/24,0)+1,1)*INDEX($D$3:$AA$30,INDEX(Jesper!$R$2:$R$366,ROW(INDEX(Jesper!AL$2:AL$366,ROUNDDOWN($C1044/24,0)+1,1))-1)+IF('Standard Profiles'!$G$22=$B$10,7,0)+IF('Standard Profiles'!$G$22=$B$17,14,0)+IF('Standard Profiles'!$G$22=$B$24,21,0),MOD($C1044,24)+1)/SUM(INDEX($D$3:$AA$30,INDEX(Jesper!$R$2:$R$366,ROW(INDEX(Jesper!AL$2:AL$366,ROUNDDOWN($C1044/24,0)+1,1))-1)+IF('Standard Profiles'!$G$22=$B$10,7,0)+IF('Standard Profiles'!$G$22=$B$17,14,0)+IF('Standard Profiles'!$G$22=$B$24,21,0),0)),0)</f>
        <v>0</v>
      </c>
      <c r="I1044">
        <f t="shared" si="125"/>
        <v>7.5630917828080221E-2</v>
      </c>
      <c r="J1044">
        <f t="shared" si="126"/>
        <v>0.25210305942693412</v>
      </c>
      <c r="K1044">
        <f t="shared" si="127"/>
        <v>0.37815458914040112</v>
      </c>
      <c r="L1044">
        <f t="shared" si="128"/>
        <v>1.8151420278739254</v>
      </c>
      <c r="M1044">
        <f t="shared" si="129"/>
        <v>0</v>
      </c>
      <c r="N1044" s="46">
        <f t="shared" si="130"/>
        <v>45334.083333330884</v>
      </c>
    </row>
    <row r="1045" spans="2:14" x14ac:dyDescent="0.3">
      <c r="B1045">
        <f t="shared" si="124"/>
        <v>1</v>
      </c>
      <c r="C1045" s="16">
        <v>1011</v>
      </c>
      <c r="D1045" cm="1">
        <f t="array" ref="D1045">IFERROR(INDEX(Jesper!AH$2:AH$366,ROUNDDOWN($C1045/24,0)+1,1)*INDEX($D$3:$AA$30,INDEX(Jesper!$R$2:$R$366,ROW(INDEX(Jesper!AH$2:AH$366,ROUNDDOWN($C1045/24,0)+1,1))-1)+IF('Standard Profiles'!$G$18=$B$10,7,0)+IF('Standard Profiles'!$G$18=$B$17,14,0)+IF('Standard Profiles'!$G$18=$B$24,21,0),MOD($C1045,24)+1)/SUM(INDEX($D$3:$AA$30,INDEX(Jesper!$R$2:$R$366,ROW(INDEX(Jesper!AH$2:AH$366,ROUNDDOWN($C1045/24,0)+1,1))-1)+IF('Standard Profiles'!$G$18=$B$10,7,0)+IF('Standard Profiles'!$G$18=$B$17,14,0)+IF('Standard Profiles'!$G$18=$B$24,21,0),0)),0)</f>
        <v>2.521030594269341</v>
      </c>
      <c r="E1045" cm="1">
        <f t="array" ref="E1045">IFERROR(INDEX(Jesper!AI$2:AI$366,ROUNDDOWN($C1045/24,0)+1,1)*INDEX($D$3:$AA$30,INDEX(Jesper!$R$2:$R$366,ROW(INDEX(Jesper!AI$2:AI$366,ROUNDDOWN($C1045/24,0)+1,1))-1)+IF('Standard Profiles'!$G$19=$B$10,7,0)+IF('Standard Profiles'!$G$19=$B$17,14,0)+IF('Standard Profiles'!$G$19=$B$24,21,0),MOD($C1045,24)+1)/SUM(INDEX($D$3:$AA$30,INDEX(Jesper!$R$2:$R$366,ROW(INDEX(Jesper!AI$2:AI$366,ROUNDDOWN($C1045/24,0)+1,1))-1)+IF('Standard Profiles'!$G$19=$B$10,7,0)+IF('Standard Profiles'!$G$19=$B$17,14,0)+IF('Standard Profiles'!$G$19=$B$24,21,0),0)),0)</f>
        <v>0</v>
      </c>
      <c r="F1045" cm="1">
        <f t="array" ref="F1045">IFERROR(INDEX(Jesper!AJ$2:AJ$366,ROUNDDOWN($C1045/24,0)+1,1)*INDEX($D$3:$AA$30,INDEX(Jesper!$R$2:$R$366,ROW(INDEX(Jesper!AJ$2:AJ$366,ROUNDDOWN($C1045/24,0)+1,1))-1)+IF('Standard Profiles'!$G$20=$B$10,7,0)+IF('Standard Profiles'!$G$20=$B$17,14,0)+IF('Standard Profiles'!$G$20=$B$24,21,0),MOD($C1045,24)+1)/SUM(INDEX($D$3:$AA$30,INDEX(Jesper!$R$2:$R$366,ROW(INDEX(Jesper!AJ$2:AJ$366,ROUNDDOWN($C1045/24,0)+1,1))-1)+IF('Standard Profiles'!$G$20=$B$10,7,0)+IF('Standard Profiles'!$G$20=$B$17,14,0)+IF('Standard Profiles'!$G$20=$B$24,21,0),0)),0)</f>
        <v>0</v>
      </c>
      <c r="G1045" cm="1">
        <f t="array" ref="G1045">IFERROR(INDEX(Jesper!AK$2:AK$366,ROUNDDOWN($C1045/24,0)+1,1)*INDEX($D$3:$AA$30,INDEX(Jesper!$R$2:$R$366,ROW(INDEX(Jesper!AK$2:AK$366,ROUNDDOWN($C1045/24,0)+1,1))-1)+IF('Standard Profiles'!$G$21=$B$10,7,0)+IF('Standard Profiles'!$G$21=$B$17,14,0)+IF('Standard Profiles'!$G$21=$B$24,21,0),MOD($C1045,24)+1)/SUM(INDEX($D$3:$AA$30,INDEX(Jesper!$R$2:$R$366,ROW(INDEX(Jesper!AK$2:AK$366,ROUNDDOWN($C1045/24,0)+1,1))-1)+IF('Standard Profiles'!$G$21=$B$10,7,0)+IF('Standard Profiles'!$G$21=$B$17,14,0)+IF('Standard Profiles'!$G$21=$B$24,21,0),0)),0)</f>
        <v>0</v>
      </c>
      <c r="H1045" cm="1">
        <f t="array" ref="H1045">IFERROR(INDEX(Jesper!AL$2:AL$366,ROUNDDOWN($C1045/24,0)+1,1)*INDEX($D$3:$AA$30,INDEX(Jesper!$R$2:$R$366,ROW(INDEX(Jesper!AL$2:AL$366,ROUNDDOWN($C1045/24,0)+1,1))-1)+IF('Standard Profiles'!$G$22=$B$10,7,0)+IF('Standard Profiles'!$G$22=$B$17,14,0)+IF('Standard Profiles'!$G$22=$B$24,21,0),MOD($C1045,24)+1)/SUM(INDEX($D$3:$AA$30,INDEX(Jesper!$R$2:$R$366,ROW(INDEX(Jesper!AL$2:AL$366,ROUNDDOWN($C1045/24,0)+1,1))-1)+IF('Standard Profiles'!$G$22=$B$10,7,0)+IF('Standard Profiles'!$G$22=$B$17,14,0)+IF('Standard Profiles'!$G$22=$B$24,21,0),0)),0)</f>
        <v>0</v>
      </c>
      <c r="I1045">
        <f t="shared" si="125"/>
        <v>7.5630917828080221E-2</v>
      </c>
      <c r="J1045">
        <f t="shared" si="126"/>
        <v>0.25210305942693412</v>
      </c>
      <c r="K1045">
        <f t="shared" si="127"/>
        <v>0.37815458914040112</v>
      </c>
      <c r="L1045">
        <f t="shared" si="128"/>
        <v>1.8151420278739254</v>
      </c>
      <c r="M1045">
        <f t="shared" si="129"/>
        <v>0</v>
      </c>
      <c r="N1045" s="46">
        <f t="shared" si="130"/>
        <v>45334.124999997548</v>
      </c>
    </row>
    <row r="1046" spans="2:14" x14ac:dyDescent="0.3">
      <c r="B1046">
        <f t="shared" si="124"/>
        <v>1</v>
      </c>
      <c r="C1046" s="16">
        <v>1012</v>
      </c>
      <c r="D1046" cm="1">
        <f t="array" ref="D1046">IFERROR(INDEX(Jesper!AH$2:AH$366,ROUNDDOWN($C1046/24,0)+1,1)*INDEX($D$3:$AA$30,INDEX(Jesper!$R$2:$R$366,ROW(INDEX(Jesper!AH$2:AH$366,ROUNDDOWN($C1046/24,0)+1,1))-1)+IF('Standard Profiles'!$G$18=$B$10,7,0)+IF('Standard Profiles'!$G$18=$B$17,14,0)+IF('Standard Profiles'!$G$18=$B$24,21,0),MOD($C1046,24)+1)/SUM(INDEX($D$3:$AA$30,INDEX(Jesper!$R$2:$R$366,ROW(INDEX(Jesper!AH$2:AH$366,ROUNDDOWN($C1046/24,0)+1,1))-1)+IF('Standard Profiles'!$G$18=$B$10,7,0)+IF('Standard Profiles'!$G$18=$B$17,14,0)+IF('Standard Profiles'!$G$18=$B$24,21,0),0)),0)</f>
        <v>2.521030594269341</v>
      </c>
      <c r="E1046" cm="1">
        <f t="array" ref="E1046">IFERROR(INDEX(Jesper!AI$2:AI$366,ROUNDDOWN($C1046/24,0)+1,1)*INDEX($D$3:$AA$30,INDEX(Jesper!$R$2:$R$366,ROW(INDEX(Jesper!AI$2:AI$366,ROUNDDOWN($C1046/24,0)+1,1))-1)+IF('Standard Profiles'!$G$19=$B$10,7,0)+IF('Standard Profiles'!$G$19=$B$17,14,0)+IF('Standard Profiles'!$G$19=$B$24,21,0),MOD($C1046,24)+1)/SUM(INDEX($D$3:$AA$30,INDEX(Jesper!$R$2:$R$366,ROW(INDEX(Jesper!AI$2:AI$366,ROUNDDOWN($C1046/24,0)+1,1))-1)+IF('Standard Profiles'!$G$19=$B$10,7,0)+IF('Standard Profiles'!$G$19=$B$17,14,0)+IF('Standard Profiles'!$G$19=$B$24,21,0),0)),0)</f>
        <v>0</v>
      </c>
      <c r="F1046" cm="1">
        <f t="array" ref="F1046">IFERROR(INDEX(Jesper!AJ$2:AJ$366,ROUNDDOWN($C1046/24,0)+1,1)*INDEX($D$3:$AA$30,INDEX(Jesper!$R$2:$R$366,ROW(INDEX(Jesper!AJ$2:AJ$366,ROUNDDOWN($C1046/24,0)+1,1))-1)+IF('Standard Profiles'!$G$20=$B$10,7,0)+IF('Standard Profiles'!$G$20=$B$17,14,0)+IF('Standard Profiles'!$G$20=$B$24,21,0),MOD($C1046,24)+1)/SUM(INDEX($D$3:$AA$30,INDEX(Jesper!$R$2:$R$366,ROW(INDEX(Jesper!AJ$2:AJ$366,ROUNDDOWN($C1046/24,0)+1,1))-1)+IF('Standard Profiles'!$G$20=$B$10,7,0)+IF('Standard Profiles'!$G$20=$B$17,14,0)+IF('Standard Profiles'!$G$20=$B$24,21,0),0)),0)</f>
        <v>0</v>
      </c>
      <c r="G1046" cm="1">
        <f t="array" ref="G1046">IFERROR(INDEX(Jesper!AK$2:AK$366,ROUNDDOWN($C1046/24,0)+1,1)*INDEX($D$3:$AA$30,INDEX(Jesper!$R$2:$R$366,ROW(INDEX(Jesper!AK$2:AK$366,ROUNDDOWN($C1046/24,0)+1,1))-1)+IF('Standard Profiles'!$G$21=$B$10,7,0)+IF('Standard Profiles'!$G$21=$B$17,14,0)+IF('Standard Profiles'!$G$21=$B$24,21,0),MOD($C1046,24)+1)/SUM(INDEX($D$3:$AA$30,INDEX(Jesper!$R$2:$R$366,ROW(INDEX(Jesper!AK$2:AK$366,ROUNDDOWN($C1046/24,0)+1,1))-1)+IF('Standard Profiles'!$G$21=$B$10,7,0)+IF('Standard Profiles'!$G$21=$B$17,14,0)+IF('Standard Profiles'!$G$21=$B$24,21,0),0)),0)</f>
        <v>0</v>
      </c>
      <c r="H1046" cm="1">
        <f t="array" ref="H1046">IFERROR(INDEX(Jesper!AL$2:AL$366,ROUNDDOWN($C1046/24,0)+1,1)*INDEX($D$3:$AA$30,INDEX(Jesper!$R$2:$R$366,ROW(INDEX(Jesper!AL$2:AL$366,ROUNDDOWN($C1046/24,0)+1,1))-1)+IF('Standard Profiles'!$G$22=$B$10,7,0)+IF('Standard Profiles'!$G$22=$B$17,14,0)+IF('Standard Profiles'!$G$22=$B$24,21,0),MOD($C1046,24)+1)/SUM(INDEX($D$3:$AA$30,INDEX(Jesper!$R$2:$R$366,ROW(INDEX(Jesper!AL$2:AL$366,ROUNDDOWN($C1046/24,0)+1,1))-1)+IF('Standard Profiles'!$G$22=$B$10,7,0)+IF('Standard Profiles'!$G$22=$B$17,14,0)+IF('Standard Profiles'!$G$22=$B$24,21,0),0)),0)</f>
        <v>0</v>
      </c>
      <c r="I1046">
        <f t="shared" si="125"/>
        <v>7.5630917828080221E-2</v>
      </c>
      <c r="J1046">
        <f t="shared" si="126"/>
        <v>0.25210305942693412</v>
      </c>
      <c r="K1046">
        <f t="shared" si="127"/>
        <v>0.37815458914040112</v>
      </c>
      <c r="L1046">
        <f t="shared" si="128"/>
        <v>1.8151420278739254</v>
      </c>
      <c r="M1046">
        <f t="shared" si="129"/>
        <v>0</v>
      </c>
      <c r="N1046" s="46">
        <f t="shared" si="130"/>
        <v>45334.166666664212</v>
      </c>
    </row>
    <row r="1047" spans="2:14" x14ac:dyDescent="0.3">
      <c r="B1047">
        <f t="shared" si="124"/>
        <v>1</v>
      </c>
      <c r="C1047" s="16">
        <v>1013</v>
      </c>
      <c r="D1047" cm="1">
        <f t="array" ref="D1047">IFERROR(INDEX(Jesper!AH$2:AH$366,ROUNDDOWN($C1047/24,0)+1,1)*INDEX($D$3:$AA$30,INDEX(Jesper!$R$2:$R$366,ROW(INDEX(Jesper!AH$2:AH$366,ROUNDDOWN($C1047/24,0)+1,1))-1)+IF('Standard Profiles'!$G$18=$B$10,7,0)+IF('Standard Profiles'!$G$18=$B$17,14,0)+IF('Standard Profiles'!$G$18=$B$24,21,0),MOD($C1047,24)+1)/SUM(INDEX($D$3:$AA$30,INDEX(Jesper!$R$2:$R$366,ROW(INDEX(Jesper!AH$2:AH$366,ROUNDDOWN($C1047/24,0)+1,1))-1)+IF('Standard Profiles'!$G$18=$B$10,7,0)+IF('Standard Profiles'!$G$18=$B$17,14,0)+IF('Standard Profiles'!$G$18=$B$24,21,0),0)),0)</f>
        <v>10.92446590850048</v>
      </c>
      <c r="E1047" cm="1">
        <f t="array" ref="E1047">IFERROR(INDEX(Jesper!AI$2:AI$366,ROUNDDOWN($C1047/24,0)+1,1)*INDEX($D$3:$AA$30,INDEX(Jesper!$R$2:$R$366,ROW(INDEX(Jesper!AI$2:AI$366,ROUNDDOWN($C1047/24,0)+1,1))-1)+IF('Standard Profiles'!$G$19=$B$10,7,0)+IF('Standard Profiles'!$G$19=$B$17,14,0)+IF('Standard Profiles'!$G$19=$B$24,21,0),MOD($C1047,24)+1)/SUM(INDEX($D$3:$AA$30,INDEX(Jesper!$R$2:$R$366,ROW(INDEX(Jesper!AI$2:AI$366,ROUNDDOWN($C1047/24,0)+1,1))-1)+IF('Standard Profiles'!$G$19=$B$10,7,0)+IF('Standard Profiles'!$G$19=$B$17,14,0)+IF('Standard Profiles'!$G$19=$B$24,21,0),0)),0)</f>
        <v>0</v>
      </c>
      <c r="F1047" cm="1">
        <f t="array" ref="F1047">IFERROR(INDEX(Jesper!AJ$2:AJ$366,ROUNDDOWN($C1047/24,0)+1,1)*INDEX($D$3:$AA$30,INDEX(Jesper!$R$2:$R$366,ROW(INDEX(Jesper!AJ$2:AJ$366,ROUNDDOWN($C1047/24,0)+1,1))-1)+IF('Standard Profiles'!$G$20=$B$10,7,0)+IF('Standard Profiles'!$G$20=$B$17,14,0)+IF('Standard Profiles'!$G$20=$B$24,21,0),MOD($C1047,24)+1)/SUM(INDEX($D$3:$AA$30,INDEX(Jesper!$R$2:$R$366,ROW(INDEX(Jesper!AJ$2:AJ$366,ROUNDDOWN($C1047/24,0)+1,1))-1)+IF('Standard Profiles'!$G$20=$B$10,7,0)+IF('Standard Profiles'!$G$20=$B$17,14,0)+IF('Standard Profiles'!$G$20=$B$24,21,0),0)),0)</f>
        <v>0</v>
      </c>
      <c r="G1047" cm="1">
        <f t="array" ref="G1047">IFERROR(INDEX(Jesper!AK$2:AK$366,ROUNDDOWN($C1047/24,0)+1,1)*INDEX($D$3:$AA$30,INDEX(Jesper!$R$2:$R$366,ROW(INDEX(Jesper!AK$2:AK$366,ROUNDDOWN($C1047/24,0)+1,1))-1)+IF('Standard Profiles'!$G$21=$B$10,7,0)+IF('Standard Profiles'!$G$21=$B$17,14,0)+IF('Standard Profiles'!$G$21=$B$24,21,0),MOD($C1047,24)+1)/SUM(INDEX($D$3:$AA$30,INDEX(Jesper!$R$2:$R$366,ROW(INDEX(Jesper!AK$2:AK$366,ROUNDDOWN($C1047/24,0)+1,1))-1)+IF('Standard Profiles'!$G$21=$B$10,7,0)+IF('Standard Profiles'!$G$21=$B$17,14,0)+IF('Standard Profiles'!$G$21=$B$24,21,0),0)),0)</f>
        <v>0</v>
      </c>
      <c r="H1047" cm="1">
        <f t="array" ref="H1047">IFERROR(INDEX(Jesper!AL$2:AL$366,ROUNDDOWN($C1047/24,0)+1,1)*INDEX($D$3:$AA$30,INDEX(Jesper!$R$2:$R$366,ROW(INDEX(Jesper!AL$2:AL$366,ROUNDDOWN($C1047/24,0)+1,1))-1)+IF('Standard Profiles'!$G$22=$B$10,7,0)+IF('Standard Profiles'!$G$22=$B$17,14,0)+IF('Standard Profiles'!$G$22=$B$24,21,0),MOD($C1047,24)+1)/SUM(INDEX($D$3:$AA$30,INDEX(Jesper!$R$2:$R$366,ROW(INDEX(Jesper!AL$2:AL$366,ROUNDDOWN($C1047/24,0)+1,1))-1)+IF('Standard Profiles'!$G$22=$B$10,7,0)+IF('Standard Profiles'!$G$22=$B$17,14,0)+IF('Standard Profiles'!$G$22=$B$24,21,0),0)),0)</f>
        <v>0</v>
      </c>
      <c r="I1047">
        <f t="shared" si="125"/>
        <v>0.32773397725501441</v>
      </c>
      <c r="J1047">
        <f t="shared" si="126"/>
        <v>1.092446590850048</v>
      </c>
      <c r="K1047">
        <f t="shared" si="127"/>
        <v>1.6386698862750719</v>
      </c>
      <c r="L1047">
        <f t="shared" si="128"/>
        <v>7.8656154541203449</v>
      </c>
      <c r="M1047">
        <f t="shared" si="129"/>
        <v>0</v>
      </c>
      <c r="N1047" s="46">
        <f t="shared" si="130"/>
        <v>45334.208333330876</v>
      </c>
    </row>
    <row r="1048" spans="2:14" x14ac:dyDescent="0.3">
      <c r="B1048">
        <f t="shared" si="124"/>
        <v>1</v>
      </c>
      <c r="C1048" s="16">
        <v>1014</v>
      </c>
      <c r="D1048" cm="1">
        <f t="array" ref="D1048">IFERROR(INDEX(Jesper!AH$2:AH$366,ROUNDDOWN($C1048/24,0)+1,1)*INDEX($D$3:$AA$30,INDEX(Jesper!$R$2:$R$366,ROW(INDEX(Jesper!AH$2:AH$366,ROUNDDOWN($C1048/24,0)+1,1))-1)+IF('Standard Profiles'!$G$18=$B$10,7,0)+IF('Standard Profiles'!$G$18=$B$17,14,0)+IF('Standard Profiles'!$G$18=$B$24,21,0),MOD($C1048,24)+1)/SUM(INDEX($D$3:$AA$30,INDEX(Jesper!$R$2:$R$366,ROW(INDEX(Jesper!AH$2:AH$366,ROUNDDOWN($C1048/24,0)+1,1))-1)+IF('Standard Profiles'!$G$18=$B$10,7,0)+IF('Standard Profiles'!$G$18=$B$17,14,0)+IF('Standard Profiles'!$G$18=$B$24,21,0),0)),0)</f>
        <v>12.395067088490928</v>
      </c>
      <c r="E1048" cm="1">
        <f t="array" ref="E1048">IFERROR(INDEX(Jesper!AI$2:AI$366,ROUNDDOWN($C1048/24,0)+1,1)*INDEX($D$3:$AA$30,INDEX(Jesper!$R$2:$R$366,ROW(INDEX(Jesper!AI$2:AI$366,ROUNDDOWN($C1048/24,0)+1,1))-1)+IF('Standard Profiles'!$G$19=$B$10,7,0)+IF('Standard Profiles'!$G$19=$B$17,14,0)+IF('Standard Profiles'!$G$19=$B$24,21,0),MOD($C1048,24)+1)/SUM(INDEX($D$3:$AA$30,INDEX(Jesper!$R$2:$R$366,ROW(INDEX(Jesper!AI$2:AI$366,ROUNDDOWN($C1048/24,0)+1,1))-1)+IF('Standard Profiles'!$G$19=$B$10,7,0)+IF('Standard Profiles'!$G$19=$B$17,14,0)+IF('Standard Profiles'!$G$19=$B$24,21,0),0)),0)</f>
        <v>0</v>
      </c>
      <c r="F1048" cm="1">
        <f t="array" ref="F1048">IFERROR(INDEX(Jesper!AJ$2:AJ$366,ROUNDDOWN($C1048/24,0)+1,1)*INDEX($D$3:$AA$30,INDEX(Jesper!$R$2:$R$366,ROW(INDEX(Jesper!AJ$2:AJ$366,ROUNDDOWN($C1048/24,0)+1,1))-1)+IF('Standard Profiles'!$G$20=$B$10,7,0)+IF('Standard Profiles'!$G$20=$B$17,14,0)+IF('Standard Profiles'!$G$20=$B$24,21,0),MOD($C1048,24)+1)/SUM(INDEX($D$3:$AA$30,INDEX(Jesper!$R$2:$R$366,ROW(INDEX(Jesper!AJ$2:AJ$366,ROUNDDOWN($C1048/24,0)+1,1))-1)+IF('Standard Profiles'!$G$20=$B$10,7,0)+IF('Standard Profiles'!$G$20=$B$17,14,0)+IF('Standard Profiles'!$G$20=$B$24,21,0),0)),0)</f>
        <v>0</v>
      </c>
      <c r="G1048" cm="1">
        <f t="array" ref="G1048">IFERROR(INDEX(Jesper!AK$2:AK$366,ROUNDDOWN($C1048/24,0)+1,1)*INDEX($D$3:$AA$30,INDEX(Jesper!$R$2:$R$366,ROW(INDEX(Jesper!AK$2:AK$366,ROUNDDOWN($C1048/24,0)+1,1))-1)+IF('Standard Profiles'!$G$21=$B$10,7,0)+IF('Standard Profiles'!$G$21=$B$17,14,0)+IF('Standard Profiles'!$G$21=$B$24,21,0),MOD($C1048,24)+1)/SUM(INDEX($D$3:$AA$30,INDEX(Jesper!$R$2:$R$366,ROW(INDEX(Jesper!AK$2:AK$366,ROUNDDOWN($C1048/24,0)+1,1))-1)+IF('Standard Profiles'!$G$21=$B$10,7,0)+IF('Standard Profiles'!$G$21=$B$17,14,0)+IF('Standard Profiles'!$G$21=$B$24,21,0),0)),0)</f>
        <v>0</v>
      </c>
      <c r="H1048" cm="1">
        <f t="array" ref="H1048">IFERROR(INDEX(Jesper!AL$2:AL$366,ROUNDDOWN($C1048/24,0)+1,1)*INDEX($D$3:$AA$30,INDEX(Jesper!$R$2:$R$366,ROW(INDEX(Jesper!AL$2:AL$366,ROUNDDOWN($C1048/24,0)+1,1))-1)+IF('Standard Profiles'!$G$22=$B$10,7,0)+IF('Standard Profiles'!$G$22=$B$17,14,0)+IF('Standard Profiles'!$G$22=$B$24,21,0),MOD($C1048,24)+1)/SUM(INDEX($D$3:$AA$30,INDEX(Jesper!$R$2:$R$366,ROW(INDEX(Jesper!AL$2:AL$366,ROUNDDOWN($C1048/24,0)+1,1))-1)+IF('Standard Profiles'!$G$22=$B$10,7,0)+IF('Standard Profiles'!$G$22=$B$17,14,0)+IF('Standard Profiles'!$G$22=$B$24,21,0),0)),0)</f>
        <v>0</v>
      </c>
      <c r="I1048">
        <f t="shared" si="125"/>
        <v>0.37185201265472784</v>
      </c>
      <c r="J1048">
        <f t="shared" si="126"/>
        <v>1.2395067088490928</v>
      </c>
      <c r="K1048">
        <f t="shared" si="127"/>
        <v>1.8592600632736391</v>
      </c>
      <c r="L1048">
        <f t="shared" si="128"/>
        <v>8.9244483037134668</v>
      </c>
      <c r="M1048">
        <f t="shared" si="129"/>
        <v>0</v>
      </c>
      <c r="N1048" s="46">
        <f t="shared" si="130"/>
        <v>45334.249999997541</v>
      </c>
    </row>
    <row r="1049" spans="2:14" x14ac:dyDescent="0.3">
      <c r="B1049">
        <f t="shared" si="124"/>
        <v>1</v>
      </c>
      <c r="C1049" s="16">
        <v>1015</v>
      </c>
      <c r="D1049" cm="1">
        <f t="array" ref="D1049">IFERROR(INDEX(Jesper!AH$2:AH$366,ROUNDDOWN($C1049/24,0)+1,1)*INDEX($D$3:$AA$30,INDEX(Jesper!$R$2:$R$366,ROW(INDEX(Jesper!AH$2:AH$366,ROUNDDOWN($C1049/24,0)+1,1))-1)+IF('Standard Profiles'!$G$18=$B$10,7,0)+IF('Standard Profiles'!$G$18=$B$17,14,0)+IF('Standard Profiles'!$G$18=$B$24,21,0),MOD($C1049,24)+1)/SUM(INDEX($D$3:$AA$30,INDEX(Jesper!$R$2:$R$366,ROW(INDEX(Jesper!AH$2:AH$366,ROUNDDOWN($C1049/24,0)+1,1))-1)+IF('Standard Profiles'!$G$18=$B$10,7,0)+IF('Standard Profiles'!$G$18=$B$17,14,0)+IF('Standard Profiles'!$G$18=$B$24,21,0),0)),0)</f>
        <v>12.395067088490928</v>
      </c>
      <c r="E1049" cm="1">
        <f t="array" ref="E1049">IFERROR(INDEX(Jesper!AI$2:AI$366,ROUNDDOWN($C1049/24,0)+1,1)*INDEX($D$3:$AA$30,INDEX(Jesper!$R$2:$R$366,ROW(INDEX(Jesper!AI$2:AI$366,ROUNDDOWN($C1049/24,0)+1,1))-1)+IF('Standard Profiles'!$G$19=$B$10,7,0)+IF('Standard Profiles'!$G$19=$B$17,14,0)+IF('Standard Profiles'!$G$19=$B$24,21,0),MOD($C1049,24)+1)/SUM(INDEX($D$3:$AA$30,INDEX(Jesper!$R$2:$R$366,ROW(INDEX(Jesper!AI$2:AI$366,ROUNDDOWN($C1049/24,0)+1,1))-1)+IF('Standard Profiles'!$G$19=$B$10,7,0)+IF('Standard Profiles'!$G$19=$B$17,14,0)+IF('Standard Profiles'!$G$19=$B$24,21,0),0)),0)</f>
        <v>0</v>
      </c>
      <c r="F1049" cm="1">
        <f t="array" ref="F1049">IFERROR(INDEX(Jesper!AJ$2:AJ$366,ROUNDDOWN($C1049/24,0)+1,1)*INDEX($D$3:$AA$30,INDEX(Jesper!$R$2:$R$366,ROW(INDEX(Jesper!AJ$2:AJ$366,ROUNDDOWN($C1049/24,0)+1,1))-1)+IF('Standard Profiles'!$G$20=$B$10,7,0)+IF('Standard Profiles'!$G$20=$B$17,14,0)+IF('Standard Profiles'!$G$20=$B$24,21,0),MOD($C1049,24)+1)/SUM(INDEX($D$3:$AA$30,INDEX(Jesper!$R$2:$R$366,ROW(INDEX(Jesper!AJ$2:AJ$366,ROUNDDOWN($C1049/24,0)+1,1))-1)+IF('Standard Profiles'!$G$20=$B$10,7,0)+IF('Standard Profiles'!$G$20=$B$17,14,0)+IF('Standard Profiles'!$G$20=$B$24,21,0),0)),0)</f>
        <v>0</v>
      </c>
      <c r="G1049" cm="1">
        <f t="array" ref="G1049">IFERROR(INDEX(Jesper!AK$2:AK$366,ROUNDDOWN($C1049/24,0)+1,1)*INDEX($D$3:$AA$30,INDEX(Jesper!$R$2:$R$366,ROW(INDEX(Jesper!AK$2:AK$366,ROUNDDOWN($C1049/24,0)+1,1))-1)+IF('Standard Profiles'!$G$21=$B$10,7,0)+IF('Standard Profiles'!$G$21=$B$17,14,0)+IF('Standard Profiles'!$G$21=$B$24,21,0),MOD($C1049,24)+1)/SUM(INDEX($D$3:$AA$30,INDEX(Jesper!$R$2:$R$366,ROW(INDEX(Jesper!AK$2:AK$366,ROUNDDOWN($C1049/24,0)+1,1))-1)+IF('Standard Profiles'!$G$21=$B$10,7,0)+IF('Standard Profiles'!$G$21=$B$17,14,0)+IF('Standard Profiles'!$G$21=$B$24,21,0),0)),0)</f>
        <v>0</v>
      </c>
      <c r="H1049" cm="1">
        <f t="array" ref="H1049">IFERROR(INDEX(Jesper!AL$2:AL$366,ROUNDDOWN($C1049/24,0)+1,1)*INDEX($D$3:$AA$30,INDEX(Jesper!$R$2:$R$366,ROW(INDEX(Jesper!AL$2:AL$366,ROUNDDOWN($C1049/24,0)+1,1))-1)+IF('Standard Profiles'!$G$22=$B$10,7,0)+IF('Standard Profiles'!$G$22=$B$17,14,0)+IF('Standard Profiles'!$G$22=$B$24,21,0),MOD($C1049,24)+1)/SUM(INDEX($D$3:$AA$30,INDEX(Jesper!$R$2:$R$366,ROW(INDEX(Jesper!AL$2:AL$366,ROUNDDOWN($C1049/24,0)+1,1))-1)+IF('Standard Profiles'!$G$22=$B$10,7,0)+IF('Standard Profiles'!$G$22=$B$17,14,0)+IF('Standard Profiles'!$G$22=$B$24,21,0),0)),0)</f>
        <v>0</v>
      </c>
      <c r="I1049">
        <f t="shared" si="125"/>
        <v>0.37185201265472784</v>
      </c>
      <c r="J1049">
        <f t="shared" si="126"/>
        <v>1.2395067088490928</v>
      </c>
      <c r="K1049">
        <f t="shared" si="127"/>
        <v>1.8592600632736391</v>
      </c>
      <c r="L1049">
        <f t="shared" si="128"/>
        <v>8.9244483037134668</v>
      </c>
      <c r="M1049">
        <f t="shared" si="129"/>
        <v>0</v>
      </c>
      <c r="N1049" s="46">
        <f t="shared" si="130"/>
        <v>45334.291666664205</v>
      </c>
    </row>
    <row r="1050" spans="2:14" x14ac:dyDescent="0.3">
      <c r="B1050">
        <f t="shared" si="124"/>
        <v>1</v>
      </c>
      <c r="C1050" s="16">
        <v>1016</v>
      </c>
      <c r="D1050" cm="1">
        <f t="array" ref="D1050">IFERROR(INDEX(Jesper!AH$2:AH$366,ROUNDDOWN($C1050/24,0)+1,1)*INDEX($D$3:$AA$30,INDEX(Jesper!$R$2:$R$366,ROW(INDEX(Jesper!AH$2:AH$366,ROUNDDOWN($C1050/24,0)+1,1))-1)+IF('Standard Profiles'!$G$18=$B$10,7,0)+IF('Standard Profiles'!$G$18=$B$17,14,0)+IF('Standard Profiles'!$G$18=$B$24,21,0),MOD($C1050,24)+1)/SUM(INDEX($D$3:$AA$30,INDEX(Jesper!$R$2:$R$366,ROW(INDEX(Jesper!AH$2:AH$366,ROUNDDOWN($C1050/24,0)+1,1))-1)+IF('Standard Profiles'!$G$18=$B$10,7,0)+IF('Standard Profiles'!$G$18=$B$17,14,0)+IF('Standard Profiles'!$G$18=$B$24,21,0),0)),0)</f>
        <v>12.395067088490928</v>
      </c>
      <c r="E1050" cm="1">
        <f t="array" ref="E1050">IFERROR(INDEX(Jesper!AI$2:AI$366,ROUNDDOWN($C1050/24,0)+1,1)*INDEX($D$3:$AA$30,INDEX(Jesper!$R$2:$R$366,ROW(INDEX(Jesper!AI$2:AI$366,ROUNDDOWN($C1050/24,0)+1,1))-1)+IF('Standard Profiles'!$G$19=$B$10,7,0)+IF('Standard Profiles'!$G$19=$B$17,14,0)+IF('Standard Profiles'!$G$19=$B$24,21,0),MOD($C1050,24)+1)/SUM(INDEX($D$3:$AA$30,INDEX(Jesper!$R$2:$R$366,ROW(INDEX(Jesper!AI$2:AI$366,ROUNDDOWN($C1050/24,0)+1,1))-1)+IF('Standard Profiles'!$G$19=$B$10,7,0)+IF('Standard Profiles'!$G$19=$B$17,14,0)+IF('Standard Profiles'!$G$19=$B$24,21,0),0)),0)</f>
        <v>0</v>
      </c>
      <c r="F1050" cm="1">
        <f t="array" ref="F1050">IFERROR(INDEX(Jesper!AJ$2:AJ$366,ROUNDDOWN($C1050/24,0)+1,1)*INDEX($D$3:$AA$30,INDEX(Jesper!$R$2:$R$366,ROW(INDEX(Jesper!AJ$2:AJ$366,ROUNDDOWN($C1050/24,0)+1,1))-1)+IF('Standard Profiles'!$G$20=$B$10,7,0)+IF('Standard Profiles'!$G$20=$B$17,14,0)+IF('Standard Profiles'!$G$20=$B$24,21,0),MOD($C1050,24)+1)/SUM(INDEX($D$3:$AA$30,INDEX(Jesper!$R$2:$R$366,ROW(INDEX(Jesper!AJ$2:AJ$366,ROUNDDOWN($C1050/24,0)+1,1))-1)+IF('Standard Profiles'!$G$20=$B$10,7,0)+IF('Standard Profiles'!$G$20=$B$17,14,0)+IF('Standard Profiles'!$G$20=$B$24,21,0),0)),0)</f>
        <v>0</v>
      </c>
      <c r="G1050" cm="1">
        <f t="array" ref="G1050">IFERROR(INDEX(Jesper!AK$2:AK$366,ROUNDDOWN($C1050/24,0)+1,1)*INDEX($D$3:$AA$30,INDEX(Jesper!$R$2:$R$366,ROW(INDEX(Jesper!AK$2:AK$366,ROUNDDOWN($C1050/24,0)+1,1))-1)+IF('Standard Profiles'!$G$21=$B$10,7,0)+IF('Standard Profiles'!$G$21=$B$17,14,0)+IF('Standard Profiles'!$G$21=$B$24,21,0),MOD($C1050,24)+1)/SUM(INDEX($D$3:$AA$30,INDEX(Jesper!$R$2:$R$366,ROW(INDEX(Jesper!AK$2:AK$366,ROUNDDOWN($C1050/24,0)+1,1))-1)+IF('Standard Profiles'!$G$21=$B$10,7,0)+IF('Standard Profiles'!$G$21=$B$17,14,0)+IF('Standard Profiles'!$G$21=$B$24,21,0),0)),0)</f>
        <v>0</v>
      </c>
      <c r="H1050" cm="1">
        <f t="array" ref="H1050">IFERROR(INDEX(Jesper!AL$2:AL$366,ROUNDDOWN($C1050/24,0)+1,1)*INDEX($D$3:$AA$30,INDEX(Jesper!$R$2:$R$366,ROW(INDEX(Jesper!AL$2:AL$366,ROUNDDOWN($C1050/24,0)+1,1))-1)+IF('Standard Profiles'!$G$22=$B$10,7,0)+IF('Standard Profiles'!$G$22=$B$17,14,0)+IF('Standard Profiles'!$G$22=$B$24,21,0),MOD($C1050,24)+1)/SUM(INDEX($D$3:$AA$30,INDEX(Jesper!$R$2:$R$366,ROW(INDEX(Jesper!AL$2:AL$366,ROUNDDOWN($C1050/24,0)+1,1))-1)+IF('Standard Profiles'!$G$22=$B$10,7,0)+IF('Standard Profiles'!$G$22=$B$17,14,0)+IF('Standard Profiles'!$G$22=$B$24,21,0),0)),0)</f>
        <v>0</v>
      </c>
      <c r="I1050">
        <f t="shared" si="125"/>
        <v>0.37185201265472784</v>
      </c>
      <c r="J1050">
        <f t="shared" si="126"/>
        <v>1.2395067088490928</v>
      </c>
      <c r="K1050">
        <f t="shared" si="127"/>
        <v>1.8592600632736391</v>
      </c>
      <c r="L1050">
        <f t="shared" si="128"/>
        <v>8.9244483037134668</v>
      </c>
      <c r="M1050">
        <f t="shared" si="129"/>
        <v>0</v>
      </c>
      <c r="N1050" s="46">
        <f t="shared" si="130"/>
        <v>45334.333333330869</v>
      </c>
    </row>
    <row r="1051" spans="2:14" x14ac:dyDescent="0.3">
      <c r="B1051">
        <f t="shared" si="124"/>
        <v>1</v>
      </c>
      <c r="C1051" s="16">
        <v>1017</v>
      </c>
      <c r="D1051" cm="1">
        <f t="array" ref="D1051">IFERROR(INDEX(Jesper!AH$2:AH$366,ROUNDDOWN($C1051/24,0)+1,1)*INDEX($D$3:$AA$30,INDEX(Jesper!$R$2:$R$366,ROW(INDEX(Jesper!AH$2:AH$366,ROUNDDOWN($C1051/24,0)+1,1))-1)+IF('Standard Profiles'!$G$18=$B$10,7,0)+IF('Standard Profiles'!$G$18=$B$17,14,0)+IF('Standard Profiles'!$G$18=$B$24,21,0),MOD($C1051,24)+1)/SUM(INDEX($D$3:$AA$30,INDEX(Jesper!$R$2:$R$366,ROW(INDEX(Jesper!AH$2:AH$366,ROUNDDOWN($C1051/24,0)+1,1))-1)+IF('Standard Profiles'!$G$18=$B$10,7,0)+IF('Standard Profiles'!$G$18=$B$17,14,0)+IF('Standard Profiles'!$G$18=$B$24,21,0),0)),0)</f>
        <v>13.235410619914044</v>
      </c>
      <c r="E1051" cm="1">
        <f t="array" ref="E1051">IFERROR(INDEX(Jesper!AI$2:AI$366,ROUNDDOWN($C1051/24,0)+1,1)*INDEX($D$3:$AA$30,INDEX(Jesper!$R$2:$R$366,ROW(INDEX(Jesper!AI$2:AI$366,ROUNDDOWN($C1051/24,0)+1,1))-1)+IF('Standard Profiles'!$G$19=$B$10,7,0)+IF('Standard Profiles'!$G$19=$B$17,14,0)+IF('Standard Profiles'!$G$19=$B$24,21,0),MOD($C1051,24)+1)/SUM(INDEX($D$3:$AA$30,INDEX(Jesper!$R$2:$R$366,ROW(INDEX(Jesper!AI$2:AI$366,ROUNDDOWN($C1051/24,0)+1,1))-1)+IF('Standard Profiles'!$G$19=$B$10,7,0)+IF('Standard Profiles'!$G$19=$B$17,14,0)+IF('Standard Profiles'!$G$19=$B$24,21,0),0)),0)</f>
        <v>0</v>
      </c>
      <c r="F1051" cm="1">
        <f t="array" ref="F1051">IFERROR(INDEX(Jesper!AJ$2:AJ$366,ROUNDDOWN($C1051/24,0)+1,1)*INDEX($D$3:$AA$30,INDEX(Jesper!$R$2:$R$366,ROW(INDEX(Jesper!AJ$2:AJ$366,ROUNDDOWN($C1051/24,0)+1,1))-1)+IF('Standard Profiles'!$G$20=$B$10,7,0)+IF('Standard Profiles'!$G$20=$B$17,14,0)+IF('Standard Profiles'!$G$20=$B$24,21,0),MOD($C1051,24)+1)/SUM(INDEX($D$3:$AA$30,INDEX(Jesper!$R$2:$R$366,ROW(INDEX(Jesper!AJ$2:AJ$366,ROUNDDOWN($C1051/24,0)+1,1))-1)+IF('Standard Profiles'!$G$20=$B$10,7,0)+IF('Standard Profiles'!$G$20=$B$17,14,0)+IF('Standard Profiles'!$G$20=$B$24,21,0),0)),0)</f>
        <v>0</v>
      </c>
      <c r="G1051" cm="1">
        <f t="array" ref="G1051">IFERROR(INDEX(Jesper!AK$2:AK$366,ROUNDDOWN($C1051/24,0)+1,1)*INDEX($D$3:$AA$30,INDEX(Jesper!$R$2:$R$366,ROW(INDEX(Jesper!AK$2:AK$366,ROUNDDOWN($C1051/24,0)+1,1))-1)+IF('Standard Profiles'!$G$21=$B$10,7,0)+IF('Standard Profiles'!$G$21=$B$17,14,0)+IF('Standard Profiles'!$G$21=$B$24,21,0),MOD($C1051,24)+1)/SUM(INDEX($D$3:$AA$30,INDEX(Jesper!$R$2:$R$366,ROW(INDEX(Jesper!AK$2:AK$366,ROUNDDOWN($C1051/24,0)+1,1))-1)+IF('Standard Profiles'!$G$21=$B$10,7,0)+IF('Standard Profiles'!$G$21=$B$17,14,0)+IF('Standard Profiles'!$G$21=$B$24,21,0),0)),0)</f>
        <v>0</v>
      </c>
      <c r="H1051" cm="1">
        <f t="array" ref="H1051">IFERROR(INDEX(Jesper!AL$2:AL$366,ROUNDDOWN($C1051/24,0)+1,1)*INDEX($D$3:$AA$30,INDEX(Jesper!$R$2:$R$366,ROW(INDEX(Jesper!AL$2:AL$366,ROUNDDOWN($C1051/24,0)+1,1))-1)+IF('Standard Profiles'!$G$22=$B$10,7,0)+IF('Standard Profiles'!$G$22=$B$17,14,0)+IF('Standard Profiles'!$G$22=$B$24,21,0),MOD($C1051,24)+1)/SUM(INDEX($D$3:$AA$30,INDEX(Jesper!$R$2:$R$366,ROW(INDEX(Jesper!AL$2:AL$366,ROUNDDOWN($C1051/24,0)+1,1))-1)+IF('Standard Profiles'!$G$22=$B$10,7,0)+IF('Standard Profiles'!$G$22=$B$17,14,0)+IF('Standard Profiles'!$G$22=$B$24,21,0),0)),0)</f>
        <v>0</v>
      </c>
      <c r="I1051">
        <f t="shared" si="125"/>
        <v>0.3970623185974213</v>
      </c>
      <c r="J1051">
        <f t="shared" si="126"/>
        <v>1.3235410619914045</v>
      </c>
      <c r="K1051">
        <f t="shared" si="127"/>
        <v>1.9853115929871064</v>
      </c>
      <c r="L1051">
        <f t="shared" si="128"/>
        <v>9.5294956463381109</v>
      </c>
      <c r="M1051">
        <f t="shared" si="129"/>
        <v>0</v>
      </c>
      <c r="N1051" s="46">
        <f t="shared" si="130"/>
        <v>45334.374999997533</v>
      </c>
    </row>
    <row r="1052" spans="2:14" x14ac:dyDescent="0.3">
      <c r="B1052">
        <f t="shared" si="124"/>
        <v>1</v>
      </c>
      <c r="C1052" s="16">
        <v>1018</v>
      </c>
      <c r="D1052" cm="1">
        <f t="array" ref="D1052">IFERROR(INDEX(Jesper!AH$2:AH$366,ROUNDDOWN($C1052/24,0)+1,1)*INDEX($D$3:$AA$30,INDEX(Jesper!$R$2:$R$366,ROW(INDEX(Jesper!AH$2:AH$366,ROUNDDOWN($C1052/24,0)+1,1))-1)+IF('Standard Profiles'!$G$18=$B$10,7,0)+IF('Standard Profiles'!$G$18=$B$17,14,0)+IF('Standard Profiles'!$G$18=$B$24,21,0),MOD($C1052,24)+1)/SUM(INDEX($D$3:$AA$30,INDEX(Jesper!$R$2:$R$366,ROW(INDEX(Jesper!AH$2:AH$366,ROUNDDOWN($C1052/24,0)+1,1))-1)+IF('Standard Profiles'!$G$18=$B$10,7,0)+IF('Standard Profiles'!$G$18=$B$17,14,0)+IF('Standard Profiles'!$G$18=$B$24,21,0),0)),0)</f>
        <v>13.235410619914044</v>
      </c>
      <c r="E1052" cm="1">
        <f t="array" ref="E1052">IFERROR(INDEX(Jesper!AI$2:AI$366,ROUNDDOWN($C1052/24,0)+1,1)*INDEX($D$3:$AA$30,INDEX(Jesper!$R$2:$R$366,ROW(INDEX(Jesper!AI$2:AI$366,ROUNDDOWN($C1052/24,0)+1,1))-1)+IF('Standard Profiles'!$G$19=$B$10,7,0)+IF('Standard Profiles'!$G$19=$B$17,14,0)+IF('Standard Profiles'!$G$19=$B$24,21,0),MOD($C1052,24)+1)/SUM(INDEX($D$3:$AA$30,INDEX(Jesper!$R$2:$R$366,ROW(INDEX(Jesper!AI$2:AI$366,ROUNDDOWN($C1052/24,0)+1,1))-1)+IF('Standard Profiles'!$G$19=$B$10,7,0)+IF('Standard Profiles'!$G$19=$B$17,14,0)+IF('Standard Profiles'!$G$19=$B$24,21,0),0)),0)</f>
        <v>0</v>
      </c>
      <c r="F1052" cm="1">
        <f t="array" ref="F1052">IFERROR(INDEX(Jesper!AJ$2:AJ$366,ROUNDDOWN($C1052/24,0)+1,1)*INDEX($D$3:$AA$30,INDEX(Jesper!$R$2:$R$366,ROW(INDEX(Jesper!AJ$2:AJ$366,ROUNDDOWN($C1052/24,0)+1,1))-1)+IF('Standard Profiles'!$G$20=$B$10,7,0)+IF('Standard Profiles'!$G$20=$B$17,14,0)+IF('Standard Profiles'!$G$20=$B$24,21,0),MOD($C1052,24)+1)/SUM(INDEX($D$3:$AA$30,INDEX(Jesper!$R$2:$R$366,ROW(INDEX(Jesper!AJ$2:AJ$366,ROUNDDOWN($C1052/24,0)+1,1))-1)+IF('Standard Profiles'!$G$20=$B$10,7,0)+IF('Standard Profiles'!$G$20=$B$17,14,0)+IF('Standard Profiles'!$G$20=$B$24,21,0),0)),0)</f>
        <v>0</v>
      </c>
      <c r="G1052" cm="1">
        <f t="array" ref="G1052">IFERROR(INDEX(Jesper!AK$2:AK$366,ROUNDDOWN($C1052/24,0)+1,1)*INDEX($D$3:$AA$30,INDEX(Jesper!$R$2:$R$366,ROW(INDEX(Jesper!AK$2:AK$366,ROUNDDOWN($C1052/24,0)+1,1))-1)+IF('Standard Profiles'!$G$21=$B$10,7,0)+IF('Standard Profiles'!$G$21=$B$17,14,0)+IF('Standard Profiles'!$G$21=$B$24,21,0),MOD($C1052,24)+1)/SUM(INDEX($D$3:$AA$30,INDEX(Jesper!$R$2:$R$366,ROW(INDEX(Jesper!AK$2:AK$366,ROUNDDOWN($C1052/24,0)+1,1))-1)+IF('Standard Profiles'!$G$21=$B$10,7,0)+IF('Standard Profiles'!$G$21=$B$17,14,0)+IF('Standard Profiles'!$G$21=$B$24,21,0),0)),0)</f>
        <v>0</v>
      </c>
      <c r="H1052" cm="1">
        <f t="array" ref="H1052">IFERROR(INDEX(Jesper!AL$2:AL$366,ROUNDDOWN($C1052/24,0)+1,1)*INDEX($D$3:$AA$30,INDEX(Jesper!$R$2:$R$366,ROW(INDEX(Jesper!AL$2:AL$366,ROUNDDOWN($C1052/24,0)+1,1))-1)+IF('Standard Profiles'!$G$22=$B$10,7,0)+IF('Standard Profiles'!$G$22=$B$17,14,0)+IF('Standard Profiles'!$G$22=$B$24,21,0),MOD($C1052,24)+1)/SUM(INDEX($D$3:$AA$30,INDEX(Jesper!$R$2:$R$366,ROW(INDEX(Jesper!AL$2:AL$366,ROUNDDOWN($C1052/24,0)+1,1))-1)+IF('Standard Profiles'!$G$22=$B$10,7,0)+IF('Standard Profiles'!$G$22=$B$17,14,0)+IF('Standard Profiles'!$G$22=$B$24,21,0),0)),0)</f>
        <v>0</v>
      </c>
      <c r="I1052">
        <f t="shared" si="125"/>
        <v>0.3970623185974213</v>
      </c>
      <c r="J1052">
        <f t="shared" si="126"/>
        <v>1.3235410619914045</v>
      </c>
      <c r="K1052">
        <f t="shared" si="127"/>
        <v>1.9853115929871064</v>
      </c>
      <c r="L1052">
        <f t="shared" si="128"/>
        <v>9.5294956463381109</v>
      </c>
      <c r="M1052">
        <f t="shared" si="129"/>
        <v>0</v>
      </c>
      <c r="N1052" s="46">
        <f t="shared" si="130"/>
        <v>45334.416666664198</v>
      </c>
    </row>
    <row r="1053" spans="2:14" x14ac:dyDescent="0.3">
      <c r="B1053">
        <f t="shared" si="124"/>
        <v>1</v>
      </c>
      <c r="C1053" s="16">
        <v>1019</v>
      </c>
      <c r="D1053" cm="1">
        <f t="array" ref="D1053">IFERROR(INDEX(Jesper!AH$2:AH$366,ROUNDDOWN($C1053/24,0)+1,1)*INDEX($D$3:$AA$30,INDEX(Jesper!$R$2:$R$366,ROW(INDEX(Jesper!AH$2:AH$366,ROUNDDOWN($C1053/24,0)+1,1))-1)+IF('Standard Profiles'!$G$18=$B$10,7,0)+IF('Standard Profiles'!$G$18=$B$17,14,0)+IF('Standard Profiles'!$G$18=$B$24,21,0),MOD($C1053,24)+1)/SUM(INDEX($D$3:$AA$30,INDEX(Jesper!$R$2:$R$366,ROW(INDEX(Jesper!AH$2:AH$366,ROUNDDOWN($C1053/24,0)+1,1))-1)+IF('Standard Profiles'!$G$18=$B$10,7,0)+IF('Standard Profiles'!$G$18=$B$17,14,0)+IF('Standard Profiles'!$G$18=$B$24,21,0),0)),0)</f>
        <v>16.806870628462278</v>
      </c>
      <c r="E1053" cm="1">
        <f t="array" ref="E1053">IFERROR(INDEX(Jesper!AI$2:AI$366,ROUNDDOWN($C1053/24,0)+1,1)*INDEX($D$3:$AA$30,INDEX(Jesper!$R$2:$R$366,ROW(INDEX(Jesper!AI$2:AI$366,ROUNDDOWN($C1053/24,0)+1,1))-1)+IF('Standard Profiles'!$G$19=$B$10,7,0)+IF('Standard Profiles'!$G$19=$B$17,14,0)+IF('Standard Profiles'!$G$19=$B$24,21,0),MOD($C1053,24)+1)/SUM(INDEX($D$3:$AA$30,INDEX(Jesper!$R$2:$R$366,ROW(INDEX(Jesper!AI$2:AI$366,ROUNDDOWN($C1053/24,0)+1,1))-1)+IF('Standard Profiles'!$G$19=$B$10,7,0)+IF('Standard Profiles'!$G$19=$B$17,14,0)+IF('Standard Profiles'!$G$19=$B$24,21,0),0)),0)</f>
        <v>0</v>
      </c>
      <c r="F1053" cm="1">
        <f t="array" ref="F1053">IFERROR(INDEX(Jesper!AJ$2:AJ$366,ROUNDDOWN($C1053/24,0)+1,1)*INDEX($D$3:$AA$30,INDEX(Jesper!$R$2:$R$366,ROW(INDEX(Jesper!AJ$2:AJ$366,ROUNDDOWN($C1053/24,0)+1,1))-1)+IF('Standard Profiles'!$G$20=$B$10,7,0)+IF('Standard Profiles'!$G$20=$B$17,14,0)+IF('Standard Profiles'!$G$20=$B$24,21,0),MOD($C1053,24)+1)/SUM(INDEX($D$3:$AA$30,INDEX(Jesper!$R$2:$R$366,ROW(INDEX(Jesper!AJ$2:AJ$366,ROUNDDOWN($C1053/24,0)+1,1))-1)+IF('Standard Profiles'!$G$20=$B$10,7,0)+IF('Standard Profiles'!$G$20=$B$17,14,0)+IF('Standard Profiles'!$G$20=$B$24,21,0),0)),0)</f>
        <v>0</v>
      </c>
      <c r="G1053" cm="1">
        <f t="array" ref="G1053">IFERROR(INDEX(Jesper!AK$2:AK$366,ROUNDDOWN($C1053/24,0)+1,1)*INDEX($D$3:$AA$30,INDEX(Jesper!$R$2:$R$366,ROW(INDEX(Jesper!AK$2:AK$366,ROUNDDOWN($C1053/24,0)+1,1))-1)+IF('Standard Profiles'!$G$21=$B$10,7,0)+IF('Standard Profiles'!$G$21=$B$17,14,0)+IF('Standard Profiles'!$G$21=$B$24,21,0),MOD($C1053,24)+1)/SUM(INDEX($D$3:$AA$30,INDEX(Jesper!$R$2:$R$366,ROW(INDEX(Jesper!AK$2:AK$366,ROUNDDOWN($C1053/24,0)+1,1))-1)+IF('Standard Profiles'!$G$21=$B$10,7,0)+IF('Standard Profiles'!$G$21=$B$17,14,0)+IF('Standard Profiles'!$G$21=$B$24,21,0),0)),0)</f>
        <v>0</v>
      </c>
      <c r="H1053" cm="1">
        <f t="array" ref="H1053">IFERROR(INDEX(Jesper!AL$2:AL$366,ROUNDDOWN($C1053/24,0)+1,1)*INDEX($D$3:$AA$30,INDEX(Jesper!$R$2:$R$366,ROW(INDEX(Jesper!AL$2:AL$366,ROUNDDOWN($C1053/24,0)+1,1))-1)+IF('Standard Profiles'!$G$22=$B$10,7,0)+IF('Standard Profiles'!$G$22=$B$17,14,0)+IF('Standard Profiles'!$G$22=$B$24,21,0),MOD($C1053,24)+1)/SUM(INDEX($D$3:$AA$30,INDEX(Jesper!$R$2:$R$366,ROW(INDEX(Jesper!AL$2:AL$366,ROUNDDOWN($C1053/24,0)+1,1))-1)+IF('Standard Profiles'!$G$22=$B$10,7,0)+IF('Standard Profiles'!$G$22=$B$17,14,0)+IF('Standard Profiles'!$G$22=$B$24,21,0),0)),0)</f>
        <v>0</v>
      </c>
      <c r="I1053">
        <f t="shared" si="125"/>
        <v>0.50420611885386835</v>
      </c>
      <c r="J1053">
        <f t="shared" si="126"/>
        <v>1.6806870628462278</v>
      </c>
      <c r="K1053">
        <f t="shared" si="127"/>
        <v>2.5210305942693414</v>
      </c>
      <c r="L1053">
        <f t="shared" si="128"/>
        <v>12.100946852492839</v>
      </c>
      <c r="M1053">
        <f t="shared" si="129"/>
        <v>0</v>
      </c>
      <c r="N1053" s="46">
        <f t="shared" si="130"/>
        <v>45334.458333330862</v>
      </c>
    </row>
    <row r="1054" spans="2:14" x14ac:dyDescent="0.3">
      <c r="B1054">
        <f t="shared" si="124"/>
        <v>1</v>
      </c>
      <c r="C1054" s="16">
        <v>1020</v>
      </c>
      <c r="D1054" cm="1">
        <f t="array" ref="D1054">IFERROR(INDEX(Jesper!AH$2:AH$366,ROUNDDOWN($C1054/24,0)+1,1)*INDEX($D$3:$AA$30,INDEX(Jesper!$R$2:$R$366,ROW(INDEX(Jesper!AH$2:AH$366,ROUNDDOWN($C1054/24,0)+1,1))-1)+IF('Standard Profiles'!$G$18=$B$10,7,0)+IF('Standard Profiles'!$G$18=$B$17,14,0)+IF('Standard Profiles'!$G$18=$B$24,21,0),MOD($C1054,24)+1)/SUM(INDEX($D$3:$AA$30,INDEX(Jesper!$R$2:$R$366,ROW(INDEX(Jesper!AH$2:AH$366,ROUNDDOWN($C1054/24,0)+1,1))-1)+IF('Standard Profiles'!$G$18=$B$10,7,0)+IF('Standard Profiles'!$G$18=$B$17,14,0)+IF('Standard Profiles'!$G$18=$B$24,21,0),0)),0)</f>
        <v>16.806870628462278</v>
      </c>
      <c r="E1054" cm="1">
        <f t="array" ref="E1054">IFERROR(INDEX(Jesper!AI$2:AI$366,ROUNDDOWN($C1054/24,0)+1,1)*INDEX($D$3:$AA$30,INDEX(Jesper!$R$2:$R$366,ROW(INDEX(Jesper!AI$2:AI$366,ROUNDDOWN($C1054/24,0)+1,1))-1)+IF('Standard Profiles'!$G$19=$B$10,7,0)+IF('Standard Profiles'!$G$19=$B$17,14,0)+IF('Standard Profiles'!$G$19=$B$24,21,0),MOD($C1054,24)+1)/SUM(INDEX($D$3:$AA$30,INDEX(Jesper!$R$2:$R$366,ROW(INDEX(Jesper!AI$2:AI$366,ROUNDDOWN($C1054/24,0)+1,1))-1)+IF('Standard Profiles'!$G$19=$B$10,7,0)+IF('Standard Profiles'!$G$19=$B$17,14,0)+IF('Standard Profiles'!$G$19=$B$24,21,0),0)),0)</f>
        <v>0</v>
      </c>
      <c r="F1054" cm="1">
        <f t="array" ref="F1054">IFERROR(INDEX(Jesper!AJ$2:AJ$366,ROUNDDOWN($C1054/24,0)+1,1)*INDEX($D$3:$AA$30,INDEX(Jesper!$R$2:$R$366,ROW(INDEX(Jesper!AJ$2:AJ$366,ROUNDDOWN($C1054/24,0)+1,1))-1)+IF('Standard Profiles'!$G$20=$B$10,7,0)+IF('Standard Profiles'!$G$20=$B$17,14,0)+IF('Standard Profiles'!$G$20=$B$24,21,0),MOD($C1054,24)+1)/SUM(INDEX($D$3:$AA$30,INDEX(Jesper!$R$2:$R$366,ROW(INDEX(Jesper!AJ$2:AJ$366,ROUNDDOWN($C1054/24,0)+1,1))-1)+IF('Standard Profiles'!$G$20=$B$10,7,0)+IF('Standard Profiles'!$G$20=$B$17,14,0)+IF('Standard Profiles'!$G$20=$B$24,21,0),0)),0)</f>
        <v>0</v>
      </c>
      <c r="G1054" cm="1">
        <f t="array" ref="G1054">IFERROR(INDEX(Jesper!AK$2:AK$366,ROUNDDOWN($C1054/24,0)+1,1)*INDEX($D$3:$AA$30,INDEX(Jesper!$R$2:$R$366,ROW(INDEX(Jesper!AK$2:AK$366,ROUNDDOWN($C1054/24,0)+1,1))-1)+IF('Standard Profiles'!$G$21=$B$10,7,0)+IF('Standard Profiles'!$G$21=$B$17,14,0)+IF('Standard Profiles'!$G$21=$B$24,21,0),MOD($C1054,24)+1)/SUM(INDEX($D$3:$AA$30,INDEX(Jesper!$R$2:$R$366,ROW(INDEX(Jesper!AK$2:AK$366,ROUNDDOWN($C1054/24,0)+1,1))-1)+IF('Standard Profiles'!$G$21=$B$10,7,0)+IF('Standard Profiles'!$G$21=$B$17,14,0)+IF('Standard Profiles'!$G$21=$B$24,21,0),0)),0)</f>
        <v>0</v>
      </c>
      <c r="H1054" cm="1">
        <f t="array" ref="H1054">IFERROR(INDEX(Jesper!AL$2:AL$366,ROUNDDOWN($C1054/24,0)+1,1)*INDEX($D$3:$AA$30,INDEX(Jesper!$R$2:$R$366,ROW(INDEX(Jesper!AL$2:AL$366,ROUNDDOWN($C1054/24,0)+1,1))-1)+IF('Standard Profiles'!$G$22=$B$10,7,0)+IF('Standard Profiles'!$G$22=$B$17,14,0)+IF('Standard Profiles'!$G$22=$B$24,21,0),MOD($C1054,24)+1)/SUM(INDEX($D$3:$AA$30,INDEX(Jesper!$R$2:$R$366,ROW(INDEX(Jesper!AL$2:AL$366,ROUNDDOWN($C1054/24,0)+1,1))-1)+IF('Standard Profiles'!$G$22=$B$10,7,0)+IF('Standard Profiles'!$G$22=$B$17,14,0)+IF('Standard Profiles'!$G$22=$B$24,21,0),0)),0)</f>
        <v>0</v>
      </c>
      <c r="I1054">
        <f t="shared" si="125"/>
        <v>0.50420611885386835</v>
      </c>
      <c r="J1054">
        <f t="shared" si="126"/>
        <v>1.6806870628462278</v>
      </c>
      <c r="K1054">
        <f t="shared" si="127"/>
        <v>2.5210305942693414</v>
      </c>
      <c r="L1054">
        <f t="shared" si="128"/>
        <v>12.100946852492839</v>
      </c>
      <c r="M1054">
        <f t="shared" si="129"/>
        <v>0</v>
      </c>
      <c r="N1054" s="46">
        <f t="shared" si="130"/>
        <v>45334.499999997526</v>
      </c>
    </row>
    <row r="1055" spans="2:14" x14ac:dyDescent="0.3">
      <c r="B1055">
        <f t="shared" si="124"/>
        <v>1</v>
      </c>
      <c r="C1055" s="16">
        <v>1021</v>
      </c>
      <c r="D1055" cm="1">
        <f t="array" ref="D1055">IFERROR(INDEX(Jesper!AH$2:AH$366,ROUNDDOWN($C1055/24,0)+1,1)*INDEX($D$3:$AA$30,INDEX(Jesper!$R$2:$R$366,ROW(INDEX(Jesper!AH$2:AH$366,ROUNDDOWN($C1055/24,0)+1,1))-1)+IF('Standard Profiles'!$G$18=$B$10,7,0)+IF('Standard Profiles'!$G$18=$B$17,14,0)+IF('Standard Profiles'!$G$18=$B$24,21,0),MOD($C1055,24)+1)/SUM(INDEX($D$3:$AA$30,INDEX(Jesper!$R$2:$R$366,ROW(INDEX(Jesper!AH$2:AH$366,ROUNDDOWN($C1055/24,0)+1,1))-1)+IF('Standard Profiles'!$G$18=$B$10,7,0)+IF('Standard Profiles'!$G$18=$B$17,14,0)+IF('Standard Profiles'!$G$18=$B$24,21,0),0)),0)</f>
        <v>11.134551791356257</v>
      </c>
      <c r="E1055" cm="1">
        <f t="array" ref="E1055">IFERROR(INDEX(Jesper!AI$2:AI$366,ROUNDDOWN($C1055/24,0)+1,1)*INDEX($D$3:$AA$30,INDEX(Jesper!$R$2:$R$366,ROW(INDEX(Jesper!AI$2:AI$366,ROUNDDOWN($C1055/24,0)+1,1))-1)+IF('Standard Profiles'!$G$19=$B$10,7,0)+IF('Standard Profiles'!$G$19=$B$17,14,0)+IF('Standard Profiles'!$G$19=$B$24,21,0),MOD($C1055,24)+1)/SUM(INDEX($D$3:$AA$30,INDEX(Jesper!$R$2:$R$366,ROW(INDEX(Jesper!AI$2:AI$366,ROUNDDOWN($C1055/24,0)+1,1))-1)+IF('Standard Profiles'!$G$19=$B$10,7,0)+IF('Standard Profiles'!$G$19=$B$17,14,0)+IF('Standard Profiles'!$G$19=$B$24,21,0),0)),0)</f>
        <v>0</v>
      </c>
      <c r="F1055" cm="1">
        <f t="array" ref="F1055">IFERROR(INDEX(Jesper!AJ$2:AJ$366,ROUNDDOWN($C1055/24,0)+1,1)*INDEX($D$3:$AA$30,INDEX(Jesper!$R$2:$R$366,ROW(INDEX(Jesper!AJ$2:AJ$366,ROUNDDOWN($C1055/24,0)+1,1))-1)+IF('Standard Profiles'!$G$20=$B$10,7,0)+IF('Standard Profiles'!$G$20=$B$17,14,0)+IF('Standard Profiles'!$G$20=$B$24,21,0),MOD($C1055,24)+1)/SUM(INDEX($D$3:$AA$30,INDEX(Jesper!$R$2:$R$366,ROW(INDEX(Jesper!AJ$2:AJ$366,ROUNDDOWN($C1055/24,0)+1,1))-1)+IF('Standard Profiles'!$G$20=$B$10,7,0)+IF('Standard Profiles'!$G$20=$B$17,14,0)+IF('Standard Profiles'!$G$20=$B$24,21,0),0)),0)</f>
        <v>0</v>
      </c>
      <c r="G1055" cm="1">
        <f t="array" ref="G1055">IFERROR(INDEX(Jesper!AK$2:AK$366,ROUNDDOWN($C1055/24,0)+1,1)*INDEX($D$3:$AA$30,INDEX(Jesper!$R$2:$R$366,ROW(INDEX(Jesper!AK$2:AK$366,ROUNDDOWN($C1055/24,0)+1,1))-1)+IF('Standard Profiles'!$G$21=$B$10,7,0)+IF('Standard Profiles'!$G$21=$B$17,14,0)+IF('Standard Profiles'!$G$21=$B$24,21,0),MOD($C1055,24)+1)/SUM(INDEX($D$3:$AA$30,INDEX(Jesper!$R$2:$R$366,ROW(INDEX(Jesper!AK$2:AK$366,ROUNDDOWN($C1055/24,0)+1,1))-1)+IF('Standard Profiles'!$G$21=$B$10,7,0)+IF('Standard Profiles'!$G$21=$B$17,14,0)+IF('Standard Profiles'!$G$21=$B$24,21,0),0)),0)</f>
        <v>0</v>
      </c>
      <c r="H1055" cm="1">
        <f t="array" ref="H1055">IFERROR(INDEX(Jesper!AL$2:AL$366,ROUNDDOWN($C1055/24,0)+1,1)*INDEX($D$3:$AA$30,INDEX(Jesper!$R$2:$R$366,ROW(INDEX(Jesper!AL$2:AL$366,ROUNDDOWN($C1055/24,0)+1,1))-1)+IF('Standard Profiles'!$G$22=$B$10,7,0)+IF('Standard Profiles'!$G$22=$B$17,14,0)+IF('Standard Profiles'!$G$22=$B$24,21,0),MOD($C1055,24)+1)/SUM(INDEX($D$3:$AA$30,INDEX(Jesper!$R$2:$R$366,ROW(INDEX(Jesper!AL$2:AL$366,ROUNDDOWN($C1055/24,0)+1,1))-1)+IF('Standard Profiles'!$G$22=$B$10,7,0)+IF('Standard Profiles'!$G$22=$B$17,14,0)+IF('Standard Profiles'!$G$22=$B$24,21,0),0)),0)</f>
        <v>0</v>
      </c>
      <c r="I1055">
        <f t="shared" si="125"/>
        <v>0.33403655374068769</v>
      </c>
      <c r="J1055">
        <f t="shared" si="126"/>
        <v>1.1134551791356257</v>
      </c>
      <c r="K1055">
        <f t="shared" si="127"/>
        <v>1.6701827687034385</v>
      </c>
      <c r="L1055">
        <f t="shared" si="128"/>
        <v>8.0168772897765042</v>
      </c>
      <c r="M1055">
        <f t="shared" si="129"/>
        <v>0</v>
      </c>
      <c r="N1055" s="46">
        <f t="shared" si="130"/>
        <v>45334.54166666419</v>
      </c>
    </row>
    <row r="1056" spans="2:14" x14ac:dyDescent="0.3">
      <c r="B1056">
        <f t="shared" si="124"/>
        <v>1</v>
      </c>
      <c r="C1056" s="16">
        <v>1022</v>
      </c>
      <c r="D1056" cm="1">
        <f t="array" ref="D1056">IFERROR(INDEX(Jesper!AH$2:AH$366,ROUNDDOWN($C1056/24,0)+1,1)*INDEX($D$3:$AA$30,INDEX(Jesper!$R$2:$R$366,ROW(INDEX(Jesper!AH$2:AH$366,ROUNDDOWN($C1056/24,0)+1,1))-1)+IF('Standard Profiles'!$G$18=$B$10,7,0)+IF('Standard Profiles'!$G$18=$B$17,14,0)+IF('Standard Profiles'!$G$18=$B$24,21,0),MOD($C1056,24)+1)/SUM(INDEX($D$3:$AA$30,INDEX(Jesper!$R$2:$R$366,ROW(INDEX(Jesper!AH$2:AH$366,ROUNDDOWN($C1056/24,0)+1,1))-1)+IF('Standard Profiles'!$G$18=$B$10,7,0)+IF('Standard Profiles'!$G$18=$B$17,14,0)+IF('Standard Profiles'!$G$18=$B$24,21,0),0)),0)</f>
        <v>16.806870628462278</v>
      </c>
      <c r="E1056" cm="1">
        <f t="array" ref="E1056">IFERROR(INDEX(Jesper!AI$2:AI$366,ROUNDDOWN($C1056/24,0)+1,1)*INDEX($D$3:$AA$30,INDEX(Jesper!$R$2:$R$366,ROW(INDEX(Jesper!AI$2:AI$366,ROUNDDOWN($C1056/24,0)+1,1))-1)+IF('Standard Profiles'!$G$19=$B$10,7,0)+IF('Standard Profiles'!$G$19=$B$17,14,0)+IF('Standard Profiles'!$G$19=$B$24,21,0),MOD($C1056,24)+1)/SUM(INDEX($D$3:$AA$30,INDEX(Jesper!$R$2:$R$366,ROW(INDEX(Jesper!AI$2:AI$366,ROUNDDOWN($C1056/24,0)+1,1))-1)+IF('Standard Profiles'!$G$19=$B$10,7,0)+IF('Standard Profiles'!$G$19=$B$17,14,0)+IF('Standard Profiles'!$G$19=$B$24,21,0),0)),0)</f>
        <v>0</v>
      </c>
      <c r="F1056" cm="1">
        <f t="array" ref="F1056">IFERROR(INDEX(Jesper!AJ$2:AJ$366,ROUNDDOWN($C1056/24,0)+1,1)*INDEX($D$3:$AA$30,INDEX(Jesper!$R$2:$R$366,ROW(INDEX(Jesper!AJ$2:AJ$366,ROUNDDOWN($C1056/24,0)+1,1))-1)+IF('Standard Profiles'!$G$20=$B$10,7,0)+IF('Standard Profiles'!$G$20=$B$17,14,0)+IF('Standard Profiles'!$G$20=$B$24,21,0),MOD($C1056,24)+1)/SUM(INDEX($D$3:$AA$30,INDEX(Jesper!$R$2:$R$366,ROW(INDEX(Jesper!AJ$2:AJ$366,ROUNDDOWN($C1056/24,0)+1,1))-1)+IF('Standard Profiles'!$G$20=$B$10,7,0)+IF('Standard Profiles'!$G$20=$B$17,14,0)+IF('Standard Profiles'!$G$20=$B$24,21,0),0)),0)</f>
        <v>0</v>
      </c>
      <c r="G1056" cm="1">
        <f t="array" ref="G1056">IFERROR(INDEX(Jesper!AK$2:AK$366,ROUNDDOWN($C1056/24,0)+1,1)*INDEX($D$3:$AA$30,INDEX(Jesper!$R$2:$R$366,ROW(INDEX(Jesper!AK$2:AK$366,ROUNDDOWN($C1056/24,0)+1,1))-1)+IF('Standard Profiles'!$G$21=$B$10,7,0)+IF('Standard Profiles'!$G$21=$B$17,14,0)+IF('Standard Profiles'!$G$21=$B$24,21,0),MOD($C1056,24)+1)/SUM(INDEX($D$3:$AA$30,INDEX(Jesper!$R$2:$R$366,ROW(INDEX(Jesper!AK$2:AK$366,ROUNDDOWN($C1056/24,0)+1,1))-1)+IF('Standard Profiles'!$G$21=$B$10,7,0)+IF('Standard Profiles'!$G$21=$B$17,14,0)+IF('Standard Profiles'!$G$21=$B$24,21,0),0)),0)</f>
        <v>0</v>
      </c>
      <c r="H1056" cm="1">
        <f t="array" ref="H1056">IFERROR(INDEX(Jesper!AL$2:AL$366,ROUNDDOWN($C1056/24,0)+1,1)*INDEX($D$3:$AA$30,INDEX(Jesper!$R$2:$R$366,ROW(INDEX(Jesper!AL$2:AL$366,ROUNDDOWN($C1056/24,0)+1,1))-1)+IF('Standard Profiles'!$G$22=$B$10,7,0)+IF('Standard Profiles'!$G$22=$B$17,14,0)+IF('Standard Profiles'!$G$22=$B$24,21,0),MOD($C1056,24)+1)/SUM(INDEX($D$3:$AA$30,INDEX(Jesper!$R$2:$R$366,ROW(INDEX(Jesper!AL$2:AL$366,ROUNDDOWN($C1056/24,0)+1,1))-1)+IF('Standard Profiles'!$G$22=$B$10,7,0)+IF('Standard Profiles'!$G$22=$B$17,14,0)+IF('Standard Profiles'!$G$22=$B$24,21,0),0)),0)</f>
        <v>0</v>
      </c>
      <c r="I1056">
        <f t="shared" si="125"/>
        <v>0.50420611885386835</v>
      </c>
      <c r="J1056">
        <f t="shared" si="126"/>
        <v>1.6806870628462278</v>
      </c>
      <c r="K1056">
        <f t="shared" si="127"/>
        <v>2.5210305942693414</v>
      </c>
      <c r="L1056">
        <f t="shared" si="128"/>
        <v>12.100946852492839</v>
      </c>
      <c r="M1056">
        <f t="shared" si="129"/>
        <v>0</v>
      </c>
      <c r="N1056" s="46">
        <f t="shared" si="130"/>
        <v>45334.583333330855</v>
      </c>
    </row>
    <row r="1057" spans="2:14" x14ac:dyDescent="0.3">
      <c r="B1057">
        <f t="shared" si="124"/>
        <v>1</v>
      </c>
      <c r="C1057" s="16">
        <v>1023</v>
      </c>
      <c r="D1057" cm="1">
        <f t="array" ref="D1057">IFERROR(INDEX(Jesper!AH$2:AH$366,ROUNDDOWN($C1057/24,0)+1,1)*INDEX($D$3:$AA$30,INDEX(Jesper!$R$2:$R$366,ROW(INDEX(Jesper!AH$2:AH$366,ROUNDDOWN($C1057/24,0)+1,1))-1)+IF('Standard Profiles'!$G$18=$B$10,7,0)+IF('Standard Profiles'!$G$18=$B$17,14,0)+IF('Standard Profiles'!$G$18=$B$24,21,0),MOD($C1057,24)+1)/SUM(INDEX($D$3:$AA$30,INDEX(Jesper!$R$2:$R$366,ROW(INDEX(Jesper!AH$2:AH$366,ROUNDDOWN($C1057/24,0)+1,1))-1)+IF('Standard Profiles'!$G$18=$B$10,7,0)+IF('Standard Profiles'!$G$18=$B$17,14,0)+IF('Standard Profiles'!$G$18=$B$24,21,0),0)),0)</f>
        <v>16.806870628462278</v>
      </c>
      <c r="E1057" cm="1">
        <f t="array" ref="E1057">IFERROR(INDEX(Jesper!AI$2:AI$366,ROUNDDOWN($C1057/24,0)+1,1)*INDEX($D$3:$AA$30,INDEX(Jesper!$R$2:$R$366,ROW(INDEX(Jesper!AI$2:AI$366,ROUNDDOWN($C1057/24,0)+1,1))-1)+IF('Standard Profiles'!$G$19=$B$10,7,0)+IF('Standard Profiles'!$G$19=$B$17,14,0)+IF('Standard Profiles'!$G$19=$B$24,21,0),MOD($C1057,24)+1)/SUM(INDEX($D$3:$AA$30,INDEX(Jesper!$R$2:$R$366,ROW(INDEX(Jesper!AI$2:AI$366,ROUNDDOWN($C1057/24,0)+1,1))-1)+IF('Standard Profiles'!$G$19=$B$10,7,0)+IF('Standard Profiles'!$G$19=$B$17,14,0)+IF('Standard Profiles'!$G$19=$B$24,21,0),0)),0)</f>
        <v>0</v>
      </c>
      <c r="F1057" cm="1">
        <f t="array" ref="F1057">IFERROR(INDEX(Jesper!AJ$2:AJ$366,ROUNDDOWN($C1057/24,0)+1,1)*INDEX($D$3:$AA$30,INDEX(Jesper!$R$2:$R$366,ROW(INDEX(Jesper!AJ$2:AJ$366,ROUNDDOWN($C1057/24,0)+1,1))-1)+IF('Standard Profiles'!$G$20=$B$10,7,0)+IF('Standard Profiles'!$G$20=$B$17,14,0)+IF('Standard Profiles'!$G$20=$B$24,21,0),MOD($C1057,24)+1)/SUM(INDEX($D$3:$AA$30,INDEX(Jesper!$R$2:$R$366,ROW(INDEX(Jesper!AJ$2:AJ$366,ROUNDDOWN($C1057/24,0)+1,1))-1)+IF('Standard Profiles'!$G$20=$B$10,7,0)+IF('Standard Profiles'!$G$20=$B$17,14,0)+IF('Standard Profiles'!$G$20=$B$24,21,0),0)),0)</f>
        <v>0</v>
      </c>
      <c r="G1057" cm="1">
        <f t="array" ref="G1057">IFERROR(INDEX(Jesper!AK$2:AK$366,ROUNDDOWN($C1057/24,0)+1,1)*INDEX($D$3:$AA$30,INDEX(Jesper!$R$2:$R$366,ROW(INDEX(Jesper!AK$2:AK$366,ROUNDDOWN($C1057/24,0)+1,1))-1)+IF('Standard Profiles'!$G$21=$B$10,7,0)+IF('Standard Profiles'!$G$21=$B$17,14,0)+IF('Standard Profiles'!$G$21=$B$24,21,0),MOD($C1057,24)+1)/SUM(INDEX($D$3:$AA$30,INDEX(Jesper!$R$2:$R$366,ROW(INDEX(Jesper!AK$2:AK$366,ROUNDDOWN($C1057/24,0)+1,1))-1)+IF('Standard Profiles'!$G$21=$B$10,7,0)+IF('Standard Profiles'!$G$21=$B$17,14,0)+IF('Standard Profiles'!$G$21=$B$24,21,0),0)),0)</f>
        <v>0</v>
      </c>
      <c r="H1057" cm="1">
        <f t="array" ref="H1057">IFERROR(INDEX(Jesper!AL$2:AL$366,ROUNDDOWN($C1057/24,0)+1,1)*INDEX($D$3:$AA$30,INDEX(Jesper!$R$2:$R$366,ROW(INDEX(Jesper!AL$2:AL$366,ROUNDDOWN($C1057/24,0)+1,1))-1)+IF('Standard Profiles'!$G$22=$B$10,7,0)+IF('Standard Profiles'!$G$22=$B$17,14,0)+IF('Standard Profiles'!$G$22=$B$24,21,0),MOD($C1057,24)+1)/SUM(INDEX($D$3:$AA$30,INDEX(Jesper!$R$2:$R$366,ROW(INDEX(Jesper!AL$2:AL$366,ROUNDDOWN($C1057/24,0)+1,1))-1)+IF('Standard Profiles'!$G$22=$B$10,7,0)+IF('Standard Profiles'!$G$22=$B$17,14,0)+IF('Standard Profiles'!$G$22=$B$24,21,0),0)),0)</f>
        <v>0</v>
      </c>
      <c r="I1057">
        <f t="shared" si="125"/>
        <v>0.50420611885386835</v>
      </c>
      <c r="J1057">
        <f t="shared" si="126"/>
        <v>1.6806870628462278</v>
      </c>
      <c r="K1057">
        <f t="shared" si="127"/>
        <v>2.5210305942693414</v>
      </c>
      <c r="L1057">
        <f t="shared" si="128"/>
        <v>12.100946852492839</v>
      </c>
      <c r="M1057">
        <f t="shared" si="129"/>
        <v>0</v>
      </c>
      <c r="N1057" s="46">
        <f t="shared" si="130"/>
        <v>45334.624999997519</v>
      </c>
    </row>
    <row r="1058" spans="2:14" x14ac:dyDescent="0.3">
      <c r="B1058">
        <f t="shared" si="124"/>
        <v>1</v>
      </c>
      <c r="C1058" s="16">
        <v>1024</v>
      </c>
      <c r="D1058" cm="1">
        <f t="array" ref="D1058">IFERROR(INDEX(Jesper!AH$2:AH$366,ROUNDDOWN($C1058/24,0)+1,1)*INDEX($D$3:$AA$30,INDEX(Jesper!$R$2:$R$366,ROW(INDEX(Jesper!AH$2:AH$366,ROUNDDOWN($C1058/24,0)+1,1))-1)+IF('Standard Profiles'!$G$18=$B$10,7,0)+IF('Standard Profiles'!$G$18=$B$17,14,0)+IF('Standard Profiles'!$G$18=$B$24,21,0),MOD($C1058,24)+1)/SUM(INDEX($D$3:$AA$30,INDEX(Jesper!$R$2:$R$366,ROW(INDEX(Jesper!AH$2:AH$366,ROUNDDOWN($C1058/24,0)+1,1))-1)+IF('Standard Profiles'!$G$18=$B$10,7,0)+IF('Standard Profiles'!$G$18=$B$17,14,0)+IF('Standard Profiles'!$G$18=$B$24,21,0),0)),0)</f>
        <v>16.806870628462278</v>
      </c>
      <c r="E1058" cm="1">
        <f t="array" ref="E1058">IFERROR(INDEX(Jesper!AI$2:AI$366,ROUNDDOWN($C1058/24,0)+1,1)*INDEX($D$3:$AA$30,INDEX(Jesper!$R$2:$R$366,ROW(INDEX(Jesper!AI$2:AI$366,ROUNDDOWN($C1058/24,0)+1,1))-1)+IF('Standard Profiles'!$G$19=$B$10,7,0)+IF('Standard Profiles'!$G$19=$B$17,14,0)+IF('Standard Profiles'!$G$19=$B$24,21,0),MOD($C1058,24)+1)/SUM(INDEX($D$3:$AA$30,INDEX(Jesper!$R$2:$R$366,ROW(INDEX(Jesper!AI$2:AI$366,ROUNDDOWN($C1058/24,0)+1,1))-1)+IF('Standard Profiles'!$G$19=$B$10,7,0)+IF('Standard Profiles'!$G$19=$B$17,14,0)+IF('Standard Profiles'!$G$19=$B$24,21,0),0)),0)</f>
        <v>0</v>
      </c>
      <c r="F1058" cm="1">
        <f t="array" ref="F1058">IFERROR(INDEX(Jesper!AJ$2:AJ$366,ROUNDDOWN($C1058/24,0)+1,1)*INDEX($D$3:$AA$30,INDEX(Jesper!$R$2:$R$366,ROW(INDEX(Jesper!AJ$2:AJ$366,ROUNDDOWN($C1058/24,0)+1,1))-1)+IF('Standard Profiles'!$G$20=$B$10,7,0)+IF('Standard Profiles'!$G$20=$B$17,14,0)+IF('Standard Profiles'!$G$20=$B$24,21,0),MOD($C1058,24)+1)/SUM(INDEX($D$3:$AA$30,INDEX(Jesper!$R$2:$R$366,ROW(INDEX(Jesper!AJ$2:AJ$366,ROUNDDOWN($C1058/24,0)+1,1))-1)+IF('Standard Profiles'!$G$20=$B$10,7,0)+IF('Standard Profiles'!$G$20=$B$17,14,0)+IF('Standard Profiles'!$G$20=$B$24,21,0),0)),0)</f>
        <v>0</v>
      </c>
      <c r="G1058" cm="1">
        <f t="array" ref="G1058">IFERROR(INDEX(Jesper!AK$2:AK$366,ROUNDDOWN($C1058/24,0)+1,1)*INDEX($D$3:$AA$30,INDEX(Jesper!$R$2:$R$366,ROW(INDEX(Jesper!AK$2:AK$366,ROUNDDOWN($C1058/24,0)+1,1))-1)+IF('Standard Profiles'!$G$21=$B$10,7,0)+IF('Standard Profiles'!$G$21=$B$17,14,0)+IF('Standard Profiles'!$G$21=$B$24,21,0),MOD($C1058,24)+1)/SUM(INDEX($D$3:$AA$30,INDEX(Jesper!$R$2:$R$366,ROW(INDEX(Jesper!AK$2:AK$366,ROUNDDOWN($C1058/24,0)+1,1))-1)+IF('Standard Profiles'!$G$21=$B$10,7,0)+IF('Standard Profiles'!$G$21=$B$17,14,0)+IF('Standard Profiles'!$G$21=$B$24,21,0),0)),0)</f>
        <v>0</v>
      </c>
      <c r="H1058" cm="1">
        <f t="array" ref="H1058">IFERROR(INDEX(Jesper!AL$2:AL$366,ROUNDDOWN($C1058/24,0)+1,1)*INDEX($D$3:$AA$30,INDEX(Jesper!$R$2:$R$366,ROW(INDEX(Jesper!AL$2:AL$366,ROUNDDOWN($C1058/24,0)+1,1))-1)+IF('Standard Profiles'!$G$22=$B$10,7,0)+IF('Standard Profiles'!$G$22=$B$17,14,0)+IF('Standard Profiles'!$G$22=$B$24,21,0),MOD($C1058,24)+1)/SUM(INDEX($D$3:$AA$30,INDEX(Jesper!$R$2:$R$366,ROW(INDEX(Jesper!AL$2:AL$366,ROUNDDOWN($C1058/24,0)+1,1))-1)+IF('Standard Profiles'!$G$22=$B$10,7,0)+IF('Standard Profiles'!$G$22=$B$17,14,0)+IF('Standard Profiles'!$G$22=$B$24,21,0),0)),0)</f>
        <v>0</v>
      </c>
      <c r="I1058">
        <f t="shared" si="125"/>
        <v>0.50420611885386835</v>
      </c>
      <c r="J1058">
        <f t="shared" si="126"/>
        <v>1.6806870628462278</v>
      </c>
      <c r="K1058">
        <f t="shared" si="127"/>
        <v>2.5210305942693414</v>
      </c>
      <c r="L1058">
        <f t="shared" si="128"/>
        <v>12.100946852492839</v>
      </c>
      <c r="M1058">
        <f t="shared" si="129"/>
        <v>0</v>
      </c>
      <c r="N1058" s="46">
        <f t="shared" si="130"/>
        <v>45334.666666664183</v>
      </c>
    </row>
    <row r="1059" spans="2:14" x14ac:dyDescent="0.3">
      <c r="B1059">
        <f t="shared" ref="B1059:B1122" si="131">WEEKDAY(N1059,2)</f>
        <v>1</v>
      </c>
      <c r="C1059" s="16">
        <v>1025</v>
      </c>
      <c r="D1059" cm="1">
        <f t="array" ref="D1059">IFERROR(INDEX(Jesper!AH$2:AH$366,ROUNDDOWN($C1059/24,0)+1,1)*INDEX($D$3:$AA$30,INDEX(Jesper!$R$2:$R$366,ROW(INDEX(Jesper!AH$2:AH$366,ROUNDDOWN($C1059/24,0)+1,1))-1)+IF('Standard Profiles'!$G$18=$B$10,7,0)+IF('Standard Profiles'!$G$18=$B$17,14,0)+IF('Standard Profiles'!$G$18=$B$24,21,0),MOD($C1059,24)+1)/SUM(INDEX($D$3:$AA$30,INDEX(Jesper!$R$2:$R$366,ROW(INDEX(Jesper!AH$2:AH$366,ROUNDDOWN($C1059/24,0)+1,1))-1)+IF('Standard Profiles'!$G$18=$B$10,7,0)+IF('Standard Profiles'!$G$18=$B$17,14,0)+IF('Standard Profiles'!$G$18=$B$24,21,0),0)),0)</f>
        <v>16.806870628462278</v>
      </c>
      <c r="E1059" cm="1">
        <f t="array" ref="E1059">IFERROR(INDEX(Jesper!AI$2:AI$366,ROUNDDOWN($C1059/24,0)+1,1)*INDEX($D$3:$AA$30,INDEX(Jesper!$R$2:$R$366,ROW(INDEX(Jesper!AI$2:AI$366,ROUNDDOWN($C1059/24,0)+1,1))-1)+IF('Standard Profiles'!$G$19=$B$10,7,0)+IF('Standard Profiles'!$G$19=$B$17,14,0)+IF('Standard Profiles'!$G$19=$B$24,21,0),MOD($C1059,24)+1)/SUM(INDEX($D$3:$AA$30,INDEX(Jesper!$R$2:$R$366,ROW(INDEX(Jesper!AI$2:AI$366,ROUNDDOWN($C1059/24,0)+1,1))-1)+IF('Standard Profiles'!$G$19=$B$10,7,0)+IF('Standard Profiles'!$G$19=$B$17,14,0)+IF('Standard Profiles'!$G$19=$B$24,21,0),0)),0)</f>
        <v>0</v>
      </c>
      <c r="F1059" cm="1">
        <f t="array" ref="F1059">IFERROR(INDEX(Jesper!AJ$2:AJ$366,ROUNDDOWN($C1059/24,0)+1,1)*INDEX($D$3:$AA$30,INDEX(Jesper!$R$2:$R$366,ROW(INDEX(Jesper!AJ$2:AJ$366,ROUNDDOWN($C1059/24,0)+1,1))-1)+IF('Standard Profiles'!$G$20=$B$10,7,0)+IF('Standard Profiles'!$G$20=$B$17,14,0)+IF('Standard Profiles'!$G$20=$B$24,21,0),MOD($C1059,24)+1)/SUM(INDEX($D$3:$AA$30,INDEX(Jesper!$R$2:$R$366,ROW(INDEX(Jesper!AJ$2:AJ$366,ROUNDDOWN($C1059/24,0)+1,1))-1)+IF('Standard Profiles'!$G$20=$B$10,7,0)+IF('Standard Profiles'!$G$20=$B$17,14,0)+IF('Standard Profiles'!$G$20=$B$24,21,0),0)),0)</f>
        <v>0</v>
      </c>
      <c r="G1059" cm="1">
        <f t="array" ref="G1059">IFERROR(INDEX(Jesper!AK$2:AK$366,ROUNDDOWN($C1059/24,0)+1,1)*INDEX($D$3:$AA$30,INDEX(Jesper!$R$2:$R$366,ROW(INDEX(Jesper!AK$2:AK$366,ROUNDDOWN($C1059/24,0)+1,1))-1)+IF('Standard Profiles'!$G$21=$B$10,7,0)+IF('Standard Profiles'!$G$21=$B$17,14,0)+IF('Standard Profiles'!$G$21=$B$24,21,0),MOD($C1059,24)+1)/SUM(INDEX($D$3:$AA$30,INDEX(Jesper!$R$2:$R$366,ROW(INDEX(Jesper!AK$2:AK$366,ROUNDDOWN($C1059/24,0)+1,1))-1)+IF('Standard Profiles'!$G$21=$B$10,7,0)+IF('Standard Profiles'!$G$21=$B$17,14,0)+IF('Standard Profiles'!$G$21=$B$24,21,0),0)),0)</f>
        <v>0</v>
      </c>
      <c r="H1059" cm="1">
        <f t="array" ref="H1059">IFERROR(INDEX(Jesper!AL$2:AL$366,ROUNDDOWN($C1059/24,0)+1,1)*INDEX($D$3:$AA$30,INDEX(Jesper!$R$2:$R$366,ROW(INDEX(Jesper!AL$2:AL$366,ROUNDDOWN($C1059/24,0)+1,1))-1)+IF('Standard Profiles'!$G$22=$B$10,7,0)+IF('Standard Profiles'!$G$22=$B$17,14,0)+IF('Standard Profiles'!$G$22=$B$24,21,0),MOD($C1059,24)+1)/SUM(INDEX($D$3:$AA$30,INDEX(Jesper!$R$2:$R$366,ROW(INDEX(Jesper!AL$2:AL$366,ROUNDDOWN($C1059/24,0)+1,1))-1)+IF('Standard Profiles'!$G$22=$B$10,7,0)+IF('Standard Profiles'!$G$22=$B$17,14,0)+IF('Standard Profiles'!$G$22=$B$24,21,0),0)),0)</f>
        <v>0</v>
      </c>
      <c r="I1059">
        <f t="shared" ref="I1059:I1122" si="132">IF($B1059&lt;6,AC$37*$D1059+AC$38*$E1059+AC$39*$F1059+AC$40*$G1059,AC$46*$D1059+AC$47*$E1059+AC$48*$F1059+AC$49*$G1059+AC$50*$H1059)</f>
        <v>0.50420611885386835</v>
      </c>
      <c r="J1059">
        <f t="shared" ref="J1059:J1122" si="133">IF($B1059&lt;6,AD$37*$D1059+AD$38*$E1059+AD$39*$F1059+AD$40*$G1059,AD$46*$D1059+AD$47*$E1059+AD$48*$F1059+AD$49*$G1059+AD$50*$H1059)</f>
        <v>1.6806870628462278</v>
      </c>
      <c r="K1059">
        <f t="shared" ref="K1059:K1122" si="134">IF($B1059&lt;6,AE$37*$D1059+AE$38*$E1059+AE$39*$F1059+AE$40*$G1059,AE$46*$D1059+AE$47*$E1059+AE$48*$F1059+AE$49*$G1059+AE$50*$H1059)</f>
        <v>2.5210305942693414</v>
      </c>
      <c r="L1059">
        <f t="shared" ref="L1059:L1122" si="135">IF($B1059&lt;6,AF$37*$D1059+AF$38*$E1059+AF$39*$F1059+AF$40*$G1059,AF$46*$D1059+AF$47*$E1059+AF$48*$F1059+AF$49*$G1059+AF$50*$H1059)</f>
        <v>12.100946852492839</v>
      </c>
      <c r="M1059">
        <f t="shared" ref="M1059:M1122" si="136">IF($B1059&lt;6,AG$37*$D1059+AG$38*$E1059+AG$39*$F1059+AG$40*$G1059,AG$46*$D1059+AG$47*$E1059+AG$48*$F1059+AG$49*$G1059+AG$50*$H1059)</f>
        <v>0</v>
      </c>
      <c r="N1059" s="46">
        <f t="shared" si="130"/>
        <v>45334.708333330847</v>
      </c>
    </row>
    <row r="1060" spans="2:14" x14ac:dyDescent="0.3">
      <c r="B1060">
        <f t="shared" si="131"/>
        <v>1</v>
      </c>
      <c r="C1060" s="16">
        <v>1026</v>
      </c>
      <c r="D1060" cm="1">
        <f t="array" ref="D1060">IFERROR(INDEX(Jesper!AH$2:AH$366,ROUNDDOWN($C1060/24,0)+1,1)*INDEX($D$3:$AA$30,INDEX(Jesper!$R$2:$R$366,ROW(INDEX(Jesper!AH$2:AH$366,ROUNDDOWN($C1060/24,0)+1,1))-1)+IF('Standard Profiles'!$G$18=$B$10,7,0)+IF('Standard Profiles'!$G$18=$B$17,14,0)+IF('Standard Profiles'!$G$18=$B$24,21,0),MOD($C1060,24)+1)/SUM(INDEX($D$3:$AA$30,INDEX(Jesper!$R$2:$R$366,ROW(INDEX(Jesper!AH$2:AH$366,ROUNDDOWN($C1060/24,0)+1,1))-1)+IF('Standard Profiles'!$G$18=$B$10,7,0)+IF('Standard Profiles'!$G$18=$B$17,14,0)+IF('Standard Profiles'!$G$18=$B$24,21,0),0)),0)</f>
        <v>16.806870628462278</v>
      </c>
      <c r="E1060" cm="1">
        <f t="array" ref="E1060">IFERROR(INDEX(Jesper!AI$2:AI$366,ROUNDDOWN($C1060/24,0)+1,1)*INDEX($D$3:$AA$30,INDEX(Jesper!$R$2:$R$366,ROW(INDEX(Jesper!AI$2:AI$366,ROUNDDOWN($C1060/24,0)+1,1))-1)+IF('Standard Profiles'!$G$19=$B$10,7,0)+IF('Standard Profiles'!$G$19=$B$17,14,0)+IF('Standard Profiles'!$G$19=$B$24,21,0),MOD($C1060,24)+1)/SUM(INDEX($D$3:$AA$30,INDEX(Jesper!$R$2:$R$366,ROW(INDEX(Jesper!AI$2:AI$366,ROUNDDOWN($C1060/24,0)+1,1))-1)+IF('Standard Profiles'!$G$19=$B$10,7,0)+IF('Standard Profiles'!$G$19=$B$17,14,0)+IF('Standard Profiles'!$G$19=$B$24,21,0),0)),0)</f>
        <v>0</v>
      </c>
      <c r="F1060" cm="1">
        <f t="array" ref="F1060">IFERROR(INDEX(Jesper!AJ$2:AJ$366,ROUNDDOWN($C1060/24,0)+1,1)*INDEX($D$3:$AA$30,INDEX(Jesper!$R$2:$R$366,ROW(INDEX(Jesper!AJ$2:AJ$366,ROUNDDOWN($C1060/24,0)+1,1))-1)+IF('Standard Profiles'!$G$20=$B$10,7,0)+IF('Standard Profiles'!$G$20=$B$17,14,0)+IF('Standard Profiles'!$G$20=$B$24,21,0),MOD($C1060,24)+1)/SUM(INDEX($D$3:$AA$30,INDEX(Jesper!$R$2:$R$366,ROW(INDEX(Jesper!AJ$2:AJ$366,ROUNDDOWN($C1060/24,0)+1,1))-1)+IF('Standard Profiles'!$G$20=$B$10,7,0)+IF('Standard Profiles'!$G$20=$B$17,14,0)+IF('Standard Profiles'!$G$20=$B$24,21,0),0)),0)</f>
        <v>0</v>
      </c>
      <c r="G1060" cm="1">
        <f t="array" ref="G1060">IFERROR(INDEX(Jesper!AK$2:AK$366,ROUNDDOWN($C1060/24,0)+1,1)*INDEX($D$3:$AA$30,INDEX(Jesper!$R$2:$R$366,ROW(INDEX(Jesper!AK$2:AK$366,ROUNDDOWN($C1060/24,0)+1,1))-1)+IF('Standard Profiles'!$G$21=$B$10,7,0)+IF('Standard Profiles'!$G$21=$B$17,14,0)+IF('Standard Profiles'!$G$21=$B$24,21,0),MOD($C1060,24)+1)/SUM(INDEX($D$3:$AA$30,INDEX(Jesper!$R$2:$R$366,ROW(INDEX(Jesper!AK$2:AK$366,ROUNDDOWN($C1060/24,0)+1,1))-1)+IF('Standard Profiles'!$G$21=$B$10,7,0)+IF('Standard Profiles'!$G$21=$B$17,14,0)+IF('Standard Profiles'!$G$21=$B$24,21,0),0)),0)</f>
        <v>0</v>
      </c>
      <c r="H1060" cm="1">
        <f t="array" ref="H1060">IFERROR(INDEX(Jesper!AL$2:AL$366,ROUNDDOWN($C1060/24,0)+1,1)*INDEX($D$3:$AA$30,INDEX(Jesper!$R$2:$R$366,ROW(INDEX(Jesper!AL$2:AL$366,ROUNDDOWN($C1060/24,0)+1,1))-1)+IF('Standard Profiles'!$G$22=$B$10,7,0)+IF('Standard Profiles'!$G$22=$B$17,14,0)+IF('Standard Profiles'!$G$22=$B$24,21,0),MOD($C1060,24)+1)/SUM(INDEX($D$3:$AA$30,INDEX(Jesper!$R$2:$R$366,ROW(INDEX(Jesper!AL$2:AL$366,ROUNDDOWN($C1060/24,0)+1,1))-1)+IF('Standard Profiles'!$G$22=$B$10,7,0)+IF('Standard Profiles'!$G$22=$B$17,14,0)+IF('Standard Profiles'!$G$22=$B$24,21,0),0)),0)</f>
        <v>0</v>
      </c>
      <c r="I1060">
        <f t="shared" si="132"/>
        <v>0.50420611885386835</v>
      </c>
      <c r="J1060">
        <f t="shared" si="133"/>
        <v>1.6806870628462278</v>
      </c>
      <c r="K1060">
        <f t="shared" si="134"/>
        <v>2.5210305942693414</v>
      </c>
      <c r="L1060">
        <f t="shared" si="135"/>
        <v>12.100946852492839</v>
      </c>
      <c r="M1060">
        <f t="shared" si="136"/>
        <v>0</v>
      </c>
      <c r="N1060" s="46">
        <f t="shared" ref="N1060:N1123" si="137">N1059+1/24</f>
        <v>45334.749999997512</v>
      </c>
    </row>
    <row r="1061" spans="2:14" x14ac:dyDescent="0.3">
      <c r="B1061">
        <f t="shared" si="131"/>
        <v>1</v>
      </c>
      <c r="C1061" s="16">
        <v>1027</v>
      </c>
      <c r="D1061" cm="1">
        <f t="array" ref="D1061">IFERROR(INDEX(Jesper!AH$2:AH$366,ROUNDDOWN($C1061/24,0)+1,1)*INDEX($D$3:$AA$30,INDEX(Jesper!$R$2:$R$366,ROW(INDEX(Jesper!AH$2:AH$366,ROUNDDOWN($C1061/24,0)+1,1))-1)+IF('Standard Profiles'!$G$18=$B$10,7,0)+IF('Standard Profiles'!$G$18=$B$17,14,0)+IF('Standard Profiles'!$G$18=$B$24,21,0),MOD($C1061,24)+1)/SUM(INDEX($D$3:$AA$30,INDEX(Jesper!$R$2:$R$366,ROW(INDEX(Jesper!AH$2:AH$366,ROUNDDOWN($C1061/24,0)+1,1))-1)+IF('Standard Profiles'!$G$18=$B$10,7,0)+IF('Standard Profiles'!$G$18=$B$17,14,0)+IF('Standard Profiles'!$G$18=$B$24,21,0),0)),0)</f>
        <v>14.075754151337158</v>
      </c>
      <c r="E1061" cm="1">
        <f t="array" ref="E1061">IFERROR(INDEX(Jesper!AI$2:AI$366,ROUNDDOWN($C1061/24,0)+1,1)*INDEX($D$3:$AA$30,INDEX(Jesper!$R$2:$R$366,ROW(INDEX(Jesper!AI$2:AI$366,ROUNDDOWN($C1061/24,0)+1,1))-1)+IF('Standard Profiles'!$G$19=$B$10,7,0)+IF('Standard Profiles'!$G$19=$B$17,14,0)+IF('Standard Profiles'!$G$19=$B$24,21,0),MOD($C1061,24)+1)/SUM(INDEX($D$3:$AA$30,INDEX(Jesper!$R$2:$R$366,ROW(INDEX(Jesper!AI$2:AI$366,ROUNDDOWN($C1061/24,0)+1,1))-1)+IF('Standard Profiles'!$G$19=$B$10,7,0)+IF('Standard Profiles'!$G$19=$B$17,14,0)+IF('Standard Profiles'!$G$19=$B$24,21,0),0)),0)</f>
        <v>0</v>
      </c>
      <c r="F1061" cm="1">
        <f t="array" ref="F1061">IFERROR(INDEX(Jesper!AJ$2:AJ$366,ROUNDDOWN($C1061/24,0)+1,1)*INDEX($D$3:$AA$30,INDEX(Jesper!$R$2:$R$366,ROW(INDEX(Jesper!AJ$2:AJ$366,ROUNDDOWN($C1061/24,0)+1,1))-1)+IF('Standard Profiles'!$G$20=$B$10,7,0)+IF('Standard Profiles'!$G$20=$B$17,14,0)+IF('Standard Profiles'!$G$20=$B$24,21,0),MOD($C1061,24)+1)/SUM(INDEX($D$3:$AA$30,INDEX(Jesper!$R$2:$R$366,ROW(INDEX(Jesper!AJ$2:AJ$366,ROUNDDOWN($C1061/24,0)+1,1))-1)+IF('Standard Profiles'!$G$20=$B$10,7,0)+IF('Standard Profiles'!$G$20=$B$17,14,0)+IF('Standard Profiles'!$G$20=$B$24,21,0),0)),0)</f>
        <v>0</v>
      </c>
      <c r="G1061" cm="1">
        <f t="array" ref="G1061">IFERROR(INDEX(Jesper!AK$2:AK$366,ROUNDDOWN($C1061/24,0)+1,1)*INDEX($D$3:$AA$30,INDEX(Jesper!$R$2:$R$366,ROW(INDEX(Jesper!AK$2:AK$366,ROUNDDOWN($C1061/24,0)+1,1))-1)+IF('Standard Profiles'!$G$21=$B$10,7,0)+IF('Standard Profiles'!$G$21=$B$17,14,0)+IF('Standard Profiles'!$G$21=$B$24,21,0),MOD($C1061,24)+1)/SUM(INDEX($D$3:$AA$30,INDEX(Jesper!$R$2:$R$366,ROW(INDEX(Jesper!AK$2:AK$366,ROUNDDOWN($C1061/24,0)+1,1))-1)+IF('Standard Profiles'!$G$21=$B$10,7,0)+IF('Standard Profiles'!$G$21=$B$17,14,0)+IF('Standard Profiles'!$G$21=$B$24,21,0),0)),0)</f>
        <v>0</v>
      </c>
      <c r="H1061" cm="1">
        <f t="array" ref="H1061">IFERROR(INDEX(Jesper!AL$2:AL$366,ROUNDDOWN($C1061/24,0)+1,1)*INDEX($D$3:$AA$30,INDEX(Jesper!$R$2:$R$366,ROW(INDEX(Jesper!AL$2:AL$366,ROUNDDOWN($C1061/24,0)+1,1))-1)+IF('Standard Profiles'!$G$22=$B$10,7,0)+IF('Standard Profiles'!$G$22=$B$17,14,0)+IF('Standard Profiles'!$G$22=$B$24,21,0),MOD($C1061,24)+1)/SUM(INDEX($D$3:$AA$30,INDEX(Jesper!$R$2:$R$366,ROW(INDEX(Jesper!AL$2:AL$366,ROUNDDOWN($C1061/24,0)+1,1))-1)+IF('Standard Profiles'!$G$22=$B$10,7,0)+IF('Standard Profiles'!$G$22=$B$17,14,0)+IF('Standard Profiles'!$G$22=$B$24,21,0),0)),0)</f>
        <v>0</v>
      </c>
      <c r="I1061">
        <f t="shared" si="132"/>
        <v>0.42227262454011472</v>
      </c>
      <c r="J1061">
        <f t="shared" si="133"/>
        <v>1.4075754151337159</v>
      </c>
      <c r="K1061">
        <f t="shared" si="134"/>
        <v>2.1113631227005736</v>
      </c>
      <c r="L1061">
        <f t="shared" si="135"/>
        <v>10.134542988962753</v>
      </c>
      <c r="M1061">
        <f t="shared" si="136"/>
        <v>0</v>
      </c>
      <c r="N1061" s="46">
        <f t="shared" si="137"/>
        <v>45334.791666664176</v>
      </c>
    </row>
    <row r="1062" spans="2:14" x14ac:dyDescent="0.3">
      <c r="B1062">
        <f t="shared" si="131"/>
        <v>1</v>
      </c>
      <c r="C1062" s="16">
        <v>1028</v>
      </c>
      <c r="D1062" cm="1">
        <f t="array" ref="D1062">IFERROR(INDEX(Jesper!AH$2:AH$366,ROUNDDOWN($C1062/24,0)+1,1)*INDEX($D$3:$AA$30,INDEX(Jesper!$R$2:$R$366,ROW(INDEX(Jesper!AH$2:AH$366,ROUNDDOWN($C1062/24,0)+1,1))-1)+IF('Standard Profiles'!$G$18=$B$10,7,0)+IF('Standard Profiles'!$G$18=$B$17,14,0)+IF('Standard Profiles'!$G$18=$B$24,21,0),MOD($C1062,24)+1)/SUM(INDEX($D$3:$AA$30,INDEX(Jesper!$R$2:$R$366,ROW(INDEX(Jesper!AH$2:AH$366,ROUNDDOWN($C1062/24,0)+1,1))-1)+IF('Standard Profiles'!$G$18=$B$10,7,0)+IF('Standard Profiles'!$G$18=$B$17,14,0)+IF('Standard Profiles'!$G$18=$B$24,21,0),0)),0)</f>
        <v>11.554723557067815</v>
      </c>
      <c r="E1062" cm="1">
        <f t="array" ref="E1062">IFERROR(INDEX(Jesper!AI$2:AI$366,ROUNDDOWN($C1062/24,0)+1,1)*INDEX($D$3:$AA$30,INDEX(Jesper!$R$2:$R$366,ROW(INDEX(Jesper!AI$2:AI$366,ROUNDDOWN($C1062/24,0)+1,1))-1)+IF('Standard Profiles'!$G$19=$B$10,7,0)+IF('Standard Profiles'!$G$19=$B$17,14,0)+IF('Standard Profiles'!$G$19=$B$24,21,0),MOD($C1062,24)+1)/SUM(INDEX($D$3:$AA$30,INDEX(Jesper!$R$2:$R$366,ROW(INDEX(Jesper!AI$2:AI$366,ROUNDDOWN($C1062/24,0)+1,1))-1)+IF('Standard Profiles'!$G$19=$B$10,7,0)+IF('Standard Profiles'!$G$19=$B$17,14,0)+IF('Standard Profiles'!$G$19=$B$24,21,0),0)),0)</f>
        <v>0</v>
      </c>
      <c r="F1062" cm="1">
        <f t="array" ref="F1062">IFERROR(INDEX(Jesper!AJ$2:AJ$366,ROUNDDOWN($C1062/24,0)+1,1)*INDEX($D$3:$AA$30,INDEX(Jesper!$R$2:$R$366,ROW(INDEX(Jesper!AJ$2:AJ$366,ROUNDDOWN($C1062/24,0)+1,1))-1)+IF('Standard Profiles'!$G$20=$B$10,7,0)+IF('Standard Profiles'!$G$20=$B$17,14,0)+IF('Standard Profiles'!$G$20=$B$24,21,0),MOD($C1062,24)+1)/SUM(INDEX($D$3:$AA$30,INDEX(Jesper!$R$2:$R$366,ROW(INDEX(Jesper!AJ$2:AJ$366,ROUNDDOWN($C1062/24,0)+1,1))-1)+IF('Standard Profiles'!$G$20=$B$10,7,0)+IF('Standard Profiles'!$G$20=$B$17,14,0)+IF('Standard Profiles'!$G$20=$B$24,21,0),0)),0)</f>
        <v>0</v>
      </c>
      <c r="G1062" cm="1">
        <f t="array" ref="G1062">IFERROR(INDEX(Jesper!AK$2:AK$366,ROUNDDOWN($C1062/24,0)+1,1)*INDEX($D$3:$AA$30,INDEX(Jesper!$R$2:$R$366,ROW(INDEX(Jesper!AK$2:AK$366,ROUNDDOWN($C1062/24,0)+1,1))-1)+IF('Standard Profiles'!$G$21=$B$10,7,0)+IF('Standard Profiles'!$G$21=$B$17,14,0)+IF('Standard Profiles'!$G$21=$B$24,21,0),MOD($C1062,24)+1)/SUM(INDEX($D$3:$AA$30,INDEX(Jesper!$R$2:$R$366,ROW(INDEX(Jesper!AK$2:AK$366,ROUNDDOWN($C1062/24,0)+1,1))-1)+IF('Standard Profiles'!$G$21=$B$10,7,0)+IF('Standard Profiles'!$G$21=$B$17,14,0)+IF('Standard Profiles'!$G$21=$B$24,21,0),0)),0)</f>
        <v>0</v>
      </c>
      <c r="H1062" cm="1">
        <f t="array" ref="H1062">IFERROR(INDEX(Jesper!AL$2:AL$366,ROUNDDOWN($C1062/24,0)+1,1)*INDEX($D$3:$AA$30,INDEX(Jesper!$R$2:$R$366,ROW(INDEX(Jesper!AL$2:AL$366,ROUNDDOWN($C1062/24,0)+1,1))-1)+IF('Standard Profiles'!$G$22=$B$10,7,0)+IF('Standard Profiles'!$G$22=$B$17,14,0)+IF('Standard Profiles'!$G$22=$B$24,21,0),MOD($C1062,24)+1)/SUM(INDEX($D$3:$AA$30,INDEX(Jesper!$R$2:$R$366,ROW(INDEX(Jesper!AL$2:AL$366,ROUNDDOWN($C1062/24,0)+1,1))-1)+IF('Standard Profiles'!$G$22=$B$10,7,0)+IF('Standard Profiles'!$G$22=$B$17,14,0)+IF('Standard Profiles'!$G$22=$B$24,21,0),0)),0)</f>
        <v>0</v>
      </c>
      <c r="I1062">
        <f t="shared" si="132"/>
        <v>0.34664170671203443</v>
      </c>
      <c r="J1062">
        <f t="shared" si="133"/>
        <v>1.1554723557067816</v>
      </c>
      <c r="K1062">
        <f t="shared" si="134"/>
        <v>1.7332085335601721</v>
      </c>
      <c r="L1062">
        <f t="shared" si="135"/>
        <v>8.3194009610888262</v>
      </c>
      <c r="M1062">
        <f t="shared" si="136"/>
        <v>0</v>
      </c>
      <c r="N1062" s="46">
        <f t="shared" si="137"/>
        <v>45334.83333333084</v>
      </c>
    </row>
    <row r="1063" spans="2:14" x14ac:dyDescent="0.3">
      <c r="B1063">
        <f t="shared" si="131"/>
        <v>1</v>
      </c>
      <c r="C1063" s="16">
        <v>1029</v>
      </c>
      <c r="D1063" cm="1">
        <f t="array" ref="D1063">IFERROR(INDEX(Jesper!AH$2:AH$366,ROUNDDOWN($C1063/24,0)+1,1)*INDEX($D$3:$AA$30,INDEX(Jesper!$R$2:$R$366,ROW(INDEX(Jesper!AH$2:AH$366,ROUNDDOWN($C1063/24,0)+1,1))-1)+IF('Standard Profiles'!$G$18=$B$10,7,0)+IF('Standard Profiles'!$G$18=$B$17,14,0)+IF('Standard Profiles'!$G$18=$B$24,21,0),MOD($C1063,24)+1)/SUM(INDEX($D$3:$AA$30,INDEX(Jesper!$R$2:$R$366,ROW(INDEX(Jesper!AH$2:AH$366,ROUNDDOWN($C1063/24,0)+1,1))-1)+IF('Standard Profiles'!$G$18=$B$10,7,0)+IF('Standard Profiles'!$G$18=$B$17,14,0)+IF('Standard Profiles'!$G$18=$B$24,21,0),0)),0)</f>
        <v>8.4034353142311389</v>
      </c>
      <c r="E1063" cm="1">
        <f t="array" ref="E1063">IFERROR(INDEX(Jesper!AI$2:AI$366,ROUNDDOWN($C1063/24,0)+1,1)*INDEX($D$3:$AA$30,INDEX(Jesper!$R$2:$R$366,ROW(INDEX(Jesper!AI$2:AI$366,ROUNDDOWN($C1063/24,0)+1,1))-1)+IF('Standard Profiles'!$G$19=$B$10,7,0)+IF('Standard Profiles'!$G$19=$B$17,14,0)+IF('Standard Profiles'!$G$19=$B$24,21,0),MOD($C1063,24)+1)/SUM(INDEX($D$3:$AA$30,INDEX(Jesper!$R$2:$R$366,ROW(INDEX(Jesper!AI$2:AI$366,ROUNDDOWN($C1063/24,0)+1,1))-1)+IF('Standard Profiles'!$G$19=$B$10,7,0)+IF('Standard Profiles'!$G$19=$B$17,14,0)+IF('Standard Profiles'!$G$19=$B$24,21,0),0)),0)</f>
        <v>0</v>
      </c>
      <c r="F1063" cm="1">
        <f t="array" ref="F1063">IFERROR(INDEX(Jesper!AJ$2:AJ$366,ROUNDDOWN($C1063/24,0)+1,1)*INDEX($D$3:$AA$30,INDEX(Jesper!$R$2:$R$366,ROW(INDEX(Jesper!AJ$2:AJ$366,ROUNDDOWN($C1063/24,0)+1,1))-1)+IF('Standard Profiles'!$G$20=$B$10,7,0)+IF('Standard Profiles'!$G$20=$B$17,14,0)+IF('Standard Profiles'!$G$20=$B$24,21,0),MOD($C1063,24)+1)/SUM(INDEX($D$3:$AA$30,INDEX(Jesper!$R$2:$R$366,ROW(INDEX(Jesper!AJ$2:AJ$366,ROUNDDOWN($C1063/24,0)+1,1))-1)+IF('Standard Profiles'!$G$20=$B$10,7,0)+IF('Standard Profiles'!$G$20=$B$17,14,0)+IF('Standard Profiles'!$G$20=$B$24,21,0),0)),0)</f>
        <v>0</v>
      </c>
      <c r="G1063" cm="1">
        <f t="array" ref="G1063">IFERROR(INDEX(Jesper!AK$2:AK$366,ROUNDDOWN($C1063/24,0)+1,1)*INDEX($D$3:$AA$30,INDEX(Jesper!$R$2:$R$366,ROW(INDEX(Jesper!AK$2:AK$366,ROUNDDOWN($C1063/24,0)+1,1))-1)+IF('Standard Profiles'!$G$21=$B$10,7,0)+IF('Standard Profiles'!$G$21=$B$17,14,0)+IF('Standard Profiles'!$G$21=$B$24,21,0),MOD($C1063,24)+1)/SUM(INDEX($D$3:$AA$30,INDEX(Jesper!$R$2:$R$366,ROW(INDEX(Jesper!AK$2:AK$366,ROUNDDOWN($C1063/24,0)+1,1))-1)+IF('Standard Profiles'!$G$21=$B$10,7,0)+IF('Standard Profiles'!$G$21=$B$17,14,0)+IF('Standard Profiles'!$G$21=$B$24,21,0),0)),0)</f>
        <v>0</v>
      </c>
      <c r="H1063" cm="1">
        <f t="array" ref="H1063">IFERROR(INDEX(Jesper!AL$2:AL$366,ROUNDDOWN($C1063/24,0)+1,1)*INDEX($D$3:$AA$30,INDEX(Jesper!$R$2:$R$366,ROW(INDEX(Jesper!AL$2:AL$366,ROUNDDOWN($C1063/24,0)+1,1))-1)+IF('Standard Profiles'!$G$22=$B$10,7,0)+IF('Standard Profiles'!$G$22=$B$17,14,0)+IF('Standard Profiles'!$G$22=$B$24,21,0),MOD($C1063,24)+1)/SUM(INDEX($D$3:$AA$30,INDEX(Jesper!$R$2:$R$366,ROW(INDEX(Jesper!AL$2:AL$366,ROUNDDOWN($C1063/24,0)+1,1))-1)+IF('Standard Profiles'!$G$22=$B$10,7,0)+IF('Standard Profiles'!$G$22=$B$17,14,0)+IF('Standard Profiles'!$G$22=$B$24,21,0),0)),0)</f>
        <v>0</v>
      </c>
      <c r="I1063">
        <f t="shared" si="132"/>
        <v>0.25210305942693417</v>
      </c>
      <c r="J1063">
        <f t="shared" si="133"/>
        <v>0.84034353142311391</v>
      </c>
      <c r="K1063">
        <f t="shared" si="134"/>
        <v>1.2605152971346707</v>
      </c>
      <c r="L1063">
        <f t="shared" si="135"/>
        <v>6.0504734262464197</v>
      </c>
      <c r="M1063">
        <f t="shared" si="136"/>
        <v>0</v>
      </c>
      <c r="N1063" s="46">
        <f t="shared" si="137"/>
        <v>45334.874999997504</v>
      </c>
    </row>
    <row r="1064" spans="2:14" x14ac:dyDescent="0.3">
      <c r="B1064">
        <f t="shared" si="131"/>
        <v>1</v>
      </c>
      <c r="C1064" s="16">
        <v>1030</v>
      </c>
      <c r="D1064" cm="1">
        <f t="array" ref="D1064">IFERROR(INDEX(Jesper!AH$2:AH$366,ROUNDDOWN($C1064/24,0)+1,1)*INDEX($D$3:$AA$30,INDEX(Jesper!$R$2:$R$366,ROW(INDEX(Jesper!AH$2:AH$366,ROUNDDOWN($C1064/24,0)+1,1))-1)+IF('Standard Profiles'!$G$18=$B$10,7,0)+IF('Standard Profiles'!$G$18=$B$17,14,0)+IF('Standard Profiles'!$G$18=$B$24,21,0),MOD($C1064,24)+1)/SUM(INDEX($D$3:$AA$30,INDEX(Jesper!$R$2:$R$366,ROW(INDEX(Jesper!AH$2:AH$366,ROUNDDOWN($C1064/24,0)+1,1))-1)+IF('Standard Profiles'!$G$18=$B$10,7,0)+IF('Standard Profiles'!$G$18=$B$17,14,0)+IF('Standard Profiles'!$G$18=$B$24,21,0),0)),0)</f>
        <v>7.9832635485195809</v>
      </c>
      <c r="E1064" cm="1">
        <f t="array" ref="E1064">IFERROR(INDEX(Jesper!AI$2:AI$366,ROUNDDOWN($C1064/24,0)+1,1)*INDEX($D$3:$AA$30,INDEX(Jesper!$R$2:$R$366,ROW(INDEX(Jesper!AI$2:AI$366,ROUNDDOWN($C1064/24,0)+1,1))-1)+IF('Standard Profiles'!$G$19=$B$10,7,0)+IF('Standard Profiles'!$G$19=$B$17,14,0)+IF('Standard Profiles'!$G$19=$B$24,21,0),MOD($C1064,24)+1)/SUM(INDEX($D$3:$AA$30,INDEX(Jesper!$R$2:$R$366,ROW(INDEX(Jesper!AI$2:AI$366,ROUNDDOWN($C1064/24,0)+1,1))-1)+IF('Standard Profiles'!$G$19=$B$10,7,0)+IF('Standard Profiles'!$G$19=$B$17,14,0)+IF('Standard Profiles'!$G$19=$B$24,21,0),0)),0)</f>
        <v>0</v>
      </c>
      <c r="F1064" cm="1">
        <f t="array" ref="F1064">IFERROR(INDEX(Jesper!AJ$2:AJ$366,ROUNDDOWN($C1064/24,0)+1,1)*INDEX($D$3:$AA$30,INDEX(Jesper!$R$2:$R$366,ROW(INDEX(Jesper!AJ$2:AJ$366,ROUNDDOWN($C1064/24,0)+1,1))-1)+IF('Standard Profiles'!$G$20=$B$10,7,0)+IF('Standard Profiles'!$G$20=$B$17,14,0)+IF('Standard Profiles'!$G$20=$B$24,21,0),MOD($C1064,24)+1)/SUM(INDEX($D$3:$AA$30,INDEX(Jesper!$R$2:$R$366,ROW(INDEX(Jesper!AJ$2:AJ$366,ROUNDDOWN($C1064/24,0)+1,1))-1)+IF('Standard Profiles'!$G$20=$B$10,7,0)+IF('Standard Profiles'!$G$20=$B$17,14,0)+IF('Standard Profiles'!$G$20=$B$24,21,0),0)),0)</f>
        <v>0</v>
      </c>
      <c r="G1064" cm="1">
        <f t="array" ref="G1064">IFERROR(INDEX(Jesper!AK$2:AK$366,ROUNDDOWN($C1064/24,0)+1,1)*INDEX($D$3:$AA$30,INDEX(Jesper!$R$2:$R$366,ROW(INDEX(Jesper!AK$2:AK$366,ROUNDDOWN($C1064/24,0)+1,1))-1)+IF('Standard Profiles'!$G$21=$B$10,7,0)+IF('Standard Profiles'!$G$21=$B$17,14,0)+IF('Standard Profiles'!$G$21=$B$24,21,0),MOD($C1064,24)+1)/SUM(INDEX($D$3:$AA$30,INDEX(Jesper!$R$2:$R$366,ROW(INDEX(Jesper!AK$2:AK$366,ROUNDDOWN($C1064/24,0)+1,1))-1)+IF('Standard Profiles'!$G$21=$B$10,7,0)+IF('Standard Profiles'!$G$21=$B$17,14,0)+IF('Standard Profiles'!$G$21=$B$24,21,0),0)),0)</f>
        <v>0</v>
      </c>
      <c r="H1064" cm="1">
        <f t="array" ref="H1064">IFERROR(INDEX(Jesper!AL$2:AL$366,ROUNDDOWN($C1064/24,0)+1,1)*INDEX($D$3:$AA$30,INDEX(Jesper!$R$2:$R$366,ROW(INDEX(Jesper!AL$2:AL$366,ROUNDDOWN($C1064/24,0)+1,1))-1)+IF('Standard Profiles'!$G$22=$B$10,7,0)+IF('Standard Profiles'!$G$22=$B$17,14,0)+IF('Standard Profiles'!$G$22=$B$24,21,0),MOD($C1064,24)+1)/SUM(INDEX($D$3:$AA$30,INDEX(Jesper!$R$2:$R$366,ROW(INDEX(Jesper!AL$2:AL$366,ROUNDDOWN($C1064/24,0)+1,1))-1)+IF('Standard Profiles'!$G$22=$B$10,7,0)+IF('Standard Profiles'!$G$22=$B$17,14,0)+IF('Standard Profiles'!$G$22=$B$24,21,0),0)),0)</f>
        <v>0</v>
      </c>
      <c r="I1064">
        <f t="shared" si="132"/>
        <v>0.23949790645558741</v>
      </c>
      <c r="J1064">
        <f t="shared" si="133"/>
        <v>0.79832635485195813</v>
      </c>
      <c r="K1064">
        <f t="shared" si="134"/>
        <v>1.1974895322779371</v>
      </c>
      <c r="L1064">
        <f t="shared" si="135"/>
        <v>5.7479497549340977</v>
      </c>
      <c r="M1064">
        <f t="shared" si="136"/>
        <v>0</v>
      </c>
      <c r="N1064" s="46">
        <f t="shared" si="137"/>
        <v>45334.916666664169</v>
      </c>
    </row>
    <row r="1065" spans="2:14" x14ac:dyDescent="0.3">
      <c r="B1065">
        <f t="shared" si="131"/>
        <v>1</v>
      </c>
      <c r="C1065" s="16">
        <v>1031</v>
      </c>
      <c r="D1065" cm="1">
        <f t="array" ref="D1065">IFERROR(INDEX(Jesper!AH$2:AH$366,ROUNDDOWN($C1065/24,0)+1,1)*INDEX($D$3:$AA$30,INDEX(Jesper!$R$2:$R$366,ROW(INDEX(Jesper!AH$2:AH$366,ROUNDDOWN($C1065/24,0)+1,1))-1)+IF('Standard Profiles'!$G$18=$B$10,7,0)+IF('Standard Profiles'!$G$18=$B$17,14,0)+IF('Standard Profiles'!$G$18=$B$24,21,0),MOD($C1065,24)+1)/SUM(INDEX($D$3:$AA$30,INDEX(Jesper!$R$2:$R$366,ROW(INDEX(Jesper!AH$2:AH$366,ROUNDDOWN($C1065/24,0)+1,1))-1)+IF('Standard Profiles'!$G$18=$B$10,7,0)+IF('Standard Profiles'!$G$18=$B$17,14,0)+IF('Standard Profiles'!$G$18=$B$24,21,0),0)),0)</f>
        <v>7.9832635485195809</v>
      </c>
      <c r="E1065" cm="1">
        <f t="array" ref="E1065">IFERROR(INDEX(Jesper!AI$2:AI$366,ROUNDDOWN($C1065/24,0)+1,1)*INDEX($D$3:$AA$30,INDEX(Jesper!$R$2:$R$366,ROW(INDEX(Jesper!AI$2:AI$366,ROUNDDOWN($C1065/24,0)+1,1))-1)+IF('Standard Profiles'!$G$19=$B$10,7,0)+IF('Standard Profiles'!$G$19=$B$17,14,0)+IF('Standard Profiles'!$G$19=$B$24,21,0),MOD($C1065,24)+1)/SUM(INDEX($D$3:$AA$30,INDEX(Jesper!$R$2:$R$366,ROW(INDEX(Jesper!AI$2:AI$366,ROUNDDOWN($C1065/24,0)+1,1))-1)+IF('Standard Profiles'!$G$19=$B$10,7,0)+IF('Standard Profiles'!$G$19=$B$17,14,0)+IF('Standard Profiles'!$G$19=$B$24,21,0),0)),0)</f>
        <v>0</v>
      </c>
      <c r="F1065" cm="1">
        <f t="array" ref="F1065">IFERROR(INDEX(Jesper!AJ$2:AJ$366,ROUNDDOWN($C1065/24,0)+1,1)*INDEX($D$3:$AA$30,INDEX(Jesper!$R$2:$R$366,ROW(INDEX(Jesper!AJ$2:AJ$366,ROUNDDOWN($C1065/24,0)+1,1))-1)+IF('Standard Profiles'!$G$20=$B$10,7,0)+IF('Standard Profiles'!$G$20=$B$17,14,0)+IF('Standard Profiles'!$G$20=$B$24,21,0),MOD($C1065,24)+1)/SUM(INDEX($D$3:$AA$30,INDEX(Jesper!$R$2:$R$366,ROW(INDEX(Jesper!AJ$2:AJ$366,ROUNDDOWN($C1065/24,0)+1,1))-1)+IF('Standard Profiles'!$G$20=$B$10,7,0)+IF('Standard Profiles'!$G$20=$B$17,14,0)+IF('Standard Profiles'!$G$20=$B$24,21,0),0)),0)</f>
        <v>0</v>
      </c>
      <c r="G1065" cm="1">
        <f t="array" ref="G1065">IFERROR(INDEX(Jesper!AK$2:AK$366,ROUNDDOWN($C1065/24,0)+1,1)*INDEX($D$3:$AA$30,INDEX(Jesper!$R$2:$R$366,ROW(INDEX(Jesper!AK$2:AK$366,ROUNDDOWN($C1065/24,0)+1,1))-1)+IF('Standard Profiles'!$G$21=$B$10,7,0)+IF('Standard Profiles'!$G$21=$B$17,14,0)+IF('Standard Profiles'!$G$21=$B$24,21,0),MOD($C1065,24)+1)/SUM(INDEX($D$3:$AA$30,INDEX(Jesper!$R$2:$R$366,ROW(INDEX(Jesper!AK$2:AK$366,ROUNDDOWN($C1065/24,0)+1,1))-1)+IF('Standard Profiles'!$G$21=$B$10,7,0)+IF('Standard Profiles'!$G$21=$B$17,14,0)+IF('Standard Profiles'!$G$21=$B$24,21,0),0)),0)</f>
        <v>0</v>
      </c>
      <c r="H1065" cm="1">
        <f t="array" ref="H1065">IFERROR(INDEX(Jesper!AL$2:AL$366,ROUNDDOWN($C1065/24,0)+1,1)*INDEX($D$3:$AA$30,INDEX(Jesper!$R$2:$R$366,ROW(INDEX(Jesper!AL$2:AL$366,ROUNDDOWN($C1065/24,0)+1,1))-1)+IF('Standard Profiles'!$G$22=$B$10,7,0)+IF('Standard Profiles'!$G$22=$B$17,14,0)+IF('Standard Profiles'!$G$22=$B$24,21,0),MOD($C1065,24)+1)/SUM(INDEX($D$3:$AA$30,INDEX(Jesper!$R$2:$R$366,ROW(INDEX(Jesper!AL$2:AL$366,ROUNDDOWN($C1065/24,0)+1,1))-1)+IF('Standard Profiles'!$G$22=$B$10,7,0)+IF('Standard Profiles'!$G$22=$B$17,14,0)+IF('Standard Profiles'!$G$22=$B$24,21,0),0)),0)</f>
        <v>0</v>
      </c>
      <c r="I1065">
        <f t="shared" si="132"/>
        <v>0.23949790645558741</v>
      </c>
      <c r="J1065">
        <f t="shared" si="133"/>
        <v>0.79832635485195813</v>
      </c>
      <c r="K1065">
        <f t="shared" si="134"/>
        <v>1.1974895322779371</v>
      </c>
      <c r="L1065">
        <f t="shared" si="135"/>
        <v>5.7479497549340977</v>
      </c>
      <c r="M1065">
        <f t="shared" si="136"/>
        <v>0</v>
      </c>
      <c r="N1065" s="46">
        <f t="shared" si="137"/>
        <v>45334.958333330833</v>
      </c>
    </row>
    <row r="1066" spans="2:14" x14ac:dyDescent="0.3">
      <c r="B1066">
        <f t="shared" si="131"/>
        <v>2</v>
      </c>
      <c r="C1066" s="16">
        <v>1032</v>
      </c>
      <c r="D1066" cm="1">
        <f t="array" ref="D1066">IFERROR(INDEX(Jesper!AH$2:AH$366,ROUNDDOWN($C1066/24,0)+1,1)*INDEX($D$3:$AA$30,INDEX(Jesper!$R$2:$R$366,ROW(INDEX(Jesper!AH$2:AH$366,ROUNDDOWN($C1066/24,0)+1,1))-1)+IF('Standard Profiles'!$G$18=$B$10,7,0)+IF('Standard Profiles'!$G$18=$B$17,14,0)+IF('Standard Profiles'!$G$18=$B$24,21,0),MOD($C1066,24)+1)/SUM(INDEX($D$3:$AA$30,INDEX(Jesper!$R$2:$R$366,ROW(INDEX(Jesper!AH$2:AH$366,ROUNDDOWN($C1066/24,0)+1,1))-1)+IF('Standard Profiles'!$G$18=$B$10,7,0)+IF('Standard Profiles'!$G$18=$B$17,14,0)+IF('Standard Profiles'!$G$18=$B$24,21,0),0)),0)</f>
        <v>7.285191372589316</v>
      </c>
      <c r="E1066" cm="1">
        <f t="array" ref="E1066">IFERROR(INDEX(Jesper!AI$2:AI$366,ROUNDDOWN($C1066/24,0)+1,1)*INDEX($D$3:$AA$30,INDEX(Jesper!$R$2:$R$366,ROW(INDEX(Jesper!AI$2:AI$366,ROUNDDOWN($C1066/24,0)+1,1))-1)+IF('Standard Profiles'!$G$19=$B$10,7,0)+IF('Standard Profiles'!$G$19=$B$17,14,0)+IF('Standard Profiles'!$G$19=$B$24,21,0),MOD($C1066,24)+1)/SUM(INDEX($D$3:$AA$30,INDEX(Jesper!$R$2:$R$366,ROW(INDEX(Jesper!AI$2:AI$366,ROUNDDOWN($C1066/24,0)+1,1))-1)+IF('Standard Profiles'!$G$19=$B$10,7,0)+IF('Standard Profiles'!$G$19=$B$17,14,0)+IF('Standard Profiles'!$G$19=$B$24,21,0),0)),0)</f>
        <v>0</v>
      </c>
      <c r="F1066" cm="1">
        <f t="array" ref="F1066">IFERROR(INDEX(Jesper!AJ$2:AJ$366,ROUNDDOWN($C1066/24,0)+1,1)*INDEX($D$3:$AA$30,INDEX(Jesper!$R$2:$R$366,ROW(INDEX(Jesper!AJ$2:AJ$366,ROUNDDOWN($C1066/24,0)+1,1))-1)+IF('Standard Profiles'!$G$20=$B$10,7,0)+IF('Standard Profiles'!$G$20=$B$17,14,0)+IF('Standard Profiles'!$G$20=$B$24,21,0),MOD($C1066,24)+1)/SUM(INDEX($D$3:$AA$30,INDEX(Jesper!$R$2:$R$366,ROW(INDEX(Jesper!AJ$2:AJ$366,ROUNDDOWN($C1066/24,0)+1,1))-1)+IF('Standard Profiles'!$G$20=$B$10,7,0)+IF('Standard Profiles'!$G$20=$B$17,14,0)+IF('Standard Profiles'!$G$20=$B$24,21,0),0)),0)</f>
        <v>0</v>
      </c>
      <c r="G1066" cm="1">
        <f t="array" ref="G1066">IFERROR(INDEX(Jesper!AK$2:AK$366,ROUNDDOWN($C1066/24,0)+1,1)*INDEX($D$3:$AA$30,INDEX(Jesper!$R$2:$R$366,ROW(INDEX(Jesper!AK$2:AK$366,ROUNDDOWN($C1066/24,0)+1,1))-1)+IF('Standard Profiles'!$G$21=$B$10,7,0)+IF('Standard Profiles'!$G$21=$B$17,14,0)+IF('Standard Profiles'!$G$21=$B$24,21,0),MOD($C1066,24)+1)/SUM(INDEX($D$3:$AA$30,INDEX(Jesper!$R$2:$R$366,ROW(INDEX(Jesper!AK$2:AK$366,ROUNDDOWN($C1066/24,0)+1,1))-1)+IF('Standard Profiles'!$G$21=$B$10,7,0)+IF('Standard Profiles'!$G$21=$B$17,14,0)+IF('Standard Profiles'!$G$21=$B$24,21,0),0)),0)</f>
        <v>0</v>
      </c>
      <c r="H1066" cm="1">
        <f t="array" ref="H1066">IFERROR(INDEX(Jesper!AL$2:AL$366,ROUNDDOWN($C1066/24,0)+1,1)*INDEX($D$3:$AA$30,INDEX(Jesper!$R$2:$R$366,ROW(INDEX(Jesper!AL$2:AL$366,ROUNDDOWN($C1066/24,0)+1,1))-1)+IF('Standard Profiles'!$G$22=$B$10,7,0)+IF('Standard Profiles'!$G$22=$B$17,14,0)+IF('Standard Profiles'!$G$22=$B$24,21,0),MOD($C1066,24)+1)/SUM(INDEX($D$3:$AA$30,INDEX(Jesper!$R$2:$R$366,ROW(INDEX(Jesper!AL$2:AL$366,ROUNDDOWN($C1066/24,0)+1,1))-1)+IF('Standard Profiles'!$G$22=$B$10,7,0)+IF('Standard Profiles'!$G$22=$B$17,14,0)+IF('Standard Profiles'!$G$22=$B$24,21,0),0)),0)</f>
        <v>0</v>
      </c>
      <c r="I1066">
        <f t="shared" si="132"/>
        <v>0.21855574117767948</v>
      </c>
      <c r="J1066">
        <f t="shared" si="133"/>
        <v>0.72851913725893169</v>
      </c>
      <c r="K1066">
        <f t="shared" si="134"/>
        <v>1.0927787058883973</v>
      </c>
      <c r="L1066">
        <f t="shared" si="135"/>
        <v>5.2453377882643073</v>
      </c>
      <c r="M1066">
        <f t="shared" si="136"/>
        <v>0</v>
      </c>
      <c r="N1066" s="46">
        <f t="shared" si="137"/>
        <v>45334.999999997497</v>
      </c>
    </row>
    <row r="1067" spans="2:14" x14ac:dyDescent="0.3">
      <c r="B1067">
        <f t="shared" si="131"/>
        <v>2</v>
      </c>
      <c r="C1067" s="16">
        <v>1033</v>
      </c>
      <c r="D1067" cm="1">
        <f t="array" ref="D1067">IFERROR(INDEX(Jesper!AH$2:AH$366,ROUNDDOWN($C1067/24,0)+1,1)*INDEX($D$3:$AA$30,INDEX(Jesper!$R$2:$R$366,ROW(INDEX(Jesper!AH$2:AH$366,ROUNDDOWN($C1067/24,0)+1,1))-1)+IF('Standard Profiles'!$G$18=$B$10,7,0)+IF('Standard Profiles'!$G$18=$B$17,14,0)+IF('Standard Profiles'!$G$18=$B$24,21,0),MOD($C1067,24)+1)/SUM(INDEX($D$3:$AA$30,INDEX(Jesper!$R$2:$R$366,ROW(INDEX(Jesper!AH$2:AH$366,ROUNDDOWN($C1067/24,0)+1,1))-1)+IF('Standard Profiles'!$G$18=$B$10,7,0)+IF('Standard Profiles'!$G$18=$B$17,14,0)+IF('Standard Profiles'!$G$18=$B$24,21,0),0)),0)</f>
        <v>7.285191372589316</v>
      </c>
      <c r="E1067" cm="1">
        <f t="array" ref="E1067">IFERROR(INDEX(Jesper!AI$2:AI$366,ROUNDDOWN($C1067/24,0)+1,1)*INDEX($D$3:$AA$30,INDEX(Jesper!$R$2:$R$366,ROW(INDEX(Jesper!AI$2:AI$366,ROUNDDOWN($C1067/24,0)+1,1))-1)+IF('Standard Profiles'!$G$19=$B$10,7,0)+IF('Standard Profiles'!$G$19=$B$17,14,0)+IF('Standard Profiles'!$G$19=$B$24,21,0),MOD($C1067,24)+1)/SUM(INDEX($D$3:$AA$30,INDEX(Jesper!$R$2:$R$366,ROW(INDEX(Jesper!AI$2:AI$366,ROUNDDOWN($C1067/24,0)+1,1))-1)+IF('Standard Profiles'!$G$19=$B$10,7,0)+IF('Standard Profiles'!$G$19=$B$17,14,0)+IF('Standard Profiles'!$G$19=$B$24,21,0),0)),0)</f>
        <v>0</v>
      </c>
      <c r="F1067" cm="1">
        <f t="array" ref="F1067">IFERROR(INDEX(Jesper!AJ$2:AJ$366,ROUNDDOWN($C1067/24,0)+1,1)*INDEX($D$3:$AA$30,INDEX(Jesper!$R$2:$R$366,ROW(INDEX(Jesper!AJ$2:AJ$366,ROUNDDOWN($C1067/24,0)+1,1))-1)+IF('Standard Profiles'!$G$20=$B$10,7,0)+IF('Standard Profiles'!$G$20=$B$17,14,0)+IF('Standard Profiles'!$G$20=$B$24,21,0),MOD($C1067,24)+1)/SUM(INDEX($D$3:$AA$30,INDEX(Jesper!$R$2:$R$366,ROW(INDEX(Jesper!AJ$2:AJ$366,ROUNDDOWN($C1067/24,0)+1,1))-1)+IF('Standard Profiles'!$G$20=$B$10,7,0)+IF('Standard Profiles'!$G$20=$B$17,14,0)+IF('Standard Profiles'!$G$20=$B$24,21,0),0)),0)</f>
        <v>0</v>
      </c>
      <c r="G1067" cm="1">
        <f t="array" ref="G1067">IFERROR(INDEX(Jesper!AK$2:AK$366,ROUNDDOWN($C1067/24,0)+1,1)*INDEX($D$3:$AA$30,INDEX(Jesper!$R$2:$R$366,ROW(INDEX(Jesper!AK$2:AK$366,ROUNDDOWN($C1067/24,0)+1,1))-1)+IF('Standard Profiles'!$G$21=$B$10,7,0)+IF('Standard Profiles'!$G$21=$B$17,14,0)+IF('Standard Profiles'!$G$21=$B$24,21,0),MOD($C1067,24)+1)/SUM(INDEX($D$3:$AA$30,INDEX(Jesper!$R$2:$R$366,ROW(INDEX(Jesper!AK$2:AK$366,ROUNDDOWN($C1067/24,0)+1,1))-1)+IF('Standard Profiles'!$G$21=$B$10,7,0)+IF('Standard Profiles'!$G$21=$B$17,14,0)+IF('Standard Profiles'!$G$21=$B$24,21,0),0)),0)</f>
        <v>0</v>
      </c>
      <c r="H1067" cm="1">
        <f t="array" ref="H1067">IFERROR(INDEX(Jesper!AL$2:AL$366,ROUNDDOWN($C1067/24,0)+1,1)*INDEX($D$3:$AA$30,INDEX(Jesper!$R$2:$R$366,ROW(INDEX(Jesper!AL$2:AL$366,ROUNDDOWN($C1067/24,0)+1,1))-1)+IF('Standard Profiles'!$G$22=$B$10,7,0)+IF('Standard Profiles'!$G$22=$B$17,14,0)+IF('Standard Profiles'!$G$22=$B$24,21,0),MOD($C1067,24)+1)/SUM(INDEX($D$3:$AA$30,INDEX(Jesper!$R$2:$R$366,ROW(INDEX(Jesper!AL$2:AL$366,ROUNDDOWN($C1067/24,0)+1,1))-1)+IF('Standard Profiles'!$G$22=$B$10,7,0)+IF('Standard Profiles'!$G$22=$B$17,14,0)+IF('Standard Profiles'!$G$22=$B$24,21,0),0)),0)</f>
        <v>0</v>
      </c>
      <c r="I1067">
        <f t="shared" si="132"/>
        <v>0.21855574117767948</v>
      </c>
      <c r="J1067">
        <f t="shared" si="133"/>
        <v>0.72851913725893169</v>
      </c>
      <c r="K1067">
        <f t="shared" si="134"/>
        <v>1.0927787058883973</v>
      </c>
      <c r="L1067">
        <f t="shared" si="135"/>
        <v>5.2453377882643073</v>
      </c>
      <c r="M1067">
        <f t="shared" si="136"/>
        <v>0</v>
      </c>
      <c r="N1067" s="46">
        <f t="shared" si="137"/>
        <v>45335.041666664161</v>
      </c>
    </row>
    <row r="1068" spans="2:14" x14ac:dyDescent="0.3">
      <c r="B1068">
        <f t="shared" si="131"/>
        <v>2</v>
      </c>
      <c r="C1068" s="16">
        <v>1034</v>
      </c>
      <c r="D1068" cm="1">
        <f t="array" ref="D1068">IFERROR(INDEX(Jesper!AH$2:AH$366,ROUNDDOWN($C1068/24,0)+1,1)*INDEX($D$3:$AA$30,INDEX(Jesper!$R$2:$R$366,ROW(INDEX(Jesper!AH$2:AH$366,ROUNDDOWN($C1068/24,0)+1,1))-1)+IF('Standard Profiles'!$G$18=$B$10,7,0)+IF('Standard Profiles'!$G$18=$B$17,14,0)+IF('Standard Profiles'!$G$18=$B$24,21,0),MOD($C1068,24)+1)/SUM(INDEX($D$3:$AA$30,INDEX(Jesper!$R$2:$R$366,ROW(INDEX(Jesper!AH$2:AH$366,ROUNDDOWN($C1068/24,0)+1,1))-1)+IF('Standard Profiles'!$G$18=$B$10,7,0)+IF('Standard Profiles'!$G$18=$B$17,14,0)+IF('Standard Profiles'!$G$18=$B$24,21,0),0)),0)</f>
        <v>7.285191372589316</v>
      </c>
      <c r="E1068" cm="1">
        <f t="array" ref="E1068">IFERROR(INDEX(Jesper!AI$2:AI$366,ROUNDDOWN($C1068/24,0)+1,1)*INDEX($D$3:$AA$30,INDEX(Jesper!$R$2:$R$366,ROW(INDEX(Jesper!AI$2:AI$366,ROUNDDOWN($C1068/24,0)+1,1))-1)+IF('Standard Profiles'!$G$19=$B$10,7,0)+IF('Standard Profiles'!$G$19=$B$17,14,0)+IF('Standard Profiles'!$G$19=$B$24,21,0),MOD($C1068,24)+1)/SUM(INDEX($D$3:$AA$30,INDEX(Jesper!$R$2:$R$366,ROW(INDEX(Jesper!AI$2:AI$366,ROUNDDOWN($C1068/24,0)+1,1))-1)+IF('Standard Profiles'!$G$19=$B$10,7,0)+IF('Standard Profiles'!$G$19=$B$17,14,0)+IF('Standard Profiles'!$G$19=$B$24,21,0),0)),0)</f>
        <v>0</v>
      </c>
      <c r="F1068" cm="1">
        <f t="array" ref="F1068">IFERROR(INDEX(Jesper!AJ$2:AJ$366,ROUNDDOWN($C1068/24,0)+1,1)*INDEX($D$3:$AA$30,INDEX(Jesper!$R$2:$R$366,ROW(INDEX(Jesper!AJ$2:AJ$366,ROUNDDOWN($C1068/24,0)+1,1))-1)+IF('Standard Profiles'!$G$20=$B$10,7,0)+IF('Standard Profiles'!$G$20=$B$17,14,0)+IF('Standard Profiles'!$G$20=$B$24,21,0),MOD($C1068,24)+1)/SUM(INDEX($D$3:$AA$30,INDEX(Jesper!$R$2:$R$366,ROW(INDEX(Jesper!AJ$2:AJ$366,ROUNDDOWN($C1068/24,0)+1,1))-1)+IF('Standard Profiles'!$G$20=$B$10,7,0)+IF('Standard Profiles'!$G$20=$B$17,14,0)+IF('Standard Profiles'!$G$20=$B$24,21,0),0)),0)</f>
        <v>0</v>
      </c>
      <c r="G1068" cm="1">
        <f t="array" ref="G1068">IFERROR(INDEX(Jesper!AK$2:AK$366,ROUNDDOWN($C1068/24,0)+1,1)*INDEX($D$3:$AA$30,INDEX(Jesper!$R$2:$R$366,ROW(INDEX(Jesper!AK$2:AK$366,ROUNDDOWN($C1068/24,0)+1,1))-1)+IF('Standard Profiles'!$G$21=$B$10,7,0)+IF('Standard Profiles'!$G$21=$B$17,14,0)+IF('Standard Profiles'!$G$21=$B$24,21,0),MOD($C1068,24)+1)/SUM(INDEX($D$3:$AA$30,INDEX(Jesper!$R$2:$R$366,ROW(INDEX(Jesper!AK$2:AK$366,ROUNDDOWN($C1068/24,0)+1,1))-1)+IF('Standard Profiles'!$G$21=$B$10,7,0)+IF('Standard Profiles'!$G$21=$B$17,14,0)+IF('Standard Profiles'!$G$21=$B$24,21,0),0)),0)</f>
        <v>0</v>
      </c>
      <c r="H1068" cm="1">
        <f t="array" ref="H1068">IFERROR(INDEX(Jesper!AL$2:AL$366,ROUNDDOWN($C1068/24,0)+1,1)*INDEX($D$3:$AA$30,INDEX(Jesper!$R$2:$R$366,ROW(INDEX(Jesper!AL$2:AL$366,ROUNDDOWN($C1068/24,0)+1,1))-1)+IF('Standard Profiles'!$G$22=$B$10,7,0)+IF('Standard Profiles'!$G$22=$B$17,14,0)+IF('Standard Profiles'!$G$22=$B$24,21,0),MOD($C1068,24)+1)/SUM(INDEX($D$3:$AA$30,INDEX(Jesper!$R$2:$R$366,ROW(INDEX(Jesper!AL$2:AL$366,ROUNDDOWN($C1068/24,0)+1,1))-1)+IF('Standard Profiles'!$G$22=$B$10,7,0)+IF('Standard Profiles'!$G$22=$B$17,14,0)+IF('Standard Profiles'!$G$22=$B$24,21,0),0)),0)</f>
        <v>0</v>
      </c>
      <c r="I1068">
        <f t="shared" si="132"/>
        <v>0.21855574117767948</v>
      </c>
      <c r="J1068">
        <f t="shared" si="133"/>
        <v>0.72851913725893169</v>
      </c>
      <c r="K1068">
        <f t="shared" si="134"/>
        <v>1.0927787058883973</v>
      </c>
      <c r="L1068">
        <f t="shared" si="135"/>
        <v>5.2453377882643073</v>
      </c>
      <c r="M1068">
        <f t="shared" si="136"/>
        <v>0</v>
      </c>
      <c r="N1068" s="46">
        <f t="shared" si="137"/>
        <v>45335.083333330826</v>
      </c>
    </row>
    <row r="1069" spans="2:14" x14ac:dyDescent="0.3">
      <c r="B1069">
        <f t="shared" si="131"/>
        <v>2</v>
      </c>
      <c r="C1069" s="16">
        <v>1035</v>
      </c>
      <c r="D1069" cm="1">
        <f t="array" ref="D1069">IFERROR(INDEX(Jesper!AH$2:AH$366,ROUNDDOWN($C1069/24,0)+1,1)*INDEX($D$3:$AA$30,INDEX(Jesper!$R$2:$R$366,ROW(INDEX(Jesper!AH$2:AH$366,ROUNDDOWN($C1069/24,0)+1,1))-1)+IF('Standard Profiles'!$G$18=$B$10,7,0)+IF('Standard Profiles'!$G$18=$B$17,14,0)+IF('Standard Profiles'!$G$18=$B$24,21,0),MOD($C1069,24)+1)/SUM(INDEX($D$3:$AA$30,INDEX(Jesper!$R$2:$R$366,ROW(INDEX(Jesper!AH$2:AH$366,ROUNDDOWN($C1069/24,0)+1,1))-1)+IF('Standard Profiles'!$G$18=$B$10,7,0)+IF('Standard Profiles'!$G$18=$B$17,14,0)+IF('Standard Profiles'!$G$18=$B$24,21,0),0)),0)</f>
        <v>7.285191372589316</v>
      </c>
      <c r="E1069" cm="1">
        <f t="array" ref="E1069">IFERROR(INDEX(Jesper!AI$2:AI$366,ROUNDDOWN($C1069/24,0)+1,1)*INDEX($D$3:$AA$30,INDEX(Jesper!$R$2:$R$366,ROW(INDEX(Jesper!AI$2:AI$366,ROUNDDOWN($C1069/24,0)+1,1))-1)+IF('Standard Profiles'!$G$19=$B$10,7,0)+IF('Standard Profiles'!$G$19=$B$17,14,0)+IF('Standard Profiles'!$G$19=$B$24,21,0),MOD($C1069,24)+1)/SUM(INDEX($D$3:$AA$30,INDEX(Jesper!$R$2:$R$366,ROW(INDEX(Jesper!AI$2:AI$366,ROUNDDOWN($C1069/24,0)+1,1))-1)+IF('Standard Profiles'!$G$19=$B$10,7,0)+IF('Standard Profiles'!$G$19=$B$17,14,0)+IF('Standard Profiles'!$G$19=$B$24,21,0),0)),0)</f>
        <v>0</v>
      </c>
      <c r="F1069" cm="1">
        <f t="array" ref="F1069">IFERROR(INDEX(Jesper!AJ$2:AJ$366,ROUNDDOWN($C1069/24,0)+1,1)*INDEX($D$3:$AA$30,INDEX(Jesper!$R$2:$R$366,ROW(INDEX(Jesper!AJ$2:AJ$366,ROUNDDOWN($C1069/24,0)+1,1))-1)+IF('Standard Profiles'!$G$20=$B$10,7,0)+IF('Standard Profiles'!$G$20=$B$17,14,0)+IF('Standard Profiles'!$G$20=$B$24,21,0),MOD($C1069,24)+1)/SUM(INDEX($D$3:$AA$30,INDEX(Jesper!$R$2:$R$366,ROW(INDEX(Jesper!AJ$2:AJ$366,ROUNDDOWN($C1069/24,0)+1,1))-1)+IF('Standard Profiles'!$G$20=$B$10,7,0)+IF('Standard Profiles'!$G$20=$B$17,14,0)+IF('Standard Profiles'!$G$20=$B$24,21,0),0)),0)</f>
        <v>0</v>
      </c>
      <c r="G1069" cm="1">
        <f t="array" ref="G1069">IFERROR(INDEX(Jesper!AK$2:AK$366,ROUNDDOWN($C1069/24,0)+1,1)*INDEX($D$3:$AA$30,INDEX(Jesper!$R$2:$R$366,ROW(INDEX(Jesper!AK$2:AK$366,ROUNDDOWN($C1069/24,0)+1,1))-1)+IF('Standard Profiles'!$G$21=$B$10,7,0)+IF('Standard Profiles'!$G$21=$B$17,14,0)+IF('Standard Profiles'!$G$21=$B$24,21,0),MOD($C1069,24)+1)/SUM(INDEX($D$3:$AA$30,INDEX(Jesper!$R$2:$R$366,ROW(INDEX(Jesper!AK$2:AK$366,ROUNDDOWN($C1069/24,0)+1,1))-1)+IF('Standard Profiles'!$G$21=$B$10,7,0)+IF('Standard Profiles'!$G$21=$B$17,14,0)+IF('Standard Profiles'!$G$21=$B$24,21,0),0)),0)</f>
        <v>0</v>
      </c>
      <c r="H1069" cm="1">
        <f t="array" ref="H1069">IFERROR(INDEX(Jesper!AL$2:AL$366,ROUNDDOWN($C1069/24,0)+1,1)*INDEX($D$3:$AA$30,INDEX(Jesper!$R$2:$R$366,ROW(INDEX(Jesper!AL$2:AL$366,ROUNDDOWN($C1069/24,0)+1,1))-1)+IF('Standard Profiles'!$G$22=$B$10,7,0)+IF('Standard Profiles'!$G$22=$B$17,14,0)+IF('Standard Profiles'!$G$22=$B$24,21,0),MOD($C1069,24)+1)/SUM(INDEX($D$3:$AA$30,INDEX(Jesper!$R$2:$R$366,ROW(INDEX(Jesper!AL$2:AL$366,ROUNDDOWN($C1069/24,0)+1,1))-1)+IF('Standard Profiles'!$G$22=$B$10,7,0)+IF('Standard Profiles'!$G$22=$B$17,14,0)+IF('Standard Profiles'!$G$22=$B$24,21,0),0)),0)</f>
        <v>0</v>
      </c>
      <c r="I1069">
        <f t="shared" si="132"/>
        <v>0.21855574117767948</v>
      </c>
      <c r="J1069">
        <f t="shared" si="133"/>
        <v>0.72851913725893169</v>
      </c>
      <c r="K1069">
        <f t="shared" si="134"/>
        <v>1.0927787058883973</v>
      </c>
      <c r="L1069">
        <f t="shared" si="135"/>
        <v>5.2453377882643073</v>
      </c>
      <c r="M1069">
        <f t="shared" si="136"/>
        <v>0</v>
      </c>
      <c r="N1069" s="46">
        <f t="shared" si="137"/>
        <v>45335.12499999749</v>
      </c>
    </row>
    <row r="1070" spans="2:14" x14ac:dyDescent="0.3">
      <c r="B1070">
        <f t="shared" si="131"/>
        <v>2</v>
      </c>
      <c r="C1070" s="16">
        <v>1036</v>
      </c>
      <c r="D1070" cm="1">
        <f t="array" ref="D1070">IFERROR(INDEX(Jesper!AH$2:AH$366,ROUNDDOWN($C1070/24,0)+1,1)*INDEX($D$3:$AA$30,INDEX(Jesper!$R$2:$R$366,ROW(INDEX(Jesper!AH$2:AH$366,ROUNDDOWN($C1070/24,0)+1,1))-1)+IF('Standard Profiles'!$G$18=$B$10,7,0)+IF('Standard Profiles'!$G$18=$B$17,14,0)+IF('Standard Profiles'!$G$18=$B$24,21,0),MOD($C1070,24)+1)/SUM(INDEX($D$3:$AA$30,INDEX(Jesper!$R$2:$R$366,ROW(INDEX(Jesper!AH$2:AH$366,ROUNDDOWN($C1070/24,0)+1,1))-1)+IF('Standard Profiles'!$G$18=$B$10,7,0)+IF('Standard Profiles'!$G$18=$B$17,14,0)+IF('Standard Profiles'!$G$18=$B$24,21,0),0)),0)</f>
        <v>7.285191372589316</v>
      </c>
      <c r="E1070" cm="1">
        <f t="array" ref="E1070">IFERROR(INDEX(Jesper!AI$2:AI$366,ROUNDDOWN($C1070/24,0)+1,1)*INDEX($D$3:$AA$30,INDEX(Jesper!$R$2:$R$366,ROW(INDEX(Jesper!AI$2:AI$366,ROUNDDOWN($C1070/24,0)+1,1))-1)+IF('Standard Profiles'!$G$19=$B$10,7,0)+IF('Standard Profiles'!$G$19=$B$17,14,0)+IF('Standard Profiles'!$G$19=$B$24,21,0),MOD($C1070,24)+1)/SUM(INDEX($D$3:$AA$30,INDEX(Jesper!$R$2:$R$366,ROW(INDEX(Jesper!AI$2:AI$366,ROUNDDOWN($C1070/24,0)+1,1))-1)+IF('Standard Profiles'!$G$19=$B$10,7,0)+IF('Standard Profiles'!$G$19=$B$17,14,0)+IF('Standard Profiles'!$G$19=$B$24,21,0),0)),0)</f>
        <v>0</v>
      </c>
      <c r="F1070" cm="1">
        <f t="array" ref="F1070">IFERROR(INDEX(Jesper!AJ$2:AJ$366,ROUNDDOWN($C1070/24,0)+1,1)*INDEX($D$3:$AA$30,INDEX(Jesper!$R$2:$R$366,ROW(INDEX(Jesper!AJ$2:AJ$366,ROUNDDOWN($C1070/24,0)+1,1))-1)+IF('Standard Profiles'!$G$20=$B$10,7,0)+IF('Standard Profiles'!$G$20=$B$17,14,0)+IF('Standard Profiles'!$G$20=$B$24,21,0),MOD($C1070,24)+1)/SUM(INDEX($D$3:$AA$30,INDEX(Jesper!$R$2:$R$366,ROW(INDEX(Jesper!AJ$2:AJ$366,ROUNDDOWN($C1070/24,0)+1,1))-1)+IF('Standard Profiles'!$G$20=$B$10,7,0)+IF('Standard Profiles'!$G$20=$B$17,14,0)+IF('Standard Profiles'!$G$20=$B$24,21,0),0)),0)</f>
        <v>0</v>
      </c>
      <c r="G1070" cm="1">
        <f t="array" ref="G1070">IFERROR(INDEX(Jesper!AK$2:AK$366,ROUNDDOWN($C1070/24,0)+1,1)*INDEX($D$3:$AA$30,INDEX(Jesper!$R$2:$R$366,ROW(INDEX(Jesper!AK$2:AK$366,ROUNDDOWN($C1070/24,0)+1,1))-1)+IF('Standard Profiles'!$G$21=$B$10,7,0)+IF('Standard Profiles'!$G$21=$B$17,14,0)+IF('Standard Profiles'!$G$21=$B$24,21,0),MOD($C1070,24)+1)/SUM(INDEX($D$3:$AA$30,INDEX(Jesper!$R$2:$R$366,ROW(INDEX(Jesper!AK$2:AK$366,ROUNDDOWN($C1070/24,0)+1,1))-1)+IF('Standard Profiles'!$G$21=$B$10,7,0)+IF('Standard Profiles'!$G$21=$B$17,14,0)+IF('Standard Profiles'!$G$21=$B$24,21,0),0)),0)</f>
        <v>0</v>
      </c>
      <c r="H1070" cm="1">
        <f t="array" ref="H1070">IFERROR(INDEX(Jesper!AL$2:AL$366,ROUNDDOWN($C1070/24,0)+1,1)*INDEX($D$3:$AA$30,INDEX(Jesper!$R$2:$R$366,ROW(INDEX(Jesper!AL$2:AL$366,ROUNDDOWN($C1070/24,0)+1,1))-1)+IF('Standard Profiles'!$G$22=$B$10,7,0)+IF('Standard Profiles'!$G$22=$B$17,14,0)+IF('Standard Profiles'!$G$22=$B$24,21,0),MOD($C1070,24)+1)/SUM(INDEX($D$3:$AA$30,INDEX(Jesper!$R$2:$R$366,ROW(INDEX(Jesper!AL$2:AL$366,ROUNDDOWN($C1070/24,0)+1,1))-1)+IF('Standard Profiles'!$G$22=$B$10,7,0)+IF('Standard Profiles'!$G$22=$B$17,14,0)+IF('Standard Profiles'!$G$22=$B$24,21,0),0)),0)</f>
        <v>0</v>
      </c>
      <c r="I1070">
        <f t="shared" si="132"/>
        <v>0.21855574117767948</v>
      </c>
      <c r="J1070">
        <f t="shared" si="133"/>
        <v>0.72851913725893169</v>
      </c>
      <c r="K1070">
        <f t="shared" si="134"/>
        <v>1.0927787058883973</v>
      </c>
      <c r="L1070">
        <f t="shared" si="135"/>
        <v>5.2453377882643073</v>
      </c>
      <c r="M1070">
        <f t="shared" si="136"/>
        <v>0</v>
      </c>
      <c r="N1070" s="46">
        <f t="shared" si="137"/>
        <v>45335.166666664154</v>
      </c>
    </row>
    <row r="1071" spans="2:14" x14ac:dyDescent="0.3">
      <c r="B1071">
        <f t="shared" si="131"/>
        <v>2</v>
      </c>
      <c r="C1071" s="16">
        <v>1037</v>
      </c>
      <c r="D1071" cm="1">
        <f t="array" ref="D1071">IFERROR(INDEX(Jesper!AH$2:AH$366,ROUNDDOWN($C1071/24,0)+1,1)*INDEX($D$3:$AA$30,INDEX(Jesper!$R$2:$R$366,ROW(INDEX(Jesper!AH$2:AH$366,ROUNDDOWN($C1071/24,0)+1,1))-1)+IF('Standard Profiles'!$G$18=$B$10,7,0)+IF('Standard Profiles'!$G$18=$B$17,14,0)+IF('Standard Profiles'!$G$18=$B$24,21,0),MOD($C1071,24)+1)/SUM(INDEX($D$3:$AA$30,INDEX(Jesper!$R$2:$R$366,ROW(INDEX(Jesper!AH$2:AH$366,ROUNDDOWN($C1071/24,0)+1,1))-1)+IF('Standard Profiles'!$G$18=$B$10,7,0)+IF('Standard Profiles'!$G$18=$B$17,14,0)+IF('Standard Profiles'!$G$18=$B$24,21,0),0)),0)</f>
        <v>9.4707487843661102</v>
      </c>
      <c r="E1071" cm="1">
        <f t="array" ref="E1071">IFERROR(INDEX(Jesper!AI$2:AI$366,ROUNDDOWN($C1071/24,0)+1,1)*INDEX($D$3:$AA$30,INDEX(Jesper!$R$2:$R$366,ROW(INDEX(Jesper!AI$2:AI$366,ROUNDDOWN($C1071/24,0)+1,1))-1)+IF('Standard Profiles'!$G$19=$B$10,7,0)+IF('Standard Profiles'!$G$19=$B$17,14,0)+IF('Standard Profiles'!$G$19=$B$24,21,0),MOD($C1071,24)+1)/SUM(INDEX($D$3:$AA$30,INDEX(Jesper!$R$2:$R$366,ROW(INDEX(Jesper!AI$2:AI$366,ROUNDDOWN($C1071/24,0)+1,1))-1)+IF('Standard Profiles'!$G$19=$B$10,7,0)+IF('Standard Profiles'!$G$19=$B$17,14,0)+IF('Standard Profiles'!$G$19=$B$24,21,0),0)),0)</f>
        <v>0</v>
      </c>
      <c r="F1071" cm="1">
        <f t="array" ref="F1071">IFERROR(INDEX(Jesper!AJ$2:AJ$366,ROUNDDOWN($C1071/24,0)+1,1)*INDEX($D$3:$AA$30,INDEX(Jesper!$R$2:$R$366,ROW(INDEX(Jesper!AJ$2:AJ$366,ROUNDDOWN($C1071/24,0)+1,1))-1)+IF('Standard Profiles'!$G$20=$B$10,7,0)+IF('Standard Profiles'!$G$20=$B$17,14,0)+IF('Standard Profiles'!$G$20=$B$24,21,0),MOD($C1071,24)+1)/SUM(INDEX($D$3:$AA$30,INDEX(Jesper!$R$2:$R$366,ROW(INDEX(Jesper!AJ$2:AJ$366,ROUNDDOWN($C1071/24,0)+1,1))-1)+IF('Standard Profiles'!$G$20=$B$10,7,0)+IF('Standard Profiles'!$G$20=$B$17,14,0)+IF('Standard Profiles'!$G$20=$B$24,21,0),0)),0)</f>
        <v>0</v>
      </c>
      <c r="G1071" cm="1">
        <f t="array" ref="G1071">IFERROR(INDEX(Jesper!AK$2:AK$366,ROUNDDOWN($C1071/24,0)+1,1)*INDEX($D$3:$AA$30,INDEX(Jesper!$R$2:$R$366,ROW(INDEX(Jesper!AK$2:AK$366,ROUNDDOWN($C1071/24,0)+1,1))-1)+IF('Standard Profiles'!$G$21=$B$10,7,0)+IF('Standard Profiles'!$G$21=$B$17,14,0)+IF('Standard Profiles'!$G$21=$B$24,21,0),MOD($C1071,24)+1)/SUM(INDEX($D$3:$AA$30,INDEX(Jesper!$R$2:$R$366,ROW(INDEX(Jesper!AK$2:AK$366,ROUNDDOWN($C1071/24,0)+1,1))-1)+IF('Standard Profiles'!$G$21=$B$10,7,0)+IF('Standard Profiles'!$G$21=$B$17,14,0)+IF('Standard Profiles'!$G$21=$B$24,21,0),0)),0)</f>
        <v>0</v>
      </c>
      <c r="H1071" cm="1">
        <f t="array" ref="H1071">IFERROR(INDEX(Jesper!AL$2:AL$366,ROUNDDOWN($C1071/24,0)+1,1)*INDEX($D$3:$AA$30,INDEX(Jesper!$R$2:$R$366,ROW(INDEX(Jesper!AL$2:AL$366,ROUNDDOWN($C1071/24,0)+1,1))-1)+IF('Standard Profiles'!$G$22=$B$10,7,0)+IF('Standard Profiles'!$G$22=$B$17,14,0)+IF('Standard Profiles'!$G$22=$B$24,21,0),MOD($C1071,24)+1)/SUM(INDEX($D$3:$AA$30,INDEX(Jesper!$R$2:$R$366,ROW(INDEX(Jesper!AL$2:AL$366,ROUNDDOWN($C1071/24,0)+1,1))-1)+IF('Standard Profiles'!$G$22=$B$10,7,0)+IF('Standard Profiles'!$G$22=$B$17,14,0)+IF('Standard Profiles'!$G$22=$B$24,21,0),0)),0)</f>
        <v>0</v>
      </c>
      <c r="I1071">
        <f t="shared" si="132"/>
        <v>0.2841224635309833</v>
      </c>
      <c r="J1071">
        <f t="shared" si="133"/>
        <v>0.94707487843661109</v>
      </c>
      <c r="K1071">
        <f t="shared" si="134"/>
        <v>1.4206123176549166</v>
      </c>
      <c r="L1071">
        <f t="shared" si="135"/>
        <v>6.8189391247435989</v>
      </c>
      <c r="M1071">
        <f t="shared" si="136"/>
        <v>0</v>
      </c>
      <c r="N1071" s="46">
        <f t="shared" si="137"/>
        <v>45335.208333330818</v>
      </c>
    </row>
    <row r="1072" spans="2:14" x14ac:dyDescent="0.3">
      <c r="B1072">
        <f t="shared" si="131"/>
        <v>2</v>
      </c>
      <c r="C1072" s="16">
        <v>1038</v>
      </c>
      <c r="D1072" cm="1">
        <f t="array" ref="D1072">IFERROR(INDEX(Jesper!AH$2:AH$366,ROUNDDOWN($C1072/24,0)+1,1)*INDEX($D$3:$AA$30,INDEX(Jesper!$R$2:$R$366,ROW(INDEX(Jesper!AH$2:AH$366,ROUNDDOWN($C1072/24,0)+1,1))-1)+IF('Standard Profiles'!$G$18=$B$10,7,0)+IF('Standard Profiles'!$G$18=$B$17,14,0)+IF('Standard Profiles'!$G$18=$B$24,21,0),MOD($C1072,24)+1)/SUM(INDEX($D$3:$AA$30,INDEX(Jesper!$R$2:$R$366,ROW(INDEX(Jesper!AH$2:AH$366,ROUNDDOWN($C1072/24,0)+1,1))-1)+IF('Standard Profiles'!$G$18=$B$10,7,0)+IF('Standard Profiles'!$G$18=$B$17,14,0)+IF('Standard Profiles'!$G$18=$B$24,21,0),0)),0)</f>
        <v>10.563527490254508</v>
      </c>
      <c r="E1072" cm="1">
        <f t="array" ref="E1072">IFERROR(INDEX(Jesper!AI$2:AI$366,ROUNDDOWN($C1072/24,0)+1,1)*INDEX($D$3:$AA$30,INDEX(Jesper!$R$2:$R$366,ROW(INDEX(Jesper!AI$2:AI$366,ROUNDDOWN($C1072/24,0)+1,1))-1)+IF('Standard Profiles'!$G$19=$B$10,7,0)+IF('Standard Profiles'!$G$19=$B$17,14,0)+IF('Standard Profiles'!$G$19=$B$24,21,0),MOD($C1072,24)+1)/SUM(INDEX($D$3:$AA$30,INDEX(Jesper!$R$2:$R$366,ROW(INDEX(Jesper!AI$2:AI$366,ROUNDDOWN($C1072/24,0)+1,1))-1)+IF('Standard Profiles'!$G$19=$B$10,7,0)+IF('Standard Profiles'!$G$19=$B$17,14,0)+IF('Standard Profiles'!$G$19=$B$24,21,0),0)),0)</f>
        <v>0</v>
      </c>
      <c r="F1072" cm="1">
        <f t="array" ref="F1072">IFERROR(INDEX(Jesper!AJ$2:AJ$366,ROUNDDOWN($C1072/24,0)+1,1)*INDEX($D$3:$AA$30,INDEX(Jesper!$R$2:$R$366,ROW(INDEX(Jesper!AJ$2:AJ$366,ROUNDDOWN($C1072/24,0)+1,1))-1)+IF('Standard Profiles'!$G$20=$B$10,7,0)+IF('Standard Profiles'!$G$20=$B$17,14,0)+IF('Standard Profiles'!$G$20=$B$24,21,0),MOD($C1072,24)+1)/SUM(INDEX($D$3:$AA$30,INDEX(Jesper!$R$2:$R$366,ROW(INDEX(Jesper!AJ$2:AJ$366,ROUNDDOWN($C1072/24,0)+1,1))-1)+IF('Standard Profiles'!$G$20=$B$10,7,0)+IF('Standard Profiles'!$G$20=$B$17,14,0)+IF('Standard Profiles'!$G$20=$B$24,21,0),0)),0)</f>
        <v>0</v>
      </c>
      <c r="G1072" cm="1">
        <f t="array" ref="G1072">IFERROR(INDEX(Jesper!AK$2:AK$366,ROUNDDOWN($C1072/24,0)+1,1)*INDEX($D$3:$AA$30,INDEX(Jesper!$R$2:$R$366,ROW(INDEX(Jesper!AK$2:AK$366,ROUNDDOWN($C1072/24,0)+1,1))-1)+IF('Standard Profiles'!$G$21=$B$10,7,0)+IF('Standard Profiles'!$G$21=$B$17,14,0)+IF('Standard Profiles'!$G$21=$B$24,21,0),MOD($C1072,24)+1)/SUM(INDEX($D$3:$AA$30,INDEX(Jesper!$R$2:$R$366,ROW(INDEX(Jesper!AK$2:AK$366,ROUNDDOWN($C1072/24,0)+1,1))-1)+IF('Standard Profiles'!$G$21=$B$10,7,0)+IF('Standard Profiles'!$G$21=$B$17,14,0)+IF('Standard Profiles'!$G$21=$B$24,21,0),0)),0)</f>
        <v>0</v>
      </c>
      <c r="H1072" cm="1">
        <f t="array" ref="H1072">IFERROR(INDEX(Jesper!AL$2:AL$366,ROUNDDOWN($C1072/24,0)+1,1)*INDEX($D$3:$AA$30,INDEX(Jesper!$R$2:$R$366,ROW(INDEX(Jesper!AL$2:AL$366,ROUNDDOWN($C1072/24,0)+1,1))-1)+IF('Standard Profiles'!$G$22=$B$10,7,0)+IF('Standard Profiles'!$G$22=$B$17,14,0)+IF('Standard Profiles'!$G$22=$B$24,21,0),MOD($C1072,24)+1)/SUM(INDEX($D$3:$AA$30,INDEX(Jesper!$R$2:$R$366,ROW(INDEX(Jesper!AL$2:AL$366,ROUNDDOWN($C1072/24,0)+1,1))-1)+IF('Standard Profiles'!$G$22=$B$10,7,0)+IF('Standard Profiles'!$G$22=$B$17,14,0)+IF('Standard Profiles'!$G$22=$B$24,21,0),0)),0)</f>
        <v>0</v>
      </c>
      <c r="I1072">
        <f t="shared" si="132"/>
        <v>0.31690582470763523</v>
      </c>
      <c r="J1072">
        <f t="shared" si="133"/>
        <v>1.0563527490254507</v>
      </c>
      <c r="K1072">
        <f t="shared" si="134"/>
        <v>1.5845291235381762</v>
      </c>
      <c r="L1072">
        <f t="shared" si="135"/>
        <v>7.6057397929832451</v>
      </c>
      <c r="M1072">
        <f t="shared" si="136"/>
        <v>0</v>
      </c>
      <c r="N1072" s="46">
        <f t="shared" si="137"/>
        <v>45335.249999997483</v>
      </c>
    </row>
    <row r="1073" spans="2:14" x14ac:dyDescent="0.3">
      <c r="B1073">
        <f t="shared" si="131"/>
        <v>2</v>
      </c>
      <c r="C1073" s="16">
        <v>1039</v>
      </c>
      <c r="D1073" cm="1">
        <f t="array" ref="D1073">IFERROR(INDEX(Jesper!AH$2:AH$366,ROUNDDOWN($C1073/24,0)+1,1)*INDEX($D$3:$AA$30,INDEX(Jesper!$R$2:$R$366,ROW(INDEX(Jesper!AH$2:AH$366,ROUNDDOWN($C1073/24,0)+1,1))-1)+IF('Standard Profiles'!$G$18=$B$10,7,0)+IF('Standard Profiles'!$G$18=$B$17,14,0)+IF('Standard Profiles'!$G$18=$B$24,21,0),MOD($C1073,24)+1)/SUM(INDEX($D$3:$AA$30,INDEX(Jesper!$R$2:$R$366,ROW(INDEX(Jesper!AH$2:AH$366,ROUNDDOWN($C1073/24,0)+1,1))-1)+IF('Standard Profiles'!$G$18=$B$10,7,0)+IF('Standard Profiles'!$G$18=$B$17,14,0)+IF('Standard Profiles'!$G$18=$B$24,21,0),0)),0)</f>
        <v>10.927787058883974</v>
      </c>
      <c r="E1073" cm="1">
        <f t="array" ref="E1073">IFERROR(INDEX(Jesper!AI$2:AI$366,ROUNDDOWN($C1073/24,0)+1,1)*INDEX($D$3:$AA$30,INDEX(Jesper!$R$2:$R$366,ROW(INDEX(Jesper!AI$2:AI$366,ROUNDDOWN($C1073/24,0)+1,1))-1)+IF('Standard Profiles'!$G$19=$B$10,7,0)+IF('Standard Profiles'!$G$19=$B$17,14,0)+IF('Standard Profiles'!$G$19=$B$24,21,0),MOD($C1073,24)+1)/SUM(INDEX($D$3:$AA$30,INDEX(Jesper!$R$2:$R$366,ROW(INDEX(Jesper!AI$2:AI$366,ROUNDDOWN($C1073/24,0)+1,1))-1)+IF('Standard Profiles'!$G$19=$B$10,7,0)+IF('Standard Profiles'!$G$19=$B$17,14,0)+IF('Standard Profiles'!$G$19=$B$24,21,0),0)),0)</f>
        <v>0</v>
      </c>
      <c r="F1073" cm="1">
        <f t="array" ref="F1073">IFERROR(INDEX(Jesper!AJ$2:AJ$366,ROUNDDOWN($C1073/24,0)+1,1)*INDEX($D$3:$AA$30,INDEX(Jesper!$R$2:$R$366,ROW(INDEX(Jesper!AJ$2:AJ$366,ROUNDDOWN($C1073/24,0)+1,1))-1)+IF('Standard Profiles'!$G$20=$B$10,7,0)+IF('Standard Profiles'!$G$20=$B$17,14,0)+IF('Standard Profiles'!$G$20=$B$24,21,0),MOD($C1073,24)+1)/SUM(INDEX($D$3:$AA$30,INDEX(Jesper!$R$2:$R$366,ROW(INDEX(Jesper!AJ$2:AJ$366,ROUNDDOWN($C1073/24,0)+1,1))-1)+IF('Standard Profiles'!$G$20=$B$10,7,0)+IF('Standard Profiles'!$G$20=$B$17,14,0)+IF('Standard Profiles'!$G$20=$B$24,21,0),0)),0)</f>
        <v>0</v>
      </c>
      <c r="G1073" cm="1">
        <f t="array" ref="G1073">IFERROR(INDEX(Jesper!AK$2:AK$366,ROUNDDOWN($C1073/24,0)+1,1)*INDEX($D$3:$AA$30,INDEX(Jesper!$R$2:$R$366,ROW(INDEX(Jesper!AK$2:AK$366,ROUNDDOWN($C1073/24,0)+1,1))-1)+IF('Standard Profiles'!$G$21=$B$10,7,0)+IF('Standard Profiles'!$G$21=$B$17,14,0)+IF('Standard Profiles'!$G$21=$B$24,21,0),MOD($C1073,24)+1)/SUM(INDEX($D$3:$AA$30,INDEX(Jesper!$R$2:$R$366,ROW(INDEX(Jesper!AK$2:AK$366,ROUNDDOWN($C1073/24,0)+1,1))-1)+IF('Standard Profiles'!$G$21=$B$10,7,0)+IF('Standard Profiles'!$G$21=$B$17,14,0)+IF('Standard Profiles'!$G$21=$B$24,21,0),0)),0)</f>
        <v>0</v>
      </c>
      <c r="H1073" cm="1">
        <f t="array" ref="H1073">IFERROR(INDEX(Jesper!AL$2:AL$366,ROUNDDOWN($C1073/24,0)+1,1)*INDEX($D$3:$AA$30,INDEX(Jesper!$R$2:$R$366,ROW(INDEX(Jesper!AL$2:AL$366,ROUNDDOWN($C1073/24,0)+1,1))-1)+IF('Standard Profiles'!$G$22=$B$10,7,0)+IF('Standard Profiles'!$G$22=$B$17,14,0)+IF('Standard Profiles'!$G$22=$B$24,21,0),MOD($C1073,24)+1)/SUM(INDEX($D$3:$AA$30,INDEX(Jesper!$R$2:$R$366,ROW(INDEX(Jesper!AL$2:AL$366,ROUNDDOWN($C1073/24,0)+1,1))-1)+IF('Standard Profiles'!$G$22=$B$10,7,0)+IF('Standard Profiles'!$G$22=$B$17,14,0)+IF('Standard Profiles'!$G$22=$B$24,21,0),0)),0)</f>
        <v>0</v>
      </c>
      <c r="I1073">
        <f t="shared" si="132"/>
        <v>0.32783361176651921</v>
      </c>
      <c r="J1073">
        <f t="shared" si="133"/>
        <v>1.0927787058883973</v>
      </c>
      <c r="K1073">
        <f t="shared" si="134"/>
        <v>1.6391680588325961</v>
      </c>
      <c r="L1073">
        <f t="shared" si="135"/>
        <v>7.8680066823964605</v>
      </c>
      <c r="M1073">
        <f t="shared" si="136"/>
        <v>0</v>
      </c>
      <c r="N1073" s="46">
        <f t="shared" si="137"/>
        <v>45335.291666664147</v>
      </c>
    </row>
    <row r="1074" spans="2:14" x14ac:dyDescent="0.3">
      <c r="B1074">
        <f t="shared" si="131"/>
        <v>2</v>
      </c>
      <c r="C1074" s="16">
        <v>1040</v>
      </c>
      <c r="D1074" cm="1">
        <f t="array" ref="D1074">IFERROR(INDEX(Jesper!AH$2:AH$366,ROUNDDOWN($C1074/24,0)+1,1)*INDEX($D$3:$AA$30,INDEX(Jesper!$R$2:$R$366,ROW(INDEX(Jesper!AH$2:AH$366,ROUNDDOWN($C1074/24,0)+1,1))-1)+IF('Standard Profiles'!$G$18=$B$10,7,0)+IF('Standard Profiles'!$G$18=$B$17,14,0)+IF('Standard Profiles'!$G$18=$B$24,21,0),MOD($C1074,24)+1)/SUM(INDEX($D$3:$AA$30,INDEX(Jesper!$R$2:$R$366,ROW(INDEX(Jesper!AH$2:AH$366,ROUNDDOWN($C1074/24,0)+1,1))-1)+IF('Standard Profiles'!$G$18=$B$10,7,0)+IF('Standard Profiles'!$G$18=$B$17,14,0)+IF('Standard Profiles'!$G$18=$B$24,21,0),0)),0)</f>
        <v>10.927787058883974</v>
      </c>
      <c r="E1074" cm="1">
        <f t="array" ref="E1074">IFERROR(INDEX(Jesper!AI$2:AI$366,ROUNDDOWN($C1074/24,0)+1,1)*INDEX($D$3:$AA$30,INDEX(Jesper!$R$2:$R$366,ROW(INDEX(Jesper!AI$2:AI$366,ROUNDDOWN($C1074/24,0)+1,1))-1)+IF('Standard Profiles'!$G$19=$B$10,7,0)+IF('Standard Profiles'!$G$19=$B$17,14,0)+IF('Standard Profiles'!$G$19=$B$24,21,0),MOD($C1074,24)+1)/SUM(INDEX($D$3:$AA$30,INDEX(Jesper!$R$2:$R$366,ROW(INDEX(Jesper!AI$2:AI$366,ROUNDDOWN($C1074/24,0)+1,1))-1)+IF('Standard Profiles'!$G$19=$B$10,7,0)+IF('Standard Profiles'!$G$19=$B$17,14,0)+IF('Standard Profiles'!$G$19=$B$24,21,0),0)),0)</f>
        <v>0</v>
      </c>
      <c r="F1074" cm="1">
        <f t="array" ref="F1074">IFERROR(INDEX(Jesper!AJ$2:AJ$366,ROUNDDOWN($C1074/24,0)+1,1)*INDEX($D$3:$AA$30,INDEX(Jesper!$R$2:$R$366,ROW(INDEX(Jesper!AJ$2:AJ$366,ROUNDDOWN($C1074/24,0)+1,1))-1)+IF('Standard Profiles'!$G$20=$B$10,7,0)+IF('Standard Profiles'!$G$20=$B$17,14,0)+IF('Standard Profiles'!$G$20=$B$24,21,0),MOD($C1074,24)+1)/SUM(INDEX($D$3:$AA$30,INDEX(Jesper!$R$2:$R$366,ROW(INDEX(Jesper!AJ$2:AJ$366,ROUNDDOWN($C1074/24,0)+1,1))-1)+IF('Standard Profiles'!$G$20=$B$10,7,0)+IF('Standard Profiles'!$G$20=$B$17,14,0)+IF('Standard Profiles'!$G$20=$B$24,21,0),0)),0)</f>
        <v>0</v>
      </c>
      <c r="G1074" cm="1">
        <f t="array" ref="G1074">IFERROR(INDEX(Jesper!AK$2:AK$366,ROUNDDOWN($C1074/24,0)+1,1)*INDEX($D$3:$AA$30,INDEX(Jesper!$R$2:$R$366,ROW(INDEX(Jesper!AK$2:AK$366,ROUNDDOWN($C1074/24,0)+1,1))-1)+IF('Standard Profiles'!$G$21=$B$10,7,0)+IF('Standard Profiles'!$G$21=$B$17,14,0)+IF('Standard Profiles'!$G$21=$B$24,21,0),MOD($C1074,24)+1)/SUM(INDEX($D$3:$AA$30,INDEX(Jesper!$R$2:$R$366,ROW(INDEX(Jesper!AK$2:AK$366,ROUNDDOWN($C1074/24,0)+1,1))-1)+IF('Standard Profiles'!$G$21=$B$10,7,0)+IF('Standard Profiles'!$G$21=$B$17,14,0)+IF('Standard Profiles'!$G$21=$B$24,21,0),0)),0)</f>
        <v>0</v>
      </c>
      <c r="H1074" cm="1">
        <f t="array" ref="H1074">IFERROR(INDEX(Jesper!AL$2:AL$366,ROUNDDOWN($C1074/24,0)+1,1)*INDEX($D$3:$AA$30,INDEX(Jesper!$R$2:$R$366,ROW(INDEX(Jesper!AL$2:AL$366,ROUNDDOWN($C1074/24,0)+1,1))-1)+IF('Standard Profiles'!$G$22=$B$10,7,0)+IF('Standard Profiles'!$G$22=$B$17,14,0)+IF('Standard Profiles'!$G$22=$B$24,21,0),MOD($C1074,24)+1)/SUM(INDEX($D$3:$AA$30,INDEX(Jesper!$R$2:$R$366,ROW(INDEX(Jesper!AL$2:AL$366,ROUNDDOWN($C1074/24,0)+1,1))-1)+IF('Standard Profiles'!$G$22=$B$10,7,0)+IF('Standard Profiles'!$G$22=$B$17,14,0)+IF('Standard Profiles'!$G$22=$B$24,21,0),0)),0)</f>
        <v>0</v>
      </c>
      <c r="I1074">
        <f t="shared" si="132"/>
        <v>0.32783361176651921</v>
      </c>
      <c r="J1074">
        <f t="shared" si="133"/>
        <v>1.0927787058883973</v>
      </c>
      <c r="K1074">
        <f t="shared" si="134"/>
        <v>1.6391680588325961</v>
      </c>
      <c r="L1074">
        <f t="shared" si="135"/>
        <v>7.8680066823964605</v>
      </c>
      <c r="M1074">
        <f t="shared" si="136"/>
        <v>0</v>
      </c>
      <c r="N1074" s="46">
        <f t="shared" si="137"/>
        <v>45335.333333330811</v>
      </c>
    </row>
    <row r="1075" spans="2:14" x14ac:dyDescent="0.3">
      <c r="B1075">
        <f t="shared" si="131"/>
        <v>2</v>
      </c>
      <c r="C1075" s="16">
        <v>1041</v>
      </c>
      <c r="D1075" cm="1">
        <f t="array" ref="D1075">IFERROR(INDEX(Jesper!AH$2:AH$366,ROUNDDOWN($C1075/24,0)+1,1)*INDEX($D$3:$AA$30,INDEX(Jesper!$R$2:$R$366,ROW(INDEX(Jesper!AH$2:AH$366,ROUNDDOWN($C1075/24,0)+1,1))-1)+IF('Standard Profiles'!$G$18=$B$10,7,0)+IF('Standard Profiles'!$G$18=$B$17,14,0)+IF('Standard Profiles'!$G$18=$B$24,21,0),MOD($C1075,24)+1)/SUM(INDEX($D$3:$AA$30,INDEX(Jesper!$R$2:$R$366,ROW(INDEX(Jesper!AH$2:AH$366,ROUNDDOWN($C1075/24,0)+1,1))-1)+IF('Standard Profiles'!$G$18=$B$10,7,0)+IF('Standard Profiles'!$G$18=$B$17,14,0)+IF('Standard Profiles'!$G$18=$B$24,21,0),0)),0)</f>
        <v>11.838435980457639</v>
      </c>
      <c r="E1075" cm="1">
        <f t="array" ref="E1075">IFERROR(INDEX(Jesper!AI$2:AI$366,ROUNDDOWN($C1075/24,0)+1,1)*INDEX($D$3:$AA$30,INDEX(Jesper!$R$2:$R$366,ROW(INDEX(Jesper!AI$2:AI$366,ROUNDDOWN($C1075/24,0)+1,1))-1)+IF('Standard Profiles'!$G$19=$B$10,7,0)+IF('Standard Profiles'!$G$19=$B$17,14,0)+IF('Standard Profiles'!$G$19=$B$24,21,0),MOD($C1075,24)+1)/SUM(INDEX($D$3:$AA$30,INDEX(Jesper!$R$2:$R$366,ROW(INDEX(Jesper!AI$2:AI$366,ROUNDDOWN($C1075/24,0)+1,1))-1)+IF('Standard Profiles'!$G$19=$B$10,7,0)+IF('Standard Profiles'!$G$19=$B$17,14,0)+IF('Standard Profiles'!$G$19=$B$24,21,0),0)),0)</f>
        <v>0</v>
      </c>
      <c r="F1075" cm="1">
        <f t="array" ref="F1075">IFERROR(INDEX(Jesper!AJ$2:AJ$366,ROUNDDOWN($C1075/24,0)+1,1)*INDEX($D$3:$AA$30,INDEX(Jesper!$R$2:$R$366,ROW(INDEX(Jesper!AJ$2:AJ$366,ROUNDDOWN($C1075/24,0)+1,1))-1)+IF('Standard Profiles'!$G$20=$B$10,7,0)+IF('Standard Profiles'!$G$20=$B$17,14,0)+IF('Standard Profiles'!$G$20=$B$24,21,0),MOD($C1075,24)+1)/SUM(INDEX($D$3:$AA$30,INDEX(Jesper!$R$2:$R$366,ROW(INDEX(Jesper!AJ$2:AJ$366,ROUNDDOWN($C1075/24,0)+1,1))-1)+IF('Standard Profiles'!$G$20=$B$10,7,0)+IF('Standard Profiles'!$G$20=$B$17,14,0)+IF('Standard Profiles'!$G$20=$B$24,21,0),0)),0)</f>
        <v>0</v>
      </c>
      <c r="G1075" cm="1">
        <f t="array" ref="G1075">IFERROR(INDEX(Jesper!AK$2:AK$366,ROUNDDOWN($C1075/24,0)+1,1)*INDEX($D$3:$AA$30,INDEX(Jesper!$R$2:$R$366,ROW(INDEX(Jesper!AK$2:AK$366,ROUNDDOWN($C1075/24,0)+1,1))-1)+IF('Standard Profiles'!$G$21=$B$10,7,0)+IF('Standard Profiles'!$G$21=$B$17,14,0)+IF('Standard Profiles'!$G$21=$B$24,21,0),MOD($C1075,24)+1)/SUM(INDEX($D$3:$AA$30,INDEX(Jesper!$R$2:$R$366,ROW(INDEX(Jesper!AK$2:AK$366,ROUNDDOWN($C1075/24,0)+1,1))-1)+IF('Standard Profiles'!$G$21=$B$10,7,0)+IF('Standard Profiles'!$G$21=$B$17,14,0)+IF('Standard Profiles'!$G$21=$B$24,21,0),0)),0)</f>
        <v>0</v>
      </c>
      <c r="H1075" cm="1">
        <f t="array" ref="H1075">IFERROR(INDEX(Jesper!AL$2:AL$366,ROUNDDOWN($C1075/24,0)+1,1)*INDEX($D$3:$AA$30,INDEX(Jesper!$R$2:$R$366,ROW(INDEX(Jesper!AL$2:AL$366,ROUNDDOWN($C1075/24,0)+1,1))-1)+IF('Standard Profiles'!$G$22=$B$10,7,0)+IF('Standard Profiles'!$G$22=$B$17,14,0)+IF('Standard Profiles'!$G$22=$B$24,21,0),MOD($C1075,24)+1)/SUM(INDEX($D$3:$AA$30,INDEX(Jesper!$R$2:$R$366,ROW(INDEX(Jesper!AL$2:AL$366,ROUNDDOWN($C1075/24,0)+1,1))-1)+IF('Standard Profiles'!$G$22=$B$10,7,0)+IF('Standard Profiles'!$G$22=$B$17,14,0)+IF('Standard Profiles'!$G$22=$B$24,21,0),0)),0)</f>
        <v>0</v>
      </c>
      <c r="I1075">
        <f t="shared" si="132"/>
        <v>0.35515307941372914</v>
      </c>
      <c r="J1075">
        <f t="shared" si="133"/>
        <v>1.183843598045764</v>
      </c>
      <c r="K1075">
        <f t="shared" si="134"/>
        <v>1.7757653970686458</v>
      </c>
      <c r="L1075">
        <f t="shared" si="135"/>
        <v>8.523673905929499</v>
      </c>
      <c r="M1075">
        <f t="shared" si="136"/>
        <v>0</v>
      </c>
      <c r="N1075" s="46">
        <f t="shared" si="137"/>
        <v>45335.374999997475</v>
      </c>
    </row>
    <row r="1076" spans="2:14" x14ac:dyDescent="0.3">
      <c r="B1076">
        <f t="shared" si="131"/>
        <v>2</v>
      </c>
      <c r="C1076" s="16">
        <v>1042</v>
      </c>
      <c r="D1076" cm="1">
        <f t="array" ref="D1076">IFERROR(INDEX(Jesper!AH$2:AH$366,ROUNDDOWN($C1076/24,0)+1,1)*INDEX($D$3:$AA$30,INDEX(Jesper!$R$2:$R$366,ROW(INDEX(Jesper!AH$2:AH$366,ROUNDDOWN($C1076/24,0)+1,1))-1)+IF('Standard Profiles'!$G$18=$B$10,7,0)+IF('Standard Profiles'!$G$18=$B$17,14,0)+IF('Standard Profiles'!$G$18=$B$24,21,0),MOD($C1076,24)+1)/SUM(INDEX($D$3:$AA$30,INDEX(Jesper!$R$2:$R$366,ROW(INDEX(Jesper!AH$2:AH$366,ROUNDDOWN($C1076/24,0)+1,1))-1)+IF('Standard Profiles'!$G$18=$B$10,7,0)+IF('Standard Profiles'!$G$18=$B$17,14,0)+IF('Standard Profiles'!$G$18=$B$24,21,0),0)),0)</f>
        <v>12.384825333401837</v>
      </c>
      <c r="E1076" cm="1">
        <f t="array" ref="E1076">IFERROR(INDEX(Jesper!AI$2:AI$366,ROUNDDOWN($C1076/24,0)+1,1)*INDEX($D$3:$AA$30,INDEX(Jesper!$R$2:$R$366,ROW(INDEX(Jesper!AI$2:AI$366,ROUNDDOWN($C1076/24,0)+1,1))-1)+IF('Standard Profiles'!$G$19=$B$10,7,0)+IF('Standard Profiles'!$G$19=$B$17,14,0)+IF('Standard Profiles'!$G$19=$B$24,21,0),MOD($C1076,24)+1)/SUM(INDEX($D$3:$AA$30,INDEX(Jesper!$R$2:$R$366,ROW(INDEX(Jesper!AI$2:AI$366,ROUNDDOWN($C1076/24,0)+1,1))-1)+IF('Standard Profiles'!$G$19=$B$10,7,0)+IF('Standard Profiles'!$G$19=$B$17,14,0)+IF('Standard Profiles'!$G$19=$B$24,21,0),0)),0)</f>
        <v>0</v>
      </c>
      <c r="F1076" cm="1">
        <f t="array" ref="F1076">IFERROR(INDEX(Jesper!AJ$2:AJ$366,ROUNDDOWN($C1076/24,0)+1,1)*INDEX($D$3:$AA$30,INDEX(Jesper!$R$2:$R$366,ROW(INDEX(Jesper!AJ$2:AJ$366,ROUNDDOWN($C1076/24,0)+1,1))-1)+IF('Standard Profiles'!$G$20=$B$10,7,0)+IF('Standard Profiles'!$G$20=$B$17,14,0)+IF('Standard Profiles'!$G$20=$B$24,21,0),MOD($C1076,24)+1)/SUM(INDEX($D$3:$AA$30,INDEX(Jesper!$R$2:$R$366,ROW(INDEX(Jesper!AJ$2:AJ$366,ROUNDDOWN($C1076/24,0)+1,1))-1)+IF('Standard Profiles'!$G$20=$B$10,7,0)+IF('Standard Profiles'!$G$20=$B$17,14,0)+IF('Standard Profiles'!$G$20=$B$24,21,0),0)),0)</f>
        <v>0</v>
      </c>
      <c r="G1076" cm="1">
        <f t="array" ref="G1076">IFERROR(INDEX(Jesper!AK$2:AK$366,ROUNDDOWN($C1076/24,0)+1,1)*INDEX($D$3:$AA$30,INDEX(Jesper!$R$2:$R$366,ROW(INDEX(Jesper!AK$2:AK$366,ROUNDDOWN($C1076/24,0)+1,1))-1)+IF('Standard Profiles'!$G$21=$B$10,7,0)+IF('Standard Profiles'!$G$21=$B$17,14,0)+IF('Standard Profiles'!$G$21=$B$24,21,0),MOD($C1076,24)+1)/SUM(INDEX($D$3:$AA$30,INDEX(Jesper!$R$2:$R$366,ROW(INDEX(Jesper!AK$2:AK$366,ROUNDDOWN($C1076/24,0)+1,1))-1)+IF('Standard Profiles'!$G$21=$B$10,7,0)+IF('Standard Profiles'!$G$21=$B$17,14,0)+IF('Standard Profiles'!$G$21=$B$24,21,0),0)),0)</f>
        <v>0</v>
      </c>
      <c r="H1076" cm="1">
        <f t="array" ref="H1076">IFERROR(INDEX(Jesper!AL$2:AL$366,ROUNDDOWN($C1076/24,0)+1,1)*INDEX($D$3:$AA$30,INDEX(Jesper!$R$2:$R$366,ROW(INDEX(Jesper!AL$2:AL$366,ROUNDDOWN($C1076/24,0)+1,1))-1)+IF('Standard Profiles'!$G$22=$B$10,7,0)+IF('Standard Profiles'!$G$22=$B$17,14,0)+IF('Standard Profiles'!$G$22=$B$24,21,0),MOD($C1076,24)+1)/SUM(INDEX($D$3:$AA$30,INDEX(Jesper!$R$2:$R$366,ROW(INDEX(Jesper!AL$2:AL$366,ROUNDDOWN($C1076/24,0)+1,1))-1)+IF('Standard Profiles'!$G$22=$B$10,7,0)+IF('Standard Profiles'!$G$22=$B$17,14,0)+IF('Standard Profiles'!$G$22=$B$24,21,0),0)),0)</f>
        <v>0</v>
      </c>
      <c r="I1076">
        <f t="shared" si="132"/>
        <v>0.37154476000205511</v>
      </c>
      <c r="J1076">
        <f t="shared" si="133"/>
        <v>1.2384825333401839</v>
      </c>
      <c r="K1076">
        <f t="shared" si="134"/>
        <v>1.8577238000102754</v>
      </c>
      <c r="L1076">
        <f t="shared" si="135"/>
        <v>8.9170742400493221</v>
      </c>
      <c r="M1076">
        <f t="shared" si="136"/>
        <v>0</v>
      </c>
      <c r="N1076" s="46">
        <f t="shared" si="137"/>
        <v>45335.416666664139</v>
      </c>
    </row>
    <row r="1077" spans="2:14" x14ac:dyDescent="0.3">
      <c r="B1077">
        <f t="shared" si="131"/>
        <v>2</v>
      </c>
      <c r="C1077" s="16">
        <v>1043</v>
      </c>
      <c r="D1077" cm="1">
        <f t="array" ref="D1077">IFERROR(INDEX(Jesper!AH$2:AH$366,ROUNDDOWN($C1077/24,0)+1,1)*INDEX($D$3:$AA$30,INDEX(Jesper!$R$2:$R$366,ROW(INDEX(Jesper!AH$2:AH$366,ROUNDDOWN($C1077/24,0)+1,1))-1)+IF('Standard Profiles'!$G$18=$B$10,7,0)+IF('Standard Profiles'!$G$18=$B$17,14,0)+IF('Standard Profiles'!$G$18=$B$24,21,0),MOD($C1077,24)+1)/SUM(INDEX($D$3:$AA$30,INDEX(Jesper!$R$2:$R$366,ROW(INDEX(Jesper!AH$2:AH$366,ROUNDDOWN($C1077/24,0)+1,1))-1)+IF('Standard Profiles'!$G$18=$B$10,7,0)+IF('Standard Profiles'!$G$18=$B$17,14,0)+IF('Standard Profiles'!$G$18=$B$24,21,0),0)),0)</f>
        <v>14.570382745178632</v>
      </c>
      <c r="E1077" cm="1">
        <f t="array" ref="E1077">IFERROR(INDEX(Jesper!AI$2:AI$366,ROUNDDOWN($C1077/24,0)+1,1)*INDEX($D$3:$AA$30,INDEX(Jesper!$R$2:$R$366,ROW(INDEX(Jesper!AI$2:AI$366,ROUNDDOWN($C1077/24,0)+1,1))-1)+IF('Standard Profiles'!$G$19=$B$10,7,0)+IF('Standard Profiles'!$G$19=$B$17,14,0)+IF('Standard Profiles'!$G$19=$B$24,21,0),MOD($C1077,24)+1)/SUM(INDEX($D$3:$AA$30,INDEX(Jesper!$R$2:$R$366,ROW(INDEX(Jesper!AI$2:AI$366,ROUNDDOWN($C1077/24,0)+1,1))-1)+IF('Standard Profiles'!$G$19=$B$10,7,0)+IF('Standard Profiles'!$G$19=$B$17,14,0)+IF('Standard Profiles'!$G$19=$B$24,21,0),0)),0)</f>
        <v>0</v>
      </c>
      <c r="F1077" cm="1">
        <f t="array" ref="F1077">IFERROR(INDEX(Jesper!AJ$2:AJ$366,ROUNDDOWN($C1077/24,0)+1,1)*INDEX($D$3:$AA$30,INDEX(Jesper!$R$2:$R$366,ROW(INDEX(Jesper!AJ$2:AJ$366,ROUNDDOWN($C1077/24,0)+1,1))-1)+IF('Standard Profiles'!$G$20=$B$10,7,0)+IF('Standard Profiles'!$G$20=$B$17,14,0)+IF('Standard Profiles'!$G$20=$B$24,21,0),MOD($C1077,24)+1)/SUM(INDEX($D$3:$AA$30,INDEX(Jesper!$R$2:$R$366,ROW(INDEX(Jesper!AJ$2:AJ$366,ROUNDDOWN($C1077/24,0)+1,1))-1)+IF('Standard Profiles'!$G$20=$B$10,7,0)+IF('Standard Profiles'!$G$20=$B$17,14,0)+IF('Standard Profiles'!$G$20=$B$24,21,0),0)),0)</f>
        <v>0</v>
      </c>
      <c r="G1077" cm="1">
        <f t="array" ref="G1077">IFERROR(INDEX(Jesper!AK$2:AK$366,ROUNDDOWN($C1077/24,0)+1,1)*INDEX($D$3:$AA$30,INDEX(Jesper!$R$2:$R$366,ROW(INDEX(Jesper!AK$2:AK$366,ROUNDDOWN($C1077/24,0)+1,1))-1)+IF('Standard Profiles'!$G$21=$B$10,7,0)+IF('Standard Profiles'!$G$21=$B$17,14,0)+IF('Standard Profiles'!$G$21=$B$24,21,0),MOD($C1077,24)+1)/SUM(INDEX($D$3:$AA$30,INDEX(Jesper!$R$2:$R$366,ROW(INDEX(Jesper!AK$2:AK$366,ROUNDDOWN($C1077/24,0)+1,1))-1)+IF('Standard Profiles'!$G$21=$B$10,7,0)+IF('Standard Profiles'!$G$21=$B$17,14,0)+IF('Standard Profiles'!$G$21=$B$24,21,0),0)),0)</f>
        <v>0</v>
      </c>
      <c r="H1077" cm="1">
        <f t="array" ref="H1077">IFERROR(INDEX(Jesper!AL$2:AL$366,ROUNDDOWN($C1077/24,0)+1,1)*INDEX($D$3:$AA$30,INDEX(Jesper!$R$2:$R$366,ROW(INDEX(Jesper!AL$2:AL$366,ROUNDDOWN($C1077/24,0)+1,1))-1)+IF('Standard Profiles'!$G$22=$B$10,7,0)+IF('Standard Profiles'!$G$22=$B$17,14,0)+IF('Standard Profiles'!$G$22=$B$24,21,0),MOD($C1077,24)+1)/SUM(INDEX($D$3:$AA$30,INDEX(Jesper!$R$2:$R$366,ROW(INDEX(Jesper!AL$2:AL$366,ROUNDDOWN($C1077/24,0)+1,1))-1)+IF('Standard Profiles'!$G$22=$B$10,7,0)+IF('Standard Profiles'!$G$22=$B$17,14,0)+IF('Standard Profiles'!$G$22=$B$24,21,0),0)),0)</f>
        <v>0</v>
      </c>
      <c r="I1077">
        <f t="shared" si="132"/>
        <v>0.43711148235535896</v>
      </c>
      <c r="J1077">
        <f t="shared" si="133"/>
        <v>1.4570382745178634</v>
      </c>
      <c r="K1077">
        <f t="shared" si="134"/>
        <v>2.1855574117767946</v>
      </c>
      <c r="L1077">
        <f t="shared" si="135"/>
        <v>10.490675576528615</v>
      </c>
      <c r="M1077">
        <f t="shared" si="136"/>
        <v>0</v>
      </c>
      <c r="N1077" s="46">
        <f t="shared" si="137"/>
        <v>45335.458333330804</v>
      </c>
    </row>
    <row r="1078" spans="2:14" x14ac:dyDescent="0.3">
      <c r="B1078">
        <f t="shared" si="131"/>
        <v>2</v>
      </c>
      <c r="C1078" s="16">
        <v>1044</v>
      </c>
      <c r="D1078" cm="1">
        <f t="array" ref="D1078">IFERROR(INDEX(Jesper!AH$2:AH$366,ROUNDDOWN($C1078/24,0)+1,1)*INDEX($D$3:$AA$30,INDEX(Jesper!$R$2:$R$366,ROW(INDEX(Jesper!AH$2:AH$366,ROUNDDOWN($C1078/24,0)+1,1))-1)+IF('Standard Profiles'!$G$18=$B$10,7,0)+IF('Standard Profiles'!$G$18=$B$17,14,0)+IF('Standard Profiles'!$G$18=$B$24,21,0),MOD($C1078,24)+1)/SUM(INDEX($D$3:$AA$30,INDEX(Jesper!$R$2:$R$366,ROW(INDEX(Jesper!AH$2:AH$366,ROUNDDOWN($C1078/24,0)+1,1))-1)+IF('Standard Profiles'!$G$18=$B$10,7,0)+IF('Standard Profiles'!$G$18=$B$17,14,0)+IF('Standard Profiles'!$G$18=$B$24,21,0),0)),0)</f>
        <v>14.570382745178632</v>
      </c>
      <c r="E1078" cm="1">
        <f t="array" ref="E1078">IFERROR(INDEX(Jesper!AI$2:AI$366,ROUNDDOWN($C1078/24,0)+1,1)*INDEX($D$3:$AA$30,INDEX(Jesper!$R$2:$R$366,ROW(INDEX(Jesper!AI$2:AI$366,ROUNDDOWN($C1078/24,0)+1,1))-1)+IF('Standard Profiles'!$G$19=$B$10,7,0)+IF('Standard Profiles'!$G$19=$B$17,14,0)+IF('Standard Profiles'!$G$19=$B$24,21,0),MOD($C1078,24)+1)/SUM(INDEX($D$3:$AA$30,INDEX(Jesper!$R$2:$R$366,ROW(INDEX(Jesper!AI$2:AI$366,ROUNDDOWN($C1078/24,0)+1,1))-1)+IF('Standard Profiles'!$G$19=$B$10,7,0)+IF('Standard Profiles'!$G$19=$B$17,14,0)+IF('Standard Profiles'!$G$19=$B$24,21,0),0)),0)</f>
        <v>0</v>
      </c>
      <c r="F1078" cm="1">
        <f t="array" ref="F1078">IFERROR(INDEX(Jesper!AJ$2:AJ$366,ROUNDDOWN($C1078/24,0)+1,1)*INDEX($D$3:$AA$30,INDEX(Jesper!$R$2:$R$366,ROW(INDEX(Jesper!AJ$2:AJ$366,ROUNDDOWN($C1078/24,0)+1,1))-1)+IF('Standard Profiles'!$G$20=$B$10,7,0)+IF('Standard Profiles'!$G$20=$B$17,14,0)+IF('Standard Profiles'!$G$20=$B$24,21,0),MOD($C1078,24)+1)/SUM(INDEX($D$3:$AA$30,INDEX(Jesper!$R$2:$R$366,ROW(INDEX(Jesper!AJ$2:AJ$366,ROUNDDOWN($C1078/24,0)+1,1))-1)+IF('Standard Profiles'!$G$20=$B$10,7,0)+IF('Standard Profiles'!$G$20=$B$17,14,0)+IF('Standard Profiles'!$G$20=$B$24,21,0),0)),0)</f>
        <v>0</v>
      </c>
      <c r="G1078" cm="1">
        <f t="array" ref="G1078">IFERROR(INDEX(Jesper!AK$2:AK$366,ROUNDDOWN($C1078/24,0)+1,1)*INDEX($D$3:$AA$30,INDEX(Jesper!$R$2:$R$366,ROW(INDEX(Jesper!AK$2:AK$366,ROUNDDOWN($C1078/24,0)+1,1))-1)+IF('Standard Profiles'!$G$21=$B$10,7,0)+IF('Standard Profiles'!$G$21=$B$17,14,0)+IF('Standard Profiles'!$G$21=$B$24,21,0),MOD($C1078,24)+1)/SUM(INDEX($D$3:$AA$30,INDEX(Jesper!$R$2:$R$366,ROW(INDEX(Jesper!AK$2:AK$366,ROUNDDOWN($C1078/24,0)+1,1))-1)+IF('Standard Profiles'!$G$21=$B$10,7,0)+IF('Standard Profiles'!$G$21=$B$17,14,0)+IF('Standard Profiles'!$G$21=$B$24,21,0),0)),0)</f>
        <v>0</v>
      </c>
      <c r="H1078" cm="1">
        <f t="array" ref="H1078">IFERROR(INDEX(Jesper!AL$2:AL$366,ROUNDDOWN($C1078/24,0)+1,1)*INDEX($D$3:$AA$30,INDEX(Jesper!$R$2:$R$366,ROW(INDEX(Jesper!AL$2:AL$366,ROUNDDOWN($C1078/24,0)+1,1))-1)+IF('Standard Profiles'!$G$22=$B$10,7,0)+IF('Standard Profiles'!$G$22=$B$17,14,0)+IF('Standard Profiles'!$G$22=$B$24,21,0),MOD($C1078,24)+1)/SUM(INDEX($D$3:$AA$30,INDEX(Jesper!$R$2:$R$366,ROW(INDEX(Jesper!AL$2:AL$366,ROUNDDOWN($C1078/24,0)+1,1))-1)+IF('Standard Profiles'!$G$22=$B$10,7,0)+IF('Standard Profiles'!$G$22=$B$17,14,0)+IF('Standard Profiles'!$G$22=$B$24,21,0),0)),0)</f>
        <v>0</v>
      </c>
      <c r="I1078">
        <f t="shared" si="132"/>
        <v>0.43711148235535896</v>
      </c>
      <c r="J1078">
        <f t="shared" si="133"/>
        <v>1.4570382745178634</v>
      </c>
      <c r="K1078">
        <f t="shared" si="134"/>
        <v>2.1855574117767946</v>
      </c>
      <c r="L1078">
        <f t="shared" si="135"/>
        <v>10.490675576528615</v>
      </c>
      <c r="M1078">
        <f t="shared" si="136"/>
        <v>0</v>
      </c>
      <c r="N1078" s="46">
        <f t="shared" si="137"/>
        <v>45335.499999997468</v>
      </c>
    </row>
    <row r="1079" spans="2:14" x14ac:dyDescent="0.3">
      <c r="B1079">
        <f t="shared" si="131"/>
        <v>2</v>
      </c>
      <c r="C1079" s="16">
        <v>1045</v>
      </c>
      <c r="D1079" cm="1">
        <f t="array" ref="D1079">IFERROR(INDEX(Jesper!AH$2:AH$366,ROUNDDOWN($C1079/24,0)+1,1)*INDEX($D$3:$AA$30,INDEX(Jesper!$R$2:$R$366,ROW(INDEX(Jesper!AH$2:AH$366,ROUNDDOWN($C1079/24,0)+1,1))-1)+IF('Standard Profiles'!$G$18=$B$10,7,0)+IF('Standard Profiles'!$G$18=$B$17,14,0)+IF('Standard Profiles'!$G$18=$B$24,21,0),MOD($C1079,24)+1)/SUM(INDEX($D$3:$AA$30,INDEX(Jesper!$R$2:$R$366,ROW(INDEX(Jesper!AH$2:AH$366,ROUNDDOWN($C1079/24,0)+1,1))-1)+IF('Standard Profiles'!$G$18=$B$10,7,0)+IF('Standard Profiles'!$G$18=$B$17,14,0)+IF('Standard Profiles'!$G$18=$B$24,21,0),0)),0)</f>
        <v>14.570382745178632</v>
      </c>
      <c r="E1079" cm="1">
        <f t="array" ref="E1079">IFERROR(INDEX(Jesper!AI$2:AI$366,ROUNDDOWN($C1079/24,0)+1,1)*INDEX($D$3:$AA$30,INDEX(Jesper!$R$2:$R$366,ROW(INDEX(Jesper!AI$2:AI$366,ROUNDDOWN($C1079/24,0)+1,1))-1)+IF('Standard Profiles'!$G$19=$B$10,7,0)+IF('Standard Profiles'!$G$19=$B$17,14,0)+IF('Standard Profiles'!$G$19=$B$24,21,0),MOD($C1079,24)+1)/SUM(INDEX($D$3:$AA$30,INDEX(Jesper!$R$2:$R$366,ROW(INDEX(Jesper!AI$2:AI$366,ROUNDDOWN($C1079/24,0)+1,1))-1)+IF('Standard Profiles'!$G$19=$B$10,7,0)+IF('Standard Profiles'!$G$19=$B$17,14,0)+IF('Standard Profiles'!$G$19=$B$24,21,0),0)),0)</f>
        <v>0</v>
      </c>
      <c r="F1079" cm="1">
        <f t="array" ref="F1079">IFERROR(INDEX(Jesper!AJ$2:AJ$366,ROUNDDOWN($C1079/24,0)+1,1)*INDEX($D$3:$AA$30,INDEX(Jesper!$R$2:$R$366,ROW(INDEX(Jesper!AJ$2:AJ$366,ROUNDDOWN($C1079/24,0)+1,1))-1)+IF('Standard Profiles'!$G$20=$B$10,7,0)+IF('Standard Profiles'!$G$20=$B$17,14,0)+IF('Standard Profiles'!$G$20=$B$24,21,0),MOD($C1079,24)+1)/SUM(INDEX($D$3:$AA$30,INDEX(Jesper!$R$2:$R$366,ROW(INDEX(Jesper!AJ$2:AJ$366,ROUNDDOWN($C1079/24,0)+1,1))-1)+IF('Standard Profiles'!$G$20=$B$10,7,0)+IF('Standard Profiles'!$G$20=$B$17,14,0)+IF('Standard Profiles'!$G$20=$B$24,21,0),0)),0)</f>
        <v>0</v>
      </c>
      <c r="G1079" cm="1">
        <f t="array" ref="G1079">IFERROR(INDEX(Jesper!AK$2:AK$366,ROUNDDOWN($C1079/24,0)+1,1)*INDEX($D$3:$AA$30,INDEX(Jesper!$R$2:$R$366,ROW(INDEX(Jesper!AK$2:AK$366,ROUNDDOWN($C1079/24,0)+1,1))-1)+IF('Standard Profiles'!$G$21=$B$10,7,0)+IF('Standard Profiles'!$G$21=$B$17,14,0)+IF('Standard Profiles'!$G$21=$B$24,21,0),MOD($C1079,24)+1)/SUM(INDEX($D$3:$AA$30,INDEX(Jesper!$R$2:$R$366,ROW(INDEX(Jesper!AK$2:AK$366,ROUNDDOWN($C1079/24,0)+1,1))-1)+IF('Standard Profiles'!$G$21=$B$10,7,0)+IF('Standard Profiles'!$G$21=$B$17,14,0)+IF('Standard Profiles'!$G$21=$B$24,21,0),0)),0)</f>
        <v>0</v>
      </c>
      <c r="H1079" cm="1">
        <f t="array" ref="H1079">IFERROR(INDEX(Jesper!AL$2:AL$366,ROUNDDOWN($C1079/24,0)+1,1)*INDEX($D$3:$AA$30,INDEX(Jesper!$R$2:$R$366,ROW(INDEX(Jesper!AL$2:AL$366,ROUNDDOWN($C1079/24,0)+1,1))-1)+IF('Standard Profiles'!$G$22=$B$10,7,0)+IF('Standard Profiles'!$G$22=$B$17,14,0)+IF('Standard Profiles'!$G$22=$B$24,21,0),MOD($C1079,24)+1)/SUM(INDEX($D$3:$AA$30,INDEX(Jesper!$R$2:$R$366,ROW(INDEX(Jesper!AL$2:AL$366,ROUNDDOWN($C1079/24,0)+1,1))-1)+IF('Standard Profiles'!$G$22=$B$10,7,0)+IF('Standard Profiles'!$G$22=$B$17,14,0)+IF('Standard Profiles'!$G$22=$B$24,21,0),0)),0)</f>
        <v>0</v>
      </c>
      <c r="I1079">
        <f t="shared" si="132"/>
        <v>0.43711148235535896</v>
      </c>
      <c r="J1079">
        <f t="shared" si="133"/>
        <v>1.4570382745178634</v>
      </c>
      <c r="K1079">
        <f t="shared" si="134"/>
        <v>2.1855574117767946</v>
      </c>
      <c r="L1079">
        <f t="shared" si="135"/>
        <v>10.490675576528615</v>
      </c>
      <c r="M1079">
        <f t="shared" si="136"/>
        <v>0</v>
      </c>
      <c r="N1079" s="46">
        <f t="shared" si="137"/>
        <v>45335.541666664132</v>
      </c>
    </row>
    <row r="1080" spans="2:14" x14ac:dyDescent="0.3">
      <c r="B1080">
        <f t="shared" si="131"/>
        <v>2</v>
      </c>
      <c r="C1080" s="16">
        <v>1046</v>
      </c>
      <c r="D1080" cm="1">
        <f t="array" ref="D1080">IFERROR(INDEX(Jesper!AH$2:AH$366,ROUNDDOWN($C1080/24,0)+1,1)*INDEX($D$3:$AA$30,INDEX(Jesper!$R$2:$R$366,ROW(INDEX(Jesper!AH$2:AH$366,ROUNDDOWN($C1080/24,0)+1,1))-1)+IF('Standard Profiles'!$G$18=$B$10,7,0)+IF('Standard Profiles'!$G$18=$B$17,14,0)+IF('Standard Profiles'!$G$18=$B$24,21,0),MOD($C1080,24)+1)/SUM(INDEX($D$3:$AA$30,INDEX(Jesper!$R$2:$R$366,ROW(INDEX(Jesper!AH$2:AH$366,ROUNDDOWN($C1080/24,0)+1,1))-1)+IF('Standard Profiles'!$G$18=$B$10,7,0)+IF('Standard Profiles'!$G$18=$B$17,14,0)+IF('Standard Profiles'!$G$18=$B$24,21,0),0)),0)</f>
        <v>14.570382745178632</v>
      </c>
      <c r="E1080" cm="1">
        <f t="array" ref="E1080">IFERROR(INDEX(Jesper!AI$2:AI$366,ROUNDDOWN($C1080/24,0)+1,1)*INDEX($D$3:$AA$30,INDEX(Jesper!$R$2:$R$366,ROW(INDEX(Jesper!AI$2:AI$366,ROUNDDOWN($C1080/24,0)+1,1))-1)+IF('Standard Profiles'!$G$19=$B$10,7,0)+IF('Standard Profiles'!$G$19=$B$17,14,0)+IF('Standard Profiles'!$G$19=$B$24,21,0),MOD($C1080,24)+1)/SUM(INDEX($D$3:$AA$30,INDEX(Jesper!$R$2:$R$366,ROW(INDEX(Jesper!AI$2:AI$366,ROUNDDOWN($C1080/24,0)+1,1))-1)+IF('Standard Profiles'!$G$19=$B$10,7,0)+IF('Standard Profiles'!$G$19=$B$17,14,0)+IF('Standard Profiles'!$G$19=$B$24,21,0),0)),0)</f>
        <v>0</v>
      </c>
      <c r="F1080" cm="1">
        <f t="array" ref="F1080">IFERROR(INDEX(Jesper!AJ$2:AJ$366,ROUNDDOWN($C1080/24,0)+1,1)*INDEX($D$3:$AA$30,INDEX(Jesper!$R$2:$R$366,ROW(INDEX(Jesper!AJ$2:AJ$366,ROUNDDOWN($C1080/24,0)+1,1))-1)+IF('Standard Profiles'!$G$20=$B$10,7,0)+IF('Standard Profiles'!$G$20=$B$17,14,0)+IF('Standard Profiles'!$G$20=$B$24,21,0),MOD($C1080,24)+1)/SUM(INDEX($D$3:$AA$30,INDEX(Jesper!$R$2:$R$366,ROW(INDEX(Jesper!AJ$2:AJ$366,ROUNDDOWN($C1080/24,0)+1,1))-1)+IF('Standard Profiles'!$G$20=$B$10,7,0)+IF('Standard Profiles'!$G$20=$B$17,14,0)+IF('Standard Profiles'!$G$20=$B$24,21,0),0)),0)</f>
        <v>0</v>
      </c>
      <c r="G1080" cm="1">
        <f t="array" ref="G1080">IFERROR(INDEX(Jesper!AK$2:AK$366,ROUNDDOWN($C1080/24,0)+1,1)*INDEX($D$3:$AA$30,INDEX(Jesper!$R$2:$R$366,ROW(INDEX(Jesper!AK$2:AK$366,ROUNDDOWN($C1080/24,0)+1,1))-1)+IF('Standard Profiles'!$G$21=$B$10,7,0)+IF('Standard Profiles'!$G$21=$B$17,14,0)+IF('Standard Profiles'!$G$21=$B$24,21,0),MOD($C1080,24)+1)/SUM(INDEX($D$3:$AA$30,INDEX(Jesper!$R$2:$R$366,ROW(INDEX(Jesper!AK$2:AK$366,ROUNDDOWN($C1080/24,0)+1,1))-1)+IF('Standard Profiles'!$G$21=$B$10,7,0)+IF('Standard Profiles'!$G$21=$B$17,14,0)+IF('Standard Profiles'!$G$21=$B$24,21,0),0)),0)</f>
        <v>0</v>
      </c>
      <c r="H1080" cm="1">
        <f t="array" ref="H1080">IFERROR(INDEX(Jesper!AL$2:AL$366,ROUNDDOWN($C1080/24,0)+1,1)*INDEX($D$3:$AA$30,INDEX(Jesper!$R$2:$R$366,ROW(INDEX(Jesper!AL$2:AL$366,ROUNDDOWN($C1080/24,0)+1,1))-1)+IF('Standard Profiles'!$G$22=$B$10,7,0)+IF('Standard Profiles'!$G$22=$B$17,14,0)+IF('Standard Profiles'!$G$22=$B$24,21,0),MOD($C1080,24)+1)/SUM(INDEX($D$3:$AA$30,INDEX(Jesper!$R$2:$R$366,ROW(INDEX(Jesper!AL$2:AL$366,ROUNDDOWN($C1080/24,0)+1,1))-1)+IF('Standard Profiles'!$G$22=$B$10,7,0)+IF('Standard Profiles'!$G$22=$B$17,14,0)+IF('Standard Profiles'!$G$22=$B$24,21,0),0)),0)</f>
        <v>0</v>
      </c>
      <c r="I1080">
        <f t="shared" si="132"/>
        <v>0.43711148235535896</v>
      </c>
      <c r="J1080">
        <f t="shared" si="133"/>
        <v>1.4570382745178634</v>
      </c>
      <c r="K1080">
        <f t="shared" si="134"/>
        <v>2.1855574117767946</v>
      </c>
      <c r="L1080">
        <f t="shared" si="135"/>
        <v>10.490675576528615</v>
      </c>
      <c r="M1080">
        <f t="shared" si="136"/>
        <v>0</v>
      </c>
      <c r="N1080" s="46">
        <f t="shared" si="137"/>
        <v>45335.583333330796</v>
      </c>
    </row>
    <row r="1081" spans="2:14" x14ac:dyDescent="0.3">
      <c r="B1081">
        <f t="shared" si="131"/>
        <v>2</v>
      </c>
      <c r="C1081" s="16">
        <v>1047</v>
      </c>
      <c r="D1081" cm="1">
        <f t="array" ref="D1081">IFERROR(INDEX(Jesper!AH$2:AH$366,ROUNDDOWN($C1081/24,0)+1,1)*INDEX($D$3:$AA$30,INDEX(Jesper!$R$2:$R$366,ROW(INDEX(Jesper!AH$2:AH$366,ROUNDDOWN($C1081/24,0)+1,1))-1)+IF('Standard Profiles'!$G$18=$B$10,7,0)+IF('Standard Profiles'!$G$18=$B$17,14,0)+IF('Standard Profiles'!$G$18=$B$24,21,0),MOD($C1081,24)+1)/SUM(INDEX($D$3:$AA$30,INDEX(Jesper!$R$2:$R$366,ROW(INDEX(Jesper!AH$2:AH$366,ROUNDDOWN($C1081/24,0)+1,1))-1)+IF('Standard Profiles'!$G$18=$B$10,7,0)+IF('Standard Profiles'!$G$18=$B$17,14,0)+IF('Standard Profiles'!$G$18=$B$24,21,0),0)),0)</f>
        <v>14.570382745178632</v>
      </c>
      <c r="E1081" cm="1">
        <f t="array" ref="E1081">IFERROR(INDEX(Jesper!AI$2:AI$366,ROUNDDOWN($C1081/24,0)+1,1)*INDEX($D$3:$AA$30,INDEX(Jesper!$R$2:$R$366,ROW(INDEX(Jesper!AI$2:AI$366,ROUNDDOWN($C1081/24,0)+1,1))-1)+IF('Standard Profiles'!$G$19=$B$10,7,0)+IF('Standard Profiles'!$G$19=$B$17,14,0)+IF('Standard Profiles'!$G$19=$B$24,21,0),MOD($C1081,24)+1)/SUM(INDEX($D$3:$AA$30,INDEX(Jesper!$R$2:$R$366,ROW(INDEX(Jesper!AI$2:AI$366,ROUNDDOWN($C1081/24,0)+1,1))-1)+IF('Standard Profiles'!$G$19=$B$10,7,0)+IF('Standard Profiles'!$G$19=$B$17,14,0)+IF('Standard Profiles'!$G$19=$B$24,21,0),0)),0)</f>
        <v>0</v>
      </c>
      <c r="F1081" cm="1">
        <f t="array" ref="F1081">IFERROR(INDEX(Jesper!AJ$2:AJ$366,ROUNDDOWN($C1081/24,0)+1,1)*INDEX($D$3:$AA$30,INDEX(Jesper!$R$2:$R$366,ROW(INDEX(Jesper!AJ$2:AJ$366,ROUNDDOWN($C1081/24,0)+1,1))-1)+IF('Standard Profiles'!$G$20=$B$10,7,0)+IF('Standard Profiles'!$G$20=$B$17,14,0)+IF('Standard Profiles'!$G$20=$B$24,21,0),MOD($C1081,24)+1)/SUM(INDEX($D$3:$AA$30,INDEX(Jesper!$R$2:$R$366,ROW(INDEX(Jesper!AJ$2:AJ$366,ROUNDDOWN($C1081/24,0)+1,1))-1)+IF('Standard Profiles'!$G$20=$B$10,7,0)+IF('Standard Profiles'!$G$20=$B$17,14,0)+IF('Standard Profiles'!$G$20=$B$24,21,0),0)),0)</f>
        <v>0</v>
      </c>
      <c r="G1081" cm="1">
        <f t="array" ref="G1081">IFERROR(INDEX(Jesper!AK$2:AK$366,ROUNDDOWN($C1081/24,0)+1,1)*INDEX($D$3:$AA$30,INDEX(Jesper!$R$2:$R$366,ROW(INDEX(Jesper!AK$2:AK$366,ROUNDDOWN($C1081/24,0)+1,1))-1)+IF('Standard Profiles'!$G$21=$B$10,7,0)+IF('Standard Profiles'!$G$21=$B$17,14,0)+IF('Standard Profiles'!$G$21=$B$24,21,0),MOD($C1081,24)+1)/SUM(INDEX($D$3:$AA$30,INDEX(Jesper!$R$2:$R$366,ROW(INDEX(Jesper!AK$2:AK$366,ROUNDDOWN($C1081/24,0)+1,1))-1)+IF('Standard Profiles'!$G$21=$B$10,7,0)+IF('Standard Profiles'!$G$21=$B$17,14,0)+IF('Standard Profiles'!$G$21=$B$24,21,0),0)),0)</f>
        <v>0</v>
      </c>
      <c r="H1081" cm="1">
        <f t="array" ref="H1081">IFERROR(INDEX(Jesper!AL$2:AL$366,ROUNDDOWN($C1081/24,0)+1,1)*INDEX($D$3:$AA$30,INDEX(Jesper!$R$2:$R$366,ROW(INDEX(Jesper!AL$2:AL$366,ROUNDDOWN($C1081/24,0)+1,1))-1)+IF('Standard Profiles'!$G$22=$B$10,7,0)+IF('Standard Profiles'!$G$22=$B$17,14,0)+IF('Standard Profiles'!$G$22=$B$24,21,0),MOD($C1081,24)+1)/SUM(INDEX($D$3:$AA$30,INDEX(Jesper!$R$2:$R$366,ROW(INDEX(Jesper!AL$2:AL$366,ROUNDDOWN($C1081/24,0)+1,1))-1)+IF('Standard Profiles'!$G$22=$B$10,7,0)+IF('Standard Profiles'!$G$22=$B$17,14,0)+IF('Standard Profiles'!$G$22=$B$24,21,0),0)),0)</f>
        <v>0</v>
      </c>
      <c r="I1081">
        <f t="shared" si="132"/>
        <v>0.43711148235535896</v>
      </c>
      <c r="J1081">
        <f t="shared" si="133"/>
        <v>1.4570382745178634</v>
      </c>
      <c r="K1081">
        <f t="shared" si="134"/>
        <v>2.1855574117767946</v>
      </c>
      <c r="L1081">
        <f t="shared" si="135"/>
        <v>10.490675576528615</v>
      </c>
      <c r="M1081">
        <f t="shared" si="136"/>
        <v>0</v>
      </c>
      <c r="N1081" s="46">
        <f t="shared" si="137"/>
        <v>45335.624999997461</v>
      </c>
    </row>
    <row r="1082" spans="2:14" x14ac:dyDescent="0.3">
      <c r="B1082">
        <f t="shared" si="131"/>
        <v>2</v>
      </c>
      <c r="C1082" s="16">
        <v>1048</v>
      </c>
      <c r="D1082" cm="1">
        <f t="array" ref="D1082">IFERROR(INDEX(Jesper!AH$2:AH$366,ROUNDDOWN($C1082/24,0)+1,1)*INDEX($D$3:$AA$30,INDEX(Jesper!$R$2:$R$366,ROW(INDEX(Jesper!AH$2:AH$366,ROUNDDOWN($C1082/24,0)+1,1))-1)+IF('Standard Profiles'!$G$18=$B$10,7,0)+IF('Standard Profiles'!$G$18=$B$17,14,0)+IF('Standard Profiles'!$G$18=$B$24,21,0),MOD($C1082,24)+1)/SUM(INDEX($D$3:$AA$30,INDEX(Jesper!$R$2:$R$366,ROW(INDEX(Jesper!AH$2:AH$366,ROUNDDOWN($C1082/24,0)+1,1))-1)+IF('Standard Profiles'!$G$18=$B$10,7,0)+IF('Standard Profiles'!$G$18=$B$17,14,0)+IF('Standard Profiles'!$G$18=$B$24,21,0),0)),0)</f>
        <v>14.570382745178632</v>
      </c>
      <c r="E1082" cm="1">
        <f t="array" ref="E1082">IFERROR(INDEX(Jesper!AI$2:AI$366,ROUNDDOWN($C1082/24,0)+1,1)*INDEX($D$3:$AA$30,INDEX(Jesper!$R$2:$R$366,ROW(INDEX(Jesper!AI$2:AI$366,ROUNDDOWN($C1082/24,0)+1,1))-1)+IF('Standard Profiles'!$G$19=$B$10,7,0)+IF('Standard Profiles'!$G$19=$B$17,14,0)+IF('Standard Profiles'!$G$19=$B$24,21,0),MOD($C1082,24)+1)/SUM(INDEX($D$3:$AA$30,INDEX(Jesper!$R$2:$R$366,ROW(INDEX(Jesper!AI$2:AI$366,ROUNDDOWN($C1082/24,0)+1,1))-1)+IF('Standard Profiles'!$G$19=$B$10,7,0)+IF('Standard Profiles'!$G$19=$B$17,14,0)+IF('Standard Profiles'!$G$19=$B$24,21,0),0)),0)</f>
        <v>0</v>
      </c>
      <c r="F1082" cm="1">
        <f t="array" ref="F1082">IFERROR(INDEX(Jesper!AJ$2:AJ$366,ROUNDDOWN($C1082/24,0)+1,1)*INDEX($D$3:$AA$30,INDEX(Jesper!$R$2:$R$366,ROW(INDEX(Jesper!AJ$2:AJ$366,ROUNDDOWN($C1082/24,0)+1,1))-1)+IF('Standard Profiles'!$G$20=$B$10,7,0)+IF('Standard Profiles'!$G$20=$B$17,14,0)+IF('Standard Profiles'!$G$20=$B$24,21,0),MOD($C1082,24)+1)/SUM(INDEX($D$3:$AA$30,INDEX(Jesper!$R$2:$R$366,ROW(INDEX(Jesper!AJ$2:AJ$366,ROUNDDOWN($C1082/24,0)+1,1))-1)+IF('Standard Profiles'!$G$20=$B$10,7,0)+IF('Standard Profiles'!$G$20=$B$17,14,0)+IF('Standard Profiles'!$G$20=$B$24,21,0),0)),0)</f>
        <v>0</v>
      </c>
      <c r="G1082" cm="1">
        <f t="array" ref="G1082">IFERROR(INDEX(Jesper!AK$2:AK$366,ROUNDDOWN($C1082/24,0)+1,1)*INDEX($D$3:$AA$30,INDEX(Jesper!$R$2:$R$366,ROW(INDEX(Jesper!AK$2:AK$366,ROUNDDOWN($C1082/24,0)+1,1))-1)+IF('Standard Profiles'!$G$21=$B$10,7,0)+IF('Standard Profiles'!$G$21=$B$17,14,0)+IF('Standard Profiles'!$G$21=$B$24,21,0),MOD($C1082,24)+1)/SUM(INDEX($D$3:$AA$30,INDEX(Jesper!$R$2:$R$366,ROW(INDEX(Jesper!AK$2:AK$366,ROUNDDOWN($C1082/24,0)+1,1))-1)+IF('Standard Profiles'!$G$21=$B$10,7,0)+IF('Standard Profiles'!$G$21=$B$17,14,0)+IF('Standard Profiles'!$G$21=$B$24,21,0),0)),0)</f>
        <v>0</v>
      </c>
      <c r="H1082" cm="1">
        <f t="array" ref="H1082">IFERROR(INDEX(Jesper!AL$2:AL$366,ROUNDDOWN($C1082/24,0)+1,1)*INDEX($D$3:$AA$30,INDEX(Jesper!$R$2:$R$366,ROW(INDEX(Jesper!AL$2:AL$366,ROUNDDOWN($C1082/24,0)+1,1))-1)+IF('Standard Profiles'!$G$22=$B$10,7,0)+IF('Standard Profiles'!$G$22=$B$17,14,0)+IF('Standard Profiles'!$G$22=$B$24,21,0),MOD($C1082,24)+1)/SUM(INDEX($D$3:$AA$30,INDEX(Jesper!$R$2:$R$366,ROW(INDEX(Jesper!AL$2:AL$366,ROUNDDOWN($C1082/24,0)+1,1))-1)+IF('Standard Profiles'!$G$22=$B$10,7,0)+IF('Standard Profiles'!$G$22=$B$17,14,0)+IF('Standard Profiles'!$G$22=$B$24,21,0),0)),0)</f>
        <v>0</v>
      </c>
      <c r="I1082">
        <f t="shared" si="132"/>
        <v>0.43711148235535896</v>
      </c>
      <c r="J1082">
        <f t="shared" si="133"/>
        <v>1.4570382745178634</v>
      </c>
      <c r="K1082">
        <f t="shared" si="134"/>
        <v>2.1855574117767946</v>
      </c>
      <c r="L1082">
        <f t="shared" si="135"/>
        <v>10.490675576528615</v>
      </c>
      <c r="M1082">
        <f t="shared" si="136"/>
        <v>0</v>
      </c>
      <c r="N1082" s="46">
        <f t="shared" si="137"/>
        <v>45335.666666664125</v>
      </c>
    </row>
    <row r="1083" spans="2:14" x14ac:dyDescent="0.3">
      <c r="B1083">
        <f t="shared" si="131"/>
        <v>2</v>
      </c>
      <c r="C1083" s="16">
        <v>1049</v>
      </c>
      <c r="D1083" cm="1">
        <f t="array" ref="D1083">IFERROR(INDEX(Jesper!AH$2:AH$366,ROUNDDOWN($C1083/24,0)+1,1)*INDEX($D$3:$AA$30,INDEX(Jesper!$R$2:$R$366,ROW(INDEX(Jesper!AH$2:AH$366,ROUNDDOWN($C1083/24,0)+1,1))-1)+IF('Standard Profiles'!$G$18=$B$10,7,0)+IF('Standard Profiles'!$G$18=$B$17,14,0)+IF('Standard Profiles'!$G$18=$B$24,21,0),MOD($C1083,24)+1)/SUM(INDEX($D$3:$AA$30,INDEX(Jesper!$R$2:$R$366,ROW(INDEX(Jesper!AH$2:AH$366,ROUNDDOWN($C1083/24,0)+1,1))-1)+IF('Standard Profiles'!$G$18=$B$10,7,0)+IF('Standard Profiles'!$G$18=$B$17,14,0)+IF('Standard Profiles'!$G$18=$B$24,21,0),0)),0)</f>
        <v>14.570382745178632</v>
      </c>
      <c r="E1083" cm="1">
        <f t="array" ref="E1083">IFERROR(INDEX(Jesper!AI$2:AI$366,ROUNDDOWN($C1083/24,0)+1,1)*INDEX($D$3:$AA$30,INDEX(Jesper!$R$2:$R$366,ROW(INDEX(Jesper!AI$2:AI$366,ROUNDDOWN($C1083/24,0)+1,1))-1)+IF('Standard Profiles'!$G$19=$B$10,7,0)+IF('Standard Profiles'!$G$19=$B$17,14,0)+IF('Standard Profiles'!$G$19=$B$24,21,0),MOD($C1083,24)+1)/SUM(INDEX($D$3:$AA$30,INDEX(Jesper!$R$2:$R$366,ROW(INDEX(Jesper!AI$2:AI$366,ROUNDDOWN($C1083/24,0)+1,1))-1)+IF('Standard Profiles'!$G$19=$B$10,7,0)+IF('Standard Profiles'!$G$19=$B$17,14,0)+IF('Standard Profiles'!$G$19=$B$24,21,0),0)),0)</f>
        <v>0</v>
      </c>
      <c r="F1083" cm="1">
        <f t="array" ref="F1083">IFERROR(INDEX(Jesper!AJ$2:AJ$366,ROUNDDOWN($C1083/24,0)+1,1)*INDEX($D$3:$AA$30,INDEX(Jesper!$R$2:$R$366,ROW(INDEX(Jesper!AJ$2:AJ$366,ROUNDDOWN($C1083/24,0)+1,1))-1)+IF('Standard Profiles'!$G$20=$B$10,7,0)+IF('Standard Profiles'!$G$20=$B$17,14,0)+IF('Standard Profiles'!$G$20=$B$24,21,0),MOD($C1083,24)+1)/SUM(INDEX($D$3:$AA$30,INDEX(Jesper!$R$2:$R$366,ROW(INDEX(Jesper!AJ$2:AJ$366,ROUNDDOWN($C1083/24,0)+1,1))-1)+IF('Standard Profiles'!$G$20=$B$10,7,0)+IF('Standard Profiles'!$G$20=$B$17,14,0)+IF('Standard Profiles'!$G$20=$B$24,21,0),0)),0)</f>
        <v>0</v>
      </c>
      <c r="G1083" cm="1">
        <f t="array" ref="G1083">IFERROR(INDEX(Jesper!AK$2:AK$366,ROUNDDOWN($C1083/24,0)+1,1)*INDEX($D$3:$AA$30,INDEX(Jesper!$R$2:$R$366,ROW(INDEX(Jesper!AK$2:AK$366,ROUNDDOWN($C1083/24,0)+1,1))-1)+IF('Standard Profiles'!$G$21=$B$10,7,0)+IF('Standard Profiles'!$G$21=$B$17,14,0)+IF('Standard Profiles'!$G$21=$B$24,21,0),MOD($C1083,24)+1)/SUM(INDEX($D$3:$AA$30,INDEX(Jesper!$R$2:$R$366,ROW(INDEX(Jesper!AK$2:AK$366,ROUNDDOWN($C1083/24,0)+1,1))-1)+IF('Standard Profiles'!$G$21=$B$10,7,0)+IF('Standard Profiles'!$G$21=$B$17,14,0)+IF('Standard Profiles'!$G$21=$B$24,21,0),0)),0)</f>
        <v>0</v>
      </c>
      <c r="H1083" cm="1">
        <f t="array" ref="H1083">IFERROR(INDEX(Jesper!AL$2:AL$366,ROUNDDOWN($C1083/24,0)+1,1)*INDEX($D$3:$AA$30,INDEX(Jesper!$R$2:$R$366,ROW(INDEX(Jesper!AL$2:AL$366,ROUNDDOWN($C1083/24,0)+1,1))-1)+IF('Standard Profiles'!$G$22=$B$10,7,0)+IF('Standard Profiles'!$G$22=$B$17,14,0)+IF('Standard Profiles'!$G$22=$B$24,21,0),MOD($C1083,24)+1)/SUM(INDEX($D$3:$AA$30,INDEX(Jesper!$R$2:$R$366,ROW(INDEX(Jesper!AL$2:AL$366,ROUNDDOWN($C1083/24,0)+1,1))-1)+IF('Standard Profiles'!$G$22=$B$10,7,0)+IF('Standard Profiles'!$G$22=$B$17,14,0)+IF('Standard Profiles'!$G$22=$B$24,21,0),0)),0)</f>
        <v>0</v>
      </c>
      <c r="I1083">
        <f t="shared" si="132"/>
        <v>0.43711148235535896</v>
      </c>
      <c r="J1083">
        <f t="shared" si="133"/>
        <v>1.4570382745178634</v>
      </c>
      <c r="K1083">
        <f t="shared" si="134"/>
        <v>2.1855574117767946</v>
      </c>
      <c r="L1083">
        <f t="shared" si="135"/>
        <v>10.490675576528615</v>
      </c>
      <c r="M1083">
        <f t="shared" si="136"/>
        <v>0</v>
      </c>
      <c r="N1083" s="46">
        <f t="shared" si="137"/>
        <v>45335.708333330789</v>
      </c>
    </row>
    <row r="1084" spans="2:14" x14ac:dyDescent="0.3">
      <c r="B1084">
        <f t="shared" si="131"/>
        <v>2</v>
      </c>
      <c r="C1084" s="16">
        <v>1050</v>
      </c>
      <c r="D1084" cm="1">
        <f t="array" ref="D1084">IFERROR(INDEX(Jesper!AH$2:AH$366,ROUNDDOWN($C1084/24,0)+1,1)*INDEX($D$3:$AA$30,INDEX(Jesper!$R$2:$R$366,ROW(INDEX(Jesper!AH$2:AH$366,ROUNDDOWN($C1084/24,0)+1,1))-1)+IF('Standard Profiles'!$G$18=$B$10,7,0)+IF('Standard Profiles'!$G$18=$B$17,14,0)+IF('Standard Profiles'!$G$18=$B$24,21,0),MOD($C1084,24)+1)/SUM(INDEX($D$3:$AA$30,INDEX(Jesper!$R$2:$R$366,ROW(INDEX(Jesper!AH$2:AH$366,ROUNDDOWN($C1084/24,0)+1,1))-1)+IF('Standard Profiles'!$G$18=$B$10,7,0)+IF('Standard Profiles'!$G$18=$B$17,14,0)+IF('Standard Profiles'!$G$18=$B$24,21,0),0)),0)</f>
        <v>14.570382745178632</v>
      </c>
      <c r="E1084" cm="1">
        <f t="array" ref="E1084">IFERROR(INDEX(Jesper!AI$2:AI$366,ROUNDDOWN($C1084/24,0)+1,1)*INDEX($D$3:$AA$30,INDEX(Jesper!$R$2:$R$366,ROW(INDEX(Jesper!AI$2:AI$366,ROUNDDOWN($C1084/24,0)+1,1))-1)+IF('Standard Profiles'!$G$19=$B$10,7,0)+IF('Standard Profiles'!$G$19=$B$17,14,0)+IF('Standard Profiles'!$G$19=$B$24,21,0),MOD($C1084,24)+1)/SUM(INDEX($D$3:$AA$30,INDEX(Jesper!$R$2:$R$366,ROW(INDEX(Jesper!AI$2:AI$366,ROUNDDOWN($C1084/24,0)+1,1))-1)+IF('Standard Profiles'!$G$19=$B$10,7,0)+IF('Standard Profiles'!$G$19=$B$17,14,0)+IF('Standard Profiles'!$G$19=$B$24,21,0),0)),0)</f>
        <v>0</v>
      </c>
      <c r="F1084" cm="1">
        <f t="array" ref="F1084">IFERROR(INDEX(Jesper!AJ$2:AJ$366,ROUNDDOWN($C1084/24,0)+1,1)*INDEX($D$3:$AA$30,INDEX(Jesper!$R$2:$R$366,ROW(INDEX(Jesper!AJ$2:AJ$366,ROUNDDOWN($C1084/24,0)+1,1))-1)+IF('Standard Profiles'!$G$20=$B$10,7,0)+IF('Standard Profiles'!$G$20=$B$17,14,0)+IF('Standard Profiles'!$G$20=$B$24,21,0),MOD($C1084,24)+1)/SUM(INDEX($D$3:$AA$30,INDEX(Jesper!$R$2:$R$366,ROW(INDEX(Jesper!AJ$2:AJ$366,ROUNDDOWN($C1084/24,0)+1,1))-1)+IF('Standard Profiles'!$G$20=$B$10,7,0)+IF('Standard Profiles'!$G$20=$B$17,14,0)+IF('Standard Profiles'!$G$20=$B$24,21,0),0)),0)</f>
        <v>0</v>
      </c>
      <c r="G1084" cm="1">
        <f t="array" ref="G1084">IFERROR(INDEX(Jesper!AK$2:AK$366,ROUNDDOWN($C1084/24,0)+1,1)*INDEX($D$3:$AA$30,INDEX(Jesper!$R$2:$R$366,ROW(INDEX(Jesper!AK$2:AK$366,ROUNDDOWN($C1084/24,0)+1,1))-1)+IF('Standard Profiles'!$G$21=$B$10,7,0)+IF('Standard Profiles'!$G$21=$B$17,14,0)+IF('Standard Profiles'!$G$21=$B$24,21,0),MOD($C1084,24)+1)/SUM(INDEX($D$3:$AA$30,INDEX(Jesper!$R$2:$R$366,ROW(INDEX(Jesper!AK$2:AK$366,ROUNDDOWN($C1084/24,0)+1,1))-1)+IF('Standard Profiles'!$G$21=$B$10,7,0)+IF('Standard Profiles'!$G$21=$B$17,14,0)+IF('Standard Profiles'!$G$21=$B$24,21,0),0)),0)</f>
        <v>0</v>
      </c>
      <c r="H1084" cm="1">
        <f t="array" ref="H1084">IFERROR(INDEX(Jesper!AL$2:AL$366,ROUNDDOWN($C1084/24,0)+1,1)*INDEX($D$3:$AA$30,INDEX(Jesper!$R$2:$R$366,ROW(INDEX(Jesper!AL$2:AL$366,ROUNDDOWN($C1084/24,0)+1,1))-1)+IF('Standard Profiles'!$G$22=$B$10,7,0)+IF('Standard Profiles'!$G$22=$B$17,14,0)+IF('Standard Profiles'!$G$22=$B$24,21,0),MOD($C1084,24)+1)/SUM(INDEX($D$3:$AA$30,INDEX(Jesper!$R$2:$R$366,ROW(INDEX(Jesper!AL$2:AL$366,ROUNDDOWN($C1084/24,0)+1,1))-1)+IF('Standard Profiles'!$G$22=$B$10,7,0)+IF('Standard Profiles'!$G$22=$B$17,14,0)+IF('Standard Profiles'!$G$22=$B$24,21,0),0)),0)</f>
        <v>0</v>
      </c>
      <c r="I1084">
        <f t="shared" si="132"/>
        <v>0.43711148235535896</v>
      </c>
      <c r="J1084">
        <f t="shared" si="133"/>
        <v>1.4570382745178634</v>
      </c>
      <c r="K1084">
        <f t="shared" si="134"/>
        <v>2.1855574117767946</v>
      </c>
      <c r="L1084">
        <f t="shared" si="135"/>
        <v>10.490675576528615</v>
      </c>
      <c r="M1084">
        <f t="shared" si="136"/>
        <v>0</v>
      </c>
      <c r="N1084" s="46">
        <f t="shared" si="137"/>
        <v>45335.749999997453</v>
      </c>
    </row>
    <row r="1085" spans="2:14" x14ac:dyDescent="0.3">
      <c r="B1085">
        <f t="shared" si="131"/>
        <v>2</v>
      </c>
      <c r="C1085" s="16">
        <v>1051</v>
      </c>
      <c r="D1085" cm="1">
        <f t="array" ref="D1085">IFERROR(INDEX(Jesper!AH$2:AH$366,ROUNDDOWN($C1085/24,0)+1,1)*INDEX($D$3:$AA$30,INDEX(Jesper!$R$2:$R$366,ROW(INDEX(Jesper!AH$2:AH$366,ROUNDDOWN($C1085/24,0)+1,1))-1)+IF('Standard Profiles'!$G$18=$B$10,7,0)+IF('Standard Profiles'!$G$18=$B$17,14,0)+IF('Standard Profiles'!$G$18=$B$24,21,0),MOD($C1085,24)+1)/SUM(INDEX($D$3:$AA$30,INDEX(Jesper!$R$2:$R$366,ROW(INDEX(Jesper!AH$2:AH$366,ROUNDDOWN($C1085/24,0)+1,1))-1)+IF('Standard Profiles'!$G$18=$B$10,7,0)+IF('Standard Profiles'!$G$18=$B$17,14,0)+IF('Standard Profiles'!$G$18=$B$24,21,0),0)),0)</f>
        <v>12.202695549087105</v>
      </c>
      <c r="E1085" cm="1">
        <f t="array" ref="E1085">IFERROR(INDEX(Jesper!AI$2:AI$366,ROUNDDOWN($C1085/24,0)+1,1)*INDEX($D$3:$AA$30,INDEX(Jesper!$R$2:$R$366,ROW(INDEX(Jesper!AI$2:AI$366,ROUNDDOWN($C1085/24,0)+1,1))-1)+IF('Standard Profiles'!$G$19=$B$10,7,0)+IF('Standard Profiles'!$G$19=$B$17,14,0)+IF('Standard Profiles'!$G$19=$B$24,21,0),MOD($C1085,24)+1)/SUM(INDEX($D$3:$AA$30,INDEX(Jesper!$R$2:$R$366,ROW(INDEX(Jesper!AI$2:AI$366,ROUNDDOWN($C1085/24,0)+1,1))-1)+IF('Standard Profiles'!$G$19=$B$10,7,0)+IF('Standard Profiles'!$G$19=$B$17,14,0)+IF('Standard Profiles'!$G$19=$B$24,21,0),0)),0)</f>
        <v>0</v>
      </c>
      <c r="F1085" cm="1">
        <f t="array" ref="F1085">IFERROR(INDEX(Jesper!AJ$2:AJ$366,ROUNDDOWN($C1085/24,0)+1,1)*INDEX($D$3:$AA$30,INDEX(Jesper!$R$2:$R$366,ROW(INDEX(Jesper!AJ$2:AJ$366,ROUNDDOWN($C1085/24,0)+1,1))-1)+IF('Standard Profiles'!$G$20=$B$10,7,0)+IF('Standard Profiles'!$G$20=$B$17,14,0)+IF('Standard Profiles'!$G$20=$B$24,21,0),MOD($C1085,24)+1)/SUM(INDEX($D$3:$AA$30,INDEX(Jesper!$R$2:$R$366,ROW(INDEX(Jesper!AJ$2:AJ$366,ROUNDDOWN($C1085/24,0)+1,1))-1)+IF('Standard Profiles'!$G$20=$B$10,7,0)+IF('Standard Profiles'!$G$20=$B$17,14,0)+IF('Standard Profiles'!$G$20=$B$24,21,0),0)),0)</f>
        <v>0</v>
      </c>
      <c r="G1085" cm="1">
        <f t="array" ref="G1085">IFERROR(INDEX(Jesper!AK$2:AK$366,ROUNDDOWN($C1085/24,0)+1,1)*INDEX($D$3:$AA$30,INDEX(Jesper!$R$2:$R$366,ROW(INDEX(Jesper!AK$2:AK$366,ROUNDDOWN($C1085/24,0)+1,1))-1)+IF('Standard Profiles'!$G$21=$B$10,7,0)+IF('Standard Profiles'!$G$21=$B$17,14,0)+IF('Standard Profiles'!$G$21=$B$24,21,0),MOD($C1085,24)+1)/SUM(INDEX($D$3:$AA$30,INDEX(Jesper!$R$2:$R$366,ROW(INDEX(Jesper!AK$2:AK$366,ROUNDDOWN($C1085/24,0)+1,1))-1)+IF('Standard Profiles'!$G$21=$B$10,7,0)+IF('Standard Profiles'!$G$21=$B$17,14,0)+IF('Standard Profiles'!$G$21=$B$24,21,0),0)),0)</f>
        <v>0</v>
      </c>
      <c r="H1085" cm="1">
        <f t="array" ref="H1085">IFERROR(INDEX(Jesper!AL$2:AL$366,ROUNDDOWN($C1085/24,0)+1,1)*INDEX($D$3:$AA$30,INDEX(Jesper!$R$2:$R$366,ROW(INDEX(Jesper!AL$2:AL$366,ROUNDDOWN($C1085/24,0)+1,1))-1)+IF('Standard Profiles'!$G$22=$B$10,7,0)+IF('Standard Profiles'!$G$22=$B$17,14,0)+IF('Standard Profiles'!$G$22=$B$24,21,0),MOD($C1085,24)+1)/SUM(INDEX($D$3:$AA$30,INDEX(Jesper!$R$2:$R$366,ROW(INDEX(Jesper!AL$2:AL$366,ROUNDDOWN($C1085/24,0)+1,1))-1)+IF('Standard Profiles'!$G$22=$B$10,7,0)+IF('Standard Profiles'!$G$22=$B$17,14,0)+IF('Standard Profiles'!$G$22=$B$24,21,0),0)),0)</f>
        <v>0</v>
      </c>
      <c r="I1085">
        <f t="shared" si="132"/>
        <v>0.36608086647261312</v>
      </c>
      <c r="J1085">
        <f t="shared" si="133"/>
        <v>1.2202695549087106</v>
      </c>
      <c r="K1085">
        <f t="shared" si="134"/>
        <v>1.8304043323630657</v>
      </c>
      <c r="L1085">
        <f t="shared" si="135"/>
        <v>8.7859407953427144</v>
      </c>
      <c r="M1085">
        <f t="shared" si="136"/>
        <v>0</v>
      </c>
      <c r="N1085" s="46">
        <f t="shared" si="137"/>
        <v>45335.791666664118</v>
      </c>
    </row>
    <row r="1086" spans="2:14" x14ac:dyDescent="0.3">
      <c r="B1086">
        <f t="shared" si="131"/>
        <v>2</v>
      </c>
      <c r="C1086" s="16">
        <v>1052</v>
      </c>
      <c r="D1086" cm="1">
        <f t="array" ref="D1086">IFERROR(INDEX(Jesper!AH$2:AH$366,ROUNDDOWN($C1086/24,0)+1,1)*INDEX($D$3:$AA$30,INDEX(Jesper!$R$2:$R$366,ROW(INDEX(Jesper!AH$2:AH$366,ROUNDDOWN($C1086/24,0)+1,1))-1)+IF('Standard Profiles'!$G$18=$B$10,7,0)+IF('Standard Profiles'!$G$18=$B$17,14,0)+IF('Standard Profiles'!$G$18=$B$24,21,0),MOD($C1086,24)+1)/SUM(INDEX($D$3:$AA$30,INDEX(Jesper!$R$2:$R$366,ROW(INDEX(Jesper!AH$2:AH$366,ROUNDDOWN($C1086/24,0)+1,1))-1)+IF('Standard Profiles'!$G$18=$B$10,7,0)+IF('Standard Profiles'!$G$18=$B$17,14,0)+IF('Standard Profiles'!$G$18=$B$24,21,0),0)),0)</f>
        <v>10.01713813731031</v>
      </c>
      <c r="E1086" cm="1">
        <f t="array" ref="E1086">IFERROR(INDEX(Jesper!AI$2:AI$366,ROUNDDOWN($C1086/24,0)+1,1)*INDEX($D$3:$AA$30,INDEX(Jesper!$R$2:$R$366,ROW(INDEX(Jesper!AI$2:AI$366,ROUNDDOWN($C1086/24,0)+1,1))-1)+IF('Standard Profiles'!$G$19=$B$10,7,0)+IF('Standard Profiles'!$G$19=$B$17,14,0)+IF('Standard Profiles'!$G$19=$B$24,21,0),MOD($C1086,24)+1)/SUM(INDEX($D$3:$AA$30,INDEX(Jesper!$R$2:$R$366,ROW(INDEX(Jesper!AI$2:AI$366,ROUNDDOWN($C1086/24,0)+1,1))-1)+IF('Standard Profiles'!$G$19=$B$10,7,0)+IF('Standard Profiles'!$G$19=$B$17,14,0)+IF('Standard Profiles'!$G$19=$B$24,21,0),0)),0)</f>
        <v>0</v>
      </c>
      <c r="F1086" cm="1">
        <f t="array" ref="F1086">IFERROR(INDEX(Jesper!AJ$2:AJ$366,ROUNDDOWN($C1086/24,0)+1,1)*INDEX($D$3:$AA$30,INDEX(Jesper!$R$2:$R$366,ROW(INDEX(Jesper!AJ$2:AJ$366,ROUNDDOWN($C1086/24,0)+1,1))-1)+IF('Standard Profiles'!$G$20=$B$10,7,0)+IF('Standard Profiles'!$G$20=$B$17,14,0)+IF('Standard Profiles'!$G$20=$B$24,21,0),MOD($C1086,24)+1)/SUM(INDEX($D$3:$AA$30,INDEX(Jesper!$R$2:$R$366,ROW(INDEX(Jesper!AJ$2:AJ$366,ROUNDDOWN($C1086/24,0)+1,1))-1)+IF('Standard Profiles'!$G$20=$B$10,7,0)+IF('Standard Profiles'!$G$20=$B$17,14,0)+IF('Standard Profiles'!$G$20=$B$24,21,0),0)),0)</f>
        <v>0</v>
      </c>
      <c r="G1086" cm="1">
        <f t="array" ref="G1086">IFERROR(INDEX(Jesper!AK$2:AK$366,ROUNDDOWN($C1086/24,0)+1,1)*INDEX($D$3:$AA$30,INDEX(Jesper!$R$2:$R$366,ROW(INDEX(Jesper!AK$2:AK$366,ROUNDDOWN($C1086/24,0)+1,1))-1)+IF('Standard Profiles'!$G$21=$B$10,7,0)+IF('Standard Profiles'!$G$21=$B$17,14,0)+IF('Standard Profiles'!$G$21=$B$24,21,0),MOD($C1086,24)+1)/SUM(INDEX($D$3:$AA$30,INDEX(Jesper!$R$2:$R$366,ROW(INDEX(Jesper!AK$2:AK$366,ROUNDDOWN($C1086/24,0)+1,1))-1)+IF('Standard Profiles'!$G$21=$B$10,7,0)+IF('Standard Profiles'!$G$21=$B$17,14,0)+IF('Standard Profiles'!$G$21=$B$24,21,0),0)),0)</f>
        <v>0</v>
      </c>
      <c r="H1086" cm="1">
        <f t="array" ref="H1086">IFERROR(INDEX(Jesper!AL$2:AL$366,ROUNDDOWN($C1086/24,0)+1,1)*INDEX($D$3:$AA$30,INDEX(Jesper!$R$2:$R$366,ROW(INDEX(Jesper!AL$2:AL$366,ROUNDDOWN($C1086/24,0)+1,1))-1)+IF('Standard Profiles'!$G$22=$B$10,7,0)+IF('Standard Profiles'!$G$22=$B$17,14,0)+IF('Standard Profiles'!$G$22=$B$24,21,0),MOD($C1086,24)+1)/SUM(INDEX($D$3:$AA$30,INDEX(Jesper!$R$2:$R$366,ROW(INDEX(Jesper!AL$2:AL$366,ROUNDDOWN($C1086/24,0)+1,1))-1)+IF('Standard Profiles'!$G$22=$B$10,7,0)+IF('Standard Profiles'!$G$22=$B$17,14,0)+IF('Standard Profiles'!$G$22=$B$24,21,0),0)),0)</f>
        <v>0</v>
      </c>
      <c r="I1086">
        <f t="shared" si="132"/>
        <v>0.30051414411930927</v>
      </c>
      <c r="J1086">
        <f t="shared" si="133"/>
        <v>1.0017138137310311</v>
      </c>
      <c r="K1086">
        <f t="shared" si="134"/>
        <v>1.5025707205965464</v>
      </c>
      <c r="L1086">
        <f t="shared" si="135"/>
        <v>7.2123394588634229</v>
      </c>
      <c r="M1086">
        <f t="shared" si="136"/>
        <v>0</v>
      </c>
      <c r="N1086" s="46">
        <f t="shared" si="137"/>
        <v>45335.833333330782</v>
      </c>
    </row>
    <row r="1087" spans="2:14" x14ac:dyDescent="0.3">
      <c r="B1087">
        <f t="shared" si="131"/>
        <v>2</v>
      </c>
      <c r="C1087" s="16">
        <v>1053</v>
      </c>
      <c r="D1087" cm="1">
        <f t="array" ref="D1087">IFERROR(INDEX(Jesper!AH$2:AH$366,ROUNDDOWN($C1087/24,0)+1,1)*INDEX($D$3:$AA$30,INDEX(Jesper!$R$2:$R$366,ROW(INDEX(Jesper!AH$2:AH$366,ROUNDDOWN($C1087/24,0)+1,1))-1)+IF('Standard Profiles'!$G$18=$B$10,7,0)+IF('Standard Profiles'!$G$18=$B$17,14,0)+IF('Standard Profiles'!$G$18=$B$24,21,0),MOD($C1087,24)+1)/SUM(INDEX($D$3:$AA$30,INDEX(Jesper!$R$2:$R$366,ROW(INDEX(Jesper!AH$2:AH$366,ROUNDDOWN($C1087/24,0)+1,1))-1)+IF('Standard Profiles'!$G$18=$B$10,7,0)+IF('Standard Profiles'!$G$18=$B$17,14,0)+IF('Standard Profiles'!$G$18=$B$24,21,0),0)),0)</f>
        <v>7.285191372589316</v>
      </c>
      <c r="E1087" cm="1">
        <f t="array" ref="E1087">IFERROR(INDEX(Jesper!AI$2:AI$366,ROUNDDOWN($C1087/24,0)+1,1)*INDEX($D$3:$AA$30,INDEX(Jesper!$R$2:$R$366,ROW(INDEX(Jesper!AI$2:AI$366,ROUNDDOWN($C1087/24,0)+1,1))-1)+IF('Standard Profiles'!$G$19=$B$10,7,0)+IF('Standard Profiles'!$G$19=$B$17,14,0)+IF('Standard Profiles'!$G$19=$B$24,21,0),MOD($C1087,24)+1)/SUM(INDEX($D$3:$AA$30,INDEX(Jesper!$R$2:$R$366,ROW(INDEX(Jesper!AI$2:AI$366,ROUNDDOWN($C1087/24,0)+1,1))-1)+IF('Standard Profiles'!$G$19=$B$10,7,0)+IF('Standard Profiles'!$G$19=$B$17,14,0)+IF('Standard Profiles'!$G$19=$B$24,21,0),0)),0)</f>
        <v>0</v>
      </c>
      <c r="F1087" cm="1">
        <f t="array" ref="F1087">IFERROR(INDEX(Jesper!AJ$2:AJ$366,ROUNDDOWN($C1087/24,0)+1,1)*INDEX($D$3:$AA$30,INDEX(Jesper!$R$2:$R$366,ROW(INDEX(Jesper!AJ$2:AJ$366,ROUNDDOWN($C1087/24,0)+1,1))-1)+IF('Standard Profiles'!$G$20=$B$10,7,0)+IF('Standard Profiles'!$G$20=$B$17,14,0)+IF('Standard Profiles'!$G$20=$B$24,21,0),MOD($C1087,24)+1)/SUM(INDEX($D$3:$AA$30,INDEX(Jesper!$R$2:$R$366,ROW(INDEX(Jesper!AJ$2:AJ$366,ROUNDDOWN($C1087/24,0)+1,1))-1)+IF('Standard Profiles'!$G$20=$B$10,7,0)+IF('Standard Profiles'!$G$20=$B$17,14,0)+IF('Standard Profiles'!$G$20=$B$24,21,0),0)),0)</f>
        <v>0</v>
      </c>
      <c r="G1087" cm="1">
        <f t="array" ref="G1087">IFERROR(INDEX(Jesper!AK$2:AK$366,ROUNDDOWN($C1087/24,0)+1,1)*INDEX($D$3:$AA$30,INDEX(Jesper!$R$2:$R$366,ROW(INDEX(Jesper!AK$2:AK$366,ROUNDDOWN($C1087/24,0)+1,1))-1)+IF('Standard Profiles'!$G$21=$B$10,7,0)+IF('Standard Profiles'!$G$21=$B$17,14,0)+IF('Standard Profiles'!$G$21=$B$24,21,0),MOD($C1087,24)+1)/SUM(INDEX($D$3:$AA$30,INDEX(Jesper!$R$2:$R$366,ROW(INDEX(Jesper!AK$2:AK$366,ROUNDDOWN($C1087/24,0)+1,1))-1)+IF('Standard Profiles'!$G$21=$B$10,7,0)+IF('Standard Profiles'!$G$21=$B$17,14,0)+IF('Standard Profiles'!$G$21=$B$24,21,0),0)),0)</f>
        <v>0</v>
      </c>
      <c r="H1087" cm="1">
        <f t="array" ref="H1087">IFERROR(INDEX(Jesper!AL$2:AL$366,ROUNDDOWN($C1087/24,0)+1,1)*INDEX($D$3:$AA$30,INDEX(Jesper!$R$2:$R$366,ROW(INDEX(Jesper!AL$2:AL$366,ROUNDDOWN($C1087/24,0)+1,1))-1)+IF('Standard Profiles'!$G$22=$B$10,7,0)+IF('Standard Profiles'!$G$22=$B$17,14,0)+IF('Standard Profiles'!$G$22=$B$24,21,0),MOD($C1087,24)+1)/SUM(INDEX($D$3:$AA$30,INDEX(Jesper!$R$2:$R$366,ROW(INDEX(Jesper!AL$2:AL$366,ROUNDDOWN($C1087/24,0)+1,1))-1)+IF('Standard Profiles'!$G$22=$B$10,7,0)+IF('Standard Profiles'!$G$22=$B$17,14,0)+IF('Standard Profiles'!$G$22=$B$24,21,0),0)),0)</f>
        <v>0</v>
      </c>
      <c r="I1087">
        <f t="shared" si="132"/>
        <v>0.21855574117767948</v>
      </c>
      <c r="J1087">
        <f t="shared" si="133"/>
        <v>0.72851913725893169</v>
      </c>
      <c r="K1087">
        <f t="shared" si="134"/>
        <v>1.0927787058883973</v>
      </c>
      <c r="L1087">
        <f t="shared" si="135"/>
        <v>5.2453377882643073</v>
      </c>
      <c r="M1087">
        <f t="shared" si="136"/>
        <v>0</v>
      </c>
      <c r="N1087" s="46">
        <f t="shared" si="137"/>
        <v>45335.874999997446</v>
      </c>
    </row>
    <row r="1088" spans="2:14" x14ac:dyDescent="0.3">
      <c r="B1088">
        <f t="shared" si="131"/>
        <v>2</v>
      </c>
      <c r="C1088" s="16">
        <v>1054</v>
      </c>
      <c r="D1088" cm="1">
        <f t="array" ref="D1088">IFERROR(INDEX(Jesper!AH$2:AH$366,ROUNDDOWN($C1088/24,0)+1,1)*INDEX($D$3:$AA$30,INDEX(Jesper!$R$2:$R$366,ROW(INDEX(Jesper!AH$2:AH$366,ROUNDDOWN($C1088/24,0)+1,1))-1)+IF('Standard Profiles'!$G$18=$B$10,7,0)+IF('Standard Profiles'!$G$18=$B$17,14,0)+IF('Standard Profiles'!$G$18=$B$24,21,0),MOD($C1088,24)+1)/SUM(INDEX($D$3:$AA$30,INDEX(Jesper!$R$2:$R$366,ROW(INDEX(Jesper!AH$2:AH$366,ROUNDDOWN($C1088/24,0)+1,1))-1)+IF('Standard Profiles'!$G$18=$B$10,7,0)+IF('Standard Profiles'!$G$18=$B$17,14,0)+IF('Standard Profiles'!$G$18=$B$24,21,0),0)),0)</f>
        <v>7.285191372589316</v>
      </c>
      <c r="E1088" cm="1">
        <f t="array" ref="E1088">IFERROR(INDEX(Jesper!AI$2:AI$366,ROUNDDOWN($C1088/24,0)+1,1)*INDEX($D$3:$AA$30,INDEX(Jesper!$R$2:$R$366,ROW(INDEX(Jesper!AI$2:AI$366,ROUNDDOWN($C1088/24,0)+1,1))-1)+IF('Standard Profiles'!$G$19=$B$10,7,0)+IF('Standard Profiles'!$G$19=$B$17,14,0)+IF('Standard Profiles'!$G$19=$B$24,21,0),MOD($C1088,24)+1)/SUM(INDEX($D$3:$AA$30,INDEX(Jesper!$R$2:$R$366,ROW(INDEX(Jesper!AI$2:AI$366,ROUNDDOWN($C1088/24,0)+1,1))-1)+IF('Standard Profiles'!$G$19=$B$10,7,0)+IF('Standard Profiles'!$G$19=$B$17,14,0)+IF('Standard Profiles'!$G$19=$B$24,21,0),0)),0)</f>
        <v>0</v>
      </c>
      <c r="F1088" cm="1">
        <f t="array" ref="F1088">IFERROR(INDEX(Jesper!AJ$2:AJ$366,ROUNDDOWN($C1088/24,0)+1,1)*INDEX($D$3:$AA$30,INDEX(Jesper!$R$2:$R$366,ROW(INDEX(Jesper!AJ$2:AJ$366,ROUNDDOWN($C1088/24,0)+1,1))-1)+IF('Standard Profiles'!$G$20=$B$10,7,0)+IF('Standard Profiles'!$G$20=$B$17,14,0)+IF('Standard Profiles'!$G$20=$B$24,21,0),MOD($C1088,24)+1)/SUM(INDEX($D$3:$AA$30,INDEX(Jesper!$R$2:$R$366,ROW(INDEX(Jesper!AJ$2:AJ$366,ROUNDDOWN($C1088/24,0)+1,1))-1)+IF('Standard Profiles'!$G$20=$B$10,7,0)+IF('Standard Profiles'!$G$20=$B$17,14,0)+IF('Standard Profiles'!$G$20=$B$24,21,0),0)),0)</f>
        <v>0</v>
      </c>
      <c r="G1088" cm="1">
        <f t="array" ref="G1088">IFERROR(INDEX(Jesper!AK$2:AK$366,ROUNDDOWN($C1088/24,0)+1,1)*INDEX($D$3:$AA$30,INDEX(Jesper!$R$2:$R$366,ROW(INDEX(Jesper!AK$2:AK$366,ROUNDDOWN($C1088/24,0)+1,1))-1)+IF('Standard Profiles'!$G$21=$B$10,7,0)+IF('Standard Profiles'!$G$21=$B$17,14,0)+IF('Standard Profiles'!$G$21=$B$24,21,0),MOD($C1088,24)+1)/SUM(INDEX($D$3:$AA$30,INDEX(Jesper!$R$2:$R$366,ROW(INDEX(Jesper!AK$2:AK$366,ROUNDDOWN($C1088/24,0)+1,1))-1)+IF('Standard Profiles'!$G$21=$B$10,7,0)+IF('Standard Profiles'!$G$21=$B$17,14,0)+IF('Standard Profiles'!$G$21=$B$24,21,0),0)),0)</f>
        <v>0</v>
      </c>
      <c r="H1088" cm="1">
        <f t="array" ref="H1088">IFERROR(INDEX(Jesper!AL$2:AL$366,ROUNDDOWN($C1088/24,0)+1,1)*INDEX($D$3:$AA$30,INDEX(Jesper!$R$2:$R$366,ROW(INDEX(Jesper!AL$2:AL$366,ROUNDDOWN($C1088/24,0)+1,1))-1)+IF('Standard Profiles'!$G$22=$B$10,7,0)+IF('Standard Profiles'!$G$22=$B$17,14,0)+IF('Standard Profiles'!$G$22=$B$24,21,0),MOD($C1088,24)+1)/SUM(INDEX($D$3:$AA$30,INDEX(Jesper!$R$2:$R$366,ROW(INDEX(Jesper!AL$2:AL$366,ROUNDDOWN($C1088/24,0)+1,1))-1)+IF('Standard Profiles'!$G$22=$B$10,7,0)+IF('Standard Profiles'!$G$22=$B$17,14,0)+IF('Standard Profiles'!$G$22=$B$24,21,0),0)),0)</f>
        <v>0</v>
      </c>
      <c r="I1088">
        <f t="shared" si="132"/>
        <v>0.21855574117767948</v>
      </c>
      <c r="J1088">
        <f t="shared" si="133"/>
        <v>0.72851913725893169</v>
      </c>
      <c r="K1088">
        <f t="shared" si="134"/>
        <v>1.0927787058883973</v>
      </c>
      <c r="L1088">
        <f t="shared" si="135"/>
        <v>5.2453377882643073</v>
      </c>
      <c r="M1088">
        <f t="shared" si="136"/>
        <v>0</v>
      </c>
      <c r="N1088" s="46">
        <f t="shared" si="137"/>
        <v>45335.91666666411</v>
      </c>
    </row>
    <row r="1089" spans="2:14" x14ac:dyDescent="0.3">
      <c r="B1089">
        <f t="shared" si="131"/>
        <v>2</v>
      </c>
      <c r="C1089" s="16">
        <v>1055</v>
      </c>
      <c r="D1089" cm="1">
        <f t="array" ref="D1089">IFERROR(INDEX(Jesper!AH$2:AH$366,ROUNDDOWN($C1089/24,0)+1,1)*INDEX($D$3:$AA$30,INDEX(Jesper!$R$2:$R$366,ROW(INDEX(Jesper!AH$2:AH$366,ROUNDDOWN($C1089/24,0)+1,1))-1)+IF('Standard Profiles'!$G$18=$B$10,7,0)+IF('Standard Profiles'!$G$18=$B$17,14,0)+IF('Standard Profiles'!$G$18=$B$24,21,0),MOD($C1089,24)+1)/SUM(INDEX($D$3:$AA$30,INDEX(Jesper!$R$2:$R$366,ROW(INDEX(Jesper!AH$2:AH$366,ROUNDDOWN($C1089/24,0)+1,1))-1)+IF('Standard Profiles'!$G$18=$B$10,7,0)+IF('Standard Profiles'!$G$18=$B$17,14,0)+IF('Standard Profiles'!$G$18=$B$24,21,0),0)),0)</f>
        <v>7.285191372589316</v>
      </c>
      <c r="E1089" cm="1">
        <f t="array" ref="E1089">IFERROR(INDEX(Jesper!AI$2:AI$366,ROUNDDOWN($C1089/24,0)+1,1)*INDEX($D$3:$AA$30,INDEX(Jesper!$R$2:$R$366,ROW(INDEX(Jesper!AI$2:AI$366,ROUNDDOWN($C1089/24,0)+1,1))-1)+IF('Standard Profiles'!$G$19=$B$10,7,0)+IF('Standard Profiles'!$G$19=$B$17,14,0)+IF('Standard Profiles'!$G$19=$B$24,21,0),MOD($C1089,24)+1)/SUM(INDEX($D$3:$AA$30,INDEX(Jesper!$R$2:$R$366,ROW(INDEX(Jesper!AI$2:AI$366,ROUNDDOWN($C1089/24,0)+1,1))-1)+IF('Standard Profiles'!$G$19=$B$10,7,0)+IF('Standard Profiles'!$G$19=$B$17,14,0)+IF('Standard Profiles'!$G$19=$B$24,21,0),0)),0)</f>
        <v>0</v>
      </c>
      <c r="F1089" cm="1">
        <f t="array" ref="F1089">IFERROR(INDEX(Jesper!AJ$2:AJ$366,ROUNDDOWN($C1089/24,0)+1,1)*INDEX($D$3:$AA$30,INDEX(Jesper!$R$2:$R$366,ROW(INDEX(Jesper!AJ$2:AJ$366,ROUNDDOWN($C1089/24,0)+1,1))-1)+IF('Standard Profiles'!$G$20=$B$10,7,0)+IF('Standard Profiles'!$G$20=$B$17,14,0)+IF('Standard Profiles'!$G$20=$B$24,21,0),MOD($C1089,24)+1)/SUM(INDEX($D$3:$AA$30,INDEX(Jesper!$R$2:$R$366,ROW(INDEX(Jesper!AJ$2:AJ$366,ROUNDDOWN($C1089/24,0)+1,1))-1)+IF('Standard Profiles'!$G$20=$B$10,7,0)+IF('Standard Profiles'!$G$20=$B$17,14,0)+IF('Standard Profiles'!$G$20=$B$24,21,0),0)),0)</f>
        <v>0</v>
      </c>
      <c r="G1089" cm="1">
        <f t="array" ref="G1089">IFERROR(INDEX(Jesper!AK$2:AK$366,ROUNDDOWN($C1089/24,0)+1,1)*INDEX($D$3:$AA$30,INDEX(Jesper!$R$2:$R$366,ROW(INDEX(Jesper!AK$2:AK$366,ROUNDDOWN($C1089/24,0)+1,1))-1)+IF('Standard Profiles'!$G$21=$B$10,7,0)+IF('Standard Profiles'!$G$21=$B$17,14,0)+IF('Standard Profiles'!$G$21=$B$24,21,0),MOD($C1089,24)+1)/SUM(INDEX($D$3:$AA$30,INDEX(Jesper!$R$2:$R$366,ROW(INDEX(Jesper!AK$2:AK$366,ROUNDDOWN($C1089/24,0)+1,1))-1)+IF('Standard Profiles'!$G$21=$B$10,7,0)+IF('Standard Profiles'!$G$21=$B$17,14,0)+IF('Standard Profiles'!$G$21=$B$24,21,0),0)),0)</f>
        <v>0</v>
      </c>
      <c r="H1089" cm="1">
        <f t="array" ref="H1089">IFERROR(INDEX(Jesper!AL$2:AL$366,ROUNDDOWN($C1089/24,0)+1,1)*INDEX($D$3:$AA$30,INDEX(Jesper!$R$2:$R$366,ROW(INDEX(Jesper!AL$2:AL$366,ROUNDDOWN($C1089/24,0)+1,1))-1)+IF('Standard Profiles'!$G$22=$B$10,7,0)+IF('Standard Profiles'!$G$22=$B$17,14,0)+IF('Standard Profiles'!$G$22=$B$24,21,0),MOD($C1089,24)+1)/SUM(INDEX($D$3:$AA$30,INDEX(Jesper!$R$2:$R$366,ROW(INDEX(Jesper!AL$2:AL$366,ROUNDDOWN($C1089/24,0)+1,1))-1)+IF('Standard Profiles'!$G$22=$B$10,7,0)+IF('Standard Profiles'!$G$22=$B$17,14,0)+IF('Standard Profiles'!$G$22=$B$24,21,0),0)),0)</f>
        <v>0</v>
      </c>
      <c r="I1089">
        <f t="shared" si="132"/>
        <v>0.21855574117767948</v>
      </c>
      <c r="J1089">
        <f t="shared" si="133"/>
        <v>0.72851913725893169</v>
      </c>
      <c r="K1089">
        <f t="shared" si="134"/>
        <v>1.0927787058883973</v>
      </c>
      <c r="L1089">
        <f t="shared" si="135"/>
        <v>5.2453377882643073</v>
      </c>
      <c r="M1089">
        <f t="shared" si="136"/>
        <v>0</v>
      </c>
      <c r="N1089" s="46">
        <f t="shared" si="137"/>
        <v>45335.958333330775</v>
      </c>
    </row>
    <row r="1090" spans="2:14" x14ac:dyDescent="0.3">
      <c r="B1090">
        <f t="shared" si="131"/>
        <v>3</v>
      </c>
      <c r="C1090" s="16">
        <v>1056</v>
      </c>
      <c r="D1090" cm="1">
        <f t="array" ref="D1090">IFERROR(INDEX(Jesper!AH$2:AH$366,ROUNDDOWN($C1090/24,0)+1,1)*INDEX($D$3:$AA$30,INDEX(Jesper!$R$2:$R$366,ROW(INDEX(Jesper!AH$2:AH$366,ROUNDDOWN($C1090/24,0)+1,1))-1)+IF('Standard Profiles'!$G$18=$B$10,7,0)+IF('Standard Profiles'!$G$18=$B$17,14,0)+IF('Standard Profiles'!$G$18=$B$24,21,0),MOD($C1090,24)+1)/SUM(INDEX($D$3:$AA$30,INDEX(Jesper!$R$2:$R$366,ROW(INDEX(Jesper!AH$2:AH$366,ROUNDDOWN($C1090/24,0)+1,1))-1)+IF('Standard Profiles'!$G$18=$B$10,7,0)+IF('Standard Profiles'!$G$18=$B$17,14,0)+IF('Standard Profiles'!$G$18=$B$24,21,0),0)),0)</f>
        <v>6.7366913443093033</v>
      </c>
      <c r="E1090" cm="1">
        <f t="array" ref="E1090">IFERROR(INDEX(Jesper!AI$2:AI$366,ROUNDDOWN($C1090/24,0)+1,1)*INDEX($D$3:$AA$30,INDEX(Jesper!$R$2:$R$366,ROW(INDEX(Jesper!AI$2:AI$366,ROUNDDOWN($C1090/24,0)+1,1))-1)+IF('Standard Profiles'!$G$19=$B$10,7,0)+IF('Standard Profiles'!$G$19=$B$17,14,0)+IF('Standard Profiles'!$G$19=$B$24,21,0),MOD($C1090,24)+1)/SUM(INDEX($D$3:$AA$30,INDEX(Jesper!$R$2:$R$366,ROW(INDEX(Jesper!AI$2:AI$366,ROUNDDOWN($C1090/24,0)+1,1))-1)+IF('Standard Profiles'!$G$19=$B$10,7,0)+IF('Standard Profiles'!$G$19=$B$17,14,0)+IF('Standard Profiles'!$G$19=$B$24,21,0),0)),0)</f>
        <v>0</v>
      </c>
      <c r="F1090" cm="1">
        <f t="array" ref="F1090">IFERROR(INDEX(Jesper!AJ$2:AJ$366,ROUNDDOWN($C1090/24,0)+1,1)*INDEX($D$3:$AA$30,INDEX(Jesper!$R$2:$R$366,ROW(INDEX(Jesper!AJ$2:AJ$366,ROUNDDOWN($C1090/24,0)+1,1))-1)+IF('Standard Profiles'!$G$20=$B$10,7,0)+IF('Standard Profiles'!$G$20=$B$17,14,0)+IF('Standard Profiles'!$G$20=$B$24,21,0),MOD($C1090,24)+1)/SUM(INDEX($D$3:$AA$30,INDEX(Jesper!$R$2:$R$366,ROW(INDEX(Jesper!AJ$2:AJ$366,ROUNDDOWN($C1090/24,0)+1,1))-1)+IF('Standard Profiles'!$G$20=$B$10,7,0)+IF('Standard Profiles'!$G$20=$B$17,14,0)+IF('Standard Profiles'!$G$20=$B$24,21,0),0)),0)</f>
        <v>0</v>
      </c>
      <c r="G1090" cm="1">
        <f t="array" ref="G1090">IFERROR(INDEX(Jesper!AK$2:AK$366,ROUNDDOWN($C1090/24,0)+1,1)*INDEX($D$3:$AA$30,INDEX(Jesper!$R$2:$R$366,ROW(INDEX(Jesper!AK$2:AK$366,ROUNDDOWN($C1090/24,0)+1,1))-1)+IF('Standard Profiles'!$G$21=$B$10,7,0)+IF('Standard Profiles'!$G$21=$B$17,14,0)+IF('Standard Profiles'!$G$21=$B$24,21,0),MOD($C1090,24)+1)/SUM(INDEX($D$3:$AA$30,INDEX(Jesper!$R$2:$R$366,ROW(INDEX(Jesper!AK$2:AK$366,ROUNDDOWN($C1090/24,0)+1,1))-1)+IF('Standard Profiles'!$G$21=$B$10,7,0)+IF('Standard Profiles'!$G$21=$B$17,14,0)+IF('Standard Profiles'!$G$21=$B$24,21,0),0)),0)</f>
        <v>0</v>
      </c>
      <c r="H1090" cm="1">
        <f t="array" ref="H1090">IFERROR(INDEX(Jesper!AL$2:AL$366,ROUNDDOWN($C1090/24,0)+1,1)*INDEX($D$3:$AA$30,INDEX(Jesper!$R$2:$R$366,ROW(INDEX(Jesper!AL$2:AL$366,ROUNDDOWN($C1090/24,0)+1,1))-1)+IF('Standard Profiles'!$G$22=$B$10,7,0)+IF('Standard Profiles'!$G$22=$B$17,14,0)+IF('Standard Profiles'!$G$22=$B$24,21,0),MOD($C1090,24)+1)/SUM(INDEX($D$3:$AA$30,INDEX(Jesper!$R$2:$R$366,ROW(INDEX(Jesper!AL$2:AL$366,ROUNDDOWN($C1090/24,0)+1,1))-1)+IF('Standard Profiles'!$G$22=$B$10,7,0)+IF('Standard Profiles'!$G$22=$B$17,14,0)+IF('Standard Profiles'!$G$22=$B$24,21,0),0)),0)</f>
        <v>0</v>
      </c>
      <c r="I1090">
        <f t="shared" si="132"/>
        <v>0.20210074032927908</v>
      </c>
      <c r="J1090">
        <f t="shared" si="133"/>
        <v>0.67366913443093035</v>
      </c>
      <c r="K1090">
        <f t="shared" si="134"/>
        <v>1.0105037016463954</v>
      </c>
      <c r="L1090">
        <f t="shared" si="135"/>
        <v>4.8504177679026981</v>
      </c>
      <c r="M1090">
        <f t="shared" si="136"/>
        <v>0</v>
      </c>
      <c r="N1090" s="46">
        <f t="shared" si="137"/>
        <v>45335.999999997439</v>
      </c>
    </row>
    <row r="1091" spans="2:14" x14ac:dyDescent="0.3">
      <c r="B1091">
        <f t="shared" si="131"/>
        <v>3</v>
      </c>
      <c r="C1091" s="16">
        <v>1057</v>
      </c>
      <c r="D1091" cm="1">
        <f t="array" ref="D1091">IFERROR(INDEX(Jesper!AH$2:AH$366,ROUNDDOWN($C1091/24,0)+1,1)*INDEX($D$3:$AA$30,INDEX(Jesper!$R$2:$R$366,ROW(INDEX(Jesper!AH$2:AH$366,ROUNDDOWN($C1091/24,0)+1,1))-1)+IF('Standard Profiles'!$G$18=$B$10,7,0)+IF('Standard Profiles'!$G$18=$B$17,14,0)+IF('Standard Profiles'!$G$18=$B$24,21,0),MOD($C1091,24)+1)/SUM(INDEX($D$3:$AA$30,INDEX(Jesper!$R$2:$R$366,ROW(INDEX(Jesper!AH$2:AH$366,ROUNDDOWN($C1091/24,0)+1,1))-1)+IF('Standard Profiles'!$G$18=$B$10,7,0)+IF('Standard Profiles'!$G$18=$B$17,14,0)+IF('Standard Profiles'!$G$18=$B$24,21,0),0)),0)</f>
        <v>7.5787777623479649</v>
      </c>
      <c r="E1091" cm="1">
        <f t="array" ref="E1091">IFERROR(INDEX(Jesper!AI$2:AI$366,ROUNDDOWN($C1091/24,0)+1,1)*INDEX($D$3:$AA$30,INDEX(Jesper!$R$2:$R$366,ROW(INDEX(Jesper!AI$2:AI$366,ROUNDDOWN($C1091/24,0)+1,1))-1)+IF('Standard Profiles'!$G$19=$B$10,7,0)+IF('Standard Profiles'!$G$19=$B$17,14,0)+IF('Standard Profiles'!$G$19=$B$24,21,0),MOD($C1091,24)+1)/SUM(INDEX($D$3:$AA$30,INDEX(Jesper!$R$2:$R$366,ROW(INDEX(Jesper!AI$2:AI$366,ROUNDDOWN($C1091/24,0)+1,1))-1)+IF('Standard Profiles'!$G$19=$B$10,7,0)+IF('Standard Profiles'!$G$19=$B$17,14,0)+IF('Standard Profiles'!$G$19=$B$24,21,0),0)),0)</f>
        <v>0</v>
      </c>
      <c r="F1091" cm="1">
        <f t="array" ref="F1091">IFERROR(INDEX(Jesper!AJ$2:AJ$366,ROUNDDOWN($C1091/24,0)+1,1)*INDEX($D$3:$AA$30,INDEX(Jesper!$R$2:$R$366,ROW(INDEX(Jesper!AJ$2:AJ$366,ROUNDDOWN($C1091/24,0)+1,1))-1)+IF('Standard Profiles'!$G$20=$B$10,7,0)+IF('Standard Profiles'!$G$20=$B$17,14,0)+IF('Standard Profiles'!$G$20=$B$24,21,0),MOD($C1091,24)+1)/SUM(INDEX($D$3:$AA$30,INDEX(Jesper!$R$2:$R$366,ROW(INDEX(Jesper!AJ$2:AJ$366,ROUNDDOWN($C1091/24,0)+1,1))-1)+IF('Standard Profiles'!$G$20=$B$10,7,0)+IF('Standard Profiles'!$G$20=$B$17,14,0)+IF('Standard Profiles'!$G$20=$B$24,21,0),0)),0)</f>
        <v>0</v>
      </c>
      <c r="G1091" cm="1">
        <f t="array" ref="G1091">IFERROR(INDEX(Jesper!AK$2:AK$366,ROUNDDOWN($C1091/24,0)+1,1)*INDEX($D$3:$AA$30,INDEX(Jesper!$R$2:$R$366,ROW(INDEX(Jesper!AK$2:AK$366,ROUNDDOWN($C1091/24,0)+1,1))-1)+IF('Standard Profiles'!$G$21=$B$10,7,0)+IF('Standard Profiles'!$G$21=$B$17,14,0)+IF('Standard Profiles'!$G$21=$B$24,21,0),MOD($C1091,24)+1)/SUM(INDEX($D$3:$AA$30,INDEX(Jesper!$R$2:$R$366,ROW(INDEX(Jesper!AK$2:AK$366,ROUNDDOWN($C1091/24,0)+1,1))-1)+IF('Standard Profiles'!$G$21=$B$10,7,0)+IF('Standard Profiles'!$G$21=$B$17,14,0)+IF('Standard Profiles'!$G$21=$B$24,21,0),0)),0)</f>
        <v>0</v>
      </c>
      <c r="H1091" cm="1">
        <f t="array" ref="H1091">IFERROR(INDEX(Jesper!AL$2:AL$366,ROUNDDOWN($C1091/24,0)+1,1)*INDEX($D$3:$AA$30,INDEX(Jesper!$R$2:$R$366,ROW(INDEX(Jesper!AL$2:AL$366,ROUNDDOWN($C1091/24,0)+1,1))-1)+IF('Standard Profiles'!$G$22=$B$10,7,0)+IF('Standard Profiles'!$G$22=$B$17,14,0)+IF('Standard Profiles'!$G$22=$B$24,21,0),MOD($C1091,24)+1)/SUM(INDEX($D$3:$AA$30,INDEX(Jesper!$R$2:$R$366,ROW(INDEX(Jesper!AL$2:AL$366,ROUNDDOWN($C1091/24,0)+1,1))-1)+IF('Standard Profiles'!$G$22=$B$10,7,0)+IF('Standard Profiles'!$G$22=$B$17,14,0)+IF('Standard Profiles'!$G$22=$B$24,21,0),0)),0)</f>
        <v>0</v>
      </c>
      <c r="I1091">
        <f t="shared" si="132"/>
        <v>0.22736333287043894</v>
      </c>
      <c r="J1091">
        <f t="shared" si="133"/>
        <v>0.75787777623479657</v>
      </c>
      <c r="K1091">
        <f t="shared" si="134"/>
        <v>1.1368166643521946</v>
      </c>
      <c r="L1091">
        <f t="shared" si="135"/>
        <v>5.4567199888905344</v>
      </c>
      <c r="M1091">
        <f t="shared" si="136"/>
        <v>0</v>
      </c>
      <c r="N1091" s="46">
        <f t="shared" si="137"/>
        <v>45336.041666664103</v>
      </c>
    </row>
    <row r="1092" spans="2:14" x14ac:dyDescent="0.3">
      <c r="B1092">
        <f t="shared" si="131"/>
        <v>3</v>
      </c>
      <c r="C1092" s="16">
        <v>1058</v>
      </c>
      <c r="D1092" cm="1">
        <f t="array" ref="D1092">IFERROR(INDEX(Jesper!AH$2:AH$366,ROUNDDOWN($C1092/24,0)+1,1)*INDEX($D$3:$AA$30,INDEX(Jesper!$R$2:$R$366,ROW(INDEX(Jesper!AH$2:AH$366,ROUNDDOWN($C1092/24,0)+1,1))-1)+IF('Standard Profiles'!$G$18=$B$10,7,0)+IF('Standard Profiles'!$G$18=$B$17,14,0)+IF('Standard Profiles'!$G$18=$B$24,21,0),MOD($C1092,24)+1)/SUM(INDEX($D$3:$AA$30,INDEX(Jesper!$R$2:$R$366,ROW(INDEX(Jesper!AH$2:AH$366,ROUNDDOWN($C1092/24,0)+1,1))-1)+IF('Standard Profiles'!$G$18=$B$10,7,0)+IF('Standard Profiles'!$G$18=$B$17,14,0)+IF('Standard Profiles'!$G$18=$B$24,21,0),0)),0)</f>
        <v>7.5787777623479649</v>
      </c>
      <c r="E1092" cm="1">
        <f t="array" ref="E1092">IFERROR(INDEX(Jesper!AI$2:AI$366,ROUNDDOWN($C1092/24,0)+1,1)*INDEX($D$3:$AA$30,INDEX(Jesper!$R$2:$R$366,ROW(INDEX(Jesper!AI$2:AI$366,ROUNDDOWN($C1092/24,0)+1,1))-1)+IF('Standard Profiles'!$G$19=$B$10,7,0)+IF('Standard Profiles'!$G$19=$B$17,14,0)+IF('Standard Profiles'!$G$19=$B$24,21,0),MOD($C1092,24)+1)/SUM(INDEX($D$3:$AA$30,INDEX(Jesper!$R$2:$R$366,ROW(INDEX(Jesper!AI$2:AI$366,ROUNDDOWN($C1092/24,0)+1,1))-1)+IF('Standard Profiles'!$G$19=$B$10,7,0)+IF('Standard Profiles'!$G$19=$B$17,14,0)+IF('Standard Profiles'!$G$19=$B$24,21,0),0)),0)</f>
        <v>0</v>
      </c>
      <c r="F1092" cm="1">
        <f t="array" ref="F1092">IFERROR(INDEX(Jesper!AJ$2:AJ$366,ROUNDDOWN($C1092/24,0)+1,1)*INDEX($D$3:$AA$30,INDEX(Jesper!$R$2:$R$366,ROW(INDEX(Jesper!AJ$2:AJ$366,ROUNDDOWN($C1092/24,0)+1,1))-1)+IF('Standard Profiles'!$G$20=$B$10,7,0)+IF('Standard Profiles'!$G$20=$B$17,14,0)+IF('Standard Profiles'!$G$20=$B$24,21,0),MOD($C1092,24)+1)/SUM(INDEX($D$3:$AA$30,INDEX(Jesper!$R$2:$R$366,ROW(INDEX(Jesper!AJ$2:AJ$366,ROUNDDOWN($C1092/24,0)+1,1))-1)+IF('Standard Profiles'!$G$20=$B$10,7,0)+IF('Standard Profiles'!$G$20=$B$17,14,0)+IF('Standard Profiles'!$G$20=$B$24,21,0),0)),0)</f>
        <v>0</v>
      </c>
      <c r="G1092" cm="1">
        <f t="array" ref="G1092">IFERROR(INDEX(Jesper!AK$2:AK$366,ROUNDDOWN($C1092/24,0)+1,1)*INDEX($D$3:$AA$30,INDEX(Jesper!$R$2:$R$366,ROW(INDEX(Jesper!AK$2:AK$366,ROUNDDOWN($C1092/24,0)+1,1))-1)+IF('Standard Profiles'!$G$21=$B$10,7,0)+IF('Standard Profiles'!$G$21=$B$17,14,0)+IF('Standard Profiles'!$G$21=$B$24,21,0),MOD($C1092,24)+1)/SUM(INDEX($D$3:$AA$30,INDEX(Jesper!$R$2:$R$366,ROW(INDEX(Jesper!AK$2:AK$366,ROUNDDOWN($C1092/24,0)+1,1))-1)+IF('Standard Profiles'!$G$21=$B$10,7,0)+IF('Standard Profiles'!$G$21=$B$17,14,0)+IF('Standard Profiles'!$G$21=$B$24,21,0),0)),0)</f>
        <v>0</v>
      </c>
      <c r="H1092" cm="1">
        <f t="array" ref="H1092">IFERROR(INDEX(Jesper!AL$2:AL$366,ROUNDDOWN($C1092/24,0)+1,1)*INDEX($D$3:$AA$30,INDEX(Jesper!$R$2:$R$366,ROW(INDEX(Jesper!AL$2:AL$366,ROUNDDOWN($C1092/24,0)+1,1))-1)+IF('Standard Profiles'!$G$22=$B$10,7,0)+IF('Standard Profiles'!$G$22=$B$17,14,0)+IF('Standard Profiles'!$G$22=$B$24,21,0),MOD($C1092,24)+1)/SUM(INDEX($D$3:$AA$30,INDEX(Jesper!$R$2:$R$366,ROW(INDEX(Jesper!AL$2:AL$366,ROUNDDOWN($C1092/24,0)+1,1))-1)+IF('Standard Profiles'!$G$22=$B$10,7,0)+IF('Standard Profiles'!$G$22=$B$17,14,0)+IF('Standard Profiles'!$G$22=$B$24,21,0),0)),0)</f>
        <v>0</v>
      </c>
      <c r="I1092">
        <f t="shared" si="132"/>
        <v>0.22736333287043894</v>
      </c>
      <c r="J1092">
        <f t="shared" si="133"/>
        <v>0.75787777623479657</v>
      </c>
      <c r="K1092">
        <f t="shared" si="134"/>
        <v>1.1368166643521946</v>
      </c>
      <c r="L1092">
        <f t="shared" si="135"/>
        <v>5.4567199888905344</v>
      </c>
      <c r="M1092">
        <f t="shared" si="136"/>
        <v>0</v>
      </c>
      <c r="N1092" s="46">
        <f t="shared" si="137"/>
        <v>45336.083333330767</v>
      </c>
    </row>
    <row r="1093" spans="2:14" x14ac:dyDescent="0.3">
      <c r="B1093">
        <f t="shared" si="131"/>
        <v>3</v>
      </c>
      <c r="C1093" s="16">
        <v>1059</v>
      </c>
      <c r="D1093" cm="1">
        <f t="array" ref="D1093">IFERROR(INDEX(Jesper!AH$2:AH$366,ROUNDDOWN($C1093/24,0)+1,1)*INDEX($D$3:$AA$30,INDEX(Jesper!$R$2:$R$366,ROW(INDEX(Jesper!AH$2:AH$366,ROUNDDOWN($C1093/24,0)+1,1))-1)+IF('Standard Profiles'!$G$18=$B$10,7,0)+IF('Standard Profiles'!$G$18=$B$17,14,0)+IF('Standard Profiles'!$G$18=$B$24,21,0),MOD($C1093,24)+1)/SUM(INDEX($D$3:$AA$30,INDEX(Jesper!$R$2:$R$366,ROW(INDEX(Jesper!AH$2:AH$366,ROUNDDOWN($C1093/24,0)+1,1))-1)+IF('Standard Profiles'!$G$18=$B$10,7,0)+IF('Standard Profiles'!$G$18=$B$17,14,0)+IF('Standard Profiles'!$G$18=$B$24,21,0),0)),0)</f>
        <v>7.5787777623479649</v>
      </c>
      <c r="E1093" cm="1">
        <f t="array" ref="E1093">IFERROR(INDEX(Jesper!AI$2:AI$366,ROUNDDOWN($C1093/24,0)+1,1)*INDEX($D$3:$AA$30,INDEX(Jesper!$R$2:$R$366,ROW(INDEX(Jesper!AI$2:AI$366,ROUNDDOWN($C1093/24,0)+1,1))-1)+IF('Standard Profiles'!$G$19=$B$10,7,0)+IF('Standard Profiles'!$G$19=$B$17,14,0)+IF('Standard Profiles'!$G$19=$B$24,21,0),MOD($C1093,24)+1)/SUM(INDEX($D$3:$AA$30,INDEX(Jesper!$R$2:$R$366,ROW(INDEX(Jesper!AI$2:AI$366,ROUNDDOWN($C1093/24,0)+1,1))-1)+IF('Standard Profiles'!$G$19=$B$10,7,0)+IF('Standard Profiles'!$G$19=$B$17,14,0)+IF('Standard Profiles'!$G$19=$B$24,21,0),0)),0)</f>
        <v>0</v>
      </c>
      <c r="F1093" cm="1">
        <f t="array" ref="F1093">IFERROR(INDEX(Jesper!AJ$2:AJ$366,ROUNDDOWN($C1093/24,0)+1,1)*INDEX($D$3:$AA$30,INDEX(Jesper!$R$2:$R$366,ROW(INDEX(Jesper!AJ$2:AJ$366,ROUNDDOWN($C1093/24,0)+1,1))-1)+IF('Standard Profiles'!$G$20=$B$10,7,0)+IF('Standard Profiles'!$G$20=$B$17,14,0)+IF('Standard Profiles'!$G$20=$B$24,21,0),MOD($C1093,24)+1)/SUM(INDEX($D$3:$AA$30,INDEX(Jesper!$R$2:$R$366,ROW(INDEX(Jesper!AJ$2:AJ$366,ROUNDDOWN($C1093/24,0)+1,1))-1)+IF('Standard Profiles'!$G$20=$B$10,7,0)+IF('Standard Profiles'!$G$20=$B$17,14,0)+IF('Standard Profiles'!$G$20=$B$24,21,0),0)),0)</f>
        <v>0</v>
      </c>
      <c r="G1093" cm="1">
        <f t="array" ref="G1093">IFERROR(INDEX(Jesper!AK$2:AK$366,ROUNDDOWN($C1093/24,0)+1,1)*INDEX($D$3:$AA$30,INDEX(Jesper!$R$2:$R$366,ROW(INDEX(Jesper!AK$2:AK$366,ROUNDDOWN($C1093/24,0)+1,1))-1)+IF('Standard Profiles'!$G$21=$B$10,7,0)+IF('Standard Profiles'!$G$21=$B$17,14,0)+IF('Standard Profiles'!$G$21=$B$24,21,0),MOD($C1093,24)+1)/SUM(INDEX($D$3:$AA$30,INDEX(Jesper!$R$2:$R$366,ROW(INDEX(Jesper!AK$2:AK$366,ROUNDDOWN($C1093/24,0)+1,1))-1)+IF('Standard Profiles'!$G$21=$B$10,7,0)+IF('Standard Profiles'!$G$21=$B$17,14,0)+IF('Standard Profiles'!$G$21=$B$24,21,0),0)),0)</f>
        <v>0</v>
      </c>
      <c r="H1093" cm="1">
        <f t="array" ref="H1093">IFERROR(INDEX(Jesper!AL$2:AL$366,ROUNDDOWN($C1093/24,0)+1,1)*INDEX($D$3:$AA$30,INDEX(Jesper!$R$2:$R$366,ROW(INDEX(Jesper!AL$2:AL$366,ROUNDDOWN($C1093/24,0)+1,1))-1)+IF('Standard Profiles'!$G$22=$B$10,7,0)+IF('Standard Profiles'!$G$22=$B$17,14,0)+IF('Standard Profiles'!$G$22=$B$24,21,0),MOD($C1093,24)+1)/SUM(INDEX($D$3:$AA$30,INDEX(Jesper!$R$2:$R$366,ROW(INDEX(Jesper!AL$2:AL$366,ROUNDDOWN($C1093/24,0)+1,1))-1)+IF('Standard Profiles'!$G$22=$B$10,7,0)+IF('Standard Profiles'!$G$22=$B$17,14,0)+IF('Standard Profiles'!$G$22=$B$24,21,0),0)),0)</f>
        <v>0</v>
      </c>
      <c r="I1093">
        <f t="shared" si="132"/>
        <v>0.22736333287043894</v>
      </c>
      <c r="J1093">
        <f t="shared" si="133"/>
        <v>0.75787777623479657</v>
      </c>
      <c r="K1093">
        <f t="shared" si="134"/>
        <v>1.1368166643521946</v>
      </c>
      <c r="L1093">
        <f t="shared" si="135"/>
        <v>5.4567199888905344</v>
      </c>
      <c r="M1093">
        <f t="shared" si="136"/>
        <v>0</v>
      </c>
      <c r="N1093" s="46">
        <f t="shared" si="137"/>
        <v>45336.124999997432</v>
      </c>
    </row>
    <row r="1094" spans="2:14" x14ac:dyDescent="0.3">
      <c r="B1094">
        <f t="shared" si="131"/>
        <v>3</v>
      </c>
      <c r="C1094" s="16">
        <v>1060</v>
      </c>
      <c r="D1094" cm="1">
        <f t="array" ref="D1094">IFERROR(INDEX(Jesper!AH$2:AH$366,ROUNDDOWN($C1094/24,0)+1,1)*INDEX($D$3:$AA$30,INDEX(Jesper!$R$2:$R$366,ROW(INDEX(Jesper!AH$2:AH$366,ROUNDDOWN($C1094/24,0)+1,1))-1)+IF('Standard Profiles'!$G$18=$B$10,7,0)+IF('Standard Profiles'!$G$18=$B$17,14,0)+IF('Standard Profiles'!$G$18=$B$24,21,0),MOD($C1094,24)+1)/SUM(INDEX($D$3:$AA$30,INDEX(Jesper!$R$2:$R$366,ROW(INDEX(Jesper!AH$2:AH$366,ROUNDDOWN($C1094/24,0)+1,1))-1)+IF('Standard Profiles'!$G$18=$B$10,7,0)+IF('Standard Profiles'!$G$18=$B$17,14,0)+IF('Standard Profiles'!$G$18=$B$24,21,0),0)),0)</f>
        <v>7.5787777623479649</v>
      </c>
      <c r="E1094" cm="1">
        <f t="array" ref="E1094">IFERROR(INDEX(Jesper!AI$2:AI$366,ROUNDDOWN($C1094/24,0)+1,1)*INDEX($D$3:$AA$30,INDEX(Jesper!$R$2:$R$366,ROW(INDEX(Jesper!AI$2:AI$366,ROUNDDOWN($C1094/24,0)+1,1))-1)+IF('Standard Profiles'!$G$19=$B$10,7,0)+IF('Standard Profiles'!$G$19=$B$17,14,0)+IF('Standard Profiles'!$G$19=$B$24,21,0),MOD($C1094,24)+1)/SUM(INDEX($D$3:$AA$30,INDEX(Jesper!$R$2:$R$366,ROW(INDEX(Jesper!AI$2:AI$366,ROUNDDOWN($C1094/24,0)+1,1))-1)+IF('Standard Profiles'!$G$19=$B$10,7,0)+IF('Standard Profiles'!$G$19=$B$17,14,0)+IF('Standard Profiles'!$G$19=$B$24,21,0),0)),0)</f>
        <v>0</v>
      </c>
      <c r="F1094" cm="1">
        <f t="array" ref="F1094">IFERROR(INDEX(Jesper!AJ$2:AJ$366,ROUNDDOWN($C1094/24,0)+1,1)*INDEX($D$3:$AA$30,INDEX(Jesper!$R$2:$R$366,ROW(INDEX(Jesper!AJ$2:AJ$366,ROUNDDOWN($C1094/24,0)+1,1))-1)+IF('Standard Profiles'!$G$20=$B$10,7,0)+IF('Standard Profiles'!$G$20=$B$17,14,0)+IF('Standard Profiles'!$G$20=$B$24,21,0),MOD($C1094,24)+1)/SUM(INDEX($D$3:$AA$30,INDEX(Jesper!$R$2:$R$366,ROW(INDEX(Jesper!AJ$2:AJ$366,ROUNDDOWN($C1094/24,0)+1,1))-1)+IF('Standard Profiles'!$G$20=$B$10,7,0)+IF('Standard Profiles'!$G$20=$B$17,14,0)+IF('Standard Profiles'!$G$20=$B$24,21,0),0)),0)</f>
        <v>0</v>
      </c>
      <c r="G1094" cm="1">
        <f t="array" ref="G1094">IFERROR(INDEX(Jesper!AK$2:AK$366,ROUNDDOWN($C1094/24,0)+1,1)*INDEX($D$3:$AA$30,INDEX(Jesper!$R$2:$R$366,ROW(INDEX(Jesper!AK$2:AK$366,ROUNDDOWN($C1094/24,0)+1,1))-1)+IF('Standard Profiles'!$G$21=$B$10,7,0)+IF('Standard Profiles'!$G$21=$B$17,14,0)+IF('Standard Profiles'!$G$21=$B$24,21,0),MOD($C1094,24)+1)/SUM(INDEX($D$3:$AA$30,INDEX(Jesper!$R$2:$R$366,ROW(INDEX(Jesper!AK$2:AK$366,ROUNDDOWN($C1094/24,0)+1,1))-1)+IF('Standard Profiles'!$G$21=$B$10,7,0)+IF('Standard Profiles'!$G$21=$B$17,14,0)+IF('Standard Profiles'!$G$21=$B$24,21,0),0)),0)</f>
        <v>0</v>
      </c>
      <c r="H1094" cm="1">
        <f t="array" ref="H1094">IFERROR(INDEX(Jesper!AL$2:AL$366,ROUNDDOWN($C1094/24,0)+1,1)*INDEX($D$3:$AA$30,INDEX(Jesper!$R$2:$R$366,ROW(INDEX(Jesper!AL$2:AL$366,ROUNDDOWN($C1094/24,0)+1,1))-1)+IF('Standard Profiles'!$G$22=$B$10,7,0)+IF('Standard Profiles'!$G$22=$B$17,14,0)+IF('Standard Profiles'!$G$22=$B$24,21,0),MOD($C1094,24)+1)/SUM(INDEX($D$3:$AA$30,INDEX(Jesper!$R$2:$R$366,ROW(INDEX(Jesper!AL$2:AL$366,ROUNDDOWN($C1094/24,0)+1,1))-1)+IF('Standard Profiles'!$G$22=$B$10,7,0)+IF('Standard Profiles'!$G$22=$B$17,14,0)+IF('Standard Profiles'!$G$22=$B$24,21,0),0)),0)</f>
        <v>0</v>
      </c>
      <c r="I1094">
        <f t="shared" si="132"/>
        <v>0.22736333287043894</v>
      </c>
      <c r="J1094">
        <f t="shared" si="133"/>
        <v>0.75787777623479657</v>
      </c>
      <c r="K1094">
        <f t="shared" si="134"/>
        <v>1.1368166643521946</v>
      </c>
      <c r="L1094">
        <f t="shared" si="135"/>
        <v>5.4567199888905344</v>
      </c>
      <c r="M1094">
        <f t="shared" si="136"/>
        <v>0</v>
      </c>
      <c r="N1094" s="46">
        <f t="shared" si="137"/>
        <v>45336.166666664096</v>
      </c>
    </row>
    <row r="1095" spans="2:14" x14ac:dyDescent="0.3">
      <c r="B1095">
        <f t="shared" si="131"/>
        <v>3</v>
      </c>
      <c r="C1095" s="16">
        <v>1061</v>
      </c>
      <c r="D1095" cm="1">
        <f t="array" ref="D1095">IFERROR(INDEX(Jesper!AH$2:AH$366,ROUNDDOWN($C1095/24,0)+1,1)*INDEX($D$3:$AA$30,INDEX(Jesper!$R$2:$R$366,ROW(INDEX(Jesper!AH$2:AH$366,ROUNDDOWN($C1095/24,0)+1,1))-1)+IF('Standard Profiles'!$G$18=$B$10,7,0)+IF('Standard Profiles'!$G$18=$B$17,14,0)+IF('Standard Profiles'!$G$18=$B$24,21,0),MOD($C1095,24)+1)/SUM(INDEX($D$3:$AA$30,INDEX(Jesper!$R$2:$R$366,ROW(INDEX(Jesper!AH$2:AH$366,ROUNDDOWN($C1095/24,0)+1,1))-1)+IF('Standard Profiles'!$G$18=$B$10,7,0)+IF('Standard Profiles'!$G$18=$B$17,14,0)+IF('Standard Profiles'!$G$18=$B$24,21,0),0)),0)</f>
        <v>9.7682024492484896</v>
      </c>
      <c r="E1095" cm="1">
        <f t="array" ref="E1095">IFERROR(INDEX(Jesper!AI$2:AI$366,ROUNDDOWN($C1095/24,0)+1,1)*INDEX($D$3:$AA$30,INDEX(Jesper!$R$2:$R$366,ROW(INDEX(Jesper!AI$2:AI$366,ROUNDDOWN($C1095/24,0)+1,1))-1)+IF('Standard Profiles'!$G$19=$B$10,7,0)+IF('Standard Profiles'!$G$19=$B$17,14,0)+IF('Standard Profiles'!$G$19=$B$24,21,0),MOD($C1095,24)+1)/SUM(INDEX($D$3:$AA$30,INDEX(Jesper!$R$2:$R$366,ROW(INDEX(Jesper!AI$2:AI$366,ROUNDDOWN($C1095/24,0)+1,1))-1)+IF('Standard Profiles'!$G$19=$B$10,7,0)+IF('Standard Profiles'!$G$19=$B$17,14,0)+IF('Standard Profiles'!$G$19=$B$24,21,0),0)),0)</f>
        <v>0</v>
      </c>
      <c r="F1095" cm="1">
        <f t="array" ref="F1095">IFERROR(INDEX(Jesper!AJ$2:AJ$366,ROUNDDOWN($C1095/24,0)+1,1)*INDEX($D$3:$AA$30,INDEX(Jesper!$R$2:$R$366,ROW(INDEX(Jesper!AJ$2:AJ$366,ROUNDDOWN($C1095/24,0)+1,1))-1)+IF('Standard Profiles'!$G$20=$B$10,7,0)+IF('Standard Profiles'!$G$20=$B$17,14,0)+IF('Standard Profiles'!$G$20=$B$24,21,0),MOD($C1095,24)+1)/SUM(INDEX($D$3:$AA$30,INDEX(Jesper!$R$2:$R$366,ROW(INDEX(Jesper!AJ$2:AJ$366,ROUNDDOWN($C1095/24,0)+1,1))-1)+IF('Standard Profiles'!$G$20=$B$10,7,0)+IF('Standard Profiles'!$G$20=$B$17,14,0)+IF('Standard Profiles'!$G$20=$B$24,21,0),0)),0)</f>
        <v>0</v>
      </c>
      <c r="G1095" cm="1">
        <f t="array" ref="G1095">IFERROR(INDEX(Jesper!AK$2:AK$366,ROUNDDOWN($C1095/24,0)+1,1)*INDEX($D$3:$AA$30,INDEX(Jesper!$R$2:$R$366,ROW(INDEX(Jesper!AK$2:AK$366,ROUNDDOWN($C1095/24,0)+1,1))-1)+IF('Standard Profiles'!$G$21=$B$10,7,0)+IF('Standard Profiles'!$G$21=$B$17,14,0)+IF('Standard Profiles'!$G$21=$B$24,21,0),MOD($C1095,24)+1)/SUM(INDEX($D$3:$AA$30,INDEX(Jesper!$R$2:$R$366,ROW(INDEX(Jesper!AK$2:AK$366,ROUNDDOWN($C1095/24,0)+1,1))-1)+IF('Standard Profiles'!$G$21=$B$10,7,0)+IF('Standard Profiles'!$G$21=$B$17,14,0)+IF('Standard Profiles'!$G$21=$B$24,21,0),0)),0)</f>
        <v>0</v>
      </c>
      <c r="H1095" cm="1">
        <f t="array" ref="H1095">IFERROR(INDEX(Jesper!AL$2:AL$366,ROUNDDOWN($C1095/24,0)+1,1)*INDEX($D$3:$AA$30,INDEX(Jesper!$R$2:$R$366,ROW(INDEX(Jesper!AL$2:AL$366,ROUNDDOWN($C1095/24,0)+1,1))-1)+IF('Standard Profiles'!$G$22=$B$10,7,0)+IF('Standard Profiles'!$G$22=$B$17,14,0)+IF('Standard Profiles'!$G$22=$B$24,21,0),MOD($C1095,24)+1)/SUM(INDEX($D$3:$AA$30,INDEX(Jesper!$R$2:$R$366,ROW(INDEX(Jesper!AL$2:AL$366,ROUNDDOWN($C1095/24,0)+1,1))-1)+IF('Standard Profiles'!$G$22=$B$10,7,0)+IF('Standard Profiles'!$G$22=$B$17,14,0)+IF('Standard Profiles'!$G$22=$B$24,21,0),0)),0)</f>
        <v>0</v>
      </c>
      <c r="I1095">
        <f t="shared" si="132"/>
        <v>0.29304607347745465</v>
      </c>
      <c r="J1095">
        <f t="shared" si="133"/>
        <v>0.97682024492484898</v>
      </c>
      <c r="K1095">
        <f t="shared" si="134"/>
        <v>1.4652303673872733</v>
      </c>
      <c r="L1095">
        <f t="shared" si="135"/>
        <v>7.033105763458912</v>
      </c>
      <c r="M1095">
        <f t="shared" si="136"/>
        <v>0</v>
      </c>
      <c r="N1095" s="46">
        <f t="shared" si="137"/>
        <v>45336.20833333076</v>
      </c>
    </row>
    <row r="1096" spans="2:14" x14ac:dyDescent="0.3">
      <c r="B1096">
        <f t="shared" si="131"/>
        <v>3</v>
      </c>
      <c r="C1096" s="16">
        <v>1062</v>
      </c>
      <c r="D1096" cm="1">
        <f t="array" ref="D1096">IFERROR(INDEX(Jesper!AH$2:AH$366,ROUNDDOWN($C1096/24,0)+1,1)*INDEX($D$3:$AA$30,INDEX(Jesper!$R$2:$R$366,ROW(INDEX(Jesper!AH$2:AH$366,ROUNDDOWN($C1096/24,0)+1,1))-1)+IF('Standard Profiles'!$G$18=$B$10,7,0)+IF('Standard Profiles'!$G$18=$B$17,14,0)+IF('Standard Profiles'!$G$18=$B$24,21,0),MOD($C1096,24)+1)/SUM(INDEX($D$3:$AA$30,INDEX(Jesper!$R$2:$R$366,ROW(INDEX(Jesper!AH$2:AH$366,ROUNDDOWN($C1096/24,0)+1,1))-1)+IF('Standard Profiles'!$G$18=$B$10,7,0)+IF('Standard Profiles'!$G$18=$B$17,14,0)+IF('Standard Profiles'!$G$18=$B$24,21,0),0)),0)</f>
        <v>11.283958001718084</v>
      </c>
      <c r="E1096" cm="1">
        <f t="array" ref="E1096">IFERROR(INDEX(Jesper!AI$2:AI$366,ROUNDDOWN($C1096/24,0)+1,1)*INDEX($D$3:$AA$30,INDEX(Jesper!$R$2:$R$366,ROW(INDEX(Jesper!AI$2:AI$366,ROUNDDOWN($C1096/24,0)+1,1))-1)+IF('Standard Profiles'!$G$19=$B$10,7,0)+IF('Standard Profiles'!$G$19=$B$17,14,0)+IF('Standard Profiles'!$G$19=$B$24,21,0),MOD($C1096,24)+1)/SUM(INDEX($D$3:$AA$30,INDEX(Jesper!$R$2:$R$366,ROW(INDEX(Jesper!AI$2:AI$366,ROUNDDOWN($C1096/24,0)+1,1))-1)+IF('Standard Profiles'!$G$19=$B$10,7,0)+IF('Standard Profiles'!$G$19=$B$17,14,0)+IF('Standard Profiles'!$G$19=$B$24,21,0),0)),0)</f>
        <v>0</v>
      </c>
      <c r="F1096" cm="1">
        <f t="array" ref="F1096">IFERROR(INDEX(Jesper!AJ$2:AJ$366,ROUNDDOWN($C1096/24,0)+1,1)*INDEX($D$3:$AA$30,INDEX(Jesper!$R$2:$R$366,ROW(INDEX(Jesper!AJ$2:AJ$366,ROUNDDOWN($C1096/24,0)+1,1))-1)+IF('Standard Profiles'!$G$20=$B$10,7,0)+IF('Standard Profiles'!$G$20=$B$17,14,0)+IF('Standard Profiles'!$G$20=$B$24,21,0),MOD($C1096,24)+1)/SUM(INDEX($D$3:$AA$30,INDEX(Jesper!$R$2:$R$366,ROW(INDEX(Jesper!AJ$2:AJ$366,ROUNDDOWN($C1096/24,0)+1,1))-1)+IF('Standard Profiles'!$G$20=$B$10,7,0)+IF('Standard Profiles'!$G$20=$B$17,14,0)+IF('Standard Profiles'!$G$20=$B$24,21,0),0)),0)</f>
        <v>0</v>
      </c>
      <c r="G1096" cm="1">
        <f t="array" ref="G1096">IFERROR(INDEX(Jesper!AK$2:AK$366,ROUNDDOWN($C1096/24,0)+1,1)*INDEX($D$3:$AA$30,INDEX(Jesper!$R$2:$R$366,ROW(INDEX(Jesper!AK$2:AK$366,ROUNDDOWN($C1096/24,0)+1,1))-1)+IF('Standard Profiles'!$G$21=$B$10,7,0)+IF('Standard Profiles'!$G$21=$B$17,14,0)+IF('Standard Profiles'!$G$21=$B$24,21,0),MOD($C1096,24)+1)/SUM(INDEX($D$3:$AA$30,INDEX(Jesper!$R$2:$R$366,ROW(INDEX(Jesper!AK$2:AK$366,ROUNDDOWN($C1096/24,0)+1,1))-1)+IF('Standard Profiles'!$G$21=$B$10,7,0)+IF('Standard Profiles'!$G$21=$B$17,14,0)+IF('Standard Profiles'!$G$21=$B$24,21,0),0)),0)</f>
        <v>0</v>
      </c>
      <c r="H1096" cm="1">
        <f t="array" ref="H1096">IFERROR(INDEX(Jesper!AL$2:AL$366,ROUNDDOWN($C1096/24,0)+1,1)*INDEX($D$3:$AA$30,INDEX(Jesper!$R$2:$R$366,ROW(INDEX(Jesper!AL$2:AL$366,ROUNDDOWN($C1096/24,0)+1,1))-1)+IF('Standard Profiles'!$G$22=$B$10,7,0)+IF('Standard Profiles'!$G$22=$B$17,14,0)+IF('Standard Profiles'!$G$22=$B$24,21,0),MOD($C1096,24)+1)/SUM(INDEX($D$3:$AA$30,INDEX(Jesper!$R$2:$R$366,ROW(INDEX(Jesper!AL$2:AL$366,ROUNDDOWN($C1096/24,0)+1,1))-1)+IF('Standard Profiles'!$G$22=$B$10,7,0)+IF('Standard Profiles'!$G$22=$B$17,14,0)+IF('Standard Profiles'!$G$22=$B$24,21,0),0)),0)</f>
        <v>0</v>
      </c>
      <c r="I1096">
        <f t="shared" si="132"/>
        <v>0.33851874005154248</v>
      </c>
      <c r="J1096">
        <f t="shared" si="133"/>
        <v>1.1283958001718084</v>
      </c>
      <c r="K1096">
        <f t="shared" si="134"/>
        <v>1.6925937002577125</v>
      </c>
      <c r="L1096">
        <f t="shared" si="135"/>
        <v>8.1244497612370203</v>
      </c>
      <c r="M1096">
        <f t="shared" si="136"/>
        <v>0</v>
      </c>
      <c r="N1096" s="46">
        <f t="shared" si="137"/>
        <v>45336.249999997424</v>
      </c>
    </row>
    <row r="1097" spans="2:14" x14ac:dyDescent="0.3">
      <c r="B1097">
        <f t="shared" si="131"/>
        <v>3</v>
      </c>
      <c r="C1097" s="16">
        <v>1063</v>
      </c>
      <c r="D1097" cm="1">
        <f t="array" ref="D1097">IFERROR(INDEX(Jesper!AH$2:AH$366,ROUNDDOWN($C1097/24,0)+1,1)*INDEX($D$3:$AA$30,INDEX(Jesper!$R$2:$R$366,ROW(INDEX(Jesper!AH$2:AH$366,ROUNDDOWN($C1097/24,0)+1,1))-1)+IF('Standard Profiles'!$G$18=$B$10,7,0)+IF('Standard Profiles'!$G$18=$B$17,14,0)+IF('Standard Profiles'!$G$18=$B$24,21,0),MOD($C1097,24)+1)/SUM(INDEX($D$3:$AA$30,INDEX(Jesper!$R$2:$R$366,ROW(INDEX(Jesper!AH$2:AH$366,ROUNDDOWN($C1097/24,0)+1,1))-1)+IF('Standard Profiles'!$G$18=$B$10,7,0)+IF('Standard Profiles'!$G$18=$B$17,14,0)+IF('Standard Profiles'!$G$18=$B$24,21,0),0)),0)</f>
        <v>11.283958001718084</v>
      </c>
      <c r="E1097" cm="1">
        <f t="array" ref="E1097">IFERROR(INDEX(Jesper!AI$2:AI$366,ROUNDDOWN($C1097/24,0)+1,1)*INDEX($D$3:$AA$30,INDEX(Jesper!$R$2:$R$366,ROW(INDEX(Jesper!AI$2:AI$366,ROUNDDOWN($C1097/24,0)+1,1))-1)+IF('Standard Profiles'!$G$19=$B$10,7,0)+IF('Standard Profiles'!$G$19=$B$17,14,0)+IF('Standard Profiles'!$G$19=$B$24,21,0),MOD($C1097,24)+1)/SUM(INDEX($D$3:$AA$30,INDEX(Jesper!$R$2:$R$366,ROW(INDEX(Jesper!AI$2:AI$366,ROUNDDOWN($C1097/24,0)+1,1))-1)+IF('Standard Profiles'!$G$19=$B$10,7,0)+IF('Standard Profiles'!$G$19=$B$17,14,0)+IF('Standard Profiles'!$G$19=$B$24,21,0),0)),0)</f>
        <v>0</v>
      </c>
      <c r="F1097" cm="1">
        <f t="array" ref="F1097">IFERROR(INDEX(Jesper!AJ$2:AJ$366,ROUNDDOWN($C1097/24,0)+1,1)*INDEX($D$3:$AA$30,INDEX(Jesper!$R$2:$R$366,ROW(INDEX(Jesper!AJ$2:AJ$366,ROUNDDOWN($C1097/24,0)+1,1))-1)+IF('Standard Profiles'!$G$20=$B$10,7,0)+IF('Standard Profiles'!$G$20=$B$17,14,0)+IF('Standard Profiles'!$G$20=$B$24,21,0),MOD($C1097,24)+1)/SUM(INDEX($D$3:$AA$30,INDEX(Jesper!$R$2:$R$366,ROW(INDEX(Jesper!AJ$2:AJ$366,ROUNDDOWN($C1097/24,0)+1,1))-1)+IF('Standard Profiles'!$G$20=$B$10,7,0)+IF('Standard Profiles'!$G$20=$B$17,14,0)+IF('Standard Profiles'!$G$20=$B$24,21,0),0)),0)</f>
        <v>0</v>
      </c>
      <c r="G1097" cm="1">
        <f t="array" ref="G1097">IFERROR(INDEX(Jesper!AK$2:AK$366,ROUNDDOWN($C1097/24,0)+1,1)*INDEX($D$3:$AA$30,INDEX(Jesper!$R$2:$R$366,ROW(INDEX(Jesper!AK$2:AK$366,ROUNDDOWN($C1097/24,0)+1,1))-1)+IF('Standard Profiles'!$G$21=$B$10,7,0)+IF('Standard Profiles'!$G$21=$B$17,14,0)+IF('Standard Profiles'!$G$21=$B$24,21,0),MOD($C1097,24)+1)/SUM(INDEX($D$3:$AA$30,INDEX(Jesper!$R$2:$R$366,ROW(INDEX(Jesper!AK$2:AK$366,ROUNDDOWN($C1097/24,0)+1,1))-1)+IF('Standard Profiles'!$G$21=$B$10,7,0)+IF('Standard Profiles'!$G$21=$B$17,14,0)+IF('Standard Profiles'!$G$21=$B$24,21,0),0)),0)</f>
        <v>0</v>
      </c>
      <c r="H1097" cm="1">
        <f t="array" ref="H1097">IFERROR(INDEX(Jesper!AL$2:AL$366,ROUNDDOWN($C1097/24,0)+1,1)*INDEX($D$3:$AA$30,INDEX(Jesper!$R$2:$R$366,ROW(INDEX(Jesper!AL$2:AL$366,ROUNDDOWN($C1097/24,0)+1,1))-1)+IF('Standard Profiles'!$G$22=$B$10,7,0)+IF('Standard Profiles'!$G$22=$B$17,14,0)+IF('Standard Profiles'!$G$22=$B$24,21,0),MOD($C1097,24)+1)/SUM(INDEX($D$3:$AA$30,INDEX(Jesper!$R$2:$R$366,ROW(INDEX(Jesper!AL$2:AL$366,ROUNDDOWN($C1097/24,0)+1,1))-1)+IF('Standard Profiles'!$G$22=$B$10,7,0)+IF('Standard Profiles'!$G$22=$B$17,14,0)+IF('Standard Profiles'!$G$22=$B$24,21,0),0)),0)</f>
        <v>0</v>
      </c>
      <c r="I1097">
        <f t="shared" si="132"/>
        <v>0.33851874005154248</v>
      </c>
      <c r="J1097">
        <f t="shared" si="133"/>
        <v>1.1283958001718084</v>
      </c>
      <c r="K1097">
        <f t="shared" si="134"/>
        <v>1.6925937002577125</v>
      </c>
      <c r="L1097">
        <f t="shared" si="135"/>
        <v>8.1244497612370203</v>
      </c>
      <c r="M1097">
        <f t="shared" si="136"/>
        <v>0</v>
      </c>
      <c r="N1097" s="46">
        <f t="shared" si="137"/>
        <v>45336.291666664089</v>
      </c>
    </row>
    <row r="1098" spans="2:14" x14ac:dyDescent="0.3">
      <c r="B1098">
        <f t="shared" si="131"/>
        <v>3</v>
      </c>
      <c r="C1098" s="16">
        <v>1064</v>
      </c>
      <c r="D1098" cm="1">
        <f t="array" ref="D1098">IFERROR(INDEX(Jesper!AH$2:AH$366,ROUNDDOWN($C1098/24,0)+1,1)*INDEX($D$3:$AA$30,INDEX(Jesper!$R$2:$R$366,ROW(INDEX(Jesper!AH$2:AH$366,ROUNDDOWN($C1098/24,0)+1,1))-1)+IF('Standard Profiles'!$G$18=$B$10,7,0)+IF('Standard Profiles'!$G$18=$B$17,14,0)+IF('Standard Profiles'!$G$18=$B$24,21,0),MOD($C1098,24)+1)/SUM(INDEX($D$3:$AA$30,INDEX(Jesper!$R$2:$R$366,ROW(INDEX(Jesper!AH$2:AH$366,ROUNDDOWN($C1098/24,0)+1,1))-1)+IF('Standard Profiles'!$G$18=$B$10,7,0)+IF('Standard Profiles'!$G$18=$B$17,14,0)+IF('Standard Profiles'!$G$18=$B$24,21,0),0)),0)</f>
        <v>11.283958001718084</v>
      </c>
      <c r="E1098" cm="1">
        <f t="array" ref="E1098">IFERROR(INDEX(Jesper!AI$2:AI$366,ROUNDDOWN($C1098/24,0)+1,1)*INDEX($D$3:$AA$30,INDEX(Jesper!$R$2:$R$366,ROW(INDEX(Jesper!AI$2:AI$366,ROUNDDOWN($C1098/24,0)+1,1))-1)+IF('Standard Profiles'!$G$19=$B$10,7,0)+IF('Standard Profiles'!$G$19=$B$17,14,0)+IF('Standard Profiles'!$G$19=$B$24,21,0),MOD($C1098,24)+1)/SUM(INDEX($D$3:$AA$30,INDEX(Jesper!$R$2:$R$366,ROW(INDEX(Jesper!AI$2:AI$366,ROUNDDOWN($C1098/24,0)+1,1))-1)+IF('Standard Profiles'!$G$19=$B$10,7,0)+IF('Standard Profiles'!$G$19=$B$17,14,0)+IF('Standard Profiles'!$G$19=$B$24,21,0),0)),0)</f>
        <v>0</v>
      </c>
      <c r="F1098" cm="1">
        <f t="array" ref="F1098">IFERROR(INDEX(Jesper!AJ$2:AJ$366,ROUNDDOWN($C1098/24,0)+1,1)*INDEX($D$3:$AA$30,INDEX(Jesper!$R$2:$R$366,ROW(INDEX(Jesper!AJ$2:AJ$366,ROUNDDOWN($C1098/24,0)+1,1))-1)+IF('Standard Profiles'!$G$20=$B$10,7,0)+IF('Standard Profiles'!$G$20=$B$17,14,0)+IF('Standard Profiles'!$G$20=$B$24,21,0),MOD($C1098,24)+1)/SUM(INDEX($D$3:$AA$30,INDEX(Jesper!$R$2:$R$366,ROW(INDEX(Jesper!AJ$2:AJ$366,ROUNDDOWN($C1098/24,0)+1,1))-1)+IF('Standard Profiles'!$G$20=$B$10,7,0)+IF('Standard Profiles'!$G$20=$B$17,14,0)+IF('Standard Profiles'!$G$20=$B$24,21,0),0)),0)</f>
        <v>0</v>
      </c>
      <c r="G1098" cm="1">
        <f t="array" ref="G1098">IFERROR(INDEX(Jesper!AK$2:AK$366,ROUNDDOWN($C1098/24,0)+1,1)*INDEX($D$3:$AA$30,INDEX(Jesper!$R$2:$R$366,ROW(INDEX(Jesper!AK$2:AK$366,ROUNDDOWN($C1098/24,0)+1,1))-1)+IF('Standard Profiles'!$G$21=$B$10,7,0)+IF('Standard Profiles'!$G$21=$B$17,14,0)+IF('Standard Profiles'!$G$21=$B$24,21,0),MOD($C1098,24)+1)/SUM(INDEX($D$3:$AA$30,INDEX(Jesper!$R$2:$R$366,ROW(INDEX(Jesper!AK$2:AK$366,ROUNDDOWN($C1098/24,0)+1,1))-1)+IF('Standard Profiles'!$G$21=$B$10,7,0)+IF('Standard Profiles'!$G$21=$B$17,14,0)+IF('Standard Profiles'!$G$21=$B$24,21,0),0)),0)</f>
        <v>0</v>
      </c>
      <c r="H1098" cm="1">
        <f t="array" ref="H1098">IFERROR(INDEX(Jesper!AL$2:AL$366,ROUNDDOWN($C1098/24,0)+1,1)*INDEX($D$3:$AA$30,INDEX(Jesper!$R$2:$R$366,ROW(INDEX(Jesper!AL$2:AL$366,ROUNDDOWN($C1098/24,0)+1,1))-1)+IF('Standard Profiles'!$G$22=$B$10,7,0)+IF('Standard Profiles'!$G$22=$B$17,14,0)+IF('Standard Profiles'!$G$22=$B$24,21,0),MOD($C1098,24)+1)/SUM(INDEX($D$3:$AA$30,INDEX(Jesper!$R$2:$R$366,ROW(INDEX(Jesper!AL$2:AL$366,ROUNDDOWN($C1098/24,0)+1,1))-1)+IF('Standard Profiles'!$G$22=$B$10,7,0)+IF('Standard Profiles'!$G$22=$B$17,14,0)+IF('Standard Profiles'!$G$22=$B$24,21,0),0)),0)</f>
        <v>0</v>
      </c>
      <c r="I1098">
        <f t="shared" si="132"/>
        <v>0.33851874005154248</v>
      </c>
      <c r="J1098">
        <f t="shared" si="133"/>
        <v>1.1283958001718084</v>
      </c>
      <c r="K1098">
        <f t="shared" si="134"/>
        <v>1.6925937002577125</v>
      </c>
      <c r="L1098">
        <f t="shared" si="135"/>
        <v>8.1244497612370203</v>
      </c>
      <c r="M1098">
        <f t="shared" si="136"/>
        <v>0</v>
      </c>
      <c r="N1098" s="46">
        <f t="shared" si="137"/>
        <v>45336.333333330753</v>
      </c>
    </row>
    <row r="1099" spans="2:14" x14ac:dyDescent="0.3">
      <c r="B1099">
        <f t="shared" si="131"/>
        <v>3</v>
      </c>
      <c r="C1099" s="16">
        <v>1065</v>
      </c>
      <c r="D1099" cm="1">
        <f t="array" ref="D1099">IFERROR(INDEX(Jesper!AH$2:AH$366,ROUNDDOWN($C1099/24,0)+1,1)*INDEX($D$3:$AA$30,INDEX(Jesper!$R$2:$R$366,ROW(INDEX(Jesper!AH$2:AH$366,ROUNDDOWN($C1099/24,0)+1,1))-1)+IF('Standard Profiles'!$G$18=$B$10,7,0)+IF('Standard Profiles'!$G$18=$B$17,14,0)+IF('Standard Profiles'!$G$18=$B$24,21,0),MOD($C1099,24)+1)/SUM(INDEX($D$3:$AA$30,INDEX(Jesper!$R$2:$R$366,ROW(INDEX(Jesper!AH$2:AH$366,ROUNDDOWN($C1099/24,0)+1,1))-1)+IF('Standard Profiles'!$G$18=$B$10,7,0)+IF('Standard Profiles'!$G$18=$B$17,14,0)+IF('Standard Profiles'!$G$18=$B$24,21,0),0)),0)</f>
        <v>12.126044419756745</v>
      </c>
      <c r="E1099" cm="1">
        <f t="array" ref="E1099">IFERROR(INDEX(Jesper!AI$2:AI$366,ROUNDDOWN($C1099/24,0)+1,1)*INDEX($D$3:$AA$30,INDEX(Jesper!$R$2:$R$366,ROW(INDEX(Jesper!AI$2:AI$366,ROUNDDOWN($C1099/24,0)+1,1))-1)+IF('Standard Profiles'!$G$19=$B$10,7,0)+IF('Standard Profiles'!$G$19=$B$17,14,0)+IF('Standard Profiles'!$G$19=$B$24,21,0),MOD($C1099,24)+1)/SUM(INDEX($D$3:$AA$30,INDEX(Jesper!$R$2:$R$366,ROW(INDEX(Jesper!AI$2:AI$366,ROUNDDOWN($C1099/24,0)+1,1))-1)+IF('Standard Profiles'!$G$19=$B$10,7,0)+IF('Standard Profiles'!$G$19=$B$17,14,0)+IF('Standard Profiles'!$G$19=$B$24,21,0),0)),0)</f>
        <v>0</v>
      </c>
      <c r="F1099" cm="1">
        <f t="array" ref="F1099">IFERROR(INDEX(Jesper!AJ$2:AJ$366,ROUNDDOWN($C1099/24,0)+1,1)*INDEX($D$3:$AA$30,INDEX(Jesper!$R$2:$R$366,ROW(INDEX(Jesper!AJ$2:AJ$366,ROUNDDOWN($C1099/24,0)+1,1))-1)+IF('Standard Profiles'!$G$20=$B$10,7,0)+IF('Standard Profiles'!$G$20=$B$17,14,0)+IF('Standard Profiles'!$G$20=$B$24,21,0),MOD($C1099,24)+1)/SUM(INDEX($D$3:$AA$30,INDEX(Jesper!$R$2:$R$366,ROW(INDEX(Jesper!AJ$2:AJ$366,ROUNDDOWN($C1099/24,0)+1,1))-1)+IF('Standard Profiles'!$G$20=$B$10,7,0)+IF('Standard Profiles'!$G$20=$B$17,14,0)+IF('Standard Profiles'!$G$20=$B$24,21,0),0)),0)</f>
        <v>0</v>
      </c>
      <c r="G1099" cm="1">
        <f t="array" ref="G1099">IFERROR(INDEX(Jesper!AK$2:AK$366,ROUNDDOWN($C1099/24,0)+1,1)*INDEX($D$3:$AA$30,INDEX(Jesper!$R$2:$R$366,ROW(INDEX(Jesper!AK$2:AK$366,ROUNDDOWN($C1099/24,0)+1,1))-1)+IF('Standard Profiles'!$G$21=$B$10,7,0)+IF('Standard Profiles'!$G$21=$B$17,14,0)+IF('Standard Profiles'!$G$21=$B$24,21,0),MOD($C1099,24)+1)/SUM(INDEX($D$3:$AA$30,INDEX(Jesper!$R$2:$R$366,ROW(INDEX(Jesper!AK$2:AK$366,ROUNDDOWN($C1099/24,0)+1,1))-1)+IF('Standard Profiles'!$G$21=$B$10,7,0)+IF('Standard Profiles'!$G$21=$B$17,14,0)+IF('Standard Profiles'!$G$21=$B$24,21,0),0)),0)</f>
        <v>0</v>
      </c>
      <c r="H1099" cm="1">
        <f t="array" ref="H1099">IFERROR(INDEX(Jesper!AL$2:AL$366,ROUNDDOWN($C1099/24,0)+1,1)*INDEX($D$3:$AA$30,INDEX(Jesper!$R$2:$R$366,ROW(INDEX(Jesper!AL$2:AL$366,ROUNDDOWN($C1099/24,0)+1,1))-1)+IF('Standard Profiles'!$G$22=$B$10,7,0)+IF('Standard Profiles'!$G$22=$B$17,14,0)+IF('Standard Profiles'!$G$22=$B$24,21,0),MOD($C1099,24)+1)/SUM(INDEX($D$3:$AA$30,INDEX(Jesper!$R$2:$R$366,ROW(INDEX(Jesper!AL$2:AL$366,ROUNDDOWN($C1099/24,0)+1,1))-1)+IF('Standard Profiles'!$G$22=$B$10,7,0)+IF('Standard Profiles'!$G$22=$B$17,14,0)+IF('Standard Profiles'!$G$22=$B$24,21,0),0)),0)</f>
        <v>0</v>
      </c>
      <c r="I1099">
        <f t="shared" si="132"/>
        <v>0.36378133259270234</v>
      </c>
      <c r="J1099">
        <f t="shared" si="133"/>
        <v>1.2126044419756745</v>
      </c>
      <c r="K1099">
        <f t="shared" si="134"/>
        <v>1.8189066629635118</v>
      </c>
      <c r="L1099">
        <f t="shared" si="135"/>
        <v>8.7307519822248558</v>
      </c>
      <c r="M1099">
        <f t="shared" si="136"/>
        <v>0</v>
      </c>
      <c r="N1099" s="46">
        <f t="shared" si="137"/>
        <v>45336.374999997417</v>
      </c>
    </row>
    <row r="1100" spans="2:14" x14ac:dyDescent="0.3">
      <c r="B1100">
        <f t="shared" si="131"/>
        <v>3</v>
      </c>
      <c r="C1100" s="16">
        <v>1066</v>
      </c>
      <c r="D1100" cm="1">
        <f t="array" ref="D1100">IFERROR(INDEX(Jesper!AH$2:AH$366,ROUNDDOWN($C1100/24,0)+1,1)*INDEX($D$3:$AA$30,INDEX(Jesper!$R$2:$R$366,ROW(INDEX(Jesper!AH$2:AH$366,ROUNDDOWN($C1100/24,0)+1,1))-1)+IF('Standard Profiles'!$G$18=$B$10,7,0)+IF('Standard Profiles'!$G$18=$B$17,14,0)+IF('Standard Profiles'!$G$18=$B$24,21,0),MOD($C1100,24)+1)/SUM(INDEX($D$3:$AA$30,INDEX(Jesper!$R$2:$R$366,ROW(INDEX(Jesper!AH$2:AH$366,ROUNDDOWN($C1100/24,0)+1,1))-1)+IF('Standard Profiles'!$G$18=$B$10,7,0)+IF('Standard Profiles'!$G$18=$B$17,14,0)+IF('Standard Profiles'!$G$18=$B$24,21,0),0)),0)</f>
        <v>13.136548121403141</v>
      </c>
      <c r="E1100" cm="1">
        <f t="array" ref="E1100">IFERROR(INDEX(Jesper!AI$2:AI$366,ROUNDDOWN($C1100/24,0)+1,1)*INDEX($D$3:$AA$30,INDEX(Jesper!$R$2:$R$366,ROW(INDEX(Jesper!AI$2:AI$366,ROUNDDOWN($C1100/24,0)+1,1))-1)+IF('Standard Profiles'!$G$19=$B$10,7,0)+IF('Standard Profiles'!$G$19=$B$17,14,0)+IF('Standard Profiles'!$G$19=$B$24,21,0),MOD($C1100,24)+1)/SUM(INDEX($D$3:$AA$30,INDEX(Jesper!$R$2:$R$366,ROW(INDEX(Jesper!AI$2:AI$366,ROUNDDOWN($C1100/24,0)+1,1))-1)+IF('Standard Profiles'!$G$19=$B$10,7,0)+IF('Standard Profiles'!$G$19=$B$17,14,0)+IF('Standard Profiles'!$G$19=$B$24,21,0),0)),0)</f>
        <v>0</v>
      </c>
      <c r="F1100" cm="1">
        <f t="array" ref="F1100">IFERROR(INDEX(Jesper!AJ$2:AJ$366,ROUNDDOWN($C1100/24,0)+1,1)*INDEX($D$3:$AA$30,INDEX(Jesper!$R$2:$R$366,ROW(INDEX(Jesper!AJ$2:AJ$366,ROUNDDOWN($C1100/24,0)+1,1))-1)+IF('Standard Profiles'!$G$20=$B$10,7,0)+IF('Standard Profiles'!$G$20=$B$17,14,0)+IF('Standard Profiles'!$G$20=$B$24,21,0),MOD($C1100,24)+1)/SUM(INDEX($D$3:$AA$30,INDEX(Jesper!$R$2:$R$366,ROW(INDEX(Jesper!AJ$2:AJ$366,ROUNDDOWN($C1100/24,0)+1,1))-1)+IF('Standard Profiles'!$G$20=$B$10,7,0)+IF('Standard Profiles'!$G$20=$B$17,14,0)+IF('Standard Profiles'!$G$20=$B$24,21,0),0)),0)</f>
        <v>0</v>
      </c>
      <c r="G1100" cm="1">
        <f t="array" ref="G1100">IFERROR(INDEX(Jesper!AK$2:AK$366,ROUNDDOWN($C1100/24,0)+1,1)*INDEX($D$3:$AA$30,INDEX(Jesper!$R$2:$R$366,ROW(INDEX(Jesper!AK$2:AK$366,ROUNDDOWN($C1100/24,0)+1,1))-1)+IF('Standard Profiles'!$G$21=$B$10,7,0)+IF('Standard Profiles'!$G$21=$B$17,14,0)+IF('Standard Profiles'!$G$21=$B$24,21,0),MOD($C1100,24)+1)/SUM(INDEX($D$3:$AA$30,INDEX(Jesper!$R$2:$R$366,ROW(INDEX(Jesper!AK$2:AK$366,ROUNDDOWN($C1100/24,0)+1,1))-1)+IF('Standard Profiles'!$G$21=$B$10,7,0)+IF('Standard Profiles'!$G$21=$B$17,14,0)+IF('Standard Profiles'!$G$21=$B$24,21,0),0)),0)</f>
        <v>0</v>
      </c>
      <c r="H1100" cm="1">
        <f t="array" ref="H1100">IFERROR(INDEX(Jesper!AL$2:AL$366,ROUNDDOWN($C1100/24,0)+1,1)*INDEX($D$3:$AA$30,INDEX(Jesper!$R$2:$R$366,ROW(INDEX(Jesper!AL$2:AL$366,ROUNDDOWN($C1100/24,0)+1,1))-1)+IF('Standard Profiles'!$G$22=$B$10,7,0)+IF('Standard Profiles'!$G$22=$B$17,14,0)+IF('Standard Profiles'!$G$22=$B$24,21,0),MOD($C1100,24)+1)/SUM(INDEX($D$3:$AA$30,INDEX(Jesper!$R$2:$R$366,ROW(INDEX(Jesper!AL$2:AL$366,ROUNDDOWN($C1100/24,0)+1,1))-1)+IF('Standard Profiles'!$G$22=$B$10,7,0)+IF('Standard Profiles'!$G$22=$B$17,14,0)+IF('Standard Profiles'!$G$22=$B$24,21,0),0)),0)</f>
        <v>0</v>
      </c>
      <c r="I1100">
        <f t="shared" si="132"/>
        <v>0.39409644364209423</v>
      </c>
      <c r="J1100">
        <f t="shared" si="133"/>
        <v>1.3136548121403142</v>
      </c>
      <c r="K1100">
        <f t="shared" si="134"/>
        <v>1.9704822182104711</v>
      </c>
      <c r="L1100">
        <f t="shared" si="135"/>
        <v>9.458314647410262</v>
      </c>
      <c r="M1100">
        <f t="shared" si="136"/>
        <v>0</v>
      </c>
      <c r="N1100" s="46">
        <f t="shared" si="137"/>
        <v>45336.416666664081</v>
      </c>
    </row>
    <row r="1101" spans="2:14" x14ac:dyDescent="0.3">
      <c r="B1101">
        <f t="shared" si="131"/>
        <v>3</v>
      </c>
      <c r="C1101" s="16">
        <v>1067</v>
      </c>
      <c r="D1101" cm="1">
        <f t="array" ref="D1101">IFERROR(INDEX(Jesper!AH$2:AH$366,ROUNDDOWN($C1101/24,0)+1,1)*INDEX($D$3:$AA$30,INDEX(Jesper!$R$2:$R$366,ROW(INDEX(Jesper!AH$2:AH$366,ROUNDDOWN($C1101/24,0)+1,1))-1)+IF('Standard Profiles'!$G$18=$B$10,7,0)+IF('Standard Profiles'!$G$18=$B$17,14,0)+IF('Standard Profiles'!$G$18=$B$24,21,0),MOD($C1101,24)+1)/SUM(INDEX($D$3:$AA$30,INDEX(Jesper!$R$2:$R$366,ROW(INDEX(Jesper!AH$2:AH$366,ROUNDDOWN($C1101/24,0)+1,1))-1)+IF('Standard Profiles'!$G$18=$B$10,7,0)+IF('Standard Profiles'!$G$18=$B$17,14,0)+IF('Standard Profiles'!$G$18=$B$24,21,0),0)),0)</f>
        <v>15.15755552469593</v>
      </c>
      <c r="E1101" cm="1">
        <f t="array" ref="E1101">IFERROR(INDEX(Jesper!AI$2:AI$366,ROUNDDOWN($C1101/24,0)+1,1)*INDEX($D$3:$AA$30,INDEX(Jesper!$R$2:$R$366,ROW(INDEX(Jesper!AI$2:AI$366,ROUNDDOWN($C1101/24,0)+1,1))-1)+IF('Standard Profiles'!$G$19=$B$10,7,0)+IF('Standard Profiles'!$G$19=$B$17,14,0)+IF('Standard Profiles'!$G$19=$B$24,21,0),MOD($C1101,24)+1)/SUM(INDEX($D$3:$AA$30,INDEX(Jesper!$R$2:$R$366,ROW(INDEX(Jesper!AI$2:AI$366,ROUNDDOWN($C1101/24,0)+1,1))-1)+IF('Standard Profiles'!$G$19=$B$10,7,0)+IF('Standard Profiles'!$G$19=$B$17,14,0)+IF('Standard Profiles'!$G$19=$B$24,21,0),0)),0)</f>
        <v>0</v>
      </c>
      <c r="F1101" cm="1">
        <f t="array" ref="F1101">IFERROR(INDEX(Jesper!AJ$2:AJ$366,ROUNDDOWN($C1101/24,0)+1,1)*INDEX($D$3:$AA$30,INDEX(Jesper!$R$2:$R$366,ROW(INDEX(Jesper!AJ$2:AJ$366,ROUNDDOWN($C1101/24,0)+1,1))-1)+IF('Standard Profiles'!$G$20=$B$10,7,0)+IF('Standard Profiles'!$G$20=$B$17,14,0)+IF('Standard Profiles'!$G$20=$B$24,21,0),MOD($C1101,24)+1)/SUM(INDEX($D$3:$AA$30,INDEX(Jesper!$R$2:$R$366,ROW(INDEX(Jesper!AJ$2:AJ$366,ROUNDDOWN($C1101/24,0)+1,1))-1)+IF('Standard Profiles'!$G$20=$B$10,7,0)+IF('Standard Profiles'!$G$20=$B$17,14,0)+IF('Standard Profiles'!$G$20=$B$24,21,0),0)),0)</f>
        <v>0</v>
      </c>
      <c r="G1101" cm="1">
        <f t="array" ref="G1101">IFERROR(INDEX(Jesper!AK$2:AK$366,ROUNDDOWN($C1101/24,0)+1,1)*INDEX($D$3:$AA$30,INDEX(Jesper!$R$2:$R$366,ROW(INDEX(Jesper!AK$2:AK$366,ROUNDDOWN($C1101/24,0)+1,1))-1)+IF('Standard Profiles'!$G$21=$B$10,7,0)+IF('Standard Profiles'!$G$21=$B$17,14,0)+IF('Standard Profiles'!$G$21=$B$24,21,0),MOD($C1101,24)+1)/SUM(INDEX($D$3:$AA$30,INDEX(Jesper!$R$2:$R$366,ROW(INDEX(Jesper!AK$2:AK$366,ROUNDDOWN($C1101/24,0)+1,1))-1)+IF('Standard Profiles'!$G$21=$B$10,7,0)+IF('Standard Profiles'!$G$21=$B$17,14,0)+IF('Standard Profiles'!$G$21=$B$24,21,0),0)),0)</f>
        <v>0</v>
      </c>
      <c r="H1101" cm="1">
        <f t="array" ref="H1101">IFERROR(INDEX(Jesper!AL$2:AL$366,ROUNDDOWN($C1101/24,0)+1,1)*INDEX($D$3:$AA$30,INDEX(Jesper!$R$2:$R$366,ROW(INDEX(Jesper!AL$2:AL$366,ROUNDDOWN($C1101/24,0)+1,1))-1)+IF('Standard Profiles'!$G$22=$B$10,7,0)+IF('Standard Profiles'!$G$22=$B$17,14,0)+IF('Standard Profiles'!$G$22=$B$24,21,0),MOD($C1101,24)+1)/SUM(INDEX($D$3:$AA$30,INDEX(Jesper!$R$2:$R$366,ROW(INDEX(Jesper!AL$2:AL$366,ROUNDDOWN($C1101/24,0)+1,1))-1)+IF('Standard Profiles'!$G$22=$B$10,7,0)+IF('Standard Profiles'!$G$22=$B$17,14,0)+IF('Standard Profiles'!$G$22=$B$24,21,0),0)),0)</f>
        <v>0</v>
      </c>
      <c r="I1101">
        <f t="shared" si="132"/>
        <v>0.45472666574087789</v>
      </c>
      <c r="J1101">
        <f t="shared" si="133"/>
        <v>1.5157555524695931</v>
      </c>
      <c r="K1101">
        <f t="shared" si="134"/>
        <v>2.2736333287043893</v>
      </c>
      <c r="L1101">
        <f t="shared" si="135"/>
        <v>10.913439977781069</v>
      </c>
      <c r="M1101">
        <f t="shared" si="136"/>
        <v>0</v>
      </c>
      <c r="N1101" s="46">
        <f t="shared" si="137"/>
        <v>45336.458333330746</v>
      </c>
    </row>
    <row r="1102" spans="2:14" x14ac:dyDescent="0.3">
      <c r="B1102">
        <f t="shared" si="131"/>
        <v>3</v>
      </c>
      <c r="C1102" s="16">
        <v>1068</v>
      </c>
      <c r="D1102" cm="1">
        <f t="array" ref="D1102">IFERROR(INDEX(Jesper!AH$2:AH$366,ROUNDDOWN($C1102/24,0)+1,1)*INDEX($D$3:$AA$30,INDEX(Jesper!$R$2:$R$366,ROW(INDEX(Jesper!AH$2:AH$366,ROUNDDOWN($C1102/24,0)+1,1))-1)+IF('Standard Profiles'!$G$18=$B$10,7,0)+IF('Standard Profiles'!$G$18=$B$17,14,0)+IF('Standard Profiles'!$G$18=$B$24,21,0),MOD($C1102,24)+1)/SUM(INDEX($D$3:$AA$30,INDEX(Jesper!$R$2:$R$366,ROW(INDEX(Jesper!AH$2:AH$366,ROUNDDOWN($C1102/24,0)+1,1))-1)+IF('Standard Profiles'!$G$18=$B$10,7,0)+IF('Standard Profiles'!$G$18=$B$17,14,0)+IF('Standard Profiles'!$G$18=$B$24,21,0),0)),0)</f>
        <v>15.15755552469593</v>
      </c>
      <c r="E1102" cm="1">
        <f t="array" ref="E1102">IFERROR(INDEX(Jesper!AI$2:AI$366,ROUNDDOWN($C1102/24,0)+1,1)*INDEX($D$3:$AA$30,INDEX(Jesper!$R$2:$R$366,ROW(INDEX(Jesper!AI$2:AI$366,ROUNDDOWN($C1102/24,0)+1,1))-1)+IF('Standard Profiles'!$G$19=$B$10,7,0)+IF('Standard Profiles'!$G$19=$B$17,14,0)+IF('Standard Profiles'!$G$19=$B$24,21,0),MOD($C1102,24)+1)/SUM(INDEX($D$3:$AA$30,INDEX(Jesper!$R$2:$R$366,ROW(INDEX(Jesper!AI$2:AI$366,ROUNDDOWN($C1102/24,0)+1,1))-1)+IF('Standard Profiles'!$G$19=$B$10,7,0)+IF('Standard Profiles'!$G$19=$B$17,14,0)+IF('Standard Profiles'!$G$19=$B$24,21,0),0)),0)</f>
        <v>0</v>
      </c>
      <c r="F1102" cm="1">
        <f t="array" ref="F1102">IFERROR(INDEX(Jesper!AJ$2:AJ$366,ROUNDDOWN($C1102/24,0)+1,1)*INDEX($D$3:$AA$30,INDEX(Jesper!$R$2:$R$366,ROW(INDEX(Jesper!AJ$2:AJ$366,ROUNDDOWN($C1102/24,0)+1,1))-1)+IF('Standard Profiles'!$G$20=$B$10,7,0)+IF('Standard Profiles'!$G$20=$B$17,14,0)+IF('Standard Profiles'!$G$20=$B$24,21,0),MOD($C1102,24)+1)/SUM(INDEX($D$3:$AA$30,INDEX(Jesper!$R$2:$R$366,ROW(INDEX(Jesper!AJ$2:AJ$366,ROUNDDOWN($C1102/24,0)+1,1))-1)+IF('Standard Profiles'!$G$20=$B$10,7,0)+IF('Standard Profiles'!$G$20=$B$17,14,0)+IF('Standard Profiles'!$G$20=$B$24,21,0),0)),0)</f>
        <v>0</v>
      </c>
      <c r="G1102" cm="1">
        <f t="array" ref="G1102">IFERROR(INDEX(Jesper!AK$2:AK$366,ROUNDDOWN($C1102/24,0)+1,1)*INDEX($D$3:$AA$30,INDEX(Jesper!$R$2:$R$366,ROW(INDEX(Jesper!AK$2:AK$366,ROUNDDOWN($C1102/24,0)+1,1))-1)+IF('Standard Profiles'!$G$21=$B$10,7,0)+IF('Standard Profiles'!$G$21=$B$17,14,0)+IF('Standard Profiles'!$G$21=$B$24,21,0),MOD($C1102,24)+1)/SUM(INDEX($D$3:$AA$30,INDEX(Jesper!$R$2:$R$366,ROW(INDEX(Jesper!AK$2:AK$366,ROUNDDOWN($C1102/24,0)+1,1))-1)+IF('Standard Profiles'!$G$21=$B$10,7,0)+IF('Standard Profiles'!$G$21=$B$17,14,0)+IF('Standard Profiles'!$G$21=$B$24,21,0),0)),0)</f>
        <v>0</v>
      </c>
      <c r="H1102" cm="1">
        <f t="array" ref="H1102">IFERROR(INDEX(Jesper!AL$2:AL$366,ROUNDDOWN($C1102/24,0)+1,1)*INDEX($D$3:$AA$30,INDEX(Jesper!$R$2:$R$366,ROW(INDEX(Jesper!AL$2:AL$366,ROUNDDOWN($C1102/24,0)+1,1))-1)+IF('Standard Profiles'!$G$22=$B$10,7,0)+IF('Standard Profiles'!$G$22=$B$17,14,0)+IF('Standard Profiles'!$G$22=$B$24,21,0),MOD($C1102,24)+1)/SUM(INDEX($D$3:$AA$30,INDEX(Jesper!$R$2:$R$366,ROW(INDEX(Jesper!AL$2:AL$366,ROUNDDOWN($C1102/24,0)+1,1))-1)+IF('Standard Profiles'!$G$22=$B$10,7,0)+IF('Standard Profiles'!$G$22=$B$17,14,0)+IF('Standard Profiles'!$G$22=$B$24,21,0),0)),0)</f>
        <v>0</v>
      </c>
      <c r="I1102">
        <f t="shared" si="132"/>
        <v>0.45472666574087789</v>
      </c>
      <c r="J1102">
        <f t="shared" si="133"/>
        <v>1.5157555524695931</v>
      </c>
      <c r="K1102">
        <f t="shared" si="134"/>
        <v>2.2736333287043893</v>
      </c>
      <c r="L1102">
        <f t="shared" si="135"/>
        <v>10.913439977781069</v>
      </c>
      <c r="M1102">
        <f t="shared" si="136"/>
        <v>0</v>
      </c>
      <c r="N1102" s="46">
        <f t="shared" si="137"/>
        <v>45336.49999999741</v>
      </c>
    </row>
    <row r="1103" spans="2:14" x14ac:dyDescent="0.3">
      <c r="B1103">
        <f t="shared" si="131"/>
        <v>3</v>
      </c>
      <c r="C1103" s="16">
        <v>1069</v>
      </c>
      <c r="D1103" cm="1">
        <f t="array" ref="D1103">IFERROR(INDEX(Jesper!AH$2:AH$366,ROUNDDOWN($C1103/24,0)+1,1)*INDEX($D$3:$AA$30,INDEX(Jesper!$R$2:$R$366,ROW(INDEX(Jesper!AH$2:AH$366,ROUNDDOWN($C1103/24,0)+1,1))-1)+IF('Standard Profiles'!$G$18=$B$10,7,0)+IF('Standard Profiles'!$G$18=$B$17,14,0)+IF('Standard Profiles'!$G$18=$B$24,21,0),MOD($C1103,24)+1)/SUM(INDEX($D$3:$AA$30,INDEX(Jesper!$R$2:$R$366,ROW(INDEX(Jesper!AH$2:AH$366,ROUNDDOWN($C1103/24,0)+1,1))-1)+IF('Standard Profiles'!$G$18=$B$10,7,0)+IF('Standard Profiles'!$G$18=$B$17,14,0)+IF('Standard Profiles'!$G$18=$B$24,21,0),0)),0)</f>
        <v>15.15755552469593</v>
      </c>
      <c r="E1103" cm="1">
        <f t="array" ref="E1103">IFERROR(INDEX(Jesper!AI$2:AI$366,ROUNDDOWN($C1103/24,0)+1,1)*INDEX($D$3:$AA$30,INDEX(Jesper!$R$2:$R$366,ROW(INDEX(Jesper!AI$2:AI$366,ROUNDDOWN($C1103/24,0)+1,1))-1)+IF('Standard Profiles'!$G$19=$B$10,7,0)+IF('Standard Profiles'!$G$19=$B$17,14,0)+IF('Standard Profiles'!$G$19=$B$24,21,0),MOD($C1103,24)+1)/SUM(INDEX($D$3:$AA$30,INDEX(Jesper!$R$2:$R$366,ROW(INDEX(Jesper!AI$2:AI$366,ROUNDDOWN($C1103/24,0)+1,1))-1)+IF('Standard Profiles'!$G$19=$B$10,7,0)+IF('Standard Profiles'!$G$19=$B$17,14,0)+IF('Standard Profiles'!$G$19=$B$24,21,0),0)),0)</f>
        <v>0</v>
      </c>
      <c r="F1103" cm="1">
        <f t="array" ref="F1103">IFERROR(INDEX(Jesper!AJ$2:AJ$366,ROUNDDOWN($C1103/24,0)+1,1)*INDEX($D$3:$AA$30,INDEX(Jesper!$R$2:$R$366,ROW(INDEX(Jesper!AJ$2:AJ$366,ROUNDDOWN($C1103/24,0)+1,1))-1)+IF('Standard Profiles'!$G$20=$B$10,7,0)+IF('Standard Profiles'!$G$20=$B$17,14,0)+IF('Standard Profiles'!$G$20=$B$24,21,0),MOD($C1103,24)+1)/SUM(INDEX($D$3:$AA$30,INDEX(Jesper!$R$2:$R$366,ROW(INDEX(Jesper!AJ$2:AJ$366,ROUNDDOWN($C1103/24,0)+1,1))-1)+IF('Standard Profiles'!$G$20=$B$10,7,0)+IF('Standard Profiles'!$G$20=$B$17,14,0)+IF('Standard Profiles'!$G$20=$B$24,21,0),0)),0)</f>
        <v>0</v>
      </c>
      <c r="G1103" cm="1">
        <f t="array" ref="G1103">IFERROR(INDEX(Jesper!AK$2:AK$366,ROUNDDOWN($C1103/24,0)+1,1)*INDEX($D$3:$AA$30,INDEX(Jesper!$R$2:$R$366,ROW(INDEX(Jesper!AK$2:AK$366,ROUNDDOWN($C1103/24,0)+1,1))-1)+IF('Standard Profiles'!$G$21=$B$10,7,0)+IF('Standard Profiles'!$G$21=$B$17,14,0)+IF('Standard Profiles'!$G$21=$B$24,21,0),MOD($C1103,24)+1)/SUM(INDEX($D$3:$AA$30,INDEX(Jesper!$R$2:$R$366,ROW(INDEX(Jesper!AK$2:AK$366,ROUNDDOWN($C1103/24,0)+1,1))-1)+IF('Standard Profiles'!$G$21=$B$10,7,0)+IF('Standard Profiles'!$G$21=$B$17,14,0)+IF('Standard Profiles'!$G$21=$B$24,21,0),0)),0)</f>
        <v>0</v>
      </c>
      <c r="H1103" cm="1">
        <f t="array" ref="H1103">IFERROR(INDEX(Jesper!AL$2:AL$366,ROUNDDOWN($C1103/24,0)+1,1)*INDEX($D$3:$AA$30,INDEX(Jesper!$R$2:$R$366,ROW(INDEX(Jesper!AL$2:AL$366,ROUNDDOWN($C1103/24,0)+1,1))-1)+IF('Standard Profiles'!$G$22=$B$10,7,0)+IF('Standard Profiles'!$G$22=$B$17,14,0)+IF('Standard Profiles'!$G$22=$B$24,21,0),MOD($C1103,24)+1)/SUM(INDEX($D$3:$AA$30,INDEX(Jesper!$R$2:$R$366,ROW(INDEX(Jesper!AL$2:AL$366,ROUNDDOWN($C1103/24,0)+1,1))-1)+IF('Standard Profiles'!$G$22=$B$10,7,0)+IF('Standard Profiles'!$G$22=$B$17,14,0)+IF('Standard Profiles'!$G$22=$B$24,21,0),0)),0)</f>
        <v>0</v>
      </c>
      <c r="I1103">
        <f t="shared" si="132"/>
        <v>0.45472666574087789</v>
      </c>
      <c r="J1103">
        <f t="shared" si="133"/>
        <v>1.5157555524695931</v>
      </c>
      <c r="K1103">
        <f t="shared" si="134"/>
        <v>2.2736333287043893</v>
      </c>
      <c r="L1103">
        <f t="shared" si="135"/>
        <v>10.913439977781069</v>
      </c>
      <c r="M1103">
        <f t="shared" si="136"/>
        <v>0</v>
      </c>
      <c r="N1103" s="46">
        <f t="shared" si="137"/>
        <v>45336.541666664074</v>
      </c>
    </row>
    <row r="1104" spans="2:14" x14ac:dyDescent="0.3">
      <c r="B1104">
        <f t="shared" si="131"/>
        <v>3</v>
      </c>
      <c r="C1104" s="16">
        <v>1070</v>
      </c>
      <c r="D1104" cm="1">
        <f t="array" ref="D1104">IFERROR(INDEX(Jesper!AH$2:AH$366,ROUNDDOWN($C1104/24,0)+1,1)*INDEX($D$3:$AA$30,INDEX(Jesper!$R$2:$R$366,ROW(INDEX(Jesper!AH$2:AH$366,ROUNDDOWN($C1104/24,0)+1,1))-1)+IF('Standard Profiles'!$G$18=$B$10,7,0)+IF('Standard Profiles'!$G$18=$B$17,14,0)+IF('Standard Profiles'!$G$18=$B$24,21,0),MOD($C1104,24)+1)/SUM(INDEX($D$3:$AA$30,INDEX(Jesper!$R$2:$R$366,ROW(INDEX(Jesper!AH$2:AH$366,ROUNDDOWN($C1104/24,0)+1,1))-1)+IF('Standard Profiles'!$G$18=$B$10,7,0)+IF('Standard Profiles'!$G$18=$B$17,14,0)+IF('Standard Profiles'!$G$18=$B$24,21,0),0)),0)</f>
        <v>15.15755552469593</v>
      </c>
      <c r="E1104" cm="1">
        <f t="array" ref="E1104">IFERROR(INDEX(Jesper!AI$2:AI$366,ROUNDDOWN($C1104/24,0)+1,1)*INDEX($D$3:$AA$30,INDEX(Jesper!$R$2:$R$366,ROW(INDEX(Jesper!AI$2:AI$366,ROUNDDOWN($C1104/24,0)+1,1))-1)+IF('Standard Profiles'!$G$19=$B$10,7,0)+IF('Standard Profiles'!$G$19=$B$17,14,0)+IF('Standard Profiles'!$G$19=$B$24,21,0),MOD($C1104,24)+1)/SUM(INDEX($D$3:$AA$30,INDEX(Jesper!$R$2:$R$366,ROW(INDEX(Jesper!AI$2:AI$366,ROUNDDOWN($C1104/24,0)+1,1))-1)+IF('Standard Profiles'!$G$19=$B$10,7,0)+IF('Standard Profiles'!$G$19=$B$17,14,0)+IF('Standard Profiles'!$G$19=$B$24,21,0),0)),0)</f>
        <v>0</v>
      </c>
      <c r="F1104" cm="1">
        <f t="array" ref="F1104">IFERROR(INDEX(Jesper!AJ$2:AJ$366,ROUNDDOWN($C1104/24,0)+1,1)*INDEX($D$3:$AA$30,INDEX(Jesper!$R$2:$R$366,ROW(INDEX(Jesper!AJ$2:AJ$366,ROUNDDOWN($C1104/24,0)+1,1))-1)+IF('Standard Profiles'!$G$20=$B$10,7,0)+IF('Standard Profiles'!$G$20=$B$17,14,0)+IF('Standard Profiles'!$G$20=$B$24,21,0),MOD($C1104,24)+1)/SUM(INDEX($D$3:$AA$30,INDEX(Jesper!$R$2:$R$366,ROW(INDEX(Jesper!AJ$2:AJ$366,ROUNDDOWN($C1104/24,0)+1,1))-1)+IF('Standard Profiles'!$G$20=$B$10,7,0)+IF('Standard Profiles'!$G$20=$B$17,14,0)+IF('Standard Profiles'!$G$20=$B$24,21,0),0)),0)</f>
        <v>0</v>
      </c>
      <c r="G1104" cm="1">
        <f t="array" ref="G1104">IFERROR(INDEX(Jesper!AK$2:AK$366,ROUNDDOWN($C1104/24,0)+1,1)*INDEX($D$3:$AA$30,INDEX(Jesper!$R$2:$R$366,ROW(INDEX(Jesper!AK$2:AK$366,ROUNDDOWN($C1104/24,0)+1,1))-1)+IF('Standard Profiles'!$G$21=$B$10,7,0)+IF('Standard Profiles'!$G$21=$B$17,14,0)+IF('Standard Profiles'!$G$21=$B$24,21,0),MOD($C1104,24)+1)/SUM(INDEX($D$3:$AA$30,INDEX(Jesper!$R$2:$R$366,ROW(INDEX(Jesper!AK$2:AK$366,ROUNDDOWN($C1104/24,0)+1,1))-1)+IF('Standard Profiles'!$G$21=$B$10,7,0)+IF('Standard Profiles'!$G$21=$B$17,14,0)+IF('Standard Profiles'!$G$21=$B$24,21,0),0)),0)</f>
        <v>0</v>
      </c>
      <c r="H1104" cm="1">
        <f t="array" ref="H1104">IFERROR(INDEX(Jesper!AL$2:AL$366,ROUNDDOWN($C1104/24,0)+1,1)*INDEX($D$3:$AA$30,INDEX(Jesper!$R$2:$R$366,ROW(INDEX(Jesper!AL$2:AL$366,ROUNDDOWN($C1104/24,0)+1,1))-1)+IF('Standard Profiles'!$G$22=$B$10,7,0)+IF('Standard Profiles'!$G$22=$B$17,14,0)+IF('Standard Profiles'!$G$22=$B$24,21,0),MOD($C1104,24)+1)/SUM(INDEX($D$3:$AA$30,INDEX(Jesper!$R$2:$R$366,ROW(INDEX(Jesper!AL$2:AL$366,ROUNDDOWN($C1104/24,0)+1,1))-1)+IF('Standard Profiles'!$G$22=$B$10,7,0)+IF('Standard Profiles'!$G$22=$B$17,14,0)+IF('Standard Profiles'!$G$22=$B$24,21,0),0)),0)</f>
        <v>0</v>
      </c>
      <c r="I1104">
        <f t="shared" si="132"/>
        <v>0.45472666574087789</v>
      </c>
      <c r="J1104">
        <f t="shared" si="133"/>
        <v>1.5157555524695931</v>
      </c>
      <c r="K1104">
        <f t="shared" si="134"/>
        <v>2.2736333287043893</v>
      </c>
      <c r="L1104">
        <f t="shared" si="135"/>
        <v>10.913439977781069</v>
      </c>
      <c r="M1104">
        <f t="shared" si="136"/>
        <v>0</v>
      </c>
      <c r="N1104" s="46">
        <f t="shared" si="137"/>
        <v>45336.583333330738</v>
      </c>
    </row>
    <row r="1105" spans="2:14" x14ac:dyDescent="0.3">
      <c r="B1105">
        <f t="shared" si="131"/>
        <v>3</v>
      </c>
      <c r="C1105" s="16">
        <v>1071</v>
      </c>
      <c r="D1105" cm="1">
        <f t="array" ref="D1105">IFERROR(INDEX(Jesper!AH$2:AH$366,ROUNDDOWN($C1105/24,0)+1,1)*INDEX($D$3:$AA$30,INDEX(Jesper!$R$2:$R$366,ROW(INDEX(Jesper!AH$2:AH$366,ROUNDDOWN($C1105/24,0)+1,1))-1)+IF('Standard Profiles'!$G$18=$B$10,7,0)+IF('Standard Profiles'!$G$18=$B$17,14,0)+IF('Standard Profiles'!$G$18=$B$24,21,0),MOD($C1105,24)+1)/SUM(INDEX($D$3:$AA$30,INDEX(Jesper!$R$2:$R$366,ROW(INDEX(Jesper!AH$2:AH$366,ROUNDDOWN($C1105/24,0)+1,1))-1)+IF('Standard Profiles'!$G$18=$B$10,7,0)+IF('Standard Profiles'!$G$18=$B$17,14,0)+IF('Standard Profiles'!$G$18=$B$24,21,0),0)),0)</f>
        <v>15.15755552469593</v>
      </c>
      <c r="E1105" cm="1">
        <f t="array" ref="E1105">IFERROR(INDEX(Jesper!AI$2:AI$366,ROUNDDOWN($C1105/24,0)+1,1)*INDEX($D$3:$AA$30,INDEX(Jesper!$R$2:$R$366,ROW(INDEX(Jesper!AI$2:AI$366,ROUNDDOWN($C1105/24,0)+1,1))-1)+IF('Standard Profiles'!$G$19=$B$10,7,0)+IF('Standard Profiles'!$G$19=$B$17,14,0)+IF('Standard Profiles'!$G$19=$B$24,21,0),MOD($C1105,24)+1)/SUM(INDEX($D$3:$AA$30,INDEX(Jesper!$R$2:$R$366,ROW(INDEX(Jesper!AI$2:AI$366,ROUNDDOWN($C1105/24,0)+1,1))-1)+IF('Standard Profiles'!$G$19=$B$10,7,0)+IF('Standard Profiles'!$G$19=$B$17,14,0)+IF('Standard Profiles'!$G$19=$B$24,21,0),0)),0)</f>
        <v>0</v>
      </c>
      <c r="F1105" cm="1">
        <f t="array" ref="F1105">IFERROR(INDEX(Jesper!AJ$2:AJ$366,ROUNDDOWN($C1105/24,0)+1,1)*INDEX($D$3:$AA$30,INDEX(Jesper!$R$2:$R$366,ROW(INDEX(Jesper!AJ$2:AJ$366,ROUNDDOWN($C1105/24,0)+1,1))-1)+IF('Standard Profiles'!$G$20=$B$10,7,0)+IF('Standard Profiles'!$G$20=$B$17,14,0)+IF('Standard Profiles'!$G$20=$B$24,21,0),MOD($C1105,24)+1)/SUM(INDEX($D$3:$AA$30,INDEX(Jesper!$R$2:$R$366,ROW(INDEX(Jesper!AJ$2:AJ$366,ROUNDDOWN($C1105/24,0)+1,1))-1)+IF('Standard Profiles'!$G$20=$B$10,7,0)+IF('Standard Profiles'!$G$20=$B$17,14,0)+IF('Standard Profiles'!$G$20=$B$24,21,0),0)),0)</f>
        <v>0</v>
      </c>
      <c r="G1105" cm="1">
        <f t="array" ref="G1105">IFERROR(INDEX(Jesper!AK$2:AK$366,ROUNDDOWN($C1105/24,0)+1,1)*INDEX($D$3:$AA$30,INDEX(Jesper!$R$2:$R$366,ROW(INDEX(Jesper!AK$2:AK$366,ROUNDDOWN($C1105/24,0)+1,1))-1)+IF('Standard Profiles'!$G$21=$B$10,7,0)+IF('Standard Profiles'!$G$21=$B$17,14,0)+IF('Standard Profiles'!$G$21=$B$24,21,0),MOD($C1105,24)+1)/SUM(INDEX($D$3:$AA$30,INDEX(Jesper!$R$2:$R$366,ROW(INDEX(Jesper!AK$2:AK$366,ROUNDDOWN($C1105/24,0)+1,1))-1)+IF('Standard Profiles'!$G$21=$B$10,7,0)+IF('Standard Profiles'!$G$21=$B$17,14,0)+IF('Standard Profiles'!$G$21=$B$24,21,0),0)),0)</f>
        <v>0</v>
      </c>
      <c r="H1105" cm="1">
        <f t="array" ref="H1105">IFERROR(INDEX(Jesper!AL$2:AL$366,ROUNDDOWN($C1105/24,0)+1,1)*INDEX($D$3:$AA$30,INDEX(Jesper!$R$2:$R$366,ROW(INDEX(Jesper!AL$2:AL$366,ROUNDDOWN($C1105/24,0)+1,1))-1)+IF('Standard Profiles'!$G$22=$B$10,7,0)+IF('Standard Profiles'!$G$22=$B$17,14,0)+IF('Standard Profiles'!$G$22=$B$24,21,0),MOD($C1105,24)+1)/SUM(INDEX($D$3:$AA$30,INDEX(Jesper!$R$2:$R$366,ROW(INDEX(Jesper!AL$2:AL$366,ROUNDDOWN($C1105/24,0)+1,1))-1)+IF('Standard Profiles'!$G$22=$B$10,7,0)+IF('Standard Profiles'!$G$22=$B$17,14,0)+IF('Standard Profiles'!$G$22=$B$24,21,0),0)),0)</f>
        <v>0</v>
      </c>
      <c r="I1105">
        <f t="shared" si="132"/>
        <v>0.45472666574087789</v>
      </c>
      <c r="J1105">
        <f t="shared" si="133"/>
        <v>1.5157555524695931</v>
      </c>
      <c r="K1105">
        <f t="shared" si="134"/>
        <v>2.2736333287043893</v>
      </c>
      <c r="L1105">
        <f t="shared" si="135"/>
        <v>10.913439977781069</v>
      </c>
      <c r="M1105">
        <f t="shared" si="136"/>
        <v>0</v>
      </c>
      <c r="N1105" s="46">
        <f t="shared" si="137"/>
        <v>45336.624999997402</v>
      </c>
    </row>
    <row r="1106" spans="2:14" x14ac:dyDescent="0.3">
      <c r="B1106">
        <f t="shared" si="131"/>
        <v>3</v>
      </c>
      <c r="C1106" s="16">
        <v>1072</v>
      </c>
      <c r="D1106" cm="1">
        <f t="array" ref="D1106">IFERROR(INDEX(Jesper!AH$2:AH$366,ROUNDDOWN($C1106/24,0)+1,1)*INDEX($D$3:$AA$30,INDEX(Jesper!$R$2:$R$366,ROW(INDEX(Jesper!AH$2:AH$366,ROUNDDOWN($C1106/24,0)+1,1))-1)+IF('Standard Profiles'!$G$18=$B$10,7,0)+IF('Standard Profiles'!$G$18=$B$17,14,0)+IF('Standard Profiles'!$G$18=$B$24,21,0),MOD($C1106,24)+1)/SUM(INDEX($D$3:$AA$30,INDEX(Jesper!$R$2:$R$366,ROW(INDEX(Jesper!AH$2:AH$366,ROUNDDOWN($C1106/24,0)+1,1))-1)+IF('Standard Profiles'!$G$18=$B$10,7,0)+IF('Standard Profiles'!$G$18=$B$17,14,0)+IF('Standard Profiles'!$G$18=$B$24,21,0),0)),0)</f>
        <v>15.15755552469593</v>
      </c>
      <c r="E1106" cm="1">
        <f t="array" ref="E1106">IFERROR(INDEX(Jesper!AI$2:AI$366,ROUNDDOWN($C1106/24,0)+1,1)*INDEX($D$3:$AA$30,INDEX(Jesper!$R$2:$R$366,ROW(INDEX(Jesper!AI$2:AI$366,ROUNDDOWN($C1106/24,0)+1,1))-1)+IF('Standard Profiles'!$G$19=$B$10,7,0)+IF('Standard Profiles'!$G$19=$B$17,14,0)+IF('Standard Profiles'!$G$19=$B$24,21,0),MOD($C1106,24)+1)/SUM(INDEX($D$3:$AA$30,INDEX(Jesper!$R$2:$R$366,ROW(INDEX(Jesper!AI$2:AI$366,ROUNDDOWN($C1106/24,0)+1,1))-1)+IF('Standard Profiles'!$G$19=$B$10,7,0)+IF('Standard Profiles'!$G$19=$B$17,14,0)+IF('Standard Profiles'!$G$19=$B$24,21,0),0)),0)</f>
        <v>0</v>
      </c>
      <c r="F1106" cm="1">
        <f t="array" ref="F1106">IFERROR(INDEX(Jesper!AJ$2:AJ$366,ROUNDDOWN($C1106/24,0)+1,1)*INDEX($D$3:$AA$30,INDEX(Jesper!$R$2:$R$366,ROW(INDEX(Jesper!AJ$2:AJ$366,ROUNDDOWN($C1106/24,0)+1,1))-1)+IF('Standard Profiles'!$G$20=$B$10,7,0)+IF('Standard Profiles'!$G$20=$B$17,14,0)+IF('Standard Profiles'!$G$20=$B$24,21,0),MOD($C1106,24)+1)/SUM(INDEX($D$3:$AA$30,INDEX(Jesper!$R$2:$R$366,ROW(INDEX(Jesper!AJ$2:AJ$366,ROUNDDOWN($C1106/24,0)+1,1))-1)+IF('Standard Profiles'!$G$20=$B$10,7,0)+IF('Standard Profiles'!$G$20=$B$17,14,0)+IF('Standard Profiles'!$G$20=$B$24,21,0),0)),0)</f>
        <v>0</v>
      </c>
      <c r="G1106" cm="1">
        <f t="array" ref="G1106">IFERROR(INDEX(Jesper!AK$2:AK$366,ROUNDDOWN($C1106/24,0)+1,1)*INDEX($D$3:$AA$30,INDEX(Jesper!$R$2:$R$366,ROW(INDEX(Jesper!AK$2:AK$366,ROUNDDOWN($C1106/24,0)+1,1))-1)+IF('Standard Profiles'!$G$21=$B$10,7,0)+IF('Standard Profiles'!$G$21=$B$17,14,0)+IF('Standard Profiles'!$G$21=$B$24,21,0),MOD($C1106,24)+1)/SUM(INDEX($D$3:$AA$30,INDEX(Jesper!$R$2:$R$366,ROW(INDEX(Jesper!AK$2:AK$366,ROUNDDOWN($C1106/24,0)+1,1))-1)+IF('Standard Profiles'!$G$21=$B$10,7,0)+IF('Standard Profiles'!$G$21=$B$17,14,0)+IF('Standard Profiles'!$G$21=$B$24,21,0),0)),0)</f>
        <v>0</v>
      </c>
      <c r="H1106" cm="1">
        <f t="array" ref="H1106">IFERROR(INDEX(Jesper!AL$2:AL$366,ROUNDDOWN($C1106/24,0)+1,1)*INDEX($D$3:$AA$30,INDEX(Jesper!$R$2:$R$366,ROW(INDEX(Jesper!AL$2:AL$366,ROUNDDOWN($C1106/24,0)+1,1))-1)+IF('Standard Profiles'!$G$22=$B$10,7,0)+IF('Standard Profiles'!$G$22=$B$17,14,0)+IF('Standard Profiles'!$G$22=$B$24,21,0),MOD($C1106,24)+1)/SUM(INDEX($D$3:$AA$30,INDEX(Jesper!$R$2:$R$366,ROW(INDEX(Jesper!AL$2:AL$366,ROUNDDOWN($C1106/24,0)+1,1))-1)+IF('Standard Profiles'!$G$22=$B$10,7,0)+IF('Standard Profiles'!$G$22=$B$17,14,0)+IF('Standard Profiles'!$G$22=$B$24,21,0),0)),0)</f>
        <v>0</v>
      </c>
      <c r="I1106">
        <f t="shared" si="132"/>
        <v>0.45472666574087789</v>
      </c>
      <c r="J1106">
        <f t="shared" si="133"/>
        <v>1.5157555524695931</v>
      </c>
      <c r="K1106">
        <f t="shared" si="134"/>
        <v>2.2736333287043893</v>
      </c>
      <c r="L1106">
        <f t="shared" si="135"/>
        <v>10.913439977781069</v>
      </c>
      <c r="M1106">
        <f t="shared" si="136"/>
        <v>0</v>
      </c>
      <c r="N1106" s="46">
        <f t="shared" si="137"/>
        <v>45336.666666664067</v>
      </c>
    </row>
    <row r="1107" spans="2:14" x14ac:dyDescent="0.3">
      <c r="B1107">
        <f t="shared" si="131"/>
        <v>3</v>
      </c>
      <c r="C1107" s="16">
        <v>1073</v>
      </c>
      <c r="D1107" cm="1">
        <f t="array" ref="D1107">IFERROR(INDEX(Jesper!AH$2:AH$366,ROUNDDOWN($C1107/24,0)+1,1)*INDEX($D$3:$AA$30,INDEX(Jesper!$R$2:$R$366,ROW(INDEX(Jesper!AH$2:AH$366,ROUNDDOWN($C1107/24,0)+1,1))-1)+IF('Standard Profiles'!$G$18=$B$10,7,0)+IF('Standard Profiles'!$G$18=$B$17,14,0)+IF('Standard Profiles'!$G$18=$B$24,21,0),MOD($C1107,24)+1)/SUM(INDEX($D$3:$AA$30,INDEX(Jesper!$R$2:$R$366,ROW(INDEX(Jesper!AH$2:AH$366,ROUNDDOWN($C1107/24,0)+1,1))-1)+IF('Standard Profiles'!$G$18=$B$10,7,0)+IF('Standard Profiles'!$G$18=$B$17,14,0)+IF('Standard Profiles'!$G$18=$B$24,21,0),0)),0)</f>
        <v>15.15755552469593</v>
      </c>
      <c r="E1107" cm="1">
        <f t="array" ref="E1107">IFERROR(INDEX(Jesper!AI$2:AI$366,ROUNDDOWN($C1107/24,0)+1,1)*INDEX($D$3:$AA$30,INDEX(Jesper!$R$2:$R$366,ROW(INDEX(Jesper!AI$2:AI$366,ROUNDDOWN($C1107/24,0)+1,1))-1)+IF('Standard Profiles'!$G$19=$B$10,7,0)+IF('Standard Profiles'!$G$19=$B$17,14,0)+IF('Standard Profiles'!$G$19=$B$24,21,0),MOD($C1107,24)+1)/SUM(INDEX($D$3:$AA$30,INDEX(Jesper!$R$2:$R$366,ROW(INDEX(Jesper!AI$2:AI$366,ROUNDDOWN($C1107/24,0)+1,1))-1)+IF('Standard Profiles'!$G$19=$B$10,7,0)+IF('Standard Profiles'!$G$19=$B$17,14,0)+IF('Standard Profiles'!$G$19=$B$24,21,0),0)),0)</f>
        <v>0</v>
      </c>
      <c r="F1107" cm="1">
        <f t="array" ref="F1107">IFERROR(INDEX(Jesper!AJ$2:AJ$366,ROUNDDOWN($C1107/24,0)+1,1)*INDEX($D$3:$AA$30,INDEX(Jesper!$R$2:$R$366,ROW(INDEX(Jesper!AJ$2:AJ$366,ROUNDDOWN($C1107/24,0)+1,1))-1)+IF('Standard Profiles'!$G$20=$B$10,7,0)+IF('Standard Profiles'!$G$20=$B$17,14,0)+IF('Standard Profiles'!$G$20=$B$24,21,0),MOD($C1107,24)+1)/SUM(INDEX($D$3:$AA$30,INDEX(Jesper!$R$2:$R$366,ROW(INDEX(Jesper!AJ$2:AJ$366,ROUNDDOWN($C1107/24,0)+1,1))-1)+IF('Standard Profiles'!$G$20=$B$10,7,0)+IF('Standard Profiles'!$G$20=$B$17,14,0)+IF('Standard Profiles'!$G$20=$B$24,21,0),0)),0)</f>
        <v>0</v>
      </c>
      <c r="G1107" cm="1">
        <f t="array" ref="G1107">IFERROR(INDEX(Jesper!AK$2:AK$366,ROUNDDOWN($C1107/24,0)+1,1)*INDEX($D$3:$AA$30,INDEX(Jesper!$R$2:$R$366,ROW(INDEX(Jesper!AK$2:AK$366,ROUNDDOWN($C1107/24,0)+1,1))-1)+IF('Standard Profiles'!$G$21=$B$10,7,0)+IF('Standard Profiles'!$G$21=$B$17,14,0)+IF('Standard Profiles'!$G$21=$B$24,21,0),MOD($C1107,24)+1)/SUM(INDEX($D$3:$AA$30,INDEX(Jesper!$R$2:$R$366,ROW(INDEX(Jesper!AK$2:AK$366,ROUNDDOWN($C1107/24,0)+1,1))-1)+IF('Standard Profiles'!$G$21=$B$10,7,0)+IF('Standard Profiles'!$G$21=$B$17,14,0)+IF('Standard Profiles'!$G$21=$B$24,21,0),0)),0)</f>
        <v>0</v>
      </c>
      <c r="H1107" cm="1">
        <f t="array" ref="H1107">IFERROR(INDEX(Jesper!AL$2:AL$366,ROUNDDOWN($C1107/24,0)+1,1)*INDEX($D$3:$AA$30,INDEX(Jesper!$R$2:$R$366,ROW(INDEX(Jesper!AL$2:AL$366,ROUNDDOWN($C1107/24,0)+1,1))-1)+IF('Standard Profiles'!$G$22=$B$10,7,0)+IF('Standard Profiles'!$G$22=$B$17,14,0)+IF('Standard Profiles'!$G$22=$B$24,21,0),MOD($C1107,24)+1)/SUM(INDEX($D$3:$AA$30,INDEX(Jesper!$R$2:$R$366,ROW(INDEX(Jesper!AL$2:AL$366,ROUNDDOWN($C1107/24,0)+1,1))-1)+IF('Standard Profiles'!$G$22=$B$10,7,0)+IF('Standard Profiles'!$G$22=$B$17,14,0)+IF('Standard Profiles'!$G$22=$B$24,21,0),0)),0)</f>
        <v>0</v>
      </c>
      <c r="I1107">
        <f t="shared" si="132"/>
        <v>0.45472666574087789</v>
      </c>
      <c r="J1107">
        <f t="shared" si="133"/>
        <v>1.5157555524695931</v>
      </c>
      <c r="K1107">
        <f t="shared" si="134"/>
        <v>2.2736333287043893</v>
      </c>
      <c r="L1107">
        <f t="shared" si="135"/>
        <v>10.913439977781069</v>
      </c>
      <c r="M1107">
        <f t="shared" si="136"/>
        <v>0</v>
      </c>
      <c r="N1107" s="46">
        <f t="shared" si="137"/>
        <v>45336.708333330731</v>
      </c>
    </row>
    <row r="1108" spans="2:14" x14ac:dyDescent="0.3">
      <c r="B1108">
        <f t="shared" si="131"/>
        <v>3</v>
      </c>
      <c r="C1108" s="16">
        <v>1074</v>
      </c>
      <c r="D1108" cm="1">
        <f t="array" ref="D1108">IFERROR(INDEX(Jesper!AH$2:AH$366,ROUNDDOWN($C1108/24,0)+1,1)*INDEX($D$3:$AA$30,INDEX(Jesper!$R$2:$R$366,ROW(INDEX(Jesper!AH$2:AH$366,ROUNDDOWN($C1108/24,0)+1,1))-1)+IF('Standard Profiles'!$G$18=$B$10,7,0)+IF('Standard Profiles'!$G$18=$B$17,14,0)+IF('Standard Profiles'!$G$18=$B$24,21,0),MOD($C1108,24)+1)/SUM(INDEX($D$3:$AA$30,INDEX(Jesper!$R$2:$R$366,ROW(INDEX(Jesper!AH$2:AH$366,ROUNDDOWN($C1108/24,0)+1,1))-1)+IF('Standard Profiles'!$G$18=$B$10,7,0)+IF('Standard Profiles'!$G$18=$B$17,14,0)+IF('Standard Profiles'!$G$18=$B$24,21,0),0)),0)</f>
        <v>15.15755552469593</v>
      </c>
      <c r="E1108" cm="1">
        <f t="array" ref="E1108">IFERROR(INDEX(Jesper!AI$2:AI$366,ROUNDDOWN($C1108/24,0)+1,1)*INDEX($D$3:$AA$30,INDEX(Jesper!$R$2:$R$366,ROW(INDEX(Jesper!AI$2:AI$366,ROUNDDOWN($C1108/24,0)+1,1))-1)+IF('Standard Profiles'!$G$19=$B$10,7,0)+IF('Standard Profiles'!$G$19=$B$17,14,0)+IF('Standard Profiles'!$G$19=$B$24,21,0),MOD($C1108,24)+1)/SUM(INDEX($D$3:$AA$30,INDEX(Jesper!$R$2:$R$366,ROW(INDEX(Jesper!AI$2:AI$366,ROUNDDOWN($C1108/24,0)+1,1))-1)+IF('Standard Profiles'!$G$19=$B$10,7,0)+IF('Standard Profiles'!$G$19=$B$17,14,0)+IF('Standard Profiles'!$G$19=$B$24,21,0),0)),0)</f>
        <v>0</v>
      </c>
      <c r="F1108" cm="1">
        <f t="array" ref="F1108">IFERROR(INDEX(Jesper!AJ$2:AJ$366,ROUNDDOWN($C1108/24,0)+1,1)*INDEX($D$3:$AA$30,INDEX(Jesper!$R$2:$R$366,ROW(INDEX(Jesper!AJ$2:AJ$366,ROUNDDOWN($C1108/24,0)+1,1))-1)+IF('Standard Profiles'!$G$20=$B$10,7,0)+IF('Standard Profiles'!$G$20=$B$17,14,0)+IF('Standard Profiles'!$G$20=$B$24,21,0),MOD($C1108,24)+1)/SUM(INDEX($D$3:$AA$30,INDEX(Jesper!$R$2:$R$366,ROW(INDEX(Jesper!AJ$2:AJ$366,ROUNDDOWN($C1108/24,0)+1,1))-1)+IF('Standard Profiles'!$G$20=$B$10,7,0)+IF('Standard Profiles'!$G$20=$B$17,14,0)+IF('Standard Profiles'!$G$20=$B$24,21,0),0)),0)</f>
        <v>0</v>
      </c>
      <c r="G1108" cm="1">
        <f t="array" ref="G1108">IFERROR(INDEX(Jesper!AK$2:AK$366,ROUNDDOWN($C1108/24,0)+1,1)*INDEX($D$3:$AA$30,INDEX(Jesper!$R$2:$R$366,ROW(INDEX(Jesper!AK$2:AK$366,ROUNDDOWN($C1108/24,0)+1,1))-1)+IF('Standard Profiles'!$G$21=$B$10,7,0)+IF('Standard Profiles'!$G$21=$B$17,14,0)+IF('Standard Profiles'!$G$21=$B$24,21,0),MOD($C1108,24)+1)/SUM(INDEX($D$3:$AA$30,INDEX(Jesper!$R$2:$R$366,ROW(INDEX(Jesper!AK$2:AK$366,ROUNDDOWN($C1108/24,0)+1,1))-1)+IF('Standard Profiles'!$G$21=$B$10,7,0)+IF('Standard Profiles'!$G$21=$B$17,14,0)+IF('Standard Profiles'!$G$21=$B$24,21,0),0)),0)</f>
        <v>0</v>
      </c>
      <c r="H1108" cm="1">
        <f t="array" ref="H1108">IFERROR(INDEX(Jesper!AL$2:AL$366,ROUNDDOWN($C1108/24,0)+1,1)*INDEX($D$3:$AA$30,INDEX(Jesper!$R$2:$R$366,ROW(INDEX(Jesper!AL$2:AL$366,ROUNDDOWN($C1108/24,0)+1,1))-1)+IF('Standard Profiles'!$G$22=$B$10,7,0)+IF('Standard Profiles'!$G$22=$B$17,14,0)+IF('Standard Profiles'!$G$22=$B$24,21,0),MOD($C1108,24)+1)/SUM(INDEX($D$3:$AA$30,INDEX(Jesper!$R$2:$R$366,ROW(INDEX(Jesper!AL$2:AL$366,ROUNDDOWN($C1108/24,0)+1,1))-1)+IF('Standard Profiles'!$G$22=$B$10,7,0)+IF('Standard Profiles'!$G$22=$B$17,14,0)+IF('Standard Profiles'!$G$22=$B$24,21,0),0)),0)</f>
        <v>0</v>
      </c>
      <c r="I1108">
        <f t="shared" si="132"/>
        <v>0.45472666574087789</v>
      </c>
      <c r="J1108">
        <f t="shared" si="133"/>
        <v>1.5157555524695931</v>
      </c>
      <c r="K1108">
        <f t="shared" si="134"/>
        <v>2.2736333287043893</v>
      </c>
      <c r="L1108">
        <f t="shared" si="135"/>
        <v>10.913439977781069</v>
      </c>
      <c r="M1108">
        <f t="shared" si="136"/>
        <v>0</v>
      </c>
      <c r="N1108" s="46">
        <f t="shared" si="137"/>
        <v>45336.749999997395</v>
      </c>
    </row>
    <row r="1109" spans="2:14" x14ac:dyDescent="0.3">
      <c r="B1109">
        <f t="shared" si="131"/>
        <v>3</v>
      </c>
      <c r="C1109" s="16">
        <v>1075</v>
      </c>
      <c r="D1109" cm="1">
        <f t="array" ref="D1109">IFERROR(INDEX(Jesper!AH$2:AH$366,ROUNDDOWN($C1109/24,0)+1,1)*INDEX($D$3:$AA$30,INDEX(Jesper!$R$2:$R$366,ROW(INDEX(Jesper!AH$2:AH$366,ROUNDDOWN($C1109/24,0)+1,1))-1)+IF('Standard Profiles'!$G$18=$B$10,7,0)+IF('Standard Profiles'!$G$18=$B$17,14,0)+IF('Standard Profiles'!$G$18=$B$24,21,0),MOD($C1109,24)+1)/SUM(INDEX($D$3:$AA$30,INDEX(Jesper!$R$2:$R$366,ROW(INDEX(Jesper!AH$2:AH$366,ROUNDDOWN($C1109/24,0)+1,1))-1)+IF('Standard Profiles'!$G$18=$B$10,7,0)+IF('Standard Profiles'!$G$18=$B$17,14,0)+IF('Standard Profiles'!$G$18=$B$24,21,0),0)),0)</f>
        <v>12.631296270579943</v>
      </c>
      <c r="E1109" cm="1">
        <f t="array" ref="E1109">IFERROR(INDEX(Jesper!AI$2:AI$366,ROUNDDOWN($C1109/24,0)+1,1)*INDEX($D$3:$AA$30,INDEX(Jesper!$R$2:$R$366,ROW(INDEX(Jesper!AI$2:AI$366,ROUNDDOWN($C1109/24,0)+1,1))-1)+IF('Standard Profiles'!$G$19=$B$10,7,0)+IF('Standard Profiles'!$G$19=$B$17,14,0)+IF('Standard Profiles'!$G$19=$B$24,21,0),MOD($C1109,24)+1)/SUM(INDEX($D$3:$AA$30,INDEX(Jesper!$R$2:$R$366,ROW(INDEX(Jesper!AI$2:AI$366,ROUNDDOWN($C1109/24,0)+1,1))-1)+IF('Standard Profiles'!$G$19=$B$10,7,0)+IF('Standard Profiles'!$G$19=$B$17,14,0)+IF('Standard Profiles'!$G$19=$B$24,21,0),0)),0)</f>
        <v>0</v>
      </c>
      <c r="F1109" cm="1">
        <f t="array" ref="F1109">IFERROR(INDEX(Jesper!AJ$2:AJ$366,ROUNDDOWN($C1109/24,0)+1,1)*INDEX($D$3:$AA$30,INDEX(Jesper!$R$2:$R$366,ROW(INDEX(Jesper!AJ$2:AJ$366,ROUNDDOWN($C1109/24,0)+1,1))-1)+IF('Standard Profiles'!$G$20=$B$10,7,0)+IF('Standard Profiles'!$G$20=$B$17,14,0)+IF('Standard Profiles'!$G$20=$B$24,21,0),MOD($C1109,24)+1)/SUM(INDEX($D$3:$AA$30,INDEX(Jesper!$R$2:$R$366,ROW(INDEX(Jesper!AJ$2:AJ$366,ROUNDDOWN($C1109/24,0)+1,1))-1)+IF('Standard Profiles'!$G$20=$B$10,7,0)+IF('Standard Profiles'!$G$20=$B$17,14,0)+IF('Standard Profiles'!$G$20=$B$24,21,0),0)),0)</f>
        <v>0</v>
      </c>
      <c r="G1109" cm="1">
        <f t="array" ref="G1109">IFERROR(INDEX(Jesper!AK$2:AK$366,ROUNDDOWN($C1109/24,0)+1,1)*INDEX($D$3:$AA$30,INDEX(Jesper!$R$2:$R$366,ROW(INDEX(Jesper!AK$2:AK$366,ROUNDDOWN($C1109/24,0)+1,1))-1)+IF('Standard Profiles'!$G$21=$B$10,7,0)+IF('Standard Profiles'!$G$21=$B$17,14,0)+IF('Standard Profiles'!$G$21=$B$24,21,0),MOD($C1109,24)+1)/SUM(INDEX($D$3:$AA$30,INDEX(Jesper!$R$2:$R$366,ROW(INDEX(Jesper!AK$2:AK$366,ROUNDDOWN($C1109/24,0)+1,1))-1)+IF('Standard Profiles'!$G$21=$B$10,7,0)+IF('Standard Profiles'!$G$21=$B$17,14,0)+IF('Standard Profiles'!$G$21=$B$24,21,0),0)),0)</f>
        <v>0</v>
      </c>
      <c r="H1109" cm="1">
        <f t="array" ref="H1109">IFERROR(INDEX(Jesper!AL$2:AL$366,ROUNDDOWN($C1109/24,0)+1,1)*INDEX($D$3:$AA$30,INDEX(Jesper!$R$2:$R$366,ROW(INDEX(Jesper!AL$2:AL$366,ROUNDDOWN($C1109/24,0)+1,1))-1)+IF('Standard Profiles'!$G$22=$B$10,7,0)+IF('Standard Profiles'!$G$22=$B$17,14,0)+IF('Standard Profiles'!$G$22=$B$24,21,0),MOD($C1109,24)+1)/SUM(INDEX($D$3:$AA$30,INDEX(Jesper!$R$2:$R$366,ROW(INDEX(Jesper!AL$2:AL$366,ROUNDDOWN($C1109/24,0)+1,1))-1)+IF('Standard Profiles'!$G$22=$B$10,7,0)+IF('Standard Profiles'!$G$22=$B$17,14,0)+IF('Standard Profiles'!$G$22=$B$24,21,0),0)),0)</f>
        <v>0</v>
      </c>
      <c r="I1109">
        <f t="shared" si="132"/>
        <v>0.37893888811739829</v>
      </c>
      <c r="J1109">
        <f t="shared" si="133"/>
        <v>1.2631296270579944</v>
      </c>
      <c r="K1109">
        <f t="shared" si="134"/>
        <v>1.8946944405869914</v>
      </c>
      <c r="L1109">
        <f t="shared" si="135"/>
        <v>9.0945333148175589</v>
      </c>
      <c r="M1109">
        <f t="shared" si="136"/>
        <v>0</v>
      </c>
      <c r="N1109" s="46">
        <f t="shared" si="137"/>
        <v>45336.791666664059</v>
      </c>
    </row>
    <row r="1110" spans="2:14" x14ac:dyDescent="0.3">
      <c r="B1110">
        <f t="shared" si="131"/>
        <v>3</v>
      </c>
      <c r="C1110" s="16">
        <v>1076</v>
      </c>
      <c r="D1110" cm="1">
        <f t="array" ref="D1110">IFERROR(INDEX(Jesper!AH$2:AH$366,ROUNDDOWN($C1110/24,0)+1,1)*INDEX($D$3:$AA$30,INDEX(Jesper!$R$2:$R$366,ROW(INDEX(Jesper!AH$2:AH$366,ROUNDDOWN($C1110/24,0)+1,1))-1)+IF('Standard Profiles'!$G$18=$B$10,7,0)+IF('Standard Profiles'!$G$18=$B$17,14,0)+IF('Standard Profiles'!$G$18=$B$24,21,0),MOD($C1110,24)+1)/SUM(INDEX($D$3:$AA$30,INDEX(Jesper!$R$2:$R$366,ROW(INDEX(Jesper!AH$2:AH$366,ROUNDDOWN($C1110/24,0)+1,1))-1)+IF('Standard Profiles'!$G$18=$B$10,7,0)+IF('Standard Profiles'!$G$18=$B$17,14,0)+IF('Standard Profiles'!$G$18=$B$24,21,0),0)),0)</f>
        <v>10.105037016463957</v>
      </c>
      <c r="E1110" cm="1">
        <f t="array" ref="E1110">IFERROR(INDEX(Jesper!AI$2:AI$366,ROUNDDOWN($C1110/24,0)+1,1)*INDEX($D$3:$AA$30,INDEX(Jesper!$R$2:$R$366,ROW(INDEX(Jesper!AI$2:AI$366,ROUNDDOWN($C1110/24,0)+1,1))-1)+IF('Standard Profiles'!$G$19=$B$10,7,0)+IF('Standard Profiles'!$G$19=$B$17,14,0)+IF('Standard Profiles'!$G$19=$B$24,21,0),MOD($C1110,24)+1)/SUM(INDEX($D$3:$AA$30,INDEX(Jesper!$R$2:$R$366,ROW(INDEX(Jesper!AI$2:AI$366,ROUNDDOWN($C1110/24,0)+1,1))-1)+IF('Standard Profiles'!$G$19=$B$10,7,0)+IF('Standard Profiles'!$G$19=$B$17,14,0)+IF('Standard Profiles'!$G$19=$B$24,21,0),0)),0)</f>
        <v>0</v>
      </c>
      <c r="F1110" cm="1">
        <f t="array" ref="F1110">IFERROR(INDEX(Jesper!AJ$2:AJ$366,ROUNDDOWN($C1110/24,0)+1,1)*INDEX($D$3:$AA$30,INDEX(Jesper!$R$2:$R$366,ROW(INDEX(Jesper!AJ$2:AJ$366,ROUNDDOWN($C1110/24,0)+1,1))-1)+IF('Standard Profiles'!$G$20=$B$10,7,0)+IF('Standard Profiles'!$G$20=$B$17,14,0)+IF('Standard Profiles'!$G$20=$B$24,21,0),MOD($C1110,24)+1)/SUM(INDEX($D$3:$AA$30,INDEX(Jesper!$R$2:$R$366,ROW(INDEX(Jesper!AJ$2:AJ$366,ROUNDDOWN($C1110/24,0)+1,1))-1)+IF('Standard Profiles'!$G$20=$B$10,7,0)+IF('Standard Profiles'!$G$20=$B$17,14,0)+IF('Standard Profiles'!$G$20=$B$24,21,0),0)),0)</f>
        <v>0</v>
      </c>
      <c r="G1110" cm="1">
        <f t="array" ref="G1110">IFERROR(INDEX(Jesper!AK$2:AK$366,ROUNDDOWN($C1110/24,0)+1,1)*INDEX($D$3:$AA$30,INDEX(Jesper!$R$2:$R$366,ROW(INDEX(Jesper!AK$2:AK$366,ROUNDDOWN($C1110/24,0)+1,1))-1)+IF('Standard Profiles'!$G$21=$B$10,7,0)+IF('Standard Profiles'!$G$21=$B$17,14,0)+IF('Standard Profiles'!$G$21=$B$24,21,0),MOD($C1110,24)+1)/SUM(INDEX($D$3:$AA$30,INDEX(Jesper!$R$2:$R$366,ROW(INDEX(Jesper!AK$2:AK$366,ROUNDDOWN($C1110/24,0)+1,1))-1)+IF('Standard Profiles'!$G$21=$B$10,7,0)+IF('Standard Profiles'!$G$21=$B$17,14,0)+IF('Standard Profiles'!$G$21=$B$24,21,0),0)),0)</f>
        <v>0</v>
      </c>
      <c r="H1110" cm="1">
        <f t="array" ref="H1110">IFERROR(INDEX(Jesper!AL$2:AL$366,ROUNDDOWN($C1110/24,0)+1,1)*INDEX($D$3:$AA$30,INDEX(Jesper!$R$2:$R$366,ROW(INDEX(Jesper!AL$2:AL$366,ROUNDDOWN($C1110/24,0)+1,1))-1)+IF('Standard Profiles'!$G$22=$B$10,7,0)+IF('Standard Profiles'!$G$22=$B$17,14,0)+IF('Standard Profiles'!$G$22=$B$24,21,0),MOD($C1110,24)+1)/SUM(INDEX($D$3:$AA$30,INDEX(Jesper!$R$2:$R$366,ROW(INDEX(Jesper!AL$2:AL$366,ROUNDDOWN($C1110/24,0)+1,1))-1)+IF('Standard Profiles'!$G$22=$B$10,7,0)+IF('Standard Profiles'!$G$22=$B$17,14,0)+IF('Standard Profiles'!$G$22=$B$24,21,0),0)),0)</f>
        <v>0</v>
      </c>
      <c r="I1110">
        <f t="shared" si="132"/>
        <v>0.30315111049391869</v>
      </c>
      <c r="J1110">
        <f t="shared" si="133"/>
        <v>1.0105037016463958</v>
      </c>
      <c r="K1110">
        <f t="shared" si="134"/>
        <v>1.5157555524695934</v>
      </c>
      <c r="L1110">
        <f t="shared" si="135"/>
        <v>7.2756266518540489</v>
      </c>
      <c r="M1110">
        <f t="shared" si="136"/>
        <v>0</v>
      </c>
      <c r="N1110" s="46">
        <f t="shared" si="137"/>
        <v>45336.833333330724</v>
      </c>
    </row>
    <row r="1111" spans="2:14" x14ac:dyDescent="0.3">
      <c r="B1111">
        <f t="shared" si="131"/>
        <v>3</v>
      </c>
      <c r="C1111" s="16">
        <v>1077</v>
      </c>
      <c r="D1111" cm="1">
        <f t="array" ref="D1111">IFERROR(INDEX(Jesper!AH$2:AH$366,ROUNDDOWN($C1111/24,0)+1,1)*INDEX($D$3:$AA$30,INDEX(Jesper!$R$2:$R$366,ROW(INDEX(Jesper!AH$2:AH$366,ROUNDDOWN($C1111/24,0)+1,1))-1)+IF('Standard Profiles'!$G$18=$B$10,7,0)+IF('Standard Profiles'!$G$18=$B$17,14,0)+IF('Standard Profiles'!$G$18=$B$24,21,0),MOD($C1111,24)+1)/SUM(INDEX($D$3:$AA$30,INDEX(Jesper!$R$2:$R$366,ROW(INDEX(Jesper!AH$2:AH$366,ROUNDDOWN($C1111/24,0)+1,1))-1)+IF('Standard Profiles'!$G$18=$B$10,7,0)+IF('Standard Profiles'!$G$18=$B$17,14,0)+IF('Standard Profiles'!$G$18=$B$24,21,0),0)),0)</f>
        <v>7.5787777623479649</v>
      </c>
      <c r="E1111" cm="1">
        <f t="array" ref="E1111">IFERROR(INDEX(Jesper!AI$2:AI$366,ROUNDDOWN($C1111/24,0)+1,1)*INDEX($D$3:$AA$30,INDEX(Jesper!$R$2:$R$366,ROW(INDEX(Jesper!AI$2:AI$366,ROUNDDOWN($C1111/24,0)+1,1))-1)+IF('Standard Profiles'!$G$19=$B$10,7,0)+IF('Standard Profiles'!$G$19=$B$17,14,0)+IF('Standard Profiles'!$G$19=$B$24,21,0),MOD($C1111,24)+1)/SUM(INDEX($D$3:$AA$30,INDEX(Jesper!$R$2:$R$366,ROW(INDEX(Jesper!AI$2:AI$366,ROUNDDOWN($C1111/24,0)+1,1))-1)+IF('Standard Profiles'!$G$19=$B$10,7,0)+IF('Standard Profiles'!$G$19=$B$17,14,0)+IF('Standard Profiles'!$G$19=$B$24,21,0),0)),0)</f>
        <v>0</v>
      </c>
      <c r="F1111" cm="1">
        <f t="array" ref="F1111">IFERROR(INDEX(Jesper!AJ$2:AJ$366,ROUNDDOWN($C1111/24,0)+1,1)*INDEX($D$3:$AA$30,INDEX(Jesper!$R$2:$R$366,ROW(INDEX(Jesper!AJ$2:AJ$366,ROUNDDOWN($C1111/24,0)+1,1))-1)+IF('Standard Profiles'!$G$20=$B$10,7,0)+IF('Standard Profiles'!$G$20=$B$17,14,0)+IF('Standard Profiles'!$G$20=$B$24,21,0),MOD($C1111,24)+1)/SUM(INDEX($D$3:$AA$30,INDEX(Jesper!$R$2:$R$366,ROW(INDEX(Jesper!AJ$2:AJ$366,ROUNDDOWN($C1111/24,0)+1,1))-1)+IF('Standard Profiles'!$G$20=$B$10,7,0)+IF('Standard Profiles'!$G$20=$B$17,14,0)+IF('Standard Profiles'!$G$20=$B$24,21,0),0)),0)</f>
        <v>0</v>
      </c>
      <c r="G1111" cm="1">
        <f t="array" ref="G1111">IFERROR(INDEX(Jesper!AK$2:AK$366,ROUNDDOWN($C1111/24,0)+1,1)*INDEX($D$3:$AA$30,INDEX(Jesper!$R$2:$R$366,ROW(INDEX(Jesper!AK$2:AK$366,ROUNDDOWN($C1111/24,0)+1,1))-1)+IF('Standard Profiles'!$G$21=$B$10,7,0)+IF('Standard Profiles'!$G$21=$B$17,14,0)+IF('Standard Profiles'!$G$21=$B$24,21,0),MOD($C1111,24)+1)/SUM(INDEX($D$3:$AA$30,INDEX(Jesper!$R$2:$R$366,ROW(INDEX(Jesper!AK$2:AK$366,ROUNDDOWN($C1111/24,0)+1,1))-1)+IF('Standard Profiles'!$G$21=$B$10,7,0)+IF('Standard Profiles'!$G$21=$B$17,14,0)+IF('Standard Profiles'!$G$21=$B$24,21,0),0)),0)</f>
        <v>0</v>
      </c>
      <c r="H1111" cm="1">
        <f t="array" ref="H1111">IFERROR(INDEX(Jesper!AL$2:AL$366,ROUNDDOWN($C1111/24,0)+1,1)*INDEX($D$3:$AA$30,INDEX(Jesper!$R$2:$R$366,ROW(INDEX(Jesper!AL$2:AL$366,ROUNDDOWN($C1111/24,0)+1,1))-1)+IF('Standard Profiles'!$G$22=$B$10,7,0)+IF('Standard Profiles'!$G$22=$B$17,14,0)+IF('Standard Profiles'!$G$22=$B$24,21,0),MOD($C1111,24)+1)/SUM(INDEX($D$3:$AA$30,INDEX(Jesper!$R$2:$R$366,ROW(INDEX(Jesper!AL$2:AL$366,ROUNDDOWN($C1111/24,0)+1,1))-1)+IF('Standard Profiles'!$G$22=$B$10,7,0)+IF('Standard Profiles'!$G$22=$B$17,14,0)+IF('Standard Profiles'!$G$22=$B$24,21,0),0)),0)</f>
        <v>0</v>
      </c>
      <c r="I1111">
        <f t="shared" si="132"/>
        <v>0.22736333287043894</v>
      </c>
      <c r="J1111">
        <f t="shared" si="133"/>
        <v>0.75787777623479657</v>
      </c>
      <c r="K1111">
        <f t="shared" si="134"/>
        <v>1.1368166643521946</v>
      </c>
      <c r="L1111">
        <f t="shared" si="135"/>
        <v>5.4567199888905344</v>
      </c>
      <c r="M1111">
        <f t="shared" si="136"/>
        <v>0</v>
      </c>
      <c r="N1111" s="46">
        <f t="shared" si="137"/>
        <v>45336.874999997388</v>
      </c>
    </row>
    <row r="1112" spans="2:14" x14ac:dyDescent="0.3">
      <c r="B1112">
        <f t="shared" si="131"/>
        <v>3</v>
      </c>
      <c r="C1112" s="16">
        <v>1078</v>
      </c>
      <c r="D1112" cm="1">
        <f t="array" ref="D1112">IFERROR(INDEX(Jesper!AH$2:AH$366,ROUNDDOWN($C1112/24,0)+1,1)*INDEX($D$3:$AA$30,INDEX(Jesper!$R$2:$R$366,ROW(INDEX(Jesper!AH$2:AH$366,ROUNDDOWN($C1112/24,0)+1,1))-1)+IF('Standard Profiles'!$G$18=$B$10,7,0)+IF('Standard Profiles'!$G$18=$B$17,14,0)+IF('Standard Profiles'!$G$18=$B$24,21,0),MOD($C1112,24)+1)/SUM(INDEX($D$3:$AA$30,INDEX(Jesper!$R$2:$R$366,ROW(INDEX(Jesper!AH$2:AH$366,ROUNDDOWN($C1112/24,0)+1,1))-1)+IF('Standard Profiles'!$G$18=$B$10,7,0)+IF('Standard Profiles'!$G$18=$B$17,14,0)+IF('Standard Profiles'!$G$18=$B$24,21,0),0)),0)</f>
        <v>7.5787777623479649</v>
      </c>
      <c r="E1112" cm="1">
        <f t="array" ref="E1112">IFERROR(INDEX(Jesper!AI$2:AI$366,ROUNDDOWN($C1112/24,0)+1,1)*INDEX($D$3:$AA$30,INDEX(Jesper!$R$2:$R$366,ROW(INDEX(Jesper!AI$2:AI$366,ROUNDDOWN($C1112/24,0)+1,1))-1)+IF('Standard Profiles'!$G$19=$B$10,7,0)+IF('Standard Profiles'!$G$19=$B$17,14,0)+IF('Standard Profiles'!$G$19=$B$24,21,0),MOD($C1112,24)+1)/SUM(INDEX($D$3:$AA$30,INDEX(Jesper!$R$2:$R$366,ROW(INDEX(Jesper!AI$2:AI$366,ROUNDDOWN($C1112/24,0)+1,1))-1)+IF('Standard Profiles'!$G$19=$B$10,7,0)+IF('Standard Profiles'!$G$19=$B$17,14,0)+IF('Standard Profiles'!$G$19=$B$24,21,0),0)),0)</f>
        <v>0</v>
      </c>
      <c r="F1112" cm="1">
        <f t="array" ref="F1112">IFERROR(INDEX(Jesper!AJ$2:AJ$366,ROUNDDOWN($C1112/24,0)+1,1)*INDEX($D$3:$AA$30,INDEX(Jesper!$R$2:$R$366,ROW(INDEX(Jesper!AJ$2:AJ$366,ROUNDDOWN($C1112/24,0)+1,1))-1)+IF('Standard Profiles'!$G$20=$B$10,7,0)+IF('Standard Profiles'!$G$20=$B$17,14,0)+IF('Standard Profiles'!$G$20=$B$24,21,0),MOD($C1112,24)+1)/SUM(INDEX($D$3:$AA$30,INDEX(Jesper!$R$2:$R$366,ROW(INDEX(Jesper!AJ$2:AJ$366,ROUNDDOWN($C1112/24,0)+1,1))-1)+IF('Standard Profiles'!$G$20=$B$10,7,0)+IF('Standard Profiles'!$G$20=$B$17,14,0)+IF('Standard Profiles'!$G$20=$B$24,21,0),0)),0)</f>
        <v>0</v>
      </c>
      <c r="G1112" cm="1">
        <f t="array" ref="G1112">IFERROR(INDEX(Jesper!AK$2:AK$366,ROUNDDOWN($C1112/24,0)+1,1)*INDEX($D$3:$AA$30,INDEX(Jesper!$R$2:$R$366,ROW(INDEX(Jesper!AK$2:AK$366,ROUNDDOWN($C1112/24,0)+1,1))-1)+IF('Standard Profiles'!$G$21=$B$10,7,0)+IF('Standard Profiles'!$G$21=$B$17,14,0)+IF('Standard Profiles'!$G$21=$B$24,21,0),MOD($C1112,24)+1)/SUM(INDEX($D$3:$AA$30,INDEX(Jesper!$R$2:$R$366,ROW(INDEX(Jesper!AK$2:AK$366,ROUNDDOWN($C1112/24,0)+1,1))-1)+IF('Standard Profiles'!$G$21=$B$10,7,0)+IF('Standard Profiles'!$G$21=$B$17,14,0)+IF('Standard Profiles'!$G$21=$B$24,21,0),0)),0)</f>
        <v>0</v>
      </c>
      <c r="H1112" cm="1">
        <f t="array" ref="H1112">IFERROR(INDEX(Jesper!AL$2:AL$366,ROUNDDOWN($C1112/24,0)+1,1)*INDEX($D$3:$AA$30,INDEX(Jesper!$R$2:$R$366,ROW(INDEX(Jesper!AL$2:AL$366,ROUNDDOWN($C1112/24,0)+1,1))-1)+IF('Standard Profiles'!$G$22=$B$10,7,0)+IF('Standard Profiles'!$G$22=$B$17,14,0)+IF('Standard Profiles'!$G$22=$B$24,21,0),MOD($C1112,24)+1)/SUM(INDEX($D$3:$AA$30,INDEX(Jesper!$R$2:$R$366,ROW(INDEX(Jesper!AL$2:AL$366,ROUNDDOWN($C1112/24,0)+1,1))-1)+IF('Standard Profiles'!$G$22=$B$10,7,0)+IF('Standard Profiles'!$G$22=$B$17,14,0)+IF('Standard Profiles'!$G$22=$B$24,21,0),0)),0)</f>
        <v>0</v>
      </c>
      <c r="I1112">
        <f t="shared" si="132"/>
        <v>0.22736333287043894</v>
      </c>
      <c r="J1112">
        <f t="shared" si="133"/>
        <v>0.75787777623479657</v>
      </c>
      <c r="K1112">
        <f t="shared" si="134"/>
        <v>1.1368166643521946</v>
      </c>
      <c r="L1112">
        <f t="shared" si="135"/>
        <v>5.4567199888905344</v>
      </c>
      <c r="M1112">
        <f t="shared" si="136"/>
        <v>0</v>
      </c>
      <c r="N1112" s="46">
        <f t="shared" si="137"/>
        <v>45336.916666664052</v>
      </c>
    </row>
    <row r="1113" spans="2:14" x14ac:dyDescent="0.3">
      <c r="B1113">
        <f t="shared" si="131"/>
        <v>3</v>
      </c>
      <c r="C1113" s="16">
        <v>1079</v>
      </c>
      <c r="D1113" cm="1">
        <f t="array" ref="D1113">IFERROR(INDEX(Jesper!AH$2:AH$366,ROUNDDOWN($C1113/24,0)+1,1)*INDEX($D$3:$AA$30,INDEX(Jesper!$R$2:$R$366,ROW(INDEX(Jesper!AH$2:AH$366,ROUNDDOWN($C1113/24,0)+1,1))-1)+IF('Standard Profiles'!$G$18=$B$10,7,0)+IF('Standard Profiles'!$G$18=$B$17,14,0)+IF('Standard Profiles'!$G$18=$B$24,21,0),MOD($C1113,24)+1)/SUM(INDEX($D$3:$AA$30,INDEX(Jesper!$R$2:$R$366,ROW(INDEX(Jesper!AH$2:AH$366,ROUNDDOWN($C1113/24,0)+1,1))-1)+IF('Standard Profiles'!$G$18=$B$10,7,0)+IF('Standard Profiles'!$G$18=$B$17,14,0)+IF('Standard Profiles'!$G$18=$B$24,21,0),0)),0)</f>
        <v>7.5787777623479649</v>
      </c>
      <c r="E1113" cm="1">
        <f t="array" ref="E1113">IFERROR(INDEX(Jesper!AI$2:AI$366,ROUNDDOWN($C1113/24,0)+1,1)*INDEX($D$3:$AA$30,INDEX(Jesper!$R$2:$R$366,ROW(INDEX(Jesper!AI$2:AI$366,ROUNDDOWN($C1113/24,0)+1,1))-1)+IF('Standard Profiles'!$G$19=$B$10,7,0)+IF('Standard Profiles'!$G$19=$B$17,14,0)+IF('Standard Profiles'!$G$19=$B$24,21,0),MOD($C1113,24)+1)/SUM(INDEX($D$3:$AA$30,INDEX(Jesper!$R$2:$R$366,ROW(INDEX(Jesper!AI$2:AI$366,ROUNDDOWN($C1113/24,0)+1,1))-1)+IF('Standard Profiles'!$G$19=$B$10,7,0)+IF('Standard Profiles'!$G$19=$B$17,14,0)+IF('Standard Profiles'!$G$19=$B$24,21,0),0)),0)</f>
        <v>0</v>
      </c>
      <c r="F1113" cm="1">
        <f t="array" ref="F1113">IFERROR(INDEX(Jesper!AJ$2:AJ$366,ROUNDDOWN($C1113/24,0)+1,1)*INDEX($D$3:$AA$30,INDEX(Jesper!$R$2:$R$366,ROW(INDEX(Jesper!AJ$2:AJ$366,ROUNDDOWN($C1113/24,0)+1,1))-1)+IF('Standard Profiles'!$G$20=$B$10,7,0)+IF('Standard Profiles'!$G$20=$B$17,14,0)+IF('Standard Profiles'!$G$20=$B$24,21,0),MOD($C1113,24)+1)/SUM(INDEX($D$3:$AA$30,INDEX(Jesper!$R$2:$R$366,ROW(INDEX(Jesper!AJ$2:AJ$366,ROUNDDOWN($C1113/24,0)+1,1))-1)+IF('Standard Profiles'!$G$20=$B$10,7,0)+IF('Standard Profiles'!$G$20=$B$17,14,0)+IF('Standard Profiles'!$G$20=$B$24,21,0),0)),0)</f>
        <v>0</v>
      </c>
      <c r="G1113" cm="1">
        <f t="array" ref="G1113">IFERROR(INDEX(Jesper!AK$2:AK$366,ROUNDDOWN($C1113/24,0)+1,1)*INDEX($D$3:$AA$30,INDEX(Jesper!$R$2:$R$366,ROW(INDEX(Jesper!AK$2:AK$366,ROUNDDOWN($C1113/24,0)+1,1))-1)+IF('Standard Profiles'!$G$21=$B$10,7,0)+IF('Standard Profiles'!$G$21=$B$17,14,0)+IF('Standard Profiles'!$G$21=$B$24,21,0),MOD($C1113,24)+1)/SUM(INDEX($D$3:$AA$30,INDEX(Jesper!$R$2:$R$366,ROW(INDEX(Jesper!AK$2:AK$366,ROUNDDOWN($C1113/24,0)+1,1))-1)+IF('Standard Profiles'!$G$21=$B$10,7,0)+IF('Standard Profiles'!$G$21=$B$17,14,0)+IF('Standard Profiles'!$G$21=$B$24,21,0),0)),0)</f>
        <v>0</v>
      </c>
      <c r="H1113" cm="1">
        <f t="array" ref="H1113">IFERROR(INDEX(Jesper!AL$2:AL$366,ROUNDDOWN($C1113/24,0)+1,1)*INDEX($D$3:$AA$30,INDEX(Jesper!$R$2:$R$366,ROW(INDEX(Jesper!AL$2:AL$366,ROUNDDOWN($C1113/24,0)+1,1))-1)+IF('Standard Profiles'!$G$22=$B$10,7,0)+IF('Standard Profiles'!$G$22=$B$17,14,0)+IF('Standard Profiles'!$G$22=$B$24,21,0),MOD($C1113,24)+1)/SUM(INDEX($D$3:$AA$30,INDEX(Jesper!$R$2:$R$366,ROW(INDEX(Jesper!AL$2:AL$366,ROUNDDOWN($C1113/24,0)+1,1))-1)+IF('Standard Profiles'!$G$22=$B$10,7,0)+IF('Standard Profiles'!$G$22=$B$17,14,0)+IF('Standard Profiles'!$G$22=$B$24,21,0),0)),0)</f>
        <v>0</v>
      </c>
      <c r="I1113">
        <f t="shared" si="132"/>
        <v>0.22736333287043894</v>
      </c>
      <c r="J1113">
        <f t="shared" si="133"/>
        <v>0.75787777623479657</v>
      </c>
      <c r="K1113">
        <f t="shared" si="134"/>
        <v>1.1368166643521946</v>
      </c>
      <c r="L1113">
        <f t="shared" si="135"/>
        <v>5.4567199888905344</v>
      </c>
      <c r="M1113">
        <f t="shared" si="136"/>
        <v>0</v>
      </c>
      <c r="N1113" s="46">
        <f t="shared" si="137"/>
        <v>45336.958333330716</v>
      </c>
    </row>
    <row r="1114" spans="2:14" x14ac:dyDescent="0.3">
      <c r="B1114">
        <f t="shared" si="131"/>
        <v>4</v>
      </c>
      <c r="C1114" s="16">
        <v>1080</v>
      </c>
      <c r="D1114" cm="1">
        <f t="array" ref="D1114">IFERROR(INDEX(Jesper!AH$2:AH$366,ROUNDDOWN($C1114/24,0)+1,1)*INDEX($D$3:$AA$30,INDEX(Jesper!$R$2:$R$366,ROW(INDEX(Jesper!AH$2:AH$366,ROUNDDOWN($C1114/24,0)+1,1))-1)+IF('Standard Profiles'!$G$18=$B$10,7,0)+IF('Standard Profiles'!$G$18=$B$17,14,0)+IF('Standard Profiles'!$G$18=$B$24,21,0),MOD($C1114,24)+1)/SUM(INDEX($D$3:$AA$30,INDEX(Jesper!$R$2:$R$366,ROW(INDEX(Jesper!AH$2:AH$366,ROUNDDOWN($C1114/24,0)+1,1))-1)+IF('Standard Profiles'!$G$18=$B$10,7,0)+IF('Standard Profiles'!$G$18=$B$17,14,0)+IF('Standard Profiles'!$G$18=$B$24,21,0),0)),0)</f>
        <v>7.8074787972892379</v>
      </c>
      <c r="E1114" cm="1">
        <f t="array" ref="E1114">IFERROR(INDEX(Jesper!AI$2:AI$366,ROUNDDOWN($C1114/24,0)+1,1)*INDEX($D$3:$AA$30,INDEX(Jesper!$R$2:$R$366,ROW(INDEX(Jesper!AI$2:AI$366,ROUNDDOWN($C1114/24,0)+1,1))-1)+IF('Standard Profiles'!$G$19=$B$10,7,0)+IF('Standard Profiles'!$G$19=$B$17,14,0)+IF('Standard Profiles'!$G$19=$B$24,21,0),MOD($C1114,24)+1)/SUM(INDEX($D$3:$AA$30,INDEX(Jesper!$R$2:$R$366,ROW(INDEX(Jesper!AI$2:AI$366,ROUNDDOWN($C1114/24,0)+1,1))-1)+IF('Standard Profiles'!$G$19=$B$10,7,0)+IF('Standard Profiles'!$G$19=$B$17,14,0)+IF('Standard Profiles'!$G$19=$B$24,21,0),0)),0)</f>
        <v>0</v>
      </c>
      <c r="F1114" cm="1">
        <f t="array" ref="F1114">IFERROR(INDEX(Jesper!AJ$2:AJ$366,ROUNDDOWN($C1114/24,0)+1,1)*INDEX($D$3:$AA$30,INDEX(Jesper!$R$2:$R$366,ROW(INDEX(Jesper!AJ$2:AJ$366,ROUNDDOWN($C1114/24,0)+1,1))-1)+IF('Standard Profiles'!$G$20=$B$10,7,0)+IF('Standard Profiles'!$G$20=$B$17,14,0)+IF('Standard Profiles'!$G$20=$B$24,21,0),MOD($C1114,24)+1)/SUM(INDEX($D$3:$AA$30,INDEX(Jesper!$R$2:$R$366,ROW(INDEX(Jesper!AJ$2:AJ$366,ROUNDDOWN($C1114/24,0)+1,1))-1)+IF('Standard Profiles'!$G$20=$B$10,7,0)+IF('Standard Profiles'!$G$20=$B$17,14,0)+IF('Standard Profiles'!$G$20=$B$24,21,0),0)),0)</f>
        <v>0</v>
      </c>
      <c r="G1114" cm="1">
        <f t="array" ref="G1114">IFERROR(INDEX(Jesper!AK$2:AK$366,ROUNDDOWN($C1114/24,0)+1,1)*INDEX($D$3:$AA$30,INDEX(Jesper!$R$2:$R$366,ROW(INDEX(Jesper!AK$2:AK$366,ROUNDDOWN($C1114/24,0)+1,1))-1)+IF('Standard Profiles'!$G$21=$B$10,7,0)+IF('Standard Profiles'!$G$21=$B$17,14,0)+IF('Standard Profiles'!$G$21=$B$24,21,0),MOD($C1114,24)+1)/SUM(INDEX($D$3:$AA$30,INDEX(Jesper!$R$2:$R$366,ROW(INDEX(Jesper!AK$2:AK$366,ROUNDDOWN($C1114/24,0)+1,1))-1)+IF('Standard Profiles'!$G$21=$B$10,7,0)+IF('Standard Profiles'!$G$21=$B$17,14,0)+IF('Standard Profiles'!$G$21=$B$24,21,0),0)),0)</f>
        <v>0</v>
      </c>
      <c r="H1114" cm="1">
        <f t="array" ref="H1114">IFERROR(INDEX(Jesper!AL$2:AL$366,ROUNDDOWN($C1114/24,0)+1,1)*INDEX($D$3:$AA$30,INDEX(Jesper!$R$2:$R$366,ROW(INDEX(Jesper!AL$2:AL$366,ROUNDDOWN($C1114/24,0)+1,1))-1)+IF('Standard Profiles'!$G$22=$B$10,7,0)+IF('Standard Profiles'!$G$22=$B$17,14,0)+IF('Standard Profiles'!$G$22=$B$24,21,0),MOD($C1114,24)+1)/SUM(INDEX($D$3:$AA$30,INDEX(Jesper!$R$2:$R$366,ROW(INDEX(Jesper!AL$2:AL$366,ROUNDDOWN($C1114/24,0)+1,1))-1)+IF('Standard Profiles'!$G$22=$B$10,7,0)+IF('Standard Profiles'!$G$22=$B$17,14,0)+IF('Standard Profiles'!$G$22=$B$24,21,0),0)),0)</f>
        <v>0</v>
      </c>
      <c r="I1114">
        <f t="shared" si="132"/>
        <v>0.23422436391867713</v>
      </c>
      <c r="J1114">
        <f t="shared" si="133"/>
        <v>0.78074787972892379</v>
      </c>
      <c r="K1114">
        <f t="shared" si="134"/>
        <v>1.1711218195933857</v>
      </c>
      <c r="L1114">
        <f t="shared" si="135"/>
        <v>5.6213847340482515</v>
      </c>
      <c r="M1114">
        <f t="shared" si="136"/>
        <v>0</v>
      </c>
      <c r="N1114" s="46">
        <f t="shared" si="137"/>
        <v>45336.999999997381</v>
      </c>
    </row>
    <row r="1115" spans="2:14" x14ac:dyDescent="0.3">
      <c r="B1115">
        <f t="shared" si="131"/>
        <v>4</v>
      </c>
      <c r="C1115" s="16">
        <v>1081</v>
      </c>
      <c r="D1115" cm="1">
        <f t="array" ref="D1115">IFERROR(INDEX(Jesper!AH$2:AH$366,ROUNDDOWN($C1115/24,0)+1,1)*INDEX($D$3:$AA$30,INDEX(Jesper!$R$2:$R$366,ROW(INDEX(Jesper!AH$2:AH$366,ROUNDDOWN($C1115/24,0)+1,1))-1)+IF('Standard Profiles'!$G$18=$B$10,7,0)+IF('Standard Profiles'!$G$18=$B$17,14,0)+IF('Standard Profiles'!$G$18=$B$24,21,0),MOD($C1115,24)+1)/SUM(INDEX($D$3:$AA$30,INDEX(Jesper!$R$2:$R$366,ROW(INDEX(Jesper!AH$2:AH$366,ROUNDDOWN($C1115/24,0)+1,1))-1)+IF('Standard Profiles'!$G$18=$B$10,7,0)+IF('Standard Profiles'!$G$18=$B$17,14,0)+IF('Standard Profiles'!$G$18=$B$24,21,0),0)),0)</f>
        <v>7.8074787972892379</v>
      </c>
      <c r="E1115" cm="1">
        <f t="array" ref="E1115">IFERROR(INDEX(Jesper!AI$2:AI$366,ROUNDDOWN($C1115/24,0)+1,1)*INDEX($D$3:$AA$30,INDEX(Jesper!$R$2:$R$366,ROW(INDEX(Jesper!AI$2:AI$366,ROUNDDOWN($C1115/24,0)+1,1))-1)+IF('Standard Profiles'!$G$19=$B$10,7,0)+IF('Standard Profiles'!$G$19=$B$17,14,0)+IF('Standard Profiles'!$G$19=$B$24,21,0),MOD($C1115,24)+1)/SUM(INDEX($D$3:$AA$30,INDEX(Jesper!$R$2:$R$366,ROW(INDEX(Jesper!AI$2:AI$366,ROUNDDOWN($C1115/24,0)+1,1))-1)+IF('Standard Profiles'!$G$19=$B$10,7,0)+IF('Standard Profiles'!$G$19=$B$17,14,0)+IF('Standard Profiles'!$G$19=$B$24,21,0),0)),0)</f>
        <v>0</v>
      </c>
      <c r="F1115" cm="1">
        <f t="array" ref="F1115">IFERROR(INDEX(Jesper!AJ$2:AJ$366,ROUNDDOWN($C1115/24,0)+1,1)*INDEX($D$3:$AA$30,INDEX(Jesper!$R$2:$R$366,ROW(INDEX(Jesper!AJ$2:AJ$366,ROUNDDOWN($C1115/24,0)+1,1))-1)+IF('Standard Profiles'!$G$20=$B$10,7,0)+IF('Standard Profiles'!$G$20=$B$17,14,0)+IF('Standard Profiles'!$G$20=$B$24,21,0),MOD($C1115,24)+1)/SUM(INDEX($D$3:$AA$30,INDEX(Jesper!$R$2:$R$366,ROW(INDEX(Jesper!AJ$2:AJ$366,ROUNDDOWN($C1115/24,0)+1,1))-1)+IF('Standard Profiles'!$G$20=$B$10,7,0)+IF('Standard Profiles'!$G$20=$B$17,14,0)+IF('Standard Profiles'!$G$20=$B$24,21,0),0)),0)</f>
        <v>0</v>
      </c>
      <c r="G1115" cm="1">
        <f t="array" ref="G1115">IFERROR(INDEX(Jesper!AK$2:AK$366,ROUNDDOWN($C1115/24,0)+1,1)*INDEX($D$3:$AA$30,INDEX(Jesper!$R$2:$R$366,ROW(INDEX(Jesper!AK$2:AK$366,ROUNDDOWN($C1115/24,0)+1,1))-1)+IF('Standard Profiles'!$G$21=$B$10,7,0)+IF('Standard Profiles'!$G$21=$B$17,14,0)+IF('Standard Profiles'!$G$21=$B$24,21,0),MOD($C1115,24)+1)/SUM(INDEX($D$3:$AA$30,INDEX(Jesper!$R$2:$R$366,ROW(INDEX(Jesper!AK$2:AK$366,ROUNDDOWN($C1115/24,0)+1,1))-1)+IF('Standard Profiles'!$G$21=$B$10,7,0)+IF('Standard Profiles'!$G$21=$B$17,14,0)+IF('Standard Profiles'!$G$21=$B$24,21,0),0)),0)</f>
        <v>0</v>
      </c>
      <c r="H1115" cm="1">
        <f t="array" ref="H1115">IFERROR(INDEX(Jesper!AL$2:AL$366,ROUNDDOWN($C1115/24,0)+1,1)*INDEX($D$3:$AA$30,INDEX(Jesper!$R$2:$R$366,ROW(INDEX(Jesper!AL$2:AL$366,ROUNDDOWN($C1115/24,0)+1,1))-1)+IF('Standard Profiles'!$G$22=$B$10,7,0)+IF('Standard Profiles'!$G$22=$B$17,14,0)+IF('Standard Profiles'!$G$22=$B$24,21,0),MOD($C1115,24)+1)/SUM(INDEX($D$3:$AA$30,INDEX(Jesper!$R$2:$R$366,ROW(INDEX(Jesper!AL$2:AL$366,ROUNDDOWN($C1115/24,0)+1,1))-1)+IF('Standard Profiles'!$G$22=$B$10,7,0)+IF('Standard Profiles'!$G$22=$B$17,14,0)+IF('Standard Profiles'!$G$22=$B$24,21,0),0)),0)</f>
        <v>0</v>
      </c>
      <c r="I1115">
        <f t="shared" si="132"/>
        <v>0.23422436391867713</v>
      </c>
      <c r="J1115">
        <f t="shared" si="133"/>
        <v>0.78074787972892379</v>
      </c>
      <c r="K1115">
        <f t="shared" si="134"/>
        <v>1.1711218195933857</v>
      </c>
      <c r="L1115">
        <f t="shared" si="135"/>
        <v>5.6213847340482515</v>
      </c>
      <c r="M1115">
        <f t="shared" si="136"/>
        <v>0</v>
      </c>
      <c r="N1115" s="46">
        <f t="shared" si="137"/>
        <v>45337.041666664045</v>
      </c>
    </row>
    <row r="1116" spans="2:14" x14ac:dyDescent="0.3">
      <c r="B1116">
        <f t="shared" si="131"/>
        <v>4</v>
      </c>
      <c r="C1116" s="16">
        <v>1082</v>
      </c>
      <c r="D1116" cm="1">
        <f t="array" ref="D1116">IFERROR(INDEX(Jesper!AH$2:AH$366,ROUNDDOWN($C1116/24,0)+1,1)*INDEX($D$3:$AA$30,INDEX(Jesper!$R$2:$R$366,ROW(INDEX(Jesper!AH$2:AH$366,ROUNDDOWN($C1116/24,0)+1,1))-1)+IF('Standard Profiles'!$G$18=$B$10,7,0)+IF('Standard Profiles'!$G$18=$B$17,14,0)+IF('Standard Profiles'!$G$18=$B$24,21,0),MOD($C1116,24)+1)/SUM(INDEX($D$3:$AA$30,INDEX(Jesper!$R$2:$R$366,ROW(INDEX(Jesper!AH$2:AH$366,ROUNDDOWN($C1116/24,0)+1,1))-1)+IF('Standard Profiles'!$G$18=$B$10,7,0)+IF('Standard Profiles'!$G$18=$B$17,14,0)+IF('Standard Profiles'!$G$18=$B$24,21,0),0)),0)</f>
        <v>7.8074787972892379</v>
      </c>
      <c r="E1116" cm="1">
        <f t="array" ref="E1116">IFERROR(INDEX(Jesper!AI$2:AI$366,ROUNDDOWN($C1116/24,0)+1,1)*INDEX($D$3:$AA$30,INDEX(Jesper!$R$2:$R$366,ROW(INDEX(Jesper!AI$2:AI$366,ROUNDDOWN($C1116/24,0)+1,1))-1)+IF('Standard Profiles'!$G$19=$B$10,7,0)+IF('Standard Profiles'!$G$19=$B$17,14,0)+IF('Standard Profiles'!$G$19=$B$24,21,0),MOD($C1116,24)+1)/SUM(INDEX($D$3:$AA$30,INDEX(Jesper!$R$2:$R$366,ROW(INDEX(Jesper!AI$2:AI$366,ROUNDDOWN($C1116/24,0)+1,1))-1)+IF('Standard Profiles'!$G$19=$B$10,7,0)+IF('Standard Profiles'!$G$19=$B$17,14,0)+IF('Standard Profiles'!$G$19=$B$24,21,0),0)),0)</f>
        <v>0</v>
      </c>
      <c r="F1116" cm="1">
        <f t="array" ref="F1116">IFERROR(INDEX(Jesper!AJ$2:AJ$366,ROUNDDOWN($C1116/24,0)+1,1)*INDEX($D$3:$AA$30,INDEX(Jesper!$R$2:$R$366,ROW(INDEX(Jesper!AJ$2:AJ$366,ROUNDDOWN($C1116/24,0)+1,1))-1)+IF('Standard Profiles'!$G$20=$B$10,7,0)+IF('Standard Profiles'!$G$20=$B$17,14,0)+IF('Standard Profiles'!$G$20=$B$24,21,0),MOD($C1116,24)+1)/SUM(INDEX($D$3:$AA$30,INDEX(Jesper!$R$2:$R$366,ROW(INDEX(Jesper!AJ$2:AJ$366,ROUNDDOWN($C1116/24,0)+1,1))-1)+IF('Standard Profiles'!$G$20=$B$10,7,0)+IF('Standard Profiles'!$G$20=$B$17,14,0)+IF('Standard Profiles'!$G$20=$B$24,21,0),0)),0)</f>
        <v>0</v>
      </c>
      <c r="G1116" cm="1">
        <f t="array" ref="G1116">IFERROR(INDEX(Jesper!AK$2:AK$366,ROUNDDOWN($C1116/24,0)+1,1)*INDEX($D$3:$AA$30,INDEX(Jesper!$R$2:$R$366,ROW(INDEX(Jesper!AK$2:AK$366,ROUNDDOWN($C1116/24,0)+1,1))-1)+IF('Standard Profiles'!$G$21=$B$10,7,0)+IF('Standard Profiles'!$G$21=$B$17,14,0)+IF('Standard Profiles'!$G$21=$B$24,21,0),MOD($C1116,24)+1)/SUM(INDEX($D$3:$AA$30,INDEX(Jesper!$R$2:$R$366,ROW(INDEX(Jesper!AK$2:AK$366,ROUNDDOWN($C1116/24,0)+1,1))-1)+IF('Standard Profiles'!$G$21=$B$10,7,0)+IF('Standard Profiles'!$G$21=$B$17,14,0)+IF('Standard Profiles'!$G$21=$B$24,21,0),0)),0)</f>
        <v>0</v>
      </c>
      <c r="H1116" cm="1">
        <f t="array" ref="H1116">IFERROR(INDEX(Jesper!AL$2:AL$366,ROUNDDOWN($C1116/24,0)+1,1)*INDEX($D$3:$AA$30,INDEX(Jesper!$R$2:$R$366,ROW(INDEX(Jesper!AL$2:AL$366,ROUNDDOWN($C1116/24,0)+1,1))-1)+IF('Standard Profiles'!$G$22=$B$10,7,0)+IF('Standard Profiles'!$G$22=$B$17,14,0)+IF('Standard Profiles'!$G$22=$B$24,21,0),MOD($C1116,24)+1)/SUM(INDEX($D$3:$AA$30,INDEX(Jesper!$R$2:$R$366,ROW(INDEX(Jesper!AL$2:AL$366,ROUNDDOWN($C1116/24,0)+1,1))-1)+IF('Standard Profiles'!$G$22=$B$10,7,0)+IF('Standard Profiles'!$G$22=$B$17,14,0)+IF('Standard Profiles'!$G$22=$B$24,21,0),0)),0)</f>
        <v>0</v>
      </c>
      <c r="I1116">
        <f t="shared" si="132"/>
        <v>0.23422436391867713</v>
      </c>
      <c r="J1116">
        <f t="shared" si="133"/>
        <v>0.78074787972892379</v>
      </c>
      <c r="K1116">
        <f t="shared" si="134"/>
        <v>1.1711218195933857</v>
      </c>
      <c r="L1116">
        <f t="shared" si="135"/>
        <v>5.6213847340482515</v>
      </c>
      <c r="M1116">
        <f t="shared" si="136"/>
        <v>0</v>
      </c>
      <c r="N1116" s="46">
        <f t="shared" si="137"/>
        <v>45337.083333330709</v>
      </c>
    </row>
    <row r="1117" spans="2:14" x14ac:dyDescent="0.3">
      <c r="B1117">
        <f t="shared" si="131"/>
        <v>4</v>
      </c>
      <c r="C1117" s="16">
        <v>1083</v>
      </c>
      <c r="D1117" cm="1">
        <f t="array" ref="D1117">IFERROR(INDEX(Jesper!AH$2:AH$366,ROUNDDOWN($C1117/24,0)+1,1)*INDEX($D$3:$AA$30,INDEX(Jesper!$R$2:$R$366,ROW(INDEX(Jesper!AH$2:AH$366,ROUNDDOWN($C1117/24,0)+1,1))-1)+IF('Standard Profiles'!$G$18=$B$10,7,0)+IF('Standard Profiles'!$G$18=$B$17,14,0)+IF('Standard Profiles'!$G$18=$B$24,21,0),MOD($C1117,24)+1)/SUM(INDEX($D$3:$AA$30,INDEX(Jesper!$R$2:$R$366,ROW(INDEX(Jesper!AH$2:AH$366,ROUNDDOWN($C1117/24,0)+1,1))-1)+IF('Standard Profiles'!$G$18=$B$10,7,0)+IF('Standard Profiles'!$G$18=$B$17,14,0)+IF('Standard Profiles'!$G$18=$B$24,21,0),0)),0)</f>
        <v>7.8074787972892379</v>
      </c>
      <c r="E1117" cm="1">
        <f t="array" ref="E1117">IFERROR(INDEX(Jesper!AI$2:AI$366,ROUNDDOWN($C1117/24,0)+1,1)*INDEX($D$3:$AA$30,INDEX(Jesper!$R$2:$R$366,ROW(INDEX(Jesper!AI$2:AI$366,ROUNDDOWN($C1117/24,0)+1,1))-1)+IF('Standard Profiles'!$G$19=$B$10,7,0)+IF('Standard Profiles'!$G$19=$B$17,14,0)+IF('Standard Profiles'!$G$19=$B$24,21,0),MOD($C1117,24)+1)/SUM(INDEX($D$3:$AA$30,INDEX(Jesper!$R$2:$R$366,ROW(INDEX(Jesper!AI$2:AI$366,ROUNDDOWN($C1117/24,0)+1,1))-1)+IF('Standard Profiles'!$G$19=$B$10,7,0)+IF('Standard Profiles'!$G$19=$B$17,14,0)+IF('Standard Profiles'!$G$19=$B$24,21,0),0)),0)</f>
        <v>0</v>
      </c>
      <c r="F1117" cm="1">
        <f t="array" ref="F1117">IFERROR(INDEX(Jesper!AJ$2:AJ$366,ROUNDDOWN($C1117/24,0)+1,1)*INDEX($D$3:$AA$30,INDEX(Jesper!$R$2:$R$366,ROW(INDEX(Jesper!AJ$2:AJ$366,ROUNDDOWN($C1117/24,0)+1,1))-1)+IF('Standard Profiles'!$G$20=$B$10,7,0)+IF('Standard Profiles'!$G$20=$B$17,14,0)+IF('Standard Profiles'!$G$20=$B$24,21,0),MOD($C1117,24)+1)/SUM(INDEX($D$3:$AA$30,INDEX(Jesper!$R$2:$R$366,ROW(INDEX(Jesper!AJ$2:AJ$366,ROUNDDOWN($C1117/24,0)+1,1))-1)+IF('Standard Profiles'!$G$20=$B$10,7,0)+IF('Standard Profiles'!$G$20=$B$17,14,0)+IF('Standard Profiles'!$G$20=$B$24,21,0),0)),0)</f>
        <v>0</v>
      </c>
      <c r="G1117" cm="1">
        <f t="array" ref="G1117">IFERROR(INDEX(Jesper!AK$2:AK$366,ROUNDDOWN($C1117/24,0)+1,1)*INDEX($D$3:$AA$30,INDEX(Jesper!$R$2:$R$366,ROW(INDEX(Jesper!AK$2:AK$366,ROUNDDOWN($C1117/24,0)+1,1))-1)+IF('Standard Profiles'!$G$21=$B$10,7,0)+IF('Standard Profiles'!$G$21=$B$17,14,0)+IF('Standard Profiles'!$G$21=$B$24,21,0),MOD($C1117,24)+1)/SUM(INDEX($D$3:$AA$30,INDEX(Jesper!$R$2:$R$366,ROW(INDEX(Jesper!AK$2:AK$366,ROUNDDOWN($C1117/24,0)+1,1))-1)+IF('Standard Profiles'!$G$21=$B$10,7,0)+IF('Standard Profiles'!$G$21=$B$17,14,0)+IF('Standard Profiles'!$G$21=$B$24,21,0),0)),0)</f>
        <v>0</v>
      </c>
      <c r="H1117" cm="1">
        <f t="array" ref="H1117">IFERROR(INDEX(Jesper!AL$2:AL$366,ROUNDDOWN($C1117/24,0)+1,1)*INDEX($D$3:$AA$30,INDEX(Jesper!$R$2:$R$366,ROW(INDEX(Jesper!AL$2:AL$366,ROUNDDOWN($C1117/24,0)+1,1))-1)+IF('Standard Profiles'!$G$22=$B$10,7,0)+IF('Standard Profiles'!$G$22=$B$17,14,0)+IF('Standard Profiles'!$G$22=$B$24,21,0),MOD($C1117,24)+1)/SUM(INDEX($D$3:$AA$30,INDEX(Jesper!$R$2:$R$366,ROW(INDEX(Jesper!AL$2:AL$366,ROUNDDOWN($C1117/24,0)+1,1))-1)+IF('Standard Profiles'!$G$22=$B$10,7,0)+IF('Standard Profiles'!$G$22=$B$17,14,0)+IF('Standard Profiles'!$G$22=$B$24,21,0),0)),0)</f>
        <v>0</v>
      </c>
      <c r="I1117">
        <f t="shared" si="132"/>
        <v>0.23422436391867713</v>
      </c>
      <c r="J1117">
        <f t="shared" si="133"/>
        <v>0.78074787972892379</v>
      </c>
      <c r="K1117">
        <f t="shared" si="134"/>
        <v>1.1711218195933857</v>
      </c>
      <c r="L1117">
        <f t="shared" si="135"/>
        <v>5.6213847340482515</v>
      </c>
      <c r="M1117">
        <f t="shared" si="136"/>
        <v>0</v>
      </c>
      <c r="N1117" s="46">
        <f t="shared" si="137"/>
        <v>45337.124999997373</v>
      </c>
    </row>
    <row r="1118" spans="2:14" x14ac:dyDescent="0.3">
      <c r="B1118">
        <f t="shared" si="131"/>
        <v>4</v>
      </c>
      <c r="C1118" s="16">
        <v>1084</v>
      </c>
      <c r="D1118" cm="1">
        <f t="array" ref="D1118">IFERROR(INDEX(Jesper!AH$2:AH$366,ROUNDDOWN($C1118/24,0)+1,1)*INDEX($D$3:$AA$30,INDEX(Jesper!$R$2:$R$366,ROW(INDEX(Jesper!AH$2:AH$366,ROUNDDOWN($C1118/24,0)+1,1))-1)+IF('Standard Profiles'!$G$18=$B$10,7,0)+IF('Standard Profiles'!$G$18=$B$17,14,0)+IF('Standard Profiles'!$G$18=$B$24,21,0),MOD($C1118,24)+1)/SUM(INDEX($D$3:$AA$30,INDEX(Jesper!$R$2:$R$366,ROW(INDEX(Jesper!AH$2:AH$366,ROUNDDOWN($C1118/24,0)+1,1))-1)+IF('Standard Profiles'!$G$18=$B$10,7,0)+IF('Standard Profiles'!$G$18=$B$17,14,0)+IF('Standard Profiles'!$G$18=$B$24,21,0),0)),0)</f>
        <v>7.8074787972892379</v>
      </c>
      <c r="E1118" cm="1">
        <f t="array" ref="E1118">IFERROR(INDEX(Jesper!AI$2:AI$366,ROUNDDOWN($C1118/24,0)+1,1)*INDEX($D$3:$AA$30,INDEX(Jesper!$R$2:$R$366,ROW(INDEX(Jesper!AI$2:AI$366,ROUNDDOWN($C1118/24,0)+1,1))-1)+IF('Standard Profiles'!$G$19=$B$10,7,0)+IF('Standard Profiles'!$G$19=$B$17,14,0)+IF('Standard Profiles'!$G$19=$B$24,21,0),MOD($C1118,24)+1)/SUM(INDEX($D$3:$AA$30,INDEX(Jesper!$R$2:$R$366,ROW(INDEX(Jesper!AI$2:AI$366,ROUNDDOWN($C1118/24,0)+1,1))-1)+IF('Standard Profiles'!$G$19=$B$10,7,0)+IF('Standard Profiles'!$G$19=$B$17,14,0)+IF('Standard Profiles'!$G$19=$B$24,21,0),0)),0)</f>
        <v>0</v>
      </c>
      <c r="F1118" cm="1">
        <f t="array" ref="F1118">IFERROR(INDEX(Jesper!AJ$2:AJ$366,ROUNDDOWN($C1118/24,0)+1,1)*INDEX($D$3:$AA$30,INDEX(Jesper!$R$2:$R$366,ROW(INDEX(Jesper!AJ$2:AJ$366,ROUNDDOWN($C1118/24,0)+1,1))-1)+IF('Standard Profiles'!$G$20=$B$10,7,0)+IF('Standard Profiles'!$G$20=$B$17,14,0)+IF('Standard Profiles'!$G$20=$B$24,21,0),MOD($C1118,24)+1)/SUM(INDEX($D$3:$AA$30,INDEX(Jesper!$R$2:$R$366,ROW(INDEX(Jesper!AJ$2:AJ$366,ROUNDDOWN($C1118/24,0)+1,1))-1)+IF('Standard Profiles'!$G$20=$B$10,7,0)+IF('Standard Profiles'!$G$20=$B$17,14,0)+IF('Standard Profiles'!$G$20=$B$24,21,0),0)),0)</f>
        <v>0</v>
      </c>
      <c r="G1118" cm="1">
        <f t="array" ref="G1118">IFERROR(INDEX(Jesper!AK$2:AK$366,ROUNDDOWN($C1118/24,0)+1,1)*INDEX($D$3:$AA$30,INDEX(Jesper!$R$2:$R$366,ROW(INDEX(Jesper!AK$2:AK$366,ROUNDDOWN($C1118/24,0)+1,1))-1)+IF('Standard Profiles'!$G$21=$B$10,7,0)+IF('Standard Profiles'!$G$21=$B$17,14,0)+IF('Standard Profiles'!$G$21=$B$24,21,0),MOD($C1118,24)+1)/SUM(INDEX($D$3:$AA$30,INDEX(Jesper!$R$2:$R$366,ROW(INDEX(Jesper!AK$2:AK$366,ROUNDDOWN($C1118/24,0)+1,1))-1)+IF('Standard Profiles'!$G$21=$B$10,7,0)+IF('Standard Profiles'!$G$21=$B$17,14,0)+IF('Standard Profiles'!$G$21=$B$24,21,0),0)),0)</f>
        <v>0</v>
      </c>
      <c r="H1118" cm="1">
        <f t="array" ref="H1118">IFERROR(INDEX(Jesper!AL$2:AL$366,ROUNDDOWN($C1118/24,0)+1,1)*INDEX($D$3:$AA$30,INDEX(Jesper!$R$2:$R$366,ROW(INDEX(Jesper!AL$2:AL$366,ROUNDDOWN($C1118/24,0)+1,1))-1)+IF('Standard Profiles'!$G$22=$B$10,7,0)+IF('Standard Profiles'!$G$22=$B$17,14,0)+IF('Standard Profiles'!$G$22=$B$24,21,0),MOD($C1118,24)+1)/SUM(INDEX($D$3:$AA$30,INDEX(Jesper!$R$2:$R$366,ROW(INDEX(Jesper!AL$2:AL$366,ROUNDDOWN($C1118/24,0)+1,1))-1)+IF('Standard Profiles'!$G$22=$B$10,7,0)+IF('Standard Profiles'!$G$22=$B$17,14,0)+IF('Standard Profiles'!$G$22=$B$24,21,0),0)),0)</f>
        <v>0</v>
      </c>
      <c r="I1118">
        <f t="shared" si="132"/>
        <v>0.23422436391867713</v>
      </c>
      <c r="J1118">
        <f t="shared" si="133"/>
        <v>0.78074787972892379</v>
      </c>
      <c r="K1118">
        <f t="shared" si="134"/>
        <v>1.1711218195933857</v>
      </c>
      <c r="L1118">
        <f t="shared" si="135"/>
        <v>5.6213847340482515</v>
      </c>
      <c r="M1118">
        <f t="shared" si="136"/>
        <v>0</v>
      </c>
      <c r="N1118" s="46">
        <f t="shared" si="137"/>
        <v>45337.166666664038</v>
      </c>
    </row>
    <row r="1119" spans="2:14" x14ac:dyDescent="0.3">
      <c r="B1119">
        <f t="shared" si="131"/>
        <v>4</v>
      </c>
      <c r="C1119" s="16">
        <v>1085</v>
      </c>
      <c r="D1119" cm="1">
        <f t="array" ref="D1119">IFERROR(INDEX(Jesper!AH$2:AH$366,ROUNDDOWN($C1119/24,0)+1,1)*INDEX($D$3:$AA$30,INDEX(Jesper!$R$2:$R$366,ROW(INDEX(Jesper!AH$2:AH$366,ROUNDDOWN($C1119/24,0)+1,1))-1)+IF('Standard Profiles'!$G$18=$B$10,7,0)+IF('Standard Profiles'!$G$18=$B$17,14,0)+IF('Standard Profiles'!$G$18=$B$24,21,0),MOD($C1119,24)+1)/SUM(INDEX($D$3:$AA$30,INDEX(Jesper!$R$2:$R$366,ROW(INDEX(Jesper!AH$2:AH$366,ROUNDDOWN($C1119/24,0)+1,1))-1)+IF('Standard Profiles'!$G$18=$B$10,7,0)+IF('Standard Profiles'!$G$18=$B$17,14,0)+IF('Standard Profiles'!$G$18=$B$24,21,0),0)),0)</f>
        <v>10.062972672061685</v>
      </c>
      <c r="E1119" cm="1">
        <f t="array" ref="E1119">IFERROR(INDEX(Jesper!AI$2:AI$366,ROUNDDOWN($C1119/24,0)+1,1)*INDEX($D$3:$AA$30,INDEX(Jesper!$R$2:$R$366,ROW(INDEX(Jesper!AI$2:AI$366,ROUNDDOWN($C1119/24,0)+1,1))-1)+IF('Standard Profiles'!$G$19=$B$10,7,0)+IF('Standard Profiles'!$G$19=$B$17,14,0)+IF('Standard Profiles'!$G$19=$B$24,21,0),MOD($C1119,24)+1)/SUM(INDEX($D$3:$AA$30,INDEX(Jesper!$R$2:$R$366,ROW(INDEX(Jesper!AI$2:AI$366,ROUNDDOWN($C1119/24,0)+1,1))-1)+IF('Standard Profiles'!$G$19=$B$10,7,0)+IF('Standard Profiles'!$G$19=$B$17,14,0)+IF('Standard Profiles'!$G$19=$B$24,21,0),0)),0)</f>
        <v>0</v>
      </c>
      <c r="F1119" cm="1">
        <f t="array" ref="F1119">IFERROR(INDEX(Jesper!AJ$2:AJ$366,ROUNDDOWN($C1119/24,0)+1,1)*INDEX($D$3:$AA$30,INDEX(Jesper!$R$2:$R$366,ROW(INDEX(Jesper!AJ$2:AJ$366,ROUNDDOWN($C1119/24,0)+1,1))-1)+IF('Standard Profiles'!$G$20=$B$10,7,0)+IF('Standard Profiles'!$G$20=$B$17,14,0)+IF('Standard Profiles'!$G$20=$B$24,21,0),MOD($C1119,24)+1)/SUM(INDEX($D$3:$AA$30,INDEX(Jesper!$R$2:$R$366,ROW(INDEX(Jesper!AJ$2:AJ$366,ROUNDDOWN($C1119/24,0)+1,1))-1)+IF('Standard Profiles'!$G$20=$B$10,7,0)+IF('Standard Profiles'!$G$20=$B$17,14,0)+IF('Standard Profiles'!$G$20=$B$24,21,0),0)),0)</f>
        <v>0</v>
      </c>
      <c r="G1119" cm="1">
        <f t="array" ref="G1119">IFERROR(INDEX(Jesper!AK$2:AK$366,ROUNDDOWN($C1119/24,0)+1,1)*INDEX($D$3:$AA$30,INDEX(Jesper!$R$2:$R$366,ROW(INDEX(Jesper!AK$2:AK$366,ROUNDDOWN($C1119/24,0)+1,1))-1)+IF('Standard Profiles'!$G$21=$B$10,7,0)+IF('Standard Profiles'!$G$21=$B$17,14,0)+IF('Standard Profiles'!$G$21=$B$24,21,0),MOD($C1119,24)+1)/SUM(INDEX($D$3:$AA$30,INDEX(Jesper!$R$2:$R$366,ROW(INDEX(Jesper!AK$2:AK$366,ROUNDDOWN($C1119/24,0)+1,1))-1)+IF('Standard Profiles'!$G$21=$B$10,7,0)+IF('Standard Profiles'!$G$21=$B$17,14,0)+IF('Standard Profiles'!$G$21=$B$24,21,0),0)),0)</f>
        <v>0</v>
      </c>
      <c r="H1119" cm="1">
        <f t="array" ref="H1119">IFERROR(INDEX(Jesper!AL$2:AL$366,ROUNDDOWN($C1119/24,0)+1,1)*INDEX($D$3:$AA$30,INDEX(Jesper!$R$2:$R$366,ROW(INDEX(Jesper!AL$2:AL$366,ROUNDDOWN($C1119/24,0)+1,1))-1)+IF('Standard Profiles'!$G$22=$B$10,7,0)+IF('Standard Profiles'!$G$22=$B$17,14,0)+IF('Standard Profiles'!$G$22=$B$24,21,0),MOD($C1119,24)+1)/SUM(INDEX($D$3:$AA$30,INDEX(Jesper!$R$2:$R$366,ROW(INDEX(Jesper!AL$2:AL$366,ROUNDDOWN($C1119/24,0)+1,1))-1)+IF('Standard Profiles'!$G$22=$B$10,7,0)+IF('Standard Profiles'!$G$22=$B$17,14,0)+IF('Standard Profiles'!$G$22=$B$24,21,0),0)),0)</f>
        <v>0</v>
      </c>
      <c r="I1119">
        <f t="shared" si="132"/>
        <v>0.30188918016185051</v>
      </c>
      <c r="J1119">
        <f t="shared" si="133"/>
        <v>1.0062972672061685</v>
      </c>
      <c r="K1119">
        <f t="shared" si="134"/>
        <v>1.5094459008092527</v>
      </c>
      <c r="L1119">
        <f t="shared" si="135"/>
        <v>7.2453403238844132</v>
      </c>
      <c r="M1119">
        <f t="shared" si="136"/>
        <v>0</v>
      </c>
      <c r="N1119" s="46">
        <f t="shared" si="137"/>
        <v>45337.208333330702</v>
      </c>
    </row>
    <row r="1120" spans="2:14" x14ac:dyDescent="0.3">
      <c r="B1120">
        <f t="shared" si="131"/>
        <v>4</v>
      </c>
      <c r="C1120" s="16">
        <v>1086</v>
      </c>
      <c r="D1120" cm="1">
        <f t="array" ref="D1120">IFERROR(INDEX(Jesper!AH$2:AH$366,ROUNDDOWN($C1120/24,0)+1,1)*INDEX($D$3:$AA$30,INDEX(Jesper!$R$2:$R$366,ROW(INDEX(Jesper!AH$2:AH$366,ROUNDDOWN($C1120/24,0)+1,1))-1)+IF('Standard Profiles'!$G$18=$B$10,7,0)+IF('Standard Profiles'!$G$18=$B$17,14,0)+IF('Standard Profiles'!$G$18=$B$24,21,0),MOD($C1120,24)+1)/SUM(INDEX($D$3:$AA$30,INDEX(Jesper!$R$2:$R$366,ROW(INDEX(Jesper!AH$2:AH$366,ROUNDDOWN($C1120/24,0)+1,1))-1)+IF('Standard Profiles'!$G$18=$B$10,7,0)+IF('Standard Profiles'!$G$18=$B$17,14,0)+IF('Standard Profiles'!$G$18=$B$24,21,0),0)),0)</f>
        <v>11.624468431519533</v>
      </c>
      <c r="E1120" cm="1">
        <f t="array" ref="E1120">IFERROR(INDEX(Jesper!AI$2:AI$366,ROUNDDOWN($C1120/24,0)+1,1)*INDEX($D$3:$AA$30,INDEX(Jesper!$R$2:$R$366,ROW(INDEX(Jesper!AI$2:AI$366,ROUNDDOWN($C1120/24,0)+1,1))-1)+IF('Standard Profiles'!$G$19=$B$10,7,0)+IF('Standard Profiles'!$G$19=$B$17,14,0)+IF('Standard Profiles'!$G$19=$B$24,21,0),MOD($C1120,24)+1)/SUM(INDEX($D$3:$AA$30,INDEX(Jesper!$R$2:$R$366,ROW(INDEX(Jesper!AI$2:AI$366,ROUNDDOWN($C1120/24,0)+1,1))-1)+IF('Standard Profiles'!$G$19=$B$10,7,0)+IF('Standard Profiles'!$G$19=$B$17,14,0)+IF('Standard Profiles'!$G$19=$B$24,21,0),0)),0)</f>
        <v>0</v>
      </c>
      <c r="F1120" cm="1">
        <f t="array" ref="F1120">IFERROR(INDEX(Jesper!AJ$2:AJ$366,ROUNDDOWN($C1120/24,0)+1,1)*INDEX($D$3:$AA$30,INDEX(Jesper!$R$2:$R$366,ROW(INDEX(Jesper!AJ$2:AJ$366,ROUNDDOWN($C1120/24,0)+1,1))-1)+IF('Standard Profiles'!$G$20=$B$10,7,0)+IF('Standard Profiles'!$G$20=$B$17,14,0)+IF('Standard Profiles'!$G$20=$B$24,21,0),MOD($C1120,24)+1)/SUM(INDEX($D$3:$AA$30,INDEX(Jesper!$R$2:$R$366,ROW(INDEX(Jesper!AJ$2:AJ$366,ROUNDDOWN($C1120/24,0)+1,1))-1)+IF('Standard Profiles'!$G$20=$B$10,7,0)+IF('Standard Profiles'!$G$20=$B$17,14,0)+IF('Standard Profiles'!$G$20=$B$24,21,0),0)),0)</f>
        <v>0</v>
      </c>
      <c r="G1120" cm="1">
        <f t="array" ref="G1120">IFERROR(INDEX(Jesper!AK$2:AK$366,ROUNDDOWN($C1120/24,0)+1,1)*INDEX($D$3:$AA$30,INDEX(Jesper!$R$2:$R$366,ROW(INDEX(Jesper!AK$2:AK$366,ROUNDDOWN($C1120/24,0)+1,1))-1)+IF('Standard Profiles'!$G$21=$B$10,7,0)+IF('Standard Profiles'!$G$21=$B$17,14,0)+IF('Standard Profiles'!$G$21=$B$24,21,0),MOD($C1120,24)+1)/SUM(INDEX($D$3:$AA$30,INDEX(Jesper!$R$2:$R$366,ROW(INDEX(Jesper!AK$2:AK$366,ROUNDDOWN($C1120/24,0)+1,1))-1)+IF('Standard Profiles'!$G$21=$B$10,7,0)+IF('Standard Profiles'!$G$21=$B$17,14,0)+IF('Standard Profiles'!$G$21=$B$24,21,0),0)),0)</f>
        <v>0</v>
      </c>
      <c r="H1120" cm="1">
        <f t="array" ref="H1120">IFERROR(INDEX(Jesper!AL$2:AL$366,ROUNDDOWN($C1120/24,0)+1,1)*INDEX($D$3:$AA$30,INDEX(Jesper!$R$2:$R$366,ROW(INDEX(Jesper!AL$2:AL$366,ROUNDDOWN($C1120/24,0)+1,1))-1)+IF('Standard Profiles'!$G$22=$B$10,7,0)+IF('Standard Profiles'!$G$22=$B$17,14,0)+IF('Standard Profiles'!$G$22=$B$24,21,0),MOD($C1120,24)+1)/SUM(INDEX($D$3:$AA$30,INDEX(Jesper!$R$2:$R$366,ROW(INDEX(Jesper!AL$2:AL$366,ROUNDDOWN($C1120/24,0)+1,1))-1)+IF('Standard Profiles'!$G$22=$B$10,7,0)+IF('Standard Profiles'!$G$22=$B$17,14,0)+IF('Standard Profiles'!$G$22=$B$24,21,0),0)),0)</f>
        <v>0</v>
      </c>
      <c r="I1120">
        <f t="shared" si="132"/>
        <v>0.34873405294558596</v>
      </c>
      <c r="J1120">
        <f t="shared" si="133"/>
        <v>1.1624468431519535</v>
      </c>
      <c r="K1120">
        <f t="shared" si="134"/>
        <v>1.7436702647279299</v>
      </c>
      <c r="L1120">
        <f t="shared" si="135"/>
        <v>8.3696172706940644</v>
      </c>
      <c r="M1120">
        <f t="shared" si="136"/>
        <v>0</v>
      </c>
      <c r="N1120" s="46">
        <f t="shared" si="137"/>
        <v>45337.249999997366</v>
      </c>
    </row>
    <row r="1121" spans="2:14" x14ac:dyDescent="0.3">
      <c r="B1121">
        <f t="shared" si="131"/>
        <v>4</v>
      </c>
      <c r="C1121" s="16">
        <v>1087</v>
      </c>
      <c r="D1121" cm="1">
        <f t="array" ref="D1121">IFERROR(INDEX(Jesper!AH$2:AH$366,ROUNDDOWN($C1121/24,0)+1,1)*INDEX($D$3:$AA$30,INDEX(Jesper!$R$2:$R$366,ROW(INDEX(Jesper!AH$2:AH$366,ROUNDDOWN($C1121/24,0)+1,1))-1)+IF('Standard Profiles'!$G$18=$B$10,7,0)+IF('Standard Profiles'!$G$18=$B$17,14,0)+IF('Standard Profiles'!$G$18=$B$24,21,0),MOD($C1121,24)+1)/SUM(INDEX($D$3:$AA$30,INDEX(Jesper!$R$2:$R$366,ROW(INDEX(Jesper!AH$2:AH$366,ROUNDDOWN($C1121/24,0)+1,1))-1)+IF('Standard Profiles'!$G$18=$B$10,7,0)+IF('Standard Profiles'!$G$18=$B$17,14,0)+IF('Standard Profiles'!$G$18=$B$24,21,0),0)),0)</f>
        <v>11.624468431519533</v>
      </c>
      <c r="E1121" cm="1">
        <f t="array" ref="E1121">IFERROR(INDEX(Jesper!AI$2:AI$366,ROUNDDOWN($C1121/24,0)+1,1)*INDEX($D$3:$AA$30,INDEX(Jesper!$R$2:$R$366,ROW(INDEX(Jesper!AI$2:AI$366,ROUNDDOWN($C1121/24,0)+1,1))-1)+IF('Standard Profiles'!$G$19=$B$10,7,0)+IF('Standard Profiles'!$G$19=$B$17,14,0)+IF('Standard Profiles'!$G$19=$B$24,21,0),MOD($C1121,24)+1)/SUM(INDEX($D$3:$AA$30,INDEX(Jesper!$R$2:$R$366,ROW(INDEX(Jesper!AI$2:AI$366,ROUNDDOWN($C1121/24,0)+1,1))-1)+IF('Standard Profiles'!$G$19=$B$10,7,0)+IF('Standard Profiles'!$G$19=$B$17,14,0)+IF('Standard Profiles'!$G$19=$B$24,21,0),0)),0)</f>
        <v>0</v>
      </c>
      <c r="F1121" cm="1">
        <f t="array" ref="F1121">IFERROR(INDEX(Jesper!AJ$2:AJ$366,ROUNDDOWN($C1121/24,0)+1,1)*INDEX($D$3:$AA$30,INDEX(Jesper!$R$2:$R$366,ROW(INDEX(Jesper!AJ$2:AJ$366,ROUNDDOWN($C1121/24,0)+1,1))-1)+IF('Standard Profiles'!$G$20=$B$10,7,0)+IF('Standard Profiles'!$G$20=$B$17,14,0)+IF('Standard Profiles'!$G$20=$B$24,21,0),MOD($C1121,24)+1)/SUM(INDEX($D$3:$AA$30,INDEX(Jesper!$R$2:$R$366,ROW(INDEX(Jesper!AJ$2:AJ$366,ROUNDDOWN($C1121/24,0)+1,1))-1)+IF('Standard Profiles'!$G$20=$B$10,7,0)+IF('Standard Profiles'!$G$20=$B$17,14,0)+IF('Standard Profiles'!$G$20=$B$24,21,0),0)),0)</f>
        <v>0</v>
      </c>
      <c r="G1121" cm="1">
        <f t="array" ref="G1121">IFERROR(INDEX(Jesper!AK$2:AK$366,ROUNDDOWN($C1121/24,0)+1,1)*INDEX($D$3:$AA$30,INDEX(Jesper!$R$2:$R$366,ROW(INDEX(Jesper!AK$2:AK$366,ROUNDDOWN($C1121/24,0)+1,1))-1)+IF('Standard Profiles'!$G$21=$B$10,7,0)+IF('Standard Profiles'!$G$21=$B$17,14,0)+IF('Standard Profiles'!$G$21=$B$24,21,0),MOD($C1121,24)+1)/SUM(INDEX($D$3:$AA$30,INDEX(Jesper!$R$2:$R$366,ROW(INDEX(Jesper!AK$2:AK$366,ROUNDDOWN($C1121/24,0)+1,1))-1)+IF('Standard Profiles'!$G$21=$B$10,7,0)+IF('Standard Profiles'!$G$21=$B$17,14,0)+IF('Standard Profiles'!$G$21=$B$24,21,0),0)),0)</f>
        <v>0</v>
      </c>
      <c r="H1121" cm="1">
        <f t="array" ref="H1121">IFERROR(INDEX(Jesper!AL$2:AL$366,ROUNDDOWN($C1121/24,0)+1,1)*INDEX($D$3:$AA$30,INDEX(Jesper!$R$2:$R$366,ROW(INDEX(Jesper!AL$2:AL$366,ROUNDDOWN($C1121/24,0)+1,1))-1)+IF('Standard Profiles'!$G$22=$B$10,7,0)+IF('Standard Profiles'!$G$22=$B$17,14,0)+IF('Standard Profiles'!$G$22=$B$24,21,0),MOD($C1121,24)+1)/SUM(INDEX($D$3:$AA$30,INDEX(Jesper!$R$2:$R$366,ROW(INDEX(Jesper!AL$2:AL$366,ROUNDDOWN($C1121/24,0)+1,1))-1)+IF('Standard Profiles'!$G$22=$B$10,7,0)+IF('Standard Profiles'!$G$22=$B$17,14,0)+IF('Standard Profiles'!$G$22=$B$24,21,0),0)),0)</f>
        <v>0</v>
      </c>
      <c r="I1121">
        <f t="shared" si="132"/>
        <v>0.34873405294558596</v>
      </c>
      <c r="J1121">
        <f t="shared" si="133"/>
        <v>1.1624468431519535</v>
      </c>
      <c r="K1121">
        <f t="shared" si="134"/>
        <v>1.7436702647279299</v>
      </c>
      <c r="L1121">
        <f t="shared" si="135"/>
        <v>8.3696172706940644</v>
      </c>
      <c r="M1121">
        <f t="shared" si="136"/>
        <v>0</v>
      </c>
      <c r="N1121" s="46">
        <f t="shared" si="137"/>
        <v>45337.29166666403</v>
      </c>
    </row>
    <row r="1122" spans="2:14" x14ac:dyDescent="0.3">
      <c r="B1122">
        <f t="shared" si="131"/>
        <v>4</v>
      </c>
      <c r="C1122" s="16">
        <v>1088</v>
      </c>
      <c r="D1122" cm="1">
        <f t="array" ref="D1122">IFERROR(INDEX(Jesper!AH$2:AH$366,ROUNDDOWN($C1122/24,0)+1,1)*INDEX($D$3:$AA$30,INDEX(Jesper!$R$2:$R$366,ROW(INDEX(Jesper!AH$2:AH$366,ROUNDDOWN($C1122/24,0)+1,1))-1)+IF('Standard Profiles'!$G$18=$B$10,7,0)+IF('Standard Profiles'!$G$18=$B$17,14,0)+IF('Standard Profiles'!$G$18=$B$24,21,0),MOD($C1122,24)+1)/SUM(INDEX($D$3:$AA$30,INDEX(Jesper!$R$2:$R$366,ROW(INDEX(Jesper!AH$2:AH$366,ROUNDDOWN($C1122/24,0)+1,1))-1)+IF('Standard Profiles'!$G$18=$B$10,7,0)+IF('Standard Profiles'!$G$18=$B$17,14,0)+IF('Standard Profiles'!$G$18=$B$24,21,0),0)),0)</f>
        <v>11.624468431519533</v>
      </c>
      <c r="E1122" cm="1">
        <f t="array" ref="E1122">IFERROR(INDEX(Jesper!AI$2:AI$366,ROUNDDOWN($C1122/24,0)+1,1)*INDEX($D$3:$AA$30,INDEX(Jesper!$R$2:$R$366,ROW(INDEX(Jesper!AI$2:AI$366,ROUNDDOWN($C1122/24,0)+1,1))-1)+IF('Standard Profiles'!$G$19=$B$10,7,0)+IF('Standard Profiles'!$G$19=$B$17,14,0)+IF('Standard Profiles'!$G$19=$B$24,21,0),MOD($C1122,24)+1)/SUM(INDEX($D$3:$AA$30,INDEX(Jesper!$R$2:$R$366,ROW(INDEX(Jesper!AI$2:AI$366,ROUNDDOWN($C1122/24,0)+1,1))-1)+IF('Standard Profiles'!$G$19=$B$10,7,0)+IF('Standard Profiles'!$G$19=$B$17,14,0)+IF('Standard Profiles'!$G$19=$B$24,21,0),0)),0)</f>
        <v>0</v>
      </c>
      <c r="F1122" cm="1">
        <f t="array" ref="F1122">IFERROR(INDEX(Jesper!AJ$2:AJ$366,ROUNDDOWN($C1122/24,0)+1,1)*INDEX($D$3:$AA$30,INDEX(Jesper!$R$2:$R$366,ROW(INDEX(Jesper!AJ$2:AJ$366,ROUNDDOWN($C1122/24,0)+1,1))-1)+IF('Standard Profiles'!$G$20=$B$10,7,0)+IF('Standard Profiles'!$G$20=$B$17,14,0)+IF('Standard Profiles'!$G$20=$B$24,21,0),MOD($C1122,24)+1)/SUM(INDEX($D$3:$AA$30,INDEX(Jesper!$R$2:$R$366,ROW(INDEX(Jesper!AJ$2:AJ$366,ROUNDDOWN($C1122/24,0)+1,1))-1)+IF('Standard Profiles'!$G$20=$B$10,7,0)+IF('Standard Profiles'!$G$20=$B$17,14,0)+IF('Standard Profiles'!$G$20=$B$24,21,0),0)),0)</f>
        <v>0</v>
      </c>
      <c r="G1122" cm="1">
        <f t="array" ref="G1122">IFERROR(INDEX(Jesper!AK$2:AK$366,ROUNDDOWN($C1122/24,0)+1,1)*INDEX($D$3:$AA$30,INDEX(Jesper!$R$2:$R$366,ROW(INDEX(Jesper!AK$2:AK$366,ROUNDDOWN($C1122/24,0)+1,1))-1)+IF('Standard Profiles'!$G$21=$B$10,7,0)+IF('Standard Profiles'!$G$21=$B$17,14,0)+IF('Standard Profiles'!$G$21=$B$24,21,0),MOD($C1122,24)+1)/SUM(INDEX($D$3:$AA$30,INDEX(Jesper!$R$2:$R$366,ROW(INDEX(Jesper!AK$2:AK$366,ROUNDDOWN($C1122/24,0)+1,1))-1)+IF('Standard Profiles'!$G$21=$B$10,7,0)+IF('Standard Profiles'!$G$21=$B$17,14,0)+IF('Standard Profiles'!$G$21=$B$24,21,0),0)),0)</f>
        <v>0</v>
      </c>
      <c r="H1122" cm="1">
        <f t="array" ref="H1122">IFERROR(INDEX(Jesper!AL$2:AL$366,ROUNDDOWN($C1122/24,0)+1,1)*INDEX($D$3:$AA$30,INDEX(Jesper!$R$2:$R$366,ROW(INDEX(Jesper!AL$2:AL$366,ROUNDDOWN($C1122/24,0)+1,1))-1)+IF('Standard Profiles'!$G$22=$B$10,7,0)+IF('Standard Profiles'!$G$22=$B$17,14,0)+IF('Standard Profiles'!$G$22=$B$24,21,0),MOD($C1122,24)+1)/SUM(INDEX($D$3:$AA$30,INDEX(Jesper!$R$2:$R$366,ROW(INDEX(Jesper!AL$2:AL$366,ROUNDDOWN($C1122/24,0)+1,1))-1)+IF('Standard Profiles'!$G$22=$B$10,7,0)+IF('Standard Profiles'!$G$22=$B$17,14,0)+IF('Standard Profiles'!$G$22=$B$24,21,0),0)),0)</f>
        <v>0</v>
      </c>
      <c r="I1122">
        <f t="shared" si="132"/>
        <v>0.34873405294558596</v>
      </c>
      <c r="J1122">
        <f t="shared" si="133"/>
        <v>1.1624468431519535</v>
      </c>
      <c r="K1122">
        <f t="shared" si="134"/>
        <v>1.7436702647279299</v>
      </c>
      <c r="L1122">
        <f t="shared" si="135"/>
        <v>8.3696172706940644</v>
      </c>
      <c r="M1122">
        <f t="shared" si="136"/>
        <v>0</v>
      </c>
      <c r="N1122" s="46">
        <f t="shared" si="137"/>
        <v>45337.333333330695</v>
      </c>
    </row>
    <row r="1123" spans="2:14" x14ac:dyDescent="0.3">
      <c r="B1123">
        <f t="shared" ref="B1123:B1186" si="138">WEEKDAY(N1123,2)</f>
        <v>4</v>
      </c>
      <c r="C1123" s="16">
        <v>1089</v>
      </c>
      <c r="D1123" cm="1">
        <f t="array" ref="D1123">IFERROR(INDEX(Jesper!AH$2:AH$366,ROUNDDOWN($C1123/24,0)+1,1)*INDEX($D$3:$AA$30,INDEX(Jesper!$R$2:$R$366,ROW(INDEX(Jesper!AH$2:AH$366,ROUNDDOWN($C1123/24,0)+1,1))-1)+IF('Standard Profiles'!$G$18=$B$10,7,0)+IF('Standard Profiles'!$G$18=$B$17,14,0)+IF('Standard Profiles'!$G$18=$B$24,21,0),MOD($C1123,24)+1)/SUM(INDEX($D$3:$AA$30,INDEX(Jesper!$R$2:$R$366,ROW(INDEX(Jesper!AH$2:AH$366,ROUNDDOWN($C1123/24,0)+1,1))-1)+IF('Standard Profiles'!$G$18=$B$10,7,0)+IF('Standard Profiles'!$G$18=$B$17,14,0)+IF('Standard Profiles'!$G$18=$B$24,21,0),0)),0)</f>
        <v>12.491966075662782</v>
      </c>
      <c r="E1123" cm="1">
        <f t="array" ref="E1123">IFERROR(INDEX(Jesper!AI$2:AI$366,ROUNDDOWN($C1123/24,0)+1,1)*INDEX($D$3:$AA$30,INDEX(Jesper!$R$2:$R$366,ROW(INDEX(Jesper!AI$2:AI$366,ROUNDDOWN($C1123/24,0)+1,1))-1)+IF('Standard Profiles'!$G$19=$B$10,7,0)+IF('Standard Profiles'!$G$19=$B$17,14,0)+IF('Standard Profiles'!$G$19=$B$24,21,0),MOD($C1123,24)+1)/SUM(INDEX($D$3:$AA$30,INDEX(Jesper!$R$2:$R$366,ROW(INDEX(Jesper!AI$2:AI$366,ROUNDDOWN($C1123/24,0)+1,1))-1)+IF('Standard Profiles'!$G$19=$B$10,7,0)+IF('Standard Profiles'!$G$19=$B$17,14,0)+IF('Standard Profiles'!$G$19=$B$24,21,0),0)),0)</f>
        <v>0</v>
      </c>
      <c r="F1123" cm="1">
        <f t="array" ref="F1123">IFERROR(INDEX(Jesper!AJ$2:AJ$366,ROUNDDOWN($C1123/24,0)+1,1)*INDEX($D$3:$AA$30,INDEX(Jesper!$R$2:$R$366,ROW(INDEX(Jesper!AJ$2:AJ$366,ROUNDDOWN($C1123/24,0)+1,1))-1)+IF('Standard Profiles'!$G$20=$B$10,7,0)+IF('Standard Profiles'!$G$20=$B$17,14,0)+IF('Standard Profiles'!$G$20=$B$24,21,0),MOD($C1123,24)+1)/SUM(INDEX($D$3:$AA$30,INDEX(Jesper!$R$2:$R$366,ROW(INDEX(Jesper!AJ$2:AJ$366,ROUNDDOWN($C1123/24,0)+1,1))-1)+IF('Standard Profiles'!$G$20=$B$10,7,0)+IF('Standard Profiles'!$G$20=$B$17,14,0)+IF('Standard Profiles'!$G$20=$B$24,21,0),0)),0)</f>
        <v>0</v>
      </c>
      <c r="G1123" cm="1">
        <f t="array" ref="G1123">IFERROR(INDEX(Jesper!AK$2:AK$366,ROUNDDOWN($C1123/24,0)+1,1)*INDEX($D$3:$AA$30,INDEX(Jesper!$R$2:$R$366,ROW(INDEX(Jesper!AK$2:AK$366,ROUNDDOWN($C1123/24,0)+1,1))-1)+IF('Standard Profiles'!$G$21=$B$10,7,0)+IF('Standard Profiles'!$G$21=$B$17,14,0)+IF('Standard Profiles'!$G$21=$B$24,21,0),MOD($C1123,24)+1)/SUM(INDEX($D$3:$AA$30,INDEX(Jesper!$R$2:$R$366,ROW(INDEX(Jesper!AK$2:AK$366,ROUNDDOWN($C1123/24,0)+1,1))-1)+IF('Standard Profiles'!$G$21=$B$10,7,0)+IF('Standard Profiles'!$G$21=$B$17,14,0)+IF('Standard Profiles'!$G$21=$B$24,21,0),0)),0)</f>
        <v>0</v>
      </c>
      <c r="H1123" cm="1">
        <f t="array" ref="H1123">IFERROR(INDEX(Jesper!AL$2:AL$366,ROUNDDOWN($C1123/24,0)+1,1)*INDEX($D$3:$AA$30,INDEX(Jesper!$R$2:$R$366,ROW(INDEX(Jesper!AL$2:AL$366,ROUNDDOWN($C1123/24,0)+1,1))-1)+IF('Standard Profiles'!$G$22=$B$10,7,0)+IF('Standard Profiles'!$G$22=$B$17,14,0)+IF('Standard Profiles'!$G$22=$B$24,21,0),MOD($C1123,24)+1)/SUM(INDEX($D$3:$AA$30,INDEX(Jesper!$R$2:$R$366,ROW(INDEX(Jesper!AL$2:AL$366,ROUNDDOWN($C1123/24,0)+1,1))-1)+IF('Standard Profiles'!$G$22=$B$10,7,0)+IF('Standard Profiles'!$G$22=$B$17,14,0)+IF('Standard Profiles'!$G$22=$B$24,21,0),0)),0)</f>
        <v>0</v>
      </c>
      <c r="I1123">
        <f t="shared" ref="I1123:I1186" si="139">IF($B1123&lt;6,AC$37*$D1123+AC$38*$E1123+AC$39*$F1123+AC$40*$G1123,AC$46*$D1123+AC$47*$E1123+AC$48*$F1123+AC$49*$G1123+AC$50*$H1123)</f>
        <v>0.37475898226988347</v>
      </c>
      <c r="J1123">
        <f t="shared" ref="J1123:J1186" si="140">IF($B1123&lt;6,AD$37*$D1123+AD$38*$E1123+AD$39*$F1123+AD$40*$G1123,AD$46*$D1123+AD$47*$E1123+AD$48*$F1123+AD$49*$G1123+AD$50*$H1123)</f>
        <v>1.2491966075662784</v>
      </c>
      <c r="K1123">
        <f t="shared" ref="K1123:K1186" si="141">IF($B1123&lt;6,AE$37*$D1123+AE$38*$E1123+AE$39*$F1123+AE$40*$G1123,AE$46*$D1123+AE$47*$E1123+AE$48*$F1123+AE$49*$G1123+AE$50*$H1123)</f>
        <v>1.8737949113494172</v>
      </c>
      <c r="L1123">
        <f t="shared" ref="L1123:L1186" si="142">IF($B1123&lt;6,AF$37*$D1123+AF$38*$E1123+AF$39*$F1123+AF$40*$G1123,AF$46*$D1123+AF$47*$E1123+AF$48*$F1123+AF$49*$G1123+AF$50*$H1123)</f>
        <v>8.9942155744772023</v>
      </c>
      <c r="M1123">
        <f t="shared" ref="M1123:M1186" si="143">IF($B1123&lt;6,AG$37*$D1123+AG$38*$E1123+AG$39*$F1123+AG$40*$G1123,AG$46*$D1123+AG$47*$E1123+AG$48*$F1123+AG$49*$G1123+AG$50*$H1123)</f>
        <v>0</v>
      </c>
      <c r="N1123" s="46">
        <f t="shared" si="137"/>
        <v>45337.374999997359</v>
      </c>
    </row>
    <row r="1124" spans="2:14" x14ac:dyDescent="0.3">
      <c r="B1124">
        <f t="shared" si="138"/>
        <v>4</v>
      </c>
      <c r="C1124" s="16">
        <v>1090</v>
      </c>
      <c r="D1124" cm="1">
        <f t="array" ref="D1124">IFERROR(INDEX(Jesper!AH$2:AH$366,ROUNDDOWN($C1124/24,0)+1,1)*INDEX($D$3:$AA$30,INDEX(Jesper!$R$2:$R$366,ROW(INDEX(Jesper!AH$2:AH$366,ROUNDDOWN($C1124/24,0)+1,1))-1)+IF('Standard Profiles'!$G$18=$B$10,7,0)+IF('Standard Profiles'!$G$18=$B$17,14,0)+IF('Standard Profiles'!$G$18=$B$24,21,0),MOD($C1124,24)+1)/SUM(INDEX($D$3:$AA$30,INDEX(Jesper!$R$2:$R$366,ROW(INDEX(Jesper!AH$2:AH$366,ROUNDDOWN($C1124/24,0)+1,1))-1)+IF('Standard Profiles'!$G$18=$B$10,7,0)+IF('Standard Profiles'!$G$18=$B$17,14,0)+IF('Standard Profiles'!$G$18=$B$24,21,0),0)),0)</f>
        <v>13.53296324863468</v>
      </c>
      <c r="E1124" cm="1">
        <f t="array" ref="E1124">IFERROR(INDEX(Jesper!AI$2:AI$366,ROUNDDOWN($C1124/24,0)+1,1)*INDEX($D$3:$AA$30,INDEX(Jesper!$R$2:$R$366,ROW(INDEX(Jesper!AI$2:AI$366,ROUNDDOWN($C1124/24,0)+1,1))-1)+IF('Standard Profiles'!$G$19=$B$10,7,0)+IF('Standard Profiles'!$G$19=$B$17,14,0)+IF('Standard Profiles'!$G$19=$B$24,21,0),MOD($C1124,24)+1)/SUM(INDEX($D$3:$AA$30,INDEX(Jesper!$R$2:$R$366,ROW(INDEX(Jesper!AI$2:AI$366,ROUNDDOWN($C1124/24,0)+1,1))-1)+IF('Standard Profiles'!$G$19=$B$10,7,0)+IF('Standard Profiles'!$G$19=$B$17,14,0)+IF('Standard Profiles'!$G$19=$B$24,21,0),0)),0)</f>
        <v>0</v>
      </c>
      <c r="F1124" cm="1">
        <f t="array" ref="F1124">IFERROR(INDEX(Jesper!AJ$2:AJ$366,ROUNDDOWN($C1124/24,0)+1,1)*INDEX($D$3:$AA$30,INDEX(Jesper!$R$2:$R$366,ROW(INDEX(Jesper!AJ$2:AJ$366,ROUNDDOWN($C1124/24,0)+1,1))-1)+IF('Standard Profiles'!$G$20=$B$10,7,0)+IF('Standard Profiles'!$G$20=$B$17,14,0)+IF('Standard Profiles'!$G$20=$B$24,21,0),MOD($C1124,24)+1)/SUM(INDEX($D$3:$AA$30,INDEX(Jesper!$R$2:$R$366,ROW(INDEX(Jesper!AJ$2:AJ$366,ROUNDDOWN($C1124/24,0)+1,1))-1)+IF('Standard Profiles'!$G$20=$B$10,7,0)+IF('Standard Profiles'!$G$20=$B$17,14,0)+IF('Standard Profiles'!$G$20=$B$24,21,0),0)),0)</f>
        <v>0</v>
      </c>
      <c r="G1124" cm="1">
        <f t="array" ref="G1124">IFERROR(INDEX(Jesper!AK$2:AK$366,ROUNDDOWN($C1124/24,0)+1,1)*INDEX($D$3:$AA$30,INDEX(Jesper!$R$2:$R$366,ROW(INDEX(Jesper!AK$2:AK$366,ROUNDDOWN($C1124/24,0)+1,1))-1)+IF('Standard Profiles'!$G$21=$B$10,7,0)+IF('Standard Profiles'!$G$21=$B$17,14,0)+IF('Standard Profiles'!$G$21=$B$24,21,0),MOD($C1124,24)+1)/SUM(INDEX($D$3:$AA$30,INDEX(Jesper!$R$2:$R$366,ROW(INDEX(Jesper!AK$2:AK$366,ROUNDDOWN($C1124/24,0)+1,1))-1)+IF('Standard Profiles'!$G$21=$B$10,7,0)+IF('Standard Profiles'!$G$21=$B$17,14,0)+IF('Standard Profiles'!$G$21=$B$24,21,0),0)),0)</f>
        <v>0</v>
      </c>
      <c r="H1124" cm="1">
        <f t="array" ref="H1124">IFERROR(INDEX(Jesper!AL$2:AL$366,ROUNDDOWN($C1124/24,0)+1,1)*INDEX($D$3:$AA$30,INDEX(Jesper!$R$2:$R$366,ROW(INDEX(Jesper!AL$2:AL$366,ROUNDDOWN($C1124/24,0)+1,1))-1)+IF('Standard Profiles'!$G$22=$B$10,7,0)+IF('Standard Profiles'!$G$22=$B$17,14,0)+IF('Standard Profiles'!$G$22=$B$24,21,0),MOD($C1124,24)+1)/SUM(INDEX($D$3:$AA$30,INDEX(Jesper!$R$2:$R$366,ROW(INDEX(Jesper!AL$2:AL$366,ROUNDDOWN($C1124/24,0)+1,1))-1)+IF('Standard Profiles'!$G$22=$B$10,7,0)+IF('Standard Profiles'!$G$22=$B$17,14,0)+IF('Standard Profiles'!$G$22=$B$24,21,0),0)),0)</f>
        <v>0</v>
      </c>
      <c r="I1124">
        <f t="shared" si="139"/>
        <v>0.40598889745904038</v>
      </c>
      <c r="J1124">
        <f t="shared" si="140"/>
        <v>1.353296324863468</v>
      </c>
      <c r="K1124">
        <f t="shared" si="141"/>
        <v>2.0299444872952019</v>
      </c>
      <c r="L1124">
        <f t="shared" si="142"/>
        <v>9.7437335390169686</v>
      </c>
      <c r="M1124">
        <f t="shared" si="143"/>
        <v>0</v>
      </c>
      <c r="N1124" s="46">
        <f t="shared" ref="N1124:N1187" si="144">N1123+1/24</f>
        <v>45337.416666664023</v>
      </c>
    </row>
    <row r="1125" spans="2:14" x14ac:dyDescent="0.3">
      <c r="B1125">
        <f t="shared" si="138"/>
        <v>4</v>
      </c>
      <c r="C1125" s="16">
        <v>1091</v>
      </c>
      <c r="D1125" cm="1">
        <f t="array" ref="D1125">IFERROR(INDEX(Jesper!AH$2:AH$366,ROUNDDOWN($C1125/24,0)+1,1)*INDEX($D$3:$AA$30,INDEX(Jesper!$R$2:$R$366,ROW(INDEX(Jesper!AH$2:AH$366,ROUNDDOWN($C1125/24,0)+1,1))-1)+IF('Standard Profiles'!$G$18=$B$10,7,0)+IF('Standard Profiles'!$G$18=$B$17,14,0)+IF('Standard Profiles'!$G$18=$B$24,21,0),MOD($C1125,24)+1)/SUM(INDEX($D$3:$AA$30,INDEX(Jesper!$R$2:$R$366,ROW(INDEX(Jesper!AH$2:AH$366,ROUNDDOWN($C1125/24,0)+1,1))-1)+IF('Standard Profiles'!$G$18=$B$10,7,0)+IF('Standard Profiles'!$G$18=$B$17,14,0)+IF('Standard Profiles'!$G$18=$B$24,21,0),0)),0)</f>
        <v>15.614957594578476</v>
      </c>
      <c r="E1125" cm="1">
        <f t="array" ref="E1125">IFERROR(INDEX(Jesper!AI$2:AI$366,ROUNDDOWN($C1125/24,0)+1,1)*INDEX($D$3:$AA$30,INDEX(Jesper!$R$2:$R$366,ROW(INDEX(Jesper!AI$2:AI$366,ROUNDDOWN($C1125/24,0)+1,1))-1)+IF('Standard Profiles'!$G$19=$B$10,7,0)+IF('Standard Profiles'!$G$19=$B$17,14,0)+IF('Standard Profiles'!$G$19=$B$24,21,0),MOD($C1125,24)+1)/SUM(INDEX($D$3:$AA$30,INDEX(Jesper!$R$2:$R$366,ROW(INDEX(Jesper!AI$2:AI$366,ROUNDDOWN($C1125/24,0)+1,1))-1)+IF('Standard Profiles'!$G$19=$B$10,7,0)+IF('Standard Profiles'!$G$19=$B$17,14,0)+IF('Standard Profiles'!$G$19=$B$24,21,0),0)),0)</f>
        <v>0</v>
      </c>
      <c r="F1125" cm="1">
        <f t="array" ref="F1125">IFERROR(INDEX(Jesper!AJ$2:AJ$366,ROUNDDOWN($C1125/24,0)+1,1)*INDEX($D$3:$AA$30,INDEX(Jesper!$R$2:$R$366,ROW(INDEX(Jesper!AJ$2:AJ$366,ROUNDDOWN($C1125/24,0)+1,1))-1)+IF('Standard Profiles'!$G$20=$B$10,7,0)+IF('Standard Profiles'!$G$20=$B$17,14,0)+IF('Standard Profiles'!$G$20=$B$24,21,0),MOD($C1125,24)+1)/SUM(INDEX($D$3:$AA$30,INDEX(Jesper!$R$2:$R$366,ROW(INDEX(Jesper!AJ$2:AJ$366,ROUNDDOWN($C1125/24,0)+1,1))-1)+IF('Standard Profiles'!$G$20=$B$10,7,0)+IF('Standard Profiles'!$G$20=$B$17,14,0)+IF('Standard Profiles'!$G$20=$B$24,21,0),0)),0)</f>
        <v>0</v>
      </c>
      <c r="G1125" cm="1">
        <f t="array" ref="G1125">IFERROR(INDEX(Jesper!AK$2:AK$366,ROUNDDOWN($C1125/24,0)+1,1)*INDEX($D$3:$AA$30,INDEX(Jesper!$R$2:$R$366,ROW(INDEX(Jesper!AK$2:AK$366,ROUNDDOWN($C1125/24,0)+1,1))-1)+IF('Standard Profiles'!$G$21=$B$10,7,0)+IF('Standard Profiles'!$G$21=$B$17,14,0)+IF('Standard Profiles'!$G$21=$B$24,21,0),MOD($C1125,24)+1)/SUM(INDEX($D$3:$AA$30,INDEX(Jesper!$R$2:$R$366,ROW(INDEX(Jesper!AK$2:AK$366,ROUNDDOWN($C1125/24,0)+1,1))-1)+IF('Standard Profiles'!$G$21=$B$10,7,0)+IF('Standard Profiles'!$G$21=$B$17,14,0)+IF('Standard Profiles'!$G$21=$B$24,21,0),0)),0)</f>
        <v>0</v>
      </c>
      <c r="H1125" cm="1">
        <f t="array" ref="H1125">IFERROR(INDEX(Jesper!AL$2:AL$366,ROUNDDOWN($C1125/24,0)+1,1)*INDEX($D$3:$AA$30,INDEX(Jesper!$R$2:$R$366,ROW(INDEX(Jesper!AL$2:AL$366,ROUNDDOWN($C1125/24,0)+1,1))-1)+IF('Standard Profiles'!$G$22=$B$10,7,0)+IF('Standard Profiles'!$G$22=$B$17,14,0)+IF('Standard Profiles'!$G$22=$B$24,21,0),MOD($C1125,24)+1)/SUM(INDEX($D$3:$AA$30,INDEX(Jesper!$R$2:$R$366,ROW(INDEX(Jesper!AL$2:AL$366,ROUNDDOWN($C1125/24,0)+1,1))-1)+IF('Standard Profiles'!$G$22=$B$10,7,0)+IF('Standard Profiles'!$G$22=$B$17,14,0)+IF('Standard Profiles'!$G$22=$B$24,21,0),0)),0)</f>
        <v>0</v>
      </c>
      <c r="I1125">
        <f t="shared" si="139"/>
        <v>0.46844872783735425</v>
      </c>
      <c r="J1125">
        <f t="shared" si="140"/>
        <v>1.5614957594578476</v>
      </c>
      <c r="K1125">
        <f t="shared" si="141"/>
        <v>2.3422436391867714</v>
      </c>
      <c r="L1125">
        <f t="shared" si="142"/>
        <v>11.242769468096503</v>
      </c>
      <c r="M1125">
        <f t="shared" si="143"/>
        <v>0</v>
      </c>
      <c r="N1125" s="46">
        <f t="shared" si="144"/>
        <v>45337.458333330687</v>
      </c>
    </row>
    <row r="1126" spans="2:14" x14ac:dyDescent="0.3">
      <c r="B1126">
        <f t="shared" si="138"/>
        <v>4</v>
      </c>
      <c r="C1126" s="16">
        <v>1092</v>
      </c>
      <c r="D1126" cm="1">
        <f t="array" ref="D1126">IFERROR(INDEX(Jesper!AH$2:AH$366,ROUNDDOWN($C1126/24,0)+1,1)*INDEX($D$3:$AA$30,INDEX(Jesper!$R$2:$R$366,ROW(INDEX(Jesper!AH$2:AH$366,ROUNDDOWN($C1126/24,0)+1,1))-1)+IF('Standard Profiles'!$G$18=$B$10,7,0)+IF('Standard Profiles'!$G$18=$B$17,14,0)+IF('Standard Profiles'!$G$18=$B$24,21,0),MOD($C1126,24)+1)/SUM(INDEX($D$3:$AA$30,INDEX(Jesper!$R$2:$R$366,ROW(INDEX(Jesper!AH$2:AH$366,ROUNDDOWN($C1126/24,0)+1,1))-1)+IF('Standard Profiles'!$G$18=$B$10,7,0)+IF('Standard Profiles'!$G$18=$B$17,14,0)+IF('Standard Profiles'!$G$18=$B$24,21,0),0)),0)</f>
        <v>15.614957594578476</v>
      </c>
      <c r="E1126" cm="1">
        <f t="array" ref="E1126">IFERROR(INDEX(Jesper!AI$2:AI$366,ROUNDDOWN($C1126/24,0)+1,1)*INDEX($D$3:$AA$30,INDEX(Jesper!$R$2:$R$366,ROW(INDEX(Jesper!AI$2:AI$366,ROUNDDOWN($C1126/24,0)+1,1))-1)+IF('Standard Profiles'!$G$19=$B$10,7,0)+IF('Standard Profiles'!$G$19=$B$17,14,0)+IF('Standard Profiles'!$G$19=$B$24,21,0),MOD($C1126,24)+1)/SUM(INDEX($D$3:$AA$30,INDEX(Jesper!$R$2:$R$366,ROW(INDEX(Jesper!AI$2:AI$366,ROUNDDOWN($C1126/24,0)+1,1))-1)+IF('Standard Profiles'!$G$19=$B$10,7,0)+IF('Standard Profiles'!$G$19=$B$17,14,0)+IF('Standard Profiles'!$G$19=$B$24,21,0),0)),0)</f>
        <v>0</v>
      </c>
      <c r="F1126" cm="1">
        <f t="array" ref="F1126">IFERROR(INDEX(Jesper!AJ$2:AJ$366,ROUNDDOWN($C1126/24,0)+1,1)*INDEX($D$3:$AA$30,INDEX(Jesper!$R$2:$R$366,ROW(INDEX(Jesper!AJ$2:AJ$366,ROUNDDOWN($C1126/24,0)+1,1))-1)+IF('Standard Profiles'!$G$20=$B$10,7,0)+IF('Standard Profiles'!$G$20=$B$17,14,0)+IF('Standard Profiles'!$G$20=$B$24,21,0),MOD($C1126,24)+1)/SUM(INDEX($D$3:$AA$30,INDEX(Jesper!$R$2:$R$366,ROW(INDEX(Jesper!AJ$2:AJ$366,ROUNDDOWN($C1126/24,0)+1,1))-1)+IF('Standard Profiles'!$G$20=$B$10,7,0)+IF('Standard Profiles'!$G$20=$B$17,14,0)+IF('Standard Profiles'!$G$20=$B$24,21,0),0)),0)</f>
        <v>0</v>
      </c>
      <c r="G1126" cm="1">
        <f t="array" ref="G1126">IFERROR(INDEX(Jesper!AK$2:AK$366,ROUNDDOWN($C1126/24,0)+1,1)*INDEX($D$3:$AA$30,INDEX(Jesper!$R$2:$R$366,ROW(INDEX(Jesper!AK$2:AK$366,ROUNDDOWN($C1126/24,0)+1,1))-1)+IF('Standard Profiles'!$G$21=$B$10,7,0)+IF('Standard Profiles'!$G$21=$B$17,14,0)+IF('Standard Profiles'!$G$21=$B$24,21,0),MOD($C1126,24)+1)/SUM(INDEX($D$3:$AA$30,INDEX(Jesper!$R$2:$R$366,ROW(INDEX(Jesper!AK$2:AK$366,ROUNDDOWN($C1126/24,0)+1,1))-1)+IF('Standard Profiles'!$G$21=$B$10,7,0)+IF('Standard Profiles'!$G$21=$B$17,14,0)+IF('Standard Profiles'!$G$21=$B$24,21,0),0)),0)</f>
        <v>0</v>
      </c>
      <c r="H1126" cm="1">
        <f t="array" ref="H1126">IFERROR(INDEX(Jesper!AL$2:AL$366,ROUNDDOWN($C1126/24,0)+1,1)*INDEX($D$3:$AA$30,INDEX(Jesper!$R$2:$R$366,ROW(INDEX(Jesper!AL$2:AL$366,ROUNDDOWN($C1126/24,0)+1,1))-1)+IF('Standard Profiles'!$G$22=$B$10,7,0)+IF('Standard Profiles'!$G$22=$B$17,14,0)+IF('Standard Profiles'!$G$22=$B$24,21,0),MOD($C1126,24)+1)/SUM(INDEX($D$3:$AA$30,INDEX(Jesper!$R$2:$R$366,ROW(INDEX(Jesper!AL$2:AL$366,ROUNDDOWN($C1126/24,0)+1,1))-1)+IF('Standard Profiles'!$G$22=$B$10,7,0)+IF('Standard Profiles'!$G$22=$B$17,14,0)+IF('Standard Profiles'!$G$22=$B$24,21,0),0)),0)</f>
        <v>0</v>
      </c>
      <c r="I1126">
        <f t="shared" si="139"/>
        <v>0.46844872783735425</v>
      </c>
      <c r="J1126">
        <f t="shared" si="140"/>
        <v>1.5614957594578476</v>
      </c>
      <c r="K1126">
        <f t="shared" si="141"/>
        <v>2.3422436391867714</v>
      </c>
      <c r="L1126">
        <f t="shared" si="142"/>
        <v>11.242769468096503</v>
      </c>
      <c r="M1126">
        <f t="shared" si="143"/>
        <v>0</v>
      </c>
      <c r="N1126" s="46">
        <f t="shared" si="144"/>
        <v>45337.499999997352</v>
      </c>
    </row>
    <row r="1127" spans="2:14" x14ac:dyDescent="0.3">
      <c r="B1127">
        <f t="shared" si="138"/>
        <v>4</v>
      </c>
      <c r="C1127" s="16">
        <v>1093</v>
      </c>
      <c r="D1127" cm="1">
        <f t="array" ref="D1127">IFERROR(INDEX(Jesper!AH$2:AH$366,ROUNDDOWN($C1127/24,0)+1,1)*INDEX($D$3:$AA$30,INDEX(Jesper!$R$2:$R$366,ROW(INDEX(Jesper!AH$2:AH$366,ROUNDDOWN($C1127/24,0)+1,1))-1)+IF('Standard Profiles'!$G$18=$B$10,7,0)+IF('Standard Profiles'!$G$18=$B$17,14,0)+IF('Standard Profiles'!$G$18=$B$24,21,0),MOD($C1127,24)+1)/SUM(INDEX($D$3:$AA$30,INDEX(Jesper!$R$2:$R$366,ROW(INDEX(Jesper!AH$2:AH$366,ROUNDDOWN($C1127/24,0)+1,1))-1)+IF('Standard Profiles'!$G$18=$B$10,7,0)+IF('Standard Profiles'!$G$18=$B$17,14,0)+IF('Standard Profiles'!$G$18=$B$24,21,0),0)),0)</f>
        <v>15.614957594578476</v>
      </c>
      <c r="E1127" cm="1">
        <f t="array" ref="E1127">IFERROR(INDEX(Jesper!AI$2:AI$366,ROUNDDOWN($C1127/24,0)+1,1)*INDEX($D$3:$AA$30,INDEX(Jesper!$R$2:$R$366,ROW(INDEX(Jesper!AI$2:AI$366,ROUNDDOWN($C1127/24,0)+1,1))-1)+IF('Standard Profiles'!$G$19=$B$10,7,0)+IF('Standard Profiles'!$G$19=$B$17,14,0)+IF('Standard Profiles'!$G$19=$B$24,21,0),MOD($C1127,24)+1)/SUM(INDEX($D$3:$AA$30,INDEX(Jesper!$R$2:$R$366,ROW(INDEX(Jesper!AI$2:AI$366,ROUNDDOWN($C1127/24,0)+1,1))-1)+IF('Standard Profiles'!$G$19=$B$10,7,0)+IF('Standard Profiles'!$G$19=$B$17,14,0)+IF('Standard Profiles'!$G$19=$B$24,21,0),0)),0)</f>
        <v>0</v>
      </c>
      <c r="F1127" cm="1">
        <f t="array" ref="F1127">IFERROR(INDEX(Jesper!AJ$2:AJ$366,ROUNDDOWN($C1127/24,0)+1,1)*INDEX($D$3:$AA$30,INDEX(Jesper!$R$2:$R$366,ROW(INDEX(Jesper!AJ$2:AJ$366,ROUNDDOWN($C1127/24,0)+1,1))-1)+IF('Standard Profiles'!$G$20=$B$10,7,0)+IF('Standard Profiles'!$G$20=$B$17,14,0)+IF('Standard Profiles'!$G$20=$B$24,21,0),MOD($C1127,24)+1)/SUM(INDEX($D$3:$AA$30,INDEX(Jesper!$R$2:$R$366,ROW(INDEX(Jesper!AJ$2:AJ$366,ROUNDDOWN($C1127/24,0)+1,1))-1)+IF('Standard Profiles'!$G$20=$B$10,7,0)+IF('Standard Profiles'!$G$20=$B$17,14,0)+IF('Standard Profiles'!$G$20=$B$24,21,0),0)),0)</f>
        <v>0</v>
      </c>
      <c r="G1127" cm="1">
        <f t="array" ref="G1127">IFERROR(INDEX(Jesper!AK$2:AK$366,ROUNDDOWN($C1127/24,0)+1,1)*INDEX($D$3:$AA$30,INDEX(Jesper!$R$2:$R$366,ROW(INDEX(Jesper!AK$2:AK$366,ROUNDDOWN($C1127/24,0)+1,1))-1)+IF('Standard Profiles'!$G$21=$B$10,7,0)+IF('Standard Profiles'!$G$21=$B$17,14,0)+IF('Standard Profiles'!$G$21=$B$24,21,0),MOD($C1127,24)+1)/SUM(INDEX($D$3:$AA$30,INDEX(Jesper!$R$2:$R$366,ROW(INDEX(Jesper!AK$2:AK$366,ROUNDDOWN($C1127/24,0)+1,1))-1)+IF('Standard Profiles'!$G$21=$B$10,7,0)+IF('Standard Profiles'!$G$21=$B$17,14,0)+IF('Standard Profiles'!$G$21=$B$24,21,0),0)),0)</f>
        <v>0</v>
      </c>
      <c r="H1127" cm="1">
        <f t="array" ref="H1127">IFERROR(INDEX(Jesper!AL$2:AL$366,ROUNDDOWN($C1127/24,0)+1,1)*INDEX($D$3:$AA$30,INDEX(Jesper!$R$2:$R$366,ROW(INDEX(Jesper!AL$2:AL$366,ROUNDDOWN($C1127/24,0)+1,1))-1)+IF('Standard Profiles'!$G$22=$B$10,7,0)+IF('Standard Profiles'!$G$22=$B$17,14,0)+IF('Standard Profiles'!$G$22=$B$24,21,0),MOD($C1127,24)+1)/SUM(INDEX($D$3:$AA$30,INDEX(Jesper!$R$2:$R$366,ROW(INDEX(Jesper!AL$2:AL$366,ROUNDDOWN($C1127/24,0)+1,1))-1)+IF('Standard Profiles'!$G$22=$B$10,7,0)+IF('Standard Profiles'!$G$22=$B$17,14,0)+IF('Standard Profiles'!$G$22=$B$24,21,0),0)),0)</f>
        <v>0</v>
      </c>
      <c r="I1127">
        <f t="shared" si="139"/>
        <v>0.46844872783735425</v>
      </c>
      <c r="J1127">
        <f t="shared" si="140"/>
        <v>1.5614957594578476</v>
      </c>
      <c r="K1127">
        <f t="shared" si="141"/>
        <v>2.3422436391867714</v>
      </c>
      <c r="L1127">
        <f t="shared" si="142"/>
        <v>11.242769468096503</v>
      </c>
      <c r="M1127">
        <f t="shared" si="143"/>
        <v>0</v>
      </c>
      <c r="N1127" s="46">
        <f t="shared" si="144"/>
        <v>45337.541666664016</v>
      </c>
    </row>
    <row r="1128" spans="2:14" x14ac:dyDescent="0.3">
      <c r="B1128">
        <f t="shared" si="138"/>
        <v>4</v>
      </c>
      <c r="C1128" s="16">
        <v>1094</v>
      </c>
      <c r="D1128" cm="1">
        <f t="array" ref="D1128">IFERROR(INDEX(Jesper!AH$2:AH$366,ROUNDDOWN($C1128/24,0)+1,1)*INDEX($D$3:$AA$30,INDEX(Jesper!$R$2:$R$366,ROW(INDEX(Jesper!AH$2:AH$366,ROUNDDOWN($C1128/24,0)+1,1))-1)+IF('Standard Profiles'!$G$18=$B$10,7,0)+IF('Standard Profiles'!$G$18=$B$17,14,0)+IF('Standard Profiles'!$G$18=$B$24,21,0),MOD($C1128,24)+1)/SUM(INDEX($D$3:$AA$30,INDEX(Jesper!$R$2:$R$366,ROW(INDEX(Jesper!AH$2:AH$366,ROUNDDOWN($C1128/24,0)+1,1))-1)+IF('Standard Profiles'!$G$18=$B$10,7,0)+IF('Standard Profiles'!$G$18=$B$17,14,0)+IF('Standard Profiles'!$G$18=$B$24,21,0),0)),0)</f>
        <v>15.614957594578476</v>
      </c>
      <c r="E1128" cm="1">
        <f t="array" ref="E1128">IFERROR(INDEX(Jesper!AI$2:AI$366,ROUNDDOWN($C1128/24,0)+1,1)*INDEX($D$3:$AA$30,INDEX(Jesper!$R$2:$R$366,ROW(INDEX(Jesper!AI$2:AI$366,ROUNDDOWN($C1128/24,0)+1,1))-1)+IF('Standard Profiles'!$G$19=$B$10,7,0)+IF('Standard Profiles'!$G$19=$B$17,14,0)+IF('Standard Profiles'!$G$19=$B$24,21,0),MOD($C1128,24)+1)/SUM(INDEX($D$3:$AA$30,INDEX(Jesper!$R$2:$R$366,ROW(INDEX(Jesper!AI$2:AI$366,ROUNDDOWN($C1128/24,0)+1,1))-1)+IF('Standard Profiles'!$G$19=$B$10,7,0)+IF('Standard Profiles'!$G$19=$B$17,14,0)+IF('Standard Profiles'!$G$19=$B$24,21,0),0)),0)</f>
        <v>0</v>
      </c>
      <c r="F1128" cm="1">
        <f t="array" ref="F1128">IFERROR(INDEX(Jesper!AJ$2:AJ$366,ROUNDDOWN($C1128/24,0)+1,1)*INDEX($D$3:$AA$30,INDEX(Jesper!$R$2:$R$366,ROW(INDEX(Jesper!AJ$2:AJ$366,ROUNDDOWN($C1128/24,0)+1,1))-1)+IF('Standard Profiles'!$G$20=$B$10,7,0)+IF('Standard Profiles'!$G$20=$B$17,14,0)+IF('Standard Profiles'!$G$20=$B$24,21,0),MOD($C1128,24)+1)/SUM(INDEX($D$3:$AA$30,INDEX(Jesper!$R$2:$R$366,ROW(INDEX(Jesper!AJ$2:AJ$366,ROUNDDOWN($C1128/24,0)+1,1))-1)+IF('Standard Profiles'!$G$20=$B$10,7,0)+IF('Standard Profiles'!$G$20=$B$17,14,0)+IF('Standard Profiles'!$G$20=$B$24,21,0),0)),0)</f>
        <v>0</v>
      </c>
      <c r="G1128" cm="1">
        <f t="array" ref="G1128">IFERROR(INDEX(Jesper!AK$2:AK$366,ROUNDDOWN($C1128/24,0)+1,1)*INDEX($D$3:$AA$30,INDEX(Jesper!$R$2:$R$366,ROW(INDEX(Jesper!AK$2:AK$366,ROUNDDOWN($C1128/24,0)+1,1))-1)+IF('Standard Profiles'!$G$21=$B$10,7,0)+IF('Standard Profiles'!$G$21=$B$17,14,0)+IF('Standard Profiles'!$G$21=$B$24,21,0),MOD($C1128,24)+1)/SUM(INDEX($D$3:$AA$30,INDEX(Jesper!$R$2:$R$366,ROW(INDEX(Jesper!AK$2:AK$366,ROUNDDOWN($C1128/24,0)+1,1))-1)+IF('Standard Profiles'!$G$21=$B$10,7,0)+IF('Standard Profiles'!$G$21=$B$17,14,0)+IF('Standard Profiles'!$G$21=$B$24,21,0),0)),0)</f>
        <v>0</v>
      </c>
      <c r="H1128" cm="1">
        <f t="array" ref="H1128">IFERROR(INDEX(Jesper!AL$2:AL$366,ROUNDDOWN($C1128/24,0)+1,1)*INDEX($D$3:$AA$30,INDEX(Jesper!$R$2:$R$366,ROW(INDEX(Jesper!AL$2:AL$366,ROUNDDOWN($C1128/24,0)+1,1))-1)+IF('Standard Profiles'!$G$22=$B$10,7,0)+IF('Standard Profiles'!$G$22=$B$17,14,0)+IF('Standard Profiles'!$G$22=$B$24,21,0),MOD($C1128,24)+1)/SUM(INDEX($D$3:$AA$30,INDEX(Jesper!$R$2:$R$366,ROW(INDEX(Jesper!AL$2:AL$366,ROUNDDOWN($C1128/24,0)+1,1))-1)+IF('Standard Profiles'!$G$22=$B$10,7,0)+IF('Standard Profiles'!$G$22=$B$17,14,0)+IF('Standard Profiles'!$G$22=$B$24,21,0),0)),0)</f>
        <v>0</v>
      </c>
      <c r="I1128">
        <f t="shared" si="139"/>
        <v>0.46844872783735425</v>
      </c>
      <c r="J1128">
        <f t="shared" si="140"/>
        <v>1.5614957594578476</v>
      </c>
      <c r="K1128">
        <f t="shared" si="141"/>
        <v>2.3422436391867714</v>
      </c>
      <c r="L1128">
        <f t="shared" si="142"/>
        <v>11.242769468096503</v>
      </c>
      <c r="M1128">
        <f t="shared" si="143"/>
        <v>0</v>
      </c>
      <c r="N1128" s="46">
        <f t="shared" si="144"/>
        <v>45337.58333333068</v>
      </c>
    </row>
    <row r="1129" spans="2:14" x14ac:dyDescent="0.3">
      <c r="B1129">
        <f t="shared" si="138"/>
        <v>4</v>
      </c>
      <c r="C1129" s="16">
        <v>1095</v>
      </c>
      <c r="D1129" cm="1">
        <f t="array" ref="D1129">IFERROR(INDEX(Jesper!AH$2:AH$366,ROUNDDOWN($C1129/24,0)+1,1)*INDEX($D$3:$AA$30,INDEX(Jesper!$R$2:$R$366,ROW(INDEX(Jesper!AH$2:AH$366,ROUNDDOWN($C1129/24,0)+1,1))-1)+IF('Standard Profiles'!$G$18=$B$10,7,0)+IF('Standard Profiles'!$G$18=$B$17,14,0)+IF('Standard Profiles'!$G$18=$B$24,21,0),MOD($C1129,24)+1)/SUM(INDEX($D$3:$AA$30,INDEX(Jesper!$R$2:$R$366,ROW(INDEX(Jesper!AH$2:AH$366,ROUNDDOWN($C1129/24,0)+1,1))-1)+IF('Standard Profiles'!$G$18=$B$10,7,0)+IF('Standard Profiles'!$G$18=$B$17,14,0)+IF('Standard Profiles'!$G$18=$B$24,21,0),0)),0)</f>
        <v>15.614957594578476</v>
      </c>
      <c r="E1129" cm="1">
        <f t="array" ref="E1129">IFERROR(INDEX(Jesper!AI$2:AI$366,ROUNDDOWN($C1129/24,0)+1,1)*INDEX($D$3:$AA$30,INDEX(Jesper!$R$2:$R$366,ROW(INDEX(Jesper!AI$2:AI$366,ROUNDDOWN($C1129/24,0)+1,1))-1)+IF('Standard Profiles'!$G$19=$B$10,7,0)+IF('Standard Profiles'!$G$19=$B$17,14,0)+IF('Standard Profiles'!$G$19=$B$24,21,0),MOD($C1129,24)+1)/SUM(INDEX($D$3:$AA$30,INDEX(Jesper!$R$2:$R$366,ROW(INDEX(Jesper!AI$2:AI$366,ROUNDDOWN($C1129/24,0)+1,1))-1)+IF('Standard Profiles'!$G$19=$B$10,7,0)+IF('Standard Profiles'!$G$19=$B$17,14,0)+IF('Standard Profiles'!$G$19=$B$24,21,0),0)),0)</f>
        <v>0</v>
      </c>
      <c r="F1129" cm="1">
        <f t="array" ref="F1129">IFERROR(INDEX(Jesper!AJ$2:AJ$366,ROUNDDOWN($C1129/24,0)+1,1)*INDEX($D$3:$AA$30,INDEX(Jesper!$R$2:$R$366,ROW(INDEX(Jesper!AJ$2:AJ$366,ROUNDDOWN($C1129/24,0)+1,1))-1)+IF('Standard Profiles'!$G$20=$B$10,7,0)+IF('Standard Profiles'!$G$20=$B$17,14,0)+IF('Standard Profiles'!$G$20=$B$24,21,0),MOD($C1129,24)+1)/SUM(INDEX($D$3:$AA$30,INDEX(Jesper!$R$2:$R$366,ROW(INDEX(Jesper!AJ$2:AJ$366,ROUNDDOWN($C1129/24,0)+1,1))-1)+IF('Standard Profiles'!$G$20=$B$10,7,0)+IF('Standard Profiles'!$G$20=$B$17,14,0)+IF('Standard Profiles'!$G$20=$B$24,21,0),0)),0)</f>
        <v>0</v>
      </c>
      <c r="G1129" cm="1">
        <f t="array" ref="G1129">IFERROR(INDEX(Jesper!AK$2:AK$366,ROUNDDOWN($C1129/24,0)+1,1)*INDEX($D$3:$AA$30,INDEX(Jesper!$R$2:$R$366,ROW(INDEX(Jesper!AK$2:AK$366,ROUNDDOWN($C1129/24,0)+1,1))-1)+IF('Standard Profiles'!$G$21=$B$10,7,0)+IF('Standard Profiles'!$G$21=$B$17,14,0)+IF('Standard Profiles'!$G$21=$B$24,21,0),MOD($C1129,24)+1)/SUM(INDEX($D$3:$AA$30,INDEX(Jesper!$R$2:$R$366,ROW(INDEX(Jesper!AK$2:AK$366,ROUNDDOWN($C1129/24,0)+1,1))-1)+IF('Standard Profiles'!$G$21=$B$10,7,0)+IF('Standard Profiles'!$G$21=$B$17,14,0)+IF('Standard Profiles'!$G$21=$B$24,21,0),0)),0)</f>
        <v>0</v>
      </c>
      <c r="H1129" cm="1">
        <f t="array" ref="H1129">IFERROR(INDEX(Jesper!AL$2:AL$366,ROUNDDOWN($C1129/24,0)+1,1)*INDEX($D$3:$AA$30,INDEX(Jesper!$R$2:$R$366,ROW(INDEX(Jesper!AL$2:AL$366,ROUNDDOWN($C1129/24,0)+1,1))-1)+IF('Standard Profiles'!$G$22=$B$10,7,0)+IF('Standard Profiles'!$G$22=$B$17,14,0)+IF('Standard Profiles'!$G$22=$B$24,21,0),MOD($C1129,24)+1)/SUM(INDEX($D$3:$AA$30,INDEX(Jesper!$R$2:$R$366,ROW(INDEX(Jesper!AL$2:AL$366,ROUNDDOWN($C1129/24,0)+1,1))-1)+IF('Standard Profiles'!$G$22=$B$10,7,0)+IF('Standard Profiles'!$G$22=$B$17,14,0)+IF('Standard Profiles'!$G$22=$B$24,21,0),0)),0)</f>
        <v>0</v>
      </c>
      <c r="I1129">
        <f t="shared" si="139"/>
        <v>0.46844872783735425</v>
      </c>
      <c r="J1129">
        <f t="shared" si="140"/>
        <v>1.5614957594578476</v>
      </c>
      <c r="K1129">
        <f t="shared" si="141"/>
        <v>2.3422436391867714</v>
      </c>
      <c r="L1129">
        <f t="shared" si="142"/>
        <v>11.242769468096503</v>
      </c>
      <c r="M1129">
        <f t="shared" si="143"/>
        <v>0</v>
      </c>
      <c r="N1129" s="46">
        <f t="shared" si="144"/>
        <v>45337.624999997344</v>
      </c>
    </row>
    <row r="1130" spans="2:14" x14ac:dyDescent="0.3">
      <c r="B1130">
        <f t="shared" si="138"/>
        <v>4</v>
      </c>
      <c r="C1130" s="16">
        <v>1096</v>
      </c>
      <c r="D1130" cm="1">
        <f t="array" ref="D1130">IFERROR(INDEX(Jesper!AH$2:AH$366,ROUNDDOWN($C1130/24,0)+1,1)*INDEX($D$3:$AA$30,INDEX(Jesper!$R$2:$R$366,ROW(INDEX(Jesper!AH$2:AH$366,ROUNDDOWN($C1130/24,0)+1,1))-1)+IF('Standard Profiles'!$G$18=$B$10,7,0)+IF('Standard Profiles'!$G$18=$B$17,14,0)+IF('Standard Profiles'!$G$18=$B$24,21,0),MOD($C1130,24)+1)/SUM(INDEX($D$3:$AA$30,INDEX(Jesper!$R$2:$R$366,ROW(INDEX(Jesper!AH$2:AH$366,ROUNDDOWN($C1130/24,0)+1,1))-1)+IF('Standard Profiles'!$G$18=$B$10,7,0)+IF('Standard Profiles'!$G$18=$B$17,14,0)+IF('Standard Profiles'!$G$18=$B$24,21,0),0)),0)</f>
        <v>15.614957594578476</v>
      </c>
      <c r="E1130" cm="1">
        <f t="array" ref="E1130">IFERROR(INDEX(Jesper!AI$2:AI$366,ROUNDDOWN($C1130/24,0)+1,1)*INDEX($D$3:$AA$30,INDEX(Jesper!$R$2:$R$366,ROW(INDEX(Jesper!AI$2:AI$366,ROUNDDOWN($C1130/24,0)+1,1))-1)+IF('Standard Profiles'!$G$19=$B$10,7,0)+IF('Standard Profiles'!$G$19=$B$17,14,0)+IF('Standard Profiles'!$G$19=$B$24,21,0),MOD($C1130,24)+1)/SUM(INDEX($D$3:$AA$30,INDEX(Jesper!$R$2:$R$366,ROW(INDEX(Jesper!AI$2:AI$366,ROUNDDOWN($C1130/24,0)+1,1))-1)+IF('Standard Profiles'!$G$19=$B$10,7,0)+IF('Standard Profiles'!$G$19=$B$17,14,0)+IF('Standard Profiles'!$G$19=$B$24,21,0),0)),0)</f>
        <v>0</v>
      </c>
      <c r="F1130" cm="1">
        <f t="array" ref="F1130">IFERROR(INDEX(Jesper!AJ$2:AJ$366,ROUNDDOWN($C1130/24,0)+1,1)*INDEX($D$3:$AA$30,INDEX(Jesper!$R$2:$R$366,ROW(INDEX(Jesper!AJ$2:AJ$366,ROUNDDOWN($C1130/24,0)+1,1))-1)+IF('Standard Profiles'!$G$20=$B$10,7,0)+IF('Standard Profiles'!$G$20=$B$17,14,0)+IF('Standard Profiles'!$G$20=$B$24,21,0),MOD($C1130,24)+1)/SUM(INDEX($D$3:$AA$30,INDEX(Jesper!$R$2:$R$366,ROW(INDEX(Jesper!AJ$2:AJ$366,ROUNDDOWN($C1130/24,0)+1,1))-1)+IF('Standard Profiles'!$G$20=$B$10,7,0)+IF('Standard Profiles'!$G$20=$B$17,14,0)+IF('Standard Profiles'!$G$20=$B$24,21,0),0)),0)</f>
        <v>0</v>
      </c>
      <c r="G1130" cm="1">
        <f t="array" ref="G1130">IFERROR(INDEX(Jesper!AK$2:AK$366,ROUNDDOWN($C1130/24,0)+1,1)*INDEX($D$3:$AA$30,INDEX(Jesper!$R$2:$R$366,ROW(INDEX(Jesper!AK$2:AK$366,ROUNDDOWN($C1130/24,0)+1,1))-1)+IF('Standard Profiles'!$G$21=$B$10,7,0)+IF('Standard Profiles'!$G$21=$B$17,14,0)+IF('Standard Profiles'!$G$21=$B$24,21,0),MOD($C1130,24)+1)/SUM(INDEX($D$3:$AA$30,INDEX(Jesper!$R$2:$R$366,ROW(INDEX(Jesper!AK$2:AK$366,ROUNDDOWN($C1130/24,0)+1,1))-1)+IF('Standard Profiles'!$G$21=$B$10,7,0)+IF('Standard Profiles'!$G$21=$B$17,14,0)+IF('Standard Profiles'!$G$21=$B$24,21,0),0)),0)</f>
        <v>0</v>
      </c>
      <c r="H1130" cm="1">
        <f t="array" ref="H1130">IFERROR(INDEX(Jesper!AL$2:AL$366,ROUNDDOWN($C1130/24,0)+1,1)*INDEX($D$3:$AA$30,INDEX(Jesper!$R$2:$R$366,ROW(INDEX(Jesper!AL$2:AL$366,ROUNDDOWN($C1130/24,0)+1,1))-1)+IF('Standard Profiles'!$G$22=$B$10,7,0)+IF('Standard Profiles'!$G$22=$B$17,14,0)+IF('Standard Profiles'!$G$22=$B$24,21,0),MOD($C1130,24)+1)/SUM(INDEX($D$3:$AA$30,INDEX(Jesper!$R$2:$R$366,ROW(INDEX(Jesper!AL$2:AL$366,ROUNDDOWN($C1130/24,0)+1,1))-1)+IF('Standard Profiles'!$G$22=$B$10,7,0)+IF('Standard Profiles'!$G$22=$B$17,14,0)+IF('Standard Profiles'!$G$22=$B$24,21,0),0)),0)</f>
        <v>0</v>
      </c>
      <c r="I1130">
        <f t="shared" si="139"/>
        <v>0.46844872783735425</v>
      </c>
      <c r="J1130">
        <f t="shared" si="140"/>
        <v>1.5614957594578476</v>
      </c>
      <c r="K1130">
        <f t="shared" si="141"/>
        <v>2.3422436391867714</v>
      </c>
      <c r="L1130">
        <f t="shared" si="142"/>
        <v>11.242769468096503</v>
      </c>
      <c r="M1130">
        <f t="shared" si="143"/>
        <v>0</v>
      </c>
      <c r="N1130" s="46">
        <f t="shared" si="144"/>
        <v>45337.666666664009</v>
      </c>
    </row>
    <row r="1131" spans="2:14" x14ac:dyDescent="0.3">
      <c r="B1131">
        <f t="shared" si="138"/>
        <v>4</v>
      </c>
      <c r="C1131" s="16">
        <v>1097</v>
      </c>
      <c r="D1131" cm="1">
        <f t="array" ref="D1131">IFERROR(INDEX(Jesper!AH$2:AH$366,ROUNDDOWN($C1131/24,0)+1,1)*INDEX($D$3:$AA$30,INDEX(Jesper!$R$2:$R$366,ROW(INDEX(Jesper!AH$2:AH$366,ROUNDDOWN($C1131/24,0)+1,1))-1)+IF('Standard Profiles'!$G$18=$B$10,7,0)+IF('Standard Profiles'!$G$18=$B$17,14,0)+IF('Standard Profiles'!$G$18=$B$24,21,0),MOD($C1131,24)+1)/SUM(INDEX($D$3:$AA$30,INDEX(Jesper!$R$2:$R$366,ROW(INDEX(Jesper!AH$2:AH$366,ROUNDDOWN($C1131/24,0)+1,1))-1)+IF('Standard Profiles'!$G$18=$B$10,7,0)+IF('Standard Profiles'!$G$18=$B$17,14,0)+IF('Standard Profiles'!$G$18=$B$24,21,0),0)),0)</f>
        <v>15.614957594578476</v>
      </c>
      <c r="E1131" cm="1">
        <f t="array" ref="E1131">IFERROR(INDEX(Jesper!AI$2:AI$366,ROUNDDOWN($C1131/24,0)+1,1)*INDEX($D$3:$AA$30,INDEX(Jesper!$R$2:$R$366,ROW(INDEX(Jesper!AI$2:AI$366,ROUNDDOWN($C1131/24,0)+1,1))-1)+IF('Standard Profiles'!$G$19=$B$10,7,0)+IF('Standard Profiles'!$G$19=$B$17,14,0)+IF('Standard Profiles'!$G$19=$B$24,21,0),MOD($C1131,24)+1)/SUM(INDEX($D$3:$AA$30,INDEX(Jesper!$R$2:$R$366,ROW(INDEX(Jesper!AI$2:AI$366,ROUNDDOWN($C1131/24,0)+1,1))-1)+IF('Standard Profiles'!$G$19=$B$10,7,0)+IF('Standard Profiles'!$G$19=$B$17,14,0)+IF('Standard Profiles'!$G$19=$B$24,21,0),0)),0)</f>
        <v>0</v>
      </c>
      <c r="F1131" cm="1">
        <f t="array" ref="F1131">IFERROR(INDEX(Jesper!AJ$2:AJ$366,ROUNDDOWN($C1131/24,0)+1,1)*INDEX($D$3:$AA$30,INDEX(Jesper!$R$2:$R$366,ROW(INDEX(Jesper!AJ$2:AJ$366,ROUNDDOWN($C1131/24,0)+1,1))-1)+IF('Standard Profiles'!$G$20=$B$10,7,0)+IF('Standard Profiles'!$G$20=$B$17,14,0)+IF('Standard Profiles'!$G$20=$B$24,21,0),MOD($C1131,24)+1)/SUM(INDEX($D$3:$AA$30,INDEX(Jesper!$R$2:$R$366,ROW(INDEX(Jesper!AJ$2:AJ$366,ROUNDDOWN($C1131/24,0)+1,1))-1)+IF('Standard Profiles'!$G$20=$B$10,7,0)+IF('Standard Profiles'!$G$20=$B$17,14,0)+IF('Standard Profiles'!$G$20=$B$24,21,0),0)),0)</f>
        <v>0</v>
      </c>
      <c r="G1131" cm="1">
        <f t="array" ref="G1131">IFERROR(INDEX(Jesper!AK$2:AK$366,ROUNDDOWN($C1131/24,0)+1,1)*INDEX($D$3:$AA$30,INDEX(Jesper!$R$2:$R$366,ROW(INDEX(Jesper!AK$2:AK$366,ROUNDDOWN($C1131/24,0)+1,1))-1)+IF('Standard Profiles'!$G$21=$B$10,7,0)+IF('Standard Profiles'!$G$21=$B$17,14,0)+IF('Standard Profiles'!$G$21=$B$24,21,0),MOD($C1131,24)+1)/SUM(INDEX($D$3:$AA$30,INDEX(Jesper!$R$2:$R$366,ROW(INDEX(Jesper!AK$2:AK$366,ROUNDDOWN($C1131/24,0)+1,1))-1)+IF('Standard Profiles'!$G$21=$B$10,7,0)+IF('Standard Profiles'!$G$21=$B$17,14,0)+IF('Standard Profiles'!$G$21=$B$24,21,0),0)),0)</f>
        <v>0</v>
      </c>
      <c r="H1131" cm="1">
        <f t="array" ref="H1131">IFERROR(INDEX(Jesper!AL$2:AL$366,ROUNDDOWN($C1131/24,0)+1,1)*INDEX($D$3:$AA$30,INDEX(Jesper!$R$2:$R$366,ROW(INDEX(Jesper!AL$2:AL$366,ROUNDDOWN($C1131/24,0)+1,1))-1)+IF('Standard Profiles'!$G$22=$B$10,7,0)+IF('Standard Profiles'!$G$22=$B$17,14,0)+IF('Standard Profiles'!$G$22=$B$24,21,0),MOD($C1131,24)+1)/SUM(INDEX($D$3:$AA$30,INDEX(Jesper!$R$2:$R$366,ROW(INDEX(Jesper!AL$2:AL$366,ROUNDDOWN($C1131/24,0)+1,1))-1)+IF('Standard Profiles'!$G$22=$B$10,7,0)+IF('Standard Profiles'!$G$22=$B$17,14,0)+IF('Standard Profiles'!$G$22=$B$24,21,0),0)),0)</f>
        <v>0</v>
      </c>
      <c r="I1131">
        <f t="shared" si="139"/>
        <v>0.46844872783735425</v>
      </c>
      <c r="J1131">
        <f t="shared" si="140"/>
        <v>1.5614957594578476</v>
      </c>
      <c r="K1131">
        <f t="shared" si="141"/>
        <v>2.3422436391867714</v>
      </c>
      <c r="L1131">
        <f t="shared" si="142"/>
        <v>11.242769468096503</v>
      </c>
      <c r="M1131">
        <f t="shared" si="143"/>
        <v>0</v>
      </c>
      <c r="N1131" s="46">
        <f t="shared" si="144"/>
        <v>45337.708333330673</v>
      </c>
    </row>
    <row r="1132" spans="2:14" x14ac:dyDescent="0.3">
      <c r="B1132">
        <f t="shared" si="138"/>
        <v>4</v>
      </c>
      <c r="C1132" s="16">
        <v>1098</v>
      </c>
      <c r="D1132" cm="1">
        <f t="array" ref="D1132">IFERROR(INDEX(Jesper!AH$2:AH$366,ROUNDDOWN($C1132/24,0)+1,1)*INDEX($D$3:$AA$30,INDEX(Jesper!$R$2:$R$366,ROW(INDEX(Jesper!AH$2:AH$366,ROUNDDOWN($C1132/24,0)+1,1))-1)+IF('Standard Profiles'!$G$18=$B$10,7,0)+IF('Standard Profiles'!$G$18=$B$17,14,0)+IF('Standard Profiles'!$G$18=$B$24,21,0),MOD($C1132,24)+1)/SUM(INDEX($D$3:$AA$30,INDEX(Jesper!$R$2:$R$366,ROW(INDEX(Jesper!AH$2:AH$366,ROUNDDOWN($C1132/24,0)+1,1))-1)+IF('Standard Profiles'!$G$18=$B$10,7,0)+IF('Standard Profiles'!$G$18=$B$17,14,0)+IF('Standard Profiles'!$G$18=$B$24,21,0),0)),0)</f>
        <v>15.614957594578476</v>
      </c>
      <c r="E1132" cm="1">
        <f t="array" ref="E1132">IFERROR(INDEX(Jesper!AI$2:AI$366,ROUNDDOWN($C1132/24,0)+1,1)*INDEX($D$3:$AA$30,INDEX(Jesper!$R$2:$R$366,ROW(INDEX(Jesper!AI$2:AI$366,ROUNDDOWN($C1132/24,0)+1,1))-1)+IF('Standard Profiles'!$G$19=$B$10,7,0)+IF('Standard Profiles'!$G$19=$B$17,14,0)+IF('Standard Profiles'!$G$19=$B$24,21,0),MOD($C1132,24)+1)/SUM(INDEX($D$3:$AA$30,INDEX(Jesper!$R$2:$R$366,ROW(INDEX(Jesper!AI$2:AI$366,ROUNDDOWN($C1132/24,0)+1,1))-1)+IF('Standard Profiles'!$G$19=$B$10,7,0)+IF('Standard Profiles'!$G$19=$B$17,14,0)+IF('Standard Profiles'!$G$19=$B$24,21,0),0)),0)</f>
        <v>0</v>
      </c>
      <c r="F1132" cm="1">
        <f t="array" ref="F1132">IFERROR(INDEX(Jesper!AJ$2:AJ$366,ROUNDDOWN($C1132/24,0)+1,1)*INDEX($D$3:$AA$30,INDEX(Jesper!$R$2:$R$366,ROW(INDEX(Jesper!AJ$2:AJ$366,ROUNDDOWN($C1132/24,0)+1,1))-1)+IF('Standard Profiles'!$G$20=$B$10,7,0)+IF('Standard Profiles'!$G$20=$B$17,14,0)+IF('Standard Profiles'!$G$20=$B$24,21,0),MOD($C1132,24)+1)/SUM(INDEX($D$3:$AA$30,INDEX(Jesper!$R$2:$R$366,ROW(INDEX(Jesper!AJ$2:AJ$366,ROUNDDOWN($C1132/24,0)+1,1))-1)+IF('Standard Profiles'!$G$20=$B$10,7,0)+IF('Standard Profiles'!$G$20=$B$17,14,0)+IF('Standard Profiles'!$G$20=$B$24,21,0),0)),0)</f>
        <v>0</v>
      </c>
      <c r="G1132" cm="1">
        <f t="array" ref="G1132">IFERROR(INDEX(Jesper!AK$2:AK$366,ROUNDDOWN($C1132/24,0)+1,1)*INDEX($D$3:$AA$30,INDEX(Jesper!$R$2:$R$366,ROW(INDEX(Jesper!AK$2:AK$366,ROUNDDOWN($C1132/24,0)+1,1))-1)+IF('Standard Profiles'!$G$21=$B$10,7,0)+IF('Standard Profiles'!$G$21=$B$17,14,0)+IF('Standard Profiles'!$G$21=$B$24,21,0),MOD($C1132,24)+1)/SUM(INDEX($D$3:$AA$30,INDEX(Jesper!$R$2:$R$366,ROW(INDEX(Jesper!AK$2:AK$366,ROUNDDOWN($C1132/24,0)+1,1))-1)+IF('Standard Profiles'!$G$21=$B$10,7,0)+IF('Standard Profiles'!$G$21=$B$17,14,0)+IF('Standard Profiles'!$G$21=$B$24,21,0),0)),0)</f>
        <v>0</v>
      </c>
      <c r="H1132" cm="1">
        <f t="array" ref="H1132">IFERROR(INDEX(Jesper!AL$2:AL$366,ROUNDDOWN($C1132/24,0)+1,1)*INDEX($D$3:$AA$30,INDEX(Jesper!$R$2:$R$366,ROW(INDEX(Jesper!AL$2:AL$366,ROUNDDOWN($C1132/24,0)+1,1))-1)+IF('Standard Profiles'!$G$22=$B$10,7,0)+IF('Standard Profiles'!$G$22=$B$17,14,0)+IF('Standard Profiles'!$G$22=$B$24,21,0),MOD($C1132,24)+1)/SUM(INDEX($D$3:$AA$30,INDEX(Jesper!$R$2:$R$366,ROW(INDEX(Jesper!AL$2:AL$366,ROUNDDOWN($C1132/24,0)+1,1))-1)+IF('Standard Profiles'!$G$22=$B$10,7,0)+IF('Standard Profiles'!$G$22=$B$17,14,0)+IF('Standard Profiles'!$G$22=$B$24,21,0),0)),0)</f>
        <v>0</v>
      </c>
      <c r="I1132">
        <f t="shared" si="139"/>
        <v>0.46844872783735425</v>
      </c>
      <c r="J1132">
        <f t="shared" si="140"/>
        <v>1.5614957594578476</v>
      </c>
      <c r="K1132">
        <f t="shared" si="141"/>
        <v>2.3422436391867714</v>
      </c>
      <c r="L1132">
        <f t="shared" si="142"/>
        <v>11.242769468096503</v>
      </c>
      <c r="M1132">
        <f t="shared" si="143"/>
        <v>0</v>
      </c>
      <c r="N1132" s="46">
        <f t="shared" si="144"/>
        <v>45337.749999997337</v>
      </c>
    </row>
    <row r="1133" spans="2:14" x14ac:dyDescent="0.3">
      <c r="B1133">
        <f t="shared" si="138"/>
        <v>4</v>
      </c>
      <c r="C1133" s="16">
        <v>1099</v>
      </c>
      <c r="D1133" cm="1">
        <f t="array" ref="D1133">IFERROR(INDEX(Jesper!AH$2:AH$366,ROUNDDOWN($C1133/24,0)+1,1)*INDEX($D$3:$AA$30,INDEX(Jesper!$R$2:$R$366,ROW(INDEX(Jesper!AH$2:AH$366,ROUNDDOWN($C1133/24,0)+1,1))-1)+IF('Standard Profiles'!$G$18=$B$10,7,0)+IF('Standard Profiles'!$G$18=$B$17,14,0)+IF('Standard Profiles'!$G$18=$B$24,21,0),MOD($C1133,24)+1)/SUM(INDEX($D$3:$AA$30,INDEX(Jesper!$R$2:$R$366,ROW(INDEX(Jesper!AH$2:AH$366,ROUNDDOWN($C1133/24,0)+1,1))-1)+IF('Standard Profiles'!$G$18=$B$10,7,0)+IF('Standard Profiles'!$G$18=$B$17,14,0)+IF('Standard Profiles'!$G$18=$B$24,21,0),0)),0)</f>
        <v>13.01246466214873</v>
      </c>
      <c r="E1133" cm="1">
        <f t="array" ref="E1133">IFERROR(INDEX(Jesper!AI$2:AI$366,ROUNDDOWN($C1133/24,0)+1,1)*INDEX($D$3:$AA$30,INDEX(Jesper!$R$2:$R$366,ROW(INDEX(Jesper!AI$2:AI$366,ROUNDDOWN($C1133/24,0)+1,1))-1)+IF('Standard Profiles'!$G$19=$B$10,7,0)+IF('Standard Profiles'!$G$19=$B$17,14,0)+IF('Standard Profiles'!$G$19=$B$24,21,0),MOD($C1133,24)+1)/SUM(INDEX($D$3:$AA$30,INDEX(Jesper!$R$2:$R$366,ROW(INDEX(Jesper!AI$2:AI$366,ROUNDDOWN($C1133/24,0)+1,1))-1)+IF('Standard Profiles'!$G$19=$B$10,7,0)+IF('Standard Profiles'!$G$19=$B$17,14,0)+IF('Standard Profiles'!$G$19=$B$24,21,0),0)),0)</f>
        <v>0</v>
      </c>
      <c r="F1133" cm="1">
        <f t="array" ref="F1133">IFERROR(INDEX(Jesper!AJ$2:AJ$366,ROUNDDOWN($C1133/24,0)+1,1)*INDEX($D$3:$AA$30,INDEX(Jesper!$R$2:$R$366,ROW(INDEX(Jesper!AJ$2:AJ$366,ROUNDDOWN($C1133/24,0)+1,1))-1)+IF('Standard Profiles'!$G$20=$B$10,7,0)+IF('Standard Profiles'!$G$20=$B$17,14,0)+IF('Standard Profiles'!$G$20=$B$24,21,0),MOD($C1133,24)+1)/SUM(INDEX($D$3:$AA$30,INDEX(Jesper!$R$2:$R$366,ROW(INDEX(Jesper!AJ$2:AJ$366,ROUNDDOWN($C1133/24,0)+1,1))-1)+IF('Standard Profiles'!$G$20=$B$10,7,0)+IF('Standard Profiles'!$G$20=$B$17,14,0)+IF('Standard Profiles'!$G$20=$B$24,21,0),0)),0)</f>
        <v>0</v>
      </c>
      <c r="G1133" cm="1">
        <f t="array" ref="G1133">IFERROR(INDEX(Jesper!AK$2:AK$366,ROUNDDOWN($C1133/24,0)+1,1)*INDEX($D$3:$AA$30,INDEX(Jesper!$R$2:$R$366,ROW(INDEX(Jesper!AK$2:AK$366,ROUNDDOWN($C1133/24,0)+1,1))-1)+IF('Standard Profiles'!$G$21=$B$10,7,0)+IF('Standard Profiles'!$G$21=$B$17,14,0)+IF('Standard Profiles'!$G$21=$B$24,21,0),MOD($C1133,24)+1)/SUM(INDEX($D$3:$AA$30,INDEX(Jesper!$R$2:$R$366,ROW(INDEX(Jesper!AK$2:AK$366,ROUNDDOWN($C1133/24,0)+1,1))-1)+IF('Standard Profiles'!$G$21=$B$10,7,0)+IF('Standard Profiles'!$G$21=$B$17,14,0)+IF('Standard Profiles'!$G$21=$B$24,21,0),0)),0)</f>
        <v>0</v>
      </c>
      <c r="H1133" cm="1">
        <f t="array" ref="H1133">IFERROR(INDEX(Jesper!AL$2:AL$366,ROUNDDOWN($C1133/24,0)+1,1)*INDEX($D$3:$AA$30,INDEX(Jesper!$R$2:$R$366,ROW(INDEX(Jesper!AL$2:AL$366,ROUNDDOWN($C1133/24,0)+1,1))-1)+IF('Standard Profiles'!$G$22=$B$10,7,0)+IF('Standard Profiles'!$G$22=$B$17,14,0)+IF('Standard Profiles'!$G$22=$B$24,21,0),MOD($C1133,24)+1)/SUM(INDEX($D$3:$AA$30,INDEX(Jesper!$R$2:$R$366,ROW(INDEX(Jesper!AL$2:AL$366,ROUNDDOWN($C1133/24,0)+1,1))-1)+IF('Standard Profiles'!$G$22=$B$10,7,0)+IF('Standard Profiles'!$G$22=$B$17,14,0)+IF('Standard Profiles'!$G$22=$B$24,21,0),0)),0)</f>
        <v>0</v>
      </c>
      <c r="I1133">
        <f t="shared" si="139"/>
        <v>0.39037393986446189</v>
      </c>
      <c r="J1133">
        <f t="shared" si="140"/>
        <v>1.3012464662148731</v>
      </c>
      <c r="K1133">
        <f t="shared" si="141"/>
        <v>1.9518696993223095</v>
      </c>
      <c r="L1133">
        <f t="shared" si="142"/>
        <v>9.3689745567470855</v>
      </c>
      <c r="M1133">
        <f t="shared" si="143"/>
        <v>0</v>
      </c>
      <c r="N1133" s="46">
        <f t="shared" si="144"/>
        <v>45337.791666664001</v>
      </c>
    </row>
    <row r="1134" spans="2:14" x14ac:dyDescent="0.3">
      <c r="B1134">
        <f t="shared" si="138"/>
        <v>4</v>
      </c>
      <c r="C1134" s="16">
        <v>1100</v>
      </c>
      <c r="D1134" cm="1">
        <f t="array" ref="D1134">IFERROR(INDEX(Jesper!AH$2:AH$366,ROUNDDOWN($C1134/24,0)+1,1)*INDEX($D$3:$AA$30,INDEX(Jesper!$R$2:$R$366,ROW(INDEX(Jesper!AH$2:AH$366,ROUNDDOWN($C1134/24,0)+1,1))-1)+IF('Standard Profiles'!$G$18=$B$10,7,0)+IF('Standard Profiles'!$G$18=$B$17,14,0)+IF('Standard Profiles'!$G$18=$B$24,21,0),MOD($C1134,24)+1)/SUM(INDEX($D$3:$AA$30,INDEX(Jesper!$R$2:$R$366,ROW(INDEX(Jesper!AH$2:AH$366,ROUNDDOWN($C1134/24,0)+1,1))-1)+IF('Standard Profiles'!$G$18=$B$10,7,0)+IF('Standard Profiles'!$G$18=$B$17,14,0)+IF('Standard Profiles'!$G$18=$B$24,21,0),0)),0)</f>
        <v>10.409971729718984</v>
      </c>
      <c r="E1134" cm="1">
        <f t="array" ref="E1134">IFERROR(INDEX(Jesper!AI$2:AI$366,ROUNDDOWN($C1134/24,0)+1,1)*INDEX($D$3:$AA$30,INDEX(Jesper!$R$2:$R$366,ROW(INDEX(Jesper!AI$2:AI$366,ROUNDDOWN($C1134/24,0)+1,1))-1)+IF('Standard Profiles'!$G$19=$B$10,7,0)+IF('Standard Profiles'!$G$19=$B$17,14,0)+IF('Standard Profiles'!$G$19=$B$24,21,0),MOD($C1134,24)+1)/SUM(INDEX($D$3:$AA$30,INDEX(Jesper!$R$2:$R$366,ROW(INDEX(Jesper!AI$2:AI$366,ROUNDDOWN($C1134/24,0)+1,1))-1)+IF('Standard Profiles'!$G$19=$B$10,7,0)+IF('Standard Profiles'!$G$19=$B$17,14,0)+IF('Standard Profiles'!$G$19=$B$24,21,0),0)),0)</f>
        <v>0</v>
      </c>
      <c r="F1134" cm="1">
        <f t="array" ref="F1134">IFERROR(INDEX(Jesper!AJ$2:AJ$366,ROUNDDOWN($C1134/24,0)+1,1)*INDEX($D$3:$AA$30,INDEX(Jesper!$R$2:$R$366,ROW(INDEX(Jesper!AJ$2:AJ$366,ROUNDDOWN($C1134/24,0)+1,1))-1)+IF('Standard Profiles'!$G$20=$B$10,7,0)+IF('Standard Profiles'!$G$20=$B$17,14,0)+IF('Standard Profiles'!$G$20=$B$24,21,0),MOD($C1134,24)+1)/SUM(INDEX($D$3:$AA$30,INDEX(Jesper!$R$2:$R$366,ROW(INDEX(Jesper!AJ$2:AJ$366,ROUNDDOWN($C1134/24,0)+1,1))-1)+IF('Standard Profiles'!$G$20=$B$10,7,0)+IF('Standard Profiles'!$G$20=$B$17,14,0)+IF('Standard Profiles'!$G$20=$B$24,21,0),0)),0)</f>
        <v>0</v>
      </c>
      <c r="G1134" cm="1">
        <f t="array" ref="G1134">IFERROR(INDEX(Jesper!AK$2:AK$366,ROUNDDOWN($C1134/24,0)+1,1)*INDEX($D$3:$AA$30,INDEX(Jesper!$R$2:$R$366,ROW(INDEX(Jesper!AK$2:AK$366,ROUNDDOWN($C1134/24,0)+1,1))-1)+IF('Standard Profiles'!$G$21=$B$10,7,0)+IF('Standard Profiles'!$G$21=$B$17,14,0)+IF('Standard Profiles'!$G$21=$B$24,21,0),MOD($C1134,24)+1)/SUM(INDEX($D$3:$AA$30,INDEX(Jesper!$R$2:$R$366,ROW(INDEX(Jesper!AK$2:AK$366,ROUNDDOWN($C1134/24,0)+1,1))-1)+IF('Standard Profiles'!$G$21=$B$10,7,0)+IF('Standard Profiles'!$G$21=$B$17,14,0)+IF('Standard Profiles'!$G$21=$B$24,21,0),0)),0)</f>
        <v>0</v>
      </c>
      <c r="H1134" cm="1">
        <f t="array" ref="H1134">IFERROR(INDEX(Jesper!AL$2:AL$366,ROUNDDOWN($C1134/24,0)+1,1)*INDEX($D$3:$AA$30,INDEX(Jesper!$R$2:$R$366,ROW(INDEX(Jesper!AL$2:AL$366,ROUNDDOWN($C1134/24,0)+1,1))-1)+IF('Standard Profiles'!$G$22=$B$10,7,0)+IF('Standard Profiles'!$G$22=$B$17,14,0)+IF('Standard Profiles'!$G$22=$B$24,21,0),MOD($C1134,24)+1)/SUM(INDEX($D$3:$AA$30,INDEX(Jesper!$R$2:$R$366,ROW(INDEX(Jesper!AL$2:AL$366,ROUNDDOWN($C1134/24,0)+1,1))-1)+IF('Standard Profiles'!$G$22=$B$10,7,0)+IF('Standard Profiles'!$G$22=$B$17,14,0)+IF('Standard Profiles'!$G$22=$B$24,21,0),0)),0)</f>
        <v>0</v>
      </c>
      <c r="I1134">
        <f t="shared" si="139"/>
        <v>0.31229915189156954</v>
      </c>
      <c r="J1134">
        <f t="shared" si="140"/>
        <v>1.0409971729718985</v>
      </c>
      <c r="K1134">
        <f t="shared" si="141"/>
        <v>1.5614957594578476</v>
      </c>
      <c r="L1134">
        <f t="shared" si="142"/>
        <v>7.4951796453976689</v>
      </c>
      <c r="M1134">
        <f t="shared" si="143"/>
        <v>0</v>
      </c>
      <c r="N1134" s="46">
        <f t="shared" si="144"/>
        <v>45337.833333330665</v>
      </c>
    </row>
    <row r="1135" spans="2:14" x14ac:dyDescent="0.3">
      <c r="B1135">
        <f t="shared" si="138"/>
        <v>4</v>
      </c>
      <c r="C1135" s="16">
        <v>1101</v>
      </c>
      <c r="D1135" cm="1">
        <f t="array" ref="D1135">IFERROR(INDEX(Jesper!AH$2:AH$366,ROUNDDOWN($C1135/24,0)+1,1)*INDEX($D$3:$AA$30,INDEX(Jesper!$R$2:$R$366,ROW(INDEX(Jesper!AH$2:AH$366,ROUNDDOWN($C1135/24,0)+1,1))-1)+IF('Standard Profiles'!$G$18=$B$10,7,0)+IF('Standard Profiles'!$G$18=$B$17,14,0)+IF('Standard Profiles'!$G$18=$B$24,21,0),MOD($C1135,24)+1)/SUM(INDEX($D$3:$AA$30,INDEX(Jesper!$R$2:$R$366,ROW(INDEX(Jesper!AH$2:AH$366,ROUNDDOWN($C1135/24,0)+1,1))-1)+IF('Standard Profiles'!$G$18=$B$10,7,0)+IF('Standard Profiles'!$G$18=$B$17,14,0)+IF('Standard Profiles'!$G$18=$B$24,21,0),0)),0)</f>
        <v>7.8074787972892379</v>
      </c>
      <c r="E1135" cm="1">
        <f t="array" ref="E1135">IFERROR(INDEX(Jesper!AI$2:AI$366,ROUNDDOWN($C1135/24,0)+1,1)*INDEX($D$3:$AA$30,INDEX(Jesper!$R$2:$R$366,ROW(INDEX(Jesper!AI$2:AI$366,ROUNDDOWN($C1135/24,0)+1,1))-1)+IF('Standard Profiles'!$G$19=$B$10,7,0)+IF('Standard Profiles'!$G$19=$B$17,14,0)+IF('Standard Profiles'!$G$19=$B$24,21,0),MOD($C1135,24)+1)/SUM(INDEX($D$3:$AA$30,INDEX(Jesper!$R$2:$R$366,ROW(INDEX(Jesper!AI$2:AI$366,ROUNDDOWN($C1135/24,0)+1,1))-1)+IF('Standard Profiles'!$G$19=$B$10,7,0)+IF('Standard Profiles'!$G$19=$B$17,14,0)+IF('Standard Profiles'!$G$19=$B$24,21,0),0)),0)</f>
        <v>0</v>
      </c>
      <c r="F1135" cm="1">
        <f t="array" ref="F1135">IFERROR(INDEX(Jesper!AJ$2:AJ$366,ROUNDDOWN($C1135/24,0)+1,1)*INDEX($D$3:$AA$30,INDEX(Jesper!$R$2:$R$366,ROW(INDEX(Jesper!AJ$2:AJ$366,ROUNDDOWN($C1135/24,0)+1,1))-1)+IF('Standard Profiles'!$G$20=$B$10,7,0)+IF('Standard Profiles'!$G$20=$B$17,14,0)+IF('Standard Profiles'!$G$20=$B$24,21,0),MOD($C1135,24)+1)/SUM(INDEX($D$3:$AA$30,INDEX(Jesper!$R$2:$R$366,ROW(INDEX(Jesper!AJ$2:AJ$366,ROUNDDOWN($C1135/24,0)+1,1))-1)+IF('Standard Profiles'!$G$20=$B$10,7,0)+IF('Standard Profiles'!$G$20=$B$17,14,0)+IF('Standard Profiles'!$G$20=$B$24,21,0),0)),0)</f>
        <v>0</v>
      </c>
      <c r="G1135" cm="1">
        <f t="array" ref="G1135">IFERROR(INDEX(Jesper!AK$2:AK$366,ROUNDDOWN($C1135/24,0)+1,1)*INDEX($D$3:$AA$30,INDEX(Jesper!$R$2:$R$366,ROW(INDEX(Jesper!AK$2:AK$366,ROUNDDOWN($C1135/24,0)+1,1))-1)+IF('Standard Profiles'!$G$21=$B$10,7,0)+IF('Standard Profiles'!$G$21=$B$17,14,0)+IF('Standard Profiles'!$G$21=$B$24,21,0),MOD($C1135,24)+1)/SUM(INDEX($D$3:$AA$30,INDEX(Jesper!$R$2:$R$366,ROW(INDEX(Jesper!AK$2:AK$366,ROUNDDOWN($C1135/24,0)+1,1))-1)+IF('Standard Profiles'!$G$21=$B$10,7,0)+IF('Standard Profiles'!$G$21=$B$17,14,0)+IF('Standard Profiles'!$G$21=$B$24,21,0),0)),0)</f>
        <v>0</v>
      </c>
      <c r="H1135" cm="1">
        <f t="array" ref="H1135">IFERROR(INDEX(Jesper!AL$2:AL$366,ROUNDDOWN($C1135/24,0)+1,1)*INDEX($D$3:$AA$30,INDEX(Jesper!$R$2:$R$366,ROW(INDEX(Jesper!AL$2:AL$366,ROUNDDOWN($C1135/24,0)+1,1))-1)+IF('Standard Profiles'!$G$22=$B$10,7,0)+IF('Standard Profiles'!$G$22=$B$17,14,0)+IF('Standard Profiles'!$G$22=$B$24,21,0),MOD($C1135,24)+1)/SUM(INDEX($D$3:$AA$30,INDEX(Jesper!$R$2:$R$366,ROW(INDEX(Jesper!AL$2:AL$366,ROUNDDOWN($C1135/24,0)+1,1))-1)+IF('Standard Profiles'!$G$22=$B$10,7,0)+IF('Standard Profiles'!$G$22=$B$17,14,0)+IF('Standard Profiles'!$G$22=$B$24,21,0),0)),0)</f>
        <v>0</v>
      </c>
      <c r="I1135">
        <f t="shared" si="139"/>
        <v>0.23422436391867713</v>
      </c>
      <c r="J1135">
        <f t="shared" si="140"/>
        <v>0.78074787972892379</v>
      </c>
      <c r="K1135">
        <f t="shared" si="141"/>
        <v>1.1711218195933857</v>
      </c>
      <c r="L1135">
        <f t="shared" si="142"/>
        <v>5.6213847340482515</v>
      </c>
      <c r="M1135">
        <f t="shared" si="143"/>
        <v>0</v>
      </c>
      <c r="N1135" s="46">
        <f t="shared" si="144"/>
        <v>45337.87499999733</v>
      </c>
    </row>
    <row r="1136" spans="2:14" x14ac:dyDescent="0.3">
      <c r="B1136">
        <f t="shared" si="138"/>
        <v>4</v>
      </c>
      <c r="C1136" s="16">
        <v>1102</v>
      </c>
      <c r="D1136" cm="1">
        <f t="array" ref="D1136">IFERROR(INDEX(Jesper!AH$2:AH$366,ROUNDDOWN($C1136/24,0)+1,1)*INDEX($D$3:$AA$30,INDEX(Jesper!$R$2:$R$366,ROW(INDEX(Jesper!AH$2:AH$366,ROUNDDOWN($C1136/24,0)+1,1))-1)+IF('Standard Profiles'!$G$18=$B$10,7,0)+IF('Standard Profiles'!$G$18=$B$17,14,0)+IF('Standard Profiles'!$G$18=$B$24,21,0),MOD($C1136,24)+1)/SUM(INDEX($D$3:$AA$30,INDEX(Jesper!$R$2:$R$366,ROW(INDEX(Jesper!AH$2:AH$366,ROUNDDOWN($C1136/24,0)+1,1))-1)+IF('Standard Profiles'!$G$18=$B$10,7,0)+IF('Standard Profiles'!$G$18=$B$17,14,0)+IF('Standard Profiles'!$G$18=$B$24,21,0),0)),0)</f>
        <v>7.8074787972892379</v>
      </c>
      <c r="E1136" cm="1">
        <f t="array" ref="E1136">IFERROR(INDEX(Jesper!AI$2:AI$366,ROUNDDOWN($C1136/24,0)+1,1)*INDEX($D$3:$AA$30,INDEX(Jesper!$R$2:$R$366,ROW(INDEX(Jesper!AI$2:AI$366,ROUNDDOWN($C1136/24,0)+1,1))-1)+IF('Standard Profiles'!$G$19=$B$10,7,0)+IF('Standard Profiles'!$G$19=$B$17,14,0)+IF('Standard Profiles'!$G$19=$B$24,21,0),MOD($C1136,24)+1)/SUM(INDEX($D$3:$AA$30,INDEX(Jesper!$R$2:$R$366,ROW(INDEX(Jesper!AI$2:AI$366,ROUNDDOWN($C1136/24,0)+1,1))-1)+IF('Standard Profiles'!$G$19=$B$10,7,0)+IF('Standard Profiles'!$G$19=$B$17,14,0)+IF('Standard Profiles'!$G$19=$B$24,21,0),0)),0)</f>
        <v>0</v>
      </c>
      <c r="F1136" cm="1">
        <f t="array" ref="F1136">IFERROR(INDEX(Jesper!AJ$2:AJ$366,ROUNDDOWN($C1136/24,0)+1,1)*INDEX($D$3:$AA$30,INDEX(Jesper!$R$2:$R$366,ROW(INDEX(Jesper!AJ$2:AJ$366,ROUNDDOWN($C1136/24,0)+1,1))-1)+IF('Standard Profiles'!$G$20=$B$10,7,0)+IF('Standard Profiles'!$G$20=$B$17,14,0)+IF('Standard Profiles'!$G$20=$B$24,21,0),MOD($C1136,24)+1)/SUM(INDEX($D$3:$AA$30,INDEX(Jesper!$R$2:$R$366,ROW(INDEX(Jesper!AJ$2:AJ$366,ROUNDDOWN($C1136/24,0)+1,1))-1)+IF('Standard Profiles'!$G$20=$B$10,7,0)+IF('Standard Profiles'!$G$20=$B$17,14,0)+IF('Standard Profiles'!$G$20=$B$24,21,0),0)),0)</f>
        <v>0</v>
      </c>
      <c r="G1136" cm="1">
        <f t="array" ref="G1136">IFERROR(INDEX(Jesper!AK$2:AK$366,ROUNDDOWN($C1136/24,0)+1,1)*INDEX($D$3:$AA$30,INDEX(Jesper!$R$2:$R$366,ROW(INDEX(Jesper!AK$2:AK$366,ROUNDDOWN($C1136/24,0)+1,1))-1)+IF('Standard Profiles'!$G$21=$B$10,7,0)+IF('Standard Profiles'!$G$21=$B$17,14,0)+IF('Standard Profiles'!$G$21=$B$24,21,0),MOD($C1136,24)+1)/SUM(INDEX($D$3:$AA$30,INDEX(Jesper!$R$2:$R$366,ROW(INDEX(Jesper!AK$2:AK$366,ROUNDDOWN($C1136/24,0)+1,1))-1)+IF('Standard Profiles'!$G$21=$B$10,7,0)+IF('Standard Profiles'!$G$21=$B$17,14,0)+IF('Standard Profiles'!$G$21=$B$24,21,0),0)),0)</f>
        <v>0</v>
      </c>
      <c r="H1136" cm="1">
        <f t="array" ref="H1136">IFERROR(INDEX(Jesper!AL$2:AL$366,ROUNDDOWN($C1136/24,0)+1,1)*INDEX($D$3:$AA$30,INDEX(Jesper!$R$2:$R$366,ROW(INDEX(Jesper!AL$2:AL$366,ROUNDDOWN($C1136/24,0)+1,1))-1)+IF('Standard Profiles'!$G$22=$B$10,7,0)+IF('Standard Profiles'!$G$22=$B$17,14,0)+IF('Standard Profiles'!$G$22=$B$24,21,0),MOD($C1136,24)+1)/SUM(INDEX($D$3:$AA$30,INDEX(Jesper!$R$2:$R$366,ROW(INDEX(Jesper!AL$2:AL$366,ROUNDDOWN($C1136/24,0)+1,1))-1)+IF('Standard Profiles'!$G$22=$B$10,7,0)+IF('Standard Profiles'!$G$22=$B$17,14,0)+IF('Standard Profiles'!$G$22=$B$24,21,0),0)),0)</f>
        <v>0</v>
      </c>
      <c r="I1136">
        <f t="shared" si="139"/>
        <v>0.23422436391867713</v>
      </c>
      <c r="J1136">
        <f t="shared" si="140"/>
        <v>0.78074787972892379</v>
      </c>
      <c r="K1136">
        <f t="shared" si="141"/>
        <v>1.1711218195933857</v>
      </c>
      <c r="L1136">
        <f t="shared" si="142"/>
        <v>5.6213847340482515</v>
      </c>
      <c r="M1136">
        <f t="shared" si="143"/>
        <v>0</v>
      </c>
      <c r="N1136" s="46">
        <f t="shared" si="144"/>
        <v>45337.916666663994</v>
      </c>
    </row>
    <row r="1137" spans="2:14" x14ac:dyDescent="0.3">
      <c r="B1137">
        <f t="shared" si="138"/>
        <v>4</v>
      </c>
      <c r="C1137" s="16">
        <v>1103</v>
      </c>
      <c r="D1137" cm="1">
        <f t="array" ref="D1137">IFERROR(INDEX(Jesper!AH$2:AH$366,ROUNDDOWN($C1137/24,0)+1,1)*INDEX($D$3:$AA$30,INDEX(Jesper!$R$2:$R$366,ROW(INDEX(Jesper!AH$2:AH$366,ROUNDDOWN($C1137/24,0)+1,1))-1)+IF('Standard Profiles'!$G$18=$B$10,7,0)+IF('Standard Profiles'!$G$18=$B$17,14,0)+IF('Standard Profiles'!$G$18=$B$24,21,0),MOD($C1137,24)+1)/SUM(INDEX($D$3:$AA$30,INDEX(Jesper!$R$2:$R$366,ROW(INDEX(Jesper!AH$2:AH$366,ROUNDDOWN($C1137/24,0)+1,1))-1)+IF('Standard Profiles'!$G$18=$B$10,7,0)+IF('Standard Profiles'!$G$18=$B$17,14,0)+IF('Standard Profiles'!$G$18=$B$24,21,0),0)),0)</f>
        <v>7.8074787972892379</v>
      </c>
      <c r="E1137" cm="1">
        <f t="array" ref="E1137">IFERROR(INDEX(Jesper!AI$2:AI$366,ROUNDDOWN($C1137/24,0)+1,1)*INDEX($D$3:$AA$30,INDEX(Jesper!$R$2:$R$366,ROW(INDEX(Jesper!AI$2:AI$366,ROUNDDOWN($C1137/24,0)+1,1))-1)+IF('Standard Profiles'!$G$19=$B$10,7,0)+IF('Standard Profiles'!$G$19=$B$17,14,0)+IF('Standard Profiles'!$G$19=$B$24,21,0),MOD($C1137,24)+1)/SUM(INDEX($D$3:$AA$30,INDEX(Jesper!$R$2:$R$366,ROW(INDEX(Jesper!AI$2:AI$366,ROUNDDOWN($C1137/24,0)+1,1))-1)+IF('Standard Profiles'!$G$19=$B$10,7,0)+IF('Standard Profiles'!$G$19=$B$17,14,0)+IF('Standard Profiles'!$G$19=$B$24,21,0),0)),0)</f>
        <v>0</v>
      </c>
      <c r="F1137" cm="1">
        <f t="array" ref="F1137">IFERROR(INDEX(Jesper!AJ$2:AJ$366,ROUNDDOWN($C1137/24,0)+1,1)*INDEX($D$3:$AA$30,INDEX(Jesper!$R$2:$R$366,ROW(INDEX(Jesper!AJ$2:AJ$366,ROUNDDOWN($C1137/24,0)+1,1))-1)+IF('Standard Profiles'!$G$20=$B$10,7,0)+IF('Standard Profiles'!$G$20=$B$17,14,0)+IF('Standard Profiles'!$G$20=$B$24,21,0),MOD($C1137,24)+1)/SUM(INDEX($D$3:$AA$30,INDEX(Jesper!$R$2:$R$366,ROW(INDEX(Jesper!AJ$2:AJ$366,ROUNDDOWN($C1137/24,0)+1,1))-1)+IF('Standard Profiles'!$G$20=$B$10,7,0)+IF('Standard Profiles'!$G$20=$B$17,14,0)+IF('Standard Profiles'!$G$20=$B$24,21,0),0)),0)</f>
        <v>0</v>
      </c>
      <c r="G1137" cm="1">
        <f t="array" ref="G1137">IFERROR(INDEX(Jesper!AK$2:AK$366,ROUNDDOWN($C1137/24,0)+1,1)*INDEX($D$3:$AA$30,INDEX(Jesper!$R$2:$R$366,ROW(INDEX(Jesper!AK$2:AK$366,ROUNDDOWN($C1137/24,0)+1,1))-1)+IF('Standard Profiles'!$G$21=$B$10,7,0)+IF('Standard Profiles'!$G$21=$B$17,14,0)+IF('Standard Profiles'!$G$21=$B$24,21,0),MOD($C1137,24)+1)/SUM(INDEX($D$3:$AA$30,INDEX(Jesper!$R$2:$R$366,ROW(INDEX(Jesper!AK$2:AK$366,ROUNDDOWN($C1137/24,0)+1,1))-1)+IF('Standard Profiles'!$G$21=$B$10,7,0)+IF('Standard Profiles'!$G$21=$B$17,14,0)+IF('Standard Profiles'!$G$21=$B$24,21,0),0)),0)</f>
        <v>0</v>
      </c>
      <c r="H1137" cm="1">
        <f t="array" ref="H1137">IFERROR(INDEX(Jesper!AL$2:AL$366,ROUNDDOWN($C1137/24,0)+1,1)*INDEX($D$3:$AA$30,INDEX(Jesper!$R$2:$R$366,ROW(INDEX(Jesper!AL$2:AL$366,ROUNDDOWN($C1137/24,0)+1,1))-1)+IF('Standard Profiles'!$G$22=$B$10,7,0)+IF('Standard Profiles'!$G$22=$B$17,14,0)+IF('Standard Profiles'!$G$22=$B$24,21,0),MOD($C1137,24)+1)/SUM(INDEX($D$3:$AA$30,INDEX(Jesper!$R$2:$R$366,ROW(INDEX(Jesper!AL$2:AL$366,ROUNDDOWN($C1137/24,0)+1,1))-1)+IF('Standard Profiles'!$G$22=$B$10,7,0)+IF('Standard Profiles'!$G$22=$B$17,14,0)+IF('Standard Profiles'!$G$22=$B$24,21,0),0)),0)</f>
        <v>0</v>
      </c>
      <c r="I1137">
        <f t="shared" si="139"/>
        <v>0.23422436391867713</v>
      </c>
      <c r="J1137">
        <f t="shared" si="140"/>
        <v>0.78074787972892379</v>
      </c>
      <c r="K1137">
        <f t="shared" si="141"/>
        <v>1.1711218195933857</v>
      </c>
      <c r="L1137">
        <f t="shared" si="142"/>
        <v>5.6213847340482515</v>
      </c>
      <c r="M1137">
        <f t="shared" si="143"/>
        <v>0</v>
      </c>
      <c r="N1137" s="46">
        <f t="shared" si="144"/>
        <v>45337.958333330658</v>
      </c>
    </row>
    <row r="1138" spans="2:14" x14ac:dyDescent="0.3">
      <c r="B1138">
        <f t="shared" si="138"/>
        <v>5</v>
      </c>
      <c r="C1138" s="16">
        <v>1104</v>
      </c>
      <c r="D1138" cm="1">
        <f t="array" ref="D1138">IFERROR(INDEX(Jesper!AH$2:AH$366,ROUNDDOWN($C1138/24,0)+1,1)*INDEX($D$3:$AA$30,INDEX(Jesper!$R$2:$R$366,ROW(INDEX(Jesper!AH$2:AH$366,ROUNDDOWN($C1138/24,0)+1,1))-1)+IF('Standard Profiles'!$G$18=$B$10,7,0)+IF('Standard Profiles'!$G$18=$B$17,14,0)+IF('Standard Profiles'!$G$18=$B$24,21,0),MOD($C1138,24)+1)/SUM(INDEX($D$3:$AA$30,INDEX(Jesper!$R$2:$R$366,ROW(INDEX(Jesper!AH$2:AH$366,ROUNDDOWN($C1138/24,0)+1,1))-1)+IF('Standard Profiles'!$G$18=$B$10,7,0)+IF('Standard Profiles'!$G$18=$B$17,14,0)+IF('Standard Profiles'!$G$18=$B$24,21,0),0)),0)</f>
        <v>8.1891016021666712</v>
      </c>
      <c r="E1138" cm="1">
        <f t="array" ref="E1138">IFERROR(INDEX(Jesper!AI$2:AI$366,ROUNDDOWN($C1138/24,0)+1,1)*INDEX($D$3:$AA$30,INDEX(Jesper!$R$2:$R$366,ROW(INDEX(Jesper!AI$2:AI$366,ROUNDDOWN($C1138/24,0)+1,1))-1)+IF('Standard Profiles'!$G$19=$B$10,7,0)+IF('Standard Profiles'!$G$19=$B$17,14,0)+IF('Standard Profiles'!$G$19=$B$24,21,0),MOD($C1138,24)+1)/SUM(INDEX($D$3:$AA$30,INDEX(Jesper!$R$2:$R$366,ROW(INDEX(Jesper!AI$2:AI$366,ROUNDDOWN($C1138/24,0)+1,1))-1)+IF('Standard Profiles'!$G$19=$B$10,7,0)+IF('Standard Profiles'!$G$19=$B$17,14,0)+IF('Standard Profiles'!$G$19=$B$24,21,0),0)),0)</f>
        <v>0</v>
      </c>
      <c r="F1138" cm="1">
        <f t="array" ref="F1138">IFERROR(INDEX(Jesper!AJ$2:AJ$366,ROUNDDOWN($C1138/24,0)+1,1)*INDEX($D$3:$AA$30,INDEX(Jesper!$R$2:$R$366,ROW(INDEX(Jesper!AJ$2:AJ$366,ROUNDDOWN($C1138/24,0)+1,1))-1)+IF('Standard Profiles'!$G$20=$B$10,7,0)+IF('Standard Profiles'!$G$20=$B$17,14,0)+IF('Standard Profiles'!$G$20=$B$24,21,0),MOD($C1138,24)+1)/SUM(INDEX($D$3:$AA$30,INDEX(Jesper!$R$2:$R$366,ROW(INDEX(Jesper!AJ$2:AJ$366,ROUNDDOWN($C1138/24,0)+1,1))-1)+IF('Standard Profiles'!$G$20=$B$10,7,0)+IF('Standard Profiles'!$G$20=$B$17,14,0)+IF('Standard Profiles'!$G$20=$B$24,21,0),0)),0)</f>
        <v>0</v>
      </c>
      <c r="G1138" cm="1">
        <f t="array" ref="G1138">IFERROR(INDEX(Jesper!AK$2:AK$366,ROUNDDOWN($C1138/24,0)+1,1)*INDEX($D$3:$AA$30,INDEX(Jesper!$R$2:$R$366,ROW(INDEX(Jesper!AK$2:AK$366,ROUNDDOWN($C1138/24,0)+1,1))-1)+IF('Standard Profiles'!$G$21=$B$10,7,0)+IF('Standard Profiles'!$G$21=$B$17,14,0)+IF('Standard Profiles'!$G$21=$B$24,21,0),MOD($C1138,24)+1)/SUM(INDEX($D$3:$AA$30,INDEX(Jesper!$R$2:$R$366,ROW(INDEX(Jesper!AK$2:AK$366,ROUNDDOWN($C1138/24,0)+1,1))-1)+IF('Standard Profiles'!$G$21=$B$10,7,0)+IF('Standard Profiles'!$G$21=$B$17,14,0)+IF('Standard Profiles'!$G$21=$B$24,21,0),0)),0)</f>
        <v>0</v>
      </c>
      <c r="H1138" cm="1">
        <f t="array" ref="H1138">IFERROR(INDEX(Jesper!AL$2:AL$366,ROUNDDOWN($C1138/24,0)+1,1)*INDEX($D$3:$AA$30,INDEX(Jesper!$R$2:$R$366,ROW(INDEX(Jesper!AL$2:AL$366,ROUNDDOWN($C1138/24,0)+1,1))-1)+IF('Standard Profiles'!$G$22=$B$10,7,0)+IF('Standard Profiles'!$G$22=$B$17,14,0)+IF('Standard Profiles'!$G$22=$B$24,21,0),MOD($C1138,24)+1)/SUM(INDEX($D$3:$AA$30,INDEX(Jesper!$R$2:$R$366,ROW(INDEX(Jesper!AL$2:AL$366,ROUNDDOWN($C1138/24,0)+1,1))-1)+IF('Standard Profiles'!$G$22=$B$10,7,0)+IF('Standard Profiles'!$G$22=$B$17,14,0)+IF('Standard Profiles'!$G$22=$B$24,21,0),0)),0)</f>
        <v>0</v>
      </c>
      <c r="I1138">
        <f t="shared" si="139"/>
        <v>0.24567304806500012</v>
      </c>
      <c r="J1138">
        <f t="shared" si="140"/>
        <v>0.81891016021666718</v>
      </c>
      <c r="K1138">
        <f t="shared" si="141"/>
        <v>1.2283652403250007</v>
      </c>
      <c r="L1138">
        <f t="shared" si="142"/>
        <v>5.8961531535600029</v>
      </c>
      <c r="M1138">
        <f t="shared" si="143"/>
        <v>0</v>
      </c>
      <c r="N1138" s="46">
        <f t="shared" si="144"/>
        <v>45337.999999997322</v>
      </c>
    </row>
    <row r="1139" spans="2:14" x14ac:dyDescent="0.3">
      <c r="B1139">
        <f t="shared" si="138"/>
        <v>5</v>
      </c>
      <c r="C1139" s="16">
        <v>1105</v>
      </c>
      <c r="D1139" cm="1">
        <f t="array" ref="D1139">IFERROR(INDEX(Jesper!AH$2:AH$366,ROUNDDOWN($C1139/24,0)+1,1)*INDEX($D$3:$AA$30,INDEX(Jesper!$R$2:$R$366,ROW(INDEX(Jesper!AH$2:AH$366,ROUNDDOWN($C1139/24,0)+1,1))-1)+IF('Standard Profiles'!$G$18=$B$10,7,0)+IF('Standard Profiles'!$G$18=$B$17,14,0)+IF('Standard Profiles'!$G$18=$B$24,21,0),MOD($C1139,24)+1)/SUM(INDEX($D$3:$AA$30,INDEX(Jesper!$R$2:$R$366,ROW(INDEX(Jesper!AH$2:AH$366,ROUNDDOWN($C1139/24,0)+1,1))-1)+IF('Standard Profiles'!$G$18=$B$10,7,0)+IF('Standard Profiles'!$G$18=$B$17,14,0)+IF('Standard Profiles'!$G$18=$B$24,21,0),0)),0)</f>
        <v>8.1891016021666712</v>
      </c>
      <c r="E1139" cm="1">
        <f t="array" ref="E1139">IFERROR(INDEX(Jesper!AI$2:AI$366,ROUNDDOWN($C1139/24,0)+1,1)*INDEX($D$3:$AA$30,INDEX(Jesper!$R$2:$R$366,ROW(INDEX(Jesper!AI$2:AI$366,ROUNDDOWN($C1139/24,0)+1,1))-1)+IF('Standard Profiles'!$G$19=$B$10,7,0)+IF('Standard Profiles'!$G$19=$B$17,14,0)+IF('Standard Profiles'!$G$19=$B$24,21,0),MOD($C1139,24)+1)/SUM(INDEX($D$3:$AA$30,INDEX(Jesper!$R$2:$R$366,ROW(INDEX(Jesper!AI$2:AI$366,ROUNDDOWN($C1139/24,0)+1,1))-1)+IF('Standard Profiles'!$G$19=$B$10,7,0)+IF('Standard Profiles'!$G$19=$B$17,14,0)+IF('Standard Profiles'!$G$19=$B$24,21,0),0)),0)</f>
        <v>0</v>
      </c>
      <c r="F1139" cm="1">
        <f t="array" ref="F1139">IFERROR(INDEX(Jesper!AJ$2:AJ$366,ROUNDDOWN($C1139/24,0)+1,1)*INDEX($D$3:$AA$30,INDEX(Jesper!$R$2:$R$366,ROW(INDEX(Jesper!AJ$2:AJ$366,ROUNDDOWN($C1139/24,0)+1,1))-1)+IF('Standard Profiles'!$G$20=$B$10,7,0)+IF('Standard Profiles'!$G$20=$B$17,14,0)+IF('Standard Profiles'!$G$20=$B$24,21,0),MOD($C1139,24)+1)/SUM(INDEX($D$3:$AA$30,INDEX(Jesper!$R$2:$R$366,ROW(INDEX(Jesper!AJ$2:AJ$366,ROUNDDOWN($C1139/24,0)+1,1))-1)+IF('Standard Profiles'!$G$20=$B$10,7,0)+IF('Standard Profiles'!$G$20=$B$17,14,0)+IF('Standard Profiles'!$G$20=$B$24,21,0),0)),0)</f>
        <v>0</v>
      </c>
      <c r="G1139" cm="1">
        <f t="array" ref="G1139">IFERROR(INDEX(Jesper!AK$2:AK$366,ROUNDDOWN($C1139/24,0)+1,1)*INDEX($D$3:$AA$30,INDEX(Jesper!$R$2:$R$366,ROW(INDEX(Jesper!AK$2:AK$366,ROUNDDOWN($C1139/24,0)+1,1))-1)+IF('Standard Profiles'!$G$21=$B$10,7,0)+IF('Standard Profiles'!$G$21=$B$17,14,0)+IF('Standard Profiles'!$G$21=$B$24,21,0),MOD($C1139,24)+1)/SUM(INDEX($D$3:$AA$30,INDEX(Jesper!$R$2:$R$366,ROW(INDEX(Jesper!AK$2:AK$366,ROUNDDOWN($C1139/24,0)+1,1))-1)+IF('Standard Profiles'!$G$21=$B$10,7,0)+IF('Standard Profiles'!$G$21=$B$17,14,0)+IF('Standard Profiles'!$G$21=$B$24,21,0),0)),0)</f>
        <v>0</v>
      </c>
      <c r="H1139" cm="1">
        <f t="array" ref="H1139">IFERROR(INDEX(Jesper!AL$2:AL$366,ROUNDDOWN($C1139/24,0)+1,1)*INDEX($D$3:$AA$30,INDEX(Jesper!$R$2:$R$366,ROW(INDEX(Jesper!AL$2:AL$366,ROUNDDOWN($C1139/24,0)+1,1))-1)+IF('Standard Profiles'!$G$22=$B$10,7,0)+IF('Standard Profiles'!$G$22=$B$17,14,0)+IF('Standard Profiles'!$G$22=$B$24,21,0),MOD($C1139,24)+1)/SUM(INDEX($D$3:$AA$30,INDEX(Jesper!$R$2:$R$366,ROW(INDEX(Jesper!AL$2:AL$366,ROUNDDOWN($C1139/24,0)+1,1))-1)+IF('Standard Profiles'!$G$22=$B$10,7,0)+IF('Standard Profiles'!$G$22=$B$17,14,0)+IF('Standard Profiles'!$G$22=$B$24,21,0),0)),0)</f>
        <v>0</v>
      </c>
      <c r="I1139">
        <f t="shared" si="139"/>
        <v>0.24567304806500012</v>
      </c>
      <c r="J1139">
        <f t="shared" si="140"/>
        <v>0.81891016021666718</v>
      </c>
      <c r="K1139">
        <f t="shared" si="141"/>
        <v>1.2283652403250007</v>
      </c>
      <c r="L1139">
        <f t="shared" si="142"/>
        <v>5.8961531535600029</v>
      </c>
      <c r="M1139">
        <f t="shared" si="143"/>
        <v>0</v>
      </c>
      <c r="N1139" s="46">
        <f t="shared" si="144"/>
        <v>45338.041666663987</v>
      </c>
    </row>
    <row r="1140" spans="2:14" x14ac:dyDescent="0.3">
      <c r="B1140">
        <f t="shared" si="138"/>
        <v>5</v>
      </c>
      <c r="C1140" s="16">
        <v>1106</v>
      </c>
      <c r="D1140" cm="1">
        <f t="array" ref="D1140">IFERROR(INDEX(Jesper!AH$2:AH$366,ROUNDDOWN($C1140/24,0)+1,1)*INDEX($D$3:$AA$30,INDEX(Jesper!$R$2:$R$366,ROW(INDEX(Jesper!AH$2:AH$366,ROUNDDOWN($C1140/24,0)+1,1))-1)+IF('Standard Profiles'!$G$18=$B$10,7,0)+IF('Standard Profiles'!$G$18=$B$17,14,0)+IF('Standard Profiles'!$G$18=$B$24,21,0),MOD($C1140,24)+1)/SUM(INDEX($D$3:$AA$30,INDEX(Jesper!$R$2:$R$366,ROW(INDEX(Jesper!AH$2:AH$366,ROUNDDOWN($C1140/24,0)+1,1))-1)+IF('Standard Profiles'!$G$18=$B$10,7,0)+IF('Standard Profiles'!$G$18=$B$17,14,0)+IF('Standard Profiles'!$G$18=$B$24,21,0),0)),0)</f>
        <v>8.1891016021666712</v>
      </c>
      <c r="E1140" cm="1">
        <f t="array" ref="E1140">IFERROR(INDEX(Jesper!AI$2:AI$366,ROUNDDOWN($C1140/24,0)+1,1)*INDEX($D$3:$AA$30,INDEX(Jesper!$R$2:$R$366,ROW(INDEX(Jesper!AI$2:AI$366,ROUNDDOWN($C1140/24,0)+1,1))-1)+IF('Standard Profiles'!$G$19=$B$10,7,0)+IF('Standard Profiles'!$G$19=$B$17,14,0)+IF('Standard Profiles'!$G$19=$B$24,21,0),MOD($C1140,24)+1)/SUM(INDEX($D$3:$AA$30,INDEX(Jesper!$R$2:$R$366,ROW(INDEX(Jesper!AI$2:AI$366,ROUNDDOWN($C1140/24,0)+1,1))-1)+IF('Standard Profiles'!$G$19=$B$10,7,0)+IF('Standard Profiles'!$G$19=$B$17,14,0)+IF('Standard Profiles'!$G$19=$B$24,21,0),0)),0)</f>
        <v>0</v>
      </c>
      <c r="F1140" cm="1">
        <f t="array" ref="F1140">IFERROR(INDEX(Jesper!AJ$2:AJ$366,ROUNDDOWN($C1140/24,0)+1,1)*INDEX($D$3:$AA$30,INDEX(Jesper!$R$2:$R$366,ROW(INDEX(Jesper!AJ$2:AJ$366,ROUNDDOWN($C1140/24,0)+1,1))-1)+IF('Standard Profiles'!$G$20=$B$10,7,0)+IF('Standard Profiles'!$G$20=$B$17,14,0)+IF('Standard Profiles'!$G$20=$B$24,21,0),MOD($C1140,24)+1)/SUM(INDEX($D$3:$AA$30,INDEX(Jesper!$R$2:$R$366,ROW(INDEX(Jesper!AJ$2:AJ$366,ROUNDDOWN($C1140/24,0)+1,1))-1)+IF('Standard Profiles'!$G$20=$B$10,7,0)+IF('Standard Profiles'!$G$20=$B$17,14,0)+IF('Standard Profiles'!$G$20=$B$24,21,0),0)),0)</f>
        <v>0</v>
      </c>
      <c r="G1140" cm="1">
        <f t="array" ref="G1140">IFERROR(INDEX(Jesper!AK$2:AK$366,ROUNDDOWN($C1140/24,0)+1,1)*INDEX($D$3:$AA$30,INDEX(Jesper!$R$2:$R$366,ROW(INDEX(Jesper!AK$2:AK$366,ROUNDDOWN($C1140/24,0)+1,1))-1)+IF('Standard Profiles'!$G$21=$B$10,7,0)+IF('Standard Profiles'!$G$21=$B$17,14,0)+IF('Standard Profiles'!$G$21=$B$24,21,0),MOD($C1140,24)+1)/SUM(INDEX($D$3:$AA$30,INDEX(Jesper!$R$2:$R$366,ROW(INDEX(Jesper!AK$2:AK$366,ROUNDDOWN($C1140/24,0)+1,1))-1)+IF('Standard Profiles'!$G$21=$B$10,7,0)+IF('Standard Profiles'!$G$21=$B$17,14,0)+IF('Standard Profiles'!$G$21=$B$24,21,0),0)),0)</f>
        <v>0</v>
      </c>
      <c r="H1140" cm="1">
        <f t="array" ref="H1140">IFERROR(INDEX(Jesper!AL$2:AL$366,ROUNDDOWN($C1140/24,0)+1,1)*INDEX($D$3:$AA$30,INDEX(Jesper!$R$2:$R$366,ROW(INDEX(Jesper!AL$2:AL$366,ROUNDDOWN($C1140/24,0)+1,1))-1)+IF('Standard Profiles'!$G$22=$B$10,7,0)+IF('Standard Profiles'!$G$22=$B$17,14,0)+IF('Standard Profiles'!$G$22=$B$24,21,0),MOD($C1140,24)+1)/SUM(INDEX($D$3:$AA$30,INDEX(Jesper!$R$2:$R$366,ROW(INDEX(Jesper!AL$2:AL$366,ROUNDDOWN($C1140/24,0)+1,1))-1)+IF('Standard Profiles'!$G$22=$B$10,7,0)+IF('Standard Profiles'!$G$22=$B$17,14,0)+IF('Standard Profiles'!$G$22=$B$24,21,0),0)),0)</f>
        <v>0</v>
      </c>
      <c r="I1140">
        <f t="shared" si="139"/>
        <v>0.24567304806500012</v>
      </c>
      <c r="J1140">
        <f t="shared" si="140"/>
        <v>0.81891016021666718</v>
      </c>
      <c r="K1140">
        <f t="shared" si="141"/>
        <v>1.2283652403250007</v>
      </c>
      <c r="L1140">
        <f t="shared" si="142"/>
        <v>5.8961531535600029</v>
      </c>
      <c r="M1140">
        <f t="shared" si="143"/>
        <v>0</v>
      </c>
      <c r="N1140" s="46">
        <f t="shared" si="144"/>
        <v>45338.083333330651</v>
      </c>
    </row>
    <row r="1141" spans="2:14" x14ac:dyDescent="0.3">
      <c r="B1141">
        <f t="shared" si="138"/>
        <v>5</v>
      </c>
      <c r="C1141" s="16">
        <v>1107</v>
      </c>
      <c r="D1141" cm="1">
        <f t="array" ref="D1141">IFERROR(INDEX(Jesper!AH$2:AH$366,ROUNDDOWN($C1141/24,0)+1,1)*INDEX($D$3:$AA$30,INDEX(Jesper!$R$2:$R$366,ROW(INDEX(Jesper!AH$2:AH$366,ROUNDDOWN($C1141/24,0)+1,1))-1)+IF('Standard Profiles'!$G$18=$B$10,7,0)+IF('Standard Profiles'!$G$18=$B$17,14,0)+IF('Standard Profiles'!$G$18=$B$24,21,0),MOD($C1141,24)+1)/SUM(INDEX($D$3:$AA$30,INDEX(Jesper!$R$2:$R$366,ROW(INDEX(Jesper!AH$2:AH$366,ROUNDDOWN($C1141/24,0)+1,1))-1)+IF('Standard Profiles'!$G$18=$B$10,7,0)+IF('Standard Profiles'!$G$18=$B$17,14,0)+IF('Standard Profiles'!$G$18=$B$24,21,0),0)),0)</f>
        <v>8.1891016021666712</v>
      </c>
      <c r="E1141" cm="1">
        <f t="array" ref="E1141">IFERROR(INDEX(Jesper!AI$2:AI$366,ROUNDDOWN($C1141/24,0)+1,1)*INDEX($D$3:$AA$30,INDEX(Jesper!$R$2:$R$366,ROW(INDEX(Jesper!AI$2:AI$366,ROUNDDOWN($C1141/24,0)+1,1))-1)+IF('Standard Profiles'!$G$19=$B$10,7,0)+IF('Standard Profiles'!$G$19=$B$17,14,0)+IF('Standard Profiles'!$G$19=$B$24,21,0),MOD($C1141,24)+1)/SUM(INDEX($D$3:$AA$30,INDEX(Jesper!$R$2:$R$366,ROW(INDEX(Jesper!AI$2:AI$366,ROUNDDOWN($C1141/24,0)+1,1))-1)+IF('Standard Profiles'!$G$19=$B$10,7,0)+IF('Standard Profiles'!$G$19=$B$17,14,0)+IF('Standard Profiles'!$G$19=$B$24,21,0),0)),0)</f>
        <v>0</v>
      </c>
      <c r="F1141" cm="1">
        <f t="array" ref="F1141">IFERROR(INDEX(Jesper!AJ$2:AJ$366,ROUNDDOWN($C1141/24,0)+1,1)*INDEX($D$3:$AA$30,INDEX(Jesper!$R$2:$R$366,ROW(INDEX(Jesper!AJ$2:AJ$366,ROUNDDOWN($C1141/24,0)+1,1))-1)+IF('Standard Profiles'!$G$20=$B$10,7,0)+IF('Standard Profiles'!$G$20=$B$17,14,0)+IF('Standard Profiles'!$G$20=$B$24,21,0),MOD($C1141,24)+1)/SUM(INDEX($D$3:$AA$30,INDEX(Jesper!$R$2:$R$366,ROW(INDEX(Jesper!AJ$2:AJ$366,ROUNDDOWN($C1141/24,0)+1,1))-1)+IF('Standard Profiles'!$G$20=$B$10,7,0)+IF('Standard Profiles'!$G$20=$B$17,14,0)+IF('Standard Profiles'!$G$20=$B$24,21,0),0)),0)</f>
        <v>0</v>
      </c>
      <c r="G1141" cm="1">
        <f t="array" ref="G1141">IFERROR(INDEX(Jesper!AK$2:AK$366,ROUNDDOWN($C1141/24,0)+1,1)*INDEX($D$3:$AA$30,INDEX(Jesper!$R$2:$R$366,ROW(INDEX(Jesper!AK$2:AK$366,ROUNDDOWN($C1141/24,0)+1,1))-1)+IF('Standard Profiles'!$G$21=$B$10,7,0)+IF('Standard Profiles'!$G$21=$B$17,14,0)+IF('Standard Profiles'!$G$21=$B$24,21,0),MOD($C1141,24)+1)/SUM(INDEX($D$3:$AA$30,INDEX(Jesper!$R$2:$R$366,ROW(INDEX(Jesper!AK$2:AK$366,ROUNDDOWN($C1141/24,0)+1,1))-1)+IF('Standard Profiles'!$G$21=$B$10,7,0)+IF('Standard Profiles'!$G$21=$B$17,14,0)+IF('Standard Profiles'!$G$21=$B$24,21,0),0)),0)</f>
        <v>0</v>
      </c>
      <c r="H1141" cm="1">
        <f t="array" ref="H1141">IFERROR(INDEX(Jesper!AL$2:AL$366,ROUNDDOWN($C1141/24,0)+1,1)*INDEX($D$3:$AA$30,INDEX(Jesper!$R$2:$R$366,ROW(INDEX(Jesper!AL$2:AL$366,ROUNDDOWN($C1141/24,0)+1,1))-1)+IF('Standard Profiles'!$G$22=$B$10,7,0)+IF('Standard Profiles'!$G$22=$B$17,14,0)+IF('Standard Profiles'!$G$22=$B$24,21,0),MOD($C1141,24)+1)/SUM(INDEX($D$3:$AA$30,INDEX(Jesper!$R$2:$R$366,ROW(INDEX(Jesper!AL$2:AL$366,ROUNDDOWN($C1141/24,0)+1,1))-1)+IF('Standard Profiles'!$G$22=$B$10,7,0)+IF('Standard Profiles'!$G$22=$B$17,14,0)+IF('Standard Profiles'!$G$22=$B$24,21,0),0)),0)</f>
        <v>0</v>
      </c>
      <c r="I1141">
        <f t="shared" si="139"/>
        <v>0.24567304806500012</v>
      </c>
      <c r="J1141">
        <f t="shared" si="140"/>
        <v>0.81891016021666718</v>
      </c>
      <c r="K1141">
        <f t="shared" si="141"/>
        <v>1.2283652403250007</v>
      </c>
      <c r="L1141">
        <f t="shared" si="142"/>
        <v>5.8961531535600029</v>
      </c>
      <c r="M1141">
        <f t="shared" si="143"/>
        <v>0</v>
      </c>
      <c r="N1141" s="46">
        <f t="shared" si="144"/>
        <v>45338.124999997315</v>
      </c>
    </row>
    <row r="1142" spans="2:14" x14ac:dyDescent="0.3">
      <c r="B1142">
        <f t="shared" si="138"/>
        <v>5</v>
      </c>
      <c r="C1142" s="16">
        <v>1108</v>
      </c>
      <c r="D1142" cm="1">
        <f t="array" ref="D1142">IFERROR(INDEX(Jesper!AH$2:AH$366,ROUNDDOWN($C1142/24,0)+1,1)*INDEX($D$3:$AA$30,INDEX(Jesper!$R$2:$R$366,ROW(INDEX(Jesper!AH$2:AH$366,ROUNDDOWN($C1142/24,0)+1,1))-1)+IF('Standard Profiles'!$G$18=$B$10,7,0)+IF('Standard Profiles'!$G$18=$B$17,14,0)+IF('Standard Profiles'!$G$18=$B$24,21,0),MOD($C1142,24)+1)/SUM(INDEX($D$3:$AA$30,INDEX(Jesper!$R$2:$R$366,ROW(INDEX(Jesper!AH$2:AH$366,ROUNDDOWN($C1142/24,0)+1,1))-1)+IF('Standard Profiles'!$G$18=$B$10,7,0)+IF('Standard Profiles'!$G$18=$B$17,14,0)+IF('Standard Profiles'!$G$18=$B$24,21,0),0)),0)</f>
        <v>8.1891016021666712</v>
      </c>
      <c r="E1142" cm="1">
        <f t="array" ref="E1142">IFERROR(INDEX(Jesper!AI$2:AI$366,ROUNDDOWN($C1142/24,0)+1,1)*INDEX($D$3:$AA$30,INDEX(Jesper!$R$2:$R$366,ROW(INDEX(Jesper!AI$2:AI$366,ROUNDDOWN($C1142/24,0)+1,1))-1)+IF('Standard Profiles'!$G$19=$B$10,7,0)+IF('Standard Profiles'!$G$19=$B$17,14,0)+IF('Standard Profiles'!$G$19=$B$24,21,0),MOD($C1142,24)+1)/SUM(INDEX($D$3:$AA$30,INDEX(Jesper!$R$2:$R$366,ROW(INDEX(Jesper!AI$2:AI$366,ROUNDDOWN($C1142/24,0)+1,1))-1)+IF('Standard Profiles'!$G$19=$B$10,7,0)+IF('Standard Profiles'!$G$19=$B$17,14,0)+IF('Standard Profiles'!$G$19=$B$24,21,0),0)),0)</f>
        <v>0</v>
      </c>
      <c r="F1142" cm="1">
        <f t="array" ref="F1142">IFERROR(INDEX(Jesper!AJ$2:AJ$366,ROUNDDOWN($C1142/24,0)+1,1)*INDEX($D$3:$AA$30,INDEX(Jesper!$R$2:$R$366,ROW(INDEX(Jesper!AJ$2:AJ$366,ROUNDDOWN($C1142/24,0)+1,1))-1)+IF('Standard Profiles'!$G$20=$B$10,7,0)+IF('Standard Profiles'!$G$20=$B$17,14,0)+IF('Standard Profiles'!$G$20=$B$24,21,0),MOD($C1142,24)+1)/SUM(INDEX($D$3:$AA$30,INDEX(Jesper!$R$2:$R$366,ROW(INDEX(Jesper!AJ$2:AJ$366,ROUNDDOWN($C1142/24,0)+1,1))-1)+IF('Standard Profiles'!$G$20=$B$10,7,0)+IF('Standard Profiles'!$G$20=$B$17,14,0)+IF('Standard Profiles'!$G$20=$B$24,21,0),0)),0)</f>
        <v>0</v>
      </c>
      <c r="G1142" cm="1">
        <f t="array" ref="G1142">IFERROR(INDEX(Jesper!AK$2:AK$366,ROUNDDOWN($C1142/24,0)+1,1)*INDEX($D$3:$AA$30,INDEX(Jesper!$R$2:$R$366,ROW(INDEX(Jesper!AK$2:AK$366,ROUNDDOWN($C1142/24,0)+1,1))-1)+IF('Standard Profiles'!$G$21=$B$10,7,0)+IF('Standard Profiles'!$G$21=$B$17,14,0)+IF('Standard Profiles'!$G$21=$B$24,21,0),MOD($C1142,24)+1)/SUM(INDEX($D$3:$AA$30,INDEX(Jesper!$R$2:$R$366,ROW(INDEX(Jesper!AK$2:AK$366,ROUNDDOWN($C1142/24,0)+1,1))-1)+IF('Standard Profiles'!$G$21=$B$10,7,0)+IF('Standard Profiles'!$G$21=$B$17,14,0)+IF('Standard Profiles'!$G$21=$B$24,21,0),0)),0)</f>
        <v>0</v>
      </c>
      <c r="H1142" cm="1">
        <f t="array" ref="H1142">IFERROR(INDEX(Jesper!AL$2:AL$366,ROUNDDOWN($C1142/24,0)+1,1)*INDEX($D$3:$AA$30,INDEX(Jesper!$R$2:$R$366,ROW(INDEX(Jesper!AL$2:AL$366,ROUNDDOWN($C1142/24,0)+1,1))-1)+IF('Standard Profiles'!$G$22=$B$10,7,0)+IF('Standard Profiles'!$G$22=$B$17,14,0)+IF('Standard Profiles'!$G$22=$B$24,21,0),MOD($C1142,24)+1)/SUM(INDEX($D$3:$AA$30,INDEX(Jesper!$R$2:$R$366,ROW(INDEX(Jesper!AL$2:AL$366,ROUNDDOWN($C1142/24,0)+1,1))-1)+IF('Standard Profiles'!$G$22=$B$10,7,0)+IF('Standard Profiles'!$G$22=$B$17,14,0)+IF('Standard Profiles'!$G$22=$B$24,21,0),0)),0)</f>
        <v>0</v>
      </c>
      <c r="I1142">
        <f t="shared" si="139"/>
        <v>0.24567304806500012</v>
      </c>
      <c r="J1142">
        <f t="shared" si="140"/>
        <v>0.81891016021666718</v>
      </c>
      <c r="K1142">
        <f t="shared" si="141"/>
        <v>1.2283652403250007</v>
      </c>
      <c r="L1142">
        <f t="shared" si="142"/>
        <v>5.8961531535600029</v>
      </c>
      <c r="M1142">
        <f t="shared" si="143"/>
        <v>0</v>
      </c>
      <c r="N1142" s="46">
        <f t="shared" si="144"/>
        <v>45338.166666663979</v>
      </c>
    </row>
    <row r="1143" spans="2:14" x14ac:dyDescent="0.3">
      <c r="B1143">
        <f t="shared" si="138"/>
        <v>5</v>
      </c>
      <c r="C1143" s="16">
        <v>1109</v>
      </c>
      <c r="D1143" cm="1">
        <f t="array" ref="D1143">IFERROR(INDEX(Jesper!AH$2:AH$366,ROUNDDOWN($C1143/24,0)+1,1)*INDEX($D$3:$AA$30,INDEX(Jesper!$R$2:$R$366,ROW(INDEX(Jesper!AH$2:AH$366,ROUNDDOWN($C1143/24,0)+1,1))-1)+IF('Standard Profiles'!$G$18=$B$10,7,0)+IF('Standard Profiles'!$G$18=$B$17,14,0)+IF('Standard Profiles'!$G$18=$B$24,21,0),MOD($C1143,24)+1)/SUM(INDEX($D$3:$AA$30,INDEX(Jesper!$R$2:$R$366,ROW(INDEX(Jesper!AH$2:AH$366,ROUNDDOWN($C1143/24,0)+1,1))-1)+IF('Standard Profiles'!$G$18=$B$10,7,0)+IF('Standard Profiles'!$G$18=$B$17,14,0)+IF('Standard Profiles'!$G$18=$B$24,21,0),0)),0)</f>
        <v>10.554842065014819</v>
      </c>
      <c r="E1143" cm="1">
        <f t="array" ref="E1143">IFERROR(INDEX(Jesper!AI$2:AI$366,ROUNDDOWN($C1143/24,0)+1,1)*INDEX($D$3:$AA$30,INDEX(Jesper!$R$2:$R$366,ROW(INDEX(Jesper!AI$2:AI$366,ROUNDDOWN($C1143/24,0)+1,1))-1)+IF('Standard Profiles'!$G$19=$B$10,7,0)+IF('Standard Profiles'!$G$19=$B$17,14,0)+IF('Standard Profiles'!$G$19=$B$24,21,0),MOD($C1143,24)+1)/SUM(INDEX($D$3:$AA$30,INDEX(Jesper!$R$2:$R$366,ROW(INDEX(Jesper!AI$2:AI$366,ROUNDDOWN($C1143/24,0)+1,1))-1)+IF('Standard Profiles'!$G$19=$B$10,7,0)+IF('Standard Profiles'!$G$19=$B$17,14,0)+IF('Standard Profiles'!$G$19=$B$24,21,0),0)),0)</f>
        <v>0</v>
      </c>
      <c r="F1143" cm="1">
        <f t="array" ref="F1143">IFERROR(INDEX(Jesper!AJ$2:AJ$366,ROUNDDOWN($C1143/24,0)+1,1)*INDEX($D$3:$AA$30,INDEX(Jesper!$R$2:$R$366,ROW(INDEX(Jesper!AJ$2:AJ$366,ROUNDDOWN($C1143/24,0)+1,1))-1)+IF('Standard Profiles'!$G$20=$B$10,7,0)+IF('Standard Profiles'!$G$20=$B$17,14,0)+IF('Standard Profiles'!$G$20=$B$24,21,0),MOD($C1143,24)+1)/SUM(INDEX($D$3:$AA$30,INDEX(Jesper!$R$2:$R$366,ROW(INDEX(Jesper!AJ$2:AJ$366,ROUNDDOWN($C1143/24,0)+1,1))-1)+IF('Standard Profiles'!$G$20=$B$10,7,0)+IF('Standard Profiles'!$G$20=$B$17,14,0)+IF('Standard Profiles'!$G$20=$B$24,21,0),0)),0)</f>
        <v>0</v>
      </c>
      <c r="G1143" cm="1">
        <f t="array" ref="G1143">IFERROR(INDEX(Jesper!AK$2:AK$366,ROUNDDOWN($C1143/24,0)+1,1)*INDEX($D$3:$AA$30,INDEX(Jesper!$R$2:$R$366,ROW(INDEX(Jesper!AK$2:AK$366,ROUNDDOWN($C1143/24,0)+1,1))-1)+IF('Standard Profiles'!$G$21=$B$10,7,0)+IF('Standard Profiles'!$G$21=$B$17,14,0)+IF('Standard Profiles'!$G$21=$B$24,21,0),MOD($C1143,24)+1)/SUM(INDEX($D$3:$AA$30,INDEX(Jesper!$R$2:$R$366,ROW(INDEX(Jesper!AK$2:AK$366,ROUNDDOWN($C1143/24,0)+1,1))-1)+IF('Standard Profiles'!$G$21=$B$10,7,0)+IF('Standard Profiles'!$G$21=$B$17,14,0)+IF('Standard Profiles'!$G$21=$B$24,21,0),0)),0)</f>
        <v>0</v>
      </c>
      <c r="H1143" cm="1">
        <f t="array" ref="H1143">IFERROR(INDEX(Jesper!AL$2:AL$366,ROUNDDOWN($C1143/24,0)+1,1)*INDEX($D$3:$AA$30,INDEX(Jesper!$R$2:$R$366,ROW(INDEX(Jesper!AL$2:AL$366,ROUNDDOWN($C1143/24,0)+1,1))-1)+IF('Standard Profiles'!$G$22=$B$10,7,0)+IF('Standard Profiles'!$G$22=$B$17,14,0)+IF('Standard Profiles'!$G$22=$B$24,21,0),MOD($C1143,24)+1)/SUM(INDEX($D$3:$AA$30,INDEX(Jesper!$R$2:$R$366,ROW(INDEX(Jesper!AL$2:AL$366,ROUNDDOWN($C1143/24,0)+1,1))-1)+IF('Standard Profiles'!$G$22=$B$10,7,0)+IF('Standard Profiles'!$G$22=$B$17,14,0)+IF('Standard Profiles'!$G$22=$B$24,21,0),0)),0)</f>
        <v>0</v>
      </c>
      <c r="I1143">
        <f t="shared" si="139"/>
        <v>0.31664526195044457</v>
      </c>
      <c r="J1143">
        <f t="shared" si="140"/>
        <v>1.055484206501482</v>
      </c>
      <c r="K1143">
        <f t="shared" si="141"/>
        <v>1.5832263097522228</v>
      </c>
      <c r="L1143">
        <f t="shared" si="142"/>
        <v>7.5994862868106692</v>
      </c>
      <c r="M1143">
        <f t="shared" si="143"/>
        <v>0</v>
      </c>
      <c r="N1143" s="46">
        <f t="shared" si="144"/>
        <v>45338.208333330644</v>
      </c>
    </row>
    <row r="1144" spans="2:14" x14ac:dyDescent="0.3">
      <c r="B1144">
        <f t="shared" si="138"/>
        <v>5</v>
      </c>
      <c r="C1144" s="16">
        <v>1110</v>
      </c>
      <c r="D1144" cm="1">
        <f t="array" ref="D1144">IFERROR(INDEX(Jesper!AH$2:AH$366,ROUNDDOWN($C1144/24,0)+1,1)*INDEX($D$3:$AA$30,INDEX(Jesper!$R$2:$R$366,ROW(INDEX(Jesper!AH$2:AH$366,ROUNDDOWN($C1144/24,0)+1,1))-1)+IF('Standard Profiles'!$G$18=$B$10,7,0)+IF('Standard Profiles'!$G$18=$B$17,14,0)+IF('Standard Profiles'!$G$18=$B$24,21,0),MOD($C1144,24)+1)/SUM(INDEX($D$3:$AA$30,INDEX(Jesper!$R$2:$R$366,ROW(INDEX(Jesper!AH$2:AH$366,ROUNDDOWN($C1144/24,0)+1,1))-1)+IF('Standard Profiles'!$G$18=$B$10,7,0)+IF('Standard Profiles'!$G$18=$B$17,14,0)+IF('Standard Profiles'!$G$18=$B$24,21,0),0)),0)</f>
        <v>12.738602492259265</v>
      </c>
      <c r="E1144" cm="1">
        <f t="array" ref="E1144">IFERROR(INDEX(Jesper!AI$2:AI$366,ROUNDDOWN($C1144/24,0)+1,1)*INDEX($D$3:$AA$30,INDEX(Jesper!$R$2:$R$366,ROW(INDEX(Jesper!AI$2:AI$366,ROUNDDOWN($C1144/24,0)+1,1))-1)+IF('Standard Profiles'!$G$19=$B$10,7,0)+IF('Standard Profiles'!$G$19=$B$17,14,0)+IF('Standard Profiles'!$G$19=$B$24,21,0),MOD($C1144,24)+1)/SUM(INDEX($D$3:$AA$30,INDEX(Jesper!$R$2:$R$366,ROW(INDEX(Jesper!AI$2:AI$366,ROUNDDOWN($C1144/24,0)+1,1))-1)+IF('Standard Profiles'!$G$19=$B$10,7,0)+IF('Standard Profiles'!$G$19=$B$17,14,0)+IF('Standard Profiles'!$G$19=$B$24,21,0),0)),0)</f>
        <v>0</v>
      </c>
      <c r="F1144" cm="1">
        <f t="array" ref="F1144">IFERROR(INDEX(Jesper!AJ$2:AJ$366,ROUNDDOWN($C1144/24,0)+1,1)*INDEX($D$3:$AA$30,INDEX(Jesper!$R$2:$R$366,ROW(INDEX(Jesper!AJ$2:AJ$366,ROUNDDOWN($C1144/24,0)+1,1))-1)+IF('Standard Profiles'!$G$20=$B$10,7,0)+IF('Standard Profiles'!$G$20=$B$17,14,0)+IF('Standard Profiles'!$G$20=$B$24,21,0),MOD($C1144,24)+1)/SUM(INDEX($D$3:$AA$30,INDEX(Jesper!$R$2:$R$366,ROW(INDEX(Jesper!AJ$2:AJ$366,ROUNDDOWN($C1144/24,0)+1,1))-1)+IF('Standard Profiles'!$G$20=$B$10,7,0)+IF('Standard Profiles'!$G$20=$B$17,14,0)+IF('Standard Profiles'!$G$20=$B$24,21,0),0)),0)</f>
        <v>0</v>
      </c>
      <c r="G1144" cm="1">
        <f t="array" ref="G1144">IFERROR(INDEX(Jesper!AK$2:AK$366,ROUNDDOWN($C1144/24,0)+1,1)*INDEX($D$3:$AA$30,INDEX(Jesper!$R$2:$R$366,ROW(INDEX(Jesper!AK$2:AK$366,ROUNDDOWN($C1144/24,0)+1,1))-1)+IF('Standard Profiles'!$G$21=$B$10,7,0)+IF('Standard Profiles'!$G$21=$B$17,14,0)+IF('Standard Profiles'!$G$21=$B$24,21,0),MOD($C1144,24)+1)/SUM(INDEX($D$3:$AA$30,INDEX(Jesper!$R$2:$R$366,ROW(INDEX(Jesper!AK$2:AK$366,ROUNDDOWN($C1144/24,0)+1,1))-1)+IF('Standard Profiles'!$G$21=$B$10,7,0)+IF('Standard Profiles'!$G$21=$B$17,14,0)+IF('Standard Profiles'!$G$21=$B$24,21,0),0)),0)</f>
        <v>0</v>
      </c>
      <c r="H1144" cm="1">
        <f t="array" ref="H1144">IFERROR(INDEX(Jesper!AL$2:AL$366,ROUNDDOWN($C1144/24,0)+1,1)*INDEX($D$3:$AA$30,INDEX(Jesper!$R$2:$R$366,ROW(INDEX(Jesper!AL$2:AL$366,ROUNDDOWN($C1144/24,0)+1,1))-1)+IF('Standard Profiles'!$G$22=$B$10,7,0)+IF('Standard Profiles'!$G$22=$B$17,14,0)+IF('Standard Profiles'!$G$22=$B$24,21,0),MOD($C1144,24)+1)/SUM(INDEX($D$3:$AA$30,INDEX(Jesper!$R$2:$R$366,ROW(INDEX(Jesper!AL$2:AL$366,ROUNDDOWN($C1144/24,0)+1,1))-1)+IF('Standard Profiles'!$G$22=$B$10,7,0)+IF('Standard Profiles'!$G$22=$B$17,14,0)+IF('Standard Profiles'!$G$22=$B$24,21,0),0)),0)</f>
        <v>0</v>
      </c>
      <c r="I1144">
        <f t="shared" si="139"/>
        <v>0.38215807476777791</v>
      </c>
      <c r="J1144">
        <f t="shared" si="140"/>
        <v>1.2738602492259266</v>
      </c>
      <c r="K1144">
        <f t="shared" si="141"/>
        <v>1.9107903738388896</v>
      </c>
      <c r="L1144">
        <f t="shared" si="142"/>
        <v>9.1717937944266694</v>
      </c>
      <c r="M1144">
        <f t="shared" si="143"/>
        <v>0</v>
      </c>
      <c r="N1144" s="46">
        <f t="shared" si="144"/>
        <v>45338.249999997308</v>
      </c>
    </row>
    <row r="1145" spans="2:14" x14ac:dyDescent="0.3">
      <c r="B1145">
        <f t="shared" si="138"/>
        <v>5</v>
      </c>
      <c r="C1145" s="16">
        <v>1111</v>
      </c>
      <c r="D1145" cm="1">
        <f t="array" ref="D1145">IFERROR(INDEX(Jesper!AH$2:AH$366,ROUNDDOWN($C1145/24,0)+1,1)*INDEX($D$3:$AA$30,INDEX(Jesper!$R$2:$R$366,ROW(INDEX(Jesper!AH$2:AH$366,ROUNDDOWN($C1145/24,0)+1,1))-1)+IF('Standard Profiles'!$G$18=$B$10,7,0)+IF('Standard Profiles'!$G$18=$B$17,14,0)+IF('Standard Profiles'!$G$18=$B$24,21,0),MOD($C1145,24)+1)/SUM(INDEX($D$3:$AA$30,INDEX(Jesper!$R$2:$R$366,ROW(INDEX(Jesper!AH$2:AH$366,ROUNDDOWN($C1145/24,0)+1,1))-1)+IF('Standard Profiles'!$G$18=$B$10,7,0)+IF('Standard Profiles'!$G$18=$B$17,14,0)+IF('Standard Profiles'!$G$18=$B$24,21,0),0)),0)</f>
        <v>12.738602492259265</v>
      </c>
      <c r="E1145" cm="1">
        <f t="array" ref="E1145">IFERROR(INDEX(Jesper!AI$2:AI$366,ROUNDDOWN($C1145/24,0)+1,1)*INDEX($D$3:$AA$30,INDEX(Jesper!$R$2:$R$366,ROW(INDEX(Jesper!AI$2:AI$366,ROUNDDOWN($C1145/24,0)+1,1))-1)+IF('Standard Profiles'!$G$19=$B$10,7,0)+IF('Standard Profiles'!$G$19=$B$17,14,0)+IF('Standard Profiles'!$G$19=$B$24,21,0),MOD($C1145,24)+1)/SUM(INDEX($D$3:$AA$30,INDEX(Jesper!$R$2:$R$366,ROW(INDEX(Jesper!AI$2:AI$366,ROUNDDOWN($C1145/24,0)+1,1))-1)+IF('Standard Profiles'!$G$19=$B$10,7,0)+IF('Standard Profiles'!$G$19=$B$17,14,0)+IF('Standard Profiles'!$G$19=$B$24,21,0),0)),0)</f>
        <v>0</v>
      </c>
      <c r="F1145" cm="1">
        <f t="array" ref="F1145">IFERROR(INDEX(Jesper!AJ$2:AJ$366,ROUNDDOWN($C1145/24,0)+1,1)*INDEX($D$3:$AA$30,INDEX(Jesper!$R$2:$R$366,ROW(INDEX(Jesper!AJ$2:AJ$366,ROUNDDOWN($C1145/24,0)+1,1))-1)+IF('Standard Profiles'!$G$20=$B$10,7,0)+IF('Standard Profiles'!$G$20=$B$17,14,0)+IF('Standard Profiles'!$G$20=$B$24,21,0),MOD($C1145,24)+1)/SUM(INDEX($D$3:$AA$30,INDEX(Jesper!$R$2:$R$366,ROW(INDEX(Jesper!AJ$2:AJ$366,ROUNDDOWN($C1145/24,0)+1,1))-1)+IF('Standard Profiles'!$G$20=$B$10,7,0)+IF('Standard Profiles'!$G$20=$B$17,14,0)+IF('Standard Profiles'!$G$20=$B$24,21,0),0)),0)</f>
        <v>0</v>
      </c>
      <c r="G1145" cm="1">
        <f t="array" ref="G1145">IFERROR(INDEX(Jesper!AK$2:AK$366,ROUNDDOWN($C1145/24,0)+1,1)*INDEX($D$3:$AA$30,INDEX(Jesper!$R$2:$R$366,ROW(INDEX(Jesper!AK$2:AK$366,ROUNDDOWN($C1145/24,0)+1,1))-1)+IF('Standard Profiles'!$G$21=$B$10,7,0)+IF('Standard Profiles'!$G$21=$B$17,14,0)+IF('Standard Profiles'!$G$21=$B$24,21,0),MOD($C1145,24)+1)/SUM(INDEX($D$3:$AA$30,INDEX(Jesper!$R$2:$R$366,ROW(INDEX(Jesper!AK$2:AK$366,ROUNDDOWN($C1145/24,0)+1,1))-1)+IF('Standard Profiles'!$G$21=$B$10,7,0)+IF('Standard Profiles'!$G$21=$B$17,14,0)+IF('Standard Profiles'!$G$21=$B$24,21,0),0)),0)</f>
        <v>0</v>
      </c>
      <c r="H1145" cm="1">
        <f t="array" ref="H1145">IFERROR(INDEX(Jesper!AL$2:AL$366,ROUNDDOWN($C1145/24,0)+1,1)*INDEX($D$3:$AA$30,INDEX(Jesper!$R$2:$R$366,ROW(INDEX(Jesper!AL$2:AL$366,ROUNDDOWN($C1145/24,0)+1,1))-1)+IF('Standard Profiles'!$G$22=$B$10,7,0)+IF('Standard Profiles'!$G$22=$B$17,14,0)+IF('Standard Profiles'!$G$22=$B$24,21,0),MOD($C1145,24)+1)/SUM(INDEX($D$3:$AA$30,INDEX(Jesper!$R$2:$R$366,ROW(INDEX(Jesper!AL$2:AL$366,ROUNDDOWN($C1145/24,0)+1,1))-1)+IF('Standard Profiles'!$G$22=$B$10,7,0)+IF('Standard Profiles'!$G$22=$B$17,14,0)+IF('Standard Profiles'!$G$22=$B$24,21,0),0)),0)</f>
        <v>0</v>
      </c>
      <c r="I1145">
        <f t="shared" si="139"/>
        <v>0.38215807476777791</v>
      </c>
      <c r="J1145">
        <f t="shared" si="140"/>
        <v>1.2738602492259266</v>
      </c>
      <c r="K1145">
        <f t="shared" si="141"/>
        <v>1.9107903738388896</v>
      </c>
      <c r="L1145">
        <f t="shared" si="142"/>
        <v>9.1717937944266694</v>
      </c>
      <c r="M1145">
        <f t="shared" si="143"/>
        <v>0</v>
      </c>
      <c r="N1145" s="46">
        <f t="shared" si="144"/>
        <v>45338.291666663972</v>
      </c>
    </row>
    <row r="1146" spans="2:14" x14ac:dyDescent="0.3">
      <c r="B1146">
        <f t="shared" si="138"/>
        <v>5</v>
      </c>
      <c r="C1146" s="16">
        <v>1112</v>
      </c>
      <c r="D1146" cm="1">
        <f t="array" ref="D1146">IFERROR(INDEX(Jesper!AH$2:AH$366,ROUNDDOWN($C1146/24,0)+1,1)*INDEX($D$3:$AA$30,INDEX(Jesper!$R$2:$R$366,ROW(INDEX(Jesper!AH$2:AH$366,ROUNDDOWN($C1146/24,0)+1,1))-1)+IF('Standard Profiles'!$G$18=$B$10,7,0)+IF('Standard Profiles'!$G$18=$B$17,14,0)+IF('Standard Profiles'!$G$18=$B$24,21,0),MOD($C1146,24)+1)/SUM(INDEX($D$3:$AA$30,INDEX(Jesper!$R$2:$R$366,ROW(INDEX(Jesper!AH$2:AH$366,ROUNDDOWN($C1146/24,0)+1,1))-1)+IF('Standard Profiles'!$G$18=$B$10,7,0)+IF('Standard Profiles'!$G$18=$B$17,14,0)+IF('Standard Profiles'!$G$18=$B$24,21,0),0)),0)</f>
        <v>12.738602492259265</v>
      </c>
      <c r="E1146" cm="1">
        <f t="array" ref="E1146">IFERROR(INDEX(Jesper!AI$2:AI$366,ROUNDDOWN($C1146/24,0)+1,1)*INDEX($D$3:$AA$30,INDEX(Jesper!$R$2:$R$366,ROW(INDEX(Jesper!AI$2:AI$366,ROUNDDOWN($C1146/24,0)+1,1))-1)+IF('Standard Profiles'!$G$19=$B$10,7,0)+IF('Standard Profiles'!$G$19=$B$17,14,0)+IF('Standard Profiles'!$G$19=$B$24,21,0),MOD($C1146,24)+1)/SUM(INDEX($D$3:$AA$30,INDEX(Jesper!$R$2:$R$366,ROW(INDEX(Jesper!AI$2:AI$366,ROUNDDOWN($C1146/24,0)+1,1))-1)+IF('Standard Profiles'!$G$19=$B$10,7,0)+IF('Standard Profiles'!$G$19=$B$17,14,0)+IF('Standard Profiles'!$G$19=$B$24,21,0),0)),0)</f>
        <v>0</v>
      </c>
      <c r="F1146" cm="1">
        <f t="array" ref="F1146">IFERROR(INDEX(Jesper!AJ$2:AJ$366,ROUNDDOWN($C1146/24,0)+1,1)*INDEX($D$3:$AA$30,INDEX(Jesper!$R$2:$R$366,ROW(INDEX(Jesper!AJ$2:AJ$366,ROUNDDOWN($C1146/24,0)+1,1))-1)+IF('Standard Profiles'!$G$20=$B$10,7,0)+IF('Standard Profiles'!$G$20=$B$17,14,0)+IF('Standard Profiles'!$G$20=$B$24,21,0),MOD($C1146,24)+1)/SUM(INDEX($D$3:$AA$30,INDEX(Jesper!$R$2:$R$366,ROW(INDEX(Jesper!AJ$2:AJ$366,ROUNDDOWN($C1146/24,0)+1,1))-1)+IF('Standard Profiles'!$G$20=$B$10,7,0)+IF('Standard Profiles'!$G$20=$B$17,14,0)+IF('Standard Profiles'!$G$20=$B$24,21,0),0)),0)</f>
        <v>0</v>
      </c>
      <c r="G1146" cm="1">
        <f t="array" ref="G1146">IFERROR(INDEX(Jesper!AK$2:AK$366,ROUNDDOWN($C1146/24,0)+1,1)*INDEX($D$3:$AA$30,INDEX(Jesper!$R$2:$R$366,ROW(INDEX(Jesper!AK$2:AK$366,ROUNDDOWN($C1146/24,0)+1,1))-1)+IF('Standard Profiles'!$G$21=$B$10,7,0)+IF('Standard Profiles'!$G$21=$B$17,14,0)+IF('Standard Profiles'!$G$21=$B$24,21,0),MOD($C1146,24)+1)/SUM(INDEX($D$3:$AA$30,INDEX(Jesper!$R$2:$R$366,ROW(INDEX(Jesper!AK$2:AK$366,ROUNDDOWN($C1146/24,0)+1,1))-1)+IF('Standard Profiles'!$G$21=$B$10,7,0)+IF('Standard Profiles'!$G$21=$B$17,14,0)+IF('Standard Profiles'!$G$21=$B$24,21,0),0)),0)</f>
        <v>0</v>
      </c>
      <c r="H1146" cm="1">
        <f t="array" ref="H1146">IFERROR(INDEX(Jesper!AL$2:AL$366,ROUNDDOWN($C1146/24,0)+1,1)*INDEX($D$3:$AA$30,INDEX(Jesper!$R$2:$R$366,ROW(INDEX(Jesper!AL$2:AL$366,ROUNDDOWN($C1146/24,0)+1,1))-1)+IF('Standard Profiles'!$G$22=$B$10,7,0)+IF('Standard Profiles'!$G$22=$B$17,14,0)+IF('Standard Profiles'!$G$22=$B$24,21,0),MOD($C1146,24)+1)/SUM(INDEX($D$3:$AA$30,INDEX(Jesper!$R$2:$R$366,ROW(INDEX(Jesper!AL$2:AL$366,ROUNDDOWN($C1146/24,0)+1,1))-1)+IF('Standard Profiles'!$G$22=$B$10,7,0)+IF('Standard Profiles'!$G$22=$B$17,14,0)+IF('Standard Profiles'!$G$22=$B$24,21,0),0)),0)</f>
        <v>0</v>
      </c>
      <c r="I1146">
        <f t="shared" si="139"/>
        <v>0.38215807476777791</v>
      </c>
      <c r="J1146">
        <f t="shared" si="140"/>
        <v>1.2738602492259266</v>
      </c>
      <c r="K1146">
        <f t="shared" si="141"/>
        <v>1.9107903738388896</v>
      </c>
      <c r="L1146">
        <f t="shared" si="142"/>
        <v>9.1717937944266694</v>
      </c>
      <c r="M1146">
        <f t="shared" si="143"/>
        <v>0</v>
      </c>
      <c r="N1146" s="46">
        <f t="shared" si="144"/>
        <v>45338.333333330636</v>
      </c>
    </row>
    <row r="1147" spans="2:14" x14ac:dyDescent="0.3">
      <c r="B1147">
        <f t="shared" si="138"/>
        <v>5</v>
      </c>
      <c r="C1147" s="16">
        <v>1113</v>
      </c>
      <c r="D1147" cm="1">
        <f t="array" ref="D1147">IFERROR(INDEX(Jesper!AH$2:AH$366,ROUNDDOWN($C1147/24,0)+1,1)*INDEX($D$3:$AA$30,INDEX(Jesper!$R$2:$R$366,ROW(INDEX(Jesper!AH$2:AH$366,ROUNDDOWN($C1147/24,0)+1,1))-1)+IF('Standard Profiles'!$G$18=$B$10,7,0)+IF('Standard Profiles'!$G$18=$B$17,14,0)+IF('Standard Profiles'!$G$18=$B$24,21,0),MOD($C1147,24)+1)/SUM(INDEX($D$3:$AA$30,INDEX(Jesper!$R$2:$R$366,ROW(INDEX(Jesper!AH$2:AH$366,ROUNDDOWN($C1147/24,0)+1,1))-1)+IF('Standard Profiles'!$G$18=$B$10,7,0)+IF('Standard Profiles'!$G$18=$B$17,14,0)+IF('Standard Profiles'!$G$18=$B$24,21,0),0)),0)</f>
        <v>13.648502670277782</v>
      </c>
      <c r="E1147" cm="1">
        <f t="array" ref="E1147">IFERROR(INDEX(Jesper!AI$2:AI$366,ROUNDDOWN($C1147/24,0)+1,1)*INDEX($D$3:$AA$30,INDEX(Jesper!$R$2:$R$366,ROW(INDEX(Jesper!AI$2:AI$366,ROUNDDOWN($C1147/24,0)+1,1))-1)+IF('Standard Profiles'!$G$19=$B$10,7,0)+IF('Standard Profiles'!$G$19=$B$17,14,0)+IF('Standard Profiles'!$G$19=$B$24,21,0),MOD($C1147,24)+1)/SUM(INDEX($D$3:$AA$30,INDEX(Jesper!$R$2:$R$366,ROW(INDEX(Jesper!AI$2:AI$366,ROUNDDOWN($C1147/24,0)+1,1))-1)+IF('Standard Profiles'!$G$19=$B$10,7,0)+IF('Standard Profiles'!$G$19=$B$17,14,0)+IF('Standard Profiles'!$G$19=$B$24,21,0),0)),0)</f>
        <v>0</v>
      </c>
      <c r="F1147" cm="1">
        <f t="array" ref="F1147">IFERROR(INDEX(Jesper!AJ$2:AJ$366,ROUNDDOWN($C1147/24,0)+1,1)*INDEX($D$3:$AA$30,INDEX(Jesper!$R$2:$R$366,ROW(INDEX(Jesper!AJ$2:AJ$366,ROUNDDOWN($C1147/24,0)+1,1))-1)+IF('Standard Profiles'!$G$20=$B$10,7,0)+IF('Standard Profiles'!$G$20=$B$17,14,0)+IF('Standard Profiles'!$G$20=$B$24,21,0),MOD($C1147,24)+1)/SUM(INDEX($D$3:$AA$30,INDEX(Jesper!$R$2:$R$366,ROW(INDEX(Jesper!AJ$2:AJ$366,ROUNDDOWN($C1147/24,0)+1,1))-1)+IF('Standard Profiles'!$G$20=$B$10,7,0)+IF('Standard Profiles'!$G$20=$B$17,14,0)+IF('Standard Profiles'!$G$20=$B$24,21,0),0)),0)</f>
        <v>0</v>
      </c>
      <c r="G1147" cm="1">
        <f t="array" ref="G1147">IFERROR(INDEX(Jesper!AK$2:AK$366,ROUNDDOWN($C1147/24,0)+1,1)*INDEX($D$3:$AA$30,INDEX(Jesper!$R$2:$R$366,ROW(INDEX(Jesper!AK$2:AK$366,ROUNDDOWN($C1147/24,0)+1,1))-1)+IF('Standard Profiles'!$G$21=$B$10,7,0)+IF('Standard Profiles'!$G$21=$B$17,14,0)+IF('Standard Profiles'!$G$21=$B$24,21,0),MOD($C1147,24)+1)/SUM(INDEX($D$3:$AA$30,INDEX(Jesper!$R$2:$R$366,ROW(INDEX(Jesper!AK$2:AK$366,ROUNDDOWN($C1147/24,0)+1,1))-1)+IF('Standard Profiles'!$G$21=$B$10,7,0)+IF('Standard Profiles'!$G$21=$B$17,14,0)+IF('Standard Profiles'!$G$21=$B$24,21,0),0)),0)</f>
        <v>0</v>
      </c>
      <c r="H1147" cm="1">
        <f t="array" ref="H1147">IFERROR(INDEX(Jesper!AL$2:AL$366,ROUNDDOWN($C1147/24,0)+1,1)*INDEX($D$3:$AA$30,INDEX(Jesper!$R$2:$R$366,ROW(INDEX(Jesper!AL$2:AL$366,ROUNDDOWN($C1147/24,0)+1,1))-1)+IF('Standard Profiles'!$G$22=$B$10,7,0)+IF('Standard Profiles'!$G$22=$B$17,14,0)+IF('Standard Profiles'!$G$22=$B$24,21,0),MOD($C1147,24)+1)/SUM(INDEX($D$3:$AA$30,INDEX(Jesper!$R$2:$R$366,ROW(INDEX(Jesper!AL$2:AL$366,ROUNDDOWN($C1147/24,0)+1,1))-1)+IF('Standard Profiles'!$G$22=$B$10,7,0)+IF('Standard Profiles'!$G$22=$B$17,14,0)+IF('Standard Profiles'!$G$22=$B$24,21,0),0)),0)</f>
        <v>0</v>
      </c>
      <c r="I1147">
        <f t="shared" si="139"/>
        <v>0.40945508010833348</v>
      </c>
      <c r="J1147">
        <f t="shared" si="140"/>
        <v>1.3648502670277782</v>
      </c>
      <c r="K1147">
        <f t="shared" si="141"/>
        <v>2.0472754005416673</v>
      </c>
      <c r="L1147">
        <f t="shared" si="142"/>
        <v>9.8269219226000022</v>
      </c>
      <c r="M1147">
        <f t="shared" si="143"/>
        <v>0</v>
      </c>
      <c r="N1147" s="46">
        <f t="shared" si="144"/>
        <v>45338.374999997301</v>
      </c>
    </row>
    <row r="1148" spans="2:14" x14ac:dyDescent="0.3">
      <c r="B1148">
        <f t="shared" si="138"/>
        <v>5</v>
      </c>
      <c r="C1148" s="16">
        <v>1114</v>
      </c>
      <c r="D1148" cm="1">
        <f t="array" ref="D1148">IFERROR(INDEX(Jesper!AH$2:AH$366,ROUNDDOWN($C1148/24,0)+1,1)*INDEX($D$3:$AA$30,INDEX(Jesper!$R$2:$R$366,ROW(INDEX(Jesper!AH$2:AH$366,ROUNDDOWN($C1148/24,0)+1,1))-1)+IF('Standard Profiles'!$G$18=$B$10,7,0)+IF('Standard Profiles'!$G$18=$B$17,14,0)+IF('Standard Profiles'!$G$18=$B$24,21,0),MOD($C1148,24)+1)/SUM(INDEX($D$3:$AA$30,INDEX(Jesper!$R$2:$R$366,ROW(INDEX(Jesper!AH$2:AH$366,ROUNDDOWN($C1148/24,0)+1,1))-1)+IF('Standard Profiles'!$G$18=$B$10,7,0)+IF('Standard Profiles'!$G$18=$B$17,14,0)+IF('Standard Profiles'!$G$18=$B$24,21,0),0)),0)</f>
        <v>14.194442777088895</v>
      </c>
      <c r="E1148" cm="1">
        <f t="array" ref="E1148">IFERROR(INDEX(Jesper!AI$2:AI$366,ROUNDDOWN($C1148/24,0)+1,1)*INDEX($D$3:$AA$30,INDEX(Jesper!$R$2:$R$366,ROW(INDEX(Jesper!AI$2:AI$366,ROUNDDOWN($C1148/24,0)+1,1))-1)+IF('Standard Profiles'!$G$19=$B$10,7,0)+IF('Standard Profiles'!$G$19=$B$17,14,0)+IF('Standard Profiles'!$G$19=$B$24,21,0),MOD($C1148,24)+1)/SUM(INDEX($D$3:$AA$30,INDEX(Jesper!$R$2:$R$366,ROW(INDEX(Jesper!AI$2:AI$366,ROUNDDOWN($C1148/24,0)+1,1))-1)+IF('Standard Profiles'!$G$19=$B$10,7,0)+IF('Standard Profiles'!$G$19=$B$17,14,0)+IF('Standard Profiles'!$G$19=$B$24,21,0),0)),0)</f>
        <v>0</v>
      </c>
      <c r="F1148" cm="1">
        <f t="array" ref="F1148">IFERROR(INDEX(Jesper!AJ$2:AJ$366,ROUNDDOWN($C1148/24,0)+1,1)*INDEX($D$3:$AA$30,INDEX(Jesper!$R$2:$R$366,ROW(INDEX(Jesper!AJ$2:AJ$366,ROUNDDOWN($C1148/24,0)+1,1))-1)+IF('Standard Profiles'!$G$20=$B$10,7,0)+IF('Standard Profiles'!$G$20=$B$17,14,0)+IF('Standard Profiles'!$G$20=$B$24,21,0),MOD($C1148,24)+1)/SUM(INDEX($D$3:$AA$30,INDEX(Jesper!$R$2:$R$366,ROW(INDEX(Jesper!AJ$2:AJ$366,ROUNDDOWN($C1148/24,0)+1,1))-1)+IF('Standard Profiles'!$G$20=$B$10,7,0)+IF('Standard Profiles'!$G$20=$B$17,14,0)+IF('Standard Profiles'!$G$20=$B$24,21,0),0)),0)</f>
        <v>0</v>
      </c>
      <c r="G1148" cm="1">
        <f t="array" ref="G1148">IFERROR(INDEX(Jesper!AK$2:AK$366,ROUNDDOWN($C1148/24,0)+1,1)*INDEX($D$3:$AA$30,INDEX(Jesper!$R$2:$R$366,ROW(INDEX(Jesper!AK$2:AK$366,ROUNDDOWN($C1148/24,0)+1,1))-1)+IF('Standard Profiles'!$G$21=$B$10,7,0)+IF('Standard Profiles'!$G$21=$B$17,14,0)+IF('Standard Profiles'!$G$21=$B$24,21,0),MOD($C1148,24)+1)/SUM(INDEX($D$3:$AA$30,INDEX(Jesper!$R$2:$R$366,ROW(INDEX(Jesper!AK$2:AK$366,ROUNDDOWN($C1148/24,0)+1,1))-1)+IF('Standard Profiles'!$G$21=$B$10,7,0)+IF('Standard Profiles'!$G$21=$B$17,14,0)+IF('Standard Profiles'!$G$21=$B$24,21,0),0)),0)</f>
        <v>0</v>
      </c>
      <c r="H1148" cm="1">
        <f t="array" ref="H1148">IFERROR(INDEX(Jesper!AL$2:AL$366,ROUNDDOWN($C1148/24,0)+1,1)*INDEX($D$3:$AA$30,INDEX(Jesper!$R$2:$R$366,ROW(INDEX(Jesper!AL$2:AL$366,ROUNDDOWN($C1148/24,0)+1,1))-1)+IF('Standard Profiles'!$G$22=$B$10,7,0)+IF('Standard Profiles'!$G$22=$B$17,14,0)+IF('Standard Profiles'!$G$22=$B$24,21,0),MOD($C1148,24)+1)/SUM(INDEX($D$3:$AA$30,INDEX(Jesper!$R$2:$R$366,ROW(INDEX(Jesper!AL$2:AL$366,ROUNDDOWN($C1148/24,0)+1,1))-1)+IF('Standard Profiles'!$G$22=$B$10,7,0)+IF('Standard Profiles'!$G$22=$B$17,14,0)+IF('Standard Profiles'!$G$22=$B$24,21,0),0)),0)</f>
        <v>0</v>
      </c>
      <c r="I1148">
        <f t="shared" si="139"/>
        <v>0.42583328331266684</v>
      </c>
      <c r="J1148">
        <f t="shared" si="140"/>
        <v>1.4194442777088896</v>
      </c>
      <c r="K1148">
        <f t="shared" si="141"/>
        <v>2.1291664165633342</v>
      </c>
      <c r="L1148">
        <f t="shared" si="142"/>
        <v>10.219998799504005</v>
      </c>
      <c r="M1148">
        <f t="shared" si="143"/>
        <v>0</v>
      </c>
      <c r="N1148" s="46">
        <f t="shared" si="144"/>
        <v>45338.416666663965</v>
      </c>
    </row>
    <row r="1149" spans="2:14" x14ac:dyDescent="0.3">
      <c r="B1149">
        <f t="shared" si="138"/>
        <v>5</v>
      </c>
      <c r="C1149" s="16">
        <v>1115</v>
      </c>
      <c r="D1149" cm="1">
        <f t="array" ref="D1149">IFERROR(INDEX(Jesper!AH$2:AH$366,ROUNDDOWN($C1149/24,0)+1,1)*INDEX($D$3:$AA$30,INDEX(Jesper!$R$2:$R$366,ROW(INDEX(Jesper!AH$2:AH$366,ROUNDDOWN($C1149/24,0)+1,1))-1)+IF('Standard Profiles'!$G$18=$B$10,7,0)+IF('Standard Profiles'!$G$18=$B$17,14,0)+IF('Standard Profiles'!$G$18=$B$24,21,0),MOD($C1149,24)+1)/SUM(INDEX($D$3:$AA$30,INDEX(Jesper!$R$2:$R$366,ROW(INDEX(Jesper!AH$2:AH$366,ROUNDDOWN($C1149/24,0)+1,1))-1)+IF('Standard Profiles'!$G$18=$B$10,7,0)+IF('Standard Profiles'!$G$18=$B$17,14,0)+IF('Standard Profiles'!$G$18=$B$24,21,0),0)),0)</f>
        <v>16.378203204333342</v>
      </c>
      <c r="E1149" cm="1">
        <f t="array" ref="E1149">IFERROR(INDEX(Jesper!AI$2:AI$366,ROUNDDOWN($C1149/24,0)+1,1)*INDEX($D$3:$AA$30,INDEX(Jesper!$R$2:$R$366,ROW(INDEX(Jesper!AI$2:AI$366,ROUNDDOWN($C1149/24,0)+1,1))-1)+IF('Standard Profiles'!$G$19=$B$10,7,0)+IF('Standard Profiles'!$G$19=$B$17,14,0)+IF('Standard Profiles'!$G$19=$B$24,21,0),MOD($C1149,24)+1)/SUM(INDEX($D$3:$AA$30,INDEX(Jesper!$R$2:$R$366,ROW(INDEX(Jesper!AI$2:AI$366,ROUNDDOWN($C1149/24,0)+1,1))-1)+IF('Standard Profiles'!$G$19=$B$10,7,0)+IF('Standard Profiles'!$G$19=$B$17,14,0)+IF('Standard Profiles'!$G$19=$B$24,21,0),0)),0)</f>
        <v>0</v>
      </c>
      <c r="F1149" cm="1">
        <f t="array" ref="F1149">IFERROR(INDEX(Jesper!AJ$2:AJ$366,ROUNDDOWN($C1149/24,0)+1,1)*INDEX($D$3:$AA$30,INDEX(Jesper!$R$2:$R$366,ROW(INDEX(Jesper!AJ$2:AJ$366,ROUNDDOWN($C1149/24,0)+1,1))-1)+IF('Standard Profiles'!$G$20=$B$10,7,0)+IF('Standard Profiles'!$G$20=$B$17,14,0)+IF('Standard Profiles'!$G$20=$B$24,21,0),MOD($C1149,24)+1)/SUM(INDEX($D$3:$AA$30,INDEX(Jesper!$R$2:$R$366,ROW(INDEX(Jesper!AJ$2:AJ$366,ROUNDDOWN($C1149/24,0)+1,1))-1)+IF('Standard Profiles'!$G$20=$B$10,7,0)+IF('Standard Profiles'!$G$20=$B$17,14,0)+IF('Standard Profiles'!$G$20=$B$24,21,0),0)),0)</f>
        <v>0</v>
      </c>
      <c r="G1149" cm="1">
        <f t="array" ref="G1149">IFERROR(INDEX(Jesper!AK$2:AK$366,ROUNDDOWN($C1149/24,0)+1,1)*INDEX($D$3:$AA$30,INDEX(Jesper!$R$2:$R$366,ROW(INDEX(Jesper!AK$2:AK$366,ROUNDDOWN($C1149/24,0)+1,1))-1)+IF('Standard Profiles'!$G$21=$B$10,7,0)+IF('Standard Profiles'!$G$21=$B$17,14,0)+IF('Standard Profiles'!$G$21=$B$24,21,0),MOD($C1149,24)+1)/SUM(INDEX($D$3:$AA$30,INDEX(Jesper!$R$2:$R$366,ROW(INDEX(Jesper!AK$2:AK$366,ROUNDDOWN($C1149/24,0)+1,1))-1)+IF('Standard Profiles'!$G$21=$B$10,7,0)+IF('Standard Profiles'!$G$21=$B$17,14,0)+IF('Standard Profiles'!$G$21=$B$24,21,0),0)),0)</f>
        <v>0</v>
      </c>
      <c r="H1149" cm="1">
        <f t="array" ref="H1149">IFERROR(INDEX(Jesper!AL$2:AL$366,ROUNDDOWN($C1149/24,0)+1,1)*INDEX($D$3:$AA$30,INDEX(Jesper!$R$2:$R$366,ROW(INDEX(Jesper!AL$2:AL$366,ROUNDDOWN($C1149/24,0)+1,1))-1)+IF('Standard Profiles'!$G$22=$B$10,7,0)+IF('Standard Profiles'!$G$22=$B$17,14,0)+IF('Standard Profiles'!$G$22=$B$24,21,0),MOD($C1149,24)+1)/SUM(INDEX($D$3:$AA$30,INDEX(Jesper!$R$2:$R$366,ROW(INDEX(Jesper!AL$2:AL$366,ROUNDDOWN($C1149/24,0)+1,1))-1)+IF('Standard Profiles'!$G$22=$B$10,7,0)+IF('Standard Profiles'!$G$22=$B$17,14,0)+IF('Standard Profiles'!$G$22=$B$24,21,0),0)),0)</f>
        <v>0</v>
      </c>
      <c r="I1149">
        <f t="shared" si="139"/>
        <v>0.49134609613000024</v>
      </c>
      <c r="J1149">
        <f t="shared" si="140"/>
        <v>1.6378203204333344</v>
      </c>
      <c r="K1149">
        <f t="shared" si="141"/>
        <v>2.4567304806500014</v>
      </c>
      <c r="L1149">
        <f t="shared" si="142"/>
        <v>11.792306307120006</v>
      </c>
      <c r="M1149">
        <f t="shared" si="143"/>
        <v>0</v>
      </c>
      <c r="N1149" s="46">
        <f t="shared" si="144"/>
        <v>45338.458333330629</v>
      </c>
    </row>
    <row r="1150" spans="2:14" x14ac:dyDescent="0.3">
      <c r="B1150">
        <f t="shared" si="138"/>
        <v>5</v>
      </c>
      <c r="C1150" s="16">
        <v>1116</v>
      </c>
      <c r="D1150" cm="1">
        <f t="array" ref="D1150">IFERROR(INDEX(Jesper!AH$2:AH$366,ROUNDDOWN($C1150/24,0)+1,1)*INDEX($D$3:$AA$30,INDEX(Jesper!$R$2:$R$366,ROW(INDEX(Jesper!AH$2:AH$366,ROUNDDOWN($C1150/24,0)+1,1))-1)+IF('Standard Profiles'!$G$18=$B$10,7,0)+IF('Standard Profiles'!$G$18=$B$17,14,0)+IF('Standard Profiles'!$G$18=$B$24,21,0),MOD($C1150,24)+1)/SUM(INDEX($D$3:$AA$30,INDEX(Jesper!$R$2:$R$366,ROW(INDEX(Jesper!AH$2:AH$366,ROUNDDOWN($C1150/24,0)+1,1))-1)+IF('Standard Profiles'!$G$18=$B$10,7,0)+IF('Standard Profiles'!$G$18=$B$17,14,0)+IF('Standard Profiles'!$G$18=$B$24,21,0),0)),0)</f>
        <v>16.378203204333342</v>
      </c>
      <c r="E1150" cm="1">
        <f t="array" ref="E1150">IFERROR(INDEX(Jesper!AI$2:AI$366,ROUNDDOWN($C1150/24,0)+1,1)*INDEX($D$3:$AA$30,INDEX(Jesper!$R$2:$R$366,ROW(INDEX(Jesper!AI$2:AI$366,ROUNDDOWN($C1150/24,0)+1,1))-1)+IF('Standard Profiles'!$G$19=$B$10,7,0)+IF('Standard Profiles'!$G$19=$B$17,14,0)+IF('Standard Profiles'!$G$19=$B$24,21,0),MOD($C1150,24)+1)/SUM(INDEX($D$3:$AA$30,INDEX(Jesper!$R$2:$R$366,ROW(INDEX(Jesper!AI$2:AI$366,ROUNDDOWN($C1150/24,0)+1,1))-1)+IF('Standard Profiles'!$G$19=$B$10,7,0)+IF('Standard Profiles'!$G$19=$B$17,14,0)+IF('Standard Profiles'!$G$19=$B$24,21,0),0)),0)</f>
        <v>0</v>
      </c>
      <c r="F1150" cm="1">
        <f t="array" ref="F1150">IFERROR(INDEX(Jesper!AJ$2:AJ$366,ROUNDDOWN($C1150/24,0)+1,1)*INDEX($D$3:$AA$30,INDEX(Jesper!$R$2:$R$366,ROW(INDEX(Jesper!AJ$2:AJ$366,ROUNDDOWN($C1150/24,0)+1,1))-1)+IF('Standard Profiles'!$G$20=$B$10,7,0)+IF('Standard Profiles'!$G$20=$B$17,14,0)+IF('Standard Profiles'!$G$20=$B$24,21,0),MOD($C1150,24)+1)/SUM(INDEX($D$3:$AA$30,INDEX(Jesper!$R$2:$R$366,ROW(INDEX(Jesper!AJ$2:AJ$366,ROUNDDOWN($C1150/24,0)+1,1))-1)+IF('Standard Profiles'!$G$20=$B$10,7,0)+IF('Standard Profiles'!$G$20=$B$17,14,0)+IF('Standard Profiles'!$G$20=$B$24,21,0),0)),0)</f>
        <v>0</v>
      </c>
      <c r="G1150" cm="1">
        <f t="array" ref="G1150">IFERROR(INDEX(Jesper!AK$2:AK$366,ROUNDDOWN($C1150/24,0)+1,1)*INDEX($D$3:$AA$30,INDEX(Jesper!$R$2:$R$366,ROW(INDEX(Jesper!AK$2:AK$366,ROUNDDOWN($C1150/24,0)+1,1))-1)+IF('Standard Profiles'!$G$21=$B$10,7,0)+IF('Standard Profiles'!$G$21=$B$17,14,0)+IF('Standard Profiles'!$G$21=$B$24,21,0),MOD($C1150,24)+1)/SUM(INDEX($D$3:$AA$30,INDEX(Jesper!$R$2:$R$366,ROW(INDEX(Jesper!AK$2:AK$366,ROUNDDOWN($C1150/24,0)+1,1))-1)+IF('Standard Profiles'!$G$21=$B$10,7,0)+IF('Standard Profiles'!$G$21=$B$17,14,0)+IF('Standard Profiles'!$G$21=$B$24,21,0),0)),0)</f>
        <v>0</v>
      </c>
      <c r="H1150" cm="1">
        <f t="array" ref="H1150">IFERROR(INDEX(Jesper!AL$2:AL$366,ROUNDDOWN($C1150/24,0)+1,1)*INDEX($D$3:$AA$30,INDEX(Jesper!$R$2:$R$366,ROW(INDEX(Jesper!AL$2:AL$366,ROUNDDOWN($C1150/24,0)+1,1))-1)+IF('Standard Profiles'!$G$22=$B$10,7,0)+IF('Standard Profiles'!$G$22=$B$17,14,0)+IF('Standard Profiles'!$G$22=$B$24,21,0),MOD($C1150,24)+1)/SUM(INDEX($D$3:$AA$30,INDEX(Jesper!$R$2:$R$366,ROW(INDEX(Jesper!AL$2:AL$366,ROUNDDOWN($C1150/24,0)+1,1))-1)+IF('Standard Profiles'!$G$22=$B$10,7,0)+IF('Standard Profiles'!$G$22=$B$17,14,0)+IF('Standard Profiles'!$G$22=$B$24,21,0),0)),0)</f>
        <v>0</v>
      </c>
      <c r="I1150">
        <f t="shared" si="139"/>
        <v>0.49134609613000024</v>
      </c>
      <c r="J1150">
        <f t="shared" si="140"/>
        <v>1.6378203204333344</v>
      </c>
      <c r="K1150">
        <f t="shared" si="141"/>
        <v>2.4567304806500014</v>
      </c>
      <c r="L1150">
        <f t="shared" si="142"/>
        <v>11.792306307120006</v>
      </c>
      <c r="M1150">
        <f t="shared" si="143"/>
        <v>0</v>
      </c>
      <c r="N1150" s="46">
        <f t="shared" si="144"/>
        <v>45338.499999997293</v>
      </c>
    </row>
    <row r="1151" spans="2:14" x14ac:dyDescent="0.3">
      <c r="B1151">
        <f t="shared" si="138"/>
        <v>5</v>
      </c>
      <c r="C1151" s="16">
        <v>1117</v>
      </c>
      <c r="D1151" cm="1">
        <f t="array" ref="D1151">IFERROR(INDEX(Jesper!AH$2:AH$366,ROUNDDOWN($C1151/24,0)+1,1)*INDEX($D$3:$AA$30,INDEX(Jesper!$R$2:$R$366,ROW(INDEX(Jesper!AH$2:AH$366,ROUNDDOWN($C1151/24,0)+1,1))-1)+IF('Standard Profiles'!$G$18=$B$10,7,0)+IF('Standard Profiles'!$G$18=$B$17,14,0)+IF('Standard Profiles'!$G$18=$B$24,21,0),MOD($C1151,24)+1)/SUM(INDEX($D$3:$AA$30,INDEX(Jesper!$R$2:$R$366,ROW(INDEX(Jesper!AH$2:AH$366,ROUNDDOWN($C1151/24,0)+1,1))-1)+IF('Standard Profiles'!$G$18=$B$10,7,0)+IF('Standard Profiles'!$G$18=$B$17,14,0)+IF('Standard Profiles'!$G$18=$B$24,21,0),0)),0)</f>
        <v>16.378203204333342</v>
      </c>
      <c r="E1151" cm="1">
        <f t="array" ref="E1151">IFERROR(INDEX(Jesper!AI$2:AI$366,ROUNDDOWN($C1151/24,0)+1,1)*INDEX($D$3:$AA$30,INDEX(Jesper!$R$2:$R$366,ROW(INDEX(Jesper!AI$2:AI$366,ROUNDDOWN($C1151/24,0)+1,1))-1)+IF('Standard Profiles'!$G$19=$B$10,7,0)+IF('Standard Profiles'!$G$19=$B$17,14,0)+IF('Standard Profiles'!$G$19=$B$24,21,0),MOD($C1151,24)+1)/SUM(INDEX($D$3:$AA$30,INDEX(Jesper!$R$2:$R$366,ROW(INDEX(Jesper!AI$2:AI$366,ROUNDDOWN($C1151/24,0)+1,1))-1)+IF('Standard Profiles'!$G$19=$B$10,7,0)+IF('Standard Profiles'!$G$19=$B$17,14,0)+IF('Standard Profiles'!$G$19=$B$24,21,0),0)),0)</f>
        <v>0</v>
      </c>
      <c r="F1151" cm="1">
        <f t="array" ref="F1151">IFERROR(INDEX(Jesper!AJ$2:AJ$366,ROUNDDOWN($C1151/24,0)+1,1)*INDEX($D$3:$AA$30,INDEX(Jesper!$R$2:$R$366,ROW(INDEX(Jesper!AJ$2:AJ$366,ROUNDDOWN($C1151/24,0)+1,1))-1)+IF('Standard Profiles'!$G$20=$B$10,7,0)+IF('Standard Profiles'!$G$20=$B$17,14,0)+IF('Standard Profiles'!$G$20=$B$24,21,0),MOD($C1151,24)+1)/SUM(INDEX($D$3:$AA$30,INDEX(Jesper!$R$2:$R$366,ROW(INDEX(Jesper!AJ$2:AJ$366,ROUNDDOWN($C1151/24,0)+1,1))-1)+IF('Standard Profiles'!$G$20=$B$10,7,0)+IF('Standard Profiles'!$G$20=$B$17,14,0)+IF('Standard Profiles'!$G$20=$B$24,21,0),0)),0)</f>
        <v>0</v>
      </c>
      <c r="G1151" cm="1">
        <f t="array" ref="G1151">IFERROR(INDEX(Jesper!AK$2:AK$366,ROUNDDOWN($C1151/24,0)+1,1)*INDEX($D$3:$AA$30,INDEX(Jesper!$R$2:$R$366,ROW(INDEX(Jesper!AK$2:AK$366,ROUNDDOWN($C1151/24,0)+1,1))-1)+IF('Standard Profiles'!$G$21=$B$10,7,0)+IF('Standard Profiles'!$G$21=$B$17,14,0)+IF('Standard Profiles'!$G$21=$B$24,21,0),MOD($C1151,24)+1)/SUM(INDEX($D$3:$AA$30,INDEX(Jesper!$R$2:$R$366,ROW(INDEX(Jesper!AK$2:AK$366,ROUNDDOWN($C1151/24,0)+1,1))-1)+IF('Standard Profiles'!$G$21=$B$10,7,0)+IF('Standard Profiles'!$G$21=$B$17,14,0)+IF('Standard Profiles'!$G$21=$B$24,21,0),0)),0)</f>
        <v>0</v>
      </c>
      <c r="H1151" cm="1">
        <f t="array" ref="H1151">IFERROR(INDEX(Jesper!AL$2:AL$366,ROUNDDOWN($C1151/24,0)+1,1)*INDEX($D$3:$AA$30,INDEX(Jesper!$R$2:$R$366,ROW(INDEX(Jesper!AL$2:AL$366,ROUNDDOWN($C1151/24,0)+1,1))-1)+IF('Standard Profiles'!$G$22=$B$10,7,0)+IF('Standard Profiles'!$G$22=$B$17,14,0)+IF('Standard Profiles'!$G$22=$B$24,21,0),MOD($C1151,24)+1)/SUM(INDEX($D$3:$AA$30,INDEX(Jesper!$R$2:$R$366,ROW(INDEX(Jesper!AL$2:AL$366,ROUNDDOWN($C1151/24,0)+1,1))-1)+IF('Standard Profiles'!$G$22=$B$10,7,0)+IF('Standard Profiles'!$G$22=$B$17,14,0)+IF('Standard Profiles'!$G$22=$B$24,21,0),0)),0)</f>
        <v>0</v>
      </c>
      <c r="I1151">
        <f t="shared" si="139"/>
        <v>0.49134609613000024</v>
      </c>
      <c r="J1151">
        <f t="shared" si="140"/>
        <v>1.6378203204333344</v>
      </c>
      <c r="K1151">
        <f t="shared" si="141"/>
        <v>2.4567304806500014</v>
      </c>
      <c r="L1151">
        <f t="shared" si="142"/>
        <v>11.792306307120006</v>
      </c>
      <c r="M1151">
        <f t="shared" si="143"/>
        <v>0</v>
      </c>
      <c r="N1151" s="46">
        <f t="shared" si="144"/>
        <v>45338.541666663958</v>
      </c>
    </row>
    <row r="1152" spans="2:14" x14ac:dyDescent="0.3">
      <c r="B1152">
        <f t="shared" si="138"/>
        <v>5</v>
      </c>
      <c r="C1152" s="16">
        <v>1118</v>
      </c>
      <c r="D1152" cm="1">
        <f t="array" ref="D1152">IFERROR(INDEX(Jesper!AH$2:AH$366,ROUNDDOWN($C1152/24,0)+1,1)*INDEX($D$3:$AA$30,INDEX(Jesper!$R$2:$R$366,ROW(INDEX(Jesper!AH$2:AH$366,ROUNDDOWN($C1152/24,0)+1,1))-1)+IF('Standard Profiles'!$G$18=$B$10,7,0)+IF('Standard Profiles'!$G$18=$B$17,14,0)+IF('Standard Profiles'!$G$18=$B$24,21,0),MOD($C1152,24)+1)/SUM(INDEX($D$3:$AA$30,INDEX(Jesper!$R$2:$R$366,ROW(INDEX(Jesper!AH$2:AH$366,ROUNDDOWN($C1152/24,0)+1,1))-1)+IF('Standard Profiles'!$G$18=$B$10,7,0)+IF('Standard Profiles'!$G$18=$B$17,14,0)+IF('Standard Profiles'!$G$18=$B$24,21,0),0)),0)</f>
        <v>16.378203204333342</v>
      </c>
      <c r="E1152" cm="1">
        <f t="array" ref="E1152">IFERROR(INDEX(Jesper!AI$2:AI$366,ROUNDDOWN($C1152/24,0)+1,1)*INDEX($D$3:$AA$30,INDEX(Jesper!$R$2:$R$366,ROW(INDEX(Jesper!AI$2:AI$366,ROUNDDOWN($C1152/24,0)+1,1))-1)+IF('Standard Profiles'!$G$19=$B$10,7,0)+IF('Standard Profiles'!$G$19=$B$17,14,0)+IF('Standard Profiles'!$G$19=$B$24,21,0),MOD($C1152,24)+1)/SUM(INDEX($D$3:$AA$30,INDEX(Jesper!$R$2:$R$366,ROW(INDEX(Jesper!AI$2:AI$366,ROUNDDOWN($C1152/24,0)+1,1))-1)+IF('Standard Profiles'!$G$19=$B$10,7,0)+IF('Standard Profiles'!$G$19=$B$17,14,0)+IF('Standard Profiles'!$G$19=$B$24,21,0),0)),0)</f>
        <v>0</v>
      </c>
      <c r="F1152" cm="1">
        <f t="array" ref="F1152">IFERROR(INDEX(Jesper!AJ$2:AJ$366,ROUNDDOWN($C1152/24,0)+1,1)*INDEX($D$3:$AA$30,INDEX(Jesper!$R$2:$R$366,ROW(INDEX(Jesper!AJ$2:AJ$366,ROUNDDOWN($C1152/24,0)+1,1))-1)+IF('Standard Profiles'!$G$20=$B$10,7,0)+IF('Standard Profiles'!$G$20=$B$17,14,0)+IF('Standard Profiles'!$G$20=$B$24,21,0),MOD($C1152,24)+1)/SUM(INDEX($D$3:$AA$30,INDEX(Jesper!$R$2:$R$366,ROW(INDEX(Jesper!AJ$2:AJ$366,ROUNDDOWN($C1152/24,0)+1,1))-1)+IF('Standard Profiles'!$G$20=$B$10,7,0)+IF('Standard Profiles'!$G$20=$B$17,14,0)+IF('Standard Profiles'!$G$20=$B$24,21,0),0)),0)</f>
        <v>0</v>
      </c>
      <c r="G1152" cm="1">
        <f t="array" ref="G1152">IFERROR(INDEX(Jesper!AK$2:AK$366,ROUNDDOWN($C1152/24,0)+1,1)*INDEX($D$3:$AA$30,INDEX(Jesper!$R$2:$R$366,ROW(INDEX(Jesper!AK$2:AK$366,ROUNDDOWN($C1152/24,0)+1,1))-1)+IF('Standard Profiles'!$G$21=$B$10,7,0)+IF('Standard Profiles'!$G$21=$B$17,14,0)+IF('Standard Profiles'!$G$21=$B$24,21,0),MOD($C1152,24)+1)/SUM(INDEX($D$3:$AA$30,INDEX(Jesper!$R$2:$R$366,ROW(INDEX(Jesper!AK$2:AK$366,ROUNDDOWN($C1152/24,0)+1,1))-1)+IF('Standard Profiles'!$G$21=$B$10,7,0)+IF('Standard Profiles'!$G$21=$B$17,14,0)+IF('Standard Profiles'!$G$21=$B$24,21,0),0)),0)</f>
        <v>0</v>
      </c>
      <c r="H1152" cm="1">
        <f t="array" ref="H1152">IFERROR(INDEX(Jesper!AL$2:AL$366,ROUNDDOWN($C1152/24,0)+1,1)*INDEX($D$3:$AA$30,INDEX(Jesper!$R$2:$R$366,ROW(INDEX(Jesper!AL$2:AL$366,ROUNDDOWN($C1152/24,0)+1,1))-1)+IF('Standard Profiles'!$G$22=$B$10,7,0)+IF('Standard Profiles'!$G$22=$B$17,14,0)+IF('Standard Profiles'!$G$22=$B$24,21,0),MOD($C1152,24)+1)/SUM(INDEX($D$3:$AA$30,INDEX(Jesper!$R$2:$R$366,ROW(INDEX(Jesper!AL$2:AL$366,ROUNDDOWN($C1152/24,0)+1,1))-1)+IF('Standard Profiles'!$G$22=$B$10,7,0)+IF('Standard Profiles'!$G$22=$B$17,14,0)+IF('Standard Profiles'!$G$22=$B$24,21,0),0)),0)</f>
        <v>0</v>
      </c>
      <c r="I1152">
        <f t="shared" si="139"/>
        <v>0.49134609613000024</v>
      </c>
      <c r="J1152">
        <f t="shared" si="140"/>
        <v>1.6378203204333344</v>
      </c>
      <c r="K1152">
        <f t="shared" si="141"/>
        <v>2.4567304806500014</v>
      </c>
      <c r="L1152">
        <f t="shared" si="142"/>
        <v>11.792306307120006</v>
      </c>
      <c r="M1152">
        <f t="shared" si="143"/>
        <v>0</v>
      </c>
      <c r="N1152" s="46">
        <f t="shared" si="144"/>
        <v>45338.583333330622</v>
      </c>
    </row>
    <row r="1153" spans="2:14" x14ac:dyDescent="0.3">
      <c r="B1153">
        <f t="shared" si="138"/>
        <v>5</v>
      </c>
      <c r="C1153" s="16">
        <v>1119</v>
      </c>
      <c r="D1153" cm="1">
        <f t="array" ref="D1153">IFERROR(INDEX(Jesper!AH$2:AH$366,ROUNDDOWN($C1153/24,0)+1,1)*INDEX($D$3:$AA$30,INDEX(Jesper!$R$2:$R$366,ROW(INDEX(Jesper!AH$2:AH$366,ROUNDDOWN($C1153/24,0)+1,1))-1)+IF('Standard Profiles'!$G$18=$B$10,7,0)+IF('Standard Profiles'!$G$18=$B$17,14,0)+IF('Standard Profiles'!$G$18=$B$24,21,0),MOD($C1153,24)+1)/SUM(INDEX($D$3:$AA$30,INDEX(Jesper!$R$2:$R$366,ROW(INDEX(Jesper!AH$2:AH$366,ROUNDDOWN($C1153/24,0)+1,1))-1)+IF('Standard Profiles'!$G$18=$B$10,7,0)+IF('Standard Profiles'!$G$18=$B$17,14,0)+IF('Standard Profiles'!$G$18=$B$24,21,0),0)),0)</f>
        <v>13.648502670277782</v>
      </c>
      <c r="E1153" cm="1">
        <f t="array" ref="E1153">IFERROR(INDEX(Jesper!AI$2:AI$366,ROUNDDOWN($C1153/24,0)+1,1)*INDEX($D$3:$AA$30,INDEX(Jesper!$R$2:$R$366,ROW(INDEX(Jesper!AI$2:AI$366,ROUNDDOWN($C1153/24,0)+1,1))-1)+IF('Standard Profiles'!$G$19=$B$10,7,0)+IF('Standard Profiles'!$G$19=$B$17,14,0)+IF('Standard Profiles'!$G$19=$B$24,21,0),MOD($C1153,24)+1)/SUM(INDEX($D$3:$AA$30,INDEX(Jesper!$R$2:$R$366,ROW(INDEX(Jesper!AI$2:AI$366,ROUNDDOWN($C1153/24,0)+1,1))-1)+IF('Standard Profiles'!$G$19=$B$10,7,0)+IF('Standard Profiles'!$G$19=$B$17,14,0)+IF('Standard Profiles'!$G$19=$B$24,21,0),0)),0)</f>
        <v>0</v>
      </c>
      <c r="F1153" cm="1">
        <f t="array" ref="F1153">IFERROR(INDEX(Jesper!AJ$2:AJ$366,ROUNDDOWN($C1153/24,0)+1,1)*INDEX($D$3:$AA$30,INDEX(Jesper!$R$2:$R$366,ROW(INDEX(Jesper!AJ$2:AJ$366,ROUNDDOWN($C1153/24,0)+1,1))-1)+IF('Standard Profiles'!$G$20=$B$10,7,0)+IF('Standard Profiles'!$G$20=$B$17,14,0)+IF('Standard Profiles'!$G$20=$B$24,21,0),MOD($C1153,24)+1)/SUM(INDEX($D$3:$AA$30,INDEX(Jesper!$R$2:$R$366,ROW(INDEX(Jesper!AJ$2:AJ$366,ROUNDDOWN($C1153/24,0)+1,1))-1)+IF('Standard Profiles'!$G$20=$B$10,7,0)+IF('Standard Profiles'!$G$20=$B$17,14,0)+IF('Standard Profiles'!$G$20=$B$24,21,0),0)),0)</f>
        <v>0</v>
      </c>
      <c r="G1153" cm="1">
        <f t="array" ref="G1153">IFERROR(INDEX(Jesper!AK$2:AK$366,ROUNDDOWN($C1153/24,0)+1,1)*INDEX($D$3:$AA$30,INDEX(Jesper!$R$2:$R$366,ROW(INDEX(Jesper!AK$2:AK$366,ROUNDDOWN($C1153/24,0)+1,1))-1)+IF('Standard Profiles'!$G$21=$B$10,7,0)+IF('Standard Profiles'!$G$21=$B$17,14,0)+IF('Standard Profiles'!$G$21=$B$24,21,0),MOD($C1153,24)+1)/SUM(INDEX($D$3:$AA$30,INDEX(Jesper!$R$2:$R$366,ROW(INDEX(Jesper!AK$2:AK$366,ROUNDDOWN($C1153/24,0)+1,1))-1)+IF('Standard Profiles'!$G$21=$B$10,7,0)+IF('Standard Profiles'!$G$21=$B$17,14,0)+IF('Standard Profiles'!$G$21=$B$24,21,0),0)),0)</f>
        <v>0</v>
      </c>
      <c r="H1153" cm="1">
        <f t="array" ref="H1153">IFERROR(INDEX(Jesper!AL$2:AL$366,ROUNDDOWN($C1153/24,0)+1,1)*INDEX($D$3:$AA$30,INDEX(Jesper!$R$2:$R$366,ROW(INDEX(Jesper!AL$2:AL$366,ROUNDDOWN($C1153/24,0)+1,1))-1)+IF('Standard Profiles'!$G$22=$B$10,7,0)+IF('Standard Profiles'!$G$22=$B$17,14,0)+IF('Standard Profiles'!$G$22=$B$24,21,0),MOD($C1153,24)+1)/SUM(INDEX($D$3:$AA$30,INDEX(Jesper!$R$2:$R$366,ROW(INDEX(Jesper!AL$2:AL$366,ROUNDDOWN($C1153/24,0)+1,1))-1)+IF('Standard Profiles'!$G$22=$B$10,7,0)+IF('Standard Profiles'!$G$22=$B$17,14,0)+IF('Standard Profiles'!$G$22=$B$24,21,0),0)),0)</f>
        <v>0</v>
      </c>
      <c r="I1153">
        <f t="shared" si="139"/>
        <v>0.40945508010833348</v>
      </c>
      <c r="J1153">
        <f t="shared" si="140"/>
        <v>1.3648502670277782</v>
      </c>
      <c r="K1153">
        <f t="shared" si="141"/>
        <v>2.0472754005416673</v>
      </c>
      <c r="L1153">
        <f t="shared" si="142"/>
        <v>9.8269219226000022</v>
      </c>
      <c r="M1153">
        <f t="shared" si="143"/>
        <v>0</v>
      </c>
      <c r="N1153" s="46">
        <f t="shared" si="144"/>
        <v>45338.624999997286</v>
      </c>
    </row>
    <row r="1154" spans="2:14" x14ac:dyDescent="0.3">
      <c r="B1154">
        <f t="shared" si="138"/>
        <v>5</v>
      </c>
      <c r="C1154" s="16">
        <v>1120</v>
      </c>
      <c r="D1154" cm="1">
        <f t="array" ref="D1154">IFERROR(INDEX(Jesper!AH$2:AH$366,ROUNDDOWN($C1154/24,0)+1,1)*INDEX($D$3:$AA$30,INDEX(Jesper!$R$2:$R$366,ROW(INDEX(Jesper!AH$2:AH$366,ROUNDDOWN($C1154/24,0)+1,1))-1)+IF('Standard Profiles'!$G$18=$B$10,7,0)+IF('Standard Profiles'!$G$18=$B$17,14,0)+IF('Standard Profiles'!$G$18=$B$24,21,0),MOD($C1154,24)+1)/SUM(INDEX($D$3:$AA$30,INDEX(Jesper!$R$2:$R$366,ROW(INDEX(Jesper!AH$2:AH$366,ROUNDDOWN($C1154/24,0)+1,1))-1)+IF('Standard Profiles'!$G$18=$B$10,7,0)+IF('Standard Profiles'!$G$18=$B$17,14,0)+IF('Standard Profiles'!$G$18=$B$24,21,0),0)),0)</f>
        <v>12.920582527862969</v>
      </c>
      <c r="E1154" cm="1">
        <f t="array" ref="E1154">IFERROR(INDEX(Jesper!AI$2:AI$366,ROUNDDOWN($C1154/24,0)+1,1)*INDEX($D$3:$AA$30,INDEX(Jesper!$R$2:$R$366,ROW(INDEX(Jesper!AI$2:AI$366,ROUNDDOWN($C1154/24,0)+1,1))-1)+IF('Standard Profiles'!$G$19=$B$10,7,0)+IF('Standard Profiles'!$G$19=$B$17,14,0)+IF('Standard Profiles'!$G$19=$B$24,21,0),MOD($C1154,24)+1)/SUM(INDEX($D$3:$AA$30,INDEX(Jesper!$R$2:$R$366,ROW(INDEX(Jesper!AI$2:AI$366,ROUNDDOWN($C1154/24,0)+1,1))-1)+IF('Standard Profiles'!$G$19=$B$10,7,0)+IF('Standard Profiles'!$G$19=$B$17,14,0)+IF('Standard Profiles'!$G$19=$B$24,21,0),0)),0)</f>
        <v>0</v>
      </c>
      <c r="F1154" cm="1">
        <f t="array" ref="F1154">IFERROR(INDEX(Jesper!AJ$2:AJ$366,ROUNDDOWN($C1154/24,0)+1,1)*INDEX($D$3:$AA$30,INDEX(Jesper!$R$2:$R$366,ROW(INDEX(Jesper!AJ$2:AJ$366,ROUNDDOWN($C1154/24,0)+1,1))-1)+IF('Standard Profiles'!$G$20=$B$10,7,0)+IF('Standard Profiles'!$G$20=$B$17,14,0)+IF('Standard Profiles'!$G$20=$B$24,21,0),MOD($C1154,24)+1)/SUM(INDEX($D$3:$AA$30,INDEX(Jesper!$R$2:$R$366,ROW(INDEX(Jesper!AJ$2:AJ$366,ROUNDDOWN($C1154/24,0)+1,1))-1)+IF('Standard Profiles'!$G$20=$B$10,7,0)+IF('Standard Profiles'!$G$20=$B$17,14,0)+IF('Standard Profiles'!$G$20=$B$24,21,0),0)),0)</f>
        <v>0</v>
      </c>
      <c r="G1154" cm="1">
        <f t="array" ref="G1154">IFERROR(INDEX(Jesper!AK$2:AK$366,ROUNDDOWN($C1154/24,0)+1,1)*INDEX($D$3:$AA$30,INDEX(Jesper!$R$2:$R$366,ROW(INDEX(Jesper!AK$2:AK$366,ROUNDDOWN($C1154/24,0)+1,1))-1)+IF('Standard Profiles'!$G$21=$B$10,7,0)+IF('Standard Profiles'!$G$21=$B$17,14,0)+IF('Standard Profiles'!$G$21=$B$24,21,0),MOD($C1154,24)+1)/SUM(INDEX($D$3:$AA$30,INDEX(Jesper!$R$2:$R$366,ROW(INDEX(Jesper!AK$2:AK$366,ROUNDDOWN($C1154/24,0)+1,1))-1)+IF('Standard Profiles'!$G$21=$B$10,7,0)+IF('Standard Profiles'!$G$21=$B$17,14,0)+IF('Standard Profiles'!$G$21=$B$24,21,0),0)),0)</f>
        <v>0</v>
      </c>
      <c r="H1154" cm="1">
        <f t="array" ref="H1154">IFERROR(INDEX(Jesper!AL$2:AL$366,ROUNDDOWN($C1154/24,0)+1,1)*INDEX($D$3:$AA$30,INDEX(Jesper!$R$2:$R$366,ROW(INDEX(Jesper!AL$2:AL$366,ROUNDDOWN($C1154/24,0)+1,1))-1)+IF('Standard Profiles'!$G$22=$B$10,7,0)+IF('Standard Profiles'!$G$22=$B$17,14,0)+IF('Standard Profiles'!$G$22=$B$24,21,0),MOD($C1154,24)+1)/SUM(INDEX($D$3:$AA$30,INDEX(Jesper!$R$2:$R$366,ROW(INDEX(Jesper!AL$2:AL$366,ROUNDDOWN($C1154/24,0)+1,1))-1)+IF('Standard Profiles'!$G$22=$B$10,7,0)+IF('Standard Profiles'!$G$22=$B$17,14,0)+IF('Standard Profiles'!$G$22=$B$24,21,0),0)),0)</f>
        <v>0</v>
      </c>
      <c r="I1154">
        <f t="shared" si="139"/>
        <v>0.38761747583588907</v>
      </c>
      <c r="J1154">
        <f t="shared" si="140"/>
        <v>1.2920582527862969</v>
      </c>
      <c r="K1154">
        <f t="shared" si="141"/>
        <v>1.9380873791794453</v>
      </c>
      <c r="L1154">
        <f t="shared" si="142"/>
        <v>9.3028194200613381</v>
      </c>
      <c r="M1154">
        <f t="shared" si="143"/>
        <v>0</v>
      </c>
      <c r="N1154" s="46">
        <f t="shared" si="144"/>
        <v>45338.66666666395</v>
      </c>
    </row>
    <row r="1155" spans="2:14" x14ac:dyDescent="0.3">
      <c r="B1155">
        <f t="shared" si="138"/>
        <v>5</v>
      </c>
      <c r="C1155" s="16">
        <v>1121</v>
      </c>
      <c r="D1155" cm="1">
        <f t="array" ref="D1155">IFERROR(INDEX(Jesper!AH$2:AH$366,ROUNDDOWN($C1155/24,0)+1,1)*INDEX($D$3:$AA$30,INDEX(Jesper!$R$2:$R$366,ROW(INDEX(Jesper!AH$2:AH$366,ROUNDDOWN($C1155/24,0)+1,1))-1)+IF('Standard Profiles'!$G$18=$B$10,7,0)+IF('Standard Profiles'!$G$18=$B$17,14,0)+IF('Standard Profiles'!$G$18=$B$24,21,0),MOD($C1155,24)+1)/SUM(INDEX($D$3:$AA$30,INDEX(Jesper!$R$2:$R$366,ROW(INDEX(Jesper!AH$2:AH$366,ROUNDDOWN($C1155/24,0)+1,1))-1)+IF('Standard Profiles'!$G$18=$B$10,7,0)+IF('Standard Profiles'!$G$18=$B$17,14,0)+IF('Standard Profiles'!$G$18=$B$24,21,0),0)),0)</f>
        <v>12.920582527862969</v>
      </c>
      <c r="E1155" cm="1">
        <f t="array" ref="E1155">IFERROR(INDEX(Jesper!AI$2:AI$366,ROUNDDOWN($C1155/24,0)+1,1)*INDEX($D$3:$AA$30,INDEX(Jesper!$R$2:$R$366,ROW(INDEX(Jesper!AI$2:AI$366,ROUNDDOWN($C1155/24,0)+1,1))-1)+IF('Standard Profiles'!$G$19=$B$10,7,0)+IF('Standard Profiles'!$G$19=$B$17,14,0)+IF('Standard Profiles'!$G$19=$B$24,21,0),MOD($C1155,24)+1)/SUM(INDEX($D$3:$AA$30,INDEX(Jesper!$R$2:$R$366,ROW(INDEX(Jesper!AI$2:AI$366,ROUNDDOWN($C1155/24,0)+1,1))-1)+IF('Standard Profiles'!$G$19=$B$10,7,0)+IF('Standard Profiles'!$G$19=$B$17,14,0)+IF('Standard Profiles'!$G$19=$B$24,21,0),0)),0)</f>
        <v>0</v>
      </c>
      <c r="F1155" cm="1">
        <f t="array" ref="F1155">IFERROR(INDEX(Jesper!AJ$2:AJ$366,ROUNDDOWN($C1155/24,0)+1,1)*INDEX($D$3:$AA$30,INDEX(Jesper!$R$2:$R$366,ROW(INDEX(Jesper!AJ$2:AJ$366,ROUNDDOWN($C1155/24,0)+1,1))-1)+IF('Standard Profiles'!$G$20=$B$10,7,0)+IF('Standard Profiles'!$G$20=$B$17,14,0)+IF('Standard Profiles'!$G$20=$B$24,21,0),MOD($C1155,24)+1)/SUM(INDEX($D$3:$AA$30,INDEX(Jesper!$R$2:$R$366,ROW(INDEX(Jesper!AJ$2:AJ$366,ROUNDDOWN($C1155/24,0)+1,1))-1)+IF('Standard Profiles'!$G$20=$B$10,7,0)+IF('Standard Profiles'!$G$20=$B$17,14,0)+IF('Standard Profiles'!$G$20=$B$24,21,0),0)),0)</f>
        <v>0</v>
      </c>
      <c r="G1155" cm="1">
        <f t="array" ref="G1155">IFERROR(INDEX(Jesper!AK$2:AK$366,ROUNDDOWN($C1155/24,0)+1,1)*INDEX($D$3:$AA$30,INDEX(Jesper!$R$2:$R$366,ROW(INDEX(Jesper!AK$2:AK$366,ROUNDDOWN($C1155/24,0)+1,1))-1)+IF('Standard Profiles'!$G$21=$B$10,7,0)+IF('Standard Profiles'!$G$21=$B$17,14,0)+IF('Standard Profiles'!$G$21=$B$24,21,0),MOD($C1155,24)+1)/SUM(INDEX($D$3:$AA$30,INDEX(Jesper!$R$2:$R$366,ROW(INDEX(Jesper!AK$2:AK$366,ROUNDDOWN($C1155/24,0)+1,1))-1)+IF('Standard Profiles'!$G$21=$B$10,7,0)+IF('Standard Profiles'!$G$21=$B$17,14,0)+IF('Standard Profiles'!$G$21=$B$24,21,0),0)),0)</f>
        <v>0</v>
      </c>
      <c r="H1155" cm="1">
        <f t="array" ref="H1155">IFERROR(INDEX(Jesper!AL$2:AL$366,ROUNDDOWN($C1155/24,0)+1,1)*INDEX($D$3:$AA$30,INDEX(Jesper!$R$2:$R$366,ROW(INDEX(Jesper!AL$2:AL$366,ROUNDDOWN($C1155/24,0)+1,1))-1)+IF('Standard Profiles'!$G$22=$B$10,7,0)+IF('Standard Profiles'!$G$22=$B$17,14,0)+IF('Standard Profiles'!$G$22=$B$24,21,0),MOD($C1155,24)+1)/SUM(INDEX($D$3:$AA$30,INDEX(Jesper!$R$2:$R$366,ROW(INDEX(Jesper!AL$2:AL$366,ROUNDDOWN($C1155/24,0)+1,1))-1)+IF('Standard Profiles'!$G$22=$B$10,7,0)+IF('Standard Profiles'!$G$22=$B$17,14,0)+IF('Standard Profiles'!$G$22=$B$24,21,0),0)),0)</f>
        <v>0</v>
      </c>
      <c r="I1155">
        <f t="shared" si="139"/>
        <v>0.38761747583588907</v>
      </c>
      <c r="J1155">
        <f t="shared" si="140"/>
        <v>1.2920582527862969</v>
      </c>
      <c r="K1155">
        <f t="shared" si="141"/>
        <v>1.9380873791794453</v>
      </c>
      <c r="L1155">
        <f t="shared" si="142"/>
        <v>9.3028194200613381</v>
      </c>
      <c r="M1155">
        <f t="shared" si="143"/>
        <v>0</v>
      </c>
      <c r="N1155" s="46">
        <f t="shared" si="144"/>
        <v>45338.708333330615</v>
      </c>
    </row>
    <row r="1156" spans="2:14" x14ac:dyDescent="0.3">
      <c r="B1156">
        <f t="shared" si="138"/>
        <v>5</v>
      </c>
      <c r="C1156" s="16">
        <v>1122</v>
      </c>
      <c r="D1156" cm="1">
        <f t="array" ref="D1156">IFERROR(INDEX(Jesper!AH$2:AH$366,ROUNDDOWN($C1156/24,0)+1,1)*INDEX($D$3:$AA$30,INDEX(Jesper!$R$2:$R$366,ROW(INDEX(Jesper!AH$2:AH$366,ROUNDDOWN($C1156/24,0)+1,1))-1)+IF('Standard Profiles'!$G$18=$B$10,7,0)+IF('Standard Profiles'!$G$18=$B$17,14,0)+IF('Standard Profiles'!$G$18=$B$24,21,0),MOD($C1156,24)+1)/SUM(INDEX($D$3:$AA$30,INDEX(Jesper!$R$2:$R$366,ROW(INDEX(Jesper!AH$2:AH$366,ROUNDDOWN($C1156/24,0)+1,1))-1)+IF('Standard Profiles'!$G$18=$B$10,7,0)+IF('Standard Profiles'!$G$18=$B$17,14,0)+IF('Standard Profiles'!$G$18=$B$24,21,0),0)),0)</f>
        <v>12.920582527862969</v>
      </c>
      <c r="E1156" cm="1">
        <f t="array" ref="E1156">IFERROR(INDEX(Jesper!AI$2:AI$366,ROUNDDOWN($C1156/24,0)+1,1)*INDEX($D$3:$AA$30,INDEX(Jesper!$R$2:$R$366,ROW(INDEX(Jesper!AI$2:AI$366,ROUNDDOWN($C1156/24,0)+1,1))-1)+IF('Standard Profiles'!$G$19=$B$10,7,0)+IF('Standard Profiles'!$G$19=$B$17,14,0)+IF('Standard Profiles'!$G$19=$B$24,21,0),MOD($C1156,24)+1)/SUM(INDEX($D$3:$AA$30,INDEX(Jesper!$R$2:$R$366,ROW(INDEX(Jesper!AI$2:AI$366,ROUNDDOWN($C1156/24,0)+1,1))-1)+IF('Standard Profiles'!$G$19=$B$10,7,0)+IF('Standard Profiles'!$G$19=$B$17,14,0)+IF('Standard Profiles'!$G$19=$B$24,21,0),0)),0)</f>
        <v>0</v>
      </c>
      <c r="F1156" cm="1">
        <f t="array" ref="F1156">IFERROR(INDEX(Jesper!AJ$2:AJ$366,ROUNDDOWN($C1156/24,0)+1,1)*INDEX($D$3:$AA$30,INDEX(Jesper!$R$2:$R$366,ROW(INDEX(Jesper!AJ$2:AJ$366,ROUNDDOWN($C1156/24,0)+1,1))-1)+IF('Standard Profiles'!$G$20=$B$10,7,0)+IF('Standard Profiles'!$G$20=$B$17,14,0)+IF('Standard Profiles'!$G$20=$B$24,21,0),MOD($C1156,24)+1)/SUM(INDEX($D$3:$AA$30,INDEX(Jesper!$R$2:$R$366,ROW(INDEX(Jesper!AJ$2:AJ$366,ROUNDDOWN($C1156/24,0)+1,1))-1)+IF('Standard Profiles'!$G$20=$B$10,7,0)+IF('Standard Profiles'!$G$20=$B$17,14,0)+IF('Standard Profiles'!$G$20=$B$24,21,0),0)),0)</f>
        <v>0</v>
      </c>
      <c r="G1156" cm="1">
        <f t="array" ref="G1156">IFERROR(INDEX(Jesper!AK$2:AK$366,ROUNDDOWN($C1156/24,0)+1,1)*INDEX($D$3:$AA$30,INDEX(Jesper!$R$2:$R$366,ROW(INDEX(Jesper!AK$2:AK$366,ROUNDDOWN($C1156/24,0)+1,1))-1)+IF('Standard Profiles'!$G$21=$B$10,7,0)+IF('Standard Profiles'!$G$21=$B$17,14,0)+IF('Standard Profiles'!$G$21=$B$24,21,0),MOD($C1156,24)+1)/SUM(INDEX($D$3:$AA$30,INDEX(Jesper!$R$2:$R$366,ROW(INDEX(Jesper!AK$2:AK$366,ROUNDDOWN($C1156/24,0)+1,1))-1)+IF('Standard Profiles'!$G$21=$B$10,7,0)+IF('Standard Profiles'!$G$21=$B$17,14,0)+IF('Standard Profiles'!$G$21=$B$24,21,0),0)),0)</f>
        <v>0</v>
      </c>
      <c r="H1156" cm="1">
        <f t="array" ref="H1156">IFERROR(INDEX(Jesper!AL$2:AL$366,ROUNDDOWN($C1156/24,0)+1,1)*INDEX($D$3:$AA$30,INDEX(Jesper!$R$2:$R$366,ROW(INDEX(Jesper!AL$2:AL$366,ROUNDDOWN($C1156/24,0)+1,1))-1)+IF('Standard Profiles'!$G$22=$B$10,7,0)+IF('Standard Profiles'!$G$22=$B$17,14,0)+IF('Standard Profiles'!$G$22=$B$24,21,0),MOD($C1156,24)+1)/SUM(INDEX($D$3:$AA$30,INDEX(Jesper!$R$2:$R$366,ROW(INDEX(Jesper!AL$2:AL$366,ROUNDDOWN($C1156/24,0)+1,1))-1)+IF('Standard Profiles'!$G$22=$B$10,7,0)+IF('Standard Profiles'!$G$22=$B$17,14,0)+IF('Standard Profiles'!$G$22=$B$24,21,0),0)),0)</f>
        <v>0</v>
      </c>
      <c r="I1156">
        <f t="shared" si="139"/>
        <v>0.38761747583588907</v>
      </c>
      <c r="J1156">
        <f t="shared" si="140"/>
        <v>1.2920582527862969</v>
      </c>
      <c r="K1156">
        <f t="shared" si="141"/>
        <v>1.9380873791794453</v>
      </c>
      <c r="L1156">
        <f t="shared" si="142"/>
        <v>9.3028194200613381</v>
      </c>
      <c r="M1156">
        <f t="shared" si="143"/>
        <v>0</v>
      </c>
      <c r="N1156" s="46">
        <f t="shared" si="144"/>
        <v>45338.749999997279</v>
      </c>
    </row>
    <row r="1157" spans="2:14" x14ac:dyDescent="0.3">
      <c r="B1157">
        <f t="shared" si="138"/>
        <v>5</v>
      </c>
      <c r="C1157" s="16">
        <v>1123</v>
      </c>
      <c r="D1157" cm="1">
        <f t="array" ref="D1157">IFERROR(INDEX(Jesper!AH$2:AH$366,ROUNDDOWN($C1157/24,0)+1,1)*INDEX($D$3:$AA$30,INDEX(Jesper!$R$2:$R$366,ROW(INDEX(Jesper!AH$2:AH$366,ROUNDDOWN($C1157/24,0)+1,1))-1)+IF('Standard Profiles'!$G$18=$B$10,7,0)+IF('Standard Profiles'!$G$18=$B$17,14,0)+IF('Standard Profiles'!$G$18=$B$24,21,0),MOD($C1157,24)+1)/SUM(INDEX($D$3:$AA$30,INDEX(Jesper!$R$2:$R$366,ROW(INDEX(Jesper!AH$2:AH$366,ROUNDDOWN($C1157/24,0)+1,1))-1)+IF('Standard Profiles'!$G$18=$B$10,7,0)+IF('Standard Profiles'!$G$18=$B$17,14,0)+IF('Standard Profiles'!$G$18=$B$24,21,0),0)),0)</f>
        <v>12.920582527862969</v>
      </c>
      <c r="E1157" cm="1">
        <f t="array" ref="E1157">IFERROR(INDEX(Jesper!AI$2:AI$366,ROUNDDOWN($C1157/24,0)+1,1)*INDEX($D$3:$AA$30,INDEX(Jesper!$R$2:$R$366,ROW(INDEX(Jesper!AI$2:AI$366,ROUNDDOWN($C1157/24,0)+1,1))-1)+IF('Standard Profiles'!$G$19=$B$10,7,0)+IF('Standard Profiles'!$G$19=$B$17,14,0)+IF('Standard Profiles'!$G$19=$B$24,21,0),MOD($C1157,24)+1)/SUM(INDEX($D$3:$AA$30,INDEX(Jesper!$R$2:$R$366,ROW(INDEX(Jesper!AI$2:AI$366,ROUNDDOWN($C1157/24,0)+1,1))-1)+IF('Standard Profiles'!$G$19=$B$10,7,0)+IF('Standard Profiles'!$G$19=$B$17,14,0)+IF('Standard Profiles'!$G$19=$B$24,21,0),0)),0)</f>
        <v>0</v>
      </c>
      <c r="F1157" cm="1">
        <f t="array" ref="F1157">IFERROR(INDEX(Jesper!AJ$2:AJ$366,ROUNDDOWN($C1157/24,0)+1,1)*INDEX($D$3:$AA$30,INDEX(Jesper!$R$2:$R$366,ROW(INDEX(Jesper!AJ$2:AJ$366,ROUNDDOWN($C1157/24,0)+1,1))-1)+IF('Standard Profiles'!$G$20=$B$10,7,0)+IF('Standard Profiles'!$G$20=$B$17,14,0)+IF('Standard Profiles'!$G$20=$B$24,21,0),MOD($C1157,24)+1)/SUM(INDEX($D$3:$AA$30,INDEX(Jesper!$R$2:$R$366,ROW(INDEX(Jesper!AJ$2:AJ$366,ROUNDDOWN($C1157/24,0)+1,1))-1)+IF('Standard Profiles'!$G$20=$B$10,7,0)+IF('Standard Profiles'!$G$20=$B$17,14,0)+IF('Standard Profiles'!$G$20=$B$24,21,0),0)),0)</f>
        <v>0</v>
      </c>
      <c r="G1157" cm="1">
        <f t="array" ref="G1157">IFERROR(INDEX(Jesper!AK$2:AK$366,ROUNDDOWN($C1157/24,0)+1,1)*INDEX($D$3:$AA$30,INDEX(Jesper!$R$2:$R$366,ROW(INDEX(Jesper!AK$2:AK$366,ROUNDDOWN($C1157/24,0)+1,1))-1)+IF('Standard Profiles'!$G$21=$B$10,7,0)+IF('Standard Profiles'!$G$21=$B$17,14,0)+IF('Standard Profiles'!$G$21=$B$24,21,0),MOD($C1157,24)+1)/SUM(INDEX($D$3:$AA$30,INDEX(Jesper!$R$2:$R$366,ROW(INDEX(Jesper!AK$2:AK$366,ROUNDDOWN($C1157/24,0)+1,1))-1)+IF('Standard Profiles'!$G$21=$B$10,7,0)+IF('Standard Profiles'!$G$21=$B$17,14,0)+IF('Standard Profiles'!$G$21=$B$24,21,0),0)),0)</f>
        <v>0</v>
      </c>
      <c r="H1157" cm="1">
        <f t="array" ref="H1157">IFERROR(INDEX(Jesper!AL$2:AL$366,ROUNDDOWN($C1157/24,0)+1,1)*INDEX($D$3:$AA$30,INDEX(Jesper!$R$2:$R$366,ROW(INDEX(Jesper!AL$2:AL$366,ROUNDDOWN($C1157/24,0)+1,1))-1)+IF('Standard Profiles'!$G$22=$B$10,7,0)+IF('Standard Profiles'!$G$22=$B$17,14,0)+IF('Standard Profiles'!$G$22=$B$24,21,0),MOD($C1157,24)+1)/SUM(INDEX($D$3:$AA$30,INDEX(Jesper!$R$2:$R$366,ROW(INDEX(Jesper!AL$2:AL$366,ROUNDDOWN($C1157/24,0)+1,1))-1)+IF('Standard Profiles'!$G$22=$B$10,7,0)+IF('Standard Profiles'!$G$22=$B$17,14,0)+IF('Standard Profiles'!$G$22=$B$24,21,0),0)),0)</f>
        <v>0</v>
      </c>
      <c r="I1157">
        <f t="shared" si="139"/>
        <v>0.38761747583588907</v>
      </c>
      <c r="J1157">
        <f t="shared" si="140"/>
        <v>1.2920582527862969</v>
      </c>
      <c r="K1157">
        <f t="shared" si="141"/>
        <v>1.9380873791794453</v>
      </c>
      <c r="L1157">
        <f t="shared" si="142"/>
        <v>9.3028194200613381</v>
      </c>
      <c r="M1157">
        <f t="shared" si="143"/>
        <v>0</v>
      </c>
      <c r="N1157" s="46">
        <f t="shared" si="144"/>
        <v>45338.791666663943</v>
      </c>
    </row>
    <row r="1158" spans="2:14" x14ac:dyDescent="0.3">
      <c r="B1158">
        <f t="shared" si="138"/>
        <v>5</v>
      </c>
      <c r="C1158" s="16">
        <v>1124</v>
      </c>
      <c r="D1158" cm="1">
        <f t="array" ref="D1158">IFERROR(INDEX(Jesper!AH$2:AH$366,ROUNDDOWN($C1158/24,0)+1,1)*INDEX($D$3:$AA$30,INDEX(Jesper!$R$2:$R$366,ROW(INDEX(Jesper!AH$2:AH$366,ROUNDDOWN($C1158/24,0)+1,1))-1)+IF('Standard Profiles'!$G$18=$B$10,7,0)+IF('Standard Profiles'!$G$18=$B$17,14,0)+IF('Standard Profiles'!$G$18=$B$24,21,0),MOD($C1158,24)+1)/SUM(INDEX($D$3:$AA$30,INDEX(Jesper!$R$2:$R$366,ROW(INDEX(Jesper!AH$2:AH$366,ROUNDDOWN($C1158/24,0)+1,1))-1)+IF('Standard Profiles'!$G$18=$B$10,7,0)+IF('Standard Profiles'!$G$18=$B$17,14,0)+IF('Standard Profiles'!$G$18=$B$24,21,0),0)),0)</f>
        <v>10.008901958203708</v>
      </c>
      <c r="E1158" cm="1">
        <f t="array" ref="E1158">IFERROR(INDEX(Jesper!AI$2:AI$366,ROUNDDOWN($C1158/24,0)+1,1)*INDEX($D$3:$AA$30,INDEX(Jesper!$R$2:$R$366,ROW(INDEX(Jesper!AI$2:AI$366,ROUNDDOWN($C1158/24,0)+1,1))-1)+IF('Standard Profiles'!$G$19=$B$10,7,0)+IF('Standard Profiles'!$G$19=$B$17,14,0)+IF('Standard Profiles'!$G$19=$B$24,21,0),MOD($C1158,24)+1)/SUM(INDEX($D$3:$AA$30,INDEX(Jesper!$R$2:$R$366,ROW(INDEX(Jesper!AI$2:AI$366,ROUNDDOWN($C1158/24,0)+1,1))-1)+IF('Standard Profiles'!$G$19=$B$10,7,0)+IF('Standard Profiles'!$G$19=$B$17,14,0)+IF('Standard Profiles'!$G$19=$B$24,21,0),0)),0)</f>
        <v>0</v>
      </c>
      <c r="F1158" cm="1">
        <f t="array" ref="F1158">IFERROR(INDEX(Jesper!AJ$2:AJ$366,ROUNDDOWN($C1158/24,0)+1,1)*INDEX($D$3:$AA$30,INDEX(Jesper!$R$2:$R$366,ROW(INDEX(Jesper!AJ$2:AJ$366,ROUNDDOWN($C1158/24,0)+1,1))-1)+IF('Standard Profiles'!$G$20=$B$10,7,0)+IF('Standard Profiles'!$G$20=$B$17,14,0)+IF('Standard Profiles'!$G$20=$B$24,21,0),MOD($C1158,24)+1)/SUM(INDEX($D$3:$AA$30,INDEX(Jesper!$R$2:$R$366,ROW(INDEX(Jesper!AJ$2:AJ$366,ROUNDDOWN($C1158/24,0)+1,1))-1)+IF('Standard Profiles'!$G$20=$B$10,7,0)+IF('Standard Profiles'!$G$20=$B$17,14,0)+IF('Standard Profiles'!$G$20=$B$24,21,0),0)),0)</f>
        <v>0</v>
      </c>
      <c r="G1158" cm="1">
        <f t="array" ref="G1158">IFERROR(INDEX(Jesper!AK$2:AK$366,ROUNDDOWN($C1158/24,0)+1,1)*INDEX($D$3:$AA$30,INDEX(Jesper!$R$2:$R$366,ROW(INDEX(Jesper!AK$2:AK$366,ROUNDDOWN($C1158/24,0)+1,1))-1)+IF('Standard Profiles'!$G$21=$B$10,7,0)+IF('Standard Profiles'!$G$21=$B$17,14,0)+IF('Standard Profiles'!$G$21=$B$24,21,0),MOD($C1158,24)+1)/SUM(INDEX($D$3:$AA$30,INDEX(Jesper!$R$2:$R$366,ROW(INDEX(Jesper!AK$2:AK$366,ROUNDDOWN($C1158/24,0)+1,1))-1)+IF('Standard Profiles'!$G$21=$B$10,7,0)+IF('Standard Profiles'!$G$21=$B$17,14,0)+IF('Standard Profiles'!$G$21=$B$24,21,0),0)),0)</f>
        <v>0</v>
      </c>
      <c r="H1158" cm="1">
        <f t="array" ref="H1158">IFERROR(INDEX(Jesper!AL$2:AL$366,ROUNDDOWN($C1158/24,0)+1,1)*INDEX($D$3:$AA$30,INDEX(Jesper!$R$2:$R$366,ROW(INDEX(Jesper!AL$2:AL$366,ROUNDDOWN($C1158/24,0)+1,1))-1)+IF('Standard Profiles'!$G$22=$B$10,7,0)+IF('Standard Profiles'!$G$22=$B$17,14,0)+IF('Standard Profiles'!$G$22=$B$24,21,0),MOD($C1158,24)+1)/SUM(INDEX($D$3:$AA$30,INDEX(Jesper!$R$2:$R$366,ROW(INDEX(Jesper!AL$2:AL$366,ROUNDDOWN($C1158/24,0)+1,1))-1)+IF('Standard Profiles'!$G$22=$B$10,7,0)+IF('Standard Profiles'!$G$22=$B$17,14,0)+IF('Standard Profiles'!$G$22=$B$24,21,0),0)),0)</f>
        <v>0</v>
      </c>
      <c r="I1158">
        <f t="shared" si="139"/>
        <v>0.30026705874611126</v>
      </c>
      <c r="J1158">
        <f t="shared" si="140"/>
        <v>1.0008901958203709</v>
      </c>
      <c r="K1158">
        <f t="shared" si="141"/>
        <v>1.5013352937305562</v>
      </c>
      <c r="L1158">
        <f t="shared" si="142"/>
        <v>7.2064094099066693</v>
      </c>
      <c r="M1158">
        <f t="shared" si="143"/>
        <v>0</v>
      </c>
      <c r="N1158" s="46">
        <f t="shared" si="144"/>
        <v>45338.833333330607</v>
      </c>
    </row>
    <row r="1159" spans="2:14" x14ac:dyDescent="0.3">
      <c r="B1159">
        <f t="shared" si="138"/>
        <v>5</v>
      </c>
      <c r="C1159" s="16">
        <v>1125</v>
      </c>
      <c r="D1159" cm="1">
        <f t="array" ref="D1159">IFERROR(INDEX(Jesper!AH$2:AH$366,ROUNDDOWN($C1159/24,0)+1,1)*INDEX($D$3:$AA$30,INDEX(Jesper!$R$2:$R$366,ROW(INDEX(Jesper!AH$2:AH$366,ROUNDDOWN($C1159/24,0)+1,1))-1)+IF('Standard Profiles'!$G$18=$B$10,7,0)+IF('Standard Profiles'!$G$18=$B$17,14,0)+IF('Standard Profiles'!$G$18=$B$24,21,0),MOD($C1159,24)+1)/SUM(INDEX($D$3:$AA$30,INDEX(Jesper!$R$2:$R$366,ROW(INDEX(Jesper!AH$2:AH$366,ROUNDDOWN($C1159/24,0)+1,1))-1)+IF('Standard Profiles'!$G$18=$B$10,7,0)+IF('Standard Profiles'!$G$18=$B$17,14,0)+IF('Standard Profiles'!$G$18=$B$24,21,0),0)),0)</f>
        <v>3.8215807476777792</v>
      </c>
      <c r="E1159" cm="1">
        <f t="array" ref="E1159">IFERROR(INDEX(Jesper!AI$2:AI$366,ROUNDDOWN($C1159/24,0)+1,1)*INDEX($D$3:$AA$30,INDEX(Jesper!$R$2:$R$366,ROW(INDEX(Jesper!AI$2:AI$366,ROUNDDOWN($C1159/24,0)+1,1))-1)+IF('Standard Profiles'!$G$19=$B$10,7,0)+IF('Standard Profiles'!$G$19=$B$17,14,0)+IF('Standard Profiles'!$G$19=$B$24,21,0),MOD($C1159,24)+1)/SUM(INDEX($D$3:$AA$30,INDEX(Jesper!$R$2:$R$366,ROW(INDEX(Jesper!AI$2:AI$366,ROUNDDOWN($C1159/24,0)+1,1))-1)+IF('Standard Profiles'!$G$19=$B$10,7,0)+IF('Standard Profiles'!$G$19=$B$17,14,0)+IF('Standard Profiles'!$G$19=$B$24,21,0),0)),0)</f>
        <v>0</v>
      </c>
      <c r="F1159" cm="1">
        <f t="array" ref="F1159">IFERROR(INDEX(Jesper!AJ$2:AJ$366,ROUNDDOWN($C1159/24,0)+1,1)*INDEX($D$3:$AA$30,INDEX(Jesper!$R$2:$R$366,ROW(INDEX(Jesper!AJ$2:AJ$366,ROUNDDOWN($C1159/24,0)+1,1))-1)+IF('Standard Profiles'!$G$20=$B$10,7,0)+IF('Standard Profiles'!$G$20=$B$17,14,0)+IF('Standard Profiles'!$G$20=$B$24,21,0),MOD($C1159,24)+1)/SUM(INDEX($D$3:$AA$30,INDEX(Jesper!$R$2:$R$366,ROW(INDEX(Jesper!AJ$2:AJ$366,ROUNDDOWN($C1159/24,0)+1,1))-1)+IF('Standard Profiles'!$G$20=$B$10,7,0)+IF('Standard Profiles'!$G$20=$B$17,14,0)+IF('Standard Profiles'!$G$20=$B$24,21,0),0)),0)</f>
        <v>0</v>
      </c>
      <c r="G1159" cm="1">
        <f t="array" ref="G1159">IFERROR(INDEX(Jesper!AK$2:AK$366,ROUNDDOWN($C1159/24,0)+1,1)*INDEX($D$3:$AA$30,INDEX(Jesper!$R$2:$R$366,ROW(INDEX(Jesper!AK$2:AK$366,ROUNDDOWN($C1159/24,0)+1,1))-1)+IF('Standard Profiles'!$G$21=$B$10,7,0)+IF('Standard Profiles'!$G$21=$B$17,14,0)+IF('Standard Profiles'!$G$21=$B$24,21,0),MOD($C1159,24)+1)/SUM(INDEX($D$3:$AA$30,INDEX(Jesper!$R$2:$R$366,ROW(INDEX(Jesper!AK$2:AK$366,ROUNDDOWN($C1159/24,0)+1,1))-1)+IF('Standard Profiles'!$G$21=$B$10,7,0)+IF('Standard Profiles'!$G$21=$B$17,14,0)+IF('Standard Profiles'!$G$21=$B$24,21,0),0)),0)</f>
        <v>0</v>
      </c>
      <c r="H1159" cm="1">
        <f t="array" ref="H1159">IFERROR(INDEX(Jesper!AL$2:AL$366,ROUNDDOWN($C1159/24,0)+1,1)*INDEX($D$3:$AA$30,INDEX(Jesper!$R$2:$R$366,ROW(INDEX(Jesper!AL$2:AL$366,ROUNDDOWN($C1159/24,0)+1,1))-1)+IF('Standard Profiles'!$G$22=$B$10,7,0)+IF('Standard Profiles'!$G$22=$B$17,14,0)+IF('Standard Profiles'!$G$22=$B$24,21,0),MOD($C1159,24)+1)/SUM(INDEX($D$3:$AA$30,INDEX(Jesper!$R$2:$R$366,ROW(INDEX(Jesper!AL$2:AL$366,ROUNDDOWN($C1159/24,0)+1,1))-1)+IF('Standard Profiles'!$G$22=$B$10,7,0)+IF('Standard Profiles'!$G$22=$B$17,14,0)+IF('Standard Profiles'!$G$22=$B$24,21,0),0)),0)</f>
        <v>0</v>
      </c>
      <c r="I1159">
        <f t="shared" si="139"/>
        <v>0.11464742243033338</v>
      </c>
      <c r="J1159">
        <f t="shared" si="140"/>
        <v>0.38215807476777797</v>
      </c>
      <c r="K1159">
        <f t="shared" si="141"/>
        <v>0.57323711215166684</v>
      </c>
      <c r="L1159">
        <f t="shared" si="142"/>
        <v>2.7515381383280011</v>
      </c>
      <c r="M1159">
        <f t="shared" si="143"/>
        <v>0</v>
      </c>
      <c r="N1159" s="46">
        <f t="shared" si="144"/>
        <v>45338.874999997272</v>
      </c>
    </row>
    <row r="1160" spans="2:14" x14ac:dyDescent="0.3">
      <c r="B1160">
        <f t="shared" si="138"/>
        <v>5</v>
      </c>
      <c r="C1160" s="16">
        <v>1126</v>
      </c>
      <c r="D1160" cm="1">
        <f t="array" ref="D1160">IFERROR(INDEX(Jesper!AH$2:AH$366,ROUNDDOWN($C1160/24,0)+1,1)*INDEX($D$3:$AA$30,INDEX(Jesper!$R$2:$R$366,ROW(INDEX(Jesper!AH$2:AH$366,ROUNDDOWN($C1160/24,0)+1,1))-1)+IF('Standard Profiles'!$G$18=$B$10,7,0)+IF('Standard Profiles'!$G$18=$B$17,14,0)+IF('Standard Profiles'!$G$18=$B$24,21,0),MOD($C1160,24)+1)/SUM(INDEX($D$3:$AA$30,INDEX(Jesper!$R$2:$R$366,ROW(INDEX(Jesper!AH$2:AH$366,ROUNDDOWN($C1160/24,0)+1,1))-1)+IF('Standard Profiles'!$G$18=$B$10,7,0)+IF('Standard Profiles'!$G$18=$B$17,14,0)+IF('Standard Profiles'!$G$18=$B$24,21,0),0)),0)</f>
        <v>3.8215807476777792</v>
      </c>
      <c r="E1160" cm="1">
        <f t="array" ref="E1160">IFERROR(INDEX(Jesper!AI$2:AI$366,ROUNDDOWN($C1160/24,0)+1,1)*INDEX($D$3:$AA$30,INDEX(Jesper!$R$2:$R$366,ROW(INDEX(Jesper!AI$2:AI$366,ROUNDDOWN($C1160/24,0)+1,1))-1)+IF('Standard Profiles'!$G$19=$B$10,7,0)+IF('Standard Profiles'!$G$19=$B$17,14,0)+IF('Standard Profiles'!$G$19=$B$24,21,0),MOD($C1160,24)+1)/SUM(INDEX($D$3:$AA$30,INDEX(Jesper!$R$2:$R$366,ROW(INDEX(Jesper!AI$2:AI$366,ROUNDDOWN($C1160/24,0)+1,1))-1)+IF('Standard Profiles'!$G$19=$B$10,7,0)+IF('Standard Profiles'!$G$19=$B$17,14,0)+IF('Standard Profiles'!$G$19=$B$24,21,0),0)),0)</f>
        <v>0</v>
      </c>
      <c r="F1160" cm="1">
        <f t="array" ref="F1160">IFERROR(INDEX(Jesper!AJ$2:AJ$366,ROUNDDOWN($C1160/24,0)+1,1)*INDEX($D$3:$AA$30,INDEX(Jesper!$R$2:$R$366,ROW(INDEX(Jesper!AJ$2:AJ$366,ROUNDDOWN($C1160/24,0)+1,1))-1)+IF('Standard Profiles'!$G$20=$B$10,7,0)+IF('Standard Profiles'!$G$20=$B$17,14,0)+IF('Standard Profiles'!$G$20=$B$24,21,0),MOD($C1160,24)+1)/SUM(INDEX($D$3:$AA$30,INDEX(Jesper!$R$2:$R$366,ROW(INDEX(Jesper!AJ$2:AJ$366,ROUNDDOWN($C1160/24,0)+1,1))-1)+IF('Standard Profiles'!$G$20=$B$10,7,0)+IF('Standard Profiles'!$G$20=$B$17,14,0)+IF('Standard Profiles'!$G$20=$B$24,21,0),0)),0)</f>
        <v>0</v>
      </c>
      <c r="G1160" cm="1">
        <f t="array" ref="G1160">IFERROR(INDEX(Jesper!AK$2:AK$366,ROUNDDOWN($C1160/24,0)+1,1)*INDEX($D$3:$AA$30,INDEX(Jesper!$R$2:$R$366,ROW(INDEX(Jesper!AK$2:AK$366,ROUNDDOWN($C1160/24,0)+1,1))-1)+IF('Standard Profiles'!$G$21=$B$10,7,0)+IF('Standard Profiles'!$G$21=$B$17,14,0)+IF('Standard Profiles'!$G$21=$B$24,21,0),MOD($C1160,24)+1)/SUM(INDEX($D$3:$AA$30,INDEX(Jesper!$R$2:$R$366,ROW(INDEX(Jesper!AK$2:AK$366,ROUNDDOWN($C1160/24,0)+1,1))-1)+IF('Standard Profiles'!$G$21=$B$10,7,0)+IF('Standard Profiles'!$G$21=$B$17,14,0)+IF('Standard Profiles'!$G$21=$B$24,21,0),0)),0)</f>
        <v>0</v>
      </c>
      <c r="H1160" cm="1">
        <f t="array" ref="H1160">IFERROR(INDEX(Jesper!AL$2:AL$366,ROUNDDOWN($C1160/24,0)+1,1)*INDEX($D$3:$AA$30,INDEX(Jesper!$R$2:$R$366,ROW(INDEX(Jesper!AL$2:AL$366,ROUNDDOWN($C1160/24,0)+1,1))-1)+IF('Standard Profiles'!$G$22=$B$10,7,0)+IF('Standard Profiles'!$G$22=$B$17,14,0)+IF('Standard Profiles'!$G$22=$B$24,21,0),MOD($C1160,24)+1)/SUM(INDEX($D$3:$AA$30,INDEX(Jesper!$R$2:$R$366,ROW(INDEX(Jesper!AL$2:AL$366,ROUNDDOWN($C1160/24,0)+1,1))-1)+IF('Standard Profiles'!$G$22=$B$10,7,0)+IF('Standard Profiles'!$G$22=$B$17,14,0)+IF('Standard Profiles'!$G$22=$B$24,21,0),0)),0)</f>
        <v>0</v>
      </c>
      <c r="I1160">
        <f t="shared" si="139"/>
        <v>0.11464742243033338</v>
      </c>
      <c r="J1160">
        <f t="shared" si="140"/>
        <v>0.38215807476777797</v>
      </c>
      <c r="K1160">
        <f t="shared" si="141"/>
        <v>0.57323711215166684</v>
      </c>
      <c r="L1160">
        <f t="shared" si="142"/>
        <v>2.7515381383280011</v>
      </c>
      <c r="M1160">
        <f t="shared" si="143"/>
        <v>0</v>
      </c>
      <c r="N1160" s="46">
        <f t="shared" si="144"/>
        <v>45338.916666663936</v>
      </c>
    </row>
    <row r="1161" spans="2:14" x14ac:dyDescent="0.3">
      <c r="B1161">
        <f t="shared" si="138"/>
        <v>5</v>
      </c>
      <c r="C1161" s="16">
        <v>1127</v>
      </c>
      <c r="D1161" cm="1">
        <f t="array" ref="D1161">IFERROR(INDEX(Jesper!AH$2:AH$366,ROUNDDOWN($C1161/24,0)+1,1)*INDEX($D$3:$AA$30,INDEX(Jesper!$R$2:$R$366,ROW(INDEX(Jesper!AH$2:AH$366,ROUNDDOWN($C1161/24,0)+1,1))-1)+IF('Standard Profiles'!$G$18=$B$10,7,0)+IF('Standard Profiles'!$G$18=$B$17,14,0)+IF('Standard Profiles'!$G$18=$B$24,21,0),MOD($C1161,24)+1)/SUM(INDEX($D$3:$AA$30,INDEX(Jesper!$R$2:$R$366,ROW(INDEX(Jesper!AH$2:AH$366,ROUNDDOWN($C1161/24,0)+1,1))-1)+IF('Standard Profiles'!$G$18=$B$10,7,0)+IF('Standard Profiles'!$G$18=$B$17,14,0)+IF('Standard Profiles'!$G$18=$B$24,21,0),0)),0)</f>
        <v>3.8215807476777792</v>
      </c>
      <c r="E1161" cm="1">
        <f t="array" ref="E1161">IFERROR(INDEX(Jesper!AI$2:AI$366,ROUNDDOWN($C1161/24,0)+1,1)*INDEX($D$3:$AA$30,INDEX(Jesper!$R$2:$R$366,ROW(INDEX(Jesper!AI$2:AI$366,ROUNDDOWN($C1161/24,0)+1,1))-1)+IF('Standard Profiles'!$G$19=$B$10,7,0)+IF('Standard Profiles'!$G$19=$B$17,14,0)+IF('Standard Profiles'!$G$19=$B$24,21,0),MOD($C1161,24)+1)/SUM(INDEX($D$3:$AA$30,INDEX(Jesper!$R$2:$R$366,ROW(INDEX(Jesper!AI$2:AI$366,ROUNDDOWN($C1161/24,0)+1,1))-1)+IF('Standard Profiles'!$G$19=$B$10,7,0)+IF('Standard Profiles'!$G$19=$B$17,14,0)+IF('Standard Profiles'!$G$19=$B$24,21,0),0)),0)</f>
        <v>0</v>
      </c>
      <c r="F1161" cm="1">
        <f t="array" ref="F1161">IFERROR(INDEX(Jesper!AJ$2:AJ$366,ROUNDDOWN($C1161/24,0)+1,1)*INDEX($D$3:$AA$30,INDEX(Jesper!$R$2:$R$366,ROW(INDEX(Jesper!AJ$2:AJ$366,ROUNDDOWN($C1161/24,0)+1,1))-1)+IF('Standard Profiles'!$G$20=$B$10,7,0)+IF('Standard Profiles'!$G$20=$B$17,14,0)+IF('Standard Profiles'!$G$20=$B$24,21,0),MOD($C1161,24)+1)/SUM(INDEX($D$3:$AA$30,INDEX(Jesper!$R$2:$R$366,ROW(INDEX(Jesper!AJ$2:AJ$366,ROUNDDOWN($C1161/24,0)+1,1))-1)+IF('Standard Profiles'!$G$20=$B$10,7,0)+IF('Standard Profiles'!$G$20=$B$17,14,0)+IF('Standard Profiles'!$G$20=$B$24,21,0),0)),0)</f>
        <v>0</v>
      </c>
      <c r="G1161" cm="1">
        <f t="array" ref="G1161">IFERROR(INDEX(Jesper!AK$2:AK$366,ROUNDDOWN($C1161/24,0)+1,1)*INDEX($D$3:$AA$30,INDEX(Jesper!$R$2:$R$366,ROW(INDEX(Jesper!AK$2:AK$366,ROUNDDOWN($C1161/24,0)+1,1))-1)+IF('Standard Profiles'!$G$21=$B$10,7,0)+IF('Standard Profiles'!$G$21=$B$17,14,0)+IF('Standard Profiles'!$G$21=$B$24,21,0),MOD($C1161,24)+1)/SUM(INDEX($D$3:$AA$30,INDEX(Jesper!$R$2:$R$366,ROW(INDEX(Jesper!AK$2:AK$366,ROUNDDOWN($C1161/24,0)+1,1))-1)+IF('Standard Profiles'!$G$21=$B$10,7,0)+IF('Standard Profiles'!$G$21=$B$17,14,0)+IF('Standard Profiles'!$G$21=$B$24,21,0),0)),0)</f>
        <v>0</v>
      </c>
      <c r="H1161" cm="1">
        <f t="array" ref="H1161">IFERROR(INDEX(Jesper!AL$2:AL$366,ROUNDDOWN($C1161/24,0)+1,1)*INDEX($D$3:$AA$30,INDEX(Jesper!$R$2:$R$366,ROW(INDEX(Jesper!AL$2:AL$366,ROUNDDOWN($C1161/24,0)+1,1))-1)+IF('Standard Profiles'!$G$22=$B$10,7,0)+IF('Standard Profiles'!$G$22=$B$17,14,0)+IF('Standard Profiles'!$G$22=$B$24,21,0),MOD($C1161,24)+1)/SUM(INDEX($D$3:$AA$30,INDEX(Jesper!$R$2:$R$366,ROW(INDEX(Jesper!AL$2:AL$366,ROUNDDOWN($C1161/24,0)+1,1))-1)+IF('Standard Profiles'!$G$22=$B$10,7,0)+IF('Standard Profiles'!$G$22=$B$17,14,0)+IF('Standard Profiles'!$G$22=$B$24,21,0),0)),0)</f>
        <v>0</v>
      </c>
      <c r="I1161">
        <f t="shared" si="139"/>
        <v>0.11464742243033338</v>
      </c>
      <c r="J1161">
        <f t="shared" si="140"/>
        <v>0.38215807476777797</v>
      </c>
      <c r="K1161">
        <f t="shared" si="141"/>
        <v>0.57323711215166684</v>
      </c>
      <c r="L1161">
        <f t="shared" si="142"/>
        <v>2.7515381383280011</v>
      </c>
      <c r="M1161">
        <f t="shared" si="143"/>
        <v>0</v>
      </c>
      <c r="N1161" s="46">
        <f t="shared" si="144"/>
        <v>45338.9583333306</v>
      </c>
    </row>
    <row r="1162" spans="2:14" x14ac:dyDescent="0.3">
      <c r="B1162">
        <f t="shared" si="138"/>
        <v>6</v>
      </c>
      <c r="C1162" s="16">
        <v>1128</v>
      </c>
      <c r="D1162" cm="1">
        <f t="array" ref="D1162">IFERROR(INDEX(Jesper!AH$2:AH$366,ROUNDDOWN($C1162/24,0)+1,1)*INDEX($D$3:$AA$30,INDEX(Jesper!$R$2:$R$366,ROW(INDEX(Jesper!AH$2:AH$366,ROUNDDOWN($C1162/24,0)+1,1))-1)+IF('Standard Profiles'!$G$18=$B$10,7,0)+IF('Standard Profiles'!$G$18=$B$17,14,0)+IF('Standard Profiles'!$G$18=$B$24,21,0),MOD($C1162,24)+1)/SUM(INDEX($D$3:$AA$30,INDEX(Jesper!$R$2:$R$366,ROW(INDEX(Jesper!AH$2:AH$366,ROUNDDOWN($C1162/24,0)+1,1))-1)+IF('Standard Profiles'!$G$18=$B$10,7,0)+IF('Standard Profiles'!$G$18=$B$17,14,0)+IF('Standard Profiles'!$G$18=$B$24,21,0),0)),0)</f>
        <v>4.1185621740029648</v>
      </c>
      <c r="E1162" cm="1">
        <f t="array" ref="E1162">IFERROR(INDEX(Jesper!AI$2:AI$366,ROUNDDOWN($C1162/24,0)+1,1)*INDEX($D$3:$AA$30,INDEX(Jesper!$R$2:$R$366,ROW(INDEX(Jesper!AI$2:AI$366,ROUNDDOWN($C1162/24,0)+1,1))-1)+IF('Standard Profiles'!$G$19=$B$10,7,0)+IF('Standard Profiles'!$G$19=$B$17,14,0)+IF('Standard Profiles'!$G$19=$B$24,21,0),MOD($C1162,24)+1)/SUM(INDEX($D$3:$AA$30,INDEX(Jesper!$R$2:$R$366,ROW(INDEX(Jesper!AI$2:AI$366,ROUNDDOWN($C1162/24,0)+1,1))-1)+IF('Standard Profiles'!$G$19=$B$10,7,0)+IF('Standard Profiles'!$G$19=$B$17,14,0)+IF('Standard Profiles'!$G$19=$B$24,21,0),0)),0)</f>
        <v>0.89235711123813766</v>
      </c>
      <c r="F1162" cm="1">
        <f t="array" ref="F1162">IFERROR(INDEX(Jesper!AJ$2:AJ$366,ROUNDDOWN($C1162/24,0)+1,1)*INDEX($D$3:$AA$30,INDEX(Jesper!$R$2:$R$366,ROW(INDEX(Jesper!AJ$2:AJ$366,ROUNDDOWN($C1162/24,0)+1,1))-1)+IF('Standard Profiles'!$G$20=$B$10,7,0)+IF('Standard Profiles'!$G$20=$B$17,14,0)+IF('Standard Profiles'!$G$20=$B$24,21,0),MOD($C1162,24)+1)/SUM(INDEX($D$3:$AA$30,INDEX(Jesper!$R$2:$R$366,ROW(INDEX(Jesper!AJ$2:AJ$366,ROUNDDOWN($C1162/24,0)+1,1))-1)+IF('Standard Profiles'!$G$20=$B$10,7,0)+IF('Standard Profiles'!$G$20=$B$17,14,0)+IF('Standard Profiles'!$G$20=$B$24,21,0),0)),0)</f>
        <v>0</v>
      </c>
      <c r="G1162" cm="1">
        <f t="array" ref="G1162">IFERROR(INDEX(Jesper!AK$2:AK$366,ROUNDDOWN($C1162/24,0)+1,1)*INDEX($D$3:$AA$30,INDEX(Jesper!$R$2:$R$366,ROW(INDEX(Jesper!AK$2:AK$366,ROUNDDOWN($C1162/24,0)+1,1))-1)+IF('Standard Profiles'!$G$21=$B$10,7,0)+IF('Standard Profiles'!$G$21=$B$17,14,0)+IF('Standard Profiles'!$G$21=$B$24,21,0),MOD($C1162,24)+1)/SUM(INDEX($D$3:$AA$30,INDEX(Jesper!$R$2:$R$366,ROW(INDEX(Jesper!AK$2:AK$366,ROUNDDOWN($C1162/24,0)+1,1))-1)+IF('Standard Profiles'!$G$21=$B$10,7,0)+IF('Standard Profiles'!$G$21=$B$17,14,0)+IF('Standard Profiles'!$G$21=$B$24,21,0),0)),0)</f>
        <v>0</v>
      </c>
      <c r="H1162" cm="1">
        <f t="array" ref="H1162">IFERROR(INDEX(Jesper!AL$2:AL$366,ROUNDDOWN($C1162/24,0)+1,1)*INDEX($D$3:$AA$30,INDEX(Jesper!$R$2:$R$366,ROW(INDEX(Jesper!AL$2:AL$366,ROUNDDOWN($C1162/24,0)+1,1))-1)+IF('Standard Profiles'!$G$22=$B$10,7,0)+IF('Standard Profiles'!$G$22=$B$17,14,0)+IF('Standard Profiles'!$G$22=$B$24,21,0),MOD($C1162,24)+1)/SUM(INDEX($D$3:$AA$30,INDEX(Jesper!$R$2:$R$366,ROW(INDEX(Jesper!AL$2:AL$366,ROUNDDOWN($C1162/24,0)+1,1))-1)+IF('Standard Profiles'!$G$22=$B$10,7,0)+IF('Standard Profiles'!$G$22=$B$17,14,0)+IF('Standard Profiles'!$G$22=$B$24,21,0),0)),0)</f>
        <v>0</v>
      </c>
      <c r="I1162">
        <f t="shared" si="139"/>
        <v>8.039253254397638E-2</v>
      </c>
      <c r="J1162">
        <f t="shared" si="140"/>
        <v>0.26797510847992134</v>
      </c>
      <c r="K1162">
        <f t="shared" si="141"/>
        <v>0.40196266271988196</v>
      </c>
      <c r="L1162">
        <f t="shared" si="142"/>
        <v>4.2605889814973228</v>
      </c>
      <c r="M1162">
        <f t="shared" si="143"/>
        <v>0</v>
      </c>
      <c r="N1162" s="46">
        <f t="shared" si="144"/>
        <v>45338.999999997264</v>
      </c>
    </row>
    <row r="1163" spans="2:14" x14ac:dyDescent="0.3">
      <c r="B1163">
        <f t="shared" si="138"/>
        <v>6</v>
      </c>
      <c r="C1163" s="16">
        <v>1129</v>
      </c>
      <c r="D1163" cm="1">
        <f t="array" ref="D1163">IFERROR(INDEX(Jesper!AH$2:AH$366,ROUNDDOWN($C1163/24,0)+1,1)*INDEX($D$3:$AA$30,INDEX(Jesper!$R$2:$R$366,ROW(INDEX(Jesper!AH$2:AH$366,ROUNDDOWN($C1163/24,0)+1,1))-1)+IF('Standard Profiles'!$G$18=$B$10,7,0)+IF('Standard Profiles'!$G$18=$B$17,14,0)+IF('Standard Profiles'!$G$18=$B$24,21,0),MOD($C1163,24)+1)/SUM(INDEX($D$3:$AA$30,INDEX(Jesper!$R$2:$R$366,ROW(INDEX(Jesper!AH$2:AH$366,ROUNDDOWN($C1163/24,0)+1,1))-1)+IF('Standard Profiles'!$G$18=$B$10,7,0)+IF('Standard Profiles'!$G$18=$B$17,14,0)+IF('Standard Profiles'!$G$18=$B$24,21,0),0)),0)</f>
        <v>8.0410023397200749</v>
      </c>
      <c r="E1163" cm="1">
        <f t="array" ref="E1163">IFERROR(INDEX(Jesper!AI$2:AI$366,ROUNDDOWN($C1163/24,0)+1,1)*INDEX($D$3:$AA$30,INDEX(Jesper!$R$2:$R$366,ROW(INDEX(Jesper!AI$2:AI$366,ROUNDDOWN($C1163/24,0)+1,1))-1)+IF('Standard Profiles'!$G$19=$B$10,7,0)+IF('Standard Profiles'!$G$19=$B$17,14,0)+IF('Standard Profiles'!$G$19=$B$24,21,0),MOD($C1163,24)+1)/SUM(INDEX($D$3:$AA$30,INDEX(Jesper!$R$2:$R$366,ROW(INDEX(Jesper!AI$2:AI$366,ROUNDDOWN($C1163/24,0)+1,1))-1)+IF('Standard Profiles'!$G$19=$B$10,7,0)+IF('Standard Profiles'!$G$19=$B$17,14,0)+IF('Standard Profiles'!$G$19=$B$24,21,0),0)),0)</f>
        <v>1.7422210267030309</v>
      </c>
      <c r="F1163" cm="1">
        <f t="array" ref="F1163">IFERROR(INDEX(Jesper!AJ$2:AJ$366,ROUNDDOWN($C1163/24,0)+1,1)*INDEX($D$3:$AA$30,INDEX(Jesper!$R$2:$R$366,ROW(INDEX(Jesper!AJ$2:AJ$366,ROUNDDOWN($C1163/24,0)+1,1))-1)+IF('Standard Profiles'!$G$20=$B$10,7,0)+IF('Standard Profiles'!$G$20=$B$17,14,0)+IF('Standard Profiles'!$G$20=$B$24,21,0),MOD($C1163,24)+1)/SUM(INDEX($D$3:$AA$30,INDEX(Jesper!$R$2:$R$366,ROW(INDEX(Jesper!AJ$2:AJ$366,ROUNDDOWN($C1163/24,0)+1,1))-1)+IF('Standard Profiles'!$G$20=$B$10,7,0)+IF('Standard Profiles'!$G$20=$B$17,14,0)+IF('Standard Profiles'!$G$20=$B$24,21,0),0)),0)</f>
        <v>0</v>
      </c>
      <c r="G1163" cm="1">
        <f t="array" ref="G1163">IFERROR(INDEX(Jesper!AK$2:AK$366,ROUNDDOWN($C1163/24,0)+1,1)*INDEX($D$3:$AA$30,INDEX(Jesper!$R$2:$R$366,ROW(INDEX(Jesper!AK$2:AK$366,ROUNDDOWN($C1163/24,0)+1,1))-1)+IF('Standard Profiles'!$G$21=$B$10,7,0)+IF('Standard Profiles'!$G$21=$B$17,14,0)+IF('Standard Profiles'!$G$21=$B$24,21,0),MOD($C1163,24)+1)/SUM(INDEX($D$3:$AA$30,INDEX(Jesper!$R$2:$R$366,ROW(INDEX(Jesper!AK$2:AK$366,ROUNDDOWN($C1163/24,0)+1,1))-1)+IF('Standard Profiles'!$G$21=$B$10,7,0)+IF('Standard Profiles'!$G$21=$B$17,14,0)+IF('Standard Profiles'!$G$21=$B$24,21,0),0)),0)</f>
        <v>0</v>
      </c>
      <c r="H1163" cm="1">
        <f t="array" ref="H1163">IFERROR(INDEX(Jesper!AL$2:AL$366,ROUNDDOWN($C1163/24,0)+1,1)*INDEX($D$3:$AA$30,INDEX(Jesper!$R$2:$R$366,ROW(INDEX(Jesper!AL$2:AL$366,ROUNDDOWN($C1163/24,0)+1,1))-1)+IF('Standard Profiles'!$G$22=$B$10,7,0)+IF('Standard Profiles'!$G$22=$B$17,14,0)+IF('Standard Profiles'!$G$22=$B$24,21,0),MOD($C1163,24)+1)/SUM(INDEX($D$3:$AA$30,INDEX(Jesper!$R$2:$R$366,ROW(INDEX(Jesper!AL$2:AL$366,ROUNDDOWN($C1163/24,0)+1,1))-1)+IF('Standard Profiles'!$G$22=$B$10,7,0)+IF('Standard Profiles'!$G$22=$B$17,14,0)+IF('Standard Profiles'!$G$22=$B$24,21,0),0)),0)</f>
        <v>0</v>
      </c>
      <c r="I1163">
        <f t="shared" si="139"/>
        <v>0.15695684925252534</v>
      </c>
      <c r="J1163">
        <f t="shared" si="140"/>
        <v>0.52318949750841792</v>
      </c>
      <c r="K1163">
        <f t="shared" si="141"/>
        <v>0.78478424626262688</v>
      </c>
      <c r="L1163">
        <f t="shared" si="142"/>
        <v>8.318292773399536</v>
      </c>
      <c r="M1163">
        <f t="shared" si="143"/>
        <v>0</v>
      </c>
      <c r="N1163" s="46">
        <f t="shared" si="144"/>
        <v>45339.041666663928</v>
      </c>
    </row>
    <row r="1164" spans="2:14" x14ac:dyDescent="0.3">
      <c r="B1164">
        <f t="shared" si="138"/>
        <v>6</v>
      </c>
      <c r="C1164" s="16">
        <v>1130</v>
      </c>
      <c r="D1164" cm="1">
        <f t="array" ref="D1164">IFERROR(INDEX(Jesper!AH$2:AH$366,ROUNDDOWN($C1164/24,0)+1,1)*INDEX($D$3:$AA$30,INDEX(Jesper!$R$2:$R$366,ROW(INDEX(Jesper!AH$2:AH$366,ROUNDDOWN($C1164/24,0)+1,1))-1)+IF('Standard Profiles'!$G$18=$B$10,7,0)+IF('Standard Profiles'!$G$18=$B$17,14,0)+IF('Standard Profiles'!$G$18=$B$24,21,0),MOD($C1164,24)+1)/SUM(INDEX($D$3:$AA$30,INDEX(Jesper!$R$2:$R$366,ROW(INDEX(Jesper!AH$2:AH$366,ROUNDDOWN($C1164/24,0)+1,1))-1)+IF('Standard Profiles'!$G$18=$B$10,7,0)+IF('Standard Profiles'!$G$18=$B$17,14,0)+IF('Standard Profiles'!$G$18=$B$24,21,0),0)),0)</f>
        <v>8.0410023397200749</v>
      </c>
      <c r="E1164" cm="1">
        <f t="array" ref="E1164">IFERROR(INDEX(Jesper!AI$2:AI$366,ROUNDDOWN($C1164/24,0)+1,1)*INDEX($D$3:$AA$30,INDEX(Jesper!$R$2:$R$366,ROW(INDEX(Jesper!AI$2:AI$366,ROUNDDOWN($C1164/24,0)+1,1))-1)+IF('Standard Profiles'!$G$19=$B$10,7,0)+IF('Standard Profiles'!$G$19=$B$17,14,0)+IF('Standard Profiles'!$G$19=$B$24,21,0),MOD($C1164,24)+1)/SUM(INDEX($D$3:$AA$30,INDEX(Jesper!$R$2:$R$366,ROW(INDEX(Jesper!AI$2:AI$366,ROUNDDOWN($C1164/24,0)+1,1))-1)+IF('Standard Profiles'!$G$19=$B$10,7,0)+IF('Standard Profiles'!$G$19=$B$17,14,0)+IF('Standard Profiles'!$G$19=$B$24,21,0),0)),0)</f>
        <v>1.7422210267030309</v>
      </c>
      <c r="F1164" cm="1">
        <f t="array" ref="F1164">IFERROR(INDEX(Jesper!AJ$2:AJ$366,ROUNDDOWN($C1164/24,0)+1,1)*INDEX($D$3:$AA$30,INDEX(Jesper!$R$2:$R$366,ROW(INDEX(Jesper!AJ$2:AJ$366,ROUNDDOWN($C1164/24,0)+1,1))-1)+IF('Standard Profiles'!$G$20=$B$10,7,0)+IF('Standard Profiles'!$G$20=$B$17,14,0)+IF('Standard Profiles'!$G$20=$B$24,21,0),MOD($C1164,24)+1)/SUM(INDEX($D$3:$AA$30,INDEX(Jesper!$R$2:$R$366,ROW(INDEX(Jesper!AJ$2:AJ$366,ROUNDDOWN($C1164/24,0)+1,1))-1)+IF('Standard Profiles'!$G$20=$B$10,7,0)+IF('Standard Profiles'!$G$20=$B$17,14,0)+IF('Standard Profiles'!$G$20=$B$24,21,0),0)),0)</f>
        <v>0</v>
      </c>
      <c r="G1164" cm="1">
        <f t="array" ref="G1164">IFERROR(INDEX(Jesper!AK$2:AK$366,ROUNDDOWN($C1164/24,0)+1,1)*INDEX($D$3:$AA$30,INDEX(Jesper!$R$2:$R$366,ROW(INDEX(Jesper!AK$2:AK$366,ROUNDDOWN($C1164/24,0)+1,1))-1)+IF('Standard Profiles'!$G$21=$B$10,7,0)+IF('Standard Profiles'!$G$21=$B$17,14,0)+IF('Standard Profiles'!$G$21=$B$24,21,0),MOD($C1164,24)+1)/SUM(INDEX($D$3:$AA$30,INDEX(Jesper!$R$2:$R$366,ROW(INDEX(Jesper!AK$2:AK$366,ROUNDDOWN($C1164/24,0)+1,1))-1)+IF('Standard Profiles'!$G$21=$B$10,7,0)+IF('Standard Profiles'!$G$21=$B$17,14,0)+IF('Standard Profiles'!$G$21=$B$24,21,0),0)),0)</f>
        <v>0</v>
      </c>
      <c r="H1164" cm="1">
        <f t="array" ref="H1164">IFERROR(INDEX(Jesper!AL$2:AL$366,ROUNDDOWN($C1164/24,0)+1,1)*INDEX($D$3:$AA$30,INDEX(Jesper!$R$2:$R$366,ROW(INDEX(Jesper!AL$2:AL$366,ROUNDDOWN($C1164/24,0)+1,1))-1)+IF('Standard Profiles'!$G$22=$B$10,7,0)+IF('Standard Profiles'!$G$22=$B$17,14,0)+IF('Standard Profiles'!$G$22=$B$24,21,0),MOD($C1164,24)+1)/SUM(INDEX($D$3:$AA$30,INDEX(Jesper!$R$2:$R$366,ROW(INDEX(Jesper!AL$2:AL$366,ROUNDDOWN($C1164/24,0)+1,1))-1)+IF('Standard Profiles'!$G$22=$B$10,7,0)+IF('Standard Profiles'!$G$22=$B$17,14,0)+IF('Standard Profiles'!$G$22=$B$24,21,0),0)),0)</f>
        <v>0</v>
      </c>
      <c r="I1164">
        <f t="shared" si="139"/>
        <v>0.15695684925252534</v>
      </c>
      <c r="J1164">
        <f t="shared" si="140"/>
        <v>0.52318949750841792</v>
      </c>
      <c r="K1164">
        <f t="shared" si="141"/>
        <v>0.78478424626262688</v>
      </c>
      <c r="L1164">
        <f t="shared" si="142"/>
        <v>8.318292773399536</v>
      </c>
      <c r="M1164">
        <f t="shared" si="143"/>
        <v>0</v>
      </c>
      <c r="N1164" s="46">
        <f t="shared" si="144"/>
        <v>45339.083333330593</v>
      </c>
    </row>
    <row r="1165" spans="2:14" x14ac:dyDescent="0.3">
      <c r="B1165">
        <f t="shared" si="138"/>
        <v>6</v>
      </c>
      <c r="C1165" s="16">
        <v>1131</v>
      </c>
      <c r="D1165" cm="1">
        <f t="array" ref="D1165">IFERROR(INDEX(Jesper!AH$2:AH$366,ROUNDDOWN($C1165/24,0)+1,1)*INDEX($D$3:$AA$30,INDEX(Jesper!$R$2:$R$366,ROW(INDEX(Jesper!AH$2:AH$366,ROUNDDOWN($C1165/24,0)+1,1))-1)+IF('Standard Profiles'!$G$18=$B$10,7,0)+IF('Standard Profiles'!$G$18=$B$17,14,0)+IF('Standard Profiles'!$G$18=$B$24,21,0),MOD($C1165,24)+1)/SUM(INDEX($D$3:$AA$30,INDEX(Jesper!$R$2:$R$366,ROW(INDEX(Jesper!AH$2:AH$366,ROUNDDOWN($C1165/24,0)+1,1))-1)+IF('Standard Profiles'!$G$18=$B$10,7,0)+IF('Standard Profiles'!$G$18=$B$17,14,0)+IF('Standard Profiles'!$G$18=$B$24,21,0),0)),0)</f>
        <v>8.0410023397200749</v>
      </c>
      <c r="E1165" cm="1">
        <f t="array" ref="E1165">IFERROR(INDEX(Jesper!AI$2:AI$366,ROUNDDOWN($C1165/24,0)+1,1)*INDEX($D$3:$AA$30,INDEX(Jesper!$R$2:$R$366,ROW(INDEX(Jesper!AI$2:AI$366,ROUNDDOWN($C1165/24,0)+1,1))-1)+IF('Standard Profiles'!$G$19=$B$10,7,0)+IF('Standard Profiles'!$G$19=$B$17,14,0)+IF('Standard Profiles'!$G$19=$B$24,21,0),MOD($C1165,24)+1)/SUM(INDEX($D$3:$AA$30,INDEX(Jesper!$R$2:$R$366,ROW(INDEX(Jesper!AI$2:AI$366,ROUNDDOWN($C1165/24,0)+1,1))-1)+IF('Standard Profiles'!$G$19=$B$10,7,0)+IF('Standard Profiles'!$G$19=$B$17,14,0)+IF('Standard Profiles'!$G$19=$B$24,21,0),0)),0)</f>
        <v>1.7422210267030309</v>
      </c>
      <c r="F1165" cm="1">
        <f t="array" ref="F1165">IFERROR(INDEX(Jesper!AJ$2:AJ$366,ROUNDDOWN($C1165/24,0)+1,1)*INDEX($D$3:$AA$30,INDEX(Jesper!$R$2:$R$366,ROW(INDEX(Jesper!AJ$2:AJ$366,ROUNDDOWN($C1165/24,0)+1,1))-1)+IF('Standard Profiles'!$G$20=$B$10,7,0)+IF('Standard Profiles'!$G$20=$B$17,14,0)+IF('Standard Profiles'!$G$20=$B$24,21,0),MOD($C1165,24)+1)/SUM(INDEX($D$3:$AA$30,INDEX(Jesper!$R$2:$R$366,ROW(INDEX(Jesper!AJ$2:AJ$366,ROUNDDOWN($C1165/24,0)+1,1))-1)+IF('Standard Profiles'!$G$20=$B$10,7,0)+IF('Standard Profiles'!$G$20=$B$17,14,0)+IF('Standard Profiles'!$G$20=$B$24,21,0),0)),0)</f>
        <v>0</v>
      </c>
      <c r="G1165" cm="1">
        <f t="array" ref="G1165">IFERROR(INDEX(Jesper!AK$2:AK$366,ROUNDDOWN($C1165/24,0)+1,1)*INDEX($D$3:$AA$30,INDEX(Jesper!$R$2:$R$366,ROW(INDEX(Jesper!AK$2:AK$366,ROUNDDOWN($C1165/24,0)+1,1))-1)+IF('Standard Profiles'!$G$21=$B$10,7,0)+IF('Standard Profiles'!$G$21=$B$17,14,0)+IF('Standard Profiles'!$G$21=$B$24,21,0),MOD($C1165,24)+1)/SUM(INDEX($D$3:$AA$30,INDEX(Jesper!$R$2:$R$366,ROW(INDEX(Jesper!AK$2:AK$366,ROUNDDOWN($C1165/24,0)+1,1))-1)+IF('Standard Profiles'!$G$21=$B$10,7,0)+IF('Standard Profiles'!$G$21=$B$17,14,0)+IF('Standard Profiles'!$G$21=$B$24,21,0),0)),0)</f>
        <v>0</v>
      </c>
      <c r="H1165" cm="1">
        <f t="array" ref="H1165">IFERROR(INDEX(Jesper!AL$2:AL$366,ROUNDDOWN($C1165/24,0)+1,1)*INDEX($D$3:$AA$30,INDEX(Jesper!$R$2:$R$366,ROW(INDEX(Jesper!AL$2:AL$366,ROUNDDOWN($C1165/24,0)+1,1))-1)+IF('Standard Profiles'!$G$22=$B$10,7,0)+IF('Standard Profiles'!$G$22=$B$17,14,0)+IF('Standard Profiles'!$G$22=$B$24,21,0),MOD($C1165,24)+1)/SUM(INDEX($D$3:$AA$30,INDEX(Jesper!$R$2:$R$366,ROW(INDEX(Jesper!AL$2:AL$366,ROUNDDOWN($C1165/24,0)+1,1))-1)+IF('Standard Profiles'!$G$22=$B$10,7,0)+IF('Standard Profiles'!$G$22=$B$17,14,0)+IF('Standard Profiles'!$G$22=$B$24,21,0),0)),0)</f>
        <v>0</v>
      </c>
      <c r="I1165">
        <f t="shared" si="139"/>
        <v>0.15695684925252534</v>
      </c>
      <c r="J1165">
        <f t="shared" si="140"/>
        <v>0.52318949750841792</v>
      </c>
      <c r="K1165">
        <f t="shared" si="141"/>
        <v>0.78478424626262688</v>
      </c>
      <c r="L1165">
        <f t="shared" si="142"/>
        <v>8.318292773399536</v>
      </c>
      <c r="M1165">
        <f t="shared" si="143"/>
        <v>0</v>
      </c>
      <c r="N1165" s="46">
        <f t="shared" si="144"/>
        <v>45339.124999997257</v>
      </c>
    </row>
    <row r="1166" spans="2:14" x14ac:dyDescent="0.3">
      <c r="B1166">
        <f t="shared" si="138"/>
        <v>6</v>
      </c>
      <c r="C1166" s="16">
        <v>1132</v>
      </c>
      <c r="D1166" cm="1">
        <f t="array" ref="D1166">IFERROR(INDEX(Jesper!AH$2:AH$366,ROUNDDOWN($C1166/24,0)+1,1)*INDEX($D$3:$AA$30,INDEX(Jesper!$R$2:$R$366,ROW(INDEX(Jesper!AH$2:AH$366,ROUNDDOWN($C1166/24,0)+1,1))-1)+IF('Standard Profiles'!$G$18=$B$10,7,0)+IF('Standard Profiles'!$G$18=$B$17,14,0)+IF('Standard Profiles'!$G$18=$B$24,21,0),MOD($C1166,24)+1)/SUM(INDEX($D$3:$AA$30,INDEX(Jesper!$R$2:$R$366,ROW(INDEX(Jesper!AH$2:AH$366,ROUNDDOWN($C1166/24,0)+1,1))-1)+IF('Standard Profiles'!$G$18=$B$10,7,0)+IF('Standard Profiles'!$G$18=$B$17,14,0)+IF('Standard Profiles'!$G$18=$B$24,21,0),0)),0)</f>
        <v>8.0410023397200749</v>
      </c>
      <c r="E1166" cm="1">
        <f t="array" ref="E1166">IFERROR(INDEX(Jesper!AI$2:AI$366,ROUNDDOWN($C1166/24,0)+1,1)*INDEX($D$3:$AA$30,INDEX(Jesper!$R$2:$R$366,ROW(INDEX(Jesper!AI$2:AI$366,ROUNDDOWN($C1166/24,0)+1,1))-1)+IF('Standard Profiles'!$G$19=$B$10,7,0)+IF('Standard Profiles'!$G$19=$B$17,14,0)+IF('Standard Profiles'!$G$19=$B$24,21,0),MOD($C1166,24)+1)/SUM(INDEX($D$3:$AA$30,INDEX(Jesper!$R$2:$R$366,ROW(INDEX(Jesper!AI$2:AI$366,ROUNDDOWN($C1166/24,0)+1,1))-1)+IF('Standard Profiles'!$G$19=$B$10,7,0)+IF('Standard Profiles'!$G$19=$B$17,14,0)+IF('Standard Profiles'!$G$19=$B$24,21,0),0)),0)</f>
        <v>1.7422210267030309</v>
      </c>
      <c r="F1166" cm="1">
        <f t="array" ref="F1166">IFERROR(INDEX(Jesper!AJ$2:AJ$366,ROUNDDOWN($C1166/24,0)+1,1)*INDEX($D$3:$AA$30,INDEX(Jesper!$R$2:$R$366,ROW(INDEX(Jesper!AJ$2:AJ$366,ROUNDDOWN($C1166/24,0)+1,1))-1)+IF('Standard Profiles'!$G$20=$B$10,7,0)+IF('Standard Profiles'!$G$20=$B$17,14,0)+IF('Standard Profiles'!$G$20=$B$24,21,0),MOD($C1166,24)+1)/SUM(INDEX($D$3:$AA$30,INDEX(Jesper!$R$2:$R$366,ROW(INDEX(Jesper!AJ$2:AJ$366,ROUNDDOWN($C1166/24,0)+1,1))-1)+IF('Standard Profiles'!$G$20=$B$10,7,0)+IF('Standard Profiles'!$G$20=$B$17,14,0)+IF('Standard Profiles'!$G$20=$B$24,21,0),0)),0)</f>
        <v>0</v>
      </c>
      <c r="G1166" cm="1">
        <f t="array" ref="G1166">IFERROR(INDEX(Jesper!AK$2:AK$366,ROUNDDOWN($C1166/24,0)+1,1)*INDEX($D$3:$AA$30,INDEX(Jesper!$R$2:$R$366,ROW(INDEX(Jesper!AK$2:AK$366,ROUNDDOWN($C1166/24,0)+1,1))-1)+IF('Standard Profiles'!$G$21=$B$10,7,0)+IF('Standard Profiles'!$G$21=$B$17,14,0)+IF('Standard Profiles'!$G$21=$B$24,21,0),MOD($C1166,24)+1)/SUM(INDEX($D$3:$AA$30,INDEX(Jesper!$R$2:$R$366,ROW(INDEX(Jesper!AK$2:AK$366,ROUNDDOWN($C1166/24,0)+1,1))-1)+IF('Standard Profiles'!$G$21=$B$10,7,0)+IF('Standard Profiles'!$G$21=$B$17,14,0)+IF('Standard Profiles'!$G$21=$B$24,21,0),0)),0)</f>
        <v>0</v>
      </c>
      <c r="H1166" cm="1">
        <f t="array" ref="H1166">IFERROR(INDEX(Jesper!AL$2:AL$366,ROUNDDOWN($C1166/24,0)+1,1)*INDEX($D$3:$AA$30,INDEX(Jesper!$R$2:$R$366,ROW(INDEX(Jesper!AL$2:AL$366,ROUNDDOWN($C1166/24,0)+1,1))-1)+IF('Standard Profiles'!$G$22=$B$10,7,0)+IF('Standard Profiles'!$G$22=$B$17,14,0)+IF('Standard Profiles'!$G$22=$B$24,21,0),MOD($C1166,24)+1)/SUM(INDEX($D$3:$AA$30,INDEX(Jesper!$R$2:$R$366,ROW(INDEX(Jesper!AL$2:AL$366,ROUNDDOWN($C1166/24,0)+1,1))-1)+IF('Standard Profiles'!$G$22=$B$10,7,0)+IF('Standard Profiles'!$G$22=$B$17,14,0)+IF('Standard Profiles'!$G$22=$B$24,21,0),0)),0)</f>
        <v>0</v>
      </c>
      <c r="I1166">
        <f t="shared" si="139"/>
        <v>0.15695684925252534</v>
      </c>
      <c r="J1166">
        <f t="shared" si="140"/>
        <v>0.52318949750841792</v>
      </c>
      <c r="K1166">
        <f t="shared" si="141"/>
        <v>0.78478424626262688</v>
      </c>
      <c r="L1166">
        <f t="shared" si="142"/>
        <v>8.318292773399536</v>
      </c>
      <c r="M1166">
        <f t="shared" si="143"/>
        <v>0</v>
      </c>
      <c r="N1166" s="46">
        <f t="shared" si="144"/>
        <v>45339.166666663921</v>
      </c>
    </row>
    <row r="1167" spans="2:14" x14ac:dyDescent="0.3">
      <c r="B1167">
        <f t="shared" si="138"/>
        <v>6</v>
      </c>
      <c r="C1167" s="16">
        <v>1133</v>
      </c>
      <c r="D1167" cm="1">
        <f t="array" ref="D1167">IFERROR(INDEX(Jesper!AH$2:AH$366,ROUNDDOWN($C1167/24,0)+1,1)*INDEX($D$3:$AA$30,INDEX(Jesper!$R$2:$R$366,ROW(INDEX(Jesper!AH$2:AH$366,ROUNDDOWN($C1167/24,0)+1,1))-1)+IF('Standard Profiles'!$G$18=$B$10,7,0)+IF('Standard Profiles'!$G$18=$B$17,14,0)+IF('Standard Profiles'!$G$18=$B$24,21,0),MOD($C1167,24)+1)/SUM(INDEX($D$3:$AA$30,INDEX(Jesper!$R$2:$R$366,ROW(INDEX(Jesper!AH$2:AH$366,ROUNDDOWN($C1167/24,0)+1,1))-1)+IF('Standard Profiles'!$G$18=$B$10,7,0)+IF('Standard Profiles'!$G$18=$B$17,14,0)+IF('Standard Profiles'!$G$18=$B$24,21,0),0)),0)</f>
        <v>10.00222242257863</v>
      </c>
      <c r="E1167" cm="1">
        <f t="array" ref="E1167">IFERROR(INDEX(Jesper!AI$2:AI$366,ROUNDDOWN($C1167/24,0)+1,1)*INDEX($D$3:$AA$30,INDEX(Jesper!$R$2:$R$366,ROW(INDEX(Jesper!AI$2:AI$366,ROUNDDOWN($C1167/24,0)+1,1))-1)+IF('Standard Profiles'!$G$19=$B$10,7,0)+IF('Standard Profiles'!$G$19=$B$17,14,0)+IF('Standard Profiles'!$G$19=$B$24,21,0),MOD($C1167,24)+1)/SUM(INDEX($D$3:$AA$30,INDEX(Jesper!$R$2:$R$366,ROW(INDEX(Jesper!AI$2:AI$366,ROUNDDOWN($C1167/24,0)+1,1))-1)+IF('Standard Profiles'!$G$19=$B$10,7,0)+IF('Standard Profiles'!$G$19=$B$17,14,0)+IF('Standard Profiles'!$G$19=$B$24,21,0),0)),0)</f>
        <v>2.1671529844354773</v>
      </c>
      <c r="F1167" cm="1">
        <f t="array" ref="F1167">IFERROR(INDEX(Jesper!AJ$2:AJ$366,ROUNDDOWN($C1167/24,0)+1,1)*INDEX($D$3:$AA$30,INDEX(Jesper!$R$2:$R$366,ROW(INDEX(Jesper!AJ$2:AJ$366,ROUNDDOWN($C1167/24,0)+1,1))-1)+IF('Standard Profiles'!$G$20=$B$10,7,0)+IF('Standard Profiles'!$G$20=$B$17,14,0)+IF('Standard Profiles'!$G$20=$B$24,21,0),MOD($C1167,24)+1)/SUM(INDEX($D$3:$AA$30,INDEX(Jesper!$R$2:$R$366,ROW(INDEX(Jesper!AJ$2:AJ$366,ROUNDDOWN($C1167/24,0)+1,1))-1)+IF('Standard Profiles'!$G$20=$B$10,7,0)+IF('Standard Profiles'!$G$20=$B$17,14,0)+IF('Standard Profiles'!$G$20=$B$24,21,0),0)),0)</f>
        <v>0</v>
      </c>
      <c r="G1167" cm="1">
        <f t="array" ref="G1167">IFERROR(INDEX(Jesper!AK$2:AK$366,ROUNDDOWN($C1167/24,0)+1,1)*INDEX($D$3:$AA$30,INDEX(Jesper!$R$2:$R$366,ROW(INDEX(Jesper!AK$2:AK$366,ROUNDDOWN($C1167/24,0)+1,1))-1)+IF('Standard Profiles'!$G$21=$B$10,7,0)+IF('Standard Profiles'!$G$21=$B$17,14,0)+IF('Standard Profiles'!$G$21=$B$24,21,0),MOD($C1167,24)+1)/SUM(INDEX($D$3:$AA$30,INDEX(Jesper!$R$2:$R$366,ROW(INDEX(Jesper!AK$2:AK$366,ROUNDDOWN($C1167/24,0)+1,1))-1)+IF('Standard Profiles'!$G$21=$B$10,7,0)+IF('Standard Profiles'!$G$21=$B$17,14,0)+IF('Standard Profiles'!$G$21=$B$24,21,0),0)),0)</f>
        <v>0</v>
      </c>
      <c r="H1167" cm="1">
        <f t="array" ref="H1167">IFERROR(INDEX(Jesper!AL$2:AL$366,ROUNDDOWN($C1167/24,0)+1,1)*INDEX($D$3:$AA$30,INDEX(Jesper!$R$2:$R$366,ROW(INDEX(Jesper!AL$2:AL$366,ROUNDDOWN($C1167/24,0)+1,1))-1)+IF('Standard Profiles'!$G$22=$B$10,7,0)+IF('Standard Profiles'!$G$22=$B$17,14,0)+IF('Standard Profiles'!$G$22=$B$24,21,0),MOD($C1167,24)+1)/SUM(INDEX($D$3:$AA$30,INDEX(Jesper!$R$2:$R$366,ROW(INDEX(Jesper!AL$2:AL$366,ROUNDDOWN($C1167/24,0)+1,1))-1)+IF('Standard Profiles'!$G$22=$B$10,7,0)+IF('Standard Profiles'!$G$22=$B$17,14,0)+IF('Standard Profiles'!$G$22=$B$24,21,0),0)),0)</f>
        <v>0</v>
      </c>
      <c r="I1167">
        <f t="shared" si="139"/>
        <v>0.1952390076067998</v>
      </c>
      <c r="J1167">
        <f t="shared" si="140"/>
        <v>0.6507966920226661</v>
      </c>
      <c r="K1167">
        <f t="shared" si="141"/>
        <v>0.97619503803399921</v>
      </c>
      <c r="L1167">
        <f t="shared" si="142"/>
        <v>10.347144669350643</v>
      </c>
      <c r="M1167">
        <f t="shared" si="143"/>
        <v>0</v>
      </c>
      <c r="N1167" s="46">
        <f t="shared" si="144"/>
        <v>45339.208333330585</v>
      </c>
    </row>
    <row r="1168" spans="2:14" x14ac:dyDescent="0.3">
      <c r="B1168">
        <f t="shared" si="138"/>
        <v>6</v>
      </c>
      <c r="C1168" s="16">
        <v>1134</v>
      </c>
      <c r="D1168" cm="1">
        <f t="array" ref="D1168">IFERROR(INDEX(Jesper!AH$2:AH$366,ROUNDDOWN($C1168/24,0)+1,1)*INDEX($D$3:$AA$30,INDEX(Jesper!$R$2:$R$366,ROW(INDEX(Jesper!AH$2:AH$366,ROUNDDOWN($C1168/24,0)+1,1))-1)+IF('Standard Profiles'!$G$18=$B$10,7,0)+IF('Standard Profiles'!$G$18=$B$17,14,0)+IF('Standard Profiles'!$G$18=$B$24,21,0),MOD($C1168,24)+1)/SUM(INDEX($D$3:$AA$30,INDEX(Jesper!$R$2:$R$366,ROW(INDEX(Jesper!AH$2:AH$366,ROUNDDOWN($C1168/24,0)+1,1))-1)+IF('Standard Profiles'!$G$18=$B$10,7,0)+IF('Standard Profiles'!$G$18=$B$17,14,0)+IF('Standard Profiles'!$G$18=$B$24,21,0),0)),0)</f>
        <v>12.551808530294752</v>
      </c>
      <c r="E1168" cm="1">
        <f t="array" ref="E1168">IFERROR(INDEX(Jesper!AI$2:AI$366,ROUNDDOWN($C1168/24,0)+1,1)*INDEX($D$3:$AA$30,INDEX(Jesper!$R$2:$R$366,ROW(INDEX(Jesper!AI$2:AI$366,ROUNDDOWN($C1168/24,0)+1,1))-1)+IF('Standard Profiles'!$G$19=$B$10,7,0)+IF('Standard Profiles'!$G$19=$B$17,14,0)+IF('Standard Profiles'!$G$19=$B$24,21,0),MOD($C1168,24)+1)/SUM(INDEX($D$3:$AA$30,INDEX(Jesper!$R$2:$R$366,ROW(INDEX(Jesper!AI$2:AI$366,ROUNDDOWN($C1168/24,0)+1,1))-1)+IF('Standard Profiles'!$G$19=$B$10,7,0)+IF('Standard Profiles'!$G$19=$B$17,14,0)+IF('Standard Profiles'!$G$19=$B$24,21,0),0)),0)</f>
        <v>2.7195645294876578</v>
      </c>
      <c r="F1168" cm="1">
        <f t="array" ref="F1168">IFERROR(INDEX(Jesper!AJ$2:AJ$366,ROUNDDOWN($C1168/24,0)+1,1)*INDEX($D$3:$AA$30,INDEX(Jesper!$R$2:$R$366,ROW(INDEX(Jesper!AJ$2:AJ$366,ROUNDDOWN($C1168/24,0)+1,1))-1)+IF('Standard Profiles'!$G$20=$B$10,7,0)+IF('Standard Profiles'!$G$20=$B$17,14,0)+IF('Standard Profiles'!$G$20=$B$24,21,0),MOD($C1168,24)+1)/SUM(INDEX($D$3:$AA$30,INDEX(Jesper!$R$2:$R$366,ROW(INDEX(Jesper!AJ$2:AJ$366,ROUNDDOWN($C1168/24,0)+1,1))-1)+IF('Standard Profiles'!$G$20=$B$10,7,0)+IF('Standard Profiles'!$G$20=$B$17,14,0)+IF('Standard Profiles'!$G$20=$B$24,21,0),0)),0)</f>
        <v>0</v>
      </c>
      <c r="G1168" cm="1">
        <f t="array" ref="G1168">IFERROR(INDEX(Jesper!AK$2:AK$366,ROUNDDOWN($C1168/24,0)+1,1)*INDEX($D$3:$AA$30,INDEX(Jesper!$R$2:$R$366,ROW(INDEX(Jesper!AK$2:AK$366,ROUNDDOWN($C1168/24,0)+1,1))-1)+IF('Standard Profiles'!$G$21=$B$10,7,0)+IF('Standard Profiles'!$G$21=$B$17,14,0)+IF('Standard Profiles'!$G$21=$B$24,21,0),MOD($C1168,24)+1)/SUM(INDEX($D$3:$AA$30,INDEX(Jesper!$R$2:$R$366,ROW(INDEX(Jesper!AK$2:AK$366,ROUNDDOWN($C1168/24,0)+1,1))-1)+IF('Standard Profiles'!$G$21=$B$10,7,0)+IF('Standard Profiles'!$G$21=$B$17,14,0)+IF('Standard Profiles'!$G$21=$B$24,21,0),0)),0)</f>
        <v>0</v>
      </c>
      <c r="H1168" cm="1">
        <f t="array" ref="H1168">IFERROR(INDEX(Jesper!AL$2:AL$366,ROUNDDOWN($C1168/24,0)+1,1)*INDEX($D$3:$AA$30,INDEX(Jesper!$R$2:$R$366,ROW(INDEX(Jesper!AL$2:AL$366,ROUNDDOWN($C1168/24,0)+1,1))-1)+IF('Standard Profiles'!$G$22=$B$10,7,0)+IF('Standard Profiles'!$G$22=$B$17,14,0)+IF('Standard Profiles'!$G$22=$B$24,21,0),MOD($C1168,24)+1)/SUM(INDEX($D$3:$AA$30,INDEX(Jesper!$R$2:$R$366,ROW(INDEX(Jesper!AL$2:AL$366,ROUNDDOWN($C1168/24,0)+1,1))-1)+IF('Standard Profiles'!$G$22=$B$10,7,0)+IF('Standard Profiles'!$G$22=$B$17,14,0)+IF('Standard Profiles'!$G$22=$B$24,21,0),0)),0)</f>
        <v>0</v>
      </c>
      <c r="I1168">
        <f t="shared" si="139"/>
        <v>0.24500581346735661</v>
      </c>
      <c r="J1168">
        <f t="shared" si="140"/>
        <v>0.8166860448911889</v>
      </c>
      <c r="K1168">
        <f t="shared" si="141"/>
        <v>1.2250290673367832</v>
      </c>
      <c r="L1168">
        <f t="shared" si="142"/>
        <v>12.984652134087082</v>
      </c>
      <c r="M1168">
        <f t="shared" si="143"/>
        <v>0</v>
      </c>
      <c r="N1168" s="46">
        <f t="shared" si="144"/>
        <v>45339.24999999725</v>
      </c>
    </row>
    <row r="1169" spans="2:14" x14ac:dyDescent="0.3">
      <c r="B1169">
        <f t="shared" si="138"/>
        <v>6</v>
      </c>
      <c r="C1169" s="16">
        <v>1135</v>
      </c>
      <c r="D1169" cm="1">
        <f t="array" ref="D1169">IFERROR(INDEX(Jesper!AH$2:AH$366,ROUNDDOWN($C1169/24,0)+1,1)*INDEX($D$3:$AA$30,INDEX(Jesper!$R$2:$R$366,ROW(INDEX(Jesper!AH$2:AH$366,ROUNDDOWN($C1169/24,0)+1,1))-1)+IF('Standard Profiles'!$G$18=$B$10,7,0)+IF('Standard Profiles'!$G$18=$B$17,14,0)+IF('Standard Profiles'!$G$18=$B$24,21,0),MOD($C1169,24)+1)/SUM(INDEX($D$3:$AA$30,INDEX(Jesper!$R$2:$R$366,ROW(INDEX(Jesper!AH$2:AH$366,ROUNDDOWN($C1169/24,0)+1,1))-1)+IF('Standard Profiles'!$G$18=$B$10,7,0)+IF('Standard Profiles'!$G$18=$B$17,14,0)+IF('Standard Profiles'!$G$18=$B$24,21,0),0)),0)</f>
        <v>14.31690660486745</v>
      </c>
      <c r="E1169" cm="1">
        <f t="array" ref="E1169">IFERROR(INDEX(Jesper!AI$2:AI$366,ROUNDDOWN($C1169/24,0)+1,1)*INDEX($D$3:$AA$30,INDEX(Jesper!$R$2:$R$366,ROW(INDEX(Jesper!AI$2:AI$366,ROUNDDOWN($C1169/24,0)+1,1))-1)+IF('Standard Profiles'!$G$19=$B$10,7,0)+IF('Standard Profiles'!$G$19=$B$17,14,0)+IF('Standard Profiles'!$G$19=$B$24,21,0),MOD($C1169,24)+1)/SUM(INDEX($D$3:$AA$30,INDEX(Jesper!$R$2:$R$366,ROW(INDEX(Jesper!AI$2:AI$366,ROUNDDOWN($C1169/24,0)+1,1))-1)+IF('Standard Profiles'!$G$19=$B$10,7,0)+IF('Standard Profiles'!$G$19=$B$17,14,0)+IF('Standard Profiles'!$G$19=$B$24,21,0),0)),0)</f>
        <v>3.1020032914468594</v>
      </c>
      <c r="F1169" cm="1">
        <f t="array" ref="F1169">IFERROR(INDEX(Jesper!AJ$2:AJ$366,ROUNDDOWN($C1169/24,0)+1,1)*INDEX($D$3:$AA$30,INDEX(Jesper!$R$2:$R$366,ROW(INDEX(Jesper!AJ$2:AJ$366,ROUNDDOWN($C1169/24,0)+1,1))-1)+IF('Standard Profiles'!$G$20=$B$10,7,0)+IF('Standard Profiles'!$G$20=$B$17,14,0)+IF('Standard Profiles'!$G$20=$B$24,21,0),MOD($C1169,24)+1)/SUM(INDEX($D$3:$AA$30,INDEX(Jesper!$R$2:$R$366,ROW(INDEX(Jesper!AJ$2:AJ$366,ROUNDDOWN($C1169/24,0)+1,1))-1)+IF('Standard Profiles'!$G$20=$B$10,7,0)+IF('Standard Profiles'!$G$20=$B$17,14,0)+IF('Standard Profiles'!$G$20=$B$24,21,0),0)),0)</f>
        <v>0</v>
      </c>
      <c r="G1169" cm="1">
        <f t="array" ref="G1169">IFERROR(INDEX(Jesper!AK$2:AK$366,ROUNDDOWN($C1169/24,0)+1,1)*INDEX($D$3:$AA$30,INDEX(Jesper!$R$2:$R$366,ROW(INDEX(Jesper!AK$2:AK$366,ROUNDDOWN($C1169/24,0)+1,1))-1)+IF('Standard Profiles'!$G$21=$B$10,7,0)+IF('Standard Profiles'!$G$21=$B$17,14,0)+IF('Standard Profiles'!$G$21=$B$24,21,0),MOD($C1169,24)+1)/SUM(INDEX($D$3:$AA$30,INDEX(Jesper!$R$2:$R$366,ROW(INDEX(Jesper!AK$2:AK$366,ROUNDDOWN($C1169/24,0)+1,1))-1)+IF('Standard Profiles'!$G$21=$B$10,7,0)+IF('Standard Profiles'!$G$21=$B$17,14,0)+IF('Standard Profiles'!$G$21=$B$24,21,0),0)),0)</f>
        <v>0</v>
      </c>
      <c r="H1169" cm="1">
        <f t="array" ref="H1169">IFERROR(INDEX(Jesper!AL$2:AL$366,ROUNDDOWN($C1169/24,0)+1,1)*INDEX($D$3:$AA$30,INDEX(Jesper!$R$2:$R$366,ROW(INDEX(Jesper!AL$2:AL$366,ROUNDDOWN($C1169/24,0)+1,1))-1)+IF('Standard Profiles'!$G$22=$B$10,7,0)+IF('Standard Profiles'!$G$22=$B$17,14,0)+IF('Standard Profiles'!$G$22=$B$24,21,0),MOD($C1169,24)+1)/SUM(INDEX($D$3:$AA$30,INDEX(Jesper!$R$2:$R$366,ROW(INDEX(Jesper!AL$2:AL$366,ROUNDDOWN($C1169/24,0)+1,1))-1)+IF('Standard Profiles'!$G$22=$B$10,7,0)+IF('Standard Profiles'!$G$22=$B$17,14,0)+IF('Standard Profiles'!$G$22=$B$24,21,0),0)),0)</f>
        <v>0</v>
      </c>
      <c r="I1169">
        <f t="shared" si="139"/>
        <v>0.2794597559862036</v>
      </c>
      <c r="J1169">
        <f t="shared" si="140"/>
        <v>0.93153251995401221</v>
      </c>
      <c r="K1169">
        <f t="shared" si="141"/>
        <v>1.3972987799310184</v>
      </c>
      <c r="L1169">
        <f t="shared" si="142"/>
        <v>14.810618840443075</v>
      </c>
      <c r="M1169">
        <f t="shared" si="143"/>
        <v>0</v>
      </c>
      <c r="N1169" s="46">
        <f t="shared" si="144"/>
        <v>45339.291666663914</v>
      </c>
    </row>
    <row r="1170" spans="2:14" x14ac:dyDescent="0.3">
      <c r="B1170">
        <f t="shared" si="138"/>
        <v>6</v>
      </c>
      <c r="C1170" s="16">
        <v>1136</v>
      </c>
      <c r="D1170" cm="1">
        <f t="array" ref="D1170">IFERROR(INDEX(Jesper!AH$2:AH$366,ROUNDDOWN($C1170/24,0)+1,1)*INDEX($D$3:$AA$30,INDEX(Jesper!$R$2:$R$366,ROW(INDEX(Jesper!AH$2:AH$366,ROUNDDOWN($C1170/24,0)+1,1))-1)+IF('Standard Profiles'!$G$18=$B$10,7,0)+IF('Standard Profiles'!$G$18=$B$17,14,0)+IF('Standard Profiles'!$G$18=$B$24,21,0),MOD($C1170,24)+1)/SUM(INDEX($D$3:$AA$30,INDEX(Jesper!$R$2:$R$366,ROW(INDEX(Jesper!AH$2:AH$366,ROUNDDOWN($C1170/24,0)+1,1))-1)+IF('Standard Profiles'!$G$18=$B$10,7,0)+IF('Standard Profiles'!$G$18=$B$17,14,0)+IF('Standard Profiles'!$G$18=$B$24,21,0),0)),0)</f>
        <v>14.31690660486745</v>
      </c>
      <c r="E1170" cm="1">
        <f t="array" ref="E1170">IFERROR(INDEX(Jesper!AI$2:AI$366,ROUNDDOWN($C1170/24,0)+1,1)*INDEX($D$3:$AA$30,INDEX(Jesper!$R$2:$R$366,ROW(INDEX(Jesper!AI$2:AI$366,ROUNDDOWN($C1170/24,0)+1,1))-1)+IF('Standard Profiles'!$G$19=$B$10,7,0)+IF('Standard Profiles'!$G$19=$B$17,14,0)+IF('Standard Profiles'!$G$19=$B$24,21,0),MOD($C1170,24)+1)/SUM(INDEX($D$3:$AA$30,INDEX(Jesper!$R$2:$R$366,ROW(INDEX(Jesper!AI$2:AI$366,ROUNDDOWN($C1170/24,0)+1,1))-1)+IF('Standard Profiles'!$G$19=$B$10,7,0)+IF('Standard Profiles'!$G$19=$B$17,14,0)+IF('Standard Profiles'!$G$19=$B$24,21,0),0)),0)</f>
        <v>3.1020032914468594</v>
      </c>
      <c r="F1170" cm="1">
        <f t="array" ref="F1170">IFERROR(INDEX(Jesper!AJ$2:AJ$366,ROUNDDOWN($C1170/24,0)+1,1)*INDEX($D$3:$AA$30,INDEX(Jesper!$R$2:$R$366,ROW(INDEX(Jesper!AJ$2:AJ$366,ROUNDDOWN($C1170/24,0)+1,1))-1)+IF('Standard Profiles'!$G$20=$B$10,7,0)+IF('Standard Profiles'!$G$20=$B$17,14,0)+IF('Standard Profiles'!$G$20=$B$24,21,0),MOD($C1170,24)+1)/SUM(INDEX($D$3:$AA$30,INDEX(Jesper!$R$2:$R$366,ROW(INDEX(Jesper!AJ$2:AJ$366,ROUNDDOWN($C1170/24,0)+1,1))-1)+IF('Standard Profiles'!$G$20=$B$10,7,0)+IF('Standard Profiles'!$G$20=$B$17,14,0)+IF('Standard Profiles'!$G$20=$B$24,21,0),0)),0)</f>
        <v>0</v>
      </c>
      <c r="G1170" cm="1">
        <f t="array" ref="G1170">IFERROR(INDEX(Jesper!AK$2:AK$366,ROUNDDOWN($C1170/24,0)+1,1)*INDEX($D$3:$AA$30,INDEX(Jesper!$R$2:$R$366,ROW(INDEX(Jesper!AK$2:AK$366,ROUNDDOWN($C1170/24,0)+1,1))-1)+IF('Standard Profiles'!$G$21=$B$10,7,0)+IF('Standard Profiles'!$G$21=$B$17,14,0)+IF('Standard Profiles'!$G$21=$B$24,21,0),MOD($C1170,24)+1)/SUM(INDEX($D$3:$AA$30,INDEX(Jesper!$R$2:$R$366,ROW(INDEX(Jesper!AK$2:AK$366,ROUNDDOWN($C1170/24,0)+1,1))-1)+IF('Standard Profiles'!$G$21=$B$10,7,0)+IF('Standard Profiles'!$G$21=$B$17,14,0)+IF('Standard Profiles'!$G$21=$B$24,21,0),0)),0)</f>
        <v>0</v>
      </c>
      <c r="H1170" cm="1">
        <f t="array" ref="H1170">IFERROR(INDEX(Jesper!AL$2:AL$366,ROUNDDOWN($C1170/24,0)+1,1)*INDEX($D$3:$AA$30,INDEX(Jesper!$R$2:$R$366,ROW(INDEX(Jesper!AL$2:AL$366,ROUNDDOWN($C1170/24,0)+1,1))-1)+IF('Standard Profiles'!$G$22=$B$10,7,0)+IF('Standard Profiles'!$G$22=$B$17,14,0)+IF('Standard Profiles'!$G$22=$B$24,21,0),MOD($C1170,24)+1)/SUM(INDEX($D$3:$AA$30,INDEX(Jesper!$R$2:$R$366,ROW(INDEX(Jesper!AL$2:AL$366,ROUNDDOWN($C1170/24,0)+1,1))-1)+IF('Standard Profiles'!$G$22=$B$10,7,0)+IF('Standard Profiles'!$G$22=$B$17,14,0)+IF('Standard Profiles'!$G$22=$B$24,21,0),0)),0)</f>
        <v>0</v>
      </c>
      <c r="I1170">
        <f t="shared" si="139"/>
        <v>0.2794597559862036</v>
      </c>
      <c r="J1170">
        <f t="shared" si="140"/>
        <v>0.93153251995401221</v>
      </c>
      <c r="K1170">
        <f t="shared" si="141"/>
        <v>1.3972987799310184</v>
      </c>
      <c r="L1170">
        <f t="shared" si="142"/>
        <v>14.810618840443075</v>
      </c>
      <c r="M1170">
        <f t="shared" si="143"/>
        <v>0</v>
      </c>
      <c r="N1170" s="46">
        <f t="shared" si="144"/>
        <v>45339.333333330578</v>
      </c>
    </row>
    <row r="1171" spans="2:14" x14ac:dyDescent="0.3">
      <c r="B1171">
        <f t="shared" si="138"/>
        <v>6</v>
      </c>
      <c r="C1171" s="16">
        <v>1137</v>
      </c>
      <c r="D1171" cm="1">
        <f t="array" ref="D1171">IFERROR(INDEX(Jesper!AH$2:AH$366,ROUNDDOWN($C1171/24,0)+1,1)*INDEX($D$3:$AA$30,INDEX(Jesper!$R$2:$R$366,ROW(INDEX(Jesper!AH$2:AH$366,ROUNDDOWN($C1171/24,0)+1,1))-1)+IF('Standard Profiles'!$G$18=$B$10,7,0)+IF('Standard Profiles'!$G$18=$B$17,14,0)+IF('Standard Profiles'!$G$18=$B$24,21,0),MOD($C1171,24)+1)/SUM(INDEX($D$3:$AA$30,INDEX(Jesper!$R$2:$R$366,ROW(INDEX(Jesper!AH$2:AH$366,ROUNDDOWN($C1171/24,0)+1,1))-1)+IF('Standard Profiles'!$G$18=$B$10,7,0)+IF('Standard Profiles'!$G$18=$B$17,14,0)+IF('Standard Profiles'!$G$18=$B$24,21,0),0)),0)</f>
        <v>14.31690660486745</v>
      </c>
      <c r="E1171" cm="1">
        <f t="array" ref="E1171">IFERROR(INDEX(Jesper!AI$2:AI$366,ROUNDDOWN($C1171/24,0)+1,1)*INDEX($D$3:$AA$30,INDEX(Jesper!$R$2:$R$366,ROW(INDEX(Jesper!AI$2:AI$366,ROUNDDOWN($C1171/24,0)+1,1))-1)+IF('Standard Profiles'!$G$19=$B$10,7,0)+IF('Standard Profiles'!$G$19=$B$17,14,0)+IF('Standard Profiles'!$G$19=$B$24,21,0),MOD($C1171,24)+1)/SUM(INDEX($D$3:$AA$30,INDEX(Jesper!$R$2:$R$366,ROW(INDEX(Jesper!AI$2:AI$366,ROUNDDOWN($C1171/24,0)+1,1))-1)+IF('Standard Profiles'!$G$19=$B$10,7,0)+IF('Standard Profiles'!$G$19=$B$17,14,0)+IF('Standard Profiles'!$G$19=$B$24,21,0),0)),0)</f>
        <v>3.1020032914468594</v>
      </c>
      <c r="F1171" cm="1">
        <f t="array" ref="F1171">IFERROR(INDEX(Jesper!AJ$2:AJ$366,ROUNDDOWN($C1171/24,0)+1,1)*INDEX($D$3:$AA$30,INDEX(Jesper!$R$2:$R$366,ROW(INDEX(Jesper!AJ$2:AJ$366,ROUNDDOWN($C1171/24,0)+1,1))-1)+IF('Standard Profiles'!$G$20=$B$10,7,0)+IF('Standard Profiles'!$G$20=$B$17,14,0)+IF('Standard Profiles'!$G$20=$B$24,21,0),MOD($C1171,24)+1)/SUM(INDEX($D$3:$AA$30,INDEX(Jesper!$R$2:$R$366,ROW(INDEX(Jesper!AJ$2:AJ$366,ROUNDDOWN($C1171/24,0)+1,1))-1)+IF('Standard Profiles'!$G$20=$B$10,7,0)+IF('Standard Profiles'!$G$20=$B$17,14,0)+IF('Standard Profiles'!$G$20=$B$24,21,0),0)),0)</f>
        <v>0</v>
      </c>
      <c r="G1171" cm="1">
        <f t="array" ref="G1171">IFERROR(INDEX(Jesper!AK$2:AK$366,ROUNDDOWN($C1171/24,0)+1,1)*INDEX($D$3:$AA$30,INDEX(Jesper!$R$2:$R$366,ROW(INDEX(Jesper!AK$2:AK$366,ROUNDDOWN($C1171/24,0)+1,1))-1)+IF('Standard Profiles'!$G$21=$B$10,7,0)+IF('Standard Profiles'!$G$21=$B$17,14,0)+IF('Standard Profiles'!$G$21=$B$24,21,0),MOD($C1171,24)+1)/SUM(INDEX($D$3:$AA$30,INDEX(Jesper!$R$2:$R$366,ROW(INDEX(Jesper!AK$2:AK$366,ROUNDDOWN($C1171/24,0)+1,1))-1)+IF('Standard Profiles'!$G$21=$B$10,7,0)+IF('Standard Profiles'!$G$21=$B$17,14,0)+IF('Standard Profiles'!$G$21=$B$24,21,0),0)),0)</f>
        <v>0</v>
      </c>
      <c r="H1171" cm="1">
        <f t="array" ref="H1171">IFERROR(INDEX(Jesper!AL$2:AL$366,ROUNDDOWN($C1171/24,0)+1,1)*INDEX($D$3:$AA$30,INDEX(Jesper!$R$2:$R$366,ROW(INDEX(Jesper!AL$2:AL$366,ROUNDDOWN($C1171/24,0)+1,1))-1)+IF('Standard Profiles'!$G$22=$B$10,7,0)+IF('Standard Profiles'!$G$22=$B$17,14,0)+IF('Standard Profiles'!$G$22=$B$24,21,0),MOD($C1171,24)+1)/SUM(INDEX($D$3:$AA$30,INDEX(Jesper!$R$2:$R$366,ROW(INDEX(Jesper!AL$2:AL$366,ROUNDDOWN($C1171/24,0)+1,1))-1)+IF('Standard Profiles'!$G$22=$B$10,7,0)+IF('Standard Profiles'!$G$22=$B$17,14,0)+IF('Standard Profiles'!$G$22=$B$24,21,0),0)),0)</f>
        <v>0</v>
      </c>
      <c r="I1171">
        <f t="shared" si="139"/>
        <v>0.2794597559862036</v>
      </c>
      <c r="J1171">
        <f t="shared" si="140"/>
        <v>0.93153251995401221</v>
      </c>
      <c r="K1171">
        <f t="shared" si="141"/>
        <v>1.3972987799310184</v>
      </c>
      <c r="L1171">
        <f t="shared" si="142"/>
        <v>14.810618840443075</v>
      </c>
      <c r="M1171">
        <f t="shared" si="143"/>
        <v>0</v>
      </c>
      <c r="N1171" s="46">
        <f t="shared" si="144"/>
        <v>45339.374999997242</v>
      </c>
    </row>
    <row r="1172" spans="2:14" x14ac:dyDescent="0.3">
      <c r="B1172">
        <f t="shared" si="138"/>
        <v>6</v>
      </c>
      <c r="C1172" s="16">
        <v>1138</v>
      </c>
      <c r="D1172" cm="1">
        <f t="array" ref="D1172">IFERROR(INDEX(Jesper!AH$2:AH$366,ROUNDDOWN($C1172/24,0)+1,1)*INDEX($D$3:$AA$30,INDEX(Jesper!$R$2:$R$366,ROW(INDEX(Jesper!AH$2:AH$366,ROUNDDOWN($C1172/24,0)+1,1))-1)+IF('Standard Profiles'!$G$18=$B$10,7,0)+IF('Standard Profiles'!$G$18=$B$17,14,0)+IF('Standard Profiles'!$G$18=$B$24,21,0),MOD($C1172,24)+1)/SUM(INDEX($D$3:$AA$30,INDEX(Jesper!$R$2:$R$366,ROW(INDEX(Jesper!AH$2:AH$366,ROUNDDOWN($C1172/24,0)+1,1))-1)+IF('Standard Profiles'!$G$18=$B$10,7,0)+IF('Standard Profiles'!$G$18=$B$17,14,0)+IF('Standard Profiles'!$G$18=$B$24,21,0),0)),0)</f>
        <v>14.31690660486745</v>
      </c>
      <c r="E1172" cm="1">
        <f t="array" ref="E1172">IFERROR(INDEX(Jesper!AI$2:AI$366,ROUNDDOWN($C1172/24,0)+1,1)*INDEX($D$3:$AA$30,INDEX(Jesper!$R$2:$R$366,ROW(INDEX(Jesper!AI$2:AI$366,ROUNDDOWN($C1172/24,0)+1,1))-1)+IF('Standard Profiles'!$G$19=$B$10,7,0)+IF('Standard Profiles'!$G$19=$B$17,14,0)+IF('Standard Profiles'!$G$19=$B$24,21,0),MOD($C1172,24)+1)/SUM(INDEX($D$3:$AA$30,INDEX(Jesper!$R$2:$R$366,ROW(INDEX(Jesper!AI$2:AI$366,ROUNDDOWN($C1172/24,0)+1,1))-1)+IF('Standard Profiles'!$G$19=$B$10,7,0)+IF('Standard Profiles'!$G$19=$B$17,14,0)+IF('Standard Profiles'!$G$19=$B$24,21,0),0)),0)</f>
        <v>3.1020032914468594</v>
      </c>
      <c r="F1172" cm="1">
        <f t="array" ref="F1172">IFERROR(INDEX(Jesper!AJ$2:AJ$366,ROUNDDOWN($C1172/24,0)+1,1)*INDEX($D$3:$AA$30,INDEX(Jesper!$R$2:$R$366,ROW(INDEX(Jesper!AJ$2:AJ$366,ROUNDDOWN($C1172/24,0)+1,1))-1)+IF('Standard Profiles'!$G$20=$B$10,7,0)+IF('Standard Profiles'!$G$20=$B$17,14,0)+IF('Standard Profiles'!$G$20=$B$24,21,0),MOD($C1172,24)+1)/SUM(INDEX($D$3:$AA$30,INDEX(Jesper!$R$2:$R$366,ROW(INDEX(Jesper!AJ$2:AJ$366,ROUNDDOWN($C1172/24,0)+1,1))-1)+IF('Standard Profiles'!$G$20=$B$10,7,0)+IF('Standard Profiles'!$G$20=$B$17,14,0)+IF('Standard Profiles'!$G$20=$B$24,21,0),0)),0)</f>
        <v>0</v>
      </c>
      <c r="G1172" cm="1">
        <f t="array" ref="G1172">IFERROR(INDEX(Jesper!AK$2:AK$366,ROUNDDOWN($C1172/24,0)+1,1)*INDEX($D$3:$AA$30,INDEX(Jesper!$R$2:$R$366,ROW(INDEX(Jesper!AK$2:AK$366,ROUNDDOWN($C1172/24,0)+1,1))-1)+IF('Standard Profiles'!$G$21=$B$10,7,0)+IF('Standard Profiles'!$G$21=$B$17,14,0)+IF('Standard Profiles'!$G$21=$B$24,21,0),MOD($C1172,24)+1)/SUM(INDEX($D$3:$AA$30,INDEX(Jesper!$R$2:$R$366,ROW(INDEX(Jesper!AK$2:AK$366,ROUNDDOWN($C1172/24,0)+1,1))-1)+IF('Standard Profiles'!$G$21=$B$10,7,0)+IF('Standard Profiles'!$G$21=$B$17,14,0)+IF('Standard Profiles'!$G$21=$B$24,21,0),0)),0)</f>
        <v>0</v>
      </c>
      <c r="H1172" cm="1">
        <f t="array" ref="H1172">IFERROR(INDEX(Jesper!AL$2:AL$366,ROUNDDOWN($C1172/24,0)+1,1)*INDEX($D$3:$AA$30,INDEX(Jesper!$R$2:$R$366,ROW(INDEX(Jesper!AL$2:AL$366,ROUNDDOWN($C1172/24,0)+1,1))-1)+IF('Standard Profiles'!$G$22=$B$10,7,0)+IF('Standard Profiles'!$G$22=$B$17,14,0)+IF('Standard Profiles'!$G$22=$B$24,21,0),MOD($C1172,24)+1)/SUM(INDEX($D$3:$AA$30,INDEX(Jesper!$R$2:$R$366,ROW(INDEX(Jesper!AL$2:AL$366,ROUNDDOWN($C1172/24,0)+1,1))-1)+IF('Standard Profiles'!$G$22=$B$10,7,0)+IF('Standard Profiles'!$G$22=$B$17,14,0)+IF('Standard Profiles'!$G$22=$B$24,21,0),0)),0)</f>
        <v>0</v>
      </c>
      <c r="I1172">
        <f t="shared" si="139"/>
        <v>0.2794597559862036</v>
      </c>
      <c r="J1172">
        <f t="shared" si="140"/>
        <v>0.93153251995401221</v>
      </c>
      <c r="K1172">
        <f t="shared" si="141"/>
        <v>1.3972987799310184</v>
      </c>
      <c r="L1172">
        <f t="shared" si="142"/>
        <v>14.810618840443075</v>
      </c>
      <c r="M1172">
        <f t="shared" si="143"/>
        <v>0</v>
      </c>
      <c r="N1172" s="46">
        <f t="shared" si="144"/>
        <v>45339.416666663907</v>
      </c>
    </row>
    <row r="1173" spans="2:14" x14ac:dyDescent="0.3">
      <c r="B1173">
        <f t="shared" si="138"/>
        <v>6</v>
      </c>
      <c r="C1173" s="16">
        <v>1139</v>
      </c>
      <c r="D1173" cm="1">
        <f t="array" ref="D1173">IFERROR(INDEX(Jesper!AH$2:AH$366,ROUNDDOWN($C1173/24,0)+1,1)*INDEX($D$3:$AA$30,INDEX(Jesper!$R$2:$R$366,ROW(INDEX(Jesper!AH$2:AH$366,ROUNDDOWN($C1173/24,0)+1,1))-1)+IF('Standard Profiles'!$G$18=$B$10,7,0)+IF('Standard Profiles'!$G$18=$B$17,14,0)+IF('Standard Profiles'!$G$18=$B$24,21,0),MOD($C1173,24)+1)/SUM(INDEX($D$3:$AA$30,INDEX(Jesper!$R$2:$R$366,ROW(INDEX(Jesper!AH$2:AH$366,ROUNDDOWN($C1173/24,0)+1,1))-1)+IF('Standard Profiles'!$G$18=$B$10,7,0)+IF('Standard Profiles'!$G$18=$B$17,14,0)+IF('Standard Profiles'!$G$18=$B$24,21,0),0)),0)</f>
        <v>14.31690660486745</v>
      </c>
      <c r="E1173" cm="1">
        <f t="array" ref="E1173">IFERROR(INDEX(Jesper!AI$2:AI$366,ROUNDDOWN($C1173/24,0)+1,1)*INDEX($D$3:$AA$30,INDEX(Jesper!$R$2:$R$366,ROW(INDEX(Jesper!AI$2:AI$366,ROUNDDOWN($C1173/24,0)+1,1))-1)+IF('Standard Profiles'!$G$19=$B$10,7,0)+IF('Standard Profiles'!$G$19=$B$17,14,0)+IF('Standard Profiles'!$G$19=$B$24,21,0),MOD($C1173,24)+1)/SUM(INDEX($D$3:$AA$30,INDEX(Jesper!$R$2:$R$366,ROW(INDEX(Jesper!AI$2:AI$366,ROUNDDOWN($C1173/24,0)+1,1))-1)+IF('Standard Profiles'!$G$19=$B$10,7,0)+IF('Standard Profiles'!$G$19=$B$17,14,0)+IF('Standard Profiles'!$G$19=$B$24,21,0),0)),0)</f>
        <v>3.1020032914468594</v>
      </c>
      <c r="F1173" cm="1">
        <f t="array" ref="F1173">IFERROR(INDEX(Jesper!AJ$2:AJ$366,ROUNDDOWN($C1173/24,0)+1,1)*INDEX($D$3:$AA$30,INDEX(Jesper!$R$2:$R$366,ROW(INDEX(Jesper!AJ$2:AJ$366,ROUNDDOWN($C1173/24,0)+1,1))-1)+IF('Standard Profiles'!$G$20=$B$10,7,0)+IF('Standard Profiles'!$G$20=$B$17,14,0)+IF('Standard Profiles'!$G$20=$B$24,21,0),MOD($C1173,24)+1)/SUM(INDEX($D$3:$AA$30,INDEX(Jesper!$R$2:$R$366,ROW(INDEX(Jesper!AJ$2:AJ$366,ROUNDDOWN($C1173/24,0)+1,1))-1)+IF('Standard Profiles'!$G$20=$B$10,7,0)+IF('Standard Profiles'!$G$20=$B$17,14,0)+IF('Standard Profiles'!$G$20=$B$24,21,0),0)),0)</f>
        <v>0</v>
      </c>
      <c r="G1173" cm="1">
        <f t="array" ref="G1173">IFERROR(INDEX(Jesper!AK$2:AK$366,ROUNDDOWN($C1173/24,0)+1,1)*INDEX($D$3:$AA$30,INDEX(Jesper!$R$2:$R$366,ROW(INDEX(Jesper!AK$2:AK$366,ROUNDDOWN($C1173/24,0)+1,1))-1)+IF('Standard Profiles'!$G$21=$B$10,7,0)+IF('Standard Profiles'!$G$21=$B$17,14,0)+IF('Standard Profiles'!$G$21=$B$24,21,0),MOD($C1173,24)+1)/SUM(INDEX($D$3:$AA$30,INDEX(Jesper!$R$2:$R$366,ROW(INDEX(Jesper!AK$2:AK$366,ROUNDDOWN($C1173/24,0)+1,1))-1)+IF('Standard Profiles'!$G$21=$B$10,7,0)+IF('Standard Profiles'!$G$21=$B$17,14,0)+IF('Standard Profiles'!$G$21=$B$24,21,0),0)),0)</f>
        <v>0</v>
      </c>
      <c r="H1173" cm="1">
        <f t="array" ref="H1173">IFERROR(INDEX(Jesper!AL$2:AL$366,ROUNDDOWN($C1173/24,0)+1,1)*INDEX($D$3:$AA$30,INDEX(Jesper!$R$2:$R$366,ROW(INDEX(Jesper!AL$2:AL$366,ROUNDDOWN($C1173/24,0)+1,1))-1)+IF('Standard Profiles'!$G$22=$B$10,7,0)+IF('Standard Profiles'!$G$22=$B$17,14,0)+IF('Standard Profiles'!$G$22=$B$24,21,0),MOD($C1173,24)+1)/SUM(INDEX($D$3:$AA$30,INDEX(Jesper!$R$2:$R$366,ROW(INDEX(Jesper!AL$2:AL$366,ROUNDDOWN($C1173/24,0)+1,1))-1)+IF('Standard Profiles'!$G$22=$B$10,7,0)+IF('Standard Profiles'!$G$22=$B$17,14,0)+IF('Standard Profiles'!$G$22=$B$24,21,0),0)),0)</f>
        <v>0</v>
      </c>
      <c r="I1173">
        <f t="shared" si="139"/>
        <v>0.2794597559862036</v>
      </c>
      <c r="J1173">
        <f t="shared" si="140"/>
        <v>0.93153251995401221</v>
      </c>
      <c r="K1173">
        <f t="shared" si="141"/>
        <v>1.3972987799310184</v>
      </c>
      <c r="L1173">
        <f t="shared" si="142"/>
        <v>14.810618840443075</v>
      </c>
      <c r="M1173">
        <f t="shared" si="143"/>
        <v>0</v>
      </c>
      <c r="N1173" s="46">
        <f t="shared" si="144"/>
        <v>45339.458333330571</v>
      </c>
    </row>
    <row r="1174" spans="2:14" x14ac:dyDescent="0.3">
      <c r="B1174">
        <f t="shared" si="138"/>
        <v>6</v>
      </c>
      <c r="C1174" s="16">
        <v>1140</v>
      </c>
      <c r="D1174" cm="1">
        <f t="array" ref="D1174">IFERROR(INDEX(Jesper!AH$2:AH$366,ROUNDDOWN($C1174/24,0)+1,1)*INDEX($D$3:$AA$30,INDEX(Jesper!$R$2:$R$366,ROW(INDEX(Jesper!AH$2:AH$366,ROUNDDOWN($C1174/24,0)+1,1))-1)+IF('Standard Profiles'!$G$18=$B$10,7,0)+IF('Standard Profiles'!$G$18=$B$17,14,0)+IF('Standard Profiles'!$G$18=$B$24,21,0),MOD($C1174,24)+1)/SUM(INDEX($D$3:$AA$30,INDEX(Jesper!$R$2:$R$366,ROW(INDEX(Jesper!AH$2:AH$366,ROUNDDOWN($C1174/24,0)+1,1))-1)+IF('Standard Profiles'!$G$18=$B$10,7,0)+IF('Standard Profiles'!$G$18=$B$17,14,0)+IF('Standard Profiles'!$G$18=$B$24,21,0),0)),0)</f>
        <v>14.31690660486745</v>
      </c>
      <c r="E1174" cm="1">
        <f t="array" ref="E1174">IFERROR(INDEX(Jesper!AI$2:AI$366,ROUNDDOWN($C1174/24,0)+1,1)*INDEX($D$3:$AA$30,INDEX(Jesper!$R$2:$R$366,ROW(INDEX(Jesper!AI$2:AI$366,ROUNDDOWN($C1174/24,0)+1,1))-1)+IF('Standard Profiles'!$G$19=$B$10,7,0)+IF('Standard Profiles'!$G$19=$B$17,14,0)+IF('Standard Profiles'!$G$19=$B$24,21,0),MOD($C1174,24)+1)/SUM(INDEX($D$3:$AA$30,INDEX(Jesper!$R$2:$R$366,ROW(INDEX(Jesper!AI$2:AI$366,ROUNDDOWN($C1174/24,0)+1,1))-1)+IF('Standard Profiles'!$G$19=$B$10,7,0)+IF('Standard Profiles'!$G$19=$B$17,14,0)+IF('Standard Profiles'!$G$19=$B$24,21,0),0)),0)</f>
        <v>3.1020032914468594</v>
      </c>
      <c r="F1174" cm="1">
        <f t="array" ref="F1174">IFERROR(INDEX(Jesper!AJ$2:AJ$366,ROUNDDOWN($C1174/24,0)+1,1)*INDEX($D$3:$AA$30,INDEX(Jesper!$R$2:$R$366,ROW(INDEX(Jesper!AJ$2:AJ$366,ROUNDDOWN($C1174/24,0)+1,1))-1)+IF('Standard Profiles'!$G$20=$B$10,7,0)+IF('Standard Profiles'!$G$20=$B$17,14,0)+IF('Standard Profiles'!$G$20=$B$24,21,0),MOD($C1174,24)+1)/SUM(INDEX($D$3:$AA$30,INDEX(Jesper!$R$2:$R$366,ROW(INDEX(Jesper!AJ$2:AJ$366,ROUNDDOWN($C1174/24,0)+1,1))-1)+IF('Standard Profiles'!$G$20=$B$10,7,0)+IF('Standard Profiles'!$G$20=$B$17,14,0)+IF('Standard Profiles'!$G$20=$B$24,21,0),0)),0)</f>
        <v>0</v>
      </c>
      <c r="G1174" cm="1">
        <f t="array" ref="G1174">IFERROR(INDEX(Jesper!AK$2:AK$366,ROUNDDOWN($C1174/24,0)+1,1)*INDEX($D$3:$AA$30,INDEX(Jesper!$R$2:$R$366,ROW(INDEX(Jesper!AK$2:AK$366,ROUNDDOWN($C1174/24,0)+1,1))-1)+IF('Standard Profiles'!$G$21=$B$10,7,0)+IF('Standard Profiles'!$G$21=$B$17,14,0)+IF('Standard Profiles'!$G$21=$B$24,21,0),MOD($C1174,24)+1)/SUM(INDEX($D$3:$AA$30,INDEX(Jesper!$R$2:$R$366,ROW(INDEX(Jesper!AK$2:AK$366,ROUNDDOWN($C1174/24,0)+1,1))-1)+IF('Standard Profiles'!$G$21=$B$10,7,0)+IF('Standard Profiles'!$G$21=$B$17,14,0)+IF('Standard Profiles'!$G$21=$B$24,21,0),0)),0)</f>
        <v>0</v>
      </c>
      <c r="H1174" cm="1">
        <f t="array" ref="H1174">IFERROR(INDEX(Jesper!AL$2:AL$366,ROUNDDOWN($C1174/24,0)+1,1)*INDEX($D$3:$AA$30,INDEX(Jesper!$R$2:$R$366,ROW(INDEX(Jesper!AL$2:AL$366,ROUNDDOWN($C1174/24,0)+1,1))-1)+IF('Standard Profiles'!$G$22=$B$10,7,0)+IF('Standard Profiles'!$G$22=$B$17,14,0)+IF('Standard Profiles'!$G$22=$B$24,21,0),MOD($C1174,24)+1)/SUM(INDEX($D$3:$AA$30,INDEX(Jesper!$R$2:$R$366,ROW(INDEX(Jesper!AL$2:AL$366,ROUNDDOWN($C1174/24,0)+1,1))-1)+IF('Standard Profiles'!$G$22=$B$10,7,0)+IF('Standard Profiles'!$G$22=$B$17,14,0)+IF('Standard Profiles'!$G$22=$B$24,21,0),0)),0)</f>
        <v>0</v>
      </c>
      <c r="I1174">
        <f t="shared" si="139"/>
        <v>0.2794597559862036</v>
      </c>
      <c r="J1174">
        <f t="shared" si="140"/>
        <v>0.93153251995401221</v>
      </c>
      <c r="K1174">
        <f t="shared" si="141"/>
        <v>1.3972987799310184</v>
      </c>
      <c r="L1174">
        <f t="shared" si="142"/>
        <v>14.810618840443075</v>
      </c>
      <c r="M1174">
        <f t="shared" si="143"/>
        <v>0</v>
      </c>
      <c r="N1174" s="46">
        <f t="shared" si="144"/>
        <v>45339.499999997235</v>
      </c>
    </row>
    <row r="1175" spans="2:14" x14ac:dyDescent="0.3">
      <c r="B1175">
        <f t="shared" si="138"/>
        <v>6</v>
      </c>
      <c r="C1175" s="16">
        <v>1141</v>
      </c>
      <c r="D1175" cm="1">
        <f t="array" ref="D1175">IFERROR(INDEX(Jesper!AH$2:AH$366,ROUNDDOWN($C1175/24,0)+1,1)*INDEX($D$3:$AA$30,INDEX(Jesper!$R$2:$R$366,ROW(INDEX(Jesper!AH$2:AH$366,ROUNDDOWN($C1175/24,0)+1,1))-1)+IF('Standard Profiles'!$G$18=$B$10,7,0)+IF('Standard Profiles'!$G$18=$B$17,14,0)+IF('Standard Profiles'!$G$18=$B$24,21,0),MOD($C1175,24)+1)/SUM(INDEX($D$3:$AA$30,INDEX(Jesper!$R$2:$R$366,ROW(INDEX(Jesper!AH$2:AH$366,ROUNDDOWN($C1175/24,0)+1,1))-1)+IF('Standard Profiles'!$G$18=$B$10,7,0)+IF('Standard Profiles'!$G$18=$B$17,14,0)+IF('Standard Profiles'!$G$18=$B$24,21,0),0)),0)</f>
        <v>14.31690660486745</v>
      </c>
      <c r="E1175" cm="1">
        <f t="array" ref="E1175">IFERROR(INDEX(Jesper!AI$2:AI$366,ROUNDDOWN($C1175/24,0)+1,1)*INDEX($D$3:$AA$30,INDEX(Jesper!$R$2:$R$366,ROW(INDEX(Jesper!AI$2:AI$366,ROUNDDOWN($C1175/24,0)+1,1))-1)+IF('Standard Profiles'!$G$19=$B$10,7,0)+IF('Standard Profiles'!$G$19=$B$17,14,0)+IF('Standard Profiles'!$G$19=$B$24,21,0),MOD($C1175,24)+1)/SUM(INDEX($D$3:$AA$30,INDEX(Jesper!$R$2:$R$366,ROW(INDEX(Jesper!AI$2:AI$366,ROUNDDOWN($C1175/24,0)+1,1))-1)+IF('Standard Profiles'!$G$19=$B$10,7,0)+IF('Standard Profiles'!$G$19=$B$17,14,0)+IF('Standard Profiles'!$G$19=$B$24,21,0),0)),0)</f>
        <v>3.1020032914468594</v>
      </c>
      <c r="F1175" cm="1">
        <f t="array" ref="F1175">IFERROR(INDEX(Jesper!AJ$2:AJ$366,ROUNDDOWN($C1175/24,0)+1,1)*INDEX($D$3:$AA$30,INDEX(Jesper!$R$2:$R$366,ROW(INDEX(Jesper!AJ$2:AJ$366,ROUNDDOWN($C1175/24,0)+1,1))-1)+IF('Standard Profiles'!$G$20=$B$10,7,0)+IF('Standard Profiles'!$G$20=$B$17,14,0)+IF('Standard Profiles'!$G$20=$B$24,21,0),MOD($C1175,24)+1)/SUM(INDEX($D$3:$AA$30,INDEX(Jesper!$R$2:$R$366,ROW(INDEX(Jesper!AJ$2:AJ$366,ROUNDDOWN($C1175/24,0)+1,1))-1)+IF('Standard Profiles'!$G$20=$B$10,7,0)+IF('Standard Profiles'!$G$20=$B$17,14,0)+IF('Standard Profiles'!$G$20=$B$24,21,0),0)),0)</f>
        <v>0</v>
      </c>
      <c r="G1175" cm="1">
        <f t="array" ref="G1175">IFERROR(INDEX(Jesper!AK$2:AK$366,ROUNDDOWN($C1175/24,0)+1,1)*INDEX($D$3:$AA$30,INDEX(Jesper!$R$2:$R$366,ROW(INDEX(Jesper!AK$2:AK$366,ROUNDDOWN($C1175/24,0)+1,1))-1)+IF('Standard Profiles'!$G$21=$B$10,7,0)+IF('Standard Profiles'!$G$21=$B$17,14,0)+IF('Standard Profiles'!$G$21=$B$24,21,0),MOD($C1175,24)+1)/SUM(INDEX($D$3:$AA$30,INDEX(Jesper!$R$2:$R$366,ROW(INDEX(Jesper!AK$2:AK$366,ROUNDDOWN($C1175/24,0)+1,1))-1)+IF('Standard Profiles'!$G$21=$B$10,7,0)+IF('Standard Profiles'!$G$21=$B$17,14,0)+IF('Standard Profiles'!$G$21=$B$24,21,0),0)),0)</f>
        <v>0</v>
      </c>
      <c r="H1175" cm="1">
        <f t="array" ref="H1175">IFERROR(INDEX(Jesper!AL$2:AL$366,ROUNDDOWN($C1175/24,0)+1,1)*INDEX($D$3:$AA$30,INDEX(Jesper!$R$2:$R$366,ROW(INDEX(Jesper!AL$2:AL$366,ROUNDDOWN($C1175/24,0)+1,1))-1)+IF('Standard Profiles'!$G$22=$B$10,7,0)+IF('Standard Profiles'!$G$22=$B$17,14,0)+IF('Standard Profiles'!$G$22=$B$24,21,0),MOD($C1175,24)+1)/SUM(INDEX($D$3:$AA$30,INDEX(Jesper!$R$2:$R$366,ROW(INDEX(Jesper!AL$2:AL$366,ROUNDDOWN($C1175/24,0)+1,1))-1)+IF('Standard Profiles'!$G$22=$B$10,7,0)+IF('Standard Profiles'!$G$22=$B$17,14,0)+IF('Standard Profiles'!$G$22=$B$24,21,0),0)),0)</f>
        <v>0</v>
      </c>
      <c r="I1175">
        <f t="shared" si="139"/>
        <v>0.2794597559862036</v>
      </c>
      <c r="J1175">
        <f t="shared" si="140"/>
        <v>0.93153251995401221</v>
      </c>
      <c r="K1175">
        <f t="shared" si="141"/>
        <v>1.3972987799310184</v>
      </c>
      <c r="L1175">
        <f t="shared" si="142"/>
        <v>14.810618840443075</v>
      </c>
      <c r="M1175">
        <f t="shared" si="143"/>
        <v>0</v>
      </c>
      <c r="N1175" s="46">
        <f t="shared" si="144"/>
        <v>45339.541666663899</v>
      </c>
    </row>
    <row r="1176" spans="2:14" x14ac:dyDescent="0.3">
      <c r="B1176">
        <f t="shared" si="138"/>
        <v>6</v>
      </c>
      <c r="C1176" s="16">
        <v>1142</v>
      </c>
      <c r="D1176" cm="1">
        <f t="array" ref="D1176">IFERROR(INDEX(Jesper!AH$2:AH$366,ROUNDDOWN($C1176/24,0)+1,1)*INDEX($D$3:$AA$30,INDEX(Jesper!$R$2:$R$366,ROW(INDEX(Jesper!AH$2:AH$366,ROUNDDOWN($C1176/24,0)+1,1))-1)+IF('Standard Profiles'!$G$18=$B$10,7,0)+IF('Standard Profiles'!$G$18=$B$17,14,0)+IF('Standard Profiles'!$G$18=$B$24,21,0),MOD($C1176,24)+1)/SUM(INDEX($D$3:$AA$30,INDEX(Jesper!$R$2:$R$366,ROW(INDEX(Jesper!AH$2:AH$366,ROUNDDOWN($C1176/24,0)+1,1))-1)+IF('Standard Profiles'!$G$18=$B$10,7,0)+IF('Standard Profiles'!$G$18=$B$17,14,0)+IF('Standard Profiles'!$G$18=$B$24,21,0),0)),0)</f>
        <v>14.31690660486745</v>
      </c>
      <c r="E1176" cm="1">
        <f t="array" ref="E1176">IFERROR(INDEX(Jesper!AI$2:AI$366,ROUNDDOWN($C1176/24,0)+1,1)*INDEX($D$3:$AA$30,INDEX(Jesper!$R$2:$R$366,ROW(INDEX(Jesper!AI$2:AI$366,ROUNDDOWN($C1176/24,0)+1,1))-1)+IF('Standard Profiles'!$G$19=$B$10,7,0)+IF('Standard Profiles'!$G$19=$B$17,14,0)+IF('Standard Profiles'!$G$19=$B$24,21,0),MOD($C1176,24)+1)/SUM(INDEX($D$3:$AA$30,INDEX(Jesper!$R$2:$R$366,ROW(INDEX(Jesper!AI$2:AI$366,ROUNDDOWN($C1176/24,0)+1,1))-1)+IF('Standard Profiles'!$G$19=$B$10,7,0)+IF('Standard Profiles'!$G$19=$B$17,14,0)+IF('Standard Profiles'!$G$19=$B$24,21,0),0)),0)</f>
        <v>3.1020032914468594</v>
      </c>
      <c r="F1176" cm="1">
        <f t="array" ref="F1176">IFERROR(INDEX(Jesper!AJ$2:AJ$366,ROUNDDOWN($C1176/24,0)+1,1)*INDEX($D$3:$AA$30,INDEX(Jesper!$R$2:$R$366,ROW(INDEX(Jesper!AJ$2:AJ$366,ROUNDDOWN($C1176/24,0)+1,1))-1)+IF('Standard Profiles'!$G$20=$B$10,7,0)+IF('Standard Profiles'!$G$20=$B$17,14,0)+IF('Standard Profiles'!$G$20=$B$24,21,0),MOD($C1176,24)+1)/SUM(INDEX($D$3:$AA$30,INDEX(Jesper!$R$2:$R$366,ROW(INDEX(Jesper!AJ$2:AJ$366,ROUNDDOWN($C1176/24,0)+1,1))-1)+IF('Standard Profiles'!$G$20=$B$10,7,0)+IF('Standard Profiles'!$G$20=$B$17,14,0)+IF('Standard Profiles'!$G$20=$B$24,21,0),0)),0)</f>
        <v>0</v>
      </c>
      <c r="G1176" cm="1">
        <f t="array" ref="G1176">IFERROR(INDEX(Jesper!AK$2:AK$366,ROUNDDOWN($C1176/24,0)+1,1)*INDEX($D$3:$AA$30,INDEX(Jesper!$R$2:$R$366,ROW(INDEX(Jesper!AK$2:AK$366,ROUNDDOWN($C1176/24,0)+1,1))-1)+IF('Standard Profiles'!$G$21=$B$10,7,0)+IF('Standard Profiles'!$G$21=$B$17,14,0)+IF('Standard Profiles'!$G$21=$B$24,21,0),MOD($C1176,24)+1)/SUM(INDEX($D$3:$AA$30,INDEX(Jesper!$R$2:$R$366,ROW(INDEX(Jesper!AK$2:AK$366,ROUNDDOWN($C1176/24,0)+1,1))-1)+IF('Standard Profiles'!$G$21=$B$10,7,0)+IF('Standard Profiles'!$G$21=$B$17,14,0)+IF('Standard Profiles'!$G$21=$B$24,21,0),0)),0)</f>
        <v>0</v>
      </c>
      <c r="H1176" cm="1">
        <f t="array" ref="H1176">IFERROR(INDEX(Jesper!AL$2:AL$366,ROUNDDOWN($C1176/24,0)+1,1)*INDEX($D$3:$AA$30,INDEX(Jesper!$R$2:$R$366,ROW(INDEX(Jesper!AL$2:AL$366,ROUNDDOWN($C1176/24,0)+1,1))-1)+IF('Standard Profiles'!$G$22=$B$10,7,0)+IF('Standard Profiles'!$G$22=$B$17,14,0)+IF('Standard Profiles'!$G$22=$B$24,21,0),MOD($C1176,24)+1)/SUM(INDEX($D$3:$AA$30,INDEX(Jesper!$R$2:$R$366,ROW(INDEX(Jesper!AL$2:AL$366,ROUNDDOWN($C1176/24,0)+1,1))-1)+IF('Standard Profiles'!$G$22=$B$10,7,0)+IF('Standard Profiles'!$G$22=$B$17,14,0)+IF('Standard Profiles'!$G$22=$B$24,21,0),0)),0)</f>
        <v>0</v>
      </c>
      <c r="I1176">
        <f t="shared" si="139"/>
        <v>0.2794597559862036</v>
      </c>
      <c r="J1176">
        <f t="shared" si="140"/>
        <v>0.93153251995401221</v>
      </c>
      <c r="K1176">
        <f t="shared" si="141"/>
        <v>1.3972987799310184</v>
      </c>
      <c r="L1176">
        <f t="shared" si="142"/>
        <v>14.810618840443075</v>
      </c>
      <c r="M1176">
        <f t="shared" si="143"/>
        <v>0</v>
      </c>
      <c r="N1176" s="46">
        <f t="shared" si="144"/>
        <v>45339.583333330564</v>
      </c>
    </row>
    <row r="1177" spans="2:14" x14ac:dyDescent="0.3">
      <c r="B1177">
        <f t="shared" si="138"/>
        <v>6</v>
      </c>
      <c r="C1177" s="16">
        <v>1143</v>
      </c>
      <c r="D1177" cm="1">
        <f t="array" ref="D1177">IFERROR(INDEX(Jesper!AH$2:AH$366,ROUNDDOWN($C1177/24,0)+1,1)*INDEX($D$3:$AA$30,INDEX(Jesper!$R$2:$R$366,ROW(INDEX(Jesper!AH$2:AH$366,ROUNDDOWN($C1177/24,0)+1,1))-1)+IF('Standard Profiles'!$G$18=$B$10,7,0)+IF('Standard Profiles'!$G$18=$B$17,14,0)+IF('Standard Profiles'!$G$18=$B$24,21,0),MOD($C1177,24)+1)/SUM(INDEX($D$3:$AA$30,INDEX(Jesper!$R$2:$R$366,ROW(INDEX(Jesper!AH$2:AH$366,ROUNDDOWN($C1177/24,0)+1,1))-1)+IF('Standard Profiles'!$G$18=$B$10,7,0)+IF('Standard Profiles'!$G$18=$B$17,14,0)+IF('Standard Profiles'!$G$18=$B$24,21,0),0)),0)</f>
        <v>12.944052546866461</v>
      </c>
      <c r="E1177" cm="1">
        <f t="array" ref="E1177">IFERROR(INDEX(Jesper!AI$2:AI$366,ROUNDDOWN($C1177/24,0)+1,1)*INDEX($D$3:$AA$30,INDEX(Jesper!$R$2:$R$366,ROW(INDEX(Jesper!AI$2:AI$366,ROUNDDOWN($C1177/24,0)+1,1))-1)+IF('Standard Profiles'!$G$19=$B$10,7,0)+IF('Standard Profiles'!$G$19=$B$17,14,0)+IF('Standard Profiles'!$G$19=$B$24,21,0),MOD($C1177,24)+1)/SUM(INDEX($D$3:$AA$30,INDEX(Jesper!$R$2:$R$366,ROW(INDEX(Jesper!AI$2:AI$366,ROUNDDOWN($C1177/24,0)+1,1))-1)+IF('Standard Profiles'!$G$19=$B$10,7,0)+IF('Standard Profiles'!$G$19=$B$17,14,0)+IF('Standard Profiles'!$G$19=$B$24,21,0),0)),0)</f>
        <v>2.804550921034147</v>
      </c>
      <c r="F1177" cm="1">
        <f t="array" ref="F1177">IFERROR(INDEX(Jesper!AJ$2:AJ$366,ROUNDDOWN($C1177/24,0)+1,1)*INDEX($D$3:$AA$30,INDEX(Jesper!$R$2:$R$366,ROW(INDEX(Jesper!AJ$2:AJ$366,ROUNDDOWN($C1177/24,0)+1,1))-1)+IF('Standard Profiles'!$G$20=$B$10,7,0)+IF('Standard Profiles'!$G$20=$B$17,14,0)+IF('Standard Profiles'!$G$20=$B$24,21,0),MOD($C1177,24)+1)/SUM(INDEX($D$3:$AA$30,INDEX(Jesper!$R$2:$R$366,ROW(INDEX(Jesper!AJ$2:AJ$366,ROUNDDOWN($C1177/24,0)+1,1))-1)+IF('Standard Profiles'!$G$20=$B$10,7,0)+IF('Standard Profiles'!$G$20=$B$17,14,0)+IF('Standard Profiles'!$G$20=$B$24,21,0),0)),0)</f>
        <v>0</v>
      </c>
      <c r="G1177" cm="1">
        <f t="array" ref="G1177">IFERROR(INDEX(Jesper!AK$2:AK$366,ROUNDDOWN($C1177/24,0)+1,1)*INDEX($D$3:$AA$30,INDEX(Jesper!$R$2:$R$366,ROW(INDEX(Jesper!AK$2:AK$366,ROUNDDOWN($C1177/24,0)+1,1))-1)+IF('Standard Profiles'!$G$21=$B$10,7,0)+IF('Standard Profiles'!$G$21=$B$17,14,0)+IF('Standard Profiles'!$G$21=$B$24,21,0),MOD($C1177,24)+1)/SUM(INDEX($D$3:$AA$30,INDEX(Jesper!$R$2:$R$366,ROW(INDEX(Jesper!AK$2:AK$366,ROUNDDOWN($C1177/24,0)+1,1))-1)+IF('Standard Profiles'!$G$21=$B$10,7,0)+IF('Standard Profiles'!$G$21=$B$17,14,0)+IF('Standard Profiles'!$G$21=$B$24,21,0),0)),0)</f>
        <v>0</v>
      </c>
      <c r="H1177" cm="1">
        <f t="array" ref="H1177">IFERROR(INDEX(Jesper!AL$2:AL$366,ROUNDDOWN($C1177/24,0)+1,1)*INDEX($D$3:$AA$30,INDEX(Jesper!$R$2:$R$366,ROW(INDEX(Jesper!AL$2:AL$366,ROUNDDOWN($C1177/24,0)+1,1))-1)+IF('Standard Profiles'!$G$22=$B$10,7,0)+IF('Standard Profiles'!$G$22=$B$17,14,0)+IF('Standard Profiles'!$G$22=$B$24,21,0),MOD($C1177,24)+1)/SUM(INDEX($D$3:$AA$30,INDEX(Jesper!$R$2:$R$366,ROW(INDEX(Jesper!AL$2:AL$366,ROUNDDOWN($C1177/24,0)+1,1))-1)+IF('Standard Profiles'!$G$22=$B$10,7,0)+IF('Standard Profiles'!$G$22=$B$17,14,0)+IF('Standard Profiles'!$G$22=$B$24,21,0),0)),0)</f>
        <v>0</v>
      </c>
      <c r="I1177">
        <f t="shared" si="139"/>
        <v>0.25266224513821151</v>
      </c>
      <c r="J1177">
        <f t="shared" si="140"/>
        <v>0.84220748379403843</v>
      </c>
      <c r="K1177">
        <f t="shared" si="141"/>
        <v>1.2633112256910577</v>
      </c>
      <c r="L1177">
        <f t="shared" si="142"/>
        <v>13.390422513277301</v>
      </c>
      <c r="M1177">
        <f t="shared" si="143"/>
        <v>0</v>
      </c>
      <c r="N1177" s="46">
        <f t="shared" si="144"/>
        <v>45339.624999997228</v>
      </c>
    </row>
    <row r="1178" spans="2:14" x14ac:dyDescent="0.3">
      <c r="B1178">
        <f t="shared" si="138"/>
        <v>6</v>
      </c>
      <c r="C1178" s="16">
        <v>1144</v>
      </c>
      <c r="D1178" cm="1">
        <f t="array" ref="D1178">IFERROR(INDEX(Jesper!AH$2:AH$366,ROUNDDOWN($C1178/24,0)+1,1)*INDEX($D$3:$AA$30,INDEX(Jesper!$R$2:$R$366,ROW(INDEX(Jesper!AH$2:AH$366,ROUNDDOWN($C1178/24,0)+1,1))-1)+IF('Standard Profiles'!$G$18=$B$10,7,0)+IF('Standard Profiles'!$G$18=$B$17,14,0)+IF('Standard Profiles'!$G$18=$B$24,21,0),MOD($C1178,24)+1)/SUM(INDEX($D$3:$AA$30,INDEX(Jesper!$R$2:$R$366,ROW(INDEX(Jesper!AH$2:AH$366,ROUNDDOWN($C1178/24,0)+1,1))-1)+IF('Standard Profiles'!$G$18=$B$10,7,0)+IF('Standard Profiles'!$G$18=$B$17,14,0)+IF('Standard Profiles'!$G$18=$B$24,21,0),0)),0)</f>
        <v>11.76732049715133</v>
      </c>
      <c r="E1178" cm="1">
        <f t="array" ref="E1178">IFERROR(INDEX(Jesper!AI$2:AI$366,ROUNDDOWN($C1178/24,0)+1,1)*INDEX($D$3:$AA$30,INDEX(Jesper!$R$2:$R$366,ROW(INDEX(Jesper!AI$2:AI$366,ROUNDDOWN($C1178/24,0)+1,1))-1)+IF('Standard Profiles'!$G$19=$B$10,7,0)+IF('Standard Profiles'!$G$19=$B$17,14,0)+IF('Standard Profiles'!$G$19=$B$24,21,0),MOD($C1178,24)+1)/SUM(INDEX($D$3:$AA$30,INDEX(Jesper!$R$2:$R$366,ROW(INDEX(Jesper!AI$2:AI$366,ROUNDDOWN($C1178/24,0)+1,1))-1)+IF('Standard Profiles'!$G$19=$B$10,7,0)+IF('Standard Profiles'!$G$19=$B$17,14,0)+IF('Standard Profiles'!$G$19=$B$24,21,0),0)),0)</f>
        <v>2.5495917463946793</v>
      </c>
      <c r="F1178" cm="1">
        <f t="array" ref="F1178">IFERROR(INDEX(Jesper!AJ$2:AJ$366,ROUNDDOWN($C1178/24,0)+1,1)*INDEX($D$3:$AA$30,INDEX(Jesper!$R$2:$R$366,ROW(INDEX(Jesper!AJ$2:AJ$366,ROUNDDOWN($C1178/24,0)+1,1))-1)+IF('Standard Profiles'!$G$20=$B$10,7,0)+IF('Standard Profiles'!$G$20=$B$17,14,0)+IF('Standard Profiles'!$G$20=$B$24,21,0),MOD($C1178,24)+1)/SUM(INDEX($D$3:$AA$30,INDEX(Jesper!$R$2:$R$366,ROW(INDEX(Jesper!AJ$2:AJ$366,ROUNDDOWN($C1178/24,0)+1,1))-1)+IF('Standard Profiles'!$G$20=$B$10,7,0)+IF('Standard Profiles'!$G$20=$B$17,14,0)+IF('Standard Profiles'!$G$20=$B$24,21,0),0)),0)</f>
        <v>0</v>
      </c>
      <c r="G1178" cm="1">
        <f t="array" ref="G1178">IFERROR(INDEX(Jesper!AK$2:AK$366,ROUNDDOWN($C1178/24,0)+1,1)*INDEX($D$3:$AA$30,INDEX(Jesper!$R$2:$R$366,ROW(INDEX(Jesper!AK$2:AK$366,ROUNDDOWN($C1178/24,0)+1,1))-1)+IF('Standard Profiles'!$G$21=$B$10,7,0)+IF('Standard Profiles'!$G$21=$B$17,14,0)+IF('Standard Profiles'!$G$21=$B$24,21,0),MOD($C1178,24)+1)/SUM(INDEX($D$3:$AA$30,INDEX(Jesper!$R$2:$R$366,ROW(INDEX(Jesper!AK$2:AK$366,ROUNDDOWN($C1178/24,0)+1,1))-1)+IF('Standard Profiles'!$G$21=$B$10,7,0)+IF('Standard Profiles'!$G$21=$B$17,14,0)+IF('Standard Profiles'!$G$21=$B$24,21,0),0)),0)</f>
        <v>0</v>
      </c>
      <c r="H1178" cm="1">
        <f t="array" ref="H1178">IFERROR(INDEX(Jesper!AL$2:AL$366,ROUNDDOWN($C1178/24,0)+1,1)*INDEX($D$3:$AA$30,INDEX(Jesper!$R$2:$R$366,ROW(INDEX(Jesper!AL$2:AL$366,ROUNDDOWN($C1178/24,0)+1,1))-1)+IF('Standard Profiles'!$G$22=$B$10,7,0)+IF('Standard Profiles'!$G$22=$B$17,14,0)+IF('Standard Profiles'!$G$22=$B$24,21,0),MOD($C1178,24)+1)/SUM(INDEX($D$3:$AA$30,INDEX(Jesper!$R$2:$R$366,ROW(INDEX(Jesper!AL$2:AL$366,ROUNDDOWN($C1178/24,0)+1,1))-1)+IF('Standard Profiles'!$G$22=$B$10,7,0)+IF('Standard Profiles'!$G$22=$B$17,14,0)+IF('Standard Profiles'!$G$22=$B$24,21,0),0)),0)</f>
        <v>0</v>
      </c>
      <c r="I1178">
        <f t="shared" si="139"/>
        <v>0.22969295012564686</v>
      </c>
      <c r="J1178">
        <f t="shared" si="140"/>
        <v>0.76564316708548963</v>
      </c>
      <c r="K1178">
        <f t="shared" si="141"/>
        <v>1.1484647506282344</v>
      </c>
      <c r="L1178">
        <f t="shared" si="142"/>
        <v>12.173111375706638</v>
      </c>
      <c r="M1178">
        <f t="shared" si="143"/>
        <v>0</v>
      </c>
      <c r="N1178" s="46">
        <f t="shared" si="144"/>
        <v>45339.666666663892</v>
      </c>
    </row>
    <row r="1179" spans="2:14" x14ac:dyDescent="0.3">
      <c r="B1179">
        <f t="shared" si="138"/>
        <v>6</v>
      </c>
      <c r="C1179" s="16">
        <v>1145</v>
      </c>
      <c r="D1179" cm="1">
        <f t="array" ref="D1179">IFERROR(INDEX(Jesper!AH$2:AH$366,ROUNDDOWN($C1179/24,0)+1,1)*INDEX($D$3:$AA$30,INDEX(Jesper!$R$2:$R$366,ROW(INDEX(Jesper!AH$2:AH$366,ROUNDDOWN($C1179/24,0)+1,1))-1)+IF('Standard Profiles'!$G$18=$B$10,7,0)+IF('Standard Profiles'!$G$18=$B$17,14,0)+IF('Standard Profiles'!$G$18=$B$24,21,0),MOD($C1179,24)+1)/SUM(INDEX($D$3:$AA$30,INDEX(Jesper!$R$2:$R$366,ROW(INDEX(Jesper!AH$2:AH$366,ROUNDDOWN($C1179/24,0)+1,1))-1)+IF('Standard Profiles'!$G$18=$B$10,7,0)+IF('Standard Profiles'!$G$18=$B$17,14,0)+IF('Standard Profiles'!$G$18=$B$24,21,0),0)),0)</f>
        <v>10.590588447436195</v>
      </c>
      <c r="E1179" cm="1">
        <f t="array" ref="E1179">IFERROR(INDEX(Jesper!AI$2:AI$366,ROUNDDOWN($C1179/24,0)+1,1)*INDEX($D$3:$AA$30,INDEX(Jesper!$R$2:$R$366,ROW(INDEX(Jesper!AI$2:AI$366,ROUNDDOWN($C1179/24,0)+1,1))-1)+IF('Standard Profiles'!$G$19=$B$10,7,0)+IF('Standard Profiles'!$G$19=$B$17,14,0)+IF('Standard Profiles'!$G$19=$B$24,21,0),MOD($C1179,24)+1)/SUM(INDEX($D$3:$AA$30,INDEX(Jesper!$R$2:$R$366,ROW(INDEX(Jesper!AI$2:AI$366,ROUNDDOWN($C1179/24,0)+1,1))-1)+IF('Standard Profiles'!$G$19=$B$10,7,0)+IF('Standard Profiles'!$G$19=$B$17,14,0)+IF('Standard Profiles'!$G$19=$B$24,21,0),0)),0)</f>
        <v>2.2946325717552116</v>
      </c>
      <c r="F1179" cm="1">
        <f t="array" ref="F1179">IFERROR(INDEX(Jesper!AJ$2:AJ$366,ROUNDDOWN($C1179/24,0)+1,1)*INDEX($D$3:$AA$30,INDEX(Jesper!$R$2:$R$366,ROW(INDEX(Jesper!AJ$2:AJ$366,ROUNDDOWN($C1179/24,0)+1,1))-1)+IF('Standard Profiles'!$G$20=$B$10,7,0)+IF('Standard Profiles'!$G$20=$B$17,14,0)+IF('Standard Profiles'!$G$20=$B$24,21,0),MOD($C1179,24)+1)/SUM(INDEX($D$3:$AA$30,INDEX(Jesper!$R$2:$R$366,ROW(INDEX(Jesper!AJ$2:AJ$366,ROUNDDOWN($C1179/24,0)+1,1))-1)+IF('Standard Profiles'!$G$20=$B$10,7,0)+IF('Standard Profiles'!$G$20=$B$17,14,0)+IF('Standard Profiles'!$G$20=$B$24,21,0),0)),0)</f>
        <v>0</v>
      </c>
      <c r="G1179" cm="1">
        <f t="array" ref="G1179">IFERROR(INDEX(Jesper!AK$2:AK$366,ROUNDDOWN($C1179/24,0)+1,1)*INDEX($D$3:$AA$30,INDEX(Jesper!$R$2:$R$366,ROW(INDEX(Jesper!AK$2:AK$366,ROUNDDOWN($C1179/24,0)+1,1))-1)+IF('Standard Profiles'!$G$21=$B$10,7,0)+IF('Standard Profiles'!$G$21=$B$17,14,0)+IF('Standard Profiles'!$G$21=$B$24,21,0),MOD($C1179,24)+1)/SUM(INDEX($D$3:$AA$30,INDEX(Jesper!$R$2:$R$366,ROW(INDEX(Jesper!AK$2:AK$366,ROUNDDOWN($C1179/24,0)+1,1))-1)+IF('Standard Profiles'!$G$21=$B$10,7,0)+IF('Standard Profiles'!$G$21=$B$17,14,0)+IF('Standard Profiles'!$G$21=$B$24,21,0),0)),0)</f>
        <v>0</v>
      </c>
      <c r="H1179" cm="1">
        <f t="array" ref="H1179">IFERROR(INDEX(Jesper!AL$2:AL$366,ROUNDDOWN($C1179/24,0)+1,1)*INDEX($D$3:$AA$30,INDEX(Jesper!$R$2:$R$366,ROW(INDEX(Jesper!AL$2:AL$366,ROUNDDOWN($C1179/24,0)+1,1))-1)+IF('Standard Profiles'!$G$22=$B$10,7,0)+IF('Standard Profiles'!$G$22=$B$17,14,0)+IF('Standard Profiles'!$G$22=$B$24,21,0),MOD($C1179,24)+1)/SUM(INDEX($D$3:$AA$30,INDEX(Jesper!$R$2:$R$366,ROW(INDEX(Jesper!AL$2:AL$366,ROUNDDOWN($C1179/24,0)+1,1))-1)+IF('Standard Profiles'!$G$22=$B$10,7,0)+IF('Standard Profiles'!$G$22=$B$17,14,0)+IF('Standard Profiles'!$G$22=$B$24,21,0),0)),0)</f>
        <v>0</v>
      </c>
      <c r="I1179">
        <f t="shared" si="139"/>
        <v>0.20672365511308219</v>
      </c>
      <c r="J1179">
        <f t="shared" si="140"/>
        <v>0.68907885037694072</v>
      </c>
      <c r="K1179">
        <f t="shared" si="141"/>
        <v>1.0336182755654111</v>
      </c>
      <c r="L1179">
        <f t="shared" si="142"/>
        <v>10.955800238135973</v>
      </c>
      <c r="M1179">
        <f t="shared" si="143"/>
        <v>0</v>
      </c>
      <c r="N1179" s="46">
        <f t="shared" si="144"/>
        <v>45339.708333330556</v>
      </c>
    </row>
    <row r="1180" spans="2:14" x14ac:dyDescent="0.3">
      <c r="B1180">
        <f t="shared" si="138"/>
        <v>6</v>
      </c>
      <c r="C1180" s="16">
        <v>1146</v>
      </c>
      <c r="D1180" cm="1">
        <f t="array" ref="D1180">IFERROR(INDEX(Jesper!AH$2:AH$366,ROUNDDOWN($C1180/24,0)+1,1)*INDEX($D$3:$AA$30,INDEX(Jesper!$R$2:$R$366,ROW(INDEX(Jesper!AH$2:AH$366,ROUNDDOWN($C1180/24,0)+1,1))-1)+IF('Standard Profiles'!$G$18=$B$10,7,0)+IF('Standard Profiles'!$G$18=$B$17,14,0)+IF('Standard Profiles'!$G$18=$B$24,21,0),MOD($C1180,24)+1)/SUM(INDEX($D$3:$AA$30,INDEX(Jesper!$R$2:$R$366,ROW(INDEX(Jesper!AH$2:AH$366,ROUNDDOWN($C1180/24,0)+1,1))-1)+IF('Standard Profiles'!$G$18=$B$10,7,0)+IF('Standard Profiles'!$G$18=$B$17,14,0)+IF('Standard Profiles'!$G$18=$B$24,21,0),0)),0)</f>
        <v>10.198344430864484</v>
      </c>
      <c r="E1180" cm="1">
        <f t="array" ref="E1180">IFERROR(INDEX(Jesper!AI$2:AI$366,ROUNDDOWN($C1180/24,0)+1,1)*INDEX($D$3:$AA$30,INDEX(Jesper!$R$2:$R$366,ROW(INDEX(Jesper!AI$2:AI$366,ROUNDDOWN($C1180/24,0)+1,1))-1)+IF('Standard Profiles'!$G$19=$B$10,7,0)+IF('Standard Profiles'!$G$19=$B$17,14,0)+IF('Standard Profiles'!$G$19=$B$24,21,0),MOD($C1180,24)+1)/SUM(INDEX($D$3:$AA$30,INDEX(Jesper!$R$2:$R$366,ROW(INDEX(Jesper!AI$2:AI$366,ROUNDDOWN($C1180/24,0)+1,1))-1)+IF('Standard Profiles'!$G$19=$B$10,7,0)+IF('Standard Profiles'!$G$19=$B$17,14,0)+IF('Standard Profiles'!$G$19=$B$24,21,0),0)),0)</f>
        <v>2.2096461802087219</v>
      </c>
      <c r="F1180" cm="1">
        <f t="array" ref="F1180">IFERROR(INDEX(Jesper!AJ$2:AJ$366,ROUNDDOWN($C1180/24,0)+1,1)*INDEX($D$3:$AA$30,INDEX(Jesper!$R$2:$R$366,ROW(INDEX(Jesper!AJ$2:AJ$366,ROUNDDOWN($C1180/24,0)+1,1))-1)+IF('Standard Profiles'!$G$20=$B$10,7,0)+IF('Standard Profiles'!$G$20=$B$17,14,0)+IF('Standard Profiles'!$G$20=$B$24,21,0),MOD($C1180,24)+1)/SUM(INDEX($D$3:$AA$30,INDEX(Jesper!$R$2:$R$366,ROW(INDEX(Jesper!AJ$2:AJ$366,ROUNDDOWN($C1180/24,0)+1,1))-1)+IF('Standard Profiles'!$G$20=$B$10,7,0)+IF('Standard Profiles'!$G$20=$B$17,14,0)+IF('Standard Profiles'!$G$20=$B$24,21,0),0)),0)</f>
        <v>0</v>
      </c>
      <c r="G1180" cm="1">
        <f t="array" ref="G1180">IFERROR(INDEX(Jesper!AK$2:AK$366,ROUNDDOWN($C1180/24,0)+1,1)*INDEX($D$3:$AA$30,INDEX(Jesper!$R$2:$R$366,ROW(INDEX(Jesper!AK$2:AK$366,ROUNDDOWN($C1180/24,0)+1,1))-1)+IF('Standard Profiles'!$G$21=$B$10,7,0)+IF('Standard Profiles'!$G$21=$B$17,14,0)+IF('Standard Profiles'!$G$21=$B$24,21,0),MOD($C1180,24)+1)/SUM(INDEX($D$3:$AA$30,INDEX(Jesper!$R$2:$R$366,ROW(INDEX(Jesper!AK$2:AK$366,ROUNDDOWN($C1180/24,0)+1,1))-1)+IF('Standard Profiles'!$G$21=$B$10,7,0)+IF('Standard Profiles'!$G$21=$B$17,14,0)+IF('Standard Profiles'!$G$21=$B$24,21,0),0)),0)</f>
        <v>0</v>
      </c>
      <c r="H1180" cm="1">
        <f t="array" ref="H1180">IFERROR(INDEX(Jesper!AL$2:AL$366,ROUNDDOWN($C1180/24,0)+1,1)*INDEX($D$3:$AA$30,INDEX(Jesper!$R$2:$R$366,ROW(INDEX(Jesper!AL$2:AL$366,ROUNDDOWN($C1180/24,0)+1,1))-1)+IF('Standard Profiles'!$G$22=$B$10,7,0)+IF('Standard Profiles'!$G$22=$B$17,14,0)+IF('Standard Profiles'!$G$22=$B$24,21,0),MOD($C1180,24)+1)/SUM(INDEX($D$3:$AA$30,INDEX(Jesper!$R$2:$R$366,ROW(INDEX(Jesper!AL$2:AL$366,ROUNDDOWN($C1180/24,0)+1,1))-1)+IF('Standard Profiles'!$G$22=$B$10,7,0)+IF('Standard Profiles'!$G$22=$B$17,14,0)+IF('Standard Profiles'!$G$22=$B$24,21,0),0)),0)</f>
        <v>0</v>
      </c>
      <c r="I1180">
        <f t="shared" si="139"/>
        <v>0.19906722344222724</v>
      </c>
      <c r="J1180">
        <f t="shared" si="140"/>
        <v>0.66355741147409097</v>
      </c>
      <c r="K1180">
        <f t="shared" si="141"/>
        <v>0.99533611721113635</v>
      </c>
      <c r="L1180">
        <f t="shared" si="142"/>
        <v>10.550029858945752</v>
      </c>
      <c r="M1180">
        <f t="shared" si="143"/>
        <v>0</v>
      </c>
      <c r="N1180" s="46">
        <f t="shared" si="144"/>
        <v>45339.749999997221</v>
      </c>
    </row>
    <row r="1181" spans="2:14" x14ac:dyDescent="0.3">
      <c r="B1181">
        <f t="shared" si="138"/>
        <v>6</v>
      </c>
      <c r="C1181" s="16">
        <v>1147</v>
      </c>
      <c r="D1181" cm="1">
        <f t="array" ref="D1181">IFERROR(INDEX(Jesper!AH$2:AH$366,ROUNDDOWN($C1181/24,0)+1,1)*INDEX($D$3:$AA$30,INDEX(Jesper!$R$2:$R$366,ROW(INDEX(Jesper!AH$2:AH$366,ROUNDDOWN($C1181/24,0)+1,1))-1)+IF('Standard Profiles'!$G$18=$B$10,7,0)+IF('Standard Profiles'!$G$18=$B$17,14,0)+IF('Standard Profiles'!$G$18=$B$24,21,0),MOD($C1181,24)+1)/SUM(INDEX($D$3:$AA$30,INDEX(Jesper!$R$2:$R$366,ROW(INDEX(Jesper!AH$2:AH$366,ROUNDDOWN($C1181/24,0)+1,1))-1)+IF('Standard Profiles'!$G$18=$B$10,7,0)+IF('Standard Profiles'!$G$18=$B$17,14,0)+IF('Standard Profiles'!$G$18=$B$24,21,0),0)),0)</f>
        <v>8.2371243480059295</v>
      </c>
      <c r="E1181" cm="1">
        <f t="array" ref="E1181">IFERROR(INDEX(Jesper!AI$2:AI$366,ROUNDDOWN($C1181/24,0)+1,1)*INDEX($D$3:$AA$30,INDEX(Jesper!$R$2:$R$366,ROW(INDEX(Jesper!AI$2:AI$366,ROUNDDOWN($C1181/24,0)+1,1))-1)+IF('Standard Profiles'!$G$19=$B$10,7,0)+IF('Standard Profiles'!$G$19=$B$17,14,0)+IF('Standard Profiles'!$G$19=$B$24,21,0),MOD($C1181,24)+1)/SUM(INDEX($D$3:$AA$30,INDEX(Jesper!$R$2:$R$366,ROW(INDEX(Jesper!AI$2:AI$366,ROUNDDOWN($C1181/24,0)+1,1))-1)+IF('Standard Profiles'!$G$19=$B$10,7,0)+IF('Standard Profiles'!$G$19=$B$17,14,0)+IF('Standard Profiles'!$G$19=$B$24,21,0),0)),0)</f>
        <v>1.7847142224762753</v>
      </c>
      <c r="F1181" cm="1">
        <f t="array" ref="F1181">IFERROR(INDEX(Jesper!AJ$2:AJ$366,ROUNDDOWN($C1181/24,0)+1,1)*INDEX($D$3:$AA$30,INDEX(Jesper!$R$2:$R$366,ROW(INDEX(Jesper!AJ$2:AJ$366,ROUNDDOWN($C1181/24,0)+1,1))-1)+IF('Standard Profiles'!$G$20=$B$10,7,0)+IF('Standard Profiles'!$G$20=$B$17,14,0)+IF('Standard Profiles'!$G$20=$B$24,21,0),MOD($C1181,24)+1)/SUM(INDEX($D$3:$AA$30,INDEX(Jesper!$R$2:$R$366,ROW(INDEX(Jesper!AJ$2:AJ$366,ROUNDDOWN($C1181/24,0)+1,1))-1)+IF('Standard Profiles'!$G$20=$B$10,7,0)+IF('Standard Profiles'!$G$20=$B$17,14,0)+IF('Standard Profiles'!$G$20=$B$24,21,0),0)),0)</f>
        <v>0</v>
      </c>
      <c r="G1181" cm="1">
        <f t="array" ref="G1181">IFERROR(INDEX(Jesper!AK$2:AK$366,ROUNDDOWN($C1181/24,0)+1,1)*INDEX($D$3:$AA$30,INDEX(Jesper!$R$2:$R$366,ROW(INDEX(Jesper!AK$2:AK$366,ROUNDDOWN($C1181/24,0)+1,1))-1)+IF('Standard Profiles'!$G$21=$B$10,7,0)+IF('Standard Profiles'!$G$21=$B$17,14,0)+IF('Standard Profiles'!$G$21=$B$24,21,0),MOD($C1181,24)+1)/SUM(INDEX($D$3:$AA$30,INDEX(Jesper!$R$2:$R$366,ROW(INDEX(Jesper!AK$2:AK$366,ROUNDDOWN($C1181/24,0)+1,1))-1)+IF('Standard Profiles'!$G$21=$B$10,7,0)+IF('Standard Profiles'!$G$21=$B$17,14,0)+IF('Standard Profiles'!$G$21=$B$24,21,0),0)),0)</f>
        <v>0</v>
      </c>
      <c r="H1181" cm="1">
        <f t="array" ref="H1181">IFERROR(INDEX(Jesper!AL$2:AL$366,ROUNDDOWN($C1181/24,0)+1,1)*INDEX($D$3:$AA$30,INDEX(Jesper!$R$2:$R$366,ROW(INDEX(Jesper!AL$2:AL$366,ROUNDDOWN($C1181/24,0)+1,1))-1)+IF('Standard Profiles'!$G$22=$B$10,7,0)+IF('Standard Profiles'!$G$22=$B$17,14,0)+IF('Standard Profiles'!$G$22=$B$24,21,0),MOD($C1181,24)+1)/SUM(INDEX($D$3:$AA$30,INDEX(Jesper!$R$2:$R$366,ROW(INDEX(Jesper!AL$2:AL$366,ROUNDDOWN($C1181/24,0)+1,1))-1)+IF('Standard Profiles'!$G$22=$B$10,7,0)+IF('Standard Profiles'!$G$22=$B$17,14,0)+IF('Standard Profiles'!$G$22=$B$24,21,0),0)),0)</f>
        <v>0</v>
      </c>
      <c r="I1181">
        <f t="shared" si="139"/>
        <v>0.16078506508795276</v>
      </c>
      <c r="J1181">
        <f t="shared" si="140"/>
        <v>0.53595021695984268</v>
      </c>
      <c r="K1181">
        <f t="shared" si="141"/>
        <v>0.80392532543976392</v>
      </c>
      <c r="L1181">
        <f t="shared" si="142"/>
        <v>8.5211779629946456</v>
      </c>
      <c r="M1181">
        <f t="shared" si="143"/>
        <v>0</v>
      </c>
      <c r="N1181" s="46">
        <f t="shared" si="144"/>
        <v>45339.791666663885</v>
      </c>
    </row>
    <row r="1182" spans="2:14" x14ac:dyDescent="0.3">
      <c r="B1182">
        <f t="shared" si="138"/>
        <v>6</v>
      </c>
      <c r="C1182" s="16">
        <v>1148</v>
      </c>
      <c r="D1182" cm="1">
        <f t="array" ref="D1182">IFERROR(INDEX(Jesper!AH$2:AH$366,ROUNDDOWN($C1182/24,0)+1,1)*INDEX($D$3:$AA$30,INDEX(Jesper!$R$2:$R$366,ROW(INDEX(Jesper!AH$2:AH$366,ROUNDDOWN($C1182/24,0)+1,1))-1)+IF('Standard Profiles'!$G$18=$B$10,7,0)+IF('Standard Profiles'!$G$18=$B$17,14,0)+IF('Standard Profiles'!$G$18=$B$24,21,0),MOD($C1182,24)+1)/SUM(INDEX($D$3:$AA$30,INDEX(Jesper!$R$2:$R$366,ROW(INDEX(Jesper!AH$2:AH$366,ROUNDDOWN($C1182/24,0)+1,1))-1)+IF('Standard Profiles'!$G$18=$B$10,7,0)+IF('Standard Profiles'!$G$18=$B$17,14,0)+IF('Standard Profiles'!$G$18=$B$24,21,0),0)),0)</f>
        <v>6.0797822568615194</v>
      </c>
      <c r="E1182" cm="1">
        <f t="array" ref="E1182">IFERROR(INDEX(Jesper!AI$2:AI$366,ROUNDDOWN($C1182/24,0)+1,1)*INDEX($D$3:$AA$30,INDEX(Jesper!$R$2:$R$366,ROW(INDEX(Jesper!AI$2:AI$366,ROUNDDOWN($C1182/24,0)+1,1))-1)+IF('Standard Profiles'!$G$19=$B$10,7,0)+IF('Standard Profiles'!$G$19=$B$17,14,0)+IF('Standard Profiles'!$G$19=$B$24,21,0),MOD($C1182,24)+1)/SUM(INDEX($D$3:$AA$30,INDEX(Jesper!$R$2:$R$366,ROW(INDEX(Jesper!AI$2:AI$366,ROUNDDOWN($C1182/24,0)+1,1))-1)+IF('Standard Profiles'!$G$19=$B$10,7,0)+IF('Standard Profiles'!$G$19=$B$17,14,0)+IF('Standard Profiles'!$G$19=$B$24,21,0),0)),0)</f>
        <v>1.3172890689705843</v>
      </c>
      <c r="F1182" cm="1">
        <f t="array" ref="F1182">IFERROR(INDEX(Jesper!AJ$2:AJ$366,ROUNDDOWN($C1182/24,0)+1,1)*INDEX($D$3:$AA$30,INDEX(Jesper!$R$2:$R$366,ROW(INDEX(Jesper!AJ$2:AJ$366,ROUNDDOWN($C1182/24,0)+1,1))-1)+IF('Standard Profiles'!$G$20=$B$10,7,0)+IF('Standard Profiles'!$G$20=$B$17,14,0)+IF('Standard Profiles'!$G$20=$B$24,21,0),MOD($C1182,24)+1)/SUM(INDEX($D$3:$AA$30,INDEX(Jesper!$R$2:$R$366,ROW(INDEX(Jesper!AJ$2:AJ$366,ROUNDDOWN($C1182/24,0)+1,1))-1)+IF('Standard Profiles'!$G$20=$B$10,7,0)+IF('Standard Profiles'!$G$20=$B$17,14,0)+IF('Standard Profiles'!$G$20=$B$24,21,0),0)),0)</f>
        <v>0</v>
      </c>
      <c r="G1182" cm="1">
        <f t="array" ref="G1182">IFERROR(INDEX(Jesper!AK$2:AK$366,ROUNDDOWN($C1182/24,0)+1,1)*INDEX($D$3:$AA$30,INDEX(Jesper!$R$2:$R$366,ROW(INDEX(Jesper!AK$2:AK$366,ROUNDDOWN($C1182/24,0)+1,1))-1)+IF('Standard Profiles'!$G$21=$B$10,7,0)+IF('Standard Profiles'!$G$21=$B$17,14,0)+IF('Standard Profiles'!$G$21=$B$24,21,0),MOD($C1182,24)+1)/SUM(INDEX($D$3:$AA$30,INDEX(Jesper!$R$2:$R$366,ROW(INDEX(Jesper!AK$2:AK$366,ROUNDDOWN($C1182/24,0)+1,1))-1)+IF('Standard Profiles'!$G$21=$B$10,7,0)+IF('Standard Profiles'!$G$21=$B$17,14,0)+IF('Standard Profiles'!$G$21=$B$24,21,0),0)),0)</f>
        <v>0</v>
      </c>
      <c r="H1182" cm="1">
        <f t="array" ref="H1182">IFERROR(INDEX(Jesper!AL$2:AL$366,ROUNDDOWN($C1182/24,0)+1,1)*INDEX($D$3:$AA$30,INDEX(Jesper!$R$2:$R$366,ROW(INDEX(Jesper!AL$2:AL$366,ROUNDDOWN($C1182/24,0)+1,1))-1)+IF('Standard Profiles'!$G$22=$B$10,7,0)+IF('Standard Profiles'!$G$22=$B$17,14,0)+IF('Standard Profiles'!$G$22=$B$24,21,0),MOD($C1182,24)+1)/SUM(INDEX($D$3:$AA$30,INDEX(Jesper!$R$2:$R$366,ROW(INDEX(Jesper!AL$2:AL$366,ROUNDDOWN($C1182/24,0)+1,1))-1)+IF('Standard Profiles'!$G$22=$B$10,7,0)+IF('Standard Profiles'!$G$22=$B$17,14,0)+IF('Standard Profiles'!$G$22=$B$24,21,0),0)),0)</f>
        <v>0</v>
      </c>
      <c r="I1182">
        <f t="shared" si="139"/>
        <v>0.11867469089825086</v>
      </c>
      <c r="J1182">
        <f t="shared" si="140"/>
        <v>0.39558230299416963</v>
      </c>
      <c r="K1182">
        <f t="shared" si="141"/>
        <v>0.59337345449125445</v>
      </c>
      <c r="L1182">
        <f t="shared" si="142"/>
        <v>6.2894408774484285</v>
      </c>
      <c r="M1182">
        <f t="shared" si="143"/>
        <v>0</v>
      </c>
      <c r="N1182" s="46">
        <f t="shared" si="144"/>
        <v>45339.833333330549</v>
      </c>
    </row>
    <row r="1183" spans="2:14" x14ac:dyDescent="0.3">
      <c r="B1183">
        <f t="shared" si="138"/>
        <v>6</v>
      </c>
      <c r="C1183" s="16">
        <v>1149</v>
      </c>
      <c r="D1183" cm="1">
        <f t="array" ref="D1183">IFERROR(INDEX(Jesper!AH$2:AH$366,ROUNDDOWN($C1183/24,0)+1,1)*INDEX($D$3:$AA$30,INDEX(Jesper!$R$2:$R$366,ROW(INDEX(Jesper!AH$2:AH$366,ROUNDDOWN($C1183/24,0)+1,1))-1)+IF('Standard Profiles'!$G$18=$B$10,7,0)+IF('Standard Profiles'!$G$18=$B$17,14,0)+IF('Standard Profiles'!$G$18=$B$24,21,0),MOD($C1183,24)+1)/SUM(INDEX($D$3:$AA$30,INDEX(Jesper!$R$2:$R$366,ROW(INDEX(Jesper!AH$2:AH$366,ROUNDDOWN($C1183/24,0)+1,1))-1)+IF('Standard Profiles'!$G$18=$B$10,7,0)+IF('Standard Profiles'!$G$18=$B$17,14,0)+IF('Standard Profiles'!$G$18=$B$24,21,0),0)),0)</f>
        <v>6.0797822568615194</v>
      </c>
      <c r="E1183" cm="1">
        <f t="array" ref="E1183">IFERROR(INDEX(Jesper!AI$2:AI$366,ROUNDDOWN($C1183/24,0)+1,1)*INDEX($D$3:$AA$30,INDEX(Jesper!$R$2:$R$366,ROW(INDEX(Jesper!AI$2:AI$366,ROUNDDOWN($C1183/24,0)+1,1))-1)+IF('Standard Profiles'!$G$19=$B$10,7,0)+IF('Standard Profiles'!$G$19=$B$17,14,0)+IF('Standard Profiles'!$G$19=$B$24,21,0),MOD($C1183,24)+1)/SUM(INDEX($D$3:$AA$30,INDEX(Jesper!$R$2:$R$366,ROW(INDEX(Jesper!AI$2:AI$366,ROUNDDOWN($C1183/24,0)+1,1))-1)+IF('Standard Profiles'!$G$19=$B$10,7,0)+IF('Standard Profiles'!$G$19=$B$17,14,0)+IF('Standard Profiles'!$G$19=$B$24,21,0),0)),0)</f>
        <v>1.3172890689705843</v>
      </c>
      <c r="F1183" cm="1">
        <f t="array" ref="F1183">IFERROR(INDEX(Jesper!AJ$2:AJ$366,ROUNDDOWN($C1183/24,0)+1,1)*INDEX($D$3:$AA$30,INDEX(Jesper!$R$2:$R$366,ROW(INDEX(Jesper!AJ$2:AJ$366,ROUNDDOWN($C1183/24,0)+1,1))-1)+IF('Standard Profiles'!$G$20=$B$10,7,0)+IF('Standard Profiles'!$G$20=$B$17,14,0)+IF('Standard Profiles'!$G$20=$B$24,21,0),MOD($C1183,24)+1)/SUM(INDEX($D$3:$AA$30,INDEX(Jesper!$R$2:$R$366,ROW(INDEX(Jesper!AJ$2:AJ$366,ROUNDDOWN($C1183/24,0)+1,1))-1)+IF('Standard Profiles'!$G$20=$B$10,7,0)+IF('Standard Profiles'!$G$20=$B$17,14,0)+IF('Standard Profiles'!$G$20=$B$24,21,0),0)),0)</f>
        <v>0</v>
      </c>
      <c r="G1183" cm="1">
        <f t="array" ref="G1183">IFERROR(INDEX(Jesper!AK$2:AK$366,ROUNDDOWN($C1183/24,0)+1,1)*INDEX($D$3:$AA$30,INDEX(Jesper!$R$2:$R$366,ROW(INDEX(Jesper!AK$2:AK$366,ROUNDDOWN($C1183/24,0)+1,1))-1)+IF('Standard Profiles'!$G$21=$B$10,7,0)+IF('Standard Profiles'!$G$21=$B$17,14,0)+IF('Standard Profiles'!$G$21=$B$24,21,0),MOD($C1183,24)+1)/SUM(INDEX($D$3:$AA$30,INDEX(Jesper!$R$2:$R$366,ROW(INDEX(Jesper!AK$2:AK$366,ROUNDDOWN($C1183/24,0)+1,1))-1)+IF('Standard Profiles'!$G$21=$B$10,7,0)+IF('Standard Profiles'!$G$21=$B$17,14,0)+IF('Standard Profiles'!$G$21=$B$24,21,0),0)),0)</f>
        <v>0</v>
      </c>
      <c r="H1183" cm="1">
        <f t="array" ref="H1183">IFERROR(INDEX(Jesper!AL$2:AL$366,ROUNDDOWN($C1183/24,0)+1,1)*INDEX($D$3:$AA$30,INDEX(Jesper!$R$2:$R$366,ROW(INDEX(Jesper!AL$2:AL$366,ROUNDDOWN($C1183/24,0)+1,1))-1)+IF('Standard Profiles'!$G$22=$B$10,7,0)+IF('Standard Profiles'!$G$22=$B$17,14,0)+IF('Standard Profiles'!$G$22=$B$24,21,0),MOD($C1183,24)+1)/SUM(INDEX($D$3:$AA$30,INDEX(Jesper!$R$2:$R$366,ROW(INDEX(Jesper!AL$2:AL$366,ROUNDDOWN($C1183/24,0)+1,1))-1)+IF('Standard Profiles'!$G$22=$B$10,7,0)+IF('Standard Profiles'!$G$22=$B$17,14,0)+IF('Standard Profiles'!$G$22=$B$24,21,0),0)),0)</f>
        <v>0</v>
      </c>
      <c r="I1183">
        <f t="shared" si="139"/>
        <v>0.11867469089825086</v>
      </c>
      <c r="J1183">
        <f t="shared" si="140"/>
        <v>0.39558230299416963</v>
      </c>
      <c r="K1183">
        <f t="shared" si="141"/>
        <v>0.59337345449125445</v>
      </c>
      <c r="L1183">
        <f t="shared" si="142"/>
        <v>6.2894408774484285</v>
      </c>
      <c r="M1183">
        <f t="shared" si="143"/>
        <v>0</v>
      </c>
      <c r="N1183" s="46">
        <f t="shared" si="144"/>
        <v>45339.874999997213</v>
      </c>
    </row>
    <row r="1184" spans="2:14" x14ac:dyDescent="0.3">
      <c r="B1184">
        <f t="shared" si="138"/>
        <v>6</v>
      </c>
      <c r="C1184" s="16">
        <v>1150</v>
      </c>
      <c r="D1184" cm="1">
        <f t="array" ref="D1184">IFERROR(INDEX(Jesper!AH$2:AH$366,ROUNDDOWN($C1184/24,0)+1,1)*INDEX($D$3:$AA$30,INDEX(Jesper!$R$2:$R$366,ROW(INDEX(Jesper!AH$2:AH$366,ROUNDDOWN($C1184/24,0)+1,1))-1)+IF('Standard Profiles'!$G$18=$B$10,7,0)+IF('Standard Profiles'!$G$18=$B$17,14,0)+IF('Standard Profiles'!$G$18=$B$24,21,0),MOD($C1184,24)+1)/SUM(INDEX($D$3:$AA$30,INDEX(Jesper!$R$2:$R$366,ROW(INDEX(Jesper!AH$2:AH$366,ROUNDDOWN($C1184/24,0)+1,1))-1)+IF('Standard Profiles'!$G$18=$B$10,7,0)+IF('Standard Profiles'!$G$18=$B$17,14,0)+IF('Standard Profiles'!$G$18=$B$24,21,0),0)),0)</f>
        <v>6.0797822568615194</v>
      </c>
      <c r="E1184" cm="1">
        <f t="array" ref="E1184">IFERROR(INDEX(Jesper!AI$2:AI$366,ROUNDDOWN($C1184/24,0)+1,1)*INDEX($D$3:$AA$30,INDEX(Jesper!$R$2:$R$366,ROW(INDEX(Jesper!AI$2:AI$366,ROUNDDOWN($C1184/24,0)+1,1))-1)+IF('Standard Profiles'!$G$19=$B$10,7,0)+IF('Standard Profiles'!$G$19=$B$17,14,0)+IF('Standard Profiles'!$G$19=$B$24,21,0),MOD($C1184,24)+1)/SUM(INDEX($D$3:$AA$30,INDEX(Jesper!$R$2:$R$366,ROW(INDEX(Jesper!AI$2:AI$366,ROUNDDOWN($C1184/24,0)+1,1))-1)+IF('Standard Profiles'!$G$19=$B$10,7,0)+IF('Standard Profiles'!$G$19=$B$17,14,0)+IF('Standard Profiles'!$G$19=$B$24,21,0),0)),0)</f>
        <v>1.3172890689705843</v>
      </c>
      <c r="F1184" cm="1">
        <f t="array" ref="F1184">IFERROR(INDEX(Jesper!AJ$2:AJ$366,ROUNDDOWN($C1184/24,0)+1,1)*INDEX($D$3:$AA$30,INDEX(Jesper!$R$2:$R$366,ROW(INDEX(Jesper!AJ$2:AJ$366,ROUNDDOWN($C1184/24,0)+1,1))-1)+IF('Standard Profiles'!$G$20=$B$10,7,0)+IF('Standard Profiles'!$G$20=$B$17,14,0)+IF('Standard Profiles'!$G$20=$B$24,21,0),MOD($C1184,24)+1)/SUM(INDEX($D$3:$AA$30,INDEX(Jesper!$R$2:$R$366,ROW(INDEX(Jesper!AJ$2:AJ$366,ROUNDDOWN($C1184/24,0)+1,1))-1)+IF('Standard Profiles'!$G$20=$B$10,7,0)+IF('Standard Profiles'!$G$20=$B$17,14,0)+IF('Standard Profiles'!$G$20=$B$24,21,0),0)),0)</f>
        <v>0</v>
      </c>
      <c r="G1184" cm="1">
        <f t="array" ref="G1184">IFERROR(INDEX(Jesper!AK$2:AK$366,ROUNDDOWN($C1184/24,0)+1,1)*INDEX($D$3:$AA$30,INDEX(Jesper!$R$2:$R$366,ROW(INDEX(Jesper!AK$2:AK$366,ROUNDDOWN($C1184/24,0)+1,1))-1)+IF('Standard Profiles'!$G$21=$B$10,7,0)+IF('Standard Profiles'!$G$21=$B$17,14,0)+IF('Standard Profiles'!$G$21=$B$24,21,0),MOD($C1184,24)+1)/SUM(INDEX($D$3:$AA$30,INDEX(Jesper!$R$2:$R$366,ROW(INDEX(Jesper!AK$2:AK$366,ROUNDDOWN($C1184/24,0)+1,1))-1)+IF('Standard Profiles'!$G$21=$B$10,7,0)+IF('Standard Profiles'!$G$21=$B$17,14,0)+IF('Standard Profiles'!$G$21=$B$24,21,0),0)),0)</f>
        <v>0</v>
      </c>
      <c r="H1184" cm="1">
        <f t="array" ref="H1184">IFERROR(INDEX(Jesper!AL$2:AL$366,ROUNDDOWN($C1184/24,0)+1,1)*INDEX($D$3:$AA$30,INDEX(Jesper!$R$2:$R$366,ROW(INDEX(Jesper!AL$2:AL$366,ROUNDDOWN($C1184/24,0)+1,1))-1)+IF('Standard Profiles'!$G$22=$B$10,7,0)+IF('Standard Profiles'!$G$22=$B$17,14,0)+IF('Standard Profiles'!$G$22=$B$24,21,0),MOD($C1184,24)+1)/SUM(INDEX($D$3:$AA$30,INDEX(Jesper!$R$2:$R$366,ROW(INDEX(Jesper!AL$2:AL$366,ROUNDDOWN($C1184/24,0)+1,1))-1)+IF('Standard Profiles'!$G$22=$B$10,7,0)+IF('Standard Profiles'!$G$22=$B$17,14,0)+IF('Standard Profiles'!$G$22=$B$24,21,0),0)),0)</f>
        <v>0</v>
      </c>
      <c r="I1184">
        <f t="shared" si="139"/>
        <v>0.11867469089825086</v>
      </c>
      <c r="J1184">
        <f t="shared" si="140"/>
        <v>0.39558230299416963</v>
      </c>
      <c r="K1184">
        <f t="shared" si="141"/>
        <v>0.59337345449125445</v>
      </c>
      <c r="L1184">
        <f t="shared" si="142"/>
        <v>6.2894408774484285</v>
      </c>
      <c r="M1184">
        <f t="shared" si="143"/>
        <v>0</v>
      </c>
      <c r="N1184" s="46">
        <f t="shared" si="144"/>
        <v>45339.916666663878</v>
      </c>
    </row>
    <row r="1185" spans="2:14" x14ac:dyDescent="0.3">
      <c r="B1185">
        <f t="shared" si="138"/>
        <v>6</v>
      </c>
      <c r="C1185" s="16">
        <v>1151</v>
      </c>
      <c r="D1185" cm="1">
        <f t="array" ref="D1185">IFERROR(INDEX(Jesper!AH$2:AH$366,ROUNDDOWN($C1185/24,0)+1,1)*INDEX($D$3:$AA$30,INDEX(Jesper!$R$2:$R$366,ROW(INDEX(Jesper!AH$2:AH$366,ROUNDDOWN($C1185/24,0)+1,1))-1)+IF('Standard Profiles'!$G$18=$B$10,7,0)+IF('Standard Profiles'!$G$18=$B$17,14,0)+IF('Standard Profiles'!$G$18=$B$24,21,0),MOD($C1185,24)+1)/SUM(INDEX($D$3:$AA$30,INDEX(Jesper!$R$2:$R$366,ROW(INDEX(Jesper!AH$2:AH$366,ROUNDDOWN($C1185/24,0)+1,1))-1)+IF('Standard Profiles'!$G$18=$B$10,7,0)+IF('Standard Profiles'!$G$18=$B$17,14,0)+IF('Standard Profiles'!$G$18=$B$24,21,0),0)),0)</f>
        <v>6.0797822568615194</v>
      </c>
      <c r="E1185" cm="1">
        <f t="array" ref="E1185">IFERROR(INDEX(Jesper!AI$2:AI$366,ROUNDDOWN($C1185/24,0)+1,1)*INDEX($D$3:$AA$30,INDEX(Jesper!$R$2:$R$366,ROW(INDEX(Jesper!AI$2:AI$366,ROUNDDOWN($C1185/24,0)+1,1))-1)+IF('Standard Profiles'!$G$19=$B$10,7,0)+IF('Standard Profiles'!$G$19=$B$17,14,0)+IF('Standard Profiles'!$G$19=$B$24,21,0),MOD($C1185,24)+1)/SUM(INDEX($D$3:$AA$30,INDEX(Jesper!$R$2:$R$366,ROW(INDEX(Jesper!AI$2:AI$366,ROUNDDOWN($C1185/24,0)+1,1))-1)+IF('Standard Profiles'!$G$19=$B$10,7,0)+IF('Standard Profiles'!$G$19=$B$17,14,0)+IF('Standard Profiles'!$G$19=$B$24,21,0),0)),0)</f>
        <v>1.3172890689705843</v>
      </c>
      <c r="F1185" cm="1">
        <f t="array" ref="F1185">IFERROR(INDEX(Jesper!AJ$2:AJ$366,ROUNDDOWN($C1185/24,0)+1,1)*INDEX($D$3:$AA$30,INDEX(Jesper!$R$2:$R$366,ROW(INDEX(Jesper!AJ$2:AJ$366,ROUNDDOWN($C1185/24,0)+1,1))-1)+IF('Standard Profiles'!$G$20=$B$10,7,0)+IF('Standard Profiles'!$G$20=$B$17,14,0)+IF('Standard Profiles'!$G$20=$B$24,21,0),MOD($C1185,24)+1)/SUM(INDEX($D$3:$AA$30,INDEX(Jesper!$R$2:$R$366,ROW(INDEX(Jesper!AJ$2:AJ$366,ROUNDDOWN($C1185/24,0)+1,1))-1)+IF('Standard Profiles'!$G$20=$B$10,7,0)+IF('Standard Profiles'!$G$20=$B$17,14,0)+IF('Standard Profiles'!$G$20=$B$24,21,0),0)),0)</f>
        <v>0</v>
      </c>
      <c r="G1185" cm="1">
        <f t="array" ref="G1185">IFERROR(INDEX(Jesper!AK$2:AK$366,ROUNDDOWN($C1185/24,0)+1,1)*INDEX($D$3:$AA$30,INDEX(Jesper!$R$2:$R$366,ROW(INDEX(Jesper!AK$2:AK$366,ROUNDDOWN($C1185/24,0)+1,1))-1)+IF('Standard Profiles'!$G$21=$B$10,7,0)+IF('Standard Profiles'!$G$21=$B$17,14,0)+IF('Standard Profiles'!$G$21=$B$24,21,0),MOD($C1185,24)+1)/SUM(INDEX($D$3:$AA$30,INDEX(Jesper!$R$2:$R$366,ROW(INDEX(Jesper!AK$2:AK$366,ROUNDDOWN($C1185/24,0)+1,1))-1)+IF('Standard Profiles'!$G$21=$B$10,7,0)+IF('Standard Profiles'!$G$21=$B$17,14,0)+IF('Standard Profiles'!$G$21=$B$24,21,0),0)),0)</f>
        <v>0</v>
      </c>
      <c r="H1185" cm="1">
        <f t="array" ref="H1185">IFERROR(INDEX(Jesper!AL$2:AL$366,ROUNDDOWN($C1185/24,0)+1,1)*INDEX($D$3:$AA$30,INDEX(Jesper!$R$2:$R$366,ROW(INDEX(Jesper!AL$2:AL$366,ROUNDDOWN($C1185/24,0)+1,1))-1)+IF('Standard Profiles'!$G$22=$B$10,7,0)+IF('Standard Profiles'!$G$22=$B$17,14,0)+IF('Standard Profiles'!$G$22=$B$24,21,0),MOD($C1185,24)+1)/SUM(INDEX($D$3:$AA$30,INDEX(Jesper!$R$2:$R$366,ROW(INDEX(Jesper!AL$2:AL$366,ROUNDDOWN($C1185/24,0)+1,1))-1)+IF('Standard Profiles'!$G$22=$B$10,7,0)+IF('Standard Profiles'!$G$22=$B$17,14,0)+IF('Standard Profiles'!$G$22=$B$24,21,0),0)),0)</f>
        <v>0</v>
      </c>
      <c r="I1185">
        <f t="shared" si="139"/>
        <v>0.11867469089825086</v>
      </c>
      <c r="J1185">
        <f t="shared" si="140"/>
        <v>0.39558230299416963</v>
      </c>
      <c r="K1185">
        <f t="shared" si="141"/>
        <v>0.59337345449125445</v>
      </c>
      <c r="L1185">
        <f t="shared" si="142"/>
        <v>6.2894408774484285</v>
      </c>
      <c r="M1185">
        <f t="shared" si="143"/>
        <v>0</v>
      </c>
      <c r="N1185" s="46">
        <f t="shared" si="144"/>
        <v>45339.958333330542</v>
      </c>
    </row>
    <row r="1186" spans="2:14" x14ac:dyDescent="0.3">
      <c r="B1186">
        <f t="shared" si="138"/>
        <v>7</v>
      </c>
      <c r="C1186" s="16">
        <v>1152</v>
      </c>
      <c r="D1186" cm="1">
        <f t="array" ref="D1186">IFERROR(INDEX(Jesper!AH$2:AH$366,ROUNDDOWN($C1186/24,0)+1,1)*INDEX($D$3:$AA$30,INDEX(Jesper!$R$2:$R$366,ROW(INDEX(Jesper!AH$2:AH$366,ROUNDDOWN($C1186/24,0)+1,1))-1)+IF('Standard Profiles'!$G$18=$B$10,7,0)+IF('Standard Profiles'!$G$18=$B$17,14,0)+IF('Standard Profiles'!$G$18=$B$24,21,0),MOD($C1186,24)+1)/SUM(INDEX($D$3:$AA$30,INDEX(Jesper!$R$2:$R$366,ROW(INDEX(Jesper!AH$2:AH$366,ROUNDDOWN($C1186/24,0)+1,1))-1)+IF('Standard Profiles'!$G$18=$B$10,7,0)+IF('Standard Profiles'!$G$18=$B$17,14,0)+IF('Standard Profiles'!$G$18=$B$24,21,0),0)),0)</f>
        <v>7.0614320234820456</v>
      </c>
      <c r="E1186" cm="1">
        <f t="array" ref="E1186">IFERROR(INDEX(Jesper!AI$2:AI$366,ROUNDDOWN($C1186/24,0)+1,1)*INDEX($D$3:$AA$30,INDEX(Jesper!$R$2:$R$366,ROW(INDEX(Jesper!AI$2:AI$366,ROUNDDOWN($C1186/24,0)+1,1))-1)+IF('Standard Profiles'!$G$19=$B$10,7,0)+IF('Standard Profiles'!$G$19=$B$17,14,0)+IF('Standard Profiles'!$G$19=$B$24,21,0),MOD($C1186,24)+1)/SUM(INDEX($D$3:$AA$30,INDEX(Jesper!$R$2:$R$366,ROW(INDEX(Jesper!AI$2:AI$366,ROUNDDOWN($C1186/24,0)+1,1))-1)+IF('Standard Profiles'!$G$19=$B$10,7,0)+IF('Standard Profiles'!$G$19=$B$17,14,0)+IF('Standard Profiles'!$G$19=$B$24,21,0),0)),0)</f>
        <v>1.5780788666691439</v>
      </c>
      <c r="F1186" cm="1">
        <f t="array" ref="F1186">IFERROR(INDEX(Jesper!AJ$2:AJ$366,ROUNDDOWN($C1186/24,0)+1,1)*INDEX($D$3:$AA$30,INDEX(Jesper!$R$2:$R$366,ROW(INDEX(Jesper!AJ$2:AJ$366,ROUNDDOWN($C1186/24,0)+1,1))-1)+IF('Standard Profiles'!$G$20=$B$10,7,0)+IF('Standard Profiles'!$G$20=$B$17,14,0)+IF('Standard Profiles'!$G$20=$B$24,21,0),MOD($C1186,24)+1)/SUM(INDEX($D$3:$AA$30,INDEX(Jesper!$R$2:$R$366,ROW(INDEX(Jesper!AJ$2:AJ$366,ROUNDDOWN($C1186/24,0)+1,1))-1)+IF('Standard Profiles'!$G$20=$B$10,7,0)+IF('Standard Profiles'!$G$20=$B$17,14,0)+IF('Standard Profiles'!$G$20=$B$24,21,0),0)),0)</f>
        <v>0</v>
      </c>
      <c r="G1186" cm="1">
        <f t="array" ref="G1186">IFERROR(INDEX(Jesper!AK$2:AK$366,ROUNDDOWN($C1186/24,0)+1,1)*INDEX($D$3:$AA$30,INDEX(Jesper!$R$2:$R$366,ROW(INDEX(Jesper!AK$2:AK$366,ROUNDDOWN($C1186/24,0)+1,1))-1)+IF('Standard Profiles'!$G$21=$B$10,7,0)+IF('Standard Profiles'!$G$21=$B$17,14,0)+IF('Standard Profiles'!$G$21=$B$24,21,0),MOD($C1186,24)+1)/SUM(INDEX($D$3:$AA$30,INDEX(Jesper!$R$2:$R$366,ROW(INDEX(Jesper!AK$2:AK$366,ROUNDDOWN($C1186/24,0)+1,1))-1)+IF('Standard Profiles'!$G$21=$B$10,7,0)+IF('Standard Profiles'!$G$21=$B$17,14,0)+IF('Standard Profiles'!$G$21=$B$24,21,0),0)),0)</f>
        <v>0</v>
      </c>
      <c r="H1186" cm="1">
        <f t="array" ref="H1186">IFERROR(INDEX(Jesper!AL$2:AL$366,ROUNDDOWN($C1186/24,0)+1,1)*INDEX($D$3:$AA$30,INDEX(Jesper!$R$2:$R$366,ROW(INDEX(Jesper!AL$2:AL$366,ROUNDDOWN($C1186/24,0)+1,1))-1)+IF('Standard Profiles'!$G$22=$B$10,7,0)+IF('Standard Profiles'!$G$22=$B$17,14,0)+IF('Standard Profiles'!$G$22=$B$24,21,0),MOD($C1186,24)+1)/SUM(INDEX($D$3:$AA$30,INDEX(Jesper!$R$2:$R$366,ROW(INDEX(Jesper!AL$2:AL$366,ROUNDDOWN($C1186/24,0)+1,1))-1)+IF('Standard Profiles'!$G$22=$B$10,7,0)+IF('Standard Profiles'!$G$22=$B$17,14,0)+IF('Standard Profiles'!$G$22=$B$24,21,0),0)),0)</f>
        <v>0</v>
      </c>
      <c r="I1186">
        <f t="shared" si="139"/>
        <v>0.14216926726749049</v>
      </c>
      <c r="J1186">
        <f t="shared" si="140"/>
        <v>0.47389755755830165</v>
      </c>
      <c r="K1186">
        <f t="shared" si="141"/>
        <v>0.71084633633745242</v>
      </c>
      <c r="L1186">
        <f t="shared" si="142"/>
        <v>7.3125977289879449</v>
      </c>
      <c r="M1186">
        <f t="shared" si="143"/>
        <v>0</v>
      </c>
      <c r="N1186" s="46">
        <f t="shared" si="144"/>
        <v>45339.999999997206</v>
      </c>
    </row>
    <row r="1187" spans="2:14" x14ac:dyDescent="0.3">
      <c r="B1187">
        <f t="shared" ref="B1187:B1250" si="145">WEEKDAY(N1187,2)</f>
        <v>7</v>
      </c>
      <c r="C1187" s="16">
        <v>1153</v>
      </c>
      <c r="D1187" cm="1">
        <f t="array" ref="D1187">IFERROR(INDEX(Jesper!AH$2:AH$366,ROUNDDOWN($C1187/24,0)+1,1)*INDEX($D$3:$AA$30,INDEX(Jesper!$R$2:$R$366,ROW(INDEX(Jesper!AH$2:AH$366,ROUNDDOWN($C1187/24,0)+1,1))-1)+IF('Standard Profiles'!$G$18=$B$10,7,0)+IF('Standard Profiles'!$G$18=$B$17,14,0)+IF('Standard Profiles'!$G$18=$B$24,21,0),MOD($C1187,24)+1)/SUM(INDEX($D$3:$AA$30,INDEX(Jesper!$R$2:$R$366,ROW(INDEX(Jesper!AH$2:AH$366,ROUNDDOWN($C1187/24,0)+1,1))-1)+IF('Standard Profiles'!$G$18=$B$10,7,0)+IF('Standard Profiles'!$G$18=$B$17,14,0)+IF('Standard Profiles'!$G$18=$B$24,21,0),0)),0)</f>
        <v>8.2003726724307633</v>
      </c>
      <c r="E1187" cm="1">
        <f t="array" ref="E1187">IFERROR(INDEX(Jesper!AI$2:AI$366,ROUNDDOWN($C1187/24,0)+1,1)*INDEX($D$3:$AA$30,INDEX(Jesper!$R$2:$R$366,ROW(INDEX(Jesper!AI$2:AI$366,ROUNDDOWN($C1187/24,0)+1,1))-1)+IF('Standard Profiles'!$G$19=$B$10,7,0)+IF('Standard Profiles'!$G$19=$B$17,14,0)+IF('Standard Profiles'!$G$19=$B$24,21,0),MOD($C1187,24)+1)/SUM(INDEX($D$3:$AA$30,INDEX(Jesper!$R$2:$R$366,ROW(INDEX(Jesper!AI$2:AI$366,ROUNDDOWN($C1187/24,0)+1,1))-1)+IF('Standard Profiles'!$G$19=$B$10,7,0)+IF('Standard Profiles'!$G$19=$B$17,14,0)+IF('Standard Profiles'!$G$19=$B$24,21,0),0)),0)</f>
        <v>1.832607716131909</v>
      </c>
      <c r="F1187" cm="1">
        <f t="array" ref="F1187">IFERROR(INDEX(Jesper!AJ$2:AJ$366,ROUNDDOWN($C1187/24,0)+1,1)*INDEX($D$3:$AA$30,INDEX(Jesper!$R$2:$R$366,ROW(INDEX(Jesper!AJ$2:AJ$366,ROUNDDOWN($C1187/24,0)+1,1))-1)+IF('Standard Profiles'!$G$20=$B$10,7,0)+IF('Standard Profiles'!$G$20=$B$17,14,0)+IF('Standard Profiles'!$G$20=$B$24,21,0),MOD($C1187,24)+1)/SUM(INDEX($D$3:$AA$30,INDEX(Jesper!$R$2:$R$366,ROW(INDEX(Jesper!AJ$2:AJ$366,ROUNDDOWN($C1187/24,0)+1,1))-1)+IF('Standard Profiles'!$G$20=$B$10,7,0)+IF('Standard Profiles'!$G$20=$B$17,14,0)+IF('Standard Profiles'!$G$20=$B$24,21,0),0)),0)</f>
        <v>0</v>
      </c>
      <c r="G1187" cm="1">
        <f t="array" ref="G1187">IFERROR(INDEX(Jesper!AK$2:AK$366,ROUNDDOWN($C1187/24,0)+1,1)*INDEX($D$3:$AA$30,INDEX(Jesper!$R$2:$R$366,ROW(INDEX(Jesper!AK$2:AK$366,ROUNDDOWN($C1187/24,0)+1,1))-1)+IF('Standard Profiles'!$G$21=$B$10,7,0)+IF('Standard Profiles'!$G$21=$B$17,14,0)+IF('Standard Profiles'!$G$21=$B$24,21,0),MOD($C1187,24)+1)/SUM(INDEX($D$3:$AA$30,INDEX(Jesper!$R$2:$R$366,ROW(INDEX(Jesper!AK$2:AK$366,ROUNDDOWN($C1187/24,0)+1,1))-1)+IF('Standard Profiles'!$G$21=$B$10,7,0)+IF('Standard Profiles'!$G$21=$B$17,14,0)+IF('Standard Profiles'!$G$21=$B$24,21,0),0)),0)</f>
        <v>0</v>
      </c>
      <c r="H1187" cm="1">
        <f t="array" ref="H1187">IFERROR(INDEX(Jesper!AL$2:AL$366,ROUNDDOWN($C1187/24,0)+1,1)*INDEX($D$3:$AA$30,INDEX(Jesper!$R$2:$R$366,ROW(INDEX(Jesper!AL$2:AL$366,ROUNDDOWN($C1187/24,0)+1,1))-1)+IF('Standard Profiles'!$G$22=$B$10,7,0)+IF('Standard Profiles'!$G$22=$B$17,14,0)+IF('Standard Profiles'!$G$22=$B$24,21,0),MOD($C1187,24)+1)/SUM(INDEX($D$3:$AA$30,INDEX(Jesper!$R$2:$R$366,ROW(INDEX(Jesper!AL$2:AL$366,ROUNDDOWN($C1187/24,0)+1,1))-1)+IF('Standard Profiles'!$G$22=$B$10,7,0)+IF('Standard Profiles'!$G$22=$B$17,14,0)+IF('Standard Profiles'!$G$22=$B$24,21,0),0)),0)</f>
        <v>0</v>
      </c>
      <c r="I1187">
        <f t="shared" ref="I1187:I1250" si="146">IF($B1187&lt;6,AC$37*$D1187+AC$38*$E1187+AC$39*$F1187+AC$40*$G1187,AC$46*$D1187+AC$47*$E1187+AC$48*$F1187+AC$49*$G1187+AC$50*$H1187)</f>
        <v>0.16509979424611798</v>
      </c>
      <c r="J1187">
        <f t="shared" ref="J1187:J1250" si="147">IF($B1187&lt;6,AD$37*$D1187+AD$38*$E1187+AD$39*$F1187+AD$40*$G1187,AD$46*$D1187+AD$47*$E1187+AD$48*$F1187+AD$49*$G1187+AD$50*$H1187)</f>
        <v>0.55033264748706001</v>
      </c>
      <c r="K1187">
        <f t="shared" ref="K1187:K1250" si="148">IF($B1187&lt;6,AE$37*$D1187+AE$38*$E1187+AE$39*$F1187+AE$40*$G1187,AE$46*$D1187+AE$47*$E1187+AE$48*$F1187+AE$49*$G1187+AE$50*$H1187)</f>
        <v>0.82549897123058991</v>
      </c>
      <c r="L1187">
        <f t="shared" ref="L1187:L1250" si="149">IF($B1187&lt;6,AF$37*$D1187+AF$38*$E1187+AF$39*$F1187+AF$40*$G1187,AF$46*$D1187+AF$47*$E1187+AF$48*$F1187+AF$49*$G1187+AF$50*$H1187)</f>
        <v>8.4920489755989053</v>
      </c>
      <c r="M1187">
        <f t="shared" ref="M1187:M1250" si="150">IF($B1187&lt;6,AG$37*$D1187+AG$38*$E1187+AG$39*$F1187+AG$40*$G1187,AG$46*$D1187+AG$47*$E1187+AG$48*$F1187+AG$49*$G1187+AG$50*$H1187)</f>
        <v>0</v>
      </c>
      <c r="N1187" s="46">
        <f t="shared" si="144"/>
        <v>45340.04166666387</v>
      </c>
    </row>
    <row r="1188" spans="2:14" x14ac:dyDescent="0.3">
      <c r="B1188">
        <f t="shared" si="145"/>
        <v>7</v>
      </c>
      <c r="C1188" s="16">
        <v>1154</v>
      </c>
      <c r="D1188" cm="1">
        <f t="array" ref="D1188">IFERROR(INDEX(Jesper!AH$2:AH$366,ROUNDDOWN($C1188/24,0)+1,1)*INDEX($D$3:$AA$30,INDEX(Jesper!$R$2:$R$366,ROW(INDEX(Jesper!AH$2:AH$366,ROUNDDOWN($C1188/24,0)+1,1))-1)+IF('Standard Profiles'!$G$18=$B$10,7,0)+IF('Standard Profiles'!$G$18=$B$17,14,0)+IF('Standard Profiles'!$G$18=$B$24,21,0),MOD($C1188,24)+1)/SUM(INDEX($D$3:$AA$30,INDEX(Jesper!$R$2:$R$366,ROW(INDEX(Jesper!AH$2:AH$366,ROUNDDOWN($C1188/24,0)+1,1))-1)+IF('Standard Profiles'!$G$18=$B$10,7,0)+IF('Standard Profiles'!$G$18=$B$17,14,0)+IF('Standard Profiles'!$G$18=$B$24,21,0),0)),0)</f>
        <v>8.2003726724307633</v>
      </c>
      <c r="E1188" cm="1">
        <f t="array" ref="E1188">IFERROR(INDEX(Jesper!AI$2:AI$366,ROUNDDOWN($C1188/24,0)+1,1)*INDEX($D$3:$AA$30,INDEX(Jesper!$R$2:$R$366,ROW(INDEX(Jesper!AI$2:AI$366,ROUNDDOWN($C1188/24,0)+1,1))-1)+IF('Standard Profiles'!$G$19=$B$10,7,0)+IF('Standard Profiles'!$G$19=$B$17,14,0)+IF('Standard Profiles'!$G$19=$B$24,21,0),MOD($C1188,24)+1)/SUM(INDEX($D$3:$AA$30,INDEX(Jesper!$R$2:$R$366,ROW(INDEX(Jesper!AI$2:AI$366,ROUNDDOWN($C1188/24,0)+1,1))-1)+IF('Standard Profiles'!$G$19=$B$10,7,0)+IF('Standard Profiles'!$G$19=$B$17,14,0)+IF('Standard Profiles'!$G$19=$B$24,21,0),0)),0)</f>
        <v>1.832607716131909</v>
      </c>
      <c r="F1188" cm="1">
        <f t="array" ref="F1188">IFERROR(INDEX(Jesper!AJ$2:AJ$366,ROUNDDOWN($C1188/24,0)+1,1)*INDEX($D$3:$AA$30,INDEX(Jesper!$R$2:$R$366,ROW(INDEX(Jesper!AJ$2:AJ$366,ROUNDDOWN($C1188/24,0)+1,1))-1)+IF('Standard Profiles'!$G$20=$B$10,7,0)+IF('Standard Profiles'!$G$20=$B$17,14,0)+IF('Standard Profiles'!$G$20=$B$24,21,0),MOD($C1188,24)+1)/SUM(INDEX($D$3:$AA$30,INDEX(Jesper!$R$2:$R$366,ROW(INDEX(Jesper!AJ$2:AJ$366,ROUNDDOWN($C1188/24,0)+1,1))-1)+IF('Standard Profiles'!$G$20=$B$10,7,0)+IF('Standard Profiles'!$G$20=$B$17,14,0)+IF('Standard Profiles'!$G$20=$B$24,21,0),0)),0)</f>
        <v>0</v>
      </c>
      <c r="G1188" cm="1">
        <f t="array" ref="G1188">IFERROR(INDEX(Jesper!AK$2:AK$366,ROUNDDOWN($C1188/24,0)+1,1)*INDEX($D$3:$AA$30,INDEX(Jesper!$R$2:$R$366,ROW(INDEX(Jesper!AK$2:AK$366,ROUNDDOWN($C1188/24,0)+1,1))-1)+IF('Standard Profiles'!$G$21=$B$10,7,0)+IF('Standard Profiles'!$G$21=$B$17,14,0)+IF('Standard Profiles'!$G$21=$B$24,21,0),MOD($C1188,24)+1)/SUM(INDEX($D$3:$AA$30,INDEX(Jesper!$R$2:$R$366,ROW(INDEX(Jesper!AK$2:AK$366,ROUNDDOWN($C1188/24,0)+1,1))-1)+IF('Standard Profiles'!$G$21=$B$10,7,0)+IF('Standard Profiles'!$G$21=$B$17,14,0)+IF('Standard Profiles'!$G$21=$B$24,21,0),0)),0)</f>
        <v>0</v>
      </c>
      <c r="H1188" cm="1">
        <f t="array" ref="H1188">IFERROR(INDEX(Jesper!AL$2:AL$366,ROUNDDOWN($C1188/24,0)+1,1)*INDEX($D$3:$AA$30,INDEX(Jesper!$R$2:$R$366,ROW(INDEX(Jesper!AL$2:AL$366,ROUNDDOWN($C1188/24,0)+1,1))-1)+IF('Standard Profiles'!$G$22=$B$10,7,0)+IF('Standard Profiles'!$G$22=$B$17,14,0)+IF('Standard Profiles'!$G$22=$B$24,21,0),MOD($C1188,24)+1)/SUM(INDEX($D$3:$AA$30,INDEX(Jesper!$R$2:$R$366,ROW(INDEX(Jesper!AL$2:AL$366,ROUNDDOWN($C1188/24,0)+1,1))-1)+IF('Standard Profiles'!$G$22=$B$10,7,0)+IF('Standard Profiles'!$G$22=$B$17,14,0)+IF('Standard Profiles'!$G$22=$B$24,21,0),0)),0)</f>
        <v>0</v>
      </c>
      <c r="I1188">
        <f t="shared" si="146"/>
        <v>0.16509979424611798</v>
      </c>
      <c r="J1188">
        <f t="shared" si="147"/>
        <v>0.55033264748706001</v>
      </c>
      <c r="K1188">
        <f t="shared" si="148"/>
        <v>0.82549897123058991</v>
      </c>
      <c r="L1188">
        <f t="shared" si="149"/>
        <v>8.4920489755989053</v>
      </c>
      <c r="M1188">
        <f t="shared" si="150"/>
        <v>0</v>
      </c>
      <c r="N1188" s="46">
        <f t="shared" ref="N1188:N1251" si="151">N1187+1/24</f>
        <v>45340.083333330535</v>
      </c>
    </row>
    <row r="1189" spans="2:14" x14ac:dyDescent="0.3">
      <c r="B1189">
        <f t="shared" si="145"/>
        <v>7</v>
      </c>
      <c r="C1189" s="16">
        <v>1155</v>
      </c>
      <c r="D1189" cm="1">
        <f t="array" ref="D1189">IFERROR(INDEX(Jesper!AH$2:AH$366,ROUNDDOWN($C1189/24,0)+1,1)*INDEX($D$3:$AA$30,INDEX(Jesper!$R$2:$R$366,ROW(INDEX(Jesper!AH$2:AH$366,ROUNDDOWN($C1189/24,0)+1,1))-1)+IF('Standard Profiles'!$G$18=$B$10,7,0)+IF('Standard Profiles'!$G$18=$B$17,14,0)+IF('Standard Profiles'!$G$18=$B$24,21,0),MOD($C1189,24)+1)/SUM(INDEX($D$3:$AA$30,INDEX(Jesper!$R$2:$R$366,ROW(INDEX(Jesper!AH$2:AH$366,ROUNDDOWN($C1189/24,0)+1,1))-1)+IF('Standard Profiles'!$G$18=$B$10,7,0)+IF('Standard Profiles'!$G$18=$B$17,14,0)+IF('Standard Profiles'!$G$18=$B$24,21,0),0)),0)</f>
        <v>8.2003726724307633</v>
      </c>
      <c r="E1189" cm="1">
        <f t="array" ref="E1189">IFERROR(INDEX(Jesper!AI$2:AI$366,ROUNDDOWN($C1189/24,0)+1,1)*INDEX($D$3:$AA$30,INDEX(Jesper!$R$2:$R$366,ROW(INDEX(Jesper!AI$2:AI$366,ROUNDDOWN($C1189/24,0)+1,1))-1)+IF('Standard Profiles'!$G$19=$B$10,7,0)+IF('Standard Profiles'!$G$19=$B$17,14,0)+IF('Standard Profiles'!$G$19=$B$24,21,0),MOD($C1189,24)+1)/SUM(INDEX($D$3:$AA$30,INDEX(Jesper!$R$2:$R$366,ROW(INDEX(Jesper!AI$2:AI$366,ROUNDDOWN($C1189/24,0)+1,1))-1)+IF('Standard Profiles'!$G$19=$B$10,7,0)+IF('Standard Profiles'!$G$19=$B$17,14,0)+IF('Standard Profiles'!$G$19=$B$24,21,0),0)),0)</f>
        <v>1.832607716131909</v>
      </c>
      <c r="F1189" cm="1">
        <f t="array" ref="F1189">IFERROR(INDEX(Jesper!AJ$2:AJ$366,ROUNDDOWN($C1189/24,0)+1,1)*INDEX($D$3:$AA$30,INDEX(Jesper!$R$2:$R$366,ROW(INDEX(Jesper!AJ$2:AJ$366,ROUNDDOWN($C1189/24,0)+1,1))-1)+IF('Standard Profiles'!$G$20=$B$10,7,0)+IF('Standard Profiles'!$G$20=$B$17,14,0)+IF('Standard Profiles'!$G$20=$B$24,21,0),MOD($C1189,24)+1)/SUM(INDEX($D$3:$AA$30,INDEX(Jesper!$R$2:$R$366,ROW(INDEX(Jesper!AJ$2:AJ$366,ROUNDDOWN($C1189/24,0)+1,1))-1)+IF('Standard Profiles'!$G$20=$B$10,7,0)+IF('Standard Profiles'!$G$20=$B$17,14,0)+IF('Standard Profiles'!$G$20=$B$24,21,0),0)),0)</f>
        <v>0</v>
      </c>
      <c r="G1189" cm="1">
        <f t="array" ref="G1189">IFERROR(INDEX(Jesper!AK$2:AK$366,ROUNDDOWN($C1189/24,0)+1,1)*INDEX($D$3:$AA$30,INDEX(Jesper!$R$2:$R$366,ROW(INDEX(Jesper!AK$2:AK$366,ROUNDDOWN($C1189/24,0)+1,1))-1)+IF('Standard Profiles'!$G$21=$B$10,7,0)+IF('Standard Profiles'!$G$21=$B$17,14,0)+IF('Standard Profiles'!$G$21=$B$24,21,0),MOD($C1189,24)+1)/SUM(INDEX($D$3:$AA$30,INDEX(Jesper!$R$2:$R$366,ROW(INDEX(Jesper!AK$2:AK$366,ROUNDDOWN($C1189/24,0)+1,1))-1)+IF('Standard Profiles'!$G$21=$B$10,7,0)+IF('Standard Profiles'!$G$21=$B$17,14,0)+IF('Standard Profiles'!$G$21=$B$24,21,0),0)),0)</f>
        <v>0</v>
      </c>
      <c r="H1189" cm="1">
        <f t="array" ref="H1189">IFERROR(INDEX(Jesper!AL$2:AL$366,ROUNDDOWN($C1189/24,0)+1,1)*INDEX($D$3:$AA$30,INDEX(Jesper!$R$2:$R$366,ROW(INDEX(Jesper!AL$2:AL$366,ROUNDDOWN($C1189/24,0)+1,1))-1)+IF('Standard Profiles'!$G$22=$B$10,7,0)+IF('Standard Profiles'!$G$22=$B$17,14,0)+IF('Standard Profiles'!$G$22=$B$24,21,0),MOD($C1189,24)+1)/SUM(INDEX($D$3:$AA$30,INDEX(Jesper!$R$2:$R$366,ROW(INDEX(Jesper!AL$2:AL$366,ROUNDDOWN($C1189/24,0)+1,1))-1)+IF('Standard Profiles'!$G$22=$B$10,7,0)+IF('Standard Profiles'!$G$22=$B$17,14,0)+IF('Standard Profiles'!$G$22=$B$24,21,0),0)),0)</f>
        <v>0</v>
      </c>
      <c r="I1189">
        <f t="shared" si="146"/>
        <v>0.16509979424611798</v>
      </c>
      <c r="J1189">
        <f t="shared" si="147"/>
        <v>0.55033264748706001</v>
      </c>
      <c r="K1189">
        <f t="shared" si="148"/>
        <v>0.82549897123058991</v>
      </c>
      <c r="L1189">
        <f t="shared" si="149"/>
        <v>8.4920489755989053</v>
      </c>
      <c r="M1189">
        <f t="shared" si="150"/>
        <v>0</v>
      </c>
      <c r="N1189" s="46">
        <f t="shared" si="151"/>
        <v>45340.124999997199</v>
      </c>
    </row>
    <row r="1190" spans="2:14" x14ac:dyDescent="0.3">
      <c r="B1190">
        <f t="shared" si="145"/>
        <v>7</v>
      </c>
      <c r="C1190" s="16">
        <v>1156</v>
      </c>
      <c r="D1190" cm="1">
        <f t="array" ref="D1190">IFERROR(INDEX(Jesper!AH$2:AH$366,ROUNDDOWN($C1190/24,0)+1,1)*INDEX($D$3:$AA$30,INDEX(Jesper!$R$2:$R$366,ROW(INDEX(Jesper!AH$2:AH$366,ROUNDDOWN($C1190/24,0)+1,1))-1)+IF('Standard Profiles'!$G$18=$B$10,7,0)+IF('Standard Profiles'!$G$18=$B$17,14,0)+IF('Standard Profiles'!$G$18=$B$24,21,0),MOD($C1190,24)+1)/SUM(INDEX($D$3:$AA$30,INDEX(Jesper!$R$2:$R$366,ROW(INDEX(Jesper!AH$2:AH$366,ROUNDDOWN($C1190/24,0)+1,1))-1)+IF('Standard Profiles'!$G$18=$B$10,7,0)+IF('Standard Profiles'!$G$18=$B$17,14,0)+IF('Standard Profiles'!$G$18=$B$24,21,0),0)),0)</f>
        <v>8.2003726724307633</v>
      </c>
      <c r="E1190" cm="1">
        <f t="array" ref="E1190">IFERROR(INDEX(Jesper!AI$2:AI$366,ROUNDDOWN($C1190/24,0)+1,1)*INDEX($D$3:$AA$30,INDEX(Jesper!$R$2:$R$366,ROW(INDEX(Jesper!AI$2:AI$366,ROUNDDOWN($C1190/24,0)+1,1))-1)+IF('Standard Profiles'!$G$19=$B$10,7,0)+IF('Standard Profiles'!$G$19=$B$17,14,0)+IF('Standard Profiles'!$G$19=$B$24,21,0),MOD($C1190,24)+1)/SUM(INDEX($D$3:$AA$30,INDEX(Jesper!$R$2:$R$366,ROW(INDEX(Jesper!AI$2:AI$366,ROUNDDOWN($C1190/24,0)+1,1))-1)+IF('Standard Profiles'!$G$19=$B$10,7,0)+IF('Standard Profiles'!$G$19=$B$17,14,0)+IF('Standard Profiles'!$G$19=$B$24,21,0),0)),0)</f>
        <v>1.832607716131909</v>
      </c>
      <c r="F1190" cm="1">
        <f t="array" ref="F1190">IFERROR(INDEX(Jesper!AJ$2:AJ$366,ROUNDDOWN($C1190/24,0)+1,1)*INDEX($D$3:$AA$30,INDEX(Jesper!$R$2:$R$366,ROW(INDEX(Jesper!AJ$2:AJ$366,ROUNDDOWN($C1190/24,0)+1,1))-1)+IF('Standard Profiles'!$G$20=$B$10,7,0)+IF('Standard Profiles'!$G$20=$B$17,14,0)+IF('Standard Profiles'!$G$20=$B$24,21,0),MOD($C1190,24)+1)/SUM(INDEX($D$3:$AA$30,INDEX(Jesper!$R$2:$R$366,ROW(INDEX(Jesper!AJ$2:AJ$366,ROUNDDOWN($C1190/24,0)+1,1))-1)+IF('Standard Profiles'!$G$20=$B$10,7,0)+IF('Standard Profiles'!$G$20=$B$17,14,0)+IF('Standard Profiles'!$G$20=$B$24,21,0),0)),0)</f>
        <v>0</v>
      </c>
      <c r="G1190" cm="1">
        <f t="array" ref="G1190">IFERROR(INDEX(Jesper!AK$2:AK$366,ROUNDDOWN($C1190/24,0)+1,1)*INDEX($D$3:$AA$30,INDEX(Jesper!$R$2:$R$366,ROW(INDEX(Jesper!AK$2:AK$366,ROUNDDOWN($C1190/24,0)+1,1))-1)+IF('Standard Profiles'!$G$21=$B$10,7,0)+IF('Standard Profiles'!$G$21=$B$17,14,0)+IF('Standard Profiles'!$G$21=$B$24,21,0),MOD($C1190,24)+1)/SUM(INDEX($D$3:$AA$30,INDEX(Jesper!$R$2:$R$366,ROW(INDEX(Jesper!AK$2:AK$366,ROUNDDOWN($C1190/24,0)+1,1))-1)+IF('Standard Profiles'!$G$21=$B$10,7,0)+IF('Standard Profiles'!$G$21=$B$17,14,0)+IF('Standard Profiles'!$G$21=$B$24,21,0),0)),0)</f>
        <v>0</v>
      </c>
      <c r="H1190" cm="1">
        <f t="array" ref="H1190">IFERROR(INDEX(Jesper!AL$2:AL$366,ROUNDDOWN($C1190/24,0)+1,1)*INDEX($D$3:$AA$30,INDEX(Jesper!$R$2:$R$366,ROW(INDEX(Jesper!AL$2:AL$366,ROUNDDOWN($C1190/24,0)+1,1))-1)+IF('Standard Profiles'!$G$22=$B$10,7,0)+IF('Standard Profiles'!$G$22=$B$17,14,0)+IF('Standard Profiles'!$G$22=$B$24,21,0),MOD($C1190,24)+1)/SUM(INDEX($D$3:$AA$30,INDEX(Jesper!$R$2:$R$366,ROW(INDEX(Jesper!AL$2:AL$366,ROUNDDOWN($C1190/24,0)+1,1))-1)+IF('Standard Profiles'!$G$22=$B$10,7,0)+IF('Standard Profiles'!$G$22=$B$17,14,0)+IF('Standard Profiles'!$G$22=$B$24,21,0),0)),0)</f>
        <v>0</v>
      </c>
      <c r="I1190">
        <f t="shared" si="146"/>
        <v>0.16509979424611798</v>
      </c>
      <c r="J1190">
        <f t="shared" si="147"/>
        <v>0.55033264748706001</v>
      </c>
      <c r="K1190">
        <f t="shared" si="148"/>
        <v>0.82549897123058991</v>
      </c>
      <c r="L1190">
        <f t="shared" si="149"/>
        <v>8.4920489755989053</v>
      </c>
      <c r="M1190">
        <f t="shared" si="150"/>
        <v>0</v>
      </c>
      <c r="N1190" s="46">
        <f t="shared" si="151"/>
        <v>45340.166666663863</v>
      </c>
    </row>
    <row r="1191" spans="2:14" x14ac:dyDescent="0.3">
      <c r="B1191">
        <f t="shared" si="145"/>
        <v>7</v>
      </c>
      <c r="C1191" s="16">
        <v>1157</v>
      </c>
      <c r="D1191" cm="1">
        <f t="array" ref="D1191">IFERROR(INDEX(Jesper!AH$2:AH$366,ROUNDDOWN($C1191/24,0)+1,1)*INDEX($D$3:$AA$30,INDEX(Jesper!$R$2:$R$366,ROW(INDEX(Jesper!AH$2:AH$366,ROUNDDOWN($C1191/24,0)+1,1))-1)+IF('Standard Profiles'!$G$18=$B$10,7,0)+IF('Standard Profiles'!$G$18=$B$17,14,0)+IF('Standard Profiles'!$G$18=$B$24,21,0),MOD($C1191,24)+1)/SUM(INDEX($D$3:$AA$30,INDEX(Jesper!$R$2:$R$366,ROW(INDEX(Jesper!AH$2:AH$366,ROUNDDOWN($C1191/24,0)+1,1))-1)+IF('Standard Profiles'!$G$18=$B$10,7,0)+IF('Standard Profiles'!$G$18=$B$17,14,0)+IF('Standard Profiles'!$G$18=$B$24,21,0),0)),0)</f>
        <v>10.250465840538453</v>
      </c>
      <c r="E1191" cm="1">
        <f t="array" ref="E1191">IFERROR(INDEX(Jesper!AI$2:AI$366,ROUNDDOWN($C1191/24,0)+1,1)*INDEX($D$3:$AA$30,INDEX(Jesper!$R$2:$R$366,ROW(INDEX(Jesper!AI$2:AI$366,ROUNDDOWN($C1191/24,0)+1,1))-1)+IF('Standard Profiles'!$G$19=$B$10,7,0)+IF('Standard Profiles'!$G$19=$B$17,14,0)+IF('Standard Profiles'!$G$19=$B$24,21,0),MOD($C1191,24)+1)/SUM(INDEX($D$3:$AA$30,INDEX(Jesper!$R$2:$R$366,ROW(INDEX(Jesper!AI$2:AI$366,ROUNDDOWN($C1191/24,0)+1,1))-1)+IF('Standard Profiles'!$G$19=$B$10,7,0)+IF('Standard Profiles'!$G$19=$B$17,14,0)+IF('Standard Profiles'!$G$19=$B$24,21,0),0)),0)</f>
        <v>2.2907596451648864</v>
      </c>
      <c r="F1191" cm="1">
        <f t="array" ref="F1191">IFERROR(INDEX(Jesper!AJ$2:AJ$366,ROUNDDOWN($C1191/24,0)+1,1)*INDEX($D$3:$AA$30,INDEX(Jesper!$R$2:$R$366,ROW(INDEX(Jesper!AJ$2:AJ$366,ROUNDDOWN($C1191/24,0)+1,1))-1)+IF('Standard Profiles'!$G$20=$B$10,7,0)+IF('Standard Profiles'!$G$20=$B$17,14,0)+IF('Standard Profiles'!$G$20=$B$24,21,0),MOD($C1191,24)+1)/SUM(INDEX($D$3:$AA$30,INDEX(Jesper!$R$2:$R$366,ROW(INDEX(Jesper!AJ$2:AJ$366,ROUNDDOWN($C1191/24,0)+1,1))-1)+IF('Standard Profiles'!$G$20=$B$10,7,0)+IF('Standard Profiles'!$G$20=$B$17,14,0)+IF('Standard Profiles'!$G$20=$B$24,21,0),0)),0)</f>
        <v>0</v>
      </c>
      <c r="G1191" cm="1">
        <f t="array" ref="G1191">IFERROR(INDEX(Jesper!AK$2:AK$366,ROUNDDOWN($C1191/24,0)+1,1)*INDEX($D$3:$AA$30,INDEX(Jesper!$R$2:$R$366,ROW(INDEX(Jesper!AK$2:AK$366,ROUNDDOWN($C1191/24,0)+1,1))-1)+IF('Standard Profiles'!$G$21=$B$10,7,0)+IF('Standard Profiles'!$G$21=$B$17,14,0)+IF('Standard Profiles'!$G$21=$B$24,21,0),MOD($C1191,24)+1)/SUM(INDEX($D$3:$AA$30,INDEX(Jesper!$R$2:$R$366,ROW(INDEX(Jesper!AK$2:AK$366,ROUNDDOWN($C1191/24,0)+1,1))-1)+IF('Standard Profiles'!$G$21=$B$10,7,0)+IF('Standard Profiles'!$G$21=$B$17,14,0)+IF('Standard Profiles'!$G$21=$B$24,21,0),0)),0)</f>
        <v>0</v>
      </c>
      <c r="H1191" cm="1">
        <f t="array" ref="H1191">IFERROR(INDEX(Jesper!AL$2:AL$366,ROUNDDOWN($C1191/24,0)+1,1)*INDEX($D$3:$AA$30,INDEX(Jesper!$R$2:$R$366,ROW(INDEX(Jesper!AL$2:AL$366,ROUNDDOWN($C1191/24,0)+1,1))-1)+IF('Standard Profiles'!$G$22=$B$10,7,0)+IF('Standard Profiles'!$G$22=$B$17,14,0)+IF('Standard Profiles'!$G$22=$B$24,21,0),MOD($C1191,24)+1)/SUM(INDEX($D$3:$AA$30,INDEX(Jesper!$R$2:$R$366,ROW(INDEX(Jesper!AL$2:AL$366,ROUNDDOWN($C1191/24,0)+1,1))-1)+IF('Standard Profiles'!$G$22=$B$10,7,0)+IF('Standard Profiles'!$G$22=$B$17,14,0)+IF('Standard Profiles'!$G$22=$B$24,21,0),0)),0)</f>
        <v>0</v>
      </c>
      <c r="I1191">
        <f t="shared" si="146"/>
        <v>0.20637474280764748</v>
      </c>
      <c r="J1191">
        <f t="shared" si="147"/>
        <v>0.68791580935882501</v>
      </c>
      <c r="K1191">
        <f t="shared" si="148"/>
        <v>1.0318737140382375</v>
      </c>
      <c r="L1191">
        <f t="shared" si="149"/>
        <v>10.61506121949863</v>
      </c>
      <c r="M1191">
        <f t="shared" si="150"/>
        <v>0</v>
      </c>
      <c r="N1191" s="46">
        <f t="shared" si="151"/>
        <v>45340.208333330527</v>
      </c>
    </row>
    <row r="1192" spans="2:14" x14ac:dyDescent="0.3">
      <c r="B1192">
        <f t="shared" si="145"/>
        <v>7</v>
      </c>
      <c r="C1192" s="16">
        <v>1158</v>
      </c>
      <c r="D1192" cm="1">
        <f t="array" ref="D1192">IFERROR(INDEX(Jesper!AH$2:AH$366,ROUNDDOWN($C1192/24,0)+1,1)*INDEX($D$3:$AA$30,INDEX(Jesper!$R$2:$R$366,ROW(INDEX(Jesper!AH$2:AH$366,ROUNDDOWN($C1192/24,0)+1,1))-1)+IF('Standard Profiles'!$G$18=$B$10,7,0)+IF('Standard Profiles'!$G$18=$B$17,14,0)+IF('Standard Profiles'!$G$18=$B$24,21,0),MOD($C1192,24)+1)/SUM(INDEX($D$3:$AA$30,INDEX(Jesper!$R$2:$R$366,ROW(INDEX(Jesper!AH$2:AH$366,ROUNDDOWN($C1192/24,0)+1,1))-1)+IF('Standard Profiles'!$G$18=$B$10,7,0)+IF('Standard Profiles'!$G$18=$B$17,14,0)+IF('Standard Profiles'!$G$18=$B$24,21,0),0)),0)</f>
        <v>12.072770878856401</v>
      </c>
      <c r="E1192" cm="1">
        <f t="array" ref="E1192">IFERROR(INDEX(Jesper!AI$2:AI$366,ROUNDDOWN($C1192/24,0)+1,1)*INDEX($D$3:$AA$30,INDEX(Jesper!$R$2:$R$366,ROW(INDEX(Jesper!AI$2:AI$366,ROUNDDOWN($C1192/24,0)+1,1))-1)+IF('Standard Profiles'!$G$19=$B$10,7,0)+IF('Standard Profiles'!$G$19=$B$17,14,0)+IF('Standard Profiles'!$G$19=$B$24,21,0),MOD($C1192,24)+1)/SUM(INDEX($D$3:$AA$30,INDEX(Jesper!$R$2:$R$366,ROW(INDEX(Jesper!AI$2:AI$366,ROUNDDOWN($C1192/24,0)+1,1))-1)+IF('Standard Profiles'!$G$19=$B$10,7,0)+IF('Standard Profiles'!$G$19=$B$17,14,0)+IF('Standard Profiles'!$G$19=$B$24,21,0),0)),0)</f>
        <v>2.698005804305311</v>
      </c>
      <c r="F1192" cm="1">
        <f t="array" ref="F1192">IFERROR(INDEX(Jesper!AJ$2:AJ$366,ROUNDDOWN($C1192/24,0)+1,1)*INDEX($D$3:$AA$30,INDEX(Jesper!$R$2:$R$366,ROW(INDEX(Jesper!AJ$2:AJ$366,ROUNDDOWN($C1192/24,0)+1,1))-1)+IF('Standard Profiles'!$G$20=$B$10,7,0)+IF('Standard Profiles'!$G$20=$B$17,14,0)+IF('Standard Profiles'!$G$20=$B$24,21,0),MOD($C1192,24)+1)/SUM(INDEX($D$3:$AA$30,INDEX(Jesper!$R$2:$R$366,ROW(INDEX(Jesper!AJ$2:AJ$366,ROUNDDOWN($C1192/24,0)+1,1))-1)+IF('Standard Profiles'!$G$20=$B$10,7,0)+IF('Standard Profiles'!$G$20=$B$17,14,0)+IF('Standard Profiles'!$G$20=$B$24,21,0),0)),0)</f>
        <v>0</v>
      </c>
      <c r="G1192" cm="1">
        <f t="array" ref="G1192">IFERROR(INDEX(Jesper!AK$2:AK$366,ROUNDDOWN($C1192/24,0)+1,1)*INDEX($D$3:$AA$30,INDEX(Jesper!$R$2:$R$366,ROW(INDEX(Jesper!AK$2:AK$366,ROUNDDOWN($C1192/24,0)+1,1))-1)+IF('Standard Profiles'!$G$21=$B$10,7,0)+IF('Standard Profiles'!$G$21=$B$17,14,0)+IF('Standard Profiles'!$G$21=$B$24,21,0),MOD($C1192,24)+1)/SUM(INDEX($D$3:$AA$30,INDEX(Jesper!$R$2:$R$366,ROW(INDEX(Jesper!AK$2:AK$366,ROUNDDOWN($C1192/24,0)+1,1))-1)+IF('Standard Profiles'!$G$21=$B$10,7,0)+IF('Standard Profiles'!$G$21=$B$17,14,0)+IF('Standard Profiles'!$G$21=$B$24,21,0),0)),0)</f>
        <v>0</v>
      </c>
      <c r="H1192" cm="1">
        <f t="array" ref="H1192">IFERROR(INDEX(Jesper!AL$2:AL$366,ROUNDDOWN($C1192/24,0)+1,1)*INDEX($D$3:$AA$30,INDEX(Jesper!$R$2:$R$366,ROW(INDEX(Jesper!AL$2:AL$366,ROUNDDOWN($C1192/24,0)+1,1))-1)+IF('Standard Profiles'!$G$22=$B$10,7,0)+IF('Standard Profiles'!$G$22=$B$17,14,0)+IF('Standard Profiles'!$G$22=$B$24,21,0),MOD($C1192,24)+1)/SUM(INDEX($D$3:$AA$30,INDEX(Jesper!$R$2:$R$366,ROW(INDEX(Jesper!AL$2:AL$366,ROUNDDOWN($C1192/24,0)+1,1))-1)+IF('Standard Profiles'!$G$22=$B$10,7,0)+IF('Standard Profiles'!$G$22=$B$17,14,0)+IF('Standard Profiles'!$G$22=$B$24,21,0),0)),0)</f>
        <v>0</v>
      </c>
      <c r="I1192">
        <f t="shared" si="146"/>
        <v>0.24306358597345151</v>
      </c>
      <c r="J1192">
        <f t="shared" si="147"/>
        <v>0.81021195324483841</v>
      </c>
      <c r="K1192">
        <f t="shared" si="148"/>
        <v>1.2153179298672576</v>
      </c>
      <c r="L1192">
        <f t="shared" si="149"/>
        <v>12.502183214076165</v>
      </c>
      <c r="M1192">
        <f t="shared" si="150"/>
        <v>0</v>
      </c>
      <c r="N1192" s="46">
        <f t="shared" si="151"/>
        <v>45340.249999997191</v>
      </c>
    </row>
    <row r="1193" spans="2:14" x14ac:dyDescent="0.3">
      <c r="B1193">
        <f t="shared" si="145"/>
        <v>7</v>
      </c>
      <c r="C1193" s="16">
        <v>1159</v>
      </c>
      <c r="D1193" cm="1">
        <f t="array" ref="D1193">IFERROR(INDEX(Jesper!AH$2:AH$366,ROUNDDOWN($C1193/24,0)+1,1)*INDEX($D$3:$AA$30,INDEX(Jesper!$R$2:$R$366,ROW(INDEX(Jesper!AH$2:AH$366,ROUNDDOWN($C1193/24,0)+1,1))-1)+IF('Standard Profiles'!$G$18=$B$10,7,0)+IF('Standard Profiles'!$G$18=$B$17,14,0)+IF('Standard Profiles'!$G$18=$B$24,21,0),MOD($C1193,24)+1)/SUM(INDEX($D$3:$AA$30,INDEX(Jesper!$R$2:$R$366,ROW(INDEX(Jesper!AH$2:AH$366,ROUNDDOWN($C1193/24,0)+1,1))-1)+IF('Standard Profiles'!$G$18=$B$10,7,0)+IF('Standard Profiles'!$G$18=$B$17,14,0)+IF('Standard Profiles'!$G$18=$B$24,21,0),0)),0)</f>
        <v>14.350652176753835</v>
      </c>
      <c r="E1193" cm="1">
        <f t="array" ref="E1193">IFERROR(INDEX(Jesper!AI$2:AI$366,ROUNDDOWN($C1193/24,0)+1,1)*INDEX($D$3:$AA$30,INDEX(Jesper!$R$2:$R$366,ROW(INDEX(Jesper!AI$2:AI$366,ROUNDDOWN($C1193/24,0)+1,1))-1)+IF('Standard Profiles'!$G$19=$B$10,7,0)+IF('Standard Profiles'!$G$19=$B$17,14,0)+IF('Standard Profiles'!$G$19=$B$24,21,0),MOD($C1193,24)+1)/SUM(INDEX($D$3:$AA$30,INDEX(Jesper!$R$2:$R$366,ROW(INDEX(Jesper!AI$2:AI$366,ROUNDDOWN($C1193/24,0)+1,1))-1)+IF('Standard Profiles'!$G$19=$B$10,7,0)+IF('Standard Profiles'!$G$19=$B$17,14,0)+IF('Standard Profiles'!$G$19=$B$24,21,0),0)),0)</f>
        <v>3.2070635032308412</v>
      </c>
      <c r="F1193" cm="1">
        <f t="array" ref="F1193">IFERROR(INDEX(Jesper!AJ$2:AJ$366,ROUNDDOWN($C1193/24,0)+1,1)*INDEX($D$3:$AA$30,INDEX(Jesper!$R$2:$R$366,ROW(INDEX(Jesper!AJ$2:AJ$366,ROUNDDOWN($C1193/24,0)+1,1))-1)+IF('Standard Profiles'!$G$20=$B$10,7,0)+IF('Standard Profiles'!$G$20=$B$17,14,0)+IF('Standard Profiles'!$G$20=$B$24,21,0),MOD($C1193,24)+1)/SUM(INDEX($D$3:$AA$30,INDEX(Jesper!$R$2:$R$366,ROW(INDEX(Jesper!AJ$2:AJ$366,ROUNDDOWN($C1193/24,0)+1,1))-1)+IF('Standard Profiles'!$G$20=$B$10,7,0)+IF('Standard Profiles'!$G$20=$B$17,14,0)+IF('Standard Profiles'!$G$20=$B$24,21,0),0)),0)</f>
        <v>0</v>
      </c>
      <c r="G1193" cm="1">
        <f t="array" ref="G1193">IFERROR(INDEX(Jesper!AK$2:AK$366,ROUNDDOWN($C1193/24,0)+1,1)*INDEX($D$3:$AA$30,INDEX(Jesper!$R$2:$R$366,ROW(INDEX(Jesper!AK$2:AK$366,ROUNDDOWN($C1193/24,0)+1,1))-1)+IF('Standard Profiles'!$G$21=$B$10,7,0)+IF('Standard Profiles'!$G$21=$B$17,14,0)+IF('Standard Profiles'!$G$21=$B$24,21,0),MOD($C1193,24)+1)/SUM(INDEX($D$3:$AA$30,INDEX(Jesper!$R$2:$R$366,ROW(INDEX(Jesper!AK$2:AK$366,ROUNDDOWN($C1193/24,0)+1,1))-1)+IF('Standard Profiles'!$G$21=$B$10,7,0)+IF('Standard Profiles'!$G$21=$B$17,14,0)+IF('Standard Profiles'!$G$21=$B$24,21,0),0)),0)</f>
        <v>0</v>
      </c>
      <c r="H1193" cm="1">
        <f t="array" ref="H1193">IFERROR(INDEX(Jesper!AL$2:AL$366,ROUNDDOWN($C1193/24,0)+1,1)*INDEX($D$3:$AA$30,INDEX(Jesper!$R$2:$R$366,ROW(INDEX(Jesper!AL$2:AL$366,ROUNDDOWN($C1193/24,0)+1,1))-1)+IF('Standard Profiles'!$G$22=$B$10,7,0)+IF('Standard Profiles'!$G$22=$B$17,14,0)+IF('Standard Profiles'!$G$22=$B$24,21,0),MOD($C1193,24)+1)/SUM(INDEX($D$3:$AA$30,INDEX(Jesper!$R$2:$R$366,ROW(INDEX(Jesper!AL$2:AL$366,ROUNDDOWN($C1193/24,0)+1,1))-1)+IF('Standard Profiles'!$G$22=$B$10,7,0)+IF('Standard Profiles'!$G$22=$B$17,14,0)+IF('Standard Profiles'!$G$22=$B$24,21,0),0)),0)</f>
        <v>0</v>
      </c>
      <c r="I1193">
        <f t="shared" si="146"/>
        <v>0.28892463993070649</v>
      </c>
      <c r="J1193">
        <f t="shared" si="147"/>
        <v>0.96308213310235513</v>
      </c>
      <c r="K1193">
        <f t="shared" si="148"/>
        <v>1.4446231996535326</v>
      </c>
      <c r="L1193">
        <f t="shared" si="149"/>
        <v>14.861085707298082</v>
      </c>
      <c r="M1193">
        <f t="shared" si="150"/>
        <v>0</v>
      </c>
      <c r="N1193" s="46">
        <f t="shared" si="151"/>
        <v>45340.291666663856</v>
      </c>
    </row>
    <row r="1194" spans="2:14" x14ac:dyDescent="0.3">
      <c r="B1194">
        <f t="shared" si="145"/>
        <v>7</v>
      </c>
      <c r="C1194" s="16">
        <v>1160</v>
      </c>
      <c r="D1194" cm="1">
        <f t="array" ref="D1194">IFERROR(INDEX(Jesper!AH$2:AH$366,ROUNDDOWN($C1194/24,0)+1,1)*INDEX($D$3:$AA$30,INDEX(Jesper!$R$2:$R$366,ROW(INDEX(Jesper!AH$2:AH$366,ROUNDDOWN($C1194/24,0)+1,1))-1)+IF('Standard Profiles'!$G$18=$B$10,7,0)+IF('Standard Profiles'!$G$18=$B$17,14,0)+IF('Standard Profiles'!$G$18=$B$24,21,0),MOD($C1194,24)+1)/SUM(INDEX($D$3:$AA$30,INDEX(Jesper!$R$2:$R$366,ROW(INDEX(Jesper!AH$2:AH$366,ROUNDDOWN($C1194/24,0)+1,1))-1)+IF('Standard Profiles'!$G$18=$B$10,7,0)+IF('Standard Profiles'!$G$18=$B$17,14,0)+IF('Standard Profiles'!$G$18=$B$24,21,0),0)),0)</f>
        <v>14.350652176753835</v>
      </c>
      <c r="E1194" cm="1">
        <f t="array" ref="E1194">IFERROR(INDEX(Jesper!AI$2:AI$366,ROUNDDOWN($C1194/24,0)+1,1)*INDEX($D$3:$AA$30,INDEX(Jesper!$R$2:$R$366,ROW(INDEX(Jesper!AI$2:AI$366,ROUNDDOWN($C1194/24,0)+1,1))-1)+IF('Standard Profiles'!$G$19=$B$10,7,0)+IF('Standard Profiles'!$G$19=$B$17,14,0)+IF('Standard Profiles'!$G$19=$B$24,21,0),MOD($C1194,24)+1)/SUM(INDEX($D$3:$AA$30,INDEX(Jesper!$R$2:$R$366,ROW(INDEX(Jesper!AI$2:AI$366,ROUNDDOWN($C1194/24,0)+1,1))-1)+IF('Standard Profiles'!$G$19=$B$10,7,0)+IF('Standard Profiles'!$G$19=$B$17,14,0)+IF('Standard Profiles'!$G$19=$B$24,21,0),0)),0)</f>
        <v>3.2070635032308412</v>
      </c>
      <c r="F1194" cm="1">
        <f t="array" ref="F1194">IFERROR(INDEX(Jesper!AJ$2:AJ$366,ROUNDDOWN($C1194/24,0)+1,1)*INDEX($D$3:$AA$30,INDEX(Jesper!$R$2:$R$366,ROW(INDEX(Jesper!AJ$2:AJ$366,ROUNDDOWN($C1194/24,0)+1,1))-1)+IF('Standard Profiles'!$G$20=$B$10,7,0)+IF('Standard Profiles'!$G$20=$B$17,14,0)+IF('Standard Profiles'!$G$20=$B$24,21,0),MOD($C1194,24)+1)/SUM(INDEX($D$3:$AA$30,INDEX(Jesper!$R$2:$R$366,ROW(INDEX(Jesper!AJ$2:AJ$366,ROUNDDOWN($C1194/24,0)+1,1))-1)+IF('Standard Profiles'!$G$20=$B$10,7,0)+IF('Standard Profiles'!$G$20=$B$17,14,0)+IF('Standard Profiles'!$G$20=$B$24,21,0),0)),0)</f>
        <v>0</v>
      </c>
      <c r="G1194" cm="1">
        <f t="array" ref="G1194">IFERROR(INDEX(Jesper!AK$2:AK$366,ROUNDDOWN($C1194/24,0)+1,1)*INDEX($D$3:$AA$30,INDEX(Jesper!$R$2:$R$366,ROW(INDEX(Jesper!AK$2:AK$366,ROUNDDOWN($C1194/24,0)+1,1))-1)+IF('Standard Profiles'!$G$21=$B$10,7,0)+IF('Standard Profiles'!$G$21=$B$17,14,0)+IF('Standard Profiles'!$G$21=$B$24,21,0),MOD($C1194,24)+1)/SUM(INDEX($D$3:$AA$30,INDEX(Jesper!$R$2:$R$366,ROW(INDEX(Jesper!AK$2:AK$366,ROUNDDOWN($C1194/24,0)+1,1))-1)+IF('Standard Profiles'!$G$21=$B$10,7,0)+IF('Standard Profiles'!$G$21=$B$17,14,0)+IF('Standard Profiles'!$G$21=$B$24,21,0),0)),0)</f>
        <v>0</v>
      </c>
      <c r="H1194" cm="1">
        <f t="array" ref="H1194">IFERROR(INDEX(Jesper!AL$2:AL$366,ROUNDDOWN($C1194/24,0)+1,1)*INDEX($D$3:$AA$30,INDEX(Jesper!$R$2:$R$366,ROW(INDEX(Jesper!AL$2:AL$366,ROUNDDOWN($C1194/24,0)+1,1))-1)+IF('Standard Profiles'!$G$22=$B$10,7,0)+IF('Standard Profiles'!$G$22=$B$17,14,0)+IF('Standard Profiles'!$G$22=$B$24,21,0),MOD($C1194,24)+1)/SUM(INDEX($D$3:$AA$30,INDEX(Jesper!$R$2:$R$366,ROW(INDEX(Jesper!AL$2:AL$366,ROUNDDOWN($C1194/24,0)+1,1))-1)+IF('Standard Profiles'!$G$22=$B$10,7,0)+IF('Standard Profiles'!$G$22=$B$17,14,0)+IF('Standard Profiles'!$G$22=$B$24,21,0),0)),0)</f>
        <v>0</v>
      </c>
      <c r="I1194">
        <f t="shared" si="146"/>
        <v>0.28892463993070649</v>
      </c>
      <c r="J1194">
        <f t="shared" si="147"/>
        <v>0.96308213310235513</v>
      </c>
      <c r="K1194">
        <f t="shared" si="148"/>
        <v>1.4446231996535326</v>
      </c>
      <c r="L1194">
        <f t="shared" si="149"/>
        <v>14.861085707298082</v>
      </c>
      <c r="M1194">
        <f t="shared" si="150"/>
        <v>0</v>
      </c>
      <c r="N1194" s="46">
        <f t="shared" si="151"/>
        <v>45340.33333333052</v>
      </c>
    </row>
    <row r="1195" spans="2:14" x14ac:dyDescent="0.3">
      <c r="B1195">
        <f t="shared" si="145"/>
        <v>7</v>
      </c>
      <c r="C1195" s="16">
        <v>1161</v>
      </c>
      <c r="D1195" cm="1">
        <f t="array" ref="D1195">IFERROR(INDEX(Jesper!AH$2:AH$366,ROUNDDOWN($C1195/24,0)+1,1)*INDEX($D$3:$AA$30,INDEX(Jesper!$R$2:$R$366,ROW(INDEX(Jesper!AH$2:AH$366,ROUNDDOWN($C1195/24,0)+1,1))-1)+IF('Standard Profiles'!$G$18=$B$10,7,0)+IF('Standard Profiles'!$G$18=$B$17,14,0)+IF('Standard Profiles'!$G$18=$B$24,21,0),MOD($C1195,24)+1)/SUM(INDEX($D$3:$AA$30,INDEX(Jesper!$R$2:$R$366,ROW(INDEX(Jesper!AH$2:AH$366,ROUNDDOWN($C1195/24,0)+1,1))-1)+IF('Standard Profiles'!$G$18=$B$10,7,0)+IF('Standard Profiles'!$G$18=$B$17,14,0)+IF('Standard Profiles'!$G$18=$B$24,21,0),0)),0)</f>
        <v>14.350652176753835</v>
      </c>
      <c r="E1195" cm="1">
        <f t="array" ref="E1195">IFERROR(INDEX(Jesper!AI$2:AI$366,ROUNDDOWN($C1195/24,0)+1,1)*INDEX($D$3:$AA$30,INDEX(Jesper!$R$2:$R$366,ROW(INDEX(Jesper!AI$2:AI$366,ROUNDDOWN($C1195/24,0)+1,1))-1)+IF('Standard Profiles'!$G$19=$B$10,7,0)+IF('Standard Profiles'!$G$19=$B$17,14,0)+IF('Standard Profiles'!$G$19=$B$24,21,0),MOD($C1195,24)+1)/SUM(INDEX($D$3:$AA$30,INDEX(Jesper!$R$2:$R$366,ROW(INDEX(Jesper!AI$2:AI$366,ROUNDDOWN($C1195/24,0)+1,1))-1)+IF('Standard Profiles'!$G$19=$B$10,7,0)+IF('Standard Profiles'!$G$19=$B$17,14,0)+IF('Standard Profiles'!$G$19=$B$24,21,0),0)),0)</f>
        <v>3.2070635032308412</v>
      </c>
      <c r="F1195" cm="1">
        <f t="array" ref="F1195">IFERROR(INDEX(Jesper!AJ$2:AJ$366,ROUNDDOWN($C1195/24,0)+1,1)*INDEX($D$3:$AA$30,INDEX(Jesper!$R$2:$R$366,ROW(INDEX(Jesper!AJ$2:AJ$366,ROUNDDOWN($C1195/24,0)+1,1))-1)+IF('Standard Profiles'!$G$20=$B$10,7,0)+IF('Standard Profiles'!$G$20=$B$17,14,0)+IF('Standard Profiles'!$G$20=$B$24,21,0),MOD($C1195,24)+1)/SUM(INDEX($D$3:$AA$30,INDEX(Jesper!$R$2:$R$366,ROW(INDEX(Jesper!AJ$2:AJ$366,ROUNDDOWN($C1195/24,0)+1,1))-1)+IF('Standard Profiles'!$G$20=$B$10,7,0)+IF('Standard Profiles'!$G$20=$B$17,14,0)+IF('Standard Profiles'!$G$20=$B$24,21,0),0)),0)</f>
        <v>0</v>
      </c>
      <c r="G1195" cm="1">
        <f t="array" ref="G1195">IFERROR(INDEX(Jesper!AK$2:AK$366,ROUNDDOWN($C1195/24,0)+1,1)*INDEX($D$3:$AA$30,INDEX(Jesper!$R$2:$R$366,ROW(INDEX(Jesper!AK$2:AK$366,ROUNDDOWN($C1195/24,0)+1,1))-1)+IF('Standard Profiles'!$G$21=$B$10,7,0)+IF('Standard Profiles'!$G$21=$B$17,14,0)+IF('Standard Profiles'!$G$21=$B$24,21,0),MOD($C1195,24)+1)/SUM(INDEX($D$3:$AA$30,INDEX(Jesper!$R$2:$R$366,ROW(INDEX(Jesper!AK$2:AK$366,ROUNDDOWN($C1195/24,0)+1,1))-1)+IF('Standard Profiles'!$G$21=$B$10,7,0)+IF('Standard Profiles'!$G$21=$B$17,14,0)+IF('Standard Profiles'!$G$21=$B$24,21,0),0)),0)</f>
        <v>0</v>
      </c>
      <c r="H1195" cm="1">
        <f t="array" ref="H1195">IFERROR(INDEX(Jesper!AL$2:AL$366,ROUNDDOWN($C1195/24,0)+1,1)*INDEX($D$3:$AA$30,INDEX(Jesper!$R$2:$R$366,ROW(INDEX(Jesper!AL$2:AL$366,ROUNDDOWN($C1195/24,0)+1,1))-1)+IF('Standard Profiles'!$G$22=$B$10,7,0)+IF('Standard Profiles'!$G$22=$B$17,14,0)+IF('Standard Profiles'!$G$22=$B$24,21,0),MOD($C1195,24)+1)/SUM(INDEX($D$3:$AA$30,INDEX(Jesper!$R$2:$R$366,ROW(INDEX(Jesper!AL$2:AL$366,ROUNDDOWN($C1195/24,0)+1,1))-1)+IF('Standard Profiles'!$G$22=$B$10,7,0)+IF('Standard Profiles'!$G$22=$B$17,14,0)+IF('Standard Profiles'!$G$22=$B$24,21,0),0)),0)</f>
        <v>0</v>
      </c>
      <c r="I1195">
        <f t="shared" si="146"/>
        <v>0.28892463993070649</v>
      </c>
      <c r="J1195">
        <f t="shared" si="147"/>
        <v>0.96308213310235513</v>
      </c>
      <c r="K1195">
        <f t="shared" si="148"/>
        <v>1.4446231996535326</v>
      </c>
      <c r="L1195">
        <f t="shared" si="149"/>
        <v>14.861085707298082</v>
      </c>
      <c r="M1195">
        <f t="shared" si="150"/>
        <v>0</v>
      </c>
      <c r="N1195" s="46">
        <f t="shared" si="151"/>
        <v>45340.374999997184</v>
      </c>
    </row>
    <row r="1196" spans="2:14" x14ac:dyDescent="0.3">
      <c r="B1196">
        <f t="shared" si="145"/>
        <v>7</v>
      </c>
      <c r="C1196" s="16">
        <v>1162</v>
      </c>
      <c r="D1196" cm="1">
        <f t="array" ref="D1196">IFERROR(INDEX(Jesper!AH$2:AH$366,ROUNDDOWN($C1196/24,0)+1,1)*INDEX($D$3:$AA$30,INDEX(Jesper!$R$2:$R$366,ROW(INDEX(Jesper!AH$2:AH$366,ROUNDDOWN($C1196/24,0)+1,1))-1)+IF('Standard Profiles'!$G$18=$B$10,7,0)+IF('Standard Profiles'!$G$18=$B$17,14,0)+IF('Standard Profiles'!$G$18=$B$24,21,0),MOD($C1196,24)+1)/SUM(INDEX($D$3:$AA$30,INDEX(Jesper!$R$2:$R$366,ROW(INDEX(Jesper!AH$2:AH$366,ROUNDDOWN($C1196/24,0)+1,1))-1)+IF('Standard Profiles'!$G$18=$B$10,7,0)+IF('Standard Profiles'!$G$18=$B$17,14,0)+IF('Standard Profiles'!$G$18=$B$24,21,0),0)),0)</f>
        <v>14.350652176753835</v>
      </c>
      <c r="E1196" cm="1">
        <f t="array" ref="E1196">IFERROR(INDEX(Jesper!AI$2:AI$366,ROUNDDOWN($C1196/24,0)+1,1)*INDEX($D$3:$AA$30,INDEX(Jesper!$R$2:$R$366,ROW(INDEX(Jesper!AI$2:AI$366,ROUNDDOWN($C1196/24,0)+1,1))-1)+IF('Standard Profiles'!$G$19=$B$10,7,0)+IF('Standard Profiles'!$G$19=$B$17,14,0)+IF('Standard Profiles'!$G$19=$B$24,21,0),MOD($C1196,24)+1)/SUM(INDEX($D$3:$AA$30,INDEX(Jesper!$R$2:$R$366,ROW(INDEX(Jesper!AI$2:AI$366,ROUNDDOWN($C1196/24,0)+1,1))-1)+IF('Standard Profiles'!$G$19=$B$10,7,0)+IF('Standard Profiles'!$G$19=$B$17,14,0)+IF('Standard Profiles'!$G$19=$B$24,21,0),0)),0)</f>
        <v>3.2070635032308412</v>
      </c>
      <c r="F1196" cm="1">
        <f t="array" ref="F1196">IFERROR(INDEX(Jesper!AJ$2:AJ$366,ROUNDDOWN($C1196/24,0)+1,1)*INDEX($D$3:$AA$30,INDEX(Jesper!$R$2:$R$366,ROW(INDEX(Jesper!AJ$2:AJ$366,ROUNDDOWN($C1196/24,0)+1,1))-1)+IF('Standard Profiles'!$G$20=$B$10,7,0)+IF('Standard Profiles'!$G$20=$B$17,14,0)+IF('Standard Profiles'!$G$20=$B$24,21,0),MOD($C1196,24)+1)/SUM(INDEX($D$3:$AA$30,INDEX(Jesper!$R$2:$R$366,ROW(INDEX(Jesper!AJ$2:AJ$366,ROUNDDOWN($C1196/24,0)+1,1))-1)+IF('Standard Profiles'!$G$20=$B$10,7,0)+IF('Standard Profiles'!$G$20=$B$17,14,0)+IF('Standard Profiles'!$G$20=$B$24,21,0),0)),0)</f>
        <v>0</v>
      </c>
      <c r="G1196" cm="1">
        <f t="array" ref="G1196">IFERROR(INDEX(Jesper!AK$2:AK$366,ROUNDDOWN($C1196/24,0)+1,1)*INDEX($D$3:$AA$30,INDEX(Jesper!$R$2:$R$366,ROW(INDEX(Jesper!AK$2:AK$366,ROUNDDOWN($C1196/24,0)+1,1))-1)+IF('Standard Profiles'!$G$21=$B$10,7,0)+IF('Standard Profiles'!$G$21=$B$17,14,0)+IF('Standard Profiles'!$G$21=$B$24,21,0),MOD($C1196,24)+1)/SUM(INDEX($D$3:$AA$30,INDEX(Jesper!$R$2:$R$366,ROW(INDEX(Jesper!AK$2:AK$366,ROUNDDOWN($C1196/24,0)+1,1))-1)+IF('Standard Profiles'!$G$21=$B$10,7,0)+IF('Standard Profiles'!$G$21=$B$17,14,0)+IF('Standard Profiles'!$G$21=$B$24,21,0),0)),0)</f>
        <v>0</v>
      </c>
      <c r="H1196" cm="1">
        <f t="array" ref="H1196">IFERROR(INDEX(Jesper!AL$2:AL$366,ROUNDDOWN($C1196/24,0)+1,1)*INDEX($D$3:$AA$30,INDEX(Jesper!$R$2:$R$366,ROW(INDEX(Jesper!AL$2:AL$366,ROUNDDOWN($C1196/24,0)+1,1))-1)+IF('Standard Profiles'!$G$22=$B$10,7,0)+IF('Standard Profiles'!$G$22=$B$17,14,0)+IF('Standard Profiles'!$G$22=$B$24,21,0),MOD($C1196,24)+1)/SUM(INDEX($D$3:$AA$30,INDEX(Jesper!$R$2:$R$366,ROW(INDEX(Jesper!AL$2:AL$366,ROUNDDOWN($C1196/24,0)+1,1))-1)+IF('Standard Profiles'!$G$22=$B$10,7,0)+IF('Standard Profiles'!$G$22=$B$17,14,0)+IF('Standard Profiles'!$G$22=$B$24,21,0),0)),0)</f>
        <v>0</v>
      </c>
      <c r="I1196">
        <f t="shared" si="146"/>
        <v>0.28892463993070649</v>
      </c>
      <c r="J1196">
        <f t="shared" si="147"/>
        <v>0.96308213310235513</v>
      </c>
      <c r="K1196">
        <f t="shared" si="148"/>
        <v>1.4446231996535326</v>
      </c>
      <c r="L1196">
        <f t="shared" si="149"/>
        <v>14.861085707298082</v>
      </c>
      <c r="M1196">
        <f t="shared" si="150"/>
        <v>0</v>
      </c>
      <c r="N1196" s="46">
        <f t="shared" si="151"/>
        <v>45340.416666663848</v>
      </c>
    </row>
    <row r="1197" spans="2:14" x14ac:dyDescent="0.3">
      <c r="B1197">
        <f t="shared" si="145"/>
        <v>7</v>
      </c>
      <c r="C1197" s="16">
        <v>1163</v>
      </c>
      <c r="D1197" cm="1">
        <f t="array" ref="D1197">IFERROR(INDEX(Jesper!AH$2:AH$366,ROUNDDOWN($C1197/24,0)+1,1)*INDEX($D$3:$AA$30,INDEX(Jesper!$R$2:$R$366,ROW(INDEX(Jesper!AH$2:AH$366,ROUNDDOWN($C1197/24,0)+1,1))-1)+IF('Standard Profiles'!$G$18=$B$10,7,0)+IF('Standard Profiles'!$G$18=$B$17,14,0)+IF('Standard Profiles'!$G$18=$B$24,21,0),MOD($C1197,24)+1)/SUM(INDEX($D$3:$AA$30,INDEX(Jesper!$R$2:$R$366,ROW(INDEX(Jesper!AH$2:AH$366,ROUNDDOWN($C1197/24,0)+1,1))-1)+IF('Standard Profiles'!$G$18=$B$10,7,0)+IF('Standard Profiles'!$G$18=$B$17,14,0)+IF('Standard Profiles'!$G$18=$B$24,21,0),0)),0)</f>
        <v>14.350652176753835</v>
      </c>
      <c r="E1197" cm="1">
        <f t="array" ref="E1197">IFERROR(INDEX(Jesper!AI$2:AI$366,ROUNDDOWN($C1197/24,0)+1,1)*INDEX($D$3:$AA$30,INDEX(Jesper!$R$2:$R$366,ROW(INDEX(Jesper!AI$2:AI$366,ROUNDDOWN($C1197/24,0)+1,1))-1)+IF('Standard Profiles'!$G$19=$B$10,7,0)+IF('Standard Profiles'!$G$19=$B$17,14,0)+IF('Standard Profiles'!$G$19=$B$24,21,0),MOD($C1197,24)+1)/SUM(INDEX($D$3:$AA$30,INDEX(Jesper!$R$2:$R$366,ROW(INDEX(Jesper!AI$2:AI$366,ROUNDDOWN($C1197/24,0)+1,1))-1)+IF('Standard Profiles'!$G$19=$B$10,7,0)+IF('Standard Profiles'!$G$19=$B$17,14,0)+IF('Standard Profiles'!$G$19=$B$24,21,0),0)),0)</f>
        <v>3.2070635032308412</v>
      </c>
      <c r="F1197" cm="1">
        <f t="array" ref="F1197">IFERROR(INDEX(Jesper!AJ$2:AJ$366,ROUNDDOWN($C1197/24,0)+1,1)*INDEX($D$3:$AA$30,INDEX(Jesper!$R$2:$R$366,ROW(INDEX(Jesper!AJ$2:AJ$366,ROUNDDOWN($C1197/24,0)+1,1))-1)+IF('Standard Profiles'!$G$20=$B$10,7,0)+IF('Standard Profiles'!$G$20=$B$17,14,0)+IF('Standard Profiles'!$G$20=$B$24,21,0),MOD($C1197,24)+1)/SUM(INDEX($D$3:$AA$30,INDEX(Jesper!$R$2:$R$366,ROW(INDEX(Jesper!AJ$2:AJ$366,ROUNDDOWN($C1197/24,0)+1,1))-1)+IF('Standard Profiles'!$G$20=$B$10,7,0)+IF('Standard Profiles'!$G$20=$B$17,14,0)+IF('Standard Profiles'!$G$20=$B$24,21,0),0)),0)</f>
        <v>0</v>
      </c>
      <c r="G1197" cm="1">
        <f t="array" ref="G1197">IFERROR(INDEX(Jesper!AK$2:AK$366,ROUNDDOWN($C1197/24,0)+1,1)*INDEX($D$3:$AA$30,INDEX(Jesper!$R$2:$R$366,ROW(INDEX(Jesper!AK$2:AK$366,ROUNDDOWN($C1197/24,0)+1,1))-1)+IF('Standard Profiles'!$G$21=$B$10,7,0)+IF('Standard Profiles'!$G$21=$B$17,14,0)+IF('Standard Profiles'!$G$21=$B$24,21,0),MOD($C1197,24)+1)/SUM(INDEX($D$3:$AA$30,INDEX(Jesper!$R$2:$R$366,ROW(INDEX(Jesper!AK$2:AK$366,ROUNDDOWN($C1197/24,0)+1,1))-1)+IF('Standard Profiles'!$G$21=$B$10,7,0)+IF('Standard Profiles'!$G$21=$B$17,14,0)+IF('Standard Profiles'!$G$21=$B$24,21,0),0)),0)</f>
        <v>0</v>
      </c>
      <c r="H1197" cm="1">
        <f t="array" ref="H1197">IFERROR(INDEX(Jesper!AL$2:AL$366,ROUNDDOWN($C1197/24,0)+1,1)*INDEX($D$3:$AA$30,INDEX(Jesper!$R$2:$R$366,ROW(INDEX(Jesper!AL$2:AL$366,ROUNDDOWN($C1197/24,0)+1,1))-1)+IF('Standard Profiles'!$G$22=$B$10,7,0)+IF('Standard Profiles'!$G$22=$B$17,14,0)+IF('Standard Profiles'!$G$22=$B$24,21,0),MOD($C1197,24)+1)/SUM(INDEX($D$3:$AA$30,INDEX(Jesper!$R$2:$R$366,ROW(INDEX(Jesper!AL$2:AL$366,ROUNDDOWN($C1197/24,0)+1,1))-1)+IF('Standard Profiles'!$G$22=$B$10,7,0)+IF('Standard Profiles'!$G$22=$B$17,14,0)+IF('Standard Profiles'!$G$22=$B$24,21,0),0)),0)</f>
        <v>0</v>
      </c>
      <c r="I1197">
        <f t="shared" si="146"/>
        <v>0.28892463993070649</v>
      </c>
      <c r="J1197">
        <f t="shared" si="147"/>
        <v>0.96308213310235513</v>
      </c>
      <c r="K1197">
        <f t="shared" si="148"/>
        <v>1.4446231996535326</v>
      </c>
      <c r="L1197">
        <f t="shared" si="149"/>
        <v>14.861085707298082</v>
      </c>
      <c r="M1197">
        <f t="shared" si="150"/>
        <v>0</v>
      </c>
      <c r="N1197" s="46">
        <f t="shared" si="151"/>
        <v>45340.458333330513</v>
      </c>
    </row>
    <row r="1198" spans="2:14" x14ac:dyDescent="0.3">
      <c r="B1198">
        <f t="shared" si="145"/>
        <v>7</v>
      </c>
      <c r="C1198" s="16">
        <v>1164</v>
      </c>
      <c r="D1198" cm="1">
        <f t="array" ref="D1198">IFERROR(INDEX(Jesper!AH$2:AH$366,ROUNDDOWN($C1198/24,0)+1,1)*INDEX($D$3:$AA$30,INDEX(Jesper!$R$2:$R$366,ROW(INDEX(Jesper!AH$2:AH$366,ROUNDDOWN($C1198/24,0)+1,1))-1)+IF('Standard Profiles'!$G$18=$B$10,7,0)+IF('Standard Profiles'!$G$18=$B$17,14,0)+IF('Standard Profiles'!$G$18=$B$24,21,0),MOD($C1198,24)+1)/SUM(INDEX($D$3:$AA$30,INDEX(Jesper!$R$2:$R$366,ROW(INDEX(Jesper!AH$2:AH$366,ROUNDDOWN($C1198/24,0)+1,1))-1)+IF('Standard Profiles'!$G$18=$B$10,7,0)+IF('Standard Profiles'!$G$18=$B$17,14,0)+IF('Standard Profiles'!$G$18=$B$24,21,0),0)),0)</f>
        <v>14.350652176753835</v>
      </c>
      <c r="E1198" cm="1">
        <f t="array" ref="E1198">IFERROR(INDEX(Jesper!AI$2:AI$366,ROUNDDOWN($C1198/24,0)+1,1)*INDEX($D$3:$AA$30,INDEX(Jesper!$R$2:$R$366,ROW(INDEX(Jesper!AI$2:AI$366,ROUNDDOWN($C1198/24,0)+1,1))-1)+IF('Standard Profiles'!$G$19=$B$10,7,0)+IF('Standard Profiles'!$G$19=$B$17,14,0)+IF('Standard Profiles'!$G$19=$B$24,21,0),MOD($C1198,24)+1)/SUM(INDEX($D$3:$AA$30,INDEX(Jesper!$R$2:$R$366,ROW(INDEX(Jesper!AI$2:AI$366,ROUNDDOWN($C1198/24,0)+1,1))-1)+IF('Standard Profiles'!$G$19=$B$10,7,0)+IF('Standard Profiles'!$G$19=$B$17,14,0)+IF('Standard Profiles'!$G$19=$B$24,21,0),0)),0)</f>
        <v>3.2070635032308412</v>
      </c>
      <c r="F1198" cm="1">
        <f t="array" ref="F1198">IFERROR(INDEX(Jesper!AJ$2:AJ$366,ROUNDDOWN($C1198/24,0)+1,1)*INDEX($D$3:$AA$30,INDEX(Jesper!$R$2:$R$366,ROW(INDEX(Jesper!AJ$2:AJ$366,ROUNDDOWN($C1198/24,0)+1,1))-1)+IF('Standard Profiles'!$G$20=$B$10,7,0)+IF('Standard Profiles'!$G$20=$B$17,14,0)+IF('Standard Profiles'!$G$20=$B$24,21,0),MOD($C1198,24)+1)/SUM(INDEX($D$3:$AA$30,INDEX(Jesper!$R$2:$R$366,ROW(INDEX(Jesper!AJ$2:AJ$366,ROUNDDOWN($C1198/24,0)+1,1))-1)+IF('Standard Profiles'!$G$20=$B$10,7,0)+IF('Standard Profiles'!$G$20=$B$17,14,0)+IF('Standard Profiles'!$G$20=$B$24,21,0),0)),0)</f>
        <v>0</v>
      </c>
      <c r="G1198" cm="1">
        <f t="array" ref="G1198">IFERROR(INDEX(Jesper!AK$2:AK$366,ROUNDDOWN($C1198/24,0)+1,1)*INDEX($D$3:$AA$30,INDEX(Jesper!$R$2:$R$366,ROW(INDEX(Jesper!AK$2:AK$366,ROUNDDOWN($C1198/24,0)+1,1))-1)+IF('Standard Profiles'!$G$21=$B$10,7,0)+IF('Standard Profiles'!$G$21=$B$17,14,0)+IF('Standard Profiles'!$G$21=$B$24,21,0),MOD($C1198,24)+1)/SUM(INDEX($D$3:$AA$30,INDEX(Jesper!$R$2:$R$366,ROW(INDEX(Jesper!AK$2:AK$366,ROUNDDOWN($C1198/24,0)+1,1))-1)+IF('Standard Profiles'!$G$21=$B$10,7,0)+IF('Standard Profiles'!$G$21=$B$17,14,0)+IF('Standard Profiles'!$G$21=$B$24,21,0),0)),0)</f>
        <v>0</v>
      </c>
      <c r="H1198" cm="1">
        <f t="array" ref="H1198">IFERROR(INDEX(Jesper!AL$2:AL$366,ROUNDDOWN($C1198/24,0)+1,1)*INDEX($D$3:$AA$30,INDEX(Jesper!$R$2:$R$366,ROW(INDEX(Jesper!AL$2:AL$366,ROUNDDOWN($C1198/24,0)+1,1))-1)+IF('Standard Profiles'!$G$22=$B$10,7,0)+IF('Standard Profiles'!$G$22=$B$17,14,0)+IF('Standard Profiles'!$G$22=$B$24,21,0),MOD($C1198,24)+1)/SUM(INDEX($D$3:$AA$30,INDEX(Jesper!$R$2:$R$366,ROW(INDEX(Jesper!AL$2:AL$366,ROUNDDOWN($C1198/24,0)+1,1))-1)+IF('Standard Profiles'!$G$22=$B$10,7,0)+IF('Standard Profiles'!$G$22=$B$17,14,0)+IF('Standard Profiles'!$G$22=$B$24,21,0),0)),0)</f>
        <v>0</v>
      </c>
      <c r="I1198">
        <f t="shared" si="146"/>
        <v>0.28892463993070649</v>
      </c>
      <c r="J1198">
        <f t="shared" si="147"/>
        <v>0.96308213310235513</v>
      </c>
      <c r="K1198">
        <f t="shared" si="148"/>
        <v>1.4446231996535326</v>
      </c>
      <c r="L1198">
        <f t="shared" si="149"/>
        <v>14.861085707298082</v>
      </c>
      <c r="M1198">
        <f t="shared" si="150"/>
        <v>0</v>
      </c>
      <c r="N1198" s="46">
        <f t="shared" si="151"/>
        <v>45340.499999997177</v>
      </c>
    </row>
    <row r="1199" spans="2:14" x14ac:dyDescent="0.3">
      <c r="B1199">
        <f t="shared" si="145"/>
        <v>7</v>
      </c>
      <c r="C1199" s="16">
        <v>1165</v>
      </c>
      <c r="D1199" cm="1">
        <f t="array" ref="D1199">IFERROR(INDEX(Jesper!AH$2:AH$366,ROUNDDOWN($C1199/24,0)+1,1)*INDEX($D$3:$AA$30,INDEX(Jesper!$R$2:$R$366,ROW(INDEX(Jesper!AH$2:AH$366,ROUNDDOWN($C1199/24,0)+1,1))-1)+IF('Standard Profiles'!$G$18=$B$10,7,0)+IF('Standard Profiles'!$G$18=$B$17,14,0)+IF('Standard Profiles'!$G$18=$B$24,21,0),MOD($C1199,24)+1)/SUM(INDEX($D$3:$AA$30,INDEX(Jesper!$R$2:$R$366,ROW(INDEX(Jesper!AH$2:AH$366,ROUNDDOWN($C1199/24,0)+1,1))-1)+IF('Standard Profiles'!$G$18=$B$10,7,0)+IF('Standard Profiles'!$G$18=$B$17,14,0)+IF('Standard Profiles'!$G$18=$B$24,21,0),0)),0)</f>
        <v>14.350652176753835</v>
      </c>
      <c r="E1199" cm="1">
        <f t="array" ref="E1199">IFERROR(INDEX(Jesper!AI$2:AI$366,ROUNDDOWN($C1199/24,0)+1,1)*INDEX($D$3:$AA$30,INDEX(Jesper!$R$2:$R$366,ROW(INDEX(Jesper!AI$2:AI$366,ROUNDDOWN($C1199/24,0)+1,1))-1)+IF('Standard Profiles'!$G$19=$B$10,7,0)+IF('Standard Profiles'!$G$19=$B$17,14,0)+IF('Standard Profiles'!$G$19=$B$24,21,0),MOD($C1199,24)+1)/SUM(INDEX($D$3:$AA$30,INDEX(Jesper!$R$2:$R$366,ROW(INDEX(Jesper!AI$2:AI$366,ROUNDDOWN($C1199/24,0)+1,1))-1)+IF('Standard Profiles'!$G$19=$B$10,7,0)+IF('Standard Profiles'!$G$19=$B$17,14,0)+IF('Standard Profiles'!$G$19=$B$24,21,0),0)),0)</f>
        <v>3.2070635032308412</v>
      </c>
      <c r="F1199" cm="1">
        <f t="array" ref="F1199">IFERROR(INDEX(Jesper!AJ$2:AJ$366,ROUNDDOWN($C1199/24,0)+1,1)*INDEX($D$3:$AA$30,INDEX(Jesper!$R$2:$R$366,ROW(INDEX(Jesper!AJ$2:AJ$366,ROUNDDOWN($C1199/24,0)+1,1))-1)+IF('Standard Profiles'!$G$20=$B$10,7,0)+IF('Standard Profiles'!$G$20=$B$17,14,0)+IF('Standard Profiles'!$G$20=$B$24,21,0),MOD($C1199,24)+1)/SUM(INDEX($D$3:$AA$30,INDEX(Jesper!$R$2:$R$366,ROW(INDEX(Jesper!AJ$2:AJ$366,ROUNDDOWN($C1199/24,0)+1,1))-1)+IF('Standard Profiles'!$G$20=$B$10,7,0)+IF('Standard Profiles'!$G$20=$B$17,14,0)+IF('Standard Profiles'!$G$20=$B$24,21,0),0)),0)</f>
        <v>0</v>
      </c>
      <c r="G1199" cm="1">
        <f t="array" ref="G1199">IFERROR(INDEX(Jesper!AK$2:AK$366,ROUNDDOWN($C1199/24,0)+1,1)*INDEX($D$3:$AA$30,INDEX(Jesper!$R$2:$R$366,ROW(INDEX(Jesper!AK$2:AK$366,ROUNDDOWN($C1199/24,0)+1,1))-1)+IF('Standard Profiles'!$G$21=$B$10,7,0)+IF('Standard Profiles'!$G$21=$B$17,14,0)+IF('Standard Profiles'!$G$21=$B$24,21,0),MOD($C1199,24)+1)/SUM(INDEX($D$3:$AA$30,INDEX(Jesper!$R$2:$R$366,ROW(INDEX(Jesper!AK$2:AK$366,ROUNDDOWN($C1199/24,0)+1,1))-1)+IF('Standard Profiles'!$G$21=$B$10,7,0)+IF('Standard Profiles'!$G$21=$B$17,14,0)+IF('Standard Profiles'!$G$21=$B$24,21,0),0)),0)</f>
        <v>0</v>
      </c>
      <c r="H1199" cm="1">
        <f t="array" ref="H1199">IFERROR(INDEX(Jesper!AL$2:AL$366,ROUNDDOWN($C1199/24,0)+1,1)*INDEX($D$3:$AA$30,INDEX(Jesper!$R$2:$R$366,ROW(INDEX(Jesper!AL$2:AL$366,ROUNDDOWN($C1199/24,0)+1,1))-1)+IF('Standard Profiles'!$G$22=$B$10,7,0)+IF('Standard Profiles'!$G$22=$B$17,14,0)+IF('Standard Profiles'!$G$22=$B$24,21,0),MOD($C1199,24)+1)/SUM(INDEX($D$3:$AA$30,INDEX(Jesper!$R$2:$R$366,ROW(INDEX(Jesper!AL$2:AL$366,ROUNDDOWN($C1199/24,0)+1,1))-1)+IF('Standard Profiles'!$G$22=$B$10,7,0)+IF('Standard Profiles'!$G$22=$B$17,14,0)+IF('Standard Profiles'!$G$22=$B$24,21,0),0)),0)</f>
        <v>0</v>
      </c>
      <c r="I1199">
        <f t="shared" si="146"/>
        <v>0.28892463993070649</v>
      </c>
      <c r="J1199">
        <f t="shared" si="147"/>
        <v>0.96308213310235513</v>
      </c>
      <c r="K1199">
        <f t="shared" si="148"/>
        <v>1.4446231996535326</v>
      </c>
      <c r="L1199">
        <f t="shared" si="149"/>
        <v>14.861085707298082</v>
      </c>
      <c r="M1199">
        <f t="shared" si="150"/>
        <v>0</v>
      </c>
      <c r="N1199" s="46">
        <f t="shared" si="151"/>
        <v>45340.541666663841</v>
      </c>
    </row>
    <row r="1200" spans="2:14" x14ac:dyDescent="0.3">
      <c r="B1200">
        <f t="shared" si="145"/>
        <v>7</v>
      </c>
      <c r="C1200" s="16">
        <v>1166</v>
      </c>
      <c r="D1200" cm="1">
        <f t="array" ref="D1200">IFERROR(INDEX(Jesper!AH$2:AH$366,ROUNDDOWN($C1200/24,0)+1,1)*INDEX($D$3:$AA$30,INDEX(Jesper!$R$2:$R$366,ROW(INDEX(Jesper!AH$2:AH$366,ROUNDDOWN($C1200/24,0)+1,1))-1)+IF('Standard Profiles'!$G$18=$B$10,7,0)+IF('Standard Profiles'!$G$18=$B$17,14,0)+IF('Standard Profiles'!$G$18=$B$24,21,0),MOD($C1200,24)+1)/SUM(INDEX($D$3:$AA$30,INDEX(Jesper!$R$2:$R$366,ROW(INDEX(Jesper!AH$2:AH$366,ROUNDDOWN($C1200/24,0)+1,1))-1)+IF('Standard Profiles'!$G$18=$B$10,7,0)+IF('Standard Profiles'!$G$18=$B$17,14,0)+IF('Standard Profiles'!$G$18=$B$24,21,0),0)),0)</f>
        <v>14.350652176753835</v>
      </c>
      <c r="E1200" cm="1">
        <f t="array" ref="E1200">IFERROR(INDEX(Jesper!AI$2:AI$366,ROUNDDOWN($C1200/24,0)+1,1)*INDEX($D$3:$AA$30,INDEX(Jesper!$R$2:$R$366,ROW(INDEX(Jesper!AI$2:AI$366,ROUNDDOWN($C1200/24,0)+1,1))-1)+IF('Standard Profiles'!$G$19=$B$10,7,0)+IF('Standard Profiles'!$G$19=$B$17,14,0)+IF('Standard Profiles'!$G$19=$B$24,21,0),MOD($C1200,24)+1)/SUM(INDEX($D$3:$AA$30,INDEX(Jesper!$R$2:$R$366,ROW(INDEX(Jesper!AI$2:AI$366,ROUNDDOWN($C1200/24,0)+1,1))-1)+IF('Standard Profiles'!$G$19=$B$10,7,0)+IF('Standard Profiles'!$G$19=$B$17,14,0)+IF('Standard Profiles'!$G$19=$B$24,21,0),0)),0)</f>
        <v>3.2070635032308412</v>
      </c>
      <c r="F1200" cm="1">
        <f t="array" ref="F1200">IFERROR(INDEX(Jesper!AJ$2:AJ$366,ROUNDDOWN($C1200/24,0)+1,1)*INDEX($D$3:$AA$30,INDEX(Jesper!$R$2:$R$366,ROW(INDEX(Jesper!AJ$2:AJ$366,ROUNDDOWN($C1200/24,0)+1,1))-1)+IF('Standard Profiles'!$G$20=$B$10,7,0)+IF('Standard Profiles'!$G$20=$B$17,14,0)+IF('Standard Profiles'!$G$20=$B$24,21,0),MOD($C1200,24)+1)/SUM(INDEX($D$3:$AA$30,INDEX(Jesper!$R$2:$R$366,ROW(INDEX(Jesper!AJ$2:AJ$366,ROUNDDOWN($C1200/24,0)+1,1))-1)+IF('Standard Profiles'!$G$20=$B$10,7,0)+IF('Standard Profiles'!$G$20=$B$17,14,0)+IF('Standard Profiles'!$G$20=$B$24,21,0),0)),0)</f>
        <v>0</v>
      </c>
      <c r="G1200" cm="1">
        <f t="array" ref="G1200">IFERROR(INDEX(Jesper!AK$2:AK$366,ROUNDDOWN($C1200/24,0)+1,1)*INDEX($D$3:$AA$30,INDEX(Jesper!$R$2:$R$366,ROW(INDEX(Jesper!AK$2:AK$366,ROUNDDOWN($C1200/24,0)+1,1))-1)+IF('Standard Profiles'!$G$21=$B$10,7,0)+IF('Standard Profiles'!$G$21=$B$17,14,0)+IF('Standard Profiles'!$G$21=$B$24,21,0),MOD($C1200,24)+1)/SUM(INDEX($D$3:$AA$30,INDEX(Jesper!$R$2:$R$366,ROW(INDEX(Jesper!AK$2:AK$366,ROUNDDOWN($C1200/24,0)+1,1))-1)+IF('Standard Profiles'!$G$21=$B$10,7,0)+IF('Standard Profiles'!$G$21=$B$17,14,0)+IF('Standard Profiles'!$G$21=$B$24,21,0),0)),0)</f>
        <v>0</v>
      </c>
      <c r="H1200" cm="1">
        <f t="array" ref="H1200">IFERROR(INDEX(Jesper!AL$2:AL$366,ROUNDDOWN($C1200/24,0)+1,1)*INDEX($D$3:$AA$30,INDEX(Jesper!$R$2:$R$366,ROW(INDEX(Jesper!AL$2:AL$366,ROUNDDOWN($C1200/24,0)+1,1))-1)+IF('Standard Profiles'!$G$22=$B$10,7,0)+IF('Standard Profiles'!$G$22=$B$17,14,0)+IF('Standard Profiles'!$G$22=$B$24,21,0),MOD($C1200,24)+1)/SUM(INDEX($D$3:$AA$30,INDEX(Jesper!$R$2:$R$366,ROW(INDEX(Jesper!AL$2:AL$366,ROUNDDOWN($C1200/24,0)+1,1))-1)+IF('Standard Profiles'!$G$22=$B$10,7,0)+IF('Standard Profiles'!$G$22=$B$17,14,0)+IF('Standard Profiles'!$G$22=$B$24,21,0),0)),0)</f>
        <v>0</v>
      </c>
      <c r="I1200">
        <f t="shared" si="146"/>
        <v>0.28892463993070649</v>
      </c>
      <c r="J1200">
        <f t="shared" si="147"/>
        <v>0.96308213310235513</v>
      </c>
      <c r="K1200">
        <f t="shared" si="148"/>
        <v>1.4446231996535326</v>
      </c>
      <c r="L1200">
        <f t="shared" si="149"/>
        <v>14.861085707298082</v>
      </c>
      <c r="M1200">
        <f t="shared" si="150"/>
        <v>0</v>
      </c>
      <c r="N1200" s="46">
        <f t="shared" si="151"/>
        <v>45340.583333330505</v>
      </c>
    </row>
    <row r="1201" spans="2:14" x14ac:dyDescent="0.3">
      <c r="B1201">
        <f t="shared" si="145"/>
        <v>7</v>
      </c>
      <c r="C1201" s="16">
        <v>1167</v>
      </c>
      <c r="D1201" cm="1">
        <f t="array" ref="D1201">IFERROR(INDEX(Jesper!AH$2:AH$366,ROUNDDOWN($C1201/24,0)+1,1)*INDEX($D$3:$AA$30,INDEX(Jesper!$R$2:$R$366,ROW(INDEX(Jesper!AH$2:AH$366,ROUNDDOWN($C1201/24,0)+1,1))-1)+IF('Standard Profiles'!$G$18=$B$10,7,0)+IF('Standard Profiles'!$G$18=$B$17,14,0)+IF('Standard Profiles'!$G$18=$B$24,21,0),MOD($C1201,24)+1)/SUM(INDEX($D$3:$AA$30,INDEX(Jesper!$R$2:$R$366,ROW(INDEX(Jesper!AH$2:AH$366,ROUNDDOWN($C1201/24,0)+1,1))-1)+IF('Standard Profiles'!$G$18=$B$10,7,0)+IF('Standard Profiles'!$G$18=$B$17,14,0)+IF('Standard Profiles'!$G$18=$B$24,21,0),0)),0)</f>
        <v>12.756135268225632</v>
      </c>
      <c r="E1201" cm="1">
        <f t="array" ref="E1201">IFERROR(INDEX(Jesper!AI$2:AI$366,ROUNDDOWN($C1201/24,0)+1,1)*INDEX($D$3:$AA$30,INDEX(Jesper!$R$2:$R$366,ROW(INDEX(Jesper!AI$2:AI$366,ROUNDDOWN($C1201/24,0)+1,1))-1)+IF('Standard Profiles'!$G$19=$B$10,7,0)+IF('Standard Profiles'!$G$19=$B$17,14,0)+IF('Standard Profiles'!$G$19=$B$24,21,0),MOD($C1201,24)+1)/SUM(INDEX($D$3:$AA$30,INDEX(Jesper!$R$2:$R$366,ROW(INDEX(Jesper!AI$2:AI$366,ROUNDDOWN($C1201/24,0)+1,1))-1)+IF('Standard Profiles'!$G$19=$B$10,7,0)+IF('Standard Profiles'!$G$19=$B$17,14,0)+IF('Standard Profiles'!$G$19=$B$24,21,0),0)),0)</f>
        <v>2.8507231139829701</v>
      </c>
      <c r="F1201" cm="1">
        <f t="array" ref="F1201">IFERROR(INDEX(Jesper!AJ$2:AJ$366,ROUNDDOWN($C1201/24,0)+1,1)*INDEX($D$3:$AA$30,INDEX(Jesper!$R$2:$R$366,ROW(INDEX(Jesper!AJ$2:AJ$366,ROUNDDOWN($C1201/24,0)+1,1))-1)+IF('Standard Profiles'!$G$20=$B$10,7,0)+IF('Standard Profiles'!$G$20=$B$17,14,0)+IF('Standard Profiles'!$G$20=$B$24,21,0),MOD($C1201,24)+1)/SUM(INDEX($D$3:$AA$30,INDEX(Jesper!$R$2:$R$366,ROW(INDEX(Jesper!AJ$2:AJ$366,ROUNDDOWN($C1201/24,0)+1,1))-1)+IF('Standard Profiles'!$G$20=$B$10,7,0)+IF('Standard Profiles'!$G$20=$B$17,14,0)+IF('Standard Profiles'!$G$20=$B$24,21,0),0)),0)</f>
        <v>0</v>
      </c>
      <c r="G1201" cm="1">
        <f t="array" ref="G1201">IFERROR(INDEX(Jesper!AK$2:AK$366,ROUNDDOWN($C1201/24,0)+1,1)*INDEX($D$3:$AA$30,INDEX(Jesper!$R$2:$R$366,ROW(INDEX(Jesper!AK$2:AK$366,ROUNDDOWN($C1201/24,0)+1,1))-1)+IF('Standard Profiles'!$G$21=$B$10,7,0)+IF('Standard Profiles'!$G$21=$B$17,14,0)+IF('Standard Profiles'!$G$21=$B$24,21,0),MOD($C1201,24)+1)/SUM(INDEX($D$3:$AA$30,INDEX(Jesper!$R$2:$R$366,ROW(INDEX(Jesper!AK$2:AK$366,ROUNDDOWN($C1201/24,0)+1,1))-1)+IF('Standard Profiles'!$G$21=$B$10,7,0)+IF('Standard Profiles'!$G$21=$B$17,14,0)+IF('Standard Profiles'!$G$21=$B$24,21,0),0)),0)</f>
        <v>0</v>
      </c>
      <c r="H1201" cm="1">
        <f t="array" ref="H1201">IFERROR(INDEX(Jesper!AL$2:AL$366,ROUNDDOWN($C1201/24,0)+1,1)*INDEX($D$3:$AA$30,INDEX(Jesper!$R$2:$R$366,ROW(INDEX(Jesper!AL$2:AL$366,ROUNDDOWN($C1201/24,0)+1,1))-1)+IF('Standard Profiles'!$G$22=$B$10,7,0)+IF('Standard Profiles'!$G$22=$B$17,14,0)+IF('Standard Profiles'!$G$22=$B$24,21,0),MOD($C1201,24)+1)/SUM(INDEX($D$3:$AA$30,INDEX(Jesper!$R$2:$R$366,ROW(INDEX(Jesper!AL$2:AL$366,ROUNDDOWN($C1201/24,0)+1,1))-1)+IF('Standard Profiles'!$G$22=$B$10,7,0)+IF('Standard Profiles'!$G$22=$B$17,14,0)+IF('Standard Profiles'!$G$22=$B$24,21,0),0)),0)</f>
        <v>0</v>
      </c>
      <c r="I1201">
        <f t="shared" si="146"/>
        <v>0.256821902160628</v>
      </c>
      <c r="J1201">
        <f t="shared" si="147"/>
        <v>0.85607300720209345</v>
      </c>
      <c r="K1201">
        <f t="shared" si="148"/>
        <v>1.2841095108031402</v>
      </c>
      <c r="L1201">
        <f t="shared" si="149"/>
        <v>13.209853962042741</v>
      </c>
      <c r="M1201">
        <f t="shared" si="150"/>
        <v>0</v>
      </c>
      <c r="N1201" s="46">
        <f t="shared" si="151"/>
        <v>45340.62499999717</v>
      </c>
    </row>
    <row r="1202" spans="2:14" x14ac:dyDescent="0.3">
      <c r="B1202">
        <f t="shared" si="145"/>
        <v>7</v>
      </c>
      <c r="C1202" s="16">
        <v>1168</v>
      </c>
      <c r="D1202" cm="1">
        <f t="array" ref="D1202">IFERROR(INDEX(Jesper!AH$2:AH$366,ROUNDDOWN($C1202/24,0)+1,1)*INDEX($D$3:$AA$30,INDEX(Jesper!$R$2:$R$366,ROW(INDEX(Jesper!AH$2:AH$366,ROUNDDOWN($C1202/24,0)+1,1))-1)+IF('Standard Profiles'!$G$18=$B$10,7,0)+IF('Standard Profiles'!$G$18=$B$17,14,0)+IF('Standard Profiles'!$G$18=$B$24,21,0),MOD($C1202,24)+1)/SUM(INDEX($D$3:$AA$30,INDEX(Jesper!$R$2:$R$366,ROW(INDEX(Jesper!AH$2:AH$366,ROUNDDOWN($C1202/24,0)+1,1))-1)+IF('Standard Profiles'!$G$18=$B$10,7,0)+IF('Standard Profiles'!$G$18=$B$17,14,0)+IF('Standard Profiles'!$G$18=$B$24,21,0),0)),0)</f>
        <v>12.528347138435887</v>
      </c>
      <c r="E1202" cm="1">
        <f t="array" ref="E1202">IFERROR(INDEX(Jesper!AI$2:AI$366,ROUNDDOWN($C1202/24,0)+1,1)*INDEX($D$3:$AA$30,INDEX(Jesper!$R$2:$R$366,ROW(INDEX(Jesper!AI$2:AI$366,ROUNDDOWN($C1202/24,0)+1,1))-1)+IF('Standard Profiles'!$G$19=$B$10,7,0)+IF('Standard Profiles'!$G$19=$B$17,14,0)+IF('Standard Profiles'!$G$19=$B$24,21,0),MOD($C1202,24)+1)/SUM(INDEX($D$3:$AA$30,INDEX(Jesper!$R$2:$R$366,ROW(INDEX(Jesper!AI$2:AI$366,ROUNDDOWN($C1202/24,0)+1,1))-1)+IF('Standard Profiles'!$G$19=$B$10,7,0)+IF('Standard Profiles'!$G$19=$B$17,14,0)+IF('Standard Profiles'!$G$19=$B$24,21,0),0)),0)</f>
        <v>2.7998173440904166</v>
      </c>
      <c r="F1202" cm="1">
        <f t="array" ref="F1202">IFERROR(INDEX(Jesper!AJ$2:AJ$366,ROUNDDOWN($C1202/24,0)+1,1)*INDEX($D$3:$AA$30,INDEX(Jesper!$R$2:$R$366,ROW(INDEX(Jesper!AJ$2:AJ$366,ROUNDDOWN($C1202/24,0)+1,1))-1)+IF('Standard Profiles'!$G$20=$B$10,7,0)+IF('Standard Profiles'!$G$20=$B$17,14,0)+IF('Standard Profiles'!$G$20=$B$24,21,0),MOD($C1202,24)+1)/SUM(INDEX($D$3:$AA$30,INDEX(Jesper!$R$2:$R$366,ROW(INDEX(Jesper!AJ$2:AJ$366,ROUNDDOWN($C1202/24,0)+1,1))-1)+IF('Standard Profiles'!$G$20=$B$10,7,0)+IF('Standard Profiles'!$G$20=$B$17,14,0)+IF('Standard Profiles'!$G$20=$B$24,21,0),0)),0)</f>
        <v>0</v>
      </c>
      <c r="G1202" cm="1">
        <f t="array" ref="G1202">IFERROR(INDEX(Jesper!AK$2:AK$366,ROUNDDOWN($C1202/24,0)+1,1)*INDEX($D$3:$AA$30,INDEX(Jesper!$R$2:$R$366,ROW(INDEX(Jesper!AK$2:AK$366,ROUNDDOWN($C1202/24,0)+1,1))-1)+IF('Standard Profiles'!$G$21=$B$10,7,0)+IF('Standard Profiles'!$G$21=$B$17,14,0)+IF('Standard Profiles'!$G$21=$B$24,21,0),MOD($C1202,24)+1)/SUM(INDEX($D$3:$AA$30,INDEX(Jesper!$R$2:$R$366,ROW(INDEX(Jesper!AK$2:AK$366,ROUNDDOWN($C1202/24,0)+1,1))-1)+IF('Standard Profiles'!$G$21=$B$10,7,0)+IF('Standard Profiles'!$G$21=$B$17,14,0)+IF('Standard Profiles'!$G$21=$B$24,21,0),0)),0)</f>
        <v>0</v>
      </c>
      <c r="H1202" cm="1">
        <f t="array" ref="H1202">IFERROR(INDEX(Jesper!AL$2:AL$366,ROUNDDOWN($C1202/24,0)+1,1)*INDEX($D$3:$AA$30,INDEX(Jesper!$R$2:$R$366,ROW(INDEX(Jesper!AL$2:AL$366,ROUNDDOWN($C1202/24,0)+1,1))-1)+IF('Standard Profiles'!$G$22=$B$10,7,0)+IF('Standard Profiles'!$G$22=$B$17,14,0)+IF('Standard Profiles'!$G$22=$B$24,21,0),MOD($C1202,24)+1)/SUM(INDEX($D$3:$AA$30,INDEX(Jesper!$R$2:$R$366,ROW(INDEX(Jesper!AL$2:AL$366,ROUNDDOWN($C1202/24,0)+1,1))-1)+IF('Standard Profiles'!$G$22=$B$10,7,0)+IF('Standard Profiles'!$G$22=$B$17,14,0)+IF('Standard Profiles'!$G$22=$B$24,21,0),0)),0)</f>
        <v>0</v>
      </c>
      <c r="I1202">
        <f t="shared" si="146"/>
        <v>0.25223579676490249</v>
      </c>
      <c r="J1202">
        <f t="shared" si="147"/>
        <v>0.84078598921634162</v>
      </c>
      <c r="K1202">
        <f t="shared" si="148"/>
        <v>1.2611789838245124</v>
      </c>
      <c r="L1202">
        <f t="shared" si="149"/>
        <v>12.973963712720547</v>
      </c>
      <c r="M1202">
        <f t="shared" si="150"/>
        <v>0</v>
      </c>
      <c r="N1202" s="46">
        <f t="shared" si="151"/>
        <v>45340.666666663834</v>
      </c>
    </row>
    <row r="1203" spans="2:14" x14ac:dyDescent="0.3">
      <c r="B1203">
        <f t="shared" si="145"/>
        <v>7</v>
      </c>
      <c r="C1203" s="16">
        <v>1169</v>
      </c>
      <c r="D1203" cm="1">
        <f t="array" ref="D1203">IFERROR(INDEX(Jesper!AH$2:AH$366,ROUNDDOWN($C1203/24,0)+1,1)*INDEX($D$3:$AA$30,INDEX(Jesper!$R$2:$R$366,ROW(INDEX(Jesper!AH$2:AH$366,ROUNDDOWN($C1203/24,0)+1,1))-1)+IF('Standard Profiles'!$G$18=$B$10,7,0)+IF('Standard Profiles'!$G$18=$B$17,14,0)+IF('Standard Profiles'!$G$18=$B$24,21,0),MOD($C1203,24)+1)/SUM(INDEX($D$3:$AA$30,INDEX(Jesper!$R$2:$R$366,ROW(INDEX(Jesper!AH$2:AH$366,ROUNDDOWN($C1203/24,0)+1,1))-1)+IF('Standard Profiles'!$G$18=$B$10,7,0)+IF('Standard Profiles'!$G$18=$B$17,14,0)+IF('Standard Profiles'!$G$18=$B$24,21,0),0)),0)</f>
        <v>10.706042100117941</v>
      </c>
      <c r="E1203" cm="1">
        <f t="array" ref="E1203">IFERROR(INDEX(Jesper!AI$2:AI$366,ROUNDDOWN($C1203/24,0)+1,1)*INDEX($D$3:$AA$30,INDEX(Jesper!$R$2:$R$366,ROW(INDEX(Jesper!AI$2:AI$366,ROUNDDOWN($C1203/24,0)+1,1))-1)+IF('Standard Profiles'!$G$19=$B$10,7,0)+IF('Standard Profiles'!$G$19=$B$17,14,0)+IF('Standard Profiles'!$G$19=$B$24,21,0),MOD($C1203,24)+1)/SUM(INDEX($D$3:$AA$30,INDEX(Jesper!$R$2:$R$366,ROW(INDEX(Jesper!AI$2:AI$366,ROUNDDOWN($C1203/24,0)+1,1))-1)+IF('Standard Profiles'!$G$19=$B$10,7,0)+IF('Standard Profiles'!$G$19=$B$17,14,0)+IF('Standard Profiles'!$G$19=$B$24,21,0),0)),0)</f>
        <v>2.3925711849499924</v>
      </c>
      <c r="F1203" cm="1">
        <f t="array" ref="F1203">IFERROR(INDEX(Jesper!AJ$2:AJ$366,ROUNDDOWN($C1203/24,0)+1,1)*INDEX($D$3:$AA$30,INDEX(Jesper!$R$2:$R$366,ROW(INDEX(Jesper!AJ$2:AJ$366,ROUNDDOWN($C1203/24,0)+1,1))-1)+IF('Standard Profiles'!$G$20=$B$10,7,0)+IF('Standard Profiles'!$G$20=$B$17,14,0)+IF('Standard Profiles'!$G$20=$B$24,21,0),MOD($C1203,24)+1)/SUM(INDEX($D$3:$AA$30,INDEX(Jesper!$R$2:$R$366,ROW(INDEX(Jesper!AJ$2:AJ$366,ROUNDDOWN($C1203/24,0)+1,1))-1)+IF('Standard Profiles'!$G$20=$B$10,7,0)+IF('Standard Profiles'!$G$20=$B$17,14,0)+IF('Standard Profiles'!$G$20=$B$24,21,0),0)),0)</f>
        <v>0</v>
      </c>
      <c r="G1203" cm="1">
        <f t="array" ref="G1203">IFERROR(INDEX(Jesper!AK$2:AK$366,ROUNDDOWN($C1203/24,0)+1,1)*INDEX($D$3:$AA$30,INDEX(Jesper!$R$2:$R$366,ROW(INDEX(Jesper!AK$2:AK$366,ROUNDDOWN($C1203/24,0)+1,1))-1)+IF('Standard Profiles'!$G$21=$B$10,7,0)+IF('Standard Profiles'!$G$21=$B$17,14,0)+IF('Standard Profiles'!$G$21=$B$24,21,0),MOD($C1203,24)+1)/SUM(INDEX($D$3:$AA$30,INDEX(Jesper!$R$2:$R$366,ROW(INDEX(Jesper!AK$2:AK$366,ROUNDDOWN($C1203/24,0)+1,1))-1)+IF('Standard Profiles'!$G$21=$B$10,7,0)+IF('Standard Profiles'!$G$21=$B$17,14,0)+IF('Standard Profiles'!$G$21=$B$24,21,0),0)),0)</f>
        <v>0</v>
      </c>
      <c r="H1203" cm="1">
        <f t="array" ref="H1203">IFERROR(INDEX(Jesper!AL$2:AL$366,ROUNDDOWN($C1203/24,0)+1,1)*INDEX($D$3:$AA$30,INDEX(Jesper!$R$2:$R$366,ROW(INDEX(Jesper!AL$2:AL$366,ROUNDDOWN($C1203/24,0)+1,1))-1)+IF('Standard Profiles'!$G$22=$B$10,7,0)+IF('Standard Profiles'!$G$22=$B$17,14,0)+IF('Standard Profiles'!$G$22=$B$24,21,0),MOD($C1203,24)+1)/SUM(INDEX($D$3:$AA$30,INDEX(Jesper!$R$2:$R$366,ROW(INDEX(Jesper!AL$2:AL$366,ROUNDDOWN($C1203/24,0)+1,1))-1)+IF('Standard Profiles'!$G$22=$B$10,7,0)+IF('Standard Profiles'!$G$22=$B$17,14,0)+IF('Standard Profiles'!$G$22=$B$24,21,0),0)),0)</f>
        <v>0</v>
      </c>
      <c r="I1203">
        <f t="shared" si="146"/>
        <v>0.21554695359909848</v>
      </c>
      <c r="J1203">
        <f t="shared" si="147"/>
        <v>0.71848984533032834</v>
      </c>
      <c r="K1203">
        <f t="shared" si="148"/>
        <v>1.0777347679954925</v>
      </c>
      <c r="L1203">
        <f t="shared" si="149"/>
        <v>11.086841718143013</v>
      </c>
      <c r="M1203">
        <f t="shared" si="150"/>
        <v>0</v>
      </c>
      <c r="N1203" s="46">
        <f t="shared" si="151"/>
        <v>45340.708333330498</v>
      </c>
    </row>
    <row r="1204" spans="2:14" x14ac:dyDescent="0.3">
      <c r="B1204">
        <f t="shared" si="145"/>
        <v>7</v>
      </c>
      <c r="C1204" s="16">
        <v>1170</v>
      </c>
      <c r="D1204" cm="1">
        <f t="array" ref="D1204">IFERROR(INDEX(Jesper!AH$2:AH$366,ROUNDDOWN($C1204/24,0)+1,1)*INDEX($D$3:$AA$30,INDEX(Jesper!$R$2:$R$366,ROW(INDEX(Jesper!AH$2:AH$366,ROUNDDOWN($C1204/24,0)+1,1))-1)+IF('Standard Profiles'!$G$18=$B$10,7,0)+IF('Standard Profiles'!$G$18=$B$17,14,0)+IF('Standard Profiles'!$G$18=$B$24,21,0),MOD($C1204,24)+1)/SUM(INDEX($D$3:$AA$30,INDEX(Jesper!$R$2:$R$366,ROW(INDEX(Jesper!AH$2:AH$366,ROUNDDOWN($C1204/24,0)+1,1))-1)+IF('Standard Profiles'!$G$18=$B$10,7,0)+IF('Standard Profiles'!$G$18=$B$17,14,0)+IF('Standard Profiles'!$G$18=$B$24,21,0),0)),0)</f>
        <v>10.022677710748713</v>
      </c>
      <c r="E1204" cm="1">
        <f t="array" ref="E1204">IFERROR(INDEX(Jesper!AI$2:AI$366,ROUNDDOWN($C1204/24,0)+1,1)*INDEX($D$3:$AA$30,INDEX(Jesper!$R$2:$R$366,ROW(INDEX(Jesper!AI$2:AI$366,ROUNDDOWN($C1204/24,0)+1,1))-1)+IF('Standard Profiles'!$G$19=$B$10,7,0)+IF('Standard Profiles'!$G$19=$B$17,14,0)+IF('Standard Profiles'!$G$19=$B$24,21,0),MOD($C1204,24)+1)/SUM(INDEX($D$3:$AA$30,INDEX(Jesper!$R$2:$R$366,ROW(INDEX(Jesper!AI$2:AI$366,ROUNDDOWN($C1204/24,0)+1,1))-1)+IF('Standard Profiles'!$G$19=$B$10,7,0)+IF('Standard Profiles'!$G$19=$B$17,14,0)+IF('Standard Profiles'!$G$19=$B$24,21,0),0)),0)</f>
        <v>2.2398538752723334</v>
      </c>
      <c r="F1204" cm="1">
        <f t="array" ref="F1204">IFERROR(INDEX(Jesper!AJ$2:AJ$366,ROUNDDOWN($C1204/24,0)+1,1)*INDEX($D$3:$AA$30,INDEX(Jesper!$R$2:$R$366,ROW(INDEX(Jesper!AJ$2:AJ$366,ROUNDDOWN($C1204/24,0)+1,1))-1)+IF('Standard Profiles'!$G$20=$B$10,7,0)+IF('Standard Profiles'!$G$20=$B$17,14,0)+IF('Standard Profiles'!$G$20=$B$24,21,0),MOD($C1204,24)+1)/SUM(INDEX($D$3:$AA$30,INDEX(Jesper!$R$2:$R$366,ROW(INDEX(Jesper!AJ$2:AJ$366,ROUNDDOWN($C1204/24,0)+1,1))-1)+IF('Standard Profiles'!$G$20=$B$10,7,0)+IF('Standard Profiles'!$G$20=$B$17,14,0)+IF('Standard Profiles'!$G$20=$B$24,21,0),0)),0)</f>
        <v>0</v>
      </c>
      <c r="G1204" cm="1">
        <f t="array" ref="G1204">IFERROR(INDEX(Jesper!AK$2:AK$366,ROUNDDOWN($C1204/24,0)+1,1)*INDEX($D$3:$AA$30,INDEX(Jesper!$R$2:$R$366,ROW(INDEX(Jesper!AK$2:AK$366,ROUNDDOWN($C1204/24,0)+1,1))-1)+IF('Standard Profiles'!$G$21=$B$10,7,0)+IF('Standard Profiles'!$G$21=$B$17,14,0)+IF('Standard Profiles'!$G$21=$B$24,21,0),MOD($C1204,24)+1)/SUM(INDEX($D$3:$AA$30,INDEX(Jesper!$R$2:$R$366,ROW(INDEX(Jesper!AK$2:AK$366,ROUNDDOWN($C1204/24,0)+1,1))-1)+IF('Standard Profiles'!$G$21=$B$10,7,0)+IF('Standard Profiles'!$G$21=$B$17,14,0)+IF('Standard Profiles'!$G$21=$B$24,21,0),0)),0)</f>
        <v>0</v>
      </c>
      <c r="H1204" cm="1">
        <f t="array" ref="H1204">IFERROR(INDEX(Jesper!AL$2:AL$366,ROUNDDOWN($C1204/24,0)+1,1)*INDEX($D$3:$AA$30,INDEX(Jesper!$R$2:$R$366,ROW(INDEX(Jesper!AL$2:AL$366,ROUNDDOWN($C1204/24,0)+1,1))-1)+IF('Standard Profiles'!$G$22=$B$10,7,0)+IF('Standard Profiles'!$G$22=$B$17,14,0)+IF('Standard Profiles'!$G$22=$B$24,21,0),MOD($C1204,24)+1)/SUM(INDEX($D$3:$AA$30,INDEX(Jesper!$R$2:$R$366,ROW(INDEX(Jesper!AL$2:AL$366,ROUNDDOWN($C1204/24,0)+1,1))-1)+IF('Standard Profiles'!$G$22=$B$10,7,0)+IF('Standard Profiles'!$G$22=$B$17,14,0)+IF('Standard Profiles'!$G$22=$B$24,21,0),0)),0)</f>
        <v>0</v>
      </c>
      <c r="I1204">
        <f t="shared" si="146"/>
        <v>0.20178863741192199</v>
      </c>
      <c r="J1204">
        <f t="shared" si="147"/>
        <v>0.6726287913730733</v>
      </c>
      <c r="K1204">
        <f t="shared" si="148"/>
        <v>1.0089431870596099</v>
      </c>
      <c r="L1204">
        <f t="shared" si="149"/>
        <v>10.379170970176441</v>
      </c>
      <c r="M1204">
        <f t="shared" si="150"/>
        <v>0</v>
      </c>
      <c r="N1204" s="46">
        <f t="shared" si="151"/>
        <v>45340.749999997162</v>
      </c>
    </row>
    <row r="1205" spans="2:14" x14ac:dyDescent="0.3">
      <c r="B1205">
        <f t="shared" si="145"/>
        <v>7</v>
      </c>
      <c r="C1205" s="16">
        <v>1171</v>
      </c>
      <c r="D1205" cm="1">
        <f t="array" ref="D1205">IFERROR(INDEX(Jesper!AH$2:AH$366,ROUNDDOWN($C1205/24,0)+1,1)*INDEX($D$3:$AA$30,INDEX(Jesper!$R$2:$R$366,ROW(INDEX(Jesper!AH$2:AH$366,ROUNDDOWN($C1205/24,0)+1,1))-1)+IF('Standard Profiles'!$G$18=$B$10,7,0)+IF('Standard Profiles'!$G$18=$B$17,14,0)+IF('Standard Profiles'!$G$18=$B$24,21,0),MOD($C1205,24)+1)/SUM(INDEX($D$3:$AA$30,INDEX(Jesper!$R$2:$R$366,ROW(INDEX(Jesper!AH$2:AH$366,ROUNDDOWN($C1205/24,0)+1,1))-1)+IF('Standard Profiles'!$G$18=$B$10,7,0)+IF('Standard Profiles'!$G$18=$B$17,14,0)+IF('Standard Profiles'!$G$18=$B$24,21,0),0)),0)</f>
        <v>8.428160802220507</v>
      </c>
      <c r="E1205" cm="1">
        <f t="array" ref="E1205">IFERROR(INDEX(Jesper!AI$2:AI$366,ROUNDDOWN($C1205/24,0)+1,1)*INDEX($D$3:$AA$30,INDEX(Jesper!$R$2:$R$366,ROW(INDEX(Jesper!AI$2:AI$366,ROUNDDOWN($C1205/24,0)+1,1))-1)+IF('Standard Profiles'!$G$19=$B$10,7,0)+IF('Standard Profiles'!$G$19=$B$17,14,0)+IF('Standard Profiles'!$G$19=$B$24,21,0),MOD($C1205,24)+1)/SUM(INDEX($D$3:$AA$30,INDEX(Jesper!$R$2:$R$366,ROW(INDEX(Jesper!AI$2:AI$366,ROUNDDOWN($C1205/24,0)+1,1))-1)+IF('Standard Profiles'!$G$19=$B$10,7,0)+IF('Standard Profiles'!$G$19=$B$17,14,0)+IF('Standard Profiles'!$G$19=$B$24,21,0),0)),0)</f>
        <v>1.8835134860244622</v>
      </c>
      <c r="F1205" cm="1">
        <f t="array" ref="F1205">IFERROR(INDEX(Jesper!AJ$2:AJ$366,ROUNDDOWN($C1205/24,0)+1,1)*INDEX($D$3:$AA$30,INDEX(Jesper!$R$2:$R$366,ROW(INDEX(Jesper!AJ$2:AJ$366,ROUNDDOWN($C1205/24,0)+1,1))-1)+IF('Standard Profiles'!$G$20=$B$10,7,0)+IF('Standard Profiles'!$G$20=$B$17,14,0)+IF('Standard Profiles'!$G$20=$B$24,21,0),MOD($C1205,24)+1)/SUM(INDEX($D$3:$AA$30,INDEX(Jesper!$R$2:$R$366,ROW(INDEX(Jesper!AJ$2:AJ$366,ROUNDDOWN($C1205/24,0)+1,1))-1)+IF('Standard Profiles'!$G$20=$B$10,7,0)+IF('Standard Profiles'!$G$20=$B$17,14,0)+IF('Standard Profiles'!$G$20=$B$24,21,0),0)),0)</f>
        <v>0</v>
      </c>
      <c r="G1205" cm="1">
        <f t="array" ref="G1205">IFERROR(INDEX(Jesper!AK$2:AK$366,ROUNDDOWN($C1205/24,0)+1,1)*INDEX($D$3:$AA$30,INDEX(Jesper!$R$2:$R$366,ROW(INDEX(Jesper!AK$2:AK$366,ROUNDDOWN($C1205/24,0)+1,1))-1)+IF('Standard Profiles'!$G$21=$B$10,7,0)+IF('Standard Profiles'!$G$21=$B$17,14,0)+IF('Standard Profiles'!$G$21=$B$24,21,0),MOD($C1205,24)+1)/SUM(INDEX($D$3:$AA$30,INDEX(Jesper!$R$2:$R$366,ROW(INDEX(Jesper!AK$2:AK$366,ROUNDDOWN($C1205/24,0)+1,1))-1)+IF('Standard Profiles'!$G$21=$B$10,7,0)+IF('Standard Profiles'!$G$21=$B$17,14,0)+IF('Standard Profiles'!$G$21=$B$24,21,0),0)),0)</f>
        <v>0</v>
      </c>
      <c r="H1205" cm="1">
        <f t="array" ref="H1205">IFERROR(INDEX(Jesper!AL$2:AL$366,ROUNDDOWN($C1205/24,0)+1,1)*INDEX($D$3:$AA$30,INDEX(Jesper!$R$2:$R$366,ROW(INDEX(Jesper!AL$2:AL$366,ROUNDDOWN($C1205/24,0)+1,1))-1)+IF('Standard Profiles'!$G$22=$B$10,7,0)+IF('Standard Profiles'!$G$22=$B$17,14,0)+IF('Standard Profiles'!$G$22=$B$24,21,0),MOD($C1205,24)+1)/SUM(INDEX($D$3:$AA$30,INDEX(Jesper!$R$2:$R$366,ROW(INDEX(Jesper!AL$2:AL$366,ROUNDDOWN($C1205/24,0)+1,1))-1)+IF('Standard Profiles'!$G$22=$B$10,7,0)+IF('Standard Profiles'!$G$22=$B$17,14,0)+IF('Standard Profiles'!$G$22=$B$24,21,0),0)),0)</f>
        <v>0</v>
      </c>
      <c r="I1205">
        <f t="shared" si="146"/>
        <v>0.1696858996418435</v>
      </c>
      <c r="J1205">
        <f t="shared" si="147"/>
        <v>0.56561966547281173</v>
      </c>
      <c r="K1205">
        <f t="shared" si="148"/>
        <v>0.84842949820921754</v>
      </c>
      <c r="L1205">
        <f t="shared" si="149"/>
        <v>8.7279392249210961</v>
      </c>
      <c r="M1205">
        <f t="shared" si="150"/>
        <v>0</v>
      </c>
      <c r="N1205" s="46">
        <f t="shared" si="151"/>
        <v>45340.791666663827</v>
      </c>
    </row>
    <row r="1206" spans="2:14" x14ac:dyDescent="0.3">
      <c r="B1206">
        <f t="shared" si="145"/>
        <v>7</v>
      </c>
      <c r="C1206" s="16">
        <v>1172</v>
      </c>
      <c r="D1206" cm="1">
        <f t="array" ref="D1206">IFERROR(INDEX(Jesper!AH$2:AH$366,ROUNDDOWN($C1206/24,0)+1,1)*INDEX($D$3:$AA$30,INDEX(Jesper!$R$2:$R$366,ROW(INDEX(Jesper!AH$2:AH$366,ROUNDDOWN($C1206/24,0)+1,1))-1)+IF('Standard Profiles'!$G$18=$B$10,7,0)+IF('Standard Profiles'!$G$18=$B$17,14,0)+IF('Standard Profiles'!$G$18=$B$24,21,0),MOD($C1206,24)+1)/SUM(INDEX($D$3:$AA$30,INDEX(Jesper!$R$2:$R$366,ROW(INDEX(Jesper!AH$2:AH$366,ROUNDDOWN($C1206/24,0)+1,1))-1)+IF('Standard Profiles'!$G$18=$B$10,7,0)+IF('Standard Profiles'!$G$18=$B$17,14,0)+IF('Standard Profiles'!$G$18=$B$24,21,0),0)),0)</f>
        <v>7.0614320234820456</v>
      </c>
      <c r="E1206" cm="1">
        <f t="array" ref="E1206">IFERROR(INDEX(Jesper!AI$2:AI$366,ROUNDDOWN($C1206/24,0)+1,1)*INDEX($D$3:$AA$30,INDEX(Jesper!$R$2:$R$366,ROW(INDEX(Jesper!AI$2:AI$366,ROUNDDOWN($C1206/24,0)+1,1))-1)+IF('Standard Profiles'!$G$19=$B$10,7,0)+IF('Standard Profiles'!$G$19=$B$17,14,0)+IF('Standard Profiles'!$G$19=$B$24,21,0),MOD($C1206,24)+1)/SUM(INDEX($D$3:$AA$30,INDEX(Jesper!$R$2:$R$366,ROW(INDEX(Jesper!AI$2:AI$366,ROUNDDOWN($C1206/24,0)+1,1))-1)+IF('Standard Profiles'!$G$19=$B$10,7,0)+IF('Standard Profiles'!$G$19=$B$17,14,0)+IF('Standard Profiles'!$G$19=$B$24,21,0),0)),0)</f>
        <v>1.5780788666691439</v>
      </c>
      <c r="F1206" cm="1">
        <f t="array" ref="F1206">IFERROR(INDEX(Jesper!AJ$2:AJ$366,ROUNDDOWN($C1206/24,0)+1,1)*INDEX($D$3:$AA$30,INDEX(Jesper!$R$2:$R$366,ROW(INDEX(Jesper!AJ$2:AJ$366,ROUNDDOWN($C1206/24,0)+1,1))-1)+IF('Standard Profiles'!$G$20=$B$10,7,0)+IF('Standard Profiles'!$G$20=$B$17,14,0)+IF('Standard Profiles'!$G$20=$B$24,21,0),MOD($C1206,24)+1)/SUM(INDEX($D$3:$AA$30,INDEX(Jesper!$R$2:$R$366,ROW(INDEX(Jesper!AJ$2:AJ$366,ROUNDDOWN($C1206/24,0)+1,1))-1)+IF('Standard Profiles'!$G$20=$B$10,7,0)+IF('Standard Profiles'!$G$20=$B$17,14,0)+IF('Standard Profiles'!$G$20=$B$24,21,0),0)),0)</f>
        <v>0</v>
      </c>
      <c r="G1206" cm="1">
        <f t="array" ref="G1206">IFERROR(INDEX(Jesper!AK$2:AK$366,ROUNDDOWN($C1206/24,0)+1,1)*INDEX($D$3:$AA$30,INDEX(Jesper!$R$2:$R$366,ROW(INDEX(Jesper!AK$2:AK$366,ROUNDDOWN($C1206/24,0)+1,1))-1)+IF('Standard Profiles'!$G$21=$B$10,7,0)+IF('Standard Profiles'!$G$21=$B$17,14,0)+IF('Standard Profiles'!$G$21=$B$24,21,0),MOD($C1206,24)+1)/SUM(INDEX($D$3:$AA$30,INDEX(Jesper!$R$2:$R$366,ROW(INDEX(Jesper!AK$2:AK$366,ROUNDDOWN($C1206/24,0)+1,1))-1)+IF('Standard Profiles'!$G$21=$B$10,7,0)+IF('Standard Profiles'!$G$21=$B$17,14,0)+IF('Standard Profiles'!$G$21=$B$24,21,0),0)),0)</f>
        <v>0</v>
      </c>
      <c r="H1206" cm="1">
        <f t="array" ref="H1206">IFERROR(INDEX(Jesper!AL$2:AL$366,ROUNDDOWN($C1206/24,0)+1,1)*INDEX($D$3:$AA$30,INDEX(Jesper!$R$2:$R$366,ROW(INDEX(Jesper!AL$2:AL$366,ROUNDDOWN($C1206/24,0)+1,1))-1)+IF('Standard Profiles'!$G$22=$B$10,7,0)+IF('Standard Profiles'!$G$22=$B$17,14,0)+IF('Standard Profiles'!$G$22=$B$24,21,0),MOD($C1206,24)+1)/SUM(INDEX($D$3:$AA$30,INDEX(Jesper!$R$2:$R$366,ROW(INDEX(Jesper!AL$2:AL$366,ROUNDDOWN($C1206/24,0)+1,1))-1)+IF('Standard Profiles'!$G$22=$B$10,7,0)+IF('Standard Profiles'!$G$22=$B$17,14,0)+IF('Standard Profiles'!$G$22=$B$24,21,0),0)),0)</f>
        <v>0</v>
      </c>
      <c r="I1206">
        <f t="shared" si="146"/>
        <v>0.14216926726749049</v>
      </c>
      <c r="J1206">
        <f t="shared" si="147"/>
        <v>0.47389755755830165</v>
      </c>
      <c r="K1206">
        <f t="shared" si="148"/>
        <v>0.71084633633745242</v>
      </c>
      <c r="L1206">
        <f t="shared" si="149"/>
        <v>7.3125977289879449</v>
      </c>
      <c r="M1206">
        <f t="shared" si="150"/>
        <v>0</v>
      </c>
      <c r="N1206" s="46">
        <f t="shared" si="151"/>
        <v>45340.833333330491</v>
      </c>
    </row>
    <row r="1207" spans="2:14" x14ac:dyDescent="0.3">
      <c r="B1207">
        <f t="shared" si="145"/>
        <v>7</v>
      </c>
      <c r="C1207" s="16">
        <v>1173</v>
      </c>
      <c r="D1207" cm="1">
        <f t="array" ref="D1207">IFERROR(INDEX(Jesper!AH$2:AH$366,ROUNDDOWN($C1207/24,0)+1,1)*INDEX($D$3:$AA$30,INDEX(Jesper!$R$2:$R$366,ROW(INDEX(Jesper!AH$2:AH$366,ROUNDDOWN($C1207/24,0)+1,1))-1)+IF('Standard Profiles'!$G$18=$B$10,7,0)+IF('Standard Profiles'!$G$18=$B$17,14,0)+IF('Standard Profiles'!$G$18=$B$24,21,0),MOD($C1207,24)+1)/SUM(INDEX($D$3:$AA$30,INDEX(Jesper!$R$2:$R$366,ROW(INDEX(Jesper!AH$2:AH$366,ROUNDDOWN($C1207/24,0)+1,1))-1)+IF('Standard Profiles'!$G$18=$B$10,7,0)+IF('Standard Profiles'!$G$18=$B$17,14,0)+IF('Standard Profiles'!$G$18=$B$24,21,0),0)),0)</f>
        <v>6.1502795043230725</v>
      </c>
      <c r="E1207" cm="1">
        <f t="array" ref="E1207">IFERROR(INDEX(Jesper!AI$2:AI$366,ROUNDDOWN($C1207/24,0)+1,1)*INDEX($D$3:$AA$30,INDEX(Jesper!$R$2:$R$366,ROW(INDEX(Jesper!AI$2:AI$366,ROUNDDOWN($C1207/24,0)+1,1))-1)+IF('Standard Profiles'!$G$19=$B$10,7,0)+IF('Standard Profiles'!$G$19=$B$17,14,0)+IF('Standard Profiles'!$G$19=$B$24,21,0),MOD($C1207,24)+1)/SUM(INDEX($D$3:$AA$30,INDEX(Jesper!$R$2:$R$366,ROW(INDEX(Jesper!AI$2:AI$366,ROUNDDOWN($C1207/24,0)+1,1))-1)+IF('Standard Profiles'!$G$19=$B$10,7,0)+IF('Standard Profiles'!$G$19=$B$17,14,0)+IF('Standard Profiles'!$G$19=$B$24,21,0),0)),0)</f>
        <v>1.3744557870989318</v>
      </c>
      <c r="F1207" cm="1">
        <f t="array" ref="F1207">IFERROR(INDEX(Jesper!AJ$2:AJ$366,ROUNDDOWN($C1207/24,0)+1,1)*INDEX($D$3:$AA$30,INDEX(Jesper!$R$2:$R$366,ROW(INDEX(Jesper!AJ$2:AJ$366,ROUNDDOWN($C1207/24,0)+1,1))-1)+IF('Standard Profiles'!$G$20=$B$10,7,0)+IF('Standard Profiles'!$G$20=$B$17,14,0)+IF('Standard Profiles'!$G$20=$B$24,21,0),MOD($C1207,24)+1)/SUM(INDEX($D$3:$AA$30,INDEX(Jesper!$R$2:$R$366,ROW(INDEX(Jesper!AJ$2:AJ$366,ROUNDDOWN($C1207/24,0)+1,1))-1)+IF('Standard Profiles'!$G$20=$B$10,7,0)+IF('Standard Profiles'!$G$20=$B$17,14,0)+IF('Standard Profiles'!$G$20=$B$24,21,0),0)),0)</f>
        <v>0</v>
      </c>
      <c r="G1207" cm="1">
        <f t="array" ref="G1207">IFERROR(INDEX(Jesper!AK$2:AK$366,ROUNDDOWN($C1207/24,0)+1,1)*INDEX($D$3:$AA$30,INDEX(Jesper!$R$2:$R$366,ROW(INDEX(Jesper!AK$2:AK$366,ROUNDDOWN($C1207/24,0)+1,1))-1)+IF('Standard Profiles'!$G$21=$B$10,7,0)+IF('Standard Profiles'!$G$21=$B$17,14,0)+IF('Standard Profiles'!$G$21=$B$24,21,0),MOD($C1207,24)+1)/SUM(INDEX($D$3:$AA$30,INDEX(Jesper!$R$2:$R$366,ROW(INDEX(Jesper!AK$2:AK$366,ROUNDDOWN($C1207/24,0)+1,1))-1)+IF('Standard Profiles'!$G$21=$B$10,7,0)+IF('Standard Profiles'!$G$21=$B$17,14,0)+IF('Standard Profiles'!$G$21=$B$24,21,0),0)),0)</f>
        <v>0</v>
      </c>
      <c r="H1207" cm="1">
        <f t="array" ref="H1207">IFERROR(INDEX(Jesper!AL$2:AL$366,ROUNDDOWN($C1207/24,0)+1,1)*INDEX($D$3:$AA$30,INDEX(Jesper!$R$2:$R$366,ROW(INDEX(Jesper!AL$2:AL$366,ROUNDDOWN($C1207/24,0)+1,1))-1)+IF('Standard Profiles'!$G$22=$B$10,7,0)+IF('Standard Profiles'!$G$22=$B$17,14,0)+IF('Standard Profiles'!$G$22=$B$24,21,0),MOD($C1207,24)+1)/SUM(INDEX($D$3:$AA$30,INDEX(Jesper!$R$2:$R$366,ROW(INDEX(Jesper!AL$2:AL$366,ROUNDDOWN($C1207/24,0)+1,1))-1)+IF('Standard Profiles'!$G$22=$B$10,7,0)+IF('Standard Profiles'!$G$22=$B$17,14,0)+IF('Standard Profiles'!$G$22=$B$24,21,0),0)),0)</f>
        <v>0</v>
      </c>
      <c r="I1207">
        <f t="shared" si="146"/>
        <v>0.12382484568458849</v>
      </c>
      <c r="J1207">
        <f t="shared" si="147"/>
        <v>0.41274948561529501</v>
      </c>
      <c r="K1207">
        <f t="shared" si="148"/>
        <v>0.61912422842294246</v>
      </c>
      <c r="L1207">
        <f t="shared" si="149"/>
        <v>6.3690367316991781</v>
      </c>
      <c r="M1207">
        <f t="shared" si="150"/>
        <v>0</v>
      </c>
      <c r="N1207" s="46">
        <f t="shared" si="151"/>
        <v>45340.874999997155</v>
      </c>
    </row>
    <row r="1208" spans="2:14" x14ac:dyDescent="0.3">
      <c r="B1208">
        <f t="shared" si="145"/>
        <v>7</v>
      </c>
      <c r="C1208" s="16">
        <v>1174</v>
      </c>
      <c r="D1208" cm="1">
        <f t="array" ref="D1208">IFERROR(INDEX(Jesper!AH$2:AH$366,ROUNDDOWN($C1208/24,0)+1,1)*INDEX($D$3:$AA$30,INDEX(Jesper!$R$2:$R$366,ROW(INDEX(Jesper!AH$2:AH$366,ROUNDDOWN($C1208/24,0)+1,1))-1)+IF('Standard Profiles'!$G$18=$B$10,7,0)+IF('Standard Profiles'!$G$18=$B$17,14,0)+IF('Standard Profiles'!$G$18=$B$24,21,0),MOD($C1208,24)+1)/SUM(INDEX($D$3:$AA$30,INDEX(Jesper!$R$2:$R$366,ROW(INDEX(Jesper!AH$2:AH$366,ROUNDDOWN($C1208/24,0)+1,1))-1)+IF('Standard Profiles'!$G$18=$B$10,7,0)+IF('Standard Profiles'!$G$18=$B$17,14,0)+IF('Standard Profiles'!$G$18=$B$24,21,0),0)),0)</f>
        <v>6.1502795043230725</v>
      </c>
      <c r="E1208" cm="1">
        <f t="array" ref="E1208">IFERROR(INDEX(Jesper!AI$2:AI$366,ROUNDDOWN($C1208/24,0)+1,1)*INDEX($D$3:$AA$30,INDEX(Jesper!$R$2:$R$366,ROW(INDEX(Jesper!AI$2:AI$366,ROUNDDOWN($C1208/24,0)+1,1))-1)+IF('Standard Profiles'!$G$19=$B$10,7,0)+IF('Standard Profiles'!$G$19=$B$17,14,0)+IF('Standard Profiles'!$G$19=$B$24,21,0),MOD($C1208,24)+1)/SUM(INDEX($D$3:$AA$30,INDEX(Jesper!$R$2:$R$366,ROW(INDEX(Jesper!AI$2:AI$366,ROUNDDOWN($C1208/24,0)+1,1))-1)+IF('Standard Profiles'!$G$19=$B$10,7,0)+IF('Standard Profiles'!$G$19=$B$17,14,0)+IF('Standard Profiles'!$G$19=$B$24,21,0),0)),0)</f>
        <v>1.3744557870989318</v>
      </c>
      <c r="F1208" cm="1">
        <f t="array" ref="F1208">IFERROR(INDEX(Jesper!AJ$2:AJ$366,ROUNDDOWN($C1208/24,0)+1,1)*INDEX($D$3:$AA$30,INDEX(Jesper!$R$2:$R$366,ROW(INDEX(Jesper!AJ$2:AJ$366,ROUNDDOWN($C1208/24,0)+1,1))-1)+IF('Standard Profiles'!$G$20=$B$10,7,0)+IF('Standard Profiles'!$G$20=$B$17,14,0)+IF('Standard Profiles'!$G$20=$B$24,21,0),MOD($C1208,24)+1)/SUM(INDEX($D$3:$AA$30,INDEX(Jesper!$R$2:$R$366,ROW(INDEX(Jesper!AJ$2:AJ$366,ROUNDDOWN($C1208/24,0)+1,1))-1)+IF('Standard Profiles'!$G$20=$B$10,7,0)+IF('Standard Profiles'!$G$20=$B$17,14,0)+IF('Standard Profiles'!$G$20=$B$24,21,0),0)),0)</f>
        <v>0</v>
      </c>
      <c r="G1208" cm="1">
        <f t="array" ref="G1208">IFERROR(INDEX(Jesper!AK$2:AK$366,ROUNDDOWN($C1208/24,0)+1,1)*INDEX($D$3:$AA$30,INDEX(Jesper!$R$2:$R$366,ROW(INDEX(Jesper!AK$2:AK$366,ROUNDDOWN($C1208/24,0)+1,1))-1)+IF('Standard Profiles'!$G$21=$B$10,7,0)+IF('Standard Profiles'!$G$21=$B$17,14,0)+IF('Standard Profiles'!$G$21=$B$24,21,0),MOD($C1208,24)+1)/SUM(INDEX($D$3:$AA$30,INDEX(Jesper!$R$2:$R$366,ROW(INDEX(Jesper!AK$2:AK$366,ROUNDDOWN($C1208/24,0)+1,1))-1)+IF('Standard Profiles'!$G$21=$B$10,7,0)+IF('Standard Profiles'!$G$21=$B$17,14,0)+IF('Standard Profiles'!$G$21=$B$24,21,0),0)),0)</f>
        <v>0</v>
      </c>
      <c r="H1208" cm="1">
        <f t="array" ref="H1208">IFERROR(INDEX(Jesper!AL$2:AL$366,ROUNDDOWN($C1208/24,0)+1,1)*INDEX($D$3:$AA$30,INDEX(Jesper!$R$2:$R$366,ROW(INDEX(Jesper!AL$2:AL$366,ROUNDDOWN($C1208/24,0)+1,1))-1)+IF('Standard Profiles'!$G$22=$B$10,7,0)+IF('Standard Profiles'!$G$22=$B$17,14,0)+IF('Standard Profiles'!$G$22=$B$24,21,0),MOD($C1208,24)+1)/SUM(INDEX($D$3:$AA$30,INDEX(Jesper!$R$2:$R$366,ROW(INDEX(Jesper!AL$2:AL$366,ROUNDDOWN($C1208/24,0)+1,1))-1)+IF('Standard Profiles'!$G$22=$B$10,7,0)+IF('Standard Profiles'!$G$22=$B$17,14,0)+IF('Standard Profiles'!$G$22=$B$24,21,0),0)),0)</f>
        <v>0</v>
      </c>
      <c r="I1208">
        <f t="shared" si="146"/>
        <v>0.12382484568458849</v>
      </c>
      <c r="J1208">
        <f t="shared" si="147"/>
        <v>0.41274948561529501</v>
      </c>
      <c r="K1208">
        <f t="shared" si="148"/>
        <v>0.61912422842294246</v>
      </c>
      <c r="L1208">
        <f t="shared" si="149"/>
        <v>6.3690367316991781</v>
      </c>
      <c r="M1208">
        <f t="shared" si="150"/>
        <v>0</v>
      </c>
      <c r="N1208" s="46">
        <f t="shared" si="151"/>
        <v>45340.916666663819</v>
      </c>
    </row>
    <row r="1209" spans="2:14" x14ac:dyDescent="0.3">
      <c r="B1209">
        <f t="shared" si="145"/>
        <v>7</v>
      </c>
      <c r="C1209" s="16">
        <v>1175</v>
      </c>
      <c r="D1209" cm="1">
        <f t="array" ref="D1209">IFERROR(INDEX(Jesper!AH$2:AH$366,ROUNDDOWN($C1209/24,0)+1,1)*INDEX($D$3:$AA$30,INDEX(Jesper!$R$2:$R$366,ROW(INDEX(Jesper!AH$2:AH$366,ROUNDDOWN($C1209/24,0)+1,1))-1)+IF('Standard Profiles'!$G$18=$B$10,7,0)+IF('Standard Profiles'!$G$18=$B$17,14,0)+IF('Standard Profiles'!$G$18=$B$24,21,0),MOD($C1209,24)+1)/SUM(INDEX($D$3:$AA$30,INDEX(Jesper!$R$2:$R$366,ROW(INDEX(Jesper!AH$2:AH$366,ROUNDDOWN($C1209/24,0)+1,1))-1)+IF('Standard Profiles'!$G$18=$B$10,7,0)+IF('Standard Profiles'!$G$18=$B$17,14,0)+IF('Standard Profiles'!$G$18=$B$24,21,0),0)),0)</f>
        <v>6.1502795043230725</v>
      </c>
      <c r="E1209" cm="1">
        <f t="array" ref="E1209">IFERROR(INDEX(Jesper!AI$2:AI$366,ROUNDDOWN($C1209/24,0)+1,1)*INDEX($D$3:$AA$30,INDEX(Jesper!$R$2:$R$366,ROW(INDEX(Jesper!AI$2:AI$366,ROUNDDOWN($C1209/24,0)+1,1))-1)+IF('Standard Profiles'!$G$19=$B$10,7,0)+IF('Standard Profiles'!$G$19=$B$17,14,0)+IF('Standard Profiles'!$G$19=$B$24,21,0),MOD($C1209,24)+1)/SUM(INDEX($D$3:$AA$30,INDEX(Jesper!$R$2:$R$366,ROW(INDEX(Jesper!AI$2:AI$366,ROUNDDOWN($C1209/24,0)+1,1))-1)+IF('Standard Profiles'!$G$19=$B$10,7,0)+IF('Standard Profiles'!$G$19=$B$17,14,0)+IF('Standard Profiles'!$G$19=$B$24,21,0),0)),0)</f>
        <v>1.3744557870989318</v>
      </c>
      <c r="F1209" cm="1">
        <f t="array" ref="F1209">IFERROR(INDEX(Jesper!AJ$2:AJ$366,ROUNDDOWN($C1209/24,0)+1,1)*INDEX($D$3:$AA$30,INDEX(Jesper!$R$2:$R$366,ROW(INDEX(Jesper!AJ$2:AJ$366,ROUNDDOWN($C1209/24,0)+1,1))-1)+IF('Standard Profiles'!$G$20=$B$10,7,0)+IF('Standard Profiles'!$G$20=$B$17,14,0)+IF('Standard Profiles'!$G$20=$B$24,21,0),MOD($C1209,24)+1)/SUM(INDEX($D$3:$AA$30,INDEX(Jesper!$R$2:$R$366,ROW(INDEX(Jesper!AJ$2:AJ$366,ROUNDDOWN($C1209/24,0)+1,1))-1)+IF('Standard Profiles'!$G$20=$B$10,7,0)+IF('Standard Profiles'!$G$20=$B$17,14,0)+IF('Standard Profiles'!$G$20=$B$24,21,0),0)),0)</f>
        <v>0</v>
      </c>
      <c r="G1209" cm="1">
        <f t="array" ref="G1209">IFERROR(INDEX(Jesper!AK$2:AK$366,ROUNDDOWN($C1209/24,0)+1,1)*INDEX($D$3:$AA$30,INDEX(Jesper!$R$2:$R$366,ROW(INDEX(Jesper!AK$2:AK$366,ROUNDDOWN($C1209/24,0)+1,1))-1)+IF('Standard Profiles'!$G$21=$B$10,7,0)+IF('Standard Profiles'!$G$21=$B$17,14,0)+IF('Standard Profiles'!$G$21=$B$24,21,0),MOD($C1209,24)+1)/SUM(INDEX($D$3:$AA$30,INDEX(Jesper!$R$2:$R$366,ROW(INDEX(Jesper!AK$2:AK$366,ROUNDDOWN($C1209/24,0)+1,1))-1)+IF('Standard Profiles'!$G$21=$B$10,7,0)+IF('Standard Profiles'!$G$21=$B$17,14,0)+IF('Standard Profiles'!$G$21=$B$24,21,0),0)),0)</f>
        <v>0</v>
      </c>
      <c r="H1209" cm="1">
        <f t="array" ref="H1209">IFERROR(INDEX(Jesper!AL$2:AL$366,ROUNDDOWN($C1209/24,0)+1,1)*INDEX($D$3:$AA$30,INDEX(Jesper!$R$2:$R$366,ROW(INDEX(Jesper!AL$2:AL$366,ROUNDDOWN($C1209/24,0)+1,1))-1)+IF('Standard Profiles'!$G$22=$B$10,7,0)+IF('Standard Profiles'!$G$22=$B$17,14,0)+IF('Standard Profiles'!$G$22=$B$24,21,0),MOD($C1209,24)+1)/SUM(INDEX($D$3:$AA$30,INDEX(Jesper!$R$2:$R$366,ROW(INDEX(Jesper!AL$2:AL$366,ROUNDDOWN($C1209/24,0)+1,1))-1)+IF('Standard Profiles'!$G$22=$B$10,7,0)+IF('Standard Profiles'!$G$22=$B$17,14,0)+IF('Standard Profiles'!$G$22=$B$24,21,0),0)),0)</f>
        <v>0</v>
      </c>
      <c r="I1209">
        <f t="shared" si="146"/>
        <v>0.12382484568458849</v>
      </c>
      <c r="J1209">
        <f t="shared" si="147"/>
        <v>0.41274948561529501</v>
      </c>
      <c r="K1209">
        <f t="shared" si="148"/>
        <v>0.61912422842294246</v>
      </c>
      <c r="L1209">
        <f t="shared" si="149"/>
        <v>6.3690367316991781</v>
      </c>
      <c r="M1209">
        <f t="shared" si="150"/>
        <v>0</v>
      </c>
      <c r="N1209" s="46">
        <f t="shared" si="151"/>
        <v>45340.958333330484</v>
      </c>
    </row>
    <row r="1210" spans="2:14" x14ac:dyDescent="0.3">
      <c r="B1210">
        <f t="shared" si="145"/>
        <v>1</v>
      </c>
      <c r="C1210" s="16">
        <v>1176</v>
      </c>
      <c r="D1210" cm="1">
        <f t="array" ref="D1210">IFERROR(INDEX(Jesper!AH$2:AH$366,ROUNDDOWN($C1210/24,0)+1,1)*INDEX($D$3:$AA$30,INDEX(Jesper!$R$2:$R$366,ROW(INDEX(Jesper!AH$2:AH$366,ROUNDDOWN($C1210/24,0)+1,1))-1)+IF('Standard Profiles'!$G$18=$B$10,7,0)+IF('Standard Profiles'!$G$18=$B$17,14,0)+IF('Standard Profiles'!$G$18=$B$24,21,0),MOD($C1210,24)+1)/SUM(INDEX($D$3:$AA$30,INDEX(Jesper!$R$2:$R$366,ROW(INDEX(Jesper!AH$2:AH$366,ROUNDDOWN($C1210/24,0)+1,1))-1)+IF('Standard Profiles'!$G$18=$B$10,7,0)+IF('Standard Profiles'!$G$18=$B$17,14,0)+IF('Standard Profiles'!$G$18=$B$24,21,0),0)),0)</f>
        <v>2.6976123134651848</v>
      </c>
      <c r="E1210" cm="1">
        <f t="array" ref="E1210">IFERROR(INDEX(Jesper!AI$2:AI$366,ROUNDDOWN($C1210/24,0)+1,1)*INDEX($D$3:$AA$30,INDEX(Jesper!$R$2:$R$366,ROW(INDEX(Jesper!AI$2:AI$366,ROUNDDOWN($C1210/24,0)+1,1))-1)+IF('Standard Profiles'!$G$19=$B$10,7,0)+IF('Standard Profiles'!$G$19=$B$17,14,0)+IF('Standard Profiles'!$G$19=$B$24,21,0),MOD($C1210,24)+1)/SUM(INDEX($D$3:$AA$30,INDEX(Jesper!$R$2:$R$366,ROW(INDEX(Jesper!AI$2:AI$366,ROUNDDOWN($C1210/24,0)+1,1))-1)+IF('Standard Profiles'!$G$19=$B$10,7,0)+IF('Standard Profiles'!$G$19=$B$17,14,0)+IF('Standard Profiles'!$G$19=$B$24,21,0),0)),0)</f>
        <v>0</v>
      </c>
      <c r="F1210" cm="1">
        <f t="array" ref="F1210">IFERROR(INDEX(Jesper!AJ$2:AJ$366,ROUNDDOWN($C1210/24,0)+1,1)*INDEX($D$3:$AA$30,INDEX(Jesper!$R$2:$R$366,ROW(INDEX(Jesper!AJ$2:AJ$366,ROUNDDOWN($C1210/24,0)+1,1))-1)+IF('Standard Profiles'!$G$20=$B$10,7,0)+IF('Standard Profiles'!$G$20=$B$17,14,0)+IF('Standard Profiles'!$G$20=$B$24,21,0),MOD($C1210,24)+1)/SUM(INDEX($D$3:$AA$30,INDEX(Jesper!$R$2:$R$366,ROW(INDEX(Jesper!AJ$2:AJ$366,ROUNDDOWN($C1210/24,0)+1,1))-1)+IF('Standard Profiles'!$G$20=$B$10,7,0)+IF('Standard Profiles'!$G$20=$B$17,14,0)+IF('Standard Profiles'!$G$20=$B$24,21,0),0)),0)</f>
        <v>0</v>
      </c>
      <c r="G1210" cm="1">
        <f t="array" ref="G1210">IFERROR(INDEX(Jesper!AK$2:AK$366,ROUNDDOWN($C1210/24,0)+1,1)*INDEX($D$3:$AA$30,INDEX(Jesper!$R$2:$R$366,ROW(INDEX(Jesper!AK$2:AK$366,ROUNDDOWN($C1210/24,0)+1,1))-1)+IF('Standard Profiles'!$G$21=$B$10,7,0)+IF('Standard Profiles'!$G$21=$B$17,14,0)+IF('Standard Profiles'!$G$21=$B$24,21,0),MOD($C1210,24)+1)/SUM(INDEX($D$3:$AA$30,INDEX(Jesper!$R$2:$R$366,ROW(INDEX(Jesper!AK$2:AK$366,ROUNDDOWN($C1210/24,0)+1,1))-1)+IF('Standard Profiles'!$G$21=$B$10,7,0)+IF('Standard Profiles'!$G$21=$B$17,14,0)+IF('Standard Profiles'!$G$21=$B$24,21,0),0)),0)</f>
        <v>0</v>
      </c>
      <c r="H1210" cm="1">
        <f t="array" ref="H1210">IFERROR(INDEX(Jesper!AL$2:AL$366,ROUNDDOWN($C1210/24,0)+1,1)*INDEX($D$3:$AA$30,INDEX(Jesper!$R$2:$R$366,ROW(INDEX(Jesper!AL$2:AL$366,ROUNDDOWN($C1210/24,0)+1,1))-1)+IF('Standard Profiles'!$G$22=$B$10,7,0)+IF('Standard Profiles'!$G$22=$B$17,14,0)+IF('Standard Profiles'!$G$22=$B$24,21,0),MOD($C1210,24)+1)/SUM(INDEX($D$3:$AA$30,INDEX(Jesper!$R$2:$R$366,ROW(INDEX(Jesper!AL$2:AL$366,ROUNDDOWN($C1210/24,0)+1,1))-1)+IF('Standard Profiles'!$G$22=$B$10,7,0)+IF('Standard Profiles'!$G$22=$B$17,14,0)+IF('Standard Profiles'!$G$22=$B$24,21,0),0)),0)</f>
        <v>0</v>
      </c>
      <c r="I1210">
        <f t="shared" si="146"/>
        <v>8.0928369403955536E-2</v>
      </c>
      <c r="J1210">
        <f t="shared" si="147"/>
        <v>0.26976123134651847</v>
      </c>
      <c r="K1210">
        <f t="shared" si="148"/>
        <v>0.40464184701977773</v>
      </c>
      <c r="L1210">
        <f t="shared" si="149"/>
        <v>1.9422808656949331</v>
      </c>
      <c r="M1210">
        <f t="shared" si="150"/>
        <v>0</v>
      </c>
      <c r="N1210" s="46">
        <f t="shared" si="151"/>
        <v>45340.999999997148</v>
      </c>
    </row>
    <row r="1211" spans="2:14" x14ac:dyDescent="0.3">
      <c r="B1211">
        <f t="shared" si="145"/>
        <v>1</v>
      </c>
      <c r="C1211" s="16">
        <v>1177</v>
      </c>
      <c r="D1211" cm="1">
        <f t="array" ref="D1211">IFERROR(INDEX(Jesper!AH$2:AH$366,ROUNDDOWN($C1211/24,0)+1,1)*INDEX($D$3:$AA$30,INDEX(Jesper!$R$2:$R$366,ROW(INDEX(Jesper!AH$2:AH$366,ROUNDDOWN($C1211/24,0)+1,1))-1)+IF('Standard Profiles'!$G$18=$B$10,7,0)+IF('Standard Profiles'!$G$18=$B$17,14,0)+IF('Standard Profiles'!$G$18=$B$24,21,0),MOD($C1211,24)+1)/SUM(INDEX($D$3:$AA$30,INDEX(Jesper!$R$2:$R$366,ROW(INDEX(Jesper!AH$2:AH$366,ROUNDDOWN($C1211/24,0)+1,1))-1)+IF('Standard Profiles'!$G$18=$B$10,7,0)+IF('Standard Profiles'!$G$18=$B$17,14,0)+IF('Standard Profiles'!$G$18=$B$24,21,0),0)),0)</f>
        <v>2.6976123134651848</v>
      </c>
      <c r="E1211" cm="1">
        <f t="array" ref="E1211">IFERROR(INDEX(Jesper!AI$2:AI$366,ROUNDDOWN($C1211/24,0)+1,1)*INDEX($D$3:$AA$30,INDEX(Jesper!$R$2:$R$366,ROW(INDEX(Jesper!AI$2:AI$366,ROUNDDOWN($C1211/24,0)+1,1))-1)+IF('Standard Profiles'!$G$19=$B$10,7,0)+IF('Standard Profiles'!$G$19=$B$17,14,0)+IF('Standard Profiles'!$G$19=$B$24,21,0),MOD($C1211,24)+1)/SUM(INDEX($D$3:$AA$30,INDEX(Jesper!$R$2:$R$366,ROW(INDEX(Jesper!AI$2:AI$366,ROUNDDOWN($C1211/24,0)+1,1))-1)+IF('Standard Profiles'!$G$19=$B$10,7,0)+IF('Standard Profiles'!$G$19=$B$17,14,0)+IF('Standard Profiles'!$G$19=$B$24,21,0),0)),0)</f>
        <v>0</v>
      </c>
      <c r="F1211" cm="1">
        <f t="array" ref="F1211">IFERROR(INDEX(Jesper!AJ$2:AJ$366,ROUNDDOWN($C1211/24,0)+1,1)*INDEX($D$3:$AA$30,INDEX(Jesper!$R$2:$R$366,ROW(INDEX(Jesper!AJ$2:AJ$366,ROUNDDOWN($C1211/24,0)+1,1))-1)+IF('Standard Profiles'!$G$20=$B$10,7,0)+IF('Standard Profiles'!$G$20=$B$17,14,0)+IF('Standard Profiles'!$G$20=$B$24,21,0),MOD($C1211,24)+1)/SUM(INDEX($D$3:$AA$30,INDEX(Jesper!$R$2:$R$366,ROW(INDEX(Jesper!AJ$2:AJ$366,ROUNDDOWN($C1211/24,0)+1,1))-1)+IF('Standard Profiles'!$G$20=$B$10,7,0)+IF('Standard Profiles'!$G$20=$B$17,14,0)+IF('Standard Profiles'!$G$20=$B$24,21,0),0)),0)</f>
        <v>0</v>
      </c>
      <c r="G1211" cm="1">
        <f t="array" ref="G1211">IFERROR(INDEX(Jesper!AK$2:AK$366,ROUNDDOWN($C1211/24,0)+1,1)*INDEX($D$3:$AA$30,INDEX(Jesper!$R$2:$R$366,ROW(INDEX(Jesper!AK$2:AK$366,ROUNDDOWN($C1211/24,0)+1,1))-1)+IF('Standard Profiles'!$G$21=$B$10,7,0)+IF('Standard Profiles'!$G$21=$B$17,14,0)+IF('Standard Profiles'!$G$21=$B$24,21,0),MOD($C1211,24)+1)/SUM(INDEX($D$3:$AA$30,INDEX(Jesper!$R$2:$R$366,ROW(INDEX(Jesper!AK$2:AK$366,ROUNDDOWN($C1211/24,0)+1,1))-1)+IF('Standard Profiles'!$G$21=$B$10,7,0)+IF('Standard Profiles'!$G$21=$B$17,14,0)+IF('Standard Profiles'!$G$21=$B$24,21,0),0)),0)</f>
        <v>0</v>
      </c>
      <c r="H1211" cm="1">
        <f t="array" ref="H1211">IFERROR(INDEX(Jesper!AL$2:AL$366,ROUNDDOWN($C1211/24,0)+1,1)*INDEX($D$3:$AA$30,INDEX(Jesper!$R$2:$R$366,ROW(INDEX(Jesper!AL$2:AL$366,ROUNDDOWN($C1211/24,0)+1,1))-1)+IF('Standard Profiles'!$G$22=$B$10,7,0)+IF('Standard Profiles'!$G$22=$B$17,14,0)+IF('Standard Profiles'!$G$22=$B$24,21,0),MOD($C1211,24)+1)/SUM(INDEX($D$3:$AA$30,INDEX(Jesper!$R$2:$R$366,ROW(INDEX(Jesper!AL$2:AL$366,ROUNDDOWN($C1211/24,0)+1,1))-1)+IF('Standard Profiles'!$G$22=$B$10,7,0)+IF('Standard Profiles'!$G$22=$B$17,14,0)+IF('Standard Profiles'!$G$22=$B$24,21,0),0)),0)</f>
        <v>0</v>
      </c>
      <c r="I1211">
        <f t="shared" si="146"/>
        <v>8.0928369403955536E-2</v>
      </c>
      <c r="J1211">
        <f t="shared" si="147"/>
        <v>0.26976123134651847</v>
      </c>
      <c r="K1211">
        <f t="shared" si="148"/>
        <v>0.40464184701977773</v>
      </c>
      <c r="L1211">
        <f t="shared" si="149"/>
        <v>1.9422808656949331</v>
      </c>
      <c r="M1211">
        <f t="shared" si="150"/>
        <v>0</v>
      </c>
      <c r="N1211" s="46">
        <f t="shared" si="151"/>
        <v>45341.041666663812</v>
      </c>
    </row>
    <row r="1212" spans="2:14" x14ac:dyDescent="0.3">
      <c r="B1212">
        <f t="shared" si="145"/>
        <v>1</v>
      </c>
      <c r="C1212" s="16">
        <v>1178</v>
      </c>
      <c r="D1212" cm="1">
        <f t="array" ref="D1212">IFERROR(INDEX(Jesper!AH$2:AH$366,ROUNDDOWN($C1212/24,0)+1,1)*INDEX($D$3:$AA$30,INDEX(Jesper!$R$2:$R$366,ROW(INDEX(Jesper!AH$2:AH$366,ROUNDDOWN($C1212/24,0)+1,1))-1)+IF('Standard Profiles'!$G$18=$B$10,7,0)+IF('Standard Profiles'!$G$18=$B$17,14,0)+IF('Standard Profiles'!$G$18=$B$24,21,0),MOD($C1212,24)+1)/SUM(INDEX($D$3:$AA$30,INDEX(Jesper!$R$2:$R$366,ROW(INDEX(Jesper!AH$2:AH$366,ROUNDDOWN($C1212/24,0)+1,1))-1)+IF('Standard Profiles'!$G$18=$B$10,7,0)+IF('Standard Profiles'!$G$18=$B$17,14,0)+IF('Standard Profiles'!$G$18=$B$24,21,0),0)),0)</f>
        <v>2.6976123134651848</v>
      </c>
      <c r="E1212" cm="1">
        <f t="array" ref="E1212">IFERROR(INDEX(Jesper!AI$2:AI$366,ROUNDDOWN($C1212/24,0)+1,1)*INDEX($D$3:$AA$30,INDEX(Jesper!$R$2:$R$366,ROW(INDEX(Jesper!AI$2:AI$366,ROUNDDOWN($C1212/24,0)+1,1))-1)+IF('Standard Profiles'!$G$19=$B$10,7,0)+IF('Standard Profiles'!$G$19=$B$17,14,0)+IF('Standard Profiles'!$G$19=$B$24,21,0),MOD($C1212,24)+1)/SUM(INDEX($D$3:$AA$30,INDEX(Jesper!$R$2:$R$366,ROW(INDEX(Jesper!AI$2:AI$366,ROUNDDOWN($C1212/24,0)+1,1))-1)+IF('Standard Profiles'!$G$19=$B$10,7,0)+IF('Standard Profiles'!$G$19=$B$17,14,0)+IF('Standard Profiles'!$G$19=$B$24,21,0),0)),0)</f>
        <v>0</v>
      </c>
      <c r="F1212" cm="1">
        <f t="array" ref="F1212">IFERROR(INDEX(Jesper!AJ$2:AJ$366,ROUNDDOWN($C1212/24,0)+1,1)*INDEX($D$3:$AA$30,INDEX(Jesper!$R$2:$R$366,ROW(INDEX(Jesper!AJ$2:AJ$366,ROUNDDOWN($C1212/24,0)+1,1))-1)+IF('Standard Profiles'!$G$20=$B$10,7,0)+IF('Standard Profiles'!$G$20=$B$17,14,0)+IF('Standard Profiles'!$G$20=$B$24,21,0),MOD($C1212,24)+1)/SUM(INDEX($D$3:$AA$30,INDEX(Jesper!$R$2:$R$366,ROW(INDEX(Jesper!AJ$2:AJ$366,ROUNDDOWN($C1212/24,0)+1,1))-1)+IF('Standard Profiles'!$G$20=$B$10,7,0)+IF('Standard Profiles'!$G$20=$B$17,14,0)+IF('Standard Profiles'!$G$20=$B$24,21,0),0)),0)</f>
        <v>0</v>
      </c>
      <c r="G1212" cm="1">
        <f t="array" ref="G1212">IFERROR(INDEX(Jesper!AK$2:AK$366,ROUNDDOWN($C1212/24,0)+1,1)*INDEX($D$3:$AA$30,INDEX(Jesper!$R$2:$R$366,ROW(INDEX(Jesper!AK$2:AK$366,ROUNDDOWN($C1212/24,0)+1,1))-1)+IF('Standard Profiles'!$G$21=$B$10,7,0)+IF('Standard Profiles'!$G$21=$B$17,14,0)+IF('Standard Profiles'!$G$21=$B$24,21,0),MOD($C1212,24)+1)/SUM(INDEX($D$3:$AA$30,INDEX(Jesper!$R$2:$R$366,ROW(INDEX(Jesper!AK$2:AK$366,ROUNDDOWN($C1212/24,0)+1,1))-1)+IF('Standard Profiles'!$G$21=$B$10,7,0)+IF('Standard Profiles'!$G$21=$B$17,14,0)+IF('Standard Profiles'!$G$21=$B$24,21,0),0)),0)</f>
        <v>0</v>
      </c>
      <c r="H1212" cm="1">
        <f t="array" ref="H1212">IFERROR(INDEX(Jesper!AL$2:AL$366,ROUNDDOWN($C1212/24,0)+1,1)*INDEX($D$3:$AA$30,INDEX(Jesper!$R$2:$R$366,ROW(INDEX(Jesper!AL$2:AL$366,ROUNDDOWN($C1212/24,0)+1,1))-1)+IF('Standard Profiles'!$G$22=$B$10,7,0)+IF('Standard Profiles'!$G$22=$B$17,14,0)+IF('Standard Profiles'!$G$22=$B$24,21,0),MOD($C1212,24)+1)/SUM(INDEX($D$3:$AA$30,INDEX(Jesper!$R$2:$R$366,ROW(INDEX(Jesper!AL$2:AL$366,ROUNDDOWN($C1212/24,0)+1,1))-1)+IF('Standard Profiles'!$G$22=$B$10,7,0)+IF('Standard Profiles'!$G$22=$B$17,14,0)+IF('Standard Profiles'!$G$22=$B$24,21,0),0)),0)</f>
        <v>0</v>
      </c>
      <c r="I1212">
        <f t="shared" si="146"/>
        <v>8.0928369403955536E-2</v>
      </c>
      <c r="J1212">
        <f t="shared" si="147"/>
        <v>0.26976123134651847</v>
      </c>
      <c r="K1212">
        <f t="shared" si="148"/>
        <v>0.40464184701977773</v>
      </c>
      <c r="L1212">
        <f t="shared" si="149"/>
        <v>1.9422808656949331</v>
      </c>
      <c r="M1212">
        <f t="shared" si="150"/>
        <v>0</v>
      </c>
      <c r="N1212" s="46">
        <f t="shared" si="151"/>
        <v>45341.083333330476</v>
      </c>
    </row>
    <row r="1213" spans="2:14" x14ac:dyDescent="0.3">
      <c r="B1213">
        <f t="shared" si="145"/>
        <v>1</v>
      </c>
      <c r="C1213" s="16">
        <v>1179</v>
      </c>
      <c r="D1213" cm="1">
        <f t="array" ref="D1213">IFERROR(INDEX(Jesper!AH$2:AH$366,ROUNDDOWN($C1213/24,0)+1,1)*INDEX($D$3:$AA$30,INDEX(Jesper!$R$2:$R$366,ROW(INDEX(Jesper!AH$2:AH$366,ROUNDDOWN($C1213/24,0)+1,1))-1)+IF('Standard Profiles'!$G$18=$B$10,7,0)+IF('Standard Profiles'!$G$18=$B$17,14,0)+IF('Standard Profiles'!$G$18=$B$24,21,0),MOD($C1213,24)+1)/SUM(INDEX($D$3:$AA$30,INDEX(Jesper!$R$2:$R$366,ROW(INDEX(Jesper!AH$2:AH$366,ROUNDDOWN($C1213/24,0)+1,1))-1)+IF('Standard Profiles'!$G$18=$B$10,7,0)+IF('Standard Profiles'!$G$18=$B$17,14,0)+IF('Standard Profiles'!$G$18=$B$24,21,0),0)),0)</f>
        <v>2.6976123134651848</v>
      </c>
      <c r="E1213" cm="1">
        <f t="array" ref="E1213">IFERROR(INDEX(Jesper!AI$2:AI$366,ROUNDDOWN($C1213/24,0)+1,1)*INDEX($D$3:$AA$30,INDEX(Jesper!$R$2:$R$366,ROW(INDEX(Jesper!AI$2:AI$366,ROUNDDOWN($C1213/24,0)+1,1))-1)+IF('Standard Profiles'!$G$19=$B$10,7,0)+IF('Standard Profiles'!$G$19=$B$17,14,0)+IF('Standard Profiles'!$G$19=$B$24,21,0),MOD($C1213,24)+1)/SUM(INDEX($D$3:$AA$30,INDEX(Jesper!$R$2:$R$366,ROW(INDEX(Jesper!AI$2:AI$366,ROUNDDOWN($C1213/24,0)+1,1))-1)+IF('Standard Profiles'!$G$19=$B$10,7,0)+IF('Standard Profiles'!$G$19=$B$17,14,0)+IF('Standard Profiles'!$G$19=$B$24,21,0),0)),0)</f>
        <v>0</v>
      </c>
      <c r="F1213" cm="1">
        <f t="array" ref="F1213">IFERROR(INDEX(Jesper!AJ$2:AJ$366,ROUNDDOWN($C1213/24,0)+1,1)*INDEX($D$3:$AA$30,INDEX(Jesper!$R$2:$R$366,ROW(INDEX(Jesper!AJ$2:AJ$366,ROUNDDOWN($C1213/24,0)+1,1))-1)+IF('Standard Profiles'!$G$20=$B$10,7,0)+IF('Standard Profiles'!$G$20=$B$17,14,0)+IF('Standard Profiles'!$G$20=$B$24,21,0),MOD($C1213,24)+1)/SUM(INDEX($D$3:$AA$30,INDEX(Jesper!$R$2:$R$366,ROW(INDEX(Jesper!AJ$2:AJ$366,ROUNDDOWN($C1213/24,0)+1,1))-1)+IF('Standard Profiles'!$G$20=$B$10,7,0)+IF('Standard Profiles'!$G$20=$B$17,14,0)+IF('Standard Profiles'!$G$20=$B$24,21,0),0)),0)</f>
        <v>0</v>
      </c>
      <c r="G1213" cm="1">
        <f t="array" ref="G1213">IFERROR(INDEX(Jesper!AK$2:AK$366,ROUNDDOWN($C1213/24,0)+1,1)*INDEX($D$3:$AA$30,INDEX(Jesper!$R$2:$R$366,ROW(INDEX(Jesper!AK$2:AK$366,ROUNDDOWN($C1213/24,0)+1,1))-1)+IF('Standard Profiles'!$G$21=$B$10,7,0)+IF('Standard Profiles'!$G$21=$B$17,14,0)+IF('Standard Profiles'!$G$21=$B$24,21,0),MOD($C1213,24)+1)/SUM(INDEX($D$3:$AA$30,INDEX(Jesper!$R$2:$R$366,ROW(INDEX(Jesper!AK$2:AK$366,ROUNDDOWN($C1213/24,0)+1,1))-1)+IF('Standard Profiles'!$G$21=$B$10,7,0)+IF('Standard Profiles'!$G$21=$B$17,14,0)+IF('Standard Profiles'!$G$21=$B$24,21,0),0)),0)</f>
        <v>0</v>
      </c>
      <c r="H1213" cm="1">
        <f t="array" ref="H1213">IFERROR(INDEX(Jesper!AL$2:AL$366,ROUNDDOWN($C1213/24,0)+1,1)*INDEX($D$3:$AA$30,INDEX(Jesper!$R$2:$R$366,ROW(INDEX(Jesper!AL$2:AL$366,ROUNDDOWN($C1213/24,0)+1,1))-1)+IF('Standard Profiles'!$G$22=$B$10,7,0)+IF('Standard Profiles'!$G$22=$B$17,14,0)+IF('Standard Profiles'!$G$22=$B$24,21,0),MOD($C1213,24)+1)/SUM(INDEX($D$3:$AA$30,INDEX(Jesper!$R$2:$R$366,ROW(INDEX(Jesper!AL$2:AL$366,ROUNDDOWN($C1213/24,0)+1,1))-1)+IF('Standard Profiles'!$G$22=$B$10,7,0)+IF('Standard Profiles'!$G$22=$B$17,14,0)+IF('Standard Profiles'!$G$22=$B$24,21,0),0)),0)</f>
        <v>0</v>
      </c>
      <c r="I1213">
        <f t="shared" si="146"/>
        <v>8.0928369403955536E-2</v>
      </c>
      <c r="J1213">
        <f t="shared" si="147"/>
        <v>0.26976123134651847</v>
      </c>
      <c r="K1213">
        <f t="shared" si="148"/>
        <v>0.40464184701977773</v>
      </c>
      <c r="L1213">
        <f t="shared" si="149"/>
        <v>1.9422808656949331</v>
      </c>
      <c r="M1213">
        <f t="shared" si="150"/>
        <v>0</v>
      </c>
      <c r="N1213" s="46">
        <f t="shared" si="151"/>
        <v>45341.124999997141</v>
      </c>
    </row>
    <row r="1214" spans="2:14" x14ac:dyDescent="0.3">
      <c r="B1214">
        <f t="shared" si="145"/>
        <v>1</v>
      </c>
      <c r="C1214" s="16">
        <v>1180</v>
      </c>
      <c r="D1214" cm="1">
        <f t="array" ref="D1214">IFERROR(INDEX(Jesper!AH$2:AH$366,ROUNDDOWN($C1214/24,0)+1,1)*INDEX($D$3:$AA$30,INDEX(Jesper!$R$2:$R$366,ROW(INDEX(Jesper!AH$2:AH$366,ROUNDDOWN($C1214/24,0)+1,1))-1)+IF('Standard Profiles'!$G$18=$B$10,7,0)+IF('Standard Profiles'!$G$18=$B$17,14,0)+IF('Standard Profiles'!$G$18=$B$24,21,0),MOD($C1214,24)+1)/SUM(INDEX($D$3:$AA$30,INDEX(Jesper!$R$2:$R$366,ROW(INDEX(Jesper!AH$2:AH$366,ROUNDDOWN($C1214/24,0)+1,1))-1)+IF('Standard Profiles'!$G$18=$B$10,7,0)+IF('Standard Profiles'!$G$18=$B$17,14,0)+IF('Standard Profiles'!$G$18=$B$24,21,0),0)),0)</f>
        <v>2.6976123134651848</v>
      </c>
      <c r="E1214" cm="1">
        <f t="array" ref="E1214">IFERROR(INDEX(Jesper!AI$2:AI$366,ROUNDDOWN($C1214/24,0)+1,1)*INDEX($D$3:$AA$30,INDEX(Jesper!$R$2:$R$366,ROW(INDEX(Jesper!AI$2:AI$366,ROUNDDOWN($C1214/24,0)+1,1))-1)+IF('Standard Profiles'!$G$19=$B$10,7,0)+IF('Standard Profiles'!$G$19=$B$17,14,0)+IF('Standard Profiles'!$G$19=$B$24,21,0),MOD($C1214,24)+1)/SUM(INDEX($D$3:$AA$30,INDEX(Jesper!$R$2:$R$366,ROW(INDEX(Jesper!AI$2:AI$366,ROUNDDOWN($C1214/24,0)+1,1))-1)+IF('Standard Profiles'!$G$19=$B$10,7,0)+IF('Standard Profiles'!$G$19=$B$17,14,0)+IF('Standard Profiles'!$G$19=$B$24,21,0),0)),0)</f>
        <v>0</v>
      </c>
      <c r="F1214" cm="1">
        <f t="array" ref="F1214">IFERROR(INDEX(Jesper!AJ$2:AJ$366,ROUNDDOWN($C1214/24,0)+1,1)*INDEX($D$3:$AA$30,INDEX(Jesper!$R$2:$R$366,ROW(INDEX(Jesper!AJ$2:AJ$366,ROUNDDOWN($C1214/24,0)+1,1))-1)+IF('Standard Profiles'!$G$20=$B$10,7,0)+IF('Standard Profiles'!$G$20=$B$17,14,0)+IF('Standard Profiles'!$G$20=$B$24,21,0),MOD($C1214,24)+1)/SUM(INDEX($D$3:$AA$30,INDEX(Jesper!$R$2:$R$366,ROW(INDEX(Jesper!AJ$2:AJ$366,ROUNDDOWN($C1214/24,0)+1,1))-1)+IF('Standard Profiles'!$G$20=$B$10,7,0)+IF('Standard Profiles'!$G$20=$B$17,14,0)+IF('Standard Profiles'!$G$20=$B$24,21,0),0)),0)</f>
        <v>0</v>
      </c>
      <c r="G1214" cm="1">
        <f t="array" ref="G1214">IFERROR(INDEX(Jesper!AK$2:AK$366,ROUNDDOWN($C1214/24,0)+1,1)*INDEX($D$3:$AA$30,INDEX(Jesper!$R$2:$R$366,ROW(INDEX(Jesper!AK$2:AK$366,ROUNDDOWN($C1214/24,0)+1,1))-1)+IF('Standard Profiles'!$G$21=$B$10,7,0)+IF('Standard Profiles'!$G$21=$B$17,14,0)+IF('Standard Profiles'!$G$21=$B$24,21,0),MOD($C1214,24)+1)/SUM(INDEX($D$3:$AA$30,INDEX(Jesper!$R$2:$R$366,ROW(INDEX(Jesper!AK$2:AK$366,ROUNDDOWN($C1214/24,0)+1,1))-1)+IF('Standard Profiles'!$G$21=$B$10,7,0)+IF('Standard Profiles'!$G$21=$B$17,14,0)+IF('Standard Profiles'!$G$21=$B$24,21,0),0)),0)</f>
        <v>0</v>
      </c>
      <c r="H1214" cm="1">
        <f t="array" ref="H1214">IFERROR(INDEX(Jesper!AL$2:AL$366,ROUNDDOWN($C1214/24,0)+1,1)*INDEX($D$3:$AA$30,INDEX(Jesper!$R$2:$R$366,ROW(INDEX(Jesper!AL$2:AL$366,ROUNDDOWN($C1214/24,0)+1,1))-1)+IF('Standard Profiles'!$G$22=$B$10,7,0)+IF('Standard Profiles'!$G$22=$B$17,14,0)+IF('Standard Profiles'!$G$22=$B$24,21,0),MOD($C1214,24)+1)/SUM(INDEX($D$3:$AA$30,INDEX(Jesper!$R$2:$R$366,ROW(INDEX(Jesper!AL$2:AL$366,ROUNDDOWN($C1214/24,0)+1,1))-1)+IF('Standard Profiles'!$G$22=$B$10,7,0)+IF('Standard Profiles'!$G$22=$B$17,14,0)+IF('Standard Profiles'!$G$22=$B$24,21,0),0)),0)</f>
        <v>0</v>
      </c>
      <c r="I1214">
        <f t="shared" si="146"/>
        <v>8.0928369403955536E-2</v>
      </c>
      <c r="J1214">
        <f t="shared" si="147"/>
        <v>0.26976123134651847</v>
      </c>
      <c r="K1214">
        <f t="shared" si="148"/>
        <v>0.40464184701977773</v>
      </c>
      <c r="L1214">
        <f t="shared" si="149"/>
        <v>1.9422808656949331</v>
      </c>
      <c r="M1214">
        <f t="shared" si="150"/>
        <v>0</v>
      </c>
      <c r="N1214" s="46">
        <f t="shared" si="151"/>
        <v>45341.166666663805</v>
      </c>
    </row>
    <row r="1215" spans="2:14" x14ac:dyDescent="0.3">
      <c r="B1215">
        <f t="shared" si="145"/>
        <v>1</v>
      </c>
      <c r="C1215" s="16">
        <v>1181</v>
      </c>
      <c r="D1215" cm="1">
        <f t="array" ref="D1215">IFERROR(INDEX(Jesper!AH$2:AH$366,ROUNDDOWN($C1215/24,0)+1,1)*INDEX($D$3:$AA$30,INDEX(Jesper!$R$2:$R$366,ROW(INDEX(Jesper!AH$2:AH$366,ROUNDDOWN($C1215/24,0)+1,1))-1)+IF('Standard Profiles'!$G$18=$B$10,7,0)+IF('Standard Profiles'!$G$18=$B$17,14,0)+IF('Standard Profiles'!$G$18=$B$24,21,0),MOD($C1215,24)+1)/SUM(INDEX($D$3:$AA$30,INDEX(Jesper!$R$2:$R$366,ROW(INDEX(Jesper!AH$2:AH$366,ROUNDDOWN($C1215/24,0)+1,1))-1)+IF('Standard Profiles'!$G$18=$B$10,7,0)+IF('Standard Profiles'!$G$18=$B$17,14,0)+IF('Standard Profiles'!$G$18=$B$24,21,0),0)),0)</f>
        <v>11.689653358349133</v>
      </c>
      <c r="E1215" cm="1">
        <f t="array" ref="E1215">IFERROR(INDEX(Jesper!AI$2:AI$366,ROUNDDOWN($C1215/24,0)+1,1)*INDEX($D$3:$AA$30,INDEX(Jesper!$R$2:$R$366,ROW(INDEX(Jesper!AI$2:AI$366,ROUNDDOWN($C1215/24,0)+1,1))-1)+IF('Standard Profiles'!$G$19=$B$10,7,0)+IF('Standard Profiles'!$G$19=$B$17,14,0)+IF('Standard Profiles'!$G$19=$B$24,21,0),MOD($C1215,24)+1)/SUM(INDEX($D$3:$AA$30,INDEX(Jesper!$R$2:$R$366,ROW(INDEX(Jesper!AI$2:AI$366,ROUNDDOWN($C1215/24,0)+1,1))-1)+IF('Standard Profiles'!$G$19=$B$10,7,0)+IF('Standard Profiles'!$G$19=$B$17,14,0)+IF('Standard Profiles'!$G$19=$B$24,21,0),0)),0)</f>
        <v>0</v>
      </c>
      <c r="F1215" cm="1">
        <f t="array" ref="F1215">IFERROR(INDEX(Jesper!AJ$2:AJ$366,ROUNDDOWN($C1215/24,0)+1,1)*INDEX($D$3:$AA$30,INDEX(Jesper!$R$2:$R$366,ROW(INDEX(Jesper!AJ$2:AJ$366,ROUNDDOWN($C1215/24,0)+1,1))-1)+IF('Standard Profiles'!$G$20=$B$10,7,0)+IF('Standard Profiles'!$G$20=$B$17,14,0)+IF('Standard Profiles'!$G$20=$B$24,21,0),MOD($C1215,24)+1)/SUM(INDEX($D$3:$AA$30,INDEX(Jesper!$R$2:$R$366,ROW(INDEX(Jesper!AJ$2:AJ$366,ROUNDDOWN($C1215/24,0)+1,1))-1)+IF('Standard Profiles'!$G$20=$B$10,7,0)+IF('Standard Profiles'!$G$20=$B$17,14,0)+IF('Standard Profiles'!$G$20=$B$24,21,0),0)),0)</f>
        <v>0</v>
      </c>
      <c r="G1215" cm="1">
        <f t="array" ref="G1215">IFERROR(INDEX(Jesper!AK$2:AK$366,ROUNDDOWN($C1215/24,0)+1,1)*INDEX($D$3:$AA$30,INDEX(Jesper!$R$2:$R$366,ROW(INDEX(Jesper!AK$2:AK$366,ROUNDDOWN($C1215/24,0)+1,1))-1)+IF('Standard Profiles'!$G$21=$B$10,7,0)+IF('Standard Profiles'!$G$21=$B$17,14,0)+IF('Standard Profiles'!$G$21=$B$24,21,0),MOD($C1215,24)+1)/SUM(INDEX($D$3:$AA$30,INDEX(Jesper!$R$2:$R$366,ROW(INDEX(Jesper!AK$2:AK$366,ROUNDDOWN($C1215/24,0)+1,1))-1)+IF('Standard Profiles'!$G$21=$B$10,7,0)+IF('Standard Profiles'!$G$21=$B$17,14,0)+IF('Standard Profiles'!$G$21=$B$24,21,0),0)),0)</f>
        <v>0</v>
      </c>
      <c r="H1215" cm="1">
        <f t="array" ref="H1215">IFERROR(INDEX(Jesper!AL$2:AL$366,ROUNDDOWN($C1215/24,0)+1,1)*INDEX($D$3:$AA$30,INDEX(Jesper!$R$2:$R$366,ROW(INDEX(Jesper!AL$2:AL$366,ROUNDDOWN($C1215/24,0)+1,1))-1)+IF('Standard Profiles'!$G$22=$B$10,7,0)+IF('Standard Profiles'!$G$22=$B$17,14,0)+IF('Standard Profiles'!$G$22=$B$24,21,0),MOD($C1215,24)+1)/SUM(INDEX($D$3:$AA$30,INDEX(Jesper!$R$2:$R$366,ROW(INDEX(Jesper!AL$2:AL$366,ROUNDDOWN($C1215/24,0)+1,1))-1)+IF('Standard Profiles'!$G$22=$B$10,7,0)+IF('Standard Profiles'!$G$22=$B$17,14,0)+IF('Standard Profiles'!$G$22=$B$24,21,0),0)),0)</f>
        <v>0</v>
      </c>
      <c r="I1215">
        <f t="shared" si="146"/>
        <v>0.35068960075047401</v>
      </c>
      <c r="J1215">
        <f t="shared" si="147"/>
        <v>1.1689653358349135</v>
      </c>
      <c r="K1215">
        <f t="shared" si="148"/>
        <v>1.7534480037523699</v>
      </c>
      <c r="L1215">
        <f t="shared" si="149"/>
        <v>8.4165504180113757</v>
      </c>
      <c r="M1215">
        <f t="shared" si="150"/>
        <v>0</v>
      </c>
      <c r="N1215" s="46">
        <f t="shared" si="151"/>
        <v>45341.208333330469</v>
      </c>
    </row>
    <row r="1216" spans="2:14" x14ac:dyDescent="0.3">
      <c r="B1216">
        <f t="shared" si="145"/>
        <v>1</v>
      </c>
      <c r="C1216" s="16">
        <v>1182</v>
      </c>
      <c r="D1216" cm="1">
        <f t="array" ref="D1216">IFERROR(INDEX(Jesper!AH$2:AH$366,ROUNDDOWN($C1216/24,0)+1,1)*INDEX($D$3:$AA$30,INDEX(Jesper!$R$2:$R$366,ROW(INDEX(Jesper!AH$2:AH$366,ROUNDDOWN($C1216/24,0)+1,1))-1)+IF('Standard Profiles'!$G$18=$B$10,7,0)+IF('Standard Profiles'!$G$18=$B$17,14,0)+IF('Standard Profiles'!$G$18=$B$24,21,0),MOD($C1216,24)+1)/SUM(INDEX($D$3:$AA$30,INDEX(Jesper!$R$2:$R$366,ROW(INDEX(Jesper!AH$2:AH$366,ROUNDDOWN($C1216/24,0)+1,1))-1)+IF('Standard Profiles'!$G$18=$B$10,7,0)+IF('Standard Profiles'!$G$18=$B$17,14,0)+IF('Standard Profiles'!$G$18=$B$24,21,0),0)),0)</f>
        <v>13.263260541203826</v>
      </c>
      <c r="E1216" cm="1">
        <f t="array" ref="E1216">IFERROR(INDEX(Jesper!AI$2:AI$366,ROUNDDOWN($C1216/24,0)+1,1)*INDEX($D$3:$AA$30,INDEX(Jesper!$R$2:$R$366,ROW(INDEX(Jesper!AI$2:AI$366,ROUNDDOWN($C1216/24,0)+1,1))-1)+IF('Standard Profiles'!$G$19=$B$10,7,0)+IF('Standard Profiles'!$G$19=$B$17,14,0)+IF('Standard Profiles'!$G$19=$B$24,21,0),MOD($C1216,24)+1)/SUM(INDEX($D$3:$AA$30,INDEX(Jesper!$R$2:$R$366,ROW(INDEX(Jesper!AI$2:AI$366,ROUNDDOWN($C1216/24,0)+1,1))-1)+IF('Standard Profiles'!$G$19=$B$10,7,0)+IF('Standard Profiles'!$G$19=$B$17,14,0)+IF('Standard Profiles'!$G$19=$B$24,21,0),0)),0)</f>
        <v>0</v>
      </c>
      <c r="F1216" cm="1">
        <f t="array" ref="F1216">IFERROR(INDEX(Jesper!AJ$2:AJ$366,ROUNDDOWN($C1216/24,0)+1,1)*INDEX($D$3:$AA$30,INDEX(Jesper!$R$2:$R$366,ROW(INDEX(Jesper!AJ$2:AJ$366,ROUNDDOWN($C1216/24,0)+1,1))-1)+IF('Standard Profiles'!$G$20=$B$10,7,0)+IF('Standard Profiles'!$G$20=$B$17,14,0)+IF('Standard Profiles'!$G$20=$B$24,21,0),MOD($C1216,24)+1)/SUM(INDEX($D$3:$AA$30,INDEX(Jesper!$R$2:$R$366,ROW(INDEX(Jesper!AJ$2:AJ$366,ROUNDDOWN($C1216/24,0)+1,1))-1)+IF('Standard Profiles'!$G$20=$B$10,7,0)+IF('Standard Profiles'!$G$20=$B$17,14,0)+IF('Standard Profiles'!$G$20=$B$24,21,0),0)),0)</f>
        <v>0</v>
      </c>
      <c r="G1216" cm="1">
        <f t="array" ref="G1216">IFERROR(INDEX(Jesper!AK$2:AK$366,ROUNDDOWN($C1216/24,0)+1,1)*INDEX($D$3:$AA$30,INDEX(Jesper!$R$2:$R$366,ROW(INDEX(Jesper!AK$2:AK$366,ROUNDDOWN($C1216/24,0)+1,1))-1)+IF('Standard Profiles'!$G$21=$B$10,7,0)+IF('Standard Profiles'!$G$21=$B$17,14,0)+IF('Standard Profiles'!$G$21=$B$24,21,0),MOD($C1216,24)+1)/SUM(INDEX($D$3:$AA$30,INDEX(Jesper!$R$2:$R$366,ROW(INDEX(Jesper!AK$2:AK$366,ROUNDDOWN($C1216/24,0)+1,1))-1)+IF('Standard Profiles'!$G$21=$B$10,7,0)+IF('Standard Profiles'!$G$21=$B$17,14,0)+IF('Standard Profiles'!$G$21=$B$24,21,0),0)),0)</f>
        <v>0</v>
      </c>
      <c r="H1216" cm="1">
        <f t="array" ref="H1216">IFERROR(INDEX(Jesper!AL$2:AL$366,ROUNDDOWN($C1216/24,0)+1,1)*INDEX($D$3:$AA$30,INDEX(Jesper!$R$2:$R$366,ROW(INDEX(Jesper!AL$2:AL$366,ROUNDDOWN($C1216/24,0)+1,1))-1)+IF('Standard Profiles'!$G$22=$B$10,7,0)+IF('Standard Profiles'!$G$22=$B$17,14,0)+IF('Standard Profiles'!$G$22=$B$24,21,0),MOD($C1216,24)+1)/SUM(INDEX($D$3:$AA$30,INDEX(Jesper!$R$2:$R$366,ROW(INDEX(Jesper!AL$2:AL$366,ROUNDDOWN($C1216/24,0)+1,1))-1)+IF('Standard Profiles'!$G$22=$B$10,7,0)+IF('Standard Profiles'!$G$22=$B$17,14,0)+IF('Standard Profiles'!$G$22=$B$24,21,0),0)),0)</f>
        <v>0</v>
      </c>
      <c r="I1216">
        <f t="shared" si="146"/>
        <v>0.39789781623611475</v>
      </c>
      <c r="J1216">
        <f t="shared" si="147"/>
        <v>1.3263260541203827</v>
      </c>
      <c r="K1216">
        <f t="shared" si="148"/>
        <v>1.9894890811805737</v>
      </c>
      <c r="L1216">
        <f t="shared" si="149"/>
        <v>9.5495475896667532</v>
      </c>
      <c r="M1216">
        <f t="shared" si="150"/>
        <v>0</v>
      </c>
      <c r="N1216" s="46">
        <f t="shared" si="151"/>
        <v>45341.249999997133</v>
      </c>
    </row>
    <row r="1217" spans="2:14" x14ac:dyDescent="0.3">
      <c r="B1217">
        <f t="shared" si="145"/>
        <v>1</v>
      </c>
      <c r="C1217" s="16">
        <v>1183</v>
      </c>
      <c r="D1217" cm="1">
        <f t="array" ref="D1217">IFERROR(INDEX(Jesper!AH$2:AH$366,ROUNDDOWN($C1217/24,0)+1,1)*INDEX($D$3:$AA$30,INDEX(Jesper!$R$2:$R$366,ROW(INDEX(Jesper!AH$2:AH$366,ROUNDDOWN($C1217/24,0)+1,1))-1)+IF('Standard Profiles'!$G$18=$B$10,7,0)+IF('Standard Profiles'!$G$18=$B$17,14,0)+IF('Standard Profiles'!$G$18=$B$24,21,0),MOD($C1217,24)+1)/SUM(INDEX($D$3:$AA$30,INDEX(Jesper!$R$2:$R$366,ROW(INDEX(Jesper!AH$2:AH$366,ROUNDDOWN($C1217/24,0)+1,1))-1)+IF('Standard Profiles'!$G$18=$B$10,7,0)+IF('Standard Profiles'!$G$18=$B$17,14,0)+IF('Standard Profiles'!$G$18=$B$24,21,0),0)),0)</f>
        <v>13.263260541203826</v>
      </c>
      <c r="E1217" cm="1">
        <f t="array" ref="E1217">IFERROR(INDEX(Jesper!AI$2:AI$366,ROUNDDOWN($C1217/24,0)+1,1)*INDEX($D$3:$AA$30,INDEX(Jesper!$R$2:$R$366,ROW(INDEX(Jesper!AI$2:AI$366,ROUNDDOWN($C1217/24,0)+1,1))-1)+IF('Standard Profiles'!$G$19=$B$10,7,0)+IF('Standard Profiles'!$G$19=$B$17,14,0)+IF('Standard Profiles'!$G$19=$B$24,21,0),MOD($C1217,24)+1)/SUM(INDEX($D$3:$AA$30,INDEX(Jesper!$R$2:$R$366,ROW(INDEX(Jesper!AI$2:AI$366,ROUNDDOWN($C1217/24,0)+1,1))-1)+IF('Standard Profiles'!$G$19=$B$10,7,0)+IF('Standard Profiles'!$G$19=$B$17,14,0)+IF('Standard Profiles'!$G$19=$B$24,21,0),0)),0)</f>
        <v>0</v>
      </c>
      <c r="F1217" cm="1">
        <f t="array" ref="F1217">IFERROR(INDEX(Jesper!AJ$2:AJ$366,ROUNDDOWN($C1217/24,0)+1,1)*INDEX($D$3:$AA$30,INDEX(Jesper!$R$2:$R$366,ROW(INDEX(Jesper!AJ$2:AJ$366,ROUNDDOWN($C1217/24,0)+1,1))-1)+IF('Standard Profiles'!$G$20=$B$10,7,0)+IF('Standard Profiles'!$G$20=$B$17,14,0)+IF('Standard Profiles'!$G$20=$B$24,21,0),MOD($C1217,24)+1)/SUM(INDEX($D$3:$AA$30,INDEX(Jesper!$R$2:$R$366,ROW(INDEX(Jesper!AJ$2:AJ$366,ROUNDDOWN($C1217/24,0)+1,1))-1)+IF('Standard Profiles'!$G$20=$B$10,7,0)+IF('Standard Profiles'!$G$20=$B$17,14,0)+IF('Standard Profiles'!$G$20=$B$24,21,0),0)),0)</f>
        <v>0</v>
      </c>
      <c r="G1217" cm="1">
        <f t="array" ref="G1217">IFERROR(INDEX(Jesper!AK$2:AK$366,ROUNDDOWN($C1217/24,0)+1,1)*INDEX($D$3:$AA$30,INDEX(Jesper!$R$2:$R$366,ROW(INDEX(Jesper!AK$2:AK$366,ROUNDDOWN($C1217/24,0)+1,1))-1)+IF('Standard Profiles'!$G$21=$B$10,7,0)+IF('Standard Profiles'!$G$21=$B$17,14,0)+IF('Standard Profiles'!$G$21=$B$24,21,0),MOD($C1217,24)+1)/SUM(INDEX($D$3:$AA$30,INDEX(Jesper!$R$2:$R$366,ROW(INDEX(Jesper!AK$2:AK$366,ROUNDDOWN($C1217/24,0)+1,1))-1)+IF('Standard Profiles'!$G$21=$B$10,7,0)+IF('Standard Profiles'!$G$21=$B$17,14,0)+IF('Standard Profiles'!$G$21=$B$24,21,0),0)),0)</f>
        <v>0</v>
      </c>
      <c r="H1217" cm="1">
        <f t="array" ref="H1217">IFERROR(INDEX(Jesper!AL$2:AL$366,ROUNDDOWN($C1217/24,0)+1,1)*INDEX($D$3:$AA$30,INDEX(Jesper!$R$2:$R$366,ROW(INDEX(Jesper!AL$2:AL$366,ROUNDDOWN($C1217/24,0)+1,1))-1)+IF('Standard Profiles'!$G$22=$B$10,7,0)+IF('Standard Profiles'!$G$22=$B$17,14,0)+IF('Standard Profiles'!$G$22=$B$24,21,0),MOD($C1217,24)+1)/SUM(INDEX($D$3:$AA$30,INDEX(Jesper!$R$2:$R$366,ROW(INDEX(Jesper!AL$2:AL$366,ROUNDDOWN($C1217/24,0)+1,1))-1)+IF('Standard Profiles'!$G$22=$B$10,7,0)+IF('Standard Profiles'!$G$22=$B$17,14,0)+IF('Standard Profiles'!$G$22=$B$24,21,0),0)),0)</f>
        <v>0</v>
      </c>
      <c r="I1217">
        <f t="shared" si="146"/>
        <v>0.39789781623611475</v>
      </c>
      <c r="J1217">
        <f t="shared" si="147"/>
        <v>1.3263260541203827</v>
      </c>
      <c r="K1217">
        <f t="shared" si="148"/>
        <v>1.9894890811805737</v>
      </c>
      <c r="L1217">
        <f t="shared" si="149"/>
        <v>9.5495475896667532</v>
      </c>
      <c r="M1217">
        <f t="shared" si="150"/>
        <v>0</v>
      </c>
      <c r="N1217" s="46">
        <f t="shared" si="151"/>
        <v>45341.291666663798</v>
      </c>
    </row>
    <row r="1218" spans="2:14" x14ac:dyDescent="0.3">
      <c r="B1218">
        <f t="shared" si="145"/>
        <v>1</v>
      </c>
      <c r="C1218" s="16">
        <v>1184</v>
      </c>
      <c r="D1218" cm="1">
        <f t="array" ref="D1218">IFERROR(INDEX(Jesper!AH$2:AH$366,ROUNDDOWN($C1218/24,0)+1,1)*INDEX($D$3:$AA$30,INDEX(Jesper!$R$2:$R$366,ROW(INDEX(Jesper!AH$2:AH$366,ROUNDDOWN($C1218/24,0)+1,1))-1)+IF('Standard Profiles'!$G$18=$B$10,7,0)+IF('Standard Profiles'!$G$18=$B$17,14,0)+IF('Standard Profiles'!$G$18=$B$24,21,0),MOD($C1218,24)+1)/SUM(INDEX($D$3:$AA$30,INDEX(Jesper!$R$2:$R$366,ROW(INDEX(Jesper!AH$2:AH$366,ROUNDDOWN($C1218/24,0)+1,1))-1)+IF('Standard Profiles'!$G$18=$B$10,7,0)+IF('Standard Profiles'!$G$18=$B$17,14,0)+IF('Standard Profiles'!$G$18=$B$24,21,0),0)),0)</f>
        <v>13.263260541203826</v>
      </c>
      <c r="E1218" cm="1">
        <f t="array" ref="E1218">IFERROR(INDEX(Jesper!AI$2:AI$366,ROUNDDOWN($C1218/24,0)+1,1)*INDEX($D$3:$AA$30,INDEX(Jesper!$R$2:$R$366,ROW(INDEX(Jesper!AI$2:AI$366,ROUNDDOWN($C1218/24,0)+1,1))-1)+IF('Standard Profiles'!$G$19=$B$10,7,0)+IF('Standard Profiles'!$G$19=$B$17,14,0)+IF('Standard Profiles'!$G$19=$B$24,21,0),MOD($C1218,24)+1)/SUM(INDEX($D$3:$AA$30,INDEX(Jesper!$R$2:$R$366,ROW(INDEX(Jesper!AI$2:AI$366,ROUNDDOWN($C1218/24,0)+1,1))-1)+IF('Standard Profiles'!$G$19=$B$10,7,0)+IF('Standard Profiles'!$G$19=$B$17,14,0)+IF('Standard Profiles'!$G$19=$B$24,21,0),0)),0)</f>
        <v>0</v>
      </c>
      <c r="F1218" cm="1">
        <f t="array" ref="F1218">IFERROR(INDEX(Jesper!AJ$2:AJ$366,ROUNDDOWN($C1218/24,0)+1,1)*INDEX($D$3:$AA$30,INDEX(Jesper!$R$2:$R$366,ROW(INDEX(Jesper!AJ$2:AJ$366,ROUNDDOWN($C1218/24,0)+1,1))-1)+IF('Standard Profiles'!$G$20=$B$10,7,0)+IF('Standard Profiles'!$G$20=$B$17,14,0)+IF('Standard Profiles'!$G$20=$B$24,21,0),MOD($C1218,24)+1)/SUM(INDEX($D$3:$AA$30,INDEX(Jesper!$R$2:$R$366,ROW(INDEX(Jesper!AJ$2:AJ$366,ROUNDDOWN($C1218/24,0)+1,1))-1)+IF('Standard Profiles'!$G$20=$B$10,7,0)+IF('Standard Profiles'!$G$20=$B$17,14,0)+IF('Standard Profiles'!$G$20=$B$24,21,0),0)),0)</f>
        <v>0</v>
      </c>
      <c r="G1218" cm="1">
        <f t="array" ref="G1218">IFERROR(INDEX(Jesper!AK$2:AK$366,ROUNDDOWN($C1218/24,0)+1,1)*INDEX($D$3:$AA$30,INDEX(Jesper!$R$2:$R$366,ROW(INDEX(Jesper!AK$2:AK$366,ROUNDDOWN($C1218/24,0)+1,1))-1)+IF('Standard Profiles'!$G$21=$B$10,7,0)+IF('Standard Profiles'!$G$21=$B$17,14,0)+IF('Standard Profiles'!$G$21=$B$24,21,0),MOD($C1218,24)+1)/SUM(INDEX($D$3:$AA$30,INDEX(Jesper!$R$2:$R$366,ROW(INDEX(Jesper!AK$2:AK$366,ROUNDDOWN($C1218/24,0)+1,1))-1)+IF('Standard Profiles'!$G$21=$B$10,7,0)+IF('Standard Profiles'!$G$21=$B$17,14,0)+IF('Standard Profiles'!$G$21=$B$24,21,0),0)),0)</f>
        <v>0</v>
      </c>
      <c r="H1218" cm="1">
        <f t="array" ref="H1218">IFERROR(INDEX(Jesper!AL$2:AL$366,ROUNDDOWN($C1218/24,0)+1,1)*INDEX($D$3:$AA$30,INDEX(Jesper!$R$2:$R$366,ROW(INDEX(Jesper!AL$2:AL$366,ROUNDDOWN($C1218/24,0)+1,1))-1)+IF('Standard Profiles'!$G$22=$B$10,7,0)+IF('Standard Profiles'!$G$22=$B$17,14,0)+IF('Standard Profiles'!$G$22=$B$24,21,0),MOD($C1218,24)+1)/SUM(INDEX($D$3:$AA$30,INDEX(Jesper!$R$2:$R$366,ROW(INDEX(Jesper!AL$2:AL$366,ROUNDDOWN($C1218/24,0)+1,1))-1)+IF('Standard Profiles'!$G$22=$B$10,7,0)+IF('Standard Profiles'!$G$22=$B$17,14,0)+IF('Standard Profiles'!$G$22=$B$24,21,0),0)),0)</f>
        <v>0</v>
      </c>
      <c r="I1218">
        <f t="shared" si="146"/>
        <v>0.39789781623611475</v>
      </c>
      <c r="J1218">
        <f t="shared" si="147"/>
        <v>1.3263260541203827</v>
      </c>
      <c r="K1218">
        <f t="shared" si="148"/>
        <v>1.9894890811805737</v>
      </c>
      <c r="L1218">
        <f t="shared" si="149"/>
        <v>9.5495475896667532</v>
      </c>
      <c r="M1218">
        <f t="shared" si="150"/>
        <v>0</v>
      </c>
      <c r="N1218" s="46">
        <f t="shared" si="151"/>
        <v>45341.333333330462</v>
      </c>
    </row>
    <row r="1219" spans="2:14" x14ac:dyDescent="0.3">
      <c r="B1219">
        <f t="shared" si="145"/>
        <v>1</v>
      </c>
      <c r="C1219" s="16">
        <v>1185</v>
      </c>
      <c r="D1219" cm="1">
        <f t="array" ref="D1219">IFERROR(INDEX(Jesper!AH$2:AH$366,ROUNDDOWN($C1219/24,0)+1,1)*INDEX($D$3:$AA$30,INDEX(Jesper!$R$2:$R$366,ROW(INDEX(Jesper!AH$2:AH$366,ROUNDDOWN($C1219/24,0)+1,1))-1)+IF('Standard Profiles'!$G$18=$B$10,7,0)+IF('Standard Profiles'!$G$18=$B$17,14,0)+IF('Standard Profiles'!$G$18=$B$24,21,0),MOD($C1219,24)+1)/SUM(INDEX($D$3:$AA$30,INDEX(Jesper!$R$2:$R$366,ROW(INDEX(Jesper!AH$2:AH$366,ROUNDDOWN($C1219/24,0)+1,1))-1)+IF('Standard Profiles'!$G$18=$B$10,7,0)+IF('Standard Profiles'!$G$18=$B$17,14,0)+IF('Standard Profiles'!$G$18=$B$24,21,0),0)),0)</f>
        <v>14.162464645692221</v>
      </c>
      <c r="E1219" cm="1">
        <f t="array" ref="E1219">IFERROR(INDEX(Jesper!AI$2:AI$366,ROUNDDOWN($C1219/24,0)+1,1)*INDEX($D$3:$AA$30,INDEX(Jesper!$R$2:$R$366,ROW(INDEX(Jesper!AI$2:AI$366,ROUNDDOWN($C1219/24,0)+1,1))-1)+IF('Standard Profiles'!$G$19=$B$10,7,0)+IF('Standard Profiles'!$G$19=$B$17,14,0)+IF('Standard Profiles'!$G$19=$B$24,21,0),MOD($C1219,24)+1)/SUM(INDEX($D$3:$AA$30,INDEX(Jesper!$R$2:$R$366,ROW(INDEX(Jesper!AI$2:AI$366,ROUNDDOWN($C1219/24,0)+1,1))-1)+IF('Standard Profiles'!$G$19=$B$10,7,0)+IF('Standard Profiles'!$G$19=$B$17,14,0)+IF('Standard Profiles'!$G$19=$B$24,21,0),0)),0)</f>
        <v>0</v>
      </c>
      <c r="F1219" cm="1">
        <f t="array" ref="F1219">IFERROR(INDEX(Jesper!AJ$2:AJ$366,ROUNDDOWN($C1219/24,0)+1,1)*INDEX($D$3:$AA$30,INDEX(Jesper!$R$2:$R$366,ROW(INDEX(Jesper!AJ$2:AJ$366,ROUNDDOWN($C1219/24,0)+1,1))-1)+IF('Standard Profiles'!$G$20=$B$10,7,0)+IF('Standard Profiles'!$G$20=$B$17,14,0)+IF('Standard Profiles'!$G$20=$B$24,21,0),MOD($C1219,24)+1)/SUM(INDEX($D$3:$AA$30,INDEX(Jesper!$R$2:$R$366,ROW(INDEX(Jesper!AJ$2:AJ$366,ROUNDDOWN($C1219/24,0)+1,1))-1)+IF('Standard Profiles'!$G$20=$B$10,7,0)+IF('Standard Profiles'!$G$20=$B$17,14,0)+IF('Standard Profiles'!$G$20=$B$24,21,0),0)),0)</f>
        <v>0</v>
      </c>
      <c r="G1219" cm="1">
        <f t="array" ref="G1219">IFERROR(INDEX(Jesper!AK$2:AK$366,ROUNDDOWN($C1219/24,0)+1,1)*INDEX($D$3:$AA$30,INDEX(Jesper!$R$2:$R$366,ROW(INDEX(Jesper!AK$2:AK$366,ROUNDDOWN($C1219/24,0)+1,1))-1)+IF('Standard Profiles'!$G$21=$B$10,7,0)+IF('Standard Profiles'!$G$21=$B$17,14,0)+IF('Standard Profiles'!$G$21=$B$24,21,0),MOD($C1219,24)+1)/SUM(INDEX($D$3:$AA$30,INDEX(Jesper!$R$2:$R$366,ROW(INDEX(Jesper!AK$2:AK$366,ROUNDDOWN($C1219/24,0)+1,1))-1)+IF('Standard Profiles'!$G$21=$B$10,7,0)+IF('Standard Profiles'!$G$21=$B$17,14,0)+IF('Standard Profiles'!$G$21=$B$24,21,0),0)),0)</f>
        <v>0</v>
      </c>
      <c r="H1219" cm="1">
        <f t="array" ref="H1219">IFERROR(INDEX(Jesper!AL$2:AL$366,ROUNDDOWN($C1219/24,0)+1,1)*INDEX($D$3:$AA$30,INDEX(Jesper!$R$2:$R$366,ROW(INDEX(Jesper!AL$2:AL$366,ROUNDDOWN($C1219/24,0)+1,1))-1)+IF('Standard Profiles'!$G$22=$B$10,7,0)+IF('Standard Profiles'!$G$22=$B$17,14,0)+IF('Standard Profiles'!$G$22=$B$24,21,0),MOD($C1219,24)+1)/SUM(INDEX($D$3:$AA$30,INDEX(Jesper!$R$2:$R$366,ROW(INDEX(Jesper!AL$2:AL$366,ROUNDDOWN($C1219/24,0)+1,1))-1)+IF('Standard Profiles'!$G$22=$B$10,7,0)+IF('Standard Profiles'!$G$22=$B$17,14,0)+IF('Standard Profiles'!$G$22=$B$24,21,0),0)),0)</f>
        <v>0</v>
      </c>
      <c r="I1219">
        <f t="shared" si="146"/>
        <v>0.42487393937076662</v>
      </c>
      <c r="J1219">
        <f t="shared" si="147"/>
        <v>1.4162464645692223</v>
      </c>
      <c r="K1219">
        <f t="shared" si="148"/>
        <v>2.124369696853833</v>
      </c>
      <c r="L1219">
        <f t="shared" si="149"/>
        <v>10.196974544898399</v>
      </c>
      <c r="M1219">
        <f t="shared" si="150"/>
        <v>0</v>
      </c>
      <c r="N1219" s="46">
        <f t="shared" si="151"/>
        <v>45341.374999997126</v>
      </c>
    </row>
    <row r="1220" spans="2:14" x14ac:dyDescent="0.3">
      <c r="B1220">
        <f t="shared" si="145"/>
        <v>1</v>
      </c>
      <c r="C1220" s="16">
        <v>1186</v>
      </c>
      <c r="D1220" cm="1">
        <f t="array" ref="D1220">IFERROR(INDEX(Jesper!AH$2:AH$366,ROUNDDOWN($C1220/24,0)+1,1)*INDEX($D$3:$AA$30,INDEX(Jesper!$R$2:$R$366,ROW(INDEX(Jesper!AH$2:AH$366,ROUNDDOWN($C1220/24,0)+1,1))-1)+IF('Standard Profiles'!$G$18=$B$10,7,0)+IF('Standard Profiles'!$G$18=$B$17,14,0)+IF('Standard Profiles'!$G$18=$B$24,21,0),MOD($C1220,24)+1)/SUM(INDEX($D$3:$AA$30,INDEX(Jesper!$R$2:$R$366,ROW(INDEX(Jesper!AH$2:AH$366,ROUNDDOWN($C1220/24,0)+1,1))-1)+IF('Standard Profiles'!$G$18=$B$10,7,0)+IF('Standard Profiles'!$G$18=$B$17,14,0)+IF('Standard Profiles'!$G$18=$B$24,21,0),0)),0)</f>
        <v>14.162464645692221</v>
      </c>
      <c r="E1220" cm="1">
        <f t="array" ref="E1220">IFERROR(INDEX(Jesper!AI$2:AI$366,ROUNDDOWN($C1220/24,0)+1,1)*INDEX($D$3:$AA$30,INDEX(Jesper!$R$2:$R$366,ROW(INDEX(Jesper!AI$2:AI$366,ROUNDDOWN($C1220/24,0)+1,1))-1)+IF('Standard Profiles'!$G$19=$B$10,7,0)+IF('Standard Profiles'!$G$19=$B$17,14,0)+IF('Standard Profiles'!$G$19=$B$24,21,0),MOD($C1220,24)+1)/SUM(INDEX($D$3:$AA$30,INDEX(Jesper!$R$2:$R$366,ROW(INDEX(Jesper!AI$2:AI$366,ROUNDDOWN($C1220/24,0)+1,1))-1)+IF('Standard Profiles'!$G$19=$B$10,7,0)+IF('Standard Profiles'!$G$19=$B$17,14,0)+IF('Standard Profiles'!$G$19=$B$24,21,0),0)),0)</f>
        <v>0</v>
      </c>
      <c r="F1220" cm="1">
        <f t="array" ref="F1220">IFERROR(INDEX(Jesper!AJ$2:AJ$366,ROUNDDOWN($C1220/24,0)+1,1)*INDEX($D$3:$AA$30,INDEX(Jesper!$R$2:$R$366,ROW(INDEX(Jesper!AJ$2:AJ$366,ROUNDDOWN($C1220/24,0)+1,1))-1)+IF('Standard Profiles'!$G$20=$B$10,7,0)+IF('Standard Profiles'!$G$20=$B$17,14,0)+IF('Standard Profiles'!$G$20=$B$24,21,0),MOD($C1220,24)+1)/SUM(INDEX($D$3:$AA$30,INDEX(Jesper!$R$2:$R$366,ROW(INDEX(Jesper!AJ$2:AJ$366,ROUNDDOWN($C1220/24,0)+1,1))-1)+IF('Standard Profiles'!$G$20=$B$10,7,0)+IF('Standard Profiles'!$G$20=$B$17,14,0)+IF('Standard Profiles'!$G$20=$B$24,21,0),0)),0)</f>
        <v>0</v>
      </c>
      <c r="G1220" cm="1">
        <f t="array" ref="G1220">IFERROR(INDEX(Jesper!AK$2:AK$366,ROUNDDOWN($C1220/24,0)+1,1)*INDEX($D$3:$AA$30,INDEX(Jesper!$R$2:$R$366,ROW(INDEX(Jesper!AK$2:AK$366,ROUNDDOWN($C1220/24,0)+1,1))-1)+IF('Standard Profiles'!$G$21=$B$10,7,0)+IF('Standard Profiles'!$G$21=$B$17,14,0)+IF('Standard Profiles'!$G$21=$B$24,21,0),MOD($C1220,24)+1)/SUM(INDEX($D$3:$AA$30,INDEX(Jesper!$R$2:$R$366,ROW(INDEX(Jesper!AK$2:AK$366,ROUNDDOWN($C1220/24,0)+1,1))-1)+IF('Standard Profiles'!$G$21=$B$10,7,0)+IF('Standard Profiles'!$G$21=$B$17,14,0)+IF('Standard Profiles'!$G$21=$B$24,21,0),0)),0)</f>
        <v>0</v>
      </c>
      <c r="H1220" cm="1">
        <f t="array" ref="H1220">IFERROR(INDEX(Jesper!AL$2:AL$366,ROUNDDOWN($C1220/24,0)+1,1)*INDEX($D$3:$AA$30,INDEX(Jesper!$R$2:$R$366,ROW(INDEX(Jesper!AL$2:AL$366,ROUNDDOWN($C1220/24,0)+1,1))-1)+IF('Standard Profiles'!$G$22=$B$10,7,0)+IF('Standard Profiles'!$G$22=$B$17,14,0)+IF('Standard Profiles'!$G$22=$B$24,21,0),MOD($C1220,24)+1)/SUM(INDEX($D$3:$AA$30,INDEX(Jesper!$R$2:$R$366,ROW(INDEX(Jesper!AL$2:AL$366,ROUNDDOWN($C1220/24,0)+1,1))-1)+IF('Standard Profiles'!$G$22=$B$10,7,0)+IF('Standard Profiles'!$G$22=$B$17,14,0)+IF('Standard Profiles'!$G$22=$B$24,21,0),0)),0)</f>
        <v>0</v>
      </c>
      <c r="I1220">
        <f t="shared" si="146"/>
        <v>0.42487393937076662</v>
      </c>
      <c r="J1220">
        <f t="shared" si="147"/>
        <v>1.4162464645692223</v>
      </c>
      <c r="K1220">
        <f t="shared" si="148"/>
        <v>2.124369696853833</v>
      </c>
      <c r="L1220">
        <f t="shared" si="149"/>
        <v>10.196974544898399</v>
      </c>
      <c r="M1220">
        <f t="shared" si="150"/>
        <v>0</v>
      </c>
      <c r="N1220" s="46">
        <f t="shared" si="151"/>
        <v>45341.41666666379</v>
      </c>
    </row>
    <row r="1221" spans="2:14" x14ac:dyDescent="0.3">
      <c r="B1221">
        <f t="shared" si="145"/>
        <v>1</v>
      </c>
      <c r="C1221" s="16">
        <v>1187</v>
      </c>
      <c r="D1221" cm="1">
        <f t="array" ref="D1221">IFERROR(INDEX(Jesper!AH$2:AH$366,ROUNDDOWN($C1221/24,0)+1,1)*INDEX($D$3:$AA$30,INDEX(Jesper!$R$2:$R$366,ROW(INDEX(Jesper!AH$2:AH$366,ROUNDDOWN($C1221/24,0)+1,1))-1)+IF('Standard Profiles'!$G$18=$B$10,7,0)+IF('Standard Profiles'!$G$18=$B$17,14,0)+IF('Standard Profiles'!$G$18=$B$24,21,0),MOD($C1221,24)+1)/SUM(INDEX($D$3:$AA$30,INDEX(Jesper!$R$2:$R$366,ROW(INDEX(Jesper!AH$2:AH$366,ROUNDDOWN($C1221/24,0)+1,1))-1)+IF('Standard Profiles'!$G$18=$B$10,7,0)+IF('Standard Profiles'!$G$18=$B$17,14,0)+IF('Standard Profiles'!$G$18=$B$24,21,0),0)),0)</f>
        <v>17.984082089767902</v>
      </c>
      <c r="E1221" cm="1">
        <f t="array" ref="E1221">IFERROR(INDEX(Jesper!AI$2:AI$366,ROUNDDOWN($C1221/24,0)+1,1)*INDEX($D$3:$AA$30,INDEX(Jesper!$R$2:$R$366,ROW(INDEX(Jesper!AI$2:AI$366,ROUNDDOWN($C1221/24,0)+1,1))-1)+IF('Standard Profiles'!$G$19=$B$10,7,0)+IF('Standard Profiles'!$G$19=$B$17,14,0)+IF('Standard Profiles'!$G$19=$B$24,21,0),MOD($C1221,24)+1)/SUM(INDEX($D$3:$AA$30,INDEX(Jesper!$R$2:$R$366,ROW(INDEX(Jesper!AI$2:AI$366,ROUNDDOWN($C1221/24,0)+1,1))-1)+IF('Standard Profiles'!$G$19=$B$10,7,0)+IF('Standard Profiles'!$G$19=$B$17,14,0)+IF('Standard Profiles'!$G$19=$B$24,21,0),0)),0)</f>
        <v>0</v>
      </c>
      <c r="F1221" cm="1">
        <f t="array" ref="F1221">IFERROR(INDEX(Jesper!AJ$2:AJ$366,ROUNDDOWN($C1221/24,0)+1,1)*INDEX($D$3:$AA$30,INDEX(Jesper!$R$2:$R$366,ROW(INDEX(Jesper!AJ$2:AJ$366,ROUNDDOWN($C1221/24,0)+1,1))-1)+IF('Standard Profiles'!$G$20=$B$10,7,0)+IF('Standard Profiles'!$G$20=$B$17,14,0)+IF('Standard Profiles'!$G$20=$B$24,21,0),MOD($C1221,24)+1)/SUM(INDEX($D$3:$AA$30,INDEX(Jesper!$R$2:$R$366,ROW(INDEX(Jesper!AJ$2:AJ$366,ROUNDDOWN($C1221/24,0)+1,1))-1)+IF('Standard Profiles'!$G$20=$B$10,7,0)+IF('Standard Profiles'!$G$20=$B$17,14,0)+IF('Standard Profiles'!$G$20=$B$24,21,0),0)),0)</f>
        <v>0</v>
      </c>
      <c r="G1221" cm="1">
        <f t="array" ref="G1221">IFERROR(INDEX(Jesper!AK$2:AK$366,ROUNDDOWN($C1221/24,0)+1,1)*INDEX($D$3:$AA$30,INDEX(Jesper!$R$2:$R$366,ROW(INDEX(Jesper!AK$2:AK$366,ROUNDDOWN($C1221/24,0)+1,1))-1)+IF('Standard Profiles'!$G$21=$B$10,7,0)+IF('Standard Profiles'!$G$21=$B$17,14,0)+IF('Standard Profiles'!$G$21=$B$24,21,0),MOD($C1221,24)+1)/SUM(INDEX($D$3:$AA$30,INDEX(Jesper!$R$2:$R$366,ROW(INDEX(Jesper!AK$2:AK$366,ROUNDDOWN($C1221/24,0)+1,1))-1)+IF('Standard Profiles'!$G$21=$B$10,7,0)+IF('Standard Profiles'!$G$21=$B$17,14,0)+IF('Standard Profiles'!$G$21=$B$24,21,0),0)),0)</f>
        <v>0</v>
      </c>
      <c r="H1221" cm="1">
        <f t="array" ref="H1221">IFERROR(INDEX(Jesper!AL$2:AL$366,ROUNDDOWN($C1221/24,0)+1,1)*INDEX($D$3:$AA$30,INDEX(Jesper!$R$2:$R$366,ROW(INDEX(Jesper!AL$2:AL$366,ROUNDDOWN($C1221/24,0)+1,1))-1)+IF('Standard Profiles'!$G$22=$B$10,7,0)+IF('Standard Profiles'!$G$22=$B$17,14,0)+IF('Standard Profiles'!$G$22=$B$24,21,0),MOD($C1221,24)+1)/SUM(INDEX($D$3:$AA$30,INDEX(Jesper!$R$2:$R$366,ROW(INDEX(Jesper!AL$2:AL$366,ROUNDDOWN($C1221/24,0)+1,1))-1)+IF('Standard Profiles'!$G$22=$B$10,7,0)+IF('Standard Profiles'!$G$22=$B$17,14,0)+IF('Standard Profiles'!$G$22=$B$24,21,0),0)),0)</f>
        <v>0</v>
      </c>
      <c r="I1221">
        <f t="shared" si="146"/>
        <v>0.53952246269303705</v>
      </c>
      <c r="J1221">
        <f t="shared" si="147"/>
        <v>1.7984082089767903</v>
      </c>
      <c r="K1221">
        <f t="shared" si="148"/>
        <v>2.6976123134651853</v>
      </c>
      <c r="L1221">
        <f t="shared" si="149"/>
        <v>12.948539104632889</v>
      </c>
      <c r="M1221">
        <f t="shared" si="150"/>
        <v>0</v>
      </c>
      <c r="N1221" s="46">
        <f t="shared" si="151"/>
        <v>45341.458333330454</v>
      </c>
    </row>
    <row r="1222" spans="2:14" x14ac:dyDescent="0.3">
      <c r="B1222">
        <f t="shared" si="145"/>
        <v>1</v>
      </c>
      <c r="C1222" s="16">
        <v>1188</v>
      </c>
      <c r="D1222" cm="1">
        <f t="array" ref="D1222">IFERROR(INDEX(Jesper!AH$2:AH$366,ROUNDDOWN($C1222/24,0)+1,1)*INDEX($D$3:$AA$30,INDEX(Jesper!$R$2:$R$366,ROW(INDEX(Jesper!AH$2:AH$366,ROUNDDOWN($C1222/24,0)+1,1))-1)+IF('Standard Profiles'!$G$18=$B$10,7,0)+IF('Standard Profiles'!$G$18=$B$17,14,0)+IF('Standard Profiles'!$G$18=$B$24,21,0),MOD($C1222,24)+1)/SUM(INDEX($D$3:$AA$30,INDEX(Jesper!$R$2:$R$366,ROW(INDEX(Jesper!AH$2:AH$366,ROUNDDOWN($C1222/24,0)+1,1))-1)+IF('Standard Profiles'!$G$18=$B$10,7,0)+IF('Standard Profiles'!$G$18=$B$17,14,0)+IF('Standard Profiles'!$G$18=$B$24,21,0),0)),0)</f>
        <v>17.984082089767902</v>
      </c>
      <c r="E1222" cm="1">
        <f t="array" ref="E1222">IFERROR(INDEX(Jesper!AI$2:AI$366,ROUNDDOWN($C1222/24,0)+1,1)*INDEX($D$3:$AA$30,INDEX(Jesper!$R$2:$R$366,ROW(INDEX(Jesper!AI$2:AI$366,ROUNDDOWN($C1222/24,0)+1,1))-1)+IF('Standard Profiles'!$G$19=$B$10,7,0)+IF('Standard Profiles'!$G$19=$B$17,14,0)+IF('Standard Profiles'!$G$19=$B$24,21,0),MOD($C1222,24)+1)/SUM(INDEX($D$3:$AA$30,INDEX(Jesper!$R$2:$R$366,ROW(INDEX(Jesper!AI$2:AI$366,ROUNDDOWN($C1222/24,0)+1,1))-1)+IF('Standard Profiles'!$G$19=$B$10,7,0)+IF('Standard Profiles'!$G$19=$B$17,14,0)+IF('Standard Profiles'!$G$19=$B$24,21,0),0)),0)</f>
        <v>0</v>
      </c>
      <c r="F1222" cm="1">
        <f t="array" ref="F1222">IFERROR(INDEX(Jesper!AJ$2:AJ$366,ROUNDDOWN($C1222/24,0)+1,1)*INDEX($D$3:$AA$30,INDEX(Jesper!$R$2:$R$366,ROW(INDEX(Jesper!AJ$2:AJ$366,ROUNDDOWN($C1222/24,0)+1,1))-1)+IF('Standard Profiles'!$G$20=$B$10,7,0)+IF('Standard Profiles'!$G$20=$B$17,14,0)+IF('Standard Profiles'!$G$20=$B$24,21,0),MOD($C1222,24)+1)/SUM(INDEX($D$3:$AA$30,INDEX(Jesper!$R$2:$R$366,ROW(INDEX(Jesper!AJ$2:AJ$366,ROUNDDOWN($C1222/24,0)+1,1))-1)+IF('Standard Profiles'!$G$20=$B$10,7,0)+IF('Standard Profiles'!$G$20=$B$17,14,0)+IF('Standard Profiles'!$G$20=$B$24,21,0),0)),0)</f>
        <v>0</v>
      </c>
      <c r="G1222" cm="1">
        <f t="array" ref="G1222">IFERROR(INDEX(Jesper!AK$2:AK$366,ROUNDDOWN($C1222/24,0)+1,1)*INDEX($D$3:$AA$30,INDEX(Jesper!$R$2:$R$366,ROW(INDEX(Jesper!AK$2:AK$366,ROUNDDOWN($C1222/24,0)+1,1))-1)+IF('Standard Profiles'!$G$21=$B$10,7,0)+IF('Standard Profiles'!$G$21=$B$17,14,0)+IF('Standard Profiles'!$G$21=$B$24,21,0),MOD($C1222,24)+1)/SUM(INDEX($D$3:$AA$30,INDEX(Jesper!$R$2:$R$366,ROW(INDEX(Jesper!AK$2:AK$366,ROUNDDOWN($C1222/24,0)+1,1))-1)+IF('Standard Profiles'!$G$21=$B$10,7,0)+IF('Standard Profiles'!$G$21=$B$17,14,0)+IF('Standard Profiles'!$G$21=$B$24,21,0),0)),0)</f>
        <v>0</v>
      </c>
      <c r="H1222" cm="1">
        <f t="array" ref="H1222">IFERROR(INDEX(Jesper!AL$2:AL$366,ROUNDDOWN($C1222/24,0)+1,1)*INDEX($D$3:$AA$30,INDEX(Jesper!$R$2:$R$366,ROW(INDEX(Jesper!AL$2:AL$366,ROUNDDOWN($C1222/24,0)+1,1))-1)+IF('Standard Profiles'!$G$22=$B$10,7,0)+IF('Standard Profiles'!$G$22=$B$17,14,0)+IF('Standard Profiles'!$G$22=$B$24,21,0),MOD($C1222,24)+1)/SUM(INDEX($D$3:$AA$30,INDEX(Jesper!$R$2:$R$366,ROW(INDEX(Jesper!AL$2:AL$366,ROUNDDOWN($C1222/24,0)+1,1))-1)+IF('Standard Profiles'!$G$22=$B$10,7,0)+IF('Standard Profiles'!$G$22=$B$17,14,0)+IF('Standard Profiles'!$G$22=$B$24,21,0),0)),0)</f>
        <v>0</v>
      </c>
      <c r="I1222">
        <f t="shared" si="146"/>
        <v>0.53952246269303705</v>
      </c>
      <c r="J1222">
        <f t="shared" si="147"/>
        <v>1.7984082089767903</v>
      </c>
      <c r="K1222">
        <f t="shared" si="148"/>
        <v>2.6976123134651853</v>
      </c>
      <c r="L1222">
        <f t="shared" si="149"/>
        <v>12.948539104632889</v>
      </c>
      <c r="M1222">
        <f t="shared" si="150"/>
        <v>0</v>
      </c>
      <c r="N1222" s="46">
        <f t="shared" si="151"/>
        <v>45341.499999997119</v>
      </c>
    </row>
    <row r="1223" spans="2:14" x14ac:dyDescent="0.3">
      <c r="B1223">
        <f t="shared" si="145"/>
        <v>1</v>
      </c>
      <c r="C1223" s="16">
        <v>1189</v>
      </c>
      <c r="D1223" cm="1">
        <f t="array" ref="D1223">IFERROR(INDEX(Jesper!AH$2:AH$366,ROUNDDOWN($C1223/24,0)+1,1)*INDEX($D$3:$AA$30,INDEX(Jesper!$R$2:$R$366,ROW(INDEX(Jesper!AH$2:AH$366,ROUNDDOWN($C1223/24,0)+1,1))-1)+IF('Standard Profiles'!$G$18=$B$10,7,0)+IF('Standard Profiles'!$G$18=$B$17,14,0)+IF('Standard Profiles'!$G$18=$B$24,21,0),MOD($C1223,24)+1)/SUM(INDEX($D$3:$AA$30,INDEX(Jesper!$R$2:$R$366,ROW(INDEX(Jesper!AH$2:AH$366,ROUNDDOWN($C1223/24,0)+1,1))-1)+IF('Standard Profiles'!$G$18=$B$10,7,0)+IF('Standard Profiles'!$G$18=$B$17,14,0)+IF('Standard Profiles'!$G$18=$B$24,21,0),0)),0)</f>
        <v>11.914454384471235</v>
      </c>
      <c r="E1223" cm="1">
        <f t="array" ref="E1223">IFERROR(INDEX(Jesper!AI$2:AI$366,ROUNDDOWN($C1223/24,0)+1,1)*INDEX($D$3:$AA$30,INDEX(Jesper!$R$2:$R$366,ROW(INDEX(Jesper!AI$2:AI$366,ROUNDDOWN($C1223/24,0)+1,1))-1)+IF('Standard Profiles'!$G$19=$B$10,7,0)+IF('Standard Profiles'!$G$19=$B$17,14,0)+IF('Standard Profiles'!$G$19=$B$24,21,0),MOD($C1223,24)+1)/SUM(INDEX($D$3:$AA$30,INDEX(Jesper!$R$2:$R$366,ROW(INDEX(Jesper!AI$2:AI$366,ROUNDDOWN($C1223/24,0)+1,1))-1)+IF('Standard Profiles'!$G$19=$B$10,7,0)+IF('Standard Profiles'!$G$19=$B$17,14,0)+IF('Standard Profiles'!$G$19=$B$24,21,0),0)),0)</f>
        <v>0</v>
      </c>
      <c r="F1223" cm="1">
        <f t="array" ref="F1223">IFERROR(INDEX(Jesper!AJ$2:AJ$366,ROUNDDOWN($C1223/24,0)+1,1)*INDEX($D$3:$AA$30,INDEX(Jesper!$R$2:$R$366,ROW(INDEX(Jesper!AJ$2:AJ$366,ROUNDDOWN($C1223/24,0)+1,1))-1)+IF('Standard Profiles'!$G$20=$B$10,7,0)+IF('Standard Profiles'!$G$20=$B$17,14,0)+IF('Standard Profiles'!$G$20=$B$24,21,0),MOD($C1223,24)+1)/SUM(INDEX($D$3:$AA$30,INDEX(Jesper!$R$2:$R$366,ROW(INDEX(Jesper!AJ$2:AJ$366,ROUNDDOWN($C1223/24,0)+1,1))-1)+IF('Standard Profiles'!$G$20=$B$10,7,0)+IF('Standard Profiles'!$G$20=$B$17,14,0)+IF('Standard Profiles'!$G$20=$B$24,21,0),0)),0)</f>
        <v>0</v>
      </c>
      <c r="G1223" cm="1">
        <f t="array" ref="G1223">IFERROR(INDEX(Jesper!AK$2:AK$366,ROUNDDOWN($C1223/24,0)+1,1)*INDEX($D$3:$AA$30,INDEX(Jesper!$R$2:$R$366,ROW(INDEX(Jesper!AK$2:AK$366,ROUNDDOWN($C1223/24,0)+1,1))-1)+IF('Standard Profiles'!$G$21=$B$10,7,0)+IF('Standard Profiles'!$G$21=$B$17,14,0)+IF('Standard Profiles'!$G$21=$B$24,21,0),MOD($C1223,24)+1)/SUM(INDEX($D$3:$AA$30,INDEX(Jesper!$R$2:$R$366,ROW(INDEX(Jesper!AK$2:AK$366,ROUNDDOWN($C1223/24,0)+1,1))-1)+IF('Standard Profiles'!$G$21=$B$10,7,0)+IF('Standard Profiles'!$G$21=$B$17,14,0)+IF('Standard Profiles'!$G$21=$B$24,21,0),0)),0)</f>
        <v>0</v>
      </c>
      <c r="H1223" cm="1">
        <f t="array" ref="H1223">IFERROR(INDEX(Jesper!AL$2:AL$366,ROUNDDOWN($C1223/24,0)+1,1)*INDEX($D$3:$AA$30,INDEX(Jesper!$R$2:$R$366,ROW(INDEX(Jesper!AL$2:AL$366,ROUNDDOWN($C1223/24,0)+1,1))-1)+IF('Standard Profiles'!$G$22=$B$10,7,0)+IF('Standard Profiles'!$G$22=$B$17,14,0)+IF('Standard Profiles'!$G$22=$B$24,21,0),MOD($C1223,24)+1)/SUM(INDEX($D$3:$AA$30,INDEX(Jesper!$R$2:$R$366,ROW(INDEX(Jesper!AL$2:AL$366,ROUNDDOWN($C1223/24,0)+1,1))-1)+IF('Standard Profiles'!$G$22=$B$10,7,0)+IF('Standard Profiles'!$G$22=$B$17,14,0)+IF('Standard Profiles'!$G$22=$B$24,21,0),0)),0)</f>
        <v>0</v>
      </c>
      <c r="I1223">
        <f t="shared" si="146"/>
        <v>0.35743363153413704</v>
      </c>
      <c r="J1223">
        <f t="shared" si="147"/>
        <v>1.1914454384471236</v>
      </c>
      <c r="K1223">
        <f t="shared" si="148"/>
        <v>1.787168157670685</v>
      </c>
      <c r="L1223">
        <f t="shared" si="149"/>
        <v>8.5784071568192886</v>
      </c>
      <c r="M1223">
        <f t="shared" si="150"/>
        <v>0</v>
      </c>
      <c r="N1223" s="46">
        <f t="shared" si="151"/>
        <v>45341.541666663783</v>
      </c>
    </row>
    <row r="1224" spans="2:14" x14ac:dyDescent="0.3">
      <c r="B1224">
        <f t="shared" si="145"/>
        <v>1</v>
      </c>
      <c r="C1224" s="16">
        <v>1190</v>
      </c>
      <c r="D1224" cm="1">
        <f t="array" ref="D1224">IFERROR(INDEX(Jesper!AH$2:AH$366,ROUNDDOWN($C1224/24,0)+1,1)*INDEX($D$3:$AA$30,INDEX(Jesper!$R$2:$R$366,ROW(INDEX(Jesper!AH$2:AH$366,ROUNDDOWN($C1224/24,0)+1,1))-1)+IF('Standard Profiles'!$G$18=$B$10,7,0)+IF('Standard Profiles'!$G$18=$B$17,14,0)+IF('Standard Profiles'!$G$18=$B$24,21,0),MOD($C1224,24)+1)/SUM(INDEX($D$3:$AA$30,INDEX(Jesper!$R$2:$R$366,ROW(INDEX(Jesper!AH$2:AH$366,ROUNDDOWN($C1224/24,0)+1,1))-1)+IF('Standard Profiles'!$G$18=$B$10,7,0)+IF('Standard Profiles'!$G$18=$B$17,14,0)+IF('Standard Profiles'!$G$18=$B$24,21,0),0)),0)</f>
        <v>17.984082089767902</v>
      </c>
      <c r="E1224" cm="1">
        <f t="array" ref="E1224">IFERROR(INDEX(Jesper!AI$2:AI$366,ROUNDDOWN($C1224/24,0)+1,1)*INDEX($D$3:$AA$30,INDEX(Jesper!$R$2:$R$366,ROW(INDEX(Jesper!AI$2:AI$366,ROUNDDOWN($C1224/24,0)+1,1))-1)+IF('Standard Profiles'!$G$19=$B$10,7,0)+IF('Standard Profiles'!$G$19=$B$17,14,0)+IF('Standard Profiles'!$G$19=$B$24,21,0),MOD($C1224,24)+1)/SUM(INDEX($D$3:$AA$30,INDEX(Jesper!$R$2:$R$366,ROW(INDEX(Jesper!AI$2:AI$366,ROUNDDOWN($C1224/24,0)+1,1))-1)+IF('Standard Profiles'!$G$19=$B$10,7,0)+IF('Standard Profiles'!$G$19=$B$17,14,0)+IF('Standard Profiles'!$G$19=$B$24,21,0),0)),0)</f>
        <v>0</v>
      </c>
      <c r="F1224" cm="1">
        <f t="array" ref="F1224">IFERROR(INDEX(Jesper!AJ$2:AJ$366,ROUNDDOWN($C1224/24,0)+1,1)*INDEX($D$3:$AA$30,INDEX(Jesper!$R$2:$R$366,ROW(INDEX(Jesper!AJ$2:AJ$366,ROUNDDOWN($C1224/24,0)+1,1))-1)+IF('Standard Profiles'!$G$20=$B$10,7,0)+IF('Standard Profiles'!$G$20=$B$17,14,0)+IF('Standard Profiles'!$G$20=$B$24,21,0),MOD($C1224,24)+1)/SUM(INDEX($D$3:$AA$30,INDEX(Jesper!$R$2:$R$366,ROW(INDEX(Jesper!AJ$2:AJ$366,ROUNDDOWN($C1224/24,0)+1,1))-1)+IF('Standard Profiles'!$G$20=$B$10,7,0)+IF('Standard Profiles'!$G$20=$B$17,14,0)+IF('Standard Profiles'!$G$20=$B$24,21,0),0)),0)</f>
        <v>0</v>
      </c>
      <c r="G1224" cm="1">
        <f t="array" ref="G1224">IFERROR(INDEX(Jesper!AK$2:AK$366,ROUNDDOWN($C1224/24,0)+1,1)*INDEX($D$3:$AA$30,INDEX(Jesper!$R$2:$R$366,ROW(INDEX(Jesper!AK$2:AK$366,ROUNDDOWN($C1224/24,0)+1,1))-1)+IF('Standard Profiles'!$G$21=$B$10,7,0)+IF('Standard Profiles'!$G$21=$B$17,14,0)+IF('Standard Profiles'!$G$21=$B$24,21,0),MOD($C1224,24)+1)/SUM(INDEX($D$3:$AA$30,INDEX(Jesper!$R$2:$R$366,ROW(INDEX(Jesper!AK$2:AK$366,ROUNDDOWN($C1224/24,0)+1,1))-1)+IF('Standard Profiles'!$G$21=$B$10,7,0)+IF('Standard Profiles'!$G$21=$B$17,14,0)+IF('Standard Profiles'!$G$21=$B$24,21,0),0)),0)</f>
        <v>0</v>
      </c>
      <c r="H1224" cm="1">
        <f t="array" ref="H1224">IFERROR(INDEX(Jesper!AL$2:AL$366,ROUNDDOWN($C1224/24,0)+1,1)*INDEX($D$3:$AA$30,INDEX(Jesper!$R$2:$R$366,ROW(INDEX(Jesper!AL$2:AL$366,ROUNDDOWN($C1224/24,0)+1,1))-1)+IF('Standard Profiles'!$G$22=$B$10,7,0)+IF('Standard Profiles'!$G$22=$B$17,14,0)+IF('Standard Profiles'!$G$22=$B$24,21,0),MOD($C1224,24)+1)/SUM(INDEX($D$3:$AA$30,INDEX(Jesper!$R$2:$R$366,ROW(INDEX(Jesper!AL$2:AL$366,ROUNDDOWN($C1224/24,0)+1,1))-1)+IF('Standard Profiles'!$G$22=$B$10,7,0)+IF('Standard Profiles'!$G$22=$B$17,14,0)+IF('Standard Profiles'!$G$22=$B$24,21,0),0)),0)</f>
        <v>0</v>
      </c>
      <c r="I1224">
        <f t="shared" si="146"/>
        <v>0.53952246269303705</v>
      </c>
      <c r="J1224">
        <f t="shared" si="147"/>
        <v>1.7984082089767903</v>
      </c>
      <c r="K1224">
        <f t="shared" si="148"/>
        <v>2.6976123134651853</v>
      </c>
      <c r="L1224">
        <f t="shared" si="149"/>
        <v>12.948539104632889</v>
      </c>
      <c r="M1224">
        <f t="shared" si="150"/>
        <v>0</v>
      </c>
      <c r="N1224" s="46">
        <f t="shared" si="151"/>
        <v>45341.583333330447</v>
      </c>
    </row>
    <row r="1225" spans="2:14" x14ac:dyDescent="0.3">
      <c r="B1225">
        <f t="shared" si="145"/>
        <v>1</v>
      </c>
      <c r="C1225" s="16">
        <v>1191</v>
      </c>
      <c r="D1225" cm="1">
        <f t="array" ref="D1225">IFERROR(INDEX(Jesper!AH$2:AH$366,ROUNDDOWN($C1225/24,0)+1,1)*INDEX($D$3:$AA$30,INDEX(Jesper!$R$2:$R$366,ROW(INDEX(Jesper!AH$2:AH$366,ROUNDDOWN($C1225/24,0)+1,1))-1)+IF('Standard Profiles'!$G$18=$B$10,7,0)+IF('Standard Profiles'!$G$18=$B$17,14,0)+IF('Standard Profiles'!$G$18=$B$24,21,0),MOD($C1225,24)+1)/SUM(INDEX($D$3:$AA$30,INDEX(Jesper!$R$2:$R$366,ROW(INDEX(Jesper!AH$2:AH$366,ROUNDDOWN($C1225/24,0)+1,1))-1)+IF('Standard Profiles'!$G$18=$B$10,7,0)+IF('Standard Profiles'!$G$18=$B$17,14,0)+IF('Standard Profiles'!$G$18=$B$24,21,0),0)),0)</f>
        <v>17.984082089767902</v>
      </c>
      <c r="E1225" cm="1">
        <f t="array" ref="E1225">IFERROR(INDEX(Jesper!AI$2:AI$366,ROUNDDOWN($C1225/24,0)+1,1)*INDEX($D$3:$AA$30,INDEX(Jesper!$R$2:$R$366,ROW(INDEX(Jesper!AI$2:AI$366,ROUNDDOWN($C1225/24,0)+1,1))-1)+IF('Standard Profiles'!$G$19=$B$10,7,0)+IF('Standard Profiles'!$G$19=$B$17,14,0)+IF('Standard Profiles'!$G$19=$B$24,21,0),MOD($C1225,24)+1)/SUM(INDEX($D$3:$AA$30,INDEX(Jesper!$R$2:$R$366,ROW(INDEX(Jesper!AI$2:AI$366,ROUNDDOWN($C1225/24,0)+1,1))-1)+IF('Standard Profiles'!$G$19=$B$10,7,0)+IF('Standard Profiles'!$G$19=$B$17,14,0)+IF('Standard Profiles'!$G$19=$B$24,21,0),0)),0)</f>
        <v>0</v>
      </c>
      <c r="F1225" cm="1">
        <f t="array" ref="F1225">IFERROR(INDEX(Jesper!AJ$2:AJ$366,ROUNDDOWN($C1225/24,0)+1,1)*INDEX($D$3:$AA$30,INDEX(Jesper!$R$2:$R$366,ROW(INDEX(Jesper!AJ$2:AJ$366,ROUNDDOWN($C1225/24,0)+1,1))-1)+IF('Standard Profiles'!$G$20=$B$10,7,0)+IF('Standard Profiles'!$G$20=$B$17,14,0)+IF('Standard Profiles'!$G$20=$B$24,21,0),MOD($C1225,24)+1)/SUM(INDEX($D$3:$AA$30,INDEX(Jesper!$R$2:$R$366,ROW(INDEX(Jesper!AJ$2:AJ$366,ROUNDDOWN($C1225/24,0)+1,1))-1)+IF('Standard Profiles'!$G$20=$B$10,7,0)+IF('Standard Profiles'!$G$20=$B$17,14,0)+IF('Standard Profiles'!$G$20=$B$24,21,0),0)),0)</f>
        <v>0</v>
      </c>
      <c r="G1225" cm="1">
        <f t="array" ref="G1225">IFERROR(INDEX(Jesper!AK$2:AK$366,ROUNDDOWN($C1225/24,0)+1,1)*INDEX($D$3:$AA$30,INDEX(Jesper!$R$2:$R$366,ROW(INDEX(Jesper!AK$2:AK$366,ROUNDDOWN($C1225/24,0)+1,1))-1)+IF('Standard Profiles'!$G$21=$B$10,7,0)+IF('Standard Profiles'!$G$21=$B$17,14,0)+IF('Standard Profiles'!$G$21=$B$24,21,0),MOD($C1225,24)+1)/SUM(INDEX($D$3:$AA$30,INDEX(Jesper!$R$2:$R$366,ROW(INDEX(Jesper!AK$2:AK$366,ROUNDDOWN($C1225/24,0)+1,1))-1)+IF('Standard Profiles'!$G$21=$B$10,7,0)+IF('Standard Profiles'!$G$21=$B$17,14,0)+IF('Standard Profiles'!$G$21=$B$24,21,0),0)),0)</f>
        <v>0</v>
      </c>
      <c r="H1225" cm="1">
        <f t="array" ref="H1225">IFERROR(INDEX(Jesper!AL$2:AL$366,ROUNDDOWN($C1225/24,0)+1,1)*INDEX($D$3:$AA$30,INDEX(Jesper!$R$2:$R$366,ROW(INDEX(Jesper!AL$2:AL$366,ROUNDDOWN($C1225/24,0)+1,1))-1)+IF('Standard Profiles'!$G$22=$B$10,7,0)+IF('Standard Profiles'!$G$22=$B$17,14,0)+IF('Standard Profiles'!$G$22=$B$24,21,0),MOD($C1225,24)+1)/SUM(INDEX($D$3:$AA$30,INDEX(Jesper!$R$2:$R$366,ROW(INDEX(Jesper!AL$2:AL$366,ROUNDDOWN($C1225/24,0)+1,1))-1)+IF('Standard Profiles'!$G$22=$B$10,7,0)+IF('Standard Profiles'!$G$22=$B$17,14,0)+IF('Standard Profiles'!$G$22=$B$24,21,0),0)),0)</f>
        <v>0</v>
      </c>
      <c r="I1225">
        <f t="shared" si="146"/>
        <v>0.53952246269303705</v>
      </c>
      <c r="J1225">
        <f t="shared" si="147"/>
        <v>1.7984082089767903</v>
      </c>
      <c r="K1225">
        <f t="shared" si="148"/>
        <v>2.6976123134651853</v>
      </c>
      <c r="L1225">
        <f t="shared" si="149"/>
        <v>12.948539104632889</v>
      </c>
      <c r="M1225">
        <f t="shared" si="150"/>
        <v>0</v>
      </c>
      <c r="N1225" s="46">
        <f t="shared" si="151"/>
        <v>45341.624999997111</v>
      </c>
    </row>
    <row r="1226" spans="2:14" x14ac:dyDescent="0.3">
      <c r="B1226">
        <f t="shared" si="145"/>
        <v>1</v>
      </c>
      <c r="C1226" s="16">
        <v>1192</v>
      </c>
      <c r="D1226" cm="1">
        <f t="array" ref="D1226">IFERROR(INDEX(Jesper!AH$2:AH$366,ROUNDDOWN($C1226/24,0)+1,1)*INDEX($D$3:$AA$30,INDEX(Jesper!$R$2:$R$366,ROW(INDEX(Jesper!AH$2:AH$366,ROUNDDOWN($C1226/24,0)+1,1))-1)+IF('Standard Profiles'!$G$18=$B$10,7,0)+IF('Standard Profiles'!$G$18=$B$17,14,0)+IF('Standard Profiles'!$G$18=$B$24,21,0),MOD($C1226,24)+1)/SUM(INDEX($D$3:$AA$30,INDEX(Jesper!$R$2:$R$366,ROW(INDEX(Jesper!AH$2:AH$366,ROUNDDOWN($C1226/24,0)+1,1))-1)+IF('Standard Profiles'!$G$18=$B$10,7,0)+IF('Standard Profiles'!$G$18=$B$17,14,0)+IF('Standard Profiles'!$G$18=$B$24,21,0),0)),0)</f>
        <v>17.984082089767902</v>
      </c>
      <c r="E1226" cm="1">
        <f t="array" ref="E1226">IFERROR(INDEX(Jesper!AI$2:AI$366,ROUNDDOWN($C1226/24,0)+1,1)*INDEX($D$3:$AA$30,INDEX(Jesper!$R$2:$R$366,ROW(INDEX(Jesper!AI$2:AI$366,ROUNDDOWN($C1226/24,0)+1,1))-1)+IF('Standard Profiles'!$G$19=$B$10,7,0)+IF('Standard Profiles'!$G$19=$B$17,14,0)+IF('Standard Profiles'!$G$19=$B$24,21,0),MOD($C1226,24)+1)/SUM(INDEX($D$3:$AA$30,INDEX(Jesper!$R$2:$R$366,ROW(INDEX(Jesper!AI$2:AI$366,ROUNDDOWN($C1226/24,0)+1,1))-1)+IF('Standard Profiles'!$G$19=$B$10,7,0)+IF('Standard Profiles'!$G$19=$B$17,14,0)+IF('Standard Profiles'!$G$19=$B$24,21,0),0)),0)</f>
        <v>0</v>
      </c>
      <c r="F1226" cm="1">
        <f t="array" ref="F1226">IFERROR(INDEX(Jesper!AJ$2:AJ$366,ROUNDDOWN($C1226/24,0)+1,1)*INDEX($D$3:$AA$30,INDEX(Jesper!$R$2:$R$366,ROW(INDEX(Jesper!AJ$2:AJ$366,ROUNDDOWN($C1226/24,0)+1,1))-1)+IF('Standard Profiles'!$G$20=$B$10,7,0)+IF('Standard Profiles'!$G$20=$B$17,14,0)+IF('Standard Profiles'!$G$20=$B$24,21,0),MOD($C1226,24)+1)/SUM(INDEX($D$3:$AA$30,INDEX(Jesper!$R$2:$R$366,ROW(INDEX(Jesper!AJ$2:AJ$366,ROUNDDOWN($C1226/24,0)+1,1))-1)+IF('Standard Profiles'!$G$20=$B$10,7,0)+IF('Standard Profiles'!$G$20=$B$17,14,0)+IF('Standard Profiles'!$G$20=$B$24,21,0),0)),0)</f>
        <v>0</v>
      </c>
      <c r="G1226" cm="1">
        <f t="array" ref="G1226">IFERROR(INDEX(Jesper!AK$2:AK$366,ROUNDDOWN($C1226/24,0)+1,1)*INDEX($D$3:$AA$30,INDEX(Jesper!$R$2:$R$366,ROW(INDEX(Jesper!AK$2:AK$366,ROUNDDOWN($C1226/24,0)+1,1))-1)+IF('Standard Profiles'!$G$21=$B$10,7,0)+IF('Standard Profiles'!$G$21=$B$17,14,0)+IF('Standard Profiles'!$G$21=$B$24,21,0),MOD($C1226,24)+1)/SUM(INDEX($D$3:$AA$30,INDEX(Jesper!$R$2:$R$366,ROW(INDEX(Jesper!AK$2:AK$366,ROUNDDOWN($C1226/24,0)+1,1))-1)+IF('Standard Profiles'!$G$21=$B$10,7,0)+IF('Standard Profiles'!$G$21=$B$17,14,0)+IF('Standard Profiles'!$G$21=$B$24,21,0),0)),0)</f>
        <v>0</v>
      </c>
      <c r="H1226" cm="1">
        <f t="array" ref="H1226">IFERROR(INDEX(Jesper!AL$2:AL$366,ROUNDDOWN($C1226/24,0)+1,1)*INDEX($D$3:$AA$30,INDEX(Jesper!$R$2:$R$366,ROW(INDEX(Jesper!AL$2:AL$366,ROUNDDOWN($C1226/24,0)+1,1))-1)+IF('Standard Profiles'!$G$22=$B$10,7,0)+IF('Standard Profiles'!$G$22=$B$17,14,0)+IF('Standard Profiles'!$G$22=$B$24,21,0),MOD($C1226,24)+1)/SUM(INDEX($D$3:$AA$30,INDEX(Jesper!$R$2:$R$366,ROW(INDEX(Jesper!AL$2:AL$366,ROUNDDOWN($C1226/24,0)+1,1))-1)+IF('Standard Profiles'!$G$22=$B$10,7,0)+IF('Standard Profiles'!$G$22=$B$17,14,0)+IF('Standard Profiles'!$G$22=$B$24,21,0),0)),0)</f>
        <v>0</v>
      </c>
      <c r="I1226">
        <f t="shared" si="146"/>
        <v>0.53952246269303705</v>
      </c>
      <c r="J1226">
        <f t="shared" si="147"/>
        <v>1.7984082089767903</v>
      </c>
      <c r="K1226">
        <f t="shared" si="148"/>
        <v>2.6976123134651853</v>
      </c>
      <c r="L1226">
        <f t="shared" si="149"/>
        <v>12.948539104632889</v>
      </c>
      <c r="M1226">
        <f t="shared" si="150"/>
        <v>0</v>
      </c>
      <c r="N1226" s="46">
        <f t="shared" si="151"/>
        <v>45341.666666663776</v>
      </c>
    </row>
    <row r="1227" spans="2:14" x14ac:dyDescent="0.3">
      <c r="B1227">
        <f t="shared" si="145"/>
        <v>1</v>
      </c>
      <c r="C1227" s="16">
        <v>1193</v>
      </c>
      <c r="D1227" cm="1">
        <f t="array" ref="D1227">IFERROR(INDEX(Jesper!AH$2:AH$366,ROUNDDOWN($C1227/24,0)+1,1)*INDEX($D$3:$AA$30,INDEX(Jesper!$R$2:$R$366,ROW(INDEX(Jesper!AH$2:AH$366,ROUNDDOWN($C1227/24,0)+1,1))-1)+IF('Standard Profiles'!$G$18=$B$10,7,0)+IF('Standard Profiles'!$G$18=$B$17,14,0)+IF('Standard Profiles'!$G$18=$B$24,21,0),MOD($C1227,24)+1)/SUM(INDEX($D$3:$AA$30,INDEX(Jesper!$R$2:$R$366,ROW(INDEX(Jesper!AH$2:AH$366,ROUNDDOWN($C1227/24,0)+1,1))-1)+IF('Standard Profiles'!$G$18=$B$10,7,0)+IF('Standard Profiles'!$G$18=$B$17,14,0)+IF('Standard Profiles'!$G$18=$B$24,21,0),0)),0)</f>
        <v>17.984082089767902</v>
      </c>
      <c r="E1227" cm="1">
        <f t="array" ref="E1227">IFERROR(INDEX(Jesper!AI$2:AI$366,ROUNDDOWN($C1227/24,0)+1,1)*INDEX($D$3:$AA$30,INDEX(Jesper!$R$2:$R$366,ROW(INDEX(Jesper!AI$2:AI$366,ROUNDDOWN($C1227/24,0)+1,1))-1)+IF('Standard Profiles'!$G$19=$B$10,7,0)+IF('Standard Profiles'!$G$19=$B$17,14,0)+IF('Standard Profiles'!$G$19=$B$24,21,0),MOD($C1227,24)+1)/SUM(INDEX($D$3:$AA$30,INDEX(Jesper!$R$2:$R$366,ROW(INDEX(Jesper!AI$2:AI$366,ROUNDDOWN($C1227/24,0)+1,1))-1)+IF('Standard Profiles'!$G$19=$B$10,7,0)+IF('Standard Profiles'!$G$19=$B$17,14,0)+IF('Standard Profiles'!$G$19=$B$24,21,0),0)),0)</f>
        <v>0</v>
      </c>
      <c r="F1227" cm="1">
        <f t="array" ref="F1227">IFERROR(INDEX(Jesper!AJ$2:AJ$366,ROUNDDOWN($C1227/24,0)+1,1)*INDEX($D$3:$AA$30,INDEX(Jesper!$R$2:$R$366,ROW(INDEX(Jesper!AJ$2:AJ$366,ROUNDDOWN($C1227/24,0)+1,1))-1)+IF('Standard Profiles'!$G$20=$B$10,7,0)+IF('Standard Profiles'!$G$20=$B$17,14,0)+IF('Standard Profiles'!$G$20=$B$24,21,0),MOD($C1227,24)+1)/SUM(INDEX($D$3:$AA$30,INDEX(Jesper!$R$2:$R$366,ROW(INDEX(Jesper!AJ$2:AJ$366,ROUNDDOWN($C1227/24,0)+1,1))-1)+IF('Standard Profiles'!$G$20=$B$10,7,0)+IF('Standard Profiles'!$G$20=$B$17,14,0)+IF('Standard Profiles'!$G$20=$B$24,21,0),0)),0)</f>
        <v>0</v>
      </c>
      <c r="G1227" cm="1">
        <f t="array" ref="G1227">IFERROR(INDEX(Jesper!AK$2:AK$366,ROUNDDOWN($C1227/24,0)+1,1)*INDEX($D$3:$AA$30,INDEX(Jesper!$R$2:$R$366,ROW(INDEX(Jesper!AK$2:AK$366,ROUNDDOWN($C1227/24,0)+1,1))-1)+IF('Standard Profiles'!$G$21=$B$10,7,0)+IF('Standard Profiles'!$G$21=$B$17,14,0)+IF('Standard Profiles'!$G$21=$B$24,21,0),MOD($C1227,24)+1)/SUM(INDEX($D$3:$AA$30,INDEX(Jesper!$R$2:$R$366,ROW(INDEX(Jesper!AK$2:AK$366,ROUNDDOWN($C1227/24,0)+1,1))-1)+IF('Standard Profiles'!$G$21=$B$10,7,0)+IF('Standard Profiles'!$G$21=$B$17,14,0)+IF('Standard Profiles'!$G$21=$B$24,21,0),0)),0)</f>
        <v>0</v>
      </c>
      <c r="H1227" cm="1">
        <f t="array" ref="H1227">IFERROR(INDEX(Jesper!AL$2:AL$366,ROUNDDOWN($C1227/24,0)+1,1)*INDEX($D$3:$AA$30,INDEX(Jesper!$R$2:$R$366,ROW(INDEX(Jesper!AL$2:AL$366,ROUNDDOWN($C1227/24,0)+1,1))-1)+IF('Standard Profiles'!$G$22=$B$10,7,0)+IF('Standard Profiles'!$G$22=$B$17,14,0)+IF('Standard Profiles'!$G$22=$B$24,21,0),MOD($C1227,24)+1)/SUM(INDEX($D$3:$AA$30,INDEX(Jesper!$R$2:$R$366,ROW(INDEX(Jesper!AL$2:AL$366,ROUNDDOWN($C1227/24,0)+1,1))-1)+IF('Standard Profiles'!$G$22=$B$10,7,0)+IF('Standard Profiles'!$G$22=$B$17,14,0)+IF('Standard Profiles'!$G$22=$B$24,21,0),0)),0)</f>
        <v>0</v>
      </c>
      <c r="I1227">
        <f t="shared" si="146"/>
        <v>0.53952246269303705</v>
      </c>
      <c r="J1227">
        <f t="shared" si="147"/>
        <v>1.7984082089767903</v>
      </c>
      <c r="K1227">
        <f t="shared" si="148"/>
        <v>2.6976123134651853</v>
      </c>
      <c r="L1227">
        <f t="shared" si="149"/>
        <v>12.948539104632889</v>
      </c>
      <c r="M1227">
        <f t="shared" si="150"/>
        <v>0</v>
      </c>
      <c r="N1227" s="46">
        <f t="shared" si="151"/>
        <v>45341.70833333044</v>
      </c>
    </row>
    <row r="1228" spans="2:14" x14ac:dyDescent="0.3">
      <c r="B1228">
        <f t="shared" si="145"/>
        <v>1</v>
      </c>
      <c r="C1228" s="16">
        <v>1194</v>
      </c>
      <c r="D1228" cm="1">
        <f t="array" ref="D1228">IFERROR(INDEX(Jesper!AH$2:AH$366,ROUNDDOWN($C1228/24,0)+1,1)*INDEX($D$3:$AA$30,INDEX(Jesper!$R$2:$R$366,ROW(INDEX(Jesper!AH$2:AH$366,ROUNDDOWN($C1228/24,0)+1,1))-1)+IF('Standard Profiles'!$G$18=$B$10,7,0)+IF('Standard Profiles'!$G$18=$B$17,14,0)+IF('Standard Profiles'!$G$18=$B$24,21,0),MOD($C1228,24)+1)/SUM(INDEX($D$3:$AA$30,INDEX(Jesper!$R$2:$R$366,ROW(INDEX(Jesper!AH$2:AH$366,ROUNDDOWN($C1228/24,0)+1,1))-1)+IF('Standard Profiles'!$G$18=$B$10,7,0)+IF('Standard Profiles'!$G$18=$B$17,14,0)+IF('Standard Profiles'!$G$18=$B$24,21,0),0)),0)</f>
        <v>17.984082089767902</v>
      </c>
      <c r="E1228" cm="1">
        <f t="array" ref="E1228">IFERROR(INDEX(Jesper!AI$2:AI$366,ROUNDDOWN($C1228/24,0)+1,1)*INDEX($D$3:$AA$30,INDEX(Jesper!$R$2:$R$366,ROW(INDEX(Jesper!AI$2:AI$366,ROUNDDOWN($C1228/24,0)+1,1))-1)+IF('Standard Profiles'!$G$19=$B$10,7,0)+IF('Standard Profiles'!$G$19=$B$17,14,0)+IF('Standard Profiles'!$G$19=$B$24,21,0),MOD($C1228,24)+1)/SUM(INDEX($D$3:$AA$30,INDEX(Jesper!$R$2:$R$366,ROW(INDEX(Jesper!AI$2:AI$366,ROUNDDOWN($C1228/24,0)+1,1))-1)+IF('Standard Profiles'!$G$19=$B$10,7,0)+IF('Standard Profiles'!$G$19=$B$17,14,0)+IF('Standard Profiles'!$G$19=$B$24,21,0),0)),0)</f>
        <v>0</v>
      </c>
      <c r="F1228" cm="1">
        <f t="array" ref="F1228">IFERROR(INDEX(Jesper!AJ$2:AJ$366,ROUNDDOWN($C1228/24,0)+1,1)*INDEX($D$3:$AA$30,INDEX(Jesper!$R$2:$R$366,ROW(INDEX(Jesper!AJ$2:AJ$366,ROUNDDOWN($C1228/24,0)+1,1))-1)+IF('Standard Profiles'!$G$20=$B$10,7,0)+IF('Standard Profiles'!$G$20=$B$17,14,0)+IF('Standard Profiles'!$G$20=$B$24,21,0),MOD($C1228,24)+1)/SUM(INDEX($D$3:$AA$30,INDEX(Jesper!$R$2:$R$366,ROW(INDEX(Jesper!AJ$2:AJ$366,ROUNDDOWN($C1228/24,0)+1,1))-1)+IF('Standard Profiles'!$G$20=$B$10,7,0)+IF('Standard Profiles'!$G$20=$B$17,14,0)+IF('Standard Profiles'!$G$20=$B$24,21,0),0)),0)</f>
        <v>0</v>
      </c>
      <c r="G1228" cm="1">
        <f t="array" ref="G1228">IFERROR(INDEX(Jesper!AK$2:AK$366,ROUNDDOWN($C1228/24,0)+1,1)*INDEX($D$3:$AA$30,INDEX(Jesper!$R$2:$R$366,ROW(INDEX(Jesper!AK$2:AK$366,ROUNDDOWN($C1228/24,0)+1,1))-1)+IF('Standard Profiles'!$G$21=$B$10,7,0)+IF('Standard Profiles'!$G$21=$B$17,14,0)+IF('Standard Profiles'!$G$21=$B$24,21,0),MOD($C1228,24)+1)/SUM(INDEX($D$3:$AA$30,INDEX(Jesper!$R$2:$R$366,ROW(INDEX(Jesper!AK$2:AK$366,ROUNDDOWN($C1228/24,0)+1,1))-1)+IF('Standard Profiles'!$G$21=$B$10,7,0)+IF('Standard Profiles'!$G$21=$B$17,14,0)+IF('Standard Profiles'!$G$21=$B$24,21,0),0)),0)</f>
        <v>0</v>
      </c>
      <c r="H1228" cm="1">
        <f t="array" ref="H1228">IFERROR(INDEX(Jesper!AL$2:AL$366,ROUNDDOWN($C1228/24,0)+1,1)*INDEX($D$3:$AA$30,INDEX(Jesper!$R$2:$R$366,ROW(INDEX(Jesper!AL$2:AL$366,ROUNDDOWN($C1228/24,0)+1,1))-1)+IF('Standard Profiles'!$G$22=$B$10,7,0)+IF('Standard Profiles'!$G$22=$B$17,14,0)+IF('Standard Profiles'!$G$22=$B$24,21,0),MOD($C1228,24)+1)/SUM(INDEX($D$3:$AA$30,INDEX(Jesper!$R$2:$R$366,ROW(INDEX(Jesper!AL$2:AL$366,ROUNDDOWN($C1228/24,0)+1,1))-1)+IF('Standard Profiles'!$G$22=$B$10,7,0)+IF('Standard Profiles'!$G$22=$B$17,14,0)+IF('Standard Profiles'!$G$22=$B$24,21,0),0)),0)</f>
        <v>0</v>
      </c>
      <c r="I1228">
        <f t="shared" si="146"/>
        <v>0.53952246269303705</v>
      </c>
      <c r="J1228">
        <f t="shared" si="147"/>
        <v>1.7984082089767903</v>
      </c>
      <c r="K1228">
        <f t="shared" si="148"/>
        <v>2.6976123134651853</v>
      </c>
      <c r="L1228">
        <f t="shared" si="149"/>
        <v>12.948539104632889</v>
      </c>
      <c r="M1228">
        <f t="shared" si="150"/>
        <v>0</v>
      </c>
      <c r="N1228" s="46">
        <f t="shared" si="151"/>
        <v>45341.749999997104</v>
      </c>
    </row>
    <row r="1229" spans="2:14" x14ac:dyDescent="0.3">
      <c r="B1229">
        <f t="shared" si="145"/>
        <v>1</v>
      </c>
      <c r="C1229" s="16">
        <v>1195</v>
      </c>
      <c r="D1229" cm="1">
        <f t="array" ref="D1229">IFERROR(INDEX(Jesper!AH$2:AH$366,ROUNDDOWN($C1229/24,0)+1,1)*INDEX($D$3:$AA$30,INDEX(Jesper!$R$2:$R$366,ROW(INDEX(Jesper!AH$2:AH$366,ROUNDDOWN($C1229/24,0)+1,1))-1)+IF('Standard Profiles'!$G$18=$B$10,7,0)+IF('Standard Profiles'!$G$18=$B$17,14,0)+IF('Standard Profiles'!$G$18=$B$24,21,0),MOD($C1229,24)+1)/SUM(INDEX($D$3:$AA$30,INDEX(Jesper!$R$2:$R$366,ROW(INDEX(Jesper!AH$2:AH$366,ROUNDDOWN($C1229/24,0)+1,1))-1)+IF('Standard Profiles'!$G$18=$B$10,7,0)+IF('Standard Profiles'!$G$18=$B$17,14,0)+IF('Standard Profiles'!$G$18=$B$24,21,0),0)),0)</f>
        <v>15.061668750180617</v>
      </c>
      <c r="E1229" cm="1">
        <f t="array" ref="E1229">IFERROR(INDEX(Jesper!AI$2:AI$366,ROUNDDOWN($C1229/24,0)+1,1)*INDEX($D$3:$AA$30,INDEX(Jesper!$R$2:$R$366,ROW(INDEX(Jesper!AI$2:AI$366,ROUNDDOWN($C1229/24,0)+1,1))-1)+IF('Standard Profiles'!$G$19=$B$10,7,0)+IF('Standard Profiles'!$G$19=$B$17,14,0)+IF('Standard Profiles'!$G$19=$B$24,21,0),MOD($C1229,24)+1)/SUM(INDEX($D$3:$AA$30,INDEX(Jesper!$R$2:$R$366,ROW(INDEX(Jesper!AI$2:AI$366,ROUNDDOWN($C1229/24,0)+1,1))-1)+IF('Standard Profiles'!$G$19=$B$10,7,0)+IF('Standard Profiles'!$G$19=$B$17,14,0)+IF('Standard Profiles'!$G$19=$B$24,21,0),0)),0)</f>
        <v>0</v>
      </c>
      <c r="F1229" cm="1">
        <f t="array" ref="F1229">IFERROR(INDEX(Jesper!AJ$2:AJ$366,ROUNDDOWN($C1229/24,0)+1,1)*INDEX($D$3:$AA$30,INDEX(Jesper!$R$2:$R$366,ROW(INDEX(Jesper!AJ$2:AJ$366,ROUNDDOWN($C1229/24,0)+1,1))-1)+IF('Standard Profiles'!$G$20=$B$10,7,0)+IF('Standard Profiles'!$G$20=$B$17,14,0)+IF('Standard Profiles'!$G$20=$B$24,21,0),MOD($C1229,24)+1)/SUM(INDEX($D$3:$AA$30,INDEX(Jesper!$R$2:$R$366,ROW(INDEX(Jesper!AJ$2:AJ$366,ROUNDDOWN($C1229/24,0)+1,1))-1)+IF('Standard Profiles'!$G$20=$B$10,7,0)+IF('Standard Profiles'!$G$20=$B$17,14,0)+IF('Standard Profiles'!$G$20=$B$24,21,0),0)),0)</f>
        <v>0</v>
      </c>
      <c r="G1229" cm="1">
        <f t="array" ref="G1229">IFERROR(INDEX(Jesper!AK$2:AK$366,ROUNDDOWN($C1229/24,0)+1,1)*INDEX($D$3:$AA$30,INDEX(Jesper!$R$2:$R$366,ROW(INDEX(Jesper!AK$2:AK$366,ROUNDDOWN($C1229/24,0)+1,1))-1)+IF('Standard Profiles'!$G$21=$B$10,7,0)+IF('Standard Profiles'!$G$21=$B$17,14,0)+IF('Standard Profiles'!$G$21=$B$24,21,0),MOD($C1229,24)+1)/SUM(INDEX($D$3:$AA$30,INDEX(Jesper!$R$2:$R$366,ROW(INDEX(Jesper!AK$2:AK$366,ROUNDDOWN($C1229/24,0)+1,1))-1)+IF('Standard Profiles'!$G$21=$B$10,7,0)+IF('Standard Profiles'!$G$21=$B$17,14,0)+IF('Standard Profiles'!$G$21=$B$24,21,0),0)),0)</f>
        <v>0</v>
      </c>
      <c r="H1229" cm="1">
        <f t="array" ref="H1229">IFERROR(INDEX(Jesper!AL$2:AL$366,ROUNDDOWN($C1229/24,0)+1,1)*INDEX($D$3:$AA$30,INDEX(Jesper!$R$2:$R$366,ROW(INDEX(Jesper!AL$2:AL$366,ROUNDDOWN($C1229/24,0)+1,1))-1)+IF('Standard Profiles'!$G$22=$B$10,7,0)+IF('Standard Profiles'!$G$22=$B$17,14,0)+IF('Standard Profiles'!$G$22=$B$24,21,0),MOD($C1229,24)+1)/SUM(INDEX($D$3:$AA$30,INDEX(Jesper!$R$2:$R$366,ROW(INDEX(Jesper!AL$2:AL$366,ROUNDDOWN($C1229/24,0)+1,1))-1)+IF('Standard Profiles'!$G$22=$B$10,7,0)+IF('Standard Profiles'!$G$22=$B$17,14,0)+IF('Standard Profiles'!$G$22=$B$24,21,0),0)),0)</f>
        <v>0</v>
      </c>
      <c r="I1229">
        <f t="shared" si="146"/>
        <v>0.45185006250541848</v>
      </c>
      <c r="J1229">
        <f t="shared" si="147"/>
        <v>1.5061668750180619</v>
      </c>
      <c r="K1229">
        <f t="shared" si="148"/>
        <v>2.2592503125270924</v>
      </c>
      <c r="L1229">
        <f t="shared" si="149"/>
        <v>10.844401500130044</v>
      </c>
      <c r="M1229">
        <f t="shared" si="150"/>
        <v>0</v>
      </c>
      <c r="N1229" s="46">
        <f t="shared" si="151"/>
        <v>45341.791666663768</v>
      </c>
    </row>
    <row r="1230" spans="2:14" x14ac:dyDescent="0.3">
      <c r="B1230">
        <f t="shared" si="145"/>
        <v>1</v>
      </c>
      <c r="C1230" s="16">
        <v>1196</v>
      </c>
      <c r="D1230" cm="1">
        <f t="array" ref="D1230">IFERROR(INDEX(Jesper!AH$2:AH$366,ROUNDDOWN($C1230/24,0)+1,1)*INDEX($D$3:$AA$30,INDEX(Jesper!$R$2:$R$366,ROW(INDEX(Jesper!AH$2:AH$366,ROUNDDOWN($C1230/24,0)+1,1))-1)+IF('Standard Profiles'!$G$18=$B$10,7,0)+IF('Standard Profiles'!$G$18=$B$17,14,0)+IF('Standard Profiles'!$G$18=$B$24,21,0),MOD($C1230,24)+1)/SUM(INDEX($D$3:$AA$30,INDEX(Jesper!$R$2:$R$366,ROW(INDEX(Jesper!AH$2:AH$366,ROUNDDOWN($C1230/24,0)+1,1))-1)+IF('Standard Profiles'!$G$18=$B$10,7,0)+IF('Standard Profiles'!$G$18=$B$17,14,0)+IF('Standard Profiles'!$G$18=$B$24,21,0),0)),0)</f>
        <v>12.36405643671543</v>
      </c>
      <c r="E1230" cm="1">
        <f t="array" ref="E1230">IFERROR(INDEX(Jesper!AI$2:AI$366,ROUNDDOWN($C1230/24,0)+1,1)*INDEX($D$3:$AA$30,INDEX(Jesper!$R$2:$R$366,ROW(INDEX(Jesper!AI$2:AI$366,ROUNDDOWN($C1230/24,0)+1,1))-1)+IF('Standard Profiles'!$G$19=$B$10,7,0)+IF('Standard Profiles'!$G$19=$B$17,14,0)+IF('Standard Profiles'!$G$19=$B$24,21,0),MOD($C1230,24)+1)/SUM(INDEX($D$3:$AA$30,INDEX(Jesper!$R$2:$R$366,ROW(INDEX(Jesper!AI$2:AI$366,ROUNDDOWN($C1230/24,0)+1,1))-1)+IF('Standard Profiles'!$G$19=$B$10,7,0)+IF('Standard Profiles'!$G$19=$B$17,14,0)+IF('Standard Profiles'!$G$19=$B$24,21,0),0)),0)</f>
        <v>0</v>
      </c>
      <c r="F1230" cm="1">
        <f t="array" ref="F1230">IFERROR(INDEX(Jesper!AJ$2:AJ$366,ROUNDDOWN($C1230/24,0)+1,1)*INDEX($D$3:$AA$30,INDEX(Jesper!$R$2:$R$366,ROW(INDEX(Jesper!AJ$2:AJ$366,ROUNDDOWN($C1230/24,0)+1,1))-1)+IF('Standard Profiles'!$G$20=$B$10,7,0)+IF('Standard Profiles'!$G$20=$B$17,14,0)+IF('Standard Profiles'!$G$20=$B$24,21,0),MOD($C1230,24)+1)/SUM(INDEX($D$3:$AA$30,INDEX(Jesper!$R$2:$R$366,ROW(INDEX(Jesper!AJ$2:AJ$366,ROUNDDOWN($C1230/24,0)+1,1))-1)+IF('Standard Profiles'!$G$20=$B$10,7,0)+IF('Standard Profiles'!$G$20=$B$17,14,0)+IF('Standard Profiles'!$G$20=$B$24,21,0),0)),0)</f>
        <v>0</v>
      </c>
      <c r="G1230" cm="1">
        <f t="array" ref="G1230">IFERROR(INDEX(Jesper!AK$2:AK$366,ROUNDDOWN($C1230/24,0)+1,1)*INDEX($D$3:$AA$30,INDEX(Jesper!$R$2:$R$366,ROW(INDEX(Jesper!AK$2:AK$366,ROUNDDOWN($C1230/24,0)+1,1))-1)+IF('Standard Profiles'!$G$21=$B$10,7,0)+IF('Standard Profiles'!$G$21=$B$17,14,0)+IF('Standard Profiles'!$G$21=$B$24,21,0),MOD($C1230,24)+1)/SUM(INDEX($D$3:$AA$30,INDEX(Jesper!$R$2:$R$366,ROW(INDEX(Jesper!AK$2:AK$366,ROUNDDOWN($C1230/24,0)+1,1))-1)+IF('Standard Profiles'!$G$21=$B$10,7,0)+IF('Standard Profiles'!$G$21=$B$17,14,0)+IF('Standard Profiles'!$G$21=$B$24,21,0),0)),0)</f>
        <v>0</v>
      </c>
      <c r="H1230" cm="1">
        <f t="array" ref="H1230">IFERROR(INDEX(Jesper!AL$2:AL$366,ROUNDDOWN($C1230/24,0)+1,1)*INDEX($D$3:$AA$30,INDEX(Jesper!$R$2:$R$366,ROW(INDEX(Jesper!AL$2:AL$366,ROUNDDOWN($C1230/24,0)+1,1))-1)+IF('Standard Profiles'!$G$22=$B$10,7,0)+IF('Standard Profiles'!$G$22=$B$17,14,0)+IF('Standard Profiles'!$G$22=$B$24,21,0),MOD($C1230,24)+1)/SUM(INDEX($D$3:$AA$30,INDEX(Jesper!$R$2:$R$366,ROW(INDEX(Jesper!AL$2:AL$366,ROUNDDOWN($C1230/24,0)+1,1))-1)+IF('Standard Profiles'!$G$22=$B$10,7,0)+IF('Standard Profiles'!$G$22=$B$17,14,0)+IF('Standard Profiles'!$G$22=$B$24,21,0),0)),0)</f>
        <v>0</v>
      </c>
      <c r="I1230">
        <f t="shared" si="146"/>
        <v>0.37092169310146289</v>
      </c>
      <c r="J1230">
        <f t="shared" si="147"/>
        <v>1.2364056436715432</v>
      </c>
      <c r="K1230">
        <f t="shared" si="148"/>
        <v>1.8546084655073143</v>
      </c>
      <c r="L1230">
        <f t="shared" si="149"/>
        <v>8.9021206344351089</v>
      </c>
      <c r="M1230">
        <f t="shared" si="150"/>
        <v>0</v>
      </c>
      <c r="N1230" s="46">
        <f t="shared" si="151"/>
        <v>45341.833333330433</v>
      </c>
    </row>
    <row r="1231" spans="2:14" x14ac:dyDescent="0.3">
      <c r="B1231">
        <f t="shared" si="145"/>
        <v>1</v>
      </c>
      <c r="C1231" s="16">
        <v>1197</v>
      </c>
      <c r="D1231" cm="1">
        <f t="array" ref="D1231">IFERROR(INDEX(Jesper!AH$2:AH$366,ROUNDDOWN($C1231/24,0)+1,1)*INDEX($D$3:$AA$30,INDEX(Jesper!$R$2:$R$366,ROW(INDEX(Jesper!AH$2:AH$366,ROUNDDOWN($C1231/24,0)+1,1))-1)+IF('Standard Profiles'!$G$18=$B$10,7,0)+IF('Standard Profiles'!$G$18=$B$17,14,0)+IF('Standard Profiles'!$G$18=$B$24,21,0),MOD($C1231,24)+1)/SUM(INDEX($D$3:$AA$30,INDEX(Jesper!$R$2:$R$366,ROW(INDEX(Jesper!AH$2:AH$366,ROUNDDOWN($C1231/24,0)+1,1))-1)+IF('Standard Profiles'!$G$18=$B$10,7,0)+IF('Standard Profiles'!$G$18=$B$17,14,0)+IF('Standard Profiles'!$G$18=$B$24,21,0),0)),0)</f>
        <v>8.9920410448839512</v>
      </c>
      <c r="E1231" cm="1">
        <f t="array" ref="E1231">IFERROR(INDEX(Jesper!AI$2:AI$366,ROUNDDOWN($C1231/24,0)+1,1)*INDEX($D$3:$AA$30,INDEX(Jesper!$R$2:$R$366,ROW(INDEX(Jesper!AI$2:AI$366,ROUNDDOWN($C1231/24,0)+1,1))-1)+IF('Standard Profiles'!$G$19=$B$10,7,0)+IF('Standard Profiles'!$G$19=$B$17,14,0)+IF('Standard Profiles'!$G$19=$B$24,21,0),MOD($C1231,24)+1)/SUM(INDEX($D$3:$AA$30,INDEX(Jesper!$R$2:$R$366,ROW(INDEX(Jesper!AI$2:AI$366,ROUNDDOWN($C1231/24,0)+1,1))-1)+IF('Standard Profiles'!$G$19=$B$10,7,0)+IF('Standard Profiles'!$G$19=$B$17,14,0)+IF('Standard Profiles'!$G$19=$B$24,21,0),0)),0)</f>
        <v>0</v>
      </c>
      <c r="F1231" cm="1">
        <f t="array" ref="F1231">IFERROR(INDEX(Jesper!AJ$2:AJ$366,ROUNDDOWN($C1231/24,0)+1,1)*INDEX($D$3:$AA$30,INDEX(Jesper!$R$2:$R$366,ROW(INDEX(Jesper!AJ$2:AJ$366,ROUNDDOWN($C1231/24,0)+1,1))-1)+IF('Standard Profiles'!$G$20=$B$10,7,0)+IF('Standard Profiles'!$G$20=$B$17,14,0)+IF('Standard Profiles'!$G$20=$B$24,21,0),MOD($C1231,24)+1)/SUM(INDEX($D$3:$AA$30,INDEX(Jesper!$R$2:$R$366,ROW(INDEX(Jesper!AJ$2:AJ$366,ROUNDDOWN($C1231/24,0)+1,1))-1)+IF('Standard Profiles'!$G$20=$B$10,7,0)+IF('Standard Profiles'!$G$20=$B$17,14,0)+IF('Standard Profiles'!$G$20=$B$24,21,0),0)),0)</f>
        <v>0</v>
      </c>
      <c r="G1231" cm="1">
        <f t="array" ref="G1231">IFERROR(INDEX(Jesper!AK$2:AK$366,ROUNDDOWN($C1231/24,0)+1,1)*INDEX($D$3:$AA$30,INDEX(Jesper!$R$2:$R$366,ROW(INDEX(Jesper!AK$2:AK$366,ROUNDDOWN($C1231/24,0)+1,1))-1)+IF('Standard Profiles'!$G$21=$B$10,7,0)+IF('Standard Profiles'!$G$21=$B$17,14,0)+IF('Standard Profiles'!$G$21=$B$24,21,0),MOD($C1231,24)+1)/SUM(INDEX($D$3:$AA$30,INDEX(Jesper!$R$2:$R$366,ROW(INDEX(Jesper!AK$2:AK$366,ROUNDDOWN($C1231/24,0)+1,1))-1)+IF('Standard Profiles'!$G$21=$B$10,7,0)+IF('Standard Profiles'!$G$21=$B$17,14,0)+IF('Standard Profiles'!$G$21=$B$24,21,0),0)),0)</f>
        <v>0</v>
      </c>
      <c r="H1231" cm="1">
        <f t="array" ref="H1231">IFERROR(INDEX(Jesper!AL$2:AL$366,ROUNDDOWN($C1231/24,0)+1,1)*INDEX($D$3:$AA$30,INDEX(Jesper!$R$2:$R$366,ROW(INDEX(Jesper!AL$2:AL$366,ROUNDDOWN($C1231/24,0)+1,1))-1)+IF('Standard Profiles'!$G$22=$B$10,7,0)+IF('Standard Profiles'!$G$22=$B$17,14,0)+IF('Standard Profiles'!$G$22=$B$24,21,0),MOD($C1231,24)+1)/SUM(INDEX($D$3:$AA$30,INDEX(Jesper!$R$2:$R$366,ROW(INDEX(Jesper!AL$2:AL$366,ROUNDDOWN($C1231/24,0)+1,1))-1)+IF('Standard Profiles'!$G$22=$B$10,7,0)+IF('Standard Profiles'!$G$22=$B$17,14,0)+IF('Standard Profiles'!$G$22=$B$24,21,0),0)),0)</f>
        <v>0</v>
      </c>
      <c r="I1231">
        <f t="shared" si="146"/>
        <v>0.26976123134651853</v>
      </c>
      <c r="J1231">
        <f t="shared" si="147"/>
        <v>0.89920410448839516</v>
      </c>
      <c r="K1231">
        <f t="shared" si="148"/>
        <v>1.3488061567325926</v>
      </c>
      <c r="L1231">
        <f t="shared" si="149"/>
        <v>6.4742695523164446</v>
      </c>
      <c r="M1231">
        <f t="shared" si="150"/>
        <v>0</v>
      </c>
      <c r="N1231" s="46">
        <f t="shared" si="151"/>
        <v>45341.874999997097</v>
      </c>
    </row>
    <row r="1232" spans="2:14" x14ac:dyDescent="0.3">
      <c r="B1232">
        <f t="shared" si="145"/>
        <v>1</v>
      </c>
      <c r="C1232" s="16">
        <v>1198</v>
      </c>
      <c r="D1232" cm="1">
        <f t="array" ref="D1232">IFERROR(INDEX(Jesper!AH$2:AH$366,ROUNDDOWN($C1232/24,0)+1,1)*INDEX($D$3:$AA$30,INDEX(Jesper!$R$2:$R$366,ROW(INDEX(Jesper!AH$2:AH$366,ROUNDDOWN($C1232/24,0)+1,1))-1)+IF('Standard Profiles'!$G$18=$B$10,7,0)+IF('Standard Profiles'!$G$18=$B$17,14,0)+IF('Standard Profiles'!$G$18=$B$24,21,0),MOD($C1232,24)+1)/SUM(INDEX($D$3:$AA$30,INDEX(Jesper!$R$2:$R$366,ROW(INDEX(Jesper!AH$2:AH$366,ROUNDDOWN($C1232/24,0)+1,1))-1)+IF('Standard Profiles'!$G$18=$B$10,7,0)+IF('Standard Profiles'!$G$18=$B$17,14,0)+IF('Standard Profiles'!$G$18=$B$24,21,0),0)),0)</f>
        <v>8.5424389926397524</v>
      </c>
      <c r="E1232" cm="1">
        <f t="array" ref="E1232">IFERROR(INDEX(Jesper!AI$2:AI$366,ROUNDDOWN($C1232/24,0)+1,1)*INDEX($D$3:$AA$30,INDEX(Jesper!$R$2:$R$366,ROW(INDEX(Jesper!AI$2:AI$366,ROUNDDOWN($C1232/24,0)+1,1))-1)+IF('Standard Profiles'!$G$19=$B$10,7,0)+IF('Standard Profiles'!$G$19=$B$17,14,0)+IF('Standard Profiles'!$G$19=$B$24,21,0),MOD($C1232,24)+1)/SUM(INDEX($D$3:$AA$30,INDEX(Jesper!$R$2:$R$366,ROW(INDEX(Jesper!AI$2:AI$366,ROUNDDOWN($C1232/24,0)+1,1))-1)+IF('Standard Profiles'!$G$19=$B$10,7,0)+IF('Standard Profiles'!$G$19=$B$17,14,0)+IF('Standard Profiles'!$G$19=$B$24,21,0),0)),0)</f>
        <v>0</v>
      </c>
      <c r="F1232" cm="1">
        <f t="array" ref="F1232">IFERROR(INDEX(Jesper!AJ$2:AJ$366,ROUNDDOWN($C1232/24,0)+1,1)*INDEX($D$3:$AA$30,INDEX(Jesper!$R$2:$R$366,ROW(INDEX(Jesper!AJ$2:AJ$366,ROUNDDOWN($C1232/24,0)+1,1))-1)+IF('Standard Profiles'!$G$20=$B$10,7,0)+IF('Standard Profiles'!$G$20=$B$17,14,0)+IF('Standard Profiles'!$G$20=$B$24,21,0),MOD($C1232,24)+1)/SUM(INDEX($D$3:$AA$30,INDEX(Jesper!$R$2:$R$366,ROW(INDEX(Jesper!AJ$2:AJ$366,ROUNDDOWN($C1232/24,0)+1,1))-1)+IF('Standard Profiles'!$G$20=$B$10,7,0)+IF('Standard Profiles'!$G$20=$B$17,14,0)+IF('Standard Profiles'!$G$20=$B$24,21,0),0)),0)</f>
        <v>0</v>
      </c>
      <c r="G1232" cm="1">
        <f t="array" ref="G1232">IFERROR(INDEX(Jesper!AK$2:AK$366,ROUNDDOWN($C1232/24,0)+1,1)*INDEX($D$3:$AA$30,INDEX(Jesper!$R$2:$R$366,ROW(INDEX(Jesper!AK$2:AK$366,ROUNDDOWN($C1232/24,0)+1,1))-1)+IF('Standard Profiles'!$G$21=$B$10,7,0)+IF('Standard Profiles'!$G$21=$B$17,14,0)+IF('Standard Profiles'!$G$21=$B$24,21,0),MOD($C1232,24)+1)/SUM(INDEX($D$3:$AA$30,INDEX(Jesper!$R$2:$R$366,ROW(INDEX(Jesper!AK$2:AK$366,ROUNDDOWN($C1232/24,0)+1,1))-1)+IF('Standard Profiles'!$G$21=$B$10,7,0)+IF('Standard Profiles'!$G$21=$B$17,14,0)+IF('Standard Profiles'!$G$21=$B$24,21,0),0)),0)</f>
        <v>0</v>
      </c>
      <c r="H1232" cm="1">
        <f t="array" ref="H1232">IFERROR(INDEX(Jesper!AL$2:AL$366,ROUNDDOWN($C1232/24,0)+1,1)*INDEX($D$3:$AA$30,INDEX(Jesper!$R$2:$R$366,ROW(INDEX(Jesper!AL$2:AL$366,ROUNDDOWN($C1232/24,0)+1,1))-1)+IF('Standard Profiles'!$G$22=$B$10,7,0)+IF('Standard Profiles'!$G$22=$B$17,14,0)+IF('Standard Profiles'!$G$22=$B$24,21,0),MOD($C1232,24)+1)/SUM(INDEX($D$3:$AA$30,INDEX(Jesper!$R$2:$R$366,ROW(INDEX(Jesper!AL$2:AL$366,ROUNDDOWN($C1232/24,0)+1,1))-1)+IF('Standard Profiles'!$G$22=$B$10,7,0)+IF('Standard Profiles'!$G$22=$B$17,14,0)+IF('Standard Profiles'!$G$22=$B$24,21,0),0)),0)</f>
        <v>0</v>
      </c>
      <c r="I1232">
        <f t="shared" si="146"/>
        <v>0.25627316977919257</v>
      </c>
      <c r="J1232">
        <f t="shared" si="147"/>
        <v>0.85424389926397526</v>
      </c>
      <c r="K1232">
        <f t="shared" si="148"/>
        <v>1.2813658488959627</v>
      </c>
      <c r="L1232">
        <f t="shared" si="149"/>
        <v>6.1505560747006216</v>
      </c>
      <c r="M1232">
        <f t="shared" si="150"/>
        <v>0</v>
      </c>
      <c r="N1232" s="46">
        <f t="shared" si="151"/>
        <v>45341.916666663761</v>
      </c>
    </row>
    <row r="1233" spans="2:14" x14ac:dyDescent="0.3">
      <c r="B1233">
        <f t="shared" si="145"/>
        <v>1</v>
      </c>
      <c r="C1233" s="16">
        <v>1199</v>
      </c>
      <c r="D1233" cm="1">
        <f t="array" ref="D1233">IFERROR(INDEX(Jesper!AH$2:AH$366,ROUNDDOWN($C1233/24,0)+1,1)*INDEX($D$3:$AA$30,INDEX(Jesper!$R$2:$R$366,ROW(INDEX(Jesper!AH$2:AH$366,ROUNDDOWN($C1233/24,0)+1,1))-1)+IF('Standard Profiles'!$G$18=$B$10,7,0)+IF('Standard Profiles'!$G$18=$B$17,14,0)+IF('Standard Profiles'!$G$18=$B$24,21,0),MOD($C1233,24)+1)/SUM(INDEX($D$3:$AA$30,INDEX(Jesper!$R$2:$R$366,ROW(INDEX(Jesper!AH$2:AH$366,ROUNDDOWN($C1233/24,0)+1,1))-1)+IF('Standard Profiles'!$G$18=$B$10,7,0)+IF('Standard Profiles'!$G$18=$B$17,14,0)+IF('Standard Profiles'!$G$18=$B$24,21,0),0)),0)</f>
        <v>8.5424389926397524</v>
      </c>
      <c r="E1233" cm="1">
        <f t="array" ref="E1233">IFERROR(INDEX(Jesper!AI$2:AI$366,ROUNDDOWN($C1233/24,0)+1,1)*INDEX($D$3:$AA$30,INDEX(Jesper!$R$2:$R$366,ROW(INDEX(Jesper!AI$2:AI$366,ROUNDDOWN($C1233/24,0)+1,1))-1)+IF('Standard Profiles'!$G$19=$B$10,7,0)+IF('Standard Profiles'!$G$19=$B$17,14,0)+IF('Standard Profiles'!$G$19=$B$24,21,0),MOD($C1233,24)+1)/SUM(INDEX($D$3:$AA$30,INDEX(Jesper!$R$2:$R$366,ROW(INDEX(Jesper!AI$2:AI$366,ROUNDDOWN($C1233/24,0)+1,1))-1)+IF('Standard Profiles'!$G$19=$B$10,7,0)+IF('Standard Profiles'!$G$19=$B$17,14,0)+IF('Standard Profiles'!$G$19=$B$24,21,0),0)),0)</f>
        <v>0</v>
      </c>
      <c r="F1233" cm="1">
        <f t="array" ref="F1233">IFERROR(INDEX(Jesper!AJ$2:AJ$366,ROUNDDOWN($C1233/24,0)+1,1)*INDEX($D$3:$AA$30,INDEX(Jesper!$R$2:$R$366,ROW(INDEX(Jesper!AJ$2:AJ$366,ROUNDDOWN($C1233/24,0)+1,1))-1)+IF('Standard Profiles'!$G$20=$B$10,7,0)+IF('Standard Profiles'!$G$20=$B$17,14,0)+IF('Standard Profiles'!$G$20=$B$24,21,0),MOD($C1233,24)+1)/SUM(INDEX($D$3:$AA$30,INDEX(Jesper!$R$2:$R$366,ROW(INDEX(Jesper!AJ$2:AJ$366,ROUNDDOWN($C1233/24,0)+1,1))-1)+IF('Standard Profiles'!$G$20=$B$10,7,0)+IF('Standard Profiles'!$G$20=$B$17,14,0)+IF('Standard Profiles'!$G$20=$B$24,21,0),0)),0)</f>
        <v>0</v>
      </c>
      <c r="G1233" cm="1">
        <f t="array" ref="G1233">IFERROR(INDEX(Jesper!AK$2:AK$366,ROUNDDOWN($C1233/24,0)+1,1)*INDEX($D$3:$AA$30,INDEX(Jesper!$R$2:$R$366,ROW(INDEX(Jesper!AK$2:AK$366,ROUNDDOWN($C1233/24,0)+1,1))-1)+IF('Standard Profiles'!$G$21=$B$10,7,0)+IF('Standard Profiles'!$G$21=$B$17,14,0)+IF('Standard Profiles'!$G$21=$B$24,21,0),MOD($C1233,24)+1)/SUM(INDEX($D$3:$AA$30,INDEX(Jesper!$R$2:$R$366,ROW(INDEX(Jesper!AK$2:AK$366,ROUNDDOWN($C1233/24,0)+1,1))-1)+IF('Standard Profiles'!$G$21=$B$10,7,0)+IF('Standard Profiles'!$G$21=$B$17,14,0)+IF('Standard Profiles'!$G$21=$B$24,21,0),0)),0)</f>
        <v>0</v>
      </c>
      <c r="H1233" cm="1">
        <f t="array" ref="H1233">IFERROR(INDEX(Jesper!AL$2:AL$366,ROUNDDOWN($C1233/24,0)+1,1)*INDEX($D$3:$AA$30,INDEX(Jesper!$R$2:$R$366,ROW(INDEX(Jesper!AL$2:AL$366,ROUNDDOWN($C1233/24,0)+1,1))-1)+IF('Standard Profiles'!$G$22=$B$10,7,0)+IF('Standard Profiles'!$G$22=$B$17,14,0)+IF('Standard Profiles'!$G$22=$B$24,21,0),MOD($C1233,24)+1)/SUM(INDEX($D$3:$AA$30,INDEX(Jesper!$R$2:$R$366,ROW(INDEX(Jesper!AL$2:AL$366,ROUNDDOWN($C1233/24,0)+1,1))-1)+IF('Standard Profiles'!$G$22=$B$10,7,0)+IF('Standard Profiles'!$G$22=$B$17,14,0)+IF('Standard Profiles'!$G$22=$B$24,21,0),0)),0)</f>
        <v>0</v>
      </c>
      <c r="I1233">
        <f t="shared" si="146"/>
        <v>0.25627316977919257</v>
      </c>
      <c r="J1233">
        <f t="shared" si="147"/>
        <v>0.85424389926397526</v>
      </c>
      <c r="K1233">
        <f t="shared" si="148"/>
        <v>1.2813658488959627</v>
      </c>
      <c r="L1233">
        <f t="shared" si="149"/>
        <v>6.1505560747006216</v>
      </c>
      <c r="M1233">
        <f t="shared" si="150"/>
        <v>0</v>
      </c>
      <c r="N1233" s="46">
        <f t="shared" si="151"/>
        <v>45341.958333330425</v>
      </c>
    </row>
    <row r="1234" spans="2:14" x14ac:dyDescent="0.3">
      <c r="B1234">
        <f t="shared" si="145"/>
        <v>2</v>
      </c>
      <c r="C1234" s="16">
        <v>1200</v>
      </c>
      <c r="D1234" cm="1">
        <f t="array" ref="D1234">IFERROR(INDEX(Jesper!AH$2:AH$366,ROUNDDOWN($C1234/24,0)+1,1)*INDEX($D$3:$AA$30,INDEX(Jesper!$R$2:$R$366,ROW(INDEX(Jesper!AH$2:AH$366,ROUNDDOWN($C1234/24,0)+1,1))-1)+IF('Standard Profiles'!$G$18=$B$10,7,0)+IF('Standard Profiles'!$G$18=$B$17,14,0)+IF('Standard Profiles'!$G$18=$B$24,21,0),MOD($C1234,24)+1)/SUM(INDEX($D$3:$AA$30,INDEX(Jesper!$R$2:$R$366,ROW(INDEX(Jesper!AH$2:AH$366,ROUNDDOWN($C1234/24,0)+1,1))-1)+IF('Standard Profiles'!$G$18=$B$10,7,0)+IF('Standard Profiles'!$G$18=$B$17,14,0)+IF('Standard Profiles'!$G$18=$B$24,21,0),0)),0)</f>
        <v>7.7772532485156276</v>
      </c>
      <c r="E1234" cm="1">
        <f t="array" ref="E1234">IFERROR(INDEX(Jesper!AI$2:AI$366,ROUNDDOWN($C1234/24,0)+1,1)*INDEX($D$3:$AA$30,INDEX(Jesper!$R$2:$R$366,ROW(INDEX(Jesper!AI$2:AI$366,ROUNDDOWN($C1234/24,0)+1,1))-1)+IF('Standard Profiles'!$G$19=$B$10,7,0)+IF('Standard Profiles'!$G$19=$B$17,14,0)+IF('Standard Profiles'!$G$19=$B$24,21,0),MOD($C1234,24)+1)/SUM(INDEX($D$3:$AA$30,INDEX(Jesper!$R$2:$R$366,ROW(INDEX(Jesper!AI$2:AI$366,ROUNDDOWN($C1234/24,0)+1,1))-1)+IF('Standard Profiles'!$G$19=$B$10,7,0)+IF('Standard Profiles'!$G$19=$B$17,14,0)+IF('Standard Profiles'!$G$19=$B$24,21,0),0)),0)</f>
        <v>0</v>
      </c>
      <c r="F1234" cm="1">
        <f t="array" ref="F1234">IFERROR(INDEX(Jesper!AJ$2:AJ$366,ROUNDDOWN($C1234/24,0)+1,1)*INDEX($D$3:$AA$30,INDEX(Jesper!$R$2:$R$366,ROW(INDEX(Jesper!AJ$2:AJ$366,ROUNDDOWN($C1234/24,0)+1,1))-1)+IF('Standard Profiles'!$G$20=$B$10,7,0)+IF('Standard Profiles'!$G$20=$B$17,14,0)+IF('Standard Profiles'!$G$20=$B$24,21,0),MOD($C1234,24)+1)/SUM(INDEX($D$3:$AA$30,INDEX(Jesper!$R$2:$R$366,ROW(INDEX(Jesper!AJ$2:AJ$366,ROUNDDOWN($C1234/24,0)+1,1))-1)+IF('Standard Profiles'!$G$20=$B$10,7,0)+IF('Standard Profiles'!$G$20=$B$17,14,0)+IF('Standard Profiles'!$G$20=$B$24,21,0),0)),0)</f>
        <v>0</v>
      </c>
      <c r="G1234" cm="1">
        <f t="array" ref="G1234">IFERROR(INDEX(Jesper!AK$2:AK$366,ROUNDDOWN($C1234/24,0)+1,1)*INDEX($D$3:$AA$30,INDEX(Jesper!$R$2:$R$366,ROW(INDEX(Jesper!AK$2:AK$366,ROUNDDOWN($C1234/24,0)+1,1))-1)+IF('Standard Profiles'!$G$21=$B$10,7,0)+IF('Standard Profiles'!$G$21=$B$17,14,0)+IF('Standard Profiles'!$G$21=$B$24,21,0),MOD($C1234,24)+1)/SUM(INDEX($D$3:$AA$30,INDEX(Jesper!$R$2:$R$366,ROW(INDEX(Jesper!AK$2:AK$366,ROUNDDOWN($C1234/24,0)+1,1))-1)+IF('Standard Profiles'!$G$21=$B$10,7,0)+IF('Standard Profiles'!$G$21=$B$17,14,0)+IF('Standard Profiles'!$G$21=$B$24,21,0),0)),0)</f>
        <v>0</v>
      </c>
      <c r="H1234" cm="1">
        <f t="array" ref="H1234">IFERROR(INDEX(Jesper!AL$2:AL$366,ROUNDDOWN($C1234/24,0)+1,1)*INDEX($D$3:$AA$30,INDEX(Jesper!$R$2:$R$366,ROW(INDEX(Jesper!AL$2:AL$366,ROUNDDOWN($C1234/24,0)+1,1))-1)+IF('Standard Profiles'!$G$22=$B$10,7,0)+IF('Standard Profiles'!$G$22=$B$17,14,0)+IF('Standard Profiles'!$G$22=$B$24,21,0),MOD($C1234,24)+1)/SUM(INDEX($D$3:$AA$30,INDEX(Jesper!$R$2:$R$366,ROW(INDEX(Jesper!AL$2:AL$366,ROUNDDOWN($C1234/24,0)+1,1))-1)+IF('Standard Profiles'!$G$22=$B$10,7,0)+IF('Standard Profiles'!$G$22=$B$17,14,0)+IF('Standard Profiles'!$G$22=$B$24,21,0),0)),0)</f>
        <v>0</v>
      </c>
      <c r="I1234">
        <f t="shared" si="146"/>
        <v>0.23331759745546882</v>
      </c>
      <c r="J1234">
        <f t="shared" si="147"/>
        <v>0.77772532485156276</v>
      </c>
      <c r="K1234">
        <f t="shared" si="148"/>
        <v>1.1665879872773441</v>
      </c>
      <c r="L1234">
        <f t="shared" si="149"/>
        <v>5.5996223389312521</v>
      </c>
      <c r="M1234">
        <f t="shared" si="150"/>
        <v>0</v>
      </c>
      <c r="N1234" s="46">
        <f t="shared" si="151"/>
        <v>45341.99999999709</v>
      </c>
    </row>
    <row r="1235" spans="2:14" x14ac:dyDescent="0.3">
      <c r="B1235">
        <f t="shared" si="145"/>
        <v>2</v>
      </c>
      <c r="C1235" s="16">
        <v>1201</v>
      </c>
      <c r="D1235" cm="1">
        <f t="array" ref="D1235">IFERROR(INDEX(Jesper!AH$2:AH$366,ROUNDDOWN($C1235/24,0)+1,1)*INDEX($D$3:$AA$30,INDEX(Jesper!$R$2:$R$366,ROW(INDEX(Jesper!AH$2:AH$366,ROUNDDOWN($C1235/24,0)+1,1))-1)+IF('Standard Profiles'!$G$18=$B$10,7,0)+IF('Standard Profiles'!$G$18=$B$17,14,0)+IF('Standard Profiles'!$G$18=$B$24,21,0),MOD($C1235,24)+1)/SUM(INDEX($D$3:$AA$30,INDEX(Jesper!$R$2:$R$366,ROW(INDEX(Jesper!AH$2:AH$366,ROUNDDOWN($C1235/24,0)+1,1))-1)+IF('Standard Profiles'!$G$18=$B$10,7,0)+IF('Standard Profiles'!$G$18=$B$17,14,0)+IF('Standard Profiles'!$G$18=$B$24,21,0),0)),0)</f>
        <v>7.7772532485156276</v>
      </c>
      <c r="E1235" cm="1">
        <f t="array" ref="E1235">IFERROR(INDEX(Jesper!AI$2:AI$366,ROUNDDOWN($C1235/24,0)+1,1)*INDEX($D$3:$AA$30,INDEX(Jesper!$R$2:$R$366,ROW(INDEX(Jesper!AI$2:AI$366,ROUNDDOWN($C1235/24,0)+1,1))-1)+IF('Standard Profiles'!$G$19=$B$10,7,0)+IF('Standard Profiles'!$G$19=$B$17,14,0)+IF('Standard Profiles'!$G$19=$B$24,21,0),MOD($C1235,24)+1)/SUM(INDEX($D$3:$AA$30,INDEX(Jesper!$R$2:$R$366,ROW(INDEX(Jesper!AI$2:AI$366,ROUNDDOWN($C1235/24,0)+1,1))-1)+IF('Standard Profiles'!$G$19=$B$10,7,0)+IF('Standard Profiles'!$G$19=$B$17,14,0)+IF('Standard Profiles'!$G$19=$B$24,21,0),0)),0)</f>
        <v>0</v>
      </c>
      <c r="F1235" cm="1">
        <f t="array" ref="F1235">IFERROR(INDEX(Jesper!AJ$2:AJ$366,ROUNDDOWN($C1235/24,0)+1,1)*INDEX($D$3:$AA$30,INDEX(Jesper!$R$2:$R$366,ROW(INDEX(Jesper!AJ$2:AJ$366,ROUNDDOWN($C1235/24,0)+1,1))-1)+IF('Standard Profiles'!$G$20=$B$10,7,0)+IF('Standard Profiles'!$G$20=$B$17,14,0)+IF('Standard Profiles'!$G$20=$B$24,21,0),MOD($C1235,24)+1)/SUM(INDEX($D$3:$AA$30,INDEX(Jesper!$R$2:$R$366,ROW(INDEX(Jesper!AJ$2:AJ$366,ROUNDDOWN($C1235/24,0)+1,1))-1)+IF('Standard Profiles'!$G$20=$B$10,7,0)+IF('Standard Profiles'!$G$20=$B$17,14,0)+IF('Standard Profiles'!$G$20=$B$24,21,0),0)),0)</f>
        <v>0</v>
      </c>
      <c r="G1235" cm="1">
        <f t="array" ref="G1235">IFERROR(INDEX(Jesper!AK$2:AK$366,ROUNDDOWN($C1235/24,0)+1,1)*INDEX($D$3:$AA$30,INDEX(Jesper!$R$2:$R$366,ROW(INDEX(Jesper!AK$2:AK$366,ROUNDDOWN($C1235/24,0)+1,1))-1)+IF('Standard Profiles'!$G$21=$B$10,7,0)+IF('Standard Profiles'!$G$21=$B$17,14,0)+IF('Standard Profiles'!$G$21=$B$24,21,0),MOD($C1235,24)+1)/SUM(INDEX($D$3:$AA$30,INDEX(Jesper!$R$2:$R$366,ROW(INDEX(Jesper!AK$2:AK$366,ROUNDDOWN($C1235/24,0)+1,1))-1)+IF('Standard Profiles'!$G$21=$B$10,7,0)+IF('Standard Profiles'!$G$21=$B$17,14,0)+IF('Standard Profiles'!$G$21=$B$24,21,0),0)),0)</f>
        <v>0</v>
      </c>
      <c r="H1235" cm="1">
        <f t="array" ref="H1235">IFERROR(INDEX(Jesper!AL$2:AL$366,ROUNDDOWN($C1235/24,0)+1,1)*INDEX($D$3:$AA$30,INDEX(Jesper!$R$2:$R$366,ROW(INDEX(Jesper!AL$2:AL$366,ROUNDDOWN($C1235/24,0)+1,1))-1)+IF('Standard Profiles'!$G$22=$B$10,7,0)+IF('Standard Profiles'!$G$22=$B$17,14,0)+IF('Standard Profiles'!$G$22=$B$24,21,0),MOD($C1235,24)+1)/SUM(INDEX($D$3:$AA$30,INDEX(Jesper!$R$2:$R$366,ROW(INDEX(Jesper!AL$2:AL$366,ROUNDDOWN($C1235/24,0)+1,1))-1)+IF('Standard Profiles'!$G$22=$B$10,7,0)+IF('Standard Profiles'!$G$22=$B$17,14,0)+IF('Standard Profiles'!$G$22=$B$24,21,0),0)),0)</f>
        <v>0</v>
      </c>
      <c r="I1235">
        <f t="shared" si="146"/>
        <v>0.23331759745546882</v>
      </c>
      <c r="J1235">
        <f t="shared" si="147"/>
        <v>0.77772532485156276</v>
      </c>
      <c r="K1235">
        <f t="shared" si="148"/>
        <v>1.1665879872773441</v>
      </c>
      <c r="L1235">
        <f t="shared" si="149"/>
        <v>5.5996223389312521</v>
      </c>
      <c r="M1235">
        <f t="shared" si="150"/>
        <v>0</v>
      </c>
      <c r="N1235" s="46">
        <f t="shared" si="151"/>
        <v>45342.041666663754</v>
      </c>
    </row>
    <row r="1236" spans="2:14" x14ac:dyDescent="0.3">
      <c r="B1236">
        <f t="shared" si="145"/>
        <v>2</v>
      </c>
      <c r="C1236" s="16">
        <v>1202</v>
      </c>
      <c r="D1236" cm="1">
        <f t="array" ref="D1236">IFERROR(INDEX(Jesper!AH$2:AH$366,ROUNDDOWN($C1236/24,0)+1,1)*INDEX($D$3:$AA$30,INDEX(Jesper!$R$2:$R$366,ROW(INDEX(Jesper!AH$2:AH$366,ROUNDDOWN($C1236/24,0)+1,1))-1)+IF('Standard Profiles'!$G$18=$B$10,7,0)+IF('Standard Profiles'!$G$18=$B$17,14,0)+IF('Standard Profiles'!$G$18=$B$24,21,0),MOD($C1236,24)+1)/SUM(INDEX($D$3:$AA$30,INDEX(Jesper!$R$2:$R$366,ROW(INDEX(Jesper!AH$2:AH$366,ROUNDDOWN($C1236/24,0)+1,1))-1)+IF('Standard Profiles'!$G$18=$B$10,7,0)+IF('Standard Profiles'!$G$18=$B$17,14,0)+IF('Standard Profiles'!$G$18=$B$24,21,0),0)),0)</f>
        <v>7.7772532485156276</v>
      </c>
      <c r="E1236" cm="1">
        <f t="array" ref="E1236">IFERROR(INDEX(Jesper!AI$2:AI$366,ROUNDDOWN($C1236/24,0)+1,1)*INDEX($D$3:$AA$30,INDEX(Jesper!$R$2:$R$366,ROW(INDEX(Jesper!AI$2:AI$366,ROUNDDOWN($C1236/24,0)+1,1))-1)+IF('Standard Profiles'!$G$19=$B$10,7,0)+IF('Standard Profiles'!$G$19=$B$17,14,0)+IF('Standard Profiles'!$G$19=$B$24,21,0),MOD($C1236,24)+1)/SUM(INDEX($D$3:$AA$30,INDEX(Jesper!$R$2:$R$366,ROW(INDEX(Jesper!AI$2:AI$366,ROUNDDOWN($C1236/24,0)+1,1))-1)+IF('Standard Profiles'!$G$19=$B$10,7,0)+IF('Standard Profiles'!$G$19=$B$17,14,0)+IF('Standard Profiles'!$G$19=$B$24,21,0),0)),0)</f>
        <v>0</v>
      </c>
      <c r="F1236" cm="1">
        <f t="array" ref="F1236">IFERROR(INDEX(Jesper!AJ$2:AJ$366,ROUNDDOWN($C1236/24,0)+1,1)*INDEX($D$3:$AA$30,INDEX(Jesper!$R$2:$R$366,ROW(INDEX(Jesper!AJ$2:AJ$366,ROUNDDOWN($C1236/24,0)+1,1))-1)+IF('Standard Profiles'!$G$20=$B$10,7,0)+IF('Standard Profiles'!$G$20=$B$17,14,0)+IF('Standard Profiles'!$G$20=$B$24,21,0),MOD($C1236,24)+1)/SUM(INDEX($D$3:$AA$30,INDEX(Jesper!$R$2:$R$366,ROW(INDEX(Jesper!AJ$2:AJ$366,ROUNDDOWN($C1236/24,0)+1,1))-1)+IF('Standard Profiles'!$G$20=$B$10,7,0)+IF('Standard Profiles'!$G$20=$B$17,14,0)+IF('Standard Profiles'!$G$20=$B$24,21,0),0)),0)</f>
        <v>0</v>
      </c>
      <c r="G1236" cm="1">
        <f t="array" ref="G1236">IFERROR(INDEX(Jesper!AK$2:AK$366,ROUNDDOWN($C1236/24,0)+1,1)*INDEX($D$3:$AA$30,INDEX(Jesper!$R$2:$R$366,ROW(INDEX(Jesper!AK$2:AK$366,ROUNDDOWN($C1236/24,0)+1,1))-1)+IF('Standard Profiles'!$G$21=$B$10,7,0)+IF('Standard Profiles'!$G$21=$B$17,14,0)+IF('Standard Profiles'!$G$21=$B$24,21,0),MOD($C1236,24)+1)/SUM(INDEX($D$3:$AA$30,INDEX(Jesper!$R$2:$R$366,ROW(INDEX(Jesper!AK$2:AK$366,ROUNDDOWN($C1236/24,0)+1,1))-1)+IF('Standard Profiles'!$G$21=$B$10,7,0)+IF('Standard Profiles'!$G$21=$B$17,14,0)+IF('Standard Profiles'!$G$21=$B$24,21,0),0)),0)</f>
        <v>0</v>
      </c>
      <c r="H1236" cm="1">
        <f t="array" ref="H1236">IFERROR(INDEX(Jesper!AL$2:AL$366,ROUNDDOWN($C1236/24,0)+1,1)*INDEX($D$3:$AA$30,INDEX(Jesper!$R$2:$R$366,ROW(INDEX(Jesper!AL$2:AL$366,ROUNDDOWN($C1236/24,0)+1,1))-1)+IF('Standard Profiles'!$G$22=$B$10,7,0)+IF('Standard Profiles'!$G$22=$B$17,14,0)+IF('Standard Profiles'!$G$22=$B$24,21,0),MOD($C1236,24)+1)/SUM(INDEX($D$3:$AA$30,INDEX(Jesper!$R$2:$R$366,ROW(INDEX(Jesper!AL$2:AL$366,ROUNDDOWN($C1236/24,0)+1,1))-1)+IF('Standard Profiles'!$G$22=$B$10,7,0)+IF('Standard Profiles'!$G$22=$B$17,14,0)+IF('Standard Profiles'!$G$22=$B$24,21,0),0)),0)</f>
        <v>0</v>
      </c>
      <c r="I1236">
        <f t="shared" si="146"/>
        <v>0.23331759745546882</v>
      </c>
      <c r="J1236">
        <f t="shared" si="147"/>
        <v>0.77772532485156276</v>
      </c>
      <c r="K1236">
        <f t="shared" si="148"/>
        <v>1.1665879872773441</v>
      </c>
      <c r="L1236">
        <f t="shared" si="149"/>
        <v>5.5996223389312521</v>
      </c>
      <c r="M1236">
        <f t="shared" si="150"/>
        <v>0</v>
      </c>
      <c r="N1236" s="46">
        <f t="shared" si="151"/>
        <v>45342.083333330418</v>
      </c>
    </row>
    <row r="1237" spans="2:14" x14ac:dyDescent="0.3">
      <c r="B1237">
        <f t="shared" si="145"/>
        <v>2</v>
      </c>
      <c r="C1237" s="16">
        <v>1203</v>
      </c>
      <c r="D1237" cm="1">
        <f t="array" ref="D1237">IFERROR(INDEX(Jesper!AH$2:AH$366,ROUNDDOWN($C1237/24,0)+1,1)*INDEX($D$3:$AA$30,INDEX(Jesper!$R$2:$R$366,ROW(INDEX(Jesper!AH$2:AH$366,ROUNDDOWN($C1237/24,0)+1,1))-1)+IF('Standard Profiles'!$G$18=$B$10,7,0)+IF('Standard Profiles'!$G$18=$B$17,14,0)+IF('Standard Profiles'!$G$18=$B$24,21,0),MOD($C1237,24)+1)/SUM(INDEX($D$3:$AA$30,INDEX(Jesper!$R$2:$R$366,ROW(INDEX(Jesper!AH$2:AH$366,ROUNDDOWN($C1237/24,0)+1,1))-1)+IF('Standard Profiles'!$G$18=$B$10,7,0)+IF('Standard Profiles'!$G$18=$B$17,14,0)+IF('Standard Profiles'!$G$18=$B$24,21,0),0)),0)</f>
        <v>7.7772532485156276</v>
      </c>
      <c r="E1237" cm="1">
        <f t="array" ref="E1237">IFERROR(INDEX(Jesper!AI$2:AI$366,ROUNDDOWN($C1237/24,0)+1,1)*INDEX($D$3:$AA$30,INDEX(Jesper!$R$2:$R$366,ROW(INDEX(Jesper!AI$2:AI$366,ROUNDDOWN($C1237/24,0)+1,1))-1)+IF('Standard Profiles'!$G$19=$B$10,7,0)+IF('Standard Profiles'!$G$19=$B$17,14,0)+IF('Standard Profiles'!$G$19=$B$24,21,0),MOD($C1237,24)+1)/SUM(INDEX($D$3:$AA$30,INDEX(Jesper!$R$2:$R$366,ROW(INDEX(Jesper!AI$2:AI$366,ROUNDDOWN($C1237/24,0)+1,1))-1)+IF('Standard Profiles'!$G$19=$B$10,7,0)+IF('Standard Profiles'!$G$19=$B$17,14,0)+IF('Standard Profiles'!$G$19=$B$24,21,0),0)),0)</f>
        <v>0</v>
      </c>
      <c r="F1237" cm="1">
        <f t="array" ref="F1237">IFERROR(INDEX(Jesper!AJ$2:AJ$366,ROUNDDOWN($C1237/24,0)+1,1)*INDEX($D$3:$AA$30,INDEX(Jesper!$R$2:$R$366,ROW(INDEX(Jesper!AJ$2:AJ$366,ROUNDDOWN($C1237/24,0)+1,1))-1)+IF('Standard Profiles'!$G$20=$B$10,7,0)+IF('Standard Profiles'!$G$20=$B$17,14,0)+IF('Standard Profiles'!$G$20=$B$24,21,0),MOD($C1237,24)+1)/SUM(INDEX($D$3:$AA$30,INDEX(Jesper!$R$2:$R$366,ROW(INDEX(Jesper!AJ$2:AJ$366,ROUNDDOWN($C1237/24,0)+1,1))-1)+IF('Standard Profiles'!$G$20=$B$10,7,0)+IF('Standard Profiles'!$G$20=$B$17,14,0)+IF('Standard Profiles'!$G$20=$B$24,21,0),0)),0)</f>
        <v>0</v>
      </c>
      <c r="G1237" cm="1">
        <f t="array" ref="G1237">IFERROR(INDEX(Jesper!AK$2:AK$366,ROUNDDOWN($C1237/24,0)+1,1)*INDEX($D$3:$AA$30,INDEX(Jesper!$R$2:$R$366,ROW(INDEX(Jesper!AK$2:AK$366,ROUNDDOWN($C1237/24,0)+1,1))-1)+IF('Standard Profiles'!$G$21=$B$10,7,0)+IF('Standard Profiles'!$G$21=$B$17,14,0)+IF('Standard Profiles'!$G$21=$B$24,21,0),MOD($C1237,24)+1)/SUM(INDEX($D$3:$AA$30,INDEX(Jesper!$R$2:$R$366,ROW(INDEX(Jesper!AK$2:AK$366,ROUNDDOWN($C1237/24,0)+1,1))-1)+IF('Standard Profiles'!$G$21=$B$10,7,0)+IF('Standard Profiles'!$G$21=$B$17,14,0)+IF('Standard Profiles'!$G$21=$B$24,21,0),0)),0)</f>
        <v>0</v>
      </c>
      <c r="H1237" cm="1">
        <f t="array" ref="H1237">IFERROR(INDEX(Jesper!AL$2:AL$366,ROUNDDOWN($C1237/24,0)+1,1)*INDEX($D$3:$AA$30,INDEX(Jesper!$R$2:$R$366,ROW(INDEX(Jesper!AL$2:AL$366,ROUNDDOWN($C1237/24,0)+1,1))-1)+IF('Standard Profiles'!$G$22=$B$10,7,0)+IF('Standard Profiles'!$G$22=$B$17,14,0)+IF('Standard Profiles'!$G$22=$B$24,21,0),MOD($C1237,24)+1)/SUM(INDEX($D$3:$AA$30,INDEX(Jesper!$R$2:$R$366,ROW(INDEX(Jesper!AL$2:AL$366,ROUNDDOWN($C1237/24,0)+1,1))-1)+IF('Standard Profiles'!$G$22=$B$10,7,0)+IF('Standard Profiles'!$G$22=$B$17,14,0)+IF('Standard Profiles'!$G$22=$B$24,21,0),0)),0)</f>
        <v>0</v>
      </c>
      <c r="I1237">
        <f t="shared" si="146"/>
        <v>0.23331759745546882</v>
      </c>
      <c r="J1237">
        <f t="shared" si="147"/>
        <v>0.77772532485156276</v>
      </c>
      <c r="K1237">
        <f t="shared" si="148"/>
        <v>1.1665879872773441</v>
      </c>
      <c r="L1237">
        <f t="shared" si="149"/>
        <v>5.5996223389312521</v>
      </c>
      <c r="M1237">
        <f t="shared" si="150"/>
        <v>0</v>
      </c>
      <c r="N1237" s="46">
        <f t="shared" si="151"/>
        <v>45342.124999997082</v>
      </c>
    </row>
    <row r="1238" spans="2:14" x14ac:dyDescent="0.3">
      <c r="B1238">
        <f t="shared" si="145"/>
        <v>2</v>
      </c>
      <c r="C1238" s="16">
        <v>1204</v>
      </c>
      <c r="D1238" cm="1">
        <f t="array" ref="D1238">IFERROR(INDEX(Jesper!AH$2:AH$366,ROUNDDOWN($C1238/24,0)+1,1)*INDEX($D$3:$AA$30,INDEX(Jesper!$R$2:$R$366,ROW(INDEX(Jesper!AH$2:AH$366,ROUNDDOWN($C1238/24,0)+1,1))-1)+IF('Standard Profiles'!$G$18=$B$10,7,0)+IF('Standard Profiles'!$G$18=$B$17,14,0)+IF('Standard Profiles'!$G$18=$B$24,21,0),MOD($C1238,24)+1)/SUM(INDEX($D$3:$AA$30,INDEX(Jesper!$R$2:$R$366,ROW(INDEX(Jesper!AH$2:AH$366,ROUNDDOWN($C1238/24,0)+1,1))-1)+IF('Standard Profiles'!$G$18=$B$10,7,0)+IF('Standard Profiles'!$G$18=$B$17,14,0)+IF('Standard Profiles'!$G$18=$B$24,21,0),0)),0)</f>
        <v>7.7772532485156276</v>
      </c>
      <c r="E1238" cm="1">
        <f t="array" ref="E1238">IFERROR(INDEX(Jesper!AI$2:AI$366,ROUNDDOWN($C1238/24,0)+1,1)*INDEX($D$3:$AA$30,INDEX(Jesper!$R$2:$R$366,ROW(INDEX(Jesper!AI$2:AI$366,ROUNDDOWN($C1238/24,0)+1,1))-1)+IF('Standard Profiles'!$G$19=$B$10,7,0)+IF('Standard Profiles'!$G$19=$B$17,14,0)+IF('Standard Profiles'!$G$19=$B$24,21,0),MOD($C1238,24)+1)/SUM(INDEX($D$3:$AA$30,INDEX(Jesper!$R$2:$R$366,ROW(INDEX(Jesper!AI$2:AI$366,ROUNDDOWN($C1238/24,0)+1,1))-1)+IF('Standard Profiles'!$G$19=$B$10,7,0)+IF('Standard Profiles'!$G$19=$B$17,14,0)+IF('Standard Profiles'!$G$19=$B$24,21,0),0)),0)</f>
        <v>0</v>
      </c>
      <c r="F1238" cm="1">
        <f t="array" ref="F1238">IFERROR(INDEX(Jesper!AJ$2:AJ$366,ROUNDDOWN($C1238/24,0)+1,1)*INDEX($D$3:$AA$30,INDEX(Jesper!$R$2:$R$366,ROW(INDEX(Jesper!AJ$2:AJ$366,ROUNDDOWN($C1238/24,0)+1,1))-1)+IF('Standard Profiles'!$G$20=$B$10,7,0)+IF('Standard Profiles'!$G$20=$B$17,14,0)+IF('Standard Profiles'!$G$20=$B$24,21,0),MOD($C1238,24)+1)/SUM(INDEX($D$3:$AA$30,INDEX(Jesper!$R$2:$R$366,ROW(INDEX(Jesper!AJ$2:AJ$366,ROUNDDOWN($C1238/24,0)+1,1))-1)+IF('Standard Profiles'!$G$20=$B$10,7,0)+IF('Standard Profiles'!$G$20=$B$17,14,0)+IF('Standard Profiles'!$G$20=$B$24,21,0),0)),0)</f>
        <v>0</v>
      </c>
      <c r="G1238" cm="1">
        <f t="array" ref="G1238">IFERROR(INDEX(Jesper!AK$2:AK$366,ROUNDDOWN($C1238/24,0)+1,1)*INDEX($D$3:$AA$30,INDEX(Jesper!$R$2:$R$366,ROW(INDEX(Jesper!AK$2:AK$366,ROUNDDOWN($C1238/24,0)+1,1))-1)+IF('Standard Profiles'!$G$21=$B$10,7,0)+IF('Standard Profiles'!$G$21=$B$17,14,0)+IF('Standard Profiles'!$G$21=$B$24,21,0),MOD($C1238,24)+1)/SUM(INDEX($D$3:$AA$30,INDEX(Jesper!$R$2:$R$366,ROW(INDEX(Jesper!AK$2:AK$366,ROUNDDOWN($C1238/24,0)+1,1))-1)+IF('Standard Profiles'!$G$21=$B$10,7,0)+IF('Standard Profiles'!$G$21=$B$17,14,0)+IF('Standard Profiles'!$G$21=$B$24,21,0),0)),0)</f>
        <v>0</v>
      </c>
      <c r="H1238" cm="1">
        <f t="array" ref="H1238">IFERROR(INDEX(Jesper!AL$2:AL$366,ROUNDDOWN($C1238/24,0)+1,1)*INDEX($D$3:$AA$30,INDEX(Jesper!$R$2:$R$366,ROW(INDEX(Jesper!AL$2:AL$366,ROUNDDOWN($C1238/24,0)+1,1))-1)+IF('Standard Profiles'!$G$22=$B$10,7,0)+IF('Standard Profiles'!$G$22=$B$17,14,0)+IF('Standard Profiles'!$G$22=$B$24,21,0),MOD($C1238,24)+1)/SUM(INDEX($D$3:$AA$30,INDEX(Jesper!$R$2:$R$366,ROW(INDEX(Jesper!AL$2:AL$366,ROUNDDOWN($C1238/24,0)+1,1))-1)+IF('Standard Profiles'!$G$22=$B$10,7,0)+IF('Standard Profiles'!$G$22=$B$17,14,0)+IF('Standard Profiles'!$G$22=$B$24,21,0),0)),0)</f>
        <v>0</v>
      </c>
      <c r="I1238">
        <f t="shared" si="146"/>
        <v>0.23331759745546882</v>
      </c>
      <c r="J1238">
        <f t="shared" si="147"/>
        <v>0.77772532485156276</v>
      </c>
      <c r="K1238">
        <f t="shared" si="148"/>
        <v>1.1665879872773441</v>
      </c>
      <c r="L1238">
        <f t="shared" si="149"/>
        <v>5.5996223389312521</v>
      </c>
      <c r="M1238">
        <f t="shared" si="150"/>
        <v>0</v>
      </c>
      <c r="N1238" s="46">
        <f t="shared" si="151"/>
        <v>45342.166666663747</v>
      </c>
    </row>
    <row r="1239" spans="2:14" x14ac:dyDescent="0.3">
      <c r="B1239">
        <f t="shared" si="145"/>
        <v>2</v>
      </c>
      <c r="C1239" s="16">
        <v>1205</v>
      </c>
      <c r="D1239" cm="1">
        <f t="array" ref="D1239">IFERROR(INDEX(Jesper!AH$2:AH$366,ROUNDDOWN($C1239/24,0)+1,1)*INDEX($D$3:$AA$30,INDEX(Jesper!$R$2:$R$366,ROW(INDEX(Jesper!AH$2:AH$366,ROUNDDOWN($C1239/24,0)+1,1))-1)+IF('Standard Profiles'!$G$18=$B$10,7,0)+IF('Standard Profiles'!$G$18=$B$17,14,0)+IF('Standard Profiles'!$G$18=$B$24,21,0),MOD($C1239,24)+1)/SUM(INDEX($D$3:$AA$30,INDEX(Jesper!$R$2:$R$366,ROW(INDEX(Jesper!AH$2:AH$366,ROUNDDOWN($C1239/24,0)+1,1))-1)+IF('Standard Profiles'!$G$18=$B$10,7,0)+IF('Standard Profiles'!$G$18=$B$17,14,0)+IF('Standard Profiles'!$G$18=$B$24,21,0),0)),0)</f>
        <v>10.110429223070314</v>
      </c>
      <c r="E1239" cm="1">
        <f t="array" ref="E1239">IFERROR(INDEX(Jesper!AI$2:AI$366,ROUNDDOWN($C1239/24,0)+1,1)*INDEX($D$3:$AA$30,INDEX(Jesper!$R$2:$R$366,ROW(INDEX(Jesper!AI$2:AI$366,ROUNDDOWN($C1239/24,0)+1,1))-1)+IF('Standard Profiles'!$G$19=$B$10,7,0)+IF('Standard Profiles'!$G$19=$B$17,14,0)+IF('Standard Profiles'!$G$19=$B$24,21,0),MOD($C1239,24)+1)/SUM(INDEX($D$3:$AA$30,INDEX(Jesper!$R$2:$R$366,ROW(INDEX(Jesper!AI$2:AI$366,ROUNDDOWN($C1239/24,0)+1,1))-1)+IF('Standard Profiles'!$G$19=$B$10,7,0)+IF('Standard Profiles'!$G$19=$B$17,14,0)+IF('Standard Profiles'!$G$19=$B$24,21,0),0)),0)</f>
        <v>0</v>
      </c>
      <c r="F1239" cm="1">
        <f t="array" ref="F1239">IFERROR(INDEX(Jesper!AJ$2:AJ$366,ROUNDDOWN($C1239/24,0)+1,1)*INDEX($D$3:$AA$30,INDEX(Jesper!$R$2:$R$366,ROW(INDEX(Jesper!AJ$2:AJ$366,ROUNDDOWN($C1239/24,0)+1,1))-1)+IF('Standard Profiles'!$G$20=$B$10,7,0)+IF('Standard Profiles'!$G$20=$B$17,14,0)+IF('Standard Profiles'!$G$20=$B$24,21,0),MOD($C1239,24)+1)/SUM(INDEX($D$3:$AA$30,INDEX(Jesper!$R$2:$R$366,ROW(INDEX(Jesper!AJ$2:AJ$366,ROUNDDOWN($C1239/24,0)+1,1))-1)+IF('Standard Profiles'!$G$20=$B$10,7,0)+IF('Standard Profiles'!$G$20=$B$17,14,0)+IF('Standard Profiles'!$G$20=$B$24,21,0),0)),0)</f>
        <v>0</v>
      </c>
      <c r="G1239" cm="1">
        <f t="array" ref="G1239">IFERROR(INDEX(Jesper!AK$2:AK$366,ROUNDDOWN($C1239/24,0)+1,1)*INDEX($D$3:$AA$30,INDEX(Jesper!$R$2:$R$366,ROW(INDEX(Jesper!AK$2:AK$366,ROUNDDOWN($C1239/24,0)+1,1))-1)+IF('Standard Profiles'!$G$21=$B$10,7,0)+IF('Standard Profiles'!$G$21=$B$17,14,0)+IF('Standard Profiles'!$G$21=$B$24,21,0),MOD($C1239,24)+1)/SUM(INDEX($D$3:$AA$30,INDEX(Jesper!$R$2:$R$366,ROW(INDEX(Jesper!AK$2:AK$366,ROUNDDOWN($C1239/24,0)+1,1))-1)+IF('Standard Profiles'!$G$21=$B$10,7,0)+IF('Standard Profiles'!$G$21=$B$17,14,0)+IF('Standard Profiles'!$G$21=$B$24,21,0),0)),0)</f>
        <v>0</v>
      </c>
      <c r="H1239" cm="1">
        <f t="array" ref="H1239">IFERROR(INDEX(Jesper!AL$2:AL$366,ROUNDDOWN($C1239/24,0)+1,1)*INDEX($D$3:$AA$30,INDEX(Jesper!$R$2:$R$366,ROW(INDEX(Jesper!AL$2:AL$366,ROUNDDOWN($C1239/24,0)+1,1))-1)+IF('Standard Profiles'!$G$22=$B$10,7,0)+IF('Standard Profiles'!$G$22=$B$17,14,0)+IF('Standard Profiles'!$G$22=$B$24,21,0),MOD($C1239,24)+1)/SUM(INDEX($D$3:$AA$30,INDEX(Jesper!$R$2:$R$366,ROW(INDEX(Jesper!AL$2:AL$366,ROUNDDOWN($C1239/24,0)+1,1))-1)+IF('Standard Profiles'!$G$22=$B$10,7,0)+IF('Standard Profiles'!$G$22=$B$17,14,0)+IF('Standard Profiles'!$G$22=$B$24,21,0),0)),0)</f>
        <v>0</v>
      </c>
      <c r="I1239">
        <f t="shared" si="146"/>
        <v>0.30331287669210943</v>
      </c>
      <c r="J1239">
        <f t="shared" si="147"/>
        <v>1.0110429223070314</v>
      </c>
      <c r="K1239">
        <f t="shared" si="148"/>
        <v>1.5165643834605471</v>
      </c>
      <c r="L1239">
        <f t="shared" si="149"/>
        <v>7.279509040610626</v>
      </c>
      <c r="M1239">
        <f t="shared" si="150"/>
        <v>0</v>
      </c>
      <c r="N1239" s="46">
        <f t="shared" si="151"/>
        <v>45342.208333330411</v>
      </c>
    </row>
    <row r="1240" spans="2:14" x14ac:dyDescent="0.3">
      <c r="B1240">
        <f t="shared" si="145"/>
        <v>2</v>
      </c>
      <c r="C1240" s="16">
        <v>1206</v>
      </c>
      <c r="D1240" cm="1">
        <f t="array" ref="D1240">IFERROR(INDEX(Jesper!AH$2:AH$366,ROUNDDOWN($C1240/24,0)+1,1)*INDEX($D$3:$AA$30,INDEX(Jesper!$R$2:$R$366,ROW(INDEX(Jesper!AH$2:AH$366,ROUNDDOWN($C1240/24,0)+1,1))-1)+IF('Standard Profiles'!$G$18=$B$10,7,0)+IF('Standard Profiles'!$G$18=$B$17,14,0)+IF('Standard Profiles'!$G$18=$B$24,21,0),MOD($C1240,24)+1)/SUM(INDEX($D$3:$AA$30,INDEX(Jesper!$R$2:$R$366,ROW(INDEX(Jesper!AH$2:AH$366,ROUNDDOWN($C1240/24,0)+1,1))-1)+IF('Standard Profiles'!$G$18=$B$10,7,0)+IF('Standard Profiles'!$G$18=$B$17,14,0)+IF('Standard Profiles'!$G$18=$B$24,21,0),0)),0)</f>
        <v>11.27701721034766</v>
      </c>
      <c r="E1240" cm="1">
        <f t="array" ref="E1240">IFERROR(INDEX(Jesper!AI$2:AI$366,ROUNDDOWN($C1240/24,0)+1,1)*INDEX($D$3:$AA$30,INDEX(Jesper!$R$2:$R$366,ROW(INDEX(Jesper!AI$2:AI$366,ROUNDDOWN($C1240/24,0)+1,1))-1)+IF('Standard Profiles'!$G$19=$B$10,7,0)+IF('Standard Profiles'!$G$19=$B$17,14,0)+IF('Standard Profiles'!$G$19=$B$24,21,0),MOD($C1240,24)+1)/SUM(INDEX($D$3:$AA$30,INDEX(Jesper!$R$2:$R$366,ROW(INDEX(Jesper!AI$2:AI$366,ROUNDDOWN($C1240/24,0)+1,1))-1)+IF('Standard Profiles'!$G$19=$B$10,7,0)+IF('Standard Profiles'!$G$19=$B$17,14,0)+IF('Standard Profiles'!$G$19=$B$24,21,0),0)),0)</f>
        <v>0</v>
      </c>
      <c r="F1240" cm="1">
        <f t="array" ref="F1240">IFERROR(INDEX(Jesper!AJ$2:AJ$366,ROUNDDOWN($C1240/24,0)+1,1)*INDEX($D$3:$AA$30,INDEX(Jesper!$R$2:$R$366,ROW(INDEX(Jesper!AJ$2:AJ$366,ROUNDDOWN($C1240/24,0)+1,1))-1)+IF('Standard Profiles'!$G$20=$B$10,7,0)+IF('Standard Profiles'!$G$20=$B$17,14,0)+IF('Standard Profiles'!$G$20=$B$24,21,0),MOD($C1240,24)+1)/SUM(INDEX($D$3:$AA$30,INDEX(Jesper!$R$2:$R$366,ROW(INDEX(Jesper!AJ$2:AJ$366,ROUNDDOWN($C1240/24,0)+1,1))-1)+IF('Standard Profiles'!$G$20=$B$10,7,0)+IF('Standard Profiles'!$G$20=$B$17,14,0)+IF('Standard Profiles'!$G$20=$B$24,21,0),0)),0)</f>
        <v>0</v>
      </c>
      <c r="G1240" cm="1">
        <f t="array" ref="G1240">IFERROR(INDEX(Jesper!AK$2:AK$366,ROUNDDOWN($C1240/24,0)+1,1)*INDEX($D$3:$AA$30,INDEX(Jesper!$R$2:$R$366,ROW(INDEX(Jesper!AK$2:AK$366,ROUNDDOWN($C1240/24,0)+1,1))-1)+IF('Standard Profiles'!$G$21=$B$10,7,0)+IF('Standard Profiles'!$G$21=$B$17,14,0)+IF('Standard Profiles'!$G$21=$B$24,21,0),MOD($C1240,24)+1)/SUM(INDEX($D$3:$AA$30,INDEX(Jesper!$R$2:$R$366,ROW(INDEX(Jesper!AK$2:AK$366,ROUNDDOWN($C1240/24,0)+1,1))-1)+IF('Standard Profiles'!$G$21=$B$10,7,0)+IF('Standard Profiles'!$G$21=$B$17,14,0)+IF('Standard Profiles'!$G$21=$B$24,21,0),0)),0)</f>
        <v>0</v>
      </c>
      <c r="H1240" cm="1">
        <f t="array" ref="H1240">IFERROR(INDEX(Jesper!AL$2:AL$366,ROUNDDOWN($C1240/24,0)+1,1)*INDEX($D$3:$AA$30,INDEX(Jesper!$R$2:$R$366,ROW(INDEX(Jesper!AL$2:AL$366,ROUNDDOWN($C1240/24,0)+1,1))-1)+IF('Standard Profiles'!$G$22=$B$10,7,0)+IF('Standard Profiles'!$G$22=$B$17,14,0)+IF('Standard Profiles'!$G$22=$B$24,21,0),MOD($C1240,24)+1)/SUM(INDEX($D$3:$AA$30,INDEX(Jesper!$R$2:$R$366,ROW(INDEX(Jesper!AL$2:AL$366,ROUNDDOWN($C1240/24,0)+1,1))-1)+IF('Standard Profiles'!$G$22=$B$10,7,0)+IF('Standard Profiles'!$G$22=$B$17,14,0)+IF('Standard Profiles'!$G$22=$B$24,21,0),0)),0)</f>
        <v>0</v>
      </c>
      <c r="I1240">
        <f t="shared" si="146"/>
        <v>0.3383105163104298</v>
      </c>
      <c r="J1240">
        <f t="shared" si="147"/>
        <v>1.127701721034766</v>
      </c>
      <c r="K1240">
        <f t="shared" si="148"/>
        <v>1.691552581552149</v>
      </c>
      <c r="L1240">
        <f t="shared" si="149"/>
        <v>8.1194523914503147</v>
      </c>
      <c r="M1240">
        <f t="shared" si="150"/>
        <v>0</v>
      </c>
      <c r="N1240" s="46">
        <f t="shared" si="151"/>
        <v>45342.249999997075</v>
      </c>
    </row>
    <row r="1241" spans="2:14" x14ac:dyDescent="0.3">
      <c r="B1241">
        <f t="shared" si="145"/>
        <v>2</v>
      </c>
      <c r="C1241" s="16">
        <v>1207</v>
      </c>
      <c r="D1241" cm="1">
        <f t="array" ref="D1241">IFERROR(INDEX(Jesper!AH$2:AH$366,ROUNDDOWN($C1241/24,0)+1,1)*INDEX($D$3:$AA$30,INDEX(Jesper!$R$2:$R$366,ROW(INDEX(Jesper!AH$2:AH$366,ROUNDDOWN($C1241/24,0)+1,1))-1)+IF('Standard Profiles'!$G$18=$B$10,7,0)+IF('Standard Profiles'!$G$18=$B$17,14,0)+IF('Standard Profiles'!$G$18=$B$24,21,0),MOD($C1241,24)+1)/SUM(INDEX($D$3:$AA$30,INDEX(Jesper!$R$2:$R$366,ROW(INDEX(Jesper!AH$2:AH$366,ROUNDDOWN($C1241/24,0)+1,1))-1)+IF('Standard Profiles'!$G$18=$B$10,7,0)+IF('Standard Profiles'!$G$18=$B$17,14,0)+IF('Standard Profiles'!$G$18=$B$24,21,0),0)),0)</f>
        <v>11.665879872773441</v>
      </c>
      <c r="E1241" cm="1">
        <f t="array" ref="E1241">IFERROR(INDEX(Jesper!AI$2:AI$366,ROUNDDOWN($C1241/24,0)+1,1)*INDEX($D$3:$AA$30,INDEX(Jesper!$R$2:$R$366,ROW(INDEX(Jesper!AI$2:AI$366,ROUNDDOWN($C1241/24,0)+1,1))-1)+IF('Standard Profiles'!$G$19=$B$10,7,0)+IF('Standard Profiles'!$G$19=$B$17,14,0)+IF('Standard Profiles'!$G$19=$B$24,21,0),MOD($C1241,24)+1)/SUM(INDEX($D$3:$AA$30,INDEX(Jesper!$R$2:$R$366,ROW(INDEX(Jesper!AI$2:AI$366,ROUNDDOWN($C1241/24,0)+1,1))-1)+IF('Standard Profiles'!$G$19=$B$10,7,0)+IF('Standard Profiles'!$G$19=$B$17,14,0)+IF('Standard Profiles'!$G$19=$B$24,21,0),0)),0)</f>
        <v>0</v>
      </c>
      <c r="F1241" cm="1">
        <f t="array" ref="F1241">IFERROR(INDEX(Jesper!AJ$2:AJ$366,ROUNDDOWN($C1241/24,0)+1,1)*INDEX($D$3:$AA$30,INDEX(Jesper!$R$2:$R$366,ROW(INDEX(Jesper!AJ$2:AJ$366,ROUNDDOWN($C1241/24,0)+1,1))-1)+IF('Standard Profiles'!$G$20=$B$10,7,0)+IF('Standard Profiles'!$G$20=$B$17,14,0)+IF('Standard Profiles'!$G$20=$B$24,21,0),MOD($C1241,24)+1)/SUM(INDEX($D$3:$AA$30,INDEX(Jesper!$R$2:$R$366,ROW(INDEX(Jesper!AJ$2:AJ$366,ROUNDDOWN($C1241/24,0)+1,1))-1)+IF('Standard Profiles'!$G$20=$B$10,7,0)+IF('Standard Profiles'!$G$20=$B$17,14,0)+IF('Standard Profiles'!$G$20=$B$24,21,0),0)),0)</f>
        <v>0</v>
      </c>
      <c r="G1241" cm="1">
        <f t="array" ref="G1241">IFERROR(INDEX(Jesper!AK$2:AK$366,ROUNDDOWN($C1241/24,0)+1,1)*INDEX($D$3:$AA$30,INDEX(Jesper!$R$2:$R$366,ROW(INDEX(Jesper!AK$2:AK$366,ROUNDDOWN($C1241/24,0)+1,1))-1)+IF('Standard Profiles'!$G$21=$B$10,7,0)+IF('Standard Profiles'!$G$21=$B$17,14,0)+IF('Standard Profiles'!$G$21=$B$24,21,0),MOD($C1241,24)+1)/SUM(INDEX($D$3:$AA$30,INDEX(Jesper!$R$2:$R$366,ROW(INDEX(Jesper!AK$2:AK$366,ROUNDDOWN($C1241/24,0)+1,1))-1)+IF('Standard Profiles'!$G$21=$B$10,7,0)+IF('Standard Profiles'!$G$21=$B$17,14,0)+IF('Standard Profiles'!$G$21=$B$24,21,0),0)),0)</f>
        <v>0</v>
      </c>
      <c r="H1241" cm="1">
        <f t="array" ref="H1241">IFERROR(INDEX(Jesper!AL$2:AL$366,ROUNDDOWN($C1241/24,0)+1,1)*INDEX($D$3:$AA$30,INDEX(Jesper!$R$2:$R$366,ROW(INDEX(Jesper!AL$2:AL$366,ROUNDDOWN($C1241/24,0)+1,1))-1)+IF('Standard Profiles'!$G$22=$B$10,7,0)+IF('Standard Profiles'!$G$22=$B$17,14,0)+IF('Standard Profiles'!$G$22=$B$24,21,0),MOD($C1241,24)+1)/SUM(INDEX($D$3:$AA$30,INDEX(Jesper!$R$2:$R$366,ROW(INDEX(Jesper!AL$2:AL$366,ROUNDDOWN($C1241/24,0)+1,1))-1)+IF('Standard Profiles'!$G$22=$B$10,7,0)+IF('Standard Profiles'!$G$22=$B$17,14,0)+IF('Standard Profiles'!$G$22=$B$24,21,0),0)),0)</f>
        <v>0</v>
      </c>
      <c r="I1241">
        <f t="shared" si="146"/>
        <v>0.34997639618320325</v>
      </c>
      <c r="J1241">
        <f t="shared" si="147"/>
        <v>1.1665879872773441</v>
      </c>
      <c r="K1241">
        <f t="shared" si="148"/>
        <v>1.7498819809160162</v>
      </c>
      <c r="L1241">
        <f t="shared" si="149"/>
        <v>8.3994335083968767</v>
      </c>
      <c r="M1241">
        <f t="shared" si="150"/>
        <v>0</v>
      </c>
      <c r="N1241" s="46">
        <f t="shared" si="151"/>
        <v>45342.291666663739</v>
      </c>
    </row>
    <row r="1242" spans="2:14" x14ac:dyDescent="0.3">
      <c r="B1242">
        <f t="shared" si="145"/>
        <v>2</v>
      </c>
      <c r="C1242" s="16">
        <v>1208</v>
      </c>
      <c r="D1242" cm="1">
        <f t="array" ref="D1242">IFERROR(INDEX(Jesper!AH$2:AH$366,ROUNDDOWN($C1242/24,0)+1,1)*INDEX($D$3:$AA$30,INDEX(Jesper!$R$2:$R$366,ROW(INDEX(Jesper!AH$2:AH$366,ROUNDDOWN($C1242/24,0)+1,1))-1)+IF('Standard Profiles'!$G$18=$B$10,7,0)+IF('Standard Profiles'!$G$18=$B$17,14,0)+IF('Standard Profiles'!$G$18=$B$24,21,0),MOD($C1242,24)+1)/SUM(INDEX($D$3:$AA$30,INDEX(Jesper!$R$2:$R$366,ROW(INDEX(Jesper!AH$2:AH$366,ROUNDDOWN($C1242/24,0)+1,1))-1)+IF('Standard Profiles'!$G$18=$B$10,7,0)+IF('Standard Profiles'!$G$18=$B$17,14,0)+IF('Standard Profiles'!$G$18=$B$24,21,0),0)),0)</f>
        <v>11.665879872773441</v>
      </c>
      <c r="E1242" cm="1">
        <f t="array" ref="E1242">IFERROR(INDEX(Jesper!AI$2:AI$366,ROUNDDOWN($C1242/24,0)+1,1)*INDEX($D$3:$AA$30,INDEX(Jesper!$R$2:$R$366,ROW(INDEX(Jesper!AI$2:AI$366,ROUNDDOWN($C1242/24,0)+1,1))-1)+IF('Standard Profiles'!$G$19=$B$10,7,0)+IF('Standard Profiles'!$G$19=$B$17,14,0)+IF('Standard Profiles'!$G$19=$B$24,21,0),MOD($C1242,24)+1)/SUM(INDEX($D$3:$AA$30,INDEX(Jesper!$R$2:$R$366,ROW(INDEX(Jesper!AI$2:AI$366,ROUNDDOWN($C1242/24,0)+1,1))-1)+IF('Standard Profiles'!$G$19=$B$10,7,0)+IF('Standard Profiles'!$G$19=$B$17,14,0)+IF('Standard Profiles'!$G$19=$B$24,21,0),0)),0)</f>
        <v>0</v>
      </c>
      <c r="F1242" cm="1">
        <f t="array" ref="F1242">IFERROR(INDEX(Jesper!AJ$2:AJ$366,ROUNDDOWN($C1242/24,0)+1,1)*INDEX($D$3:$AA$30,INDEX(Jesper!$R$2:$R$366,ROW(INDEX(Jesper!AJ$2:AJ$366,ROUNDDOWN($C1242/24,0)+1,1))-1)+IF('Standard Profiles'!$G$20=$B$10,7,0)+IF('Standard Profiles'!$G$20=$B$17,14,0)+IF('Standard Profiles'!$G$20=$B$24,21,0),MOD($C1242,24)+1)/SUM(INDEX($D$3:$AA$30,INDEX(Jesper!$R$2:$R$366,ROW(INDEX(Jesper!AJ$2:AJ$366,ROUNDDOWN($C1242/24,0)+1,1))-1)+IF('Standard Profiles'!$G$20=$B$10,7,0)+IF('Standard Profiles'!$G$20=$B$17,14,0)+IF('Standard Profiles'!$G$20=$B$24,21,0),0)),0)</f>
        <v>0</v>
      </c>
      <c r="G1242" cm="1">
        <f t="array" ref="G1242">IFERROR(INDEX(Jesper!AK$2:AK$366,ROUNDDOWN($C1242/24,0)+1,1)*INDEX($D$3:$AA$30,INDEX(Jesper!$R$2:$R$366,ROW(INDEX(Jesper!AK$2:AK$366,ROUNDDOWN($C1242/24,0)+1,1))-1)+IF('Standard Profiles'!$G$21=$B$10,7,0)+IF('Standard Profiles'!$G$21=$B$17,14,0)+IF('Standard Profiles'!$G$21=$B$24,21,0),MOD($C1242,24)+1)/SUM(INDEX($D$3:$AA$30,INDEX(Jesper!$R$2:$R$366,ROW(INDEX(Jesper!AK$2:AK$366,ROUNDDOWN($C1242/24,0)+1,1))-1)+IF('Standard Profiles'!$G$21=$B$10,7,0)+IF('Standard Profiles'!$G$21=$B$17,14,0)+IF('Standard Profiles'!$G$21=$B$24,21,0),0)),0)</f>
        <v>0</v>
      </c>
      <c r="H1242" cm="1">
        <f t="array" ref="H1242">IFERROR(INDEX(Jesper!AL$2:AL$366,ROUNDDOWN($C1242/24,0)+1,1)*INDEX($D$3:$AA$30,INDEX(Jesper!$R$2:$R$366,ROW(INDEX(Jesper!AL$2:AL$366,ROUNDDOWN($C1242/24,0)+1,1))-1)+IF('Standard Profiles'!$G$22=$B$10,7,0)+IF('Standard Profiles'!$G$22=$B$17,14,0)+IF('Standard Profiles'!$G$22=$B$24,21,0),MOD($C1242,24)+1)/SUM(INDEX($D$3:$AA$30,INDEX(Jesper!$R$2:$R$366,ROW(INDEX(Jesper!AL$2:AL$366,ROUNDDOWN($C1242/24,0)+1,1))-1)+IF('Standard Profiles'!$G$22=$B$10,7,0)+IF('Standard Profiles'!$G$22=$B$17,14,0)+IF('Standard Profiles'!$G$22=$B$24,21,0),0)),0)</f>
        <v>0</v>
      </c>
      <c r="I1242">
        <f t="shared" si="146"/>
        <v>0.34997639618320325</v>
      </c>
      <c r="J1242">
        <f t="shared" si="147"/>
        <v>1.1665879872773441</v>
      </c>
      <c r="K1242">
        <f t="shared" si="148"/>
        <v>1.7498819809160162</v>
      </c>
      <c r="L1242">
        <f t="shared" si="149"/>
        <v>8.3994335083968767</v>
      </c>
      <c r="M1242">
        <f t="shared" si="150"/>
        <v>0</v>
      </c>
      <c r="N1242" s="46">
        <f t="shared" si="151"/>
        <v>45342.333333330404</v>
      </c>
    </row>
    <row r="1243" spans="2:14" x14ac:dyDescent="0.3">
      <c r="B1243">
        <f t="shared" si="145"/>
        <v>2</v>
      </c>
      <c r="C1243" s="16">
        <v>1209</v>
      </c>
      <c r="D1243" cm="1">
        <f t="array" ref="D1243">IFERROR(INDEX(Jesper!AH$2:AH$366,ROUNDDOWN($C1243/24,0)+1,1)*INDEX($D$3:$AA$30,INDEX(Jesper!$R$2:$R$366,ROW(INDEX(Jesper!AH$2:AH$366,ROUNDDOWN($C1243/24,0)+1,1))-1)+IF('Standard Profiles'!$G$18=$B$10,7,0)+IF('Standard Profiles'!$G$18=$B$17,14,0)+IF('Standard Profiles'!$G$18=$B$24,21,0),MOD($C1243,24)+1)/SUM(INDEX($D$3:$AA$30,INDEX(Jesper!$R$2:$R$366,ROW(INDEX(Jesper!AH$2:AH$366,ROUNDDOWN($C1243/24,0)+1,1))-1)+IF('Standard Profiles'!$G$18=$B$10,7,0)+IF('Standard Profiles'!$G$18=$B$17,14,0)+IF('Standard Profiles'!$G$18=$B$24,21,0),0)),0)</f>
        <v>12.638036528837894</v>
      </c>
      <c r="E1243" cm="1">
        <f t="array" ref="E1243">IFERROR(INDEX(Jesper!AI$2:AI$366,ROUNDDOWN($C1243/24,0)+1,1)*INDEX($D$3:$AA$30,INDEX(Jesper!$R$2:$R$366,ROW(INDEX(Jesper!AI$2:AI$366,ROUNDDOWN($C1243/24,0)+1,1))-1)+IF('Standard Profiles'!$G$19=$B$10,7,0)+IF('Standard Profiles'!$G$19=$B$17,14,0)+IF('Standard Profiles'!$G$19=$B$24,21,0),MOD($C1243,24)+1)/SUM(INDEX($D$3:$AA$30,INDEX(Jesper!$R$2:$R$366,ROW(INDEX(Jesper!AI$2:AI$366,ROUNDDOWN($C1243/24,0)+1,1))-1)+IF('Standard Profiles'!$G$19=$B$10,7,0)+IF('Standard Profiles'!$G$19=$B$17,14,0)+IF('Standard Profiles'!$G$19=$B$24,21,0),0)),0)</f>
        <v>0</v>
      </c>
      <c r="F1243" cm="1">
        <f t="array" ref="F1243">IFERROR(INDEX(Jesper!AJ$2:AJ$366,ROUNDDOWN($C1243/24,0)+1,1)*INDEX($D$3:$AA$30,INDEX(Jesper!$R$2:$R$366,ROW(INDEX(Jesper!AJ$2:AJ$366,ROUNDDOWN($C1243/24,0)+1,1))-1)+IF('Standard Profiles'!$G$20=$B$10,7,0)+IF('Standard Profiles'!$G$20=$B$17,14,0)+IF('Standard Profiles'!$G$20=$B$24,21,0),MOD($C1243,24)+1)/SUM(INDEX($D$3:$AA$30,INDEX(Jesper!$R$2:$R$366,ROW(INDEX(Jesper!AJ$2:AJ$366,ROUNDDOWN($C1243/24,0)+1,1))-1)+IF('Standard Profiles'!$G$20=$B$10,7,0)+IF('Standard Profiles'!$G$20=$B$17,14,0)+IF('Standard Profiles'!$G$20=$B$24,21,0),0)),0)</f>
        <v>0</v>
      </c>
      <c r="G1243" cm="1">
        <f t="array" ref="G1243">IFERROR(INDEX(Jesper!AK$2:AK$366,ROUNDDOWN($C1243/24,0)+1,1)*INDEX($D$3:$AA$30,INDEX(Jesper!$R$2:$R$366,ROW(INDEX(Jesper!AK$2:AK$366,ROUNDDOWN($C1243/24,0)+1,1))-1)+IF('Standard Profiles'!$G$21=$B$10,7,0)+IF('Standard Profiles'!$G$21=$B$17,14,0)+IF('Standard Profiles'!$G$21=$B$24,21,0),MOD($C1243,24)+1)/SUM(INDEX($D$3:$AA$30,INDEX(Jesper!$R$2:$R$366,ROW(INDEX(Jesper!AK$2:AK$366,ROUNDDOWN($C1243/24,0)+1,1))-1)+IF('Standard Profiles'!$G$21=$B$10,7,0)+IF('Standard Profiles'!$G$21=$B$17,14,0)+IF('Standard Profiles'!$G$21=$B$24,21,0),0)),0)</f>
        <v>0</v>
      </c>
      <c r="H1243" cm="1">
        <f t="array" ref="H1243">IFERROR(INDEX(Jesper!AL$2:AL$366,ROUNDDOWN($C1243/24,0)+1,1)*INDEX($D$3:$AA$30,INDEX(Jesper!$R$2:$R$366,ROW(INDEX(Jesper!AL$2:AL$366,ROUNDDOWN($C1243/24,0)+1,1))-1)+IF('Standard Profiles'!$G$22=$B$10,7,0)+IF('Standard Profiles'!$G$22=$B$17,14,0)+IF('Standard Profiles'!$G$22=$B$24,21,0),MOD($C1243,24)+1)/SUM(INDEX($D$3:$AA$30,INDEX(Jesper!$R$2:$R$366,ROW(INDEX(Jesper!AL$2:AL$366,ROUNDDOWN($C1243/24,0)+1,1))-1)+IF('Standard Profiles'!$G$22=$B$10,7,0)+IF('Standard Profiles'!$G$22=$B$17,14,0)+IF('Standard Profiles'!$G$22=$B$24,21,0),0)),0)</f>
        <v>0</v>
      </c>
      <c r="I1243">
        <f t="shared" si="146"/>
        <v>0.37914109586513678</v>
      </c>
      <c r="J1243">
        <f t="shared" si="147"/>
        <v>1.2638036528837895</v>
      </c>
      <c r="K1243">
        <f t="shared" si="148"/>
        <v>1.895705479325684</v>
      </c>
      <c r="L1243">
        <f t="shared" si="149"/>
        <v>9.0993863007632836</v>
      </c>
      <c r="M1243">
        <f t="shared" si="150"/>
        <v>0</v>
      </c>
      <c r="N1243" s="46">
        <f t="shared" si="151"/>
        <v>45342.374999997068</v>
      </c>
    </row>
    <row r="1244" spans="2:14" x14ac:dyDescent="0.3">
      <c r="B1244">
        <f t="shared" si="145"/>
        <v>2</v>
      </c>
      <c r="C1244" s="16">
        <v>1210</v>
      </c>
      <c r="D1244" cm="1">
        <f t="array" ref="D1244">IFERROR(INDEX(Jesper!AH$2:AH$366,ROUNDDOWN($C1244/24,0)+1,1)*INDEX($D$3:$AA$30,INDEX(Jesper!$R$2:$R$366,ROW(INDEX(Jesper!AH$2:AH$366,ROUNDDOWN($C1244/24,0)+1,1))-1)+IF('Standard Profiles'!$G$18=$B$10,7,0)+IF('Standard Profiles'!$G$18=$B$17,14,0)+IF('Standard Profiles'!$G$18=$B$24,21,0),MOD($C1244,24)+1)/SUM(INDEX($D$3:$AA$30,INDEX(Jesper!$R$2:$R$366,ROW(INDEX(Jesper!AH$2:AH$366,ROUNDDOWN($C1244/24,0)+1,1))-1)+IF('Standard Profiles'!$G$18=$B$10,7,0)+IF('Standard Profiles'!$G$18=$B$17,14,0)+IF('Standard Profiles'!$G$18=$B$24,21,0),0)),0)</f>
        <v>13.221330522476565</v>
      </c>
      <c r="E1244" cm="1">
        <f t="array" ref="E1244">IFERROR(INDEX(Jesper!AI$2:AI$366,ROUNDDOWN($C1244/24,0)+1,1)*INDEX($D$3:$AA$30,INDEX(Jesper!$R$2:$R$366,ROW(INDEX(Jesper!AI$2:AI$366,ROUNDDOWN($C1244/24,0)+1,1))-1)+IF('Standard Profiles'!$G$19=$B$10,7,0)+IF('Standard Profiles'!$G$19=$B$17,14,0)+IF('Standard Profiles'!$G$19=$B$24,21,0),MOD($C1244,24)+1)/SUM(INDEX($D$3:$AA$30,INDEX(Jesper!$R$2:$R$366,ROW(INDEX(Jesper!AI$2:AI$366,ROUNDDOWN($C1244/24,0)+1,1))-1)+IF('Standard Profiles'!$G$19=$B$10,7,0)+IF('Standard Profiles'!$G$19=$B$17,14,0)+IF('Standard Profiles'!$G$19=$B$24,21,0),0)),0)</f>
        <v>0</v>
      </c>
      <c r="F1244" cm="1">
        <f t="array" ref="F1244">IFERROR(INDEX(Jesper!AJ$2:AJ$366,ROUNDDOWN($C1244/24,0)+1,1)*INDEX($D$3:$AA$30,INDEX(Jesper!$R$2:$R$366,ROW(INDEX(Jesper!AJ$2:AJ$366,ROUNDDOWN($C1244/24,0)+1,1))-1)+IF('Standard Profiles'!$G$20=$B$10,7,0)+IF('Standard Profiles'!$G$20=$B$17,14,0)+IF('Standard Profiles'!$G$20=$B$24,21,0),MOD($C1244,24)+1)/SUM(INDEX($D$3:$AA$30,INDEX(Jesper!$R$2:$R$366,ROW(INDEX(Jesper!AJ$2:AJ$366,ROUNDDOWN($C1244/24,0)+1,1))-1)+IF('Standard Profiles'!$G$20=$B$10,7,0)+IF('Standard Profiles'!$G$20=$B$17,14,0)+IF('Standard Profiles'!$G$20=$B$24,21,0),0)),0)</f>
        <v>0</v>
      </c>
      <c r="G1244" cm="1">
        <f t="array" ref="G1244">IFERROR(INDEX(Jesper!AK$2:AK$366,ROUNDDOWN($C1244/24,0)+1,1)*INDEX($D$3:$AA$30,INDEX(Jesper!$R$2:$R$366,ROW(INDEX(Jesper!AK$2:AK$366,ROUNDDOWN($C1244/24,0)+1,1))-1)+IF('Standard Profiles'!$G$21=$B$10,7,0)+IF('Standard Profiles'!$G$21=$B$17,14,0)+IF('Standard Profiles'!$G$21=$B$24,21,0),MOD($C1244,24)+1)/SUM(INDEX($D$3:$AA$30,INDEX(Jesper!$R$2:$R$366,ROW(INDEX(Jesper!AK$2:AK$366,ROUNDDOWN($C1244/24,0)+1,1))-1)+IF('Standard Profiles'!$G$21=$B$10,7,0)+IF('Standard Profiles'!$G$21=$B$17,14,0)+IF('Standard Profiles'!$G$21=$B$24,21,0),0)),0)</f>
        <v>0</v>
      </c>
      <c r="H1244" cm="1">
        <f t="array" ref="H1244">IFERROR(INDEX(Jesper!AL$2:AL$366,ROUNDDOWN($C1244/24,0)+1,1)*INDEX($D$3:$AA$30,INDEX(Jesper!$R$2:$R$366,ROW(INDEX(Jesper!AL$2:AL$366,ROUNDDOWN($C1244/24,0)+1,1))-1)+IF('Standard Profiles'!$G$22=$B$10,7,0)+IF('Standard Profiles'!$G$22=$B$17,14,0)+IF('Standard Profiles'!$G$22=$B$24,21,0),MOD($C1244,24)+1)/SUM(INDEX($D$3:$AA$30,INDEX(Jesper!$R$2:$R$366,ROW(INDEX(Jesper!AL$2:AL$366,ROUNDDOWN($C1244/24,0)+1,1))-1)+IF('Standard Profiles'!$G$22=$B$10,7,0)+IF('Standard Profiles'!$G$22=$B$17,14,0)+IF('Standard Profiles'!$G$22=$B$24,21,0),0)),0)</f>
        <v>0</v>
      </c>
      <c r="I1244">
        <f t="shared" si="146"/>
        <v>0.39663991567429696</v>
      </c>
      <c r="J1244">
        <f t="shared" si="147"/>
        <v>1.3221330522476566</v>
      </c>
      <c r="K1244">
        <f t="shared" si="148"/>
        <v>1.9831995783714846</v>
      </c>
      <c r="L1244">
        <f t="shared" si="149"/>
        <v>9.5193579761831266</v>
      </c>
      <c r="M1244">
        <f t="shared" si="150"/>
        <v>0</v>
      </c>
      <c r="N1244" s="46">
        <f t="shared" si="151"/>
        <v>45342.416666663732</v>
      </c>
    </row>
    <row r="1245" spans="2:14" x14ac:dyDescent="0.3">
      <c r="B1245">
        <f t="shared" si="145"/>
        <v>2</v>
      </c>
      <c r="C1245" s="16">
        <v>1211</v>
      </c>
      <c r="D1245" cm="1">
        <f t="array" ref="D1245">IFERROR(INDEX(Jesper!AH$2:AH$366,ROUNDDOWN($C1245/24,0)+1,1)*INDEX($D$3:$AA$30,INDEX(Jesper!$R$2:$R$366,ROW(INDEX(Jesper!AH$2:AH$366,ROUNDDOWN($C1245/24,0)+1,1))-1)+IF('Standard Profiles'!$G$18=$B$10,7,0)+IF('Standard Profiles'!$G$18=$B$17,14,0)+IF('Standard Profiles'!$G$18=$B$24,21,0),MOD($C1245,24)+1)/SUM(INDEX($D$3:$AA$30,INDEX(Jesper!$R$2:$R$366,ROW(INDEX(Jesper!AH$2:AH$366,ROUNDDOWN($C1245/24,0)+1,1))-1)+IF('Standard Profiles'!$G$18=$B$10,7,0)+IF('Standard Profiles'!$G$18=$B$17,14,0)+IF('Standard Profiles'!$G$18=$B$24,21,0),0)),0)</f>
        <v>15.554506497031255</v>
      </c>
      <c r="E1245" cm="1">
        <f t="array" ref="E1245">IFERROR(INDEX(Jesper!AI$2:AI$366,ROUNDDOWN($C1245/24,0)+1,1)*INDEX($D$3:$AA$30,INDEX(Jesper!$R$2:$R$366,ROW(INDEX(Jesper!AI$2:AI$366,ROUNDDOWN($C1245/24,0)+1,1))-1)+IF('Standard Profiles'!$G$19=$B$10,7,0)+IF('Standard Profiles'!$G$19=$B$17,14,0)+IF('Standard Profiles'!$G$19=$B$24,21,0),MOD($C1245,24)+1)/SUM(INDEX($D$3:$AA$30,INDEX(Jesper!$R$2:$R$366,ROW(INDEX(Jesper!AI$2:AI$366,ROUNDDOWN($C1245/24,0)+1,1))-1)+IF('Standard Profiles'!$G$19=$B$10,7,0)+IF('Standard Profiles'!$G$19=$B$17,14,0)+IF('Standard Profiles'!$G$19=$B$24,21,0),0)),0)</f>
        <v>0</v>
      </c>
      <c r="F1245" cm="1">
        <f t="array" ref="F1245">IFERROR(INDEX(Jesper!AJ$2:AJ$366,ROUNDDOWN($C1245/24,0)+1,1)*INDEX($D$3:$AA$30,INDEX(Jesper!$R$2:$R$366,ROW(INDEX(Jesper!AJ$2:AJ$366,ROUNDDOWN($C1245/24,0)+1,1))-1)+IF('Standard Profiles'!$G$20=$B$10,7,0)+IF('Standard Profiles'!$G$20=$B$17,14,0)+IF('Standard Profiles'!$G$20=$B$24,21,0),MOD($C1245,24)+1)/SUM(INDEX($D$3:$AA$30,INDEX(Jesper!$R$2:$R$366,ROW(INDEX(Jesper!AJ$2:AJ$366,ROUNDDOWN($C1245/24,0)+1,1))-1)+IF('Standard Profiles'!$G$20=$B$10,7,0)+IF('Standard Profiles'!$G$20=$B$17,14,0)+IF('Standard Profiles'!$G$20=$B$24,21,0),0)),0)</f>
        <v>0</v>
      </c>
      <c r="G1245" cm="1">
        <f t="array" ref="G1245">IFERROR(INDEX(Jesper!AK$2:AK$366,ROUNDDOWN($C1245/24,0)+1,1)*INDEX($D$3:$AA$30,INDEX(Jesper!$R$2:$R$366,ROW(INDEX(Jesper!AK$2:AK$366,ROUNDDOWN($C1245/24,0)+1,1))-1)+IF('Standard Profiles'!$G$21=$B$10,7,0)+IF('Standard Profiles'!$G$21=$B$17,14,0)+IF('Standard Profiles'!$G$21=$B$24,21,0),MOD($C1245,24)+1)/SUM(INDEX($D$3:$AA$30,INDEX(Jesper!$R$2:$R$366,ROW(INDEX(Jesper!AK$2:AK$366,ROUNDDOWN($C1245/24,0)+1,1))-1)+IF('Standard Profiles'!$G$21=$B$10,7,0)+IF('Standard Profiles'!$G$21=$B$17,14,0)+IF('Standard Profiles'!$G$21=$B$24,21,0),0)),0)</f>
        <v>0</v>
      </c>
      <c r="H1245" cm="1">
        <f t="array" ref="H1245">IFERROR(INDEX(Jesper!AL$2:AL$366,ROUNDDOWN($C1245/24,0)+1,1)*INDEX($D$3:$AA$30,INDEX(Jesper!$R$2:$R$366,ROW(INDEX(Jesper!AL$2:AL$366,ROUNDDOWN($C1245/24,0)+1,1))-1)+IF('Standard Profiles'!$G$22=$B$10,7,0)+IF('Standard Profiles'!$G$22=$B$17,14,0)+IF('Standard Profiles'!$G$22=$B$24,21,0),MOD($C1245,24)+1)/SUM(INDEX($D$3:$AA$30,INDEX(Jesper!$R$2:$R$366,ROW(INDEX(Jesper!AL$2:AL$366,ROUNDDOWN($C1245/24,0)+1,1))-1)+IF('Standard Profiles'!$G$22=$B$10,7,0)+IF('Standard Profiles'!$G$22=$B$17,14,0)+IF('Standard Profiles'!$G$22=$B$24,21,0),0)),0)</f>
        <v>0</v>
      </c>
      <c r="I1245">
        <f t="shared" si="146"/>
        <v>0.46663519491093763</v>
      </c>
      <c r="J1245">
        <f t="shared" si="147"/>
        <v>1.5554506497031255</v>
      </c>
      <c r="K1245">
        <f t="shared" si="148"/>
        <v>2.3331759745546883</v>
      </c>
      <c r="L1245">
        <f t="shared" si="149"/>
        <v>11.199244677862504</v>
      </c>
      <c r="M1245">
        <f t="shared" si="150"/>
        <v>0</v>
      </c>
      <c r="N1245" s="46">
        <f t="shared" si="151"/>
        <v>45342.458333330396</v>
      </c>
    </row>
    <row r="1246" spans="2:14" x14ac:dyDescent="0.3">
      <c r="B1246">
        <f t="shared" si="145"/>
        <v>2</v>
      </c>
      <c r="C1246" s="16">
        <v>1212</v>
      </c>
      <c r="D1246" cm="1">
        <f t="array" ref="D1246">IFERROR(INDEX(Jesper!AH$2:AH$366,ROUNDDOWN($C1246/24,0)+1,1)*INDEX($D$3:$AA$30,INDEX(Jesper!$R$2:$R$366,ROW(INDEX(Jesper!AH$2:AH$366,ROUNDDOWN($C1246/24,0)+1,1))-1)+IF('Standard Profiles'!$G$18=$B$10,7,0)+IF('Standard Profiles'!$G$18=$B$17,14,0)+IF('Standard Profiles'!$G$18=$B$24,21,0),MOD($C1246,24)+1)/SUM(INDEX($D$3:$AA$30,INDEX(Jesper!$R$2:$R$366,ROW(INDEX(Jesper!AH$2:AH$366,ROUNDDOWN($C1246/24,0)+1,1))-1)+IF('Standard Profiles'!$G$18=$B$10,7,0)+IF('Standard Profiles'!$G$18=$B$17,14,0)+IF('Standard Profiles'!$G$18=$B$24,21,0),0)),0)</f>
        <v>15.554506497031255</v>
      </c>
      <c r="E1246" cm="1">
        <f t="array" ref="E1246">IFERROR(INDEX(Jesper!AI$2:AI$366,ROUNDDOWN($C1246/24,0)+1,1)*INDEX($D$3:$AA$30,INDEX(Jesper!$R$2:$R$366,ROW(INDEX(Jesper!AI$2:AI$366,ROUNDDOWN($C1246/24,0)+1,1))-1)+IF('Standard Profiles'!$G$19=$B$10,7,0)+IF('Standard Profiles'!$G$19=$B$17,14,0)+IF('Standard Profiles'!$G$19=$B$24,21,0),MOD($C1246,24)+1)/SUM(INDEX($D$3:$AA$30,INDEX(Jesper!$R$2:$R$366,ROW(INDEX(Jesper!AI$2:AI$366,ROUNDDOWN($C1246/24,0)+1,1))-1)+IF('Standard Profiles'!$G$19=$B$10,7,0)+IF('Standard Profiles'!$G$19=$B$17,14,0)+IF('Standard Profiles'!$G$19=$B$24,21,0),0)),0)</f>
        <v>0</v>
      </c>
      <c r="F1246" cm="1">
        <f t="array" ref="F1246">IFERROR(INDEX(Jesper!AJ$2:AJ$366,ROUNDDOWN($C1246/24,0)+1,1)*INDEX($D$3:$AA$30,INDEX(Jesper!$R$2:$R$366,ROW(INDEX(Jesper!AJ$2:AJ$366,ROUNDDOWN($C1246/24,0)+1,1))-1)+IF('Standard Profiles'!$G$20=$B$10,7,0)+IF('Standard Profiles'!$G$20=$B$17,14,0)+IF('Standard Profiles'!$G$20=$B$24,21,0),MOD($C1246,24)+1)/SUM(INDEX($D$3:$AA$30,INDEX(Jesper!$R$2:$R$366,ROW(INDEX(Jesper!AJ$2:AJ$366,ROUNDDOWN($C1246/24,0)+1,1))-1)+IF('Standard Profiles'!$G$20=$B$10,7,0)+IF('Standard Profiles'!$G$20=$B$17,14,0)+IF('Standard Profiles'!$G$20=$B$24,21,0),0)),0)</f>
        <v>0</v>
      </c>
      <c r="G1246" cm="1">
        <f t="array" ref="G1246">IFERROR(INDEX(Jesper!AK$2:AK$366,ROUNDDOWN($C1246/24,0)+1,1)*INDEX($D$3:$AA$30,INDEX(Jesper!$R$2:$R$366,ROW(INDEX(Jesper!AK$2:AK$366,ROUNDDOWN($C1246/24,0)+1,1))-1)+IF('Standard Profiles'!$G$21=$B$10,7,0)+IF('Standard Profiles'!$G$21=$B$17,14,0)+IF('Standard Profiles'!$G$21=$B$24,21,0),MOD($C1246,24)+1)/SUM(INDEX($D$3:$AA$30,INDEX(Jesper!$R$2:$R$366,ROW(INDEX(Jesper!AK$2:AK$366,ROUNDDOWN($C1246/24,0)+1,1))-1)+IF('Standard Profiles'!$G$21=$B$10,7,0)+IF('Standard Profiles'!$G$21=$B$17,14,0)+IF('Standard Profiles'!$G$21=$B$24,21,0),0)),0)</f>
        <v>0</v>
      </c>
      <c r="H1246" cm="1">
        <f t="array" ref="H1246">IFERROR(INDEX(Jesper!AL$2:AL$366,ROUNDDOWN($C1246/24,0)+1,1)*INDEX($D$3:$AA$30,INDEX(Jesper!$R$2:$R$366,ROW(INDEX(Jesper!AL$2:AL$366,ROUNDDOWN($C1246/24,0)+1,1))-1)+IF('Standard Profiles'!$G$22=$B$10,7,0)+IF('Standard Profiles'!$G$22=$B$17,14,0)+IF('Standard Profiles'!$G$22=$B$24,21,0),MOD($C1246,24)+1)/SUM(INDEX($D$3:$AA$30,INDEX(Jesper!$R$2:$R$366,ROW(INDEX(Jesper!AL$2:AL$366,ROUNDDOWN($C1246/24,0)+1,1))-1)+IF('Standard Profiles'!$G$22=$B$10,7,0)+IF('Standard Profiles'!$G$22=$B$17,14,0)+IF('Standard Profiles'!$G$22=$B$24,21,0),0)),0)</f>
        <v>0</v>
      </c>
      <c r="I1246">
        <f t="shared" si="146"/>
        <v>0.46663519491093763</v>
      </c>
      <c r="J1246">
        <f t="shared" si="147"/>
        <v>1.5554506497031255</v>
      </c>
      <c r="K1246">
        <f t="shared" si="148"/>
        <v>2.3331759745546883</v>
      </c>
      <c r="L1246">
        <f t="shared" si="149"/>
        <v>11.199244677862504</v>
      </c>
      <c r="M1246">
        <f t="shared" si="150"/>
        <v>0</v>
      </c>
      <c r="N1246" s="46">
        <f t="shared" si="151"/>
        <v>45342.499999997061</v>
      </c>
    </row>
    <row r="1247" spans="2:14" x14ac:dyDescent="0.3">
      <c r="B1247">
        <f t="shared" si="145"/>
        <v>2</v>
      </c>
      <c r="C1247" s="16">
        <v>1213</v>
      </c>
      <c r="D1247" cm="1">
        <f t="array" ref="D1247">IFERROR(INDEX(Jesper!AH$2:AH$366,ROUNDDOWN($C1247/24,0)+1,1)*INDEX($D$3:$AA$30,INDEX(Jesper!$R$2:$R$366,ROW(INDEX(Jesper!AH$2:AH$366,ROUNDDOWN($C1247/24,0)+1,1))-1)+IF('Standard Profiles'!$G$18=$B$10,7,0)+IF('Standard Profiles'!$G$18=$B$17,14,0)+IF('Standard Profiles'!$G$18=$B$24,21,0),MOD($C1247,24)+1)/SUM(INDEX($D$3:$AA$30,INDEX(Jesper!$R$2:$R$366,ROW(INDEX(Jesper!AH$2:AH$366,ROUNDDOWN($C1247/24,0)+1,1))-1)+IF('Standard Profiles'!$G$18=$B$10,7,0)+IF('Standard Profiles'!$G$18=$B$17,14,0)+IF('Standard Profiles'!$G$18=$B$24,21,0),0)),0)</f>
        <v>15.554506497031255</v>
      </c>
      <c r="E1247" cm="1">
        <f t="array" ref="E1247">IFERROR(INDEX(Jesper!AI$2:AI$366,ROUNDDOWN($C1247/24,0)+1,1)*INDEX($D$3:$AA$30,INDEX(Jesper!$R$2:$R$366,ROW(INDEX(Jesper!AI$2:AI$366,ROUNDDOWN($C1247/24,0)+1,1))-1)+IF('Standard Profiles'!$G$19=$B$10,7,0)+IF('Standard Profiles'!$G$19=$B$17,14,0)+IF('Standard Profiles'!$G$19=$B$24,21,0),MOD($C1247,24)+1)/SUM(INDEX($D$3:$AA$30,INDEX(Jesper!$R$2:$R$366,ROW(INDEX(Jesper!AI$2:AI$366,ROUNDDOWN($C1247/24,0)+1,1))-1)+IF('Standard Profiles'!$G$19=$B$10,7,0)+IF('Standard Profiles'!$G$19=$B$17,14,0)+IF('Standard Profiles'!$G$19=$B$24,21,0),0)),0)</f>
        <v>0</v>
      </c>
      <c r="F1247" cm="1">
        <f t="array" ref="F1247">IFERROR(INDEX(Jesper!AJ$2:AJ$366,ROUNDDOWN($C1247/24,0)+1,1)*INDEX($D$3:$AA$30,INDEX(Jesper!$R$2:$R$366,ROW(INDEX(Jesper!AJ$2:AJ$366,ROUNDDOWN($C1247/24,0)+1,1))-1)+IF('Standard Profiles'!$G$20=$B$10,7,0)+IF('Standard Profiles'!$G$20=$B$17,14,0)+IF('Standard Profiles'!$G$20=$B$24,21,0),MOD($C1247,24)+1)/SUM(INDEX($D$3:$AA$30,INDEX(Jesper!$R$2:$R$366,ROW(INDEX(Jesper!AJ$2:AJ$366,ROUNDDOWN($C1247/24,0)+1,1))-1)+IF('Standard Profiles'!$G$20=$B$10,7,0)+IF('Standard Profiles'!$G$20=$B$17,14,0)+IF('Standard Profiles'!$G$20=$B$24,21,0),0)),0)</f>
        <v>0</v>
      </c>
      <c r="G1247" cm="1">
        <f t="array" ref="G1247">IFERROR(INDEX(Jesper!AK$2:AK$366,ROUNDDOWN($C1247/24,0)+1,1)*INDEX($D$3:$AA$30,INDEX(Jesper!$R$2:$R$366,ROW(INDEX(Jesper!AK$2:AK$366,ROUNDDOWN($C1247/24,0)+1,1))-1)+IF('Standard Profiles'!$G$21=$B$10,7,0)+IF('Standard Profiles'!$G$21=$B$17,14,0)+IF('Standard Profiles'!$G$21=$B$24,21,0),MOD($C1247,24)+1)/SUM(INDEX($D$3:$AA$30,INDEX(Jesper!$R$2:$R$366,ROW(INDEX(Jesper!AK$2:AK$366,ROUNDDOWN($C1247/24,0)+1,1))-1)+IF('Standard Profiles'!$G$21=$B$10,7,0)+IF('Standard Profiles'!$G$21=$B$17,14,0)+IF('Standard Profiles'!$G$21=$B$24,21,0),0)),0)</f>
        <v>0</v>
      </c>
      <c r="H1247" cm="1">
        <f t="array" ref="H1247">IFERROR(INDEX(Jesper!AL$2:AL$366,ROUNDDOWN($C1247/24,0)+1,1)*INDEX($D$3:$AA$30,INDEX(Jesper!$R$2:$R$366,ROW(INDEX(Jesper!AL$2:AL$366,ROUNDDOWN($C1247/24,0)+1,1))-1)+IF('Standard Profiles'!$G$22=$B$10,7,0)+IF('Standard Profiles'!$G$22=$B$17,14,0)+IF('Standard Profiles'!$G$22=$B$24,21,0),MOD($C1247,24)+1)/SUM(INDEX($D$3:$AA$30,INDEX(Jesper!$R$2:$R$366,ROW(INDEX(Jesper!AL$2:AL$366,ROUNDDOWN($C1247/24,0)+1,1))-1)+IF('Standard Profiles'!$G$22=$B$10,7,0)+IF('Standard Profiles'!$G$22=$B$17,14,0)+IF('Standard Profiles'!$G$22=$B$24,21,0),0)),0)</f>
        <v>0</v>
      </c>
      <c r="I1247">
        <f t="shared" si="146"/>
        <v>0.46663519491093763</v>
      </c>
      <c r="J1247">
        <f t="shared" si="147"/>
        <v>1.5554506497031255</v>
      </c>
      <c r="K1247">
        <f t="shared" si="148"/>
        <v>2.3331759745546883</v>
      </c>
      <c r="L1247">
        <f t="shared" si="149"/>
        <v>11.199244677862504</v>
      </c>
      <c r="M1247">
        <f t="shared" si="150"/>
        <v>0</v>
      </c>
      <c r="N1247" s="46">
        <f t="shared" si="151"/>
        <v>45342.541666663725</v>
      </c>
    </row>
    <row r="1248" spans="2:14" x14ac:dyDescent="0.3">
      <c r="B1248">
        <f t="shared" si="145"/>
        <v>2</v>
      </c>
      <c r="C1248" s="16">
        <v>1214</v>
      </c>
      <c r="D1248" cm="1">
        <f t="array" ref="D1248">IFERROR(INDEX(Jesper!AH$2:AH$366,ROUNDDOWN($C1248/24,0)+1,1)*INDEX($D$3:$AA$30,INDEX(Jesper!$R$2:$R$366,ROW(INDEX(Jesper!AH$2:AH$366,ROUNDDOWN($C1248/24,0)+1,1))-1)+IF('Standard Profiles'!$G$18=$B$10,7,0)+IF('Standard Profiles'!$G$18=$B$17,14,0)+IF('Standard Profiles'!$G$18=$B$24,21,0),MOD($C1248,24)+1)/SUM(INDEX($D$3:$AA$30,INDEX(Jesper!$R$2:$R$366,ROW(INDEX(Jesper!AH$2:AH$366,ROUNDDOWN($C1248/24,0)+1,1))-1)+IF('Standard Profiles'!$G$18=$B$10,7,0)+IF('Standard Profiles'!$G$18=$B$17,14,0)+IF('Standard Profiles'!$G$18=$B$24,21,0),0)),0)</f>
        <v>15.554506497031255</v>
      </c>
      <c r="E1248" cm="1">
        <f t="array" ref="E1248">IFERROR(INDEX(Jesper!AI$2:AI$366,ROUNDDOWN($C1248/24,0)+1,1)*INDEX($D$3:$AA$30,INDEX(Jesper!$R$2:$R$366,ROW(INDEX(Jesper!AI$2:AI$366,ROUNDDOWN($C1248/24,0)+1,1))-1)+IF('Standard Profiles'!$G$19=$B$10,7,0)+IF('Standard Profiles'!$G$19=$B$17,14,0)+IF('Standard Profiles'!$G$19=$B$24,21,0),MOD($C1248,24)+1)/SUM(INDEX($D$3:$AA$30,INDEX(Jesper!$R$2:$R$366,ROW(INDEX(Jesper!AI$2:AI$366,ROUNDDOWN($C1248/24,0)+1,1))-1)+IF('Standard Profiles'!$G$19=$B$10,7,0)+IF('Standard Profiles'!$G$19=$B$17,14,0)+IF('Standard Profiles'!$G$19=$B$24,21,0),0)),0)</f>
        <v>0</v>
      </c>
      <c r="F1248" cm="1">
        <f t="array" ref="F1248">IFERROR(INDEX(Jesper!AJ$2:AJ$366,ROUNDDOWN($C1248/24,0)+1,1)*INDEX($D$3:$AA$30,INDEX(Jesper!$R$2:$R$366,ROW(INDEX(Jesper!AJ$2:AJ$366,ROUNDDOWN($C1248/24,0)+1,1))-1)+IF('Standard Profiles'!$G$20=$B$10,7,0)+IF('Standard Profiles'!$G$20=$B$17,14,0)+IF('Standard Profiles'!$G$20=$B$24,21,0),MOD($C1248,24)+1)/SUM(INDEX($D$3:$AA$30,INDEX(Jesper!$R$2:$R$366,ROW(INDEX(Jesper!AJ$2:AJ$366,ROUNDDOWN($C1248/24,0)+1,1))-1)+IF('Standard Profiles'!$G$20=$B$10,7,0)+IF('Standard Profiles'!$G$20=$B$17,14,0)+IF('Standard Profiles'!$G$20=$B$24,21,0),0)),0)</f>
        <v>0</v>
      </c>
      <c r="G1248" cm="1">
        <f t="array" ref="G1248">IFERROR(INDEX(Jesper!AK$2:AK$366,ROUNDDOWN($C1248/24,0)+1,1)*INDEX($D$3:$AA$30,INDEX(Jesper!$R$2:$R$366,ROW(INDEX(Jesper!AK$2:AK$366,ROUNDDOWN($C1248/24,0)+1,1))-1)+IF('Standard Profiles'!$G$21=$B$10,7,0)+IF('Standard Profiles'!$G$21=$B$17,14,0)+IF('Standard Profiles'!$G$21=$B$24,21,0),MOD($C1248,24)+1)/SUM(INDEX($D$3:$AA$30,INDEX(Jesper!$R$2:$R$366,ROW(INDEX(Jesper!AK$2:AK$366,ROUNDDOWN($C1248/24,0)+1,1))-1)+IF('Standard Profiles'!$G$21=$B$10,7,0)+IF('Standard Profiles'!$G$21=$B$17,14,0)+IF('Standard Profiles'!$G$21=$B$24,21,0),0)),0)</f>
        <v>0</v>
      </c>
      <c r="H1248" cm="1">
        <f t="array" ref="H1248">IFERROR(INDEX(Jesper!AL$2:AL$366,ROUNDDOWN($C1248/24,0)+1,1)*INDEX($D$3:$AA$30,INDEX(Jesper!$R$2:$R$366,ROW(INDEX(Jesper!AL$2:AL$366,ROUNDDOWN($C1248/24,0)+1,1))-1)+IF('Standard Profiles'!$G$22=$B$10,7,0)+IF('Standard Profiles'!$G$22=$B$17,14,0)+IF('Standard Profiles'!$G$22=$B$24,21,0),MOD($C1248,24)+1)/SUM(INDEX($D$3:$AA$30,INDEX(Jesper!$R$2:$R$366,ROW(INDEX(Jesper!AL$2:AL$366,ROUNDDOWN($C1248/24,0)+1,1))-1)+IF('Standard Profiles'!$G$22=$B$10,7,0)+IF('Standard Profiles'!$G$22=$B$17,14,0)+IF('Standard Profiles'!$G$22=$B$24,21,0),0)),0)</f>
        <v>0</v>
      </c>
      <c r="I1248">
        <f t="shared" si="146"/>
        <v>0.46663519491093763</v>
      </c>
      <c r="J1248">
        <f t="shared" si="147"/>
        <v>1.5554506497031255</v>
      </c>
      <c r="K1248">
        <f t="shared" si="148"/>
        <v>2.3331759745546883</v>
      </c>
      <c r="L1248">
        <f t="shared" si="149"/>
        <v>11.199244677862504</v>
      </c>
      <c r="M1248">
        <f t="shared" si="150"/>
        <v>0</v>
      </c>
      <c r="N1248" s="46">
        <f t="shared" si="151"/>
        <v>45342.583333330389</v>
      </c>
    </row>
    <row r="1249" spans="2:14" x14ac:dyDescent="0.3">
      <c r="B1249">
        <f t="shared" si="145"/>
        <v>2</v>
      </c>
      <c r="C1249" s="16">
        <v>1215</v>
      </c>
      <c r="D1249" cm="1">
        <f t="array" ref="D1249">IFERROR(INDEX(Jesper!AH$2:AH$366,ROUNDDOWN($C1249/24,0)+1,1)*INDEX($D$3:$AA$30,INDEX(Jesper!$R$2:$R$366,ROW(INDEX(Jesper!AH$2:AH$366,ROUNDDOWN($C1249/24,0)+1,1))-1)+IF('Standard Profiles'!$G$18=$B$10,7,0)+IF('Standard Profiles'!$G$18=$B$17,14,0)+IF('Standard Profiles'!$G$18=$B$24,21,0),MOD($C1249,24)+1)/SUM(INDEX($D$3:$AA$30,INDEX(Jesper!$R$2:$R$366,ROW(INDEX(Jesper!AH$2:AH$366,ROUNDDOWN($C1249/24,0)+1,1))-1)+IF('Standard Profiles'!$G$18=$B$10,7,0)+IF('Standard Profiles'!$G$18=$B$17,14,0)+IF('Standard Profiles'!$G$18=$B$24,21,0),0)),0)</f>
        <v>15.554506497031255</v>
      </c>
      <c r="E1249" cm="1">
        <f t="array" ref="E1249">IFERROR(INDEX(Jesper!AI$2:AI$366,ROUNDDOWN($C1249/24,0)+1,1)*INDEX($D$3:$AA$30,INDEX(Jesper!$R$2:$R$366,ROW(INDEX(Jesper!AI$2:AI$366,ROUNDDOWN($C1249/24,0)+1,1))-1)+IF('Standard Profiles'!$G$19=$B$10,7,0)+IF('Standard Profiles'!$G$19=$B$17,14,0)+IF('Standard Profiles'!$G$19=$B$24,21,0),MOD($C1249,24)+1)/SUM(INDEX($D$3:$AA$30,INDEX(Jesper!$R$2:$R$366,ROW(INDEX(Jesper!AI$2:AI$366,ROUNDDOWN($C1249/24,0)+1,1))-1)+IF('Standard Profiles'!$G$19=$B$10,7,0)+IF('Standard Profiles'!$G$19=$B$17,14,0)+IF('Standard Profiles'!$G$19=$B$24,21,0),0)),0)</f>
        <v>0</v>
      </c>
      <c r="F1249" cm="1">
        <f t="array" ref="F1249">IFERROR(INDEX(Jesper!AJ$2:AJ$366,ROUNDDOWN($C1249/24,0)+1,1)*INDEX($D$3:$AA$30,INDEX(Jesper!$R$2:$R$366,ROW(INDEX(Jesper!AJ$2:AJ$366,ROUNDDOWN($C1249/24,0)+1,1))-1)+IF('Standard Profiles'!$G$20=$B$10,7,0)+IF('Standard Profiles'!$G$20=$B$17,14,0)+IF('Standard Profiles'!$G$20=$B$24,21,0),MOD($C1249,24)+1)/SUM(INDEX($D$3:$AA$30,INDEX(Jesper!$R$2:$R$366,ROW(INDEX(Jesper!AJ$2:AJ$366,ROUNDDOWN($C1249/24,0)+1,1))-1)+IF('Standard Profiles'!$G$20=$B$10,7,0)+IF('Standard Profiles'!$G$20=$B$17,14,0)+IF('Standard Profiles'!$G$20=$B$24,21,0),0)),0)</f>
        <v>0</v>
      </c>
      <c r="G1249" cm="1">
        <f t="array" ref="G1249">IFERROR(INDEX(Jesper!AK$2:AK$366,ROUNDDOWN($C1249/24,0)+1,1)*INDEX($D$3:$AA$30,INDEX(Jesper!$R$2:$R$366,ROW(INDEX(Jesper!AK$2:AK$366,ROUNDDOWN($C1249/24,0)+1,1))-1)+IF('Standard Profiles'!$G$21=$B$10,7,0)+IF('Standard Profiles'!$G$21=$B$17,14,0)+IF('Standard Profiles'!$G$21=$B$24,21,0),MOD($C1249,24)+1)/SUM(INDEX($D$3:$AA$30,INDEX(Jesper!$R$2:$R$366,ROW(INDEX(Jesper!AK$2:AK$366,ROUNDDOWN($C1249/24,0)+1,1))-1)+IF('Standard Profiles'!$G$21=$B$10,7,0)+IF('Standard Profiles'!$G$21=$B$17,14,0)+IF('Standard Profiles'!$G$21=$B$24,21,0),0)),0)</f>
        <v>0</v>
      </c>
      <c r="H1249" cm="1">
        <f t="array" ref="H1249">IFERROR(INDEX(Jesper!AL$2:AL$366,ROUNDDOWN($C1249/24,0)+1,1)*INDEX($D$3:$AA$30,INDEX(Jesper!$R$2:$R$366,ROW(INDEX(Jesper!AL$2:AL$366,ROUNDDOWN($C1249/24,0)+1,1))-1)+IF('Standard Profiles'!$G$22=$B$10,7,0)+IF('Standard Profiles'!$G$22=$B$17,14,0)+IF('Standard Profiles'!$G$22=$B$24,21,0),MOD($C1249,24)+1)/SUM(INDEX($D$3:$AA$30,INDEX(Jesper!$R$2:$R$366,ROW(INDEX(Jesper!AL$2:AL$366,ROUNDDOWN($C1249/24,0)+1,1))-1)+IF('Standard Profiles'!$G$22=$B$10,7,0)+IF('Standard Profiles'!$G$22=$B$17,14,0)+IF('Standard Profiles'!$G$22=$B$24,21,0),0)),0)</f>
        <v>0</v>
      </c>
      <c r="I1249">
        <f t="shared" si="146"/>
        <v>0.46663519491093763</v>
      </c>
      <c r="J1249">
        <f t="shared" si="147"/>
        <v>1.5554506497031255</v>
      </c>
      <c r="K1249">
        <f t="shared" si="148"/>
        <v>2.3331759745546883</v>
      </c>
      <c r="L1249">
        <f t="shared" si="149"/>
        <v>11.199244677862504</v>
      </c>
      <c r="M1249">
        <f t="shared" si="150"/>
        <v>0</v>
      </c>
      <c r="N1249" s="46">
        <f t="shared" si="151"/>
        <v>45342.624999997053</v>
      </c>
    </row>
    <row r="1250" spans="2:14" x14ac:dyDescent="0.3">
      <c r="B1250">
        <f t="shared" si="145"/>
        <v>2</v>
      </c>
      <c r="C1250" s="16">
        <v>1216</v>
      </c>
      <c r="D1250" cm="1">
        <f t="array" ref="D1250">IFERROR(INDEX(Jesper!AH$2:AH$366,ROUNDDOWN($C1250/24,0)+1,1)*INDEX($D$3:$AA$30,INDEX(Jesper!$R$2:$R$366,ROW(INDEX(Jesper!AH$2:AH$366,ROUNDDOWN($C1250/24,0)+1,1))-1)+IF('Standard Profiles'!$G$18=$B$10,7,0)+IF('Standard Profiles'!$G$18=$B$17,14,0)+IF('Standard Profiles'!$G$18=$B$24,21,0),MOD($C1250,24)+1)/SUM(INDEX($D$3:$AA$30,INDEX(Jesper!$R$2:$R$366,ROW(INDEX(Jesper!AH$2:AH$366,ROUNDDOWN($C1250/24,0)+1,1))-1)+IF('Standard Profiles'!$G$18=$B$10,7,0)+IF('Standard Profiles'!$G$18=$B$17,14,0)+IF('Standard Profiles'!$G$18=$B$24,21,0),0)),0)</f>
        <v>15.554506497031255</v>
      </c>
      <c r="E1250" cm="1">
        <f t="array" ref="E1250">IFERROR(INDEX(Jesper!AI$2:AI$366,ROUNDDOWN($C1250/24,0)+1,1)*INDEX($D$3:$AA$30,INDEX(Jesper!$R$2:$R$366,ROW(INDEX(Jesper!AI$2:AI$366,ROUNDDOWN($C1250/24,0)+1,1))-1)+IF('Standard Profiles'!$G$19=$B$10,7,0)+IF('Standard Profiles'!$G$19=$B$17,14,0)+IF('Standard Profiles'!$G$19=$B$24,21,0),MOD($C1250,24)+1)/SUM(INDEX($D$3:$AA$30,INDEX(Jesper!$R$2:$R$366,ROW(INDEX(Jesper!AI$2:AI$366,ROUNDDOWN($C1250/24,0)+1,1))-1)+IF('Standard Profiles'!$G$19=$B$10,7,0)+IF('Standard Profiles'!$G$19=$B$17,14,0)+IF('Standard Profiles'!$G$19=$B$24,21,0),0)),0)</f>
        <v>0</v>
      </c>
      <c r="F1250" cm="1">
        <f t="array" ref="F1250">IFERROR(INDEX(Jesper!AJ$2:AJ$366,ROUNDDOWN($C1250/24,0)+1,1)*INDEX($D$3:$AA$30,INDEX(Jesper!$R$2:$R$366,ROW(INDEX(Jesper!AJ$2:AJ$366,ROUNDDOWN($C1250/24,0)+1,1))-1)+IF('Standard Profiles'!$G$20=$B$10,7,0)+IF('Standard Profiles'!$G$20=$B$17,14,0)+IF('Standard Profiles'!$G$20=$B$24,21,0),MOD($C1250,24)+1)/SUM(INDEX($D$3:$AA$30,INDEX(Jesper!$R$2:$R$366,ROW(INDEX(Jesper!AJ$2:AJ$366,ROUNDDOWN($C1250/24,0)+1,1))-1)+IF('Standard Profiles'!$G$20=$B$10,7,0)+IF('Standard Profiles'!$G$20=$B$17,14,0)+IF('Standard Profiles'!$G$20=$B$24,21,0),0)),0)</f>
        <v>0</v>
      </c>
      <c r="G1250" cm="1">
        <f t="array" ref="G1250">IFERROR(INDEX(Jesper!AK$2:AK$366,ROUNDDOWN($C1250/24,0)+1,1)*INDEX($D$3:$AA$30,INDEX(Jesper!$R$2:$R$366,ROW(INDEX(Jesper!AK$2:AK$366,ROUNDDOWN($C1250/24,0)+1,1))-1)+IF('Standard Profiles'!$G$21=$B$10,7,0)+IF('Standard Profiles'!$G$21=$B$17,14,0)+IF('Standard Profiles'!$G$21=$B$24,21,0),MOD($C1250,24)+1)/SUM(INDEX($D$3:$AA$30,INDEX(Jesper!$R$2:$R$366,ROW(INDEX(Jesper!AK$2:AK$366,ROUNDDOWN($C1250/24,0)+1,1))-1)+IF('Standard Profiles'!$G$21=$B$10,7,0)+IF('Standard Profiles'!$G$21=$B$17,14,0)+IF('Standard Profiles'!$G$21=$B$24,21,0),0)),0)</f>
        <v>0</v>
      </c>
      <c r="H1250" cm="1">
        <f t="array" ref="H1250">IFERROR(INDEX(Jesper!AL$2:AL$366,ROUNDDOWN($C1250/24,0)+1,1)*INDEX($D$3:$AA$30,INDEX(Jesper!$R$2:$R$366,ROW(INDEX(Jesper!AL$2:AL$366,ROUNDDOWN($C1250/24,0)+1,1))-1)+IF('Standard Profiles'!$G$22=$B$10,7,0)+IF('Standard Profiles'!$G$22=$B$17,14,0)+IF('Standard Profiles'!$G$22=$B$24,21,0),MOD($C1250,24)+1)/SUM(INDEX($D$3:$AA$30,INDEX(Jesper!$R$2:$R$366,ROW(INDEX(Jesper!AL$2:AL$366,ROUNDDOWN($C1250/24,0)+1,1))-1)+IF('Standard Profiles'!$G$22=$B$10,7,0)+IF('Standard Profiles'!$G$22=$B$17,14,0)+IF('Standard Profiles'!$G$22=$B$24,21,0),0)),0)</f>
        <v>0</v>
      </c>
      <c r="I1250">
        <f t="shared" si="146"/>
        <v>0.46663519491093763</v>
      </c>
      <c r="J1250">
        <f t="shared" si="147"/>
        <v>1.5554506497031255</v>
      </c>
      <c r="K1250">
        <f t="shared" si="148"/>
        <v>2.3331759745546883</v>
      </c>
      <c r="L1250">
        <f t="shared" si="149"/>
        <v>11.199244677862504</v>
      </c>
      <c r="M1250">
        <f t="shared" si="150"/>
        <v>0</v>
      </c>
      <c r="N1250" s="46">
        <f t="shared" si="151"/>
        <v>45342.666666663717</v>
      </c>
    </row>
    <row r="1251" spans="2:14" x14ac:dyDescent="0.3">
      <c r="B1251">
        <f t="shared" ref="B1251:B1314" si="152">WEEKDAY(N1251,2)</f>
        <v>2</v>
      </c>
      <c r="C1251" s="16">
        <v>1217</v>
      </c>
      <c r="D1251" cm="1">
        <f t="array" ref="D1251">IFERROR(INDEX(Jesper!AH$2:AH$366,ROUNDDOWN($C1251/24,0)+1,1)*INDEX($D$3:$AA$30,INDEX(Jesper!$R$2:$R$366,ROW(INDEX(Jesper!AH$2:AH$366,ROUNDDOWN($C1251/24,0)+1,1))-1)+IF('Standard Profiles'!$G$18=$B$10,7,0)+IF('Standard Profiles'!$G$18=$B$17,14,0)+IF('Standard Profiles'!$G$18=$B$24,21,0),MOD($C1251,24)+1)/SUM(INDEX($D$3:$AA$30,INDEX(Jesper!$R$2:$R$366,ROW(INDEX(Jesper!AH$2:AH$366,ROUNDDOWN($C1251/24,0)+1,1))-1)+IF('Standard Profiles'!$G$18=$B$10,7,0)+IF('Standard Profiles'!$G$18=$B$17,14,0)+IF('Standard Profiles'!$G$18=$B$24,21,0),0)),0)</f>
        <v>15.554506497031255</v>
      </c>
      <c r="E1251" cm="1">
        <f t="array" ref="E1251">IFERROR(INDEX(Jesper!AI$2:AI$366,ROUNDDOWN($C1251/24,0)+1,1)*INDEX($D$3:$AA$30,INDEX(Jesper!$R$2:$R$366,ROW(INDEX(Jesper!AI$2:AI$366,ROUNDDOWN($C1251/24,0)+1,1))-1)+IF('Standard Profiles'!$G$19=$B$10,7,0)+IF('Standard Profiles'!$G$19=$B$17,14,0)+IF('Standard Profiles'!$G$19=$B$24,21,0),MOD($C1251,24)+1)/SUM(INDEX($D$3:$AA$30,INDEX(Jesper!$R$2:$R$366,ROW(INDEX(Jesper!AI$2:AI$366,ROUNDDOWN($C1251/24,0)+1,1))-1)+IF('Standard Profiles'!$G$19=$B$10,7,0)+IF('Standard Profiles'!$G$19=$B$17,14,0)+IF('Standard Profiles'!$G$19=$B$24,21,0),0)),0)</f>
        <v>0</v>
      </c>
      <c r="F1251" cm="1">
        <f t="array" ref="F1251">IFERROR(INDEX(Jesper!AJ$2:AJ$366,ROUNDDOWN($C1251/24,0)+1,1)*INDEX($D$3:$AA$30,INDEX(Jesper!$R$2:$R$366,ROW(INDEX(Jesper!AJ$2:AJ$366,ROUNDDOWN($C1251/24,0)+1,1))-1)+IF('Standard Profiles'!$G$20=$B$10,7,0)+IF('Standard Profiles'!$G$20=$B$17,14,0)+IF('Standard Profiles'!$G$20=$B$24,21,0),MOD($C1251,24)+1)/SUM(INDEX($D$3:$AA$30,INDEX(Jesper!$R$2:$R$366,ROW(INDEX(Jesper!AJ$2:AJ$366,ROUNDDOWN($C1251/24,0)+1,1))-1)+IF('Standard Profiles'!$G$20=$B$10,7,0)+IF('Standard Profiles'!$G$20=$B$17,14,0)+IF('Standard Profiles'!$G$20=$B$24,21,0),0)),0)</f>
        <v>0</v>
      </c>
      <c r="G1251" cm="1">
        <f t="array" ref="G1251">IFERROR(INDEX(Jesper!AK$2:AK$366,ROUNDDOWN($C1251/24,0)+1,1)*INDEX($D$3:$AA$30,INDEX(Jesper!$R$2:$R$366,ROW(INDEX(Jesper!AK$2:AK$366,ROUNDDOWN($C1251/24,0)+1,1))-1)+IF('Standard Profiles'!$G$21=$B$10,7,0)+IF('Standard Profiles'!$G$21=$B$17,14,0)+IF('Standard Profiles'!$G$21=$B$24,21,0),MOD($C1251,24)+1)/SUM(INDEX($D$3:$AA$30,INDEX(Jesper!$R$2:$R$366,ROW(INDEX(Jesper!AK$2:AK$366,ROUNDDOWN($C1251/24,0)+1,1))-1)+IF('Standard Profiles'!$G$21=$B$10,7,0)+IF('Standard Profiles'!$G$21=$B$17,14,0)+IF('Standard Profiles'!$G$21=$B$24,21,0),0)),0)</f>
        <v>0</v>
      </c>
      <c r="H1251" cm="1">
        <f t="array" ref="H1251">IFERROR(INDEX(Jesper!AL$2:AL$366,ROUNDDOWN($C1251/24,0)+1,1)*INDEX($D$3:$AA$30,INDEX(Jesper!$R$2:$R$366,ROW(INDEX(Jesper!AL$2:AL$366,ROUNDDOWN($C1251/24,0)+1,1))-1)+IF('Standard Profiles'!$G$22=$B$10,7,0)+IF('Standard Profiles'!$G$22=$B$17,14,0)+IF('Standard Profiles'!$G$22=$B$24,21,0),MOD($C1251,24)+1)/SUM(INDEX($D$3:$AA$30,INDEX(Jesper!$R$2:$R$366,ROW(INDEX(Jesper!AL$2:AL$366,ROUNDDOWN($C1251/24,0)+1,1))-1)+IF('Standard Profiles'!$G$22=$B$10,7,0)+IF('Standard Profiles'!$G$22=$B$17,14,0)+IF('Standard Profiles'!$G$22=$B$24,21,0),0)),0)</f>
        <v>0</v>
      </c>
      <c r="I1251">
        <f t="shared" ref="I1251:I1314" si="153">IF($B1251&lt;6,AC$37*$D1251+AC$38*$E1251+AC$39*$F1251+AC$40*$G1251,AC$46*$D1251+AC$47*$E1251+AC$48*$F1251+AC$49*$G1251+AC$50*$H1251)</f>
        <v>0.46663519491093763</v>
      </c>
      <c r="J1251">
        <f t="shared" ref="J1251:J1314" si="154">IF($B1251&lt;6,AD$37*$D1251+AD$38*$E1251+AD$39*$F1251+AD$40*$G1251,AD$46*$D1251+AD$47*$E1251+AD$48*$F1251+AD$49*$G1251+AD$50*$H1251)</f>
        <v>1.5554506497031255</v>
      </c>
      <c r="K1251">
        <f t="shared" ref="K1251:K1314" si="155">IF($B1251&lt;6,AE$37*$D1251+AE$38*$E1251+AE$39*$F1251+AE$40*$G1251,AE$46*$D1251+AE$47*$E1251+AE$48*$F1251+AE$49*$G1251+AE$50*$H1251)</f>
        <v>2.3331759745546883</v>
      </c>
      <c r="L1251">
        <f t="shared" ref="L1251:L1314" si="156">IF($B1251&lt;6,AF$37*$D1251+AF$38*$E1251+AF$39*$F1251+AF$40*$G1251,AF$46*$D1251+AF$47*$E1251+AF$48*$F1251+AF$49*$G1251+AF$50*$H1251)</f>
        <v>11.199244677862504</v>
      </c>
      <c r="M1251">
        <f t="shared" ref="M1251:M1314" si="157">IF($B1251&lt;6,AG$37*$D1251+AG$38*$E1251+AG$39*$F1251+AG$40*$G1251,AG$46*$D1251+AG$47*$E1251+AG$48*$F1251+AG$49*$G1251+AG$50*$H1251)</f>
        <v>0</v>
      </c>
      <c r="N1251" s="46">
        <f t="shared" si="151"/>
        <v>45342.708333330382</v>
      </c>
    </row>
    <row r="1252" spans="2:14" x14ac:dyDescent="0.3">
      <c r="B1252">
        <f t="shared" si="152"/>
        <v>2</v>
      </c>
      <c r="C1252" s="16">
        <v>1218</v>
      </c>
      <c r="D1252" cm="1">
        <f t="array" ref="D1252">IFERROR(INDEX(Jesper!AH$2:AH$366,ROUNDDOWN($C1252/24,0)+1,1)*INDEX($D$3:$AA$30,INDEX(Jesper!$R$2:$R$366,ROW(INDEX(Jesper!AH$2:AH$366,ROUNDDOWN($C1252/24,0)+1,1))-1)+IF('Standard Profiles'!$G$18=$B$10,7,0)+IF('Standard Profiles'!$G$18=$B$17,14,0)+IF('Standard Profiles'!$G$18=$B$24,21,0),MOD($C1252,24)+1)/SUM(INDEX($D$3:$AA$30,INDEX(Jesper!$R$2:$R$366,ROW(INDEX(Jesper!AH$2:AH$366,ROUNDDOWN($C1252/24,0)+1,1))-1)+IF('Standard Profiles'!$G$18=$B$10,7,0)+IF('Standard Profiles'!$G$18=$B$17,14,0)+IF('Standard Profiles'!$G$18=$B$24,21,0),0)),0)</f>
        <v>15.554506497031255</v>
      </c>
      <c r="E1252" cm="1">
        <f t="array" ref="E1252">IFERROR(INDEX(Jesper!AI$2:AI$366,ROUNDDOWN($C1252/24,0)+1,1)*INDEX($D$3:$AA$30,INDEX(Jesper!$R$2:$R$366,ROW(INDEX(Jesper!AI$2:AI$366,ROUNDDOWN($C1252/24,0)+1,1))-1)+IF('Standard Profiles'!$G$19=$B$10,7,0)+IF('Standard Profiles'!$G$19=$B$17,14,0)+IF('Standard Profiles'!$G$19=$B$24,21,0),MOD($C1252,24)+1)/SUM(INDEX($D$3:$AA$30,INDEX(Jesper!$R$2:$R$366,ROW(INDEX(Jesper!AI$2:AI$366,ROUNDDOWN($C1252/24,0)+1,1))-1)+IF('Standard Profiles'!$G$19=$B$10,7,0)+IF('Standard Profiles'!$G$19=$B$17,14,0)+IF('Standard Profiles'!$G$19=$B$24,21,0),0)),0)</f>
        <v>0</v>
      </c>
      <c r="F1252" cm="1">
        <f t="array" ref="F1252">IFERROR(INDEX(Jesper!AJ$2:AJ$366,ROUNDDOWN($C1252/24,0)+1,1)*INDEX($D$3:$AA$30,INDEX(Jesper!$R$2:$R$366,ROW(INDEX(Jesper!AJ$2:AJ$366,ROUNDDOWN($C1252/24,0)+1,1))-1)+IF('Standard Profiles'!$G$20=$B$10,7,0)+IF('Standard Profiles'!$G$20=$B$17,14,0)+IF('Standard Profiles'!$G$20=$B$24,21,0),MOD($C1252,24)+1)/SUM(INDEX($D$3:$AA$30,INDEX(Jesper!$R$2:$R$366,ROW(INDEX(Jesper!AJ$2:AJ$366,ROUNDDOWN($C1252/24,0)+1,1))-1)+IF('Standard Profiles'!$G$20=$B$10,7,0)+IF('Standard Profiles'!$G$20=$B$17,14,0)+IF('Standard Profiles'!$G$20=$B$24,21,0),0)),0)</f>
        <v>0</v>
      </c>
      <c r="G1252" cm="1">
        <f t="array" ref="G1252">IFERROR(INDEX(Jesper!AK$2:AK$366,ROUNDDOWN($C1252/24,0)+1,1)*INDEX($D$3:$AA$30,INDEX(Jesper!$R$2:$R$366,ROW(INDEX(Jesper!AK$2:AK$366,ROUNDDOWN($C1252/24,0)+1,1))-1)+IF('Standard Profiles'!$G$21=$B$10,7,0)+IF('Standard Profiles'!$G$21=$B$17,14,0)+IF('Standard Profiles'!$G$21=$B$24,21,0),MOD($C1252,24)+1)/SUM(INDEX($D$3:$AA$30,INDEX(Jesper!$R$2:$R$366,ROW(INDEX(Jesper!AK$2:AK$366,ROUNDDOWN($C1252/24,0)+1,1))-1)+IF('Standard Profiles'!$G$21=$B$10,7,0)+IF('Standard Profiles'!$G$21=$B$17,14,0)+IF('Standard Profiles'!$G$21=$B$24,21,0),0)),0)</f>
        <v>0</v>
      </c>
      <c r="H1252" cm="1">
        <f t="array" ref="H1252">IFERROR(INDEX(Jesper!AL$2:AL$366,ROUNDDOWN($C1252/24,0)+1,1)*INDEX($D$3:$AA$30,INDEX(Jesper!$R$2:$R$366,ROW(INDEX(Jesper!AL$2:AL$366,ROUNDDOWN($C1252/24,0)+1,1))-1)+IF('Standard Profiles'!$G$22=$B$10,7,0)+IF('Standard Profiles'!$G$22=$B$17,14,0)+IF('Standard Profiles'!$G$22=$B$24,21,0),MOD($C1252,24)+1)/SUM(INDEX($D$3:$AA$30,INDEX(Jesper!$R$2:$R$366,ROW(INDEX(Jesper!AL$2:AL$366,ROUNDDOWN($C1252/24,0)+1,1))-1)+IF('Standard Profiles'!$G$22=$B$10,7,0)+IF('Standard Profiles'!$G$22=$B$17,14,0)+IF('Standard Profiles'!$G$22=$B$24,21,0),0)),0)</f>
        <v>0</v>
      </c>
      <c r="I1252">
        <f t="shared" si="153"/>
        <v>0.46663519491093763</v>
      </c>
      <c r="J1252">
        <f t="shared" si="154"/>
        <v>1.5554506497031255</v>
      </c>
      <c r="K1252">
        <f t="shared" si="155"/>
        <v>2.3331759745546883</v>
      </c>
      <c r="L1252">
        <f t="shared" si="156"/>
        <v>11.199244677862504</v>
      </c>
      <c r="M1252">
        <f t="shared" si="157"/>
        <v>0</v>
      </c>
      <c r="N1252" s="46">
        <f t="shared" ref="N1252:N1315" si="158">N1251+1/24</f>
        <v>45342.749999997046</v>
      </c>
    </row>
    <row r="1253" spans="2:14" x14ac:dyDescent="0.3">
      <c r="B1253">
        <f t="shared" si="152"/>
        <v>2</v>
      </c>
      <c r="C1253" s="16">
        <v>1219</v>
      </c>
      <c r="D1253" cm="1">
        <f t="array" ref="D1253">IFERROR(INDEX(Jesper!AH$2:AH$366,ROUNDDOWN($C1253/24,0)+1,1)*INDEX($D$3:$AA$30,INDEX(Jesper!$R$2:$R$366,ROW(INDEX(Jesper!AH$2:AH$366,ROUNDDOWN($C1253/24,0)+1,1))-1)+IF('Standard Profiles'!$G$18=$B$10,7,0)+IF('Standard Profiles'!$G$18=$B$17,14,0)+IF('Standard Profiles'!$G$18=$B$24,21,0),MOD($C1253,24)+1)/SUM(INDEX($D$3:$AA$30,INDEX(Jesper!$R$2:$R$366,ROW(INDEX(Jesper!AH$2:AH$366,ROUNDDOWN($C1253/24,0)+1,1))-1)+IF('Standard Profiles'!$G$18=$B$10,7,0)+IF('Standard Profiles'!$G$18=$B$17,14,0)+IF('Standard Profiles'!$G$18=$B$24,21,0),0)),0)</f>
        <v>13.026899191263677</v>
      </c>
      <c r="E1253" cm="1">
        <f t="array" ref="E1253">IFERROR(INDEX(Jesper!AI$2:AI$366,ROUNDDOWN($C1253/24,0)+1,1)*INDEX($D$3:$AA$30,INDEX(Jesper!$R$2:$R$366,ROW(INDEX(Jesper!AI$2:AI$366,ROUNDDOWN($C1253/24,0)+1,1))-1)+IF('Standard Profiles'!$G$19=$B$10,7,0)+IF('Standard Profiles'!$G$19=$B$17,14,0)+IF('Standard Profiles'!$G$19=$B$24,21,0),MOD($C1253,24)+1)/SUM(INDEX($D$3:$AA$30,INDEX(Jesper!$R$2:$R$366,ROW(INDEX(Jesper!AI$2:AI$366,ROUNDDOWN($C1253/24,0)+1,1))-1)+IF('Standard Profiles'!$G$19=$B$10,7,0)+IF('Standard Profiles'!$G$19=$B$17,14,0)+IF('Standard Profiles'!$G$19=$B$24,21,0),0)),0)</f>
        <v>0</v>
      </c>
      <c r="F1253" cm="1">
        <f t="array" ref="F1253">IFERROR(INDEX(Jesper!AJ$2:AJ$366,ROUNDDOWN($C1253/24,0)+1,1)*INDEX($D$3:$AA$30,INDEX(Jesper!$R$2:$R$366,ROW(INDEX(Jesper!AJ$2:AJ$366,ROUNDDOWN($C1253/24,0)+1,1))-1)+IF('Standard Profiles'!$G$20=$B$10,7,0)+IF('Standard Profiles'!$G$20=$B$17,14,0)+IF('Standard Profiles'!$G$20=$B$24,21,0),MOD($C1253,24)+1)/SUM(INDEX($D$3:$AA$30,INDEX(Jesper!$R$2:$R$366,ROW(INDEX(Jesper!AJ$2:AJ$366,ROUNDDOWN($C1253/24,0)+1,1))-1)+IF('Standard Profiles'!$G$20=$B$10,7,0)+IF('Standard Profiles'!$G$20=$B$17,14,0)+IF('Standard Profiles'!$G$20=$B$24,21,0),0)),0)</f>
        <v>0</v>
      </c>
      <c r="G1253" cm="1">
        <f t="array" ref="G1253">IFERROR(INDEX(Jesper!AK$2:AK$366,ROUNDDOWN($C1253/24,0)+1,1)*INDEX($D$3:$AA$30,INDEX(Jesper!$R$2:$R$366,ROW(INDEX(Jesper!AK$2:AK$366,ROUNDDOWN($C1253/24,0)+1,1))-1)+IF('Standard Profiles'!$G$21=$B$10,7,0)+IF('Standard Profiles'!$G$21=$B$17,14,0)+IF('Standard Profiles'!$G$21=$B$24,21,0),MOD($C1253,24)+1)/SUM(INDEX($D$3:$AA$30,INDEX(Jesper!$R$2:$R$366,ROW(INDEX(Jesper!AK$2:AK$366,ROUNDDOWN($C1253/24,0)+1,1))-1)+IF('Standard Profiles'!$G$21=$B$10,7,0)+IF('Standard Profiles'!$G$21=$B$17,14,0)+IF('Standard Profiles'!$G$21=$B$24,21,0),0)),0)</f>
        <v>0</v>
      </c>
      <c r="H1253" cm="1">
        <f t="array" ref="H1253">IFERROR(INDEX(Jesper!AL$2:AL$366,ROUNDDOWN($C1253/24,0)+1,1)*INDEX($D$3:$AA$30,INDEX(Jesper!$R$2:$R$366,ROW(INDEX(Jesper!AL$2:AL$366,ROUNDDOWN($C1253/24,0)+1,1))-1)+IF('Standard Profiles'!$G$22=$B$10,7,0)+IF('Standard Profiles'!$G$22=$B$17,14,0)+IF('Standard Profiles'!$G$22=$B$24,21,0),MOD($C1253,24)+1)/SUM(INDEX($D$3:$AA$30,INDEX(Jesper!$R$2:$R$366,ROW(INDEX(Jesper!AL$2:AL$366,ROUNDDOWN($C1253/24,0)+1,1))-1)+IF('Standard Profiles'!$G$22=$B$10,7,0)+IF('Standard Profiles'!$G$22=$B$17,14,0)+IF('Standard Profiles'!$G$22=$B$24,21,0),0)),0)</f>
        <v>0</v>
      </c>
      <c r="I1253">
        <f t="shared" si="153"/>
        <v>0.39080697573791029</v>
      </c>
      <c r="J1253">
        <f t="shared" si="154"/>
        <v>1.3026899191263679</v>
      </c>
      <c r="K1253">
        <f t="shared" si="155"/>
        <v>1.9540348786895514</v>
      </c>
      <c r="L1253">
        <f t="shared" si="156"/>
        <v>9.3793674177098474</v>
      </c>
      <c r="M1253">
        <f t="shared" si="157"/>
        <v>0</v>
      </c>
      <c r="N1253" s="46">
        <f t="shared" si="158"/>
        <v>45342.79166666371</v>
      </c>
    </row>
    <row r="1254" spans="2:14" x14ac:dyDescent="0.3">
      <c r="B1254">
        <f t="shared" si="152"/>
        <v>2</v>
      </c>
      <c r="C1254" s="16">
        <v>1220</v>
      </c>
      <c r="D1254" cm="1">
        <f t="array" ref="D1254">IFERROR(INDEX(Jesper!AH$2:AH$366,ROUNDDOWN($C1254/24,0)+1,1)*INDEX($D$3:$AA$30,INDEX(Jesper!$R$2:$R$366,ROW(INDEX(Jesper!AH$2:AH$366,ROUNDDOWN($C1254/24,0)+1,1))-1)+IF('Standard Profiles'!$G$18=$B$10,7,0)+IF('Standard Profiles'!$G$18=$B$17,14,0)+IF('Standard Profiles'!$G$18=$B$24,21,0),MOD($C1254,24)+1)/SUM(INDEX($D$3:$AA$30,INDEX(Jesper!$R$2:$R$366,ROW(INDEX(Jesper!AH$2:AH$366,ROUNDDOWN($C1254/24,0)+1,1))-1)+IF('Standard Profiles'!$G$18=$B$10,7,0)+IF('Standard Profiles'!$G$18=$B$17,14,0)+IF('Standard Profiles'!$G$18=$B$24,21,0),0)),0)</f>
        <v>10.693723216708987</v>
      </c>
      <c r="E1254" cm="1">
        <f t="array" ref="E1254">IFERROR(INDEX(Jesper!AI$2:AI$366,ROUNDDOWN($C1254/24,0)+1,1)*INDEX($D$3:$AA$30,INDEX(Jesper!$R$2:$R$366,ROW(INDEX(Jesper!AI$2:AI$366,ROUNDDOWN($C1254/24,0)+1,1))-1)+IF('Standard Profiles'!$G$19=$B$10,7,0)+IF('Standard Profiles'!$G$19=$B$17,14,0)+IF('Standard Profiles'!$G$19=$B$24,21,0),MOD($C1254,24)+1)/SUM(INDEX($D$3:$AA$30,INDEX(Jesper!$R$2:$R$366,ROW(INDEX(Jesper!AI$2:AI$366,ROUNDDOWN($C1254/24,0)+1,1))-1)+IF('Standard Profiles'!$G$19=$B$10,7,0)+IF('Standard Profiles'!$G$19=$B$17,14,0)+IF('Standard Profiles'!$G$19=$B$24,21,0),0)),0)</f>
        <v>0</v>
      </c>
      <c r="F1254" cm="1">
        <f t="array" ref="F1254">IFERROR(INDEX(Jesper!AJ$2:AJ$366,ROUNDDOWN($C1254/24,0)+1,1)*INDEX($D$3:$AA$30,INDEX(Jesper!$R$2:$R$366,ROW(INDEX(Jesper!AJ$2:AJ$366,ROUNDDOWN($C1254/24,0)+1,1))-1)+IF('Standard Profiles'!$G$20=$B$10,7,0)+IF('Standard Profiles'!$G$20=$B$17,14,0)+IF('Standard Profiles'!$G$20=$B$24,21,0),MOD($C1254,24)+1)/SUM(INDEX($D$3:$AA$30,INDEX(Jesper!$R$2:$R$366,ROW(INDEX(Jesper!AJ$2:AJ$366,ROUNDDOWN($C1254/24,0)+1,1))-1)+IF('Standard Profiles'!$G$20=$B$10,7,0)+IF('Standard Profiles'!$G$20=$B$17,14,0)+IF('Standard Profiles'!$G$20=$B$24,21,0),0)),0)</f>
        <v>0</v>
      </c>
      <c r="G1254" cm="1">
        <f t="array" ref="G1254">IFERROR(INDEX(Jesper!AK$2:AK$366,ROUNDDOWN($C1254/24,0)+1,1)*INDEX($D$3:$AA$30,INDEX(Jesper!$R$2:$R$366,ROW(INDEX(Jesper!AK$2:AK$366,ROUNDDOWN($C1254/24,0)+1,1))-1)+IF('Standard Profiles'!$G$21=$B$10,7,0)+IF('Standard Profiles'!$G$21=$B$17,14,0)+IF('Standard Profiles'!$G$21=$B$24,21,0),MOD($C1254,24)+1)/SUM(INDEX($D$3:$AA$30,INDEX(Jesper!$R$2:$R$366,ROW(INDEX(Jesper!AK$2:AK$366,ROUNDDOWN($C1254/24,0)+1,1))-1)+IF('Standard Profiles'!$G$21=$B$10,7,0)+IF('Standard Profiles'!$G$21=$B$17,14,0)+IF('Standard Profiles'!$G$21=$B$24,21,0),0)),0)</f>
        <v>0</v>
      </c>
      <c r="H1254" cm="1">
        <f t="array" ref="H1254">IFERROR(INDEX(Jesper!AL$2:AL$366,ROUNDDOWN($C1254/24,0)+1,1)*INDEX($D$3:$AA$30,INDEX(Jesper!$R$2:$R$366,ROW(INDEX(Jesper!AL$2:AL$366,ROUNDDOWN($C1254/24,0)+1,1))-1)+IF('Standard Profiles'!$G$22=$B$10,7,0)+IF('Standard Profiles'!$G$22=$B$17,14,0)+IF('Standard Profiles'!$G$22=$B$24,21,0),MOD($C1254,24)+1)/SUM(INDEX($D$3:$AA$30,INDEX(Jesper!$R$2:$R$366,ROW(INDEX(Jesper!AL$2:AL$366,ROUNDDOWN($C1254/24,0)+1,1))-1)+IF('Standard Profiles'!$G$22=$B$10,7,0)+IF('Standard Profiles'!$G$22=$B$17,14,0)+IF('Standard Profiles'!$G$22=$B$24,21,0),0)),0)</f>
        <v>0</v>
      </c>
      <c r="I1254">
        <f t="shared" si="153"/>
        <v>0.32081169650126962</v>
      </c>
      <c r="J1254">
        <f t="shared" si="154"/>
        <v>1.0693723216708988</v>
      </c>
      <c r="K1254">
        <f t="shared" si="155"/>
        <v>1.604058482506348</v>
      </c>
      <c r="L1254">
        <f t="shared" si="156"/>
        <v>7.6994807160304708</v>
      </c>
      <c r="M1254">
        <f t="shared" si="157"/>
        <v>0</v>
      </c>
      <c r="N1254" s="46">
        <f t="shared" si="158"/>
        <v>45342.833333330374</v>
      </c>
    </row>
    <row r="1255" spans="2:14" x14ac:dyDescent="0.3">
      <c r="B1255">
        <f t="shared" si="152"/>
        <v>2</v>
      </c>
      <c r="C1255" s="16">
        <v>1221</v>
      </c>
      <c r="D1255" cm="1">
        <f t="array" ref="D1255">IFERROR(INDEX(Jesper!AH$2:AH$366,ROUNDDOWN($C1255/24,0)+1,1)*INDEX($D$3:$AA$30,INDEX(Jesper!$R$2:$R$366,ROW(INDEX(Jesper!AH$2:AH$366,ROUNDDOWN($C1255/24,0)+1,1))-1)+IF('Standard Profiles'!$G$18=$B$10,7,0)+IF('Standard Profiles'!$G$18=$B$17,14,0)+IF('Standard Profiles'!$G$18=$B$24,21,0),MOD($C1255,24)+1)/SUM(INDEX($D$3:$AA$30,INDEX(Jesper!$R$2:$R$366,ROW(INDEX(Jesper!AH$2:AH$366,ROUNDDOWN($C1255/24,0)+1,1))-1)+IF('Standard Profiles'!$G$18=$B$10,7,0)+IF('Standard Profiles'!$G$18=$B$17,14,0)+IF('Standard Profiles'!$G$18=$B$24,21,0),0)),0)</f>
        <v>7.7772532485156276</v>
      </c>
      <c r="E1255" cm="1">
        <f t="array" ref="E1255">IFERROR(INDEX(Jesper!AI$2:AI$366,ROUNDDOWN($C1255/24,0)+1,1)*INDEX($D$3:$AA$30,INDEX(Jesper!$R$2:$R$366,ROW(INDEX(Jesper!AI$2:AI$366,ROUNDDOWN($C1255/24,0)+1,1))-1)+IF('Standard Profiles'!$G$19=$B$10,7,0)+IF('Standard Profiles'!$G$19=$B$17,14,0)+IF('Standard Profiles'!$G$19=$B$24,21,0),MOD($C1255,24)+1)/SUM(INDEX($D$3:$AA$30,INDEX(Jesper!$R$2:$R$366,ROW(INDEX(Jesper!AI$2:AI$366,ROUNDDOWN($C1255/24,0)+1,1))-1)+IF('Standard Profiles'!$G$19=$B$10,7,0)+IF('Standard Profiles'!$G$19=$B$17,14,0)+IF('Standard Profiles'!$G$19=$B$24,21,0),0)),0)</f>
        <v>0</v>
      </c>
      <c r="F1255" cm="1">
        <f t="array" ref="F1255">IFERROR(INDEX(Jesper!AJ$2:AJ$366,ROUNDDOWN($C1255/24,0)+1,1)*INDEX($D$3:$AA$30,INDEX(Jesper!$R$2:$R$366,ROW(INDEX(Jesper!AJ$2:AJ$366,ROUNDDOWN($C1255/24,0)+1,1))-1)+IF('Standard Profiles'!$G$20=$B$10,7,0)+IF('Standard Profiles'!$G$20=$B$17,14,0)+IF('Standard Profiles'!$G$20=$B$24,21,0),MOD($C1255,24)+1)/SUM(INDEX($D$3:$AA$30,INDEX(Jesper!$R$2:$R$366,ROW(INDEX(Jesper!AJ$2:AJ$366,ROUNDDOWN($C1255/24,0)+1,1))-1)+IF('Standard Profiles'!$G$20=$B$10,7,0)+IF('Standard Profiles'!$G$20=$B$17,14,0)+IF('Standard Profiles'!$G$20=$B$24,21,0),0)),0)</f>
        <v>0</v>
      </c>
      <c r="G1255" cm="1">
        <f t="array" ref="G1255">IFERROR(INDEX(Jesper!AK$2:AK$366,ROUNDDOWN($C1255/24,0)+1,1)*INDEX($D$3:$AA$30,INDEX(Jesper!$R$2:$R$366,ROW(INDEX(Jesper!AK$2:AK$366,ROUNDDOWN($C1255/24,0)+1,1))-1)+IF('Standard Profiles'!$G$21=$B$10,7,0)+IF('Standard Profiles'!$G$21=$B$17,14,0)+IF('Standard Profiles'!$G$21=$B$24,21,0),MOD($C1255,24)+1)/SUM(INDEX($D$3:$AA$30,INDEX(Jesper!$R$2:$R$366,ROW(INDEX(Jesper!AK$2:AK$366,ROUNDDOWN($C1255/24,0)+1,1))-1)+IF('Standard Profiles'!$G$21=$B$10,7,0)+IF('Standard Profiles'!$G$21=$B$17,14,0)+IF('Standard Profiles'!$G$21=$B$24,21,0),0)),0)</f>
        <v>0</v>
      </c>
      <c r="H1255" cm="1">
        <f t="array" ref="H1255">IFERROR(INDEX(Jesper!AL$2:AL$366,ROUNDDOWN($C1255/24,0)+1,1)*INDEX($D$3:$AA$30,INDEX(Jesper!$R$2:$R$366,ROW(INDEX(Jesper!AL$2:AL$366,ROUNDDOWN($C1255/24,0)+1,1))-1)+IF('Standard Profiles'!$G$22=$B$10,7,0)+IF('Standard Profiles'!$G$22=$B$17,14,0)+IF('Standard Profiles'!$G$22=$B$24,21,0),MOD($C1255,24)+1)/SUM(INDEX($D$3:$AA$30,INDEX(Jesper!$R$2:$R$366,ROW(INDEX(Jesper!AL$2:AL$366,ROUNDDOWN($C1255/24,0)+1,1))-1)+IF('Standard Profiles'!$G$22=$B$10,7,0)+IF('Standard Profiles'!$G$22=$B$17,14,0)+IF('Standard Profiles'!$G$22=$B$24,21,0),0)),0)</f>
        <v>0</v>
      </c>
      <c r="I1255">
        <f t="shared" si="153"/>
        <v>0.23331759745546882</v>
      </c>
      <c r="J1255">
        <f t="shared" si="154"/>
        <v>0.77772532485156276</v>
      </c>
      <c r="K1255">
        <f t="shared" si="155"/>
        <v>1.1665879872773441</v>
      </c>
      <c r="L1255">
        <f t="shared" si="156"/>
        <v>5.5996223389312521</v>
      </c>
      <c r="M1255">
        <f t="shared" si="157"/>
        <v>0</v>
      </c>
      <c r="N1255" s="46">
        <f t="shared" si="158"/>
        <v>45342.874999997039</v>
      </c>
    </row>
    <row r="1256" spans="2:14" x14ac:dyDescent="0.3">
      <c r="B1256">
        <f t="shared" si="152"/>
        <v>2</v>
      </c>
      <c r="C1256" s="16">
        <v>1222</v>
      </c>
      <c r="D1256" cm="1">
        <f t="array" ref="D1256">IFERROR(INDEX(Jesper!AH$2:AH$366,ROUNDDOWN($C1256/24,0)+1,1)*INDEX($D$3:$AA$30,INDEX(Jesper!$R$2:$R$366,ROW(INDEX(Jesper!AH$2:AH$366,ROUNDDOWN($C1256/24,0)+1,1))-1)+IF('Standard Profiles'!$G$18=$B$10,7,0)+IF('Standard Profiles'!$G$18=$B$17,14,0)+IF('Standard Profiles'!$G$18=$B$24,21,0),MOD($C1256,24)+1)/SUM(INDEX($D$3:$AA$30,INDEX(Jesper!$R$2:$R$366,ROW(INDEX(Jesper!AH$2:AH$366,ROUNDDOWN($C1256/24,0)+1,1))-1)+IF('Standard Profiles'!$G$18=$B$10,7,0)+IF('Standard Profiles'!$G$18=$B$17,14,0)+IF('Standard Profiles'!$G$18=$B$24,21,0),0)),0)</f>
        <v>7.7772532485156276</v>
      </c>
      <c r="E1256" cm="1">
        <f t="array" ref="E1256">IFERROR(INDEX(Jesper!AI$2:AI$366,ROUNDDOWN($C1256/24,0)+1,1)*INDEX($D$3:$AA$30,INDEX(Jesper!$R$2:$R$366,ROW(INDEX(Jesper!AI$2:AI$366,ROUNDDOWN($C1256/24,0)+1,1))-1)+IF('Standard Profiles'!$G$19=$B$10,7,0)+IF('Standard Profiles'!$G$19=$B$17,14,0)+IF('Standard Profiles'!$G$19=$B$24,21,0),MOD($C1256,24)+1)/SUM(INDEX($D$3:$AA$30,INDEX(Jesper!$R$2:$R$366,ROW(INDEX(Jesper!AI$2:AI$366,ROUNDDOWN($C1256/24,0)+1,1))-1)+IF('Standard Profiles'!$G$19=$B$10,7,0)+IF('Standard Profiles'!$G$19=$B$17,14,0)+IF('Standard Profiles'!$G$19=$B$24,21,0),0)),0)</f>
        <v>0</v>
      </c>
      <c r="F1256" cm="1">
        <f t="array" ref="F1256">IFERROR(INDEX(Jesper!AJ$2:AJ$366,ROUNDDOWN($C1256/24,0)+1,1)*INDEX($D$3:$AA$30,INDEX(Jesper!$R$2:$R$366,ROW(INDEX(Jesper!AJ$2:AJ$366,ROUNDDOWN($C1256/24,0)+1,1))-1)+IF('Standard Profiles'!$G$20=$B$10,7,0)+IF('Standard Profiles'!$G$20=$B$17,14,0)+IF('Standard Profiles'!$G$20=$B$24,21,0),MOD($C1256,24)+1)/SUM(INDEX($D$3:$AA$30,INDEX(Jesper!$R$2:$R$366,ROW(INDEX(Jesper!AJ$2:AJ$366,ROUNDDOWN($C1256/24,0)+1,1))-1)+IF('Standard Profiles'!$G$20=$B$10,7,0)+IF('Standard Profiles'!$G$20=$B$17,14,0)+IF('Standard Profiles'!$G$20=$B$24,21,0),0)),0)</f>
        <v>0</v>
      </c>
      <c r="G1256" cm="1">
        <f t="array" ref="G1256">IFERROR(INDEX(Jesper!AK$2:AK$366,ROUNDDOWN($C1256/24,0)+1,1)*INDEX($D$3:$AA$30,INDEX(Jesper!$R$2:$R$366,ROW(INDEX(Jesper!AK$2:AK$366,ROUNDDOWN($C1256/24,0)+1,1))-1)+IF('Standard Profiles'!$G$21=$B$10,7,0)+IF('Standard Profiles'!$G$21=$B$17,14,0)+IF('Standard Profiles'!$G$21=$B$24,21,0),MOD($C1256,24)+1)/SUM(INDEX($D$3:$AA$30,INDEX(Jesper!$R$2:$R$366,ROW(INDEX(Jesper!AK$2:AK$366,ROUNDDOWN($C1256/24,0)+1,1))-1)+IF('Standard Profiles'!$G$21=$B$10,7,0)+IF('Standard Profiles'!$G$21=$B$17,14,0)+IF('Standard Profiles'!$G$21=$B$24,21,0),0)),0)</f>
        <v>0</v>
      </c>
      <c r="H1256" cm="1">
        <f t="array" ref="H1256">IFERROR(INDEX(Jesper!AL$2:AL$366,ROUNDDOWN($C1256/24,0)+1,1)*INDEX($D$3:$AA$30,INDEX(Jesper!$R$2:$R$366,ROW(INDEX(Jesper!AL$2:AL$366,ROUNDDOWN($C1256/24,0)+1,1))-1)+IF('Standard Profiles'!$G$22=$B$10,7,0)+IF('Standard Profiles'!$G$22=$B$17,14,0)+IF('Standard Profiles'!$G$22=$B$24,21,0),MOD($C1256,24)+1)/SUM(INDEX($D$3:$AA$30,INDEX(Jesper!$R$2:$R$366,ROW(INDEX(Jesper!AL$2:AL$366,ROUNDDOWN($C1256/24,0)+1,1))-1)+IF('Standard Profiles'!$G$22=$B$10,7,0)+IF('Standard Profiles'!$G$22=$B$17,14,0)+IF('Standard Profiles'!$G$22=$B$24,21,0),0)),0)</f>
        <v>0</v>
      </c>
      <c r="I1256">
        <f t="shared" si="153"/>
        <v>0.23331759745546882</v>
      </c>
      <c r="J1256">
        <f t="shared" si="154"/>
        <v>0.77772532485156276</v>
      </c>
      <c r="K1256">
        <f t="shared" si="155"/>
        <v>1.1665879872773441</v>
      </c>
      <c r="L1256">
        <f t="shared" si="156"/>
        <v>5.5996223389312521</v>
      </c>
      <c r="M1256">
        <f t="shared" si="157"/>
        <v>0</v>
      </c>
      <c r="N1256" s="46">
        <f t="shared" si="158"/>
        <v>45342.916666663703</v>
      </c>
    </row>
    <row r="1257" spans="2:14" x14ac:dyDescent="0.3">
      <c r="B1257">
        <f t="shared" si="152"/>
        <v>2</v>
      </c>
      <c r="C1257" s="16">
        <v>1223</v>
      </c>
      <c r="D1257" cm="1">
        <f t="array" ref="D1257">IFERROR(INDEX(Jesper!AH$2:AH$366,ROUNDDOWN($C1257/24,0)+1,1)*INDEX($D$3:$AA$30,INDEX(Jesper!$R$2:$R$366,ROW(INDEX(Jesper!AH$2:AH$366,ROUNDDOWN($C1257/24,0)+1,1))-1)+IF('Standard Profiles'!$G$18=$B$10,7,0)+IF('Standard Profiles'!$G$18=$B$17,14,0)+IF('Standard Profiles'!$G$18=$B$24,21,0),MOD($C1257,24)+1)/SUM(INDEX($D$3:$AA$30,INDEX(Jesper!$R$2:$R$366,ROW(INDEX(Jesper!AH$2:AH$366,ROUNDDOWN($C1257/24,0)+1,1))-1)+IF('Standard Profiles'!$G$18=$B$10,7,0)+IF('Standard Profiles'!$G$18=$B$17,14,0)+IF('Standard Profiles'!$G$18=$B$24,21,0),0)),0)</f>
        <v>7.7772532485156276</v>
      </c>
      <c r="E1257" cm="1">
        <f t="array" ref="E1257">IFERROR(INDEX(Jesper!AI$2:AI$366,ROUNDDOWN($C1257/24,0)+1,1)*INDEX($D$3:$AA$30,INDEX(Jesper!$R$2:$R$366,ROW(INDEX(Jesper!AI$2:AI$366,ROUNDDOWN($C1257/24,0)+1,1))-1)+IF('Standard Profiles'!$G$19=$B$10,7,0)+IF('Standard Profiles'!$G$19=$B$17,14,0)+IF('Standard Profiles'!$G$19=$B$24,21,0),MOD($C1257,24)+1)/SUM(INDEX($D$3:$AA$30,INDEX(Jesper!$R$2:$R$366,ROW(INDEX(Jesper!AI$2:AI$366,ROUNDDOWN($C1257/24,0)+1,1))-1)+IF('Standard Profiles'!$G$19=$B$10,7,0)+IF('Standard Profiles'!$G$19=$B$17,14,0)+IF('Standard Profiles'!$G$19=$B$24,21,0),0)),0)</f>
        <v>0</v>
      </c>
      <c r="F1257" cm="1">
        <f t="array" ref="F1257">IFERROR(INDEX(Jesper!AJ$2:AJ$366,ROUNDDOWN($C1257/24,0)+1,1)*INDEX($D$3:$AA$30,INDEX(Jesper!$R$2:$R$366,ROW(INDEX(Jesper!AJ$2:AJ$366,ROUNDDOWN($C1257/24,0)+1,1))-1)+IF('Standard Profiles'!$G$20=$B$10,7,0)+IF('Standard Profiles'!$G$20=$B$17,14,0)+IF('Standard Profiles'!$G$20=$B$24,21,0),MOD($C1257,24)+1)/SUM(INDEX($D$3:$AA$30,INDEX(Jesper!$R$2:$R$366,ROW(INDEX(Jesper!AJ$2:AJ$366,ROUNDDOWN($C1257/24,0)+1,1))-1)+IF('Standard Profiles'!$G$20=$B$10,7,0)+IF('Standard Profiles'!$G$20=$B$17,14,0)+IF('Standard Profiles'!$G$20=$B$24,21,0),0)),0)</f>
        <v>0</v>
      </c>
      <c r="G1257" cm="1">
        <f t="array" ref="G1257">IFERROR(INDEX(Jesper!AK$2:AK$366,ROUNDDOWN($C1257/24,0)+1,1)*INDEX($D$3:$AA$30,INDEX(Jesper!$R$2:$R$366,ROW(INDEX(Jesper!AK$2:AK$366,ROUNDDOWN($C1257/24,0)+1,1))-1)+IF('Standard Profiles'!$G$21=$B$10,7,0)+IF('Standard Profiles'!$G$21=$B$17,14,0)+IF('Standard Profiles'!$G$21=$B$24,21,0),MOD($C1257,24)+1)/SUM(INDEX($D$3:$AA$30,INDEX(Jesper!$R$2:$R$366,ROW(INDEX(Jesper!AK$2:AK$366,ROUNDDOWN($C1257/24,0)+1,1))-1)+IF('Standard Profiles'!$G$21=$B$10,7,0)+IF('Standard Profiles'!$G$21=$B$17,14,0)+IF('Standard Profiles'!$G$21=$B$24,21,0),0)),0)</f>
        <v>0</v>
      </c>
      <c r="H1257" cm="1">
        <f t="array" ref="H1257">IFERROR(INDEX(Jesper!AL$2:AL$366,ROUNDDOWN($C1257/24,0)+1,1)*INDEX($D$3:$AA$30,INDEX(Jesper!$R$2:$R$366,ROW(INDEX(Jesper!AL$2:AL$366,ROUNDDOWN($C1257/24,0)+1,1))-1)+IF('Standard Profiles'!$G$22=$B$10,7,0)+IF('Standard Profiles'!$G$22=$B$17,14,0)+IF('Standard Profiles'!$G$22=$B$24,21,0),MOD($C1257,24)+1)/SUM(INDEX($D$3:$AA$30,INDEX(Jesper!$R$2:$R$366,ROW(INDEX(Jesper!AL$2:AL$366,ROUNDDOWN($C1257/24,0)+1,1))-1)+IF('Standard Profiles'!$G$22=$B$10,7,0)+IF('Standard Profiles'!$G$22=$B$17,14,0)+IF('Standard Profiles'!$G$22=$B$24,21,0),0)),0)</f>
        <v>0</v>
      </c>
      <c r="I1257">
        <f t="shared" si="153"/>
        <v>0.23331759745546882</v>
      </c>
      <c r="J1257">
        <f t="shared" si="154"/>
        <v>0.77772532485156276</v>
      </c>
      <c r="K1257">
        <f t="shared" si="155"/>
        <v>1.1665879872773441</v>
      </c>
      <c r="L1257">
        <f t="shared" si="156"/>
        <v>5.5996223389312521</v>
      </c>
      <c r="M1257">
        <f t="shared" si="157"/>
        <v>0</v>
      </c>
      <c r="N1257" s="46">
        <f t="shared" si="158"/>
        <v>45342.958333330367</v>
      </c>
    </row>
    <row r="1258" spans="2:14" x14ac:dyDescent="0.3">
      <c r="B1258">
        <f t="shared" si="152"/>
        <v>3</v>
      </c>
      <c r="C1258" s="16">
        <v>1224</v>
      </c>
      <c r="D1258" cm="1">
        <f t="array" ref="D1258">IFERROR(INDEX(Jesper!AH$2:AH$366,ROUNDDOWN($C1258/24,0)+1,1)*INDEX($D$3:$AA$30,INDEX(Jesper!$R$2:$R$366,ROW(INDEX(Jesper!AH$2:AH$366,ROUNDDOWN($C1258/24,0)+1,1))-1)+IF('Standard Profiles'!$G$18=$B$10,7,0)+IF('Standard Profiles'!$G$18=$B$17,14,0)+IF('Standard Profiles'!$G$18=$B$24,21,0),MOD($C1258,24)+1)/SUM(INDEX($D$3:$AA$30,INDEX(Jesper!$R$2:$R$366,ROW(INDEX(Jesper!AH$2:AH$366,ROUNDDOWN($C1258/24,0)+1,1))-1)+IF('Standard Profiles'!$G$18=$B$10,7,0)+IF('Standard Profiles'!$G$18=$B$17,14,0)+IF('Standard Profiles'!$G$18=$B$24,21,0),0)),0)</f>
        <v>7.151522331344708</v>
      </c>
      <c r="E1258" cm="1">
        <f t="array" ref="E1258">IFERROR(INDEX(Jesper!AI$2:AI$366,ROUNDDOWN($C1258/24,0)+1,1)*INDEX($D$3:$AA$30,INDEX(Jesper!$R$2:$R$366,ROW(INDEX(Jesper!AI$2:AI$366,ROUNDDOWN($C1258/24,0)+1,1))-1)+IF('Standard Profiles'!$G$19=$B$10,7,0)+IF('Standard Profiles'!$G$19=$B$17,14,0)+IF('Standard Profiles'!$G$19=$B$24,21,0),MOD($C1258,24)+1)/SUM(INDEX($D$3:$AA$30,INDEX(Jesper!$R$2:$R$366,ROW(INDEX(Jesper!AI$2:AI$366,ROUNDDOWN($C1258/24,0)+1,1))-1)+IF('Standard Profiles'!$G$19=$B$10,7,0)+IF('Standard Profiles'!$G$19=$B$17,14,0)+IF('Standard Profiles'!$G$19=$B$24,21,0),0)),0)</f>
        <v>0</v>
      </c>
      <c r="F1258" cm="1">
        <f t="array" ref="F1258">IFERROR(INDEX(Jesper!AJ$2:AJ$366,ROUNDDOWN($C1258/24,0)+1,1)*INDEX($D$3:$AA$30,INDEX(Jesper!$R$2:$R$366,ROW(INDEX(Jesper!AJ$2:AJ$366,ROUNDDOWN($C1258/24,0)+1,1))-1)+IF('Standard Profiles'!$G$20=$B$10,7,0)+IF('Standard Profiles'!$G$20=$B$17,14,0)+IF('Standard Profiles'!$G$20=$B$24,21,0),MOD($C1258,24)+1)/SUM(INDEX($D$3:$AA$30,INDEX(Jesper!$R$2:$R$366,ROW(INDEX(Jesper!AJ$2:AJ$366,ROUNDDOWN($C1258/24,0)+1,1))-1)+IF('Standard Profiles'!$G$20=$B$10,7,0)+IF('Standard Profiles'!$G$20=$B$17,14,0)+IF('Standard Profiles'!$G$20=$B$24,21,0),0)),0)</f>
        <v>0</v>
      </c>
      <c r="G1258" cm="1">
        <f t="array" ref="G1258">IFERROR(INDEX(Jesper!AK$2:AK$366,ROUNDDOWN($C1258/24,0)+1,1)*INDEX($D$3:$AA$30,INDEX(Jesper!$R$2:$R$366,ROW(INDEX(Jesper!AK$2:AK$366,ROUNDDOWN($C1258/24,0)+1,1))-1)+IF('Standard Profiles'!$G$21=$B$10,7,0)+IF('Standard Profiles'!$G$21=$B$17,14,0)+IF('Standard Profiles'!$G$21=$B$24,21,0),MOD($C1258,24)+1)/SUM(INDEX($D$3:$AA$30,INDEX(Jesper!$R$2:$R$366,ROW(INDEX(Jesper!AK$2:AK$366,ROUNDDOWN($C1258/24,0)+1,1))-1)+IF('Standard Profiles'!$G$21=$B$10,7,0)+IF('Standard Profiles'!$G$21=$B$17,14,0)+IF('Standard Profiles'!$G$21=$B$24,21,0),0)),0)</f>
        <v>0</v>
      </c>
      <c r="H1258" cm="1">
        <f t="array" ref="H1258">IFERROR(INDEX(Jesper!AL$2:AL$366,ROUNDDOWN($C1258/24,0)+1,1)*INDEX($D$3:$AA$30,INDEX(Jesper!$R$2:$R$366,ROW(INDEX(Jesper!AL$2:AL$366,ROUNDDOWN($C1258/24,0)+1,1))-1)+IF('Standard Profiles'!$G$22=$B$10,7,0)+IF('Standard Profiles'!$G$22=$B$17,14,0)+IF('Standard Profiles'!$G$22=$B$24,21,0),MOD($C1258,24)+1)/SUM(INDEX($D$3:$AA$30,INDEX(Jesper!$R$2:$R$366,ROW(INDEX(Jesper!AL$2:AL$366,ROUNDDOWN($C1258/24,0)+1,1))-1)+IF('Standard Profiles'!$G$22=$B$10,7,0)+IF('Standard Profiles'!$G$22=$B$17,14,0)+IF('Standard Profiles'!$G$22=$B$24,21,0),0)),0)</f>
        <v>0</v>
      </c>
      <c r="I1258">
        <f t="shared" si="153"/>
        <v>0.21454566994034124</v>
      </c>
      <c r="J1258">
        <f t="shared" si="154"/>
        <v>0.71515223313447085</v>
      </c>
      <c r="K1258">
        <f t="shared" si="155"/>
        <v>1.0727283497017062</v>
      </c>
      <c r="L1258">
        <f t="shared" si="156"/>
        <v>5.1490960785681894</v>
      </c>
      <c r="M1258">
        <f t="shared" si="157"/>
        <v>0</v>
      </c>
      <c r="N1258" s="46">
        <f t="shared" si="158"/>
        <v>45342.999999997031</v>
      </c>
    </row>
    <row r="1259" spans="2:14" x14ac:dyDescent="0.3">
      <c r="B1259">
        <f t="shared" si="152"/>
        <v>3</v>
      </c>
      <c r="C1259" s="16">
        <v>1225</v>
      </c>
      <c r="D1259" cm="1">
        <f t="array" ref="D1259">IFERROR(INDEX(Jesper!AH$2:AH$366,ROUNDDOWN($C1259/24,0)+1,1)*INDEX($D$3:$AA$30,INDEX(Jesper!$R$2:$R$366,ROW(INDEX(Jesper!AH$2:AH$366,ROUNDDOWN($C1259/24,0)+1,1))-1)+IF('Standard Profiles'!$G$18=$B$10,7,0)+IF('Standard Profiles'!$G$18=$B$17,14,0)+IF('Standard Profiles'!$G$18=$B$24,21,0),MOD($C1259,24)+1)/SUM(INDEX($D$3:$AA$30,INDEX(Jesper!$R$2:$R$366,ROW(INDEX(Jesper!AH$2:AH$366,ROUNDDOWN($C1259/24,0)+1,1))-1)+IF('Standard Profiles'!$G$18=$B$10,7,0)+IF('Standard Profiles'!$G$18=$B$17,14,0)+IF('Standard Profiles'!$G$18=$B$24,21,0),0)),0)</f>
        <v>8.0454626227627948</v>
      </c>
      <c r="E1259" cm="1">
        <f t="array" ref="E1259">IFERROR(INDEX(Jesper!AI$2:AI$366,ROUNDDOWN($C1259/24,0)+1,1)*INDEX($D$3:$AA$30,INDEX(Jesper!$R$2:$R$366,ROW(INDEX(Jesper!AI$2:AI$366,ROUNDDOWN($C1259/24,0)+1,1))-1)+IF('Standard Profiles'!$G$19=$B$10,7,0)+IF('Standard Profiles'!$G$19=$B$17,14,0)+IF('Standard Profiles'!$G$19=$B$24,21,0),MOD($C1259,24)+1)/SUM(INDEX($D$3:$AA$30,INDEX(Jesper!$R$2:$R$366,ROW(INDEX(Jesper!AI$2:AI$366,ROUNDDOWN($C1259/24,0)+1,1))-1)+IF('Standard Profiles'!$G$19=$B$10,7,0)+IF('Standard Profiles'!$G$19=$B$17,14,0)+IF('Standard Profiles'!$G$19=$B$24,21,0),0)),0)</f>
        <v>0</v>
      </c>
      <c r="F1259" cm="1">
        <f t="array" ref="F1259">IFERROR(INDEX(Jesper!AJ$2:AJ$366,ROUNDDOWN($C1259/24,0)+1,1)*INDEX($D$3:$AA$30,INDEX(Jesper!$R$2:$R$366,ROW(INDEX(Jesper!AJ$2:AJ$366,ROUNDDOWN($C1259/24,0)+1,1))-1)+IF('Standard Profiles'!$G$20=$B$10,7,0)+IF('Standard Profiles'!$G$20=$B$17,14,0)+IF('Standard Profiles'!$G$20=$B$24,21,0),MOD($C1259,24)+1)/SUM(INDEX($D$3:$AA$30,INDEX(Jesper!$R$2:$R$366,ROW(INDEX(Jesper!AJ$2:AJ$366,ROUNDDOWN($C1259/24,0)+1,1))-1)+IF('Standard Profiles'!$G$20=$B$10,7,0)+IF('Standard Profiles'!$G$20=$B$17,14,0)+IF('Standard Profiles'!$G$20=$B$24,21,0),0)),0)</f>
        <v>0</v>
      </c>
      <c r="G1259" cm="1">
        <f t="array" ref="G1259">IFERROR(INDEX(Jesper!AK$2:AK$366,ROUNDDOWN($C1259/24,0)+1,1)*INDEX($D$3:$AA$30,INDEX(Jesper!$R$2:$R$366,ROW(INDEX(Jesper!AK$2:AK$366,ROUNDDOWN($C1259/24,0)+1,1))-1)+IF('Standard Profiles'!$G$21=$B$10,7,0)+IF('Standard Profiles'!$G$21=$B$17,14,0)+IF('Standard Profiles'!$G$21=$B$24,21,0),MOD($C1259,24)+1)/SUM(INDEX($D$3:$AA$30,INDEX(Jesper!$R$2:$R$366,ROW(INDEX(Jesper!AK$2:AK$366,ROUNDDOWN($C1259/24,0)+1,1))-1)+IF('Standard Profiles'!$G$21=$B$10,7,0)+IF('Standard Profiles'!$G$21=$B$17,14,0)+IF('Standard Profiles'!$G$21=$B$24,21,0),0)),0)</f>
        <v>0</v>
      </c>
      <c r="H1259" cm="1">
        <f t="array" ref="H1259">IFERROR(INDEX(Jesper!AL$2:AL$366,ROUNDDOWN($C1259/24,0)+1,1)*INDEX($D$3:$AA$30,INDEX(Jesper!$R$2:$R$366,ROW(INDEX(Jesper!AL$2:AL$366,ROUNDDOWN($C1259/24,0)+1,1))-1)+IF('Standard Profiles'!$G$22=$B$10,7,0)+IF('Standard Profiles'!$G$22=$B$17,14,0)+IF('Standard Profiles'!$G$22=$B$24,21,0),MOD($C1259,24)+1)/SUM(INDEX($D$3:$AA$30,INDEX(Jesper!$R$2:$R$366,ROW(INDEX(Jesper!AL$2:AL$366,ROUNDDOWN($C1259/24,0)+1,1))-1)+IF('Standard Profiles'!$G$22=$B$10,7,0)+IF('Standard Profiles'!$G$22=$B$17,14,0)+IF('Standard Profiles'!$G$22=$B$24,21,0),0)),0)</f>
        <v>0</v>
      </c>
      <c r="I1259">
        <f t="shared" si="153"/>
        <v>0.24136387868288384</v>
      </c>
      <c r="J1259">
        <f t="shared" si="154"/>
        <v>0.80454626227627957</v>
      </c>
      <c r="K1259">
        <f t="shared" si="155"/>
        <v>1.2068193934144191</v>
      </c>
      <c r="L1259">
        <f t="shared" si="156"/>
        <v>5.7927330883892116</v>
      </c>
      <c r="M1259">
        <f t="shared" si="157"/>
        <v>0</v>
      </c>
      <c r="N1259" s="46">
        <f t="shared" si="158"/>
        <v>45343.041666663696</v>
      </c>
    </row>
    <row r="1260" spans="2:14" x14ac:dyDescent="0.3">
      <c r="B1260">
        <f t="shared" si="152"/>
        <v>3</v>
      </c>
      <c r="C1260" s="16">
        <v>1226</v>
      </c>
      <c r="D1260" cm="1">
        <f t="array" ref="D1260">IFERROR(INDEX(Jesper!AH$2:AH$366,ROUNDDOWN($C1260/24,0)+1,1)*INDEX($D$3:$AA$30,INDEX(Jesper!$R$2:$R$366,ROW(INDEX(Jesper!AH$2:AH$366,ROUNDDOWN($C1260/24,0)+1,1))-1)+IF('Standard Profiles'!$G$18=$B$10,7,0)+IF('Standard Profiles'!$G$18=$B$17,14,0)+IF('Standard Profiles'!$G$18=$B$24,21,0),MOD($C1260,24)+1)/SUM(INDEX($D$3:$AA$30,INDEX(Jesper!$R$2:$R$366,ROW(INDEX(Jesper!AH$2:AH$366,ROUNDDOWN($C1260/24,0)+1,1))-1)+IF('Standard Profiles'!$G$18=$B$10,7,0)+IF('Standard Profiles'!$G$18=$B$17,14,0)+IF('Standard Profiles'!$G$18=$B$24,21,0),0)),0)</f>
        <v>8.0454626227627948</v>
      </c>
      <c r="E1260" cm="1">
        <f t="array" ref="E1260">IFERROR(INDEX(Jesper!AI$2:AI$366,ROUNDDOWN($C1260/24,0)+1,1)*INDEX($D$3:$AA$30,INDEX(Jesper!$R$2:$R$366,ROW(INDEX(Jesper!AI$2:AI$366,ROUNDDOWN($C1260/24,0)+1,1))-1)+IF('Standard Profiles'!$G$19=$B$10,7,0)+IF('Standard Profiles'!$G$19=$B$17,14,0)+IF('Standard Profiles'!$G$19=$B$24,21,0),MOD($C1260,24)+1)/SUM(INDEX($D$3:$AA$30,INDEX(Jesper!$R$2:$R$366,ROW(INDEX(Jesper!AI$2:AI$366,ROUNDDOWN($C1260/24,0)+1,1))-1)+IF('Standard Profiles'!$G$19=$B$10,7,0)+IF('Standard Profiles'!$G$19=$B$17,14,0)+IF('Standard Profiles'!$G$19=$B$24,21,0),0)),0)</f>
        <v>0</v>
      </c>
      <c r="F1260" cm="1">
        <f t="array" ref="F1260">IFERROR(INDEX(Jesper!AJ$2:AJ$366,ROUNDDOWN($C1260/24,0)+1,1)*INDEX($D$3:$AA$30,INDEX(Jesper!$R$2:$R$366,ROW(INDEX(Jesper!AJ$2:AJ$366,ROUNDDOWN($C1260/24,0)+1,1))-1)+IF('Standard Profiles'!$G$20=$B$10,7,0)+IF('Standard Profiles'!$G$20=$B$17,14,0)+IF('Standard Profiles'!$G$20=$B$24,21,0),MOD($C1260,24)+1)/SUM(INDEX($D$3:$AA$30,INDEX(Jesper!$R$2:$R$366,ROW(INDEX(Jesper!AJ$2:AJ$366,ROUNDDOWN($C1260/24,0)+1,1))-1)+IF('Standard Profiles'!$G$20=$B$10,7,0)+IF('Standard Profiles'!$G$20=$B$17,14,0)+IF('Standard Profiles'!$G$20=$B$24,21,0),0)),0)</f>
        <v>0</v>
      </c>
      <c r="G1260" cm="1">
        <f t="array" ref="G1260">IFERROR(INDEX(Jesper!AK$2:AK$366,ROUNDDOWN($C1260/24,0)+1,1)*INDEX($D$3:$AA$30,INDEX(Jesper!$R$2:$R$366,ROW(INDEX(Jesper!AK$2:AK$366,ROUNDDOWN($C1260/24,0)+1,1))-1)+IF('Standard Profiles'!$G$21=$B$10,7,0)+IF('Standard Profiles'!$G$21=$B$17,14,0)+IF('Standard Profiles'!$G$21=$B$24,21,0),MOD($C1260,24)+1)/SUM(INDEX($D$3:$AA$30,INDEX(Jesper!$R$2:$R$366,ROW(INDEX(Jesper!AK$2:AK$366,ROUNDDOWN($C1260/24,0)+1,1))-1)+IF('Standard Profiles'!$G$21=$B$10,7,0)+IF('Standard Profiles'!$G$21=$B$17,14,0)+IF('Standard Profiles'!$G$21=$B$24,21,0),0)),0)</f>
        <v>0</v>
      </c>
      <c r="H1260" cm="1">
        <f t="array" ref="H1260">IFERROR(INDEX(Jesper!AL$2:AL$366,ROUNDDOWN($C1260/24,0)+1,1)*INDEX($D$3:$AA$30,INDEX(Jesper!$R$2:$R$366,ROW(INDEX(Jesper!AL$2:AL$366,ROUNDDOWN($C1260/24,0)+1,1))-1)+IF('Standard Profiles'!$G$22=$B$10,7,0)+IF('Standard Profiles'!$G$22=$B$17,14,0)+IF('Standard Profiles'!$G$22=$B$24,21,0),MOD($C1260,24)+1)/SUM(INDEX($D$3:$AA$30,INDEX(Jesper!$R$2:$R$366,ROW(INDEX(Jesper!AL$2:AL$366,ROUNDDOWN($C1260/24,0)+1,1))-1)+IF('Standard Profiles'!$G$22=$B$10,7,0)+IF('Standard Profiles'!$G$22=$B$17,14,0)+IF('Standard Profiles'!$G$22=$B$24,21,0),0)),0)</f>
        <v>0</v>
      </c>
      <c r="I1260">
        <f t="shared" si="153"/>
        <v>0.24136387868288384</v>
      </c>
      <c r="J1260">
        <f t="shared" si="154"/>
        <v>0.80454626227627957</v>
      </c>
      <c r="K1260">
        <f t="shared" si="155"/>
        <v>1.2068193934144191</v>
      </c>
      <c r="L1260">
        <f t="shared" si="156"/>
        <v>5.7927330883892116</v>
      </c>
      <c r="M1260">
        <f t="shared" si="157"/>
        <v>0</v>
      </c>
      <c r="N1260" s="46">
        <f t="shared" si="158"/>
        <v>45343.08333333036</v>
      </c>
    </row>
    <row r="1261" spans="2:14" x14ac:dyDescent="0.3">
      <c r="B1261">
        <f t="shared" si="152"/>
        <v>3</v>
      </c>
      <c r="C1261" s="16">
        <v>1227</v>
      </c>
      <c r="D1261" cm="1">
        <f t="array" ref="D1261">IFERROR(INDEX(Jesper!AH$2:AH$366,ROUNDDOWN($C1261/24,0)+1,1)*INDEX($D$3:$AA$30,INDEX(Jesper!$R$2:$R$366,ROW(INDEX(Jesper!AH$2:AH$366,ROUNDDOWN($C1261/24,0)+1,1))-1)+IF('Standard Profiles'!$G$18=$B$10,7,0)+IF('Standard Profiles'!$G$18=$B$17,14,0)+IF('Standard Profiles'!$G$18=$B$24,21,0),MOD($C1261,24)+1)/SUM(INDEX($D$3:$AA$30,INDEX(Jesper!$R$2:$R$366,ROW(INDEX(Jesper!AH$2:AH$366,ROUNDDOWN($C1261/24,0)+1,1))-1)+IF('Standard Profiles'!$G$18=$B$10,7,0)+IF('Standard Profiles'!$G$18=$B$17,14,0)+IF('Standard Profiles'!$G$18=$B$24,21,0),0)),0)</f>
        <v>8.0454626227627948</v>
      </c>
      <c r="E1261" cm="1">
        <f t="array" ref="E1261">IFERROR(INDEX(Jesper!AI$2:AI$366,ROUNDDOWN($C1261/24,0)+1,1)*INDEX($D$3:$AA$30,INDEX(Jesper!$R$2:$R$366,ROW(INDEX(Jesper!AI$2:AI$366,ROUNDDOWN($C1261/24,0)+1,1))-1)+IF('Standard Profiles'!$G$19=$B$10,7,0)+IF('Standard Profiles'!$G$19=$B$17,14,0)+IF('Standard Profiles'!$G$19=$B$24,21,0),MOD($C1261,24)+1)/SUM(INDEX($D$3:$AA$30,INDEX(Jesper!$R$2:$R$366,ROW(INDEX(Jesper!AI$2:AI$366,ROUNDDOWN($C1261/24,0)+1,1))-1)+IF('Standard Profiles'!$G$19=$B$10,7,0)+IF('Standard Profiles'!$G$19=$B$17,14,0)+IF('Standard Profiles'!$G$19=$B$24,21,0),0)),0)</f>
        <v>0</v>
      </c>
      <c r="F1261" cm="1">
        <f t="array" ref="F1261">IFERROR(INDEX(Jesper!AJ$2:AJ$366,ROUNDDOWN($C1261/24,0)+1,1)*INDEX($D$3:$AA$30,INDEX(Jesper!$R$2:$R$366,ROW(INDEX(Jesper!AJ$2:AJ$366,ROUNDDOWN($C1261/24,0)+1,1))-1)+IF('Standard Profiles'!$G$20=$B$10,7,0)+IF('Standard Profiles'!$G$20=$B$17,14,0)+IF('Standard Profiles'!$G$20=$B$24,21,0),MOD($C1261,24)+1)/SUM(INDEX($D$3:$AA$30,INDEX(Jesper!$R$2:$R$366,ROW(INDEX(Jesper!AJ$2:AJ$366,ROUNDDOWN($C1261/24,0)+1,1))-1)+IF('Standard Profiles'!$G$20=$B$10,7,0)+IF('Standard Profiles'!$G$20=$B$17,14,0)+IF('Standard Profiles'!$G$20=$B$24,21,0),0)),0)</f>
        <v>0</v>
      </c>
      <c r="G1261" cm="1">
        <f t="array" ref="G1261">IFERROR(INDEX(Jesper!AK$2:AK$366,ROUNDDOWN($C1261/24,0)+1,1)*INDEX($D$3:$AA$30,INDEX(Jesper!$R$2:$R$366,ROW(INDEX(Jesper!AK$2:AK$366,ROUNDDOWN($C1261/24,0)+1,1))-1)+IF('Standard Profiles'!$G$21=$B$10,7,0)+IF('Standard Profiles'!$G$21=$B$17,14,0)+IF('Standard Profiles'!$G$21=$B$24,21,0),MOD($C1261,24)+1)/SUM(INDEX($D$3:$AA$30,INDEX(Jesper!$R$2:$R$366,ROW(INDEX(Jesper!AK$2:AK$366,ROUNDDOWN($C1261/24,0)+1,1))-1)+IF('Standard Profiles'!$G$21=$B$10,7,0)+IF('Standard Profiles'!$G$21=$B$17,14,0)+IF('Standard Profiles'!$G$21=$B$24,21,0),0)),0)</f>
        <v>0</v>
      </c>
      <c r="H1261" cm="1">
        <f t="array" ref="H1261">IFERROR(INDEX(Jesper!AL$2:AL$366,ROUNDDOWN($C1261/24,0)+1,1)*INDEX($D$3:$AA$30,INDEX(Jesper!$R$2:$R$366,ROW(INDEX(Jesper!AL$2:AL$366,ROUNDDOWN($C1261/24,0)+1,1))-1)+IF('Standard Profiles'!$G$22=$B$10,7,0)+IF('Standard Profiles'!$G$22=$B$17,14,0)+IF('Standard Profiles'!$G$22=$B$24,21,0),MOD($C1261,24)+1)/SUM(INDEX($D$3:$AA$30,INDEX(Jesper!$R$2:$R$366,ROW(INDEX(Jesper!AL$2:AL$366,ROUNDDOWN($C1261/24,0)+1,1))-1)+IF('Standard Profiles'!$G$22=$B$10,7,0)+IF('Standard Profiles'!$G$22=$B$17,14,0)+IF('Standard Profiles'!$G$22=$B$24,21,0),0)),0)</f>
        <v>0</v>
      </c>
      <c r="I1261">
        <f t="shared" si="153"/>
        <v>0.24136387868288384</v>
      </c>
      <c r="J1261">
        <f t="shared" si="154"/>
        <v>0.80454626227627957</v>
      </c>
      <c r="K1261">
        <f t="shared" si="155"/>
        <v>1.2068193934144191</v>
      </c>
      <c r="L1261">
        <f t="shared" si="156"/>
        <v>5.7927330883892116</v>
      </c>
      <c r="M1261">
        <f t="shared" si="157"/>
        <v>0</v>
      </c>
      <c r="N1261" s="46">
        <f t="shared" si="158"/>
        <v>45343.124999997024</v>
      </c>
    </row>
    <row r="1262" spans="2:14" x14ac:dyDescent="0.3">
      <c r="B1262">
        <f t="shared" si="152"/>
        <v>3</v>
      </c>
      <c r="C1262" s="16">
        <v>1228</v>
      </c>
      <c r="D1262" cm="1">
        <f t="array" ref="D1262">IFERROR(INDEX(Jesper!AH$2:AH$366,ROUNDDOWN($C1262/24,0)+1,1)*INDEX($D$3:$AA$30,INDEX(Jesper!$R$2:$R$366,ROW(INDEX(Jesper!AH$2:AH$366,ROUNDDOWN($C1262/24,0)+1,1))-1)+IF('Standard Profiles'!$G$18=$B$10,7,0)+IF('Standard Profiles'!$G$18=$B$17,14,0)+IF('Standard Profiles'!$G$18=$B$24,21,0),MOD($C1262,24)+1)/SUM(INDEX($D$3:$AA$30,INDEX(Jesper!$R$2:$R$366,ROW(INDEX(Jesper!AH$2:AH$366,ROUNDDOWN($C1262/24,0)+1,1))-1)+IF('Standard Profiles'!$G$18=$B$10,7,0)+IF('Standard Profiles'!$G$18=$B$17,14,0)+IF('Standard Profiles'!$G$18=$B$24,21,0),0)),0)</f>
        <v>8.0454626227627948</v>
      </c>
      <c r="E1262" cm="1">
        <f t="array" ref="E1262">IFERROR(INDEX(Jesper!AI$2:AI$366,ROUNDDOWN($C1262/24,0)+1,1)*INDEX($D$3:$AA$30,INDEX(Jesper!$R$2:$R$366,ROW(INDEX(Jesper!AI$2:AI$366,ROUNDDOWN($C1262/24,0)+1,1))-1)+IF('Standard Profiles'!$G$19=$B$10,7,0)+IF('Standard Profiles'!$G$19=$B$17,14,0)+IF('Standard Profiles'!$G$19=$B$24,21,0),MOD($C1262,24)+1)/SUM(INDEX($D$3:$AA$30,INDEX(Jesper!$R$2:$R$366,ROW(INDEX(Jesper!AI$2:AI$366,ROUNDDOWN($C1262/24,0)+1,1))-1)+IF('Standard Profiles'!$G$19=$B$10,7,0)+IF('Standard Profiles'!$G$19=$B$17,14,0)+IF('Standard Profiles'!$G$19=$B$24,21,0),0)),0)</f>
        <v>0</v>
      </c>
      <c r="F1262" cm="1">
        <f t="array" ref="F1262">IFERROR(INDEX(Jesper!AJ$2:AJ$366,ROUNDDOWN($C1262/24,0)+1,1)*INDEX($D$3:$AA$30,INDEX(Jesper!$R$2:$R$366,ROW(INDEX(Jesper!AJ$2:AJ$366,ROUNDDOWN($C1262/24,0)+1,1))-1)+IF('Standard Profiles'!$G$20=$B$10,7,0)+IF('Standard Profiles'!$G$20=$B$17,14,0)+IF('Standard Profiles'!$G$20=$B$24,21,0),MOD($C1262,24)+1)/SUM(INDEX($D$3:$AA$30,INDEX(Jesper!$R$2:$R$366,ROW(INDEX(Jesper!AJ$2:AJ$366,ROUNDDOWN($C1262/24,0)+1,1))-1)+IF('Standard Profiles'!$G$20=$B$10,7,0)+IF('Standard Profiles'!$G$20=$B$17,14,0)+IF('Standard Profiles'!$G$20=$B$24,21,0),0)),0)</f>
        <v>0</v>
      </c>
      <c r="G1262" cm="1">
        <f t="array" ref="G1262">IFERROR(INDEX(Jesper!AK$2:AK$366,ROUNDDOWN($C1262/24,0)+1,1)*INDEX($D$3:$AA$30,INDEX(Jesper!$R$2:$R$366,ROW(INDEX(Jesper!AK$2:AK$366,ROUNDDOWN($C1262/24,0)+1,1))-1)+IF('Standard Profiles'!$G$21=$B$10,7,0)+IF('Standard Profiles'!$G$21=$B$17,14,0)+IF('Standard Profiles'!$G$21=$B$24,21,0),MOD($C1262,24)+1)/SUM(INDEX($D$3:$AA$30,INDEX(Jesper!$R$2:$R$366,ROW(INDEX(Jesper!AK$2:AK$366,ROUNDDOWN($C1262/24,0)+1,1))-1)+IF('Standard Profiles'!$G$21=$B$10,7,0)+IF('Standard Profiles'!$G$21=$B$17,14,0)+IF('Standard Profiles'!$G$21=$B$24,21,0),0)),0)</f>
        <v>0</v>
      </c>
      <c r="H1262" cm="1">
        <f t="array" ref="H1262">IFERROR(INDEX(Jesper!AL$2:AL$366,ROUNDDOWN($C1262/24,0)+1,1)*INDEX($D$3:$AA$30,INDEX(Jesper!$R$2:$R$366,ROW(INDEX(Jesper!AL$2:AL$366,ROUNDDOWN($C1262/24,0)+1,1))-1)+IF('Standard Profiles'!$G$22=$B$10,7,0)+IF('Standard Profiles'!$G$22=$B$17,14,0)+IF('Standard Profiles'!$G$22=$B$24,21,0),MOD($C1262,24)+1)/SUM(INDEX($D$3:$AA$30,INDEX(Jesper!$R$2:$R$366,ROW(INDEX(Jesper!AL$2:AL$366,ROUNDDOWN($C1262/24,0)+1,1))-1)+IF('Standard Profiles'!$G$22=$B$10,7,0)+IF('Standard Profiles'!$G$22=$B$17,14,0)+IF('Standard Profiles'!$G$22=$B$24,21,0),0)),0)</f>
        <v>0</v>
      </c>
      <c r="I1262">
        <f t="shared" si="153"/>
        <v>0.24136387868288384</v>
      </c>
      <c r="J1262">
        <f t="shared" si="154"/>
        <v>0.80454626227627957</v>
      </c>
      <c r="K1262">
        <f t="shared" si="155"/>
        <v>1.2068193934144191</v>
      </c>
      <c r="L1262">
        <f t="shared" si="156"/>
        <v>5.7927330883892116</v>
      </c>
      <c r="M1262">
        <f t="shared" si="157"/>
        <v>0</v>
      </c>
      <c r="N1262" s="46">
        <f t="shared" si="158"/>
        <v>45343.166666663688</v>
      </c>
    </row>
    <row r="1263" spans="2:14" x14ac:dyDescent="0.3">
      <c r="B1263">
        <f t="shared" si="152"/>
        <v>3</v>
      </c>
      <c r="C1263" s="16">
        <v>1229</v>
      </c>
      <c r="D1263" cm="1">
        <f t="array" ref="D1263">IFERROR(INDEX(Jesper!AH$2:AH$366,ROUNDDOWN($C1263/24,0)+1,1)*INDEX($D$3:$AA$30,INDEX(Jesper!$R$2:$R$366,ROW(INDEX(Jesper!AH$2:AH$366,ROUNDDOWN($C1263/24,0)+1,1))-1)+IF('Standard Profiles'!$G$18=$B$10,7,0)+IF('Standard Profiles'!$G$18=$B$17,14,0)+IF('Standard Profiles'!$G$18=$B$24,21,0),MOD($C1263,24)+1)/SUM(INDEX($D$3:$AA$30,INDEX(Jesper!$R$2:$R$366,ROW(INDEX(Jesper!AH$2:AH$366,ROUNDDOWN($C1263/24,0)+1,1))-1)+IF('Standard Profiles'!$G$18=$B$10,7,0)+IF('Standard Profiles'!$G$18=$B$17,14,0)+IF('Standard Profiles'!$G$18=$B$24,21,0),0)),0)</f>
        <v>10.369707380449825</v>
      </c>
      <c r="E1263" cm="1">
        <f t="array" ref="E1263">IFERROR(INDEX(Jesper!AI$2:AI$366,ROUNDDOWN($C1263/24,0)+1,1)*INDEX($D$3:$AA$30,INDEX(Jesper!$R$2:$R$366,ROW(INDEX(Jesper!AI$2:AI$366,ROUNDDOWN($C1263/24,0)+1,1))-1)+IF('Standard Profiles'!$G$19=$B$10,7,0)+IF('Standard Profiles'!$G$19=$B$17,14,0)+IF('Standard Profiles'!$G$19=$B$24,21,0),MOD($C1263,24)+1)/SUM(INDEX($D$3:$AA$30,INDEX(Jesper!$R$2:$R$366,ROW(INDEX(Jesper!AI$2:AI$366,ROUNDDOWN($C1263/24,0)+1,1))-1)+IF('Standard Profiles'!$G$19=$B$10,7,0)+IF('Standard Profiles'!$G$19=$B$17,14,0)+IF('Standard Profiles'!$G$19=$B$24,21,0),0)),0)</f>
        <v>0</v>
      </c>
      <c r="F1263" cm="1">
        <f t="array" ref="F1263">IFERROR(INDEX(Jesper!AJ$2:AJ$366,ROUNDDOWN($C1263/24,0)+1,1)*INDEX($D$3:$AA$30,INDEX(Jesper!$R$2:$R$366,ROW(INDEX(Jesper!AJ$2:AJ$366,ROUNDDOWN($C1263/24,0)+1,1))-1)+IF('Standard Profiles'!$G$20=$B$10,7,0)+IF('Standard Profiles'!$G$20=$B$17,14,0)+IF('Standard Profiles'!$G$20=$B$24,21,0),MOD($C1263,24)+1)/SUM(INDEX($D$3:$AA$30,INDEX(Jesper!$R$2:$R$366,ROW(INDEX(Jesper!AJ$2:AJ$366,ROUNDDOWN($C1263/24,0)+1,1))-1)+IF('Standard Profiles'!$G$20=$B$10,7,0)+IF('Standard Profiles'!$G$20=$B$17,14,0)+IF('Standard Profiles'!$G$20=$B$24,21,0),0)),0)</f>
        <v>0</v>
      </c>
      <c r="G1263" cm="1">
        <f t="array" ref="G1263">IFERROR(INDEX(Jesper!AK$2:AK$366,ROUNDDOWN($C1263/24,0)+1,1)*INDEX($D$3:$AA$30,INDEX(Jesper!$R$2:$R$366,ROW(INDEX(Jesper!AK$2:AK$366,ROUNDDOWN($C1263/24,0)+1,1))-1)+IF('Standard Profiles'!$G$21=$B$10,7,0)+IF('Standard Profiles'!$G$21=$B$17,14,0)+IF('Standard Profiles'!$G$21=$B$24,21,0),MOD($C1263,24)+1)/SUM(INDEX($D$3:$AA$30,INDEX(Jesper!$R$2:$R$366,ROW(INDEX(Jesper!AK$2:AK$366,ROUNDDOWN($C1263/24,0)+1,1))-1)+IF('Standard Profiles'!$G$21=$B$10,7,0)+IF('Standard Profiles'!$G$21=$B$17,14,0)+IF('Standard Profiles'!$G$21=$B$24,21,0),0)),0)</f>
        <v>0</v>
      </c>
      <c r="H1263" cm="1">
        <f t="array" ref="H1263">IFERROR(INDEX(Jesper!AL$2:AL$366,ROUNDDOWN($C1263/24,0)+1,1)*INDEX($D$3:$AA$30,INDEX(Jesper!$R$2:$R$366,ROW(INDEX(Jesper!AL$2:AL$366,ROUNDDOWN($C1263/24,0)+1,1))-1)+IF('Standard Profiles'!$G$22=$B$10,7,0)+IF('Standard Profiles'!$G$22=$B$17,14,0)+IF('Standard Profiles'!$G$22=$B$24,21,0),MOD($C1263,24)+1)/SUM(INDEX($D$3:$AA$30,INDEX(Jesper!$R$2:$R$366,ROW(INDEX(Jesper!AL$2:AL$366,ROUNDDOWN($C1263/24,0)+1,1))-1)+IF('Standard Profiles'!$G$22=$B$10,7,0)+IF('Standard Profiles'!$G$22=$B$17,14,0)+IF('Standard Profiles'!$G$22=$B$24,21,0),0)),0)</f>
        <v>0</v>
      </c>
      <c r="I1263">
        <f t="shared" si="153"/>
        <v>0.31109122141349471</v>
      </c>
      <c r="J1263">
        <f t="shared" si="154"/>
        <v>1.0369707380449824</v>
      </c>
      <c r="K1263">
        <f t="shared" si="155"/>
        <v>1.5554561070674737</v>
      </c>
      <c r="L1263">
        <f t="shared" si="156"/>
        <v>7.4661893139238735</v>
      </c>
      <c r="M1263">
        <f t="shared" si="157"/>
        <v>0</v>
      </c>
      <c r="N1263" s="46">
        <f t="shared" si="158"/>
        <v>45343.208333330353</v>
      </c>
    </row>
    <row r="1264" spans="2:14" x14ac:dyDescent="0.3">
      <c r="B1264">
        <f t="shared" si="152"/>
        <v>3</v>
      </c>
      <c r="C1264" s="16">
        <v>1230</v>
      </c>
      <c r="D1264" cm="1">
        <f t="array" ref="D1264">IFERROR(INDEX(Jesper!AH$2:AH$366,ROUNDDOWN($C1264/24,0)+1,1)*INDEX($D$3:$AA$30,INDEX(Jesper!$R$2:$R$366,ROW(INDEX(Jesper!AH$2:AH$366,ROUNDDOWN($C1264/24,0)+1,1))-1)+IF('Standard Profiles'!$G$18=$B$10,7,0)+IF('Standard Profiles'!$G$18=$B$17,14,0)+IF('Standard Profiles'!$G$18=$B$24,21,0),MOD($C1264,24)+1)/SUM(INDEX($D$3:$AA$30,INDEX(Jesper!$R$2:$R$366,ROW(INDEX(Jesper!AH$2:AH$366,ROUNDDOWN($C1264/24,0)+1,1))-1)+IF('Standard Profiles'!$G$18=$B$10,7,0)+IF('Standard Profiles'!$G$18=$B$17,14,0)+IF('Standard Profiles'!$G$18=$B$24,21,0),0)),0)</f>
        <v>11.978799905002385</v>
      </c>
      <c r="E1264" cm="1">
        <f t="array" ref="E1264">IFERROR(INDEX(Jesper!AI$2:AI$366,ROUNDDOWN($C1264/24,0)+1,1)*INDEX($D$3:$AA$30,INDEX(Jesper!$R$2:$R$366,ROW(INDEX(Jesper!AI$2:AI$366,ROUNDDOWN($C1264/24,0)+1,1))-1)+IF('Standard Profiles'!$G$19=$B$10,7,0)+IF('Standard Profiles'!$G$19=$B$17,14,0)+IF('Standard Profiles'!$G$19=$B$24,21,0),MOD($C1264,24)+1)/SUM(INDEX($D$3:$AA$30,INDEX(Jesper!$R$2:$R$366,ROW(INDEX(Jesper!AI$2:AI$366,ROUNDDOWN($C1264/24,0)+1,1))-1)+IF('Standard Profiles'!$G$19=$B$10,7,0)+IF('Standard Profiles'!$G$19=$B$17,14,0)+IF('Standard Profiles'!$G$19=$B$24,21,0),0)),0)</f>
        <v>0</v>
      </c>
      <c r="F1264" cm="1">
        <f t="array" ref="F1264">IFERROR(INDEX(Jesper!AJ$2:AJ$366,ROUNDDOWN($C1264/24,0)+1,1)*INDEX($D$3:$AA$30,INDEX(Jesper!$R$2:$R$366,ROW(INDEX(Jesper!AJ$2:AJ$366,ROUNDDOWN($C1264/24,0)+1,1))-1)+IF('Standard Profiles'!$G$20=$B$10,7,0)+IF('Standard Profiles'!$G$20=$B$17,14,0)+IF('Standard Profiles'!$G$20=$B$24,21,0),MOD($C1264,24)+1)/SUM(INDEX($D$3:$AA$30,INDEX(Jesper!$R$2:$R$366,ROW(INDEX(Jesper!AJ$2:AJ$366,ROUNDDOWN($C1264/24,0)+1,1))-1)+IF('Standard Profiles'!$G$20=$B$10,7,0)+IF('Standard Profiles'!$G$20=$B$17,14,0)+IF('Standard Profiles'!$G$20=$B$24,21,0),0)),0)</f>
        <v>0</v>
      </c>
      <c r="G1264" cm="1">
        <f t="array" ref="G1264">IFERROR(INDEX(Jesper!AK$2:AK$366,ROUNDDOWN($C1264/24,0)+1,1)*INDEX($D$3:$AA$30,INDEX(Jesper!$R$2:$R$366,ROW(INDEX(Jesper!AK$2:AK$366,ROUNDDOWN($C1264/24,0)+1,1))-1)+IF('Standard Profiles'!$G$21=$B$10,7,0)+IF('Standard Profiles'!$G$21=$B$17,14,0)+IF('Standard Profiles'!$G$21=$B$24,21,0),MOD($C1264,24)+1)/SUM(INDEX($D$3:$AA$30,INDEX(Jesper!$R$2:$R$366,ROW(INDEX(Jesper!AK$2:AK$366,ROUNDDOWN($C1264/24,0)+1,1))-1)+IF('Standard Profiles'!$G$21=$B$10,7,0)+IF('Standard Profiles'!$G$21=$B$17,14,0)+IF('Standard Profiles'!$G$21=$B$24,21,0),0)),0)</f>
        <v>0</v>
      </c>
      <c r="H1264" cm="1">
        <f t="array" ref="H1264">IFERROR(INDEX(Jesper!AL$2:AL$366,ROUNDDOWN($C1264/24,0)+1,1)*INDEX($D$3:$AA$30,INDEX(Jesper!$R$2:$R$366,ROW(INDEX(Jesper!AL$2:AL$366,ROUNDDOWN($C1264/24,0)+1,1))-1)+IF('Standard Profiles'!$G$22=$B$10,7,0)+IF('Standard Profiles'!$G$22=$B$17,14,0)+IF('Standard Profiles'!$G$22=$B$24,21,0),MOD($C1264,24)+1)/SUM(INDEX($D$3:$AA$30,INDEX(Jesper!$R$2:$R$366,ROW(INDEX(Jesper!AL$2:AL$366,ROUNDDOWN($C1264/24,0)+1,1))-1)+IF('Standard Profiles'!$G$22=$B$10,7,0)+IF('Standard Profiles'!$G$22=$B$17,14,0)+IF('Standard Profiles'!$G$22=$B$24,21,0),0)),0)</f>
        <v>0</v>
      </c>
      <c r="I1264">
        <f t="shared" si="153"/>
        <v>0.3593639971500715</v>
      </c>
      <c r="J1264">
        <f t="shared" si="154"/>
        <v>1.1978799905002384</v>
      </c>
      <c r="K1264">
        <f t="shared" si="155"/>
        <v>1.7968199857503577</v>
      </c>
      <c r="L1264">
        <f t="shared" si="156"/>
        <v>8.624735931601716</v>
      </c>
      <c r="M1264">
        <f t="shared" si="157"/>
        <v>0</v>
      </c>
      <c r="N1264" s="46">
        <f t="shared" si="158"/>
        <v>45343.249999997017</v>
      </c>
    </row>
    <row r="1265" spans="2:14" x14ac:dyDescent="0.3">
      <c r="B1265">
        <f t="shared" si="152"/>
        <v>3</v>
      </c>
      <c r="C1265" s="16">
        <v>1231</v>
      </c>
      <c r="D1265" cm="1">
        <f t="array" ref="D1265">IFERROR(INDEX(Jesper!AH$2:AH$366,ROUNDDOWN($C1265/24,0)+1,1)*INDEX($D$3:$AA$30,INDEX(Jesper!$R$2:$R$366,ROW(INDEX(Jesper!AH$2:AH$366,ROUNDDOWN($C1265/24,0)+1,1))-1)+IF('Standard Profiles'!$G$18=$B$10,7,0)+IF('Standard Profiles'!$G$18=$B$17,14,0)+IF('Standard Profiles'!$G$18=$B$24,21,0),MOD($C1265,24)+1)/SUM(INDEX($D$3:$AA$30,INDEX(Jesper!$R$2:$R$366,ROW(INDEX(Jesper!AH$2:AH$366,ROUNDDOWN($C1265/24,0)+1,1))-1)+IF('Standard Profiles'!$G$18=$B$10,7,0)+IF('Standard Profiles'!$G$18=$B$17,14,0)+IF('Standard Profiles'!$G$18=$B$24,21,0),0)),0)</f>
        <v>11.978799905002385</v>
      </c>
      <c r="E1265" cm="1">
        <f t="array" ref="E1265">IFERROR(INDEX(Jesper!AI$2:AI$366,ROUNDDOWN($C1265/24,0)+1,1)*INDEX($D$3:$AA$30,INDEX(Jesper!$R$2:$R$366,ROW(INDEX(Jesper!AI$2:AI$366,ROUNDDOWN($C1265/24,0)+1,1))-1)+IF('Standard Profiles'!$G$19=$B$10,7,0)+IF('Standard Profiles'!$G$19=$B$17,14,0)+IF('Standard Profiles'!$G$19=$B$24,21,0),MOD($C1265,24)+1)/SUM(INDEX($D$3:$AA$30,INDEX(Jesper!$R$2:$R$366,ROW(INDEX(Jesper!AI$2:AI$366,ROUNDDOWN($C1265/24,0)+1,1))-1)+IF('Standard Profiles'!$G$19=$B$10,7,0)+IF('Standard Profiles'!$G$19=$B$17,14,0)+IF('Standard Profiles'!$G$19=$B$24,21,0),0)),0)</f>
        <v>0</v>
      </c>
      <c r="F1265" cm="1">
        <f t="array" ref="F1265">IFERROR(INDEX(Jesper!AJ$2:AJ$366,ROUNDDOWN($C1265/24,0)+1,1)*INDEX($D$3:$AA$30,INDEX(Jesper!$R$2:$R$366,ROW(INDEX(Jesper!AJ$2:AJ$366,ROUNDDOWN($C1265/24,0)+1,1))-1)+IF('Standard Profiles'!$G$20=$B$10,7,0)+IF('Standard Profiles'!$G$20=$B$17,14,0)+IF('Standard Profiles'!$G$20=$B$24,21,0),MOD($C1265,24)+1)/SUM(INDEX($D$3:$AA$30,INDEX(Jesper!$R$2:$R$366,ROW(INDEX(Jesper!AJ$2:AJ$366,ROUNDDOWN($C1265/24,0)+1,1))-1)+IF('Standard Profiles'!$G$20=$B$10,7,0)+IF('Standard Profiles'!$G$20=$B$17,14,0)+IF('Standard Profiles'!$G$20=$B$24,21,0),0)),0)</f>
        <v>0</v>
      </c>
      <c r="G1265" cm="1">
        <f t="array" ref="G1265">IFERROR(INDEX(Jesper!AK$2:AK$366,ROUNDDOWN($C1265/24,0)+1,1)*INDEX($D$3:$AA$30,INDEX(Jesper!$R$2:$R$366,ROW(INDEX(Jesper!AK$2:AK$366,ROUNDDOWN($C1265/24,0)+1,1))-1)+IF('Standard Profiles'!$G$21=$B$10,7,0)+IF('Standard Profiles'!$G$21=$B$17,14,0)+IF('Standard Profiles'!$G$21=$B$24,21,0),MOD($C1265,24)+1)/SUM(INDEX($D$3:$AA$30,INDEX(Jesper!$R$2:$R$366,ROW(INDEX(Jesper!AK$2:AK$366,ROUNDDOWN($C1265/24,0)+1,1))-1)+IF('Standard Profiles'!$G$21=$B$10,7,0)+IF('Standard Profiles'!$G$21=$B$17,14,0)+IF('Standard Profiles'!$G$21=$B$24,21,0),0)),0)</f>
        <v>0</v>
      </c>
      <c r="H1265" cm="1">
        <f t="array" ref="H1265">IFERROR(INDEX(Jesper!AL$2:AL$366,ROUNDDOWN($C1265/24,0)+1,1)*INDEX($D$3:$AA$30,INDEX(Jesper!$R$2:$R$366,ROW(INDEX(Jesper!AL$2:AL$366,ROUNDDOWN($C1265/24,0)+1,1))-1)+IF('Standard Profiles'!$G$22=$B$10,7,0)+IF('Standard Profiles'!$G$22=$B$17,14,0)+IF('Standard Profiles'!$G$22=$B$24,21,0),MOD($C1265,24)+1)/SUM(INDEX($D$3:$AA$30,INDEX(Jesper!$R$2:$R$366,ROW(INDEX(Jesper!AL$2:AL$366,ROUNDDOWN($C1265/24,0)+1,1))-1)+IF('Standard Profiles'!$G$22=$B$10,7,0)+IF('Standard Profiles'!$G$22=$B$17,14,0)+IF('Standard Profiles'!$G$22=$B$24,21,0),0)),0)</f>
        <v>0</v>
      </c>
      <c r="I1265">
        <f t="shared" si="153"/>
        <v>0.3593639971500715</v>
      </c>
      <c r="J1265">
        <f t="shared" si="154"/>
        <v>1.1978799905002384</v>
      </c>
      <c r="K1265">
        <f t="shared" si="155"/>
        <v>1.7968199857503577</v>
      </c>
      <c r="L1265">
        <f t="shared" si="156"/>
        <v>8.624735931601716</v>
      </c>
      <c r="M1265">
        <f t="shared" si="157"/>
        <v>0</v>
      </c>
      <c r="N1265" s="46">
        <f t="shared" si="158"/>
        <v>45343.291666663681</v>
      </c>
    </row>
    <row r="1266" spans="2:14" x14ac:dyDescent="0.3">
      <c r="B1266">
        <f t="shared" si="152"/>
        <v>3</v>
      </c>
      <c r="C1266" s="16">
        <v>1232</v>
      </c>
      <c r="D1266" cm="1">
        <f t="array" ref="D1266">IFERROR(INDEX(Jesper!AH$2:AH$366,ROUNDDOWN($C1266/24,0)+1,1)*INDEX($D$3:$AA$30,INDEX(Jesper!$R$2:$R$366,ROW(INDEX(Jesper!AH$2:AH$366,ROUNDDOWN($C1266/24,0)+1,1))-1)+IF('Standard Profiles'!$G$18=$B$10,7,0)+IF('Standard Profiles'!$G$18=$B$17,14,0)+IF('Standard Profiles'!$G$18=$B$24,21,0),MOD($C1266,24)+1)/SUM(INDEX($D$3:$AA$30,INDEX(Jesper!$R$2:$R$366,ROW(INDEX(Jesper!AH$2:AH$366,ROUNDDOWN($C1266/24,0)+1,1))-1)+IF('Standard Profiles'!$G$18=$B$10,7,0)+IF('Standard Profiles'!$G$18=$B$17,14,0)+IF('Standard Profiles'!$G$18=$B$24,21,0),0)),0)</f>
        <v>11.978799905002385</v>
      </c>
      <c r="E1266" cm="1">
        <f t="array" ref="E1266">IFERROR(INDEX(Jesper!AI$2:AI$366,ROUNDDOWN($C1266/24,0)+1,1)*INDEX($D$3:$AA$30,INDEX(Jesper!$R$2:$R$366,ROW(INDEX(Jesper!AI$2:AI$366,ROUNDDOWN($C1266/24,0)+1,1))-1)+IF('Standard Profiles'!$G$19=$B$10,7,0)+IF('Standard Profiles'!$G$19=$B$17,14,0)+IF('Standard Profiles'!$G$19=$B$24,21,0),MOD($C1266,24)+1)/SUM(INDEX($D$3:$AA$30,INDEX(Jesper!$R$2:$R$366,ROW(INDEX(Jesper!AI$2:AI$366,ROUNDDOWN($C1266/24,0)+1,1))-1)+IF('Standard Profiles'!$G$19=$B$10,7,0)+IF('Standard Profiles'!$G$19=$B$17,14,0)+IF('Standard Profiles'!$G$19=$B$24,21,0),0)),0)</f>
        <v>0</v>
      </c>
      <c r="F1266" cm="1">
        <f t="array" ref="F1266">IFERROR(INDEX(Jesper!AJ$2:AJ$366,ROUNDDOWN($C1266/24,0)+1,1)*INDEX($D$3:$AA$30,INDEX(Jesper!$R$2:$R$366,ROW(INDEX(Jesper!AJ$2:AJ$366,ROUNDDOWN($C1266/24,0)+1,1))-1)+IF('Standard Profiles'!$G$20=$B$10,7,0)+IF('Standard Profiles'!$G$20=$B$17,14,0)+IF('Standard Profiles'!$G$20=$B$24,21,0),MOD($C1266,24)+1)/SUM(INDEX($D$3:$AA$30,INDEX(Jesper!$R$2:$R$366,ROW(INDEX(Jesper!AJ$2:AJ$366,ROUNDDOWN($C1266/24,0)+1,1))-1)+IF('Standard Profiles'!$G$20=$B$10,7,0)+IF('Standard Profiles'!$G$20=$B$17,14,0)+IF('Standard Profiles'!$G$20=$B$24,21,0),0)),0)</f>
        <v>0</v>
      </c>
      <c r="G1266" cm="1">
        <f t="array" ref="G1266">IFERROR(INDEX(Jesper!AK$2:AK$366,ROUNDDOWN($C1266/24,0)+1,1)*INDEX($D$3:$AA$30,INDEX(Jesper!$R$2:$R$366,ROW(INDEX(Jesper!AK$2:AK$366,ROUNDDOWN($C1266/24,0)+1,1))-1)+IF('Standard Profiles'!$G$21=$B$10,7,0)+IF('Standard Profiles'!$G$21=$B$17,14,0)+IF('Standard Profiles'!$G$21=$B$24,21,0),MOD($C1266,24)+1)/SUM(INDEX($D$3:$AA$30,INDEX(Jesper!$R$2:$R$366,ROW(INDEX(Jesper!AK$2:AK$366,ROUNDDOWN($C1266/24,0)+1,1))-1)+IF('Standard Profiles'!$G$21=$B$10,7,0)+IF('Standard Profiles'!$G$21=$B$17,14,0)+IF('Standard Profiles'!$G$21=$B$24,21,0),0)),0)</f>
        <v>0</v>
      </c>
      <c r="H1266" cm="1">
        <f t="array" ref="H1266">IFERROR(INDEX(Jesper!AL$2:AL$366,ROUNDDOWN($C1266/24,0)+1,1)*INDEX($D$3:$AA$30,INDEX(Jesper!$R$2:$R$366,ROW(INDEX(Jesper!AL$2:AL$366,ROUNDDOWN($C1266/24,0)+1,1))-1)+IF('Standard Profiles'!$G$22=$B$10,7,0)+IF('Standard Profiles'!$G$22=$B$17,14,0)+IF('Standard Profiles'!$G$22=$B$24,21,0),MOD($C1266,24)+1)/SUM(INDEX($D$3:$AA$30,INDEX(Jesper!$R$2:$R$366,ROW(INDEX(Jesper!AL$2:AL$366,ROUNDDOWN($C1266/24,0)+1,1))-1)+IF('Standard Profiles'!$G$22=$B$10,7,0)+IF('Standard Profiles'!$G$22=$B$17,14,0)+IF('Standard Profiles'!$G$22=$B$24,21,0),0)),0)</f>
        <v>0</v>
      </c>
      <c r="I1266">
        <f t="shared" si="153"/>
        <v>0.3593639971500715</v>
      </c>
      <c r="J1266">
        <f t="shared" si="154"/>
        <v>1.1978799905002384</v>
      </c>
      <c r="K1266">
        <f t="shared" si="155"/>
        <v>1.7968199857503577</v>
      </c>
      <c r="L1266">
        <f t="shared" si="156"/>
        <v>8.624735931601716</v>
      </c>
      <c r="M1266">
        <f t="shared" si="157"/>
        <v>0</v>
      </c>
      <c r="N1266" s="46">
        <f t="shared" si="158"/>
        <v>45343.333333330345</v>
      </c>
    </row>
    <row r="1267" spans="2:14" x14ac:dyDescent="0.3">
      <c r="B1267">
        <f t="shared" si="152"/>
        <v>3</v>
      </c>
      <c r="C1267" s="16">
        <v>1233</v>
      </c>
      <c r="D1267" cm="1">
        <f t="array" ref="D1267">IFERROR(INDEX(Jesper!AH$2:AH$366,ROUNDDOWN($C1267/24,0)+1,1)*INDEX($D$3:$AA$30,INDEX(Jesper!$R$2:$R$366,ROW(INDEX(Jesper!AH$2:AH$366,ROUNDDOWN($C1267/24,0)+1,1))-1)+IF('Standard Profiles'!$G$18=$B$10,7,0)+IF('Standard Profiles'!$G$18=$B$17,14,0)+IF('Standard Profiles'!$G$18=$B$24,21,0),MOD($C1267,24)+1)/SUM(INDEX($D$3:$AA$30,INDEX(Jesper!$R$2:$R$366,ROW(INDEX(Jesper!AH$2:AH$366,ROUNDDOWN($C1267/24,0)+1,1))-1)+IF('Standard Profiles'!$G$18=$B$10,7,0)+IF('Standard Profiles'!$G$18=$B$17,14,0)+IF('Standard Profiles'!$G$18=$B$24,21,0),0)),0)</f>
        <v>12.872740196420473</v>
      </c>
      <c r="E1267" cm="1">
        <f t="array" ref="E1267">IFERROR(INDEX(Jesper!AI$2:AI$366,ROUNDDOWN($C1267/24,0)+1,1)*INDEX($D$3:$AA$30,INDEX(Jesper!$R$2:$R$366,ROW(INDEX(Jesper!AI$2:AI$366,ROUNDDOWN($C1267/24,0)+1,1))-1)+IF('Standard Profiles'!$G$19=$B$10,7,0)+IF('Standard Profiles'!$G$19=$B$17,14,0)+IF('Standard Profiles'!$G$19=$B$24,21,0),MOD($C1267,24)+1)/SUM(INDEX($D$3:$AA$30,INDEX(Jesper!$R$2:$R$366,ROW(INDEX(Jesper!AI$2:AI$366,ROUNDDOWN($C1267/24,0)+1,1))-1)+IF('Standard Profiles'!$G$19=$B$10,7,0)+IF('Standard Profiles'!$G$19=$B$17,14,0)+IF('Standard Profiles'!$G$19=$B$24,21,0),0)),0)</f>
        <v>0</v>
      </c>
      <c r="F1267" cm="1">
        <f t="array" ref="F1267">IFERROR(INDEX(Jesper!AJ$2:AJ$366,ROUNDDOWN($C1267/24,0)+1,1)*INDEX($D$3:$AA$30,INDEX(Jesper!$R$2:$R$366,ROW(INDEX(Jesper!AJ$2:AJ$366,ROUNDDOWN($C1267/24,0)+1,1))-1)+IF('Standard Profiles'!$G$20=$B$10,7,0)+IF('Standard Profiles'!$G$20=$B$17,14,0)+IF('Standard Profiles'!$G$20=$B$24,21,0),MOD($C1267,24)+1)/SUM(INDEX($D$3:$AA$30,INDEX(Jesper!$R$2:$R$366,ROW(INDEX(Jesper!AJ$2:AJ$366,ROUNDDOWN($C1267/24,0)+1,1))-1)+IF('Standard Profiles'!$G$20=$B$10,7,0)+IF('Standard Profiles'!$G$20=$B$17,14,0)+IF('Standard Profiles'!$G$20=$B$24,21,0),0)),0)</f>
        <v>0</v>
      </c>
      <c r="G1267" cm="1">
        <f t="array" ref="G1267">IFERROR(INDEX(Jesper!AK$2:AK$366,ROUNDDOWN($C1267/24,0)+1,1)*INDEX($D$3:$AA$30,INDEX(Jesper!$R$2:$R$366,ROW(INDEX(Jesper!AK$2:AK$366,ROUNDDOWN($C1267/24,0)+1,1))-1)+IF('Standard Profiles'!$G$21=$B$10,7,0)+IF('Standard Profiles'!$G$21=$B$17,14,0)+IF('Standard Profiles'!$G$21=$B$24,21,0),MOD($C1267,24)+1)/SUM(INDEX($D$3:$AA$30,INDEX(Jesper!$R$2:$R$366,ROW(INDEX(Jesper!AK$2:AK$366,ROUNDDOWN($C1267/24,0)+1,1))-1)+IF('Standard Profiles'!$G$21=$B$10,7,0)+IF('Standard Profiles'!$G$21=$B$17,14,0)+IF('Standard Profiles'!$G$21=$B$24,21,0),0)),0)</f>
        <v>0</v>
      </c>
      <c r="H1267" cm="1">
        <f t="array" ref="H1267">IFERROR(INDEX(Jesper!AL$2:AL$366,ROUNDDOWN($C1267/24,0)+1,1)*INDEX($D$3:$AA$30,INDEX(Jesper!$R$2:$R$366,ROW(INDEX(Jesper!AL$2:AL$366,ROUNDDOWN($C1267/24,0)+1,1))-1)+IF('Standard Profiles'!$G$22=$B$10,7,0)+IF('Standard Profiles'!$G$22=$B$17,14,0)+IF('Standard Profiles'!$G$22=$B$24,21,0),MOD($C1267,24)+1)/SUM(INDEX($D$3:$AA$30,INDEX(Jesper!$R$2:$R$366,ROW(INDEX(Jesper!AL$2:AL$366,ROUNDDOWN($C1267/24,0)+1,1))-1)+IF('Standard Profiles'!$G$22=$B$10,7,0)+IF('Standard Profiles'!$G$22=$B$17,14,0)+IF('Standard Profiles'!$G$22=$B$24,21,0),0)),0)</f>
        <v>0</v>
      </c>
      <c r="I1267">
        <f t="shared" si="153"/>
        <v>0.38618220589261421</v>
      </c>
      <c r="J1267">
        <f t="shared" si="154"/>
        <v>1.2872740196420474</v>
      </c>
      <c r="K1267">
        <f t="shared" si="155"/>
        <v>1.9309110294630709</v>
      </c>
      <c r="L1267">
        <f t="shared" si="156"/>
        <v>9.26837294142274</v>
      </c>
      <c r="M1267">
        <f t="shared" si="157"/>
        <v>0</v>
      </c>
      <c r="N1267" s="46">
        <f t="shared" si="158"/>
        <v>45343.37499999701</v>
      </c>
    </row>
    <row r="1268" spans="2:14" x14ac:dyDescent="0.3">
      <c r="B1268">
        <f t="shared" si="152"/>
        <v>3</v>
      </c>
      <c r="C1268" s="16">
        <v>1234</v>
      </c>
      <c r="D1268" cm="1">
        <f t="array" ref="D1268">IFERROR(INDEX(Jesper!AH$2:AH$366,ROUNDDOWN($C1268/24,0)+1,1)*INDEX($D$3:$AA$30,INDEX(Jesper!$R$2:$R$366,ROW(INDEX(Jesper!AH$2:AH$366,ROUNDDOWN($C1268/24,0)+1,1))-1)+IF('Standard Profiles'!$G$18=$B$10,7,0)+IF('Standard Profiles'!$G$18=$B$17,14,0)+IF('Standard Profiles'!$G$18=$B$24,21,0),MOD($C1268,24)+1)/SUM(INDEX($D$3:$AA$30,INDEX(Jesper!$R$2:$R$366,ROW(INDEX(Jesper!AH$2:AH$366,ROUNDDOWN($C1268/24,0)+1,1))-1)+IF('Standard Profiles'!$G$18=$B$10,7,0)+IF('Standard Profiles'!$G$18=$B$17,14,0)+IF('Standard Profiles'!$G$18=$B$24,21,0),0)),0)</f>
        <v>13.94546854612218</v>
      </c>
      <c r="E1268" cm="1">
        <f t="array" ref="E1268">IFERROR(INDEX(Jesper!AI$2:AI$366,ROUNDDOWN($C1268/24,0)+1,1)*INDEX($D$3:$AA$30,INDEX(Jesper!$R$2:$R$366,ROW(INDEX(Jesper!AI$2:AI$366,ROUNDDOWN($C1268/24,0)+1,1))-1)+IF('Standard Profiles'!$G$19=$B$10,7,0)+IF('Standard Profiles'!$G$19=$B$17,14,0)+IF('Standard Profiles'!$G$19=$B$24,21,0),MOD($C1268,24)+1)/SUM(INDEX($D$3:$AA$30,INDEX(Jesper!$R$2:$R$366,ROW(INDEX(Jesper!AI$2:AI$366,ROUNDDOWN($C1268/24,0)+1,1))-1)+IF('Standard Profiles'!$G$19=$B$10,7,0)+IF('Standard Profiles'!$G$19=$B$17,14,0)+IF('Standard Profiles'!$G$19=$B$24,21,0),0)),0)</f>
        <v>0</v>
      </c>
      <c r="F1268" cm="1">
        <f t="array" ref="F1268">IFERROR(INDEX(Jesper!AJ$2:AJ$366,ROUNDDOWN($C1268/24,0)+1,1)*INDEX($D$3:$AA$30,INDEX(Jesper!$R$2:$R$366,ROW(INDEX(Jesper!AJ$2:AJ$366,ROUNDDOWN($C1268/24,0)+1,1))-1)+IF('Standard Profiles'!$G$20=$B$10,7,0)+IF('Standard Profiles'!$G$20=$B$17,14,0)+IF('Standard Profiles'!$G$20=$B$24,21,0),MOD($C1268,24)+1)/SUM(INDEX($D$3:$AA$30,INDEX(Jesper!$R$2:$R$366,ROW(INDEX(Jesper!AJ$2:AJ$366,ROUNDDOWN($C1268/24,0)+1,1))-1)+IF('Standard Profiles'!$G$20=$B$10,7,0)+IF('Standard Profiles'!$G$20=$B$17,14,0)+IF('Standard Profiles'!$G$20=$B$24,21,0),0)),0)</f>
        <v>0</v>
      </c>
      <c r="G1268" cm="1">
        <f t="array" ref="G1268">IFERROR(INDEX(Jesper!AK$2:AK$366,ROUNDDOWN($C1268/24,0)+1,1)*INDEX($D$3:$AA$30,INDEX(Jesper!$R$2:$R$366,ROW(INDEX(Jesper!AK$2:AK$366,ROUNDDOWN($C1268/24,0)+1,1))-1)+IF('Standard Profiles'!$G$21=$B$10,7,0)+IF('Standard Profiles'!$G$21=$B$17,14,0)+IF('Standard Profiles'!$G$21=$B$24,21,0),MOD($C1268,24)+1)/SUM(INDEX($D$3:$AA$30,INDEX(Jesper!$R$2:$R$366,ROW(INDEX(Jesper!AK$2:AK$366,ROUNDDOWN($C1268/24,0)+1,1))-1)+IF('Standard Profiles'!$G$21=$B$10,7,0)+IF('Standard Profiles'!$G$21=$B$17,14,0)+IF('Standard Profiles'!$G$21=$B$24,21,0),0)),0)</f>
        <v>0</v>
      </c>
      <c r="H1268" cm="1">
        <f t="array" ref="H1268">IFERROR(INDEX(Jesper!AL$2:AL$366,ROUNDDOWN($C1268/24,0)+1,1)*INDEX($D$3:$AA$30,INDEX(Jesper!$R$2:$R$366,ROW(INDEX(Jesper!AL$2:AL$366,ROUNDDOWN($C1268/24,0)+1,1))-1)+IF('Standard Profiles'!$G$22=$B$10,7,0)+IF('Standard Profiles'!$G$22=$B$17,14,0)+IF('Standard Profiles'!$G$22=$B$24,21,0),MOD($C1268,24)+1)/SUM(INDEX($D$3:$AA$30,INDEX(Jesper!$R$2:$R$366,ROW(INDEX(Jesper!AL$2:AL$366,ROUNDDOWN($C1268/24,0)+1,1))-1)+IF('Standard Profiles'!$G$22=$B$10,7,0)+IF('Standard Profiles'!$G$22=$B$17,14,0)+IF('Standard Profiles'!$G$22=$B$24,21,0),0)),0)</f>
        <v>0</v>
      </c>
      <c r="I1268">
        <f t="shared" si="153"/>
        <v>0.41836405638366542</v>
      </c>
      <c r="J1268">
        <f t="shared" si="154"/>
        <v>1.3945468546122182</v>
      </c>
      <c r="K1268">
        <f t="shared" si="155"/>
        <v>2.0918202819183271</v>
      </c>
      <c r="L1268">
        <f t="shared" si="156"/>
        <v>10.04073735320797</v>
      </c>
      <c r="M1268">
        <f t="shared" si="157"/>
        <v>0</v>
      </c>
      <c r="N1268" s="46">
        <f t="shared" si="158"/>
        <v>45343.416666663674</v>
      </c>
    </row>
    <row r="1269" spans="2:14" x14ac:dyDescent="0.3">
      <c r="B1269">
        <f t="shared" si="152"/>
        <v>3</v>
      </c>
      <c r="C1269" s="16">
        <v>1235</v>
      </c>
      <c r="D1269" cm="1">
        <f t="array" ref="D1269">IFERROR(INDEX(Jesper!AH$2:AH$366,ROUNDDOWN($C1269/24,0)+1,1)*INDEX($D$3:$AA$30,INDEX(Jesper!$R$2:$R$366,ROW(INDEX(Jesper!AH$2:AH$366,ROUNDDOWN($C1269/24,0)+1,1))-1)+IF('Standard Profiles'!$G$18=$B$10,7,0)+IF('Standard Profiles'!$G$18=$B$17,14,0)+IF('Standard Profiles'!$G$18=$B$24,21,0),MOD($C1269,24)+1)/SUM(INDEX($D$3:$AA$30,INDEX(Jesper!$R$2:$R$366,ROW(INDEX(Jesper!AH$2:AH$366,ROUNDDOWN($C1269/24,0)+1,1))-1)+IF('Standard Profiles'!$G$18=$B$10,7,0)+IF('Standard Profiles'!$G$18=$B$17,14,0)+IF('Standard Profiles'!$G$18=$B$24,21,0),0)),0)</f>
        <v>16.09092524552559</v>
      </c>
      <c r="E1269" cm="1">
        <f t="array" ref="E1269">IFERROR(INDEX(Jesper!AI$2:AI$366,ROUNDDOWN($C1269/24,0)+1,1)*INDEX($D$3:$AA$30,INDEX(Jesper!$R$2:$R$366,ROW(INDEX(Jesper!AI$2:AI$366,ROUNDDOWN($C1269/24,0)+1,1))-1)+IF('Standard Profiles'!$G$19=$B$10,7,0)+IF('Standard Profiles'!$G$19=$B$17,14,0)+IF('Standard Profiles'!$G$19=$B$24,21,0),MOD($C1269,24)+1)/SUM(INDEX($D$3:$AA$30,INDEX(Jesper!$R$2:$R$366,ROW(INDEX(Jesper!AI$2:AI$366,ROUNDDOWN($C1269/24,0)+1,1))-1)+IF('Standard Profiles'!$G$19=$B$10,7,0)+IF('Standard Profiles'!$G$19=$B$17,14,0)+IF('Standard Profiles'!$G$19=$B$24,21,0),0)),0)</f>
        <v>0</v>
      </c>
      <c r="F1269" cm="1">
        <f t="array" ref="F1269">IFERROR(INDEX(Jesper!AJ$2:AJ$366,ROUNDDOWN($C1269/24,0)+1,1)*INDEX($D$3:$AA$30,INDEX(Jesper!$R$2:$R$366,ROW(INDEX(Jesper!AJ$2:AJ$366,ROUNDDOWN($C1269/24,0)+1,1))-1)+IF('Standard Profiles'!$G$20=$B$10,7,0)+IF('Standard Profiles'!$G$20=$B$17,14,0)+IF('Standard Profiles'!$G$20=$B$24,21,0),MOD($C1269,24)+1)/SUM(INDEX($D$3:$AA$30,INDEX(Jesper!$R$2:$R$366,ROW(INDEX(Jesper!AJ$2:AJ$366,ROUNDDOWN($C1269/24,0)+1,1))-1)+IF('Standard Profiles'!$G$20=$B$10,7,0)+IF('Standard Profiles'!$G$20=$B$17,14,0)+IF('Standard Profiles'!$G$20=$B$24,21,0),0)),0)</f>
        <v>0</v>
      </c>
      <c r="G1269" cm="1">
        <f t="array" ref="G1269">IFERROR(INDEX(Jesper!AK$2:AK$366,ROUNDDOWN($C1269/24,0)+1,1)*INDEX($D$3:$AA$30,INDEX(Jesper!$R$2:$R$366,ROW(INDEX(Jesper!AK$2:AK$366,ROUNDDOWN($C1269/24,0)+1,1))-1)+IF('Standard Profiles'!$G$21=$B$10,7,0)+IF('Standard Profiles'!$G$21=$B$17,14,0)+IF('Standard Profiles'!$G$21=$B$24,21,0),MOD($C1269,24)+1)/SUM(INDEX($D$3:$AA$30,INDEX(Jesper!$R$2:$R$366,ROW(INDEX(Jesper!AK$2:AK$366,ROUNDDOWN($C1269/24,0)+1,1))-1)+IF('Standard Profiles'!$G$21=$B$10,7,0)+IF('Standard Profiles'!$G$21=$B$17,14,0)+IF('Standard Profiles'!$G$21=$B$24,21,0),0)),0)</f>
        <v>0</v>
      </c>
      <c r="H1269" cm="1">
        <f t="array" ref="H1269">IFERROR(INDEX(Jesper!AL$2:AL$366,ROUNDDOWN($C1269/24,0)+1,1)*INDEX($D$3:$AA$30,INDEX(Jesper!$R$2:$R$366,ROW(INDEX(Jesper!AL$2:AL$366,ROUNDDOWN($C1269/24,0)+1,1))-1)+IF('Standard Profiles'!$G$22=$B$10,7,0)+IF('Standard Profiles'!$G$22=$B$17,14,0)+IF('Standard Profiles'!$G$22=$B$24,21,0),MOD($C1269,24)+1)/SUM(INDEX($D$3:$AA$30,INDEX(Jesper!$R$2:$R$366,ROW(INDEX(Jesper!AL$2:AL$366,ROUNDDOWN($C1269/24,0)+1,1))-1)+IF('Standard Profiles'!$G$22=$B$10,7,0)+IF('Standard Profiles'!$G$22=$B$17,14,0)+IF('Standard Profiles'!$G$22=$B$24,21,0),0)),0)</f>
        <v>0</v>
      </c>
      <c r="I1269">
        <f t="shared" si="153"/>
        <v>0.48272775736576767</v>
      </c>
      <c r="J1269">
        <f t="shared" si="154"/>
        <v>1.6090925245525591</v>
      </c>
      <c r="K1269">
        <f t="shared" si="155"/>
        <v>2.4136387868288383</v>
      </c>
      <c r="L1269">
        <f t="shared" si="156"/>
        <v>11.585466176778423</v>
      </c>
      <c r="M1269">
        <f t="shared" si="157"/>
        <v>0</v>
      </c>
      <c r="N1269" s="46">
        <f t="shared" si="158"/>
        <v>45343.458333330338</v>
      </c>
    </row>
    <row r="1270" spans="2:14" x14ac:dyDescent="0.3">
      <c r="B1270">
        <f t="shared" si="152"/>
        <v>3</v>
      </c>
      <c r="C1270" s="16">
        <v>1236</v>
      </c>
      <c r="D1270" cm="1">
        <f t="array" ref="D1270">IFERROR(INDEX(Jesper!AH$2:AH$366,ROUNDDOWN($C1270/24,0)+1,1)*INDEX($D$3:$AA$30,INDEX(Jesper!$R$2:$R$366,ROW(INDEX(Jesper!AH$2:AH$366,ROUNDDOWN($C1270/24,0)+1,1))-1)+IF('Standard Profiles'!$G$18=$B$10,7,0)+IF('Standard Profiles'!$G$18=$B$17,14,0)+IF('Standard Profiles'!$G$18=$B$24,21,0),MOD($C1270,24)+1)/SUM(INDEX($D$3:$AA$30,INDEX(Jesper!$R$2:$R$366,ROW(INDEX(Jesper!AH$2:AH$366,ROUNDDOWN($C1270/24,0)+1,1))-1)+IF('Standard Profiles'!$G$18=$B$10,7,0)+IF('Standard Profiles'!$G$18=$B$17,14,0)+IF('Standard Profiles'!$G$18=$B$24,21,0),0)),0)</f>
        <v>16.09092524552559</v>
      </c>
      <c r="E1270" cm="1">
        <f t="array" ref="E1270">IFERROR(INDEX(Jesper!AI$2:AI$366,ROUNDDOWN($C1270/24,0)+1,1)*INDEX($D$3:$AA$30,INDEX(Jesper!$R$2:$R$366,ROW(INDEX(Jesper!AI$2:AI$366,ROUNDDOWN($C1270/24,0)+1,1))-1)+IF('Standard Profiles'!$G$19=$B$10,7,0)+IF('Standard Profiles'!$G$19=$B$17,14,0)+IF('Standard Profiles'!$G$19=$B$24,21,0),MOD($C1270,24)+1)/SUM(INDEX($D$3:$AA$30,INDEX(Jesper!$R$2:$R$366,ROW(INDEX(Jesper!AI$2:AI$366,ROUNDDOWN($C1270/24,0)+1,1))-1)+IF('Standard Profiles'!$G$19=$B$10,7,0)+IF('Standard Profiles'!$G$19=$B$17,14,0)+IF('Standard Profiles'!$G$19=$B$24,21,0),0)),0)</f>
        <v>0</v>
      </c>
      <c r="F1270" cm="1">
        <f t="array" ref="F1270">IFERROR(INDEX(Jesper!AJ$2:AJ$366,ROUNDDOWN($C1270/24,0)+1,1)*INDEX($D$3:$AA$30,INDEX(Jesper!$R$2:$R$366,ROW(INDEX(Jesper!AJ$2:AJ$366,ROUNDDOWN($C1270/24,0)+1,1))-1)+IF('Standard Profiles'!$G$20=$B$10,7,0)+IF('Standard Profiles'!$G$20=$B$17,14,0)+IF('Standard Profiles'!$G$20=$B$24,21,0),MOD($C1270,24)+1)/SUM(INDEX($D$3:$AA$30,INDEX(Jesper!$R$2:$R$366,ROW(INDEX(Jesper!AJ$2:AJ$366,ROUNDDOWN($C1270/24,0)+1,1))-1)+IF('Standard Profiles'!$G$20=$B$10,7,0)+IF('Standard Profiles'!$G$20=$B$17,14,0)+IF('Standard Profiles'!$G$20=$B$24,21,0),0)),0)</f>
        <v>0</v>
      </c>
      <c r="G1270" cm="1">
        <f t="array" ref="G1270">IFERROR(INDEX(Jesper!AK$2:AK$366,ROUNDDOWN($C1270/24,0)+1,1)*INDEX($D$3:$AA$30,INDEX(Jesper!$R$2:$R$366,ROW(INDEX(Jesper!AK$2:AK$366,ROUNDDOWN($C1270/24,0)+1,1))-1)+IF('Standard Profiles'!$G$21=$B$10,7,0)+IF('Standard Profiles'!$G$21=$B$17,14,0)+IF('Standard Profiles'!$G$21=$B$24,21,0),MOD($C1270,24)+1)/SUM(INDEX($D$3:$AA$30,INDEX(Jesper!$R$2:$R$366,ROW(INDEX(Jesper!AK$2:AK$366,ROUNDDOWN($C1270/24,0)+1,1))-1)+IF('Standard Profiles'!$G$21=$B$10,7,0)+IF('Standard Profiles'!$G$21=$B$17,14,0)+IF('Standard Profiles'!$G$21=$B$24,21,0),0)),0)</f>
        <v>0</v>
      </c>
      <c r="H1270" cm="1">
        <f t="array" ref="H1270">IFERROR(INDEX(Jesper!AL$2:AL$366,ROUNDDOWN($C1270/24,0)+1,1)*INDEX($D$3:$AA$30,INDEX(Jesper!$R$2:$R$366,ROW(INDEX(Jesper!AL$2:AL$366,ROUNDDOWN($C1270/24,0)+1,1))-1)+IF('Standard Profiles'!$G$22=$B$10,7,0)+IF('Standard Profiles'!$G$22=$B$17,14,0)+IF('Standard Profiles'!$G$22=$B$24,21,0),MOD($C1270,24)+1)/SUM(INDEX($D$3:$AA$30,INDEX(Jesper!$R$2:$R$366,ROW(INDEX(Jesper!AL$2:AL$366,ROUNDDOWN($C1270/24,0)+1,1))-1)+IF('Standard Profiles'!$G$22=$B$10,7,0)+IF('Standard Profiles'!$G$22=$B$17,14,0)+IF('Standard Profiles'!$G$22=$B$24,21,0),0)),0)</f>
        <v>0</v>
      </c>
      <c r="I1270">
        <f t="shared" si="153"/>
        <v>0.48272775736576767</v>
      </c>
      <c r="J1270">
        <f t="shared" si="154"/>
        <v>1.6090925245525591</v>
      </c>
      <c r="K1270">
        <f t="shared" si="155"/>
        <v>2.4136387868288383</v>
      </c>
      <c r="L1270">
        <f t="shared" si="156"/>
        <v>11.585466176778423</v>
      </c>
      <c r="M1270">
        <f t="shared" si="157"/>
        <v>0</v>
      </c>
      <c r="N1270" s="46">
        <f t="shared" si="158"/>
        <v>45343.499999997002</v>
      </c>
    </row>
    <row r="1271" spans="2:14" x14ac:dyDescent="0.3">
      <c r="B1271">
        <f t="shared" si="152"/>
        <v>3</v>
      </c>
      <c r="C1271" s="16">
        <v>1237</v>
      </c>
      <c r="D1271" cm="1">
        <f t="array" ref="D1271">IFERROR(INDEX(Jesper!AH$2:AH$366,ROUNDDOWN($C1271/24,0)+1,1)*INDEX($D$3:$AA$30,INDEX(Jesper!$R$2:$R$366,ROW(INDEX(Jesper!AH$2:AH$366,ROUNDDOWN($C1271/24,0)+1,1))-1)+IF('Standard Profiles'!$G$18=$B$10,7,0)+IF('Standard Profiles'!$G$18=$B$17,14,0)+IF('Standard Profiles'!$G$18=$B$24,21,0),MOD($C1271,24)+1)/SUM(INDEX($D$3:$AA$30,INDEX(Jesper!$R$2:$R$366,ROW(INDEX(Jesper!AH$2:AH$366,ROUNDDOWN($C1271/24,0)+1,1))-1)+IF('Standard Profiles'!$G$18=$B$10,7,0)+IF('Standard Profiles'!$G$18=$B$17,14,0)+IF('Standard Profiles'!$G$18=$B$24,21,0),0)),0)</f>
        <v>16.09092524552559</v>
      </c>
      <c r="E1271" cm="1">
        <f t="array" ref="E1271">IFERROR(INDEX(Jesper!AI$2:AI$366,ROUNDDOWN($C1271/24,0)+1,1)*INDEX($D$3:$AA$30,INDEX(Jesper!$R$2:$R$366,ROW(INDEX(Jesper!AI$2:AI$366,ROUNDDOWN($C1271/24,0)+1,1))-1)+IF('Standard Profiles'!$G$19=$B$10,7,0)+IF('Standard Profiles'!$G$19=$B$17,14,0)+IF('Standard Profiles'!$G$19=$B$24,21,0),MOD($C1271,24)+1)/SUM(INDEX($D$3:$AA$30,INDEX(Jesper!$R$2:$R$366,ROW(INDEX(Jesper!AI$2:AI$366,ROUNDDOWN($C1271/24,0)+1,1))-1)+IF('Standard Profiles'!$G$19=$B$10,7,0)+IF('Standard Profiles'!$G$19=$B$17,14,0)+IF('Standard Profiles'!$G$19=$B$24,21,0),0)),0)</f>
        <v>0</v>
      </c>
      <c r="F1271" cm="1">
        <f t="array" ref="F1271">IFERROR(INDEX(Jesper!AJ$2:AJ$366,ROUNDDOWN($C1271/24,0)+1,1)*INDEX($D$3:$AA$30,INDEX(Jesper!$R$2:$R$366,ROW(INDEX(Jesper!AJ$2:AJ$366,ROUNDDOWN($C1271/24,0)+1,1))-1)+IF('Standard Profiles'!$G$20=$B$10,7,0)+IF('Standard Profiles'!$G$20=$B$17,14,0)+IF('Standard Profiles'!$G$20=$B$24,21,0),MOD($C1271,24)+1)/SUM(INDEX($D$3:$AA$30,INDEX(Jesper!$R$2:$R$366,ROW(INDEX(Jesper!AJ$2:AJ$366,ROUNDDOWN($C1271/24,0)+1,1))-1)+IF('Standard Profiles'!$G$20=$B$10,7,0)+IF('Standard Profiles'!$G$20=$B$17,14,0)+IF('Standard Profiles'!$G$20=$B$24,21,0),0)),0)</f>
        <v>0</v>
      </c>
      <c r="G1271" cm="1">
        <f t="array" ref="G1271">IFERROR(INDEX(Jesper!AK$2:AK$366,ROUNDDOWN($C1271/24,0)+1,1)*INDEX($D$3:$AA$30,INDEX(Jesper!$R$2:$R$366,ROW(INDEX(Jesper!AK$2:AK$366,ROUNDDOWN($C1271/24,0)+1,1))-1)+IF('Standard Profiles'!$G$21=$B$10,7,0)+IF('Standard Profiles'!$G$21=$B$17,14,0)+IF('Standard Profiles'!$G$21=$B$24,21,0),MOD($C1271,24)+1)/SUM(INDEX($D$3:$AA$30,INDEX(Jesper!$R$2:$R$366,ROW(INDEX(Jesper!AK$2:AK$366,ROUNDDOWN($C1271/24,0)+1,1))-1)+IF('Standard Profiles'!$G$21=$B$10,7,0)+IF('Standard Profiles'!$G$21=$B$17,14,0)+IF('Standard Profiles'!$G$21=$B$24,21,0),0)),0)</f>
        <v>0</v>
      </c>
      <c r="H1271" cm="1">
        <f t="array" ref="H1271">IFERROR(INDEX(Jesper!AL$2:AL$366,ROUNDDOWN($C1271/24,0)+1,1)*INDEX($D$3:$AA$30,INDEX(Jesper!$R$2:$R$366,ROW(INDEX(Jesper!AL$2:AL$366,ROUNDDOWN($C1271/24,0)+1,1))-1)+IF('Standard Profiles'!$G$22=$B$10,7,0)+IF('Standard Profiles'!$G$22=$B$17,14,0)+IF('Standard Profiles'!$G$22=$B$24,21,0),MOD($C1271,24)+1)/SUM(INDEX($D$3:$AA$30,INDEX(Jesper!$R$2:$R$366,ROW(INDEX(Jesper!AL$2:AL$366,ROUNDDOWN($C1271/24,0)+1,1))-1)+IF('Standard Profiles'!$G$22=$B$10,7,0)+IF('Standard Profiles'!$G$22=$B$17,14,0)+IF('Standard Profiles'!$G$22=$B$24,21,0),0)),0)</f>
        <v>0</v>
      </c>
      <c r="I1271">
        <f t="shared" si="153"/>
        <v>0.48272775736576767</v>
      </c>
      <c r="J1271">
        <f t="shared" si="154"/>
        <v>1.6090925245525591</v>
      </c>
      <c r="K1271">
        <f t="shared" si="155"/>
        <v>2.4136387868288383</v>
      </c>
      <c r="L1271">
        <f t="shared" si="156"/>
        <v>11.585466176778423</v>
      </c>
      <c r="M1271">
        <f t="shared" si="157"/>
        <v>0</v>
      </c>
      <c r="N1271" s="46">
        <f t="shared" si="158"/>
        <v>45343.541666663667</v>
      </c>
    </row>
    <row r="1272" spans="2:14" x14ac:dyDescent="0.3">
      <c r="B1272">
        <f t="shared" si="152"/>
        <v>3</v>
      </c>
      <c r="C1272" s="16">
        <v>1238</v>
      </c>
      <c r="D1272" cm="1">
        <f t="array" ref="D1272">IFERROR(INDEX(Jesper!AH$2:AH$366,ROUNDDOWN($C1272/24,0)+1,1)*INDEX($D$3:$AA$30,INDEX(Jesper!$R$2:$R$366,ROW(INDEX(Jesper!AH$2:AH$366,ROUNDDOWN($C1272/24,0)+1,1))-1)+IF('Standard Profiles'!$G$18=$B$10,7,0)+IF('Standard Profiles'!$G$18=$B$17,14,0)+IF('Standard Profiles'!$G$18=$B$24,21,0),MOD($C1272,24)+1)/SUM(INDEX($D$3:$AA$30,INDEX(Jesper!$R$2:$R$366,ROW(INDEX(Jesper!AH$2:AH$366,ROUNDDOWN($C1272/24,0)+1,1))-1)+IF('Standard Profiles'!$G$18=$B$10,7,0)+IF('Standard Profiles'!$G$18=$B$17,14,0)+IF('Standard Profiles'!$G$18=$B$24,21,0),0)),0)</f>
        <v>16.09092524552559</v>
      </c>
      <c r="E1272" cm="1">
        <f t="array" ref="E1272">IFERROR(INDEX(Jesper!AI$2:AI$366,ROUNDDOWN($C1272/24,0)+1,1)*INDEX($D$3:$AA$30,INDEX(Jesper!$R$2:$R$366,ROW(INDEX(Jesper!AI$2:AI$366,ROUNDDOWN($C1272/24,0)+1,1))-1)+IF('Standard Profiles'!$G$19=$B$10,7,0)+IF('Standard Profiles'!$G$19=$B$17,14,0)+IF('Standard Profiles'!$G$19=$B$24,21,0),MOD($C1272,24)+1)/SUM(INDEX($D$3:$AA$30,INDEX(Jesper!$R$2:$R$366,ROW(INDEX(Jesper!AI$2:AI$366,ROUNDDOWN($C1272/24,0)+1,1))-1)+IF('Standard Profiles'!$G$19=$B$10,7,0)+IF('Standard Profiles'!$G$19=$B$17,14,0)+IF('Standard Profiles'!$G$19=$B$24,21,0),0)),0)</f>
        <v>0</v>
      </c>
      <c r="F1272" cm="1">
        <f t="array" ref="F1272">IFERROR(INDEX(Jesper!AJ$2:AJ$366,ROUNDDOWN($C1272/24,0)+1,1)*INDEX($D$3:$AA$30,INDEX(Jesper!$R$2:$R$366,ROW(INDEX(Jesper!AJ$2:AJ$366,ROUNDDOWN($C1272/24,0)+1,1))-1)+IF('Standard Profiles'!$G$20=$B$10,7,0)+IF('Standard Profiles'!$G$20=$B$17,14,0)+IF('Standard Profiles'!$G$20=$B$24,21,0),MOD($C1272,24)+1)/SUM(INDEX($D$3:$AA$30,INDEX(Jesper!$R$2:$R$366,ROW(INDEX(Jesper!AJ$2:AJ$366,ROUNDDOWN($C1272/24,0)+1,1))-1)+IF('Standard Profiles'!$G$20=$B$10,7,0)+IF('Standard Profiles'!$G$20=$B$17,14,0)+IF('Standard Profiles'!$G$20=$B$24,21,0),0)),0)</f>
        <v>0</v>
      </c>
      <c r="G1272" cm="1">
        <f t="array" ref="G1272">IFERROR(INDEX(Jesper!AK$2:AK$366,ROUNDDOWN($C1272/24,0)+1,1)*INDEX($D$3:$AA$30,INDEX(Jesper!$R$2:$R$366,ROW(INDEX(Jesper!AK$2:AK$366,ROUNDDOWN($C1272/24,0)+1,1))-1)+IF('Standard Profiles'!$G$21=$B$10,7,0)+IF('Standard Profiles'!$G$21=$B$17,14,0)+IF('Standard Profiles'!$G$21=$B$24,21,0),MOD($C1272,24)+1)/SUM(INDEX($D$3:$AA$30,INDEX(Jesper!$R$2:$R$366,ROW(INDEX(Jesper!AK$2:AK$366,ROUNDDOWN($C1272/24,0)+1,1))-1)+IF('Standard Profiles'!$G$21=$B$10,7,0)+IF('Standard Profiles'!$G$21=$B$17,14,0)+IF('Standard Profiles'!$G$21=$B$24,21,0),0)),0)</f>
        <v>0</v>
      </c>
      <c r="H1272" cm="1">
        <f t="array" ref="H1272">IFERROR(INDEX(Jesper!AL$2:AL$366,ROUNDDOWN($C1272/24,0)+1,1)*INDEX($D$3:$AA$30,INDEX(Jesper!$R$2:$R$366,ROW(INDEX(Jesper!AL$2:AL$366,ROUNDDOWN($C1272/24,0)+1,1))-1)+IF('Standard Profiles'!$G$22=$B$10,7,0)+IF('Standard Profiles'!$G$22=$B$17,14,0)+IF('Standard Profiles'!$G$22=$B$24,21,0),MOD($C1272,24)+1)/SUM(INDEX($D$3:$AA$30,INDEX(Jesper!$R$2:$R$366,ROW(INDEX(Jesper!AL$2:AL$366,ROUNDDOWN($C1272/24,0)+1,1))-1)+IF('Standard Profiles'!$G$22=$B$10,7,0)+IF('Standard Profiles'!$G$22=$B$17,14,0)+IF('Standard Profiles'!$G$22=$B$24,21,0),0)),0)</f>
        <v>0</v>
      </c>
      <c r="I1272">
        <f t="shared" si="153"/>
        <v>0.48272775736576767</v>
      </c>
      <c r="J1272">
        <f t="shared" si="154"/>
        <v>1.6090925245525591</v>
      </c>
      <c r="K1272">
        <f t="shared" si="155"/>
        <v>2.4136387868288383</v>
      </c>
      <c r="L1272">
        <f t="shared" si="156"/>
        <v>11.585466176778423</v>
      </c>
      <c r="M1272">
        <f t="shared" si="157"/>
        <v>0</v>
      </c>
      <c r="N1272" s="46">
        <f t="shared" si="158"/>
        <v>45343.583333330331</v>
      </c>
    </row>
    <row r="1273" spans="2:14" x14ac:dyDescent="0.3">
      <c r="B1273">
        <f t="shared" si="152"/>
        <v>3</v>
      </c>
      <c r="C1273" s="16">
        <v>1239</v>
      </c>
      <c r="D1273" cm="1">
        <f t="array" ref="D1273">IFERROR(INDEX(Jesper!AH$2:AH$366,ROUNDDOWN($C1273/24,0)+1,1)*INDEX($D$3:$AA$30,INDEX(Jesper!$R$2:$R$366,ROW(INDEX(Jesper!AH$2:AH$366,ROUNDDOWN($C1273/24,0)+1,1))-1)+IF('Standard Profiles'!$G$18=$B$10,7,0)+IF('Standard Profiles'!$G$18=$B$17,14,0)+IF('Standard Profiles'!$G$18=$B$24,21,0),MOD($C1273,24)+1)/SUM(INDEX($D$3:$AA$30,INDEX(Jesper!$R$2:$R$366,ROW(INDEX(Jesper!AH$2:AH$366,ROUNDDOWN($C1273/24,0)+1,1))-1)+IF('Standard Profiles'!$G$18=$B$10,7,0)+IF('Standard Profiles'!$G$18=$B$17,14,0)+IF('Standard Profiles'!$G$18=$B$24,21,0),0)),0)</f>
        <v>16.09092524552559</v>
      </c>
      <c r="E1273" cm="1">
        <f t="array" ref="E1273">IFERROR(INDEX(Jesper!AI$2:AI$366,ROUNDDOWN($C1273/24,0)+1,1)*INDEX($D$3:$AA$30,INDEX(Jesper!$R$2:$R$366,ROW(INDEX(Jesper!AI$2:AI$366,ROUNDDOWN($C1273/24,0)+1,1))-1)+IF('Standard Profiles'!$G$19=$B$10,7,0)+IF('Standard Profiles'!$G$19=$B$17,14,0)+IF('Standard Profiles'!$G$19=$B$24,21,0),MOD($C1273,24)+1)/SUM(INDEX($D$3:$AA$30,INDEX(Jesper!$R$2:$R$366,ROW(INDEX(Jesper!AI$2:AI$366,ROUNDDOWN($C1273/24,0)+1,1))-1)+IF('Standard Profiles'!$G$19=$B$10,7,0)+IF('Standard Profiles'!$G$19=$B$17,14,0)+IF('Standard Profiles'!$G$19=$B$24,21,0),0)),0)</f>
        <v>0</v>
      </c>
      <c r="F1273" cm="1">
        <f t="array" ref="F1273">IFERROR(INDEX(Jesper!AJ$2:AJ$366,ROUNDDOWN($C1273/24,0)+1,1)*INDEX($D$3:$AA$30,INDEX(Jesper!$R$2:$R$366,ROW(INDEX(Jesper!AJ$2:AJ$366,ROUNDDOWN($C1273/24,0)+1,1))-1)+IF('Standard Profiles'!$G$20=$B$10,7,0)+IF('Standard Profiles'!$G$20=$B$17,14,0)+IF('Standard Profiles'!$G$20=$B$24,21,0),MOD($C1273,24)+1)/SUM(INDEX($D$3:$AA$30,INDEX(Jesper!$R$2:$R$366,ROW(INDEX(Jesper!AJ$2:AJ$366,ROUNDDOWN($C1273/24,0)+1,1))-1)+IF('Standard Profiles'!$G$20=$B$10,7,0)+IF('Standard Profiles'!$G$20=$B$17,14,0)+IF('Standard Profiles'!$G$20=$B$24,21,0),0)),0)</f>
        <v>0</v>
      </c>
      <c r="G1273" cm="1">
        <f t="array" ref="G1273">IFERROR(INDEX(Jesper!AK$2:AK$366,ROUNDDOWN($C1273/24,0)+1,1)*INDEX($D$3:$AA$30,INDEX(Jesper!$R$2:$R$366,ROW(INDEX(Jesper!AK$2:AK$366,ROUNDDOWN($C1273/24,0)+1,1))-1)+IF('Standard Profiles'!$G$21=$B$10,7,0)+IF('Standard Profiles'!$G$21=$B$17,14,0)+IF('Standard Profiles'!$G$21=$B$24,21,0),MOD($C1273,24)+1)/SUM(INDEX($D$3:$AA$30,INDEX(Jesper!$R$2:$R$366,ROW(INDEX(Jesper!AK$2:AK$366,ROUNDDOWN($C1273/24,0)+1,1))-1)+IF('Standard Profiles'!$G$21=$B$10,7,0)+IF('Standard Profiles'!$G$21=$B$17,14,0)+IF('Standard Profiles'!$G$21=$B$24,21,0),0)),0)</f>
        <v>0</v>
      </c>
      <c r="H1273" cm="1">
        <f t="array" ref="H1273">IFERROR(INDEX(Jesper!AL$2:AL$366,ROUNDDOWN($C1273/24,0)+1,1)*INDEX($D$3:$AA$30,INDEX(Jesper!$R$2:$R$366,ROW(INDEX(Jesper!AL$2:AL$366,ROUNDDOWN($C1273/24,0)+1,1))-1)+IF('Standard Profiles'!$G$22=$B$10,7,0)+IF('Standard Profiles'!$G$22=$B$17,14,0)+IF('Standard Profiles'!$G$22=$B$24,21,0),MOD($C1273,24)+1)/SUM(INDEX($D$3:$AA$30,INDEX(Jesper!$R$2:$R$366,ROW(INDEX(Jesper!AL$2:AL$366,ROUNDDOWN($C1273/24,0)+1,1))-1)+IF('Standard Profiles'!$G$22=$B$10,7,0)+IF('Standard Profiles'!$G$22=$B$17,14,0)+IF('Standard Profiles'!$G$22=$B$24,21,0),0)),0)</f>
        <v>0</v>
      </c>
      <c r="I1273">
        <f t="shared" si="153"/>
        <v>0.48272775736576767</v>
      </c>
      <c r="J1273">
        <f t="shared" si="154"/>
        <v>1.6090925245525591</v>
      </c>
      <c r="K1273">
        <f t="shared" si="155"/>
        <v>2.4136387868288383</v>
      </c>
      <c r="L1273">
        <f t="shared" si="156"/>
        <v>11.585466176778423</v>
      </c>
      <c r="M1273">
        <f t="shared" si="157"/>
        <v>0</v>
      </c>
      <c r="N1273" s="46">
        <f t="shared" si="158"/>
        <v>45343.624999996995</v>
      </c>
    </row>
    <row r="1274" spans="2:14" x14ac:dyDescent="0.3">
      <c r="B1274">
        <f t="shared" si="152"/>
        <v>3</v>
      </c>
      <c r="C1274" s="16">
        <v>1240</v>
      </c>
      <c r="D1274" cm="1">
        <f t="array" ref="D1274">IFERROR(INDEX(Jesper!AH$2:AH$366,ROUNDDOWN($C1274/24,0)+1,1)*INDEX($D$3:$AA$30,INDEX(Jesper!$R$2:$R$366,ROW(INDEX(Jesper!AH$2:AH$366,ROUNDDOWN($C1274/24,0)+1,1))-1)+IF('Standard Profiles'!$G$18=$B$10,7,0)+IF('Standard Profiles'!$G$18=$B$17,14,0)+IF('Standard Profiles'!$G$18=$B$24,21,0),MOD($C1274,24)+1)/SUM(INDEX($D$3:$AA$30,INDEX(Jesper!$R$2:$R$366,ROW(INDEX(Jesper!AH$2:AH$366,ROUNDDOWN($C1274/24,0)+1,1))-1)+IF('Standard Profiles'!$G$18=$B$10,7,0)+IF('Standard Profiles'!$G$18=$B$17,14,0)+IF('Standard Profiles'!$G$18=$B$24,21,0),0)),0)</f>
        <v>16.09092524552559</v>
      </c>
      <c r="E1274" cm="1">
        <f t="array" ref="E1274">IFERROR(INDEX(Jesper!AI$2:AI$366,ROUNDDOWN($C1274/24,0)+1,1)*INDEX($D$3:$AA$30,INDEX(Jesper!$R$2:$R$366,ROW(INDEX(Jesper!AI$2:AI$366,ROUNDDOWN($C1274/24,0)+1,1))-1)+IF('Standard Profiles'!$G$19=$B$10,7,0)+IF('Standard Profiles'!$G$19=$B$17,14,0)+IF('Standard Profiles'!$G$19=$B$24,21,0),MOD($C1274,24)+1)/SUM(INDEX($D$3:$AA$30,INDEX(Jesper!$R$2:$R$366,ROW(INDEX(Jesper!AI$2:AI$366,ROUNDDOWN($C1274/24,0)+1,1))-1)+IF('Standard Profiles'!$G$19=$B$10,7,0)+IF('Standard Profiles'!$G$19=$B$17,14,0)+IF('Standard Profiles'!$G$19=$B$24,21,0),0)),0)</f>
        <v>0</v>
      </c>
      <c r="F1274" cm="1">
        <f t="array" ref="F1274">IFERROR(INDEX(Jesper!AJ$2:AJ$366,ROUNDDOWN($C1274/24,0)+1,1)*INDEX($D$3:$AA$30,INDEX(Jesper!$R$2:$R$366,ROW(INDEX(Jesper!AJ$2:AJ$366,ROUNDDOWN($C1274/24,0)+1,1))-1)+IF('Standard Profiles'!$G$20=$B$10,7,0)+IF('Standard Profiles'!$G$20=$B$17,14,0)+IF('Standard Profiles'!$G$20=$B$24,21,0),MOD($C1274,24)+1)/SUM(INDEX($D$3:$AA$30,INDEX(Jesper!$R$2:$R$366,ROW(INDEX(Jesper!AJ$2:AJ$366,ROUNDDOWN($C1274/24,0)+1,1))-1)+IF('Standard Profiles'!$G$20=$B$10,7,0)+IF('Standard Profiles'!$G$20=$B$17,14,0)+IF('Standard Profiles'!$G$20=$B$24,21,0),0)),0)</f>
        <v>0</v>
      </c>
      <c r="G1274" cm="1">
        <f t="array" ref="G1274">IFERROR(INDEX(Jesper!AK$2:AK$366,ROUNDDOWN($C1274/24,0)+1,1)*INDEX($D$3:$AA$30,INDEX(Jesper!$R$2:$R$366,ROW(INDEX(Jesper!AK$2:AK$366,ROUNDDOWN($C1274/24,0)+1,1))-1)+IF('Standard Profiles'!$G$21=$B$10,7,0)+IF('Standard Profiles'!$G$21=$B$17,14,0)+IF('Standard Profiles'!$G$21=$B$24,21,0),MOD($C1274,24)+1)/SUM(INDEX($D$3:$AA$30,INDEX(Jesper!$R$2:$R$366,ROW(INDEX(Jesper!AK$2:AK$366,ROUNDDOWN($C1274/24,0)+1,1))-1)+IF('Standard Profiles'!$G$21=$B$10,7,0)+IF('Standard Profiles'!$G$21=$B$17,14,0)+IF('Standard Profiles'!$G$21=$B$24,21,0),0)),0)</f>
        <v>0</v>
      </c>
      <c r="H1274" cm="1">
        <f t="array" ref="H1274">IFERROR(INDEX(Jesper!AL$2:AL$366,ROUNDDOWN($C1274/24,0)+1,1)*INDEX($D$3:$AA$30,INDEX(Jesper!$R$2:$R$366,ROW(INDEX(Jesper!AL$2:AL$366,ROUNDDOWN($C1274/24,0)+1,1))-1)+IF('Standard Profiles'!$G$22=$B$10,7,0)+IF('Standard Profiles'!$G$22=$B$17,14,0)+IF('Standard Profiles'!$G$22=$B$24,21,0),MOD($C1274,24)+1)/SUM(INDEX($D$3:$AA$30,INDEX(Jesper!$R$2:$R$366,ROW(INDEX(Jesper!AL$2:AL$366,ROUNDDOWN($C1274/24,0)+1,1))-1)+IF('Standard Profiles'!$G$22=$B$10,7,0)+IF('Standard Profiles'!$G$22=$B$17,14,0)+IF('Standard Profiles'!$G$22=$B$24,21,0),0)),0)</f>
        <v>0</v>
      </c>
      <c r="I1274">
        <f t="shared" si="153"/>
        <v>0.48272775736576767</v>
      </c>
      <c r="J1274">
        <f t="shared" si="154"/>
        <v>1.6090925245525591</v>
      </c>
      <c r="K1274">
        <f t="shared" si="155"/>
        <v>2.4136387868288383</v>
      </c>
      <c r="L1274">
        <f t="shared" si="156"/>
        <v>11.585466176778423</v>
      </c>
      <c r="M1274">
        <f t="shared" si="157"/>
        <v>0</v>
      </c>
      <c r="N1274" s="46">
        <f t="shared" si="158"/>
        <v>45343.666666663659</v>
      </c>
    </row>
    <row r="1275" spans="2:14" x14ac:dyDescent="0.3">
      <c r="B1275">
        <f t="shared" si="152"/>
        <v>3</v>
      </c>
      <c r="C1275" s="16">
        <v>1241</v>
      </c>
      <c r="D1275" cm="1">
        <f t="array" ref="D1275">IFERROR(INDEX(Jesper!AH$2:AH$366,ROUNDDOWN($C1275/24,0)+1,1)*INDEX($D$3:$AA$30,INDEX(Jesper!$R$2:$R$366,ROW(INDEX(Jesper!AH$2:AH$366,ROUNDDOWN($C1275/24,0)+1,1))-1)+IF('Standard Profiles'!$G$18=$B$10,7,0)+IF('Standard Profiles'!$G$18=$B$17,14,0)+IF('Standard Profiles'!$G$18=$B$24,21,0),MOD($C1275,24)+1)/SUM(INDEX($D$3:$AA$30,INDEX(Jesper!$R$2:$R$366,ROW(INDEX(Jesper!AH$2:AH$366,ROUNDDOWN($C1275/24,0)+1,1))-1)+IF('Standard Profiles'!$G$18=$B$10,7,0)+IF('Standard Profiles'!$G$18=$B$17,14,0)+IF('Standard Profiles'!$G$18=$B$24,21,0),0)),0)</f>
        <v>16.09092524552559</v>
      </c>
      <c r="E1275" cm="1">
        <f t="array" ref="E1275">IFERROR(INDEX(Jesper!AI$2:AI$366,ROUNDDOWN($C1275/24,0)+1,1)*INDEX($D$3:$AA$30,INDEX(Jesper!$R$2:$R$366,ROW(INDEX(Jesper!AI$2:AI$366,ROUNDDOWN($C1275/24,0)+1,1))-1)+IF('Standard Profiles'!$G$19=$B$10,7,0)+IF('Standard Profiles'!$G$19=$B$17,14,0)+IF('Standard Profiles'!$G$19=$B$24,21,0),MOD($C1275,24)+1)/SUM(INDEX($D$3:$AA$30,INDEX(Jesper!$R$2:$R$366,ROW(INDEX(Jesper!AI$2:AI$366,ROUNDDOWN($C1275/24,0)+1,1))-1)+IF('Standard Profiles'!$G$19=$B$10,7,0)+IF('Standard Profiles'!$G$19=$B$17,14,0)+IF('Standard Profiles'!$G$19=$B$24,21,0),0)),0)</f>
        <v>0</v>
      </c>
      <c r="F1275" cm="1">
        <f t="array" ref="F1275">IFERROR(INDEX(Jesper!AJ$2:AJ$366,ROUNDDOWN($C1275/24,0)+1,1)*INDEX($D$3:$AA$30,INDEX(Jesper!$R$2:$R$366,ROW(INDEX(Jesper!AJ$2:AJ$366,ROUNDDOWN($C1275/24,0)+1,1))-1)+IF('Standard Profiles'!$G$20=$B$10,7,0)+IF('Standard Profiles'!$G$20=$B$17,14,0)+IF('Standard Profiles'!$G$20=$B$24,21,0),MOD($C1275,24)+1)/SUM(INDEX($D$3:$AA$30,INDEX(Jesper!$R$2:$R$366,ROW(INDEX(Jesper!AJ$2:AJ$366,ROUNDDOWN($C1275/24,0)+1,1))-1)+IF('Standard Profiles'!$G$20=$B$10,7,0)+IF('Standard Profiles'!$G$20=$B$17,14,0)+IF('Standard Profiles'!$G$20=$B$24,21,0),0)),0)</f>
        <v>0</v>
      </c>
      <c r="G1275" cm="1">
        <f t="array" ref="G1275">IFERROR(INDEX(Jesper!AK$2:AK$366,ROUNDDOWN($C1275/24,0)+1,1)*INDEX($D$3:$AA$30,INDEX(Jesper!$R$2:$R$366,ROW(INDEX(Jesper!AK$2:AK$366,ROUNDDOWN($C1275/24,0)+1,1))-1)+IF('Standard Profiles'!$G$21=$B$10,7,0)+IF('Standard Profiles'!$G$21=$B$17,14,0)+IF('Standard Profiles'!$G$21=$B$24,21,0),MOD($C1275,24)+1)/SUM(INDEX($D$3:$AA$30,INDEX(Jesper!$R$2:$R$366,ROW(INDEX(Jesper!AK$2:AK$366,ROUNDDOWN($C1275/24,0)+1,1))-1)+IF('Standard Profiles'!$G$21=$B$10,7,0)+IF('Standard Profiles'!$G$21=$B$17,14,0)+IF('Standard Profiles'!$G$21=$B$24,21,0),0)),0)</f>
        <v>0</v>
      </c>
      <c r="H1275" cm="1">
        <f t="array" ref="H1275">IFERROR(INDEX(Jesper!AL$2:AL$366,ROUNDDOWN($C1275/24,0)+1,1)*INDEX($D$3:$AA$30,INDEX(Jesper!$R$2:$R$366,ROW(INDEX(Jesper!AL$2:AL$366,ROUNDDOWN($C1275/24,0)+1,1))-1)+IF('Standard Profiles'!$G$22=$B$10,7,0)+IF('Standard Profiles'!$G$22=$B$17,14,0)+IF('Standard Profiles'!$G$22=$B$24,21,0),MOD($C1275,24)+1)/SUM(INDEX($D$3:$AA$30,INDEX(Jesper!$R$2:$R$366,ROW(INDEX(Jesper!AL$2:AL$366,ROUNDDOWN($C1275/24,0)+1,1))-1)+IF('Standard Profiles'!$G$22=$B$10,7,0)+IF('Standard Profiles'!$G$22=$B$17,14,0)+IF('Standard Profiles'!$G$22=$B$24,21,0),0)),0)</f>
        <v>0</v>
      </c>
      <c r="I1275">
        <f t="shared" si="153"/>
        <v>0.48272775736576767</v>
      </c>
      <c r="J1275">
        <f t="shared" si="154"/>
        <v>1.6090925245525591</v>
      </c>
      <c r="K1275">
        <f t="shared" si="155"/>
        <v>2.4136387868288383</v>
      </c>
      <c r="L1275">
        <f t="shared" si="156"/>
        <v>11.585466176778423</v>
      </c>
      <c r="M1275">
        <f t="shared" si="157"/>
        <v>0</v>
      </c>
      <c r="N1275" s="46">
        <f t="shared" si="158"/>
        <v>45343.708333330324</v>
      </c>
    </row>
    <row r="1276" spans="2:14" x14ac:dyDescent="0.3">
      <c r="B1276">
        <f t="shared" si="152"/>
        <v>3</v>
      </c>
      <c r="C1276" s="16">
        <v>1242</v>
      </c>
      <c r="D1276" cm="1">
        <f t="array" ref="D1276">IFERROR(INDEX(Jesper!AH$2:AH$366,ROUNDDOWN($C1276/24,0)+1,1)*INDEX($D$3:$AA$30,INDEX(Jesper!$R$2:$R$366,ROW(INDEX(Jesper!AH$2:AH$366,ROUNDDOWN($C1276/24,0)+1,1))-1)+IF('Standard Profiles'!$G$18=$B$10,7,0)+IF('Standard Profiles'!$G$18=$B$17,14,0)+IF('Standard Profiles'!$G$18=$B$24,21,0),MOD($C1276,24)+1)/SUM(INDEX($D$3:$AA$30,INDEX(Jesper!$R$2:$R$366,ROW(INDEX(Jesper!AH$2:AH$366,ROUNDDOWN($C1276/24,0)+1,1))-1)+IF('Standard Profiles'!$G$18=$B$10,7,0)+IF('Standard Profiles'!$G$18=$B$17,14,0)+IF('Standard Profiles'!$G$18=$B$24,21,0),0)),0)</f>
        <v>16.09092524552559</v>
      </c>
      <c r="E1276" cm="1">
        <f t="array" ref="E1276">IFERROR(INDEX(Jesper!AI$2:AI$366,ROUNDDOWN($C1276/24,0)+1,1)*INDEX($D$3:$AA$30,INDEX(Jesper!$R$2:$R$366,ROW(INDEX(Jesper!AI$2:AI$366,ROUNDDOWN($C1276/24,0)+1,1))-1)+IF('Standard Profiles'!$G$19=$B$10,7,0)+IF('Standard Profiles'!$G$19=$B$17,14,0)+IF('Standard Profiles'!$G$19=$B$24,21,0),MOD($C1276,24)+1)/SUM(INDEX($D$3:$AA$30,INDEX(Jesper!$R$2:$R$366,ROW(INDEX(Jesper!AI$2:AI$366,ROUNDDOWN($C1276/24,0)+1,1))-1)+IF('Standard Profiles'!$G$19=$B$10,7,0)+IF('Standard Profiles'!$G$19=$B$17,14,0)+IF('Standard Profiles'!$G$19=$B$24,21,0),0)),0)</f>
        <v>0</v>
      </c>
      <c r="F1276" cm="1">
        <f t="array" ref="F1276">IFERROR(INDEX(Jesper!AJ$2:AJ$366,ROUNDDOWN($C1276/24,0)+1,1)*INDEX($D$3:$AA$30,INDEX(Jesper!$R$2:$R$366,ROW(INDEX(Jesper!AJ$2:AJ$366,ROUNDDOWN($C1276/24,0)+1,1))-1)+IF('Standard Profiles'!$G$20=$B$10,7,0)+IF('Standard Profiles'!$G$20=$B$17,14,0)+IF('Standard Profiles'!$G$20=$B$24,21,0),MOD($C1276,24)+1)/SUM(INDEX($D$3:$AA$30,INDEX(Jesper!$R$2:$R$366,ROW(INDEX(Jesper!AJ$2:AJ$366,ROUNDDOWN($C1276/24,0)+1,1))-1)+IF('Standard Profiles'!$G$20=$B$10,7,0)+IF('Standard Profiles'!$G$20=$B$17,14,0)+IF('Standard Profiles'!$G$20=$B$24,21,0),0)),0)</f>
        <v>0</v>
      </c>
      <c r="G1276" cm="1">
        <f t="array" ref="G1276">IFERROR(INDEX(Jesper!AK$2:AK$366,ROUNDDOWN($C1276/24,0)+1,1)*INDEX($D$3:$AA$30,INDEX(Jesper!$R$2:$R$366,ROW(INDEX(Jesper!AK$2:AK$366,ROUNDDOWN($C1276/24,0)+1,1))-1)+IF('Standard Profiles'!$G$21=$B$10,7,0)+IF('Standard Profiles'!$G$21=$B$17,14,0)+IF('Standard Profiles'!$G$21=$B$24,21,0),MOD($C1276,24)+1)/SUM(INDEX($D$3:$AA$30,INDEX(Jesper!$R$2:$R$366,ROW(INDEX(Jesper!AK$2:AK$366,ROUNDDOWN($C1276/24,0)+1,1))-1)+IF('Standard Profiles'!$G$21=$B$10,7,0)+IF('Standard Profiles'!$G$21=$B$17,14,0)+IF('Standard Profiles'!$G$21=$B$24,21,0),0)),0)</f>
        <v>0</v>
      </c>
      <c r="H1276" cm="1">
        <f t="array" ref="H1276">IFERROR(INDEX(Jesper!AL$2:AL$366,ROUNDDOWN($C1276/24,0)+1,1)*INDEX($D$3:$AA$30,INDEX(Jesper!$R$2:$R$366,ROW(INDEX(Jesper!AL$2:AL$366,ROUNDDOWN($C1276/24,0)+1,1))-1)+IF('Standard Profiles'!$G$22=$B$10,7,0)+IF('Standard Profiles'!$G$22=$B$17,14,0)+IF('Standard Profiles'!$G$22=$B$24,21,0),MOD($C1276,24)+1)/SUM(INDEX($D$3:$AA$30,INDEX(Jesper!$R$2:$R$366,ROW(INDEX(Jesper!AL$2:AL$366,ROUNDDOWN($C1276/24,0)+1,1))-1)+IF('Standard Profiles'!$G$22=$B$10,7,0)+IF('Standard Profiles'!$G$22=$B$17,14,0)+IF('Standard Profiles'!$G$22=$B$24,21,0),0)),0)</f>
        <v>0</v>
      </c>
      <c r="I1276">
        <f t="shared" si="153"/>
        <v>0.48272775736576767</v>
      </c>
      <c r="J1276">
        <f t="shared" si="154"/>
        <v>1.6090925245525591</v>
      </c>
      <c r="K1276">
        <f t="shared" si="155"/>
        <v>2.4136387868288383</v>
      </c>
      <c r="L1276">
        <f t="shared" si="156"/>
        <v>11.585466176778423</v>
      </c>
      <c r="M1276">
        <f t="shared" si="157"/>
        <v>0</v>
      </c>
      <c r="N1276" s="46">
        <f t="shared" si="158"/>
        <v>45343.749999996988</v>
      </c>
    </row>
    <row r="1277" spans="2:14" x14ac:dyDescent="0.3">
      <c r="B1277">
        <f t="shared" si="152"/>
        <v>3</v>
      </c>
      <c r="C1277" s="16">
        <v>1243</v>
      </c>
      <c r="D1277" cm="1">
        <f t="array" ref="D1277">IFERROR(INDEX(Jesper!AH$2:AH$366,ROUNDDOWN($C1277/24,0)+1,1)*INDEX($D$3:$AA$30,INDEX(Jesper!$R$2:$R$366,ROW(INDEX(Jesper!AH$2:AH$366,ROUNDDOWN($C1277/24,0)+1,1))-1)+IF('Standard Profiles'!$G$18=$B$10,7,0)+IF('Standard Profiles'!$G$18=$B$17,14,0)+IF('Standard Profiles'!$G$18=$B$24,21,0),MOD($C1277,24)+1)/SUM(INDEX($D$3:$AA$30,INDEX(Jesper!$R$2:$R$366,ROW(INDEX(Jesper!AH$2:AH$366,ROUNDDOWN($C1277/24,0)+1,1))-1)+IF('Standard Profiles'!$G$18=$B$10,7,0)+IF('Standard Profiles'!$G$18=$B$17,14,0)+IF('Standard Profiles'!$G$18=$B$24,21,0),0)),0)</f>
        <v>13.409104371271328</v>
      </c>
      <c r="E1277" cm="1">
        <f t="array" ref="E1277">IFERROR(INDEX(Jesper!AI$2:AI$366,ROUNDDOWN($C1277/24,0)+1,1)*INDEX($D$3:$AA$30,INDEX(Jesper!$R$2:$R$366,ROW(INDEX(Jesper!AI$2:AI$366,ROUNDDOWN($C1277/24,0)+1,1))-1)+IF('Standard Profiles'!$G$19=$B$10,7,0)+IF('Standard Profiles'!$G$19=$B$17,14,0)+IF('Standard Profiles'!$G$19=$B$24,21,0),MOD($C1277,24)+1)/SUM(INDEX($D$3:$AA$30,INDEX(Jesper!$R$2:$R$366,ROW(INDEX(Jesper!AI$2:AI$366,ROUNDDOWN($C1277/24,0)+1,1))-1)+IF('Standard Profiles'!$G$19=$B$10,7,0)+IF('Standard Profiles'!$G$19=$B$17,14,0)+IF('Standard Profiles'!$G$19=$B$24,21,0),0)),0)</f>
        <v>0</v>
      </c>
      <c r="F1277" cm="1">
        <f t="array" ref="F1277">IFERROR(INDEX(Jesper!AJ$2:AJ$366,ROUNDDOWN($C1277/24,0)+1,1)*INDEX($D$3:$AA$30,INDEX(Jesper!$R$2:$R$366,ROW(INDEX(Jesper!AJ$2:AJ$366,ROUNDDOWN($C1277/24,0)+1,1))-1)+IF('Standard Profiles'!$G$20=$B$10,7,0)+IF('Standard Profiles'!$G$20=$B$17,14,0)+IF('Standard Profiles'!$G$20=$B$24,21,0),MOD($C1277,24)+1)/SUM(INDEX($D$3:$AA$30,INDEX(Jesper!$R$2:$R$366,ROW(INDEX(Jesper!AJ$2:AJ$366,ROUNDDOWN($C1277/24,0)+1,1))-1)+IF('Standard Profiles'!$G$20=$B$10,7,0)+IF('Standard Profiles'!$G$20=$B$17,14,0)+IF('Standard Profiles'!$G$20=$B$24,21,0),0)),0)</f>
        <v>0</v>
      </c>
      <c r="G1277" cm="1">
        <f t="array" ref="G1277">IFERROR(INDEX(Jesper!AK$2:AK$366,ROUNDDOWN($C1277/24,0)+1,1)*INDEX($D$3:$AA$30,INDEX(Jesper!$R$2:$R$366,ROW(INDEX(Jesper!AK$2:AK$366,ROUNDDOWN($C1277/24,0)+1,1))-1)+IF('Standard Profiles'!$G$21=$B$10,7,0)+IF('Standard Profiles'!$G$21=$B$17,14,0)+IF('Standard Profiles'!$G$21=$B$24,21,0),MOD($C1277,24)+1)/SUM(INDEX($D$3:$AA$30,INDEX(Jesper!$R$2:$R$366,ROW(INDEX(Jesper!AK$2:AK$366,ROUNDDOWN($C1277/24,0)+1,1))-1)+IF('Standard Profiles'!$G$21=$B$10,7,0)+IF('Standard Profiles'!$G$21=$B$17,14,0)+IF('Standard Profiles'!$G$21=$B$24,21,0),0)),0)</f>
        <v>0</v>
      </c>
      <c r="H1277" cm="1">
        <f t="array" ref="H1277">IFERROR(INDEX(Jesper!AL$2:AL$366,ROUNDDOWN($C1277/24,0)+1,1)*INDEX($D$3:$AA$30,INDEX(Jesper!$R$2:$R$366,ROW(INDEX(Jesper!AL$2:AL$366,ROUNDDOWN($C1277/24,0)+1,1))-1)+IF('Standard Profiles'!$G$22=$B$10,7,0)+IF('Standard Profiles'!$G$22=$B$17,14,0)+IF('Standard Profiles'!$G$22=$B$24,21,0),MOD($C1277,24)+1)/SUM(INDEX($D$3:$AA$30,INDEX(Jesper!$R$2:$R$366,ROW(INDEX(Jesper!AL$2:AL$366,ROUNDDOWN($C1277/24,0)+1,1))-1)+IF('Standard Profiles'!$G$22=$B$10,7,0)+IF('Standard Profiles'!$G$22=$B$17,14,0)+IF('Standard Profiles'!$G$22=$B$24,21,0),0)),0)</f>
        <v>0</v>
      </c>
      <c r="I1277">
        <f t="shared" si="153"/>
        <v>0.40227313113813984</v>
      </c>
      <c r="J1277">
        <f t="shared" si="154"/>
        <v>1.3409104371271328</v>
      </c>
      <c r="K1277">
        <f t="shared" si="155"/>
        <v>2.0113656556906991</v>
      </c>
      <c r="L1277">
        <f t="shared" si="156"/>
        <v>9.6545551473153548</v>
      </c>
      <c r="M1277">
        <f t="shared" si="157"/>
        <v>0</v>
      </c>
      <c r="N1277" s="46">
        <f t="shared" si="158"/>
        <v>45343.791666663652</v>
      </c>
    </row>
    <row r="1278" spans="2:14" x14ac:dyDescent="0.3">
      <c r="B1278">
        <f t="shared" si="152"/>
        <v>3</v>
      </c>
      <c r="C1278" s="16">
        <v>1244</v>
      </c>
      <c r="D1278" cm="1">
        <f t="array" ref="D1278">IFERROR(INDEX(Jesper!AH$2:AH$366,ROUNDDOWN($C1278/24,0)+1,1)*INDEX($D$3:$AA$30,INDEX(Jesper!$R$2:$R$366,ROW(INDEX(Jesper!AH$2:AH$366,ROUNDDOWN($C1278/24,0)+1,1))-1)+IF('Standard Profiles'!$G$18=$B$10,7,0)+IF('Standard Profiles'!$G$18=$B$17,14,0)+IF('Standard Profiles'!$G$18=$B$24,21,0),MOD($C1278,24)+1)/SUM(INDEX($D$3:$AA$30,INDEX(Jesper!$R$2:$R$366,ROW(INDEX(Jesper!AH$2:AH$366,ROUNDDOWN($C1278/24,0)+1,1))-1)+IF('Standard Profiles'!$G$18=$B$10,7,0)+IF('Standard Profiles'!$G$18=$B$17,14,0)+IF('Standard Profiles'!$G$18=$B$24,21,0),0)),0)</f>
        <v>10.727283497017062</v>
      </c>
      <c r="E1278" cm="1">
        <f t="array" ref="E1278">IFERROR(INDEX(Jesper!AI$2:AI$366,ROUNDDOWN($C1278/24,0)+1,1)*INDEX($D$3:$AA$30,INDEX(Jesper!$R$2:$R$366,ROW(INDEX(Jesper!AI$2:AI$366,ROUNDDOWN($C1278/24,0)+1,1))-1)+IF('Standard Profiles'!$G$19=$B$10,7,0)+IF('Standard Profiles'!$G$19=$B$17,14,0)+IF('Standard Profiles'!$G$19=$B$24,21,0),MOD($C1278,24)+1)/SUM(INDEX($D$3:$AA$30,INDEX(Jesper!$R$2:$R$366,ROW(INDEX(Jesper!AI$2:AI$366,ROUNDDOWN($C1278/24,0)+1,1))-1)+IF('Standard Profiles'!$G$19=$B$10,7,0)+IF('Standard Profiles'!$G$19=$B$17,14,0)+IF('Standard Profiles'!$G$19=$B$24,21,0),0)),0)</f>
        <v>0</v>
      </c>
      <c r="F1278" cm="1">
        <f t="array" ref="F1278">IFERROR(INDEX(Jesper!AJ$2:AJ$366,ROUNDDOWN($C1278/24,0)+1,1)*INDEX($D$3:$AA$30,INDEX(Jesper!$R$2:$R$366,ROW(INDEX(Jesper!AJ$2:AJ$366,ROUNDDOWN($C1278/24,0)+1,1))-1)+IF('Standard Profiles'!$G$20=$B$10,7,0)+IF('Standard Profiles'!$G$20=$B$17,14,0)+IF('Standard Profiles'!$G$20=$B$24,21,0),MOD($C1278,24)+1)/SUM(INDEX($D$3:$AA$30,INDEX(Jesper!$R$2:$R$366,ROW(INDEX(Jesper!AJ$2:AJ$366,ROUNDDOWN($C1278/24,0)+1,1))-1)+IF('Standard Profiles'!$G$20=$B$10,7,0)+IF('Standard Profiles'!$G$20=$B$17,14,0)+IF('Standard Profiles'!$G$20=$B$24,21,0),0)),0)</f>
        <v>0</v>
      </c>
      <c r="G1278" cm="1">
        <f t="array" ref="G1278">IFERROR(INDEX(Jesper!AK$2:AK$366,ROUNDDOWN($C1278/24,0)+1,1)*INDEX($D$3:$AA$30,INDEX(Jesper!$R$2:$R$366,ROW(INDEX(Jesper!AK$2:AK$366,ROUNDDOWN($C1278/24,0)+1,1))-1)+IF('Standard Profiles'!$G$21=$B$10,7,0)+IF('Standard Profiles'!$G$21=$B$17,14,0)+IF('Standard Profiles'!$G$21=$B$24,21,0),MOD($C1278,24)+1)/SUM(INDEX($D$3:$AA$30,INDEX(Jesper!$R$2:$R$366,ROW(INDEX(Jesper!AK$2:AK$366,ROUNDDOWN($C1278/24,0)+1,1))-1)+IF('Standard Profiles'!$G$21=$B$10,7,0)+IF('Standard Profiles'!$G$21=$B$17,14,0)+IF('Standard Profiles'!$G$21=$B$24,21,0),0)),0)</f>
        <v>0</v>
      </c>
      <c r="H1278" cm="1">
        <f t="array" ref="H1278">IFERROR(INDEX(Jesper!AL$2:AL$366,ROUNDDOWN($C1278/24,0)+1,1)*INDEX($D$3:$AA$30,INDEX(Jesper!$R$2:$R$366,ROW(INDEX(Jesper!AL$2:AL$366,ROUNDDOWN($C1278/24,0)+1,1))-1)+IF('Standard Profiles'!$G$22=$B$10,7,0)+IF('Standard Profiles'!$G$22=$B$17,14,0)+IF('Standard Profiles'!$G$22=$B$24,21,0),MOD($C1278,24)+1)/SUM(INDEX($D$3:$AA$30,INDEX(Jesper!$R$2:$R$366,ROW(INDEX(Jesper!AL$2:AL$366,ROUNDDOWN($C1278/24,0)+1,1))-1)+IF('Standard Profiles'!$G$22=$B$10,7,0)+IF('Standard Profiles'!$G$22=$B$17,14,0)+IF('Standard Profiles'!$G$22=$B$24,21,0),0)),0)</f>
        <v>0</v>
      </c>
      <c r="I1278">
        <f t="shared" si="153"/>
        <v>0.32181850491051184</v>
      </c>
      <c r="J1278">
        <f t="shared" si="154"/>
        <v>1.0727283497017062</v>
      </c>
      <c r="K1278">
        <f t="shared" si="155"/>
        <v>1.6090925245525594</v>
      </c>
      <c r="L1278">
        <f t="shared" si="156"/>
        <v>7.7236441178522846</v>
      </c>
      <c r="M1278">
        <f t="shared" si="157"/>
        <v>0</v>
      </c>
      <c r="N1278" s="46">
        <f t="shared" si="158"/>
        <v>45343.833333330316</v>
      </c>
    </row>
    <row r="1279" spans="2:14" x14ac:dyDescent="0.3">
      <c r="B1279">
        <f t="shared" si="152"/>
        <v>3</v>
      </c>
      <c r="C1279" s="16">
        <v>1245</v>
      </c>
      <c r="D1279" cm="1">
        <f t="array" ref="D1279">IFERROR(INDEX(Jesper!AH$2:AH$366,ROUNDDOWN($C1279/24,0)+1,1)*INDEX($D$3:$AA$30,INDEX(Jesper!$R$2:$R$366,ROW(INDEX(Jesper!AH$2:AH$366,ROUNDDOWN($C1279/24,0)+1,1))-1)+IF('Standard Profiles'!$G$18=$B$10,7,0)+IF('Standard Profiles'!$G$18=$B$17,14,0)+IF('Standard Profiles'!$G$18=$B$24,21,0),MOD($C1279,24)+1)/SUM(INDEX($D$3:$AA$30,INDEX(Jesper!$R$2:$R$366,ROW(INDEX(Jesper!AH$2:AH$366,ROUNDDOWN($C1279/24,0)+1,1))-1)+IF('Standard Profiles'!$G$18=$B$10,7,0)+IF('Standard Profiles'!$G$18=$B$17,14,0)+IF('Standard Profiles'!$G$18=$B$24,21,0),0)),0)</f>
        <v>8.0454626227627948</v>
      </c>
      <c r="E1279" cm="1">
        <f t="array" ref="E1279">IFERROR(INDEX(Jesper!AI$2:AI$366,ROUNDDOWN($C1279/24,0)+1,1)*INDEX($D$3:$AA$30,INDEX(Jesper!$R$2:$R$366,ROW(INDEX(Jesper!AI$2:AI$366,ROUNDDOWN($C1279/24,0)+1,1))-1)+IF('Standard Profiles'!$G$19=$B$10,7,0)+IF('Standard Profiles'!$G$19=$B$17,14,0)+IF('Standard Profiles'!$G$19=$B$24,21,0),MOD($C1279,24)+1)/SUM(INDEX($D$3:$AA$30,INDEX(Jesper!$R$2:$R$366,ROW(INDEX(Jesper!AI$2:AI$366,ROUNDDOWN($C1279/24,0)+1,1))-1)+IF('Standard Profiles'!$G$19=$B$10,7,0)+IF('Standard Profiles'!$G$19=$B$17,14,0)+IF('Standard Profiles'!$G$19=$B$24,21,0),0)),0)</f>
        <v>0</v>
      </c>
      <c r="F1279" cm="1">
        <f t="array" ref="F1279">IFERROR(INDEX(Jesper!AJ$2:AJ$366,ROUNDDOWN($C1279/24,0)+1,1)*INDEX($D$3:$AA$30,INDEX(Jesper!$R$2:$R$366,ROW(INDEX(Jesper!AJ$2:AJ$366,ROUNDDOWN($C1279/24,0)+1,1))-1)+IF('Standard Profiles'!$G$20=$B$10,7,0)+IF('Standard Profiles'!$G$20=$B$17,14,0)+IF('Standard Profiles'!$G$20=$B$24,21,0),MOD($C1279,24)+1)/SUM(INDEX($D$3:$AA$30,INDEX(Jesper!$R$2:$R$366,ROW(INDEX(Jesper!AJ$2:AJ$366,ROUNDDOWN($C1279/24,0)+1,1))-1)+IF('Standard Profiles'!$G$20=$B$10,7,0)+IF('Standard Profiles'!$G$20=$B$17,14,0)+IF('Standard Profiles'!$G$20=$B$24,21,0),0)),0)</f>
        <v>0</v>
      </c>
      <c r="G1279" cm="1">
        <f t="array" ref="G1279">IFERROR(INDEX(Jesper!AK$2:AK$366,ROUNDDOWN($C1279/24,0)+1,1)*INDEX($D$3:$AA$30,INDEX(Jesper!$R$2:$R$366,ROW(INDEX(Jesper!AK$2:AK$366,ROUNDDOWN($C1279/24,0)+1,1))-1)+IF('Standard Profiles'!$G$21=$B$10,7,0)+IF('Standard Profiles'!$G$21=$B$17,14,0)+IF('Standard Profiles'!$G$21=$B$24,21,0),MOD($C1279,24)+1)/SUM(INDEX($D$3:$AA$30,INDEX(Jesper!$R$2:$R$366,ROW(INDEX(Jesper!AK$2:AK$366,ROUNDDOWN($C1279/24,0)+1,1))-1)+IF('Standard Profiles'!$G$21=$B$10,7,0)+IF('Standard Profiles'!$G$21=$B$17,14,0)+IF('Standard Profiles'!$G$21=$B$24,21,0),0)),0)</f>
        <v>0</v>
      </c>
      <c r="H1279" cm="1">
        <f t="array" ref="H1279">IFERROR(INDEX(Jesper!AL$2:AL$366,ROUNDDOWN($C1279/24,0)+1,1)*INDEX($D$3:$AA$30,INDEX(Jesper!$R$2:$R$366,ROW(INDEX(Jesper!AL$2:AL$366,ROUNDDOWN($C1279/24,0)+1,1))-1)+IF('Standard Profiles'!$G$22=$B$10,7,0)+IF('Standard Profiles'!$G$22=$B$17,14,0)+IF('Standard Profiles'!$G$22=$B$24,21,0),MOD($C1279,24)+1)/SUM(INDEX($D$3:$AA$30,INDEX(Jesper!$R$2:$R$366,ROW(INDEX(Jesper!AL$2:AL$366,ROUNDDOWN($C1279/24,0)+1,1))-1)+IF('Standard Profiles'!$G$22=$B$10,7,0)+IF('Standard Profiles'!$G$22=$B$17,14,0)+IF('Standard Profiles'!$G$22=$B$24,21,0),0)),0)</f>
        <v>0</v>
      </c>
      <c r="I1279">
        <f t="shared" si="153"/>
        <v>0.24136387868288384</v>
      </c>
      <c r="J1279">
        <f t="shared" si="154"/>
        <v>0.80454626227627957</v>
      </c>
      <c r="K1279">
        <f t="shared" si="155"/>
        <v>1.2068193934144191</v>
      </c>
      <c r="L1279">
        <f t="shared" si="156"/>
        <v>5.7927330883892116</v>
      </c>
      <c r="M1279">
        <f t="shared" si="157"/>
        <v>0</v>
      </c>
      <c r="N1279" s="46">
        <f t="shared" si="158"/>
        <v>45343.87499999698</v>
      </c>
    </row>
    <row r="1280" spans="2:14" x14ac:dyDescent="0.3">
      <c r="B1280">
        <f t="shared" si="152"/>
        <v>3</v>
      </c>
      <c r="C1280" s="16">
        <v>1246</v>
      </c>
      <c r="D1280" cm="1">
        <f t="array" ref="D1280">IFERROR(INDEX(Jesper!AH$2:AH$366,ROUNDDOWN($C1280/24,0)+1,1)*INDEX($D$3:$AA$30,INDEX(Jesper!$R$2:$R$366,ROW(INDEX(Jesper!AH$2:AH$366,ROUNDDOWN($C1280/24,0)+1,1))-1)+IF('Standard Profiles'!$G$18=$B$10,7,0)+IF('Standard Profiles'!$G$18=$B$17,14,0)+IF('Standard Profiles'!$G$18=$B$24,21,0),MOD($C1280,24)+1)/SUM(INDEX($D$3:$AA$30,INDEX(Jesper!$R$2:$R$366,ROW(INDEX(Jesper!AH$2:AH$366,ROUNDDOWN($C1280/24,0)+1,1))-1)+IF('Standard Profiles'!$G$18=$B$10,7,0)+IF('Standard Profiles'!$G$18=$B$17,14,0)+IF('Standard Profiles'!$G$18=$B$24,21,0),0)),0)</f>
        <v>8.0454626227627948</v>
      </c>
      <c r="E1280" cm="1">
        <f t="array" ref="E1280">IFERROR(INDEX(Jesper!AI$2:AI$366,ROUNDDOWN($C1280/24,0)+1,1)*INDEX($D$3:$AA$30,INDEX(Jesper!$R$2:$R$366,ROW(INDEX(Jesper!AI$2:AI$366,ROUNDDOWN($C1280/24,0)+1,1))-1)+IF('Standard Profiles'!$G$19=$B$10,7,0)+IF('Standard Profiles'!$G$19=$B$17,14,0)+IF('Standard Profiles'!$G$19=$B$24,21,0),MOD($C1280,24)+1)/SUM(INDEX($D$3:$AA$30,INDEX(Jesper!$R$2:$R$366,ROW(INDEX(Jesper!AI$2:AI$366,ROUNDDOWN($C1280/24,0)+1,1))-1)+IF('Standard Profiles'!$G$19=$B$10,7,0)+IF('Standard Profiles'!$G$19=$B$17,14,0)+IF('Standard Profiles'!$G$19=$B$24,21,0),0)),0)</f>
        <v>0</v>
      </c>
      <c r="F1280" cm="1">
        <f t="array" ref="F1280">IFERROR(INDEX(Jesper!AJ$2:AJ$366,ROUNDDOWN($C1280/24,0)+1,1)*INDEX($D$3:$AA$30,INDEX(Jesper!$R$2:$R$366,ROW(INDEX(Jesper!AJ$2:AJ$366,ROUNDDOWN($C1280/24,0)+1,1))-1)+IF('Standard Profiles'!$G$20=$B$10,7,0)+IF('Standard Profiles'!$G$20=$B$17,14,0)+IF('Standard Profiles'!$G$20=$B$24,21,0),MOD($C1280,24)+1)/SUM(INDEX($D$3:$AA$30,INDEX(Jesper!$R$2:$R$366,ROW(INDEX(Jesper!AJ$2:AJ$366,ROUNDDOWN($C1280/24,0)+1,1))-1)+IF('Standard Profiles'!$G$20=$B$10,7,0)+IF('Standard Profiles'!$G$20=$B$17,14,0)+IF('Standard Profiles'!$G$20=$B$24,21,0),0)),0)</f>
        <v>0</v>
      </c>
      <c r="G1280" cm="1">
        <f t="array" ref="G1280">IFERROR(INDEX(Jesper!AK$2:AK$366,ROUNDDOWN($C1280/24,0)+1,1)*INDEX($D$3:$AA$30,INDEX(Jesper!$R$2:$R$366,ROW(INDEX(Jesper!AK$2:AK$366,ROUNDDOWN($C1280/24,0)+1,1))-1)+IF('Standard Profiles'!$G$21=$B$10,7,0)+IF('Standard Profiles'!$G$21=$B$17,14,0)+IF('Standard Profiles'!$G$21=$B$24,21,0),MOD($C1280,24)+1)/SUM(INDEX($D$3:$AA$30,INDEX(Jesper!$R$2:$R$366,ROW(INDEX(Jesper!AK$2:AK$366,ROUNDDOWN($C1280/24,0)+1,1))-1)+IF('Standard Profiles'!$G$21=$B$10,7,0)+IF('Standard Profiles'!$G$21=$B$17,14,0)+IF('Standard Profiles'!$G$21=$B$24,21,0),0)),0)</f>
        <v>0</v>
      </c>
      <c r="H1280" cm="1">
        <f t="array" ref="H1280">IFERROR(INDEX(Jesper!AL$2:AL$366,ROUNDDOWN($C1280/24,0)+1,1)*INDEX($D$3:$AA$30,INDEX(Jesper!$R$2:$R$366,ROW(INDEX(Jesper!AL$2:AL$366,ROUNDDOWN($C1280/24,0)+1,1))-1)+IF('Standard Profiles'!$G$22=$B$10,7,0)+IF('Standard Profiles'!$G$22=$B$17,14,0)+IF('Standard Profiles'!$G$22=$B$24,21,0),MOD($C1280,24)+1)/SUM(INDEX($D$3:$AA$30,INDEX(Jesper!$R$2:$R$366,ROW(INDEX(Jesper!AL$2:AL$366,ROUNDDOWN($C1280/24,0)+1,1))-1)+IF('Standard Profiles'!$G$22=$B$10,7,0)+IF('Standard Profiles'!$G$22=$B$17,14,0)+IF('Standard Profiles'!$G$22=$B$24,21,0),0)),0)</f>
        <v>0</v>
      </c>
      <c r="I1280">
        <f t="shared" si="153"/>
        <v>0.24136387868288384</v>
      </c>
      <c r="J1280">
        <f t="shared" si="154"/>
        <v>0.80454626227627957</v>
      </c>
      <c r="K1280">
        <f t="shared" si="155"/>
        <v>1.2068193934144191</v>
      </c>
      <c r="L1280">
        <f t="shared" si="156"/>
        <v>5.7927330883892116</v>
      </c>
      <c r="M1280">
        <f t="shared" si="157"/>
        <v>0</v>
      </c>
      <c r="N1280" s="46">
        <f t="shared" si="158"/>
        <v>45343.916666663645</v>
      </c>
    </row>
    <row r="1281" spans="2:14" x14ac:dyDescent="0.3">
      <c r="B1281">
        <f t="shared" si="152"/>
        <v>3</v>
      </c>
      <c r="C1281" s="16">
        <v>1247</v>
      </c>
      <c r="D1281" cm="1">
        <f t="array" ref="D1281">IFERROR(INDEX(Jesper!AH$2:AH$366,ROUNDDOWN($C1281/24,0)+1,1)*INDEX($D$3:$AA$30,INDEX(Jesper!$R$2:$R$366,ROW(INDEX(Jesper!AH$2:AH$366,ROUNDDOWN($C1281/24,0)+1,1))-1)+IF('Standard Profiles'!$G$18=$B$10,7,0)+IF('Standard Profiles'!$G$18=$B$17,14,0)+IF('Standard Profiles'!$G$18=$B$24,21,0),MOD($C1281,24)+1)/SUM(INDEX($D$3:$AA$30,INDEX(Jesper!$R$2:$R$366,ROW(INDEX(Jesper!AH$2:AH$366,ROUNDDOWN($C1281/24,0)+1,1))-1)+IF('Standard Profiles'!$G$18=$B$10,7,0)+IF('Standard Profiles'!$G$18=$B$17,14,0)+IF('Standard Profiles'!$G$18=$B$24,21,0),0)),0)</f>
        <v>8.0454626227627948</v>
      </c>
      <c r="E1281" cm="1">
        <f t="array" ref="E1281">IFERROR(INDEX(Jesper!AI$2:AI$366,ROUNDDOWN($C1281/24,0)+1,1)*INDEX($D$3:$AA$30,INDEX(Jesper!$R$2:$R$366,ROW(INDEX(Jesper!AI$2:AI$366,ROUNDDOWN($C1281/24,0)+1,1))-1)+IF('Standard Profiles'!$G$19=$B$10,7,0)+IF('Standard Profiles'!$G$19=$B$17,14,0)+IF('Standard Profiles'!$G$19=$B$24,21,0),MOD($C1281,24)+1)/SUM(INDEX($D$3:$AA$30,INDEX(Jesper!$R$2:$R$366,ROW(INDEX(Jesper!AI$2:AI$366,ROUNDDOWN($C1281/24,0)+1,1))-1)+IF('Standard Profiles'!$G$19=$B$10,7,0)+IF('Standard Profiles'!$G$19=$B$17,14,0)+IF('Standard Profiles'!$G$19=$B$24,21,0),0)),0)</f>
        <v>0</v>
      </c>
      <c r="F1281" cm="1">
        <f t="array" ref="F1281">IFERROR(INDEX(Jesper!AJ$2:AJ$366,ROUNDDOWN($C1281/24,0)+1,1)*INDEX($D$3:$AA$30,INDEX(Jesper!$R$2:$R$366,ROW(INDEX(Jesper!AJ$2:AJ$366,ROUNDDOWN($C1281/24,0)+1,1))-1)+IF('Standard Profiles'!$G$20=$B$10,7,0)+IF('Standard Profiles'!$G$20=$B$17,14,0)+IF('Standard Profiles'!$G$20=$B$24,21,0),MOD($C1281,24)+1)/SUM(INDEX($D$3:$AA$30,INDEX(Jesper!$R$2:$R$366,ROW(INDEX(Jesper!AJ$2:AJ$366,ROUNDDOWN($C1281/24,0)+1,1))-1)+IF('Standard Profiles'!$G$20=$B$10,7,0)+IF('Standard Profiles'!$G$20=$B$17,14,0)+IF('Standard Profiles'!$G$20=$B$24,21,0),0)),0)</f>
        <v>0</v>
      </c>
      <c r="G1281" cm="1">
        <f t="array" ref="G1281">IFERROR(INDEX(Jesper!AK$2:AK$366,ROUNDDOWN($C1281/24,0)+1,1)*INDEX($D$3:$AA$30,INDEX(Jesper!$R$2:$R$366,ROW(INDEX(Jesper!AK$2:AK$366,ROUNDDOWN($C1281/24,0)+1,1))-1)+IF('Standard Profiles'!$G$21=$B$10,7,0)+IF('Standard Profiles'!$G$21=$B$17,14,0)+IF('Standard Profiles'!$G$21=$B$24,21,0),MOD($C1281,24)+1)/SUM(INDEX($D$3:$AA$30,INDEX(Jesper!$R$2:$R$366,ROW(INDEX(Jesper!AK$2:AK$366,ROUNDDOWN($C1281/24,0)+1,1))-1)+IF('Standard Profiles'!$G$21=$B$10,7,0)+IF('Standard Profiles'!$G$21=$B$17,14,0)+IF('Standard Profiles'!$G$21=$B$24,21,0),0)),0)</f>
        <v>0</v>
      </c>
      <c r="H1281" cm="1">
        <f t="array" ref="H1281">IFERROR(INDEX(Jesper!AL$2:AL$366,ROUNDDOWN($C1281/24,0)+1,1)*INDEX($D$3:$AA$30,INDEX(Jesper!$R$2:$R$366,ROW(INDEX(Jesper!AL$2:AL$366,ROUNDDOWN($C1281/24,0)+1,1))-1)+IF('Standard Profiles'!$G$22=$B$10,7,0)+IF('Standard Profiles'!$G$22=$B$17,14,0)+IF('Standard Profiles'!$G$22=$B$24,21,0),MOD($C1281,24)+1)/SUM(INDEX($D$3:$AA$30,INDEX(Jesper!$R$2:$R$366,ROW(INDEX(Jesper!AL$2:AL$366,ROUNDDOWN($C1281/24,0)+1,1))-1)+IF('Standard Profiles'!$G$22=$B$10,7,0)+IF('Standard Profiles'!$G$22=$B$17,14,0)+IF('Standard Profiles'!$G$22=$B$24,21,0),0)),0)</f>
        <v>0</v>
      </c>
      <c r="I1281">
        <f t="shared" si="153"/>
        <v>0.24136387868288384</v>
      </c>
      <c r="J1281">
        <f t="shared" si="154"/>
        <v>0.80454626227627957</v>
      </c>
      <c r="K1281">
        <f t="shared" si="155"/>
        <v>1.2068193934144191</v>
      </c>
      <c r="L1281">
        <f t="shared" si="156"/>
        <v>5.7927330883892116</v>
      </c>
      <c r="M1281">
        <f t="shared" si="157"/>
        <v>0</v>
      </c>
      <c r="N1281" s="46">
        <f t="shared" si="158"/>
        <v>45343.958333330309</v>
      </c>
    </row>
    <row r="1282" spans="2:14" x14ac:dyDescent="0.3">
      <c r="B1282">
        <f t="shared" si="152"/>
        <v>4</v>
      </c>
      <c r="C1282" s="16">
        <v>1248</v>
      </c>
      <c r="D1282" cm="1">
        <f t="array" ref="D1282">IFERROR(INDEX(Jesper!AH$2:AH$366,ROUNDDOWN($C1282/24,0)+1,1)*INDEX($D$3:$AA$30,INDEX(Jesper!$R$2:$R$366,ROW(INDEX(Jesper!AH$2:AH$366,ROUNDDOWN($C1282/24,0)+1,1))-1)+IF('Standard Profiles'!$G$18=$B$10,7,0)+IF('Standard Profiles'!$G$18=$B$17,14,0)+IF('Standard Profiles'!$G$18=$B$24,21,0),MOD($C1282,24)+1)/SUM(INDEX($D$3:$AA$30,INDEX(Jesper!$R$2:$R$366,ROW(INDEX(Jesper!AH$2:AH$366,ROUNDDOWN($C1282/24,0)+1,1))-1)+IF('Standard Profiles'!$G$18=$B$10,7,0)+IF('Standard Profiles'!$G$18=$B$17,14,0)+IF('Standard Profiles'!$G$18=$B$24,21,0),0)),0)</f>
        <v>7.9084745768814466</v>
      </c>
      <c r="E1282" cm="1">
        <f t="array" ref="E1282">IFERROR(INDEX(Jesper!AI$2:AI$366,ROUNDDOWN($C1282/24,0)+1,1)*INDEX($D$3:$AA$30,INDEX(Jesper!$R$2:$R$366,ROW(INDEX(Jesper!AI$2:AI$366,ROUNDDOWN($C1282/24,0)+1,1))-1)+IF('Standard Profiles'!$G$19=$B$10,7,0)+IF('Standard Profiles'!$G$19=$B$17,14,0)+IF('Standard Profiles'!$G$19=$B$24,21,0),MOD($C1282,24)+1)/SUM(INDEX($D$3:$AA$30,INDEX(Jesper!$R$2:$R$366,ROW(INDEX(Jesper!AI$2:AI$366,ROUNDDOWN($C1282/24,0)+1,1))-1)+IF('Standard Profiles'!$G$19=$B$10,7,0)+IF('Standard Profiles'!$G$19=$B$17,14,0)+IF('Standard Profiles'!$G$19=$B$24,21,0),0)),0)</f>
        <v>0</v>
      </c>
      <c r="F1282" cm="1">
        <f t="array" ref="F1282">IFERROR(INDEX(Jesper!AJ$2:AJ$366,ROUNDDOWN($C1282/24,0)+1,1)*INDEX($D$3:$AA$30,INDEX(Jesper!$R$2:$R$366,ROW(INDEX(Jesper!AJ$2:AJ$366,ROUNDDOWN($C1282/24,0)+1,1))-1)+IF('Standard Profiles'!$G$20=$B$10,7,0)+IF('Standard Profiles'!$G$20=$B$17,14,0)+IF('Standard Profiles'!$G$20=$B$24,21,0),MOD($C1282,24)+1)/SUM(INDEX($D$3:$AA$30,INDEX(Jesper!$R$2:$R$366,ROW(INDEX(Jesper!AJ$2:AJ$366,ROUNDDOWN($C1282/24,0)+1,1))-1)+IF('Standard Profiles'!$G$20=$B$10,7,0)+IF('Standard Profiles'!$G$20=$B$17,14,0)+IF('Standard Profiles'!$G$20=$B$24,21,0),0)),0)</f>
        <v>0</v>
      </c>
      <c r="G1282" cm="1">
        <f t="array" ref="G1282">IFERROR(INDEX(Jesper!AK$2:AK$366,ROUNDDOWN($C1282/24,0)+1,1)*INDEX($D$3:$AA$30,INDEX(Jesper!$R$2:$R$366,ROW(INDEX(Jesper!AK$2:AK$366,ROUNDDOWN($C1282/24,0)+1,1))-1)+IF('Standard Profiles'!$G$21=$B$10,7,0)+IF('Standard Profiles'!$G$21=$B$17,14,0)+IF('Standard Profiles'!$G$21=$B$24,21,0),MOD($C1282,24)+1)/SUM(INDEX($D$3:$AA$30,INDEX(Jesper!$R$2:$R$366,ROW(INDEX(Jesper!AK$2:AK$366,ROUNDDOWN($C1282/24,0)+1,1))-1)+IF('Standard Profiles'!$G$21=$B$10,7,0)+IF('Standard Profiles'!$G$21=$B$17,14,0)+IF('Standard Profiles'!$G$21=$B$24,21,0),0)),0)</f>
        <v>0</v>
      </c>
      <c r="H1282" cm="1">
        <f t="array" ref="H1282">IFERROR(INDEX(Jesper!AL$2:AL$366,ROUNDDOWN($C1282/24,0)+1,1)*INDEX($D$3:$AA$30,INDEX(Jesper!$R$2:$R$366,ROW(INDEX(Jesper!AL$2:AL$366,ROUNDDOWN($C1282/24,0)+1,1))-1)+IF('Standard Profiles'!$G$22=$B$10,7,0)+IF('Standard Profiles'!$G$22=$B$17,14,0)+IF('Standard Profiles'!$G$22=$B$24,21,0),MOD($C1282,24)+1)/SUM(INDEX($D$3:$AA$30,INDEX(Jesper!$R$2:$R$366,ROW(INDEX(Jesper!AL$2:AL$366,ROUNDDOWN($C1282/24,0)+1,1))-1)+IF('Standard Profiles'!$G$22=$B$10,7,0)+IF('Standard Profiles'!$G$22=$B$17,14,0)+IF('Standard Profiles'!$G$22=$B$24,21,0),0)),0)</f>
        <v>0</v>
      </c>
      <c r="I1282">
        <f t="shared" si="153"/>
        <v>0.23725423730644338</v>
      </c>
      <c r="J1282">
        <f t="shared" si="154"/>
        <v>0.79084745768814468</v>
      </c>
      <c r="K1282">
        <f t="shared" si="155"/>
        <v>1.1862711865322169</v>
      </c>
      <c r="L1282">
        <f t="shared" si="156"/>
        <v>5.6941016953546413</v>
      </c>
      <c r="M1282">
        <f t="shared" si="157"/>
        <v>0</v>
      </c>
      <c r="N1282" s="46">
        <f t="shared" si="158"/>
        <v>45343.999999996973</v>
      </c>
    </row>
    <row r="1283" spans="2:14" x14ac:dyDescent="0.3">
      <c r="B1283">
        <f t="shared" si="152"/>
        <v>4</v>
      </c>
      <c r="C1283" s="16">
        <v>1249</v>
      </c>
      <c r="D1283" cm="1">
        <f t="array" ref="D1283">IFERROR(INDEX(Jesper!AH$2:AH$366,ROUNDDOWN($C1283/24,0)+1,1)*INDEX($D$3:$AA$30,INDEX(Jesper!$R$2:$R$366,ROW(INDEX(Jesper!AH$2:AH$366,ROUNDDOWN($C1283/24,0)+1,1))-1)+IF('Standard Profiles'!$G$18=$B$10,7,0)+IF('Standard Profiles'!$G$18=$B$17,14,0)+IF('Standard Profiles'!$G$18=$B$24,21,0),MOD($C1283,24)+1)/SUM(INDEX($D$3:$AA$30,INDEX(Jesper!$R$2:$R$366,ROW(INDEX(Jesper!AH$2:AH$366,ROUNDDOWN($C1283/24,0)+1,1))-1)+IF('Standard Profiles'!$G$18=$B$10,7,0)+IF('Standard Profiles'!$G$18=$B$17,14,0)+IF('Standard Profiles'!$G$18=$B$24,21,0),0)),0)</f>
        <v>7.9084745768814466</v>
      </c>
      <c r="E1283" cm="1">
        <f t="array" ref="E1283">IFERROR(INDEX(Jesper!AI$2:AI$366,ROUNDDOWN($C1283/24,0)+1,1)*INDEX($D$3:$AA$30,INDEX(Jesper!$R$2:$R$366,ROW(INDEX(Jesper!AI$2:AI$366,ROUNDDOWN($C1283/24,0)+1,1))-1)+IF('Standard Profiles'!$G$19=$B$10,7,0)+IF('Standard Profiles'!$G$19=$B$17,14,0)+IF('Standard Profiles'!$G$19=$B$24,21,0),MOD($C1283,24)+1)/SUM(INDEX($D$3:$AA$30,INDEX(Jesper!$R$2:$R$366,ROW(INDEX(Jesper!AI$2:AI$366,ROUNDDOWN($C1283/24,0)+1,1))-1)+IF('Standard Profiles'!$G$19=$B$10,7,0)+IF('Standard Profiles'!$G$19=$B$17,14,0)+IF('Standard Profiles'!$G$19=$B$24,21,0),0)),0)</f>
        <v>0</v>
      </c>
      <c r="F1283" cm="1">
        <f t="array" ref="F1283">IFERROR(INDEX(Jesper!AJ$2:AJ$366,ROUNDDOWN($C1283/24,0)+1,1)*INDEX($D$3:$AA$30,INDEX(Jesper!$R$2:$R$366,ROW(INDEX(Jesper!AJ$2:AJ$366,ROUNDDOWN($C1283/24,0)+1,1))-1)+IF('Standard Profiles'!$G$20=$B$10,7,0)+IF('Standard Profiles'!$G$20=$B$17,14,0)+IF('Standard Profiles'!$G$20=$B$24,21,0),MOD($C1283,24)+1)/SUM(INDEX($D$3:$AA$30,INDEX(Jesper!$R$2:$R$366,ROW(INDEX(Jesper!AJ$2:AJ$366,ROUNDDOWN($C1283/24,0)+1,1))-1)+IF('Standard Profiles'!$G$20=$B$10,7,0)+IF('Standard Profiles'!$G$20=$B$17,14,0)+IF('Standard Profiles'!$G$20=$B$24,21,0),0)),0)</f>
        <v>0</v>
      </c>
      <c r="G1283" cm="1">
        <f t="array" ref="G1283">IFERROR(INDEX(Jesper!AK$2:AK$366,ROUNDDOWN($C1283/24,0)+1,1)*INDEX($D$3:$AA$30,INDEX(Jesper!$R$2:$R$366,ROW(INDEX(Jesper!AK$2:AK$366,ROUNDDOWN($C1283/24,0)+1,1))-1)+IF('Standard Profiles'!$G$21=$B$10,7,0)+IF('Standard Profiles'!$G$21=$B$17,14,0)+IF('Standard Profiles'!$G$21=$B$24,21,0),MOD($C1283,24)+1)/SUM(INDEX($D$3:$AA$30,INDEX(Jesper!$R$2:$R$366,ROW(INDEX(Jesper!AK$2:AK$366,ROUNDDOWN($C1283/24,0)+1,1))-1)+IF('Standard Profiles'!$G$21=$B$10,7,0)+IF('Standard Profiles'!$G$21=$B$17,14,0)+IF('Standard Profiles'!$G$21=$B$24,21,0),0)),0)</f>
        <v>0</v>
      </c>
      <c r="H1283" cm="1">
        <f t="array" ref="H1283">IFERROR(INDEX(Jesper!AL$2:AL$366,ROUNDDOWN($C1283/24,0)+1,1)*INDEX($D$3:$AA$30,INDEX(Jesper!$R$2:$R$366,ROW(INDEX(Jesper!AL$2:AL$366,ROUNDDOWN($C1283/24,0)+1,1))-1)+IF('Standard Profiles'!$G$22=$B$10,7,0)+IF('Standard Profiles'!$G$22=$B$17,14,0)+IF('Standard Profiles'!$G$22=$B$24,21,0),MOD($C1283,24)+1)/SUM(INDEX($D$3:$AA$30,INDEX(Jesper!$R$2:$R$366,ROW(INDEX(Jesper!AL$2:AL$366,ROUNDDOWN($C1283/24,0)+1,1))-1)+IF('Standard Profiles'!$G$22=$B$10,7,0)+IF('Standard Profiles'!$G$22=$B$17,14,0)+IF('Standard Profiles'!$G$22=$B$24,21,0),0)),0)</f>
        <v>0</v>
      </c>
      <c r="I1283">
        <f t="shared" si="153"/>
        <v>0.23725423730644338</v>
      </c>
      <c r="J1283">
        <f t="shared" si="154"/>
        <v>0.79084745768814468</v>
      </c>
      <c r="K1283">
        <f t="shared" si="155"/>
        <v>1.1862711865322169</v>
      </c>
      <c r="L1283">
        <f t="shared" si="156"/>
        <v>5.6941016953546413</v>
      </c>
      <c r="M1283">
        <f t="shared" si="157"/>
        <v>0</v>
      </c>
      <c r="N1283" s="46">
        <f t="shared" si="158"/>
        <v>45344.041666663637</v>
      </c>
    </row>
    <row r="1284" spans="2:14" x14ac:dyDescent="0.3">
      <c r="B1284">
        <f t="shared" si="152"/>
        <v>4</v>
      </c>
      <c r="C1284" s="16">
        <v>1250</v>
      </c>
      <c r="D1284" cm="1">
        <f t="array" ref="D1284">IFERROR(INDEX(Jesper!AH$2:AH$366,ROUNDDOWN($C1284/24,0)+1,1)*INDEX($D$3:$AA$30,INDEX(Jesper!$R$2:$R$366,ROW(INDEX(Jesper!AH$2:AH$366,ROUNDDOWN($C1284/24,0)+1,1))-1)+IF('Standard Profiles'!$G$18=$B$10,7,0)+IF('Standard Profiles'!$G$18=$B$17,14,0)+IF('Standard Profiles'!$G$18=$B$24,21,0),MOD($C1284,24)+1)/SUM(INDEX($D$3:$AA$30,INDEX(Jesper!$R$2:$R$366,ROW(INDEX(Jesper!AH$2:AH$366,ROUNDDOWN($C1284/24,0)+1,1))-1)+IF('Standard Profiles'!$G$18=$B$10,7,0)+IF('Standard Profiles'!$G$18=$B$17,14,0)+IF('Standard Profiles'!$G$18=$B$24,21,0),0)),0)</f>
        <v>7.9084745768814466</v>
      </c>
      <c r="E1284" cm="1">
        <f t="array" ref="E1284">IFERROR(INDEX(Jesper!AI$2:AI$366,ROUNDDOWN($C1284/24,0)+1,1)*INDEX($D$3:$AA$30,INDEX(Jesper!$R$2:$R$366,ROW(INDEX(Jesper!AI$2:AI$366,ROUNDDOWN($C1284/24,0)+1,1))-1)+IF('Standard Profiles'!$G$19=$B$10,7,0)+IF('Standard Profiles'!$G$19=$B$17,14,0)+IF('Standard Profiles'!$G$19=$B$24,21,0),MOD($C1284,24)+1)/SUM(INDEX($D$3:$AA$30,INDEX(Jesper!$R$2:$R$366,ROW(INDEX(Jesper!AI$2:AI$366,ROUNDDOWN($C1284/24,0)+1,1))-1)+IF('Standard Profiles'!$G$19=$B$10,7,0)+IF('Standard Profiles'!$G$19=$B$17,14,0)+IF('Standard Profiles'!$G$19=$B$24,21,0),0)),0)</f>
        <v>0</v>
      </c>
      <c r="F1284" cm="1">
        <f t="array" ref="F1284">IFERROR(INDEX(Jesper!AJ$2:AJ$366,ROUNDDOWN($C1284/24,0)+1,1)*INDEX($D$3:$AA$30,INDEX(Jesper!$R$2:$R$366,ROW(INDEX(Jesper!AJ$2:AJ$366,ROUNDDOWN($C1284/24,0)+1,1))-1)+IF('Standard Profiles'!$G$20=$B$10,7,0)+IF('Standard Profiles'!$G$20=$B$17,14,0)+IF('Standard Profiles'!$G$20=$B$24,21,0),MOD($C1284,24)+1)/SUM(INDEX($D$3:$AA$30,INDEX(Jesper!$R$2:$R$366,ROW(INDEX(Jesper!AJ$2:AJ$366,ROUNDDOWN($C1284/24,0)+1,1))-1)+IF('Standard Profiles'!$G$20=$B$10,7,0)+IF('Standard Profiles'!$G$20=$B$17,14,0)+IF('Standard Profiles'!$G$20=$B$24,21,0),0)),0)</f>
        <v>0</v>
      </c>
      <c r="G1284" cm="1">
        <f t="array" ref="G1284">IFERROR(INDEX(Jesper!AK$2:AK$366,ROUNDDOWN($C1284/24,0)+1,1)*INDEX($D$3:$AA$30,INDEX(Jesper!$R$2:$R$366,ROW(INDEX(Jesper!AK$2:AK$366,ROUNDDOWN($C1284/24,0)+1,1))-1)+IF('Standard Profiles'!$G$21=$B$10,7,0)+IF('Standard Profiles'!$G$21=$B$17,14,0)+IF('Standard Profiles'!$G$21=$B$24,21,0),MOD($C1284,24)+1)/SUM(INDEX($D$3:$AA$30,INDEX(Jesper!$R$2:$R$366,ROW(INDEX(Jesper!AK$2:AK$366,ROUNDDOWN($C1284/24,0)+1,1))-1)+IF('Standard Profiles'!$G$21=$B$10,7,0)+IF('Standard Profiles'!$G$21=$B$17,14,0)+IF('Standard Profiles'!$G$21=$B$24,21,0),0)),0)</f>
        <v>0</v>
      </c>
      <c r="H1284" cm="1">
        <f t="array" ref="H1284">IFERROR(INDEX(Jesper!AL$2:AL$366,ROUNDDOWN($C1284/24,0)+1,1)*INDEX($D$3:$AA$30,INDEX(Jesper!$R$2:$R$366,ROW(INDEX(Jesper!AL$2:AL$366,ROUNDDOWN($C1284/24,0)+1,1))-1)+IF('Standard Profiles'!$G$22=$B$10,7,0)+IF('Standard Profiles'!$G$22=$B$17,14,0)+IF('Standard Profiles'!$G$22=$B$24,21,0),MOD($C1284,24)+1)/SUM(INDEX($D$3:$AA$30,INDEX(Jesper!$R$2:$R$366,ROW(INDEX(Jesper!AL$2:AL$366,ROUNDDOWN($C1284/24,0)+1,1))-1)+IF('Standard Profiles'!$G$22=$B$10,7,0)+IF('Standard Profiles'!$G$22=$B$17,14,0)+IF('Standard Profiles'!$G$22=$B$24,21,0),0)),0)</f>
        <v>0</v>
      </c>
      <c r="I1284">
        <f t="shared" si="153"/>
        <v>0.23725423730644338</v>
      </c>
      <c r="J1284">
        <f t="shared" si="154"/>
        <v>0.79084745768814468</v>
      </c>
      <c r="K1284">
        <f t="shared" si="155"/>
        <v>1.1862711865322169</v>
      </c>
      <c r="L1284">
        <f t="shared" si="156"/>
        <v>5.6941016953546413</v>
      </c>
      <c r="M1284">
        <f t="shared" si="157"/>
        <v>0</v>
      </c>
      <c r="N1284" s="46">
        <f t="shared" si="158"/>
        <v>45344.083333330302</v>
      </c>
    </row>
    <row r="1285" spans="2:14" x14ac:dyDescent="0.3">
      <c r="B1285">
        <f t="shared" si="152"/>
        <v>4</v>
      </c>
      <c r="C1285" s="16">
        <v>1251</v>
      </c>
      <c r="D1285" cm="1">
        <f t="array" ref="D1285">IFERROR(INDEX(Jesper!AH$2:AH$366,ROUNDDOWN($C1285/24,0)+1,1)*INDEX($D$3:$AA$30,INDEX(Jesper!$R$2:$R$366,ROW(INDEX(Jesper!AH$2:AH$366,ROUNDDOWN($C1285/24,0)+1,1))-1)+IF('Standard Profiles'!$G$18=$B$10,7,0)+IF('Standard Profiles'!$G$18=$B$17,14,0)+IF('Standard Profiles'!$G$18=$B$24,21,0),MOD($C1285,24)+1)/SUM(INDEX($D$3:$AA$30,INDEX(Jesper!$R$2:$R$366,ROW(INDEX(Jesper!AH$2:AH$366,ROUNDDOWN($C1285/24,0)+1,1))-1)+IF('Standard Profiles'!$G$18=$B$10,7,0)+IF('Standard Profiles'!$G$18=$B$17,14,0)+IF('Standard Profiles'!$G$18=$B$24,21,0),0)),0)</f>
        <v>7.9084745768814466</v>
      </c>
      <c r="E1285" cm="1">
        <f t="array" ref="E1285">IFERROR(INDEX(Jesper!AI$2:AI$366,ROUNDDOWN($C1285/24,0)+1,1)*INDEX($D$3:$AA$30,INDEX(Jesper!$R$2:$R$366,ROW(INDEX(Jesper!AI$2:AI$366,ROUNDDOWN($C1285/24,0)+1,1))-1)+IF('Standard Profiles'!$G$19=$B$10,7,0)+IF('Standard Profiles'!$G$19=$B$17,14,0)+IF('Standard Profiles'!$G$19=$B$24,21,0),MOD($C1285,24)+1)/SUM(INDEX($D$3:$AA$30,INDEX(Jesper!$R$2:$R$366,ROW(INDEX(Jesper!AI$2:AI$366,ROUNDDOWN($C1285/24,0)+1,1))-1)+IF('Standard Profiles'!$G$19=$B$10,7,0)+IF('Standard Profiles'!$G$19=$B$17,14,0)+IF('Standard Profiles'!$G$19=$B$24,21,0),0)),0)</f>
        <v>0</v>
      </c>
      <c r="F1285" cm="1">
        <f t="array" ref="F1285">IFERROR(INDEX(Jesper!AJ$2:AJ$366,ROUNDDOWN($C1285/24,0)+1,1)*INDEX($D$3:$AA$30,INDEX(Jesper!$R$2:$R$366,ROW(INDEX(Jesper!AJ$2:AJ$366,ROUNDDOWN($C1285/24,0)+1,1))-1)+IF('Standard Profiles'!$G$20=$B$10,7,0)+IF('Standard Profiles'!$G$20=$B$17,14,0)+IF('Standard Profiles'!$G$20=$B$24,21,0),MOD($C1285,24)+1)/SUM(INDEX($D$3:$AA$30,INDEX(Jesper!$R$2:$R$366,ROW(INDEX(Jesper!AJ$2:AJ$366,ROUNDDOWN($C1285/24,0)+1,1))-1)+IF('Standard Profiles'!$G$20=$B$10,7,0)+IF('Standard Profiles'!$G$20=$B$17,14,0)+IF('Standard Profiles'!$G$20=$B$24,21,0),0)),0)</f>
        <v>0</v>
      </c>
      <c r="G1285" cm="1">
        <f t="array" ref="G1285">IFERROR(INDEX(Jesper!AK$2:AK$366,ROUNDDOWN($C1285/24,0)+1,1)*INDEX($D$3:$AA$30,INDEX(Jesper!$R$2:$R$366,ROW(INDEX(Jesper!AK$2:AK$366,ROUNDDOWN($C1285/24,0)+1,1))-1)+IF('Standard Profiles'!$G$21=$B$10,7,0)+IF('Standard Profiles'!$G$21=$B$17,14,0)+IF('Standard Profiles'!$G$21=$B$24,21,0),MOD($C1285,24)+1)/SUM(INDEX($D$3:$AA$30,INDEX(Jesper!$R$2:$R$366,ROW(INDEX(Jesper!AK$2:AK$366,ROUNDDOWN($C1285/24,0)+1,1))-1)+IF('Standard Profiles'!$G$21=$B$10,7,0)+IF('Standard Profiles'!$G$21=$B$17,14,0)+IF('Standard Profiles'!$G$21=$B$24,21,0),0)),0)</f>
        <v>0</v>
      </c>
      <c r="H1285" cm="1">
        <f t="array" ref="H1285">IFERROR(INDEX(Jesper!AL$2:AL$366,ROUNDDOWN($C1285/24,0)+1,1)*INDEX($D$3:$AA$30,INDEX(Jesper!$R$2:$R$366,ROW(INDEX(Jesper!AL$2:AL$366,ROUNDDOWN($C1285/24,0)+1,1))-1)+IF('Standard Profiles'!$G$22=$B$10,7,0)+IF('Standard Profiles'!$G$22=$B$17,14,0)+IF('Standard Profiles'!$G$22=$B$24,21,0),MOD($C1285,24)+1)/SUM(INDEX($D$3:$AA$30,INDEX(Jesper!$R$2:$R$366,ROW(INDEX(Jesper!AL$2:AL$366,ROUNDDOWN($C1285/24,0)+1,1))-1)+IF('Standard Profiles'!$G$22=$B$10,7,0)+IF('Standard Profiles'!$G$22=$B$17,14,0)+IF('Standard Profiles'!$G$22=$B$24,21,0),0)),0)</f>
        <v>0</v>
      </c>
      <c r="I1285">
        <f t="shared" si="153"/>
        <v>0.23725423730644338</v>
      </c>
      <c r="J1285">
        <f t="shared" si="154"/>
        <v>0.79084745768814468</v>
      </c>
      <c r="K1285">
        <f t="shared" si="155"/>
        <v>1.1862711865322169</v>
      </c>
      <c r="L1285">
        <f t="shared" si="156"/>
        <v>5.6941016953546413</v>
      </c>
      <c r="M1285">
        <f t="shared" si="157"/>
        <v>0</v>
      </c>
      <c r="N1285" s="46">
        <f t="shared" si="158"/>
        <v>45344.124999996966</v>
      </c>
    </row>
    <row r="1286" spans="2:14" x14ac:dyDescent="0.3">
      <c r="B1286">
        <f t="shared" si="152"/>
        <v>4</v>
      </c>
      <c r="C1286" s="16">
        <v>1252</v>
      </c>
      <c r="D1286" cm="1">
        <f t="array" ref="D1286">IFERROR(INDEX(Jesper!AH$2:AH$366,ROUNDDOWN($C1286/24,0)+1,1)*INDEX($D$3:$AA$30,INDEX(Jesper!$R$2:$R$366,ROW(INDEX(Jesper!AH$2:AH$366,ROUNDDOWN($C1286/24,0)+1,1))-1)+IF('Standard Profiles'!$G$18=$B$10,7,0)+IF('Standard Profiles'!$G$18=$B$17,14,0)+IF('Standard Profiles'!$G$18=$B$24,21,0),MOD($C1286,24)+1)/SUM(INDEX($D$3:$AA$30,INDEX(Jesper!$R$2:$R$366,ROW(INDEX(Jesper!AH$2:AH$366,ROUNDDOWN($C1286/24,0)+1,1))-1)+IF('Standard Profiles'!$G$18=$B$10,7,0)+IF('Standard Profiles'!$G$18=$B$17,14,0)+IF('Standard Profiles'!$G$18=$B$24,21,0),0)),0)</f>
        <v>7.9084745768814466</v>
      </c>
      <c r="E1286" cm="1">
        <f t="array" ref="E1286">IFERROR(INDEX(Jesper!AI$2:AI$366,ROUNDDOWN($C1286/24,0)+1,1)*INDEX($D$3:$AA$30,INDEX(Jesper!$R$2:$R$366,ROW(INDEX(Jesper!AI$2:AI$366,ROUNDDOWN($C1286/24,0)+1,1))-1)+IF('Standard Profiles'!$G$19=$B$10,7,0)+IF('Standard Profiles'!$G$19=$B$17,14,0)+IF('Standard Profiles'!$G$19=$B$24,21,0),MOD($C1286,24)+1)/SUM(INDEX($D$3:$AA$30,INDEX(Jesper!$R$2:$R$366,ROW(INDEX(Jesper!AI$2:AI$366,ROUNDDOWN($C1286/24,0)+1,1))-1)+IF('Standard Profiles'!$G$19=$B$10,7,0)+IF('Standard Profiles'!$G$19=$B$17,14,0)+IF('Standard Profiles'!$G$19=$B$24,21,0),0)),0)</f>
        <v>0</v>
      </c>
      <c r="F1286" cm="1">
        <f t="array" ref="F1286">IFERROR(INDEX(Jesper!AJ$2:AJ$366,ROUNDDOWN($C1286/24,0)+1,1)*INDEX($D$3:$AA$30,INDEX(Jesper!$R$2:$R$366,ROW(INDEX(Jesper!AJ$2:AJ$366,ROUNDDOWN($C1286/24,0)+1,1))-1)+IF('Standard Profiles'!$G$20=$B$10,7,0)+IF('Standard Profiles'!$G$20=$B$17,14,0)+IF('Standard Profiles'!$G$20=$B$24,21,0),MOD($C1286,24)+1)/SUM(INDEX($D$3:$AA$30,INDEX(Jesper!$R$2:$R$366,ROW(INDEX(Jesper!AJ$2:AJ$366,ROUNDDOWN($C1286/24,0)+1,1))-1)+IF('Standard Profiles'!$G$20=$B$10,7,0)+IF('Standard Profiles'!$G$20=$B$17,14,0)+IF('Standard Profiles'!$G$20=$B$24,21,0),0)),0)</f>
        <v>0</v>
      </c>
      <c r="G1286" cm="1">
        <f t="array" ref="G1286">IFERROR(INDEX(Jesper!AK$2:AK$366,ROUNDDOWN($C1286/24,0)+1,1)*INDEX($D$3:$AA$30,INDEX(Jesper!$R$2:$R$366,ROW(INDEX(Jesper!AK$2:AK$366,ROUNDDOWN($C1286/24,0)+1,1))-1)+IF('Standard Profiles'!$G$21=$B$10,7,0)+IF('Standard Profiles'!$G$21=$B$17,14,0)+IF('Standard Profiles'!$G$21=$B$24,21,0),MOD($C1286,24)+1)/SUM(INDEX($D$3:$AA$30,INDEX(Jesper!$R$2:$R$366,ROW(INDEX(Jesper!AK$2:AK$366,ROUNDDOWN($C1286/24,0)+1,1))-1)+IF('Standard Profiles'!$G$21=$B$10,7,0)+IF('Standard Profiles'!$G$21=$B$17,14,0)+IF('Standard Profiles'!$G$21=$B$24,21,0),0)),0)</f>
        <v>0</v>
      </c>
      <c r="H1286" cm="1">
        <f t="array" ref="H1286">IFERROR(INDEX(Jesper!AL$2:AL$366,ROUNDDOWN($C1286/24,0)+1,1)*INDEX($D$3:$AA$30,INDEX(Jesper!$R$2:$R$366,ROW(INDEX(Jesper!AL$2:AL$366,ROUNDDOWN($C1286/24,0)+1,1))-1)+IF('Standard Profiles'!$G$22=$B$10,7,0)+IF('Standard Profiles'!$G$22=$B$17,14,0)+IF('Standard Profiles'!$G$22=$B$24,21,0),MOD($C1286,24)+1)/SUM(INDEX($D$3:$AA$30,INDEX(Jesper!$R$2:$R$366,ROW(INDEX(Jesper!AL$2:AL$366,ROUNDDOWN($C1286/24,0)+1,1))-1)+IF('Standard Profiles'!$G$22=$B$10,7,0)+IF('Standard Profiles'!$G$22=$B$17,14,0)+IF('Standard Profiles'!$G$22=$B$24,21,0),0)),0)</f>
        <v>0</v>
      </c>
      <c r="I1286">
        <f t="shared" si="153"/>
        <v>0.23725423730644338</v>
      </c>
      <c r="J1286">
        <f t="shared" si="154"/>
        <v>0.79084745768814468</v>
      </c>
      <c r="K1286">
        <f t="shared" si="155"/>
        <v>1.1862711865322169</v>
      </c>
      <c r="L1286">
        <f t="shared" si="156"/>
        <v>5.6941016953546413</v>
      </c>
      <c r="M1286">
        <f t="shared" si="157"/>
        <v>0</v>
      </c>
      <c r="N1286" s="46">
        <f t="shared" si="158"/>
        <v>45344.16666666363</v>
      </c>
    </row>
    <row r="1287" spans="2:14" x14ac:dyDescent="0.3">
      <c r="B1287">
        <f t="shared" si="152"/>
        <v>4</v>
      </c>
      <c r="C1287" s="16">
        <v>1253</v>
      </c>
      <c r="D1287" cm="1">
        <f t="array" ref="D1287">IFERROR(INDEX(Jesper!AH$2:AH$366,ROUNDDOWN($C1287/24,0)+1,1)*INDEX($D$3:$AA$30,INDEX(Jesper!$R$2:$R$366,ROW(INDEX(Jesper!AH$2:AH$366,ROUNDDOWN($C1287/24,0)+1,1))-1)+IF('Standard Profiles'!$G$18=$B$10,7,0)+IF('Standard Profiles'!$G$18=$B$17,14,0)+IF('Standard Profiles'!$G$18=$B$24,21,0),MOD($C1287,24)+1)/SUM(INDEX($D$3:$AA$30,INDEX(Jesper!$R$2:$R$366,ROW(INDEX(Jesper!AH$2:AH$366,ROUNDDOWN($C1287/24,0)+1,1))-1)+IF('Standard Profiles'!$G$18=$B$10,7,0)+IF('Standard Profiles'!$G$18=$B$17,14,0)+IF('Standard Profiles'!$G$18=$B$24,21,0),0)),0)</f>
        <v>10.193145010202754</v>
      </c>
      <c r="E1287" cm="1">
        <f t="array" ref="E1287">IFERROR(INDEX(Jesper!AI$2:AI$366,ROUNDDOWN($C1287/24,0)+1,1)*INDEX($D$3:$AA$30,INDEX(Jesper!$R$2:$R$366,ROW(INDEX(Jesper!AI$2:AI$366,ROUNDDOWN($C1287/24,0)+1,1))-1)+IF('Standard Profiles'!$G$19=$B$10,7,0)+IF('Standard Profiles'!$G$19=$B$17,14,0)+IF('Standard Profiles'!$G$19=$B$24,21,0),MOD($C1287,24)+1)/SUM(INDEX($D$3:$AA$30,INDEX(Jesper!$R$2:$R$366,ROW(INDEX(Jesper!AI$2:AI$366,ROUNDDOWN($C1287/24,0)+1,1))-1)+IF('Standard Profiles'!$G$19=$B$10,7,0)+IF('Standard Profiles'!$G$19=$B$17,14,0)+IF('Standard Profiles'!$G$19=$B$24,21,0),0)),0)</f>
        <v>0</v>
      </c>
      <c r="F1287" cm="1">
        <f t="array" ref="F1287">IFERROR(INDEX(Jesper!AJ$2:AJ$366,ROUNDDOWN($C1287/24,0)+1,1)*INDEX($D$3:$AA$30,INDEX(Jesper!$R$2:$R$366,ROW(INDEX(Jesper!AJ$2:AJ$366,ROUNDDOWN($C1287/24,0)+1,1))-1)+IF('Standard Profiles'!$G$20=$B$10,7,0)+IF('Standard Profiles'!$G$20=$B$17,14,0)+IF('Standard Profiles'!$G$20=$B$24,21,0),MOD($C1287,24)+1)/SUM(INDEX($D$3:$AA$30,INDEX(Jesper!$R$2:$R$366,ROW(INDEX(Jesper!AJ$2:AJ$366,ROUNDDOWN($C1287/24,0)+1,1))-1)+IF('Standard Profiles'!$G$20=$B$10,7,0)+IF('Standard Profiles'!$G$20=$B$17,14,0)+IF('Standard Profiles'!$G$20=$B$24,21,0),0)),0)</f>
        <v>0</v>
      </c>
      <c r="G1287" cm="1">
        <f t="array" ref="G1287">IFERROR(INDEX(Jesper!AK$2:AK$366,ROUNDDOWN($C1287/24,0)+1,1)*INDEX($D$3:$AA$30,INDEX(Jesper!$R$2:$R$366,ROW(INDEX(Jesper!AK$2:AK$366,ROUNDDOWN($C1287/24,0)+1,1))-1)+IF('Standard Profiles'!$G$21=$B$10,7,0)+IF('Standard Profiles'!$G$21=$B$17,14,0)+IF('Standard Profiles'!$G$21=$B$24,21,0),MOD($C1287,24)+1)/SUM(INDEX($D$3:$AA$30,INDEX(Jesper!$R$2:$R$366,ROW(INDEX(Jesper!AK$2:AK$366,ROUNDDOWN($C1287/24,0)+1,1))-1)+IF('Standard Profiles'!$G$21=$B$10,7,0)+IF('Standard Profiles'!$G$21=$B$17,14,0)+IF('Standard Profiles'!$G$21=$B$24,21,0),0)),0)</f>
        <v>0</v>
      </c>
      <c r="H1287" cm="1">
        <f t="array" ref="H1287">IFERROR(INDEX(Jesper!AL$2:AL$366,ROUNDDOWN($C1287/24,0)+1,1)*INDEX($D$3:$AA$30,INDEX(Jesper!$R$2:$R$366,ROW(INDEX(Jesper!AL$2:AL$366,ROUNDDOWN($C1287/24,0)+1,1))-1)+IF('Standard Profiles'!$G$22=$B$10,7,0)+IF('Standard Profiles'!$G$22=$B$17,14,0)+IF('Standard Profiles'!$G$22=$B$24,21,0),MOD($C1287,24)+1)/SUM(INDEX($D$3:$AA$30,INDEX(Jesper!$R$2:$R$366,ROW(INDEX(Jesper!AL$2:AL$366,ROUNDDOWN($C1287/24,0)+1,1))-1)+IF('Standard Profiles'!$G$22=$B$10,7,0)+IF('Standard Profiles'!$G$22=$B$17,14,0)+IF('Standard Profiles'!$G$22=$B$24,21,0),0)),0)</f>
        <v>0</v>
      </c>
      <c r="I1287">
        <f t="shared" si="153"/>
        <v>0.3057943503060826</v>
      </c>
      <c r="J1287">
        <f t="shared" si="154"/>
        <v>1.0193145010202753</v>
      </c>
      <c r="K1287">
        <f t="shared" si="155"/>
        <v>1.5289717515304131</v>
      </c>
      <c r="L1287">
        <f t="shared" si="156"/>
        <v>7.3390644073459823</v>
      </c>
      <c r="M1287">
        <f t="shared" si="157"/>
        <v>0</v>
      </c>
      <c r="N1287" s="46">
        <f t="shared" si="158"/>
        <v>45344.208333330294</v>
      </c>
    </row>
    <row r="1288" spans="2:14" x14ac:dyDescent="0.3">
      <c r="B1288">
        <f t="shared" si="152"/>
        <v>4</v>
      </c>
      <c r="C1288" s="16">
        <v>1254</v>
      </c>
      <c r="D1288" cm="1">
        <f t="array" ref="D1288">IFERROR(INDEX(Jesper!AH$2:AH$366,ROUNDDOWN($C1288/24,0)+1,1)*INDEX($D$3:$AA$30,INDEX(Jesper!$R$2:$R$366,ROW(INDEX(Jesper!AH$2:AH$366,ROUNDDOWN($C1288/24,0)+1,1))-1)+IF('Standard Profiles'!$G$18=$B$10,7,0)+IF('Standard Profiles'!$G$18=$B$17,14,0)+IF('Standard Profiles'!$G$18=$B$24,21,0),MOD($C1288,24)+1)/SUM(INDEX($D$3:$AA$30,INDEX(Jesper!$R$2:$R$366,ROW(INDEX(Jesper!AH$2:AH$366,ROUNDDOWN($C1288/24,0)+1,1))-1)+IF('Standard Profiles'!$G$18=$B$10,7,0)+IF('Standard Profiles'!$G$18=$B$17,14,0)+IF('Standard Profiles'!$G$18=$B$24,21,0),0)),0)</f>
        <v>11.774839925579045</v>
      </c>
      <c r="E1288" cm="1">
        <f t="array" ref="E1288">IFERROR(INDEX(Jesper!AI$2:AI$366,ROUNDDOWN($C1288/24,0)+1,1)*INDEX($D$3:$AA$30,INDEX(Jesper!$R$2:$R$366,ROW(INDEX(Jesper!AI$2:AI$366,ROUNDDOWN($C1288/24,0)+1,1))-1)+IF('Standard Profiles'!$G$19=$B$10,7,0)+IF('Standard Profiles'!$G$19=$B$17,14,0)+IF('Standard Profiles'!$G$19=$B$24,21,0),MOD($C1288,24)+1)/SUM(INDEX($D$3:$AA$30,INDEX(Jesper!$R$2:$R$366,ROW(INDEX(Jesper!AI$2:AI$366,ROUNDDOWN($C1288/24,0)+1,1))-1)+IF('Standard Profiles'!$G$19=$B$10,7,0)+IF('Standard Profiles'!$G$19=$B$17,14,0)+IF('Standard Profiles'!$G$19=$B$24,21,0),0)),0)</f>
        <v>0</v>
      </c>
      <c r="F1288" cm="1">
        <f t="array" ref="F1288">IFERROR(INDEX(Jesper!AJ$2:AJ$366,ROUNDDOWN($C1288/24,0)+1,1)*INDEX($D$3:$AA$30,INDEX(Jesper!$R$2:$R$366,ROW(INDEX(Jesper!AJ$2:AJ$366,ROUNDDOWN($C1288/24,0)+1,1))-1)+IF('Standard Profiles'!$G$20=$B$10,7,0)+IF('Standard Profiles'!$G$20=$B$17,14,0)+IF('Standard Profiles'!$G$20=$B$24,21,0),MOD($C1288,24)+1)/SUM(INDEX($D$3:$AA$30,INDEX(Jesper!$R$2:$R$366,ROW(INDEX(Jesper!AJ$2:AJ$366,ROUNDDOWN($C1288/24,0)+1,1))-1)+IF('Standard Profiles'!$G$20=$B$10,7,0)+IF('Standard Profiles'!$G$20=$B$17,14,0)+IF('Standard Profiles'!$G$20=$B$24,21,0),0)),0)</f>
        <v>0</v>
      </c>
      <c r="G1288" cm="1">
        <f t="array" ref="G1288">IFERROR(INDEX(Jesper!AK$2:AK$366,ROUNDDOWN($C1288/24,0)+1,1)*INDEX($D$3:$AA$30,INDEX(Jesper!$R$2:$R$366,ROW(INDEX(Jesper!AK$2:AK$366,ROUNDDOWN($C1288/24,0)+1,1))-1)+IF('Standard Profiles'!$G$21=$B$10,7,0)+IF('Standard Profiles'!$G$21=$B$17,14,0)+IF('Standard Profiles'!$G$21=$B$24,21,0),MOD($C1288,24)+1)/SUM(INDEX($D$3:$AA$30,INDEX(Jesper!$R$2:$R$366,ROW(INDEX(Jesper!AK$2:AK$366,ROUNDDOWN($C1288/24,0)+1,1))-1)+IF('Standard Profiles'!$G$21=$B$10,7,0)+IF('Standard Profiles'!$G$21=$B$17,14,0)+IF('Standard Profiles'!$G$21=$B$24,21,0),0)),0)</f>
        <v>0</v>
      </c>
      <c r="H1288" cm="1">
        <f t="array" ref="H1288">IFERROR(INDEX(Jesper!AL$2:AL$366,ROUNDDOWN($C1288/24,0)+1,1)*INDEX($D$3:$AA$30,INDEX(Jesper!$R$2:$R$366,ROW(INDEX(Jesper!AL$2:AL$366,ROUNDDOWN($C1288/24,0)+1,1))-1)+IF('Standard Profiles'!$G$22=$B$10,7,0)+IF('Standard Profiles'!$G$22=$B$17,14,0)+IF('Standard Profiles'!$G$22=$B$24,21,0),MOD($C1288,24)+1)/SUM(INDEX($D$3:$AA$30,INDEX(Jesper!$R$2:$R$366,ROW(INDEX(Jesper!AL$2:AL$366,ROUNDDOWN($C1288/24,0)+1,1))-1)+IF('Standard Profiles'!$G$22=$B$10,7,0)+IF('Standard Profiles'!$G$22=$B$17,14,0)+IF('Standard Profiles'!$G$22=$B$24,21,0),0)),0)</f>
        <v>0</v>
      </c>
      <c r="I1288">
        <f t="shared" si="153"/>
        <v>0.35324519776737134</v>
      </c>
      <c r="J1288">
        <f t="shared" si="154"/>
        <v>1.1774839925579046</v>
      </c>
      <c r="K1288">
        <f t="shared" si="155"/>
        <v>1.7662259888368566</v>
      </c>
      <c r="L1288">
        <f t="shared" si="156"/>
        <v>8.4778847464169118</v>
      </c>
      <c r="M1288">
        <f t="shared" si="157"/>
        <v>0</v>
      </c>
      <c r="N1288" s="46">
        <f t="shared" si="158"/>
        <v>45344.249999996959</v>
      </c>
    </row>
    <row r="1289" spans="2:14" x14ac:dyDescent="0.3">
      <c r="B1289">
        <f t="shared" si="152"/>
        <v>4</v>
      </c>
      <c r="C1289" s="16">
        <v>1255</v>
      </c>
      <c r="D1289" cm="1">
        <f t="array" ref="D1289">IFERROR(INDEX(Jesper!AH$2:AH$366,ROUNDDOWN($C1289/24,0)+1,1)*INDEX($D$3:$AA$30,INDEX(Jesper!$R$2:$R$366,ROW(INDEX(Jesper!AH$2:AH$366,ROUNDDOWN($C1289/24,0)+1,1))-1)+IF('Standard Profiles'!$G$18=$B$10,7,0)+IF('Standard Profiles'!$G$18=$B$17,14,0)+IF('Standard Profiles'!$G$18=$B$24,21,0),MOD($C1289,24)+1)/SUM(INDEX($D$3:$AA$30,INDEX(Jesper!$R$2:$R$366,ROW(INDEX(Jesper!AH$2:AH$366,ROUNDDOWN($C1289/24,0)+1,1))-1)+IF('Standard Profiles'!$G$18=$B$10,7,0)+IF('Standard Profiles'!$G$18=$B$17,14,0)+IF('Standard Profiles'!$G$18=$B$24,21,0),0)),0)</f>
        <v>11.774839925579045</v>
      </c>
      <c r="E1289" cm="1">
        <f t="array" ref="E1289">IFERROR(INDEX(Jesper!AI$2:AI$366,ROUNDDOWN($C1289/24,0)+1,1)*INDEX($D$3:$AA$30,INDEX(Jesper!$R$2:$R$366,ROW(INDEX(Jesper!AI$2:AI$366,ROUNDDOWN($C1289/24,0)+1,1))-1)+IF('Standard Profiles'!$G$19=$B$10,7,0)+IF('Standard Profiles'!$G$19=$B$17,14,0)+IF('Standard Profiles'!$G$19=$B$24,21,0),MOD($C1289,24)+1)/SUM(INDEX($D$3:$AA$30,INDEX(Jesper!$R$2:$R$366,ROW(INDEX(Jesper!AI$2:AI$366,ROUNDDOWN($C1289/24,0)+1,1))-1)+IF('Standard Profiles'!$G$19=$B$10,7,0)+IF('Standard Profiles'!$G$19=$B$17,14,0)+IF('Standard Profiles'!$G$19=$B$24,21,0),0)),0)</f>
        <v>0</v>
      </c>
      <c r="F1289" cm="1">
        <f t="array" ref="F1289">IFERROR(INDEX(Jesper!AJ$2:AJ$366,ROUNDDOWN($C1289/24,0)+1,1)*INDEX($D$3:$AA$30,INDEX(Jesper!$R$2:$R$366,ROW(INDEX(Jesper!AJ$2:AJ$366,ROUNDDOWN($C1289/24,0)+1,1))-1)+IF('Standard Profiles'!$G$20=$B$10,7,0)+IF('Standard Profiles'!$G$20=$B$17,14,0)+IF('Standard Profiles'!$G$20=$B$24,21,0),MOD($C1289,24)+1)/SUM(INDEX($D$3:$AA$30,INDEX(Jesper!$R$2:$R$366,ROW(INDEX(Jesper!AJ$2:AJ$366,ROUNDDOWN($C1289/24,0)+1,1))-1)+IF('Standard Profiles'!$G$20=$B$10,7,0)+IF('Standard Profiles'!$G$20=$B$17,14,0)+IF('Standard Profiles'!$G$20=$B$24,21,0),0)),0)</f>
        <v>0</v>
      </c>
      <c r="G1289" cm="1">
        <f t="array" ref="G1289">IFERROR(INDEX(Jesper!AK$2:AK$366,ROUNDDOWN($C1289/24,0)+1,1)*INDEX($D$3:$AA$30,INDEX(Jesper!$R$2:$R$366,ROW(INDEX(Jesper!AK$2:AK$366,ROUNDDOWN($C1289/24,0)+1,1))-1)+IF('Standard Profiles'!$G$21=$B$10,7,0)+IF('Standard Profiles'!$G$21=$B$17,14,0)+IF('Standard Profiles'!$G$21=$B$24,21,0),MOD($C1289,24)+1)/SUM(INDEX($D$3:$AA$30,INDEX(Jesper!$R$2:$R$366,ROW(INDEX(Jesper!AK$2:AK$366,ROUNDDOWN($C1289/24,0)+1,1))-1)+IF('Standard Profiles'!$G$21=$B$10,7,0)+IF('Standard Profiles'!$G$21=$B$17,14,0)+IF('Standard Profiles'!$G$21=$B$24,21,0),0)),0)</f>
        <v>0</v>
      </c>
      <c r="H1289" cm="1">
        <f t="array" ref="H1289">IFERROR(INDEX(Jesper!AL$2:AL$366,ROUNDDOWN($C1289/24,0)+1,1)*INDEX($D$3:$AA$30,INDEX(Jesper!$R$2:$R$366,ROW(INDEX(Jesper!AL$2:AL$366,ROUNDDOWN($C1289/24,0)+1,1))-1)+IF('Standard Profiles'!$G$22=$B$10,7,0)+IF('Standard Profiles'!$G$22=$B$17,14,0)+IF('Standard Profiles'!$G$22=$B$24,21,0),MOD($C1289,24)+1)/SUM(INDEX($D$3:$AA$30,INDEX(Jesper!$R$2:$R$366,ROW(INDEX(Jesper!AL$2:AL$366,ROUNDDOWN($C1289/24,0)+1,1))-1)+IF('Standard Profiles'!$G$22=$B$10,7,0)+IF('Standard Profiles'!$G$22=$B$17,14,0)+IF('Standard Profiles'!$G$22=$B$24,21,0),0)),0)</f>
        <v>0</v>
      </c>
      <c r="I1289">
        <f t="shared" si="153"/>
        <v>0.35324519776737134</v>
      </c>
      <c r="J1289">
        <f t="shared" si="154"/>
        <v>1.1774839925579046</v>
      </c>
      <c r="K1289">
        <f t="shared" si="155"/>
        <v>1.7662259888368566</v>
      </c>
      <c r="L1289">
        <f t="shared" si="156"/>
        <v>8.4778847464169118</v>
      </c>
      <c r="M1289">
        <f t="shared" si="157"/>
        <v>0</v>
      </c>
      <c r="N1289" s="46">
        <f t="shared" si="158"/>
        <v>45344.291666663623</v>
      </c>
    </row>
    <row r="1290" spans="2:14" x14ac:dyDescent="0.3">
      <c r="B1290">
        <f t="shared" si="152"/>
        <v>4</v>
      </c>
      <c r="C1290" s="16">
        <v>1256</v>
      </c>
      <c r="D1290" cm="1">
        <f t="array" ref="D1290">IFERROR(INDEX(Jesper!AH$2:AH$366,ROUNDDOWN($C1290/24,0)+1,1)*INDEX($D$3:$AA$30,INDEX(Jesper!$R$2:$R$366,ROW(INDEX(Jesper!AH$2:AH$366,ROUNDDOWN($C1290/24,0)+1,1))-1)+IF('Standard Profiles'!$G$18=$B$10,7,0)+IF('Standard Profiles'!$G$18=$B$17,14,0)+IF('Standard Profiles'!$G$18=$B$24,21,0),MOD($C1290,24)+1)/SUM(INDEX($D$3:$AA$30,INDEX(Jesper!$R$2:$R$366,ROW(INDEX(Jesper!AH$2:AH$366,ROUNDDOWN($C1290/24,0)+1,1))-1)+IF('Standard Profiles'!$G$18=$B$10,7,0)+IF('Standard Profiles'!$G$18=$B$17,14,0)+IF('Standard Profiles'!$G$18=$B$24,21,0),0)),0)</f>
        <v>11.774839925579045</v>
      </c>
      <c r="E1290" cm="1">
        <f t="array" ref="E1290">IFERROR(INDEX(Jesper!AI$2:AI$366,ROUNDDOWN($C1290/24,0)+1,1)*INDEX($D$3:$AA$30,INDEX(Jesper!$R$2:$R$366,ROW(INDEX(Jesper!AI$2:AI$366,ROUNDDOWN($C1290/24,0)+1,1))-1)+IF('Standard Profiles'!$G$19=$B$10,7,0)+IF('Standard Profiles'!$G$19=$B$17,14,0)+IF('Standard Profiles'!$G$19=$B$24,21,0),MOD($C1290,24)+1)/SUM(INDEX($D$3:$AA$30,INDEX(Jesper!$R$2:$R$366,ROW(INDEX(Jesper!AI$2:AI$366,ROUNDDOWN($C1290/24,0)+1,1))-1)+IF('Standard Profiles'!$G$19=$B$10,7,0)+IF('Standard Profiles'!$G$19=$B$17,14,0)+IF('Standard Profiles'!$G$19=$B$24,21,0),0)),0)</f>
        <v>0</v>
      </c>
      <c r="F1290" cm="1">
        <f t="array" ref="F1290">IFERROR(INDEX(Jesper!AJ$2:AJ$366,ROUNDDOWN($C1290/24,0)+1,1)*INDEX($D$3:$AA$30,INDEX(Jesper!$R$2:$R$366,ROW(INDEX(Jesper!AJ$2:AJ$366,ROUNDDOWN($C1290/24,0)+1,1))-1)+IF('Standard Profiles'!$G$20=$B$10,7,0)+IF('Standard Profiles'!$G$20=$B$17,14,0)+IF('Standard Profiles'!$G$20=$B$24,21,0),MOD($C1290,24)+1)/SUM(INDEX($D$3:$AA$30,INDEX(Jesper!$R$2:$R$366,ROW(INDEX(Jesper!AJ$2:AJ$366,ROUNDDOWN($C1290/24,0)+1,1))-1)+IF('Standard Profiles'!$G$20=$B$10,7,0)+IF('Standard Profiles'!$G$20=$B$17,14,0)+IF('Standard Profiles'!$G$20=$B$24,21,0),0)),0)</f>
        <v>0</v>
      </c>
      <c r="G1290" cm="1">
        <f t="array" ref="G1290">IFERROR(INDEX(Jesper!AK$2:AK$366,ROUNDDOWN($C1290/24,0)+1,1)*INDEX($D$3:$AA$30,INDEX(Jesper!$R$2:$R$366,ROW(INDEX(Jesper!AK$2:AK$366,ROUNDDOWN($C1290/24,0)+1,1))-1)+IF('Standard Profiles'!$G$21=$B$10,7,0)+IF('Standard Profiles'!$G$21=$B$17,14,0)+IF('Standard Profiles'!$G$21=$B$24,21,0),MOD($C1290,24)+1)/SUM(INDEX($D$3:$AA$30,INDEX(Jesper!$R$2:$R$366,ROW(INDEX(Jesper!AK$2:AK$366,ROUNDDOWN($C1290/24,0)+1,1))-1)+IF('Standard Profiles'!$G$21=$B$10,7,0)+IF('Standard Profiles'!$G$21=$B$17,14,0)+IF('Standard Profiles'!$G$21=$B$24,21,0),0)),0)</f>
        <v>0</v>
      </c>
      <c r="H1290" cm="1">
        <f t="array" ref="H1290">IFERROR(INDEX(Jesper!AL$2:AL$366,ROUNDDOWN($C1290/24,0)+1,1)*INDEX($D$3:$AA$30,INDEX(Jesper!$R$2:$R$366,ROW(INDEX(Jesper!AL$2:AL$366,ROUNDDOWN($C1290/24,0)+1,1))-1)+IF('Standard Profiles'!$G$22=$B$10,7,0)+IF('Standard Profiles'!$G$22=$B$17,14,0)+IF('Standard Profiles'!$G$22=$B$24,21,0),MOD($C1290,24)+1)/SUM(INDEX($D$3:$AA$30,INDEX(Jesper!$R$2:$R$366,ROW(INDEX(Jesper!AL$2:AL$366,ROUNDDOWN($C1290/24,0)+1,1))-1)+IF('Standard Profiles'!$G$22=$B$10,7,0)+IF('Standard Profiles'!$G$22=$B$17,14,0)+IF('Standard Profiles'!$G$22=$B$24,21,0),0)),0)</f>
        <v>0</v>
      </c>
      <c r="I1290">
        <f t="shared" si="153"/>
        <v>0.35324519776737134</v>
      </c>
      <c r="J1290">
        <f t="shared" si="154"/>
        <v>1.1774839925579046</v>
      </c>
      <c r="K1290">
        <f t="shared" si="155"/>
        <v>1.7662259888368566</v>
      </c>
      <c r="L1290">
        <f t="shared" si="156"/>
        <v>8.4778847464169118</v>
      </c>
      <c r="M1290">
        <f t="shared" si="157"/>
        <v>0</v>
      </c>
      <c r="N1290" s="46">
        <f t="shared" si="158"/>
        <v>45344.333333330287</v>
      </c>
    </row>
    <row r="1291" spans="2:14" x14ac:dyDescent="0.3">
      <c r="B1291">
        <f t="shared" si="152"/>
        <v>4</v>
      </c>
      <c r="C1291" s="16">
        <v>1257</v>
      </c>
      <c r="D1291" cm="1">
        <f t="array" ref="D1291">IFERROR(INDEX(Jesper!AH$2:AH$366,ROUNDDOWN($C1291/24,0)+1,1)*INDEX($D$3:$AA$30,INDEX(Jesper!$R$2:$R$366,ROW(INDEX(Jesper!AH$2:AH$366,ROUNDDOWN($C1291/24,0)+1,1))-1)+IF('Standard Profiles'!$G$18=$B$10,7,0)+IF('Standard Profiles'!$G$18=$B$17,14,0)+IF('Standard Profiles'!$G$18=$B$24,21,0),MOD($C1291,24)+1)/SUM(INDEX($D$3:$AA$30,INDEX(Jesper!$R$2:$R$366,ROW(INDEX(Jesper!AH$2:AH$366,ROUNDDOWN($C1291/24,0)+1,1))-1)+IF('Standard Profiles'!$G$18=$B$10,7,0)+IF('Standard Profiles'!$G$18=$B$17,14,0)+IF('Standard Profiles'!$G$18=$B$24,21,0),0)),0)</f>
        <v>12.653559323010315</v>
      </c>
      <c r="E1291" cm="1">
        <f t="array" ref="E1291">IFERROR(INDEX(Jesper!AI$2:AI$366,ROUNDDOWN($C1291/24,0)+1,1)*INDEX($D$3:$AA$30,INDEX(Jesper!$R$2:$R$366,ROW(INDEX(Jesper!AI$2:AI$366,ROUNDDOWN($C1291/24,0)+1,1))-1)+IF('Standard Profiles'!$G$19=$B$10,7,0)+IF('Standard Profiles'!$G$19=$B$17,14,0)+IF('Standard Profiles'!$G$19=$B$24,21,0),MOD($C1291,24)+1)/SUM(INDEX($D$3:$AA$30,INDEX(Jesper!$R$2:$R$366,ROW(INDEX(Jesper!AI$2:AI$366,ROUNDDOWN($C1291/24,0)+1,1))-1)+IF('Standard Profiles'!$G$19=$B$10,7,0)+IF('Standard Profiles'!$G$19=$B$17,14,0)+IF('Standard Profiles'!$G$19=$B$24,21,0),0)),0)</f>
        <v>0</v>
      </c>
      <c r="F1291" cm="1">
        <f t="array" ref="F1291">IFERROR(INDEX(Jesper!AJ$2:AJ$366,ROUNDDOWN($C1291/24,0)+1,1)*INDEX($D$3:$AA$30,INDEX(Jesper!$R$2:$R$366,ROW(INDEX(Jesper!AJ$2:AJ$366,ROUNDDOWN($C1291/24,0)+1,1))-1)+IF('Standard Profiles'!$G$20=$B$10,7,0)+IF('Standard Profiles'!$G$20=$B$17,14,0)+IF('Standard Profiles'!$G$20=$B$24,21,0),MOD($C1291,24)+1)/SUM(INDEX($D$3:$AA$30,INDEX(Jesper!$R$2:$R$366,ROW(INDEX(Jesper!AJ$2:AJ$366,ROUNDDOWN($C1291/24,0)+1,1))-1)+IF('Standard Profiles'!$G$20=$B$10,7,0)+IF('Standard Profiles'!$G$20=$B$17,14,0)+IF('Standard Profiles'!$G$20=$B$24,21,0),0)),0)</f>
        <v>0</v>
      </c>
      <c r="G1291" cm="1">
        <f t="array" ref="G1291">IFERROR(INDEX(Jesper!AK$2:AK$366,ROUNDDOWN($C1291/24,0)+1,1)*INDEX($D$3:$AA$30,INDEX(Jesper!$R$2:$R$366,ROW(INDEX(Jesper!AK$2:AK$366,ROUNDDOWN($C1291/24,0)+1,1))-1)+IF('Standard Profiles'!$G$21=$B$10,7,0)+IF('Standard Profiles'!$G$21=$B$17,14,0)+IF('Standard Profiles'!$G$21=$B$24,21,0),MOD($C1291,24)+1)/SUM(INDEX($D$3:$AA$30,INDEX(Jesper!$R$2:$R$366,ROW(INDEX(Jesper!AK$2:AK$366,ROUNDDOWN($C1291/24,0)+1,1))-1)+IF('Standard Profiles'!$G$21=$B$10,7,0)+IF('Standard Profiles'!$G$21=$B$17,14,0)+IF('Standard Profiles'!$G$21=$B$24,21,0),0)),0)</f>
        <v>0</v>
      </c>
      <c r="H1291" cm="1">
        <f t="array" ref="H1291">IFERROR(INDEX(Jesper!AL$2:AL$366,ROUNDDOWN($C1291/24,0)+1,1)*INDEX($D$3:$AA$30,INDEX(Jesper!$R$2:$R$366,ROW(INDEX(Jesper!AL$2:AL$366,ROUNDDOWN($C1291/24,0)+1,1))-1)+IF('Standard Profiles'!$G$22=$B$10,7,0)+IF('Standard Profiles'!$G$22=$B$17,14,0)+IF('Standard Profiles'!$G$22=$B$24,21,0),MOD($C1291,24)+1)/SUM(INDEX($D$3:$AA$30,INDEX(Jesper!$R$2:$R$366,ROW(INDEX(Jesper!AL$2:AL$366,ROUNDDOWN($C1291/24,0)+1,1))-1)+IF('Standard Profiles'!$G$22=$B$10,7,0)+IF('Standard Profiles'!$G$22=$B$17,14,0)+IF('Standard Profiles'!$G$22=$B$24,21,0),0)),0)</f>
        <v>0</v>
      </c>
      <c r="I1291">
        <f t="shared" si="153"/>
        <v>0.37960677969030943</v>
      </c>
      <c r="J1291">
        <f t="shared" si="154"/>
        <v>1.2653559323010315</v>
      </c>
      <c r="K1291">
        <f t="shared" si="155"/>
        <v>1.8980338984515472</v>
      </c>
      <c r="L1291">
        <f t="shared" si="156"/>
        <v>9.1105627125674271</v>
      </c>
      <c r="M1291">
        <f t="shared" si="157"/>
        <v>0</v>
      </c>
      <c r="N1291" s="46">
        <f t="shared" si="158"/>
        <v>45344.374999996951</v>
      </c>
    </row>
    <row r="1292" spans="2:14" x14ac:dyDescent="0.3">
      <c r="B1292">
        <f t="shared" si="152"/>
        <v>4</v>
      </c>
      <c r="C1292" s="16">
        <v>1258</v>
      </c>
      <c r="D1292" cm="1">
        <f t="array" ref="D1292">IFERROR(INDEX(Jesper!AH$2:AH$366,ROUNDDOWN($C1292/24,0)+1,1)*INDEX($D$3:$AA$30,INDEX(Jesper!$R$2:$R$366,ROW(INDEX(Jesper!AH$2:AH$366,ROUNDDOWN($C1292/24,0)+1,1))-1)+IF('Standard Profiles'!$G$18=$B$10,7,0)+IF('Standard Profiles'!$G$18=$B$17,14,0)+IF('Standard Profiles'!$G$18=$B$24,21,0),MOD($C1292,24)+1)/SUM(INDEX($D$3:$AA$30,INDEX(Jesper!$R$2:$R$366,ROW(INDEX(Jesper!AH$2:AH$366,ROUNDDOWN($C1292/24,0)+1,1))-1)+IF('Standard Profiles'!$G$18=$B$10,7,0)+IF('Standard Profiles'!$G$18=$B$17,14,0)+IF('Standard Profiles'!$G$18=$B$24,21,0),0)),0)</f>
        <v>13.70802259992784</v>
      </c>
      <c r="E1292" cm="1">
        <f t="array" ref="E1292">IFERROR(INDEX(Jesper!AI$2:AI$366,ROUNDDOWN($C1292/24,0)+1,1)*INDEX($D$3:$AA$30,INDEX(Jesper!$R$2:$R$366,ROW(INDEX(Jesper!AI$2:AI$366,ROUNDDOWN($C1292/24,0)+1,1))-1)+IF('Standard Profiles'!$G$19=$B$10,7,0)+IF('Standard Profiles'!$G$19=$B$17,14,0)+IF('Standard Profiles'!$G$19=$B$24,21,0),MOD($C1292,24)+1)/SUM(INDEX($D$3:$AA$30,INDEX(Jesper!$R$2:$R$366,ROW(INDEX(Jesper!AI$2:AI$366,ROUNDDOWN($C1292/24,0)+1,1))-1)+IF('Standard Profiles'!$G$19=$B$10,7,0)+IF('Standard Profiles'!$G$19=$B$17,14,0)+IF('Standard Profiles'!$G$19=$B$24,21,0),0)),0)</f>
        <v>0</v>
      </c>
      <c r="F1292" cm="1">
        <f t="array" ref="F1292">IFERROR(INDEX(Jesper!AJ$2:AJ$366,ROUNDDOWN($C1292/24,0)+1,1)*INDEX($D$3:$AA$30,INDEX(Jesper!$R$2:$R$366,ROW(INDEX(Jesper!AJ$2:AJ$366,ROUNDDOWN($C1292/24,0)+1,1))-1)+IF('Standard Profiles'!$G$20=$B$10,7,0)+IF('Standard Profiles'!$G$20=$B$17,14,0)+IF('Standard Profiles'!$G$20=$B$24,21,0),MOD($C1292,24)+1)/SUM(INDEX($D$3:$AA$30,INDEX(Jesper!$R$2:$R$366,ROW(INDEX(Jesper!AJ$2:AJ$366,ROUNDDOWN($C1292/24,0)+1,1))-1)+IF('Standard Profiles'!$G$20=$B$10,7,0)+IF('Standard Profiles'!$G$20=$B$17,14,0)+IF('Standard Profiles'!$G$20=$B$24,21,0),0)),0)</f>
        <v>0</v>
      </c>
      <c r="G1292" cm="1">
        <f t="array" ref="G1292">IFERROR(INDEX(Jesper!AK$2:AK$366,ROUNDDOWN($C1292/24,0)+1,1)*INDEX($D$3:$AA$30,INDEX(Jesper!$R$2:$R$366,ROW(INDEX(Jesper!AK$2:AK$366,ROUNDDOWN($C1292/24,0)+1,1))-1)+IF('Standard Profiles'!$G$21=$B$10,7,0)+IF('Standard Profiles'!$G$21=$B$17,14,0)+IF('Standard Profiles'!$G$21=$B$24,21,0),MOD($C1292,24)+1)/SUM(INDEX($D$3:$AA$30,INDEX(Jesper!$R$2:$R$366,ROW(INDEX(Jesper!AK$2:AK$366,ROUNDDOWN($C1292/24,0)+1,1))-1)+IF('Standard Profiles'!$G$21=$B$10,7,0)+IF('Standard Profiles'!$G$21=$B$17,14,0)+IF('Standard Profiles'!$G$21=$B$24,21,0),0)),0)</f>
        <v>0</v>
      </c>
      <c r="H1292" cm="1">
        <f t="array" ref="H1292">IFERROR(INDEX(Jesper!AL$2:AL$366,ROUNDDOWN($C1292/24,0)+1,1)*INDEX($D$3:$AA$30,INDEX(Jesper!$R$2:$R$366,ROW(INDEX(Jesper!AL$2:AL$366,ROUNDDOWN($C1292/24,0)+1,1))-1)+IF('Standard Profiles'!$G$22=$B$10,7,0)+IF('Standard Profiles'!$G$22=$B$17,14,0)+IF('Standard Profiles'!$G$22=$B$24,21,0),MOD($C1292,24)+1)/SUM(INDEX($D$3:$AA$30,INDEX(Jesper!$R$2:$R$366,ROW(INDEX(Jesper!AL$2:AL$366,ROUNDDOWN($C1292/24,0)+1,1))-1)+IF('Standard Profiles'!$G$22=$B$10,7,0)+IF('Standard Profiles'!$G$22=$B$17,14,0)+IF('Standard Profiles'!$G$22=$B$24,21,0),0)),0)</f>
        <v>0</v>
      </c>
      <c r="I1292">
        <f t="shared" si="153"/>
        <v>0.4112406779978352</v>
      </c>
      <c r="J1292">
        <f t="shared" si="154"/>
        <v>1.370802259992784</v>
      </c>
      <c r="K1292">
        <f t="shared" si="155"/>
        <v>2.0562033899891761</v>
      </c>
      <c r="L1292">
        <f t="shared" si="156"/>
        <v>9.8697762719480444</v>
      </c>
      <c r="M1292">
        <f t="shared" si="157"/>
        <v>0</v>
      </c>
      <c r="N1292" s="46">
        <f t="shared" si="158"/>
        <v>45344.416666663616</v>
      </c>
    </row>
    <row r="1293" spans="2:14" x14ac:dyDescent="0.3">
      <c r="B1293">
        <f t="shared" si="152"/>
        <v>4</v>
      </c>
      <c r="C1293" s="16">
        <v>1259</v>
      </c>
      <c r="D1293" cm="1">
        <f t="array" ref="D1293">IFERROR(INDEX(Jesper!AH$2:AH$366,ROUNDDOWN($C1293/24,0)+1,1)*INDEX($D$3:$AA$30,INDEX(Jesper!$R$2:$R$366,ROW(INDEX(Jesper!AH$2:AH$366,ROUNDDOWN($C1293/24,0)+1,1))-1)+IF('Standard Profiles'!$G$18=$B$10,7,0)+IF('Standard Profiles'!$G$18=$B$17,14,0)+IF('Standard Profiles'!$G$18=$B$24,21,0),MOD($C1293,24)+1)/SUM(INDEX($D$3:$AA$30,INDEX(Jesper!$R$2:$R$366,ROW(INDEX(Jesper!AH$2:AH$366,ROUNDDOWN($C1293/24,0)+1,1))-1)+IF('Standard Profiles'!$G$18=$B$10,7,0)+IF('Standard Profiles'!$G$18=$B$17,14,0)+IF('Standard Profiles'!$G$18=$B$24,21,0),0)),0)</f>
        <v>15.816949153762893</v>
      </c>
      <c r="E1293" cm="1">
        <f t="array" ref="E1293">IFERROR(INDEX(Jesper!AI$2:AI$366,ROUNDDOWN($C1293/24,0)+1,1)*INDEX($D$3:$AA$30,INDEX(Jesper!$R$2:$R$366,ROW(INDEX(Jesper!AI$2:AI$366,ROUNDDOWN($C1293/24,0)+1,1))-1)+IF('Standard Profiles'!$G$19=$B$10,7,0)+IF('Standard Profiles'!$G$19=$B$17,14,0)+IF('Standard Profiles'!$G$19=$B$24,21,0),MOD($C1293,24)+1)/SUM(INDEX($D$3:$AA$30,INDEX(Jesper!$R$2:$R$366,ROW(INDEX(Jesper!AI$2:AI$366,ROUNDDOWN($C1293/24,0)+1,1))-1)+IF('Standard Profiles'!$G$19=$B$10,7,0)+IF('Standard Profiles'!$G$19=$B$17,14,0)+IF('Standard Profiles'!$G$19=$B$24,21,0),0)),0)</f>
        <v>0</v>
      </c>
      <c r="F1293" cm="1">
        <f t="array" ref="F1293">IFERROR(INDEX(Jesper!AJ$2:AJ$366,ROUNDDOWN($C1293/24,0)+1,1)*INDEX($D$3:$AA$30,INDEX(Jesper!$R$2:$R$366,ROW(INDEX(Jesper!AJ$2:AJ$366,ROUNDDOWN($C1293/24,0)+1,1))-1)+IF('Standard Profiles'!$G$20=$B$10,7,0)+IF('Standard Profiles'!$G$20=$B$17,14,0)+IF('Standard Profiles'!$G$20=$B$24,21,0),MOD($C1293,24)+1)/SUM(INDEX($D$3:$AA$30,INDEX(Jesper!$R$2:$R$366,ROW(INDEX(Jesper!AJ$2:AJ$366,ROUNDDOWN($C1293/24,0)+1,1))-1)+IF('Standard Profiles'!$G$20=$B$10,7,0)+IF('Standard Profiles'!$G$20=$B$17,14,0)+IF('Standard Profiles'!$G$20=$B$24,21,0),0)),0)</f>
        <v>0</v>
      </c>
      <c r="G1293" cm="1">
        <f t="array" ref="G1293">IFERROR(INDEX(Jesper!AK$2:AK$366,ROUNDDOWN($C1293/24,0)+1,1)*INDEX($D$3:$AA$30,INDEX(Jesper!$R$2:$R$366,ROW(INDEX(Jesper!AK$2:AK$366,ROUNDDOWN($C1293/24,0)+1,1))-1)+IF('Standard Profiles'!$G$21=$B$10,7,0)+IF('Standard Profiles'!$G$21=$B$17,14,0)+IF('Standard Profiles'!$G$21=$B$24,21,0),MOD($C1293,24)+1)/SUM(INDEX($D$3:$AA$30,INDEX(Jesper!$R$2:$R$366,ROW(INDEX(Jesper!AK$2:AK$366,ROUNDDOWN($C1293/24,0)+1,1))-1)+IF('Standard Profiles'!$G$21=$B$10,7,0)+IF('Standard Profiles'!$G$21=$B$17,14,0)+IF('Standard Profiles'!$G$21=$B$24,21,0),0)),0)</f>
        <v>0</v>
      </c>
      <c r="H1293" cm="1">
        <f t="array" ref="H1293">IFERROR(INDEX(Jesper!AL$2:AL$366,ROUNDDOWN($C1293/24,0)+1,1)*INDEX($D$3:$AA$30,INDEX(Jesper!$R$2:$R$366,ROW(INDEX(Jesper!AL$2:AL$366,ROUNDDOWN($C1293/24,0)+1,1))-1)+IF('Standard Profiles'!$G$22=$B$10,7,0)+IF('Standard Profiles'!$G$22=$B$17,14,0)+IF('Standard Profiles'!$G$22=$B$24,21,0),MOD($C1293,24)+1)/SUM(INDEX($D$3:$AA$30,INDEX(Jesper!$R$2:$R$366,ROW(INDEX(Jesper!AL$2:AL$366,ROUNDDOWN($C1293/24,0)+1,1))-1)+IF('Standard Profiles'!$G$22=$B$10,7,0)+IF('Standard Profiles'!$G$22=$B$17,14,0)+IF('Standard Profiles'!$G$22=$B$24,21,0),0)),0)</f>
        <v>0</v>
      </c>
      <c r="I1293">
        <f t="shared" si="153"/>
        <v>0.47450847461288675</v>
      </c>
      <c r="J1293">
        <f t="shared" si="154"/>
        <v>1.5816949153762894</v>
      </c>
      <c r="K1293">
        <f t="shared" si="155"/>
        <v>2.3725423730644337</v>
      </c>
      <c r="L1293">
        <f t="shared" si="156"/>
        <v>11.388203390709283</v>
      </c>
      <c r="M1293">
        <f t="shared" si="157"/>
        <v>0</v>
      </c>
      <c r="N1293" s="46">
        <f t="shared" si="158"/>
        <v>45344.45833333028</v>
      </c>
    </row>
    <row r="1294" spans="2:14" x14ac:dyDescent="0.3">
      <c r="B1294">
        <f t="shared" si="152"/>
        <v>4</v>
      </c>
      <c r="C1294" s="16">
        <v>1260</v>
      </c>
      <c r="D1294" cm="1">
        <f t="array" ref="D1294">IFERROR(INDEX(Jesper!AH$2:AH$366,ROUNDDOWN($C1294/24,0)+1,1)*INDEX($D$3:$AA$30,INDEX(Jesper!$R$2:$R$366,ROW(INDEX(Jesper!AH$2:AH$366,ROUNDDOWN($C1294/24,0)+1,1))-1)+IF('Standard Profiles'!$G$18=$B$10,7,0)+IF('Standard Profiles'!$G$18=$B$17,14,0)+IF('Standard Profiles'!$G$18=$B$24,21,0),MOD($C1294,24)+1)/SUM(INDEX($D$3:$AA$30,INDEX(Jesper!$R$2:$R$366,ROW(INDEX(Jesper!AH$2:AH$366,ROUNDDOWN($C1294/24,0)+1,1))-1)+IF('Standard Profiles'!$G$18=$B$10,7,0)+IF('Standard Profiles'!$G$18=$B$17,14,0)+IF('Standard Profiles'!$G$18=$B$24,21,0),0)),0)</f>
        <v>15.816949153762893</v>
      </c>
      <c r="E1294" cm="1">
        <f t="array" ref="E1294">IFERROR(INDEX(Jesper!AI$2:AI$366,ROUNDDOWN($C1294/24,0)+1,1)*INDEX($D$3:$AA$30,INDEX(Jesper!$R$2:$R$366,ROW(INDEX(Jesper!AI$2:AI$366,ROUNDDOWN($C1294/24,0)+1,1))-1)+IF('Standard Profiles'!$G$19=$B$10,7,0)+IF('Standard Profiles'!$G$19=$B$17,14,0)+IF('Standard Profiles'!$G$19=$B$24,21,0),MOD($C1294,24)+1)/SUM(INDEX($D$3:$AA$30,INDEX(Jesper!$R$2:$R$366,ROW(INDEX(Jesper!AI$2:AI$366,ROUNDDOWN($C1294/24,0)+1,1))-1)+IF('Standard Profiles'!$G$19=$B$10,7,0)+IF('Standard Profiles'!$G$19=$B$17,14,0)+IF('Standard Profiles'!$G$19=$B$24,21,0),0)),0)</f>
        <v>0</v>
      </c>
      <c r="F1294" cm="1">
        <f t="array" ref="F1294">IFERROR(INDEX(Jesper!AJ$2:AJ$366,ROUNDDOWN($C1294/24,0)+1,1)*INDEX($D$3:$AA$30,INDEX(Jesper!$R$2:$R$366,ROW(INDEX(Jesper!AJ$2:AJ$366,ROUNDDOWN($C1294/24,0)+1,1))-1)+IF('Standard Profiles'!$G$20=$B$10,7,0)+IF('Standard Profiles'!$G$20=$B$17,14,0)+IF('Standard Profiles'!$G$20=$B$24,21,0),MOD($C1294,24)+1)/SUM(INDEX($D$3:$AA$30,INDEX(Jesper!$R$2:$R$366,ROW(INDEX(Jesper!AJ$2:AJ$366,ROUNDDOWN($C1294/24,0)+1,1))-1)+IF('Standard Profiles'!$G$20=$B$10,7,0)+IF('Standard Profiles'!$G$20=$B$17,14,0)+IF('Standard Profiles'!$G$20=$B$24,21,0),0)),0)</f>
        <v>0</v>
      </c>
      <c r="G1294" cm="1">
        <f t="array" ref="G1294">IFERROR(INDEX(Jesper!AK$2:AK$366,ROUNDDOWN($C1294/24,0)+1,1)*INDEX($D$3:$AA$30,INDEX(Jesper!$R$2:$R$366,ROW(INDEX(Jesper!AK$2:AK$366,ROUNDDOWN($C1294/24,0)+1,1))-1)+IF('Standard Profiles'!$G$21=$B$10,7,0)+IF('Standard Profiles'!$G$21=$B$17,14,0)+IF('Standard Profiles'!$G$21=$B$24,21,0),MOD($C1294,24)+1)/SUM(INDEX($D$3:$AA$30,INDEX(Jesper!$R$2:$R$366,ROW(INDEX(Jesper!AK$2:AK$366,ROUNDDOWN($C1294/24,0)+1,1))-1)+IF('Standard Profiles'!$G$21=$B$10,7,0)+IF('Standard Profiles'!$G$21=$B$17,14,0)+IF('Standard Profiles'!$G$21=$B$24,21,0),0)),0)</f>
        <v>0</v>
      </c>
      <c r="H1294" cm="1">
        <f t="array" ref="H1294">IFERROR(INDEX(Jesper!AL$2:AL$366,ROUNDDOWN($C1294/24,0)+1,1)*INDEX($D$3:$AA$30,INDEX(Jesper!$R$2:$R$366,ROW(INDEX(Jesper!AL$2:AL$366,ROUNDDOWN($C1294/24,0)+1,1))-1)+IF('Standard Profiles'!$G$22=$B$10,7,0)+IF('Standard Profiles'!$G$22=$B$17,14,0)+IF('Standard Profiles'!$G$22=$B$24,21,0),MOD($C1294,24)+1)/SUM(INDEX($D$3:$AA$30,INDEX(Jesper!$R$2:$R$366,ROW(INDEX(Jesper!AL$2:AL$366,ROUNDDOWN($C1294/24,0)+1,1))-1)+IF('Standard Profiles'!$G$22=$B$10,7,0)+IF('Standard Profiles'!$G$22=$B$17,14,0)+IF('Standard Profiles'!$G$22=$B$24,21,0),0)),0)</f>
        <v>0</v>
      </c>
      <c r="I1294">
        <f t="shared" si="153"/>
        <v>0.47450847461288675</v>
      </c>
      <c r="J1294">
        <f t="shared" si="154"/>
        <v>1.5816949153762894</v>
      </c>
      <c r="K1294">
        <f t="shared" si="155"/>
        <v>2.3725423730644337</v>
      </c>
      <c r="L1294">
        <f t="shared" si="156"/>
        <v>11.388203390709283</v>
      </c>
      <c r="M1294">
        <f t="shared" si="157"/>
        <v>0</v>
      </c>
      <c r="N1294" s="46">
        <f t="shared" si="158"/>
        <v>45344.499999996944</v>
      </c>
    </row>
    <row r="1295" spans="2:14" x14ac:dyDescent="0.3">
      <c r="B1295">
        <f t="shared" si="152"/>
        <v>4</v>
      </c>
      <c r="C1295" s="16">
        <v>1261</v>
      </c>
      <c r="D1295" cm="1">
        <f t="array" ref="D1295">IFERROR(INDEX(Jesper!AH$2:AH$366,ROUNDDOWN($C1295/24,0)+1,1)*INDEX($D$3:$AA$30,INDEX(Jesper!$R$2:$R$366,ROW(INDEX(Jesper!AH$2:AH$366,ROUNDDOWN($C1295/24,0)+1,1))-1)+IF('Standard Profiles'!$G$18=$B$10,7,0)+IF('Standard Profiles'!$G$18=$B$17,14,0)+IF('Standard Profiles'!$G$18=$B$24,21,0),MOD($C1295,24)+1)/SUM(INDEX($D$3:$AA$30,INDEX(Jesper!$R$2:$R$366,ROW(INDEX(Jesper!AH$2:AH$366,ROUNDDOWN($C1295/24,0)+1,1))-1)+IF('Standard Profiles'!$G$18=$B$10,7,0)+IF('Standard Profiles'!$G$18=$B$17,14,0)+IF('Standard Profiles'!$G$18=$B$24,21,0),0)),0)</f>
        <v>15.816949153762893</v>
      </c>
      <c r="E1295" cm="1">
        <f t="array" ref="E1295">IFERROR(INDEX(Jesper!AI$2:AI$366,ROUNDDOWN($C1295/24,0)+1,1)*INDEX($D$3:$AA$30,INDEX(Jesper!$R$2:$R$366,ROW(INDEX(Jesper!AI$2:AI$366,ROUNDDOWN($C1295/24,0)+1,1))-1)+IF('Standard Profiles'!$G$19=$B$10,7,0)+IF('Standard Profiles'!$G$19=$B$17,14,0)+IF('Standard Profiles'!$G$19=$B$24,21,0),MOD($C1295,24)+1)/SUM(INDEX($D$3:$AA$30,INDEX(Jesper!$R$2:$R$366,ROW(INDEX(Jesper!AI$2:AI$366,ROUNDDOWN($C1295/24,0)+1,1))-1)+IF('Standard Profiles'!$G$19=$B$10,7,0)+IF('Standard Profiles'!$G$19=$B$17,14,0)+IF('Standard Profiles'!$G$19=$B$24,21,0),0)),0)</f>
        <v>0</v>
      </c>
      <c r="F1295" cm="1">
        <f t="array" ref="F1295">IFERROR(INDEX(Jesper!AJ$2:AJ$366,ROUNDDOWN($C1295/24,0)+1,1)*INDEX($D$3:$AA$30,INDEX(Jesper!$R$2:$R$366,ROW(INDEX(Jesper!AJ$2:AJ$366,ROUNDDOWN($C1295/24,0)+1,1))-1)+IF('Standard Profiles'!$G$20=$B$10,7,0)+IF('Standard Profiles'!$G$20=$B$17,14,0)+IF('Standard Profiles'!$G$20=$B$24,21,0),MOD($C1295,24)+1)/SUM(INDEX($D$3:$AA$30,INDEX(Jesper!$R$2:$R$366,ROW(INDEX(Jesper!AJ$2:AJ$366,ROUNDDOWN($C1295/24,0)+1,1))-1)+IF('Standard Profiles'!$G$20=$B$10,7,0)+IF('Standard Profiles'!$G$20=$B$17,14,0)+IF('Standard Profiles'!$G$20=$B$24,21,0),0)),0)</f>
        <v>0</v>
      </c>
      <c r="G1295" cm="1">
        <f t="array" ref="G1295">IFERROR(INDEX(Jesper!AK$2:AK$366,ROUNDDOWN($C1295/24,0)+1,1)*INDEX($D$3:$AA$30,INDEX(Jesper!$R$2:$R$366,ROW(INDEX(Jesper!AK$2:AK$366,ROUNDDOWN($C1295/24,0)+1,1))-1)+IF('Standard Profiles'!$G$21=$B$10,7,0)+IF('Standard Profiles'!$G$21=$B$17,14,0)+IF('Standard Profiles'!$G$21=$B$24,21,0),MOD($C1295,24)+1)/SUM(INDEX($D$3:$AA$30,INDEX(Jesper!$R$2:$R$366,ROW(INDEX(Jesper!AK$2:AK$366,ROUNDDOWN($C1295/24,0)+1,1))-1)+IF('Standard Profiles'!$G$21=$B$10,7,0)+IF('Standard Profiles'!$G$21=$B$17,14,0)+IF('Standard Profiles'!$G$21=$B$24,21,0),0)),0)</f>
        <v>0</v>
      </c>
      <c r="H1295" cm="1">
        <f t="array" ref="H1295">IFERROR(INDEX(Jesper!AL$2:AL$366,ROUNDDOWN($C1295/24,0)+1,1)*INDEX($D$3:$AA$30,INDEX(Jesper!$R$2:$R$366,ROW(INDEX(Jesper!AL$2:AL$366,ROUNDDOWN($C1295/24,0)+1,1))-1)+IF('Standard Profiles'!$G$22=$B$10,7,0)+IF('Standard Profiles'!$G$22=$B$17,14,0)+IF('Standard Profiles'!$G$22=$B$24,21,0),MOD($C1295,24)+1)/SUM(INDEX($D$3:$AA$30,INDEX(Jesper!$R$2:$R$366,ROW(INDEX(Jesper!AL$2:AL$366,ROUNDDOWN($C1295/24,0)+1,1))-1)+IF('Standard Profiles'!$G$22=$B$10,7,0)+IF('Standard Profiles'!$G$22=$B$17,14,0)+IF('Standard Profiles'!$G$22=$B$24,21,0),0)),0)</f>
        <v>0</v>
      </c>
      <c r="I1295">
        <f t="shared" si="153"/>
        <v>0.47450847461288675</v>
      </c>
      <c r="J1295">
        <f t="shared" si="154"/>
        <v>1.5816949153762894</v>
      </c>
      <c r="K1295">
        <f t="shared" si="155"/>
        <v>2.3725423730644337</v>
      </c>
      <c r="L1295">
        <f t="shared" si="156"/>
        <v>11.388203390709283</v>
      </c>
      <c r="M1295">
        <f t="shared" si="157"/>
        <v>0</v>
      </c>
      <c r="N1295" s="46">
        <f t="shared" si="158"/>
        <v>45344.541666663608</v>
      </c>
    </row>
    <row r="1296" spans="2:14" x14ac:dyDescent="0.3">
      <c r="B1296">
        <f t="shared" si="152"/>
        <v>4</v>
      </c>
      <c r="C1296" s="16">
        <v>1262</v>
      </c>
      <c r="D1296" cm="1">
        <f t="array" ref="D1296">IFERROR(INDEX(Jesper!AH$2:AH$366,ROUNDDOWN($C1296/24,0)+1,1)*INDEX($D$3:$AA$30,INDEX(Jesper!$R$2:$R$366,ROW(INDEX(Jesper!AH$2:AH$366,ROUNDDOWN($C1296/24,0)+1,1))-1)+IF('Standard Profiles'!$G$18=$B$10,7,0)+IF('Standard Profiles'!$G$18=$B$17,14,0)+IF('Standard Profiles'!$G$18=$B$24,21,0),MOD($C1296,24)+1)/SUM(INDEX($D$3:$AA$30,INDEX(Jesper!$R$2:$R$366,ROW(INDEX(Jesper!AH$2:AH$366,ROUNDDOWN($C1296/24,0)+1,1))-1)+IF('Standard Profiles'!$G$18=$B$10,7,0)+IF('Standard Profiles'!$G$18=$B$17,14,0)+IF('Standard Profiles'!$G$18=$B$24,21,0),0)),0)</f>
        <v>15.816949153762893</v>
      </c>
      <c r="E1296" cm="1">
        <f t="array" ref="E1296">IFERROR(INDEX(Jesper!AI$2:AI$366,ROUNDDOWN($C1296/24,0)+1,1)*INDEX($D$3:$AA$30,INDEX(Jesper!$R$2:$R$366,ROW(INDEX(Jesper!AI$2:AI$366,ROUNDDOWN($C1296/24,0)+1,1))-1)+IF('Standard Profiles'!$G$19=$B$10,7,0)+IF('Standard Profiles'!$G$19=$B$17,14,0)+IF('Standard Profiles'!$G$19=$B$24,21,0),MOD($C1296,24)+1)/SUM(INDEX($D$3:$AA$30,INDEX(Jesper!$R$2:$R$366,ROW(INDEX(Jesper!AI$2:AI$366,ROUNDDOWN($C1296/24,0)+1,1))-1)+IF('Standard Profiles'!$G$19=$B$10,7,0)+IF('Standard Profiles'!$G$19=$B$17,14,0)+IF('Standard Profiles'!$G$19=$B$24,21,0),0)),0)</f>
        <v>0</v>
      </c>
      <c r="F1296" cm="1">
        <f t="array" ref="F1296">IFERROR(INDEX(Jesper!AJ$2:AJ$366,ROUNDDOWN($C1296/24,0)+1,1)*INDEX($D$3:$AA$30,INDEX(Jesper!$R$2:$R$366,ROW(INDEX(Jesper!AJ$2:AJ$366,ROUNDDOWN($C1296/24,0)+1,1))-1)+IF('Standard Profiles'!$G$20=$B$10,7,0)+IF('Standard Profiles'!$G$20=$B$17,14,0)+IF('Standard Profiles'!$G$20=$B$24,21,0),MOD($C1296,24)+1)/SUM(INDEX($D$3:$AA$30,INDEX(Jesper!$R$2:$R$366,ROW(INDEX(Jesper!AJ$2:AJ$366,ROUNDDOWN($C1296/24,0)+1,1))-1)+IF('Standard Profiles'!$G$20=$B$10,7,0)+IF('Standard Profiles'!$G$20=$B$17,14,0)+IF('Standard Profiles'!$G$20=$B$24,21,0),0)),0)</f>
        <v>0</v>
      </c>
      <c r="G1296" cm="1">
        <f t="array" ref="G1296">IFERROR(INDEX(Jesper!AK$2:AK$366,ROUNDDOWN($C1296/24,0)+1,1)*INDEX($D$3:$AA$30,INDEX(Jesper!$R$2:$R$366,ROW(INDEX(Jesper!AK$2:AK$366,ROUNDDOWN($C1296/24,0)+1,1))-1)+IF('Standard Profiles'!$G$21=$B$10,7,0)+IF('Standard Profiles'!$G$21=$B$17,14,0)+IF('Standard Profiles'!$G$21=$B$24,21,0),MOD($C1296,24)+1)/SUM(INDEX($D$3:$AA$30,INDEX(Jesper!$R$2:$R$366,ROW(INDEX(Jesper!AK$2:AK$366,ROUNDDOWN($C1296/24,0)+1,1))-1)+IF('Standard Profiles'!$G$21=$B$10,7,0)+IF('Standard Profiles'!$G$21=$B$17,14,0)+IF('Standard Profiles'!$G$21=$B$24,21,0),0)),0)</f>
        <v>0</v>
      </c>
      <c r="H1296" cm="1">
        <f t="array" ref="H1296">IFERROR(INDEX(Jesper!AL$2:AL$366,ROUNDDOWN($C1296/24,0)+1,1)*INDEX($D$3:$AA$30,INDEX(Jesper!$R$2:$R$366,ROW(INDEX(Jesper!AL$2:AL$366,ROUNDDOWN($C1296/24,0)+1,1))-1)+IF('Standard Profiles'!$G$22=$B$10,7,0)+IF('Standard Profiles'!$G$22=$B$17,14,0)+IF('Standard Profiles'!$G$22=$B$24,21,0),MOD($C1296,24)+1)/SUM(INDEX($D$3:$AA$30,INDEX(Jesper!$R$2:$R$366,ROW(INDEX(Jesper!AL$2:AL$366,ROUNDDOWN($C1296/24,0)+1,1))-1)+IF('Standard Profiles'!$G$22=$B$10,7,0)+IF('Standard Profiles'!$G$22=$B$17,14,0)+IF('Standard Profiles'!$G$22=$B$24,21,0),0)),0)</f>
        <v>0</v>
      </c>
      <c r="I1296">
        <f t="shared" si="153"/>
        <v>0.47450847461288675</v>
      </c>
      <c r="J1296">
        <f t="shared" si="154"/>
        <v>1.5816949153762894</v>
      </c>
      <c r="K1296">
        <f t="shared" si="155"/>
        <v>2.3725423730644337</v>
      </c>
      <c r="L1296">
        <f t="shared" si="156"/>
        <v>11.388203390709283</v>
      </c>
      <c r="M1296">
        <f t="shared" si="157"/>
        <v>0</v>
      </c>
      <c r="N1296" s="46">
        <f t="shared" si="158"/>
        <v>45344.583333330273</v>
      </c>
    </row>
    <row r="1297" spans="2:14" x14ac:dyDescent="0.3">
      <c r="B1297">
        <f t="shared" si="152"/>
        <v>4</v>
      </c>
      <c r="C1297" s="16">
        <v>1263</v>
      </c>
      <c r="D1297" cm="1">
        <f t="array" ref="D1297">IFERROR(INDEX(Jesper!AH$2:AH$366,ROUNDDOWN($C1297/24,0)+1,1)*INDEX($D$3:$AA$30,INDEX(Jesper!$R$2:$R$366,ROW(INDEX(Jesper!AH$2:AH$366,ROUNDDOWN($C1297/24,0)+1,1))-1)+IF('Standard Profiles'!$G$18=$B$10,7,0)+IF('Standard Profiles'!$G$18=$B$17,14,0)+IF('Standard Profiles'!$G$18=$B$24,21,0),MOD($C1297,24)+1)/SUM(INDEX($D$3:$AA$30,INDEX(Jesper!$R$2:$R$366,ROW(INDEX(Jesper!AH$2:AH$366,ROUNDDOWN($C1297/24,0)+1,1))-1)+IF('Standard Profiles'!$G$18=$B$10,7,0)+IF('Standard Profiles'!$G$18=$B$17,14,0)+IF('Standard Profiles'!$G$18=$B$24,21,0),0)),0)</f>
        <v>15.816949153762893</v>
      </c>
      <c r="E1297" cm="1">
        <f t="array" ref="E1297">IFERROR(INDEX(Jesper!AI$2:AI$366,ROUNDDOWN($C1297/24,0)+1,1)*INDEX($D$3:$AA$30,INDEX(Jesper!$R$2:$R$366,ROW(INDEX(Jesper!AI$2:AI$366,ROUNDDOWN($C1297/24,0)+1,1))-1)+IF('Standard Profiles'!$G$19=$B$10,7,0)+IF('Standard Profiles'!$G$19=$B$17,14,0)+IF('Standard Profiles'!$G$19=$B$24,21,0),MOD($C1297,24)+1)/SUM(INDEX($D$3:$AA$30,INDEX(Jesper!$R$2:$R$366,ROW(INDEX(Jesper!AI$2:AI$366,ROUNDDOWN($C1297/24,0)+1,1))-1)+IF('Standard Profiles'!$G$19=$B$10,7,0)+IF('Standard Profiles'!$G$19=$B$17,14,0)+IF('Standard Profiles'!$G$19=$B$24,21,0),0)),0)</f>
        <v>0</v>
      </c>
      <c r="F1297" cm="1">
        <f t="array" ref="F1297">IFERROR(INDEX(Jesper!AJ$2:AJ$366,ROUNDDOWN($C1297/24,0)+1,1)*INDEX($D$3:$AA$30,INDEX(Jesper!$R$2:$R$366,ROW(INDEX(Jesper!AJ$2:AJ$366,ROUNDDOWN($C1297/24,0)+1,1))-1)+IF('Standard Profiles'!$G$20=$B$10,7,0)+IF('Standard Profiles'!$G$20=$B$17,14,0)+IF('Standard Profiles'!$G$20=$B$24,21,0),MOD($C1297,24)+1)/SUM(INDEX($D$3:$AA$30,INDEX(Jesper!$R$2:$R$366,ROW(INDEX(Jesper!AJ$2:AJ$366,ROUNDDOWN($C1297/24,0)+1,1))-1)+IF('Standard Profiles'!$G$20=$B$10,7,0)+IF('Standard Profiles'!$G$20=$B$17,14,0)+IF('Standard Profiles'!$G$20=$B$24,21,0),0)),0)</f>
        <v>0</v>
      </c>
      <c r="G1297" cm="1">
        <f t="array" ref="G1297">IFERROR(INDEX(Jesper!AK$2:AK$366,ROUNDDOWN($C1297/24,0)+1,1)*INDEX($D$3:$AA$30,INDEX(Jesper!$R$2:$R$366,ROW(INDEX(Jesper!AK$2:AK$366,ROUNDDOWN($C1297/24,0)+1,1))-1)+IF('Standard Profiles'!$G$21=$B$10,7,0)+IF('Standard Profiles'!$G$21=$B$17,14,0)+IF('Standard Profiles'!$G$21=$B$24,21,0),MOD($C1297,24)+1)/SUM(INDEX($D$3:$AA$30,INDEX(Jesper!$R$2:$R$366,ROW(INDEX(Jesper!AK$2:AK$366,ROUNDDOWN($C1297/24,0)+1,1))-1)+IF('Standard Profiles'!$G$21=$B$10,7,0)+IF('Standard Profiles'!$G$21=$B$17,14,0)+IF('Standard Profiles'!$G$21=$B$24,21,0),0)),0)</f>
        <v>0</v>
      </c>
      <c r="H1297" cm="1">
        <f t="array" ref="H1297">IFERROR(INDEX(Jesper!AL$2:AL$366,ROUNDDOWN($C1297/24,0)+1,1)*INDEX($D$3:$AA$30,INDEX(Jesper!$R$2:$R$366,ROW(INDEX(Jesper!AL$2:AL$366,ROUNDDOWN($C1297/24,0)+1,1))-1)+IF('Standard Profiles'!$G$22=$B$10,7,0)+IF('Standard Profiles'!$G$22=$B$17,14,0)+IF('Standard Profiles'!$G$22=$B$24,21,0),MOD($C1297,24)+1)/SUM(INDEX($D$3:$AA$30,INDEX(Jesper!$R$2:$R$366,ROW(INDEX(Jesper!AL$2:AL$366,ROUNDDOWN($C1297/24,0)+1,1))-1)+IF('Standard Profiles'!$G$22=$B$10,7,0)+IF('Standard Profiles'!$G$22=$B$17,14,0)+IF('Standard Profiles'!$G$22=$B$24,21,0),0)),0)</f>
        <v>0</v>
      </c>
      <c r="I1297">
        <f t="shared" si="153"/>
        <v>0.47450847461288675</v>
      </c>
      <c r="J1297">
        <f t="shared" si="154"/>
        <v>1.5816949153762894</v>
      </c>
      <c r="K1297">
        <f t="shared" si="155"/>
        <v>2.3725423730644337</v>
      </c>
      <c r="L1297">
        <f t="shared" si="156"/>
        <v>11.388203390709283</v>
      </c>
      <c r="M1297">
        <f t="shared" si="157"/>
        <v>0</v>
      </c>
      <c r="N1297" s="46">
        <f t="shared" si="158"/>
        <v>45344.624999996937</v>
      </c>
    </row>
    <row r="1298" spans="2:14" x14ac:dyDescent="0.3">
      <c r="B1298">
        <f t="shared" si="152"/>
        <v>4</v>
      </c>
      <c r="C1298" s="16">
        <v>1264</v>
      </c>
      <c r="D1298" cm="1">
        <f t="array" ref="D1298">IFERROR(INDEX(Jesper!AH$2:AH$366,ROUNDDOWN($C1298/24,0)+1,1)*INDEX($D$3:$AA$30,INDEX(Jesper!$R$2:$R$366,ROW(INDEX(Jesper!AH$2:AH$366,ROUNDDOWN($C1298/24,0)+1,1))-1)+IF('Standard Profiles'!$G$18=$B$10,7,0)+IF('Standard Profiles'!$G$18=$B$17,14,0)+IF('Standard Profiles'!$G$18=$B$24,21,0),MOD($C1298,24)+1)/SUM(INDEX($D$3:$AA$30,INDEX(Jesper!$R$2:$R$366,ROW(INDEX(Jesper!AH$2:AH$366,ROUNDDOWN($C1298/24,0)+1,1))-1)+IF('Standard Profiles'!$G$18=$B$10,7,0)+IF('Standard Profiles'!$G$18=$B$17,14,0)+IF('Standard Profiles'!$G$18=$B$24,21,0),0)),0)</f>
        <v>15.816949153762893</v>
      </c>
      <c r="E1298" cm="1">
        <f t="array" ref="E1298">IFERROR(INDEX(Jesper!AI$2:AI$366,ROUNDDOWN($C1298/24,0)+1,1)*INDEX($D$3:$AA$30,INDEX(Jesper!$R$2:$R$366,ROW(INDEX(Jesper!AI$2:AI$366,ROUNDDOWN($C1298/24,0)+1,1))-1)+IF('Standard Profiles'!$G$19=$B$10,7,0)+IF('Standard Profiles'!$G$19=$B$17,14,0)+IF('Standard Profiles'!$G$19=$B$24,21,0),MOD($C1298,24)+1)/SUM(INDEX($D$3:$AA$30,INDEX(Jesper!$R$2:$R$366,ROW(INDEX(Jesper!AI$2:AI$366,ROUNDDOWN($C1298/24,0)+1,1))-1)+IF('Standard Profiles'!$G$19=$B$10,7,0)+IF('Standard Profiles'!$G$19=$B$17,14,0)+IF('Standard Profiles'!$G$19=$B$24,21,0),0)),0)</f>
        <v>0</v>
      </c>
      <c r="F1298" cm="1">
        <f t="array" ref="F1298">IFERROR(INDEX(Jesper!AJ$2:AJ$366,ROUNDDOWN($C1298/24,0)+1,1)*INDEX($D$3:$AA$30,INDEX(Jesper!$R$2:$R$366,ROW(INDEX(Jesper!AJ$2:AJ$366,ROUNDDOWN($C1298/24,0)+1,1))-1)+IF('Standard Profiles'!$G$20=$B$10,7,0)+IF('Standard Profiles'!$G$20=$B$17,14,0)+IF('Standard Profiles'!$G$20=$B$24,21,0),MOD($C1298,24)+1)/SUM(INDEX($D$3:$AA$30,INDEX(Jesper!$R$2:$R$366,ROW(INDEX(Jesper!AJ$2:AJ$366,ROUNDDOWN($C1298/24,0)+1,1))-1)+IF('Standard Profiles'!$G$20=$B$10,7,0)+IF('Standard Profiles'!$G$20=$B$17,14,0)+IF('Standard Profiles'!$G$20=$B$24,21,0),0)),0)</f>
        <v>0</v>
      </c>
      <c r="G1298" cm="1">
        <f t="array" ref="G1298">IFERROR(INDEX(Jesper!AK$2:AK$366,ROUNDDOWN($C1298/24,0)+1,1)*INDEX($D$3:$AA$30,INDEX(Jesper!$R$2:$R$366,ROW(INDEX(Jesper!AK$2:AK$366,ROUNDDOWN($C1298/24,0)+1,1))-1)+IF('Standard Profiles'!$G$21=$B$10,7,0)+IF('Standard Profiles'!$G$21=$B$17,14,0)+IF('Standard Profiles'!$G$21=$B$24,21,0),MOD($C1298,24)+1)/SUM(INDEX($D$3:$AA$30,INDEX(Jesper!$R$2:$R$366,ROW(INDEX(Jesper!AK$2:AK$366,ROUNDDOWN($C1298/24,0)+1,1))-1)+IF('Standard Profiles'!$G$21=$B$10,7,0)+IF('Standard Profiles'!$G$21=$B$17,14,0)+IF('Standard Profiles'!$G$21=$B$24,21,0),0)),0)</f>
        <v>0</v>
      </c>
      <c r="H1298" cm="1">
        <f t="array" ref="H1298">IFERROR(INDEX(Jesper!AL$2:AL$366,ROUNDDOWN($C1298/24,0)+1,1)*INDEX($D$3:$AA$30,INDEX(Jesper!$R$2:$R$366,ROW(INDEX(Jesper!AL$2:AL$366,ROUNDDOWN($C1298/24,0)+1,1))-1)+IF('Standard Profiles'!$G$22=$B$10,7,0)+IF('Standard Profiles'!$G$22=$B$17,14,0)+IF('Standard Profiles'!$G$22=$B$24,21,0),MOD($C1298,24)+1)/SUM(INDEX($D$3:$AA$30,INDEX(Jesper!$R$2:$R$366,ROW(INDEX(Jesper!AL$2:AL$366,ROUNDDOWN($C1298/24,0)+1,1))-1)+IF('Standard Profiles'!$G$22=$B$10,7,0)+IF('Standard Profiles'!$G$22=$B$17,14,0)+IF('Standard Profiles'!$G$22=$B$24,21,0),0)),0)</f>
        <v>0</v>
      </c>
      <c r="I1298">
        <f t="shared" si="153"/>
        <v>0.47450847461288675</v>
      </c>
      <c r="J1298">
        <f t="shared" si="154"/>
        <v>1.5816949153762894</v>
      </c>
      <c r="K1298">
        <f t="shared" si="155"/>
        <v>2.3725423730644337</v>
      </c>
      <c r="L1298">
        <f t="shared" si="156"/>
        <v>11.388203390709283</v>
      </c>
      <c r="M1298">
        <f t="shared" si="157"/>
        <v>0</v>
      </c>
      <c r="N1298" s="46">
        <f t="shared" si="158"/>
        <v>45344.666666663601</v>
      </c>
    </row>
    <row r="1299" spans="2:14" x14ac:dyDescent="0.3">
      <c r="B1299">
        <f t="shared" si="152"/>
        <v>4</v>
      </c>
      <c r="C1299" s="16">
        <v>1265</v>
      </c>
      <c r="D1299" cm="1">
        <f t="array" ref="D1299">IFERROR(INDEX(Jesper!AH$2:AH$366,ROUNDDOWN($C1299/24,0)+1,1)*INDEX($D$3:$AA$30,INDEX(Jesper!$R$2:$R$366,ROW(INDEX(Jesper!AH$2:AH$366,ROUNDDOWN($C1299/24,0)+1,1))-1)+IF('Standard Profiles'!$G$18=$B$10,7,0)+IF('Standard Profiles'!$G$18=$B$17,14,0)+IF('Standard Profiles'!$G$18=$B$24,21,0),MOD($C1299,24)+1)/SUM(INDEX($D$3:$AA$30,INDEX(Jesper!$R$2:$R$366,ROW(INDEX(Jesper!AH$2:AH$366,ROUNDDOWN($C1299/24,0)+1,1))-1)+IF('Standard Profiles'!$G$18=$B$10,7,0)+IF('Standard Profiles'!$G$18=$B$17,14,0)+IF('Standard Profiles'!$G$18=$B$24,21,0),0)),0)</f>
        <v>15.816949153762893</v>
      </c>
      <c r="E1299" cm="1">
        <f t="array" ref="E1299">IFERROR(INDEX(Jesper!AI$2:AI$366,ROUNDDOWN($C1299/24,0)+1,1)*INDEX($D$3:$AA$30,INDEX(Jesper!$R$2:$R$366,ROW(INDEX(Jesper!AI$2:AI$366,ROUNDDOWN($C1299/24,0)+1,1))-1)+IF('Standard Profiles'!$G$19=$B$10,7,0)+IF('Standard Profiles'!$G$19=$B$17,14,0)+IF('Standard Profiles'!$G$19=$B$24,21,0),MOD($C1299,24)+1)/SUM(INDEX($D$3:$AA$30,INDEX(Jesper!$R$2:$R$366,ROW(INDEX(Jesper!AI$2:AI$366,ROUNDDOWN($C1299/24,0)+1,1))-1)+IF('Standard Profiles'!$G$19=$B$10,7,0)+IF('Standard Profiles'!$G$19=$B$17,14,0)+IF('Standard Profiles'!$G$19=$B$24,21,0),0)),0)</f>
        <v>0</v>
      </c>
      <c r="F1299" cm="1">
        <f t="array" ref="F1299">IFERROR(INDEX(Jesper!AJ$2:AJ$366,ROUNDDOWN($C1299/24,0)+1,1)*INDEX($D$3:$AA$30,INDEX(Jesper!$R$2:$R$366,ROW(INDEX(Jesper!AJ$2:AJ$366,ROUNDDOWN($C1299/24,0)+1,1))-1)+IF('Standard Profiles'!$G$20=$B$10,7,0)+IF('Standard Profiles'!$G$20=$B$17,14,0)+IF('Standard Profiles'!$G$20=$B$24,21,0),MOD($C1299,24)+1)/SUM(INDEX($D$3:$AA$30,INDEX(Jesper!$R$2:$R$366,ROW(INDEX(Jesper!AJ$2:AJ$366,ROUNDDOWN($C1299/24,0)+1,1))-1)+IF('Standard Profiles'!$G$20=$B$10,7,0)+IF('Standard Profiles'!$G$20=$B$17,14,0)+IF('Standard Profiles'!$G$20=$B$24,21,0),0)),0)</f>
        <v>0</v>
      </c>
      <c r="G1299" cm="1">
        <f t="array" ref="G1299">IFERROR(INDEX(Jesper!AK$2:AK$366,ROUNDDOWN($C1299/24,0)+1,1)*INDEX($D$3:$AA$30,INDEX(Jesper!$R$2:$R$366,ROW(INDEX(Jesper!AK$2:AK$366,ROUNDDOWN($C1299/24,0)+1,1))-1)+IF('Standard Profiles'!$G$21=$B$10,7,0)+IF('Standard Profiles'!$G$21=$B$17,14,0)+IF('Standard Profiles'!$G$21=$B$24,21,0),MOD($C1299,24)+1)/SUM(INDEX($D$3:$AA$30,INDEX(Jesper!$R$2:$R$366,ROW(INDEX(Jesper!AK$2:AK$366,ROUNDDOWN($C1299/24,0)+1,1))-1)+IF('Standard Profiles'!$G$21=$B$10,7,0)+IF('Standard Profiles'!$G$21=$B$17,14,0)+IF('Standard Profiles'!$G$21=$B$24,21,0),0)),0)</f>
        <v>0</v>
      </c>
      <c r="H1299" cm="1">
        <f t="array" ref="H1299">IFERROR(INDEX(Jesper!AL$2:AL$366,ROUNDDOWN($C1299/24,0)+1,1)*INDEX($D$3:$AA$30,INDEX(Jesper!$R$2:$R$366,ROW(INDEX(Jesper!AL$2:AL$366,ROUNDDOWN($C1299/24,0)+1,1))-1)+IF('Standard Profiles'!$G$22=$B$10,7,0)+IF('Standard Profiles'!$G$22=$B$17,14,0)+IF('Standard Profiles'!$G$22=$B$24,21,0),MOD($C1299,24)+1)/SUM(INDEX($D$3:$AA$30,INDEX(Jesper!$R$2:$R$366,ROW(INDEX(Jesper!AL$2:AL$366,ROUNDDOWN($C1299/24,0)+1,1))-1)+IF('Standard Profiles'!$G$22=$B$10,7,0)+IF('Standard Profiles'!$G$22=$B$17,14,0)+IF('Standard Profiles'!$G$22=$B$24,21,0),0)),0)</f>
        <v>0</v>
      </c>
      <c r="I1299">
        <f t="shared" si="153"/>
        <v>0.47450847461288675</v>
      </c>
      <c r="J1299">
        <f t="shared" si="154"/>
        <v>1.5816949153762894</v>
      </c>
      <c r="K1299">
        <f t="shared" si="155"/>
        <v>2.3725423730644337</v>
      </c>
      <c r="L1299">
        <f t="shared" si="156"/>
        <v>11.388203390709283</v>
      </c>
      <c r="M1299">
        <f t="shared" si="157"/>
        <v>0</v>
      </c>
      <c r="N1299" s="46">
        <f t="shared" si="158"/>
        <v>45344.708333330265</v>
      </c>
    </row>
    <row r="1300" spans="2:14" x14ac:dyDescent="0.3">
      <c r="B1300">
        <f t="shared" si="152"/>
        <v>4</v>
      </c>
      <c r="C1300" s="16">
        <v>1266</v>
      </c>
      <c r="D1300" cm="1">
        <f t="array" ref="D1300">IFERROR(INDEX(Jesper!AH$2:AH$366,ROUNDDOWN($C1300/24,0)+1,1)*INDEX($D$3:$AA$30,INDEX(Jesper!$R$2:$R$366,ROW(INDEX(Jesper!AH$2:AH$366,ROUNDDOWN($C1300/24,0)+1,1))-1)+IF('Standard Profiles'!$G$18=$B$10,7,0)+IF('Standard Profiles'!$G$18=$B$17,14,0)+IF('Standard Profiles'!$G$18=$B$24,21,0),MOD($C1300,24)+1)/SUM(INDEX($D$3:$AA$30,INDEX(Jesper!$R$2:$R$366,ROW(INDEX(Jesper!AH$2:AH$366,ROUNDDOWN($C1300/24,0)+1,1))-1)+IF('Standard Profiles'!$G$18=$B$10,7,0)+IF('Standard Profiles'!$G$18=$B$17,14,0)+IF('Standard Profiles'!$G$18=$B$24,21,0),0)),0)</f>
        <v>15.816949153762893</v>
      </c>
      <c r="E1300" cm="1">
        <f t="array" ref="E1300">IFERROR(INDEX(Jesper!AI$2:AI$366,ROUNDDOWN($C1300/24,0)+1,1)*INDEX($D$3:$AA$30,INDEX(Jesper!$R$2:$R$366,ROW(INDEX(Jesper!AI$2:AI$366,ROUNDDOWN($C1300/24,0)+1,1))-1)+IF('Standard Profiles'!$G$19=$B$10,7,0)+IF('Standard Profiles'!$G$19=$B$17,14,0)+IF('Standard Profiles'!$G$19=$B$24,21,0),MOD($C1300,24)+1)/SUM(INDEX($D$3:$AA$30,INDEX(Jesper!$R$2:$R$366,ROW(INDEX(Jesper!AI$2:AI$366,ROUNDDOWN($C1300/24,0)+1,1))-1)+IF('Standard Profiles'!$G$19=$B$10,7,0)+IF('Standard Profiles'!$G$19=$B$17,14,0)+IF('Standard Profiles'!$G$19=$B$24,21,0),0)),0)</f>
        <v>0</v>
      </c>
      <c r="F1300" cm="1">
        <f t="array" ref="F1300">IFERROR(INDEX(Jesper!AJ$2:AJ$366,ROUNDDOWN($C1300/24,0)+1,1)*INDEX($D$3:$AA$30,INDEX(Jesper!$R$2:$R$366,ROW(INDEX(Jesper!AJ$2:AJ$366,ROUNDDOWN($C1300/24,0)+1,1))-1)+IF('Standard Profiles'!$G$20=$B$10,7,0)+IF('Standard Profiles'!$G$20=$B$17,14,0)+IF('Standard Profiles'!$G$20=$B$24,21,0),MOD($C1300,24)+1)/SUM(INDEX($D$3:$AA$30,INDEX(Jesper!$R$2:$R$366,ROW(INDEX(Jesper!AJ$2:AJ$366,ROUNDDOWN($C1300/24,0)+1,1))-1)+IF('Standard Profiles'!$G$20=$B$10,7,0)+IF('Standard Profiles'!$G$20=$B$17,14,0)+IF('Standard Profiles'!$G$20=$B$24,21,0),0)),0)</f>
        <v>0</v>
      </c>
      <c r="G1300" cm="1">
        <f t="array" ref="G1300">IFERROR(INDEX(Jesper!AK$2:AK$366,ROUNDDOWN($C1300/24,0)+1,1)*INDEX($D$3:$AA$30,INDEX(Jesper!$R$2:$R$366,ROW(INDEX(Jesper!AK$2:AK$366,ROUNDDOWN($C1300/24,0)+1,1))-1)+IF('Standard Profiles'!$G$21=$B$10,7,0)+IF('Standard Profiles'!$G$21=$B$17,14,0)+IF('Standard Profiles'!$G$21=$B$24,21,0),MOD($C1300,24)+1)/SUM(INDEX($D$3:$AA$30,INDEX(Jesper!$R$2:$R$366,ROW(INDEX(Jesper!AK$2:AK$366,ROUNDDOWN($C1300/24,0)+1,1))-1)+IF('Standard Profiles'!$G$21=$B$10,7,0)+IF('Standard Profiles'!$G$21=$B$17,14,0)+IF('Standard Profiles'!$G$21=$B$24,21,0),0)),0)</f>
        <v>0</v>
      </c>
      <c r="H1300" cm="1">
        <f t="array" ref="H1300">IFERROR(INDEX(Jesper!AL$2:AL$366,ROUNDDOWN($C1300/24,0)+1,1)*INDEX($D$3:$AA$30,INDEX(Jesper!$R$2:$R$366,ROW(INDEX(Jesper!AL$2:AL$366,ROUNDDOWN($C1300/24,0)+1,1))-1)+IF('Standard Profiles'!$G$22=$B$10,7,0)+IF('Standard Profiles'!$G$22=$B$17,14,0)+IF('Standard Profiles'!$G$22=$B$24,21,0),MOD($C1300,24)+1)/SUM(INDEX($D$3:$AA$30,INDEX(Jesper!$R$2:$R$366,ROW(INDEX(Jesper!AL$2:AL$366,ROUNDDOWN($C1300/24,0)+1,1))-1)+IF('Standard Profiles'!$G$22=$B$10,7,0)+IF('Standard Profiles'!$G$22=$B$17,14,0)+IF('Standard Profiles'!$G$22=$B$24,21,0),0)),0)</f>
        <v>0</v>
      </c>
      <c r="I1300">
        <f t="shared" si="153"/>
        <v>0.47450847461288675</v>
      </c>
      <c r="J1300">
        <f t="shared" si="154"/>
        <v>1.5816949153762894</v>
      </c>
      <c r="K1300">
        <f t="shared" si="155"/>
        <v>2.3725423730644337</v>
      </c>
      <c r="L1300">
        <f t="shared" si="156"/>
        <v>11.388203390709283</v>
      </c>
      <c r="M1300">
        <f t="shared" si="157"/>
        <v>0</v>
      </c>
      <c r="N1300" s="46">
        <f t="shared" si="158"/>
        <v>45344.74999999693</v>
      </c>
    </row>
    <row r="1301" spans="2:14" x14ac:dyDescent="0.3">
      <c r="B1301">
        <f t="shared" si="152"/>
        <v>4</v>
      </c>
      <c r="C1301" s="16">
        <v>1267</v>
      </c>
      <c r="D1301" cm="1">
        <f t="array" ref="D1301">IFERROR(INDEX(Jesper!AH$2:AH$366,ROUNDDOWN($C1301/24,0)+1,1)*INDEX($D$3:$AA$30,INDEX(Jesper!$R$2:$R$366,ROW(INDEX(Jesper!AH$2:AH$366,ROUNDDOWN($C1301/24,0)+1,1))-1)+IF('Standard Profiles'!$G$18=$B$10,7,0)+IF('Standard Profiles'!$G$18=$B$17,14,0)+IF('Standard Profiles'!$G$18=$B$24,21,0),MOD($C1301,24)+1)/SUM(INDEX($D$3:$AA$30,INDEX(Jesper!$R$2:$R$366,ROW(INDEX(Jesper!AH$2:AH$366,ROUNDDOWN($C1301/24,0)+1,1))-1)+IF('Standard Profiles'!$G$18=$B$10,7,0)+IF('Standard Profiles'!$G$18=$B$17,14,0)+IF('Standard Profiles'!$G$18=$B$24,21,0),0)),0)</f>
        <v>13.180790961469079</v>
      </c>
      <c r="E1301" cm="1">
        <f t="array" ref="E1301">IFERROR(INDEX(Jesper!AI$2:AI$366,ROUNDDOWN($C1301/24,0)+1,1)*INDEX($D$3:$AA$30,INDEX(Jesper!$R$2:$R$366,ROW(INDEX(Jesper!AI$2:AI$366,ROUNDDOWN($C1301/24,0)+1,1))-1)+IF('Standard Profiles'!$G$19=$B$10,7,0)+IF('Standard Profiles'!$G$19=$B$17,14,0)+IF('Standard Profiles'!$G$19=$B$24,21,0),MOD($C1301,24)+1)/SUM(INDEX($D$3:$AA$30,INDEX(Jesper!$R$2:$R$366,ROW(INDEX(Jesper!AI$2:AI$366,ROUNDDOWN($C1301/24,0)+1,1))-1)+IF('Standard Profiles'!$G$19=$B$10,7,0)+IF('Standard Profiles'!$G$19=$B$17,14,0)+IF('Standard Profiles'!$G$19=$B$24,21,0),0)),0)</f>
        <v>0</v>
      </c>
      <c r="F1301" cm="1">
        <f t="array" ref="F1301">IFERROR(INDEX(Jesper!AJ$2:AJ$366,ROUNDDOWN($C1301/24,0)+1,1)*INDEX($D$3:$AA$30,INDEX(Jesper!$R$2:$R$366,ROW(INDEX(Jesper!AJ$2:AJ$366,ROUNDDOWN($C1301/24,0)+1,1))-1)+IF('Standard Profiles'!$G$20=$B$10,7,0)+IF('Standard Profiles'!$G$20=$B$17,14,0)+IF('Standard Profiles'!$G$20=$B$24,21,0),MOD($C1301,24)+1)/SUM(INDEX($D$3:$AA$30,INDEX(Jesper!$R$2:$R$366,ROW(INDEX(Jesper!AJ$2:AJ$366,ROUNDDOWN($C1301/24,0)+1,1))-1)+IF('Standard Profiles'!$G$20=$B$10,7,0)+IF('Standard Profiles'!$G$20=$B$17,14,0)+IF('Standard Profiles'!$G$20=$B$24,21,0),0)),0)</f>
        <v>0</v>
      </c>
      <c r="G1301" cm="1">
        <f t="array" ref="G1301">IFERROR(INDEX(Jesper!AK$2:AK$366,ROUNDDOWN($C1301/24,0)+1,1)*INDEX($D$3:$AA$30,INDEX(Jesper!$R$2:$R$366,ROW(INDEX(Jesper!AK$2:AK$366,ROUNDDOWN($C1301/24,0)+1,1))-1)+IF('Standard Profiles'!$G$21=$B$10,7,0)+IF('Standard Profiles'!$G$21=$B$17,14,0)+IF('Standard Profiles'!$G$21=$B$24,21,0),MOD($C1301,24)+1)/SUM(INDEX($D$3:$AA$30,INDEX(Jesper!$R$2:$R$366,ROW(INDEX(Jesper!AK$2:AK$366,ROUNDDOWN($C1301/24,0)+1,1))-1)+IF('Standard Profiles'!$G$21=$B$10,7,0)+IF('Standard Profiles'!$G$21=$B$17,14,0)+IF('Standard Profiles'!$G$21=$B$24,21,0),0)),0)</f>
        <v>0</v>
      </c>
      <c r="H1301" cm="1">
        <f t="array" ref="H1301">IFERROR(INDEX(Jesper!AL$2:AL$366,ROUNDDOWN($C1301/24,0)+1,1)*INDEX($D$3:$AA$30,INDEX(Jesper!$R$2:$R$366,ROW(INDEX(Jesper!AL$2:AL$366,ROUNDDOWN($C1301/24,0)+1,1))-1)+IF('Standard Profiles'!$G$22=$B$10,7,0)+IF('Standard Profiles'!$G$22=$B$17,14,0)+IF('Standard Profiles'!$G$22=$B$24,21,0),MOD($C1301,24)+1)/SUM(INDEX($D$3:$AA$30,INDEX(Jesper!$R$2:$R$366,ROW(INDEX(Jesper!AL$2:AL$366,ROUNDDOWN($C1301/24,0)+1,1))-1)+IF('Standard Profiles'!$G$22=$B$10,7,0)+IF('Standard Profiles'!$G$22=$B$17,14,0)+IF('Standard Profiles'!$G$22=$B$24,21,0),0)),0)</f>
        <v>0</v>
      </c>
      <c r="I1301">
        <f t="shared" si="153"/>
        <v>0.39542372884407234</v>
      </c>
      <c r="J1301">
        <f t="shared" si="154"/>
        <v>1.318079096146908</v>
      </c>
      <c r="K1301">
        <f t="shared" si="155"/>
        <v>1.9771186442203617</v>
      </c>
      <c r="L1301">
        <f t="shared" si="156"/>
        <v>9.4901694922577366</v>
      </c>
      <c r="M1301">
        <f t="shared" si="157"/>
        <v>0</v>
      </c>
      <c r="N1301" s="46">
        <f t="shared" si="158"/>
        <v>45344.791666663594</v>
      </c>
    </row>
    <row r="1302" spans="2:14" x14ac:dyDescent="0.3">
      <c r="B1302">
        <f t="shared" si="152"/>
        <v>4</v>
      </c>
      <c r="C1302" s="16">
        <v>1268</v>
      </c>
      <c r="D1302" cm="1">
        <f t="array" ref="D1302">IFERROR(INDEX(Jesper!AH$2:AH$366,ROUNDDOWN($C1302/24,0)+1,1)*INDEX($D$3:$AA$30,INDEX(Jesper!$R$2:$R$366,ROW(INDEX(Jesper!AH$2:AH$366,ROUNDDOWN($C1302/24,0)+1,1))-1)+IF('Standard Profiles'!$G$18=$B$10,7,0)+IF('Standard Profiles'!$G$18=$B$17,14,0)+IF('Standard Profiles'!$G$18=$B$24,21,0),MOD($C1302,24)+1)/SUM(INDEX($D$3:$AA$30,INDEX(Jesper!$R$2:$R$366,ROW(INDEX(Jesper!AH$2:AH$366,ROUNDDOWN($C1302/24,0)+1,1))-1)+IF('Standard Profiles'!$G$18=$B$10,7,0)+IF('Standard Profiles'!$G$18=$B$17,14,0)+IF('Standard Profiles'!$G$18=$B$24,21,0),0)),0)</f>
        <v>10.544632769175264</v>
      </c>
      <c r="E1302" cm="1">
        <f t="array" ref="E1302">IFERROR(INDEX(Jesper!AI$2:AI$366,ROUNDDOWN($C1302/24,0)+1,1)*INDEX($D$3:$AA$30,INDEX(Jesper!$R$2:$R$366,ROW(INDEX(Jesper!AI$2:AI$366,ROUNDDOWN($C1302/24,0)+1,1))-1)+IF('Standard Profiles'!$G$19=$B$10,7,0)+IF('Standard Profiles'!$G$19=$B$17,14,0)+IF('Standard Profiles'!$G$19=$B$24,21,0),MOD($C1302,24)+1)/SUM(INDEX($D$3:$AA$30,INDEX(Jesper!$R$2:$R$366,ROW(INDEX(Jesper!AI$2:AI$366,ROUNDDOWN($C1302/24,0)+1,1))-1)+IF('Standard Profiles'!$G$19=$B$10,7,0)+IF('Standard Profiles'!$G$19=$B$17,14,0)+IF('Standard Profiles'!$G$19=$B$24,21,0),0)),0)</f>
        <v>0</v>
      </c>
      <c r="F1302" cm="1">
        <f t="array" ref="F1302">IFERROR(INDEX(Jesper!AJ$2:AJ$366,ROUNDDOWN($C1302/24,0)+1,1)*INDEX($D$3:$AA$30,INDEX(Jesper!$R$2:$R$366,ROW(INDEX(Jesper!AJ$2:AJ$366,ROUNDDOWN($C1302/24,0)+1,1))-1)+IF('Standard Profiles'!$G$20=$B$10,7,0)+IF('Standard Profiles'!$G$20=$B$17,14,0)+IF('Standard Profiles'!$G$20=$B$24,21,0),MOD($C1302,24)+1)/SUM(INDEX($D$3:$AA$30,INDEX(Jesper!$R$2:$R$366,ROW(INDEX(Jesper!AJ$2:AJ$366,ROUNDDOWN($C1302/24,0)+1,1))-1)+IF('Standard Profiles'!$G$20=$B$10,7,0)+IF('Standard Profiles'!$G$20=$B$17,14,0)+IF('Standard Profiles'!$G$20=$B$24,21,0),0)),0)</f>
        <v>0</v>
      </c>
      <c r="G1302" cm="1">
        <f t="array" ref="G1302">IFERROR(INDEX(Jesper!AK$2:AK$366,ROUNDDOWN($C1302/24,0)+1,1)*INDEX($D$3:$AA$30,INDEX(Jesper!$R$2:$R$366,ROW(INDEX(Jesper!AK$2:AK$366,ROUNDDOWN($C1302/24,0)+1,1))-1)+IF('Standard Profiles'!$G$21=$B$10,7,0)+IF('Standard Profiles'!$G$21=$B$17,14,0)+IF('Standard Profiles'!$G$21=$B$24,21,0),MOD($C1302,24)+1)/SUM(INDEX($D$3:$AA$30,INDEX(Jesper!$R$2:$R$366,ROW(INDEX(Jesper!AK$2:AK$366,ROUNDDOWN($C1302/24,0)+1,1))-1)+IF('Standard Profiles'!$G$21=$B$10,7,0)+IF('Standard Profiles'!$G$21=$B$17,14,0)+IF('Standard Profiles'!$G$21=$B$24,21,0),0)),0)</f>
        <v>0</v>
      </c>
      <c r="H1302" cm="1">
        <f t="array" ref="H1302">IFERROR(INDEX(Jesper!AL$2:AL$366,ROUNDDOWN($C1302/24,0)+1,1)*INDEX($D$3:$AA$30,INDEX(Jesper!$R$2:$R$366,ROW(INDEX(Jesper!AL$2:AL$366,ROUNDDOWN($C1302/24,0)+1,1))-1)+IF('Standard Profiles'!$G$22=$B$10,7,0)+IF('Standard Profiles'!$G$22=$B$17,14,0)+IF('Standard Profiles'!$G$22=$B$24,21,0),MOD($C1302,24)+1)/SUM(INDEX($D$3:$AA$30,INDEX(Jesper!$R$2:$R$366,ROW(INDEX(Jesper!AL$2:AL$366,ROUNDDOWN($C1302/24,0)+1,1))-1)+IF('Standard Profiles'!$G$22=$B$10,7,0)+IF('Standard Profiles'!$G$22=$B$17,14,0)+IF('Standard Profiles'!$G$22=$B$24,21,0),0)),0)</f>
        <v>0</v>
      </c>
      <c r="I1302">
        <f t="shared" si="153"/>
        <v>0.31633898307525793</v>
      </c>
      <c r="J1302">
        <f t="shared" si="154"/>
        <v>1.0544632769175264</v>
      </c>
      <c r="K1302">
        <f t="shared" si="155"/>
        <v>1.5816949153762896</v>
      </c>
      <c r="L1302">
        <f t="shared" si="156"/>
        <v>7.5921355938061899</v>
      </c>
      <c r="M1302">
        <f t="shared" si="157"/>
        <v>0</v>
      </c>
      <c r="N1302" s="46">
        <f t="shared" si="158"/>
        <v>45344.833333330258</v>
      </c>
    </row>
    <row r="1303" spans="2:14" x14ac:dyDescent="0.3">
      <c r="B1303">
        <f t="shared" si="152"/>
        <v>4</v>
      </c>
      <c r="C1303" s="16">
        <v>1269</v>
      </c>
      <c r="D1303" cm="1">
        <f t="array" ref="D1303">IFERROR(INDEX(Jesper!AH$2:AH$366,ROUNDDOWN($C1303/24,0)+1,1)*INDEX($D$3:$AA$30,INDEX(Jesper!$R$2:$R$366,ROW(INDEX(Jesper!AH$2:AH$366,ROUNDDOWN($C1303/24,0)+1,1))-1)+IF('Standard Profiles'!$G$18=$B$10,7,0)+IF('Standard Profiles'!$G$18=$B$17,14,0)+IF('Standard Profiles'!$G$18=$B$24,21,0),MOD($C1303,24)+1)/SUM(INDEX($D$3:$AA$30,INDEX(Jesper!$R$2:$R$366,ROW(INDEX(Jesper!AH$2:AH$366,ROUNDDOWN($C1303/24,0)+1,1))-1)+IF('Standard Profiles'!$G$18=$B$10,7,0)+IF('Standard Profiles'!$G$18=$B$17,14,0)+IF('Standard Profiles'!$G$18=$B$24,21,0),0)),0)</f>
        <v>7.9084745768814466</v>
      </c>
      <c r="E1303" cm="1">
        <f t="array" ref="E1303">IFERROR(INDEX(Jesper!AI$2:AI$366,ROUNDDOWN($C1303/24,0)+1,1)*INDEX($D$3:$AA$30,INDEX(Jesper!$R$2:$R$366,ROW(INDEX(Jesper!AI$2:AI$366,ROUNDDOWN($C1303/24,0)+1,1))-1)+IF('Standard Profiles'!$G$19=$B$10,7,0)+IF('Standard Profiles'!$G$19=$B$17,14,0)+IF('Standard Profiles'!$G$19=$B$24,21,0),MOD($C1303,24)+1)/SUM(INDEX($D$3:$AA$30,INDEX(Jesper!$R$2:$R$366,ROW(INDEX(Jesper!AI$2:AI$366,ROUNDDOWN($C1303/24,0)+1,1))-1)+IF('Standard Profiles'!$G$19=$B$10,7,0)+IF('Standard Profiles'!$G$19=$B$17,14,0)+IF('Standard Profiles'!$G$19=$B$24,21,0),0)),0)</f>
        <v>0</v>
      </c>
      <c r="F1303" cm="1">
        <f t="array" ref="F1303">IFERROR(INDEX(Jesper!AJ$2:AJ$366,ROUNDDOWN($C1303/24,0)+1,1)*INDEX($D$3:$AA$30,INDEX(Jesper!$R$2:$R$366,ROW(INDEX(Jesper!AJ$2:AJ$366,ROUNDDOWN($C1303/24,0)+1,1))-1)+IF('Standard Profiles'!$G$20=$B$10,7,0)+IF('Standard Profiles'!$G$20=$B$17,14,0)+IF('Standard Profiles'!$G$20=$B$24,21,0),MOD($C1303,24)+1)/SUM(INDEX($D$3:$AA$30,INDEX(Jesper!$R$2:$R$366,ROW(INDEX(Jesper!AJ$2:AJ$366,ROUNDDOWN($C1303/24,0)+1,1))-1)+IF('Standard Profiles'!$G$20=$B$10,7,0)+IF('Standard Profiles'!$G$20=$B$17,14,0)+IF('Standard Profiles'!$G$20=$B$24,21,0),0)),0)</f>
        <v>0</v>
      </c>
      <c r="G1303" cm="1">
        <f t="array" ref="G1303">IFERROR(INDEX(Jesper!AK$2:AK$366,ROUNDDOWN($C1303/24,0)+1,1)*INDEX($D$3:$AA$30,INDEX(Jesper!$R$2:$R$366,ROW(INDEX(Jesper!AK$2:AK$366,ROUNDDOWN($C1303/24,0)+1,1))-1)+IF('Standard Profiles'!$G$21=$B$10,7,0)+IF('Standard Profiles'!$G$21=$B$17,14,0)+IF('Standard Profiles'!$G$21=$B$24,21,0),MOD($C1303,24)+1)/SUM(INDEX($D$3:$AA$30,INDEX(Jesper!$R$2:$R$366,ROW(INDEX(Jesper!AK$2:AK$366,ROUNDDOWN($C1303/24,0)+1,1))-1)+IF('Standard Profiles'!$G$21=$B$10,7,0)+IF('Standard Profiles'!$G$21=$B$17,14,0)+IF('Standard Profiles'!$G$21=$B$24,21,0),0)),0)</f>
        <v>0</v>
      </c>
      <c r="H1303" cm="1">
        <f t="array" ref="H1303">IFERROR(INDEX(Jesper!AL$2:AL$366,ROUNDDOWN($C1303/24,0)+1,1)*INDEX($D$3:$AA$30,INDEX(Jesper!$R$2:$R$366,ROW(INDEX(Jesper!AL$2:AL$366,ROUNDDOWN($C1303/24,0)+1,1))-1)+IF('Standard Profiles'!$G$22=$B$10,7,0)+IF('Standard Profiles'!$G$22=$B$17,14,0)+IF('Standard Profiles'!$G$22=$B$24,21,0),MOD($C1303,24)+1)/SUM(INDEX($D$3:$AA$30,INDEX(Jesper!$R$2:$R$366,ROW(INDEX(Jesper!AL$2:AL$366,ROUNDDOWN($C1303/24,0)+1,1))-1)+IF('Standard Profiles'!$G$22=$B$10,7,0)+IF('Standard Profiles'!$G$22=$B$17,14,0)+IF('Standard Profiles'!$G$22=$B$24,21,0),0)),0)</f>
        <v>0</v>
      </c>
      <c r="I1303">
        <f t="shared" si="153"/>
        <v>0.23725423730644338</v>
      </c>
      <c r="J1303">
        <f t="shared" si="154"/>
        <v>0.79084745768814468</v>
      </c>
      <c r="K1303">
        <f t="shared" si="155"/>
        <v>1.1862711865322169</v>
      </c>
      <c r="L1303">
        <f t="shared" si="156"/>
        <v>5.6941016953546413</v>
      </c>
      <c r="M1303">
        <f t="shared" si="157"/>
        <v>0</v>
      </c>
      <c r="N1303" s="46">
        <f t="shared" si="158"/>
        <v>45344.874999996922</v>
      </c>
    </row>
    <row r="1304" spans="2:14" x14ac:dyDescent="0.3">
      <c r="B1304">
        <f t="shared" si="152"/>
        <v>4</v>
      </c>
      <c r="C1304" s="16">
        <v>1270</v>
      </c>
      <c r="D1304" cm="1">
        <f t="array" ref="D1304">IFERROR(INDEX(Jesper!AH$2:AH$366,ROUNDDOWN($C1304/24,0)+1,1)*INDEX($D$3:$AA$30,INDEX(Jesper!$R$2:$R$366,ROW(INDEX(Jesper!AH$2:AH$366,ROUNDDOWN($C1304/24,0)+1,1))-1)+IF('Standard Profiles'!$G$18=$B$10,7,0)+IF('Standard Profiles'!$G$18=$B$17,14,0)+IF('Standard Profiles'!$G$18=$B$24,21,0),MOD($C1304,24)+1)/SUM(INDEX($D$3:$AA$30,INDEX(Jesper!$R$2:$R$366,ROW(INDEX(Jesper!AH$2:AH$366,ROUNDDOWN($C1304/24,0)+1,1))-1)+IF('Standard Profiles'!$G$18=$B$10,7,0)+IF('Standard Profiles'!$G$18=$B$17,14,0)+IF('Standard Profiles'!$G$18=$B$24,21,0),0)),0)</f>
        <v>7.9084745768814466</v>
      </c>
      <c r="E1304" cm="1">
        <f t="array" ref="E1304">IFERROR(INDEX(Jesper!AI$2:AI$366,ROUNDDOWN($C1304/24,0)+1,1)*INDEX($D$3:$AA$30,INDEX(Jesper!$R$2:$R$366,ROW(INDEX(Jesper!AI$2:AI$366,ROUNDDOWN($C1304/24,0)+1,1))-1)+IF('Standard Profiles'!$G$19=$B$10,7,0)+IF('Standard Profiles'!$G$19=$B$17,14,0)+IF('Standard Profiles'!$G$19=$B$24,21,0),MOD($C1304,24)+1)/SUM(INDEX($D$3:$AA$30,INDEX(Jesper!$R$2:$R$366,ROW(INDEX(Jesper!AI$2:AI$366,ROUNDDOWN($C1304/24,0)+1,1))-1)+IF('Standard Profiles'!$G$19=$B$10,7,0)+IF('Standard Profiles'!$G$19=$B$17,14,0)+IF('Standard Profiles'!$G$19=$B$24,21,0),0)),0)</f>
        <v>0</v>
      </c>
      <c r="F1304" cm="1">
        <f t="array" ref="F1304">IFERROR(INDEX(Jesper!AJ$2:AJ$366,ROUNDDOWN($C1304/24,0)+1,1)*INDEX($D$3:$AA$30,INDEX(Jesper!$R$2:$R$366,ROW(INDEX(Jesper!AJ$2:AJ$366,ROUNDDOWN($C1304/24,0)+1,1))-1)+IF('Standard Profiles'!$G$20=$B$10,7,0)+IF('Standard Profiles'!$G$20=$B$17,14,0)+IF('Standard Profiles'!$G$20=$B$24,21,0),MOD($C1304,24)+1)/SUM(INDEX($D$3:$AA$30,INDEX(Jesper!$R$2:$R$366,ROW(INDEX(Jesper!AJ$2:AJ$366,ROUNDDOWN($C1304/24,0)+1,1))-1)+IF('Standard Profiles'!$G$20=$B$10,7,0)+IF('Standard Profiles'!$G$20=$B$17,14,0)+IF('Standard Profiles'!$G$20=$B$24,21,0),0)),0)</f>
        <v>0</v>
      </c>
      <c r="G1304" cm="1">
        <f t="array" ref="G1304">IFERROR(INDEX(Jesper!AK$2:AK$366,ROUNDDOWN($C1304/24,0)+1,1)*INDEX($D$3:$AA$30,INDEX(Jesper!$R$2:$R$366,ROW(INDEX(Jesper!AK$2:AK$366,ROUNDDOWN($C1304/24,0)+1,1))-1)+IF('Standard Profiles'!$G$21=$B$10,7,0)+IF('Standard Profiles'!$G$21=$B$17,14,0)+IF('Standard Profiles'!$G$21=$B$24,21,0),MOD($C1304,24)+1)/SUM(INDEX($D$3:$AA$30,INDEX(Jesper!$R$2:$R$366,ROW(INDEX(Jesper!AK$2:AK$366,ROUNDDOWN($C1304/24,0)+1,1))-1)+IF('Standard Profiles'!$G$21=$B$10,7,0)+IF('Standard Profiles'!$G$21=$B$17,14,0)+IF('Standard Profiles'!$G$21=$B$24,21,0),0)),0)</f>
        <v>0</v>
      </c>
      <c r="H1304" cm="1">
        <f t="array" ref="H1304">IFERROR(INDEX(Jesper!AL$2:AL$366,ROUNDDOWN($C1304/24,0)+1,1)*INDEX($D$3:$AA$30,INDEX(Jesper!$R$2:$R$366,ROW(INDEX(Jesper!AL$2:AL$366,ROUNDDOWN($C1304/24,0)+1,1))-1)+IF('Standard Profiles'!$G$22=$B$10,7,0)+IF('Standard Profiles'!$G$22=$B$17,14,0)+IF('Standard Profiles'!$G$22=$B$24,21,0),MOD($C1304,24)+1)/SUM(INDEX($D$3:$AA$30,INDEX(Jesper!$R$2:$R$366,ROW(INDEX(Jesper!AL$2:AL$366,ROUNDDOWN($C1304/24,0)+1,1))-1)+IF('Standard Profiles'!$G$22=$B$10,7,0)+IF('Standard Profiles'!$G$22=$B$17,14,0)+IF('Standard Profiles'!$G$22=$B$24,21,0),0)),0)</f>
        <v>0</v>
      </c>
      <c r="I1304">
        <f t="shared" si="153"/>
        <v>0.23725423730644338</v>
      </c>
      <c r="J1304">
        <f t="shared" si="154"/>
        <v>0.79084745768814468</v>
      </c>
      <c r="K1304">
        <f t="shared" si="155"/>
        <v>1.1862711865322169</v>
      </c>
      <c r="L1304">
        <f t="shared" si="156"/>
        <v>5.6941016953546413</v>
      </c>
      <c r="M1304">
        <f t="shared" si="157"/>
        <v>0</v>
      </c>
      <c r="N1304" s="46">
        <f t="shared" si="158"/>
        <v>45344.916666663587</v>
      </c>
    </row>
    <row r="1305" spans="2:14" x14ac:dyDescent="0.3">
      <c r="B1305">
        <f t="shared" si="152"/>
        <v>4</v>
      </c>
      <c r="C1305" s="16">
        <v>1271</v>
      </c>
      <c r="D1305" cm="1">
        <f t="array" ref="D1305">IFERROR(INDEX(Jesper!AH$2:AH$366,ROUNDDOWN($C1305/24,0)+1,1)*INDEX($D$3:$AA$30,INDEX(Jesper!$R$2:$R$366,ROW(INDEX(Jesper!AH$2:AH$366,ROUNDDOWN($C1305/24,0)+1,1))-1)+IF('Standard Profiles'!$G$18=$B$10,7,0)+IF('Standard Profiles'!$G$18=$B$17,14,0)+IF('Standard Profiles'!$G$18=$B$24,21,0),MOD($C1305,24)+1)/SUM(INDEX($D$3:$AA$30,INDEX(Jesper!$R$2:$R$366,ROW(INDEX(Jesper!AH$2:AH$366,ROUNDDOWN($C1305/24,0)+1,1))-1)+IF('Standard Profiles'!$G$18=$B$10,7,0)+IF('Standard Profiles'!$G$18=$B$17,14,0)+IF('Standard Profiles'!$G$18=$B$24,21,0),0)),0)</f>
        <v>7.9084745768814466</v>
      </c>
      <c r="E1305" cm="1">
        <f t="array" ref="E1305">IFERROR(INDEX(Jesper!AI$2:AI$366,ROUNDDOWN($C1305/24,0)+1,1)*INDEX($D$3:$AA$30,INDEX(Jesper!$R$2:$R$366,ROW(INDEX(Jesper!AI$2:AI$366,ROUNDDOWN($C1305/24,0)+1,1))-1)+IF('Standard Profiles'!$G$19=$B$10,7,0)+IF('Standard Profiles'!$G$19=$B$17,14,0)+IF('Standard Profiles'!$G$19=$B$24,21,0),MOD($C1305,24)+1)/SUM(INDEX($D$3:$AA$30,INDEX(Jesper!$R$2:$R$366,ROW(INDEX(Jesper!AI$2:AI$366,ROUNDDOWN($C1305/24,0)+1,1))-1)+IF('Standard Profiles'!$G$19=$B$10,7,0)+IF('Standard Profiles'!$G$19=$B$17,14,0)+IF('Standard Profiles'!$G$19=$B$24,21,0),0)),0)</f>
        <v>0</v>
      </c>
      <c r="F1305" cm="1">
        <f t="array" ref="F1305">IFERROR(INDEX(Jesper!AJ$2:AJ$366,ROUNDDOWN($C1305/24,0)+1,1)*INDEX($D$3:$AA$30,INDEX(Jesper!$R$2:$R$366,ROW(INDEX(Jesper!AJ$2:AJ$366,ROUNDDOWN($C1305/24,0)+1,1))-1)+IF('Standard Profiles'!$G$20=$B$10,7,0)+IF('Standard Profiles'!$G$20=$B$17,14,0)+IF('Standard Profiles'!$G$20=$B$24,21,0),MOD($C1305,24)+1)/SUM(INDEX($D$3:$AA$30,INDEX(Jesper!$R$2:$R$366,ROW(INDEX(Jesper!AJ$2:AJ$366,ROUNDDOWN($C1305/24,0)+1,1))-1)+IF('Standard Profiles'!$G$20=$B$10,7,0)+IF('Standard Profiles'!$G$20=$B$17,14,0)+IF('Standard Profiles'!$G$20=$B$24,21,0),0)),0)</f>
        <v>0</v>
      </c>
      <c r="G1305" cm="1">
        <f t="array" ref="G1305">IFERROR(INDEX(Jesper!AK$2:AK$366,ROUNDDOWN($C1305/24,0)+1,1)*INDEX($D$3:$AA$30,INDEX(Jesper!$R$2:$R$366,ROW(INDEX(Jesper!AK$2:AK$366,ROUNDDOWN($C1305/24,0)+1,1))-1)+IF('Standard Profiles'!$G$21=$B$10,7,0)+IF('Standard Profiles'!$G$21=$B$17,14,0)+IF('Standard Profiles'!$G$21=$B$24,21,0),MOD($C1305,24)+1)/SUM(INDEX($D$3:$AA$30,INDEX(Jesper!$R$2:$R$366,ROW(INDEX(Jesper!AK$2:AK$366,ROUNDDOWN($C1305/24,0)+1,1))-1)+IF('Standard Profiles'!$G$21=$B$10,7,0)+IF('Standard Profiles'!$G$21=$B$17,14,0)+IF('Standard Profiles'!$G$21=$B$24,21,0),0)),0)</f>
        <v>0</v>
      </c>
      <c r="H1305" cm="1">
        <f t="array" ref="H1305">IFERROR(INDEX(Jesper!AL$2:AL$366,ROUNDDOWN($C1305/24,0)+1,1)*INDEX($D$3:$AA$30,INDEX(Jesper!$R$2:$R$366,ROW(INDEX(Jesper!AL$2:AL$366,ROUNDDOWN($C1305/24,0)+1,1))-1)+IF('Standard Profiles'!$G$22=$B$10,7,0)+IF('Standard Profiles'!$G$22=$B$17,14,0)+IF('Standard Profiles'!$G$22=$B$24,21,0),MOD($C1305,24)+1)/SUM(INDEX($D$3:$AA$30,INDEX(Jesper!$R$2:$R$366,ROW(INDEX(Jesper!AL$2:AL$366,ROUNDDOWN($C1305/24,0)+1,1))-1)+IF('Standard Profiles'!$G$22=$B$10,7,0)+IF('Standard Profiles'!$G$22=$B$17,14,0)+IF('Standard Profiles'!$G$22=$B$24,21,0),0)),0)</f>
        <v>0</v>
      </c>
      <c r="I1305">
        <f t="shared" si="153"/>
        <v>0.23725423730644338</v>
      </c>
      <c r="J1305">
        <f t="shared" si="154"/>
        <v>0.79084745768814468</v>
      </c>
      <c r="K1305">
        <f t="shared" si="155"/>
        <v>1.1862711865322169</v>
      </c>
      <c r="L1305">
        <f t="shared" si="156"/>
        <v>5.6941016953546413</v>
      </c>
      <c r="M1305">
        <f t="shared" si="157"/>
        <v>0</v>
      </c>
      <c r="N1305" s="46">
        <f t="shared" si="158"/>
        <v>45344.958333330251</v>
      </c>
    </row>
    <row r="1306" spans="2:14" x14ac:dyDescent="0.3">
      <c r="B1306">
        <f t="shared" si="152"/>
        <v>5</v>
      </c>
      <c r="C1306" s="16">
        <v>1272</v>
      </c>
      <c r="D1306" cm="1">
        <f t="array" ref="D1306">IFERROR(INDEX(Jesper!AH$2:AH$366,ROUNDDOWN($C1306/24,0)+1,1)*INDEX($D$3:$AA$30,INDEX(Jesper!$R$2:$R$366,ROW(INDEX(Jesper!AH$2:AH$366,ROUNDDOWN($C1306/24,0)+1,1))-1)+IF('Standard Profiles'!$G$18=$B$10,7,0)+IF('Standard Profiles'!$G$18=$B$17,14,0)+IF('Standard Profiles'!$G$18=$B$24,21,0),MOD($C1306,24)+1)/SUM(INDEX($D$3:$AA$30,INDEX(Jesper!$R$2:$R$366,ROW(INDEX(Jesper!AH$2:AH$366,ROUNDDOWN($C1306/24,0)+1,1))-1)+IF('Standard Profiles'!$G$18=$B$10,7,0)+IF('Standard Profiles'!$G$18=$B$17,14,0)+IF('Standard Profiles'!$G$18=$B$24,21,0),0)),0)</f>
        <v>8.537506027955482</v>
      </c>
      <c r="E1306" cm="1">
        <f t="array" ref="E1306">IFERROR(INDEX(Jesper!AI$2:AI$366,ROUNDDOWN($C1306/24,0)+1,1)*INDEX($D$3:$AA$30,INDEX(Jesper!$R$2:$R$366,ROW(INDEX(Jesper!AI$2:AI$366,ROUNDDOWN($C1306/24,0)+1,1))-1)+IF('Standard Profiles'!$G$19=$B$10,7,0)+IF('Standard Profiles'!$G$19=$B$17,14,0)+IF('Standard Profiles'!$G$19=$B$24,21,0),MOD($C1306,24)+1)/SUM(INDEX($D$3:$AA$30,INDEX(Jesper!$R$2:$R$366,ROW(INDEX(Jesper!AI$2:AI$366,ROUNDDOWN($C1306/24,0)+1,1))-1)+IF('Standard Profiles'!$G$19=$B$10,7,0)+IF('Standard Profiles'!$G$19=$B$17,14,0)+IF('Standard Profiles'!$G$19=$B$24,21,0),0)),0)</f>
        <v>0</v>
      </c>
      <c r="F1306" cm="1">
        <f t="array" ref="F1306">IFERROR(INDEX(Jesper!AJ$2:AJ$366,ROUNDDOWN($C1306/24,0)+1,1)*INDEX($D$3:$AA$30,INDEX(Jesper!$R$2:$R$366,ROW(INDEX(Jesper!AJ$2:AJ$366,ROUNDDOWN($C1306/24,0)+1,1))-1)+IF('Standard Profiles'!$G$20=$B$10,7,0)+IF('Standard Profiles'!$G$20=$B$17,14,0)+IF('Standard Profiles'!$G$20=$B$24,21,0),MOD($C1306,24)+1)/SUM(INDEX($D$3:$AA$30,INDEX(Jesper!$R$2:$R$366,ROW(INDEX(Jesper!AJ$2:AJ$366,ROUNDDOWN($C1306/24,0)+1,1))-1)+IF('Standard Profiles'!$G$20=$B$10,7,0)+IF('Standard Profiles'!$G$20=$B$17,14,0)+IF('Standard Profiles'!$G$20=$B$24,21,0),0)),0)</f>
        <v>0</v>
      </c>
      <c r="G1306" cm="1">
        <f t="array" ref="G1306">IFERROR(INDEX(Jesper!AK$2:AK$366,ROUNDDOWN($C1306/24,0)+1,1)*INDEX($D$3:$AA$30,INDEX(Jesper!$R$2:$R$366,ROW(INDEX(Jesper!AK$2:AK$366,ROUNDDOWN($C1306/24,0)+1,1))-1)+IF('Standard Profiles'!$G$21=$B$10,7,0)+IF('Standard Profiles'!$G$21=$B$17,14,0)+IF('Standard Profiles'!$G$21=$B$24,21,0),MOD($C1306,24)+1)/SUM(INDEX($D$3:$AA$30,INDEX(Jesper!$R$2:$R$366,ROW(INDEX(Jesper!AK$2:AK$366,ROUNDDOWN($C1306/24,0)+1,1))-1)+IF('Standard Profiles'!$G$21=$B$10,7,0)+IF('Standard Profiles'!$G$21=$B$17,14,0)+IF('Standard Profiles'!$G$21=$B$24,21,0),0)),0)</f>
        <v>0</v>
      </c>
      <c r="H1306" cm="1">
        <f t="array" ref="H1306">IFERROR(INDEX(Jesper!AL$2:AL$366,ROUNDDOWN($C1306/24,0)+1,1)*INDEX($D$3:$AA$30,INDEX(Jesper!$R$2:$R$366,ROW(INDEX(Jesper!AL$2:AL$366,ROUNDDOWN($C1306/24,0)+1,1))-1)+IF('Standard Profiles'!$G$22=$B$10,7,0)+IF('Standard Profiles'!$G$22=$B$17,14,0)+IF('Standard Profiles'!$G$22=$B$24,21,0),MOD($C1306,24)+1)/SUM(INDEX($D$3:$AA$30,INDEX(Jesper!$R$2:$R$366,ROW(INDEX(Jesper!AL$2:AL$366,ROUNDDOWN($C1306/24,0)+1,1))-1)+IF('Standard Profiles'!$G$22=$B$10,7,0)+IF('Standard Profiles'!$G$22=$B$17,14,0)+IF('Standard Profiles'!$G$22=$B$24,21,0),0)),0)</f>
        <v>0</v>
      </c>
      <c r="I1306">
        <f t="shared" si="153"/>
        <v>0.25612518083866442</v>
      </c>
      <c r="J1306">
        <f t="shared" si="154"/>
        <v>0.85375060279554826</v>
      </c>
      <c r="K1306">
        <f t="shared" si="155"/>
        <v>1.2806259041933223</v>
      </c>
      <c r="L1306">
        <f t="shared" si="156"/>
        <v>6.1470043401279471</v>
      </c>
      <c r="M1306">
        <f t="shared" si="157"/>
        <v>0</v>
      </c>
      <c r="N1306" s="46">
        <f t="shared" si="158"/>
        <v>45344.999999996915</v>
      </c>
    </row>
    <row r="1307" spans="2:14" x14ac:dyDescent="0.3">
      <c r="B1307">
        <f t="shared" si="152"/>
        <v>5</v>
      </c>
      <c r="C1307" s="16">
        <v>1273</v>
      </c>
      <c r="D1307" cm="1">
        <f t="array" ref="D1307">IFERROR(INDEX(Jesper!AH$2:AH$366,ROUNDDOWN($C1307/24,0)+1,1)*INDEX($D$3:$AA$30,INDEX(Jesper!$R$2:$R$366,ROW(INDEX(Jesper!AH$2:AH$366,ROUNDDOWN($C1307/24,0)+1,1))-1)+IF('Standard Profiles'!$G$18=$B$10,7,0)+IF('Standard Profiles'!$G$18=$B$17,14,0)+IF('Standard Profiles'!$G$18=$B$24,21,0),MOD($C1307,24)+1)/SUM(INDEX($D$3:$AA$30,INDEX(Jesper!$R$2:$R$366,ROW(INDEX(Jesper!AH$2:AH$366,ROUNDDOWN($C1307/24,0)+1,1))-1)+IF('Standard Profiles'!$G$18=$B$10,7,0)+IF('Standard Profiles'!$G$18=$B$17,14,0)+IF('Standard Profiles'!$G$18=$B$24,21,0),0)),0)</f>
        <v>8.537506027955482</v>
      </c>
      <c r="E1307" cm="1">
        <f t="array" ref="E1307">IFERROR(INDEX(Jesper!AI$2:AI$366,ROUNDDOWN($C1307/24,0)+1,1)*INDEX($D$3:$AA$30,INDEX(Jesper!$R$2:$R$366,ROW(INDEX(Jesper!AI$2:AI$366,ROUNDDOWN($C1307/24,0)+1,1))-1)+IF('Standard Profiles'!$G$19=$B$10,7,0)+IF('Standard Profiles'!$G$19=$B$17,14,0)+IF('Standard Profiles'!$G$19=$B$24,21,0),MOD($C1307,24)+1)/SUM(INDEX($D$3:$AA$30,INDEX(Jesper!$R$2:$R$366,ROW(INDEX(Jesper!AI$2:AI$366,ROUNDDOWN($C1307/24,0)+1,1))-1)+IF('Standard Profiles'!$G$19=$B$10,7,0)+IF('Standard Profiles'!$G$19=$B$17,14,0)+IF('Standard Profiles'!$G$19=$B$24,21,0),0)),0)</f>
        <v>0</v>
      </c>
      <c r="F1307" cm="1">
        <f t="array" ref="F1307">IFERROR(INDEX(Jesper!AJ$2:AJ$366,ROUNDDOWN($C1307/24,0)+1,1)*INDEX($D$3:$AA$30,INDEX(Jesper!$R$2:$R$366,ROW(INDEX(Jesper!AJ$2:AJ$366,ROUNDDOWN($C1307/24,0)+1,1))-1)+IF('Standard Profiles'!$G$20=$B$10,7,0)+IF('Standard Profiles'!$G$20=$B$17,14,0)+IF('Standard Profiles'!$G$20=$B$24,21,0),MOD($C1307,24)+1)/SUM(INDEX($D$3:$AA$30,INDEX(Jesper!$R$2:$R$366,ROW(INDEX(Jesper!AJ$2:AJ$366,ROUNDDOWN($C1307/24,0)+1,1))-1)+IF('Standard Profiles'!$G$20=$B$10,7,0)+IF('Standard Profiles'!$G$20=$B$17,14,0)+IF('Standard Profiles'!$G$20=$B$24,21,0),0)),0)</f>
        <v>0</v>
      </c>
      <c r="G1307" cm="1">
        <f t="array" ref="G1307">IFERROR(INDEX(Jesper!AK$2:AK$366,ROUNDDOWN($C1307/24,0)+1,1)*INDEX($D$3:$AA$30,INDEX(Jesper!$R$2:$R$366,ROW(INDEX(Jesper!AK$2:AK$366,ROUNDDOWN($C1307/24,0)+1,1))-1)+IF('Standard Profiles'!$G$21=$B$10,7,0)+IF('Standard Profiles'!$G$21=$B$17,14,0)+IF('Standard Profiles'!$G$21=$B$24,21,0),MOD($C1307,24)+1)/SUM(INDEX($D$3:$AA$30,INDEX(Jesper!$R$2:$R$366,ROW(INDEX(Jesper!AK$2:AK$366,ROUNDDOWN($C1307/24,0)+1,1))-1)+IF('Standard Profiles'!$G$21=$B$10,7,0)+IF('Standard Profiles'!$G$21=$B$17,14,0)+IF('Standard Profiles'!$G$21=$B$24,21,0),0)),0)</f>
        <v>0</v>
      </c>
      <c r="H1307" cm="1">
        <f t="array" ref="H1307">IFERROR(INDEX(Jesper!AL$2:AL$366,ROUNDDOWN($C1307/24,0)+1,1)*INDEX($D$3:$AA$30,INDEX(Jesper!$R$2:$R$366,ROW(INDEX(Jesper!AL$2:AL$366,ROUNDDOWN($C1307/24,0)+1,1))-1)+IF('Standard Profiles'!$G$22=$B$10,7,0)+IF('Standard Profiles'!$G$22=$B$17,14,0)+IF('Standard Profiles'!$G$22=$B$24,21,0),MOD($C1307,24)+1)/SUM(INDEX($D$3:$AA$30,INDEX(Jesper!$R$2:$R$366,ROW(INDEX(Jesper!AL$2:AL$366,ROUNDDOWN($C1307/24,0)+1,1))-1)+IF('Standard Profiles'!$G$22=$B$10,7,0)+IF('Standard Profiles'!$G$22=$B$17,14,0)+IF('Standard Profiles'!$G$22=$B$24,21,0),0)),0)</f>
        <v>0</v>
      </c>
      <c r="I1307">
        <f t="shared" si="153"/>
        <v>0.25612518083866442</v>
      </c>
      <c r="J1307">
        <f t="shared" si="154"/>
        <v>0.85375060279554826</v>
      </c>
      <c r="K1307">
        <f t="shared" si="155"/>
        <v>1.2806259041933223</v>
      </c>
      <c r="L1307">
        <f t="shared" si="156"/>
        <v>6.1470043401279471</v>
      </c>
      <c r="M1307">
        <f t="shared" si="157"/>
        <v>0</v>
      </c>
      <c r="N1307" s="46">
        <f t="shared" si="158"/>
        <v>45345.041666663579</v>
      </c>
    </row>
    <row r="1308" spans="2:14" x14ac:dyDescent="0.3">
      <c r="B1308">
        <f t="shared" si="152"/>
        <v>5</v>
      </c>
      <c r="C1308" s="16">
        <v>1274</v>
      </c>
      <c r="D1308" cm="1">
        <f t="array" ref="D1308">IFERROR(INDEX(Jesper!AH$2:AH$366,ROUNDDOWN($C1308/24,0)+1,1)*INDEX($D$3:$AA$30,INDEX(Jesper!$R$2:$R$366,ROW(INDEX(Jesper!AH$2:AH$366,ROUNDDOWN($C1308/24,0)+1,1))-1)+IF('Standard Profiles'!$G$18=$B$10,7,0)+IF('Standard Profiles'!$G$18=$B$17,14,0)+IF('Standard Profiles'!$G$18=$B$24,21,0),MOD($C1308,24)+1)/SUM(INDEX($D$3:$AA$30,INDEX(Jesper!$R$2:$R$366,ROW(INDEX(Jesper!AH$2:AH$366,ROUNDDOWN($C1308/24,0)+1,1))-1)+IF('Standard Profiles'!$G$18=$B$10,7,0)+IF('Standard Profiles'!$G$18=$B$17,14,0)+IF('Standard Profiles'!$G$18=$B$24,21,0),0)),0)</f>
        <v>8.537506027955482</v>
      </c>
      <c r="E1308" cm="1">
        <f t="array" ref="E1308">IFERROR(INDEX(Jesper!AI$2:AI$366,ROUNDDOWN($C1308/24,0)+1,1)*INDEX($D$3:$AA$30,INDEX(Jesper!$R$2:$R$366,ROW(INDEX(Jesper!AI$2:AI$366,ROUNDDOWN($C1308/24,0)+1,1))-1)+IF('Standard Profiles'!$G$19=$B$10,7,0)+IF('Standard Profiles'!$G$19=$B$17,14,0)+IF('Standard Profiles'!$G$19=$B$24,21,0),MOD($C1308,24)+1)/SUM(INDEX($D$3:$AA$30,INDEX(Jesper!$R$2:$R$366,ROW(INDEX(Jesper!AI$2:AI$366,ROUNDDOWN($C1308/24,0)+1,1))-1)+IF('Standard Profiles'!$G$19=$B$10,7,0)+IF('Standard Profiles'!$G$19=$B$17,14,0)+IF('Standard Profiles'!$G$19=$B$24,21,0),0)),0)</f>
        <v>0</v>
      </c>
      <c r="F1308" cm="1">
        <f t="array" ref="F1308">IFERROR(INDEX(Jesper!AJ$2:AJ$366,ROUNDDOWN($C1308/24,0)+1,1)*INDEX($D$3:$AA$30,INDEX(Jesper!$R$2:$R$366,ROW(INDEX(Jesper!AJ$2:AJ$366,ROUNDDOWN($C1308/24,0)+1,1))-1)+IF('Standard Profiles'!$G$20=$B$10,7,0)+IF('Standard Profiles'!$G$20=$B$17,14,0)+IF('Standard Profiles'!$G$20=$B$24,21,0),MOD($C1308,24)+1)/SUM(INDEX($D$3:$AA$30,INDEX(Jesper!$R$2:$R$366,ROW(INDEX(Jesper!AJ$2:AJ$366,ROUNDDOWN($C1308/24,0)+1,1))-1)+IF('Standard Profiles'!$G$20=$B$10,7,0)+IF('Standard Profiles'!$G$20=$B$17,14,0)+IF('Standard Profiles'!$G$20=$B$24,21,0),0)),0)</f>
        <v>0</v>
      </c>
      <c r="G1308" cm="1">
        <f t="array" ref="G1308">IFERROR(INDEX(Jesper!AK$2:AK$366,ROUNDDOWN($C1308/24,0)+1,1)*INDEX($D$3:$AA$30,INDEX(Jesper!$R$2:$R$366,ROW(INDEX(Jesper!AK$2:AK$366,ROUNDDOWN($C1308/24,0)+1,1))-1)+IF('Standard Profiles'!$G$21=$B$10,7,0)+IF('Standard Profiles'!$G$21=$B$17,14,0)+IF('Standard Profiles'!$G$21=$B$24,21,0),MOD($C1308,24)+1)/SUM(INDEX($D$3:$AA$30,INDEX(Jesper!$R$2:$R$366,ROW(INDEX(Jesper!AK$2:AK$366,ROUNDDOWN($C1308/24,0)+1,1))-1)+IF('Standard Profiles'!$G$21=$B$10,7,0)+IF('Standard Profiles'!$G$21=$B$17,14,0)+IF('Standard Profiles'!$G$21=$B$24,21,0),0)),0)</f>
        <v>0</v>
      </c>
      <c r="H1308" cm="1">
        <f t="array" ref="H1308">IFERROR(INDEX(Jesper!AL$2:AL$366,ROUNDDOWN($C1308/24,0)+1,1)*INDEX($D$3:$AA$30,INDEX(Jesper!$R$2:$R$366,ROW(INDEX(Jesper!AL$2:AL$366,ROUNDDOWN($C1308/24,0)+1,1))-1)+IF('Standard Profiles'!$G$22=$B$10,7,0)+IF('Standard Profiles'!$G$22=$B$17,14,0)+IF('Standard Profiles'!$G$22=$B$24,21,0),MOD($C1308,24)+1)/SUM(INDEX($D$3:$AA$30,INDEX(Jesper!$R$2:$R$366,ROW(INDEX(Jesper!AL$2:AL$366,ROUNDDOWN($C1308/24,0)+1,1))-1)+IF('Standard Profiles'!$G$22=$B$10,7,0)+IF('Standard Profiles'!$G$22=$B$17,14,0)+IF('Standard Profiles'!$G$22=$B$24,21,0),0)),0)</f>
        <v>0</v>
      </c>
      <c r="I1308">
        <f t="shared" si="153"/>
        <v>0.25612518083866442</v>
      </c>
      <c r="J1308">
        <f t="shared" si="154"/>
        <v>0.85375060279554826</v>
      </c>
      <c r="K1308">
        <f t="shared" si="155"/>
        <v>1.2806259041933223</v>
      </c>
      <c r="L1308">
        <f t="shared" si="156"/>
        <v>6.1470043401279471</v>
      </c>
      <c r="M1308">
        <f t="shared" si="157"/>
        <v>0</v>
      </c>
      <c r="N1308" s="46">
        <f t="shared" si="158"/>
        <v>45345.083333330243</v>
      </c>
    </row>
    <row r="1309" spans="2:14" x14ac:dyDescent="0.3">
      <c r="B1309">
        <f t="shared" si="152"/>
        <v>5</v>
      </c>
      <c r="C1309" s="16">
        <v>1275</v>
      </c>
      <c r="D1309" cm="1">
        <f t="array" ref="D1309">IFERROR(INDEX(Jesper!AH$2:AH$366,ROUNDDOWN($C1309/24,0)+1,1)*INDEX($D$3:$AA$30,INDEX(Jesper!$R$2:$R$366,ROW(INDEX(Jesper!AH$2:AH$366,ROUNDDOWN($C1309/24,0)+1,1))-1)+IF('Standard Profiles'!$G$18=$B$10,7,0)+IF('Standard Profiles'!$G$18=$B$17,14,0)+IF('Standard Profiles'!$G$18=$B$24,21,0),MOD($C1309,24)+1)/SUM(INDEX($D$3:$AA$30,INDEX(Jesper!$R$2:$R$366,ROW(INDEX(Jesper!AH$2:AH$366,ROUNDDOWN($C1309/24,0)+1,1))-1)+IF('Standard Profiles'!$G$18=$B$10,7,0)+IF('Standard Profiles'!$G$18=$B$17,14,0)+IF('Standard Profiles'!$G$18=$B$24,21,0),0)),0)</f>
        <v>8.537506027955482</v>
      </c>
      <c r="E1309" cm="1">
        <f t="array" ref="E1309">IFERROR(INDEX(Jesper!AI$2:AI$366,ROUNDDOWN($C1309/24,0)+1,1)*INDEX($D$3:$AA$30,INDEX(Jesper!$R$2:$R$366,ROW(INDEX(Jesper!AI$2:AI$366,ROUNDDOWN($C1309/24,0)+1,1))-1)+IF('Standard Profiles'!$G$19=$B$10,7,0)+IF('Standard Profiles'!$G$19=$B$17,14,0)+IF('Standard Profiles'!$G$19=$B$24,21,0),MOD($C1309,24)+1)/SUM(INDEX($D$3:$AA$30,INDEX(Jesper!$R$2:$R$366,ROW(INDEX(Jesper!AI$2:AI$366,ROUNDDOWN($C1309/24,0)+1,1))-1)+IF('Standard Profiles'!$G$19=$B$10,7,0)+IF('Standard Profiles'!$G$19=$B$17,14,0)+IF('Standard Profiles'!$G$19=$B$24,21,0),0)),0)</f>
        <v>0</v>
      </c>
      <c r="F1309" cm="1">
        <f t="array" ref="F1309">IFERROR(INDEX(Jesper!AJ$2:AJ$366,ROUNDDOWN($C1309/24,0)+1,1)*INDEX($D$3:$AA$30,INDEX(Jesper!$R$2:$R$366,ROW(INDEX(Jesper!AJ$2:AJ$366,ROUNDDOWN($C1309/24,0)+1,1))-1)+IF('Standard Profiles'!$G$20=$B$10,7,0)+IF('Standard Profiles'!$G$20=$B$17,14,0)+IF('Standard Profiles'!$G$20=$B$24,21,0),MOD($C1309,24)+1)/SUM(INDEX($D$3:$AA$30,INDEX(Jesper!$R$2:$R$366,ROW(INDEX(Jesper!AJ$2:AJ$366,ROUNDDOWN($C1309/24,0)+1,1))-1)+IF('Standard Profiles'!$G$20=$B$10,7,0)+IF('Standard Profiles'!$G$20=$B$17,14,0)+IF('Standard Profiles'!$G$20=$B$24,21,0),0)),0)</f>
        <v>0</v>
      </c>
      <c r="G1309" cm="1">
        <f t="array" ref="G1309">IFERROR(INDEX(Jesper!AK$2:AK$366,ROUNDDOWN($C1309/24,0)+1,1)*INDEX($D$3:$AA$30,INDEX(Jesper!$R$2:$R$366,ROW(INDEX(Jesper!AK$2:AK$366,ROUNDDOWN($C1309/24,0)+1,1))-1)+IF('Standard Profiles'!$G$21=$B$10,7,0)+IF('Standard Profiles'!$G$21=$B$17,14,0)+IF('Standard Profiles'!$G$21=$B$24,21,0),MOD($C1309,24)+1)/SUM(INDEX($D$3:$AA$30,INDEX(Jesper!$R$2:$R$366,ROW(INDEX(Jesper!AK$2:AK$366,ROUNDDOWN($C1309/24,0)+1,1))-1)+IF('Standard Profiles'!$G$21=$B$10,7,0)+IF('Standard Profiles'!$G$21=$B$17,14,0)+IF('Standard Profiles'!$G$21=$B$24,21,0),0)),0)</f>
        <v>0</v>
      </c>
      <c r="H1309" cm="1">
        <f t="array" ref="H1309">IFERROR(INDEX(Jesper!AL$2:AL$366,ROUNDDOWN($C1309/24,0)+1,1)*INDEX($D$3:$AA$30,INDEX(Jesper!$R$2:$R$366,ROW(INDEX(Jesper!AL$2:AL$366,ROUNDDOWN($C1309/24,0)+1,1))-1)+IF('Standard Profiles'!$G$22=$B$10,7,0)+IF('Standard Profiles'!$G$22=$B$17,14,0)+IF('Standard Profiles'!$G$22=$B$24,21,0),MOD($C1309,24)+1)/SUM(INDEX($D$3:$AA$30,INDEX(Jesper!$R$2:$R$366,ROW(INDEX(Jesper!AL$2:AL$366,ROUNDDOWN($C1309/24,0)+1,1))-1)+IF('Standard Profiles'!$G$22=$B$10,7,0)+IF('Standard Profiles'!$G$22=$B$17,14,0)+IF('Standard Profiles'!$G$22=$B$24,21,0),0)),0)</f>
        <v>0</v>
      </c>
      <c r="I1309">
        <f t="shared" si="153"/>
        <v>0.25612518083866442</v>
      </c>
      <c r="J1309">
        <f t="shared" si="154"/>
        <v>0.85375060279554826</v>
      </c>
      <c r="K1309">
        <f t="shared" si="155"/>
        <v>1.2806259041933223</v>
      </c>
      <c r="L1309">
        <f t="shared" si="156"/>
        <v>6.1470043401279471</v>
      </c>
      <c r="M1309">
        <f t="shared" si="157"/>
        <v>0</v>
      </c>
      <c r="N1309" s="46">
        <f t="shared" si="158"/>
        <v>45345.124999996908</v>
      </c>
    </row>
    <row r="1310" spans="2:14" x14ac:dyDescent="0.3">
      <c r="B1310">
        <f t="shared" si="152"/>
        <v>5</v>
      </c>
      <c r="C1310" s="16">
        <v>1276</v>
      </c>
      <c r="D1310" cm="1">
        <f t="array" ref="D1310">IFERROR(INDEX(Jesper!AH$2:AH$366,ROUNDDOWN($C1310/24,0)+1,1)*INDEX($D$3:$AA$30,INDEX(Jesper!$R$2:$R$366,ROW(INDEX(Jesper!AH$2:AH$366,ROUNDDOWN($C1310/24,0)+1,1))-1)+IF('Standard Profiles'!$G$18=$B$10,7,0)+IF('Standard Profiles'!$G$18=$B$17,14,0)+IF('Standard Profiles'!$G$18=$B$24,21,0),MOD($C1310,24)+1)/SUM(INDEX($D$3:$AA$30,INDEX(Jesper!$R$2:$R$366,ROW(INDEX(Jesper!AH$2:AH$366,ROUNDDOWN($C1310/24,0)+1,1))-1)+IF('Standard Profiles'!$G$18=$B$10,7,0)+IF('Standard Profiles'!$G$18=$B$17,14,0)+IF('Standard Profiles'!$G$18=$B$24,21,0),0)),0)</f>
        <v>8.537506027955482</v>
      </c>
      <c r="E1310" cm="1">
        <f t="array" ref="E1310">IFERROR(INDEX(Jesper!AI$2:AI$366,ROUNDDOWN($C1310/24,0)+1,1)*INDEX($D$3:$AA$30,INDEX(Jesper!$R$2:$R$366,ROW(INDEX(Jesper!AI$2:AI$366,ROUNDDOWN($C1310/24,0)+1,1))-1)+IF('Standard Profiles'!$G$19=$B$10,7,0)+IF('Standard Profiles'!$G$19=$B$17,14,0)+IF('Standard Profiles'!$G$19=$B$24,21,0),MOD($C1310,24)+1)/SUM(INDEX($D$3:$AA$30,INDEX(Jesper!$R$2:$R$366,ROW(INDEX(Jesper!AI$2:AI$366,ROUNDDOWN($C1310/24,0)+1,1))-1)+IF('Standard Profiles'!$G$19=$B$10,7,0)+IF('Standard Profiles'!$G$19=$B$17,14,0)+IF('Standard Profiles'!$G$19=$B$24,21,0),0)),0)</f>
        <v>0</v>
      </c>
      <c r="F1310" cm="1">
        <f t="array" ref="F1310">IFERROR(INDEX(Jesper!AJ$2:AJ$366,ROUNDDOWN($C1310/24,0)+1,1)*INDEX($D$3:$AA$30,INDEX(Jesper!$R$2:$R$366,ROW(INDEX(Jesper!AJ$2:AJ$366,ROUNDDOWN($C1310/24,0)+1,1))-1)+IF('Standard Profiles'!$G$20=$B$10,7,0)+IF('Standard Profiles'!$G$20=$B$17,14,0)+IF('Standard Profiles'!$G$20=$B$24,21,0),MOD($C1310,24)+1)/SUM(INDEX($D$3:$AA$30,INDEX(Jesper!$R$2:$R$366,ROW(INDEX(Jesper!AJ$2:AJ$366,ROUNDDOWN($C1310/24,0)+1,1))-1)+IF('Standard Profiles'!$G$20=$B$10,7,0)+IF('Standard Profiles'!$G$20=$B$17,14,0)+IF('Standard Profiles'!$G$20=$B$24,21,0),0)),0)</f>
        <v>0</v>
      </c>
      <c r="G1310" cm="1">
        <f t="array" ref="G1310">IFERROR(INDEX(Jesper!AK$2:AK$366,ROUNDDOWN($C1310/24,0)+1,1)*INDEX($D$3:$AA$30,INDEX(Jesper!$R$2:$R$366,ROW(INDEX(Jesper!AK$2:AK$366,ROUNDDOWN($C1310/24,0)+1,1))-1)+IF('Standard Profiles'!$G$21=$B$10,7,0)+IF('Standard Profiles'!$G$21=$B$17,14,0)+IF('Standard Profiles'!$G$21=$B$24,21,0),MOD($C1310,24)+1)/SUM(INDEX($D$3:$AA$30,INDEX(Jesper!$R$2:$R$366,ROW(INDEX(Jesper!AK$2:AK$366,ROUNDDOWN($C1310/24,0)+1,1))-1)+IF('Standard Profiles'!$G$21=$B$10,7,0)+IF('Standard Profiles'!$G$21=$B$17,14,0)+IF('Standard Profiles'!$G$21=$B$24,21,0),0)),0)</f>
        <v>0</v>
      </c>
      <c r="H1310" cm="1">
        <f t="array" ref="H1310">IFERROR(INDEX(Jesper!AL$2:AL$366,ROUNDDOWN($C1310/24,0)+1,1)*INDEX($D$3:$AA$30,INDEX(Jesper!$R$2:$R$366,ROW(INDEX(Jesper!AL$2:AL$366,ROUNDDOWN($C1310/24,0)+1,1))-1)+IF('Standard Profiles'!$G$22=$B$10,7,0)+IF('Standard Profiles'!$G$22=$B$17,14,0)+IF('Standard Profiles'!$G$22=$B$24,21,0),MOD($C1310,24)+1)/SUM(INDEX($D$3:$AA$30,INDEX(Jesper!$R$2:$R$366,ROW(INDEX(Jesper!AL$2:AL$366,ROUNDDOWN($C1310/24,0)+1,1))-1)+IF('Standard Profiles'!$G$22=$B$10,7,0)+IF('Standard Profiles'!$G$22=$B$17,14,0)+IF('Standard Profiles'!$G$22=$B$24,21,0),0)),0)</f>
        <v>0</v>
      </c>
      <c r="I1310">
        <f t="shared" si="153"/>
        <v>0.25612518083866442</v>
      </c>
      <c r="J1310">
        <f t="shared" si="154"/>
        <v>0.85375060279554826</v>
      </c>
      <c r="K1310">
        <f t="shared" si="155"/>
        <v>1.2806259041933223</v>
      </c>
      <c r="L1310">
        <f t="shared" si="156"/>
        <v>6.1470043401279471</v>
      </c>
      <c r="M1310">
        <f t="shared" si="157"/>
        <v>0</v>
      </c>
      <c r="N1310" s="46">
        <f t="shared" si="158"/>
        <v>45345.166666663572</v>
      </c>
    </row>
    <row r="1311" spans="2:14" x14ac:dyDescent="0.3">
      <c r="B1311">
        <f t="shared" si="152"/>
        <v>5</v>
      </c>
      <c r="C1311" s="16">
        <v>1277</v>
      </c>
      <c r="D1311" cm="1">
        <f t="array" ref="D1311">IFERROR(INDEX(Jesper!AH$2:AH$366,ROUNDDOWN($C1311/24,0)+1,1)*INDEX($D$3:$AA$30,INDEX(Jesper!$R$2:$R$366,ROW(INDEX(Jesper!AH$2:AH$366,ROUNDDOWN($C1311/24,0)+1,1))-1)+IF('Standard Profiles'!$G$18=$B$10,7,0)+IF('Standard Profiles'!$G$18=$B$17,14,0)+IF('Standard Profiles'!$G$18=$B$24,21,0),MOD($C1311,24)+1)/SUM(INDEX($D$3:$AA$30,INDEX(Jesper!$R$2:$R$366,ROW(INDEX(Jesper!AH$2:AH$366,ROUNDDOWN($C1311/24,0)+1,1))-1)+IF('Standard Profiles'!$G$18=$B$10,7,0)+IF('Standard Profiles'!$G$18=$B$17,14,0)+IF('Standard Profiles'!$G$18=$B$24,21,0),0)),0)</f>
        <v>11.003896658253733</v>
      </c>
      <c r="E1311" cm="1">
        <f t="array" ref="E1311">IFERROR(INDEX(Jesper!AI$2:AI$366,ROUNDDOWN($C1311/24,0)+1,1)*INDEX($D$3:$AA$30,INDEX(Jesper!$R$2:$R$366,ROW(INDEX(Jesper!AI$2:AI$366,ROUNDDOWN($C1311/24,0)+1,1))-1)+IF('Standard Profiles'!$G$19=$B$10,7,0)+IF('Standard Profiles'!$G$19=$B$17,14,0)+IF('Standard Profiles'!$G$19=$B$24,21,0),MOD($C1311,24)+1)/SUM(INDEX($D$3:$AA$30,INDEX(Jesper!$R$2:$R$366,ROW(INDEX(Jesper!AI$2:AI$366,ROUNDDOWN($C1311/24,0)+1,1))-1)+IF('Standard Profiles'!$G$19=$B$10,7,0)+IF('Standard Profiles'!$G$19=$B$17,14,0)+IF('Standard Profiles'!$G$19=$B$24,21,0),0)),0)</f>
        <v>0</v>
      </c>
      <c r="F1311" cm="1">
        <f t="array" ref="F1311">IFERROR(INDEX(Jesper!AJ$2:AJ$366,ROUNDDOWN($C1311/24,0)+1,1)*INDEX($D$3:$AA$30,INDEX(Jesper!$R$2:$R$366,ROW(INDEX(Jesper!AJ$2:AJ$366,ROUNDDOWN($C1311/24,0)+1,1))-1)+IF('Standard Profiles'!$G$20=$B$10,7,0)+IF('Standard Profiles'!$G$20=$B$17,14,0)+IF('Standard Profiles'!$G$20=$B$24,21,0),MOD($C1311,24)+1)/SUM(INDEX($D$3:$AA$30,INDEX(Jesper!$R$2:$R$366,ROW(INDEX(Jesper!AJ$2:AJ$366,ROUNDDOWN($C1311/24,0)+1,1))-1)+IF('Standard Profiles'!$G$20=$B$10,7,0)+IF('Standard Profiles'!$G$20=$B$17,14,0)+IF('Standard Profiles'!$G$20=$B$24,21,0),0)),0)</f>
        <v>0</v>
      </c>
      <c r="G1311" cm="1">
        <f t="array" ref="G1311">IFERROR(INDEX(Jesper!AK$2:AK$366,ROUNDDOWN($C1311/24,0)+1,1)*INDEX($D$3:$AA$30,INDEX(Jesper!$R$2:$R$366,ROW(INDEX(Jesper!AK$2:AK$366,ROUNDDOWN($C1311/24,0)+1,1))-1)+IF('Standard Profiles'!$G$21=$B$10,7,0)+IF('Standard Profiles'!$G$21=$B$17,14,0)+IF('Standard Profiles'!$G$21=$B$24,21,0),MOD($C1311,24)+1)/SUM(INDEX($D$3:$AA$30,INDEX(Jesper!$R$2:$R$366,ROW(INDEX(Jesper!AK$2:AK$366,ROUNDDOWN($C1311/24,0)+1,1))-1)+IF('Standard Profiles'!$G$21=$B$10,7,0)+IF('Standard Profiles'!$G$21=$B$17,14,0)+IF('Standard Profiles'!$G$21=$B$24,21,0),0)),0)</f>
        <v>0</v>
      </c>
      <c r="H1311" cm="1">
        <f t="array" ref="H1311">IFERROR(INDEX(Jesper!AL$2:AL$366,ROUNDDOWN($C1311/24,0)+1,1)*INDEX($D$3:$AA$30,INDEX(Jesper!$R$2:$R$366,ROW(INDEX(Jesper!AL$2:AL$366,ROUNDDOWN($C1311/24,0)+1,1))-1)+IF('Standard Profiles'!$G$22=$B$10,7,0)+IF('Standard Profiles'!$G$22=$B$17,14,0)+IF('Standard Profiles'!$G$22=$B$24,21,0),MOD($C1311,24)+1)/SUM(INDEX($D$3:$AA$30,INDEX(Jesper!$R$2:$R$366,ROW(INDEX(Jesper!AL$2:AL$366,ROUNDDOWN($C1311/24,0)+1,1))-1)+IF('Standard Profiles'!$G$22=$B$10,7,0)+IF('Standard Profiles'!$G$22=$B$17,14,0)+IF('Standard Profiles'!$G$22=$B$24,21,0),0)),0)</f>
        <v>0</v>
      </c>
      <c r="I1311">
        <f t="shared" si="153"/>
        <v>0.33011689974761199</v>
      </c>
      <c r="J1311">
        <f t="shared" si="154"/>
        <v>1.1003896658253733</v>
      </c>
      <c r="K1311">
        <f t="shared" si="155"/>
        <v>1.65058449873806</v>
      </c>
      <c r="L1311">
        <f t="shared" si="156"/>
        <v>7.9228055939426874</v>
      </c>
      <c r="M1311">
        <f t="shared" si="157"/>
        <v>0</v>
      </c>
      <c r="N1311" s="46">
        <f t="shared" si="158"/>
        <v>45345.208333330236</v>
      </c>
    </row>
    <row r="1312" spans="2:14" x14ac:dyDescent="0.3">
      <c r="B1312">
        <f t="shared" si="152"/>
        <v>5</v>
      </c>
      <c r="C1312" s="16">
        <v>1278</v>
      </c>
      <c r="D1312" cm="1">
        <f t="array" ref="D1312">IFERROR(INDEX(Jesper!AH$2:AH$366,ROUNDDOWN($C1312/24,0)+1,1)*INDEX($D$3:$AA$30,INDEX(Jesper!$R$2:$R$366,ROW(INDEX(Jesper!AH$2:AH$366,ROUNDDOWN($C1312/24,0)+1,1))-1)+IF('Standard Profiles'!$G$18=$B$10,7,0)+IF('Standard Profiles'!$G$18=$B$17,14,0)+IF('Standard Profiles'!$G$18=$B$24,21,0),MOD($C1312,24)+1)/SUM(INDEX($D$3:$AA$30,INDEX(Jesper!$R$2:$R$366,ROW(INDEX(Jesper!AH$2:AH$366,ROUNDDOWN($C1312/24,0)+1,1))-1)+IF('Standard Profiles'!$G$18=$B$10,7,0)+IF('Standard Profiles'!$G$18=$B$17,14,0)+IF('Standard Profiles'!$G$18=$B$24,21,0),0)),0)</f>
        <v>13.280564932375196</v>
      </c>
      <c r="E1312" cm="1">
        <f t="array" ref="E1312">IFERROR(INDEX(Jesper!AI$2:AI$366,ROUNDDOWN($C1312/24,0)+1,1)*INDEX($D$3:$AA$30,INDEX(Jesper!$R$2:$R$366,ROW(INDEX(Jesper!AI$2:AI$366,ROUNDDOWN($C1312/24,0)+1,1))-1)+IF('Standard Profiles'!$G$19=$B$10,7,0)+IF('Standard Profiles'!$G$19=$B$17,14,0)+IF('Standard Profiles'!$G$19=$B$24,21,0),MOD($C1312,24)+1)/SUM(INDEX($D$3:$AA$30,INDEX(Jesper!$R$2:$R$366,ROW(INDEX(Jesper!AI$2:AI$366,ROUNDDOWN($C1312/24,0)+1,1))-1)+IF('Standard Profiles'!$G$19=$B$10,7,0)+IF('Standard Profiles'!$G$19=$B$17,14,0)+IF('Standard Profiles'!$G$19=$B$24,21,0),0)),0)</f>
        <v>0</v>
      </c>
      <c r="F1312" cm="1">
        <f t="array" ref="F1312">IFERROR(INDEX(Jesper!AJ$2:AJ$366,ROUNDDOWN($C1312/24,0)+1,1)*INDEX($D$3:$AA$30,INDEX(Jesper!$R$2:$R$366,ROW(INDEX(Jesper!AJ$2:AJ$366,ROUNDDOWN($C1312/24,0)+1,1))-1)+IF('Standard Profiles'!$G$20=$B$10,7,0)+IF('Standard Profiles'!$G$20=$B$17,14,0)+IF('Standard Profiles'!$G$20=$B$24,21,0),MOD($C1312,24)+1)/SUM(INDEX($D$3:$AA$30,INDEX(Jesper!$R$2:$R$366,ROW(INDEX(Jesper!AJ$2:AJ$366,ROUNDDOWN($C1312/24,0)+1,1))-1)+IF('Standard Profiles'!$G$20=$B$10,7,0)+IF('Standard Profiles'!$G$20=$B$17,14,0)+IF('Standard Profiles'!$G$20=$B$24,21,0),0)),0)</f>
        <v>0</v>
      </c>
      <c r="G1312" cm="1">
        <f t="array" ref="G1312">IFERROR(INDEX(Jesper!AK$2:AK$366,ROUNDDOWN($C1312/24,0)+1,1)*INDEX($D$3:$AA$30,INDEX(Jesper!$R$2:$R$366,ROW(INDEX(Jesper!AK$2:AK$366,ROUNDDOWN($C1312/24,0)+1,1))-1)+IF('Standard Profiles'!$G$21=$B$10,7,0)+IF('Standard Profiles'!$G$21=$B$17,14,0)+IF('Standard Profiles'!$G$21=$B$24,21,0),MOD($C1312,24)+1)/SUM(INDEX($D$3:$AA$30,INDEX(Jesper!$R$2:$R$366,ROW(INDEX(Jesper!AK$2:AK$366,ROUNDDOWN($C1312/24,0)+1,1))-1)+IF('Standard Profiles'!$G$21=$B$10,7,0)+IF('Standard Profiles'!$G$21=$B$17,14,0)+IF('Standard Profiles'!$G$21=$B$24,21,0),0)),0)</f>
        <v>0</v>
      </c>
      <c r="H1312" cm="1">
        <f t="array" ref="H1312">IFERROR(INDEX(Jesper!AL$2:AL$366,ROUNDDOWN($C1312/24,0)+1,1)*INDEX($D$3:$AA$30,INDEX(Jesper!$R$2:$R$366,ROW(INDEX(Jesper!AL$2:AL$366,ROUNDDOWN($C1312/24,0)+1,1))-1)+IF('Standard Profiles'!$G$22=$B$10,7,0)+IF('Standard Profiles'!$G$22=$B$17,14,0)+IF('Standard Profiles'!$G$22=$B$24,21,0),MOD($C1312,24)+1)/SUM(INDEX($D$3:$AA$30,INDEX(Jesper!$R$2:$R$366,ROW(INDEX(Jesper!AL$2:AL$366,ROUNDDOWN($C1312/24,0)+1,1))-1)+IF('Standard Profiles'!$G$22=$B$10,7,0)+IF('Standard Profiles'!$G$22=$B$17,14,0)+IF('Standard Profiles'!$G$22=$B$24,21,0),0)),0)</f>
        <v>0</v>
      </c>
      <c r="I1312">
        <f t="shared" si="153"/>
        <v>0.39841694797125587</v>
      </c>
      <c r="J1312">
        <f t="shared" si="154"/>
        <v>1.3280564932375196</v>
      </c>
      <c r="K1312">
        <f t="shared" si="155"/>
        <v>1.9920847398562793</v>
      </c>
      <c r="L1312">
        <f t="shared" si="156"/>
        <v>9.5620067513101414</v>
      </c>
      <c r="M1312">
        <f t="shared" si="157"/>
        <v>0</v>
      </c>
      <c r="N1312" s="46">
        <f t="shared" si="158"/>
        <v>45345.2499999969</v>
      </c>
    </row>
    <row r="1313" spans="2:14" x14ac:dyDescent="0.3">
      <c r="B1313">
        <f t="shared" si="152"/>
        <v>5</v>
      </c>
      <c r="C1313" s="16">
        <v>1279</v>
      </c>
      <c r="D1313" cm="1">
        <f t="array" ref="D1313">IFERROR(INDEX(Jesper!AH$2:AH$366,ROUNDDOWN($C1313/24,0)+1,1)*INDEX($D$3:$AA$30,INDEX(Jesper!$R$2:$R$366,ROW(INDEX(Jesper!AH$2:AH$366,ROUNDDOWN($C1313/24,0)+1,1))-1)+IF('Standard Profiles'!$G$18=$B$10,7,0)+IF('Standard Profiles'!$G$18=$B$17,14,0)+IF('Standard Profiles'!$G$18=$B$24,21,0),MOD($C1313,24)+1)/SUM(INDEX($D$3:$AA$30,INDEX(Jesper!$R$2:$R$366,ROW(INDEX(Jesper!AH$2:AH$366,ROUNDDOWN($C1313/24,0)+1,1))-1)+IF('Standard Profiles'!$G$18=$B$10,7,0)+IF('Standard Profiles'!$G$18=$B$17,14,0)+IF('Standard Profiles'!$G$18=$B$24,21,0),0)),0)</f>
        <v>13.280564932375196</v>
      </c>
      <c r="E1313" cm="1">
        <f t="array" ref="E1313">IFERROR(INDEX(Jesper!AI$2:AI$366,ROUNDDOWN($C1313/24,0)+1,1)*INDEX($D$3:$AA$30,INDEX(Jesper!$R$2:$R$366,ROW(INDEX(Jesper!AI$2:AI$366,ROUNDDOWN($C1313/24,0)+1,1))-1)+IF('Standard Profiles'!$G$19=$B$10,7,0)+IF('Standard Profiles'!$G$19=$B$17,14,0)+IF('Standard Profiles'!$G$19=$B$24,21,0),MOD($C1313,24)+1)/SUM(INDEX($D$3:$AA$30,INDEX(Jesper!$R$2:$R$366,ROW(INDEX(Jesper!AI$2:AI$366,ROUNDDOWN($C1313/24,0)+1,1))-1)+IF('Standard Profiles'!$G$19=$B$10,7,0)+IF('Standard Profiles'!$G$19=$B$17,14,0)+IF('Standard Profiles'!$G$19=$B$24,21,0),0)),0)</f>
        <v>0</v>
      </c>
      <c r="F1313" cm="1">
        <f t="array" ref="F1313">IFERROR(INDEX(Jesper!AJ$2:AJ$366,ROUNDDOWN($C1313/24,0)+1,1)*INDEX($D$3:$AA$30,INDEX(Jesper!$R$2:$R$366,ROW(INDEX(Jesper!AJ$2:AJ$366,ROUNDDOWN($C1313/24,0)+1,1))-1)+IF('Standard Profiles'!$G$20=$B$10,7,0)+IF('Standard Profiles'!$G$20=$B$17,14,0)+IF('Standard Profiles'!$G$20=$B$24,21,0),MOD($C1313,24)+1)/SUM(INDEX($D$3:$AA$30,INDEX(Jesper!$R$2:$R$366,ROW(INDEX(Jesper!AJ$2:AJ$366,ROUNDDOWN($C1313/24,0)+1,1))-1)+IF('Standard Profiles'!$G$20=$B$10,7,0)+IF('Standard Profiles'!$G$20=$B$17,14,0)+IF('Standard Profiles'!$G$20=$B$24,21,0),0)),0)</f>
        <v>0</v>
      </c>
      <c r="G1313" cm="1">
        <f t="array" ref="G1313">IFERROR(INDEX(Jesper!AK$2:AK$366,ROUNDDOWN($C1313/24,0)+1,1)*INDEX($D$3:$AA$30,INDEX(Jesper!$R$2:$R$366,ROW(INDEX(Jesper!AK$2:AK$366,ROUNDDOWN($C1313/24,0)+1,1))-1)+IF('Standard Profiles'!$G$21=$B$10,7,0)+IF('Standard Profiles'!$G$21=$B$17,14,0)+IF('Standard Profiles'!$G$21=$B$24,21,0),MOD($C1313,24)+1)/SUM(INDEX($D$3:$AA$30,INDEX(Jesper!$R$2:$R$366,ROW(INDEX(Jesper!AK$2:AK$366,ROUNDDOWN($C1313/24,0)+1,1))-1)+IF('Standard Profiles'!$G$21=$B$10,7,0)+IF('Standard Profiles'!$G$21=$B$17,14,0)+IF('Standard Profiles'!$G$21=$B$24,21,0),0)),0)</f>
        <v>0</v>
      </c>
      <c r="H1313" cm="1">
        <f t="array" ref="H1313">IFERROR(INDEX(Jesper!AL$2:AL$366,ROUNDDOWN($C1313/24,0)+1,1)*INDEX($D$3:$AA$30,INDEX(Jesper!$R$2:$R$366,ROW(INDEX(Jesper!AL$2:AL$366,ROUNDDOWN($C1313/24,0)+1,1))-1)+IF('Standard Profiles'!$G$22=$B$10,7,0)+IF('Standard Profiles'!$G$22=$B$17,14,0)+IF('Standard Profiles'!$G$22=$B$24,21,0),MOD($C1313,24)+1)/SUM(INDEX($D$3:$AA$30,INDEX(Jesper!$R$2:$R$366,ROW(INDEX(Jesper!AL$2:AL$366,ROUNDDOWN($C1313/24,0)+1,1))-1)+IF('Standard Profiles'!$G$22=$B$10,7,0)+IF('Standard Profiles'!$G$22=$B$17,14,0)+IF('Standard Profiles'!$G$22=$B$24,21,0),0)),0)</f>
        <v>0</v>
      </c>
      <c r="I1313">
        <f t="shared" si="153"/>
        <v>0.39841694797125587</v>
      </c>
      <c r="J1313">
        <f t="shared" si="154"/>
        <v>1.3280564932375196</v>
      </c>
      <c r="K1313">
        <f t="shared" si="155"/>
        <v>1.9920847398562793</v>
      </c>
      <c r="L1313">
        <f t="shared" si="156"/>
        <v>9.5620067513101414</v>
      </c>
      <c r="M1313">
        <f t="shared" si="157"/>
        <v>0</v>
      </c>
      <c r="N1313" s="46">
        <f t="shared" si="158"/>
        <v>45345.291666663565</v>
      </c>
    </row>
    <row r="1314" spans="2:14" x14ac:dyDescent="0.3">
      <c r="B1314">
        <f t="shared" si="152"/>
        <v>5</v>
      </c>
      <c r="C1314" s="16">
        <v>1280</v>
      </c>
      <c r="D1314" cm="1">
        <f t="array" ref="D1314">IFERROR(INDEX(Jesper!AH$2:AH$366,ROUNDDOWN($C1314/24,0)+1,1)*INDEX($D$3:$AA$30,INDEX(Jesper!$R$2:$R$366,ROW(INDEX(Jesper!AH$2:AH$366,ROUNDDOWN($C1314/24,0)+1,1))-1)+IF('Standard Profiles'!$G$18=$B$10,7,0)+IF('Standard Profiles'!$G$18=$B$17,14,0)+IF('Standard Profiles'!$G$18=$B$24,21,0),MOD($C1314,24)+1)/SUM(INDEX($D$3:$AA$30,INDEX(Jesper!$R$2:$R$366,ROW(INDEX(Jesper!AH$2:AH$366,ROUNDDOWN($C1314/24,0)+1,1))-1)+IF('Standard Profiles'!$G$18=$B$10,7,0)+IF('Standard Profiles'!$G$18=$B$17,14,0)+IF('Standard Profiles'!$G$18=$B$24,21,0),0)),0)</f>
        <v>13.280564932375196</v>
      </c>
      <c r="E1314" cm="1">
        <f t="array" ref="E1314">IFERROR(INDEX(Jesper!AI$2:AI$366,ROUNDDOWN($C1314/24,0)+1,1)*INDEX($D$3:$AA$30,INDEX(Jesper!$R$2:$R$366,ROW(INDEX(Jesper!AI$2:AI$366,ROUNDDOWN($C1314/24,0)+1,1))-1)+IF('Standard Profiles'!$G$19=$B$10,7,0)+IF('Standard Profiles'!$G$19=$B$17,14,0)+IF('Standard Profiles'!$G$19=$B$24,21,0),MOD($C1314,24)+1)/SUM(INDEX($D$3:$AA$30,INDEX(Jesper!$R$2:$R$366,ROW(INDEX(Jesper!AI$2:AI$366,ROUNDDOWN($C1314/24,0)+1,1))-1)+IF('Standard Profiles'!$G$19=$B$10,7,0)+IF('Standard Profiles'!$G$19=$B$17,14,0)+IF('Standard Profiles'!$G$19=$B$24,21,0),0)),0)</f>
        <v>0</v>
      </c>
      <c r="F1314" cm="1">
        <f t="array" ref="F1314">IFERROR(INDEX(Jesper!AJ$2:AJ$366,ROUNDDOWN($C1314/24,0)+1,1)*INDEX($D$3:$AA$30,INDEX(Jesper!$R$2:$R$366,ROW(INDEX(Jesper!AJ$2:AJ$366,ROUNDDOWN($C1314/24,0)+1,1))-1)+IF('Standard Profiles'!$G$20=$B$10,7,0)+IF('Standard Profiles'!$G$20=$B$17,14,0)+IF('Standard Profiles'!$G$20=$B$24,21,0),MOD($C1314,24)+1)/SUM(INDEX($D$3:$AA$30,INDEX(Jesper!$R$2:$R$366,ROW(INDEX(Jesper!AJ$2:AJ$366,ROUNDDOWN($C1314/24,0)+1,1))-1)+IF('Standard Profiles'!$G$20=$B$10,7,0)+IF('Standard Profiles'!$G$20=$B$17,14,0)+IF('Standard Profiles'!$G$20=$B$24,21,0),0)),0)</f>
        <v>0</v>
      </c>
      <c r="G1314" cm="1">
        <f t="array" ref="G1314">IFERROR(INDEX(Jesper!AK$2:AK$366,ROUNDDOWN($C1314/24,0)+1,1)*INDEX($D$3:$AA$30,INDEX(Jesper!$R$2:$R$366,ROW(INDEX(Jesper!AK$2:AK$366,ROUNDDOWN($C1314/24,0)+1,1))-1)+IF('Standard Profiles'!$G$21=$B$10,7,0)+IF('Standard Profiles'!$G$21=$B$17,14,0)+IF('Standard Profiles'!$G$21=$B$24,21,0),MOD($C1314,24)+1)/SUM(INDEX($D$3:$AA$30,INDEX(Jesper!$R$2:$R$366,ROW(INDEX(Jesper!AK$2:AK$366,ROUNDDOWN($C1314/24,0)+1,1))-1)+IF('Standard Profiles'!$G$21=$B$10,7,0)+IF('Standard Profiles'!$G$21=$B$17,14,0)+IF('Standard Profiles'!$G$21=$B$24,21,0),0)),0)</f>
        <v>0</v>
      </c>
      <c r="H1314" cm="1">
        <f t="array" ref="H1314">IFERROR(INDEX(Jesper!AL$2:AL$366,ROUNDDOWN($C1314/24,0)+1,1)*INDEX($D$3:$AA$30,INDEX(Jesper!$R$2:$R$366,ROW(INDEX(Jesper!AL$2:AL$366,ROUNDDOWN($C1314/24,0)+1,1))-1)+IF('Standard Profiles'!$G$22=$B$10,7,0)+IF('Standard Profiles'!$G$22=$B$17,14,0)+IF('Standard Profiles'!$G$22=$B$24,21,0),MOD($C1314,24)+1)/SUM(INDEX($D$3:$AA$30,INDEX(Jesper!$R$2:$R$366,ROW(INDEX(Jesper!AL$2:AL$366,ROUNDDOWN($C1314/24,0)+1,1))-1)+IF('Standard Profiles'!$G$22=$B$10,7,0)+IF('Standard Profiles'!$G$22=$B$17,14,0)+IF('Standard Profiles'!$G$22=$B$24,21,0),0)),0)</f>
        <v>0</v>
      </c>
      <c r="I1314">
        <f t="shared" si="153"/>
        <v>0.39841694797125587</v>
      </c>
      <c r="J1314">
        <f t="shared" si="154"/>
        <v>1.3280564932375196</v>
      </c>
      <c r="K1314">
        <f t="shared" si="155"/>
        <v>1.9920847398562793</v>
      </c>
      <c r="L1314">
        <f t="shared" si="156"/>
        <v>9.5620067513101414</v>
      </c>
      <c r="M1314">
        <f t="shared" si="157"/>
        <v>0</v>
      </c>
      <c r="N1314" s="46">
        <f t="shared" si="158"/>
        <v>45345.333333330229</v>
      </c>
    </row>
    <row r="1315" spans="2:14" x14ac:dyDescent="0.3">
      <c r="B1315">
        <f t="shared" ref="B1315:B1378" si="159">WEEKDAY(N1315,2)</f>
        <v>5</v>
      </c>
      <c r="C1315" s="16">
        <v>1281</v>
      </c>
      <c r="D1315" cm="1">
        <f t="array" ref="D1315">IFERROR(INDEX(Jesper!AH$2:AH$366,ROUNDDOWN($C1315/24,0)+1,1)*INDEX($D$3:$AA$30,INDEX(Jesper!$R$2:$R$366,ROW(INDEX(Jesper!AH$2:AH$366,ROUNDDOWN($C1315/24,0)+1,1))-1)+IF('Standard Profiles'!$G$18=$B$10,7,0)+IF('Standard Profiles'!$G$18=$B$17,14,0)+IF('Standard Profiles'!$G$18=$B$24,21,0),MOD($C1315,24)+1)/SUM(INDEX($D$3:$AA$30,INDEX(Jesper!$R$2:$R$366,ROW(INDEX(Jesper!AH$2:AH$366,ROUNDDOWN($C1315/24,0)+1,1))-1)+IF('Standard Profiles'!$G$18=$B$10,7,0)+IF('Standard Profiles'!$G$18=$B$17,14,0)+IF('Standard Profiles'!$G$18=$B$24,21,0),0)),0)</f>
        <v>14.229176713259138</v>
      </c>
      <c r="E1315" cm="1">
        <f t="array" ref="E1315">IFERROR(INDEX(Jesper!AI$2:AI$366,ROUNDDOWN($C1315/24,0)+1,1)*INDEX($D$3:$AA$30,INDEX(Jesper!$R$2:$R$366,ROW(INDEX(Jesper!AI$2:AI$366,ROUNDDOWN($C1315/24,0)+1,1))-1)+IF('Standard Profiles'!$G$19=$B$10,7,0)+IF('Standard Profiles'!$G$19=$B$17,14,0)+IF('Standard Profiles'!$G$19=$B$24,21,0),MOD($C1315,24)+1)/SUM(INDEX($D$3:$AA$30,INDEX(Jesper!$R$2:$R$366,ROW(INDEX(Jesper!AI$2:AI$366,ROUNDDOWN($C1315/24,0)+1,1))-1)+IF('Standard Profiles'!$G$19=$B$10,7,0)+IF('Standard Profiles'!$G$19=$B$17,14,0)+IF('Standard Profiles'!$G$19=$B$24,21,0),0)),0)</f>
        <v>0</v>
      </c>
      <c r="F1315" cm="1">
        <f t="array" ref="F1315">IFERROR(INDEX(Jesper!AJ$2:AJ$366,ROUNDDOWN($C1315/24,0)+1,1)*INDEX($D$3:$AA$30,INDEX(Jesper!$R$2:$R$366,ROW(INDEX(Jesper!AJ$2:AJ$366,ROUNDDOWN($C1315/24,0)+1,1))-1)+IF('Standard Profiles'!$G$20=$B$10,7,0)+IF('Standard Profiles'!$G$20=$B$17,14,0)+IF('Standard Profiles'!$G$20=$B$24,21,0),MOD($C1315,24)+1)/SUM(INDEX($D$3:$AA$30,INDEX(Jesper!$R$2:$R$366,ROW(INDEX(Jesper!AJ$2:AJ$366,ROUNDDOWN($C1315/24,0)+1,1))-1)+IF('Standard Profiles'!$G$20=$B$10,7,0)+IF('Standard Profiles'!$G$20=$B$17,14,0)+IF('Standard Profiles'!$G$20=$B$24,21,0),0)),0)</f>
        <v>0</v>
      </c>
      <c r="G1315" cm="1">
        <f t="array" ref="G1315">IFERROR(INDEX(Jesper!AK$2:AK$366,ROUNDDOWN($C1315/24,0)+1,1)*INDEX($D$3:$AA$30,INDEX(Jesper!$R$2:$R$366,ROW(INDEX(Jesper!AK$2:AK$366,ROUNDDOWN($C1315/24,0)+1,1))-1)+IF('Standard Profiles'!$G$21=$B$10,7,0)+IF('Standard Profiles'!$G$21=$B$17,14,0)+IF('Standard Profiles'!$G$21=$B$24,21,0),MOD($C1315,24)+1)/SUM(INDEX($D$3:$AA$30,INDEX(Jesper!$R$2:$R$366,ROW(INDEX(Jesper!AK$2:AK$366,ROUNDDOWN($C1315/24,0)+1,1))-1)+IF('Standard Profiles'!$G$21=$B$10,7,0)+IF('Standard Profiles'!$G$21=$B$17,14,0)+IF('Standard Profiles'!$G$21=$B$24,21,0),0)),0)</f>
        <v>0</v>
      </c>
      <c r="H1315" cm="1">
        <f t="array" ref="H1315">IFERROR(INDEX(Jesper!AL$2:AL$366,ROUNDDOWN($C1315/24,0)+1,1)*INDEX($D$3:$AA$30,INDEX(Jesper!$R$2:$R$366,ROW(INDEX(Jesper!AL$2:AL$366,ROUNDDOWN($C1315/24,0)+1,1))-1)+IF('Standard Profiles'!$G$22=$B$10,7,0)+IF('Standard Profiles'!$G$22=$B$17,14,0)+IF('Standard Profiles'!$G$22=$B$24,21,0),MOD($C1315,24)+1)/SUM(INDEX($D$3:$AA$30,INDEX(Jesper!$R$2:$R$366,ROW(INDEX(Jesper!AL$2:AL$366,ROUNDDOWN($C1315/24,0)+1,1))-1)+IF('Standard Profiles'!$G$22=$B$10,7,0)+IF('Standard Profiles'!$G$22=$B$17,14,0)+IF('Standard Profiles'!$G$22=$B$24,21,0),0)),0)</f>
        <v>0</v>
      </c>
      <c r="I1315">
        <f t="shared" ref="I1315:I1378" si="160">IF($B1315&lt;6,AC$37*$D1315+AC$38*$E1315+AC$39*$F1315+AC$40*$G1315,AC$46*$D1315+AC$47*$E1315+AC$48*$F1315+AC$49*$G1315+AC$50*$H1315)</f>
        <v>0.42687530139777413</v>
      </c>
      <c r="J1315">
        <f t="shared" ref="J1315:J1378" si="161">IF($B1315&lt;6,AD$37*$D1315+AD$38*$E1315+AD$39*$F1315+AD$40*$G1315,AD$46*$D1315+AD$47*$E1315+AD$48*$F1315+AD$49*$G1315+AD$50*$H1315)</f>
        <v>1.422917671325914</v>
      </c>
      <c r="K1315">
        <f t="shared" ref="K1315:K1378" si="162">IF($B1315&lt;6,AE$37*$D1315+AE$38*$E1315+AE$39*$F1315+AE$40*$G1315,AE$46*$D1315+AE$47*$E1315+AE$48*$F1315+AE$49*$G1315+AE$50*$H1315)</f>
        <v>2.1343765069888705</v>
      </c>
      <c r="L1315">
        <f t="shared" ref="L1315:L1378" si="163">IF($B1315&lt;6,AF$37*$D1315+AF$38*$E1315+AF$39*$F1315+AF$40*$G1315,AF$46*$D1315+AF$47*$E1315+AF$48*$F1315+AF$49*$G1315+AF$50*$H1315)</f>
        <v>10.245007233546579</v>
      </c>
      <c r="M1315">
        <f t="shared" ref="M1315:M1378" si="164">IF($B1315&lt;6,AG$37*$D1315+AG$38*$E1315+AG$39*$F1315+AG$40*$G1315,AG$46*$D1315+AG$47*$E1315+AG$48*$F1315+AG$49*$G1315+AG$50*$H1315)</f>
        <v>0</v>
      </c>
      <c r="N1315" s="46">
        <f t="shared" si="158"/>
        <v>45345.374999996893</v>
      </c>
    </row>
    <row r="1316" spans="2:14" x14ac:dyDescent="0.3">
      <c r="B1316">
        <f t="shared" si="159"/>
        <v>5</v>
      </c>
      <c r="C1316" s="16">
        <v>1282</v>
      </c>
      <c r="D1316" cm="1">
        <f t="array" ref="D1316">IFERROR(INDEX(Jesper!AH$2:AH$366,ROUNDDOWN($C1316/24,0)+1,1)*INDEX($D$3:$AA$30,INDEX(Jesper!$R$2:$R$366,ROW(INDEX(Jesper!AH$2:AH$366,ROUNDDOWN($C1316/24,0)+1,1))-1)+IF('Standard Profiles'!$G$18=$B$10,7,0)+IF('Standard Profiles'!$G$18=$B$17,14,0)+IF('Standard Profiles'!$G$18=$B$24,21,0),MOD($C1316,24)+1)/SUM(INDEX($D$3:$AA$30,INDEX(Jesper!$R$2:$R$366,ROW(INDEX(Jesper!AH$2:AH$366,ROUNDDOWN($C1316/24,0)+1,1))-1)+IF('Standard Profiles'!$G$18=$B$10,7,0)+IF('Standard Profiles'!$G$18=$B$17,14,0)+IF('Standard Profiles'!$G$18=$B$24,21,0),0)),0)</f>
        <v>14.798343781789503</v>
      </c>
      <c r="E1316" cm="1">
        <f t="array" ref="E1316">IFERROR(INDEX(Jesper!AI$2:AI$366,ROUNDDOWN($C1316/24,0)+1,1)*INDEX($D$3:$AA$30,INDEX(Jesper!$R$2:$R$366,ROW(INDEX(Jesper!AI$2:AI$366,ROUNDDOWN($C1316/24,0)+1,1))-1)+IF('Standard Profiles'!$G$19=$B$10,7,0)+IF('Standard Profiles'!$G$19=$B$17,14,0)+IF('Standard Profiles'!$G$19=$B$24,21,0),MOD($C1316,24)+1)/SUM(INDEX($D$3:$AA$30,INDEX(Jesper!$R$2:$R$366,ROW(INDEX(Jesper!AI$2:AI$366,ROUNDDOWN($C1316/24,0)+1,1))-1)+IF('Standard Profiles'!$G$19=$B$10,7,0)+IF('Standard Profiles'!$G$19=$B$17,14,0)+IF('Standard Profiles'!$G$19=$B$24,21,0),0)),0)</f>
        <v>0</v>
      </c>
      <c r="F1316" cm="1">
        <f t="array" ref="F1316">IFERROR(INDEX(Jesper!AJ$2:AJ$366,ROUNDDOWN($C1316/24,0)+1,1)*INDEX($D$3:$AA$30,INDEX(Jesper!$R$2:$R$366,ROW(INDEX(Jesper!AJ$2:AJ$366,ROUNDDOWN($C1316/24,0)+1,1))-1)+IF('Standard Profiles'!$G$20=$B$10,7,0)+IF('Standard Profiles'!$G$20=$B$17,14,0)+IF('Standard Profiles'!$G$20=$B$24,21,0),MOD($C1316,24)+1)/SUM(INDEX($D$3:$AA$30,INDEX(Jesper!$R$2:$R$366,ROW(INDEX(Jesper!AJ$2:AJ$366,ROUNDDOWN($C1316/24,0)+1,1))-1)+IF('Standard Profiles'!$G$20=$B$10,7,0)+IF('Standard Profiles'!$G$20=$B$17,14,0)+IF('Standard Profiles'!$G$20=$B$24,21,0),0)),0)</f>
        <v>0</v>
      </c>
      <c r="G1316" cm="1">
        <f t="array" ref="G1316">IFERROR(INDEX(Jesper!AK$2:AK$366,ROUNDDOWN($C1316/24,0)+1,1)*INDEX($D$3:$AA$30,INDEX(Jesper!$R$2:$R$366,ROW(INDEX(Jesper!AK$2:AK$366,ROUNDDOWN($C1316/24,0)+1,1))-1)+IF('Standard Profiles'!$G$21=$B$10,7,0)+IF('Standard Profiles'!$G$21=$B$17,14,0)+IF('Standard Profiles'!$G$21=$B$24,21,0),MOD($C1316,24)+1)/SUM(INDEX($D$3:$AA$30,INDEX(Jesper!$R$2:$R$366,ROW(INDEX(Jesper!AK$2:AK$366,ROUNDDOWN($C1316/24,0)+1,1))-1)+IF('Standard Profiles'!$G$21=$B$10,7,0)+IF('Standard Profiles'!$G$21=$B$17,14,0)+IF('Standard Profiles'!$G$21=$B$24,21,0),0)),0)</f>
        <v>0</v>
      </c>
      <c r="H1316" cm="1">
        <f t="array" ref="H1316">IFERROR(INDEX(Jesper!AL$2:AL$366,ROUNDDOWN($C1316/24,0)+1,1)*INDEX($D$3:$AA$30,INDEX(Jesper!$R$2:$R$366,ROW(INDEX(Jesper!AL$2:AL$366,ROUNDDOWN($C1316/24,0)+1,1))-1)+IF('Standard Profiles'!$G$22=$B$10,7,0)+IF('Standard Profiles'!$G$22=$B$17,14,0)+IF('Standard Profiles'!$G$22=$B$24,21,0),MOD($C1316,24)+1)/SUM(INDEX($D$3:$AA$30,INDEX(Jesper!$R$2:$R$366,ROW(INDEX(Jesper!AL$2:AL$366,ROUNDDOWN($C1316/24,0)+1,1))-1)+IF('Standard Profiles'!$G$22=$B$10,7,0)+IF('Standard Profiles'!$G$22=$B$17,14,0)+IF('Standard Profiles'!$G$22=$B$24,21,0),0)),0)</f>
        <v>0</v>
      </c>
      <c r="I1316">
        <f t="shared" si="160"/>
        <v>0.44395031345368507</v>
      </c>
      <c r="J1316">
        <f t="shared" si="161"/>
        <v>1.4798343781789505</v>
      </c>
      <c r="K1316">
        <f t="shared" si="162"/>
        <v>2.2197515672684256</v>
      </c>
      <c r="L1316">
        <f t="shared" si="163"/>
        <v>10.654807522888442</v>
      </c>
      <c r="M1316">
        <f t="shared" si="164"/>
        <v>0</v>
      </c>
      <c r="N1316" s="46">
        <f t="shared" ref="N1316:N1379" si="165">N1315+1/24</f>
        <v>45345.416666663557</v>
      </c>
    </row>
    <row r="1317" spans="2:14" x14ac:dyDescent="0.3">
      <c r="B1317">
        <f t="shared" si="159"/>
        <v>5</v>
      </c>
      <c r="C1317" s="16">
        <v>1283</v>
      </c>
      <c r="D1317" cm="1">
        <f t="array" ref="D1317">IFERROR(INDEX(Jesper!AH$2:AH$366,ROUNDDOWN($C1317/24,0)+1,1)*INDEX($D$3:$AA$30,INDEX(Jesper!$R$2:$R$366,ROW(INDEX(Jesper!AH$2:AH$366,ROUNDDOWN($C1317/24,0)+1,1))-1)+IF('Standard Profiles'!$G$18=$B$10,7,0)+IF('Standard Profiles'!$G$18=$B$17,14,0)+IF('Standard Profiles'!$G$18=$B$24,21,0),MOD($C1317,24)+1)/SUM(INDEX($D$3:$AA$30,INDEX(Jesper!$R$2:$R$366,ROW(INDEX(Jesper!AH$2:AH$366,ROUNDDOWN($C1317/24,0)+1,1))-1)+IF('Standard Profiles'!$G$18=$B$10,7,0)+IF('Standard Profiles'!$G$18=$B$17,14,0)+IF('Standard Profiles'!$G$18=$B$24,21,0),0)),0)</f>
        <v>17.075012055910964</v>
      </c>
      <c r="E1317" cm="1">
        <f t="array" ref="E1317">IFERROR(INDEX(Jesper!AI$2:AI$366,ROUNDDOWN($C1317/24,0)+1,1)*INDEX($D$3:$AA$30,INDEX(Jesper!$R$2:$R$366,ROW(INDEX(Jesper!AI$2:AI$366,ROUNDDOWN($C1317/24,0)+1,1))-1)+IF('Standard Profiles'!$G$19=$B$10,7,0)+IF('Standard Profiles'!$G$19=$B$17,14,0)+IF('Standard Profiles'!$G$19=$B$24,21,0),MOD($C1317,24)+1)/SUM(INDEX($D$3:$AA$30,INDEX(Jesper!$R$2:$R$366,ROW(INDEX(Jesper!AI$2:AI$366,ROUNDDOWN($C1317/24,0)+1,1))-1)+IF('Standard Profiles'!$G$19=$B$10,7,0)+IF('Standard Profiles'!$G$19=$B$17,14,0)+IF('Standard Profiles'!$G$19=$B$24,21,0),0)),0)</f>
        <v>0</v>
      </c>
      <c r="F1317" cm="1">
        <f t="array" ref="F1317">IFERROR(INDEX(Jesper!AJ$2:AJ$366,ROUNDDOWN($C1317/24,0)+1,1)*INDEX($D$3:$AA$30,INDEX(Jesper!$R$2:$R$366,ROW(INDEX(Jesper!AJ$2:AJ$366,ROUNDDOWN($C1317/24,0)+1,1))-1)+IF('Standard Profiles'!$G$20=$B$10,7,0)+IF('Standard Profiles'!$G$20=$B$17,14,0)+IF('Standard Profiles'!$G$20=$B$24,21,0),MOD($C1317,24)+1)/SUM(INDEX($D$3:$AA$30,INDEX(Jesper!$R$2:$R$366,ROW(INDEX(Jesper!AJ$2:AJ$366,ROUNDDOWN($C1317/24,0)+1,1))-1)+IF('Standard Profiles'!$G$20=$B$10,7,0)+IF('Standard Profiles'!$G$20=$B$17,14,0)+IF('Standard Profiles'!$G$20=$B$24,21,0),0)),0)</f>
        <v>0</v>
      </c>
      <c r="G1317" cm="1">
        <f t="array" ref="G1317">IFERROR(INDEX(Jesper!AK$2:AK$366,ROUNDDOWN($C1317/24,0)+1,1)*INDEX($D$3:$AA$30,INDEX(Jesper!$R$2:$R$366,ROW(INDEX(Jesper!AK$2:AK$366,ROUNDDOWN($C1317/24,0)+1,1))-1)+IF('Standard Profiles'!$G$21=$B$10,7,0)+IF('Standard Profiles'!$G$21=$B$17,14,0)+IF('Standard Profiles'!$G$21=$B$24,21,0),MOD($C1317,24)+1)/SUM(INDEX($D$3:$AA$30,INDEX(Jesper!$R$2:$R$366,ROW(INDEX(Jesper!AK$2:AK$366,ROUNDDOWN($C1317/24,0)+1,1))-1)+IF('Standard Profiles'!$G$21=$B$10,7,0)+IF('Standard Profiles'!$G$21=$B$17,14,0)+IF('Standard Profiles'!$G$21=$B$24,21,0),0)),0)</f>
        <v>0</v>
      </c>
      <c r="H1317" cm="1">
        <f t="array" ref="H1317">IFERROR(INDEX(Jesper!AL$2:AL$366,ROUNDDOWN($C1317/24,0)+1,1)*INDEX($D$3:$AA$30,INDEX(Jesper!$R$2:$R$366,ROW(INDEX(Jesper!AL$2:AL$366,ROUNDDOWN($C1317/24,0)+1,1))-1)+IF('Standard Profiles'!$G$22=$B$10,7,0)+IF('Standard Profiles'!$G$22=$B$17,14,0)+IF('Standard Profiles'!$G$22=$B$24,21,0),MOD($C1317,24)+1)/SUM(INDEX($D$3:$AA$30,INDEX(Jesper!$R$2:$R$366,ROW(INDEX(Jesper!AL$2:AL$366,ROUNDDOWN($C1317/24,0)+1,1))-1)+IF('Standard Profiles'!$G$22=$B$10,7,0)+IF('Standard Profiles'!$G$22=$B$17,14,0)+IF('Standard Profiles'!$G$22=$B$24,21,0),0)),0)</f>
        <v>0</v>
      </c>
      <c r="I1317">
        <f t="shared" si="160"/>
        <v>0.51225036167732885</v>
      </c>
      <c r="J1317">
        <f t="shared" si="161"/>
        <v>1.7075012055910965</v>
      </c>
      <c r="K1317">
        <f t="shared" si="162"/>
        <v>2.5612518083866447</v>
      </c>
      <c r="L1317">
        <f t="shared" si="163"/>
        <v>12.294008680255894</v>
      </c>
      <c r="M1317">
        <f t="shared" si="164"/>
        <v>0</v>
      </c>
      <c r="N1317" s="46">
        <f t="shared" si="165"/>
        <v>45345.458333330222</v>
      </c>
    </row>
    <row r="1318" spans="2:14" x14ac:dyDescent="0.3">
      <c r="B1318">
        <f t="shared" si="159"/>
        <v>5</v>
      </c>
      <c r="C1318" s="16">
        <v>1284</v>
      </c>
      <c r="D1318" cm="1">
        <f t="array" ref="D1318">IFERROR(INDEX(Jesper!AH$2:AH$366,ROUNDDOWN($C1318/24,0)+1,1)*INDEX($D$3:$AA$30,INDEX(Jesper!$R$2:$R$366,ROW(INDEX(Jesper!AH$2:AH$366,ROUNDDOWN($C1318/24,0)+1,1))-1)+IF('Standard Profiles'!$G$18=$B$10,7,0)+IF('Standard Profiles'!$G$18=$B$17,14,0)+IF('Standard Profiles'!$G$18=$B$24,21,0),MOD($C1318,24)+1)/SUM(INDEX($D$3:$AA$30,INDEX(Jesper!$R$2:$R$366,ROW(INDEX(Jesper!AH$2:AH$366,ROUNDDOWN($C1318/24,0)+1,1))-1)+IF('Standard Profiles'!$G$18=$B$10,7,0)+IF('Standard Profiles'!$G$18=$B$17,14,0)+IF('Standard Profiles'!$G$18=$B$24,21,0),0)),0)</f>
        <v>17.075012055910964</v>
      </c>
      <c r="E1318" cm="1">
        <f t="array" ref="E1318">IFERROR(INDEX(Jesper!AI$2:AI$366,ROUNDDOWN($C1318/24,0)+1,1)*INDEX($D$3:$AA$30,INDEX(Jesper!$R$2:$R$366,ROW(INDEX(Jesper!AI$2:AI$366,ROUNDDOWN($C1318/24,0)+1,1))-1)+IF('Standard Profiles'!$G$19=$B$10,7,0)+IF('Standard Profiles'!$G$19=$B$17,14,0)+IF('Standard Profiles'!$G$19=$B$24,21,0),MOD($C1318,24)+1)/SUM(INDEX($D$3:$AA$30,INDEX(Jesper!$R$2:$R$366,ROW(INDEX(Jesper!AI$2:AI$366,ROUNDDOWN($C1318/24,0)+1,1))-1)+IF('Standard Profiles'!$G$19=$B$10,7,0)+IF('Standard Profiles'!$G$19=$B$17,14,0)+IF('Standard Profiles'!$G$19=$B$24,21,0),0)),0)</f>
        <v>0</v>
      </c>
      <c r="F1318" cm="1">
        <f t="array" ref="F1318">IFERROR(INDEX(Jesper!AJ$2:AJ$366,ROUNDDOWN($C1318/24,0)+1,1)*INDEX($D$3:$AA$30,INDEX(Jesper!$R$2:$R$366,ROW(INDEX(Jesper!AJ$2:AJ$366,ROUNDDOWN($C1318/24,0)+1,1))-1)+IF('Standard Profiles'!$G$20=$B$10,7,0)+IF('Standard Profiles'!$G$20=$B$17,14,0)+IF('Standard Profiles'!$G$20=$B$24,21,0),MOD($C1318,24)+1)/SUM(INDEX($D$3:$AA$30,INDEX(Jesper!$R$2:$R$366,ROW(INDEX(Jesper!AJ$2:AJ$366,ROUNDDOWN($C1318/24,0)+1,1))-1)+IF('Standard Profiles'!$G$20=$B$10,7,0)+IF('Standard Profiles'!$G$20=$B$17,14,0)+IF('Standard Profiles'!$G$20=$B$24,21,0),0)),0)</f>
        <v>0</v>
      </c>
      <c r="G1318" cm="1">
        <f t="array" ref="G1318">IFERROR(INDEX(Jesper!AK$2:AK$366,ROUNDDOWN($C1318/24,0)+1,1)*INDEX($D$3:$AA$30,INDEX(Jesper!$R$2:$R$366,ROW(INDEX(Jesper!AK$2:AK$366,ROUNDDOWN($C1318/24,0)+1,1))-1)+IF('Standard Profiles'!$G$21=$B$10,7,0)+IF('Standard Profiles'!$G$21=$B$17,14,0)+IF('Standard Profiles'!$G$21=$B$24,21,0),MOD($C1318,24)+1)/SUM(INDEX($D$3:$AA$30,INDEX(Jesper!$R$2:$R$366,ROW(INDEX(Jesper!AK$2:AK$366,ROUNDDOWN($C1318/24,0)+1,1))-1)+IF('Standard Profiles'!$G$21=$B$10,7,0)+IF('Standard Profiles'!$G$21=$B$17,14,0)+IF('Standard Profiles'!$G$21=$B$24,21,0),0)),0)</f>
        <v>0</v>
      </c>
      <c r="H1318" cm="1">
        <f t="array" ref="H1318">IFERROR(INDEX(Jesper!AL$2:AL$366,ROUNDDOWN($C1318/24,0)+1,1)*INDEX($D$3:$AA$30,INDEX(Jesper!$R$2:$R$366,ROW(INDEX(Jesper!AL$2:AL$366,ROUNDDOWN($C1318/24,0)+1,1))-1)+IF('Standard Profiles'!$G$22=$B$10,7,0)+IF('Standard Profiles'!$G$22=$B$17,14,0)+IF('Standard Profiles'!$G$22=$B$24,21,0),MOD($C1318,24)+1)/SUM(INDEX($D$3:$AA$30,INDEX(Jesper!$R$2:$R$366,ROW(INDEX(Jesper!AL$2:AL$366,ROUNDDOWN($C1318/24,0)+1,1))-1)+IF('Standard Profiles'!$G$22=$B$10,7,0)+IF('Standard Profiles'!$G$22=$B$17,14,0)+IF('Standard Profiles'!$G$22=$B$24,21,0),0)),0)</f>
        <v>0</v>
      </c>
      <c r="I1318">
        <f t="shared" si="160"/>
        <v>0.51225036167732885</v>
      </c>
      <c r="J1318">
        <f t="shared" si="161"/>
        <v>1.7075012055910965</v>
      </c>
      <c r="K1318">
        <f t="shared" si="162"/>
        <v>2.5612518083866447</v>
      </c>
      <c r="L1318">
        <f t="shared" si="163"/>
        <v>12.294008680255894</v>
      </c>
      <c r="M1318">
        <f t="shared" si="164"/>
        <v>0</v>
      </c>
      <c r="N1318" s="46">
        <f t="shared" si="165"/>
        <v>45345.499999996886</v>
      </c>
    </row>
    <row r="1319" spans="2:14" x14ac:dyDescent="0.3">
      <c r="B1319">
        <f t="shared" si="159"/>
        <v>5</v>
      </c>
      <c r="C1319" s="16">
        <v>1285</v>
      </c>
      <c r="D1319" cm="1">
        <f t="array" ref="D1319">IFERROR(INDEX(Jesper!AH$2:AH$366,ROUNDDOWN($C1319/24,0)+1,1)*INDEX($D$3:$AA$30,INDEX(Jesper!$R$2:$R$366,ROW(INDEX(Jesper!AH$2:AH$366,ROUNDDOWN($C1319/24,0)+1,1))-1)+IF('Standard Profiles'!$G$18=$B$10,7,0)+IF('Standard Profiles'!$G$18=$B$17,14,0)+IF('Standard Profiles'!$G$18=$B$24,21,0),MOD($C1319,24)+1)/SUM(INDEX($D$3:$AA$30,INDEX(Jesper!$R$2:$R$366,ROW(INDEX(Jesper!AH$2:AH$366,ROUNDDOWN($C1319/24,0)+1,1))-1)+IF('Standard Profiles'!$G$18=$B$10,7,0)+IF('Standard Profiles'!$G$18=$B$17,14,0)+IF('Standard Profiles'!$G$18=$B$24,21,0),0)),0)</f>
        <v>17.075012055910964</v>
      </c>
      <c r="E1319" cm="1">
        <f t="array" ref="E1319">IFERROR(INDEX(Jesper!AI$2:AI$366,ROUNDDOWN($C1319/24,0)+1,1)*INDEX($D$3:$AA$30,INDEX(Jesper!$R$2:$R$366,ROW(INDEX(Jesper!AI$2:AI$366,ROUNDDOWN($C1319/24,0)+1,1))-1)+IF('Standard Profiles'!$G$19=$B$10,7,0)+IF('Standard Profiles'!$G$19=$B$17,14,0)+IF('Standard Profiles'!$G$19=$B$24,21,0),MOD($C1319,24)+1)/SUM(INDEX($D$3:$AA$30,INDEX(Jesper!$R$2:$R$366,ROW(INDEX(Jesper!AI$2:AI$366,ROUNDDOWN($C1319/24,0)+1,1))-1)+IF('Standard Profiles'!$G$19=$B$10,7,0)+IF('Standard Profiles'!$G$19=$B$17,14,0)+IF('Standard Profiles'!$G$19=$B$24,21,0),0)),0)</f>
        <v>0</v>
      </c>
      <c r="F1319" cm="1">
        <f t="array" ref="F1319">IFERROR(INDEX(Jesper!AJ$2:AJ$366,ROUNDDOWN($C1319/24,0)+1,1)*INDEX($D$3:$AA$30,INDEX(Jesper!$R$2:$R$366,ROW(INDEX(Jesper!AJ$2:AJ$366,ROUNDDOWN($C1319/24,0)+1,1))-1)+IF('Standard Profiles'!$G$20=$B$10,7,0)+IF('Standard Profiles'!$G$20=$B$17,14,0)+IF('Standard Profiles'!$G$20=$B$24,21,0),MOD($C1319,24)+1)/SUM(INDEX($D$3:$AA$30,INDEX(Jesper!$R$2:$R$366,ROW(INDEX(Jesper!AJ$2:AJ$366,ROUNDDOWN($C1319/24,0)+1,1))-1)+IF('Standard Profiles'!$G$20=$B$10,7,0)+IF('Standard Profiles'!$G$20=$B$17,14,0)+IF('Standard Profiles'!$G$20=$B$24,21,0),0)),0)</f>
        <v>0</v>
      </c>
      <c r="G1319" cm="1">
        <f t="array" ref="G1319">IFERROR(INDEX(Jesper!AK$2:AK$366,ROUNDDOWN($C1319/24,0)+1,1)*INDEX($D$3:$AA$30,INDEX(Jesper!$R$2:$R$366,ROW(INDEX(Jesper!AK$2:AK$366,ROUNDDOWN($C1319/24,0)+1,1))-1)+IF('Standard Profiles'!$G$21=$B$10,7,0)+IF('Standard Profiles'!$G$21=$B$17,14,0)+IF('Standard Profiles'!$G$21=$B$24,21,0),MOD($C1319,24)+1)/SUM(INDEX($D$3:$AA$30,INDEX(Jesper!$R$2:$R$366,ROW(INDEX(Jesper!AK$2:AK$366,ROUNDDOWN($C1319/24,0)+1,1))-1)+IF('Standard Profiles'!$G$21=$B$10,7,0)+IF('Standard Profiles'!$G$21=$B$17,14,0)+IF('Standard Profiles'!$G$21=$B$24,21,0),0)),0)</f>
        <v>0</v>
      </c>
      <c r="H1319" cm="1">
        <f t="array" ref="H1319">IFERROR(INDEX(Jesper!AL$2:AL$366,ROUNDDOWN($C1319/24,0)+1,1)*INDEX($D$3:$AA$30,INDEX(Jesper!$R$2:$R$366,ROW(INDEX(Jesper!AL$2:AL$366,ROUNDDOWN($C1319/24,0)+1,1))-1)+IF('Standard Profiles'!$G$22=$B$10,7,0)+IF('Standard Profiles'!$G$22=$B$17,14,0)+IF('Standard Profiles'!$G$22=$B$24,21,0),MOD($C1319,24)+1)/SUM(INDEX($D$3:$AA$30,INDEX(Jesper!$R$2:$R$366,ROW(INDEX(Jesper!AL$2:AL$366,ROUNDDOWN($C1319/24,0)+1,1))-1)+IF('Standard Profiles'!$G$22=$B$10,7,0)+IF('Standard Profiles'!$G$22=$B$17,14,0)+IF('Standard Profiles'!$G$22=$B$24,21,0),0)),0)</f>
        <v>0</v>
      </c>
      <c r="I1319">
        <f t="shared" si="160"/>
        <v>0.51225036167732885</v>
      </c>
      <c r="J1319">
        <f t="shared" si="161"/>
        <v>1.7075012055910965</v>
      </c>
      <c r="K1319">
        <f t="shared" si="162"/>
        <v>2.5612518083866447</v>
      </c>
      <c r="L1319">
        <f t="shared" si="163"/>
        <v>12.294008680255894</v>
      </c>
      <c r="M1319">
        <f t="shared" si="164"/>
        <v>0</v>
      </c>
      <c r="N1319" s="46">
        <f t="shared" si="165"/>
        <v>45345.54166666355</v>
      </c>
    </row>
    <row r="1320" spans="2:14" x14ac:dyDescent="0.3">
      <c r="B1320">
        <f t="shared" si="159"/>
        <v>5</v>
      </c>
      <c r="C1320" s="16">
        <v>1286</v>
      </c>
      <c r="D1320" cm="1">
        <f t="array" ref="D1320">IFERROR(INDEX(Jesper!AH$2:AH$366,ROUNDDOWN($C1320/24,0)+1,1)*INDEX($D$3:$AA$30,INDEX(Jesper!$R$2:$R$366,ROW(INDEX(Jesper!AH$2:AH$366,ROUNDDOWN($C1320/24,0)+1,1))-1)+IF('Standard Profiles'!$G$18=$B$10,7,0)+IF('Standard Profiles'!$G$18=$B$17,14,0)+IF('Standard Profiles'!$G$18=$B$24,21,0),MOD($C1320,24)+1)/SUM(INDEX($D$3:$AA$30,INDEX(Jesper!$R$2:$R$366,ROW(INDEX(Jesper!AH$2:AH$366,ROUNDDOWN($C1320/24,0)+1,1))-1)+IF('Standard Profiles'!$G$18=$B$10,7,0)+IF('Standard Profiles'!$G$18=$B$17,14,0)+IF('Standard Profiles'!$G$18=$B$24,21,0),0)),0)</f>
        <v>17.075012055910964</v>
      </c>
      <c r="E1320" cm="1">
        <f t="array" ref="E1320">IFERROR(INDEX(Jesper!AI$2:AI$366,ROUNDDOWN($C1320/24,0)+1,1)*INDEX($D$3:$AA$30,INDEX(Jesper!$R$2:$R$366,ROW(INDEX(Jesper!AI$2:AI$366,ROUNDDOWN($C1320/24,0)+1,1))-1)+IF('Standard Profiles'!$G$19=$B$10,7,0)+IF('Standard Profiles'!$G$19=$B$17,14,0)+IF('Standard Profiles'!$G$19=$B$24,21,0),MOD($C1320,24)+1)/SUM(INDEX($D$3:$AA$30,INDEX(Jesper!$R$2:$R$366,ROW(INDEX(Jesper!AI$2:AI$366,ROUNDDOWN($C1320/24,0)+1,1))-1)+IF('Standard Profiles'!$G$19=$B$10,7,0)+IF('Standard Profiles'!$G$19=$B$17,14,0)+IF('Standard Profiles'!$G$19=$B$24,21,0),0)),0)</f>
        <v>0</v>
      </c>
      <c r="F1320" cm="1">
        <f t="array" ref="F1320">IFERROR(INDEX(Jesper!AJ$2:AJ$366,ROUNDDOWN($C1320/24,0)+1,1)*INDEX($D$3:$AA$30,INDEX(Jesper!$R$2:$R$366,ROW(INDEX(Jesper!AJ$2:AJ$366,ROUNDDOWN($C1320/24,0)+1,1))-1)+IF('Standard Profiles'!$G$20=$B$10,7,0)+IF('Standard Profiles'!$G$20=$B$17,14,0)+IF('Standard Profiles'!$G$20=$B$24,21,0),MOD($C1320,24)+1)/SUM(INDEX($D$3:$AA$30,INDEX(Jesper!$R$2:$R$366,ROW(INDEX(Jesper!AJ$2:AJ$366,ROUNDDOWN($C1320/24,0)+1,1))-1)+IF('Standard Profiles'!$G$20=$B$10,7,0)+IF('Standard Profiles'!$G$20=$B$17,14,0)+IF('Standard Profiles'!$G$20=$B$24,21,0),0)),0)</f>
        <v>0</v>
      </c>
      <c r="G1320" cm="1">
        <f t="array" ref="G1320">IFERROR(INDEX(Jesper!AK$2:AK$366,ROUNDDOWN($C1320/24,0)+1,1)*INDEX($D$3:$AA$30,INDEX(Jesper!$R$2:$R$366,ROW(INDEX(Jesper!AK$2:AK$366,ROUNDDOWN($C1320/24,0)+1,1))-1)+IF('Standard Profiles'!$G$21=$B$10,7,0)+IF('Standard Profiles'!$G$21=$B$17,14,0)+IF('Standard Profiles'!$G$21=$B$24,21,0),MOD($C1320,24)+1)/SUM(INDEX($D$3:$AA$30,INDEX(Jesper!$R$2:$R$366,ROW(INDEX(Jesper!AK$2:AK$366,ROUNDDOWN($C1320/24,0)+1,1))-1)+IF('Standard Profiles'!$G$21=$B$10,7,0)+IF('Standard Profiles'!$G$21=$B$17,14,0)+IF('Standard Profiles'!$G$21=$B$24,21,0),0)),0)</f>
        <v>0</v>
      </c>
      <c r="H1320" cm="1">
        <f t="array" ref="H1320">IFERROR(INDEX(Jesper!AL$2:AL$366,ROUNDDOWN($C1320/24,0)+1,1)*INDEX($D$3:$AA$30,INDEX(Jesper!$R$2:$R$366,ROW(INDEX(Jesper!AL$2:AL$366,ROUNDDOWN($C1320/24,0)+1,1))-1)+IF('Standard Profiles'!$G$22=$B$10,7,0)+IF('Standard Profiles'!$G$22=$B$17,14,0)+IF('Standard Profiles'!$G$22=$B$24,21,0),MOD($C1320,24)+1)/SUM(INDEX($D$3:$AA$30,INDEX(Jesper!$R$2:$R$366,ROW(INDEX(Jesper!AL$2:AL$366,ROUNDDOWN($C1320/24,0)+1,1))-1)+IF('Standard Profiles'!$G$22=$B$10,7,0)+IF('Standard Profiles'!$G$22=$B$17,14,0)+IF('Standard Profiles'!$G$22=$B$24,21,0),0)),0)</f>
        <v>0</v>
      </c>
      <c r="I1320">
        <f t="shared" si="160"/>
        <v>0.51225036167732885</v>
      </c>
      <c r="J1320">
        <f t="shared" si="161"/>
        <v>1.7075012055910965</v>
      </c>
      <c r="K1320">
        <f t="shared" si="162"/>
        <v>2.5612518083866447</v>
      </c>
      <c r="L1320">
        <f t="shared" si="163"/>
        <v>12.294008680255894</v>
      </c>
      <c r="M1320">
        <f t="shared" si="164"/>
        <v>0</v>
      </c>
      <c r="N1320" s="46">
        <f t="shared" si="165"/>
        <v>45345.583333330214</v>
      </c>
    </row>
    <row r="1321" spans="2:14" x14ac:dyDescent="0.3">
      <c r="B1321">
        <f t="shared" si="159"/>
        <v>5</v>
      </c>
      <c r="C1321" s="16">
        <v>1287</v>
      </c>
      <c r="D1321" cm="1">
        <f t="array" ref="D1321">IFERROR(INDEX(Jesper!AH$2:AH$366,ROUNDDOWN($C1321/24,0)+1,1)*INDEX($D$3:$AA$30,INDEX(Jesper!$R$2:$R$366,ROW(INDEX(Jesper!AH$2:AH$366,ROUNDDOWN($C1321/24,0)+1,1))-1)+IF('Standard Profiles'!$G$18=$B$10,7,0)+IF('Standard Profiles'!$G$18=$B$17,14,0)+IF('Standard Profiles'!$G$18=$B$24,21,0),MOD($C1321,24)+1)/SUM(INDEX($D$3:$AA$30,INDEX(Jesper!$R$2:$R$366,ROW(INDEX(Jesper!AH$2:AH$366,ROUNDDOWN($C1321/24,0)+1,1))-1)+IF('Standard Profiles'!$G$18=$B$10,7,0)+IF('Standard Profiles'!$G$18=$B$17,14,0)+IF('Standard Profiles'!$G$18=$B$24,21,0),0)),0)</f>
        <v>14.229176713259138</v>
      </c>
      <c r="E1321" cm="1">
        <f t="array" ref="E1321">IFERROR(INDEX(Jesper!AI$2:AI$366,ROUNDDOWN($C1321/24,0)+1,1)*INDEX($D$3:$AA$30,INDEX(Jesper!$R$2:$R$366,ROW(INDEX(Jesper!AI$2:AI$366,ROUNDDOWN($C1321/24,0)+1,1))-1)+IF('Standard Profiles'!$G$19=$B$10,7,0)+IF('Standard Profiles'!$G$19=$B$17,14,0)+IF('Standard Profiles'!$G$19=$B$24,21,0),MOD($C1321,24)+1)/SUM(INDEX($D$3:$AA$30,INDEX(Jesper!$R$2:$R$366,ROW(INDEX(Jesper!AI$2:AI$366,ROUNDDOWN($C1321/24,0)+1,1))-1)+IF('Standard Profiles'!$G$19=$B$10,7,0)+IF('Standard Profiles'!$G$19=$B$17,14,0)+IF('Standard Profiles'!$G$19=$B$24,21,0),0)),0)</f>
        <v>0</v>
      </c>
      <c r="F1321" cm="1">
        <f t="array" ref="F1321">IFERROR(INDEX(Jesper!AJ$2:AJ$366,ROUNDDOWN($C1321/24,0)+1,1)*INDEX($D$3:$AA$30,INDEX(Jesper!$R$2:$R$366,ROW(INDEX(Jesper!AJ$2:AJ$366,ROUNDDOWN($C1321/24,0)+1,1))-1)+IF('Standard Profiles'!$G$20=$B$10,7,0)+IF('Standard Profiles'!$G$20=$B$17,14,0)+IF('Standard Profiles'!$G$20=$B$24,21,0),MOD($C1321,24)+1)/SUM(INDEX($D$3:$AA$30,INDEX(Jesper!$R$2:$R$366,ROW(INDEX(Jesper!AJ$2:AJ$366,ROUNDDOWN($C1321/24,0)+1,1))-1)+IF('Standard Profiles'!$G$20=$B$10,7,0)+IF('Standard Profiles'!$G$20=$B$17,14,0)+IF('Standard Profiles'!$G$20=$B$24,21,0),0)),0)</f>
        <v>0</v>
      </c>
      <c r="G1321" cm="1">
        <f t="array" ref="G1321">IFERROR(INDEX(Jesper!AK$2:AK$366,ROUNDDOWN($C1321/24,0)+1,1)*INDEX($D$3:$AA$30,INDEX(Jesper!$R$2:$R$366,ROW(INDEX(Jesper!AK$2:AK$366,ROUNDDOWN($C1321/24,0)+1,1))-1)+IF('Standard Profiles'!$G$21=$B$10,7,0)+IF('Standard Profiles'!$G$21=$B$17,14,0)+IF('Standard Profiles'!$G$21=$B$24,21,0),MOD($C1321,24)+1)/SUM(INDEX($D$3:$AA$30,INDEX(Jesper!$R$2:$R$366,ROW(INDEX(Jesper!AK$2:AK$366,ROUNDDOWN($C1321/24,0)+1,1))-1)+IF('Standard Profiles'!$G$21=$B$10,7,0)+IF('Standard Profiles'!$G$21=$B$17,14,0)+IF('Standard Profiles'!$G$21=$B$24,21,0),0)),0)</f>
        <v>0</v>
      </c>
      <c r="H1321" cm="1">
        <f t="array" ref="H1321">IFERROR(INDEX(Jesper!AL$2:AL$366,ROUNDDOWN($C1321/24,0)+1,1)*INDEX($D$3:$AA$30,INDEX(Jesper!$R$2:$R$366,ROW(INDEX(Jesper!AL$2:AL$366,ROUNDDOWN($C1321/24,0)+1,1))-1)+IF('Standard Profiles'!$G$22=$B$10,7,0)+IF('Standard Profiles'!$G$22=$B$17,14,0)+IF('Standard Profiles'!$G$22=$B$24,21,0),MOD($C1321,24)+1)/SUM(INDEX($D$3:$AA$30,INDEX(Jesper!$R$2:$R$366,ROW(INDEX(Jesper!AL$2:AL$366,ROUNDDOWN($C1321/24,0)+1,1))-1)+IF('Standard Profiles'!$G$22=$B$10,7,0)+IF('Standard Profiles'!$G$22=$B$17,14,0)+IF('Standard Profiles'!$G$22=$B$24,21,0),0)),0)</f>
        <v>0</v>
      </c>
      <c r="I1321">
        <f t="shared" si="160"/>
        <v>0.42687530139777413</v>
      </c>
      <c r="J1321">
        <f t="shared" si="161"/>
        <v>1.422917671325914</v>
      </c>
      <c r="K1321">
        <f t="shared" si="162"/>
        <v>2.1343765069888705</v>
      </c>
      <c r="L1321">
        <f t="shared" si="163"/>
        <v>10.245007233546579</v>
      </c>
      <c r="M1321">
        <f t="shared" si="164"/>
        <v>0</v>
      </c>
      <c r="N1321" s="46">
        <f t="shared" si="165"/>
        <v>45345.624999996879</v>
      </c>
    </row>
    <row r="1322" spans="2:14" x14ac:dyDescent="0.3">
      <c r="B1322">
        <f t="shared" si="159"/>
        <v>5</v>
      </c>
      <c r="C1322" s="16">
        <v>1288</v>
      </c>
      <c r="D1322" cm="1">
        <f t="array" ref="D1322">IFERROR(INDEX(Jesper!AH$2:AH$366,ROUNDDOWN($C1322/24,0)+1,1)*INDEX($D$3:$AA$30,INDEX(Jesper!$R$2:$R$366,ROW(INDEX(Jesper!AH$2:AH$366,ROUNDDOWN($C1322/24,0)+1,1))-1)+IF('Standard Profiles'!$G$18=$B$10,7,0)+IF('Standard Profiles'!$G$18=$B$17,14,0)+IF('Standard Profiles'!$G$18=$B$24,21,0),MOD($C1322,24)+1)/SUM(INDEX($D$3:$AA$30,INDEX(Jesper!$R$2:$R$366,ROW(INDEX(Jesper!AH$2:AH$366,ROUNDDOWN($C1322/24,0)+1,1))-1)+IF('Standard Profiles'!$G$18=$B$10,7,0)+IF('Standard Profiles'!$G$18=$B$17,14,0)+IF('Standard Profiles'!$G$18=$B$24,21,0),0)),0)</f>
        <v>13.470287288551985</v>
      </c>
      <c r="E1322" cm="1">
        <f t="array" ref="E1322">IFERROR(INDEX(Jesper!AI$2:AI$366,ROUNDDOWN($C1322/24,0)+1,1)*INDEX($D$3:$AA$30,INDEX(Jesper!$R$2:$R$366,ROW(INDEX(Jesper!AI$2:AI$366,ROUNDDOWN($C1322/24,0)+1,1))-1)+IF('Standard Profiles'!$G$19=$B$10,7,0)+IF('Standard Profiles'!$G$19=$B$17,14,0)+IF('Standard Profiles'!$G$19=$B$24,21,0),MOD($C1322,24)+1)/SUM(INDEX($D$3:$AA$30,INDEX(Jesper!$R$2:$R$366,ROW(INDEX(Jesper!AI$2:AI$366,ROUNDDOWN($C1322/24,0)+1,1))-1)+IF('Standard Profiles'!$G$19=$B$10,7,0)+IF('Standard Profiles'!$G$19=$B$17,14,0)+IF('Standard Profiles'!$G$19=$B$24,21,0),0)),0)</f>
        <v>0</v>
      </c>
      <c r="F1322" cm="1">
        <f t="array" ref="F1322">IFERROR(INDEX(Jesper!AJ$2:AJ$366,ROUNDDOWN($C1322/24,0)+1,1)*INDEX($D$3:$AA$30,INDEX(Jesper!$R$2:$R$366,ROW(INDEX(Jesper!AJ$2:AJ$366,ROUNDDOWN($C1322/24,0)+1,1))-1)+IF('Standard Profiles'!$G$20=$B$10,7,0)+IF('Standard Profiles'!$G$20=$B$17,14,0)+IF('Standard Profiles'!$G$20=$B$24,21,0),MOD($C1322,24)+1)/SUM(INDEX($D$3:$AA$30,INDEX(Jesper!$R$2:$R$366,ROW(INDEX(Jesper!AJ$2:AJ$366,ROUNDDOWN($C1322/24,0)+1,1))-1)+IF('Standard Profiles'!$G$20=$B$10,7,0)+IF('Standard Profiles'!$G$20=$B$17,14,0)+IF('Standard Profiles'!$G$20=$B$24,21,0),0)),0)</f>
        <v>0</v>
      </c>
      <c r="G1322" cm="1">
        <f t="array" ref="G1322">IFERROR(INDEX(Jesper!AK$2:AK$366,ROUNDDOWN($C1322/24,0)+1,1)*INDEX($D$3:$AA$30,INDEX(Jesper!$R$2:$R$366,ROW(INDEX(Jesper!AK$2:AK$366,ROUNDDOWN($C1322/24,0)+1,1))-1)+IF('Standard Profiles'!$G$21=$B$10,7,0)+IF('Standard Profiles'!$G$21=$B$17,14,0)+IF('Standard Profiles'!$G$21=$B$24,21,0),MOD($C1322,24)+1)/SUM(INDEX($D$3:$AA$30,INDEX(Jesper!$R$2:$R$366,ROW(INDEX(Jesper!AK$2:AK$366,ROUNDDOWN($C1322/24,0)+1,1))-1)+IF('Standard Profiles'!$G$21=$B$10,7,0)+IF('Standard Profiles'!$G$21=$B$17,14,0)+IF('Standard Profiles'!$G$21=$B$24,21,0),0)),0)</f>
        <v>0</v>
      </c>
      <c r="H1322" cm="1">
        <f t="array" ref="H1322">IFERROR(INDEX(Jesper!AL$2:AL$366,ROUNDDOWN($C1322/24,0)+1,1)*INDEX($D$3:$AA$30,INDEX(Jesper!$R$2:$R$366,ROW(INDEX(Jesper!AL$2:AL$366,ROUNDDOWN($C1322/24,0)+1,1))-1)+IF('Standard Profiles'!$G$22=$B$10,7,0)+IF('Standard Profiles'!$G$22=$B$17,14,0)+IF('Standard Profiles'!$G$22=$B$24,21,0),MOD($C1322,24)+1)/SUM(INDEX($D$3:$AA$30,INDEX(Jesper!$R$2:$R$366,ROW(INDEX(Jesper!AL$2:AL$366,ROUNDDOWN($C1322/24,0)+1,1))-1)+IF('Standard Profiles'!$G$22=$B$10,7,0)+IF('Standard Profiles'!$G$22=$B$17,14,0)+IF('Standard Profiles'!$G$22=$B$24,21,0),0)),0)</f>
        <v>0</v>
      </c>
      <c r="I1322">
        <f t="shared" si="160"/>
        <v>0.4041086186565595</v>
      </c>
      <c r="J1322">
        <f t="shared" si="161"/>
        <v>1.3470287288551985</v>
      </c>
      <c r="K1322">
        <f t="shared" si="162"/>
        <v>2.0205430932827975</v>
      </c>
      <c r="L1322">
        <f t="shared" si="163"/>
        <v>9.6986068477574285</v>
      </c>
      <c r="M1322">
        <f t="shared" si="164"/>
        <v>0</v>
      </c>
      <c r="N1322" s="46">
        <f t="shared" si="165"/>
        <v>45345.666666663543</v>
      </c>
    </row>
    <row r="1323" spans="2:14" x14ac:dyDescent="0.3">
      <c r="B1323">
        <f t="shared" si="159"/>
        <v>5</v>
      </c>
      <c r="C1323" s="16">
        <v>1289</v>
      </c>
      <c r="D1323" cm="1">
        <f t="array" ref="D1323">IFERROR(INDEX(Jesper!AH$2:AH$366,ROUNDDOWN($C1323/24,0)+1,1)*INDEX($D$3:$AA$30,INDEX(Jesper!$R$2:$R$366,ROW(INDEX(Jesper!AH$2:AH$366,ROUNDDOWN($C1323/24,0)+1,1))-1)+IF('Standard Profiles'!$G$18=$B$10,7,0)+IF('Standard Profiles'!$G$18=$B$17,14,0)+IF('Standard Profiles'!$G$18=$B$24,21,0),MOD($C1323,24)+1)/SUM(INDEX($D$3:$AA$30,INDEX(Jesper!$R$2:$R$366,ROW(INDEX(Jesper!AH$2:AH$366,ROUNDDOWN($C1323/24,0)+1,1))-1)+IF('Standard Profiles'!$G$18=$B$10,7,0)+IF('Standard Profiles'!$G$18=$B$17,14,0)+IF('Standard Profiles'!$G$18=$B$24,21,0),0)),0)</f>
        <v>13.470287288551985</v>
      </c>
      <c r="E1323" cm="1">
        <f t="array" ref="E1323">IFERROR(INDEX(Jesper!AI$2:AI$366,ROUNDDOWN($C1323/24,0)+1,1)*INDEX($D$3:$AA$30,INDEX(Jesper!$R$2:$R$366,ROW(INDEX(Jesper!AI$2:AI$366,ROUNDDOWN($C1323/24,0)+1,1))-1)+IF('Standard Profiles'!$G$19=$B$10,7,0)+IF('Standard Profiles'!$G$19=$B$17,14,0)+IF('Standard Profiles'!$G$19=$B$24,21,0),MOD($C1323,24)+1)/SUM(INDEX($D$3:$AA$30,INDEX(Jesper!$R$2:$R$366,ROW(INDEX(Jesper!AI$2:AI$366,ROUNDDOWN($C1323/24,0)+1,1))-1)+IF('Standard Profiles'!$G$19=$B$10,7,0)+IF('Standard Profiles'!$G$19=$B$17,14,0)+IF('Standard Profiles'!$G$19=$B$24,21,0),0)),0)</f>
        <v>0</v>
      </c>
      <c r="F1323" cm="1">
        <f t="array" ref="F1323">IFERROR(INDEX(Jesper!AJ$2:AJ$366,ROUNDDOWN($C1323/24,0)+1,1)*INDEX($D$3:$AA$30,INDEX(Jesper!$R$2:$R$366,ROW(INDEX(Jesper!AJ$2:AJ$366,ROUNDDOWN($C1323/24,0)+1,1))-1)+IF('Standard Profiles'!$G$20=$B$10,7,0)+IF('Standard Profiles'!$G$20=$B$17,14,0)+IF('Standard Profiles'!$G$20=$B$24,21,0),MOD($C1323,24)+1)/SUM(INDEX($D$3:$AA$30,INDEX(Jesper!$R$2:$R$366,ROW(INDEX(Jesper!AJ$2:AJ$366,ROUNDDOWN($C1323/24,0)+1,1))-1)+IF('Standard Profiles'!$G$20=$B$10,7,0)+IF('Standard Profiles'!$G$20=$B$17,14,0)+IF('Standard Profiles'!$G$20=$B$24,21,0),0)),0)</f>
        <v>0</v>
      </c>
      <c r="G1323" cm="1">
        <f t="array" ref="G1323">IFERROR(INDEX(Jesper!AK$2:AK$366,ROUNDDOWN($C1323/24,0)+1,1)*INDEX($D$3:$AA$30,INDEX(Jesper!$R$2:$R$366,ROW(INDEX(Jesper!AK$2:AK$366,ROUNDDOWN($C1323/24,0)+1,1))-1)+IF('Standard Profiles'!$G$21=$B$10,7,0)+IF('Standard Profiles'!$G$21=$B$17,14,0)+IF('Standard Profiles'!$G$21=$B$24,21,0),MOD($C1323,24)+1)/SUM(INDEX($D$3:$AA$30,INDEX(Jesper!$R$2:$R$366,ROW(INDEX(Jesper!AK$2:AK$366,ROUNDDOWN($C1323/24,0)+1,1))-1)+IF('Standard Profiles'!$G$21=$B$10,7,0)+IF('Standard Profiles'!$G$21=$B$17,14,0)+IF('Standard Profiles'!$G$21=$B$24,21,0),0)),0)</f>
        <v>0</v>
      </c>
      <c r="H1323" cm="1">
        <f t="array" ref="H1323">IFERROR(INDEX(Jesper!AL$2:AL$366,ROUNDDOWN($C1323/24,0)+1,1)*INDEX($D$3:$AA$30,INDEX(Jesper!$R$2:$R$366,ROW(INDEX(Jesper!AL$2:AL$366,ROUNDDOWN($C1323/24,0)+1,1))-1)+IF('Standard Profiles'!$G$22=$B$10,7,0)+IF('Standard Profiles'!$G$22=$B$17,14,0)+IF('Standard Profiles'!$G$22=$B$24,21,0),MOD($C1323,24)+1)/SUM(INDEX($D$3:$AA$30,INDEX(Jesper!$R$2:$R$366,ROW(INDEX(Jesper!AL$2:AL$366,ROUNDDOWN($C1323/24,0)+1,1))-1)+IF('Standard Profiles'!$G$22=$B$10,7,0)+IF('Standard Profiles'!$G$22=$B$17,14,0)+IF('Standard Profiles'!$G$22=$B$24,21,0),0)),0)</f>
        <v>0</v>
      </c>
      <c r="I1323">
        <f t="shared" si="160"/>
        <v>0.4041086186565595</v>
      </c>
      <c r="J1323">
        <f t="shared" si="161"/>
        <v>1.3470287288551985</v>
      </c>
      <c r="K1323">
        <f t="shared" si="162"/>
        <v>2.0205430932827975</v>
      </c>
      <c r="L1323">
        <f t="shared" si="163"/>
        <v>9.6986068477574285</v>
      </c>
      <c r="M1323">
        <f t="shared" si="164"/>
        <v>0</v>
      </c>
      <c r="N1323" s="46">
        <f t="shared" si="165"/>
        <v>45345.708333330207</v>
      </c>
    </row>
    <row r="1324" spans="2:14" x14ac:dyDescent="0.3">
      <c r="B1324">
        <f t="shared" si="159"/>
        <v>5</v>
      </c>
      <c r="C1324" s="16">
        <v>1290</v>
      </c>
      <c r="D1324" cm="1">
        <f t="array" ref="D1324">IFERROR(INDEX(Jesper!AH$2:AH$366,ROUNDDOWN($C1324/24,0)+1,1)*INDEX($D$3:$AA$30,INDEX(Jesper!$R$2:$R$366,ROW(INDEX(Jesper!AH$2:AH$366,ROUNDDOWN($C1324/24,0)+1,1))-1)+IF('Standard Profiles'!$G$18=$B$10,7,0)+IF('Standard Profiles'!$G$18=$B$17,14,0)+IF('Standard Profiles'!$G$18=$B$24,21,0),MOD($C1324,24)+1)/SUM(INDEX($D$3:$AA$30,INDEX(Jesper!$R$2:$R$366,ROW(INDEX(Jesper!AH$2:AH$366,ROUNDDOWN($C1324/24,0)+1,1))-1)+IF('Standard Profiles'!$G$18=$B$10,7,0)+IF('Standard Profiles'!$G$18=$B$17,14,0)+IF('Standard Profiles'!$G$18=$B$24,21,0),0)),0)</f>
        <v>13.470287288551985</v>
      </c>
      <c r="E1324" cm="1">
        <f t="array" ref="E1324">IFERROR(INDEX(Jesper!AI$2:AI$366,ROUNDDOWN($C1324/24,0)+1,1)*INDEX($D$3:$AA$30,INDEX(Jesper!$R$2:$R$366,ROW(INDEX(Jesper!AI$2:AI$366,ROUNDDOWN($C1324/24,0)+1,1))-1)+IF('Standard Profiles'!$G$19=$B$10,7,0)+IF('Standard Profiles'!$G$19=$B$17,14,0)+IF('Standard Profiles'!$G$19=$B$24,21,0),MOD($C1324,24)+1)/SUM(INDEX($D$3:$AA$30,INDEX(Jesper!$R$2:$R$366,ROW(INDEX(Jesper!AI$2:AI$366,ROUNDDOWN($C1324/24,0)+1,1))-1)+IF('Standard Profiles'!$G$19=$B$10,7,0)+IF('Standard Profiles'!$G$19=$B$17,14,0)+IF('Standard Profiles'!$G$19=$B$24,21,0),0)),0)</f>
        <v>0</v>
      </c>
      <c r="F1324" cm="1">
        <f t="array" ref="F1324">IFERROR(INDEX(Jesper!AJ$2:AJ$366,ROUNDDOWN($C1324/24,0)+1,1)*INDEX($D$3:$AA$30,INDEX(Jesper!$R$2:$R$366,ROW(INDEX(Jesper!AJ$2:AJ$366,ROUNDDOWN($C1324/24,0)+1,1))-1)+IF('Standard Profiles'!$G$20=$B$10,7,0)+IF('Standard Profiles'!$G$20=$B$17,14,0)+IF('Standard Profiles'!$G$20=$B$24,21,0),MOD($C1324,24)+1)/SUM(INDEX($D$3:$AA$30,INDEX(Jesper!$R$2:$R$366,ROW(INDEX(Jesper!AJ$2:AJ$366,ROUNDDOWN($C1324/24,0)+1,1))-1)+IF('Standard Profiles'!$G$20=$B$10,7,0)+IF('Standard Profiles'!$G$20=$B$17,14,0)+IF('Standard Profiles'!$G$20=$B$24,21,0),0)),0)</f>
        <v>0</v>
      </c>
      <c r="G1324" cm="1">
        <f t="array" ref="G1324">IFERROR(INDEX(Jesper!AK$2:AK$366,ROUNDDOWN($C1324/24,0)+1,1)*INDEX($D$3:$AA$30,INDEX(Jesper!$R$2:$R$366,ROW(INDEX(Jesper!AK$2:AK$366,ROUNDDOWN($C1324/24,0)+1,1))-1)+IF('Standard Profiles'!$G$21=$B$10,7,0)+IF('Standard Profiles'!$G$21=$B$17,14,0)+IF('Standard Profiles'!$G$21=$B$24,21,0),MOD($C1324,24)+1)/SUM(INDEX($D$3:$AA$30,INDEX(Jesper!$R$2:$R$366,ROW(INDEX(Jesper!AK$2:AK$366,ROUNDDOWN($C1324/24,0)+1,1))-1)+IF('Standard Profiles'!$G$21=$B$10,7,0)+IF('Standard Profiles'!$G$21=$B$17,14,0)+IF('Standard Profiles'!$G$21=$B$24,21,0),0)),0)</f>
        <v>0</v>
      </c>
      <c r="H1324" cm="1">
        <f t="array" ref="H1324">IFERROR(INDEX(Jesper!AL$2:AL$366,ROUNDDOWN($C1324/24,0)+1,1)*INDEX($D$3:$AA$30,INDEX(Jesper!$R$2:$R$366,ROW(INDEX(Jesper!AL$2:AL$366,ROUNDDOWN($C1324/24,0)+1,1))-1)+IF('Standard Profiles'!$G$22=$B$10,7,0)+IF('Standard Profiles'!$G$22=$B$17,14,0)+IF('Standard Profiles'!$G$22=$B$24,21,0),MOD($C1324,24)+1)/SUM(INDEX($D$3:$AA$30,INDEX(Jesper!$R$2:$R$366,ROW(INDEX(Jesper!AL$2:AL$366,ROUNDDOWN($C1324/24,0)+1,1))-1)+IF('Standard Profiles'!$G$22=$B$10,7,0)+IF('Standard Profiles'!$G$22=$B$17,14,0)+IF('Standard Profiles'!$G$22=$B$24,21,0),0)),0)</f>
        <v>0</v>
      </c>
      <c r="I1324">
        <f t="shared" si="160"/>
        <v>0.4041086186565595</v>
      </c>
      <c r="J1324">
        <f t="shared" si="161"/>
        <v>1.3470287288551985</v>
      </c>
      <c r="K1324">
        <f t="shared" si="162"/>
        <v>2.0205430932827975</v>
      </c>
      <c r="L1324">
        <f t="shared" si="163"/>
        <v>9.6986068477574285</v>
      </c>
      <c r="M1324">
        <f t="shared" si="164"/>
        <v>0</v>
      </c>
      <c r="N1324" s="46">
        <f t="shared" si="165"/>
        <v>45345.749999996871</v>
      </c>
    </row>
    <row r="1325" spans="2:14" x14ac:dyDescent="0.3">
      <c r="B1325">
        <f t="shared" si="159"/>
        <v>5</v>
      </c>
      <c r="C1325" s="16">
        <v>1291</v>
      </c>
      <c r="D1325" cm="1">
        <f t="array" ref="D1325">IFERROR(INDEX(Jesper!AH$2:AH$366,ROUNDDOWN($C1325/24,0)+1,1)*INDEX($D$3:$AA$30,INDEX(Jesper!$R$2:$R$366,ROW(INDEX(Jesper!AH$2:AH$366,ROUNDDOWN($C1325/24,0)+1,1))-1)+IF('Standard Profiles'!$G$18=$B$10,7,0)+IF('Standard Profiles'!$G$18=$B$17,14,0)+IF('Standard Profiles'!$G$18=$B$24,21,0),MOD($C1325,24)+1)/SUM(INDEX($D$3:$AA$30,INDEX(Jesper!$R$2:$R$366,ROW(INDEX(Jesper!AH$2:AH$366,ROUNDDOWN($C1325/24,0)+1,1))-1)+IF('Standard Profiles'!$G$18=$B$10,7,0)+IF('Standard Profiles'!$G$18=$B$17,14,0)+IF('Standard Profiles'!$G$18=$B$24,21,0),0)),0)</f>
        <v>13.470287288551985</v>
      </c>
      <c r="E1325" cm="1">
        <f t="array" ref="E1325">IFERROR(INDEX(Jesper!AI$2:AI$366,ROUNDDOWN($C1325/24,0)+1,1)*INDEX($D$3:$AA$30,INDEX(Jesper!$R$2:$R$366,ROW(INDEX(Jesper!AI$2:AI$366,ROUNDDOWN($C1325/24,0)+1,1))-1)+IF('Standard Profiles'!$G$19=$B$10,7,0)+IF('Standard Profiles'!$G$19=$B$17,14,0)+IF('Standard Profiles'!$G$19=$B$24,21,0),MOD($C1325,24)+1)/SUM(INDEX($D$3:$AA$30,INDEX(Jesper!$R$2:$R$366,ROW(INDEX(Jesper!AI$2:AI$366,ROUNDDOWN($C1325/24,0)+1,1))-1)+IF('Standard Profiles'!$G$19=$B$10,7,0)+IF('Standard Profiles'!$G$19=$B$17,14,0)+IF('Standard Profiles'!$G$19=$B$24,21,0),0)),0)</f>
        <v>0</v>
      </c>
      <c r="F1325" cm="1">
        <f t="array" ref="F1325">IFERROR(INDEX(Jesper!AJ$2:AJ$366,ROUNDDOWN($C1325/24,0)+1,1)*INDEX($D$3:$AA$30,INDEX(Jesper!$R$2:$R$366,ROW(INDEX(Jesper!AJ$2:AJ$366,ROUNDDOWN($C1325/24,0)+1,1))-1)+IF('Standard Profiles'!$G$20=$B$10,7,0)+IF('Standard Profiles'!$G$20=$B$17,14,0)+IF('Standard Profiles'!$G$20=$B$24,21,0),MOD($C1325,24)+1)/SUM(INDEX($D$3:$AA$30,INDEX(Jesper!$R$2:$R$366,ROW(INDEX(Jesper!AJ$2:AJ$366,ROUNDDOWN($C1325/24,0)+1,1))-1)+IF('Standard Profiles'!$G$20=$B$10,7,0)+IF('Standard Profiles'!$G$20=$B$17,14,0)+IF('Standard Profiles'!$G$20=$B$24,21,0),0)),0)</f>
        <v>0</v>
      </c>
      <c r="G1325" cm="1">
        <f t="array" ref="G1325">IFERROR(INDEX(Jesper!AK$2:AK$366,ROUNDDOWN($C1325/24,0)+1,1)*INDEX($D$3:$AA$30,INDEX(Jesper!$R$2:$R$366,ROW(INDEX(Jesper!AK$2:AK$366,ROUNDDOWN($C1325/24,0)+1,1))-1)+IF('Standard Profiles'!$G$21=$B$10,7,0)+IF('Standard Profiles'!$G$21=$B$17,14,0)+IF('Standard Profiles'!$G$21=$B$24,21,0),MOD($C1325,24)+1)/SUM(INDEX($D$3:$AA$30,INDEX(Jesper!$R$2:$R$366,ROW(INDEX(Jesper!AK$2:AK$366,ROUNDDOWN($C1325/24,0)+1,1))-1)+IF('Standard Profiles'!$G$21=$B$10,7,0)+IF('Standard Profiles'!$G$21=$B$17,14,0)+IF('Standard Profiles'!$G$21=$B$24,21,0),0)),0)</f>
        <v>0</v>
      </c>
      <c r="H1325" cm="1">
        <f t="array" ref="H1325">IFERROR(INDEX(Jesper!AL$2:AL$366,ROUNDDOWN($C1325/24,0)+1,1)*INDEX($D$3:$AA$30,INDEX(Jesper!$R$2:$R$366,ROW(INDEX(Jesper!AL$2:AL$366,ROUNDDOWN($C1325/24,0)+1,1))-1)+IF('Standard Profiles'!$G$22=$B$10,7,0)+IF('Standard Profiles'!$G$22=$B$17,14,0)+IF('Standard Profiles'!$G$22=$B$24,21,0),MOD($C1325,24)+1)/SUM(INDEX($D$3:$AA$30,INDEX(Jesper!$R$2:$R$366,ROW(INDEX(Jesper!AL$2:AL$366,ROUNDDOWN($C1325/24,0)+1,1))-1)+IF('Standard Profiles'!$G$22=$B$10,7,0)+IF('Standard Profiles'!$G$22=$B$17,14,0)+IF('Standard Profiles'!$G$22=$B$24,21,0),0)),0)</f>
        <v>0</v>
      </c>
      <c r="I1325">
        <f t="shared" si="160"/>
        <v>0.4041086186565595</v>
      </c>
      <c r="J1325">
        <f t="shared" si="161"/>
        <v>1.3470287288551985</v>
      </c>
      <c r="K1325">
        <f t="shared" si="162"/>
        <v>2.0205430932827975</v>
      </c>
      <c r="L1325">
        <f t="shared" si="163"/>
        <v>9.6986068477574285</v>
      </c>
      <c r="M1325">
        <f t="shared" si="164"/>
        <v>0</v>
      </c>
      <c r="N1325" s="46">
        <f t="shared" si="165"/>
        <v>45345.791666663536</v>
      </c>
    </row>
    <row r="1326" spans="2:14" x14ac:dyDescent="0.3">
      <c r="B1326">
        <f t="shared" si="159"/>
        <v>5</v>
      </c>
      <c r="C1326" s="16">
        <v>1292</v>
      </c>
      <c r="D1326" cm="1">
        <f t="array" ref="D1326">IFERROR(INDEX(Jesper!AH$2:AH$366,ROUNDDOWN($C1326/24,0)+1,1)*INDEX($D$3:$AA$30,INDEX(Jesper!$R$2:$R$366,ROW(INDEX(Jesper!AH$2:AH$366,ROUNDDOWN($C1326/24,0)+1,1))-1)+IF('Standard Profiles'!$G$18=$B$10,7,0)+IF('Standard Profiles'!$G$18=$B$17,14,0)+IF('Standard Profiles'!$G$18=$B$24,21,0),MOD($C1326,24)+1)/SUM(INDEX($D$3:$AA$30,INDEX(Jesper!$R$2:$R$366,ROW(INDEX(Jesper!AH$2:AH$366,ROUNDDOWN($C1326/24,0)+1,1))-1)+IF('Standard Profiles'!$G$18=$B$10,7,0)+IF('Standard Profiles'!$G$18=$B$17,14,0)+IF('Standard Profiles'!$G$18=$B$24,21,0),0)),0)</f>
        <v>10.434729589723366</v>
      </c>
      <c r="E1326" cm="1">
        <f t="array" ref="E1326">IFERROR(INDEX(Jesper!AI$2:AI$366,ROUNDDOWN($C1326/24,0)+1,1)*INDEX($D$3:$AA$30,INDEX(Jesper!$R$2:$R$366,ROW(INDEX(Jesper!AI$2:AI$366,ROUNDDOWN($C1326/24,0)+1,1))-1)+IF('Standard Profiles'!$G$19=$B$10,7,0)+IF('Standard Profiles'!$G$19=$B$17,14,0)+IF('Standard Profiles'!$G$19=$B$24,21,0),MOD($C1326,24)+1)/SUM(INDEX($D$3:$AA$30,INDEX(Jesper!$R$2:$R$366,ROW(INDEX(Jesper!AI$2:AI$366,ROUNDDOWN($C1326/24,0)+1,1))-1)+IF('Standard Profiles'!$G$19=$B$10,7,0)+IF('Standard Profiles'!$G$19=$B$17,14,0)+IF('Standard Profiles'!$G$19=$B$24,21,0),0)),0)</f>
        <v>0</v>
      </c>
      <c r="F1326" cm="1">
        <f t="array" ref="F1326">IFERROR(INDEX(Jesper!AJ$2:AJ$366,ROUNDDOWN($C1326/24,0)+1,1)*INDEX($D$3:$AA$30,INDEX(Jesper!$R$2:$R$366,ROW(INDEX(Jesper!AJ$2:AJ$366,ROUNDDOWN($C1326/24,0)+1,1))-1)+IF('Standard Profiles'!$G$20=$B$10,7,0)+IF('Standard Profiles'!$G$20=$B$17,14,0)+IF('Standard Profiles'!$G$20=$B$24,21,0),MOD($C1326,24)+1)/SUM(INDEX($D$3:$AA$30,INDEX(Jesper!$R$2:$R$366,ROW(INDEX(Jesper!AJ$2:AJ$366,ROUNDDOWN($C1326/24,0)+1,1))-1)+IF('Standard Profiles'!$G$20=$B$10,7,0)+IF('Standard Profiles'!$G$20=$B$17,14,0)+IF('Standard Profiles'!$G$20=$B$24,21,0),0)),0)</f>
        <v>0</v>
      </c>
      <c r="G1326" cm="1">
        <f t="array" ref="G1326">IFERROR(INDEX(Jesper!AK$2:AK$366,ROUNDDOWN($C1326/24,0)+1,1)*INDEX($D$3:$AA$30,INDEX(Jesper!$R$2:$R$366,ROW(INDEX(Jesper!AK$2:AK$366,ROUNDDOWN($C1326/24,0)+1,1))-1)+IF('Standard Profiles'!$G$21=$B$10,7,0)+IF('Standard Profiles'!$G$21=$B$17,14,0)+IF('Standard Profiles'!$G$21=$B$24,21,0),MOD($C1326,24)+1)/SUM(INDEX($D$3:$AA$30,INDEX(Jesper!$R$2:$R$366,ROW(INDEX(Jesper!AK$2:AK$366,ROUNDDOWN($C1326/24,0)+1,1))-1)+IF('Standard Profiles'!$G$21=$B$10,7,0)+IF('Standard Profiles'!$G$21=$B$17,14,0)+IF('Standard Profiles'!$G$21=$B$24,21,0),0)),0)</f>
        <v>0</v>
      </c>
      <c r="H1326" cm="1">
        <f t="array" ref="H1326">IFERROR(INDEX(Jesper!AL$2:AL$366,ROUNDDOWN($C1326/24,0)+1,1)*INDEX($D$3:$AA$30,INDEX(Jesper!$R$2:$R$366,ROW(INDEX(Jesper!AL$2:AL$366,ROUNDDOWN($C1326/24,0)+1,1))-1)+IF('Standard Profiles'!$G$22=$B$10,7,0)+IF('Standard Profiles'!$G$22=$B$17,14,0)+IF('Standard Profiles'!$G$22=$B$24,21,0),MOD($C1326,24)+1)/SUM(INDEX($D$3:$AA$30,INDEX(Jesper!$R$2:$R$366,ROW(INDEX(Jesper!AL$2:AL$366,ROUNDDOWN($C1326/24,0)+1,1))-1)+IF('Standard Profiles'!$G$22=$B$10,7,0)+IF('Standard Profiles'!$G$22=$B$17,14,0)+IF('Standard Profiles'!$G$22=$B$24,21,0),0)),0)</f>
        <v>0</v>
      </c>
      <c r="I1326">
        <f t="shared" si="160"/>
        <v>0.31304188769170099</v>
      </c>
      <c r="J1326">
        <f t="shared" si="161"/>
        <v>1.0434729589723366</v>
      </c>
      <c r="K1326">
        <f t="shared" si="162"/>
        <v>1.5652094384585049</v>
      </c>
      <c r="L1326">
        <f t="shared" si="163"/>
        <v>7.5130053046008234</v>
      </c>
      <c r="M1326">
        <f t="shared" si="164"/>
        <v>0</v>
      </c>
      <c r="N1326" s="46">
        <f t="shared" si="165"/>
        <v>45345.8333333302</v>
      </c>
    </row>
    <row r="1327" spans="2:14" x14ac:dyDescent="0.3">
      <c r="B1327">
        <f t="shared" si="159"/>
        <v>5</v>
      </c>
      <c r="C1327" s="16">
        <v>1293</v>
      </c>
      <c r="D1327" cm="1">
        <f t="array" ref="D1327">IFERROR(INDEX(Jesper!AH$2:AH$366,ROUNDDOWN($C1327/24,0)+1,1)*INDEX($D$3:$AA$30,INDEX(Jesper!$R$2:$R$366,ROW(INDEX(Jesper!AH$2:AH$366,ROUNDDOWN($C1327/24,0)+1,1))-1)+IF('Standard Profiles'!$G$18=$B$10,7,0)+IF('Standard Profiles'!$G$18=$B$17,14,0)+IF('Standard Profiles'!$G$18=$B$24,21,0),MOD($C1327,24)+1)/SUM(INDEX($D$3:$AA$30,INDEX(Jesper!$R$2:$R$366,ROW(INDEX(Jesper!AH$2:AH$366,ROUNDDOWN($C1327/24,0)+1,1))-1)+IF('Standard Profiles'!$G$18=$B$10,7,0)+IF('Standard Profiles'!$G$18=$B$17,14,0)+IF('Standard Profiles'!$G$18=$B$24,21,0),0)),0)</f>
        <v>3.9841694797125586</v>
      </c>
      <c r="E1327" cm="1">
        <f t="array" ref="E1327">IFERROR(INDEX(Jesper!AI$2:AI$366,ROUNDDOWN($C1327/24,0)+1,1)*INDEX($D$3:$AA$30,INDEX(Jesper!$R$2:$R$366,ROW(INDEX(Jesper!AI$2:AI$366,ROUNDDOWN($C1327/24,0)+1,1))-1)+IF('Standard Profiles'!$G$19=$B$10,7,0)+IF('Standard Profiles'!$G$19=$B$17,14,0)+IF('Standard Profiles'!$G$19=$B$24,21,0),MOD($C1327,24)+1)/SUM(INDEX($D$3:$AA$30,INDEX(Jesper!$R$2:$R$366,ROW(INDEX(Jesper!AI$2:AI$366,ROUNDDOWN($C1327/24,0)+1,1))-1)+IF('Standard Profiles'!$G$19=$B$10,7,0)+IF('Standard Profiles'!$G$19=$B$17,14,0)+IF('Standard Profiles'!$G$19=$B$24,21,0),0)),0)</f>
        <v>0</v>
      </c>
      <c r="F1327" cm="1">
        <f t="array" ref="F1327">IFERROR(INDEX(Jesper!AJ$2:AJ$366,ROUNDDOWN($C1327/24,0)+1,1)*INDEX($D$3:$AA$30,INDEX(Jesper!$R$2:$R$366,ROW(INDEX(Jesper!AJ$2:AJ$366,ROUNDDOWN($C1327/24,0)+1,1))-1)+IF('Standard Profiles'!$G$20=$B$10,7,0)+IF('Standard Profiles'!$G$20=$B$17,14,0)+IF('Standard Profiles'!$G$20=$B$24,21,0),MOD($C1327,24)+1)/SUM(INDEX($D$3:$AA$30,INDEX(Jesper!$R$2:$R$366,ROW(INDEX(Jesper!AJ$2:AJ$366,ROUNDDOWN($C1327/24,0)+1,1))-1)+IF('Standard Profiles'!$G$20=$B$10,7,0)+IF('Standard Profiles'!$G$20=$B$17,14,0)+IF('Standard Profiles'!$G$20=$B$24,21,0),0)),0)</f>
        <v>0</v>
      </c>
      <c r="G1327" cm="1">
        <f t="array" ref="G1327">IFERROR(INDEX(Jesper!AK$2:AK$366,ROUNDDOWN($C1327/24,0)+1,1)*INDEX($D$3:$AA$30,INDEX(Jesper!$R$2:$R$366,ROW(INDEX(Jesper!AK$2:AK$366,ROUNDDOWN($C1327/24,0)+1,1))-1)+IF('Standard Profiles'!$G$21=$B$10,7,0)+IF('Standard Profiles'!$G$21=$B$17,14,0)+IF('Standard Profiles'!$G$21=$B$24,21,0),MOD($C1327,24)+1)/SUM(INDEX($D$3:$AA$30,INDEX(Jesper!$R$2:$R$366,ROW(INDEX(Jesper!AK$2:AK$366,ROUNDDOWN($C1327/24,0)+1,1))-1)+IF('Standard Profiles'!$G$21=$B$10,7,0)+IF('Standard Profiles'!$G$21=$B$17,14,0)+IF('Standard Profiles'!$G$21=$B$24,21,0),0)),0)</f>
        <v>0</v>
      </c>
      <c r="H1327" cm="1">
        <f t="array" ref="H1327">IFERROR(INDEX(Jesper!AL$2:AL$366,ROUNDDOWN($C1327/24,0)+1,1)*INDEX($D$3:$AA$30,INDEX(Jesper!$R$2:$R$366,ROW(INDEX(Jesper!AL$2:AL$366,ROUNDDOWN($C1327/24,0)+1,1))-1)+IF('Standard Profiles'!$G$22=$B$10,7,0)+IF('Standard Profiles'!$G$22=$B$17,14,0)+IF('Standard Profiles'!$G$22=$B$24,21,0),MOD($C1327,24)+1)/SUM(INDEX($D$3:$AA$30,INDEX(Jesper!$R$2:$R$366,ROW(INDEX(Jesper!AL$2:AL$366,ROUNDDOWN($C1327/24,0)+1,1))-1)+IF('Standard Profiles'!$G$22=$B$10,7,0)+IF('Standard Profiles'!$G$22=$B$17,14,0)+IF('Standard Profiles'!$G$22=$B$24,21,0),0)),0)</f>
        <v>0</v>
      </c>
      <c r="I1327">
        <f t="shared" si="160"/>
        <v>0.11952508439137675</v>
      </c>
      <c r="J1327">
        <f t="shared" si="161"/>
        <v>0.39841694797125587</v>
      </c>
      <c r="K1327">
        <f t="shared" si="162"/>
        <v>0.59762542195688373</v>
      </c>
      <c r="L1327">
        <f t="shared" si="163"/>
        <v>2.868602025393042</v>
      </c>
      <c r="M1327">
        <f t="shared" si="164"/>
        <v>0</v>
      </c>
      <c r="N1327" s="46">
        <f t="shared" si="165"/>
        <v>45345.874999996864</v>
      </c>
    </row>
    <row r="1328" spans="2:14" x14ac:dyDescent="0.3">
      <c r="B1328">
        <f t="shared" si="159"/>
        <v>5</v>
      </c>
      <c r="C1328" s="16">
        <v>1294</v>
      </c>
      <c r="D1328" cm="1">
        <f t="array" ref="D1328">IFERROR(INDEX(Jesper!AH$2:AH$366,ROUNDDOWN($C1328/24,0)+1,1)*INDEX($D$3:$AA$30,INDEX(Jesper!$R$2:$R$366,ROW(INDEX(Jesper!AH$2:AH$366,ROUNDDOWN($C1328/24,0)+1,1))-1)+IF('Standard Profiles'!$G$18=$B$10,7,0)+IF('Standard Profiles'!$G$18=$B$17,14,0)+IF('Standard Profiles'!$G$18=$B$24,21,0),MOD($C1328,24)+1)/SUM(INDEX($D$3:$AA$30,INDEX(Jesper!$R$2:$R$366,ROW(INDEX(Jesper!AH$2:AH$366,ROUNDDOWN($C1328/24,0)+1,1))-1)+IF('Standard Profiles'!$G$18=$B$10,7,0)+IF('Standard Profiles'!$G$18=$B$17,14,0)+IF('Standard Profiles'!$G$18=$B$24,21,0),0)),0)</f>
        <v>3.9841694797125586</v>
      </c>
      <c r="E1328" cm="1">
        <f t="array" ref="E1328">IFERROR(INDEX(Jesper!AI$2:AI$366,ROUNDDOWN($C1328/24,0)+1,1)*INDEX($D$3:$AA$30,INDEX(Jesper!$R$2:$R$366,ROW(INDEX(Jesper!AI$2:AI$366,ROUNDDOWN($C1328/24,0)+1,1))-1)+IF('Standard Profiles'!$G$19=$B$10,7,0)+IF('Standard Profiles'!$G$19=$B$17,14,0)+IF('Standard Profiles'!$G$19=$B$24,21,0),MOD($C1328,24)+1)/SUM(INDEX($D$3:$AA$30,INDEX(Jesper!$R$2:$R$366,ROW(INDEX(Jesper!AI$2:AI$366,ROUNDDOWN($C1328/24,0)+1,1))-1)+IF('Standard Profiles'!$G$19=$B$10,7,0)+IF('Standard Profiles'!$G$19=$B$17,14,0)+IF('Standard Profiles'!$G$19=$B$24,21,0),0)),0)</f>
        <v>0</v>
      </c>
      <c r="F1328" cm="1">
        <f t="array" ref="F1328">IFERROR(INDEX(Jesper!AJ$2:AJ$366,ROUNDDOWN($C1328/24,0)+1,1)*INDEX($D$3:$AA$30,INDEX(Jesper!$R$2:$R$366,ROW(INDEX(Jesper!AJ$2:AJ$366,ROUNDDOWN($C1328/24,0)+1,1))-1)+IF('Standard Profiles'!$G$20=$B$10,7,0)+IF('Standard Profiles'!$G$20=$B$17,14,0)+IF('Standard Profiles'!$G$20=$B$24,21,0),MOD($C1328,24)+1)/SUM(INDEX($D$3:$AA$30,INDEX(Jesper!$R$2:$R$366,ROW(INDEX(Jesper!AJ$2:AJ$366,ROUNDDOWN($C1328/24,0)+1,1))-1)+IF('Standard Profiles'!$G$20=$B$10,7,0)+IF('Standard Profiles'!$G$20=$B$17,14,0)+IF('Standard Profiles'!$G$20=$B$24,21,0),0)),0)</f>
        <v>0</v>
      </c>
      <c r="G1328" cm="1">
        <f t="array" ref="G1328">IFERROR(INDEX(Jesper!AK$2:AK$366,ROUNDDOWN($C1328/24,0)+1,1)*INDEX($D$3:$AA$30,INDEX(Jesper!$R$2:$R$366,ROW(INDEX(Jesper!AK$2:AK$366,ROUNDDOWN($C1328/24,0)+1,1))-1)+IF('Standard Profiles'!$G$21=$B$10,7,0)+IF('Standard Profiles'!$G$21=$B$17,14,0)+IF('Standard Profiles'!$G$21=$B$24,21,0),MOD($C1328,24)+1)/SUM(INDEX($D$3:$AA$30,INDEX(Jesper!$R$2:$R$366,ROW(INDEX(Jesper!AK$2:AK$366,ROUNDDOWN($C1328/24,0)+1,1))-1)+IF('Standard Profiles'!$G$21=$B$10,7,0)+IF('Standard Profiles'!$G$21=$B$17,14,0)+IF('Standard Profiles'!$G$21=$B$24,21,0),0)),0)</f>
        <v>0</v>
      </c>
      <c r="H1328" cm="1">
        <f t="array" ref="H1328">IFERROR(INDEX(Jesper!AL$2:AL$366,ROUNDDOWN($C1328/24,0)+1,1)*INDEX($D$3:$AA$30,INDEX(Jesper!$R$2:$R$366,ROW(INDEX(Jesper!AL$2:AL$366,ROUNDDOWN($C1328/24,0)+1,1))-1)+IF('Standard Profiles'!$G$22=$B$10,7,0)+IF('Standard Profiles'!$G$22=$B$17,14,0)+IF('Standard Profiles'!$G$22=$B$24,21,0),MOD($C1328,24)+1)/SUM(INDEX($D$3:$AA$30,INDEX(Jesper!$R$2:$R$366,ROW(INDEX(Jesper!AL$2:AL$366,ROUNDDOWN($C1328/24,0)+1,1))-1)+IF('Standard Profiles'!$G$22=$B$10,7,0)+IF('Standard Profiles'!$G$22=$B$17,14,0)+IF('Standard Profiles'!$G$22=$B$24,21,0),0)),0)</f>
        <v>0</v>
      </c>
      <c r="I1328">
        <f t="shared" si="160"/>
        <v>0.11952508439137675</v>
      </c>
      <c r="J1328">
        <f t="shared" si="161"/>
        <v>0.39841694797125587</v>
      </c>
      <c r="K1328">
        <f t="shared" si="162"/>
        <v>0.59762542195688373</v>
      </c>
      <c r="L1328">
        <f t="shared" si="163"/>
        <v>2.868602025393042</v>
      </c>
      <c r="M1328">
        <f t="shared" si="164"/>
        <v>0</v>
      </c>
      <c r="N1328" s="46">
        <f t="shared" si="165"/>
        <v>45345.916666663528</v>
      </c>
    </row>
    <row r="1329" spans="2:14" x14ac:dyDescent="0.3">
      <c r="B1329">
        <f t="shared" si="159"/>
        <v>5</v>
      </c>
      <c r="C1329" s="16">
        <v>1295</v>
      </c>
      <c r="D1329" cm="1">
        <f t="array" ref="D1329">IFERROR(INDEX(Jesper!AH$2:AH$366,ROUNDDOWN($C1329/24,0)+1,1)*INDEX($D$3:$AA$30,INDEX(Jesper!$R$2:$R$366,ROW(INDEX(Jesper!AH$2:AH$366,ROUNDDOWN($C1329/24,0)+1,1))-1)+IF('Standard Profiles'!$G$18=$B$10,7,0)+IF('Standard Profiles'!$G$18=$B$17,14,0)+IF('Standard Profiles'!$G$18=$B$24,21,0),MOD($C1329,24)+1)/SUM(INDEX($D$3:$AA$30,INDEX(Jesper!$R$2:$R$366,ROW(INDEX(Jesper!AH$2:AH$366,ROUNDDOWN($C1329/24,0)+1,1))-1)+IF('Standard Profiles'!$G$18=$B$10,7,0)+IF('Standard Profiles'!$G$18=$B$17,14,0)+IF('Standard Profiles'!$G$18=$B$24,21,0),0)),0)</f>
        <v>3.9841694797125586</v>
      </c>
      <c r="E1329" cm="1">
        <f t="array" ref="E1329">IFERROR(INDEX(Jesper!AI$2:AI$366,ROUNDDOWN($C1329/24,0)+1,1)*INDEX($D$3:$AA$30,INDEX(Jesper!$R$2:$R$366,ROW(INDEX(Jesper!AI$2:AI$366,ROUNDDOWN($C1329/24,0)+1,1))-1)+IF('Standard Profiles'!$G$19=$B$10,7,0)+IF('Standard Profiles'!$G$19=$B$17,14,0)+IF('Standard Profiles'!$G$19=$B$24,21,0),MOD($C1329,24)+1)/SUM(INDEX($D$3:$AA$30,INDEX(Jesper!$R$2:$R$366,ROW(INDEX(Jesper!AI$2:AI$366,ROUNDDOWN($C1329/24,0)+1,1))-1)+IF('Standard Profiles'!$G$19=$B$10,7,0)+IF('Standard Profiles'!$G$19=$B$17,14,0)+IF('Standard Profiles'!$G$19=$B$24,21,0),0)),0)</f>
        <v>0</v>
      </c>
      <c r="F1329" cm="1">
        <f t="array" ref="F1329">IFERROR(INDEX(Jesper!AJ$2:AJ$366,ROUNDDOWN($C1329/24,0)+1,1)*INDEX($D$3:$AA$30,INDEX(Jesper!$R$2:$R$366,ROW(INDEX(Jesper!AJ$2:AJ$366,ROUNDDOWN($C1329/24,0)+1,1))-1)+IF('Standard Profiles'!$G$20=$B$10,7,0)+IF('Standard Profiles'!$G$20=$B$17,14,0)+IF('Standard Profiles'!$G$20=$B$24,21,0),MOD($C1329,24)+1)/SUM(INDEX($D$3:$AA$30,INDEX(Jesper!$R$2:$R$366,ROW(INDEX(Jesper!AJ$2:AJ$366,ROUNDDOWN($C1329/24,0)+1,1))-1)+IF('Standard Profiles'!$G$20=$B$10,7,0)+IF('Standard Profiles'!$G$20=$B$17,14,0)+IF('Standard Profiles'!$G$20=$B$24,21,0),0)),0)</f>
        <v>0</v>
      </c>
      <c r="G1329" cm="1">
        <f t="array" ref="G1329">IFERROR(INDEX(Jesper!AK$2:AK$366,ROUNDDOWN($C1329/24,0)+1,1)*INDEX($D$3:$AA$30,INDEX(Jesper!$R$2:$R$366,ROW(INDEX(Jesper!AK$2:AK$366,ROUNDDOWN($C1329/24,0)+1,1))-1)+IF('Standard Profiles'!$G$21=$B$10,7,0)+IF('Standard Profiles'!$G$21=$B$17,14,0)+IF('Standard Profiles'!$G$21=$B$24,21,0),MOD($C1329,24)+1)/SUM(INDEX($D$3:$AA$30,INDEX(Jesper!$R$2:$R$366,ROW(INDEX(Jesper!AK$2:AK$366,ROUNDDOWN($C1329/24,0)+1,1))-1)+IF('Standard Profiles'!$G$21=$B$10,7,0)+IF('Standard Profiles'!$G$21=$B$17,14,0)+IF('Standard Profiles'!$G$21=$B$24,21,0),0)),0)</f>
        <v>0</v>
      </c>
      <c r="H1329" cm="1">
        <f t="array" ref="H1329">IFERROR(INDEX(Jesper!AL$2:AL$366,ROUNDDOWN($C1329/24,0)+1,1)*INDEX($D$3:$AA$30,INDEX(Jesper!$R$2:$R$366,ROW(INDEX(Jesper!AL$2:AL$366,ROUNDDOWN($C1329/24,0)+1,1))-1)+IF('Standard Profiles'!$G$22=$B$10,7,0)+IF('Standard Profiles'!$G$22=$B$17,14,0)+IF('Standard Profiles'!$G$22=$B$24,21,0),MOD($C1329,24)+1)/SUM(INDEX($D$3:$AA$30,INDEX(Jesper!$R$2:$R$366,ROW(INDEX(Jesper!AL$2:AL$366,ROUNDDOWN($C1329/24,0)+1,1))-1)+IF('Standard Profiles'!$G$22=$B$10,7,0)+IF('Standard Profiles'!$G$22=$B$17,14,0)+IF('Standard Profiles'!$G$22=$B$24,21,0),0)),0)</f>
        <v>0</v>
      </c>
      <c r="I1329">
        <f t="shared" si="160"/>
        <v>0.11952508439137675</v>
      </c>
      <c r="J1329">
        <f t="shared" si="161"/>
        <v>0.39841694797125587</v>
      </c>
      <c r="K1329">
        <f t="shared" si="162"/>
        <v>0.59762542195688373</v>
      </c>
      <c r="L1329">
        <f t="shared" si="163"/>
        <v>2.868602025393042</v>
      </c>
      <c r="M1329">
        <f t="shared" si="164"/>
        <v>0</v>
      </c>
      <c r="N1329" s="46">
        <f t="shared" si="165"/>
        <v>45345.958333330193</v>
      </c>
    </row>
    <row r="1330" spans="2:14" x14ac:dyDescent="0.3">
      <c r="B1330">
        <f t="shared" si="159"/>
        <v>6</v>
      </c>
      <c r="C1330" s="16">
        <v>1296</v>
      </c>
      <c r="D1330" cm="1">
        <f t="array" ref="D1330">IFERROR(INDEX(Jesper!AH$2:AH$366,ROUNDDOWN($C1330/24,0)+1,1)*INDEX($D$3:$AA$30,INDEX(Jesper!$R$2:$R$366,ROW(INDEX(Jesper!AH$2:AH$366,ROUNDDOWN($C1330/24,0)+1,1))-1)+IF('Standard Profiles'!$G$18=$B$10,7,0)+IF('Standard Profiles'!$G$18=$B$17,14,0)+IF('Standard Profiles'!$G$18=$B$24,21,0),MOD($C1330,24)+1)/SUM(INDEX($D$3:$AA$30,INDEX(Jesper!$R$2:$R$366,ROW(INDEX(Jesper!AH$2:AH$366,ROUNDDOWN($C1330/24,0)+1,1))-1)+IF('Standard Profiles'!$G$18=$B$10,7,0)+IF('Standard Profiles'!$G$18=$B$17,14,0)+IF('Standard Profiles'!$G$18=$B$24,21,0),0)),0)</f>
        <v>4.2510981724703623</v>
      </c>
      <c r="E1330" cm="1">
        <f t="array" ref="E1330">IFERROR(INDEX(Jesper!AI$2:AI$366,ROUNDDOWN($C1330/24,0)+1,1)*INDEX($D$3:$AA$30,INDEX(Jesper!$R$2:$R$366,ROW(INDEX(Jesper!AI$2:AI$366,ROUNDDOWN($C1330/24,0)+1,1))-1)+IF('Standard Profiles'!$G$19=$B$10,7,0)+IF('Standard Profiles'!$G$19=$B$17,14,0)+IF('Standard Profiles'!$G$19=$B$24,21,0),MOD($C1330,24)+1)/SUM(INDEX($D$3:$AA$30,INDEX(Jesper!$R$2:$R$366,ROW(INDEX(Jesper!AI$2:AI$366,ROUNDDOWN($C1330/24,0)+1,1))-1)+IF('Standard Profiles'!$G$19=$B$10,7,0)+IF('Standard Profiles'!$G$19=$B$17,14,0)+IF('Standard Profiles'!$G$19=$B$24,21,0),0)),0)</f>
        <v>0.96312098712815675</v>
      </c>
      <c r="F1330" cm="1">
        <f t="array" ref="F1330">IFERROR(INDEX(Jesper!AJ$2:AJ$366,ROUNDDOWN($C1330/24,0)+1,1)*INDEX($D$3:$AA$30,INDEX(Jesper!$R$2:$R$366,ROW(INDEX(Jesper!AJ$2:AJ$366,ROUNDDOWN($C1330/24,0)+1,1))-1)+IF('Standard Profiles'!$G$20=$B$10,7,0)+IF('Standard Profiles'!$G$20=$B$17,14,0)+IF('Standard Profiles'!$G$20=$B$24,21,0),MOD($C1330,24)+1)/SUM(INDEX($D$3:$AA$30,INDEX(Jesper!$R$2:$R$366,ROW(INDEX(Jesper!AJ$2:AJ$366,ROUNDDOWN($C1330/24,0)+1,1))-1)+IF('Standard Profiles'!$G$20=$B$10,7,0)+IF('Standard Profiles'!$G$20=$B$17,14,0)+IF('Standard Profiles'!$G$20=$B$24,21,0),0)),0)</f>
        <v>0</v>
      </c>
      <c r="G1330" cm="1">
        <f t="array" ref="G1330">IFERROR(INDEX(Jesper!AK$2:AK$366,ROUNDDOWN($C1330/24,0)+1,1)*INDEX($D$3:$AA$30,INDEX(Jesper!$R$2:$R$366,ROW(INDEX(Jesper!AK$2:AK$366,ROUNDDOWN($C1330/24,0)+1,1))-1)+IF('Standard Profiles'!$G$21=$B$10,7,0)+IF('Standard Profiles'!$G$21=$B$17,14,0)+IF('Standard Profiles'!$G$21=$B$24,21,0),MOD($C1330,24)+1)/SUM(INDEX($D$3:$AA$30,INDEX(Jesper!$R$2:$R$366,ROW(INDEX(Jesper!AK$2:AK$366,ROUNDDOWN($C1330/24,0)+1,1))-1)+IF('Standard Profiles'!$G$21=$B$10,7,0)+IF('Standard Profiles'!$G$21=$B$17,14,0)+IF('Standard Profiles'!$G$21=$B$24,21,0),0)),0)</f>
        <v>0</v>
      </c>
      <c r="H1330" cm="1">
        <f t="array" ref="H1330">IFERROR(INDEX(Jesper!AL$2:AL$366,ROUNDDOWN($C1330/24,0)+1,1)*INDEX($D$3:$AA$30,INDEX(Jesper!$R$2:$R$366,ROW(INDEX(Jesper!AL$2:AL$366,ROUNDDOWN($C1330/24,0)+1,1))-1)+IF('Standard Profiles'!$G$22=$B$10,7,0)+IF('Standard Profiles'!$G$22=$B$17,14,0)+IF('Standard Profiles'!$G$22=$B$24,21,0),MOD($C1330,24)+1)/SUM(INDEX($D$3:$AA$30,INDEX(Jesper!$R$2:$R$366,ROW(INDEX(Jesper!AL$2:AL$366,ROUNDDOWN($C1330/24,0)+1,1))-1)+IF('Standard Profiles'!$G$22=$B$10,7,0)+IF('Standard Profiles'!$G$22=$B$17,14,0)+IF('Standard Profiles'!$G$22=$B$24,21,0),0)),0)</f>
        <v>0</v>
      </c>
      <c r="I1330">
        <f t="shared" si="160"/>
        <v>8.6767656498032156E-2</v>
      </c>
      <c r="J1330">
        <f t="shared" si="161"/>
        <v>0.28922552166010723</v>
      </c>
      <c r="K1330">
        <f t="shared" si="162"/>
        <v>0.43383828249016088</v>
      </c>
      <c r="L1330">
        <f t="shared" si="163"/>
        <v>4.4043876989502184</v>
      </c>
      <c r="M1330">
        <f t="shared" si="164"/>
        <v>0</v>
      </c>
      <c r="N1330" s="46">
        <f t="shared" si="165"/>
        <v>45345.999999996857</v>
      </c>
    </row>
    <row r="1331" spans="2:14" x14ac:dyDescent="0.3">
      <c r="B1331">
        <f t="shared" si="159"/>
        <v>6</v>
      </c>
      <c r="C1331" s="16">
        <v>1297</v>
      </c>
      <c r="D1331" cm="1">
        <f t="array" ref="D1331">IFERROR(INDEX(Jesper!AH$2:AH$366,ROUNDDOWN($C1331/24,0)+1,1)*INDEX($D$3:$AA$30,INDEX(Jesper!$R$2:$R$366,ROW(INDEX(Jesper!AH$2:AH$366,ROUNDDOWN($C1331/24,0)+1,1))-1)+IF('Standard Profiles'!$G$18=$B$10,7,0)+IF('Standard Profiles'!$G$18=$B$17,14,0)+IF('Standard Profiles'!$G$18=$B$24,21,0),MOD($C1331,24)+1)/SUM(INDEX($D$3:$AA$30,INDEX(Jesper!$R$2:$R$366,ROW(INDEX(Jesper!AH$2:AH$366,ROUNDDOWN($C1331/24,0)+1,1))-1)+IF('Standard Profiles'!$G$18=$B$10,7,0)+IF('Standard Profiles'!$G$18=$B$17,14,0)+IF('Standard Profiles'!$G$18=$B$24,21,0),0)),0)</f>
        <v>8.2997630986326136</v>
      </c>
      <c r="E1331" cm="1">
        <f t="array" ref="E1331">IFERROR(INDEX(Jesper!AI$2:AI$366,ROUNDDOWN($C1331/24,0)+1,1)*INDEX($D$3:$AA$30,INDEX(Jesper!$R$2:$R$366,ROW(INDEX(Jesper!AI$2:AI$366,ROUNDDOWN($C1331/24,0)+1,1))-1)+IF('Standard Profiles'!$G$19=$B$10,7,0)+IF('Standard Profiles'!$G$19=$B$17,14,0)+IF('Standard Profiles'!$G$19=$B$24,21,0),MOD($C1331,24)+1)/SUM(INDEX($D$3:$AA$30,INDEX(Jesper!$R$2:$R$366,ROW(INDEX(Jesper!AI$2:AI$366,ROUNDDOWN($C1331/24,0)+1,1))-1)+IF('Standard Profiles'!$G$19=$B$10,7,0)+IF('Standard Profiles'!$G$19=$B$17,14,0)+IF('Standard Profiles'!$G$19=$B$24,21,0),0)),0)</f>
        <v>1.8803790701073539</v>
      </c>
      <c r="F1331" cm="1">
        <f t="array" ref="F1331">IFERROR(INDEX(Jesper!AJ$2:AJ$366,ROUNDDOWN($C1331/24,0)+1,1)*INDEX($D$3:$AA$30,INDEX(Jesper!$R$2:$R$366,ROW(INDEX(Jesper!AJ$2:AJ$366,ROUNDDOWN($C1331/24,0)+1,1))-1)+IF('Standard Profiles'!$G$20=$B$10,7,0)+IF('Standard Profiles'!$G$20=$B$17,14,0)+IF('Standard Profiles'!$G$20=$B$24,21,0),MOD($C1331,24)+1)/SUM(INDEX($D$3:$AA$30,INDEX(Jesper!$R$2:$R$366,ROW(INDEX(Jesper!AJ$2:AJ$366,ROUNDDOWN($C1331/24,0)+1,1))-1)+IF('Standard Profiles'!$G$20=$B$10,7,0)+IF('Standard Profiles'!$G$20=$B$17,14,0)+IF('Standard Profiles'!$G$20=$B$24,21,0),0)),0)</f>
        <v>0</v>
      </c>
      <c r="G1331" cm="1">
        <f t="array" ref="G1331">IFERROR(INDEX(Jesper!AK$2:AK$366,ROUNDDOWN($C1331/24,0)+1,1)*INDEX($D$3:$AA$30,INDEX(Jesper!$R$2:$R$366,ROW(INDEX(Jesper!AK$2:AK$366,ROUNDDOWN($C1331/24,0)+1,1))-1)+IF('Standard Profiles'!$G$21=$B$10,7,0)+IF('Standard Profiles'!$G$21=$B$17,14,0)+IF('Standard Profiles'!$G$21=$B$24,21,0),MOD($C1331,24)+1)/SUM(INDEX($D$3:$AA$30,INDEX(Jesper!$R$2:$R$366,ROW(INDEX(Jesper!AK$2:AK$366,ROUNDDOWN($C1331/24,0)+1,1))-1)+IF('Standard Profiles'!$G$21=$B$10,7,0)+IF('Standard Profiles'!$G$21=$B$17,14,0)+IF('Standard Profiles'!$G$21=$B$24,21,0),0)),0)</f>
        <v>0</v>
      </c>
      <c r="H1331" cm="1">
        <f t="array" ref="H1331">IFERROR(INDEX(Jesper!AL$2:AL$366,ROUNDDOWN($C1331/24,0)+1,1)*INDEX($D$3:$AA$30,INDEX(Jesper!$R$2:$R$366,ROW(INDEX(Jesper!AL$2:AL$366,ROUNDDOWN($C1331/24,0)+1,1))-1)+IF('Standard Profiles'!$G$22=$B$10,7,0)+IF('Standard Profiles'!$G$22=$B$17,14,0)+IF('Standard Profiles'!$G$22=$B$24,21,0),MOD($C1331,24)+1)/SUM(INDEX($D$3:$AA$30,INDEX(Jesper!$R$2:$R$366,ROW(INDEX(Jesper!AL$2:AL$366,ROUNDDOWN($C1331/24,0)+1,1))-1)+IF('Standard Profiles'!$G$22=$B$10,7,0)+IF('Standard Profiles'!$G$22=$B$17,14,0)+IF('Standard Profiles'!$G$22=$B$24,21,0),0)),0)</f>
        <v>0</v>
      </c>
      <c r="I1331">
        <f t="shared" si="160"/>
        <v>0.16940351982949139</v>
      </c>
      <c r="J1331">
        <f t="shared" si="161"/>
        <v>0.564678399431638</v>
      </c>
      <c r="K1331">
        <f t="shared" si="162"/>
        <v>0.84701759914745711</v>
      </c>
      <c r="L1331">
        <f t="shared" si="163"/>
        <v>8.5990426503313806</v>
      </c>
      <c r="M1331">
        <f t="shared" si="164"/>
        <v>0</v>
      </c>
      <c r="N1331" s="46">
        <f t="shared" si="165"/>
        <v>45346.041666663521</v>
      </c>
    </row>
    <row r="1332" spans="2:14" x14ac:dyDescent="0.3">
      <c r="B1332">
        <f t="shared" si="159"/>
        <v>6</v>
      </c>
      <c r="C1332" s="16">
        <v>1298</v>
      </c>
      <c r="D1332" cm="1">
        <f t="array" ref="D1332">IFERROR(INDEX(Jesper!AH$2:AH$366,ROUNDDOWN($C1332/24,0)+1,1)*INDEX($D$3:$AA$30,INDEX(Jesper!$R$2:$R$366,ROW(INDEX(Jesper!AH$2:AH$366,ROUNDDOWN($C1332/24,0)+1,1))-1)+IF('Standard Profiles'!$G$18=$B$10,7,0)+IF('Standard Profiles'!$G$18=$B$17,14,0)+IF('Standard Profiles'!$G$18=$B$24,21,0),MOD($C1332,24)+1)/SUM(INDEX($D$3:$AA$30,INDEX(Jesper!$R$2:$R$366,ROW(INDEX(Jesper!AH$2:AH$366,ROUNDDOWN($C1332/24,0)+1,1))-1)+IF('Standard Profiles'!$G$18=$B$10,7,0)+IF('Standard Profiles'!$G$18=$B$17,14,0)+IF('Standard Profiles'!$G$18=$B$24,21,0),0)),0)</f>
        <v>8.2997630986326136</v>
      </c>
      <c r="E1332" cm="1">
        <f t="array" ref="E1332">IFERROR(INDEX(Jesper!AI$2:AI$366,ROUNDDOWN($C1332/24,0)+1,1)*INDEX($D$3:$AA$30,INDEX(Jesper!$R$2:$R$366,ROW(INDEX(Jesper!AI$2:AI$366,ROUNDDOWN($C1332/24,0)+1,1))-1)+IF('Standard Profiles'!$G$19=$B$10,7,0)+IF('Standard Profiles'!$G$19=$B$17,14,0)+IF('Standard Profiles'!$G$19=$B$24,21,0),MOD($C1332,24)+1)/SUM(INDEX($D$3:$AA$30,INDEX(Jesper!$R$2:$R$366,ROW(INDEX(Jesper!AI$2:AI$366,ROUNDDOWN($C1332/24,0)+1,1))-1)+IF('Standard Profiles'!$G$19=$B$10,7,0)+IF('Standard Profiles'!$G$19=$B$17,14,0)+IF('Standard Profiles'!$G$19=$B$24,21,0),0)),0)</f>
        <v>1.8803790701073539</v>
      </c>
      <c r="F1332" cm="1">
        <f t="array" ref="F1332">IFERROR(INDEX(Jesper!AJ$2:AJ$366,ROUNDDOWN($C1332/24,0)+1,1)*INDEX($D$3:$AA$30,INDEX(Jesper!$R$2:$R$366,ROW(INDEX(Jesper!AJ$2:AJ$366,ROUNDDOWN($C1332/24,0)+1,1))-1)+IF('Standard Profiles'!$G$20=$B$10,7,0)+IF('Standard Profiles'!$G$20=$B$17,14,0)+IF('Standard Profiles'!$G$20=$B$24,21,0),MOD($C1332,24)+1)/SUM(INDEX($D$3:$AA$30,INDEX(Jesper!$R$2:$R$366,ROW(INDEX(Jesper!AJ$2:AJ$366,ROUNDDOWN($C1332/24,0)+1,1))-1)+IF('Standard Profiles'!$G$20=$B$10,7,0)+IF('Standard Profiles'!$G$20=$B$17,14,0)+IF('Standard Profiles'!$G$20=$B$24,21,0),0)),0)</f>
        <v>0</v>
      </c>
      <c r="G1332" cm="1">
        <f t="array" ref="G1332">IFERROR(INDEX(Jesper!AK$2:AK$366,ROUNDDOWN($C1332/24,0)+1,1)*INDEX($D$3:$AA$30,INDEX(Jesper!$R$2:$R$366,ROW(INDEX(Jesper!AK$2:AK$366,ROUNDDOWN($C1332/24,0)+1,1))-1)+IF('Standard Profiles'!$G$21=$B$10,7,0)+IF('Standard Profiles'!$G$21=$B$17,14,0)+IF('Standard Profiles'!$G$21=$B$24,21,0),MOD($C1332,24)+1)/SUM(INDEX($D$3:$AA$30,INDEX(Jesper!$R$2:$R$366,ROW(INDEX(Jesper!AK$2:AK$366,ROUNDDOWN($C1332/24,0)+1,1))-1)+IF('Standard Profiles'!$G$21=$B$10,7,0)+IF('Standard Profiles'!$G$21=$B$17,14,0)+IF('Standard Profiles'!$G$21=$B$24,21,0),0)),0)</f>
        <v>0</v>
      </c>
      <c r="H1332" cm="1">
        <f t="array" ref="H1332">IFERROR(INDEX(Jesper!AL$2:AL$366,ROUNDDOWN($C1332/24,0)+1,1)*INDEX($D$3:$AA$30,INDEX(Jesper!$R$2:$R$366,ROW(INDEX(Jesper!AL$2:AL$366,ROUNDDOWN($C1332/24,0)+1,1))-1)+IF('Standard Profiles'!$G$22=$B$10,7,0)+IF('Standard Profiles'!$G$22=$B$17,14,0)+IF('Standard Profiles'!$G$22=$B$24,21,0),MOD($C1332,24)+1)/SUM(INDEX($D$3:$AA$30,INDEX(Jesper!$R$2:$R$366,ROW(INDEX(Jesper!AL$2:AL$366,ROUNDDOWN($C1332/24,0)+1,1))-1)+IF('Standard Profiles'!$G$22=$B$10,7,0)+IF('Standard Profiles'!$G$22=$B$17,14,0)+IF('Standard Profiles'!$G$22=$B$24,21,0),0)),0)</f>
        <v>0</v>
      </c>
      <c r="I1332">
        <f t="shared" si="160"/>
        <v>0.16940351982949139</v>
      </c>
      <c r="J1332">
        <f t="shared" si="161"/>
        <v>0.564678399431638</v>
      </c>
      <c r="K1332">
        <f t="shared" si="162"/>
        <v>0.84701759914745711</v>
      </c>
      <c r="L1332">
        <f t="shared" si="163"/>
        <v>8.5990426503313806</v>
      </c>
      <c r="M1332">
        <f t="shared" si="164"/>
        <v>0</v>
      </c>
      <c r="N1332" s="46">
        <f t="shared" si="165"/>
        <v>45346.083333330185</v>
      </c>
    </row>
    <row r="1333" spans="2:14" x14ac:dyDescent="0.3">
      <c r="B1333">
        <f t="shared" si="159"/>
        <v>6</v>
      </c>
      <c r="C1333" s="16">
        <v>1299</v>
      </c>
      <c r="D1333" cm="1">
        <f t="array" ref="D1333">IFERROR(INDEX(Jesper!AH$2:AH$366,ROUNDDOWN($C1333/24,0)+1,1)*INDEX($D$3:$AA$30,INDEX(Jesper!$R$2:$R$366,ROW(INDEX(Jesper!AH$2:AH$366,ROUNDDOWN($C1333/24,0)+1,1))-1)+IF('Standard Profiles'!$G$18=$B$10,7,0)+IF('Standard Profiles'!$G$18=$B$17,14,0)+IF('Standard Profiles'!$G$18=$B$24,21,0),MOD($C1333,24)+1)/SUM(INDEX($D$3:$AA$30,INDEX(Jesper!$R$2:$R$366,ROW(INDEX(Jesper!AH$2:AH$366,ROUNDDOWN($C1333/24,0)+1,1))-1)+IF('Standard Profiles'!$G$18=$B$10,7,0)+IF('Standard Profiles'!$G$18=$B$17,14,0)+IF('Standard Profiles'!$G$18=$B$24,21,0),0)),0)</f>
        <v>8.2997630986326136</v>
      </c>
      <c r="E1333" cm="1">
        <f t="array" ref="E1333">IFERROR(INDEX(Jesper!AI$2:AI$366,ROUNDDOWN($C1333/24,0)+1,1)*INDEX($D$3:$AA$30,INDEX(Jesper!$R$2:$R$366,ROW(INDEX(Jesper!AI$2:AI$366,ROUNDDOWN($C1333/24,0)+1,1))-1)+IF('Standard Profiles'!$G$19=$B$10,7,0)+IF('Standard Profiles'!$G$19=$B$17,14,0)+IF('Standard Profiles'!$G$19=$B$24,21,0),MOD($C1333,24)+1)/SUM(INDEX($D$3:$AA$30,INDEX(Jesper!$R$2:$R$366,ROW(INDEX(Jesper!AI$2:AI$366,ROUNDDOWN($C1333/24,0)+1,1))-1)+IF('Standard Profiles'!$G$19=$B$10,7,0)+IF('Standard Profiles'!$G$19=$B$17,14,0)+IF('Standard Profiles'!$G$19=$B$24,21,0),0)),0)</f>
        <v>1.8803790701073539</v>
      </c>
      <c r="F1333" cm="1">
        <f t="array" ref="F1333">IFERROR(INDEX(Jesper!AJ$2:AJ$366,ROUNDDOWN($C1333/24,0)+1,1)*INDEX($D$3:$AA$30,INDEX(Jesper!$R$2:$R$366,ROW(INDEX(Jesper!AJ$2:AJ$366,ROUNDDOWN($C1333/24,0)+1,1))-1)+IF('Standard Profiles'!$G$20=$B$10,7,0)+IF('Standard Profiles'!$G$20=$B$17,14,0)+IF('Standard Profiles'!$G$20=$B$24,21,0),MOD($C1333,24)+1)/SUM(INDEX($D$3:$AA$30,INDEX(Jesper!$R$2:$R$366,ROW(INDEX(Jesper!AJ$2:AJ$366,ROUNDDOWN($C1333/24,0)+1,1))-1)+IF('Standard Profiles'!$G$20=$B$10,7,0)+IF('Standard Profiles'!$G$20=$B$17,14,0)+IF('Standard Profiles'!$G$20=$B$24,21,0),0)),0)</f>
        <v>0</v>
      </c>
      <c r="G1333" cm="1">
        <f t="array" ref="G1333">IFERROR(INDEX(Jesper!AK$2:AK$366,ROUNDDOWN($C1333/24,0)+1,1)*INDEX($D$3:$AA$30,INDEX(Jesper!$R$2:$R$366,ROW(INDEX(Jesper!AK$2:AK$366,ROUNDDOWN($C1333/24,0)+1,1))-1)+IF('Standard Profiles'!$G$21=$B$10,7,0)+IF('Standard Profiles'!$G$21=$B$17,14,0)+IF('Standard Profiles'!$G$21=$B$24,21,0),MOD($C1333,24)+1)/SUM(INDEX($D$3:$AA$30,INDEX(Jesper!$R$2:$R$366,ROW(INDEX(Jesper!AK$2:AK$366,ROUNDDOWN($C1333/24,0)+1,1))-1)+IF('Standard Profiles'!$G$21=$B$10,7,0)+IF('Standard Profiles'!$G$21=$B$17,14,0)+IF('Standard Profiles'!$G$21=$B$24,21,0),0)),0)</f>
        <v>0</v>
      </c>
      <c r="H1333" cm="1">
        <f t="array" ref="H1333">IFERROR(INDEX(Jesper!AL$2:AL$366,ROUNDDOWN($C1333/24,0)+1,1)*INDEX($D$3:$AA$30,INDEX(Jesper!$R$2:$R$366,ROW(INDEX(Jesper!AL$2:AL$366,ROUNDDOWN($C1333/24,0)+1,1))-1)+IF('Standard Profiles'!$G$22=$B$10,7,0)+IF('Standard Profiles'!$G$22=$B$17,14,0)+IF('Standard Profiles'!$G$22=$B$24,21,0),MOD($C1333,24)+1)/SUM(INDEX($D$3:$AA$30,INDEX(Jesper!$R$2:$R$366,ROW(INDEX(Jesper!AL$2:AL$366,ROUNDDOWN($C1333/24,0)+1,1))-1)+IF('Standard Profiles'!$G$22=$B$10,7,0)+IF('Standard Profiles'!$G$22=$B$17,14,0)+IF('Standard Profiles'!$G$22=$B$24,21,0),0)),0)</f>
        <v>0</v>
      </c>
      <c r="I1333">
        <f t="shared" si="160"/>
        <v>0.16940351982949139</v>
      </c>
      <c r="J1333">
        <f t="shared" si="161"/>
        <v>0.564678399431638</v>
      </c>
      <c r="K1333">
        <f t="shared" si="162"/>
        <v>0.84701759914745711</v>
      </c>
      <c r="L1333">
        <f t="shared" si="163"/>
        <v>8.5990426503313806</v>
      </c>
      <c r="M1333">
        <f t="shared" si="164"/>
        <v>0</v>
      </c>
      <c r="N1333" s="46">
        <f t="shared" si="165"/>
        <v>45346.12499999685</v>
      </c>
    </row>
    <row r="1334" spans="2:14" x14ac:dyDescent="0.3">
      <c r="B1334">
        <f t="shared" si="159"/>
        <v>6</v>
      </c>
      <c r="C1334" s="16">
        <v>1300</v>
      </c>
      <c r="D1334" cm="1">
        <f t="array" ref="D1334">IFERROR(INDEX(Jesper!AH$2:AH$366,ROUNDDOWN($C1334/24,0)+1,1)*INDEX($D$3:$AA$30,INDEX(Jesper!$R$2:$R$366,ROW(INDEX(Jesper!AH$2:AH$366,ROUNDDOWN($C1334/24,0)+1,1))-1)+IF('Standard Profiles'!$G$18=$B$10,7,0)+IF('Standard Profiles'!$G$18=$B$17,14,0)+IF('Standard Profiles'!$G$18=$B$24,21,0),MOD($C1334,24)+1)/SUM(INDEX($D$3:$AA$30,INDEX(Jesper!$R$2:$R$366,ROW(INDEX(Jesper!AH$2:AH$366,ROUNDDOWN($C1334/24,0)+1,1))-1)+IF('Standard Profiles'!$G$18=$B$10,7,0)+IF('Standard Profiles'!$G$18=$B$17,14,0)+IF('Standard Profiles'!$G$18=$B$24,21,0),0)),0)</f>
        <v>8.2997630986326136</v>
      </c>
      <c r="E1334" cm="1">
        <f t="array" ref="E1334">IFERROR(INDEX(Jesper!AI$2:AI$366,ROUNDDOWN($C1334/24,0)+1,1)*INDEX($D$3:$AA$30,INDEX(Jesper!$R$2:$R$366,ROW(INDEX(Jesper!AI$2:AI$366,ROUNDDOWN($C1334/24,0)+1,1))-1)+IF('Standard Profiles'!$G$19=$B$10,7,0)+IF('Standard Profiles'!$G$19=$B$17,14,0)+IF('Standard Profiles'!$G$19=$B$24,21,0),MOD($C1334,24)+1)/SUM(INDEX($D$3:$AA$30,INDEX(Jesper!$R$2:$R$366,ROW(INDEX(Jesper!AI$2:AI$366,ROUNDDOWN($C1334/24,0)+1,1))-1)+IF('Standard Profiles'!$G$19=$B$10,7,0)+IF('Standard Profiles'!$G$19=$B$17,14,0)+IF('Standard Profiles'!$G$19=$B$24,21,0),0)),0)</f>
        <v>1.8803790701073539</v>
      </c>
      <c r="F1334" cm="1">
        <f t="array" ref="F1334">IFERROR(INDEX(Jesper!AJ$2:AJ$366,ROUNDDOWN($C1334/24,0)+1,1)*INDEX($D$3:$AA$30,INDEX(Jesper!$R$2:$R$366,ROW(INDEX(Jesper!AJ$2:AJ$366,ROUNDDOWN($C1334/24,0)+1,1))-1)+IF('Standard Profiles'!$G$20=$B$10,7,0)+IF('Standard Profiles'!$G$20=$B$17,14,0)+IF('Standard Profiles'!$G$20=$B$24,21,0),MOD($C1334,24)+1)/SUM(INDEX($D$3:$AA$30,INDEX(Jesper!$R$2:$R$366,ROW(INDEX(Jesper!AJ$2:AJ$366,ROUNDDOWN($C1334/24,0)+1,1))-1)+IF('Standard Profiles'!$G$20=$B$10,7,0)+IF('Standard Profiles'!$G$20=$B$17,14,0)+IF('Standard Profiles'!$G$20=$B$24,21,0),0)),0)</f>
        <v>0</v>
      </c>
      <c r="G1334" cm="1">
        <f t="array" ref="G1334">IFERROR(INDEX(Jesper!AK$2:AK$366,ROUNDDOWN($C1334/24,0)+1,1)*INDEX($D$3:$AA$30,INDEX(Jesper!$R$2:$R$366,ROW(INDEX(Jesper!AK$2:AK$366,ROUNDDOWN($C1334/24,0)+1,1))-1)+IF('Standard Profiles'!$G$21=$B$10,7,0)+IF('Standard Profiles'!$G$21=$B$17,14,0)+IF('Standard Profiles'!$G$21=$B$24,21,0),MOD($C1334,24)+1)/SUM(INDEX($D$3:$AA$30,INDEX(Jesper!$R$2:$R$366,ROW(INDEX(Jesper!AK$2:AK$366,ROUNDDOWN($C1334/24,0)+1,1))-1)+IF('Standard Profiles'!$G$21=$B$10,7,0)+IF('Standard Profiles'!$G$21=$B$17,14,0)+IF('Standard Profiles'!$G$21=$B$24,21,0),0)),0)</f>
        <v>0</v>
      </c>
      <c r="H1334" cm="1">
        <f t="array" ref="H1334">IFERROR(INDEX(Jesper!AL$2:AL$366,ROUNDDOWN($C1334/24,0)+1,1)*INDEX($D$3:$AA$30,INDEX(Jesper!$R$2:$R$366,ROW(INDEX(Jesper!AL$2:AL$366,ROUNDDOWN($C1334/24,0)+1,1))-1)+IF('Standard Profiles'!$G$22=$B$10,7,0)+IF('Standard Profiles'!$G$22=$B$17,14,0)+IF('Standard Profiles'!$G$22=$B$24,21,0),MOD($C1334,24)+1)/SUM(INDEX($D$3:$AA$30,INDEX(Jesper!$R$2:$R$366,ROW(INDEX(Jesper!AL$2:AL$366,ROUNDDOWN($C1334/24,0)+1,1))-1)+IF('Standard Profiles'!$G$22=$B$10,7,0)+IF('Standard Profiles'!$G$22=$B$17,14,0)+IF('Standard Profiles'!$G$22=$B$24,21,0),0)),0)</f>
        <v>0</v>
      </c>
      <c r="I1334">
        <f t="shared" si="160"/>
        <v>0.16940351982949139</v>
      </c>
      <c r="J1334">
        <f t="shared" si="161"/>
        <v>0.564678399431638</v>
      </c>
      <c r="K1334">
        <f t="shared" si="162"/>
        <v>0.84701759914745711</v>
      </c>
      <c r="L1334">
        <f t="shared" si="163"/>
        <v>8.5990426503313806</v>
      </c>
      <c r="M1334">
        <f t="shared" si="164"/>
        <v>0</v>
      </c>
      <c r="N1334" s="46">
        <f t="shared" si="165"/>
        <v>45346.166666663514</v>
      </c>
    </row>
    <row r="1335" spans="2:14" x14ac:dyDescent="0.3">
      <c r="B1335">
        <f t="shared" si="159"/>
        <v>6</v>
      </c>
      <c r="C1335" s="16">
        <v>1301</v>
      </c>
      <c r="D1335" cm="1">
        <f t="array" ref="D1335">IFERROR(INDEX(Jesper!AH$2:AH$366,ROUNDDOWN($C1335/24,0)+1,1)*INDEX($D$3:$AA$30,INDEX(Jesper!$R$2:$R$366,ROW(INDEX(Jesper!AH$2:AH$366,ROUNDDOWN($C1335/24,0)+1,1))-1)+IF('Standard Profiles'!$G$18=$B$10,7,0)+IF('Standard Profiles'!$G$18=$B$17,14,0)+IF('Standard Profiles'!$G$18=$B$24,21,0),MOD($C1335,24)+1)/SUM(INDEX($D$3:$AA$30,INDEX(Jesper!$R$2:$R$366,ROW(INDEX(Jesper!AH$2:AH$366,ROUNDDOWN($C1335/24,0)+1,1))-1)+IF('Standard Profiles'!$G$18=$B$10,7,0)+IF('Standard Profiles'!$G$18=$B$17,14,0)+IF('Standard Profiles'!$G$18=$B$24,21,0),0)),0)</f>
        <v>10.324095561713738</v>
      </c>
      <c r="E1335" cm="1">
        <f t="array" ref="E1335">IFERROR(INDEX(Jesper!AI$2:AI$366,ROUNDDOWN($C1335/24,0)+1,1)*INDEX($D$3:$AA$30,INDEX(Jesper!$R$2:$R$366,ROW(INDEX(Jesper!AI$2:AI$366,ROUNDDOWN($C1335/24,0)+1,1))-1)+IF('Standard Profiles'!$G$19=$B$10,7,0)+IF('Standard Profiles'!$G$19=$B$17,14,0)+IF('Standard Profiles'!$G$19=$B$24,21,0),MOD($C1335,24)+1)/SUM(INDEX($D$3:$AA$30,INDEX(Jesper!$R$2:$R$366,ROW(INDEX(Jesper!AI$2:AI$366,ROUNDDOWN($C1335/24,0)+1,1))-1)+IF('Standard Profiles'!$G$19=$B$10,7,0)+IF('Standard Profiles'!$G$19=$B$17,14,0)+IF('Standard Profiles'!$G$19=$B$24,21,0),0)),0)</f>
        <v>2.3390081115969528</v>
      </c>
      <c r="F1335" cm="1">
        <f t="array" ref="F1335">IFERROR(INDEX(Jesper!AJ$2:AJ$366,ROUNDDOWN($C1335/24,0)+1,1)*INDEX($D$3:$AA$30,INDEX(Jesper!$R$2:$R$366,ROW(INDEX(Jesper!AJ$2:AJ$366,ROUNDDOWN($C1335/24,0)+1,1))-1)+IF('Standard Profiles'!$G$20=$B$10,7,0)+IF('Standard Profiles'!$G$20=$B$17,14,0)+IF('Standard Profiles'!$G$20=$B$24,21,0),MOD($C1335,24)+1)/SUM(INDEX($D$3:$AA$30,INDEX(Jesper!$R$2:$R$366,ROW(INDEX(Jesper!AJ$2:AJ$366,ROUNDDOWN($C1335/24,0)+1,1))-1)+IF('Standard Profiles'!$G$20=$B$10,7,0)+IF('Standard Profiles'!$G$20=$B$17,14,0)+IF('Standard Profiles'!$G$20=$B$24,21,0),0)),0)</f>
        <v>0</v>
      </c>
      <c r="G1335" cm="1">
        <f t="array" ref="G1335">IFERROR(INDEX(Jesper!AK$2:AK$366,ROUNDDOWN($C1335/24,0)+1,1)*INDEX($D$3:$AA$30,INDEX(Jesper!$R$2:$R$366,ROW(INDEX(Jesper!AK$2:AK$366,ROUNDDOWN($C1335/24,0)+1,1))-1)+IF('Standard Profiles'!$G$21=$B$10,7,0)+IF('Standard Profiles'!$G$21=$B$17,14,0)+IF('Standard Profiles'!$G$21=$B$24,21,0),MOD($C1335,24)+1)/SUM(INDEX($D$3:$AA$30,INDEX(Jesper!$R$2:$R$366,ROW(INDEX(Jesper!AK$2:AK$366,ROUNDDOWN($C1335/24,0)+1,1))-1)+IF('Standard Profiles'!$G$21=$B$10,7,0)+IF('Standard Profiles'!$G$21=$B$17,14,0)+IF('Standard Profiles'!$G$21=$B$24,21,0),0)),0)</f>
        <v>0</v>
      </c>
      <c r="H1335" cm="1">
        <f t="array" ref="H1335">IFERROR(INDEX(Jesper!AL$2:AL$366,ROUNDDOWN($C1335/24,0)+1,1)*INDEX($D$3:$AA$30,INDEX(Jesper!$R$2:$R$366,ROW(INDEX(Jesper!AL$2:AL$366,ROUNDDOWN($C1335/24,0)+1,1))-1)+IF('Standard Profiles'!$G$22=$B$10,7,0)+IF('Standard Profiles'!$G$22=$B$17,14,0)+IF('Standard Profiles'!$G$22=$B$24,21,0),MOD($C1335,24)+1)/SUM(INDEX($D$3:$AA$30,INDEX(Jesper!$R$2:$R$366,ROW(INDEX(Jesper!AL$2:AL$366,ROUNDDOWN($C1335/24,0)+1,1))-1)+IF('Standard Profiles'!$G$22=$B$10,7,0)+IF('Standard Profiles'!$G$22=$B$17,14,0)+IF('Standard Profiles'!$G$22=$B$24,21,0),0)),0)</f>
        <v>0</v>
      </c>
      <c r="I1335">
        <f t="shared" si="160"/>
        <v>0.21072145149522103</v>
      </c>
      <c r="J1335">
        <f t="shared" si="161"/>
        <v>0.70240483831740352</v>
      </c>
      <c r="K1335">
        <f t="shared" si="162"/>
        <v>1.0536072574761053</v>
      </c>
      <c r="L1335">
        <f t="shared" si="163"/>
        <v>10.696370126021961</v>
      </c>
      <c r="M1335">
        <f t="shared" si="164"/>
        <v>0</v>
      </c>
      <c r="N1335" s="46">
        <f t="shared" si="165"/>
        <v>45346.208333330178</v>
      </c>
    </row>
    <row r="1336" spans="2:14" x14ac:dyDescent="0.3">
      <c r="B1336">
        <f t="shared" si="159"/>
        <v>6</v>
      </c>
      <c r="C1336" s="16">
        <v>1302</v>
      </c>
      <c r="D1336" cm="1">
        <f t="array" ref="D1336">IFERROR(INDEX(Jesper!AH$2:AH$366,ROUNDDOWN($C1336/24,0)+1,1)*INDEX($D$3:$AA$30,INDEX(Jesper!$R$2:$R$366,ROW(INDEX(Jesper!AH$2:AH$366,ROUNDDOWN($C1336/24,0)+1,1))-1)+IF('Standard Profiles'!$G$18=$B$10,7,0)+IF('Standard Profiles'!$G$18=$B$17,14,0)+IF('Standard Profiles'!$G$18=$B$24,21,0),MOD($C1336,24)+1)/SUM(INDEX($D$3:$AA$30,INDEX(Jesper!$R$2:$R$366,ROW(INDEX(Jesper!AH$2:AH$366,ROUNDDOWN($C1336/24,0)+1,1))-1)+IF('Standard Profiles'!$G$18=$B$10,7,0)+IF('Standard Profiles'!$G$18=$B$17,14,0)+IF('Standard Profiles'!$G$18=$B$24,21,0),0)),0)</f>
        <v>12.955727763719201</v>
      </c>
      <c r="E1336" cm="1">
        <f t="array" ref="E1336">IFERROR(INDEX(Jesper!AI$2:AI$366,ROUNDDOWN($C1336/24,0)+1,1)*INDEX($D$3:$AA$30,INDEX(Jesper!$R$2:$R$366,ROW(INDEX(Jesper!AI$2:AI$366,ROUNDDOWN($C1336/24,0)+1,1))-1)+IF('Standard Profiles'!$G$19=$B$10,7,0)+IF('Standard Profiles'!$G$19=$B$17,14,0)+IF('Standard Profiles'!$G$19=$B$24,21,0),MOD($C1336,24)+1)/SUM(INDEX($D$3:$AA$30,INDEX(Jesper!$R$2:$R$366,ROW(INDEX(Jesper!AI$2:AI$366,ROUNDDOWN($C1336/24,0)+1,1))-1)+IF('Standard Profiles'!$G$19=$B$10,7,0)+IF('Standard Profiles'!$G$19=$B$17,14,0)+IF('Standard Profiles'!$G$19=$B$24,21,0),0)),0)</f>
        <v>2.9352258655334307</v>
      </c>
      <c r="F1336" cm="1">
        <f t="array" ref="F1336">IFERROR(INDEX(Jesper!AJ$2:AJ$366,ROUNDDOWN($C1336/24,0)+1,1)*INDEX($D$3:$AA$30,INDEX(Jesper!$R$2:$R$366,ROW(INDEX(Jesper!AJ$2:AJ$366,ROUNDDOWN($C1336/24,0)+1,1))-1)+IF('Standard Profiles'!$G$20=$B$10,7,0)+IF('Standard Profiles'!$G$20=$B$17,14,0)+IF('Standard Profiles'!$G$20=$B$24,21,0),MOD($C1336,24)+1)/SUM(INDEX($D$3:$AA$30,INDEX(Jesper!$R$2:$R$366,ROW(INDEX(Jesper!AJ$2:AJ$366,ROUNDDOWN($C1336/24,0)+1,1))-1)+IF('Standard Profiles'!$G$20=$B$10,7,0)+IF('Standard Profiles'!$G$20=$B$17,14,0)+IF('Standard Profiles'!$G$20=$B$24,21,0),0)),0)</f>
        <v>0</v>
      </c>
      <c r="G1336" cm="1">
        <f t="array" ref="G1336">IFERROR(INDEX(Jesper!AK$2:AK$366,ROUNDDOWN($C1336/24,0)+1,1)*INDEX($D$3:$AA$30,INDEX(Jesper!$R$2:$R$366,ROW(INDEX(Jesper!AK$2:AK$366,ROUNDDOWN($C1336/24,0)+1,1))-1)+IF('Standard Profiles'!$G$21=$B$10,7,0)+IF('Standard Profiles'!$G$21=$B$17,14,0)+IF('Standard Profiles'!$G$21=$B$24,21,0),MOD($C1336,24)+1)/SUM(INDEX($D$3:$AA$30,INDEX(Jesper!$R$2:$R$366,ROW(INDEX(Jesper!AK$2:AK$366,ROUNDDOWN($C1336/24,0)+1,1))-1)+IF('Standard Profiles'!$G$21=$B$10,7,0)+IF('Standard Profiles'!$G$21=$B$17,14,0)+IF('Standard Profiles'!$G$21=$B$24,21,0),0)),0)</f>
        <v>0</v>
      </c>
      <c r="H1336" cm="1">
        <f t="array" ref="H1336">IFERROR(INDEX(Jesper!AL$2:AL$366,ROUNDDOWN($C1336/24,0)+1,1)*INDEX($D$3:$AA$30,INDEX(Jesper!$R$2:$R$366,ROW(INDEX(Jesper!AL$2:AL$366,ROUNDDOWN($C1336/24,0)+1,1))-1)+IF('Standard Profiles'!$G$22=$B$10,7,0)+IF('Standard Profiles'!$G$22=$B$17,14,0)+IF('Standard Profiles'!$G$22=$B$24,21,0),MOD($C1336,24)+1)/SUM(INDEX($D$3:$AA$30,INDEX(Jesper!$R$2:$R$366,ROW(INDEX(Jesper!AL$2:AL$366,ROUNDDOWN($C1336/24,0)+1,1))-1)+IF('Standard Profiles'!$G$22=$B$10,7,0)+IF('Standard Profiles'!$G$22=$B$17,14,0)+IF('Standard Profiles'!$G$22=$B$24,21,0),0)),0)</f>
        <v>0</v>
      </c>
      <c r="I1336">
        <f t="shared" si="160"/>
        <v>0.26443476266066951</v>
      </c>
      <c r="J1336">
        <f t="shared" si="161"/>
        <v>0.88144920886889844</v>
      </c>
      <c r="K1336">
        <f t="shared" si="162"/>
        <v>1.3221738133033476</v>
      </c>
      <c r="L1336">
        <f t="shared" si="163"/>
        <v>13.422895844419717</v>
      </c>
      <c r="M1336">
        <f t="shared" si="164"/>
        <v>0</v>
      </c>
      <c r="N1336" s="46">
        <f t="shared" si="165"/>
        <v>45346.249999996842</v>
      </c>
    </row>
    <row r="1337" spans="2:14" x14ac:dyDescent="0.3">
      <c r="B1337">
        <f t="shared" si="159"/>
        <v>6</v>
      </c>
      <c r="C1337" s="16">
        <v>1303</v>
      </c>
      <c r="D1337" cm="1">
        <f t="array" ref="D1337">IFERROR(INDEX(Jesper!AH$2:AH$366,ROUNDDOWN($C1337/24,0)+1,1)*INDEX($D$3:$AA$30,INDEX(Jesper!$R$2:$R$366,ROW(INDEX(Jesper!AH$2:AH$366,ROUNDDOWN($C1337/24,0)+1,1))-1)+IF('Standard Profiles'!$G$18=$B$10,7,0)+IF('Standard Profiles'!$G$18=$B$17,14,0)+IF('Standard Profiles'!$G$18=$B$24,21,0),MOD($C1337,24)+1)/SUM(INDEX($D$3:$AA$30,INDEX(Jesper!$R$2:$R$366,ROW(INDEX(Jesper!AH$2:AH$366,ROUNDDOWN($C1337/24,0)+1,1))-1)+IF('Standard Profiles'!$G$18=$B$10,7,0)+IF('Standard Profiles'!$G$18=$B$17,14,0)+IF('Standard Profiles'!$G$18=$B$24,21,0),0)),0)</f>
        <v>14.777626980492215</v>
      </c>
      <c r="E1337" cm="1">
        <f t="array" ref="E1337">IFERROR(INDEX(Jesper!AI$2:AI$366,ROUNDDOWN($C1337/24,0)+1,1)*INDEX($D$3:$AA$30,INDEX(Jesper!$R$2:$R$366,ROW(INDEX(Jesper!AI$2:AI$366,ROUNDDOWN($C1337/24,0)+1,1))-1)+IF('Standard Profiles'!$G$19=$B$10,7,0)+IF('Standard Profiles'!$G$19=$B$17,14,0)+IF('Standard Profiles'!$G$19=$B$24,21,0),MOD($C1337,24)+1)/SUM(INDEX($D$3:$AA$30,INDEX(Jesper!$R$2:$R$366,ROW(INDEX(Jesper!AI$2:AI$366,ROUNDDOWN($C1337/24,0)+1,1))-1)+IF('Standard Profiles'!$G$19=$B$10,7,0)+IF('Standard Profiles'!$G$19=$B$17,14,0)+IF('Standard Profiles'!$G$19=$B$24,21,0),0)),0)</f>
        <v>3.3479920028740686</v>
      </c>
      <c r="F1337" cm="1">
        <f t="array" ref="F1337">IFERROR(INDEX(Jesper!AJ$2:AJ$366,ROUNDDOWN($C1337/24,0)+1,1)*INDEX($D$3:$AA$30,INDEX(Jesper!$R$2:$R$366,ROW(INDEX(Jesper!AJ$2:AJ$366,ROUNDDOWN($C1337/24,0)+1,1))-1)+IF('Standard Profiles'!$G$20=$B$10,7,0)+IF('Standard Profiles'!$G$20=$B$17,14,0)+IF('Standard Profiles'!$G$20=$B$24,21,0),MOD($C1337,24)+1)/SUM(INDEX($D$3:$AA$30,INDEX(Jesper!$R$2:$R$366,ROW(INDEX(Jesper!AJ$2:AJ$366,ROUNDDOWN($C1337/24,0)+1,1))-1)+IF('Standard Profiles'!$G$20=$B$10,7,0)+IF('Standard Profiles'!$G$20=$B$17,14,0)+IF('Standard Profiles'!$G$20=$B$24,21,0),0)),0)</f>
        <v>0</v>
      </c>
      <c r="G1337" cm="1">
        <f t="array" ref="G1337">IFERROR(INDEX(Jesper!AK$2:AK$366,ROUNDDOWN($C1337/24,0)+1,1)*INDEX($D$3:$AA$30,INDEX(Jesper!$R$2:$R$366,ROW(INDEX(Jesper!AK$2:AK$366,ROUNDDOWN($C1337/24,0)+1,1))-1)+IF('Standard Profiles'!$G$21=$B$10,7,0)+IF('Standard Profiles'!$G$21=$B$17,14,0)+IF('Standard Profiles'!$G$21=$B$24,21,0),MOD($C1337,24)+1)/SUM(INDEX($D$3:$AA$30,INDEX(Jesper!$R$2:$R$366,ROW(INDEX(Jesper!AK$2:AK$366,ROUNDDOWN($C1337/24,0)+1,1))-1)+IF('Standard Profiles'!$G$21=$B$10,7,0)+IF('Standard Profiles'!$G$21=$B$17,14,0)+IF('Standard Profiles'!$G$21=$B$24,21,0),0)),0)</f>
        <v>0</v>
      </c>
      <c r="H1337" cm="1">
        <f t="array" ref="H1337">IFERROR(INDEX(Jesper!AL$2:AL$366,ROUNDDOWN($C1337/24,0)+1,1)*INDEX($D$3:$AA$30,INDEX(Jesper!$R$2:$R$366,ROW(INDEX(Jesper!AL$2:AL$366,ROUNDDOWN($C1337/24,0)+1,1))-1)+IF('Standard Profiles'!$G$22=$B$10,7,0)+IF('Standard Profiles'!$G$22=$B$17,14,0)+IF('Standard Profiles'!$G$22=$B$24,21,0),MOD($C1337,24)+1)/SUM(INDEX($D$3:$AA$30,INDEX(Jesper!$R$2:$R$366,ROW(INDEX(Jesper!AL$2:AL$366,ROUNDDOWN($C1337/24,0)+1,1))-1)+IF('Standard Profiles'!$G$22=$B$10,7,0)+IF('Standard Profiles'!$G$22=$B$17,14,0)+IF('Standard Profiles'!$G$22=$B$24,21,0),0)),0)</f>
        <v>0</v>
      </c>
      <c r="I1337">
        <f t="shared" si="160"/>
        <v>0.30162090115982609</v>
      </c>
      <c r="J1337">
        <f t="shared" si="161"/>
        <v>1.0054030038660871</v>
      </c>
      <c r="K1337">
        <f t="shared" si="162"/>
        <v>1.5081045057991307</v>
      </c>
      <c r="L1337">
        <f t="shared" si="163"/>
        <v>15.310490572541241</v>
      </c>
      <c r="M1337">
        <f t="shared" si="164"/>
        <v>0</v>
      </c>
      <c r="N1337" s="46">
        <f t="shared" si="165"/>
        <v>45346.291666663506</v>
      </c>
    </row>
    <row r="1338" spans="2:14" x14ac:dyDescent="0.3">
      <c r="B1338">
        <f t="shared" si="159"/>
        <v>6</v>
      </c>
      <c r="C1338" s="16">
        <v>1304</v>
      </c>
      <c r="D1338" cm="1">
        <f t="array" ref="D1338">IFERROR(INDEX(Jesper!AH$2:AH$366,ROUNDDOWN($C1338/24,0)+1,1)*INDEX($D$3:$AA$30,INDEX(Jesper!$R$2:$R$366,ROW(INDEX(Jesper!AH$2:AH$366,ROUNDDOWN($C1338/24,0)+1,1))-1)+IF('Standard Profiles'!$G$18=$B$10,7,0)+IF('Standard Profiles'!$G$18=$B$17,14,0)+IF('Standard Profiles'!$G$18=$B$24,21,0),MOD($C1338,24)+1)/SUM(INDEX($D$3:$AA$30,INDEX(Jesper!$R$2:$R$366,ROW(INDEX(Jesper!AH$2:AH$366,ROUNDDOWN($C1338/24,0)+1,1))-1)+IF('Standard Profiles'!$G$18=$B$10,7,0)+IF('Standard Profiles'!$G$18=$B$17,14,0)+IF('Standard Profiles'!$G$18=$B$24,21,0),0)),0)</f>
        <v>14.777626980492215</v>
      </c>
      <c r="E1338" cm="1">
        <f t="array" ref="E1338">IFERROR(INDEX(Jesper!AI$2:AI$366,ROUNDDOWN($C1338/24,0)+1,1)*INDEX($D$3:$AA$30,INDEX(Jesper!$R$2:$R$366,ROW(INDEX(Jesper!AI$2:AI$366,ROUNDDOWN($C1338/24,0)+1,1))-1)+IF('Standard Profiles'!$G$19=$B$10,7,0)+IF('Standard Profiles'!$G$19=$B$17,14,0)+IF('Standard Profiles'!$G$19=$B$24,21,0),MOD($C1338,24)+1)/SUM(INDEX($D$3:$AA$30,INDEX(Jesper!$R$2:$R$366,ROW(INDEX(Jesper!AI$2:AI$366,ROUNDDOWN($C1338/24,0)+1,1))-1)+IF('Standard Profiles'!$G$19=$B$10,7,0)+IF('Standard Profiles'!$G$19=$B$17,14,0)+IF('Standard Profiles'!$G$19=$B$24,21,0),0)),0)</f>
        <v>3.3479920028740686</v>
      </c>
      <c r="F1338" cm="1">
        <f t="array" ref="F1338">IFERROR(INDEX(Jesper!AJ$2:AJ$366,ROUNDDOWN($C1338/24,0)+1,1)*INDEX($D$3:$AA$30,INDEX(Jesper!$R$2:$R$366,ROW(INDEX(Jesper!AJ$2:AJ$366,ROUNDDOWN($C1338/24,0)+1,1))-1)+IF('Standard Profiles'!$G$20=$B$10,7,0)+IF('Standard Profiles'!$G$20=$B$17,14,0)+IF('Standard Profiles'!$G$20=$B$24,21,0),MOD($C1338,24)+1)/SUM(INDEX($D$3:$AA$30,INDEX(Jesper!$R$2:$R$366,ROW(INDEX(Jesper!AJ$2:AJ$366,ROUNDDOWN($C1338/24,0)+1,1))-1)+IF('Standard Profiles'!$G$20=$B$10,7,0)+IF('Standard Profiles'!$G$20=$B$17,14,0)+IF('Standard Profiles'!$G$20=$B$24,21,0),0)),0)</f>
        <v>0</v>
      </c>
      <c r="G1338" cm="1">
        <f t="array" ref="G1338">IFERROR(INDEX(Jesper!AK$2:AK$366,ROUNDDOWN($C1338/24,0)+1,1)*INDEX($D$3:$AA$30,INDEX(Jesper!$R$2:$R$366,ROW(INDEX(Jesper!AK$2:AK$366,ROUNDDOWN($C1338/24,0)+1,1))-1)+IF('Standard Profiles'!$G$21=$B$10,7,0)+IF('Standard Profiles'!$G$21=$B$17,14,0)+IF('Standard Profiles'!$G$21=$B$24,21,0),MOD($C1338,24)+1)/SUM(INDEX($D$3:$AA$30,INDEX(Jesper!$R$2:$R$366,ROW(INDEX(Jesper!AK$2:AK$366,ROUNDDOWN($C1338/24,0)+1,1))-1)+IF('Standard Profiles'!$G$21=$B$10,7,0)+IF('Standard Profiles'!$G$21=$B$17,14,0)+IF('Standard Profiles'!$G$21=$B$24,21,0),0)),0)</f>
        <v>0</v>
      </c>
      <c r="H1338" cm="1">
        <f t="array" ref="H1338">IFERROR(INDEX(Jesper!AL$2:AL$366,ROUNDDOWN($C1338/24,0)+1,1)*INDEX($D$3:$AA$30,INDEX(Jesper!$R$2:$R$366,ROW(INDEX(Jesper!AL$2:AL$366,ROUNDDOWN($C1338/24,0)+1,1))-1)+IF('Standard Profiles'!$G$22=$B$10,7,0)+IF('Standard Profiles'!$G$22=$B$17,14,0)+IF('Standard Profiles'!$G$22=$B$24,21,0),MOD($C1338,24)+1)/SUM(INDEX($D$3:$AA$30,INDEX(Jesper!$R$2:$R$366,ROW(INDEX(Jesper!AL$2:AL$366,ROUNDDOWN($C1338/24,0)+1,1))-1)+IF('Standard Profiles'!$G$22=$B$10,7,0)+IF('Standard Profiles'!$G$22=$B$17,14,0)+IF('Standard Profiles'!$G$22=$B$24,21,0),0)),0)</f>
        <v>0</v>
      </c>
      <c r="I1338">
        <f t="shared" si="160"/>
        <v>0.30162090115982609</v>
      </c>
      <c r="J1338">
        <f t="shared" si="161"/>
        <v>1.0054030038660871</v>
      </c>
      <c r="K1338">
        <f t="shared" si="162"/>
        <v>1.5081045057991307</v>
      </c>
      <c r="L1338">
        <f t="shared" si="163"/>
        <v>15.310490572541241</v>
      </c>
      <c r="M1338">
        <f t="shared" si="164"/>
        <v>0</v>
      </c>
      <c r="N1338" s="46">
        <f t="shared" si="165"/>
        <v>45346.333333330171</v>
      </c>
    </row>
    <row r="1339" spans="2:14" x14ac:dyDescent="0.3">
      <c r="B1339">
        <f t="shared" si="159"/>
        <v>6</v>
      </c>
      <c r="C1339" s="16">
        <v>1305</v>
      </c>
      <c r="D1339" cm="1">
        <f t="array" ref="D1339">IFERROR(INDEX(Jesper!AH$2:AH$366,ROUNDDOWN($C1339/24,0)+1,1)*INDEX($D$3:$AA$30,INDEX(Jesper!$R$2:$R$366,ROW(INDEX(Jesper!AH$2:AH$366,ROUNDDOWN($C1339/24,0)+1,1))-1)+IF('Standard Profiles'!$G$18=$B$10,7,0)+IF('Standard Profiles'!$G$18=$B$17,14,0)+IF('Standard Profiles'!$G$18=$B$24,21,0),MOD($C1339,24)+1)/SUM(INDEX($D$3:$AA$30,INDEX(Jesper!$R$2:$R$366,ROW(INDEX(Jesper!AH$2:AH$366,ROUNDDOWN($C1339/24,0)+1,1))-1)+IF('Standard Profiles'!$G$18=$B$10,7,0)+IF('Standard Profiles'!$G$18=$B$17,14,0)+IF('Standard Profiles'!$G$18=$B$24,21,0),0)),0)</f>
        <v>14.777626980492215</v>
      </c>
      <c r="E1339" cm="1">
        <f t="array" ref="E1339">IFERROR(INDEX(Jesper!AI$2:AI$366,ROUNDDOWN($C1339/24,0)+1,1)*INDEX($D$3:$AA$30,INDEX(Jesper!$R$2:$R$366,ROW(INDEX(Jesper!AI$2:AI$366,ROUNDDOWN($C1339/24,0)+1,1))-1)+IF('Standard Profiles'!$G$19=$B$10,7,0)+IF('Standard Profiles'!$G$19=$B$17,14,0)+IF('Standard Profiles'!$G$19=$B$24,21,0),MOD($C1339,24)+1)/SUM(INDEX($D$3:$AA$30,INDEX(Jesper!$R$2:$R$366,ROW(INDEX(Jesper!AI$2:AI$366,ROUNDDOWN($C1339/24,0)+1,1))-1)+IF('Standard Profiles'!$G$19=$B$10,7,0)+IF('Standard Profiles'!$G$19=$B$17,14,0)+IF('Standard Profiles'!$G$19=$B$24,21,0),0)),0)</f>
        <v>3.3479920028740686</v>
      </c>
      <c r="F1339" cm="1">
        <f t="array" ref="F1339">IFERROR(INDEX(Jesper!AJ$2:AJ$366,ROUNDDOWN($C1339/24,0)+1,1)*INDEX($D$3:$AA$30,INDEX(Jesper!$R$2:$R$366,ROW(INDEX(Jesper!AJ$2:AJ$366,ROUNDDOWN($C1339/24,0)+1,1))-1)+IF('Standard Profiles'!$G$20=$B$10,7,0)+IF('Standard Profiles'!$G$20=$B$17,14,0)+IF('Standard Profiles'!$G$20=$B$24,21,0),MOD($C1339,24)+1)/SUM(INDEX($D$3:$AA$30,INDEX(Jesper!$R$2:$R$366,ROW(INDEX(Jesper!AJ$2:AJ$366,ROUNDDOWN($C1339/24,0)+1,1))-1)+IF('Standard Profiles'!$G$20=$B$10,7,0)+IF('Standard Profiles'!$G$20=$B$17,14,0)+IF('Standard Profiles'!$G$20=$B$24,21,0),0)),0)</f>
        <v>0</v>
      </c>
      <c r="G1339" cm="1">
        <f t="array" ref="G1339">IFERROR(INDEX(Jesper!AK$2:AK$366,ROUNDDOWN($C1339/24,0)+1,1)*INDEX($D$3:$AA$30,INDEX(Jesper!$R$2:$R$366,ROW(INDEX(Jesper!AK$2:AK$366,ROUNDDOWN($C1339/24,0)+1,1))-1)+IF('Standard Profiles'!$G$21=$B$10,7,0)+IF('Standard Profiles'!$G$21=$B$17,14,0)+IF('Standard Profiles'!$G$21=$B$24,21,0),MOD($C1339,24)+1)/SUM(INDEX($D$3:$AA$30,INDEX(Jesper!$R$2:$R$366,ROW(INDEX(Jesper!AK$2:AK$366,ROUNDDOWN($C1339/24,0)+1,1))-1)+IF('Standard Profiles'!$G$21=$B$10,7,0)+IF('Standard Profiles'!$G$21=$B$17,14,0)+IF('Standard Profiles'!$G$21=$B$24,21,0),0)),0)</f>
        <v>0</v>
      </c>
      <c r="H1339" cm="1">
        <f t="array" ref="H1339">IFERROR(INDEX(Jesper!AL$2:AL$366,ROUNDDOWN($C1339/24,0)+1,1)*INDEX($D$3:$AA$30,INDEX(Jesper!$R$2:$R$366,ROW(INDEX(Jesper!AL$2:AL$366,ROUNDDOWN($C1339/24,0)+1,1))-1)+IF('Standard Profiles'!$G$22=$B$10,7,0)+IF('Standard Profiles'!$G$22=$B$17,14,0)+IF('Standard Profiles'!$G$22=$B$24,21,0),MOD($C1339,24)+1)/SUM(INDEX($D$3:$AA$30,INDEX(Jesper!$R$2:$R$366,ROW(INDEX(Jesper!AL$2:AL$366,ROUNDDOWN($C1339/24,0)+1,1))-1)+IF('Standard Profiles'!$G$22=$B$10,7,0)+IF('Standard Profiles'!$G$22=$B$17,14,0)+IF('Standard Profiles'!$G$22=$B$24,21,0),0)),0)</f>
        <v>0</v>
      </c>
      <c r="I1339">
        <f t="shared" si="160"/>
        <v>0.30162090115982609</v>
      </c>
      <c r="J1339">
        <f t="shared" si="161"/>
        <v>1.0054030038660871</v>
      </c>
      <c r="K1339">
        <f t="shared" si="162"/>
        <v>1.5081045057991307</v>
      </c>
      <c r="L1339">
        <f t="shared" si="163"/>
        <v>15.310490572541241</v>
      </c>
      <c r="M1339">
        <f t="shared" si="164"/>
        <v>0</v>
      </c>
      <c r="N1339" s="46">
        <f t="shared" si="165"/>
        <v>45346.374999996835</v>
      </c>
    </row>
    <row r="1340" spans="2:14" x14ac:dyDescent="0.3">
      <c r="B1340">
        <f t="shared" si="159"/>
        <v>6</v>
      </c>
      <c r="C1340" s="16">
        <v>1306</v>
      </c>
      <c r="D1340" cm="1">
        <f t="array" ref="D1340">IFERROR(INDEX(Jesper!AH$2:AH$366,ROUNDDOWN($C1340/24,0)+1,1)*INDEX($D$3:$AA$30,INDEX(Jesper!$R$2:$R$366,ROW(INDEX(Jesper!AH$2:AH$366,ROUNDDOWN($C1340/24,0)+1,1))-1)+IF('Standard Profiles'!$G$18=$B$10,7,0)+IF('Standard Profiles'!$G$18=$B$17,14,0)+IF('Standard Profiles'!$G$18=$B$24,21,0),MOD($C1340,24)+1)/SUM(INDEX($D$3:$AA$30,INDEX(Jesper!$R$2:$R$366,ROW(INDEX(Jesper!AH$2:AH$366,ROUNDDOWN($C1340/24,0)+1,1))-1)+IF('Standard Profiles'!$G$18=$B$10,7,0)+IF('Standard Profiles'!$G$18=$B$17,14,0)+IF('Standard Profiles'!$G$18=$B$24,21,0),0)),0)</f>
        <v>14.777626980492215</v>
      </c>
      <c r="E1340" cm="1">
        <f t="array" ref="E1340">IFERROR(INDEX(Jesper!AI$2:AI$366,ROUNDDOWN($C1340/24,0)+1,1)*INDEX($D$3:$AA$30,INDEX(Jesper!$R$2:$R$366,ROW(INDEX(Jesper!AI$2:AI$366,ROUNDDOWN($C1340/24,0)+1,1))-1)+IF('Standard Profiles'!$G$19=$B$10,7,0)+IF('Standard Profiles'!$G$19=$B$17,14,0)+IF('Standard Profiles'!$G$19=$B$24,21,0),MOD($C1340,24)+1)/SUM(INDEX($D$3:$AA$30,INDEX(Jesper!$R$2:$R$366,ROW(INDEX(Jesper!AI$2:AI$366,ROUNDDOWN($C1340/24,0)+1,1))-1)+IF('Standard Profiles'!$G$19=$B$10,7,0)+IF('Standard Profiles'!$G$19=$B$17,14,0)+IF('Standard Profiles'!$G$19=$B$24,21,0),0)),0)</f>
        <v>3.3479920028740686</v>
      </c>
      <c r="F1340" cm="1">
        <f t="array" ref="F1340">IFERROR(INDEX(Jesper!AJ$2:AJ$366,ROUNDDOWN($C1340/24,0)+1,1)*INDEX($D$3:$AA$30,INDEX(Jesper!$R$2:$R$366,ROW(INDEX(Jesper!AJ$2:AJ$366,ROUNDDOWN($C1340/24,0)+1,1))-1)+IF('Standard Profiles'!$G$20=$B$10,7,0)+IF('Standard Profiles'!$G$20=$B$17,14,0)+IF('Standard Profiles'!$G$20=$B$24,21,0),MOD($C1340,24)+1)/SUM(INDEX($D$3:$AA$30,INDEX(Jesper!$R$2:$R$366,ROW(INDEX(Jesper!AJ$2:AJ$366,ROUNDDOWN($C1340/24,0)+1,1))-1)+IF('Standard Profiles'!$G$20=$B$10,7,0)+IF('Standard Profiles'!$G$20=$B$17,14,0)+IF('Standard Profiles'!$G$20=$B$24,21,0),0)),0)</f>
        <v>0</v>
      </c>
      <c r="G1340" cm="1">
        <f t="array" ref="G1340">IFERROR(INDEX(Jesper!AK$2:AK$366,ROUNDDOWN($C1340/24,0)+1,1)*INDEX($D$3:$AA$30,INDEX(Jesper!$R$2:$R$366,ROW(INDEX(Jesper!AK$2:AK$366,ROUNDDOWN($C1340/24,0)+1,1))-1)+IF('Standard Profiles'!$G$21=$B$10,7,0)+IF('Standard Profiles'!$G$21=$B$17,14,0)+IF('Standard Profiles'!$G$21=$B$24,21,0),MOD($C1340,24)+1)/SUM(INDEX($D$3:$AA$30,INDEX(Jesper!$R$2:$R$366,ROW(INDEX(Jesper!AK$2:AK$366,ROUNDDOWN($C1340/24,0)+1,1))-1)+IF('Standard Profiles'!$G$21=$B$10,7,0)+IF('Standard Profiles'!$G$21=$B$17,14,0)+IF('Standard Profiles'!$G$21=$B$24,21,0),0)),0)</f>
        <v>0</v>
      </c>
      <c r="H1340" cm="1">
        <f t="array" ref="H1340">IFERROR(INDEX(Jesper!AL$2:AL$366,ROUNDDOWN($C1340/24,0)+1,1)*INDEX($D$3:$AA$30,INDEX(Jesper!$R$2:$R$366,ROW(INDEX(Jesper!AL$2:AL$366,ROUNDDOWN($C1340/24,0)+1,1))-1)+IF('Standard Profiles'!$G$22=$B$10,7,0)+IF('Standard Profiles'!$G$22=$B$17,14,0)+IF('Standard Profiles'!$G$22=$B$24,21,0),MOD($C1340,24)+1)/SUM(INDEX($D$3:$AA$30,INDEX(Jesper!$R$2:$R$366,ROW(INDEX(Jesper!AL$2:AL$366,ROUNDDOWN($C1340/24,0)+1,1))-1)+IF('Standard Profiles'!$G$22=$B$10,7,0)+IF('Standard Profiles'!$G$22=$B$17,14,0)+IF('Standard Profiles'!$G$22=$B$24,21,0),0)),0)</f>
        <v>0</v>
      </c>
      <c r="I1340">
        <f t="shared" si="160"/>
        <v>0.30162090115982609</v>
      </c>
      <c r="J1340">
        <f t="shared" si="161"/>
        <v>1.0054030038660871</v>
      </c>
      <c r="K1340">
        <f t="shared" si="162"/>
        <v>1.5081045057991307</v>
      </c>
      <c r="L1340">
        <f t="shared" si="163"/>
        <v>15.310490572541241</v>
      </c>
      <c r="M1340">
        <f t="shared" si="164"/>
        <v>0</v>
      </c>
      <c r="N1340" s="46">
        <f t="shared" si="165"/>
        <v>45346.416666663499</v>
      </c>
    </row>
    <row r="1341" spans="2:14" x14ac:dyDescent="0.3">
      <c r="B1341">
        <f t="shared" si="159"/>
        <v>6</v>
      </c>
      <c r="C1341" s="16">
        <v>1307</v>
      </c>
      <c r="D1341" cm="1">
        <f t="array" ref="D1341">IFERROR(INDEX(Jesper!AH$2:AH$366,ROUNDDOWN($C1341/24,0)+1,1)*INDEX($D$3:$AA$30,INDEX(Jesper!$R$2:$R$366,ROW(INDEX(Jesper!AH$2:AH$366,ROUNDDOWN($C1341/24,0)+1,1))-1)+IF('Standard Profiles'!$G$18=$B$10,7,0)+IF('Standard Profiles'!$G$18=$B$17,14,0)+IF('Standard Profiles'!$G$18=$B$24,21,0),MOD($C1341,24)+1)/SUM(INDEX($D$3:$AA$30,INDEX(Jesper!$R$2:$R$366,ROW(INDEX(Jesper!AH$2:AH$366,ROUNDDOWN($C1341/24,0)+1,1))-1)+IF('Standard Profiles'!$G$18=$B$10,7,0)+IF('Standard Profiles'!$G$18=$B$17,14,0)+IF('Standard Profiles'!$G$18=$B$24,21,0),0)),0)</f>
        <v>14.777626980492215</v>
      </c>
      <c r="E1341" cm="1">
        <f t="array" ref="E1341">IFERROR(INDEX(Jesper!AI$2:AI$366,ROUNDDOWN($C1341/24,0)+1,1)*INDEX($D$3:$AA$30,INDEX(Jesper!$R$2:$R$366,ROW(INDEX(Jesper!AI$2:AI$366,ROUNDDOWN($C1341/24,0)+1,1))-1)+IF('Standard Profiles'!$G$19=$B$10,7,0)+IF('Standard Profiles'!$G$19=$B$17,14,0)+IF('Standard Profiles'!$G$19=$B$24,21,0),MOD($C1341,24)+1)/SUM(INDEX($D$3:$AA$30,INDEX(Jesper!$R$2:$R$366,ROW(INDEX(Jesper!AI$2:AI$366,ROUNDDOWN($C1341/24,0)+1,1))-1)+IF('Standard Profiles'!$G$19=$B$10,7,0)+IF('Standard Profiles'!$G$19=$B$17,14,0)+IF('Standard Profiles'!$G$19=$B$24,21,0),0)),0)</f>
        <v>3.3479920028740686</v>
      </c>
      <c r="F1341" cm="1">
        <f t="array" ref="F1341">IFERROR(INDEX(Jesper!AJ$2:AJ$366,ROUNDDOWN($C1341/24,0)+1,1)*INDEX($D$3:$AA$30,INDEX(Jesper!$R$2:$R$366,ROW(INDEX(Jesper!AJ$2:AJ$366,ROUNDDOWN($C1341/24,0)+1,1))-1)+IF('Standard Profiles'!$G$20=$B$10,7,0)+IF('Standard Profiles'!$G$20=$B$17,14,0)+IF('Standard Profiles'!$G$20=$B$24,21,0),MOD($C1341,24)+1)/SUM(INDEX($D$3:$AA$30,INDEX(Jesper!$R$2:$R$366,ROW(INDEX(Jesper!AJ$2:AJ$366,ROUNDDOWN($C1341/24,0)+1,1))-1)+IF('Standard Profiles'!$G$20=$B$10,7,0)+IF('Standard Profiles'!$G$20=$B$17,14,0)+IF('Standard Profiles'!$G$20=$B$24,21,0),0)),0)</f>
        <v>0</v>
      </c>
      <c r="G1341" cm="1">
        <f t="array" ref="G1341">IFERROR(INDEX(Jesper!AK$2:AK$366,ROUNDDOWN($C1341/24,0)+1,1)*INDEX($D$3:$AA$30,INDEX(Jesper!$R$2:$R$366,ROW(INDEX(Jesper!AK$2:AK$366,ROUNDDOWN($C1341/24,0)+1,1))-1)+IF('Standard Profiles'!$G$21=$B$10,7,0)+IF('Standard Profiles'!$G$21=$B$17,14,0)+IF('Standard Profiles'!$G$21=$B$24,21,0),MOD($C1341,24)+1)/SUM(INDEX($D$3:$AA$30,INDEX(Jesper!$R$2:$R$366,ROW(INDEX(Jesper!AK$2:AK$366,ROUNDDOWN($C1341/24,0)+1,1))-1)+IF('Standard Profiles'!$G$21=$B$10,7,0)+IF('Standard Profiles'!$G$21=$B$17,14,0)+IF('Standard Profiles'!$G$21=$B$24,21,0),0)),0)</f>
        <v>0</v>
      </c>
      <c r="H1341" cm="1">
        <f t="array" ref="H1341">IFERROR(INDEX(Jesper!AL$2:AL$366,ROUNDDOWN($C1341/24,0)+1,1)*INDEX($D$3:$AA$30,INDEX(Jesper!$R$2:$R$366,ROW(INDEX(Jesper!AL$2:AL$366,ROUNDDOWN($C1341/24,0)+1,1))-1)+IF('Standard Profiles'!$G$22=$B$10,7,0)+IF('Standard Profiles'!$G$22=$B$17,14,0)+IF('Standard Profiles'!$G$22=$B$24,21,0),MOD($C1341,24)+1)/SUM(INDEX($D$3:$AA$30,INDEX(Jesper!$R$2:$R$366,ROW(INDEX(Jesper!AL$2:AL$366,ROUNDDOWN($C1341/24,0)+1,1))-1)+IF('Standard Profiles'!$G$22=$B$10,7,0)+IF('Standard Profiles'!$G$22=$B$17,14,0)+IF('Standard Profiles'!$G$22=$B$24,21,0),0)),0)</f>
        <v>0</v>
      </c>
      <c r="I1341">
        <f t="shared" si="160"/>
        <v>0.30162090115982609</v>
      </c>
      <c r="J1341">
        <f t="shared" si="161"/>
        <v>1.0054030038660871</v>
      </c>
      <c r="K1341">
        <f t="shared" si="162"/>
        <v>1.5081045057991307</v>
      </c>
      <c r="L1341">
        <f t="shared" si="163"/>
        <v>15.310490572541241</v>
      </c>
      <c r="M1341">
        <f t="shared" si="164"/>
        <v>0</v>
      </c>
      <c r="N1341" s="46">
        <f t="shared" si="165"/>
        <v>45346.458333330163</v>
      </c>
    </row>
    <row r="1342" spans="2:14" x14ac:dyDescent="0.3">
      <c r="B1342">
        <f t="shared" si="159"/>
        <v>6</v>
      </c>
      <c r="C1342" s="16">
        <v>1308</v>
      </c>
      <c r="D1342" cm="1">
        <f t="array" ref="D1342">IFERROR(INDEX(Jesper!AH$2:AH$366,ROUNDDOWN($C1342/24,0)+1,1)*INDEX($D$3:$AA$30,INDEX(Jesper!$R$2:$R$366,ROW(INDEX(Jesper!AH$2:AH$366,ROUNDDOWN($C1342/24,0)+1,1))-1)+IF('Standard Profiles'!$G$18=$B$10,7,0)+IF('Standard Profiles'!$G$18=$B$17,14,0)+IF('Standard Profiles'!$G$18=$B$24,21,0),MOD($C1342,24)+1)/SUM(INDEX($D$3:$AA$30,INDEX(Jesper!$R$2:$R$366,ROW(INDEX(Jesper!AH$2:AH$366,ROUNDDOWN($C1342/24,0)+1,1))-1)+IF('Standard Profiles'!$G$18=$B$10,7,0)+IF('Standard Profiles'!$G$18=$B$17,14,0)+IF('Standard Profiles'!$G$18=$B$24,21,0),0)),0)</f>
        <v>14.777626980492215</v>
      </c>
      <c r="E1342" cm="1">
        <f t="array" ref="E1342">IFERROR(INDEX(Jesper!AI$2:AI$366,ROUNDDOWN($C1342/24,0)+1,1)*INDEX($D$3:$AA$30,INDEX(Jesper!$R$2:$R$366,ROW(INDEX(Jesper!AI$2:AI$366,ROUNDDOWN($C1342/24,0)+1,1))-1)+IF('Standard Profiles'!$G$19=$B$10,7,0)+IF('Standard Profiles'!$G$19=$B$17,14,0)+IF('Standard Profiles'!$G$19=$B$24,21,0),MOD($C1342,24)+1)/SUM(INDEX($D$3:$AA$30,INDEX(Jesper!$R$2:$R$366,ROW(INDEX(Jesper!AI$2:AI$366,ROUNDDOWN($C1342/24,0)+1,1))-1)+IF('Standard Profiles'!$G$19=$B$10,7,0)+IF('Standard Profiles'!$G$19=$B$17,14,0)+IF('Standard Profiles'!$G$19=$B$24,21,0),0)),0)</f>
        <v>3.3479920028740686</v>
      </c>
      <c r="F1342" cm="1">
        <f t="array" ref="F1342">IFERROR(INDEX(Jesper!AJ$2:AJ$366,ROUNDDOWN($C1342/24,0)+1,1)*INDEX($D$3:$AA$30,INDEX(Jesper!$R$2:$R$366,ROW(INDEX(Jesper!AJ$2:AJ$366,ROUNDDOWN($C1342/24,0)+1,1))-1)+IF('Standard Profiles'!$G$20=$B$10,7,0)+IF('Standard Profiles'!$G$20=$B$17,14,0)+IF('Standard Profiles'!$G$20=$B$24,21,0),MOD($C1342,24)+1)/SUM(INDEX($D$3:$AA$30,INDEX(Jesper!$R$2:$R$366,ROW(INDEX(Jesper!AJ$2:AJ$366,ROUNDDOWN($C1342/24,0)+1,1))-1)+IF('Standard Profiles'!$G$20=$B$10,7,0)+IF('Standard Profiles'!$G$20=$B$17,14,0)+IF('Standard Profiles'!$G$20=$B$24,21,0),0)),0)</f>
        <v>0</v>
      </c>
      <c r="G1342" cm="1">
        <f t="array" ref="G1342">IFERROR(INDEX(Jesper!AK$2:AK$366,ROUNDDOWN($C1342/24,0)+1,1)*INDEX($D$3:$AA$30,INDEX(Jesper!$R$2:$R$366,ROW(INDEX(Jesper!AK$2:AK$366,ROUNDDOWN($C1342/24,0)+1,1))-1)+IF('Standard Profiles'!$G$21=$B$10,7,0)+IF('Standard Profiles'!$G$21=$B$17,14,0)+IF('Standard Profiles'!$G$21=$B$24,21,0),MOD($C1342,24)+1)/SUM(INDEX($D$3:$AA$30,INDEX(Jesper!$R$2:$R$366,ROW(INDEX(Jesper!AK$2:AK$366,ROUNDDOWN($C1342/24,0)+1,1))-1)+IF('Standard Profiles'!$G$21=$B$10,7,0)+IF('Standard Profiles'!$G$21=$B$17,14,0)+IF('Standard Profiles'!$G$21=$B$24,21,0),0)),0)</f>
        <v>0</v>
      </c>
      <c r="H1342" cm="1">
        <f t="array" ref="H1342">IFERROR(INDEX(Jesper!AL$2:AL$366,ROUNDDOWN($C1342/24,0)+1,1)*INDEX($D$3:$AA$30,INDEX(Jesper!$R$2:$R$366,ROW(INDEX(Jesper!AL$2:AL$366,ROUNDDOWN($C1342/24,0)+1,1))-1)+IF('Standard Profiles'!$G$22=$B$10,7,0)+IF('Standard Profiles'!$G$22=$B$17,14,0)+IF('Standard Profiles'!$G$22=$B$24,21,0),MOD($C1342,24)+1)/SUM(INDEX($D$3:$AA$30,INDEX(Jesper!$R$2:$R$366,ROW(INDEX(Jesper!AL$2:AL$366,ROUNDDOWN($C1342/24,0)+1,1))-1)+IF('Standard Profiles'!$G$22=$B$10,7,0)+IF('Standard Profiles'!$G$22=$B$17,14,0)+IF('Standard Profiles'!$G$22=$B$24,21,0),0)),0)</f>
        <v>0</v>
      </c>
      <c r="I1342">
        <f t="shared" si="160"/>
        <v>0.30162090115982609</v>
      </c>
      <c r="J1342">
        <f t="shared" si="161"/>
        <v>1.0054030038660871</v>
      </c>
      <c r="K1342">
        <f t="shared" si="162"/>
        <v>1.5081045057991307</v>
      </c>
      <c r="L1342">
        <f t="shared" si="163"/>
        <v>15.310490572541241</v>
      </c>
      <c r="M1342">
        <f t="shared" si="164"/>
        <v>0</v>
      </c>
      <c r="N1342" s="46">
        <f t="shared" si="165"/>
        <v>45346.499999996828</v>
      </c>
    </row>
    <row r="1343" spans="2:14" x14ac:dyDescent="0.3">
      <c r="B1343">
        <f t="shared" si="159"/>
        <v>6</v>
      </c>
      <c r="C1343" s="16">
        <v>1309</v>
      </c>
      <c r="D1343" cm="1">
        <f t="array" ref="D1343">IFERROR(INDEX(Jesper!AH$2:AH$366,ROUNDDOWN($C1343/24,0)+1,1)*INDEX($D$3:$AA$30,INDEX(Jesper!$R$2:$R$366,ROW(INDEX(Jesper!AH$2:AH$366,ROUNDDOWN($C1343/24,0)+1,1))-1)+IF('Standard Profiles'!$G$18=$B$10,7,0)+IF('Standard Profiles'!$G$18=$B$17,14,0)+IF('Standard Profiles'!$G$18=$B$24,21,0),MOD($C1343,24)+1)/SUM(INDEX($D$3:$AA$30,INDEX(Jesper!$R$2:$R$366,ROW(INDEX(Jesper!AH$2:AH$366,ROUNDDOWN($C1343/24,0)+1,1))-1)+IF('Standard Profiles'!$G$18=$B$10,7,0)+IF('Standard Profiles'!$G$18=$B$17,14,0)+IF('Standard Profiles'!$G$18=$B$24,21,0),0)),0)</f>
        <v>14.777626980492215</v>
      </c>
      <c r="E1343" cm="1">
        <f t="array" ref="E1343">IFERROR(INDEX(Jesper!AI$2:AI$366,ROUNDDOWN($C1343/24,0)+1,1)*INDEX($D$3:$AA$30,INDEX(Jesper!$R$2:$R$366,ROW(INDEX(Jesper!AI$2:AI$366,ROUNDDOWN($C1343/24,0)+1,1))-1)+IF('Standard Profiles'!$G$19=$B$10,7,0)+IF('Standard Profiles'!$G$19=$B$17,14,0)+IF('Standard Profiles'!$G$19=$B$24,21,0),MOD($C1343,24)+1)/SUM(INDEX($D$3:$AA$30,INDEX(Jesper!$R$2:$R$366,ROW(INDEX(Jesper!AI$2:AI$366,ROUNDDOWN($C1343/24,0)+1,1))-1)+IF('Standard Profiles'!$G$19=$B$10,7,0)+IF('Standard Profiles'!$G$19=$B$17,14,0)+IF('Standard Profiles'!$G$19=$B$24,21,0),0)),0)</f>
        <v>3.3479920028740686</v>
      </c>
      <c r="F1343" cm="1">
        <f t="array" ref="F1343">IFERROR(INDEX(Jesper!AJ$2:AJ$366,ROUNDDOWN($C1343/24,0)+1,1)*INDEX($D$3:$AA$30,INDEX(Jesper!$R$2:$R$366,ROW(INDEX(Jesper!AJ$2:AJ$366,ROUNDDOWN($C1343/24,0)+1,1))-1)+IF('Standard Profiles'!$G$20=$B$10,7,0)+IF('Standard Profiles'!$G$20=$B$17,14,0)+IF('Standard Profiles'!$G$20=$B$24,21,0),MOD($C1343,24)+1)/SUM(INDEX($D$3:$AA$30,INDEX(Jesper!$R$2:$R$366,ROW(INDEX(Jesper!AJ$2:AJ$366,ROUNDDOWN($C1343/24,0)+1,1))-1)+IF('Standard Profiles'!$G$20=$B$10,7,0)+IF('Standard Profiles'!$G$20=$B$17,14,0)+IF('Standard Profiles'!$G$20=$B$24,21,0),0)),0)</f>
        <v>0</v>
      </c>
      <c r="G1343" cm="1">
        <f t="array" ref="G1343">IFERROR(INDEX(Jesper!AK$2:AK$366,ROUNDDOWN($C1343/24,0)+1,1)*INDEX($D$3:$AA$30,INDEX(Jesper!$R$2:$R$366,ROW(INDEX(Jesper!AK$2:AK$366,ROUNDDOWN($C1343/24,0)+1,1))-1)+IF('Standard Profiles'!$G$21=$B$10,7,0)+IF('Standard Profiles'!$G$21=$B$17,14,0)+IF('Standard Profiles'!$G$21=$B$24,21,0),MOD($C1343,24)+1)/SUM(INDEX($D$3:$AA$30,INDEX(Jesper!$R$2:$R$366,ROW(INDEX(Jesper!AK$2:AK$366,ROUNDDOWN($C1343/24,0)+1,1))-1)+IF('Standard Profiles'!$G$21=$B$10,7,0)+IF('Standard Profiles'!$G$21=$B$17,14,0)+IF('Standard Profiles'!$G$21=$B$24,21,0),0)),0)</f>
        <v>0</v>
      </c>
      <c r="H1343" cm="1">
        <f t="array" ref="H1343">IFERROR(INDEX(Jesper!AL$2:AL$366,ROUNDDOWN($C1343/24,0)+1,1)*INDEX($D$3:$AA$30,INDEX(Jesper!$R$2:$R$366,ROW(INDEX(Jesper!AL$2:AL$366,ROUNDDOWN($C1343/24,0)+1,1))-1)+IF('Standard Profiles'!$G$22=$B$10,7,0)+IF('Standard Profiles'!$G$22=$B$17,14,0)+IF('Standard Profiles'!$G$22=$B$24,21,0),MOD($C1343,24)+1)/SUM(INDEX($D$3:$AA$30,INDEX(Jesper!$R$2:$R$366,ROW(INDEX(Jesper!AL$2:AL$366,ROUNDDOWN($C1343/24,0)+1,1))-1)+IF('Standard Profiles'!$G$22=$B$10,7,0)+IF('Standard Profiles'!$G$22=$B$17,14,0)+IF('Standard Profiles'!$G$22=$B$24,21,0),0)),0)</f>
        <v>0</v>
      </c>
      <c r="I1343">
        <f t="shared" si="160"/>
        <v>0.30162090115982609</v>
      </c>
      <c r="J1343">
        <f t="shared" si="161"/>
        <v>1.0054030038660871</v>
      </c>
      <c r="K1343">
        <f t="shared" si="162"/>
        <v>1.5081045057991307</v>
      </c>
      <c r="L1343">
        <f t="shared" si="163"/>
        <v>15.310490572541241</v>
      </c>
      <c r="M1343">
        <f t="shared" si="164"/>
        <v>0</v>
      </c>
      <c r="N1343" s="46">
        <f t="shared" si="165"/>
        <v>45346.541666663492</v>
      </c>
    </row>
    <row r="1344" spans="2:14" x14ac:dyDescent="0.3">
      <c r="B1344">
        <f t="shared" si="159"/>
        <v>6</v>
      </c>
      <c r="C1344" s="16">
        <v>1310</v>
      </c>
      <c r="D1344" cm="1">
        <f t="array" ref="D1344">IFERROR(INDEX(Jesper!AH$2:AH$366,ROUNDDOWN($C1344/24,0)+1,1)*INDEX($D$3:$AA$30,INDEX(Jesper!$R$2:$R$366,ROW(INDEX(Jesper!AH$2:AH$366,ROUNDDOWN($C1344/24,0)+1,1))-1)+IF('Standard Profiles'!$G$18=$B$10,7,0)+IF('Standard Profiles'!$G$18=$B$17,14,0)+IF('Standard Profiles'!$G$18=$B$24,21,0),MOD($C1344,24)+1)/SUM(INDEX($D$3:$AA$30,INDEX(Jesper!$R$2:$R$366,ROW(INDEX(Jesper!AH$2:AH$366,ROUNDDOWN($C1344/24,0)+1,1))-1)+IF('Standard Profiles'!$G$18=$B$10,7,0)+IF('Standard Profiles'!$G$18=$B$17,14,0)+IF('Standard Profiles'!$G$18=$B$24,21,0),0)),0)</f>
        <v>14.777626980492215</v>
      </c>
      <c r="E1344" cm="1">
        <f t="array" ref="E1344">IFERROR(INDEX(Jesper!AI$2:AI$366,ROUNDDOWN($C1344/24,0)+1,1)*INDEX($D$3:$AA$30,INDEX(Jesper!$R$2:$R$366,ROW(INDEX(Jesper!AI$2:AI$366,ROUNDDOWN($C1344/24,0)+1,1))-1)+IF('Standard Profiles'!$G$19=$B$10,7,0)+IF('Standard Profiles'!$G$19=$B$17,14,0)+IF('Standard Profiles'!$G$19=$B$24,21,0),MOD($C1344,24)+1)/SUM(INDEX($D$3:$AA$30,INDEX(Jesper!$R$2:$R$366,ROW(INDEX(Jesper!AI$2:AI$366,ROUNDDOWN($C1344/24,0)+1,1))-1)+IF('Standard Profiles'!$G$19=$B$10,7,0)+IF('Standard Profiles'!$G$19=$B$17,14,0)+IF('Standard Profiles'!$G$19=$B$24,21,0),0)),0)</f>
        <v>3.3479920028740686</v>
      </c>
      <c r="F1344" cm="1">
        <f t="array" ref="F1344">IFERROR(INDEX(Jesper!AJ$2:AJ$366,ROUNDDOWN($C1344/24,0)+1,1)*INDEX($D$3:$AA$30,INDEX(Jesper!$R$2:$R$366,ROW(INDEX(Jesper!AJ$2:AJ$366,ROUNDDOWN($C1344/24,0)+1,1))-1)+IF('Standard Profiles'!$G$20=$B$10,7,0)+IF('Standard Profiles'!$G$20=$B$17,14,0)+IF('Standard Profiles'!$G$20=$B$24,21,0),MOD($C1344,24)+1)/SUM(INDEX($D$3:$AA$30,INDEX(Jesper!$R$2:$R$366,ROW(INDEX(Jesper!AJ$2:AJ$366,ROUNDDOWN($C1344/24,0)+1,1))-1)+IF('Standard Profiles'!$G$20=$B$10,7,0)+IF('Standard Profiles'!$G$20=$B$17,14,0)+IF('Standard Profiles'!$G$20=$B$24,21,0),0)),0)</f>
        <v>0</v>
      </c>
      <c r="G1344" cm="1">
        <f t="array" ref="G1344">IFERROR(INDEX(Jesper!AK$2:AK$366,ROUNDDOWN($C1344/24,0)+1,1)*INDEX($D$3:$AA$30,INDEX(Jesper!$R$2:$R$366,ROW(INDEX(Jesper!AK$2:AK$366,ROUNDDOWN($C1344/24,0)+1,1))-1)+IF('Standard Profiles'!$G$21=$B$10,7,0)+IF('Standard Profiles'!$G$21=$B$17,14,0)+IF('Standard Profiles'!$G$21=$B$24,21,0),MOD($C1344,24)+1)/SUM(INDEX($D$3:$AA$30,INDEX(Jesper!$R$2:$R$366,ROW(INDEX(Jesper!AK$2:AK$366,ROUNDDOWN($C1344/24,0)+1,1))-1)+IF('Standard Profiles'!$G$21=$B$10,7,0)+IF('Standard Profiles'!$G$21=$B$17,14,0)+IF('Standard Profiles'!$G$21=$B$24,21,0),0)),0)</f>
        <v>0</v>
      </c>
      <c r="H1344" cm="1">
        <f t="array" ref="H1344">IFERROR(INDEX(Jesper!AL$2:AL$366,ROUNDDOWN($C1344/24,0)+1,1)*INDEX($D$3:$AA$30,INDEX(Jesper!$R$2:$R$366,ROW(INDEX(Jesper!AL$2:AL$366,ROUNDDOWN($C1344/24,0)+1,1))-1)+IF('Standard Profiles'!$G$22=$B$10,7,0)+IF('Standard Profiles'!$G$22=$B$17,14,0)+IF('Standard Profiles'!$G$22=$B$24,21,0),MOD($C1344,24)+1)/SUM(INDEX($D$3:$AA$30,INDEX(Jesper!$R$2:$R$366,ROW(INDEX(Jesper!AL$2:AL$366,ROUNDDOWN($C1344/24,0)+1,1))-1)+IF('Standard Profiles'!$G$22=$B$10,7,0)+IF('Standard Profiles'!$G$22=$B$17,14,0)+IF('Standard Profiles'!$G$22=$B$24,21,0),0)),0)</f>
        <v>0</v>
      </c>
      <c r="I1344">
        <f t="shared" si="160"/>
        <v>0.30162090115982609</v>
      </c>
      <c r="J1344">
        <f t="shared" si="161"/>
        <v>1.0054030038660871</v>
      </c>
      <c r="K1344">
        <f t="shared" si="162"/>
        <v>1.5081045057991307</v>
      </c>
      <c r="L1344">
        <f t="shared" si="163"/>
        <v>15.310490572541241</v>
      </c>
      <c r="M1344">
        <f t="shared" si="164"/>
        <v>0</v>
      </c>
      <c r="N1344" s="46">
        <f t="shared" si="165"/>
        <v>45346.583333330156</v>
      </c>
    </row>
    <row r="1345" spans="2:14" x14ac:dyDescent="0.3">
      <c r="B1345">
        <f t="shared" si="159"/>
        <v>6</v>
      </c>
      <c r="C1345" s="16">
        <v>1311</v>
      </c>
      <c r="D1345" cm="1">
        <f t="array" ref="D1345">IFERROR(INDEX(Jesper!AH$2:AH$366,ROUNDDOWN($C1345/24,0)+1,1)*INDEX($D$3:$AA$30,INDEX(Jesper!$R$2:$R$366,ROW(INDEX(Jesper!AH$2:AH$366,ROUNDDOWN($C1345/24,0)+1,1))-1)+IF('Standard Profiles'!$G$18=$B$10,7,0)+IF('Standard Profiles'!$G$18=$B$17,14,0)+IF('Standard Profiles'!$G$18=$B$24,21,0),MOD($C1345,24)+1)/SUM(INDEX($D$3:$AA$30,INDEX(Jesper!$R$2:$R$366,ROW(INDEX(Jesper!AH$2:AH$366,ROUNDDOWN($C1345/24,0)+1,1))-1)+IF('Standard Profiles'!$G$18=$B$10,7,0)+IF('Standard Profiles'!$G$18=$B$17,14,0)+IF('Standard Profiles'!$G$18=$B$24,21,0),0)),0)</f>
        <v>13.360594256335427</v>
      </c>
      <c r="E1345" cm="1">
        <f t="array" ref="E1345">IFERROR(INDEX(Jesper!AI$2:AI$366,ROUNDDOWN($C1345/24,0)+1,1)*INDEX($D$3:$AA$30,INDEX(Jesper!$R$2:$R$366,ROW(INDEX(Jesper!AI$2:AI$366,ROUNDDOWN($C1345/24,0)+1,1))-1)+IF('Standard Profiles'!$G$19=$B$10,7,0)+IF('Standard Profiles'!$G$19=$B$17,14,0)+IF('Standard Profiles'!$G$19=$B$24,21,0),MOD($C1345,24)+1)/SUM(INDEX($D$3:$AA$30,INDEX(Jesper!$R$2:$R$366,ROW(INDEX(Jesper!AI$2:AI$366,ROUNDDOWN($C1345/24,0)+1,1))-1)+IF('Standard Profiles'!$G$19=$B$10,7,0)+IF('Standard Profiles'!$G$19=$B$17,14,0)+IF('Standard Profiles'!$G$19=$B$24,21,0),0)),0)</f>
        <v>3.0269516738313502</v>
      </c>
      <c r="F1345" cm="1">
        <f t="array" ref="F1345">IFERROR(INDEX(Jesper!AJ$2:AJ$366,ROUNDDOWN($C1345/24,0)+1,1)*INDEX($D$3:$AA$30,INDEX(Jesper!$R$2:$R$366,ROW(INDEX(Jesper!AJ$2:AJ$366,ROUNDDOWN($C1345/24,0)+1,1))-1)+IF('Standard Profiles'!$G$20=$B$10,7,0)+IF('Standard Profiles'!$G$20=$B$17,14,0)+IF('Standard Profiles'!$G$20=$B$24,21,0),MOD($C1345,24)+1)/SUM(INDEX($D$3:$AA$30,INDEX(Jesper!$R$2:$R$366,ROW(INDEX(Jesper!AJ$2:AJ$366,ROUNDDOWN($C1345/24,0)+1,1))-1)+IF('Standard Profiles'!$G$20=$B$10,7,0)+IF('Standard Profiles'!$G$20=$B$17,14,0)+IF('Standard Profiles'!$G$20=$B$24,21,0),0)),0)</f>
        <v>0</v>
      </c>
      <c r="G1345" cm="1">
        <f t="array" ref="G1345">IFERROR(INDEX(Jesper!AK$2:AK$366,ROUNDDOWN($C1345/24,0)+1,1)*INDEX($D$3:$AA$30,INDEX(Jesper!$R$2:$R$366,ROW(INDEX(Jesper!AK$2:AK$366,ROUNDDOWN($C1345/24,0)+1,1))-1)+IF('Standard Profiles'!$G$21=$B$10,7,0)+IF('Standard Profiles'!$G$21=$B$17,14,0)+IF('Standard Profiles'!$G$21=$B$24,21,0),MOD($C1345,24)+1)/SUM(INDEX($D$3:$AA$30,INDEX(Jesper!$R$2:$R$366,ROW(INDEX(Jesper!AK$2:AK$366,ROUNDDOWN($C1345/24,0)+1,1))-1)+IF('Standard Profiles'!$G$21=$B$10,7,0)+IF('Standard Profiles'!$G$21=$B$17,14,0)+IF('Standard Profiles'!$G$21=$B$24,21,0),0)),0)</f>
        <v>0</v>
      </c>
      <c r="H1345" cm="1">
        <f t="array" ref="H1345">IFERROR(INDEX(Jesper!AL$2:AL$366,ROUNDDOWN($C1345/24,0)+1,1)*INDEX($D$3:$AA$30,INDEX(Jesper!$R$2:$R$366,ROW(INDEX(Jesper!AL$2:AL$366,ROUNDDOWN($C1345/24,0)+1,1))-1)+IF('Standard Profiles'!$G$22=$B$10,7,0)+IF('Standard Profiles'!$G$22=$B$17,14,0)+IF('Standard Profiles'!$G$22=$B$24,21,0),MOD($C1345,24)+1)/SUM(INDEX($D$3:$AA$30,INDEX(Jesper!$R$2:$R$366,ROW(INDEX(Jesper!AL$2:AL$366,ROUNDDOWN($C1345/24,0)+1,1))-1)+IF('Standard Profiles'!$G$22=$B$10,7,0)+IF('Standard Profiles'!$G$22=$B$17,14,0)+IF('Standard Profiles'!$G$22=$B$24,21,0),0)),0)</f>
        <v>0</v>
      </c>
      <c r="I1345">
        <f t="shared" si="160"/>
        <v>0.2726983489938154</v>
      </c>
      <c r="J1345">
        <f t="shared" si="161"/>
        <v>0.90899449664605148</v>
      </c>
      <c r="K1345">
        <f t="shared" si="162"/>
        <v>1.3634917449690771</v>
      </c>
      <c r="L1345">
        <f t="shared" si="163"/>
        <v>13.842361339557833</v>
      </c>
      <c r="M1345">
        <f t="shared" si="164"/>
        <v>0</v>
      </c>
      <c r="N1345" s="46">
        <f t="shared" si="165"/>
        <v>45346.62499999682</v>
      </c>
    </row>
    <row r="1346" spans="2:14" x14ac:dyDescent="0.3">
      <c r="B1346">
        <f t="shared" si="159"/>
        <v>6</v>
      </c>
      <c r="C1346" s="16">
        <v>1312</v>
      </c>
      <c r="D1346" cm="1">
        <f t="array" ref="D1346">IFERROR(INDEX(Jesper!AH$2:AH$366,ROUNDDOWN($C1346/24,0)+1,1)*INDEX($D$3:$AA$30,INDEX(Jesper!$R$2:$R$366,ROW(INDEX(Jesper!AH$2:AH$366,ROUNDDOWN($C1346/24,0)+1,1))-1)+IF('Standard Profiles'!$G$18=$B$10,7,0)+IF('Standard Profiles'!$G$18=$B$17,14,0)+IF('Standard Profiles'!$G$18=$B$24,21,0),MOD($C1346,24)+1)/SUM(INDEX($D$3:$AA$30,INDEX(Jesper!$R$2:$R$366,ROW(INDEX(Jesper!AH$2:AH$366,ROUNDDOWN($C1346/24,0)+1,1))-1)+IF('Standard Profiles'!$G$18=$B$10,7,0)+IF('Standard Profiles'!$G$18=$B$17,14,0)+IF('Standard Profiles'!$G$18=$B$24,21,0),0)),0)</f>
        <v>12.145994778486751</v>
      </c>
      <c r="E1346" cm="1">
        <f t="array" ref="E1346">IFERROR(INDEX(Jesper!AI$2:AI$366,ROUNDDOWN($C1346/24,0)+1,1)*INDEX($D$3:$AA$30,INDEX(Jesper!$R$2:$R$366,ROW(INDEX(Jesper!AI$2:AI$366,ROUNDDOWN($C1346/24,0)+1,1))-1)+IF('Standard Profiles'!$G$19=$B$10,7,0)+IF('Standard Profiles'!$G$19=$B$17,14,0)+IF('Standard Profiles'!$G$19=$B$24,21,0),MOD($C1346,24)+1)/SUM(INDEX($D$3:$AA$30,INDEX(Jesper!$R$2:$R$366,ROW(INDEX(Jesper!AI$2:AI$366,ROUNDDOWN($C1346/24,0)+1,1))-1)+IF('Standard Profiles'!$G$19=$B$10,7,0)+IF('Standard Profiles'!$G$19=$B$17,14,0)+IF('Standard Profiles'!$G$19=$B$24,21,0),0)),0)</f>
        <v>2.7517742489375907</v>
      </c>
      <c r="F1346" cm="1">
        <f t="array" ref="F1346">IFERROR(INDEX(Jesper!AJ$2:AJ$366,ROUNDDOWN($C1346/24,0)+1,1)*INDEX($D$3:$AA$30,INDEX(Jesper!$R$2:$R$366,ROW(INDEX(Jesper!AJ$2:AJ$366,ROUNDDOWN($C1346/24,0)+1,1))-1)+IF('Standard Profiles'!$G$20=$B$10,7,0)+IF('Standard Profiles'!$G$20=$B$17,14,0)+IF('Standard Profiles'!$G$20=$B$24,21,0),MOD($C1346,24)+1)/SUM(INDEX($D$3:$AA$30,INDEX(Jesper!$R$2:$R$366,ROW(INDEX(Jesper!AJ$2:AJ$366,ROUNDDOWN($C1346/24,0)+1,1))-1)+IF('Standard Profiles'!$G$20=$B$10,7,0)+IF('Standard Profiles'!$G$20=$B$17,14,0)+IF('Standard Profiles'!$G$20=$B$24,21,0),0)),0)</f>
        <v>0</v>
      </c>
      <c r="G1346" cm="1">
        <f t="array" ref="G1346">IFERROR(INDEX(Jesper!AK$2:AK$366,ROUNDDOWN($C1346/24,0)+1,1)*INDEX($D$3:$AA$30,INDEX(Jesper!$R$2:$R$366,ROW(INDEX(Jesper!AK$2:AK$366,ROUNDDOWN($C1346/24,0)+1,1))-1)+IF('Standard Profiles'!$G$21=$B$10,7,0)+IF('Standard Profiles'!$G$21=$B$17,14,0)+IF('Standard Profiles'!$G$21=$B$24,21,0),MOD($C1346,24)+1)/SUM(INDEX($D$3:$AA$30,INDEX(Jesper!$R$2:$R$366,ROW(INDEX(Jesper!AK$2:AK$366,ROUNDDOWN($C1346/24,0)+1,1))-1)+IF('Standard Profiles'!$G$21=$B$10,7,0)+IF('Standard Profiles'!$G$21=$B$17,14,0)+IF('Standard Profiles'!$G$21=$B$24,21,0),0)),0)</f>
        <v>0</v>
      </c>
      <c r="H1346" cm="1">
        <f t="array" ref="H1346">IFERROR(INDEX(Jesper!AL$2:AL$366,ROUNDDOWN($C1346/24,0)+1,1)*INDEX($D$3:$AA$30,INDEX(Jesper!$R$2:$R$366,ROW(INDEX(Jesper!AL$2:AL$366,ROUNDDOWN($C1346/24,0)+1,1))-1)+IF('Standard Profiles'!$G$22=$B$10,7,0)+IF('Standard Profiles'!$G$22=$B$17,14,0)+IF('Standard Profiles'!$G$22=$B$24,21,0),MOD($C1346,24)+1)/SUM(INDEX($D$3:$AA$30,INDEX(Jesper!$R$2:$R$366,ROW(INDEX(Jesper!AL$2:AL$366,ROUNDDOWN($C1346/24,0)+1,1))-1)+IF('Standard Profiles'!$G$22=$B$10,7,0)+IF('Standard Profiles'!$G$22=$B$17,14,0)+IF('Standard Profiles'!$G$22=$B$24,21,0),0)),0)</f>
        <v>0</v>
      </c>
      <c r="I1346">
        <f t="shared" si="160"/>
        <v>0.24790758999437762</v>
      </c>
      <c r="J1346">
        <f t="shared" si="161"/>
        <v>0.82635863331459214</v>
      </c>
      <c r="K1346">
        <f t="shared" si="162"/>
        <v>1.2395379499718882</v>
      </c>
      <c r="L1346">
        <f t="shared" si="163"/>
        <v>12.583964854143483</v>
      </c>
      <c r="M1346">
        <f t="shared" si="164"/>
        <v>0</v>
      </c>
      <c r="N1346" s="46">
        <f t="shared" si="165"/>
        <v>45346.666666663485</v>
      </c>
    </row>
    <row r="1347" spans="2:14" x14ac:dyDescent="0.3">
      <c r="B1347">
        <f t="shared" si="159"/>
        <v>6</v>
      </c>
      <c r="C1347" s="16">
        <v>1313</v>
      </c>
      <c r="D1347" cm="1">
        <f t="array" ref="D1347">IFERROR(INDEX(Jesper!AH$2:AH$366,ROUNDDOWN($C1347/24,0)+1,1)*INDEX($D$3:$AA$30,INDEX(Jesper!$R$2:$R$366,ROW(INDEX(Jesper!AH$2:AH$366,ROUNDDOWN($C1347/24,0)+1,1))-1)+IF('Standard Profiles'!$G$18=$B$10,7,0)+IF('Standard Profiles'!$G$18=$B$17,14,0)+IF('Standard Profiles'!$G$18=$B$24,21,0),MOD($C1347,24)+1)/SUM(INDEX($D$3:$AA$30,INDEX(Jesper!$R$2:$R$366,ROW(INDEX(Jesper!AH$2:AH$366,ROUNDDOWN($C1347/24,0)+1,1))-1)+IF('Standard Profiles'!$G$18=$B$10,7,0)+IF('Standard Profiles'!$G$18=$B$17,14,0)+IF('Standard Profiles'!$G$18=$B$24,21,0),0)),0)</f>
        <v>10.931395300638076</v>
      </c>
      <c r="E1347" cm="1">
        <f t="array" ref="E1347">IFERROR(INDEX(Jesper!AI$2:AI$366,ROUNDDOWN($C1347/24,0)+1,1)*INDEX($D$3:$AA$30,INDEX(Jesper!$R$2:$R$366,ROW(INDEX(Jesper!AI$2:AI$366,ROUNDDOWN($C1347/24,0)+1,1))-1)+IF('Standard Profiles'!$G$19=$B$10,7,0)+IF('Standard Profiles'!$G$19=$B$17,14,0)+IF('Standard Profiles'!$G$19=$B$24,21,0),MOD($C1347,24)+1)/SUM(INDEX($D$3:$AA$30,INDEX(Jesper!$R$2:$R$366,ROW(INDEX(Jesper!AI$2:AI$366,ROUNDDOWN($C1347/24,0)+1,1))-1)+IF('Standard Profiles'!$G$19=$B$10,7,0)+IF('Standard Profiles'!$G$19=$B$17,14,0)+IF('Standard Profiles'!$G$19=$B$24,21,0),0)),0)</f>
        <v>2.4765968240438321</v>
      </c>
      <c r="F1347" cm="1">
        <f t="array" ref="F1347">IFERROR(INDEX(Jesper!AJ$2:AJ$366,ROUNDDOWN($C1347/24,0)+1,1)*INDEX($D$3:$AA$30,INDEX(Jesper!$R$2:$R$366,ROW(INDEX(Jesper!AJ$2:AJ$366,ROUNDDOWN($C1347/24,0)+1,1))-1)+IF('Standard Profiles'!$G$20=$B$10,7,0)+IF('Standard Profiles'!$G$20=$B$17,14,0)+IF('Standard Profiles'!$G$20=$B$24,21,0),MOD($C1347,24)+1)/SUM(INDEX($D$3:$AA$30,INDEX(Jesper!$R$2:$R$366,ROW(INDEX(Jesper!AJ$2:AJ$366,ROUNDDOWN($C1347/24,0)+1,1))-1)+IF('Standard Profiles'!$G$20=$B$10,7,0)+IF('Standard Profiles'!$G$20=$B$17,14,0)+IF('Standard Profiles'!$G$20=$B$24,21,0),0)),0)</f>
        <v>0</v>
      </c>
      <c r="G1347" cm="1">
        <f t="array" ref="G1347">IFERROR(INDEX(Jesper!AK$2:AK$366,ROUNDDOWN($C1347/24,0)+1,1)*INDEX($D$3:$AA$30,INDEX(Jesper!$R$2:$R$366,ROW(INDEX(Jesper!AK$2:AK$366,ROUNDDOWN($C1347/24,0)+1,1))-1)+IF('Standard Profiles'!$G$21=$B$10,7,0)+IF('Standard Profiles'!$G$21=$B$17,14,0)+IF('Standard Profiles'!$G$21=$B$24,21,0),MOD($C1347,24)+1)/SUM(INDEX($D$3:$AA$30,INDEX(Jesper!$R$2:$R$366,ROW(INDEX(Jesper!AK$2:AK$366,ROUNDDOWN($C1347/24,0)+1,1))-1)+IF('Standard Profiles'!$G$21=$B$10,7,0)+IF('Standard Profiles'!$G$21=$B$17,14,0)+IF('Standard Profiles'!$G$21=$B$24,21,0),0)),0)</f>
        <v>0</v>
      </c>
      <c r="H1347" cm="1">
        <f t="array" ref="H1347">IFERROR(INDEX(Jesper!AL$2:AL$366,ROUNDDOWN($C1347/24,0)+1,1)*INDEX($D$3:$AA$30,INDEX(Jesper!$R$2:$R$366,ROW(INDEX(Jesper!AL$2:AL$366,ROUNDDOWN($C1347/24,0)+1,1))-1)+IF('Standard Profiles'!$G$22=$B$10,7,0)+IF('Standard Profiles'!$G$22=$B$17,14,0)+IF('Standard Profiles'!$G$22=$B$24,21,0),MOD($C1347,24)+1)/SUM(INDEX($D$3:$AA$30,INDEX(Jesper!$R$2:$R$366,ROW(INDEX(Jesper!AL$2:AL$366,ROUNDDOWN($C1347/24,0)+1,1))-1)+IF('Standard Profiles'!$G$22=$B$10,7,0)+IF('Standard Profiles'!$G$22=$B$17,14,0)+IF('Standard Profiles'!$G$22=$B$24,21,0),0)),0)</f>
        <v>0</v>
      </c>
      <c r="I1347">
        <f t="shared" si="160"/>
        <v>0.2231168309949399</v>
      </c>
      <c r="J1347">
        <f t="shared" si="161"/>
        <v>0.74372276998313303</v>
      </c>
      <c r="K1347">
        <f t="shared" si="162"/>
        <v>1.1155841549746996</v>
      </c>
      <c r="L1347">
        <f t="shared" si="163"/>
        <v>11.325568368729137</v>
      </c>
      <c r="M1347">
        <f t="shared" si="164"/>
        <v>0</v>
      </c>
      <c r="N1347" s="46">
        <f t="shared" si="165"/>
        <v>45346.708333330149</v>
      </c>
    </row>
    <row r="1348" spans="2:14" x14ac:dyDescent="0.3">
      <c r="B1348">
        <f t="shared" si="159"/>
        <v>6</v>
      </c>
      <c r="C1348" s="16">
        <v>1314</v>
      </c>
      <c r="D1348" cm="1">
        <f t="array" ref="D1348">IFERROR(INDEX(Jesper!AH$2:AH$366,ROUNDDOWN($C1348/24,0)+1,1)*INDEX($D$3:$AA$30,INDEX(Jesper!$R$2:$R$366,ROW(INDEX(Jesper!AH$2:AH$366,ROUNDDOWN($C1348/24,0)+1,1))-1)+IF('Standard Profiles'!$G$18=$B$10,7,0)+IF('Standard Profiles'!$G$18=$B$17,14,0)+IF('Standard Profiles'!$G$18=$B$24,21,0),MOD($C1348,24)+1)/SUM(INDEX($D$3:$AA$30,INDEX(Jesper!$R$2:$R$366,ROW(INDEX(Jesper!AH$2:AH$366,ROUNDDOWN($C1348/24,0)+1,1))-1)+IF('Standard Profiles'!$G$18=$B$10,7,0)+IF('Standard Profiles'!$G$18=$B$17,14,0)+IF('Standard Profiles'!$G$18=$B$24,21,0),0)),0)</f>
        <v>10.526528808021849</v>
      </c>
      <c r="E1348" cm="1">
        <f t="array" ref="E1348">IFERROR(INDEX(Jesper!AI$2:AI$366,ROUNDDOWN($C1348/24,0)+1,1)*INDEX($D$3:$AA$30,INDEX(Jesper!$R$2:$R$366,ROW(INDEX(Jesper!AI$2:AI$366,ROUNDDOWN($C1348/24,0)+1,1))-1)+IF('Standard Profiles'!$G$19=$B$10,7,0)+IF('Standard Profiles'!$G$19=$B$17,14,0)+IF('Standard Profiles'!$G$19=$B$24,21,0),MOD($C1348,24)+1)/SUM(INDEX($D$3:$AA$30,INDEX(Jesper!$R$2:$R$366,ROW(INDEX(Jesper!AI$2:AI$366,ROUNDDOWN($C1348/24,0)+1,1))-1)+IF('Standard Profiles'!$G$19=$B$10,7,0)+IF('Standard Profiles'!$G$19=$B$17,14,0)+IF('Standard Profiles'!$G$19=$B$24,21,0),0)),0)</f>
        <v>2.3848710157459121</v>
      </c>
      <c r="F1348" cm="1">
        <f t="array" ref="F1348">IFERROR(INDEX(Jesper!AJ$2:AJ$366,ROUNDDOWN($C1348/24,0)+1,1)*INDEX($D$3:$AA$30,INDEX(Jesper!$R$2:$R$366,ROW(INDEX(Jesper!AJ$2:AJ$366,ROUNDDOWN($C1348/24,0)+1,1))-1)+IF('Standard Profiles'!$G$20=$B$10,7,0)+IF('Standard Profiles'!$G$20=$B$17,14,0)+IF('Standard Profiles'!$G$20=$B$24,21,0),MOD($C1348,24)+1)/SUM(INDEX($D$3:$AA$30,INDEX(Jesper!$R$2:$R$366,ROW(INDEX(Jesper!AJ$2:AJ$366,ROUNDDOWN($C1348/24,0)+1,1))-1)+IF('Standard Profiles'!$G$20=$B$10,7,0)+IF('Standard Profiles'!$G$20=$B$17,14,0)+IF('Standard Profiles'!$G$20=$B$24,21,0),0)),0)</f>
        <v>0</v>
      </c>
      <c r="G1348" cm="1">
        <f t="array" ref="G1348">IFERROR(INDEX(Jesper!AK$2:AK$366,ROUNDDOWN($C1348/24,0)+1,1)*INDEX($D$3:$AA$30,INDEX(Jesper!$R$2:$R$366,ROW(INDEX(Jesper!AK$2:AK$366,ROUNDDOWN($C1348/24,0)+1,1))-1)+IF('Standard Profiles'!$G$21=$B$10,7,0)+IF('Standard Profiles'!$G$21=$B$17,14,0)+IF('Standard Profiles'!$G$21=$B$24,21,0),MOD($C1348,24)+1)/SUM(INDEX($D$3:$AA$30,INDEX(Jesper!$R$2:$R$366,ROW(INDEX(Jesper!AK$2:AK$366,ROUNDDOWN($C1348/24,0)+1,1))-1)+IF('Standard Profiles'!$G$21=$B$10,7,0)+IF('Standard Profiles'!$G$21=$B$17,14,0)+IF('Standard Profiles'!$G$21=$B$24,21,0),0)),0)</f>
        <v>0</v>
      </c>
      <c r="H1348" cm="1">
        <f t="array" ref="H1348">IFERROR(INDEX(Jesper!AL$2:AL$366,ROUNDDOWN($C1348/24,0)+1,1)*INDEX($D$3:$AA$30,INDEX(Jesper!$R$2:$R$366,ROW(INDEX(Jesper!AL$2:AL$366,ROUNDDOWN($C1348/24,0)+1,1))-1)+IF('Standard Profiles'!$G$22=$B$10,7,0)+IF('Standard Profiles'!$G$22=$B$17,14,0)+IF('Standard Profiles'!$G$22=$B$24,21,0),MOD($C1348,24)+1)/SUM(INDEX($D$3:$AA$30,INDEX(Jesper!$R$2:$R$366,ROW(INDEX(Jesper!AL$2:AL$366,ROUNDDOWN($C1348/24,0)+1,1))-1)+IF('Standard Profiles'!$G$22=$B$10,7,0)+IF('Standard Profiles'!$G$22=$B$17,14,0)+IF('Standard Profiles'!$G$22=$B$24,21,0),0)),0)</f>
        <v>0</v>
      </c>
      <c r="I1348">
        <f t="shared" si="160"/>
        <v>0.21485324466179395</v>
      </c>
      <c r="J1348">
        <f t="shared" si="161"/>
        <v>0.71617748220597988</v>
      </c>
      <c r="K1348">
        <f t="shared" si="162"/>
        <v>1.0742662233089699</v>
      </c>
      <c r="L1348">
        <f t="shared" si="163"/>
        <v>10.906102873591019</v>
      </c>
      <c r="M1348">
        <f t="shared" si="164"/>
        <v>0</v>
      </c>
      <c r="N1348" s="46">
        <f t="shared" si="165"/>
        <v>45346.749999996813</v>
      </c>
    </row>
    <row r="1349" spans="2:14" x14ac:dyDescent="0.3">
      <c r="B1349">
        <f t="shared" si="159"/>
        <v>6</v>
      </c>
      <c r="C1349" s="16">
        <v>1315</v>
      </c>
      <c r="D1349" cm="1">
        <f t="array" ref="D1349">IFERROR(INDEX(Jesper!AH$2:AH$366,ROUNDDOWN($C1349/24,0)+1,1)*INDEX($D$3:$AA$30,INDEX(Jesper!$R$2:$R$366,ROW(INDEX(Jesper!AH$2:AH$366,ROUNDDOWN($C1349/24,0)+1,1))-1)+IF('Standard Profiles'!$G$18=$B$10,7,0)+IF('Standard Profiles'!$G$18=$B$17,14,0)+IF('Standard Profiles'!$G$18=$B$24,21,0),MOD($C1349,24)+1)/SUM(INDEX($D$3:$AA$30,INDEX(Jesper!$R$2:$R$366,ROW(INDEX(Jesper!AH$2:AH$366,ROUNDDOWN($C1349/24,0)+1,1))-1)+IF('Standard Profiles'!$G$18=$B$10,7,0)+IF('Standard Profiles'!$G$18=$B$17,14,0)+IF('Standard Profiles'!$G$18=$B$24,21,0),0)),0)</f>
        <v>8.5021963449407245</v>
      </c>
      <c r="E1349" cm="1">
        <f t="array" ref="E1349">IFERROR(INDEX(Jesper!AI$2:AI$366,ROUNDDOWN($C1349/24,0)+1,1)*INDEX($D$3:$AA$30,INDEX(Jesper!$R$2:$R$366,ROW(INDEX(Jesper!AI$2:AI$366,ROUNDDOWN($C1349/24,0)+1,1))-1)+IF('Standard Profiles'!$G$19=$B$10,7,0)+IF('Standard Profiles'!$G$19=$B$17,14,0)+IF('Standard Profiles'!$G$19=$B$24,21,0),MOD($C1349,24)+1)/SUM(INDEX($D$3:$AA$30,INDEX(Jesper!$R$2:$R$366,ROW(INDEX(Jesper!AI$2:AI$366,ROUNDDOWN($C1349/24,0)+1,1))-1)+IF('Standard Profiles'!$G$19=$B$10,7,0)+IF('Standard Profiles'!$G$19=$B$17,14,0)+IF('Standard Profiles'!$G$19=$B$24,21,0),0)),0)</f>
        <v>1.9262419742563135</v>
      </c>
      <c r="F1349" cm="1">
        <f t="array" ref="F1349">IFERROR(INDEX(Jesper!AJ$2:AJ$366,ROUNDDOWN($C1349/24,0)+1,1)*INDEX($D$3:$AA$30,INDEX(Jesper!$R$2:$R$366,ROW(INDEX(Jesper!AJ$2:AJ$366,ROUNDDOWN($C1349/24,0)+1,1))-1)+IF('Standard Profiles'!$G$20=$B$10,7,0)+IF('Standard Profiles'!$G$20=$B$17,14,0)+IF('Standard Profiles'!$G$20=$B$24,21,0),MOD($C1349,24)+1)/SUM(INDEX($D$3:$AA$30,INDEX(Jesper!$R$2:$R$366,ROW(INDEX(Jesper!AJ$2:AJ$366,ROUNDDOWN($C1349/24,0)+1,1))-1)+IF('Standard Profiles'!$G$20=$B$10,7,0)+IF('Standard Profiles'!$G$20=$B$17,14,0)+IF('Standard Profiles'!$G$20=$B$24,21,0),0)),0)</f>
        <v>0</v>
      </c>
      <c r="G1349" cm="1">
        <f t="array" ref="G1349">IFERROR(INDEX(Jesper!AK$2:AK$366,ROUNDDOWN($C1349/24,0)+1,1)*INDEX($D$3:$AA$30,INDEX(Jesper!$R$2:$R$366,ROW(INDEX(Jesper!AK$2:AK$366,ROUNDDOWN($C1349/24,0)+1,1))-1)+IF('Standard Profiles'!$G$21=$B$10,7,0)+IF('Standard Profiles'!$G$21=$B$17,14,0)+IF('Standard Profiles'!$G$21=$B$24,21,0),MOD($C1349,24)+1)/SUM(INDEX($D$3:$AA$30,INDEX(Jesper!$R$2:$R$366,ROW(INDEX(Jesper!AK$2:AK$366,ROUNDDOWN($C1349/24,0)+1,1))-1)+IF('Standard Profiles'!$G$21=$B$10,7,0)+IF('Standard Profiles'!$G$21=$B$17,14,0)+IF('Standard Profiles'!$G$21=$B$24,21,0),0)),0)</f>
        <v>0</v>
      </c>
      <c r="H1349" cm="1">
        <f t="array" ref="H1349">IFERROR(INDEX(Jesper!AL$2:AL$366,ROUNDDOWN($C1349/24,0)+1,1)*INDEX($D$3:$AA$30,INDEX(Jesper!$R$2:$R$366,ROW(INDEX(Jesper!AL$2:AL$366,ROUNDDOWN($C1349/24,0)+1,1))-1)+IF('Standard Profiles'!$G$22=$B$10,7,0)+IF('Standard Profiles'!$G$22=$B$17,14,0)+IF('Standard Profiles'!$G$22=$B$24,21,0),MOD($C1349,24)+1)/SUM(INDEX($D$3:$AA$30,INDEX(Jesper!$R$2:$R$366,ROW(INDEX(Jesper!AL$2:AL$366,ROUNDDOWN($C1349/24,0)+1,1))-1)+IF('Standard Profiles'!$G$22=$B$10,7,0)+IF('Standard Profiles'!$G$22=$B$17,14,0)+IF('Standard Profiles'!$G$22=$B$24,21,0),0)),0)</f>
        <v>0</v>
      </c>
      <c r="I1349">
        <f t="shared" si="160"/>
        <v>0.17353531299606431</v>
      </c>
      <c r="J1349">
        <f t="shared" si="161"/>
        <v>0.57845104332021446</v>
      </c>
      <c r="K1349">
        <f t="shared" si="162"/>
        <v>0.86767656498032175</v>
      </c>
      <c r="L1349">
        <f t="shared" si="163"/>
        <v>8.8087753979004368</v>
      </c>
      <c r="M1349">
        <f t="shared" si="164"/>
        <v>0</v>
      </c>
      <c r="N1349" s="46">
        <f t="shared" si="165"/>
        <v>45346.791666663477</v>
      </c>
    </row>
    <row r="1350" spans="2:14" x14ac:dyDescent="0.3">
      <c r="B1350">
        <f t="shared" si="159"/>
        <v>6</v>
      </c>
      <c r="C1350" s="16">
        <v>1316</v>
      </c>
      <c r="D1350" cm="1">
        <f t="array" ref="D1350">IFERROR(INDEX(Jesper!AH$2:AH$366,ROUNDDOWN($C1350/24,0)+1,1)*INDEX($D$3:$AA$30,INDEX(Jesper!$R$2:$R$366,ROW(INDEX(Jesper!AH$2:AH$366,ROUNDDOWN($C1350/24,0)+1,1))-1)+IF('Standard Profiles'!$G$18=$B$10,7,0)+IF('Standard Profiles'!$G$18=$B$17,14,0)+IF('Standard Profiles'!$G$18=$B$24,21,0),MOD($C1350,24)+1)/SUM(INDEX($D$3:$AA$30,INDEX(Jesper!$R$2:$R$366,ROW(INDEX(Jesper!AH$2:AH$366,ROUNDDOWN($C1350/24,0)+1,1))-1)+IF('Standard Profiles'!$G$18=$B$10,7,0)+IF('Standard Profiles'!$G$18=$B$17,14,0)+IF('Standard Profiles'!$G$18=$B$24,21,0),0)),0)</f>
        <v>6.2754306355514871</v>
      </c>
      <c r="E1350" cm="1">
        <f t="array" ref="E1350">IFERROR(INDEX(Jesper!AI$2:AI$366,ROUNDDOWN($C1350/24,0)+1,1)*INDEX($D$3:$AA$30,INDEX(Jesper!$R$2:$R$366,ROW(INDEX(Jesper!AI$2:AI$366,ROUNDDOWN($C1350/24,0)+1,1))-1)+IF('Standard Profiles'!$G$19=$B$10,7,0)+IF('Standard Profiles'!$G$19=$B$17,14,0)+IF('Standard Profiles'!$G$19=$B$24,21,0),MOD($C1350,24)+1)/SUM(INDEX($D$3:$AA$30,INDEX(Jesper!$R$2:$R$366,ROW(INDEX(Jesper!AI$2:AI$366,ROUNDDOWN($C1350/24,0)+1,1))-1)+IF('Standard Profiles'!$G$19=$B$10,7,0)+IF('Standard Profiles'!$G$19=$B$17,14,0)+IF('Standard Profiles'!$G$19=$B$24,21,0),0)),0)</f>
        <v>1.4217500286177553</v>
      </c>
      <c r="F1350" cm="1">
        <f t="array" ref="F1350">IFERROR(INDEX(Jesper!AJ$2:AJ$366,ROUNDDOWN($C1350/24,0)+1,1)*INDEX($D$3:$AA$30,INDEX(Jesper!$R$2:$R$366,ROW(INDEX(Jesper!AJ$2:AJ$366,ROUNDDOWN($C1350/24,0)+1,1))-1)+IF('Standard Profiles'!$G$20=$B$10,7,0)+IF('Standard Profiles'!$G$20=$B$17,14,0)+IF('Standard Profiles'!$G$20=$B$24,21,0),MOD($C1350,24)+1)/SUM(INDEX($D$3:$AA$30,INDEX(Jesper!$R$2:$R$366,ROW(INDEX(Jesper!AJ$2:AJ$366,ROUNDDOWN($C1350/24,0)+1,1))-1)+IF('Standard Profiles'!$G$20=$B$10,7,0)+IF('Standard Profiles'!$G$20=$B$17,14,0)+IF('Standard Profiles'!$G$20=$B$24,21,0),0)),0)</f>
        <v>0</v>
      </c>
      <c r="G1350" cm="1">
        <f t="array" ref="G1350">IFERROR(INDEX(Jesper!AK$2:AK$366,ROUNDDOWN($C1350/24,0)+1,1)*INDEX($D$3:$AA$30,INDEX(Jesper!$R$2:$R$366,ROW(INDEX(Jesper!AK$2:AK$366,ROUNDDOWN($C1350/24,0)+1,1))-1)+IF('Standard Profiles'!$G$21=$B$10,7,0)+IF('Standard Profiles'!$G$21=$B$17,14,0)+IF('Standard Profiles'!$G$21=$B$24,21,0),MOD($C1350,24)+1)/SUM(INDEX($D$3:$AA$30,INDEX(Jesper!$R$2:$R$366,ROW(INDEX(Jesper!AK$2:AK$366,ROUNDDOWN($C1350/24,0)+1,1))-1)+IF('Standard Profiles'!$G$21=$B$10,7,0)+IF('Standard Profiles'!$G$21=$B$17,14,0)+IF('Standard Profiles'!$G$21=$B$24,21,0),0)),0)</f>
        <v>0</v>
      </c>
      <c r="H1350" cm="1">
        <f t="array" ref="H1350">IFERROR(INDEX(Jesper!AL$2:AL$366,ROUNDDOWN($C1350/24,0)+1,1)*INDEX($D$3:$AA$30,INDEX(Jesper!$R$2:$R$366,ROW(INDEX(Jesper!AL$2:AL$366,ROUNDDOWN($C1350/24,0)+1,1))-1)+IF('Standard Profiles'!$G$22=$B$10,7,0)+IF('Standard Profiles'!$G$22=$B$17,14,0)+IF('Standard Profiles'!$G$22=$B$24,21,0),MOD($C1350,24)+1)/SUM(INDEX($D$3:$AA$30,INDEX(Jesper!$R$2:$R$366,ROW(INDEX(Jesper!AL$2:AL$366,ROUNDDOWN($C1350/24,0)+1,1))-1)+IF('Standard Profiles'!$G$22=$B$10,7,0)+IF('Standard Profiles'!$G$22=$B$17,14,0)+IF('Standard Profiles'!$G$22=$B$24,21,0),0)),0)</f>
        <v>0</v>
      </c>
      <c r="I1350">
        <f t="shared" si="160"/>
        <v>0.12808558816376178</v>
      </c>
      <c r="J1350">
        <f t="shared" si="161"/>
        <v>0.42695196054587264</v>
      </c>
      <c r="K1350">
        <f t="shared" si="162"/>
        <v>0.64042794081880894</v>
      </c>
      <c r="L1350">
        <f t="shared" si="163"/>
        <v>6.5017151746407995</v>
      </c>
      <c r="M1350">
        <f t="shared" si="164"/>
        <v>0</v>
      </c>
      <c r="N1350" s="46">
        <f t="shared" si="165"/>
        <v>45346.833333330142</v>
      </c>
    </row>
    <row r="1351" spans="2:14" x14ac:dyDescent="0.3">
      <c r="B1351">
        <f t="shared" si="159"/>
        <v>6</v>
      </c>
      <c r="C1351" s="16">
        <v>1317</v>
      </c>
      <c r="D1351" cm="1">
        <f t="array" ref="D1351">IFERROR(INDEX(Jesper!AH$2:AH$366,ROUNDDOWN($C1351/24,0)+1,1)*INDEX($D$3:$AA$30,INDEX(Jesper!$R$2:$R$366,ROW(INDEX(Jesper!AH$2:AH$366,ROUNDDOWN($C1351/24,0)+1,1))-1)+IF('Standard Profiles'!$G$18=$B$10,7,0)+IF('Standard Profiles'!$G$18=$B$17,14,0)+IF('Standard Profiles'!$G$18=$B$24,21,0),MOD($C1351,24)+1)/SUM(INDEX($D$3:$AA$30,INDEX(Jesper!$R$2:$R$366,ROW(INDEX(Jesper!AH$2:AH$366,ROUNDDOWN($C1351/24,0)+1,1))-1)+IF('Standard Profiles'!$G$18=$B$10,7,0)+IF('Standard Profiles'!$G$18=$B$17,14,0)+IF('Standard Profiles'!$G$18=$B$24,21,0),0)),0)</f>
        <v>6.2754306355514871</v>
      </c>
      <c r="E1351" cm="1">
        <f t="array" ref="E1351">IFERROR(INDEX(Jesper!AI$2:AI$366,ROUNDDOWN($C1351/24,0)+1,1)*INDEX($D$3:$AA$30,INDEX(Jesper!$R$2:$R$366,ROW(INDEX(Jesper!AI$2:AI$366,ROUNDDOWN($C1351/24,0)+1,1))-1)+IF('Standard Profiles'!$G$19=$B$10,7,0)+IF('Standard Profiles'!$G$19=$B$17,14,0)+IF('Standard Profiles'!$G$19=$B$24,21,0),MOD($C1351,24)+1)/SUM(INDEX($D$3:$AA$30,INDEX(Jesper!$R$2:$R$366,ROW(INDEX(Jesper!AI$2:AI$366,ROUNDDOWN($C1351/24,0)+1,1))-1)+IF('Standard Profiles'!$G$19=$B$10,7,0)+IF('Standard Profiles'!$G$19=$B$17,14,0)+IF('Standard Profiles'!$G$19=$B$24,21,0),0)),0)</f>
        <v>1.4217500286177553</v>
      </c>
      <c r="F1351" cm="1">
        <f t="array" ref="F1351">IFERROR(INDEX(Jesper!AJ$2:AJ$366,ROUNDDOWN($C1351/24,0)+1,1)*INDEX($D$3:$AA$30,INDEX(Jesper!$R$2:$R$366,ROW(INDEX(Jesper!AJ$2:AJ$366,ROUNDDOWN($C1351/24,0)+1,1))-1)+IF('Standard Profiles'!$G$20=$B$10,7,0)+IF('Standard Profiles'!$G$20=$B$17,14,0)+IF('Standard Profiles'!$G$20=$B$24,21,0),MOD($C1351,24)+1)/SUM(INDEX($D$3:$AA$30,INDEX(Jesper!$R$2:$R$366,ROW(INDEX(Jesper!AJ$2:AJ$366,ROUNDDOWN($C1351/24,0)+1,1))-1)+IF('Standard Profiles'!$G$20=$B$10,7,0)+IF('Standard Profiles'!$G$20=$B$17,14,0)+IF('Standard Profiles'!$G$20=$B$24,21,0),0)),0)</f>
        <v>0</v>
      </c>
      <c r="G1351" cm="1">
        <f t="array" ref="G1351">IFERROR(INDEX(Jesper!AK$2:AK$366,ROUNDDOWN($C1351/24,0)+1,1)*INDEX($D$3:$AA$30,INDEX(Jesper!$R$2:$R$366,ROW(INDEX(Jesper!AK$2:AK$366,ROUNDDOWN($C1351/24,0)+1,1))-1)+IF('Standard Profiles'!$G$21=$B$10,7,0)+IF('Standard Profiles'!$G$21=$B$17,14,0)+IF('Standard Profiles'!$G$21=$B$24,21,0),MOD($C1351,24)+1)/SUM(INDEX($D$3:$AA$30,INDEX(Jesper!$R$2:$R$366,ROW(INDEX(Jesper!AK$2:AK$366,ROUNDDOWN($C1351/24,0)+1,1))-1)+IF('Standard Profiles'!$G$21=$B$10,7,0)+IF('Standard Profiles'!$G$21=$B$17,14,0)+IF('Standard Profiles'!$G$21=$B$24,21,0),0)),0)</f>
        <v>0</v>
      </c>
      <c r="H1351" cm="1">
        <f t="array" ref="H1351">IFERROR(INDEX(Jesper!AL$2:AL$366,ROUNDDOWN($C1351/24,0)+1,1)*INDEX($D$3:$AA$30,INDEX(Jesper!$R$2:$R$366,ROW(INDEX(Jesper!AL$2:AL$366,ROUNDDOWN($C1351/24,0)+1,1))-1)+IF('Standard Profiles'!$G$22=$B$10,7,0)+IF('Standard Profiles'!$G$22=$B$17,14,0)+IF('Standard Profiles'!$G$22=$B$24,21,0),MOD($C1351,24)+1)/SUM(INDEX($D$3:$AA$30,INDEX(Jesper!$R$2:$R$366,ROW(INDEX(Jesper!AL$2:AL$366,ROUNDDOWN($C1351/24,0)+1,1))-1)+IF('Standard Profiles'!$G$22=$B$10,7,0)+IF('Standard Profiles'!$G$22=$B$17,14,0)+IF('Standard Profiles'!$G$22=$B$24,21,0),0)),0)</f>
        <v>0</v>
      </c>
      <c r="I1351">
        <f t="shared" si="160"/>
        <v>0.12808558816376178</v>
      </c>
      <c r="J1351">
        <f t="shared" si="161"/>
        <v>0.42695196054587264</v>
      </c>
      <c r="K1351">
        <f t="shared" si="162"/>
        <v>0.64042794081880894</v>
      </c>
      <c r="L1351">
        <f t="shared" si="163"/>
        <v>6.5017151746407995</v>
      </c>
      <c r="M1351">
        <f t="shared" si="164"/>
        <v>0</v>
      </c>
      <c r="N1351" s="46">
        <f t="shared" si="165"/>
        <v>45346.874999996806</v>
      </c>
    </row>
    <row r="1352" spans="2:14" x14ac:dyDescent="0.3">
      <c r="B1352">
        <f t="shared" si="159"/>
        <v>6</v>
      </c>
      <c r="C1352" s="16">
        <v>1318</v>
      </c>
      <c r="D1352" cm="1">
        <f t="array" ref="D1352">IFERROR(INDEX(Jesper!AH$2:AH$366,ROUNDDOWN($C1352/24,0)+1,1)*INDEX($D$3:$AA$30,INDEX(Jesper!$R$2:$R$366,ROW(INDEX(Jesper!AH$2:AH$366,ROUNDDOWN($C1352/24,0)+1,1))-1)+IF('Standard Profiles'!$G$18=$B$10,7,0)+IF('Standard Profiles'!$G$18=$B$17,14,0)+IF('Standard Profiles'!$G$18=$B$24,21,0),MOD($C1352,24)+1)/SUM(INDEX($D$3:$AA$30,INDEX(Jesper!$R$2:$R$366,ROW(INDEX(Jesper!AH$2:AH$366,ROUNDDOWN($C1352/24,0)+1,1))-1)+IF('Standard Profiles'!$G$18=$B$10,7,0)+IF('Standard Profiles'!$G$18=$B$17,14,0)+IF('Standard Profiles'!$G$18=$B$24,21,0),0)),0)</f>
        <v>6.2754306355514871</v>
      </c>
      <c r="E1352" cm="1">
        <f t="array" ref="E1352">IFERROR(INDEX(Jesper!AI$2:AI$366,ROUNDDOWN($C1352/24,0)+1,1)*INDEX($D$3:$AA$30,INDEX(Jesper!$R$2:$R$366,ROW(INDEX(Jesper!AI$2:AI$366,ROUNDDOWN($C1352/24,0)+1,1))-1)+IF('Standard Profiles'!$G$19=$B$10,7,0)+IF('Standard Profiles'!$G$19=$B$17,14,0)+IF('Standard Profiles'!$G$19=$B$24,21,0),MOD($C1352,24)+1)/SUM(INDEX($D$3:$AA$30,INDEX(Jesper!$R$2:$R$366,ROW(INDEX(Jesper!AI$2:AI$366,ROUNDDOWN($C1352/24,0)+1,1))-1)+IF('Standard Profiles'!$G$19=$B$10,7,0)+IF('Standard Profiles'!$G$19=$B$17,14,0)+IF('Standard Profiles'!$G$19=$B$24,21,0),0)),0)</f>
        <v>1.4217500286177553</v>
      </c>
      <c r="F1352" cm="1">
        <f t="array" ref="F1352">IFERROR(INDEX(Jesper!AJ$2:AJ$366,ROUNDDOWN($C1352/24,0)+1,1)*INDEX($D$3:$AA$30,INDEX(Jesper!$R$2:$R$366,ROW(INDEX(Jesper!AJ$2:AJ$366,ROUNDDOWN($C1352/24,0)+1,1))-1)+IF('Standard Profiles'!$G$20=$B$10,7,0)+IF('Standard Profiles'!$G$20=$B$17,14,0)+IF('Standard Profiles'!$G$20=$B$24,21,0),MOD($C1352,24)+1)/SUM(INDEX($D$3:$AA$30,INDEX(Jesper!$R$2:$R$366,ROW(INDEX(Jesper!AJ$2:AJ$366,ROUNDDOWN($C1352/24,0)+1,1))-1)+IF('Standard Profiles'!$G$20=$B$10,7,0)+IF('Standard Profiles'!$G$20=$B$17,14,0)+IF('Standard Profiles'!$G$20=$B$24,21,0),0)),0)</f>
        <v>0</v>
      </c>
      <c r="G1352" cm="1">
        <f t="array" ref="G1352">IFERROR(INDEX(Jesper!AK$2:AK$366,ROUNDDOWN($C1352/24,0)+1,1)*INDEX($D$3:$AA$30,INDEX(Jesper!$R$2:$R$366,ROW(INDEX(Jesper!AK$2:AK$366,ROUNDDOWN($C1352/24,0)+1,1))-1)+IF('Standard Profiles'!$G$21=$B$10,7,0)+IF('Standard Profiles'!$G$21=$B$17,14,0)+IF('Standard Profiles'!$G$21=$B$24,21,0),MOD($C1352,24)+1)/SUM(INDEX($D$3:$AA$30,INDEX(Jesper!$R$2:$R$366,ROW(INDEX(Jesper!AK$2:AK$366,ROUNDDOWN($C1352/24,0)+1,1))-1)+IF('Standard Profiles'!$G$21=$B$10,7,0)+IF('Standard Profiles'!$G$21=$B$17,14,0)+IF('Standard Profiles'!$G$21=$B$24,21,0),0)),0)</f>
        <v>0</v>
      </c>
      <c r="H1352" cm="1">
        <f t="array" ref="H1352">IFERROR(INDEX(Jesper!AL$2:AL$366,ROUNDDOWN($C1352/24,0)+1,1)*INDEX($D$3:$AA$30,INDEX(Jesper!$R$2:$R$366,ROW(INDEX(Jesper!AL$2:AL$366,ROUNDDOWN($C1352/24,0)+1,1))-1)+IF('Standard Profiles'!$G$22=$B$10,7,0)+IF('Standard Profiles'!$G$22=$B$17,14,0)+IF('Standard Profiles'!$G$22=$B$24,21,0),MOD($C1352,24)+1)/SUM(INDEX($D$3:$AA$30,INDEX(Jesper!$R$2:$R$366,ROW(INDEX(Jesper!AL$2:AL$366,ROUNDDOWN($C1352/24,0)+1,1))-1)+IF('Standard Profiles'!$G$22=$B$10,7,0)+IF('Standard Profiles'!$G$22=$B$17,14,0)+IF('Standard Profiles'!$G$22=$B$24,21,0),0)),0)</f>
        <v>0</v>
      </c>
      <c r="I1352">
        <f t="shared" si="160"/>
        <v>0.12808558816376178</v>
      </c>
      <c r="J1352">
        <f t="shared" si="161"/>
        <v>0.42695196054587264</v>
      </c>
      <c r="K1352">
        <f t="shared" si="162"/>
        <v>0.64042794081880894</v>
      </c>
      <c r="L1352">
        <f t="shared" si="163"/>
        <v>6.5017151746407995</v>
      </c>
      <c r="M1352">
        <f t="shared" si="164"/>
        <v>0</v>
      </c>
      <c r="N1352" s="46">
        <f t="shared" si="165"/>
        <v>45346.91666666347</v>
      </c>
    </row>
    <row r="1353" spans="2:14" x14ac:dyDescent="0.3">
      <c r="B1353">
        <f t="shared" si="159"/>
        <v>6</v>
      </c>
      <c r="C1353" s="16">
        <v>1319</v>
      </c>
      <c r="D1353" cm="1">
        <f t="array" ref="D1353">IFERROR(INDEX(Jesper!AH$2:AH$366,ROUNDDOWN($C1353/24,0)+1,1)*INDEX($D$3:$AA$30,INDEX(Jesper!$R$2:$R$366,ROW(INDEX(Jesper!AH$2:AH$366,ROUNDDOWN($C1353/24,0)+1,1))-1)+IF('Standard Profiles'!$G$18=$B$10,7,0)+IF('Standard Profiles'!$G$18=$B$17,14,0)+IF('Standard Profiles'!$G$18=$B$24,21,0),MOD($C1353,24)+1)/SUM(INDEX($D$3:$AA$30,INDEX(Jesper!$R$2:$R$366,ROW(INDEX(Jesper!AH$2:AH$366,ROUNDDOWN($C1353/24,0)+1,1))-1)+IF('Standard Profiles'!$G$18=$B$10,7,0)+IF('Standard Profiles'!$G$18=$B$17,14,0)+IF('Standard Profiles'!$G$18=$B$24,21,0),0)),0)</f>
        <v>6.2754306355514871</v>
      </c>
      <c r="E1353" cm="1">
        <f t="array" ref="E1353">IFERROR(INDEX(Jesper!AI$2:AI$366,ROUNDDOWN($C1353/24,0)+1,1)*INDEX($D$3:$AA$30,INDEX(Jesper!$R$2:$R$366,ROW(INDEX(Jesper!AI$2:AI$366,ROUNDDOWN($C1353/24,0)+1,1))-1)+IF('Standard Profiles'!$G$19=$B$10,7,0)+IF('Standard Profiles'!$G$19=$B$17,14,0)+IF('Standard Profiles'!$G$19=$B$24,21,0),MOD($C1353,24)+1)/SUM(INDEX($D$3:$AA$30,INDEX(Jesper!$R$2:$R$366,ROW(INDEX(Jesper!AI$2:AI$366,ROUNDDOWN($C1353/24,0)+1,1))-1)+IF('Standard Profiles'!$G$19=$B$10,7,0)+IF('Standard Profiles'!$G$19=$B$17,14,0)+IF('Standard Profiles'!$G$19=$B$24,21,0),0)),0)</f>
        <v>1.4217500286177553</v>
      </c>
      <c r="F1353" cm="1">
        <f t="array" ref="F1353">IFERROR(INDEX(Jesper!AJ$2:AJ$366,ROUNDDOWN($C1353/24,0)+1,1)*INDEX($D$3:$AA$30,INDEX(Jesper!$R$2:$R$366,ROW(INDEX(Jesper!AJ$2:AJ$366,ROUNDDOWN($C1353/24,0)+1,1))-1)+IF('Standard Profiles'!$G$20=$B$10,7,0)+IF('Standard Profiles'!$G$20=$B$17,14,0)+IF('Standard Profiles'!$G$20=$B$24,21,0),MOD($C1353,24)+1)/SUM(INDEX($D$3:$AA$30,INDEX(Jesper!$R$2:$R$366,ROW(INDEX(Jesper!AJ$2:AJ$366,ROUNDDOWN($C1353/24,0)+1,1))-1)+IF('Standard Profiles'!$G$20=$B$10,7,0)+IF('Standard Profiles'!$G$20=$B$17,14,0)+IF('Standard Profiles'!$G$20=$B$24,21,0),0)),0)</f>
        <v>0</v>
      </c>
      <c r="G1353" cm="1">
        <f t="array" ref="G1353">IFERROR(INDEX(Jesper!AK$2:AK$366,ROUNDDOWN($C1353/24,0)+1,1)*INDEX($D$3:$AA$30,INDEX(Jesper!$R$2:$R$366,ROW(INDEX(Jesper!AK$2:AK$366,ROUNDDOWN($C1353/24,0)+1,1))-1)+IF('Standard Profiles'!$G$21=$B$10,7,0)+IF('Standard Profiles'!$G$21=$B$17,14,0)+IF('Standard Profiles'!$G$21=$B$24,21,0),MOD($C1353,24)+1)/SUM(INDEX($D$3:$AA$30,INDEX(Jesper!$R$2:$R$366,ROW(INDEX(Jesper!AK$2:AK$366,ROUNDDOWN($C1353/24,0)+1,1))-1)+IF('Standard Profiles'!$G$21=$B$10,7,0)+IF('Standard Profiles'!$G$21=$B$17,14,0)+IF('Standard Profiles'!$G$21=$B$24,21,0),0)),0)</f>
        <v>0</v>
      </c>
      <c r="H1353" cm="1">
        <f t="array" ref="H1353">IFERROR(INDEX(Jesper!AL$2:AL$366,ROUNDDOWN($C1353/24,0)+1,1)*INDEX($D$3:$AA$30,INDEX(Jesper!$R$2:$R$366,ROW(INDEX(Jesper!AL$2:AL$366,ROUNDDOWN($C1353/24,0)+1,1))-1)+IF('Standard Profiles'!$G$22=$B$10,7,0)+IF('Standard Profiles'!$G$22=$B$17,14,0)+IF('Standard Profiles'!$G$22=$B$24,21,0),MOD($C1353,24)+1)/SUM(INDEX($D$3:$AA$30,INDEX(Jesper!$R$2:$R$366,ROW(INDEX(Jesper!AL$2:AL$366,ROUNDDOWN($C1353/24,0)+1,1))-1)+IF('Standard Profiles'!$G$22=$B$10,7,0)+IF('Standard Profiles'!$G$22=$B$17,14,0)+IF('Standard Profiles'!$G$22=$B$24,21,0),0)),0)</f>
        <v>0</v>
      </c>
      <c r="I1353">
        <f t="shared" si="160"/>
        <v>0.12808558816376178</v>
      </c>
      <c r="J1353">
        <f t="shared" si="161"/>
        <v>0.42695196054587264</v>
      </c>
      <c r="K1353">
        <f t="shared" si="162"/>
        <v>0.64042794081880894</v>
      </c>
      <c r="L1353">
        <f t="shared" si="163"/>
        <v>6.5017151746407995</v>
      </c>
      <c r="M1353">
        <f t="shared" si="164"/>
        <v>0</v>
      </c>
      <c r="N1353" s="46">
        <f t="shared" si="165"/>
        <v>45346.958333330134</v>
      </c>
    </row>
    <row r="1354" spans="2:14" x14ac:dyDescent="0.3">
      <c r="B1354">
        <f t="shared" si="159"/>
        <v>7</v>
      </c>
      <c r="C1354" s="16">
        <v>1320</v>
      </c>
      <c r="D1354" cm="1">
        <f t="array" ref="D1354">IFERROR(INDEX(Jesper!AH$2:AH$366,ROUNDDOWN($C1354/24,0)+1,1)*INDEX($D$3:$AA$30,INDEX(Jesper!$R$2:$R$366,ROW(INDEX(Jesper!AH$2:AH$366,ROUNDDOWN($C1354/24,0)+1,1))-1)+IF('Standard Profiles'!$G$18=$B$10,7,0)+IF('Standard Profiles'!$G$18=$B$17,14,0)+IF('Standard Profiles'!$G$18=$B$24,21,0),MOD($C1354,24)+1)/SUM(INDEX($D$3:$AA$30,INDEX(Jesper!$R$2:$R$366,ROW(INDEX(Jesper!AH$2:AH$366,ROUNDDOWN($C1354/24,0)+1,1))-1)+IF('Standard Profiles'!$G$18=$B$10,7,0)+IF('Standard Profiles'!$G$18=$B$17,14,0)+IF('Standard Profiles'!$G$18=$B$24,21,0),0)),0)</f>
        <v>7.122075452273279</v>
      </c>
      <c r="E1354" cm="1">
        <f t="array" ref="E1354">IFERROR(INDEX(Jesper!AI$2:AI$366,ROUNDDOWN($C1354/24,0)+1,1)*INDEX($D$3:$AA$30,INDEX(Jesper!$R$2:$R$366,ROW(INDEX(Jesper!AI$2:AI$366,ROUNDDOWN($C1354/24,0)+1,1))-1)+IF('Standard Profiles'!$G$19=$B$10,7,0)+IF('Standard Profiles'!$G$19=$B$17,14,0)+IF('Standard Profiles'!$G$19=$B$24,21,0),MOD($C1354,24)+1)/SUM(INDEX($D$3:$AA$30,INDEX(Jesper!$R$2:$R$366,ROW(INDEX(Jesper!AI$2:AI$366,ROUNDDOWN($C1354/24,0)+1,1))-1)+IF('Standard Profiles'!$G$19=$B$10,7,0)+IF('Standard Profiles'!$G$19=$B$17,14,0)+IF('Standard Profiles'!$G$19=$B$24,21,0),0)),0)</f>
        <v>1.6104577231168404</v>
      </c>
      <c r="F1354" cm="1">
        <f t="array" ref="F1354">IFERROR(INDEX(Jesper!AJ$2:AJ$366,ROUNDDOWN($C1354/24,0)+1,1)*INDEX($D$3:$AA$30,INDEX(Jesper!$R$2:$R$366,ROW(INDEX(Jesper!AJ$2:AJ$366,ROUNDDOWN($C1354/24,0)+1,1))-1)+IF('Standard Profiles'!$G$20=$B$10,7,0)+IF('Standard Profiles'!$G$20=$B$17,14,0)+IF('Standard Profiles'!$G$20=$B$24,21,0),MOD($C1354,24)+1)/SUM(INDEX($D$3:$AA$30,INDEX(Jesper!$R$2:$R$366,ROW(INDEX(Jesper!AJ$2:AJ$366,ROUNDDOWN($C1354/24,0)+1,1))-1)+IF('Standard Profiles'!$G$20=$B$10,7,0)+IF('Standard Profiles'!$G$20=$B$17,14,0)+IF('Standard Profiles'!$G$20=$B$24,21,0),0)),0)</f>
        <v>0</v>
      </c>
      <c r="G1354" cm="1">
        <f t="array" ref="G1354">IFERROR(INDEX(Jesper!AK$2:AK$366,ROUNDDOWN($C1354/24,0)+1,1)*INDEX($D$3:$AA$30,INDEX(Jesper!$R$2:$R$366,ROW(INDEX(Jesper!AK$2:AK$366,ROUNDDOWN($C1354/24,0)+1,1))-1)+IF('Standard Profiles'!$G$21=$B$10,7,0)+IF('Standard Profiles'!$G$21=$B$17,14,0)+IF('Standard Profiles'!$G$21=$B$24,21,0),MOD($C1354,24)+1)/SUM(INDEX($D$3:$AA$30,INDEX(Jesper!$R$2:$R$366,ROW(INDEX(Jesper!AK$2:AK$366,ROUNDDOWN($C1354/24,0)+1,1))-1)+IF('Standard Profiles'!$G$21=$B$10,7,0)+IF('Standard Profiles'!$G$21=$B$17,14,0)+IF('Standard Profiles'!$G$21=$B$24,21,0),0)),0)</f>
        <v>0</v>
      </c>
      <c r="H1354" cm="1">
        <f t="array" ref="H1354">IFERROR(INDEX(Jesper!AL$2:AL$366,ROUNDDOWN($C1354/24,0)+1,1)*INDEX($D$3:$AA$30,INDEX(Jesper!$R$2:$R$366,ROW(INDEX(Jesper!AL$2:AL$366,ROUNDDOWN($C1354/24,0)+1,1))-1)+IF('Standard Profiles'!$G$22=$B$10,7,0)+IF('Standard Profiles'!$G$22=$B$17,14,0)+IF('Standard Profiles'!$G$22=$B$24,21,0),MOD($C1354,24)+1)/SUM(INDEX($D$3:$AA$30,INDEX(Jesper!$R$2:$R$366,ROW(INDEX(Jesper!AL$2:AL$366,ROUNDDOWN($C1354/24,0)+1,1))-1)+IF('Standard Profiles'!$G$22=$B$10,7,0)+IF('Standard Profiles'!$G$22=$B$17,14,0)+IF('Standard Profiles'!$G$22=$B$24,21,0),0)),0)</f>
        <v>0</v>
      </c>
      <c r="I1354">
        <f t="shared" si="160"/>
        <v>0.14508628136187757</v>
      </c>
      <c r="J1354">
        <f t="shared" si="161"/>
        <v>0.48362093787292526</v>
      </c>
      <c r="K1354">
        <f t="shared" si="162"/>
        <v>0.72543140680938789</v>
      </c>
      <c r="L1354">
        <f t="shared" si="163"/>
        <v>7.3783945493459289</v>
      </c>
      <c r="M1354">
        <f t="shared" si="164"/>
        <v>0</v>
      </c>
      <c r="N1354" s="46">
        <f t="shared" si="165"/>
        <v>45346.999999996799</v>
      </c>
    </row>
    <row r="1355" spans="2:14" x14ac:dyDescent="0.3">
      <c r="B1355">
        <f t="shared" si="159"/>
        <v>7</v>
      </c>
      <c r="C1355" s="16">
        <v>1321</v>
      </c>
      <c r="D1355" cm="1">
        <f t="array" ref="D1355">IFERROR(INDEX(Jesper!AH$2:AH$366,ROUNDDOWN($C1355/24,0)+1,1)*INDEX($D$3:$AA$30,INDEX(Jesper!$R$2:$R$366,ROW(INDEX(Jesper!AH$2:AH$366,ROUNDDOWN($C1355/24,0)+1,1))-1)+IF('Standard Profiles'!$G$18=$B$10,7,0)+IF('Standard Profiles'!$G$18=$B$17,14,0)+IF('Standard Profiles'!$G$18=$B$24,21,0),MOD($C1355,24)+1)/SUM(INDEX($D$3:$AA$30,INDEX(Jesper!$R$2:$R$366,ROW(INDEX(Jesper!AH$2:AH$366,ROUNDDOWN($C1355/24,0)+1,1))-1)+IF('Standard Profiles'!$G$18=$B$10,7,0)+IF('Standard Profiles'!$G$18=$B$17,14,0)+IF('Standard Profiles'!$G$18=$B$24,21,0),0)),0)</f>
        <v>8.2707972994141308</v>
      </c>
      <c r="E1355" cm="1">
        <f t="array" ref="E1355">IFERROR(INDEX(Jesper!AI$2:AI$366,ROUNDDOWN($C1355/24,0)+1,1)*INDEX($D$3:$AA$30,INDEX(Jesper!$R$2:$R$366,ROW(INDEX(Jesper!AI$2:AI$366,ROUNDDOWN($C1355/24,0)+1,1))-1)+IF('Standard Profiles'!$G$19=$B$10,7,0)+IF('Standard Profiles'!$G$19=$B$17,14,0)+IF('Standard Profiles'!$G$19=$B$24,21,0),MOD($C1355,24)+1)/SUM(INDEX($D$3:$AA$30,INDEX(Jesper!$R$2:$R$366,ROW(INDEX(Jesper!AI$2:AI$366,ROUNDDOWN($C1355/24,0)+1,1))-1)+IF('Standard Profiles'!$G$19=$B$10,7,0)+IF('Standard Profiles'!$G$19=$B$17,14,0)+IF('Standard Profiles'!$G$19=$B$24,21,0),0)),0)</f>
        <v>1.8702089687808467</v>
      </c>
      <c r="F1355" cm="1">
        <f t="array" ref="F1355">IFERROR(INDEX(Jesper!AJ$2:AJ$366,ROUNDDOWN($C1355/24,0)+1,1)*INDEX($D$3:$AA$30,INDEX(Jesper!$R$2:$R$366,ROW(INDEX(Jesper!AJ$2:AJ$366,ROUNDDOWN($C1355/24,0)+1,1))-1)+IF('Standard Profiles'!$G$20=$B$10,7,0)+IF('Standard Profiles'!$G$20=$B$17,14,0)+IF('Standard Profiles'!$G$20=$B$24,21,0),MOD($C1355,24)+1)/SUM(INDEX($D$3:$AA$30,INDEX(Jesper!$R$2:$R$366,ROW(INDEX(Jesper!AJ$2:AJ$366,ROUNDDOWN($C1355/24,0)+1,1))-1)+IF('Standard Profiles'!$G$20=$B$10,7,0)+IF('Standard Profiles'!$G$20=$B$17,14,0)+IF('Standard Profiles'!$G$20=$B$24,21,0),0)),0)</f>
        <v>0</v>
      </c>
      <c r="G1355" cm="1">
        <f t="array" ref="G1355">IFERROR(INDEX(Jesper!AK$2:AK$366,ROUNDDOWN($C1355/24,0)+1,1)*INDEX($D$3:$AA$30,INDEX(Jesper!$R$2:$R$366,ROW(INDEX(Jesper!AK$2:AK$366,ROUNDDOWN($C1355/24,0)+1,1))-1)+IF('Standard Profiles'!$G$21=$B$10,7,0)+IF('Standard Profiles'!$G$21=$B$17,14,0)+IF('Standard Profiles'!$G$21=$B$24,21,0),MOD($C1355,24)+1)/SUM(INDEX($D$3:$AA$30,INDEX(Jesper!$R$2:$R$366,ROW(INDEX(Jesper!AK$2:AK$366,ROUNDDOWN($C1355/24,0)+1,1))-1)+IF('Standard Profiles'!$G$21=$B$10,7,0)+IF('Standard Profiles'!$G$21=$B$17,14,0)+IF('Standard Profiles'!$G$21=$B$24,21,0),0)),0)</f>
        <v>0</v>
      </c>
      <c r="H1355" cm="1">
        <f t="array" ref="H1355">IFERROR(INDEX(Jesper!AL$2:AL$366,ROUNDDOWN($C1355/24,0)+1,1)*INDEX($D$3:$AA$30,INDEX(Jesper!$R$2:$R$366,ROW(INDEX(Jesper!AL$2:AL$366,ROUNDDOWN($C1355/24,0)+1,1))-1)+IF('Standard Profiles'!$G$22=$B$10,7,0)+IF('Standard Profiles'!$G$22=$B$17,14,0)+IF('Standard Profiles'!$G$22=$B$24,21,0),MOD($C1355,24)+1)/SUM(INDEX($D$3:$AA$30,INDEX(Jesper!$R$2:$R$366,ROW(INDEX(Jesper!AL$2:AL$366,ROUNDDOWN($C1355/24,0)+1,1))-1)+IF('Standard Profiles'!$G$22=$B$10,7,0)+IF('Standard Profiles'!$G$22=$B$17,14,0)+IF('Standard Profiles'!$G$22=$B$24,21,0),0)),0)</f>
        <v>0</v>
      </c>
      <c r="I1355">
        <f t="shared" si="160"/>
        <v>0.16848729448476102</v>
      </c>
      <c r="J1355">
        <f t="shared" si="161"/>
        <v>0.5616243149492034</v>
      </c>
      <c r="K1355">
        <f t="shared" si="162"/>
        <v>0.84243647242380515</v>
      </c>
      <c r="L1355">
        <f t="shared" si="163"/>
        <v>8.5684581863372085</v>
      </c>
      <c r="M1355">
        <f t="shared" si="164"/>
        <v>0</v>
      </c>
      <c r="N1355" s="46">
        <f t="shared" si="165"/>
        <v>45347.041666663463</v>
      </c>
    </row>
    <row r="1356" spans="2:14" x14ac:dyDescent="0.3">
      <c r="B1356">
        <f t="shared" si="159"/>
        <v>7</v>
      </c>
      <c r="C1356" s="16">
        <v>1322</v>
      </c>
      <c r="D1356" cm="1">
        <f t="array" ref="D1356">IFERROR(INDEX(Jesper!AH$2:AH$366,ROUNDDOWN($C1356/24,0)+1,1)*INDEX($D$3:$AA$30,INDEX(Jesper!$R$2:$R$366,ROW(INDEX(Jesper!AH$2:AH$366,ROUNDDOWN($C1356/24,0)+1,1))-1)+IF('Standard Profiles'!$G$18=$B$10,7,0)+IF('Standard Profiles'!$G$18=$B$17,14,0)+IF('Standard Profiles'!$G$18=$B$24,21,0),MOD($C1356,24)+1)/SUM(INDEX($D$3:$AA$30,INDEX(Jesper!$R$2:$R$366,ROW(INDEX(Jesper!AH$2:AH$366,ROUNDDOWN($C1356/24,0)+1,1))-1)+IF('Standard Profiles'!$G$18=$B$10,7,0)+IF('Standard Profiles'!$G$18=$B$17,14,0)+IF('Standard Profiles'!$G$18=$B$24,21,0),0)),0)</f>
        <v>8.2707972994141308</v>
      </c>
      <c r="E1356" cm="1">
        <f t="array" ref="E1356">IFERROR(INDEX(Jesper!AI$2:AI$366,ROUNDDOWN($C1356/24,0)+1,1)*INDEX($D$3:$AA$30,INDEX(Jesper!$R$2:$R$366,ROW(INDEX(Jesper!AI$2:AI$366,ROUNDDOWN($C1356/24,0)+1,1))-1)+IF('Standard Profiles'!$G$19=$B$10,7,0)+IF('Standard Profiles'!$G$19=$B$17,14,0)+IF('Standard Profiles'!$G$19=$B$24,21,0),MOD($C1356,24)+1)/SUM(INDEX($D$3:$AA$30,INDEX(Jesper!$R$2:$R$366,ROW(INDEX(Jesper!AI$2:AI$366,ROUNDDOWN($C1356/24,0)+1,1))-1)+IF('Standard Profiles'!$G$19=$B$10,7,0)+IF('Standard Profiles'!$G$19=$B$17,14,0)+IF('Standard Profiles'!$G$19=$B$24,21,0),0)),0)</f>
        <v>1.8702089687808467</v>
      </c>
      <c r="F1356" cm="1">
        <f t="array" ref="F1356">IFERROR(INDEX(Jesper!AJ$2:AJ$366,ROUNDDOWN($C1356/24,0)+1,1)*INDEX($D$3:$AA$30,INDEX(Jesper!$R$2:$R$366,ROW(INDEX(Jesper!AJ$2:AJ$366,ROUNDDOWN($C1356/24,0)+1,1))-1)+IF('Standard Profiles'!$G$20=$B$10,7,0)+IF('Standard Profiles'!$G$20=$B$17,14,0)+IF('Standard Profiles'!$G$20=$B$24,21,0),MOD($C1356,24)+1)/SUM(INDEX($D$3:$AA$30,INDEX(Jesper!$R$2:$R$366,ROW(INDEX(Jesper!AJ$2:AJ$366,ROUNDDOWN($C1356/24,0)+1,1))-1)+IF('Standard Profiles'!$G$20=$B$10,7,0)+IF('Standard Profiles'!$G$20=$B$17,14,0)+IF('Standard Profiles'!$G$20=$B$24,21,0),0)),0)</f>
        <v>0</v>
      </c>
      <c r="G1356" cm="1">
        <f t="array" ref="G1356">IFERROR(INDEX(Jesper!AK$2:AK$366,ROUNDDOWN($C1356/24,0)+1,1)*INDEX($D$3:$AA$30,INDEX(Jesper!$R$2:$R$366,ROW(INDEX(Jesper!AK$2:AK$366,ROUNDDOWN($C1356/24,0)+1,1))-1)+IF('Standard Profiles'!$G$21=$B$10,7,0)+IF('Standard Profiles'!$G$21=$B$17,14,0)+IF('Standard Profiles'!$G$21=$B$24,21,0),MOD($C1356,24)+1)/SUM(INDEX($D$3:$AA$30,INDEX(Jesper!$R$2:$R$366,ROW(INDEX(Jesper!AK$2:AK$366,ROUNDDOWN($C1356/24,0)+1,1))-1)+IF('Standard Profiles'!$G$21=$B$10,7,0)+IF('Standard Profiles'!$G$21=$B$17,14,0)+IF('Standard Profiles'!$G$21=$B$24,21,0),0)),0)</f>
        <v>0</v>
      </c>
      <c r="H1356" cm="1">
        <f t="array" ref="H1356">IFERROR(INDEX(Jesper!AL$2:AL$366,ROUNDDOWN($C1356/24,0)+1,1)*INDEX($D$3:$AA$30,INDEX(Jesper!$R$2:$R$366,ROW(INDEX(Jesper!AL$2:AL$366,ROUNDDOWN($C1356/24,0)+1,1))-1)+IF('Standard Profiles'!$G$22=$B$10,7,0)+IF('Standard Profiles'!$G$22=$B$17,14,0)+IF('Standard Profiles'!$G$22=$B$24,21,0),MOD($C1356,24)+1)/SUM(INDEX($D$3:$AA$30,INDEX(Jesper!$R$2:$R$366,ROW(INDEX(Jesper!AL$2:AL$366,ROUNDDOWN($C1356/24,0)+1,1))-1)+IF('Standard Profiles'!$G$22=$B$10,7,0)+IF('Standard Profiles'!$G$22=$B$17,14,0)+IF('Standard Profiles'!$G$22=$B$24,21,0),0)),0)</f>
        <v>0</v>
      </c>
      <c r="I1356">
        <f t="shared" si="160"/>
        <v>0.16848729448476102</v>
      </c>
      <c r="J1356">
        <f t="shared" si="161"/>
        <v>0.5616243149492034</v>
      </c>
      <c r="K1356">
        <f t="shared" si="162"/>
        <v>0.84243647242380515</v>
      </c>
      <c r="L1356">
        <f t="shared" si="163"/>
        <v>8.5684581863372085</v>
      </c>
      <c r="M1356">
        <f t="shared" si="164"/>
        <v>0</v>
      </c>
      <c r="N1356" s="46">
        <f t="shared" si="165"/>
        <v>45347.083333330127</v>
      </c>
    </row>
    <row r="1357" spans="2:14" x14ac:dyDescent="0.3">
      <c r="B1357">
        <f t="shared" si="159"/>
        <v>7</v>
      </c>
      <c r="C1357" s="16">
        <v>1323</v>
      </c>
      <c r="D1357" cm="1">
        <f t="array" ref="D1357">IFERROR(INDEX(Jesper!AH$2:AH$366,ROUNDDOWN($C1357/24,0)+1,1)*INDEX($D$3:$AA$30,INDEX(Jesper!$R$2:$R$366,ROW(INDEX(Jesper!AH$2:AH$366,ROUNDDOWN($C1357/24,0)+1,1))-1)+IF('Standard Profiles'!$G$18=$B$10,7,0)+IF('Standard Profiles'!$G$18=$B$17,14,0)+IF('Standard Profiles'!$G$18=$B$24,21,0),MOD($C1357,24)+1)/SUM(INDEX($D$3:$AA$30,INDEX(Jesper!$R$2:$R$366,ROW(INDEX(Jesper!AH$2:AH$366,ROUNDDOWN($C1357/24,0)+1,1))-1)+IF('Standard Profiles'!$G$18=$B$10,7,0)+IF('Standard Profiles'!$G$18=$B$17,14,0)+IF('Standard Profiles'!$G$18=$B$24,21,0),0)),0)</f>
        <v>8.2707972994141308</v>
      </c>
      <c r="E1357" cm="1">
        <f t="array" ref="E1357">IFERROR(INDEX(Jesper!AI$2:AI$366,ROUNDDOWN($C1357/24,0)+1,1)*INDEX($D$3:$AA$30,INDEX(Jesper!$R$2:$R$366,ROW(INDEX(Jesper!AI$2:AI$366,ROUNDDOWN($C1357/24,0)+1,1))-1)+IF('Standard Profiles'!$G$19=$B$10,7,0)+IF('Standard Profiles'!$G$19=$B$17,14,0)+IF('Standard Profiles'!$G$19=$B$24,21,0),MOD($C1357,24)+1)/SUM(INDEX($D$3:$AA$30,INDEX(Jesper!$R$2:$R$366,ROW(INDEX(Jesper!AI$2:AI$366,ROUNDDOWN($C1357/24,0)+1,1))-1)+IF('Standard Profiles'!$G$19=$B$10,7,0)+IF('Standard Profiles'!$G$19=$B$17,14,0)+IF('Standard Profiles'!$G$19=$B$24,21,0),0)),0)</f>
        <v>1.8702089687808467</v>
      </c>
      <c r="F1357" cm="1">
        <f t="array" ref="F1357">IFERROR(INDEX(Jesper!AJ$2:AJ$366,ROUNDDOWN($C1357/24,0)+1,1)*INDEX($D$3:$AA$30,INDEX(Jesper!$R$2:$R$366,ROW(INDEX(Jesper!AJ$2:AJ$366,ROUNDDOWN($C1357/24,0)+1,1))-1)+IF('Standard Profiles'!$G$20=$B$10,7,0)+IF('Standard Profiles'!$G$20=$B$17,14,0)+IF('Standard Profiles'!$G$20=$B$24,21,0),MOD($C1357,24)+1)/SUM(INDEX($D$3:$AA$30,INDEX(Jesper!$R$2:$R$366,ROW(INDEX(Jesper!AJ$2:AJ$366,ROUNDDOWN($C1357/24,0)+1,1))-1)+IF('Standard Profiles'!$G$20=$B$10,7,0)+IF('Standard Profiles'!$G$20=$B$17,14,0)+IF('Standard Profiles'!$G$20=$B$24,21,0),0)),0)</f>
        <v>0</v>
      </c>
      <c r="G1357" cm="1">
        <f t="array" ref="G1357">IFERROR(INDEX(Jesper!AK$2:AK$366,ROUNDDOWN($C1357/24,0)+1,1)*INDEX($D$3:$AA$30,INDEX(Jesper!$R$2:$R$366,ROW(INDEX(Jesper!AK$2:AK$366,ROUNDDOWN($C1357/24,0)+1,1))-1)+IF('Standard Profiles'!$G$21=$B$10,7,0)+IF('Standard Profiles'!$G$21=$B$17,14,0)+IF('Standard Profiles'!$G$21=$B$24,21,0),MOD($C1357,24)+1)/SUM(INDEX($D$3:$AA$30,INDEX(Jesper!$R$2:$R$366,ROW(INDEX(Jesper!AK$2:AK$366,ROUNDDOWN($C1357/24,0)+1,1))-1)+IF('Standard Profiles'!$G$21=$B$10,7,0)+IF('Standard Profiles'!$G$21=$B$17,14,0)+IF('Standard Profiles'!$G$21=$B$24,21,0),0)),0)</f>
        <v>0</v>
      </c>
      <c r="H1357" cm="1">
        <f t="array" ref="H1357">IFERROR(INDEX(Jesper!AL$2:AL$366,ROUNDDOWN($C1357/24,0)+1,1)*INDEX($D$3:$AA$30,INDEX(Jesper!$R$2:$R$366,ROW(INDEX(Jesper!AL$2:AL$366,ROUNDDOWN($C1357/24,0)+1,1))-1)+IF('Standard Profiles'!$G$22=$B$10,7,0)+IF('Standard Profiles'!$G$22=$B$17,14,0)+IF('Standard Profiles'!$G$22=$B$24,21,0),MOD($C1357,24)+1)/SUM(INDEX($D$3:$AA$30,INDEX(Jesper!$R$2:$R$366,ROW(INDEX(Jesper!AL$2:AL$366,ROUNDDOWN($C1357/24,0)+1,1))-1)+IF('Standard Profiles'!$G$22=$B$10,7,0)+IF('Standard Profiles'!$G$22=$B$17,14,0)+IF('Standard Profiles'!$G$22=$B$24,21,0),0)),0)</f>
        <v>0</v>
      </c>
      <c r="I1357">
        <f t="shared" si="160"/>
        <v>0.16848729448476102</v>
      </c>
      <c r="J1357">
        <f t="shared" si="161"/>
        <v>0.5616243149492034</v>
      </c>
      <c r="K1357">
        <f t="shared" si="162"/>
        <v>0.84243647242380515</v>
      </c>
      <c r="L1357">
        <f t="shared" si="163"/>
        <v>8.5684581863372085</v>
      </c>
      <c r="M1357">
        <f t="shared" si="164"/>
        <v>0</v>
      </c>
      <c r="N1357" s="46">
        <f t="shared" si="165"/>
        <v>45347.124999996791</v>
      </c>
    </row>
    <row r="1358" spans="2:14" x14ac:dyDescent="0.3">
      <c r="B1358">
        <f t="shared" si="159"/>
        <v>7</v>
      </c>
      <c r="C1358" s="16">
        <v>1324</v>
      </c>
      <c r="D1358" cm="1">
        <f t="array" ref="D1358">IFERROR(INDEX(Jesper!AH$2:AH$366,ROUNDDOWN($C1358/24,0)+1,1)*INDEX($D$3:$AA$30,INDEX(Jesper!$R$2:$R$366,ROW(INDEX(Jesper!AH$2:AH$366,ROUNDDOWN($C1358/24,0)+1,1))-1)+IF('Standard Profiles'!$G$18=$B$10,7,0)+IF('Standard Profiles'!$G$18=$B$17,14,0)+IF('Standard Profiles'!$G$18=$B$24,21,0),MOD($C1358,24)+1)/SUM(INDEX($D$3:$AA$30,INDEX(Jesper!$R$2:$R$366,ROW(INDEX(Jesper!AH$2:AH$366,ROUNDDOWN($C1358/24,0)+1,1))-1)+IF('Standard Profiles'!$G$18=$B$10,7,0)+IF('Standard Profiles'!$G$18=$B$17,14,0)+IF('Standard Profiles'!$G$18=$B$24,21,0),0)),0)</f>
        <v>8.2707972994141308</v>
      </c>
      <c r="E1358" cm="1">
        <f t="array" ref="E1358">IFERROR(INDEX(Jesper!AI$2:AI$366,ROUNDDOWN($C1358/24,0)+1,1)*INDEX($D$3:$AA$30,INDEX(Jesper!$R$2:$R$366,ROW(INDEX(Jesper!AI$2:AI$366,ROUNDDOWN($C1358/24,0)+1,1))-1)+IF('Standard Profiles'!$G$19=$B$10,7,0)+IF('Standard Profiles'!$G$19=$B$17,14,0)+IF('Standard Profiles'!$G$19=$B$24,21,0),MOD($C1358,24)+1)/SUM(INDEX($D$3:$AA$30,INDEX(Jesper!$R$2:$R$366,ROW(INDEX(Jesper!AI$2:AI$366,ROUNDDOWN($C1358/24,0)+1,1))-1)+IF('Standard Profiles'!$G$19=$B$10,7,0)+IF('Standard Profiles'!$G$19=$B$17,14,0)+IF('Standard Profiles'!$G$19=$B$24,21,0),0)),0)</f>
        <v>1.8702089687808467</v>
      </c>
      <c r="F1358" cm="1">
        <f t="array" ref="F1358">IFERROR(INDEX(Jesper!AJ$2:AJ$366,ROUNDDOWN($C1358/24,0)+1,1)*INDEX($D$3:$AA$30,INDEX(Jesper!$R$2:$R$366,ROW(INDEX(Jesper!AJ$2:AJ$366,ROUNDDOWN($C1358/24,0)+1,1))-1)+IF('Standard Profiles'!$G$20=$B$10,7,0)+IF('Standard Profiles'!$G$20=$B$17,14,0)+IF('Standard Profiles'!$G$20=$B$24,21,0),MOD($C1358,24)+1)/SUM(INDEX($D$3:$AA$30,INDEX(Jesper!$R$2:$R$366,ROW(INDEX(Jesper!AJ$2:AJ$366,ROUNDDOWN($C1358/24,0)+1,1))-1)+IF('Standard Profiles'!$G$20=$B$10,7,0)+IF('Standard Profiles'!$G$20=$B$17,14,0)+IF('Standard Profiles'!$G$20=$B$24,21,0),0)),0)</f>
        <v>0</v>
      </c>
      <c r="G1358" cm="1">
        <f t="array" ref="G1358">IFERROR(INDEX(Jesper!AK$2:AK$366,ROUNDDOWN($C1358/24,0)+1,1)*INDEX($D$3:$AA$30,INDEX(Jesper!$R$2:$R$366,ROW(INDEX(Jesper!AK$2:AK$366,ROUNDDOWN($C1358/24,0)+1,1))-1)+IF('Standard Profiles'!$G$21=$B$10,7,0)+IF('Standard Profiles'!$G$21=$B$17,14,0)+IF('Standard Profiles'!$G$21=$B$24,21,0),MOD($C1358,24)+1)/SUM(INDEX($D$3:$AA$30,INDEX(Jesper!$R$2:$R$366,ROW(INDEX(Jesper!AK$2:AK$366,ROUNDDOWN($C1358/24,0)+1,1))-1)+IF('Standard Profiles'!$G$21=$B$10,7,0)+IF('Standard Profiles'!$G$21=$B$17,14,0)+IF('Standard Profiles'!$G$21=$B$24,21,0),0)),0)</f>
        <v>0</v>
      </c>
      <c r="H1358" cm="1">
        <f t="array" ref="H1358">IFERROR(INDEX(Jesper!AL$2:AL$366,ROUNDDOWN($C1358/24,0)+1,1)*INDEX($D$3:$AA$30,INDEX(Jesper!$R$2:$R$366,ROW(INDEX(Jesper!AL$2:AL$366,ROUNDDOWN($C1358/24,0)+1,1))-1)+IF('Standard Profiles'!$G$22=$B$10,7,0)+IF('Standard Profiles'!$G$22=$B$17,14,0)+IF('Standard Profiles'!$G$22=$B$24,21,0),MOD($C1358,24)+1)/SUM(INDEX($D$3:$AA$30,INDEX(Jesper!$R$2:$R$366,ROW(INDEX(Jesper!AL$2:AL$366,ROUNDDOWN($C1358/24,0)+1,1))-1)+IF('Standard Profiles'!$G$22=$B$10,7,0)+IF('Standard Profiles'!$G$22=$B$17,14,0)+IF('Standard Profiles'!$G$22=$B$24,21,0),0)),0)</f>
        <v>0</v>
      </c>
      <c r="I1358">
        <f t="shared" si="160"/>
        <v>0.16848729448476102</v>
      </c>
      <c r="J1358">
        <f t="shared" si="161"/>
        <v>0.5616243149492034</v>
      </c>
      <c r="K1358">
        <f t="shared" si="162"/>
        <v>0.84243647242380515</v>
      </c>
      <c r="L1358">
        <f t="shared" si="163"/>
        <v>8.5684581863372085</v>
      </c>
      <c r="M1358">
        <f t="shared" si="164"/>
        <v>0</v>
      </c>
      <c r="N1358" s="46">
        <f t="shared" si="165"/>
        <v>45347.166666663456</v>
      </c>
    </row>
    <row r="1359" spans="2:14" x14ac:dyDescent="0.3">
      <c r="B1359">
        <f t="shared" si="159"/>
        <v>7</v>
      </c>
      <c r="C1359" s="16">
        <v>1325</v>
      </c>
      <c r="D1359" cm="1">
        <f t="array" ref="D1359">IFERROR(INDEX(Jesper!AH$2:AH$366,ROUNDDOWN($C1359/24,0)+1,1)*INDEX($D$3:$AA$30,INDEX(Jesper!$R$2:$R$366,ROW(INDEX(Jesper!AH$2:AH$366,ROUNDDOWN($C1359/24,0)+1,1))-1)+IF('Standard Profiles'!$G$18=$B$10,7,0)+IF('Standard Profiles'!$G$18=$B$17,14,0)+IF('Standard Profiles'!$G$18=$B$24,21,0),MOD($C1359,24)+1)/SUM(INDEX($D$3:$AA$30,INDEX(Jesper!$R$2:$R$366,ROW(INDEX(Jesper!AH$2:AH$366,ROUNDDOWN($C1359/24,0)+1,1))-1)+IF('Standard Profiles'!$G$18=$B$10,7,0)+IF('Standard Profiles'!$G$18=$B$17,14,0)+IF('Standard Profiles'!$G$18=$B$24,21,0),0)),0)</f>
        <v>10.338496624267663</v>
      </c>
      <c r="E1359" cm="1">
        <f t="array" ref="E1359">IFERROR(INDEX(Jesper!AI$2:AI$366,ROUNDDOWN($C1359/24,0)+1,1)*INDEX($D$3:$AA$30,INDEX(Jesper!$R$2:$R$366,ROW(INDEX(Jesper!AI$2:AI$366,ROUNDDOWN($C1359/24,0)+1,1))-1)+IF('Standard Profiles'!$G$19=$B$10,7,0)+IF('Standard Profiles'!$G$19=$B$17,14,0)+IF('Standard Profiles'!$G$19=$B$24,21,0),MOD($C1359,24)+1)/SUM(INDEX($D$3:$AA$30,INDEX(Jesper!$R$2:$R$366,ROW(INDEX(Jesper!AI$2:AI$366,ROUNDDOWN($C1359/24,0)+1,1))-1)+IF('Standard Profiles'!$G$19=$B$10,7,0)+IF('Standard Profiles'!$G$19=$B$17,14,0)+IF('Standard Profiles'!$G$19=$B$24,21,0),0)),0)</f>
        <v>2.3377612109760588</v>
      </c>
      <c r="F1359" cm="1">
        <f t="array" ref="F1359">IFERROR(INDEX(Jesper!AJ$2:AJ$366,ROUNDDOWN($C1359/24,0)+1,1)*INDEX($D$3:$AA$30,INDEX(Jesper!$R$2:$R$366,ROW(INDEX(Jesper!AJ$2:AJ$366,ROUNDDOWN($C1359/24,0)+1,1))-1)+IF('Standard Profiles'!$G$20=$B$10,7,0)+IF('Standard Profiles'!$G$20=$B$17,14,0)+IF('Standard Profiles'!$G$20=$B$24,21,0),MOD($C1359,24)+1)/SUM(INDEX($D$3:$AA$30,INDEX(Jesper!$R$2:$R$366,ROW(INDEX(Jesper!AJ$2:AJ$366,ROUNDDOWN($C1359/24,0)+1,1))-1)+IF('Standard Profiles'!$G$20=$B$10,7,0)+IF('Standard Profiles'!$G$20=$B$17,14,0)+IF('Standard Profiles'!$G$20=$B$24,21,0),0)),0)</f>
        <v>0</v>
      </c>
      <c r="G1359" cm="1">
        <f t="array" ref="G1359">IFERROR(INDEX(Jesper!AK$2:AK$366,ROUNDDOWN($C1359/24,0)+1,1)*INDEX($D$3:$AA$30,INDEX(Jesper!$R$2:$R$366,ROW(INDEX(Jesper!AK$2:AK$366,ROUNDDOWN($C1359/24,0)+1,1))-1)+IF('Standard Profiles'!$G$21=$B$10,7,0)+IF('Standard Profiles'!$G$21=$B$17,14,0)+IF('Standard Profiles'!$G$21=$B$24,21,0),MOD($C1359,24)+1)/SUM(INDEX($D$3:$AA$30,INDEX(Jesper!$R$2:$R$366,ROW(INDEX(Jesper!AK$2:AK$366,ROUNDDOWN($C1359/24,0)+1,1))-1)+IF('Standard Profiles'!$G$21=$B$10,7,0)+IF('Standard Profiles'!$G$21=$B$17,14,0)+IF('Standard Profiles'!$G$21=$B$24,21,0),0)),0)</f>
        <v>0</v>
      </c>
      <c r="H1359" cm="1">
        <f t="array" ref="H1359">IFERROR(INDEX(Jesper!AL$2:AL$366,ROUNDDOWN($C1359/24,0)+1,1)*INDEX($D$3:$AA$30,INDEX(Jesper!$R$2:$R$366,ROW(INDEX(Jesper!AL$2:AL$366,ROUNDDOWN($C1359/24,0)+1,1))-1)+IF('Standard Profiles'!$G$22=$B$10,7,0)+IF('Standard Profiles'!$G$22=$B$17,14,0)+IF('Standard Profiles'!$G$22=$B$24,21,0),MOD($C1359,24)+1)/SUM(INDEX($D$3:$AA$30,INDEX(Jesper!$R$2:$R$366,ROW(INDEX(Jesper!AL$2:AL$366,ROUNDDOWN($C1359/24,0)+1,1))-1)+IF('Standard Profiles'!$G$22=$B$10,7,0)+IF('Standard Profiles'!$G$22=$B$17,14,0)+IF('Standard Profiles'!$G$22=$B$24,21,0),0)),0)</f>
        <v>0</v>
      </c>
      <c r="I1359">
        <f t="shared" si="160"/>
        <v>0.21060911810595129</v>
      </c>
      <c r="J1359">
        <f t="shared" si="161"/>
        <v>0.70203039368650444</v>
      </c>
      <c r="K1359">
        <f t="shared" si="162"/>
        <v>1.0530455905297567</v>
      </c>
      <c r="L1359">
        <f t="shared" si="163"/>
        <v>10.710572732921509</v>
      </c>
      <c r="M1359">
        <f t="shared" si="164"/>
        <v>0</v>
      </c>
      <c r="N1359" s="46">
        <f t="shared" si="165"/>
        <v>45347.20833333012</v>
      </c>
    </row>
    <row r="1360" spans="2:14" x14ac:dyDescent="0.3">
      <c r="B1360">
        <f t="shared" si="159"/>
        <v>7</v>
      </c>
      <c r="C1360" s="16">
        <v>1326</v>
      </c>
      <c r="D1360" cm="1">
        <f t="array" ref="D1360">IFERROR(INDEX(Jesper!AH$2:AH$366,ROUNDDOWN($C1360/24,0)+1,1)*INDEX($D$3:$AA$30,INDEX(Jesper!$R$2:$R$366,ROW(INDEX(Jesper!AH$2:AH$366,ROUNDDOWN($C1360/24,0)+1,1))-1)+IF('Standard Profiles'!$G$18=$B$10,7,0)+IF('Standard Profiles'!$G$18=$B$17,14,0)+IF('Standard Profiles'!$G$18=$B$24,21,0),MOD($C1360,24)+1)/SUM(INDEX($D$3:$AA$30,INDEX(Jesper!$R$2:$R$366,ROW(INDEX(Jesper!AH$2:AH$366,ROUNDDOWN($C1360/24,0)+1,1))-1)+IF('Standard Profiles'!$G$18=$B$10,7,0)+IF('Standard Profiles'!$G$18=$B$17,14,0)+IF('Standard Profiles'!$G$18=$B$24,21,0),0)),0)</f>
        <v>12.176451579693024</v>
      </c>
      <c r="E1360" cm="1">
        <f t="array" ref="E1360">IFERROR(INDEX(Jesper!AI$2:AI$366,ROUNDDOWN($C1360/24,0)+1,1)*INDEX($D$3:$AA$30,INDEX(Jesper!$R$2:$R$366,ROW(INDEX(Jesper!AI$2:AI$366,ROUNDDOWN($C1360/24,0)+1,1))-1)+IF('Standard Profiles'!$G$19=$B$10,7,0)+IF('Standard Profiles'!$G$19=$B$17,14,0)+IF('Standard Profiles'!$G$19=$B$24,21,0),MOD($C1360,24)+1)/SUM(INDEX($D$3:$AA$30,INDEX(Jesper!$R$2:$R$366,ROW(INDEX(Jesper!AI$2:AI$366,ROUNDDOWN($C1360/24,0)+1,1))-1)+IF('Standard Profiles'!$G$19=$B$10,7,0)+IF('Standard Profiles'!$G$19=$B$17,14,0)+IF('Standard Profiles'!$G$19=$B$24,21,0),0)),0)</f>
        <v>2.753363204038469</v>
      </c>
      <c r="F1360" cm="1">
        <f t="array" ref="F1360">IFERROR(INDEX(Jesper!AJ$2:AJ$366,ROUNDDOWN($C1360/24,0)+1,1)*INDEX($D$3:$AA$30,INDEX(Jesper!$R$2:$R$366,ROW(INDEX(Jesper!AJ$2:AJ$366,ROUNDDOWN($C1360/24,0)+1,1))-1)+IF('Standard Profiles'!$G$20=$B$10,7,0)+IF('Standard Profiles'!$G$20=$B$17,14,0)+IF('Standard Profiles'!$G$20=$B$24,21,0),MOD($C1360,24)+1)/SUM(INDEX($D$3:$AA$30,INDEX(Jesper!$R$2:$R$366,ROW(INDEX(Jesper!AJ$2:AJ$366,ROUNDDOWN($C1360/24,0)+1,1))-1)+IF('Standard Profiles'!$G$20=$B$10,7,0)+IF('Standard Profiles'!$G$20=$B$17,14,0)+IF('Standard Profiles'!$G$20=$B$24,21,0),0)),0)</f>
        <v>0</v>
      </c>
      <c r="G1360" cm="1">
        <f t="array" ref="G1360">IFERROR(INDEX(Jesper!AK$2:AK$366,ROUNDDOWN($C1360/24,0)+1,1)*INDEX($D$3:$AA$30,INDEX(Jesper!$R$2:$R$366,ROW(INDEX(Jesper!AK$2:AK$366,ROUNDDOWN($C1360/24,0)+1,1))-1)+IF('Standard Profiles'!$G$21=$B$10,7,0)+IF('Standard Profiles'!$G$21=$B$17,14,0)+IF('Standard Profiles'!$G$21=$B$24,21,0),MOD($C1360,24)+1)/SUM(INDEX($D$3:$AA$30,INDEX(Jesper!$R$2:$R$366,ROW(INDEX(Jesper!AK$2:AK$366,ROUNDDOWN($C1360/24,0)+1,1))-1)+IF('Standard Profiles'!$G$21=$B$10,7,0)+IF('Standard Profiles'!$G$21=$B$17,14,0)+IF('Standard Profiles'!$G$21=$B$24,21,0),0)),0)</f>
        <v>0</v>
      </c>
      <c r="H1360" cm="1">
        <f t="array" ref="H1360">IFERROR(INDEX(Jesper!AL$2:AL$366,ROUNDDOWN($C1360/24,0)+1,1)*INDEX($D$3:$AA$30,INDEX(Jesper!$R$2:$R$366,ROW(INDEX(Jesper!AL$2:AL$366,ROUNDDOWN($C1360/24,0)+1,1))-1)+IF('Standard Profiles'!$G$22=$B$10,7,0)+IF('Standard Profiles'!$G$22=$B$17,14,0)+IF('Standard Profiles'!$G$22=$B$24,21,0),MOD($C1360,24)+1)/SUM(INDEX($D$3:$AA$30,INDEX(Jesper!$R$2:$R$366,ROW(INDEX(Jesper!AL$2:AL$366,ROUNDDOWN($C1360/24,0)+1,1))-1)+IF('Standard Profiles'!$G$22=$B$10,7,0)+IF('Standard Profiles'!$G$22=$B$17,14,0)+IF('Standard Profiles'!$G$22=$B$24,21,0),0)),0)</f>
        <v>0</v>
      </c>
      <c r="I1360">
        <f t="shared" si="160"/>
        <v>0.24805073910256484</v>
      </c>
      <c r="J1360">
        <f t="shared" si="161"/>
        <v>0.82683579700854959</v>
      </c>
      <c r="K1360">
        <f t="shared" si="162"/>
        <v>1.2402536955128243</v>
      </c>
      <c r="L1360">
        <f t="shared" si="163"/>
        <v>12.614674552107555</v>
      </c>
      <c r="M1360">
        <f t="shared" si="164"/>
        <v>0</v>
      </c>
      <c r="N1360" s="46">
        <f t="shared" si="165"/>
        <v>45347.249999996784</v>
      </c>
    </row>
    <row r="1361" spans="2:14" x14ac:dyDescent="0.3">
      <c r="B1361">
        <f t="shared" si="159"/>
        <v>7</v>
      </c>
      <c r="C1361" s="16">
        <v>1327</v>
      </c>
      <c r="D1361" cm="1">
        <f t="array" ref="D1361">IFERROR(INDEX(Jesper!AH$2:AH$366,ROUNDDOWN($C1361/24,0)+1,1)*INDEX($D$3:$AA$30,INDEX(Jesper!$R$2:$R$366,ROW(INDEX(Jesper!AH$2:AH$366,ROUNDDOWN($C1361/24,0)+1,1))-1)+IF('Standard Profiles'!$G$18=$B$10,7,0)+IF('Standard Profiles'!$G$18=$B$17,14,0)+IF('Standard Profiles'!$G$18=$B$24,21,0),MOD($C1361,24)+1)/SUM(INDEX($D$3:$AA$30,INDEX(Jesper!$R$2:$R$366,ROW(INDEX(Jesper!AH$2:AH$366,ROUNDDOWN($C1361/24,0)+1,1))-1)+IF('Standard Profiles'!$G$18=$B$10,7,0)+IF('Standard Profiles'!$G$18=$B$17,14,0)+IF('Standard Profiles'!$G$18=$B$24,21,0),0)),0)</f>
        <v>14.473895273974728</v>
      </c>
      <c r="E1361" cm="1">
        <f t="array" ref="E1361">IFERROR(INDEX(Jesper!AI$2:AI$366,ROUNDDOWN($C1361/24,0)+1,1)*INDEX($D$3:$AA$30,INDEX(Jesper!$R$2:$R$366,ROW(INDEX(Jesper!AI$2:AI$366,ROUNDDOWN($C1361/24,0)+1,1))-1)+IF('Standard Profiles'!$G$19=$B$10,7,0)+IF('Standard Profiles'!$G$19=$B$17,14,0)+IF('Standard Profiles'!$G$19=$B$24,21,0),MOD($C1361,24)+1)/SUM(INDEX($D$3:$AA$30,INDEX(Jesper!$R$2:$R$366,ROW(INDEX(Jesper!AI$2:AI$366,ROUNDDOWN($C1361/24,0)+1,1))-1)+IF('Standard Profiles'!$G$19=$B$10,7,0)+IF('Standard Profiles'!$G$19=$B$17,14,0)+IF('Standard Profiles'!$G$19=$B$24,21,0),0)),0)</f>
        <v>3.2728656953664821</v>
      </c>
      <c r="F1361" cm="1">
        <f t="array" ref="F1361">IFERROR(INDEX(Jesper!AJ$2:AJ$366,ROUNDDOWN($C1361/24,0)+1,1)*INDEX($D$3:$AA$30,INDEX(Jesper!$R$2:$R$366,ROW(INDEX(Jesper!AJ$2:AJ$366,ROUNDDOWN($C1361/24,0)+1,1))-1)+IF('Standard Profiles'!$G$20=$B$10,7,0)+IF('Standard Profiles'!$G$20=$B$17,14,0)+IF('Standard Profiles'!$G$20=$B$24,21,0),MOD($C1361,24)+1)/SUM(INDEX($D$3:$AA$30,INDEX(Jesper!$R$2:$R$366,ROW(INDEX(Jesper!AJ$2:AJ$366,ROUNDDOWN($C1361/24,0)+1,1))-1)+IF('Standard Profiles'!$G$20=$B$10,7,0)+IF('Standard Profiles'!$G$20=$B$17,14,0)+IF('Standard Profiles'!$G$20=$B$24,21,0),0)),0)</f>
        <v>0</v>
      </c>
      <c r="G1361" cm="1">
        <f t="array" ref="G1361">IFERROR(INDEX(Jesper!AK$2:AK$366,ROUNDDOWN($C1361/24,0)+1,1)*INDEX($D$3:$AA$30,INDEX(Jesper!$R$2:$R$366,ROW(INDEX(Jesper!AK$2:AK$366,ROUNDDOWN($C1361/24,0)+1,1))-1)+IF('Standard Profiles'!$G$21=$B$10,7,0)+IF('Standard Profiles'!$G$21=$B$17,14,0)+IF('Standard Profiles'!$G$21=$B$24,21,0),MOD($C1361,24)+1)/SUM(INDEX($D$3:$AA$30,INDEX(Jesper!$R$2:$R$366,ROW(INDEX(Jesper!AK$2:AK$366,ROUNDDOWN($C1361/24,0)+1,1))-1)+IF('Standard Profiles'!$G$21=$B$10,7,0)+IF('Standard Profiles'!$G$21=$B$17,14,0)+IF('Standard Profiles'!$G$21=$B$24,21,0),0)),0)</f>
        <v>0</v>
      </c>
      <c r="H1361" cm="1">
        <f t="array" ref="H1361">IFERROR(INDEX(Jesper!AL$2:AL$366,ROUNDDOWN($C1361/24,0)+1,1)*INDEX($D$3:$AA$30,INDEX(Jesper!$R$2:$R$366,ROW(INDEX(Jesper!AL$2:AL$366,ROUNDDOWN($C1361/24,0)+1,1))-1)+IF('Standard Profiles'!$G$22=$B$10,7,0)+IF('Standard Profiles'!$G$22=$B$17,14,0)+IF('Standard Profiles'!$G$22=$B$24,21,0),MOD($C1361,24)+1)/SUM(INDEX($D$3:$AA$30,INDEX(Jesper!$R$2:$R$366,ROW(INDEX(Jesper!AL$2:AL$366,ROUNDDOWN($C1361/24,0)+1,1))-1)+IF('Standard Profiles'!$G$22=$B$10,7,0)+IF('Standard Profiles'!$G$22=$B$17,14,0)+IF('Standard Profiles'!$G$22=$B$24,21,0),0)),0)</f>
        <v>0</v>
      </c>
      <c r="I1361">
        <f t="shared" si="160"/>
        <v>0.29485276534833177</v>
      </c>
      <c r="J1361">
        <f t="shared" si="161"/>
        <v>0.98284255116110608</v>
      </c>
      <c r="K1361">
        <f t="shared" si="162"/>
        <v>1.4742638267416592</v>
      </c>
      <c r="L1361">
        <f t="shared" si="163"/>
        <v>14.994801826090113</v>
      </c>
      <c r="M1361">
        <f t="shared" si="164"/>
        <v>0</v>
      </c>
      <c r="N1361" s="46">
        <f t="shared" si="165"/>
        <v>45347.291666663448</v>
      </c>
    </row>
    <row r="1362" spans="2:14" x14ac:dyDescent="0.3">
      <c r="B1362">
        <f t="shared" si="159"/>
        <v>7</v>
      </c>
      <c r="C1362" s="16">
        <v>1328</v>
      </c>
      <c r="D1362" cm="1">
        <f t="array" ref="D1362">IFERROR(INDEX(Jesper!AH$2:AH$366,ROUNDDOWN($C1362/24,0)+1,1)*INDEX($D$3:$AA$30,INDEX(Jesper!$R$2:$R$366,ROW(INDEX(Jesper!AH$2:AH$366,ROUNDDOWN($C1362/24,0)+1,1))-1)+IF('Standard Profiles'!$G$18=$B$10,7,0)+IF('Standard Profiles'!$G$18=$B$17,14,0)+IF('Standard Profiles'!$G$18=$B$24,21,0),MOD($C1362,24)+1)/SUM(INDEX($D$3:$AA$30,INDEX(Jesper!$R$2:$R$366,ROW(INDEX(Jesper!AH$2:AH$366,ROUNDDOWN($C1362/24,0)+1,1))-1)+IF('Standard Profiles'!$G$18=$B$10,7,0)+IF('Standard Profiles'!$G$18=$B$17,14,0)+IF('Standard Profiles'!$G$18=$B$24,21,0),0)),0)</f>
        <v>14.473895273974728</v>
      </c>
      <c r="E1362" cm="1">
        <f t="array" ref="E1362">IFERROR(INDEX(Jesper!AI$2:AI$366,ROUNDDOWN($C1362/24,0)+1,1)*INDEX($D$3:$AA$30,INDEX(Jesper!$R$2:$R$366,ROW(INDEX(Jesper!AI$2:AI$366,ROUNDDOWN($C1362/24,0)+1,1))-1)+IF('Standard Profiles'!$G$19=$B$10,7,0)+IF('Standard Profiles'!$G$19=$B$17,14,0)+IF('Standard Profiles'!$G$19=$B$24,21,0),MOD($C1362,24)+1)/SUM(INDEX($D$3:$AA$30,INDEX(Jesper!$R$2:$R$366,ROW(INDEX(Jesper!AI$2:AI$366,ROUNDDOWN($C1362/24,0)+1,1))-1)+IF('Standard Profiles'!$G$19=$B$10,7,0)+IF('Standard Profiles'!$G$19=$B$17,14,0)+IF('Standard Profiles'!$G$19=$B$24,21,0),0)),0)</f>
        <v>3.2728656953664821</v>
      </c>
      <c r="F1362" cm="1">
        <f t="array" ref="F1362">IFERROR(INDEX(Jesper!AJ$2:AJ$366,ROUNDDOWN($C1362/24,0)+1,1)*INDEX($D$3:$AA$30,INDEX(Jesper!$R$2:$R$366,ROW(INDEX(Jesper!AJ$2:AJ$366,ROUNDDOWN($C1362/24,0)+1,1))-1)+IF('Standard Profiles'!$G$20=$B$10,7,0)+IF('Standard Profiles'!$G$20=$B$17,14,0)+IF('Standard Profiles'!$G$20=$B$24,21,0),MOD($C1362,24)+1)/SUM(INDEX($D$3:$AA$30,INDEX(Jesper!$R$2:$R$366,ROW(INDEX(Jesper!AJ$2:AJ$366,ROUNDDOWN($C1362/24,0)+1,1))-1)+IF('Standard Profiles'!$G$20=$B$10,7,0)+IF('Standard Profiles'!$G$20=$B$17,14,0)+IF('Standard Profiles'!$G$20=$B$24,21,0),0)),0)</f>
        <v>0</v>
      </c>
      <c r="G1362" cm="1">
        <f t="array" ref="G1362">IFERROR(INDEX(Jesper!AK$2:AK$366,ROUNDDOWN($C1362/24,0)+1,1)*INDEX($D$3:$AA$30,INDEX(Jesper!$R$2:$R$366,ROW(INDEX(Jesper!AK$2:AK$366,ROUNDDOWN($C1362/24,0)+1,1))-1)+IF('Standard Profiles'!$G$21=$B$10,7,0)+IF('Standard Profiles'!$G$21=$B$17,14,0)+IF('Standard Profiles'!$G$21=$B$24,21,0),MOD($C1362,24)+1)/SUM(INDEX($D$3:$AA$30,INDEX(Jesper!$R$2:$R$366,ROW(INDEX(Jesper!AK$2:AK$366,ROUNDDOWN($C1362/24,0)+1,1))-1)+IF('Standard Profiles'!$G$21=$B$10,7,0)+IF('Standard Profiles'!$G$21=$B$17,14,0)+IF('Standard Profiles'!$G$21=$B$24,21,0),0)),0)</f>
        <v>0</v>
      </c>
      <c r="H1362" cm="1">
        <f t="array" ref="H1362">IFERROR(INDEX(Jesper!AL$2:AL$366,ROUNDDOWN($C1362/24,0)+1,1)*INDEX($D$3:$AA$30,INDEX(Jesper!$R$2:$R$366,ROW(INDEX(Jesper!AL$2:AL$366,ROUNDDOWN($C1362/24,0)+1,1))-1)+IF('Standard Profiles'!$G$22=$B$10,7,0)+IF('Standard Profiles'!$G$22=$B$17,14,0)+IF('Standard Profiles'!$G$22=$B$24,21,0),MOD($C1362,24)+1)/SUM(INDEX($D$3:$AA$30,INDEX(Jesper!$R$2:$R$366,ROW(INDEX(Jesper!AL$2:AL$366,ROUNDDOWN($C1362/24,0)+1,1))-1)+IF('Standard Profiles'!$G$22=$B$10,7,0)+IF('Standard Profiles'!$G$22=$B$17,14,0)+IF('Standard Profiles'!$G$22=$B$24,21,0),0)),0)</f>
        <v>0</v>
      </c>
      <c r="I1362">
        <f t="shared" si="160"/>
        <v>0.29485276534833177</v>
      </c>
      <c r="J1362">
        <f t="shared" si="161"/>
        <v>0.98284255116110608</v>
      </c>
      <c r="K1362">
        <f t="shared" si="162"/>
        <v>1.4742638267416592</v>
      </c>
      <c r="L1362">
        <f t="shared" si="163"/>
        <v>14.994801826090113</v>
      </c>
      <c r="M1362">
        <f t="shared" si="164"/>
        <v>0</v>
      </c>
      <c r="N1362" s="46">
        <f t="shared" si="165"/>
        <v>45347.333333330113</v>
      </c>
    </row>
    <row r="1363" spans="2:14" x14ac:dyDescent="0.3">
      <c r="B1363">
        <f t="shared" si="159"/>
        <v>7</v>
      </c>
      <c r="C1363" s="16">
        <v>1329</v>
      </c>
      <c r="D1363" cm="1">
        <f t="array" ref="D1363">IFERROR(INDEX(Jesper!AH$2:AH$366,ROUNDDOWN($C1363/24,0)+1,1)*INDEX($D$3:$AA$30,INDEX(Jesper!$R$2:$R$366,ROW(INDEX(Jesper!AH$2:AH$366,ROUNDDOWN($C1363/24,0)+1,1))-1)+IF('Standard Profiles'!$G$18=$B$10,7,0)+IF('Standard Profiles'!$G$18=$B$17,14,0)+IF('Standard Profiles'!$G$18=$B$24,21,0),MOD($C1363,24)+1)/SUM(INDEX($D$3:$AA$30,INDEX(Jesper!$R$2:$R$366,ROW(INDEX(Jesper!AH$2:AH$366,ROUNDDOWN($C1363/24,0)+1,1))-1)+IF('Standard Profiles'!$G$18=$B$10,7,0)+IF('Standard Profiles'!$G$18=$B$17,14,0)+IF('Standard Profiles'!$G$18=$B$24,21,0),0)),0)</f>
        <v>14.473895273974728</v>
      </c>
      <c r="E1363" cm="1">
        <f t="array" ref="E1363">IFERROR(INDEX(Jesper!AI$2:AI$366,ROUNDDOWN($C1363/24,0)+1,1)*INDEX($D$3:$AA$30,INDEX(Jesper!$R$2:$R$366,ROW(INDEX(Jesper!AI$2:AI$366,ROUNDDOWN($C1363/24,0)+1,1))-1)+IF('Standard Profiles'!$G$19=$B$10,7,0)+IF('Standard Profiles'!$G$19=$B$17,14,0)+IF('Standard Profiles'!$G$19=$B$24,21,0),MOD($C1363,24)+1)/SUM(INDEX($D$3:$AA$30,INDEX(Jesper!$R$2:$R$366,ROW(INDEX(Jesper!AI$2:AI$366,ROUNDDOWN($C1363/24,0)+1,1))-1)+IF('Standard Profiles'!$G$19=$B$10,7,0)+IF('Standard Profiles'!$G$19=$B$17,14,0)+IF('Standard Profiles'!$G$19=$B$24,21,0),0)),0)</f>
        <v>3.2728656953664821</v>
      </c>
      <c r="F1363" cm="1">
        <f t="array" ref="F1363">IFERROR(INDEX(Jesper!AJ$2:AJ$366,ROUNDDOWN($C1363/24,0)+1,1)*INDEX($D$3:$AA$30,INDEX(Jesper!$R$2:$R$366,ROW(INDEX(Jesper!AJ$2:AJ$366,ROUNDDOWN($C1363/24,0)+1,1))-1)+IF('Standard Profiles'!$G$20=$B$10,7,0)+IF('Standard Profiles'!$G$20=$B$17,14,0)+IF('Standard Profiles'!$G$20=$B$24,21,0),MOD($C1363,24)+1)/SUM(INDEX($D$3:$AA$30,INDEX(Jesper!$R$2:$R$366,ROW(INDEX(Jesper!AJ$2:AJ$366,ROUNDDOWN($C1363/24,0)+1,1))-1)+IF('Standard Profiles'!$G$20=$B$10,7,0)+IF('Standard Profiles'!$G$20=$B$17,14,0)+IF('Standard Profiles'!$G$20=$B$24,21,0),0)),0)</f>
        <v>0</v>
      </c>
      <c r="G1363" cm="1">
        <f t="array" ref="G1363">IFERROR(INDEX(Jesper!AK$2:AK$366,ROUNDDOWN($C1363/24,0)+1,1)*INDEX($D$3:$AA$30,INDEX(Jesper!$R$2:$R$366,ROW(INDEX(Jesper!AK$2:AK$366,ROUNDDOWN($C1363/24,0)+1,1))-1)+IF('Standard Profiles'!$G$21=$B$10,7,0)+IF('Standard Profiles'!$G$21=$B$17,14,0)+IF('Standard Profiles'!$G$21=$B$24,21,0),MOD($C1363,24)+1)/SUM(INDEX($D$3:$AA$30,INDEX(Jesper!$R$2:$R$366,ROW(INDEX(Jesper!AK$2:AK$366,ROUNDDOWN($C1363/24,0)+1,1))-1)+IF('Standard Profiles'!$G$21=$B$10,7,0)+IF('Standard Profiles'!$G$21=$B$17,14,0)+IF('Standard Profiles'!$G$21=$B$24,21,0),0)),0)</f>
        <v>0</v>
      </c>
      <c r="H1363" cm="1">
        <f t="array" ref="H1363">IFERROR(INDEX(Jesper!AL$2:AL$366,ROUNDDOWN($C1363/24,0)+1,1)*INDEX($D$3:$AA$30,INDEX(Jesper!$R$2:$R$366,ROW(INDEX(Jesper!AL$2:AL$366,ROUNDDOWN($C1363/24,0)+1,1))-1)+IF('Standard Profiles'!$G$22=$B$10,7,0)+IF('Standard Profiles'!$G$22=$B$17,14,0)+IF('Standard Profiles'!$G$22=$B$24,21,0),MOD($C1363,24)+1)/SUM(INDEX($D$3:$AA$30,INDEX(Jesper!$R$2:$R$366,ROW(INDEX(Jesper!AL$2:AL$366,ROUNDDOWN($C1363/24,0)+1,1))-1)+IF('Standard Profiles'!$G$22=$B$10,7,0)+IF('Standard Profiles'!$G$22=$B$17,14,0)+IF('Standard Profiles'!$G$22=$B$24,21,0),0)),0)</f>
        <v>0</v>
      </c>
      <c r="I1363">
        <f t="shared" si="160"/>
        <v>0.29485276534833177</v>
      </c>
      <c r="J1363">
        <f t="shared" si="161"/>
        <v>0.98284255116110608</v>
      </c>
      <c r="K1363">
        <f t="shared" si="162"/>
        <v>1.4742638267416592</v>
      </c>
      <c r="L1363">
        <f t="shared" si="163"/>
        <v>14.994801826090113</v>
      </c>
      <c r="M1363">
        <f t="shared" si="164"/>
        <v>0</v>
      </c>
      <c r="N1363" s="46">
        <f t="shared" si="165"/>
        <v>45347.374999996777</v>
      </c>
    </row>
    <row r="1364" spans="2:14" x14ac:dyDescent="0.3">
      <c r="B1364">
        <f t="shared" si="159"/>
        <v>7</v>
      </c>
      <c r="C1364" s="16">
        <v>1330</v>
      </c>
      <c r="D1364" cm="1">
        <f t="array" ref="D1364">IFERROR(INDEX(Jesper!AH$2:AH$366,ROUNDDOWN($C1364/24,0)+1,1)*INDEX($D$3:$AA$30,INDEX(Jesper!$R$2:$R$366,ROW(INDEX(Jesper!AH$2:AH$366,ROUNDDOWN($C1364/24,0)+1,1))-1)+IF('Standard Profiles'!$G$18=$B$10,7,0)+IF('Standard Profiles'!$G$18=$B$17,14,0)+IF('Standard Profiles'!$G$18=$B$24,21,0),MOD($C1364,24)+1)/SUM(INDEX($D$3:$AA$30,INDEX(Jesper!$R$2:$R$366,ROW(INDEX(Jesper!AH$2:AH$366,ROUNDDOWN($C1364/24,0)+1,1))-1)+IF('Standard Profiles'!$G$18=$B$10,7,0)+IF('Standard Profiles'!$G$18=$B$17,14,0)+IF('Standard Profiles'!$G$18=$B$24,21,0),0)),0)</f>
        <v>14.473895273974728</v>
      </c>
      <c r="E1364" cm="1">
        <f t="array" ref="E1364">IFERROR(INDEX(Jesper!AI$2:AI$366,ROUNDDOWN($C1364/24,0)+1,1)*INDEX($D$3:$AA$30,INDEX(Jesper!$R$2:$R$366,ROW(INDEX(Jesper!AI$2:AI$366,ROUNDDOWN($C1364/24,0)+1,1))-1)+IF('Standard Profiles'!$G$19=$B$10,7,0)+IF('Standard Profiles'!$G$19=$B$17,14,0)+IF('Standard Profiles'!$G$19=$B$24,21,0),MOD($C1364,24)+1)/SUM(INDEX($D$3:$AA$30,INDEX(Jesper!$R$2:$R$366,ROW(INDEX(Jesper!AI$2:AI$366,ROUNDDOWN($C1364/24,0)+1,1))-1)+IF('Standard Profiles'!$G$19=$B$10,7,0)+IF('Standard Profiles'!$G$19=$B$17,14,0)+IF('Standard Profiles'!$G$19=$B$24,21,0),0)),0)</f>
        <v>3.2728656953664821</v>
      </c>
      <c r="F1364" cm="1">
        <f t="array" ref="F1364">IFERROR(INDEX(Jesper!AJ$2:AJ$366,ROUNDDOWN($C1364/24,0)+1,1)*INDEX($D$3:$AA$30,INDEX(Jesper!$R$2:$R$366,ROW(INDEX(Jesper!AJ$2:AJ$366,ROUNDDOWN($C1364/24,0)+1,1))-1)+IF('Standard Profiles'!$G$20=$B$10,7,0)+IF('Standard Profiles'!$G$20=$B$17,14,0)+IF('Standard Profiles'!$G$20=$B$24,21,0),MOD($C1364,24)+1)/SUM(INDEX($D$3:$AA$30,INDEX(Jesper!$R$2:$R$366,ROW(INDEX(Jesper!AJ$2:AJ$366,ROUNDDOWN($C1364/24,0)+1,1))-1)+IF('Standard Profiles'!$G$20=$B$10,7,0)+IF('Standard Profiles'!$G$20=$B$17,14,0)+IF('Standard Profiles'!$G$20=$B$24,21,0),0)),0)</f>
        <v>0</v>
      </c>
      <c r="G1364" cm="1">
        <f t="array" ref="G1364">IFERROR(INDEX(Jesper!AK$2:AK$366,ROUNDDOWN($C1364/24,0)+1,1)*INDEX($D$3:$AA$30,INDEX(Jesper!$R$2:$R$366,ROW(INDEX(Jesper!AK$2:AK$366,ROUNDDOWN($C1364/24,0)+1,1))-1)+IF('Standard Profiles'!$G$21=$B$10,7,0)+IF('Standard Profiles'!$G$21=$B$17,14,0)+IF('Standard Profiles'!$G$21=$B$24,21,0),MOD($C1364,24)+1)/SUM(INDEX($D$3:$AA$30,INDEX(Jesper!$R$2:$R$366,ROW(INDEX(Jesper!AK$2:AK$366,ROUNDDOWN($C1364/24,0)+1,1))-1)+IF('Standard Profiles'!$G$21=$B$10,7,0)+IF('Standard Profiles'!$G$21=$B$17,14,0)+IF('Standard Profiles'!$G$21=$B$24,21,0),0)),0)</f>
        <v>0</v>
      </c>
      <c r="H1364" cm="1">
        <f t="array" ref="H1364">IFERROR(INDEX(Jesper!AL$2:AL$366,ROUNDDOWN($C1364/24,0)+1,1)*INDEX($D$3:$AA$30,INDEX(Jesper!$R$2:$R$366,ROW(INDEX(Jesper!AL$2:AL$366,ROUNDDOWN($C1364/24,0)+1,1))-1)+IF('Standard Profiles'!$G$22=$B$10,7,0)+IF('Standard Profiles'!$G$22=$B$17,14,0)+IF('Standard Profiles'!$G$22=$B$24,21,0),MOD($C1364,24)+1)/SUM(INDEX($D$3:$AA$30,INDEX(Jesper!$R$2:$R$366,ROW(INDEX(Jesper!AL$2:AL$366,ROUNDDOWN($C1364/24,0)+1,1))-1)+IF('Standard Profiles'!$G$22=$B$10,7,0)+IF('Standard Profiles'!$G$22=$B$17,14,0)+IF('Standard Profiles'!$G$22=$B$24,21,0),0)),0)</f>
        <v>0</v>
      </c>
      <c r="I1364">
        <f t="shared" si="160"/>
        <v>0.29485276534833177</v>
      </c>
      <c r="J1364">
        <f t="shared" si="161"/>
        <v>0.98284255116110608</v>
      </c>
      <c r="K1364">
        <f t="shared" si="162"/>
        <v>1.4742638267416592</v>
      </c>
      <c r="L1364">
        <f t="shared" si="163"/>
        <v>14.994801826090113</v>
      </c>
      <c r="M1364">
        <f t="shared" si="164"/>
        <v>0</v>
      </c>
      <c r="N1364" s="46">
        <f t="shared" si="165"/>
        <v>45347.416666663441</v>
      </c>
    </row>
    <row r="1365" spans="2:14" x14ac:dyDescent="0.3">
      <c r="B1365">
        <f t="shared" si="159"/>
        <v>7</v>
      </c>
      <c r="C1365" s="16">
        <v>1331</v>
      </c>
      <c r="D1365" cm="1">
        <f t="array" ref="D1365">IFERROR(INDEX(Jesper!AH$2:AH$366,ROUNDDOWN($C1365/24,0)+1,1)*INDEX($D$3:$AA$30,INDEX(Jesper!$R$2:$R$366,ROW(INDEX(Jesper!AH$2:AH$366,ROUNDDOWN($C1365/24,0)+1,1))-1)+IF('Standard Profiles'!$G$18=$B$10,7,0)+IF('Standard Profiles'!$G$18=$B$17,14,0)+IF('Standard Profiles'!$G$18=$B$24,21,0),MOD($C1365,24)+1)/SUM(INDEX($D$3:$AA$30,INDEX(Jesper!$R$2:$R$366,ROW(INDEX(Jesper!AH$2:AH$366,ROUNDDOWN($C1365/24,0)+1,1))-1)+IF('Standard Profiles'!$G$18=$B$10,7,0)+IF('Standard Profiles'!$G$18=$B$17,14,0)+IF('Standard Profiles'!$G$18=$B$24,21,0),0)),0)</f>
        <v>14.473895273974728</v>
      </c>
      <c r="E1365" cm="1">
        <f t="array" ref="E1365">IFERROR(INDEX(Jesper!AI$2:AI$366,ROUNDDOWN($C1365/24,0)+1,1)*INDEX($D$3:$AA$30,INDEX(Jesper!$R$2:$R$366,ROW(INDEX(Jesper!AI$2:AI$366,ROUNDDOWN($C1365/24,0)+1,1))-1)+IF('Standard Profiles'!$G$19=$B$10,7,0)+IF('Standard Profiles'!$G$19=$B$17,14,0)+IF('Standard Profiles'!$G$19=$B$24,21,0),MOD($C1365,24)+1)/SUM(INDEX($D$3:$AA$30,INDEX(Jesper!$R$2:$R$366,ROW(INDEX(Jesper!AI$2:AI$366,ROUNDDOWN($C1365/24,0)+1,1))-1)+IF('Standard Profiles'!$G$19=$B$10,7,0)+IF('Standard Profiles'!$G$19=$B$17,14,0)+IF('Standard Profiles'!$G$19=$B$24,21,0),0)),0)</f>
        <v>3.2728656953664821</v>
      </c>
      <c r="F1365" cm="1">
        <f t="array" ref="F1365">IFERROR(INDEX(Jesper!AJ$2:AJ$366,ROUNDDOWN($C1365/24,0)+1,1)*INDEX($D$3:$AA$30,INDEX(Jesper!$R$2:$R$366,ROW(INDEX(Jesper!AJ$2:AJ$366,ROUNDDOWN($C1365/24,0)+1,1))-1)+IF('Standard Profiles'!$G$20=$B$10,7,0)+IF('Standard Profiles'!$G$20=$B$17,14,0)+IF('Standard Profiles'!$G$20=$B$24,21,0),MOD($C1365,24)+1)/SUM(INDEX($D$3:$AA$30,INDEX(Jesper!$R$2:$R$366,ROW(INDEX(Jesper!AJ$2:AJ$366,ROUNDDOWN($C1365/24,0)+1,1))-1)+IF('Standard Profiles'!$G$20=$B$10,7,0)+IF('Standard Profiles'!$G$20=$B$17,14,0)+IF('Standard Profiles'!$G$20=$B$24,21,0),0)),0)</f>
        <v>0</v>
      </c>
      <c r="G1365" cm="1">
        <f t="array" ref="G1365">IFERROR(INDEX(Jesper!AK$2:AK$366,ROUNDDOWN($C1365/24,0)+1,1)*INDEX($D$3:$AA$30,INDEX(Jesper!$R$2:$R$366,ROW(INDEX(Jesper!AK$2:AK$366,ROUNDDOWN($C1365/24,0)+1,1))-1)+IF('Standard Profiles'!$G$21=$B$10,7,0)+IF('Standard Profiles'!$G$21=$B$17,14,0)+IF('Standard Profiles'!$G$21=$B$24,21,0),MOD($C1365,24)+1)/SUM(INDEX($D$3:$AA$30,INDEX(Jesper!$R$2:$R$366,ROW(INDEX(Jesper!AK$2:AK$366,ROUNDDOWN($C1365/24,0)+1,1))-1)+IF('Standard Profiles'!$G$21=$B$10,7,0)+IF('Standard Profiles'!$G$21=$B$17,14,0)+IF('Standard Profiles'!$G$21=$B$24,21,0),0)),0)</f>
        <v>0</v>
      </c>
      <c r="H1365" cm="1">
        <f t="array" ref="H1365">IFERROR(INDEX(Jesper!AL$2:AL$366,ROUNDDOWN($C1365/24,0)+1,1)*INDEX($D$3:$AA$30,INDEX(Jesper!$R$2:$R$366,ROW(INDEX(Jesper!AL$2:AL$366,ROUNDDOWN($C1365/24,0)+1,1))-1)+IF('Standard Profiles'!$G$22=$B$10,7,0)+IF('Standard Profiles'!$G$22=$B$17,14,0)+IF('Standard Profiles'!$G$22=$B$24,21,0),MOD($C1365,24)+1)/SUM(INDEX($D$3:$AA$30,INDEX(Jesper!$R$2:$R$366,ROW(INDEX(Jesper!AL$2:AL$366,ROUNDDOWN($C1365/24,0)+1,1))-1)+IF('Standard Profiles'!$G$22=$B$10,7,0)+IF('Standard Profiles'!$G$22=$B$17,14,0)+IF('Standard Profiles'!$G$22=$B$24,21,0),0)),0)</f>
        <v>0</v>
      </c>
      <c r="I1365">
        <f t="shared" si="160"/>
        <v>0.29485276534833177</v>
      </c>
      <c r="J1365">
        <f t="shared" si="161"/>
        <v>0.98284255116110608</v>
      </c>
      <c r="K1365">
        <f t="shared" si="162"/>
        <v>1.4742638267416592</v>
      </c>
      <c r="L1365">
        <f t="shared" si="163"/>
        <v>14.994801826090113</v>
      </c>
      <c r="M1365">
        <f t="shared" si="164"/>
        <v>0</v>
      </c>
      <c r="N1365" s="46">
        <f t="shared" si="165"/>
        <v>45347.458333330105</v>
      </c>
    </row>
    <row r="1366" spans="2:14" x14ac:dyDescent="0.3">
      <c r="B1366">
        <f t="shared" si="159"/>
        <v>7</v>
      </c>
      <c r="C1366" s="16">
        <v>1332</v>
      </c>
      <c r="D1366" cm="1">
        <f t="array" ref="D1366">IFERROR(INDEX(Jesper!AH$2:AH$366,ROUNDDOWN($C1366/24,0)+1,1)*INDEX($D$3:$AA$30,INDEX(Jesper!$R$2:$R$366,ROW(INDEX(Jesper!AH$2:AH$366,ROUNDDOWN($C1366/24,0)+1,1))-1)+IF('Standard Profiles'!$G$18=$B$10,7,0)+IF('Standard Profiles'!$G$18=$B$17,14,0)+IF('Standard Profiles'!$G$18=$B$24,21,0),MOD($C1366,24)+1)/SUM(INDEX($D$3:$AA$30,INDEX(Jesper!$R$2:$R$366,ROW(INDEX(Jesper!AH$2:AH$366,ROUNDDOWN($C1366/24,0)+1,1))-1)+IF('Standard Profiles'!$G$18=$B$10,7,0)+IF('Standard Profiles'!$G$18=$B$17,14,0)+IF('Standard Profiles'!$G$18=$B$24,21,0),0)),0)</f>
        <v>14.473895273974728</v>
      </c>
      <c r="E1366" cm="1">
        <f t="array" ref="E1366">IFERROR(INDEX(Jesper!AI$2:AI$366,ROUNDDOWN($C1366/24,0)+1,1)*INDEX($D$3:$AA$30,INDEX(Jesper!$R$2:$R$366,ROW(INDEX(Jesper!AI$2:AI$366,ROUNDDOWN($C1366/24,0)+1,1))-1)+IF('Standard Profiles'!$G$19=$B$10,7,0)+IF('Standard Profiles'!$G$19=$B$17,14,0)+IF('Standard Profiles'!$G$19=$B$24,21,0),MOD($C1366,24)+1)/SUM(INDEX($D$3:$AA$30,INDEX(Jesper!$R$2:$R$366,ROW(INDEX(Jesper!AI$2:AI$366,ROUNDDOWN($C1366/24,0)+1,1))-1)+IF('Standard Profiles'!$G$19=$B$10,7,0)+IF('Standard Profiles'!$G$19=$B$17,14,0)+IF('Standard Profiles'!$G$19=$B$24,21,0),0)),0)</f>
        <v>3.2728656953664821</v>
      </c>
      <c r="F1366" cm="1">
        <f t="array" ref="F1366">IFERROR(INDEX(Jesper!AJ$2:AJ$366,ROUNDDOWN($C1366/24,0)+1,1)*INDEX($D$3:$AA$30,INDEX(Jesper!$R$2:$R$366,ROW(INDEX(Jesper!AJ$2:AJ$366,ROUNDDOWN($C1366/24,0)+1,1))-1)+IF('Standard Profiles'!$G$20=$B$10,7,0)+IF('Standard Profiles'!$G$20=$B$17,14,0)+IF('Standard Profiles'!$G$20=$B$24,21,0),MOD($C1366,24)+1)/SUM(INDEX($D$3:$AA$30,INDEX(Jesper!$R$2:$R$366,ROW(INDEX(Jesper!AJ$2:AJ$366,ROUNDDOWN($C1366/24,0)+1,1))-1)+IF('Standard Profiles'!$G$20=$B$10,7,0)+IF('Standard Profiles'!$G$20=$B$17,14,0)+IF('Standard Profiles'!$G$20=$B$24,21,0),0)),0)</f>
        <v>0</v>
      </c>
      <c r="G1366" cm="1">
        <f t="array" ref="G1366">IFERROR(INDEX(Jesper!AK$2:AK$366,ROUNDDOWN($C1366/24,0)+1,1)*INDEX($D$3:$AA$30,INDEX(Jesper!$R$2:$R$366,ROW(INDEX(Jesper!AK$2:AK$366,ROUNDDOWN($C1366/24,0)+1,1))-1)+IF('Standard Profiles'!$G$21=$B$10,7,0)+IF('Standard Profiles'!$G$21=$B$17,14,0)+IF('Standard Profiles'!$G$21=$B$24,21,0),MOD($C1366,24)+1)/SUM(INDEX($D$3:$AA$30,INDEX(Jesper!$R$2:$R$366,ROW(INDEX(Jesper!AK$2:AK$366,ROUNDDOWN($C1366/24,0)+1,1))-1)+IF('Standard Profiles'!$G$21=$B$10,7,0)+IF('Standard Profiles'!$G$21=$B$17,14,0)+IF('Standard Profiles'!$G$21=$B$24,21,0),0)),0)</f>
        <v>0</v>
      </c>
      <c r="H1366" cm="1">
        <f t="array" ref="H1366">IFERROR(INDEX(Jesper!AL$2:AL$366,ROUNDDOWN($C1366/24,0)+1,1)*INDEX($D$3:$AA$30,INDEX(Jesper!$R$2:$R$366,ROW(INDEX(Jesper!AL$2:AL$366,ROUNDDOWN($C1366/24,0)+1,1))-1)+IF('Standard Profiles'!$G$22=$B$10,7,0)+IF('Standard Profiles'!$G$22=$B$17,14,0)+IF('Standard Profiles'!$G$22=$B$24,21,0),MOD($C1366,24)+1)/SUM(INDEX($D$3:$AA$30,INDEX(Jesper!$R$2:$R$366,ROW(INDEX(Jesper!AL$2:AL$366,ROUNDDOWN($C1366/24,0)+1,1))-1)+IF('Standard Profiles'!$G$22=$B$10,7,0)+IF('Standard Profiles'!$G$22=$B$17,14,0)+IF('Standard Profiles'!$G$22=$B$24,21,0),0)),0)</f>
        <v>0</v>
      </c>
      <c r="I1366">
        <f t="shared" si="160"/>
        <v>0.29485276534833177</v>
      </c>
      <c r="J1366">
        <f t="shared" si="161"/>
        <v>0.98284255116110608</v>
      </c>
      <c r="K1366">
        <f t="shared" si="162"/>
        <v>1.4742638267416592</v>
      </c>
      <c r="L1366">
        <f t="shared" si="163"/>
        <v>14.994801826090113</v>
      </c>
      <c r="M1366">
        <f t="shared" si="164"/>
        <v>0</v>
      </c>
      <c r="N1366" s="46">
        <f t="shared" si="165"/>
        <v>45347.499999996769</v>
      </c>
    </row>
    <row r="1367" spans="2:14" x14ac:dyDescent="0.3">
      <c r="B1367">
        <f t="shared" si="159"/>
        <v>7</v>
      </c>
      <c r="C1367" s="16">
        <v>1333</v>
      </c>
      <c r="D1367" cm="1">
        <f t="array" ref="D1367">IFERROR(INDEX(Jesper!AH$2:AH$366,ROUNDDOWN($C1367/24,0)+1,1)*INDEX($D$3:$AA$30,INDEX(Jesper!$R$2:$R$366,ROW(INDEX(Jesper!AH$2:AH$366,ROUNDDOWN($C1367/24,0)+1,1))-1)+IF('Standard Profiles'!$G$18=$B$10,7,0)+IF('Standard Profiles'!$G$18=$B$17,14,0)+IF('Standard Profiles'!$G$18=$B$24,21,0),MOD($C1367,24)+1)/SUM(INDEX($D$3:$AA$30,INDEX(Jesper!$R$2:$R$366,ROW(INDEX(Jesper!AH$2:AH$366,ROUNDDOWN($C1367/24,0)+1,1))-1)+IF('Standard Profiles'!$G$18=$B$10,7,0)+IF('Standard Profiles'!$G$18=$B$17,14,0)+IF('Standard Profiles'!$G$18=$B$24,21,0),0)),0)</f>
        <v>14.473895273974728</v>
      </c>
      <c r="E1367" cm="1">
        <f t="array" ref="E1367">IFERROR(INDEX(Jesper!AI$2:AI$366,ROUNDDOWN($C1367/24,0)+1,1)*INDEX($D$3:$AA$30,INDEX(Jesper!$R$2:$R$366,ROW(INDEX(Jesper!AI$2:AI$366,ROUNDDOWN($C1367/24,0)+1,1))-1)+IF('Standard Profiles'!$G$19=$B$10,7,0)+IF('Standard Profiles'!$G$19=$B$17,14,0)+IF('Standard Profiles'!$G$19=$B$24,21,0),MOD($C1367,24)+1)/SUM(INDEX($D$3:$AA$30,INDEX(Jesper!$R$2:$R$366,ROW(INDEX(Jesper!AI$2:AI$366,ROUNDDOWN($C1367/24,0)+1,1))-1)+IF('Standard Profiles'!$G$19=$B$10,7,0)+IF('Standard Profiles'!$G$19=$B$17,14,0)+IF('Standard Profiles'!$G$19=$B$24,21,0),0)),0)</f>
        <v>3.2728656953664821</v>
      </c>
      <c r="F1367" cm="1">
        <f t="array" ref="F1367">IFERROR(INDEX(Jesper!AJ$2:AJ$366,ROUNDDOWN($C1367/24,0)+1,1)*INDEX($D$3:$AA$30,INDEX(Jesper!$R$2:$R$366,ROW(INDEX(Jesper!AJ$2:AJ$366,ROUNDDOWN($C1367/24,0)+1,1))-1)+IF('Standard Profiles'!$G$20=$B$10,7,0)+IF('Standard Profiles'!$G$20=$B$17,14,0)+IF('Standard Profiles'!$G$20=$B$24,21,0),MOD($C1367,24)+1)/SUM(INDEX($D$3:$AA$30,INDEX(Jesper!$R$2:$R$366,ROW(INDEX(Jesper!AJ$2:AJ$366,ROUNDDOWN($C1367/24,0)+1,1))-1)+IF('Standard Profiles'!$G$20=$B$10,7,0)+IF('Standard Profiles'!$G$20=$B$17,14,0)+IF('Standard Profiles'!$G$20=$B$24,21,0),0)),0)</f>
        <v>0</v>
      </c>
      <c r="G1367" cm="1">
        <f t="array" ref="G1367">IFERROR(INDEX(Jesper!AK$2:AK$366,ROUNDDOWN($C1367/24,0)+1,1)*INDEX($D$3:$AA$30,INDEX(Jesper!$R$2:$R$366,ROW(INDEX(Jesper!AK$2:AK$366,ROUNDDOWN($C1367/24,0)+1,1))-1)+IF('Standard Profiles'!$G$21=$B$10,7,0)+IF('Standard Profiles'!$G$21=$B$17,14,0)+IF('Standard Profiles'!$G$21=$B$24,21,0),MOD($C1367,24)+1)/SUM(INDEX($D$3:$AA$30,INDEX(Jesper!$R$2:$R$366,ROW(INDEX(Jesper!AK$2:AK$366,ROUNDDOWN($C1367/24,0)+1,1))-1)+IF('Standard Profiles'!$G$21=$B$10,7,0)+IF('Standard Profiles'!$G$21=$B$17,14,0)+IF('Standard Profiles'!$G$21=$B$24,21,0),0)),0)</f>
        <v>0</v>
      </c>
      <c r="H1367" cm="1">
        <f t="array" ref="H1367">IFERROR(INDEX(Jesper!AL$2:AL$366,ROUNDDOWN($C1367/24,0)+1,1)*INDEX($D$3:$AA$30,INDEX(Jesper!$R$2:$R$366,ROW(INDEX(Jesper!AL$2:AL$366,ROUNDDOWN($C1367/24,0)+1,1))-1)+IF('Standard Profiles'!$G$22=$B$10,7,0)+IF('Standard Profiles'!$G$22=$B$17,14,0)+IF('Standard Profiles'!$G$22=$B$24,21,0),MOD($C1367,24)+1)/SUM(INDEX($D$3:$AA$30,INDEX(Jesper!$R$2:$R$366,ROW(INDEX(Jesper!AL$2:AL$366,ROUNDDOWN($C1367/24,0)+1,1))-1)+IF('Standard Profiles'!$G$22=$B$10,7,0)+IF('Standard Profiles'!$G$22=$B$17,14,0)+IF('Standard Profiles'!$G$22=$B$24,21,0),0)),0)</f>
        <v>0</v>
      </c>
      <c r="I1367">
        <f t="shared" si="160"/>
        <v>0.29485276534833177</v>
      </c>
      <c r="J1367">
        <f t="shared" si="161"/>
        <v>0.98284255116110608</v>
      </c>
      <c r="K1367">
        <f t="shared" si="162"/>
        <v>1.4742638267416592</v>
      </c>
      <c r="L1367">
        <f t="shared" si="163"/>
        <v>14.994801826090113</v>
      </c>
      <c r="M1367">
        <f t="shared" si="164"/>
        <v>0</v>
      </c>
      <c r="N1367" s="46">
        <f t="shared" si="165"/>
        <v>45347.541666663434</v>
      </c>
    </row>
    <row r="1368" spans="2:14" x14ac:dyDescent="0.3">
      <c r="B1368">
        <f t="shared" si="159"/>
        <v>7</v>
      </c>
      <c r="C1368" s="16">
        <v>1334</v>
      </c>
      <c r="D1368" cm="1">
        <f t="array" ref="D1368">IFERROR(INDEX(Jesper!AH$2:AH$366,ROUNDDOWN($C1368/24,0)+1,1)*INDEX($D$3:$AA$30,INDEX(Jesper!$R$2:$R$366,ROW(INDEX(Jesper!AH$2:AH$366,ROUNDDOWN($C1368/24,0)+1,1))-1)+IF('Standard Profiles'!$G$18=$B$10,7,0)+IF('Standard Profiles'!$G$18=$B$17,14,0)+IF('Standard Profiles'!$G$18=$B$24,21,0),MOD($C1368,24)+1)/SUM(INDEX($D$3:$AA$30,INDEX(Jesper!$R$2:$R$366,ROW(INDEX(Jesper!AH$2:AH$366,ROUNDDOWN($C1368/24,0)+1,1))-1)+IF('Standard Profiles'!$G$18=$B$10,7,0)+IF('Standard Profiles'!$G$18=$B$17,14,0)+IF('Standard Profiles'!$G$18=$B$24,21,0),0)),0)</f>
        <v>14.473895273974728</v>
      </c>
      <c r="E1368" cm="1">
        <f t="array" ref="E1368">IFERROR(INDEX(Jesper!AI$2:AI$366,ROUNDDOWN($C1368/24,0)+1,1)*INDEX($D$3:$AA$30,INDEX(Jesper!$R$2:$R$366,ROW(INDEX(Jesper!AI$2:AI$366,ROUNDDOWN($C1368/24,0)+1,1))-1)+IF('Standard Profiles'!$G$19=$B$10,7,0)+IF('Standard Profiles'!$G$19=$B$17,14,0)+IF('Standard Profiles'!$G$19=$B$24,21,0),MOD($C1368,24)+1)/SUM(INDEX($D$3:$AA$30,INDEX(Jesper!$R$2:$R$366,ROW(INDEX(Jesper!AI$2:AI$366,ROUNDDOWN($C1368/24,0)+1,1))-1)+IF('Standard Profiles'!$G$19=$B$10,7,0)+IF('Standard Profiles'!$G$19=$B$17,14,0)+IF('Standard Profiles'!$G$19=$B$24,21,0),0)),0)</f>
        <v>3.2728656953664821</v>
      </c>
      <c r="F1368" cm="1">
        <f t="array" ref="F1368">IFERROR(INDEX(Jesper!AJ$2:AJ$366,ROUNDDOWN($C1368/24,0)+1,1)*INDEX($D$3:$AA$30,INDEX(Jesper!$R$2:$R$366,ROW(INDEX(Jesper!AJ$2:AJ$366,ROUNDDOWN($C1368/24,0)+1,1))-1)+IF('Standard Profiles'!$G$20=$B$10,7,0)+IF('Standard Profiles'!$G$20=$B$17,14,0)+IF('Standard Profiles'!$G$20=$B$24,21,0),MOD($C1368,24)+1)/SUM(INDEX($D$3:$AA$30,INDEX(Jesper!$R$2:$R$366,ROW(INDEX(Jesper!AJ$2:AJ$366,ROUNDDOWN($C1368/24,0)+1,1))-1)+IF('Standard Profiles'!$G$20=$B$10,7,0)+IF('Standard Profiles'!$G$20=$B$17,14,0)+IF('Standard Profiles'!$G$20=$B$24,21,0),0)),0)</f>
        <v>0</v>
      </c>
      <c r="G1368" cm="1">
        <f t="array" ref="G1368">IFERROR(INDEX(Jesper!AK$2:AK$366,ROUNDDOWN($C1368/24,0)+1,1)*INDEX($D$3:$AA$30,INDEX(Jesper!$R$2:$R$366,ROW(INDEX(Jesper!AK$2:AK$366,ROUNDDOWN($C1368/24,0)+1,1))-1)+IF('Standard Profiles'!$G$21=$B$10,7,0)+IF('Standard Profiles'!$G$21=$B$17,14,0)+IF('Standard Profiles'!$G$21=$B$24,21,0),MOD($C1368,24)+1)/SUM(INDEX($D$3:$AA$30,INDEX(Jesper!$R$2:$R$366,ROW(INDEX(Jesper!AK$2:AK$366,ROUNDDOWN($C1368/24,0)+1,1))-1)+IF('Standard Profiles'!$G$21=$B$10,7,0)+IF('Standard Profiles'!$G$21=$B$17,14,0)+IF('Standard Profiles'!$G$21=$B$24,21,0),0)),0)</f>
        <v>0</v>
      </c>
      <c r="H1368" cm="1">
        <f t="array" ref="H1368">IFERROR(INDEX(Jesper!AL$2:AL$366,ROUNDDOWN($C1368/24,0)+1,1)*INDEX($D$3:$AA$30,INDEX(Jesper!$R$2:$R$366,ROW(INDEX(Jesper!AL$2:AL$366,ROUNDDOWN($C1368/24,0)+1,1))-1)+IF('Standard Profiles'!$G$22=$B$10,7,0)+IF('Standard Profiles'!$G$22=$B$17,14,0)+IF('Standard Profiles'!$G$22=$B$24,21,0),MOD($C1368,24)+1)/SUM(INDEX($D$3:$AA$30,INDEX(Jesper!$R$2:$R$366,ROW(INDEX(Jesper!AL$2:AL$366,ROUNDDOWN($C1368/24,0)+1,1))-1)+IF('Standard Profiles'!$G$22=$B$10,7,0)+IF('Standard Profiles'!$G$22=$B$17,14,0)+IF('Standard Profiles'!$G$22=$B$24,21,0),0)),0)</f>
        <v>0</v>
      </c>
      <c r="I1368">
        <f t="shared" si="160"/>
        <v>0.29485276534833177</v>
      </c>
      <c r="J1368">
        <f t="shared" si="161"/>
        <v>0.98284255116110608</v>
      </c>
      <c r="K1368">
        <f t="shared" si="162"/>
        <v>1.4742638267416592</v>
      </c>
      <c r="L1368">
        <f t="shared" si="163"/>
        <v>14.994801826090113</v>
      </c>
      <c r="M1368">
        <f t="shared" si="164"/>
        <v>0</v>
      </c>
      <c r="N1368" s="46">
        <f t="shared" si="165"/>
        <v>45347.583333330098</v>
      </c>
    </row>
    <row r="1369" spans="2:14" x14ac:dyDescent="0.3">
      <c r="B1369">
        <f t="shared" si="159"/>
        <v>7</v>
      </c>
      <c r="C1369" s="16">
        <v>1335</v>
      </c>
      <c r="D1369" cm="1">
        <f t="array" ref="D1369">IFERROR(INDEX(Jesper!AH$2:AH$366,ROUNDDOWN($C1369/24,0)+1,1)*INDEX($D$3:$AA$30,INDEX(Jesper!$R$2:$R$366,ROW(INDEX(Jesper!AH$2:AH$366,ROUNDDOWN($C1369/24,0)+1,1))-1)+IF('Standard Profiles'!$G$18=$B$10,7,0)+IF('Standard Profiles'!$G$18=$B$17,14,0)+IF('Standard Profiles'!$G$18=$B$24,21,0),MOD($C1369,24)+1)/SUM(INDEX($D$3:$AA$30,INDEX(Jesper!$R$2:$R$366,ROW(INDEX(Jesper!AH$2:AH$366,ROUNDDOWN($C1369/24,0)+1,1))-1)+IF('Standard Profiles'!$G$18=$B$10,7,0)+IF('Standard Profiles'!$G$18=$B$17,14,0)+IF('Standard Profiles'!$G$18=$B$24,21,0),0)),0)</f>
        <v>12.865684687977536</v>
      </c>
      <c r="E1369" cm="1">
        <f t="array" ref="E1369">IFERROR(INDEX(Jesper!AI$2:AI$366,ROUNDDOWN($C1369/24,0)+1,1)*INDEX($D$3:$AA$30,INDEX(Jesper!$R$2:$R$366,ROW(INDEX(Jesper!AI$2:AI$366,ROUNDDOWN($C1369/24,0)+1,1))-1)+IF('Standard Profiles'!$G$19=$B$10,7,0)+IF('Standard Profiles'!$G$19=$B$17,14,0)+IF('Standard Profiles'!$G$19=$B$24,21,0),MOD($C1369,24)+1)/SUM(INDEX($D$3:$AA$30,INDEX(Jesper!$R$2:$R$366,ROW(INDEX(Jesper!AI$2:AI$366,ROUNDDOWN($C1369/24,0)+1,1))-1)+IF('Standard Profiles'!$G$19=$B$10,7,0)+IF('Standard Profiles'!$G$19=$B$17,14,0)+IF('Standard Profiles'!$G$19=$B$24,21,0),0)),0)</f>
        <v>2.9092139514368727</v>
      </c>
      <c r="F1369" cm="1">
        <f t="array" ref="F1369">IFERROR(INDEX(Jesper!AJ$2:AJ$366,ROUNDDOWN($C1369/24,0)+1,1)*INDEX($D$3:$AA$30,INDEX(Jesper!$R$2:$R$366,ROW(INDEX(Jesper!AJ$2:AJ$366,ROUNDDOWN($C1369/24,0)+1,1))-1)+IF('Standard Profiles'!$G$20=$B$10,7,0)+IF('Standard Profiles'!$G$20=$B$17,14,0)+IF('Standard Profiles'!$G$20=$B$24,21,0),MOD($C1369,24)+1)/SUM(INDEX($D$3:$AA$30,INDEX(Jesper!$R$2:$R$366,ROW(INDEX(Jesper!AJ$2:AJ$366,ROUNDDOWN($C1369/24,0)+1,1))-1)+IF('Standard Profiles'!$G$20=$B$10,7,0)+IF('Standard Profiles'!$G$20=$B$17,14,0)+IF('Standard Profiles'!$G$20=$B$24,21,0),0)),0)</f>
        <v>0</v>
      </c>
      <c r="G1369" cm="1">
        <f t="array" ref="G1369">IFERROR(INDEX(Jesper!AK$2:AK$366,ROUNDDOWN($C1369/24,0)+1,1)*INDEX($D$3:$AA$30,INDEX(Jesper!$R$2:$R$366,ROW(INDEX(Jesper!AK$2:AK$366,ROUNDDOWN($C1369/24,0)+1,1))-1)+IF('Standard Profiles'!$G$21=$B$10,7,0)+IF('Standard Profiles'!$G$21=$B$17,14,0)+IF('Standard Profiles'!$G$21=$B$24,21,0),MOD($C1369,24)+1)/SUM(INDEX($D$3:$AA$30,INDEX(Jesper!$R$2:$R$366,ROW(INDEX(Jesper!AK$2:AK$366,ROUNDDOWN($C1369/24,0)+1,1))-1)+IF('Standard Profiles'!$G$21=$B$10,7,0)+IF('Standard Profiles'!$G$21=$B$17,14,0)+IF('Standard Profiles'!$G$21=$B$24,21,0),0)),0)</f>
        <v>0</v>
      </c>
      <c r="H1369" cm="1">
        <f t="array" ref="H1369">IFERROR(INDEX(Jesper!AL$2:AL$366,ROUNDDOWN($C1369/24,0)+1,1)*INDEX($D$3:$AA$30,INDEX(Jesper!$R$2:$R$366,ROW(INDEX(Jesper!AL$2:AL$366,ROUNDDOWN($C1369/24,0)+1,1))-1)+IF('Standard Profiles'!$G$22=$B$10,7,0)+IF('Standard Profiles'!$G$22=$B$17,14,0)+IF('Standard Profiles'!$G$22=$B$24,21,0),MOD($C1369,24)+1)/SUM(INDEX($D$3:$AA$30,INDEX(Jesper!$R$2:$R$366,ROW(INDEX(Jesper!AL$2:AL$366,ROUNDDOWN($C1369/24,0)+1,1))-1)+IF('Standard Profiles'!$G$22=$B$10,7,0)+IF('Standard Profiles'!$G$22=$B$17,14,0)+IF('Standard Profiles'!$G$22=$B$24,21,0),0)),0)</f>
        <v>0</v>
      </c>
      <c r="I1369">
        <f t="shared" si="160"/>
        <v>0.26209134697629488</v>
      </c>
      <c r="J1369">
        <f t="shared" si="161"/>
        <v>0.87363782325431649</v>
      </c>
      <c r="K1369">
        <f t="shared" si="162"/>
        <v>1.3104567348814746</v>
      </c>
      <c r="L1369">
        <f t="shared" si="163"/>
        <v>13.328712734302323</v>
      </c>
      <c r="M1369">
        <f t="shared" si="164"/>
        <v>0</v>
      </c>
      <c r="N1369" s="46">
        <f t="shared" si="165"/>
        <v>45347.624999996762</v>
      </c>
    </row>
    <row r="1370" spans="2:14" x14ac:dyDescent="0.3">
      <c r="B1370">
        <f t="shared" si="159"/>
        <v>7</v>
      </c>
      <c r="C1370" s="16">
        <v>1336</v>
      </c>
      <c r="D1370" cm="1">
        <f t="array" ref="D1370">IFERROR(INDEX(Jesper!AH$2:AH$366,ROUNDDOWN($C1370/24,0)+1,1)*INDEX($D$3:$AA$30,INDEX(Jesper!$R$2:$R$366,ROW(INDEX(Jesper!AH$2:AH$366,ROUNDDOWN($C1370/24,0)+1,1))-1)+IF('Standard Profiles'!$G$18=$B$10,7,0)+IF('Standard Profiles'!$G$18=$B$17,14,0)+IF('Standard Profiles'!$G$18=$B$24,21,0),MOD($C1370,24)+1)/SUM(INDEX($D$3:$AA$30,INDEX(Jesper!$R$2:$R$366,ROW(INDEX(Jesper!AH$2:AH$366,ROUNDDOWN($C1370/24,0)+1,1))-1)+IF('Standard Profiles'!$G$18=$B$10,7,0)+IF('Standard Profiles'!$G$18=$B$17,14,0)+IF('Standard Profiles'!$G$18=$B$24,21,0),0)),0)</f>
        <v>12.635940318549366</v>
      </c>
      <c r="E1370" cm="1">
        <f t="array" ref="E1370">IFERROR(INDEX(Jesper!AI$2:AI$366,ROUNDDOWN($C1370/24,0)+1,1)*INDEX($D$3:$AA$30,INDEX(Jesper!$R$2:$R$366,ROW(INDEX(Jesper!AI$2:AI$366,ROUNDDOWN($C1370/24,0)+1,1))-1)+IF('Standard Profiles'!$G$19=$B$10,7,0)+IF('Standard Profiles'!$G$19=$B$17,14,0)+IF('Standard Profiles'!$G$19=$B$24,21,0),MOD($C1370,24)+1)/SUM(INDEX($D$3:$AA$30,INDEX(Jesper!$R$2:$R$366,ROW(INDEX(Jesper!AI$2:AI$366,ROUNDDOWN($C1370/24,0)+1,1))-1)+IF('Standard Profiles'!$G$19=$B$10,7,0)+IF('Standard Profiles'!$G$19=$B$17,14,0)+IF('Standard Profiles'!$G$19=$B$24,21,0),0)),0)</f>
        <v>2.857263702304071</v>
      </c>
      <c r="F1370" cm="1">
        <f t="array" ref="F1370">IFERROR(INDEX(Jesper!AJ$2:AJ$366,ROUNDDOWN($C1370/24,0)+1,1)*INDEX($D$3:$AA$30,INDEX(Jesper!$R$2:$R$366,ROW(INDEX(Jesper!AJ$2:AJ$366,ROUNDDOWN($C1370/24,0)+1,1))-1)+IF('Standard Profiles'!$G$20=$B$10,7,0)+IF('Standard Profiles'!$G$20=$B$17,14,0)+IF('Standard Profiles'!$G$20=$B$24,21,0),MOD($C1370,24)+1)/SUM(INDEX($D$3:$AA$30,INDEX(Jesper!$R$2:$R$366,ROW(INDEX(Jesper!AJ$2:AJ$366,ROUNDDOWN($C1370/24,0)+1,1))-1)+IF('Standard Profiles'!$G$20=$B$10,7,0)+IF('Standard Profiles'!$G$20=$B$17,14,0)+IF('Standard Profiles'!$G$20=$B$24,21,0),0)),0)</f>
        <v>0</v>
      </c>
      <c r="G1370" cm="1">
        <f t="array" ref="G1370">IFERROR(INDEX(Jesper!AK$2:AK$366,ROUNDDOWN($C1370/24,0)+1,1)*INDEX($D$3:$AA$30,INDEX(Jesper!$R$2:$R$366,ROW(INDEX(Jesper!AK$2:AK$366,ROUNDDOWN($C1370/24,0)+1,1))-1)+IF('Standard Profiles'!$G$21=$B$10,7,0)+IF('Standard Profiles'!$G$21=$B$17,14,0)+IF('Standard Profiles'!$G$21=$B$24,21,0),MOD($C1370,24)+1)/SUM(INDEX($D$3:$AA$30,INDEX(Jesper!$R$2:$R$366,ROW(INDEX(Jesper!AK$2:AK$366,ROUNDDOWN($C1370/24,0)+1,1))-1)+IF('Standard Profiles'!$G$21=$B$10,7,0)+IF('Standard Profiles'!$G$21=$B$17,14,0)+IF('Standard Profiles'!$G$21=$B$24,21,0),0)),0)</f>
        <v>0</v>
      </c>
      <c r="H1370" cm="1">
        <f t="array" ref="H1370">IFERROR(INDEX(Jesper!AL$2:AL$366,ROUNDDOWN($C1370/24,0)+1,1)*INDEX($D$3:$AA$30,INDEX(Jesper!$R$2:$R$366,ROW(INDEX(Jesper!AL$2:AL$366,ROUNDDOWN($C1370/24,0)+1,1))-1)+IF('Standard Profiles'!$G$22=$B$10,7,0)+IF('Standard Profiles'!$G$22=$B$17,14,0)+IF('Standard Profiles'!$G$22=$B$24,21,0),MOD($C1370,24)+1)/SUM(INDEX($D$3:$AA$30,INDEX(Jesper!$R$2:$R$366,ROW(INDEX(Jesper!AL$2:AL$366,ROUNDDOWN($C1370/24,0)+1,1))-1)+IF('Standard Profiles'!$G$22=$B$10,7,0)+IF('Standard Profiles'!$G$22=$B$17,14,0)+IF('Standard Profiles'!$G$22=$B$24,21,0),0)),0)</f>
        <v>0</v>
      </c>
      <c r="I1370">
        <f t="shared" si="160"/>
        <v>0.25741114435171819</v>
      </c>
      <c r="J1370">
        <f t="shared" si="161"/>
        <v>0.85803714783906071</v>
      </c>
      <c r="K1370">
        <f t="shared" si="162"/>
        <v>1.287055721758591</v>
      </c>
      <c r="L1370">
        <f t="shared" si="163"/>
        <v>13.090700006904067</v>
      </c>
      <c r="M1370">
        <f t="shared" si="164"/>
        <v>0</v>
      </c>
      <c r="N1370" s="46">
        <f t="shared" si="165"/>
        <v>45347.666666663426</v>
      </c>
    </row>
    <row r="1371" spans="2:14" x14ac:dyDescent="0.3">
      <c r="B1371">
        <f t="shared" si="159"/>
        <v>7</v>
      </c>
      <c r="C1371" s="16">
        <v>1337</v>
      </c>
      <c r="D1371" cm="1">
        <f t="array" ref="D1371">IFERROR(INDEX(Jesper!AH$2:AH$366,ROUNDDOWN($C1371/24,0)+1,1)*INDEX($D$3:$AA$30,INDEX(Jesper!$R$2:$R$366,ROW(INDEX(Jesper!AH$2:AH$366,ROUNDDOWN($C1371/24,0)+1,1))-1)+IF('Standard Profiles'!$G$18=$B$10,7,0)+IF('Standard Profiles'!$G$18=$B$17,14,0)+IF('Standard Profiles'!$G$18=$B$24,21,0),MOD($C1371,24)+1)/SUM(INDEX($D$3:$AA$30,INDEX(Jesper!$R$2:$R$366,ROW(INDEX(Jesper!AH$2:AH$366,ROUNDDOWN($C1371/24,0)+1,1))-1)+IF('Standard Profiles'!$G$18=$B$10,7,0)+IF('Standard Profiles'!$G$18=$B$17,14,0)+IF('Standard Profiles'!$G$18=$B$24,21,0),0)),0)</f>
        <v>10.797985363124004</v>
      </c>
      <c r="E1371" cm="1">
        <f t="array" ref="E1371">IFERROR(INDEX(Jesper!AI$2:AI$366,ROUNDDOWN($C1371/24,0)+1,1)*INDEX($D$3:$AA$30,INDEX(Jesper!$R$2:$R$366,ROW(INDEX(Jesper!AI$2:AI$366,ROUNDDOWN($C1371/24,0)+1,1))-1)+IF('Standard Profiles'!$G$19=$B$10,7,0)+IF('Standard Profiles'!$G$19=$B$17,14,0)+IF('Standard Profiles'!$G$19=$B$24,21,0),MOD($C1371,24)+1)/SUM(INDEX($D$3:$AA$30,INDEX(Jesper!$R$2:$R$366,ROW(INDEX(Jesper!AI$2:AI$366,ROUNDDOWN($C1371/24,0)+1,1))-1)+IF('Standard Profiles'!$G$19=$B$10,7,0)+IF('Standard Profiles'!$G$19=$B$17,14,0)+IF('Standard Profiles'!$G$19=$B$24,21,0),0)),0)</f>
        <v>2.4416617092416613</v>
      </c>
      <c r="F1371" cm="1">
        <f t="array" ref="F1371">IFERROR(INDEX(Jesper!AJ$2:AJ$366,ROUNDDOWN($C1371/24,0)+1,1)*INDEX($D$3:$AA$30,INDEX(Jesper!$R$2:$R$366,ROW(INDEX(Jesper!AJ$2:AJ$366,ROUNDDOWN($C1371/24,0)+1,1))-1)+IF('Standard Profiles'!$G$20=$B$10,7,0)+IF('Standard Profiles'!$G$20=$B$17,14,0)+IF('Standard Profiles'!$G$20=$B$24,21,0),MOD($C1371,24)+1)/SUM(INDEX($D$3:$AA$30,INDEX(Jesper!$R$2:$R$366,ROW(INDEX(Jesper!AJ$2:AJ$366,ROUNDDOWN($C1371/24,0)+1,1))-1)+IF('Standard Profiles'!$G$20=$B$10,7,0)+IF('Standard Profiles'!$G$20=$B$17,14,0)+IF('Standard Profiles'!$G$20=$B$24,21,0),0)),0)</f>
        <v>0</v>
      </c>
      <c r="G1371" cm="1">
        <f t="array" ref="G1371">IFERROR(INDEX(Jesper!AK$2:AK$366,ROUNDDOWN($C1371/24,0)+1,1)*INDEX($D$3:$AA$30,INDEX(Jesper!$R$2:$R$366,ROW(INDEX(Jesper!AK$2:AK$366,ROUNDDOWN($C1371/24,0)+1,1))-1)+IF('Standard Profiles'!$G$21=$B$10,7,0)+IF('Standard Profiles'!$G$21=$B$17,14,0)+IF('Standard Profiles'!$G$21=$B$24,21,0),MOD($C1371,24)+1)/SUM(INDEX($D$3:$AA$30,INDEX(Jesper!$R$2:$R$366,ROW(INDEX(Jesper!AK$2:AK$366,ROUNDDOWN($C1371/24,0)+1,1))-1)+IF('Standard Profiles'!$G$21=$B$10,7,0)+IF('Standard Profiles'!$G$21=$B$17,14,0)+IF('Standard Profiles'!$G$21=$B$24,21,0),0)),0)</f>
        <v>0</v>
      </c>
      <c r="H1371" cm="1">
        <f t="array" ref="H1371">IFERROR(INDEX(Jesper!AL$2:AL$366,ROUNDDOWN($C1371/24,0)+1,1)*INDEX($D$3:$AA$30,INDEX(Jesper!$R$2:$R$366,ROW(INDEX(Jesper!AL$2:AL$366,ROUNDDOWN($C1371/24,0)+1,1))-1)+IF('Standard Profiles'!$G$22=$B$10,7,0)+IF('Standard Profiles'!$G$22=$B$17,14,0)+IF('Standard Profiles'!$G$22=$B$24,21,0),MOD($C1371,24)+1)/SUM(INDEX($D$3:$AA$30,INDEX(Jesper!$R$2:$R$366,ROW(INDEX(Jesper!AL$2:AL$366,ROUNDDOWN($C1371/24,0)+1,1))-1)+IF('Standard Profiles'!$G$22=$B$10,7,0)+IF('Standard Profiles'!$G$22=$B$17,14,0)+IF('Standard Profiles'!$G$22=$B$24,21,0),0)),0)</f>
        <v>0</v>
      </c>
      <c r="I1371">
        <f t="shared" si="160"/>
        <v>0.21996952335510467</v>
      </c>
      <c r="J1371">
        <f t="shared" si="161"/>
        <v>0.73323174451701567</v>
      </c>
      <c r="K1371">
        <f t="shared" si="162"/>
        <v>1.0998476167755236</v>
      </c>
      <c r="L1371">
        <f t="shared" si="163"/>
        <v>11.186598187718023</v>
      </c>
      <c r="M1371">
        <f t="shared" si="164"/>
        <v>0</v>
      </c>
      <c r="N1371" s="46">
        <f t="shared" si="165"/>
        <v>45347.708333330091</v>
      </c>
    </row>
    <row r="1372" spans="2:14" x14ac:dyDescent="0.3">
      <c r="B1372">
        <f t="shared" si="159"/>
        <v>7</v>
      </c>
      <c r="C1372" s="16">
        <v>1338</v>
      </c>
      <c r="D1372" cm="1">
        <f t="array" ref="D1372">IFERROR(INDEX(Jesper!AH$2:AH$366,ROUNDDOWN($C1372/24,0)+1,1)*INDEX($D$3:$AA$30,INDEX(Jesper!$R$2:$R$366,ROW(INDEX(Jesper!AH$2:AH$366,ROUNDDOWN($C1372/24,0)+1,1))-1)+IF('Standard Profiles'!$G$18=$B$10,7,0)+IF('Standard Profiles'!$G$18=$B$17,14,0)+IF('Standard Profiles'!$G$18=$B$24,21,0),MOD($C1372,24)+1)/SUM(INDEX($D$3:$AA$30,INDEX(Jesper!$R$2:$R$366,ROW(INDEX(Jesper!AH$2:AH$366,ROUNDDOWN($C1372/24,0)+1,1))-1)+IF('Standard Profiles'!$G$18=$B$10,7,0)+IF('Standard Profiles'!$G$18=$B$17,14,0)+IF('Standard Profiles'!$G$18=$B$24,21,0),0)),0)</f>
        <v>10.108752254839494</v>
      </c>
      <c r="E1372" cm="1">
        <f t="array" ref="E1372">IFERROR(INDEX(Jesper!AI$2:AI$366,ROUNDDOWN($C1372/24,0)+1,1)*INDEX($D$3:$AA$30,INDEX(Jesper!$R$2:$R$366,ROW(INDEX(Jesper!AI$2:AI$366,ROUNDDOWN($C1372/24,0)+1,1))-1)+IF('Standard Profiles'!$G$19=$B$10,7,0)+IF('Standard Profiles'!$G$19=$B$17,14,0)+IF('Standard Profiles'!$G$19=$B$24,21,0),MOD($C1372,24)+1)/SUM(INDEX($D$3:$AA$30,INDEX(Jesper!$R$2:$R$366,ROW(INDEX(Jesper!AI$2:AI$366,ROUNDDOWN($C1372/24,0)+1,1))-1)+IF('Standard Profiles'!$G$19=$B$10,7,0)+IF('Standard Profiles'!$G$19=$B$17,14,0)+IF('Standard Profiles'!$G$19=$B$24,21,0),0)),0)</f>
        <v>2.2858109618432576</v>
      </c>
      <c r="F1372" cm="1">
        <f t="array" ref="F1372">IFERROR(INDEX(Jesper!AJ$2:AJ$366,ROUNDDOWN($C1372/24,0)+1,1)*INDEX($D$3:$AA$30,INDEX(Jesper!$R$2:$R$366,ROW(INDEX(Jesper!AJ$2:AJ$366,ROUNDDOWN($C1372/24,0)+1,1))-1)+IF('Standard Profiles'!$G$20=$B$10,7,0)+IF('Standard Profiles'!$G$20=$B$17,14,0)+IF('Standard Profiles'!$G$20=$B$24,21,0),MOD($C1372,24)+1)/SUM(INDEX($D$3:$AA$30,INDEX(Jesper!$R$2:$R$366,ROW(INDEX(Jesper!AJ$2:AJ$366,ROUNDDOWN($C1372/24,0)+1,1))-1)+IF('Standard Profiles'!$G$20=$B$10,7,0)+IF('Standard Profiles'!$G$20=$B$17,14,0)+IF('Standard Profiles'!$G$20=$B$24,21,0),0)),0)</f>
        <v>0</v>
      </c>
      <c r="G1372" cm="1">
        <f t="array" ref="G1372">IFERROR(INDEX(Jesper!AK$2:AK$366,ROUNDDOWN($C1372/24,0)+1,1)*INDEX($D$3:$AA$30,INDEX(Jesper!$R$2:$R$366,ROW(INDEX(Jesper!AK$2:AK$366,ROUNDDOWN($C1372/24,0)+1,1))-1)+IF('Standard Profiles'!$G$21=$B$10,7,0)+IF('Standard Profiles'!$G$21=$B$17,14,0)+IF('Standard Profiles'!$G$21=$B$24,21,0),MOD($C1372,24)+1)/SUM(INDEX($D$3:$AA$30,INDEX(Jesper!$R$2:$R$366,ROW(INDEX(Jesper!AK$2:AK$366,ROUNDDOWN($C1372/24,0)+1,1))-1)+IF('Standard Profiles'!$G$21=$B$10,7,0)+IF('Standard Profiles'!$G$21=$B$17,14,0)+IF('Standard Profiles'!$G$21=$B$24,21,0),0)),0)</f>
        <v>0</v>
      </c>
      <c r="H1372" cm="1">
        <f t="array" ref="H1372">IFERROR(INDEX(Jesper!AL$2:AL$366,ROUNDDOWN($C1372/24,0)+1,1)*INDEX($D$3:$AA$30,INDEX(Jesper!$R$2:$R$366,ROW(INDEX(Jesper!AL$2:AL$366,ROUNDDOWN($C1372/24,0)+1,1))-1)+IF('Standard Profiles'!$G$22=$B$10,7,0)+IF('Standard Profiles'!$G$22=$B$17,14,0)+IF('Standard Profiles'!$G$22=$B$24,21,0),MOD($C1372,24)+1)/SUM(INDEX($D$3:$AA$30,INDEX(Jesper!$R$2:$R$366,ROW(INDEX(Jesper!AL$2:AL$366,ROUNDDOWN($C1372/24,0)+1,1))-1)+IF('Standard Profiles'!$G$22=$B$10,7,0)+IF('Standard Profiles'!$G$22=$B$17,14,0)+IF('Standard Profiles'!$G$22=$B$24,21,0),0)),0)</f>
        <v>0</v>
      </c>
      <c r="I1372">
        <f t="shared" si="160"/>
        <v>0.20592891548137462</v>
      </c>
      <c r="J1372">
        <f t="shared" si="161"/>
        <v>0.68642971827124877</v>
      </c>
      <c r="K1372">
        <f t="shared" si="162"/>
        <v>1.0296445774068732</v>
      </c>
      <c r="L1372">
        <f t="shared" si="163"/>
        <v>10.472560005523256</v>
      </c>
      <c r="M1372">
        <f t="shared" si="164"/>
        <v>0</v>
      </c>
      <c r="N1372" s="46">
        <f t="shared" si="165"/>
        <v>45347.749999996755</v>
      </c>
    </row>
    <row r="1373" spans="2:14" x14ac:dyDescent="0.3">
      <c r="B1373">
        <f t="shared" si="159"/>
        <v>7</v>
      </c>
      <c r="C1373" s="16">
        <v>1339</v>
      </c>
      <c r="D1373" cm="1">
        <f t="array" ref="D1373">IFERROR(INDEX(Jesper!AH$2:AH$366,ROUNDDOWN($C1373/24,0)+1,1)*INDEX($D$3:$AA$30,INDEX(Jesper!$R$2:$R$366,ROW(INDEX(Jesper!AH$2:AH$366,ROUNDDOWN($C1373/24,0)+1,1))-1)+IF('Standard Profiles'!$G$18=$B$10,7,0)+IF('Standard Profiles'!$G$18=$B$17,14,0)+IF('Standard Profiles'!$G$18=$B$24,21,0),MOD($C1373,24)+1)/SUM(INDEX($D$3:$AA$30,INDEX(Jesper!$R$2:$R$366,ROW(INDEX(Jesper!AH$2:AH$366,ROUNDDOWN($C1373/24,0)+1,1))-1)+IF('Standard Profiles'!$G$18=$B$10,7,0)+IF('Standard Profiles'!$G$18=$B$17,14,0)+IF('Standard Profiles'!$G$18=$B$24,21,0),0)),0)</f>
        <v>8.5005416688423026</v>
      </c>
      <c r="E1373" cm="1">
        <f t="array" ref="E1373">IFERROR(INDEX(Jesper!AI$2:AI$366,ROUNDDOWN($C1373/24,0)+1,1)*INDEX($D$3:$AA$30,INDEX(Jesper!$R$2:$R$366,ROW(INDEX(Jesper!AI$2:AI$366,ROUNDDOWN($C1373/24,0)+1,1))-1)+IF('Standard Profiles'!$G$19=$B$10,7,0)+IF('Standard Profiles'!$G$19=$B$17,14,0)+IF('Standard Profiles'!$G$19=$B$24,21,0),MOD($C1373,24)+1)/SUM(INDEX($D$3:$AA$30,INDEX(Jesper!$R$2:$R$366,ROW(INDEX(Jesper!AI$2:AI$366,ROUNDDOWN($C1373/24,0)+1,1))-1)+IF('Standard Profiles'!$G$19=$B$10,7,0)+IF('Standard Profiles'!$G$19=$B$17,14,0)+IF('Standard Profiles'!$G$19=$B$24,21,0),0)),0)</f>
        <v>1.9221592179136484</v>
      </c>
      <c r="F1373" cm="1">
        <f t="array" ref="F1373">IFERROR(INDEX(Jesper!AJ$2:AJ$366,ROUNDDOWN($C1373/24,0)+1,1)*INDEX($D$3:$AA$30,INDEX(Jesper!$R$2:$R$366,ROW(INDEX(Jesper!AJ$2:AJ$366,ROUNDDOWN($C1373/24,0)+1,1))-1)+IF('Standard Profiles'!$G$20=$B$10,7,0)+IF('Standard Profiles'!$G$20=$B$17,14,0)+IF('Standard Profiles'!$G$20=$B$24,21,0),MOD($C1373,24)+1)/SUM(INDEX($D$3:$AA$30,INDEX(Jesper!$R$2:$R$366,ROW(INDEX(Jesper!AJ$2:AJ$366,ROUNDDOWN($C1373/24,0)+1,1))-1)+IF('Standard Profiles'!$G$20=$B$10,7,0)+IF('Standard Profiles'!$G$20=$B$17,14,0)+IF('Standard Profiles'!$G$20=$B$24,21,0),0)),0)</f>
        <v>0</v>
      </c>
      <c r="G1373" cm="1">
        <f t="array" ref="G1373">IFERROR(INDEX(Jesper!AK$2:AK$366,ROUNDDOWN($C1373/24,0)+1,1)*INDEX($D$3:$AA$30,INDEX(Jesper!$R$2:$R$366,ROW(INDEX(Jesper!AK$2:AK$366,ROUNDDOWN($C1373/24,0)+1,1))-1)+IF('Standard Profiles'!$G$21=$B$10,7,0)+IF('Standard Profiles'!$G$21=$B$17,14,0)+IF('Standard Profiles'!$G$21=$B$24,21,0),MOD($C1373,24)+1)/SUM(INDEX($D$3:$AA$30,INDEX(Jesper!$R$2:$R$366,ROW(INDEX(Jesper!AK$2:AK$366,ROUNDDOWN($C1373/24,0)+1,1))-1)+IF('Standard Profiles'!$G$21=$B$10,7,0)+IF('Standard Profiles'!$G$21=$B$17,14,0)+IF('Standard Profiles'!$G$21=$B$24,21,0),0)),0)</f>
        <v>0</v>
      </c>
      <c r="H1373" cm="1">
        <f t="array" ref="H1373">IFERROR(INDEX(Jesper!AL$2:AL$366,ROUNDDOWN($C1373/24,0)+1,1)*INDEX($D$3:$AA$30,INDEX(Jesper!$R$2:$R$366,ROW(INDEX(Jesper!AL$2:AL$366,ROUNDDOWN($C1373/24,0)+1,1))-1)+IF('Standard Profiles'!$G$22=$B$10,7,0)+IF('Standard Profiles'!$G$22=$B$17,14,0)+IF('Standard Profiles'!$G$22=$B$24,21,0),MOD($C1373,24)+1)/SUM(INDEX($D$3:$AA$30,INDEX(Jesper!$R$2:$R$366,ROW(INDEX(Jesper!AL$2:AL$366,ROUNDDOWN($C1373/24,0)+1,1))-1)+IF('Standard Profiles'!$G$22=$B$10,7,0)+IF('Standard Profiles'!$G$22=$B$17,14,0)+IF('Standard Profiles'!$G$22=$B$24,21,0),0)),0)</f>
        <v>0</v>
      </c>
      <c r="I1373">
        <f t="shared" si="160"/>
        <v>0.17316749710933774</v>
      </c>
      <c r="J1373">
        <f t="shared" si="161"/>
        <v>0.57722499036445918</v>
      </c>
      <c r="K1373">
        <f t="shared" si="162"/>
        <v>0.86583748554668882</v>
      </c>
      <c r="L1373">
        <f t="shared" si="163"/>
        <v>8.8064709137354651</v>
      </c>
      <c r="M1373">
        <f t="shared" si="164"/>
        <v>0</v>
      </c>
      <c r="N1373" s="46">
        <f t="shared" si="165"/>
        <v>45347.791666663419</v>
      </c>
    </row>
    <row r="1374" spans="2:14" x14ac:dyDescent="0.3">
      <c r="B1374">
        <f t="shared" si="159"/>
        <v>7</v>
      </c>
      <c r="C1374" s="16">
        <v>1340</v>
      </c>
      <c r="D1374" cm="1">
        <f t="array" ref="D1374">IFERROR(INDEX(Jesper!AH$2:AH$366,ROUNDDOWN($C1374/24,0)+1,1)*INDEX($D$3:$AA$30,INDEX(Jesper!$R$2:$R$366,ROW(INDEX(Jesper!AH$2:AH$366,ROUNDDOWN($C1374/24,0)+1,1))-1)+IF('Standard Profiles'!$G$18=$B$10,7,0)+IF('Standard Profiles'!$G$18=$B$17,14,0)+IF('Standard Profiles'!$G$18=$B$24,21,0),MOD($C1374,24)+1)/SUM(INDEX($D$3:$AA$30,INDEX(Jesper!$R$2:$R$366,ROW(INDEX(Jesper!AH$2:AH$366,ROUNDDOWN($C1374/24,0)+1,1))-1)+IF('Standard Profiles'!$G$18=$B$10,7,0)+IF('Standard Profiles'!$G$18=$B$17,14,0)+IF('Standard Profiles'!$G$18=$B$24,21,0),0)),0)</f>
        <v>7.122075452273279</v>
      </c>
      <c r="E1374" cm="1">
        <f t="array" ref="E1374">IFERROR(INDEX(Jesper!AI$2:AI$366,ROUNDDOWN($C1374/24,0)+1,1)*INDEX($D$3:$AA$30,INDEX(Jesper!$R$2:$R$366,ROW(INDEX(Jesper!AI$2:AI$366,ROUNDDOWN($C1374/24,0)+1,1))-1)+IF('Standard Profiles'!$G$19=$B$10,7,0)+IF('Standard Profiles'!$G$19=$B$17,14,0)+IF('Standard Profiles'!$G$19=$B$24,21,0),MOD($C1374,24)+1)/SUM(INDEX($D$3:$AA$30,INDEX(Jesper!$R$2:$R$366,ROW(INDEX(Jesper!AI$2:AI$366,ROUNDDOWN($C1374/24,0)+1,1))-1)+IF('Standard Profiles'!$G$19=$B$10,7,0)+IF('Standard Profiles'!$G$19=$B$17,14,0)+IF('Standard Profiles'!$G$19=$B$24,21,0),0)),0)</f>
        <v>1.6104577231168404</v>
      </c>
      <c r="F1374" cm="1">
        <f t="array" ref="F1374">IFERROR(INDEX(Jesper!AJ$2:AJ$366,ROUNDDOWN($C1374/24,0)+1,1)*INDEX($D$3:$AA$30,INDEX(Jesper!$R$2:$R$366,ROW(INDEX(Jesper!AJ$2:AJ$366,ROUNDDOWN($C1374/24,0)+1,1))-1)+IF('Standard Profiles'!$G$20=$B$10,7,0)+IF('Standard Profiles'!$G$20=$B$17,14,0)+IF('Standard Profiles'!$G$20=$B$24,21,0),MOD($C1374,24)+1)/SUM(INDEX($D$3:$AA$30,INDEX(Jesper!$R$2:$R$366,ROW(INDEX(Jesper!AJ$2:AJ$366,ROUNDDOWN($C1374/24,0)+1,1))-1)+IF('Standard Profiles'!$G$20=$B$10,7,0)+IF('Standard Profiles'!$G$20=$B$17,14,0)+IF('Standard Profiles'!$G$20=$B$24,21,0),0)),0)</f>
        <v>0</v>
      </c>
      <c r="G1374" cm="1">
        <f t="array" ref="G1374">IFERROR(INDEX(Jesper!AK$2:AK$366,ROUNDDOWN($C1374/24,0)+1,1)*INDEX($D$3:$AA$30,INDEX(Jesper!$R$2:$R$366,ROW(INDEX(Jesper!AK$2:AK$366,ROUNDDOWN($C1374/24,0)+1,1))-1)+IF('Standard Profiles'!$G$21=$B$10,7,0)+IF('Standard Profiles'!$G$21=$B$17,14,0)+IF('Standard Profiles'!$G$21=$B$24,21,0),MOD($C1374,24)+1)/SUM(INDEX($D$3:$AA$30,INDEX(Jesper!$R$2:$R$366,ROW(INDEX(Jesper!AK$2:AK$366,ROUNDDOWN($C1374/24,0)+1,1))-1)+IF('Standard Profiles'!$G$21=$B$10,7,0)+IF('Standard Profiles'!$G$21=$B$17,14,0)+IF('Standard Profiles'!$G$21=$B$24,21,0),0)),0)</f>
        <v>0</v>
      </c>
      <c r="H1374" cm="1">
        <f t="array" ref="H1374">IFERROR(INDEX(Jesper!AL$2:AL$366,ROUNDDOWN($C1374/24,0)+1,1)*INDEX($D$3:$AA$30,INDEX(Jesper!$R$2:$R$366,ROW(INDEX(Jesper!AL$2:AL$366,ROUNDDOWN($C1374/24,0)+1,1))-1)+IF('Standard Profiles'!$G$22=$B$10,7,0)+IF('Standard Profiles'!$G$22=$B$17,14,0)+IF('Standard Profiles'!$G$22=$B$24,21,0),MOD($C1374,24)+1)/SUM(INDEX($D$3:$AA$30,INDEX(Jesper!$R$2:$R$366,ROW(INDEX(Jesper!AL$2:AL$366,ROUNDDOWN($C1374/24,0)+1,1))-1)+IF('Standard Profiles'!$G$22=$B$10,7,0)+IF('Standard Profiles'!$G$22=$B$17,14,0)+IF('Standard Profiles'!$G$22=$B$24,21,0),0)),0)</f>
        <v>0</v>
      </c>
      <c r="I1374">
        <f t="shared" si="160"/>
        <v>0.14508628136187757</v>
      </c>
      <c r="J1374">
        <f t="shared" si="161"/>
        <v>0.48362093787292526</v>
      </c>
      <c r="K1374">
        <f t="shared" si="162"/>
        <v>0.72543140680938789</v>
      </c>
      <c r="L1374">
        <f t="shared" si="163"/>
        <v>7.3783945493459289</v>
      </c>
      <c r="M1374">
        <f t="shared" si="164"/>
        <v>0</v>
      </c>
      <c r="N1374" s="46">
        <f t="shared" si="165"/>
        <v>45347.833333330083</v>
      </c>
    </row>
    <row r="1375" spans="2:14" x14ac:dyDescent="0.3">
      <c r="B1375">
        <f t="shared" si="159"/>
        <v>7</v>
      </c>
      <c r="C1375" s="16">
        <v>1341</v>
      </c>
      <c r="D1375" cm="1">
        <f t="array" ref="D1375">IFERROR(INDEX(Jesper!AH$2:AH$366,ROUNDDOWN($C1375/24,0)+1,1)*INDEX($D$3:$AA$30,INDEX(Jesper!$R$2:$R$366,ROW(INDEX(Jesper!AH$2:AH$366,ROUNDDOWN($C1375/24,0)+1,1))-1)+IF('Standard Profiles'!$G$18=$B$10,7,0)+IF('Standard Profiles'!$G$18=$B$17,14,0)+IF('Standard Profiles'!$G$18=$B$24,21,0),MOD($C1375,24)+1)/SUM(INDEX($D$3:$AA$30,INDEX(Jesper!$R$2:$R$366,ROW(INDEX(Jesper!AH$2:AH$366,ROUNDDOWN($C1375/24,0)+1,1))-1)+IF('Standard Profiles'!$G$18=$B$10,7,0)+IF('Standard Profiles'!$G$18=$B$17,14,0)+IF('Standard Profiles'!$G$18=$B$24,21,0),0)),0)</f>
        <v>6.2030979745605981</v>
      </c>
      <c r="E1375" cm="1">
        <f t="array" ref="E1375">IFERROR(INDEX(Jesper!AI$2:AI$366,ROUNDDOWN($C1375/24,0)+1,1)*INDEX($D$3:$AA$30,INDEX(Jesper!$R$2:$R$366,ROW(INDEX(Jesper!AI$2:AI$366,ROUNDDOWN($C1375/24,0)+1,1))-1)+IF('Standard Profiles'!$G$19=$B$10,7,0)+IF('Standard Profiles'!$G$19=$B$17,14,0)+IF('Standard Profiles'!$G$19=$B$24,21,0),MOD($C1375,24)+1)/SUM(INDEX($D$3:$AA$30,INDEX(Jesper!$R$2:$R$366,ROW(INDEX(Jesper!AI$2:AI$366,ROUNDDOWN($C1375/24,0)+1,1))-1)+IF('Standard Profiles'!$G$19=$B$10,7,0)+IF('Standard Profiles'!$G$19=$B$17,14,0)+IF('Standard Profiles'!$G$19=$B$24,21,0),0)),0)</f>
        <v>1.4026567265856353</v>
      </c>
      <c r="F1375" cm="1">
        <f t="array" ref="F1375">IFERROR(INDEX(Jesper!AJ$2:AJ$366,ROUNDDOWN($C1375/24,0)+1,1)*INDEX($D$3:$AA$30,INDEX(Jesper!$R$2:$R$366,ROW(INDEX(Jesper!AJ$2:AJ$366,ROUNDDOWN($C1375/24,0)+1,1))-1)+IF('Standard Profiles'!$G$20=$B$10,7,0)+IF('Standard Profiles'!$G$20=$B$17,14,0)+IF('Standard Profiles'!$G$20=$B$24,21,0),MOD($C1375,24)+1)/SUM(INDEX($D$3:$AA$30,INDEX(Jesper!$R$2:$R$366,ROW(INDEX(Jesper!AJ$2:AJ$366,ROUNDDOWN($C1375/24,0)+1,1))-1)+IF('Standard Profiles'!$G$20=$B$10,7,0)+IF('Standard Profiles'!$G$20=$B$17,14,0)+IF('Standard Profiles'!$G$20=$B$24,21,0),0)),0)</f>
        <v>0</v>
      </c>
      <c r="G1375" cm="1">
        <f t="array" ref="G1375">IFERROR(INDEX(Jesper!AK$2:AK$366,ROUNDDOWN($C1375/24,0)+1,1)*INDEX($D$3:$AA$30,INDEX(Jesper!$R$2:$R$366,ROW(INDEX(Jesper!AK$2:AK$366,ROUNDDOWN($C1375/24,0)+1,1))-1)+IF('Standard Profiles'!$G$21=$B$10,7,0)+IF('Standard Profiles'!$G$21=$B$17,14,0)+IF('Standard Profiles'!$G$21=$B$24,21,0),MOD($C1375,24)+1)/SUM(INDEX($D$3:$AA$30,INDEX(Jesper!$R$2:$R$366,ROW(INDEX(Jesper!AK$2:AK$366,ROUNDDOWN($C1375/24,0)+1,1))-1)+IF('Standard Profiles'!$G$21=$B$10,7,0)+IF('Standard Profiles'!$G$21=$B$17,14,0)+IF('Standard Profiles'!$G$21=$B$24,21,0),0)),0)</f>
        <v>0</v>
      </c>
      <c r="H1375" cm="1">
        <f t="array" ref="H1375">IFERROR(INDEX(Jesper!AL$2:AL$366,ROUNDDOWN($C1375/24,0)+1,1)*INDEX($D$3:$AA$30,INDEX(Jesper!$R$2:$R$366,ROW(INDEX(Jesper!AL$2:AL$366,ROUNDDOWN($C1375/24,0)+1,1))-1)+IF('Standard Profiles'!$G$22=$B$10,7,0)+IF('Standard Profiles'!$G$22=$B$17,14,0)+IF('Standard Profiles'!$G$22=$B$24,21,0),MOD($C1375,24)+1)/SUM(INDEX($D$3:$AA$30,INDEX(Jesper!$R$2:$R$366,ROW(INDEX(Jesper!AL$2:AL$366,ROUNDDOWN($C1375/24,0)+1,1))-1)+IF('Standard Profiles'!$G$22=$B$10,7,0)+IF('Standard Profiles'!$G$22=$B$17,14,0)+IF('Standard Profiles'!$G$22=$B$24,21,0),0)),0)</f>
        <v>0</v>
      </c>
      <c r="I1375">
        <f t="shared" si="160"/>
        <v>0.12636547086357078</v>
      </c>
      <c r="J1375">
        <f t="shared" si="161"/>
        <v>0.42121823621190269</v>
      </c>
      <c r="K1375">
        <f t="shared" si="162"/>
        <v>0.63182735431785397</v>
      </c>
      <c r="L1375">
        <f t="shared" si="163"/>
        <v>6.4263436397529059</v>
      </c>
      <c r="M1375">
        <f t="shared" si="164"/>
        <v>0</v>
      </c>
      <c r="N1375" s="46">
        <f t="shared" si="165"/>
        <v>45347.874999996748</v>
      </c>
    </row>
    <row r="1376" spans="2:14" x14ac:dyDescent="0.3">
      <c r="B1376">
        <f t="shared" si="159"/>
        <v>7</v>
      </c>
      <c r="C1376" s="16">
        <v>1342</v>
      </c>
      <c r="D1376" cm="1">
        <f t="array" ref="D1376">IFERROR(INDEX(Jesper!AH$2:AH$366,ROUNDDOWN($C1376/24,0)+1,1)*INDEX($D$3:$AA$30,INDEX(Jesper!$R$2:$R$366,ROW(INDEX(Jesper!AH$2:AH$366,ROUNDDOWN($C1376/24,0)+1,1))-1)+IF('Standard Profiles'!$G$18=$B$10,7,0)+IF('Standard Profiles'!$G$18=$B$17,14,0)+IF('Standard Profiles'!$G$18=$B$24,21,0),MOD($C1376,24)+1)/SUM(INDEX($D$3:$AA$30,INDEX(Jesper!$R$2:$R$366,ROW(INDEX(Jesper!AH$2:AH$366,ROUNDDOWN($C1376/24,0)+1,1))-1)+IF('Standard Profiles'!$G$18=$B$10,7,0)+IF('Standard Profiles'!$G$18=$B$17,14,0)+IF('Standard Profiles'!$G$18=$B$24,21,0),0)),0)</f>
        <v>6.2030979745605981</v>
      </c>
      <c r="E1376" cm="1">
        <f t="array" ref="E1376">IFERROR(INDEX(Jesper!AI$2:AI$366,ROUNDDOWN($C1376/24,0)+1,1)*INDEX($D$3:$AA$30,INDEX(Jesper!$R$2:$R$366,ROW(INDEX(Jesper!AI$2:AI$366,ROUNDDOWN($C1376/24,0)+1,1))-1)+IF('Standard Profiles'!$G$19=$B$10,7,0)+IF('Standard Profiles'!$G$19=$B$17,14,0)+IF('Standard Profiles'!$G$19=$B$24,21,0),MOD($C1376,24)+1)/SUM(INDEX($D$3:$AA$30,INDEX(Jesper!$R$2:$R$366,ROW(INDEX(Jesper!AI$2:AI$366,ROUNDDOWN($C1376/24,0)+1,1))-1)+IF('Standard Profiles'!$G$19=$B$10,7,0)+IF('Standard Profiles'!$G$19=$B$17,14,0)+IF('Standard Profiles'!$G$19=$B$24,21,0),0)),0)</f>
        <v>1.4026567265856353</v>
      </c>
      <c r="F1376" cm="1">
        <f t="array" ref="F1376">IFERROR(INDEX(Jesper!AJ$2:AJ$366,ROUNDDOWN($C1376/24,0)+1,1)*INDEX($D$3:$AA$30,INDEX(Jesper!$R$2:$R$366,ROW(INDEX(Jesper!AJ$2:AJ$366,ROUNDDOWN($C1376/24,0)+1,1))-1)+IF('Standard Profiles'!$G$20=$B$10,7,0)+IF('Standard Profiles'!$G$20=$B$17,14,0)+IF('Standard Profiles'!$G$20=$B$24,21,0),MOD($C1376,24)+1)/SUM(INDEX($D$3:$AA$30,INDEX(Jesper!$R$2:$R$366,ROW(INDEX(Jesper!AJ$2:AJ$366,ROUNDDOWN($C1376/24,0)+1,1))-1)+IF('Standard Profiles'!$G$20=$B$10,7,0)+IF('Standard Profiles'!$G$20=$B$17,14,0)+IF('Standard Profiles'!$G$20=$B$24,21,0),0)),0)</f>
        <v>0</v>
      </c>
      <c r="G1376" cm="1">
        <f t="array" ref="G1376">IFERROR(INDEX(Jesper!AK$2:AK$366,ROUNDDOWN($C1376/24,0)+1,1)*INDEX($D$3:$AA$30,INDEX(Jesper!$R$2:$R$366,ROW(INDEX(Jesper!AK$2:AK$366,ROUNDDOWN($C1376/24,0)+1,1))-1)+IF('Standard Profiles'!$G$21=$B$10,7,0)+IF('Standard Profiles'!$G$21=$B$17,14,0)+IF('Standard Profiles'!$G$21=$B$24,21,0),MOD($C1376,24)+1)/SUM(INDEX($D$3:$AA$30,INDEX(Jesper!$R$2:$R$366,ROW(INDEX(Jesper!AK$2:AK$366,ROUNDDOWN($C1376/24,0)+1,1))-1)+IF('Standard Profiles'!$G$21=$B$10,7,0)+IF('Standard Profiles'!$G$21=$B$17,14,0)+IF('Standard Profiles'!$G$21=$B$24,21,0),0)),0)</f>
        <v>0</v>
      </c>
      <c r="H1376" cm="1">
        <f t="array" ref="H1376">IFERROR(INDEX(Jesper!AL$2:AL$366,ROUNDDOWN($C1376/24,0)+1,1)*INDEX($D$3:$AA$30,INDEX(Jesper!$R$2:$R$366,ROW(INDEX(Jesper!AL$2:AL$366,ROUNDDOWN($C1376/24,0)+1,1))-1)+IF('Standard Profiles'!$G$22=$B$10,7,0)+IF('Standard Profiles'!$G$22=$B$17,14,0)+IF('Standard Profiles'!$G$22=$B$24,21,0),MOD($C1376,24)+1)/SUM(INDEX($D$3:$AA$30,INDEX(Jesper!$R$2:$R$366,ROW(INDEX(Jesper!AL$2:AL$366,ROUNDDOWN($C1376/24,0)+1,1))-1)+IF('Standard Profiles'!$G$22=$B$10,7,0)+IF('Standard Profiles'!$G$22=$B$17,14,0)+IF('Standard Profiles'!$G$22=$B$24,21,0),0)),0)</f>
        <v>0</v>
      </c>
      <c r="I1376">
        <f t="shared" si="160"/>
        <v>0.12636547086357078</v>
      </c>
      <c r="J1376">
        <f t="shared" si="161"/>
        <v>0.42121823621190269</v>
      </c>
      <c r="K1376">
        <f t="shared" si="162"/>
        <v>0.63182735431785397</v>
      </c>
      <c r="L1376">
        <f t="shared" si="163"/>
        <v>6.4263436397529059</v>
      </c>
      <c r="M1376">
        <f t="shared" si="164"/>
        <v>0</v>
      </c>
      <c r="N1376" s="46">
        <f t="shared" si="165"/>
        <v>45347.916666663412</v>
      </c>
    </row>
    <row r="1377" spans="2:14" x14ac:dyDescent="0.3">
      <c r="B1377">
        <f t="shared" si="159"/>
        <v>7</v>
      </c>
      <c r="C1377" s="16">
        <v>1343</v>
      </c>
      <c r="D1377" cm="1">
        <f t="array" ref="D1377">IFERROR(INDEX(Jesper!AH$2:AH$366,ROUNDDOWN($C1377/24,0)+1,1)*INDEX($D$3:$AA$30,INDEX(Jesper!$R$2:$R$366,ROW(INDEX(Jesper!AH$2:AH$366,ROUNDDOWN($C1377/24,0)+1,1))-1)+IF('Standard Profiles'!$G$18=$B$10,7,0)+IF('Standard Profiles'!$G$18=$B$17,14,0)+IF('Standard Profiles'!$G$18=$B$24,21,0),MOD($C1377,24)+1)/SUM(INDEX($D$3:$AA$30,INDEX(Jesper!$R$2:$R$366,ROW(INDEX(Jesper!AH$2:AH$366,ROUNDDOWN($C1377/24,0)+1,1))-1)+IF('Standard Profiles'!$G$18=$B$10,7,0)+IF('Standard Profiles'!$G$18=$B$17,14,0)+IF('Standard Profiles'!$G$18=$B$24,21,0),0)),0)</f>
        <v>6.2030979745605981</v>
      </c>
      <c r="E1377" cm="1">
        <f t="array" ref="E1377">IFERROR(INDEX(Jesper!AI$2:AI$366,ROUNDDOWN($C1377/24,0)+1,1)*INDEX($D$3:$AA$30,INDEX(Jesper!$R$2:$R$366,ROW(INDEX(Jesper!AI$2:AI$366,ROUNDDOWN($C1377/24,0)+1,1))-1)+IF('Standard Profiles'!$G$19=$B$10,7,0)+IF('Standard Profiles'!$G$19=$B$17,14,0)+IF('Standard Profiles'!$G$19=$B$24,21,0),MOD($C1377,24)+1)/SUM(INDEX($D$3:$AA$30,INDEX(Jesper!$R$2:$R$366,ROW(INDEX(Jesper!AI$2:AI$366,ROUNDDOWN($C1377/24,0)+1,1))-1)+IF('Standard Profiles'!$G$19=$B$10,7,0)+IF('Standard Profiles'!$G$19=$B$17,14,0)+IF('Standard Profiles'!$G$19=$B$24,21,0),0)),0)</f>
        <v>1.4026567265856353</v>
      </c>
      <c r="F1377" cm="1">
        <f t="array" ref="F1377">IFERROR(INDEX(Jesper!AJ$2:AJ$366,ROUNDDOWN($C1377/24,0)+1,1)*INDEX($D$3:$AA$30,INDEX(Jesper!$R$2:$R$366,ROW(INDEX(Jesper!AJ$2:AJ$366,ROUNDDOWN($C1377/24,0)+1,1))-1)+IF('Standard Profiles'!$G$20=$B$10,7,0)+IF('Standard Profiles'!$G$20=$B$17,14,0)+IF('Standard Profiles'!$G$20=$B$24,21,0),MOD($C1377,24)+1)/SUM(INDEX($D$3:$AA$30,INDEX(Jesper!$R$2:$R$366,ROW(INDEX(Jesper!AJ$2:AJ$366,ROUNDDOWN($C1377/24,0)+1,1))-1)+IF('Standard Profiles'!$G$20=$B$10,7,0)+IF('Standard Profiles'!$G$20=$B$17,14,0)+IF('Standard Profiles'!$G$20=$B$24,21,0),0)),0)</f>
        <v>0</v>
      </c>
      <c r="G1377" cm="1">
        <f t="array" ref="G1377">IFERROR(INDEX(Jesper!AK$2:AK$366,ROUNDDOWN($C1377/24,0)+1,1)*INDEX($D$3:$AA$30,INDEX(Jesper!$R$2:$R$366,ROW(INDEX(Jesper!AK$2:AK$366,ROUNDDOWN($C1377/24,0)+1,1))-1)+IF('Standard Profiles'!$G$21=$B$10,7,0)+IF('Standard Profiles'!$G$21=$B$17,14,0)+IF('Standard Profiles'!$G$21=$B$24,21,0),MOD($C1377,24)+1)/SUM(INDEX($D$3:$AA$30,INDEX(Jesper!$R$2:$R$366,ROW(INDEX(Jesper!AK$2:AK$366,ROUNDDOWN($C1377/24,0)+1,1))-1)+IF('Standard Profiles'!$G$21=$B$10,7,0)+IF('Standard Profiles'!$G$21=$B$17,14,0)+IF('Standard Profiles'!$G$21=$B$24,21,0),0)),0)</f>
        <v>0</v>
      </c>
      <c r="H1377" cm="1">
        <f t="array" ref="H1377">IFERROR(INDEX(Jesper!AL$2:AL$366,ROUNDDOWN($C1377/24,0)+1,1)*INDEX($D$3:$AA$30,INDEX(Jesper!$R$2:$R$366,ROW(INDEX(Jesper!AL$2:AL$366,ROUNDDOWN($C1377/24,0)+1,1))-1)+IF('Standard Profiles'!$G$22=$B$10,7,0)+IF('Standard Profiles'!$G$22=$B$17,14,0)+IF('Standard Profiles'!$G$22=$B$24,21,0),MOD($C1377,24)+1)/SUM(INDEX($D$3:$AA$30,INDEX(Jesper!$R$2:$R$366,ROW(INDEX(Jesper!AL$2:AL$366,ROUNDDOWN($C1377/24,0)+1,1))-1)+IF('Standard Profiles'!$G$22=$B$10,7,0)+IF('Standard Profiles'!$G$22=$B$17,14,0)+IF('Standard Profiles'!$G$22=$B$24,21,0),0)),0)</f>
        <v>0</v>
      </c>
      <c r="I1377">
        <f t="shared" si="160"/>
        <v>0.12636547086357078</v>
      </c>
      <c r="J1377">
        <f t="shared" si="161"/>
        <v>0.42121823621190269</v>
      </c>
      <c r="K1377">
        <f t="shared" si="162"/>
        <v>0.63182735431785397</v>
      </c>
      <c r="L1377">
        <f t="shared" si="163"/>
        <v>6.4263436397529059</v>
      </c>
      <c r="M1377">
        <f t="shared" si="164"/>
        <v>0</v>
      </c>
      <c r="N1377" s="46">
        <f t="shared" si="165"/>
        <v>45347.958333330076</v>
      </c>
    </row>
    <row r="1378" spans="2:14" x14ac:dyDescent="0.3">
      <c r="B1378">
        <f t="shared" si="159"/>
        <v>1</v>
      </c>
      <c r="C1378" s="16">
        <v>1344</v>
      </c>
      <c r="D1378" cm="1">
        <f t="array" ref="D1378">IFERROR(INDEX(Jesper!AH$2:AH$366,ROUNDDOWN($C1378/24,0)+1,1)*INDEX($D$3:$AA$30,INDEX(Jesper!$R$2:$R$366,ROW(INDEX(Jesper!AH$2:AH$366,ROUNDDOWN($C1378/24,0)+1,1))-1)+IF('Standard Profiles'!$G$18=$B$10,7,0)+IF('Standard Profiles'!$G$18=$B$17,14,0)+IF('Standard Profiles'!$G$18=$B$24,21,0),MOD($C1378,24)+1)/SUM(INDEX($D$3:$AA$30,INDEX(Jesper!$R$2:$R$366,ROW(INDEX(Jesper!AH$2:AH$366,ROUNDDOWN($C1378/24,0)+1,1))-1)+IF('Standard Profiles'!$G$18=$B$10,7,0)+IF('Standard Profiles'!$G$18=$B$17,14,0)+IF('Standard Profiles'!$G$18=$B$24,21,0),0)),0)</f>
        <v>2.5739441366508848</v>
      </c>
      <c r="E1378" cm="1">
        <f t="array" ref="E1378">IFERROR(INDEX(Jesper!AI$2:AI$366,ROUNDDOWN($C1378/24,0)+1,1)*INDEX($D$3:$AA$30,INDEX(Jesper!$R$2:$R$366,ROW(INDEX(Jesper!AI$2:AI$366,ROUNDDOWN($C1378/24,0)+1,1))-1)+IF('Standard Profiles'!$G$19=$B$10,7,0)+IF('Standard Profiles'!$G$19=$B$17,14,0)+IF('Standard Profiles'!$G$19=$B$24,21,0),MOD($C1378,24)+1)/SUM(INDEX($D$3:$AA$30,INDEX(Jesper!$R$2:$R$366,ROW(INDEX(Jesper!AI$2:AI$366,ROUNDDOWN($C1378/24,0)+1,1))-1)+IF('Standard Profiles'!$G$19=$B$10,7,0)+IF('Standard Profiles'!$G$19=$B$17,14,0)+IF('Standard Profiles'!$G$19=$B$24,21,0),0)),0)</f>
        <v>0</v>
      </c>
      <c r="F1378" cm="1">
        <f t="array" ref="F1378">IFERROR(INDEX(Jesper!AJ$2:AJ$366,ROUNDDOWN($C1378/24,0)+1,1)*INDEX($D$3:$AA$30,INDEX(Jesper!$R$2:$R$366,ROW(INDEX(Jesper!AJ$2:AJ$366,ROUNDDOWN($C1378/24,0)+1,1))-1)+IF('Standard Profiles'!$G$20=$B$10,7,0)+IF('Standard Profiles'!$G$20=$B$17,14,0)+IF('Standard Profiles'!$G$20=$B$24,21,0),MOD($C1378,24)+1)/SUM(INDEX($D$3:$AA$30,INDEX(Jesper!$R$2:$R$366,ROW(INDEX(Jesper!AJ$2:AJ$366,ROUNDDOWN($C1378/24,0)+1,1))-1)+IF('Standard Profiles'!$G$20=$B$10,7,0)+IF('Standard Profiles'!$G$20=$B$17,14,0)+IF('Standard Profiles'!$G$20=$B$24,21,0),0)),0)</f>
        <v>0</v>
      </c>
      <c r="G1378" cm="1">
        <f t="array" ref="G1378">IFERROR(INDEX(Jesper!AK$2:AK$366,ROUNDDOWN($C1378/24,0)+1,1)*INDEX($D$3:$AA$30,INDEX(Jesper!$R$2:$R$366,ROW(INDEX(Jesper!AK$2:AK$366,ROUNDDOWN($C1378/24,0)+1,1))-1)+IF('Standard Profiles'!$G$21=$B$10,7,0)+IF('Standard Profiles'!$G$21=$B$17,14,0)+IF('Standard Profiles'!$G$21=$B$24,21,0),MOD($C1378,24)+1)/SUM(INDEX($D$3:$AA$30,INDEX(Jesper!$R$2:$R$366,ROW(INDEX(Jesper!AK$2:AK$366,ROUNDDOWN($C1378/24,0)+1,1))-1)+IF('Standard Profiles'!$G$21=$B$10,7,0)+IF('Standard Profiles'!$G$21=$B$17,14,0)+IF('Standard Profiles'!$G$21=$B$24,21,0),0)),0)</f>
        <v>0</v>
      </c>
      <c r="H1378" cm="1">
        <f t="array" ref="H1378">IFERROR(INDEX(Jesper!AL$2:AL$366,ROUNDDOWN($C1378/24,0)+1,1)*INDEX($D$3:$AA$30,INDEX(Jesper!$R$2:$R$366,ROW(INDEX(Jesper!AL$2:AL$366,ROUNDDOWN($C1378/24,0)+1,1))-1)+IF('Standard Profiles'!$G$22=$B$10,7,0)+IF('Standard Profiles'!$G$22=$B$17,14,0)+IF('Standard Profiles'!$G$22=$B$24,21,0),MOD($C1378,24)+1)/SUM(INDEX($D$3:$AA$30,INDEX(Jesper!$R$2:$R$366,ROW(INDEX(Jesper!AL$2:AL$366,ROUNDDOWN($C1378/24,0)+1,1))-1)+IF('Standard Profiles'!$G$22=$B$10,7,0)+IF('Standard Profiles'!$G$22=$B$17,14,0)+IF('Standard Profiles'!$G$22=$B$24,21,0),0)),0)</f>
        <v>0</v>
      </c>
      <c r="I1378">
        <f t="shared" si="160"/>
        <v>7.7218324099526545E-2</v>
      </c>
      <c r="J1378">
        <f t="shared" si="161"/>
        <v>0.25739441366508847</v>
      </c>
      <c r="K1378">
        <f t="shared" si="162"/>
        <v>0.38609162049763274</v>
      </c>
      <c r="L1378">
        <f t="shared" si="163"/>
        <v>1.853239778388637</v>
      </c>
      <c r="M1378">
        <f t="shared" si="164"/>
        <v>0</v>
      </c>
      <c r="N1378" s="46">
        <f t="shared" si="165"/>
        <v>45347.99999999674</v>
      </c>
    </row>
    <row r="1379" spans="2:14" x14ac:dyDescent="0.3">
      <c r="B1379">
        <f t="shared" ref="B1379:B1442" si="166">WEEKDAY(N1379,2)</f>
        <v>1</v>
      </c>
      <c r="C1379" s="16">
        <v>1345</v>
      </c>
      <c r="D1379" cm="1">
        <f t="array" ref="D1379">IFERROR(INDEX(Jesper!AH$2:AH$366,ROUNDDOWN($C1379/24,0)+1,1)*INDEX($D$3:$AA$30,INDEX(Jesper!$R$2:$R$366,ROW(INDEX(Jesper!AH$2:AH$366,ROUNDDOWN($C1379/24,0)+1,1))-1)+IF('Standard Profiles'!$G$18=$B$10,7,0)+IF('Standard Profiles'!$G$18=$B$17,14,0)+IF('Standard Profiles'!$G$18=$B$24,21,0),MOD($C1379,24)+1)/SUM(INDEX($D$3:$AA$30,INDEX(Jesper!$R$2:$R$366,ROW(INDEX(Jesper!AH$2:AH$366,ROUNDDOWN($C1379/24,0)+1,1))-1)+IF('Standard Profiles'!$G$18=$B$10,7,0)+IF('Standard Profiles'!$G$18=$B$17,14,0)+IF('Standard Profiles'!$G$18=$B$24,21,0),0)),0)</f>
        <v>2.5739441366508848</v>
      </c>
      <c r="E1379" cm="1">
        <f t="array" ref="E1379">IFERROR(INDEX(Jesper!AI$2:AI$366,ROUNDDOWN($C1379/24,0)+1,1)*INDEX($D$3:$AA$30,INDEX(Jesper!$R$2:$R$366,ROW(INDEX(Jesper!AI$2:AI$366,ROUNDDOWN($C1379/24,0)+1,1))-1)+IF('Standard Profiles'!$G$19=$B$10,7,0)+IF('Standard Profiles'!$G$19=$B$17,14,0)+IF('Standard Profiles'!$G$19=$B$24,21,0),MOD($C1379,24)+1)/SUM(INDEX($D$3:$AA$30,INDEX(Jesper!$R$2:$R$366,ROW(INDEX(Jesper!AI$2:AI$366,ROUNDDOWN($C1379/24,0)+1,1))-1)+IF('Standard Profiles'!$G$19=$B$10,7,0)+IF('Standard Profiles'!$G$19=$B$17,14,0)+IF('Standard Profiles'!$G$19=$B$24,21,0),0)),0)</f>
        <v>0</v>
      </c>
      <c r="F1379" cm="1">
        <f t="array" ref="F1379">IFERROR(INDEX(Jesper!AJ$2:AJ$366,ROUNDDOWN($C1379/24,0)+1,1)*INDEX($D$3:$AA$30,INDEX(Jesper!$R$2:$R$366,ROW(INDEX(Jesper!AJ$2:AJ$366,ROUNDDOWN($C1379/24,0)+1,1))-1)+IF('Standard Profiles'!$G$20=$B$10,7,0)+IF('Standard Profiles'!$G$20=$B$17,14,0)+IF('Standard Profiles'!$G$20=$B$24,21,0),MOD($C1379,24)+1)/SUM(INDEX($D$3:$AA$30,INDEX(Jesper!$R$2:$R$366,ROW(INDEX(Jesper!AJ$2:AJ$366,ROUNDDOWN($C1379/24,0)+1,1))-1)+IF('Standard Profiles'!$G$20=$B$10,7,0)+IF('Standard Profiles'!$G$20=$B$17,14,0)+IF('Standard Profiles'!$G$20=$B$24,21,0),0)),0)</f>
        <v>0</v>
      </c>
      <c r="G1379" cm="1">
        <f t="array" ref="G1379">IFERROR(INDEX(Jesper!AK$2:AK$366,ROUNDDOWN($C1379/24,0)+1,1)*INDEX($D$3:$AA$30,INDEX(Jesper!$R$2:$R$366,ROW(INDEX(Jesper!AK$2:AK$366,ROUNDDOWN($C1379/24,0)+1,1))-1)+IF('Standard Profiles'!$G$21=$B$10,7,0)+IF('Standard Profiles'!$G$21=$B$17,14,0)+IF('Standard Profiles'!$G$21=$B$24,21,0),MOD($C1379,24)+1)/SUM(INDEX($D$3:$AA$30,INDEX(Jesper!$R$2:$R$366,ROW(INDEX(Jesper!AK$2:AK$366,ROUNDDOWN($C1379/24,0)+1,1))-1)+IF('Standard Profiles'!$G$21=$B$10,7,0)+IF('Standard Profiles'!$G$21=$B$17,14,0)+IF('Standard Profiles'!$G$21=$B$24,21,0),0)),0)</f>
        <v>0</v>
      </c>
      <c r="H1379" cm="1">
        <f t="array" ref="H1379">IFERROR(INDEX(Jesper!AL$2:AL$366,ROUNDDOWN($C1379/24,0)+1,1)*INDEX($D$3:$AA$30,INDEX(Jesper!$R$2:$R$366,ROW(INDEX(Jesper!AL$2:AL$366,ROUNDDOWN($C1379/24,0)+1,1))-1)+IF('Standard Profiles'!$G$22=$B$10,7,0)+IF('Standard Profiles'!$G$22=$B$17,14,0)+IF('Standard Profiles'!$G$22=$B$24,21,0),MOD($C1379,24)+1)/SUM(INDEX($D$3:$AA$30,INDEX(Jesper!$R$2:$R$366,ROW(INDEX(Jesper!AL$2:AL$366,ROUNDDOWN($C1379/24,0)+1,1))-1)+IF('Standard Profiles'!$G$22=$B$10,7,0)+IF('Standard Profiles'!$G$22=$B$17,14,0)+IF('Standard Profiles'!$G$22=$B$24,21,0),0)),0)</f>
        <v>0</v>
      </c>
      <c r="I1379">
        <f t="shared" ref="I1379:I1442" si="167">IF($B1379&lt;6,AC$37*$D1379+AC$38*$E1379+AC$39*$F1379+AC$40*$G1379,AC$46*$D1379+AC$47*$E1379+AC$48*$F1379+AC$49*$G1379+AC$50*$H1379)</f>
        <v>7.7218324099526545E-2</v>
      </c>
      <c r="J1379">
        <f t="shared" ref="J1379:J1442" si="168">IF($B1379&lt;6,AD$37*$D1379+AD$38*$E1379+AD$39*$F1379+AD$40*$G1379,AD$46*$D1379+AD$47*$E1379+AD$48*$F1379+AD$49*$G1379+AD$50*$H1379)</f>
        <v>0.25739441366508847</v>
      </c>
      <c r="K1379">
        <f t="shared" ref="K1379:K1442" si="169">IF($B1379&lt;6,AE$37*$D1379+AE$38*$E1379+AE$39*$F1379+AE$40*$G1379,AE$46*$D1379+AE$47*$E1379+AE$48*$F1379+AE$49*$G1379+AE$50*$H1379)</f>
        <v>0.38609162049763274</v>
      </c>
      <c r="L1379">
        <f t="shared" ref="L1379:L1442" si="170">IF($B1379&lt;6,AF$37*$D1379+AF$38*$E1379+AF$39*$F1379+AF$40*$G1379,AF$46*$D1379+AF$47*$E1379+AF$48*$F1379+AF$49*$G1379+AF$50*$H1379)</f>
        <v>1.853239778388637</v>
      </c>
      <c r="M1379">
        <f t="shared" ref="M1379:M1442" si="171">IF($B1379&lt;6,AG$37*$D1379+AG$38*$E1379+AG$39*$F1379+AG$40*$G1379,AG$46*$D1379+AG$47*$E1379+AG$48*$F1379+AG$49*$G1379+AG$50*$H1379)</f>
        <v>0</v>
      </c>
      <c r="N1379" s="46">
        <f t="shared" si="165"/>
        <v>45348.041666663405</v>
      </c>
    </row>
    <row r="1380" spans="2:14" x14ac:dyDescent="0.3">
      <c r="B1380">
        <f t="shared" si="166"/>
        <v>1</v>
      </c>
      <c r="C1380" s="16">
        <v>1346</v>
      </c>
      <c r="D1380" cm="1">
        <f t="array" ref="D1380">IFERROR(INDEX(Jesper!AH$2:AH$366,ROUNDDOWN($C1380/24,0)+1,1)*INDEX($D$3:$AA$30,INDEX(Jesper!$R$2:$R$366,ROW(INDEX(Jesper!AH$2:AH$366,ROUNDDOWN($C1380/24,0)+1,1))-1)+IF('Standard Profiles'!$G$18=$B$10,7,0)+IF('Standard Profiles'!$G$18=$B$17,14,0)+IF('Standard Profiles'!$G$18=$B$24,21,0),MOD($C1380,24)+1)/SUM(INDEX($D$3:$AA$30,INDEX(Jesper!$R$2:$R$366,ROW(INDEX(Jesper!AH$2:AH$366,ROUNDDOWN($C1380/24,0)+1,1))-1)+IF('Standard Profiles'!$G$18=$B$10,7,0)+IF('Standard Profiles'!$G$18=$B$17,14,0)+IF('Standard Profiles'!$G$18=$B$24,21,0),0)),0)</f>
        <v>2.5739441366508848</v>
      </c>
      <c r="E1380" cm="1">
        <f t="array" ref="E1380">IFERROR(INDEX(Jesper!AI$2:AI$366,ROUNDDOWN($C1380/24,0)+1,1)*INDEX($D$3:$AA$30,INDEX(Jesper!$R$2:$R$366,ROW(INDEX(Jesper!AI$2:AI$366,ROUNDDOWN($C1380/24,0)+1,1))-1)+IF('Standard Profiles'!$G$19=$B$10,7,0)+IF('Standard Profiles'!$G$19=$B$17,14,0)+IF('Standard Profiles'!$G$19=$B$24,21,0),MOD($C1380,24)+1)/SUM(INDEX($D$3:$AA$30,INDEX(Jesper!$R$2:$R$366,ROW(INDEX(Jesper!AI$2:AI$366,ROUNDDOWN($C1380/24,0)+1,1))-1)+IF('Standard Profiles'!$G$19=$B$10,7,0)+IF('Standard Profiles'!$G$19=$B$17,14,0)+IF('Standard Profiles'!$G$19=$B$24,21,0),0)),0)</f>
        <v>0</v>
      </c>
      <c r="F1380" cm="1">
        <f t="array" ref="F1380">IFERROR(INDEX(Jesper!AJ$2:AJ$366,ROUNDDOWN($C1380/24,0)+1,1)*INDEX($D$3:$AA$30,INDEX(Jesper!$R$2:$R$366,ROW(INDEX(Jesper!AJ$2:AJ$366,ROUNDDOWN($C1380/24,0)+1,1))-1)+IF('Standard Profiles'!$G$20=$B$10,7,0)+IF('Standard Profiles'!$G$20=$B$17,14,0)+IF('Standard Profiles'!$G$20=$B$24,21,0),MOD($C1380,24)+1)/SUM(INDEX($D$3:$AA$30,INDEX(Jesper!$R$2:$R$366,ROW(INDEX(Jesper!AJ$2:AJ$366,ROUNDDOWN($C1380/24,0)+1,1))-1)+IF('Standard Profiles'!$G$20=$B$10,7,0)+IF('Standard Profiles'!$G$20=$B$17,14,0)+IF('Standard Profiles'!$G$20=$B$24,21,0),0)),0)</f>
        <v>0</v>
      </c>
      <c r="G1380" cm="1">
        <f t="array" ref="G1380">IFERROR(INDEX(Jesper!AK$2:AK$366,ROUNDDOWN($C1380/24,0)+1,1)*INDEX($D$3:$AA$30,INDEX(Jesper!$R$2:$R$366,ROW(INDEX(Jesper!AK$2:AK$366,ROUNDDOWN($C1380/24,0)+1,1))-1)+IF('Standard Profiles'!$G$21=$B$10,7,0)+IF('Standard Profiles'!$G$21=$B$17,14,0)+IF('Standard Profiles'!$G$21=$B$24,21,0),MOD($C1380,24)+1)/SUM(INDEX($D$3:$AA$30,INDEX(Jesper!$R$2:$R$366,ROW(INDEX(Jesper!AK$2:AK$366,ROUNDDOWN($C1380/24,0)+1,1))-1)+IF('Standard Profiles'!$G$21=$B$10,7,0)+IF('Standard Profiles'!$G$21=$B$17,14,0)+IF('Standard Profiles'!$G$21=$B$24,21,0),0)),0)</f>
        <v>0</v>
      </c>
      <c r="H1380" cm="1">
        <f t="array" ref="H1380">IFERROR(INDEX(Jesper!AL$2:AL$366,ROUNDDOWN($C1380/24,0)+1,1)*INDEX($D$3:$AA$30,INDEX(Jesper!$R$2:$R$366,ROW(INDEX(Jesper!AL$2:AL$366,ROUNDDOWN($C1380/24,0)+1,1))-1)+IF('Standard Profiles'!$G$22=$B$10,7,0)+IF('Standard Profiles'!$G$22=$B$17,14,0)+IF('Standard Profiles'!$G$22=$B$24,21,0),MOD($C1380,24)+1)/SUM(INDEX($D$3:$AA$30,INDEX(Jesper!$R$2:$R$366,ROW(INDEX(Jesper!AL$2:AL$366,ROUNDDOWN($C1380/24,0)+1,1))-1)+IF('Standard Profiles'!$G$22=$B$10,7,0)+IF('Standard Profiles'!$G$22=$B$17,14,0)+IF('Standard Profiles'!$G$22=$B$24,21,0),0)),0)</f>
        <v>0</v>
      </c>
      <c r="I1380">
        <f t="shared" si="167"/>
        <v>7.7218324099526545E-2</v>
      </c>
      <c r="J1380">
        <f t="shared" si="168"/>
        <v>0.25739441366508847</v>
      </c>
      <c r="K1380">
        <f t="shared" si="169"/>
        <v>0.38609162049763274</v>
      </c>
      <c r="L1380">
        <f t="shared" si="170"/>
        <v>1.853239778388637</v>
      </c>
      <c r="M1380">
        <f t="shared" si="171"/>
        <v>0</v>
      </c>
      <c r="N1380" s="46">
        <f t="shared" ref="N1380:N1443" si="172">N1379+1/24</f>
        <v>45348.083333330069</v>
      </c>
    </row>
    <row r="1381" spans="2:14" x14ac:dyDescent="0.3">
      <c r="B1381">
        <f t="shared" si="166"/>
        <v>1</v>
      </c>
      <c r="C1381" s="16">
        <v>1347</v>
      </c>
      <c r="D1381" cm="1">
        <f t="array" ref="D1381">IFERROR(INDEX(Jesper!AH$2:AH$366,ROUNDDOWN($C1381/24,0)+1,1)*INDEX($D$3:$AA$30,INDEX(Jesper!$R$2:$R$366,ROW(INDEX(Jesper!AH$2:AH$366,ROUNDDOWN($C1381/24,0)+1,1))-1)+IF('Standard Profiles'!$G$18=$B$10,7,0)+IF('Standard Profiles'!$G$18=$B$17,14,0)+IF('Standard Profiles'!$G$18=$B$24,21,0),MOD($C1381,24)+1)/SUM(INDEX($D$3:$AA$30,INDEX(Jesper!$R$2:$R$366,ROW(INDEX(Jesper!AH$2:AH$366,ROUNDDOWN($C1381/24,0)+1,1))-1)+IF('Standard Profiles'!$G$18=$B$10,7,0)+IF('Standard Profiles'!$G$18=$B$17,14,0)+IF('Standard Profiles'!$G$18=$B$24,21,0),0)),0)</f>
        <v>2.5739441366508848</v>
      </c>
      <c r="E1381" cm="1">
        <f t="array" ref="E1381">IFERROR(INDEX(Jesper!AI$2:AI$366,ROUNDDOWN($C1381/24,0)+1,1)*INDEX($D$3:$AA$30,INDEX(Jesper!$R$2:$R$366,ROW(INDEX(Jesper!AI$2:AI$366,ROUNDDOWN($C1381/24,0)+1,1))-1)+IF('Standard Profiles'!$G$19=$B$10,7,0)+IF('Standard Profiles'!$G$19=$B$17,14,0)+IF('Standard Profiles'!$G$19=$B$24,21,0),MOD($C1381,24)+1)/SUM(INDEX($D$3:$AA$30,INDEX(Jesper!$R$2:$R$366,ROW(INDEX(Jesper!AI$2:AI$366,ROUNDDOWN($C1381/24,0)+1,1))-1)+IF('Standard Profiles'!$G$19=$B$10,7,0)+IF('Standard Profiles'!$G$19=$B$17,14,0)+IF('Standard Profiles'!$G$19=$B$24,21,0),0)),0)</f>
        <v>0</v>
      </c>
      <c r="F1381" cm="1">
        <f t="array" ref="F1381">IFERROR(INDEX(Jesper!AJ$2:AJ$366,ROUNDDOWN($C1381/24,0)+1,1)*INDEX($D$3:$AA$30,INDEX(Jesper!$R$2:$R$366,ROW(INDEX(Jesper!AJ$2:AJ$366,ROUNDDOWN($C1381/24,0)+1,1))-1)+IF('Standard Profiles'!$G$20=$B$10,7,0)+IF('Standard Profiles'!$G$20=$B$17,14,0)+IF('Standard Profiles'!$G$20=$B$24,21,0),MOD($C1381,24)+1)/SUM(INDEX($D$3:$AA$30,INDEX(Jesper!$R$2:$R$366,ROW(INDEX(Jesper!AJ$2:AJ$366,ROUNDDOWN($C1381/24,0)+1,1))-1)+IF('Standard Profiles'!$G$20=$B$10,7,0)+IF('Standard Profiles'!$G$20=$B$17,14,0)+IF('Standard Profiles'!$G$20=$B$24,21,0),0)),0)</f>
        <v>0</v>
      </c>
      <c r="G1381" cm="1">
        <f t="array" ref="G1381">IFERROR(INDEX(Jesper!AK$2:AK$366,ROUNDDOWN($C1381/24,0)+1,1)*INDEX($D$3:$AA$30,INDEX(Jesper!$R$2:$R$366,ROW(INDEX(Jesper!AK$2:AK$366,ROUNDDOWN($C1381/24,0)+1,1))-1)+IF('Standard Profiles'!$G$21=$B$10,7,0)+IF('Standard Profiles'!$G$21=$B$17,14,0)+IF('Standard Profiles'!$G$21=$B$24,21,0),MOD($C1381,24)+1)/SUM(INDEX($D$3:$AA$30,INDEX(Jesper!$R$2:$R$366,ROW(INDEX(Jesper!AK$2:AK$366,ROUNDDOWN($C1381/24,0)+1,1))-1)+IF('Standard Profiles'!$G$21=$B$10,7,0)+IF('Standard Profiles'!$G$21=$B$17,14,0)+IF('Standard Profiles'!$G$21=$B$24,21,0),0)),0)</f>
        <v>0</v>
      </c>
      <c r="H1381" cm="1">
        <f t="array" ref="H1381">IFERROR(INDEX(Jesper!AL$2:AL$366,ROUNDDOWN($C1381/24,0)+1,1)*INDEX($D$3:$AA$30,INDEX(Jesper!$R$2:$R$366,ROW(INDEX(Jesper!AL$2:AL$366,ROUNDDOWN($C1381/24,0)+1,1))-1)+IF('Standard Profiles'!$G$22=$B$10,7,0)+IF('Standard Profiles'!$G$22=$B$17,14,0)+IF('Standard Profiles'!$G$22=$B$24,21,0),MOD($C1381,24)+1)/SUM(INDEX($D$3:$AA$30,INDEX(Jesper!$R$2:$R$366,ROW(INDEX(Jesper!AL$2:AL$366,ROUNDDOWN($C1381/24,0)+1,1))-1)+IF('Standard Profiles'!$G$22=$B$10,7,0)+IF('Standard Profiles'!$G$22=$B$17,14,0)+IF('Standard Profiles'!$G$22=$B$24,21,0),0)),0)</f>
        <v>0</v>
      </c>
      <c r="I1381">
        <f t="shared" si="167"/>
        <v>7.7218324099526545E-2</v>
      </c>
      <c r="J1381">
        <f t="shared" si="168"/>
        <v>0.25739441366508847</v>
      </c>
      <c r="K1381">
        <f t="shared" si="169"/>
        <v>0.38609162049763274</v>
      </c>
      <c r="L1381">
        <f t="shared" si="170"/>
        <v>1.853239778388637</v>
      </c>
      <c r="M1381">
        <f t="shared" si="171"/>
        <v>0</v>
      </c>
      <c r="N1381" s="46">
        <f t="shared" si="172"/>
        <v>45348.124999996733</v>
      </c>
    </row>
    <row r="1382" spans="2:14" x14ac:dyDescent="0.3">
      <c r="B1382">
        <f t="shared" si="166"/>
        <v>1</v>
      </c>
      <c r="C1382" s="16">
        <v>1348</v>
      </c>
      <c r="D1382" cm="1">
        <f t="array" ref="D1382">IFERROR(INDEX(Jesper!AH$2:AH$366,ROUNDDOWN($C1382/24,0)+1,1)*INDEX($D$3:$AA$30,INDEX(Jesper!$R$2:$R$366,ROW(INDEX(Jesper!AH$2:AH$366,ROUNDDOWN($C1382/24,0)+1,1))-1)+IF('Standard Profiles'!$G$18=$B$10,7,0)+IF('Standard Profiles'!$G$18=$B$17,14,0)+IF('Standard Profiles'!$G$18=$B$24,21,0),MOD($C1382,24)+1)/SUM(INDEX($D$3:$AA$30,INDEX(Jesper!$R$2:$R$366,ROW(INDEX(Jesper!AH$2:AH$366,ROUNDDOWN($C1382/24,0)+1,1))-1)+IF('Standard Profiles'!$G$18=$B$10,7,0)+IF('Standard Profiles'!$G$18=$B$17,14,0)+IF('Standard Profiles'!$G$18=$B$24,21,0),0)),0)</f>
        <v>2.5739441366508848</v>
      </c>
      <c r="E1382" cm="1">
        <f t="array" ref="E1382">IFERROR(INDEX(Jesper!AI$2:AI$366,ROUNDDOWN($C1382/24,0)+1,1)*INDEX($D$3:$AA$30,INDEX(Jesper!$R$2:$R$366,ROW(INDEX(Jesper!AI$2:AI$366,ROUNDDOWN($C1382/24,0)+1,1))-1)+IF('Standard Profiles'!$G$19=$B$10,7,0)+IF('Standard Profiles'!$G$19=$B$17,14,0)+IF('Standard Profiles'!$G$19=$B$24,21,0),MOD($C1382,24)+1)/SUM(INDEX($D$3:$AA$30,INDEX(Jesper!$R$2:$R$366,ROW(INDEX(Jesper!AI$2:AI$366,ROUNDDOWN($C1382/24,0)+1,1))-1)+IF('Standard Profiles'!$G$19=$B$10,7,0)+IF('Standard Profiles'!$G$19=$B$17,14,0)+IF('Standard Profiles'!$G$19=$B$24,21,0),0)),0)</f>
        <v>0</v>
      </c>
      <c r="F1382" cm="1">
        <f t="array" ref="F1382">IFERROR(INDEX(Jesper!AJ$2:AJ$366,ROUNDDOWN($C1382/24,0)+1,1)*INDEX($D$3:$AA$30,INDEX(Jesper!$R$2:$R$366,ROW(INDEX(Jesper!AJ$2:AJ$366,ROUNDDOWN($C1382/24,0)+1,1))-1)+IF('Standard Profiles'!$G$20=$B$10,7,0)+IF('Standard Profiles'!$G$20=$B$17,14,0)+IF('Standard Profiles'!$G$20=$B$24,21,0),MOD($C1382,24)+1)/SUM(INDEX($D$3:$AA$30,INDEX(Jesper!$R$2:$R$366,ROW(INDEX(Jesper!AJ$2:AJ$366,ROUNDDOWN($C1382/24,0)+1,1))-1)+IF('Standard Profiles'!$G$20=$B$10,7,0)+IF('Standard Profiles'!$G$20=$B$17,14,0)+IF('Standard Profiles'!$G$20=$B$24,21,0),0)),0)</f>
        <v>0</v>
      </c>
      <c r="G1382" cm="1">
        <f t="array" ref="G1382">IFERROR(INDEX(Jesper!AK$2:AK$366,ROUNDDOWN($C1382/24,0)+1,1)*INDEX($D$3:$AA$30,INDEX(Jesper!$R$2:$R$366,ROW(INDEX(Jesper!AK$2:AK$366,ROUNDDOWN($C1382/24,0)+1,1))-1)+IF('Standard Profiles'!$G$21=$B$10,7,0)+IF('Standard Profiles'!$G$21=$B$17,14,0)+IF('Standard Profiles'!$G$21=$B$24,21,0),MOD($C1382,24)+1)/SUM(INDEX($D$3:$AA$30,INDEX(Jesper!$R$2:$R$366,ROW(INDEX(Jesper!AK$2:AK$366,ROUNDDOWN($C1382/24,0)+1,1))-1)+IF('Standard Profiles'!$G$21=$B$10,7,0)+IF('Standard Profiles'!$G$21=$B$17,14,0)+IF('Standard Profiles'!$G$21=$B$24,21,0),0)),0)</f>
        <v>0</v>
      </c>
      <c r="H1382" cm="1">
        <f t="array" ref="H1382">IFERROR(INDEX(Jesper!AL$2:AL$366,ROUNDDOWN($C1382/24,0)+1,1)*INDEX($D$3:$AA$30,INDEX(Jesper!$R$2:$R$366,ROW(INDEX(Jesper!AL$2:AL$366,ROUNDDOWN($C1382/24,0)+1,1))-1)+IF('Standard Profiles'!$G$22=$B$10,7,0)+IF('Standard Profiles'!$G$22=$B$17,14,0)+IF('Standard Profiles'!$G$22=$B$24,21,0),MOD($C1382,24)+1)/SUM(INDEX($D$3:$AA$30,INDEX(Jesper!$R$2:$R$366,ROW(INDEX(Jesper!AL$2:AL$366,ROUNDDOWN($C1382/24,0)+1,1))-1)+IF('Standard Profiles'!$G$22=$B$10,7,0)+IF('Standard Profiles'!$G$22=$B$17,14,0)+IF('Standard Profiles'!$G$22=$B$24,21,0),0)),0)</f>
        <v>0</v>
      </c>
      <c r="I1382">
        <f t="shared" si="167"/>
        <v>7.7218324099526545E-2</v>
      </c>
      <c r="J1382">
        <f t="shared" si="168"/>
        <v>0.25739441366508847</v>
      </c>
      <c r="K1382">
        <f t="shared" si="169"/>
        <v>0.38609162049763274</v>
      </c>
      <c r="L1382">
        <f t="shared" si="170"/>
        <v>1.853239778388637</v>
      </c>
      <c r="M1382">
        <f t="shared" si="171"/>
        <v>0</v>
      </c>
      <c r="N1382" s="46">
        <f t="shared" si="172"/>
        <v>45348.166666663397</v>
      </c>
    </row>
    <row r="1383" spans="2:14" x14ac:dyDescent="0.3">
      <c r="B1383">
        <f t="shared" si="166"/>
        <v>1</v>
      </c>
      <c r="C1383" s="16">
        <v>1349</v>
      </c>
      <c r="D1383" cm="1">
        <f t="array" ref="D1383">IFERROR(INDEX(Jesper!AH$2:AH$366,ROUNDDOWN($C1383/24,0)+1,1)*INDEX($D$3:$AA$30,INDEX(Jesper!$R$2:$R$366,ROW(INDEX(Jesper!AH$2:AH$366,ROUNDDOWN($C1383/24,0)+1,1))-1)+IF('Standard Profiles'!$G$18=$B$10,7,0)+IF('Standard Profiles'!$G$18=$B$17,14,0)+IF('Standard Profiles'!$G$18=$B$24,21,0),MOD($C1383,24)+1)/SUM(INDEX($D$3:$AA$30,INDEX(Jesper!$R$2:$R$366,ROW(INDEX(Jesper!AH$2:AH$366,ROUNDDOWN($C1383/24,0)+1,1))-1)+IF('Standard Profiles'!$G$18=$B$10,7,0)+IF('Standard Profiles'!$G$18=$B$17,14,0)+IF('Standard Profiles'!$G$18=$B$24,21,0),0)),0)</f>
        <v>11.153757925487167</v>
      </c>
      <c r="E1383" cm="1">
        <f t="array" ref="E1383">IFERROR(INDEX(Jesper!AI$2:AI$366,ROUNDDOWN($C1383/24,0)+1,1)*INDEX($D$3:$AA$30,INDEX(Jesper!$R$2:$R$366,ROW(INDEX(Jesper!AI$2:AI$366,ROUNDDOWN($C1383/24,0)+1,1))-1)+IF('Standard Profiles'!$G$19=$B$10,7,0)+IF('Standard Profiles'!$G$19=$B$17,14,0)+IF('Standard Profiles'!$G$19=$B$24,21,0),MOD($C1383,24)+1)/SUM(INDEX($D$3:$AA$30,INDEX(Jesper!$R$2:$R$366,ROW(INDEX(Jesper!AI$2:AI$366,ROUNDDOWN($C1383/24,0)+1,1))-1)+IF('Standard Profiles'!$G$19=$B$10,7,0)+IF('Standard Profiles'!$G$19=$B$17,14,0)+IF('Standard Profiles'!$G$19=$B$24,21,0),0)),0)</f>
        <v>0</v>
      </c>
      <c r="F1383" cm="1">
        <f t="array" ref="F1383">IFERROR(INDEX(Jesper!AJ$2:AJ$366,ROUNDDOWN($C1383/24,0)+1,1)*INDEX($D$3:$AA$30,INDEX(Jesper!$R$2:$R$366,ROW(INDEX(Jesper!AJ$2:AJ$366,ROUNDDOWN($C1383/24,0)+1,1))-1)+IF('Standard Profiles'!$G$20=$B$10,7,0)+IF('Standard Profiles'!$G$20=$B$17,14,0)+IF('Standard Profiles'!$G$20=$B$24,21,0),MOD($C1383,24)+1)/SUM(INDEX($D$3:$AA$30,INDEX(Jesper!$R$2:$R$366,ROW(INDEX(Jesper!AJ$2:AJ$366,ROUNDDOWN($C1383/24,0)+1,1))-1)+IF('Standard Profiles'!$G$20=$B$10,7,0)+IF('Standard Profiles'!$G$20=$B$17,14,0)+IF('Standard Profiles'!$G$20=$B$24,21,0),0)),0)</f>
        <v>0</v>
      </c>
      <c r="G1383" cm="1">
        <f t="array" ref="G1383">IFERROR(INDEX(Jesper!AK$2:AK$366,ROUNDDOWN($C1383/24,0)+1,1)*INDEX($D$3:$AA$30,INDEX(Jesper!$R$2:$R$366,ROW(INDEX(Jesper!AK$2:AK$366,ROUNDDOWN($C1383/24,0)+1,1))-1)+IF('Standard Profiles'!$G$21=$B$10,7,0)+IF('Standard Profiles'!$G$21=$B$17,14,0)+IF('Standard Profiles'!$G$21=$B$24,21,0),MOD($C1383,24)+1)/SUM(INDEX($D$3:$AA$30,INDEX(Jesper!$R$2:$R$366,ROW(INDEX(Jesper!AK$2:AK$366,ROUNDDOWN($C1383/24,0)+1,1))-1)+IF('Standard Profiles'!$G$21=$B$10,7,0)+IF('Standard Profiles'!$G$21=$B$17,14,0)+IF('Standard Profiles'!$G$21=$B$24,21,0),0)),0)</f>
        <v>0</v>
      </c>
      <c r="H1383" cm="1">
        <f t="array" ref="H1383">IFERROR(INDEX(Jesper!AL$2:AL$366,ROUNDDOWN($C1383/24,0)+1,1)*INDEX($D$3:$AA$30,INDEX(Jesper!$R$2:$R$366,ROW(INDEX(Jesper!AL$2:AL$366,ROUNDDOWN($C1383/24,0)+1,1))-1)+IF('Standard Profiles'!$G$22=$B$10,7,0)+IF('Standard Profiles'!$G$22=$B$17,14,0)+IF('Standard Profiles'!$G$22=$B$24,21,0),MOD($C1383,24)+1)/SUM(INDEX($D$3:$AA$30,INDEX(Jesper!$R$2:$R$366,ROW(INDEX(Jesper!AL$2:AL$366,ROUNDDOWN($C1383/24,0)+1,1))-1)+IF('Standard Profiles'!$G$22=$B$10,7,0)+IF('Standard Profiles'!$G$22=$B$17,14,0)+IF('Standard Profiles'!$G$22=$B$24,21,0),0)),0)</f>
        <v>0</v>
      </c>
      <c r="I1383">
        <f t="shared" si="167"/>
        <v>0.33461273776461498</v>
      </c>
      <c r="J1383">
        <f t="shared" si="168"/>
        <v>1.1153757925487167</v>
      </c>
      <c r="K1383">
        <f t="shared" si="169"/>
        <v>1.673063688823075</v>
      </c>
      <c r="L1383">
        <f t="shared" si="170"/>
        <v>8.0307057063507603</v>
      </c>
      <c r="M1383">
        <f t="shared" si="171"/>
        <v>0</v>
      </c>
      <c r="N1383" s="46">
        <f t="shared" si="172"/>
        <v>45348.208333330062</v>
      </c>
    </row>
    <row r="1384" spans="2:14" x14ac:dyDescent="0.3">
      <c r="B1384">
        <f t="shared" si="166"/>
        <v>1</v>
      </c>
      <c r="C1384" s="16">
        <v>1350</v>
      </c>
      <c r="D1384" cm="1">
        <f t="array" ref="D1384">IFERROR(INDEX(Jesper!AH$2:AH$366,ROUNDDOWN($C1384/24,0)+1,1)*INDEX($D$3:$AA$30,INDEX(Jesper!$R$2:$R$366,ROW(INDEX(Jesper!AH$2:AH$366,ROUNDDOWN($C1384/24,0)+1,1))-1)+IF('Standard Profiles'!$G$18=$B$10,7,0)+IF('Standard Profiles'!$G$18=$B$17,14,0)+IF('Standard Profiles'!$G$18=$B$24,21,0),MOD($C1384,24)+1)/SUM(INDEX($D$3:$AA$30,INDEX(Jesper!$R$2:$R$366,ROW(INDEX(Jesper!AH$2:AH$366,ROUNDDOWN($C1384/24,0)+1,1))-1)+IF('Standard Profiles'!$G$18=$B$10,7,0)+IF('Standard Profiles'!$G$18=$B$17,14,0)+IF('Standard Profiles'!$G$18=$B$24,21,0),0)),0)</f>
        <v>12.655225338533517</v>
      </c>
      <c r="E1384" cm="1">
        <f t="array" ref="E1384">IFERROR(INDEX(Jesper!AI$2:AI$366,ROUNDDOWN($C1384/24,0)+1,1)*INDEX($D$3:$AA$30,INDEX(Jesper!$R$2:$R$366,ROW(INDEX(Jesper!AI$2:AI$366,ROUNDDOWN($C1384/24,0)+1,1))-1)+IF('Standard Profiles'!$G$19=$B$10,7,0)+IF('Standard Profiles'!$G$19=$B$17,14,0)+IF('Standard Profiles'!$G$19=$B$24,21,0),MOD($C1384,24)+1)/SUM(INDEX($D$3:$AA$30,INDEX(Jesper!$R$2:$R$366,ROW(INDEX(Jesper!AI$2:AI$366,ROUNDDOWN($C1384/24,0)+1,1))-1)+IF('Standard Profiles'!$G$19=$B$10,7,0)+IF('Standard Profiles'!$G$19=$B$17,14,0)+IF('Standard Profiles'!$G$19=$B$24,21,0),0)),0)</f>
        <v>0</v>
      </c>
      <c r="F1384" cm="1">
        <f t="array" ref="F1384">IFERROR(INDEX(Jesper!AJ$2:AJ$366,ROUNDDOWN($C1384/24,0)+1,1)*INDEX($D$3:$AA$30,INDEX(Jesper!$R$2:$R$366,ROW(INDEX(Jesper!AJ$2:AJ$366,ROUNDDOWN($C1384/24,0)+1,1))-1)+IF('Standard Profiles'!$G$20=$B$10,7,0)+IF('Standard Profiles'!$G$20=$B$17,14,0)+IF('Standard Profiles'!$G$20=$B$24,21,0),MOD($C1384,24)+1)/SUM(INDEX($D$3:$AA$30,INDEX(Jesper!$R$2:$R$366,ROW(INDEX(Jesper!AJ$2:AJ$366,ROUNDDOWN($C1384/24,0)+1,1))-1)+IF('Standard Profiles'!$G$20=$B$10,7,0)+IF('Standard Profiles'!$G$20=$B$17,14,0)+IF('Standard Profiles'!$G$20=$B$24,21,0),0)),0)</f>
        <v>0</v>
      </c>
      <c r="G1384" cm="1">
        <f t="array" ref="G1384">IFERROR(INDEX(Jesper!AK$2:AK$366,ROUNDDOWN($C1384/24,0)+1,1)*INDEX($D$3:$AA$30,INDEX(Jesper!$R$2:$R$366,ROW(INDEX(Jesper!AK$2:AK$366,ROUNDDOWN($C1384/24,0)+1,1))-1)+IF('Standard Profiles'!$G$21=$B$10,7,0)+IF('Standard Profiles'!$G$21=$B$17,14,0)+IF('Standard Profiles'!$G$21=$B$24,21,0),MOD($C1384,24)+1)/SUM(INDEX($D$3:$AA$30,INDEX(Jesper!$R$2:$R$366,ROW(INDEX(Jesper!AK$2:AK$366,ROUNDDOWN($C1384/24,0)+1,1))-1)+IF('Standard Profiles'!$G$21=$B$10,7,0)+IF('Standard Profiles'!$G$21=$B$17,14,0)+IF('Standard Profiles'!$G$21=$B$24,21,0),0)),0)</f>
        <v>0</v>
      </c>
      <c r="H1384" cm="1">
        <f t="array" ref="H1384">IFERROR(INDEX(Jesper!AL$2:AL$366,ROUNDDOWN($C1384/24,0)+1,1)*INDEX($D$3:$AA$30,INDEX(Jesper!$R$2:$R$366,ROW(INDEX(Jesper!AL$2:AL$366,ROUNDDOWN($C1384/24,0)+1,1))-1)+IF('Standard Profiles'!$G$22=$B$10,7,0)+IF('Standard Profiles'!$G$22=$B$17,14,0)+IF('Standard Profiles'!$G$22=$B$24,21,0),MOD($C1384,24)+1)/SUM(INDEX($D$3:$AA$30,INDEX(Jesper!$R$2:$R$366,ROW(INDEX(Jesper!AL$2:AL$366,ROUNDDOWN($C1384/24,0)+1,1))-1)+IF('Standard Profiles'!$G$22=$B$10,7,0)+IF('Standard Profiles'!$G$22=$B$17,14,0)+IF('Standard Profiles'!$G$22=$B$24,21,0),0)),0)</f>
        <v>0</v>
      </c>
      <c r="I1384">
        <f t="shared" si="167"/>
        <v>0.37965676015600552</v>
      </c>
      <c r="J1384">
        <f t="shared" si="168"/>
        <v>1.2655225338533518</v>
      </c>
      <c r="K1384">
        <f t="shared" si="169"/>
        <v>1.8982838007800276</v>
      </c>
      <c r="L1384">
        <f t="shared" si="170"/>
        <v>9.111762243744133</v>
      </c>
      <c r="M1384">
        <f t="shared" si="171"/>
        <v>0</v>
      </c>
      <c r="N1384" s="46">
        <f t="shared" si="172"/>
        <v>45348.249999996726</v>
      </c>
    </row>
    <row r="1385" spans="2:14" x14ac:dyDescent="0.3">
      <c r="B1385">
        <f t="shared" si="166"/>
        <v>1</v>
      </c>
      <c r="C1385" s="16">
        <v>1351</v>
      </c>
      <c r="D1385" cm="1">
        <f t="array" ref="D1385">IFERROR(INDEX(Jesper!AH$2:AH$366,ROUNDDOWN($C1385/24,0)+1,1)*INDEX($D$3:$AA$30,INDEX(Jesper!$R$2:$R$366,ROW(INDEX(Jesper!AH$2:AH$366,ROUNDDOWN($C1385/24,0)+1,1))-1)+IF('Standard Profiles'!$G$18=$B$10,7,0)+IF('Standard Profiles'!$G$18=$B$17,14,0)+IF('Standard Profiles'!$G$18=$B$24,21,0),MOD($C1385,24)+1)/SUM(INDEX($D$3:$AA$30,INDEX(Jesper!$R$2:$R$366,ROW(INDEX(Jesper!AH$2:AH$366,ROUNDDOWN($C1385/24,0)+1,1))-1)+IF('Standard Profiles'!$G$18=$B$10,7,0)+IF('Standard Profiles'!$G$18=$B$17,14,0)+IF('Standard Profiles'!$G$18=$B$24,21,0),0)),0)</f>
        <v>12.655225338533517</v>
      </c>
      <c r="E1385" cm="1">
        <f t="array" ref="E1385">IFERROR(INDEX(Jesper!AI$2:AI$366,ROUNDDOWN($C1385/24,0)+1,1)*INDEX($D$3:$AA$30,INDEX(Jesper!$R$2:$R$366,ROW(INDEX(Jesper!AI$2:AI$366,ROUNDDOWN($C1385/24,0)+1,1))-1)+IF('Standard Profiles'!$G$19=$B$10,7,0)+IF('Standard Profiles'!$G$19=$B$17,14,0)+IF('Standard Profiles'!$G$19=$B$24,21,0),MOD($C1385,24)+1)/SUM(INDEX($D$3:$AA$30,INDEX(Jesper!$R$2:$R$366,ROW(INDEX(Jesper!AI$2:AI$366,ROUNDDOWN($C1385/24,0)+1,1))-1)+IF('Standard Profiles'!$G$19=$B$10,7,0)+IF('Standard Profiles'!$G$19=$B$17,14,0)+IF('Standard Profiles'!$G$19=$B$24,21,0),0)),0)</f>
        <v>0</v>
      </c>
      <c r="F1385" cm="1">
        <f t="array" ref="F1385">IFERROR(INDEX(Jesper!AJ$2:AJ$366,ROUNDDOWN($C1385/24,0)+1,1)*INDEX($D$3:$AA$30,INDEX(Jesper!$R$2:$R$366,ROW(INDEX(Jesper!AJ$2:AJ$366,ROUNDDOWN($C1385/24,0)+1,1))-1)+IF('Standard Profiles'!$G$20=$B$10,7,0)+IF('Standard Profiles'!$G$20=$B$17,14,0)+IF('Standard Profiles'!$G$20=$B$24,21,0),MOD($C1385,24)+1)/SUM(INDEX($D$3:$AA$30,INDEX(Jesper!$R$2:$R$366,ROW(INDEX(Jesper!AJ$2:AJ$366,ROUNDDOWN($C1385/24,0)+1,1))-1)+IF('Standard Profiles'!$G$20=$B$10,7,0)+IF('Standard Profiles'!$G$20=$B$17,14,0)+IF('Standard Profiles'!$G$20=$B$24,21,0),0)),0)</f>
        <v>0</v>
      </c>
      <c r="G1385" cm="1">
        <f t="array" ref="G1385">IFERROR(INDEX(Jesper!AK$2:AK$366,ROUNDDOWN($C1385/24,0)+1,1)*INDEX($D$3:$AA$30,INDEX(Jesper!$R$2:$R$366,ROW(INDEX(Jesper!AK$2:AK$366,ROUNDDOWN($C1385/24,0)+1,1))-1)+IF('Standard Profiles'!$G$21=$B$10,7,0)+IF('Standard Profiles'!$G$21=$B$17,14,0)+IF('Standard Profiles'!$G$21=$B$24,21,0),MOD($C1385,24)+1)/SUM(INDEX($D$3:$AA$30,INDEX(Jesper!$R$2:$R$366,ROW(INDEX(Jesper!AK$2:AK$366,ROUNDDOWN($C1385/24,0)+1,1))-1)+IF('Standard Profiles'!$G$21=$B$10,7,0)+IF('Standard Profiles'!$G$21=$B$17,14,0)+IF('Standard Profiles'!$G$21=$B$24,21,0),0)),0)</f>
        <v>0</v>
      </c>
      <c r="H1385" cm="1">
        <f t="array" ref="H1385">IFERROR(INDEX(Jesper!AL$2:AL$366,ROUNDDOWN($C1385/24,0)+1,1)*INDEX($D$3:$AA$30,INDEX(Jesper!$R$2:$R$366,ROW(INDEX(Jesper!AL$2:AL$366,ROUNDDOWN($C1385/24,0)+1,1))-1)+IF('Standard Profiles'!$G$22=$B$10,7,0)+IF('Standard Profiles'!$G$22=$B$17,14,0)+IF('Standard Profiles'!$G$22=$B$24,21,0),MOD($C1385,24)+1)/SUM(INDEX($D$3:$AA$30,INDEX(Jesper!$R$2:$R$366,ROW(INDEX(Jesper!AL$2:AL$366,ROUNDDOWN($C1385/24,0)+1,1))-1)+IF('Standard Profiles'!$G$22=$B$10,7,0)+IF('Standard Profiles'!$G$22=$B$17,14,0)+IF('Standard Profiles'!$G$22=$B$24,21,0),0)),0)</f>
        <v>0</v>
      </c>
      <c r="I1385">
        <f t="shared" si="167"/>
        <v>0.37965676015600552</v>
      </c>
      <c r="J1385">
        <f t="shared" si="168"/>
        <v>1.2655225338533518</v>
      </c>
      <c r="K1385">
        <f t="shared" si="169"/>
        <v>1.8982838007800276</v>
      </c>
      <c r="L1385">
        <f t="shared" si="170"/>
        <v>9.111762243744133</v>
      </c>
      <c r="M1385">
        <f t="shared" si="171"/>
        <v>0</v>
      </c>
      <c r="N1385" s="46">
        <f t="shared" si="172"/>
        <v>45348.29166666339</v>
      </c>
    </row>
    <row r="1386" spans="2:14" x14ac:dyDescent="0.3">
      <c r="B1386">
        <f t="shared" si="166"/>
        <v>1</v>
      </c>
      <c r="C1386" s="16">
        <v>1352</v>
      </c>
      <c r="D1386" cm="1">
        <f t="array" ref="D1386">IFERROR(INDEX(Jesper!AH$2:AH$366,ROUNDDOWN($C1386/24,0)+1,1)*INDEX($D$3:$AA$30,INDEX(Jesper!$R$2:$R$366,ROW(INDEX(Jesper!AH$2:AH$366,ROUNDDOWN($C1386/24,0)+1,1))-1)+IF('Standard Profiles'!$G$18=$B$10,7,0)+IF('Standard Profiles'!$G$18=$B$17,14,0)+IF('Standard Profiles'!$G$18=$B$24,21,0),MOD($C1386,24)+1)/SUM(INDEX($D$3:$AA$30,INDEX(Jesper!$R$2:$R$366,ROW(INDEX(Jesper!AH$2:AH$366,ROUNDDOWN($C1386/24,0)+1,1))-1)+IF('Standard Profiles'!$G$18=$B$10,7,0)+IF('Standard Profiles'!$G$18=$B$17,14,0)+IF('Standard Profiles'!$G$18=$B$24,21,0),0)),0)</f>
        <v>12.655225338533517</v>
      </c>
      <c r="E1386" cm="1">
        <f t="array" ref="E1386">IFERROR(INDEX(Jesper!AI$2:AI$366,ROUNDDOWN($C1386/24,0)+1,1)*INDEX($D$3:$AA$30,INDEX(Jesper!$R$2:$R$366,ROW(INDEX(Jesper!AI$2:AI$366,ROUNDDOWN($C1386/24,0)+1,1))-1)+IF('Standard Profiles'!$G$19=$B$10,7,0)+IF('Standard Profiles'!$G$19=$B$17,14,0)+IF('Standard Profiles'!$G$19=$B$24,21,0),MOD($C1386,24)+1)/SUM(INDEX($D$3:$AA$30,INDEX(Jesper!$R$2:$R$366,ROW(INDEX(Jesper!AI$2:AI$366,ROUNDDOWN($C1386/24,0)+1,1))-1)+IF('Standard Profiles'!$G$19=$B$10,7,0)+IF('Standard Profiles'!$G$19=$B$17,14,0)+IF('Standard Profiles'!$G$19=$B$24,21,0),0)),0)</f>
        <v>0</v>
      </c>
      <c r="F1386" cm="1">
        <f t="array" ref="F1386">IFERROR(INDEX(Jesper!AJ$2:AJ$366,ROUNDDOWN($C1386/24,0)+1,1)*INDEX($D$3:$AA$30,INDEX(Jesper!$R$2:$R$366,ROW(INDEX(Jesper!AJ$2:AJ$366,ROUNDDOWN($C1386/24,0)+1,1))-1)+IF('Standard Profiles'!$G$20=$B$10,7,0)+IF('Standard Profiles'!$G$20=$B$17,14,0)+IF('Standard Profiles'!$G$20=$B$24,21,0),MOD($C1386,24)+1)/SUM(INDEX($D$3:$AA$30,INDEX(Jesper!$R$2:$R$366,ROW(INDEX(Jesper!AJ$2:AJ$366,ROUNDDOWN($C1386/24,0)+1,1))-1)+IF('Standard Profiles'!$G$20=$B$10,7,0)+IF('Standard Profiles'!$G$20=$B$17,14,0)+IF('Standard Profiles'!$G$20=$B$24,21,0),0)),0)</f>
        <v>0</v>
      </c>
      <c r="G1386" cm="1">
        <f t="array" ref="G1386">IFERROR(INDEX(Jesper!AK$2:AK$366,ROUNDDOWN($C1386/24,0)+1,1)*INDEX($D$3:$AA$30,INDEX(Jesper!$R$2:$R$366,ROW(INDEX(Jesper!AK$2:AK$366,ROUNDDOWN($C1386/24,0)+1,1))-1)+IF('Standard Profiles'!$G$21=$B$10,7,0)+IF('Standard Profiles'!$G$21=$B$17,14,0)+IF('Standard Profiles'!$G$21=$B$24,21,0),MOD($C1386,24)+1)/SUM(INDEX($D$3:$AA$30,INDEX(Jesper!$R$2:$R$366,ROW(INDEX(Jesper!AK$2:AK$366,ROUNDDOWN($C1386/24,0)+1,1))-1)+IF('Standard Profiles'!$G$21=$B$10,7,0)+IF('Standard Profiles'!$G$21=$B$17,14,0)+IF('Standard Profiles'!$G$21=$B$24,21,0),0)),0)</f>
        <v>0</v>
      </c>
      <c r="H1386" cm="1">
        <f t="array" ref="H1386">IFERROR(INDEX(Jesper!AL$2:AL$366,ROUNDDOWN($C1386/24,0)+1,1)*INDEX($D$3:$AA$30,INDEX(Jesper!$R$2:$R$366,ROW(INDEX(Jesper!AL$2:AL$366,ROUNDDOWN($C1386/24,0)+1,1))-1)+IF('Standard Profiles'!$G$22=$B$10,7,0)+IF('Standard Profiles'!$G$22=$B$17,14,0)+IF('Standard Profiles'!$G$22=$B$24,21,0),MOD($C1386,24)+1)/SUM(INDEX($D$3:$AA$30,INDEX(Jesper!$R$2:$R$366,ROW(INDEX(Jesper!AL$2:AL$366,ROUNDDOWN($C1386/24,0)+1,1))-1)+IF('Standard Profiles'!$G$22=$B$10,7,0)+IF('Standard Profiles'!$G$22=$B$17,14,0)+IF('Standard Profiles'!$G$22=$B$24,21,0),0)),0)</f>
        <v>0</v>
      </c>
      <c r="I1386">
        <f t="shared" si="167"/>
        <v>0.37965676015600552</v>
      </c>
      <c r="J1386">
        <f t="shared" si="168"/>
        <v>1.2655225338533518</v>
      </c>
      <c r="K1386">
        <f t="shared" si="169"/>
        <v>1.8982838007800276</v>
      </c>
      <c r="L1386">
        <f t="shared" si="170"/>
        <v>9.111762243744133</v>
      </c>
      <c r="M1386">
        <f t="shared" si="171"/>
        <v>0</v>
      </c>
      <c r="N1386" s="46">
        <f t="shared" si="172"/>
        <v>45348.333333330054</v>
      </c>
    </row>
    <row r="1387" spans="2:14" x14ac:dyDescent="0.3">
      <c r="B1387">
        <f t="shared" si="166"/>
        <v>1</v>
      </c>
      <c r="C1387" s="16">
        <v>1353</v>
      </c>
      <c r="D1387" cm="1">
        <f t="array" ref="D1387">IFERROR(INDEX(Jesper!AH$2:AH$366,ROUNDDOWN($C1387/24,0)+1,1)*INDEX($D$3:$AA$30,INDEX(Jesper!$R$2:$R$366,ROW(INDEX(Jesper!AH$2:AH$366,ROUNDDOWN($C1387/24,0)+1,1))-1)+IF('Standard Profiles'!$G$18=$B$10,7,0)+IF('Standard Profiles'!$G$18=$B$17,14,0)+IF('Standard Profiles'!$G$18=$B$24,21,0),MOD($C1387,24)+1)/SUM(INDEX($D$3:$AA$30,INDEX(Jesper!$R$2:$R$366,ROW(INDEX(Jesper!AH$2:AH$366,ROUNDDOWN($C1387/24,0)+1,1))-1)+IF('Standard Profiles'!$G$18=$B$10,7,0)+IF('Standard Profiles'!$G$18=$B$17,14,0)+IF('Standard Profiles'!$G$18=$B$24,21,0),0)),0)</f>
        <v>13.513206717417146</v>
      </c>
      <c r="E1387" cm="1">
        <f t="array" ref="E1387">IFERROR(INDEX(Jesper!AI$2:AI$366,ROUNDDOWN($C1387/24,0)+1,1)*INDEX($D$3:$AA$30,INDEX(Jesper!$R$2:$R$366,ROW(INDEX(Jesper!AI$2:AI$366,ROUNDDOWN($C1387/24,0)+1,1))-1)+IF('Standard Profiles'!$G$19=$B$10,7,0)+IF('Standard Profiles'!$G$19=$B$17,14,0)+IF('Standard Profiles'!$G$19=$B$24,21,0),MOD($C1387,24)+1)/SUM(INDEX($D$3:$AA$30,INDEX(Jesper!$R$2:$R$366,ROW(INDEX(Jesper!AI$2:AI$366,ROUNDDOWN($C1387/24,0)+1,1))-1)+IF('Standard Profiles'!$G$19=$B$10,7,0)+IF('Standard Profiles'!$G$19=$B$17,14,0)+IF('Standard Profiles'!$G$19=$B$24,21,0),0)),0)</f>
        <v>0</v>
      </c>
      <c r="F1387" cm="1">
        <f t="array" ref="F1387">IFERROR(INDEX(Jesper!AJ$2:AJ$366,ROUNDDOWN($C1387/24,0)+1,1)*INDEX($D$3:$AA$30,INDEX(Jesper!$R$2:$R$366,ROW(INDEX(Jesper!AJ$2:AJ$366,ROUNDDOWN($C1387/24,0)+1,1))-1)+IF('Standard Profiles'!$G$20=$B$10,7,0)+IF('Standard Profiles'!$G$20=$B$17,14,0)+IF('Standard Profiles'!$G$20=$B$24,21,0),MOD($C1387,24)+1)/SUM(INDEX($D$3:$AA$30,INDEX(Jesper!$R$2:$R$366,ROW(INDEX(Jesper!AJ$2:AJ$366,ROUNDDOWN($C1387/24,0)+1,1))-1)+IF('Standard Profiles'!$G$20=$B$10,7,0)+IF('Standard Profiles'!$G$20=$B$17,14,0)+IF('Standard Profiles'!$G$20=$B$24,21,0),0)),0)</f>
        <v>0</v>
      </c>
      <c r="G1387" cm="1">
        <f t="array" ref="G1387">IFERROR(INDEX(Jesper!AK$2:AK$366,ROUNDDOWN($C1387/24,0)+1,1)*INDEX($D$3:$AA$30,INDEX(Jesper!$R$2:$R$366,ROW(INDEX(Jesper!AK$2:AK$366,ROUNDDOWN($C1387/24,0)+1,1))-1)+IF('Standard Profiles'!$G$21=$B$10,7,0)+IF('Standard Profiles'!$G$21=$B$17,14,0)+IF('Standard Profiles'!$G$21=$B$24,21,0),MOD($C1387,24)+1)/SUM(INDEX($D$3:$AA$30,INDEX(Jesper!$R$2:$R$366,ROW(INDEX(Jesper!AK$2:AK$366,ROUNDDOWN($C1387/24,0)+1,1))-1)+IF('Standard Profiles'!$G$21=$B$10,7,0)+IF('Standard Profiles'!$G$21=$B$17,14,0)+IF('Standard Profiles'!$G$21=$B$24,21,0),0)),0)</f>
        <v>0</v>
      </c>
      <c r="H1387" cm="1">
        <f t="array" ref="H1387">IFERROR(INDEX(Jesper!AL$2:AL$366,ROUNDDOWN($C1387/24,0)+1,1)*INDEX($D$3:$AA$30,INDEX(Jesper!$R$2:$R$366,ROW(INDEX(Jesper!AL$2:AL$366,ROUNDDOWN($C1387/24,0)+1,1))-1)+IF('Standard Profiles'!$G$22=$B$10,7,0)+IF('Standard Profiles'!$G$22=$B$17,14,0)+IF('Standard Profiles'!$G$22=$B$24,21,0),MOD($C1387,24)+1)/SUM(INDEX($D$3:$AA$30,INDEX(Jesper!$R$2:$R$366,ROW(INDEX(Jesper!AL$2:AL$366,ROUNDDOWN($C1387/24,0)+1,1))-1)+IF('Standard Profiles'!$G$22=$B$10,7,0)+IF('Standard Profiles'!$G$22=$B$17,14,0)+IF('Standard Profiles'!$G$22=$B$24,21,0),0)),0)</f>
        <v>0</v>
      </c>
      <c r="I1387">
        <f t="shared" si="167"/>
        <v>0.40539620152251438</v>
      </c>
      <c r="J1387">
        <f t="shared" si="168"/>
        <v>1.3513206717417148</v>
      </c>
      <c r="K1387">
        <f t="shared" si="169"/>
        <v>2.026981007612572</v>
      </c>
      <c r="L1387">
        <f t="shared" si="170"/>
        <v>9.7295088365403455</v>
      </c>
      <c r="M1387">
        <f t="shared" si="171"/>
        <v>0</v>
      </c>
      <c r="N1387" s="46">
        <f t="shared" si="172"/>
        <v>45348.374999996719</v>
      </c>
    </row>
    <row r="1388" spans="2:14" x14ac:dyDescent="0.3">
      <c r="B1388">
        <f t="shared" si="166"/>
        <v>1</v>
      </c>
      <c r="C1388" s="16">
        <v>1354</v>
      </c>
      <c r="D1388" cm="1">
        <f t="array" ref="D1388">IFERROR(INDEX(Jesper!AH$2:AH$366,ROUNDDOWN($C1388/24,0)+1,1)*INDEX($D$3:$AA$30,INDEX(Jesper!$R$2:$R$366,ROW(INDEX(Jesper!AH$2:AH$366,ROUNDDOWN($C1388/24,0)+1,1))-1)+IF('Standard Profiles'!$G$18=$B$10,7,0)+IF('Standard Profiles'!$G$18=$B$17,14,0)+IF('Standard Profiles'!$G$18=$B$24,21,0),MOD($C1388,24)+1)/SUM(INDEX($D$3:$AA$30,INDEX(Jesper!$R$2:$R$366,ROW(INDEX(Jesper!AH$2:AH$366,ROUNDDOWN($C1388/24,0)+1,1))-1)+IF('Standard Profiles'!$G$18=$B$10,7,0)+IF('Standard Profiles'!$G$18=$B$17,14,0)+IF('Standard Profiles'!$G$18=$B$24,21,0),0)),0)</f>
        <v>13.513206717417146</v>
      </c>
      <c r="E1388" cm="1">
        <f t="array" ref="E1388">IFERROR(INDEX(Jesper!AI$2:AI$366,ROUNDDOWN($C1388/24,0)+1,1)*INDEX($D$3:$AA$30,INDEX(Jesper!$R$2:$R$366,ROW(INDEX(Jesper!AI$2:AI$366,ROUNDDOWN($C1388/24,0)+1,1))-1)+IF('Standard Profiles'!$G$19=$B$10,7,0)+IF('Standard Profiles'!$G$19=$B$17,14,0)+IF('Standard Profiles'!$G$19=$B$24,21,0),MOD($C1388,24)+1)/SUM(INDEX($D$3:$AA$30,INDEX(Jesper!$R$2:$R$366,ROW(INDEX(Jesper!AI$2:AI$366,ROUNDDOWN($C1388/24,0)+1,1))-1)+IF('Standard Profiles'!$G$19=$B$10,7,0)+IF('Standard Profiles'!$G$19=$B$17,14,0)+IF('Standard Profiles'!$G$19=$B$24,21,0),0)),0)</f>
        <v>0</v>
      </c>
      <c r="F1388" cm="1">
        <f t="array" ref="F1388">IFERROR(INDEX(Jesper!AJ$2:AJ$366,ROUNDDOWN($C1388/24,0)+1,1)*INDEX($D$3:$AA$30,INDEX(Jesper!$R$2:$R$366,ROW(INDEX(Jesper!AJ$2:AJ$366,ROUNDDOWN($C1388/24,0)+1,1))-1)+IF('Standard Profiles'!$G$20=$B$10,7,0)+IF('Standard Profiles'!$G$20=$B$17,14,0)+IF('Standard Profiles'!$G$20=$B$24,21,0),MOD($C1388,24)+1)/SUM(INDEX($D$3:$AA$30,INDEX(Jesper!$R$2:$R$366,ROW(INDEX(Jesper!AJ$2:AJ$366,ROUNDDOWN($C1388/24,0)+1,1))-1)+IF('Standard Profiles'!$G$20=$B$10,7,0)+IF('Standard Profiles'!$G$20=$B$17,14,0)+IF('Standard Profiles'!$G$20=$B$24,21,0),0)),0)</f>
        <v>0</v>
      </c>
      <c r="G1388" cm="1">
        <f t="array" ref="G1388">IFERROR(INDEX(Jesper!AK$2:AK$366,ROUNDDOWN($C1388/24,0)+1,1)*INDEX($D$3:$AA$30,INDEX(Jesper!$R$2:$R$366,ROW(INDEX(Jesper!AK$2:AK$366,ROUNDDOWN($C1388/24,0)+1,1))-1)+IF('Standard Profiles'!$G$21=$B$10,7,0)+IF('Standard Profiles'!$G$21=$B$17,14,0)+IF('Standard Profiles'!$G$21=$B$24,21,0),MOD($C1388,24)+1)/SUM(INDEX($D$3:$AA$30,INDEX(Jesper!$R$2:$R$366,ROW(INDEX(Jesper!AK$2:AK$366,ROUNDDOWN($C1388/24,0)+1,1))-1)+IF('Standard Profiles'!$G$21=$B$10,7,0)+IF('Standard Profiles'!$G$21=$B$17,14,0)+IF('Standard Profiles'!$G$21=$B$24,21,0),0)),0)</f>
        <v>0</v>
      </c>
      <c r="H1388" cm="1">
        <f t="array" ref="H1388">IFERROR(INDEX(Jesper!AL$2:AL$366,ROUNDDOWN($C1388/24,0)+1,1)*INDEX($D$3:$AA$30,INDEX(Jesper!$R$2:$R$366,ROW(INDEX(Jesper!AL$2:AL$366,ROUNDDOWN($C1388/24,0)+1,1))-1)+IF('Standard Profiles'!$G$22=$B$10,7,0)+IF('Standard Profiles'!$G$22=$B$17,14,0)+IF('Standard Profiles'!$G$22=$B$24,21,0),MOD($C1388,24)+1)/SUM(INDEX($D$3:$AA$30,INDEX(Jesper!$R$2:$R$366,ROW(INDEX(Jesper!AL$2:AL$366,ROUNDDOWN($C1388/24,0)+1,1))-1)+IF('Standard Profiles'!$G$22=$B$10,7,0)+IF('Standard Profiles'!$G$22=$B$17,14,0)+IF('Standard Profiles'!$G$22=$B$24,21,0),0)),0)</f>
        <v>0</v>
      </c>
      <c r="I1388">
        <f t="shared" si="167"/>
        <v>0.40539620152251438</v>
      </c>
      <c r="J1388">
        <f t="shared" si="168"/>
        <v>1.3513206717417148</v>
      </c>
      <c r="K1388">
        <f t="shared" si="169"/>
        <v>2.026981007612572</v>
      </c>
      <c r="L1388">
        <f t="shared" si="170"/>
        <v>9.7295088365403455</v>
      </c>
      <c r="M1388">
        <f t="shared" si="171"/>
        <v>0</v>
      </c>
      <c r="N1388" s="46">
        <f t="shared" si="172"/>
        <v>45348.416666663383</v>
      </c>
    </row>
    <row r="1389" spans="2:14" x14ac:dyDescent="0.3">
      <c r="B1389">
        <f t="shared" si="166"/>
        <v>1</v>
      </c>
      <c r="C1389" s="16">
        <v>1355</v>
      </c>
      <c r="D1389" cm="1">
        <f t="array" ref="D1389">IFERROR(INDEX(Jesper!AH$2:AH$366,ROUNDDOWN($C1389/24,0)+1,1)*INDEX($D$3:$AA$30,INDEX(Jesper!$R$2:$R$366,ROW(INDEX(Jesper!AH$2:AH$366,ROUNDDOWN($C1389/24,0)+1,1))-1)+IF('Standard Profiles'!$G$18=$B$10,7,0)+IF('Standard Profiles'!$G$18=$B$17,14,0)+IF('Standard Profiles'!$G$18=$B$24,21,0),MOD($C1389,24)+1)/SUM(INDEX($D$3:$AA$30,INDEX(Jesper!$R$2:$R$366,ROW(INDEX(Jesper!AH$2:AH$366,ROUNDDOWN($C1389/24,0)+1,1))-1)+IF('Standard Profiles'!$G$18=$B$10,7,0)+IF('Standard Profiles'!$G$18=$B$17,14,0)+IF('Standard Profiles'!$G$18=$B$24,21,0),0)),0)</f>
        <v>17.159627577672566</v>
      </c>
      <c r="E1389" cm="1">
        <f t="array" ref="E1389">IFERROR(INDEX(Jesper!AI$2:AI$366,ROUNDDOWN($C1389/24,0)+1,1)*INDEX($D$3:$AA$30,INDEX(Jesper!$R$2:$R$366,ROW(INDEX(Jesper!AI$2:AI$366,ROUNDDOWN($C1389/24,0)+1,1))-1)+IF('Standard Profiles'!$G$19=$B$10,7,0)+IF('Standard Profiles'!$G$19=$B$17,14,0)+IF('Standard Profiles'!$G$19=$B$24,21,0),MOD($C1389,24)+1)/SUM(INDEX($D$3:$AA$30,INDEX(Jesper!$R$2:$R$366,ROW(INDEX(Jesper!AI$2:AI$366,ROUNDDOWN($C1389/24,0)+1,1))-1)+IF('Standard Profiles'!$G$19=$B$10,7,0)+IF('Standard Profiles'!$G$19=$B$17,14,0)+IF('Standard Profiles'!$G$19=$B$24,21,0),0)),0)</f>
        <v>0</v>
      </c>
      <c r="F1389" cm="1">
        <f t="array" ref="F1389">IFERROR(INDEX(Jesper!AJ$2:AJ$366,ROUNDDOWN($C1389/24,0)+1,1)*INDEX($D$3:$AA$30,INDEX(Jesper!$R$2:$R$366,ROW(INDEX(Jesper!AJ$2:AJ$366,ROUNDDOWN($C1389/24,0)+1,1))-1)+IF('Standard Profiles'!$G$20=$B$10,7,0)+IF('Standard Profiles'!$G$20=$B$17,14,0)+IF('Standard Profiles'!$G$20=$B$24,21,0),MOD($C1389,24)+1)/SUM(INDEX($D$3:$AA$30,INDEX(Jesper!$R$2:$R$366,ROW(INDEX(Jesper!AJ$2:AJ$366,ROUNDDOWN($C1389/24,0)+1,1))-1)+IF('Standard Profiles'!$G$20=$B$10,7,0)+IF('Standard Profiles'!$G$20=$B$17,14,0)+IF('Standard Profiles'!$G$20=$B$24,21,0),0)),0)</f>
        <v>0</v>
      </c>
      <c r="G1389" cm="1">
        <f t="array" ref="G1389">IFERROR(INDEX(Jesper!AK$2:AK$366,ROUNDDOWN($C1389/24,0)+1,1)*INDEX($D$3:$AA$30,INDEX(Jesper!$R$2:$R$366,ROW(INDEX(Jesper!AK$2:AK$366,ROUNDDOWN($C1389/24,0)+1,1))-1)+IF('Standard Profiles'!$G$21=$B$10,7,0)+IF('Standard Profiles'!$G$21=$B$17,14,0)+IF('Standard Profiles'!$G$21=$B$24,21,0),MOD($C1389,24)+1)/SUM(INDEX($D$3:$AA$30,INDEX(Jesper!$R$2:$R$366,ROW(INDEX(Jesper!AK$2:AK$366,ROUNDDOWN($C1389/24,0)+1,1))-1)+IF('Standard Profiles'!$G$21=$B$10,7,0)+IF('Standard Profiles'!$G$21=$B$17,14,0)+IF('Standard Profiles'!$G$21=$B$24,21,0),0)),0)</f>
        <v>0</v>
      </c>
      <c r="H1389" cm="1">
        <f t="array" ref="H1389">IFERROR(INDEX(Jesper!AL$2:AL$366,ROUNDDOWN($C1389/24,0)+1,1)*INDEX($D$3:$AA$30,INDEX(Jesper!$R$2:$R$366,ROW(INDEX(Jesper!AL$2:AL$366,ROUNDDOWN($C1389/24,0)+1,1))-1)+IF('Standard Profiles'!$G$22=$B$10,7,0)+IF('Standard Profiles'!$G$22=$B$17,14,0)+IF('Standard Profiles'!$G$22=$B$24,21,0),MOD($C1389,24)+1)/SUM(INDEX($D$3:$AA$30,INDEX(Jesper!$R$2:$R$366,ROW(INDEX(Jesper!AL$2:AL$366,ROUNDDOWN($C1389/24,0)+1,1))-1)+IF('Standard Profiles'!$G$22=$B$10,7,0)+IF('Standard Profiles'!$G$22=$B$17,14,0)+IF('Standard Profiles'!$G$22=$B$24,21,0),0)),0)</f>
        <v>0</v>
      </c>
      <c r="I1389">
        <f t="shared" si="167"/>
        <v>0.51478882733017695</v>
      </c>
      <c r="J1389">
        <f t="shared" si="168"/>
        <v>1.7159627577672567</v>
      </c>
      <c r="K1389">
        <f t="shared" si="169"/>
        <v>2.5739441366508848</v>
      </c>
      <c r="L1389">
        <f t="shared" si="170"/>
        <v>12.354931855924248</v>
      </c>
      <c r="M1389">
        <f t="shared" si="171"/>
        <v>0</v>
      </c>
      <c r="N1389" s="46">
        <f t="shared" si="172"/>
        <v>45348.458333330047</v>
      </c>
    </row>
    <row r="1390" spans="2:14" x14ac:dyDescent="0.3">
      <c r="B1390">
        <f t="shared" si="166"/>
        <v>1</v>
      </c>
      <c r="C1390" s="16">
        <v>1356</v>
      </c>
      <c r="D1390" cm="1">
        <f t="array" ref="D1390">IFERROR(INDEX(Jesper!AH$2:AH$366,ROUNDDOWN($C1390/24,0)+1,1)*INDEX($D$3:$AA$30,INDEX(Jesper!$R$2:$R$366,ROW(INDEX(Jesper!AH$2:AH$366,ROUNDDOWN($C1390/24,0)+1,1))-1)+IF('Standard Profiles'!$G$18=$B$10,7,0)+IF('Standard Profiles'!$G$18=$B$17,14,0)+IF('Standard Profiles'!$G$18=$B$24,21,0),MOD($C1390,24)+1)/SUM(INDEX($D$3:$AA$30,INDEX(Jesper!$R$2:$R$366,ROW(INDEX(Jesper!AH$2:AH$366,ROUNDDOWN($C1390/24,0)+1,1))-1)+IF('Standard Profiles'!$G$18=$B$10,7,0)+IF('Standard Profiles'!$G$18=$B$17,14,0)+IF('Standard Profiles'!$G$18=$B$24,21,0),0)),0)</f>
        <v>17.159627577672566</v>
      </c>
      <c r="E1390" cm="1">
        <f t="array" ref="E1390">IFERROR(INDEX(Jesper!AI$2:AI$366,ROUNDDOWN($C1390/24,0)+1,1)*INDEX($D$3:$AA$30,INDEX(Jesper!$R$2:$R$366,ROW(INDEX(Jesper!AI$2:AI$366,ROUNDDOWN($C1390/24,0)+1,1))-1)+IF('Standard Profiles'!$G$19=$B$10,7,0)+IF('Standard Profiles'!$G$19=$B$17,14,0)+IF('Standard Profiles'!$G$19=$B$24,21,0),MOD($C1390,24)+1)/SUM(INDEX($D$3:$AA$30,INDEX(Jesper!$R$2:$R$366,ROW(INDEX(Jesper!AI$2:AI$366,ROUNDDOWN($C1390/24,0)+1,1))-1)+IF('Standard Profiles'!$G$19=$B$10,7,0)+IF('Standard Profiles'!$G$19=$B$17,14,0)+IF('Standard Profiles'!$G$19=$B$24,21,0),0)),0)</f>
        <v>0</v>
      </c>
      <c r="F1390" cm="1">
        <f t="array" ref="F1390">IFERROR(INDEX(Jesper!AJ$2:AJ$366,ROUNDDOWN($C1390/24,0)+1,1)*INDEX($D$3:$AA$30,INDEX(Jesper!$R$2:$R$366,ROW(INDEX(Jesper!AJ$2:AJ$366,ROUNDDOWN($C1390/24,0)+1,1))-1)+IF('Standard Profiles'!$G$20=$B$10,7,0)+IF('Standard Profiles'!$G$20=$B$17,14,0)+IF('Standard Profiles'!$G$20=$B$24,21,0),MOD($C1390,24)+1)/SUM(INDEX($D$3:$AA$30,INDEX(Jesper!$R$2:$R$366,ROW(INDEX(Jesper!AJ$2:AJ$366,ROUNDDOWN($C1390/24,0)+1,1))-1)+IF('Standard Profiles'!$G$20=$B$10,7,0)+IF('Standard Profiles'!$G$20=$B$17,14,0)+IF('Standard Profiles'!$G$20=$B$24,21,0),0)),0)</f>
        <v>0</v>
      </c>
      <c r="G1390" cm="1">
        <f t="array" ref="G1390">IFERROR(INDEX(Jesper!AK$2:AK$366,ROUNDDOWN($C1390/24,0)+1,1)*INDEX($D$3:$AA$30,INDEX(Jesper!$R$2:$R$366,ROW(INDEX(Jesper!AK$2:AK$366,ROUNDDOWN($C1390/24,0)+1,1))-1)+IF('Standard Profiles'!$G$21=$B$10,7,0)+IF('Standard Profiles'!$G$21=$B$17,14,0)+IF('Standard Profiles'!$G$21=$B$24,21,0),MOD($C1390,24)+1)/SUM(INDEX($D$3:$AA$30,INDEX(Jesper!$R$2:$R$366,ROW(INDEX(Jesper!AK$2:AK$366,ROUNDDOWN($C1390/24,0)+1,1))-1)+IF('Standard Profiles'!$G$21=$B$10,7,0)+IF('Standard Profiles'!$G$21=$B$17,14,0)+IF('Standard Profiles'!$G$21=$B$24,21,0),0)),0)</f>
        <v>0</v>
      </c>
      <c r="H1390" cm="1">
        <f t="array" ref="H1390">IFERROR(INDEX(Jesper!AL$2:AL$366,ROUNDDOWN($C1390/24,0)+1,1)*INDEX($D$3:$AA$30,INDEX(Jesper!$R$2:$R$366,ROW(INDEX(Jesper!AL$2:AL$366,ROUNDDOWN($C1390/24,0)+1,1))-1)+IF('Standard Profiles'!$G$22=$B$10,7,0)+IF('Standard Profiles'!$G$22=$B$17,14,0)+IF('Standard Profiles'!$G$22=$B$24,21,0),MOD($C1390,24)+1)/SUM(INDEX($D$3:$AA$30,INDEX(Jesper!$R$2:$R$366,ROW(INDEX(Jesper!AL$2:AL$366,ROUNDDOWN($C1390/24,0)+1,1))-1)+IF('Standard Profiles'!$G$22=$B$10,7,0)+IF('Standard Profiles'!$G$22=$B$17,14,0)+IF('Standard Profiles'!$G$22=$B$24,21,0),0)),0)</f>
        <v>0</v>
      </c>
      <c r="I1390">
        <f t="shared" si="167"/>
        <v>0.51478882733017695</v>
      </c>
      <c r="J1390">
        <f t="shared" si="168"/>
        <v>1.7159627577672567</v>
      </c>
      <c r="K1390">
        <f t="shared" si="169"/>
        <v>2.5739441366508848</v>
      </c>
      <c r="L1390">
        <f t="shared" si="170"/>
        <v>12.354931855924248</v>
      </c>
      <c r="M1390">
        <f t="shared" si="171"/>
        <v>0</v>
      </c>
      <c r="N1390" s="46">
        <f t="shared" si="172"/>
        <v>45348.499999996711</v>
      </c>
    </row>
    <row r="1391" spans="2:14" x14ac:dyDescent="0.3">
      <c r="B1391">
        <f t="shared" si="166"/>
        <v>1</v>
      </c>
      <c r="C1391" s="16">
        <v>1357</v>
      </c>
      <c r="D1391" cm="1">
        <f t="array" ref="D1391">IFERROR(INDEX(Jesper!AH$2:AH$366,ROUNDDOWN($C1391/24,0)+1,1)*INDEX($D$3:$AA$30,INDEX(Jesper!$R$2:$R$366,ROW(INDEX(Jesper!AH$2:AH$366,ROUNDDOWN($C1391/24,0)+1,1))-1)+IF('Standard Profiles'!$G$18=$B$10,7,0)+IF('Standard Profiles'!$G$18=$B$17,14,0)+IF('Standard Profiles'!$G$18=$B$24,21,0),MOD($C1391,24)+1)/SUM(INDEX($D$3:$AA$30,INDEX(Jesper!$R$2:$R$366,ROW(INDEX(Jesper!AH$2:AH$366,ROUNDDOWN($C1391/24,0)+1,1))-1)+IF('Standard Profiles'!$G$18=$B$10,7,0)+IF('Standard Profiles'!$G$18=$B$17,14,0)+IF('Standard Profiles'!$G$18=$B$24,21,0),0)),0)</f>
        <v>11.368253270208076</v>
      </c>
      <c r="E1391" cm="1">
        <f t="array" ref="E1391">IFERROR(INDEX(Jesper!AI$2:AI$366,ROUNDDOWN($C1391/24,0)+1,1)*INDEX($D$3:$AA$30,INDEX(Jesper!$R$2:$R$366,ROW(INDEX(Jesper!AI$2:AI$366,ROUNDDOWN($C1391/24,0)+1,1))-1)+IF('Standard Profiles'!$G$19=$B$10,7,0)+IF('Standard Profiles'!$G$19=$B$17,14,0)+IF('Standard Profiles'!$G$19=$B$24,21,0),MOD($C1391,24)+1)/SUM(INDEX($D$3:$AA$30,INDEX(Jesper!$R$2:$R$366,ROW(INDEX(Jesper!AI$2:AI$366,ROUNDDOWN($C1391/24,0)+1,1))-1)+IF('Standard Profiles'!$G$19=$B$10,7,0)+IF('Standard Profiles'!$G$19=$B$17,14,0)+IF('Standard Profiles'!$G$19=$B$24,21,0),0)),0)</f>
        <v>0</v>
      </c>
      <c r="F1391" cm="1">
        <f t="array" ref="F1391">IFERROR(INDEX(Jesper!AJ$2:AJ$366,ROUNDDOWN($C1391/24,0)+1,1)*INDEX($D$3:$AA$30,INDEX(Jesper!$R$2:$R$366,ROW(INDEX(Jesper!AJ$2:AJ$366,ROUNDDOWN($C1391/24,0)+1,1))-1)+IF('Standard Profiles'!$G$20=$B$10,7,0)+IF('Standard Profiles'!$G$20=$B$17,14,0)+IF('Standard Profiles'!$G$20=$B$24,21,0),MOD($C1391,24)+1)/SUM(INDEX($D$3:$AA$30,INDEX(Jesper!$R$2:$R$366,ROW(INDEX(Jesper!AJ$2:AJ$366,ROUNDDOWN($C1391/24,0)+1,1))-1)+IF('Standard Profiles'!$G$20=$B$10,7,0)+IF('Standard Profiles'!$G$20=$B$17,14,0)+IF('Standard Profiles'!$G$20=$B$24,21,0),0)),0)</f>
        <v>0</v>
      </c>
      <c r="G1391" cm="1">
        <f t="array" ref="G1391">IFERROR(INDEX(Jesper!AK$2:AK$366,ROUNDDOWN($C1391/24,0)+1,1)*INDEX($D$3:$AA$30,INDEX(Jesper!$R$2:$R$366,ROW(INDEX(Jesper!AK$2:AK$366,ROUNDDOWN($C1391/24,0)+1,1))-1)+IF('Standard Profiles'!$G$21=$B$10,7,0)+IF('Standard Profiles'!$G$21=$B$17,14,0)+IF('Standard Profiles'!$G$21=$B$24,21,0),MOD($C1391,24)+1)/SUM(INDEX($D$3:$AA$30,INDEX(Jesper!$R$2:$R$366,ROW(INDEX(Jesper!AK$2:AK$366,ROUNDDOWN($C1391/24,0)+1,1))-1)+IF('Standard Profiles'!$G$21=$B$10,7,0)+IF('Standard Profiles'!$G$21=$B$17,14,0)+IF('Standard Profiles'!$G$21=$B$24,21,0),0)),0)</f>
        <v>0</v>
      </c>
      <c r="H1391" cm="1">
        <f t="array" ref="H1391">IFERROR(INDEX(Jesper!AL$2:AL$366,ROUNDDOWN($C1391/24,0)+1,1)*INDEX($D$3:$AA$30,INDEX(Jesper!$R$2:$R$366,ROW(INDEX(Jesper!AL$2:AL$366,ROUNDDOWN($C1391/24,0)+1,1))-1)+IF('Standard Profiles'!$G$22=$B$10,7,0)+IF('Standard Profiles'!$G$22=$B$17,14,0)+IF('Standard Profiles'!$G$22=$B$24,21,0),MOD($C1391,24)+1)/SUM(INDEX($D$3:$AA$30,INDEX(Jesper!$R$2:$R$366,ROW(INDEX(Jesper!AL$2:AL$366,ROUNDDOWN($C1391/24,0)+1,1))-1)+IF('Standard Profiles'!$G$22=$B$10,7,0)+IF('Standard Profiles'!$G$22=$B$17,14,0)+IF('Standard Profiles'!$G$22=$B$24,21,0),0)),0)</f>
        <v>0</v>
      </c>
      <c r="I1391">
        <f t="shared" si="167"/>
        <v>0.34104759810624224</v>
      </c>
      <c r="J1391">
        <f t="shared" si="168"/>
        <v>1.1368253270208075</v>
      </c>
      <c r="K1391">
        <f t="shared" si="169"/>
        <v>1.7052379905312114</v>
      </c>
      <c r="L1391">
        <f t="shared" si="170"/>
        <v>8.1851423545498143</v>
      </c>
      <c r="M1391">
        <f t="shared" si="171"/>
        <v>0</v>
      </c>
      <c r="N1391" s="46">
        <f t="shared" si="172"/>
        <v>45348.541666663376</v>
      </c>
    </row>
    <row r="1392" spans="2:14" x14ac:dyDescent="0.3">
      <c r="B1392">
        <f t="shared" si="166"/>
        <v>1</v>
      </c>
      <c r="C1392" s="16">
        <v>1358</v>
      </c>
      <c r="D1392" cm="1">
        <f t="array" ref="D1392">IFERROR(INDEX(Jesper!AH$2:AH$366,ROUNDDOWN($C1392/24,0)+1,1)*INDEX($D$3:$AA$30,INDEX(Jesper!$R$2:$R$366,ROW(INDEX(Jesper!AH$2:AH$366,ROUNDDOWN($C1392/24,0)+1,1))-1)+IF('Standard Profiles'!$G$18=$B$10,7,0)+IF('Standard Profiles'!$G$18=$B$17,14,0)+IF('Standard Profiles'!$G$18=$B$24,21,0),MOD($C1392,24)+1)/SUM(INDEX($D$3:$AA$30,INDEX(Jesper!$R$2:$R$366,ROW(INDEX(Jesper!AH$2:AH$366,ROUNDDOWN($C1392/24,0)+1,1))-1)+IF('Standard Profiles'!$G$18=$B$10,7,0)+IF('Standard Profiles'!$G$18=$B$17,14,0)+IF('Standard Profiles'!$G$18=$B$24,21,0),0)),0)</f>
        <v>17.159627577672566</v>
      </c>
      <c r="E1392" cm="1">
        <f t="array" ref="E1392">IFERROR(INDEX(Jesper!AI$2:AI$366,ROUNDDOWN($C1392/24,0)+1,1)*INDEX($D$3:$AA$30,INDEX(Jesper!$R$2:$R$366,ROW(INDEX(Jesper!AI$2:AI$366,ROUNDDOWN($C1392/24,0)+1,1))-1)+IF('Standard Profiles'!$G$19=$B$10,7,0)+IF('Standard Profiles'!$G$19=$B$17,14,0)+IF('Standard Profiles'!$G$19=$B$24,21,0),MOD($C1392,24)+1)/SUM(INDEX($D$3:$AA$30,INDEX(Jesper!$R$2:$R$366,ROW(INDEX(Jesper!AI$2:AI$366,ROUNDDOWN($C1392/24,0)+1,1))-1)+IF('Standard Profiles'!$G$19=$B$10,7,0)+IF('Standard Profiles'!$G$19=$B$17,14,0)+IF('Standard Profiles'!$G$19=$B$24,21,0),0)),0)</f>
        <v>0</v>
      </c>
      <c r="F1392" cm="1">
        <f t="array" ref="F1392">IFERROR(INDEX(Jesper!AJ$2:AJ$366,ROUNDDOWN($C1392/24,0)+1,1)*INDEX($D$3:$AA$30,INDEX(Jesper!$R$2:$R$366,ROW(INDEX(Jesper!AJ$2:AJ$366,ROUNDDOWN($C1392/24,0)+1,1))-1)+IF('Standard Profiles'!$G$20=$B$10,7,0)+IF('Standard Profiles'!$G$20=$B$17,14,0)+IF('Standard Profiles'!$G$20=$B$24,21,0),MOD($C1392,24)+1)/SUM(INDEX($D$3:$AA$30,INDEX(Jesper!$R$2:$R$366,ROW(INDEX(Jesper!AJ$2:AJ$366,ROUNDDOWN($C1392/24,0)+1,1))-1)+IF('Standard Profiles'!$G$20=$B$10,7,0)+IF('Standard Profiles'!$G$20=$B$17,14,0)+IF('Standard Profiles'!$G$20=$B$24,21,0),0)),0)</f>
        <v>0</v>
      </c>
      <c r="G1392" cm="1">
        <f t="array" ref="G1392">IFERROR(INDEX(Jesper!AK$2:AK$366,ROUNDDOWN($C1392/24,0)+1,1)*INDEX($D$3:$AA$30,INDEX(Jesper!$R$2:$R$366,ROW(INDEX(Jesper!AK$2:AK$366,ROUNDDOWN($C1392/24,0)+1,1))-1)+IF('Standard Profiles'!$G$21=$B$10,7,0)+IF('Standard Profiles'!$G$21=$B$17,14,0)+IF('Standard Profiles'!$G$21=$B$24,21,0),MOD($C1392,24)+1)/SUM(INDEX($D$3:$AA$30,INDEX(Jesper!$R$2:$R$366,ROW(INDEX(Jesper!AK$2:AK$366,ROUNDDOWN($C1392/24,0)+1,1))-1)+IF('Standard Profiles'!$G$21=$B$10,7,0)+IF('Standard Profiles'!$G$21=$B$17,14,0)+IF('Standard Profiles'!$G$21=$B$24,21,0),0)),0)</f>
        <v>0</v>
      </c>
      <c r="H1392" cm="1">
        <f t="array" ref="H1392">IFERROR(INDEX(Jesper!AL$2:AL$366,ROUNDDOWN($C1392/24,0)+1,1)*INDEX($D$3:$AA$30,INDEX(Jesper!$R$2:$R$366,ROW(INDEX(Jesper!AL$2:AL$366,ROUNDDOWN($C1392/24,0)+1,1))-1)+IF('Standard Profiles'!$G$22=$B$10,7,0)+IF('Standard Profiles'!$G$22=$B$17,14,0)+IF('Standard Profiles'!$G$22=$B$24,21,0),MOD($C1392,24)+1)/SUM(INDEX($D$3:$AA$30,INDEX(Jesper!$R$2:$R$366,ROW(INDEX(Jesper!AL$2:AL$366,ROUNDDOWN($C1392/24,0)+1,1))-1)+IF('Standard Profiles'!$G$22=$B$10,7,0)+IF('Standard Profiles'!$G$22=$B$17,14,0)+IF('Standard Profiles'!$G$22=$B$24,21,0),0)),0)</f>
        <v>0</v>
      </c>
      <c r="I1392">
        <f t="shared" si="167"/>
        <v>0.51478882733017695</v>
      </c>
      <c r="J1392">
        <f t="shared" si="168"/>
        <v>1.7159627577672567</v>
      </c>
      <c r="K1392">
        <f t="shared" si="169"/>
        <v>2.5739441366508848</v>
      </c>
      <c r="L1392">
        <f t="shared" si="170"/>
        <v>12.354931855924248</v>
      </c>
      <c r="M1392">
        <f t="shared" si="171"/>
        <v>0</v>
      </c>
      <c r="N1392" s="46">
        <f t="shared" si="172"/>
        <v>45348.58333333004</v>
      </c>
    </row>
    <row r="1393" spans="2:14" x14ac:dyDescent="0.3">
      <c r="B1393">
        <f t="shared" si="166"/>
        <v>1</v>
      </c>
      <c r="C1393" s="16">
        <v>1359</v>
      </c>
      <c r="D1393" cm="1">
        <f t="array" ref="D1393">IFERROR(INDEX(Jesper!AH$2:AH$366,ROUNDDOWN($C1393/24,0)+1,1)*INDEX($D$3:$AA$30,INDEX(Jesper!$R$2:$R$366,ROW(INDEX(Jesper!AH$2:AH$366,ROUNDDOWN($C1393/24,0)+1,1))-1)+IF('Standard Profiles'!$G$18=$B$10,7,0)+IF('Standard Profiles'!$G$18=$B$17,14,0)+IF('Standard Profiles'!$G$18=$B$24,21,0),MOD($C1393,24)+1)/SUM(INDEX($D$3:$AA$30,INDEX(Jesper!$R$2:$R$366,ROW(INDEX(Jesper!AH$2:AH$366,ROUNDDOWN($C1393/24,0)+1,1))-1)+IF('Standard Profiles'!$G$18=$B$10,7,0)+IF('Standard Profiles'!$G$18=$B$17,14,0)+IF('Standard Profiles'!$G$18=$B$24,21,0),0)),0)</f>
        <v>17.159627577672566</v>
      </c>
      <c r="E1393" cm="1">
        <f t="array" ref="E1393">IFERROR(INDEX(Jesper!AI$2:AI$366,ROUNDDOWN($C1393/24,0)+1,1)*INDEX($D$3:$AA$30,INDEX(Jesper!$R$2:$R$366,ROW(INDEX(Jesper!AI$2:AI$366,ROUNDDOWN($C1393/24,0)+1,1))-1)+IF('Standard Profiles'!$G$19=$B$10,7,0)+IF('Standard Profiles'!$G$19=$B$17,14,0)+IF('Standard Profiles'!$G$19=$B$24,21,0),MOD($C1393,24)+1)/SUM(INDEX($D$3:$AA$30,INDEX(Jesper!$R$2:$R$366,ROW(INDEX(Jesper!AI$2:AI$366,ROUNDDOWN($C1393/24,0)+1,1))-1)+IF('Standard Profiles'!$G$19=$B$10,7,0)+IF('Standard Profiles'!$G$19=$B$17,14,0)+IF('Standard Profiles'!$G$19=$B$24,21,0),0)),0)</f>
        <v>0</v>
      </c>
      <c r="F1393" cm="1">
        <f t="array" ref="F1393">IFERROR(INDEX(Jesper!AJ$2:AJ$366,ROUNDDOWN($C1393/24,0)+1,1)*INDEX($D$3:$AA$30,INDEX(Jesper!$R$2:$R$366,ROW(INDEX(Jesper!AJ$2:AJ$366,ROUNDDOWN($C1393/24,0)+1,1))-1)+IF('Standard Profiles'!$G$20=$B$10,7,0)+IF('Standard Profiles'!$G$20=$B$17,14,0)+IF('Standard Profiles'!$G$20=$B$24,21,0),MOD($C1393,24)+1)/SUM(INDEX($D$3:$AA$30,INDEX(Jesper!$R$2:$R$366,ROW(INDEX(Jesper!AJ$2:AJ$366,ROUNDDOWN($C1393/24,0)+1,1))-1)+IF('Standard Profiles'!$G$20=$B$10,7,0)+IF('Standard Profiles'!$G$20=$B$17,14,0)+IF('Standard Profiles'!$G$20=$B$24,21,0),0)),0)</f>
        <v>0</v>
      </c>
      <c r="G1393" cm="1">
        <f t="array" ref="G1393">IFERROR(INDEX(Jesper!AK$2:AK$366,ROUNDDOWN($C1393/24,0)+1,1)*INDEX($D$3:$AA$30,INDEX(Jesper!$R$2:$R$366,ROW(INDEX(Jesper!AK$2:AK$366,ROUNDDOWN($C1393/24,0)+1,1))-1)+IF('Standard Profiles'!$G$21=$B$10,7,0)+IF('Standard Profiles'!$G$21=$B$17,14,0)+IF('Standard Profiles'!$G$21=$B$24,21,0),MOD($C1393,24)+1)/SUM(INDEX($D$3:$AA$30,INDEX(Jesper!$R$2:$R$366,ROW(INDEX(Jesper!AK$2:AK$366,ROUNDDOWN($C1393/24,0)+1,1))-1)+IF('Standard Profiles'!$G$21=$B$10,7,0)+IF('Standard Profiles'!$G$21=$B$17,14,0)+IF('Standard Profiles'!$G$21=$B$24,21,0),0)),0)</f>
        <v>0</v>
      </c>
      <c r="H1393" cm="1">
        <f t="array" ref="H1393">IFERROR(INDEX(Jesper!AL$2:AL$366,ROUNDDOWN($C1393/24,0)+1,1)*INDEX($D$3:$AA$30,INDEX(Jesper!$R$2:$R$366,ROW(INDEX(Jesper!AL$2:AL$366,ROUNDDOWN($C1393/24,0)+1,1))-1)+IF('Standard Profiles'!$G$22=$B$10,7,0)+IF('Standard Profiles'!$G$22=$B$17,14,0)+IF('Standard Profiles'!$G$22=$B$24,21,0),MOD($C1393,24)+1)/SUM(INDEX($D$3:$AA$30,INDEX(Jesper!$R$2:$R$366,ROW(INDEX(Jesper!AL$2:AL$366,ROUNDDOWN($C1393/24,0)+1,1))-1)+IF('Standard Profiles'!$G$22=$B$10,7,0)+IF('Standard Profiles'!$G$22=$B$17,14,0)+IF('Standard Profiles'!$G$22=$B$24,21,0),0)),0)</f>
        <v>0</v>
      </c>
      <c r="I1393">
        <f t="shared" si="167"/>
        <v>0.51478882733017695</v>
      </c>
      <c r="J1393">
        <f t="shared" si="168"/>
        <v>1.7159627577672567</v>
      </c>
      <c r="K1393">
        <f t="shared" si="169"/>
        <v>2.5739441366508848</v>
      </c>
      <c r="L1393">
        <f t="shared" si="170"/>
        <v>12.354931855924248</v>
      </c>
      <c r="M1393">
        <f t="shared" si="171"/>
        <v>0</v>
      </c>
      <c r="N1393" s="46">
        <f t="shared" si="172"/>
        <v>45348.624999996704</v>
      </c>
    </row>
    <row r="1394" spans="2:14" x14ac:dyDescent="0.3">
      <c r="B1394">
        <f t="shared" si="166"/>
        <v>1</v>
      </c>
      <c r="C1394" s="16">
        <v>1360</v>
      </c>
      <c r="D1394" cm="1">
        <f t="array" ref="D1394">IFERROR(INDEX(Jesper!AH$2:AH$366,ROUNDDOWN($C1394/24,0)+1,1)*INDEX($D$3:$AA$30,INDEX(Jesper!$R$2:$R$366,ROW(INDEX(Jesper!AH$2:AH$366,ROUNDDOWN($C1394/24,0)+1,1))-1)+IF('Standard Profiles'!$G$18=$B$10,7,0)+IF('Standard Profiles'!$G$18=$B$17,14,0)+IF('Standard Profiles'!$G$18=$B$24,21,0),MOD($C1394,24)+1)/SUM(INDEX($D$3:$AA$30,INDEX(Jesper!$R$2:$R$366,ROW(INDEX(Jesper!AH$2:AH$366,ROUNDDOWN($C1394/24,0)+1,1))-1)+IF('Standard Profiles'!$G$18=$B$10,7,0)+IF('Standard Profiles'!$G$18=$B$17,14,0)+IF('Standard Profiles'!$G$18=$B$24,21,0),0)),0)</f>
        <v>17.159627577672566</v>
      </c>
      <c r="E1394" cm="1">
        <f t="array" ref="E1394">IFERROR(INDEX(Jesper!AI$2:AI$366,ROUNDDOWN($C1394/24,0)+1,1)*INDEX($D$3:$AA$30,INDEX(Jesper!$R$2:$R$366,ROW(INDEX(Jesper!AI$2:AI$366,ROUNDDOWN($C1394/24,0)+1,1))-1)+IF('Standard Profiles'!$G$19=$B$10,7,0)+IF('Standard Profiles'!$G$19=$B$17,14,0)+IF('Standard Profiles'!$G$19=$B$24,21,0),MOD($C1394,24)+1)/SUM(INDEX($D$3:$AA$30,INDEX(Jesper!$R$2:$R$366,ROW(INDEX(Jesper!AI$2:AI$366,ROUNDDOWN($C1394/24,0)+1,1))-1)+IF('Standard Profiles'!$G$19=$B$10,7,0)+IF('Standard Profiles'!$G$19=$B$17,14,0)+IF('Standard Profiles'!$G$19=$B$24,21,0),0)),0)</f>
        <v>0</v>
      </c>
      <c r="F1394" cm="1">
        <f t="array" ref="F1394">IFERROR(INDEX(Jesper!AJ$2:AJ$366,ROUNDDOWN($C1394/24,0)+1,1)*INDEX($D$3:$AA$30,INDEX(Jesper!$R$2:$R$366,ROW(INDEX(Jesper!AJ$2:AJ$366,ROUNDDOWN($C1394/24,0)+1,1))-1)+IF('Standard Profiles'!$G$20=$B$10,7,0)+IF('Standard Profiles'!$G$20=$B$17,14,0)+IF('Standard Profiles'!$G$20=$B$24,21,0),MOD($C1394,24)+1)/SUM(INDEX($D$3:$AA$30,INDEX(Jesper!$R$2:$R$366,ROW(INDEX(Jesper!AJ$2:AJ$366,ROUNDDOWN($C1394/24,0)+1,1))-1)+IF('Standard Profiles'!$G$20=$B$10,7,0)+IF('Standard Profiles'!$G$20=$B$17,14,0)+IF('Standard Profiles'!$G$20=$B$24,21,0),0)),0)</f>
        <v>0</v>
      </c>
      <c r="G1394" cm="1">
        <f t="array" ref="G1394">IFERROR(INDEX(Jesper!AK$2:AK$366,ROUNDDOWN($C1394/24,0)+1,1)*INDEX($D$3:$AA$30,INDEX(Jesper!$R$2:$R$366,ROW(INDEX(Jesper!AK$2:AK$366,ROUNDDOWN($C1394/24,0)+1,1))-1)+IF('Standard Profiles'!$G$21=$B$10,7,0)+IF('Standard Profiles'!$G$21=$B$17,14,0)+IF('Standard Profiles'!$G$21=$B$24,21,0),MOD($C1394,24)+1)/SUM(INDEX($D$3:$AA$30,INDEX(Jesper!$R$2:$R$366,ROW(INDEX(Jesper!AK$2:AK$366,ROUNDDOWN($C1394/24,0)+1,1))-1)+IF('Standard Profiles'!$G$21=$B$10,7,0)+IF('Standard Profiles'!$G$21=$B$17,14,0)+IF('Standard Profiles'!$G$21=$B$24,21,0),0)),0)</f>
        <v>0</v>
      </c>
      <c r="H1394" cm="1">
        <f t="array" ref="H1394">IFERROR(INDEX(Jesper!AL$2:AL$366,ROUNDDOWN($C1394/24,0)+1,1)*INDEX($D$3:$AA$30,INDEX(Jesper!$R$2:$R$366,ROW(INDEX(Jesper!AL$2:AL$366,ROUNDDOWN($C1394/24,0)+1,1))-1)+IF('Standard Profiles'!$G$22=$B$10,7,0)+IF('Standard Profiles'!$G$22=$B$17,14,0)+IF('Standard Profiles'!$G$22=$B$24,21,0),MOD($C1394,24)+1)/SUM(INDEX($D$3:$AA$30,INDEX(Jesper!$R$2:$R$366,ROW(INDEX(Jesper!AL$2:AL$366,ROUNDDOWN($C1394/24,0)+1,1))-1)+IF('Standard Profiles'!$G$22=$B$10,7,0)+IF('Standard Profiles'!$G$22=$B$17,14,0)+IF('Standard Profiles'!$G$22=$B$24,21,0),0)),0)</f>
        <v>0</v>
      </c>
      <c r="I1394">
        <f t="shared" si="167"/>
        <v>0.51478882733017695</v>
      </c>
      <c r="J1394">
        <f t="shared" si="168"/>
        <v>1.7159627577672567</v>
      </c>
      <c r="K1394">
        <f t="shared" si="169"/>
        <v>2.5739441366508848</v>
      </c>
      <c r="L1394">
        <f t="shared" si="170"/>
        <v>12.354931855924248</v>
      </c>
      <c r="M1394">
        <f t="shared" si="171"/>
        <v>0</v>
      </c>
      <c r="N1394" s="46">
        <f t="shared" si="172"/>
        <v>45348.666666663368</v>
      </c>
    </row>
    <row r="1395" spans="2:14" x14ac:dyDescent="0.3">
      <c r="B1395">
        <f t="shared" si="166"/>
        <v>1</v>
      </c>
      <c r="C1395" s="16">
        <v>1361</v>
      </c>
      <c r="D1395" cm="1">
        <f t="array" ref="D1395">IFERROR(INDEX(Jesper!AH$2:AH$366,ROUNDDOWN($C1395/24,0)+1,1)*INDEX($D$3:$AA$30,INDEX(Jesper!$R$2:$R$366,ROW(INDEX(Jesper!AH$2:AH$366,ROUNDDOWN($C1395/24,0)+1,1))-1)+IF('Standard Profiles'!$G$18=$B$10,7,0)+IF('Standard Profiles'!$G$18=$B$17,14,0)+IF('Standard Profiles'!$G$18=$B$24,21,0),MOD($C1395,24)+1)/SUM(INDEX($D$3:$AA$30,INDEX(Jesper!$R$2:$R$366,ROW(INDEX(Jesper!AH$2:AH$366,ROUNDDOWN($C1395/24,0)+1,1))-1)+IF('Standard Profiles'!$G$18=$B$10,7,0)+IF('Standard Profiles'!$G$18=$B$17,14,0)+IF('Standard Profiles'!$G$18=$B$24,21,0),0)),0)</f>
        <v>17.159627577672566</v>
      </c>
      <c r="E1395" cm="1">
        <f t="array" ref="E1395">IFERROR(INDEX(Jesper!AI$2:AI$366,ROUNDDOWN($C1395/24,0)+1,1)*INDEX($D$3:$AA$30,INDEX(Jesper!$R$2:$R$366,ROW(INDEX(Jesper!AI$2:AI$366,ROUNDDOWN($C1395/24,0)+1,1))-1)+IF('Standard Profiles'!$G$19=$B$10,7,0)+IF('Standard Profiles'!$G$19=$B$17,14,0)+IF('Standard Profiles'!$G$19=$B$24,21,0),MOD($C1395,24)+1)/SUM(INDEX($D$3:$AA$30,INDEX(Jesper!$R$2:$R$366,ROW(INDEX(Jesper!AI$2:AI$366,ROUNDDOWN($C1395/24,0)+1,1))-1)+IF('Standard Profiles'!$G$19=$B$10,7,0)+IF('Standard Profiles'!$G$19=$B$17,14,0)+IF('Standard Profiles'!$G$19=$B$24,21,0),0)),0)</f>
        <v>0</v>
      </c>
      <c r="F1395" cm="1">
        <f t="array" ref="F1395">IFERROR(INDEX(Jesper!AJ$2:AJ$366,ROUNDDOWN($C1395/24,0)+1,1)*INDEX($D$3:$AA$30,INDEX(Jesper!$R$2:$R$366,ROW(INDEX(Jesper!AJ$2:AJ$366,ROUNDDOWN($C1395/24,0)+1,1))-1)+IF('Standard Profiles'!$G$20=$B$10,7,0)+IF('Standard Profiles'!$G$20=$B$17,14,0)+IF('Standard Profiles'!$G$20=$B$24,21,0),MOD($C1395,24)+1)/SUM(INDEX($D$3:$AA$30,INDEX(Jesper!$R$2:$R$366,ROW(INDEX(Jesper!AJ$2:AJ$366,ROUNDDOWN($C1395/24,0)+1,1))-1)+IF('Standard Profiles'!$G$20=$B$10,7,0)+IF('Standard Profiles'!$G$20=$B$17,14,0)+IF('Standard Profiles'!$G$20=$B$24,21,0),0)),0)</f>
        <v>0</v>
      </c>
      <c r="G1395" cm="1">
        <f t="array" ref="G1395">IFERROR(INDEX(Jesper!AK$2:AK$366,ROUNDDOWN($C1395/24,0)+1,1)*INDEX($D$3:$AA$30,INDEX(Jesper!$R$2:$R$366,ROW(INDEX(Jesper!AK$2:AK$366,ROUNDDOWN($C1395/24,0)+1,1))-1)+IF('Standard Profiles'!$G$21=$B$10,7,0)+IF('Standard Profiles'!$G$21=$B$17,14,0)+IF('Standard Profiles'!$G$21=$B$24,21,0),MOD($C1395,24)+1)/SUM(INDEX($D$3:$AA$30,INDEX(Jesper!$R$2:$R$366,ROW(INDEX(Jesper!AK$2:AK$366,ROUNDDOWN($C1395/24,0)+1,1))-1)+IF('Standard Profiles'!$G$21=$B$10,7,0)+IF('Standard Profiles'!$G$21=$B$17,14,0)+IF('Standard Profiles'!$G$21=$B$24,21,0),0)),0)</f>
        <v>0</v>
      </c>
      <c r="H1395" cm="1">
        <f t="array" ref="H1395">IFERROR(INDEX(Jesper!AL$2:AL$366,ROUNDDOWN($C1395/24,0)+1,1)*INDEX($D$3:$AA$30,INDEX(Jesper!$R$2:$R$366,ROW(INDEX(Jesper!AL$2:AL$366,ROUNDDOWN($C1395/24,0)+1,1))-1)+IF('Standard Profiles'!$G$22=$B$10,7,0)+IF('Standard Profiles'!$G$22=$B$17,14,0)+IF('Standard Profiles'!$G$22=$B$24,21,0),MOD($C1395,24)+1)/SUM(INDEX($D$3:$AA$30,INDEX(Jesper!$R$2:$R$366,ROW(INDEX(Jesper!AL$2:AL$366,ROUNDDOWN($C1395/24,0)+1,1))-1)+IF('Standard Profiles'!$G$22=$B$10,7,0)+IF('Standard Profiles'!$G$22=$B$17,14,0)+IF('Standard Profiles'!$G$22=$B$24,21,0),0)),0)</f>
        <v>0</v>
      </c>
      <c r="I1395">
        <f t="shared" si="167"/>
        <v>0.51478882733017695</v>
      </c>
      <c r="J1395">
        <f t="shared" si="168"/>
        <v>1.7159627577672567</v>
      </c>
      <c r="K1395">
        <f t="shared" si="169"/>
        <v>2.5739441366508848</v>
      </c>
      <c r="L1395">
        <f t="shared" si="170"/>
        <v>12.354931855924248</v>
      </c>
      <c r="M1395">
        <f t="shared" si="171"/>
        <v>0</v>
      </c>
      <c r="N1395" s="46">
        <f t="shared" si="172"/>
        <v>45348.708333330032</v>
      </c>
    </row>
    <row r="1396" spans="2:14" x14ac:dyDescent="0.3">
      <c r="B1396">
        <f t="shared" si="166"/>
        <v>1</v>
      </c>
      <c r="C1396" s="16">
        <v>1362</v>
      </c>
      <c r="D1396" cm="1">
        <f t="array" ref="D1396">IFERROR(INDEX(Jesper!AH$2:AH$366,ROUNDDOWN($C1396/24,0)+1,1)*INDEX($D$3:$AA$30,INDEX(Jesper!$R$2:$R$366,ROW(INDEX(Jesper!AH$2:AH$366,ROUNDDOWN($C1396/24,0)+1,1))-1)+IF('Standard Profiles'!$G$18=$B$10,7,0)+IF('Standard Profiles'!$G$18=$B$17,14,0)+IF('Standard Profiles'!$G$18=$B$24,21,0),MOD($C1396,24)+1)/SUM(INDEX($D$3:$AA$30,INDEX(Jesper!$R$2:$R$366,ROW(INDEX(Jesper!AH$2:AH$366,ROUNDDOWN($C1396/24,0)+1,1))-1)+IF('Standard Profiles'!$G$18=$B$10,7,0)+IF('Standard Profiles'!$G$18=$B$17,14,0)+IF('Standard Profiles'!$G$18=$B$24,21,0),0)),0)</f>
        <v>17.159627577672566</v>
      </c>
      <c r="E1396" cm="1">
        <f t="array" ref="E1396">IFERROR(INDEX(Jesper!AI$2:AI$366,ROUNDDOWN($C1396/24,0)+1,1)*INDEX($D$3:$AA$30,INDEX(Jesper!$R$2:$R$366,ROW(INDEX(Jesper!AI$2:AI$366,ROUNDDOWN($C1396/24,0)+1,1))-1)+IF('Standard Profiles'!$G$19=$B$10,7,0)+IF('Standard Profiles'!$G$19=$B$17,14,0)+IF('Standard Profiles'!$G$19=$B$24,21,0),MOD($C1396,24)+1)/SUM(INDEX($D$3:$AA$30,INDEX(Jesper!$R$2:$R$366,ROW(INDEX(Jesper!AI$2:AI$366,ROUNDDOWN($C1396/24,0)+1,1))-1)+IF('Standard Profiles'!$G$19=$B$10,7,0)+IF('Standard Profiles'!$G$19=$B$17,14,0)+IF('Standard Profiles'!$G$19=$B$24,21,0),0)),0)</f>
        <v>0</v>
      </c>
      <c r="F1396" cm="1">
        <f t="array" ref="F1396">IFERROR(INDEX(Jesper!AJ$2:AJ$366,ROUNDDOWN($C1396/24,0)+1,1)*INDEX($D$3:$AA$30,INDEX(Jesper!$R$2:$R$366,ROW(INDEX(Jesper!AJ$2:AJ$366,ROUNDDOWN($C1396/24,0)+1,1))-1)+IF('Standard Profiles'!$G$20=$B$10,7,0)+IF('Standard Profiles'!$G$20=$B$17,14,0)+IF('Standard Profiles'!$G$20=$B$24,21,0),MOD($C1396,24)+1)/SUM(INDEX($D$3:$AA$30,INDEX(Jesper!$R$2:$R$366,ROW(INDEX(Jesper!AJ$2:AJ$366,ROUNDDOWN($C1396/24,0)+1,1))-1)+IF('Standard Profiles'!$G$20=$B$10,7,0)+IF('Standard Profiles'!$G$20=$B$17,14,0)+IF('Standard Profiles'!$G$20=$B$24,21,0),0)),0)</f>
        <v>0</v>
      </c>
      <c r="G1396" cm="1">
        <f t="array" ref="G1396">IFERROR(INDEX(Jesper!AK$2:AK$366,ROUNDDOWN($C1396/24,0)+1,1)*INDEX($D$3:$AA$30,INDEX(Jesper!$R$2:$R$366,ROW(INDEX(Jesper!AK$2:AK$366,ROUNDDOWN($C1396/24,0)+1,1))-1)+IF('Standard Profiles'!$G$21=$B$10,7,0)+IF('Standard Profiles'!$G$21=$B$17,14,0)+IF('Standard Profiles'!$G$21=$B$24,21,0),MOD($C1396,24)+1)/SUM(INDEX($D$3:$AA$30,INDEX(Jesper!$R$2:$R$366,ROW(INDEX(Jesper!AK$2:AK$366,ROUNDDOWN($C1396/24,0)+1,1))-1)+IF('Standard Profiles'!$G$21=$B$10,7,0)+IF('Standard Profiles'!$G$21=$B$17,14,0)+IF('Standard Profiles'!$G$21=$B$24,21,0),0)),0)</f>
        <v>0</v>
      </c>
      <c r="H1396" cm="1">
        <f t="array" ref="H1396">IFERROR(INDEX(Jesper!AL$2:AL$366,ROUNDDOWN($C1396/24,0)+1,1)*INDEX($D$3:$AA$30,INDEX(Jesper!$R$2:$R$366,ROW(INDEX(Jesper!AL$2:AL$366,ROUNDDOWN($C1396/24,0)+1,1))-1)+IF('Standard Profiles'!$G$22=$B$10,7,0)+IF('Standard Profiles'!$G$22=$B$17,14,0)+IF('Standard Profiles'!$G$22=$B$24,21,0),MOD($C1396,24)+1)/SUM(INDEX($D$3:$AA$30,INDEX(Jesper!$R$2:$R$366,ROW(INDEX(Jesper!AL$2:AL$366,ROUNDDOWN($C1396/24,0)+1,1))-1)+IF('Standard Profiles'!$G$22=$B$10,7,0)+IF('Standard Profiles'!$G$22=$B$17,14,0)+IF('Standard Profiles'!$G$22=$B$24,21,0),0)),0)</f>
        <v>0</v>
      </c>
      <c r="I1396">
        <f t="shared" si="167"/>
        <v>0.51478882733017695</v>
      </c>
      <c r="J1396">
        <f t="shared" si="168"/>
        <v>1.7159627577672567</v>
      </c>
      <c r="K1396">
        <f t="shared" si="169"/>
        <v>2.5739441366508848</v>
      </c>
      <c r="L1396">
        <f t="shared" si="170"/>
        <v>12.354931855924248</v>
      </c>
      <c r="M1396">
        <f t="shared" si="171"/>
        <v>0</v>
      </c>
      <c r="N1396" s="46">
        <f t="shared" si="172"/>
        <v>45348.749999996697</v>
      </c>
    </row>
    <row r="1397" spans="2:14" x14ac:dyDescent="0.3">
      <c r="B1397">
        <f t="shared" si="166"/>
        <v>1</v>
      </c>
      <c r="C1397" s="16">
        <v>1363</v>
      </c>
      <c r="D1397" cm="1">
        <f t="array" ref="D1397">IFERROR(INDEX(Jesper!AH$2:AH$366,ROUNDDOWN($C1397/24,0)+1,1)*INDEX($D$3:$AA$30,INDEX(Jesper!$R$2:$R$366,ROW(INDEX(Jesper!AH$2:AH$366,ROUNDDOWN($C1397/24,0)+1,1))-1)+IF('Standard Profiles'!$G$18=$B$10,7,0)+IF('Standard Profiles'!$G$18=$B$17,14,0)+IF('Standard Profiles'!$G$18=$B$24,21,0),MOD($C1397,24)+1)/SUM(INDEX($D$3:$AA$30,INDEX(Jesper!$R$2:$R$366,ROW(INDEX(Jesper!AH$2:AH$366,ROUNDDOWN($C1397/24,0)+1,1))-1)+IF('Standard Profiles'!$G$18=$B$10,7,0)+IF('Standard Profiles'!$G$18=$B$17,14,0)+IF('Standard Profiles'!$G$18=$B$24,21,0),0)),0)</f>
        <v>14.371188096300775</v>
      </c>
      <c r="E1397" cm="1">
        <f t="array" ref="E1397">IFERROR(INDEX(Jesper!AI$2:AI$366,ROUNDDOWN($C1397/24,0)+1,1)*INDEX($D$3:$AA$30,INDEX(Jesper!$R$2:$R$366,ROW(INDEX(Jesper!AI$2:AI$366,ROUNDDOWN($C1397/24,0)+1,1))-1)+IF('Standard Profiles'!$G$19=$B$10,7,0)+IF('Standard Profiles'!$G$19=$B$17,14,0)+IF('Standard Profiles'!$G$19=$B$24,21,0),MOD($C1397,24)+1)/SUM(INDEX($D$3:$AA$30,INDEX(Jesper!$R$2:$R$366,ROW(INDEX(Jesper!AI$2:AI$366,ROUNDDOWN($C1397/24,0)+1,1))-1)+IF('Standard Profiles'!$G$19=$B$10,7,0)+IF('Standard Profiles'!$G$19=$B$17,14,0)+IF('Standard Profiles'!$G$19=$B$24,21,0),0)),0)</f>
        <v>0</v>
      </c>
      <c r="F1397" cm="1">
        <f t="array" ref="F1397">IFERROR(INDEX(Jesper!AJ$2:AJ$366,ROUNDDOWN($C1397/24,0)+1,1)*INDEX($D$3:$AA$30,INDEX(Jesper!$R$2:$R$366,ROW(INDEX(Jesper!AJ$2:AJ$366,ROUNDDOWN($C1397/24,0)+1,1))-1)+IF('Standard Profiles'!$G$20=$B$10,7,0)+IF('Standard Profiles'!$G$20=$B$17,14,0)+IF('Standard Profiles'!$G$20=$B$24,21,0),MOD($C1397,24)+1)/SUM(INDEX($D$3:$AA$30,INDEX(Jesper!$R$2:$R$366,ROW(INDEX(Jesper!AJ$2:AJ$366,ROUNDDOWN($C1397/24,0)+1,1))-1)+IF('Standard Profiles'!$G$20=$B$10,7,0)+IF('Standard Profiles'!$G$20=$B$17,14,0)+IF('Standard Profiles'!$G$20=$B$24,21,0),0)),0)</f>
        <v>0</v>
      </c>
      <c r="G1397" cm="1">
        <f t="array" ref="G1397">IFERROR(INDEX(Jesper!AK$2:AK$366,ROUNDDOWN($C1397/24,0)+1,1)*INDEX($D$3:$AA$30,INDEX(Jesper!$R$2:$R$366,ROW(INDEX(Jesper!AK$2:AK$366,ROUNDDOWN($C1397/24,0)+1,1))-1)+IF('Standard Profiles'!$G$21=$B$10,7,0)+IF('Standard Profiles'!$G$21=$B$17,14,0)+IF('Standard Profiles'!$G$21=$B$24,21,0),MOD($C1397,24)+1)/SUM(INDEX($D$3:$AA$30,INDEX(Jesper!$R$2:$R$366,ROW(INDEX(Jesper!AK$2:AK$366,ROUNDDOWN($C1397/24,0)+1,1))-1)+IF('Standard Profiles'!$G$21=$B$10,7,0)+IF('Standard Profiles'!$G$21=$B$17,14,0)+IF('Standard Profiles'!$G$21=$B$24,21,0),0)),0)</f>
        <v>0</v>
      </c>
      <c r="H1397" cm="1">
        <f t="array" ref="H1397">IFERROR(INDEX(Jesper!AL$2:AL$366,ROUNDDOWN($C1397/24,0)+1,1)*INDEX($D$3:$AA$30,INDEX(Jesper!$R$2:$R$366,ROW(INDEX(Jesper!AL$2:AL$366,ROUNDDOWN($C1397/24,0)+1,1))-1)+IF('Standard Profiles'!$G$22=$B$10,7,0)+IF('Standard Profiles'!$G$22=$B$17,14,0)+IF('Standard Profiles'!$G$22=$B$24,21,0),MOD($C1397,24)+1)/SUM(INDEX($D$3:$AA$30,INDEX(Jesper!$R$2:$R$366,ROW(INDEX(Jesper!AL$2:AL$366,ROUNDDOWN($C1397/24,0)+1,1))-1)+IF('Standard Profiles'!$G$22=$B$10,7,0)+IF('Standard Profiles'!$G$22=$B$17,14,0)+IF('Standard Profiles'!$G$22=$B$24,21,0),0)),0)</f>
        <v>0</v>
      </c>
      <c r="I1397">
        <f t="shared" si="167"/>
        <v>0.43113564288902323</v>
      </c>
      <c r="J1397">
        <f t="shared" si="168"/>
        <v>1.4371188096300775</v>
      </c>
      <c r="K1397">
        <f t="shared" si="169"/>
        <v>2.1556782144451163</v>
      </c>
      <c r="L1397">
        <f t="shared" si="170"/>
        <v>10.347255429336558</v>
      </c>
      <c r="M1397">
        <f t="shared" si="171"/>
        <v>0</v>
      </c>
      <c r="N1397" s="46">
        <f t="shared" si="172"/>
        <v>45348.791666663361</v>
      </c>
    </row>
    <row r="1398" spans="2:14" x14ac:dyDescent="0.3">
      <c r="B1398">
        <f t="shared" si="166"/>
        <v>1</v>
      </c>
      <c r="C1398" s="16">
        <v>1364</v>
      </c>
      <c r="D1398" cm="1">
        <f t="array" ref="D1398">IFERROR(INDEX(Jesper!AH$2:AH$366,ROUNDDOWN($C1398/24,0)+1,1)*INDEX($D$3:$AA$30,INDEX(Jesper!$R$2:$R$366,ROW(INDEX(Jesper!AH$2:AH$366,ROUNDDOWN($C1398/24,0)+1,1))-1)+IF('Standard Profiles'!$G$18=$B$10,7,0)+IF('Standard Profiles'!$G$18=$B$17,14,0)+IF('Standard Profiles'!$G$18=$B$24,21,0),MOD($C1398,24)+1)/SUM(INDEX($D$3:$AA$30,INDEX(Jesper!$R$2:$R$366,ROW(INDEX(Jesper!AH$2:AH$366,ROUNDDOWN($C1398/24,0)+1,1))-1)+IF('Standard Profiles'!$G$18=$B$10,7,0)+IF('Standard Profiles'!$G$18=$B$17,14,0)+IF('Standard Profiles'!$G$18=$B$24,21,0),0)),0)</f>
        <v>11.79724395964989</v>
      </c>
      <c r="E1398" cm="1">
        <f t="array" ref="E1398">IFERROR(INDEX(Jesper!AI$2:AI$366,ROUNDDOWN($C1398/24,0)+1,1)*INDEX($D$3:$AA$30,INDEX(Jesper!$R$2:$R$366,ROW(INDEX(Jesper!AI$2:AI$366,ROUNDDOWN($C1398/24,0)+1,1))-1)+IF('Standard Profiles'!$G$19=$B$10,7,0)+IF('Standard Profiles'!$G$19=$B$17,14,0)+IF('Standard Profiles'!$G$19=$B$24,21,0),MOD($C1398,24)+1)/SUM(INDEX($D$3:$AA$30,INDEX(Jesper!$R$2:$R$366,ROW(INDEX(Jesper!AI$2:AI$366,ROUNDDOWN($C1398/24,0)+1,1))-1)+IF('Standard Profiles'!$G$19=$B$10,7,0)+IF('Standard Profiles'!$G$19=$B$17,14,0)+IF('Standard Profiles'!$G$19=$B$24,21,0),0)),0)</f>
        <v>0</v>
      </c>
      <c r="F1398" cm="1">
        <f t="array" ref="F1398">IFERROR(INDEX(Jesper!AJ$2:AJ$366,ROUNDDOWN($C1398/24,0)+1,1)*INDEX($D$3:$AA$30,INDEX(Jesper!$R$2:$R$366,ROW(INDEX(Jesper!AJ$2:AJ$366,ROUNDDOWN($C1398/24,0)+1,1))-1)+IF('Standard Profiles'!$G$20=$B$10,7,0)+IF('Standard Profiles'!$G$20=$B$17,14,0)+IF('Standard Profiles'!$G$20=$B$24,21,0),MOD($C1398,24)+1)/SUM(INDEX($D$3:$AA$30,INDEX(Jesper!$R$2:$R$366,ROW(INDEX(Jesper!AJ$2:AJ$366,ROUNDDOWN($C1398/24,0)+1,1))-1)+IF('Standard Profiles'!$G$20=$B$10,7,0)+IF('Standard Profiles'!$G$20=$B$17,14,0)+IF('Standard Profiles'!$G$20=$B$24,21,0),0)),0)</f>
        <v>0</v>
      </c>
      <c r="G1398" cm="1">
        <f t="array" ref="G1398">IFERROR(INDEX(Jesper!AK$2:AK$366,ROUNDDOWN($C1398/24,0)+1,1)*INDEX($D$3:$AA$30,INDEX(Jesper!$R$2:$R$366,ROW(INDEX(Jesper!AK$2:AK$366,ROUNDDOWN($C1398/24,0)+1,1))-1)+IF('Standard Profiles'!$G$21=$B$10,7,0)+IF('Standard Profiles'!$G$21=$B$17,14,0)+IF('Standard Profiles'!$G$21=$B$24,21,0),MOD($C1398,24)+1)/SUM(INDEX($D$3:$AA$30,INDEX(Jesper!$R$2:$R$366,ROW(INDEX(Jesper!AK$2:AK$366,ROUNDDOWN($C1398/24,0)+1,1))-1)+IF('Standard Profiles'!$G$21=$B$10,7,0)+IF('Standard Profiles'!$G$21=$B$17,14,0)+IF('Standard Profiles'!$G$21=$B$24,21,0),0)),0)</f>
        <v>0</v>
      </c>
      <c r="H1398" cm="1">
        <f t="array" ref="H1398">IFERROR(INDEX(Jesper!AL$2:AL$366,ROUNDDOWN($C1398/24,0)+1,1)*INDEX($D$3:$AA$30,INDEX(Jesper!$R$2:$R$366,ROW(INDEX(Jesper!AL$2:AL$366,ROUNDDOWN($C1398/24,0)+1,1))-1)+IF('Standard Profiles'!$G$22=$B$10,7,0)+IF('Standard Profiles'!$G$22=$B$17,14,0)+IF('Standard Profiles'!$G$22=$B$24,21,0),MOD($C1398,24)+1)/SUM(INDEX($D$3:$AA$30,INDEX(Jesper!$R$2:$R$366,ROW(INDEX(Jesper!AL$2:AL$366,ROUNDDOWN($C1398/24,0)+1,1))-1)+IF('Standard Profiles'!$G$22=$B$10,7,0)+IF('Standard Profiles'!$G$22=$B$17,14,0)+IF('Standard Profiles'!$G$22=$B$24,21,0),0)),0)</f>
        <v>0</v>
      </c>
      <c r="I1398">
        <f t="shared" si="167"/>
        <v>0.35391731878949667</v>
      </c>
      <c r="J1398">
        <f t="shared" si="168"/>
        <v>1.179724395964989</v>
      </c>
      <c r="K1398">
        <f t="shared" si="169"/>
        <v>1.7695865939474835</v>
      </c>
      <c r="L1398">
        <f t="shared" si="170"/>
        <v>8.4940156509479205</v>
      </c>
      <c r="M1398">
        <f t="shared" si="171"/>
        <v>0</v>
      </c>
      <c r="N1398" s="46">
        <f t="shared" si="172"/>
        <v>45348.833333330025</v>
      </c>
    </row>
    <row r="1399" spans="2:14" x14ac:dyDescent="0.3">
      <c r="B1399">
        <f t="shared" si="166"/>
        <v>1</v>
      </c>
      <c r="C1399" s="16">
        <v>1365</v>
      </c>
      <c r="D1399" cm="1">
        <f t="array" ref="D1399">IFERROR(INDEX(Jesper!AH$2:AH$366,ROUNDDOWN($C1399/24,0)+1,1)*INDEX($D$3:$AA$30,INDEX(Jesper!$R$2:$R$366,ROW(INDEX(Jesper!AH$2:AH$366,ROUNDDOWN($C1399/24,0)+1,1))-1)+IF('Standard Profiles'!$G$18=$B$10,7,0)+IF('Standard Profiles'!$G$18=$B$17,14,0)+IF('Standard Profiles'!$G$18=$B$24,21,0),MOD($C1399,24)+1)/SUM(INDEX($D$3:$AA$30,INDEX(Jesper!$R$2:$R$366,ROW(INDEX(Jesper!AH$2:AH$366,ROUNDDOWN($C1399/24,0)+1,1))-1)+IF('Standard Profiles'!$G$18=$B$10,7,0)+IF('Standard Profiles'!$G$18=$B$17,14,0)+IF('Standard Profiles'!$G$18=$B$24,21,0),0)),0)</f>
        <v>8.5798137888362831</v>
      </c>
      <c r="E1399" cm="1">
        <f t="array" ref="E1399">IFERROR(INDEX(Jesper!AI$2:AI$366,ROUNDDOWN($C1399/24,0)+1,1)*INDEX($D$3:$AA$30,INDEX(Jesper!$R$2:$R$366,ROW(INDEX(Jesper!AI$2:AI$366,ROUNDDOWN($C1399/24,0)+1,1))-1)+IF('Standard Profiles'!$G$19=$B$10,7,0)+IF('Standard Profiles'!$G$19=$B$17,14,0)+IF('Standard Profiles'!$G$19=$B$24,21,0),MOD($C1399,24)+1)/SUM(INDEX($D$3:$AA$30,INDEX(Jesper!$R$2:$R$366,ROW(INDEX(Jesper!AI$2:AI$366,ROUNDDOWN($C1399/24,0)+1,1))-1)+IF('Standard Profiles'!$G$19=$B$10,7,0)+IF('Standard Profiles'!$G$19=$B$17,14,0)+IF('Standard Profiles'!$G$19=$B$24,21,0),0)),0)</f>
        <v>0</v>
      </c>
      <c r="F1399" cm="1">
        <f t="array" ref="F1399">IFERROR(INDEX(Jesper!AJ$2:AJ$366,ROUNDDOWN($C1399/24,0)+1,1)*INDEX($D$3:$AA$30,INDEX(Jesper!$R$2:$R$366,ROW(INDEX(Jesper!AJ$2:AJ$366,ROUNDDOWN($C1399/24,0)+1,1))-1)+IF('Standard Profiles'!$G$20=$B$10,7,0)+IF('Standard Profiles'!$G$20=$B$17,14,0)+IF('Standard Profiles'!$G$20=$B$24,21,0),MOD($C1399,24)+1)/SUM(INDEX($D$3:$AA$30,INDEX(Jesper!$R$2:$R$366,ROW(INDEX(Jesper!AJ$2:AJ$366,ROUNDDOWN($C1399/24,0)+1,1))-1)+IF('Standard Profiles'!$G$20=$B$10,7,0)+IF('Standard Profiles'!$G$20=$B$17,14,0)+IF('Standard Profiles'!$G$20=$B$24,21,0),0)),0)</f>
        <v>0</v>
      </c>
      <c r="G1399" cm="1">
        <f t="array" ref="G1399">IFERROR(INDEX(Jesper!AK$2:AK$366,ROUNDDOWN($C1399/24,0)+1,1)*INDEX($D$3:$AA$30,INDEX(Jesper!$R$2:$R$366,ROW(INDEX(Jesper!AK$2:AK$366,ROUNDDOWN($C1399/24,0)+1,1))-1)+IF('Standard Profiles'!$G$21=$B$10,7,0)+IF('Standard Profiles'!$G$21=$B$17,14,0)+IF('Standard Profiles'!$G$21=$B$24,21,0),MOD($C1399,24)+1)/SUM(INDEX($D$3:$AA$30,INDEX(Jesper!$R$2:$R$366,ROW(INDEX(Jesper!AK$2:AK$366,ROUNDDOWN($C1399/24,0)+1,1))-1)+IF('Standard Profiles'!$G$21=$B$10,7,0)+IF('Standard Profiles'!$G$21=$B$17,14,0)+IF('Standard Profiles'!$G$21=$B$24,21,0),0)),0)</f>
        <v>0</v>
      </c>
      <c r="H1399" cm="1">
        <f t="array" ref="H1399">IFERROR(INDEX(Jesper!AL$2:AL$366,ROUNDDOWN($C1399/24,0)+1,1)*INDEX($D$3:$AA$30,INDEX(Jesper!$R$2:$R$366,ROW(INDEX(Jesper!AL$2:AL$366,ROUNDDOWN($C1399/24,0)+1,1))-1)+IF('Standard Profiles'!$G$22=$B$10,7,0)+IF('Standard Profiles'!$G$22=$B$17,14,0)+IF('Standard Profiles'!$G$22=$B$24,21,0),MOD($C1399,24)+1)/SUM(INDEX($D$3:$AA$30,INDEX(Jesper!$R$2:$R$366,ROW(INDEX(Jesper!AL$2:AL$366,ROUNDDOWN($C1399/24,0)+1,1))-1)+IF('Standard Profiles'!$G$22=$B$10,7,0)+IF('Standard Profiles'!$G$22=$B$17,14,0)+IF('Standard Profiles'!$G$22=$B$24,21,0),0)),0)</f>
        <v>0</v>
      </c>
      <c r="I1399">
        <f t="shared" si="167"/>
        <v>0.25739441366508847</v>
      </c>
      <c r="J1399">
        <f t="shared" si="168"/>
        <v>0.85798137888362835</v>
      </c>
      <c r="K1399">
        <f t="shared" si="169"/>
        <v>1.2869720683254424</v>
      </c>
      <c r="L1399">
        <f t="shared" si="170"/>
        <v>6.1774659279621238</v>
      </c>
      <c r="M1399">
        <f t="shared" si="171"/>
        <v>0</v>
      </c>
      <c r="N1399" s="46">
        <f t="shared" si="172"/>
        <v>45348.874999996689</v>
      </c>
    </row>
    <row r="1400" spans="2:14" x14ac:dyDescent="0.3">
      <c r="B1400">
        <f t="shared" si="166"/>
        <v>1</v>
      </c>
      <c r="C1400" s="16">
        <v>1366</v>
      </c>
      <c r="D1400" cm="1">
        <f t="array" ref="D1400">IFERROR(INDEX(Jesper!AH$2:AH$366,ROUNDDOWN($C1400/24,0)+1,1)*INDEX($D$3:$AA$30,INDEX(Jesper!$R$2:$R$366,ROW(INDEX(Jesper!AH$2:AH$366,ROUNDDOWN($C1400/24,0)+1,1))-1)+IF('Standard Profiles'!$G$18=$B$10,7,0)+IF('Standard Profiles'!$G$18=$B$17,14,0)+IF('Standard Profiles'!$G$18=$B$24,21,0),MOD($C1400,24)+1)/SUM(INDEX($D$3:$AA$30,INDEX(Jesper!$R$2:$R$366,ROW(INDEX(Jesper!AH$2:AH$366,ROUNDDOWN($C1400/24,0)+1,1))-1)+IF('Standard Profiles'!$G$18=$B$10,7,0)+IF('Standard Profiles'!$G$18=$B$17,14,0)+IF('Standard Profiles'!$G$18=$B$24,21,0),0)),0)</f>
        <v>8.1508230993944686</v>
      </c>
      <c r="E1400" cm="1">
        <f t="array" ref="E1400">IFERROR(INDEX(Jesper!AI$2:AI$366,ROUNDDOWN($C1400/24,0)+1,1)*INDEX($D$3:$AA$30,INDEX(Jesper!$R$2:$R$366,ROW(INDEX(Jesper!AI$2:AI$366,ROUNDDOWN($C1400/24,0)+1,1))-1)+IF('Standard Profiles'!$G$19=$B$10,7,0)+IF('Standard Profiles'!$G$19=$B$17,14,0)+IF('Standard Profiles'!$G$19=$B$24,21,0),MOD($C1400,24)+1)/SUM(INDEX($D$3:$AA$30,INDEX(Jesper!$R$2:$R$366,ROW(INDEX(Jesper!AI$2:AI$366,ROUNDDOWN($C1400/24,0)+1,1))-1)+IF('Standard Profiles'!$G$19=$B$10,7,0)+IF('Standard Profiles'!$G$19=$B$17,14,0)+IF('Standard Profiles'!$G$19=$B$24,21,0),0)),0)</f>
        <v>0</v>
      </c>
      <c r="F1400" cm="1">
        <f t="array" ref="F1400">IFERROR(INDEX(Jesper!AJ$2:AJ$366,ROUNDDOWN($C1400/24,0)+1,1)*INDEX($D$3:$AA$30,INDEX(Jesper!$R$2:$R$366,ROW(INDEX(Jesper!AJ$2:AJ$366,ROUNDDOWN($C1400/24,0)+1,1))-1)+IF('Standard Profiles'!$G$20=$B$10,7,0)+IF('Standard Profiles'!$G$20=$B$17,14,0)+IF('Standard Profiles'!$G$20=$B$24,21,0),MOD($C1400,24)+1)/SUM(INDEX($D$3:$AA$30,INDEX(Jesper!$R$2:$R$366,ROW(INDEX(Jesper!AJ$2:AJ$366,ROUNDDOWN($C1400/24,0)+1,1))-1)+IF('Standard Profiles'!$G$20=$B$10,7,0)+IF('Standard Profiles'!$G$20=$B$17,14,0)+IF('Standard Profiles'!$G$20=$B$24,21,0),0)),0)</f>
        <v>0</v>
      </c>
      <c r="G1400" cm="1">
        <f t="array" ref="G1400">IFERROR(INDEX(Jesper!AK$2:AK$366,ROUNDDOWN($C1400/24,0)+1,1)*INDEX($D$3:$AA$30,INDEX(Jesper!$R$2:$R$366,ROW(INDEX(Jesper!AK$2:AK$366,ROUNDDOWN($C1400/24,0)+1,1))-1)+IF('Standard Profiles'!$G$21=$B$10,7,0)+IF('Standard Profiles'!$G$21=$B$17,14,0)+IF('Standard Profiles'!$G$21=$B$24,21,0),MOD($C1400,24)+1)/SUM(INDEX($D$3:$AA$30,INDEX(Jesper!$R$2:$R$366,ROW(INDEX(Jesper!AK$2:AK$366,ROUNDDOWN($C1400/24,0)+1,1))-1)+IF('Standard Profiles'!$G$21=$B$10,7,0)+IF('Standard Profiles'!$G$21=$B$17,14,0)+IF('Standard Profiles'!$G$21=$B$24,21,0),0)),0)</f>
        <v>0</v>
      </c>
      <c r="H1400" cm="1">
        <f t="array" ref="H1400">IFERROR(INDEX(Jesper!AL$2:AL$366,ROUNDDOWN($C1400/24,0)+1,1)*INDEX($D$3:$AA$30,INDEX(Jesper!$R$2:$R$366,ROW(INDEX(Jesper!AL$2:AL$366,ROUNDDOWN($C1400/24,0)+1,1))-1)+IF('Standard Profiles'!$G$22=$B$10,7,0)+IF('Standard Profiles'!$G$22=$B$17,14,0)+IF('Standard Profiles'!$G$22=$B$24,21,0),MOD($C1400,24)+1)/SUM(INDEX($D$3:$AA$30,INDEX(Jesper!$R$2:$R$366,ROW(INDEX(Jesper!AL$2:AL$366,ROUNDDOWN($C1400/24,0)+1,1))-1)+IF('Standard Profiles'!$G$22=$B$10,7,0)+IF('Standard Profiles'!$G$22=$B$17,14,0)+IF('Standard Profiles'!$G$22=$B$24,21,0),0)),0)</f>
        <v>0</v>
      </c>
      <c r="I1400">
        <f t="shared" si="167"/>
        <v>0.24452469298183405</v>
      </c>
      <c r="J1400">
        <f t="shared" si="168"/>
        <v>0.81508230993944686</v>
      </c>
      <c r="K1400">
        <f t="shared" si="169"/>
        <v>1.2226234649091703</v>
      </c>
      <c r="L1400">
        <f t="shared" si="170"/>
        <v>5.8685926315640176</v>
      </c>
      <c r="M1400">
        <f t="shared" si="171"/>
        <v>0</v>
      </c>
      <c r="N1400" s="46">
        <f t="shared" si="172"/>
        <v>45348.916666663354</v>
      </c>
    </row>
    <row r="1401" spans="2:14" x14ac:dyDescent="0.3">
      <c r="B1401">
        <f t="shared" si="166"/>
        <v>1</v>
      </c>
      <c r="C1401" s="16">
        <v>1367</v>
      </c>
      <c r="D1401" cm="1">
        <f t="array" ref="D1401">IFERROR(INDEX(Jesper!AH$2:AH$366,ROUNDDOWN($C1401/24,0)+1,1)*INDEX($D$3:$AA$30,INDEX(Jesper!$R$2:$R$366,ROW(INDEX(Jesper!AH$2:AH$366,ROUNDDOWN($C1401/24,0)+1,1))-1)+IF('Standard Profiles'!$G$18=$B$10,7,0)+IF('Standard Profiles'!$G$18=$B$17,14,0)+IF('Standard Profiles'!$G$18=$B$24,21,0),MOD($C1401,24)+1)/SUM(INDEX($D$3:$AA$30,INDEX(Jesper!$R$2:$R$366,ROW(INDEX(Jesper!AH$2:AH$366,ROUNDDOWN($C1401/24,0)+1,1))-1)+IF('Standard Profiles'!$G$18=$B$10,7,0)+IF('Standard Profiles'!$G$18=$B$17,14,0)+IF('Standard Profiles'!$G$18=$B$24,21,0),0)),0)</f>
        <v>8.1508230993944686</v>
      </c>
      <c r="E1401" cm="1">
        <f t="array" ref="E1401">IFERROR(INDEX(Jesper!AI$2:AI$366,ROUNDDOWN($C1401/24,0)+1,1)*INDEX($D$3:$AA$30,INDEX(Jesper!$R$2:$R$366,ROW(INDEX(Jesper!AI$2:AI$366,ROUNDDOWN($C1401/24,0)+1,1))-1)+IF('Standard Profiles'!$G$19=$B$10,7,0)+IF('Standard Profiles'!$G$19=$B$17,14,0)+IF('Standard Profiles'!$G$19=$B$24,21,0),MOD($C1401,24)+1)/SUM(INDEX($D$3:$AA$30,INDEX(Jesper!$R$2:$R$366,ROW(INDEX(Jesper!AI$2:AI$366,ROUNDDOWN($C1401/24,0)+1,1))-1)+IF('Standard Profiles'!$G$19=$B$10,7,0)+IF('Standard Profiles'!$G$19=$B$17,14,0)+IF('Standard Profiles'!$G$19=$B$24,21,0),0)),0)</f>
        <v>0</v>
      </c>
      <c r="F1401" cm="1">
        <f t="array" ref="F1401">IFERROR(INDEX(Jesper!AJ$2:AJ$366,ROUNDDOWN($C1401/24,0)+1,1)*INDEX($D$3:$AA$30,INDEX(Jesper!$R$2:$R$366,ROW(INDEX(Jesper!AJ$2:AJ$366,ROUNDDOWN($C1401/24,0)+1,1))-1)+IF('Standard Profiles'!$G$20=$B$10,7,0)+IF('Standard Profiles'!$G$20=$B$17,14,0)+IF('Standard Profiles'!$G$20=$B$24,21,0),MOD($C1401,24)+1)/SUM(INDEX($D$3:$AA$30,INDEX(Jesper!$R$2:$R$366,ROW(INDEX(Jesper!AJ$2:AJ$366,ROUNDDOWN($C1401/24,0)+1,1))-1)+IF('Standard Profiles'!$G$20=$B$10,7,0)+IF('Standard Profiles'!$G$20=$B$17,14,0)+IF('Standard Profiles'!$G$20=$B$24,21,0),0)),0)</f>
        <v>0</v>
      </c>
      <c r="G1401" cm="1">
        <f t="array" ref="G1401">IFERROR(INDEX(Jesper!AK$2:AK$366,ROUNDDOWN($C1401/24,0)+1,1)*INDEX($D$3:$AA$30,INDEX(Jesper!$R$2:$R$366,ROW(INDEX(Jesper!AK$2:AK$366,ROUNDDOWN($C1401/24,0)+1,1))-1)+IF('Standard Profiles'!$G$21=$B$10,7,0)+IF('Standard Profiles'!$G$21=$B$17,14,0)+IF('Standard Profiles'!$G$21=$B$24,21,0),MOD($C1401,24)+1)/SUM(INDEX($D$3:$AA$30,INDEX(Jesper!$R$2:$R$366,ROW(INDEX(Jesper!AK$2:AK$366,ROUNDDOWN($C1401/24,0)+1,1))-1)+IF('Standard Profiles'!$G$21=$B$10,7,0)+IF('Standard Profiles'!$G$21=$B$17,14,0)+IF('Standard Profiles'!$G$21=$B$24,21,0),0)),0)</f>
        <v>0</v>
      </c>
      <c r="H1401" cm="1">
        <f t="array" ref="H1401">IFERROR(INDEX(Jesper!AL$2:AL$366,ROUNDDOWN($C1401/24,0)+1,1)*INDEX($D$3:$AA$30,INDEX(Jesper!$R$2:$R$366,ROW(INDEX(Jesper!AL$2:AL$366,ROUNDDOWN($C1401/24,0)+1,1))-1)+IF('Standard Profiles'!$G$22=$B$10,7,0)+IF('Standard Profiles'!$G$22=$B$17,14,0)+IF('Standard Profiles'!$G$22=$B$24,21,0),MOD($C1401,24)+1)/SUM(INDEX($D$3:$AA$30,INDEX(Jesper!$R$2:$R$366,ROW(INDEX(Jesper!AL$2:AL$366,ROUNDDOWN($C1401/24,0)+1,1))-1)+IF('Standard Profiles'!$G$22=$B$10,7,0)+IF('Standard Profiles'!$G$22=$B$17,14,0)+IF('Standard Profiles'!$G$22=$B$24,21,0),0)),0)</f>
        <v>0</v>
      </c>
      <c r="I1401">
        <f t="shared" si="167"/>
        <v>0.24452469298183405</v>
      </c>
      <c r="J1401">
        <f t="shared" si="168"/>
        <v>0.81508230993944686</v>
      </c>
      <c r="K1401">
        <f t="shared" si="169"/>
        <v>1.2226234649091703</v>
      </c>
      <c r="L1401">
        <f t="shared" si="170"/>
        <v>5.8685926315640176</v>
      </c>
      <c r="M1401">
        <f t="shared" si="171"/>
        <v>0</v>
      </c>
      <c r="N1401" s="46">
        <f t="shared" si="172"/>
        <v>45348.958333330018</v>
      </c>
    </row>
    <row r="1402" spans="2:14" x14ac:dyDescent="0.3">
      <c r="B1402">
        <f t="shared" si="166"/>
        <v>2</v>
      </c>
      <c r="C1402" s="16">
        <v>1368</v>
      </c>
      <c r="D1402" cm="1">
        <f t="array" ref="D1402">IFERROR(INDEX(Jesper!AH$2:AH$366,ROUNDDOWN($C1402/24,0)+1,1)*INDEX($D$3:$AA$30,INDEX(Jesper!$R$2:$R$366,ROW(INDEX(Jesper!AH$2:AH$366,ROUNDDOWN($C1402/24,0)+1,1))-1)+IF('Standard Profiles'!$G$18=$B$10,7,0)+IF('Standard Profiles'!$G$18=$B$17,14,0)+IF('Standard Profiles'!$G$18=$B$24,21,0),MOD($C1402,24)+1)/SUM(INDEX($D$3:$AA$30,INDEX(Jesper!$R$2:$R$366,ROW(INDEX(Jesper!AH$2:AH$366,ROUNDDOWN($C1402/24,0)+1,1))-1)+IF('Standard Profiles'!$G$18=$B$10,7,0)+IF('Standard Profiles'!$G$18=$B$17,14,0)+IF('Standard Profiles'!$G$18=$B$24,21,0),0)),0)</f>
        <v>7.4397208873644827</v>
      </c>
      <c r="E1402" cm="1">
        <f t="array" ref="E1402">IFERROR(INDEX(Jesper!AI$2:AI$366,ROUNDDOWN($C1402/24,0)+1,1)*INDEX($D$3:$AA$30,INDEX(Jesper!$R$2:$R$366,ROW(INDEX(Jesper!AI$2:AI$366,ROUNDDOWN($C1402/24,0)+1,1))-1)+IF('Standard Profiles'!$G$19=$B$10,7,0)+IF('Standard Profiles'!$G$19=$B$17,14,0)+IF('Standard Profiles'!$G$19=$B$24,21,0),MOD($C1402,24)+1)/SUM(INDEX($D$3:$AA$30,INDEX(Jesper!$R$2:$R$366,ROW(INDEX(Jesper!AI$2:AI$366,ROUNDDOWN($C1402/24,0)+1,1))-1)+IF('Standard Profiles'!$G$19=$B$10,7,0)+IF('Standard Profiles'!$G$19=$B$17,14,0)+IF('Standard Profiles'!$G$19=$B$24,21,0),0)),0)</f>
        <v>0</v>
      </c>
      <c r="F1402" cm="1">
        <f t="array" ref="F1402">IFERROR(INDEX(Jesper!AJ$2:AJ$366,ROUNDDOWN($C1402/24,0)+1,1)*INDEX($D$3:$AA$30,INDEX(Jesper!$R$2:$R$366,ROW(INDEX(Jesper!AJ$2:AJ$366,ROUNDDOWN($C1402/24,0)+1,1))-1)+IF('Standard Profiles'!$G$20=$B$10,7,0)+IF('Standard Profiles'!$G$20=$B$17,14,0)+IF('Standard Profiles'!$G$20=$B$24,21,0),MOD($C1402,24)+1)/SUM(INDEX($D$3:$AA$30,INDEX(Jesper!$R$2:$R$366,ROW(INDEX(Jesper!AJ$2:AJ$366,ROUNDDOWN($C1402/24,0)+1,1))-1)+IF('Standard Profiles'!$G$20=$B$10,7,0)+IF('Standard Profiles'!$G$20=$B$17,14,0)+IF('Standard Profiles'!$G$20=$B$24,21,0),0)),0)</f>
        <v>0</v>
      </c>
      <c r="G1402" cm="1">
        <f t="array" ref="G1402">IFERROR(INDEX(Jesper!AK$2:AK$366,ROUNDDOWN($C1402/24,0)+1,1)*INDEX($D$3:$AA$30,INDEX(Jesper!$R$2:$R$366,ROW(INDEX(Jesper!AK$2:AK$366,ROUNDDOWN($C1402/24,0)+1,1))-1)+IF('Standard Profiles'!$G$21=$B$10,7,0)+IF('Standard Profiles'!$G$21=$B$17,14,0)+IF('Standard Profiles'!$G$21=$B$24,21,0),MOD($C1402,24)+1)/SUM(INDEX($D$3:$AA$30,INDEX(Jesper!$R$2:$R$366,ROW(INDEX(Jesper!AK$2:AK$366,ROUNDDOWN($C1402/24,0)+1,1))-1)+IF('Standard Profiles'!$G$21=$B$10,7,0)+IF('Standard Profiles'!$G$21=$B$17,14,0)+IF('Standard Profiles'!$G$21=$B$24,21,0),0)),0)</f>
        <v>0</v>
      </c>
      <c r="H1402" cm="1">
        <f t="array" ref="H1402">IFERROR(INDEX(Jesper!AL$2:AL$366,ROUNDDOWN($C1402/24,0)+1,1)*INDEX($D$3:$AA$30,INDEX(Jesper!$R$2:$R$366,ROW(INDEX(Jesper!AL$2:AL$366,ROUNDDOWN($C1402/24,0)+1,1))-1)+IF('Standard Profiles'!$G$22=$B$10,7,0)+IF('Standard Profiles'!$G$22=$B$17,14,0)+IF('Standard Profiles'!$G$22=$B$24,21,0),MOD($C1402,24)+1)/SUM(INDEX($D$3:$AA$30,INDEX(Jesper!$R$2:$R$366,ROW(INDEX(Jesper!AL$2:AL$366,ROUNDDOWN($C1402/24,0)+1,1))-1)+IF('Standard Profiles'!$G$22=$B$10,7,0)+IF('Standard Profiles'!$G$22=$B$17,14,0)+IF('Standard Profiles'!$G$22=$B$24,21,0),0)),0)</f>
        <v>0</v>
      </c>
      <c r="I1402">
        <f t="shared" si="167"/>
        <v>0.22319162662093447</v>
      </c>
      <c r="J1402">
        <f t="shared" si="168"/>
        <v>0.74397208873644827</v>
      </c>
      <c r="K1402">
        <f t="shared" si="169"/>
        <v>1.1159581331046724</v>
      </c>
      <c r="L1402">
        <f t="shared" si="170"/>
        <v>5.3565990389024272</v>
      </c>
      <c r="M1402">
        <f t="shared" si="171"/>
        <v>0</v>
      </c>
      <c r="N1402" s="46">
        <f t="shared" si="172"/>
        <v>45348.999999996682</v>
      </c>
    </row>
    <row r="1403" spans="2:14" x14ac:dyDescent="0.3">
      <c r="B1403">
        <f t="shared" si="166"/>
        <v>2</v>
      </c>
      <c r="C1403" s="16">
        <v>1369</v>
      </c>
      <c r="D1403" cm="1">
        <f t="array" ref="D1403">IFERROR(INDEX(Jesper!AH$2:AH$366,ROUNDDOWN($C1403/24,0)+1,1)*INDEX($D$3:$AA$30,INDEX(Jesper!$R$2:$R$366,ROW(INDEX(Jesper!AH$2:AH$366,ROUNDDOWN($C1403/24,0)+1,1))-1)+IF('Standard Profiles'!$G$18=$B$10,7,0)+IF('Standard Profiles'!$G$18=$B$17,14,0)+IF('Standard Profiles'!$G$18=$B$24,21,0),MOD($C1403,24)+1)/SUM(INDEX($D$3:$AA$30,INDEX(Jesper!$R$2:$R$366,ROW(INDEX(Jesper!AH$2:AH$366,ROUNDDOWN($C1403/24,0)+1,1))-1)+IF('Standard Profiles'!$G$18=$B$10,7,0)+IF('Standard Profiles'!$G$18=$B$17,14,0)+IF('Standard Profiles'!$G$18=$B$24,21,0),0)),0)</f>
        <v>7.4397208873644827</v>
      </c>
      <c r="E1403" cm="1">
        <f t="array" ref="E1403">IFERROR(INDEX(Jesper!AI$2:AI$366,ROUNDDOWN($C1403/24,0)+1,1)*INDEX($D$3:$AA$30,INDEX(Jesper!$R$2:$R$366,ROW(INDEX(Jesper!AI$2:AI$366,ROUNDDOWN($C1403/24,0)+1,1))-1)+IF('Standard Profiles'!$G$19=$B$10,7,0)+IF('Standard Profiles'!$G$19=$B$17,14,0)+IF('Standard Profiles'!$G$19=$B$24,21,0),MOD($C1403,24)+1)/SUM(INDEX($D$3:$AA$30,INDEX(Jesper!$R$2:$R$366,ROW(INDEX(Jesper!AI$2:AI$366,ROUNDDOWN($C1403/24,0)+1,1))-1)+IF('Standard Profiles'!$G$19=$B$10,7,0)+IF('Standard Profiles'!$G$19=$B$17,14,0)+IF('Standard Profiles'!$G$19=$B$24,21,0),0)),0)</f>
        <v>0</v>
      </c>
      <c r="F1403" cm="1">
        <f t="array" ref="F1403">IFERROR(INDEX(Jesper!AJ$2:AJ$366,ROUNDDOWN($C1403/24,0)+1,1)*INDEX($D$3:$AA$30,INDEX(Jesper!$R$2:$R$366,ROW(INDEX(Jesper!AJ$2:AJ$366,ROUNDDOWN($C1403/24,0)+1,1))-1)+IF('Standard Profiles'!$G$20=$B$10,7,0)+IF('Standard Profiles'!$G$20=$B$17,14,0)+IF('Standard Profiles'!$G$20=$B$24,21,0),MOD($C1403,24)+1)/SUM(INDEX($D$3:$AA$30,INDEX(Jesper!$R$2:$R$366,ROW(INDEX(Jesper!AJ$2:AJ$366,ROUNDDOWN($C1403/24,0)+1,1))-1)+IF('Standard Profiles'!$G$20=$B$10,7,0)+IF('Standard Profiles'!$G$20=$B$17,14,0)+IF('Standard Profiles'!$G$20=$B$24,21,0),0)),0)</f>
        <v>0</v>
      </c>
      <c r="G1403" cm="1">
        <f t="array" ref="G1403">IFERROR(INDEX(Jesper!AK$2:AK$366,ROUNDDOWN($C1403/24,0)+1,1)*INDEX($D$3:$AA$30,INDEX(Jesper!$R$2:$R$366,ROW(INDEX(Jesper!AK$2:AK$366,ROUNDDOWN($C1403/24,0)+1,1))-1)+IF('Standard Profiles'!$G$21=$B$10,7,0)+IF('Standard Profiles'!$G$21=$B$17,14,0)+IF('Standard Profiles'!$G$21=$B$24,21,0),MOD($C1403,24)+1)/SUM(INDEX($D$3:$AA$30,INDEX(Jesper!$R$2:$R$366,ROW(INDEX(Jesper!AK$2:AK$366,ROUNDDOWN($C1403/24,0)+1,1))-1)+IF('Standard Profiles'!$G$21=$B$10,7,0)+IF('Standard Profiles'!$G$21=$B$17,14,0)+IF('Standard Profiles'!$G$21=$B$24,21,0),0)),0)</f>
        <v>0</v>
      </c>
      <c r="H1403" cm="1">
        <f t="array" ref="H1403">IFERROR(INDEX(Jesper!AL$2:AL$366,ROUNDDOWN($C1403/24,0)+1,1)*INDEX($D$3:$AA$30,INDEX(Jesper!$R$2:$R$366,ROW(INDEX(Jesper!AL$2:AL$366,ROUNDDOWN($C1403/24,0)+1,1))-1)+IF('Standard Profiles'!$G$22=$B$10,7,0)+IF('Standard Profiles'!$G$22=$B$17,14,0)+IF('Standard Profiles'!$G$22=$B$24,21,0),MOD($C1403,24)+1)/SUM(INDEX($D$3:$AA$30,INDEX(Jesper!$R$2:$R$366,ROW(INDEX(Jesper!AL$2:AL$366,ROUNDDOWN($C1403/24,0)+1,1))-1)+IF('Standard Profiles'!$G$22=$B$10,7,0)+IF('Standard Profiles'!$G$22=$B$17,14,0)+IF('Standard Profiles'!$G$22=$B$24,21,0),0)),0)</f>
        <v>0</v>
      </c>
      <c r="I1403">
        <f t="shared" si="167"/>
        <v>0.22319162662093447</v>
      </c>
      <c r="J1403">
        <f t="shared" si="168"/>
        <v>0.74397208873644827</v>
      </c>
      <c r="K1403">
        <f t="shared" si="169"/>
        <v>1.1159581331046724</v>
      </c>
      <c r="L1403">
        <f t="shared" si="170"/>
        <v>5.3565990389024272</v>
      </c>
      <c r="M1403">
        <f t="shared" si="171"/>
        <v>0</v>
      </c>
      <c r="N1403" s="46">
        <f t="shared" si="172"/>
        <v>45349.041666663346</v>
      </c>
    </row>
    <row r="1404" spans="2:14" x14ac:dyDescent="0.3">
      <c r="B1404">
        <f t="shared" si="166"/>
        <v>2</v>
      </c>
      <c r="C1404" s="16">
        <v>1370</v>
      </c>
      <c r="D1404" cm="1">
        <f t="array" ref="D1404">IFERROR(INDEX(Jesper!AH$2:AH$366,ROUNDDOWN($C1404/24,0)+1,1)*INDEX($D$3:$AA$30,INDEX(Jesper!$R$2:$R$366,ROW(INDEX(Jesper!AH$2:AH$366,ROUNDDOWN($C1404/24,0)+1,1))-1)+IF('Standard Profiles'!$G$18=$B$10,7,0)+IF('Standard Profiles'!$G$18=$B$17,14,0)+IF('Standard Profiles'!$G$18=$B$24,21,0),MOD($C1404,24)+1)/SUM(INDEX($D$3:$AA$30,INDEX(Jesper!$R$2:$R$366,ROW(INDEX(Jesper!AH$2:AH$366,ROUNDDOWN($C1404/24,0)+1,1))-1)+IF('Standard Profiles'!$G$18=$B$10,7,0)+IF('Standard Profiles'!$G$18=$B$17,14,0)+IF('Standard Profiles'!$G$18=$B$24,21,0),0)),0)</f>
        <v>7.4397208873644827</v>
      </c>
      <c r="E1404" cm="1">
        <f t="array" ref="E1404">IFERROR(INDEX(Jesper!AI$2:AI$366,ROUNDDOWN($C1404/24,0)+1,1)*INDEX($D$3:$AA$30,INDEX(Jesper!$R$2:$R$366,ROW(INDEX(Jesper!AI$2:AI$366,ROUNDDOWN($C1404/24,0)+1,1))-1)+IF('Standard Profiles'!$G$19=$B$10,7,0)+IF('Standard Profiles'!$G$19=$B$17,14,0)+IF('Standard Profiles'!$G$19=$B$24,21,0),MOD($C1404,24)+1)/SUM(INDEX($D$3:$AA$30,INDEX(Jesper!$R$2:$R$366,ROW(INDEX(Jesper!AI$2:AI$366,ROUNDDOWN($C1404/24,0)+1,1))-1)+IF('Standard Profiles'!$G$19=$B$10,7,0)+IF('Standard Profiles'!$G$19=$B$17,14,0)+IF('Standard Profiles'!$G$19=$B$24,21,0),0)),0)</f>
        <v>0</v>
      </c>
      <c r="F1404" cm="1">
        <f t="array" ref="F1404">IFERROR(INDEX(Jesper!AJ$2:AJ$366,ROUNDDOWN($C1404/24,0)+1,1)*INDEX($D$3:$AA$30,INDEX(Jesper!$R$2:$R$366,ROW(INDEX(Jesper!AJ$2:AJ$366,ROUNDDOWN($C1404/24,0)+1,1))-1)+IF('Standard Profiles'!$G$20=$B$10,7,0)+IF('Standard Profiles'!$G$20=$B$17,14,0)+IF('Standard Profiles'!$G$20=$B$24,21,0),MOD($C1404,24)+1)/SUM(INDEX($D$3:$AA$30,INDEX(Jesper!$R$2:$R$366,ROW(INDEX(Jesper!AJ$2:AJ$366,ROUNDDOWN($C1404/24,0)+1,1))-1)+IF('Standard Profiles'!$G$20=$B$10,7,0)+IF('Standard Profiles'!$G$20=$B$17,14,0)+IF('Standard Profiles'!$G$20=$B$24,21,0),0)),0)</f>
        <v>0</v>
      </c>
      <c r="G1404" cm="1">
        <f t="array" ref="G1404">IFERROR(INDEX(Jesper!AK$2:AK$366,ROUNDDOWN($C1404/24,0)+1,1)*INDEX($D$3:$AA$30,INDEX(Jesper!$R$2:$R$366,ROW(INDEX(Jesper!AK$2:AK$366,ROUNDDOWN($C1404/24,0)+1,1))-1)+IF('Standard Profiles'!$G$21=$B$10,7,0)+IF('Standard Profiles'!$G$21=$B$17,14,0)+IF('Standard Profiles'!$G$21=$B$24,21,0),MOD($C1404,24)+1)/SUM(INDEX($D$3:$AA$30,INDEX(Jesper!$R$2:$R$366,ROW(INDEX(Jesper!AK$2:AK$366,ROUNDDOWN($C1404/24,0)+1,1))-1)+IF('Standard Profiles'!$G$21=$B$10,7,0)+IF('Standard Profiles'!$G$21=$B$17,14,0)+IF('Standard Profiles'!$G$21=$B$24,21,0),0)),0)</f>
        <v>0</v>
      </c>
      <c r="H1404" cm="1">
        <f t="array" ref="H1404">IFERROR(INDEX(Jesper!AL$2:AL$366,ROUNDDOWN($C1404/24,0)+1,1)*INDEX($D$3:$AA$30,INDEX(Jesper!$R$2:$R$366,ROW(INDEX(Jesper!AL$2:AL$366,ROUNDDOWN($C1404/24,0)+1,1))-1)+IF('Standard Profiles'!$G$22=$B$10,7,0)+IF('Standard Profiles'!$G$22=$B$17,14,0)+IF('Standard Profiles'!$G$22=$B$24,21,0),MOD($C1404,24)+1)/SUM(INDEX($D$3:$AA$30,INDEX(Jesper!$R$2:$R$366,ROW(INDEX(Jesper!AL$2:AL$366,ROUNDDOWN($C1404/24,0)+1,1))-1)+IF('Standard Profiles'!$G$22=$B$10,7,0)+IF('Standard Profiles'!$G$22=$B$17,14,0)+IF('Standard Profiles'!$G$22=$B$24,21,0),0)),0)</f>
        <v>0</v>
      </c>
      <c r="I1404">
        <f t="shared" si="167"/>
        <v>0.22319162662093447</v>
      </c>
      <c r="J1404">
        <f t="shared" si="168"/>
        <v>0.74397208873644827</v>
      </c>
      <c r="K1404">
        <f t="shared" si="169"/>
        <v>1.1159581331046724</v>
      </c>
      <c r="L1404">
        <f t="shared" si="170"/>
        <v>5.3565990389024272</v>
      </c>
      <c r="M1404">
        <f t="shared" si="171"/>
        <v>0</v>
      </c>
      <c r="N1404" s="46">
        <f t="shared" si="172"/>
        <v>45349.083333330011</v>
      </c>
    </row>
    <row r="1405" spans="2:14" x14ac:dyDescent="0.3">
      <c r="B1405">
        <f t="shared" si="166"/>
        <v>2</v>
      </c>
      <c r="C1405" s="16">
        <v>1371</v>
      </c>
      <c r="D1405" cm="1">
        <f t="array" ref="D1405">IFERROR(INDEX(Jesper!AH$2:AH$366,ROUNDDOWN($C1405/24,0)+1,1)*INDEX($D$3:$AA$30,INDEX(Jesper!$R$2:$R$366,ROW(INDEX(Jesper!AH$2:AH$366,ROUNDDOWN($C1405/24,0)+1,1))-1)+IF('Standard Profiles'!$G$18=$B$10,7,0)+IF('Standard Profiles'!$G$18=$B$17,14,0)+IF('Standard Profiles'!$G$18=$B$24,21,0),MOD($C1405,24)+1)/SUM(INDEX($D$3:$AA$30,INDEX(Jesper!$R$2:$R$366,ROW(INDEX(Jesper!AH$2:AH$366,ROUNDDOWN($C1405/24,0)+1,1))-1)+IF('Standard Profiles'!$G$18=$B$10,7,0)+IF('Standard Profiles'!$G$18=$B$17,14,0)+IF('Standard Profiles'!$G$18=$B$24,21,0),0)),0)</f>
        <v>7.4397208873644827</v>
      </c>
      <c r="E1405" cm="1">
        <f t="array" ref="E1405">IFERROR(INDEX(Jesper!AI$2:AI$366,ROUNDDOWN($C1405/24,0)+1,1)*INDEX($D$3:$AA$30,INDEX(Jesper!$R$2:$R$366,ROW(INDEX(Jesper!AI$2:AI$366,ROUNDDOWN($C1405/24,0)+1,1))-1)+IF('Standard Profiles'!$G$19=$B$10,7,0)+IF('Standard Profiles'!$G$19=$B$17,14,0)+IF('Standard Profiles'!$G$19=$B$24,21,0),MOD($C1405,24)+1)/SUM(INDEX($D$3:$AA$30,INDEX(Jesper!$R$2:$R$366,ROW(INDEX(Jesper!AI$2:AI$366,ROUNDDOWN($C1405/24,0)+1,1))-1)+IF('Standard Profiles'!$G$19=$B$10,7,0)+IF('Standard Profiles'!$G$19=$B$17,14,0)+IF('Standard Profiles'!$G$19=$B$24,21,0),0)),0)</f>
        <v>0</v>
      </c>
      <c r="F1405" cm="1">
        <f t="array" ref="F1405">IFERROR(INDEX(Jesper!AJ$2:AJ$366,ROUNDDOWN($C1405/24,0)+1,1)*INDEX($D$3:$AA$30,INDEX(Jesper!$R$2:$R$366,ROW(INDEX(Jesper!AJ$2:AJ$366,ROUNDDOWN($C1405/24,0)+1,1))-1)+IF('Standard Profiles'!$G$20=$B$10,7,0)+IF('Standard Profiles'!$G$20=$B$17,14,0)+IF('Standard Profiles'!$G$20=$B$24,21,0),MOD($C1405,24)+1)/SUM(INDEX($D$3:$AA$30,INDEX(Jesper!$R$2:$R$366,ROW(INDEX(Jesper!AJ$2:AJ$366,ROUNDDOWN($C1405/24,0)+1,1))-1)+IF('Standard Profiles'!$G$20=$B$10,7,0)+IF('Standard Profiles'!$G$20=$B$17,14,0)+IF('Standard Profiles'!$G$20=$B$24,21,0),0)),0)</f>
        <v>0</v>
      </c>
      <c r="G1405" cm="1">
        <f t="array" ref="G1405">IFERROR(INDEX(Jesper!AK$2:AK$366,ROUNDDOWN($C1405/24,0)+1,1)*INDEX($D$3:$AA$30,INDEX(Jesper!$R$2:$R$366,ROW(INDEX(Jesper!AK$2:AK$366,ROUNDDOWN($C1405/24,0)+1,1))-1)+IF('Standard Profiles'!$G$21=$B$10,7,0)+IF('Standard Profiles'!$G$21=$B$17,14,0)+IF('Standard Profiles'!$G$21=$B$24,21,0),MOD($C1405,24)+1)/SUM(INDEX($D$3:$AA$30,INDEX(Jesper!$R$2:$R$366,ROW(INDEX(Jesper!AK$2:AK$366,ROUNDDOWN($C1405/24,0)+1,1))-1)+IF('Standard Profiles'!$G$21=$B$10,7,0)+IF('Standard Profiles'!$G$21=$B$17,14,0)+IF('Standard Profiles'!$G$21=$B$24,21,0),0)),0)</f>
        <v>0</v>
      </c>
      <c r="H1405" cm="1">
        <f t="array" ref="H1405">IFERROR(INDEX(Jesper!AL$2:AL$366,ROUNDDOWN($C1405/24,0)+1,1)*INDEX($D$3:$AA$30,INDEX(Jesper!$R$2:$R$366,ROW(INDEX(Jesper!AL$2:AL$366,ROUNDDOWN($C1405/24,0)+1,1))-1)+IF('Standard Profiles'!$G$22=$B$10,7,0)+IF('Standard Profiles'!$G$22=$B$17,14,0)+IF('Standard Profiles'!$G$22=$B$24,21,0),MOD($C1405,24)+1)/SUM(INDEX($D$3:$AA$30,INDEX(Jesper!$R$2:$R$366,ROW(INDEX(Jesper!AL$2:AL$366,ROUNDDOWN($C1405/24,0)+1,1))-1)+IF('Standard Profiles'!$G$22=$B$10,7,0)+IF('Standard Profiles'!$G$22=$B$17,14,0)+IF('Standard Profiles'!$G$22=$B$24,21,0),0)),0)</f>
        <v>0</v>
      </c>
      <c r="I1405">
        <f t="shared" si="167"/>
        <v>0.22319162662093447</v>
      </c>
      <c r="J1405">
        <f t="shared" si="168"/>
        <v>0.74397208873644827</v>
      </c>
      <c r="K1405">
        <f t="shared" si="169"/>
        <v>1.1159581331046724</v>
      </c>
      <c r="L1405">
        <f t="shared" si="170"/>
        <v>5.3565990389024272</v>
      </c>
      <c r="M1405">
        <f t="shared" si="171"/>
        <v>0</v>
      </c>
      <c r="N1405" s="46">
        <f t="shared" si="172"/>
        <v>45349.124999996675</v>
      </c>
    </row>
    <row r="1406" spans="2:14" x14ac:dyDescent="0.3">
      <c r="B1406">
        <f t="shared" si="166"/>
        <v>2</v>
      </c>
      <c r="C1406" s="16">
        <v>1372</v>
      </c>
      <c r="D1406" cm="1">
        <f t="array" ref="D1406">IFERROR(INDEX(Jesper!AH$2:AH$366,ROUNDDOWN($C1406/24,0)+1,1)*INDEX($D$3:$AA$30,INDEX(Jesper!$R$2:$R$366,ROW(INDEX(Jesper!AH$2:AH$366,ROUNDDOWN($C1406/24,0)+1,1))-1)+IF('Standard Profiles'!$G$18=$B$10,7,0)+IF('Standard Profiles'!$G$18=$B$17,14,0)+IF('Standard Profiles'!$G$18=$B$24,21,0),MOD($C1406,24)+1)/SUM(INDEX($D$3:$AA$30,INDEX(Jesper!$R$2:$R$366,ROW(INDEX(Jesper!AH$2:AH$366,ROUNDDOWN($C1406/24,0)+1,1))-1)+IF('Standard Profiles'!$G$18=$B$10,7,0)+IF('Standard Profiles'!$G$18=$B$17,14,0)+IF('Standard Profiles'!$G$18=$B$24,21,0),0)),0)</f>
        <v>7.4397208873644827</v>
      </c>
      <c r="E1406" cm="1">
        <f t="array" ref="E1406">IFERROR(INDEX(Jesper!AI$2:AI$366,ROUNDDOWN($C1406/24,0)+1,1)*INDEX($D$3:$AA$30,INDEX(Jesper!$R$2:$R$366,ROW(INDEX(Jesper!AI$2:AI$366,ROUNDDOWN($C1406/24,0)+1,1))-1)+IF('Standard Profiles'!$G$19=$B$10,7,0)+IF('Standard Profiles'!$G$19=$B$17,14,0)+IF('Standard Profiles'!$G$19=$B$24,21,0),MOD($C1406,24)+1)/SUM(INDEX($D$3:$AA$30,INDEX(Jesper!$R$2:$R$366,ROW(INDEX(Jesper!AI$2:AI$366,ROUNDDOWN($C1406/24,0)+1,1))-1)+IF('Standard Profiles'!$G$19=$B$10,7,0)+IF('Standard Profiles'!$G$19=$B$17,14,0)+IF('Standard Profiles'!$G$19=$B$24,21,0),0)),0)</f>
        <v>0</v>
      </c>
      <c r="F1406" cm="1">
        <f t="array" ref="F1406">IFERROR(INDEX(Jesper!AJ$2:AJ$366,ROUNDDOWN($C1406/24,0)+1,1)*INDEX($D$3:$AA$30,INDEX(Jesper!$R$2:$R$366,ROW(INDEX(Jesper!AJ$2:AJ$366,ROUNDDOWN($C1406/24,0)+1,1))-1)+IF('Standard Profiles'!$G$20=$B$10,7,0)+IF('Standard Profiles'!$G$20=$B$17,14,0)+IF('Standard Profiles'!$G$20=$B$24,21,0),MOD($C1406,24)+1)/SUM(INDEX($D$3:$AA$30,INDEX(Jesper!$R$2:$R$366,ROW(INDEX(Jesper!AJ$2:AJ$366,ROUNDDOWN($C1406/24,0)+1,1))-1)+IF('Standard Profiles'!$G$20=$B$10,7,0)+IF('Standard Profiles'!$G$20=$B$17,14,0)+IF('Standard Profiles'!$G$20=$B$24,21,0),0)),0)</f>
        <v>0</v>
      </c>
      <c r="G1406" cm="1">
        <f t="array" ref="G1406">IFERROR(INDEX(Jesper!AK$2:AK$366,ROUNDDOWN($C1406/24,0)+1,1)*INDEX($D$3:$AA$30,INDEX(Jesper!$R$2:$R$366,ROW(INDEX(Jesper!AK$2:AK$366,ROUNDDOWN($C1406/24,0)+1,1))-1)+IF('Standard Profiles'!$G$21=$B$10,7,0)+IF('Standard Profiles'!$G$21=$B$17,14,0)+IF('Standard Profiles'!$G$21=$B$24,21,0),MOD($C1406,24)+1)/SUM(INDEX($D$3:$AA$30,INDEX(Jesper!$R$2:$R$366,ROW(INDEX(Jesper!AK$2:AK$366,ROUNDDOWN($C1406/24,0)+1,1))-1)+IF('Standard Profiles'!$G$21=$B$10,7,0)+IF('Standard Profiles'!$G$21=$B$17,14,0)+IF('Standard Profiles'!$G$21=$B$24,21,0),0)),0)</f>
        <v>0</v>
      </c>
      <c r="H1406" cm="1">
        <f t="array" ref="H1406">IFERROR(INDEX(Jesper!AL$2:AL$366,ROUNDDOWN($C1406/24,0)+1,1)*INDEX($D$3:$AA$30,INDEX(Jesper!$R$2:$R$366,ROW(INDEX(Jesper!AL$2:AL$366,ROUNDDOWN($C1406/24,0)+1,1))-1)+IF('Standard Profiles'!$G$22=$B$10,7,0)+IF('Standard Profiles'!$G$22=$B$17,14,0)+IF('Standard Profiles'!$G$22=$B$24,21,0),MOD($C1406,24)+1)/SUM(INDEX($D$3:$AA$30,INDEX(Jesper!$R$2:$R$366,ROW(INDEX(Jesper!AL$2:AL$366,ROUNDDOWN($C1406/24,0)+1,1))-1)+IF('Standard Profiles'!$G$22=$B$10,7,0)+IF('Standard Profiles'!$G$22=$B$17,14,0)+IF('Standard Profiles'!$G$22=$B$24,21,0),0)),0)</f>
        <v>0</v>
      </c>
      <c r="I1406">
        <f t="shared" si="167"/>
        <v>0.22319162662093447</v>
      </c>
      <c r="J1406">
        <f t="shared" si="168"/>
        <v>0.74397208873644827</v>
      </c>
      <c r="K1406">
        <f t="shared" si="169"/>
        <v>1.1159581331046724</v>
      </c>
      <c r="L1406">
        <f t="shared" si="170"/>
        <v>5.3565990389024272</v>
      </c>
      <c r="M1406">
        <f t="shared" si="171"/>
        <v>0</v>
      </c>
      <c r="N1406" s="46">
        <f t="shared" si="172"/>
        <v>45349.166666663339</v>
      </c>
    </row>
    <row r="1407" spans="2:14" x14ac:dyDescent="0.3">
      <c r="B1407">
        <f t="shared" si="166"/>
        <v>2</v>
      </c>
      <c r="C1407" s="16">
        <v>1373</v>
      </c>
      <c r="D1407" cm="1">
        <f t="array" ref="D1407">IFERROR(INDEX(Jesper!AH$2:AH$366,ROUNDDOWN($C1407/24,0)+1,1)*INDEX($D$3:$AA$30,INDEX(Jesper!$R$2:$R$366,ROW(INDEX(Jesper!AH$2:AH$366,ROUNDDOWN($C1407/24,0)+1,1))-1)+IF('Standard Profiles'!$G$18=$B$10,7,0)+IF('Standard Profiles'!$G$18=$B$17,14,0)+IF('Standard Profiles'!$G$18=$B$24,21,0),MOD($C1407,24)+1)/SUM(INDEX($D$3:$AA$30,INDEX(Jesper!$R$2:$R$366,ROW(INDEX(Jesper!AH$2:AH$366,ROUNDDOWN($C1407/24,0)+1,1))-1)+IF('Standard Profiles'!$G$18=$B$10,7,0)+IF('Standard Profiles'!$G$18=$B$17,14,0)+IF('Standard Profiles'!$G$18=$B$24,21,0),0)),0)</f>
        <v>9.6716371535738261</v>
      </c>
      <c r="E1407" cm="1">
        <f t="array" ref="E1407">IFERROR(INDEX(Jesper!AI$2:AI$366,ROUNDDOWN($C1407/24,0)+1,1)*INDEX($D$3:$AA$30,INDEX(Jesper!$R$2:$R$366,ROW(INDEX(Jesper!AI$2:AI$366,ROUNDDOWN($C1407/24,0)+1,1))-1)+IF('Standard Profiles'!$G$19=$B$10,7,0)+IF('Standard Profiles'!$G$19=$B$17,14,0)+IF('Standard Profiles'!$G$19=$B$24,21,0),MOD($C1407,24)+1)/SUM(INDEX($D$3:$AA$30,INDEX(Jesper!$R$2:$R$366,ROW(INDEX(Jesper!AI$2:AI$366,ROUNDDOWN($C1407/24,0)+1,1))-1)+IF('Standard Profiles'!$G$19=$B$10,7,0)+IF('Standard Profiles'!$G$19=$B$17,14,0)+IF('Standard Profiles'!$G$19=$B$24,21,0),0)),0)</f>
        <v>0</v>
      </c>
      <c r="F1407" cm="1">
        <f t="array" ref="F1407">IFERROR(INDEX(Jesper!AJ$2:AJ$366,ROUNDDOWN($C1407/24,0)+1,1)*INDEX($D$3:$AA$30,INDEX(Jesper!$R$2:$R$366,ROW(INDEX(Jesper!AJ$2:AJ$366,ROUNDDOWN($C1407/24,0)+1,1))-1)+IF('Standard Profiles'!$G$20=$B$10,7,0)+IF('Standard Profiles'!$G$20=$B$17,14,0)+IF('Standard Profiles'!$G$20=$B$24,21,0),MOD($C1407,24)+1)/SUM(INDEX($D$3:$AA$30,INDEX(Jesper!$R$2:$R$366,ROW(INDEX(Jesper!AJ$2:AJ$366,ROUNDDOWN($C1407/24,0)+1,1))-1)+IF('Standard Profiles'!$G$20=$B$10,7,0)+IF('Standard Profiles'!$G$20=$B$17,14,0)+IF('Standard Profiles'!$G$20=$B$24,21,0),0)),0)</f>
        <v>0</v>
      </c>
      <c r="G1407" cm="1">
        <f t="array" ref="G1407">IFERROR(INDEX(Jesper!AK$2:AK$366,ROUNDDOWN($C1407/24,0)+1,1)*INDEX($D$3:$AA$30,INDEX(Jesper!$R$2:$R$366,ROW(INDEX(Jesper!AK$2:AK$366,ROUNDDOWN($C1407/24,0)+1,1))-1)+IF('Standard Profiles'!$G$21=$B$10,7,0)+IF('Standard Profiles'!$G$21=$B$17,14,0)+IF('Standard Profiles'!$G$21=$B$24,21,0),MOD($C1407,24)+1)/SUM(INDEX($D$3:$AA$30,INDEX(Jesper!$R$2:$R$366,ROW(INDEX(Jesper!AK$2:AK$366,ROUNDDOWN($C1407/24,0)+1,1))-1)+IF('Standard Profiles'!$G$21=$B$10,7,0)+IF('Standard Profiles'!$G$21=$B$17,14,0)+IF('Standard Profiles'!$G$21=$B$24,21,0),0)),0)</f>
        <v>0</v>
      </c>
      <c r="H1407" cm="1">
        <f t="array" ref="H1407">IFERROR(INDEX(Jesper!AL$2:AL$366,ROUNDDOWN($C1407/24,0)+1,1)*INDEX($D$3:$AA$30,INDEX(Jesper!$R$2:$R$366,ROW(INDEX(Jesper!AL$2:AL$366,ROUNDDOWN($C1407/24,0)+1,1))-1)+IF('Standard Profiles'!$G$22=$B$10,7,0)+IF('Standard Profiles'!$G$22=$B$17,14,0)+IF('Standard Profiles'!$G$22=$B$24,21,0),MOD($C1407,24)+1)/SUM(INDEX($D$3:$AA$30,INDEX(Jesper!$R$2:$R$366,ROW(INDEX(Jesper!AL$2:AL$366,ROUNDDOWN($C1407/24,0)+1,1))-1)+IF('Standard Profiles'!$G$22=$B$10,7,0)+IF('Standard Profiles'!$G$22=$B$17,14,0)+IF('Standard Profiles'!$G$22=$B$24,21,0),0)),0)</f>
        <v>0</v>
      </c>
      <c r="I1407">
        <f t="shared" si="167"/>
        <v>0.29014911460721476</v>
      </c>
      <c r="J1407">
        <f t="shared" si="168"/>
        <v>0.96716371535738266</v>
      </c>
      <c r="K1407">
        <f t="shared" si="169"/>
        <v>1.4507455730360739</v>
      </c>
      <c r="L1407">
        <f t="shared" si="170"/>
        <v>6.9635787505731548</v>
      </c>
      <c r="M1407">
        <f t="shared" si="171"/>
        <v>0</v>
      </c>
      <c r="N1407" s="46">
        <f t="shared" si="172"/>
        <v>45349.208333330003</v>
      </c>
    </row>
    <row r="1408" spans="2:14" x14ac:dyDescent="0.3">
      <c r="B1408">
        <f t="shared" si="166"/>
        <v>2</v>
      </c>
      <c r="C1408" s="16">
        <v>1374</v>
      </c>
      <c r="D1408" cm="1">
        <f t="array" ref="D1408">IFERROR(INDEX(Jesper!AH$2:AH$366,ROUNDDOWN($C1408/24,0)+1,1)*INDEX($D$3:$AA$30,INDEX(Jesper!$R$2:$R$366,ROW(INDEX(Jesper!AH$2:AH$366,ROUNDDOWN($C1408/24,0)+1,1))-1)+IF('Standard Profiles'!$G$18=$B$10,7,0)+IF('Standard Profiles'!$G$18=$B$17,14,0)+IF('Standard Profiles'!$G$18=$B$24,21,0),MOD($C1408,24)+1)/SUM(INDEX($D$3:$AA$30,INDEX(Jesper!$R$2:$R$366,ROW(INDEX(Jesper!AH$2:AH$366,ROUNDDOWN($C1408/24,0)+1,1))-1)+IF('Standard Profiles'!$G$18=$B$10,7,0)+IF('Standard Profiles'!$G$18=$B$17,14,0)+IF('Standard Profiles'!$G$18=$B$24,21,0),0)),0)</f>
        <v>10.787595286678499</v>
      </c>
      <c r="E1408" cm="1">
        <f t="array" ref="E1408">IFERROR(INDEX(Jesper!AI$2:AI$366,ROUNDDOWN($C1408/24,0)+1,1)*INDEX($D$3:$AA$30,INDEX(Jesper!$R$2:$R$366,ROW(INDEX(Jesper!AI$2:AI$366,ROUNDDOWN($C1408/24,0)+1,1))-1)+IF('Standard Profiles'!$G$19=$B$10,7,0)+IF('Standard Profiles'!$G$19=$B$17,14,0)+IF('Standard Profiles'!$G$19=$B$24,21,0),MOD($C1408,24)+1)/SUM(INDEX($D$3:$AA$30,INDEX(Jesper!$R$2:$R$366,ROW(INDEX(Jesper!AI$2:AI$366,ROUNDDOWN($C1408/24,0)+1,1))-1)+IF('Standard Profiles'!$G$19=$B$10,7,0)+IF('Standard Profiles'!$G$19=$B$17,14,0)+IF('Standard Profiles'!$G$19=$B$24,21,0),0)),0)</f>
        <v>0</v>
      </c>
      <c r="F1408" cm="1">
        <f t="array" ref="F1408">IFERROR(INDEX(Jesper!AJ$2:AJ$366,ROUNDDOWN($C1408/24,0)+1,1)*INDEX($D$3:$AA$30,INDEX(Jesper!$R$2:$R$366,ROW(INDEX(Jesper!AJ$2:AJ$366,ROUNDDOWN($C1408/24,0)+1,1))-1)+IF('Standard Profiles'!$G$20=$B$10,7,0)+IF('Standard Profiles'!$G$20=$B$17,14,0)+IF('Standard Profiles'!$G$20=$B$24,21,0),MOD($C1408,24)+1)/SUM(INDEX($D$3:$AA$30,INDEX(Jesper!$R$2:$R$366,ROW(INDEX(Jesper!AJ$2:AJ$366,ROUNDDOWN($C1408/24,0)+1,1))-1)+IF('Standard Profiles'!$G$20=$B$10,7,0)+IF('Standard Profiles'!$G$20=$B$17,14,0)+IF('Standard Profiles'!$G$20=$B$24,21,0),0)),0)</f>
        <v>0</v>
      </c>
      <c r="G1408" cm="1">
        <f t="array" ref="G1408">IFERROR(INDEX(Jesper!AK$2:AK$366,ROUNDDOWN($C1408/24,0)+1,1)*INDEX($D$3:$AA$30,INDEX(Jesper!$R$2:$R$366,ROW(INDEX(Jesper!AK$2:AK$366,ROUNDDOWN($C1408/24,0)+1,1))-1)+IF('Standard Profiles'!$G$21=$B$10,7,0)+IF('Standard Profiles'!$G$21=$B$17,14,0)+IF('Standard Profiles'!$G$21=$B$24,21,0),MOD($C1408,24)+1)/SUM(INDEX($D$3:$AA$30,INDEX(Jesper!$R$2:$R$366,ROW(INDEX(Jesper!AK$2:AK$366,ROUNDDOWN($C1408/24,0)+1,1))-1)+IF('Standard Profiles'!$G$21=$B$10,7,0)+IF('Standard Profiles'!$G$21=$B$17,14,0)+IF('Standard Profiles'!$G$21=$B$24,21,0),0)),0)</f>
        <v>0</v>
      </c>
      <c r="H1408" cm="1">
        <f t="array" ref="H1408">IFERROR(INDEX(Jesper!AL$2:AL$366,ROUNDDOWN($C1408/24,0)+1,1)*INDEX($D$3:$AA$30,INDEX(Jesper!$R$2:$R$366,ROW(INDEX(Jesper!AL$2:AL$366,ROUNDDOWN($C1408/24,0)+1,1))-1)+IF('Standard Profiles'!$G$22=$B$10,7,0)+IF('Standard Profiles'!$G$22=$B$17,14,0)+IF('Standard Profiles'!$G$22=$B$24,21,0),MOD($C1408,24)+1)/SUM(INDEX($D$3:$AA$30,INDEX(Jesper!$R$2:$R$366,ROW(INDEX(Jesper!AL$2:AL$366,ROUNDDOWN($C1408/24,0)+1,1))-1)+IF('Standard Profiles'!$G$22=$B$10,7,0)+IF('Standard Profiles'!$G$22=$B$17,14,0)+IF('Standard Profiles'!$G$22=$B$24,21,0),0)),0)</f>
        <v>0</v>
      </c>
      <c r="I1408">
        <f t="shared" si="167"/>
        <v>0.32362785860035498</v>
      </c>
      <c r="J1408">
        <f t="shared" si="168"/>
        <v>1.07875952866785</v>
      </c>
      <c r="K1408">
        <f t="shared" si="169"/>
        <v>1.6181392930017748</v>
      </c>
      <c r="L1408">
        <f t="shared" si="170"/>
        <v>7.767068606408519</v>
      </c>
      <c r="M1408">
        <f t="shared" si="171"/>
        <v>0</v>
      </c>
      <c r="N1408" s="46">
        <f t="shared" si="172"/>
        <v>45349.249999996668</v>
      </c>
    </row>
    <row r="1409" spans="2:14" x14ac:dyDescent="0.3">
      <c r="B1409">
        <f t="shared" si="166"/>
        <v>2</v>
      </c>
      <c r="C1409" s="16">
        <v>1375</v>
      </c>
      <c r="D1409" cm="1">
        <f t="array" ref="D1409">IFERROR(INDEX(Jesper!AH$2:AH$366,ROUNDDOWN($C1409/24,0)+1,1)*INDEX($D$3:$AA$30,INDEX(Jesper!$R$2:$R$366,ROW(INDEX(Jesper!AH$2:AH$366,ROUNDDOWN($C1409/24,0)+1,1))-1)+IF('Standard Profiles'!$G$18=$B$10,7,0)+IF('Standard Profiles'!$G$18=$B$17,14,0)+IF('Standard Profiles'!$G$18=$B$24,21,0),MOD($C1409,24)+1)/SUM(INDEX($D$3:$AA$30,INDEX(Jesper!$R$2:$R$366,ROW(INDEX(Jesper!AH$2:AH$366,ROUNDDOWN($C1409/24,0)+1,1))-1)+IF('Standard Profiles'!$G$18=$B$10,7,0)+IF('Standard Profiles'!$G$18=$B$17,14,0)+IF('Standard Profiles'!$G$18=$B$24,21,0),0)),0)</f>
        <v>11.159581331046724</v>
      </c>
      <c r="E1409" cm="1">
        <f t="array" ref="E1409">IFERROR(INDEX(Jesper!AI$2:AI$366,ROUNDDOWN($C1409/24,0)+1,1)*INDEX($D$3:$AA$30,INDEX(Jesper!$R$2:$R$366,ROW(INDEX(Jesper!AI$2:AI$366,ROUNDDOWN($C1409/24,0)+1,1))-1)+IF('Standard Profiles'!$G$19=$B$10,7,0)+IF('Standard Profiles'!$G$19=$B$17,14,0)+IF('Standard Profiles'!$G$19=$B$24,21,0),MOD($C1409,24)+1)/SUM(INDEX($D$3:$AA$30,INDEX(Jesper!$R$2:$R$366,ROW(INDEX(Jesper!AI$2:AI$366,ROUNDDOWN($C1409/24,0)+1,1))-1)+IF('Standard Profiles'!$G$19=$B$10,7,0)+IF('Standard Profiles'!$G$19=$B$17,14,0)+IF('Standard Profiles'!$G$19=$B$24,21,0),0)),0)</f>
        <v>0</v>
      </c>
      <c r="F1409" cm="1">
        <f t="array" ref="F1409">IFERROR(INDEX(Jesper!AJ$2:AJ$366,ROUNDDOWN($C1409/24,0)+1,1)*INDEX($D$3:$AA$30,INDEX(Jesper!$R$2:$R$366,ROW(INDEX(Jesper!AJ$2:AJ$366,ROUNDDOWN($C1409/24,0)+1,1))-1)+IF('Standard Profiles'!$G$20=$B$10,7,0)+IF('Standard Profiles'!$G$20=$B$17,14,0)+IF('Standard Profiles'!$G$20=$B$24,21,0),MOD($C1409,24)+1)/SUM(INDEX($D$3:$AA$30,INDEX(Jesper!$R$2:$R$366,ROW(INDEX(Jesper!AJ$2:AJ$366,ROUNDDOWN($C1409/24,0)+1,1))-1)+IF('Standard Profiles'!$G$20=$B$10,7,0)+IF('Standard Profiles'!$G$20=$B$17,14,0)+IF('Standard Profiles'!$G$20=$B$24,21,0),0)),0)</f>
        <v>0</v>
      </c>
      <c r="G1409" cm="1">
        <f t="array" ref="G1409">IFERROR(INDEX(Jesper!AK$2:AK$366,ROUNDDOWN($C1409/24,0)+1,1)*INDEX($D$3:$AA$30,INDEX(Jesper!$R$2:$R$366,ROW(INDEX(Jesper!AK$2:AK$366,ROUNDDOWN($C1409/24,0)+1,1))-1)+IF('Standard Profiles'!$G$21=$B$10,7,0)+IF('Standard Profiles'!$G$21=$B$17,14,0)+IF('Standard Profiles'!$G$21=$B$24,21,0),MOD($C1409,24)+1)/SUM(INDEX($D$3:$AA$30,INDEX(Jesper!$R$2:$R$366,ROW(INDEX(Jesper!AK$2:AK$366,ROUNDDOWN($C1409/24,0)+1,1))-1)+IF('Standard Profiles'!$G$21=$B$10,7,0)+IF('Standard Profiles'!$G$21=$B$17,14,0)+IF('Standard Profiles'!$G$21=$B$24,21,0),0)),0)</f>
        <v>0</v>
      </c>
      <c r="H1409" cm="1">
        <f t="array" ref="H1409">IFERROR(INDEX(Jesper!AL$2:AL$366,ROUNDDOWN($C1409/24,0)+1,1)*INDEX($D$3:$AA$30,INDEX(Jesper!$R$2:$R$366,ROW(INDEX(Jesper!AL$2:AL$366,ROUNDDOWN($C1409/24,0)+1,1))-1)+IF('Standard Profiles'!$G$22=$B$10,7,0)+IF('Standard Profiles'!$G$22=$B$17,14,0)+IF('Standard Profiles'!$G$22=$B$24,21,0),MOD($C1409,24)+1)/SUM(INDEX($D$3:$AA$30,INDEX(Jesper!$R$2:$R$366,ROW(INDEX(Jesper!AL$2:AL$366,ROUNDDOWN($C1409/24,0)+1,1))-1)+IF('Standard Profiles'!$G$22=$B$10,7,0)+IF('Standard Profiles'!$G$22=$B$17,14,0)+IF('Standard Profiles'!$G$22=$B$24,21,0),0)),0)</f>
        <v>0</v>
      </c>
      <c r="I1409">
        <f t="shared" si="167"/>
        <v>0.3347874399314017</v>
      </c>
      <c r="J1409">
        <f t="shared" si="168"/>
        <v>1.1159581331046724</v>
      </c>
      <c r="K1409">
        <f t="shared" si="169"/>
        <v>1.6739371996570085</v>
      </c>
      <c r="L1409">
        <f t="shared" si="170"/>
        <v>8.0348985583536408</v>
      </c>
      <c r="M1409">
        <f t="shared" si="171"/>
        <v>0</v>
      </c>
      <c r="N1409" s="46">
        <f t="shared" si="172"/>
        <v>45349.291666663332</v>
      </c>
    </row>
    <row r="1410" spans="2:14" x14ac:dyDescent="0.3">
      <c r="B1410">
        <f t="shared" si="166"/>
        <v>2</v>
      </c>
      <c r="C1410" s="16">
        <v>1376</v>
      </c>
      <c r="D1410" cm="1">
        <f t="array" ref="D1410">IFERROR(INDEX(Jesper!AH$2:AH$366,ROUNDDOWN($C1410/24,0)+1,1)*INDEX($D$3:$AA$30,INDEX(Jesper!$R$2:$R$366,ROW(INDEX(Jesper!AH$2:AH$366,ROUNDDOWN($C1410/24,0)+1,1))-1)+IF('Standard Profiles'!$G$18=$B$10,7,0)+IF('Standard Profiles'!$G$18=$B$17,14,0)+IF('Standard Profiles'!$G$18=$B$24,21,0),MOD($C1410,24)+1)/SUM(INDEX($D$3:$AA$30,INDEX(Jesper!$R$2:$R$366,ROW(INDEX(Jesper!AH$2:AH$366,ROUNDDOWN($C1410/24,0)+1,1))-1)+IF('Standard Profiles'!$G$18=$B$10,7,0)+IF('Standard Profiles'!$G$18=$B$17,14,0)+IF('Standard Profiles'!$G$18=$B$24,21,0),0)),0)</f>
        <v>11.159581331046724</v>
      </c>
      <c r="E1410" cm="1">
        <f t="array" ref="E1410">IFERROR(INDEX(Jesper!AI$2:AI$366,ROUNDDOWN($C1410/24,0)+1,1)*INDEX($D$3:$AA$30,INDEX(Jesper!$R$2:$R$366,ROW(INDEX(Jesper!AI$2:AI$366,ROUNDDOWN($C1410/24,0)+1,1))-1)+IF('Standard Profiles'!$G$19=$B$10,7,0)+IF('Standard Profiles'!$G$19=$B$17,14,0)+IF('Standard Profiles'!$G$19=$B$24,21,0),MOD($C1410,24)+1)/SUM(INDEX($D$3:$AA$30,INDEX(Jesper!$R$2:$R$366,ROW(INDEX(Jesper!AI$2:AI$366,ROUNDDOWN($C1410/24,0)+1,1))-1)+IF('Standard Profiles'!$G$19=$B$10,7,0)+IF('Standard Profiles'!$G$19=$B$17,14,0)+IF('Standard Profiles'!$G$19=$B$24,21,0),0)),0)</f>
        <v>0</v>
      </c>
      <c r="F1410" cm="1">
        <f t="array" ref="F1410">IFERROR(INDEX(Jesper!AJ$2:AJ$366,ROUNDDOWN($C1410/24,0)+1,1)*INDEX($D$3:$AA$30,INDEX(Jesper!$R$2:$R$366,ROW(INDEX(Jesper!AJ$2:AJ$366,ROUNDDOWN($C1410/24,0)+1,1))-1)+IF('Standard Profiles'!$G$20=$B$10,7,0)+IF('Standard Profiles'!$G$20=$B$17,14,0)+IF('Standard Profiles'!$G$20=$B$24,21,0),MOD($C1410,24)+1)/SUM(INDEX($D$3:$AA$30,INDEX(Jesper!$R$2:$R$366,ROW(INDEX(Jesper!AJ$2:AJ$366,ROUNDDOWN($C1410/24,0)+1,1))-1)+IF('Standard Profiles'!$G$20=$B$10,7,0)+IF('Standard Profiles'!$G$20=$B$17,14,0)+IF('Standard Profiles'!$G$20=$B$24,21,0),0)),0)</f>
        <v>0</v>
      </c>
      <c r="G1410" cm="1">
        <f t="array" ref="G1410">IFERROR(INDEX(Jesper!AK$2:AK$366,ROUNDDOWN($C1410/24,0)+1,1)*INDEX($D$3:$AA$30,INDEX(Jesper!$R$2:$R$366,ROW(INDEX(Jesper!AK$2:AK$366,ROUNDDOWN($C1410/24,0)+1,1))-1)+IF('Standard Profiles'!$G$21=$B$10,7,0)+IF('Standard Profiles'!$G$21=$B$17,14,0)+IF('Standard Profiles'!$G$21=$B$24,21,0),MOD($C1410,24)+1)/SUM(INDEX($D$3:$AA$30,INDEX(Jesper!$R$2:$R$366,ROW(INDEX(Jesper!AK$2:AK$366,ROUNDDOWN($C1410/24,0)+1,1))-1)+IF('Standard Profiles'!$G$21=$B$10,7,0)+IF('Standard Profiles'!$G$21=$B$17,14,0)+IF('Standard Profiles'!$G$21=$B$24,21,0),0)),0)</f>
        <v>0</v>
      </c>
      <c r="H1410" cm="1">
        <f t="array" ref="H1410">IFERROR(INDEX(Jesper!AL$2:AL$366,ROUNDDOWN($C1410/24,0)+1,1)*INDEX($D$3:$AA$30,INDEX(Jesper!$R$2:$R$366,ROW(INDEX(Jesper!AL$2:AL$366,ROUNDDOWN($C1410/24,0)+1,1))-1)+IF('Standard Profiles'!$G$22=$B$10,7,0)+IF('Standard Profiles'!$G$22=$B$17,14,0)+IF('Standard Profiles'!$G$22=$B$24,21,0),MOD($C1410,24)+1)/SUM(INDEX($D$3:$AA$30,INDEX(Jesper!$R$2:$R$366,ROW(INDEX(Jesper!AL$2:AL$366,ROUNDDOWN($C1410/24,0)+1,1))-1)+IF('Standard Profiles'!$G$22=$B$10,7,0)+IF('Standard Profiles'!$G$22=$B$17,14,0)+IF('Standard Profiles'!$G$22=$B$24,21,0),0)),0)</f>
        <v>0</v>
      </c>
      <c r="I1410">
        <f t="shared" si="167"/>
        <v>0.3347874399314017</v>
      </c>
      <c r="J1410">
        <f t="shared" si="168"/>
        <v>1.1159581331046724</v>
      </c>
      <c r="K1410">
        <f t="shared" si="169"/>
        <v>1.6739371996570085</v>
      </c>
      <c r="L1410">
        <f t="shared" si="170"/>
        <v>8.0348985583536408</v>
      </c>
      <c r="M1410">
        <f t="shared" si="171"/>
        <v>0</v>
      </c>
      <c r="N1410" s="46">
        <f t="shared" si="172"/>
        <v>45349.333333329996</v>
      </c>
    </row>
    <row r="1411" spans="2:14" x14ac:dyDescent="0.3">
      <c r="B1411">
        <f t="shared" si="166"/>
        <v>2</v>
      </c>
      <c r="C1411" s="16">
        <v>1377</v>
      </c>
      <c r="D1411" cm="1">
        <f t="array" ref="D1411">IFERROR(INDEX(Jesper!AH$2:AH$366,ROUNDDOWN($C1411/24,0)+1,1)*INDEX($D$3:$AA$30,INDEX(Jesper!$R$2:$R$366,ROW(INDEX(Jesper!AH$2:AH$366,ROUNDDOWN($C1411/24,0)+1,1))-1)+IF('Standard Profiles'!$G$18=$B$10,7,0)+IF('Standard Profiles'!$G$18=$B$17,14,0)+IF('Standard Profiles'!$G$18=$B$24,21,0),MOD($C1411,24)+1)/SUM(INDEX($D$3:$AA$30,INDEX(Jesper!$R$2:$R$366,ROW(INDEX(Jesper!AH$2:AH$366,ROUNDDOWN($C1411/24,0)+1,1))-1)+IF('Standard Profiles'!$G$18=$B$10,7,0)+IF('Standard Profiles'!$G$18=$B$17,14,0)+IF('Standard Profiles'!$G$18=$B$24,21,0),0)),0)</f>
        <v>12.089546441967284</v>
      </c>
      <c r="E1411" cm="1">
        <f t="array" ref="E1411">IFERROR(INDEX(Jesper!AI$2:AI$366,ROUNDDOWN($C1411/24,0)+1,1)*INDEX($D$3:$AA$30,INDEX(Jesper!$R$2:$R$366,ROW(INDEX(Jesper!AI$2:AI$366,ROUNDDOWN($C1411/24,0)+1,1))-1)+IF('Standard Profiles'!$G$19=$B$10,7,0)+IF('Standard Profiles'!$G$19=$B$17,14,0)+IF('Standard Profiles'!$G$19=$B$24,21,0),MOD($C1411,24)+1)/SUM(INDEX($D$3:$AA$30,INDEX(Jesper!$R$2:$R$366,ROW(INDEX(Jesper!AI$2:AI$366,ROUNDDOWN($C1411/24,0)+1,1))-1)+IF('Standard Profiles'!$G$19=$B$10,7,0)+IF('Standard Profiles'!$G$19=$B$17,14,0)+IF('Standard Profiles'!$G$19=$B$24,21,0),0)),0)</f>
        <v>0</v>
      </c>
      <c r="F1411" cm="1">
        <f t="array" ref="F1411">IFERROR(INDEX(Jesper!AJ$2:AJ$366,ROUNDDOWN($C1411/24,0)+1,1)*INDEX($D$3:$AA$30,INDEX(Jesper!$R$2:$R$366,ROW(INDEX(Jesper!AJ$2:AJ$366,ROUNDDOWN($C1411/24,0)+1,1))-1)+IF('Standard Profiles'!$G$20=$B$10,7,0)+IF('Standard Profiles'!$G$20=$B$17,14,0)+IF('Standard Profiles'!$G$20=$B$24,21,0),MOD($C1411,24)+1)/SUM(INDEX($D$3:$AA$30,INDEX(Jesper!$R$2:$R$366,ROW(INDEX(Jesper!AJ$2:AJ$366,ROUNDDOWN($C1411/24,0)+1,1))-1)+IF('Standard Profiles'!$G$20=$B$10,7,0)+IF('Standard Profiles'!$G$20=$B$17,14,0)+IF('Standard Profiles'!$G$20=$B$24,21,0),0)),0)</f>
        <v>0</v>
      </c>
      <c r="G1411" cm="1">
        <f t="array" ref="G1411">IFERROR(INDEX(Jesper!AK$2:AK$366,ROUNDDOWN($C1411/24,0)+1,1)*INDEX($D$3:$AA$30,INDEX(Jesper!$R$2:$R$366,ROW(INDEX(Jesper!AK$2:AK$366,ROUNDDOWN($C1411/24,0)+1,1))-1)+IF('Standard Profiles'!$G$21=$B$10,7,0)+IF('Standard Profiles'!$G$21=$B$17,14,0)+IF('Standard Profiles'!$G$21=$B$24,21,0),MOD($C1411,24)+1)/SUM(INDEX($D$3:$AA$30,INDEX(Jesper!$R$2:$R$366,ROW(INDEX(Jesper!AK$2:AK$366,ROUNDDOWN($C1411/24,0)+1,1))-1)+IF('Standard Profiles'!$G$21=$B$10,7,0)+IF('Standard Profiles'!$G$21=$B$17,14,0)+IF('Standard Profiles'!$G$21=$B$24,21,0),0)),0)</f>
        <v>0</v>
      </c>
      <c r="H1411" cm="1">
        <f t="array" ref="H1411">IFERROR(INDEX(Jesper!AL$2:AL$366,ROUNDDOWN($C1411/24,0)+1,1)*INDEX($D$3:$AA$30,INDEX(Jesper!$R$2:$R$366,ROW(INDEX(Jesper!AL$2:AL$366,ROUNDDOWN($C1411/24,0)+1,1))-1)+IF('Standard Profiles'!$G$22=$B$10,7,0)+IF('Standard Profiles'!$G$22=$B$17,14,0)+IF('Standard Profiles'!$G$22=$B$24,21,0),MOD($C1411,24)+1)/SUM(INDEX($D$3:$AA$30,INDEX(Jesper!$R$2:$R$366,ROW(INDEX(Jesper!AL$2:AL$366,ROUNDDOWN($C1411/24,0)+1,1))-1)+IF('Standard Profiles'!$G$22=$B$10,7,0)+IF('Standard Profiles'!$G$22=$B$17,14,0)+IF('Standard Profiles'!$G$22=$B$24,21,0),0)),0)</f>
        <v>0</v>
      </c>
      <c r="I1411">
        <f t="shared" si="167"/>
        <v>0.36268639325901852</v>
      </c>
      <c r="J1411">
        <f t="shared" si="168"/>
        <v>1.2089546441967285</v>
      </c>
      <c r="K1411">
        <f t="shared" si="169"/>
        <v>1.8134319662950926</v>
      </c>
      <c r="L1411">
        <f t="shared" si="170"/>
        <v>8.7044734382164446</v>
      </c>
      <c r="M1411">
        <f t="shared" si="171"/>
        <v>0</v>
      </c>
      <c r="N1411" s="46">
        <f t="shared" si="172"/>
        <v>45349.37499999666</v>
      </c>
    </row>
    <row r="1412" spans="2:14" x14ac:dyDescent="0.3">
      <c r="B1412">
        <f t="shared" si="166"/>
        <v>2</v>
      </c>
      <c r="C1412" s="16">
        <v>1378</v>
      </c>
      <c r="D1412" cm="1">
        <f t="array" ref="D1412">IFERROR(INDEX(Jesper!AH$2:AH$366,ROUNDDOWN($C1412/24,0)+1,1)*INDEX($D$3:$AA$30,INDEX(Jesper!$R$2:$R$366,ROW(INDEX(Jesper!AH$2:AH$366,ROUNDDOWN($C1412/24,0)+1,1))-1)+IF('Standard Profiles'!$G$18=$B$10,7,0)+IF('Standard Profiles'!$G$18=$B$17,14,0)+IF('Standard Profiles'!$G$18=$B$24,21,0),MOD($C1412,24)+1)/SUM(INDEX($D$3:$AA$30,INDEX(Jesper!$R$2:$R$366,ROW(INDEX(Jesper!AH$2:AH$366,ROUNDDOWN($C1412/24,0)+1,1))-1)+IF('Standard Profiles'!$G$18=$B$10,7,0)+IF('Standard Profiles'!$G$18=$B$17,14,0)+IF('Standard Profiles'!$G$18=$B$24,21,0),0)),0)</f>
        <v>12.647525508519621</v>
      </c>
      <c r="E1412" cm="1">
        <f t="array" ref="E1412">IFERROR(INDEX(Jesper!AI$2:AI$366,ROUNDDOWN($C1412/24,0)+1,1)*INDEX($D$3:$AA$30,INDEX(Jesper!$R$2:$R$366,ROW(INDEX(Jesper!AI$2:AI$366,ROUNDDOWN($C1412/24,0)+1,1))-1)+IF('Standard Profiles'!$G$19=$B$10,7,0)+IF('Standard Profiles'!$G$19=$B$17,14,0)+IF('Standard Profiles'!$G$19=$B$24,21,0),MOD($C1412,24)+1)/SUM(INDEX($D$3:$AA$30,INDEX(Jesper!$R$2:$R$366,ROW(INDEX(Jesper!AI$2:AI$366,ROUNDDOWN($C1412/24,0)+1,1))-1)+IF('Standard Profiles'!$G$19=$B$10,7,0)+IF('Standard Profiles'!$G$19=$B$17,14,0)+IF('Standard Profiles'!$G$19=$B$24,21,0),0)),0)</f>
        <v>0</v>
      </c>
      <c r="F1412" cm="1">
        <f t="array" ref="F1412">IFERROR(INDEX(Jesper!AJ$2:AJ$366,ROUNDDOWN($C1412/24,0)+1,1)*INDEX($D$3:$AA$30,INDEX(Jesper!$R$2:$R$366,ROW(INDEX(Jesper!AJ$2:AJ$366,ROUNDDOWN($C1412/24,0)+1,1))-1)+IF('Standard Profiles'!$G$20=$B$10,7,0)+IF('Standard Profiles'!$G$20=$B$17,14,0)+IF('Standard Profiles'!$G$20=$B$24,21,0),MOD($C1412,24)+1)/SUM(INDEX($D$3:$AA$30,INDEX(Jesper!$R$2:$R$366,ROW(INDEX(Jesper!AJ$2:AJ$366,ROUNDDOWN($C1412/24,0)+1,1))-1)+IF('Standard Profiles'!$G$20=$B$10,7,0)+IF('Standard Profiles'!$G$20=$B$17,14,0)+IF('Standard Profiles'!$G$20=$B$24,21,0),0)),0)</f>
        <v>0</v>
      </c>
      <c r="G1412" cm="1">
        <f t="array" ref="G1412">IFERROR(INDEX(Jesper!AK$2:AK$366,ROUNDDOWN($C1412/24,0)+1,1)*INDEX($D$3:$AA$30,INDEX(Jesper!$R$2:$R$366,ROW(INDEX(Jesper!AK$2:AK$366,ROUNDDOWN($C1412/24,0)+1,1))-1)+IF('Standard Profiles'!$G$21=$B$10,7,0)+IF('Standard Profiles'!$G$21=$B$17,14,0)+IF('Standard Profiles'!$G$21=$B$24,21,0),MOD($C1412,24)+1)/SUM(INDEX($D$3:$AA$30,INDEX(Jesper!$R$2:$R$366,ROW(INDEX(Jesper!AK$2:AK$366,ROUNDDOWN($C1412/24,0)+1,1))-1)+IF('Standard Profiles'!$G$21=$B$10,7,0)+IF('Standard Profiles'!$G$21=$B$17,14,0)+IF('Standard Profiles'!$G$21=$B$24,21,0),0)),0)</f>
        <v>0</v>
      </c>
      <c r="H1412" cm="1">
        <f t="array" ref="H1412">IFERROR(INDEX(Jesper!AL$2:AL$366,ROUNDDOWN($C1412/24,0)+1,1)*INDEX($D$3:$AA$30,INDEX(Jesper!$R$2:$R$366,ROW(INDEX(Jesper!AL$2:AL$366,ROUNDDOWN($C1412/24,0)+1,1))-1)+IF('Standard Profiles'!$G$22=$B$10,7,0)+IF('Standard Profiles'!$G$22=$B$17,14,0)+IF('Standard Profiles'!$G$22=$B$24,21,0),MOD($C1412,24)+1)/SUM(INDEX($D$3:$AA$30,INDEX(Jesper!$R$2:$R$366,ROW(INDEX(Jesper!AL$2:AL$366,ROUNDDOWN($C1412/24,0)+1,1))-1)+IF('Standard Profiles'!$G$22=$B$10,7,0)+IF('Standard Profiles'!$G$22=$B$17,14,0)+IF('Standard Profiles'!$G$22=$B$24,21,0),0)),0)</f>
        <v>0</v>
      </c>
      <c r="I1412">
        <f t="shared" si="167"/>
        <v>0.37942576525558863</v>
      </c>
      <c r="J1412">
        <f t="shared" si="168"/>
        <v>1.2647525508519621</v>
      </c>
      <c r="K1412">
        <f t="shared" si="169"/>
        <v>1.8971288262779431</v>
      </c>
      <c r="L1412">
        <f t="shared" si="170"/>
        <v>9.1062183661341276</v>
      </c>
      <c r="M1412">
        <f t="shared" si="171"/>
        <v>0</v>
      </c>
      <c r="N1412" s="46">
        <f t="shared" si="172"/>
        <v>45349.416666663325</v>
      </c>
    </row>
    <row r="1413" spans="2:14" x14ac:dyDescent="0.3">
      <c r="B1413">
        <f t="shared" si="166"/>
        <v>2</v>
      </c>
      <c r="C1413" s="16">
        <v>1379</v>
      </c>
      <c r="D1413" cm="1">
        <f t="array" ref="D1413">IFERROR(INDEX(Jesper!AH$2:AH$366,ROUNDDOWN($C1413/24,0)+1,1)*INDEX($D$3:$AA$30,INDEX(Jesper!$R$2:$R$366,ROW(INDEX(Jesper!AH$2:AH$366,ROUNDDOWN($C1413/24,0)+1,1))-1)+IF('Standard Profiles'!$G$18=$B$10,7,0)+IF('Standard Profiles'!$G$18=$B$17,14,0)+IF('Standard Profiles'!$G$18=$B$24,21,0),MOD($C1413,24)+1)/SUM(INDEX($D$3:$AA$30,INDEX(Jesper!$R$2:$R$366,ROW(INDEX(Jesper!AH$2:AH$366,ROUNDDOWN($C1413/24,0)+1,1))-1)+IF('Standard Profiles'!$G$18=$B$10,7,0)+IF('Standard Profiles'!$G$18=$B$17,14,0)+IF('Standard Profiles'!$G$18=$B$24,21,0),0)),0)</f>
        <v>14.879441774728965</v>
      </c>
      <c r="E1413" cm="1">
        <f t="array" ref="E1413">IFERROR(INDEX(Jesper!AI$2:AI$366,ROUNDDOWN($C1413/24,0)+1,1)*INDEX($D$3:$AA$30,INDEX(Jesper!$R$2:$R$366,ROW(INDEX(Jesper!AI$2:AI$366,ROUNDDOWN($C1413/24,0)+1,1))-1)+IF('Standard Profiles'!$G$19=$B$10,7,0)+IF('Standard Profiles'!$G$19=$B$17,14,0)+IF('Standard Profiles'!$G$19=$B$24,21,0),MOD($C1413,24)+1)/SUM(INDEX($D$3:$AA$30,INDEX(Jesper!$R$2:$R$366,ROW(INDEX(Jesper!AI$2:AI$366,ROUNDDOWN($C1413/24,0)+1,1))-1)+IF('Standard Profiles'!$G$19=$B$10,7,0)+IF('Standard Profiles'!$G$19=$B$17,14,0)+IF('Standard Profiles'!$G$19=$B$24,21,0),0)),0)</f>
        <v>0</v>
      </c>
      <c r="F1413" cm="1">
        <f t="array" ref="F1413">IFERROR(INDEX(Jesper!AJ$2:AJ$366,ROUNDDOWN($C1413/24,0)+1,1)*INDEX($D$3:$AA$30,INDEX(Jesper!$R$2:$R$366,ROW(INDEX(Jesper!AJ$2:AJ$366,ROUNDDOWN($C1413/24,0)+1,1))-1)+IF('Standard Profiles'!$G$20=$B$10,7,0)+IF('Standard Profiles'!$G$20=$B$17,14,0)+IF('Standard Profiles'!$G$20=$B$24,21,0),MOD($C1413,24)+1)/SUM(INDEX($D$3:$AA$30,INDEX(Jesper!$R$2:$R$366,ROW(INDEX(Jesper!AJ$2:AJ$366,ROUNDDOWN($C1413/24,0)+1,1))-1)+IF('Standard Profiles'!$G$20=$B$10,7,0)+IF('Standard Profiles'!$G$20=$B$17,14,0)+IF('Standard Profiles'!$G$20=$B$24,21,0),0)),0)</f>
        <v>0</v>
      </c>
      <c r="G1413" cm="1">
        <f t="array" ref="G1413">IFERROR(INDEX(Jesper!AK$2:AK$366,ROUNDDOWN($C1413/24,0)+1,1)*INDEX($D$3:$AA$30,INDEX(Jesper!$R$2:$R$366,ROW(INDEX(Jesper!AK$2:AK$366,ROUNDDOWN($C1413/24,0)+1,1))-1)+IF('Standard Profiles'!$G$21=$B$10,7,0)+IF('Standard Profiles'!$G$21=$B$17,14,0)+IF('Standard Profiles'!$G$21=$B$24,21,0),MOD($C1413,24)+1)/SUM(INDEX($D$3:$AA$30,INDEX(Jesper!$R$2:$R$366,ROW(INDEX(Jesper!AK$2:AK$366,ROUNDDOWN($C1413/24,0)+1,1))-1)+IF('Standard Profiles'!$G$21=$B$10,7,0)+IF('Standard Profiles'!$G$21=$B$17,14,0)+IF('Standard Profiles'!$G$21=$B$24,21,0),0)),0)</f>
        <v>0</v>
      </c>
      <c r="H1413" cm="1">
        <f t="array" ref="H1413">IFERROR(INDEX(Jesper!AL$2:AL$366,ROUNDDOWN($C1413/24,0)+1,1)*INDEX($D$3:$AA$30,INDEX(Jesper!$R$2:$R$366,ROW(INDEX(Jesper!AL$2:AL$366,ROUNDDOWN($C1413/24,0)+1,1))-1)+IF('Standard Profiles'!$G$22=$B$10,7,0)+IF('Standard Profiles'!$G$22=$B$17,14,0)+IF('Standard Profiles'!$G$22=$B$24,21,0),MOD($C1413,24)+1)/SUM(INDEX($D$3:$AA$30,INDEX(Jesper!$R$2:$R$366,ROW(INDEX(Jesper!AL$2:AL$366,ROUNDDOWN($C1413/24,0)+1,1))-1)+IF('Standard Profiles'!$G$22=$B$10,7,0)+IF('Standard Profiles'!$G$22=$B$17,14,0)+IF('Standard Profiles'!$G$22=$B$24,21,0),0)),0)</f>
        <v>0</v>
      </c>
      <c r="I1413">
        <f t="shared" si="167"/>
        <v>0.44638325324186895</v>
      </c>
      <c r="J1413">
        <f t="shared" si="168"/>
        <v>1.4879441774728965</v>
      </c>
      <c r="K1413">
        <f t="shared" si="169"/>
        <v>2.2319162662093448</v>
      </c>
      <c r="L1413">
        <f t="shared" si="170"/>
        <v>10.713198077804854</v>
      </c>
      <c r="M1413">
        <f t="shared" si="171"/>
        <v>0</v>
      </c>
      <c r="N1413" s="46">
        <f t="shared" si="172"/>
        <v>45349.458333329989</v>
      </c>
    </row>
    <row r="1414" spans="2:14" x14ac:dyDescent="0.3">
      <c r="B1414">
        <f t="shared" si="166"/>
        <v>2</v>
      </c>
      <c r="C1414" s="16">
        <v>1380</v>
      </c>
      <c r="D1414" cm="1">
        <f t="array" ref="D1414">IFERROR(INDEX(Jesper!AH$2:AH$366,ROUNDDOWN($C1414/24,0)+1,1)*INDEX($D$3:$AA$30,INDEX(Jesper!$R$2:$R$366,ROW(INDEX(Jesper!AH$2:AH$366,ROUNDDOWN($C1414/24,0)+1,1))-1)+IF('Standard Profiles'!$G$18=$B$10,7,0)+IF('Standard Profiles'!$G$18=$B$17,14,0)+IF('Standard Profiles'!$G$18=$B$24,21,0),MOD($C1414,24)+1)/SUM(INDEX($D$3:$AA$30,INDEX(Jesper!$R$2:$R$366,ROW(INDEX(Jesper!AH$2:AH$366,ROUNDDOWN($C1414/24,0)+1,1))-1)+IF('Standard Profiles'!$G$18=$B$10,7,0)+IF('Standard Profiles'!$G$18=$B$17,14,0)+IF('Standard Profiles'!$G$18=$B$24,21,0),0)),0)</f>
        <v>14.879441774728965</v>
      </c>
      <c r="E1414" cm="1">
        <f t="array" ref="E1414">IFERROR(INDEX(Jesper!AI$2:AI$366,ROUNDDOWN($C1414/24,0)+1,1)*INDEX($D$3:$AA$30,INDEX(Jesper!$R$2:$R$366,ROW(INDEX(Jesper!AI$2:AI$366,ROUNDDOWN($C1414/24,0)+1,1))-1)+IF('Standard Profiles'!$G$19=$B$10,7,0)+IF('Standard Profiles'!$G$19=$B$17,14,0)+IF('Standard Profiles'!$G$19=$B$24,21,0),MOD($C1414,24)+1)/SUM(INDEX($D$3:$AA$30,INDEX(Jesper!$R$2:$R$366,ROW(INDEX(Jesper!AI$2:AI$366,ROUNDDOWN($C1414/24,0)+1,1))-1)+IF('Standard Profiles'!$G$19=$B$10,7,0)+IF('Standard Profiles'!$G$19=$B$17,14,0)+IF('Standard Profiles'!$G$19=$B$24,21,0),0)),0)</f>
        <v>0</v>
      </c>
      <c r="F1414" cm="1">
        <f t="array" ref="F1414">IFERROR(INDEX(Jesper!AJ$2:AJ$366,ROUNDDOWN($C1414/24,0)+1,1)*INDEX($D$3:$AA$30,INDEX(Jesper!$R$2:$R$366,ROW(INDEX(Jesper!AJ$2:AJ$366,ROUNDDOWN($C1414/24,0)+1,1))-1)+IF('Standard Profiles'!$G$20=$B$10,7,0)+IF('Standard Profiles'!$G$20=$B$17,14,0)+IF('Standard Profiles'!$G$20=$B$24,21,0),MOD($C1414,24)+1)/SUM(INDEX($D$3:$AA$30,INDEX(Jesper!$R$2:$R$366,ROW(INDEX(Jesper!AJ$2:AJ$366,ROUNDDOWN($C1414/24,0)+1,1))-1)+IF('Standard Profiles'!$G$20=$B$10,7,0)+IF('Standard Profiles'!$G$20=$B$17,14,0)+IF('Standard Profiles'!$G$20=$B$24,21,0),0)),0)</f>
        <v>0</v>
      </c>
      <c r="G1414" cm="1">
        <f t="array" ref="G1414">IFERROR(INDEX(Jesper!AK$2:AK$366,ROUNDDOWN($C1414/24,0)+1,1)*INDEX($D$3:$AA$30,INDEX(Jesper!$R$2:$R$366,ROW(INDEX(Jesper!AK$2:AK$366,ROUNDDOWN($C1414/24,0)+1,1))-1)+IF('Standard Profiles'!$G$21=$B$10,7,0)+IF('Standard Profiles'!$G$21=$B$17,14,0)+IF('Standard Profiles'!$G$21=$B$24,21,0),MOD($C1414,24)+1)/SUM(INDEX($D$3:$AA$30,INDEX(Jesper!$R$2:$R$366,ROW(INDEX(Jesper!AK$2:AK$366,ROUNDDOWN($C1414/24,0)+1,1))-1)+IF('Standard Profiles'!$G$21=$B$10,7,0)+IF('Standard Profiles'!$G$21=$B$17,14,0)+IF('Standard Profiles'!$G$21=$B$24,21,0),0)),0)</f>
        <v>0</v>
      </c>
      <c r="H1414" cm="1">
        <f t="array" ref="H1414">IFERROR(INDEX(Jesper!AL$2:AL$366,ROUNDDOWN($C1414/24,0)+1,1)*INDEX($D$3:$AA$30,INDEX(Jesper!$R$2:$R$366,ROW(INDEX(Jesper!AL$2:AL$366,ROUNDDOWN($C1414/24,0)+1,1))-1)+IF('Standard Profiles'!$G$22=$B$10,7,0)+IF('Standard Profiles'!$G$22=$B$17,14,0)+IF('Standard Profiles'!$G$22=$B$24,21,0),MOD($C1414,24)+1)/SUM(INDEX($D$3:$AA$30,INDEX(Jesper!$R$2:$R$366,ROW(INDEX(Jesper!AL$2:AL$366,ROUNDDOWN($C1414/24,0)+1,1))-1)+IF('Standard Profiles'!$G$22=$B$10,7,0)+IF('Standard Profiles'!$G$22=$B$17,14,0)+IF('Standard Profiles'!$G$22=$B$24,21,0),0)),0)</f>
        <v>0</v>
      </c>
      <c r="I1414">
        <f t="shared" si="167"/>
        <v>0.44638325324186895</v>
      </c>
      <c r="J1414">
        <f t="shared" si="168"/>
        <v>1.4879441774728965</v>
      </c>
      <c r="K1414">
        <f t="shared" si="169"/>
        <v>2.2319162662093448</v>
      </c>
      <c r="L1414">
        <f t="shared" si="170"/>
        <v>10.713198077804854</v>
      </c>
      <c r="M1414">
        <f t="shared" si="171"/>
        <v>0</v>
      </c>
      <c r="N1414" s="46">
        <f t="shared" si="172"/>
        <v>45349.499999996653</v>
      </c>
    </row>
    <row r="1415" spans="2:14" x14ac:dyDescent="0.3">
      <c r="B1415">
        <f t="shared" si="166"/>
        <v>2</v>
      </c>
      <c r="C1415" s="16">
        <v>1381</v>
      </c>
      <c r="D1415" cm="1">
        <f t="array" ref="D1415">IFERROR(INDEX(Jesper!AH$2:AH$366,ROUNDDOWN($C1415/24,0)+1,1)*INDEX($D$3:$AA$30,INDEX(Jesper!$R$2:$R$366,ROW(INDEX(Jesper!AH$2:AH$366,ROUNDDOWN($C1415/24,0)+1,1))-1)+IF('Standard Profiles'!$G$18=$B$10,7,0)+IF('Standard Profiles'!$G$18=$B$17,14,0)+IF('Standard Profiles'!$G$18=$B$24,21,0),MOD($C1415,24)+1)/SUM(INDEX($D$3:$AA$30,INDEX(Jesper!$R$2:$R$366,ROW(INDEX(Jesper!AH$2:AH$366,ROUNDDOWN($C1415/24,0)+1,1))-1)+IF('Standard Profiles'!$G$18=$B$10,7,0)+IF('Standard Profiles'!$G$18=$B$17,14,0)+IF('Standard Profiles'!$G$18=$B$24,21,0),0)),0)</f>
        <v>14.879441774728965</v>
      </c>
      <c r="E1415" cm="1">
        <f t="array" ref="E1415">IFERROR(INDEX(Jesper!AI$2:AI$366,ROUNDDOWN($C1415/24,0)+1,1)*INDEX($D$3:$AA$30,INDEX(Jesper!$R$2:$R$366,ROW(INDEX(Jesper!AI$2:AI$366,ROUNDDOWN($C1415/24,0)+1,1))-1)+IF('Standard Profiles'!$G$19=$B$10,7,0)+IF('Standard Profiles'!$G$19=$B$17,14,0)+IF('Standard Profiles'!$G$19=$B$24,21,0),MOD($C1415,24)+1)/SUM(INDEX($D$3:$AA$30,INDEX(Jesper!$R$2:$R$366,ROW(INDEX(Jesper!AI$2:AI$366,ROUNDDOWN($C1415/24,0)+1,1))-1)+IF('Standard Profiles'!$G$19=$B$10,7,0)+IF('Standard Profiles'!$G$19=$B$17,14,0)+IF('Standard Profiles'!$G$19=$B$24,21,0),0)),0)</f>
        <v>0</v>
      </c>
      <c r="F1415" cm="1">
        <f t="array" ref="F1415">IFERROR(INDEX(Jesper!AJ$2:AJ$366,ROUNDDOWN($C1415/24,0)+1,1)*INDEX($D$3:$AA$30,INDEX(Jesper!$R$2:$R$366,ROW(INDEX(Jesper!AJ$2:AJ$366,ROUNDDOWN($C1415/24,0)+1,1))-1)+IF('Standard Profiles'!$G$20=$B$10,7,0)+IF('Standard Profiles'!$G$20=$B$17,14,0)+IF('Standard Profiles'!$G$20=$B$24,21,0),MOD($C1415,24)+1)/SUM(INDEX($D$3:$AA$30,INDEX(Jesper!$R$2:$R$366,ROW(INDEX(Jesper!AJ$2:AJ$366,ROUNDDOWN($C1415/24,0)+1,1))-1)+IF('Standard Profiles'!$G$20=$B$10,7,0)+IF('Standard Profiles'!$G$20=$B$17,14,0)+IF('Standard Profiles'!$G$20=$B$24,21,0),0)),0)</f>
        <v>0</v>
      </c>
      <c r="G1415" cm="1">
        <f t="array" ref="G1415">IFERROR(INDEX(Jesper!AK$2:AK$366,ROUNDDOWN($C1415/24,0)+1,1)*INDEX($D$3:$AA$30,INDEX(Jesper!$R$2:$R$366,ROW(INDEX(Jesper!AK$2:AK$366,ROUNDDOWN($C1415/24,0)+1,1))-1)+IF('Standard Profiles'!$G$21=$B$10,7,0)+IF('Standard Profiles'!$G$21=$B$17,14,0)+IF('Standard Profiles'!$G$21=$B$24,21,0),MOD($C1415,24)+1)/SUM(INDEX($D$3:$AA$30,INDEX(Jesper!$R$2:$R$366,ROW(INDEX(Jesper!AK$2:AK$366,ROUNDDOWN($C1415/24,0)+1,1))-1)+IF('Standard Profiles'!$G$21=$B$10,7,0)+IF('Standard Profiles'!$G$21=$B$17,14,0)+IF('Standard Profiles'!$G$21=$B$24,21,0),0)),0)</f>
        <v>0</v>
      </c>
      <c r="H1415" cm="1">
        <f t="array" ref="H1415">IFERROR(INDEX(Jesper!AL$2:AL$366,ROUNDDOWN($C1415/24,0)+1,1)*INDEX($D$3:$AA$30,INDEX(Jesper!$R$2:$R$366,ROW(INDEX(Jesper!AL$2:AL$366,ROUNDDOWN($C1415/24,0)+1,1))-1)+IF('Standard Profiles'!$G$22=$B$10,7,0)+IF('Standard Profiles'!$G$22=$B$17,14,0)+IF('Standard Profiles'!$G$22=$B$24,21,0),MOD($C1415,24)+1)/SUM(INDEX($D$3:$AA$30,INDEX(Jesper!$R$2:$R$366,ROW(INDEX(Jesper!AL$2:AL$366,ROUNDDOWN($C1415/24,0)+1,1))-1)+IF('Standard Profiles'!$G$22=$B$10,7,0)+IF('Standard Profiles'!$G$22=$B$17,14,0)+IF('Standard Profiles'!$G$22=$B$24,21,0),0)),0)</f>
        <v>0</v>
      </c>
      <c r="I1415">
        <f t="shared" si="167"/>
        <v>0.44638325324186895</v>
      </c>
      <c r="J1415">
        <f t="shared" si="168"/>
        <v>1.4879441774728965</v>
      </c>
      <c r="K1415">
        <f t="shared" si="169"/>
        <v>2.2319162662093448</v>
      </c>
      <c r="L1415">
        <f t="shared" si="170"/>
        <v>10.713198077804854</v>
      </c>
      <c r="M1415">
        <f t="shared" si="171"/>
        <v>0</v>
      </c>
      <c r="N1415" s="46">
        <f t="shared" si="172"/>
        <v>45349.541666663317</v>
      </c>
    </row>
    <row r="1416" spans="2:14" x14ac:dyDescent="0.3">
      <c r="B1416">
        <f t="shared" si="166"/>
        <v>2</v>
      </c>
      <c r="C1416" s="16">
        <v>1382</v>
      </c>
      <c r="D1416" cm="1">
        <f t="array" ref="D1416">IFERROR(INDEX(Jesper!AH$2:AH$366,ROUNDDOWN($C1416/24,0)+1,1)*INDEX($D$3:$AA$30,INDEX(Jesper!$R$2:$R$366,ROW(INDEX(Jesper!AH$2:AH$366,ROUNDDOWN($C1416/24,0)+1,1))-1)+IF('Standard Profiles'!$G$18=$B$10,7,0)+IF('Standard Profiles'!$G$18=$B$17,14,0)+IF('Standard Profiles'!$G$18=$B$24,21,0),MOD($C1416,24)+1)/SUM(INDEX($D$3:$AA$30,INDEX(Jesper!$R$2:$R$366,ROW(INDEX(Jesper!AH$2:AH$366,ROUNDDOWN($C1416/24,0)+1,1))-1)+IF('Standard Profiles'!$G$18=$B$10,7,0)+IF('Standard Profiles'!$G$18=$B$17,14,0)+IF('Standard Profiles'!$G$18=$B$24,21,0),0)),0)</f>
        <v>14.879441774728965</v>
      </c>
      <c r="E1416" cm="1">
        <f t="array" ref="E1416">IFERROR(INDEX(Jesper!AI$2:AI$366,ROUNDDOWN($C1416/24,0)+1,1)*INDEX($D$3:$AA$30,INDEX(Jesper!$R$2:$R$366,ROW(INDEX(Jesper!AI$2:AI$366,ROUNDDOWN($C1416/24,0)+1,1))-1)+IF('Standard Profiles'!$G$19=$B$10,7,0)+IF('Standard Profiles'!$G$19=$B$17,14,0)+IF('Standard Profiles'!$G$19=$B$24,21,0),MOD($C1416,24)+1)/SUM(INDEX($D$3:$AA$30,INDEX(Jesper!$R$2:$R$366,ROW(INDEX(Jesper!AI$2:AI$366,ROUNDDOWN($C1416/24,0)+1,1))-1)+IF('Standard Profiles'!$G$19=$B$10,7,0)+IF('Standard Profiles'!$G$19=$B$17,14,0)+IF('Standard Profiles'!$G$19=$B$24,21,0),0)),0)</f>
        <v>0</v>
      </c>
      <c r="F1416" cm="1">
        <f t="array" ref="F1416">IFERROR(INDEX(Jesper!AJ$2:AJ$366,ROUNDDOWN($C1416/24,0)+1,1)*INDEX($D$3:$AA$30,INDEX(Jesper!$R$2:$R$366,ROW(INDEX(Jesper!AJ$2:AJ$366,ROUNDDOWN($C1416/24,0)+1,1))-1)+IF('Standard Profiles'!$G$20=$B$10,7,0)+IF('Standard Profiles'!$G$20=$B$17,14,0)+IF('Standard Profiles'!$G$20=$B$24,21,0),MOD($C1416,24)+1)/SUM(INDEX($D$3:$AA$30,INDEX(Jesper!$R$2:$R$366,ROW(INDEX(Jesper!AJ$2:AJ$366,ROUNDDOWN($C1416/24,0)+1,1))-1)+IF('Standard Profiles'!$G$20=$B$10,7,0)+IF('Standard Profiles'!$G$20=$B$17,14,0)+IF('Standard Profiles'!$G$20=$B$24,21,0),0)),0)</f>
        <v>0</v>
      </c>
      <c r="G1416" cm="1">
        <f t="array" ref="G1416">IFERROR(INDEX(Jesper!AK$2:AK$366,ROUNDDOWN($C1416/24,0)+1,1)*INDEX($D$3:$AA$30,INDEX(Jesper!$R$2:$R$366,ROW(INDEX(Jesper!AK$2:AK$366,ROUNDDOWN($C1416/24,0)+1,1))-1)+IF('Standard Profiles'!$G$21=$B$10,7,0)+IF('Standard Profiles'!$G$21=$B$17,14,0)+IF('Standard Profiles'!$G$21=$B$24,21,0),MOD($C1416,24)+1)/SUM(INDEX($D$3:$AA$30,INDEX(Jesper!$R$2:$R$366,ROW(INDEX(Jesper!AK$2:AK$366,ROUNDDOWN($C1416/24,0)+1,1))-1)+IF('Standard Profiles'!$G$21=$B$10,7,0)+IF('Standard Profiles'!$G$21=$B$17,14,0)+IF('Standard Profiles'!$G$21=$B$24,21,0),0)),0)</f>
        <v>0</v>
      </c>
      <c r="H1416" cm="1">
        <f t="array" ref="H1416">IFERROR(INDEX(Jesper!AL$2:AL$366,ROUNDDOWN($C1416/24,0)+1,1)*INDEX($D$3:$AA$30,INDEX(Jesper!$R$2:$R$366,ROW(INDEX(Jesper!AL$2:AL$366,ROUNDDOWN($C1416/24,0)+1,1))-1)+IF('Standard Profiles'!$G$22=$B$10,7,0)+IF('Standard Profiles'!$G$22=$B$17,14,0)+IF('Standard Profiles'!$G$22=$B$24,21,0),MOD($C1416,24)+1)/SUM(INDEX($D$3:$AA$30,INDEX(Jesper!$R$2:$R$366,ROW(INDEX(Jesper!AL$2:AL$366,ROUNDDOWN($C1416/24,0)+1,1))-1)+IF('Standard Profiles'!$G$22=$B$10,7,0)+IF('Standard Profiles'!$G$22=$B$17,14,0)+IF('Standard Profiles'!$G$22=$B$24,21,0),0)),0)</f>
        <v>0</v>
      </c>
      <c r="I1416">
        <f t="shared" si="167"/>
        <v>0.44638325324186895</v>
      </c>
      <c r="J1416">
        <f t="shared" si="168"/>
        <v>1.4879441774728965</v>
      </c>
      <c r="K1416">
        <f t="shared" si="169"/>
        <v>2.2319162662093448</v>
      </c>
      <c r="L1416">
        <f t="shared" si="170"/>
        <v>10.713198077804854</v>
      </c>
      <c r="M1416">
        <f t="shared" si="171"/>
        <v>0</v>
      </c>
      <c r="N1416" s="46">
        <f t="shared" si="172"/>
        <v>45349.583333329982</v>
      </c>
    </row>
    <row r="1417" spans="2:14" x14ac:dyDescent="0.3">
      <c r="B1417">
        <f t="shared" si="166"/>
        <v>2</v>
      </c>
      <c r="C1417" s="16">
        <v>1383</v>
      </c>
      <c r="D1417" cm="1">
        <f t="array" ref="D1417">IFERROR(INDEX(Jesper!AH$2:AH$366,ROUNDDOWN($C1417/24,0)+1,1)*INDEX($D$3:$AA$30,INDEX(Jesper!$R$2:$R$366,ROW(INDEX(Jesper!AH$2:AH$366,ROUNDDOWN($C1417/24,0)+1,1))-1)+IF('Standard Profiles'!$G$18=$B$10,7,0)+IF('Standard Profiles'!$G$18=$B$17,14,0)+IF('Standard Profiles'!$G$18=$B$24,21,0),MOD($C1417,24)+1)/SUM(INDEX($D$3:$AA$30,INDEX(Jesper!$R$2:$R$366,ROW(INDEX(Jesper!AH$2:AH$366,ROUNDDOWN($C1417/24,0)+1,1))-1)+IF('Standard Profiles'!$G$18=$B$10,7,0)+IF('Standard Profiles'!$G$18=$B$17,14,0)+IF('Standard Profiles'!$G$18=$B$24,21,0),0)),0)</f>
        <v>14.879441774728965</v>
      </c>
      <c r="E1417" cm="1">
        <f t="array" ref="E1417">IFERROR(INDEX(Jesper!AI$2:AI$366,ROUNDDOWN($C1417/24,0)+1,1)*INDEX($D$3:$AA$30,INDEX(Jesper!$R$2:$R$366,ROW(INDEX(Jesper!AI$2:AI$366,ROUNDDOWN($C1417/24,0)+1,1))-1)+IF('Standard Profiles'!$G$19=$B$10,7,0)+IF('Standard Profiles'!$G$19=$B$17,14,0)+IF('Standard Profiles'!$G$19=$B$24,21,0),MOD($C1417,24)+1)/SUM(INDEX($D$3:$AA$30,INDEX(Jesper!$R$2:$R$366,ROW(INDEX(Jesper!AI$2:AI$366,ROUNDDOWN($C1417/24,0)+1,1))-1)+IF('Standard Profiles'!$G$19=$B$10,7,0)+IF('Standard Profiles'!$G$19=$B$17,14,0)+IF('Standard Profiles'!$G$19=$B$24,21,0),0)),0)</f>
        <v>0</v>
      </c>
      <c r="F1417" cm="1">
        <f t="array" ref="F1417">IFERROR(INDEX(Jesper!AJ$2:AJ$366,ROUNDDOWN($C1417/24,0)+1,1)*INDEX($D$3:$AA$30,INDEX(Jesper!$R$2:$R$366,ROW(INDEX(Jesper!AJ$2:AJ$366,ROUNDDOWN($C1417/24,0)+1,1))-1)+IF('Standard Profiles'!$G$20=$B$10,7,0)+IF('Standard Profiles'!$G$20=$B$17,14,0)+IF('Standard Profiles'!$G$20=$B$24,21,0),MOD($C1417,24)+1)/SUM(INDEX($D$3:$AA$30,INDEX(Jesper!$R$2:$R$366,ROW(INDEX(Jesper!AJ$2:AJ$366,ROUNDDOWN($C1417/24,0)+1,1))-1)+IF('Standard Profiles'!$G$20=$B$10,7,0)+IF('Standard Profiles'!$G$20=$B$17,14,0)+IF('Standard Profiles'!$G$20=$B$24,21,0),0)),0)</f>
        <v>0</v>
      </c>
      <c r="G1417" cm="1">
        <f t="array" ref="G1417">IFERROR(INDEX(Jesper!AK$2:AK$366,ROUNDDOWN($C1417/24,0)+1,1)*INDEX($D$3:$AA$30,INDEX(Jesper!$R$2:$R$366,ROW(INDEX(Jesper!AK$2:AK$366,ROUNDDOWN($C1417/24,0)+1,1))-1)+IF('Standard Profiles'!$G$21=$B$10,7,0)+IF('Standard Profiles'!$G$21=$B$17,14,0)+IF('Standard Profiles'!$G$21=$B$24,21,0),MOD($C1417,24)+1)/SUM(INDEX($D$3:$AA$30,INDEX(Jesper!$R$2:$R$366,ROW(INDEX(Jesper!AK$2:AK$366,ROUNDDOWN($C1417/24,0)+1,1))-1)+IF('Standard Profiles'!$G$21=$B$10,7,0)+IF('Standard Profiles'!$G$21=$B$17,14,0)+IF('Standard Profiles'!$G$21=$B$24,21,0),0)),0)</f>
        <v>0</v>
      </c>
      <c r="H1417" cm="1">
        <f t="array" ref="H1417">IFERROR(INDEX(Jesper!AL$2:AL$366,ROUNDDOWN($C1417/24,0)+1,1)*INDEX($D$3:$AA$30,INDEX(Jesper!$R$2:$R$366,ROW(INDEX(Jesper!AL$2:AL$366,ROUNDDOWN($C1417/24,0)+1,1))-1)+IF('Standard Profiles'!$G$22=$B$10,7,0)+IF('Standard Profiles'!$G$22=$B$17,14,0)+IF('Standard Profiles'!$G$22=$B$24,21,0),MOD($C1417,24)+1)/SUM(INDEX($D$3:$AA$30,INDEX(Jesper!$R$2:$R$366,ROW(INDEX(Jesper!AL$2:AL$366,ROUNDDOWN($C1417/24,0)+1,1))-1)+IF('Standard Profiles'!$G$22=$B$10,7,0)+IF('Standard Profiles'!$G$22=$B$17,14,0)+IF('Standard Profiles'!$G$22=$B$24,21,0),0)),0)</f>
        <v>0</v>
      </c>
      <c r="I1417">
        <f t="shared" si="167"/>
        <v>0.44638325324186895</v>
      </c>
      <c r="J1417">
        <f t="shared" si="168"/>
        <v>1.4879441774728965</v>
      </c>
      <c r="K1417">
        <f t="shared" si="169"/>
        <v>2.2319162662093448</v>
      </c>
      <c r="L1417">
        <f t="shared" si="170"/>
        <v>10.713198077804854</v>
      </c>
      <c r="M1417">
        <f t="shared" si="171"/>
        <v>0</v>
      </c>
      <c r="N1417" s="46">
        <f t="shared" si="172"/>
        <v>45349.624999996646</v>
      </c>
    </row>
    <row r="1418" spans="2:14" x14ac:dyDescent="0.3">
      <c r="B1418">
        <f t="shared" si="166"/>
        <v>2</v>
      </c>
      <c r="C1418" s="16">
        <v>1384</v>
      </c>
      <c r="D1418" cm="1">
        <f t="array" ref="D1418">IFERROR(INDEX(Jesper!AH$2:AH$366,ROUNDDOWN($C1418/24,0)+1,1)*INDEX($D$3:$AA$30,INDEX(Jesper!$R$2:$R$366,ROW(INDEX(Jesper!AH$2:AH$366,ROUNDDOWN($C1418/24,0)+1,1))-1)+IF('Standard Profiles'!$G$18=$B$10,7,0)+IF('Standard Profiles'!$G$18=$B$17,14,0)+IF('Standard Profiles'!$G$18=$B$24,21,0),MOD($C1418,24)+1)/SUM(INDEX($D$3:$AA$30,INDEX(Jesper!$R$2:$R$366,ROW(INDEX(Jesper!AH$2:AH$366,ROUNDDOWN($C1418/24,0)+1,1))-1)+IF('Standard Profiles'!$G$18=$B$10,7,0)+IF('Standard Profiles'!$G$18=$B$17,14,0)+IF('Standard Profiles'!$G$18=$B$24,21,0),0)),0)</f>
        <v>14.879441774728965</v>
      </c>
      <c r="E1418" cm="1">
        <f t="array" ref="E1418">IFERROR(INDEX(Jesper!AI$2:AI$366,ROUNDDOWN($C1418/24,0)+1,1)*INDEX($D$3:$AA$30,INDEX(Jesper!$R$2:$R$366,ROW(INDEX(Jesper!AI$2:AI$366,ROUNDDOWN($C1418/24,0)+1,1))-1)+IF('Standard Profiles'!$G$19=$B$10,7,0)+IF('Standard Profiles'!$G$19=$B$17,14,0)+IF('Standard Profiles'!$G$19=$B$24,21,0),MOD($C1418,24)+1)/SUM(INDEX($D$3:$AA$30,INDEX(Jesper!$R$2:$R$366,ROW(INDEX(Jesper!AI$2:AI$366,ROUNDDOWN($C1418/24,0)+1,1))-1)+IF('Standard Profiles'!$G$19=$B$10,7,0)+IF('Standard Profiles'!$G$19=$B$17,14,0)+IF('Standard Profiles'!$G$19=$B$24,21,0),0)),0)</f>
        <v>0</v>
      </c>
      <c r="F1418" cm="1">
        <f t="array" ref="F1418">IFERROR(INDEX(Jesper!AJ$2:AJ$366,ROUNDDOWN($C1418/24,0)+1,1)*INDEX($D$3:$AA$30,INDEX(Jesper!$R$2:$R$366,ROW(INDEX(Jesper!AJ$2:AJ$366,ROUNDDOWN($C1418/24,0)+1,1))-1)+IF('Standard Profiles'!$G$20=$B$10,7,0)+IF('Standard Profiles'!$G$20=$B$17,14,0)+IF('Standard Profiles'!$G$20=$B$24,21,0),MOD($C1418,24)+1)/SUM(INDEX($D$3:$AA$30,INDEX(Jesper!$R$2:$R$366,ROW(INDEX(Jesper!AJ$2:AJ$366,ROUNDDOWN($C1418/24,0)+1,1))-1)+IF('Standard Profiles'!$G$20=$B$10,7,0)+IF('Standard Profiles'!$G$20=$B$17,14,0)+IF('Standard Profiles'!$G$20=$B$24,21,0),0)),0)</f>
        <v>0</v>
      </c>
      <c r="G1418" cm="1">
        <f t="array" ref="G1418">IFERROR(INDEX(Jesper!AK$2:AK$366,ROUNDDOWN($C1418/24,0)+1,1)*INDEX($D$3:$AA$30,INDEX(Jesper!$R$2:$R$366,ROW(INDEX(Jesper!AK$2:AK$366,ROUNDDOWN($C1418/24,0)+1,1))-1)+IF('Standard Profiles'!$G$21=$B$10,7,0)+IF('Standard Profiles'!$G$21=$B$17,14,0)+IF('Standard Profiles'!$G$21=$B$24,21,0),MOD($C1418,24)+1)/SUM(INDEX($D$3:$AA$30,INDEX(Jesper!$R$2:$R$366,ROW(INDEX(Jesper!AK$2:AK$366,ROUNDDOWN($C1418/24,0)+1,1))-1)+IF('Standard Profiles'!$G$21=$B$10,7,0)+IF('Standard Profiles'!$G$21=$B$17,14,0)+IF('Standard Profiles'!$G$21=$B$24,21,0),0)),0)</f>
        <v>0</v>
      </c>
      <c r="H1418" cm="1">
        <f t="array" ref="H1418">IFERROR(INDEX(Jesper!AL$2:AL$366,ROUNDDOWN($C1418/24,0)+1,1)*INDEX($D$3:$AA$30,INDEX(Jesper!$R$2:$R$366,ROW(INDEX(Jesper!AL$2:AL$366,ROUNDDOWN($C1418/24,0)+1,1))-1)+IF('Standard Profiles'!$G$22=$B$10,7,0)+IF('Standard Profiles'!$G$22=$B$17,14,0)+IF('Standard Profiles'!$G$22=$B$24,21,0),MOD($C1418,24)+1)/SUM(INDEX($D$3:$AA$30,INDEX(Jesper!$R$2:$R$366,ROW(INDEX(Jesper!AL$2:AL$366,ROUNDDOWN($C1418/24,0)+1,1))-1)+IF('Standard Profiles'!$G$22=$B$10,7,0)+IF('Standard Profiles'!$G$22=$B$17,14,0)+IF('Standard Profiles'!$G$22=$B$24,21,0),0)),0)</f>
        <v>0</v>
      </c>
      <c r="I1418">
        <f t="shared" si="167"/>
        <v>0.44638325324186895</v>
      </c>
      <c r="J1418">
        <f t="shared" si="168"/>
        <v>1.4879441774728965</v>
      </c>
      <c r="K1418">
        <f t="shared" si="169"/>
        <v>2.2319162662093448</v>
      </c>
      <c r="L1418">
        <f t="shared" si="170"/>
        <v>10.713198077804854</v>
      </c>
      <c r="M1418">
        <f t="shared" si="171"/>
        <v>0</v>
      </c>
      <c r="N1418" s="46">
        <f t="shared" si="172"/>
        <v>45349.66666666331</v>
      </c>
    </row>
    <row r="1419" spans="2:14" x14ac:dyDescent="0.3">
      <c r="B1419">
        <f t="shared" si="166"/>
        <v>2</v>
      </c>
      <c r="C1419" s="16">
        <v>1385</v>
      </c>
      <c r="D1419" cm="1">
        <f t="array" ref="D1419">IFERROR(INDEX(Jesper!AH$2:AH$366,ROUNDDOWN($C1419/24,0)+1,1)*INDEX($D$3:$AA$30,INDEX(Jesper!$R$2:$R$366,ROW(INDEX(Jesper!AH$2:AH$366,ROUNDDOWN($C1419/24,0)+1,1))-1)+IF('Standard Profiles'!$G$18=$B$10,7,0)+IF('Standard Profiles'!$G$18=$B$17,14,0)+IF('Standard Profiles'!$G$18=$B$24,21,0),MOD($C1419,24)+1)/SUM(INDEX($D$3:$AA$30,INDEX(Jesper!$R$2:$R$366,ROW(INDEX(Jesper!AH$2:AH$366,ROUNDDOWN($C1419/24,0)+1,1))-1)+IF('Standard Profiles'!$G$18=$B$10,7,0)+IF('Standard Profiles'!$G$18=$B$17,14,0)+IF('Standard Profiles'!$G$18=$B$24,21,0),0)),0)</f>
        <v>14.879441774728965</v>
      </c>
      <c r="E1419" cm="1">
        <f t="array" ref="E1419">IFERROR(INDEX(Jesper!AI$2:AI$366,ROUNDDOWN($C1419/24,0)+1,1)*INDEX($D$3:$AA$30,INDEX(Jesper!$R$2:$R$366,ROW(INDEX(Jesper!AI$2:AI$366,ROUNDDOWN($C1419/24,0)+1,1))-1)+IF('Standard Profiles'!$G$19=$B$10,7,0)+IF('Standard Profiles'!$G$19=$B$17,14,0)+IF('Standard Profiles'!$G$19=$B$24,21,0),MOD($C1419,24)+1)/SUM(INDEX($D$3:$AA$30,INDEX(Jesper!$R$2:$R$366,ROW(INDEX(Jesper!AI$2:AI$366,ROUNDDOWN($C1419/24,0)+1,1))-1)+IF('Standard Profiles'!$G$19=$B$10,7,0)+IF('Standard Profiles'!$G$19=$B$17,14,0)+IF('Standard Profiles'!$G$19=$B$24,21,0),0)),0)</f>
        <v>0</v>
      </c>
      <c r="F1419" cm="1">
        <f t="array" ref="F1419">IFERROR(INDEX(Jesper!AJ$2:AJ$366,ROUNDDOWN($C1419/24,0)+1,1)*INDEX($D$3:$AA$30,INDEX(Jesper!$R$2:$R$366,ROW(INDEX(Jesper!AJ$2:AJ$366,ROUNDDOWN($C1419/24,0)+1,1))-1)+IF('Standard Profiles'!$G$20=$B$10,7,0)+IF('Standard Profiles'!$G$20=$B$17,14,0)+IF('Standard Profiles'!$G$20=$B$24,21,0),MOD($C1419,24)+1)/SUM(INDEX($D$3:$AA$30,INDEX(Jesper!$R$2:$R$366,ROW(INDEX(Jesper!AJ$2:AJ$366,ROUNDDOWN($C1419/24,0)+1,1))-1)+IF('Standard Profiles'!$G$20=$B$10,7,0)+IF('Standard Profiles'!$G$20=$B$17,14,0)+IF('Standard Profiles'!$G$20=$B$24,21,0),0)),0)</f>
        <v>0</v>
      </c>
      <c r="G1419" cm="1">
        <f t="array" ref="G1419">IFERROR(INDEX(Jesper!AK$2:AK$366,ROUNDDOWN($C1419/24,0)+1,1)*INDEX($D$3:$AA$30,INDEX(Jesper!$R$2:$R$366,ROW(INDEX(Jesper!AK$2:AK$366,ROUNDDOWN($C1419/24,0)+1,1))-1)+IF('Standard Profiles'!$G$21=$B$10,7,0)+IF('Standard Profiles'!$G$21=$B$17,14,0)+IF('Standard Profiles'!$G$21=$B$24,21,0),MOD($C1419,24)+1)/SUM(INDEX($D$3:$AA$30,INDEX(Jesper!$R$2:$R$366,ROW(INDEX(Jesper!AK$2:AK$366,ROUNDDOWN($C1419/24,0)+1,1))-1)+IF('Standard Profiles'!$G$21=$B$10,7,0)+IF('Standard Profiles'!$G$21=$B$17,14,0)+IF('Standard Profiles'!$G$21=$B$24,21,0),0)),0)</f>
        <v>0</v>
      </c>
      <c r="H1419" cm="1">
        <f t="array" ref="H1419">IFERROR(INDEX(Jesper!AL$2:AL$366,ROUNDDOWN($C1419/24,0)+1,1)*INDEX($D$3:$AA$30,INDEX(Jesper!$R$2:$R$366,ROW(INDEX(Jesper!AL$2:AL$366,ROUNDDOWN($C1419/24,0)+1,1))-1)+IF('Standard Profiles'!$G$22=$B$10,7,0)+IF('Standard Profiles'!$G$22=$B$17,14,0)+IF('Standard Profiles'!$G$22=$B$24,21,0),MOD($C1419,24)+1)/SUM(INDEX($D$3:$AA$30,INDEX(Jesper!$R$2:$R$366,ROW(INDEX(Jesper!AL$2:AL$366,ROUNDDOWN($C1419/24,0)+1,1))-1)+IF('Standard Profiles'!$G$22=$B$10,7,0)+IF('Standard Profiles'!$G$22=$B$17,14,0)+IF('Standard Profiles'!$G$22=$B$24,21,0),0)),0)</f>
        <v>0</v>
      </c>
      <c r="I1419">
        <f t="shared" si="167"/>
        <v>0.44638325324186895</v>
      </c>
      <c r="J1419">
        <f t="shared" si="168"/>
        <v>1.4879441774728965</v>
      </c>
      <c r="K1419">
        <f t="shared" si="169"/>
        <v>2.2319162662093448</v>
      </c>
      <c r="L1419">
        <f t="shared" si="170"/>
        <v>10.713198077804854</v>
      </c>
      <c r="M1419">
        <f t="shared" si="171"/>
        <v>0</v>
      </c>
      <c r="N1419" s="46">
        <f t="shared" si="172"/>
        <v>45349.708333329974</v>
      </c>
    </row>
    <row r="1420" spans="2:14" x14ac:dyDescent="0.3">
      <c r="B1420">
        <f t="shared" si="166"/>
        <v>2</v>
      </c>
      <c r="C1420" s="16">
        <v>1386</v>
      </c>
      <c r="D1420" cm="1">
        <f t="array" ref="D1420">IFERROR(INDEX(Jesper!AH$2:AH$366,ROUNDDOWN($C1420/24,0)+1,1)*INDEX($D$3:$AA$30,INDEX(Jesper!$R$2:$R$366,ROW(INDEX(Jesper!AH$2:AH$366,ROUNDDOWN($C1420/24,0)+1,1))-1)+IF('Standard Profiles'!$G$18=$B$10,7,0)+IF('Standard Profiles'!$G$18=$B$17,14,0)+IF('Standard Profiles'!$G$18=$B$24,21,0),MOD($C1420,24)+1)/SUM(INDEX($D$3:$AA$30,INDEX(Jesper!$R$2:$R$366,ROW(INDEX(Jesper!AH$2:AH$366,ROUNDDOWN($C1420/24,0)+1,1))-1)+IF('Standard Profiles'!$G$18=$B$10,7,0)+IF('Standard Profiles'!$G$18=$B$17,14,0)+IF('Standard Profiles'!$G$18=$B$24,21,0),0)),0)</f>
        <v>14.879441774728965</v>
      </c>
      <c r="E1420" cm="1">
        <f t="array" ref="E1420">IFERROR(INDEX(Jesper!AI$2:AI$366,ROUNDDOWN($C1420/24,0)+1,1)*INDEX($D$3:$AA$30,INDEX(Jesper!$R$2:$R$366,ROW(INDEX(Jesper!AI$2:AI$366,ROUNDDOWN($C1420/24,0)+1,1))-1)+IF('Standard Profiles'!$G$19=$B$10,7,0)+IF('Standard Profiles'!$G$19=$B$17,14,0)+IF('Standard Profiles'!$G$19=$B$24,21,0),MOD($C1420,24)+1)/SUM(INDEX($D$3:$AA$30,INDEX(Jesper!$R$2:$R$366,ROW(INDEX(Jesper!AI$2:AI$366,ROUNDDOWN($C1420/24,0)+1,1))-1)+IF('Standard Profiles'!$G$19=$B$10,7,0)+IF('Standard Profiles'!$G$19=$B$17,14,0)+IF('Standard Profiles'!$G$19=$B$24,21,0),0)),0)</f>
        <v>0</v>
      </c>
      <c r="F1420" cm="1">
        <f t="array" ref="F1420">IFERROR(INDEX(Jesper!AJ$2:AJ$366,ROUNDDOWN($C1420/24,0)+1,1)*INDEX($D$3:$AA$30,INDEX(Jesper!$R$2:$R$366,ROW(INDEX(Jesper!AJ$2:AJ$366,ROUNDDOWN($C1420/24,0)+1,1))-1)+IF('Standard Profiles'!$G$20=$B$10,7,0)+IF('Standard Profiles'!$G$20=$B$17,14,0)+IF('Standard Profiles'!$G$20=$B$24,21,0),MOD($C1420,24)+1)/SUM(INDEX($D$3:$AA$30,INDEX(Jesper!$R$2:$R$366,ROW(INDEX(Jesper!AJ$2:AJ$366,ROUNDDOWN($C1420/24,0)+1,1))-1)+IF('Standard Profiles'!$G$20=$B$10,7,0)+IF('Standard Profiles'!$G$20=$B$17,14,0)+IF('Standard Profiles'!$G$20=$B$24,21,0),0)),0)</f>
        <v>0</v>
      </c>
      <c r="G1420" cm="1">
        <f t="array" ref="G1420">IFERROR(INDEX(Jesper!AK$2:AK$366,ROUNDDOWN($C1420/24,0)+1,1)*INDEX($D$3:$AA$30,INDEX(Jesper!$R$2:$R$366,ROW(INDEX(Jesper!AK$2:AK$366,ROUNDDOWN($C1420/24,0)+1,1))-1)+IF('Standard Profiles'!$G$21=$B$10,7,0)+IF('Standard Profiles'!$G$21=$B$17,14,0)+IF('Standard Profiles'!$G$21=$B$24,21,0),MOD($C1420,24)+1)/SUM(INDEX($D$3:$AA$30,INDEX(Jesper!$R$2:$R$366,ROW(INDEX(Jesper!AK$2:AK$366,ROUNDDOWN($C1420/24,0)+1,1))-1)+IF('Standard Profiles'!$G$21=$B$10,7,0)+IF('Standard Profiles'!$G$21=$B$17,14,0)+IF('Standard Profiles'!$G$21=$B$24,21,0),0)),0)</f>
        <v>0</v>
      </c>
      <c r="H1420" cm="1">
        <f t="array" ref="H1420">IFERROR(INDEX(Jesper!AL$2:AL$366,ROUNDDOWN($C1420/24,0)+1,1)*INDEX($D$3:$AA$30,INDEX(Jesper!$R$2:$R$366,ROW(INDEX(Jesper!AL$2:AL$366,ROUNDDOWN($C1420/24,0)+1,1))-1)+IF('Standard Profiles'!$G$22=$B$10,7,0)+IF('Standard Profiles'!$G$22=$B$17,14,0)+IF('Standard Profiles'!$G$22=$B$24,21,0),MOD($C1420,24)+1)/SUM(INDEX($D$3:$AA$30,INDEX(Jesper!$R$2:$R$366,ROW(INDEX(Jesper!AL$2:AL$366,ROUNDDOWN($C1420/24,0)+1,1))-1)+IF('Standard Profiles'!$G$22=$B$10,7,0)+IF('Standard Profiles'!$G$22=$B$17,14,0)+IF('Standard Profiles'!$G$22=$B$24,21,0),0)),0)</f>
        <v>0</v>
      </c>
      <c r="I1420">
        <f t="shared" si="167"/>
        <v>0.44638325324186895</v>
      </c>
      <c r="J1420">
        <f t="shared" si="168"/>
        <v>1.4879441774728965</v>
      </c>
      <c r="K1420">
        <f t="shared" si="169"/>
        <v>2.2319162662093448</v>
      </c>
      <c r="L1420">
        <f t="shared" si="170"/>
        <v>10.713198077804854</v>
      </c>
      <c r="M1420">
        <f t="shared" si="171"/>
        <v>0</v>
      </c>
      <c r="N1420" s="46">
        <f t="shared" si="172"/>
        <v>45349.749999996639</v>
      </c>
    </row>
    <row r="1421" spans="2:14" x14ac:dyDescent="0.3">
      <c r="B1421">
        <f t="shared" si="166"/>
        <v>2</v>
      </c>
      <c r="C1421" s="16">
        <v>1387</v>
      </c>
      <c r="D1421" cm="1">
        <f t="array" ref="D1421">IFERROR(INDEX(Jesper!AH$2:AH$366,ROUNDDOWN($C1421/24,0)+1,1)*INDEX($D$3:$AA$30,INDEX(Jesper!$R$2:$R$366,ROW(INDEX(Jesper!AH$2:AH$366,ROUNDDOWN($C1421/24,0)+1,1))-1)+IF('Standard Profiles'!$G$18=$B$10,7,0)+IF('Standard Profiles'!$G$18=$B$17,14,0)+IF('Standard Profiles'!$G$18=$B$24,21,0),MOD($C1421,24)+1)/SUM(INDEX($D$3:$AA$30,INDEX(Jesper!$R$2:$R$366,ROW(INDEX(Jesper!AH$2:AH$366,ROUNDDOWN($C1421/24,0)+1,1))-1)+IF('Standard Profiles'!$G$18=$B$10,7,0)+IF('Standard Profiles'!$G$18=$B$17,14,0)+IF('Standard Profiles'!$G$18=$B$24,21,0),0)),0)</f>
        <v>12.461532486335509</v>
      </c>
      <c r="E1421" cm="1">
        <f t="array" ref="E1421">IFERROR(INDEX(Jesper!AI$2:AI$366,ROUNDDOWN($C1421/24,0)+1,1)*INDEX($D$3:$AA$30,INDEX(Jesper!$R$2:$R$366,ROW(INDEX(Jesper!AI$2:AI$366,ROUNDDOWN($C1421/24,0)+1,1))-1)+IF('Standard Profiles'!$G$19=$B$10,7,0)+IF('Standard Profiles'!$G$19=$B$17,14,0)+IF('Standard Profiles'!$G$19=$B$24,21,0),MOD($C1421,24)+1)/SUM(INDEX($D$3:$AA$30,INDEX(Jesper!$R$2:$R$366,ROW(INDEX(Jesper!AI$2:AI$366,ROUNDDOWN($C1421/24,0)+1,1))-1)+IF('Standard Profiles'!$G$19=$B$10,7,0)+IF('Standard Profiles'!$G$19=$B$17,14,0)+IF('Standard Profiles'!$G$19=$B$24,21,0),0)),0)</f>
        <v>0</v>
      </c>
      <c r="F1421" cm="1">
        <f t="array" ref="F1421">IFERROR(INDEX(Jesper!AJ$2:AJ$366,ROUNDDOWN($C1421/24,0)+1,1)*INDEX($D$3:$AA$30,INDEX(Jesper!$R$2:$R$366,ROW(INDEX(Jesper!AJ$2:AJ$366,ROUNDDOWN($C1421/24,0)+1,1))-1)+IF('Standard Profiles'!$G$20=$B$10,7,0)+IF('Standard Profiles'!$G$20=$B$17,14,0)+IF('Standard Profiles'!$G$20=$B$24,21,0),MOD($C1421,24)+1)/SUM(INDEX($D$3:$AA$30,INDEX(Jesper!$R$2:$R$366,ROW(INDEX(Jesper!AJ$2:AJ$366,ROUNDDOWN($C1421/24,0)+1,1))-1)+IF('Standard Profiles'!$G$20=$B$10,7,0)+IF('Standard Profiles'!$G$20=$B$17,14,0)+IF('Standard Profiles'!$G$20=$B$24,21,0),0)),0)</f>
        <v>0</v>
      </c>
      <c r="G1421" cm="1">
        <f t="array" ref="G1421">IFERROR(INDEX(Jesper!AK$2:AK$366,ROUNDDOWN($C1421/24,0)+1,1)*INDEX($D$3:$AA$30,INDEX(Jesper!$R$2:$R$366,ROW(INDEX(Jesper!AK$2:AK$366,ROUNDDOWN($C1421/24,0)+1,1))-1)+IF('Standard Profiles'!$G$21=$B$10,7,0)+IF('Standard Profiles'!$G$21=$B$17,14,0)+IF('Standard Profiles'!$G$21=$B$24,21,0),MOD($C1421,24)+1)/SUM(INDEX($D$3:$AA$30,INDEX(Jesper!$R$2:$R$366,ROW(INDEX(Jesper!AK$2:AK$366,ROUNDDOWN($C1421/24,0)+1,1))-1)+IF('Standard Profiles'!$G$21=$B$10,7,0)+IF('Standard Profiles'!$G$21=$B$17,14,0)+IF('Standard Profiles'!$G$21=$B$24,21,0),0)),0)</f>
        <v>0</v>
      </c>
      <c r="H1421" cm="1">
        <f t="array" ref="H1421">IFERROR(INDEX(Jesper!AL$2:AL$366,ROUNDDOWN($C1421/24,0)+1,1)*INDEX($D$3:$AA$30,INDEX(Jesper!$R$2:$R$366,ROW(INDEX(Jesper!AL$2:AL$366,ROUNDDOWN($C1421/24,0)+1,1))-1)+IF('Standard Profiles'!$G$22=$B$10,7,0)+IF('Standard Profiles'!$G$22=$B$17,14,0)+IF('Standard Profiles'!$G$22=$B$24,21,0),MOD($C1421,24)+1)/SUM(INDEX($D$3:$AA$30,INDEX(Jesper!$R$2:$R$366,ROW(INDEX(Jesper!AL$2:AL$366,ROUNDDOWN($C1421/24,0)+1,1))-1)+IF('Standard Profiles'!$G$22=$B$10,7,0)+IF('Standard Profiles'!$G$22=$B$17,14,0)+IF('Standard Profiles'!$G$22=$B$24,21,0),0)),0)</f>
        <v>0</v>
      </c>
      <c r="I1421">
        <f t="shared" si="167"/>
        <v>0.37384597459006524</v>
      </c>
      <c r="J1421">
        <f t="shared" si="168"/>
        <v>1.2461532486335509</v>
      </c>
      <c r="K1421">
        <f t="shared" si="169"/>
        <v>1.8692298729503263</v>
      </c>
      <c r="L1421">
        <f t="shared" si="170"/>
        <v>8.9723033901615654</v>
      </c>
      <c r="M1421">
        <f t="shared" si="171"/>
        <v>0</v>
      </c>
      <c r="N1421" s="46">
        <f t="shared" si="172"/>
        <v>45349.791666663303</v>
      </c>
    </row>
    <row r="1422" spans="2:14" x14ac:dyDescent="0.3">
      <c r="B1422">
        <f t="shared" si="166"/>
        <v>2</v>
      </c>
      <c r="C1422" s="16">
        <v>1388</v>
      </c>
      <c r="D1422" cm="1">
        <f t="array" ref="D1422">IFERROR(INDEX(Jesper!AH$2:AH$366,ROUNDDOWN($C1422/24,0)+1,1)*INDEX($D$3:$AA$30,INDEX(Jesper!$R$2:$R$366,ROW(INDEX(Jesper!AH$2:AH$366,ROUNDDOWN($C1422/24,0)+1,1))-1)+IF('Standard Profiles'!$G$18=$B$10,7,0)+IF('Standard Profiles'!$G$18=$B$17,14,0)+IF('Standard Profiles'!$G$18=$B$24,21,0),MOD($C1422,24)+1)/SUM(INDEX($D$3:$AA$30,INDEX(Jesper!$R$2:$R$366,ROW(INDEX(Jesper!AH$2:AH$366,ROUNDDOWN($C1422/24,0)+1,1))-1)+IF('Standard Profiles'!$G$18=$B$10,7,0)+IF('Standard Profiles'!$G$18=$B$17,14,0)+IF('Standard Profiles'!$G$18=$B$24,21,0),0)),0)</f>
        <v>10.229616220126163</v>
      </c>
      <c r="E1422" cm="1">
        <f t="array" ref="E1422">IFERROR(INDEX(Jesper!AI$2:AI$366,ROUNDDOWN($C1422/24,0)+1,1)*INDEX($D$3:$AA$30,INDEX(Jesper!$R$2:$R$366,ROW(INDEX(Jesper!AI$2:AI$366,ROUNDDOWN($C1422/24,0)+1,1))-1)+IF('Standard Profiles'!$G$19=$B$10,7,0)+IF('Standard Profiles'!$G$19=$B$17,14,0)+IF('Standard Profiles'!$G$19=$B$24,21,0),MOD($C1422,24)+1)/SUM(INDEX($D$3:$AA$30,INDEX(Jesper!$R$2:$R$366,ROW(INDEX(Jesper!AI$2:AI$366,ROUNDDOWN($C1422/24,0)+1,1))-1)+IF('Standard Profiles'!$G$19=$B$10,7,0)+IF('Standard Profiles'!$G$19=$B$17,14,0)+IF('Standard Profiles'!$G$19=$B$24,21,0),0)),0)</f>
        <v>0</v>
      </c>
      <c r="F1422" cm="1">
        <f t="array" ref="F1422">IFERROR(INDEX(Jesper!AJ$2:AJ$366,ROUNDDOWN($C1422/24,0)+1,1)*INDEX($D$3:$AA$30,INDEX(Jesper!$R$2:$R$366,ROW(INDEX(Jesper!AJ$2:AJ$366,ROUNDDOWN($C1422/24,0)+1,1))-1)+IF('Standard Profiles'!$G$20=$B$10,7,0)+IF('Standard Profiles'!$G$20=$B$17,14,0)+IF('Standard Profiles'!$G$20=$B$24,21,0),MOD($C1422,24)+1)/SUM(INDEX($D$3:$AA$30,INDEX(Jesper!$R$2:$R$366,ROW(INDEX(Jesper!AJ$2:AJ$366,ROUNDDOWN($C1422/24,0)+1,1))-1)+IF('Standard Profiles'!$G$20=$B$10,7,0)+IF('Standard Profiles'!$G$20=$B$17,14,0)+IF('Standard Profiles'!$G$20=$B$24,21,0),0)),0)</f>
        <v>0</v>
      </c>
      <c r="G1422" cm="1">
        <f t="array" ref="G1422">IFERROR(INDEX(Jesper!AK$2:AK$366,ROUNDDOWN($C1422/24,0)+1,1)*INDEX($D$3:$AA$30,INDEX(Jesper!$R$2:$R$366,ROW(INDEX(Jesper!AK$2:AK$366,ROUNDDOWN($C1422/24,0)+1,1))-1)+IF('Standard Profiles'!$G$21=$B$10,7,0)+IF('Standard Profiles'!$G$21=$B$17,14,0)+IF('Standard Profiles'!$G$21=$B$24,21,0),MOD($C1422,24)+1)/SUM(INDEX($D$3:$AA$30,INDEX(Jesper!$R$2:$R$366,ROW(INDEX(Jesper!AK$2:AK$366,ROUNDDOWN($C1422/24,0)+1,1))-1)+IF('Standard Profiles'!$G$21=$B$10,7,0)+IF('Standard Profiles'!$G$21=$B$17,14,0)+IF('Standard Profiles'!$G$21=$B$24,21,0),0)),0)</f>
        <v>0</v>
      </c>
      <c r="H1422" cm="1">
        <f t="array" ref="H1422">IFERROR(INDEX(Jesper!AL$2:AL$366,ROUNDDOWN($C1422/24,0)+1,1)*INDEX($D$3:$AA$30,INDEX(Jesper!$R$2:$R$366,ROW(INDEX(Jesper!AL$2:AL$366,ROUNDDOWN($C1422/24,0)+1,1))-1)+IF('Standard Profiles'!$G$22=$B$10,7,0)+IF('Standard Profiles'!$G$22=$B$17,14,0)+IF('Standard Profiles'!$G$22=$B$24,21,0),MOD($C1422,24)+1)/SUM(INDEX($D$3:$AA$30,INDEX(Jesper!$R$2:$R$366,ROW(INDEX(Jesper!AL$2:AL$366,ROUNDDOWN($C1422/24,0)+1,1))-1)+IF('Standard Profiles'!$G$22=$B$10,7,0)+IF('Standard Profiles'!$G$22=$B$17,14,0)+IF('Standard Profiles'!$G$22=$B$24,21,0),0)),0)</f>
        <v>0</v>
      </c>
      <c r="I1422">
        <f t="shared" si="167"/>
        <v>0.30688848660378487</v>
      </c>
      <c r="J1422">
        <f t="shared" si="168"/>
        <v>1.0229616220126163</v>
      </c>
      <c r="K1422">
        <f t="shared" si="169"/>
        <v>1.5344424330189244</v>
      </c>
      <c r="L1422">
        <f t="shared" si="170"/>
        <v>7.3653236784908369</v>
      </c>
      <c r="M1422">
        <f t="shared" si="171"/>
        <v>0</v>
      </c>
      <c r="N1422" s="46">
        <f t="shared" si="172"/>
        <v>45349.833333329967</v>
      </c>
    </row>
    <row r="1423" spans="2:14" x14ac:dyDescent="0.3">
      <c r="B1423">
        <f t="shared" si="166"/>
        <v>2</v>
      </c>
      <c r="C1423" s="16">
        <v>1389</v>
      </c>
      <c r="D1423" cm="1">
        <f t="array" ref="D1423">IFERROR(INDEX(Jesper!AH$2:AH$366,ROUNDDOWN($C1423/24,0)+1,1)*INDEX($D$3:$AA$30,INDEX(Jesper!$R$2:$R$366,ROW(INDEX(Jesper!AH$2:AH$366,ROUNDDOWN($C1423/24,0)+1,1))-1)+IF('Standard Profiles'!$G$18=$B$10,7,0)+IF('Standard Profiles'!$G$18=$B$17,14,0)+IF('Standard Profiles'!$G$18=$B$24,21,0),MOD($C1423,24)+1)/SUM(INDEX($D$3:$AA$30,INDEX(Jesper!$R$2:$R$366,ROW(INDEX(Jesper!AH$2:AH$366,ROUNDDOWN($C1423/24,0)+1,1))-1)+IF('Standard Profiles'!$G$18=$B$10,7,0)+IF('Standard Profiles'!$G$18=$B$17,14,0)+IF('Standard Profiles'!$G$18=$B$24,21,0),0)),0)</f>
        <v>7.4397208873644827</v>
      </c>
      <c r="E1423" cm="1">
        <f t="array" ref="E1423">IFERROR(INDEX(Jesper!AI$2:AI$366,ROUNDDOWN($C1423/24,0)+1,1)*INDEX($D$3:$AA$30,INDEX(Jesper!$R$2:$R$366,ROW(INDEX(Jesper!AI$2:AI$366,ROUNDDOWN($C1423/24,0)+1,1))-1)+IF('Standard Profiles'!$G$19=$B$10,7,0)+IF('Standard Profiles'!$G$19=$B$17,14,0)+IF('Standard Profiles'!$G$19=$B$24,21,0),MOD($C1423,24)+1)/SUM(INDEX($D$3:$AA$30,INDEX(Jesper!$R$2:$R$366,ROW(INDEX(Jesper!AI$2:AI$366,ROUNDDOWN($C1423/24,0)+1,1))-1)+IF('Standard Profiles'!$G$19=$B$10,7,0)+IF('Standard Profiles'!$G$19=$B$17,14,0)+IF('Standard Profiles'!$G$19=$B$24,21,0),0)),0)</f>
        <v>0</v>
      </c>
      <c r="F1423" cm="1">
        <f t="array" ref="F1423">IFERROR(INDEX(Jesper!AJ$2:AJ$366,ROUNDDOWN($C1423/24,0)+1,1)*INDEX($D$3:$AA$30,INDEX(Jesper!$R$2:$R$366,ROW(INDEX(Jesper!AJ$2:AJ$366,ROUNDDOWN($C1423/24,0)+1,1))-1)+IF('Standard Profiles'!$G$20=$B$10,7,0)+IF('Standard Profiles'!$G$20=$B$17,14,0)+IF('Standard Profiles'!$G$20=$B$24,21,0),MOD($C1423,24)+1)/SUM(INDEX($D$3:$AA$30,INDEX(Jesper!$R$2:$R$366,ROW(INDEX(Jesper!AJ$2:AJ$366,ROUNDDOWN($C1423/24,0)+1,1))-1)+IF('Standard Profiles'!$G$20=$B$10,7,0)+IF('Standard Profiles'!$G$20=$B$17,14,0)+IF('Standard Profiles'!$G$20=$B$24,21,0),0)),0)</f>
        <v>0</v>
      </c>
      <c r="G1423" cm="1">
        <f t="array" ref="G1423">IFERROR(INDEX(Jesper!AK$2:AK$366,ROUNDDOWN($C1423/24,0)+1,1)*INDEX($D$3:$AA$30,INDEX(Jesper!$R$2:$R$366,ROW(INDEX(Jesper!AK$2:AK$366,ROUNDDOWN($C1423/24,0)+1,1))-1)+IF('Standard Profiles'!$G$21=$B$10,7,0)+IF('Standard Profiles'!$G$21=$B$17,14,0)+IF('Standard Profiles'!$G$21=$B$24,21,0),MOD($C1423,24)+1)/SUM(INDEX($D$3:$AA$30,INDEX(Jesper!$R$2:$R$366,ROW(INDEX(Jesper!AK$2:AK$366,ROUNDDOWN($C1423/24,0)+1,1))-1)+IF('Standard Profiles'!$G$21=$B$10,7,0)+IF('Standard Profiles'!$G$21=$B$17,14,0)+IF('Standard Profiles'!$G$21=$B$24,21,0),0)),0)</f>
        <v>0</v>
      </c>
      <c r="H1423" cm="1">
        <f t="array" ref="H1423">IFERROR(INDEX(Jesper!AL$2:AL$366,ROUNDDOWN($C1423/24,0)+1,1)*INDEX($D$3:$AA$30,INDEX(Jesper!$R$2:$R$366,ROW(INDEX(Jesper!AL$2:AL$366,ROUNDDOWN($C1423/24,0)+1,1))-1)+IF('Standard Profiles'!$G$22=$B$10,7,0)+IF('Standard Profiles'!$G$22=$B$17,14,0)+IF('Standard Profiles'!$G$22=$B$24,21,0),MOD($C1423,24)+1)/SUM(INDEX($D$3:$AA$30,INDEX(Jesper!$R$2:$R$366,ROW(INDEX(Jesper!AL$2:AL$366,ROUNDDOWN($C1423/24,0)+1,1))-1)+IF('Standard Profiles'!$G$22=$B$10,7,0)+IF('Standard Profiles'!$G$22=$B$17,14,0)+IF('Standard Profiles'!$G$22=$B$24,21,0),0)),0)</f>
        <v>0</v>
      </c>
      <c r="I1423">
        <f t="shared" si="167"/>
        <v>0.22319162662093447</v>
      </c>
      <c r="J1423">
        <f t="shared" si="168"/>
        <v>0.74397208873644827</v>
      </c>
      <c r="K1423">
        <f t="shared" si="169"/>
        <v>1.1159581331046724</v>
      </c>
      <c r="L1423">
        <f t="shared" si="170"/>
        <v>5.3565990389024272</v>
      </c>
      <c r="M1423">
        <f t="shared" si="171"/>
        <v>0</v>
      </c>
      <c r="N1423" s="46">
        <f t="shared" si="172"/>
        <v>45349.874999996631</v>
      </c>
    </row>
    <row r="1424" spans="2:14" x14ac:dyDescent="0.3">
      <c r="B1424">
        <f t="shared" si="166"/>
        <v>2</v>
      </c>
      <c r="C1424" s="16">
        <v>1390</v>
      </c>
      <c r="D1424" cm="1">
        <f t="array" ref="D1424">IFERROR(INDEX(Jesper!AH$2:AH$366,ROUNDDOWN($C1424/24,0)+1,1)*INDEX($D$3:$AA$30,INDEX(Jesper!$R$2:$R$366,ROW(INDEX(Jesper!AH$2:AH$366,ROUNDDOWN($C1424/24,0)+1,1))-1)+IF('Standard Profiles'!$G$18=$B$10,7,0)+IF('Standard Profiles'!$G$18=$B$17,14,0)+IF('Standard Profiles'!$G$18=$B$24,21,0),MOD($C1424,24)+1)/SUM(INDEX($D$3:$AA$30,INDEX(Jesper!$R$2:$R$366,ROW(INDEX(Jesper!AH$2:AH$366,ROUNDDOWN($C1424/24,0)+1,1))-1)+IF('Standard Profiles'!$G$18=$B$10,7,0)+IF('Standard Profiles'!$G$18=$B$17,14,0)+IF('Standard Profiles'!$G$18=$B$24,21,0),0)),0)</f>
        <v>7.4397208873644827</v>
      </c>
      <c r="E1424" cm="1">
        <f t="array" ref="E1424">IFERROR(INDEX(Jesper!AI$2:AI$366,ROUNDDOWN($C1424/24,0)+1,1)*INDEX($D$3:$AA$30,INDEX(Jesper!$R$2:$R$366,ROW(INDEX(Jesper!AI$2:AI$366,ROUNDDOWN($C1424/24,0)+1,1))-1)+IF('Standard Profiles'!$G$19=$B$10,7,0)+IF('Standard Profiles'!$G$19=$B$17,14,0)+IF('Standard Profiles'!$G$19=$B$24,21,0),MOD($C1424,24)+1)/SUM(INDEX($D$3:$AA$30,INDEX(Jesper!$R$2:$R$366,ROW(INDEX(Jesper!AI$2:AI$366,ROUNDDOWN($C1424/24,0)+1,1))-1)+IF('Standard Profiles'!$G$19=$B$10,7,0)+IF('Standard Profiles'!$G$19=$B$17,14,0)+IF('Standard Profiles'!$G$19=$B$24,21,0),0)),0)</f>
        <v>0</v>
      </c>
      <c r="F1424" cm="1">
        <f t="array" ref="F1424">IFERROR(INDEX(Jesper!AJ$2:AJ$366,ROUNDDOWN($C1424/24,0)+1,1)*INDEX($D$3:$AA$30,INDEX(Jesper!$R$2:$R$366,ROW(INDEX(Jesper!AJ$2:AJ$366,ROUNDDOWN($C1424/24,0)+1,1))-1)+IF('Standard Profiles'!$G$20=$B$10,7,0)+IF('Standard Profiles'!$G$20=$B$17,14,0)+IF('Standard Profiles'!$G$20=$B$24,21,0),MOD($C1424,24)+1)/SUM(INDEX($D$3:$AA$30,INDEX(Jesper!$R$2:$R$366,ROW(INDEX(Jesper!AJ$2:AJ$366,ROUNDDOWN($C1424/24,0)+1,1))-1)+IF('Standard Profiles'!$G$20=$B$10,7,0)+IF('Standard Profiles'!$G$20=$B$17,14,0)+IF('Standard Profiles'!$G$20=$B$24,21,0),0)),0)</f>
        <v>0</v>
      </c>
      <c r="G1424" cm="1">
        <f t="array" ref="G1424">IFERROR(INDEX(Jesper!AK$2:AK$366,ROUNDDOWN($C1424/24,0)+1,1)*INDEX($D$3:$AA$30,INDEX(Jesper!$R$2:$R$366,ROW(INDEX(Jesper!AK$2:AK$366,ROUNDDOWN($C1424/24,0)+1,1))-1)+IF('Standard Profiles'!$G$21=$B$10,7,0)+IF('Standard Profiles'!$G$21=$B$17,14,0)+IF('Standard Profiles'!$G$21=$B$24,21,0),MOD($C1424,24)+1)/SUM(INDEX($D$3:$AA$30,INDEX(Jesper!$R$2:$R$366,ROW(INDEX(Jesper!AK$2:AK$366,ROUNDDOWN($C1424/24,0)+1,1))-1)+IF('Standard Profiles'!$G$21=$B$10,7,0)+IF('Standard Profiles'!$G$21=$B$17,14,0)+IF('Standard Profiles'!$G$21=$B$24,21,0),0)),0)</f>
        <v>0</v>
      </c>
      <c r="H1424" cm="1">
        <f t="array" ref="H1424">IFERROR(INDEX(Jesper!AL$2:AL$366,ROUNDDOWN($C1424/24,0)+1,1)*INDEX($D$3:$AA$30,INDEX(Jesper!$R$2:$R$366,ROW(INDEX(Jesper!AL$2:AL$366,ROUNDDOWN($C1424/24,0)+1,1))-1)+IF('Standard Profiles'!$G$22=$B$10,7,0)+IF('Standard Profiles'!$G$22=$B$17,14,0)+IF('Standard Profiles'!$G$22=$B$24,21,0),MOD($C1424,24)+1)/SUM(INDEX($D$3:$AA$30,INDEX(Jesper!$R$2:$R$366,ROW(INDEX(Jesper!AL$2:AL$366,ROUNDDOWN($C1424/24,0)+1,1))-1)+IF('Standard Profiles'!$G$22=$B$10,7,0)+IF('Standard Profiles'!$G$22=$B$17,14,0)+IF('Standard Profiles'!$G$22=$B$24,21,0),0)),0)</f>
        <v>0</v>
      </c>
      <c r="I1424">
        <f t="shared" si="167"/>
        <v>0.22319162662093447</v>
      </c>
      <c r="J1424">
        <f t="shared" si="168"/>
        <v>0.74397208873644827</v>
      </c>
      <c r="K1424">
        <f t="shared" si="169"/>
        <v>1.1159581331046724</v>
      </c>
      <c r="L1424">
        <f t="shared" si="170"/>
        <v>5.3565990389024272</v>
      </c>
      <c r="M1424">
        <f t="shared" si="171"/>
        <v>0</v>
      </c>
      <c r="N1424" s="46">
        <f t="shared" si="172"/>
        <v>45349.916666663295</v>
      </c>
    </row>
    <row r="1425" spans="2:14" x14ac:dyDescent="0.3">
      <c r="B1425">
        <f t="shared" si="166"/>
        <v>2</v>
      </c>
      <c r="C1425" s="16">
        <v>1391</v>
      </c>
      <c r="D1425" cm="1">
        <f t="array" ref="D1425">IFERROR(INDEX(Jesper!AH$2:AH$366,ROUNDDOWN($C1425/24,0)+1,1)*INDEX($D$3:$AA$30,INDEX(Jesper!$R$2:$R$366,ROW(INDEX(Jesper!AH$2:AH$366,ROUNDDOWN($C1425/24,0)+1,1))-1)+IF('Standard Profiles'!$G$18=$B$10,7,0)+IF('Standard Profiles'!$G$18=$B$17,14,0)+IF('Standard Profiles'!$G$18=$B$24,21,0),MOD($C1425,24)+1)/SUM(INDEX($D$3:$AA$30,INDEX(Jesper!$R$2:$R$366,ROW(INDEX(Jesper!AH$2:AH$366,ROUNDDOWN($C1425/24,0)+1,1))-1)+IF('Standard Profiles'!$G$18=$B$10,7,0)+IF('Standard Profiles'!$G$18=$B$17,14,0)+IF('Standard Profiles'!$G$18=$B$24,21,0),0)),0)</f>
        <v>7.4397208873644827</v>
      </c>
      <c r="E1425" cm="1">
        <f t="array" ref="E1425">IFERROR(INDEX(Jesper!AI$2:AI$366,ROUNDDOWN($C1425/24,0)+1,1)*INDEX($D$3:$AA$30,INDEX(Jesper!$R$2:$R$366,ROW(INDEX(Jesper!AI$2:AI$366,ROUNDDOWN($C1425/24,0)+1,1))-1)+IF('Standard Profiles'!$G$19=$B$10,7,0)+IF('Standard Profiles'!$G$19=$B$17,14,0)+IF('Standard Profiles'!$G$19=$B$24,21,0),MOD($C1425,24)+1)/SUM(INDEX($D$3:$AA$30,INDEX(Jesper!$R$2:$R$366,ROW(INDEX(Jesper!AI$2:AI$366,ROUNDDOWN($C1425/24,0)+1,1))-1)+IF('Standard Profiles'!$G$19=$B$10,7,0)+IF('Standard Profiles'!$G$19=$B$17,14,0)+IF('Standard Profiles'!$G$19=$B$24,21,0),0)),0)</f>
        <v>0</v>
      </c>
      <c r="F1425" cm="1">
        <f t="array" ref="F1425">IFERROR(INDEX(Jesper!AJ$2:AJ$366,ROUNDDOWN($C1425/24,0)+1,1)*INDEX($D$3:$AA$30,INDEX(Jesper!$R$2:$R$366,ROW(INDEX(Jesper!AJ$2:AJ$366,ROUNDDOWN($C1425/24,0)+1,1))-1)+IF('Standard Profiles'!$G$20=$B$10,7,0)+IF('Standard Profiles'!$G$20=$B$17,14,0)+IF('Standard Profiles'!$G$20=$B$24,21,0),MOD($C1425,24)+1)/SUM(INDEX($D$3:$AA$30,INDEX(Jesper!$R$2:$R$366,ROW(INDEX(Jesper!AJ$2:AJ$366,ROUNDDOWN($C1425/24,0)+1,1))-1)+IF('Standard Profiles'!$G$20=$B$10,7,0)+IF('Standard Profiles'!$G$20=$B$17,14,0)+IF('Standard Profiles'!$G$20=$B$24,21,0),0)),0)</f>
        <v>0</v>
      </c>
      <c r="G1425" cm="1">
        <f t="array" ref="G1425">IFERROR(INDEX(Jesper!AK$2:AK$366,ROUNDDOWN($C1425/24,0)+1,1)*INDEX($D$3:$AA$30,INDEX(Jesper!$R$2:$R$366,ROW(INDEX(Jesper!AK$2:AK$366,ROUNDDOWN($C1425/24,0)+1,1))-1)+IF('Standard Profiles'!$G$21=$B$10,7,0)+IF('Standard Profiles'!$G$21=$B$17,14,0)+IF('Standard Profiles'!$G$21=$B$24,21,0),MOD($C1425,24)+1)/SUM(INDEX($D$3:$AA$30,INDEX(Jesper!$R$2:$R$366,ROW(INDEX(Jesper!AK$2:AK$366,ROUNDDOWN($C1425/24,0)+1,1))-1)+IF('Standard Profiles'!$G$21=$B$10,7,0)+IF('Standard Profiles'!$G$21=$B$17,14,0)+IF('Standard Profiles'!$G$21=$B$24,21,0),0)),0)</f>
        <v>0</v>
      </c>
      <c r="H1425" cm="1">
        <f t="array" ref="H1425">IFERROR(INDEX(Jesper!AL$2:AL$366,ROUNDDOWN($C1425/24,0)+1,1)*INDEX($D$3:$AA$30,INDEX(Jesper!$R$2:$R$366,ROW(INDEX(Jesper!AL$2:AL$366,ROUNDDOWN($C1425/24,0)+1,1))-1)+IF('Standard Profiles'!$G$22=$B$10,7,0)+IF('Standard Profiles'!$G$22=$B$17,14,0)+IF('Standard Profiles'!$G$22=$B$24,21,0),MOD($C1425,24)+1)/SUM(INDEX($D$3:$AA$30,INDEX(Jesper!$R$2:$R$366,ROW(INDEX(Jesper!AL$2:AL$366,ROUNDDOWN($C1425/24,0)+1,1))-1)+IF('Standard Profiles'!$G$22=$B$10,7,0)+IF('Standard Profiles'!$G$22=$B$17,14,0)+IF('Standard Profiles'!$G$22=$B$24,21,0),0)),0)</f>
        <v>0</v>
      </c>
      <c r="I1425">
        <f t="shared" si="167"/>
        <v>0.22319162662093447</v>
      </c>
      <c r="J1425">
        <f t="shared" si="168"/>
        <v>0.74397208873644827</v>
      </c>
      <c r="K1425">
        <f t="shared" si="169"/>
        <v>1.1159581331046724</v>
      </c>
      <c r="L1425">
        <f t="shared" si="170"/>
        <v>5.3565990389024272</v>
      </c>
      <c r="M1425">
        <f t="shared" si="171"/>
        <v>0</v>
      </c>
      <c r="N1425" s="46">
        <f t="shared" si="172"/>
        <v>45349.95833332996</v>
      </c>
    </row>
    <row r="1426" spans="2:14" x14ac:dyDescent="0.3">
      <c r="B1426">
        <f t="shared" si="166"/>
        <v>3</v>
      </c>
      <c r="C1426" s="16">
        <v>1392</v>
      </c>
      <c r="D1426" cm="1">
        <f t="array" ref="D1426">IFERROR(INDEX(Jesper!AH$2:AH$366,ROUNDDOWN($C1426/24,0)+1,1)*INDEX($D$3:$AA$30,INDEX(Jesper!$R$2:$R$366,ROW(INDEX(Jesper!AH$2:AH$366,ROUNDDOWN($C1426/24,0)+1,1))-1)+IF('Standard Profiles'!$G$18=$B$10,7,0)+IF('Standard Profiles'!$G$18=$B$17,14,0)+IF('Standard Profiles'!$G$18=$B$24,21,0),MOD($C1426,24)+1)/SUM(INDEX($D$3:$AA$30,INDEX(Jesper!$R$2:$R$366,ROW(INDEX(Jesper!AH$2:AH$366,ROUNDDOWN($C1426/24,0)+1,1))-1)+IF('Standard Profiles'!$G$18=$B$10,7,0)+IF('Standard Profiles'!$G$18=$B$17,14,0)+IF('Standard Profiles'!$G$18=$B$24,21,0),0)),0)</f>
        <v>6.6263540255445772</v>
      </c>
      <c r="E1426" cm="1">
        <f t="array" ref="E1426">IFERROR(INDEX(Jesper!AI$2:AI$366,ROUNDDOWN($C1426/24,0)+1,1)*INDEX($D$3:$AA$30,INDEX(Jesper!$R$2:$R$366,ROW(INDEX(Jesper!AI$2:AI$366,ROUNDDOWN($C1426/24,0)+1,1))-1)+IF('Standard Profiles'!$G$19=$B$10,7,0)+IF('Standard Profiles'!$G$19=$B$17,14,0)+IF('Standard Profiles'!$G$19=$B$24,21,0),MOD($C1426,24)+1)/SUM(INDEX($D$3:$AA$30,INDEX(Jesper!$R$2:$R$366,ROW(INDEX(Jesper!AI$2:AI$366,ROUNDDOWN($C1426/24,0)+1,1))-1)+IF('Standard Profiles'!$G$19=$B$10,7,0)+IF('Standard Profiles'!$G$19=$B$17,14,0)+IF('Standard Profiles'!$G$19=$B$24,21,0),0)),0)</f>
        <v>0</v>
      </c>
      <c r="F1426" cm="1">
        <f t="array" ref="F1426">IFERROR(INDEX(Jesper!AJ$2:AJ$366,ROUNDDOWN($C1426/24,0)+1,1)*INDEX($D$3:$AA$30,INDEX(Jesper!$R$2:$R$366,ROW(INDEX(Jesper!AJ$2:AJ$366,ROUNDDOWN($C1426/24,0)+1,1))-1)+IF('Standard Profiles'!$G$20=$B$10,7,0)+IF('Standard Profiles'!$G$20=$B$17,14,0)+IF('Standard Profiles'!$G$20=$B$24,21,0),MOD($C1426,24)+1)/SUM(INDEX($D$3:$AA$30,INDEX(Jesper!$R$2:$R$366,ROW(INDEX(Jesper!AJ$2:AJ$366,ROUNDDOWN($C1426/24,0)+1,1))-1)+IF('Standard Profiles'!$G$20=$B$10,7,0)+IF('Standard Profiles'!$G$20=$B$17,14,0)+IF('Standard Profiles'!$G$20=$B$24,21,0),0)),0)</f>
        <v>0</v>
      </c>
      <c r="G1426" cm="1">
        <f t="array" ref="G1426">IFERROR(INDEX(Jesper!AK$2:AK$366,ROUNDDOWN($C1426/24,0)+1,1)*INDEX($D$3:$AA$30,INDEX(Jesper!$R$2:$R$366,ROW(INDEX(Jesper!AK$2:AK$366,ROUNDDOWN($C1426/24,0)+1,1))-1)+IF('Standard Profiles'!$G$21=$B$10,7,0)+IF('Standard Profiles'!$G$21=$B$17,14,0)+IF('Standard Profiles'!$G$21=$B$24,21,0),MOD($C1426,24)+1)/SUM(INDEX($D$3:$AA$30,INDEX(Jesper!$R$2:$R$366,ROW(INDEX(Jesper!AK$2:AK$366,ROUNDDOWN($C1426/24,0)+1,1))-1)+IF('Standard Profiles'!$G$21=$B$10,7,0)+IF('Standard Profiles'!$G$21=$B$17,14,0)+IF('Standard Profiles'!$G$21=$B$24,21,0),0)),0)</f>
        <v>0</v>
      </c>
      <c r="H1426" cm="1">
        <f t="array" ref="H1426">IFERROR(INDEX(Jesper!AL$2:AL$366,ROUNDDOWN($C1426/24,0)+1,1)*INDEX($D$3:$AA$30,INDEX(Jesper!$R$2:$R$366,ROW(INDEX(Jesper!AL$2:AL$366,ROUNDDOWN($C1426/24,0)+1,1))-1)+IF('Standard Profiles'!$G$22=$B$10,7,0)+IF('Standard Profiles'!$G$22=$B$17,14,0)+IF('Standard Profiles'!$G$22=$B$24,21,0),MOD($C1426,24)+1)/SUM(INDEX($D$3:$AA$30,INDEX(Jesper!$R$2:$R$366,ROW(INDEX(Jesper!AL$2:AL$366,ROUNDDOWN($C1426/24,0)+1,1))-1)+IF('Standard Profiles'!$G$22=$B$10,7,0)+IF('Standard Profiles'!$G$22=$B$17,14,0)+IF('Standard Profiles'!$G$22=$B$24,21,0),0)),0)</f>
        <v>0</v>
      </c>
      <c r="I1426">
        <f t="shared" si="167"/>
        <v>0.1987906207663373</v>
      </c>
      <c r="J1426">
        <f t="shared" si="168"/>
        <v>0.66263540255445774</v>
      </c>
      <c r="K1426">
        <f t="shared" si="169"/>
        <v>0.99395310383168656</v>
      </c>
      <c r="L1426">
        <f t="shared" si="170"/>
        <v>4.7709748983920957</v>
      </c>
      <c r="M1426">
        <f t="shared" si="171"/>
        <v>0</v>
      </c>
      <c r="N1426" s="46">
        <f t="shared" si="172"/>
        <v>45349.999999996624</v>
      </c>
    </row>
    <row r="1427" spans="2:14" x14ac:dyDescent="0.3">
      <c r="B1427">
        <f t="shared" si="166"/>
        <v>3</v>
      </c>
      <c r="C1427" s="16">
        <v>1393</v>
      </c>
      <c r="D1427" cm="1">
        <f t="array" ref="D1427">IFERROR(INDEX(Jesper!AH$2:AH$366,ROUNDDOWN($C1427/24,0)+1,1)*INDEX($D$3:$AA$30,INDEX(Jesper!$R$2:$R$366,ROW(INDEX(Jesper!AH$2:AH$366,ROUNDDOWN($C1427/24,0)+1,1))-1)+IF('Standard Profiles'!$G$18=$B$10,7,0)+IF('Standard Profiles'!$G$18=$B$17,14,0)+IF('Standard Profiles'!$G$18=$B$24,21,0),MOD($C1427,24)+1)/SUM(INDEX($D$3:$AA$30,INDEX(Jesper!$R$2:$R$366,ROW(INDEX(Jesper!AH$2:AH$366,ROUNDDOWN($C1427/24,0)+1,1))-1)+IF('Standard Profiles'!$G$18=$B$10,7,0)+IF('Standard Profiles'!$G$18=$B$17,14,0)+IF('Standard Profiles'!$G$18=$B$24,21,0),0)),0)</f>
        <v>7.4546482787376487</v>
      </c>
      <c r="E1427" cm="1">
        <f t="array" ref="E1427">IFERROR(INDEX(Jesper!AI$2:AI$366,ROUNDDOWN($C1427/24,0)+1,1)*INDEX($D$3:$AA$30,INDEX(Jesper!$R$2:$R$366,ROW(INDEX(Jesper!AI$2:AI$366,ROUNDDOWN($C1427/24,0)+1,1))-1)+IF('Standard Profiles'!$G$19=$B$10,7,0)+IF('Standard Profiles'!$G$19=$B$17,14,0)+IF('Standard Profiles'!$G$19=$B$24,21,0),MOD($C1427,24)+1)/SUM(INDEX($D$3:$AA$30,INDEX(Jesper!$R$2:$R$366,ROW(INDEX(Jesper!AI$2:AI$366,ROUNDDOWN($C1427/24,0)+1,1))-1)+IF('Standard Profiles'!$G$19=$B$10,7,0)+IF('Standard Profiles'!$G$19=$B$17,14,0)+IF('Standard Profiles'!$G$19=$B$24,21,0),0)),0)</f>
        <v>0</v>
      </c>
      <c r="F1427" cm="1">
        <f t="array" ref="F1427">IFERROR(INDEX(Jesper!AJ$2:AJ$366,ROUNDDOWN($C1427/24,0)+1,1)*INDEX($D$3:$AA$30,INDEX(Jesper!$R$2:$R$366,ROW(INDEX(Jesper!AJ$2:AJ$366,ROUNDDOWN($C1427/24,0)+1,1))-1)+IF('Standard Profiles'!$G$20=$B$10,7,0)+IF('Standard Profiles'!$G$20=$B$17,14,0)+IF('Standard Profiles'!$G$20=$B$24,21,0),MOD($C1427,24)+1)/SUM(INDEX($D$3:$AA$30,INDEX(Jesper!$R$2:$R$366,ROW(INDEX(Jesper!AJ$2:AJ$366,ROUNDDOWN($C1427/24,0)+1,1))-1)+IF('Standard Profiles'!$G$20=$B$10,7,0)+IF('Standard Profiles'!$G$20=$B$17,14,0)+IF('Standard Profiles'!$G$20=$B$24,21,0),0)),0)</f>
        <v>0</v>
      </c>
      <c r="G1427" cm="1">
        <f t="array" ref="G1427">IFERROR(INDEX(Jesper!AK$2:AK$366,ROUNDDOWN($C1427/24,0)+1,1)*INDEX($D$3:$AA$30,INDEX(Jesper!$R$2:$R$366,ROW(INDEX(Jesper!AK$2:AK$366,ROUNDDOWN($C1427/24,0)+1,1))-1)+IF('Standard Profiles'!$G$21=$B$10,7,0)+IF('Standard Profiles'!$G$21=$B$17,14,0)+IF('Standard Profiles'!$G$21=$B$24,21,0),MOD($C1427,24)+1)/SUM(INDEX($D$3:$AA$30,INDEX(Jesper!$R$2:$R$366,ROW(INDEX(Jesper!AK$2:AK$366,ROUNDDOWN($C1427/24,0)+1,1))-1)+IF('Standard Profiles'!$G$21=$B$10,7,0)+IF('Standard Profiles'!$G$21=$B$17,14,0)+IF('Standard Profiles'!$G$21=$B$24,21,0),0)),0)</f>
        <v>0</v>
      </c>
      <c r="H1427" cm="1">
        <f t="array" ref="H1427">IFERROR(INDEX(Jesper!AL$2:AL$366,ROUNDDOWN($C1427/24,0)+1,1)*INDEX($D$3:$AA$30,INDEX(Jesper!$R$2:$R$366,ROW(INDEX(Jesper!AL$2:AL$366,ROUNDDOWN($C1427/24,0)+1,1))-1)+IF('Standard Profiles'!$G$22=$B$10,7,0)+IF('Standard Profiles'!$G$22=$B$17,14,0)+IF('Standard Profiles'!$G$22=$B$24,21,0),MOD($C1427,24)+1)/SUM(INDEX($D$3:$AA$30,INDEX(Jesper!$R$2:$R$366,ROW(INDEX(Jesper!AL$2:AL$366,ROUNDDOWN($C1427/24,0)+1,1))-1)+IF('Standard Profiles'!$G$22=$B$10,7,0)+IF('Standard Profiles'!$G$22=$B$17,14,0)+IF('Standard Profiles'!$G$22=$B$24,21,0),0)),0)</f>
        <v>0</v>
      </c>
      <c r="I1427">
        <f t="shared" si="167"/>
        <v>0.22363944836212946</v>
      </c>
      <c r="J1427">
        <f t="shared" si="168"/>
        <v>0.74546482787376489</v>
      </c>
      <c r="K1427">
        <f t="shared" si="169"/>
        <v>1.1181972418106472</v>
      </c>
      <c r="L1427">
        <f t="shared" si="170"/>
        <v>5.3673467606911069</v>
      </c>
      <c r="M1427">
        <f t="shared" si="171"/>
        <v>0</v>
      </c>
      <c r="N1427" s="46">
        <f t="shared" si="172"/>
        <v>45350.041666663288</v>
      </c>
    </row>
    <row r="1428" spans="2:14" x14ac:dyDescent="0.3">
      <c r="B1428">
        <f t="shared" si="166"/>
        <v>3</v>
      </c>
      <c r="C1428" s="16">
        <v>1394</v>
      </c>
      <c r="D1428" cm="1">
        <f t="array" ref="D1428">IFERROR(INDEX(Jesper!AH$2:AH$366,ROUNDDOWN($C1428/24,0)+1,1)*INDEX($D$3:$AA$30,INDEX(Jesper!$R$2:$R$366,ROW(INDEX(Jesper!AH$2:AH$366,ROUNDDOWN($C1428/24,0)+1,1))-1)+IF('Standard Profiles'!$G$18=$B$10,7,0)+IF('Standard Profiles'!$G$18=$B$17,14,0)+IF('Standard Profiles'!$G$18=$B$24,21,0),MOD($C1428,24)+1)/SUM(INDEX($D$3:$AA$30,INDEX(Jesper!$R$2:$R$366,ROW(INDEX(Jesper!AH$2:AH$366,ROUNDDOWN($C1428/24,0)+1,1))-1)+IF('Standard Profiles'!$G$18=$B$10,7,0)+IF('Standard Profiles'!$G$18=$B$17,14,0)+IF('Standard Profiles'!$G$18=$B$24,21,0),0)),0)</f>
        <v>7.4546482787376487</v>
      </c>
      <c r="E1428" cm="1">
        <f t="array" ref="E1428">IFERROR(INDEX(Jesper!AI$2:AI$366,ROUNDDOWN($C1428/24,0)+1,1)*INDEX($D$3:$AA$30,INDEX(Jesper!$R$2:$R$366,ROW(INDEX(Jesper!AI$2:AI$366,ROUNDDOWN($C1428/24,0)+1,1))-1)+IF('Standard Profiles'!$G$19=$B$10,7,0)+IF('Standard Profiles'!$G$19=$B$17,14,0)+IF('Standard Profiles'!$G$19=$B$24,21,0),MOD($C1428,24)+1)/SUM(INDEX($D$3:$AA$30,INDEX(Jesper!$R$2:$R$366,ROW(INDEX(Jesper!AI$2:AI$366,ROUNDDOWN($C1428/24,0)+1,1))-1)+IF('Standard Profiles'!$G$19=$B$10,7,0)+IF('Standard Profiles'!$G$19=$B$17,14,0)+IF('Standard Profiles'!$G$19=$B$24,21,0),0)),0)</f>
        <v>0</v>
      </c>
      <c r="F1428" cm="1">
        <f t="array" ref="F1428">IFERROR(INDEX(Jesper!AJ$2:AJ$366,ROUNDDOWN($C1428/24,0)+1,1)*INDEX($D$3:$AA$30,INDEX(Jesper!$R$2:$R$366,ROW(INDEX(Jesper!AJ$2:AJ$366,ROUNDDOWN($C1428/24,0)+1,1))-1)+IF('Standard Profiles'!$G$20=$B$10,7,0)+IF('Standard Profiles'!$G$20=$B$17,14,0)+IF('Standard Profiles'!$G$20=$B$24,21,0),MOD($C1428,24)+1)/SUM(INDEX($D$3:$AA$30,INDEX(Jesper!$R$2:$R$366,ROW(INDEX(Jesper!AJ$2:AJ$366,ROUNDDOWN($C1428/24,0)+1,1))-1)+IF('Standard Profiles'!$G$20=$B$10,7,0)+IF('Standard Profiles'!$G$20=$B$17,14,0)+IF('Standard Profiles'!$G$20=$B$24,21,0),0)),0)</f>
        <v>0</v>
      </c>
      <c r="G1428" cm="1">
        <f t="array" ref="G1428">IFERROR(INDEX(Jesper!AK$2:AK$366,ROUNDDOWN($C1428/24,0)+1,1)*INDEX($D$3:$AA$30,INDEX(Jesper!$R$2:$R$366,ROW(INDEX(Jesper!AK$2:AK$366,ROUNDDOWN($C1428/24,0)+1,1))-1)+IF('Standard Profiles'!$G$21=$B$10,7,0)+IF('Standard Profiles'!$G$21=$B$17,14,0)+IF('Standard Profiles'!$G$21=$B$24,21,0),MOD($C1428,24)+1)/SUM(INDEX($D$3:$AA$30,INDEX(Jesper!$R$2:$R$366,ROW(INDEX(Jesper!AK$2:AK$366,ROUNDDOWN($C1428/24,0)+1,1))-1)+IF('Standard Profiles'!$G$21=$B$10,7,0)+IF('Standard Profiles'!$G$21=$B$17,14,0)+IF('Standard Profiles'!$G$21=$B$24,21,0),0)),0)</f>
        <v>0</v>
      </c>
      <c r="H1428" cm="1">
        <f t="array" ref="H1428">IFERROR(INDEX(Jesper!AL$2:AL$366,ROUNDDOWN($C1428/24,0)+1,1)*INDEX($D$3:$AA$30,INDEX(Jesper!$R$2:$R$366,ROW(INDEX(Jesper!AL$2:AL$366,ROUNDDOWN($C1428/24,0)+1,1))-1)+IF('Standard Profiles'!$G$22=$B$10,7,0)+IF('Standard Profiles'!$G$22=$B$17,14,0)+IF('Standard Profiles'!$G$22=$B$24,21,0),MOD($C1428,24)+1)/SUM(INDEX($D$3:$AA$30,INDEX(Jesper!$R$2:$R$366,ROW(INDEX(Jesper!AL$2:AL$366,ROUNDDOWN($C1428/24,0)+1,1))-1)+IF('Standard Profiles'!$G$22=$B$10,7,0)+IF('Standard Profiles'!$G$22=$B$17,14,0)+IF('Standard Profiles'!$G$22=$B$24,21,0),0)),0)</f>
        <v>0</v>
      </c>
      <c r="I1428">
        <f t="shared" si="167"/>
        <v>0.22363944836212946</v>
      </c>
      <c r="J1428">
        <f t="shared" si="168"/>
        <v>0.74546482787376489</v>
      </c>
      <c r="K1428">
        <f t="shared" si="169"/>
        <v>1.1181972418106472</v>
      </c>
      <c r="L1428">
        <f t="shared" si="170"/>
        <v>5.3673467606911069</v>
      </c>
      <c r="M1428">
        <f t="shared" si="171"/>
        <v>0</v>
      </c>
      <c r="N1428" s="46">
        <f t="shared" si="172"/>
        <v>45350.083333329952</v>
      </c>
    </row>
    <row r="1429" spans="2:14" x14ac:dyDescent="0.3">
      <c r="B1429">
        <f t="shared" si="166"/>
        <v>3</v>
      </c>
      <c r="C1429" s="16">
        <v>1395</v>
      </c>
      <c r="D1429" cm="1">
        <f t="array" ref="D1429">IFERROR(INDEX(Jesper!AH$2:AH$366,ROUNDDOWN($C1429/24,0)+1,1)*INDEX($D$3:$AA$30,INDEX(Jesper!$R$2:$R$366,ROW(INDEX(Jesper!AH$2:AH$366,ROUNDDOWN($C1429/24,0)+1,1))-1)+IF('Standard Profiles'!$G$18=$B$10,7,0)+IF('Standard Profiles'!$G$18=$B$17,14,0)+IF('Standard Profiles'!$G$18=$B$24,21,0),MOD($C1429,24)+1)/SUM(INDEX($D$3:$AA$30,INDEX(Jesper!$R$2:$R$366,ROW(INDEX(Jesper!AH$2:AH$366,ROUNDDOWN($C1429/24,0)+1,1))-1)+IF('Standard Profiles'!$G$18=$B$10,7,0)+IF('Standard Profiles'!$G$18=$B$17,14,0)+IF('Standard Profiles'!$G$18=$B$24,21,0),0)),0)</f>
        <v>7.4546482787376487</v>
      </c>
      <c r="E1429" cm="1">
        <f t="array" ref="E1429">IFERROR(INDEX(Jesper!AI$2:AI$366,ROUNDDOWN($C1429/24,0)+1,1)*INDEX($D$3:$AA$30,INDEX(Jesper!$R$2:$R$366,ROW(INDEX(Jesper!AI$2:AI$366,ROUNDDOWN($C1429/24,0)+1,1))-1)+IF('Standard Profiles'!$G$19=$B$10,7,0)+IF('Standard Profiles'!$G$19=$B$17,14,0)+IF('Standard Profiles'!$G$19=$B$24,21,0),MOD($C1429,24)+1)/SUM(INDEX($D$3:$AA$30,INDEX(Jesper!$R$2:$R$366,ROW(INDEX(Jesper!AI$2:AI$366,ROUNDDOWN($C1429/24,0)+1,1))-1)+IF('Standard Profiles'!$G$19=$B$10,7,0)+IF('Standard Profiles'!$G$19=$B$17,14,0)+IF('Standard Profiles'!$G$19=$B$24,21,0),0)),0)</f>
        <v>0</v>
      </c>
      <c r="F1429" cm="1">
        <f t="array" ref="F1429">IFERROR(INDEX(Jesper!AJ$2:AJ$366,ROUNDDOWN($C1429/24,0)+1,1)*INDEX($D$3:$AA$30,INDEX(Jesper!$R$2:$R$366,ROW(INDEX(Jesper!AJ$2:AJ$366,ROUNDDOWN($C1429/24,0)+1,1))-1)+IF('Standard Profiles'!$G$20=$B$10,7,0)+IF('Standard Profiles'!$G$20=$B$17,14,0)+IF('Standard Profiles'!$G$20=$B$24,21,0),MOD($C1429,24)+1)/SUM(INDEX($D$3:$AA$30,INDEX(Jesper!$R$2:$R$366,ROW(INDEX(Jesper!AJ$2:AJ$366,ROUNDDOWN($C1429/24,0)+1,1))-1)+IF('Standard Profiles'!$G$20=$B$10,7,0)+IF('Standard Profiles'!$G$20=$B$17,14,0)+IF('Standard Profiles'!$G$20=$B$24,21,0),0)),0)</f>
        <v>0</v>
      </c>
      <c r="G1429" cm="1">
        <f t="array" ref="G1429">IFERROR(INDEX(Jesper!AK$2:AK$366,ROUNDDOWN($C1429/24,0)+1,1)*INDEX($D$3:$AA$30,INDEX(Jesper!$R$2:$R$366,ROW(INDEX(Jesper!AK$2:AK$366,ROUNDDOWN($C1429/24,0)+1,1))-1)+IF('Standard Profiles'!$G$21=$B$10,7,0)+IF('Standard Profiles'!$G$21=$B$17,14,0)+IF('Standard Profiles'!$G$21=$B$24,21,0),MOD($C1429,24)+1)/SUM(INDEX($D$3:$AA$30,INDEX(Jesper!$R$2:$R$366,ROW(INDEX(Jesper!AK$2:AK$366,ROUNDDOWN($C1429/24,0)+1,1))-1)+IF('Standard Profiles'!$G$21=$B$10,7,0)+IF('Standard Profiles'!$G$21=$B$17,14,0)+IF('Standard Profiles'!$G$21=$B$24,21,0),0)),0)</f>
        <v>0</v>
      </c>
      <c r="H1429" cm="1">
        <f t="array" ref="H1429">IFERROR(INDEX(Jesper!AL$2:AL$366,ROUNDDOWN($C1429/24,0)+1,1)*INDEX($D$3:$AA$30,INDEX(Jesper!$R$2:$R$366,ROW(INDEX(Jesper!AL$2:AL$366,ROUNDDOWN($C1429/24,0)+1,1))-1)+IF('Standard Profiles'!$G$22=$B$10,7,0)+IF('Standard Profiles'!$G$22=$B$17,14,0)+IF('Standard Profiles'!$G$22=$B$24,21,0),MOD($C1429,24)+1)/SUM(INDEX($D$3:$AA$30,INDEX(Jesper!$R$2:$R$366,ROW(INDEX(Jesper!AL$2:AL$366,ROUNDDOWN($C1429/24,0)+1,1))-1)+IF('Standard Profiles'!$G$22=$B$10,7,0)+IF('Standard Profiles'!$G$22=$B$17,14,0)+IF('Standard Profiles'!$G$22=$B$24,21,0),0)),0)</f>
        <v>0</v>
      </c>
      <c r="I1429">
        <f t="shared" si="167"/>
        <v>0.22363944836212946</v>
      </c>
      <c r="J1429">
        <f t="shared" si="168"/>
        <v>0.74546482787376489</v>
      </c>
      <c r="K1429">
        <f t="shared" si="169"/>
        <v>1.1181972418106472</v>
      </c>
      <c r="L1429">
        <f t="shared" si="170"/>
        <v>5.3673467606911069</v>
      </c>
      <c r="M1429">
        <f t="shared" si="171"/>
        <v>0</v>
      </c>
      <c r="N1429" s="46">
        <f t="shared" si="172"/>
        <v>45350.124999996617</v>
      </c>
    </row>
    <row r="1430" spans="2:14" x14ac:dyDescent="0.3">
      <c r="B1430">
        <f t="shared" si="166"/>
        <v>3</v>
      </c>
      <c r="C1430" s="16">
        <v>1396</v>
      </c>
      <c r="D1430" cm="1">
        <f t="array" ref="D1430">IFERROR(INDEX(Jesper!AH$2:AH$366,ROUNDDOWN($C1430/24,0)+1,1)*INDEX($D$3:$AA$30,INDEX(Jesper!$R$2:$R$366,ROW(INDEX(Jesper!AH$2:AH$366,ROUNDDOWN($C1430/24,0)+1,1))-1)+IF('Standard Profiles'!$G$18=$B$10,7,0)+IF('Standard Profiles'!$G$18=$B$17,14,0)+IF('Standard Profiles'!$G$18=$B$24,21,0),MOD($C1430,24)+1)/SUM(INDEX($D$3:$AA$30,INDEX(Jesper!$R$2:$R$366,ROW(INDEX(Jesper!AH$2:AH$366,ROUNDDOWN($C1430/24,0)+1,1))-1)+IF('Standard Profiles'!$G$18=$B$10,7,0)+IF('Standard Profiles'!$G$18=$B$17,14,0)+IF('Standard Profiles'!$G$18=$B$24,21,0),0)),0)</f>
        <v>7.4546482787376487</v>
      </c>
      <c r="E1430" cm="1">
        <f t="array" ref="E1430">IFERROR(INDEX(Jesper!AI$2:AI$366,ROUNDDOWN($C1430/24,0)+1,1)*INDEX($D$3:$AA$30,INDEX(Jesper!$R$2:$R$366,ROW(INDEX(Jesper!AI$2:AI$366,ROUNDDOWN($C1430/24,0)+1,1))-1)+IF('Standard Profiles'!$G$19=$B$10,7,0)+IF('Standard Profiles'!$G$19=$B$17,14,0)+IF('Standard Profiles'!$G$19=$B$24,21,0),MOD($C1430,24)+1)/SUM(INDEX($D$3:$AA$30,INDEX(Jesper!$R$2:$R$366,ROW(INDEX(Jesper!AI$2:AI$366,ROUNDDOWN($C1430/24,0)+1,1))-1)+IF('Standard Profiles'!$G$19=$B$10,7,0)+IF('Standard Profiles'!$G$19=$B$17,14,0)+IF('Standard Profiles'!$G$19=$B$24,21,0),0)),0)</f>
        <v>0</v>
      </c>
      <c r="F1430" cm="1">
        <f t="array" ref="F1430">IFERROR(INDEX(Jesper!AJ$2:AJ$366,ROUNDDOWN($C1430/24,0)+1,1)*INDEX($D$3:$AA$30,INDEX(Jesper!$R$2:$R$366,ROW(INDEX(Jesper!AJ$2:AJ$366,ROUNDDOWN($C1430/24,0)+1,1))-1)+IF('Standard Profiles'!$G$20=$B$10,7,0)+IF('Standard Profiles'!$G$20=$B$17,14,0)+IF('Standard Profiles'!$G$20=$B$24,21,0),MOD($C1430,24)+1)/SUM(INDEX($D$3:$AA$30,INDEX(Jesper!$R$2:$R$366,ROW(INDEX(Jesper!AJ$2:AJ$366,ROUNDDOWN($C1430/24,0)+1,1))-1)+IF('Standard Profiles'!$G$20=$B$10,7,0)+IF('Standard Profiles'!$G$20=$B$17,14,0)+IF('Standard Profiles'!$G$20=$B$24,21,0),0)),0)</f>
        <v>0</v>
      </c>
      <c r="G1430" cm="1">
        <f t="array" ref="G1430">IFERROR(INDEX(Jesper!AK$2:AK$366,ROUNDDOWN($C1430/24,0)+1,1)*INDEX($D$3:$AA$30,INDEX(Jesper!$R$2:$R$366,ROW(INDEX(Jesper!AK$2:AK$366,ROUNDDOWN($C1430/24,0)+1,1))-1)+IF('Standard Profiles'!$G$21=$B$10,7,0)+IF('Standard Profiles'!$G$21=$B$17,14,0)+IF('Standard Profiles'!$G$21=$B$24,21,0),MOD($C1430,24)+1)/SUM(INDEX($D$3:$AA$30,INDEX(Jesper!$R$2:$R$366,ROW(INDEX(Jesper!AK$2:AK$366,ROUNDDOWN($C1430/24,0)+1,1))-1)+IF('Standard Profiles'!$G$21=$B$10,7,0)+IF('Standard Profiles'!$G$21=$B$17,14,0)+IF('Standard Profiles'!$G$21=$B$24,21,0),0)),0)</f>
        <v>0</v>
      </c>
      <c r="H1430" cm="1">
        <f t="array" ref="H1430">IFERROR(INDEX(Jesper!AL$2:AL$366,ROUNDDOWN($C1430/24,0)+1,1)*INDEX($D$3:$AA$30,INDEX(Jesper!$R$2:$R$366,ROW(INDEX(Jesper!AL$2:AL$366,ROUNDDOWN($C1430/24,0)+1,1))-1)+IF('Standard Profiles'!$G$22=$B$10,7,0)+IF('Standard Profiles'!$G$22=$B$17,14,0)+IF('Standard Profiles'!$G$22=$B$24,21,0),MOD($C1430,24)+1)/SUM(INDEX($D$3:$AA$30,INDEX(Jesper!$R$2:$R$366,ROW(INDEX(Jesper!AL$2:AL$366,ROUNDDOWN($C1430/24,0)+1,1))-1)+IF('Standard Profiles'!$G$22=$B$10,7,0)+IF('Standard Profiles'!$G$22=$B$17,14,0)+IF('Standard Profiles'!$G$22=$B$24,21,0),0)),0)</f>
        <v>0</v>
      </c>
      <c r="I1430">
        <f t="shared" si="167"/>
        <v>0.22363944836212946</v>
      </c>
      <c r="J1430">
        <f t="shared" si="168"/>
        <v>0.74546482787376489</v>
      </c>
      <c r="K1430">
        <f t="shared" si="169"/>
        <v>1.1181972418106472</v>
      </c>
      <c r="L1430">
        <f t="shared" si="170"/>
        <v>5.3673467606911069</v>
      </c>
      <c r="M1430">
        <f t="shared" si="171"/>
        <v>0</v>
      </c>
      <c r="N1430" s="46">
        <f t="shared" si="172"/>
        <v>45350.166666663281</v>
      </c>
    </row>
    <row r="1431" spans="2:14" x14ac:dyDescent="0.3">
      <c r="B1431">
        <f t="shared" si="166"/>
        <v>3</v>
      </c>
      <c r="C1431" s="16">
        <v>1397</v>
      </c>
      <c r="D1431" cm="1">
        <f t="array" ref="D1431">IFERROR(INDEX(Jesper!AH$2:AH$366,ROUNDDOWN($C1431/24,0)+1,1)*INDEX($D$3:$AA$30,INDEX(Jesper!$R$2:$R$366,ROW(INDEX(Jesper!AH$2:AH$366,ROUNDDOWN($C1431/24,0)+1,1))-1)+IF('Standard Profiles'!$G$18=$B$10,7,0)+IF('Standard Profiles'!$G$18=$B$17,14,0)+IF('Standard Profiles'!$G$18=$B$24,21,0),MOD($C1431,24)+1)/SUM(INDEX($D$3:$AA$30,INDEX(Jesper!$R$2:$R$366,ROW(INDEX(Jesper!AH$2:AH$366,ROUNDDOWN($C1431/24,0)+1,1))-1)+IF('Standard Profiles'!$G$18=$B$10,7,0)+IF('Standard Profiles'!$G$18=$B$17,14,0)+IF('Standard Profiles'!$G$18=$B$24,21,0),0)),0)</f>
        <v>9.6082133370396363</v>
      </c>
      <c r="E1431" cm="1">
        <f t="array" ref="E1431">IFERROR(INDEX(Jesper!AI$2:AI$366,ROUNDDOWN($C1431/24,0)+1,1)*INDEX($D$3:$AA$30,INDEX(Jesper!$R$2:$R$366,ROW(INDEX(Jesper!AI$2:AI$366,ROUNDDOWN($C1431/24,0)+1,1))-1)+IF('Standard Profiles'!$G$19=$B$10,7,0)+IF('Standard Profiles'!$G$19=$B$17,14,0)+IF('Standard Profiles'!$G$19=$B$24,21,0),MOD($C1431,24)+1)/SUM(INDEX($D$3:$AA$30,INDEX(Jesper!$R$2:$R$366,ROW(INDEX(Jesper!AI$2:AI$366,ROUNDDOWN($C1431/24,0)+1,1))-1)+IF('Standard Profiles'!$G$19=$B$10,7,0)+IF('Standard Profiles'!$G$19=$B$17,14,0)+IF('Standard Profiles'!$G$19=$B$24,21,0),0)),0)</f>
        <v>0</v>
      </c>
      <c r="F1431" cm="1">
        <f t="array" ref="F1431">IFERROR(INDEX(Jesper!AJ$2:AJ$366,ROUNDDOWN($C1431/24,0)+1,1)*INDEX($D$3:$AA$30,INDEX(Jesper!$R$2:$R$366,ROW(INDEX(Jesper!AJ$2:AJ$366,ROUNDDOWN($C1431/24,0)+1,1))-1)+IF('Standard Profiles'!$G$20=$B$10,7,0)+IF('Standard Profiles'!$G$20=$B$17,14,0)+IF('Standard Profiles'!$G$20=$B$24,21,0),MOD($C1431,24)+1)/SUM(INDEX($D$3:$AA$30,INDEX(Jesper!$R$2:$R$366,ROW(INDEX(Jesper!AJ$2:AJ$366,ROUNDDOWN($C1431/24,0)+1,1))-1)+IF('Standard Profiles'!$G$20=$B$10,7,0)+IF('Standard Profiles'!$G$20=$B$17,14,0)+IF('Standard Profiles'!$G$20=$B$24,21,0),0)),0)</f>
        <v>0</v>
      </c>
      <c r="G1431" cm="1">
        <f t="array" ref="G1431">IFERROR(INDEX(Jesper!AK$2:AK$366,ROUNDDOWN($C1431/24,0)+1,1)*INDEX($D$3:$AA$30,INDEX(Jesper!$R$2:$R$366,ROW(INDEX(Jesper!AK$2:AK$366,ROUNDDOWN($C1431/24,0)+1,1))-1)+IF('Standard Profiles'!$G$21=$B$10,7,0)+IF('Standard Profiles'!$G$21=$B$17,14,0)+IF('Standard Profiles'!$G$21=$B$24,21,0),MOD($C1431,24)+1)/SUM(INDEX($D$3:$AA$30,INDEX(Jesper!$R$2:$R$366,ROW(INDEX(Jesper!AK$2:AK$366,ROUNDDOWN($C1431/24,0)+1,1))-1)+IF('Standard Profiles'!$G$21=$B$10,7,0)+IF('Standard Profiles'!$G$21=$B$17,14,0)+IF('Standard Profiles'!$G$21=$B$24,21,0),0)),0)</f>
        <v>0</v>
      </c>
      <c r="H1431" cm="1">
        <f t="array" ref="H1431">IFERROR(INDEX(Jesper!AL$2:AL$366,ROUNDDOWN($C1431/24,0)+1,1)*INDEX($D$3:$AA$30,INDEX(Jesper!$R$2:$R$366,ROW(INDEX(Jesper!AL$2:AL$366,ROUNDDOWN($C1431/24,0)+1,1))-1)+IF('Standard Profiles'!$G$22=$B$10,7,0)+IF('Standard Profiles'!$G$22=$B$17,14,0)+IF('Standard Profiles'!$G$22=$B$24,21,0),MOD($C1431,24)+1)/SUM(INDEX($D$3:$AA$30,INDEX(Jesper!$R$2:$R$366,ROW(INDEX(Jesper!AL$2:AL$366,ROUNDDOWN($C1431/24,0)+1,1))-1)+IF('Standard Profiles'!$G$22=$B$10,7,0)+IF('Standard Profiles'!$G$22=$B$17,14,0)+IF('Standard Profiles'!$G$22=$B$24,21,0),0)),0)</f>
        <v>0</v>
      </c>
      <c r="I1431">
        <f t="shared" si="167"/>
        <v>0.28824640011118907</v>
      </c>
      <c r="J1431">
        <f t="shared" si="168"/>
        <v>0.96082133370396372</v>
      </c>
      <c r="K1431">
        <f t="shared" si="169"/>
        <v>1.4412320005559454</v>
      </c>
      <c r="L1431">
        <f t="shared" si="170"/>
        <v>6.9179136026685377</v>
      </c>
      <c r="M1431">
        <f t="shared" si="171"/>
        <v>0</v>
      </c>
      <c r="N1431" s="46">
        <f t="shared" si="172"/>
        <v>45350.208333329945</v>
      </c>
    </row>
    <row r="1432" spans="2:14" x14ac:dyDescent="0.3">
      <c r="B1432">
        <f t="shared" si="166"/>
        <v>3</v>
      </c>
      <c r="C1432" s="16">
        <v>1398</v>
      </c>
      <c r="D1432" cm="1">
        <f t="array" ref="D1432">IFERROR(INDEX(Jesper!AH$2:AH$366,ROUNDDOWN($C1432/24,0)+1,1)*INDEX($D$3:$AA$30,INDEX(Jesper!$R$2:$R$366,ROW(INDEX(Jesper!AH$2:AH$366,ROUNDDOWN($C1432/24,0)+1,1))-1)+IF('Standard Profiles'!$G$18=$B$10,7,0)+IF('Standard Profiles'!$G$18=$B$17,14,0)+IF('Standard Profiles'!$G$18=$B$24,21,0),MOD($C1432,24)+1)/SUM(INDEX($D$3:$AA$30,INDEX(Jesper!$R$2:$R$366,ROW(INDEX(Jesper!AH$2:AH$366,ROUNDDOWN($C1432/24,0)+1,1))-1)+IF('Standard Profiles'!$G$18=$B$10,7,0)+IF('Standard Profiles'!$G$18=$B$17,14,0)+IF('Standard Profiles'!$G$18=$B$24,21,0),0)),0)</f>
        <v>11.099142992787167</v>
      </c>
      <c r="E1432" cm="1">
        <f t="array" ref="E1432">IFERROR(INDEX(Jesper!AI$2:AI$366,ROUNDDOWN($C1432/24,0)+1,1)*INDEX($D$3:$AA$30,INDEX(Jesper!$R$2:$R$366,ROW(INDEX(Jesper!AI$2:AI$366,ROUNDDOWN($C1432/24,0)+1,1))-1)+IF('Standard Profiles'!$G$19=$B$10,7,0)+IF('Standard Profiles'!$G$19=$B$17,14,0)+IF('Standard Profiles'!$G$19=$B$24,21,0),MOD($C1432,24)+1)/SUM(INDEX($D$3:$AA$30,INDEX(Jesper!$R$2:$R$366,ROW(INDEX(Jesper!AI$2:AI$366,ROUNDDOWN($C1432/24,0)+1,1))-1)+IF('Standard Profiles'!$G$19=$B$10,7,0)+IF('Standard Profiles'!$G$19=$B$17,14,0)+IF('Standard Profiles'!$G$19=$B$24,21,0),0)),0)</f>
        <v>0</v>
      </c>
      <c r="F1432" cm="1">
        <f t="array" ref="F1432">IFERROR(INDEX(Jesper!AJ$2:AJ$366,ROUNDDOWN($C1432/24,0)+1,1)*INDEX($D$3:$AA$30,INDEX(Jesper!$R$2:$R$366,ROW(INDEX(Jesper!AJ$2:AJ$366,ROUNDDOWN($C1432/24,0)+1,1))-1)+IF('Standard Profiles'!$G$20=$B$10,7,0)+IF('Standard Profiles'!$G$20=$B$17,14,0)+IF('Standard Profiles'!$G$20=$B$24,21,0),MOD($C1432,24)+1)/SUM(INDEX($D$3:$AA$30,INDEX(Jesper!$R$2:$R$366,ROW(INDEX(Jesper!AJ$2:AJ$366,ROUNDDOWN($C1432/24,0)+1,1))-1)+IF('Standard Profiles'!$G$20=$B$10,7,0)+IF('Standard Profiles'!$G$20=$B$17,14,0)+IF('Standard Profiles'!$G$20=$B$24,21,0),0)),0)</f>
        <v>0</v>
      </c>
      <c r="G1432" cm="1">
        <f t="array" ref="G1432">IFERROR(INDEX(Jesper!AK$2:AK$366,ROUNDDOWN($C1432/24,0)+1,1)*INDEX($D$3:$AA$30,INDEX(Jesper!$R$2:$R$366,ROW(INDEX(Jesper!AK$2:AK$366,ROUNDDOWN($C1432/24,0)+1,1))-1)+IF('Standard Profiles'!$G$21=$B$10,7,0)+IF('Standard Profiles'!$G$21=$B$17,14,0)+IF('Standard Profiles'!$G$21=$B$24,21,0),MOD($C1432,24)+1)/SUM(INDEX($D$3:$AA$30,INDEX(Jesper!$R$2:$R$366,ROW(INDEX(Jesper!AK$2:AK$366,ROUNDDOWN($C1432/24,0)+1,1))-1)+IF('Standard Profiles'!$G$21=$B$10,7,0)+IF('Standard Profiles'!$G$21=$B$17,14,0)+IF('Standard Profiles'!$G$21=$B$24,21,0),0)),0)</f>
        <v>0</v>
      </c>
      <c r="H1432" cm="1">
        <f t="array" ref="H1432">IFERROR(INDEX(Jesper!AL$2:AL$366,ROUNDDOWN($C1432/24,0)+1,1)*INDEX($D$3:$AA$30,INDEX(Jesper!$R$2:$R$366,ROW(INDEX(Jesper!AL$2:AL$366,ROUNDDOWN($C1432/24,0)+1,1))-1)+IF('Standard Profiles'!$G$22=$B$10,7,0)+IF('Standard Profiles'!$G$22=$B$17,14,0)+IF('Standard Profiles'!$G$22=$B$24,21,0),MOD($C1432,24)+1)/SUM(INDEX($D$3:$AA$30,INDEX(Jesper!$R$2:$R$366,ROW(INDEX(Jesper!AL$2:AL$366,ROUNDDOWN($C1432/24,0)+1,1))-1)+IF('Standard Profiles'!$G$22=$B$10,7,0)+IF('Standard Profiles'!$G$22=$B$17,14,0)+IF('Standard Profiles'!$G$22=$B$24,21,0),0)),0)</f>
        <v>0</v>
      </c>
      <c r="I1432">
        <f t="shared" si="167"/>
        <v>0.33297428978361499</v>
      </c>
      <c r="J1432">
        <f t="shared" si="168"/>
        <v>1.1099142992787168</v>
      </c>
      <c r="K1432">
        <f t="shared" si="169"/>
        <v>1.6648714489180749</v>
      </c>
      <c r="L1432">
        <f t="shared" si="170"/>
        <v>7.9913829548067596</v>
      </c>
      <c r="M1432">
        <f t="shared" si="171"/>
        <v>0</v>
      </c>
      <c r="N1432" s="46">
        <f t="shared" si="172"/>
        <v>45350.249999996609</v>
      </c>
    </row>
    <row r="1433" spans="2:14" x14ac:dyDescent="0.3">
      <c r="B1433">
        <f t="shared" si="166"/>
        <v>3</v>
      </c>
      <c r="C1433" s="16">
        <v>1399</v>
      </c>
      <c r="D1433" cm="1">
        <f t="array" ref="D1433">IFERROR(INDEX(Jesper!AH$2:AH$366,ROUNDDOWN($C1433/24,0)+1,1)*INDEX($D$3:$AA$30,INDEX(Jesper!$R$2:$R$366,ROW(INDEX(Jesper!AH$2:AH$366,ROUNDDOWN($C1433/24,0)+1,1))-1)+IF('Standard Profiles'!$G$18=$B$10,7,0)+IF('Standard Profiles'!$G$18=$B$17,14,0)+IF('Standard Profiles'!$G$18=$B$24,21,0),MOD($C1433,24)+1)/SUM(INDEX($D$3:$AA$30,INDEX(Jesper!$R$2:$R$366,ROW(INDEX(Jesper!AH$2:AH$366,ROUNDDOWN($C1433/24,0)+1,1))-1)+IF('Standard Profiles'!$G$18=$B$10,7,0)+IF('Standard Profiles'!$G$18=$B$17,14,0)+IF('Standard Profiles'!$G$18=$B$24,21,0),0)),0)</f>
        <v>11.099142992787167</v>
      </c>
      <c r="E1433" cm="1">
        <f t="array" ref="E1433">IFERROR(INDEX(Jesper!AI$2:AI$366,ROUNDDOWN($C1433/24,0)+1,1)*INDEX($D$3:$AA$30,INDEX(Jesper!$R$2:$R$366,ROW(INDEX(Jesper!AI$2:AI$366,ROUNDDOWN($C1433/24,0)+1,1))-1)+IF('Standard Profiles'!$G$19=$B$10,7,0)+IF('Standard Profiles'!$G$19=$B$17,14,0)+IF('Standard Profiles'!$G$19=$B$24,21,0),MOD($C1433,24)+1)/SUM(INDEX($D$3:$AA$30,INDEX(Jesper!$R$2:$R$366,ROW(INDEX(Jesper!AI$2:AI$366,ROUNDDOWN($C1433/24,0)+1,1))-1)+IF('Standard Profiles'!$G$19=$B$10,7,0)+IF('Standard Profiles'!$G$19=$B$17,14,0)+IF('Standard Profiles'!$G$19=$B$24,21,0),0)),0)</f>
        <v>0</v>
      </c>
      <c r="F1433" cm="1">
        <f t="array" ref="F1433">IFERROR(INDEX(Jesper!AJ$2:AJ$366,ROUNDDOWN($C1433/24,0)+1,1)*INDEX($D$3:$AA$30,INDEX(Jesper!$R$2:$R$366,ROW(INDEX(Jesper!AJ$2:AJ$366,ROUNDDOWN($C1433/24,0)+1,1))-1)+IF('Standard Profiles'!$G$20=$B$10,7,0)+IF('Standard Profiles'!$G$20=$B$17,14,0)+IF('Standard Profiles'!$G$20=$B$24,21,0),MOD($C1433,24)+1)/SUM(INDEX($D$3:$AA$30,INDEX(Jesper!$R$2:$R$366,ROW(INDEX(Jesper!AJ$2:AJ$366,ROUNDDOWN($C1433/24,0)+1,1))-1)+IF('Standard Profiles'!$G$20=$B$10,7,0)+IF('Standard Profiles'!$G$20=$B$17,14,0)+IF('Standard Profiles'!$G$20=$B$24,21,0),0)),0)</f>
        <v>0</v>
      </c>
      <c r="G1433" cm="1">
        <f t="array" ref="G1433">IFERROR(INDEX(Jesper!AK$2:AK$366,ROUNDDOWN($C1433/24,0)+1,1)*INDEX($D$3:$AA$30,INDEX(Jesper!$R$2:$R$366,ROW(INDEX(Jesper!AK$2:AK$366,ROUNDDOWN($C1433/24,0)+1,1))-1)+IF('Standard Profiles'!$G$21=$B$10,7,0)+IF('Standard Profiles'!$G$21=$B$17,14,0)+IF('Standard Profiles'!$G$21=$B$24,21,0),MOD($C1433,24)+1)/SUM(INDEX($D$3:$AA$30,INDEX(Jesper!$R$2:$R$366,ROW(INDEX(Jesper!AK$2:AK$366,ROUNDDOWN($C1433/24,0)+1,1))-1)+IF('Standard Profiles'!$G$21=$B$10,7,0)+IF('Standard Profiles'!$G$21=$B$17,14,0)+IF('Standard Profiles'!$G$21=$B$24,21,0),0)),0)</f>
        <v>0</v>
      </c>
      <c r="H1433" cm="1">
        <f t="array" ref="H1433">IFERROR(INDEX(Jesper!AL$2:AL$366,ROUNDDOWN($C1433/24,0)+1,1)*INDEX($D$3:$AA$30,INDEX(Jesper!$R$2:$R$366,ROW(INDEX(Jesper!AL$2:AL$366,ROUNDDOWN($C1433/24,0)+1,1))-1)+IF('Standard Profiles'!$G$22=$B$10,7,0)+IF('Standard Profiles'!$G$22=$B$17,14,0)+IF('Standard Profiles'!$G$22=$B$24,21,0),MOD($C1433,24)+1)/SUM(INDEX($D$3:$AA$30,INDEX(Jesper!$R$2:$R$366,ROW(INDEX(Jesper!AL$2:AL$366,ROUNDDOWN($C1433/24,0)+1,1))-1)+IF('Standard Profiles'!$G$22=$B$10,7,0)+IF('Standard Profiles'!$G$22=$B$17,14,0)+IF('Standard Profiles'!$G$22=$B$24,21,0),0)),0)</f>
        <v>0</v>
      </c>
      <c r="I1433">
        <f t="shared" si="167"/>
        <v>0.33297428978361499</v>
      </c>
      <c r="J1433">
        <f t="shared" si="168"/>
        <v>1.1099142992787168</v>
      </c>
      <c r="K1433">
        <f t="shared" si="169"/>
        <v>1.6648714489180749</v>
      </c>
      <c r="L1433">
        <f t="shared" si="170"/>
        <v>7.9913829548067596</v>
      </c>
      <c r="M1433">
        <f t="shared" si="171"/>
        <v>0</v>
      </c>
      <c r="N1433" s="46">
        <f t="shared" si="172"/>
        <v>45350.291666663274</v>
      </c>
    </row>
    <row r="1434" spans="2:14" x14ac:dyDescent="0.3">
      <c r="B1434">
        <f t="shared" si="166"/>
        <v>3</v>
      </c>
      <c r="C1434" s="16">
        <v>1400</v>
      </c>
      <c r="D1434" cm="1">
        <f t="array" ref="D1434">IFERROR(INDEX(Jesper!AH$2:AH$366,ROUNDDOWN($C1434/24,0)+1,1)*INDEX($D$3:$AA$30,INDEX(Jesper!$R$2:$R$366,ROW(INDEX(Jesper!AH$2:AH$366,ROUNDDOWN($C1434/24,0)+1,1))-1)+IF('Standard Profiles'!$G$18=$B$10,7,0)+IF('Standard Profiles'!$G$18=$B$17,14,0)+IF('Standard Profiles'!$G$18=$B$24,21,0),MOD($C1434,24)+1)/SUM(INDEX($D$3:$AA$30,INDEX(Jesper!$R$2:$R$366,ROW(INDEX(Jesper!AH$2:AH$366,ROUNDDOWN($C1434/24,0)+1,1))-1)+IF('Standard Profiles'!$G$18=$B$10,7,0)+IF('Standard Profiles'!$G$18=$B$17,14,0)+IF('Standard Profiles'!$G$18=$B$24,21,0),0)),0)</f>
        <v>11.099142992787167</v>
      </c>
      <c r="E1434" cm="1">
        <f t="array" ref="E1434">IFERROR(INDEX(Jesper!AI$2:AI$366,ROUNDDOWN($C1434/24,0)+1,1)*INDEX($D$3:$AA$30,INDEX(Jesper!$R$2:$R$366,ROW(INDEX(Jesper!AI$2:AI$366,ROUNDDOWN($C1434/24,0)+1,1))-1)+IF('Standard Profiles'!$G$19=$B$10,7,0)+IF('Standard Profiles'!$G$19=$B$17,14,0)+IF('Standard Profiles'!$G$19=$B$24,21,0),MOD($C1434,24)+1)/SUM(INDEX($D$3:$AA$30,INDEX(Jesper!$R$2:$R$366,ROW(INDEX(Jesper!AI$2:AI$366,ROUNDDOWN($C1434/24,0)+1,1))-1)+IF('Standard Profiles'!$G$19=$B$10,7,0)+IF('Standard Profiles'!$G$19=$B$17,14,0)+IF('Standard Profiles'!$G$19=$B$24,21,0),0)),0)</f>
        <v>0</v>
      </c>
      <c r="F1434" cm="1">
        <f t="array" ref="F1434">IFERROR(INDEX(Jesper!AJ$2:AJ$366,ROUNDDOWN($C1434/24,0)+1,1)*INDEX($D$3:$AA$30,INDEX(Jesper!$R$2:$R$366,ROW(INDEX(Jesper!AJ$2:AJ$366,ROUNDDOWN($C1434/24,0)+1,1))-1)+IF('Standard Profiles'!$G$20=$B$10,7,0)+IF('Standard Profiles'!$G$20=$B$17,14,0)+IF('Standard Profiles'!$G$20=$B$24,21,0),MOD($C1434,24)+1)/SUM(INDEX($D$3:$AA$30,INDEX(Jesper!$R$2:$R$366,ROW(INDEX(Jesper!AJ$2:AJ$366,ROUNDDOWN($C1434/24,0)+1,1))-1)+IF('Standard Profiles'!$G$20=$B$10,7,0)+IF('Standard Profiles'!$G$20=$B$17,14,0)+IF('Standard Profiles'!$G$20=$B$24,21,0),0)),0)</f>
        <v>0</v>
      </c>
      <c r="G1434" cm="1">
        <f t="array" ref="G1434">IFERROR(INDEX(Jesper!AK$2:AK$366,ROUNDDOWN($C1434/24,0)+1,1)*INDEX($D$3:$AA$30,INDEX(Jesper!$R$2:$R$366,ROW(INDEX(Jesper!AK$2:AK$366,ROUNDDOWN($C1434/24,0)+1,1))-1)+IF('Standard Profiles'!$G$21=$B$10,7,0)+IF('Standard Profiles'!$G$21=$B$17,14,0)+IF('Standard Profiles'!$G$21=$B$24,21,0),MOD($C1434,24)+1)/SUM(INDEX($D$3:$AA$30,INDEX(Jesper!$R$2:$R$366,ROW(INDEX(Jesper!AK$2:AK$366,ROUNDDOWN($C1434/24,0)+1,1))-1)+IF('Standard Profiles'!$G$21=$B$10,7,0)+IF('Standard Profiles'!$G$21=$B$17,14,0)+IF('Standard Profiles'!$G$21=$B$24,21,0),0)),0)</f>
        <v>0</v>
      </c>
      <c r="H1434" cm="1">
        <f t="array" ref="H1434">IFERROR(INDEX(Jesper!AL$2:AL$366,ROUNDDOWN($C1434/24,0)+1,1)*INDEX($D$3:$AA$30,INDEX(Jesper!$R$2:$R$366,ROW(INDEX(Jesper!AL$2:AL$366,ROUNDDOWN($C1434/24,0)+1,1))-1)+IF('Standard Profiles'!$G$22=$B$10,7,0)+IF('Standard Profiles'!$G$22=$B$17,14,0)+IF('Standard Profiles'!$G$22=$B$24,21,0),MOD($C1434,24)+1)/SUM(INDEX($D$3:$AA$30,INDEX(Jesper!$R$2:$R$366,ROW(INDEX(Jesper!AL$2:AL$366,ROUNDDOWN($C1434/24,0)+1,1))-1)+IF('Standard Profiles'!$G$22=$B$10,7,0)+IF('Standard Profiles'!$G$22=$B$17,14,0)+IF('Standard Profiles'!$G$22=$B$24,21,0),0)),0)</f>
        <v>0</v>
      </c>
      <c r="I1434">
        <f t="shared" si="167"/>
        <v>0.33297428978361499</v>
      </c>
      <c r="J1434">
        <f t="shared" si="168"/>
        <v>1.1099142992787168</v>
      </c>
      <c r="K1434">
        <f t="shared" si="169"/>
        <v>1.6648714489180749</v>
      </c>
      <c r="L1434">
        <f t="shared" si="170"/>
        <v>7.9913829548067596</v>
      </c>
      <c r="M1434">
        <f t="shared" si="171"/>
        <v>0</v>
      </c>
      <c r="N1434" s="46">
        <f t="shared" si="172"/>
        <v>45350.333333329938</v>
      </c>
    </row>
    <row r="1435" spans="2:14" x14ac:dyDescent="0.3">
      <c r="B1435">
        <f t="shared" si="166"/>
        <v>3</v>
      </c>
      <c r="C1435" s="16">
        <v>1401</v>
      </c>
      <c r="D1435" cm="1">
        <f t="array" ref="D1435">IFERROR(INDEX(Jesper!AH$2:AH$366,ROUNDDOWN($C1435/24,0)+1,1)*INDEX($D$3:$AA$30,INDEX(Jesper!$R$2:$R$366,ROW(INDEX(Jesper!AH$2:AH$366,ROUNDDOWN($C1435/24,0)+1,1))-1)+IF('Standard Profiles'!$G$18=$B$10,7,0)+IF('Standard Profiles'!$G$18=$B$17,14,0)+IF('Standard Profiles'!$G$18=$B$24,21,0),MOD($C1435,24)+1)/SUM(INDEX($D$3:$AA$30,INDEX(Jesper!$R$2:$R$366,ROW(INDEX(Jesper!AH$2:AH$366,ROUNDDOWN($C1435/24,0)+1,1))-1)+IF('Standard Profiles'!$G$18=$B$10,7,0)+IF('Standard Profiles'!$G$18=$B$17,14,0)+IF('Standard Profiles'!$G$18=$B$24,21,0),0)),0)</f>
        <v>11.927437245980238</v>
      </c>
      <c r="E1435" cm="1">
        <f t="array" ref="E1435">IFERROR(INDEX(Jesper!AI$2:AI$366,ROUNDDOWN($C1435/24,0)+1,1)*INDEX($D$3:$AA$30,INDEX(Jesper!$R$2:$R$366,ROW(INDEX(Jesper!AI$2:AI$366,ROUNDDOWN($C1435/24,0)+1,1))-1)+IF('Standard Profiles'!$G$19=$B$10,7,0)+IF('Standard Profiles'!$G$19=$B$17,14,0)+IF('Standard Profiles'!$G$19=$B$24,21,0),MOD($C1435,24)+1)/SUM(INDEX($D$3:$AA$30,INDEX(Jesper!$R$2:$R$366,ROW(INDEX(Jesper!AI$2:AI$366,ROUNDDOWN($C1435/24,0)+1,1))-1)+IF('Standard Profiles'!$G$19=$B$10,7,0)+IF('Standard Profiles'!$G$19=$B$17,14,0)+IF('Standard Profiles'!$G$19=$B$24,21,0),0)),0)</f>
        <v>0</v>
      </c>
      <c r="F1435" cm="1">
        <f t="array" ref="F1435">IFERROR(INDEX(Jesper!AJ$2:AJ$366,ROUNDDOWN($C1435/24,0)+1,1)*INDEX($D$3:$AA$30,INDEX(Jesper!$R$2:$R$366,ROW(INDEX(Jesper!AJ$2:AJ$366,ROUNDDOWN($C1435/24,0)+1,1))-1)+IF('Standard Profiles'!$G$20=$B$10,7,0)+IF('Standard Profiles'!$G$20=$B$17,14,0)+IF('Standard Profiles'!$G$20=$B$24,21,0),MOD($C1435,24)+1)/SUM(INDEX($D$3:$AA$30,INDEX(Jesper!$R$2:$R$366,ROW(INDEX(Jesper!AJ$2:AJ$366,ROUNDDOWN($C1435/24,0)+1,1))-1)+IF('Standard Profiles'!$G$20=$B$10,7,0)+IF('Standard Profiles'!$G$20=$B$17,14,0)+IF('Standard Profiles'!$G$20=$B$24,21,0),0)),0)</f>
        <v>0</v>
      </c>
      <c r="G1435" cm="1">
        <f t="array" ref="G1435">IFERROR(INDEX(Jesper!AK$2:AK$366,ROUNDDOWN($C1435/24,0)+1,1)*INDEX($D$3:$AA$30,INDEX(Jesper!$R$2:$R$366,ROW(INDEX(Jesper!AK$2:AK$366,ROUNDDOWN($C1435/24,0)+1,1))-1)+IF('Standard Profiles'!$G$21=$B$10,7,0)+IF('Standard Profiles'!$G$21=$B$17,14,0)+IF('Standard Profiles'!$G$21=$B$24,21,0),MOD($C1435,24)+1)/SUM(INDEX($D$3:$AA$30,INDEX(Jesper!$R$2:$R$366,ROW(INDEX(Jesper!AK$2:AK$366,ROUNDDOWN($C1435/24,0)+1,1))-1)+IF('Standard Profiles'!$G$21=$B$10,7,0)+IF('Standard Profiles'!$G$21=$B$17,14,0)+IF('Standard Profiles'!$G$21=$B$24,21,0),0)),0)</f>
        <v>0</v>
      </c>
      <c r="H1435" cm="1">
        <f t="array" ref="H1435">IFERROR(INDEX(Jesper!AL$2:AL$366,ROUNDDOWN($C1435/24,0)+1,1)*INDEX($D$3:$AA$30,INDEX(Jesper!$R$2:$R$366,ROW(INDEX(Jesper!AL$2:AL$366,ROUNDDOWN($C1435/24,0)+1,1))-1)+IF('Standard Profiles'!$G$22=$B$10,7,0)+IF('Standard Profiles'!$G$22=$B$17,14,0)+IF('Standard Profiles'!$G$22=$B$24,21,0),MOD($C1435,24)+1)/SUM(INDEX($D$3:$AA$30,INDEX(Jesper!$R$2:$R$366,ROW(INDEX(Jesper!AL$2:AL$366,ROUNDDOWN($C1435/24,0)+1,1))-1)+IF('Standard Profiles'!$G$22=$B$10,7,0)+IF('Standard Profiles'!$G$22=$B$17,14,0)+IF('Standard Profiles'!$G$22=$B$24,21,0),0)),0)</f>
        <v>0</v>
      </c>
      <c r="I1435">
        <f t="shared" si="167"/>
        <v>0.35782311737940714</v>
      </c>
      <c r="J1435">
        <f t="shared" si="168"/>
        <v>1.1927437245980239</v>
      </c>
      <c r="K1435">
        <f t="shared" si="169"/>
        <v>1.7891155868970356</v>
      </c>
      <c r="L1435">
        <f t="shared" si="170"/>
        <v>8.5877548171057718</v>
      </c>
      <c r="M1435">
        <f t="shared" si="171"/>
        <v>0</v>
      </c>
      <c r="N1435" s="46">
        <f t="shared" si="172"/>
        <v>45350.374999996602</v>
      </c>
    </row>
    <row r="1436" spans="2:14" x14ac:dyDescent="0.3">
      <c r="B1436">
        <f t="shared" si="166"/>
        <v>3</v>
      </c>
      <c r="C1436" s="16">
        <v>1402</v>
      </c>
      <c r="D1436" cm="1">
        <f t="array" ref="D1436">IFERROR(INDEX(Jesper!AH$2:AH$366,ROUNDDOWN($C1436/24,0)+1,1)*INDEX($D$3:$AA$30,INDEX(Jesper!$R$2:$R$366,ROW(INDEX(Jesper!AH$2:AH$366,ROUNDDOWN($C1436/24,0)+1,1))-1)+IF('Standard Profiles'!$G$18=$B$10,7,0)+IF('Standard Profiles'!$G$18=$B$17,14,0)+IF('Standard Profiles'!$G$18=$B$24,21,0),MOD($C1436,24)+1)/SUM(INDEX($D$3:$AA$30,INDEX(Jesper!$R$2:$R$366,ROW(INDEX(Jesper!AH$2:AH$366,ROUNDDOWN($C1436/24,0)+1,1))-1)+IF('Standard Profiles'!$G$18=$B$10,7,0)+IF('Standard Profiles'!$G$18=$B$17,14,0)+IF('Standard Profiles'!$G$18=$B$24,21,0),0)),0)</f>
        <v>12.921390349811926</v>
      </c>
      <c r="E1436" cm="1">
        <f t="array" ref="E1436">IFERROR(INDEX(Jesper!AI$2:AI$366,ROUNDDOWN($C1436/24,0)+1,1)*INDEX($D$3:$AA$30,INDEX(Jesper!$R$2:$R$366,ROW(INDEX(Jesper!AI$2:AI$366,ROUNDDOWN($C1436/24,0)+1,1))-1)+IF('Standard Profiles'!$G$19=$B$10,7,0)+IF('Standard Profiles'!$G$19=$B$17,14,0)+IF('Standard Profiles'!$G$19=$B$24,21,0),MOD($C1436,24)+1)/SUM(INDEX($D$3:$AA$30,INDEX(Jesper!$R$2:$R$366,ROW(INDEX(Jesper!AI$2:AI$366,ROUNDDOWN($C1436/24,0)+1,1))-1)+IF('Standard Profiles'!$G$19=$B$10,7,0)+IF('Standard Profiles'!$G$19=$B$17,14,0)+IF('Standard Profiles'!$G$19=$B$24,21,0),0)),0)</f>
        <v>0</v>
      </c>
      <c r="F1436" cm="1">
        <f t="array" ref="F1436">IFERROR(INDEX(Jesper!AJ$2:AJ$366,ROUNDDOWN($C1436/24,0)+1,1)*INDEX($D$3:$AA$30,INDEX(Jesper!$R$2:$R$366,ROW(INDEX(Jesper!AJ$2:AJ$366,ROUNDDOWN($C1436/24,0)+1,1))-1)+IF('Standard Profiles'!$G$20=$B$10,7,0)+IF('Standard Profiles'!$G$20=$B$17,14,0)+IF('Standard Profiles'!$G$20=$B$24,21,0),MOD($C1436,24)+1)/SUM(INDEX($D$3:$AA$30,INDEX(Jesper!$R$2:$R$366,ROW(INDEX(Jesper!AJ$2:AJ$366,ROUNDDOWN($C1436/24,0)+1,1))-1)+IF('Standard Profiles'!$G$20=$B$10,7,0)+IF('Standard Profiles'!$G$20=$B$17,14,0)+IF('Standard Profiles'!$G$20=$B$24,21,0),0)),0)</f>
        <v>0</v>
      </c>
      <c r="G1436" cm="1">
        <f t="array" ref="G1436">IFERROR(INDEX(Jesper!AK$2:AK$366,ROUNDDOWN($C1436/24,0)+1,1)*INDEX($D$3:$AA$30,INDEX(Jesper!$R$2:$R$366,ROW(INDEX(Jesper!AK$2:AK$366,ROUNDDOWN($C1436/24,0)+1,1))-1)+IF('Standard Profiles'!$G$21=$B$10,7,0)+IF('Standard Profiles'!$G$21=$B$17,14,0)+IF('Standard Profiles'!$G$21=$B$24,21,0),MOD($C1436,24)+1)/SUM(INDEX($D$3:$AA$30,INDEX(Jesper!$R$2:$R$366,ROW(INDEX(Jesper!AK$2:AK$366,ROUNDDOWN($C1436/24,0)+1,1))-1)+IF('Standard Profiles'!$G$21=$B$10,7,0)+IF('Standard Profiles'!$G$21=$B$17,14,0)+IF('Standard Profiles'!$G$21=$B$24,21,0),0)),0)</f>
        <v>0</v>
      </c>
      <c r="H1436" cm="1">
        <f t="array" ref="H1436">IFERROR(INDEX(Jesper!AL$2:AL$366,ROUNDDOWN($C1436/24,0)+1,1)*INDEX($D$3:$AA$30,INDEX(Jesper!$R$2:$R$366,ROW(INDEX(Jesper!AL$2:AL$366,ROUNDDOWN($C1436/24,0)+1,1))-1)+IF('Standard Profiles'!$G$22=$B$10,7,0)+IF('Standard Profiles'!$G$22=$B$17,14,0)+IF('Standard Profiles'!$G$22=$B$24,21,0),MOD($C1436,24)+1)/SUM(INDEX($D$3:$AA$30,INDEX(Jesper!$R$2:$R$366,ROW(INDEX(Jesper!AL$2:AL$366,ROUNDDOWN($C1436/24,0)+1,1))-1)+IF('Standard Profiles'!$G$22=$B$10,7,0)+IF('Standard Profiles'!$G$22=$B$17,14,0)+IF('Standard Profiles'!$G$22=$B$24,21,0),0)),0)</f>
        <v>0</v>
      </c>
      <c r="I1436">
        <f t="shared" si="167"/>
        <v>0.38764171049435775</v>
      </c>
      <c r="J1436">
        <f t="shared" si="168"/>
        <v>1.2921390349811928</v>
      </c>
      <c r="K1436">
        <f t="shared" si="169"/>
        <v>1.9382085524717887</v>
      </c>
      <c r="L1436">
        <f t="shared" si="170"/>
        <v>9.3034010518645864</v>
      </c>
      <c r="M1436">
        <f t="shared" si="171"/>
        <v>0</v>
      </c>
      <c r="N1436" s="46">
        <f t="shared" si="172"/>
        <v>45350.416666663266</v>
      </c>
    </row>
    <row r="1437" spans="2:14" x14ac:dyDescent="0.3">
      <c r="B1437">
        <f t="shared" si="166"/>
        <v>3</v>
      </c>
      <c r="C1437" s="16">
        <v>1403</v>
      </c>
      <c r="D1437" cm="1">
        <f t="array" ref="D1437">IFERROR(INDEX(Jesper!AH$2:AH$366,ROUNDDOWN($C1437/24,0)+1,1)*INDEX($D$3:$AA$30,INDEX(Jesper!$R$2:$R$366,ROW(INDEX(Jesper!AH$2:AH$366,ROUNDDOWN($C1437/24,0)+1,1))-1)+IF('Standard Profiles'!$G$18=$B$10,7,0)+IF('Standard Profiles'!$G$18=$B$17,14,0)+IF('Standard Profiles'!$G$18=$B$24,21,0),MOD($C1437,24)+1)/SUM(INDEX($D$3:$AA$30,INDEX(Jesper!$R$2:$R$366,ROW(INDEX(Jesper!AH$2:AH$366,ROUNDDOWN($C1437/24,0)+1,1))-1)+IF('Standard Profiles'!$G$18=$B$10,7,0)+IF('Standard Profiles'!$G$18=$B$17,14,0)+IF('Standard Profiles'!$G$18=$B$24,21,0),0)),0)</f>
        <v>14.909296557475297</v>
      </c>
      <c r="E1437" cm="1">
        <f t="array" ref="E1437">IFERROR(INDEX(Jesper!AI$2:AI$366,ROUNDDOWN($C1437/24,0)+1,1)*INDEX($D$3:$AA$30,INDEX(Jesper!$R$2:$R$366,ROW(INDEX(Jesper!AI$2:AI$366,ROUNDDOWN($C1437/24,0)+1,1))-1)+IF('Standard Profiles'!$G$19=$B$10,7,0)+IF('Standard Profiles'!$G$19=$B$17,14,0)+IF('Standard Profiles'!$G$19=$B$24,21,0),MOD($C1437,24)+1)/SUM(INDEX($D$3:$AA$30,INDEX(Jesper!$R$2:$R$366,ROW(INDEX(Jesper!AI$2:AI$366,ROUNDDOWN($C1437/24,0)+1,1))-1)+IF('Standard Profiles'!$G$19=$B$10,7,0)+IF('Standard Profiles'!$G$19=$B$17,14,0)+IF('Standard Profiles'!$G$19=$B$24,21,0),0)),0)</f>
        <v>0</v>
      </c>
      <c r="F1437" cm="1">
        <f t="array" ref="F1437">IFERROR(INDEX(Jesper!AJ$2:AJ$366,ROUNDDOWN($C1437/24,0)+1,1)*INDEX($D$3:$AA$30,INDEX(Jesper!$R$2:$R$366,ROW(INDEX(Jesper!AJ$2:AJ$366,ROUNDDOWN($C1437/24,0)+1,1))-1)+IF('Standard Profiles'!$G$20=$B$10,7,0)+IF('Standard Profiles'!$G$20=$B$17,14,0)+IF('Standard Profiles'!$G$20=$B$24,21,0),MOD($C1437,24)+1)/SUM(INDEX($D$3:$AA$30,INDEX(Jesper!$R$2:$R$366,ROW(INDEX(Jesper!AJ$2:AJ$366,ROUNDDOWN($C1437/24,0)+1,1))-1)+IF('Standard Profiles'!$G$20=$B$10,7,0)+IF('Standard Profiles'!$G$20=$B$17,14,0)+IF('Standard Profiles'!$G$20=$B$24,21,0),0)),0)</f>
        <v>0</v>
      </c>
      <c r="G1437" cm="1">
        <f t="array" ref="G1437">IFERROR(INDEX(Jesper!AK$2:AK$366,ROUNDDOWN($C1437/24,0)+1,1)*INDEX($D$3:$AA$30,INDEX(Jesper!$R$2:$R$366,ROW(INDEX(Jesper!AK$2:AK$366,ROUNDDOWN($C1437/24,0)+1,1))-1)+IF('Standard Profiles'!$G$21=$B$10,7,0)+IF('Standard Profiles'!$G$21=$B$17,14,0)+IF('Standard Profiles'!$G$21=$B$24,21,0),MOD($C1437,24)+1)/SUM(INDEX($D$3:$AA$30,INDEX(Jesper!$R$2:$R$366,ROW(INDEX(Jesper!AK$2:AK$366,ROUNDDOWN($C1437/24,0)+1,1))-1)+IF('Standard Profiles'!$G$21=$B$10,7,0)+IF('Standard Profiles'!$G$21=$B$17,14,0)+IF('Standard Profiles'!$G$21=$B$24,21,0),0)),0)</f>
        <v>0</v>
      </c>
      <c r="H1437" cm="1">
        <f t="array" ref="H1437">IFERROR(INDEX(Jesper!AL$2:AL$366,ROUNDDOWN($C1437/24,0)+1,1)*INDEX($D$3:$AA$30,INDEX(Jesper!$R$2:$R$366,ROW(INDEX(Jesper!AL$2:AL$366,ROUNDDOWN($C1437/24,0)+1,1))-1)+IF('Standard Profiles'!$G$22=$B$10,7,0)+IF('Standard Profiles'!$G$22=$B$17,14,0)+IF('Standard Profiles'!$G$22=$B$24,21,0),MOD($C1437,24)+1)/SUM(INDEX($D$3:$AA$30,INDEX(Jesper!$R$2:$R$366,ROW(INDEX(Jesper!AL$2:AL$366,ROUNDDOWN($C1437/24,0)+1,1))-1)+IF('Standard Profiles'!$G$22=$B$10,7,0)+IF('Standard Profiles'!$G$22=$B$17,14,0)+IF('Standard Profiles'!$G$22=$B$24,21,0),0)),0)</f>
        <v>0</v>
      </c>
      <c r="I1437">
        <f t="shared" si="167"/>
        <v>0.44727889672425891</v>
      </c>
      <c r="J1437">
        <f t="shared" si="168"/>
        <v>1.4909296557475298</v>
      </c>
      <c r="K1437">
        <f t="shared" si="169"/>
        <v>2.2363944836212943</v>
      </c>
      <c r="L1437">
        <f t="shared" si="170"/>
        <v>10.734693521382214</v>
      </c>
      <c r="M1437">
        <f t="shared" si="171"/>
        <v>0</v>
      </c>
      <c r="N1437" s="46">
        <f t="shared" si="172"/>
        <v>45350.458333329931</v>
      </c>
    </row>
    <row r="1438" spans="2:14" x14ac:dyDescent="0.3">
      <c r="B1438">
        <f t="shared" si="166"/>
        <v>3</v>
      </c>
      <c r="C1438" s="16">
        <v>1404</v>
      </c>
      <c r="D1438" cm="1">
        <f t="array" ref="D1438">IFERROR(INDEX(Jesper!AH$2:AH$366,ROUNDDOWN($C1438/24,0)+1,1)*INDEX($D$3:$AA$30,INDEX(Jesper!$R$2:$R$366,ROW(INDEX(Jesper!AH$2:AH$366,ROUNDDOWN($C1438/24,0)+1,1))-1)+IF('Standard Profiles'!$G$18=$B$10,7,0)+IF('Standard Profiles'!$G$18=$B$17,14,0)+IF('Standard Profiles'!$G$18=$B$24,21,0),MOD($C1438,24)+1)/SUM(INDEX($D$3:$AA$30,INDEX(Jesper!$R$2:$R$366,ROW(INDEX(Jesper!AH$2:AH$366,ROUNDDOWN($C1438/24,0)+1,1))-1)+IF('Standard Profiles'!$G$18=$B$10,7,0)+IF('Standard Profiles'!$G$18=$B$17,14,0)+IF('Standard Profiles'!$G$18=$B$24,21,0),0)),0)</f>
        <v>14.909296557475297</v>
      </c>
      <c r="E1438" cm="1">
        <f t="array" ref="E1438">IFERROR(INDEX(Jesper!AI$2:AI$366,ROUNDDOWN($C1438/24,0)+1,1)*INDEX($D$3:$AA$30,INDEX(Jesper!$R$2:$R$366,ROW(INDEX(Jesper!AI$2:AI$366,ROUNDDOWN($C1438/24,0)+1,1))-1)+IF('Standard Profiles'!$G$19=$B$10,7,0)+IF('Standard Profiles'!$G$19=$B$17,14,0)+IF('Standard Profiles'!$G$19=$B$24,21,0),MOD($C1438,24)+1)/SUM(INDEX($D$3:$AA$30,INDEX(Jesper!$R$2:$R$366,ROW(INDEX(Jesper!AI$2:AI$366,ROUNDDOWN($C1438/24,0)+1,1))-1)+IF('Standard Profiles'!$G$19=$B$10,7,0)+IF('Standard Profiles'!$G$19=$B$17,14,0)+IF('Standard Profiles'!$G$19=$B$24,21,0),0)),0)</f>
        <v>0</v>
      </c>
      <c r="F1438" cm="1">
        <f t="array" ref="F1438">IFERROR(INDEX(Jesper!AJ$2:AJ$366,ROUNDDOWN($C1438/24,0)+1,1)*INDEX($D$3:$AA$30,INDEX(Jesper!$R$2:$R$366,ROW(INDEX(Jesper!AJ$2:AJ$366,ROUNDDOWN($C1438/24,0)+1,1))-1)+IF('Standard Profiles'!$G$20=$B$10,7,0)+IF('Standard Profiles'!$G$20=$B$17,14,0)+IF('Standard Profiles'!$G$20=$B$24,21,0),MOD($C1438,24)+1)/SUM(INDEX($D$3:$AA$30,INDEX(Jesper!$R$2:$R$366,ROW(INDEX(Jesper!AJ$2:AJ$366,ROUNDDOWN($C1438/24,0)+1,1))-1)+IF('Standard Profiles'!$G$20=$B$10,7,0)+IF('Standard Profiles'!$G$20=$B$17,14,0)+IF('Standard Profiles'!$G$20=$B$24,21,0),0)),0)</f>
        <v>0</v>
      </c>
      <c r="G1438" cm="1">
        <f t="array" ref="G1438">IFERROR(INDEX(Jesper!AK$2:AK$366,ROUNDDOWN($C1438/24,0)+1,1)*INDEX($D$3:$AA$30,INDEX(Jesper!$R$2:$R$366,ROW(INDEX(Jesper!AK$2:AK$366,ROUNDDOWN($C1438/24,0)+1,1))-1)+IF('Standard Profiles'!$G$21=$B$10,7,0)+IF('Standard Profiles'!$G$21=$B$17,14,0)+IF('Standard Profiles'!$G$21=$B$24,21,0),MOD($C1438,24)+1)/SUM(INDEX($D$3:$AA$30,INDEX(Jesper!$R$2:$R$366,ROW(INDEX(Jesper!AK$2:AK$366,ROUNDDOWN($C1438/24,0)+1,1))-1)+IF('Standard Profiles'!$G$21=$B$10,7,0)+IF('Standard Profiles'!$G$21=$B$17,14,0)+IF('Standard Profiles'!$G$21=$B$24,21,0),0)),0)</f>
        <v>0</v>
      </c>
      <c r="H1438" cm="1">
        <f t="array" ref="H1438">IFERROR(INDEX(Jesper!AL$2:AL$366,ROUNDDOWN($C1438/24,0)+1,1)*INDEX($D$3:$AA$30,INDEX(Jesper!$R$2:$R$366,ROW(INDEX(Jesper!AL$2:AL$366,ROUNDDOWN($C1438/24,0)+1,1))-1)+IF('Standard Profiles'!$G$22=$B$10,7,0)+IF('Standard Profiles'!$G$22=$B$17,14,0)+IF('Standard Profiles'!$G$22=$B$24,21,0),MOD($C1438,24)+1)/SUM(INDEX($D$3:$AA$30,INDEX(Jesper!$R$2:$R$366,ROW(INDEX(Jesper!AL$2:AL$366,ROUNDDOWN($C1438/24,0)+1,1))-1)+IF('Standard Profiles'!$G$22=$B$10,7,0)+IF('Standard Profiles'!$G$22=$B$17,14,0)+IF('Standard Profiles'!$G$22=$B$24,21,0),0)),0)</f>
        <v>0</v>
      </c>
      <c r="I1438">
        <f t="shared" si="167"/>
        <v>0.44727889672425891</v>
      </c>
      <c r="J1438">
        <f t="shared" si="168"/>
        <v>1.4909296557475298</v>
      </c>
      <c r="K1438">
        <f t="shared" si="169"/>
        <v>2.2363944836212943</v>
      </c>
      <c r="L1438">
        <f t="shared" si="170"/>
        <v>10.734693521382214</v>
      </c>
      <c r="M1438">
        <f t="shared" si="171"/>
        <v>0</v>
      </c>
      <c r="N1438" s="46">
        <f t="shared" si="172"/>
        <v>45350.499999996595</v>
      </c>
    </row>
    <row r="1439" spans="2:14" x14ac:dyDescent="0.3">
      <c r="B1439">
        <f t="shared" si="166"/>
        <v>3</v>
      </c>
      <c r="C1439" s="16">
        <v>1405</v>
      </c>
      <c r="D1439" cm="1">
        <f t="array" ref="D1439">IFERROR(INDEX(Jesper!AH$2:AH$366,ROUNDDOWN($C1439/24,0)+1,1)*INDEX($D$3:$AA$30,INDEX(Jesper!$R$2:$R$366,ROW(INDEX(Jesper!AH$2:AH$366,ROUNDDOWN($C1439/24,0)+1,1))-1)+IF('Standard Profiles'!$G$18=$B$10,7,0)+IF('Standard Profiles'!$G$18=$B$17,14,0)+IF('Standard Profiles'!$G$18=$B$24,21,0),MOD($C1439,24)+1)/SUM(INDEX($D$3:$AA$30,INDEX(Jesper!$R$2:$R$366,ROW(INDEX(Jesper!AH$2:AH$366,ROUNDDOWN($C1439/24,0)+1,1))-1)+IF('Standard Profiles'!$G$18=$B$10,7,0)+IF('Standard Profiles'!$G$18=$B$17,14,0)+IF('Standard Profiles'!$G$18=$B$24,21,0),0)),0)</f>
        <v>14.909296557475297</v>
      </c>
      <c r="E1439" cm="1">
        <f t="array" ref="E1439">IFERROR(INDEX(Jesper!AI$2:AI$366,ROUNDDOWN($C1439/24,0)+1,1)*INDEX($D$3:$AA$30,INDEX(Jesper!$R$2:$R$366,ROW(INDEX(Jesper!AI$2:AI$366,ROUNDDOWN($C1439/24,0)+1,1))-1)+IF('Standard Profiles'!$G$19=$B$10,7,0)+IF('Standard Profiles'!$G$19=$B$17,14,0)+IF('Standard Profiles'!$G$19=$B$24,21,0),MOD($C1439,24)+1)/SUM(INDEX($D$3:$AA$30,INDEX(Jesper!$R$2:$R$366,ROW(INDEX(Jesper!AI$2:AI$366,ROUNDDOWN($C1439/24,0)+1,1))-1)+IF('Standard Profiles'!$G$19=$B$10,7,0)+IF('Standard Profiles'!$G$19=$B$17,14,0)+IF('Standard Profiles'!$G$19=$B$24,21,0),0)),0)</f>
        <v>0</v>
      </c>
      <c r="F1439" cm="1">
        <f t="array" ref="F1439">IFERROR(INDEX(Jesper!AJ$2:AJ$366,ROUNDDOWN($C1439/24,0)+1,1)*INDEX($D$3:$AA$30,INDEX(Jesper!$R$2:$R$366,ROW(INDEX(Jesper!AJ$2:AJ$366,ROUNDDOWN($C1439/24,0)+1,1))-1)+IF('Standard Profiles'!$G$20=$B$10,7,0)+IF('Standard Profiles'!$G$20=$B$17,14,0)+IF('Standard Profiles'!$G$20=$B$24,21,0),MOD($C1439,24)+1)/SUM(INDEX($D$3:$AA$30,INDEX(Jesper!$R$2:$R$366,ROW(INDEX(Jesper!AJ$2:AJ$366,ROUNDDOWN($C1439/24,0)+1,1))-1)+IF('Standard Profiles'!$G$20=$B$10,7,0)+IF('Standard Profiles'!$G$20=$B$17,14,0)+IF('Standard Profiles'!$G$20=$B$24,21,0),0)),0)</f>
        <v>0</v>
      </c>
      <c r="G1439" cm="1">
        <f t="array" ref="G1439">IFERROR(INDEX(Jesper!AK$2:AK$366,ROUNDDOWN($C1439/24,0)+1,1)*INDEX($D$3:$AA$30,INDEX(Jesper!$R$2:$R$366,ROW(INDEX(Jesper!AK$2:AK$366,ROUNDDOWN($C1439/24,0)+1,1))-1)+IF('Standard Profiles'!$G$21=$B$10,7,0)+IF('Standard Profiles'!$G$21=$B$17,14,0)+IF('Standard Profiles'!$G$21=$B$24,21,0),MOD($C1439,24)+1)/SUM(INDEX($D$3:$AA$30,INDEX(Jesper!$R$2:$R$366,ROW(INDEX(Jesper!AK$2:AK$366,ROUNDDOWN($C1439/24,0)+1,1))-1)+IF('Standard Profiles'!$G$21=$B$10,7,0)+IF('Standard Profiles'!$G$21=$B$17,14,0)+IF('Standard Profiles'!$G$21=$B$24,21,0),0)),0)</f>
        <v>0</v>
      </c>
      <c r="H1439" cm="1">
        <f t="array" ref="H1439">IFERROR(INDEX(Jesper!AL$2:AL$366,ROUNDDOWN($C1439/24,0)+1,1)*INDEX($D$3:$AA$30,INDEX(Jesper!$R$2:$R$366,ROW(INDEX(Jesper!AL$2:AL$366,ROUNDDOWN($C1439/24,0)+1,1))-1)+IF('Standard Profiles'!$G$22=$B$10,7,0)+IF('Standard Profiles'!$G$22=$B$17,14,0)+IF('Standard Profiles'!$G$22=$B$24,21,0),MOD($C1439,24)+1)/SUM(INDEX($D$3:$AA$30,INDEX(Jesper!$R$2:$R$366,ROW(INDEX(Jesper!AL$2:AL$366,ROUNDDOWN($C1439/24,0)+1,1))-1)+IF('Standard Profiles'!$G$22=$B$10,7,0)+IF('Standard Profiles'!$G$22=$B$17,14,0)+IF('Standard Profiles'!$G$22=$B$24,21,0),0)),0)</f>
        <v>0</v>
      </c>
      <c r="I1439">
        <f t="shared" si="167"/>
        <v>0.44727889672425891</v>
      </c>
      <c r="J1439">
        <f t="shared" si="168"/>
        <v>1.4909296557475298</v>
      </c>
      <c r="K1439">
        <f t="shared" si="169"/>
        <v>2.2363944836212943</v>
      </c>
      <c r="L1439">
        <f t="shared" si="170"/>
        <v>10.734693521382214</v>
      </c>
      <c r="M1439">
        <f t="shared" si="171"/>
        <v>0</v>
      </c>
      <c r="N1439" s="46">
        <f t="shared" si="172"/>
        <v>45350.541666663259</v>
      </c>
    </row>
    <row r="1440" spans="2:14" x14ac:dyDescent="0.3">
      <c r="B1440">
        <f t="shared" si="166"/>
        <v>3</v>
      </c>
      <c r="C1440" s="16">
        <v>1406</v>
      </c>
      <c r="D1440" cm="1">
        <f t="array" ref="D1440">IFERROR(INDEX(Jesper!AH$2:AH$366,ROUNDDOWN($C1440/24,0)+1,1)*INDEX($D$3:$AA$30,INDEX(Jesper!$R$2:$R$366,ROW(INDEX(Jesper!AH$2:AH$366,ROUNDDOWN($C1440/24,0)+1,1))-1)+IF('Standard Profiles'!$G$18=$B$10,7,0)+IF('Standard Profiles'!$G$18=$B$17,14,0)+IF('Standard Profiles'!$G$18=$B$24,21,0),MOD($C1440,24)+1)/SUM(INDEX($D$3:$AA$30,INDEX(Jesper!$R$2:$R$366,ROW(INDEX(Jesper!AH$2:AH$366,ROUNDDOWN($C1440/24,0)+1,1))-1)+IF('Standard Profiles'!$G$18=$B$10,7,0)+IF('Standard Profiles'!$G$18=$B$17,14,0)+IF('Standard Profiles'!$G$18=$B$24,21,0),0)),0)</f>
        <v>14.909296557475297</v>
      </c>
      <c r="E1440" cm="1">
        <f t="array" ref="E1440">IFERROR(INDEX(Jesper!AI$2:AI$366,ROUNDDOWN($C1440/24,0)+1,1)*INDEX($D$3:$AA$30,INDEX(Jesper!$R$2:$R$366,ROW(INDEX(Jesper!AI$2:AI$366,ROUNDDOWN($C1440/24,0)+1,1))-1)+IF('Standard Profiles'!$G$19=$B$10,7,0)+IF('Standard Profiles'!$G$19=$B$17,14,0)+IF('Standard Profiles'!$G$19=$B$24,21,0),MOD($C1440,24)+1)/SUM(INDEX($D$3:$AA$30,INDEX(Jesper!$R$2:$R$366,ROW(INDEX(Jesper!AI$2:AI$366,ROUNDDOWN($C1440/24,0)+1,1))-1)+IF('Standard Profiles'!$G$19=$B$10,7,0)+IF('Standard Profiles'!$G$19=$B$17,14,0)+IF('Standard Profiles'!$G$19=$B$24,21,0),0)),0)</f>
        <v>0</v>
      </c>
      <c r="F1440" cm="1">
        <f t="array" ref="F1440">IFERROR(INDEX(Jesper!AJ$2:AJ$366,ROUNDDOWN($C1440/24,0)+1,1)*INDEX($D$3:$AA$30,INDEX(Jesper!$R$2:$R$366,ROW(INDEX(Jesper!AJ$2:AJ$366,ROUNDDOWN($C1440/24,0)+1,1))-1)+IF('Standard Profiles'!$G$20=$B$10,7,0)+IF('Standard Profiles'!$G$20=$B$17,14,0)+IF('Standard Profiles'!$G$20=$B$24,21,0),MOD($C1440,24)+1)/SUM(INDEX($D$3:$AA$30,INDEX(Jesper!$R$2:$R$366,ROW(INDEX(Jesper!AJ$2:AJ$366,ROUNDDOWN($C1440/24,0)+1,1))-1)+IF('Standard Profiles'!$G$20=$B$10,7,0)+IF('Standard Profiles'!$G$20=$B$17,14,0)+IF('Standard Profiles'!$G$20=$B$24,21,0),0)),0)</f>
        <v>0</v>
      </c>
      <c r="G1440" cm="1">
        <f t="array" ref="G1440">IFERROR(INDEX(Jesper!AK$2:AK$366,ROUNDDOWN($C1440/24,0)+1,1)*INDEX($D$3:$AA$30,INDEX(Jesper!$R$2:$R$366,ROW(INDEX(Jesper!AK$2:AK$366,ROUNDDOWN($C1440/24,0)+1,1))-1)+IF('Standard Profiles'!$G$21=$B$10,7,0)+IF('Standard Profiles'!$G$21=$B$17,14,0)+IF('Standard Profiles'!$G$21=$B$24,21,0),MOD($C1440,24)+1)/SUM(INDEX($D$3:$AA$30,INDEX(Jesper!$R$2:$R$366,ROW(INDEX(Jesper!AK$2:AK$366,ROUNDDOWN($C1440/24,0)+1,1))-1)+IF('Standard Profiles'!$G$21=$B$10,7,0)+IF('Standard Profiles'!$G$21=$B$17,14,0)+IF('Standard Profiles'!$G$21=$B$24,21,0),0)),0)</f>
        <v>0</v>
      </c>
      <c r="H1440" cm="1">
        <f t="array" ref="H1440">IFERROR(INDEX(Jesper!AL$2:AL$366,ROUNDDOWN($C1440/24,0)+1,1)*INDEX($D$3:$AA$30,INDEX(Jesper!$R$2:$R$366,ROW(INDEX(Jesper!AL$2:AL$366,ROUNDDOWN($C1440/24,0)+1,1))-1)+IF('Standard Profiles'!$G$22=$B$10,7,0)+IF('Standard Profiles'!$G$22=$B$17,14,0)+IF('Standard Profiles'!$G$22=$B$24,21,0),MOD($C1440,24)+1)/SUM(INDEX($D$3:$AA$30,INDEX(Jesper!$R$2:$R$366,ROW(INDEX(Jesper!AL$2:AL$366,ROUNDDOWN($C1440/24,0)+1,1))-1)+IF('Standard Profiles'!$G$22=$B$10,7,0)+IF('Standard Profiles'!$G$22=$B$17,14,0)+IF('Standard Profiles'!$G$22=$B$24,21,0),0)),0)</f>
        <v>0</v>
      </c>
      <c r="I1440">
        <f t="shared" si="167"/>
        <v>0.44727889672425891</v>
      </c>
      <c r="J1440">
        <f t="shared" si="168"/>
        <v>1.4909296557475298</v>
      </c>
      <c r="K1440">
        <f t="shared" si="169"/>
        <v>2.2363944836212943</v>
      </c>
      <c r="L1440">
        <f t="shared" si="170"/>
        <v>10.734693521382214</v>
      </c>
      <c r="M1440">
        <f t="shared" si="171"/>
        <v>0</v>
      </c>
      <c r="N1440" s="46">
        <f t="shared" si="172"/>
        <v>45350.583333329923</v>
      </c>
    </row>
    <row r="1441" spans="2:14" x14ac:dyDescent="0.3">
      <c r="B1441">
        <f t="shared" si="166"/>
        <v>3</v>
      </c>
      <c r="C1441" s="16">
        <v>1407</v>
      </c>
      <c r="D1441" cm="1">
        <f t="array" ref="D1441">IFERROR(INDEX(Jesper!AH$2:AH$366,ROUNDDOWN($C1441/24,0)+1,1)*INDEX($D$3:$AA$30,INDEX(Jesper!$R$2:$R$366,ROW(INDEX(Jesper!AH$2:AH$366,ROUNDDOWN($C1441/24,0)+1,1))-1)+IF('Standard Profiles'!$G$18=$B$10,7,0)+IF('Standard Profiles'!$G$18=$B$17,14,0)+IF('Standard Profiles'!$G$18=$B$24,21,0),MOD($C1441,24)+1)/SUM(INDEX($D$3:$AA$30,INDEX(Jesper!$R$2:$R$366,ROW(INDEX(Jesper!AH$2:AH$366,ROUNDDOWN($C1441/24,0)+1,1))-1)+IF('Standard Profiles'!$G$18=$B$10,7,0)+IF('Standard Profiles'!$G$18=$B$17,14,0)+IF('Standard Profiles'!$G$18=$B$24,21,0),0)),0)</f>
        <v>14.909296557475297</v>
      </c>
      <c r="E1441" cm="1">
        <f t="array" ref="E1441">IFERROR(INDEX(Jesper!AI$2:AI$366,ROUNDDOWN($C1441/24,0)+1,1)*INDEX($D$3:$AA$30,INDEX(Jesper!$R$2:$R$366,ROW(INDEX(Jesper!AI$2:AI$366,ROUNDDOWN($C1441/24,0)+1,1))-1)+IF('Standard Profiles'!$G$19=$B$10,7,0)+IF('Standard Profiles'!$G$19=$B$17,14,0)+IF('Standard Profiles'!$G$19=$B$24,21,0),MOD($C1441,24)+1)/SUM(INDEX($D$3:$AA$30,INDEX(Jesper!$R$2:$R$366,ROW(INDEX(Jesper!AI$2:AI$366,ROUNDDOWN($C1441/24,0)+1,1))-1)+IF('Standard Profiles'!$G$19=$B$10,7,0)+IF('Standard Profiles'!$G$19=$B$17,14,0)+IF('Standard Profiles'!$G$19=$B$24,21,0),0)),0)</f>
        <v>0</v>
      </c>
      <c r="F1441" cm="1">
        <f t="array" ref="F1441">IFERROR(INDEX(Jesper!AJ$2:AJ$366,ROUNDDOWN($C1441/24,0)+1,1)*INDEX($D$3:$AA$30,INDEX(Jesper!$R$2:$R$366,ROW(INDEX(Jesper!AJ$2:AJ$366,ROUNDDOWN($C1441/24,0)+1,1))-1)+IF('Standard Profiles'!$G$20=$B$10,7,0)+IF('Standard Profiles'!$G$20=$B$17,14,0)+IF('Standard Profiles'!$G$20=$B$24,21,0),MOD($C1441,24)+1)/SUM(INDEX($D$3:$AA$30,INDEX(Jesper!$R$2:$R$366,ROW(INDEX(Jesper!AJ$2:AJ$366,ROUNDDOWN($C1441/24,0)+1,1))-1)+IF('Standard Profiles'!$G$20=$B$10,7,0)+IF('Standard Profiles'!$G$20=$B$17,14,0)+IF('Standard Profiles'!$G$20=$B$24,21,0),0)),0)</f>
        <v>0</v>
      </c>
      <c r="G1441" cm="1">
        <f t="array" ref="G1441">IFERROR(INDEX(Jesper!AK$2:AK$366,ROUNDDOWN($C1441/24,0)+1,1)*INDEX($D$3:$AA$30,INDEX(Jesper!$R$2:$R$366,ROW(INDEX(Jesper!AK$2:AK$366,ROUNDDOWN($C1441/24,0)+1,1))-1)+IF('Standard Profiles'!$G$21=$B$10,7,0)+IF('Standard Profiles'!$G$21=$B$17,14,0)+IF('Standard Profiles'!$G$21=$B$24,21,0),MOD($C1441,24)+1)/SUM(INDEX($D$3:$AA$30,INDEX(Jesper!$R$2:$R$366,ROW(INDEX(Jesper!AK$2:AK$366,ROUNDDOWN($C1441/24,0)+1,1))-1)+IF('Standard Profiles'!$G$21=$B$10,7,0)+IF('Standard Profiles'!$G$21=$B$17,14,0)+IF('Standard Profiles'!$G$21=$B$24,21,0),0)),0)</f>
        <v>0</v>
      </c>
      <c r="H1441" cm="1">
        <f t="array" ref="H1441">IFERROR(INDEX(Jesper!AL$2:AL$366,ROUNDDOWN($C1441/24,0)+1,1)*INDEX($D$3:$AA$30,INDEX(Jesper!$R$2:$R$366,ROW(INDEX(Jesper!AL$2:AL$366,ROUNDDOWN($C1441/24,0)+1,1))-1)+IF('Standard Profiles'!$G$22=$B$10,7,0)+IF('Standard Profiles'!$G$22=$B$17,14,0)+IF('Standard Profiles'!$G$22=$B$24,21,0),MOD($C1441,24)+1)/SUM(INDEX($D$3:$AA$30,INDEX(Jesper!$R$2:$R$366,ROW(INDEX(Jesper!AL$2:AL$366,ROUNDDOWN($C1441/24,0)+1,1))-1)+IF('Standard Profiles'!$G$22=$B$10,7,0)+IF('Standard Profiles'!$G$22=$B$17,14,0)+IF('Standard Profiles'!$G$22=$B$24,21,0),0)),0)</f>
        <v>0</v>
      </c>
      <c r="I1441">
        <f t="shared" si="167"/>
        <v>0.44727889672425891</v>
      </c>
      <c r="J1441">
        <f t="shared" si="168"/>
        <v>1.4909296557475298</v>
      </c>
      <c r="K1441">
        <f t="shared" si="169"/>
        <v>2.2363944836212943</v>
      </c>
      <c r="L1441">
        <f t="shared" si="170"/>
        <v>10.734693521382214</v>
      </c>
      <c r="M1441">
        <f t="shared" si="171"/>
        <v>0</v>
      </c>
      <c r="N1441" s="46">
        <f t="shared" si="172"/>
        <v>45350.624999996588</v>
      </c>
    </row>
    <row r="1442" spans="2:14" x14ac:dyDescent="0.3">
      <c r="B1442">
        <f t="shared" si="166"/>
        <v>3</v>
      </c>
      <c r="C1442" s="16">
        <v>1408</v>
      </c>
      <c r="D1442" cm="1">
        <f t="array" ref="D1442">IFERROR(INDEX(Jesper!AH$2:AH$366,ROUNDDOWN($C1442/24,0)+1,1)*INDEX($D$3:$AA$30,INDEX(Jesper!$R$2:$R$366,ROW(INDEX(Jesper!AH$2:AH$366,ROUNDDOWN($C1442/24,0)+1,1))-1)+IF('Standard Profiles'!$G$18=$B$10,7,0)+IF('Standard Profiles'!$G$18=$B$17,14,0)+IF('Standard Profiles'!$G$18=$B$24,21,0),MOD($C1442,24)+1)/SUM(INDEX($D$3:$AA$30,INDEX(Jesper!$R$2:$R$366,ROW(INDEX(Jesper!AH$2:AH$366,ROUNDDOWN($C1442/24,0)+1,1))-1)+IF('Standard Profiles'!$G$18=$B$10,7,0)+IF('Standard Profiles'!$G$18=$B$17,14,0)+IF('Standard Profiles'!$G$18=$B$24,21,0),0)),0)</f>
        <v>14.909296557475297</v>
      </c>
      <c r="E1442" cm="1">
        <f t="array" ref="E1442">IFERROR(INDEX(Jesper!AI$2:AI$366,ROUNDDOWN($C1442/24,0)+1,1)*INDEX($D$3:$AA$30,INDEX(Jesper!$R$2:$R$366,ROW(INDEX(Jesper!AI$2:AI$366,ROUNDDOWN($C1442/24,0)+1,1))-1)+IF('Standard Profiles'!$G$19=$B$10,7,0)+IF('Standard Profiles'!$G$19=$B$17,14,0)+IF('Standard Profiles'!$G$19=$B$24,21,0),MOD($C1442,24)+1)/SUM(INDEX($D$3:$AA$30,INDEX(Jesper!$R$2:$R$366,ROW(INDEX(Jesper!AI$2:AI$366,ROUNDDOWN($C1442/24,0)+1,1))-1)+IF('Standard Profiles'!$G$19=$B$10,7,0)+IF('Standard Profiles'!$G$19=$B$17,14,0)+IF('Standard Profiles'!$G$19=$B$24,21,0),0)),0)</f>
        <v>0</v>
      </c>
      <c r="F1442" cm="1">
        <f t="array" ref="F1442">IFERROR(INDEX(Jesper!AJ$2:AJ$366,ROUNDDOWN($C1442/24,0)+1,1)*INDEX($D$3:$AA$30,INDEX(Jesper!$R$2:$R$366,ROW(INDEX(Jesper!AJ$2:AJ$366,ROUNDDOWN($C1442/24,0)+1,1))-1)+IF('Standard Profiles'!$G$20=$B$10,7,0)+IF('Standard Profiles'!$G$20=$B$17,14,0)+IF('Standard Profiles'!$G$20=$B$24,21,0),MOD($C1442,24)+1)/SUM(INDEX($D$3:$AA$30,INDEX(Jesper!$R$2:$R$366,ROW(INDEX(Jesper!AJ$2:AJ$366,ROUNDDOWN($C1442/24,0)+1,1))-1)+IF('Standard Profiles'!$G$20=$B$10,7,0)+IF('Standard Profiles'!$G$20=$B$17,14,0)+IF('Standard Profiles'!$G$20=$B$24,21,0),0)),0)</f>
        <v>0</v>
      </c>
      <c r="G1442" cm="1">
        <f t="array" ref="G1442">IFERROR(INDEX(Jesper!AK$2:AK$366,ROUNDDOWN($C1442/24,0)+1,1)*INDEX($D$3:$AA$30,INDEX(Jesper!$R$2:$R$366,ROW(INDEX(Jesper!AK$2:AK$366,ROUNDDOWN($C1442/24,0)+1,1))-1)+IF('Standard Profiles'!$G$21=$B$10,7,0)+IF('Standard Profiles'!$G$21=$B$17,14,0)+IF('Standard Profiles'!$G$21=$B$24,21,0),MOD($C1442,24)+1)/SUM(INDEX($D$3:$AA$30,INDEX(Jesper!$R$2:$R$366,ROW(INDEX(Jesper!AK$2:AK$366,ROUNDDOWN($C1442/24,0)+1,1))-1)+IF('Standard Profiles'!$G$21=$B$10,7,0)+IF('Standard Profiles'!$G$21=$B$17,14,0)+IF('Standard Profiles'!$G$21=$B$24,21,0),0)),0)</f>
        <v>0</v>
      </c>
      <c r="H1442" cm="1">
        <f t="array" ref="H1442">IFERROR(INDEX(Jesper!AL$2:AL$366,ROUNDDOWN($C1442/24,0)+1,1)*INDEX($D$3:$AA$30,INDEX(Jesper!$R$2:$R$366,ROW(INDEX(Jesper!AL$2:AL$366,ROUNDDOWN($C1442/24,0)+1,1))-1)+IF('Standard Profiles'!$G$22=$B$10,7,0)+IF('Standard Profiles'!$G$22=$B$17,14,0)+IF('Standard Profiles'!$G$22=$B$24,21,0),MOD($C1442,24)+1)/SUM(INDEX($D$3:$AA$30,INDEX(Jesper!$R$2:$R$366,ROW(INDEX(Jesper!AL$2:AL$366,ROUNDDOWN($C1442/24,0)+1,1))-1)+IF('Standard Profiles'!$G$22=$B$10,7,0)+IF('Standard Profiles'!$G$22=$B$17,14,0)+IF('Standard Profiles'!$G$22=$B$24,21,0),0)),0)</f>
        <v>0</v>
      </c>
      <c r="I1442">
        <f t="shared" si="167"/>
        <v>0.44727889672425891</v>
      </c>
      <c r="J1442">
        <f t="shared" si="168"/>
        <v>1.4909296557475298</v>
      </c>
      <c r="K1442">
        <f t="shared" si="169"/>
        <v>2.2363944836212943</v>
      </c>
      <c r="L1442">
        <f t="shared" si="170"/>
        <v>10.734693521382214</v>
      </c>
      <c r="M1442">
        <f t="shared" si="171"/>
        <v>0</v>
      </c>
      <c r="N1442" s="46">
        <f t="shared" si="172"/>
        <v>45350.666666663252</v>
      </c>
    </row>
    <row r="1443" spans="2:14" x14ac:dyDescent="0.3">
      <c r="B1443">
        <f t="shared" ref="B1443:B1506" si="173">WEEKDAY(N1443,2)</f>
        <v>3</v>
      </c>
      <c r="C1443" s="16">
        <v>1409</v>
      </c>
      <c r="D1443" cm="1">
        <f t="array" ref="D1443">IFERROR(INDEX(Jesper!AH$2:AH$366,ROUNDDOWN($C1443/24,0)+1,1)*INDEX($D$3:$AA$30,INDEX(Jesper!$R$2:$R$366,ROW(INDEX(Jesper!AH$2:AH$366,ROUNDDOWN($C1443/24,0)+1,1))-1)+IF('Standard Profiles'!$G$18=$B$10,7,0)+IF('Standard Profiles'!$G$18=$B$17,14,0)+IF('Standard Profiles'!$G$18=$B$24,21,0),MOD($C1443,24)+1)/SUM(INDEX($D$3:$AA$30,INDEX(Jesper!$R$2:$R$366,ROW(INDEX(Jesper!AH$2:AH$366,ROUNDDOWN($C1443/24,0)+1,1))-1)+IF('Standard Profiles'!$G$18=$B$10,7,0)+IF('Standard Profiles'!$G$18=$B$17,14,0)+IF('Standard Profiles'!$G$18=$B$24,21,0),0)),0)</f>
        <v>14.909296557475297</v>
      </c>
      <c r="E1443" cm="1">
        <f t="array" ref="E1443">IFERROR(INDEX(Jesper!AI$2:AI$366,ROUNDDOWN($C1443/24,0)+1,1)*INDEX($D$3:$AA$30,INDEX(Jesper!$R$2:$R$366,ROW(INDEX(Jesper!AI$2:AI$366,ROUNDDOWN($C1443/24,0)+1,1))-1)+IF('Standard Profiles'!$G$19=$B$10,7,0)+IF('Standard Profiles'!$G$19=$B$17,14,0)+IF('Standard Profiles'!$G$19=$B$24,21,0),MOD($C1443,24)+1)/SUM(INDEX($D$3:$AA$30,INDEX(Jesper!$R$2:$R$366,ROW(INDEX(Jesper!AI$2:AI$366,ROUNDDOWN($C1443/24,0)+1,1))-1)+IF('Standard Profiles'!$G$19=$B$10,7,0)+IF('Standard Profiles'!$G$19=$B$17,14,0)+IF('Standard Profiles'!$G$19=$B$24,21,0),0)),0)</f>
        <v>0</v>
      </c>
      <c r="F1443" cm="1">
        <f t="array" ref="F1443">IFERROR(INDEX(Jesper!AJ$2:AJ$366,ROUNDDOWN($C1443/24,0)+1,1)*INDEX($D$3:$AA$30,INDEX(Jesper!$R$2:$R$366,ROW(INDEX(Jesper!AJ$2:AJ$366,ROUNDDOWN($C1443/24,0)+1,1))-1)+IF('Standard Profiles'!$G$20=$B$10,7,0)+IF('Standard Profiles'!$G$20=$B$17,14,0)+IF('Standard Profiles'!$G$20=$B$24,21,0),MOD($C1443,24)+1)/SUM(INDEX($D$3:$AA$30,INDEX(Jesper!$R$2:$R$366,ROW(INDEX(Jesper!AJ$2:AJ$366,ROUNDDOWN($C1443/24,0)+1,1))-1)+IF('Standard Profiles'!$G$20=$B$10,7,0)+IF('Standard Profiles'!$G$20=$B$17,14,0)+IF('Standard Profiles'!$G$20=$B$24,21,0),0)),0)</f>
        <v>0</v>
      </c>
      <c r="G1443" cm="1">
        <f t="array" ref="G1443">IFERROR(INDEX(Jesper!AK$2:AK$366,ROUNDDOWN($C1443/24,0)+1,1)*INDEX($D$3:$AA$30,INDEX(Jesper!$R$2:$R$366,ROW(INDEX(Jesper!AK$2:AK$366,ROUNDDOWN($C1443/24,0)+1,1))-1)+IF('Standard Profiles'!$G$21=$B$10,7,0)+IF('Standard Profiles'!$G$21=$B$17,14,0)+IF('Standard Profiles'!$G$21=$B$24,21,0),MOD($C1443,24)+1)/SUM(INDEX($D$3:$AA$30,INDEX(Jesper!$R$2:$R$366,ROW(INDEX(Jesper!AK$2:AK$366,ROUNDDOWN($C1443/24,0)+1,1))-1)+IF('Standard Profiles'!$G$21=$B$10,7,0)+IF('Standard Profiles'!$G$21=$B$17,14,0)+IF('Standard Profiles'!$G$21=$B$24,21,0),0)),0)</f>
        <v>0</v>
      </c>
      <c r="H1443" cm="1">
        <f t="array" ref="H1443">IFERROR(INDEX(Jesper!AL$2:AL$366,ROUNDDOWN($C1443/24,0)+1,1)*INDEX($D$3:$AA$30,INDEX(Jesper!$R$2:$R$366,ROW(INDEX(Jesper!AL$2:AL$366,ROUNDDOWN($C1443/24,0)+1,1))-1)+IF('Standard Profiles'!$G$22=$B$10,7,0)+IF('Standard Profiles'!$G$22=$B$17,14,0)+IF('Standard Profiles'!$G$22=$B$24,21,0),MOD($C1443,24)+1)/SUM(INDEX($D$3:$AA$30,INDEX(Jesper!$R$2:$R$366,ROW(INDEX(Jesper!AL$2:AL$366,ROUNDDOWN($C1443/24,0)+1,1))-1)+IF('Standard Profiles'!$G$22=$B$10,7,0)+IF('Standard Profiles'!$G$22=$B$17,14,0)+IF('Standard Profiles'!$G$22=$B$24,21,0),0)),0)</f>
        <v>0</v>
      </c>
      <c r="I1443">
        <f t="shared" ref="I1443:I1506" si="174">IF($B1443&lt;6,AC$37*$D1443+AC$38*$E1443+AC$39*$F1443+AC$40*$G1443,AC$46*$D1443+AC$47*$E1443+AC$48*$F1443+AC$49*$G1443+AC$50*$H1443)</f>
        <v>0.44727889672425891</v>
      </c>
      <c r="J1443">
        <f t="shared" ref="J1443:J1506" si="175">IF($B1443&lt;6,AD$37*$D1443+AD$38*$E1443+AD$39*$F1443+AD$40*$G1443,AD$46*$D1443+AD$47*$E1443+AD$48*$F1443+AD$49*$G1443+AD$50*$H1443)</f>
        <v>1.4909296557475298</v>
      </c>
      <c r="K1443">
        <f t="shared" ref="K1443:K1506" si="176">IF($B1443&lt;6,AE$37*$D1443+AE$38*$E1443+AE$39*$F1443+AE$40*$G1443,AE$46*$D1443+AE$47*$E1443+AE$48*$F1443+AE$49*$G1443+AE$50*$H1443)</f>
        <v>2.2363944836212943</v>
      </c>
      <c r="L1443">
        <f t="shared" ref="L1443:L1506" si="177">IF($B1443&lt;6,AF$37*$D1443+AF$38*$E1443+AF$39*$F1443+AF$40*$G1443,AF$46*$D1443+AF$47*$E1443+AF$48*$F1443+AF$49*$G1443+AF$50*$H1443)</f>
        <v>10.734693521382214</v>
      </c>
      <c r="M1443">
        <f t="shared" ref="M1443:M1506" si="178">IF($B1443&lt;6,AG$37*$D1443+AG$38*$E1443+AG$39*$F1443+AG$40*$G1443,AG$46*$D1443+AG$47*$E1443+AG$48*$F1443+AG$49*$G1443+AG$50*$H1443)</f>
        <v>0</v>
      </c>
      <c r="N1443" s="46">
        <f t="shared" si="172"/>
        <v>45350.708333329916</v>
      </c>
    </row>
    <row r="1444" spans="2:14" x14ac:dyDescent="0.3">
      <c r="B1444">
        <f t="shared" si="173"/>
        <v>3</v>
      </c>
      <c r="C1444" s="16">
        <v>1410</v>
      </c>
      <c r="D1444" cm="1">
        <f t="array" ref="D1444">IFERROR(INDEX(Jesper!AH$2:AH$366,ROUNDDOWN($C1444/24,0)+1,1)*INDEX($D$3:$AA$30,INDEX(Jesper!$R$2:$R$366,ROW(INDEX(Jesper!AH$2:AH$366,ROUNDDOWN($C1444/24,0)+1,1))-1)+IF('Standard Profiles'!$G$18=$B$10,7,0)+IF('Standard Profiles'!$G$18=$B$17,14,0)+IF('Standard Profiles'!$G$18=$B$24,21,0),MOD($C1444,24)+1)/SUM(INDEX($D$3:$AA$30,INDEX(Jesper!$R$2:$R$366,ROW(INDEX(Jesper!AH$2:AH$366,ROUNDDOWN($C1444/24,0)+1,1))-1)+IF('Standard Profiles'!$G$18=$B$10,7,0)+IF('Standard Profiles'!$G$18=$B$17,14,0)+IF('Standard Profiles'!$G$18=$B$24,21,0),0)),0)</f>
        <v>14.909296557475297</v>
      </c>
      <c r="E1444" cm="1">
        <f t="array" ref="E1444">IFERROR(INDEX(Jesper!AI$2:AI$366,ROUNDDOWN($C1444/24,0)+1,1)*INDEX($D$3:$AA$30,INDEX(Jesper!$R$2:$R$366,ROW(INDEX(Jesper!AI$2:AI$366,ROUNDDOWN($C1444/24,0)+1,1))-1)+IF('Standard Profiles'!$G$19=$B$10,7,0)+IF('Standard Profiles'!$G$19=$B$17,14,0)+IF('Standard Profiles'!$G$19=$B$24,21,0),MOD($C1444,24)+1)/SUM(INDEX($D$3:$AA$30,INDEX(Jesper!$R$2:$R$366,ROW(INDEX(Jesper!AI$2:AI$366,ROUNDDOWN($C1444/24,0)+1,1))-1)+IF('Standard Profiles'!$G$19=$B$10,7,0)+IF('Standard Profiles'!$G$19=$B$17,14,0)+IF('Standard Profiles'!$G$19=$B$24,21,0),0)),0)</f>
        <v>0</v>
      </c>
      <c r="F1444" cm="1">
        <f t="array" ref="F1444">IFERROR(INDEX(Jesper!AJ$2:AJ$366,ROUNDDOWN($C1444/24,0)+1,1)*INDEX($D$3:$AA$30,INDEX(Jesper!$R$2:$R$366,ROW(INDEX(Jesper!AJ$2:AJ$366,ROUNDDOWN($C1444/24,0)+1,1))-1)+IF('Standard Profiles'!$G$20=$B$10,7,0)+IF('Standard Profiles'!$G$20=$B$17,14,0)+IF('Standard Profiles'!$G$20=$B$24,21,0),MOD($C1444,24)+1)/SUM(INDEX($D$3:$AA$30,INDEX(Jesper!$R$2:$R$366,ROW(INDEX(Jesper!AJ$2:AJ$366,ROUNDDOWN($C1444/24,0)+1,1))-1)+IF('Standard Profiles'!$G$20=$B$10,7,0)+IF('Standard Profiles'!$G$20=$B$17,14,0)+IF('Standard Profiles'!$G$20=$B$24,21,0),0)),0)</f>
        <v>0</v>
      </c>
      <c r="G1444" cm="1">
        <f t="array" ref="G1444">IFERROR(INDEX(Jesper!AK$2:AK$366,ROUNDDOWN($C1444/24,0)+1,1)*INDEX($D$3:$AA$30,INDEX(Jesper!$R$2:$R$366,ROW(INDEX(Jesper!AK$2:AK$366,ROUNDDOWN($C1444/24,0)+1,1))-1)+IF('Standard Profiles'!$G$21=$B$10,7,0)+IF('Standard Profiles'!$G$21=$B$17,14,0)+IF('Standard Profiles'!$G$21=$B$24,21,0),MOD($C1444,24)+1)/SUM(INDEX($D$3:$AA$30,INDEX(Jesper!$R$2:$R$366,ROW(INDEX(Jesper!AK$2:AK$366,ROUNDDOWN($C1444/24,0)+1,1))-1)+IF('Standard Profiles'!$G$21=$B$10,7,0)+IF('Standard Profiles'!$G$21=$B$17,14,0)+IF('Standard Profiles'!$G$21=$B$24,21,0),0)),0)</f>
        <v>0</v>
      </c>
      <c r="H1444" cm="1">
        <f t="array" ref="H1444">IFERROR(INDEX(Jesper!AL$2:AL$366,ROUNDDOWN($C1444/24,0)+1,1)*INDEX($D$3:$AA$30,INDEX(Jesper!$R$2:$R$366,ROW(INDEX(Jesper!AL$2:AL$366,ROUNDDOWN($C1444/24,0)+1,1))-1)+IF('Standard Profiles'!$G$22=$B$10,7,0)+IF('Standard Profiles'!$G$22=$B$17,14,0)+IF('Standard Profiles'!$G$22=$B$24,21,0),MOD($C1444,24)+1)/SUM(INDEX($D$3:$AA$30,INDEX(Jesper!$R$2:$R$366,ROW(INDEX(Jesper!AL$2:AL$366,ROUNDDOWN($C1444/24,0)+1,1))-1)+IF('Standard Profiles'!$G$22=$B$10,7,0)+IF('Standard Profiles'!$G$22=$B$17,14,0)+IF('Standard Profiles'!$G$22=$B$24,21,0),0)),0)</f>
        <v>0</v>
      </c>
      <c r="I1444">
        <f t="shared" si="174"/>
        <v>0.44727889672425891</v>
      </c>
      <c r="J1444">
        <f t="shared" si="175"/>
        <v>1.4909296557475298</v>
      </c>
      <c r="K1444">
        <f t="shared" si="176"/>
        <v>2.2363944836212943</v>
      </c>
      <c r="L1444">
        <f t="shared" si="177"/>
        <v>10.734693521382214</v>
      </c>
      <c r="M1444">
        <f t="shared" si="178"/>
        <v>0</v>
      </c>
      <c r="N1444" s="46">
        <f t="shared" ref="N1444:N1507" si="179">N1443+1/24</f>
        <v>45350.74999999658</v>
      </c>
    </row>
    <row r="1445" spans="2:14" x14ac:dyDescent="0.3">
      <c r="B1445">
        <f t="shared" si="173"/>
        <v>3</v>
      </c>
      <c r="C1445" s="16">
        <v>1411</v>
      </c>
      <c r="D1445" cm="1">
        <f t="array" ref="D1445">IFERROR(INDEX(Jesper!AH$2:AH$366,ROUNDDOWN($C1445/24,0)+1,1)*INDEX($D$3:$AA$30,INDEX(Jesper!$R$2:$R$366,ROW(INDEX(Jesper!AH$2:AH$366,ROUNDDOWN($C1445/24,0)+1,1))-1)+IF('Standard Profiles'!$G$18=$B$10,7,0)+IF('Standard Profiles'!$G$18=$B$17,14,0)+IF('Standard Profiles'!$G$18=$B$24,21,0),MOD($C1445,24)+1)/SUM(INDEX($D$3:$AA$30,INDEX(Jesper!$R$2:$R$366,ROW(INDEX(Jesper!AH$2:AH$366,ROUNDDOWN($C1445/24,0)+1,1))-1)+IF('Standard Profiles'!$G$18=$B$10,7,0)+IF('Standard Profiles'!$G$18=$B$17,14,0)+IF('Standard Profiles'!$G$18=$B$24,21,0),0)),0)</f>
        <v>12.424413797896079</v>
      </c>
      <c r="E1445" cm="1">
        <f t="array" ref="E1445">IFERROR(INDEX(Jesper!AI$2:AI$366,ROUNDDOWN($C1445/24,0)+1,1)*INDEX($D$3:$AA$30,INDEX(Jesper!$R$2:$R$366,ROW(INDEX(Jesper!AI$2:AI$366,ROUNDDOWN($C1445/24,0)+1,1))-1)+IF('Standard Profiles'!$G$19=$B$10,7,0)+IF('Standard Profiles'!$G$19=$B$17,14,0)+IF('Standard Profiles'!$G$19=$B$24,21,0),MOD($C1445,24)+1)/SUM(INDEX($D$3:$AA$30,INDEX(Jesper!$R$2:$R$366,ROW(INDEX(Jesper!AI$2:AI$366,ROUNDDOWN($C1445/24,0)+1,1))-1)+IF('Standard Profiles'!$G$19=$B$10,7,0)+IF('Standard Profiles'!$G$19=$B$17,14,0)+IF('Standard Profiles'!$G$19=$B$24,21,0),0)),0)</f>
        <v>0</v>
      </c>
      <c r="F1445" cm="1">
        <f t="array" ref="F1445">IFERROR(INDEX(Jesper!AJ$2:AJ$366,ROUNDDOWN($C1445/24,0)+1,1)*INDEX($D$3:$AA$30,INDEX(Jesper!$R$2:$R$366,ROW(INDEX(Jesper!AJ$2:AJ$366,ROUNDDOWN($C1445/24,0)+1,1))-1)+IF('Standard Profiles'!$G$20=$B$10,7,0)+IF('Standard Profiles'!$G$20=$B$17,14,0)+IF('Standard Profiles'!$G$20=$B$24,21,0),MOD($C1445,24)+1)/SUM(INDEX($D$3:$AA$30,INDEX(Jesper!$R$2:$R$366,ROW(INDEX(Jesper!AJ$2:AJ$366,ROUNDDOWN($C1445/24,0)+1,1))-1)+IF('Standard Profiles'!$G$20=$B$10,7,0)+IF('Standard Profiles'!$G$20=$B$17,14,0)+IF('Standard Profiles'!$G$20=$B$24,21,0),0)),0)</f>
        <v>0</v>
      </c>
      <c r="G1445" cm="1">
        <f t="array" ref="G1445">IFERROR(INDEX(Jesper!AK$2:AK$366,ROUNDDOWN($C1445/24,0)+1,1)*INDEX($D$3:$AA$30,INDEX(Jesper!$R$2:$R$366,ROW(INDEX(Jesper!AK$2:AK$366,ROUNDDOWN($C1445/24,0)+1,1))-1)+IF('Standard Profiles'!$G$21=$B$10,7,0)+IF('Standard Profiles'!$G$21=$B$17,14,0)+IF('Standard Profiles'!$G$21=$B$24,21,0),MOD($C1445,24)+1)/SUM(INDEX($D$3:$AA$30,INDEX(Jesper!$R$2:$R$366,ROW(INDEX(Jesper!AK$2:AK$366,ROUNDDOWN($C1445/24,0)+1,1))-1)+IF('Standard Profiles'!$G$21=$B$10,7,0)+IF('Standard Profiles'!$G$21=$B$17,14,0)+IF('Standard Profiles'!$G$21=$B$24,21,0),0)),0)</f>
        <v>0</v>
      </c>
      <c r="H1445" cm="1">
        <f t="array" ref="H1445">IFERROR(INDEX(Jesper!AL$2:AL$366,ROUNDDOWN($C1445/24,0)+1,1)*INDEX($D$3:$AA$30,INDEX(Jesper!$R$2:$R$366,ROW(INDEX(Jesper!AL$2:AL$366,ROUNDDOWN($C1445/24,0)+1,1))-1)+IF('Standard Profiles'!$G$22=$B$10,7,0)+IF('Standard Profiles'!$G$22=$B$17,14,0)+IF('Standard Profiles'!$G$22=$B$24,21,0),MOD($C1445,24)+1)/SUM(INDEX($D$3:$AA$30,INDEX(Jesper!$R$2:$R$366,ROW(INDEX(Jesper!AL$2:AL$366,ROUNDDOWN($C1445/24,0)+1,1))-1)+IF('Standard Profiles'!$G$22=$B$10,7,0)+IF('Standard Profiles'!$G$22=$B$17,14,0)+IF('Standard Profiles'!$G$22=$B$24,21,0),0)),0)</f>
        <v>0</v>
      </c>
      <c r="I1445">
        <f t="shared" si="174"/>
        <v>0.37273241393688239</v>
      </c>
      <c r="J1445">
        <f t="shared" si="175"/>
        <v>1.2424413797896081</v>
      </c>
      <c r="K1445">
        <f t="shared" si="176"/>
        <v>1.8636620696844117</v>
      </c>
      <c r="L1445">
        <f t="shared" si="177"/>
        <v>8.9455779344851774</v>
      </c>
      <c r="M1445">
        <f t="shared" si="178"/>
        <v>0</v>
      </c>
      <c r="N1445" s="46">
        <f t="shared" si="179"/>
        <v>45350.791666663245</v>
      </c>
    </row>
    <row r="1446" spans="2:14" x14ac:dyDescent="0.3">
      <c r="B1446">
        <f t="shared" si="173"/>
        <v>3</v>
      </c>
      <c r="C1446" s="16">
        <v>1412</v>
      </c>
      <c r="D1446" cm="1">
        <f t="array" ref="D1446">IFERROR(INDEX(Jesper!AH$2:AH$366,ROUNDDOWN($C1446/24,0)+1,1)*INDEX($D$3:$AA$30,INDEX(Jesper!$R$2:$R$366,ROW(INDEX(Jesper!AH$2:AH$366,ROUNDDOWN($C1446/24,0)+1,1))-1)+IF('Standard Profiles'!$G$18=$B$10,7,0)+IF('Standard Profiles'!$G$18=$B$17,14,0)+IF('Standard Profiles'!$G$18=$B$24,21,0),MOD($C1446,24)+1)/SUM(INDEX($D$3:$AA$30,INDEX(Jesper!$R$2:$R$366,ROW(INDEX(Jesper!AH$2:AH$366,ROUNDDOWN($C1446/24,0)+1,1))-1)+IF('Standard Profiles'!$G$18=$B$10,7,0)+IF('Standard Profiles'!$G$18=$B$17,14,0)+IF('Standard Profiles'!$G$18=$B$24,21,0),0)),0)</f>
        <v>9.9395310383168649</v>
      </c>
      <c r="E1446" cm="1">
        <f t="array" ref="E1446">IFERROR(INDEX(Jesper!AI$2:AI$366,ROUNDDOWN($C1446/24,0)+1,1)*INDEX($D$3:$AA$30,INDEX(Jesper!$R$2:$R$366,ROW(INDEX(Jesper!AI$2:AI$366,ROUNDDOWN($C1446/24,0)+1,1))-1)+IF('Standard Profiles'!$G$19=$B$10,7,0)+IF('Standard Profiles'!$G$19=$B$17,14,0)+IF('Standard Profiles'!$G$19=$B$24,21,0),MOD($C1446,24)+1)/SUM(INDEX($D$3:$AA$30,INDEX(Jesper!$R$2:$R$366,ROW(INDEX(Jesper!AI$2:AI$366,ROUNDDOWN($C1446/24,0)+1,1))-1)+IF('Standard Profiles'!$G$19=$B$10,7,0)+IF('Standard Profiles'!$G$19=$B$17,14,0)+IF('Standard Profiles'!$G$19=$B$24,21,0),0)),0)</f>
        <v>0</v>
      </c>
      <c r="F1446" cm="1">
        <f t="array" ref="F1446">IFERROR(INDEX(Jesper!AJ$2:AJ$366,ROUNDDOWN($C1446/24,0)+1,1)*INDEX($D$3:$AA$30,INDEX(Jesper!$R$2:$R$366,ROW(INDEX(Jesper!AJ$2:AJ$366,ROUNDDOWN($C1446/24,0)+1,1))-1)+IF('Standard Profiles'!$G$20=$B$10,7,0)+IF('Standard Profiles'!$G$20=$B$17,14,0)+IF('Standard Profiles'!$G$20=$B$24,21,0),MOD($C1446,24)+1)/SUM(INDEX($D$3:$AA$30,INDEX(Jesper!$R$2:$R$366,ROW(INDEX(Jesper!AJ$2:AJ$366,ROUNDDOWN($C1446/24,0)+1,1))-1)+IF('Standard Profiles'!$G$20=$B$10,7,0)+IF('Standard Profiles'!$G$20=$B$17,14,0)+IF('Standard Profiles'!$G$20=$B$24,21,0),0)),0)</f>
        <v>0</v>
      </c>
      <c r="G1446" cm="1">
        <f t="array" ref="G1446">IFERROR(INDEX(Jesper!AK$2:AK$366,ROUNDDOWN($C1446/24,0)+1,1)*INDEX($D$3:$AA$30,INDEX(Jesper!$R$2:$R$366,ROW(INDEX(Jesper!AK$2:AK$366,ROUNDDOWN($C1446/24,0)+1,1))-1)+IF('Standard Profiles'!$G$21=$B$10,7,0)+IF('Standard Profiles'!$G$21=$B$17,14,0)+IF('Standard Profiles'!$G$21=$B$24,21,0),MOD($C1446,24)+1)/SUM(INDEX($D$3:$AA$30,INDEX(Jesper!$R$2:$R$366,ROW(INDEX(Jesper!AK$2:AK$366,ROUNDDOWN($C1446/24,0)+1,1))-1)+IF('Standard Profiles'!$G$21=$B$10,7,0)+IF('Standard Profiles'!$G$21=$B$17,14,0)+IF('Standard Profiles'!$G$21=$B$24,21,0),0)),0)</f>
        <v>0</v>
      </c>
      <c r="H1446" cm="1">
        <f t="array" ref="H1446">IFERROR(INDEX(Jesper!AL$2:AL$366,ROUNDDOWN($C1446/24,0)+1,1)*INDEX($D$3:$AA$30,INDEX(Jesper!$R$2:$R$366,ROW(INDEX(Jesper!AL$2:AL$366,ROUNDDOWN($C1446/24,0)+1,1))-1)+IF('Standard Profiles'!$G$22=$B$10,7,0)+IF('Standard Profiles'!$G$22=$B$17,14,0)+IF('Standard Profiles'!$G$22=$B$24,21,0),MOD($C1446,24)+1)/SUM(INDEX($D$3:$AA$30,INDEX(Jesper!$R$2:$R$366,ROW(INDEX(Jesper!AL$2:AL$366,ROUNDDOWN($C1446/24,0)+1,1))-1)+IF('Standard Profiles'!$G$22=$B$10,7,0)+IF('Standard Profiles'!$G$22=$B$17,14,0)+IF('Standard Profiles'!$G$22=$B$24,21,0),0)),0)</f>
        <v>0</v>
      </c>
      <c r="I1446">
        <f t="shared" si="174"/>
        <v>0.29818593114950592</v>
      </c>
      <c r="J1446">
        <f t="shared" si="175"/>
        <v>0.99395310383168656</v>
      </c>
      <c r="K1446">
        <f t="shared" si="176"/>
        <v>1.4909296557475298</v>
      </c>
      <c r="L1446">
        <f t="shared" si="177"/>
        <v>7.1564623475881426</v>
      </c>
      <c r="M1446">
        <f t="shared" si="178"/>
        <v>0</v>
      </c>
      <c r="N1446" s="46">
        <f t="shared" si="179"/>
        <v>45350.833333329909</v>
      </c>
    </row>
    <row r="1447" spans="2:14" x14ac:dyDescent="0.3">
      <c r="B1447">
        <f t="shared" si="173"/>
        <v>3</v>
      </c>
      <c r="C1447" s="16">
        <v>1413</v>
      </c>
      <c r="D1447" cm="1">
        <f t="array" ref="D1447">IFERROR(INDEX(Jesper!AH$2:AH$366,ROUNDDOWN($C1447/24,0)+1,1)*INDEX($D$3:$AA$30,INDEX(Jesper!$R$2:$R$366,ROW(INDEX(Jesper!AH$2:AH$366,ROUNDDOWN($C1447/24,0)+1,1))-1)+IF('Standard Profiles'!$G$18=$B$10,7,0)+IF('Standard Profiles'!$G$18=$B$17,14,0)+IF('Standard Profiles'!$G$18=$B$24,21,0),MOD($C1447,24)+1)/SUM(INDEX($D$3:$AA$30,INDEX(Jesper!$R$2:$R$366,ROW(INDEX(Jesper!AH$2:AH$366,ROUNDDOWN($C1447/24,0)+1,1))-1)+IF('Standard Profiles'!$G$18=$B$10,7,0)+IF('Standard Profiles'!$G$18=$B$17,14,0)+IF('Standard Profiles'!$G$18=$B$24,21,0),0)),0)</f>
        <v>7.4546482787376487</v>
      </c>
      <c r="E1447" cm="1">
        <f t="array" ref="E1447">IFERROR(INDEX(Jesper!AI$2:AI$366,ROUNDDOWN($C1447/24,0)+1,1)*INDEX($D$3:$AA$30,INDEX(Jesper!$R$2:$R$366,ROW(INDEX(Jesper!AI$2:AI$366,ROUNDDOWN($C1447/24,0)+1,1))-1)+IF('Standard Profiles'!$G$19=$B$10,7,0)+IF('Standard Profiles'!$G$19=$B$17,14,0)+IF('Standard Profiles'!$G$19=$B$24,21,0),MOD($C1447,24)+1)/SUM(INDEX($D$3:$AA$30,INDEX(Jesper!$R$2:$R$366,ROW(INDEX(Jesper!AI$2:AI$366,ROUNDDOWN($C1447/24,0)+1,1))-1)+IF('Standard Profiles'!$G$19=$B$10,7,0)+IF('Standard Profiles'!$G$19=$B$17,14,0)+IF('Standard Profiles'!$G$19=$B$24,21,0),0)),0)</f>
        <v>0</v>
      </c>
      <c r="F1447" cm="1">
        <f t="array" ref="F1447">IFERROR(INDEX(Jesper!AJ$2:AJ$366,ROUNDDOWN($C1447/24,0)+1,1)*INDEX($D$3:$AA$30,INDEX(Jesper!$R$2:$R$366,ROW(INDEX(Jesper!AJ$2:AJ$366,ROUNDDOWN($C1447/24,0)+1,1))-1)+IF('Standard Profiles'!$G$20=$B$10,7,0)+IF('Standard Profiles'!$G$20=$B$17,14,0)+IF('Standard Profiles'!$G$20=$B$24,21,0),MOD($C1447,24)+1)/SUM(INDEX($D$3:$AA$30,INDEX(Jesper!$R$2:$R$366,ROW(INDEX(Jesper!AJ$2:AJ$366,ROUNDDOWN($C1447/24,0)+1,1))-1)+IF('Standard Profiles'!$G$20=$B$10,7,0)+IF('Standard Profiles'!$G$20=$B$17,14,0)+IF('Standard Profiles'!$G$20=$B$24,21,0),0)),0)</f>
        <v>0</v>
      </c>
      <c r="G1447" cm="1">
        <f t="array" ref="G1447">IFERROR(INDEX(Jesper!AK$2:AK$366,ROUNDDOWN($C1447/24,0)+1,1)*INDEX($D$3:$AA$30,INDEX(Jesper!$R$2:$R$366,ROW(INDEX(Jesper!AK$2:AK$366,ROUNDDOWN($C1447/24,0)+1,1))-1)+IF('Standard Profiles'!$G$21=$B$10,7,0)+IF('Standard Profiles'!$G$21=$B$17,14,0)+IF('Standard Profiles'!$G$21=$B$24,21,0),MOD($C1447,24)+1)/SUM(INDEX($D$3:$AA$30,INDEX(Jesper!$R$2:$R$366,ROW(INDEX(Jesper!AK$2:AK$366,ROUNDDOWN($C1447/24,0)+1,1))-1)+IF('Standard Profiles'!$G$21=$B$10,7,0)+IF('Standard Profiles'!$G$21=$B$17,14,0)+IF('Standard Profiles'!$G$21=$B$24,21,0),0)),0)</f>
        <v>0</v>
      </c>
      <c r="H1447" cm="1">
        <f t="array" ref="H1447">IFERROR(INDEX(Jesper!AL$2:AL$366,ROUNDDOWN($C1447/24,0)+1,1)*INDEX($D$3:$AA$30,INDEX(Jesper!$R$2:$R$366,ROW(INDEX(Jesper!AL$2:AL$366,ROUNDDOWN($C1447/24,0)+1,1))-1)+IF('Standard Profiles'!$G$22=$B$10,7,0)+IF('Standard Profiles'!$G$22=$B$17,14,0)+IF('Standard Profiles'!$G$22=$B$24,21,0),MOD($C1447,24)+1)/SUM(INDEX($D$3:$AA$30,INDEX(Jesper!$R$2:$R$366,ROW(INDEX(Jesper!AL$2:AL$366,ROUNDDOWN($C1447/24,0)+1,1))-1)+IF('Standard Profiles'!$G$22=$B$10,7,0)+IF('Standard Profiles'!$G$22=$B$17,14,0)+IF('Standard Profiles'!$G$22=$B$24,21,0),0)),0)</f>
        <v>0</v>
      </c>
      <c r="I1447">
        <f t="shared" si="174"/>
        <v>0.22363944836212946</v>
      </c>
      <c r="J1447">
        <f t="shared" si="175"/>
        <v>0.74546482787376489</v>
      </c>
      <c r="K1447">
        <f t="shared" si="176"/>
        <v>1.1181972418106472</v>
      </c>
      <c r="L1447">
        <f t="shared" si="177"/>
        <v>5.3673467606911069</v>
      </c>
      <c r="M1447">
        <f t="shared" si="178"/>
        <v>0</v>
      </c>
      <c r="N1447" s="46">
        <f t="shared" si="179"/>
        <v>45350.874999996573</v>
      </c>
    </row>
    <row r="1448" spans="2:14" x14ac:dyDescent="0.3">
      <c r="B1448">
        <f t="shared" si="173"/>
        <v>3</v>
      </c>
      <c r="C1448" s="16">
        <v>1414</v>
      </c>
      <c r="D1448" cm="1">
        <f t="array" ref="D1448">IFERROR(INDEX(Jesper!AH$2:AH$366,ROUNDDOWN($C1448/24,0)+1,1)*INDEX($D$3:$AA$30,INDEX(Jesper!$R$2:$R$366,ROW(INDEX(Jesper!AH$2:AH$366,ROUNDDOWN($C1448/24,0)+1,1))-1)+IF('Standard Profiles'!$G$18=$B$10,7,0)+IF('Standard Profiles'!$G$18=$B$17,14,0)+IF('Standard Profiles'!$G$18=$B$24,21,0),MOD($C1448,24)+1)/SUM(INDEX($D$3:$AA$30,INDEX(Jesper!$R$2:$R$366,ROW(INDEX(Jesper!AH$2:AH$366,ROUNDDOWN($C1448/24,0)+1,1))-1)+IF('Standard Profiles'!$G$18=$B$10,7,0)+IF('Standard Profiles'!$G$18=$B$17,14,0)+IF('Standard Profiles'!$G$18=$B$24,21,0),0)),0)</f>
        <v>7.4546482787376487</v>
      </c>
      <c r="E1448" cm="1">
        <f t="array" ref="E1448">IFERROR(INDEX(Jesper!AI$2:AI$366,ROUNDDOWN($C1448/24,0)+1,1)*INDEX($D$3:$AA$30,INDEX(Jesper!$R$2:$R$366,ROW(INDEX(Jesper!AI$2:AI$366,ROUNDDOWN($C1448/24,0)+1,1))-1)+IF('Standard Profiles'!$G$19=$B$10,7,0)+IF('Standard Profiles'!$G$19=$B$17,14,0)+IF('Standard Profiles'!$G$19=$B$24,21,0),MOD($C1448,24)+1)/SUM(INDEX($D$3:$AA$30,INDEX(Jesper!$R$2:$R$366,ROW(INDEX(Jesper!AI$2:AI$366,ROUNDDOWN($C1448/24,0)+1,1))-1)+IF('Standard Profiles'!$G$19=$B$10,7,0)+IF('Standard Profiles'!$G$19=$B$17,14,0)+IF('Standard Profiles'!$G$19=$B$24,21,0),0)),0)</f>
        <v>0</v>
      </c>
      <c r="F1448" cm="1">
        <f t="array" ref="F1448">IFERROR(INDEX(Jesper!AJ$2:AJ$366,ROUNDDOWN($C1448/24,0)+1,1)*INDEX($D$3:$AA$30,INDEX(Jesper!$R$2:$R$366,ROW(INDEX(Jesper!AJ$2:AJ$366,ROUNDDOWN($C1448/24,0)+1,1))-1)+IF('Standard Profiles'!$G$20=$B$10,7,0)+IF('Standard Profiles'!$G$20=$B$17,14,0)+IF('Standard Profiles'!$G$20=$B$24,21,0),MOD($C1448,24)+1)/SUM(INDEX($D$3:$AA$30,INDEX(Jesper!$R$2:$R$366,ROW(INDEX(Jesper!AJ$2:AJ$366,ROUNDDOWN($C1448/24,0)+1,1))-1)+IF('Standard Profiles'!$G$20=$B$10,7,0)+IF('Standard Profiles'!$G$20=$B$17,14,0)+IF('Standard Profiles'!$G$20=$B$24,21,0),0)),0)</f>
        <v>0</v>
      </c>
      <c r="G1448" cm="1">
        <f t="array" ref="G1448">IFERROR(INDEX(Jesper!AK$2:AK$366,ROUNDDOWN($C1448/24,0)+1,1)*INDEX($D$3:$AA$30,INDEX(Jesper!$R$2:$R$366,ROW(INDEX(Jesper!AK$2:AK$366,ROUNDDOWN($C1448/24,0)+1,1))-1)+IF('Standard Profiles'!$G$21=$B$10,7,0)+IF('Standard Profiles'!$G$21=$B$17,14,0)+IF('Standard Profiles'!$G$21=$B$24,21,0),MOD($C1448,24)+1)/SUM(INDEX($D$3:$AA$30,INDEX(Jesper!$R$2:$R$366,ROW(INDEX(Jesper!AK$2:AK$366,ROUNDDOWN($C1448/24,0)+1,1))-1)+IF('Standard Profiles'!$G$21=$B$10,7,0)+IF('Standard Profiles'!$G$21=$B$17,14,0)+IF('Standard Profiles'!$G$21=$B$24,21,0),0)),0)</f>
        <v>0</v>
      </c>
      <c r="H1448" cm="1">
        <f t="array" ref="H1448">IFERROR(INDEX(Jesper!AL$2:AL$366,ROUNDDOWN($C1448/24,0)+1,1)*INDEX($D$3:$AA$30,INDEX(Jesper!$R$2:$R$366,ROW(INDEX(Jesper!AL$2:AL$366,ROUNDDOWN($C1448/24,0)+1,1))-1)+IF('Standard Profiles'!$G$22=$B$10,7,0)+IF('Standard Profiles'!$G$22=$B$17,14,0)+IF('Standard Profiles'!$G$22=$B$24,21,0),MOD($C1448,24)+1)/SUM(INDEX($D$3:$AA$30,INDEX(Jesper!$R$2:$R$366,ROW(INDEX(Jesper!AL$2:AL$366,ROUNDDOWN($C1448/24,0)+1,1))-1)+IF('Standard Profiles'!$G$22=$B$10,7,0)+IF('Standard Profiles'!$G$22=$B$17,14,0)+IF('Standard Profiles'!$G$22=$B$24,21,0),0)),0)</f>
        <v>0</v>
      </c>
      <c r="I1448">
        <f t="shared" si="174"/>
        <v>0.22363944836212946</v>
      </c>
      <c r="J1448">
        <f t="shared" si="175"/>
        <v>0.74546482787376489</v>
      </c>
      <c r="K1448">
        <f t="shared" si="176"/>
        <v>1.1181972418106472</v>
      </c>
      <c r="L1448">
        <f t="shared" si="177"/>
        <v>5.3673467606911069</v>
      </c>
      <c r="M1448">
        <f t="shared" si="178"/>
        <v>0</v>
      </c>
      <c r="N1448" s="46">
        <f t="shared" si="179"/>
        <v>45350.916666663237</v>
      </c>
    </row>
    <row r="1449" spans="2:14" x14ac:dyDescent="0.3">
      <c r="B1449">
        <f t="shared" si="173"/>
        <v>3</v>
      </c>
      <c r="C1449" s="16">
        <v>1415</v>
      </c>
      <c r="D1449" cm="1">
        <f t="array" ref="D1449">IFERROR(INDEX(Jesper!AH$2:AH$366,ROUNDDOWN($C1449/24,0)+1,1)*INDEX($D$3:$AA$30,INDEX(Jesper!$R$2:$R$366,ROW(INDEX(Jesper!AH$2:AH$366,ROUNDDOWN($C1449/24,0)+1,1))-1)+IF('Standard Profiles'!$G$18=$B$10,7,0)+IF('Standard Profiles'!$G$18=$B$17,14,0)+IF('Standard Profiles'!$G$18=$B$24,21,0),MOD($C1449,24)+1)/SUM(INDEX($D$3:$AA$30,INDEX(Jesper!$R$2:$R$366,ROW(INDEX(Jesper!AH$2:AH$366,ROUNDDOWN($C1449/24,0)+1,1))-1)+IF('Standard Profiles'!$G$18=$B$10,7,0)+IF('Standard Profiles'!$G$18=$B$17,14,0)+IF('Standard Profiles'!$G$18=$B$24,21,0),0)),0)</f>
        <v>7.4546482787376487</v>
      </c>
      <c r="E1449" cm="1">
        <f t="array" ref="E1449">IFERROR(INDEX(Jesper!AI$2:AI$366,ROUNDDOWN($C1449/24,0)+1,1)*INDEX($D$3:$AA$30,INDEX(Jesper!$R$2:$R$366,ROW(INDEX(Jesper!AI$2:AI$366,ROUNDDOWN($C1449/24,0)+1,1))-1)+IF('Standard Profiles'!$G$19=$B$10,7,0)+IF('Standard Profiles'!$G$19=$B$17,14,0)+IF('Standard Profiles'!$G$19=$B$24,21,0),MOD($C1449,24)+1)/SUM(INDEX($D$3:$AA$30,INDEX(Jesper!$R$2:$R$366,ROW(INDEX(Jesper!AI$2:AI$366,ROUNDDOWN($C1449/24,0)+1,1))-1)+IF('Standard Profiles'!$G$19=$B$10,7,0)+IF('Standard Profiles'!$G$19=$B$17,14,0)+IF('Standard Profiles'!$G$19=$B$24,21,0),0)),0)</f>
        <v>0</v>
      </c>
      <c r="F1449" cm="1">
        <f t="array" ref="F1449">IFERROR(INDEX(Jesper!AJ$2:AJ$366,ROUNDDOWN($C1449/24,0)+1,1)*INDEX($D$3:$AA$30,INDEX(Jesper!$R$2:$R$366,ROW(INDEX(Jesper!AJ$2:AJ$366,ROUNDDOWN($C1449/24,0)+1,1))-1)+IF('Standard Profiles'!$G$20=$B$10,7,0)+IF('Standard Profiles'!$G$20=$B$17,14,0)+IF('Standard Profiles'!$G$20=$B$24,21,0),MOD($C1449,24)+1)/SUM(INDEX($D$3:$AA$30,INDEX(Jesper!$R$2:$R$366,ROW(INDEX(Jesper!AJ$2:AJ$366,ROUNDDOWN($C1449/24,0)+1,1))-1)+IF('Standard Profiles'!$G$20=$B$10,7,0)+IF('Standard Profiles'!$G$20=$B$17,14,0)+IF('Standard Profiles'!$G$20=$B$24,21,0),0)),0)</f>
        <v>0</v>
      </c>
      <c r="G1449" cm="1">
        <f t="array" ref="G1449">IFERROR(INDEX(Jesper!AK$2:AK$366,ROUNDDOWN($C1449/24,0)+1,1)*INDEX($D$3:$AA$30,INDEX(Jesper!$R$2:$R$366,ROW(INDEX(Jesper!AK$2:AK$366,ROUNDDOWN($C1449/24,0)+1,1))-1)+IF('Standard Profiles'!$G$21=$B$10,7,0)+IF('Standard Profiles'!$G$21=$B$17,14,0)+IF('Standard Profiles'!$G$21=$B$24,21,0),MOD($C1449,24)+1)/SUM(INDEX($D$3:$AA$30,INDEX(Jesper!$R$2:$R$366,ROW(INDEX(Jesper!AK$2:AK$366,ROUNDDOWN($C1449/24,0)+1,1))-1)+IF('Standard Profiles'!$G$21=$B$10,7,0)+IF('Standard Profiles'!$G$21=$B$17,14,0)+IF('Standard Profiles'!$G$21=$B$24,21,0),0)),0)</f>
        <v>0</v>
      </c>
      <c r="H1449" cm="1">
        <f t="array" ref="H1449">IFERROR(INDEX(Jesper!AL$2:AL$366,ROUNDDOWN($C1449/24,0)+1,1)*INDEX($D$3:$AA$30,INDEX(Jesper!$R$2:$R$366,ROW(INDEX(Jesper!AL$2:AL$366,ROUNDDOWN($C1449/24,0)+1,1))-1)+IF('Standard Profiles'!$G$22=$B$10,7,0)+IF('Standard Profiles'!$G$22=$B$17,14,0)+IF('Standard Profiles'!$G$22=$B$24,21,0),MOD($C1449,24)+1)/SUM(INDEX($D$3:$AA$30,INDEX(Jesper!$R$2:$R$366,ROW(INDEX(Jesper!AL$2:AL$366,ROUNDDOWN($C1449/24,0)+1,1))-1)+IF('Standard Profiles'!$G$22=$B$10,7,0)+IF('Standard Profiles'!$G$22=$B$17,14,0)+IF('Standard Profiles'!$G$22=$B$24,21,0),0)),0)</f>
        <v>0</v>
      </c>
      <c r="I1449">
        <f t="shared" si="174"/>
        <v>0.22363944836212946</v>
      </c>
      <c r="J1449">
        <f t="shared" si="175"/>
        <v>0.74546482787376489</v>
      </c>
      <c r="K1449">
        <f t="shared" si="176"/>
        <v>1.1181972418106472</v>
      </c>
      <c r="L1449">
        <f t="shared" si="177"/>
        <v>5.3673467606911069</v>
      </c>
      <c r="M1449">
        <f t="shared" si="178"/>
        <v>0</v>
      </c>
      <c r="N1449" s="46">
        <f t="shared" si="179"/>
        <v>45350.958333329902</v>
      </c>
    </row>
    <row r="1450" spans="2:14" x14ac:dyDescent="0.3">
      <c r="B1450">
        <f t="shared" si="173"/>
        <v>4</v>
      </c>
      <c r="C1450" s="16">
        <v>1416</v>
      </c>
      <c r="D1450" cm="1">
        <f t="array" ref="D1450">IFERROR(INDEX(Jesper!AH$2:AH$366,ROUNDDOWN($C1450/24,0)+1,1)*INDEX($D$3:$AA$30,INDEX(Jesper!$R$2:$R$366,ROW(INDEX(Jesper!AH$2:AH$366,ROUNDDOWN($C1450/24,0)+1,1))-1)+IF('Standard Profiles'!$G$18=$B$10,7,0)+IF('Standard Profiles'!$G$18=$B$17,14,0)+IF('Standard Profiles'!$G$18=$B$24,21,0),MOD($C1450,24)+1)/SUM(INDEX($D$3:$AA$30,INDEX(Jesper!$R$2:$R$366,ROW(INDEX(Jesper!AH$2:AH$366,ROUNDDOWN($C1450/24,0)+1,1))-1)+IF('Standard Profiles'!$G$18=$B$10,7,0)+IF('Standard Profiles'!$G$18=$B$17,14,0)+IF('Standard Profiles'!$G$18=$B$24,21,0),0)),0)</f>
        <v>7.4368529133978631</v>
      </c>
      <c r="E1450" cm="1">
        <f t="array" ref="E1450">IFERROR(INDEX(Jesper!AI$2:AI$366,ROUNDDOWN($C1450/24,0)+1,1)*INDEX($D$3:$AA$30,INDEX(Jesper!$R$2:$R$366,ROW(INDEX(Jesper!AI$2:AI$366,ROUNDDOWN($C1450/24,0)+1,1))-1)+IF('Standard Profiles'!$G$19=$B$10,7,0)+IF('Standard Profiles'!$G$19=$B$17,14,0)+IF('Standard Profiles'!$G$19=$B$24,21,0),MOD($C1450,24)+1)/SUM(INDEX($D$3:$AA$30,INDEX(Jesper!$R$2:$R$366,ROW(INDEX(Jesper!AI$2:AI$366,ROUNDDOWN($C1450/24,0)+1,1))-1)+IF('Standard Profiles'!$G$19=$B$10,7,0)+IF('Standard Profiles'!$G$19=$B$17,14,0)+IF('Standard Profiles'!$G$19=$B$24,21,0),0)),0)</f>
        <v>0</v>
      </c>
      <c r="F1450" cm="1">
        <f t="array" ref="F1450">IFERROR(INDEX(Jesper!AJ$2:AJ$366,ROUNDDOWN($C1450/24,0)+1,1)*INDEX($D$3:$AA$30,INDEX(Jesper!$R$2:$R$366,ROW(INDEX(Jesper!AJ$2:AJ$366,ROUNDDOWN($C1450/24,0)+1,1))-1)+IF('Standard Profiles'!$G$20=$B$10,7,0)+IF('Standard Profiles'!$G$20=$B$17,14,0)+IF('Standard Profiles'!$G$20=$B$24,21,0),MOD($C1450,24)+1)/SUM(INDEX($D$3:$AA$30,INDEX(Jesper!$R$2:$R$366,ROW(INDEX(Jesper!AJ$2:AJ$366,ROUNDDOWN($C1450/24,0)+1,1))-1)+IF('Standard Profiles'!$G$20=$B$10,7,0)+IF('Standard Profiles'!$G$20=$B$17,14,0)+IF('Standard Profiles'!$G$20=$B$24,21,0),0)),0)</f>
        <v>0</v>
      </c>
      <c r="G1450" cm="1">
        <f t="array" ref="G1450">IFERROR(INDEX(Jesper!AK$2:AK$366,ROUNDDOWN($C1450/24,0)+1,1)*INDEX($D$3:$AA$30,INDEX(Jesper!$R$2:$R$366,ROW(INDEX(Jesper!AK$2:AK$366,ROUNDDOWN($C1450/24,0)+1,1))-1)+IF('Standard Profiles'!$G$21=$B$10,7,0)+IF('Standard Profiles'!$G$21=$B$17,14,0)+IF('Standard Profiles'!$G$21=$B$24,21,0),MOD($C1450,24)+1)/SUM(INDEX($D$3:$AA$30,INDEX(Jesper!$R$2:$R$366,ROW(INDEX(Jesper!AK$2:AK$366,ROUNDDOWN($C1450/24,0)+1,1))-1)+IF('Standard Profiles'!$G$21=$B$10,7,0)+IF('Standard Profiles'!$G$21=$B$17,14,0)+IF('Standard Profiles'!$G$21=$B$24,21,0),0)),0)</f>
        <v>0</v>
      </c>
      <c r="H1450" cm="1">
        <f t="array" ref="H1450">IFERROR(INDEX(Jesper!AL$2:AL$366,ROUNDDOWN($C1450/24,0)+1,1)*INDEX($D$3:$AA$30,INDEX(Jesper!$R$2:$R$366,ROW(INDEX(Jesper!AL$2:AL$366,ROUNDDOWN($C1450/24,0)+1,1))-1)+IF('Standard Profiles'!$G$22=$B$10,7,0)+IF('Standard Profiles'!$G$22=$B$17,14,0)+IF('Standard Profiles'!$G$22=$B$24,21,0),MOD($C1450,24)+1)/SUM(INDEX($D$3:$AA$30,INDEX(Jesper!$R$2:$R$366,ROW(INDEX(Jesper!AL$2:AL$366,ROUNDDOWN($C1450/24,0)+1,1))-1)+IF('Standard Profiles'!$G$22=$B$10,7,0)+IF('Standard Profiles'!$G$22=$B$17,14,0)+IF('Standard Profiles'!$G$22=$B$24,21,0),0)),0)</f>
        <v>0</v>
      </c>
      <c r="I1450">
        <f t="shared" si="174"/>
        <v>0.2231055874019359</v>
      </c>
      <c r="J1450">
        <f t="shared" si="175"/>
        <v>0.74368529133978634</v>
      </c>
      <c r="K1450">
        <f t="shared" si="176"/>
        <v>1.1155279370096793</v>
      </c>
      <c r="L1450">
        <f t="shared" si="177"/>
        <v>5.3545340976464608</v>
      </c>
      <c r="M1450">
        <f t="shared" si="178"/>
        <v>0</v>
      </c>
      <c r="N1450" s="46">
        <f t="shared" si="179"/>
        <v>45350.999999996566</v>
      </c>
    </row>
    <row r="1451" spans="2:14" x14ac:dyDescent="0.3">
      <c r="B1451">
        <f t="shared" si="173"/>
        <v>4</v>
      </c>
      <c r="C1451" s="16">
        <v>1417</v>
      </c>
      <c r="D1451" cm="1">
        <f t="array" ref="D1451">IFERROR(INDEX(Jesper!AH$2:AH$366,ROUNDDOWN($C1451/24,0)+1,1)*INDEX($D$3:$AA$30,INDEX(Jesper!$R$2:$R$366,ROW(INDEX(Jesper!AH$2:AH$366,ROUNDDOWN($C1451/24,0)+1,1))-1)+IF('Standard Profiles'!$G$18=$B$10,7,0)+IF('Standard Profiles'!$G$18=$B$17,14,0)+IF('Standard Profiles'!$G$18=$B$24,21,0),MOD($C1451,24)+1)/SUM(INDEX($D$3:$AA$30,INDEX(Jesper!$R$2:$R$366,ROW(INDEX(Jesper!AH$2:AH$366,ROUNDDOWN($C1451/24,0)+1,1))-1)+IF('Standard Profiles'!$G$18=$B$10,7,0)+IF('Standard Profiles'!$G$18=$B$17,14,0)+IF('Standard Profiles'!$G$18=$B$24,21,0),0)),0)</f>
        <v>7.4368529133978631</v>
      </c>
      <c r="E1451" cm="1">
        <f t="array" ref="E1451">IFERROR(INDEX(Jesper!AI$2:AI$366,ROUNDDOWN($C1451/24,0)+1,1)*INDEX($D$3:$AA$30,INDEX(Jesper!$R$2:$R$366,ROW(INDEX(Jesper!AI$2:AI$366,ROUNDDOWN($C1451/24,0)+1,1))-1)+IF('Standard Profiles'!$G$19=$B$10,7,0)+IF('Standard Profiles'!$G$19=$B$17,14,0)+IF('Standard Profiles'!$G$19=$B$24,21,0),MOD($C1451,24)+1)/SUM(INDEX($D$3:$AA$30,INDEX(Jesper!$R$2:$R$366,ROW(INDEX(Jesper!AI$2:AI$366,ROUNDDOWN($C1451/24,0)+1,1))-1)+IF('Standard Profiles'!$G$19=$B$10,7,0)+IF('Standard Profiles'!$G$19=$B$17,14,0)+IF('Standard Profiles'!$G$19=$B$24,21,0),0)),0)</f>
        <v>0</v>
      </c>
      <c r="F1451" cm="1">
        <f t="array" ref="F1451">IFERROR(INDEX(Jesper!AJ$2:AJ$366,ROUNDDOWN($C1451/24,0)+1,1)*INDEX($D$3:$AA$30,INDEX(Jesper!$R$2:$R$366,ROW(INDEX(Jesper!AJ$2:AJ$366,ROUNDDOWN($C1451/24,0)+1,1))-1)+IF('Standard Profiles'!$G$20=$B$10,7,0)+IF('Standard Profiles'!$G$20=$B$17,14,0)+IF('Standard Profiles'!$G$20=$B$24,21,0),MOD($C1451,24)+1)/SUM(INDEX($D$3:$AA$30,INDEX(Jesper!$R$2:$R$366,ROW(INDEX(Jesper!AJ$2:AJ$366,ROUNDDOWN($C1451/24,0)+1,1))-1)+IF('Standard Profiles'!$G$20=$B$10,7,0)+IF('Standard Profiles'!$G$20=$B$17,14,0)+IF('Standard Profiles'!$G$20=$B$24,21,0),0)),0)</f>
        <v>0</v>
      </c>
      <c r="G1451" cm="1">
        <f t="array" ref="G1451">IFERROR(INDEX(Jesper!AK$2:AK$366,ROUNDDOWN($C1451/24,0)+1,1)*INDEX($D$3:$AA$30,INDEX(Jesper!$R$2:$R$366,ROW(INDEX(Jesper!AK$2:AK$366,ROUNDDOWN($C1451/24,0)+1,1))-1)+IF('Standard Profiles'!$G$21=$B$10,7,0)+IF('Standard Profiles'!$G$21=$B$17,14,0)+IF('Standard Profiles'!$G$21=$B$24,21,0),MOD($C1451,24)+1)/SUM(INDEX($D$3:$AA$30,INDEX(Jesper!$R$2:$R$366,ROW(INDEX(Jesper!AK$2:AK$366,ROUNDDOWN($C1451/24,0)+1,1))-1)+IF('Standard Profiles'!$G$21=$B$10,7,0)+IF('Standard Profiles'!$G$21=$B$17,14,0)+IF('Standard Profiles'!$G$21=$B$24,21,0),0)),0)</f>
        <v>0</v>
      </c>
      <c r="H1451" cm="1">
        <f t="array" ref="H1451">IFERROR(INDEX(Jesper!AL$2:AL$366,ROUNDDOWN($C1451/24,0)+1,1)*INDEX($D$3:$AA$30,INDEX(Jesper!$R$2:$R$366,ROW(INDEX(Jesper!AL$2:AL$366,ROUNDDOWN($C1451/24,0)+1,1))-1)+IF('Standard Profiles'!$G$22=$B$10,7,0)+IF('Standard Profiles'!$G$22=$B$17,14,0)+IF('Standard Profiles'!$G$22=$B$24,21,0),MOD($C1451,24)+1)/SUM(INDEX($D$3:$AA$30,INDEX(Jesper!$R$2:$R$366,ROW(INDEX(Jesper!AL$2:AL$366,ROUNDDOWN($C1451/24,0)+1,1))-1)+IF('Standard Profiles'!$G$22=$B$10,7,0)+IF('Standard Profiles'!$G$22=$B$17,14,0)+IF('Standard Profiles'!$G$22=$B$24,21,0),0)),0)</f>
        <v>0</v>
      </c>
      <c r="I1451">
        <f t="shared" si="174"/>
        <v>0.2231055874019359</v>
      </c>
      <c r="J1451">
        <f t="shared" si="175"/>
        <v>0.74368529133978634</v>
      </c>
      <c r="K1451">
        <f t="shared" si="176"/>
        <v>1.1155279370096793</v>
      </c>
      <c r="L1451">
        <f t="shared" si="177"/>
        <v>5.3545340976464608</v>
      </c>
      <c r="M1451">
        <f t="shared" si="178"/>
        <v>0</v>
      </c>
      <c r="N1451" s="46">
        <f t="shared" si="179"/>
        <v>45351.04166666323</v>
      </c>
    </row>
    <row r="1452" spans="2:14" x14ac:dyDescent="0.3">
      <c r="B1452">
        <f t="shared" si="173"/>
        <v>4</v>
      </c>
      <c r="C1452" s="16">
        <v>1418</v>
      </c>
      <c r="D1452" cm="1">
        <f t="array" ref="D1452">IFERROR(INDEX(Jesper!AH$2:AH$366,ROUNDDOWN($C1452/24,0)+1,1)*INDEX($D$3:$AA$30,INDEX(Jesper!$R$2:$R$366,ROW(INDEX(Jesper!AH$2:AH$366,ROUNDDOWN($C1452/24,0)+1,1))-1)+IF('Standard Profiles'!$G$18=$B$10,7,0)+IF('Standard Profiles'!$G$18=$B$17,14,0)+IF('Standard Profiles'!$G$18=$B$24,21,0),MOD($C1452,24)+1)/SUM(INDEX($D$3:$AA$30,INDEX(Jesper!$R$2:$R$366,ROW(INDEX(Jesper!AH$2:AH$366,ROUNDDOWN($C1452/24,0)+1,1))-1)+IF('Standard Profiles'!$G$18=$B$10,7,0)+IF('Standard Profiles'!$G$18=$B$17,14,0)+IF('Standard Profiles'!$G$18=$B$24,21,0),0)),0)</f>
        <v>7.4368529133978631</v>
      </c>
      <c r="E1452" cm="1">
        <f t="array" ref="E1452">IFERROR(INDEX(Jesper!AI$2:AI$366,ROUNDDOWN($C1452/24,0)+1,1)*INDEX($D$3:$AA$30,INDEX(Jesper!$R$2:$R$366,ROW(INDEX(Jesper!AI$2:AI$366,ROUNDDOWN($C1452/24,0)+1,1))-1)+IF('Standard Profiles'!$G$19=$B$10,7,0)+IF('Standard Profiles'!$G$19=$B$17,14,0)+IF('Standard Profiles'!$G$19=$B$24,21,0),MOD($C1452,24)+1)/SUM(INDEX($D$3:$AA$30,INDEX(Jesper!$R$2:$R$366,ROW(INDEX(Jesper!AI$2:AI$366,ROUNDDOWN($C1452/24,0)+1,1))-1)+IF('Standard Profiles'!$G$19=$B$10,7,0)+IF('Standard Profiles'!$G$19=$B$17,14,0)+IF('Standard Profiles'!$G$19=$B$24,21,0),0)),0)</f>
        <v>0</v>
      </c>
      <c r="F1452" cm="1">
        <f t="array" ref="F1452">IFERROR(INDEX(Jesper!AJ$2:AJ$366,ROUNDDOWN($C1452/24,0)+1,1)*INDEX($D$3:$AA$30,INDEX(Jesper!$R$2:$R$366,ROW(INDEX(Jesper!AJ$2:AJ$366,ROUNDDOWN($C1452/24,0)+1,1))-1)+IF('Standard Profiles'!$G$20=$B$10,7,0)+IF('Standard Profiles'!$G$20=$B$17,14,0)+IF('Standard Profiles'!$G$20=$B$24,21,0),MOD($C1452,24)+1)/SUM(INDEX($D$3:$AA$30,INDEX(Jesper!$R$2:$R$366,ROW(INDEX(Jesper!AJ$2:AJ$366,ROUNDDOWN($C1452/24,0)+1,1))-1)+IF('Standard Profiles'!$G$20=$B$10,7,0)+IF('Standard Profiles'!$G$20=$B$17,14,0)+IF('Standard Profiles'!$G$20=$B$24,21,0),0)),0)</f>
        <v>0</v>
      </c>
      <c r="G1452" cm="1">
        <f t="array" ref="G1452">IFERROR(INDEX(Jesper!AK$2:AK$366,ROUNDDOWN($C1452/24,0)+1,1)*INDEX($D$3:$AA$30,INDEX(Jesper!$R$2:$R$366,ROW(INDEX(Jesper!AK$2:AK$366,ROUNDDOWN($C1452/24,0)+1,1))-1)+IF('Standard Profiles'!$G$21=$B$10,7,0)+IF('Standard Profiles'!$G$21=$B$17,14,0)+IF('Standard Profiles'!$G$21=$B$24,21,0),MOD($C1452,24)+1)/SUM(INDEX($D$3:$AA$30,INDEX(Jesper!$R$2:$R$366,ROW(INDEX(Jesper!AK$2:AK$366,ROUNDDOWN($C1452/24,0)+1,1))-1)+IF('Standard Profiles'!$G$21=$B$10,7,0)+IF('Standard Profiles'!$G$21=$B$17,14,0)+IF('Standard Profiles'!$G$21=$B$24,21,0),0)),0)</f>
        <v>0</v>
      </c>
      <c r="H1452" cm="1">
        <f t="array" ref="H1452">IFERROR(INDEX(Jesper!AL$2:AL$366,ROUNDDOWN($C1452/24,0)+1,1)*INDEX($D$3:$AA$30,INDEX(Jesper!$R$2:$R$366,ROW(INDEX(Jesper!AL$2:AL$366,ROUNDDOWN($C1452/24,0)+1,1))-1)+IF('Standard Profiles'!$G$22=$B$10,7,0)+IF('Standard Profiles'!$G$22=$B$17,14,0)+IF('Standard Profiles'!$G$22=$B$24,21,0),MOD($C1452,24)+1)/SUM(INDEX($D$3:$AA$30,INDEX(Jesper!$R$2:$R$366,ROW(INDEX(Jesper!AL$2:AL$366,ROUNDDOWN($C1452/24,0)+1,1))-1)+IF('Standard Profiles'!$G$22=$B$10,7,0)+IF('Standard Profiles'!$G$22=$B$17,14,0)+IF('Standard Profiles'!$G$22=$B$24,21,0),0)),0)</f>
        <v>0</v>
      </c>
      <c r="I1452">
        <f t="shared" si="174"/>
        <v>0.2231055874019359</v>
      </c>
      <c r="J1452">
        <f t="shared" si="175"/>
        <v>0.74368529133978634</v>
      </c>
      <c r="K1452">
        <f t="shared" si="176"/>
        <v>1.1155279370096793</v>
      </c>
      <c r="L1452">
        <f t="shared" si="177"/>
        <v>5.3545340976464608</v>
      </c>
      <c r="M1452">
        <f t="shared" si="178"/>
        <v>0</v>
      </c>
      <c r="N1452" s="46">
        <f t="shared" si="179"/>
        <v>45351.083333329894</v>
      </c>
    </row>
    <row r="1453" spans="2:14" x14ac:dyDescent="0.3">
      <c r="B1453">
        <f t="shared" si="173"/>
        <v>4</v>
      </c>
      <c r="C1453" s="16">
        <v>1419</v>
      </c>
      <c r="D1453" cm="1">
        <f t="array" ref="D1453">IFERROR(INDEX(Jesper!AH$2:AH$366,ROUNDDOWN($C1453/24,0)+1,1)*INDEX($D$3:$AA$30,INDEX(Jesper!$R$2:$R$366,ROW(INDEX(Jesper!AH$2:AH$366,ROUNDDOWN($C1453/24,0)+1,1))-1)+IF('Standard Profiles'!$G$18=$B$10,7,0)+IF('Standard Profiles'!$G$18=$B$17,14,0)+IF('Standard Profiles'!$G$18=$B$24,21,0),MOD($C1453,24)+1)/SUM(INDEX($D$3:$AA$30,INDEX(Jesper!$R$2:$R$366,ROW(INDEX(Jesper!AH$2:AH$366,ROUNDDOWN($C1453/24,0)+1,1))-1)+IF('Standard Profiles'!$G$18=$B$10,7,0)+IF('Standard Profiles'!$G$18=$B$17,14,0)+IF('Standard Profiles'!$G$18=$B$24,21,0),0)),0)</f>
        <v>7.4368529133978631</v>
      </c>
      <c r="E1453" cm="1">
        <f t="array" ref="E1453">IFERROR(INDEX(Jesper!AI$2:AI$366,ROUNDDOWN($C1453/24,0)+1,1)*INDEX($D$3:$AA$30,INDEX(Jesper!$R$2:$R$366,ROW(INDEX(Jesper!AI$2:AI$366,ROUNDDOWN($C1453/24,0)+1,1))-1)+IF('Standard Profiles'!$G$19=$B$10,7,0)+IF('Standard Profiles'!$G$19=$B$17,14,0)+IF('Standard Profiles'!$G$19=$B$24,21,0),MOD($C1453,24)+1)/SUM(INDEX($D$3:$AA$30,INDEX(Jesper!$R$2:$R$366,ROW(INDEX(Jesper!AI$2:AI$366,ROUNDDOWN($C1453/24,0)+1,1))-1)+IF('Standard Profiles'!$G$19=$B$10,7,0)+IF('Standard Profiles'!$G$19=$B$17,14,0)+IF('Standard Profiles'!$G$19=$B$24,21,0),0)),0)</f>
        <v>0</v>
      </c>
      <c r="F1453" cm="1">
        <f t="array" ref="F1453">IFERROR(INDEX(Jesper!AJ$2:AJ$366,ROUNDDOWN($C1453/24,0)+1,1)*INDEX($D$3:$AA$30,INDEX(Jesper!$R$2:$R$366,ROW(INDEX(Jesper!AJ$2:AJ$366,ROUNDDOWN($C1453/24,0)+1,1))-1)+IF('Standard Profiles'!$G$20=$B$10,7,0)+IF('Standard Profiles'!$G$20=$B$17,14,0)+IF('Standard Profiles'!$G$20=$B$24,21,0),MOD($C1453,24)+1)/SUM(INDEX($D$3:$AA$30,INDEX(Jesper!$R$2:$R$366,ROW(INDEX(Jesper!AJ$2:AJ$366,ROUNDDOWN($C1453/24,0)+1,1))-1)+IF('Standard Profiles'!$G$20=$B$10,7,0)+IF('Standard Profiles'!$G$20=$B$17,14,0)+IF('Standard Profiles'!$G$20=$B$24,21,0),0)),0)</f>
        <v>0</v>
      </c>
      <c r="G1453" cm="1">
        <f t="array" ref="G1453">IFERROR(INDEX(Jesper!AK$2:AK$366,ROUNDDOWN($C1453/24,0)+1,1)*INDEX($D$3:$AA$30,INDEX(Jesper!$R$2:$R$366,ROW(INDEX(Jesper!AK$2:AK$366,ROUNDDOWN($C1453/24,0)+1,1))-1)+IF('Standard Profiles'!$G$21=$B$10,7,0)+IF('Standard Profiles'!$G$21=$B$17,14,0)+IF('Standard Profiles'!$G$21=$B$24,21,0),MOD($C1453,24)+1)/SUM(INDEX($D$3:$AA$30,INDEX(Jesper!$R$2:$R$366,ROW(INDEX(Jesper!AK$2:AK$366,ROUNDDOWN($C1453/24,0)+1,1))-1)+IF('Standard Profiles'!$G$21=$B$10,7,0)+IF('Standard Profiles'!$G$21=$B$17,14,0)+IF('Standard Profiles'!$G$21=$B$24,21,0),0)),0)</f>
        <v>0</v>
      </c>
      <c r="H1453" cm="1">
        <f t="array" ref="H1453">IFERROR(INDEX(Jesper!AL$2:AL$366,ROUNDDOWN($C1453/24,0)+1,1)*INDEX($D$3:$AA$30,INDEX(Jesper!$R$2:$R$366,ROW(INDEX(Jesper!AL$2:AL$366,ROUNDDOWN($C1453/24,0)+1,1))-1)+IF('Standard Profiles'!$G$22=$B$10,7,0)+IF('Standard Profiles'!$G$22=$B$17,14,0)+IF('Standard Profiles'!$G$22=$B$24,21,0),MOD($C1453,24)+1)/SUM(INDEX($D$3:$AA$30,INDEX(Jesper!$R$2:$R$366,ROW(INDEX(Jesper!AL$2:AL$366,ROUNDDOWN($C1453/24,0)+1,1))-1)+IF('Standard Profiles'!$G$22=$B$10,7,0)+IF('Standard Profiles'!$G$22=$B$17,14,0)+IF('Standard Profiles'!$G$22=$B$24,21,0),0)),0)</f>
        <v>0</v>
      </c>
      <c r="I1453">
        <f t="shared" si="174"/>
        <v>0.2231055874019359</v>
      </c>
      <c r="J1453">
        <f t="shared" si="175"/>
        <v>0.74368529133978634</v>
      </c>
      <c r="K1453">
        <f t="shared" si="176"/>
        <v>1.1155279370096793</v>
      </c>
      <c r="L1453">
        <f t="shared" si="177"/>
        <v>5.3545340976464608</v>
      </c>
      <c r="M1453">
        <f t="shared" si="178"/>
        <v>0</v>
      </c>
      <c r="N1453" s="46">
        <f t="shared" si="179"/>
        <v>45351.124999996558</v>
      </c>
    </row>
    <row r="1454" spans="2:14" x14ac:dyDescent="0.3">
      <c r="B1454">
        <f t="shared" si="173"/>
        <v>4</v>
      </c>
      <c r="C1454" s="16">
        <v>1420</v>
      </c>
      <c r="D1454" cm="1">
        <f t="array" ref="D1454">IFERROR(INDEX(Jesper!AH$2:AH$366,ROUNDDOWN($C1454/24,0)+1,1)*INDEX($D$3:$AA$30,INDEX(Jesper!$R$2:$R$366,ROW(INDEX(Jesper!AH$2:AH$366,ROUNDDOWN($C1454/24,0)+1,1))-1)+IF('Standard Profiles'!$G$18=$B$10,7,0)+IF('Standard Profiles'!$G$18=$B$17,14,0)+IF('Standard Profiles'!$G$18=$B$24,21,0),MOD($C1454,24)+1)/SUM(INDEX($D$3:$AA$30,INDEX(Jesper!$R$2:$R$366,ROW(INDEX(Jesper!AH$2:AH$366,ROUNDDOWN($C1454/24,0)+1,1))-1)+IF('Standard Profiles'!$G$18=$B$10,7,0)+IF('Standard Profiles'!$G$18=$B$17,14,0)+IF('Standard Profiles'!$G$18=$B$24,21,0),0)),0)</f>
        <v>7.4368529133978631</v>
      </c>
      <c r="E1454" cm="1">
        <f t="array" ref="E1454">IFERROR(INDEX(Jesper!AI$2:AI$366,ROUNDDOWN($C1454/24,0)+1,1)*INDEX($D$3:$AA$30,INDEX(Jesper!$R$2:$R$366,ROW(INDEX(Jesper!AI$2:AI$366,ROUNDDOWN($C1454/24,0)+1,1))-1)+IF('Standard Profiles'!$G$19=$B$10,7,0)+IF('Standard Profiles'!$G$19=$B$17,14,0)+IF('Standard Profiles'!$G$19=$B$24,21,0),MOD($C1454,24)+1)/SUM(INDEX($D$3:$AA$30,INDEX(Jesper!$R$2:$R$366,ROW(INDEX(Jesper!AI$2:AI$366,ROUNDDOWN($C1454/24,0)+1,1))-1)+IF('Standard Profiles'!$G$19=$B$10,7,0)+IF('Standard Profiles'!$G$19=$B$17,14,0)+IF('Standard Profiles'!$G$19=$B$24,21,0),0)),0)</f>
        <v>0</v>
      </c>
      <c r="F1454" cm="1">
        <f t="array" ref="F1454">IFERROR(INDEX(Jesper!AJ$2:AJ$366,ROUNDDOWN($C1454/24,0)+1,1)*INDEX($D$3:$AA$30,INDEX(Jesper!$R$2:$R$366,ROW(INDEX(Jesper!AJ$2:AJ$366,ROUNDDOWN($C1454/24,0)+1,1))-1)+IF('Standard Profiles'!$G$20=$B$10,7,0)+IF('Standard Profiles'!$G$20=$B$17,14,0)+IF('Standard Profiles'!$G$20=$B$24,21,0),MOD($C1454,24)+1)/SUM(INDEX($D$3:$AA$30,INDEX(Jesper!$R$2:$R$366,ROW(INDEX(Jesper!AJ$2:AJ$366,ROUNDDOWN($C1454/24,0)+1,1))-1)+IF('Standard Profiles'!$G$20=$B$10,7,0)+IF('Standard Profiles'!$G$20=$B$17,14,0)+IF('Standard Profiles'!$G$20=$B$24,21,0),0)),0)</f>
        <v>0</v>
      </c>
      <c r="G1454" cm="1">
        <f t="array" ref="G1454">IFERROR(INDEX(Jesper!AK$2:AK$366,ROUNDDOWN($C1454/24,0)+1,1)*INDEX($D$3:$AA$30,INDEX(Jesper!$R$2:$R$366,ROW(INDEX(Jesper!AK$2:AK$366,ROUNDDOWN($C1454/24,0)+1,1))-1)+IF('Standard Profiles'!$G$21=$B$10,7,0)+IF('Standard Profiles'!$G$21=$B$17,14,0)+IF('Standard Profiles'!$G$21=$B$24,21,0),MOD($C1454,24)+1)/SUM(INDEX($D$3:$AA$30,INDEX(Jesper!$R$2:$R$366,ROW(INDEX(Jesper!AK$2:AK$366,ROUNDDOWN($C1454/24,0)+1,1))-1)+IF('Standard Profiles'!$G$21=$B$10,7,0)+IF('Standard Profiles'!$G$21=$B$17,14,0)+IF('Standard Profiles'!$G$21=$B$24,21,0),0)),0)</f>
        <v>0</v>
      </c>
      <c r="H1454" cm="1">
        <f t="array" ref="H1454">IFERROR(INDEX(Jesper!AL$2:AL$366,ROUNDDOWN($C1454/24,0)+1,1)*INDEX($D$3:$AA$30,INDEX(Jesper!$R$2:$R$366,ROW(INDEX(Jesper!AL$2:AL$366,ROUNDDOWN($C1454/24,0)+1,1))-1)+IF('Standard Profiles'!$G$22=$B$10,7,0)+IF('Standard Profiles'!$G$22=$B$17,14,0)+IF('Standard Profiles'!$G$22=$B$24,21,0),MOD($C1454,24)+1)/SUM(INDEX($D$3:$AA$30,INDEX(Jesper!$R$2:$R$366,ROW(INDEX(Jesper!AL$2:AL$366,ROUNDDOWN($C1454/24,0)+1,1))-1)+IF('Standard Profiles'!$G$22=$B$10,7,0)+IF('Standard Profiles'!$G$22=$B$17,14,0)+IF('Standard Profiles'!$G$22=$B$24,21,0),0)),0)</f>
        <v>0</v>
      </c>
      <c r="I1454">
        <f t="shared" si="174"/>
        <v>0.2231055874019359</v>
      </c>
      <c r="J1454">
        <f t="shared" si="175"/>
        <v>0.74368529133978634</v>
      </c>
      <c r="K1454">
        <f t="shared" si="176"/>
        <v>1.1155279370096793</v>
      </c>
      <c r="L1454">
        <f t="shared" si="177"/>
        <v>5.3545340976464608</v>
      </c>
      <c r="M1454">
        <f t="shared" si="178"/>
        <v>0</v>
      </c>
      <c r="N1454" s="46">
        <f t="shared" si="179"/>
        <v>45351.166666663223</v>
      </c>
    </row>
    <row r="1455" spans="2:14" x14ac:dyDescent="0.3">
      <c r="B1455">
        <f t="shared" si="173"/>
        <v>4</v>
      </c>
      <c r="C1455" s="16">
        <v>1421</v>
      </c>
      <c r="D1455" cm="1">
        <f t="array" ref="D1455">IFERROR(INDEX(Jesper!AH$2:AH$366,ROUNDDOWN($C1455/24,0)+1,1)*INDEX($D$3:$AA$30,INDEX(Jesper!$R$2:$R$366,ROW(INDEX(Jesper!AH$2:AH$366,ROUNDDOWN($C1455/24,0)+1,1))-1)+IF('Standard Profiles'!$G$18=$B$10,7,0)+IF('Standard Profiles'!$G$18=$B$17,14,0)+IF('Standard Profiles'!$G$18=$B$24,21,0),MOD($C1455,24)+1)/SUM(INDEX($D$3:$AA$30,INDEX(Jesper!$R$2:$R$366,ROW(INDEX(Jesper!AH$2:AH$366,ROUNDDOWN($C1455/24,0)+1,1))-1)+IF('Standard Profiles'!$G$18=$B$10,7,0)+IF('Standard Profiles'!$G$18=$B$17,14,0)+IF('Standard Profiles'!$G$18=$B$24,21,0),0)),0)</f>
        <v>9.5852770883794687</v>
      </c>
      <c r="E1455" cm="1">
        <f t="array" ref="E1455">IFERROR(INDEX(Jesper!AI$2:AI$366,ROUNDDOWN($C1455/24,0)+1,1)*INDEX($D$3:$AA$30,INDEX(Jesper!$R$2:$R$366,ROW(INDEX(Jesper!AI$2:AI$366,ROUNDDOWN($C1455/24,0)+1,1))-1)+IF('Standard Profiles'!$G$19=$B$10,7,0)+IF('Standard Profiles'!$G$19=$B$17,14,0)+IF('Standard Profiles'!$G$19=$B$24,21,0),MOD($C1455,24)+1)/SUM(INDEX($D$3:$AA$30,INDEX(Jesper!$R$2:$R$366,ROW(INDEX(Jesper!AI$2:AI$366,ROUNDDOWN($C1455/24,0)+1,1))-1)+IF('Standard Profiles'!$G$19=$B$10,7,0)+IF('Standard Profiles'!$G$19=$B$17,14,0)+IF('Standard Profiles'!$G$19=$B$24,21,0),0)),0)</f>
        <v>0</v>
      </c>
      <c r="F1455" cm="1">
        <f t="array" ref="F1455">IFERROR(INDEX(Jesper!AJ$2:AJ$366,ROUNDDOWN($C1455/24,0)+1,1)*INDEX($D$3:$AA$30,INDEX(Jesper!$R$2:$R$366,ROW(INDEX(Jesper!AJ$2:AJ$366,ROUNDDOWN($C1455/24,0)+1,1))-1)+IF('Standard Profiles'!$G$20=$B$10,7,0)+IF('Standard Profiles'!$G$20=$B$17,14,0)+IF('Standard Profiles'!$G$20=$B$24,21,0),MOD($C1455,24)+1)/SUM(INDEX($D$3:$AA$30,INDEX(Jesper!$R$2:$R$366,ROW(INDEX(Jesper!AJ$2:AJ$366,ROUNDDOWN($C1455/24,0)+1,1))-1)+IF('Standard Profiles'!$G$20=$B$10,7,0)+IF('Standard Profiles'!$G$20=$B$17,14,0)+IF('Standard Profiles'!$G$20=$B$24,21,0),0)),0)</f>
        <v>0</v>
      </c>
      <c r="G1455" cm="1">
        <f t="array" ref="G1455">IFERROR(INDEX(Jesper!AK$2:AK$366,ROUNDDOWN($C1455/24,0)+1,1)*INDEX($D$3:$AA$30,INDEX(Jesper!$R$2:$R$366,ROW(INDEX(Jesper!AK$2:AK$366,ROUNDDOWN($C1455/24,0)+1,1))-1)+IF('Standard Profiles'!$G$21=$B$10,7,0)+IF('Standard Profiles'!$G$21=$B$17,14,0)+IF('Standard Profiles'!$G$21=$B$24,21,0),MOD($C1455,24)+1)/SUM(INDEX($D$3:$AA$30,INDEX(Jesper!$R$2:$R$366,ROW(INDEX(Jesper!AK$2:AK$366,ROUNDDOWN($C1455/24,0)+1,1))-1)+IF('Standard Profiles'!$G$21=$B$10,7,0)+IF('Standard Profiles'!$G$21=$B$17,14,0)+IF('Standard Profiles'!$G$21=$B$24,21,0),0)),0)</f>
        <v>0</v>
      </c>
      <c r="H1455" cm="1">
        <f t="array" ref="H1455">IFERROR(INDEX(Jesper!AL$2:AL$366,ROUNDDOWN($C1455/24,0)+1,1)*INDEX($D$3:$AA$30,INDEX(Jesper!$R$2:$R$366,ROW(INDEX(Jesper!AL$2:AL$366,ROUNDDOWN($C1455/24,0)+1,1))-1)+IF('Standard Profiles'!$G$22=$B$10,7,0)+IF('Standard Profiles'!$G$22=$B$17,14,0)+IF('Standard Profiles'!$G$22=$B$24,21,0),MOD($C1455,24)+1)/SUM(INDEX($D$3:$AA$30,INDEX(Jesper!$R$2:$R$366,ROW(INDEX(Jesper!AL$2:AL$366,ROUNDDOWN($C1455/24,0)+1,1))-1)+IF('Standard Profiles'!$G$22=$B$10,7,0)+IF('Standard Profiles'!$G$22=$B$17,14,0)+IF('Standard Profiles'!$G$22=$B$24,21,0),0)),0)</f>
        <v>0</v>
      </c>
      <c r="I1455">
        <f t="shared" si="174"/>
        <v>0.28755831265138404</v>
      </c>
      <c r="J1455">
        <f t="shared" si="175"/>
        <v>0.95852770883794691</v>
      </c>
      <c r="K1455">
        <f t="shared" si="176"/>
        <v>1.4377915632569203</v>
      </c>
      <c r="L1455">
        <f t="shared" si="177"/>
        <v>6.9013995036332174</v>
      </c>
      <c r="M1455">
        <f t="shared" si="178"/>
        <v>0</v>
      </c>
      <c r="N1455" s="46">
        <f t="shared" si="179"/>
        <v>45351.208333329887</v>
      </c>
    </row>
    <row r="1456" spans="2:14" x14ac:dyDescent="0.3">
      <c r="B1456">
        <f t="shared" si="173"/>
        <v>4</v>
      </c>
      <c r="C1456" s="16">
        <v>1422</v>
      </c>
      <c r="D1456" cm="1">
        <f t="array" ref="D1456">IFERROR(INDEX(Jesper!AH$2:AH$366,ROUNDDOWN($C1456/24,0)+1,1)*INDEX($D$3:$AA$30,INDEX(Jesper!$R$2:$R$366,ROW(INDEX(Jesper!AH$2:AH$366,ROUNDDOWN($C1456/24,0)+1,1))-1)+IF('Standard Profiles'!$G$18=$B$10,7,0)+IF('Standard Profiles'!$G$18=$B$17,14,0)+IF('Standard Profiles'!$G$18=$B$24,21,0),MOD($C1456,24)+1)/SUM(INDEX($D$3:$AA$30,INDEX(Jesper!$R$2:$R$366,ROW(INDEX(Jesper!AH$2:AH$366,ROUNDDOWN($C1456/24,0)+1,1))-1)+IF('Standard Profiles'!$G$18=$B$10,7,0)+IF('Standard Profiles'!$G$18=$B$17,14,0)+IF('Standard Profiles'!$G$18=$B$24,21,0),0)),0)</f>
        <v>11.072647671059041</v>
      </c>
      <c r="E1456" cm="1">
        <f t="array" ref="E1456">IFERROR(INDEX(Jesper!AI$2:AI$366,ROUNDDOWN($C1456/24,0)+1,1)*INDEX($D$3:$AA$30,INDEX(Jesper!$R$2:$R$366,ROW(INDEX(Jesper!AI$2:AI$366,ROUNDDOWN($C1456/24,0)+1,1))-1)+IF('Standard Profiles'!$G$19=$B$10,7,0)+IF('Standard Profiles'!$G$19=$B$17,14,0)+IF('Standard Profiles'!$G$19=$B$24,21,0),MOD($C1456,24)+1)/SUM(INDEX($D$3:$AA$30,INDEX(Jesper!$R$2:$R$366,ROW(INDEX(Jesper!AI$2:AI$366,ROUNDDOWN($C1456/24,0)+1,1))-1)+IF('Standard Profiles'!$G$19=$B$10,7,0)+IF('Standard Profiles'!$G$19=$B$17,14,0)+IF('Standard Profiles'!$G$19=$B$24,21,0),0)),0)</f>
        <v>0</v>
      </c>
      <c r="F1456" cm="1">
        <f t="array" ref="F1456">IFERROR(INDEX(Jesper!AJ$2:AJ$366,ROUNDDOWN($C1456/24,0)+1,1)*INDEX($D$3:$AA$30,INDEX(Jesper!$R$2:$R$366,ROW(INDEX(Jesper!AJ$2:AJ$366,ROUNDDOWN($C1456/24,0)+1,1))-1)+IF('Standard Profiles'!$G$20=$B$10,7,0)+IF('Standard Profiles'!$G$20=$B$17,14,0)+IF('Standard Profiles'!$G$20=$B$24,21,0),MOD($C1456,24)+1)/SUM(INDEX($D$3:$AA$30,INDEX(Jesper!$R$2:$R$366,ROW(INDEX(Jesper!AJ$2:AJ$366,ROUNDDOWN($C1456/24,0)+1,1))-1)+IF('Standard Profiles'!$G$20=$B$10,7,0)+IF('Standard Profiles'!$G$20=$B$17,14,0)+IF('Standard Profiles'!$G$20=$B$24,21,0),0)),0)</f>
        <v>0</v>
      </c>
      <c r="G1456" cm="1">
        <f t="array" ref="G1456">IFERROR(INDEX(Jesper!AK$2:AK$366,ROUNDDOWN($C1456/24,0)+1,1)*INDEX($D$3:$AA$30,INDEX(Jesper!$R$2:$R$366,ROW(INDEX(Jesper!AK$2:AK$366,ROUNDDOWN($C1456/24,0)+1,1))-1)+IF('Standard Profiles'!$G$21=$B$10,7,0)+IF('Standard Profiles'!$G$21=$B$17,14,0)+IF('Standard Profiles'!$G$21=$B$24,21,0),MOD($C1456,24)+1)/SUM(INDEX($D$3:$AA$30,INDEX(Jesper!$R$2:$R$366,ROW(INDEX(Jesper!AK$2:AK$366,ROUNDDOWN($C1456/24,0)+1,1))-1)+IF('Standard Profiles'!$G$21=$B$10,7,0)+IF('Standard Profiles'!$G$21=$B$17,14,0)+IF('Standard Profiles'!$G$21=$B$24,21,0),0)),0)</f>
        <v>0</v>
      </c>
      <c r="H1456" cm="1">
        <f t="array" ref="H1456">IFERROR(INDEX(Jesper!AL$2:AL$366,ROUNDDOWN($C1456/24,0)+1,1)*INDEX($D$3:$AA$30,INDEX(Jesper!$R$2:$R$366,ROW(INDEX(Jesper!AL$2:AL$366,ROUNDDOWN($C1456/24,0)+1,1))-1)+IF('Standard Profiles'!$G$22=$B$10,7,0)+IF('Standard Profiles'!$G$22=$B$17,14,0)+IF('Standard Profiles'!$G$22=$B$24,21,0),MOD($C1456,24)+1)/SUM(INDEX($D$3:$AA$30,INDEX(Jesper!$R$2:$R$366,ROW(INDEX(Jesper!AL$2:AL$366,ROUNDDOWN($C1456/24,0)+1,1))-1)+IF('Standard Profiles'!$G$22=$B$10,7,0)+IF('Standard Profiles'!$G$22=$B$17,14,0)+IF('Standard Profiles'!$G$22=$B$24,21,0),0)),0)</f>
        <v>0</v>
      </c>
      <c r="I1456">
        <f t="shared" si="174"/>
        <v>0.3321794301317712</v>
      </c>
      <c r="J1456">
        <f t="shared" si="175"/>
        <v>1.1072647671059042</v>
      </c>
      <c r="K1456">
        <f t="shared" si="176"/>
        <v>1.6608971506588561</v>
      </c>
      <c r="L1456">
        <f t="shared" si="177"/>
        <v>7.9723063231625098</v>
      </c>
      <c r="M1456">
        <f t="shared" si="178"/>
        <v>0</v>
      </c>
      <c r="N1456" s="46">
        <f t="shared" si="179"/>
        <v>45351.249999996551</v>
      </c>
    </row>
    <row r="1457" spans="2:14" x14ac:dyDescent="0.3">
      <c r="B1457">
        <f t="shared" si="173"/>
        <v>4</v>
      </c>
      <c r="C1457" s="16">
        <v>1423</v>
      </c>
      <c r="D1457" cm="1">
        <f t="array" ref="D1457">IFERROR(INDEX(Jesper!AH$2:AH$366,ROUNDDOWN($C1457/24,0)+1,1)*INDEX($D$3:$AA$30,INDEX(Jesper!$R$2:$R$366,ROW(INDEX(Jesper!AH$2:AH$366,ROUNDDOWN($C1457/24,0)+1,1))-1)+IF('Standard Profiles'!$G$18=$B$10,7,0)+IF('Standard Profiles'!$G$18=$B$17,14,0)+IF('Standard Profiles'!$G$18=$B$24,21,0),MOD($C1457,24)+1)/SUM(INDEX($D$3:$AA$30,INDEX(Jesper!$R$2:$R$366,ROW(INDEX(Jesper!AH$2:AH$366,ROUNDDOWN($C1457/24,0)+1,1))-1)+IF('Standard Profiles'!$G$18=$B$10,7,0)+IF('Standard Profiles'!$G$18=$B$17,14,0)+IF('Standard Profiles'!$G$18=$B$24,21,0),0)),0)</f>
        <v>11.072647671059041</v>
      </c>
      <c r="E1457" cm="1">
        <f t="array" ref="E1457">IFERROR(INDEX(Jesper!AI$2:AI$366,ROUNDDOWN($C1457/24,0)+1,1)*INDEX($D$3:$AA$30,INDEX(Jesper!$R$2:$R$366,ROW(INDEX(Jesper!AI$2:AI$366,ROUNDDOWN($C1457/24,0)+1,1))-1)+IF('Standard Profiles'!$G$19=$B$10,7,0)+IF('Standard Profiles'!$G$19=$B$17,14,0)+IF('Standard Profiles'!$G$19=$B$24,21,0),MOD($C1457,24)+1)/SUM(INDEX($D$3:$AA$30,INDEX(Jesper!$R$2:$R$366,ROW(INDEX(Jesper!AI$2:AI$366,ROUNDDOWN($C1457/24,0)+1,1))-1)+IF('Standard Profiles'!$G$19=$B$10,7,0)+IF('Standard Profiles'!$G$19=$B$17,14,0)+IF('Standard Profiles'!$G$19=$B$24,21,0),0)),0)</f>
        <v>0</v>
      </c>
      <c r="F1457" cm="1">
        <f t="array" ref="F1457">IFERROR(INDEX(Jesper!AJ$2:AJ$366,ROUNDDOWN($C1457/24,0)+1,1)*INDEX($D$3:$AA$30,INDEX(Jesper!$R$2:$R$366,ROW(INDEX(Jesper!AJ$2:AJ$366,ROUNDDOWN($C1457/24,0)+1,1))-1)+IF('Standard Profiles'!$G$20=$B$10,7,0)+IF('Standard Profiles'!$G$20=$B$17,14,0)+IF('Standard Profiles'!$G$20=$B$24,21,0),MOD($C1457,24)+1)/SUM(INDEX($D$3:$AA$30,INDEX(Jesper!$R$2:$R$366,ROW(INDEX(Jesper!AJ$2:AJ$366,ROUNDDOWN($C1457/24,0)+1,1))-1)+IF('Standard Profiles'!$G$20=$B$10,7,0)+IF('Standard Profiles'!$G$20=$B$17,14,0)+IF('Standard Profiles'!$G$20=$B$24,21,0),0)),0)</f>
        <v>0</v>
      </c>
      <c r="G1457" cm="1">
        <f t="array" ref="G1457">IFERROR(INDEX(Jesper!AK$2:AK$366,ROUNDDOWN($C1457/24,0)+1,1)*INDEX($D$3:$AA$30,INDEX(Jesper!$R$2:$R$366,ROW(INDEX(Jesper!AK$2:AK$366,ROUNDDOWN($C1457/24,0)+1,1))-1)+IF('Standard Profiles'!$G$21=$B$10,7,0)+IF('Standard Profiles'!$G$21=$B$17,14,0)+IF('Standard Profiles'!$G$21=$B$24,21,0),MOD($C1457,24)+1)/SUM(INDEX($D$3:$AA$30,INDEX(Jesper!$R$2:$R$366,ROW(INDEX(Jesper!AK$2:AK$366,ROUNDDOWN($C1457/24,0)+1,1))-1)+IF('Standard Profiles'!$G$21=$B$10,7,0)+IF('Standard Profiles'!$G$21=$B$17,14,0)+IF('Standard Profiles'!$G$21=$B$24,21,0),0)),0)</f>
        <v>0</v>
      </c>
      <c r="H1457" cm="1">
        <f t="array" ref="H1457">IFERROR(INDEX(Jesper!AL$2:AL$366,ROUNDDOWN($C1457/24,0)+1,1)*INDEX($D$3:$AA$30,INDEX(Jesper!$R$2:$R$366,ROW(INDEX(Jesper!AL$2:AL$366,ROUNDDOWN($C1457/24,0)+1,1))-1)+IF('Standard Profiles'!$G$22=$B$10,7,0)+IF('Standard Profiles'!$G$22=$B$17,14,0)+IF('Standard Profiles'!$G$22=$B$24,21,0),MOD($C1457,24)+1)/SUM(INDEX($D$3:$AA$30,INDEX(Jesper!$R$2:$R$366,ROW(INDEX(Jesper!AL$2:AL$366,ROUNDDOWN($C1457/24,0)+1,1))-1)+IF('Standard Profiles'!$G$22=$B$10,7,0)+IF('Standard Profiles'!$G$22=$B$17,14,0)+IF('Standard Profiles'!$G$22=$B$24,21,0),0)),0)</f>
        <v>0</v>
      </c>
      <c r="I1457">
        <f t="shared" si="174"/>
        <v>0.3321794301317712</v>
      </c>
      <c r="J1457">
        <f t="shared" si="175"/>
        <v>1.1072647671059042</v>
      </c>
      <c r="K1457">
        <f t="shared" si="176"/>
        <v>1.6608971506588561</v>
      </c>
      <c r="L1457">
        <f t="shared" si="177"/>
        <v>7.9723063231625098</v>
      </c>
      <c r="M1457">
        <f t="shared" si="178"/>
        <v>0</v>
      </c>
      <c r="N1457" s="46">
        <f t="shared" si="179"/>
        <v>45351.291666663215</v>
      </c>
    </row>
    <row r="1458" spans="2:14" x14ac:dyDescent="0.3">
      <c r="B1458">
        <f t="shared" si="173"/>
        <v>4</v>
      </c>
      <c r="C1458" s="16">
        <v>1424</v>
      </c>
      <c r="D1458" cm="1">
        <f t="array" ref="D1458">IFERROR(INDEX(Jesper!AH$2:AH$366,ROUNDDOWN($C1458/24,0)+1,1)*INDEX($D$3:$AA$30,INDEX(Jesper!$R$2:$R$366,ROW(INDEX(Jesper!AH$2:AH$366,ROUNDDOWN($C1458/24,0)+1,1))-1)+IF('Standard Profiles'!$G$18=$B$10,7,0)+IF('Standard Profiles'!$G$18=$B$17,14,0)+IF('Standard Profiles'!$G$18=$B$24,21,0),MOD($C1458,24)+1)/SUM(INDEX($D$3:$AA$30,INDEX(Jesper!$R$2:$R$366,ROW(INDEX(Jesper!AH$2:AH$366,ROUNDDOWN($C1458/24,0)+1,1))-1)+IF('Standard Profiles'!$G$18=$B$10,7,0)+IF('Standard Profiles'!$G$18=$B$17,14,0)+IF('Standard Profiles'!$G$18=$B$24,21,0),0)),0)</f>
        <v>11.072647671059041</v>
      </c>
      <c r="E1458" cm="1">
        <f t="array" ref="E1458">IFERROR(INDEX(Jesper!AI$2:AI$366,ROUNDDOWN($C1458/24,0)+1,1)*INDEX($D$3:$AA$30,INDEX(Jesper!$R$2:$R$366,ROW(INDEX(Jesper!AI$2:AI$366,ROUNDDOWN($C1458/24,0)+1,1))-1)+IF('Standard Profiles'!$G$19=$B$10,7,0)+IF('Standard Profiles'!$G$19=$B$17,14,0)+IF('Standard Profiles'!$G$19=$B$24,21,0),MOD($C1458,24)+1)/SUM(INDEX($D$3:$AA$30,INDEX(Jesper!$R$2:$R$366,ROW(INDEX(Jesper!AI$2:AI$366,ROUNDDOWN($C1458/24,0)+1,1))-1)+IF('Standard Profiles'!$G$19=$B$10,7,0)+IF('Standard Profiles'!$G$19=$B$17,14,0)+IF('Standard Profiles'!$G$19=$B$24,21,0),0)),0)</f>
        <v>0</v>
      </c>
      <c r="F1458" cm="1">
        <f t="array" ref="F1458">IFERROR(INDEX(Jesper!AJ$2:AJ$366,ROUNDDOWN($C1458/24,0)+1,1)*INDEX($D$3:$AA$30,INDEX(Jesper!$R$2:$R$366,ROW(INDEX(Jesper!AJ$2:AJ$366,ROUNDDOWN($C1458/24,0)+1,1))-1)+IF('Standard Profiles'!$G$20=$B$10,7,0)+IF('Standard Profiles'!$G$20=$B$17,14,0)+IF('Standard Profiles'!$G$20=$B$24,21,0),MOD($C1458,24)+1)/SUM(INDEX($D$3:$AA$30,INDEX(Jesper!$R$2:$R$366,ROW(INDEX(Jesper!AJ$2:AJ$366,ROUNDDOWN($C1458/24,0)+1,1))-1)+IF('Standard Profiles'!$G$20=$B$10,7,0)+IF('Standard Profiles'!$G$20=$B$17,14,0)+IF('Standard Profiles'!$G$20=$B$24,21,0),0)),0)</f>
        <v>0</v>
      </c>
      <c r="G1458" cm="1">
        <f t="array" ref="G1458">IFERROR(INDEX(Jesper!AK$2:AK$366,ROUNDDOWN($C1458/24,0)+1,1)*INDEX($D$3:$AA$30,INDEX(Jesper!$R$2:$R$366,ROW(INDEX(Jesper!AK$2:AK$366,ROUNDDOWN($C1458/24,0)+1,1))-1)+IF('Standard Profiles'!$G$21=$B$10,7,0)+IF('Standard Profiles'!$G$21=$B$17,14,0)+IF('Standard Profiles'!$G$21=$B$24,21,0),MOD($C1458,24)+1)/SUM(INDEX($D$3:$AA$30,INDEX(Jesper!$R$2:$R$366,ROW(INDEX(Jesper!AK$2:AK$366,ROUNDDOWN($C1458/24,0)+1,1))-1)+IF('Standard Profiles'!$G$21=$B$10,7,0)+IF('Standard Profiles'!$G$21=$B$17,14,0)+IF('Standard Profiles'!$G$21=$B$24,21,0),0)),0)</f>
        <v>0</v>
      </c>
      <c r="H1458" cm="1">
        <f t="array" ref="H1458">IFERROR(INDEX(Jesper!AL$2:AL$366,ROUNDDOWN($C1458/24,0)+1,1)*INDEX($D$3:$AA$30,INDEX(Jesper!$R$2:$R$366,ROW(INDEX(Jesper!AL$2:AL$366,ROUNDDOWN($C1458/24,0)+1,1))-1)+IF('Standard Profiles'!$G$22=$B$10,7,0)+IF('Standard Profiles'!$G$22=$B$17,14,0)+IF('Standard Profiles'!$G$22=$B$24,21,0),MOD($C1458,24)+1)/SUM(INDEX($D$3:$AA$30,INDEX(Jesper!$R$2:$R$366,ROW(INDEX(Jesper!AL$2:AL$366,ROUNDDOWN($C1458/24,0)+1,1))-1)+IF('Standard Profiles'!$G$22=$B$10,7,0)+IF('Standard Profiles'!$G$22=$B$17,14,0)+IF('Standard Profiles'!$G$22=$B$24,21,0),0)),0)</f>
        <v>0</v>
      </c>
      <c r="I1458">
        <f t="shared" si="174"/>
        <v>0.3321794301317712</v>
      </c>
      <c r="J1458">
        <f t="shared" si="175"/>
        <v>1.1072647671059042</v>
      </c>
      <c r="K1458">
        <f t="shared" si="176"/>
        <v>1.6608971506588561</v>
      </c>
      <c r="L1458">
        <f t="shared" si="177"/>
        <v>7.9723063231625098</v>
      </c>
      <c r="M1458">
        <f t="shared" si="178"/>
        <v>0</v>
      </c>
      <c r="N1458" s="46">
        <f t="shared" si="179"/>
        <v>45351.33333332988</v>
      </c>
    </row>
    <row r="1459" spans="2:14" x14ac:dyDescent="0.3">
      <c r="B1459">
        <f t="shared" si="173"/>
        <v>4</v>
      </c>
      <c r="C1459" s="16">
        <v>1425</v>
      </c>
      <c r="D1459" cm="1">
        <f t="array" ref="D1459">IFERROR(INDEX(Jesper!AH$2:AH$366,ROUNDDOWN($C1459/24,0)+1,1)*INDEX($D$3:$AA$30,INDEX(Jesper!$R$2:$R$366,ROW(INDEX(Jesper!AH$2:AH$366,ROUNDDOWN($C1459/24,0)+1,1))-1)+IF('Standard Profiles'!$G$18=$B$10,7,0)+IF('Standard Profiles'!$G$18=$B$17,14,0)+IF('Standard Profiles'!$G$18=$B$24,21,0),MOD($C1459,24)+1)/SUM(INDEX($D$3:$AA$30,INDEX(Jesper!$R$2:$R$366,ROW(INDEX(Jesper!AH$2:AH$366,ROUNDDOWN($C1459/24,0)+1,1))-1)+IF('Standard Profiles'!$G$18=$B$10,7,0)+IF('Standard Profiles'!$G$18=$B$17,14,0)+IF('Standard Profiles'!$G$18=$B$24,21,0),0)),0)</f>
        <v>11.898964661436581</v>
      </c>
      <c r="E1459" cm="1">
        <f t="array" ref="E1459">IFERROR(INDEX(Jesper!AI$2:AI$366,ROUNDDOWN($C1459/24,0)+1,1)*INDEX($D$3:$AA$30,INDEX(Jesper!$R$2:$R$366,ROW(INDEX(Jesper!AI$2:AI$366,ROUNDDOWN($C1459/24,0)+1,1))-1)+IF('Standard Profiles'!$G$19=$B$10,7,0)+IF('Standard Profiles'!$G$19=$B$17,14,0)+IF('Standard Profiles'!$G$19=$B$24,21,0),MOD($C1459,24)+1)/SUM(INDEX($D$3:$AA$30,INDEX(Jesper!$R$2:$R$366,ROW(INDEX(Jesper!AI$2:AI$366,ROUNDDOWN($C1459/24,0)+1,1))-1)+IF('Standard Profiles'!$G$19=$B$10,7,0)+IF('Standard Profiles'!$G$19=$B$17,14,0)+IF('Standard Profiles'!$G$19=$B$24,21,0),0)),0)</f>
        <v>0</v>
      </c>
      <c r="F1459" cm="1">
        <f t="array" ref="F1459">IFERROR(INDEX(Jesper!AJ$2:AJ$366,ROUNDDOWN($C1459/24,0)+1,1)*INDEX($D$3:$AA$30,INDEX(Jesper!$R$2:$R$366,ROW(INDEX(Jesper!AJ$2:AJ$366,ROUNDDOWN($C1459/24,0)+1,1))-1)+IF('Standard Profiles'!$G$20=$B$10,7,0)+IF('Standard Profiles'!$G$20=$B$17,14,0)+IF('Standard Profiles'!$G$20=$B$24,21,0),MOD($C1459,24)+1)/SUM(INDEX($D$3:$AA$30,INDEX(Jesper!$R$2:$R$366,ROW(INDEX(Jesper!AJ$2:AJ$366,ROUNDDOWN($C1459/24,0)+1,1))-1)+IF('Standard Profiles'!$G$20=$B$10,7,0)+IF('Standard Profiles'!$G$20=$B$17,14,0)+IF('Standard Profiles'!$G$20=$B$24,21,0),0)),0)</f>
        <v>0</v>
      </c>
      <c r="G1459" cm="1">
        <f t="array" ref="G1459">IFERROR(INDEX(Jesper!AK$2:AK$366,ROUNDDOWN($C1459/24,0)+1,1)*INDEX($D$3:$AA$30,INDEX(Jesper!$R$2:$R$366,ROW(INDEX(Jesper!AK$2:AK$366,ROUNDDOWN($C1459/24,0)+1,1))-1)+IF('Standard Profiles'!$G$21=$B$10,7,0)+IF('Standard Profiles'!$G$21=$B$17,14,0)+IF('Standard Profiles'!$G$21=$B$24,21,0),MOD($C1459,24)+1)/SUM(INDEX($D$3:$AA$30,INDEX(Jesper!$R$2:$R$366,ROW(INDEX(Jesper!AK$2:AK$366,ROUNDDOWN($C1459/24,0)+1,1))-1)+IF('Standard Profiles'!$G$21=$B$10,7,0)+IF('Standard Profiles'!$G$21=$B$17,14,0)+IF('Standard Profiles'!$G$21=$B$24,21,0),0)),0)</f>
        <v>0</v>
      </c>
      <c r="H1459" cm="1">
        <f t="array" ref="H1459">IFERROR(INDEX(Jesper!AL$2:AL$366,ROUNDDOWN($C1459/24,0)+1,1)*INDEX($D$3:$AA$30,INDEX(Jesper!$R$2:$R$366,ROW(INDEX(Jesper!AL$2:AL$366,ROUNDDOWN($C1459/24,0)+1,1))-1)+IF('Standard Profiles'!$G$22=$B$10,7,0)+IF('Standard Profiles'!$G$22=$B$17,14,0)+IF('Standard Profiles'!$G$22=$B$24,21,0),MOD($C1459,24)+1)/SUM(INDEX($D$3:$AA$30,INDEX(Jesper!$R$2:$R$366,ROW(INDEX(Jesper!AL$2:AL$366,ROUNDDOWN($C1459/24,0)+1,1))-1)+IF('Standard Profiles'!$G$22=$B$10,7,0)+IF('Standard Profiles'!$G$22=$B$17,14,0)+IF('Standard Profiles'!$G$22=$B$24,21,0),0)),0)</f>
        <v>0</v>
      </c>
      <c r="I1459">
        <f t="shared" si="174"/>
        <v>0.35696893984309741</v>
      </c>
      <c r="J1459">
        <f t="shared" si="175"/>
        <v>1.1898964661436582</v>
      </c>
      <c r="K1459">
        <f t="shared" si="176"/>
        <v>1.7848446992154872</v>
      </c>
      <c r="L1459">
        <f t="shared" si="177"/>
        <v>8.5672545562343387</v>
      </c>
      <c r="M1459">
        <f t="shared" si="178"/>
        <v>0</v>
      </c>
      <c r="N1459" s="46">
        <f t="shared" si="179"/>
        <v>45351.374999996544</v>
      </c>
    </row>
    <row r="1460" spans="2:14" x14ac:dyDescent="0.3">
      <c r="B1460">
        <f t="shared" si="173"/>
        <v>4</v>
      </c>
      <c r="C1460" s="16">
        <v>1426</v>
      </c>
      <c r="D1460" cm="1">
        <f t="array" ref="D1460">IFERROR(INDEX(Jesper!AH$2:AH$366,ROUNDDOWN($C1460/24,0)+1,1)*INDEX($D$3:$AA$30,INDEX(Jesper!$R$2:$R$366,ROW(INDEX(Jesper!AH$2:AH$366,ROUNDDOWN($C1460/24,0)+1,1))-1)+IF('Standard Profiles'!$G$18=$B$10,7,0)+IF('Standard Profiles'!$G$18=$B$17,14,0)+IF('Standard Profiles'!$G$18=$B$24,21,0),MOD($C1460,24)+1)/SUM(INDEX($D$3:$AA$30,INDEX(Jesper!$R$2:$R$366,ROW(INDEX(Jesper!AH$2:AH$366,ROUNDDOWN($C1460/24,0)+1,1))-1)+IF('Standard Profiles'!$G$18=$B$10,7,0)+IF('Standard Profiles'!$G$18=$B$17,14,0)+IF('Standard Profiles'!$G$18=$B$24,21,0),0)),0)</f>
        <v>12.890545049889631</v>
      </c>
      <c r="E1460" cm="1">
        <f t="array" ref="E1460">IFERROR(INDEX(Jesper!AI$2:AI$366,ROUNDDOWN($C1460/24,0)+1,1)*INDEX($D$3:$AA$30,INDEX(Jesper!$R$2:$R$366,ROW(INDEX(Jesper!AI$2:AI$366,ROUNDDOWN($C1460/24,0)+1,1))-1)+IF('Standard Profiles'!$G$19=$B$10,7,0)+IF('Standard Profiles'!$G$19=$B$17,14,0)+IF('Standard Profiles'!$G$19=$B$24,21,0),MOD($C1460,24)+1)/SUM(INDEX($D$3:$AA$30,INDEX(Jesper!$R$2:$R$366,ROW(INDEX(Jesper!AI$2:AI$366,ROUNDDOWN($C1460/24,0)+1,1))-1)+IF('Standard Profiles'!$G$19=$B$10,7,0)+IF('Standard Profiles'!$G$19=$B$17,14,0)+IF('Standard Profiles'!$G$19=$B$24,21,0),0)),0)</f>
        <v>0</v>
      </c>
      <c r="F1460" cm="1">
        <f t="array" ref="F1460">IFERROR(INDEX(Jesper!AJ$2:AJ$366,ROUNDDOWN($C1460/24,0)+1,1)*INDEX($D$3:$AA$30,INDEX(Jesper!$R$2:$R$366,ROW(INDEX(Jesper!AJ$2:AJ$366,ROUNDDOWN($C1460/24,0)+1,1))-1)+IF('Standard Profiles'!$G$20=$B$10,7,0)+IF('Standard Profiles'!$G$20=$B$17,14,0)+IF('Standard Profiles'!$G$20=$B$24,21,0),MOD($C1460,24)+1)/SUM(INDEX($D$3:$AA$30,INDEX(Jesper!$R$2:$R$366,ROW(INDEX(Jesper!AJ$2:AJ$366,ROUNDDOWN($C1460/24,0)+1,1))-1)+IF('Standard Profiles'!$G$20=$B$10,7,0)+IF('Standard Profiles'!$G$20=$B$17,14,0)+IF('Standard Profiles'!$G$20=$B$24,21,0),0)),0)</f>
        <v>0</v>
      </c>
      <c r="G1460" cm="1">
        <f t="array" ref="G1460">IFERROR(INDEX(Jesper!AK$2:AK$366,ROUNDDOWN($C1460/24,0)+1,1)*INDEX($D$3:$AA$30,INDEX(Jesper!$R$2:$R$366,ROW(INDEX(Jesper!AK$2:AK$366,ROUNDDOWN($C1460/24,0)+1,1))-1)+IF('Standard Profiles'!$G$21=$B$10,7,0)+IF('Standard Profiles'!$G$21=$B$17,14,0)+IF('Standard Profiles'!$G$21=$B$24,21,0),MOD($C1460,24)+1)/SUM(INDEX($D$3:$AA$30,INDEX(Jesper!$R$2:$R$366,ROW(INDEX(Jesper!AK$2:AK$366,ROUNDDOWN($C1460/24,0)+1,1))-1)+IF('Standard Profiles'!$G$21=$B$10,7,0)+IF('Standard Profiles'!$G$21=$B$17,14,0)+IF('Standard Profiles'!$G$21=$B$24,21,0),0)),0)</f>
        <v>0</v>
      </c>
      <c r="H1460" cm="1">
        <f t="array" ref="H1460">IFERROR(INDEX(Jesper!AL$2:AL$366,ROUNDDOWN($C1460/24,0)+1,1)*INDEX($D$3:$AA$30,INDEX(Jesper!$R$2:$R$366,ROW(INDEX(Jesper!AL$2:AL$366,ROUNDDOWN($C1460/24,0)+1,1))-1)+IF('Standard Profiles'!$G$22=$B$10,7,0)+IF('Standard Profiles'!$G$22=$B$17,14,0)+IF('Standard Profiles'!$G$22=$B$24,21,0),MOD($C1460,24)+1)/SUM(INDEX($D$3:$AA$30,INDEX(Jesper!$R$2:$R$366,ROW(INDEX(Jesper!AL$2:AL$366,ROUNDDOWN($C1460/24,0)+1,1))-1)+IF('Standard Profiles'!$G$22=$B$10,7,0)+IF('Standard Profiles'!$G$22=$B$17,14,0)+IF('Standard Profiles'!$G$22=$B$24,21,0),0)),0)</f>
        <v>0</v>
      </c>
      <c r="I1460">
        <f t="shared" si="174"/>
        <v>0.38671635149668893</v>
      </c>
      <c r="J1460">
        <f t="shared" si="175"/>
        <v>1.2890545049889632</v>
      </c>
      <c r="K1460">
        <f t="shared" si="176"/>
        <v>1.9335817574834446</v>
      </c>
      <c r="L1460">
        <f t="shared" si="177"/>
        <v>9.2811924359205342</v>
      </c>
      <c r="M1460">
        <f t="shared" si="178"/>
        <v>0</v>
      </c>
      <c r="N1460" s="46">
        <f t="shared" si="179"/>
        <v>45351.416666663208</v>
      </c>
    </row>
    <row r="1461" spans="2:14" x14ac:dyDescent="0.3">
      <c r="B1461">
        <f t="shared" si="173"/>
        <v>4</v>
      </c>
      <c r="C1461" s="16">
        <v>1427</v>
      </c>
      <c r="D1461" cm="1">
        <f t="array" ref="D1461">IFERROR(INDEX(Jesper!AH$2:AH$366,ROUNDDOWN($C1461/24,0)+1,1)*INDEX($D$3:$AA$30,INDEX(Jesper!$R$2:$R$366,ROW(INDEX(Jesper!AH$2:AH$366,ROUNDDOWN($C1461/24,0)+1,1))-1)+IF('Standard Profiles'!$G$18=$B$10,7,0)+IF('Standard Profiles'!$G$18=$B$17,14,0)+IF('Standard Profiles'!$G$18=$B$24,21,0),MOD($C1461,24)+1)/SUM(INDEX($D$3:$AA$30,INDEX(Jesper!$R$2:$R$366,ROW(INDEX(Jesper!AH$2:AH$366,ROUNDDOWN($C1461/24,0)+1,1))-1)+IF('Standard Profiles'!$G$18=$B$10,7,0)+IF('Standard Profiles'!$G$18=$B$17,14,0)+IF('Standard Profiles'!$G$18=$B$24,21,0),0)),0)</f>
        <v>14.873705826795726</v>
      </c>
      <c r="E1461" cm="1">
        <f t="array" ref="E1461">IFERROR(INDEX(Jesper!AI$2:AI$366,ROUNDDOWN($C1461/24,0)+1,1)*INDEX($D$3:$AA$30,INDEX(Jesper!$R$2:$R$366,ROW(INDEX(Jesper!AI$2:AI$366,ROUNDDOWN($C1461/24,0)+1,1))-1)+IF('Standard Profiles'!$G$19=$B$10,7,0)+IF('Standard Profiles'!$G$19=$B$17,14,0)+IF('Standard Profiles'!$G$19=$B$24,21,0),MOD($C1461,24)+1)/SUM(INDEX($D$3:$AA$30,INDEX(Jesper!$R$2:$R$366,ROW(INDEX(Jesper!AI$2:AI$366,ROUNDDOWN($C1461/24,0)+1,1))-1)+IF('Standard Profiles'!$G$19=$B$10,7,0)+IF('Standard Profiles'!$G$19=$B$17,14,0)+IF('Standard Profiles'!$G$19=$B$24,21,0),0)),0)</f>
        <v>0</v>
      </c>
      <c r="F1461" cm="1">
        <f t="array" ref="F1461">IFERROR(INDEX(Jesper!AJ$2:AJ$366,ROUNDDOWN($C1461/24,0)+1,1)*INDEX($D$3:$AA$30,INDEX(Jesper!$R$2:$R$366,ROW(INDEX(Jesper!AJ$2:AJ$366,ROUNDDOWN($C1461/24,0)+1,1))-1)+IF('Standard Profiles'!$G$20=$B$10,7,0)+IF('Standard Profiles'!$G$20=$B$17,14,0)+IF('Standard Profiles'!$G$20=$B$24,21,0),MOD($C1461,24)+1)/SUM(INDEX($D$3:$AA$30,INDEX(Jesper!$R$2:$R$366,ROW(INDEX(Jesper!AJ$2:AJ$366,ROUNDDOWN($C1461/24,0)+1,1))-1)+IF('Standard Profiles'!$G$20=$B$10,7,0)+IF('Standard Profiles'!$G$20=$B$17,14,0)+IF('Standard Profiles'!$G$20=$B$24,21,0),0)),0)</f>
        <v>0</v>
      </c>
      <c r="G1461" cm="1">
        <f t="array" ref="G1461">IFERROR(INDEX(Jesper!AK$2:AK$366,ROUNDDOWN($C1461/24,0)+1,1)*INDEX($D$3:$AA$30,INDEX(Jesper!$R$2:$R$366,ROW(INDEX(Jesper!AK$2:AK$366,ROUNDDOWN($C1461/24,0)+1,1))-1)+IF('Standard Profiles'!$G$21=$B$10,7,0)+IF('Standard Profiles'!$G$21=$B$17,14,0)+IF('Standard Profiles'!$G$21=$B$24,21,0),MOD($C1461,24)+1)/SUM(INDEX($D$3:$AA$30,INDEX(Jesper!$R$2:$R$366,ROW(INDEX(Jesper!AK$2:AK$366,ROUNDDOWN($C1461/24,0)+1,1))-1)+IF('Standard Profiles'!$G$21=$B$10,7,0)+IF('Standard Profiles'!$G$21=$B$17,14,0)+IF('Standard Profiles'!$G$21=$B$24,21,0),0)),0)</f>
        <v>0</v>
      </c>
      <c r="H1461" cm="1">
        <f t="array" ref="H1461">IFERROR(INDEX(Jesper!AL$2:AL$366,ROUNDDOWN($C1461/24,0)+1,1)*INDEX($D$3:$AA$30,INDEX(Jesper!$R$2:$R$366,ROW(INDEX(Jesper!AL$2:AL$366,ROUNDDOWN($C1461/24,0)+1,1))-1)+IF('Standard Profiles'!$G$22=$B$10,7,0)+IF('Standard Profiles'!$G$22=$B$17,14,0)+IF('Standard Profiles'!$G$22=$B$24,21,0),MOD($C1461,24)+1)/SUM(INDEX($D$3:$AA$30,INDEX(Jesper!$R$2:$R$366,ROW(INDEX(Jesper!AL$2:AL$366,ROUNDDOWN($C1461/24,0)+1,1))-1)+IF('Standard Profiles'!$G$22=$B$10,7,0)+IF('Standard Profiles'!$G$22=$B$17,14,0)+IF('Standard Profiles'!$G$22=$B$24,21,0),0)),0)</f>
        <v>0</v>
      </c>
      <c r="I1461">
        <f t="shared" si="174"/>
        <v>0.44621117480387179</v>
      </c>
      <c r="J1461">
        <f t="shared" si="175"/>
        <v>1.4873705826795727</v>
      </c>
      <c r="K1461">
        <f t="shared" si="176"/>
        <v>2.2310558740193587</v>
      </c>
      <c r="L1461">
        <f t="shared" si="177"/>
        <v>10.709068195292922</v>
      </c>
      <c r="M1461">
        <f t="shared" si="178"/>
        <v>0</v>
      </c>
      <c r="N1461" s="46">
        <f t="shared" si="179"/>
        <v>45351.458333329872</v>
      </c>
    </row>
    <row r="1462" spans="2:14" x14ac:dyDescent="0.3">
      <c r="B1462">
        <f t="shared" si="173"/>
        <v>4</v>
      </c>
      <c r="C1462" s="16">
        <v>1428</v>
      </c>
      <c r="D1462" cm="1">
        <f t="array" ref="D1462">IFERROR(INDEX(Jesper!AH$2:AH$366,ROUNDDOWN($C1462/24,0)+1,1)*INDEX($D$3:$AA$30,INDEX(Jesper!$R$2:$R$366,ROW(INDEX(Jesper!AH$2:AH$366,ROUNDDOWN($C1462/24,0)+1,1))-1)+IF('Standard Profiles'!$G$18=$B$10,7,0)+IF('Standard Profiles'!$G$18=$B$17,14,0)+IF('Standard Profiles'!$G$18=$B$24,21,0),MOD($C1462,24)+1)/SUM(INDEX($D$3:$AA$30,INDEX(Jesper!$R$2:$R$366,ROW(INDEX(Jesper!AH$2:AH$366,ROUNDDOWN($C1462/24,0)+1,1))-1)+IF('Standard Profiles'!$G$18=$B$10,7,0)+IF('Standard Profiles'!$G$18=$B$17,14,0)+IF('Standard Profiles'!$G$18=$B$24,21,0),0)),0)</f>
        <v>14.873705826795726</v>
      </c>
      <c r="E1462" cm="1">
        <f t="array" ref="E1462">IFERROR(INDEX(Jesper!AI$2:AI$366,ROUNDDOWN($C1462/24,0)+1,1)*INDEX($D$3:$AA$30,INDEX(Jesper!$R$2:$R$366,ROW(INDEX(Jesper!AI$2:AI$366,ROUNDDOWN($C1462/24,0)+1,1))-1)+IF('Standard Profiles'!$G$19=$B$10,7,0)+IF('Standard Profiles'!$G$19=$B$17,14,0)+IF('Standard Profiles'!$G$19=$B$24,21,0),MOD($C1462,24)+1)/SUM(INDEX($D$3:$AA$30,INDEX(Jesper!$R$2:$R$366,ROW(INDEX(Jesper!AI$2:AI$366,ROUNDDOWN($C1462/24,0)+1,1))-1)+IF('Standard Profiles'!$G$19=$B$10,7,0)+IF('Standard Profiles'!$G$19=$B$17,14,0)+IF('Standard Profiles'!$G$19=$B$24,21,0),0)),0)</f>
        <v>0</v>
      </c>
      <c r="F1462" cm="1">
        <f t="array" ref="F1462">IFERROR(INDEX(Jesper!AJ$2:AJ$366,ROUNDDOWN($C1462/24,0)+1,1)*INDEX($D$3:$AA$30,INDEX(Jesper!$R$2:$R$366,ROW(INDEX(Jesper!AJ$2:AJ$366,ROUNDDOWN($C1462/24,0)+1,1))-1)+IF('Standard Profiles'!$G$20=$B$10,7,0)+IF('Standard Profiles'!$G$20=$B$17,14,0)+IF('Standard Profiles'!$G$20=$B$24,21,0),MOD($C1462,24)+1)/SUM(INDEX($D$3:$AA$30,INDEX(Jesper!$R$2:$R$366,ROW(INDEX(Jesper!AJ$2:AJ$366,ROUNDDOWN($C1462/24,0)+1,1))-1)+IF('Standard Profiles'!$G$20=$B$10,7,0)+IF('Standard Profiles'!$G$20=$B$17,14,0)+IF('Standard Profiles'!$G$20=$B$24,21,0),0)),0)</f>
        <v>0</v>
      </c>
      <c r="G1462" cm="1">
        <f t="array" ref="G1462">IFERROR(INDEX(Jesper!AK$2:AK$366,ROUNDDOWN($C1462/24,0)+1,1)*INDEX($D$3:$AA$30,INDEX(Jesper!$R$2:$R$366,ROW(INDEX(Jesper!AK$2:AK$366,ROUNDDOWN($C1462/24,0)+1,1))-1)+IF('Standard Profiles'!$G$21=$B$10,7,0)+IF('Standard Profiles'!$G$21=$B$17,14,0)+IF('Standard Profiles'!$G$21=$B$24,21,0),MOD($C1462,24)+1)/SUM(INDEX($D$3:$AA$30,INDEX(Jesper!$R$2:$R$366,ROW(INDEX(Jesper!AK$2:AK$366,ROUNDDOWN($C1462/24,0)+1,1))-1)+IF('Standard Profiles'!$G$21=$B$10,7,0)+IF('Standard Profiles'!$G$21=$B$17,14,0)+IF('Standard Profiles'!$G$21=$B$24,21,0),0)),0)</f>
        <v>0</v>
      </c>
      <c r="H1462" cm="1">
        <f t="array" ref="H1462">IFERROR(INDEX(Jesper!AL$2:AL$366,ROUNDDOWN($C1462/24,0)+1,1)*INDEX($D$3:$AA$30,INDEX(Jesper!$R$2:$R$366,ROW(INDEX(Jesper!AL$2:AL$366,ROUNDDOWN($C1462/24,0)+1,1))-1)+IF('Standard Profiles'!$G$22=$B$10,7,0)+IF('Standard Profiles'!$G$22=$B$17,14,0)+IF('Standard Profiles'!$G$22=$B$24,21,0),MOD($C1462,24)+1)/SUM(INDEX($D$3:$AA$30,INDEX(Jesper!$R$2:$R$366,ROW(INDEX(Jesper!AL$2:AL$366,ROUNDDOWN($C1462/24,0)+1,1))-1)+IF('Standard Profiles'!$G$22=$B$10,7,0)+IF('Standard Profiles'!$G$22=$B$17,14,0)+IF('Standard Profiles'!$G$22=$B$24,21,0),0)),0)</f>
        <v>0</v>
      </c>
      <c r="I1462">
        <f t="shared" si="174"/>
        <v>0.44621117480387179</v>
      </c>
      <c r="J1462">
        <f t="shared" si="175"/>
        <v>1.4873705826795727</v>
      </c>
      <c r="K1462">
        <f t="shared" si="176"/>
        <v>2.2310558740193587</v>
      </c>
      <c r="L1462">
        <f t="shared" si="177"/>
        <v>10.709068195292922</v>
      </c>
      <c r="M1462">
        <f t="shared" si="178"/>
        <v>0</v>
      </c>
      <c r="N1462" s="46">
        <f t="shared" si="179"/>
        <v>45351.499999996537</v>
      </c>
    </row>
    <row r="1463" spans="2:14" x14ac:dyDescent="0.3">
      <c r="B1463">
        <f t="shared" si="173"/>
        <v>4</v>
      </c>
      <c r="C1463" s="16">
        <v>1429</v>
      </c>
      <c r="D1463" cm="1">
        <f t="array" ref="D1463">IFERROR(INDEX(Jesper!AH$2:AH$366,ROUNDDOWN($C1463/24,0)+1,1)*INDEX($D$3:$AA$30,INDEX(Jesper!$R$2:$R$366,ROW(INDEX(Jesper!AH$2:AH$366,ROUNDDOWN($C1463/24,0)+1,1))-1)+IF('Standard Profiles'!$G$18=$B$10,7,0)+IF('Standard Profiles'!$G$18=$B$17,14,0)+IF('Standard Profiles'!$G$18=$B$24,21,0),MOD($C1463,24)+1)/SUM(INDEX($D$3:$AA$30,INDEX(Jesper!$R$2:$R$366,ROW(INDEX(Jesper!AH$2:AH$366,ROUNDDOWN($C1463/24,0)+1,1))-1)+IF('Standard Profiles'!$G$18=$B$10,7,0)+IF('Standard Profiles'!$G$18=$B$17,14,0)+IF('Standard Profiles'!$G$18=$B$24,21,0),0)),0)</f>
        <v>14.873705826795726</v>
      </c>
      <c r="E1463" cm="1">
        <f t="array" ref="E1463">IFERROR(INDEX(Jesper!AI$2:AI$366,ROUNDDOWN($C1463/24,0)+1,1)*INDEX($D$3:$AA$30,INDEX(Jesper!$R$2:$R$366,ROW(INDEX(Jesper!AI$2:AI$366,ROUNDDOWN($C1463/24,0)+1,1))-1)+IF('Standard Profiles'!$G$19=$B$10,7,0)+IF('Standard Profiles'!$G$19=$B$17,14,0)+IF('Standard Profiles'!$G$19=$B$24,21,0),MOD($C1463,24)+1)/SUM(INDEX($D$3:$AA$30,INDEX(Jesper!$R$2:$R$366,ROW(INDEX(Jesper!AI$2:AI$366,ROUNDDOWN($C1463/24,0)+1,1))-1)+IF('Standard Profiles'!$G$19=$B$10,7,0)+IF('Standard Profiles'!$G$19=$B$17,14,0)+IF('Standard Profiles'!$G$19=$B$24,21,0),0)),0)</f>
        <v>0</v>
      </c>
      <c r="F1463" cm="1">
        <f t="array" ref="F1463">IFERROR(INDEX(Jesper!AJ$2:AJ$366,ROUNDDOWN($C1463/24,0)+1,1)*INDEX($D$3:$AA$30,INDEX(Jesper!$R$2:$R$366,ROW(INDEX(Jesper!AJ$2:AJ$366,ROUNDDOWN($C1463/24,0)+1,1))-1)+IF('Standard Profiles'!$G$20=$B$10,7,0)+IF('Standard Profiles'!$G$20=$B$17,14,0)+IF('Standard Profiles'!$G$20=$B$24,21,0),MOD($C1463,24)+1)/SUM(INDEX($D$3:$AA$30,INDEX(Jesper!$R$2:$R$366,ROW(INDEX(Jesper!AJ$2:AJ$366,ROUNDDOWN($C1463/24,0)+1,1))-1)+IF('Standard Profiles'!$G$20=$B$10,7,0)+IF('Standard Profiles'!$G$20=$B$17,14,0)+IF('Standard Profiles'!$G$20=$B$24,21,0),0)),0)</f>
        <v>0</v>
      </c>
      <c r="G1463" cm="1">
        <f t="array" ref="G1463">IFERROR(INDEX(Jesper!AK$2:AK$366,ROUNDDOWN($C1463/24,0)+1,1)*INDEX($D$3:$AA$30,INDEX(Jesper!$R$2:$R$366,ROW(INDEX(Jesper!AK$2:AK$366,ROUNDDOWN($C1463/24,0)+1,1))-1)+IF('Standard Profiles'!$G$21=$B$10,7,0)+IF('Standard Profiles'!$G$21=$B$17,14,0)+IF('Standard Profiles'!$G$21=$B$24,21,0),MOD($C1463,24)+1)/SUM(INDEX($D$3:$AA$30,INDEX(Jesper!$R$2:$R$366,ROW(INDEX(Jesper!AK$2:AK$366,ROUNDDOWN($C1463/24,0)+1,1))-1)+IF('Standard Profiles'!$G$21=$B$10,7,0)+IF('Standard Profiles'!$G$21=$B$17,14,0)+IF('Standard Profiles'!$G$21=$B$24,21,0),0)),0)</f>
        <v>0</v>
      </c>
      <c r="H1463" cm="1">
        <f t="array" ref="H1463">IFERROR(INDEX(Jesper!AL$2:AL$366,ROUNDDOWN($C1463/24,0)+1,1)*INDEX($D$3:$AA$30,INDEX(Jesper!$R$2:$R$366,ROW(INDEX(Jesper!AL$2:AL$366,ROUNDDOWN($C1463/24,0)+1,1))-1)+IF('Standard Profiles'!$G$22=$B$10,7,0)+IF('Standard Profiles'!$G$22=$B$17,14,0)+IF('Standard Profiles'!$G$22=$B$24,21,0),MOD($C1463,24)+1)/SUM(INDEX($D$3:$AA$30,INDEX(Jesper!$R$2:$R$366,ROW(INDEX(Jesper!AL$2:AL$366,ROUNDDOWN($C1463/24,0)+1,1))-1)+IF('Standard Profiles'!$G$22=$B$10,7,0)+IF('Standard Profiles'!$G$22=$B$17,14,0)+IF('Standard Profiles'!$G$22=$B$24,21,0),0)),0)</f>
        <v>0</v>
      </c>
      <c r="I1463">
        <f t="shared" si="174"/>
        <v>0.44621117480387179</v>
      </c>
      <c r="J1463">
        <f t="shared" si="175"/>
        <v>1.4873705826795727</v>
      </c>
      <c r="K1463">
        <f t="shared" si="176"/>
        <v>2.2310558740193587</v>
      </c>
      <c r="L1463">
        <f t="shared" si="177"/>
        <v>10.709068195292922</v>
      </c>
      <c r="M1463">
        <f t="shared" si="178"/>
        <v>0</v>
      </c>
      <c r="N1463" s="46">
        <f t="shared" si="179"/>
        <v>45351.541666663201</v>
      </c>
    </row>
    <row r="1464" spans="2:14" x14ac:dyDescent="0.3">
      <c r="B1464">
        <f t="shared" si="173"/>
        <v>4</v>
      </c>
      <c r="C1464" s="16">
        <v>1430</v>
      </c>
      <c r="D1464" cm="1">
        <f t="array" ref="D1464">IFERROR(INDEX(Jesper!AH$2:AH$366,ROUNDDOWN($C1464/24,0)+1,1)*INDEX($D$3:$AA$30,INDEX(Jesper!$R$2:$R$366,ROW(INDEX(Jesper!AH$2:AH$366,ROUNDDOWN($C1464/24,0)+1,1))-1)+IF('Standard Profiles'!$G$18=$B$10,7,0)+IF('Standard Profiles'!$G$18=$B$17,14,0)+IF('Standard Profiles'!$G$18=$B$24,21,0),MOD($C1464,24)+1)/SUM(INDEX($D$3:$AA$30,INDEX(Jesper!$R$2:$R$366,ROW(INDEX(Jesper!AH$2:AH$366,ROUNDDOWN($C1464/24,0)+1,1))-1)+IF('Standard Profiles'!$G$18=$B$10,7,0)+IF('Standard Profiles'!$G$18=$B$17,14,0)+IF('Standard Profiles'!$G$18=$B$24,21,0),0)),0)</f>
        <v>14.873705826795726</v>
      </c>
      <c r="E1464" cm="1">
        <f t="array" ref="E1464">IFERROR(INDEX(Jesper!AI$2:AI$366,ROUNDDOWN($C1464/24,0)+1,1)*INDEX($D$3:$AA$30,INDEX(Jesper!$R$2:$R$366,ROW(INDEX(Jesper!AI$2:AI$366,ROUNDDOWN($C1464/24,0)+1,1))-1)+IF('Standard Profiles'!$G$19=$B$10,7,0)+IF('Standard Profiles'!$G$19=$B$17,14,0)+IF('Standard Profiles'!$G$19=$B$24,21,0),MOD($C1464,24)+1)/SUM(INDEX($D$3:$AA$30,INDEX(Jesper!$R$2:$R$366,ROW(INDEX(Jesper!AI$2:AI$366,ROUNDDOWN($C1464/24,0)+1,1))-1)+IF('Standard Profiles'!$G$19=$B$10,7,0)+IF('Standard Profiles'!$G$19=$B$17,14,0)+IF('Standard Profiles'!$G$19=$B$24,21,0),0)),0)</f>
        <v>0</v>
      </c>
      <c r="F1464" cm="1">
        <f t="array" ref="F1464">IFERROR(INDEX(Jesper!AJ$2:AJ$366,ROUNDDOWN($C1464/24,0)+1,1)*INDEX($D$3:$AA$30,INDEX(Jesper!$R$2:$R$366,ROW(INDEX(Jesper!AJ$2:AJ$366,ROUNDDOWN($C1464/24,0)+1,1))-1)+IF('Standard Profiles'!$G$20=$B$10,7,0)+IF('Standard Profiles'!$G$20=$B$17,14,0)+IF('Standard Profiles'!$G$20=$B$24,21,0),MOD($C1464,24)+1)/SUM(INDEX($D$3:$AA$30,INDEX(Jesper!$R$2:$R$366,ROW(INDEX(Jesper!AJ$2:AJ$366,ROUNDDOWN($C1464/24,0)+1,1))-1)+IF('Standard Profiles'!$G$20=$B$10,7,0)+IF('Standard Profiles'!$G$20=$B$17,14,0)+IF('Standard Profiles'!$G$20=$B$24,21,0),0)),0)</f>
        <v>0</v>
      </c>
      <c r="G1464" cm="1">
        <f t="array" ref="G1464">IFERROR(INDEX(Jesper!AK$2:AK$366,ROUNDDOWN($C1464/24,0)+1,1)*INDEX($D$3:$AA$30,INDEX(Jesper!$R$2:$R$366,ROW(INDEX(Jesper!AK$2:AK$366,ROUNDDOWN($C1464/24,0)+1,1))-1)+IF('Standard Profiles'!$G$21=$B$10,7,0)+IF('Standard Profiles'!$G$21=$B$17,14,0)+IF('Standard Profiles'!$G$21=$B$24,21,0),MOD($C1464,24)+1)/SUM(INDEX($D$3:$AA$30,INDEX(Jesper!$R$2:$R$366,ROW(INDEX(Jesper!AK$2:AK$366,ROUNDDOWN($C1464/24,0)+1,1))-1)+IF('Standard Profiles'!$G$21=$B$10,7,0)+IF('Standard Profiles'!$G$21=$B$17,14,0)+IF('Standard Profiles'!$G$21=$B$24,21,0),0)),0)</f>
        <v>0</v>
      </c>
      <c r="H1464" cm="1">
        <f t="array" ref="H1464">IFERROR(INDEX(Jesper!AL$2:AL$366,ROUNDDOWN($C1464/24,0)+1,1)*INDEX($D$3:$AA$30,INDEX(Jesper!$R$2:$R$366,ROW(INDEX(Jesper!AL$2:AL$366,ROUNDDOWN($C1464/24,0)+1,1))-1)+IF('Standard Profiles'!$G$22=$B$10,7,0)+IF('Standard Profiles'!$G$22=$B$17,14,0)+IF('Standard Profiles'!$G$22=$B$24,21,0),MOD($C1464,24)+1)/SUM(INDEX($D$3:$AA$30,INDEX(Jesper!$R$2:$R$366,ROW(INDEX(Jesper!AL$2:AL$366,ROUNDDOWN($C1464/24,0)+1,1))-1)+IF('Standard Profiles'!$G$22=$B$10,7,0)+IF('Standard Profiles'!$G$22=$B$17,14,0)+IF('Standard Profiles'!$G$22=$B$24,21,0),0)),0)</f>
        <v>0</v>
      </c>
      <c r="I1464">
        <f t="shared" si="174"/>
        <v>0.44621117480387179</v>
      </c>
      <c r="J1464">
        <f t="shared" si="175"/>
        <v>1.4873705826795727</v>
      </c>
      <c r="K1464">
        <f t="shared" si="176"/>
        <v>2.2310558740193587</v>
      </c>
      <c r="L1464">
        <f t="shared" si="177"/>
        <v>10.709068195292922</v>
      </c>
      <c r="M1464">
        <f t="shared" si="178"/>
        <v>0</v>
      </c>
      <c r="N1464" s="46">
        <f t="shared" si="179"/>
        <v>45351.583333329865</v>
      </c>
    </row>
    <row r="1465" spans="2:14" x14ac:dyDescent="0.3">
      <c r="B1465">
        <f t="shared" si="173"/>
        <v>4</v>
      </c>
      <c r="C1465" s="16">
        <v>1431</v>
      </c>
      <c r="D1465" cm="1">
        <f t="array" ref="D1465">IFERROR(INDEX(Jesper!AH$2:AH$366,ROUNDDOWN($C1465/24,0)+1,1)*INDEX($D$3:$AA$30,INDEX(Jesper!$R$2:$R$366,ROW(INDEX(Jesper!AH$2:AH$366,ROUNDDOWN($C1465/24,0)+1,1))-1)+IF('Standard Profiles'!$G$18=$B$10,7,0)+IF('Standard Profiles'!$G$18=$B$17,14,0)+IF('Standard Profiles'!$G$18=$B$24,21,0),MOD($C1465,24)+1)/SUM(INDEX($D$3:$AA$30,INDEX(Jesper!$R$2:$R$366,ROW(INDEX(Jesper!AH$2:AH$366,ROUNDDOWN($C1465/24,0)+1,1))-1)+IF('Standard Profiles'!$G$18=$B$10,7,0)+IF('Standard Profiles'!$G$18=$B$17,14,0)+IF('Standard Profiles'!$G$18=$B$24,21,0),0)),0)</f>
        <v>14.873705826795726</v>
      </c>
      <c r="E1465" cm="1">
        <f t="array" ref="E1465">IFERROR(INDEX(Jesper!AI$2:AI$366,ROUNDDOWN($C1465/24,0)+1,1)*INDEX($D$3:$AA$30,INDEX(Jesper!$R$2:$R$366,ROW(INDEX(Jesper!AI$2:AI$366,ROUNDDOWN($C1465/24,0)+1,1))-1)+IF('Standard Profiles'!$G$19=$B$10,7,0)+IF('Standard Profiles'!$G$19=$B$17,14,0)+IF('Standard Profiles'!$G$19=$B$24,21,0),MOD($C1465,24)+1)/SUM(INDEX($D$3:$AA$30,INDEX(Jesper!$R$2:$R$366,ROW(INDEX(Jesper!AI$2:AI$366,ROUNDDOWN($C1465/24,0)+1,1))-1)+IF('Standard Profiles'!$G$19=$B$10,7,0)+IF('Standard Profiles'!$G$19=$B$17,14,0)+IF('Standard Profiles'!$G$19=$B$24,21,0),0)),0)</f>
        <v>0</v>
      </c>
      <c r="F1465" cm="1">
        <f t="array" ref="F1465">IFERROR(INDEX(Jesper!AJ$2:AJ$366,ROUNDDOWN($C1465/24,0)+1,1)*INDEX($D$3:$AA$30,INDEX(Jesper!$R$2:$R$366,ROW(INDEX(Jesper!AJ$2:AJ$366,ROUNDDOWN($C1465/24,0)+1,1))-1)+IF('Standard Profiles'!$G$20=$B$10,7,0)+IF('Standard Profiles'!$G$20=$B$17,14,0)+IF('Standard Profiles'!$G$20=$B$24,21,0),MOD($C1465,24)+1)/SUM(INDEX($D$3:$AA$30,INDEX(Jesper!$R$2:$R$366,ROW(INDEX(Jesper!AJ$2:AJ$366,ROUNDDOWN($C1465/24,0)+1,1))-1)+IF('Standard Profiles'!$G$20=$B$10,7,0)+IF('Standard Profiles'!$G$20=$B$17,14,0)+IF('Standard Profiles'!$G$20=$B$24,21,0),0)),0)</f>
        <v>0</v>
      </c>
      <c r="G1465" cm="1">
        <f t="array" ref="G1465">IFERROR(INDEX(Jesper!AK$2:AK$366,ROUNDDOWN($C1465/24,0)+1,1)*INDEX($D$3:$AA$30,INDEX(Jesper!$R$2:$R$366,ROW(INDEX(Jesper!AK$2:AK$366,ROUNDDOWN($C1465/24,0)+1,1))-1)+IF('Standard Profiles'!$G$21=$B$10,7,0)+IF('Standard Profiles'!$G$21=$B$17,14,0)+IF('Standard Profiles'!$G$21=$B$24,21,0),MOD($C1465,24)+1)/SUM(INDEX($D$3:$AA$30,INDEX(Jesper!$R$2:$R$366,ROW(INDEX(Jesper!AK$2:AK$366,ROUNDDOWN($C1465/24,0)+1,1))-1)+IF('Standard Profiles'!$G$21=$B$10,7,0)+IF('Standard Profiles'!$G$21=$B$17,14,0)+IF('Standard Profiles'!$G$21=$B$24,21,0),0)),0)</f>
        <v>0</v>
      </c>
      <c r="H1465" cm="1">
        <f t="array" ref="H1465">IFERROR(INDEX(Jesper!AL$2:AL$366,ROUNDDOWN($C1465/24,0)+1,1)*INDEX($D$3:$AA$30,INDEX(Jesper!$R$2:$R$366,ROW(INDEX(Jesper!AL$2:AL$366,ROUNDDOWN($C1465/24,0)+1,1))-1)+IF('Standard Profiles'!$G$22=$B$10,7,0)+IF('Standard Profiles'!$G$22=$B$17,14,0)+IF('Standard Profiles'!$G$22=$B$24,21,0),MOD($C1465,24)+1)/SUM(INDEX($D$3:$AA$30,INDEX(Jesper!$R$2:$R$366,ROW(INDEX(Jesper!AL$2:AL$366,ROUNDDOWN($C1465/24,0)+1,1))-1)+IF('Standard Profiles'!$G$22=$B$10,7,0)+IF('Standard Profiles'!$G$22=$B$17,14,0)+IF('Standard Profiles'!$G$22=$B$24,21,0),0)),0)</f>
        <v>0</v>
      </c>
      <c r="I1465">
        <f t="shared" si="174"/>
        <v>0.44621117480387179</v>
      </c>
      <c r="J1465">
        <f t="shared" si="175"/>
        <v>1.4873705826795727</v>
      </c>
      <c r="K1465">
        <f t="shared" si="176"/>
        <v>2.2310558740193587</v>
      </c>
      <c r="L1465">
        <f t="shared" si="177"/>
        <v>10.709068195292922</v>
      </c>
      <c r="M1465">
        <f t="shared" si="178"/>
        <v>0</v>
      </c>
      <c r="N1465" s="46">
        <f t="shared" si="179"/>
        <v>45351.624999996529</v>
      </c>
    </row>
    <row r="1466" spans="2:14" x14ac:dyDescent="0.3">
      <c r="B1466">
        <f t="shared" si="173"/>
        <v>4</v>
      </c>
      <c r="C1466" s="16">
        <v>1432</v>
      </c>
      <c r="D1466" cm="1">
        <f t="array" ref="D1466">IFERROR(INDEX(Jesper!AH$2:AH$366,ROUNDDOWN($C1466/24,0)+1,1)*INDEX($D$3:$AA$30,INDEX(Jesper!$R$2:$R$366,ROW(INDEX(Jesper!AH$2:AH$366,ROUNDDOWN($C1466/24,0)+1,1))-1)+IF('Standard Profiles'!$G$18=$B$10,7,0)+IF('Standard Profiles'!$G$18=$B$17,14,0)+IF('Standard Profiles'!$G$18=$B$24,21,0),MOD($C1466,24)+1)/SUM(INDEX($D$3:$AA$30,INDEX(Jesper!$R$2:$R$366,ROW(INDEX(Jesper!AH$2:AH$366,ROUNDDOWN($C1466/24,0)+1,1))-1)+IF('Standard Profiles'!$G$18=$B$10,7,0)+IF('Standard Profiles'!$G$18=$B$17,14,0)+IF('Standard Profiles'!$G$18=$B$24,21,0),0)),0)</f>
        <v>14.873705826795726</v>
      </c>
      <c r="E1466" cm="1">
        <f t="array" ref="E1466">IFERROR(INDEX(Jesper!AI$2:AI$366,ROUNDDOWN($C1466/24,0)+1,1)*INDEX($D$3:$AA$30,INDEX(Jesper!$R$2:$R$366,ROW(INDEX(Jesper!AI$2:AI$366,ROUNDDOWN($C1466/24,0)+1,1))-1)+IF('Standard Profiles'!$G$19=$B$10,7,0)+IF('Standard Profiles'!$G$19=$B$17,14,0)+IF('Standard Profiles'!$G$19=$B$24,21,0),MOD($C1466,24)+1)/SUM(INDEX($D$3:$AA$30,INDEX(Jesper!$R$2:$R$366,ROW(INDEX(Jesper!AI$2:AI$366,ROUNDDOWN($C1466/24,0)+1,1))-1)+IF('Standard Profiles'!$G$19=$B$10,7,0)+IF('Standard Profiles'!$G$19=$B$17,14,0)+IF('Standard Profiles'!$G$19=$B$24,21,0),0)),0)</f>
        <v>0</v>
      </c>
      <c r="F1466" cm="1">
        <f t="array" ref="F1466">IFERROR(INDEX(Jesper!AJ$2:AJ$366,ROUNDDOWN($C1466/24,0)+1,1)*INDEX($D$3:$AA$30,INDEX(Jesper!$R$2:$R$366,ROW(INDEX(Jesper!AJ$2:AJ$366,ROUNDDOWN($C1466/24,0)+1,1))-1)+IF('Standard Profiles'!$G$20=$B$10,7,0)+IF('Standard Profiles'!$G$20=$B$17,14,0)+IF('Standard Profiles'!$G$20=$B$24,21,0),MOD($C1466,24)+1)/SUM(INDEX($D$3:$AA$30,INDEX(Jesper!$R$2:$R$366,ROW(INDEX(Jesper!AJ$2:AJ$366,ROUNDDOWN($C1466/24,0)+1,1))-1)+IF('Standard Profiles'!$G$20=$B$10,7,0)+IF('Standard Profiles'!$G$20=$B$17,14,0)+IF('Standard Profiles'!$G$20=$B$24,21,0),0)),0)</f>
        <v>0</v>
      </c>
      <c r="G1466" cm="1">
        <f t="array" ref="G1466">IFERROR(INDEX(Jesper!AK$2:AK$366,ROUNDDOWN($C1466/24,0)+1,1)*INDEX($D$3:$AA$30,INDEX(Jesper!$R$2:$R$366,ROW(INDEX(Jesper!AK$2:AK$366,ROUNDDOWN($C1466/24,0)+1,1))-1)+IF('Standard Profiles'!$G$21=$B$10,7,0)+IF('Standard Profiles'!$G$21=$B$17,14,0)+IF('Standard Profiles'!$G$21=$B$24,21,0),MOD($C1466,24)+1)/SUM(INDEX($D$3:$AA$30,INDEX(Jesper!$R$2:$R$366,ROW(INDEX(Jesper!AK$2:AK$366,ROUNDDOWN($C1466/24,0)+1,1))-1)+IF('Standard Profiles'!$G$21=$B$10,7,0)+IF('Standard Profiles'!$G$21=$B$17,14,0)+IF('Standard Profiles'!$G$21=$B$24,21,0),0)),0)</f>
        <v>0</v>
      </c>
      <c r="H1466" cm="1">
        <f t="array" ref="H1466">IFERROR(INDEX(Jesper!AL$2:AL$366,ROUNDDOWN($C1466/24,0)+1,1)*INDEX($D$3:$AA$30,INDEX(Jesper!$R$2:$R$366,ROW(INDEX(Jesper!AL$2:AL$366,ROUNDDOWN($C1466/24,0)+1,1))-1)+IF('Standard Profiles'!$G$22=$B$10,7,0)+IF('Standard Profiles'!$G$22=$B$17,14,0)+IF('Standard Profiles'!$G$22=$B$24,21,0),MOD($C1466,24)+1)/SUM(INDEX($D$3:$AA$30,INDEX(Jesper!$R$2:$R$366,ROW(INDEX(Jesper!AL$2:AL$366,ROUNDDOWN($C1466/24,0)+1,1))-1)+IF('Standard Profiles'!$G$22=$B$10,7,0)+IF('Standard Profiles'!$G$22=$B$17,14,0)+IF('Standard Profiles'!$G$22=$B$24,21,0),0)),0)</f>
        <v>0</v>
      </c>
      <c r="I1466">
        <f t="shared" si="174"/>
        <v>0.44621117480387179</v>
      </c>
      <c r="J1466">
        <f t="shared" si="175"/>
        <v>1.4873705826795727</v>
      </c>
      <c r="K1466">
        <f t="shared" si="176"/>
        <v>2.2310558740193587</v>
      </c>
      <c r="L1466">
        <f t="shared" si="177"/>
        <v>10.709068195292922</v>
      </c>
      <c r="M1466">
        <f t="shared" si="178"/>
        <v>0</v>
      </c>
      <c r="N1466" s="46">
        <f t="shared" si="179"/>
        <v>45351.666666663194</v>
      </c>
    </row>
    <row r="1467" spans="2:14" x14ac:dyDescent="0.3">
      <c r="B1467">
        <f t="shared" si="173"/>
        <v>4</v>
      </c>
      <c r="C1467" s="16">
        <v>1433</v>
      </c>
      <c r="D1467" cm="1">
        <f t="array" ref="D1467">IFERROR(INDEX(Jesper!AH$2:AH$366,ROUNDDOWN($C1467/24,0)+1,1)*INDEX($D$3:$AA$30,INDEX(Jesper!$R$2:$R$366,ROW(INDEX(Jesper!AH$2:AH$366,ROUNDDOWN($C1467/24,0)+1,1))-1)+IF('Standard Profiles'!$G$18=$B$10,7,0)+IF('Standard Profiles'!$G$18=$B$17,14,0)+IF('Standard Profiles'!$G$18=$B$24,21,0),MOD($C1467,24)+1)/SUM(INDEX($D$3:$AA$30,INDEX(Jesper!$R$2:$R$366,ROW(INDEX(Jesper!AH$2:AH$366,ROUNDDOWN($C1467/24,0)+1,1))-1)+IF('Standard Profiles'!$G$18=$B$10,7,0)+IF('Standard Profiles'!$G$18=$B$17,14,0)+IF('Standard Profiles'!$G$18=$B$24,21,0),0)),0)</f>
        <v>14.873705826795726</v>
      </c>
      <c r="E1467" cm="1">
        <f t="array" ref="E1467">IFERROR(INDEX(Jesper!AI$2:AI$366,ROUNDDOWN($C1467/24,0)+1,1)*INDEX($D$3:$AA$30,INDEX(Jesper!$R$2:$R$366,ROW(INDEX(Jesper!AI$2:AI$366,ROUNDDOWN($C1467/24,0)+1,1))-1)+IF('Standard Profiles'!$G$19=$B$10,7,0)+IF('Standard Profiles'!$G$19=$B$17,14,0)+IF('Standard Profiles'!$G$19=$B$24,21,0),MOD($C1467,24)+1)/SUM(INDEX($D$3:$AA$30,INDEX(Jesper!$R$2:$R$366,ROW(INDEX(Jesper!AI$2:AI$366,ROUNDDOWN($C1467/24,0)+1,1))-1)+IF('Standard Profiles'!$G$19=$B$10,7,0)+IF('Standard Profiles'!$G$19=$B$17,14,0)+IF('Standard Profiles'!$G$19=$B$24,21,0),0)),0)</f>
        <v>0</v>
      </c>
      <c r="F1467" cm="1">
        <f t="array" ref="F1467">IFERROR(INDEX(Jesper!AJ$2:AJ$366,ROUNDDOWN($C1467/24,0)+1,1)*INDEX($D$3:$AA$30,INDEX(Jesper!$R$2:$R$366,ROW(INDEX(Jesper!AJ$2:AJ$366,ROUNDDOWN($C1467/24,0)+1,1))-1)+IF('Standard Profiles'!$G$20=$B$10,7,0)+IF('Standard Profiles'!$G$20=$B$17,14,0)+IF('Standard Profiles'!$G$20=$B$24,21,0),MOD($C1467,24)+1)/SUM(INDEX($D$3:$AA$30,INDEX(Jesper!$R$2:$R$366,ROW(INDEX(Jesper!AJ$2:AJ$366,ROUNDDOWN($C1467/24,0)+1,1))-1)+IF('Standard Profiles'!$G$20=$B$10,7,0)+IF('Standard Profiles'!$G$20=$B$17,14,0)+IF('Standard Profiles'!$G$20=$B$24,21,0),0)),0)</f>
        <v>0</v>
      </c>
      <c r="G1467" cm="1">
        <f t="array" ref="G1467">IFERROR(INDEX(Jesper!AK$2:AK$366,ROUNDDOWN($C1467/24,0)+1,1)*INDEX($D$3:$AA$30,INDEX(Jesper!$R$2:$R$366,ROW(INDEX(Jesper!AK$2:AK$366,ROUNDDOWN($C1467/24,0)+1,1))-1)+IF('Standard Profiles'!$G$21=$B$10,7,0)+IF('Standard Profiles'!$G$21=$B$17,14,0)+IF('Standard Profiles'!$G$21=$B$24,21,0),MOD($C1467,24)+1)/SUM(INDEX($D$3:$AA$30,INDEX(Jesper!$R$2:$R$366,ROW(INDEX(Jesper!AK$2:AK$366,ROUNDDOWN($C1467/24,0)+1,1))-1)+IF('Standard Profiles'!$G$21=$B$10,7,0)+IF('Standard Profiles'!$G$21=$B$17,14,0)+IF('Standard Profiles'!$G$21=$B$24,21,0),0)),0)</f>
        <v>0</v>
      </c>
      <c r="H1467" cm="1">
        <f t="array" ref="H1467">IFERROR(INDEX(Jesper!AL$2:AL$366,ROUNDDOWN($C1467/24,0)+1,1)*INDEX($D$3:$AA$30,INDEX(Jesper!$R$2:$R$366,ROW(INDEX(Jesper!AL$2:AL$366,ROUNDDOWN($C1467/24,0)+1,1))-1)+IF('Standard Profiles'!$G$22=$B$10,7,0)+IF('Standard Profiles'!$G$22=$B$17,14,0)+IF('Standard Profiles'!$G$22=$B$24,21,0),MOD($C1467,24)+1)/SUM(INDEX($D$3:$AA$30,INDEX(Jesper!$R$2:$R$366,ROW(INDEX(Jesper!AL$2:AL$366,ROUNDDOWN($C1467/24,0)+1,1))-1)+IF('Standard Profiles'!$G$22=$B$10,7,0)+IF('Standard Profiles'!$G$22=$B$17,14,0)+IF('Standard Profiles'!$G$22=$B$24,21,0),0)),0)</f>
        <v>0</v>
      </c>
      <c r="I1467">
        <f t="shared" si="174"/>
        <v>0.44621117480387179</v>
      </c>
      <c r="J1467">
        <f t="shared" si="175"/>
        <v>1.4873705826795727</v>
      </c>
      <c r="K1467">
        <f t="shared" si="176"/>
        <v>2.2310558740193587</v>
      </c>
      <c r="L1467">
        <f t="shared" si="177"/>
        <v>10.709068195292922</v>
      </c>
      <c r="M1467">
        <f t="shared" si="178"/>
        <v>0</v>
      </c>
      <c r="N1467" s="46">
        <f t="shared" si="179"/>
        <v>45351.708333329858</v>
      </c>
    </row>
    <row r="1468" spans="2:14" x14ac:dyDescent="0.3">
      <c r="B1468">
        <f t="shared" si="173"/>
        <v>4</v>
      </c>
      <c r="C1468" s="16">
        <v>1434</v>
      </c>
      <c r="D1468" cm="1">
        <f t="array" ref="D1468">IFERROR(INDEX(Jesper!AH$2:AH$366,ROUNDDOWN($C1468/24,0)+1,1)*INDEX($D$3:$AA$30,INDEX(Jesper!$R$2:$R$366,ROW(INDEX(Jesper!AH$2:AH$366,ROUNDDOWN($C1468/24,0)+1,1))-1)+IF('Standard Profiles'!$G$18=$B$10,7,0)+IF('Standard Profiles'!$G$18=$B$17,14,0)+IF('Standard Profiles'!$G$18=$B$24,21,0),MOD($C1468,24)+1)/SUM(INDEX($D$3:$AA$30,INDEX(Jesper!$R$2:$R$366,ROW(INDEX(Jesper!AH$2:AH$366,ROUNDDOWN($C1468/24,0)+1,1))-1)+IF('Standard Profiles'!$G$18=$B$10,7,0)+IF('Standard Profiles'!$G$18=$B$17,14,0)+IF('Standard Profiles'!$G$18=$B$24,21,0),0)),0)</f>
        <v>14.873705826795726</v>
      </c>
      <c r="E1468" cm="1">
        <f t="array" ref="E1468">IFERROR(INDEX(Jesper!AI$2:AI$366,ROUNDDOWN($C1468/24,0)+1,1)*INDEX($D$3:$AA$30,INDEX(Jesper!$R$2:$R$366,ROW(INDEX(Jesper!AI$2:AI$366,ROUNDDOWN($C1468/24,0)+1,1))-1)+IF('Standard Profiles'!$G$19=$B$10,7,0)+IF('Standard Profiles'!$G$19=$B$17,14,0)+IF('Standard Profiles'!$G$19=$B$24,21,0),MOD($C1468,24)+1)/SUM(INDEX($D$3:$AA$30,INDEX(Jesper!$R$2:$R$366,ROW(INDEX(Jesper!AI$2:AI$366,ROUNDDOWN($C1468/24,0)+1,1))-1)+IF('Standard Profiles'!$G$19=$B$10,7,0)+IF('Standard Profiles'!$G$19=$B$17,14,0)+IF('Standard Profiles'!$G$19=$B$24,21,0),0)),0)</f>
        <v>0</v>
      </c>
      <c r="F1468" cm="1">
        <f t="array" ref="F1468">IFERROR(INDEX(Jesper!AJ$2:AJ$366,ROUNDDOWN($C1468/24,0)+1,1)*INDEX($D$3:$AA$30,INDEX(Jesper!$R$2:$R$366,ROW(INDEX(Jesper!AJ$2:AJ$366,ROUNDDOWN($C1468/24,0)+1,1))-1)+IF('Standard Profiles'!$G$20=$B$10,7,0)+IF('Standard Profiles'!$G$20=$B$17,14,0)+IF('Standard Profiles'!$G$20=$B$24,21,0),MOD($C1468,24)+1)/SUM(INDEX($D$3:$AA$30,INDEX(Jesper!$R$2:$R$366,ROW(INDEX(Jesper!AJ$2:AJ$366,ROUNDDOWN($C1468/24,0)+1,1))-1)+IF('Standard Profiles'!$G$20=$B$10,7,0)+IF('Standard Profiles'!$G$20=$B$17,14,0)+IF('Standard Profiles'!$G$20=$B$24,21,0),0)),0)</f>
        <v>0</v>
      </c>
      <c r="G1468" cm="1">
        <f t="array" ref="G1468">IFERROR(INDEX(Jesper!AK$2:AK$366,ROUNDDOWN($C1468/24,0)+1,1)*INDEX($D$3:$AA$30,INDEX(Jesper!$R$2:$R$366,ROW(INDEX(Jesper!AK$2:AK$366,ROUNDDOWN($C1468/24,0)+1,1))-1)+IF('Standard Profiles'!$G$21=$B$10,7,0)+IF('Standard Profiles'!$G$21=$B$17,14,0)+IF('Standard Profiles'!$G$21=$B$24,21,0),MOD($C1468,24)+1)/SUM(INDEX($D$3:$AA$30,INDEX(Jesper!$R$2:$R$366,ROW(INDEX(Jesper!AK$2:AK$366,ROUNDDOWN($C1468/24,0)+1,1))-1)+IF('Standard Profiles'!$G$21=$B$10,7,0)+IF('Standard Profiles'!$G$21=$B$17,14,0)+IF('Standard Profiles'!$G$21=$B$24,21,0),0)),0)</f>
        <v>0</v>
      </c>
      <c r="H1468" cm="1">
        <f t="array" ref="H1468">IFERROR(INDEX(Jesper!AL$2:AL$366,ROUNDDOWN($C1468/24,0)+1,1)*INDEX($D$3:$AA$30,INDEX(Jesper!$R$2:$R$366,ROW(INDEX(Jesper!AL$2:AL$366,ROUNDDOWN($C1468/24,0)+1,1))-1)+IF('Standard Profiles'!$G$22=$B$10,7,0)+IF('Standard Profiles'!$G$22=$B$17,14,0)+IF('Standard Profiles'!$G$22=$B$24,21,0),MOD($C1468,24)+1)/SUM(INDEX($D$3:$AA$30,INDEX(Jesper!$R$2:$R$366,ROW(INDEX(Jesper!AL$2:AL$366,ROUNDDOWN($C1468/24,0)+1,1))-1)+IF('Standard Profiles'!$G$22=$B$10,7,0)+IF('Standard Profiles'!$G$22=$B$17,14,0)+IF('Standard Profiles'!$G$22=$B$24,21,0),0)),0)</f>
        <v>0</v>
      </c>
      <c r="I1468">
        <f t="shared" si="174"/>
        <v>0.44621117480387179</v>
      </c>
      <c r="J1468">
        <f t="shared" si="175"/>
        <v>1.4873705826795727</v>
      </c>
      <c r="K1468">
        <f t="shared" si="176"/>
        <v>2.2310558740193587</v>
      </c>
      <c r="L1468">
        <f t="shared" si="177"/>
        <v>10.709068195292922</v>
      </c>
      <c r="M1468">
        <f t="shared" si="178"/>
        <v>0</v>
      </c>
      <c r="N1468" s="46">
        <f t="shared" si="179"/>
        <v>45351.749999996522</v>
      </c>
    </row>
    <row r="1469" spans="2:14" x14ac:dyDescent="0.3">
      <c r="B1469">
        <f t="shared" si="173"/>
        <v>4</v>
      </c>
      <c r="C1469" s="16">
        <v>1435</v>
      </c>
      <c r="D1469" cm="1">
        <f t="array" ref="D1469">IFERROR(INDEX(Jesper!AH$2:AH$366,ROUNDDOWN($C1469/24,0)+1,1)*INDEX($D$3:$AA$30,INDEX(Jesper!$R$2:$R$366,ROW(INDEX(Jesper!AH$2:AH$366,ROUNDDOWN($C1469/24,0)+1,1))-1)+IF('Standard Profiles'!$G$18=$B$10,7,0)+IF('Standard Profiles'!$G$18=$B$17,14,0)+IF('Standard Profiles'!$G$18=$B$24,21,0),MOD($C1469,24)+1)/SUM(INDEX($D$3:$AA$30,INDEX(Jesper!$R$2:$R$366,ROW(INDEX(Jesper!AH$2:AH$366,ROUNDDOWN($C1469/24,0)+1,1))-1)+IF('Standard Profiles'!$G$18=$B$10,7,0)+IF('Standard Profiles'!$G$18=$B$17,14,0)+IF('Standard Profiles'!$G$18=$B$24,21,0),0)),0)</f>
        <v>12.394754855663106</v>
      </c>
      <c r="E1469" cm="1">
        <f t="array" ref="E1469">IFERROR(INDEX(Jesper!AI$2:AI$366,ROUNDDOWN($C1469/24,0)+1,1)*INDEX($D$3:$AA$30,INDEX(Jesper!$R$2:$R$366,ROW(INDEX(Jesper!AI$2:AI$366,ROUNDDOWN($C1469/24,0)+1,1))-1)+IF('Standard Profiles'!$G$19=$B$10,7,0)+IF('Standard Profiles'!$G$19=$B$17,14,0)+IF('Standard Profiles'!$G$19=$B$24,21,0),MOD($C1469,24)+1)/SUM(INDEX($D$3:$AA$30,INDEX(Jesper!$R$2:$R$366,ROW(INDEX(Jesper!AI$2:AI$366,ROUNDDOWN($C1469/24,0)+1,1))-1)+IF('Standard Profiles'!$G$19=$B$10,7,0)+IF('Standard Profiles'!$G$19=$B$17,14,0)+IF('Standard Profiles'!$G$19=$B$24,21,0),0)),0)</f>
        <v>0</v>
      </c>
      <c r="F1469" cm="1">
        <f t="array" ref="F1469">IFERROR(INDEX(Jesper!AJ$2:AJ$366,ROUNDDOWN($C1469/24,0)+1,1)*INDEX($D$3:$AA$30,INDEX(Jesper!$R$2:$R$366,ROW(INDEX(Jesper!AJ$2:AJ$366,ROUNDDOWN($C1469/24,0)+1,1))-1)+IF('Standard Profiles'!$G$20=$B$10,7,0)+IF('Standard Profiles'!$G$20=$B$17,14,0)+IF('Standard Profiles'!$G$20=$B$24,21,0),MOD($C1469,24)+1)/SUM(INDEX($D$3:$AA$30,INDEX(Jesper!$R$2:$R$366,ROW(INDEX(Jesper!AJ$2:AJ$366,ROUNDDOWN($C1469/24,0)+1,1))-1)+IF('Standard Profiles'!$G$20=$B$10,7,0)+IF('Standard Profiles'!$G$20=$B$17,14,0)+IF('Standard Profiles'!$G$20=$B$24,21,0),0)),0)</f>
        <v>0</v>
      </c>
      <c r="G1469" cm="1">
        <f t="array" ref="G1469">IFERROR(INDEX(Jesper!AK$2:AK$366,ROUNDDOWN($C1469/24,0)+1,1)*INDEX($D$3:$AA$30,INDEX(Jesper!$R$2:$R$366,ROW(INDEX(Jesper!AK$2:AK$366,ROUNDDOWN($C1469/24,0)+1,1))-1)+IF('Standard Profiles'!$G$21=$B$10,7,0)+IF('Standard Profiles'!$G$21=$B$17,14,0)+IF('Standard Profiles'!$G$21=$B$24,21,0),MOD($C1469,24)+1)/SUM(INDEX($D$3:$AA$30,INDEX(Jesper!$R$2:$R$366,ROW(INDEX(Jesper!AK$2:AK$366,ROUNDDOWN($C1469/24,0)+1,1))-1)+IF('Standard Profiles'!$G$21=$B$10,7,0)+IF('Standard Profiles'!$G$21=$B$17,14,0)+IF('Standard Profiles'!$G$21=$B$24,21,0),0)),0)</f>
        <v>0</v>
      </c>
      <c r="H1469" cm="1">
        <f t="array" ref="H1469">IFERROR(INDEX(Jesper!AL$2:AL$366,ROUNDDOWN($C1469/24,0)+1,1)*INDEX($D$3:$AA$30,INDEX(Jesper!$R$2:$R$366,ROW(INDEX(Jesper!AL$2:AL$366,ROUNDDOWN($C1469/24,0)+1,1))-1)+IF('Standard Profiles'!$G$22=$B$10,7,0)+IF('Standard Profiles'!$G$22=$B$17,14,0)+IF('Standard Profiles'!$G$22=$B$24,21,0),MOD($C1469,24)+1)/SUM(INDEX($D$3:$AA$30,INDEX(Jesper!$R$2:$R$366,ROW(INDEX(Jesper!AL$2:AL$366,ROUNDDOWN($C1469/24,0)+1,1))-1)+IF('Standard Profiles'!$G$22=$B$10,7,0)+IF('Standard Profiles'!$G$22=$B$17,14,0)+IF('Standard Profiles'!$G$22=$B$24,21,0),0)),0)</f>
        <v>0</v>
      </c>
      <c r="I1469">
        <f t="shared" si="174"/>
        <v>0.37184264566989317</v>
      </c>
      <c r="J1469">
        <f t="shared" si="175"/>
        <v>1.2394754855663106</v>
      </c>
      <c r="K1469">
        <f t="shared" si="176"/>
        <v>1.8592132283494658</v>
      </c>
      <c r="L1469">
        <f t="shared" si="177"/>
        <v>8.9242234960774365</v>
      </c>
      <c r="M1469">
        <f t="shared" si="178"/>
        <v>0</v>
      </c>
      <c r="N1469" s="46">
        <f t="shared" si="179"/>
        <v>45351.791666663186</v>
      </c>
    </row>
    <row r="1470" spans="2:14" x14ac:dyDescent="0.3">
      <c r="B1470">
        <f t="shared" si="173"/>
        <v>4</v>
      </c>
      <c r="C1470" s="16">
        <v>1436</v>
      </c>
      <c r="D1470" cm="1">
        <f t="array" ref="D1470">IFERROR(INDEX(Jesper!AH$2:AH$366,ROUNDDOWN($C1470/24,0)+1,1)*INDEX($D$3:$AA$30,INDEX(Jesper!$R$2:$R$366,ROW(INDEX(Jesper!AH$2:AH$366,ROUNDDOWN($C1470/24,0)+1,1))-1)+IF('Standard Profiles'!$G$18=$B$10,7,0)+IF('Standard Profiles'!$G$18=$B$17,14,0)+IF('Standard Profiles'!$G$18=$B$24,21,0),MOD($C1470,24)+1)/SUM(INDEX($D$3:$AA$30,INDEX(Jesper!$R$2:$R$366,ROW(INDEX(Jesper!AH$2:AH$366,ROUNDDOWN($C1470/24,0)+1,1))-1)+IF('Standard Profiles'!$G$18=$B$10,7,0)+IF('Standard Profiles'!$G$18=$B$17,14,0)+IF('Standard Profiles'!$G$18=$B$24,21,0),0)),0)</f>
        <v>9.9158038845304848</v>
      </c>
      <c r="E1470" cm="1">
        <f t="array" ref="E1470">IFERROR(INDEX(Jesper!AI$2:AI$366,ROUNDDOWN($C1470/24,0)+1,1)*INDEX($D$3:$AA$30,INDEX(Jesper!$R$2:$R$366,ROW(INDEX(Jesper!AI$2:AI$366,ROUNDDOWN($C1470/24,0)+1,1))-1)+IF('Standard Profiles'!$G$19=$B$10,7,0)+IF('Standard Profiles'!$G$19=$B$17,14,0)+IF('Standard Profiles'!$G$19=$B$24,21,0),MOD($C1470,24)+1)/SUM(INDEX($D$3:$AA$30,INDEX(Jesper!$R$2:$R$366,ROW(INDEX(Jesper!AI$2:AI$366,ROUNDDOWN($C1470/24,0)+1,1))-1)+IF('Standard Profiles'!$G$19=$B$10,7,0)+IF('Standard Profiles'!$G$19=$B$17,14,0)+IF('Standard Profiles'!$G$19=$B$24,21,0),0)),0)</f>
        <v>0</v>
      </c>
      <c r="F1470" cm="1">
        <f t="array" ref="F1470">IFERROR(INDEX(Jesper!AJ$2:AJ$366,ROUNDDOWN($C1470/24,0)+1,1)*INDEX($D$3:$AA$30,INDEX(Jesper!$R$2:$R$366,ROW(INDEX(Jesper!AJ$2:AJ$366,ROUNDDOWN($C1470/24,0)+1,1))-1)+IF('Standard Profiles'!$G$20=$B$10,7,0)+IF('Standard Profiles'!$G$20=$B$17,14,0)+IF('Standard Profiles'!$G$20=$B$24,21,0),MOD($C1470,24)+1)/SUM(INDEX($D$3:$AA$30,INDEX(Jesper!$R$2:$R$366,ROW(INDEX(Jesper!AJ$2:AJ$366,ROUNDDOWN($C1470/24,0)+1,1))-1)+IF('Standard Profiles'!$G$20=$B$10,7,0)+IF('Standard Profiles'!$G$20=$B$17,14,0)+IF('Standard Profiles'!$G$20=$B$24,21,0),0)),0)</f>
        <v>0</v>
      </c>
      <c r="G1470" cm="1">
        <f t="array" ref="G1470">IFERROR(INDEX(Jesper!AK$2:AK$366,ROUNDDOWN($C1470/24,0)+1,1)*INDEX($D$3:$AA$30,INDEX(Jesper!$R$2:$R$366,ROW(INDEX(Jesper!AK$2:AK$366,ROUNDDOWN($C1470/24,0)+1,1))-1)+IF('Standard Profiles'!$G$21=$B$10,7,0)+IF('Standard Profiles'!$G$21=$B$17,14,0)+IF('Standard Profiles'!$G$21=$B$24,21,0),MOD($C1470,24)+1)/SUM(INDEX($D$3:$AA$30,INDEX(Jesper!$R$2:$R$366,ROW(INDEX(Jesper!AK$2:AK$366,ROUNDDOWN($C1470/24,0)+1,1))-1)+IF('Standard Profiles'!$G$21=$B$10,7,0)+IF('Standard Profiles'!$G$21=$B$17,14,0)+IF('Standard Profiles'!$G$21=$B$24,21,0),0)),0)</f>
        <v>0</v>
      </c>
      <c r="H1470" cm="1">
        <f t="array" ref="H1470">IFERROR(INDEX(Jesper!AL$2:AL$366,ROUNDDOWN($C1470/24,0)+1,1)*INDEX($D$3:$AA$30,INDEX(Jesper!$R$2:$R$366,ROW(INDEX(Jesper!AL$2:AL$366,ROUNDDOWN($C1470/24,0)+1,1))-1)+IF('Standard Profiles'!$G$22=$B$10,7,0)+IF('Standard Profiles'!$G$22=$B$17,14,0)+IF('Standard Profiles'!$G$22=$B$24,21,0),MOD($C1470,24)+1)/SUM(INDEX($D$3:$AA$30,INDEX(Jesper!$R$2:$R$366,ROW(INDEX(Jesper!AL$2:AL$366,ROUNDDOWN($C1470/24,0)+1,1))-1)+IF('Standard Profiles'!$G$22=$B$10,7,0)+IF('Standard Profiles'!$G$22=$B$17,14,0)+IF('Standard Profiles'!$G$22=$B$24,21,0),0)),0)</f>
        <v>0</v>
      </c>
      <c r="I1470">
        <f t="shared" si="174"/>
        <v>0.29747411653591455</v>
      </c>
      <c r="J1470">
        <f t="shared" si="175"/>
        <v>0.99158038845304852</v>
      </c>
      <c r="K1470">
        <f t="shared" si="176"/>
        <v>1.4873705826795727</v>
      </c>
      <c r="L1470">
        <f t="shared" si="177"/>
        <v>7.1393787968619487</v>
      </c>
      <c r="M1470">
        <f t="shared" si="178"/>
        <v>0</v>
      </c>
      <c r="N1470" s="46">
        <f t="shared" si="179"/>
        <v>45351.833333329851</v>
      </c>
    </row>
    <row r="1471" spans="2:14" x14ac:dyDescent="0.3">
      <c r="B1471">
        <f t="shared" si="173"/>
        <v>4</v>
      </c>
      <c r="C1471" s="16">
        <v>1437</v>
      </c>
      <c r="D1471" cm="1">
        <f t="array" ref="D1471">IFERROR(INDEX(Jesper!AH$2:AH$366,ROUNDDOWN($C1471/24,0)+1,1)*INDEX($D$3:$AA$30,INDEX(Jesper!$R$2:$R$366,ROW(INDEX(Jesper!AH$2:AH$366,ROUNDDOWN($C1471/24,0)+1,1))-1)+IF('Standard Profiles'!$G$18=$B$10,7,0)+IF('Standard Profiles'!$G$18=$B$17,14,0)+IF('Standard Profiles'!$G$18=$B$24,21,0),MOD($C1471,24)+1)/SUM(INDEX($D$3:$AA$30,INDEX(Jesper!$R$2:$R$366,ROW(INDEX(Jesper!AH$2:AH$366,ROUNDDOWN($C1471/24,0)+1,1))-1)+IF('Standard Profiles'!$G$18=$B$10,7,0)+IF('Standard Profiles'!$G$18=$B$17,14,0)+IF('Standard Profiles'!$G$18=$B$24,21,0),0)),0)</f>
        <v>7.4368529133978631</v>
      </c>
      <c r="E1471" cm="1">
        <f t="array" ref="E1471">IFERROR(INDEX(Jesper!AI$2:AI$366,ROUNDDOWN($C1471/24,0)+1,1)*INDEX($D$3:$AA$30,INDEX(Jesper!$R$2:$R$366,ROW(INDEX(Jesper!AI$2:AI$366,ROUNDDOWN($C1471/24,0)+1,1))-1)+IF('Standard Profiles'!$G$19=$B$10,7,0)+IF('Standard Profiles'!$G$19=$B$17,14,0)+IF('Standard Profiles'!$G$19=$B$24,21,0),MOD($C1471,24)+1)/SUM(INDEX($D$3:$AA$30,INDEX(Jesper!$R$2:$R$366,ROW(INDEX(Jesper!AI$2:AI$366,ROUNDDOWN($C1471/24,0)+1,1))-1)+IF('Standard Profiles'!$G$19=$B$10,7,0)+IF('Standard Profiles'!$G$19=$B$17,14,0)+IF('Standard Profiles'!$G$19=$B$24,21,0),0)),0)</f>
        <v>0</v>
      </c>
      <c r="F1471" cm="1">
        <f t="array" ref="F1471">IFERROR(INDEX(Jesper!AJ$2:AJ$366,ROUNDDOWN($C1471/24,0)+1,1)*INDEX($D$3:$AA$30,INDEX(Jesper!$R$2:$R$366,ROW(INDEX(Jesper!AJ$2:AJ$366,ROUNDDOWN($C1471/24,0)+1,1))-1)+IF('Standard Profiles'!$G$20=$B$10,7,0)+IF('Standard Profiles'!$G$20=$B$17,14,0)+IF('Standard Profiles'!$G$20=$B$24,21,0),MOD($C1471,24)+1)/SUM(INDEX($D$3:$AA$30,INDEX(Jesper!$R$2:$R$366,ROW(INDEX(Jesper!AJ$2:AJ$366,ROUNDDOWN($C1471/24,0)+1,1))-1)+IF('Standard Profiles'!$G$20=$B$10,7,0)+IF('Standard Profiles'!$G$20=$B$17,14,0)+IF('Standard Profiles'!$G$20=$B$24,21,0),0)),0)</f>
        <v>0</v>
      </c>
      <c r="G1471" cm="1">
        <f t="array" ref="G1471">IFERROR(INDEX(Jesper!AK$2:AK$366,ROUNDDOWN($C1471/24,0)+1,1)*INDEX($D$3:$AA$30,INDEX(Jesper!$R$2:$R$366,ROW(INDEX(Jesper!AK$2:AK$366,ROUNDDOWN($C1471/24,0)+1,1))-1)+IF('Standard Profiles'!$G$21=$B$10,7,0)+IF('Standard Profiles'!$G$21=$B$17,14,0)+IF('Standard Profiles'!$G$21=$B$24,21,0),MOD($C1471,24)+1)/SUM(INDEX($D$3:$AA$30,INDEX(Jesper!$R$2:$R$366,ROW(INDEX(Jesper!AK$2:AK$366,ROUNDDOWN($C1471/24,0)+1,1))-1)+IF('Standard Profiles'!$G$21=$B$10,7,0)+IF('Standard Profiles'!$G$21=$B$17,14,0)+IF('Standard Profiles'!$G$21=$B$24,21,0),0)),0)</f>
        <v>0</v>
      </c>
      <c r="H1471" cm="1">
        <f t="array" ref="H1471">IFERROR(INDEX(Jesper!AL$2:AL$366,ROUNDDOWN($C1471/24,0)+1,1)*INDEX($D$3:$AA$30,INDEX(Jesper!$R$2:$R$366,ROW(INDEX(Jesper!AL$2:AL$366,ROUNDDOWN($C1471/24,0)+1,1))-1)+IF('Standard Profiles'!$G$22=$B$10,7,0)+IF('Standard Profiles'!$G$22=$B$17,14,0)+IF('Standard Profiles'!$G$22=$B$24,21,0),MOD($C1471,24)+1)/SUM(INDEX($D$3:$AA$30,INDEX(Jesper!$R$2:$R$366,ROW(INDEX(Jesper!AL$2:AL$366,ROUNDDOWN($C1471/24,0)+1,1))-1)+IF('Standard Profiles'!$G$22=$B$10,7,0)+IF('Standard Profiles'!$G$22=$B$17,14,0)+IF('Standard Profiles'!$G$22=$B$24,21,0),0)),0)</f>
        <v>0</v>
      </c>
      <c r="I1471">
        <f t="shared" si="174"/>
        <v>0.2231055874019359</v>
      </c>
      <c r="J1471">
        <f t="shared" si="175"/>
        <v>0.74368529133978634</v>
      </c>
      <c r="K1471">
        <f t="shared" si="176"/>
        <v>1.1155279370096793</v>
      </c>
      <c r="L1471">
        <f t="shared" si="177"/>
        <v>5.3545340976464608</v>
      </c>
      <c r="M1471">
        <f t="shared" si="178"/>
        <v>0</v>
      </c>
      <c r="N1471" s="46">
        <f t="shared" si="179"/>
        <v>45351.874999996515</v>
      </c>
    </row>
    <row r="1472" spans="2:14" x14ac:dyDescent="0.3">
      <c r="B1472">
        <f t="shared" si="173"/>
        <v>4</v>
      </c>
      <c r="C1472" s="16">
        <v>1438</v>
      </c>
      <c r="D1472" cm="1">
        <f t="array" ref="D1472">IFERROR(INDEX(Jesper!AH$2:AH$366,ROUNDDOWN($C1472/24,0)+1,1)*INDEX($D$3:$AA$30,INDEX(Jesper!$R$2:$R$366,ROW(INDEX(Jesper!AH$2:AH$366,ROUNDDOWN($C1472/24,0)+1,1))-1)+IF('Standard Profiles'!$G$18=$B$10,7,0)+IF('Standard Profiles'!$G$18=$B$17,14,0)+IF('Standard Profiles'!$G$18=$B$24,21,0),MOD($C1472,24)+1)/SUM(INDEX($D$3:$AA$30,INDEX(Jesper!$R$2:$R$366,ROW(INDEX(Jesper!AH$2:AH$366,ROUNDDOWN($C1472/24,0)+1,1))-1)+IF('Standard Profiles'!$G$18=$B$10,7,0)+IF('Standard Profiles'!$G$18=$B$17,14,0)+IF('Standard Profiles'!$G$18=$B$24,21,0),0)),0)</f>
        <v>7.4368529133978631</v>
      </c>
      <c r="E1472" cm="1">
        <f t="array" ref="E1472">IFERROR(INDEX(Jesper!AI$2:AI$366,ROUNDDOWN($C1472/24,0)+1,1)*INDEX($D$3:$AA$30,INDEX(Jesper!$R$2:$R$366,ROW(INDEX(Jesper!AI$2:AI$366,ROUNDDOWN($C1472/24,0)+1,1))-1)+IF('Standard Profiles'!$G$19=$B$10,7,0)+IF('Standard Profiles'!$G$19=$B$17,14,0)+IF('Standard Profiles'!$G$19=$B$24,21,0),MOD($C1472,24)+1)/SUM(INDEX($D$3:$AA$30,INDEX(Jesper!$R$2:$R$366,ROW(INDEX(Jesper!AI$2:AI$366,ROUNDDOWN($C1472/24,0)+1,1))-1)+IF('Standard Profiles'!$G$19=$B$10,7,0)+IF('Standard Profiles'!$G$19=$B$17,14,0)+IF('Standard Profiles'!$G$19=$B$24,21,0),0)),0)</f>
        <v>0</v>
      </c>
      <c r="F1472" cm="1">
        <f t="array" ref="F1472">IFERROR(INDEX(Jesper!AJ$2:AJ$366,ROUNDDOWN($C1472/24,0)+1,1)*INDEX($D$3:$AA$30,INDEX(Jesper!$R$2:$R$366,ROW(INDEX(Jesper!AJ$2:AJ$366,ROUNDDOWN($C1472/24,0)+1,1))-1)+IF('Standard Profiles'!$G$20=$B$10,7,0)+IF('Standard Profiles'!$G$20=$B$17,14,0)+IF('Standard Profiles'!$G$20=$B$24,21,0),MOD($C1472,24)+1)/SUM(INDEX($D$3:$AA$30,INDEX(Jesper!$R$2:$R$366,ROW(INDEX(Jesper!AJ$2:AJ$366,ROUNDDOWN($C1472/24,0)+1,1))-1)+IF('Standard Profiles'!$G$20=$B$10,7,0)+IF('Standard Profiles'!$G$20=$B$17,14,0)+IF('Standard Profiles'!$G$20=$B$24,21,0),0)),0)</f>
        <v>0</v>
      </c>
      <c r="G1472" cm="1">
        <f t="array" ref="G1472">IFERROR(INDEX(Jesper!AK$2:AK$366,ROUNDDOWN($C1472/24,0)+1,1)*INDEX($D$3:$AA$30,INDEX(Jesper!$R$2:$R$366,ROW(INDEX(Jesper!AK$2:AK$366,ROUNDDOWN($C1472/24,0)+1,1))-1)+IF('Standard Profiles'!$G$21=$B$10,7,0)+IF('Standard Profiles'!$G$21=$B$17,14,0)+IF('Standard Profiles'!$G$21=$B$24,21,0),MOD($C1472,24)+1)/SUM(INDEX($D$3:$AA$30,INDEX(Jesper!$R$2:$R$366,ROW(INDEX(Jesper!AK$2:AK$366,ROUNDDOWN($C1472/24,0)+1,1))-1)+IF('Standard Profiles'!$G$21=$B$10,7,0)+IF('Standard Profiles'!$G$21=$B$17,14,0)+IF('Standard Profiles'!$G$21=$B$24,21,0),0)),0)</f>
        <v>0</v>
      </c>
      <c r="H1472" cm="1">
        <f t="array" ref="H1472">IFERROR(INDEX(Jesper!AL$2:AL$366,ROUNDDOWN($C1472/24,0)+1,1)*INDEX($D$3:$AA$30,INDEX(Jesper!$R$2:$R$366,ROW(INDEX(Jesper!AL$2:AL$366,ROUNDDOWN($C1472/24,0)+1,1))-1)+IF('Standard Profiles'!$G$22=$B$10,7,0)+IF('Standard Profiles'!$G$22=$B$17,14,0)+IF('Standard Profiles'!$G$22=$B$24,21,0),MOD($C1472,24)+1)/SUM(INDEX($D$3:$AA$30,INDEX(Jesper!$R$2:$R$366,ROW(INDEX(Jesper!AL$2:AL$366,ROUNDDOWN($C1472/24,0)+1,1))-1)+IF('Standard Profiles'!$G$22=$B$10,7,0)+IF('Standard Profiles'!$G$22=$B$17,14,0)+IF('Standard Profiles'!$G$22=$B$24,21,0),0)),0)</f>
        <v>0</v>
      </c>
      <c r="I1472">
        <f t="shared" si="174"/>
        <v>0.2231055874019359</v>
      </c>
      <c r="J1472">
        <f t="shared" si="175"/>
        <v>0.74368529133978634</v>
      </c>
      <c r="K1472">
        <f t="shared" si="176"/>
        <v>1.1155279370096793</v>
      </c>
      <c r="L1472">
        <f t="shared" si="177"/>
        <v>5.3545340976464608</v>
      </c>
      <c r="M1472">
        <f t="shared" si="178"/>
        <v>0</v>
      </c>
      <c r="N1472" s="46">
        <f t="shared" si="179"/>
        <v>45351.916666663179</v>
      </c>
    </row>
    <row r="1473" spans="2:14" x14ac:dyDescent="0.3">
      <c r="B1473">
        <f t="shared" si="173"/>
        <v>4</v>
      </c>
      <c r="C1473" s="16">
        <v>1439</v>
      </c>
      <c r="D1473" cm="1">
        <f t="array" ref="D1473">IFERROR(INDEX(Jesper!AH$2:AH$366,ROUNDDOWN($C1473/24,0)+1,1)*INDEX($D$3:$AA$30,INDEX(Jesper!$R$2:$R$366,ROW(INDEX(Jesper!AH$2:AH$366,ROUNDDOWN($C1473/24,0)+1,1))-1)+IF('Standard Profiles'!$G$18=$B$10,7,0)+IF('Standard Profiles'!$G$18=$B$17,14,0)+IF('Standard Profiles'!$G$18=$B$24,21,0),MOD($C1473,24)+1)/SUM(INDEX($D$3:$AA$30,INDEX(Jesper!$R$2:$R$366,ROW(INDEX(Jesper!AH$2:AH$366,ROUNDDOWN($C1473/24,0)+1,1))-1)+IF('Standard Profiles'!$G$18=$B$10,7,0)+IF('Standard Profiles'!$G$18=$B$17,14,0)+IF('Standard Profiles'!$G$18=$B$24,21,0),0)),0)</f>
        <v>7.4368529133978631</v>
      </c>
      <c r="E1473" cm="1">
        <f t="array" ref="E1473">IFERROR(INDEX(Jesper!AI$2:AI$366,ROUNDDOWN($C1473/24,0)+1,1)*INDEX($D$3:$AA$30,INDEX(Jesper!$R$2:$R$366,ROW(INDEX(Jesper!AI$2:AI$366,ROUNDDOWN($C1473/24,0)+1,1))-1)+IF('Standard Profiles'!$G$19=$B$10,7,0)+IF('Standard Profiles'!$G$19=$B$17,14,0)+IF('Standard Profiles'!$G$19=$B$24,21,0),MOD($C1473,24)+1)/SUM(INDEX($D$3:$AA$30,INDEX(Jesper!$R$2:$R$366,ROW(INDEX(Jesper!AI$2:AI$366,ROUNDDOWN($C1473/24,0)+1,1))-1)+IF('Standard Profiles'!$G$19=$B$10,7,0)+IF('Standard Profiles'!$G$19=$B$17,14,0)+IF('Standard Profiles'!$G$19=$B$24,21,0),0)),0)</f>
        <v>0</v>
      </c>
      <c r="F1473" cm="1">
        <f t="array" ref="F1473">IFERROR(INDEX(Jesper!AJ$2:AJ$366,ROUNDDOWN($C1473/24,0)+1,1)*INDEX($D$3:$AA$30,INDEX(Jesper!$R$2:$R$366,ROW(INDEX(Jesper!AJ$2:AJ$366,ROUNDDOWN($C1473/24,0)+1,1))-1)+IF('Standard Profiles'!$G$20=$B$10,7,0)+IF('Standard Profiles'!$G$20=$B$17,14,0)+IF('Standard Profiles'!$G$20=$B$24,21,0),MOD($C1473,24)+1)/SUM(INDEX($D$3:$AA$30,INDEX(Jesper!$R$2:$R$366,ROW(INDEX(Jesper!AJ$2:AJ$366,ROUNDDOWN($C1473/24,0)+1,1))-1)+IF('Standard Profiles'!$G$20=$B$10,7,0)+IF('Standard Profiles'!$G$20=$B$17,14,0)+IF('Standard Profiles'!$G$20=$B$24,21,0),0)),0)</f>
        <v>0</v>
      </c>
      <c r="G1473" cm="1">
        <f t="array" ref="G1473">IFERROR(INDEX(Jesper!AK$2:AK$366,ROUNDDOWN($C1473/24,0)+1,1)*INDEX($D$3:$AA$30,INDEX(Jesper!$R$2:$R$366,ROW(INDEX(Jesper!AK$2:AK$366,ROUNDDOWN($C1473/24,0)+1,1))-1)+IF('Standard Profiles'!$G$21=$B$10,7,0)+IF('Standard Profiles'!$G$21=$B$17,14,0)+IF('Standard Profiles'!$G$21=$B$24,21,0),MOD($C1473,24)+1)/SUM(INDEX($D$3:$AA$30,INDEX(Jesper!$R$2:$R$366,ROW(INDEX(Jesper!AK$2:AK$366,ROUNDDOWN($C1473/24,0)+1,1))-1)+IF('Standard Profiles'!$G$21=$B$10,7,0)+IF('Standard Profiles'!$G$21=$B$17,14,0)+IF('Standard Profiles'!$G$21=$B$24,21,0),0)),0)</f>
        <v>0</v>
      </c>
      <c r="H1473" cm="1">
        <f t="array" ref="H1473">IFERROR(INDEX(Jesper!AL$2:AL$366,ROUNDDOWN($C1473/24,0)+1,1)*INDEX($D$3:$AA$30,INDEX(Jesper!$R$2:$R$366,ROW(INDEX(Jesper!AL$2:AL$366,ROUNDDOWN($C1473/24,0)+1,1))-1)+IF('Standard Profiles'!$G$22=$B$10,7,0)+IF('Standard Profiles'!$G$22=$B$17,14,0)+IF('Standard Profiles'!$G$22=$B$24,21,0),MOD($C1473,24)+1)/SUM(INDEX($D$3:$AA$30,INDEX(Jesper!$R$2:$R$366,ROW(INDEX(Jesper!AL$2:AL$366,ROUNDDOWN($C1473/24,0)+1,1))-1)+IF('Standard Profiles'!$G$22=$B$10,7,0)+IF('Standard Profiles'!$G$22=$B$17,14,0)+IF('Standard Profiles'!$G$22=$B$24,21,0),0)),0)</f>
        <v>0</v>
      </c>
      <c r="I1473">
        <f t="shared" si="174"/>
        <v>0.2231055874019359</v>
      </c>
      <c r="J1473">
        <f t="shared" si="175"/>
        <v>0.74368529133978634</v>
      </c>
      <c r="K1473">
        <f t="shared" si="176"/>
        <v>1.1155279370096793</v>
      </c>
      <c r="L1473">
        <f t="shared" si="177"/>
        <v>5.3545340976464608</v>
      </c>
      <c r="M1473">
        <f t="shared" si="178"/>
        <v>0</v>
      </c>
      <c r="N1473" s="46">
        <f t="shared" si="179"/>
        <v>45351.958333329843</v>
      </c>
    </row>
    <row r="1474" spans="2:14" x14ac:dyDescent="0.3">
      <c r="B1474">
        <f t="shared" si="173"/>
        <v>5</v>
      </c>
      <c r="C1474" s="16">
        <v>1440</v>
      </c>
      <c r="D1474" cm="1">
        <f t="array" ref="D1474">IFERROR(INDEX(Jesper!AH$2:AH$366,ROUNDDOWN($C1474/24,0)+1,1)*INDEX($D$3:$AA$30,INDEX(Jesper!$R$2:$R$366,ROW(INDEX(Jesper!AH$2:AH$366,ROUNDDOWN($C1474/24,0)+1,1))-1)+IF('Standard Profiles'!$G$18=$B$10,7,0)+IF('Standard Profiles'!$G$18=$B$17,14,0)+IF('Standard Profiles'!$G$18=$B$24,21,0),MOD($C1474,24)+1)/SUM(INDEX($D$3:$AA$30,INDEX(Jesper!$R$2:$R$366,ROW(INDEX(Jesper!AH$2:AH$366,ROUNDDOWN($C1474/24,0)+1,1))-1)+IF('Standard Profiles'!$G$18=$B$10,7,0)+IF('Standard Profiles'!$G$18=$B$17,14,0)+IF('Standard Profiles'!$G$18=$B$24,21,0),0)),0)</f>
        <v>8.1778088603165298</v>
      </c>
      <c r="E1474" cm="1">
        <f t="array" ref="E1474">IFERROR(INDEX(Jesper!AI$2:AI$366,ROUNDDOWN($C1474/24,0)+1,1)*INDEX($D$3:$AA$30,INDEX(Jesper!$R$2:$R$366,ROW(INDEX(Jesper!AI$2:AI$366,ROUNDDOWN($C1474/24,0)+1,1))-1)+IF('Standard Profiles'!$G$19=$B$10,7,0)+IF('Standard Profiles'!$G$19=$B$17,14,0)+IF('Standard Profiles'!$G$19=$B$24,21,0),MOD($C1474,24)+1)/SUM(INDEX($D$3:$AA$30,INDEX(Jesper!$R$2:$R$366,ROW(INDEX(Jesper!AI$2:AI$366,ROUNDDOWN($C1474/24,0)+1,1))-1)+IF('Standard Profiles'!$G$19=$B$10,7,0)+IF('Standard Profiles'!$G$19=$B$17,14,0)+IF('Standard Profiles'!$G$19=$B$24,21,0),0)),0)</f>
        <v>0</v>
      </c>
      <c r="F1474" cm="1">
        <f t="array" ref="F1474">IFERROR(INDEX(Jesper!AJ$2:AJ$366,ROUNDDOWN($C1474/24,0)+1,1)*INDEX($D$3:$AA$30,INDEX(Jesper!$R$2:$R$366,ROW(INDEX(Jesper!AJ$2:AJ$366,ROUNDDOWN($C1474/24,0)+1,1))-1)+IF('Standard Profiles'!$G$20=$B$10,7,0)+IF('Standard Profiles'!$G$20=$B$17,14,0)+IF('Standard Profiles'!$G$20=$B$24,21,0),MOD($C1474,24)+1)/SUM(INDEX($D$3:$AA$30,INDEX(Jesper!$R$2:$R$366,ROW(INDEX(Jesper!AJ$2:AJ$366,ROUNDDOWN($C1474/24,0)+1,1))-1)+IF('Standard Profiles'!$G$20=$B$10,7,0)+IF('Standard Profiles'!$G$20=$B$17,14,0)+IF('Standard Profiles'!$G$20=$B$24,21,0),0)),0)</f>
        <v>0</v>
      </c>
      <c r="G1474" cm="1">
        <f t="array" ref="G1474">IFERROR(INDEX(Jesper!AK$2:AK$366,ROUNDDOWN($C1474/24,0)+1,1)*INDEX($D$3:$AA$30,INDEX(Jesper!$R$2:$R$366,ROW(INDEX(Jesper!AK$2:AK$366,ROUNDDOWN($C1474/24,0)+1,1))-1)+IF('Standard Profiles'!$G$21=$B$10,7,0)+IF('Standard Profiles'!$G$21=$B$17,14,0)+IF('Standard Profiles'!$G$21=$B$24,21,0),MOD($C1474,24)+1)/SUM(INDEX($D$3:$AA$30,INDEX(Jesper!$R$2:$R$366,ROW(INDEX(Jesper!AK$2:AK$366,ROUNDDOWN($C1474/24,0)+1,1))-1)+IF('Standard Profiles'!$G$21=$B$10,7,0)+IF('Standard Profiles'!$G$21=$B$17,14,0)+IF('Standard Profiles'!$G$21=$B$24,21,0),0)),0)</f>
        <v>0</v>
      </c>
      <c r="H1474" cm="1">
        <f t="array" ref="H1474">IFERROR(INDEX(Jesper!AL$2:AL$366,ROUNDDOWN($C1474/24,0)+1,1)*INDEX($D$3:$AA$30,INDEX(Jesper!$R$2:$R$366,ROW(INDEX(Jesper!AL$2:AL$366,ROUNDDOWN($C1474/24,0)+1,1))-1)+IF('Standard Profiles'!$G$22=$B$10,7,0)+IF('Standard Profiles'!$G$22=$B$17,14,0)+IF('Standard Profiles'!$G$22=$B$24,21,0),MOD($C1474,24)+1)/SUM(INDEX($D$3:$AA$30,INDEX(Jesper!$R$2:$R$366,ROW(INDEX(Jesper!AL$2:AL$366,ROUNDDOWN($C1474/24,0)+1,1))-1)+IF('Standard Profiles'!$G$22=$B$10,7,0)+IF('Standard Profiles'!$G$22=$B$17,14,0)+IF('Standard Profiles'!$G$22=$B$24,21,0),0)),0)</f>
        <v>0</v>
      </c>
      <c r="I1474">
        <f t="shared" si="174"/>
        <v>0.24533426580949588</v>
      </c>
      <c r="J1474">
        <f t="shared" si="175"/>
        <v>0.817780886031653</v>
      </c>
      <c r="K1474">
        <f t="shared" si="176"/>
        <v>1.2266713290474793</v>
      </c>
      <c r="L1474">
        <f t="shared" si="177"/>
        <v>5.888022379427901</v>
      </c>
      <c r="M1474">
        <f t="shared" si="178"/>
        <v>0</v>
      </c>
      <c r="N1474" s="46">
        <f t="shared" si="179"/>
        <v>45351.999999996508</v>
      </c>
    </row>
    <row r="1475" spans="2:14" x14ac:dyDescent="0.3">
      <c r="B1475">
        <f t="shared" si="173"/>
        <v>5</v>
      </c>
      <c r="C1475" s="16">
        <v>1441</v>
      </c>
      <c r="D1475" cm="1">
        <f t="array" ref="D1475">IFERROR(INDEX(Jesper!AH$2:AH$366,ROUNDDOWN($C1475/24,0)+1,1)*INDEX($D$3:$AA$30,INDEX(Jesper!$R$2:$R$366,ROW(INDEX(Jesper!AH$2:AH$366,ROUNDDOWN($C1475/24,0)+1,1))-1)+IF('Standard Profiles'!$G$18=$B$10,7,0)+IF('Standard Profiles'!$G$18=$B$17,14,0)+IF('Standard Profiles'!$G$18=$B$24,21,0),MOD($C1475,24)+1)/SUM(INDEX($D$3:$AA$30,INDEX(Jesper!$R$2:$R$366,ROW(INDEX(Jesper!AH$2:AH$366,ROUNDDOWN($C1475/24,0)+1,1))-1)+IF('Standard Profiles'!$G$18=$B$10,7,0)+IF('Standard Profiles'!$G$18=$B$17,14,0)+IF('Standard Profiles'!$G$18=$B$24,21,0),0)),0)</f>
        <v>8.1778088603165298</v>
      </c>
      <c r="E1475" cm="1">
        <f t="array" ref="E1475">IFERROR(INDEX(Jesper!AI$2:AI$366,ROUNDDOWN($C1475/24,0)+1,1)*INDEX($D$3:$AA$30,INDEX(Jesper!$R$2:$R$366,ROW(INDEX(Jesper!AI$2:AI$366,ROUNDDOWN($C1475/24,0)+1,1))-1)+IF('Standard Profiles'!$G$19=$B$10,7,0)+IF('Standard Profiles'!$G$19=$B$17,14,0)+IF('Standard Profiles'!$G$19=$B$24,21,0),MOD($C1475,24)+1)/SUM(INDEX($D$3:$AA$30,INDEX(Jesper!$R$2:$R$366,ROW(INDEX(Jesper!AI$2:AI$366,ROUNDDOWN($C1475/24,0)+1,1))-1)+IF('Standard Profiles'!$G$19=$B$10,7,0)+IF('Standard Profiles'!$G$19=$B$17,14,0)+IF('Standard Profiles'!$G$19=$B$24,21,0),0)),0)</f>
        <v>0</v>
      </c>
      <c r="F1475" cm="1">
        <f t="array" ref="F1475">IFERROR(INDEX(Jesper!AJ$2:AJ$366,ROUNDDOWN($C1475/24,0)+1,1)*INDEX($D$3:$AA$30,INDEX(Jesper!$R$2:$R$366,ROW(INDEX(Jesper!AJ$2:AJ$366,ROUNDDOWN($C1475/24,0)+1,1))-1)+IF('Standard Profiles'!$G$20=$B$10,7,0)+IF('Standard Profiles'!$G$20=$B$17,14,0)+IF('Standard Profiles'!$G$20=$B$24,21,0),MOD($C1475,24)+1)/SUM(INDEX($D$3:$AA$30,INDEX(Jesper!$R$2:$R$366,ROW(INDEX(Jesper!AJ$2:AJ$366,ROUNDDOWN($C1475/24,0)+1,1))-1)+IF('Standard Profiles'!$G$20=$B$10,7,0)+IF('Standard Profiles'!$G$20=$B$17,14,0)+IF('Standard Profiles'!$G$20=$B$24,21,0),0)),0)</f>
        <v>0</v>
      </c>
      <c r="G1475" cm="1">
        <f t="array" ref="G1475">IFERROR(INDEX(Jesper!AK$2:AK$366,ROUNDDOWN($C1475/24,0)+1,1)*INDEX($D$3:$AA$30,INDEX(Jesper!$R$2:$R$366,ROW(INDEX(Jesper!AK$2:AK$366,ROUNDDOWN($C1475/24,0)+1,1))-1)+IF('Standard Profiles'!$G$21=$B$10,7,0)+IF('Standard Profiles'!$G$21=$B$17,14,0)+IF('Standard Profiles'!$G$21=$B$24,21,0),MOD($C1475,24)+1)/SUM(INDEX($D$3:$AA$30,INDEX(Jesper!$R$2:$R$366,ROW(INDEX(Jesper!AK$2:AK$366,ROUNDDOWN($C1475/24,0)+1,1))-1)+IF('Standard Profiles'!$G$21=$B$10,7,0)+IF('Standard Profiles'!$G$21=$B$17,14,0)+IF('Standard Profiles'!$G$21=$B$24,21,0),0)),0)</f>
        <v>0</v>
      </c>
      <c r="H1475" cm="1">
        <f t="array" ref="H1475">IFERROR(INDEX(Jesper!AL$2:AL$366,ROUNDDOWN($C1475/24,0)+1,1)*INDEX($D$3:$AA$30,INDEX(Jesper!$R$2:$R$366,ROW(INDEX(Jesper!AL$2:AL$366,ROUNDDOWN($C1475/24,0)+1,1))-1)+IF('Standard Profiles'!$G$22=$B$10,7,0)+IF('Standard Profiles'!$G$22=$B$17,14,0)+IF('Standard Profiles'!$G$22=$B$24,21,0),MOD($C1475,24)+1)/SUM(INDEX($D$3:$AA$30,INDEX(Jesper!$R$2:$R$366,ROW(INDEX(Jesper!AL$2:AL$366,ROUNDDOWN($C1475/24,0)+1,1))-1)+IF('Standard Profiles'!$G$22=$B$10,7,0)+IF('Standard Profiles'!$G$22=$B$17,14,0)+IF('Standard Profiles'!$G$22=$B$24,21,0),0)),0)</f>
        <v>0</v>
      </c>
      <c r="I1475">
        <f t="shared" si="174"/>
        <v>0.24533426580949588</v>
      </c>
      <c r="J1475">
        <f t="shared" si="175"/>
        <v>0.817780886031653</v>
      </c>
      <c r="K1475">
        <f t="shared" si="176"/>
        <v>1.2266713290474793</v>
      </c>
      <c r="L1475">
        <f t="shared" si="177"/>
        <v>5.888022379427901</v>
      </c>
      <c r="M1475">
        <f t="shared" si="178"/>
        <v>0</v>
      </c>
      <c r="N1475" s="46">
        <f t="shared" si="179"/>
        <v>45352.041666663172</v>
      </c>
    </row>
    <row r="1476" spans="2:14" x14ac:dyDescent="0.3">
      <c r="B1476">
        <f t="shared" si="173"/>
        <v>5</v>
      </c>
      <c r="C1476" s="16">
        <v>1442</v>
      </c>
      <c r="D1476" cm="1">
        <f t="array" ref="D1476">IFERROR(INDEX(Jesper!AH$2:AH$366,ROUNDDOWN($C1476/24,0)+1,1)*INDEX($D$3:$AA$30,INDEX(Jesper!$R$2:$R$366,ROW(INDEX(Jesper!AH$2:AH$366,ROUNDDOWN($C1476/24,0)+1,1))-1)+IF('Standard Profiles'!$G$18=$B$10,7,0)+IF('Standard Profiles'!$G$18=$B$17,14,0)+IF('Standard Profiles'!$G$18=$B$24,21,0),MOD($C1476,24)+1)/SUM(INDEX($D$3:$AA$30,INDEX(Jesper!$R$2:$R$366,ROW(INDEX(Jesper!AH$2:AH$366,ROUNDDOWN($C1476/24,0)+1,1))-1)+IF('Standard Profiles'!$G$18=$B$10,7,0)+IF('Standard Profiles'!$G$18=$B$17,14,0)+IF('Standard Profiles'!$G$18=$B$24,21,0),0)),0)</f>
        <v>8.1778088603165298</v>
      </c>
      <c r="E1476" cm="1">
        <f t="array" ref="E1476">IFERROR(INDEX(Jesper!AI$2:AI$366,ROUNDDOWN($C1476/24,0)+1,1)*INDEX($D$3:$AA$30,INDEX(Jesper!$R$2:$R$366,ROW(INDEX(Jesper!AI$2:AI$366,ROUNDDOWN($C1476/24,0)+1,1))-1)+IF('Standard Profiles'!$G$19=$B$10,7,0)+IF('Standard Profiles'!$G$19=$B$17,14,0)+IF('Standard Profiles'!$G$19=$B$24,21,0),MOD($C1476,24)+1)/SUM(INDEX($D$3:$AA$30,INDEX(Jesper!$R$2:$R$366,ROW(INDEX(Jesper!AI$2:AI$366,ROUNDDOWN($C1476/24,0)+1,1))-1)+IF('Standard Profiles'!$G$19=$B$10,7,0)+IF('Standard Profiles'!$G$19=$B$17,14,0)+IF('Standard Profiles'!$G$19=$B$24,21,0),0)),0)</f>
        <v>0</v>
      </c>
      <c r="F1476" cm="1">
        <f t="array" ref="F1476">IFERROR(INDEX(Jesper!AJ$2:AJ$366,ROUNDDOWN($C1476/24,0)+1,1)*INDEX($D$3:$AA$30,INDEX(Jesper!$R$2:$R$366,ROW(INDEX(Jesper!AJ$2:AJ$366,ROUNDDOWN($C1476/24,0)+1,1))-1)+IF('Standard Profiles'!$G$20=$B$10,7,0)+IF('Standard Profiles'!$G$20=$B$17,14,0)+IF('Standard Profiles'!$G$20=$B$24,21,0),MOD($C1476,24)+1)/SUM(INDEX($D$3:$AA$30,INDEX(Jesper!$R$2:$R$366,ROW(INDEX(Jesper!AJ$2:AJ$366,ROUNDDOWN($C1476/24,0)+1,1))-1)+IF('Standard Profiles'!$G$20=$B$10,7,0)+IF('Standard Profiles'!$G$20=$B$17,14,0)+IF('Standard Profiles'!$G$20=$B$24,21,0),0)),0)</f>
        <v>0</v>
      </c>
      <c r="G1476" cm="1">
        <f t="array" ref="G1476">IFERROR(INDEX(Jesper!AK$2:AK$366,ROUNDDOWN($C1476/24,0)+1,1)*INDEX($D$3:$AA$30,INDEX(Jesper!$R$2:$R$366,ROW(INDEX(Jesper!AK$2:AK$366,ROUNDDOWN($C1476/24,0)+1,1))-1)+IF('Standard Profiles'!$G$21=$B$10,7,0)+IF('Standard Profiles'!$G$21=$B$17,14,0)+IF('Standard Profiles'!$G$21=$B$24,21,0),MOD($C1476,24)+1)/SUM(INDEX($D$3:$AA$30,INDEX(Jesper!$R$2:$R$366,ROW(INDEX(Jesper!AK$2:AK$366,ROUNDDOWN($C1476/24,0)+1,1))-1)+IF('Standard Profiles'!$G$21=$B$10,7,0)+IF('Standard Profiles'!$G$21=$B$17,14,0)+IF('Standard Profiles'!$G$21=$B$24,21,0),0)),0)</f>
        <v>0</v>
      </c>
      <c r="H1476" cm="1">
        <f t="array" ref="H1476">IFERROR(INDEX(Jesper!AL$2:AL$366,ROUNDDOWN($C1476/24,0)+1,1)*INDEX($D$3:$AA$30,INDEX(Jesper!$R$2:$R$366,ROW(INDEX(Jesper!AL$2:AL$366,ROUNDDOWN($C1476/24,0)+1,1))-1)+IF('Standard Profiles'!$G$22=$B$10,7,0)+IF('Standard Profiles'!$G$22=$B$17,14,0)+IF('Standard Profiles'!$G$22=$B$24,21,0),MOD($C1476,24)+1)/SUM(INDEX($D$3:$AA$30,INDEX(Jesper!$R$2:$R$366,ROW(INDEX(Jesper!AL$2:AL$366,ROUNDDOWN($C1476/24,0)+1,1))-1)+IF('Standard Profiles'!$G$22=$B$10,7,0)+IF('Standard Profiles'!$G$22=$B$17,14,0)+IF('Standard Profiles'!$G$22=$B$24,21,0),0)),0)</f>
        <v>0</v>
      </c>
      <c r="I1476">
        <f t="shared" si="174"/>
        <v>0.24533426580949588</v>
      </c>
      <c r="J1476">
        <f t="shared" si="175"/>
        <v>0.817780886031653</v>
      </c>
      <c r="K1476">
        <f t="shared" si="176"/>
        <v>1.2266713290474793</v>
      </c>
      <c r="L1476">
        <f t="shared" si="177"/>
        <v>5.888022379427901</v>
      </c>
      <c r="M1476">
        <f t="shared" si="178"/>
        <v>0</v>
      </c>
      <c r="N1476" s="46">
        <f t="shared" si="179"/>
        <v>45352.083333329836</v>
      </c>
    </row>
    <row r="1477" spans="2:14" x14ac:dyDescent="0.3">
      <c r="B1477">
        <f t="shared" si="173"/>
        <v>5</v>
      </c>
      <c r="C1477" s="16">
        <v>1443</v>
      </c>
      <c r="D1477" cm="1">
        <f t="array" ref="D1477">IFERROR(INDEX(Jesper!AH$2:AH$366,ROUNDDOWN($C1477/24,0)+1,1)*INDEX($D$3:$AA$30,INDEX(Jesper!$R$2:$R$366,ROW(INDEX(Jesper!AH$2:AH$366,ROUNDDOWN($C1477/24,0)+1,1))-1)+IF('Standard Profiles'!$G$18=$B$10,7,0)+IF('Standard Profiles'!$G$18=$B$17,14,0)+IF('Standard Profiles'!$G$18=$B$24,21,0),MOD($C1477,24)+1)/SUM(INDEX($D$3:$AA$30,INDEX(Jesper!$R$2:$R$366,ROW(INDEX(Jesper!AH$2:AH$366,ROUNDDOWN($C1477/24,0)+1,1))-1)+IF('Standard Profiles'!$G$18=$B$10,7,0)+IF('Standard Profiles'!$G$18=$B$17,14,0)+IF('Standard Profiles'!$G$18=$B$24,21,0),0)),0)</f>
        <v>8.1778088603165298</v>
      </c>
      <c r="E1477" cm="1">
        <f t="array" ref="E1477">IFERROR(INDEX(Jesper!AI$2:AI$366,ROUNDDOWN($C1477/24,0)+1,1)*INDEX($D$3:$AA$30,INDEX(Jesper!$R$2:$R$366,ROW(INDEX(Jesper!AI$2:AI$366,ROUNDDOWN($C1477/24,0)+1,1))-1)+IF('Standard Profiles'!$G$19=$B$10,7,0)+IF('Standard Profiles'!$G$19=$B$17,14,0)+IF('Standard Profiles'!$G$19=$B$24,21,0),MOD($C1477,24)+1)/SUM(INDEX($D$3:$AA$30,INDEX(Jesper!$R$2:$R$366,ROW(INDEX(Jesper!AI$2:AI$366,ROUNDDOWN($C1477/24,0)+1,1))-1)+IF('Standard Profiles'!$G$19=$B$10,7,0)+IF('Standard Profiles'!$G$19=$B$17,14,0)+IF('Standard Profiles'!$G$19=$B$24,21,0),0)),0)</f>
        <v>0</v>
      </c>
      <c r="F1477" cm="1">
        <f t="array" ref="F1477">IFERROR(INDEX(Jesper!AJ$2:AJ$366,ROUNDDOWN($C1477/24,0)+1,1)*INDEX($D$3:$AA$30,INDEX(Jesper!$R$2:$R$366,ROW(INDEX(Jesper!AJ$2:AJ$366,ROUNDDOWN($C1477/24,0)+1,1))-1)+IF('Standard Profiles'!$G$20=$B$10,7,0)+IF('Standard Profiles'!$G$20=$B$17,14,0)+IF('Standard Profiles'!$G$20=$B$24,21,0),MOD($C1477,24)+1)/SUM(INDEX($D$3:$AA$30,INDEX(Jesper!$R$2:$R$366,ROW(INDEX(Jesper!AJ$2:AJ$366,ROUNDDOWN($C1477/24,0)+1,1))-1)+IF('Standard Profiles'!$G$20=$B$10,7,0)+IF('Standard Profiles'!$G$20=$B$17,14,0)+IF('Standard Profiles'!$G$20=$B$24,21,0),0)),0)</f>
        <v>0</v>
      </c>
      <c r="G1477" cm="1">
        <f t="array" ref="G1477">IFERROR(INDEX(Jesper!AK$2:AK$366,ROUNDDOWN($C1477/24,0)+1,1)*INDEX($D$3:$AA$30,INDEX(Jesper!$R$2:$R$366,ROW(INDEX(Jesper!AK$2:AK$366,ROUNDDOWN($C1477/24,0)+1,1))-1)+IF('Standard Profiles'!$G$21=$B$10,7,0)+IF('Standard Profiles'!$G$21=$B$17,14,0)+IF('Standard Profiles'!$G$21=$B$24,21,0),MOD($C1477,24)+1)/SUM(INDEX($D$3:$AA$30,INDEX(Jesper!$R$2:$R$366,ROW(INDEX(Jesper!AK$2:AK$366,ROUNDDOWN($C1477/24,0)+1,1))-1)+IF('Standard Profiles'!$G$21=$B$10,7,0)+IF('Standard Profiles'!$G$21=$B$17,14,0)+IF('Standard Profiles'!$G$21=$B$24,21,0),0)),0)</f>
        <v>0</v>
      </c>
      <c r="H1477" cm="1">
        <f t="array" ref="H1477">IFERROR(INDEX(Jesper!AL$2:AL$366,ROUNDDOWN($C1477/24,0)+1,1)*INDEX($D$3:$AA$30,INDEX(Jesper!$R$2:$R$366,ROW(INDEX(Jesper!AL$2:AL$366,ROUNDDOWN($C1477/24,0)+1,1))-1)+IF('Standard Profiles'!$G$22=$B$10,7,0)+IF('Standard Profiles'!$G$22=$B$17,14,0)+IF('Standard Profiles'!$G$22=$B$24,21,0),MOD($C1477,24)+1)/SUM(INDEX($D$3:$AA$30,INDEX(Jesper!$R$2:$R$366,ROW(INDEX(Jesper!AL$2:AL$366,ROUNDDOWN($C1477/24,0)+1,1))-1)+IF('Standard Profiles'!$G$22=$B$10,7,0)+IF('Standard Profiles'!$G$22=$B$17,14,0)+IF('Standard Profiles'!$G$22=$B$24,21,0),0)),0)</f>
        <v>0</v>
      </c>
      <c r="I1477">
        <f t="shared" si="174"/>
        <v>0.24533426580949588</v>
      </c>
      <c r="J1477">
        <f t="shared" si="175"/>
        <v>0.817780886031653</v>
      </c>
      <c r="K1477">
        <f t="shared" si="176"/>
        <v>1.2266713290474793</v>
      </c>
      <c r="L1477">
        <f t="shared" si="177"/>
        <v>5.888022379427901</v>
      </c>
      <c r="M1477">
        <f t="shared" si="178"/>
        <v>0</v>
      </c>
      <c r="N1477" s="46">
        <f t="shared" si="179"/>
        <v>45352.1249999965</v>
      </c>
    </row>
    <row r="1478" spans="2:14" x14ac:dyDescent="0.3">
      <c r="B1478">
        <f t="shared" si="173"/>
        <v>5</v>
      </c>
      <c r="C1478" s="16">
        <v>1444</v>
      </c>
      <c r="D1478" cm="1">
        <f t="array" ref="D1478">IFERROR(INDEX(Jesper!AH$2:AH$366,ROUNDDOWN($C1478/24,0)+1,1)*INDEX($D$3:$AA$30,INDEX(Jesper!$R$2:$R$366,ROW(INDEX(Jesper!AH$2:AH$366,ROUNDDOWN($C1478/24,0)+1,1))-1)+IF('Standard Profiles'!$G$18=$B$10,7,0)+IF('Standard Profiles'!$G$18=$B$17,14,0)+IF('Standard Profiles'!$G$18=$B$24,21,0),MOD($C1478,24)+1)/SUM(INDEX($D$3:$AA$30,INDEX(Jesper!$R$2:$R$366,ROW(INDEX(Jesper!AH$2:AH$366,ROUNDDOWN($C1478/24,0)+1,1))-1)+IF('Standard Profiles'!$G$18=$B$10,7,0)+IF('Standard Profiles'!$G$18=$B$17,14,0)+IF('Standard Profiles'!$G$18=$B$24,21,0),0)),0)</f>
        <v>8.1778088603165298</v>
      </c>
      <c r="E1478" cm="1">
        <f t="array" ref="E1478">IFERROR(INDEX(Jesper!AI$2:AI$366,ROUNDDOWN($C1478/24,0)+1,1)*INDEX($D$3:$AA$30,INDEX(Jesper!$R$2:$R$366,ROW(INDEX(Jesper!AI$2:AI$366,ROUNDDOWN($C1478/24,0)+1,1))-1)+IF('Standard Profiles'!$G$19=$B$10,7,0)+IF('Standard Profiles'!$G$19=$B$17,14,0)+IF('Standard Profiles'!$G$19=$B$24,21,0),MOD($C1478,24)+1)/SUM(INDEX($D$3:$AA$30,INDEX(Jesper!$R$2:$R$366,ROW(INDEX(Jesper!AI$2:AI$366,ROUNDDOWN($C1478/24,0)+1,1))-1)+IF('Standard Profiles'!$G$19=$B$10,7,0)+IF('Standard Profiles'!$G$19=$B$17,14,0)+IF('Standard Profiles'!$G$19=$B$24,21,0),0)),0)</f>
        <v>0</v>
      </c>
      <c r="F1478" cm="1">
        <f t="array" ref="F1478">IFERROR(INDEX(Jesper!AJ$2:AJ$366,ROUNDDOWN($C1478/24,0)+1,1)*INDEX($D$3:$AA$30,INDEX(Jesper!$R$2:$R$366,ROW(INDEX(Jesper!AJ$2:AJ$366,ROUNDDOWN($C1478/24,0)+1,1))-1)+IF('Standard Profiles'!$G$20=$B$10,7,0)+IF('Standard Profiles'!$G$20=$B$17,14,0)+IF('Standard Profiles'!$G$20=$B$24,21,0),MOD($C1478,24)+1)/SUM(INDEX($D$3:$AA$30,INDEX(Jesper!$R$2:$R$366,ROW(INDEX(Jesper!AJ$2:AJ$366,ROUNDDOWN($C1478/24,0)+1,1))-1)+IF('Standard Profiles'!$G$20=$B$10,7,0)+IF('Standard Profiles'!$G$20=$B$17,14,0)+IF('Standard Profiles'!$G$20=$B$24,21,0),0)),0)</f>
        <v>0</v>
      </c>
      <c r="G1478" cm="1">
        <f t="array" ref="G1478">IFERROR(INDEX(Jesper!AK$2:AK$366,ROUNDDOWN($C1478/24,0)+1,1)*INDEX($D$3:$AA$30,INDEX(Jesper!$R$2:$R$366,ROW(INDEX(Jesper!AK$2:AK$366,ROUNDDOWN($C1478/24,0)+1,1))-1)+IF('Standard Profiles'!$G$21=$B$10,7,0)+IF('Standard Profiles'!$G$21=$B$17,14,0)+IF('Standard Profiles'!$G$21=$B$24,21,0),MOD($C1478,24)+1)/SUM(INDEX($D$3:$AA$30,INDEX(Jesper!$R$2:$R$366,ROW(INDEX(Jesper!AK$2:AK$366,ROUNDDOWN($C1478/24,0)+1,1))-1)+IF('Standard Profiles'!$G$21=$B$10,7,0)+IF('Standard Profiles'!$G$21=$B$17,14,0)+IF('Standard Profiles'!$G$21=$B$24,21,0),0)),0)</f>
        <v>0</v>
      </c>
      <c r="H1478" cm="1">
        <f t="array" ref="H1478">IFERROR(INDEX(Jesper!AL$2:AL$366,ROUNDDOWN($C1478/24,0)+1,1)*INDEX($D$3:$AA$30,INDEX(Jesper!$R$2:$R$366,ROW(INDEX(Jesper!AL$2:AL$366,ROUNDDOWN($C1478/24,0)+1,1))-1)+IF('Standard Profiles'!$G$22=$B$10,7,0)+IF('Standard Profiles'!$G$22=$B$17,14,0)+IF('Standard Profiles'!$G$22=$B$24,21,0),MOD($C1478,24)+1)/SUM(INDEX($D$3:$AA$30,INDEX(Jesper!$R$2:$R$366,ROW(INDEX(Jesper!AL$2:AL$366,ROUNDDOWN($C1478/24,0)+1,1))-1)+IF('Standard Profiles'!$G$22=$B$10,7,0)+IF('Standard Profiles'!$G$22=$B$17,14,0)+IF('Standard Profiles'!$G$22=$B$24,21,0),0)),0)</f>
        <v>0</v>
      </c>
      <c r="I1478">
        <f t="shared" si="174"/>
        <v>0.24533426580949588</v>
      </c>
      <c r="J1478">
        <f t="shared" si="175"/>
        <v>0.817780886031653</v>
      </c>
      <c r="K1478">
        <f t="shared" si="176"/>
        <v>1.2266713290474793</v>
      </c>
      <c r="L1478">
        <f t="shared" si="177"/>
        <v>5.888022379427901</v>
      </c>
      <c r="M1478">
        <f t="shared" si="178"/>
        <v>0</v>
      </c>
      <c r="N1478" s="46">
        <f t="shared" si="179"/>
        <v>45352.166666663165</v>
      </c>
    </row>
    <row r="1479" spans="2:14" x14ac:dyDescent="0.3">
      <c r="B1479">
        <f t="shared" si="173"/>
        <v>5</v>
      </c>
      <c r="C1479" s="16">
        <v>1445</v>
      </c>
      <c r="D1479" cm="1">
        <f t="array" ref="D1479">IFERROR(INDEX(Jesper!AH$2:AH$366,ROUNDDOWN($C1479/24,0)+1,1)*INDEX($D$3:$AA$30,INDEX(Jesper!$R$2:$R$366,ROW(INDEX(Jesper!AH$2:AH$366,ROUNDDOWN($C1479/24,0)+1,1))-1)+IF('Standard Profiles'!$G$18=$B$10,7,0)+IF('Standard Profiles'!$G$18=$B$17,14,0)+IF('Standard Profiles'!$G$18=$B$24,21,0),MOD($C1479,24)+1)/SUM(INDEX($D$3:$AA$30,INDEX(Jesper!$R$2:$R$366,ROW(INDEX(Jesper!AH$2:AH$366,ROUNDDOWN($C1479/24,0)+1,1))-1)+IF('Standard Profiles'!$G$18=$B$10,7,0)+IF('Standard Profiles'!$G$18=$B$17,14,0)+IF('Standard Profiles'!$G$18=$B$24,21,0),0)),0)</f>
        <v>10.540286975519082</v>
      </c>
      <c r="E1479" cm="1">
        <f t="array" ref="E1479">IFERROR(INDEX(Jesper!AI$2:AI$366,ROUNDDOWN($C1479/24,0)+1,1)*INDEX($D$3:$AA$30,INDEX(Jesper!$R$2:$R$366,ROW(INDEX(Jesper!AI$2:AI$366,ROUNDDOWN($C1479/24,0)+1,1))-1)+IF('Standard Profiles'!$G$19=$B$10,7,0)+IF('Standard Profiles'!$G$19=$B$17,14,0)+IF('Standard Profiles'!$G$19=$B$24,21,0),MOD($C1479,24)+1)/SUM(INDEX($D$3:$AA$30,INDEX(Jesper!$R$2:$R$366,ROW(INDEX(Jesper!AI$2:AI$366,ROUNDDOWN($C1479/24,0)+1,1))-1)+IF('Standard Profiles'!$G$19=$B$10,7,0)+IF('Standard Profiles'!$G$19=$B$17,14,0)+IF('Standard Profiles'!$G$19=$B$24,21,0),0)),0)</f>
        <v>0</v>
      </c>
      <c r="F1479" cm="1">
        <f t="array" ref="F1479">IFERROR(INDEX(Jesper!AJ$2:AJ$366,ROUNDDOWN($C1479/24,0)+1,1)*INDEX($D$3:$AA$30,INDEX(Jesper!$R$2:$R$366,ROW(INDEX(Jesper!AJ$2:AJ$366,ROUNDDOWN($C1479/24,0)+1,1))-1)+IF('Standard Profiles'!$G$20=$B$10,7,0)+IF('Standard Profiles'!$G$20=$B$17,14,0)+IF('Standard Profiles'!$G$20=$B$24,21,0),MOD($C1479,24)+1)/SUM(INDEX($D$3:$AA$30,INDEX(Jesper!$R$2:$R$366,ROW(INDEX(Jesper!AJ$2:AJ$366,ROUNDDOWN($C1479/24,0)+1,1))-1)+IF('Standard Profiles'!$G$20=$B$10,7,0)+IF('Standard Profiles'!$G$20=$B$17,14,0)+IF('Standard Profiles'!$G$20=$B$24,21,0),0)),0)</f>
        <v>0</v>
      </c>
      <c r="G1479" cm="1">
        <f t="array" ref="G1479">IFERROR(INDEX(Jesper!AK$2:AK$366,ROUNDDOWN($C1479/24,0)+1,1)*INDEX($D$3:$AA$30,INDEX(Jesper!$R$2:$R$366,ROW(INDEX(Jesper!AK$2:AK$366,ROUNDDOWN($C1479/24,0)+1,1))-1)+IF('Standard Profiles'!$G$21=$B$10,7,0)+IF('Standard Profiles'!$G$21=$B$17,14,0)+IF('Standard Profiles'!$G$21=$B$24,21,0),MOD($C1479,24)+1)/SUM(INDEX($D$3:$AA$30,INDEX(Jesper!$R$2:$R$366,ROW(INDEX(Jesper!AK$2:AK$366,ROUNDDOWN($C1479/24,0)+1,1))-1)+IF('Standard Profiles'!$G$21=$B$10,7,0)+IF('Standard Profiles'!$G$21=$B$17,14,0)+IF('Standard Profiles'!$G$21=$B$24,21,0),0)),0)</f>
        <v>0</v>
      </c>
      <c r="H1479" cm="1">
        <f t="array" ref="H1479">IFERROR(INDEX(Jesper!AL$2:AL$366,ROUNDDOWN($C1479/24,0)+1,1)*INDEX($D$3:$AA$30,INDEX(Jesper!$R$2:$R$366,ROW(INDEX(Jesper!AL$2:AL$366,ROUNDDOWN($C1479/24,0)+1,1))-1)+IF('Standard Profiles'!$G$22=$B$10,7,0)+IF('Standard Profiles'!$G$22=$B$17,14,0)+IF('Standard Profiles'!$G$22=$B$24,21,0),MOD($C1479,24)+1)/SUM(INDEX($D$3:$AA$30,INDEX(Jesper!$R$2:$R$366,ROW(INDEX(Jesper!AL$2:AL$366,ROUNDDOWN($C1479/24,0)+1,1))-1)+IF('Standard Profiles'!$G$22=$B$10,7,0)+IF('Standard Profiles'!$G$22=$B$17,14,0)+IF('Standard Profiles'!$G$22=$B$24,21,0),0)),0)</f>
        <v>0</v>
      </c>
      <c r="I1479">
        <f t="shared" si="174"/>
        <v>0.31620860926557248</v>
      </c>
      <c r="J1479">
        <f t="shared" si="175"/>
        <v>1.0540286975519082</v>
      </c>
      <c r="K1479">
        <f t="shared" si="176"/>
        <v>1.5810430463278624</v>
      </c>
      <c r="L1479">
        <f t="shared" si="177"/>
        <v>7.5890066223737387</v>
      </c>
      <c r="M1479">
        <f t="shared" si="178"/>
        <v>0</v>
      </c>
      <c r="N1479" s="46">
        <f t="shared" si="179"/>
        <v>45352.208333329829</v>
      </c>
    </row>
    <row r="1480" spans="2:14" x14ac:dyDescent="0.3">
      <c r="B1480">
        <f t="shared" si="173"/>
        <v>5</v>
      </c>
      <c r="C1480" s="16">
        <v>1446</v>
      </c>
      <c r="D1480" cm="1">
        <f t="array" ref="D1480">IFERROR(INDEX(Jesper!AH$2:AH$366,ROUNDDOWN($C1480/24,0)+1,1)*INDEX($D$3:$AA$30,INDEX(Jesper!$R$2:$R$366,ROW(INDEX(Jesper!AH$2:AH$366,ROUNDDOWN($C1480/24,0)+1,1))-1)+IF('Standard Profiles'!$G$18=$B$10,7,0)+IF('Standard Profiles'!$G$18=$B$17,14,0)+IF('Standard Profiles'!$G$18=$B$24,21,0),MOD($C1480,24)+1)/SUM(INDEX($D$3:$AA$30,INDEX(Jesper!$R$2:$R$366,ROW(INDEX(Jesper!AH$2:AH$366,ROUNDDOWN($C1480/24,0)+1,1))-1)+IF('Standard Profiles'!$G$18=$B$10,7,0)+IF('Standard Profiles'!$G$18=$B$17,14,0)+IF('Standard Profiles'!$G$18=$B$24,21,0),0)),0)</f>
        <v>12.721036004936824</v>
      </c>
      <c r="E1480" cm="1">
        <f t="array" ref="E1480">IFERROR(INDEX(Jesper!AI$2:AI$366,ROUNDDOWN($C1480/24,0)+1,1)*INDEX($D$3:$AA$30,INDEX(Jesper!$R$2:$R$366,ROW(INDEX(Jesper!AI$2:AI$366,ROUNDDOWN($C1480/24,0)+1,1))-1)+IF('Standard Profiles'!$G$19=$B$10,7,0)+IF('Standard Profiles'!$G$19=$B$17,14,0)+IF('Standard Profiles'!$G$19=$B$24,21,0),MOD($C1480,24)+1)/SUM(INDEX($D$3:$AA$30,INDEX(Jesper!$R$2:$R$366,ROW(INDEX(Jesper!AI$2:AI$366,ROUNDDOWN($C1480/24,0)+1,1))-1)+IF('Standard Profiles'!$G$19=$B$10,7,0)+IF('Standard Profiles'!$G$19=$B$17,14,0)+IF('Standard Profiles'!$G$19=$B$24,21,0),0)),0)</f>
        <v>0</v>
      </c>
      <c r="F1480" cm="1">
        <f t="array" ref="F1480">IFERROR(INDEX(Jesper!AJ$2:AJ$366,ROUNDDOWN($C1480/24,0)+1,1)*INDEX($D$3:$AA$30,INDEX(Jesper!$R$2:$R$366,ROW(INDEX(Jesper!AJ$2:AJ$366,ROUNDDOWN($C1480/24,0)+1,1))-1)+IF('Standard Profiles'!$G$20=$B$10,7,0)+IF('Standard Profiles'!$G$20=$B$17,14,0)+IF('Standard Profiles'!$G$20=$B$24,21,0),MOD($C1480,24)+1)/SUM(INDEX($D$3:$AA$30,INDEX(Jesper!$R$2:$R$366,ROW(INDEX(Jesper!AJ$2:AJ$366,ROUNDDOWN($C1480/24,0)+1,1))-1)+IF('Standard Profiles'!$G$20=$B$10,7,0)+IF('Standard Profiles'!$G$20=$B$17,14,0)+IF('Standard Profiles'!$G$20=$B$24,21,0),0)),0)</f>
        <v>0</v>
      </c>
      <c r="G1480" cm="1">
        <f t="array" ref="G1480">IFERROR(INDEX(Jesper!AK$2:AK$366,ROUNDDOWN($C1480/24,0)+1,1)*INDEX($D$3:$AA$30,INDEX(Jesper!$R$2:$R$366,ROW(INDEX(Jesper!AK$2:AK$366,ROUNDDOWN($C1480/24,0)+1,1))-1)+IF('Standard Profiles'!$G$21=$B$10,7,0)+IF('Standard Profiles'!$G$21=$B$17,14,0)+IF('Standard Profiles'!$G$21=$B$24,21,0),MOD($C1480,24)+1)/SUM(INDEX($D$3:$AA$30,INDEX(Jesper!$R$2:$R$366,ROW(INDEX(Jesper!AK$2:AK$366,ROUNDDOWN($C1480/24,0)+1,1))-1)+IF('Standard Profiles'!$G$21=$B$10,7,0)+IF('Standard Profiles'!$G$21=$B$17,14,0)+IF('Standard Profiles'!$G$21=$B$24,21,0),0)),0)</f>
        <v>0</v>
      </c>
      <c r="H1480" cm="1">
        <f t="array" ref="H1480">IFERROR(INDEX(Jesper!AL$2:AL$366,ROUNDDOWN($C1480/24,0)+1,1)*INDEX($D$3:$AA$30,INDEX(Jesper!$R$2:$R$366,ROW(INDEX(Jesper!AL$2:AL$366,ROUNDDOWN($C1480/24,0)+1,1))-1)+IF('Standard Profiles'!$G$22=$B$10,7,0)+IF('Standard Profiles'!$G$22=$B$17,14,0)+IF('Standard Profiles'!$G$22=$B$24,21,0),MOD($C1480,24)+1)/SUM(INDEX($D$3:$AA$30,INDEX(Jesper!$R$2:$R$366,ROW(INDEX(Jesper!AL$2:AL$366,ROUNDDOWN($C1480/24,0)+1,1))-1)+IF('Standard Profiles'!$G$22=$B$10,7,0)+IF('Standard Profiles'!$G$22=$B$17,14,0)+IF('Standard Profiles'!$G$22=$B$24,21,0),0)),0)</f>
        <v>0</v>
      </c>
      <c r="I1480">
        <f t="shared" si="174"/>
        <v>0.38163108014810471</v>
      </c>
      <c r="J1480">
        <f t="shared" si="175"/>
        <v>1.2721036004936825</v>
      </c>
      <c r="K1480">
        <f t="shared" si="176"/>
        <v>1.9081554007405235</v>
      </c>
      <c r="L1480">
        <f t="shared" si="177"/>
        <v>9.1591459235545134</v>
      </c>
      <c r="M1480">
        <f t="shared" si="178"/>
        <v>0</v>
      </c>
      <c r="N1480" s="46">
        <f t="shared" si="179"/>
        <v>45352.249999996493</v>
      </c>
    </row>
    <row r="1481" spans="2:14" x14ac:dyDescent="0.3">
      <c r="B1481">
        <f t="shared" si="173"/>
        <v>5</v>
      </c>
      <c r="C1481" s="16">
        <v>1447</v>
      </c>
      <c r="D1481" cm="1">
        <f t="array" ref="D1481">IFERROR(INDEX(Jesper!AH$2:AH$366,ROUNDDOWN($C1481/24,0)+1,1)*INDEX($D$3:$AA$30,INDEX(Jesper!$R$2:$R$366,ROW(INDEX(Jesper!AH$2:AH$366,ROUNDDOWN($C1481/24,0)+1,1))-1)+IF('Standard Profiles'!$G$18=$B$10,7,0)+IF('Standard Profiles'!$G$18=$B$17,14,0)+IF('Standard Profiles'!$G$18=$B$24,21,0),MOD($C1481,24)+1)/SUM(INDEX($D$3:$AA$30,INDEX(Jesper!$R$2:$R$366,ROW(INDEX(Jesper!AH$2:AH$366,ROUNDDOWN($C1481/24,0)+1,1))-1)+IF('Standard Profiles'!$G$18=$B$10,7,0)+IF('Standard Profiles'!$G$18=$B$17,14,0)+IF('Standard Profiles'!$G$18=$B$24,21,0),0)),0)</f>
        <v>12.721036004936824</v>
      </c>
      <c r="E1481" cm="1">
        <f t="array" ref="E1481">IFERROR(INDEX(Jesper!AI$2:AI$366,ROUNDDOWN($C1481/24,0)+1,1)*INDEX($D$3:$AA$30,INDEX(Jesper!$R$2:$R$366,ROW(INDEX(Jesper!AI$2:AI$366,ROUNDDOWN($C1481/24,0)+1,1))-1)+IF('Standard Profiles'!$G$19=$B$10,7,0)+IF('Standard Profiles'!$G$19=$B$17,14,0)+IF('Standard Profiles'!$G$19=$B$24,21,0),MOD($C1481,24)+1)/SUM(INDEX($D$3:$AA$30,INDEX(Jesper!$R$2:$R$366,ROW(INDEX(Jesper!AI$2:AI$366,ROUNDDOWN($C1481/24,0)+1,1))-1)+IF('Standard Profiles'!$G$19=$B$10,7,0)+IF('Standard Profiles'!$G$19=$B$17,14,0)+IF('Standard Profiles'!$G$19=$B$24,21,0),0)),0)</f>
        <v>0</v>
      </c>
      <c r="F1481" cm="1">
        <f t="array" ref="F1481">IFERROR(INDEX(Jesper!AJ$2:AJ$366,ROUNDDOWN($C1481/24,0)+1,1)*INDEX($D$3:$AA$30,INDEX(Jesper!$R$2:$R$366,ROW(INDEX(Jesper!AJ$2:AJ$366,ROUNDDOWN($C1481/24,0)+1,1))-1)+IF('Standard Profiles'!$G$20=$B$10,7,0)+IF('Standard Profiles'!$G$20=$B$17,14,0)+IF('Standard Profiles'!$G$20=$B$24,21,0),MOD($C1481,24)+1)/SUM(INDEX($D$3:$AA$30,INDEX(Jesper!$R$2:$R$366,ROW(INDEX(Jesper!AJ$2:AJ$366,ROUNDDOWN($C1481/24,0)+1,1))-1)+IF('Standard Profiles'!$G$20=$B$10,7,0)+IF('Standard Profiles'!$G$20=$B$17,14,0)+IF('Standard Profiles'!$G$20=$B$24,21,0),0)),0)</f>
        <v>0</v>
      </c>
      <c r="G1481" cm="1">
        <f t="array" ref="G1481">IFERROR(INDEX(Jesper!AK$2:AK$366,ROUNDDOWN($C1481/24,0)+1,1)*INDEX($D$3:$AA$30,INDEX(Jesper!$R$2:$R$366,ROW(INDEX(Jesper!AK$2:AK$366,ROUNDDOWN($C1481/24,0)+1,1))-1)+IF('Standard Profiles'!$G$21=$B$10,7,0)+IF('Standard Profiles'!$G$21=$B$17,14,0)+IF('Standard Profiles'!$G$21=$B$24,21,0),MOD($C1481,24)+1)/SUM(INDEX($D$3:$AA$30,INDEX(Jesper!$R$2:$R$366,ROW(INDEX(Jesper!AK$2:AK$366,ROUNDDOWN($C1481/24,0)+1,1))-1)+IF('Standard Profiles'!$G$21=$B$10,7,0)+IF('Standard Profiles'!$G$21=$B$17,14,0)+IF('Standard Profiles'!$G$21=$B$24,21,0),0)),0)</f>
        <v>0</v>
      </c>
      <c r="H1481" cm="1">
        <f t="array" ref="H1481">IFERROR(INDEX(Jesper!AL$2:AL$366,ROUNDDOWN($C1481/24,0)+1,1)*INDEX($D$3:$AA$30,INDEX(Jesper!$R$2:$R$366,ROW(INDEX(Jesper!AL$2:AL$366,ROUNDDOWN($C1481/24,0)+1,1))-1)+IF('Standard Profiles'!$G$22=$B$10,7,0)+IF('Standard Profiles'!$G$22=$B$17,14,0)+IF('Standard Profiles'!$G$22=$B$24,21,0),MOD($C1481,24)+1)/SUM(INDEX($D$3:$AA$30,INDEX(Jesper!$R$2:$R$366,ROW(INDEX(Jesper!AL$2:AL$366,ROUNDDOWN($C1481/24,0)+1,1))-1)+IF('Standard Profiles'!$G$22=$B$10,7,0)+IF('Standard Profiles'!$G$22=$B$17,14,0)+IF('Standard Profiles'!$G$22=$B$24,21,0),0)),0)</f>
        <v>0</v>
      </c>
      <c r="I1481">
        <f t="shared" si="174"/>
        <v>0.38163108014810471</v>
      </c>
      <c r="J1481">
        <f t="shared" si="175"/>
        <v>1.2721036004936825</v>
      </c>
      <c r="K1481">
        <f t="shared" si="176"/>
        <v>1.9081554007405235</v>
      </c>
      <c r="L1481">
        <f t="shared" si="177"/>
        <v>9.1591459235545134</v>
      </c>
      <c r="M1481">
        <f t="shared" si="178"/>
        <v>0</v>
      </c>
      <c r="N1481" s="46">
        <f t="shared" si="179"/>
        <v>45352.291666663157</v>
      </c>
    </row>
    <row r="1482" spans="2:14" x14ac:dyDescent="0.3">
      <c r="B1482">
        <f t="shared" si="173"/>
        <v>5</v>
      </c>
      <c r="C1482" s="16">
        <v>1448</v>
      </c>
      <c r="D1482" cm="1">
        <f t="array" ref="D1482">IFERROR(INDEX(Jesper!AH$2:AH$366,ROUNDDOWN($C1482/24,0)+1,1)*INDEX($D$3:$AA$30,INDEX(Jesper!$R$2:$R$366,ROW(INDEX(Jesper!AH$2:AH$366,ROUNDDOWN($C1482/24,0)+1,1))-1)+IF('Standard Profiles'!$G$18=$B$10,7,0)+IF('Standard Profiles'!$G$18=$B$17,14,0)+IF('Standard Profiles'!$G$18=$B$24,21,0),MOD($C1482,24)+1)/SUM(INDEX($D$3:$AA$30,INDEX(Jesper!$R$2:$R$366,ROW(INDEX(Jesper!AH$2:AH$366,ROUNDDOWN($C1482/24,0)+1,1))-1)+IF('Standard Profiles'!$G$18=$B$10,7,0)+IF('Standard Profiles'!$G$18=$B$17,14,0)+IF('Standard Profiles'!$G$18=$B$24,21,0),0)),0)</f>
        <v>12.721036004936824</v>
      </c>
      <c r="E1482" cm="1">
        <f t="array" ref="E1482">IFERROR(INDEX(Jesper!AI$2:AI$366,ROUNDDOWN($C1482/24,0)+1,1)*INDEX($D$3:$AA$30,INDEX(Jesper!$R$2:$R$366,ROW(INDEX(Jesper!AI$2:AI$366,ROUNDDOWN($C1482/24,0)+1,1))-1)+IF('Standard Profiles'!$G$19=$B$10,7,0)+IF('Standard Profiles'!$G$19=$B$17,14,0)+IF('Standard Profiles'!$G$19=$B$24,21,0),MOD($C1482,24)+1)/SUM(INDEX($D$3:$AA$30,INDEX(Jesper!$R$2:$R$366,ROW(INDEX(Jesper!AI$2:AI$366,ROUNDDOWN($C1482/24,0)+1,1))-1)+IF('Standard Profiles'!$G$19=$B$10,7,0)+IF('Standard Profiles'!$G$19=$B$17,14,0)+IF('Standard Profiles'!$G$19=$B$24,21,0),0)),0)</f>
        <v>0</v>
      </c>
      <c r="F1482" cm="1">
        <f t="array" ref="F1482">IFERROR(INDEX(Jesper!AJ$2:AJ$366,ROUNDDOWN($C1482/24,0)+1,1)*INDEX($D$3:$AA$30,INDEX(Jesper!$R$2:$R$366,ROW(INDEX(Jesper!AJ$2:AJ$366,ROUNDDOWN($C1482/24,0)+1,1))-1)+IF('Standard Profiles'!$G$20=$B$10,7,0)+IF('Standard Profiles'!$G$20=$B$17,14,0)+IF('Standard Profiles'!$G$20=$B$24,21,0),MOD($C1482,24)+1)/SUM(INDEX($D$3:$AA$30,INDEX(Jesper!$R$2:$R$366,ROW(INDEX(Jesper!AJ$2:AJ$366,ROUNDDOWN($C1482/24,0)+1,1))-1)+IF('Standard Profiles'!$G$20=$B$10,7,0)+IF('Standard Profiles'!$G$20=$B$17,14,0)+IF('Standard Profiles'!$G$20=$B$24,21,0),0)),0)</f>
        <v>0</v>
      </c>
      <c r="G1482" cm="1">
        <f t="array" ref="G1482">IFERROR(INDEX(Jesper!AK$2:AK$366,ROUNDDOWN($C1482/24,0)+1,1)*INDEX($D$3:$AA$30,INDEX(Jesper!$R$2:$R$366,ROW(INDEX(Jesper!AK$2:AK$366,ROUNDDOWN($C1482/24,0)+1,1))-1)+IF('Standard Profiles'!$G$21=$B$10,7,0)+IF('Standard Profiles'!$G$21=$B$17,14,0)+IF('Standard Profiles'!$G$21=$B$24,21,0),MOD($C1482,24)+1)/SUM(INDEX($D$3:$AA$30,INDEX(Jesper!$R$2:$R$366,ROW(INDEX(Jesper!AK$2:AK$366,ROUNDDOWN($C1482/24,0)+1,1))-1)+IF('Standard Profiles'!$G$21=$B$10,7,0)+IF('Standard Profiles'!$G$21=$B$17,14,0)+IF('Standard Profiles'!$G$21=$B$24,21,0),0)),0)</f>
        <v>0</v>
      </c>
      <c r="H1482" cm="1">
        <f t="array" ref="H1482">IFERROR(INDEX(Jesper!AL$2:AL$366,ROUNDDOWN($C1482/24,0)+1,1)*INDEX($D$3:$AA$30,INDEX(Jesper!$R$2:$R$366,ROW(INDEX(Jesper!AL$2:AL$366,ROUNDDOWN($C1482/24,0)+1,1))-1)+IF('Standard Profiles'!$G$22=$B$10,7,0)+IF('Standard Profiles'!$G$22=$B$17,14,0)+IF('Standard Profiles'!$G$22=$B$24,21,0),MOD($C1482,24)+1)/SUM(INDEX($D$3:$AA$30,INDEX(Jesper!$R$2:$R$366,ROW(INDEX(Jesper!AL$2:AL$366,ROUNDDOWN($C1482/24,0)+1,1))-1)+IF('Standard Profiles'!$G$22=$B$10,7,0)+IF('Standard Profiles'!$G$22=$B$17,14,0)+IF('Standard Profiles'!$G$22=$B$24,21,0),0)),0)</f>
        <v>0</v>
      </c>
      <c r="I1482">
        <f t="shared" si="174"/>
        <v>0.38163108014810471</v>
      </c>
      <c r="J1482">
        <f t="shared" si="175"/>
        <v>1.2721036004936825</v>
      </c>
      <c r="K1482">
        <f t="shared" si="176"/>
        <v>1.9081554007405235</v>
      </c>
      <c r="L1482">
        <f t="shared" si="177"/>
        <v>9.1591459235545134</v>
      </c>
      <c r="M1482">
        <f t="shared" si="178"/>
        <v>0</v>
      </c>
      <c r="N1482" s="46">
        <f t="shared" si="179"/>
        <v>45352.333333329821</v>
      </c>
    </row>
    <row r="1483" spans="2:14" x14ac:dyDescent="0.3">
      <c r="B1483">
        <f t="shared" si="173"/>
        <v>5</v>
      </c>
      <c r="C1483" s="16">
        <v>1449</v>
      </c>
      <c r="D1483" cm="1">
        <f t="array" ref="D1483">IFERROR(INDEX(Jesper!AH$2:AH$366,ROUNDDOWN($C1483/24,0)+1,1)*INDEX($D$3:$AA$30,INDEX(Jesper!$R$2:$R$366,ROW(INDEX(Jesper!AH$2:AH$366,ROUNDDOWN($C1483/24,0)+1,1))-1)+IF('Standard Profiles'!$G$18=$B$10,7,0)+IF('Standard Profiles'!$G$18=$B$17,14,0)+IF('Standard Profiles'!$G$18=$B$24,21,0),MOD($C1483,24)+1)/SUM(INDEX($D$3:$AA$30,INDEX(Jesper!$R$2:$R$366,ROW(INDEX(Jesper!AH$2:AH$366,ROUNDDOWN($C1483/24,0)+1,1))-1)+IF('Standard Profiles'!$G$18=$B$10,7,0)+IF('Standard Profiles'!$G$18=$B$17,14,0)+IF('Standard Profiles'!$G$18=$B$24,21,0),0)),0)</f>
        <v>13.629681433860885</v>
      </c>
      <c r="E1483" cm="1">
        <f t="array" ref="E1483">IFERROR(INDEX(Jesper!AI$2:AI$366,ROUNDDOWN($C1483/24,0)+1,1)*INDEX($D$3:$AA$30,INDEX(Jesper!$R$2:$R$366,ROW(INDEX(Jesper!AI$2:AI$366,ROUNDDOWN($C1483/24,0)+1,1))-1)+IF('Standard Profiles'!$G$19=$B$10,7,0)+IF('Standard Profiles'!$G$19=$B$17,14,0)+IF('Standard Profiles'!$G$19=$B$24,21,0),MOD($C1483,24)+1)/SUM(INDEX($D$3:$AA$30,INDEX(Jesper!$R$2:$R$366,ROW(INDEX(Jesper!AI$2:AI$366,ROUNDDOWN($C1483/24,0)+1,1))-1)+IF('Standard Profiles'!$G$19=$B$10,7,0)+IF('Standard Profiles'!$G$19=$B$17,14,0)+IF('Standard Profiles'!$G$19=$B$24,21,0),0)),0)</f>
        <v>0</v>
      </c>
      <c r="F1483" cm="1">
        <f t="array" ref="F1483">IFERROR(INDEX(Jesper!AJ$2:AJ$366,ROUNDDOWN($C1483/24,0)+1,1)*INDEX($D$3:$AA$30,INDEX(Jesper!$R$2:$R$366,ROW(INDEX(Jesper!AJ$2:AJ$366,ROUNDDOWN($C1483/24,0)+1,1))-1)+IF('Standard Profiles'!$G$20=$B$10,7,0)+IF('Standard Profiles'!$G$20=$B$17,14,0)+IF('Standard Profiles'!$G$20=$B$24,21,0),MOD($C1483,24)+1)/SUM(INDEX($D$3:$AA$30,INDEX(Jesper!$R$2:$R$366,ROW(INDEX(Jesper!AJ$2:AJ$366,ROUNDDOWN($C1483/24,0)+1,1))-1)+IF('Standard Profiles'!$G$20=$B$10,7,0)+IF('Standard Profiles'!$G$20=$B$17,14,0)+IF('Standard Profiles'!$G$20=$B$24,21,0),0)),0)</f>
        <v>0</v>
      </c>
      <c r="G1483" cm="1">
        <f t="array" ref="G1483">IFERROR(INDEX(Jesper!AK$2:AK$366,ROUNDDOWN($C1483/24,0)+1,1)*INDEX($D$3:$AA$30,INDEX(Jesper!$R$2:$R$366,ROW(INDEX(Jesper!AK$2:AK$366,ROUNDDOWN($C1483/24,0)+1,1))-1)+IF('Standard Profiles'!$G$21=$B$10,7,0)+IF('Standard Profiles'!$G$21=$B$17,14,0)+IF('Standard Profiles'!$G$21=$B$24,21,0),MOD($C1483,24)+1)/SUM(INDEX($D$3:$AA$30,INDEX(Jesper!$R$2:$R$366,ROW(INDEX(Jesper!AK$2:AK$366,ROUNDDOWN($C1483/24,0)+1,1))-1)+IF('Standard Profiles'!$G$21=$B$10,7,0)+IF('Standard Profiles'!$G$21=$B$17,14,0)+IF('Standard Profiles'!$G$21=$B$24,21,0),0)),0)</f>
        <v>0</v>
      </c>
      <c r="H1483" cm="1">
        <f t="array" ref="H1483">IFERROR(INDEX(Jesper!AL$2:AL$366,ROUNDDOWN($C1483/24,0)+1,1)*INDEX($D$3:$AA$30,INDEX(Jesper!$R$2:$R$366,ROW(INDEX(Jesper!AL$2:AL$366,ROUNDDOWN($C1483/24,0)+1,1))-1)+IF('Standard Profiles'!$G$22=$B$10,7,0)+IF('Standard Profiles'!$G$22=$B$17,14,0)+IF('Standard Profiles'!$G$22=$B$24,21,0),MOD($C1483,24)+1)/SUM(INDEX($D$3:$AA$30,INDEX(Jesper!$R$2:$R$366,ROW(INDEX(Jesper!AL$2:AL$366,ROUNDDOWN($C1483/24,0)+1,1))-1)+IF('Standard Profiles'!$G$22=$B$10,7,0)+IF('Standard Profiles'!$G$22=$B$17,14,0)+IF('Standard Profiles'!$G$22=$B$24,21,0),0)),0)</f>
        <v>0</v>
      </c>
      <c r="I1483">
        <f t="shared" si="174"/>
        <v>0.4088904430158265</v>
      </c>
      <c r="J1483">
        <f t="shared" si="175"/>
        <v>1.3629681433860885</v>
      </c>
      <c r="K1483">
        <f t="shared" si="176"/>
        <v>2.0444522150791324</v>
      </c>
      <c r="L1483">
        <f t="shared" si="177"/>
        <v>9.8133706323798364</v>
      </c>
      <c r="M1483">
        <f t="shared" si="178"/>
        <v>0</v>
      </c>
      <c r="N1483" s="46">
        <f t="shared" si="179"/>
        <v>45352.374999996486</v>
      </c>
    </row>
    <row r="1484" spans="2:14" x14ac:dyDescent="0.3">
      <c r="B1484">
        <f t="shared" si="173"/>
        <v>5</v>
      </c>
      <c r="C1484" s="16">
        <v>1450</v>
      </c>
      <c r="D1484" cm="1">
        <f t="array" ref="D1484">IFERROR(INDEX(Jesper!AH$2:AH$366,ROUNDDOWN($C1484/24,0)+1,1)*INDEX($D$3:$AA$30,INDEX(Jesper!$R$2:$R$366,ROW(INDEX(Jesper!AH$2:AH$366,ROUNDDOWN($C1484/24,0)+1,1))-1)+IF('Standard Profiles'!$G$18=$B$10,7,0)+IF('Standard Profiles'!$G$18=$B$17,14,0)+IF('Standard Profiles'!$G$18=$B$24,21,0),MOD($C1484,24)+1)/SUM(INDEX($D$3:$AA$30,INDEX(Jesper!$R$2:$R$366,ROW(INDEX(Jesper!AH$2:AH$366,ROUNDDOWN($C1484/24,0)+1,1))-1)+IF('Standard Profiles'!$G$18=$B$10,7,0)+IF('Standard Profiles'!$G$18=$B$17,14,0)+IF('Standard Profiles'!$G$18=$B$24,21,0),0)),0)</f>
        <v>14.17486869121532</v>
      </c>
      <c r="E1484" cm="1">
        <f t="array" ref="E1484">IFERROR(INDEX(Jesper!AI$2:AI$366,ROUNDDOWN($C1484/24,0)+1,1)*INDEX($D$3:$AA$30,INDEX(Jesper!$R$2:$R$366,ROW(INDEX(Jesper!AI$2:AI$366,ROUNDDOWN($C1484/24,0)+1,1))-1)+IF('Standard Profiles'!$G$19=$B$10,7,0)+IF('Standard Profiles'!$G$19=$B$17,14,0)+IF('Standard Profiles'!$G$19=$B$24,21,0),MOD($C1484,24)+1)/SUM(INDEX($D$3:$AA$30,INDEX(Jesper!$R$2:$R$366,ROW(INDEX(Jesper!AI$2:AI$366,ROUNDDOWN($C1484/24,0)+1,1))-1)+IF('Standard Profiles'!$G$19=$B$10,7,0)+IF('Standard Profiles'!$G$19=$B$17,14,0)+IF('Standard Profiles'!$G$19=$B$24,21,0),0)),0)</f>
        <v>0</v>
      </c>
      <c r="F1484" cm="1">
        <f t="array" ref="F1484">IFERROR(INDEX(Jesper!AJ$2:AJ$366,ROUNDDOWN($C1484/24,0)+1,1)*INDEX($D$3:$AA$30,INDEX(Jesper!$R$2:$R$366,ROW(INDEX(Jesper!AJ$2:AJ$366,ROUNDDOWN($C1484/24,0)+1,1))-1)+IF('Standard Profiles'!$G$20=$B$10,7,0)+IF('Standard Profiles'!$G$20=$B$17,14,0)+IF('Standard Profiles'!$G$20=$B$24,21,0),MOD($C1484,24)+1)/SUM(INDEX($D$3:$AA$30,INDEX(Jesper!$R$2:$R$366,ROW(INDEX(Jesper!AJ$2:AJ$366,ROUNDDOWN($C1484/24,0)+1,1))-1)+IF('Standard Profiles'!$G$20=$B$10,7,0)+IF('Standard Profiles'!$G$20=$B$17,14,0)+IF('Standard Profiles'!$G$20=$B$24,21,0),0)),0)</f>
        <v>0</v>
      </c>
      <c r="G1484" cm="1">
        <f t="array" ref="G1484">IFERROR(INDEX(Jesper!AK$2:AK$366,ROUNDDOWN($C1484/24,0)+1,1)*INDEX($D$3:$AA$30,INDEX(Jesper!$R$2:$R$366,ROW(INDEX(Jesper!AK$2:AK$366,ROUNDDOWN($C1484/24,0)+1,1))-1)+IF('Standard Profiles'!$G$21=$B$10,7,0)+IF('Standard Profiles'!$G$21=$B$17,14,0)+IF('Standard Profiles'!$G$21=$B$24,21,0),MOD($C1484,24)+1)/SUM(INDEX($D$3:$AA$30,INDEX(Jesper!$R$2:$R$366,ROW(INDEX(Jesper!AK$2:AK$366,ROUNDDOWN($C1484/24,0)+1,1))-1)+IF('Standard Profiles'!$G$21=$B$10,7,0)+IF('Standard Profiles'!$G$21=$B$17,14,0)+IF('Standard Profiles'!$G$21=$B$24,21,0),0)),0)</f>
        <v>0</v>
      </c>
      <c r="H1484" cm="1">
        <f t="array" ref="H1484">IFERROR(INDEX(Jesper!AL$2:AL$366,ROUNDDOWN($C1484/24,0)+1,1)*INDEX($D$3:$AA$30,INDEX(Jesper!$R$2:$R$366,ROW(INDEX(Jesper!AL$2:AL$366,ROUNDDOWN($C1484/24,0)+1,1))-1)+IF('Standard Profiles'!$G$22=$B$10,7,0)+IF('Standard Profiles'!$G$22=$B$17,14,0)+IF('Standard Profiles'!$G$22=$B$24,21,0),MOD($C1484,24)+1)/SUM(INDEX($D$3:$AA$30,INDEX(Jesper!$R$2:$R$366,ROW(INDEX(Jesper!AL$2:AL$366,ROUNDDOWN($C1484/24,0)+1,1))-1)+IF('Standard Profiles'!$G$22=$B$10,7,0)+IF('Standard Profiles'!$G$22=$B$17,14,0)+IF('Standard Profiles'!$G$22=$B$24,21,0),0)),0)</f>
        <v>0</v>
      </c>
      <c r="I1484">
        <f t="shared" si="174"/>
        <v>0.4252460607364596</v>
      </c>
      <c r="J1484">
        <f t="shared" si="175"/>
        <v>1.4174868691215321</v>
      </c>
      <c r="K1484">
        <f t="shared" si="176"/>
        <v>2.126230303682298</v>
      </c>
      <c r="L1484">
        <f t="shared" si="177"/>
        <v>10.20590545767503</v>
      </c>
      <c r="M1484">
        <f t="shared" si="178"/>
        <v>0</v>
      </c>
      <c r="N1484" s="46">
        <f t="shared" si="179"/>
        <v>45352.41666666315</v>
      </c>
    </row>
    <row r="1485" spans="2:14" x14ac:dyDescent="0.3">
      <c r="B1485">
        <f t="shared" si="173"/>
        <v>5</v>
      </c>
      <c r="C1485" s="16">
        <v>1451</v>
      </c>
      <c r="D1485" cm="1">
        <f t="array" ref="D1485">IFERROR(INDEX(Jesper!AH$2:AH$366,ROUNDDOWN($C1485/24,0)+1,1)*INDEX($D$3:$AA$30,INDEX(Jesper!$R$2:$R$366,ROW(INDEX(Jesper!AH$2:AH$366,ROUNDDOWN($C1485/24,0)+1,1))-1)+IF('Standard Profiles'!$G$18=$B$10,7,0)+IF('Standard Profiles'!$G$18=$B$17,14,0)+IF('Standard Profiles'!$G$18=$B$24,21,0),MOD($C1485,24)+1)/SUM(INDEX($D$3:$AA$30,INDEX(Jesper!$R$2:$R$366,ROW(INDEX(Jesper!AH$2:AH$366,ROUNDDOWN($C1485/24,0)+1,1))-1)+IF('Standard Profiles'!$G$18=$B$10,7,0)+IF('Standard Profiles'!$G$18=$B$17,14,0)+IF('Standard Profiles'!$G$18=$B$24,21,0),0)),0)</f>
        <v>16.35561772063306</v>
      </c>
      <c r="E1485" cm="1">
        <f t="array" ref="E1485">IFERROR(INDEX(Jesper!AI$2:AI$366,ROUNDDOWN($C1485/24,0)+1,1)*INDEX($D$3:$AA$30,INDEX(Jesper!$R$2:$R$366,ROW(INDEX(Jesper!AI$2:AI$366,ROUNDDOWN($C1485/24,0)+1,1))-1)+IF('Standard Profiles'!$G$19=$B$10,7,0)+IF('Standard Profiles'!$G$19=$B$17,14,0)+IF('Standard Profiles'!$G$19=$B$24,21,0),MOD($C1485,24)+1)/SUM(INDEX($D$3:$AA$30,INDEX(Jesper!$R$2:$R$366,ROW(INDEX(Jesper!AI$2:AI$366,ROUNDDOWN($C1485/24,0)+1,1))-1)+IF('Standard Profiles'!$G$19=$B$10,7,0)+IF('Standard Profiles'!$G$19=$B$17,14,0)+IF('Standard Profiles'!$G$19=$B$24,21,0),0)),0)</f>
        <v>0</v>
      </c>
      <c r="F1485" cm="1">
        <f t="array" ref="F1485">IFERROR(INDEX(Jesper!AJ$2:AJ$366,ROUNDDOWN($C1485/24,0)+1,1)*INDEX($D$3:$AA$30,INDEX(Jesper!$R$2:$R$366,ROW(INDEX(Jesper!AJ$2:AJ$366,ROUNDDOWN($C1485/24,0)+1,1))-1)+IF('Standard Profiles'!$G$20=$B$10,7,0)+IF('Standard Profiles'!$G$20=$B$17,14,0)+IF('Standard Profiles'!$G$20=$B$24,21,0),MOD($C1485,24)+1)/SUM(INDEX($D$3:$AA$30,INDEX(Jesper!$R$2:$R$366,ROW(INDEX(Jesper!AJ$2:AJ$366,ROUNDDOWN($C1485/24,0)+1,1))-1)+IF('Standard Profiles'!$G$20=$B$10,7,0)+IF('Standard Profiles'!$G$20=$B$17,14,0)+IF('Standard Profiles'!$G$20=$B$24,21,0),0)),0)</f>
        <v>0</v>
      </c>
      <c r="G1485" cm="1">
        <f t="array" ref="G1485">IFERROR(INDEX(Jesper!AK$2:AK$366,ROUNDDOWN($C1485/24,0)+1,1)*INDEX($D$3:$AA$30,INDEX(Jesper!$R$2:$R$366,ROW(INDEX(Jesper!AK$2:AK$366,ROUNDDOWN($C1485/24,0)+1,1))-1)+IF('Standard Profiles'!$G$21=$B$10,7,0)+IF('Standard Profiles'!$G$21=$B$17,14,0)+IF('Standard Profiles'!$G$21=$B$24,21,0),MOD($C1485,24)+1)/SUM(INDEX($D$3:$AA$30,INDEX(Jesper!$R$2:$R$366,ROW(INDEX(Jesper!AK$2:AK$366,ROUNDDOWN($C1485/24,0)+1,1))-1)+IF('Standard Profiles'!$G$21=$B$10,7,0)+IF('Standard Profiles'!$G$21=$B$17,14,0)+IF('Standard Profiles'!$G$21=$B$24,21,0),0)),0)</f>
        <v>0</v>
      </c>
      <c r="H1485" cm="1">
        <f t="array" ref="H1485">IFERROR(INDEX(Jesper!AL$2:AL$366,ROUNDDOWN($C1485/24,0)+1,1)*INDEX($D$3:$AA$30,INDEX(Jesper!$R$2:$R$366,ROW(INDEX(Jesper!AL$2:AL$366,ROUNDDOWN($C1485/24,0)+1,1))-1)+IF('Standard Profiles'!$G$22=$B$10,7,0)+IF('Standard Profiles'!$G$22=$B$17,14,0)+IF('Standard Profiles'!$G$22=$B$24,21,0),MOD($C1485,24)+1)/SUM(INDEX($D$3:$AA$30,INDEX(Jesper!$R$2:$R$366,ROW(INDEX(Jesper!AL$2:AL$366,ROUNDDOWN($C1485/24,0)+1,1))-1)+IF('Standard Profiles'!$G$22=$B$10,7,0)+IF('Standard Profiles'!$G$22=$B$17,14,0)+IF('Standard Profiles'!$G$22=$B$24,21,0),0)),0)</f>
        <v>0</v>
      </c>
      <c r="I1485">
        <f t="shared" si="174"/>
        <v>0.49066853161899177</v>
      </c>
      <c r="J1485">
        <f t="shared" si="175"/>
        <v>1.635561772063306</v>
      </c>
      <c r="K1485">
        <f t="shared" si="176"/>
        <v>2.4533426580949587</v>
      </c>
      <c r="L1485">
        <f t="shared" si="177"/>
        <v>11.776044758855802</v>
      </c>
      <c r="M1485">
        <f t="shared" si="178"/>
        <v>0</v>
      </c>
      <c r="N1485" s="46">
        <f t="shared" si="179"/>
        <v>45352.458333329814</v>
      </c>
    </row>
    <row r="1486" spans="2:14" x14ac:dyDescent="0.3">
      <c r="B1486">
        <f t="shared" si="173"/>
        <v>5</v>
      </c>
      <c r="C1486" s="16">
        <v>1452</v>
      </c>
      <c r="D1486" cm="1">
        <f t="array" ref="D1486">IFERROR(INDEX(Jesper!AH$2:AH$366,ROUNDDOWN($C1486/24,0)+1,1)*INDEX($D$3:$AA$30,INDEX(Jesper!$R$2:$R$366,ROW(INDEX(Jesper!AH$2:AH$366,ROUNDDOWN($C1486/24,0)+1,1))-1)+IF('Standard Profiles'!$G$18=$B$10,7,0)+IF('Standard Profiles'!$G$18=$B$17,14,0)+IF('Standard Profiles'!$G$18=$B$24,21,0),MOD($C1486,24)+1)/SUM(INDEX($D$3:$AA$30,INDEX(Jesper!$R$2:$R$366,ROW(INDEX(Jesper!AH$2:AH$366,ROUNDDOWN($C1486/24,0)+1,1))-1)+IF('Standard Profiles'!$G$18=$B$10,7,0)+IF('Standard Profiles'!$G$18=$B$17,14,0)+IF('Standard Profiles'!$G$18=$B$24,21,0),0)),0)</f>
        <v>16.35561772063306</v>
      </c>
      <c r="E1486" cm="1">
        <f t="array" ref="E1486">IFERROR(INDEX(Jesper!AI$2:AI$366,ROUNDDOWN($C1486/24,0)+1,1)*INDEX($D$3:$AA$30,INDEX(Jesper!$R$2:$R$366,ROW(INDEX(Jesper!AI$2:AI$366,ROUNDDOWN($C1486/24,0)+1,1))-1)+IF('Standard Profiles'!$G$19=$B$10,7,0)+IF('Standard Profiles'!$G$19=$B$17,14,0)+IF('Standard Profiles'!$G$19=$B$24,21,0),MOD($C1486,24)+1)/SUM(INDEX($D$3:$AA$30,INDEX(Jesper!$R$2:$R$366,ROW(INDEX(Jesper!AI$2:AI$366,ROUNDDOWN($C1486/24,0)+1,1))-1)+IF('Standard Profiles'!$G$19=$B$10,7,0)+IF('Standard Profiles'!$G$19=$B$17,14,0)+IF('Standard Profiles'!$G$19=$B$24,21,0),0)),0)</f>
        <v>0</v>
      </c>
      <c r="F1486" cm="1">
        <f t="array" ref="F1486">IFERROR(INDEX(Jesper!AJ$2:AJ$366,ROUNDDOWN($C1486/24,0)+1,1)*INDEX($D$3:$AA$30,INDEX(Jesper!$R$2:$R$366,ROW(INDEX(Jesper!AJ$2:AJ$366,ROUNDDOWN($C1486/24,0)+1,1))-1)+IF('Standard Profiles'!$G$20=$B$10,7,0)+IF('Standard Profiles'!$G$20=$B$17,14,0)+IF('Standard Profiles'!$G$20=$B$24,21,0),MOD($C1486,24)+1)/SUM(INDEX($D$3:$AA$30,INDEX(Jesper!$R$2:$R$366,ROW(INDEX(Jesper!AJ$2:AJ$366,ROUNDDOWN($C1486/24,0)+1,1))-1)+IF('Standard Profiles'!$G$20=$B$10,7,0)+IF('Standard Profiles'!$G$20=$B$17,14,0)+IF('Standard Profiles'!$G$20=$B$24,21,0),0)),0)</f>
        <v>0</v>
      </c>
      <c r="G1486" cm="1">
        <f t="array" ref="G1486">IFERROR(INDEX(Jesper!AK$2:AK$366,ROUNDDOWN($C1486/24,0)+1,1)*INDEX($D$3:$AA$30,INDEX(Jesper!$R$2:$R$366,ROW(INDEX(Jesper!AK$2:AK$366,ROUNDDOWN($C1486/24,0)+1,1))-1)+IF('Standard Profiles'!$G$21=$B$10,7,0)+IF('Standard Profiles'!$G$21=$B$17,14,0)+IF('Standard Profiles'!$G$21=$B$24,21,0),MOD($C1486,24)+1)/SUM(INDEX($D$3:$AA$30,INDEX(Jesper!$R$2:$R$366,ROW(INDEX(Jesper!AK$2:AK$366,ROUNDDOWN($C1486/24,0)+1,1))-1)+IF('Standard Profiles'!$G$21=$B$10,7,0)+IF('Standard Profiles'!$G$21=$B$17,14,0)+IF('Standard Profiles'!$G$21=$B$24,21,0),0)),0)</f>
        <v>0</v>
      </c>
      <c r="H1486" cm="1">
        <f t="array" ref="H1486">IFERROR(INDEX(Jesper!AL$2:AL$366,ROUNDDOWN($C1486/24,0)+1,1)*INDEX($D$3:$AA$30,INDEX(Jesper!$R$2:$R$366,ROW(INDEX(Jesper!AL$2:AL$366,ROUNDDOWN($C1486/24,0)+1,1))-1)+IF('Standard Profiles'!$G$22=$B$10,7,0)+IF('Standard Profiles'!$G$22=$B$17,14,0)+IF('Standard Profiles'!$G$22=$B$24,21,0),MOD($C1486,24)+1)/SUM(INDEX($D$3:$AA$30,INDEX(Jesper!$R$2:$R$366,ROW(INDEX(Jesper!AL$2:AL$366,ROUNDDOWN($C1486/24,0)+1,1))-1)+IF('Standard Profiles'!$G$22=$B$10,7,0)+IF('Standard Profiles'!$G$22=$B$17,14,0)+IF('Standard Profiles'!$G$22=$B$24,21,0),0)),0)</f>
        <v>0</v>
      </c>
      <c r="I1486">
        <f t="shared" si="174"/>
        <v>0.49066853161899177</v>
      </c>
      <c r="J1486">
        <f t="shared" si="175"/>
        <v>1.635561772063306</v>
      </c>
      <c r="K1486">
        <f t="shared" si="176"/>
        <v>2.4533426580949587</v>
      </c>
      <c r="L1486">
        <f t="shared" si="177"/>
        <v>11.776044758855802</v>
      </c>
      <c r="M1486">
        <f t="shared" si="178"/>
        <v>0</v>
      </c>
      <c r="N1486" s="46">
        <f t="shared" si="179"/>
        <v>45352.499999996478</v>
      </c>
    </row>
    <row r="1487" spans="2:14" x14ac:dyDescent="0.3">
      <c r="B1487">
        <f t="shared" si="173"/>
        <v>5</v>
      </c>
      <c r="C1487" s="16">
        <v>1453</v>
      </c>
      <c r="D1487" cm="1">
        <f t="array" ref="D1487">IFERROR(INDEX(Jesper!AH$2:AH$366,ROUNDDOWN($C1487/24,0)+1,1)*INDEX($D$3:$AA$30,INDEX(Jesper!$R$2:$R$366,ROW(INDEX(Jesper!AH$2:AH$366,ROUNDDOWN($C1487/24,0)+1,1))-1)+IF('Standard Profiles'!$G$18=$B$10,7,0)+IF('Standard Profiles'!$G$18=$B$17,14,0)+IF('Standard Profiles'!$G$18=$B$24,21,0),MOD($C1487,24)+1)/SUM(INDEX($D$3:$AA$30,INDEX(Jesper!$R$2:$R$366,ROW(INDEX(Jesper!AH$2:AH$366,ROUNDDOWN($C1487/24,0)+1,1))-1)+IF('Standard Profiles'!$G$18=$B$10,7,0)+IF('Standard Profiles'!$G$18=$B$17,14,0)+IF('Standard Profiles'!$G$18=$B$24,21,0),0)),0)</f>
        <v>16.35561772063306</v>
      </c>
      <c r="E1487" cm="1">
        <f t="array" ref="E1487">IFERROR(INDEX(Jesper!AI$2:AI$366,ROUNDDOWN($C1487/24,0)+1,1)*INDEX($D$3:$AA$30,INDEX(Jesper!$R$2:$R$366,ROW(INDEX(Jesper!AI$2:AI$366,ROUNDDOWN($C1487/24,0)+1,1))-1)+IF('Standard Profiles'!$G$19=$B$10,7,0)+IF('Standard Profiles'!$G$19=$B$17,14,0)+IF('Standard Profiles'!$G$19=$B$24,21,0),MOD($C1487,24)+1)/SUM(INDEX($D$3:$AA$30,INDEX(Jesper!$R$2:$R$366,ROW(INDEX(Jesper!AI$2:AI$366,ROUNDDOWN($C1487/24,0)+1,1))-1)+IF('Standard Profiles'!$G$19=$B$10,7,0)+IF('Standard Profiles'!$G$19=$B$17,14,0)+IF('Standard Profiles'!$G$19=$B$24,21,0),0)),0)</f>
        <v>0</v>
      </c>
      <c r="F1487" cm="1">
        <f t="array" ref="F1487">IFERROR(INDEX(Jesper!AJ$2:AJ$366,ROUNDDOWN($C1487/24,0)+1,1)*INDEX($D$3:$AA$30,INDEX(Jesper!$R$2:$R$366,ROW(INDEX(Jesper!AJ$2:AJ$366,ROUNDDOWN($C1487/24,0)+1,1))-1)+IF('Standard Profiles'!$G$20=$B$10,7,0)+IF('Standard Profiles'!$G$20=$B$17,14,0)+IF('Standard Profiles'!$G$20=$B$24,21,0),MOD($C1487,24)+1)/SUM(INDEX($D$3:$AA$30,INDEX(Jesper!$R$2:$R$366,ROW(INDEX(Jesper!AJ$2:AJ$366,ROUNDDOWN($C1487/24,0)+1,1))-1)+IF('Standard Profiles'!$G$20=$B$10,7,0)+IF('Standard Profiles'!$G$20=$B$17,14,0)+IF('Standard Profiles'!$G$20=$B$24,21,0),0)),0)</f>
        <v>0</v>
      </c>
      <c r="G1487" cm="1">
        <f t="array" ref="G1487">IFERROR(INDEX(Jesper!AK$2:AK$366,ROUNDDOWN($C1487/24,0)+1,1)*INDEX($D$3:$AA$30,INDEX(Jesper!$R$2:$R$366,ROW(INDEX(Jesper!AK$2:AK$366,ROUNDDOWN($C1487/24,0)+1,1))-1)+IF('Standard Profiles'!$G$21=$B$10,7,0)+IF('Standard Profiles'!$G$21=$B$17,14,0)+IF('Standard Profiles'!$G$21=$B$24,21,0),MOD($C1487,24)+1)/SUM(INDEX($D$3:$AA$30,INDEX(Jesper!$R$2:$R$366,ROW(INDEX(Jesper!AK$2:AK$366,ROUNDDOWN($C1487/24,0)+1,1))-1)+IF('Standard Profiles'!$G$21=$B$10,7,0)+IF('Standard Profiles'!$G$21=$B$17,14,0)+IF('Standard Profiles'!$G$21=$B$24,21,0),0)),0)</f>
        <v>0</v>
      </c>
      <c r="H1487" cm="1">
        <f t="array" ref="H1487">IFERROR(INDEX(Jesper!AL$2:AL$366,ROUNDDOWN($C1487/24,0)+1,1)*INDEX($D$3:$AA$30,INDEX(Jesper!$R$2:$R$366,ROW(INDEX(Jesper!AL$2:AL$366,ROUNDDOWN($C1487/24,0)+1,1))-1)+IF('Standard Profiles'!$G$22=$B$10,7,0)+IF('Standard Profiles'!$G$22=$B$17,14,0)+IF('Standard Profiles'!$G$22=$B$24,21,0),MOD($C1487,24)+1)/SUM(INDEX($D$3:$AA$30,INDEX(Jesper!$R$2:$R$366,ROW(INDEX(Jesper!AL$2:AL$366,ROUNDDOWN($C1487/24,0)+1,1))-1)+IF('Standard Profiles'!$G$22=$B$10,7,0)+IF('Standard Profiles'!$G$22=$B$17,14,0)+IF('Standard Profiles'!$G$22=$B$24,21,0),0)),0)</f>
        <v>0</v>
      </c>
      <c r="I1487">
        <f t="shared" si="174"/>
        <v>0.49066853161899177</v>
      </c>
      <c r="J1487">
        <f t="shared" si="175"/>
        <v>1.635561772063306</v>
      </c>
      <c r="K1487">
        <f t="shared" si="176"/>
        <v>2.4533426580949587</v>
      </c>
      <c r="L1487">
        <f t="shared" si="177"/>
        <v>11.776044758855802</v>
      </c>
      <c r="M1487">
        <f t="shared" si="178"/>
        <v>0</v>
      </c>
      <c r="N1487" s="46">
        <f t="shared" si="179"/>
        <v>45352.541666663143</v>
      </c>
    </row>
    <row r="1488" spans="2:14" x14ac:dyDescent="0.3">
      <c r="B1488">
        <f t="shared" si="173"/>
        <v>5</v>
      </c>
      <c r="C1488" s="16">
        <v>1454</v>
      </c>
      <c r="D1488" cm="1">
        <f t="array" ref="D1488">IFERROR(INDEX(Jesper!AH$2:AH$366,ROUNDDOWN($C1488/24,0)+1,1)*INDEX($D$3:$AA$30,INDEX(Jesper!$R$2:$R$366,ROW(INDEX(Jesper!AH$2:AH$366,ROUNDDOWN($C1488/24,0)+1,1))-1)+IF('Standard Profiles'!$G$18=$B$10,7,0)+IF('Standard Profiles'!$G$18=$B$17,14,0)+IF('Standard Profiles'!$G$18=$B$24,21,0),MOD($C1488,24)+1)/SUM(INDEX($D$3:$AA$30,INDEX(Jesper!$R$2:$R$366,ROW(INDEX(Jesper!AH$2:AH$366,ROUNDDOWN($C1488/24,0)+1,1))-1)+IF('Standard Profiles'!$G$18=$B$10,7,0)+IF('Standard Profiles'!$G$18=$B$17,14,0)+IF('Standard Profiles'!$G$18=$B$24,21,0),0)),0)</f>
        <v>16.35561772063306</v>
      </c>
      <c r="E1488" cm="1">
        <f t="array" ref="E1488">IFERROR(INDEX(Jesper!AI$2:AI$366,ROUNDDOWN($C1488/24,0)+1,1)*INDEX($D$3:$AA$30,INDEX(Jesper!$R$2:$R$366,ROW(INDEX(Jesper!AI$2:AI$366,ROUNDDOWN($C1488/24,0)+1,1))-1)+IF('Standard Profiles'!$G$19=$B$10,7,0)+IF('Standard Profiles'!$G$19=$B$17,14,0)+IF('Standard Profiles'!$G$19=$B$24,21,0),MOD($C1488,24)+1)/SUM(INDEX($D$3:$AA$30,INDEX(Jesper!$R$2:$R$366,ROW(INDEX(Jesper!AI$2:AI$366,ROUNDDOWN($C1488/24,0)+1,1))-1)+IF('Standard Profiles'!$G$19=$B$10,7,0)+IF('Standard Profiles'!$G$19=$B$17,14,0)+IF('Standard Profiles'!$G$19=$B$24,21,0),0)),0)</f>
        <v>0</v>
      </c>
      <c r="F1488" cm="1">
        <f t="array" ref="F1488">IFERROR(INDEX(Jesper!AJ$2:AJ$366,ROUNDDOWN($C1488/24,0)+1,1)*INDEX($D$3:$AA$30,INDEX(Jesper!$R$2:$R$366,ROW(INDEX(Jesper!AJ$2:AJ$366,ROUNDDOWN($C1488/24,0)+1,1))-1)+IF('Standard Profiles'!$G$20=$B$10,7,0)+IF('Standard Profiles'!$G$20=$B$17,14,0)+IF('Standard Profiles'!$G$20=$B$24,21,0),MOD($C1488,24)+1)/SUM(INDEX($D$3:$AA$30,INDEX(Jesper!$R$2:$R$366,ROW(INDEX(Jesper!AJ$2:AJ$366,ROUNDDOWN($C1488/24,0)+1,1))-1)+IF('Standard Profiles'!$G$20=$B$10,7,0)+IF('Standard Profiles'!$G$20=$B$17,14,0)+IF('Standard Profiles'!$G$20=$B$24,21,0),0)),0)</f>
        <v>0</v>
      </c>
      <c r="G1488" cm="1">
        <f t="array" ref="G1488">IFERROR(INDEX(Jesper!AK$2:AK$366,ROUNDDOWN($C1488/24,0)+1,1)*INDEX($D$3:$AA$30,INDEX(Jesper!$R$2:$R$366,ROW(INDEX(Jesper!AK$2:AK$366,ROUNDDOWN($C1488/24,0)+1,1))-1)+IF('Standard Profiles'!$G$21=$B$10,7,0)+IF('Standard Profiles'!$G$21=$B$17,14,0)+IF('Standard Profiles'!$G$21=$B$24,21,0),MOD($C1488,24)+1)/SUM(INDEX($D$3:$AA$30,INDEX(Jesper!$R$2:$R$366,ROW(INDEX(Jesper!AK$2:AK$366,ROUNDDOWN($C1488/24,0)+1,1))-1)+IF('Standard Profiles'!$G$21=$B$10,7,0)+IF('Standard Profiles'!$G$21=$B$17,14,0)+IF('Standard Profiles'!$G$21=$B$24,21,0),0)),0)</f>
        <v>0</v>
      </c>
      <c r="H1488" cm="1">
        <f t="array" ref="H1488">IFERROR(INDEX(Jesper!AL$2:AL$366,ROUNDDOWN($C1488/24,0)+1,1)*INDEX($D$3:$AA$30,INDEX(Jesper!$R$2:$R$366,ROW(INDEX(Jesper!AL$2:AL$366,ROUNDDOWN($C1488/24,0)+1,1))-1)+IF('Standard Profiles'!$G$22=$B$10,7,0)+IF('Standard Profiles'!$G$22=$B$17,14,0)+IF('Standard Profiles'!$G$22=$B$24,21,0),MOD($C1488,24)+1)/SUM(INDEX($D$3:$AA$30,INDEX(Jesper!$R$2:$R$366,ROW(INDEX(Jesper!AL$2:AL$366,ROUNDDOWN($C1488/24,0)+1,1))-1)+IF('Standard Profiles'!$G$22=$B$10,7,0)+IF('Standard Profiles'!$G$22=$B$17,14,0)+IF('Standard Profiles'!$G$22=$B$24,21,0),0)),0)</f>
        <v>0</v>
      </c>
      <c r="I1488">
        <f t="shared" si="174"/>
        <v>0.49066853161899177</v>
      </c>
      <c r="J1488">
        <f t="shared" si="175"/>
        <v>1.635561772063306</v>
      </c>
      <c r="K1488">
        <f t="shared" si="176"/>
        <v>2.4533426580949587</v>
      </c>
      <c r="L1488">
        <f t="shared" si="177"/>
        <v>11.776044758855802</v>
      </c>
      <c r="M1488">
        <f t="shared" si="178"/>
        <v>0</v>
      </c>
      <c r="N1488" s="46">
        <f t="shared" si="179"/>
        <v>45352.583333329807</v>
      </c>
    </row>
    <row r="1489" spans="2:14" x14ac:dyDescent="0.3">
      <c r="B1489">
        <f t="shared" si="173"/>
        <v>5</v>
      </c>
      <c r="C1489" s="16">
        <v>1455</v>
      </c>
      <c r="D1489" cm="1">
        <f t="array" ref="D1489">IFERROR(INDEX(Jesper!AH$2:AH$366,ROUNDDOWN($C1489/24,0)+1,1)*INDEX($D$3:$AA$30,INDEX(Jesper!$R$2:$R$366,ROW(INDEX(Jesper!AH$2:AH$366,ROUNDDOWN($C1489/24,0)+1,1))-1)+IF('Standard Profiles'!$G$18=$B$10,7,0)+IF('Standard Profiles'!$G$18=$B$17,14,0)+IF('Standard Profiles'!$G$18=$B$24,21,0),MOD($C1489,24)+1)/SUM(INDEX($D$3:$AA$30,INDEX(Jesper!$R$2:$R$366,ROW(INDEX(Jesper!AH$2:AH$366,ROUNDDOWN($C1489/24,0)+1,1))-1)+IF('Standard Profiles'!$G$18=$B$10,7,0)+IF('Standard Profiles'!$G$18=$B$17,14,0)+IF('Standard Profiles'!$G$18=$B$24,21,0),0)),0)</f>
        <v>13.629681433860885</v>
      </c>
      <c r="E1489" cm="1">
        <f t="array" ref="E1489">IFERROR(INDEX(Jesper!AI$2:AI$366,ROUNDDOWN($C1489/24,0)+1,1)*INDEX($D$3:$AA$30,INDEX(Jesper!$R$2:$R$366,ROW(INDEX(Jesper!AI$2:AI$366,ROUNDDOWN($C1489/24,0)+1,1))-1)+IF('Standard Profiles'!$G$19=$B$10,7,0)+IF('Standard Profiles'!$G$19=$B$17,14,0)+IF('Standard Profiles'!$G$19=$B$24,21,0),MOD($C1489,24)+1)/SUM(INDEX($D$3:$AA$30,INDEX(Jesper!$R$2:$R$366,ROW(INDEX(Jesper!AI$2:AI$366,ROUNDDOWN($C1489/24,0)+1,1))-1)+IF('Standard Profiles'!$G$19=$B$10,7,0)+IF('Standard Profiles'!$G$19=$B$17,14,0)+IF('Standard Profiles'!$G$19=$B$24,21,0),0)),0)</f>
        <v>0</v>
      </c>
      <c r="F1489" cm="1">
        <f t="array" ref="F1489">IFERROR(INDEX(Jesper!AJ$2:AJ$366,ROUNDDOWN($C1489/24,0)+1,1)*INDEX($D$3:$AA$30,INDEX(Jesper!$R$2:$R$366,ROW(INDEX(Jesper!AJ$2:AJ$366,ROUNDDOWN($C1489/24,0)+1,1))-1)+IF('Standard Profiles'!$G$20=$B$10,7,0)+IF('Standard Profiles'!$G$20=$B$17,14,0)+IF('Standard Profiles'!$G$20=$B$24,21,0),MOD($C1489,24)+1)/SUM(INDEX($D$3:$AA$30,INDEX(Jesper!$R$2:$R$366,ROW(INDEX(Jesper!AJ$2:AJ$366,ROUNDDOWN($C1489/24,0)+1,1))-1)+IF('Standard Profiles'!$G$20=$B$10,7,0)+IF('Standard Profiles'!$G$20=$B$17,14,0)+IF('Standard Profiles'!$G$20=$B$24,21,0),0)),0)</f>
        <v>0</v>
      </c>
      <c r="G1489" cm="1">
        <f t="array" ref="G1489">IFERROR(INDEX(Jesper!AK$2:AK$366,ROUNDDOWN($C1489/24,0)+1,1)*INDEX($D$3:$AA$30,INDEX(Jesper!$R$2:$R$366,ROW(INDEX(Jesper!AK$2:AK$366,ROUNDDOWN($C1489/24,0)+1,1))-1)+IF('Standard Profiles'!$G$21=$B$10,7,0)+IF('Standard Profiles'!$G$21=$B$17,14,0)+IF('Standard Profiles'!$G$21=$B$24,21,0),MOD($C1489,24)+1)/SUM(INDEX($D$3:$AA$30,INDEX(Jesper!$R$2:$R$366,ROW(INDEX(Jesper!AK$2:AK$366,ROUNDDOWN($C1489/24,0)+1,1))-1)+IF('Standard Profiles'!$G$21=$B$10,7,0)+IF('Standard Profiles'!$G$21=$B$17,14,0)+IF('Standard Profiles'!$G$21=$B$24,21,0),0)),0)</f>
        <v>0</v>
      </c>
      <c r="H1489" cm="1">
        <f t="array" ref="H1489">IFERROR(INDEX(Jesper!AL$2:AL$366,ROUNDDOWN($C1489/24,0)+1,1)*INDEX($D$3:$AA$30,INDEX(Jesper!$R$2:$R$366,ROW(INDEX(Jesper!AL$2:AL$366,ROUNDDOWN($C1489/24,0)+1,1))-1)+IF('Standard Profiles'!$G$22=$B$10,7,0)+IF('Standard Profiles'!$G$22=$B$17,14,0)+IF('Standard Profiles'!$G$22=$B$24,21,0),MOD($C1489,24)+1)/SUM(INDEX($D$3:$AA$30,INDEX(Jesper!$R$2:$R$366,ROW(INDEX(Jesper!AL$2:AL$366,ROUNDDOWN($C1489/24,0)+1,1))-1)+IF('Standard Profiles'!$G$22=$B$10,7,0)+IF('Standard Profiles'!$G$22=$B$17,14,0)+IF('Standard Profiles'!$G$22=$B$24,21,0),0)),0)</f>
        <v>0</v>
      </c>
      <c r="I1489">
        <f t="shared" si="174"/>
        <v>0.4088904430158265</v>
      </c>
      <c r="J1489">
        <f t="shared" si="175"/>
        <v>1.3629681433860885</v>
      </c>
      <c r="K1489">
        <f t="shared" si="176"/>
        <v>2.0444522150791324</v>
      </c>
      <c r="L1489">
        <f t="shared" si="177"/>
        <v>9.8133706323798364</v>
      </c>
      <c r="M1489">
        <f t="shared" si="178"/>
        <v>0</v>
      </c>
      <c r="N1489" s="46">
        <f t="shared" si="179"/>
        <v>45352.624999996471</v>
      </c>
    </row>
    <row r="1490" spans="2:14" x14ac:dyDescent="0.3">
      <c r="B1490">
        <f t="shared" si="173"/>
        <v>5</v>
      </c>
      <c r="C1490" s="16">
        <v>1456</v>
      </c>
      <c r="D1490" cm="1">
        <f t="array" ref="D1490">IFERROR(INDEX(Jesper!AH$2:AH$366,ROUNDDOWN($C1490/24,0)+1,1)*INDEX($D$3:$AA$30,INDEX(Jesper!$R$2:$R$366,ROW(INDEX(Jesper!AH$2:AH$366,ROUNDDOWN($C1490/24,0)+1,1))-1)+IF('Standard Profiles'!$G$18=$B$10,7,0)+IF('Standard Profiles'!$G$18=$B$17,14,0)+IF('Standard Profiles'!$G$18=$B$24,21,0),MOD($C1490,24)+1)/SUM(INDEX($D$3:$AA$30,INDEX(Jesper!$R$2:$R$366,ROW(INDEX(Jesper!AH$2:AH$366,ROUNDDOWN($C1490/24,0)+1,1))-1)+IF('Standard Profiles'!$G$18=$B$10,7,0)+IF('Standard Profiles'!$G$18=$B$17,14,0)+IF('Standard Profiles'!$G$18=$B$24,21,0),0)),0)</f>
        <v>12.902765090721637</v>
      </c>
      <c r="E1490" cm="1">
        <f t="array" ref="E1490">IFERROR(INDEX(Jesper!AI$2:AI$366,ROUNDDOWN($C1490/24,0)+1,1)*INDEX($D$3:$AA$30,INDEX(Jesper!$R$2:$R$366,ROW(INDEX(Jesper!AI$2:AI$366,ROUNDDOWN($C1490/24,0)+1,1))-1)+IF('Standard Profiles'!$G$19=$B$10,7,0)+IF('Standard Profiles'!$G$19=$B$17,14,0)+IF('Standard Profiles'!$G$19=$B$24,21,0),MOD($C1490,24)+1)/SUM(INDEX($D$3:$AA$30,INDEX(Jesper!$R$2:$R$366,ROW(INDEX(Jesper!AI$2:AI$366,ROUNDDOWN($C1490/24,0)+1,1))-1)+IF('Standard Profiles'!$G$19=$B$10,7,0)+IF('Standard Profiles'!$G$19=$B$17,14,0)+IF('Standard Profiles'!$G$19=$B$24,21,0),0)),0)</f>
        <v>0</v>
      </c>
      <c r="F1490" cm="1">
        <f t="array" ref="F1490">IFERROR(INDEX(Jesper!AJ$2:AJ$366,ROUNDDOWN($C1490/24,0)+1,1)*INDEX($D$3:$AA$30,INDEX(Jesper!$R$2:$R$366,ROW(INDEX(Jesper!AJ$2:AJ$366,ROUNDDOWN($C1490/24,0)+1,1))-1)+IF('Standard Profiles'!$G$20=$B$10,7,0)+IF('Standard Profiles'!$G$20=$B$17,14,0)+IF('Standard Profiles'!$G$20=$B$24,21,0),MOD($C1490,24)+1)/SUM(INDEX($D$3:$AA$30,INDEX(Jesper!$R$2:$R$366,ROW(INDEX(Jesper!AJ$2:AJ$366,ROUNDDOWN($C1490/24,0)+1,1))-1)+IF('Standard Profiles'!$G$20=$B$10,7,0)+IF('Standard Profiles'!$G$20=$B$17,14,0)+IF('Standard Profiles'!$G$20=$B$24,21,0),0)),0)</f>
        <v>0</v>
      </c>
      <c r="G1490" cm="1">
        <f t="array" ref="G1490">IFERROR(INDEX(Jesper!AK$2:AK$366,ROUNDDOWN($C1490/24,0)+1,1)*INDEX($D$3:$AA$30,INDEX(Jesper!$R$2:$R$366,ROW(INDEX(Jesper!AK$2:AK$366,ROUNDDOWN($C1490/24,0)+1,1))-1)+IF('Standard Profiles'!$G$21=$B$10,7,0)+IF('Standard Profiles'!$G$21=$B$17,14,0)+IF('Standard Profiles'!$G$21=$B$24,21,0),MOD($C1490,24)+1)/SUM(INDEX($D$3:$AA$30,INDEX(Jesper!$R$2:$R$366,ROW(INDEX(Jesper!AK$2:AK$366,ROUNDDOWN($C1490/24,0)+1,1))-1)+IF('Standard Profiles'!$G$21=$B$10,7,0)+IF('Standard Profiles'!$G$21=$B$17,14,0)+IF('Standard Profiles'!$G$21=$B$24,21,0),0)),0)</f>
        <v>0</v>
      </c>
      <c r="H1490" cm="1">
        <f t="array" ref="H1490">IFERROR(INDEX(Jesper!AL$2:AL$366,ROUNDDOWN($C1490/24,0)+1,1)*INDEX($D$3:$AA$30,INDEX(Jesper!$R$2:$R$366,ROW(INDEX(Jesper!AL$2:AL$366,ROUNDDOWN($C1490/24,0)+1,1))-1)+IF('Standard Profiles'!$G$22=$B$10,7,0)+IF('Standard Profiles'!$G$22=$B$17,14,0)+IF('Standard Profiles'!$G$22=$B$24,21,0),MOD($C1490,24)+1)/SUM(INDEX($D$3:$AA$30,INDEX(Jesper!$R$2:$R$366,ROW(INDEX(Jesper!AL$2:AL$366,ROUNDDOWN($C1490/24,0)+1,1))-1)+IF('Standard Profiles'!$G$22=$B$10,7,0)+IF('Standard Profiles'!$G$22=$B$17,14,0)+IF('Standard Profiles'!$G$22=$B$24,21,0),0)),0)</f>
        <v>0</v>
      </c>
      <c r="I1490">
        <f t="shared" si="174"/>
        <v>0.38708295272164911</v>
      </c>
      <c r="J1490">
        <f t="shared" si="175"/>
        <v>1.2902765090721637</v>
      </c>
      <c r="K1490">
        <f t="shared" si="176"/>
        <v>1.9354147636082455</v>
      </c>
      <c r="L1490">
        <f t="shared" si="177"/>
        <v>9.2899908653195791</v>
      </c>
      <c r="M1490">
        <f t="shared" si="178"/>
        <v>0</v>
      </c>
      <c r="N1490" s="46">
        <f t="shared" si="179"/>
        <v>45352.666666663135</v>
      </c>
    </row>
    <row r="1491" spans="2:14" x14ac:dyDescent="0.3">
      <c r="B1491">
        <f t="shared" si="173"/>
        <v>5</v>
      </c>
      <c r="C1491" s="16">
        <v>1457</v>
      </c>
      <c r="D1491" cm="1">
        <f t="array" ref="D1491">IFERROR(INDEX(Jesper!AH$2:AH$366,ROUNDDOWN($C1491/24,0)+1,1)*INDEX($D$3:$AA$30,INDEX(Jesper!$R$2:$R$366,ROW(INDEX(Jesper!AH$2:AH$366,ROUNDDOWN($C1491/24,0)+1,1))-1)+IF('Standard Profiles'!$G$18=$B$10,7,0)+IF('Standard Profiles'!$G$18=$B$17,14,0)+IF('Standard Profiles'!$G$18=$B$24,21,0),MOD($C1491,24)+1)/SUM(INDEX($D$3:$AA$30,INDEX(Jesper!$R$2:$R$366,ROW(INDEX(Jesper!AH$2:AH$366,ROUNDDOWN($C1491/24,0)+1,1))-1)+IF('Standard Profiles'!$G$18=$B$10,7,0)+IF('Standard Profiles'!$G$18=$B$17,14,0)+IF('Standard Profiles'!$G$18=$B$24,21,0),0)),0)</f>
        <v>12.902765090721637</v>
      </c>
      <c r="E1491" cm="1">
        <f t="array" ref="E1491">IFERROR(INDEX(Jesper!AI$2:AI$366,ROUNDDOWN($C1491/24,0)+1,1)*INDEX($D$3:$AA$30,INDEX(Jesper!$R$2:$R$366,ROW(INDEX(Jesper!AI$2:AI$366,ROUNDDOWN($C1491/24,0)+1,1))-1)+IF('Standard Profiles'!$G$19=$B$10,7,0)+IF('Standard Profiles'!$G$19=$B$17,14,0)+IF('Standard Profiles'!$G$19=$B$24,21,0),MOD($C1491,24)+1)/SUM(INDEX($D$3:$AA$30,INDEX(Jesper!$R$2:$R$366,ROW(INDEX(Jesper!AI$2:AI$366,ROUNDDOWN($C1491/24,0)+1,1))-1)+IF('Standard Profiles'!$G$19=$B$10,7,0)+IF('Standard Profiles'!$G$19=$B$17,14,0)+IF('Standard Profiles'!$G$19=$B$24,21,0),0)),0)</f>
        <v>0</v>
      </c>
      <c r="F1491" cm="1">
        <f t="array" ref="F1491">IFERROR(INDEX(Jesper!AJ$2:AJ$366,ROUNDDOWN($C1491/24,0)+1,1)*INDEX($D$3:$AA$30,INDEX(Jesper!$R$2:$R$366,ROW(INDEX(Jesper!AJ$2:AJ$366,ROUNDDOWN($C1491/24,0)+1,1))-1)+IF('Standard Profiles'!$G$20=$B$10,7,0)+IF('Standard Profiles'!$G$20=$B$17,14,0)+IF('Standard Profiles'!$G$20=$B$24,21,0),MOD($C1491,24)+1)/SUM(INDEX($D$3:$AA$30,INDEX(Jesper!$R$2:$R$366,ROW(INDEX(Jesper!AJ$2:AJ$366,ROUNDDOWN($C1491/24,0)+1,1))-1)+IF('Standard Profiles'!$G$20=$B$10,7,0)+IF('Standard Profiles'!$G$20=$B$17,14,0)+IF('Standard Profiles'!$G$20=$B$24,21,0),0)),0)</f>
        <v>0</v>
      </c>
      <c r="G1491" cm="1">
        <f t="array" ref="G1491">IFERROR(INDEX(Jesper!AK$2:AK$366,ROUNDDOWN($C1491/24,0)+1,1)*INDEX($D$3:$AA$30,INDEX(Jesper!$R$2:$R$366,ROW(INDEX(Jesper!AK$2:AK$366,ROUNDDOWN($C1491/24,0)+1,1))-1)+IF('Standard Profiles'!$G$21=$B$10,7,0)+IF('Standard Profiles'!$G$21=$B$17,14,0)+IF('Standard Profiles'!$G$21=$B$24,21,0),MOD($C1491,24)+1)/SUM(INDEX($D$3:$AA$30,INDEX(Jesper!$R$2:$R$366,ROW(INDEX(Jesper!AK$2:AK$366,ROUNDDOWN($C1491/24,0)+1,1))-1)+IF('Standard Profiles'!$G$21=$B$10,7,0)+IF('Standard Profiles'!$G$21=$B$17,14,0)+IF('Standard Profiles'!$G$21=$B$24,21,0),0)),0)</f>
        <v>0</v>
      </c>
      <c r="H1491" cm="1">
        <f t="array" ref="H1491">IFERROR(INDEX(Jesper!AL$2:AL$366,ROUNDDOWN($C1491/24,0)+1,1)*INDEX($D$3:$AA$30,INDEX(Jesper!$R$2:$R$366,ROW(INDEX(Jesper!AL$2:AL$366,ROUNDDOWN($C1491/24,0)+1,1))-1)+IF('Standard Profiles'!$G$22=$B$10,7,0)+IF('Standard Profiles'!$G$22=$B$17,14,0)+IF('Standard Profiles'!$G$22=$B$24,21,0),MOD($C1491,24)+1)/SUM(INDEX($D$3:$AA$30,INDEX(Jesper!$R$2:$R$366,ROW(INDEX(Jesper!AL$2:AL$366,ROUNDDOWN($C1491/24,0)+1,1))-1)+IF('Standard Profiles'!$G$22=$B$10,7,0)+IF('Standard Profiles'!$G$22=$B$17,14,0)+IF('Standard Profiles'!$G$22=$B$24,21,0),0)),0)</f>
        <v>0</v>
      </c>
      <c r="I1491">
        <f t="shared" si="174"/>
        <v>0.38708295272164911</v>
      </c>
      <c r="J1491">
        <f t="shared" si="175"/>
        <v>1.2902765090721637</v>
      </c>
      <c r="K1491">
        <f t="shared" si="176"/>
        <v>1.9354147636082455</v>
      </c>
      <c r="L1491">
        <f t="shared" si="177"/>
        <v>9.2899908653195791</v>
      </c>
      <c r="M1491">
        <f t="shared" si="178"/>
        <v>0</v>
      </c>
      <c r="N1491" s="46">
        <f t="shared" si="179"/>
        <v>45352.7083333298</v>
      </c>
    </row>
    <row r="1492" spans="2:14" x14ac:dyDescent="0.3">
      <c r="B1492">
        <f t="shared" si="173"/>
        <v>5</v>
      </c>
      <c r="C1492" s="16">
        <v>1458</v>
      </c>
      <c r="D1492" cm="1">
        <f t="array" ref="D1492">IFERROR(INDEX(Jesper!AH$2:AH$366,ROUNDDOWN($C1492/24,0)+1,1)*INDEX($D$3:$AA$30,INDEX(Jesper!$R$2:$R$366,ROW(INDEX(Jesper!AH$2:AH$366,ROUNDDOWN($C1492/24,0)+1,1))-1)+IF('Standard Profiles'!$G$18=$B$10,7,0)+IF('Standard Profiles'!$G$18=$B$17,14,0)+IF('Standard Profiles'!$G$18=$B$24,21,0),MOD($C1492,24)+1)/SUM(INDEX($D$3:$AA$30,INDEX(Jesper!$R$2:$R$366,ROW(INDEX(Jesper!AH$2:AH$366,ROUNDDOWN($C1492/24,0)+1,1))-1)+IF('Standard Profiles'!$G$18=$B$10,7,0)+IF('Standard Profiles'!$G$18=$B$17,14,0)+IF('Standard Profiles'!$G$18=$B$24,21,0),0)),0)</f>
        <v>12.902765090721637</v>
      </c>
      <c r="E1492" cm="1">
        <f t="array" ref="E1492">IFERROR(INDEX(Jesper!AI$2:AI$366,ROUNDDOWN($C1492/24,0)+1,1)*INDEX($D$3:$AA$30,INDEX(Jesper!$R$2:$R$366,ROW(INDEX(Jesper!AI$2:AI$366,ROUNDDOWN($C1492/24,0)+1,1))-1)+IF('Standard Profiles'!$G$19=$B$10,7,0)+IF('Standard Profiles'!$G$19=$B$17,14,0)+IF('Standard Profiles'!$G$19=$B$24,21,0),MOD($C1492,24)+1)/SUM(INDEX($D$3:$AA$30,INDEX(Jesper!$R$2:$R$366,ROW(INDEX(Jesper!AI$2:AI$366,ROUNDDOWN($C1492/24,0)+1,1))-1)+IF('Standard Profiles'!$G$19=$B$10,7,0)+IF('Standard Profiles'!$G$19=$B$17,14,0)+IF('Standard Profiles'!$G$19=$B$24,21,0),0)),0)</f>
        <v>0</v>
      </c>
      <c r="F1492" cm="1">
        <f t="array" ref="F1492">IFERROR(INDEX(Jesper!AJ$2:AJ$366,ROUNDDOWN($C1492/24,0)+1,1)*INDEX($D$3:$AA$30,INDEX(Jesper!$R$2:$R$366,ROW(INDEX(Jesper!AJ$2:AJ$366,ROUNDDOWN($C1492/24,0)+1,1))-1)+IF('Standard Profiles'!$G$20=$B$10,7,0)+IF('Standard Profiles'!$G$20=$B$17,14,0)+IF('Standard Profiles'!$G$20=$B$24,21,0),MOD($C1492,24)+1)/SUM(INDEX($D$3:$AA$30,INDEX(Jesper!$R$2:$R$366,ROW(INDEX(Jesper!AJ$2:AJ$366,ROUNDDOWN($C1492/24,0)+1,1))-1)+IF('Standard Profiles'!$G$20=$B$10,7,0)+IF('Standard Profiles'!$G$20=$B$17,14,0)+IF('Standard Profiles'!$G$20=$B$24,21,0),0)),0)</f>
        <v>0</v>
      </c>
      <c r="G1492" cm="1">
        <f t="array" ref="G1492">IFERROR(INDEX(Jesper!AK$2:AK$366,ROUNDDOWN($C1492/24,0)+1,1)*INDEX($D$3:$AA$30,INDEX(Jesper!$R$2:$R$366,ROW(INDEX(Jesper!AK$2:AK$366,ROUNDDOWN($C1492/24,0)+1,1))-1)+IF('Standard Profiles'!$G$21=$B$10,7,0)+IF('Standard Profiles'!$G$21=$B$17,14,0)+IF('Standard Profiles'!$G$21=$B$24,21,0),MOD($C1492,24)+1)/SUM(INDEX($D$3:$AA$30,INDEX(Jesper!$R$2:$R$366,ROW(INDEX(Jesper!AK$2:AK$366,ROUNDDOWN($C1492/24,0)+1,1))-1)+IF('Standard Profiles'!$G$21=$B$10,7,0)+IF('Standard Profiles'!$G$21=$B$17,14,0)+IF('Standard Profiles'!$G$21=$B$24,21,0),0)),0)</f>
        <v>0</v>
      </c>
      <c r="H1492" cm="1">
        <f t="array" ref="H1492">IFERROR(INDEX(Jesper!AL$2:AL$366,ROUNDDOWN($C1492/24,0)+1,1)*INDEX($D$3:$AA$30,INDEX(Jesper!$R$2:$R$366,ROW(INDEX(Jesper!AL$2:AL$366,ROUNDDOWN($C1492/24,0)+1,1))-1)+IF('Standard Profiles'!$G$22=$B$10,7,0)+IF('Standard Profiles'!$G$22=$B$17,14,0)+IF('Standard Profiles'!$G$22=$B$24,21,0),MOD($C1492,24)+1)/SUM(INDEX($D$3:$AA$30,INDEX(Jesper!$R$2:$R$366,ROW(INDEX(Jesper!AL$2:AL$366,ROUNDDOWN($C1492/24,0)+1,1))-1)+IF('Standard Profiles'!$G$22=$B$10,7,0)+IF('Standard Profiles'!$G$22=$B$17,14,0)+IF('Standard Profiles'!$G$22=$B$24,21,0),0)),0)</f>
        <v>0</v>
      </c>
      <c r="I1492">
        <f t="shared" si="174"/>
        <v>0.38708295272164911</v>
      </c>
      <c r="J1492">
        <f t="shared" si="175"/>
        <v>1.2902765090721637</v>
      </c>
      <c r="K1492">
        <f t="shared" si="176"/>
        <v>1.9354147636082455</v>
      </c>
      <c r="L1492">
        <f t="shared" si="177"/>
        <v>9.2899908653195791</v>
      </c>
      <c r="M1492">
        <f t="shared" si="178"/>
        <v>0</v>
      </c>
      <c r="N1492" s="46">
        <f t="shared" si="179"/>
        <v>45352.749999996464</v>
      </c>
    </row>
    <row r="1493" spans="2:14" x14ac:dyDescent="0.3">
      <c r="B1493">
        <f t="shared" si="173"/>
        <v>5</v>
      </c>
      <c r="C1493" s="16">
        <v>1459</v>
      </c>
      <c r="D1493" cm="1">
        <f t="array" ref="D1493">IFERROR(INDEX(Jesper!AH$2:AH$366,ROUNDDOWN($C1493/24,0)+1,1)*INDEX($D$3:$AA$30,INDEX(Jesper!$R$2:$R$366,ROW(INDEX(Jesper!AH$2:AH$366,ROUNDDOWN($C1493/24,0)+1,1))-1)+IF('Standard Profiles'!$G$18=$B$10,7,0)+IF('Standard Profiles'!$G$18=$B$17,14,0)+IF('Standard Profiles'!$G$18=$B$24,21,0),MOD($C1493,24)+1)/SUM(INDEX($D$3:$AA$30,INDEX(Jesper!$R$2:$R$366,ROW(INDEX(Jesper!AH$2:AH$366,ROUNDDOWN($C1493/24,0)+1,1))-1)+IF('Standard Profiles'!$G$18=$B$10,7,0)+IF('Standard Profiles'!$G$18=$B$17,14,0)+IF('Standard Profiles'!$G$18=$B$24,21,0),0)),0)</f>
        <v>12.902765090721637</v>
      </c>
      <c r="E1493" cm="1">
        <f t="array" ref="E1493">IFERROR(INDEX(Jesper!AI$2:AI$366,ROUNDDOWN($C1493/24,0)+1,1)*INDEX($D$3:$AA$30,INDEX(Jesper!$R$2:$R$366,ROW(INDEX(Jesper!AI$2:AI$366,ROUNDDOWN($C1493/24,0)+1,1))-1)+IF('Standard Profiles'!$G$19=$B$10,7,0)+IF('Standard Profiles'!$G$19=$B$17,14,0)+IF('Standard Profiles'!$G$19=$B$24,21,0),MOD($C1493,24)+1)/SUM(INDEX($D$3:$AA$30,INDEX(Jesper!$R$2:$R$366,ROW(INDEX(Jesper!AI$2:AI$366,ROUNDDOWN($C1493/24,0)+1,1))-1)+IF('Standard Profiles'!$G$19=$B$10,7,0)+IF('Standard Profiles'!$G$19=$B$17,14,0)+IF('Standard Profiles'!$G$19=$B$24,21,0),0)),0)</f>
        <v>0</v>
      </c>
      <c r="F1493" cm="1">
        <f t="array" ref="F1493">IFERROR(INDEX(Jesper!AJ$2:AJ$366,ROUNDDOWN($C1493/24,0)+1,1)*INDEX($D$3:$AA$30,INDEX(Jesper!$R$2:$R$366,ROW(INDEX(Jesper!AJ$2:AJ$366,ROUNDDOWN($C1493/24,0)+1,1))-1)+IF('Standard Profiles'!$G$20=$B$10,7,0)+IF('Standard Profiles'!$G$20=$B$17,14,0)+IF('Standard Profiles'!$G$20=$B$24,21,0),MOD($C1493,24)+1)/SUM(INDEX($D$3:$AA$30,INDEX(Jesper!$R$2:$R$366,ROW(INDEX(Jesper!AJ$2:AJ$366,ROUNDDOWN($C1493/24,0)+1,1))-1)+IF('Standard Profiles'!$G$20=$B$10,7,0)+IF('Standard Profiles'!$G$20=$B$17,14,0)+IF('Standard Profiles'!$G$20=$B$24,21,0),0)),0)</f>
        <v>0</v>
      </c>
      <c r="G1493" cm="1">
        <f t="array" ref="G1493">IFERROR(INDEX(Jesper!AK$2:AK$366,ROUNDDOWN($C1493/24,0)+1,1)*INDEX($D$3:$AA$30,INDEX(Jesper!$R$2:$R$366,ROW(INDEX(Jesper!AK$2:AK$366,ROUNDDOWN($C1493/24,0)+1,1))-1)+IF('Standard Profiles'!$G$21=$B$10,7,0)+IF('Standard Profiles'!$G$21=$B$17,14,0)+IF('Standard Profiles'!$G$21=$B$24,21,0),MOD($C1493,24)+1)/SUM(INDEX($D$3:$AA$30,INDEX(Jesper!$R$2:$R$366,ROW(INDEX(Jesper!AK$2:AK$366,ROUNDDOWN($C1493/24,0)+1,1))-1)+IF('Standard Profiles'!$G$21=$B$10,7,0)+IF('Standard Profiles'!$G$21=$B$17,14,0)+IF('Standard Profiles'!$G$21=$B$24,21,0),0)),0)</f>
        <v>0</v>
      </c>
      <c r="H1493" cm="1">
        <f t="array" ref="H1493">IFERROR(INDEX(Jesper!AL$2:AL$366,ROUNDDOWN($C1493/24,0)+1,1)*INDEX($D$3:$AA$30,INDEX(Jesper!$R$2:$R$366,ROW(INDEX(Jesper!AL$2:AL$366,ROUNDDOWN($C1493/24,0)+1,1))-1)+IF('Standard Profiles'!$G$22=$B$10,7,0)+IF('Standard Profiles'!$G$22=$B$17,14,0)+IF('Standard Profiles'!$G$22=$B$24,21,0),MOD($C1493,24)+1)/SUM(INDEX($D$3:$AA$30,INDEX(Jesper!$R$2:$R$366,ROW(INDEX(Jesper!AL$2:AL$366,ROUNDDOWN($C1493/24,0)+1,1))-1)+IF('Standard Profiles'!$G$22=$B$10,7,0)+IF('Standard Profiles'!$G$22=$B$17,14,0)+IF('Standard Profiles'!$G$22=$B$24,21,0),0)),0)</f>
        <v>0</v>
      </c>
      <c r="I1493">
        <f t="shared" si="174"/>
        <v>0.38708295272164911</v>
      </c>
      <c r="J1493">
        <f t="shared" si="175"/>
        <v>1.2902765090721637</v>
      </c>
      <c r="K1493">
        <f t="shared" si="176"/>
        <v>1.9354147636082455</v>
      </c>
      <c r="L1493">
        <f t="shared" si="177"/>
        <v>9.2899908653195791</v>
      </c>
      <c r="M1493">
        <f t="shared" si="178"/>
        <v>0</v>
      </c>
      <c r="N1493" s="46">
        <f t="shared" si="179"/>
        <v>45352.791666663128</v>
      </c>
    </row>
    <row r="1494" spans="2:14" x14ac:dyDescent="0.3">
      <c r="B1494">
        <f t="shared" si="173"/>
        <v>5</v>
      </c>
      <c r="C1494" s="16">
        <v>1460</v>
      </c>
      <c r="D1494" cm="1">
        <f t="array" ref="D1494">IFERROR(INDEX(Jesper!AH$2:AH$366,ROUNDDOWN($C1494/24,0)+1,1)*INDEX($D$3:$AA$30,INDEX(Jesper!$R$2:$R$366,ROW(INDEX(Jesper!AH$2:AH$366,ROUNDDOWN($C1494/24,0)+1,1))-1)+IF('Standard Profiles'!$G$18=$B$10,7,0)+IF('Standard Profiles'!$G$18=$B$17,14,0)+IF('Standard Profiles'!$G$18=$B$24,21,0),MOD($C1494,24)+1)/SUM(INDEX($D$3:$AA$30,INDEX(Jesper!$R$2:$R$366,ROW(INDEX(Jesper!AH$2:AH$366,ROUNDDOWN($C1494/24,0)+1,1))-1)+IF('Standard Profiles'!$G$18=$B$10,7,0)+IF('Standard Profiles'!$G$18=$B$17,14,0)+IF('Standard Profiles'!$G$18=$B$24,21,0),0)),0)</f>
        <v>9.9950997181646475</v>
      </c>
      <c r="E1494" cm="1">
        <f t="array" ref="E1494">IFERROR(INDEX(Jesper!AI$2:AI$366,ROUNDDOWN($C1494/24,0)+1,1)*INDEX($D$3:$AA$30,INDEX(Jesper!$R$2:$R$366,ROW(INDEX(Jesper!AI$2:AI$366,ROUNDDOWN($C1494/24,0)+1,1))-1)+IF('Standard Profiles'!$G$19=$B$10,7,0)+IF('Standard Profiles'!$G$19=$B$17,14,0)+IF('Standard Profiles'!$G$19=$B$24,21,0),MOD($C1494,24)+1)/SUM(INDEX($D$3:$AA$30,INDEX(Jesper!$R$2:$R$366,ROW(INDEX(Jesper!AI$2:AI$366,ROUNDDOWN($C1494/24,0)+1,1))-1)+IF('Standard Profiles'!$G$19=$B$10,7,0)+IF('Standard Profiles'!$G$19=$B$17,14,0)+IF('Standard Profiles'!$G$19=$B$24,21,0),0)),0)</f>
        <v>0</v>
      </c>
      <c r="F1494" cm="1">
        <f t="array" ref="F1494">IFERROR(INDEX(Jesper!AJ$2:AJ$366,ROUNDDOWN($C1494/24,0)+1,1)*INDEX($D$3:$AA$30,INDEX(Jesper!$R$2:$R$366,ROW(INDEX(Jesper!AJ$2:AJ$366,ROUNDDOWN($C1494/24,0)+1,1))-1)+IF('Standard Profiles'!$G$20=$B$10,7,0)+IF('Standard Profiles'!$G$20=$B$17,14,0)+IF('Standard Profiles'!$G$20=$B$24,21,0),MOD($C1494,24)+1)/SUM(INDEX($D$3:$AA$30,INDEX(Jesper!$R$2:$R$366,ROW(INDEX(Jesper!AJ$2:AJ$366,ROUNDDOWN($C1494/24,0)+1,1))-1)+IF('Standard Profiles'!$G$20=$B$10,7,0)+IF('Standard Profiles'!$G$20=$B$17,14,0)+IF('Standard Profiles'!$G$20=$B$24,21,0),0)),0)</f>
        <v>0</v>
      </c>
      <c r="G1494" cm="1">
        <f t="array" ref="G1494">IFERROR(INDEX(Jesper!AK$2:AK$366,ROUNDDOWN($C1494/24,0)+1,1)*INDEX($D$3:$AA$30,INDEX(Jesper!$R$2:$R$366,ROW(INDEX(Jesper!AK$2:AK$366,ROUNDDOWN($C1494/24,0)+1,1))-1)+IF('Standard Profiles'!$G$21=$B$10,7,0)+IF('Standard Profiles'!$G$21=$B$17,14,0)+IF('Standard Profiles'!$G$21=$B$24,21,0),MOD($C1494,24)+1)/SUM(INDEX($D$3:$AA$30,INDEX(Jesper!$R$2:$R$366,ROW(INDEX(Jesper!AK$2:AK$366,ROUNDDOWN($C1494/24,0)+1,1))-1)+IF('Standard Profiles'!$G$21=$B$10,7,0)+IF('Standard Profiles'!$G$21=$B$17,14,0)+IF('Standard Profiles'!$G$21=$B$24,21,0),0)),0)</f>
        <v>0</v>
      </c>
      <c r="H1494" cm="1">
        <f t="array" ref="H1494">IFERROR(INDEX(Jesper!AL$2:AL$366,ROUNDDOWN($C1494/24,0)+1,1)*INDEX($D$3:$AA$30,INDEX(Jesper!$R$2:$R$366,ROW(INDEX(Jesper!AL$2:AL$366,ROUNDDOWN($C1494/24,0)+1,1))-1)+IF('Standard Profiles'!$G$22=$B$10,7,0)+IF('Standard Profiles'!$G$22=$B$17,14,0)+IF('Standard Profiles'!$G$22=$B$24,21,0),MOD($C1494,24)+1)/SUM(INDEX($D$3:$AA$30,INDEX(Jesper!$R$2:$R$366,ROW(INDEX(Jesper!AL$2:AL$366,ROUNDDOWN($C1494/24,0)+1,1))-1)+IF('Standard Profiles'!$G$22=$B$10,7,0)+IF('Standard Profiles'!$G$22=$B$17,14,0)+IF('Standard Profiles'!$G$22=$B$24,21,0),0)),0)</f>
        <v>0</v>
      </c>
      <c r="I1494">
        <f t="shared" si="174"/>
        <v>0.29985299154493944</v>
      </c>
      <c r="J1494">
        <f t="shared" si="175"/>
        <v>0.99950997181646484</v>
      </c>
      <c r="K1494">
        <f t="shared" si="176"/>
        <v>1.499264957724697</v>
      </c>
      <c r="L1494">
        <f t="shared" si="177"/>
        <v>7.1964717970785461</v>
      </c>
      <c r="M1494">
        <f t="shared" si="178"/>
        <v>0</v>
      </c>
      <c r="N1494" s="46">
        <f t="shared" si="179"/>
        <v>45352.833333329792</v>
      </c>
    </row>
    <row r="1495" spans="2:14" x14ac:dyDescent="0.3">
      <c r="B1495">
        <f t="shared" si="173"/>
        <v>5</v>
      </c>
      <c r="C1495" s="16">
        <v>1461</v>
      </c>
      <c r="D1495" cm="1">
        <f t="array" ref="D1495">IFERROR(INDEX(Jesper!AH$2:AH$366,ROUNDDOWN($C1495/24,0)+1,1)*INDEX($D$3:$AA$30,INDEX(Jesper!$R$2:$R$366,ROW(INDEX(Jesper!AH$2:AH$366,ROUNDDOWN($C1495/24,0)+1,1))-1)+IF('Standard Profiles'!$G$18=$B$10,7,0)+IF('Standard Profiles'!$G$18=$B$17,14,0)+IF('Standard Profiles'!$G$18=$B$24,21,0),MOD($C1495,24)+1)/SUM(INDEX($D$3:$AA$30,INDEX(Jesper!$R$2:$R$366,ROW(INDEX(Jesper!AH$2:AH$366,ROUNDDOWN($C1495/24,0)+1,1))-1)+IF('Standard Profiles'!$G$18=$B$10,7,0)+IF('Standard Profiles'!$G$18=$B$17,14,0)+IF('Standard Profiles'!$G$18=$B$24,21,0),0)),0)</f>
        <v>3.816310801481047</v>
      </c>
      <c r="E1495" cm="1">
        <f t="array" ref="E1495">IFERROR(INDEX(Jesper!AI$2:AI$366,ROUNDDOWN($C1495/24,0)+1,1)*INDEX($D$3:$AA$30,INDEX(Jesper!$R$2:$R$366,ROW(INDEX(Jesper!AI$2:AI$366,ROUNDDOWN($C1495/24,0)+1,1))-1)+IF('Standard Profiles'!$G$19=$B$10,7,0)+IF('Standard Profiles'!$G$19=$B$17,14,0)+IF('Standard Profiles'!$G$19=$B$24,21,0),MOD($C1495,24)+1)/SUM(INDEX($D$3:$AA$30,INDEX(Jesper!$R$2:$R$366,ROW(INDEX(Jesper!AI$2:AI$366,ROUNDDOWN($C1495/24,0)+1,1))-1)+IF('Standard Profiles'!$G$19=$B$10,7,0)+IF('Standard Profiles'!$G$19=$B$17,14,0)+IF('Standard Profiles'!$G$19=$B$24,21,0),0)),0)</f>
        <v>0</v>
      </c>
      <c r="F1495" cm="1">
        <f t="array" ref="F1495">IFERROR(INDEX(Jesper!AJ$2:AJ$366,ROUNDDOWN($C1495/24,0)+1,1)*INDEX($D$3:$AA$30,INDEX(Jesper!$R$2:$R$366,ROW(INDEX(Jesper!AJ$2:AJ$366,ROUNDDOWN($C1495/24,0)+1,1))-1)+IF('Standard Profiles'!$G$20=$B$10,7,0)+IF('Standard Profiles'!$G$20=$B$17,14,0)+IF('Standard Profiles'!$G$20=$B$24,21,0),MOD($C1495,24)+1)/SUM(INDEX($D$3:$AA$30,INDEX(Jesper!$R$2:$R$366,ROW(INDEX(Jesper!AJ$2:AJ$366,ROUNDDOWN($C1495/24,0)+1,1))-1)+IF('Standard Profiles'!$G$20=$B$10,7,0)+IF('Standard Profiles'!$G$20=$B$17,14,0)+IF('Standard Profiles'!$G$20=$B$24,21,0),0)),0)</f>
        <v>0</v>
      </c>
      <c r="G1495" cm="1">
        <f t="array" ref="G1495">IFERROR(INDEX(Jesper!AK$2:AK$366,ROUNDDOWN($C1495/24,0)+1,1)*INDEX($D$3:$AA$30,INDEX(Jesper!$R$2:$R$366,ROW(INDEX(Jesper!AK$2:AK$366,ROUNDDOWN($C1495/24,0)+1,1))-1)+IF('Standard Profiles'!$G$21=$B$10,7,0)+IF('Standard Profiles'!$G$21=$B$17,14,0)+IF('Standard Profiles'!$G$21=$B$24,21,0),MOD($C1495,24)+1)/SUM(INDEX($D$3:$AA$30,INDEX(Jesper!$R$2:$R$366,ROW(INDEX(Jesper!AK$2:AK$366,ROUNDDOWN($C1495/24,0)+1,1))-1)+IF('Standard Profiles'!$G$21=$B$10,7,0)+IF('Standard Profiles'!$G$21=$B$17,14,0)+IF('Standard Profiles'!$G$21=$B$24,21,0),0)),0)</f>
        <v>0</v>
      </c>
      <c r="H1495" cm="1">
        <f t="array" ref="H1495">IFERROR(INDEX(Jesper!AL$2:AL$366,ROUNDDOWN($C1495/24,0)+1,1)*INDEX($D$3:$AA$30,INDEX(Jesper!$R$2:$R$366,ROW(INDEX(Jesper!AL$2:AL$366,ROUNDDOWN($C1495/24,0)+1,1))-1)+IF('Standard Profiles'!$G$22=$B$10,7,0)+IF('Standard Profiles'!$G$22=$B$17,14,0)+IF('Standard Profiles'!$G$22=$B$24,21,0),MOD($C1495,24)+1)/SUM(INDEX($D$3:$AA$30,INDEX(Jesper!$R$2:$R$366,ROW(INDEX(Jesper!AL$2:AL$366,ROUNDDOWN($C1495/24,0)+1,1))-1)+IF('Standard Profiles'!$G$22=$B$10,7,0)+IF('Standard Profiles'!$G$22=$B$17,14,0)+IF('Standard Profiles'!$G$22=$B$24,21,0),0)),0)</f>
        <v>0</v>
      </c>
      <c r="I1495">
        <f t="shared" si="174"/>
        <v>0.11448932404443141</v>
      </c>
      <c r="J1495">
        <f t="shared" si="175"/>
        <v>0.38163108014810471</v>
      </c>
      <c r="K1495">
        <f t="shared" si="176"/>
        <v>0.57244662022215698</v>
      </c>
      <c r="L1495">
        <f t="shared" si="177"/>
        <v>2.7477437770663538</v>
      </c>
      <c r="M1495">
        <f t="shared" si="178"/>
        <v>0</v>
      </c>
      <c r="N1495" s="46">
        <f t="shared" si="179"/>
        <v>45352.874999996457</v>
      </c>
    </row>
    <row r="1496" spans="2:14" x14ac:dyDescent="0.3">
      <c r="B1496">
        <f t="shared" si="173"/>
        <v>5</v>
      </c>
      <c r="C1496" s="16">
        <v>1462</v>
      </c>
      <c r="D1496" cm="1">
        <f t="array" ref="D1496">IFERROR(INDEX(Jesper!AH$2:AH$366,ROUNDDOWN($C1496/24,0)+1,1)*INDEX($D$3:$AA$30,INDEX(Jesper!$R$2:$R$366,ROW(INDEX(Jesper!AH$2:AH$366,ROUNDDOWN($C1496/24,0)+1,1))-1)+IF('Standard Profiles'!$G$18=$B$10,7,0)+IF('Standard Profiles'!$G$18=$B$17,14,0)+IF('Standard Profiles'!$G$18=$B$24,21,0),MOD($C1496,24)+1)/SUM(INDEX($D$3:$AA$30,INDEX(Jesper!$R$2:$R$366,ROW(INDEX(Jesper!AH$2:AH$366,ROUNDDOWN($C1496/24,0)+1,1))-1)+IF('Standard Profiles'!$G$18=$B$10,7,0)+IF('Standard Profiles'!$G$18=$B$17,14,0)+IF('Standard Profiles'!$G$18=$B$24,21,0),0)),0)</f>
        <v>3.816310801481047</v>
      </c>
      <c r="E1496" cm="1">
        <f t="array" ref="E1496">IFERROR(INDEX(Jesper!AI$2:AI$366,ROUNDDOWN($C1496/24,0)+1,1)*INDEX($D$3:$AA$30,INDEX(Jesper!$R$2:$R$366,ROW(INDEX(Jesper!AI$2:AI$366,ROUNDDOWN($C1496/24,0)+1,1))-1)+IF('Standard Profiles'!$G$19=$B$10,7,0)+IF('Standard Profiles'!$G$19=$B$17,14,0)+IF('Standard Profiles'!$G$19=$B$24,21,0),MOD($C1496,24)+1)/SUM(INDEX($D$3:$AA$30,INDEX(Jesper!$R$2:$R$366,ROW(INDEX(Jesper!AI$2:AI$366,ROUNDDOWN($C1496/24,0)+1,1))-1)+IF('Standard Profiles'!$G$19=$B$10,7,0)+IF('Standard Profiles'!$G$19=$B$17,14,0)+IF('Standard Profiles'!$G$19=$B$24,21,0),0)),0)</f>
        <v>0</v>
      </c>
      <c r="F1496" cm="1">
        <f t="array" ref="F1496">IFERROR(INDEX(Jesper!AJ$2:AJ$366,ROUNDDOWN($C1496/24,0)+1,1)*INDEX($D$3:$AA$30,INDEX(Jesper!$R$2:$R$366,ROW(INDEX(Jesper!AJ$2:AJ$366,ROUNDDOWN($C1496/24,0)+1,1))-1)+IF('Standard Profiles'!$G$20=$B$10,7,0)+IF('Standard Profiles'!$G$20=$B$17,14,0)+IF('Standard Profiles'!$G$20=$B$24,21,0),MOD($C1496,24)+1)/SUM(INDEX($D$3:$AA$30,INDEX(Jesper!$R$2:$R$366,ROW(INDEX(Jesper!AJ$2:AJ$366,ROUNDDOWN($C1496/24,0)+1,1))-1)+IF('Standard Profiles'!$G$20=$B$10,7,0)+IF('Standard Profiles'!$G$20=$B$17,14,0)+IF('Standard Profiles'!$G$20=$B$24,21,0),0)),0)</f>
        <v>0</v>
      </c>
      <c r="G1496" cm="1">
        <f t="array" ref="G1496">IFERROR(INDEX(Jesper!AK$2:AK$366,ROUNDDOWN($C1496/24,0)+1,1)*INDEX($D$3:$AA$30,INDEX(Jesper!$R$2:$R$366,ROW(INDEX(Jesper!AK$2:AK$366,ROUNDDOWN($C1496/24,0)+1,1))-1)+IF('Standard Profiles'!$G$21=$B$10,7,0)+IF('Standard Profiles'!$G$21=$B$17,14,0)+IF('Standard Profiles'!$G$21=$B$24,21,0),MOD($C1496,24)+1)/SUM(INDEX($D$3:$AA$30,INDEX(Jesper!$R$2:$R$366,ROW(INDEX(Jesper!AK$2:AK$366,ROUNDDOWN($C1496/24,0)+1,1))-1)+IF('Standard Profiles'!$G$21=$B$10,7,0)+IF('Standard Profiles'!$G$21=$B$17,14,0)+IF('Standard Profiles'!$G$21=$B$24,21,0),0)),0)</f>
        <v>0</v>
      </c>
      <c r="H1496" cm="1">
        <f t="array" ref="H1496">IFERROR(INDEX(Jesper!AL$2:AL$366,ROUNDDOWN($C1496/24,0)+1,1)*INDEX($D$3:$AA$30,INDEX(Jesper!$R$2:$R$366,ROW(INDEX(Jesper!AL$2:AL$366,ROUNDDOWN($C1496/24,0)+1,1))-1)+IF('Standard Profiles'!$G$22=$B$10,7,0)+IF('Standard Profiles'!$G$22=$B$17,14,0)+IF('Standard Profiles'!$G$22=$B$24,21,0),MOD($C1496,24)+1)/SUM(INDEX($D$3:$AA$30,INDEX(Jesper!$R$2:$R$366,ROW(INDEX(Jesper!AL$2:AL$366,ROUNDDOWN($C1496/24,0)+1,1))-1)+IF('Standard Profiles'!$G$22=$B$10,7,0)+IF('Standard Profiles'!$G$22=$B$17,14,0)+IF('Standard Profiles'!$G$22=$B$24,21,0),0)),0)</f>
        <v>0</v>
      </c>
      <c r="I1496">
        <f t="shared" si="174"/>
        <v>0.11448932404443141</v>
      </c>
      <c r="J1496">
        <f t="shared" si="175"/>
        <v>0.38163108014810471</v>
      </c>
      <c r="K1496">
        <f t="shared" si="176"/>
        <v>0.57244662022215698</v>
      </c>
      <c r="L1496">
        <f t="shared" si="177"/>
        <v>2.7477437770663538</v>
      </c>
      <c r="M1496">
        <f t="shared" si="178"/>
        <v>0</v>
      </c>
      <c r="N1496" s="46">
        <f t="shared" si="179"/>
        <v>45352.916666663121</v>
      </c>
    </row>
    <row r="1497" spans="2:14" x14ac:dyDescent="0.3">
      <c r="B1497">
        <f t="shared" si="173"/>
        <v>5</v>
      </c>
      <c r="C1497" s="16">
        <v>1463</v>
      </c>
      <c r="D1497" cm="1">
        <f t="array" ref="D1497">IFERROR(INDEX(Jesper!AH$2:AH$366,ROUNDDOWN($C1497/24,0)+1,1)*INDEX($D$3:$AA$30,INDEX(Jesper!$R$2:$R$366,ROW(INDEX(Jesper!AH$2:AH$366,ROUNDDOWN($C1497/24,0)+1,1))-1)+IF('Standard Profiles'!$G$18=$B$10,7,0)+IF('Standard Profiles'!$G$18=$B$17,14,0)+IF('Standard Profiles'!$G$18=$B$24,21,0),MOD($C1497,24)+1)/SUM(INDEX($D$3:$AA$30,INDEX(Jesper!$R$2:$R$366,ROW(INDEX(Jesper!AH$2:AH$366,ROUNDDOWN($C1497/24,0)+1,1))-1)+IF('Standard Profiles'!$G$18=$B$10,7,0)+IF('Standard Profiles'!$G$18=$B$17,14,0)+IF('Standard Profiles'!$G$18=$B$24,21,0),0)),0)</f>
        <v>3.816310801481047</v>
      </c>
      <c r="E1497" cm="1">
        <f t="array" ref="E1497">IFERROR(INDEX(Jesper!AI$2:AI$366,ROUNDDOWN($C1497/24,0)+1,1)*INDEX($D$3:$AA$30,INDEX(Jesper!$R$2:$R$366,ROW(INDEX(Jesper!AI$2:AI$366,ROUNDDOWN($C1497/24,0)+1,1))-1)+IF('Standard Profiles'!$G$19=$B$10,7,0)+IF('Standard Profiles'!$G$19=$B$17,14,0)+IF('Standard Profiles'!$G$19=$B$24,21,0),MOD($C1497,24)+1)/SUM(INDEX($D$3:$AA$30,INDEX(Jesper!$R$2:$R$366,ROW(INDEX(Jesper!AI$2:AI$366,ROUNDDOWN($C1497/24,0)+1,1))-1)+IF('Standard Profiles'!$G$19=$B$10,7,0)+IF('Standard Profiles'!$G$19=$B$17,14,0)+IF('Standard Profiles'!$G$19=$B$24,21,0),0)),0)</f>
        <v>0</v>
      </c>
      <c r="F1497" cm="1">
        <f t="array" ref="F1497">IFERROR(INDEX(Jesper!AJ$2:AJ$366,ROUNDDOWN($C1497/24,0)+1,1)*INDEX($D$3:$AA$30,INDEX(Jesper!$R$2:$R$366,ROW(INDEX(Jesper!AJ$2:AJ$366,ROUNDDOWN($C1497/24,0)+1,1))-1)+IF('Standard Profiles'!$G$20=$B$10,7,0)+IF('Standard Profiles'!$G$20=$B$17,14,0)+IF('Standard Profiles'!$G$20=$B$24,21,0),MOD($C1497,24)+1)/SUM(INDEX($D$3:$AA$30,INDEX(Jesper!$R$2:$R$366,ROW(INDEX(Jesper!AJ$2:AJ$366,ROUNDDOWN($C1497/24,0)+1,1))-1)+IF('Standard Profiles'!$G$20=$B$10,7,0)+IF('Standard Profiles'!$G$20=$B$17,14,0)+IF('Standard Profiles'!$G$20=$B$24,21,0),0)),0)</f>
        <v>0</v>
      </c>
      <c r="G1497" cm="1">
        <f t="array" ref="G1497">IFERROR(INDEX(Jesper!AK$2:AK$366,ROUNDDOWN($C1497/24,0)+1,1)*INDEX($D$3:$AA$30,INDEX(Jesper!$R$2:$R$366,ROW(INDEX(Jesper!AK$2:AK$366,ROUNDDOWN($C1497/24,0)+1,1))-1)+IF('Standard Profiles'!$G$21=$B$10,7,0)+IF('Standard Profiles'!$G$21=$B$17,14,0)+IF('Standard Profiles'!$G$21=$B$24,21,0),MOD($C1497,24)+1)/SUM(INDEX($D$3:$AA$30,INDEX(Jesper!$R$2:$R$366,ROW(INDEX(Jesper!AK$2:AK$366,ROUNDDOWN($C1497/24,0)+1,1))-1)+IF('Standard Profiles'!$G$21=$B$10,7,0)+IF('Standard Profiles'!$G$21=$B$17,14,0)+IF('Standard Profiles'!$G$21=$B$24,21,0),0)),0)</f>
        <v>0</v>
      </c>
      <c r="H1497" cm="1">
        <f t="array" ref="H1497">IFERROR(INDEX(Jesper!AL$2:AL$366,ROUNDDOWN($C1497/24,0)+1,1)*INDEX($D$3:$AA$30,INDEX(Jesper!$R$2:$R$366,ROW(INDEX(Jesper!AL$2:AL$366,ROUNDDOWN($C1497/24,0)+1,1))-1)+IF('Standard Profiles'!$G$22=$B$10,7,0)+IF('Standard Profiles'!$G$22=$B$17,14,0)+IF('Standard Profiles'!$G$22=$B$24,21,0),MOD($C1497,24)+1)/SUM(INDEX($D$3:$AA$30,INDEX(Jesper!$R$2:$R$366,ROW(INDEX(Jesper!AL$2:AL$366,ROUNDDOWN($C1497/24,0)+1,1))-1)+IF('Standard Profiles'!$G$22=$B$10,7,0)+IF('Standard Profiles'!$G$22=$B$17,14,0)+IF('Standard Profiles'!$G$22=$B$24,21,0),0)),0)</f>
        <v>0</v>
      </c>
      <c r="I1497">
        <f t="shared" si="174"/>
        <v>0.11448932404443141</v>
      </c>
      <c r="J1497">
        <f t="shared" si="175"/>
        <v>0.38163108014810471</v>
      </c>
      <c r="K1497">
        <f t="shared" si="176"/>
        <v>0.57244662022215698</v>
      </c>
      <c r="L1497">
        <f t="shared" si="177"/>
        <v>2.7477437770663538</v>
      </c>
      <c r="M1497">
        <f t="shared" si="178"/>
        <v>0</v>
      </c>
      <c r="N1497" s="46">
        <f t="shared" si="179"/>
        <v>45352.958333329785</v>
      </c>
    </row>
    <row r="1498" spans="2:14" x14ac:dyDescent="0.3">
      <c r="B1498">
        <f t="shared" si="173"/>
        <v>6</v>
      </c>
      <c r="C1498" s="16">
        <v>1464</v>
      </c>
      <c r="D1498" cm="1">
        <f t="array" ref="D1498">IFERROR(INDEX(Jesper!AH$2:AH$366,ROUNDDOWN($C1498/24,0)+1,1)*INDEX($D$3:$AA$30,INDEX(Jesper!$R$2:$R$366,ROW(INDEX(Jesper!AH$2:AH$366,ROUNDDOWN($C1498/24,0)+1,1))-1)+IF('Standard Profiles'!$G$18=$B$10,7,0)+IF('Standard Profiles'!$G$18=$B$17,14,0)+IF('Standard Profiles'!$G$18=$B$24,21,0),MOD($C1498,24)+1)/SUM(INDEX($D$3:$AA$30,INDEX(Jesper!$R$2:$R$366,ROW(INDEX(Jesper!AH$2:AH$366,ROUNDDOWN($C1498/24,0)+1,1))-1)+IF('Standard Profiles'!$G$18=$B$10,7,0)+IF('Standard Profiles'!$G$18=$B$17,14,0)+IF('Standard Profiles'!$G$18=$B$24,21,0),0)),0)</f>
        <v>4.1848301732366631</v>
      </c>
      <c r="E1498" cm="1">
        <f t="array" ref="E1498">IFERROR(INDEX(Jesper!AI$2:AI$366,ROUNDDOWN($C1498/24,0)+1,1)*INDEX($D$3:$AA$30,INDEX(Jesper!$R$2:$R$366,ROW(INDEX(Jesper!AI$2:AI$366,ROUNDDOWN($C1498/24,0)+1,1))-1)+IF('Standard Profiles'!$G$19=$B$10,7,0)+IF('Standard Profiles'!$G$19=$B$17,14,0)+IF('Standard Profiles'!$G$19=$B$24,21,0),MOD($C1498,24)+1)/SUM(INDEX($D$3:$AA$30,INDEX(Jesper!$R$2:$R$366,ROW(INDEX(Jesper!AI$2:AI$366,ROUNDDOWN($C1498/24,0)+1,1))-1)+IF('Standard Profiles'!$G$19=$B$10,7,0)+IF('Standard Profiles'!$G$19=$B$17,14,0)+IF('Standard Profiles'!$G$19=$B$24,21,0),0)),0)</f>
        <v>0.9277390491831472</v>
      </c>
      <c r="F1498" cm="1">
        <f t="array" ref="F1498">IFERROR(INDEX(Jesper!AJ$2:AJ$366,ROUNDDOWN($C1498/24,0)+1,1)*INDEX($D$3:$AA$30,INDEX(Jesper!$R$2:$R$366,ROW(INDEX(Jesper!AJ$2:AJ$366,ROUNDDOWN($C1498/24,0)+1,1))-1)+IF('Standard Profiles'!$G$20=$B$10,7,0)+IF('Standard Profiles'!$G$20=$B$17,14,0)+IF('Standard Profiles'!$G$20=$B$24,21,0),MOD($C1498,24)+1)/SUM(INDEX($D$3:$AA$30,INDEX(Jesper!$R$2:$R$366,ROW(INDEX(Jesper!AJ$2:AJ$366,ROUNDDOWN($C1498/24,0)+1,1))-1)+IF('Standard Profiles'!$G$20=$B$10,7,0)+IF('Standard Profiles'!$G$20=$B$17,14,0)+IF('Standard Profiles'!$G$20=$B$24,21,0),0)),0)</f>
        <v>0</v>
      </c>
      <c r="G1498" cm="1">
        <f t="array" ref="G1498">IFERROR(INDEX(Jesper!AK$2:AK$366,ROUNDDOWN($C1498/24,0)+1,1)*INDEX($D$3:$AA$30,INDEX(Jesper!$R$2:$R$366,ROW(INDEX(Jesper!AK$2:AK$366,ROUNDDOWN($C1498/24,0)+1,1))-1)+IF('Standard Profiles'!$G$21=$B$10,7,0)+IF('Standard Profiles'!$G$21=$B$17,14,0)+IF('Standard Profiles'!$G$21=$B$24,21,0),MOD($C1498,24)+1)/SUM(INDEX($D$3:$AA$30,INDEX(Jesper!$R$2:$R$366,ROW(INDEX(Jesper!AK$2:AK$366,ROUNDDOWN($C1498/24,0)+1,1))-1)+IF('Standard Profiles'!$G$21=$B$10,7,0)+IF('Standard Profiles'!$G$21=$B$17,14,0)+IF('Standard Profiles'!$G$21=$B$24,21,0),0)),0)</f>
        <v>0</v>
      </c>
      <c r="H1498" cm="1">
        <f t="array" ref="H1498">IFERROR(INDEX(Jesper!AL$2:AL$366,ROUNDDOWN($C1498/24,0)+1,1)*INDEX($D$3:$AA$30,INDEX(Jesper!$R$2:$R$366,ROW(INDEX(Jesper!AL$2:AL$366,ROUNDDOWN($C1498/24,0)+1,1))-1)+IF('Standard Profiles'!$G$22=$B$10,7,0)+IF('Standard Profiles'!$G$22=$B$17,14,0)+IF('Standard Profiles'!$G$22=$B$24,21,0),MOD($C1498,24)+1)/SUM(INDEX($D$3:$AA$30,INDEX(Jesper!$R$2:$R$366,ROW(INDEX(Jesper!AL$2:AL$366,ROUNDDOWN($C1498/24,0)+1,1))-1)+IF('Standard Profiles'!$G$22=$B$10,7,0)+IF('Standard Profiles'!$G$22=$B$17,14,0)+IF('Standard Profiles'!$G$22=$B$24,21,0),0)),0)</f>
        <v>0</v>
      </c>
      <c r="I1498">
        <f t="shared" si="174"/>
        <v>8.3580094521004275E-2</v>
      </c>
      <c r="J1498">
        <f t="shared" si="175"/>
        <v>0.27860031507001426</v>
      </c>
      <c r="K1498">
        <f t="shared" si="176"/>
        <v>0.41790047260502144</v>
      </c>
      <c r="L1498">
        <f t="shared" si="177"/>
        <v>4.3324883402237706</v>
      </c>
      <c r="M1498">
        <f t="shared" si="178"/>
        <v>0</v>
      </c>
      <c r="N1498" s="46">
        <f t="shared" si="179"/>
        <v>45352.999999996449</v>
      </c>
    </row>
    <row r="1499" spans="2:14" x14ac:dyDescent="0.3">
      <c r="B1499">
        <f t="shared" si="173"/>
        <v>6</v>
      </c>
      <c r="C1499" s="16">
        <v>1465</v>
      </c>
      <c r="D1499" cm="1">
        <f t="array" ref="D1499">IFERROR(INDEX(Jesper!AH$2:AH$366,ROUNDDOWN($C1499/24,0)+1,1)*INDEX($D$3:$AA$30,INDEX(Jesper!$R$2:$R$366,ROW(INDEX(Jesper!AH$2:AH$366,ROUNDDOWN($C1499/24,0)+1,1))-1)+IF('Standard Profiles'!$G$18=$B$10,7,0)+IF('Standard Profiles'!$G$18=$B$17,14,0)+IF('Standard Profiles'!$G$18=$B$24,21,0),MOD($C1499,24)+1)/SUM(INDEX($D$3:$AA$30,INDEX(Jesper!$R$2:$R$366,ROW(INDEX(Jesper!AH$2:AH$366,ROUNDDOWN($C1499/24,0)+1,1))-1)+IF('Standard Profiles'!$G$18=$B$10,7,0)+IF('Standard Profiles'!$G$18=$B$17,14,0)+IF('Standard Profiles'!$G$18=$B$24,21,0),0)),0)</f>
        <v>8.1703827191763452</v>
      </c>
      <c r="E1499" cm="1">
        <f t="array" ref="E1499">IFERROR(INDEX(Jesper!AI$2:AI$366,ROUNDDOWN($C1499/24,0)+1,1)*INDEX($D$3:$AA$30,INDEX(Jesper!$R$2:$R$366,ROW(INDEX(Jesper!AI$2:AI$366,ROUNDDOWN($C1499/24,0)+1,1))-1)+IF('Standard Profiles'!$G$19=$B$10,7,0)+IF('Standard Profiles'!$G$19=$B$17,14,0)+IF('Standard Profiles'!$G$19=$B$24,21,0),MOD($C1499,24)+1)/SUM(INDEX($D$3:$AA$30,INDEX(Jesper!$R$2:$R$366,ROW(INDEX(Jesper!AI$2:AI$366,ROUNDDOWN($C1499/24,0)+1,1))-1)+IF('Standard Profiles'!$G$19=$B$10,7,0)+IF('Standard Profiles'!$G$19=$B$17,14,0)+IF('Standard Profiles'!$G$19=$B$24,21,0),0)),0)</f>
        <v>1.8113000484051924</v>
      </c>
      <c r="F1499" cm="1">
        <f t="array" ref="F1499">IFERROR(INDEX(Jesper!AJ$2:AJ$366,ROUNDDOWN($C1499/24,0)+1,1)*INDEX($D$3:$AA$30,INDEX(Jesper!$R$2:$R$366,ROW(INDEX(Jesper!AJ$2:AJ$366,ROUNDDOWN($C1499/24,0)+1,1))-1)+IF('Standard Profiles'!$G$20=$B$10,7,0)+IF('Standard Profiles'!$G$20=$B$17,14,0)+IF('Standard Profiles'!$G$20=$B$24,21,0),MOD($C1499,24)+1)/SUM(INDEX($D$3:$AA$30,INDEX(Jesper!$R$2:$R$366,ROW(INDEX(Jesper!AJ$2:AJ$366,ROUNDDOWN($C1499/24,0)+1,1))-1)+IF('Standard Profiles'!$G$20=$B$10,7,0)+IF('Standard Profiles'!$G$20=$B$17,14,0)+IF('Standard Profiles'!$G$20=$B$24,21,0),0)),0)</f>
        <v>0</v>
      </c>
      <c r="G1499" cm="1">
        <f t="array" ref="G1499">IFERROR(INDEX(Jesper!AK$2:AK$366,ROUNDDOWN($C1499/24,0)+1,1)*INDEX($D$3:$AA$30,INDEX(Jesper!$R$2:$R$366,ROW(INDEX(Jesper!AK$2:AK$366,ROUNDDOWN($C1499/24,0)+1,1))-1)+IF('Standard Profiles'!$G$21=$B$10,7,0)+IF('Standard Profiles'!$G$21=$B$17,14,0)+IF('Standard Profiles'!$G$21=$B$24,21,0),MOD($C1499,24)+1)/SUM(INDEX($D$3:$AA$30,INDEX(Jesper!$R$2:$R$366,ROW(INDEX(Jesper!AK$2:AK$366,ROUNDDOWN($C1499/24,0)+1,1))-1)+IF('Standard Profiles'!$G$21=$B$10,7,0)+IF('Standard Profiles'!$G$21=$B$17,14,0)+IF('Standard Profiles'!$G$21=$B$24,21,0),0)),0)</f>
        <v>0</v>
      </c>
      <c r="H1499" cm="1">
        <f t="array" ref="H1499">IFERROR(INDEX(Jesper!AL$2:AL$366,ROUNDDOWN($C1499/24,0)+1,1)*INDEX($D$3:$AA$30,INDEX(Jesper!$R$2:$R$366,ROW(INDEX(Jesper!AL$2:AL$366,ROUNDDOWN($C1499/24,0)+1,1))-1)+IF('Standard Profiles'!$G$22=$B$10,7,0)+IF('Standard Profiles'!$G$22=$B$17,14,0)+IF('Standard Profiles'!$G$22=$B$24,21,0),MOD($C1499,24)+1)/SUM(INDEX($D$3:$AA$30,INDEX(Jesper!$R$2:$R$366,ROW(INDEX(Jesper!AL$2:AL$366,ROUNDDOWN($C1499/24,0)+1,1))-1)+IF('Standard Profiles'!$G$22=$B$10,7,0)+IF('Standard Profiles'!$G$22=$B$17,14,0)+IF('Standard Profiles'!$G$22=$B$24,21,0),0)),0)</f>
        <v>0</v>
      </c>
      <c r="I1499">
        <f t="shared" si="174"/>
        <v>0.16318018454100838</v>
      </c>
      <c r="J1499">
        <f t="shared" si="175"/>
        <v>0.54393394847002796</v>
      </c>
      <c r="K1499">
        <f t="shared" si="176"/>
        <v>0.815900922705042</v>
      </c>
      <c r="L1499">
        <f t="shared" si="177"/>
        <v>8.4586677118654592</v>
      </c>
      <c r="M1499">
        <f t="shared" si="178"/>
        <v>0</v>
      </c>
      <c r="N1499" s="46">
        <f t="shared" si="179"/>
        <v>45353.041666663114</v>
      </c>
    </row>
    <row r="1500" spans="2:14" x14ac:dyDescent="0.3">
      <c r="B1500">
        <f t="shared" si="173"/>
        <v>6</v>
      </c>
      <c r="C1500" s="16">
        <v>1466</v>
      </c>
      <c r="D1500" cm="1">
        <f t="array" ref="D1500">IFERROR(INDEX(Jesper!AH$2:AH$366,ROUNDDOWN($C1500/24,0)+1,1)*INDEX($D$3:$AA$30,INDEX(Jesper!$R$2:$R$366,ROW(INDEX(Jesper!AH$2:AH$366,ROUNDDOWN($C1500/24,0)+1,1))-1)+IF('Standard Profiles'!$G$18=$B$10,7,0)+IF('Standard Profiles'!$G$18=$B$17,14,0)+IF('Standard Profiles'!$G$18=$B$24,21,0),MOD($C1500,24)+1)/SUM(INDEX($D$3:$AA$30,INDEX(Jesper!$R$2:$R$366,ROW(INDEX(Jesper!AH$2:AH$366,ROUNDDOWN($C1500/24,0)+1,1))-1)+IF('Standard Profiles'!$G$18=$B$10,7,0)+IF('Standard Profiles'!$G$18=$B$17,14,0)+IF('Standard Profiles'!$G$18=$B$24,21,0),0)),0)</f>
        <v>8.1703827191763452</v>
      </c>
      <c r="E1500" cm="1">
        <f t="array" ref="E1500">IFERROR(INDEX(Jesper!AI$2:AI$366,ROUNDDOWN($C1500/24,0)+1,1)*INDEX($D$3:$AA$30,INDEX(Jesper!$R$2:$R$366,ROW(INDEX(Jesper!AI$2:AI$366,ROUNDDOWN($C1500/24,0)+1,1))-1)+IF('Standard Profiles'!$G$19=$B$10,7,0)+IF('Standard Profiles'!$G$19=$B$17,14,0)+IF('Standard Profiles'!$G$19=$B$24,21,0),MOD($C1500,24)+1)/SUM(INDEX($D$3:$AA$30,INDEX(Jesper!$R$2:$R$366,ROW(INDEX(Jesper!AI$2:AI$366,ROUNDDOWN($C1500/24,0)+1,1))-1)+IF('Standard Profiles'!$G$19=$B$10,7,0)+IF('Standard Profiles'!$G$19=$B$17,14,0)+IF('Standard Profiles'!$G$19=$B$24,21,0),0)),0)</f>
        <v>1.8113000484051924</v>
      </c>
      <c r="F1500" cm="1">
        <f t="array" ref="F1500">IFERROR(INDEX(Jesper!AJ$2:AJ$366,ROUNDDOWN($C1500/24,0)+1,1)*INDEX($D$3:$AA$30,INDEX(Jesper!$R$2:$R$366,ROW(INDEX(Jesper!AJ$2:AJ$366,ROUNDDOWN($C1500/24,0)+1,1))-1)+IF('Standard Profiles'!$G$20=$B$10,7,0)+IF('Standard Profiles'!$G$20=$B$17,14,0)+IF('Standard Profiles'!$G$20=$B$24,21,0),MOD($C1500,24)+1)/SUM(INDEX($D$3:$AA$30,INDEX(Jesper!$R$2:$R$366,ROW(INDEX(Jesper!AJ$2:AJ$366,ROUNDDOWN($C1500/24,0)+1,1))-1)+IF('Standard Profiles'!$G$20=$B$10,7,0)+IF('Standard Profiles'!$G$20=$B$17,14,0)+IF('Standard Profiles'!$G$20=$B$24,21,0),0)),0)</f>
        <v>0</v>
      </c>
      <c r="G1500" cm="1">
        <f t="array" ref="G1500">IFERROR(INDEX(Jesper!AK$2:AK$366,ROUNDDOWN($C1500/24,0)+1,1)*INDEX($D$3:$AA$30,INDEX(Jesper!$R$2:$R$366,ROW(INDEX(Jesper!AK$2:AK$366,ROUNDDOWN($C1500/24,0)+1,1))-1)+IF('Standard Profiles'!$G$21=$B$10,7,0)+IF('Standard Profiles'!$G$21=$B$17,14,0)+IF('Standard Profiles'!$G$21=$B$24,21,0),MOD($C1500,24)+1)/SUM(INDEX($D$3:$AA$30,INDEX(Jesper!$R$2:$R$366,ROW(INDEX(Jesper!AK$2:AK$366,ROUNDDOWN($C1500/24,0)+1,1))-1)+IF('Standard Profiles'!$G$21=$B$10,7,0)+IF('Standard Profiles'!$G$21=$B$17,14,0)+IF('Standard Profiles'!$G$21=$B$24,21,0),0)),0)</f>
        <v>0</v>
      </c>
      <c r="H1500" cm="1">
        <f t="array" ref="H1500">IFERROR(INDEX(Jesper!AL$2:AL$366,ROUNDDOWN($C1500/24,0)+1,1)*INDEX($D$3:$AA$30,INDEX(Jesper!$R$2:$R$366,ROW(INDEX(Jesper!AL$2:AL$366,ROUNDDOWN($C1500/24,0)+1,1))-1)+IF('Standard Profiles'!$G$22=$B$10,7,0)+IF('Standard Profiles'!$G$22=$B$17,14,0)+IF('Standard Profiles'!$G$22=$B$24,21,0),MOD($C1500,24)+1)/SUM(INDEX($D$3:$AA$30,INDEX(Jesper!$R$2:$R$366,ROW(INDEX(Jesper!AL$2:AL$366,ROUNDDOWN($C1500/24,0)+1,1))-1)+IF('Standard Profiles'!$G$22=$B$10,7,0)+IF('Standard Profiles'!$G$22=$B$17,14,0)+IF('Standard Profiles'!$G$22=$B$24,21,0),0)),0)</f>
        <v>0</v>
      </c>
      <c r="I1500">
        <f t="shared" si="174"/>
        <v>0.16318018454100838</v>
      </c>
      <c r="J1500">
        <f t="shared" si="175"/>
        <v>0.54393394847002796</v>
      </c>
      <c r="K1500">
        <f t="shared" si="176"/>
        <v>0.815900922705042</v>
      </c>
      <c r="L1500">
        <f t="shared" si="177"/>
        <v>8.4586677118654592</v>
      </c>
      <c r="M1500">
        <f t="shared" si="178"/>
        <v>0</v>
      </c>
      <c r="N1500" s="46">
        <f t="shared" si="179"/>
        <v>45353.083333329778</v>
      </c>
    </row>
    <row r="1501" spans="2:14" x14ac:dyDescent="0.3">
      <c r="B1501">
        <f t="shared" si="173"/>
        <v>6</v>
      </c>
      <c r="C1501" s="16">
        <v>1467</v>
      </c>
      <c r="D1501" cm="1">
        <f t="array" ref="D1501">IFERROR(INDEX(Jesper!AH$2:AH$366,ROUNDDOWN($C1501/24,0)+1,1)*INDEX($D$3:$AA$30,INDEX(Jesper!$R$2:$R$366,ROW(INDEX(Jesper!AH$2:AH$366,ROUNDDOWN($C1501/24,0)+1,1))-1)+IF('Standard Profiles'!$G$18=$B$10,7,0)+IF('Standard Profiles'!$G$18=$B$17,14,0)+IF('Standard Profiles'!$G$18=$B$24,21,0),MOD($C1501,24)+1)/SUM(INDEX($D$3:$AA$30,INDEX(Jesper!$R$2:$R$366,ROW(INDEX(Jesper!AH$2:AH$366,ROUNDDOWN($C1501/24,0)+1,1))-1)+IF('Standard Profiles'!$G$18=$B$10,7,0)+IF('Standard Profiles'!$G$18=$B$17,14,0)+IF('Standard Profiles'!$G$18=$B$24,21,0),0)),0)</f>
        <v>8.1703827191763452</v>
      </c>
      <c r="E1501" cm="1">
        <f t="array" ref="E1501">IFERROR(INDEX(Jesper!AI$2:AI$366,ROUNDDOWN($C1501/24,0)+1,1)*INDEX($D$3:$AA$30,INDEX(Jesper!$R$2:$R$366,ROW(INDEX(Jesper!AI$2:AI$366,ROUNDDOWN($C1501/24,0)+1,1))-1)+IF('Standard Profiles'!$G$19=$B$10,7,0)+IF('Standard Profiles'!$G$19=$B$17,14,0)+IF('Standard Profiles'!$G$19=$B$24,21,0),MOD($C1501,24)+1)/SUM(INDEX($D$3:$AA$30,INDEX(Jesper!$R$2:$R$366,ROW(INDEX(Jesper!AI$2:AI$366,ROUNDDOWN($C1501/24,0)+1,1))-1)+IF('Standard Profiles'!$G$19=$B$10,7,0)+IF('Standard Profiles'!$G$19=$B$17,14,0)+IF('Standard Profiles'!$G$19=$B$24,21,0),0)),0)</f>
        <v>1.8113000484051924</v>
      </c>
      <c r="F1501" cm="1">
        <f t="array" ref="F1501">IFERROR(INDEX(Jesper!AJ$2:AJ$366,ROUNDDOWN($C1501/24,0)+1,1)*INDEX($D$3:$AA$30,INDEX(Jesper!$R$2:$R$366,ROW(INDEX(Jesper!AJ$2:AJ$366,ROUNDDOWN($C1501/24,0)+1,1))-1)+IF('Standard Profiles'!$G$20=$B$10,7,0)+IF('Standard Profiles'!$G$20=$B$17,14,0)+IF('Standard Profiles'!$G$20=$B$24,21,0),MOD($C1501,24)+1)/SUM(INDEX($D$3:$AA$30,INDEX(Jesper!$R$2:$R$366,ROW(INDEX(Jesper!AJ$2:AJ$366,ROUNDDOWN($C1501/24,0)+1,1))-1)+IF('Standard Profiles'!$G$20=$B$10,7,0)+IF('Standard Profiles'!$G$20=$B$17,14,0)+IF('Standard Profiles'!$G$20=$B$24,21,0),0)),0)</f>
        <v>0</v>
      </c>
      <c r="G1501" cm="1">
        <f t="array" ref="G1501">IFERROR(INDEX(Jesper!AK$2:AK$366,ROUNDDOWN($C1501/24,0)+1,1)*INDEX($D$3:$AA$30,INDEX(Jesper!$R$2:$R$366,ROW(INDEX(Jesper!AK$2:AK$366,ROUNDDOWN($C1501/24,0)+1,1))-1)+IF('Standard Profiles'!$G$21=$B$10,7,0)+IF('Standard Profiles'!$G$21=$B$17,14,0)+IF('Standard Profiles'!$G$21=$B$24,21,0),MOD($C1501,24)+1)/SUM(INDEX($D$3:$AA$30,INDEX(Jesper!$R$2:$R$366,ROW(INDEX(Jesper!AK$2:AK$366,ROUNDDOWN($C1501/24,0)+1,1))-1)+IF('Standard Profiles'!$G$21=$B$10,7,0)+IF('Standard Profiles'!$G$21=$B$17,14,0)+IF('Standard Profiles'!$G$21=$B$24,21,0),0)),0)</f>
        <v>0</v>
      </c>
      <c r="H1501" cm="1">
        <f t="array" ref="H1501">IFERROR(INDEX(Jesper!AL$2:AL$366,ROUNDDOWN($C1501/24,0)+1,1)*INDEX($D$3:$AA$30,INDEX(Jesper!$R$2:$R$366,ROW(INDEX(Jesper!AL$2:AL$366,ROUNDDOWN($C1501/24,0)+1,1))-1)+IF('Standard Profiles'!$G$22=$B$10,7,0)+IF('Standard Profiles'!$G$22=$B$17,14,0)+IF('Standard Profiles'!$G$22=$B$24,21,0),MOD($C1501,24)+1)/SUM(INDEX($D$3:$AA$30,INDEX(Jesper!$R$2:$R$366,ROW(INDEX(Jesper!AL$2:AL$366,ROUNDDOWN($C1501/24,0)+1,1))-1)+IF('Standard Profiles'!$G$22=$B$10,7,0)+IF('Standard Profiles'!$G$22=$B$17,14,0)+IF('Standard Profiles'!$G$22=$B$24,21,0),0)),0)</f>
        <v>0</v>
      </c>
      <c r="I1501">
        <f t="shared" si="174"/>
        <v>0.16318018454100838</v>
      </c>
      <c r="J1501">
        <f t="shared" si="175"/>
        <v>0.54393394847002796</v>
      </c>
      <c r="K1501">
        <f t="shared" si="176"/>
        <v>0.815900922705042</v>
      </c>
      <c r="L1501">
        <f t="shared" si="177"/>
        <v>8.4586677118654592</v>
      </c>
      <c r="M1501">
        <f t="shared" si="178"/>
        <v>0</v>
      </c>
      <c r="N1501" s="46">
        <f t="shared" si="179"/>
        <v>45353.124999996442</v>
      </c>
    </row>
    <row r="1502" spans="2:14" x14ac:dyDescent="0.3">
      <c r="B1502">
        <f t="shared" si="173"/>
        <v>6</v>
      </c>
      <c r="C1502" s="16">
        <v>1468</v>
      </c>
      <c r="D1502" cm="1">
        <f t="array" ref="D1502">IFERROR(INDEX(Jesper!AH$2:AH$366,ROUNDDOWN($C1502/24,0)+1,1)*INDEX($D$3:$AA$30,INDEX(Jesper!$R$2:$R$366,ROW(INDEX(Jesper!AH$2:AH$366,ROUNDDOWN($C1502/24,0)+1,1))-1)+IF('Standard Profiles'!$G$18=$B$10,7,0)+IF('Standard Profiles'!$G$18=$B$17,14,0)+IF('Standard Profiles'!$G$18=$B$24,21,0),MOD($C1502,24)+1)/SUM(INDEX($D$3:$AA$30,INDEX(Jesper!$R$2:$R$366,ROW(INDEX(Jesper!AH$2:AH$366,ROUNDDOWN($C1502/24,0)+1,1))-1)+IF('Standard Profiles'!$G$18=$B$10,7,0)+IF('Standard Profiles'!$G$18=$B$17,14,0)+IF('Standard Profiles'!$G$18=$B$24,21,0),0)),0)</f>
        <v>8.1703827191763452</v>
      </c>
      <c r="E1502" cm="1">
        <f t="array" ref="E1502">IFERROR(INDEX(Jesper!AI$2:AI$366,ROUNDDOWN($C1502/24,0)+1,1)*INDEX($D$3:$AA$30,INDEX(Jesper!$R$2:$R$366,ROW(INDEX(Jesper!AI$2:AI$366,ROUNDDOWN($C1502/24,0)+1,1))-1)+IF('Standard Profiles'!$G$19=$B$10,7,0)+IF('Standard Profiles'!$G$19=$B$17,14,0)+IF('Standard Profiles'!$G$19=$B$24,21,0),MOD($C1502,24)+1)/SUM(INDEX($D$3:$AA$30,INDEX(Jesper!$R$2:$R$366,ROW(INDEX(Jesper!AI$2:AI$366,ROUNDDOWN($C1502/24,0)+1,1))-1)+IF('Standard Profiles'!$G$19=$B$10,7,0)+IF('Standard Profiles'!$G$19=$B$17,14,0)+IF('Standard Profiles'!$G$19=$B$24,21,0),0)),0)</f>
        <v>1.8113000484051924</v>
      </c>
      <c r="F1502" cm="1">
        <f t="array" ref="F1502">IFERROR(INDEX(Jesper!AJ$2:AJ$366,ROUNDDOWN($C1502/24,0)+1,1)*INDEX($D$3:$AA$30,INDEX(Jesper!$R$2:$R$366,ROW(INDEX(Jesper!AJ$2:AJ$366,ROUNDDOWN($C1502/24,0)+1,1))-1)+IF('Standard Profiles'!$G$20=$B$10,7,0)+IF('Standard Profiles'!$G$20=$B$17,14,0)+IF('Standard Profiles'!$G$20=$B$24,21,0),MOD($C1502,24)+1)/SUM(INDEX($D$3:$AA$30,INDEX(Jesper!$R$2:$R$366,ROW(INDEX(Jesper!AJ$2:AJ$366,ROUNDDOWN($C1502/24,0)+1,1))-1)+IF('Standard Profiles'!$G$20=$B$10,7,0)+IF('Standard Profiles'!$G$20=$B$17,14,0)+IF('Standard Profiles'!$G$20=$B$24,21,0),0)),0)</f>
        <v>0</v>
      </c>
      <c r="G1502" cm="1">
        <f t="array" ref="G1502">IFERROR(INDEX(Jesper!AK$2:AK$366,ROUNDDOWN($C1502/24,0)+1,1)*INDEX($D$3:$AA$30,INDEX(Jesper!$R$2:$R$366,ROW(INDEX(Jesper!AK$2:AK$366,ROUNDDOWN($C1502/24,0)+1,1))-1)+IF('Standard Profiles'!$G$21=$B$10,7,0)+IF('Standard Profiles'!$G$21=$B$17,14,0)+IF('Standard Profiles'!$G$21=$B$24,21,0),MOD($C1502,24)+1)/SUM(INDEX($D$3:$AA$30,INDEX(Jesper!$R$2:$R$366,ROW(INDEX(Jesper!AK$2:AK$366,ROUNDDOWN($C1502/24,0)+1,1))-1)+IF('Standard Profiles'!$G$21=$B$10,7,0)+IF('Standard Profiles'!$G$21=$B$17,14,0)+IF('Standard Profiles'!$G$21=$B$24,21,0),0)),0)</f>
        <v>0</v>
      </c>
      <c r="H1502" cm="1">
        <f t="array" ref="H1502">IFERROR(INDEX(Jesper!AL$2:AL$366,ROUNDDOWN($C1502/24,0)+1,1)*INDEX($D$3:$AA$30,INDEX(Jesper!$R$2:$R$366,ROW(INDEX(Jesper!AL$2:AL$366,ROUNDDOWN($C1502/24,0)+1,1))-1)+IF('Standard Profiles'!$G$22=$B$10,7,0)+IF('Standard Profiles'!$G$22=$B$17,14,0)+IF('Standard Profiles'!$G$22=$B$24,21,0),MOD($C1502,24)+1)/SUM(INDEX($D$3:$AA$30,INDEX(Jesper!$R$2:$R$366,ROW(INDEX(Jesper!AL$2:AL$366,ROUNDDOWN($C1502/24,0)+1,1))-1)+IF('Standard Profiles'!$G$22=$B$10,7,0)+IF('Standard Profiles'!$G$22=$B$17,14,0)+IF('Standard Profiles'!$G$22=$B$24,21,0),0)),0)</f>
        <v>0</v>
      </c>
      <c r="I1502">
        <f t="shared" si="174"/>
        <v>0.16318018454100838</v>
      </c>
      <c r="J1502">
        <f t="shared" si="175"/>
        <v>0.54393394847002796</v>
      </c>
      <c r="K1502">
        <f t="shared" si="176"/>
        <v>0.815900922705042</v>
      </c>
      <c r="L1502">
        <f t="shared" si="177"/>
        <v>8.4586677118654592</v>
      </c>
      <c r="M1502">
        <f t="shared" si="178"/>
        <v>0</v>
      </c>
      <c r="N1502" s="46">
        <f t="shared" si="179"/>
        <v>45353.166666663106</v>
      </c>
    </row>
    <row r="1503" spans="2:14" x14ac:dyDescent="0.3">
      <c r="B1503">
        <f t="shared" si="173"/>
        <v>6</v>
      </c>
      <c r="C1503" s="16">
        <v>1469</v>
      </c>
      <c r="D1503" cm="1">
        <f t="array" ref="D1503">IFERROR(INDEX(Jesper!AH$2:AH$366,ROUNDDOWN($C1503/24,0)+1,1)*INDEX($D$3:$AA$30,INDEX(Jesper!$R$2:$R$366,ROW(INDEX(Jesper!AH$2:AH$366,ROUNDDOWN($C1503/24,0)+1,1))-1)+IF('Standard Profiles'!$G$18=$B$10,7,0)+IF('Standard Profiles'!$G$18=$B$17,14,0)+IF('Standard Profiles'!$G$18=$B$24,21,0),MOD($C1503,24)+1)/SUM(INDEX($D$3:$AA$30,INDEX(Jesper!$R$2:$R$366,ROW(INDEX(Jesper!AH$2:AH$366,ROUNDDOWN($C1503/24,0)+1,1))-1)+IF('Standard Profiles'!$G$18=$B$10,7,0)+IF('Standard Profiles'!$G$18=$B$17,14,0)+IF('Standard Profiles'!$G$18=$B$24,21,0),0)),0)</f>
        <v>10.163158992146183</v>
      </c>
      <c r="E1503" cm="1">
        <f t="array" ref="E1503">IFERROR(INDEX(Jesper!AI$2:AI$366,ROUNDDOWN($C1503/24,0)+1,1)*INDEX($D$3:$AA$30,INDEX(Jesper!$R$2:$R$366,ROW(INDEX(Jesper!AI$2:AI$366,ROUNDDOWN($C1503/24,0)+1,1))-1)+IF('Standard Profiles'!$G$19=$B$10,7,0)+IF('Standard Profiles'!$G$19=$B$17,14,0)+IF('Standard Profiles'!$G$19=$B$24,21,0),MOD($C1503,24)+1)/SUM(INDEX($D$3:$AA$30,INDEX(Jesper!$R$2:$R$366,ROW(INDEX(Jesper!AI$2:AI$366,ROUNDDOWN($C1503/24,0)+1,1))-1)+IF('Standard Profiles'!$G$19=$B$10,7,0)+IF('Standard Profiles'!$G$19=$B$17,14,0)+IF('Standard Profiles'!$G$19=$B$24,21,0),0)),0)</f>
        <v>2.2530805480162148</v>
      </c>
      <c r="F1503" cm="1">
        <f t="array" ref="F1503">IFERROR(INDEX(Jesper!AJ$2:AJ$366,ROUNDDOWN($C1503/24,0)+1,1)*INDEX($D$3:$AA$30,INDEX(Jesper!$R$2:$R$366,ROW(INDEX(Jesper!AJ$2:AJ$366,ROUNDDOWN($C1503/24,0)+1,1))-1)+IF('Standard Profiles'!$G$20=$B$10,7,0)+IF('Standard Profiles'!$G$20=$B$17,14,0)+IF('Standard Profiles'!$G$20=$B$24,21,0),MOD($C1503,24)+1)/SUM(INDEX($D$3:$AA$30,INDEX(Jesper!$R$2:$R$366,ROW(INDEX(Jesper!AJ$2:AJ$366,ROUNDDOWN($C1503/24,0)+1,1))-1)+IF('Standard Profiles'!$G$20=$B$10,7,0)+IF('Standard Profiles'!$G$20=$B$17,14,0)+IF('Standard Profiles'!$G$20=$B$24,21,0),0)),0)</f>
        <v>0</v>
      </c>
      <c r="G1503" cm="1">
        <f t="array" ref="G1503">IFERROR(INDEX(Jesper!AK$2:AK$366,ROUNDDOWN($C1503/24,0)+1,1)*INDEX($D$3:$AA$30,INDEX(Jesper!$R$2:$R$366,ROW(INDEX(Jesper!AK$2:AK$366,ROUNDDOWN($C1503/24,0)+1,1))-1)+IF('Standard Profiles'!$G$21=$B$10,7,0)+IF('Standard Profiles'!$G$21=$B$17,14,0)+IF('Standard Profiles'!$G$21=$B$24,21,0),MOD($C1503,24)+1)/SUM(INDEX($D$3:$AA$30,INDEX(Jesper!$R$2:$R$366,ROW(INDEX(Jesper!AK$2:AK$366,ROUNDDOWN($C1503/24,0)+1,1))-1)+IF('Standard Profiles'!$G$21=$B$10,7,0)+IF('Standard Profiles'!$G$21=$B$17,14,0)+IF('Standard Profiles'!$G$21=$B$24,21,0),0)),0)</f>
        <v>0</v>
      </c>
      <c r="H1503" cm="1">
        <f t="array" ref="H1503">IFERROR(INDEX(Jesper!AL$2:AL$366,ROUNDDOWN($C1503/24,0)+1,1)*INDEX($D$3:$AA$30,INDEX(Jesper!$R$2:$R$366,ROW(INDEX(Jesper!AL$2:AL$366,ROUNDDOWN($C1503/24,0)+1,1))-1)+IF('Standard Profiles'!$G$22=$B$10,7,0)+IF('Standard Profiles'!$G$22=$B$17,14,0)+IF('Standard Profiles'!$G$22=$B$24,21,0),MOD($C1503,24)+1)/SUM(INDEX($D$3:$AA$30,INDEX(Jesper!$R$2:$R$366,ROW(INDEX(Jesper!AL$2:AL$366,ROUNDDOWN($C1503/24,0)+1,1))-1)+IF('Standard Profiles'!$G$22=$B$10,7,0)+IF('Standard Profiles'!$G$22=$B$17,14,0)+IF('Standard Profiles'!$G$22=$B$24,21,0),0)),0)</f>
        <v>0</v>
      </c>
      <c r="I1503">
        <f t="shared" si="174"/>
        <v>0.20298022955101039</v>
      </c>
      <c r="J1503">
        <f t="shared" si="175"/>
        <v>0.67660076517003476</v>
      </c>
      <c r="K1503">
        <f t="shared" si="176"/>
        <v>1.014901147755052</v>
      </c>
      <c r="L1503">
        <f t="shared" si="177"/>
        <v>10.521757397686301</v>
      </c>
      <c r="M1503">
        <f t="shared" si="178"/>
        <v>0</v>
      </c>
      <c r="N1503" s="46">
        <f t="shared" si="179"/>
        <v>45353.208333329771</v>
      </c>
    </row>
    <row r="1504" spans="2:14" x14ac:dyDescent="0.3">
      <c r="B1504">
        <f t="shared" si="173"/>
        <v>6</v>
      </c>
      <c r="C1504" s="16">
        <v>1470</v>
      </c>
      <c r="D1504" cm="1">
        <f t="array" ref="D1504">IFERROR(INDEX(Jesper!AH$2:AH$366,ROUNDDOWN($C1504/24,0)+1,1)*INDEX($D$3:$AA$30,INDEX(Jesper!$R$2:$R$366,ROW(INDEX(Jesper!AH$2:AH$366,ROUNDDOWN($C1504/24,0)+1,1))-1)+IF('Standard Profiles'!$G$18=$B$10,7,0)+IF('Standard Profiles'!$G$18=$B$17,14,0)+IF('Standard Profiles'!$G$18=$B$24,21,0),MOD($C1504,24)+1)/SUM(INDEX($D$3:$AA$30,INDEX(Jesper!$R$2:$R$366,ROW(INDEX(Jesper!AH$2:AH$366,ROUNDDOWN($C1504/24,0)+1,1))-1)+IF('Standard Profiles'!$G$18=$B$10,7,0)+IF('Standard Profiles'!$G$18=$B$17,14,0)+IF('Standard Profiles'!$G$18=$B$24,21,0),0)),0)</f>
        <v>12.753768147006976</v>
      </c>
      <c r="E1504" cm="1">
        <f t="array" ref="E1504">IFERROR(INDEX(Jesper!AI$2:AI$366,ROUNDDOWN($C1504/24,0)+1,1)*INDEX($D$3:$AA$30,INDEX(Jesper!$R$2:$R$366,ROW(INDEX(Jesper!AI$2:AI$366,ROUNDDOWN($C1504/24,0)+1,1))-1)+IF('Standard Profiles'!$G$19=$B$10,7,0)+IF('Standard Profiles'!$G$19=$B$17,14,0)+IF('Standard Profiles'!$G$19=$B$24,21,0),MOD($C1504,24)+1)/SUM(INDEX($D$3:$AA$30,INDEX(Jesper!$R$2:$R$366,ROW(INDEX(Jesper!AI$2:AI$366,ROUNDDOWN($C1504/24,0)+1,1))-1)+IF('Standard Profiles'!$G$19=$B$10,7,0)+IF('Standard Profiles'!$G$19=$B$17,14,0)+IF('Standard Profiles'!$G$19=$B$24,21,0),0)),0)</f>
        <v>2.827395197510544</v>
      </c>
      <c r="F1504" cm="1">
        <f t="array" ref="F1504">IFERROR(INDEX(Jesper!AJ$2:AJ$366,ROUNDDOWN($C1504/24,0)+1,1)*INDEX($D$3:$AA$30,INDEX(Jesper!$R$2:$R$366,ROW(INDEX(Jesper!AJ$2:AJ$366,ROUNDDOWN($C1504/24,0)+1,1))-1)+IF('Standard Profiles'!$G$20=$B$10,7,0)+IF('Standard Profiles'!$G$20=$B$17,14,0)+IF('Standard Profiles'!$G$20=$B$24,21,0),MOD($C1504,24)+1)/SUM(INDEX($D$3:$AA$30,INDEX(Jesper!$R$2:$R$366,ROW(INDEX(Jesper!AJ$2:AJ$366,ROUNDDOWN($C1504/24,0)+1,1))-1)+IF('Standard Profiles'!$G$20=$B$10,7,0)+IF('Standard Profiles'!$G$20=$B$17,14,0)+IF('Standard Profiles'!$G$20=$B$24,21,0),0)),0)</f>
        <v>0</v>
      </c>
      <c r="G1504" cm="1">
        <f t="array" ref="G1504">IFERROR(INDEX(Jesper!AK$2:AK$366,ROUNDDOWN($C1504/24,0)+1,1)*INDEX($D$3:$AA$30,INDEX(Jesper!$R$2:$R$366,ROW(INDEX(Jesper!AK$2:AK$366,ROUNDDOWN($C1504/24,0)+1,1))-1)+IF('Standard Profiles'!$G$21=$B$10,7,0)+IF('Standard Profiles'!$G$21=$B$17,14,0)+IF('Standard Profiles'!$G$21=$B$24,21,0),MOD($C1504,24)+1)/SUM(INDEX($D$3:$AA$30,INDEX(Jesper!$R$2:$R$366,ROW(INDEX(Jesper!AK$2:AK$366,ROUNDDOWN($C1504/24,0)+1,1))-1)+IF('Standard Profiles'!$G$21=$B$10,7,0)+IF('Standard Profiles'!$G$21=$B$17,14,0)+IF('Standard Profiles'!$G$21=$B$24,21,0),0)),0)</f>
        <v>0</v>
      </c>
      <c r="H1504" cm="1">
        <f t="array" ref="H1504">IFERROR(INDEX(Jesper!AL$2:AL$366,ROUNDDOWN($C1504/24,0)+1,1)*INDEX($D$3:$AA$30,INDEX(Jesper!$R$2:$R$366,ROW(INDEX(Jesper!AL$2:AL$366,ROUNDDOWN($C1504/24,0)+1,1))-1)+IF('Standard Profiles'!$G$22=$B$10,7,0)+IF('Standard Profiles'!$G$22=$B$17,14,0)+IF('Standard Profiles'!$G$22=$B$24,21,0),MOD($C1504,24)+1)/SUM(INDEX($D$3:$AA$30,INDEX(Jesper!$R$2:$R$366,ROW(INDEX(Jesper!AL$2:AL$366,ROUNDDOWN($C1504/24,0)+1,1))-1)+IF('Standard Profiles'!$G$22=$B$10,7,0)+IF('Standard Profiles'!$G$22=$B$17,14,0)+IF('Standard Profiles'!$G$22=$B$24,21,0),0)),0)</f>
        <v>0</v>
      </c>
      <c r="I1504">
        <f t="shared" si="174"/>
        <v>0.25472028806401303</v>
      </c>
      <c r="J1504">
        <f t="shared" si="175"/>
        <v>0.84906762688004356</v>
      </c>
      <c r="K1504">
        <f t="shared" si="176"/>
        <v>1.2736014403200653</v>
      </c>
      <c r="L1504">
        <f t="shared" si="177"/>
        <v>13.203773989253399</v>
      </c>
      <c r="M1504">
        <f t="shared" si="178"/>
        <v>0</v>
      </c>
      <c r="N1504" s="46">
        <f t="shared" si="179"/>
        <v>45353.249999996435</v>
      </c>
    </row>
    <row r="1505" spans="2:14" x14ac:dyDescent="0.3">
      <c r="B1505">
        <f t="shared" si="173"/>
        <v>6</v>
      </c>
      <c r="C1505" s="16">
        <v>1471</v>
      </c>
      <c r="D1505" cm="1">
        <f t="array" ref="D1505">IFERROR(INDEX(Jesper!AH$2:AH$366,ROUNDDOWN($C1505/24,0)+1,1)*INDEX($D$3:$AA$30,INDEX(Jesper!$R$2:$R$366,ROW(INDEX(Jesper!AH$2:AH$366,ROUNDDOWN($C1505/24,0)+1,1))-1)+IF('Standard Profiles'!$G$18=$B$10,7,0)+IF('Standard Profiles'!$G$18=$B$17,14,0)+IF('Standard Profiles'!$G$18=$B$24,21,0),MOD($C1505,24)+1)/SUM(INDEX($D$3:$AA$30,INDEX(Jesper!$R$2:$R$366,ROW(INDEX(Jesper!AH$2:AH$366,ROUNDDOWN($C1505/24,0)+1,1))-1)+IF('Standard Profiles'!$G$18=$B$10,7,0)+IF('Standard Profiles'!$G$18=$B$17,14,0)+IF('Standard Profiles'!$G$18=$B$24,21,0),0)),0)</f>
        <v>14.54726679267983</v>
      </c>
      <c r="E1505" cm="1">
        <f t="array" ref="E1505">IFERROR(INDEX(Jesper!AI$2:AI$366,ROUNDDOWN($C1505/24,0)+1,1)*INDEX($D$3:$AA$30,INDEX(Jesper!$R$2:$R$366,ROW(INDEX(Jesper!AI$2:AI$366,ROUNDDOWN($C1505/24,0)+1,1))-1)+IF('Standard Profiles'!$G$19=$B$10,7,0)+IF('Standard Profiles'!$G$19=$B$17,14,0)+IF('Standard Profiles'!$G$19=$B$24,21,0),MOD($C1505,24)+1)/SUM(INDEX($D$3:$AA$30,INDEX(Jesper!$R$2:$R$366,ROW(INDEX(Jesper!AI$2:AI$366,ROUNDDOWN($C1505/24,0)+1,1))-1)+IF('Standard Profiles'!$G$19=$B$10,7,0)+IF('Standard Profiles'!$G$19=$B$17,14,0)+IF('Standard Profiles'!$G$19=$B$24,21,0),0)),0)</f>
        <v>3.224997647160464</v>
      </c>
      <c r="F1505" cm="1">
        <f t="array" ref="F1505">IFERROR(INDEX(Jesper!AJ$2:AJ$366,ROUNDDOWN($C1505/24,0)+1,1)*INDEX($D$3:$AA$30,INDEX(Jesper!$R$2:$R$366,ROW(INDEX(Jesper!AJ$2:AJ$366,ROUNDDOWN($C1505/24,0)+1,1))-1)+IF('Standard Profiles'!$G$20=$B$10,7,0)+IF('Standard Profiles'!$G$20=$B$17,14,0)+IF('Standard Profiles'!$G$20=$B$24,21,0),MOD($C1505,24)+1)/SUM(INDEX($D$3:$AA$30,INDEX(Jesper!$R$2:$R$366,ROW(INDEX(Jesper!AJ$2:AJ$366,ROUNDDOWN($C1505/24,0)+1,1))-1)+IF('Standard Profiles'!$G$20=$B$10,7,0)+IF('Standard Profiles'!$G$20=$B$17,14,0)+IF('Standard Profiles'!$G$20=$B$24,21,0),0)),0)</f>
        <v>0</v>
      </c>
      <c r="G1505" cm="1">
        <f t="array" ref="G1505">IFERROR(INDEX(Jesper!AK$2:AK$366,ROUNDDOWN($C1505/24,0)+1,1)*INDEX($D$3:$AA$30,INDEX(Jesper!$R$2:$R$366,ROW(INDEX(Jesper!AK$2:AK$366,ROUNDDOWN($C1505/24,0)+1,1))-1)+IF('Standard Profiles'!$G$21=$B$10,7,0)+IF('Standard Profiles'!$G$21=$B$17,14,0)+IF('Standard Profiles'!$G$21=$B$24,21,0),MOD($C1505,24)+1)/SUM(INDEX($D$3:$AA$30,INDEX(Jesper!$R$2:$R$366,ROW(INDEX(Jesper!AK$2:AK$366,ROUNDDOWN($C1505/24,0)+1,1))-1)+IF('Standard Profiles'!$G$21=$B$10,7,0)+IF('Standard Profiles'!$G$21=$B$17,14,0)+IF('Standard Profiles'!$G$21=$B$24,21,0),0)),0)</f>
        <v>0</v>
      </c>
      <c r="H1505" cm="1">
        <f t="array" ref="H1505">IFERROR(INDEX(Jesper!AL$2:AL$366,ROUNDDOWN($C1505/24,0)+1,1)*INDEX($D$3:$AA$30,INDEX(Jesper!$R$2:$R$366,ROW(INDEX(Jesper!AL$2:AL$366,ROUNDDOWN($C1505/24,0)+1,1))-1)+IF('Standard Profiles'!$G$22=$B$10,7,0)+IF('Standard Profiles'!$G$22=$B$17,14,0)+IF('Standard Profiles'!$G$22=$B$24,21,0),MOD($C1505,24)+1)/SUM(INDEX($D$3:$AA$30,INDEX(Jesper!$R$2:$R$366,ROW(INDEX(Jesper!AL$2:AL$366,ROUNDDOWN($C1505/24,0)+1,1))-1)+IF('Standard Profiles'!$G$22=$B$10,7,0)+IF('Standard Profiles'!$G$22=$B$17,14,0)+IF('Standard Profiles'!$G$22=$B$24,21,0),0)),0)</f>
        <v>0</v>
      </c>
      <c r="I1505">
        <f t="shared" si="174"/>
        <v>0.29054032857301487</v>
      </c>
      <c r="J1505">
        <f t="shared" si="175"/>
        <v>0.96846776191004957</v>
      </c>
      <c r="K1505">
        <f t="shared" si="176"/>
        <v>1.4527016428650745</v>
      </c>
      <c r="L1505">
        <f t="shared" si="177"/>
        <v>15.060554706492155</v>
      </c>
      <c r="M1505">
        <f t="shared" si="178"/>
        <v>0</v>
      </c>
      <c r="N1505" s="46">
        <f t="shared" si="179"/>
        <v>45353.291666663099</v>
      </c>
    </row>
    <row r="1506" spans="2:14" x14ac:dyDescent="0.3">
      <c r="B1506">
        <f t="shared" si="173"/>
        <v>6</v>
      </c>
      <c r="C1506" s="16">
        <v>1472</v>
      </c>
      <c r="D1506" cm="1">
        <f t="array" ref="D1506">IFERROR(INDEX(Jesper!AH$2:AH$366,ROUNDDOWN($C1506/24,0)+1,1)*INDEX($D$3:$AA$30,INDEX(Jesper!$R$2:$R$366,ROW(INDEX(Jesper!AH$2:AH$366,ROUNDDOWN($C1506/24,0)+1,1))-1)+IF('Standard Profiles'!$G$18=$B$10,7,0)+IF('Standard Profiles'!$G$18=$B$17,14,0)+IF('Standard Profiles'!$G$18=$B$24,21,0),MOD($C1506,24)+1)/SUM(INDEX($D$3:$AA$30,INDEX(Jesper!$R$2:$R$366,ROW(INDEX(Jesper!AH$2:AH$366,ROUNDDOWN($C1506/24,0)+1,1))-1)+IF('Standard Profiles'!$G$18=$B$10,7,0)+IF('Standard Profiles'!$G$18=$B$17,14,0)+IF('Standard Profiles'!$G$18=$B$24,21,0),0)),0)</f>
        <v>14.54726679267983</v>
      </c>
      <c r="E1506" cm="1">
        <f t="array" ref="E1506">IFERROR(INDEX(Jesper!AI$2:AI$366,ROUNDDOWN($C1506/24,0)+1,1)*INDEX($D$3:$AA$30,INDEX(Jesper!$R$2:$R$366,ROW(INDEX(Jesper!AI$2:AI$366,ROUNDDOWN($C1506/24,0)+1,1))-1)+IF('Standard Profiles'!$G$19=$B$10,7,0)+IF('Standard Profiles'!$G$19=$B$17,14,0)+IF('Standard Profiles'!$G$19=$B$24,21,0),MOD($C1506,24)+1)/SUM(INDEX($D$3:$AA$30,INDEX(Jesper!$R$2:$R$366,ROW(INDEX(Jesper!AI$2:AI$366,ROUNDDOWN($C1506/24,0)+1,1))-1)+IF('Standard Profiles'!$G$19=$B$10,7,0)+IF('Standard Profiles'!$G$19=$B$17,14,0)+IF('Standard Profiles'!$G$19=$B$24,21,0),0)),0)</f>
        <v>3.224997647160464</v>
      </c>
      <c r="F1506" cm="1">
        <f t="array" ref="F1506">IFERROR(INDEX(Jesper!AJ$2:AJ$366,ROUNDDOWN($C1506/24,0)+1,1)*INDEX($D$3:$AA$30,INDEX(Jesper!$R$2:$R$366,ROW(INDEX(Jesper!AJ$2:AJ$366,ROUNDDOWN($C1506/24,0)+1,1))-1)+IF('Standard Profiles'!$G$20=$B$10,7,0)+IF('Standard Profiles'!$G$20=$B$17,14,0)+IF('Standard Profiles'!$G$20=$B$24,21,0),MOD($C1506,24)+1)/SUM(INDEX($D$3:$AA$30,INDEX(Jesper!$R$2:$R$366,ROW(INDEX(Jesper!AJ$2:AJ$366,ROUNDDOWN($C1506/24,0)+1,1))-1)+IF('Standard Profiles'!$G$20=$B$10,7,0)+IF('Standard Profiles'!$G$20=$B$17,14,0)+IF('Standard Profiles'!$G$20=$B$24,21,0),0)),0)</f>
        <v>0</v>
      </c>
      <c r="G1506" cm="1">
        <f t="array" ref="G1506">IFERROR(INDEX(Jesper!AK$2:AK$366,ROUNDDOWN($C1506/24,0)+1,1)*INDEX($D$3:$AA$30,INDEX(Jesper!$R$2:$R$366,ROW(INDEX(Jesper!AK$2:AK$366,ROUNDDOWN($C1506/24,0)+1,1))-1)+IF('Standard Profiles'!$G$21=$B$10,7,0)+IF('Standard Profiles'!$G$21=$B$17,14,0)+IF('Standard Profiles'!$G$21=$B$24,21,0),MOD($C1506,24)+1)/SUM(INDEX($D$3:$AA$30,INDEX(Jesper!$R$2:$R$366,ROW(INDEX(Jesper!AK$2:AK$366,ROUNDDOWN($C1506/24,0)+1,1))-1)+IF('Standard Profiles'!$G$21=$B$10,7,0)+IF('Standard Profiles'!$G$21=$B$17,14,0)+IF('Standard Profiles'!$G$21=$B$24,21,0),0)),0)</f>
        <v>0</v>
      </c>
      <c r="H1506" cm="1">
        <f t="array" ref="H1506">IFERROR(INDEX(Jesper!AL$2:AL$366,ROUNDDOWN($C1506/24,0)+1,1)*INDEX($D$3:$AA$30,INDEX(Jesper!$R$2:$R$366,ROW(INDEX(Jesper!AL$2:AL$366,ROUNDDOWN($C1506/24,0)+1,1))-1)+IF('Standard Profiles'!$G$22=$B$10,7,0)+IF('Standard Profiles'!$G$22=$B$17,14,0)+IF('Standard Profiles'!$G$22=$B$24,21,0),MOD($C1506,24)+1)/SUM(INDEX($D$3:$AA$30,INDEX(Jesper!$R$2:$R$366,ROW(INDEX(Jesper!AL$2:AL$366,ROUNDDOWN($C1506/24,0)+1,1))-1)+IF('Standard Profiles'!$G$22=$B$10,7,0)+IF('Standard Profiles'!$G$22=$B$17,14,0)+IF('Standard Profiles'!$G$22=$B$24,21,0),0)),0)</f>
        <v>0</v>
      </c>
      <c r="I1506">
        <f t="shared" si="174"/>
        <v>0.29054032857301487</v>
      </c>
      <c r="J1506">
        <f t="shared" si="175"/>
        <v>0.96846776191004957</v>
      </c>
      <c r="K1506">
        <f t="shared" si="176"/>
        <v>1.4527016428650745</v>
      </c>
      <c r="L1506">
        <f t="shared" si="177"/>
        <v>15.060554706492155</v>
      </c>
      <c r="M1506">
        <f t="shared" si="178"/>
        <v>0</v>
      </c>
      <c r="N1506" s="46">
        <f t="shared" si="179"/>
        <v>45353.333333329763</v>
      </c>
    </row>
    <row r="1507" spans="2:14" x14ac:dyDescent="0.3">
      <c r="B1507">
        <f t="shared" ref="B1507:B1570" si="180">WEEKDAY(N1507,2)</f>
        <v>6</v>
      </c>
      <c r="C1507" s="16">
        <v>1473</v>
      </c>
      <c r="D1507" cm="1">
        <f t="array" ref="D1507">IFERROR(INDEX(Jesper!AH$2:AH$366,ROUNDDOWN($C1507/24,0)+1,1)*INDEX($D$3:$AA$30,INDEX(Jesper!$R$2:$R$366,ROW(INDEX(Jesper!AH$2:AH$366,ROUNDDOWN($C1507/24,0)+1,1))-1)+IF('Standard Profiles'!$G$18=$B$10,7,0)+IF('Standard Profiles'!$G$18=$B$17,14,0)+IF('Standard Profiles'!$G$18=$B$24,21,0),MOD($C1507,24)+1)/SUM(INDEX($D$3:$AA$30,INDEX(Jesper!$R$2:$R$366,ROW(INDEX(Jesper!AH$2:AH$366,ROUNDDOWN($C1507/24,0)+1,1))-1)+IF('Standard Profiles'!$G$18=$B$10,7,0)+IF('Standard Profiles'!$G$18=$B$17,14,0)+IF('Standard Profiles'!$G$18=$B$24,21,0),0)),0)</f>
        <v>14.54726679267983</v>
      </c>
      <c r="E1507" cm="1">
        <f t="array" ref="E1507">IFERROR(INDEX(Jesper!AI$2:AI$366,ROUNDDOWN($C1507/24,0)+1,1)*INDEX($D$3:$AA$30,INDEX(Jesper!$R$2:$R$366,ROW(INDEX(Jesper!AI$2:AI$366,ROUNDDOWN($C1507/24,0)+1,1))-1)+IF('Standard Profiles'!$G$19=$B$10,7,0)+IF('Standard Profiles'!$G$19=$B$17,14,0)+IF('Standard Profiles'!$G$19=$B$24,21,0),MOD($C1507,24)+1)/SUM(INDEX($D$3:$AA$30,INDEX(Jesper!$R$2:$R$366,ROW(INDEX(Jesper!AI$2:AI$366,ROUNDDOWN($C1507/24,0)+1,1))-1)+IF('Standard Profiles'!$G$19=$B$10,7,0)+IF('Standard Profiles'!$G$19=$B$17,14,0)+IF('Standard Profiles'!$G$19=$B$24,21,0),0)),0)</f>
        <v>3.224997647160464</v>
      </c>
      <c r="F1507" cm="1">
        <f t="array" ref="F1507">IFERROR(INDEX(Jesper!AJ$2:AJ$366,ROUNDDOWN($C1507/24,0)+1,1)*INDEX($D$3:$AA$30,INDEX(Jesper!$R$2:$R$366,ROW(INDEX(Jesper!AJ$2:AJ$366,ROUNDDOWN($C1507/24,0)+1,1))-1)+IF('Standard Profiles'!$G$20=$B$10,7,0)+IF('Standard Profiles'!$G$20=$B$17,14,0)+IF('Standard Profiles'!$G$20=$B$24,21,0),MOD($C1507,24)+1)/SUM(INDEX($D$3:$AA$30,INDEX(Jesper!$R$2:$R$366,ROW(INDEX(Jesper!AJ$2:AJ$366,ROUNDDOWN($C1507/24,0)+1,1))-1)+IF('Standard Profiles'!$G$20=$B$10,7,0)+IF('Standard Profiles'!$G$20=$B$17,14,0)+IF('Standard Profiles'!$G$20=$B$24,21,0),0)),0)</f>
        <v>0</v>
      </c>
      <c r="G1507" cm="1">
        <f t="array" ref="G1507">IFERROR(INDEX(Jesper!AK$2:AK$366,ROUNDDOWN($C1507/24,0)+1,1)*INDEX($D$3:$AA$30,INDEX(Jesper!$R$2:$R$366,ROW(INDEX(Jesper!AK$2:AK$366,ROUNDDOWN($C1507/24,0)+1,1))-1)+IF('Standard Profiles'!$G$21=$B$10,7,0)+IF('Standard Profiles'!$G$21=$B$17,14,0)+IF('Standard Profiles'!$G$21=$B$24,21,0),MOD($C1507,24)+1)/SUM(INDEX($D$3:$AA$30,INDEX(Jesper!$R$2:$R$366,ROW(INDEX(Jesper!AK$2:AK$366,ROUNDDOWN($C1507/24,0)+1,1))-1)+IF('Standard Profiles'!$G$21=$B$10,7,0)+IF('Standard Profiles'!$G$21=$B$17,14,0)+IF('Standard Profiles'!$G$21=$B$24,21,0),0)),0)</f>
        <v>0</v>
      </c>
      <c r="H1507" cm="1">
        <f t="array" ref="H1507">IFERROR(INDEX(Jesper!AL$2:AL$366,ROUNDDOWN($C1507/24,0)+1,1)*INDEX($D$3:$AA$30,INDEX(Jesper!$R$2:$R$366,ROW(INDEX(Jesper!AL$2:AL$366,ROUNDDOWN($C1507/24,0)+1,1))-1)+IF('Standard Profiles'!$G$22=$B$10,7,0)+IF('Standard Profiles'!$G$22=$B$17,14,0)+IF('Standard Profiles'!$G$22=$B$24,21,0),MOD($C1507,24)+1)/SUM(INDEX($D$3:$AA$30,INDEX(Jesper!$R$2:$R$366,ROW(INDEX(Jesper!AL$2:AL$366,ROUNDDOWN($C1507/24,0)+1,1))-1)+IF('Standard Profiles'!$G$22=$B$10,7,0)+IF('Standard Profiles'!$G$22=$B$17,14,0)+IF('Standard Profiles'!$G$22=$B$24,21,0),0)),0)</f>
        <v>0</v>
      </c>
      <c r="I1507">
        <f t="shared" ref="I1507:I1570" si="181">IF($B1507&lt;6,AC$37*$D1507+AC$38*$E1507+AC$39*$F1507+AC$40*$G1507,AC$46*$D1507+AC$47*$E1507+AC$48*$F1507+AC$49*$G1507+AC$50*$H1507)</f>
        <v>0.29054032857301487</v>
      </c>
      <c r="J1507">
        <f t="shared" ref="J1507:J1570" si="182">IF($B1507&lt;6,AD$37*$D1507+AD$38*$E1507+AD$39*$F1507+AD$40*$G1507,AD$46*$D1507+AD$47*$E1507+AD$48*$F1507+AD$49*$G1507+AD$50*$H1507)</f>
        <v>0.96846776191004957</v>
      </c>
      <c r="K1507">
        <f t="shared" ref="K1507:K1570" si="183">IF($B1507&lt;6,AE$37*$D1507+AE$38*$E1507+AE$39*$F1507+AE$40*$G1507,AE$46*$D1507+AE$47*$E1507+AE$48*$F1507+AE$49*$G1507+AE$50*$H1507)</f>
        <v>1.4527016428650745</v>
      </c>
      <c r="L1507">
        <f t="shared" ref="L1507:L1570" si="184">IF($B1507&lt;6,AF$37*$D1507+AF$38*$E1507+AF$39*$F1507+AF$40*$G1507,AF$46*$D1507+AF$47*$E1507+AF$48*$F1507+AF$49*$G1507+AF$50*$H1507)</f>
        <v>15.060554706492155</v>
      </c>
      <c r="M1507">
        <f t="shared" ref="M1507:M1570" si="185">IF($B1507&lt;6,AG$37*$D1507+AG$38*$E1507+AG$39*$F1507+AG$40*$G1507,AG$46*$D1507+AG$47*$E1507+AG$48*$F1507+AG$49*$G1507+AG$50*$H1507)</f>
        <v>0</v>
      </c>
      <c r="N1507" s="46">
        <f t="shared" si="179"/>
        <v>45353.374999996428</v>
      </c>
    </row>
    <row r="1508" spans="2:14" x14ac:dyDescent="0.3">
      <c r="B1508">
        <f t="shared" si="180"/>
        <v>6</v>
      </c>
      <c r="C1508" s="16">
        <v>1474</v>
      </c>
      <c r="D1508" cm="1">
        <f t="array" ref="D1508">IFERROR(INDEX(Jesper!AH$2:AH$366,ROUNDDOWN($C1508/24,0)+1,1)*INDEX($D$3:$AA$30,INDEX(Jesper!$R$2:$R$366,ROW(INDEX(Jesper!AH$2:AH$366,ROUNDDOWN($C1508/24,0)+1,1))-1)+IF('Standard Profiles'!$G$18=$B$10,7,0)+IF('Standard Profiles'!$G$18=$B$17,14,0)+IF('Standard Profiles'!$G$18=$B$24,21,0),MOD($C1508,24)+1)/SUM(INDEX($D$3:$AA$30,INDEX(Jesper!$R$2:$R$366,ROW(INDEX(Jesper!AH$2:AH$366,ROUNDDOWN($C1508/24,0)+1,1))-1)+IF('Standard Profiles'!$G$18=$B$10,7,0)+IF('Standard Profiles'!$G$18=$B$17,14,0)+IF('Standard Profiles'!$G$18=$B$24,21,0),0)),0)</f>
        <v>14.54726679267983</v>
      </c>
      <c r="E1508" cm="1">
        <f t="array" ref="E1508">IFERROR(INDEX(Jesper!AI$2:AI$366,ROUNDDOWN($C1508/24,0)+1,1)*INDEX($D$3:$AA$30,INDEX(Jesper!$R$2:$R$366,ROW(INDEX(Jesper!AI$2:AI$366,ROUNDDOWN($C1508/24,0)+1,1))-1)+IF('Standard Profiles'!$G$19=$B$10,7,0)+IF('Standard Profiles'!$G$19=$B$17,14,0)+IF('Standard Profiles'!$G$19=$B$24,21,0),MOD($C1508,24)+1)/SUM(INDEX($D$3:$AA$30,INDEX(Jesper!$R$2:$R$366,ROW(INDEX(Jesper!AI$2:AI$366,ROUNDDOWN($C1508/24,0)+1,1))-1)+IF('Standard Profiles'!$G$19=$B$10,7,0)+IF('Standard Profiles'!$G$19=$B$17,14,0)+IF('Standard Profiles'!$G$19=$B$24,21,0),0)),0)</f>
        <v>3.224997647160464</v>
      </c>
      <c r="F1508" cm="1">
        <f t="array" ref="F1508">IFERROR(INDEX(Jesper!AJ$2:AJ$366,ROUNDDOWN($C1508/24,0)+1,1)*INDEX($D$3:$AA$30,INDEX(Jesper!$R$2:$R$366,ROW(INDEX(Jesper!AJ$2:AJ$366,ROUNDDOWN($C1508/24,0)+1,1))-1)+IF('Standard Profiles'!$G$20=$B$10,7,0)+IF('Standard Profiles'!$G$20=$B$17,14,0)+IF('Standard Profiles'!$G$20=$B$24,21,0),MOD($C1508,24)+1)/SUM(INDEX($D$3:$AA$30,INDEX(Jesper!$R$2:$R$366,ROW(INDEX(Jesper!AJ$2:AJ$366,ROUNDDOWN($C1508/24,0)+1,1))-1)+IF('Standard Profiles'!$G$20=$B$10,7,0)+IF('Standard Profiles'!$G$20=$B$17,14,0)+IF('Standard Profiles'!$G$20=$B$24,21,0),0)),0)</f>
        <v>0</v>
      </c>
      <c r="G1508" cm="1">
        <f t="array" ref="G1508">IFERROR(INDEX(Jesper!AK$2:AK$366,ROUNDDOWN($C1508/24,0)+1,1)*INDEX($D$3:$AA$30,INDEX(Jesper!$R$2:$R$366,ROW(INDEX(Jesper!AK$2:AK$366,ROUNDDOWN($C1508/24,0)+1,1))-1)+IF('Standard Profiles'!$G$21=$B$10,7,0)+IF('Standard Profiles'!$G$21=$B$17,14,0)+IF('Standard Profiles'!$G$21=$B$24,21,0),MOD($C1508,24)+1)/SUM(INDEX($D$3:$AA$30,INDEX(Jesper!$R$2:$R$366,ROW(INDEX(Jesper!AK$2:AK$366,ROUNDDOWN($C1508/24,0)+1,1))-1)+IF('Standard Profiles'!$G$21=$B$10,7,0)+IF('Standard Profiles'!$G$21=$B$17,14,0)+IF('Standard Profiles'!$G$21=$B$24,21,0),0)),0)</f>
        <v>0</v>
      </c>
      <c r="H1508" cm="1">
        <f t="array" ref="H1508">IFERROR(INDEX(Jesper!AL$2:AL$366,ROUNDDOWN($C1508/24,0)+1,1)*INDEX($D$3:$AA$30,INDEX(Jesper!$R$2:$R$366,ROW(INDEX(Jesper!AL$2:AL$366,ROUNDDOWN($C1508/24,0)+1,1))-1)+IF('Standard Profiles'!$G$22=$B$10,7,0)+IF('Standard Profiles'!$G$22=$B$17,14,0)+IF('Standard Profiles'!$G$22=$B$24,21,0),MOD($C1508,24)+1)/SUM(INDEX($D$3:$AA$30,INDEX(Jesper!$R$2:$R$366,ROW(INDEX(Jesper!AL$2:AL$366,ROUNDDOWN($C1508/24,0)+1,1))-1)+IF('Standard Profiles'!$G$22=$B$10,7,0)+IF('Standard Profiles'!$G$22=$B$17,14,0)+IF('Standard Profiles'!$G$22=$B$24,21,0),0)),0)</f>
        <v>0</v>
      </c>
      <c r="I1508">
        <f t="shared" si="181"/>
        <v>0.29054032857301487</v>
      </c>
      <c r="J1508">
        <f t="shared" si="182"/>
        <v>0.96846776191004957</v>
      </c>
      <c r="K1508">
        <f t="shared" si="183"/>
        <v>1.4527016428650745</v>
      </c>
      <c r="L1508">
        <f t="shared" si="184"/>
        <v>15.060554706492155</v>
      </c>
      <c r="M1508">
        <f t="shared" si="185"/>
        <v>0</v>
      </c>
      <c r="N1508" s="46">
        <f t="shared" ref="N1508:N1571" si="186">N1507+1/24</f>
        <v>45353.416666663092</v>
      </c>
    </row>
    <row r="1509" spans="2:14" x14ac:dyDescent="0.3">
      <c r="B1509">
        <f t="shared" si="180"/>
        <v>6</v>
      </c>
      <c r="C1509" s="16">
        <v>1475</v>
      </c>
      <c r="D1509" cm="1">
        <f t="array" ref="D1509">IFERROR(INDEX(Jesper!AH$2:AH$366,ROUNDDOWN($C1509/24,0)+1,1)*INDEX($D$3:$AA$30,INDEX(Jesper!$R$2:$R$366,ROW(INDEX(Jesper!AH$2:AH$366,ROUNDDOWN($C1509/24,0)+1,1))-1)+IF('Standard Profiles'!$G$18=$B$10,7,0)+IF('Standard Profiles'!$G$18=$B$17,14,0)+IF('Standard Profiles'!$G$18=$B$24,21,0),MOD($C1509,24)+1)/SUM(INDEX($D$3:$AA$30,INDEX(Jesper!$R$2:$R$366,ROW(INDEX(Jesper!AH$2:AH$366,ROUNDDOWN($C1509/24,0)+1,1))-1)+IF('Standard Profiles'!$G$18=$B$10,7,0)+IF('Standard Profiles'!$G$18=$B$17,14,0)+IF('Standard Profiles'!$G$18=$B$24,21,0),0)),0)</f>
        <v>14.54726679267983</v>
      </c>
      <c r="E1509" cm="1">
        <f t="array" ref="E1509">IFERROR(INDEX(Jesper!AI$2:AI$366,ROUNDDOWN($C1509/24,0)+1,1)*INDEX($D$3:$AA$30,INDEX(Jesper!$R$2:$R$366,ROW(INDEX(Jesper!AI$2:AI$366,ROUNDDOWN($C1509/24,0)+1,1))-1)+IF('Standard Profiles'!$G$19=$B$10,7,0)+IF('Standard Profiles'!$G$19=$B$17,14,0)+IF('Standard Profiles'!$G$19=$B$24,21,0),MOD($C1509,24)+1)/SUM(INDEX($D$3:$AA$30,INDEX(Jesper!$R$2:$R$366,ROW(INDEX(Jesper!AI$2:AI$366,ROUNDDOWN($C1509/24,0)+1,1))-1)+IF('Standard Profiles'!$G$19=$B$10,7,0)+IF('Standard Profiles'!$G$19=$B$17,14,0)+IF('Standard Profiles'!$G$19=$B$24,21,0),0)),0)</f>
        <v>3.224997647160464</v>
      </c>
      <c r="F1509" cm="1">
        <f t="array" ref="F1509">IFERROR(INDEX(Jesper!AJ$2:AJ$366,ROUNDDOWN($C1509/24,0)+1,1)*INDEX($D$3:$AA$30,INDEX(Jesper!$R$2:$R$366,ROW(INDEX(Jesper!AJ$2:AJ$366,ROUNDDOWN($C1509/24,0)+1,1))-1)+IF('Standard Profiles'!$G$20=$B$10,7,0)+IF('Standard Profiles'!$G$20=$B$17,14,0)+IF('Standard Profiles'!$G$20=$B$24,21,0),MOD($C1509,24)+1)/SUM(INDEX($D$3:$AA$30,INDEX(Jesper!$R$2:$R$366,ROW(INDEX(Jesper!AJ$2:AJ$366,ROUNDDOWN($C1509/24,0)+1,1))-1)+IF('Standard Profiles'!$G$20=$B$10,7,0)+IF('Standard Profiles'!$G$20=$B$17,14,0)+IF('Standard Profiles'!$G$20=$B$24,21,0),0)),0)</f>
        <v>0</v>
      </c>
      <c r="G1509" cm="1">
        <f t="array" ref="G1509">IFERROR(INDEX(Jesper!AK$2:AK$366,ROUNDDOWN($C1509/24,0)+1,1)*INDEX($D$3:$AA$30,INDEX(Jesper!$R$2:$R$366,ROW(INDEX(Jesper!AK$2:AK$366,ROUNDDOWN($C1509/24,0)+1,1))-1)+IF('Standard Profiles'!$G$21=$B$10,7,0)+IF('Standard Profiles'!$G$21=$B$17,14,0)+IF('Standard Profiles'!$G$21=$B$24,21,0),MOD($C1509,24)+1)/SUM(INDEX($D$3:$AA$30,INDEX(Jesper!$R$2:$R$366,ROW(INDEX(Jesper!AK$2:AK$366,ROUNDDOWN($C1509/24,0)+1,1))-1)+IF('Standard Profiles'!$G$21=$B$10,7,0)+IF('Standard Profiles'!$G$21=$B$17,14,0)+IF('Standard Profiles'!$G$21=$B$24,21,0),0)),0)</f>
        <v>0</v>
      </c>
      <c r="H1509" cm="1">
        <f t="array" ref="H1509">IFERROR(INDEX(Jesper!AL$2:AL$366,ROUNDDOWN($C1509/24,0)+1,1)*INDEX($D$3:$AA$30,INDEX(Jesper!$R$2:$R$366,ROW(INDEX(Jesper!AL$2:AL$366,ROUNDDOWN($C1509/24,0)+1,1))-1)+IF('Standard Profiles'!$G$22=$B$10,7,0)+IF('Standard Profiles'!$G$22=$B$17,14,0)+IF('Standard Profiles'!$G$22=$B$24,21,0),MOD($C1509,24)+1)/SUM(INDEX($D$3:$AA$30,INDEX(Jesper!$R$2:$R$366,ROW(INDEX(Jesper!AL$2:AL$366,ROUNDDOWN($C1509/24,0)+1,1))-1)+IF('Standard Profiles'!$G$22=$B$10,7,0)+IF('Standard Profiles'!$G$22=$B$17,14,0)+IF('Standard Profiles'!$G$22=$B$24,21,0),0)),0)</f>
        <v>0</v>
      </c>
      <c r="I1509">
        <f t="shared" si="181"/>
        <v>0.29054032857301487</v>
      </c>
      <c r="J1509">
        <f t="shared" si="182"/>
        <v>0.96846776191004957</v>
      </c>
      <c r="K1509">
        <f t="shared" si="183"/>
        <v>1.4527016428650745</v>
      </c>
      <c r="L1509">
        <f t="shared" si="184"/>
        <v>15.060554706492155</v>
      </c>
      <c r="M1509">
        <f t="shared" si="185"/>
        <v>0</v>
      </c>
      <c r="N1509" s="46">
        <f t="shared" si="186"/>
        <v>45353.458333329756</v>
      </c>
    </row>
    <row r="1510" spans="2:14" x14ac:dyDescent="0.3">
      <c r="B1510">
        <f t="shared" si="180"/>
        <v>6</v>
      </c>
      <c r="C1510" s="16">
        <v>1476</v>
      </c>
      <c r="D1510" cm="1">
        <f t="array" ref="D1510">IFERROR(INDEX(Jesper!AH$2:AH$366,ROUNDDOWN($C1510/24,0)+1,1)*INDEX($D$3:$AA$30,INDEX(Jesper!$R$2:$R$366,ROW(INDEX(Jesper!AH$2:AH$366,ROUNDDOWN($C1510/24,0)+1,1))-1)+IF('Standard Profiles'!$G$18=$B$10,7,0)+IF('Standard Profiles'!$G$18=$B$17,14,0)+IF('Standard Profiles'!$G$18=$B$24,21,0),MOD($C1510,24)+1)/SUM(INDEX($D$3:$AA$30,INDEX(Jesper!$R$2:$R$366,ROW(INDEX(Jesper!AH$2:AH$366,ROUNDDOWN($C1510/24,0)+1,1))-1)+IF('Standard Profiles'!$G$18=$B$10,7,0)+IF('Standard Profiles'!$G$18=$B$17,14,0)+IF('Standard Profiles'!$G$18=$B$24,21,0),0)),0)</f>
        <v>14.54726679267983</v>
      </c>
      <c r="E1510" cm="1">
        <f t="array" ref="E1510">IFERROR(INDEX(Jesper!AI$2:AI$366,ROUNDDOWN($C1510/24,0)+1,1)*INDEX($D$3:$AA$30,INDEX(Jesper!$R$2:$R$366,ROW(INDEX(Jesper!AI$2:AI$366,ROUNDDOWN($C1510/24,0)+1,1))-1)+IF('Standard Profiles'!$G$19=$B$10,7,0)+IF('Standard Profiles'!$G$19=$B$17,14,0)+IF('Standard Profiles'!$G$19=$B$24,21,0),MOD($C1510,24)+1)/SUM(INDEX($D$3:$AA$30,INDEX(Jesper!$R$2:$R$366,ROW(INDEX(Jesper!AI$2:AI$366,ROUNDDOWN($C1510/24,0)+1,1))-1)+IF('Standard Profiles'!$G$19=$B$10,7,0)+IF('Standard Profiles'!$G$19=$B$17,14,0)+IF('Standard Profiles'!$G$19=$B$24,21,0),0)),0)</f>
        <v>3.224997647160464</v>
      </c>
      <c r="F1510" cm="1">
        <f t="array" ref="F1510">IFERROR(INDEX(Jesper!AJ$2:AJ$366,ROUNDDOWN($C1510/24,0)+1,1)*INDEX($D$3:$AA$30,INDEX(Jesper!$R$2:$R$366,ROW(INDEX(Jesper!AJ$2:AJ$366,ROUNDDOWN($C1510/24,0)+1,1))-1)+IF('Standard Profiles'!$G$20=$B$10,7,0)+IF('Standard Profiles'!$G$20=$B$17,14,0)+IF('Standard Profiles'!$G$20=$B$24,21,0),MOD($C1510,24)+1)/SUM(INDEX($D$3:$AA$30,INDEX(Jesper!$R$2:$R$366,ROW(INDEX(Jesper!AJ$2:AJ$366,ROUNDDOWN($C1510/24,0)+1,1))-1)+IF('Standard Profiles'!$G$20=$B$10,7,0)+IF('Standard Profiles'!$G$20=$B$17,14,0)+IF('Standard Profiles'!$G$20=$B$24,21,0),0)),0)</f>
        <v>0</v>
      </c>
      <c r="G1510" cm="1">
        <f t="array" ref="G1510">IFERROR(INDEX(Jesper!AK$2:AK$366,ROUNDDOWN($C1510/24,0)+1,1)*INDEX($D$3:$AA$30,INDEX(Jesper!$R$2:$R$366,ROW(INDEX(Jesper!AK$2:AK$366,ROUNDDOWN($C1510/24,0)+1,1))-1)+IF('Standard Profiles'!$G$21=$B$10,7,0)+IF('Standard Profiles'!$G$21=$B$17,14,0)+IF('Standard Profiles'!$G$21=$B$24,21,0),MOD($C1510,24)+1)/SUM(INDEX($D$3:$AA$30,INDEX(Jesper!$R$2:$R$366,ROW(INDEX(Jesper!AK$2:AK$366,ROUNDDOWN($C1510/24,0)+1,1))-1)+IF('Standard Profiles'!$G$21=$B$10,7,0)+IF('Standard Profiles'!$G$21=$B$17,14,0)+IF('Standard Profiles'!$G$21=$B$24,21,0),0)),0)</f>
        <v>0</v>
      </c>
      <c r="H1510" cm="1">
        <f t="array" ref="H1510">IFERROR(INDEX(Jesper!AL$2:AL$366,ROUNDDOWN($C1510/24,0)+1,1)*INDEX($D$3:$AA$30,INDEX(Jesper!$R$2:$R$366,ROW(INDEX(Jesper!AL$2:AL$366,ROUNDDOWN($C1510/24,0)+1,1))-1)+IF('Standard Profiles'!$G$22=$B$10,7,0)+IF('Standard Profiles'!$G$22=$B$17,14,0)+IF('Standard Profiles'!$G$22=$B$24,21,0),MOD($C1510,24)+1)/SUM(INDEX($D$3:$AA$30,INDEX(Jesper!$R$2:$R$366,ROW(INDEX(Jesper!AL$2:AL$366,ROUNDDOWN($C1510/24,0)+1,1))-1)+IF('Standard Profiles'!$G$22=$B$10,7,0)+IF('Standard Profiles'!$G$22=$B$17,14,0)+IF('Standard Profiles'!$G$22=$B$24,21,0),0)),0)</f>
        <v>0</v>
      </c>
      <c r="I1510">
        <f t="shared" si="181"/>
        <v>0.29054032857301487</v>
      </c>
      <c r="J1510">
        <f t="shared" si="182"/>
        <v>0.96846776191004957</v>
      </c>
      <c r="K1510">
        <f t="shared" si="183"/>
        <v>1.4527016428650745</v>
      </c>
      <c r="L1510">
        <f t="shared" si="184"/>
        <v>15.060554706492155</v>
      </c>
      <c r="M1510">
        <f t="shared" si="185"/>
        <v>0</v>
      </c>
      <c r="N1510" s="46">
        <f t="shared" si="186"/>
        <v>45353.49999999642</v>
      </c>
    </row>
    <row r="1511" spans="2:14" x14ac:dyDescent="0.3">
      <c r="B1511">
        <f t="shared" si="180"/>
        <v>6</v>
      </c>
      <c r="C1511" s="16">
        <v>1477</v>
      </c>
      <c r="D1511" cm="1">
        <f t="array" ref="D1511">IFERROR(INDEX(Jesper!AH$2:AH$366,ROUNDDOWN($C1511/24,0)+1,1)*INDEX($D$3:$AA$30,INDEX(Jesper!$R$2:$R$366,ROW(INDEX(Jesper!AH$2:AH$366,ROUNDDOWN($C1511/24,0)+1,1))-1)+IF('Standard Profiles'!$G$18=$B$10,7,0)+IF('Standard Profiles'!$G$18=$B$17,14,0)+IF('Standard Profiles'!$G$18=$B$24,21,0),MOD($C1511,24)+1)/SUM(INDEX($D$3:$AA$30,INDEX(Jesper!$R$2:$R$366,ROW(INDEX(Jesper!AH$2:AH$366,ROUNDDOWN($C1511/24,0)+1,1))-1)+IF('Standard Profiles'!$G$18=$B$10,7,0)+IF('Standard Profiles'!$G$18=$B$17,14,0)+IF('Standard Profiles'!$G$18=$B$24,21,0),0)),0)</f>
        <v>14.54726679267983</v>
      </c>
      <c r="E1511" cm="1">
        <f t="array" ref="E1511">IFERROR(INDEX(Jesper!AI$2:AI$366,ROUNDDOWN($C1511/24,0)+1,1)*INDEX($D$3:$AA$30,INDEX(Jesper!$R$2:$R$366,ROW(INDEX(Jesper!AI$2:AI$366,ROUNDDOWN($C1511/24,0)+1,1))-1)+IF('Standard Profiles'!$G$19=$B$10,7,0)+IF('Standard Profiles'!$G$19=$B$17,14,0)+IF('Standard Profiles'!$G$19=$B$24,21,0),MOD($C1511,24)+1)/SUM(INDEX($D$3:$AA$30,INDEX(Jesper!$R$2:$R$366,ROW(INDEX(Jesper!AI$2:AI$366,ROUNDDOWN($C1511/24,0)+1,1))-1)+IF('Standard Profiles'!$G$19=$B$10,7,0)+IF('Standard Profiles'!$G$19=$B$17,14,0)+IF('Standard Profiles'!$G$19=$B$24,21,0),0)),0)</f>
        <v>3.224997647160464</v>
      </c>
      <c r="F1511" cm="1">
        <f t="array" ref="F1511">IFERROR(INDEX(Jesper!AJ$2:AJ$366,ROUNDDOWN($C1511/24,0)+1,1)*INDEX($D$3:$AA$30,INDEX(Jesper!$R$2:$R$366,ROW(INDEX(Jesper!AJ$2:AJ$366,ROUNDDOWN($C1511/24,0)+1,1))-1)+IF('Standard Profiles'!$G$20=$B$10,7,0)+IF('Standard Profiles'!$G$20=$B$17,14,0)+IF('Standard Profiles'!$G$20=$B$24,21,0),MOD($C1511,24)+1)/SUM(INDEX($D$3:$AA$30,INDEX(Jesper!$R$2:$R$366,ROW(INDEX(Jesper!AJ$2:AJ$366,ROUNDDOWN($C1511/24,0)+1,1))-1)+IF('Standard Profiles'!$G$20=$B$10,7,0)+IF('Standard Profiles'!$G$20=$B$17,14,0)+IF('Standard Profiles'!$G$20=$B$24,21,0),0)),0)</f>
        <v>0</v>
      </c>
      <c r="G1511" cm="1">
        <f t="array" ref="G1511">IFERROR(INDEX(Jesper!AK$2:AK$366,ROUNDDOWN($C1511/24,0)+1,1)*INDEX($D$3:$AA$30,INDEX(Jesper!$R$2:$R$366,ROW(INDEX(Jesper!AK$2:AK$366,ROUNDDOWN($C1511/24,0)+1,1))-1)+IF('Standard Profiles'!$G$21=$B$10,7,0)+IF('Standard Profiles'!$G$21=$B$17,14,0)+IF('Standard Profiles'!$G$21=$B$24,21,0),MOD($C1511,24)+1)/SUM(INDEX($D$3:$AA$30,INDEX(Jesper!$R$2:$R$366,ROW(INDEX(Jesper!AK$2:AK$366,ROUNDDOWN($C1511/24,0)+1,1))-1)+IF('Standard Profiles'!$G$21=$B$10,7,0)+IF('Standard Profiles'!$G$21=$B$17,14,0)+IF('Standard Profiles'!$G$21=$B$24,21,0),0)),0)</f>
        <v>0</v>
      </c>
      <c r="H1511" cm="1">
        <f t="array" ref="H1511">IFERROR(INDEX(Jesper!AL$2:AL$366,ROUNDDOWN($C1511/24,0)+1,1)*INDEX($D$3:$AA$30,INDEX(Jesper!$R$2:$R$366,ROW(INDEX(Jesper!AL$2:AL$366,ROUNDDOWN($C1511/24,0)+1,1))-1)+IF('Standard Profiles'!$G$22=$B$10,7,0)+IF('Standard Profiles'!$G$22=$B$17,14,0)+IF('Standard Profiles'!$G$22=$B$24,21,0),MOD($C1511,24)+1)/SUM(INDEX($D$3:$AA$30,INDEX(Jesper!$R$2:$R$366,ROW(INDEX(Jesper!AL$2:AL$366,ROUNDDOWN($C1511/24,0)+1,1))-1)+IF('Standard Profiles'!$G$22=$B$10,7,0)+IF('Standard Profiles'!$G$22=$B$17,14,0)+IF('Standard Profiles'!$G$22=$B$24,21,0),0)),0)</f>
        <v>0</v>
      </c>
      <c r="I1511">
        <f t="shared" si="181"/>
        <v>0.29054032857301487</v>
      </c>
      <c r="J1511">
        <f t="shared" si="182"/>
        <v>0.96846776191004957</v>
      </c>
      <c r="K1511">
        <f t="shared" si="183"/>
        <v>1.4527016428650745</v>
      </c>
      <c r="L1511">
        <f t="shared" si="184"/>
        <v>15.060554706492155</v>
      </c>
      <c r="M1511">
        <f t="shared" si="185"/>
        <v>0</v>
      </c>
      <c r="N1511" s="46">
        <f t="shared" si="186"/>
        <v>45353.541666663084</v>
      </c>
    </row>
    <row r="1512" spans="2:14" x14ac:dyDescent="0.3">
      <c r="B1512">
        <f t="shared" si="180"/>
        <v>6</v>
      </c>
      <c r="C1512" s="16">
        <v>1478</v>
      </c>
      <c r="D1512" cm="1">
        <f t="array" ref="D1512">IFERROR(INDEX(Jesper!AH$2:AH$366,ROUNDDOWN($C1512/24,0)+1,1)*INDEX($D$3:$AA$30,INDEX(Jesper!$R$2:$R$366,ROW(INDEX(Jesper!AH$2:AH$366,ROUNDDOWN($C1512/24,0)+1,1))-1)+IF('Standard Profiles'!$G$18=$B$10,7,0)+IF('Standard Profiles'!$G$18=$B$17,14,0)+IF('Standard Profiles'!$G$18=$B$24,21,0),MOD($C1512,24)+1)/SUM(INDEX($D$3:$AA$30,INDEX(Jesper!$R$2:$R$366,ROW(INDEX(Jesper!AH$2:AH$366,ROUNDDOWN($C1512/24,0)+1,1))-1)+IF('Standard Profiles'!$G$18=$B$10,7,0)+IF('Standard Profiles'!$G$18=$B$17,14,0)+IF('Standard Profiles'!$G$18=$B$24,21,0),0)),0)</f>
        <v>14.54726679267983</v>
      </c>
      <c r="E1512" cm="1">
        <f t="array" ref="E1512">IFERROR(INDEX(Jesper!AI$2:AI$366,ROUNDDOWN($C1512/24,0)+1,1)*INDEX($D$3:$AA$30,INDEX(Jesper!$R$2:$R$366,ROW(INDEX(Jesper!AI$2:AI$366,ROUNDDOWN($C1512/24,0)+1,1))-1)+IF('Standard Profiles'!$G$19=$B$10,7,0)+IF('Standard Profiles'!$G$19=$B$17,14,0)+IF('Standard Profiles'!$G$19=$B$24,21,0),MOD($C1512,24)+1)/SUM(INDEX($D$3:$AA$30,INDEX(Jesper!$R$2:$R$366,ROW(INDEX(Jesper!AI$2:AI$366,ROUNDDOWN($C1512/24,0)+1,1))-1)+IF('Standard Profiles'!$G$19=$B$10,7,0)+IF('Standard Profiles'!$G$19=$B$17,14,0)+IF('Standard Profiles'!$G$19=$B$24,21,0),0)),0)</f>
        <v>3.224997647160464</v>
      </c>
      <c r="F1512" cm="1">
        <f t="array" ref="F1512">IFERROR(INDEX(Jesper!AJ$2:AJ$366,ROUNDDOWN($C1512/24,0)+1,1)*INDEX($D$3:$AA$30,INDEX(Jesper!$R$2:$R$366,ROW(INDEX(Jesper!AJ$2:AJ$366,ROUNDDOWN($C1512/24,0)+1,1))-1)+IF('Standard Profiles'!$G$20=$B$10,7,0)+IF('Standard Profiles'!$G$20=$B$17,14,0)+IF('Standard Profiles'!$G$20=$B$24,21,0),MOD($C1512,24)+1)/SUM(INDEX($D$3:$AA$30,INDEX(Jesper!$R$2:$R$366,ROW(INDEX(Jesper!AJ$2:AJ$366,ROUNDDOWN($C1512/24,0)+1,1))-1)+IF('Standard Profiles'!$G$20=$B$10,7,0)+IF('Standard Profiles'!$G$20=$B$17,14,0)+IF('Standard Profiles'!$G$20=$B$24,21,0),0)),0)</f>
        <v>0</v>
      </c>
      <c r="G1512" cm="1">
        <f t="array" ref="G1512">IFERROR(INDEX(Jesper!AK$2:AK$366,ROUNDDOWN($C1512/24,0)+1,1)*INDEX($D$3:$AA$30,INDEX(Jesper!$R$2:$R$366,ROW(INDEX(Jesper!AK$2:AK$366,ROUNDDOWN($C1512/24,0)+1,1))-1)+IF('Standard Profiles'!$G$21=$B$10,7,0)+IF('Standard Profiles'!$G$21=$B$17,14,0)+IF('Standard Profiles'!$G$21=$B$24,21,0),MOD($C1512,24)+1)/SUM(INDEX($D$3:$AA$30,INDEX(Jesper!$R$2:$R$366,ROW(INDEX(Jesper!AK$2:AK$366,ROUNDDOWN($C1512/24,0)+1,1))-1)+IF('Standard Profiles'!$G$21=$B$10,7,0)+IF('Standard Profiles'!$G$21=$B$17,14,0)+IF('Standard Profiles'!$G$21=$B$24,21,0),0)),0)</f>
        <v>0</v>
      </c>
      <c r="H1512" cm="1">
        <f t="array" ref="H1512">IFERROR(INDEX(Jesper!AL$2:AL$366,ROUNDDOWN($C1512/24,0)+1,1)*INDEX($D$3:$AA$30,INDEX(Jesper!$R$2:$R$366,ROW(INDEX(Jesper!AL$2:AL$366,ROUNDDOWN($C1512/24,0)+1,1))-1)+IF('Standard Profiles'!$G$22=$B$10,7,0)+IF('Standard Profiles'!$G$22=$B$17,14,0)+IF('Standard Profiles'!$G$22=$B$24,21,0),MOD($C1512,24)+1)/SUM(INDEX($D$3:$AA$30,INDEX(Jesper!$R$2:$R$366,ROW(INDEX(Jesper!AL$2:AL$366,ROUNDDOWN($C1512/24,0)+1,1))-1)+IF('Standard Profiles'!$G$22=$B$10,7,0)+IF('Standard Profiles'!$G$22=$B$17,14,0)+IF('Standard Profiles'!$G$22=$B$24,21,0),0)),0)</f>
        <v>0</v>
      </c>
      <c r="I1512">
        <f t="shared" si="181"/>
        <v>0.29054032857301487</v>
      </c>
      <c r="J1512">
        <f t="shared" si="182"/>
        <v>0.96846776191004957</v>
      </c>
      <c r="K1512">
        <f t="shared" si="183"/>
        <v>1.4527016428650745</v>
      </c>
      <c r="L1512">
        <f t="shared" si="184"/>
        <v>15.060554706492155</v>
      </c>
      <c r="M1512">
        <f t="shared" si="185"/>
        <v>0</v>
      </c>
      <c r="N1512" s="46">
        <f t="shared" si="186"/>
        <v>45353.583333329749</v>
      </c>
    </row>
    <row r="1513" spans="2:14" x14ac:dyDescent="0.3">
      <c r="B1513">
        <f t="shared" si="180"/>
        <v>6</v>
      </c>
      <c r="C1513" s="16">
        <v>1479</v>
      </c>
      <c r="D1513" cm="1">
        <f t="array" ref="D1513">IFERROR(INDEX(Jesper!AH$2:AH$366,ROUNDDOWN($C1513/24,0)+1,1)*INDEX($D$3:$AA$30,INDEX(Jesper!$R$2:$R$366,ROW(INDEX(Jesper!AH$2:AH$366,ROUNDDOWN($C1513/24,0)+1,1))-1)+IF('Standard Profiles'!$G$18=$B$10,7,0)+IF('Standard Profiles'!$G$18=$B$17,14,0)+IF('Standard Profiles'!$G$18=$B$24,21,0),MOD($C1513,24)+1)/SUM(INDEX($D$3:$AA$30,INDEX(Jesper!$R$2:$R$366,ROW(INDEX(Jesper!AH$2:AH$366,ROUNDDOWN($C1513/24,0)+1,1))-1)+IF('Standard Profiles'!$G$18=$B$10,7,0)+IF('Standard Profiles'!$G$18=$B$17,14,0)+IF('Standard Profiles'!$G$18=$B$24,21,0),0)),0)</f>
        <v>13.152323401600942</v>
      </c>
      <c r="E1513" cm="1">
        <f t="array" ref="E1513">IFERROR(INDEX(Jesper!AI$2:AI$366,ROUNDDOWN($C1513/24,0)+1,1)*INDEX($D$3:$AA$30,INDEX(Jesper!$R$2:$R$366,ROW(INDEX(Jesper!AI$2:AI$366,ROUNDDOWN($C1513/24,0)+1,1))-1)+IF('Standard Profiles'!$G$19=$B$10,7,0)+IF('Standard Profiles'!$G$19=$B$17,14,0)+IF('Standard Profiles'!$G$19=$B$24,21,0),MOD($C1513,24)+1)/SUM(INDEX($D$3:$AA$30,INDEX(Jesper!$R$2:$R$366,ROW(INDEX(Jesper!AI$2:AI$366,ROUNDDOWN($C1513/24,0)+1,1))-1)+IF('Standard Profiles'!$G$19=$B$10,7,0)+IF('Standard Profiles'!$G$19=$B$17,14,0)+IF('Standard Profiles'!$G$19=$B$24,21,0),0)),0)</f>
        <v>2.9157512974327484</v>
      </c>
      <c r="F1513" cm="1">
        <f t="array" ref="F1513">IFERROR(INDEX(Jesper!AJ$2:AJ$366,ROUNDDOWN($C1513/24,0)+1,1)*INDEX($D$3:$AA$30,INDEX(Jesper!$R$2:$R$366,ROW(INDEX(Jesper!AJ$2:AJ$366,ROUNDDOWN($C1513/24,0)+1,1))-1)+IF('Standard Profiles'!$G$20=$B$10,7,0)+IF('Standard Profiles'!$G$20=$B$17,14,0)+IF('Standard Profiles'!$G$20=$B$24,21,0),MOD($C1513,24)+1)/SUM(INDEX($D$3:$AA$30,INDEX(Jesper!$R$2:$R$366,ROW(INDEX(Jesper!AJ$2:AJ$366,ROUNDDOWN($C1513/24,0)+1,1))-1)+IF('Standard Profiles'!$G$20=$B$10,7,0)+IF('Standard Profiles'!$G$20=$B$17,14,0)+IF('Standard Profiles'!$G$20=$B$24,21,0),0)),0)</f>
        <v>0</v>
      </c>
      <c r="G1513" cm="1">
        <f t="array" ref="G1513">IFERROR(INDEX(Jesper!AK$2:AK$366,ROUNDDOWN($C1513/24,0)+1,1)*INDEX($D$3:$AA$30,INDEX(Jesper!$R$2:$R$366,ROW(INDEX(Jesper!AK$2:AK$366,ROUNDDOWN($C1513/24,0)+1,1))-1)+IF('Standard Profiles'!$G$21=$B$10,7,0)+IF('Standard Profiles'!$G$21=$B$17,14,0)+IF('Standard Profiles'!$G$21=$B$24,21,0),MOD($C1513,24)+1)/SUM(INDEX($D$3:$AA$30,INDEX(Jesper!$R$2:$R$366,ROW(INDEX(Jesper!AK$2:AK$366,ROUNDDOWN($C1513/24,0)+1,1))-1)+IF('Standard Profiles'!$G$21=$B$10,7,0)+IF('Standard Profiles'!$G$21=$B$17,14,0)+IF('Standard Profiles'!$G$21=$B$24,21,0),0)),0)</f>
        <v>0</v>
      </c>
      <c r="H1513" cm="1">
        <f t="array" ref="H1513">IFERROR(INDEX(Jesper!AL$2:AL$366,ROUNDDOWN($C1513/24,0)+1,1)*INDEX($D$3:$AA$30,INDEX(Jesper!$R$2:$R$366,ROW(INDEX(Jesper!AL$2:AL$366,ROUNDDOWN($C1513/24,0)+1,1))-1)+IF('Standard Profiles'!$G$22=$B$10,7,0)+IF('Standard Profiles'!$G$22=$B$17,14,0)+IF('Standard Profiles'!$G$22=$B$24,21,0),MOD($C1513,24)+1)/SUM(INDEX($D$3:$AA$30,INDEX(Jesper!$R$2:$R$366,ROW(INDEX(Jesper!AL$2:AL$366,ROUNDDOWN($C1513/24,0)+1,1))-1)+IF('Standard Profiles'!$G$22=$B$10,7,0)+IF('Standard Profiles'!$G$22=$B$17,14,0)+IF('Standard Profiles'!$G$22=$B$24,21,0),0)),0)</f>
        <v>0</v>
      </c>
      <c r="I1513">
        <f t="shared" si="181"/>
        <v>0.26268029706601342</v>
      </c>
      <c r="J1513">
        <f t="shared" si="182"/>
        <v>0.87560099022004489</v>
      </c>
      <c r="K1513">
        <f t="shared" si="183"/>
        <v>1.3134014853300673</v>
      </c>
      <c r="L1513">
        <f t="shared" si="184"/>
        <v>13.616391926417565</v>
      </c>
      <c r="M1513">
        <f t="shared" si="185"/>
        <v>0</v>
      </c>
      <c r="N1513" s="46">
        <f t="shared" si="186"/>
        <v>45353.624999996413</v>
      </c>
    </row>
    <row r="1514" spans="2:14" x14ac:dyDescent="0.3">
      <c r="B1514">
        <f t="shared" si="180"/>
        <v>6</v>
      </c>
      <c r="C1514" s="16">
        <v>1480</v>
      </c>
      <c r="D1514" cm="1">
        <f t="array" ref="D1514">IFERROR(INDEX(Jesper!AH$2:AH$366,ROUNDDOWN($C1514/24,0)+1,1)*INDEX($D$3:$AA$30,INDEX(Jesper!$R$2:$R$366,ROW(INDEX(Jesper!AH$2:AH$366,ROUNDDOWN($C1514/24,0)+1,1))-1)+IF('Standard Profiles'!$G$18=$B$10,7,0)+IF('Standard Profiles'!$G$18=$B$17,14,0)+IF('Standard Profiles'!$G$18=$B$24,21,0),MOD($C1514,24)+1)/SUM(INDEX($D$3:$AA$30,INDEX(Jesper!$R$2:$R$366,ROW(INDEX(Jesper!AH$2:AH$366,ROUNDDOWN($C1514/24,0)+1,1))-1)+IF('Standard Profiles'!$G$18=$B$10,7,0)+IF('Standard Profiles'!$G$18=$B$17,14,0)+IF('Standard Profiles'!$G$18=$B$24,21,0),0)),0)</f>
        <v>11.95665763781904</v>
      </c>
      <c r="E1514" cm="1">
        <f t="array" ref="E1514">IFERROR(INDEX(Jesper!AI$2:AI$366,ROUNDDOWN($C1514/24,0)+1,1)*INDEX($D$3:$AA$30,INDEX(Jesper!$R$2:$R$366,ROW(INDEX(Jesper!AI$2:AI$366,ROUNDDOWN($C1514/24,0)+1,1))-1)+IF('Standard Profiles'!$G$19=$B$10,7,0)+IF('Standard Profiles'!$G$19=$B$17,14,0)+IF('Standard Profiles'!$G$19=$B$24,21,0),MOD($C1514,24)+1)/SUM(INDEX($D$3:$AA$30,INDEX(Jesper!$R$2:$R$366,ROW(INDEX(Jesper!AI$2:AI$366,ROUNDDOWN($C1514/24,0)+1,1))-1)+IF('Standard Profiles'!$G$19=$B$10,7,0)+IF('Standard Profiles'!$G$19=$B$17,14,0)+IF('Standard Profiles'!$G$19=$B$24,21,0),0)),0)</f>
        <v>2.6506829976661348</v>
      </c>
      <c r="F1514" cm="1">
        <f t="array" ref="F1514">IFERROR(INDEX(Jesper!AJ$2:AJ$366,ROUNDDOWN($C1514/24,0)+1,1)*INDEX($D$3:$AA$30,INDEX(Jesper!$R$2:$R$366,ROW(INDEX(Jesper!AJ$2:AJ$366,ROUNDDOWN($C1514/24,0)+1,1))-1)+IF('Standard Profiles'!$G$20=$B$10,7,0)+IF('Standard Profiles'!$G$20=$B$17,14,0)+IF('Standard Profiles'!$G$20=$B$24,21,0),MOD($C1514,24)+1)/SUM(INDEX($D$3:$AA$30,INDEX(Jesper!$R$2:$R$366,ROW(INDEX(Jesper!AJ$2:AJ$366,ROUNDDOWN($C1514/24,0)+1,1))-1)+IF('Standard Profiles'!$G$20=$B$10,7,0)+IF('Standard Profiles'!$G$20=$B$17,14,0)+IF('Standard Profiles'!$G$20=$B$24,21,0),0)),0)</f>
        <v>0</v>
      </c>
      <c r="G1514" cm="1">
        <f t="array" ref="G1514">IFERROR(INDEX(Jesper!AK$2:AK$366,ROUNDDOWN($C1514/24,0)+1,1)*INDEX($D$3:$AA$30,INDEX(Jesper!$R$2:$R$366,ROW(INDEX(Jesper!AK$2:AK$366,ROUNDDOWN($C1514/24,0)+1,1))-1)+IF('Standard Profiles'!$G$21=$B$10,7,0)+IF('Standard Profiles'!$G$21=$B$17,14,0)+IF('Standard Profiles'!$G$21=$B$24,21,0),MOD($C1514,24)+1)/SUM(INDEX($D$3:$AA$30,INDEX(Jesper!$R$2:$R$366,ROW(INDEX(Jesper!AK$2:AK$366,ROUNDDOWN($C1514/24,0)+1,1))-1)+IF('Standard Profiles'!$G$21=$B$10,7,0)+IF('Standard Profiles'!$G$21=$B$17,14,0)+IF('Standard Profiles'!$G$21=$B$24,21,0),0)),0)</f>
        <v>0</v>
      </c>
      <c r="H1514" cm="1">
        <f t="array" ref="H1514">IFERROR(INDEX(Jesper!AL$2:AL$366,ROUNDDOWN($C1514/24,0)+1,1)*INDEX($D$3:$AA$30,INDEX(Jesper!$R$2:$R$366,ROW(INDEX(Jesper!AL$2:AL$366,ROUNDDOWN($C1514/24,0)+1,1))-1)+IF('Standard Profiles'!$G$22=$B$10,7,0)+IF('Standard Profiles'!$G$22=$B$17,14,0)+IF('Standard Profiles'!$G$22=$B$24,21,0),MOD($C1514,24)+1)/SUM(INDEX($D$3:$AA$30,INDEX(Jesper!$R$2:$R$366,ROW(INDEX(Jesper!AL$2:AL$366,ROUNDDOWN($C1514/24,0)+1,1))-1)+IF('Standard Profiles'!$G$22=$B$10,7,0)+IF('Standard Profiles'!$G$22=$B$17,14,0)+IF('Standard Profiles'!$G$22=$B$24,21,0),0)),0)</f>
        <v>0</v>
      </c>
      <c r="I1514">
        <f t="shared" si="181"/>
        <v>0.2388002700600122</v>
      </c>
      <c r="J1514">
        <f t="shared" si="182"/>
        <v>0.79600090020004077</v>
      </c>
      <c r="K1514">
        <f t="shared" si="183"/>
        <v>1.1940013503000613</v>
      </c>
      <c r="L1514">
        <f t="shared" si="184"/>
        <v>12.37853811492506</v>
      </c>
      <c r="M1514">
        <f t="shared" si="185"/>
        <v>0</v>
      </c>
      <c r="N1514" s="46">
        <f t="shared" si="186"/>
        <v>45353.666666663077</v>
      </c>
    </row>
    <row r="1515" spans="2:14" x14ac:dyDescent="0.3">
      <c r="B1515">
        <f t="shared" si="180"/>
        <v>6</v>
      </c>
      <c r="C1515" s="16">
        <v>1481</v>
      </c>
      <c r="D1515" cm="1">
        <f t="array" ref="D1515">IFERROR(INDEX(Jesper!AH$2:AH$366,ROUNDDOWN($C1515/24,0)+1,1)*INDEX($D$3:$AA$30,INDEX(Jesper!$R$2:$R$366,ROW(INDEX(Jesper!AH$2:AH$366,ROUNDDOWN($C1515/24,0)+1,1))-1)+IF('Standard Profiles'!$G$18=$B$10,7,0)+IF('Standard Profiles'!$G$18=$B$17,14,0)+IF('Standard Profiles'!$G$18=$B$24,21,0),MOD($C1515,24)+1)/SUM(INDEX($D$3:$AA$30,INDEX(Jesper!$R$2:$R$366,ROW(INDEX(Jesper!AH$2:AH$366,ROUNDDOWN($C1515/24,0)+1,1))-1)+IF('Standard Profiles'!$G$18=$B$10,7,0)+IF('Standard Profiles'!$G$18=$B$17,14,0)+IF('Standard Profiles'!$G$18=$B$24,21,0),0)),0)</f>
        <v>10.760991874037135</v>
      </c>
      <c r="E1515" cm="1">
        <f t="array" ref="E1515">IFERROR(INDEX(Jesper!AI$2:AI$366,ROUNDDOWN($C1515/24,0)+1,1)*INDEX($D$3:$AA$30,INDEX(Jesper!$R$2:$R$366,ROW(INDEX(Jesper!AI$2:AI$366,ROUNDDOWN($C1515/24,0)+1,1))-1)+IF('Standard Profiles'!$G$19=$B$10,7,0)+IF('Standard Profiles'!$G$19=$B$17,14,0)+IF('Standard Profiles'!$G$19=$B$24,21,0),MOD($C1515,24)+1)/SUM(INDEX($D$3:$AA$30,INDEX(Jesper!$R$2:$R$366,ROW(INDEX(Jesper!AI$2:AI$366,ROUNDDOWN($C1515/24,0)+1,1))-1)+IF('Standard Profiles'!$G$19=$B$10,7,0)+IF('Standard Profiles'!$G$19=$B$17,14,0)+IF('Standard Profiles'!$G$19=$B$24,21,0),0)),0)</f>
        <v>2.3856146978995216</v>
      </c>
      <c r="F1515" cm="1">
        <f t="array" ref="F1515">IFERROR(INDEX(Jesper!AJ$2:AJ$366,ROUNDDOWN($C1515/24,0)+1,1)*INDEX($D$3:$AA$30,INDEX(Jesper!$R$2:$R$366,ROW(INDEX(Jesper!AJ$2:AJ$366,ROUNDDOWN($C1515/24,0)+1,1))-1)+IF('Standard Profiles'!$G$20=$B$10,7,0)+IF('Standard Profiles'!$G$20=$B$17,14,0)+IF('Standard Profiles'!$G$20=$B$24,21,0),MOD($C1515,24)+1)/SUM(INDEX($D$3:$AA$30,INDEX(Jesper!$R$2:$R$366,ROW(INDEX(Jesper!AJ$2:AJ$366,ROUNDDOWN($C1515/24,0)+1,1))-1)+IF('Standard Profiles'!$G$20=$B$10,7,0)+IF('Standard Profiles'!$G$20=$B$17,14,0)+IF('Standard Profiles'!$G$20=$B$24,21,0),0)),0)</f>
        <v>0</v>
      </c>
      <c r="G1515" cm="1">
        <f t="array" ref="G1515">IFERROR(INDEX(Jesper!AK$2:AK$366,ROUNDDOWN($C1515/24,0)+1,1)*INDEX($D$3:$AA$30,INDEX(Jesper!$R$2:$R$366,ROW(INDEX(Jesper!AK$2:AK$366,ROUNDDOWN($C1515/24,0)+1,1))-1)+IF('Standard Profiles'!$G$21=$B$10,7,0)+IF('Standard Profiles'!$G$21=$B$17,14,0)+IF('Standard Profiles'!$G$21=$B$24,21,0),MOD($C1515,24)+1)/SUM(INDEX($D$3:$AA$30,INDEX(Jesper!$R$2:$R$366,ROW(INDEX(Jesper!AK$2:AK$366,ROUNDDOWN($C1515/24,0)+1,1))-1)+IF('Standard Profiles'!$G$21=$B$10,7,0)+IF('Standard Profiles'!$G$21=$B$17,14,0)+IF('Standard Profiles'!$G$21=$B$24,21,0),0)),0)</f>
        <v>0</v>
      </c>
      <c r="H1515" cm="1">
        <f t="array" ref="H1515">IFERROR(INDEX(Jesper!AL$2:AL$366,ROUNDDOWN($C1515/24,0)+1,1)*INDEX($D$3:$AA$30,INDEX(Jesper!$R$2:$R$366,ROW(INDEX(Jesper!AL$2:AL$366,ROUNDDOWN($C1515/24,0)+1,1))-1)+IF('Standard Profiles'!$G$22=$B$10,7,0)+IF('Standard Profiles'!$G$22=$B$17,14,0)+IF('Standard Profiles'!$G$22=$B$24,21,0),MOD($C1515,24)+1)/SUM(INDEX($D$3:$AA$30,INDEX(Jesper!$R$2:$R$366,ROW(INDEX(Jesper!AL$2:AL$366,ROUNDDOWN($C1515/24,0)+1,1))-1)+IF('Standard Profiles'!$G$22=$B$10,7,0)+IF('Standard Profiles'!$G$22=$B$17,14,0)+IF('Standard Profiles'!$G$22=$B$24,21,0),0)),0)</f>
        <v>0</v>
      </c>
      <c r="I1515">
        <f t="shared" si="181"/>
        <v>0.214920243054011</v>
      </c>
      <c r="J1515">
        <f t="shared" si="182"/>
        <v>0.71640081018003676</v>
      </c>
      <c r="K1515">
        <f t="shared" si="183"/>
        <v>1.0746012152700553</v>
      </c>
      <c r="L1515">
        <f t="shared" si="184"/>
        <v>11.140684303432554</v>
      </c>
      <c r="M1515">
        <f t="shared" si="185"/>
        <v>0</v>
      </c>
      <c r="N1515" s="46">
        <f t="shared" si="186"/>
        <v>45353.708333329741</v>
      </c>
    </row>
    <row r="1516" spans="2:14" x14ac:dyDescent="0.3">
      <c r="B1516">
        <f t="shared" si="180"/>
        <v>6</v>
      </c>
      <c r="C1516" s="16">
        <v>1482</v>
      </c>
      <c r="D1516" cm="1">
        <f t="array" ref="D1516">IFERROR(INDEX(Jesper!AH$2:AH$366,ROUNDDOWN($C1516/24,0)+1,1)*INDEX($D$3:$AA$30,INDEX(Jesper!$R$2:$R$366,ROW(INDEX(Jesper!AH$2:AH$366,ROUNDDOWN($C1516/24,0)+1,1))-1)+IF('Standard Profiles'!$G$18=$B$10,7,0)+IF('Standard Profiles'!$G$18=$B$17,14,0)+IF('Standard Profiles'!$G$18=$B$24,21,0),MOD($C1516,24)+1)/SUM(INDEX($D$3:$AA$30,INDEX(Jesper!$R$2:$R$366,ROW(INDEX(Jesper!AH$2:AH$366,ROUNDDOWN($C1516/24,0)+1,1))-1)+IF('Standard Profiles'!$G$18=$B$10,7,0)+IF('Standard Profiles'!$G$18=$B$17,14,0)+IF('Standard Profiles'!$G$18=$B$24,21,0),0)),0)</f>
        <v>10.362436619443166</v>
      </c>
      <c r="E1516" cm="1">
        <f t="array" ref="E1516">IFERROR(INDEX(Jesper!AI$2:AI$366,ROUNDDOWN($C1516/24,0)+1,1)*INDEX($D$3:$AA$30,INDEX(Jesper!$R$2:$R$366,ROW(INDEX(Jesper!AI$2:AI$366,ROUNDDOWN($C1516/24,0)+1,1))-1)+IF('Standard Profiles'!$G$19=$B$10,7,0)+IF('Standard Profiles'!$G$19=$B$17,14,0)+IF('Standard Profiles'!$G$19=$B$24,21,0),MOD($C1516,24)+1)/SUM(INDEX($D$3:$AA$30,INDEX(Jesper!$R$2:$R$366,ROW(INDEX(Jesper!AI$2:AI$366,ROUNDDOWN($C1516/24,0)+1,1))-1)+IF('Standard Profiles'!$G$19=$B$10,7,0)+IF('Standard Profiles'!$G$19=$B$17,14,0)+IF('Standard Profiles'!$G$19=$B$24,21,0),0)),0)</f>
        <v>2.2972585979773168</v>
      </c>
      <c r="F1516" cm="1">
        <f t="array" ref="F1516">IFERROR(INDEX(Jesper!AJ$2:AJ$366,ROUNDDOWN($C1516/24,0)+1,1)*INDEX($D$3:$AA$30,INDEX(Jesper!$R$2:$R$366,ROW(INDEX(Jesper!AJ$2:AJ$366,ROUNDDOWN($C1516/24,0)+1,1))-1)+IF('Standard Profiles'!$G$20=$B$10,7,0)+IF('Standard Profiles'!$G$20=$B$17,14,0)+IF('Standard Profiles'!$G$20=$B$24,21,0),MOD($C1516,24)+1)/SUM(INDEX($D$3:$AA$30,INDEX(Jesper!$R$2:$R$366,ROW(INDEX(Jesper!AJ$2:AJ$366,ROUNDDOWN($C1516/24,0)+1,1))-1)+IF('Standard Profiles'!$G$20=$B$10,7,0)+IF('Standard Profiles'!$G$20=$B$17,14,0)+IF('Standard Profiles'!$G$20=$B$24,21,0),0)),0)</f>
        <v>0</v>
      </c>
      <c r="G1516" cm="1">
        <f t="array" ref="G1516">IFERROR(INDEX(Jesper!AK$2:AK$366,ROUNDDOWN($C1516/24,0)+1,1)*INDEX($D$3:$AA$30,INDEX(Jesper!$R$2:$R$366,ROW(INDEX(Jesper!AK$2:AK$366,ROUNDDOWN($C1516/24,0)+1,1))-1)+IF('Standard Profiles'!$G$21=$B$10,7,0)+IF('Standard Profiles'!$G$21=$B$17,14,0)+IF('Standard Profiles'!$G$21=$B$24,21,0),MOD($C1516,24)+1)/SUM(INDEX($D$3:$AA$30,INDEX(Jesper!$R$2:$R$366,ROW(INDEX(Jesper!AK$2:AK$366,ROUNDDOWN($C1516/24,0)+1,1))-1)+IF('Standard Profiles'!$G$21=$B$10,7,0)+IF('Standard Profiles'!$G$21=$B$17,14,0)+IF('Standard Profiles'!$G$21=$B$24,21,0),0)),0)</f>
        <v>0</v>
      </c>
      <c r="H1516" cm="1">
        <f t="array" ref="H1516">IFERROR(INDEX(Jesper!AL$2:AL$366,ROUNDDOWN($C1516/24,0)+1,1)*INDEX($D$3:$AA$30,INDEX(Jesper!$R$2:$R$366,ROW(INDEX(Jesper!AL$2:AL$366,ROUNDDOWN($C1516/24,0)+1,1))-1)+IF('Standard Profiles'!$G$22=$B$10,7,0)+IF('Standard Profiles'!$G$22=$B$17,14,0)+IF('Standard Profiles'!$G$22=$B$24,21,0),MOD($C1516,24)+1)/SUM(INDEX($D$3:$AA$30,INDEX(Jesper!$R$2:$R$366,ROW(INDEX(Jesper!AL$2:AL$366,ROUNDDOWN($C1516/24,0)+1,1))-1)+IF('Standard Profiles'!$G$22=$B$10,7,0)+IF('Standard Profiles'!$G$22=$B$17,14,0)+IF('Standard Profiles'!$G$22=$B$24,21,0),0)),0)</f>
        <v>0</v>
      </c>
      <c r="I1516">
        <f t="shared" si="181"/>
        <v>0.20696023405201058</v>
      </c>
      <c r="J1516">
        <f t="shared" si="182"/>
        <v>0.68986744684003531</v>
      </c>
      <c r="K1516">
        <f t="shared" si="183"/>
        <v>1.034801170260053</v>
      </c>
      <c r="L1516">
        <f t="shared" si="184"/>
        <v>10.728066366268385</v>
      </c>
      <c r="M1516">
        <f t="shared" si="185"/>
        <v>0</v>
      </c>
      <c r="N1516" s="46">
        <f t="shared" si="186"/>
        <v>45353.749999996406</v>
      </c>
    </row>
    <row r="1517" spans="2:14" x14ac:dyDescent="0.3">
      <c r="B1517">
        <f t="shared" si="180"/>
        <v>6</v>
      </c>
      <c r="C1517" s="16">
        <v>1483</v>
      </c>
      <c r="D1517" cm="1">
        <f t="array" ref="D1517">IFERROR(INDEX(Jesper!AH$2:AH$366,ROUNDDOWN($C1517/24,0)+1,1)*INDEX($D$3:$AA$30,INDEX(Jesper!$R$2:$R$366,ROW(INDEX(Jesper!AH$2:AH$366,ROUNDDOWN($C1517/24,0)+1,1))-1)+IF('Standard Profiles'!$G$18=$B$10,7,0)+IF('Standard Profiles'!$G$18=$B$17,14,0)+IF('Standard Profiles'!$G$18=$B$24,21,0),MOD($C1517,24)+1)/SUM(INDEX($D$3:$AA$30,INDEX(Jesper!$R$2:$R$366,ROW(INDEX(Jesper!AH$2:AH$366,ROUNDDOWN($C1517/24,0)+1,1))-1)+IF('Standard Profiles'!$G$18=$B$10,7,0)+IF('Standard Profiles'!$G$18=$B$17,14,0)+IF('Standard Profiles'!$G$18=$B$24,21,0),0)),0)</f>
        <v>8.3696603464733261</v>
      </c>
      <c r="E1517" cm="1">
        <f t="array" ref="E1517">IFERROR(INDEX(Jesper!AI$2:AI$366,ROUNDDOWN($C1517/24,0)+1,1)*INDEX($D$3:$AA$30,INDEX(Jesper!$R$2:$R$366,ROW(INDEX(Jesper!AI$2:AI$366,ROUNDDOWN($C1517/24,0)+1,1))-1)+IF('Standard Profiles'!$G$19=$B$10,7,0)+IF('Standard Profiles'!$G$19=$B$17,14,0)+IF('Standard Profiles'!$G$19=$B$24,21,0),MOD($C1517,24)+1)/SUM(INDEX($D$3:$AA$30,INDEX(Jesper!$R$2:$R$366,ROW(INDEX(Jesper!AI$2:AI$366,ROUNDDOWN($C1517/24,0)+1,1))-1)+IF('Standard Profiles'!$G$19=$B$10,7,0)+IF('Standard Profiles'!$G$19=$B$17,14,0)+IF('Standard Profiles'!$G$19=$B$24,21,0),0)),0)</f>
        <v>1.8554780983662944</v>
      </c>
      <c r="F1517" cm="1">
        <f t="array" ref="F1517">IFERROR(INDEX(Jesper!AJ$2:AJ$366,ROUNDDOWN($C1517/24,0)+1,1)*INDEX($D$3:$AA$30,INDEX(Jesper!$R$2:$R$366,ROW(INDEX(Jesper!AJ$2:AJ$366,ROUNDDOWN($C1517/24,0)+1,1))-1)+IF('Standard Profiles'!$G$20=$B$10,7,0)+IF('Standard Profiles'!$G$20=$B$17,14,0)+IF('Standard Profiles'!$G$20=$B$24,21,0),MOD($C1517,24)+1)/SUM(INDEX($D$3:$AA$30,INDEX(Jesper!$R$2:$R$366,ROW(INDEX(Jesper!AJ$2:AJ$366,ROUNDDOWN($C1517/24,0)+1,1))-1)+IF('Standard Profiles'!$G$20=$B$10,7,0)+IF('Standard Profiles'!$G$20=$B$17,14,0)+IF('Standard Profiles'!$G$20=$B$24,21,0),0)),0)</f>
        <v>0</v>
      </c>
      <c r="G1517" cm="1">
        <f t="array" ref="G1517">IFERROR(INDEX(Jesper!AK$2:AK$366,ROUNDDOWN($C1517/24,0)+1,1)*INDEX($D$3:$AA$30,INDEX(Jesper!$R$2:$R$366,ROW(INDEX(Jesper!AK$2:AK$366,ROUNDDOWN($C1517/24,0)+1,1))-1)+IF('Standard Profiles'!$G$21=$B$10,7,0)+IF('Standard Profiles'!$G$21=$B$17,14,0)+IF('Standard Profiles'!$G$21=$B$24,21,0),MOD($C1517,24)+1)/SUM(INDEX($D$3:$AA$30,INDEX(Jesper!$R$2:$R$366,ROW(INDEX(Jesper!AK$2:AK$366,ROUNDDOWN($C1517/24,0)+1,1))-1)+IF('Standard Profiles'!$G$21=$B$10,7,0)+IF('Standard Profiles'!$G$21=$B$17,14,0)+IF('Standard Profiles'!$G$21=$B$24,21,0),0)),0)</f>
        <v>0</v>
      </c>
      <c r="H1517" cm="1">
        <f t="array" ref="H1517">IFERROR(INDEX(Jesper!AL$2:AL$366,ROUNDDOWN($C1517/24,0)+1,1)*INDEX($D$3:$AA$30,INDEX(Jesper!$R$2:$R$366,ROW(INDEX(Jesper!AL$2:AL$366,ROUNDDOWN($C1517/24,0)+1,1))-1)+IF('Standard Profiles'!$G$22=$B$10,7,0)+IF('Standard Profiles'!$G$22=$B$17,14,0)+IF('Standard Profiles'!$G$22=$B$24,21,0),MOD($C1517,24)+1)/SUM(INDEX($D$3:$AA$30,INDEX(Jesper!$R$2:$R$366,ROW(INDEX(Jesper!AL$2:AL$366,ROUNDDOWN($C1517/24,0)+1,1))-1)+IF('Standard Profiles'!$G$22=$B$10,7,0)+IF('Standard Profiles'!$G$22=$B$17,14,0)+IF('Standard Profiles'!$G$22=$B$24,21,0),0)),0)</f>
        <v>0</v>
      </c>
      <c r="I1517">
        <f t="shared" si="181"/>
        <v>0.16716018904200855</v>
      </c>
      <c r="J1517">
        <f t="shared" si="182"/>
        <v>0.55720063014002852</v>
      </c>
      <c r="K1517">
        <f t="shared" si="183"/>
        <v>0.83580094521004289</v>
      </c>
      <c r="L1517">
        <f t="shared" si="184"/>
        <v>8.6649766804475412</v>
      </c>
      <c r="M1517">
        <f t="shared" si="185"/>
        <v>0</v>
      </c>
      <c r="N1517" s="46">
        <f t="shared" si="186"/>
        <v>45353.79166666307</v>
      </c>
    </row>
    <row r="1518" spans="2:14" x14ac:dyDescent="0.3">
      <c r="B1518">
        <f t="shared" si="180"/>
        <v>6</v>
      </c>
      <c r="C1518" s="16">
        <v>1484</v>
      </c>
      <c r="D1518" cm="1">
        <f t="array" ref="D1518">IFERROR(INDEX(Jesper!AH$2:AH$366,ROUNDDOWN($C1518/24,0)+1,1)*INDEX($D$3:$AA$30,INDEX(Jesper!$R$2:$R$366,ROW(INDEX(Jesper!AH$2:AH$366,ROUNDDOWN($C1518/24,0)+1,1))-1)+IF('Standard Profiles'!$G$18=$B$10,7,0)+IF('Standard Profiles'!$G$18=$B$17,14,0)+IF('Standard Profiles'!$G$18=$B$24,21,0),MOD($C1518,24)+1)/SUM(INDEX($D$3:$AA$30,INDEX(Jesper!$R$2:$R$366,ROW(INDEX(Jesper!AH$2:AH$366,ROUNDDOWN($C1518/24,0)+1,1))-1)+IF('Standard Profiles'!$G$18=$B$10,7,0)+IF('Standard Profiles'!$G$18=$B$17,14,0)+IF('Standard Profiles'!$G$18=$B$24,21,0),0)),0)</f>
        <v>6.1776064462065037</v>
      </c>
      <c r="E1518" cm="1">
        <f t="array" ref="E1518">IFERROR(INDEX(Jesper!AI$2:AI$366,ROUNDDOWN($C1518/24,0)+1,1)*INDEX($D$3:$AA$30,INDEX(Jesper!$R$2:$R$366,ROW(INDEX(Jesper!AI$2:AI$366,ROUNDDOWN($C1518/24,0)+1,1))-1)+IF('Standard Profiles'!$G$19=$B$10,7,0)+IF('Standard Profiles'!$G$19=$B$17,14,0)+IF('Standard Profiles'!$G$19=$B$24,21,0),MOD($C1518,24)+1)/SUM(INDEX($D$3:$AA$30,INDEX(Jesper!$R$2:$R$366,ROW(INDEX(Jesper!AI$2:AI$366,ROUNDDOWN($C1518/24,0)+1,1))-1)+IF('Standard Profiles'!$G$19=$B$10,7,0)+IF('Standard Profiles'!$G$19=$B$17,14,0)+IF('Standard Profiles'!$G$19=$B$24,21,0),0)),0)</f>
        <v>1.3695195487941696</v>
      </c>
      <c r="F1518" cm="1">
        <f t="array" ref="F1518">IFERROR(INDEX(Jesper!AJ$2:AJ$366,ROUNDDOWN($C1518/24,0)+1,1)*INDEX($D$3:$AA$30,INDEX(Jesper!$R$2:$R$366,ROW(INDEX(Jesper!AJ$2:AJ$366,ROUNDDOWN($C1518/24,0)+1,1))-1)+IF('Standard Profiles'!$G$20=$B$10,7,0)+IF('Standard Profiles'!$G$20=$B$17,14,0)+IF('Standard Profiles'!$G$20=$B$24,21,0),MOD($C1518,24)+1)/SUM(INDEX($D$3:$AA$30,INDEX(Jesper!$R$2:$R$366,ROW(INDEX(Jesper!AJ$2:AJ$366,ROUNDDOWN($C1518/24,0)+1,1))-1)+IF('Standard Profiles'!$G$20=$B$10,7,0)+IF('Standard Profiles'!$G$20=$B$17,14,0)+IF('Standard Profiles'!$G$20=$B$24,21,0),0)),0)</f>
        <v>0</v>
      </c>
      <c r="G1518" cm="1">
        <f t="array" ref="G1518">IFERROR(INDEX(Jesper!AK$2:AK$366,ROUNDDOWN($C1518/24,0)+1,1)*INDEX($D$3:$AA$30,INDEX(Jesper!$R$2:$R$366,ROW(INDEX(Jesper!AK$2:AK$366,ROUNDDOWN($C1518/24,0)+1,1))-1)+IF('Standard Profiles'!$G$21=$B$10,7,0)+IF('Standard Profiles'!$G$21=$B$17,14,0)+IF('Standard Profiles'!$G$21=$B$24,21,0),MOD($C1518,24)+1)/SUM(INDEX($D$3:$AA$30,INDEX(Jesper!$R$2:$R$366,ROW(INDEX(Jesper!AK$2:AK$366,ROUNDDOWN($C1518/24,0)+1,1))-1)+IF('Standard Profiles'!$G$21=$B$10,7,0)+IF('Standard Profiles'!$G$21=$B$17,14,0)+IF('Standard Profiles'!$G$21=$B$24,21,0),0)),0)</f>
        <v>0</v>
      </c>
      <c r="H1518" cm="1">
        <f t="array" ref="H1518">IFERROR(INDEX(Jesper!AL$2:AL$366,ROUNDDOWN($C1518/24,0)+1,1)*INDEX($D$3:$AA$30,INDEX(Jesper!$R$2:$R$366,ROW(INDEX(Jesper!AL$2:AL$366,ROUNDDOWN($C1518/24,0)+1,1))-1)+IF('Standard Profiles'!$G$22=$B$10,7,0)+IF('Standard Profiles'!$G$22=$B$17,14,0)+IF('Standard Profiles'!$G$22=$B$24,21,0),MOD($C1518,24)+1)/SUM(INDEX($D$3:$AA$30,INDEX(Jesper!$R$2:$R$366,ROW(INDEX(Jesper!AL$2:AL$366,ROUNDDOWN($C1518/24,0)+1,1))-1)+IF('Standard Profiles'!$G$22=$B$10,7,0)+IF('Standard Profiles'!$G$22=$B$17,14,0)+IF('Standard Profiles'!$G$22=$B$24,21,0),0)),0)</f>
        <v>0</v>
      </c>
      <c r="I1518">
        <f t="shared" si="181"/>
        <v>0.12338013953100631</v>
      </c>
      <c r="J1518">
        <f t="shared" si="182"/>
        <v>0.41126713177002105</v>
      </c>
      <c r="K1518">
        <f t="shared" si="183"/>
        <v>0.61690069765503164</v>
      </c>
      <c r="L1518">
        <f t="shared" si="184"/>
        <v>6.395578026044614</v>
      </c>
      <c r="M1518">
        <f t="shared" si="185"/>
        <v>0</v>
      </c>
      <c r="N1518" s="46">
        <f t="shared" si="186"/>
        <v>45353.833333329734</v>
      </c>
    </row>
    <row r="1519" spans="2:14" x14ac:dyDescent="0.3">
      <c r="B1519">
        <f t="shared" si="180"/>
        <v>6</v>
      </c>
      <c r="C1519" s="16">
        <v>1485</v>
      </c>
      <c r="D1519" cm="1">
        <f t="array" ref="D1519">IFERROR(INDEX(Jesper!AH$2:AH$366,ROUNDDOWN($C1519/24,0)+1,1)*INDEX($D$3:$AA$30,INDEX(Jesper!$R$2:$R$366,ROW(INDEX(Jesper!AH$2:AH$366,ROUNDDOWN($C1519/24,0)+1,1))-1)+IF('Standard Profiles'!$G$18=$B$10,7,0)+IF('Standard Profiles'!$G$18=$B$17,14,0)+IF('Standard Profiles'!$G$18=$B$24,21,0),MOD($C1519,24)+1)/SUM(INDEX($D$3:$AA$30,INDEX(Jesper!$R$2:$R$366,ROW(INDEX(Jesper!AH$2:AH$366,ROUNDDOWN($C1519/24,0)+1,1))-1)+IF('Standard Profiles'!$G$18=$B$10,7,0)+IF('Standard Profiles'!$G$18=$B$17,14,0)+IF('Standard Profiles'!$G$18=$B$24,21,0),0)),0)</f>
        <v>6.1776064462065037</v>
      </c>
      <c r="E1519" cm="1">
        <f t="array" ref="E1519">IFERROR(INDEX(Jesper!AI$2:AI$366,ROUNDDOWN($C1519/24,0)+1,1)*INDEX($D$3:$AA$30,INDEX(Jesper!$R$2:$R$366,ROW(INDEX(Jesper!AI$2:AI$366,ROUNDDOWN($C1519/24,0)+1,1))-1)+IF('Standard Profiles'!$G$19=$B$10,7,0)+IF('Standard Profiles'!$G$19=$B$17,14,0)+IF('Standard Profiles'!$G$19=$B$24,21,0),MOD($C1519,24)+1)/SUM(INDEX($D$3:$AA$30,INDEX(Jesper!$R$2:$R$366,ROW(INDEX(Jesper!AI$2:AI$366,ROUNDDOWN($C1519/24,0)+1,1))-1)+IF('Standard Profiles'!$G$19=$B$10,7,0)+IF('Standard Profiles'!$G$19=$B$17,14,0)+IF('Standard Profiles'!$G$19=$B$24,21,0),0)),0)</f>
        <v>1.3695195487941696</v>
      </c>
      <c r="F1519" cm="1">
        <f t="array" ref="F1519">IFERROR(INDEX(Jesper!AJ$2:AJ$366,ROUNDDOWN($C1519/24,0)+1,1)*INDEX($D$3:$AA$30,INDEX(Jesper!$R$2:$R$366,ROW(INDEX(Jesper!AJ$2:AJ$366,ROUNDDOWN($C1519/24,0)+1,1))-1)+IF('Standard Profiles'!$G$20=$B$10,7,0)+IF('Standard Profiles'!$G$20=$B$17,14,0)+IF('Standard Profiles'!$G$20=$B$24,21,0),MOD($C1519,24)+1)/SUM(INDEX($D$3:$AA$30,INDEX(Jesper!$R$2:$R$366,ROW(INDEX(Jesper!AJ$2:AJ$366,ROUNDDOWN($C1519/24,0)+1,1))-1)+IF('Standard Profiles'!$G$20=$B$10,7,0)+IF('Standard Profiles'!$G$20=$B$17,14,0)+IF('Standard Profiles'!$G$20=$B$24,21,0),0)),0)</f>
        <v>0</v>
      </c>
      <c r="G1519" cm="1">
        <f t="array" ref="G1519">IFERROR(INDEX(Jesper!AK$2:AK$366,ROUNDDOWN($C1519/24,0)+1,1)*INDEX($D$3:$AA$30,INDEX(Jesper!$R$2:$R$366,ROW(INDEX(Jesper!AK$2:AK$366,ROUNDDOWN($C1519/24,0)+1,1))-1)+IF('Standard Profiles'!$G$21=$B$10,7,0)+IF('Standard Profiles'!$G$21=$B$17,14,0)+IF('Standard Profiles'!$G$21=$B$24,21,0),MOD($C1519,24)+1)/SUM(INDEX($D$3:$AA$30,INDEX(Jesper!$R$2:$R$366,ROW(INDEX(Jesper!AK$2:AK$366,ROUNDDOWN($C1519/24,0)+1,1))-1)+IF('Standard Profiles'!$G$21=$B$10,7,0)+IF('Standard Profiles'!$G$21=$B$17,14,0)+IF('Standard Profiles'!$G$21=$B$24,21,0),0)),0)</f>
        <v>0</v>
      </c>
      <c r="H1519" cm="1">
        <f t="array" ref="H1519">IFERROR(INDEX(Jesper!AL$2:AL$366,ROUNDDOWN($C1519/24,0)+1,1)*INDEX($D$3:$AA$30,INDEX(Jesper!$R$2:$R$366,ROW(INDEX(Jesper!AL$2:AL$366,ROUNDDOWN($C1519/24,0)+1,1))-1)+IF('Standard Profiles'!$G$22=$B$10,7,0)+IF('Standard Profiles'!$G$22=$B$17,14,0)+IF('Standard Profiles'!$G$22=$B$24,21,0),MOD($C1519,24)+1)/SUM(INDEX($D$3:$AA$30,INDEX(Jesper!$R$2:$R$366,ROW(INDEX(Jesper!AL$2:AL$366,ROUNDDOWN($C1519/24,0)+1,1))-1)+IF('Standard Profiles'!$G$22=$B$10,7,0)+IF('Standard Profiles'!$G$22=$B$17,14,0)+IF('Standard Profiles'!$G$22=$B$24,21,0),0)),0)</f>
        <v>0</v>
      </c>
      <c r="I1519">
        <f t="shared" si="181"/>
        <v>0.12338013953100631</v>
      </c>
      <c r="J1519">
        <f t="shared" si="182"/>
        <v>0.41126713177002105</v>
      </c>
      <c r="K1519">
        <f t="shared" si="183"/>
        <v>0.61690069765503164</v>
      </c>
      <c r="L1519">
        <f t="shared" si="184"/>
        <v>6.395578026044614</v>
      </c>
      <c r="M1519">
        <f t="shared" si="185"/>
        <v>0</v>
      </c>
      <c r="N1519" s="46">
        <f t="shared" si="186"/>
        <v>45353.874999996398</v>
      </c>
    </row>
    <row r="1520" spans="2:14" x14ac:dyDescent="0.3">
      <c r="B1520">
        <f t="shared" si="180"/>
        <v>6</v>
      </c>
      <c r="C1520" s="16">
        <v>1486</v>
      </c>
      <c r="D1520" cm="1">
        <f t="array" ref="D1520">IFERROR(INDEX(Jesper!AH$2:AH$366,ROUNDDOWN($C1520/24,0)+1,1)*INDEX($D$3:$AA$30,INDEX(Jesper!$R$2:$R$366,ROW(INDEX(Jesper!AH$2:AH$366,ROUNDDOWN($C1520/24,0)+1,1))-1)+IF('Standard Profiles'!$G$18=$B$10,7,0)+IF('Standard Profiles'!$G$18=$B$17,14,0)+IF('Standard Profiles'!$G$18=$B$24,21,0),MOD($C1520,24)+1)/SUM(INDEX($D$3:$AA$30,INDEX(Jesper!$R$2:$R$366,ROW(INDEX(Jesper!AH$2:AH$366,ROUNDDOWN($C1520/24,0)+1,1))-1)+IF('Standard Profiles'!$G$18=$B$10,7,0)+IF('Standard Profiles'!$G$18=$B$17,14,0)+IF('Standard Profiles'!$G$18=$B$24,21,0),0)),0)</f>
        <v>6.1776064462065037</v>
      </c>
      <c r="E1520" cm="1">
        <f t="array" ref="E1520">IFERROR(INDEX(Jesper!AI$2:AI$366,ROUNDDOWN($C1520/24,0)+1,1)*INDEX($D$3:$AA$30,INDEX(Jesper!$R$2:$R$366,ROW(INDEX(Jesper!AI$2:AI$366,ROUNDDOWN($C1520/24,0)+1,1))-1)+IF('Standard Profiles'!$G$19=$B$10,7,0)+IF('Standard Profiles'!$G$19=$B$17,14,0)+IF('Standard Profiles'!$G$19=$B$24,21,0),MOD($C1520,24)+1)/SUM(INDEX($D$3:$AA$30,INDEX(Jesper!$R$2:$R$366,ROW(INDEX(Jesper!AI$2:AI$366,ROUNDDOWN($C1520/24,0)+1,1))-1)+IF('Standard Profiles'!$G$19=$B$10,7,0)+IF('Standard Profiles'!$G$19=$B$17,14,0)+IF('Standard Profiles'!$G$19=$B$24,21,0),0)),0)</f>
        <v>1.3695195487941696</v>
      </c>
      <c r="F1520" cm="1">
        <f t="array" ref="F1520">IFERROR(INDEX(Jesper!AJ$2:AJ$366,ROUNDDOWN($C1520/24,0)+1,1)*INDEX($D$3:$AA$30,INDEX(Jesper!$R$2:$R$366,ROW(INDEX(Jesper!AJ$2:AJ$366,ROUNDDOWN($C1520/24,0)+1,1))-1)+IF('Standard Profiles'!$G$20=$B$10,7,0)+IF('Standard Profiles'!$G$20=$B$17,14,0)+IF('Standard Profiles'!$G$20=$B$24,21,0),MOD($C1520,24)+1)/SUM(INDEX($D$3:$AA$30,INDEX(Jesper!$R$2:$R$366,ROW(INDEX(Jesper!AJ$2:AJ$366,ROUNDDOWN($C1520/24,0)+1,1))-1)+IF('Standard Profiles'!$G$20=$B$10,7,0)+IF('Standard Profiles'!$G$20=$B$17,14,0)+IF('Standard Profiles'!$G$20=$B$24,21,0),0)),0)</f>
        <v>0</v>
      </c>
      <c r="G1520" cm="1">
        <f t="array" ref="G1520">IFERROR(INDEX(Jesper!AK$2:AK$366,ROUNDDOWN($C1520/24,0)+1,1)*INDEX($D$3:$AA$30,INDEX(Jesper!$R$2:$R$366,ROW(INDEX(Jesper!AK$2:AK$366,ROUNDDOWN($C1520/24,0)+1,1))-1)+IF('Standard Profiles'!$G$21=$B$10,7,0)+IF('Standard Profiles'!$G$21=$B$17,14,0)+IF('Standard Profiles'!$G$21=$B$24,21,0),MOD($C1520,24)+1)/SUM(INDEX($D$3:$AA$30,INDEX(Jesper!$R$2:$R$366,ROW(INDEX(Jesper!AK$2:AK$366,ROUNDDOWN($C1520/24,0)+1,1))-1)+IF('Standard Profiles'!$G$21=$B$10,7,0)+IF('Standard Profiles'!$G$21=$B$17,14,0)+IF('Standard Profiles'!$G$21=$B$24,21,0),0)),0)</f>
        <v>0</v>
      </c>
      <c r="H1520" cm="1">
        <f t="array" ref="H1520">IFERROR(INDEX(Jesper!AL$2:AL$366,ROUNDDOWN($C1520/24,0)+1,1)*INDEX($D$3:$AA$30,INDEX(Jesper!$R$2:$R$366,ROW(INDEX(Jesper!AL$2:AL$366,ROUNDDOWN($C1520/24,0)+1,1))-1)+IF('Standard Profiles'!$G$22=$B$10,7,0)+IF('Standard Profiles'!$G$22=$B$17,14,0)+IF('Standard Profiles'!$G$22=$B$24,21,0),MOD($C1520,24)+1)/SUM(INDEX($D$3:$AA$30,INDEX(Jesper!$R$2:$R$366,ROW(INDEX(Jesper!AL$2:AL$366,ROUNDDOWN($C1520/24,0)+1,1))-1)+IF('Standard Profiles'!$G$22=$B$10,7,0)+IF('Standard Profiles'!$G$22=$B$17,14,0)+IF('Standard Profiles'!$G$22=$B$24,21,0),0)),0)</f>
        <v>0</v>
      </c>
      <c r="I1520">
        <f t="shared" si="181"/>
        <v>0.12338013953100631</v>
      </c>
      <c r="J1520">
        <f t="shared" si="182"/>
        <v>0.41126713177002105</v>
      </c>
      <c r="K1520">
        <f t="shared" si="183"/>
        <v>0.61690069765503164</v>
      </c>
      <c r="L1520">
        <f t="shared" si="184"/>
        <v>6.395578026044614</v>
      </c>
      <c r="M1520">
        <f t="shared" si="185"/>
        <v>0</v>
      </c>
      <c r="N1520" s="46">
        <f t="shared" si="186"/>
        <v>45353.916666663063</v>
      </c>
    </row>
    <row r="1521" spans="2:14" x14ac:dyDescent="0.3">
      <c r="B1521">
        <f t="shared" si="180"/>
        <v>6</v>
      </c>
      <c r="C1521" s="16">
        <v>1487</v>
      </c>
      <c r="D1521" cm="1">
        <f t="array" ref="D1521">IFERROR(INDEX(Jesper!AH$2:AH$366,ROUNDDOWN($C1521/24,0)+1,1)*INDEX($D$3:$AA$30,INDEX(Jesper!$R$2:$R$366,ROW(INDEX(Jesper!AH$2:AH$366,ROUNDDOWN($C1521/24,0)+1,1))-1)+IF('Standard Profiles'!$G$18=$B$10,7,0)+IF('Standard Profiles'!$G$18=$B$17,14,0)+IF('Standard Profiles'!$G$18=$B$24,21,0),MOD($C1521,24)+1)/SUM(INDEX($D$3:$AA$30,INDEX(Jesper!$R$2:$R$366,ROW(INDEX(Jesper!AH$2:AH$366,ROUNDDOWN($C1521/24,0)+1,1))-1)+IF('Standard Profiles'!$G$18=$B$10,7,0)+IF('Standard Profiles'!$G$18=$B$17,14,0)+IF('Standard Profiles'!$G$18=$B$24,21,0),0)),0)</f>
        <v>6.1776064462065037</v>
      </c>
      <c r="E1521" cm="1">
        <f t="array" ref="E1521">IFERROR(INDEX(Jesper!AI$2:AI$366,ROUNDDOWN($C1521/24,0)+1,1)*INDEX($D$3:$AA$30,INDEX(Jesper!$R$2:$R$366,ROW(INDEX(Jesper!AI$2:AI$366,ROUNDDOWN($C1521/24,0)+1,1))-1)+IF('Standard Profiles'!$G$19=$B$10,7,0)+IF('Standard Profiles'!$G$19=$B$17,14,0)+IF('Standard Profiles'!$G$19=$B$24,21,0),MOD($C1521,24)+1)/SUM(INDEX($D$3:$AA$30,INDEX(Jesper!$R$2:$R$366,ROW(INDEX(Jesper!AI$2:AI$366,ROUNDDOWN($C1521/24,0)+1,1))-1)+IF('Standard Profiles'!$G$19=$B$10,7,0)+IF('Standard Profiles'!$G$19=$B$17,14,0)+IF('Standard Profiles'!$G$19=$B$24,21,0),0)),0)</f>
        <v>1.3695195487941696</v>
      </c>
      <c r="F1521" cm="1">
        <f t="array" ref="F1521">IFERROR(INDEX(Jesper!AJ$2:AJ$366,ROUNDDOWN($C1521/24,0)+1,1)*INDEX($D$3:$AA$30,INDEX(Jesper!$R$2:$R$366,ROW(INDEX(Jesper!AJ$2:AJ$366,ROUNDDOWN($C1521/24,0)+1,1))-1)+IF('Standard Profiles'!$G$20=$B$10,7,0)+IF('Standard Profiles'!$G$20=$B$17,14,0)+IF('Standard Profiles'!$G$20=$B$24,21,0),MOD($C1521,24)+1)/SUM(INDEX($D$3:$AA$30,INDEX(Jesper!$R$2:$R$366,ROW(INDEX(Jesper!AJ$2:AJ$366,ROUNDDOWN($C1521/24,0)+1,1))-1)+IF('Standard Profiles'!$G$20=$B$10,7,0)+IF('Standard Profiles'!$G$20=$B$17,14,0)+IF('Standard Profiles'!$G$20=$B$24,21,0),0)),0)</f>
        <v>0</v>
      </c>
      <c r="G1521" cm="1">
        <f t="array" ref="G1521">IFERROR(INDEX(Jesper!AK$2:AK$366,ROUNDDOWN($C1521/24,0)+1,1)*INDEX($D$3:$AA$30,INDEX(Jesper!$R$2:$R$366,ROW(INDEX(Jesper!AK$2:AK$366,ROUNDDOWN($C1521/24,0)+1,1))-1)+IF('Standard Profiles'!$G$21=$B$10,7,0)+IF('Standard Profiles'!$G$21=$B$17,14,0)+IF('Standard Profiles'!$G$21=$B$24,21,0),MOD($C1521,24)+1)/SUM(INDEX($D$3:$AA$30,INDEX(Jesper!$R$2:$R$366,ROW(INDEX(Jesper!AK$2:AK$366,ROUNDDOWN($C1521/24,0)+1,1))-1)+IF('Standard Profiles'!$G$21=$B$10,7,0)+IF('Standard Profiles'!$G$21=$B$17,14,0)+IF('Standard Profiles'!$G$21=$B$24,21,0),0)),0)</f>
        <v>0</v>
      </c>
      <c r="H1521" cm="1">
        <f t="array" ref="H1521">IFERROR(INDEX(Jesper!AL$2:AL$366,ROUNDDOWN($C1521/24,0)+1,1)*INDEX($D$3:$AA$30,INDEX(Jesper!$R$2:$R$366,ROW(INDEX(Jesper!AL$2:AL$366,ROUNDDOWN($C1521/24,0)+1,1))-1)+IF('Standard Profiles'!$G$22=$B$10,7,0)+IF('Standard Profiles'!$G$22=$B$17,14,0)+IF('Standard Profiles'!$G$22=$B$24,21,0),MOD($C1521,24)+1)/SUM(INDEX($D$3:$AA$30,INDEX(Jesper!$R$2:$R$366,ROW(INDEX(Jesper!AL$2:AL$366,ROUNDDOWN($C1521/24,0)+1,1))-1)+IF('Standard Profiles'!$G$22=$B$10,7,0)+IF('Standard Profiles'!$G$22=$B$17,14,0)+IF('Standard Profiles'!$G$22=$B$24,21,0),0)),0)</f>
        <v>0</v>
      </c>
      <c r="I1521">
        <f t="shared" si="181"/>
        <v>0.12338013953100631</v>
      </c>
      <c r="J1521">
        <f t="shared" si="182"/>
        <v>0.41126713177002105</v>
      </c>
      <c r="K1521">
        <f t="shared" si="183"/>
        <v>0.61690069765503164</v>
      </c>
      <c r="L1521">
        <f t="shared" si="184"/>
        <v>6.395578026044614</v>
      </c>
      <c r="M1521">
        <f t="shared" si="185"/>
        <v>0</v>
      </c>
      <c r="N1521" s="46">
        <f t="shared" si="186"/>
        <v>45353.958333329727</v>
      </c>
    </row>
    <row r="1522" spans="2:14" x14ac:dyDescent="0.3">
      <c r="B1522">
        <f t="shared" si="180"/>
        <v>7</v>
      </c>
      <c r="C1522" s="16">
        <v>1488</v>
      </c>
      <c r="D1522" cm="1">
        <f t="array" ref="D1522">IFERROR(INDEX(Jesper!AH$2:AH$366,ROUNDDOWN($C1522/24,0)+1,1)*INDEX($D$3:$AA$30,INDEX(Jesper!$R$2:$R$366,ROW(INDEX(Jesper!AH$2:AH$366,ROUNDDOWN($C1522/24,0)+1,1))-1)+IF('Standard Profiles'!$G$18=$B$10,7,0)+IF('Standard Profiles'!$G$18=$B$17,14,0)+IF('Standard Profiles'!$G$18=$B$24,21,0),MOD($C1522,24)+1)/SUM(INDEX($D$3:$AA$30,INDEX(Jesper!$R$2:$R$366,ROW(INDEX(Jesper!AH$2:AH$366,ROUNDDOWN($C1522/24,0)+1,1))-1)+IF('Standard Profiles'!$G$18=$B$10,7,0)+IF('Standard Profiles'!$G$18=$B$17,14,0)+IF('Standard Profiles'!$G$18=$B$24,21,0),0)),0)</f>
        <v>7.3141129767788495</v>
      </c>
      <c r="E1522" cm="1">
        <f t="array" ref="E1522">IFERROR(INDEX(Jesper!AI$2:AI$366,ROUNDDOWN($C1522/24,0)+1,1)*INDEX($D$3:$AA$30,INDEX(Jesper!$R$2:$R$366,ROW(INDEX(Jesper!AI$2:AI$366,ROUNDDOWN($C1522/24,0)+1,1))-1)+IF('Standard Profiles'!$G$19=$B$10,7,0)+IF('Standard Profiles'!$G$19=$B$17,14,0)+IF('Standard Profiles'!$G$19=$B$24,21,0),MOD($C1522,24)+1)/SUM(INDEX($D$3:$AA$30,INDEX(Jesper!$R$2:$R$366,ROW(INDEX(Jesper!AI$2:AI$366,ROUNDDOWN($C1522/24,0)+1,1))-1)+IF('Standard Profiles'!$G$19=$B$10,7,0)+IF('Standard Profiles'!$G$19=$B$17,14,0)+IF('Standard Profiles'!$G$19=$B$24,21,0),0)),0)</f>
        <v>1.7129907685345467</v>
      </c>
      <c r="F1522" cm="1">
        <f t="array" ref="F1522">IFERROR(INDEX(Jesper!AJ$2:AJ$366,ROUNDDOWN($C1522/24,0)+1,1)*INDEX($D$3:$AA$30,INDEX(Jesper!$R$2:$R$366,ROW(INDEX(Jesper!AJ$2:AJ$366,ROUNDDOWN($C1522/24,0)+1,1))-1)+IF('Standard Profiles'!$G$20=$B$10,7,0)+IF('Standard Profiles'!$G$20=$B$17,14,0)+IF('Standard Profiles'!$G$20=$B$24,21,0),MOD($C1522,24)+1)/SUM(INDEX($D$3:$AA$30,INDEX(Jesper!$R$2:$R$366,ROW(INDEX(Jesper!AJ$2:AJ$366,ROUNDDOWN($C1522/24,0)+1,1))-1)+IF('Standard Profiles'!$G$20=$B$10,7,0)+IF('Standard Profiles'!$G$20=$B$17,14,0)+IF('Standard Profiles'!$G$20=$B$24,21,0),0)),0)</f>
        <v>0</v>
      </c>
      <c r="G1522" cm="1">
        <f t="array" ref="G1522">IFERROR(INDEX(Jesper!AK$2:AK$366,ROUNDDOWN($C1522/24,0)+1,1)*INDEX($D$3:$AA$30,INDEX(Jesper!$R$2:$R$366,ROW(INDEX(Jesper!AK$2:AK$366,ROUNDDOWN($C1522/24,0)+1,1))-1)+IF('Standard Profiles'!$G$21=$B$10,7,0)+IF('Standard Profiles'!$G$21=$B$17,14,0)+IF('Standard Profiles'!$G$21=$B$24,21,0),MOD($C1522,24)+1)/SUM(INDEX($D$3:$AA$30,INDEX(Jesper!$R$2:$R$366,ROW(INDEX(Jesper!AK$2:AK$366,ROUNDDOWN($C1522/24,0)+1,1))-1)+IF('Standard Profiles'!$G$21=$B$10,7,0)+IF('Standard Profiles'!$G$21=$B$17,14,0)+IF('Standard Profiles'!$G$21=$B$24,21,0),0)),0)</f>
        <v>0</v>
      </c>
      <c r="H1522" cm="1">
        <f t="array" ref="H1522">IFERROR(INDEX(Jesper!AL$2:AL$366,ROUNDDOWN($C1522/24,0)+1,1)*INDEX($D$3:$AA$30,INDEX(Jesper!$R$2:$R$366,ROW(INDEX(Jesper!AL$2:AL$366,ROUNDDOWN($C1522/24,0)+1,1))-1)+IF('Standard Profiles'!$G$22=$B$10,7,0)+IF('Standard Profiles'!$G$22=$B$17,14,0)+IF('Standard Profiles'!$G$22=$B$24,21,0),MOD($C1522,24)+1)/SUM(INDEX($D$3:$AA$30,INDEX(Jesper!$R$2:$R$366,ROW(INDEX(Jesper!AL$2:AL$366,ROUNDDOWN($C1522/24,0)+1,1))-1)+IF('Standard Profiles'!$G$22=$B$10,7,0)+IF('Standard Profiles'!$G$22=$B$17,14,0)+IF('Standard Profiles'!$G$22=$B$24,21,0),0)),0)</f>
        <v>0</v>
      </c>
      <c r="I1522">
        <f t="shared" si="181"/>
        <v>0.15432349266077</v>
      </c>
      <c r="J1522">
        <f t="shared" si="182"/>
        <v>0.51441164220256674</v>
      </c>
      <c r="K1522">
        <f t="shared" si="183"/>
        <v>0.77161746330385017</v>
      </c>
      <c r="L1522">
        <f t="shared" si="184"/>
        <v>7.5867511471462095</v>
      </c>
      <c r="M1522">
        <f t="shared" si="185"/>
        <v>0</v>
      </c>
      <c r="N1522" s="46">
        <f t="shared" si="186"/>
        <v>45353.999999996391</v>
      </c>
    </row>
    <row r="1523" spans="2:14" x14ac:dyDescent="0.3">
      <c r="B1523">
        <f t="shared" si="180"/>
        <v>7</v>
      </c>
      <c r="C1523" s="16">
        <v>1489</v>
      </c>
      <c r="D1523" cm="1">
        <f t="array" ref="D1523">IFERROR(INDEX(Jesper!AH$2:AH$366,ROUNDDOWN($C1523/24,0)+1,1)*INDEX($D$3:$AA$30,INDEX(Jesper!$R$2:$R$366,ROW(INDEX(Jesper!AH$2:AH$366,ROUNDDOWN($C1523/24,0)+1,1))-1)+IF('Standard Profiles'!$G$18=$B$10,7,0)+IF('Standard Profiles'!$G$18=$B$17,14,0)+IF('Standard Profiles'!$G$18=$B$24,21,0),MOD($C1523,24)+1)/SUM(INDEX($D$3:$AA$30,INDEX(Jesper!$R$2:$R$366,ROW(INDEX(Jesper!AH$2:AH$366,ROUNDDOWN($C1523/24,0)+1,1))-1)+IF('Standard Profiles'!$G$18=$B$10,7,0)+IF('Standard Profiles'!$G$18=$B$17,14,0)+IF('Standard Profiles'!$G$18=$B$24,21,0),0)),0)</f>
        <v>8.4938086181947945</v>
      </c>
      <c r="E1523" cm="1">
        <f t="array" ref="E1523">IFERROR(INDEX(Jesper!AI$2:AI$366,ROUNDDOWN($C1523/24,0)+1,1)*INDEX($D$3:$AA$30,INDEX(Jesper!$R$2:$R$366,ROW(INDEX(Jesper!AI$2:AI$366,ROUNDDOWN($C1523/24,0)+1,1))-1)+IF('Standard Profiles'!$G$19=$B$10,7,0)+IF('Standard Profiles'!$G$19=$B$17,14,0)+IF('Standard Profiles'!$G$19=$B$24,21,0),MOD($C1523,24)+1)/SUM(INDEX($D$3:$AA$30,INDEX(Jesper!$R$2:$R$366,ROW(INDEX(Jesper!AI$2:AI$366,ROUNDDOWN($C1523/24,0)+1,1))-1)+IF('Standard Profiles'!$G$19=$B$10,7,0)+IF('Standard Profiles'!$G$19=$B$17,14,0)+IF('Standard Profiles'!$G$19=$B$24,21,0),0)),0)</f>
        <v>1.9892796021691508</v>
      </c>
      <c r="F1523" cm="1">
        <f t="array" ref="F1523">IFERROR(INDEX(Jesper!AJ$2:AJ$366,ROUNDDOWN($C1523/24,0)+1,1)*INDEX($D$3:$AA$30,INDEX(Jesper!$R$2:$R$366,ROW(INDEX(Jesper!AJ$2:AJ$366,ROUNDDOWN($C1523/24,0)+1,1))-1)+IF('Standard Profiles'!$G$20=$B$10,7,0)+IF('Standard Profiles'!$G$20=$B$17,14,0)+IF('Standard Profiles'!$G$20=$B$24,21,0),MOD($C1523,24)+1)/SUM(INDEX($D$3:$AA$30,INDEX(Jesper!$R$2:$R$366,ROW(INDEX(Jesper!AJ$2:AJ$366,ROUNDDOWN($C1523/24,0)+1,1))-1)+IF('Standard Profiles'!$G$20=$B$10,7,0)+IF('Standard Profiles'!$G$20=$B$17,14,0)+IF('Standard Profiles'!$G$20=$B$24,21,0),0)),0)</f>
        <v>0</v>
      </c>
      <c r="G1523" cm="1">
        <f t="array" ref="G1523">IFERROR(INDEX(Jesper!AK$2:AK$366,ROUNDDOWN($C1523/24,0)+1,1)*INDEX($D$3:$AA$30,INDEX(Jesper!$R$2:$R$366,ROW(INDEX(Jesper!AK$2:AK$366,ROUNDDOWN($C1523/24,0)+1,1))-1)+IF('Standard Profiles'!$G$21=$B$10,7,0)+IF('Standard Profiles'!$G$21=$B$17,14,0)+IF('Standard Profiles'!$G$21=$B$24,21,0),MOD($C1523,24)+1)/SUM(INDEX($D$3:$AA$30,INDEX(Jesper!$R$2:$R$366,ROW(INDEX(Jesper!AK$2:AK$366,ROUNDDOWN($C1523/24,0)+1,1))-1)+IF('Standard Profiles'!$G$21=$B$10,7,0)+IF('Standard Profiles'!$G$21=$B$17,14,0)+IF('Standard Profiles'!$G$21=$B$24,21,0),0)),0)</f>
        <v>0</v>
      </c>
      <c r="H1523" cm="1">
        <f t="array" ref="H1523">IFERROR(INDEX(Jesper!AL$2:AL$366,ROUNDDOWN($C1523/24,0)+1,1)*INDEX($D$3:$AA$30,INDEX(Jesper!$R$2:$R$366,ROW(INDEX(Jesper!AL$2:AL$366,ROUNDDOWN($C1523/24,0)+1,1))-1)+IF('Standard Profiles'!$G$22=$B$10,7,0)+IF('Standard Profiles'!$G$22=$B$17,14,0)+IF('Standard Profiles'!$G$22=$B$24,21,0),MOD($C1523,24)+1)/SUM(INDEX($D$3:$AA$30,INDEX(Jesper!$R$2:$R$366,ROW(INDEX(Jesper!AL$2:AL$366,ROUNDDOWN($C1523/24,0)+1,1))-1)+IF('Standard Profiles'!$G$22=$B$10,7,0)+IF('Standard Profiles'!$G$22=$B$17,14,0)+IF('Standard Profiles'!$G$22=$B$24,21,0),0)),0)</f>
        <v>0</v>
      </c>
      <c r="I1523">
        <f t="shared" si="181"/>
        <v>0.17921437857379741</v>
      </c>
      <c r="J1523">
        <f t="shared" si="182"/>
        <v>0.59738126191265817</v>
      </c>
      <c r="K1523">
        <f t="shared" si="183"/>
        <v>0.89607189286898714</v>
      </c>
      <c r="L1523">
        <f t="shared" si="184"/>
        <v>8.8104206870085022</v>
      </c>
      <c r="M1523">
        <f t="shared" si="185"/>
        <v>0</v>
      </c>
      <c r="N1523" s="46">
        <f t="shared" si="186"/>
        <v>45354.041666663055</v>
      </c>
    </row>
    <row r="1524" spans="2:14" x14ac:dyDescent="0.3">
      <c r="B1524">
        <f t="shared" si="180"/>
        <v>7</v>
      </c>
      <c r="C1524" s="16">
        <v>1490</v>
      </c>
      <c r="D1524" cm="1">
        <f t="array" ref="D1524">IFERROR(INDEX(Jesper!AH$2:AH$366,ROUNDDOWN($C1524/24,0)+1,1)*INDEX($D$3:$AA$30,INDEX(Jesper!$R$2:$R$366,ROW(INDEX(Jesper!AH$2:AH$366,ROUNDDOWN($C1524/24,0)+1,1))-1)+IF('Standard Profiles'!$G$18=$B$10,7,0)+IF('Standard Profiles'!$G$18=$B$17,14,0)+IF('Standard Profiles'!$G$18=$B$24,21,0),MOD($C1524,24)+1)/SUM(INDEX($D$3:$AA$30,INDEX(Jesper!$R$2:$R$366,ROW(INDEX(Jesper!AH$2:AH$366,ROUNDDOWN($C1524/24,0)+1,1))-1)+IF('Standard Profiles'!$G$18=$B$10,7,0)+IF('Standard Profiles'!$G$18=$B$17,14,0)+IF('Standard Profiles'!$G$18=$B$24,21,0),0)),0)</f>
        <v>8.4938086181947945</v>
      </c>
      <c r="E1524" cm="1">
        <f t="array" ref="E1524">IFERROR(INDEX(Jesper!AI$2:AI$366,ROUNDDOWN($C1524/24,0)+1,1)*INDEX($D$3:$AA$30,INDEX(Jesper!$R$2:$R$366,ROW(INDEX(Jesper!AI$2:AI$366,ROUNDDOWN($C1524/24,0)+1,1))-1)+IF('Standard Profiles'!$G$19=$B$10,7,0)+IF('Standard Profiles'!$G$19=$B$17,14,0)+IF('Standard Profiles'!$G$19=$B$24,21,0),MOD($C1524,24)+1)/SUM(INDEX($D$3:$AA$30,INDEX(Jesper!$R$2:$R$366,ROW(INDEX(Jesper!AI$2:AI$366,ROUNDDOWN($C1524/24,0)+1,1))-1)+IF('Standard Profiles'!$G$19=$B$10,7,0)+IF('Standard Profiles'!$G$19=$B$17,14,0)+IF('Standard Profiles'!$G$19=$B$24,21,0),0)),0)</f>
        <v>1.9892796021691508</v>
      </c>
      <c r="F1524" cm="1">
        <f t="array" ref="F1524">IFERROR(INDEX(Jesper!AJ$2:AJ$366,ROUNDDOWN($C1524/24,0)+1,1)*INDEX($D$3:$AA$30,INDEX(Jesper!$R$2:$R$366,ROW(INDEX(Jesper!AJ$2:AJ$366,ROUNDDOWN($C1524/24,0)+1,1))-1)+IF('Standard Profiles'!$G$20=$B$10,7,0)+IF('Standard Profiles'!$G$20=$B$17,14,0)+IF('Standard Profiles'!$G$20=$B$24,21,0),MOD($C1524,24)+1)/SUM(INDEX($D$3:$AA$30,INDEX(Jesper!$R$2:$R$366,ROW(INDEX(Jesper!AJ$2:AJ$366,ROUNDDOWN($C1524/24,0)+1,1))-1)+IF('Standard Profiles'!$G$20=$B$10,7,0)+IF('Standard Profiles'!$G$20=$B$17,14,0)+IF('Standard Profiles'!$G$20=$B$24,21,0),0)),0)</f>
        <v>0</v>
      </c>
      <c r="G1524" cm="1">
        <f t="array" ref="G1524">IFERROR(INDEX(Jesper!AK$2:AK$366,ROUNDDOWN($C1524/24,0)+1,1)*INDEX($D$3:$AA$30,INDEX(Jesper!$R$2:$R$366,ROW(INDEX(Jesper!AK$2:AK$366,ROUNDDOWN($C1524/24,0)+1,1))-1)+IF('Standard Profiles'!$G$21=$B$10,7,0)+IF('Standard Profiles'!$G$21=$B$17,14,0)+IF('Standard Profiles'!$G$21=$B$24,21,0),MOD($C1524,24)+1)/SUM(INDEX($D$3:$AA$30,INDEX(Jesper!$R$2:$R$366,ROW(INDEX(Jesper!AK$2:AK$366,ROUNDDOWN($C1524/24,0)+1,1))-1)+IF('Standard Profiles'!$G$21=$B$10,7,0)+IF('Standard Profiles'!$G$21=$B$17,14,0)+IF('Standard Profiles'!$G$21=$B$24,21,0),0)),0)</f>
        <v>0</v>
      </c>
      <c r="H1524" cm="1">
        <f t="array" ref="H1524">IFERROR(INDEX(Jesper!AL$2:AL$366,ROUNDDOWN($C1524/24,0)+1,1)*INDEX($D$3:$AA$30,INDEX(Jesper!$R$2:$R$366,ROW(INDEX(Jesper!AL$2:AL$366,ROUNDDOWN($C1524/24,0)+1,1))-1)+IF('Standard Profiles'!$G$22=$B$10,7,0)+IF('Standard Profiles'!$G$22=$B$17,14,0)+IF('Standard Profiles'!$G$22=$B$24,21,0),MOD($C1524,24)+1)/SUM(INDEX($D$3:$AA$30,INDEX(Jesper!$R$2:$R$366,ROW(INDEX(Jesper!AL$2:AL$366,ROUNDDOWN($C1524/24,0)+1,1))-1)+IF('Standard Profiles'!$G$22=$B$10,7,0)+IF('Standard Profiles'!$G$22=$B$17,14,0)+IF('Standard Profiles'!$G$22=$B$24,21,0),0)),0)</f>
        <v>0</v>
      </c>
      <c r="I1524">
        <f t="shared" si="181"/>
        <v>0.17921437857379741</v>
      </c>
      <c r="J1524">
        <f t="shared" si="182"/>
        <v>0.59738126191265817</v>
      </c>
      <c r="K1524">
        <f t="shared" si="183"/>
        <v>0.89607189286898714</v>
      </c>
      <c r="L1524">
        <f t="shared" si="184"/>
        <v>8.8104206870085022</v>
      </c>
      <c r="M1524">
        <f t="shared" si="185"/>
        <v>0</v>
      </c>
      <c r="N1524" s="46">
        <f t="shared" si="186"/>
        <v>45354.08333332972</v>
      </c>
    </row>
    <row r="1525" spans="2:14" x14ac:dyDescent="0.3">
      <c r="B1525">
        <f t="shared" si="180"/>
        <v>7</v>
      </c>
      <c r="C1525" s="16">
        <v>1491</v>
      </c>
      <c r="D1525" cm="1">
        <f t="array" ref="D1525">IFERROR(INDEX(Jesper!AH$2:AH$366,ROUNDDOWN($C1525/24,0)+1,1)*INDEX($D$3:$AA$30,INDEX(Jesper!$R$2:$R$366,ROW(INDEX(Jesper!AH$2:AH$366,ROUNDDOWN($C1525/24,0)+1,1))-1)+IF('Standard Profiles'!$G$18=$B$10,7,0)+IF('Standard Profiles'!$G$18=$B$17,14,0)+IF('Standard Profiles'!$G$18=$B$24,21,0),MOD($C1525,24)+1)/SUM(INDEX($D$3:$AA$30,INDEX(Jesper!$R$2:$R$366,ROW(INDEX(Jesper!AH$2:AH$366,ROUNDDOWN($C1525/24,0)+1,1))-1)+IF('Standard Profiles'!$G$18=$B$10,7,0)+IF('Standard Profiles'!$G$18=$B$17,14,0)+IF('Standard Profiles'!$G$18=$B$24,21,0),0)),0)</f>
        <v>8.4938086181947945</v>
      </c>
      <c r="E1525" cm="1">
        <f t="array" ref="E1525">IFERROR(INDEX(Jesper!AI$2:AI$366,ROUNDDOWN($C1525/24,0)+1,1)*INDEX($D$3:$AA$30,INDEX(Jesper!$R$2:$R$366,ROW(INDEX(Jesper!AI$2:AI$366,ROUNDDOWN($C1525/24,0)+1,1))-1)+IF('Standard Profiles'!$G$19=$B$10,7,0)+IF('Standard Profiles'!$G$19=$B$17,14,0)+IF('Standard Profiles'!$G$19=$B$24,21,0),MOD($C1525,24)+1)/SUM(INDEX($D$3:$AA$30,INDEX(Jesper!$R$2:$R$366,ROW(INDEX(Jesper!AI$2:AI$366,ROUNDDOWN($C1525/24,0)+1,1))-1)+IF('Standard Profiles'!$G$19=$B$10,7,0)+IF('Standard Profiles'!$G$19=$B$17,14,0)+IF('Standard Profiles'!$G$19=$B$24,21,0),0)),0)</f>
        <v>1.9892796021691508</v>
      </c>
      <c r="F1525" cm="1">
        <f t="array" ref="F1525">IFERROR(INDEX(Jesper!AJ$2:AJ$366,ROUNDDOWN($C1525/24,0)+1,1)*INDEX($D$3:$AA$30,INDEX(Jesper!$R$2:$R$366,ROW(INDEX(Jesper!AJ$2:AJ$366,ROUNDDOWN($C1525/24,0)+1,1))-1)+IF('Standard Profiles'!$G$20=$B$10,7,0)+IF('Standard Profiles'!$G$20=$B$17,14,0)+IF('Standard Profiles'!$G$20=$B$24,21,0),MOD($C1525,24)+1)/SUM(INDEX($D$3:$AA$30,INDEX(Jesper!$R$2:$R$366,ROW(INDEX(Jesper!AJ$2:AJ$366,ROUNDDOWN($C1525/24,0)+1,1))-1)+IF('Standard Profiles'!$G$20=$B$10,7,0)+IF('Standard Profiles'!$G$20=$B$17,14,0)+IF('Standard Profiles'!$G$20=$B$24,21,0),0)),0)</f>
        <v>0</v>
      </c>
      <c r="G1525" cm="1">
        <f t="array" ref="G1525">IFERROR(INDEX(Jesper!AK$2:AK$366,ROUNDDOWN($C1525/24,0)+1,1)*INDEX($D$3:$AA$30,INDEX(Jesper!$R$2:$R$366,ROW(INDEX(Jesper!AK$2:AK$366,ROUNDDOWN($C1525/24,0)+1,1))-1)+IF('Standard Profiles'!$G$21=$B$10,7,0)+IF('Standard Profiles'!$G$21=$B$17,14,0)+IF('Standard Profiles'!$G$21=$B$24,21,0),MOD($C1525,24)+1)/SUM(INDEX($D$3:$AA$30,INDEX(Jesper!$R$2:$R$366,ROW(INDEX(Jesper!AK$2:AK$366,ROUNDDOWN($C1525/24,0)+1,1))-1)+IF('Standard Profiles'!$G$21=$B$10,7,0)+IF('Standard Profiles'!$G$21=$B$17,14,0)+IF('Standard Profiles'!$G$21=$B$24,21,0),0)),0)</f>
        <v>0</v>
      </c>
      <c r="H1525" cm="1">
        <f t="array" ref="H1525">IFERROR(INDEX(Jesper!AL$2:AL$366,ROUNDDOWN($C1525/24,0)+1,1)*INDEX($D$3:$AA$30,INDEX(Jesper!$R$2:$R$366,ROW(INDEX(Jesper!AL$2:AL$366,ROUNDDOWN($C1525/24,0)+1,1))-1)+IF('Standard Profiles'!$G$22=$B$10,7,0)+IF('Standard Profiles'!$G$22=$B$17,14,0)+IF('Standard Profiles'!$G$22=$B$24,21,0),MOD($C1525,24)+1)/SUM(INDEX($D$3:$AA$30,INDEX(Jesper!$R$2:$R$366,ROW(INDEX(Jesper!AL$2:AL$366,ROUNDDOWN($C1525/24,0)+1,1))-1)+IF('Standard Profiles'!$G$22=$B$10,7,0)+IF('Standard Profiles'!$G$22=$B$17,14,0)+IF('Standard Profiles'!$G$22=$B$24,21,0),0)),0)</f>
        <v>0</v>
      </c>
      <c r="I1525">
        <f t="shared" si="181"/>
        <v>0.17921437857379741</v>
      </c>
      <c r="J1525">
        <f t="shared" si="182"/>
        <v>0.59738126191265817</v>
      </c>
      <c r="K1525">
        <f t="shared" si="183"/>
        <v>0.89607189286898714</v>
      </c>
      <c r="L1525">
        <f t="shared" si="184"/>
        <v>8.8104206870085022</v>
      </c>
      <c r="M1525">
        <f t="shared" si="185"/>
        <v>0</v>
      </c>
      <c r="N1525" s="46">
        <f t="shared" si="186"/>
        <v>45354.124999996384</v>
      </c>
    </row>
    <row r="1526" spans="2:14" x14ac:dyDescent="0.3">
      <c r="B1526">
        <f t="shared" si="180"/>
        <v>7</v>
      </c>
      <c r="C1526" s="16">
        <v>1492</v>
      </c>
      <c r="D1526" cm="1">
        <f t="array" ref="D1526">IFERROR(INDEX(Jesper!AH$2:AH$366,ROUNDDOWN($C1526/24,0)+1,1)*INDEX($D$3:$AA$30,INDEX(Jesper!$R$2:$R$366,ROW(INDEX(Jesper!AH$2:AH$366,ROUNDDOWN($C1526/24,0)+1,1))-1)+IF('Standard Profiles'!$G$18=$B$10,7,0)+IF('Standard Profiles'!$G$18=$B$17,14,0)+IF('Standard Profiles'!$G$18=$B$24,21,0),MOD($C1526,24)+1)/SUM(INDEX($D$3:$AA$30,INDEX(Jesper!$R$2:$R$366,ROW(INDEX(Jesper!AH$2:AH$366,ROUNDDOWN($C1526/24,0)+1,1))-1)+IF('Standard Profiles'!$G$18=$B$10,7,0)+IF('Standard Profiles'!$G$18=$B$17,14,0)+IF('Standard Profiles'!$G$18=$B$24,21,0),0)),0)</f>
        <v>8.4938086181947945</v>
      </c>
      <c r="E1526" cm="1">
        <f t="array" ref="E1526">IFERROR(INDEX(Jesper!AI$2:AI$366,ROUNDDOWN($C1526/24,0)+1,1)*INDEX($D$3:$AA$30,INDEX(Jesper!$R$2:$R$366,ROW(INDEX(Jesper!AI$2:AI$366,ROUNDDOWN($C1526/24,0)+1,1))-1)+IF('Standard Profiles'!$G$19=$B$10,7,0)+IF('Standard Profiles'!$G$19=$B$17,14,0)+IF('Standard Profiles'!$G$19=$B$24,21,0),MOD($C1526,24)+1)/SUM(INDEX($D$3:$AA$30,INDEX(Jesper!$R$2:$R$366,ROW(INDEX(Jesper!AI$2:AI$366,ROUNDDOWN($C1526/24,0)+1,1))-1)+IF('Standard Profiles'!$G$19=$B$10,7,0)+IF('Standard Profiles'!$G$19=$B$17,14,0)+IF('Standard Profiles'!$G$19=$B$24,21,0),0)),0)</f>
        <v>1.9892796021691508</v>
      </c>
      <c r="F1526" cm="1">
        <f t="array" ref="F1526">IFERROR(INDEX(Jesper!AJ$2:AJ$366,ROUNDDOWN($C1526/24,0)+1,1)*INDEX($D$3:$AA$30,INDEX(Jesper!$R$2:$R$366,ROW(INDEX(Jesper!AJ$2:AJ$366,ROUNDDOWN($C1526/24,0)+1,1))-1)+IF('Standard Profiles'!$G$20=$B$10,7,0)+IF('Standard Profiles'!$G$20=$B$17,14,0)+IF('Standard Profiles'!$G$20=$B$24,21,0),MOD($C1526,24)+1)/SUM(INDEX($D$3:$AA$30,INDEX(Jesper!$R$2:$R$366,ROW(INDEX(Jesper!AJ$2:AJ$366,ROUNDDOWN($C1526/24,0)+1,1))-1)+IF('Standard Profiles'!$G$20=$B$10,7,0)+IF('Standard Profiles'!$G$20=$B$17,14,0)+IF('Standard Profiles'!$G$20=$B$24,21,0),0)),0)</f>
        <v>0</v>
      </c>
      <c r="G1526" cm="1">
        <f t="array" ref="G1526">IFERROR(INDEX(Jesper!AK$2:AK$366,ROUNDDOWN($C1526/24,0)+1,1)*INDEX($D$3:$AA$30,INDEX(Jesper!$R$2:$R$366,ROW(INDEX(Jesper!AK$2:AK$366,ROUNDDOWN($C1526/24,0)+1,1))-1)+IF('Standard Profiles'!$G$21=$B$10,7,0)+IF('Standard Profiles'!$G$21=$B$17,14,0)+IF('Standard Profiles'!$G$21=$B$24,21,0),MOD($C1526,24)+1)/SUM(INDEX($D$3:$AA$30,INDEX(Jesper!$R$2:$R$366,ROW(INDEX(Jesper!AK$2:AK$366,ROUNDDOWN($C1526/24,0)+1,1))-1)+IF('Standard Profiles'!$G$21=$B$10,7,0)+IF('Standard Profiles'!$G$21=$B$17,14,0)+IF('Standard Profiles'!$G$21=$B$24,21,0),0)),0)</f>
        <v>0</v>
      </c>
      <c r="H1526" cm="1">
        <f t="array" ref="H1526">IFERROR(INDEX(Jesper!AL$2:AL$366,ROUNDDOWN($C1526/24,0)+1,1)*INDEX($D$3:$AA$30,INDEX(Jesper!$R$2:$R$366,ROW(INDEX(Jesper!AL$2:AL$366,ROUNDDOWN($C1526/24,0)+1,1))-1)+IF('Standard Profiles'!$G$22=$B$10,7,0)+IF('Standard Profiles'!$G$22=$B$17,14,0)+IF('Standard Profiles'!$G$22=$B$24,21,0),MOD($C1526,24)+1)/SUM(INDEX($D$3:$AA$30,INDEX(Jesper!$R$2:$R$366,ROW(INDEX(Jesper!AL$2:AL$366,ROUNDDOWN($C1526/24,0)+1,1))-1)+IF('Standard Profiles'!$G$22=$B$10,7,0)+IF('Standard Profiles'!$G$22=$B$17,14,0)+IF('Standard Profiles'!$G$22=$B$24,21,0),0)),0)</f>
        <v>0</v>
      </c>
      <c r="I1526">
        <f t="shared" si="181"/>
        <v>0.17921437857379741</v>
      </c>
      <c r="J1526">
        <f t="shared" si="182"/>
        <v>0.59738126191265817</v>
      </c>
      <c r="K1526">
        <f t="shared" si="183"/>
        <v>0.89607189286898714</v>
      </c>
      <c r="L1526">
        <f t="shared" si="184"/>
        <v>8.8104206870085022</v>
      </c>
      <c r="M1526">
        <f t="shared" si="185"/>
        <v>0</v>
      </c>
      <c r="N1526" s="46">
        <f t="shared" si="186"/>
        <v>45354.166666663048</v>
      </c>
    </row>
    <row r="1527" spans="2:14" x14ac:dyDescent="0.3">
      <c r="B1527">
        <f t="shared" si="180"/>
        <v>7</v>
      </c>
      <c r="C1527" s="16">
        <v>1493</v>
      </c>
      <c r="D1527" cm="1">
        <f t="array" ref="D1527">IFERROR(INDEX(Jesper!AH$2:AH$366,ROUNDDOWN($C1527/24,0)+1,1)*INDEX($D$3:$AA$30,INDEX(Jesper!$R$2:$R$366,ROW(INDEX(Jesper!AH$2:AH$366,ROUNDDOWN($C1527/24,0)+1,1))-1)+IF('Standard Profiles'!$G$18=$B$10,7,0)+IF('Standard Profiles'!$G$18=$B$17,14,0)+IF('Standard Profiles'!$G$18=$B$24,21,0),MOD($C1527,24)+1)/SUM(INDEX($D$3:$AA$30,INDEX(Jesper!$R$2:$R$366,ROW(INDEX(Jesper!AH$2:AH$366,ROUNDDOWN($C1527/24,0)+1,1))-1)+IF('Standard Profiles'!$G$18=$B$10,7,0)+IF('Standard Profiles'!$G$18=$B$17,14,0)+IF('Standard Profiles'!$G$18=$B$24,21,0),0)),0)</f>
        <v>10.617260772743492</v>
      </c>
      <c r="E1527" cm="1">
        <f t="array" ref="E1527">IFERROR(INDEX(Jesper!AI$2:AI$366,ROUNDDOWN($C1527/24,0)+1,1)*INDEX($D$3:$AA$30,INDEX(Jesper!$R$2:$R$366,ROW(INDEX(Jesper!AI$2:AI$366,ROUNDDOWN($C1527/24,0)+1,1))-1)+IF('Standard Profiles'!$G$19=$B$10,7,0)+IF('Standard Profiles'!$G$19=$B$17,14,0)+IF('Standard Profiles'!$G$19=$B$24,21,0),MOD($C1527,24)+1)/SUM(INDEX($D$3:$AA$30,INDEX(Jesper!$R$2:$R$366,ROW(INDEX(Jesper!AI$2:AI$366,ROUNDDOWN($C1527/24,0)+1,1))-1)+IF('Standard Profiles'!$G$19=$B$10,7,0)+IF('Standard Profiles'!$G$19=$B$17,14,0)+IF('Standard Profiles'!$G$19=$B$24,21,0),0)),0)</f>
        <v>2.4865995027114387</v>
      </c>
      <c r="F1527" cm="1">
        <f t="array" ref="F1527">IFERROR(INDEX(Jesper!AJ$2:AJ$366,ROUNDDOWN($C1527/24,0)+1,1)*INDEX($D$3:$AA$30,INDEX(Jesper!$R$2:$R$366,ROW(INDEX(Jesper!AJ$2:AJ$366,ROUNDDOWN($C1527/24,0)+1,1))-1)+IF('Standard Profiles'!$G$20=$B$10,7,0)+IF('Standard Profiles'!$G$20=$B$17,14,0)+IF('Standard Profiles'!$G$20=$B$24,21,0),MOD($C1527,24)+1)/SUM(INDEX($D$3:$AA$30,INDEX(Jesper!$R$2:$R$366,ROW(INDEX(Jesper!AJ$2:AJ$366,ROUNDDOWN($C1527/24,0)+1,1))-1)+IF('Standard Profiles'!$G$20=$B$10,7,0)+IF('Standard Profiles'!$G$20=$B$17,14,0)+IF('Standard Profiles'!$G$20=$B$24,21,0),0)),0)</f>
        <v>0</v>
      </c>
      <c r="G1527" cm="1">
        <f t="array" ref="G1527">IFERROR(INDEX(Jesper!AK$2:AK$366,ROUNDDOWN($C1527/24,0)+1,1)*INDEX($D$3:$AA$30,INDEX(Jesper!$R$2:$R$366,ROW(INDEX(Jesper!AK$2:AK$366,ROUNDDOWN($C1527/24,0)+1,1))-1)+IF('Standard Profiles'!$G$21=$B$10,7,0)+IF('Standard Profiles'!$G$21=$B$17,14,0)+IF('Standard Profiles'!$G$21=$B$24,21,0),MOD($C1527,24)+1)/SUM(INDEX($D$3:$AA$30,INDEX(Jesper!$R$2:$R$366,ROW(INDEX(Jesper!AK$2:AK$366,ROUNDDOWN($C1527/24,0)+1,1))-1)+IF('Standard Profiles'!$G$21=$B$10,7,0)+IF('Standard Profiles'!$G$21=$B$17,14,0)+IF('Standard Profiles'!$G$21=$B$24,21,0),0)),0)</f>
        <v>0</v>
      </c>
      <c r="H1527" cm="1">
        <f t="array" ref="H1527">IFERROR(INDEX(Jesper!AL$2:AL$366,ROUNDDOWN($C1527/24,0)+1,1)*INDEX($D$3:$AA$30,INDEX(Jesper!$R$2:$R$366,ROW(INDEX(Jesper!AL$2:AL$366,ROUNDDOWN($C1527/24,0)+1,1))-1)+IF('Standard Profiles'!$G$22=$B$10,7,0)+IF('Standard Profiles'!$G$22=$B$17,14,0)+IF('Standard Profiles'!$G$22=$B$24,21,0),MOD($C1527,24)+1)/SUM(INDEX($D$3:$AA$30,INDEX(Jesper!$R$2:$R$366,ROW(INDEX(Jesper!AL$2:AL$366,ROUNDDOWN($C1527/24,0)+1,1))-1)+IF('Standard Profiles'!$G$22=$B$10,7,0)+IF('Standard Profiles'!$G$22=$B$17,14,0)+IF('Standard Profiles'!$G$22=$B$24,21,0),0)),0)</f>
        <v>0</v>
      </c>
      <c r="I1527">
        <f t="shared" si="181"/>
        <v>0.22401797321724679</v>
      </c>
      <c r="J1527">
        <f t="shared" si="182"/>
        <v>0.74672657739082271</v>
      </c>
      <c r="K1527">
        <f t="shared" si="183"/>
        <v>1.1200898660862342</v>
      </c>
      <c r="L1527">
        <f t="shared" si="184"/>
        <v>11.013025858760628</v>
      </c>
      <c r="M1527">
        <f t="shared" si="185"/>
        <v>0</v>
      </c>
      <c r="N1527" s="46">
        <f t="shared" si="186"/>
        <v>45354.208333329712</v>
      </c>
    </row>
    <row r="1528" spans="2:14" x14ac:dyDescent="0.3">
      <c r="B1528">
        <f t="shared" si="180"/>
        <v>7</v>
      </c>
      <c r="C1528" s="16">
        <v>1494</v>
      </c>
      <c r="D1528" cm="1">
        <f t="array" ref="D1528">IFERROR(INDEX(Jesper!AH$2:AH$366,ROUNDDOWN($C1528/24,0)+1,1)*INDEX($D$3:$AA$30,INDEX(Jesper!$R$2:$R$366,ROW(INDEX(Jesper!AH$2:AH$366,ROUNDDOWN($C1528/24,0)+1,1))-1)+IF('Standard Profiles'!$G$18=$B$10,7,0)+IF('Standard Profiles'!$G$18=$B$17,14,0)+IF('Standard Profiles'!$G$18=$B$24,21,0),MOD($C1528,24)+1)/SUM(INDEX($D$3:$AA$30,INDEX(Jesper!$R$2:$R$366,ROW(INDEX(Jesper!AH$2:AH$366,ROUNDDOWN($C1528/24,0)+1,1))-1)+IF('Standard Profiles'!$G$18=$B$10,7,0)+IF('Standard Profiles'!$G$18=$B$17,14,0)+IF('Standard Profiles'!$G$18=$B$24,21,0),0)),0)</f>
        <v>12.504773799009003</v>
      </c>
      <c r="E1528" cm="1">
        <f t="array" ref="E1528">IFERROR(INDEX(Jesper!AI$2:AI$366,ROUNDDOWN($C1528/24,0)+1,1)*INDEX($D$3:$AA$30,INDEX(Jesper!$R$2:$R$366,ROW(INDEX(Jesper!AI$2:AI$366,ROUNDDOWN($C1528/24,0)+1,1))-1)+IF('Standard Profiles'!$G$19=$B$10,7,0)+IF('Standard Profiles'!$G$19=$B$17,14,0)+IF('Standard Profiles'!$G$19=$B$24,21,0),MOD($C1528,24)+1)/SUM(INDEX($D$3:$AA$30,INDEX(Jesper!$R$2:$R$366,ROW(INDEX(Jesper!AI$2:AI$366,ROUNDDOWN($C1528/24,0)+1,1))-1)+IF('Standard Profiles'!$G$19=$B$10,7,0)+IF('Standard Profiles'!$G$19=$B$17,14,0)+IF('Standard Profiles'!$G$19=$B$24,21,0),0)),0)</f>
        <v>2.9286616365268054</v>
      </c>
      <c r="F1528" cm="1">
        <f t="array" ref="F1528">IFERROR(INDEX(Jesper!AJ$2:AJ$366,ROUNDDOWN($C1528/24,0)+1,1)*INDEX($D$3:$AA$30,INDEX(Jesper!$R$2:$R$366,ROW(INDEX(Jesper!AJ$2:AJ$366,ROUNDDOWN($C1528/24,0)+1,1))-1)+IF('Standard Profiles'!$G$20=$B$10,7,0)+IF('Standard Profiles'!$G$20=$B$17,14,0)+IF('Standard Profiles'!$G$20=$B$24,21,0),MOD($C1528,24)+1)/SUM(INDEX($D$3:$AA$30,INDEX(Jesper!$R$2:$R$366,ROW(INDEX(Jesper!AJ$2:AJ$366,ROUNDDOWN($C1528/24,0)+1,1))-1)+IF('Standard Profiles'!$G$20=$B$10,7,0)+IF('Standard Profiles'!$G$20=$B$17,14,0)+IF('Standard Profiles'!$G$20=$B$24,21,0),0)),0)</f>
        <v>0</v>
      </c>
      <c r="G1528" cm="1">
        <f t="array" ref="G1528">IFERROR(INDEX(Jesper!AK$2:AK$366,ROUNDDOWN($C1528/24,0)+1,1)*INDEX($D$3:$AA$30,INDEX(Jesper!$R$2:$R$366,ROW(INDEX(Jesper!AK$2:AK$366,ROUNDDOWN($C1528/24,0)+1,1))-1)+IF('Standard Profiles'!$G$21=$B$10,7,0)+IF('Standard Profiles'!$G$21=$B$17,14,0)+IF('Standard Profiles'!$G$21=$B$24,21,0),MOD($C1528,24)+1)/SUM(INDEX($D$3:$AA$30,INDEX(Jesper!$R$2:$R$366,ROW(INDEX(Jesper!AK$2:AK$366,ROUNDDOWN($C1528/24,0)+1,1))-1)+IF('Standard Profiles'!$G$21=$B$10,7,0)+IF('Standard Profiles'!$G$21=$B$17,14,0)+IF('Standard Profiles'!$G$21=$B$24,21,0),0)),0)</f>
        <v>0</v>
      </c>
      <c r="H1528" cm="1">
        <f t="array" ref="H1528">IFERROR(INDEX(Jesper!AL$2:AL$366,ROUNDDOWN($C1528/24,0)+1,1)*INDEX($D$3:$AA$30,INDEX(Jesper!$R$2:$R$366,ROW(INDEX(Jesper!AL$2:AL$366,ROUNDDOWN($C1528/24,0)+1,1))-1)+IF('Standard Profiles'!$G$22=$B$10,7,0)+IF('Standard Profiles'!$G$22=$B$17,14,0)+IF('Standard Profiles'!$G$22=$B$24,21,0),MOD($C1528,24)+1)/SUM(INDEX($D$3:$AA$30,INDEX(Jesper!$R$2:$R$366,ROW(INDEX(Jesper!AL$2:AL$366,ROUNDDOWN($C1528/24,0)+1,1))-1)+IF('Standard Profiles'!$G$22=$B$10,7,0)+IF('Standard Profiles'!$G$22=$B$17,14,0)+IF('Standard Profiles'!$G$22=$B$24,21,0),0)),0)</f>
        <v>0</v>
      </c>
      <c r="I1528">
        <f t="shared" si="181"/>
        <v>0.26384339067809065</v>
      </c>
      <c r="J1528">
        <f t="shared" si="182"/>
        <v>0.87947796892696894</v>
      </c>
      <c r="K1528">
        <f t="shared" si="183"/>
        <v>1.3192169533904534</v>
      </c>
      <c r="L1528">
        <f t="shared" si="184"/>
        <v>12.970897122540295</v>
      </c>
      <c r="M1528">
        <f t="shared" si="185"/>
        <v>0</v>
      </c>
      <c r="N1528" s="46">
        <f t="shared" si="186"/>
        <v>45354.249999996377</v>
      </c>
    </row>
    <row r="1529" spans="2:14" x14ac:dyDescent="0.3">
      <c r="B1529">
        <f t="shared" si="180"/>
        <v>7</v>
      </c>
      <c r="C1529" s="16">
        <v>1495</v>
      </c>
      <c r="D1529" cm="1">
        <f t="array" ref="D1529">IFERROR(INDEX(Jesper!AH$2:AH$366,ROUNDDOWN($C1529/24,0)+1,1)*INDEX($D$3:$AA$30,INDEX(Jesper!$R$2:$R$366,ROW(INDEX(Jesper!AH$2:AH$366,ROUNDDOWN($C1529/24,0)+1,1))-1)+IF('Standard Profiles'!$G$18=$B$10,7,0)+IF('Standard Profiles'!$G$18=$B$17,14,0)+IF('Standard Profiles'!$G$18=$B$24,21,0),MOD($C1529,24)+1)/SUM(INDEX($D$3:$AA$30,INDEX(Jesper!$R$2:$R$366,ROW(INDEX(Jesper!AH$2:AH$366,ROUNDDOWN($C1529/24,0)+1,1))-1)+IF('Standard Profiles'!$G$18=$B$10,7,0)+IF('Standard Profiles'!$G$18=$B$17,14,0)+IF('Standard Profiles'!$G$18=$B$24,21,0),0)),0)</f>
        <v>14.864165081840891</v>
      </c>
      <c r="E1529" cm="1">
        <f t="array" ref="E1529">IFERROR(INDEX(Jesper!AI$2:AI$366,ROUNDDOWN($C1529/24,0)+1,1)*INDEX($D$3:$AA$30,INDEX(Jesper!$R$2:$R$366,ROW(INDEX(Jesper!AI$2:AI$366,ROUNDDOWN($C1529/24,0)+1,1))-1)+IF('Standard Profiles'!$G$19=$B$10,7,0)+IF('Standard Profiles'!$G$19=$B$17,14,0)+IF('Standard Profiles'!$G$19=$B$24,21,0),MOD($C1529,24)+1)/SUM(INDEX($D$3:$AA$30,INDEX(Jesper!$R$2:$R$366,ROW(INDEX(Jesper!AI$2:AI$366,ROUNDDOWN($C1529/24,0)+1,1))-1)+IF('Standard Profiles'!$G$19=$B$10,7,0)+IF('Standard Profiles'!$G$19=$B$17,14,0)+IF('Standard Profiles'!$G$19=$B$24,21,0),0)),0)</f>
        <v>3.4812393037960145</v>
      </c>
      <c r="F1529" cm="1">
        <f t="array" ref="F1529">IFERROR(INDEX(Jesper!AJ$2:AJ$366,ROUNDDOWN($C1529/24,0)+1,1)*INDEX($D$3:$AA$30,INDEX(Jesper!$R$2:$R$366,ROW(INDEX(Jesper!AJ$2:AJ$366,ROUNDDOWN($C1529/24,0)+1,1))-1)+IF('Standard Profiles'!$G$20=$B$10,7,0)+IF('Standard Profiles'!$G$20=$B$17,14,0)+IF('Standard Profiles'!$G$20=$B$24,21,0),MOD($C1529,24)+1)/SUM(INDEX($D$3:$AA$30,INDEX(Jesper!$R$2:$R$366,ROW(INDEX(Jesper!AJ$2:AJ$366,ROUNDDOWN($C1529/24,0)+1,1))-1)+IF('Standard Profiles'!$G$20=$B$10,7,0)+IF('Standard Profiles'!$G$20=$B$17,14,0)+IF('Standard Profiles'!$G$20=$B$24,21,0),0)),0)</f>
        <v>0</v>
      </c>
      <c r="G1529" cm="1">
        <f t="array" ref="G1529">IFERROR(INDEX(Jesper!AK$2:AK$366,ROUNDDOWN($C1529/24,0)+1,1)*INDEX($D$3:$AA$30,INDEX(Jesper!$R$2:$R$366,ROW(INDEX(Jesper!AK$2:AK$366,ROUNDDOWN($C1529/24,0)+1,1))-1)+IF('Standard Profiles'!$G$21=$B$10,7,0)+IF('Standard Profiles'!$G$21=$B$17,14,0)+IF('Standard Profiles'!$G$21=$B$24,21,0),MOD($C1529,24)+1)/SUM(INDEX($D$3:$AA$30,INDEX(Jesper!$R$2:$R$366,ROW(INDEX(Jesper!AK$2:AK$366,ROUNDDOWN($C1529/24,0)+1,1))-1)+IF('Standard Profiles'!$G$21=$B$10,7,0)+IF('Standard Profiles'!$G$21=$B$17,14,0)+IF('Standard Profiles'!$G$21=$B$24,21,0),0)),0)</f>
        <v>0</v>
      </c>
      <c r="H1529" cm="1">
        <f t="array" ref="H1529">IFERROR(INDEX(Jesper!AL$2:AL$366,ROUNDDOWN($C1529/24,0)+1,1)*INDEX($D$3:$AA$30,INDEX(Jesper!$R$2:$R$366,ROW(INDEX(Jesper!AL$2:AL$366,ROUNDDOWN($C1529/24,0)+1,1))-1)+IF('Standard Profiles'!$G$22=$B$10,7,0)+IF('Standard Profiles'!$G$22=$B$17,14,0)+IF('Standard Profiles'!$G$22=$B$24,21,0),MOD($C1529,24)+1)/SUM(INDEX($D$3:$AA$30,INDEX(Jesper!$R$2:$R$366,ROW(INDEX(Jesper!AL$2:AL$366,ROUNDDOWN($C1529/24,0)+1,1))-1)+IF('Standard Profiles'!$G$22=$B$10,7,0)+IF('Standard Profiles'!$G$22=$B$17,14,0)+IF('Standard Profiles'!$G$22=$B$24,21,0),0)),0)</f>
        <v>0</v>
      </c>
      <c r="I1529">
        <f t="shared" si="181"/>
        <v>0.31362516250414552</v>
      </c>
      <c r="J1529">
        <f t="shared" si="182"/>
        <v>1.045417208347152</v>
      </c>
      <c r="K1529">
        <f t="shared" si="183"/>
        <v>1.5681258125207278</v>
      </c>
      <c r="L1529">
        <f t="shared" si="184"/>
        <v>15.418236202264881</v>
      </c>
      <c r="M1529">
        <f t="shared" si="185"/>
        <v>0</v>
      </c>
      <c r="N1529" s="46">
        <f t="shared" si="186"/>
        <v>45354.291666663041</v>
      </c>
    </row>
    <row r="1530" spans="2:14" x14ac:dyDescent="0.3">
      <c r="B1530">
        <f t="shared" si="180"/>
        <v>7</v>
      </c>
      <c r="C1530" s="16">
        <v>1496</v>
      </c>
      <c r="D1530" cm="1">
        <f t="array" ref="D1530">IFERROR(INDEX(Jesper!AH$2:AH$366,ROUNDDOWN($C1530/24,0)+1,1)*INDEX($D$3:$AA$30,INDEX(Jesper!$R$2:$R$366,ROW(INDEX(Jesper!AH$2:AH$366,ROUNDDOWN($C1530/24,0)+1,1))-1)+IF('Standard Profiles'!$G$18=$B$10,7,0)+IF('Standard Profiles'!$G$18=$B$17,14,0)+IF('Standard Profiles'!$G$18=$B$24,21,0),MOD($C1530,24)+1)/SUM(INDEX($D$3:$AA$30,INDEX(Jesper!$R$2:$R$366,ROW(INDEX(Jesper!AH$2:AH$366,ROUNDDOWN($C1530/24,0)+1,1))-1)+IF('Standard Profiles'!$G$18=$B$10,7,0)+IF('Standard Profiles'!$G$18=$B$17,14,0)+IF('Standard Profiles'!$G$18=$B$24,21,0),0)),0)</f>
        <v>14.864165081840891</v>
      </c>
      <c r="E1530" cm="1">
        <f t="array" ref="E1530">IFERROR(INDEX(Jesper!AI$2:AI$366,ROUNDDOWN($C1530/24,0)+1,1)*INDEX($D$3:$AA$30,INDEX(Jesper!$R$2:$R$366,ROW(INDEX(Jesper!AI$2:AI$366,ROUNDDOWN($C1530/24,0)+1,1))-1)+IF('Standard Profiles'!$G$19=$B$10,7,0)+IF('Standard Profiles'!$G$19=$B$17,14,0)+IF('Standard Profiles'!$G$19=$B$24,21,0),MOD($C1530,24)+1)/SUM(INDEX($D$3:$AA$30,INDEX(Jesper!$R$2:$R$366,ROW(INDEX(Jesper!AI$2:AI$366,ROUNDDOWN($C1530/24,0)+1,1))-1)+IF('Standard Profiles'!$G$19=$B$10,7,0)+IF('Standard Profiles'!$G$19=$B$17,14,0)+IF('Standard Profiles'!$G$19=$B$24,21,0),0)),0)</f>
        <v>3.4812393037960145</v>
      </c>
      <c r="F1530" cm="1">
        <f t="array" ref="F1530">IFERROR(INDEX(Jesper!AJ$2:AJ$366,ROUNDDOWN($C1530/24,0)+1,1)*INDEX($D$3:$AA$30,INDEX(Jesper!$R$2:$R$366,ROW(INDEX(Jesper!AJ$2:AJ$366,ROUNDDOWN($C1530/24,0)+1,1))-1)+IF('Standard Profiles'!$G$20=$B$10,7,0)+IF('Standard Profiles'!$G$20=$B$17,14,0)+IF('Standard Profiles'!$G$20=$B$24,21,0),MOD($C1530,24)+1)/SUM(INDEX($D$3:$AA$30,INDEX(Jesper!$R$2:$R$366,ROW(INDEX(Jesper!AJ$2:AJ$366,ROUNDDOWN($C1530/24,0)+1,1))-1)+IF('Standard Profiles'!$G$20=$B$10,7,0)+IF('Standard Profiles'!$G$20=$B$17,14,0)+IF('Standard Profiles'!$G$20=$B$24,21,0),0)),0)</f>
        <v>0</v>
      </c>
      <c r="G1530" cm="1">
        <f t="array" ref="G1530">IFERROR(INDEX(Jesper!AK$2:AK$366,ROUNDDOWN($C1530/24,0)+1,1)*INDEX($D$3:$AA$30,INDEX(Jesper!$R$2:$R$366,ROW(INDEX(Jesper!AK$2:AK$366,ROUNDDOWN($C1530/24,0)+1,1))-1)+IF('Standard Profiles'!$G$21=$B$10,7,0)+IF('Standard Profiles'!$G$21=$B$17,14,0)+IF('Standard Profiles'!$G$21=$B$24,21,0),MOD($C1530,24)+1)/SUM(INDEX($D$3:$AA$30,INDEX(Jesper!$R$2:$R$366,ROW(INDEX(Jesper!AK$2:AK$366,ROUNDDOWN($C1530/24,0)+1,1))-1)+IF('Standard Profiles'!$G$21=$B$10,7,0)+IF('Standard Profiles'!$G$21=$B$17,14,0)+IF('Standard Profiles'!$G$21=$B$24,21,0),0)),0)</f>
        <v>0</v>
      </c>
      <c r="H1530" cm="1">
        <f t="array" ref="H1530">IFERROR(INDEX(Jesper!AL$2:AL$366,ROUNDDOWN($C1530/24,0)+1,1)*INDEX($D$3:$AA$30,INDEX(Jesper!$R$2:$R$366,ROW(INDEX(Jesper!AL$2:AL$366,ROUNDDOWN($C1530/24,0)+1,1))-1)+IF('Standard Profiles'!$G$22=$B$10,7,0)+IF('Standard Profiles'!$G$22=$B$17,14,0)+IF('Standard Profiles'!$G$22=$B$24,21,0),MOD($C1530,24)+1)/SUM(INDEX($D$3:$AA$30,INDEX(Jesper!$R$2:$R$366,ROW(INDEX(Jesper!AL$2:AL$366,ROUNDDOWN($C1530/24,0)+1,1))-1)+IF('Standard Profiles'!$G$22=$B$10,7,0)+IF('Standard Profiles'!$G$22=$B$17,14,0)+IF('Standard Profiles'!$G$22=$B$24,21,0),0)),0)</f>
        <v>0</v>
      </c>
      <c r="I1530">
        <f t="shared" si="181"/>
        <v>0.31362516250414552</v>
      </c>
      <c r="J1530">
        <f t="shared" si="182"/>
        <v>1.045417208347152</v>
      </c>
      <c r="K1530">
        <f t="shared" si="183"/>
        <v>1.5681258125207278</v>
      </c>
      <c r="L1530">
        <f t="shared" si="184"/>
        <v>15.418236202264881</v>
      </c>
      <c r="M1530">
        <f t="shared" si="185"/>
        <v>0</v>
      </c>
      <c r="N1530" s="46">
        <f t="shared" si="186"/>
        <v>45354.333333329705</v>
      </c>
    </row>
    <row r="1531" spans="2:14" x14ac:dyDescent="0.3">
      <c r="B1531">
        <f t="shared" si="180"/>
        <v>7</v>
      </c>
      <c r="C1531" s="16">
        <v>1497</v>
      </c>
      <c r="D1531" cm="1">
        <f t="array" ref="D1531">IFERROR(INDEX(Jesper!AH$2:AH$366,ROUNDDOWN($C1531/24,0)+1,1)*INDEX($D$3:$AA$30,INDEX(Jesper!$R$2:$R$366,ROW(INDEX(Jesper!AH$2:AH$366,ROUNDDOWN($C1531/24,0)+1,1))-1)+IF('Standard Profiles'!$G$18=$B$10,7,0)+IF('Standard Profiles'!$G$18=$B$17,14,0)+IF('Standard Profiles'!$G$18=$B$24,21,0),MOD($C1531,24)+1)/SUM(INDEX($D$3:$AA$30,INDEX(Jesper!$R$2:$R$366,ROW(INDEX(Jesper!AH$2:AH$366,ROUNDDOWN($C1531/24,0)+1,1))-1)+IF('Standard Profiles'!$G$18=$B$10,7,0)+IF('Standard Profiles'!$G$18=$B$17,14,0)+IF('Standard Profiles'!$G$18=$B$24,21,0),0)),0)</f>
        <v>14.864165081840891</v>
      </c>
      <c r="E1531" cm="1">
        <f t="array" ref="E1531">IFERROR(INDEX(Jesper!AI$2:AI$366,ROUNDDOWN($C1531/24,0)+1,1)*INDEX($D$3:$AA$30,INDEX(Jesper!$R$2:$R$366,ROW(INDEX(Jesper!AI$2:AI$366,ROUNDDOWN($C1531/24,0)+1,1))-1)+IF('Standard Profiles'!$G$19=$B$10,7,0)+IF('Standard Profiles'!$G$19=$B$17,14,0)+IF('Standard Profiles'!$G$19=$B$24,21,0),MOD($C1531,24)+1)/SUM(INDEX($D$3:$AA$30,INDEX(Jesper!$R$2:$R$366,ROW(INDEX(Jesper!AI$2:AI$366,ROUNDDOWN($C1531/24,0)+1,1))-1)+IF('Standard Profiles'!$G$19=$B$10,7,0)+IF('Standard Profiles'!$G$19=$B$17,14,0)+IF('Standard Profiles'!$G$19=$B$24,21,0),0)),0)</f>
        <v>3.4812393037960145</v>
      </c>
      <c r="F1531" cm="1">
        <f t="array" ref="F1531">IFERROR(INDEX(Jesper!AJ$2:AJ$366,ROUNDDOWN($C1531/24,0)+1,1)*INDEX($D$3:$AA$30,INDEX(Jesper!$R$2:$R$366,ROW(INDEX(Jesper!AJ$2:AJ$366,ROUNDDOWN($C1531/24,0)+1,1))-1)+IF('Standard Profiles'!$G$20=$B$10,7,0)+IF('Standard Profiles'!$G$20=$B$17,14,0)+IF('Standard Profiles'!$G$20=$B$24,21,0),MOD($C1531,24)+1)/SUM(INDEX($D$3:$AA$30,INDEX(Jesper!$R$2:$R$366,ROW(INDEX(Jesper!AJ$2:AJ$366,ROUNDDOWN($C1531/24,0)+1,1))-1)+IF('Standard Profiles'!$G$20=$B$10,7,0)+IF('Standard Profiles'!$G$20=$B$17,14,0)+IF('Standard Profiles'!$G$20=$B$24,21,0),0)),0)</f>
        <v>0</v>
      </c>
      <c r="G1531" cm="1">
        <f t="array" ref="G1531">IFERROR(INDEX(Jesper!AK$2:AK$366,ROUNDDOWN($C1531/24,0)+1,1)*INDEX($D$3:$AA$30,INDEX(Jesper!$R$2:$R$366,ROW(INDEX(Jesper!AK$2:AK$366,ROUNDDOWN($C1531/24,0)+1,1))-1)+IF('Standard Profiles'!$G$21=$B$10,7,0)+IF('Standard Profiles'!$G$21=$B$17,14,0)+IF('Standard Profiles'!$G$21=$B$24,21,0),MOD($C1531,24)+1)/SUM(INDEX($D$3:$AA$30,INDEX(Jesper!$R$2:$R$366,ROW(INDEX(Jesper!AK$2:AK$366,ROUNDDOWN($C1531/24,0)+1,1))-1)+IF('Standard Profiles'!$G$21=$B$10,7,0)+IF('Standard Profiles'!$G$21=$B$17,14,0)+IF('Standard Profiles'!$G$21=$B$24,21,0),0)),0)</f>
        <v>0</v>
      </c>
      <c r="H1531" cm="1">
        <f t="array" ref="H1531">IFERROR(INDEX(Jesper!AL$2:AL$366,ROUNDDOWN($C1531/24,0)+1,1)*INDEX($D$3:$AA$30,INDEX(Jesper!$R$2:$R$366,ROW(INDEX(Jesper!AL$2:AL$366,ROUNDDOWN($C1531/24,0)+1,1))-1)+IF('Standard Profiles'!$G$22=$B$10,7,0)+IF('Standard Profiles'!$G$22=$B$17,14,0)+IF('Standard Profiles'!$G$22=$B$24,21,0),MOD($C1531,24)+1)/SUM(INDEX($D$3:$AA$30,INDEX(Jesper!$R$2:$R$366,ROW(INDEX(Jesper!AL$2:AL$366,ROUNDDOWN($C1531/24,0)+1,1))-1)+IF('Standard Profiles'!$G$22=$B$10,7,0)+IF('Standard Profiles'!$G$22=$B$17,14,0)+IF('Standard Profiles'!$G$22=$B$24,21,0),0)),0)</f>
        <v>0</v>
      </c>
      <c r="I1531">
        <f t="shared" si="181"/>
        <v>0.31362516250414552</v>
      </c>
      <c r="J1531">
        <f t="shared" si="182"/>
        <v>1.045417208347152</v>
      </c>
      <c r="K1531">
        <f t="shared" si="183"/>
        <v>1.5681258125207278</v>
      </c>
      <c r="L1531">
        <f t="shared" si="184"/>
        <v>15.418236202264881</v>
      </c>
      <c r="M1531">
        <f t="shared" si="185"/>
        <v>0</v>
      </c>
      <c r="N1531" s="46">
        <f t="shared" si="186"/>
        <v>45354.374999996369</v>
      </c>
    </row>
    <row r="1532" spans="2:14" x14ac:dyDescent="0.3">
      <c r="B1532">
        <f t="shared" si="180"/>
        <v>7</v>
      </c>
      <c r="C1532" s="16">
        <v>1498</v>
      </c>
      <c r="D1532" cm="1">
        <f t="array" ref="D1532">IFERROR(INDEX(Jesper!AH$2:AH$366,ROUNDDOWN($C1532/24,0)+1,1)*INDEX($D$3:$AA$30,INDEX(Jesper!$R$2:$R$366,ROW(INDEX(Jesper!AH$2:AH$366,ROUNDDOWN($C1532/24,0)+1,1))-1)+IF('Standard Profiles'!$G$18=$B$10,7,0)+IF('Standard Profiles'!$G$18=$B$17,14,0)+IF('Standard Profiles'!$G$18=$B$24,21,0),MOD($C1532,24)+1)/SUM(INDEX($D$3:$AA$30,INDEX(Jesper!$R$2:$R$366,ROW(INDEX(Jesper!AH$2:AH$366,ROUNDDOWN($C1532/24,0)+1,1))-1)+IF('Standard Profiles'!$G$18=$B$10,7,0)+IF('Standard Profiles'!$G$18=$B$17,14,0)+IF('Standard Profiles'!$G$18=$B$24,21,0),0)),0)</f>
        <v>14.864165081840891</v>
      </c>
      <c r="E1532" cm="1">
        <f t="array" ref="E1532">IFERROR(INDEX(Jesper!AI$2:AI$366,ROUNDDOWN($C1532/24,0)+1,1)*INDEX($D$3:$AA$30,INDEX(Jesper!$R$2:$R$366,ROW(INDEX(Jesper!AI$2:AI$366,ROUNDDOWN($C1532/24,0)+1,1))-1)+IF('Standard Profiles'!$G$19=$B$10,7,0)+IF('Standard Profiles'!$G$19=$B$17,14,0)+IF('Standard Profiles'!$G$19=$B$24,21,0),MOD($C1532,24)+1)/SUM(INDEX($D$3:$AA$30,INDEX(Jesper!$R$2:$R$366,ROW(INDEX(Jesper!AI$2:AI$366,ROUNDDOWN($C1532/24,0)+1,1))-1)+IF('Standard Profiles'!$G$19=$B$10,7,0)+IF('Standard Profiles'!$G$19=$B$17,14,0)+IF('Standard Profiles'!$G$19=$B$24,21,0),0)),0)</f>
        <v>3.4812393037960145</v>
      </c>
      <c r="F1532" cm="1">
        <f t="array" ref="F1532">IFERROR(INDEX(Jesper!AJ$2:AJ$366,ROUNDDOWN($C1532/24,0)+1,1)*INDEX($D$3:$AA$30,INDEX(Jesper!$R$2:$R$366,ROW(INDEX(Jesper!AJ$2:AJ$366,ROUNDDOWN($C1532/24,0)+1,1))-1)+IF('Standard Profiles'!$G$20=$B$10,7,0)+IF('Standard Profiles'!$G$20=$B$17,14,0)+IF('Standard Profiles'!$G$20=$B$24,21,0),MOD($C1532,24)+1)/SUM(INDEX($D$3:$AA$30,INDEX(Jesper!$R$2:$R$366,ROW(INDEX(Jesper!AJ$2:AJ$366,ROUNDDOWN($C1532/24,0)+1,1))-1)+IF('Standard Profiles'!$G$20=$B$10,7,0)+IF('Standard Profiles'!$G$20=$B$17,14,0)+IF('Standard Profiles'!$G$20=$B$24,21,0),0)),0)</f>
        <v>0</v>
      </c>
      <c r="G1532" cm="1">
        <f t="array" ref="G1532">IFERROR(INDEX(Jesper!AK$2:AK$366,ROUNDDOWN($C1532/24,0)+1,1)*INDEX($D$3:$AA$30,INDEX(Jesper!$R$2:$R$366,ROW(INDEX(Jesper!AK$2:AK$366,ROUNDDOWN($C1532/24,0)+1,1))-1)+IF('Standard Profiles'!$G$21=$B$10,7,0)+IF('Standard Profiles'!$G$21=$B$17,14,0)+IF('Standard Profiles'!$G$21=$B$24,21,0),MOD($C1532,24)+1)/SUM(INDEX($D$3:$AA$30,INDEX(Jesper!$R$2:$R$366,ROW(INDEX(Jesper!AK$2:AK$366,ROUNDDOWN($C1532/24,0)+1,1))-1)+IF('Standard Profiles'!$G$21=$B$10,7,0)+IF('Standard Profiles'!$G$21=$B$17,14,0)+IF('Standard Profiles'!$G$21=$B$24,21,0),0)),0)</f>
        <v>0</v>
      </c>
      <c r="H1532" cm="1">
        <f t="array" ref="H1532">IFERROR(INDEX(Jesper!AL$2:AL$366,ROUNDDOWN($C1532/24,0)+1,1)*INDEX($D$3:$AA$30,INDEX(Jesper!$R$2:$R$366,ROW(INDEX(Jesper!AL$2:AL$366,ROUNDDOWN($C1532/24,0)+1,1))-1)+IF('Standard Profiles'!$G$22=$B$10,7,0)+IF('Standard Profiles'!$G$22=$B$17,14,0)+IF('Standard Profiles'!$G$22=$B$24,21,0),MOD($C1532,24)+1)/SUM(INDEX($D$3:$AA$30,INDEX(Jesper!$R$2:$R$366,ROW(INDEX(Jesper!AL$2:AL$366,ROUNDDOWN($C1532/24,0)+1,1))-1)+IF('Standard Profiles'!$G$22=$B$10,7,0)+IF('Standard Profiles'!$G$22=$B$17,14,0)+IF('Standard Profiles'!$G$22=$B$24,21,0),0)),0)</f>
        <v>0</v>
      </c>
      <c r="I1532">
        <f t="shared" si="181"/>
        <v>0.31362516250414552</v>
      </c>
      <c r="J1532">
        <f t="shared" si="182"/>
        <v>1.045417208347152</v>
      </c>
      <c r="K1532">
        <f t="shared" si="183"/>
        <v>1.5681258125207278</v>
      </c>
      <c r="L1532">
        <f t="shared" si="184"/>
        <v>15.418236202264881</v>
      </c>
      <c r="M1532">
        <f t="shared" si="185"/>
        <v>0</v>
      </c>
      <c r="N1532" s="46">
        <f t="shared" si="186"/>
        <v>45354.416666663034</v>
      </c>
    </row>
    <row r="1533" spans="2:14" x14ac:dyDescent="0.3">
      <c r="B1533">
        <f t="shared" si="180"/>
        <v>7</v>
      </c>
      <c r="C1533" s="16">
        <v>1499</v>
      </c>
      <c r="D1533" cm="1">
        <f t="array" ref="D1533">IFERROR(INDEX(Jesper!AH$2:AH$366,ROUNDDOWN($C1533/24,0)+1,1)*INDEX($D$3:$AA$30,INDEX(Jesper!$R$2:$R$366,ROW(INDEX(Jesper!AH$2:AH$366,ROUNDDOWN($C1533/24,0)+1,1))-1)+IF('Standard Profiles'!$G$18=$B$10,7,0)+IF('Standard Profiles'!$G$18=$B$17,14,0)+IF('Standard Profiles'!$G$18=$B$24,21,0),MOD($C1533,24)+1)/SUM(INDEX($D$3:$AA$30,INDEX(Jesper!$R$2:$R$366,ROW(INDEX(Jesper!AH$2:AH$366,ROUNDDOWN($C1533/24,0)+1,1))-1)+IF('Standard Profiles'!$G$18=$B$10,7,0)+IF('Standard Profiles'!$G$18=$B$17,14,0)+IF('Standard Profiles'!$G$18=$B$24,21,0),0)),0)</f>
        <v>14.864165081840891</v>
      </c>
      <c r="E1533" cm="1">
        <f t="array" ref="E1533">IFERROR(INDEX(Jesper!AI$2:AI$366,ROUNDDOWN($C1533/24,0)+1,1)*INDEX($D$3:$AA$30,INDEX(Jesper!$R$2:$R$366,ROW(INDEX(Jesper!AI$2:AI$366,ROUNDDOWN($C1533/24,0)+1,1))-1)+IF('Standard Profiles'!$G$19=$B$10,7,0)+IF('Standard Profiles'!$G$19=$B$17,14,0)+IF('Standard Profiles'!$G$19=$B$24,21,0),MOD($C1533,24)+1)/SUM(INDEX($D$3:$AA$30,INDEX(Jesper!$R$2:$R$366,ROW(INDEX(Jesper!AI$2:AI$366,ROUNDDOWN($C1533/24,0)+1,1))-1)+IF('Standard Profiles'!$G$19=$B$10,7,0)+IF('Standard Profiles'!$G$19=$B$17,14,0)+IF('Standard Profiles'!$G$19=$B$24,21,0),0)),0)</f>
        <v>3.4812393037960145</v>
      </c>
      <c r="F1533" cm="1">
        <f t="array" ref="F1533">IFERROR(INDEX(Jesper!AJ$2:AJ$366,ROUNDDOWN($C1533/24,0)+1,1)*INDEX($D$3:$AA$30,INDEX(Jesper!$R$2:$R$366,ROW(INDEX(Jesper!AJ$2:AJ$366,ROUNDDOWN($C1533/24,0)+1,1))-1)+IF('Standard Profiles'!$G$20=$B$10,7,0)+IF('Standard Profiles'!$G$20=$B$17,14,0)+IF('Standard Profiles'!$G$20=$B$24,21,0),MOD($C1533,24)+1)/SUM(INDEX($D$3:$AA$30,INDEX(Jesper!$R$2:$R$366,ROW(INDEX(Jesper!AJ$2:AJ$366,ROUNDDOWN($C1533/24,0)+1,1))-1)+IF('Standard Profiles'!$G$20=$B$10,7,0)+IF('Standard Profiles'!$G$20=$B$17,14,0)+IF('Standard Profiles'!$G$20=$B$24,21,0),0)),0)</f>
        <v>0</v>
      </c>
      <c r="G1533" cm="1">
        <f t="array" ref="G1533">IFERROR(INDEX(Jesper!AK$2:AK$366,ROUNDDOWN($C1533/24,0)+1,1)*INDEX($D$3:$AA$30,INDEX(Jesper!$R$2:$R$366,ROW(INDEX(Jesper!AK$2:AK$366,ROUNDDOWN($C1533/24,0)+1,1))-1)+IF('Standard Profiles'!$G$21=$B$10,7,0)+IF('Standard Profiles'!$G$21=$B$17,14,0)+IF('Standard Profiles'!$G$21=$B$24,21,0),MOD($C1533,24)+1)/SUM(INDEX($D$3:$AA$30,INDEX(Jesper!$R$2:$R$366,ROW(INDEX(Jesper!AK$2:AK$366,ROUNDDOWN($C1533/24,0)+1,1))-1)+IF('Standard Profiles'!$G$21=$B$10,7,0)+IF('Standard Profiles'!$G$21=$B$17,14,0)+IF('Standard Profiles'!$G$21=$B$24,21,0),0)),0)</f>
        <v>0</v>
      </c>
      <c r="H1533" cm="1">
        <f t="array" ref="H1533">IFERROR(INDEX(Jesper!AL$2:AL$366,ROUNDDOWN($C1533/24,0)+1,1)*INDEX($D$3:$AA$30,INDEX(Jesper!$R$2:$R$366,ROW(INDEX(Jesper!AL$2:AL$366,ROUNDDOWN($C1533/24,0)+1,1))-1)+IF('Standard Profiles'!$G$22=$B$10,7,0)+IF('Standard Profiles'!$G$22=$B$17,14,0)+IF('Standard Profiles'!$G$22=$B$24,21,0),MOD($C1533,24)+1)/SUM(INDEX($D$3:$AA$30,INDEX(Jesper!$R$2:$R$366,ROW(INDEX(Jesper!AL$2:AL$366,ROUNDDOWN($C1533/24,0)+1,1))-1)+IF('Standard Profiles'!$G$22=$B$10,7,0)+IF('Standard Profiles'!$G$22=$B$17,14,0)+IF('Standard Profiles'!$G$22=$B$24,21,0),0)),0)</f>
        <v>0</v>
      </c>
      <c r="I1533">
        <f t="shared" si="181"/>
        <v>0.31362516250414552</v>
      </c>
      <c r="J1533">
        <f t="shared" si="182"/>
        <v>1.045417208347152</v>
      </c>
      <c r="K1533">
        <f t="shared" si="183"/>
        <v>1.5681258125207278</v>
      </c>
      <c r="L1533">
        <f t="shared" si="184"/>
        <v>15.418236202264881</v>
      </c>
      <c r="M1533">
        <f t="shared" si="185"/>
        <v>0</v>
      </c>
      <c r="N1533" s="46">
        <f t="shared" si="186"/>
        <v>45354.458333329698</v>
      </c>
    </row>
    <row r="1534" spans="2:14" x14ac:dyDescent="0.3">
      <c r="B1534">
        <f t="shared" si="180"/>
        <v>7</v>
      </c>
      <c r="C1534" s="16">
        <v>1500</v>
      </c>
      <c r="D1534" cm="1">
        <f t="array" ref="D1534">IFERROR(INDEX(Jesper!AH$2:AH$366,ROUNDDOWN($C1534/24,0)+1,1)*INDEX($D$3:$AA$30,INDEX(Jesper!$R$2:$R$366,ROW(INDEX(Jesper!AH$2:AH$366,ROUNDDOWN($C1534/24,0)+1,1))-1)+IF('Standard Profiles'!$G$18=$B$10,7,0)+IF('Standard Profiles'!$G$18=$B$17,14,0)+IF('Standard Profiles'!$G$18=$B$24,21,0),MOD($C1534,24)+1)/SUM(INDEX($D$3:$AA$30,INDEX(Jesper!$R$2:$R$366,ROW(INDEX(Jesper!AH$2:AH$366,ROUNDDOWN($C1534/24,0)+1,1))-1)+IF('Standard Profiles'!$G$18=$B$10,7,0)+IF('Standard Profiles'!$G$18=$B$17,14,0)+IF('Standard Profiles'!$G$18=$B$24,21,0),0)),0)</f>
        <v>14.864165081840891</v>
      </c>
      <c r="E1534" cm="1">
        <f t="array" ref="E1534">IFERROR(INDEX(Jesper!AI$2:AI$366,ROUNDDOWN($C1534/24,0)+1,1)*INDEX($D$3:$AA$30,INDEX(Jesper!$R$2:$R$366,ROW(INDEX(Jesper!AI$2:AI$366,ROUNDDOWN($C1534/24,0)+1,1))-1)+IF('Standard Profiles'!$G$19=$B$10,7,0)+IF('Standard Profiles'!$G$19=$B$17,14,0)+IF('Standard Profiles'!$G$19=$B$24,21,0),MOD($C1534,24)+1)/SUM(INDEX($D$3:$AA$30,INDEX(Jesper!$R$2:$R$366,ROW(INDEX(Jesper!AI$2:AI$366,ROUNDDOWN($C1534/24,0)+1,1))-1)+IF('Standard Profiles'!$G$19=$B$10,7,0)+IF('Standard Profiles'!$G$19=$B$17,14,0)+IF('Standard Profiles'!$G$19=$B$24,21,0),0)),0)</f>
        <v>3.4812393037960145</v>
      </c>
      <c r="F1534" cm="1">
        <f t="array" ref="F1534">IFERROR(INDEX(Jesper!AJ$2:AJ$366,ROUNDDOWN($C1534/24,0)+1,1)*INDEX($D$3:$AA$30,INDEX(Jesper!$R$2:$R$366,ROW(INDEX(Jesper!AJ$2:AJ$366,ROUNDDOWN($C1534/24,0)+1,1))-1)+IF('Standard Profiles'!$G$20=$B$10,7,0)+IF('Standard Profiles'!$G$20=$B$17,14,0)+IF('Standard Profiles'!$G$20=$B$24,21,0),MOD($C1534,24)+1)/SUM(INDEX($D$3:$AA$30,INDEX(Jesper!$R$2:$R$366,ROW(INDEX(Jesper!AJ$2:AJ$366,ROUNDDOWN($C1534/24,0)+1,1))-1)+IF('Standard Profiles'!$G$20=$B$10,7,0)+IF('Standard Profiles'!$G$20=$B$17,14,0)+IF('Standard Profiles'!$G$20=$B$24,21,0),0)),0)</f>
        <v>0</v>
      </c>
      <c r="G1534" cm="1">
        <f t="array" ref="G1534">IFERROR(INDEX(Jesper!AK$2:AK$366,ROUNDDOWN($C1534/24,0)+1,1)*INDEX($D$3:$AA$30,INDEX(Jesper!$R$2:$R$366,ROW(INDEX(Jesper!AK$2:AK$366,ROUNDDOWN($C1534/24,0)+1,1))-1)+IF('Standard Profiles'!$G$21=$B$10,7,0)+IF('Standard Profiles'!$G$21=$B$17,14,0)+IF('Standard Profiles'!$G$21=$B$24,21,0),MOD($C1534,24)+1)/SUM(INDEX($D$3:$AA$30,INDEX(Jesper!$R$2:$R$366,ROW(INDEX(Jesper!AK$2:AK$366,ROUNDDOWN($C1534/24,0)+1,1))-1)+IF('Standard Profiles'!$G$21=$B$10,7,0)+IF('Standard Profiles'!$G$21=$B$17,14,0)+IF('Standard Profiles'!$G$21=$B$24,21,0),0)),0)</f>
        <v>0</v>
      </c>
      <c r="H1534" cm="1">
        <f t="array" ref="H1534">IFERROR(INDEX(Jesper!AL$2:AL$366,ROUNDDOWN($C1534/24,0)+1,1)*INDEX($D$3:$AA$30,INDEX(Jesper!$R$2:$R$366,ROW(INDEX(Jesper!AL$2:AL$366,ROUNDDOWN($C1534/24,0)+1,1))-1)+IF('Standard Profiles'!$G$22=$B$10,7,0)+IF('Standard Profiles'!$G$22=$B$17,14,0)+IF('Standard Profiles'!$G$22=$B$24,21,0),MOD($C1534,24)+1)/SUM(INDEX($D$3:$AA$30,INDEX(Jesper!$R$2:$R$366,ROW(INDEX(Jesper!AL$2:AL$366,ROUNDDOWN($C1534/24,0)+1,1))-1)+IF('Standard Profiles'!$G$22=$B$10,7,0)+IF('Standard Profiles'!$G$22=$B$17,14,0)+IF('Standard Profiles'!$G$22=$B$24,21,0),0)),0)</f>
        <v>0</v>
      </c>
      <c r="I1534">
        <f t="shared" si="181"/>
        <v>0.31362516250414552</v>
      </c>
      <c r="J1534">
        <f t="shared" si="182"/>
        <v>1.045417208347152</v>
      </c>
      <c r="K1534">
        <f t="shared" si="183"/>
        <v>1.5681258125207278</v>
      </c>
      <c r="L1534">
        <f t="shared" si="184"/>
        <v>15.418236202264881</v>
      </c>
      <c r="M1534">
        <f t="shared" si="185"/>
        <v>0</v>
      </c>
      <c r="N1534" s="46">
        <f t="shared" si="186"/>
        <v>45354.499999996362</v>
      </c>
    </row>
    <row r="1535" spans="2:14" x14ac:dyDescent="0.3">
      <c r="B1535">
        <f t="shared" si="180"/>
        <v>7</v>
      </c>
      <c r="C1535" s="16">
        <v>1501</v>
      </c>
      <c r="D1535" cm="1">
        <f t="array" ref="D1535">IFERROR(INDEX(Jesper!AH$2:AH$366,ROUNDDOWN($C1535/24,0)+1,1)*INDEX($D$3:$AA$30,INDEX(Jesper!$R$2:$R$366,ROW(INDEX(Jesper!AH$2:AH$366,ROUNDDOWN($C1535/24,0)+1,1))-1)+IF('Standard Profiles'!$G$18=$B$10,7,0)+IF('Standard Profiles'!$G$18=$B$17,14,0)+IF('Standard Profiles'!$G$18=$B$24,21,0),MOD($C1535,24)+1)/SUM(INDEX($D$3:$AA$30,INDEX(Jesper!$R$2:$R$366,ROW(INDEX(Jesper!AH$2:AH$366,ROUNDDOWN($C1535/24,0)+1,1))-1)+IF('Standard Profiles'!$G$18=$B$10,7,0)+IF('Standard Profiles'!$G$18=$B$17,14,0)+IF('Standard Profiles'!$G$18=$B$24,21,0),0)),0)</f>
        <v>14.864165081840891</v>
      </c>
      <c r="E1535" cm="1">
        <f t="array" ref="E1535">IFERROR(INDEX(Jesper!AI$2:AI$366,ROUNDDOWN($C1535/24,0)+1,1)*INDEX($D$3:$AA$30,INDEX(Jesper!$R$2:$R$366,ROW(INDEX(Jesper!AI$2:AI$366,ROUNDDOWN($C1535/24,0)+1,1))-1)+IF('Standard Profiles'!$G$19=$B$10,7,0)+IF('Standard Profiles'!$G$19=$B$17,14,0)+IF('Standard Profiles'!$G$19=$B$24,21,0),MOD($C1535,24)+1)/SUM(INDEX($D$3:$AA$30,INDEX(Jesper!$R$2:$R$366,ROW(INDEX(Jesper!AI$2:AI$366,ROUNDDOWN($C1535/24,0)+1,1))-1)+IF('Standard Profiles'!$G$19=$B$10,7,0)+IF('Standard Profiles'!$G$19=$B$17,14,0)+IF('Standard Profiles'!$G$19=$B$24,21,0),0)),0)</f>
        <v>3.4812393037960145</v>
      </c>
      <c r="F1535" cm="1">
        <f t="array" ref="F1535">IFERROR(INDEX(Jesper!AJ$2:AJ$366,ROUNDDOWN($C1535/24,0)+1,1)*INDEX($D$3:$AA$30,INDEX(Jesper!$R$2:$R$366,ROW(INDEX(Jesper!AJ$2:AJ$366,ROUNDDOWN($C1535/24,0)+1,1))-1)+IF('Standard Profiles'!$G$20=$B$10,7,0)+IF('Standard Profiles'!$G$20=$B$17,14,0)+IF('Standard Profiles'!$G$20=$B$24,21,0),MOD($C1535,24)+1)/SUM(INDEX($D$3:$AA$30,INDEX(Jesper!$R$2:$R$366,ROW(INDEX(Jesper!AJ$2:AJ$366,ROUNDDOWN($C1535/24,0)+1,1))-1)+IF('Standard Profiles'!$G$20=$B$10,7,0)+IF('Standard Profiles'!$G$20=$B$17,14,0)+IF('Standard Profiles'!$G$20=$B$24,21,0),0)),0)</f>
        <v>0</v>
      </c>
      <c r="G1535" cm="1">
        <f t="array" ref="G1535">IFERROR(INDEX(Jesper!AK$2:AK$366,ROUNDDOWN($C1535/24,0)+1,1)*INDEX($D$3:$AA$30,INDEX(Jesper!$R$2:$R$366,ROW(INDEX(Jesper!AK$2:AK$366,ROUNDDOWN($C1535/24,0)+1,1))-1)+IF('Standard Profiles'!$G$21=$B$10,7,0)+IF('Standard Profiles'!$G$21=$B$17,14,0)+IF('Standard Profiles'!$G$21=$B$24,21,0),MOD($C1535,24)+1)/SUM(INDEX($D$3:$AA$30,INDEX(Jesper!$R$2:$R$366,ROW(INDEX(Jesper!AK$2:AK$366,ROUNDDOWN($C1535/24,0)+1,1))-1)+IF('Standard Profiles'!$G$21=$B$10,7,0)+IF('Standard Profiles'!$G$21=$B$17,14,0)+IF('Standard Profiles'!$G$21=$B$24,21,0),0)),0)</f>
        <v>0</v>
      </c>
      <c r="H1535" cm="1">
        <f t="array" ref="H1535">IFERROR(INDEX(Jesper!AL$2:AL$366,ROUNDDOWN($C1535/24,0)+1,1)*INDEX($D$3:$AA$30,INDEX(Jesper!$R$2:$R$366,ROW(INDEX(Jesper!AL$2:AL$366,ROUNDDOWN($C1535/24,0)+1,1))-1)+IF('Standard Profiles'!$G$22=$B$10,7,0)+IF('Standard Profiles'!$G$22=$B$17,14,0)+IF('Standard Profiles'!$G$22=$B$24,21,0),MOD($C1535,24)+1)/SUM(INDEX($D$3:$AA$30,INDEX(Jesper!$R$2:$R$366,ROW(INDEX(Jesper!AL$2:AL$366,ROUNDDOWN($C1535/24,0)+1,1))-1)+IF('Standard Profiles'!$G$22=$B$10,7,0)+IF('Standard Profiles'!$G$22=$B$17,14,0)+IF('Standard Profiles'!$G$22=$B$24,21,0),0)),0)</f>
        <v>0</v>
      </c>
      <c r="I1535">
        <f t="shared" si="181"/>
        <v>0.31362516250414552</v>
      </c>
      <c r="J1535">
        <f t="shared" si="182"/>
        <v>1.045417208347152</v>
      </c>
      <c r="K1535">
        <f t="shared" si="183"/>
        <v>1.5681258125207278</v>
      </c>
      <c r="L1535">
        <f t="shared" si="184"/>
        <v>15.418236202264881</v>
      </c>
      <c r="M1535">
        <f t="shared" si="185"/>
        <v>0</v>
      </c>
      <c r="N1535" s="46">
        <f t="shared" si="186"/>
        <v>45354.541666663026</v>
      </c>
    </row>
    <row r="1536" spans="2:14" x14ac:dyDescent="0.3">
      <c r="B1536">
        <f t="shared" si="180"/>
        <v>7</v>
      </c>
      <c r="C1536" s="16">
        <v>1502</v>
      </c>
      <c r="D1536" cm="1">
        <f t="array" ref="D1536">IFERROR(INDEX(Jesper!AH$2:AH$366,ROUNDDOWN($C1536/24,0)+1,1)*INDEX($D$3:$AA$30,INDEX(Jesper!$R$2:$R$366,ROW(INDEX(Jesper!AH$2:AH$366,ROUNDDOWN($C1536/24,0)+1,1))-1)+IF('Standard Profiles'!$G$18=$B$10,7,0)+IF('Standard Profiles'!$G$18=$B$17,14,0)+IF('Standard Profiles'!$G$18=$B$24,21,0),MOD($C1536,24)+1)/SUM(INDEX($D$3:$AA$30,INDEX(Jesper!$R$2:$R$366,ROW(INDEX(Jesper!AH$2:AH$366,ROUNDDOWN($C1536/24,0)+1,1))-1)+IF('Standard Profiles'!$G$18=$B$10,7,0)+IF('Standard Profiles'!$G$18=$B$17,14,0)+IF('Standard Profiles'!$G$18=$B$24,21,0),0)),0)</f>
        <v>14.864165081840891</v>
      </c>
      <c r="E1536" cm="1">
        <f t="array" ref="E1536">IFERROR(INDEX(Jesper!AI$2:AI$366,ROUNDDOWN($C1536/24,0)+1,1)*INDEX($D$3:$AA$30,INDEX(Jesper!$R$2:$R$366,ROW(INDEX(Jesper!AI$2:AI$366,ROUNDDOWN($C1536/24,0)+1,1))-1)+IF('Standard Profiles'!$G$19=$B$10,7,0)+IF('Standard Profiles'!$G$19=$B$17,14,0)+IF('Standard Profiles'!$G$19=$B$24,21,0),MOD($C1536,24)+1)/SUM(INDEX($D$3:$AA$30,INDEX(Jesper!$R$2:$R$366,ROW(INDEX(Jesper!AI$2:AI$366,ROUNDDOWN($C1536/24,0)+1,1))-1)+IF('Standard Profiles'!$G$19=$B$10,7,0)+IF('Standard Profiles'!$G$19=$B$17,14,0)+IF('Standard Profiles'!$G$19=$B$24,21,0),0)),0)</f>
        <v>3.4812393037960145</v>
      </c>
      <c r="F1536" cm="1">
        <f t="array" ref="F1536">IFERROR(INDEX(Jesper!AJ$2:AJ$366,ROUNDDOWN($C1536/24,0)+1,1)*INDEX($D$3:$AA$30,INDEX(Jesper!$R$2:$R$366,ROW(INDEX(Jesper!AJ$2:AJ$366,ROUNDDOWN($C1536/24,0)+1,1))-1)+IF('Standard Profiles'!$G$20=$B$10,7,0)+IF('Standard Profiles'!$G$20=$B$17,14,0)+IF('Standard Profiles'!$G$20=$B$24,21,0),MOD($C1536,24)+1)/SUM(INDEX($D$3:$AA$30,INDEX(Jesper!$R$2:$R$366,ROW(INDEX(Jesper!AJ$2:AJ$366,ROUNDDOWN($C1536/24,0)+1,1))-1)+IF('Standard Profiles'!$G$20=$B$10,7,0)+IF('Standard Profiles'!$G$20=$B$17,14,0)+IF('Standard Profiles'!$G$20=$B$24,21,0),0)),0)</f>
        <v>0</v>
      </c>
      <c r="G1536" cm="1">
        <f t="array" ref="G1536">IFERROR(INDEX(Jesper!AK$2:AK$366,ROUNDDOWN($C1536/24,0)+1,1)*INDEX($D$3:$AA$30,INDEX(Jesper!$R$2:$R$366,ROW(INDEX(Jesper!AK$2:AK$366,ROUNDDOWN($C1536/24,0)+1,1))-1)+IF('Standard Profiles'!$G$21=$B$10,7,0)+IF('Standard Profiles'!$G$21=$B$17,14,0)+IF('Standard Profiles'!$G$21=$B$24,21,0),MOD($C1536,24)+1)/SUM(INDEX($D$3:$AA$30,INDEX(Jesper!$R$2:$R$366,ROW(INDEX(Jesper!AK$2:AK$366,ROUNDDOWN($C1536/24,0)+1,1))-1)+IF('Standard Profiles'!$G$21=$B$10,7,0)+IF('Standard Profiles'!$G$21=$B$17,14,0)+IF('Standard Profiles'!$G$21=$B$24,21,0),0)),0)</f>
        <v>0</v>
      </c>
      <c r="H1536" cm="1">
        <f t="array" ref="H1536">IFERROR(INDEX(Jesper!AL$2:AL$366,ROUNDDOWN($C1536/24,0)+1,1)*INDEX($D$3:$AA$30,INDEX(Jesper!$R$2:$R$366,ROW(INDEX(Jesper!AL$2:AL$366,ROUNDDOWN($C1536/24,0)+1,1))-1)+IF('Standard Profiles'!$G$22=$B$10,7,0)+IF('Standard Profiles'!$G$22=$B$17,14,0)+IF('Standard Profiles'!$G$22=$B$24,21,0),MOD($C1536,24)+1)/SUM(INDEX($D$3:$AA$30,INDEX(Jesper!$R$2:$R$366,ROW(INDEX(Jesper!AL$2:AL$366,ROUNDDOWN($C1536/24,0)+1,1))-1)+IF('Standard Profiles'!$G$22=$B$10,7,0)+IF('Standard Profiles'!$G$22=$B$17,14,0)+IF('Standard Profiles'!$G$22=$B$24,21,0),0)),0)</f>
        <v>0</v>
      </c>
      <c r="I1536">
        <f t="shared" si="181"/>
        <v>0.31362516250414552</v>
      </c>
      <c r="J1536">
        <f t="shared" si="182"/>
        <v>1.045417208347152</v>
      </c>
      <c r="K1536">
        <f t="shared" si="183"/>
        <v>1.5681258125207278</v>
      </c>
      <c r="L1536">
        <f t="shared" si="184"/>
        <v>15.418236202264881</v>
      </c>
      <c r="M1536">
        <f t="shared" si="185"/>
        <v>0</v>
      </c>
      <c r="N1536" s="46">
        <f t="shared" si="186"/>
        <v>45354.583333329691</v>
      </c>
    </row>
    <row r="1537" spans="2:14" x14ac:dyDescent="0.3">
      <c r="B1537">
        <f t="shared" si="180"/>
        <v>7</v>
      </c>
      <c r="C1537" s="16">
        <v>1503</v>
      </c>
      <c r="D1537" cm="1">
        <f t="array" ref="D1537">IFERROR(INDEX(Jesper!AH$2:AH$366,ROUNDDOWN($C1537/24,0)+1,1)*INDEX($D$3:$AA$30,INDEX(Jesper!$R$2:$R$366,ROW(INDEX(Jesper!AH$2:AH$366,ROUNDDOWN($C1537/24,0)+1,1))-1)+IF('Standard Profiles'!$G$18=$B$10,7,0)+IF('Standard Profiles'!$G$18=$B$17,14,0)+IF('Standard Profiles'!$G$18=$B$24,21,0),MOD($C1537,24)+1)/SUM(INDEX($D$3:$AA$30,INDEX(Jesper!$R$2:$R$366,ROW(INDEX(Jesper!AH$2:AH$366,ROUNDDOWN($C1537/24,0)+1,1))-1)+IF('Standard Profiles'!$G$18=$B$10,7,0)+IF('Standard Profiles'!$G$18=$B$17,14,0)+IF('Standard Profiles'!$G$18=$B$24,21,0),0)),0)</f>
        <v>13.212591183858567</v>
      </c>
      <c r="E1537" cm="1">
        <f t="array" ref="E1537">IFERROR(INDEX(Jesper!AI$2:AI$366,ROUNDDOWN($C1537/24,0)+1,1)*INDEX($D$3:$AA$30,INDEX(Jesper!$R$2:$R$366,ROW(INDEX(Jesper!AI$2:AI$366,ROUNDDOWN($C1537/24,0)+1,1))-1)+IF('Standard Profiles'!$G$19=$B$10,7,0)+IF('Standard Profiles'!$G$19=$B$17,14,0)+IF('Standard Profiles'!$G$19=$B$24,21,0),MOD($C1537,24)+1)/SUM(INDEX($D$3:$AA$30,INDEX(Jesper!$R$2:$R$366,ROW(INDEX(Jesper!AI$2:AI$366,ROUNDDOWN($C1537/24,0)+1,1))-1)+IF('Standard Profiles'!$G$19=$B$10,7,0)+IF('Standard Profiles'!$G$19=$B$17,14,0)+IF('Standard Profiles'!$G$19=$B$24,21,0),0)),0)</f>
        <v>3.0944349367075681</v>
      </c>
      <c r="F1537" cm="1">
        <f t="array" ref="F1537">IFERROR(INDEX(Jesper!AJ$2:AJ$366,ROUNDDOWN($C1537/24,0)+1,1)*INDEX($D$3:$AA$30,INDEX(Jesper!$R$2:$R$366,ROW(INDEX(Jesper!AJ$2:AJ$366,ROUNDDOWN($C1537/24,0)+1,1))-1)+IF('Standard Profiles'!$G$20=$B$10,7,0)+IF('Standard Profiles'!$G$20=$B$17,14,0)+IF('Standard Profiles'!$G$20=$B$24,21,0),MOD($C1537,24)+1)/SUM(INDEX($D$3:$AA$30,INDEX(Jesper!$R$2:$R$366,ROW(INDEX(Jesper!AJ$2:AJ$366,ROUNDDOWN($C1537/24,0)+1,1))-1)+IF('Standard Profiles'!$G$20=$B$10,7,0)+IF('Standard Profiles'!$G$20=$B$17,14,0)+IF('Standard Profiles'!$G$20=$B$24,21,0),0)),0)</f>
        <v>0</v>
      </c>
      <c r="G1537" cm="1">
        <f t="array" ref="G1537">IFERROR(INDEX(Jesper!AK$2:AK$366,ROUNDDOWN($C1537/24,0)+1,1)*INDEX($D$3:$AA$30,INDEX(Jesper!$R$2:$R$366,ROW(INDEX(Jesper!AK$2:AK$366,ROUNDDOWN($C1537/24,0)+1,1))-1)+IF('Standard Profiles'!$G$21=$B$10,7,0)+IF('Standard Profiles'!$G$21=$B$17,14,0)+IF('Standard Profiles'!$G$21=$B$24,21,0),MOD($C1537,24)+1)/SUM(INDEX($D$3:$AA$30,INDEX(Jesper!$R$2:$R$366,ROW(INDEX(Jesper!AK$2:AK$366,ROUNDDOWN($C1537/24,0)+1,1))-1)+IF('Standard Profiles'!$G$21=$B$10,7,0)+IF('Standard Profiles'!$G$21=$B$17,14,0)+IF('Standard Profiles'!$G$21=$B$24,21,0),0)),0)</f>
        <v>0</v>
      </c>
      <c r="H1537" cm="1">
        <f t="array" ref="H1537">IFERROR(INDEX(Jesper!AL$2:AL$366,ROUNDDOWN($C1537/24,0)+1,1)*INDEX($D$3:$AA$30,INDEX(Jesper!$R$2:$R$366,ROW(INDEX(Jesper!AL$2:AL$366,ROUNDDOWN($C1537/24,0)+1,1))-1)+IF('Standard Profiles'!$G$22=$B$10,7,0)+IF('Standard Profiles'!$G$22=$B$17,14,0)+IF('Standard Profiles'!$G$22=$B$24,21,0),MOD($C1537,24)+1)/SUM(INDEX($D$3:$AA$30,INDEX(Jesper!$R$2:$R$366,ROW(INDEX(Jesper!AL$2:AL$366,ROUNDDOWN($C1537/24,0)+1,1))-1)+IF('Standard Profiles'!$G$22=$B$10,7,0)+IF('Standard Profiles'!$G$22=$B$17,14,0)+IF('Standard Profiles'!$G$22=$B$24,21,0),0)),0)</f>
        <v>0</v>
      </c>
      <c r="I1537">
        <f t="shared" si="181"/>
        <v>0.27877792222590708</v>
      </c>
      <c r="J1537">
        <f t="shared" si="182"/>
        <v>0.92925974075302376</v>
      </c>
      <c r="K1537">
        <f t="shared" si="183"/>
        <v>1.3938896111295358</v>
      </c>
      <c r="L1537">
        <f t="shared" si="184"/>
        <v>13.70509884645767</v>
      </c>
      <c r="M1537">
        <f t="shared" si="185"/>
        <v>0</v>
      </c>
      <c r="N1537" s="46">
        <f t="shared" si="186"/>
        <v>45354.624999996355</v>
      </c>
    </row>
    <row r="1538" spans="2:14" x14ac:dyDescent="0.3">
      <c r="B1538">
        <f t="shared" si="180"/>
        <v>7</v>
      </c>
      <c r="C1538" s="16">
        <v>1504</v>
      </c>
      <c r="D1538" cm="1">
        <f t="array" ref="D1538">IFERROR(INDEX(Jesper!AH$2:AH$366,ROUNDDOWN($C1538/24,0)+1,1)*INDEX($D$3:$AA$30,INDEX(Jesper!$R$2:$R$366,ROW(INDEX(Jesper!AH$2:AH$366,ROUNDDOWN($C1538/24,0)+1,1))-1)+IF('Standard Profiles'!$G$18=$B$10,7,0)+IF('Standard Profiles'!$G$18=$B$17,14,0)+IF('Standard Profiles'!$G$18=$B$24,21,0),MOD($C1538,24)+1)/SUM(INDEX($D$3:$AA$30,INDEX(Jesper!$R$2:$R$366,ROW(INDEX(Jesper!AH$2:AH$366,ROUNDDOWN($C1538/24,0)+1,1))-1)+IF('Standard Profiles'!$G$18=$B$10,7,0)+IF('Standard Profiles'!$G$18=$B$17,14,0)+IF('Standard Profiles'!$G$18=$B$24,21,0),0)),0)</f>
        <v>12.976652055575379</v>
      </c>
      <c r="E1538" cm="1">
        <f t="array" ref="E1538">IFERROR(INDEX(Jesper!AI$2:AI$366,ROUNDDOWN($C1538/24,0)+1,1)*INDEX($D$3:$AA$30,INDEX(Jesper!$R$2:$R$366,ROW(INDEX(Jesper!AI$2:AI$366,ROUNDDOWN($C1538/24,0)+1,1))-1)+IF('Standard Profiles'!$G$19=$B$10,7,0)+IF('Standard Profiles'!$G$19=$B$17,14,0)+IF('Standard Profiles'!$G$19=$B$24,21,0),MOD($C1538,24)+1)/SUM(INDEX($D$3:$AA$30,INDEX(Jesper!$R$2:$R$366,ROW(INDEX(Jesper!AI$2:AI$366,ROUNDDOWN($C1538/24,0)+1,1))-1)+IF('Standard Profiles'!$G$19=$B$10,7,0)+IF('Standard Profiles'!$G$19=$B$17,14,0)+IF('Standard Profiles'!$G$19=$B$24,21,0),0)),0)</f>
        <v>3.0391771699806469</v>
      </c>
      <c r="F1538" cm="1">
        <f t="array" ref="F1538">IFERROR(INDEX(Jesper!AJ$2:AJ$366,ROUNDDOWN($C1538/24,0)+1,1)*INDEX($D$3:$AA$30,INDEX(Jesper!$R$2:$R$366,ROW(INDEX(Jesper!AJ$2:AJ$366,ROUNDDOWN($C1538/24,0)+1,1))-1)+IF('Standard Profiles'!$G$20=$B$10,7,0)+IF('Standard Profiles'!$G$20=$B$17,14,0)+IF('Standard Profiles'!$G$20=$B$24,21,0),MOD($C1538,24)+1)/SUM(INDEX($D$3:$AA$30,INDEX(Jesper!$R$2:$R$366,ROW(INDEX(Jesper!AJ$2:AJ$366,ROUNDDOWN($C1538/24,0)+1,1))-1)+IF('Standard Profiles'!$G$20=$B$10,7,0)+IF('Standard Profiles'!$G$20=$B$17,14,0)+IF('Standard Profiles'!$G$20=$B$24,21,0),0)),0)</f>
        <v>0</v>
      </c>
      <c r="G1538" cm="1">
        <f t="array" ref="G1538">IFERROR(INDEX(Jesper!AK$2:AK$366,ROUNDDOWN($C1538/24,0)+1,1)*INDEX($D$3:$AA$30,INDEX(Jesper!$R$2:$R$366,ROW(INDEX(Jesper!AK$2:AK$366,ROUNDDOWN($C1538/24,0)+1,1))-1)+IF('Standard Profiles'!$G$21=$B$10,7,0)+IF('Standard Profiles'!$G$21=$B$17,14,0)+IF('Standard Profiles'!$G$21=$B$24,21,0),MOD($C1538,24)+1)/SUM(INDEX($D$3:$AA$30,INDEX(Jesper!$R$2:$R$366,ROW(INDEX(Jesper!AK$2:AK$366,ROUNDDOWN($C1538/24,0)+1,1))-1)+IF('Standard Profiles'!$G$21=$B$10,7,0)+IF('Standard Profiles'!$G$21=$B$17,14,0)+IF('Standard Profiles'!$G$21=$B$24,21,0),0)),0)</f>
        <v>0</v>
      </c>
      <c r="H1538" cm="1">
        <f t="array" ref="H1538">IFERROR(INDEX(Jesper!AL$2:AL$366,ROUNDDOWN($C1538/24,0)+1,1)*INDEX($D$3:$AA$30,INDEX(Jesper!$R$2:$R$366,ROW(INDEX(Jesper!AL$2:AL$366,ROUNDDOWN($C1538/24,0)+1,1))-1)+IF('Standard Profiles'!$G$22=$B$10,7,0)+IF('Standard Profiles'!$G$22=$B$17,14,0)+IF('Standard Profiles'!$G$22=$B$24,21,0),MOD($C1538,24)+1)/SUM(INDEX($D$3:$AA$30,INDEX(Jesper!$R$2:$R$366,ROW(INDEX(Jesper!AL$2:AL$366,ROUNDDOWN($C1538/24,0)+1,1))-1)+IF('Standard Profiles'!$G$22=$B$10,7,0)+IF('Standard Profiles'!$G$22=$B$17,14,0)+IF('Standard Profiles'!$G$22=$B$24,21,0),0)),0)</f>
        <v>0</v>
      </c>
      <c r="I1538">
        <f t="shared" si="181"/>
        <v>0.27379974504330157</v>
      </c>
      <c r="J1538">
        <f t="shared" si="182"/>
        <v>0.91266581681100545</v>
      </c>
      <c r="K1538">
        <f t="shared" si="183"/>
        <v>1.3689987252165081</v>
      </c>
      <c r="L1538">
        <f t="shared" si="184"/>
        <v>13.46036493848521</v>
      </c>
      <c r="M1538">
        <f t="shared" si="185"/>
        <v>0</v>
      </c>
      <c r="N1538" s="46">
        <f t="shared" si="186"/>
        <v>45354.666666663019</v>
      </c>
    </row>
    <row r="1539" spans="2:14" x14ac:dyDescent="0.3">
      <c r="B1539">
        <f t="shared" si="180"/>
        <v>7</v>
      </c>
      <c r="C1539" s="16">
        <v>1505</v>
      </c>
      <c r="D1539" cm="1">
        <f t="array" ref="D1539">IFERROR(INDEX(Jesper!AH$2:AH$366,ROUNDDOWN($C1539/24,0)+1,1)*INDEX($D$3:$AA$30,INDEX(Jesper!$R$2:$R$366,ROW(INDEX(Jesper!AH$2:AH$366,ROUNDDOWN($C1539/24,0)+1,1))-1)+IF('Standard Profiles'!$G$18=$B$10,7,0)+IF('Standard Profiles'!$G$18=$B$17,14,0)+IF('Standard Profiles'!$G$18=$B$24,21,0),MOD($C1539,24)+1)/SUM(INDEX($D$3:$AA$30,INDEX(Jesper!$R$2:$R$366,ROW(INDEX(Jesper!AH$2:AH$366,ROUNDDOWN($C1539/24,0)+1,1))-1)+IF('Standard Profiles'!$G$18=$B$10,7,0)+IF('Standard Profiles'!$G$18=$B$17,14,0)+IF('Standard Profiles'!$G$18=$B$24,21,0),0)),0)</f>
        <v>11.089139029309869</v>
      </c>
      <c r="E1539" cm="1">
        <f t="array" ref="E1539">IFERROR(INDEX(Jesper!AI$2:AI$366,ROUNDDOWN($C1539/24,0)+1,1)*INDEX($D$3:$AA$30,INDEX(Jesper!$R$2:$R$366,ROW(INDEX(Jesper!AI$2:AI$366,ROUNDDOWN($C1539/24,0)+1,1))-1)+IF('Standard Profiles'!$G$19=$B$10,7,0)+IF('Standard Profiles'!$G$19=$B$17,14,0)+IF('Standard Profiles'!$G$19=$B$24,21,0),MOD($C1539,24)+1)/SUM(INDEX($D$3:$AA$30,INDEX(Jesper!$R$2:$R$366,ROW(INDEX(Jesper!AI$2:AI$366,ROUNDDOWN($C1539/24,0)+1,1))-1)+IF('Standard Profiles'!$G$19=$B$10,7,0)+IF('Standard Profiles'!$G$19=$B$17,14,0)+IF('Standard Profiles'!$G$19=$B$24,21,0),0)),0)</f>
        <v>2.5971150361652806</v>
      </c>
      <c r="F1539" cm="1">
        <f t="array" ref="F1539">IFERROR(INDEX(Jesper!AJ$2:AJ$366,ROUNDDOWN($C1539/24,0)+1,1)*INDEX($D$3:$AA$30,INDEX(Jesper!$R$2:$R$366,ROW(INDEX(Jesper!AJ$2:AJ$366,ROUNDDOWN($C1539/24,0)+1,1))-1)+IF('Standard Profiles'!$G$20=$B$10,7,0)+IF('Standard Profiles'!$G$20=$B$17,14,0)+IF('Standard Profiles'!$G$20=$B$24,21,0),MOD($C1539,24)+1)/SUM(INDEX($D$3:$AA$30,INDEX(Jesper!$R$2:$R$366,ROW(INDEX(Jesper!AJ$2:AJ$366,ROUNDDOWN($C1539/24,0)+1,1))-1)+IF('Standard Profiles'!$G$20=$B$10,7,0)+IF('Standard Profiles'!$G$20=$B$17,14,0)+IF('Standard Profiles'!$G$20=$B$24,21,0),0)),0)</f>
        <v>0</v>
      </c>
      <c r="G1539" cm="1">
        <f t="array" ref="G1539">IFERROR(INDEX(Jesper!AK$2:AK$366,ROUNDDOWN($C1539/24,0)+1,1)*INDEX($D$3:$AA$30,INDEX(Jesper!$R$2:$R$366,ROW(INDEX(Jesper!AK$2:AK$366,ROUNDDOWN($C1539/24,0)+1,1))-1)+IF('Standard Profiles'!$G$21=$B$10,7,0)+IF('Standard Profiles'!$G$21=$B$17,14,0)+IF('Standard Profiles'!$G$21=$B$24,21,0),MOD($C1539,24)+1)/SUM(INDEX($D$3:$AA$30,INDEX(Jesper!$R$2:$R$366,ROW(INDEX(Jesper!AK$2:AK$366,ROUNDDOWN($C1539/24,0)+1,1))-1)+IF('Standard Profiles'!$G$21=$B$10,7,0)+IF('Standard Profiles'!$G$21=$B$17,14,0)+IF('Standard Profiles'!$G$21=$B$24,21,0),0)),0)</f>
        <v>0</v>
      </c>
      <c r="H1539" cm="1">
        <f t="array" ref="H1539">IFERROR(INDEX(Jesper!AL$2:AL$366,ROUNDDOWN($C1539/24,0)+1,1)*INDEX($D$3:$AA$30,INDEX(Jesper!$R$2:$R$366,ROW(INDEX(Jesper!AL$2:AL$366,ROUNDDOWN($C1539/24,0)+1,1))-1)+IF('Standard Profiles'!$G$22=$B$10,7,0)+IF('Standard Profiles'!$G$22=$B$17,14,0)+IF('Standard Profiles'!$G$22=$B$24,21,0),MOD($C1539,24)+1)/SUM(INDEX($D$3:$AA$30,INDEX(Jesper!$R$2:$R$366,ROW(INDEX(Jesper!AL$2:AL$366,ROUNDDOWN($C1539/24,0)+1,1))-1)+IF('Standard Profiles'!$G$22=$B$10,7,0)+IF('Standard Profiles'!$G$22=$B$17,14,0)+IF('Standard Profiles'!$G$22=$B$24,21,0),0)),0)</f>
        <v>0</v>
      </c>
      <c r="I1539">
        <f t="shared" si="181"/>
        <v>0.23397432758245779</v>
      </c>
      <c r="J1539">
        <f t="shared" si="182"/>
        <v>0.77991442527485932</v>
      </c>
      <c r="K1539">
        <f t="shared" si="183"/>
        <v>1.1698716379122891</v>
      </c>
      <c r="L1539">
        <f t="shared" si="184"/>
        <v>11.502493674705544</v>
      </c>
      <c r="M1539">
        <f t="shared" si="185"/>
        <v>0</v>
      </c>
      <c r="N1539" s="46">
        <f t="shared" si="186"/>
        <v>45354.708333329683</v>
      </c>
    </row>
    <row r="1540" spans="2:14" x14ac:dyDescent="0.3">
      <c r="B1540">
        <f t="shared" si="180"/>
        <v>7</v>
      </c>
      <c r="C1540" s="16">
        <v>1506</v>
      </c>
      <c r="D1540" cm="1">
        <f t="array" ref="D1540">IFERROR(INDEX(Jesper!AH$2:AH$366,ROUNDDOWN($C1540/24,0)+1,1)*INDEX($D$3:$AA$30,INDEX(Jesper!$R$2:$R$366,ROW(INDEX(Jesper!AH$2:AH$366,ROUNDDOWN($C1540/24,0)+1,1))-1)+IF('Standard Profiles'!$G$18=$B$10,7,0)+IF('Standard Profiles'!$G$18=$B$17,14,0)+IF('Standard Profiles'!$G$18=$B$24,21,0),MOD($C1540,24)+1)/SUM(INDEX($D$3:$AA$30,INDEX(Jesper!$R$2:$R$366,ROW(INDEX(Jesper!AH$2:AH$366,ROUNDDOWN($C1540/24,0)+1,1))-1)+IF('Standard Profiles'!$G$18=$B$10,7,0)+IF('Standard Profiles'!$G$18=$B$17,14,0)+IF('Standard Profiles'!$G$18=$B$24,21,0),0)),0)</f>
        <v>10.381321644460305</v>
      </c>
      <c r="E1540" cm="1">
        <f t="array" ref="E1540">IFERROR(INDEX(Jesper!AI$2:AI$366,ROUNDDOWN($C1540/24,0)+1,1)*INDEX($D$3:$AA$30,INDEX(Jesper!$R$2:$R$366,ROW(INDEX(Jesper!AI$2:AI$366,ROUNDDOWN($C1540/24,0)+1,1))-1)+IF('Standard Profiles'!$G$19=$B$10,7,0)+IF('Standard Profiles'!$G$19=$B$17,14,0)+IF('Standard Profiles'!$G$19=$B$24,21,0),MOD($C1540,24)+1)/SUM(INDEX($D$3:$AA$30,INDEX(Jesper!$R$2:$R$366,ROW(INDEX(Jesper!AI$2:AI$366,ROUNDDOWN($C1540/24,0)+1,1))-1)+IF('Standard Profiles'!$G$19=$B$10,7,0)+IF('Standard Profiles'!$G$19=$B$17,14,0)+IF('Standard Profiles'!$G$19=$B$24,21,0),0)),0)</f>
        <v>2.4313417359845184</v>
      </c>
      <c r="F1540" cm="1">
        <f t="array" ref="F1540">IFERROR(INDEX(Jesper!AJ$2:AJ$366,ROUNDDOWN($C1540/24,0)+1,1)*INDEX($D$3:$AA$30,INDEX(Jesper!$R$2:$R$366,ROW(INDEX(Jesper!AJ$2:AJ$366,ROUNDDOWN($C1540/24,0)+1,1))-1)+IF('Standard Profiles'!$G$20=$B$10,7,0)+IF('Standard Profiles'!$G$20=$B$17,14,0)+IF('Standard Profiles'!$G$20=$B$24,21,0),MOD($C1540,24)+1)/SUM(INDEX($D$3:$AA$30,INDEX(Jesper!$R$2:$R$366,ROW(INDEX(Jesper!AJ$2:AJ$366,ROUNDDOWN($C1540/24,0)+1,1))-1)+IF('Standard Profiles'!$G$20=$B$10,7,0)+IF('Standard Profiles'!$G$20=$B$17,14,0)+IF('Standard Profiles'!$G$20=$B$24,21,0),0)),0)</f>
        <v>0</v>
      </c>
      <c r="G1540" cm="1">
        <f t="array" ref="G1540">IFERROR(INDEX(Jesper!AK$2:AK$366,ROUNDDOWN($C1540/24,0)+1,1)*INDEX($D$3:$AA$30,INDEX(Jesper!$R$2:$R$366,ROW(INDEX(Jesper!AK$2:AK$366,ROUNDDOWN($C1540/24,0)+1,1))-1)+IF('Standard Profiles'!$G$21=$B$10,7,0)+IF('Standard Profiles'!$G$21=$B$17,14,0)+IF('Standard Profiles'!$G$21=$B$24,21,0),MOD($C1540,24)+1)/SUM(INDEX($D$3:$AA$30,INDEX(Jesper!$R$2:$R$366,ROW(INDEX(Jesper!AK$2:AK$366,ROUNDDOWN($C1540/24,0)+1,1))-1)+IF('Standard Profiles'!$G$21=$B$10,7,0)+IF('Standard Profiles'!$G$21=$B$17,14,0)+IF('Standard Profiles'!$G$21=$B$24,21,0),0)),0)</f>
        <v>0</v>
      </c>
      <c r="H1540" cm="1">
        <f t="array" ref="H1540">IFERROR(INDEX(Jesper!AL$2:AL$366,ROUNDDOWN($C1540/24,0)+1,1)*INDEX($D$3:$AA$30,INDEX(Jesper!$R$2:$R$366,ROW(INDEX(Jesper!AL$2:AL$366,ROUNDDOWN($C1540/24,0)+1,1))-1)+IF('Standard Profiles'!$G$22=$B$10,7,0)+IF('Standard Profiles'!$G$22=$B$17,14,0)+IF('Standard Profiles'!$G$22=$B$24,21,0),MOD($C1540,24)+1)/SUM(INDEX($D$3:$AA$30,INDEX(Jesper!$R$2:$R$366,ROW(INDEX(Jesper!AL$2:AL$366,ROUNDDOWN($C1540/24,0)+1,1))-1)+IF('Standard Profiles'!$G$22=$B$10,7,0)+IF('Standard Profiles'!$G$22=$B$17,14,0)+IF('Standard Profiles'!$G$22=$B$24,21,0),0)),0)</f>
        <v>0</v>
      </c>
      <c r="I1540">
        <f t="shared" si="181"/>
        <v>0.21903979603464135</v>
      </c>
      <c r="J1540">
        <f t="shared" si="182"/>
        <v>0.73013265344880462</v>
      </c>
      <c r="K1540">
        <f t="shared" si="183"/>
        <v>1.0951989801732069</v>
      </c>
      <c r="L1540">
        <f t="shared" si="184"/>
        <v>10.768291950788171</v>
      </c>
      <c r="M1540">
        <f t="shared" si="185"/>
        <v>0</v>
      </c>
      <c r="N1540" s="46">
        <f t="shared" si="186"/>
        <v>45354.749999996347</v>
      </c>
    </row>
    <row r="1541" spans="2:14" x14ac:dyDescent="0.3">
      <c r="B1541">
        <f t="shared" si="180"/>
        <v>7</v>
      </c>
      <c r="C1541" s="16">
        <v>1507</v>
      </c>
      <c r="D1541" cm="1">
        <f t="array" ref="D1541">IFERROR(INDEX(Jesper!AH$2:AH$366,ROUNDDOWN($C1541/24,0)+1,1)*INDEX($D$3:$AA$30,INDEX(Jesper!$R$2:$R$366,ROW(INDEX(Jesper!AH$2:AH$366,ROUNDDOWN($C1541/24,0)+1,1))-1)+IF('Standard Profiles'!$G$18=$B$10,7,0)+IF('Standard Profiles'!$G$18=$B$17,14,0)+IF('Standard Profiles'!$G$18=$B$24,21,0),MOD($C1541,24)+1)/SUM(INDEX($D$3:$AA$30,INDEX(Jesper!$R$2:$R$366,ROW(INDEX(Jesper!AH$2:AH$366,ROUNDDOWN($C1541/24,0)+1,1))-1)+IF('Standard Profiles'!$G$18=$B$10,7,0)+IF('Standard Profiles'!$G$18=$B$17,14,0)+IF('Standard Profiles'!$G$18=$B$24,21,0),0)),0)</f>
        <v>8.7297477464779831</v>
      </c>
      <c r="E1541" cm="1">
        <f t="array" ref="E1541">IFERROR(INDEX(Jesper!AI$2:AI$366,ROUNDDOWN($C1541/24,0)+1,1)*INDEX($D$3:$AA$30,INDEX(Jesper!$R$2:$R$366,ROW(INDEX(Jesper!AI$2:AI$366,ROUNDDOWN($C1541/24,0)+1,1))-1)+IF('Standard Profiles'!$G$19=$B$10,7,0)+IF('Standard Profiles'!$G$19=$B$17,14,0)+IF('Standard Profiles'!$G$19=$B$24,21,0),MOD($C1541,24)+1)/SUM(INDEX($D$3:$AA$30,INDEX(Jesper!$R$2:$R$366,ROW(INDEX(Jesper!AI$2:AI$366,ROUNDDOWN($C1541/24,0)+1,1))-1)+IF('Standard Profiles'!$G$19=$B$10,7,0)+IF('Standard Profiles'!$G$19=$B$17,14,0)+IF('Standard Profiles'!$G$19=$B$24,21,0),0)),0)</f>
        <v>2.044537368896072</v>
      </c>
      <c r="F1541" cm="1">
        <f t="array" ref="F1541">IFERROR(INDEX(Jesper!AJ$2:AJ$366,ROUNDDOWN($C1541/24,0)+1,1)*INDEX($D$3:$AA$30,INDEX(Jesper!$R$2:$R$366,ROW(INDEX(Jesper!AJ$2:AJ$366,ROUNDDOWN($C1541/24,0)+1,1))-1)+IF('Standard Profiles'!$G$20=$B$10,7,0)+IF('Standard Profiles'!$G$20=$B$17,14,0)+IF('Standard Profiles'!$G$20=$B$24,21,0),MOD($C1541,24)+1)/SUM(INDEX($D$3:$AA$30,INDEX(Jesper!$R$2:$R$366,ROW(INDEX(Jesper!AJ$2:AJ$366,ROUNDDOWN($C1541/24,0)+1,1))-1)+IF('Standard Profiles'!$G$20=$B$10,7,0)+IF('Standard Profiles'!$G$20=$B$17,14,0)+IF('Standard Profiles'!$G$20=$B$24,21,0),0)),0)</f>
        <v>0</v>
      </c>
      <c r="G1541" cm="1">
        <f t="array" ref="G1541">IFERROR(INDEX(Jesper!AK$2:AK$366,ROUNDDOWN($C1541/24,0)+1,1)*INDEX($D$3:$AA$30,INDEX(Jesper!$R$2:$R$366,ROW(INDEX(Jesper!AK$2:AK$366,ROUNDDOWN($C1541/24,0)+1,1))-1)+IF('Standard Profiles'!$G$21=$B$10,7,0)+IF('Standard Profiles'!$G$21=$B$17,14,0)+IF('Standard Profiles'!$G$21=$B$24,21,0),MOD($C1541,24)+1)/SUM(INDEX($D$3:$AA$30,INDEX(Jesper!$R$2:$R$366,ROW(INDEX(Jesper!AK$2:AK$366,ROUNDDOWN($C1541/24,0)+1,1))-1)+IF('Standard Profiles'!$G$21=$B$10,7,0)+IF('Standard Profiles'!$G$21=$B$17,14,0)+IF('Standard Profiles'!$G$21=$B$24,21,0),0)),0)</f>
        <v>0</v>
      </c>
      <c r="H1541" cm="1">
        <f t="array" ref="H1541">IFERROR(INDEX(Jesper!AL$2:AL$366,ROUNDDOWN($C1541/24,0)+1,1)*INDEX($D$3:$AA$30,INDEX(Jesper!$R$2:$R$366,ROW(INDEX(Jesper!AL$2:AL$366,ROUNDDOWN($C1541/24,0)+1,1))-1)+IF('Standard Profiles'!$G$22=$B$10,7,0)+IF('Standard Profiles'!$G$22=$B$17,14,0)+IF('Standard Profiles'!$G$22=$B$24,21,0),MOD($C1541,24)+1)/SUM(INDEX($D$3:$AA$30,INDEX(Jesper!$R$2:$R$366,ROW(INDEX(Jesper!AL$2:AL$366,ROUNDDOWN($C1541/24,0)+1,1))-1)+IF('Standard Profiles'!$G$22=$B$10,7,0)+IF('Standard Profiles'!$G$22=$B$17,14,0)+IF('Standard Profiles'!$G$22=$B$24,21,0),0)),0)</f>
        <v>0</v>
      </c>
      <c r="I1541">
        <f t="shared" si="181"/>
        <v>0.18419255575640292</v>
      </c>
      <c r="J1541">
        <f t="shared" si="182"/>
        <v>0.61397518585467648</v>
      </c>
      <c r="K1541">
        <f t="shared" si="183"/>
        <v>0.92096277878201471</v>
      </c>
      <c r="L1541">
        <f t="shared" si="184"/>
        <v>9.0551545949809604</v>
      </c>
      <c r="M1541">
        <f t="shared" si="185"/>
        <v>0</v>
      </c>
      <c r="N1541" s="46">
        <f t="shared" si="186"/>
        <v>45354.791666663012</v>
      </c>
    </row>
    <row r="1542" spans="2:14" x14ac:dyDescent="0.3">
      <c r="B1542">
        <f t="shared" si="180"/>
        <v>7</v>
      </c>
      <c r="C1542" s="16">
        <v>1508</v>
      </c>
      <c r="D1542" cm="1">
        <f t="array" ref="D1542">IFERROR(INDEX(Jesper!AH$2:AH$366,ROUNDDOWN($C1542/24,0)+1,1)*INDEX($D$3:$AA$30,INDEX(Jesper!$R$2:$R$366,ROW(INDEX(Jesper!AH$2:AH$366,ROUNDDOWN($C1542/24,0)+1,1))-1)+IF('Standard Profiles'!$G$18=$B$10,7,0)+IF('Standard Profiles'!$G$18=$B$17,14,0)+IF('Standard Profiles'!$G$18=$B$24,21,0),MOD($C1542,24)+1)/SUM(INDEX($D$3:$AA$30,INDEX(Jesper!$R$2:$R$366,ROW(INDEX(Jesper!AH$2:AH$366,ROUNDDOWN($C1542/24,0)+1,1))-1)+IF('Standard Profiles'!$G$18=$B$10,7,0)+IF('Standard Profiles'!$G$18=$B$17,14,0)+IF('Standard Profiles'!$G$18=$B$24,21,0),0)),0)</f>
        <v>7.3141129767788495</v>
      </c>
      <c r="E1542" cm="1">
        <f t="array" ref="E1542">IFERROR(INDEX(Jesper!AI$2:AI$366,ROUNDDOWN($C1542/24,0)+1,1)*INDEX($D$3:$AA$30,INDEX(Jesper!$R$2:$R$366,ROW(INDEX(Jesper!AI$2:AI$366,ROUNDDOWN($C1542/24,0)+1,1))-1)+IF('Standard Profiles'!$G$19=$B$10,7,0)+IF('Standard Profiles'!$G$19=$B$17,14,0)+IF('Standard Profiles'!$G$19=$B$24,21,0),MOD($C1542,24)+1)/SUM(INDEX($D$3:$AA$30,INDEX(Jesper!$R$2:$R$366,ROW(INDEX(Jesper!AI$2:AI$366,ROUNDDOWN($C1542/24,0)+1,1))-1)+IF('Standard Profiles'!$G$19=$B$10,7,0)+IF('Standard Profiles'!$G$19=$B$17,14,0)+IF('Standard Profiles'!$G$19=$B$24,21,0),0)),0)</f>
        <v>1.7129907685345467</v>
      </c>
      <c r="F1542" cm="1">
        <f t="array" ref="F1542">IFERROR(INDEX(Jesper!AJ$2:AJ$366,ROUNDDOWN($C1542/24,0)+1,1)*INDEX($D$3:$AA$30,INDEX(Jesper!$R$2:$R$366,ROW(INDEX(Jesper!AJ$2:AJ$366,ROUNDDOWN($C1542/24,0)+1,1))-1)+IF('Standard Profiles'!$G$20=$B$10,7,0)+IF('Standard Profiles'!$G$20=$B$17,14,0)+IF('Standard Profiles'!$G$20=$B$24,21,0),MOD($C1542,24)+1)/SUM(INDEX($D$3:$AA$30,INDEX(Jesper!$R$2:$R$366,ROW(INDEX(Jesper!AJ$2:AJ$366,ROUNDDOWN($C1542/24,0)+1,1))-1)+IF('Standard Profiles'!$G$20=$B$10,7,0)+IF('Standard Profiles'!$G$20=$B$17,14,0)+IF('Standard Profiles'!$G$20=$B$24,21,0),0)),0)</f>
        <v>0</v>
      </c>
      <c r="G1542" cm="1">
        <f t="array" ref="G1542">IFERROR(INDEX(Jesper!AK$2:AK$366,ROUNDDOWN($C1542/24,0)+1,1)*INDEX($D$3:$AA$30,INDEX(Jesper!$R$2:$R$366,ROW(INDEX(Jesper!AK$2:AK$366,ROUNDDOWN($C1542/24,0)+1,1))-1)+IF('Standard Profiles'!$G$21=$B$10,7,0)+IF('Standard Profiles'!$G$21=$B$17,14,0)+IF('Standard Profiles'!$G$21=$B$24,21,0),MOD($C1542,24)+1)/SUM(INDEX($D$3:$AA$30,INDEX(Jesper!$R$2:$R$366,ROW(INDEX(Jesper!AK$2:AK$366,ROUNDDOWN($C1542/24,0)+1,1))-1)+IF('Standard Profiles'!$G$21=$B$10,7,0)+IF('Standard Profiles'!$G$21=$B$17,14,0)+IF('Standard Profiles'!$G$21=$B$24,21,0),0)),0)</f>
        <v>0</v>
      </c>
      <c r="H1542" cm="1">
        <f t="array" ref="H1542">IFERROR(INDEX(Jesper!AL$2:AL$366,ROUNDDOWN($C1542/24,0)+1,1)*INDEX($D$3:$AA$30,INDEX(Jesper!$R$2:$R$366,ROW(INDEX(Jesper!AL$2:AL$366,ROUNDDOWN($C1542/24,0)+1,1))-1)+IF('Standard Profiles'!$G$22=$B$10,7,0)+IF('Standard Profiles'!$G$22=$B$17,14,0)+IF('Standard Profiles'!$G$22=$B$24,21,0),MOD($C1542,24)+1)/SUM(INDEX($D$3:$AA$30,INDEX(Jesper!$R$2:$R$366,ROW(INDEX(Jesper!AL$2:AL$366,ROUNDDOWN($C1542/24,0)+1,1))-1)+IF('Standard Profiles'!$G$22=$B$10,7,0)+IF('Standard Profiles'!$G$22=$B$17,14,0)+IF('Standard Profiles'!$G$22=$B$24,21,0),0)),0)</f>
        <v>0</v>
      </c>
      <c r="I1542">
        <f t="shared" si="181"/>
        <v>0.15432349266077</v>
      </c>
      <c r="J1542">
        <f t="shared" si="182"/>
        <v>0.51441164220256674</v>
      </c>
      <c r="K1542">
        <f t="shared" si="183"/>
        <v>0.77161746330385017</v>
      </c>
      <c r="L1542">
        <f t="shared" si="184"/>
        <v>7.5867511471462095</v>
      </c>
      <c r="M1542">
        <f t="shared" si="185"/>
        <v>0</v>
      </c>
      <c r="N1542" s="46">
        <f t="shared" si="186"/>
        <v>45354.833333329676</v>
      </c>
    </row>
    <row r="1543" spans="2:14" x14ac:dyDescent="0.3">
      <c r="B1543">
        <f t="shared" si="180"/>
        <v>7</v>
      </c>
      <c r="C1543" s="16">
        <v>1509</v>
      </c>
      <c r="D1543" cm="1">
        <f t="array" ref="D1543">IFERROR(INDEX(Jesper!AH$2:AH$366,ROUNDDOWN($C1543/24,0)+1,1)*INDEX($D$3:$AA$30,INDEX(Jesper!$R$2:$R$366,ROW(INDEX(Jesper!AH$2:AH$366,ROUNDDOWN($C1543/24,0)+1,1))-1)+IF('Standard Profiles'!$G$18=$B$10,7,0)+IF('Standard Profiles'!$G$18=$B$17,14,0)+IF('Standard Profiles'!$G$18=$B$24,21,0),MOD($C1543,24)+1)/SUM(INDEX($D$3:$AA$30,INDEX(Jesper!$R$2:$R$366,ROW(INDEX(Jesper!AH$2:AH$366,ROUNDDOWN($C1543/24,0)+1,1))-1)+IF('Standard Profiles'!$G$18=$B$10,7,0)+IF('Standard Profiles'!$G$18=$B$17,14,0)+IF('Standard Profiles'!$G$18=$B$24,21,0),0)),0)</f>
        <v>6.3703564636460959</v>
      </c>
      <c r="E1543" cm="1">
        <f t="array" ref="E1543">IFERROR(INDEX(Jesper!AI$2:AI$366,ROUNDDOWN($C1543/24,0)+1,1)*INDEX($D$3:$AA$30,INDEX(Jesper!$R$2:$R$366,ROW(INDEX(Jesper!AI$2:AI$366,ROUNDDOWN($C1543/24,0)+1,1))-1)+IF('Standard Profiles'!$G$19=$B$10,7,0)+IF('Standard Profiles'!$G$19=$B$17,14,0)+IF('Standard Profiles'!$G$19=$B$24,21,0),MOD($C1543,24)+1)/SUM(INDEX($D$3:$AA$30,INDEX(Jesper!$R$2:$R$366,ROW(INDEX(Jesper!AI$2:AI$366,ROUNDDOWN($C1543/24,0)+1,1))-1)+IF('Standard Profiles'!$G$19=$B$10,7,0)+IF('Standard Profiles'!$G$19=$B$17,14,0)+IF('Standard Profiles'!$G$19=$B$24,21,0),0)),0)</f>
        <v>1.4919597016268633</v>
      </c>
      <c r="F1543" cm="1">
        <f t="array" ref="F1543">IFERROR(INDEX(Jesper!AJ$2:AJ$366,ROUNDDOWN($C1543/24,0)+1,1)*INDEX($D$3:$AA$30,INDEX(Jesper!$R$2:$R$366,ROW(INDEX(Jesper!AJ$2:AJ$366,ROUNDDOWN($C1543/24,0)+1,1))-1)+IF('Standard Profiles'!$G$20=$B$10,7,0)+IF('Standard Profiles'!$G$20=$B$17,14,0)+IF('Standard Profiles'!$G$20=$B$24,21,0),MOD($C1543,24)+1)/SUM(INDEX($D$3:$AA$30,INDEX(Jesper!$R$2:$R$366,ROW(INDEX(Jesper!AJ$2:AJ$366,ROUNDDOWN($C1543/24,0)+1,1))-1)+IF('Standard Profiles'!$G$20=$B$10,7,0)+IF('Standard Profiles'!$G$20=$B$17,14,0)+IF('Standard Profiles'!$G$20=$B$24,21,0),0)),0)</f>
        <v>0</v>
      </c>
      <c r="G1543" cm="1">
        <f t="array" ref="G1543">IFERROR(INDEX(Jesper!AK$2:AK$366,ROUNDDOWN($C1543/24,0)+1,1)*INDEX($D$3:$AA$30,INDEX(Jesper!$R$2:$R$366,ROW(INDEX(Jesper!AK$2:AK$366,ROUNDDOWN($C1543/24,0)+1,1))-1)+IF('Standard Profiles'!$G$21=$B$10,7,0)+IF('Standard Profiles'!$G$21=$B$17,14,0)+IF('Standard Profiles'!$G$21=$B$24,21,0),MOD($C1543,24)+1)/SUM(INDEX($D$3:$AA$30,INDEX(Jesper!$R$2:$R$366,ROW(INDEX(Jesper!AK$2:AK$366,ROUNDDOWN($C1543/24,0)+1,1))-1)+IF('Standard Profiles'!$G$21=$B$10,7,0)+IF('Standard Profiles'!$G$21=$B$17,14,0)+IF('Standard Profiles'!$G$21=$B$24,21,0),0)),0)</f>
        <v>0</v>
      </c>
      <c r="H1543" cm="1">
        <f t="array" ref="H1543">IFERROR(INDEX(Jesper!AL$2:AL$366,ROUNDDOWN($C1543/24,0)+1,1)*INDEX($D$3:$AA$30,INDEX(Jesper!$R$2:$R$366,ROW(INDEX(Jesper!AL$2:AL$366,ROUNDDOWN($C1543/24,0)+1,1))-1)+IF('Standard Profiles'!$G$22=$B$10,7,0)+IF('Standard Profiles'!$G$22=$B$17,14,0)+IF('Standard Profiles'!$G$22=$B$24,21,0),MOD($C1543,24)+1)/SUM(INDEX($D$3:$AA$30,INDEX(Jesper!$R$2:$R$366,ROW(INDEX(Jesper!AL$2:AL$366,ROUNDDOWN($C1543/24,0)+1,1))-1)+IF('Standard Profiles'!$G$22=$B$10,7,0)+IF('Standard Profiles'!$G$22=$B$17,14,0)+IF('Standard Profiles'!$G$22=$B$24,21,0),0)),0)</f>
        <v>0</v>
      </c>
      <c r="I1543">
        <f t="shared" si="181"/>
        <v>0.13441078393034808</v>
      </c>
      <c r="J1543">
        <f t="shared" si="182"/>
        <v>0.44803594643449368</v>
      </c>
      <c r="K1543">
        <f t="shared" si="183"/>
        <v>0.67205391965174044</v>
      </c>
      <c r="L1543">
        <f t="shared" si="184"/>
        <v>6.6078155152563767</v>
      </c>
      <c r="M1543">
        <f t="shared" si="185"/>
        <v>0</v>
      </c>
      <c r="N1543" s="46">
        <f t="shared" si="186"/>
        <v>45354.87499999634</v>
      </c>
    </row>
    <row r="1544" spans="2:14" x14ac:dyDescent="0.3">
      <c r="B1544">
        <f t="shared" si="180"/>
        <v>7</v>
      </c>
      <c r="C1544" s="16">
        <v>1510</v>
      </c>
      <c r="D1544" cm="1">
        <f t="array" ref="D1544">IFERROR(INDEX(Jesper!AH$2:AH$366,ROUNDDOWN($C1544/24,0)+1,1)*INDEX($D$3:$AA$30,INDEX(Jesper!$R$2:$R$366,ROW(INDEX(Jesper!AH$2:AH$366,ROUNDDOWN($C1544/24,0)+1,1))-1)+IF('Standard Profiles'!$G$18=$B$10,7,0)+IF('Standard Profiles'!$G$18=$B$17,14,0)+IF('Standard Profiles'!$G$18=$B$24,21,0),MOD($C1544,24)+1)/SUM(INDEX($D$3:$AA$30,INDEX(Jesper!$R$2:$R$366,ROW(INDEX(Jesper!AH$2:AH$366,ROUNDDOWN($C1544/24,0)+1,1))-1)+IF('Standard Profiles'!$G$18=$B$10,7,0)+IF('Standard Profiles'!$G$18=$B$17,14,0)+IF('Standard Profiles'!$G$18=$B$24,21,0),0)),0)</f>
        <v>6.3703564636460959</v>
      </c>
      <c r="E1544" cm="1">
        <f t="array" ref="E1544">IFERROR(INDEX(Jesper!AI$2:AI$366,ROUNDDOWN($C1544/24,0)+1,1)*INDEX($D$3:$AA$30,INDEX(Jesper!$R$2:$R$366,ROW(INDEX(Jesper!AI$2:AI$366,ROUNDDOWN($C1544/24,0)+1,1))-1)+IF('Standard Profiles'!$G$19=$B$10,7,0)+IF('Standard Profiles'!$G$19=$B$17,14,0)+IF('Standard Profiles'!$G$19=$B$24,21,0),MOD($C1544,24)+1)/SUM(INDEX($D$3:$AA$30,INDEX(Jesper!$R$2:$R$366,ROW(INDEX(Jesper!AI$2:AI$366,ROUNDDOWN($C1544/24,0)+1,1))-1)+IF('Standard Profiles'!$G$19=$B$10,7,0)+IF('Standard Profiles'!$G$19=$B$17,14,0)+IF('Standard Profiles'!$G$19=$B$24,21,0),0)),0)</f>
        <v>1.4919597016268633</v>
      </c>
      <c r="F1544" cm="1">
        <f t="array" ref="F1544">IFERROR(INDEX(Jesper!AJ$2:AJ$366,ROUNDDOWN($C1544/24,0)+1,1)*INDEX($D$3:$AA$30,INDEX(Jesper!$R$2:$R$366,ROW(INDEX(Jesper!AJ$2:AJ$366,ROUNDDOWN($C1544/24,0)+1,1))-1)+IF('Standard Profiles'!$G$20=$B$10,7,0)+IF('Standard Profiles'!$G$20=$B$17,14,0)+IF('Standard Profiles'!$G$20=$B$24,21,0),MOD($C1544,24)+1)/SUM(INDEX($D$3:$AA$30,INDEX(Jesper!$R$2:$R$366,ROW(INDEX(Jesper!AJ$2:AJ$366,ROUNDDOWN($C1544/24,0)+1,1))-1)+IF('Standard Profiles'!$G$20=$B$10,7,0)+IF('Standard Profiles'!$G$20=$B$17,14,0)+IF('Standard Profiles'!$G$20=$B$24,21,0),0)),0)</f>
        <v>0</v>
      </c>
      <c r="G1544" cm="1">
        <f t="array" ref="G1544">IFERROR(INDEX(Jesper!AK$2:AK$366,ROUNDDOWN($C1544/24,0)+1,1)*INDEX($D$3:$AA$30,INDEX(Jesper!$R$2:$R$366,ROW(INDEX(Jesper!AK$2:AK$366,ROUNDDOWN($C1544/24,0)+1,1))-1)+IF('Standard Profiles'!$G$21=$B$10,7,0)+IF('Standard Profiles'!$G$21=$B$17,14,0)+IF('Standard Profiles'!$G$21=$B$24,21,0),MOD($C1544,24)+1)/SUM(INDEX($D$3:$AA$30,INDEX(Jesper!$R$2:$R$366,ROW(INDEX(Jesper!AK$2:AK$366,ROUNDDOWN($C1544/24,0)+1,1))-1)+IF('Standard Profiles'!$G$21=$B$10,7,0)+IF('Standard Profiles'!$G$21=$B$17,14,0)+IF('Standard Profiles'!$G$21=$B$24,21,0),0)),0)</f>
        <v>0</v>
      </c>
      <c r="H1544" cm="1">
        <f t="array" ref="H1544">IFERROR(INDEX(Jesper!AL$2:AL$366,ROUNDDOWN($C1544/24,0)+1,1)*INDEX($D$3:$AA$30,INDEX(Jesper!$R$2:$R$366,ROW(INDEX(Jesper!AL$2:AL$366,ROUNDDOWN($C1544/24,0)+1,1))-1)+IF('Standard Profiles'!$G$22=$B$10,7,0)+IF('Standard Profiles'!$G$22=$B$17,14,0)+IF('Standard Profiles'!$G$22=$B$24,21,0),MOD($C1544,24)+1)/SUM(INDEX($D$3:$AA$30,INDEX(Jesper!$R$2:$R$366,ROW(INDEX(Jesper!AL$2:AL$366,ROUNDDOWN($C1544/24,0)+1,1))-1)+IF('Standard Profiles'!$G$22=$B$10,7,0)+IF('Standard Profiles'!$G$22=$B$17,14,0)+IF('Standard Profiles'!$G$22=$B$24,21,0),0)),0)</f>
        <v>0</v>
      </c>
      <c r="I1544">
        <f t="shared" si="181"/>
        <v>0.13441078393034808</v>
      </c>
      <c r="J1544">
        <f t="shared" si="182"/>
        <v>0.44803594643449368</v>
      </c>
      <c r="K1544">
        <f t="shared" si="183"/>
        <v>0.67205391965174044</v>
      </c>
      <c r="L1544">
        <f t="shared" si="184"/>
        <v>6.6078155152563767</v>
      </c>
      <c r="M1544">
        <f t="shared" si="185"/>
        <v>0</v>
      </c>
      <c r="N1544" s="46">
        <f t="shared" si="186"/>
        <v>45354.916666663004</v>
      </c>
    </row>
    <row r="1545" spans="2:14" x14ac:dyDescent="0.3">
      <c r="B1545">
        <f t="shared" si="180"/>
        <v>7</v>
      </c>
      <c r="C1545" s="16">
        <v>1511</v>
      </c>
      <c r="D1545" cm="1">
        <f t="array" ref="D1545">IFERROR(INDEX(Jesper!AH$2:AH$366,ROUNDDOWN($C1545/24,0)+1,1)*INDEX($D$3:$AA$30,INDEX(Jesper!$R$2:$R$366,ROW(INDEX(Jesper!AH$2:AH$366,ROUNDDOWN($C1545/24,0)+1,1))-1)+IF('Standard Profiles'!$G$18=$B$10,7,0)+IF('Standard Profiles'!$G$18=$B$17,14,0)+IF('Standard Profiles'!$G$18=$B$24,21,0),MOD($C1545,24)+1)/SUM(INDEX($D$3:$AA$30,INDEX(Jesper!$R$2:$R$366,ROW(INDEX(Jesper!AH$2:AH$366,ROUNDDOWN($C1545/24,0)+1,1))-1)+IF('Standard Profiles'!$G$18=$B$10,7,0)+IF('Standard Profiles'!$G$18=$B$17,14,0)+IF('Standard Profiles'!$G$18=$B$24,21,0),0)),0)</f>
        <v>6.3703564636460959</v>
      </c>
      <c r="E1545" cm="1">
        <f t="array" ref="E1545">IFERROR(INDEX(Jesper!AI$2:AI$366,ROUNDDOWN($C1545/24,0)+1,1)*INDEX($D$3:$AA$30,INDEX(Jesper!$R$2:$R$366,ROW(INDEX(Jesper!AI$2:AI$366,ROUNDDOWN($C1545/24,0)+1,1))-1)+IF('Standard Profiles'!$G$19=$B$10,7,0)+IF('Standard Profiles'!$G$19=$B$17,14,0)+IF('Standard Profiles'!$G$19=$B$24,21,0),MOD($C1545,24)+1)/SUM(INDEX($D$3:$AA$30,INDEX(Jesper!$R$2:$R$366,ROW(INDEX(Jesper!AI$2:AI$366,ROUNDDOWN($C1545/24,0)+1,1))-1)+IF('Standard Profiles'!$G$19=$B$10,7,0)+IF('Standard Profiles'!$G$19=$B$17,14,0)+IF('Standard Profiles'!$G$19=$B$24,21,0),0)),0)</f>
        <v>1.4919597016268633</v>
      </c>
      <c r="F1545" cm="1">
        <f t="array" ref="F1545">IFERROR(INDEX(Jesper!AJ$2:AJ$366,ROUNDDOWN($C1545/24,0)+1,1)*INDEX($D$3:$AA$30,INDEX(Jesper!$R$2:$R$366,ROW(INDEX(Jesper!AJ$2:AJ$366,ROUNDDOWN($C1545/24,0)+1,1))-1)+IF('Standard Profiles'!$G$20=$B$10,7,0)+IF('Standard Profiles'!$G$20=$B$17,14,0)+IF('Standard Profiles'!$G$20=$B$24,21,0),MOD($C1545,24)+1)/SUM(INDEX($D$3:$AA$30,INDEX(Jesper!$R$2:$R$366,ROW(INDEX(Jesper!AJ$2:AJ$366,ROUNDDOWN($C1545/24,0)+1,1))-1)+IF('Standard Profiles'!$G$20=$B$10,7,0)+IF('Standard Profiles'!$G$20=$B$17,14,0)+IF('Standard Profiles'!$G$20=$B$24,21,0),0)),0)</f>
        <v>0</v>
      </c>
      <c r="G1545" cm="1">
        <f t="array" ref="G1545">IFERROR(INDEX(Jesper!AK$2:AK$366,ROUNDDOWN($C1545/24,0)+1,1)*INDEX($D$3:$AA$30,INDEX(Jesper!$R$2:$R$366,ROW(INDEX(Jesper!AK$2:AK$366,ROUNDDOWN($C1545/24,0)+1,1))-1)+IF('Standard Profiles'!$G$21=$B$10,7,0)+IF('Standard Profiles'!$G$21=$B$17,14,0)+IF('Standard Profiles'!$G$21=$B$24,21,0),MOD($C1545,24)+1)/SUM(INDEX($D$3:$AA$30,INDEX(Jesper!$R$2:$R$366,ROW(INDEX(Jesper!AK$2:AK$366,ROUNDDOWN($C1545/24,0)+1,1))-1)+IF('Standard Profiles'!$G$21=$B$10,7,0)+IF('Standard Profiles'!$G$21=$B$17,14,0)+IF('Standard Profiles'!$G$21=$B$24,21,0),0)),0)</f>
        <v>0</v>
      </c>
      <c r="H1545" cm="1">
        <f t="array" ref="H1545">IFERROR(INDEX(Jesper!AL$2:AL$366,ROUNDDOWN($C1545/24,0)+1,1)*INDEX($D$3:$AA$30,INDEX(Jesper!$R$2:$R$366,ROW(INDEX(Jesper!AL$2:AL$366,ROUNDDOWN($C1545/24,0)+1,1))-1)+IF('Standard Profiles'!$G$22=$B$10,7,0)+IF('Standard Profiles'!$G$22=$B$17,14,0)+IF('Standard Profiles'!$G$22=$B$24,21,0),MOD($C1545,24)+1)/SUM(INDEX($D$3:$AA$30,INDEX(Jesper!$R$2:$R$366,ROW(INDEX(Jesper!AL$2:AL$366,ROUNDDOWN($C1545/24,0)+1,1))-1)+IF('Standard Profiles'!$G$22=$B$10,7,0)+IF('Standard Profiles'!$G$22=$B$17,14,0)+IF('Standard Profiles'!$G$22=$B$24,21,0),0)),0)</f>
        <v>0</v>
      </c>
      <c r="I1545">
        <f t="shared" si="181"/>
        <v>0.13441078393034808</v>
      </c>
      <c r="J1545">
        <f t="shared" si="182"/>
        <v>0.44803594643449368</v>
      </c>
      <c r="K1545">
        <f t="shared" si="183"/>
        <v>0.67205391965174044</v>
      </c>
      <c r="L1545">
        <f t="shared" si="184"/>
        <v>6.6078155152563767</v>
      </c>
      <c r="M1545">
        <f t="shared" si="185"/>
        <v>0</v>
      </c>
      <c r="N1545" s="46">
        <f t="shared" si="186"/>
        <v>45354.958333329669</v>
      </c>
    </row>
    <row r="1546" spans="2:14" x14ac:dyDescent="0.3">
      <c r="B1546">
        <f t="shared" si="180"/>
        <v>1</v>
      </c>
      <c r="C1546" s="16">
        <v>1512</v>
      </c>
      <c r="D1546" cm="1">
        <f t="array" ref="D1546">IFERROR(INDEX(Jesper!AH$2:AH$366,ROUNDDOWN($C1546/24,0)+1,1)*INDEX($D$3:$AA$30,INDEX(Jesper!$R$2:$R$366,ROW(INDEX(Jesper!AH$2:AH$366,ROUNDDOWN($C1546/24,0)+1,1))-1)+IF('Standard Profiles'!$G$18=$B$10,7,0)+IF('Standard Profiles'!$G$18=$B$17,14,0)+IF('Standard Profiles'!$G$18=$B$24,21,0),MOD($C1546,24)+1)/SUM(INDEX($D$3:$AA$30,INDEX(Jesper!$R$2:$R$366,ROW(INDEX(Jesper!AH$2:AH$366,ROUNDDOWN($C1546/24,0)+1,1))-1)+IF('Standard Profiles'!$G$18=$B$10,7,0)+IF('Standard Profiles'!$G$18=$B$17,14,0)+IF('Standard Profiles'!$G$18=$B$24,21,0),0)),0)</f>
        <v>2.7091283496988336</v>
      </c>
      <c r="E1546" cm="1">
        <f t="array" ref="E1546">IFERROR(INDEX(Jesper!AI$2:AI$366,ROUNDDOWN($C1546/24,0)+1,1)*INDEX($D$3:$AA$30,INDEX(Jesper!$R$2:$R$366,ROW(INDEX(Jesper!AI$2:AI$366,ROUNDDOWN($C1546/24,0)+1,1))-1)+IF('Standard Profiles'!$G$19=$B$10,7,0)+IF('Standard Profiles'!$G$19=$B$17,14,0)+IF('Standard Profiles'!$G$19=$B$24,21,0),MOD($C1546,24)+1)/SUM(INDEX($D$3:$AA$30,INDEX(Jesper!$R$2:$R$366,ROW(INDEX(Jesper!AI$2:AI$366,ROUNDDOWN($C1546/24,0)+1,1))-1)+IF('Standard Profiles'!$G$19=$B$10,7,0)+IF('Standard Profiles'!$G$19=$B$17,14,0)+IF('Standard Profiles'!$G$19=$B$24,21,0),0)),0)</f>
        <v>0</v>
      </c>
      <c r="F1546" cm="1">
        <f t="array" ref="F1546">IFERROR(INDEX(Jesper!AJ$2:AJ$366,ROUNDDOWN($C1546/24,0)+1,1)*INDEX($D$3:$AA$30,INDEX(Jesper!$R$2:$R$366,ROW(INDEX(Jesper!AJ$2:AJ$366,ROUNDDOWN($C1546/24,0)+1,1))-1)+IF('Standard Profiles'!$G$20=$B$10,7,0)+IF('Standard Profiles'!$G$20=$B$17,14,0)+IF('Standard Profiles'!$G$20=$B$24,21,0),MOD($C1546,24)+1)/SUM(INDEX($D$3:$AA$30,INDEX(Jesper!$R$2:$R$366,ROW(INDEX(Jesper!AJ$2:AJ$366,ROUNDDOWN($C1546/24,0)+1,1))-1)+IF('Standard Profiles'!$G$20=$B$10,7,0)+IF('Standard Profiles'!$G$20=$B$17,14,0)+IF('Standard Profiles'!$G$20=$B$24,21,0),0)),0)</f>
        <v>0</v>
      </c>
      <c r="G1546" cm="1">
        <f t="array" ref="G1546">IFERROR(INDEX(Jesper!AK$2:AK$366,ROUNDDOWN($C1546/24,0)+1,1)*INDEX($D$3:$AA$30,INDEX(Jesper!$R$2:$R$366,ROW(INDEX(Jesper!AK$2:AK$366,ROUNDDOWN($C1546/24,0)+1,1))-1)+IF('Standard Profiles'!$G$21=$B$10,7,0)+IF('Standard Profiles'!$G$21=$B$17,14,0)+IF('Standard Profiles'!$G$21=$B$24,21,0),MOD($C1546,24)+1)/SUM(INDEX($D$3:$AA$30,INDEX(Jesper!$R$2:$R$366,ROW(INDEX(Jesper!AK$2:AK$366,ROUNDDOWN($C1546/24,0)+1,1))-1)+IF('Standard Profiles'!$G$21=$B$10,7,0)+IF('Standard Profiles'!$G$21=$B$17,14,0)+IF('Standard Profiles'!$G$21=$B$24,21,0),0)),0)</f>
        <v>0</v>
      </c>
      <c r="H1546" cm="1">
        <f t="array" ref="H1546">IFERROR(INDEX(Jesper!AL$2:AL$366,ROUNDDOWN($C1546/24,0)+1,1)*INDEX($D$3:$AA$30,INDEX(Jesper!$R$2:$R$366,ROW(INDEX(Jesper!AL$2:AL$366,ROUNDDOWN($C1546/24,0)+1,1))-1)+IF('Standard Profiles'!$G$22=$B$10,7,0)+IF('Standard Profiles'!$G$22=$B$17,14,0)+IF('Standard Profiles'!$G$22=$B$24,21,0),MOD($C1546,24)+1)/SUM(INDEX($D$3:$AA$30,INDEX(Jesper!$R$2:$R$366,ROW(INDEX(Jesper!AL$2:AL$366,ROUNDDOWN($C1546/24,0)+1,1))-1)+IF('Standard Profiles'!$G$22=$B$10,7,0)+IF('Standard Profiles'!$G$22=$B$17,14,0)+IF('Standard Profiles'!$G$22=$B$24,21,0),0)),0)</f>
        <v>0</v>
      </c>
      <c r="I1546">
        <f t="shared" si="181"/>
        <v>8.1273850490965013E-2</v>
      </c>
      <c r="J1546">
        <f t="shared" si="182"/>
        <v>0.27091283496988339</v>
      </c>
      <c r="K1546">
        <f t="shared" si="183"/>
        <v>0.40636925245482503</v>
      </c>
      <c r="L1546">
        <f t="shared" si="184"/>
        <v>1.9505724117831602</v>
      </c>
      <c r="M1546">
        <f t="shared" si="185"/>
        <v>0</v>
      </c>
      <c r="N1546" s="46">
        <f t="shared" si="186"/>
        <v>45354.999999996333</v>
      </c>
    </row>
    <row r="1547" spans="2:14" x14ac:dyDescent="0.3">
      <c r="B1547">
        <f t="shared" si="180"/>
        <v>1</v>
      </c>
      <c r="C1547" s="16">
        <v>1513</v>
      </c>
      <c r="D1547" cm="1">
        <f t="array" ref="D1547">IFERROR(INDEX(Jesper!AH$2:AH$366,ROUNDDOWN($C1547/24,0)+1,1)*INDEX($D$3:$AA$30,INDEX(Jesper!$R$2:$R$366,ROW(INDEX(Jesper!AH$2:AH$366,ROUNDDOWN($C1547/24,0)+1,1))-1)+IF('Standard Profiles'!$G$18=$B$10,7,0)+IF('Standard Profiles'!$G$18=$B$17,14,0)+IF('Standard Profiles'!$G$18=$B$24,21,0),MOD($C1547,24)+1)/SUM(INDEX($D$3:$AA$30,INDEX(Jesper!$R$2:$R$366,ROW(INDEX(Jesper!AH$2:AH$366,ROUNDDOWN($C1547/24,0)+1,1))-1)+IF('Standard Profiles'!$G$18=$B$10,7,0)+IF('Standard Profiles'!$G$18=$B$17,14,0)+IF('Standard Profiles'!$G$18=$B$24,21,0),0)),0)</f>
        <v>2.7091283496988336</v>
      </c>
      <c r="E1547" cm="1">
        <f t="array" ref="E1547">IFERROR(INDEX(Jesper!AI$2:AI$366,ROUNDDOWN($C1547/24,0)+1,1)*INDEX($D$3:$AA$30,INDEX(Jesper!$R$2:$R$366,ROW(INDEX(Jesper!AI$2:AI$366,ROUNDDOWN($C1547/24,0)+1,1))-1)+IF('Standard Profiles'!$G$19=$B$10,7,0)+IF('Standard Profiles'!$G$19=$B$17,14,0)+IF('Standard Profiles'!$G$19=$B$24,21,0),MOD($C1547,24)+1)/SUM(INDEX($D$3:$AA$30,INDEX(Jesper!$R$2:$R$366,ROW(INDEX(Jesper!AI$2:AI$366,ROUNDDOWN($C1547/24,0)+1,1))-1)+IF('Standard Profiles'!$G$19=$B$10,7,0)+IF('Standard Profiles'!$G$19=$B$17,14,0)+IF('Standard Profiles'!$G$19=$B$24,21,0),0)),0)</f>
        <v>0</v>
      </c>
      <c r="F1547" cm="1">
        <f t="array" ref="F1547">IFERROR(INDEX(Jesper!AJ$2:AJ$366,ROUNDDOWN($C1547/24,0)+1,1)*INDEX($D$3:$AA$30,INDEX(Jesper!$R$2:$R$366,ROW(INDEX(Jesper!AJ$2:AJ$366,ROUNDDOWN($C1547/24,0)+1,1))-1)+IF('Standard Profiles'!$G$20=$B$10,7,0)+IF('Standard Profiles'!$G$20=$B$17,14,0)+IF('Standard Profiles'!$G$20=$B$24,21,0),MOD($C1547,24)+1)/SUM(INDEX($D$3:$AA$30,INDEX(Jesper!$R$2:$R$366,ROW(INDEX(Jesper!AJ$2:AJ$366,ROUNDDOWN($C1547/24,0)+1,1))-1)+IF('Standard Profiles'!$G$20=$B$10,7,0)+IF('Standard Profiles'!$G$20=$B$17,14,0)+IF('Standard Profiles'!$G$20=$B$24,21,0),0)),0)</f>
        <v>0</v>
      </c>
      <c r="G1547" cm="1">
        <f t="array" ref="G1547">IFERROR(INDEX(Jesper!AK$2:AK$366,ROUNDDOWN($C1547/24,0)+1,1)*INDEX($D$3:$AA$30,INDEX(Jesper!$R$2:$R$366,ROW(INDEX(Jesper!AK$2:AK$366,ROUNDDOWN($C1547/24,0)+1,1))-1)+IF('Standard Profiles'!$G$21=$B$10,7,0)+IF('Standard Profiles'!$G$21=$B$17,14,0)+IF('Standard Profiles'!$G$21=$B$24,21,0),MOD($C1547,24)+1)/SUM(INDEX($D$3:$AA$30,INDEX(Jesper!$R$2:$R$366,ROW(INDEX(Jesper!AK$2:AK$366,ROUNDDOWN($C1547/24,0)+1,1))-1)+IF('Standard Profiles'!$G$21=$B$10,7,0)+IF('Standard Profiles'!$G$21=$B$17,14,0)+IF('Standard Profiles'!$G$21=$B$24,21,0),0)),0)</f>
        <v>0</v>
      </c>
      <c r="H1547" cm="1">
        <f t="array" ref="H1547">IFERROR(INDEX(Jesper!AL$2:AL$366,ROUNDDOWN($C1547/24,0)+1,1)*INDEX($D$3:$AA$30,INDEX(Jesper!$R$2:$R$366,ROW(INDEX(Jesper!AL$2:AL$366,ROUNDDOWN($C1547/24,0)+1,1))-1)+IF('Standard Profiles'!$G$22=$B$10,7,0)+IF('Standard Profiles'!$G$22=$B$17,14,0)+IF('Standard Profiles'!$G$22=$B$24,21,0),MOD($C1547,24)+1)/SUM(INDEX($D$3:$AA$30,INDEX(Jesper!$R$2:$R$366,ROW(INDEX(Jesper!AL$2:AL$366,ROUNDDOWN($C1547/24,0)+1,1))-1)+IF('Standard Profiles'!$G$22=$B$10,7,0)+IF('Standard Profiles'!$G$22=$B$17,14,0)+IF('Standard Profiles'!$G$22=$B$24,21,0),0)),0)</f>
        <v>0</v>
      </c>
      <c r="I1547">
        <f t="shared" si="181"/>
        <v>8.1273850490965013E-2</v>
      </c>
      <c r="J1547">
        <f t="shared" si="182"/>
        <v>0.27091283496988339</v>
      </c>
      <c r="K1547">
        <f t="shared" si="183"/>
        <v>0.40636925245482503</v>
      </c>
      <c r="L1547">
        <f t="shared" si="184"/>
        <v>1.9505724117831602</v>
      </c>
      <c r="M1547">
        <f t="shared" si="185"/>
        <v>0</v>
      </c>
      <c r="N1547" s="46">
        <f t="shared" si="186"/>
        <v>45355.041666662997</v>
      </c>
    </row>
    <row r="1548" spans="2:14" x14ac:dyDescent="0.3">
      <c r="B1548">
        <f t="shared" si="180"/>
        <v>1</v>
      </c>
      <c r="C1548" s="16">
        <v>1514</v>
      </c>
      <c r="D1548" cm="1">
        <f t="array" ref="D1548">IFERROR(INDEX(Jesper!AH$2:AH$366,ROUNDDOWN($C1548/24,0)+1,1)*INDEX($D$3:$AA$30,INDEX(Jesper!$R$2:$R$366,ROW(INDEX(Jesper!AH$2:AH$366,ROUNDDOWN($C1548/24,0)+1,1))-1)+IF('Standard Profiles'!$G$18=$B$10,7,0)+IF('Standard Profiles'!$G$18=$B$17,14,0)+IF('Standard Profiles'!$G$18=$B$24,21,0),MOD($C1548,24)+1)/SUM(INDEX($D$3:$AA$30,INDEX(Jesper!$R$2:$R$366,ROW(INDEX(Jesper!AH$2:AH$366,ROUNDDOWN($C1548/24,0)+1,1))-1)+IF('Standard Profiles'!$G$18=$B$10,7,0)+IF('Standard Profiles'!$G$18=$B$17,14,0)+IF('Standard Profiles'!$G$18=$B$24,21,0),0)),0)</f>
        <v>2.7091283496988336</v>
      </c>
      <c r="E1548" cm="1">
        <f t="array" ref="E1548">IFERROR(INDEX(Jesper!AI$2:AI$366,ROUNDDOWN($C1548/24,0)+1,1)*INDEX($D$3:$AA$30,INDEX(Jesper!$R$2:$R$366,ROW(INDEX(Jesper!AI$2:AI$366,ROUNDDOWN($C1548/24,0)+1,1))-1)+IF('Standard Profiles'!$G$19=$B$10,7,0)+IF('Standard Profiles'!$G$19=$B$17,14,0)+IF('Standard Profiles'!$G$19=$B$24,21,0),MOD($C1548,24)+1)/SUM(INDEX($D$3:$AA$30,INDEX(Jesper!$R$2:$R$366,ROW(INDEX(Jesper!AI$2:AI$366,ROUNDDOWN($C1548/24,0)+1,1))-1)+IF('Standard Profiles'!$G$19=$B$10,7,0)+IF('Standard Profiles'!$G$19=$B$17,14,0)+IF('Standard Profiles'!$G$19=$B$24,21,0),0)),0)</f>
        <v>0</v>
      </c>
      <c r="F1548" cm="1">
        <f t="array" ref="F1548">IFERROR(INDEX(Jesper!AJ$2:AJ$366,ROUNDDOWN($C1548/24,0)+1,1)*INDEX($D$3:$AA$30,INDEX(Jesper!$R$2:$R$366,ROW(INDEX(Jesper!AJ$2:AJ$366,ROUNDDOWN($C1548/24,0)+1,1))-1)+IF('Standard Profiles'!$G$20=$B$10,7,0)+IF('Standard Profiles'!$G$20=$B$17,14,0)+IF('Standard Profiles'!$G$20=$B$24,21,0),MOD($C1548,24)+1)/SUM(INDEX($D$3:$AA$30,INDEX(Jesper!$R$2:$R$366,ROW(INDEX(Jesper!AJ$2:AJ$366,ROUNDDOWN($C1548/24,0)+1,1))-1)+IF('Standard Profiles'!$G$20=$B$10,7,0)+IF('Standard Profiles'!$G$20=$B$17,14,0)+IF('Standard Profiles'!$G$20=$B$24,21,0),0)),0)</f>
        <v>0</v>
      </c>
      <c r="G1548" cm="1">
        <f t="array" ref="G1548">IFERROR(INDEX(Jesper!AK$2:AK$366,ROUNDDOWN($C1548/24,0)+1,1)*INDEX($D$3:$AA$30,INDEX(Jesper!$R$2:$R$366,ROW(INDEX(Jesper!AK$2:AK$366,ROUNDDOWN($C1548/24,0)+1,1))-1)+IF('Standard Profiles'!$G$21=$B$10,7,0)+IF('Standard Profiles'!$G$21=$B$17,14,0)+IF('Standard Profiles'!$G$21=$B$24,21,0),MOD($C1548,24)+1)/SUM(INDEX($D$3:$AA$30,INDEX(Jesper!$R$2:$R$366,ROW(INDEX(Jesper!AK$2:AK$366,ROUNDDOWN($C1548/24,0)+1,1))-1)+IF('Standard Profiles'!$G$21=$B$10,7,0)+IF('Standard Profiles'!$G$21=$B$17,14,0)+IF('Standard Profiles'!$G$21=$B$24,21,0),0)),0)</f>
        <v>0</v>
      </c>
      <c r="H1548" cm="1">
        <f t="array" ref="H1548">IFERROR(INDEX(Jesper!AL$2:AL$366,ROUNDDOWN($C1548/24,0)+1,1)*INDEX($D$3:$AA$30,INDEX(Jesper!$R$2:$R$366,ROW(INDEX(Jesper!AL$2:AL$366,ROUNDDOWN($C1548/24,0)+1,1))-1)+IF('Standard Profiles'!$G$22=$B$10,7,0)+IF('Standard Profiles'!$G$22=$B$17,14,0)+IF('Standard Profiles'!$G$22=$B$24,21,0),MOD($C1548,24)+1)/SUM(INDEX($D$3:$AA$30,INDEX(Jesper!$R$2:$R$366,ROW(INDEX(Jesper!AL$2:AL$366,ROUNDDOWN($C1548/24,0)+1,1))-1)+IF('Standard Profiles'!$G$22=$B$10,7,0)+IF('Standard Profiles'!$G$22=$B$17,14,0)+IF('Standard Profiles'!$G$22=$B$24,21,0),0)),0)</f>
        <v>0</v>
      </c>
      <c r="I1548">
        <f t="shared" si="181"/>
        <v>8.1273850490965013E-2</v>
      </c>
      <c r="J1548">
        <f t="shared" si="182"/>
        <v>0.27091283496988339</v>
      </c>
      <c r="K1548">
        <f t="shared" si="183"/>
        <v>0.40636925245482503</v>
      </c>
      <c r="L1548">
        <f t="shared" si="184"/>
        <v>1.9505724117831602</v>
      </c>
      <c r="M1548">
        <f t="shared" si="185"/>
        <v>0</v>
      </c>
      <c r="N1548" s="46">
        <f t="shared" si="186"/>
        <v>45355.083333329661</v>
      </c>
    </row>
    <row r="1549" spans="2:14" x14ac:dyDescent="0.3">
      <c r="B1549">
        <f t="shared" si="180"/>
        <v>1</v>
      </c>
      <c r="C1549" s="16">
        <v>1515</v>
      </c>
      <c r="D1549" cm="1">
        <f t="array" ref="D1549">IFERROR(INDEX(Jesper!AH$2:AH$366,ROUNDDOWN($C1549/24,0)+1,1)*INDEX($D$3:$AA$30,INDEX(Jesper!$R$2:$R$366,ROW(INDEX(Jesper!AH$2:AH$366,ROUNDDOWN($C1549/24,0)+1,1))-1)+IF('Standard Profiles'!$G$18=$B$10,7,0)+IF('Standard Profiles'!$G$18=$B$17,14,0)+IF('Standard Profiles'!$G$18=$B$24,21,0),MOD($C1549,24)+1)/SUM(INDEX($D$3:$AA$30,INDEX(Jesper!$R$2:$R$366,ROW(INDEX(Jesper!AH$2:AH$366,ROUNDDOWN($C1549/24,0)+1,1))-1)+IF('Standard Profiles'!$G$18=$B$10,7,0)+IF('Standard Profiles'!$G$18=$B$17,14,0)+IF('Standard Profiles'!$G$18=$B$24,21,0),0)),0)</f>
        <v>2.7091283496988336</v>
      </c>
      <c r="E1549" cm="1">
        <f t="array" ref="E1549">IFERROR(INDEX(Jesper!AI$2:AI$366,ROUNDDOWN($C1549/24,0)+1,1)*INDEX($D$3:$AA$30,INDEX(Jesper!$R$2:$R$366,ROW(INDEX(Jesper!AI$2:AI$366,ROUNDDOWN($C1549/24,0)+1,1))-1)+IF('Standard Profiles'!$G$19=$B$10,7,0)+IF('Standard Profiles'!$G$19=$B$17,14,0)+IF('Standard Profiles'!$G$19=$B$24,21,0),MOD($C1549,24)+1)/SUM(INDEX($D$3:$AA$30,INDEX(Jesper!$R$2:$R$366,ROW(INDEX(Jesper!AI$2:AI$366,ROUNDDOWN($C1549/24,0)+1,1))-1)+IF('Standard Profiles'!$G$19=$B$10,7,0)+IF('Standard Profiles'!$G$19=$B$17,14,0)+IF('Standard Profiles'!$G$19=$B$24,21,0),0)),0)</f>
        <v>0</v>
      </c>
      <c r="F1549" cm="1">
        <f t="array" ref="F1549">IFERROR(INDEX(Jesper!AJ$2:AJ$366,ROUNDDOWN($C1549/24,0)+1,1)*INDEX($D$3:$AA$30,INDEX(Jesper!$R$2:$R$366,ROW(INDEX(Jesper!AJ$2:AJ$366,ROUNDDOWN($C1549/24,0)+1,1))-1)+IF('Standard Profiles'!$G$20=$B$10,7,0)+IF('Standard Profiles'!$G$20=$B$17,14,0)+IF('Standard Profiles'!$G$20=$B$24,21,0),MOD($C1549,24)+1)/SUM(INDEX($D$3:$AA$30,INDEX(Jesper!$R$2:$R$366,ROW(INDEX(Jesper!AJ$2:AJ$366,ROUNDDOWN($C1549/24,0)+1,1))-1)+IF('Standard Profiles'!$G$20=$B$10,7,0)+IF('Standard Profiles'!$G$20=$B$17,14,0)+IF('Standard Profiles'!$G$20=$B$24,21,0),0)),0)</f>
        <v>0</v>
      </c>
      <c r="G1549" cm="1">
        <f t="array" ref="G1549">IFERROR(INDEX(Jesper!AK$2:AK$366,ROUNDDOWN($C1549/24,0)+1,1)*INDEX($D$3:$AA$30,INDEX(Jesper!$R$2:$R$366,ROW(INDEX(Jesper!AK$2:AK$366,ROUNDDOWN($C1549/24,0)+1,1))-1)+IF('Standard Profiles'!$G$21=$B$10,7,0)+IF('Standard Profiles'!$G$21=$B$17,14,0)+IF('Standard Profiles'!$G$21=$B$24,21,0),MOD($C1549,24)+1)/SUM(INDEX($D$3:$AA$30,INDEX(Jesper!$R$2:$R$366,ROW(INDEX(Jesper!AK$2:AK$366,ROUNDDOWN($C1549/24,0)+1,1))-1)+IF('Standard Profiles'!$G$21=$B$10,7,0)+IF('Standard Profiles'!$G$21=$B$17,14,0)+IF('Standard Profiles'!$G$21=$B$24,21,0),0)),0)</f>
        <v>0</v>
      </c>
      <c r="H1549" cm="1">
        <f t="array" ref="H1549">IFERROR(INDEX(Jesper!AL$2:AL$366,ROUNDDOWN($C1549/24,0)+1,1)*INDEX($D$3:$AA$30,INDEX(Jesper!$R$2:$R$366,ROW(INDEX(Jesper!AL$2:AL$366,ROUNDDOWN($C1549/24,0)+1,1))-1)+IF('Standard Profiles'!$G$22=$B$10,7,0)+IF('Standard Profiles'!$G$22=$B$17,14,0)+IF('Standard Profiles'!$G$22=$B$24,21,0),MOD($C1549,24)+1)/SUM(INDEX($D$3:$AA$30,INDEX(Jesper!$R$2:$R$366,ROW(INDEX(Jesper!AL$2:AL$366,ROUNDDOWN($C1549/24,0)+1,1))-1)+IF('Standard Profiles'!$G$22=$B$10,7,0)+IF('Standard Profiles'!$G$22=$B$17,14,0)+IF('Standard Profiles'!$G$22=$B$24,21,0),0)),0)</f>
        <v>0</v>
      </c>
      <c r="I1549">
        <f t="shared" si="181"/>
        <v>8.1273850490965013E-2</v>
      </c>
      <c r="J1549">
        <f t="shared" si="182"/>
        <v>0.27091283496988339</v>
      </c>
      <c r="K1549">
        <f t="shared" si="183"/>
        <v>0.40636925245482503</v>
      </c>
      <c r="L1549">
        <f t="shared" si="184"/>
        <v>1.9505724117831602</v>
      </c>
      <c r="M1549">
        <f t="shared" si="185"/>
        <v>0</v>
      </c>
      <c r="N1549" s="46">
        <f t="shared" si="186"/>
        <v>45355.124999996326</v>
      </c>
    </row>
    <row r="1550" spans="2:14" x14ac:dyDescent="0.3">
      <c r="B1550">
        <f t="shared" si="180"/>
        <v>1</v>
      </c>
      <c r="C1550" s="16">
        <v>1516</v>
      </c>
      <c r="D1550" cm="1">
        <f t="array" ref="D1550">IFERROR(INDEX(Jesper!AH$2:AH$366,ROUNDDOWN($C1550/24,0)+1,1)*INDEX($D$3:$AA$30,INDEX(Jesper!$R$2:$R$366,ROW(INDEX(Jesper!AH$2:AH$366,ROUNDDOWN($C1550/24,0)+1,1))-1)+IF('Standard Profiles'!$G$18=$B$10,7,0)+IF('Standard Profiles'!$G$18=$B$17,14,0)+IF('Standard Profiles'!$G$18=$B$24,21,0),MOD($C1550,24)+1)/SUM(INDEX($D$3:$AA$30,INDEX(Jesper!$R$2:$R$366,ROW(INDEX(Jesper!AH$2:AH$366,ROUNDDOWN($C1550/24,0)+1,1))-1)+IF('Standard Profiles'!$G$18=$B$10,7,0)+IF('Standard Profiles'!$G$18=$B$17,14,0)+IF('Standard Profiles'!$G$18=$B$24,21,0),0)),0)</f>
        <v>2.7091283496988336</v>
      </c>
      <c r="E1550" cm="1">
        <f t="array" ref="E1550">IFERROR(INDEX(Jesper!AI$2:AI$366,ROUNDDOWN($C1550/24,0)+1,1)*INDEX($D$3:$AA$30,INDEX(Jesper!$R$2:$R$366,ROW(INDEX(Jesper!AI$2:AI$366,ROUNDDOWN($C1550/24,0)+1,1))-1)+IF('Standard Profiles'!$G$19=$B$10,7,0)+IF('Standard Profiles'!$G$19=$B$17,14,0)+IF('Standard Profiles'!$G$19=$B$24,21,0),MOD($C1550,24)+1)/SUM(INDEX($D$3:$AA$30,INDEX(Jesper!$R$2:$R$366,ROW(INDEX(Jesper!AI$2:AI$366,ROUNDDOWN($C1550/24,0)+1,1))-1)+IF('Standard Profiles'!$G$19=$B$10,7,0)+IF('Standard Profiles'!$G$19=$B$17,14,0)+IF('Standard Profiles'!$G$19=$B$24,21,0),0)),0)</f>
        <v>0</v>
      </c>
      <c r="F1550" cm="1">
        <f t="array" ref="F1550">IFERROR(INDEX(Jesper!AJ$2:AJ$366,ROUNDDOWN($C1550/24,0)+1,1)*INDEX($D$3:$AA$30,INDEX(Jesper!$R$2:$R$366,ROW(INDEX(Jesper!AJ$2:AJ$366,ROUNDDOWN($C1550/24,0)+1,1))-1)+IF('Standard Profiles'!$G$20=$B$10,7,0)+IF('Standard Profiles'!$G$20=$B$17,14,0)+IF('Standard Profiles'!$G$20=$B$24,21,0),MOD($C1550,24)+1)/SUM(INDEX($D$3:$AA$30,INDEX(Jesper!$R$2:$R$366,ROW(INDEX(Jesper!AJ$2:AJ$366,ROUNDDOWN($C1550/24,0)+1,1))-1)+IF('Standard Profiles'!$G$20=$B$10,7,0)+IF('Standard Profiles'!$G$20=$B$17,14,0)+IF('Standard Profiles'!$G$20=$B$24,21,0),0)),0)</f>
        <v>0</v>
      </c>
      <c r="G1550" cm="1">
        <f t="array" ref="G1550">IFERROR(INDEX(Jesper!AK$2:AK$366,ROUNDDOWN($C1550/24,0)+1,1)*INDEX($D$3:$AA$30,INDEX(Jesper!$R$2:$R$366,ROW(INDEX(Jesper!AK$2:AK$366,ROUNDDOWN($C1550/24,0)+1,1))-1)+IF('Standard Profiles'!$G$21=$B$10,7,0)+IF('Standard Profiles'!$G$21=$B$17,14,0)+IF('Standard Profiles'!$G$21=$B$24,21,0),MOD($C1550,24)+1)/SUM(INDEX($D$3:$AA$30,INDEX(Jesper!$R$2:$R$366,ROW(INDEX(Jesper!AK$2:AK$366,ROUNDDOWN($C1550/24,0)+1,1))-1)+IF('Standard Profiles'!$G$21=$B$10,7,0)+IF('Standard Profiles'!$G$21=$B$17,14,0)+IF('Standard Profiles'!$G$21=$B$24,21,0),0)),0)</f>
        <v>0</v>
      </c>
      <c r="H1550" cm="1">
        <f t="array" ref="H1550">IFERROR(INDEX(Jesper!AL$2:AL$366,ROUNDDOWN($C1550/24,0)+1,1)*INDEX($D$3:$AA$30,INDEX(Jesper!$R$2:$R$366,ROW(INDEX(Jesper!AL$2:AL$366,ROUNDDOWN($C1550/24,0)+1,1))-1)+IF('Standard Profiles'!$G$22=$B$10,7,0)+IF('Standard Profiles'!$G$22=$B$17,14,0)+IF('Standard Profiles'!$G$22=$B$24,21,0),MOD($C1550,24)+1)/SUM(INDEX($D$3:$AA$30,INDEX(Jesper!$R$2:$R$366,ROW(INDEX(Jesper!AL$2:AL$366,ROUNDDOWN($C1550/24,0)+1,1))-1)+IF('Standard Profiles'!$G$22=$B$10,7,0)+IF('Standard Profiles'!$G$22=$B$17,14,0)+IF('Standard Profiles'!$G$22=$B$24,21,0),0)),0)</f>
        <v>0</v>
      </c>
      <c r="I1550">
        <f t="shared" si="181"/>
        <v>8.1273850490965013E-2</v>
      </c>
      <c r="J1550">
        <f t="shared" si="182"/>
        <v>0.27091283496988339</v>
      </c>
      <c r="K1550">
        <f t="shared" si="183"/>
        <v>0.40636925245482503</v>
      </c>
      <c r="L1550">
        <f t="shared" si="184"/>
        <v>1.9505724117831602</v>
      </c>
      <c r="M1550">
        <f t="shared" si="185"/>
        <v>0</v>
      </c>
      <c r="N1550" s="46">
        <f t="shared" si="186"/>
        <v>45355.16666666299</v>
      </c>
    </row>
    <row r="1551" spans="2:14" x14ac:dyDescent="0.3">
      <c r="B1551">
        <f t="shared" si="180"/>
        <v>1</v>
      </c>
      <c r="C1551" s="16">
        <v>1517</v>
      </c>
      <c r="D1551" cm="1">
        <f t="array" ref="D1551">IFERROR(INDEX(Jesper!AH$2:AH$366,ROUNDDOWN($C1551/24,0)+1,1)*INDEX($D$3:$AA$30,INDEX(Jesper!$R$2:$R$366,ROW(INDEX(Jesper!AH$2:AH$366,ROUNDDOWN($C1551/24,0)+1,1))-1)+IF('Standard Profiles'!$G$18=$B$10,7,0)+IF('Standard Profiles'!$G$18=$B$17,14,0)+IF('Standard Profiles'!$G$18=$B$24,21,0),MOD($C1551,24)+1)/SUM(INDEX($D$3:$AA$30,INDEX(Jesper!$R$2:$R$366,ROW(INDEX(Jesper!AH$2:AH$366,ROUNDDOWN($C1551/24,0)+1,1))-1)+IF('Standard Profiles'!$G$18=$B$10,7,0)+IF('Standard Profiles'!$G$18=$B$17,14,0)+IF('Standard Profiles'!$G$18=$B$24,21,0),0)),0)</f>
        <v>11.739556182028279</v>
      </c>
      <c r="E1551" cm="1">
        <f t="array" ref="E1551">IFERROR(INDEX(Jesper!AI$2:AI$366,ROUNDDOWN($C1551/24,0)+1,1)*INDEX($D$3:$AA$30,INDEX(Jesper!$R$2:$R$366,ROW(INDEX(Jesper!AI$2:AI$366,ROUNDDOWN($C1551/24,0)+1,1))-1)+IF('Standard Profiles'!$G$19=$B$10,7,0)+IF('Standard Profiles'!$G$19=$B$17,14,0)+IF('Standard Profiles'!$G$19=$B$24,21,0),MOD($C1551,24)+1)/SUM(INDEX($D$3:$AA$30,INDEX(Jesper!$R$2:$R$366,ROW(INDEX(Jesper!AI$2:AI$366,ROUNDDOWN($C1551/24,0)+1,1))-1)+IF('Standard Profiles'!$G$19=$B$10,7,0)+IF('Standard Profiles'!$G$19=$B$17,14,0)+IF('Standard Profiles'!$G$19=$B$24,21,0),0)),0)</f>
        <v>0</v>
      </c>
      <c r="F1551" cm="1">
        <f t="array" ref="F1551">IFERROR(INDEX(Jesper!AJ$2:AJ$366,ROUNDDOWN($C1551/24,0)+1,1)*INDEX($D$3:$AA$30,INDEX(Jesper!$R$2:$R$366,ROW(INDEX(Jesper!AJ$2:AJ$366,ROUNDDOWN($C1551/24,0)+1,1))-1)+IF('Standard Profiles'!$G$20=$B$10,7,0)+IF('Standard Profiles'!$G$20=$B$17,14,0)+IF('Standard Profiles'!$G$20=$B$24,21,0),MOD($C1551,24)+1)/SUM(INDEX($D$3:$AA$30,INDEX(Jesper!$R$2:$R$366,ROW(INDEX(Jesper!AJ$2:AJ$366,ROUNDDOWN($C1551/24,0)+1,1))-1)+IF('Standard Profiles'!$G$20=$B$10,7,0)+IF('Standard Profiles'!$G$20=$B$17,14,0)+IF('Standard Profiles'!$G$20=$B$24,21,0),0)),0)</f>
        <v>0</v>
      </c>
      <c r="G1551" cm="1">
        <f t="array" ref="G1551">IFERROR(INDEX(Jesper!AK$2:AK$366,ROUNDDOWN($C1551/24,0)+1,1)*INDEX($D$3:$AA$30,INDEX(Jesper!$R$2:$R$366,ROW(INDEX(Jesper!AK$2:AK$366,ROUNDDOWN($C1551/24,0)+1,1))-1)+IF('Standard Profiles'!$G$21=$B$10,7,0)+IF('Standard Profiles'!$G$21=$B$17,14,0)+IF('Standard Profiles'!$G$21=$B$24,21,0),MOD($C1551,24)+1)/SUM(INDEX($D$3:$AA$30,INDEX(Jesper!$R$2:$R$366,ROW(INDEX(Jesper!AK$2:AK$366,ROUNDDOWN($C1551/24,0)+1,1))-1)+IF('Standard Profiles'!$G$21=$B$10,7,0)+IF('Standard Profiles'!$G$21=$B$17,14,0)+IF('Standard Profiles'!$G$21=$B$24,21,0),0)),0)</f>
        <v>0</v>
      </c>
      <c r="H1551" cm="1">
        <f t="array" ref="H1551">IFERROR(INDEX(Jesper!AL$2:AL$366,ROUNDDOWN($C1551/24,0)+1,1)*INDEX($D$3:$AA$30,INDEX(Jesper!$R$2:$R$366,ROW(INDEX(Jesper!AL$2:AL$366,ROUNDDOWN($C1551/24,0)+1,1))-1)+IF('Standard Profiles'!$G$22=$B$10,7,0)+IF('Standard Profiles'!$G$22=$B$17,14,0)+IF('Standard Profiles'!$G$22=$B$24,21,0),MOD($C1551,24)+1)/SUM(INDEX($D$3:$AA$30,INDEX(Jesper!$R$2:$R$366,ROW(INDEX(Jesper!AL$2:AL$366,ROUNDDOWN($C1551/24,0)+1,1))-1)+IF('Standard Profiles'!$G$22=$B$10,7,0)+IF('Standard Profiles'!$G$22=$B$17,14,0)+IF('Standard Profiles'!$G$22=$B$24,21,0),0)),0)</f>
        <v>0</v>
      </c>
      <c r="I1551">
        <f t="shared" si="181"/>
        <v>0.35218668546084836</v>
      </c>
      <c r="J1551">
        <f t="shared" si="182"/>
        <v>1.1739556182028279</v>
      </c>
      <c r="K1551">
        <f t="shared" si="183"/>
        <v>1.7609334273042418</v>
      </c>
      <c r="L1551">
        <f t="shared" si="184"/>
        <v>8.4524804510603602</v>
      </c>
      <c r="M1551">
        <f t="shared" si="185"/>
        <v>0</v>
      </c>
      <c r="N1551" s="46">
        <f t="shared" si="186"/>
        <v>45355.208333329654</v>
      </c>
    </row>
    <row r="1552" spans="2:14" x14ac:dyDescent="0.3">
      <c r="B1552">
        <f t="shared" si="180"/>
        <v>1</v>
      </c>
      <c r="C1552" s="16">
        <v>1518</v>
      </c>
      <c r="D1552" cm="1">
        <f t="array" ref="D1552">IFERROR(INDEX(Jesper!AH$2:AH$366,ROUNDDOWN($C1552/24,0)+1,1)*INDEX($D$3:$AA$30,INDEX(Jesper!$R$2:$R$366,ROW(INDEX(Jesper!AH$2:AH$366,ROUNDDOWN($C1552/24,0)+1,1))-1)+IF('Standard Profiles'!$G$18=$B$10,7,0)+IF('Standard Profiles'!$G$18=$B$17,14,0)+IF('Standard Profiles'!$G$18=$B$24,21,0),MOD($C1552,24)+1)/SUM(INDEX($D$3:$AA$30,INDEX(Jesper!$R$2:$R$366,ROW(INDEX(Jesper!AH$2:AH$366,ROUNDDOWN($C1552/24,0)+1,1))-1)+IF('Standard Profiles'!$G$18=$B$10,7,0)+IF('Standard Profiles'!$G$18=$B$17,14,0)+IF('Standard Profiles'!$G$18=$B$24,21,0),0)),0)</f>
        <v>13.319881052685933</v>
      </c>
      <c r="E1552" cm="1">
        <f t="array" ref="E1552">IFERROR(INDEX(Jesper!AI$2:AI$366,ROUNDDOWN($C1552/24,0)+1,1)*INDEX($D$3:$AA$30,INDEX(Jesper!$R$2:$R$366,ROW(INDEX(Jesper!AI$2:AI$366,ROUNDDOWN($C1552/24,0)+1,1))-1)+IF('Standard Profiles'!$G$19=$B$10,7,0)+IF('Standard Profiles'!$G$19=$B$17,14,0)+IF('Standard Profiles'!$G$19=$B$24,21,0),MOD($C1552,24)+1)/SUM(INDEX($D$3:$AA$30,INDEX(Jesper!$R$2:$R$366,ROW(INDEX(Jesper!AI$2:AI$366,ROUNDDOWN($C1552/24,0)+1,1))-1)+IF('Standard Profiles'!$G$19=$B$10,7,0)+IF('Standard Profiles'!$G$19=$B$17,14,0)+IF('Standard Profiles'!$G$19=$B$24,21,0),0)),0)</f>
        <v>0</v>
      </c>
      <c r="F1552" cm="1">
        <f t="array" ref="F1552">IFERROR(INDEX(Jesper!AJ$2:AJ$366,ROUNDDOWN($C1552/24,0)+1,1)*INDEX($D$3:$AA$30,INDEX(Jesper!$R$2:$R$366,ROW(INDEX(Jesper!AJ$2:AJ$366,ROUNDDOWN($C1552/24,0)+1,1))-1)+IF('Standard Profiles'!$G$20=$B$10,7,0)+IF('Standard Profiles'!$G$20=$B$17,14,0)+IF('Standard Profiles'!$G$20=$B$24,21,0),MOD($C1552,24)+1)/SUM(INDEX($D$3:$AA$30,INDEX(Jesper!$R$2:$R$366,ROW(INDEX(Jesper!AJ$2:AJ$366,ROUNDDOWN($C1552/24,0)+1,1))-1)+IF('Standard Profiles'!$G$20=$B$10,7,0)+IF('Standard Profiles'!$G$20=$B$17,14,0)+IF('Standard Profiles'!$G$20=$B$24,21,0),0)),0)</f>
        <v>0</v>
      </c>
      <c r="G1552" cm="1">
        <f t="array" ref="G1552">IFERROR(INDEX(Jesper!AK$2:AK$366,ROUNDDOWN($C1552/24,0)+1,1)*INDEX($D$3:$AA$30,INDEX(Jesper!$R$2:$R$366,ROW(INDEX(Jesper!AK$2:AK$366,ROUNDDOWN($C1552/24,0)+1,1))-1)+IF('Standard Profiles'!$G$21=$B$10,7,0)+IF('Standard Profiles'!$G$21=$B$17,14,0)+IF('Standard Profiles'!$G$21=$B$24,21,0),MOD($C1552,24)+1)/SUM(INDEX($D$3:$AA$30,INDEX(Jesper!$R$2:$R$366,ROW(INDEX(Jesper!AK$2:AK$366,ROUNDDOWN($C1552/24,0)+1,1))-1)+IF('Standard Profiles'!$G$21=$B$10,7,0)+IF('Standard Profiles'!$G$21=$B$17,14,0)+IF('Standard Profiles'!$G$21=$B$24,21,0),0)),0)</f>
        <v>0</v>
      </c>
      <c r="H1552" cm="1">
        <f t="array" ref="H1552">IFERROR(INDEX(Jesper!AL$2:AL$366,ROUNDDOWN($C1552/24,0)+1,1)*INDEX($D$3:$AA$30,INDEX(Jesper!$R$2:$R$366,ROW(INDEX(Jesper!AL$2:AL$366,ROUNDDOWN($C1552/24,0)+1,1))-1)+IF('Standard Profiles'!$G$22=$B$10,7,0)+IF('Standard Profiles'!$G$22=$B$17,14,0)+IF('Standard Profiles'!$G$22=$B$24,21,0),MOD($C1552,24)+1)/SUM(INDEX($D$3:$AA$30,INDEX(Jesper!$R$2:$R$366,ROW(INDEX(Jesper!AL$2:AL$366,ROUNDDOWN($C1552/24,0)+1,1))-1)+IF('Standard Profiles'!$G$22=$B$10,7,0)+IF('Standard Profiles'!$G$22=$B$17,14,0)+IF('Standard Profiles'!$G$22=$B$24,21,0),0)),0)</f>
        <v>0</v>
      </c>
      <c r="I1552">
        <f t="shared" si="181"/>
        <v>0.39959643158057795</v>
      </c>
      <c r="J1552">
        <f t="shared" si="182"/>
        <v>1.3319881052685933</v>
      </c>
      <c r="K1552">
        <f t="shared" si="183"/>
        <v>1.9979821579028898</v>
      </c>
      <c r="L1552">
        <f t="shared" si="184"/>
        <v>9.5903143579338703</v>
      </c>
      <c r="M1552">
        <f t="shared" si="185"/>
        <v>0</v>
      </c>
      <c r="N1552" s="46">
        <f t="shared" si="186"/>
        <v>45355.249999996318</v>
      </c>
    </row>
    <row r="1553" spans="2:14" x14ac:dyDescent="0.3">
      <c r="B1553">
        <f t="shared" si="180"/>
        <v>1</v>
      </c>
      <c r="C1553" s="16">
        <v>1519</v>
      </c>
      <c r="D1553" cm="1">
        <f t="array" ref="D1553">IFERROR(INDEX(Jesper!AH$2:AH$366,ROUNDDOWN($C1553/24,0)+1,1)*INDEX($D$3:$AA$30,INDEX(Jesper!$R$2:$R$366,ROW(INDEX(Jesper!AH$2:AH$366,ROUNDDOWN($C1553/24,0)+1,1))-1)+IF('Standard Profiles'!$G$18=$B$10,7,0)+IF('Standard Profiles'!$G$18=$B$17,14,0)+IF('Standard Profiles'!$G$18=$B$24,21,0),MOD($C1553,24)+1)/SUM(INDEX($D$3:$AA$30,INDEX(Jesper!$R$2:$R$366,ROW(INDEX(Jesper!AH$2:AH$366,ROUNDDOWN($C1553/24,0)+1,1))-1)+IF('Standard Profiles'!$G$18=$B$10,7,0)+IF('Standard Profiles'!$G$18=$B$17,14,0)+IF('Standard Profiles'!$G$18=$B$24,21,0),0)),0)</f>
        <v>13.319881052685933</v>
      </c>
      <c r="E1553" cm="1">
        <f t="array" ref="E1553">IFERROR(INDEX(Jesper!AI$2:AI$366,ROUNDDOWN($C1553/24,0)+1,1)*INDEX($D$3:$AA$30,INDEX(Jesper!$R$2:$R$366,ROW(INDEX(Jesper!AI$2:AI$366,ROUNDDOWN($C1553/24,0)+1,1))-1)+IF('Standard Profiles'!$G$19=$B$10,7,0)+IF('Standard Profiles'!$G$19=$B$17,14,0)+IF('Standard Profiles'!$G$19=$B$24,21,0),MOD($C1553,24)+1)/SUM(INDEX($D$3:$AA$30,INDEX(Jesper!$R$2:$R$366,ROW(INDEX(Jesper!AI$2:AI$366,ROUNDDOWN($C1553/24,0)+1,1))-1)+IF('Standard Profiles'!$G$19=$B$10,7,0)+IF('Standard Profiles'!$G$19=$B$17,14,0)+IF('Standard Profiles'!$G$19=$B$24,21,0),0)),0)</f>
        <v>0</v>
      </c>
      <c r="F1553" cm="1">
        <f t="array" ref="F1553">IFERROR(INDEX(Jesper!AJ$2:AJ$366,ROUNDDOWN($C1553/24,0)+1,1)*INDEX($D$3:$AA$30,INDEX(Jesper!$R$2:$R$366,ROW(INDEX(Jesper!AJ$2:AJ$366,ROUNDDOWN($C1553/24,0)+1,1))-1)+IF('Standard Profiles'!$G$20=$B$10,7,0)+IF('Standard Profiles'!$G$20=$B$17,14,0)+IF('Standard Profiles'!$G$20=$B$24,21,0),MOD($C1553,24)+1)/SUM(INDEX($D$3:$AA$30,INDEX(Jesper!$R$2:$R$366,ROW(INDEX(Jesper!AJ$2:AJ$366,ROUNDDOWN($C1553/24,0)+1,1))-1)+IF('Standard Profiles'!$G$20=$B$10,7,0)+IF('Standard Profiles'!$G$20=$B$17,14,0)+IF('Standard Profiles'!$G$20=$B$24,21,0),0)),0)</f>
        <v>0</v>
      </c>
      <c r="G1553" cm="1">
        <f t="array" ref="G1553">IFERROR(INDEX(Jesper!AK$2:AK$366,ROUNDDOWN($C1553/24,0)+1,1)*INDEX($D$3:$AA$30,INDEX(Jesper!$R$2:$R$366,ROW(INDEX(Jesper!AK$2:AK$366,ROUNDDOWN($C1553/24,0)+1,1))-1)+IF('Standard Profiles'!$G$21=$B$10,7,0)+IF('Standard Profiles'!$G$21=$B$17,14,0)+IF('Standard Profiles'!$G$21=$B$24,21,0),MOD($C1553,24)+1)/SUM(INDEX($D$3:$AA$30,INDEX(Jesper!$R$2:$R$366,ROW(INDEX(Jesper!AK$2:AK$366,ROUNDDOWN($C1553/24,0)+1,1))-1)+IF('Standard Profiles'!$G$21=$B$10,7,0)+IF('Standard Profiles'!$G$21=$B$17,14,0)+IF('Standard Profiles'!$G$21=$B$24,21,0),0)),0)</f>
        <v>0</v>
      </c>
      <c r="H1553" cm="1">
        <f t="array" ref="H1553">IFERROR(INDEX(Jesper!AL$2:AL$366,ROUNDDOWN($C1553/24,0)+1,1)*INDEX($D$3:$AA$30,INDEX(Jesper!$R$2:$R$366,ROW(INDEX(Jesper!AL$2:AL$366,ROUNDDOWN($C1553/24,0)+1,1))-1)+IF('Standard Profiles'!$G$22=$B$10,7,0)+IF('Standard Profiles'!$G$22=$B$17,14,0)+IF('Standard Profiles'!$G$22=$B$24,21,0),MOD($C1553,24)+1)/SUM(INDEX($D$3:$AA$30,INDEX(Jesper!$R$2:$R$366,ROW(INDEX(Jesper!AL$2:AL$366,ROUNDDOWN($C1553/24,0)+1,1))-1)+IF('Standard Profiles'!$G$22=$B$10,7,0)+IF('Standard Profiles'!$G$22=$B$17,14,0)+IF('Standard Profiles'!$G$22=$B$24,21,0),0)),0)</f>
        <v>0</v>
      </c>
      <c r="I1553">
        <f t="shared" si="181"/>
        <v>0.39959643158057795</v>
      </c>
      <c r="J1553">
        <f t="shared" si="182"/>
        <v>1.3319881052685933</v>
      </c>
      <c r="K1553">
        <f t="shared" si="183"/>
        <v>1.9979821579028898</v>
      </c>
      <c r="L1553">
        <f t="shared" si="184"/>
        <v>9.5903143579338703</v>
      </c>
      <c r="M1553">
        <f t="shared" si="185"/>
        <v>0</v>
      </c>
      <c r="N1553" s="46">
        <f t="shared" si="186"/>
        <v>45355.291666662983</v>
      </c>
    </row>
    <row r="1554" spans="2:14" x14ac:dyDescent="0.3">
      <c r="B1554">
        <f t="shared" si="180"/>
        <v>1</v>
      </c>
      <c r="C1554" s="16">
        <v>1520</v>
      </c>
      <c r="D1554" cm="1">
        <f t="array" ref="D1554">IFERROR(INDEX(Jesper!AH$2:AH$366,ROUNDDOWN($C1554/24,0)+1,1)*INDEX($D$3:$AA$30,INDEX(Jesper!$R$2:$R$366,ROW(INDEX(Jesper!AH$2:AH$366,ROUNDDOWN($C1554/24,0)+1,1))-1)+IF('Standard Profiles'!$G$18=$B$10,7,0)+IF('Standard Profiles'!$G$18=$B$17,14,0)+IF('Standard Profiles'!$G$18=$B$24,21,0),MOD($C1554,24)+1)/SUM(INDEX($D$3:$AA$30,INDEX(Jesper!$R$2:$R$366,ROW(INDEX(Jesper!AH$2:AH$366,ROUNDDOWN($C1554/24,0)+1,1))-1)+IF('Standard Profiles'!$G$18=$B$10,7,0)+IF('Standard Profiles'!$G$18=$B$17,14,0)+IF('Standard Profiles'!$G$18=$B$24,21,0),0)),0)</f>
        <v>13.319881052685933</v>
      </c>
      <c r="E1554" cm="1">
        <f t="array" ref="E1554">IFERROR(INDEX(Jesper!AI$2:AI$366,ROUNDDOWN($C1554/24,0)+1,1)*INDEX($D$3:$AA$30,INDEX(Jesper!$R$2:$R$366,ROW(INDEX(Jesper!AI$2:AI$366,ROUNDDOWN($C1554/24,0)+1,1))-1)+IF('Standard Profiles'!$G$19=$B$10,7,0)+IF('Standard Profiles'!$G$19=$B$17,14,0)+IF('Standard Profiles'!$G$19=$B$24,21,0),MOD($C1554,24)+1)/SUM(INDEX($D$3:$AA$30,INDEX(Jesper!$R$2:$R$366,ROW(INDEX(Jesper!AI$2:AI$366,ROUNDDOWN($C1554/24,0)+1,1))-1)+IF('Standard Profiles'!$G$19=$B$10,7,0)+IF('Standard Profiles'!$G$19=$B$17,14,0)+IF('Standard Profiles'!$G$19=$B$24,21,0),0)),0)</f>
        <v>0</v>
      </c>
      <c r="F1554" cm="1">
        <f t="array" ref="F1554">IFERROR(INDEX(Jesper!AJ$2:AJ$366,ROUNDDOWN($C1554/24,0)+1,1)*INDEX($D$3:$AA$30,INDEX(Jesper!$R$2:$R$366,ROW(INDEX(Jesper!AJ$2:AJ$366,ROUNDDOWN($C1554/24,0)+1,1))-1)+IF('Standard Profiles'!$G$20=$B$10,7,0)+IF('Standard Profiles'!$G$20=$B$17,14,0)+IF('Standard Profiles'!$G$20=$B$24,21,0),MOD($C1554,24)+1)/SUM(INDEX($D$3:$AA$30,INDEX(Jesper!$R$2:$R$366,ROW(INDEX(Jesper!AJ$2:AJ$366,ROUNDDOWN($C1554/24,0)+1,1))-1)+IF('Standard Profiles'!$G$20=$B$10,7,0)+IF('Standard Profiles'!$G$20=$B$17,14,0)+IF('Standard Profiles'!$G$20=$B$24,21,0),0)),0)</f>
        <v>0</v>
      </c>
      <c r="G1554" cm="1">
        <f t="array" ref="G1554">IFERROR(INDEX(Jesper!AK$2:AK$366,ROUNDDOWN($C1554/24,0)+1,1)*INDEX($D$3:$AA$30,INDEX(Jesper!$R$2:$R$366,ROW(INDEX(Jesper!AK$2:AK$366,ROUNDDOWN($C1554/24,0)+1,1))-1)+IF('Standard Profiles'!$G$21=$B$10,7,0)+IF('Standard Profiles'!$G$21=$B$17,14,0)+IF('Standard Profiles'!$G$21=$B$24,21,0),MOD($C1554,24)+1)/SUM(INDEX($D$3:$AA$30,INDEX(Jesper!$R$2:$R$366,ROW(INDEX(Jesper!AK$2:AK$366,ROUNDDOWN($C1554/24,0)+1,1))-1)+IF('Standard Profiles'!$G$21=$B$10,7,0)+IF('Standard Profiles'!$G$21=$B$17,14,0)+IF('Standard Profiles'!$G$21=$B$24,21,0),0)),0)</f>
        <v>0</v>
      </c>
      <c r="H1554" cm="1">
        <f t="array" ref="H1554">IFERROR(INDEX(Jesper!AL$2:AL$366,ROUNDDOWN($C1554/24,0)+1,1)*INDEX($D$3:$AA$30,INDEX(Jesper!$R$2:$R$366,ROW(INDEX(Jesper!AL$2:AL$366,ROUNDDOWN($C1554/24,0)+1,1))-1)+IF('Standard Profiles'!$G$22=$B$10,7,0)+IF('Standard Profiles'!$G$22=$B$17,14,0)+IF('Standard Profiles'!$G$22=$B$24,21,0),MOD($C1554,24)+1)/SUM(INDEX($D$3:$AA$30,INDEX(Jesper!$R$2:$R$366,ROW(INDEX(Jesper!AL$2:AL$366,ROUNDDOWN($C1554/24,0)+1,1))-1)+IF('Standard Profiles'!$G$22=$B$10,7,0)+IF('Standard Profiles'!$G$22=$B$17,14,0)+IF('Standard Profiles'!$G$22=$B$24,21,0),0)),0)</f>
        <v>0</v>
      </c>
      <c r="I1554">
        <f t="shared" si="181"/>
        <v>0.39959643158057795</v>
      </c>
      <c r="J1554">
        <f t="shared" si="182"/>
        <v>1.3319881052685933</v>
      </c>
      <c r="K1554">
        <f t="shared" si="183"/>
        <v>1.9979821579028898</v>
      </c>
      <c r="L1554">
        <f t="shared" si="184"/>
        <v>9.5903143579338703</v>
      </c>
      <c r="M1554">
        <f t="shared" si="185"/>
        <v>0</v>
      </c>
      <c r="N1554" s="46">
        <f t="shared" si="186"/>
        <v>45355.333333329647</v>
      </c>
    </row>
    <row r="1555" spans="2:14" x14ac:dyDescent="0.3">
      <c r="B1555">
        <f t="shared" si="180"/>
        <v>1</v>
      </c>
      <c r="C1555" s="16">
        <v>1521</v>
      </c>
      <c r="D1555" cm="1">
        <f t="array" ref="D1555">IFERROR(INDEX(Jesper!AH$2:AH$366,ROUNDDOWN($C1555/24,0)+1,1)*INDEX($D$3:$AA$30,INDEX(Jesper!$R$2:$R$366,ROW(INDEX(Jesper!AH$2:AH$366,ROUNDDOWN($C1555/24,0)+1,1))-1)+IF('Standard Profiles'!$G$18=$B$10,7,0)+IF('Standard Profiles'!$G$18=$B$17,14,0)+IF('Standard Profiles'!$G$18=$B$24,21,0),MOD($C1555,24)+1)/SUM(INDEX($D$3:$AA$30,INDEX(Jesper!$R$2:$R$366,ROW(INDEX(Jesper!AH$2:AH$366,ROUNDDOWN($C1555/24,0)+1,1))-1)+IF('Standard Profiles'!$G$18=$B$10,7,0)+IF('Standard Profiles'!$G$18=$B$17,14,0)+IF('Standard Profiles'!$G$18=$B$24,21,0),0)),0)</f>
        <v>14.222923835918879</v>
      </c>
      <c r="E1555" cm="1">
        <f t="array" ref="E1555">IFERROR(INDEX(Jesper!AI$2:AI$366,ROUNDDOWN($C1555/24,0)+1,1)*INDEX($D$3:$AA$30,INDEX(Jesper!$R$2:$R$366,ROW(INDEX(Jesper!AI$2:AI$366,ROUNDDOWN($C1555/24,0)+1,1))-1)+IF('Standard Profiles'!$G$19=$B$10,7,0)+IF('Standard Profiles'!$G$19=$B$17,14,0)+IF('Standard Profiles'!$G$19=$B$24,21,0),MOD($C1555,24)+1)/SUM(INDEX($D$3:$AA$30,INDEX(Jesper!$R$2:$R$366,ROW(INDEX(Jesper!AI$2:AI$366,ROUNDDOWN($C1555/24,0)+1,1))-1)+IF('Standard Profiles'!$G$19=$B$10,7,0)+IF('Standard Profiles'!$G$19=$B$17,14,0)+IF('Standard Profiles'!$G$19=$B$24,21,0),0)),0)</f>
        <v>0</v>
      </c>
      <c r="F1555" cm="1">
        <f t="array" ref="F1555">IFERROR(INDEX(Jesper!AJ$2:AJ$366,ROUNDDOWN($C1555/24,0)+1,1)*INDEX($D$3:$AA$30,INDEX(Jesper!$R$2:$R$366,ROW(INDEX(Jesper!AJ$2:AJ$366,ROUNDDOWN($C1555/24,0)+1,1))-1)+IF('Standard Profiles'!$G$20=$B$10,7,0)+IF('Standard Profiles'!$G$20=$B$17,14,0)+IF('Standard Profiles'!$G$20=$B$24,21,0),MOD($C1555,24)+1)/SUM(INDEX($D$3:$AA$30,INDEX(Jesper!$R$2:$R$366,ROW(INDEX(Jesper!AJ$2:AJ$366,ROUNDDOWN($C1555/24,0)+1,1))-1)+IF('Standard Profiles'!$G$20=$B$10,7,0)+IF('Standard Profiles'!$G$20=$B$17,14,0)+IF('Standard Profiles'!$G$20=$B$24,21,0),0)),0)</f>
        <v>0</v>
      </c>
      <c r="G1555" cm="1">
        <f t="array" ref="G1555">IFERROR(INDEX(Jesper!AK$2:AK$366,ROUNDDOWN($C1555/24,0)+1,1)*INDEX($D$3:$AA$30,INDEX(Jesper!$R$2:$R$366,ROW(INDEX(Jesper!AK$2:AK$366,ROUNDDOWN($C1555/24,0)+1,1))-1)+IF('Standard Profiles'!$G$21=$B$10,7,0)+IF('Standard Profiles'!$G$21=$B$17,14,0)+IF('Standard Profiles'!$G$21=$B$24,21,0),MOD($C1555,24)+1)/SUM(INDEX($D$3:$AA$30,INDEX(Jesper!$R$2:$R$366,ROW(INDEX(Jesper!AK$2:AK$366,ROUNDDOWN($C1555/24,0)+1,1))-1)+IF('Standard Profiles'!$G$21=$B$10,7,0)+IF('Standard Profiles'!$G$21=$B$17,14,0)+IF('Standard Profiles'!$G$21=$B$24,21,0),0)),0)</f>
        <v>0</v>
      </c>
      <c r="H1555" cm="1">
        <f t="array" ref="H1555">IFERROR(INDEX(Jesper!AL$2:AL$366,ROUNDDOWN($C1555/24,0)+1,1)*INDEX($D$3:$AA$30,INDEX(Jesper!$R$2:$R$366,ROW(INDEX(Jesper!AL$2:AL$366,ROUNDDOWN($C1555/24,0)+1,1))-1)+IF('Standard Profiles'!$G$22=$B$10,7,0)+IF('Standard Profiles'!$G$22=$B$17,14,0)+IF('Standard Profiles'!$G$22=$B$24,21,0),MOD($C1555,24)+1)/SUM(INDEX($D$3:$AA$30,INDEX(Jesper!$R$2:$R$366,ROW(INDEX(Jesper!AL$2:AL$366,ROUNDDOWN($C1555/24,0)+1,1))-1)+IF('Standard Profiles'!$G$22=$B$10,7,0)+IF('Standard Profiles'!$G$22=$B$17,14,0)+IF('Standard Profiles'!$G$22=$B$24,21,0),0)),0)</f>
        <v>0</v>
      </c>
      <c r="I1555">
        <f t="shared" si="181"/>
        <v>0.42668771507756637</v>
      </c>
      <c r="J1555">
        <f t="shared" si="182"/>
        <v>1.4222923835918879</v>
      </c>
      <c r="K1555">
        <f t="shared" si="183"/>
        <v>2.1334385753878315</v>
      </c>
      <c r="L1555">
        <f t="shared" si="184"/>
        <v>10.240505161861593</v>
      </c>
      <c r="M1555">
        <f t="shared" si="185"/>
        <v>0</v>
      </c>
      <c r="N1555" s="46">
        <f t="shared" si="186"/>
        <v>45355.374999996311</v>
      </c>
    </row>
    <row r="1556" spans="2:14" x14ac:dyDescent="0.3">
      <c r="B1556">
        <f t="shared" si="180"/>
        <v>1</v>
      </c>
      <c r="C1556" s="16">
        <v>1522</v>
      </c>
      <c r="D1556" cm="1">
        <f t="array" ref="D1556">IFERROR(INDEX(Jesper!AH$2:AH$366,ROUNDDOWN($C1556/24,0)+1,1)*INDEX($D$3:$AA$30,INDEX(Jesper!$R$2:$R$366,ROW(INDEX(Jesper!AH$2:AH$366,ROUNDDOWN($C1556/24,0)+1,1))-1)+IF('Standard Profiles'!$G$18=$B$10,7,0)+IF('Standard Profiles'!$G$18=$B$17,14,0)+IF('Standard Profiles'!$G$18=$B$24,21,0),MOD($C1556,24)+1)/SUM(INDEX($D$3:$AA$30,INDEX(Jesper!$R$2:$R$366,ROW(INDEX(Jesper!AH$2:AH$366,ROUNDDOWN($C1556/24,0)+1,1))-1)+IF('Standard Profiles'!$G$18=$B$10,7,0)+IF('Standard Profiles'!$G$18=$B$17,14,0)+IF('Standard Profiles'!$G$18=$B$24,21,0),0)),0)</f>
        <v>14.222923835918879</v>
      </c>
      <c r="E1556" cm="1">
        <f t="array" ref="E1556">IFERROR(INDEX(Jesper!AI$2:AI$366,ROUNDDOWN($C1556/24,0)+1,1)*INDEX($D$3:$AA$30,INDEX(Jesper!$R$2:$R$366,ROW(INDEX(Jesper!AI$2:AI$366,ROUNDDOWN($C1556/24,0)+1,1))-1)+IF('Standard Profiles'!$G$19=$B$10,7,0)+IF('Standard Profiles'!$G$19=$B$17,14,0)+IF('Standard Profiles'!$G$19=$B$24,21,0),MOD($C1556,24)+1)/SUM(INDEX($D$3:$AA$30,INDEX(Jesper!$R$2:$R$366,ROW(INDEX(Jesper!AI$2:AI$366,ROUNDDOWN($C1556/24,0)+1,1))-1)+IF('Standard Profiles'!$G$19=$B$10,7,0)+IF('Standard Profiles'!$G$19=$B$17,14,0)+IF('Standard Profiles'!$G$19=$B$24,21,0),0)),0)</f>
        <v>0</v>
      </c>
      <c r="F1556" cm="1">
        <f t="array" ref="F1556">IFERROR(INDEX(Jesper!AJ$2:AJ$366,ROUNDDOWN($C1556/24,0)+1,1)*INDEX($D$3:$AA$30,INDEX(Jesper!$R$2:$R$366,ROW(INDEX(Jesper!AJ$2:AJ$366,ROUNDDOWN($C1556/24,0)+1,1))-1)+IF('Standard Profiles'!$G$20=$B$10,7,0)+IF('Standard Profiles'!$G$20=$B$17,14,0)+IF('Standard Profiles'!$G$20=$B$24,21,0),MOD($C1556,24)+1)/SUM(INDEX($D$3:$AA$30,INDEX(Jesper!$R$2:$R$366,ROW(INDEX(Jesper!AJ$2:AJ$366,ROUNDDOWN($C1556/24,0)+1,1))-1)+IF('Standard Profiles'!$G$20=$B$10,7,0)+IF('Standard Profiles'!$G$20=$B$17,14,0)+IF('Standard Profiles'!$G$20=$B$24,21,0),0)),0)</f>
        <v>0</v>
      </c>
      <c r="G1556" cm="1">
        <f t="array" ref="G1556">IFERROR(INDEX(Jesper!AK$2:AK$366,ROUNDDOWN($C1556/24,0)+1,1)*INDEX($D$3:$AA$30,INDEX(Jesper!$R$2:$R$366,ROW(INDEX(Jesper!AK$2:AK$366,ROUNDDOWN($C1556/24,0)+1,1))-1)+IF('Standard Profiles'!$G$21=$B$10,7,0)+IF('Standard Profiles'!$G$21=$B$17,14,0)+IF('Standard Profiles'!$G$21=$B$24,21,0),MOD($C1556,24)+1)/SUM(INDEX($D$3:$AA$30,INDEX(Jesper!$R$2:$R$366,ROW(INDEX(Jesper!AK$2:AK$366,ROUNDDOWN($C1556/24,0)+1,1))-1)+IF('Standard Profiles'!$G$21=$B$10,7,0)+IF('Standard Profiles'!$G$21=$B$17,14,0)+IF('Standard Profiles'!$G$21=$B$24,21,0),0)),0)</f>
        <v>0</v>
      </c>
      <c r="H1556" cm="1">
        <f t="array" ref="H1556">IFERROR(INDEX(Jesper!AL$2:AL$366,ROUNDDOWN($C1556/24,0)+1,1)*INDEX($D$3:$AA$30,INDEX(Jesper!$R$2:$R$366,ROW(INDEX(Jesper!AL$2:AL$366,ROUNDDOWN($C1556/24,0)+1,1))-1)+IF('Standard Profiles'!$G$22=$B$10,7,0)+IF('Standard Profiles'!$G$22=$B$17,14,0)+IF('Standard Profiles'!$G$22=$B$24,21,0),MOD($C1556,24)+1)/SUM(INDEX($D$3:$AA$30,INDEX(Jesper!$R$2:$R$366,ROW(INDEX(Jesper!AL$2:AL$366,ROUNDDOWN($C1556/24,0)+1,1))-1)+IF('Standard Profiles'!$G$22=$B$10,7,0)+IF('Standard Profiles'!$G$22=$B$17,14,0)+IF('Standard Profiles'!$G$22=$B$24,21,0),0)),0)</f>
        <v>0</v>
      </c>
      <c r="I1556">
        <f t="shared" si="181"/>
        <v>0.42668771507756637</v>
      </c>
      <c r="J1556">
        <f t="shared" si="182"/>
        <v>1.4222923835918879</v>
      </c>
      <c r="K1556">
        <f t="shared" si="183"/>
        <v>2.1334385753878315</v>
      </c>
      <c r="L1556">
        <f t="shared" si="184"/>
        <v>10.240505161861593</v>
      </c>
      <c r="M1556">
        <f t="shared" si="185"/>
        <v>0</v>
      </c>
      <c r="N1556" s="46">
        <f t="shared" si="186"/>
        <v>45355.416666662975</v>
      </c>
    </row>
    <row r="1557" spans="2:14" x14ac:dyDescent="0.3">
      <c r="B1557">
        <f t="shared" si="180"/>
        <v>1</v>
      </c>
      <c r="C1557" s="16">
        <v>1523</v>
      </c>
      <c r="D1557" cm="1">
        <f t="array" ref="D1557">IFERROR(INDEX(Jesper!AH$2:AH$366,ROUNDDOWN($C1557/24,0)+1,1)*INDEX($D$3:$AA$30,INDEX(Jesper!$R$2:$R$366,ROW(INDEX(Jesper!AH$2:AH$366,ROUNDDOWN($C1557/24,0)+1,1))-1)+IF('Standard Profiles'!$G$18=$B$10,7,0)+IF('Standard Profiles'!$G$18=$B$17,14,0)+IF('Standard Profiles'!$G$18=$B$24,21,0),MOD($C1557,24)+1)/SUM(INDEX($D$3:$AA$30,INDEX(Jesper!$R$2:$R$366,ROW(INDEX(Jesper!AH$2:AH$366,ROUNDDOWN($C1557/24,0)+1,1))-1)+IF('Standard Profiles'!$G$18=$B$10,7,0)+IF('Standard Profiles'!$G$18=$B$17,14,0)+IF('Standard Profiles'!$G$18=$B$24,21,0),0)),0)</f>
        <v>18.060855664658892</v>
      </c>
      <c r="E1557" cm="1">
        <f t="array" ref="E1557">IFERROR(INDEX(Jesper!AI$2:AI$366,ROUNDDOWN($C1557/24,0)+1,1)*INDEX($D$3:$AA$30,INDEX(Jesper!$R$2:$R$366,ROW(INDEX(Jesper!AI$2:AI$366,ROUNDDOWN($C1557/24,0)+1,1))-1)+IF('Standard Profiles'!$G$19=$B$10,7,0)+IF('Standard Profiles'!$G$19=$B$17,14,0)+IF('Standard Profiles'!$G$19=$B$24,21,0),MOD($C1557,24)+1)/SUM(INDEX($D$3:$AA$30,INDEX(Jesper!$R$2:$R$366,ROW(INDEX(Jesper!AI$2:AI$366,ROUNDDOWN($C1557/24,0)+1,1))-1)+IF('Standard Profiles'!$G$19=$B$10,7,0)+IF('Standard Profiles'!$G$19=$B$17,14,0)+IF('Standard Profiles'!$G$19=$B$24,21,0),0)),0)</f>
        <v>0</v>
      </c>
      <c r="F1557" cm="1">
        <f t="array" ref="F1557">IFERROR(INDEX(Jesper!AJ$2:AJ$366,ROUNDDOWN($C1557/24,0)+1,1)*INDEX($D$3:$AA$30,INDEX(Jesper!$R$2:$R$366,ROW(INDEX(Jesper!AJ$2:AJ$366,ROUNDDOWN($C1557/24,0)+1,1))-1)+IF('Standard Profiles'!$G$20=$B$10,7,0)+IF('Standard Profiles'!$G$20=$B$17,14,0)+IF('Standard Profiles'!$G$20=$B$24,21,0),MOD($C1557,24)+1)/SUM(INDEX($D$3:$AA$30,INDEX(Jesper!$R$2:$R$366,ROW(INDEX(Jesper!AJ$2:AJ$366,ROUNDDOWN($C1557/24,0)+1,1))-1)+IF('Standard Profiles'!$G$20=$B$10,7,0)+IF('Standard Profiles'!$G$20=$B$17,14,0)+IF('Standard Profiles'!$G$20=$B$24,21,0),0)),0)</f>
        <v>0</v>
      </c>
      <c r="G1557" cm="1">
        <f t="array" ref="G1557">IFERROR(INDEX(Jesper!AK$2:AK$366,ROUNDDOWN($C1557/24,0)+1,1)*INDEX($D$3:$AA$30,INDEX(Jesper!$R$2:$R$366,ROW(INDEX(Jesper!AK$2:AK$366,ROUNDDOWN($C1557/24,0)+1,1))-1)+IF('Standard Profiles'!$G$21=$B$10,7,0)+IF('Standard Profiles'!$G$21=$B$17,14,0)+IF('Standard Profiles'!$G$21=$B$24,21,0),MOD($C1557,24)+1)/SUM(INDEX($D$3:$AA$30,INDEX(Jesper!$R$2:$R$366,ROW(INDEX(Jesper!AK$2:AK$366,ROUNDDOWN($C1557/24,0)+1,1))-1)+IF('Standard Profiles'!$G$21=$B$10,7,0)+IF('Standard Profiles'!$G$21=$B$17,14,0)+IF('Standard Profiles'!$G$21=$B$24,21,0),0)),0)</f>
        <v>0</v>
      </c>
      <c r="H1557" cm="1">
        <f t="array" ref="H1557">IFERROR(INDEX(Jesper!AL$2:AL$366,ROUNDDOWN($C1557/24,0)+1,1)*INDEX($D$3:$AA$30,INDEX(Jesper!$R$2:$R$366,ROW(INDEX(Jesper!AL$2:AL$366,ROUNDDOWN($C1557/24,0)+1,1))-1)+IF('Standard Profiles'!$G$22=$B$10,7,0)+IF('Standard Profiles'!$G$22=$B$17,14,0)+IF('Standard Profiles'!$G$22=$B$24,21,0),MOD($C1557,24)+1)/SUM(INDEX($D$3:$AA$30,INDEX(Jesper!$R$2:$R$366,ROW(INDEX(Jesper!AL$2:AL$366,ROUNDDOWN($C1557/24,0)+1,1))-1)+IF('Standard Profiles'!$G$22=$B$10,7,0)+IF('Standard Profiles'!$G$22=$B$17,14,0)+IF('Standard Profiles'!$G$22=$B$24,21,0),0)),0)</f>
        <v>0</v>
      </c>
      <c r="I1557">
        <f t="shared" si="181"/>
        <v>0.54182566993976677</v>
      </c>
      <c r="J1557">
        <f t="shared" si="182"/>
        <v>1.8060855664658892</v>
      </c>
      <c r="K1557">
        <f t="shared" si="183"/>
        <v>2.7091283496988336</v>
      </c>
      <c r="L1557">
        <f t="shared" si="184"/>
        <v>13.003816078554401</v>
      </c>
      <c r="M1557">
        <f t="shared" si="185"/>
        <v>0</v>
      </c>
      <c r="N1557" s="46">
        <f t="shared" si="186"/>
        <v>45355.45833332964</v>
      </c>
    </row>
    <row r="1558" spans="2:14" x14ac:dyDescent="0.3">
      <c r="B1558">
        <f t="shared" si="180"/>
        <v>1</v>
      </c>
      <c r="C1558" s="16">
        <v>1524</v>
      </c>
      <c r="D1558" cm="1">
        <f t="array" ref="D1558">IFERROR(INDEX(Jesper!AH$2:AH$366,ROUNDDOWN($C1558/24,0)+1,1)*INDEX($D$3:$AA$30,INDEX(Jesper!$R$2:$R$366,ROW(INDEX(Jesper!AH$2:AH$366,ROUNDDOWN($C1558/24,0)+1,1))-1)+IF('Standard Profiles'!$G$18=$B$10,7,0)+IF('Standard Profiles'!$G$18=$B$17,14,0)+IF('Standard Profiles'!$G$18=$B$24,21,0),MOD($C1558,24)+1)/SUM(INDEX($D$3:$AA$30,INDEX(Jesper!$R$2:$R$366,ROW(INDEX(Jesper!AH$2:AH$366,ROUNDDOWN($C1558/24,0)+1,1))-1)+IF('Standard Profiles'!$G$18=$B$10,7,0)+IF('Standard Profiles'!$G$18=$B$17,14,0)+IF('Standard Profiles'!$G$18=$B$24,21,0),0)),0)</f>
        <v>18.060855664658892</v>
      </c>
      <c r="E1558" cm="1">
        <f t="array" ref="E1558">IFERROR(INDEX(Jesper!AI$2:AI$366,ROUNDDOWN($C1558/24,0)+1,1)*INDEX($D$3:$AA$30,INDEX(Jesper!$R$2:$R$366,ROW(INDEX(Jesper!AI$2:AI$366,ROUNDDOWN($C1558/24,0)+1,1))-1)+IF('Standard Profiles'!$G$19=$B$10,7,0)+IF('Standard Profiles'!$G$19=$B$17,14,0)+IF('Standard Profiles'!$G$19=$B$24,21,0),MOD($C1558,24)+1)/SUM(INDEX($D$3:$AA$30,INDEX(Jesper!$R$2:$R$366,ROW(INDEX(Jesper!AI$2:AI$366,ROUNDDOWN($C1558/24,0)+1,1))-1)+IF('Standard Profiles'!$G$19=$B$10,7,0)+IF('Standard Profiles'!$G$19=$B$17,14,0)+IF('Standard Profiles'!$G$19=$B$24,21,0),0)),0)</f>
        <v>0</v>
      </c>
      <c r="F1558" cm="1">
        <f t="array" ref="F1558">IFERROR(INDEX(Jesper!AJ$2:AJ$366,ROUNDDOWN($C1558/24,0)+1,1)*INDEX($D$3:$AA$30,INDEX(Jesper!$R$2:$R$366,ROW(INDEX(Jesper!AJ$2:AJ$366,ROUNDDOWN($C1558/24,0)+1,1))-1)+IF('Standard Profiles'!$G$20=$B$10,7,0)+IF('Standard Profiles'!$G$20=$B$17,14,0)+IF('Standard Profiles'!$G$20=$B$24,21,0),MOD($C1558,24)+1)/SUM(INDEX($D$3:$AA$30,INDEX(Jesper!$R$2:$R$366,ROW(INDEX(Jesper!AJ$2:AJ$366,ROUNDDOWN($C1558/24,0)+1,1))-1)+IF('Standard Profiles'!$G$20=$B$10,7,0)+IF('Standard Profiles'!$G$20=$B$17,14,0)+IF('Standard Profiles'!$G$20=$B$24,21,0),0)),0)</f>
        <v>0</v>
      </c>
      <c r="G1558" cm="1">
        <f t="array" ref="G1558">IFERROR(INDEX(Jesper!AK$2:AK$366,ROUNDDOWN($C1558/24,0)+1,1)*INDEX($D$3:$AA$30,INDEX(Jesper!$R$2:$R$366,ROW(INDEX(Jesper!AK$2:AK$366,ROUNDDOWN($C1558/24,0)+1,1))-1)+IF('Standard Profiles'!$G$21=$B$10,7,0)+IF('Standard Profiles'!$G$21=$B$17,14,0)+IF('Standard Profiles'!$G$21=$B$24,21,0),MOD($C1558,24)+1)/SUM(INDEX($D$3:$AA$30,INDEX(Jesper!$R$2:$R$366,ROW(INDEX(Jesper!AK$2:AK$366,ROUNDDOWN($C1558/24,0)+1,1))-1)+IF('Standard Profiles'!$G$21=$B$10,7,0)+IF('Standard Profiles'!$G$21=$B$17,14,0)+IF('Standard Profiles'!$G$21=$B$24,21,0),0)),0)</f>
        <v>0</v>
      </c>
      <c r="H1558" cm="1">
        <f t="array" ref="H1558">IFERROR(INDEX(Jesper!AL$2:AL$366,ROUNDDOWN($C1558/24,0)+1,1)*INDEX($D$3:$AA$30,INDEX(Jesper!$R$2:$R$366,ROW(INDEX(Jesper!AL$2:AL$366,ROUNDDOWN($C1558/24,0)+1,1))-1)+IF('Standard Profiles'!$G$22=$B$10,7,0)+IF('Standard Profiles'!$G$22=$B$17,14,0)+IF('Standard Profiles'!$G$22=$B$24,21,0),MOD($C1558,24)+1)/SUM(INDEX($D$3:$AA$30,INDEX(Jesper!$R$2:$R$366,ROW(INDEX(Jesper!AL$2:AL$366,ROUNDDOWN($C1558/24,0)+1,1))-1)+IF('Standard Profiles'!$G$22=$B$10,7,0)+IF('Standard Profiles'!$G$22=$B$17,14,0)+IF('Standard Profiles'!$G$22=$B$24,21,0),0)),0)</f>
        <v>0</v>
      </c>
      <c r="I1558">
        <f t="shared" si="181"/>
        <v>0.54182566993976677</v>
      </c>
      <c r="J1558">
        <f t="shared" si="182"/>
        <v>1.8060855664658892</v>
      </c>
      <c r="K1558">
        <f t="shared" si="183"/>
        <v>2.7091283496988336</v>
      </c>
      <c r="L1558">
        <f t="shared" si="184"/>
        <v>13.003816078554401</v>
      </c>
      <c r="M1558">
        <f t="shared" si="185"/>
        <v>0</v>
      </c>
      <c r="N1558" s="46">
        <f t="shared" si="186"/>
        <v>45355.499999996304</v>
      </c>
    </row>
    <row r="1559" spans="2:14" x14ac:dyDescent="0.3">
      <c r="B1559">
        <f t="shared" si="180"/>
        <v>1</v>
      </c>
      <c r="C1559" s="16">
        <v>1525</v>
      </c>
      <c r="D1559" cm="1">
        <f t="array" ref="D1559">IFERROR(INDEX(Jesper!AH$2:AH$366,ROUNDDOWN($C1559/24,0)+1,1)*INDEX($D$3:$AA$30,INDEX(Jesper!$R$2:$R$366,ROW(INDEX(Jesper!AH$2:AH$366,ROUNDDOWN($C1559/24,0)+1,1))-1)+IF('Standard Profiles'!$G$18=$B$10,7,0)+IF('Standard Profiles'!$G$18=$B$17,14,0)+IF('Standard Profiles'!$G$18=$B$24,21,0),MOD($C1559,24)+1)/SUM(INDEX($D$3:$AA$30,INDEX(Jesper!$R$2:$R$366,ROW(INDEX(Jesper!AH$2:AH$366,ROUNDDOWN($C1559/24,0)+1,1))-1)+IF('Standard Profiles'!$G$18=$B$10,7,0)+IF('Standard Profiles'!$G$18=$B$17,14,0)+IF('Standard Profiles'!$G$18=$B$24,21,0),0)),0)</f>
        <v>11.965316877836516</v>
      </c>
      <c r="E1559" cm="1">
        <f t="array" ref="E1559">IFERROR(INDEX(Jesper!AI$2:AI$366,ROUNDDOWN($C1559/24,0)+1,1)*INDEX($D$3:$AA$30,INDEX(Jesper!$R$2:$R$366,ROW(INDEX(Jesper!AI$2:AI$366,ROUNDDOWN($C1559/24,0)+1,1))-1)+IF('Standard Profiles'!$G$19=$B$10,7,0)+IF('Standard Profiles'!$G$19=$B$17,14,0)+IF('Standard Profiles'!$G$19=$B$24,21,0),MOD($C1559,24)+1)/SUM(INDEX($D$3:$AA$30,INDEX(Jesper!$R$2:$R$366,ROW(INDEX(Jesper!AI$2:AI$366,ROUNDDOWN($C1559/24,0)+1,1))-1)+IF('Standard Profiles'!$G$19=$B$10,7,0)+IF('Standard Profiles'!$G$19=$B$17,14,0)+IF('Standard Profiles'!$G$19=$B$24,21,0),0)),0)</f>
        <v>0</v>
      </c>
      <c r="F1559" cm="1">
        <f t="array" ref="F1559">IFERROR(INDEX(Jesper!AJ$2:AJ$366,ROUNDDOWN($C1559/24,0)+1,1)*INDEX($D$3:$AA$30,INDEX(Jesper!$R$2:$R$366,ROW(INDEX(Jesper!AJ$2:AJ$366,ROUNDDOWN($C1559/24,0)+1,1))-1)+IF('Standard Profiles'!$G$20=$B$10,7,0)+IF('Standard Profiles'!$G$20=$B$17,14,0)+IF('Standard Profiles'!$G$20=$B$24,21,0),MOD($C1559,24)+1)/SUM(INDEX($D$3:$AA$30,INDEX(Jesper!$R$2:$R$366,ROW(INDEX(Jesper!AJ$2:AJ$366,ROUNDDOWN($C1559/24,0)+1,1))-1)+IF('Standard Profiles'!$G$20=$B$10,7,0)+IF('Standard Profiles'!$G$20=$B$17,14,0)+IF('Standard Profiles'!$G$20=$B$24,21,0),0)),0)</f>
        <v>0</v>
      </c>
      <c r="G1559" cm="1">
        <f t="array" ref="G1559">IFERROR(INDEX(Jesper!AK$2:AK$366,ROUNDDOWN($C1559/24,0)+1,1)*INDEX($D$3:$AA$30,INDEX(Jesper!$R$2:$R$366,ROW(INDEX(Jesper!AK$2:AK$366,ROUNDDOWN($C1559/24,0)+1,1))-1)+IF('Standard Profiles'!$G$21=$B$10,7,0)+IF('Standard Profiles'!$G$21=$B$17,14,0)+IF('Standard Profiles'!$G$21=$B$24,21,0),MOD($C1559,24)+1)/SUM(INDEX($D$3:$AA$30,INDEX(Jesper!$R$2:$R$366,ROW(INDEX(Jesper!AK$2:AK$366,ROUNDDOWN($C1559/24,0)+1,1))-1)+IF('Standard Profiles'!$G$21=$B$10,7,0)+IF('Standard Profiles'!$G$21=$B$17,14,0)+IF('Standard Profiles'!$G$21=$B$24,21,0),0)),0)</f>
        <v>0</v>
      </c>
      <c r="H1559" cm="1">
        <f t="array" ref="H1559">IFERROR(INDEX(Jesper!AL$2:AL$366,ROUNDDOWN($C1559/24,0)+1,1)*INDEX($D$3:$AA$30,INDEX(Jesper!$R$2:$R$366,ROW(INDEX(Jesper!AL$2:AL$366,ROUNDDOWN($C1559/24,0)+1,1))-1)+IF('Standard Profiles'!$G$22=$B$10,7,0)+IF('Standard Profiles'!$G$22=$B$17,14,0)+IF('Standard Profiles'!$G$22=$B$24,21,0),MOD($C1559,24)+1)/SUM(INDEX($D$3:$AA$30,INDEX(Jesper!$R$2:$R$366,ROW(INDEX(Jesper!AL$2:AL$366,ROUNDDOWN($C1559/24,0)+1,1))-1)+IF('Standard Profiles'!$G$22=$B$10,7,0)+IF('Standard Profiles'!$G$22=$B$17,14,0)+IF('Standard Profiles'!$G$22=$B$24,21,0),0)),0)</f>
        <v>0</v>
      </c>
      <c r="I1559">
        <f t="shared" si="181"/>
        <v>0.35895950633509549</v>
      </c>
      <c r="J1559">
        <f t="shared" si="182"/>
        <v>1.1965316877836516</v>
      </c>
      <c r="K1559">
        <f t="shared" si="183"/>
        <v>1.7947975316754774</v>
      </c>
      <c r="L1559">
        <f t="shared" si="184"/>
        <v>8.6150281520422904</v>
      </c>
      <c r="M1559">
        <f t="shared" si="185"/>
        <v>0</v>
      </c>
      <c r="N1559" s="46">
        <f t="shared" si="186"/>
        <v>45355.541666662968</v>
      </c>
    </row>
    <row r="1560" spans="2:14" x14ac:dyDescent="0.3">
      <c r="B1560">
        <f t="shared" si="180"/>
        <v>1</v>
      </c>
      <c r="C1560" s="16">
        <v>1526</v>
      </c>
      <c r="D1560" cm="1">
        <f t="array" ref="D1560">IFERROR(INDEX(Jesper!AH$2:AH$366,ROUNDDOWN($C1560/24,0)+1,1)*INDEX($D$3:$AA$30,INDEX(Jesper!$R$2:$R$366,ROW(INDEX(Jesper!AH$2:AH$366,ROUNDDOWN($C1560/24,0)+1,1))-1)+IF('Standard Profiles'!$G$18=$B$10,7,0)+IF('Standard Profiles'!$G$18=$B$17,14,0)+IF('Standard Profiles'!$G$18=$B$24,21,0),MOD($C1560,24)+1)/SUM(INDEX($D$3:$AA$30,INDEX(Jesper!$R$2:$R$366,ROW(INDEX(Jesper!AH$2:AH$366,ROUNDDOWN($C1560/24,0)+1,1))-1)+IF('Standard Profiles'!$G$18=$B$10,7,0)+IF('Standard Profiles'!$G$18=$B$17,14,0)+IF('Standard Profiles'!$G$18=$B$24,21,0),0)),0)</f>
        <v>18.060855664658892</v>
      </c>
      <c r="E1560" cm="1">
        <f t="array" ref="E1560">IFERROR(INDEX(Jesper!AI$2:AI$366,ROUNDDOWN($C1560/24,0)+1,1)*INDEX($D$3:$AA$30,INDEX(Jesper!$R$2:$R$366,ROW(INDEX(Jesper!AI$2:AI$366,ROUNDDOWN($C1560/24,0)+1,1))-1)+IF('Standard Profiles'!$G$19=$B$10,7,0)+IF('Standard Profiles'!$G$19=$B$17,14,0)+IF('Standard Profiles'!$G$19=$B$24,21,0),MOD($C1560,24)+1)/SUM(INDEX($D$3:$AA$30,INDEX(Jesper!$R$2:$R$366,ROW(INDEX(Jesper!AI$2:AI$366,ROUNDDOWN($C1560/24,0)+1,1))-1)+IF('Standard Profiles'!$G$19=$B$10,7,0)+IF('Standard Profiles'!$G$19=$B$17,14,0)+IF('Standard Profiles'!$G$19=$B$24,21,0),0)),0)</f>
        <v>0</v>
      </c>
      <c r="F1560" cm="1">
        <f t="array" ref="F1560">IFERROR(INDEX(Jesper!AJ$2:AJ$366,ROUNDDOWN($C1560/24,0)+1,1)*INDEX($D$3:$AA$30,INDEX(Jesper!$R$2:$R$366,ROW(INDEX(Jesper!AJ$2:AJ$366,ROUNDDOWN($C1560/24,0)+1,1))-1)+IF('Standard Profiles'!$G$20=$B$10,7,0)+IF('Standard Profiles'!$G$20=$B$17,14,0)+IF('Standard Profiles'!$G$20=$B$24,21,0),MOD($C1560,24)+1)/SUM(INDEX($D$3:$AA$30,INDEX(Jesper!$R$2:$R$366,ROW(INDEX(Jesper!AJ$2:AJ$366,ROUNDDOWN($C1560/24,0)+1,1))-1)+IF('Standard Profiles'!$G$20=$B$10,7,0)+IF('Standard Profiles'!$G$20=$B$17,14,0)+IF('Standard Profiles'!$G$20=$B$24,21,0),0)),0)</f>
        <v>0</v>
      </c>
      <c r="G1560" cm="1">
        <f t="array" ref="G1560">IFERROR(INDEX(Jesper!AK$2:AK$366,ROUNDDOWN($C1560/24,0)+1,1)*INDEX($D$3:$AA$30,INDEX(Jesper!$R$2:$R$366,ROW(INDEX(Jesper!AK$2:AK$366,ROUNDDOWN($C1560/24,0)+1,1))-1)+IF('Standard Profiles'!$G$21=$B$10,7,0)+IF('Standard Profiles'!$G$21=$B$17,14,0)+IF('Standard Profiles'!$G$21=$B$24,21,0),MOD($C1560,24)+1)/SUM(INDEX($D$3:$AA$30,INDEX(Jesper!$R$2:$R$366,ROW(INDEX(Jesper!AK$2:AK$366,ROUNDDOWN($C1560/24,0)+1,1))-1)+IF('Standard Profiles'!$G$21=$B$10,7,0)+IF('Standard Profiles'!$G$21=$B$17,14,0)+IF('Standard Profiles'!$G$21=$B$24,21,0),0)),0)</f>
        <v>0</v>
      </c>
      <c r="H1560" cm="1">
        <f t="array" ref="H1560">IFERROR(INDEX(Jesper!AL$2:AL$366,ROUNDDOWN($C1560/24,0)+1,1)*INDEX($D$3:$AA$30,INDEX(Jesper!$R$2:$R$366,ROW(INDEX(Jesper!AL$2:AL$366,ROUNDDOWN($C1560/24,0)+1,1))-1)+IF('Standard Profiles'!$G$22=$B$10,7,0)+IF('Standard Profiles'!$G$22=$B$17,14,0)+IF('Standard Profiles'!$G$22=$B$24,21,0),MOD($C1560,24)+1)/SUM(INDEX($D$3:$AA$30,INDEX(Jesper!$R$2:$R$366,ROW(INDEX(Jesper!AL$2:AL$366,ROUNDDOWN($C1560/24,0)+1,1))-1)+IF('Standard Profiles'!$G$22=$B$10,7,0)+IF('Standard Profiles'!$G$22=$B$17,14,0)+IF('Standard Profiles'!$G$22=$B$24,21,0),0)),0)</f>
        <v>0</v>
      </c>
      <c r="I1560">
        <f t="shared" si="181"/>
        <v>0.54182566993976677</v>
      </c>
      <c r="J1560">
        <f t="shared" si="182"/>
        <v>1.8060855664658892</v>
      </c>
      <c r="K1560">
        <f t="shared" si="183"/>
        <v>2.7091283496988336</v>
      </c>
      <c r="L1560">
        <f t="shared" si="184"/>
        <v>13.003816078554401</v>
      </c>
      <c r="M1560">
        <f t="shared" si="185"/>
        <v>0</v>
      </c>
      <c r="N1560" s="46">
        <f t="shared" si="186"/>
        <v>45355.583333329632</v>
      </c>
    </row>
    <row r="1561" spans="2:14" x14ac:dyDescent="0.3">
      <c r="B1561">
        <f t="shared" si="180"/>
        <v>1</v>
      </c>
      <c r="C1561" s="16">
        <v>1527</v>
      </c>
      <c r="D1561" cm="1">
        <f t="array" ref="D1561">IFERROR(INDEX(Jesper!AH$2:AH$366,ROUNDDOWN($C1561/24,0)+1,1)*INDEX($D$3:$AA$30,INDEX(Jesper!$R$2:$R$366,ROW(INDEX(Jesper!AH$2:AH$366,ROUNDDOWN($C1561/24,0)+1,1))-1)+IF('Standard Profiles'!$G$18=$B$10,7,0)+IF('Standard Profiles'!$G$18=$B$17,14,0)+IF('Standard Profiles'!$G$18=$B$24,21,0),MOD($C1561,24)+1)/SUM(INDEX($D$3:$AA$30,INDEX(Jesper!$R$2:$R$366,ROW(INDEX(Jesper!AH$2:AH$366,ROUNDDOWN($C1561/24,0)+1,1))-1)+IF('Standard Profiles'!$G$18=$B$10,7,0)+IF('Standard Profiles'!$G$18=$B$17,14,0)+IF('Standard Profiles'!$G$18=$B$24,21,0),0)),0)</f>
        <v>18.060855664658892</v>
      </c>
      <c r="E1561" cm="1">
        <f t="array" ref="E1561">IFERROR(INDEX(Jesper!AI$2:AI$366,ROUNDDOWN($C1561/24,0)+1,1)*INDEX($D$3:$AA$30,INDEX(Jesper!$R$2:$R$366,ROW(INDEX(Jesper!AI$2:AI$366,ROUNDDOWN($C1561/24,0)+1,1))-1)+IF('Standard Profiles'!$G$19=$B$10,7,0)+IF('Standard Profiles'!$G$19=$B$17,14,0)+IF('Standard Profiles'!$G$19=$B$24,21,0),MOD($C1561,24)+1)/SUM(INDEX($D$3:$AA$30,INDEX(Jesper!$R$2:$R$366,ROW(INDEX(Jesper!AI$2:AI$366,ROUNDDOWN($C1561/24,0)+1,1))-1)+IF('Standard Profiles'!$G$19=$B$10,7,0)+IF('Standard Profiles'!$G$19=$B$17,14,0)+IF('Standard Profiles'!$G$19=$B$24,21,0),0)),0)</f>
        <v>0</v>
      </c>
      <c r="F1561" cm="1">
        <f t="array" ref="F1561">IFERROR(INDEX(Jesper!AJ$2:AJ$366,ROUNDDOWN($C1561/24,0)+1,1)*INDEX($D$3:$AA$30,INDEX(Jesper!$R$2:$R$366,ROW(INDEX(Jesper!AJ$2:AJ$366,ROUNDDOWN($C1561/24,0)+1,1))-1)+IF('Standard Profiles'!$G$20=$B$10,7,0)+IF('Standard Profiles'!$G$20=$B$17,14,0)+IF('Standard Profiles'!$G$20=$B$24,21,0),MOD($C1561,24)+1)/SUM(INDEX($D$3:$AA$30,INDEX(Jesper!$R$2:$R$366,ROW(INDEX(Jesper!AJ$2:AJ$366,ROUNDDOWN($C1561/24,0)+1,1))-1)+IF('Standard Profiles'!$G$20=$B$10,7,0)+IF('Standard Profiles'!$G$20=$B$17,14,0)+IF('Standard Profiles'!$G$20=$B$24,21,0),0)),0)</f>
        <v>0</v>
      </c>
      <c r="G1561" cm="1">
        <f t="array" ref="G1561">IFERROR(INDEX(Jesper!AK$2:AK$366,ROUNDDOWN($C1561/24,0)+1,1)*INDEX($D$3:$AA$30,INDEX(Jesper!$R$2:$R$366,ROW(INDEX(Jesper!AK$2:AK$366,ROUNDDOWN($C1561/24,0)+1,1))-1)+IF('Standard Profiles'!$G$21=$B$10,7,0)+IF('Standard Profiles'!$G$21=$B$17,14,0)+IF('Standard Profiles'!$G$21=$B$24,21,0),MOD($C1561,24)+1)/SUM(INDEX($D$3:$AA$30,INDEX(Jesper!$R$2:$R$366,ROW(INDEX(Jesper!AK$2:AK$366,ROUNDDOWN($C1561/24,0)+1,1))-1)+IF('Standard Profiles'!$G$21=$B$10,7,0)+IF('Standard Profiles'!$G$21=$B$17,14,0)+IF('Standard Profiles'!$G$21=$B$24,21,0),0)),0)</f>
        <v>0</v>
      </c>
      <c r="H1561" cm="1">
        <f t="array" ref="H1561">IFERROR(INDEX(Jesper!AL$2:AL$366,ROUNDDOWN($C1561/24,0)+1,1)*INDEX($D$3:$AA$30,INDEX(Jesper!$R$2:$R$366,ROW(INDEX(Jesper!AL$2:AL$366,ROUNDDOWN($C1561/24,0)+1,1))-1)+IF('Standard Profiles'!$G$22=$B$10,7,0)+IF('Standard Profiles'!$G$22=$B$17,14,0)+IF('Standard Profiles'!$G$22=$B$24,21,0),MOD($C1561,24)+1)/SUM(INDEX($D$3:$AA$30,INDEX(Jesper!$R$2:$R$366,ROW(INDEX(Jesper!AL$2:AL$366,ROUNDDOWN($C1561/24,0)+1,1))-1)+IF('Standard Profiles'!$G$22=$B$10,7,0)+IF('Standard Profiles'!$G$22=$B$17,14,0)+IF('Standard Profiles'!$G$22=$B$24,21,0),0)),0)</f>
        <v>0</v>
      </c>
      <c r="I1561">
        <f t="shared" si="181"/>
        <v>0.54182566993976677</v>
      </c>
      <c r="J1561">
        <f t="shared" si="182"/>
        <v>1.8060855664658892</v>
      </c>
      <c r="K1561">
        <f t="shared" si="183"/>
        <v>2.7091283496988336</v>
      </c>
      <c r="L1561">
        <f t="shared" si="184"/>
        <v>13.003816078554401</v>
      </c>
      <c r="M1561">
        <f t="shared" si="185"/>
        <v>0</v>
      </c>
      <c r="N1561" s="46">
        <f t="shared" si="186"/>
        <v>45355.624999996297</v>
      </c>
    </row>
    <row r="1562" spans="2:14" x14ac:dyDescent="0.3">
      <c r="B1562">
        <f t="shared" si="180"/>
        <v>1</v>
      </c>
      <c r="C1562" s="16">
        <v>1528</v>
      </c>
      <c r="D1562" cm="1">
        <f t="array" ref="D1562">IFERROR(INDEX(Jesper!AH$2:AH$366,ROUNDDOWN($C1562/24,0)+1,1)*INDEX($D$3:$AA$30,INDEX(Jesper!$R$2:$R$366,ROW(INDEX(Jesper!AH$2:AH$366,ROUNDDOWN($C1562/24,0)+1,1))-1)+IF('Standard Profiles'!$G$18=$B$10,7,0)+IF('Standard Profiles'!$G$18=$B$17,14,0)+IF('Standard Profiles'!$G$18=$B$24,21,0),MOD($C1562,24)+1)/SUM(INDEX($D$3:$AA$30,INDEX(Jesper!$R$2:$R$366,ROW(INDEX(Jesper!AH$2:AH$366,ROUNDDOWN($C1562/24,0)+1,1))-1)+IF('Standard Profiles'!$G$18=$B$10,7,0)+IF('Standard Profiles'!$G$18=$B$17,14,0)+IF('Standard Profiles'!$G$18=$B$24,21,0),0)),0)</f>
        <v>18.060855664658892</v>
      </c>
      <c r="E1562" cm="1">
        <f t="array" ref="E1562">IFERROR(INDEX(Jesper!AI$2:AI$366,ROUNDDOWN($C1562/24,0)+1,1)*INDEX($D$3:$AA$30,INDEX(Jesper!$R$2:$R$366,ROW(INDEX(Jesper!AI$2:AI$366,ROUNDDOWN($C1562/24,0)+1,1))-1)+IF('Standard Profiles'!$G$19=$B$10,7,0)+IF('Standard Profiles'!$G$19=$B$17,14,0)+IF('Standard Profiles'!$G$19=$B$24,21,0),MOD($C1562,24)+1)/SUM(INDEX($D$3:$AA$30,INDEX(Jesper!$R$2:$R$366,ROW(INDEX(Jesper!AI$2:AI$366,ROUNDDOWN($C1562/24,0)+1,1))-1)+IF('Standard Profiles'!$G$19=$B$10,7,0)+IF('Standard Profiles'!$G$19=$B$17,14,0)+IF('Standard Profiles'!$G$19=$B$24,21,0),0)),0)</f>
        <v>0</v>
      </c>
      <c r="F1562" cm="1">
        <f t="array" ref="F1562">IFERROR(INDEX(Jesper!AJ$2:AJ$366,ROUNDDOWN($C1562/24,0)+1,1)*INDEX($D$3:$AA$30,INDEX(Jesper!$R$2:$R$366,ROW(INDEX(Jesper!AJ$2:AJ$366,ROUNDDOWN($C1562/24,0)+1,1))-1)+IF('Standard Profiles'!$G$20=$B$10,7,0)+IF('Standard Profiles'!$G$20=$B$17,14,0)+IF('Standard Profiles'!$G$20=$B$24,21,0),MOD($C1562,24)+1)/SUM(INDEX($D$3:$AA$30,INDEX(Jesper!$R$2:$R$366,ROW(INDEX(Jesper!AJ$2:AJ$366,ROUNDDOWN($C1562/24,0)+1,1))-1)+IF('Standard Profiles'!$G$20=$B$10,7,0)+IF('Standard Profiles'!$G$20=$B$17,14,0)+IF('Standard Profiles'!$G$20=$B$24,21,0),0)),0)</f>
        <v>0</v>
      </c>
      <c r="G1562" cm="1">
        <f t="array" ref="G1562">IFERROR(INDEX(Jesper!AK$2:AK$366,ROUNDDOWN($C1562/24,0)+1,1)*INDEX($D$3:$AA$30,INDEX(Jesper!$R$2:$R$366,ROW(INDEX(Jesper!AK$2:AK$366,ROUNDDOWN($C1562/24,0)+1,1))-1)+IF('Standard Profiles'!$G$21=$B$10,7,0)+IF('Standard Profiles'!$G$21=$B$17,14,0)+IF('Standard Profiles'!$G$21=$B$24,21,0),MOD($C1562,24)+1)/SUM(INDEX($D$3:$AA$30,INDEX(Jesper!$R$2:$R$366,ROW(INDEX(Jesper!AK$2:AK$366,ROUNDDOWN($C1562/24,0)+1,1))-1)+IF('Standard Profiles'!$G$21=$B$10,7,0)+IF('Standard Profiles'!$G$21=$B$17,14,0)+IF('Standard Profiles'!$G$21=$B$24,21,0),0)),0)</f>
        <v>0</v>
      </c>
      <c r="H1562" cm="1">
        <f t="array" ref="H1562">IFERROR(INDEX(Jesper!AL$2:AL$366,ROUNDDOWN($C1562/24,0)+1,1)*INDEX($D$3:$AA$30,INDEX(Jesper!$R$2:$R$366,ROW(INDEX(Jesper!AL$2:AL$366,ROUNDDOWN($C1562/24,0)+1,1))-1)+IF('Standard Profiles'!$G$22=$B$10,7,0)+IF('Standard Profiles'!$G$22=$B$17,14,0)+IF('Standard Profiles'!$G$22=$B$24,21,0),MOD($C1562,24)+1)/SUM(INDEX($D$3:$AA$30,INDEX(Jesper!$R$2:$R$366,ROW(INDEX(Jesper!AL$2:AL$366,ROUNDDOWN($C1562/24,0)+1,1))-1)+IF('Standard Profiles'!$G$22=$B$10,7,0)+IF('Standard Profiles'!$G$22=$B$17,14,0)+IF('Standard Profiles'!$G$22=$B$24,21,0),0)),0)</f>
        <v>0</v>
      </c>
      <c r="I1562">
        <f t="shared" si="181"/>
        <v>0.54182566993976677</v>
      </c>
      <c r="J1562">
        <f t="shared" si="182"/>
        <v>1.8060855664658892</v>
      </c>
      <c r="K1562">
        <f t="shared" si="183"/>
        <v>2.7091283496988336</v>
      </c>
      <c r="L1562">
        <f t="shared" si="184"/>
        <v>13.003816078554401</v>
      </c>
      <c r="M1562">
        <f t="shared" si="185"/>
        <v>0</v>
      </c>
      <c r="N1562" s="46">
        <f t="shared" si="186"/>
        <v>45355.666666662961</v>
      </c>
    </row>
    <row r="1563" spans="2:14" x14ac:dyDescent="0.3">
      <c r="B1563">
        <f t="shared" si="180"/>
        <v>1</v>
      </c>
      <c r="C1563" s="16">
        <v>1529</v>
      </c>
      <c r="D1563" cm="1">
        <f t="array" ref="D1563">IFERROR(INDEX(Jesper!AH$2:AH$366,ROUNDDOWN($C1563/24,0)+1,1)*INDEX($D$3:$AA$30,INDEX(Jesper!$R$2:$R$366,ROW(INDEX(Jesper!AH$2:AH$366,ROUNDDOWN($C1563/24,0)+1,1))-1)+IF('Standard Profiles'!$G$18=$B$10,7,0)+IF('Standard Profiles'!$G$18=$B$17,14,0)+IF('Standard Profiles'!$G$18=$B$24,21,0),MOD($C1563,24)+1)/SUM(INDEX($D$3:$AA$30,INDEX(Jesper!$R$2:$R$366,ROW(INDEX(Jesper!AH$2:AH$366,ROUNDDOWN($C1563/24,0)+1,1))-1)+IF('Standard Profiles'!$G$18=$B$10,7,0)+IF('Standard Profiles'!$G$18=$B$17,14,0)+IF('Standard Profiles'!$G$18=$B$24,21,0),0)),0)</f>
        <v>18.060855664658892</v>
      </c>
      <c r="E1563" cm="1">
        <f t="array" ref="E1563">IFERROR(INDEX(Jesper!AI$2:AI$366,ROUNDDOWN($C1563/24,0)+1,1)*INDEX($D$3:$AA$30,INDEX(Jesper!$R$2:$R$366,ROW(INDEX(Jesper!AI$2:AI$366,ROUNDDOWN($C1563/24,0)+1,1))-1)+IF('Standard Profiles'!$G$19=$B$10,7,0)+IF('Standard Profiles'!$G$19=$B$17,14,0)+IF('Standard Profiles'!$G$19=$B$24,21,0),MOD($C1563,24)+1)/SUM(INDEX($D$3:$AA$30,INDEX(Jesper!$R$2:$R$366,ROW(INDEX(Jesper!AI$2:AI$366,ROUNDDOWN($C1563/24,0)+1,1))-1)+IF('Standard Profiles'!$G$19=$B$10,7,0)+IF('Standard Profiles'!$G$19=$B$17,14,0)+IF('Standard Profiles'!$G$19=$B$24,21,0),0)),0)</f>
        <v>0</v>
      </c>
      <c r="F1563" cm="1">
        <f t="array" ref="F1563">IFERROR(INDEX(Jesper!AJ$2:AJ$366,ROUNDDOWN($C1563/24,0)+1,1)*INDEX($D$3:$AA$30,INDEX(Jesper!$R$2:$R$366,ROW(INDEX(Jesper!AJ$2:AJ$366,ROUNDDOWN($C1563/24,0)+1,1))-1)+IF('Standard Profiles'!$G$20=$B$10,7,0)+IF('Standard Profiles'!$G$20=$B$17,14,0)+IF('Standard Profiles'!$G$20=$B$24,21,0),MOD($C1563,24)+1)/SUM(INDEX($D$3:$AA$30,INDEX(Jesper!$R$2:$R$366,ROW(INDEX(Jesper!AJ$2:AJ$366,ROUNDDOWN($C1563/24,0)+1,1))-1)+IF('Standard Profiles'!$G$20=$B$10,7,0)+IF('Standard Profiles'!$G$20=$B$17,14,0)+IF('Standard Profiles'!$G$20=$B$24,21,0),0)),0)</f>
        <v>0</v>
      </c>
      <c r="G1563" cm="1">
        <f t="array" ref="G1563">IFERROR(INDEX(Jesper!AK$2:AK$366,ROUNDDOWN($C1563/24,0)+1,1)*INDEX($D$3:$AA$30,INDEX(Jesper!$R$2:$R$366,ROW(INDEX(Jesper!AK$2:AK$366,ROUNDDOWN($C1563/24,0)+1,1))-1)+IF('Standard Profiles'!$G$21=$B$10,7,0)+IF('Standard Profiles'!$G$21=$B$17,14,0)+IF('Standard Profiles'!$G$21=$B$24,21,0),MOD($C1563,24)+1)/SUM(INDEX($D$3:$AA$30,INDEX(Jesper!$R$2:$R$366,ROW(INDEX(Jesper!AK$2:AK$366,ROUNDDOWN($C1563/24,0)+1,1))-1)+IF('Standard Profiles'!$G$21=$B$10,7,0)+IF('Standard Profiles'!$G$21=$B$17,14,0)+IF('Standard Profiles'!$G$21=$B$24,21,0),0)),0)</f>
        <v>0</v>
      </c>
      <c r="H1563" cm="1">
        <f t="array" ref="H1563">IFERROR(INDEX(Jesper!AL$2:AL$366,ROUNDDOWN($C1563/24,0)+1,1)*INDEX($D$3:$AA$30,INDEX(Jesper!$R$2:$R$366,ROW(INDEX(Jesper!AL$2:AL$366,ROUNDDOWN($C1563/24,0)+1,1))-1)+IF('Standard Profiles'!$G$22=$B$10,7,0)+IF('Standard Profiles'!$G$22=$B$17,14,0)+IF('Standard Profiles'!$G$22=$B$24,21,0),MOD($C1563,24)+1)/SUM(INDEX($D$3:$AA$30,INDEX(Jesper!$R$2:$R$366,ROW(INDEX(Jesper!AL$2:AL$366,ROUNDDOWN($C1563/24,0)+1,1))-1)+IF('Standard Profiles'!$G$22=$B$10,7,0)+IF('Standard Profiles'!$G$22=$B$17,14,0)+IF('Standard Profiles'!$G$22=$B$24,21,0),0)),0)</f>
        <v>0</v>
      </c>
      <c r="I1563">
        <f t="shared" si="181"/>
        <v>0.54182566993976677</v>
      </c>
      <c r="J1563">
        <f t="shared" si="182"/>
        <v>1.8060855664658892</v>
      </c>
      <c r="K1563">
        <f t="shared" si="183"/>
        <v>2.7091283496988336</v>
      </c>
      <c r="L1563">
        <f t="shared" si="184"/>
        <v>13.003816078554401</v>
      </c>
      <c r="M1563">
        <f t="shared" si="185"/>
        <v>0</v>
      </c>
      <c r="N1563" s="46">
        <f t="shared" si="186"/>
        <v>45355.708333329625</v>
      </c>
    </row>
    <row r="1564" spans="2:14" x14ac:dyDescent="0.3">
      <c r="B1564">
        <f t="shared" si="180"/>
        <v>1</v>
      </c>
      <c r="C1564" s="16">
        <v>1530</v>
      </c>
      <c r="D1564" cm="1">
        <f t="array" ref="D1564">IFERROR(INDEX(Jesper!AH$2:AH$366,ROUNDDOWN($C1564/24,0)+1,1)*INDEX($D$3:$AA$30,INDEX(Jesper!$R$2:$R$366,ROW(INDEX(Jesper!AH$2:AH$366,ROUNDDOWN($C1564/24,0)+1,1))-1)+IF('Standard Profiles'!$G$18=$B$10,7,0)+IF('Standard Profiles'!$G$18=$B$17,14,0)+IF('Standard Profiles'!$G$18=$B$24,21,0),MOD($C1564,24)+1)/SUM(INDEX($D$3:$AA$30,INDEX(Jesper!$R$2:$R$366,ROW(INDEX(Jesper!AH$2:AH$366,ROUNDDOWN($C1564/24,0)+1,1))-1)+IF('Standard Profiles'!$G$18=$B$10,7,0)+IF('Standard Profiles'!$G$18=$B$17,14,0)+IF('Standard Profiles'!$G$18=$B$24,21,0),0)),0)</f>
        <v>18.060855664658892</v>
      </c>
      <c r="E1564" cm="1">
        <f t="array" ref="E1564">IFERROR(INDEX(Jesper!AI$2:AI$366,ROUNDDOWN($C1564/24,0)+1,1)*INDEX($D$3:$AA$30,INDEX(Jesper!$R$2:$R$366,ROW(INDEX(Jesper!AI$2:AI$366,ROUNDDOWN($C1564/24,0)+1,1))-1)+IF('Standard Profiles'!$G$19=$B$10,7,0)+IF('Standard Profiles'!$G$19=$B$17,14,0)+IF('Standard Profiles'!$G$19=$B$24,21,0),MOD($C1564,24)+1)/SUM(INDEX($D$3:$AA$30,INDEX(Jesper!$R$2:$R$366,ROW(INDEX(Jesper!AI$2:AI$366,ROUNDDOWN($C1564/24,0)+1,1))-1)+IF('Standard Profiles'!$G$19=$B$10,7,0)+IF('Standard Profiles'!$G$19=$B$17,14,0)+IF('Standard Profiles'!$G$19=$B$24,21,0),0)),0)</f>
        <v>0</v>
      </c>
      <c r="F1564" cm="1">
        <f t="array" ref="F1564">IFERROR(INDEX(Jesper!AJ$2:AJ$366,ROUNDDOWN($C1564/24,0)+1,1)*INDEX($D$3:$AA$30,INDEX(Jesper!$R$2:$R$366,ROW(INDEX(Jesper!AJ$2:AJ$366,ROUNDDOWN($C1564/24,0)+1,1))-1)+IF('Standard Profiles'!$G$20=$B$10,7,0)+IF('Standard Profiles'!$G$20=$B$17,14,0)+IF('Standard Profiles'!$G$20=$B$24,21,0),MOD($C1564,24)+1)/SUM(INDEX($D$3:$AA$30,INDEX(Jesper!$R$2:$R$366,ROW(INDEX(Jesper!AJ$2:AJ$366,ROUNDDOWN($C1564/24,0)+1,1))-1)+IF('Standard Profiles'!$G$20=$B$10,7,0)+IF('Standard Profiles'!$G$20=$B$17,14,0)+IF('Standard Profiles'!$G$20=$B$24,21,0),0)),0)</f>
        <v>0</v>
      </c>
      <c r="G1564" cm="1">
        <f t="array" ref="G1564">IFERROR(INDEX(Jesper!AK$2:AK$366,ROUNDDOWN($C1564/24,0)+1,1)*INDEX($D$3:$AA$30,INDEX(Jesper!$R$2:$R$366,ROW(INDEX(Jesper!AK$2:AK$366,ROUNDDOWN($C1564/24,0)+1,1))-1)+IF('Standard Profiles'!$G$21=$B$10,7,0)+IF('Standard Profiles'!$G$21=$B$17,14,0)+IF('Standard Profiles'!$G$21=$B$24,21,0),MOD($C1564,24)+1)/SUM(INDEX($D$3:$AA$30,INDEX(Jesper!$R$2:$R$366,ROW(INDEX(Jesper!AK$2:AK$366,ROUNDDOWN($C1564/24,0)+1,1))-1)+IF('Standard Profiles'!$G$21=$B$10,7,0)+IF('Standard Profiles'!$G$21=$B$17,14,0)+IF('Standard Profiles'!$G$21=$B$24,21,0),0)),0)</f>
        <v>0</v>
      </c>
      <c r="H1564" cm="1">
        <f t="array" ref="H1564">IFERROR(INDEX(Jesper!AL$2:AL$366,ROUNDDOWN($C1564/24,0)+1,1)*INDEX($D$3:$AA$30,INDEX(Jesper!$R$2:$R$366,ROW(INDEX(Jesper!AL$2:AL$366,ROUNDDOWN($C1564/24,0)+1,1))-1)+IF('Standard Profiles'!$G$22=$B$10,7,0)+IF('Standard Profiles'!$G$22=$B$17,14,0)+IF('Standard Profiles'!$G$22=$B$24,21,0),MOD($C1564,24)+1)/SUM(INDEX($D$3:$AA$30,INDEX(Jesper!$R$2:$R$366,ROW(INDEX(Jesper!AL$2:AL$366,ROUNDDOWN($C1564/24,0)+1,1))-1)+IF('Standard Profiles'!$G$22=$B$10,7,0)+IF('Standard Profiles'!$G$22=$B$17,14,0)+IF('Standard Profiles'!$G$22=$B$24,21,0),0)),0)</f>
        <v>0</v>
      </c>
      <c r="I1564">
        <f t="shared" si="181"/>
        <v>0.54182566993976677</v>
      </c>
      <c r="J1564">
        <f t="shared" si="182"/>
        <v>1.8060855664658892</v>
      </c>
      <c r="K1564">
        <f t="shared" si="183"/>
        <v>2.7091283496988336</v>
      </c>
      <c r="L1564">
        <f t="shared" si="184"/>
        <v>13.003816078554401</v>
      </c>
      <c r="M1564">
        <f t="shared" si="185"/>
        <v>0</v>
      </c>
      <c r="N1564" s="46">
        <f t="shared" si="186"/>
        <v>45355.749999996289</v>
      </c>
    </row>
    <row r="1565" spans="2:14" x14ac:dyDescent="0.3">
      <c r="B1565">
        <f t="shared" si="180"/>
        <v>1</v>
      </c>
      <c r="C1565" s="16">
        <v>1531</v>
      </c>
      <c r="D1565" cm="1">
        <f t="array" ref="D1565">IFERROR(INDEX(Jesper!AH$2:AH$366,ROUNDDOWN($C1565/24,0)+1,1)*INDEX($D$3:$AA$30,INDEX(Jesper!$R$2:$R$366,ROW(INDEX(Jesper!AH$2:AH$366,ROUNDDOWN($C1565/24,0)+1,1))-1)+IF('Standard Profiles'!$G$18=$B$10,7,0)+IF('Standard Profiles'!$G$18=$B$17,14,0)+IF('Standard Profiles'!$G$18=$B$24,21,0),MOD($C1565,24)+1)/SUM(INDEX($D$3:$AA$30,INDEX(Jesper!$R$2:$R$366,ROW(INDEX(Jesper!AH$2:AH$366,ROUNDDOWN($C1565/24,0)+1,1))-1)+IF('Standard Profiles'!$G$18=$B$10,7,0)+IF('Standard Profiles'!$G$18=$B$17,14,0)+IF('Standard Profiles'!$G$18=$B$24,21,0),0)),0)</f>
        <v>15.125966619151823</v>
      </c>
      <c r="E1565" cm="1">
        <f t="array" ref="E1565">IFERROR(INDEX(Jesper!AI$2:AI$366,ROUNDDOWN($C1565/24,0)+1,1)*INDEX($D$3:$AA$30,INDEX(Jesper!$R$2:$R$366,ROW(INDEX(Jesper!AI$2:AI$366,ROUNDDOWN($C1565/24,0)+1,1))-1)+IF('Standard Profiles'!$G$19=$B$10,7,0)+IF('Standard Profiles'!$G$19=$B$17,14,0)+IF('Standard Profiles'!$G$19=$B$24,21,0),MOD($C1565,24)+1)/SUM(INDEX($D$3:$AA$30,INDEX(Jesper!$R$2:$R$366,ROW(INDEX(Jesper!AI$2:AI$366,ROUNDDOWN($C1565/24,0)+1,1))-1)+IF('Standard Profiles'!$G$19=$B$10,7,0)+IF('Standard Profiles'!$G$19=$B$17,14,0)+IF('Standard Profiles'!$G$19=$B$24,21,0),0)),0)</f>
        <v>0</v>
      </c>
      <c r="F1565" cm="1">
        <f t="array" ref="F1565">IFERROR(INDEX(Jesper!AJ$2:AJ$366,ROUNDDOWN($C1565/24,0)+1,1)*INDEX($D$3:$AA$30,INDEX(Jesper!$R$2:$R$366,ROW(INDEX(Jesper!AJ$2:AJ$366,ROUNDDOWN($C1565/24,0)+1,1))-1)+IF('Standard Profiles'!$G$20=$B$10,7,0)+IF('Standard Profiles'!$G$20=$B$17,14,0)+IF('Standard Profiles'!$G$20=$B$24,21,0),MOD($C1565,24)+1)/SUM(INDEX($D$3:$AA$30,INDEX(Jesper!$R$2:$R$366,ROW(INDEX(Jesper!AJ$2:AJ$366,ROUNDDOWN($C1565/24,0)+1,1))-1)+IF('Standard Profiles'!$G$20=$B$10,7,0)+IF('Standard Profiles'!$G$20=$B$17,14,0)+IF('Standard Profiles'!$G$20=$B$24,21,0),0)),0)</f>
        <v>0</v>
      </c>
      <c r="G1565" cm="1">
        <f t="array" ref="G1565">IFERROR(INDEX(Jesper!AK$2:AK$366,ROUNDDOWN($C1565/24,0)+1,1)*INDEX($D$3:$AA$30,INDEX(Jesper!$R$2:$R$366,ROW(INDEX(Jesper!AK$2:AK$366,ROUNDDOWN($C1565/24,0)+1,1))-1)+IF('Standard Profiles'!$G$21=$B$10,7,0)+IF('Standard Profiles'!$G$21=$B$17,14,0)+IF('Standard Profiles'!$G$21=$B$24,21,0),MOD($C1565,24)+1)/SUM(INDEX($D$3:$AA$30,INDEX(Jesper!$R$2:$R$366,ROW(INDEX(Jesper!AK$2:AK$366,ROUNDDOWN($C1565/24,0)+1,1))-1)+IF('Standard Profiles'!$G$21=$B$10,7,0)+IF('Standard Profiles'!$G$21=$B$17,14,0)+IF('Standard Profiles'!$G$21=$B$24,21,0),0)),0)</f>
        <v>0</v>
      </c>
      <c r="H1565" cm="1">
        <f t="array" ref="H1565">IFERROR(INDEX(Jesper!AL$2:AL$366,ROUNDDOWN($C1565/24,0)+1,1)*INDEX($D$3:$AA$30,INDEX(Jesper!$R$2:$R$366,ROW(INDEX(Jesper!AL$2:AL$366,ROUNDDOWN($C1565/24,0)+1,1))-1)+IF('Standard Profiles'!$G$22=$B$10,7,0)+IF('Standard Profiles'!$G$22=$B$17,14,0)+IF('Standard Profiles'!$G$22=$B$24,21,0),MOD($C1565,24)+1)/SUM(INDEX($D$3:$AA$30,INDEX(Jesper!$R$2:$R$366,ROW(INDEX(Jesper!AL$2:AL$366,ROUNDDOWN($C1565/24,0)+1,1))-1)+IF('Standard Profiles'!$G$22=$B$10,7,0)+IF('Standard Profiles'!$G$22=$B$17,14,0)+IF('Standard Profiles'!$G$22=$B$24,21,0),0)),0)</f>
        <v>0</v>
      </c>
      <c r="I1565">
        <f t="shared" si="181"/>
        <v>0.45377899857455467</v>
      </c>
      <c r="J1565">
        <f t="shared" si="182"/>
        <v>1.5125966619151825</v>
      </c>
      <c r="K1565">
        <f t="shared" si="183"/>
        <v>2.2688949928727733</v>
      </c>
      <c r="L1565">
        <f t="shared" si="184"/>
        <v>10.890695965789313</v>
      </c>
      <c r="M1565">
        <f t="shared" si="185"/>
        <v>0</v>
      </c>
      <c r="N1565" s="46">
        <f t="shared" si="186"/>
        <v>45355.791666662954</v>
      </c>
    </row>
    <row r="1566" spans="2:14" x14ac:dyDescent="0.3">
      <c r="B1566">
        <f t="shared" si="180"/>
        <v>1</v>
      </c>
      <c r="C1566" s="16">
        <v>1532</v>
      </c>
      <c r="D1566" cm="1">
        <f t="array" ref="D1566">IFERROR(INDEX(Jesper!AH$2:AH$366,ROUNDDOWN($C1566/24,0)+1,1)*INDEX($D$3:$AA$30,INDEX(Jesper!$R$2:$R$366,ROW(INDEX(Jesper!AH$2:AH$366,ROUNDDOWN($C1566/24,0)+1,1))-1)+IF('Standard Profiles'!$G$18=$B$10,7,0)+IF('Standard Profiles'!$G$18=$B$17,14,0)+IF('Standard Profiles'!$G$18=$B$24,21,0),MOD($C1566,24)+1)/SUM(INDEX($D$3:$AA$30,INDEX(Jesper!$R$2:$R$366,ROW(INDEX(Jesper!AH$2:AH$366,ROUNDDOWN($C1566/24,0)+1,1))-1)+IF('Standard Profiles'!$G$18=$B$10,7,0)+IF('Standard Profiles'!$G$18=$B$17,14,0)+IF('Standard Profiles'!$G$18=$B$24,21,0),0)),0)</f>
        <v>12.416838269452988</v>
      </c>
      <c r="E1566" cm="1">
        <f t="array" ref="E1566">IFERROR(INDEX(Jesper!AI$2:AI$366,ROUNDDOWN($C1566/24,0)+1,1)*INDEX($D$3:$AA$30,INDEX(Jesper!$R$2:$R$366,ROW(INDEX(Jesper!AI$2:AI$366,ROUNDDOWN($C1566/24,0)+1,1))-1)+IF('Standard Profiles'!$G$19=$B$10,7,0)+IF('Standard Profiles'!$G$19=$B$17,14,0)+IF('Standard Profiles'!$G$19=$B$24,21,0),MOD($C1566,24)+1)/SUM(INDEX($D$3:$AA$30,INDEX(Jesper!$R$2:$R$366,ROW(INDEX(Jesper!AI$2:AI$366,ROUNDDOWN($C1566/24,0)+1,1))-1)+IF('Standard Profiles'!$G$19=$B$10,7,0)+IF('Standard Profiles'!$G$19=$B$17,14,0)+IF('Standard Profiles'!$G$19=$B$24,21,0),0)),0)</f>
        <v>0</v>
      </c>
      <c r="F1566" cm="1">
        <f t="array" ref="F1566">IFERROR(INDEX(Jesper!AJ$2:AJ$366,ROUNDDOWN($C1566/24,0)+1,1)*INDEX($D$3:$AA$30,INDEX(Jesper!$R$2:$R$366,ROW(INDEX(Jesper!AJ$2:AJ$366,ROUNDDOWN($C1566/24,0)+1,1))-1)+IF('Standard Profiles'!$G$20=$B$10,7,0)+IF('Standard Profiles'!$G$20=$B$17,14,0)+IF('Standard Profiles'!$G$20=$B$24,21,0),MOD($C1566,24)+1)/SUM(INDEX($D$3:$AA$30,INDEX(Jesper!$R$2:$R$366,ROW(INDEX(Jesper!AJ$2:AJ$366,ROUNDDOWN($C1566/24,0)+1,1))-1)+IF('Standard Profiles'!$G$20=$B$10,7,0)+IF('Standard Profiles'!$G$20=$B$17,14,0)+IF('Standard Profiles'!$G$20=$B$24,21,0),0)),0)</f>
        <v>0</v>
      </c>
      <c r="G1566" cm="1">
        <f t="array" ref="G1566">IFERROR(INDEX(Jesper!AK$2:AK$366,ROUNDDOWN($C1566/24,0)+1,1)*INDEX($D$3:$AA$30,INDEX(Jesper!$R$2:$R$366,ROW(INDEX(Jesper!AK$2:AK$366,ROUNDDOWN($C1566/24,0)+1,1))-1)+IF('Standard Profiles'!$G$21=$B$10,7,0)+IF('Standard Profiles'!$G$21=$B$17,14,0)+IF('Standard Profiles'!$G$21=$B$24,21,0),MOD($C1566,24)+1)/SUM(INDEX($D$3:$AA$30,INDEX(Jesper!$R$2:$R$366,ROW(INDEX(Jesper!AK$2:AK$366,ROUNDDOWN($C1566/24,0)+1,1))-1)+IF('Standard Profiles'!$G$21=$B$10,7,0)+IF('Standard Profiles'!$G$21=$B$17,14,0)+IF('Standard Profiles'!$G$21=$B$24,21,0),0)),0)</f>
        <v>0</v>
      </c>
      <c r="H1566" cm="1">
        <f t="array" ref="H1566">IFERROR(INDEX(Jesper!AL$2:AL$366,ROUNDDOWN($C1566/24,0)+1,1)*INDEX($D$3:$AA$30,INDEX(Jesper!$R$2:$R$366,ROW(INDEX(Jesper!AL$2:AL$366,ROUNDDOWN($C1566/24,0)+1,1))-1)+IF('Standard Profiles'!$G$22=$B$10,7,0)+IF('Standard Profiles'!$G$22=$B$17,14,0)+IF('Standard Profiles'!$G$22=$B$24,21,0),MOD($C1566,24)+1)/SUM(INDEX($D$3:$AA$30,INDEX(Jesper!$R$2:$R$366,ROW(INDEX(Jesper!AL$2:AL$366,ROUNDDOWN($C1566/24,0)+1,1))-1)+IF('Standard Profiles'!$G$22=$B$10,7,0)+IF('Standard Profiles'!$G$22=$B$17,14,0)+IF('Standard Profiles'!$G$22=$B$24,21,0),0)),0)</f>
        <v>0</v>
      </c>
      <c r="I1566">
        <f t="shared" si="181"/>
        <v>0.37250514808358964</v>
      </c>
      <c r="J1566">
        <f t="shared" si="182"/>
        <v>1.241683826945299</v>
      </c>
      <c r="K1566">
        <f t="shared" si="183"/>
        <v>1.8625257404179481</v>
      </c>
      <c r="L1566">
        <f t="shared" si="184"/>
        <v>8.940123554006151</v>
      </c>
      <c r="M1566">
        <f t="shared" si="185"/>
        <v>0</v>
      </c>
      <c r="N1566" s="46">
        <f t="shared" si="186"/>
        <v>45355.833333329618</v>
      </c>
    </row>
    <row r="1567" spans="2:14" x14ac:dyDescent="0.3">
      <c r="B1567">
        <f t="shared" si="180"/>
        <v>1</v>
      </c>
      <c r="C1567" s="16">
        <v>1533</v>
      </c>
      <c r="D1567" cm="1">
        <f t="array" ref="D1567">IFERROR(INDEX(Jesper!AH$2:AH$366,ROUNDDOWN($C1567/24,0)+1,1)*INDEX($D$3:$AA$30,INDEX(Jesper!$R$2:$R$366,ROW(INDEX(Jesper!AH$2:AH$366,ROUNDDOWN($C1567/24,0)+1,1))-1)+IF('Standard Profiles'!$G$18=$B$10,7,0)+IF('Standard Profiles'!$G$18=$B$17,14,0)+IF('Standard Profiles'!$G$18=$B$24,21,0),MOD($C1567,24)+1)/SUM(INDEX($D$3:$AA$30,INDEX(Jesper!$R$2:$R$366,ROW(INDEX(Jesper!AH$2:AH$366,ROUNDDOWN($C1567/24,0)+1,1))-1)+IF('Standard Profiles'!$G$18=$B$10,7,0)+IF('Standard Profiles'!$G$18=$B$17,14,0)+IF('Standard Profiles'!$G$18=$B$24,21,0),0)),0)</f>
        <v>9.0304278323294458</v>
      </c>
      <c r="E1567" cm="1">
        <f t="array" ref="E1567">IFERROR(INDEX(Jesper!AI$2:AI$366,ROUNDDOWN($C1567/24,0)+1,1)*INDEX($D$3:$AA$30,INDEX(Jesper!$R$2:$R$366,ROW(INDEX(Jesper!AI$2:AI$366,ROUNDDOWN($C1567/24,0)+1,1))-1)+IF('Standard Profiles'!$G$19=$B$10,7,0)+IF('Standard Profiles'!$G$19=$B$17,14,0)+IF('Standard Profiles'!$G$19=$B$24,21,0),MOD($C1567,24)+1)/SUM(INDEX($D$3:$AA$30,INDEX(Jesper!$R$2:$R$366,ROW(INDEX(Jesper!AI$2:AI$366,ROUNDDOWN($C1567/24,0)+1,1))-1)+IF('Standard Profiles'!$G$19=$B$10,7,0)+IF('Standard Profiles'!$G$19=$B$17,14,0)+IF('Standard Profiles'!$G$19=$B$24,21,0),0)),0)</f>
        <v>0</v>
      </c>
      <c r="F1567" cm="1">
        <f t="array" ref="F1567">IFERROR(INDEX(Jesper!AJ$2:AJ$366,ROUNDDOWN($C1567/24,0)+1,1)*INDEX($D$3:$AA$30,INDEX(Jesper!$R$2:$R$366,ROW(INDEX(Jesper!AJ$2:AJ$366,ROUNDDOWN($C1567/24,0)+1,1))-1)+IF('Standard Profiles'!$G$20=$B$10,7,0)+IF('Standard Profiles'!$G$20=$B$17,14,0)+IF('Standard Profiles'!$G$20=$B$24,21,0),MOD($C1567,24)+1)/SUM(INDEX($D$3:$AA$30,INDEX(Jesper!$R$2:$R$366,ROW(INDEX(Jesper!AJ$2:AJ$366,ROUNDDOWN($C1567/24,0)+1,1))-1)+IF('Standard Profiles'!$G$20=$B$10,7,0)+IF('Standard Profiles'!$G$20=$B$17,14,0)+IF('Standard Profiles'!$G$20=$B$24,21,0),0)),0)</f>
        <v>0</v>
      </c>
      <c r="G1567" cm="1">
        <f t="array" ref="G1567">IFERROR(INDEX(Jesper!AK$2:AK$366,ROUNDDOWN($C1567/24,0)+1,1)*INDEX($D$3:$AA$30,INDEX(Jesper!$R$2:$R$366,ROW(INDEX(Jesper!AK$2:AK$366,ROUNDDOWN($C1567/24,0)+1,1))-1)+IF('Standard Profiles'!$G$21=$B$10,7,0)+IF('Standard Profiles'!$G$21=$B$17,14,0)+IF('Standard Profiles'!$G$21=$B$24,21,0),MOD($C1567,24)+1)/SUM(INDEX($D$3:$AA$30,INDEX(Jesper!$R$2:$R$366,ROW(INDEX(Jesper!AK$2:AK$366,ROUNDDOWN($C1567/24,0)+1,1))-1)+IF('Standard Profiles'!$G$21=$B$10,7,0)+IF('Standard Profiles'!$G$21=$B$17,14,0)+IF('Standard Profiles'!$G$21=$B$24,21,0),0)),0)</f>
        <v>0</v>
      </c>
      <c r="H1567" cm="1">
        <f t="array" ref="H1567">IFERROR(INDEX(Jesper!AL$2:AL$366,ROUNDDOWN($C1567/24,0)+1,1)*INDEX($D$3:$AA$30,INDEX(Jesper!$R$2:$R$366,ROW(INDEX(Jesper!AL$2:AL$366,ROUNDDOWN($C1567/24,0)+1,1))-1)+IF('Standard Profiles'!$G$22=$B$10,7,0)+IF('Standard Profiles'!$G$22=$B$17,14,0)+IF('Standard Profiles'!$G$22=$B$24,21,0),MOD($C1567,24)+1)/SUM(INDEX($D$3:$AA$30,INDEX(Jesper!$R$2:$R$366,ROW(INDEX(Jesper!AL$2:AL$366,ROUNDDOWN($C1567/24,0)+1,1))-1)+IF('Standard Profiles'!$G$22=$B$10,7,0)+IF('Standard Profiles'!$G$22=$B$17,14,0)+IF('Standard Profiles'!$G$22=$B$24,21,0),0)),0)</f>
        <v>0</v>
      </c>
      <c r="I1567">
        <f t="shared" si="181"/>
        <v>0.27091283496988339</v>
      </c>
      <c r="J1567">
        <f t="shared" si="182"/>
        <v>0.90304278323294462</v>
      </c>
      <c r="K1567">
        <f t="shared" si="183"/>
        <v>1.3545641748494168</v>
      </c>
      <c r="L1567">
        <f t="shared" si="184"/>
        <v>6.5019080392772004</v>
      </c>
      <c r="M1567">
        <f t="shared" si="185"/>
        <v>0</v>
      </c>
      <c r="N1567" s="46">
        <f t="shared" si="186"/>
        <v>45355.874999996282</v>
      </c>
    </row>
    <row r="1568" spans="2:14" x14ac:dyDescent="0.3">
      <c r="B1568">
        <f t="shared" si="180"/>
        <v>1</v>
      </c>
      <c r="C1568" s="16">
        <v>1534</v>
      </c>
      <c r="D1568" cm="1">
        <f t="array" ref="D1568">IFERROR(INDEX(Jesper!AH$2:AH$366,ROUNDDOWN($C1568/24,0)+1,1)*INDEX($D$3:$AA$30,INDEX(Jesper!$R$2:$R$366,ROW(INDEX(Jesper!AH$2:AH$366,ROUNDDOWN($C1568/24,0)+1,1))-1)+IF('Standard Profiles'!$G$18=$B$10,7,0)+IF('Standard Profiles'!$G$18=$B$17,14,0)+IF('Standard Profiles'!$G$18=$B$24,21,0),MOD($C1568,24)+1)/SUM(INDEX($D$3:$AA$30,INDEX(Jesper!$R$2:$R$366,ROW(INDEX(Jesper!AH$2:AH$366,ROUNDDOWN($C1568/24,0)+1,1))-1)+IF('Standard Profiles'!$G$18=$B$10,7,0)+IF('Standard Profiles'!$G$18=$B$17,14,0)+IF('Standard Profiles'!$G$18=$B$24,21,0),0)),0)</f>
        <v>8.5789064407129736</v>
      </c>
      <c r="E1568" cm="1">
        <f t="array" ref="E1568">IFERROR(INDEX(Jesper!AI$2:AI$366,ROUNDDOWN($C1568/24,0)+1,1)*INDEX($D$3:$AA$30,INDEX(Jesper!$R$2:$R$366,ROW(INDEX(Jesper!AI$2:AI$366,ROUNDDOWN($C1568/24,0)+1,1))-1)+IF('Standard Profiles'!$G$19=$B$10,7,0)+IF('Standard Profiles'!$G$19=$B$17,14,0)+IF('Standard Profiles'!$G$19=$B$24,21,0),MOD($C1568,24)+1)/SUM(INDEX($D$3:$AA$30,INDEX(Jesper!$R$2:$R$366,ROW(INDEX(Jesper!AI$2:AI$366,ROUNDDOWN($C1568/24,0)+1,1))-1)+IF('Standard Profiles'!$G$19=$B$10,7,0)+IF('Standard Profiles'!$G$19=$B$17,14,0)+IF('Standard Profiles'!$G$19=$B$24,21,0),0)),0)</f>
        <v>0</v>
      </c>
      <c r="F1568" cm="1">
        <f t="array" ref="F1568">IFERROR(INDEX(Jesper!AJ$2:AJ$366,ROUNDDOWN($C1568/24,0)+1,1)*INDEX($D$3:$AA$30,INDEX(Jesper!$R$2:$R$366,ROW(INDEX(Jesper!AJ$2:AJ$366,ROUNDDOWN($C1568/24,0)+1,1))-1)+IF('Standard Profiles'!$G$20=$B$10,7,0)+IF('Standard Profiles'!$G$20=$B$17,14,0)+IF('Standard Profiles'!$G$20=$B$24,21,0),MOD($C1568,24)+1)/SUM(INDEX($D$3:$AA$30,INDEX(Jesper!$R$2:$R$366,ROW(INDEX(Jesper!AJ$2:AJ$366,ROUNDDOWN($C1568/24,0)+1,1))-1)+IF('Standard Profiles'!$G$20=$B$10,7,0)+IF('Standard Profiles'!$G$20=$B$17,14,0)+IF('Standard Profiles'!$G$20=$B$24,21,0),0)),0)</f>
        <v>0</v>
      </c>
      <c r="G1568" cm="1">
        <f t="array" ref="G1568">IFERROR(INDEX(Jesper!AK$2:AK$366,ROUNDDOWN($C1568/24,0)+1,1)*INDEX($D$3:$AA$30,INDEX(Jesper!$R$2:$R$366,ROW(INDEX(Jesper!AK$2:AK$366,ROUNDDOWN($C1568/24,0)+1,1))-1)+IF('Standard Profiles'!$G$21=$B$10,7,0)+IF('Standard Profiles'!$G$21=$B$17,14,0)+IF('Standard Profiles'!$G$21=$B$24,21,0),MOD($C1568,24)+1)/SUM(INDEX($D$3:$AA$30,INDEX(Jesper!$R$2:$R$366,ROW(INDEX(Jesper!AK$2:AK$366,ROUNDDOWN($C1568/24,0)+1,1))-1)+IF('Standard Profiles'!$G$21=$B$10,7,0)+IF('Standard Profiles'!$G$21=$B$17,14,0)+IF('Standard Profiles'!$G$21=$B$24,21,0),0)),0)</f>
        <v>0</v>
      </c>
      <c r="H1568" cm="1">
        <f t="array" ref="H1568">IFERROR(INDEX(Jesper!AL$2:AL$366,ROUNDDOWN($C1568/24,0)+1,1)*INDEX($D$3:$AA$30,INDEX(Jesper!$R$2:$R$366,ROW(INDEX(Jesper!AL$2:AL$366,ROUNDDOWN($C1568/24,0)+1,1))-1)+IF('Standard Profiles'!$G$22=$B$10,7,0)+IF('Standard Profiles'!$G$22=$B$17,14,0)+IF('Standard Profiles'!$G$22=$B$24,21,0),MOD($C1568,24)+1)/SUM(INDEX($D$3:$AA$30,INDEX(Jesper!$R$2:$R$366,ROW(INDEX(Jesper!AL$2:AL$366,ROUNDDOWN($C1568/24,0)+1,1))-1)+IF('Standard Profiles'!$G$22=$B$10,7,0)+IF('Standard Profiles'!$G$22=$B$17,14,0)+IF('Standard Profiles'!$G$22=$B$24,21,0),0)),0)</f>
        <v>0</v>
      </c>
      <c r="I1568">
        <f t="shared" si="181"/>
        <v>0.25736719322138918</v>
      </c>
      <c r="J1568">
        <f t="shared" si="182"/>
        <v>0.85789064407129745</v>
      </c>
      <c r="K1568">
        <f t="shared" si="183"/>
        <v>1.2868359661069459</v>
      </c>
      <c r="L1568">
        <f t="shared" si="184"/>
        <v>6.1768126373133407</v>
      </c>
      <c r="M1568">
        <f t="shared" si="185"/>
        <v>0</v>
      </c>
      <c r="N1568" s="46">
        <f t="shared" si="186"/>
        <v>45355.916666662946</v>
      </c>
    </row>
    <row r="1569" spans="2:14" x14ac:dyDescent="0.3">
      <c r="B1569">
        <f t="shared" si="180"/>
        <v>1</v>
      </c>
      <c r="C1569" s="16">
        <v>1535</v>
      </c>
      <c r="D1569" cm="1">
        <f t="array" ref="D1569">IFERROR(INDEX(Jesper!AH$2:AH$366,ROUNDDOWN($C1569/24,0)+1,1)*INDEX($D$3:$AA$30,INDEX(Jesper!$R$2:$R$366,ROW(INDEX(Jesper!AH$2:AH$366,ROUNDDOWN($C1569/24,0)+1,1))-1)+IF('Standard Profiles'!$G$18=$B$10,7,0)+IF('Standard Profiles'!$G$18=$B$17,14,0)+IF('Standard Profiles'!$G$18=$B$24,21,0),MOD($C1569,24)+1)/SUM(INDEX($D$3:$AA$30,INDEX(Jesper!$R$2:$R$366,ROW(INDEX(Jesper!AH$2:AH$366,ROUNDDOWN($C1569/24,0)+1,1))-1)+IF('Standard Profiles'!$G$18=$B$10,7,0)+IF('Standard Profiles'!$G$18=$B$17,14,0)+IF('Standard Profiles'!$G$18=$B$24,21,0),0)),0)</f>
        <v>8.5789064407129736</v>
      </c>
      <c r="E1569" cm="1">
        <f t="array" ref="E1569">IFERROR(INDEX(Jesper!AI$2:AI$366,ROUNDDOWN($C1569/24,0)+1,1)*INDEX($D$3:$AA$30,INDEX(Jesper!$R$2:$R$366,ROW(INDEX(Jesper!AI$2:AI$366,ROUNDDOWN($C1569/24,0)+1,1))-1)+IF('Standard Profiles'!$G$19=$B$10,7,0)+IF('Standard Profiles'!$G$19=$B$17,14,0)+IF('Standard Profiles'!$G$19=$B$24,21,0),MOD($C1569,24)+1)/SUM(INDEX($D$3:$AA$30,INDEX(Jesper!$R$2:$R$366,ROW(INDEX(Jesper!AI$2:AI$366,ROUNDDOWN($C1569/24,0)+1,1))-1)+IF('Standard Profiles'!$G$19=$B$10,7,0)+IF('Standard Profiles'!$G$19=$B$17,14,0)+IF('Standard Profiles'!$G$19=$B$24,21,0),0)),0)</f>
        <v>0</v>
      </c>
      <c r="F1569" cm="1">
        <f t="array" ref="F1569">IFERROR(INDEX(Jesper!AJ$2:AJ$366,ROUNDDOWN($C1569/24,0)+1,1)*INDEX($D$3:$AA$30,INDEX(Jesper!$R$2:$R$366,ROW(INDEX(Jesper!AJ$2:AJ$366,ROUNDDOWN($C1569/24,0)+1,1))-1)+IF('Standard Profiles'!$G$20=$B$10,7,0)+IF('Standard Profiles'!$G$20=$B$17,14,0)+IF('Standard Profiles'!$G$20=$B$24,21,0),MOD($C1569,24)+1)/SUM(INDEX($D$3:$AA$30,INDEX(Jesper!$R$2:$R$366,ROW(INDEX(Jesper!AJ$2:AJ$366,ROUNDDOWN($C1569/24,0)+1,1))-1)+IF('Standard Profiles'!$G$20=$B$10,7,0)+IF('Standard Profiles'!$G$20=$B$17,14,0)+IF('Standard Profiles'!$G$20=$B$24,21,0),0)),0)</f>
        <v>0</v>
      </c>
      <c r="G1569" cm="1">
        <f t="array" ref="G1569">IFERROR(INDEX(Jesper!AK$2:AK$366,ROUNDDOWN($C1569/24,0)+1,1)*INDEX($D$3:$AA$30,INDEX(Jesper!$R$2:$R$366,ROW(INDEX(Jesper!AK$2:AK$366,ROUNDDOWN($C1569/24,0)+1,1))-1)+IF('Standard Profiles'!$G$21=$B$10,7,0)+IF('Standard Profiles'!$G$21=$B$17,14,0)+IF('Standard Profiles'!$G$21=$B$24,21,0),MOD($C1569,24)+1)/SUM(INDEX($D$3:$AA$30,INDEX(Jesper!$R$2:$R$366,ROW(INDEX(Jesper!AK$2:AK$366,ROUNDDOWN($C1569/24,0)+1,1))-1)+IF('Standard Profiles'!$G$21=$B$10,7,0)+IF('Standard Profiles'!$G$21=$B$17,14,0)+IF('Standard Profiles'!$G$21=$B$24,21,0),0)),0)</f>
        <v>0</v>
      </c>
      <c r="H1569" cm="1">
        <f t="array" ref="H1569">IFERROR(INDEX(Jesper!AL$2:AL$366,ROUNDDOWN($C1569/24,0)+1,1)*INDEX($D$3:$AA$30,INDEX(Jesper!$R$2:$R$366,ROW(INDEX(Jesper!AL$2:AL$366,ROUNDDOWN($C1569/24,0)+1,1))-1)+IF('Standard Profiles'!$G$22=$B$10,7,0)+IF('Standard Profiles'!$G$22=$B$17,14,0)+IF('Standard Profiles'!$G$22=$B$24,21,0),MOD($C1569,24)+1)/SUM(INDEX($D$3:$AA$30,INDEX(Jesper!$R$2:$R$366,ROW(INDEX(Jesper!AL$2:AL$366,ROUNDDOWN($C1569/24,0)+1,1))-1)+IF('Standard Profiles'!$G$22=$B$10,7,0)+IF('Standard Profiles'!$G$22=$B$17,14,0)+IF('Standard Profiles'!$G$22=$B$24,21,0),0)),0)</f>
        <v>0</v>
      </c>
      <c r="I1569">
        <f t="shared" si="181"/>
        <v>0.25736719322138918</v>
      </c>
      <c r="J1569">
        <f t="shared" si="182"/>
        <v>0.85789064407129745</v>
      </c>
      <c r="K1569">
        <f t="shared" si="183"/>
        <v>1.2868359661069459</v>
      </c>
      <c r="L1569">
        <f t="shared" si="184"/>
        <v>6.1768126373133407</v>
      </c>
      <c r="M1569">
        <f t="shared" si="185"/>
        <v>0</v>
      </c>
      <c r="N1569" s="46">
        <f t="shared" si="186"/>
        <v>45355.95833332961</v>
      </c>
    </row>
    <row r="1570" spans="2:14" x14ac:dyDescent="0.3">
      <c r="B1570">
        <f t="shared" si="180"/>
        <v>2</v>
      </c>
      <c r="C1570" s="16">
        <v>1536</v>
      </c>
      <c r="D1570" cm="1">
        <f t="array" ref="D1570">IFERROR(INDEX(Jesper!AH$2:AH$366,ROUNDDOWN($C1570/24,0)+1,1)*INDEX($D$3:$AA$30,INDEX(Jesper!$R$2:$R$366,ROW(INDEX(Jesper!AH$2:AH$366,ROUNDDOWN($C1570/24,0)+1,1))-1)+IF('Standard Profiles'!$G$18=$B$10,7,0)+IF('Standard Profiles'!$G$18=$B$17,14,0)+IF('Standard Profiles'!$G$18=$B$24,21,0),MOD($C1570,24)+1)/SUM(INDEX($D$3:$AA$30,INDEX(Jesper!$R$2:$R$366,ROW(INDEX(Jesper!AH$2:AH$366,ROUNDDOWN($C1570/24,0)+1,1))-1)+IF('Standard Profiles'!$G$18=$B$10,7,0)+IF('Standard Profiles'!$G$18=$B$17,14,0)+IF('Standard Profiles'!$G$18=$B$24,21,0),0)),0)</f>
        <v>8.2593062900284231</v>
      </c>
      <c r="E1570" cm="1">
        <f t="array" ref="E1570">IFERROR(INDEX(Jesper!AI$2:AI$366,ROUNDDOWN($C1570/24,0)+1,1)*INDEX($D$3:$AA$30,INDEX(Jesper!$R$2:$R$366,ROW(INDEX(Jesper!AI$2:AI$366,ROUNDDOWN($C1570/24,0)+1,1))-1)+IF('Standard Profiles'!$G$19=$B$10,7,0)+IF('Standard Profiles'!$G$19=$B$17,14,0)+IF('Standard Profiles'!$G$19=$B$24,21,0),MOD($C1570,24)+1)/SUM(INDEX($D$3:$AA$30,INDEX(Jesper!$R$2:$R$366,ROW(INDEX(Jesper!AI$2:AI$366,ROUNDDOWN($C1570/24,0)+1,1))-1)+IF('Standard Profiles'!$G$19=$B$10,7,0)+IF('Standard Profiles'!$G$19=$B$17,14,0)+IF('Standard Profiles'!$G$19=$B$24,21,0),0)),0)</f>
        <v>0</v>
      </c>
      <c r="F1570" cm="1">
        <f t="array" ref="F1570">IFERROR(INDEX(Jesper!AJ$2:AJ$366,ROUNDDOWN($C1570/24,0)+1,1)*INDEX($D$3:$AA$30,INDEX(Jesper!$R$2:$R$366,ROW(INDEX(Jesper!AJ$2:AJ$366,ROUNDDOWN($C1570/24,0)+1,1))-1)+IF('Standard Profiles'!$G$20=$B$10,7,0)+IF('Standard Profiles'!$G$20=$B$17,14,0)+IF('Standard Profiles'!$G$20=$B$24,21,0),MOD($C1570,24)+1)/SUM(INDEX($D$3:$AA$30,INDEX(Jesper!$R$2:$R$366,ROW(INDEX(Jesper!AJ$2:AJ$366,ROUNDDOWN($C1570/24,0)+1,1))-1)+IF('Standard Profiles'!$G$20=$B$10,7,0)+IF('Standard Profiles'!$G$20=$B$17,14,0)+IF('Standard Profiles'!$G$20=$B$24,21,0),0)),0)</f>
        <v>0</v>
      </c>
      <c r="G1570" cm="1">
        <f t="array" ref="G1570">IFERROR(INDEX(Jesper!AK$2:AK$366,ROUNDDOWN($C1570/24,0)+1,1)*INDEX($D$3:$AA$30,INDEX(Jesper!$R$2:$R$366,ROW(INDEX(Jesper!AK$2:AK$366,ROUNDDOWN($C1570/24,0)+1,1))-1)+IF('Standard Profiles'!$G$21=$B$10,7,0)+IF('Standard Profiles'!$G$21=$B$17,14,0)+IF('Standard Profiles'!$G$21=$B$24,21,0),MOD($C1570,24)+1)/SUM(INDEX($D$3:$AA$30,INDEX(Jesper!$R$2:$R$366,ROW(INDEX(Jesper!AK$2:AK$366,ROUNDDOWN($C1570/24,0)+1,1))-1)+IF('Standard Profiles'!$G$21=$B$10,7,0)+IF('Standard Profiles'!$G$21=$B$17,14,0)+IF('Standard Profiles'!$G$21=$B$24,21,0),0)),0)</f>
        <v>0</v>
      </c>
      <c r="H1570" cm="1">
        <f t="array" ref="H1570">IFERROR(INDEX(Jesper!AL$2:AL$366,ROUNDDOWN($C1570/24,0)+1,1)*INDEX($D$3:$AA$30,INDEX(Jesper!$R$2:$R$366,ROW(INDEX(Jesper!AL$2:AL$366,ROUNDDOWN($C1570/24,0)+1,1))-1)+IF('Standard Profiles'!$G$22=$B$10,7,0)+IF('Standard Profiles'!$G$22=$B$17,14,0)+IF('Standard Profiles'!$G$22=$B$24,21,0),MOD($C1570,24)+1)/SUM(INDEX($D$3:$AA$30,INDEX(Jesper!$R$2:$R$366,ROW(INDEX(Jesper!AL$2:AL$366,ROUNDDOWN($C1570/24,0)+1,1))-1)+IF('Standard Profiles'!$G$22=$B$10,7,0)+IF('Standard Profiles'!$G$22=$B$17,14,0)+IF('Standard Profiles'!$G$22=$B$24,21,0),0)),0)</f>
        <v>0</v>
      </c>
      <c r="I1570">
        <f t="shared" si="181"/>
        <v>0.24777918870085269</v>
      </c>
      <c r="J1570">
        <f t="shared" si="182"/>
        <v>0.82593062900284231</v>
      </c>
      <c r="K1570">
        <f t="shared" si="183"/>
        <v>1.2388959435042635</v>
      </c>
      <c r="L1570">
        <f t="shared" si="184"/>
        <v>5.9467005288204646</v>
      </c>
      <c r="M1570">
        <f t="shared" si="185"/>
        <v>0</v>
      </c>
      <c r="N1570" s="46">
        <f t="shared" si="186"/>
        <v>45355.999999996275</v>
      </c>
    </row>
    <row r="1571" spans="2:14" x14ac:dyDescent="0.3">
      <c r="B1571">
        <f t="shared" ref="B1571:B1634" si="187">WEEKDAY(N1571,2)</f>
        <v>2</v>
      </c>
      <c r="C1571" s="16">
        <v>1537</v>
      </c>
      <c r="D1571" cm="1">
        <f t="array" ref="D1571">IFERROR(INDEX(Jesper!AH$2:AH$366,ROUNDDOWN($C1571/24,0)+1,1)*INDEX($D$3:$AA$30,INDEX(Jesper!$R$2:$R$366,ROW(INDEX(Jesper!AH$2:AH$366,ROUNDDOWN($C1571/24,0)+1,1))-1)+IF('Standard Profiles'!$G$18=$B$10,7,0)+IF('Standard Profiles'!$G$18=$B$17,14,0)+IF('Standard Profiles'!$G$18=$B$24,21,0),MOD($C1571,24)+1)/SUM(INDEX($D$3:$AA$30,INDEX(Jesper!$R$2:$R$366,ROW(INDEX(Jesper!AH$2:AH$366,ROUNDDOWN($C1571/24,0)+1,1))-1)+IF('Standard Profiles'!$G$18=$B$10,7,0)+IF('Standard Profiles'!$G$18=$B$17,14,0)+IF('Standard Profiles'!$G$18=$B$24,21,0),0)),0)</f>
        <v>8.2593062900284231</v>
      </c>
      <c r="E1571" cm="1">
        <f t="array" ref="E1571">IFERROR(INDEX(Jesper!AI$2:AI$366,ROUNDDOWN($C1571/24,0)+1,1)*INDEX($D$3:$AA$30,INDEX(Jesper!$R$2:$R$366,ROW(INDEX(Jesper!AI$2:AI$366,ROUNDDOWN($C1571/24,0)+1,1))-1)+IF('Standard Profiles'!$G$19=$B$10,7,0)+IF('Standard Profiles'!$G$19=$B$17,14,0)+IF('Standard Profiles'!$G$19=$B$24,21,0),MOD($C1571,24)+1)/SUM(INDEX($D$3:$AA$30,INDEX(Jesper!$R$2:$R$366,ROW(INDEX(Jesper!AI$2:AI$366,ROUNDDOWN($C1571/24,0)+1,1))-1)+IF('Standard Profiles'!$G$19=$B$10,7,0)+IF('Standard Profiles'!$G$19=$B$17,14,0)+IF('Standard Profiles'!$G$19=$B$24,21,0),0)),0)</f>
        <v>0</v>
      </c>
      <c r="F1571" cm="1">
        <f t="array" ref="F1571">IFERROR(INDEX(Jesper!AJ$2:AJ$366,ROUNDDOWN($C1571/24,0)+1,1)*INDEX($D$3:$AA$30,INDEX(Jesper!$R$2:$R$366,ROW(INDEX(Jesper!AJ$2:AJ$366,ROUNDDOWN($C1571/24,0)+1,1))-1)+IF('Standard Profiles'!$G$20=$B$10,7,0)+IF('Standard Profiles'!$G$20=$B$17,14,0)+IF('Standard Profiles'!$G$20=$B$24,21,0),MOD($C1571,24)+1)/SUM(INDEX($D$3:$AA$30,INDEX(Jesper!$R$2:$R$366,ROW(INDEX(Jesper!AJ$2:AJ$366,ROUNDDOWN($C1571/24,0)+1,1))-1)+IF('Standard Profiles'!$G$20=$B$10,7,0)+IF('Standard Profiles'!$G$20=$B$17,14,0)+IF('Standard Profiles'!$G$20=$B$24,21,0),0)),0)</f>
        <v>0</v>
      </c>
      <c r="G1571" cm="1">
        <f t="array" ref="G1571">IFERROR(INDEX(Jesper!AK$2:AK$366,ROUNDDOWN($C1571/24,0)+1,1)*INDEX($D$3:$AA$30,INDEX(Jesper!$R$2:$R$366,ROW(INDEX(Jesper!AK$2:AK$366,ROUNDDOWN($C1571/24,0)+1,1))-1)+IF('Standard Profiles'!$G$21=$B$10,7,0)+IF('Standard Profiles'!$G$21=$B$17,14,0)+IF('Standard Profiles'!$G$21=$B$24,21,0),MOD($C1571,24)+1)/SUM(INDEX($D$3:$AA$30,INDEX(Jesper!$R$2:$R$366,ROW(INDEX(Jesper!AK$2:AK$366,ROUNDDOWN($C1571/24,0)+1,1))-1)+IF('Standard Profiles'!$G$21=$B$10,7,0)+IF('Standard Profiles'!$G$21=$B$17,14,0)+IF('Standard Profiles'!$G$21=$B$24,21,0),0)),0)</f>
        <v>0</v>
      </c>
      <c r="H1571" cm="1">
        <f t="array" ref="H1571">IFERROR(INDEX(Jesper!AL$2:AL$366,ROUNDDOWN($C1571/24,0)+1,1)*INDEX($D$3:$AA$30,INDEX(Jesper!$R$2:$R$366,ROW(INDEX(Jesper!AL$2:AL$366,ROUNDDOWN($C1571/24,0)+1,1))-1)+IF('Standard Profiles'!$G$22=$B$10,7,0)+IF('Standard Profiles'!$G$22=$B$17,14,0)+IF('Standard Profiles'!$G$22=$B$24,21,0),MOD($C1571,24)+1)/SUM(INDEX($D$3:$AA$30,INDEX(Jesper!$R$2:$R$366,ROW(INDEX(Jesper!AL$2:AL$366,ROUNDDOWN($C1571/24,0)+1,1))-1)+IF('Standard Profiles'!$G$22=$B$10,7,0)+IF('Standard Profiles'!$G$22=$B$17,14,0)+IF('Standard Profiles'!$G$22=$B$24,21,0),0)),0)</f>
        <v>0</v>
      </c>
      <c r="I1571">
        <f t="shared" ref="I1571:I1634" si="188">IF($B1571&lt;6,AC$37*$D1571+AC$38*$E1571+AC$39*$F1571+AC$40*$G1571,AC$46*$D1571+AC$47*$E1571+AC$48*$F1571+AC$49*$G1571+AC$50*$H1571)</f>
        <v>0.24777918870085269</v>
      </c>
      <c r="J1571">
        <f t="shared" ref="J1571:J1634" si="189">IF($B1571&lt;6,AD$37*$D1571+AD$38*$E1571+AD$39*$F1571+AD$40*$G1571,AD$46*$D1571+AD$47*$E1571+AD$48*$F1571+AD$49*$G1571+AD$50*$H1571)</f>
        <v>0.82593062900284231</v>
      </c>
      <c r="K1571">
        <f t="shared" ref="K1571:K1634" si="190">IF($B1571&lt;6,AE$37*$D1571+AE$38*$E1571+AE$39*$F1571+AE$40*$G1571,AE$46*$D1571+AE$47*$E1571+AE$48*$F1571+AE$49*$G1571+AE$50*$H1571)</f>
        <v>1.2388959435042635</v>
      </c>
      <c r="L1571">
        <f t="shared" ref="L1571:L1634" si="191">IF($B1571&lt;6,AF$37*$D1571+AF$38*$E1571+AF$39*$F1571+AF$40*$G1571,AF$46*$D1571+AF$47*$E1571+AF$48*$F1571+AF$49*$G1571+AF$50*$H1571)</f>
        <v>5.9467005288204646</v>
      </c>
      <c r="M1571">
        <f t="shared" ref="M1571:M1634" si="192">IF($B1571&lt;6,AG$37*$D1571+AG$38*$E1571+AG$39*$F1571+AG$40*$G1571,AG$46*$D1571+AG$47*$E1571+AG$48*$F1571+AG$49*$G1571+AG$50*$H1571)</f>
        <v>0</v>
      </c>
      <c r="N1571" s="46">
        <f t="shared" si="186"/>
        <v>45356.041666662939</v>
      </c>
    </row>
    <row r="1572" spans="2:14" x14ac:dyDescent="0.3">
      <c r="B1572">
        <f t="shared" si="187"/>
        <v>2</v>
      </c>
      <c r="C1572" s="16">
        <v>1538</v>
      </c>
      <c r="D1572" cm="1">
        <f t="array" ref="D1572">IFERROR(INDEX(Jesper!AH$2:AH$366,ROUNDDOWN($C1572/24,0)+1,1)*INDEX($D$3:$AA$30,INDEX(Jesper!$R$2:$R$366,ROW(INDEX(Jesper!AH$2:AH$366,ROUNDDOWN($C1572/24,0)+1,1))-1)+IF('Standard Profiles'!$G$18=$B$10,7,0)+IF('Standard Profiles'!$G$18=$B$17,14,0)+IF('Standard Profiles'!$G$18=$B$24,21,0),MOD($C1572,24)+1)/SUM(INDEX($D$3:$AA$30,INDEX(Jesper!$R$2:$R$366,ROW(INDEX(Jesper!AH$2:AH$366,ROUNDDOWN($C1572/24,0)+1,1))-1)+IF('Standard Profiles'!$G$18=$B$10,7,0)+IF('Standard Profiles'!$G$18=$B$17,14,0)+IF('Standard Profiles'!$G$18=$B$24,21,0),0)),0)</f>
        <v>8.2593062900284231</v>
      </c>
      <c r="E1572" cm="1">
        <f t="array" ref="E1572">IFERROR(INDEX(Jesper!AI$2:AI$366,ROUNDDOWN($C1572/24,0)+1,1)*INDEX($D$3:$AA$30,INDEX(Jesper!$R$2:$R$366,ROW(INDEX(Jesper!AI$2:AI$366,ROUNDDOWN($C1572/24,0)+1,1))-1)+IF('Standard Profiles'!$G$19=$B$10,7,0)+IF('Standard Profiles'!$G$19=$B$17,14,0)+IF('Standard Profiles'!$G$19=$B$24,21,0),MOD($C1572,24)+1)/SUM(INDEX($D$3:$AA$30,INDEX(Jesper!$R$2:$R$366,ROW(INDEX(Jesper!AI$2:AI$366,ROUNDDOWN($C1572/24,0)+1,1))-1)+IF('Standard Profiles'!$G$19=$B$10,7,0)+IF('Standard Profiles'!$G$19=$B$17,14,0)+IF('Standard Profiles'!$G$19=$B$24,21,0),0)),0)</f>
        <v>0</v>
      </c>
      <c r="F1572" cm="1">
        <f t="array" ref="F1572">IFERROR(INDEX(Jesper!AJ$2:AJ$366,ROUNDDOWN($C1572/24,0)+1,1)*INDEX($D$3:$AA$30,INDEX(Jesper!$R$2:$R$366,ROW(INDEX(Jesper!AJ$2:AJ$366,ROUNDDOWN($C1572/24,0)+1,1))-1)+IF('Standard Profiles'!$G$20=$B$10,7,0)+IF('Standard Profiles'!$G$20=$B$17,14,0)+IF('Standard Profiles'!$G$20=$B$24,21,0),MOD($C1572,24)+1)/SUM(INDEX($D$3:$AA$30,INDEX(Jesper!$R$2:$R$366,ROW(INDEX(Jesper!AJ$2:AJ$366,ROUNDDOWN($C1572/24,0)+1,1))-1)+IF('Standard Profiles'!$G$20=$B$10,7,0)+IF('Standard Profiles'!$G$20=$B$17,14,0)+IF('Standard Profiles'!$G$20=$B$24,21,0),0)),0)</f>
        <v>0</v>
      </c>
      <c r="G1572" cm="1">
        <f t="array" ref="G1572">IFERROR(INDEX(Jesper!AK$2:AK$366,ROUNDDOWN($C1572/24,0)+1,1)*INDEX($D$3:$AA$30,INDEX(Jesper!$R$2:$R$366,ROW(INDEX(Jesper!AK$2:AK$366,ROUNDDOWN($C1572/24,0)+1,1))-1)+IF('Standard Profiles'!$G$21=$B$10,7,0)+IF('Standard Profiles'!$G$21=$B$17,14,0)+IF('Standard Profiles'!$G$21=$B$24,21,0),MOD($C1572,24)+1)/SUM(INDEX($D$3:$AA$30,INDEX(Jesper!$R$2:$R$366,ROW(INDEX(Jesper!AK$2:AK$366,ROUNDDOWN($C1572/24,0)+1,1))-1)+IF('Standard Profiles'!$G$21=$B$10,7,0)+IF('Standard Profiles'!$G$21=$B$17,14,0)+IF('Standard Profiles'!$G$21=$B$24,21,0),0)),0)</f>
        <v>0</v>
      </c>
      <c r="H1572" cm="1">
        <f t="array" ref="H1572">IFERROR(INDEX(Jesper!AL$2:AL$366,ROUNDDOWN($C1572/24,0)+1,1)*INDEX($D$3:$AA$30,INDEX(Jesper!$R$2:$R$366,ROW(INDEX(Jesper!AL$2:AL$366,ROUNDDOWN($C1572/24,0)+1,1))-1)+IF('Standard Profiles'!$G$22=$B$10,7,0)+IF('Standard Profiles'!$G$22=$B$17,14,0)+IF('Standard Profiles'!$G$22=$B$24,21,0),MOD($C1572,24)+1)/SUM(INDEX($D$3:$AA$30,INDEX(Jesper!$R$2:$R$366,ROW(INDEX(Jesper!AL$2:AL$366,ROUNDDOWN($C1572/24,0)+1,1))-1)+IF('Standard Profiles'!$G$22=$B$10,7,0)+IF('Standard Profiles'!$G$22=$B$17,14,0)+IF('Standard Profiles'!$G$22=$B$24,21,0),0)),0)</f>
        <v>0</v>
      </c>
      <c r="I1572">
        <f t="shared" si="188"/>
        <v>0.24777918870085269</v>
      </c>
      <c r="J1572">
        <f t="shared" si="189"/>
        <v>0.82593062900284231</v>
      </c>
      <c r="K1572">
        <f t="shared" si="190"/>
        <v>1.2388959435042635</v>
      </c>
      <c r="L1572">
        <f t="shared" si="191"/>
        <v>5.9467005288204646</v>
      </c>
      <c r="M1572">
        <f t="shared" si="192"/>
        <v>0</v>
      </c>
      <c r="N1572" s="46">
        <f t="shared" ref="N1572:N1635" si="193">N1571+1/24</f>
        <v>45356.083333329603</v>
      </c>
    </row>
    <row r="1573" spans="2:14" x14ac:dyDescent="0.3">
      <c r="B1573">
        <f t="shared" si="187"/>
        <v>2</v>
      </c>
      <c r="C1573" s="16">
        <v>1539</v>
      </c>
      <c r="D1573" cm="1">
        <f t="array" ref="D1573">IFERROR(INDEX(Jesper!AH$2:AH$366,ROUNDDOWN($C1573/24,0)+1,1)*INDEX($D$3:$AA$30,INDEX(Jesper!$R$2:$R$366,ROW(INDEX(Jesper!AH$2:AH$366,ROUNDDOWN($C1573/24,0)+1,1))-1)+IF('Standard Profiles'!$G$18=$B$10,7,0)+IF('Standard Profiles'!$G$18=$B$17,14,0)+IF('Standard Profiles'!$G$18=$B$24,21,0),MOD($C1573,24)+1)/SUM(INDEX($D$3:$AA$30,INDEX(Jesper!$R$2:$R$366,ROW(INDEX(Jesper!AH$2:AH$366,ROUNDDOWN($C1573/24,0)+1,1))-1)+IF('Standard Profiles'!$G$18=$B$10,7,0)+IF('Standard Profiles'!$G$18=$B$17,14,0)+IF('Standard Profiles'!$G$18=$B$24,21,0),0)),0)</f>
        <v>8.2593062900284231</v>
      </c>
      <c r="E1573" cm="1">
        <f t="array" ref="E1573">IFERROR(INDEX(Jesper!AI$2:AI$366,ROUNDDOWN($C1573/24,0)+1,1)*INDEX($D$3:$AA$30,INDEX(Jesper!$R$2:$R$366,ROW(INDEX(Jesper!AI$2:AI$366,ROUNDDOWN($C1573/24,0)+1,1))-1)+IF('Standard Profiles'!$G$19=$B$10,7,0)+IF('Standard Profiles'!$G$19=$B$17,14,0)+IF('Standard Profiles'!$G$19=$B$24,21,0),MOD($C1573,24)+1)/SUM(INDEX($D$3:$AA$30,INDEX(Jesper!$R$2:$R$366,ROW(INDEX(Jesper!AI$2:AI$366,ROUNDDOWN($C1573/24,0)+1,1))-1)+IF('Standard Profiles'!$G$19=$B$10,7,0)+IF('Standard Profiles'!$G$19=$B$17,14,0)+IF('Standard Profiles'!$G$19=$B$24,21,0),0)),0)</f>
        <v>0</v>
      </c>
      <c r="F1573" cm="1">
        <f t="array" ref="F1573">IFERROR(INDEX(Jesper!AJ$2:AJ$366,ROUNDDOWN($C1573/24,0)+1,1)*INDEX($D$3:$AA$30,INDEX(Jesper!$R$2:$R$366,ROW(INDEX(Jesper!AJ$2:AJ$366,ROUNDDOWN($C1573/24,0)+1,1))-1)+IF('Standard Profiles'!$G$20=$B$10,7,0)+IF('Standard Profiles'!$G$20=$B$17,14,0)+IF('Standard Profiles'!$G$20=$B$24,21,0),MOD($C1573,24)+1)/SUM(INDEX($D$3:$AA$30,INDEX(Jesper!$R$2:$R$366,ROW(INDEX(Jesper!AJ$2:AJ$366,ROUNDDOWN($C1573/24,0)+1,1))-1)+IF('Standard Profiles'!$G$20=$B$10,7,0)+IF('Standard Profiles'!$G$20=$B$17,14,0)+IF('Standard Profiles'!$G$20=$B$24,21,0),0)),0)</f>
        <v>0</v>
      </c>
      <c r="G1573" cm="1">
        <f t="array" ref="G1573">IFERROR(INDEX(Jesper!AK$2:AK$366,ROUNDDOWN($C1573/24,0)+1,1)*INDEX($D$3:$AA$30,INDEX(Jesper!$R$2:$R$366,ROW(INDEX(Jesper!AK$2:AK$366,ROUNDDOWN($C1573/24,0)+1,1))-1)+IF('Standard Profiles'!$G$21=$B$10,7,0)+IF('Standard Profiles'!$G$21=$B$17,14,0)+IF('Standard Profiles'!$G$21=$B$24,21,0),MOD($C1573,24)+1)/SUM(INDEX($D$3:$AA$30,INDEX(Jesper!$R$2:$R$366,ROW(INDEX(Jesper!AK$2:AK$366,ROUNDDOWN($C1573/24,0)+1,1))-1)+IF('Standard Profiles'!$G$21=$B$10,7,0)+IF('Standard Profiles'!$G$21=$B$17,14,0)+IF('Standard Profiles'!$G$21=$B$24,21,0),0)),0)</f>
        <v>0</v>
      </c>
      <c r="H1573" cm="1">
        <f t="array" ref="H1573">IFERROR(INDEX(Jesper!AL$2:AL$366,ROUNDDOWN($C1573/24,0)+1,1)*INDEX($D$3:$AA$30,INDEX(Jesper!$R$2:$R$366,ROW(INDEX(Jesper!AL$2:AL$366,ROUNDDOWN($C1573/24,0)+1,1))-1)+IF('Standard Profiles'!$G$22=$B$10,7,0)+IF('Standard Profiles'!$G$22=$B$17,14,0)+IF('Standard Profiles'!$G$22=$B$24,21,0),MOD($C1573,24)+1)/SUM(INDEX($D$3:$AA$30,INDEX(Jesper!$R$2:$R$366,ROW(INDEX(Jesper!AL$2:AL$366,ROUNDDOWN($C1573/24,0)+1,1))-1)+IF('Standard Profiles'!$G$22=$B$10,7,0)+IF('Standard Profiles'!$G$22=$B$17,14,0)+IF('Standard Profiles'!$G$22=$B$24,21,0),0)),0)</f>
        <v>0</v>
      </c>
      <c r="I1573">
        <f t="shared" si="188"/>
        <v>0.24777918870085269</v>
      </c>
      <c r="J1573">
        <f t="shared" si="189"/>
        <v>0.82593062900284231</v>
      </c>
      <c r="K1573">
        <f t="shared" si="190"/>
        <v>1.2388959435042635</v>
      </c>
      <c r="L1573">
        <f t="shared" si="191"/>
        <v>5.9467005288204646</v>
      </c>
      <c r="M1573">
        <f t="shared" si="192"/>
        <v>0</v>
      </c>
      <c r="N1573" s="46">
        <f t="shared" si="193"/>
        <v>45356.124999996267</v>
      </c>
    </row>
    <row r="1574" spans="2:14" x14ac:dyDescent="0.3">
      <c r="B1574">
        <f t="shared" si="187"/>
        <v>2</v>
      </c>
      <c r="C1574" s="16">
        <v>1540</v>
      </c>
      <c r="D1574" cm="1">
        <f t="array" ref="D1574">IFERROR(INDEX(Jesper!AH$2:AH$366,ROUNDDOWN($C1574/24,0)+1,1)*INDEX($D$3:$AA$30,INDEX(Jesper!$R$2:$R$366,ROW(INDEX(Jesper!AH$2:AH$366,ROUNDDOWN($C1574/24,0)+1,1))-1)+IF('Standard Profiles'!$G$18=$B$10,7,0)+IF('Standard Profiles'!$G$18=$B$17,14,0)+IF('Standard Profiles'!$G$18=$B$24,21,0),MOD($C1574,24)+1)/SUM(INDEX($D$3:$AA$30,INDEX(Jesper!$R$2:$R$366,ROW(INDEX(Jesper!AH$2:AH$366,ROUNDDOWN($C1574/24,0)+1,1))-1)+IF('Standard Profiles'!$G$18=$B$10,7,0)+IF('Standard Profiles'!$G$18=$B$17,14,0)+IF('Standard Profiles'!$G$18=$B$24,21,0),0)),0)</f>
        <v>8.2593062900284231</v>
      </c>
      <c r="E1574" cm="1">
        <f t="array" ref="E1574">IFERROR(INDEX(Jesper!AI$2:AI$366,ROUNDDOWN($C1574/24,0)+1,1)*INDEX($D$3:$AA$30,INDEX(Jesper!$R$2:$R$366,ROW(INDEX(Jesper!AI$2:AI$366,ROUNDDOWN($C1574/24,0)+1,1))-1)+IF('Standard Profiles'!$G$19=$B$10,7,0)+IF('Standard Profiles'!$G$19=$B$17,14,0)+IF('Standard Profiles'!$G$19=$B$24,21,0),MOD($C1574,24)+1)/SUM(INDEX($D$3:$AA$30,INDEX(Jesper!$R$2:$R$366,ROW(INDEX(Jesper!AI$2:AI$366,ROUNDDOWN($C1574/24,0)+1,1))-1)+IF('Standard Profiles'!$G$19=$B$10,7,0)+IF('Standard Profiles'!$G$19=$B$17,14,0)+IF('Standard Profiles'!$G$19=$B$24,21,0),0)),0)</f>
        <v>0</v>
      </c>
      <c r="F1574" cm="1">
        <f t="array" ref="F1574">IFERROR(INDEX(Jesper!AJ$2:AJ$366,ROUNDDOWN($C1574/24,0)+1,1)*INDEX($D$3:$AA$30,INDEX(Jesper!$R$2:$R$366,ROW(INDEX(Jesper!AJ$2:AJ$366,ROUNDDOWN($C1574/24,0)+1,1))-1)+IF('Standard Profiles'!$G$20=$B$10,7,0)+IF('Standard Profiles'!$G$20=$B$17,14,0)+IF('Standard Profiles'!$G$20=$B$24,21,0),MOD($C1574,24)+1)/SUM(INDEX($D$3:$AA$30,INDEX(Jesper!$R$2:$R$366,ROW(INDEX(Jesper!AJ$2:AJ$366,ROUNDDOWN($C1574/24,0)+1,1))-1)+IF('Standard Profiles'!$G$20=$B$10,7,0)+IF('Standard Profiles'!$G$20=$B$17,14,0)+IF('Standard Profiles'!$G$20=$B$24,21,0),0)),0)</f>
        <v>0</v>
      </c>
      <c r="G1574" cm="1">
        <f t="array" ref="G1574">IFERROR(INDEX(Jesper!AK$2:AK$366,ROUNDDOWN($C1574/24,0)+1,1)*INDEX($D$3:$AA$30,INDEX(Jesper!$R$2:$R$366,ROW(INDEX(Jesper!AK$2:AK$366,ROUNDDOWN($C1574/24,0)+1,1))-1)+IF('Standard Profiles'!$G$21=$B$10,7,0)+IF('Standard Profiles'!$G$21=$B$17,14,0)+IF('Standard Profiles'!$G$21=$B$24,21,0),MOD($C1574,24)+1)/SUM(INDEX($D$3:$AA$30,INDEX(Jesper!$R$2:$R$366,ROW(INDEX(Jesper!AK$2:AK$366,ROUNDDOWN($C1574/24,0)+1,1))-1)+IF('Standard Profiles'!$G$21=$B$10,7,0)+IF('Standard Profiles'!$G$21=$B$17,14,0)+IF('Standard Profiles'!$G$21=$B$24,21,0),0)),0)</f>
        <v>0</v>
      </c>
      <c r="H1574" cm="1">
        <f t="array" ref="H1574">IFERROR(INDEX(Jesper!AL$2:AL$366,ROUNDDOWN($C1574/24,0)+1,1)*INDEX($D$3:$AA$30,INDEX(Jesper!$R$2:$R$366,ROW(INDEX(Jesper!AL$2:AL$366,ROUNDDOWN($C1574/24,0)+1,1))-1)+IF('Standard Profiles'!$G$22=$B$10,7,0)+IF('Standard Profiles'!$G$22=$B$17,14,0)+IF('Standard Profiles'!$G$22=$B$24,21,0),MOD($C1574,24)+1)/SUM(INDEX($D$3:$AA$30,INDEX(Jesper!$R$2:$R$366,ROW(INDEX(Jesper!AL$2:AL$366,ROUNDDOWN($C1574/24,0)+1,1))-1)+IF('Standard Profiles'!$G$22=$B$10,7,0)+IF('Standard Profiles'!$G$22=$B$17,14,0)+IF('Standard Profiles'!$G$22=$B$24,21,0),0)),0)</f>
        <v>0</v>
      </c>
      <c r="I1574">
        <f t="shared" si="188"/>
        <v>0.24777918870085269</v>
      </c>
      <c r="J1574">
        <f t="shared" si="189"/>
        <v>0.82593062900284231</v>
      </c>
      <c r="K1574">
        <f t="shared" si="190"/>
        <v>1.2388959435042635</v>
      </c>
      <c r="L1574">
        <f t="shared" si="191"/>
        <v>5.9467005288204646</v>
      </c>
      <c r="M1574">
        <f t="shared" si="192"/>
        <v>0</v>
      </c>
      <c r="N1574" s="46">
        <f t="shared" si="193"/>
        <v>45356.166666662932</v>
      </c>
    </row>
    <row r="1575" spans="2:14" x14ac:dyDescent="0.3">
      <c r="B1575">
        <f t="shared" si="187"/>
        <v>2</v>
      </c>
      <c r="C1575" s="16">
        <v>1541</v>
      </c>
      <c r="D1575" cm="1">
        <f t="array" ref="D1575">IFERROR(INDEX(Jesper!AH$2:AH$366,ROUNDDOWN($C1575/24,0)+1,1)*INDEX($D$3:$AA$30,INDEX(Jesper!$R$2:$R$366,ROW(INDEX(Jesper!AH$2:AH$366,ROUNDDOWN($C1575/24,0)+1,1))-1)+IF('Standard Profiles'!$G$18=$B$10,7,0)+IF('Standard Profiles'!$G$18=$B$17,14,0)+IF('Standard Profiles'!$G$18=$B$24,21,0),MOD($C1575,24)+1)/SUM(INDEX($D$3:$AA$30,INDEX(Jesper!$R$2:$R$366,ROW(INDEX(Jesper!AH$2:AH$366,ROUNDDOWN($C1575/24,0)+1,1))-1)+IF('Standard Profiles'!$G$18=$B$10,7,0)+IF('Standard Profiles'!$G$18=$B$17,14,0)+IF('Standard Profiles'!$G$18=$B$24,21,0),0)),0)</f>
        <v>10.73709817703695</v>
      </c>
      <c r="E1575" cm="1">
        <f t="array" ref="E1575">IFERROR(INDEX(Jesper!AI$2:AI$366,ROUNDDOWN($C1575/24,0)+1,1)*INDEX($D$3:$AA$30,INDEX(Jesper!$R$2:$R$366,ROW(INDEX(Jesper!AI$2:AI$366,ROUNDDOWN($C1575/24,0)+1,1))-1)+IF('Standard Profiles'!$G$19=$B$10,7,0)+IF('Standard Profiles'!$G$19=$B$17,14,0)+IF('Standard Profiles'!$G$19=$B$24,21,0),MOD($C1575,24)+1)/SUM(INDEX($D$3:$AA$30,INDEX(Jesper!$R$2:$R$366,ROW(INDEX(Jesper!AI$2:AI$366,ROUNDDOWN($C1575/24,0)+1,1))-1)+IF('Standard Profiles'!$G$19=$B$10,7,0)+IF('Standard Profiles'!$G$19=$B$17,14,0)+IF('Standard Profiles'!$G$19=$B$24,21,0),0)),0)</f>
        <v>0</v>
      </c>
      <c r="F1575" cm="1">
        <f t="array" ref="F1575">IFERROR(INDEX(Jesper!AJ$2:AJ$366,ROUNDDOWN($C1575/24,0)+1,1)*INDEX($D$3:$AA$30,INDEX(Jesper!$R$2:$R$366,ROW(INDEX(Jesper!AJ$2:AJ$366,ROUNDDOWN($C1575/24,0)+1,1))-1)+IF('Standard Profiles'!$G$20=$B$10,7,0)+IF('Standard Profiles'!$G$20=$B$17,14,0)+IF('Standard Profiles'!$G$20=$B$24,21,0),MOD($C1575,24)+1)/SUM(INDEX($D$3:$AA$30,INDEX(Jesper!$R$2:$R$366,ROW(INDEX(Jesper!AJ$2:AJ$366,ROUNDDOWN($C1575/24,0)+1,1))-1)+IF('Standard Profiles'!$G$20=$B$10,7,0)+IF('Standard Profiles'!$G$20=$B$17,14,0)+IF('Standard Profiles'!$G$20=$B$24,21,0),0)),0)</f>
        <v>0</v>
      </c>
      <c r="G1575" cm="1">
        <f t="array" ref="G1575">IFERROR(INDEX(Jesper!AK$2:AK$366,ROUNDDOWN($C1575/24,0)+1,1)*INDEX($D$3:$AA$30,INDEX(Jesper!$R$2:$R$366,ROW(INDEX(Jesper!AK$2:AK$366,ROUNDDOWN($C1575/24,0)+1,1))-1)+IF('Standard Profiles'!$G$21=$B$10,7,0)+IF('Standard Profiles'!$G$21=$B$17,14,0)+IF('Standard Profiles'!$G$21=$B$24,21,0),MOD($C1575,24)+1)/SUM(INDEX($D$3:$AA$30,INDEX(Jesper!$R$2:$R$366,ROW(INDEX(Jesper!AK$2:AK$366,ROUNDDOWN($C1575/24,0)+1,1))-1)+IF('Standard Profiles'!$G$21=$B$10,7,0)+IF('Standard Profiles'!$G$21=$B$17,14,0)+IF('Standard Profiles'!$G$21=$B$24,21,0),0)),0)</f>
        <v>0</v>
      </c>
      <c r="H1575" cm="1">
        <f t="array" ref="H1575">IFERROR(INDEX(Jesper!AL$2:AL$366,ROUNDDOWN($C1575/24,0)+1,1)*INDEX($D$3:$AA$30,INDEX(Jesper!$R$2:$R$366,ROW(INDEX(Jesper!AL$2:AL$366,ROUNDDOWN($C1575/24,0)+1,1))-1)+IF('Standard Profiles'!$G$22=$B$10,7,0)+IF('Standard Profiles'!$G$22=$B$17,14,0)+IF('Standard Profiles'!$G$22=$B$24,21,0),MOD($C1575,24)+1)/SUM(INDEX($D$3:$AA$30,INDEX(Jesper!$R$2:$R$366,ROW(INDEX(Jesper!AL$2:AL$366,ROUNDDOWN($C1575/24,0)+1,1))-1)+IF('Standard Profiles'!$G$22=$B$10,7,0)+IF('Standard Profiles'!$G$22=$B$17,14,0)+IF('Standard Profiles'!$G$22=$B$24,21,0),0)),0)</f>
        <v>0</v>
      </c>
      <c r="I1575">
        <f t="shared" si="188"/>
        <v>0.32211294531110851</v>
      </c>
      <c r="J1575">
        <f t="shared" si="189"/>
        <v>1.073709817703695</v>
      </c>
      <c r="K1575">
        <f t="shared" si="190"/>
        <v>1.6105647265555425</v>
      </c>
      <c r="L1575">
        <f t="shared" si="191"/>
        <v>7.7307106874666038</v>
      </c>
      <c r="M1575">
        <f t="shared" si="192"/>
        <v>0</v>
      </c>
      <c r="N1575" s="46">
        <f t="shared" si="193"/>
        <v>45356.208333329596</v>
      </c>
    </row>
    <row r="1576" spans="2:14" x14ac:dyDescent="0.3">
      <c r="B1576">
        <f t="shared" si="187"/>
        <v>2</v>
      </c>
      <c r="C1576" s="16">
        <v>1542</v>
      </c>
      <c r="D1576" cm="1">
        <f t="array" ref="D1576">IFERROR(INDEX(Jesper!AH$2:AH$366,ROUNDDOWN($C1576/24,0)+1,1)*INDEX($D$3:$AA$30,INDEX(Jesper!$R$2:$R$366,ROW(INDEX(Jesper!AH$2:AH$366,ROUNDDOWN($C1576/24,0)+1,1))-1)+IF('Standard Profiles'!$G$18=$B$10,7,0)+IF('Standard Profiles'!$G$18=$B$17,14,0)+IF('Standard Profiles'!$G$18=$B$24,21,0),MOD($C1576,24)+1)/SUM(INDEX($D$3:$AA$30,INDEX(Jesper!$R$2:$R$366,ROW(INDEX(Jesper!AH$2:AH$366,ROUNDDOWN($C1576/24,0)+1,1))-1)+IF('Standard Profiles'!$G$18=$B$10,7,0)+IF('Standard Profiles'!$G$18=$B$17,14,0)+IF('Standard Profiles'!$G$18=$B$24,21,0),0)),0)</f>
        <v>11.975994120541211</v>
      </c>
      <c r="E1576" cm="1">
        <f t="array" ref="E1576">IFERROR(INDEX(Jesper!AI$2:AI$366,ROUNDDOWN($C1576/24,0)+1,1)*INDEX($D$3:$AA$30,INDEX(Jesper!$R$2:$R$366,ROW(INDEX(Jesper!AI$2:AI$366,ROUNDDOWN($C1576/24,0)+1,1))-1)+IF('Standard Profiles'!$G$19=$B$10,7,0)+IF('Standard Profiles'!$G$19=$B$17,14,0)+IF('Standard Profiles'!$G$19=$B$24,21,0),MOD($C1576,24)+1)/SUM(INDEX($D$3:$AA$30,INDEX(Jesper!$R$2:$R$366,ROW(INDEX(Jesper!AI$2:AI$366,ROUNDDOWN($C1576/24,0)+1,1))-1)+IF('Standard Profiles'!$G$19=$B$10,7,0)+IF('Standard Profiles'!$G$19=$B$17,14,0)+IF('Standard Profiles'!$G$19=$B$24,21,0),0)),0)</f>
        <v>0</v>
      </c>
      <c r="F1576" cm="1">
        <f t="array" ref="F1576">IFERROR(INDEX(Jesper!AJ$2:AJ$366,ROUNDDOWN($C1576/24,0)+1,1)*INDEX($D$3:$AA$30,INDEX(Jesper!$R$2:$R$366,ROW(INDEX(Jesper!AJ$2:AJ$366,ROUNDDOWN($C1576/24,0)+1,1))-1)+IF('Standard Profiles'!$G$20=$B$10,7,0)+IF('Standard Profiles'!$G$20=$B$17,14,0)+IF('Standard Profiles'!$G$20=$B$24,21,0),MOD($C1576,24)+1)/SUM(INDEX($D$3:$AA$30,INDEX(Jesper!$R$2:$R$366,ROW(INDEX(Jesper!AJ$2:AJ$366,ROUNDDOWN($C1576/24,0)+1,1))-1)+IF('Standard Profiles'!$G$20=$B$10,7,0)+IF('Standard Profiles'!$G$20=$B$17,14,0)+IF('Standard Profiles'!$G$20=$B$24,21,0),0)),0)</f>
        <v>0</v>
      </c>
      <c r="G1576" cm="1">
        <f t="array" ref="G1576">IFERROR(INDEX(Jesper!AK$2:AK$366,ROUNDDOWN($C1576/24,0)+1,1)*INDEX($D$3:$AA$30,INDEX(Jesper!$R$2:$R$366,ROW(INDEX(Jesper!AK$2:AK$366,ROUNDDOWN($C1576/24,0)+1,1))-1)+IF('Standard Profiles'!$G$21=$B$10,7,0)+IF('Standard Profiles'!$G$21=$B$17,14,0)+IF('Standard Profiles'!$G$21=$B$24,21,0),MOD($C1576,24)+1)/SUM(INDEX($D$3:$AA$30,INDEX(Jesper!$R$2:$R$366,ROW(INDEX(Jesper!AK$2:AK$366,ROUNDDOWN($C1576/24,0)+1,1))-1)+IF('Standard Profiles'!$G$21=$B$10,7,0)+IF('Standard Profiles'!$G$21=$B$17,14,0)+IF('Standard Profiles'!$G$21=$B$24,21,0),0)),0)</f>
        <v>0</v>
      </c>
      <c r="H1576" cm="1">
        <f t="array" ref="H1576">IFERROR(INDEX(Jesper!AL$2:AL$366,ROUNDDOWN($C1576/24,0)+1,1)*INDEX($D$3:$AA$30,INDEX(Jesper!$R$2:$R$366,ROW(INDEX(Jesper!AL$2:AL$366,ROUNDDOWN($C1576/24,0)+1,1))-1)+IF('Standard Profiles'!$G$22=$B$10,7,0)+IF('Standard Profiles'!$G$22=$B$17,14,0)+IF('Standard Profiles'!$G$22=$B$24,21,0),MOD($C1576,24)+1)/SUM(INDEX($D$3:$AA$30,INDEX(Jesper!$R$2:$R$366,ROW(INDEX(Jesper!AL$2:AL$366,ROUNDDOWN($C1576/24,0)+1,1))-1)+IF('Standard Profiles'!$G$22=$B$10,7,0)+IF('Standard Profiles'!$G$22=$B$17,14,0)+IF('Standard Profiles'!$G$22=$B$24,21,0),0)),0)</f>
        <v>0</v>
      </c>
      <c r="I1576">
        <f t="shared" si="188"/>
        <v>0.35927982361623634</v>
      </c>
      <c r="J1576">
        <f t="shared" si="189"/>
        <v>1.1975994120541211</v>
      </c>
      <c r="K1576">
        <f t="shared" si="190"/>
        <v>1.7963991180811816</v>
      </c>
      <c r="L1576">
        <f t="shared" si="191"/>
        <v>8.6227157667896712</v>
      </c>
      <c r="M1576">
        <f t="shared" si="192"/>
        <v>0</v>
      </c>
      <c r="N1576" s="46">
        <f t="shared" si="193"/>
        <v>45356.24999999626</v>
      </c>
    </row>
    <row r="1577" spans="2:14" x14ac:dyDescent="0.3">
      <c r="B1577">
        <f t="shared" si="187"/>
        <v>2</v>
      </c>
      <c r="C1577" s="16">
        <v>1543</v>
      </c>
      <c r="D1577" cm="1">
        <f t="array" ref="D1577">IFERROR(INDEX(Jesper!AH$2:AH$366,ROUNDDOWN($C1577/24,0)+1,1)*INDEX($D$3:$AA$30,INDEX(Jesper!$R$2:$R$366,ROW(INDEX(Jesper!AH$2:AH$366,ROUNDDOWN($C1577/24,0)+1,1))-1)+IF('Standard Profiles'!$G$18=$B$10,7,0)+IF('Standard Profiles'!$G$18=$B$17,14,0)+IF('Standard Profiles'!$G$18=$B$24,21,0),MOD($C1577,24)+1)/SUM(INDEX($D$3:$AA$30,INDEX(Jesper!$R$2:$R$366,ROW(INDEX(Jesper!AH$2:AH$366,ROUNDDOWN($C1577/24,0)+1,1))-1)+IF('Standard Profiles'!$G$18=$B$10,7,0)+IF('Standard Profiles'!$G$18=$B$17,14,0)+IF('Standard Profiles'!$G$18=$B$24,21,0),0)),0)</f>
        <v>12.388959435042635</v>
      </c>
      <c r="E1577" cm="1">
        <f t="array" ref="E1577">IFERROR(INDEX(Jesper!AI$2:AI$366,ROUNDDOWN($C1577/24,0)+1,1)*INDEX($D$3:$AA$30,INDEX(Jesper!$R$2:$R$366,ROW(INDEX(Jesper!AI$2:AI$366,ROUNDDOWN($C1577/24,0)+1,1))-1)+IF('Standard Profiles'!$G$19=$B$10,7,0)+IF('Standard Profiles'!$G$19=$B$17,14,0)+IF('Standard Profiles'!$G$19=$B$24,21,0),MOD($C1577,24)+1)/SUM(INDEX($D$3:$AA$30,INDEX(Jesper!$R$2:$R$366,ROW(INDEX(Jesper!AI$2:AI$366,ROUNDDOWN($C1577/24,0)+1,1))-1)+IF('Standard Profiles'!$G$19=$B$10,7,0)+IF('Standard Profiles'!$G$19=$B$17,14,0)+IF('Standard Profiles'!$G$19=$B$24,21,0),0)),0)</f>
        <v>0</v>
      </c>
      <c r="F1577" cm="1">
        <f t="array" ref="F1577">IFERROR(INDEX(Jesper!AJ$2:AJ$366,ROUNDDOWN($C1577/24,0)+1,1)*INDEX($D$3:$AA$30,INDEX(Jesper!$R$2:$R$366,ROW(INDEX(Jesper!AJ$2:AJ$366,ROUNDDOWN($C1577/24,0)+1,1))-1)+IF('Standard Profiles'!$G$20=$B$10,7,0)+IF('Standard Profiles'!$G$20=$B$17,14,0)+IF('Standard Profiles'!$G$20=$B$24,21,0),MOD($C1577,24)+1)/SUM(INDEX($D$3:$AA$30,INDEX(Jesper!$R$2:$R$366,ROW(INDEX(Jesper!AJ$2:AJ$366,ROUNDDOWN($C1577/24,0)+1,1))-1)+IF('Standard Profiles'!$G$20=$B$10,7,0)+IF('Standard Profiles'!$G$20=$B$17,14,0)+IF('Standard Profiles'!$G$20=$B$24,21,0),0)),0)</f>
        <v>0</v>
      </c>
      <c r="G1577" cm="1">
        <f t="array" ref="G1577">IFERROR(INDEX(Jesper!AK$2:AK$366,ROUNDDOWN($C1577/24,0)+1,1)*INDEX($D$3:$AA$30,INDEX(Jesper!$R$2:$R$366,ROW(INDEX(Jesper!AK$2:AK$366,ROUNDDOWN($C1577/24,0)+1,1))-1)+IF('Standard Profiles'!$G$21=$B$10,7,0)+IF('Standard Profiles'!$G$21=$B$17,14,0)+IF('Standard Profiles'!$G$21=$B$24,21,0),MOD($C1577,24)+1)/SUM(INDEX($D$3:$AA$30,INDEX(Jesper!$R$2:$R$366,ROW(INDEX(Jesper!AK$2:AK$366,ROUNDDOWN($C1577/24,0)+1,1))-1)+IF('Standard Profiles'!$G$21=$B$10,7,0)+IF('Standard Profiles'!$G$21=$B$17,14,0)+IF('Standard Profiles'!$G$21=$B$24,21,0),0)),0)</f>
        <v>0</v>
      </c>
      <c r="H1577" cm="1">
        <f t="array" ref="H1577">IFERROR(INDEX(Jesper!AL$2:AL$366,ROUNDDOWN($C1577/24,0)+1,1)*INDEX($D$3:$AA$30,INDEX(Jesper!$R$2:$R$366,ROW(INDEX(Jesper!AL$2:AL$366,ROUNDDOWN($C1577/24,0)+1,1))-1)+IF('Standard Profiles'!$G$22=$B$10,7,0)+IF('Standard Profiles'!$G$22=$B$17,14,0)+IF('Standard Profiles'!$G$22=$B$24,21,0),MOD($C1577,24)+1)/SUM(INDEX($D$3:$AA$30,INDEX(Jesper!$R$2:$R$366,ROW(INDEX(Jesper!AL$2:AL$366,ROUNDDOWN($C1577/24,0)+1,1))-1)+IF('Standard Profiles'!$G$22=$B$10,7,0)+IF('Standard Profiles'!$G$22=$B$17,14,0)+IF('Standard Profiles'!$G$22=$B$24,21,0),0)),0)</f>
        <v>0</v>
      </c>
      <c r="I1577">
        <f t="shared" si="188"/>
        <v>0.37166878305127904</v>
      </c>
      <c r="J1577">
        <f t="shared" si="189"/>
        <v>1.2388959435042635</v>
      </c>
      <c r="K1577">
        <f t="shared" si="190"/>
        <v>1.8583439152563952</v>
      </c>
      <c r="L1577">
        <f t="shared" si="191"/>
        <v>8.9200507932306969</v>
      </c>
      <c r="M1577">
        <f t="shared" si="192"/>
        <v>0</v>
      </c>
      <c r="N1577" s="46">
        <f t="shared" si="193"/>
        <v>45356.291666662924</v>
      </c>
    </row>
    <row r="1578" spans="2:14" x14ac:dyDescent="0.3">
      <c r="B1578">
        <f t="shared" si="187"/>
        <v>2</v>
      </c>
      <c r="C1578" s="16">
        <v>1544</v>
      </c>
      <c r="D1578" cm="1">
        <f t="array" ref="D1578">IFERROR(INDEX(Jesper!AH$2:AH$366,ROUNDDOWN($C1578/24,0)+1,1)*INDEX($D$3:$AA$30,INDEX(Jesper!$R$2:$R$366,ROW(INDEX(Jesper!AH$2:AH$366,ROUNDDOWN($C1578/24,0)+1,1))-1)+IF('Standard Profiles'!$G$18=$B$10,7,0)+IF('Standard Profiles'!$G$18=$B$17,14,0)+IF('Standard Profiles'!$G$18=$B$24,21,0),MOD($C1578,24)+1)/SUM(INDEX($D$3:$AA$30,INDEX(Jesper!$R$2:$R$366,ROW(INDEX(Jesper!AH$2:AH$366,ROUNDDOWN($C1578/24,0)+1,1))-1)+IF('Standard Profiles'!$G$18=$B$10,7,0)+IF('Standard Profiles'!$G$18=$B$17,14,0)+IF('Standard Profiles'!$G$18=$B$24,21,0),0)),0)</f>
        <v>12.388959435042635</v>
      </c>
      <c r="E1578" cm="1">
        <f t="array" ref="E1578">IFERROR(INDEX(Jesper!AI$2:AI$366,ROUNDDOWN($C1578/24,0)+1,1)*INDEX($D$3:$AA$30,INDEX(Jesper!$R$2:$R$366,ROW(INDEX(Jesper!AI$2:AI$366,ROUNDDOWN($C1578/24,0)+1,1))-1)+IF('Standard Profiles'!$G$19=$B$10,7,0)+IF('Standard Profiles'!$G$19=$B$17,14,0)+IF('Standard Profiles'!$G$19=$B$24,21,0),MOD($C1578,24)+1)/SUM(INDEX($D$3:$AA$30,INDEX(Jesper!$R$2:$R$366,ROW(INDEX(Jesper!AI$2:AI$366,ROUNDDOWN($C1578/24,0)+1,1))-1)+IF('Standard Profiles'!$G$19=$B$10,7,0)+IF('Standard Profiles'!$G$19=$B$17,14,0)+IF('Standard Profiles'!$G$19=$B$24,21,0),0)),0)</f>
        <v>0</v>
      </c>
      <c r="F1578" cm="1">
        <f t="array" ref="F1578">IFERROR(INDEX(Jesper!AJ$2:AJ$366,ROUNDDOWN($C1578/24,0)+1,1)*INDEX($D$3:$AA$30,INDEX(Jesper!$R$2:$R$366,ROW(INDEX(Jesper!AJ$2:AJ$366,ROUNDDOWN($C1578/24,0)+1,1))-1)+IF('Standard Profiles'!$G$20=$B$10,7,0)+IF('Standard Profiles'!$G$20=$B$17,14,0)+IF('Standard Profiles'!$G$20=$B$24,21,0),MOD($C1578,24)+1)/SUM(INDEX($D$3:$AA$30,INDEX(Jesper!$R$2:$R$366,ROW(INDEX(Jesper!AJ$2:AJ$366,ROUNDDOWN($C1578/24,0)+1,1))-1)+IF('Standard Profiles'!$G$20=$B$10,7,0)+IF('Standard Profiles'!$G$20=$B$17,14,0)+IF('Standard Profiles'!$G$20=$B$24,21,0),0)),0)</f>
        <v>0</v>
      </c>
      <c r="G1578" cm="1">
        <f t="array" ref="G1578">IFERROR(INDEX(Jesper!AK$2:AK$366,ROUNDDOWN($C1578/24,0)+1,1)*INDEX($D$3:$AA$30,INDEX(Jesper!$R$2:$R$366,ROW(INDEX(Jesper!AK$2:AK$366,ROUNDDOWN($C1578/24,0)+1,1))-1)+IF('Standard Profiles'!$G$21=$B$10,7,0)+IF('Standard Profiles'!$G$21=$B$17,14,0)+IF('Standard Profiles'!$G$21=$B$24,21,0),MOD($C1578,24)+1)/SUM(INDEX($D$3:$AA$30,INDEX(Jesper!$R$2:$R$366,ROW(INDEX(Jesper!AK$2:AK$366,ROUNDDOWN($C1578/24,0)+1,1))-1)+IF('Standard Profiles'!$G$21=$B$10,7,0)+IF('Standard Profiles'!$G$21=$B$17,14,0)+IF('Standard Profiles'!$G$21=$B$24,21,0),0)),0)</f>
        <v>0</v>
      </c>
      <c r="H1578" cm="1">
        <f t="array" ref="H1578">IFERROR(INDEX(Jesper!AL$2:AL$366,ROUNDDOWN($C1578/24,0)+1,1)*INDEX($D$3:$AA$30,INDEX(Jesper!$R$2:$R$366,ROW(INDEX(Jesper!AL$2:AL$366,ROUNDDOWN($C1578/24,0)+1,1))-1)+IF('Standard Profiles'!$G$22=$B$10,7,0)+IF('Standard Profiles'!$G$22=$B$17,14,0)+IF('Standard Profiles'!$G$22=$B$24,21,0),MOD($C1578,24)+1)/SUM(INDEX($D$3:$AA$30,INDEX(Jesper!$R$2:$R$366,ROW(INDEX(Jesper!AL$2:AL$366,ROUNDDOWN($C1578/24,0)+1,1))-1)+IF('Standard Profiles'!$G$22=$B$10,7,0)+IF('Standard Profiles'!$G$22=$B$17,14,0)+IF('Standard Profiles'!$G$22=$B$24,21,0),0)),0)</f>
        <v>0</v>
      </c>
      <c r="I1578">
        <f t="shared" si="188"/>
        <v>0.37166878305127904</v>
      </c>
      <c r="J1578">
        <f t="shared" si="189"/>
        <v>1.2388959435042635</v>
      </c>
      <c r="K1578">
        <f t="shared" si="190"/>
        <v>1.8583439152563952</v>
      </c>
      <c r="L1578">
        <f t="shared" si="191"/>
        <v>8.9200507932306969</v>
      </c>
      <c r="M1578">
        <f t="shared" si="192"/>
        <v>0</v>
      </c>
      <c r="N1578" s="46">
        <f t="shared" si="193"/>
        <v>45356.333333329589</v>
      </c>
    </row>
    <row r="1579" spans="2:14" x14ac:dyDescent="0.3">
      <c r="B1579">
        <f t="shared" si="187"/>
        <v>2</v>
      </c>
      <c r="C1579" s="16">
        <v>1545</v>
      </c>
      <c r="D1579" cm="1">
        <f t="array" ref="D1579">IFERROR(INDEX(Jesper!AH$2:AH$366,ROUNDDOWN($C1579/24,0)+1,1)*INDEX($D$3:$AA$30,INDEX(Jesper!$R$2:$R$366,ROW(INDEX(Jesper!AH$2:AH$366,ROUNDDOWN($C1579/24,0)+1,1))-1)+IF('Standard Profiles'!$G$18=$B$10,7,0)+IF('Standard Profiles'!$G$18=$B$17,14,0)+IF('Standard Profiles'!$G$18=$B$24,21,0),MOD($C1579,24)+1)/SUM(INDEX($D$3:$AA$30,INDEX(Jesper!$R$2:$R$366,ROW(INDEX(Jesper!AH$2:AH$366,ROUNDDOWN($C1579/24,0)+1,1))-1)+IF('Standard Profiles'!$G$18=$B$10,7,0)+IF('Standard Profiles'!$G$18=$B$17,14,0)+IF('Standard Profiles'!$G$18=$B$24,21,0),0)),0)</f>
        <v>13.421372721296187</v>
      </c>
      <c r="E1579" cm="1">
        <f t="array" ref="E1579">IFERROR(INDEX(Jesper!AI$2:AI$366,ROUNDDOWN($C1579/24,0)+1,1)*INDEX($D$3:$AA$30,INDEX(Jesper!$R$2:$R$366,ROW(INDEX(Jesper!AI$2:AI$366,ROUNDDOWN($C1579/24,0)+1,1))-1)+IF('Standard Profiles'!$G$19=$B$10,7,0)+IF('Standard Profiles'!$G$19=$B$17,14,0)+IF('Standard Profiles'!$G$19=$B$24,21,0),MOD($C1579,24)+1)/SUM(INDEX($D$3:$AA$30,INDEX(Jesper!$R$2:$R$366,ROW(INDEX(Jesper!AI$2:AI$366,ROUNDDOWN($C1579/24,0)+1,1))-1)+IF('Standard Profiles'!$G$19=$B$10,7,0)+IF('Standard Profiles'!$G$19=$B$17,14,0)+IF('Standard Profiles'!$G$19=$B$24,21,0),0)),0)</f>
        <v>0</v>
      </c>
      <c r="F1579" cm="1">
        <f t="array" ref="F1579">IFERROR(INDEX(Jesper!AJ$2:AJ$366,ROUNDDOWN($C1579/24,0)+1,1)*INDEX($D$3:$AA$30,INDEX(Jesper!$R$2:$R$366,ROW(INDEX(Jesper!AJ$2:AJ$366,ROUNDDOWN($C1579/24,0)+1,1))-1)+IF('Standard Profiles'!$G$20=$B$10,7,0)+IF('Standard Profiles'!$G$20=$B$17,14,0)+IF('Standard Profiles'!$G$20=$B$24,21,0),MOD($C1579,24)+1)/SUM(INDEX($D$3:$AA$30,INDEX(Jesper!$R$2:$R$366,ROW(INDEX(Jesper!AJ$2:AJ$366,ROUNDDOWN($C1579/24,0)+1,1))-1)+IF('Standard Profiles'!$G$20=$B$10,7,0)+IF('Standard Profiles'!$G$20=$B$17,14,0)+IF('Standard Profiles'!$G$20=$B$24,21,0),0)),0)</f>
        <v>0</v>
      </c>
      <c r="G1579" cm="1">
        <f t="array" ref="G1579">IFERROR(INDEX(Jesper!AK$2:AK$366,ROUNDDOWN($C1579/24,0)+1,1)*INDEX($D$3:$AA$30,INDEX(Jesper!$R$2:$R$366,ROW(INDEX(Jesper!AK$2:AK$366,ROUNDDOWN($C1579/24,0)+1,1))-1)+IF('Standard Profiles'!$G$21=$B$10,7,0)+IF('Standard Profiles'!$G$21=$B$17,14,0)+IF('Standard Profiles'!$G$21=$B$24,21,0),MOD($C1579,24)+1)/SUM(INDEX($D$3:$AA$30,INDEX(Jesper!$R$2:$R$366,ROW(INDEX(Jesper!AK$2:AK$366,ROUNDDOWN($C1579/24,0)+1,1))-1)+IF('Standard Profiles'!$G$21=$B$10,7,0)+IF('Standard Profiles'!$G$21=$B$17,14,0)+IF('Standard Profiles'!$G$21=$B$24,21,0),0)),0)</f>
        <v>0</v>
      </c>
      <c r="H1579" cm="1">
        <f t="array" ref="H1579">IFERROR(INDEX(Jesper!AL$2:AL$366,ROUNDDOWN($C1579/24,0)+1,1)*INDEX($D$3:$AA$30,INDEX(Jesper!$R$2:$R$366,ROW(INDEX(Jesper!AL$2:AL$366,ROUNDDOWN($C1579/24,0)+1,1))-1)+IF('Standard Profiles'!$G$22=$B$10,7,0)+IF('Standard Profiles'!$G$22=$B$17,14,0)+IF('Standard Profiles'!$G$22=$B$24,21,0),MOD($C1579,24)+1)/SUM(INDEX($D$3:$AA$30,INDEX(Jesper!$R$2:$R$366,ROW(INDEX(Jesper!AL$2:AL$366,ROUNDDOWN($C1579/24,0)+1,1))-1)+IF('Standard Profiles'!$G$22=$B$10,7,0)+IF('Standard Profiles'!$G$22=$B$17,14,0)+IF('Standard Profiles'!$G$22=$B$24,21,0),0)),0)</f>
        <v>0</v>
      </c>
      <c r="I1579">
        <f t="shared" si="188"/>
        <v>0.40264118163888557</v>
      </c>
      <c r="J1579">
        <f t="shared" si="189"/>
        <v>1.3421372721296188</v>
      </c>
      <c r="K1579">
        <f t="shared" si="190"/>
        <v>2.0132059081944278</v>
      </c>
      <c r="L1579">
        <f t="shared" si="191"/>
        <v>9.6633883593332541</v>
      </c>
      <c r="M1579">
        <f t="shared" si="192"/>
        <v>0</v>
      </c>
      <c r="N1579" s="46">
        <f t="shared" si="193"/>
        <v>45356.374999996253</v>
      </c>
    </row>
    <row r="1580" spans="2:14" x14ac:dyDescent="0.3">
      <c r="B1580">
        <f t="shared" si="187"/>
        <v>2</v>
      </c>
      <c r="C1580" s="16">
        <v>1546</v>
      </c>
      <c r="D1580" cm="1">
        <f t="array" ref="D1580">IFERROR(INDEX(Jesper!AH$2:AH$366,ROUNDDOWN($C1580/24,0)+1,1)*INDEX($D$3:$AA$30,INDEX(Jesper!$R$2:$R$366,ROW(INDEX(Jesper!AH$2:AH$366,ROUNDDOWN($C1580/24,0)+1,1))-1)+IF('Standard Profiles'!$G$18=$B$10,7,0)+IF('Standard Profiles'!$G$18=$B$17,14,0)+IF('Standard Profiles'!$G$18=$B$24,21,0),MOD($C1580,24)+1)/SUM(INDEX($D$3:$AA$30,INDEX(Jesper!$R$2:$R$366,ROW(INDEX(Jesper!AH$2:AH$366,ROUNDDOWN($C1580/24,0)+1,1))-1)+IF('Standard Profiles'!$G$18=$B$10,7,0)+IF('Standard Profiles'!$G$18=$B$17,14,0)+IF('Standard Profiles'!$G$18=$B$24,21,0),0)),0)</f>
        <v>14.040820693048317</v>
      </c>
      <c r="E1580" cm="1">
        <f t="array" ref="E1580">IFERROR(INDEX(Jesper!AI$2:AI$366,ROUNDDOWN($C1580/24,0)+1,1)*INDEX($D$3:$AA$30,INDEX(Jesper!$R$2:$R$366,ROW(INDEX(Jesper!AI$2:AI$366,ROUNDDOWN($C1580/24,0)+1,1))-1)+IF('Standard Profiles'!$G$19=$B$10,7,0)+IF('Standard Profiles'!$G$19=$B$17,14,0)+IF('Standard Profiles'!$G$19=$B$24,21,0),MOD($C1580,24)+1)/SUM(INDEX($D$3:$AA$30,INDEX(Jesper!$R$2:$R$366,ROW(INDEX(Jesper!AI$2:AI$366,ROUNDDOWN($C1580/24,0)+1,1))-1)+IF('Standard Profiles'!$G$19=$B$10,7,0)+IF('Standard Profiles'!$G$19=$B$17,14,0)+IF('Standard Profiles'!$G$19=$B$24,21,0),0)),0)</f>
        <v>0</v>
      </c>
      <c r="F1580" cm="1">
        <f t="array" ref="F1580">IFERROR(INDEX(Jesper!AJ$2:AJ$366,ROUNDDOWN($C1580/24,0)+1,1)*INDEX($D$3:$AA$30,INDEX(Jesper!$R$2:$R$366,ROW(INDEX(Jesper!AJ$2:AJ$366,ROUNDDOWN($C1580/24,0)+1,1))-1)+IF('Standard Profiles'!$G$20=$B$10,7,0)+IF('Standard Profiles'!$G$20=$B$17,14,0)+IF('Standard Profiles'!$G$20=$B$24,21,0),MOD($C1580,24)+1)/SUM(INDEX($D$3:$AA$30,INDEX(Jesper!$R$2:$R$366,ROW(INDEX(Jesper!AJ$2:AJ$366,ROUNDDOWN($C1580/24,0)+1,1))-1)+IF('Standard Profiles'!$G$20=$B$10,7,0)+IF('Standard Profiles'!$G$20=$B$17,14,0)+IF('Standard Profiles'!$G$20=$B$24,21,0),0)),0)</f>
        <v>0</v>
      </c>
      <c r="G1580" cm="1">
        <f t="array" ref="G1580">IFERROR(INDEX(Jesper!AK$2:AK$366,ROUNDDOWN($C1580/24,0)+1,1)*INDEX($D$3:$AA$30,INDEX(Jesper!$R$2:$R$366,ROW(INDEX(Jesper!AK$2:AK$366,ROUNDDOWN($C1580/24,0)+1,1))-1)+IF('Standard Profiles'!$G$21=$B$10,7,0)+IF('Standard Profiles'!$G$21=$B$17,14,0)+IF('Standard Profiles'!$G$21=$B$24,21,0),MOD($C1580,24)+1)/SUM(INDEX($D$3:$AA$30,INDEX(Jesper!$R$2:$R$366,ROW(INDEX(Jesper!AK$2:AK$366,ROUNDDOWN($C1580/24,0)+1,1))-1)+IF('Standard Profiles'!$G$21=$B$10,7,0)+IF('Standard Profiles'!$G$21=$B$17,14,0)+IF('Standard Profiles'!$G$21=$B$24,21,0),0)),0)</f>
        <v>0</v>
      </c>
      <c r="H1580" cm="1">
        <f t="array" ref="H1580">IFERROR(INDEX(Jesper!AL$2:AL$366,ROUNDDOWN($C1580/24,0)+1,1)*INDEX($D$3:$AA$30,INDEX(Jesper!$R$2:$R$366,ROW(INDEX(Jesper!AL$2:AL$366,ROUNDDOWN($C1580/24,0)+1,1))-1)+IF('Standard Profiles'!$G$22=$B$10,7,0)+IF('Standard Profiles'!$G$22=$B$17,14,0)+IF('Standard Profiles'!$G$22=$B$24,21,0),MOD($C1580,24)+1)/SUM(INDEX($D$3:$AA$30,INDEX(Jesper!$R$2:$R$366,ROW(INDEX(Jesper!AL$2:AL$366,ROUNDDOWN($C1580/24,0)+1,1))-1)+IF('Standard Profiles'!$G$22=$B$10,7,0)+IF('Standard Profiles'!$G$22=$B$17,14,0)+IF('Standard Profiles'!$G$22=$B$24,21,0),0)),0)</f>
        <v>0</v>
      </c>
      <c r="I1580">
        <f t="shared" si="188"/>
        <v>0.42122462079144951</v>
      </c>
      <c r="J1580">
        <f t="shared" si="189"/>
        <v>1.4040820693048319</v>
      </c>
      <c r="K1580">
        <f t="shared" si="190"/>
        <v>2.1061231039572474</v>
      </c>
      <c r="L1580">
        <f t="shared" si="191"/>
        <v>10.109390898994787</v>
      </c>
      <c r="M1580">
        <f t="shared" si="192"/>
        <v>0</v>
      </c>
      <c r="N1580" s="46">
        <f t="shared" si="193"/>
        <v>45356.416666662917</v>
      </c>
    </row>
    <row r="1581" spans="2:14" x14ac:dyDescent="0.3">
      <c r="B1581">
        <f t="shared" si="187"/>
        <v>2</v>
      </c>
      <c r="C1581" s="16">
        <v>1547</v>
      </c>
      <c r="D1581" cm="1">
        <f t="array" ref="D1581">IFERROR(INDEX(Jesper!AH$2:AH$366,ROUNDDOWN($C1581/24,0)+1,1)*INDEX($D$3:$AA$30,INDEX(Jesper!$R$2:$R$366,ROW(INDEX(Jesper!AH$2:AH$366,ROUNDDOWN($C1581/24,0)+1,1))-1)+IF('Standard Profiles'!$G$18=$B$10,7,0)+IF('Standard Profiles'!$G$18=$B$17,14,0)+IF('Standard Profiles'!$G$18=$B$24,21,0),MOD($C1581,24)+1)/SUM(INDEX($D$3:$AA$30,INDEX(Jesper!$R$2:$R$366,ROW(INDEX(Jesper!AH$2:AH$366,ROUNDDOWN($C1581/24,0)+1,1))-1)+IF('Standard Profiles'!$G$18=$B$10,7,0)+IF('Standard Profiles'!$G$18=$B$17,14,0)+IF('Standard Profiles'!$G$18=$B$24,21,0),0)),0)</f>
        <v>16.518612580056846</v>
      </c>
      <c r="E1581" cm="1">
        <f t="array" ref="E1581">IFERROR(INDEX(Jesper!AI$2:AI$366,ROUNDDOWN($C1581/24,0)+1,1)*INDEX($D$3:$AA$30,INDEX(Jesper!$R$2:$R$366,ROW(INDEX(Jesper!AI$2:AI$366,ROUNDDOWN($C1581/24,0)+1,1))-1)+IF('Standard Profiles'!$G$19=$B$10,7,0)+IF('Standard Profiles'!$G$19=$B$17,14,0)+IF('Standard Profiles'!$G$19=$B$24,21,0),MOD($C1581,24)+1)/SUM(INDEX($D$3:$AA$30,INDEX(Jesper!$R$2:$R$366,ROW(INDEX(Jesper!AI$2:AI$366,ROUNDDOWN($C1581/24,0)+1,1))-1)+IF('Standard Profiles'!$G$19=$B$10,7,0)+IF('Standard Profiles'!$G$19=$B$17,14,0)+IF('Standard Profiles'!$G$19=$B$24,21,0),0)),0)</f>
        <v>0</v>
      </c>
      <c r="F1581" cm="1">
        <f t="array" ref="F1581">IFERROR(INDEX(Jesper!AJ$2:AJ$366,ROUNDDOWN($C1581/24,0)+1,1)*INDEX($D$3:$AA$30,INDEX(Jesper!$R$2:$R$366,ROW(INDEX(Jesper!AJ$2:AJ$366,ROUNDDOWN($C1581/24,0)+1,1))-1)+IF('Standard Profiles'!$G$20=$B$10,7,0)+IF('Standard Profiles'!$G$20=$B$17,14,0)+IF('Standard Profiles'!$G$20=$B$24,21,0),MOD($C1581,24)+1)/SUM(INDEX($D$3:$AA$30,INDEX(Jesper!$R$2:$R$366,ROW(INDEX(Jesper!AJ$2:AJ$366,ROUNDDOWN($C1581/24,0)+1,1))-1)+IF('Standard Profiles'!$G$20=$B$10,7,0)+IF('Standard Profiles'!$G$20=$B$17,14,0)+IF('Standard Profiles'!$G$20=$B$24,21,0),0)),0)</f>
        <v>0</v>
      </c>
      <c r="G1581" cm="1">
        <f t="array" ref="G1581">IFERROR(INDEX(Jesper!AK$2:AK$366,ROUNDDOWN($C1581/24,0)+1,1)*INDEX($D$3:$AA$30,INDEX(Jesper!$R$2:$R$366,ROW(INDEX(Jesper!AK$2:AK$366,ROUNDDOWN($C1581/24,0)+1,1))-1)+IF('Standard Profiles'!$G$21=$B$10,7,0)+IF('Standard Profiles'!$G$21=$B$17,14,0)+IF('Standard Profiles'!$G$21=$B$24,21,0),MOD($C1581,24)+1)/SUM(INDEX($D$3:$AA$30,INDEX(Jesper!$R$2:$R$366,ROW(INDEX(Jesper!AK$2:AK$366,ROUNDDOWN($C1581/24,0)+1,1))-1)+IF('Standard Profiles'!$G$21=$B$10,7,0)+IF('Standard Profiles'!$G$21=$B$17,14,0)+IF('Standard Profiles'!$G$21=$B$24,21,0),0)),0)</f>
        <v>0</v>
      </c>
      <c r="H1581" cm="1">
        <f t="array" ref="H1581">IFERROR(INDEX(Jesper!AL$2:AL$366,ROUNDDOWN($C1581/24,0)+1,1)*INDEX($D$3:$AA$30,INDEX(Jesper!$R$2:$R$366,ROW(INDEX(Jesper!AL$2:AL$366,ROUNDDOWN($C1581/24,0)+1,1))-1)+IF('Standard Profiles'!$G$22=$B$10,7,0)+IF('Standard Profiles'!$G$22=$B$17,14,0)+IF('Standard Profiles'!$G$22=$B$24,21,0),MOD($C1581,24)+1)/SUM(INDEX($D$3:$AA$30,INDEX(Jesper!$R$2:$R$366,ROW(INDEX(Jesper!AL$2:AL$366,ROUNDDOWN($C1581/24,0)+1,1))-1)+IF('Standard Profiles'!$G$22=$B$10,7,0)+IF('Standard Profiles'!$G$22=$B$17,14,0)+IF('Standard Profiles'!$G$22=$B$24,21,0),0)),0)</f>
        <v>0</v>
      </c>
      <c r="I1581">
        <f t="shared" si="188"/>
        <v>0.49555837740170539</v>
      </c>
      <c r="J1581">
        <f t="shared" si="189"/>
        <v>1.6518612580056846</v>
      </c>
      <c r="K1581">
        <f t="shared" si="190"/>
        <v>2.4777918870085269</v>
      </c>
      <c r="L1581">
        <f t="shared" si="191"/>
        <v>11.893401057640929</v>
      </c>
      <c r="M1581">
        <f t="shared" si="192"/>
        <v>0</v>
      </c>
      <c r="N1581" s="46">
        <f t="shared" si="193"/>
        <v>45356.458333329581</v>
      </c>
    </row>
    <row r="1582" spans="2:14" x14ac:dyDescent="0.3">
      <c r="B1582">
        <f t="shared" si="187"/>
        <v>2</v>
      </c>
      <c r="C1582" s="16">
        <v>1548</v>
      </c>
      <c r="D1582" cm="1">
        <f t="array" ref="D1582">IFERROR(INDEX(Jesper!AH$2:AH$366,ROUNDDOWN($C1582/24,0)+1,1)*INDEX($D$3:$AA$30,INDEX(Jesper!$R$2:$R$366,ROW(INDEX(Jesper!AH$2:AH$366,ROUNDDOWN($C1582/24,0)+1,1))-1)+IF('Standard Profiles'!$G$18=$B$10,7,0)+IF('Standard Profiles'!$G$18=$B$17,14,0)+IF('Standard Profiles'!$G$18=$B$24,21,0),MOD($C1582,24)+1)/SUM(INDEX($D$3:$AA$30,INDEX(Jesper!$R$2:$R$366,ROW(INDEX(Jesper!AH$2:AH$366,ROUNDDOWN($C1582/24,0)+1,1))-1)+IF('Standard Profiles'!$G$18=$B$10,7,0)+IF('Standard Profiles'!$G$18=$B$17,14,0)+IF('Standard Profiles'!$G$18=$B$24,21,0),0)),0)</f>
        <v>16.518612580056846</v>
      </c>
      <c r="E1582" cm="1">
        <f t="array" ref="E1582">IFERROR(INDEX(Jesper!AI$2:AI$366,ROUNDDOWN($C1582/24,0)+1,1)*INDEX($D$3:$AA$30,INDEX(Jesper!$R$2:$R$366,ROW(INDEX(Jesper!AI$2:AI$366,ROUNDDOWN($C1582/24,0)+1,1))-1)+IF('Standard Profiles'!$G$19=$B$10,7,0)+IF('Standard Profiles'!$G$19=$B$17,14,0)+IF('Standard Profiles'!$G$19=$B$24,21,0),MOD($C1582,24)+1)/SUM(INDEX($D$3:$AA$30,INDEX(Jesper!$R$2:$R$366,ROW(INDEX(Jesper!AI$2:AI$366,ROUNDDOWN($C1582/24,0)+1,1))-1)+IF('Standard Profiles'!$G$19=$B$10,7,0)+IF('Standard Profiles'!$G$19=$B$17,14,0)+IF('Standard Profiles'!$G$19=$B$24,21,0),0)),0)</f>
        <v>0</v>
      </c>
      <c r="F1582" cm="1">
        <f t="array" ref="F1582">IFERROR(INDEX(Jesper!AJ$2:AJ$366,ROUNDDOWN($C1582/24,0)+1,1)*INDEX($D$3:$AA$30,INDEX(Jesper!$R$2:$R$366,ROW(INDEX(Jesper!AJ$2:AJ$366,ROUNDDOWN($C1582/24,0)+1,1))-1)+IF('Standard Profiles'!$G$20=$B$10,7,0)+IF('Standard Profiles'!$G$20=$B$17,14,0)+IF('Standard Profiles'!$G$20=$B$24,21,0),MOD($C1582,24)+1)/SUM(INDEX($D$3:$AA$30,INDEX(Jesper!$R$2:$R$366,ROW(INDEX(Jesper!AJ$2:AJ$366,ROUNDDOWN($C1582/24,0)+1,1))-1)+IF('Standard Profiles'!$G$20=$B$10,7,0)+IF('Standard Profiles'!$G$20=$B$17,14,0)+IF('Standard Profiles'!$G$20=$B$24,21,0),0)),0)</f>
        <v>0</v>
      </c>
      <c r="G1582" cm="1">
        <f t="array" ref="G1582">IFERROR(INDEX(Jesper!AK$2:AK$366,ROUNDDOWN($C1582/24,0)+1,1)*INDEX($D$3:$AA$30,INDEX(Jesper!$R$2:$R$366,ROW(INDEX(Jesper!AK$2:AK$366,ROUNDDOWN($C1582/24,0)+1,1))-1)+IF('Standard Profiles'!$G$21=$B$10,7,0)+IF('Standard Profiles'!$G$21=$B$17,14,0)+IF('Standard Profiles'!$G$21=$B$24,21,0),MOD($C1582,24)+1)/SUM(INDEX($D$3:$AA$30,INDEX(Jesper!$R$2:$R$366,ROW(INDEX(Jesper!AK$2:AK$366,ROUNDDOWN($C1582/24,0)+1,1))-1)+IF('Standard Profiles'!$G$21=$B$10,7,0)+IF('Standard Profiles'!$G$21=$B$17,14,0)+IF('Standard Profiles'!$G$21=$B$24,21,0),0)),0)</f>
        <v>0</v>
      </c>
      <c r="H1582" cm="1">
        <f t="array" ref="H1582">IFERROR(INDEX(Jesper!AL$2:AL$366,ROUNDDOWN($C1582/24,0)+1,1)*INDEX($D$3:$AA$30,INDEX(Jesper!$R$2:$R$366,ROW(INDEX(Jesper!AL$2:AL$366,ROUNDDOWN($C1582/24,0)+1,1))-1)+IF('Standard Profiles'!$G$22=$B$10,7,0)+IF('Standard Profiles'!$G$22=$B$17,14,0)+IF('Standard Profiles'!$G$22=$B$24,21,0),MOD($C1582,24)+1)/SUM(INDEX($D$3:$AA$30,INDEX(Jesper!$R$2:$R$366,ROW(INDEX(Jesper!AL$2:AL$366,ROUNDDOWN($C1582/24,0)+1,1))-1)+IF('Standard Profiles'!$G$22=$B$10,7,0)+IF('Standard Profiles'!$G$22=$B$17,14,0)+IF('Standard Profiles'!$G$22=$B$24,21,0),0)),0)</f>
        <v>0</v>
      </c>
      <c r="I1582">
        <f t="shared" si="188"/>
        <v>0.49555837740170539</v>
      </c>
      <c r="J1582">
        <f t="shared" si="189"/>
        <v>1.6518612580056846</v>
      </c>
      <c r="K1582">
        <f t="shared" si="190"/>
        <v>2.4777918870085269</v>
      </c>
      <c r="L1582">
        <f t="shared" si="191"/>
        <v>11.893401057640929</v>
      </c>
      <c r="M1582">
        <f t="shared" si="192"/>
        <v>0</v>
      </c>
      <c r="N1582" s="46">
        <f t="shared" si="193"/>
        <v>45356.499999996246</v>
      </c>
    </row>
    <row r="1583" spans="2:14" x14ac:dyDescent="0.3">
      <c r="B1583">
        <f t="shared" si="187"/>
        <v>2</v>
      </c>
      <c r="C1583" s="16">
        <v>1549</v>
      </c>
      <c r="D1583" cm="1">
        <f t="array" ref="D1583">IFERROR(INDEX(Jesper!AH$2:AH$366,ROUNDDOWN($C1583/24,0)+1,1)*INDEX($D$3:$AA$30,INDEX(Jesper!$R$2:$R$366,ROW(INDEX(Jesper!AH$2:AH$366,ROUNDDOWN($C1583/24,0)+1,1))-1)+IF('Standard Profiles'!$G$18=$B$10,7,0)+IF('Standard Profiles'!$G$18=$B$17,14,0)+IF('Standard Profiles'!$G$18=$B$24,21,0),MOD($C1583,24)+1)/SUM(INDEX($D$3:$AA$30,INDEX(Jesper!$R$2:$R$366,ROW(INDEX(Jesper!AH$2:AH$366,ROUNDDOWN($C1583/24,0)+1,1))-1)+IF('Standard Profiles'!$G$18=$B$10,7,0)+IF('Standard Profiles'!$G$18=$B$17,14,0)+IF('Standard Profiles'!$G$18=$B$24,21,0),0)),0)</f>
        <v>16.518612580056846</v>
      </c>
      <c r="E1583" cm="1">
        <f t="array" ref="E1583">IFERROR(INDEX(Jesper!AI$2:AI$366,ROUNDDOWN($C1583/24,0)+1,1)*INDEX($D$3:$AA$30,INDEX(Jesper!$R$2:$R$366,ROW(INDEX(Jesper!AI$2:AI$366,ROUNDDOWN($C1583/24,0)+1,1))-1)+IF('Standard Profiles'!$G$19=$B$10,7,0)+IF('Standard Profiles'!$G$19=$B$17,14,0)+IF('Standard Profiles'!$G$19=$B$24,21,0),MOD($C1583,24)+1)/SUM(INDEX($D$3:$AA$30,INDEX(Jesper!$R$2:$R$366,ROW(INDEX(Jesper!AI$2:AI$366,ROUNDDOWN($C1583/24,0)+1,1))-1)+IF('Standard Profiles'!$G$19=$B$10,7,0)+IF('Standard Profiles'!$G$19=$B$17,14,0)+IF('Standard Profiles'!$G$19=$B$24,21,0),0)),0)</f>
        <v>0</v>
      </c>
      <c r="F1583" cm="1">
        <f t="array" ref="F1583">IFERROR(INDEX(Jesper!AJ$2:AJ$366,ROUNDDOWN($C1583/24,0)+1,1)*INDEX($D$3:$AA$30,INDEX(Jesper!$R$2:$R$366,ROW(INDEX(Jesper!AJ$2:AJ$366,ROUNDDOWN($C1583/24,0)+1,1))-1)+IF('Standard Profiles'!$G$20=$B$10,7,0)+IF('Standard Profiles'!$G$20=$B$17,14,0)+IF('Standard Profiles'!$G$20=$B$24,21,0),MOD($C1583,24)+1)/SUM(INDEX($D$3:$AA$30,INDEX(Jesper!$R$2:$R$366,ROW(INDEX(Jesper!AJ$2:AJ$366,ROUNDDOWN($C1583/24,0)+1,1))-1)+IF('Standard Profiles'!$G$20=$B$10,7,0)+IF('Standard Profiles'!$G$20=$B$17,14,0)+IF('Standard Profiles'!$G$20=$B$24,21,0),0)),0)</f>
        <v>0</v>
      </c>
      <c r="G1583" cm="1">
        <f t="array" ref="G1583">IFERROR(INDEX(Jesper!AK$2:AK$366,ROUNDDOWN($C1583/24,0)+1,1)*INDEX($D$3:$AA$30,INDEX(Jesper!$R$2:$R$366,ROW(INDEX(Jesper!AK$2:AK$366,ROUNDDOWN($C1583/24,0)+1,1))-1)+IF('Standard Profiles'!$G$21=$B$10,7,0)+IF('Standard Profiles'!$G$21=$B$17,14,0)+IF('Standard Profiles'!$G$21=$B$24,21,0),MOD($C1583,24)+1)/SUM(INDEX($D$3:$AA$30,INDEX(Jesper!$R$2:$R$366,ROW(INDEX(Jesper!AK$2:AK$366,ROUNDDOWN($C1583/24,0)+1,1))-1)+IF('Standard Profiles'!$G$21=$B$10,7,0)+IF('Standard Profiles'!$G$21=$B$17,14,0)+IF('Standard Profiles'!$G$21=$B$24,21,0),0)),0)</f>
        <v>0</v>
      </c>
      <c r="H1583" cm="1">
        <f t="array" ref="H1583">IFERROR(INDEX(Jesper!AL$2:AL$366,ROUNDDOWN($C1583/24,0)+1,1)*INDEX($D$3:$AA$30,INDEX(Jesper!$R$2:$R$366,ROW(INDEX(Jesper!AL$2:AL$366,ROUNDDOWN($C1583/24,0)+1,1))-1)+IF('Standard Profiles'!$G$22=$B$10,7,0)+IF('Standard Profiles'!$G$22=$B$17,14,0)+IF('Standard Profiles'!$G$22=$B$24,21,0),MOD($C1583,24)+1)/SUM(INDEX($D$3:$AA$30,INDEX(Jesper!$R$2:$R$366,ROW(INDEX(Jesper!AL$2:AL$366,ROUNDDOWN($C1583/24,0)+1,1))-1)+IF('Standard Profiles'!$G$22=$B$10,7,0)+IF('Standard Profiles'!$G$22=$B$17,14,0)+IF('Standard Profiles'!$G$22=$B$24,21,0),0)),0)</f>
        <v>0</v>
      </c>
      <c r="I1583">
        <f t="shared" si="188"/>
        <v>0.49555837740170539</v>
      </c>
      <c r="J1583">
        <f t="shared" si="189"/>
        <v>1.6518612580056846</v>
      </c>
      <c r="K1583">
        <f t="shared" si="190"/>
        <v>2.4777918870085269</v>
      </c>
      <c r="L1583">
        <f t="shared" si="191"/>
        <v>11.893401057640929</v>
      </c>
      <c r="M1583">
        <f t="shared" si="192"/>
        <v>0</v>
      </c>
      <c r="N1583" s="46">
        <f t="shared" si="193"/>
        <v>45356.54166666291</v>
      </c>
    </row>
    <row r="1584" spans="2:14" x14ac:dyDescent="0.3">
      <c r="B1584">
        <f t="shared" si="187"/>
        <v>2</v>
      </c>
      <c r="C1584" s="16">
        <v>1550</v>
      </c>
      <c r="D1584" cm="1">
        <f t="array" ref="D1584">IFERROR(INDEX(Jesper!AH$2:AH$366,ROUNDDOWN($C1584/24,0)+1,1)*INDEX($D$3:$AA$30,INDEX(Jesper!$R$2:$R$366,ROW(INDEX(Jesper!AH$2:AH$366,ROUNDDOWN($C1584/24,0)+1,1))-1)+IF('Standard Profiles'!$G$18=$B$10,7,0)+IF('Standard Profiles'!$G$18=$B$17,14,0)+IF('Standard Profiles'!$G$18=$B$24,21,0),MOD($C1584,24)+1)/SUM(INDEX($D$3:$AA$30,INDEX(Jesper!$R$2:$R$366,ROW(INDEX(Jesper!AH$2:AH$366,ROUNDDOWN($C1584/24,0)+1,1))-1)+IF('Standard Profiles'!$G$18=$B$10,7,0)+IF('Standard Profiles'!$G$18=$B$17,14,0)+IF('Standard Profiles'!$G$18=$B$24,21,0),0)),0)</f>
        <v>16.518612580056846</v>
      </c>
      <c r="E1584" cm="1">
        <f t="array" ref="E1584">IFERROR(INDEX(Jesper!AI$2:AI$366,ROUNDDOWN($C1584/24,0)+1,1)*INDEX($D$3:$AA$30,INDEX(Jesper!$R$2:$R$366,ROW(INDEX(Jesper!AI$2:AI$366,ROUNDDOWN($C1584/24,0)+1,1))-1)+IF('Standard Profiles'!$G$19=$B$10,7,0)+IF('Standard Profiles'!$G$19=$B$17,14,0)+IF('Standard Profiles'!$G$19=$B$24,21,0),MOD($C1584,24)+1)/SUM(INDEX($D$3:$AA$30,INDEX(Jesper!$R$2:$R$366,ROW(INDEX(Jesper!AI$2:AI$366,ROUNDDOWN($C1584/24,0)+1,1))-1)+IF('Standard Profiles'!$G$19=$B$10,7,0)+IF('Standard Profiles'!$G$19=$B$17,14,0)+IF('Standard Profiles'!$G$19=$B$24,21,0),0)),0)</f>
        <v>0</v>
      </c>
      <c r="F1584" cm="1">
        <f t="array" ref="F1584">IFERROR(INDEX(Jesper!AJ$2:AJ$366,ROUNDDOWN($C1584/24,0)+1,1)*INDEX($D$3:$AA$30,INDEX(Jesper!$R$2:$R$366,ROW(INDEX(Jesper!AJ$2:AJ$366,ROUNDDOWN($C1584/24,0)+1,1))-1)+IF('Standard Profiles'!$G$20=$B$10,7,0)+IF('Standard Profiles'!$G$20=$B$17,14,0)+IF('Standard Profiles'!$G$20=$B$24,21,0),MOD($C1584,24)+1)/SUM(INDEX($D$3:$AA$30,INDEX(Jesper!$R$2:$R$366,ROW(INDEX(Jesper!AJ$2:AJ$366,ROUNDDOWN($C1584/24,0)+1,1))-1)+IF('Standard Profiles'!$G$20=$B$10,7,0)+IF('Standard Profiles'!$G$20=$B$17,14,0)+IF('Standard Profiles'!$G$20=$B$24,21,0),0)),0)</f>
        <v>0</v>
      </c>
      <c r="G1584" cm="1">
        <f t="array" ref="G1584">IFERROR(INDEX(Jesper!AK$2:AK$366,ROUNDDOWN($C1584/24,0)+1,1)*INDEX($D$3:$AA$30,INDEX(Jesper!$R$2:$R$366,ROW(INDEX(Jesper!AK$2:AK$366,ROUNDDOWN($C1584/24,0)+1,1))-1)+IF('Standard Profiles'!$G$21=$B$10,7,0)+IF('Standard Profiles'!$G$21=$B$17,14,0)+IF('Standard Profiles'!$G$21=$B$24,21,0),MOD($C1584,24)+1)/SUM(INDEX($D$3:$AA$30,INDEX(Jesper!$R$2:$R$366,ROW(INDEX(Jesper!AK$2:AK$366,ROUNDDOWN($C1584/24,0)+1,1))-1)+IF('Standard Profiles'!$G$21=$B$10,7,0)+IF('Standard Profiles'!$G$21=$B$17,14,0)+IF('Standard Profiles'!$G$21=$B$24,21,0),0)),0)</f>
        <v>0</v>
      </c>
      <c r="H1584" cm="1">
        <f t="array" ref="H1584">IFERROR(INDEX(Jesper!AL$2:AL$366,ROUNDDOWN($C1584/24,0)+1,1)*INDEX($D$3:$AA$30,INDEX(Jesper!$R$2:$R$366,ROW(INDEX(Jesper!AL$2:AL$366,ROUNDDOWN($C1584/24,0)+1,1))-1)+IF('Standard Profiles'!$G$22=$B$10,7,0)+IF('Standard Profiles'!$G$22=$B$17,14,0)+IF('Standard Profiles'!$G$22=$B$24,21,0),MOD($C1584,24)+1)/SUM(INDEX($D$3:$AA$30,INDEX(Jesper!$R$2:$R$366,ROW(INDEX(Jesper!AL$2:AL$366,ROUNDDOWN($C1584/24,0)+1,1))-1)+IF('Standard Profiles'!$G$22=$B$10,7,0)+IF('Standard Profiles'!$G$22=$B$17,14,0)+IF('Standard Profiles'!$G$22=$B$24,21,0),0)),0)</f>
        <v>0</v>
      </c>
      <c r="I1584">
        <f t="shared" si="188"/>
        <v>0.49555837740170539</v>
      </c>
      <c r="J1584">
        <f t="shared" si="189"/>
        <v>1.6518612580056846</v>
      </c>
      <c r="K1584">
        <f t="shared" si="190"/>
        <v>2.4777918870085269</v>
      </c>
      <c r="L1584">
        <f t="shared" si="191"/>
        <v>11.893401057640929</v>
      </c>
      <c r="M1584">
        <f t="shared" si="192"/>
        <v>0</v>
      </c>
      <c r="N1584" s="46">
        <f t="shared" si="193"/>
        <v>45356.583333329574</v>
      </c>
    </row>
    <row r="1585" spans="2:14" x14ac:dyDescent="0.3">
      <c r="B1585">
        <f t="shared" si="187"/>
        <v>2</v>
      </c>
      <c r="C1585" s="16">
        <v>1551</v>
      </c>
      <c r="D1585" cm="1">
        <f t="array" ref="D1585">IFERROR(INDEX(Jesper!AH$2:AH$366,ROUNDDOWN($C1585/24,0)+1,1)*INDEX($D$3:$AA$30,INDEX(Jesper!$R$2:$R$366,ROW(INDEX(Jesper!AH$2:AH$366,ROUNDDOWN($C1585/24,0)+1,1))-1)+IF('Standard Profiles'!$G$18=$B$10,7,0)+IF('Standard Profiles'!$G$18=$B$17,14,0)+IF('Standard Profiles'!$G$18=$B$24,21,0),MOD($C1585,24)+1)/SUM(INDEX($D$3:$AA$30,INDEX(Jesper!$R$2:$R$366,ROW(INDEX(Jesper!AH$2:AH$366,ROUNDDOWN($C1585/24,0)+1,1))-1)+IF('Standard Profiles'!$G$18=$B$10,7,0)+IF('Standard Profiles'!$G$18=$B$17,14,0)+IF('Standard Profiles'!$G$18=$B$24,21,0),0)),0)</f>
        <v>16.518612580056846</v>
      </c>
      <c r="E1585" cm="1">
        <f t="array" ref="E1585">IFERROR(INDEX(Jesper!AI$2:AI$366,ROUNDDOWN($C1585/24,0)+1,1)*INDEX($D$3:$AA$30,INDEX(Jesper!$R$2:$R$366,ROW(INDEX(Jesper!AI$2:AI$366,ROUNDDOWN($C1585/24,0)+1,1))-1)+IF('Standard Profiles'!$G$19=$B$10,7,0)+IF('Standard Profiles'!$G$19=$B$17,14,0)+IF('Standard Profiles'!$G$19=$B$24,21,0),MOD($C1585,24)+1)/SUM(INDEX($D$3:$AA$30,INDEX(Jesper!$R$2:$R$366,ROW(INDEX(Jesper!AI$2:AI$366,ROUNDDOWN($C1585/24,0)+1,1))-1)+IF('Standard Profiles'!$G$19=$B$10,7,0)+IF('Standard Profiles'!$G$19=$B$17,14,0)+IF('Standard Profiles'!$G$19=$B$24,21,0),0)),0)</f>
        <v>0</v>
      </c>
      <c r="F1585" cm="1">
        <f t="array" ref="F1585">IFERROR(INDEX(Jesper!AJ$2:AJ$366,ROUNDDOWN($C1585/24,0)+1,1)*INDEX($D$3:$AA$30,INDEX(Jesper!$R$2:$R$366,ROW(INDEX(Jesper!AJ$2:AJ$366,ROUNDDOWN($C1585/24,0)+1,1))-1)+IF('Standard Profiles'!$G$20=$B$10,7,0)+IF('Standard Profiles'!$G$20=$B$17,14,0)+IF('Standard Profiles'!$G$20=$B$24,21,0),MOD($C1585,24)+1)/SUM(INDEX($D$3:$AA$30,INDEX(Jesper!$R$2:$R$366,ROW(INDEX(Jesper!AJ$2:AJ$366,ROUNDDOWN($C1585/24,0)+1,1))-1)+IF('Standard Profiles'!$G$20=$B$10,7,0)+IF('Standard Profiles'!$G$20=$B$17,14,0)+IF('Standard Profiles'!$G$20=$B$24,21,0),0)),0)</f>
        <v>0</v>
      </c>
      <c r="G1585" cm="1">
        <f t="array" ref="G1585">IFERROR(INDEX(Jesper!AK$2:AK$366,ROUNDDOWN($C1585/24,0)+1,1)*INDEX($D$3:$AA$30,INDEX(Jesper!$R$2:$R$366,ROW(INDEX(Jesper!AK$2:AK$366,ROUNDDOWN($C1585/24,0)+1,1))-1)+IF('Standard Profiles'!$G$21=$B$10,7,0)+IF('Standard Profiles'!$G$21=$B$17,14,0)+IF('Standard Profiles'!$G$21=$B$24,21,0),MOD($C1585,24)+1)/SUM(INDEX($D$3:$AA$30,INDEX(Jesper!$R$2:$R$366,ROW(INDEX(Jesper!AK$2:AK$366,ROUNDDOWN($C1585/24,0)+1,1))-1)+IF('Standard Profiles'!$G$21=$B$10,7,0)+IF('Standard Profiles'!$G$21=$B$17,14,0)+IF('Standard Profiles'!$G$21=$B$24,21,0),0)),0)</f>
        <v>0</v>
      </c>
      <c r="H1585" cm="1">
        <f t="array" ref="H1585">IFERROR(INDEX(Jesper!AL$2:AL$366,ROUNDDOWN($C1585/24,0)+1,1)*INDEX($D$3:$AA$30,INDEX(Jesper!$R$2:$R$366,ROW(INDEX(Jesper!AL$2:AL$366,ROUNDDOWN($C1585/24,0)+1,1))-1)+IF('Standard Profiles'!$G$22=$B$10,7,0)+IF('Standard Profiles'!$G$22=$B$17,14,0)+IF('Standard Profiles'!$G$22=$B$24,21,0),MOD($C1585,24)+1)/SUM(INDEX($D$3:$AA$30,INDEX(Jesper!$R$2:$R$366,ROW(INDEX(Jesper!AL$2:AL$366,ROUNDDOWN($C1585/24,0)+1,1))-1)+IF('Standard Profiles'!$G$22=$B$10,7,0)+IF('Standard Profiles'!$G$22=$B$17,14,0)+IF('Standard Profiles'!$G$22=$B$24,21,0),0)),0)</f>
        <v>0</v>
      </c>
      <c r="I1585">
        <f t="shared" si="188"/>
        <v>0.49555837740170539</v>
      </c>
      <c r="J1585">
        <f t="shared" si="189"/>
        <v>1.6518612580056846</v>
      </c>
      <c r="K1585">
        <f t="shared" si="190"/>
        <v>2.4777918870085269</v>
      </c>
      <c r="L1585">
        <f t="shared" si="191"/>
        <v>11.893401057640929</v>
      </c>
      <c r="M1585">
        <f t="shared" si="192"/>
        <v>0</v>
      </c>
      <c r="N1585" s="46">
        <f t="shared" si="193"/>
        <v>45356.624999996238</v>
      </c>
    </row>
    <row r="1586" spans="2:14" x14ac:dyDescent="0.3">
      <c r="B1586">
        <f t="shared" si="187"/>
        <v>2</v>
      </c>
      <c r="C1586" s="16">
        <v>1552</v>
      </c>
      <c r="D1586" cm="1">
        <f t="array" ref="D1586">IFERROR(INDEX(Jesper!AH$2:AH$366,ROUNDDOWN($C1586/24,0)+1,1)*INDEX($D$3:$AA$30,INDEX(Jesper!$R$2:$R$366,ROW(INDEX(Jesper!AH$2:AH$366,ROUNDDOWN($C1586/24,0)+1,1))-1)+IF('Standard Profiles'!$G$18=$B$10,7,0)+IF('Standard Profiles'!$G$18=$B$17,14,0)+IF('Standard Profiles'!$G$18=$B$24,21,0),MOD($C1586,24)+1)/SUM(INDEX($D$3:$AA$30,INDEX(Jesper!$R$2:$R$366,ROW(INDEX(Jesper!AH$2:AH$366,ROUNDDOWN($C1586/24,0)+1,1))-1)+IF('Standard Profiles'!$G$18=$B$10,7,0)+IF('Standard Profiles'!$G$18=$B$17,14,0)+IF('Standard Profiles'!$G$18=$B$24,21,0),0)),0)</f>
        <v>16.518612580056846</v>
      </c>
      <c r="E1586" cm="1">
        <f t="array" ref="E1586">IFERROR(INDEX(Jesper!AI$2:AI$366,ROUNDDOWN($C1586/24,0)+1,1)*INDEX($D$3:$AA$30,INDEX(Jesper!$R$2:$R$366,ROW(INDEX(Jesper!AI$2:AI$366,ROUNDDOWN($C1586/24,0)+1,1))-1)+IF('Standard Profiles'!$G$19=$B$10,7,0)+IF('Standard Profiles'!$G$19=$B$17,14,0)+IF('Standard Profiles'!$G$19=$B$24,21,0),MOD($C1586,24)+1)/SUM(INDEX($D$3:$AA$30,INDEX(Jesper!$R$2:$R$366,ROW(INDEX(Jesper!AI$2:AI$366,ROUNDDOWN($C1586/24,0)+1,1))-1)+IF('Standard Profiles'!$G$19=$B$10,7,0)+IF('Standard Profiles'!$G$19=$B$17,14,0)+IF('Standard Profiles'!$G$19=$B$24,21,0),0)),0)</f>
        <v>0</v>
      </c>
      <c r="F1586" cm="1">
        <f t="array" ref="F1586">IFERROR(INDEX(Jesper!AJ$2:AJ$366,ROUNDDOWN($C1586/24,0)+1,1)*INDEX($D$3:$AA$30,INDEX(Jesper!$R$2:$R$366,ROW(INDEX(Jesper!AJ$2:AJ$366,ROUNDDOWN($C1586/24,0)+1,1))-1)+IF('Standard Profiles'!$G$20=$B$10,7,0)+IF('Standard Profiles'!$G$20=$B$17,14,0)+IF('Standard Profiles'!$G$20=$B$24,21,0),MOD($C1586,24)+1)/SUM(INDEX($D$3:$AA$30,INDEX(Jesper!$R$2:$R$366,ROW(INDEX(Jesper!AJ$2:AJ$366,ROUNDDOWN($C1586/24,0)+1,1))-1)+IF('Standard Profiles'!$G$20=$B$10,7,0)+IF('Standard Profiles'!$G$20=$B$17,14,0)+IF('Standard Profiles'!$G$20=$B$24,21,0),0)),0)</f>
        <v>0</v>
      </c>
      <c r="G1586" cm="1">
        <f t="array" ref="G1586">IFERROR(INDEX(Jesper!AK$2:AK$366,ROUNDDOWN($C1586/24,0)+1,1)*INDEX($D$3:$AA$30,INDEX(Jesper!$R$2:$R$366,ROW(INDEX(Jesper!AK$2:AK$366,ROUNDDOWN($C1586/24,0)+1,1))-1)+IF('Standard Profiles'!$G$21=$B$10,7,0)+IF('Standard Profiles'!$G$21=$B$17,14,0)+IF('Standard Profiles'!$G$21=$B$24,21,0),MOD($C1586,24)+1)/SUM(INDEX($D$3:$AA$30,INDEX(Jesper!$R$2:$R$366,ROW(INDEX(Jesper!AK$2:AK$366,ROUNDDOWN($C1586/24,0)+1,1))-1)+IF('Standard Profiles'!$G$21=$B$10,7,0)+IF('Standard Profiles'!$G$21=$B$17,14,0)+IF('Standard Profiles'!$G$21=$B$24,21,0),0)),0)</f>
        <v>0</v>
      </c>
      <c r="H1586" cm="1">
        <f t="array" ref="H1586">IFERROR(INDEX(Jesper!AL$2:AL$366,ROUNDDOWN($C1586/24,0)+1,1)*INDEX($D$3:$AA$30,INDEX(Jesper!$R$2:$R$366,ROW(INDEX(Jesper!AL$2:AL$366,ROUNDDOWN($C1586/24,0)+1,1))-1)+IF('Standard Profiles'!$G$22=$B$10,7,0)+IF('Standard Profiles'!$G$22=$B$17,14,0)+IF('Standard Profiles'!$G$22=$B$24,21,0),MOD($C1586,24)+1)/SUM(INDEX($D$3:$AA$30,INDEX(Jesper!$R$2:$R$366,ROW(INDEX(Jesper!AL$2:AL$366,ROUNDDOWN($C1586/24,0)+1,1))-1)+IF('Standard Profiles'!$G$22=$B$10,7,0)+IF('Standard Profiles'!$G$22=$B$17,14,0)+IF('Standard Profiles'!$G$22=$B$24,21,0),0)),0)</f>
        <v>0</v>
      </c>
      <c r="I1586">
        <f t="shared" si="188"/>
        <v>0.49555837740170539</v>
      </c>
      <c r="J1586">
        <f t="shared" si="189"/>
        <v>1.6518612580056846</v>
      </c>
      <c r="K1586">
        <f t="shared" si="190"/>
        <v>2.4777918870085269</v>
      </c>
      <c r="L1586">
        <f t="shared" si="191"/>
        <v>11.893401057640929</v>
      </c>
      <c r="M1586">
        <f t="shared" si="192"/>
        <v>0</v>
      </c>
      <c r="N1586" s="46">
        <f t="shared" si="193"/>
        <v>45356.666666662903</v>
      </c>
    </row>
    <row r="1587" spans="2:14" x14ac:dyDescent="0.3">
      <c r="B1587">
        <f t="shared" si="187"/>
        <v>2</v>
      </c>
      <c r="C1587" s="16">
        <v>1553</v>
      </c>
      <c r="D1587" cm="1">
        <f t="array" ref="D1587">IFERROR(INDEX(Jesper!AH$2:AH$366,ROUNDDOWN($C1587/24,0)+1,1)*INDEX($D$3:$AA$30,INDEX(Jesper!$R$2:$R$366,ROW(INDEX(Jesper!AH$2:AH$366,ROUNDDOWN($C1587/24,0)+1,1))-1)+IF('Standard Profiles'!$G$18=$B$10,7,0)+IF('Standard Profiles'!$G$18=$B$17,14,0)+IF('Standard Profiles'!$G$18=$B$24,21,0),MOD($C1587,24)+1)/SUM(INDEX($D$3:$AA$30,INDEX(Jesper!$R$2:$R$366,ROW(INDEX(Jesper!AH$2:AH$366,ROUNDDOWN($C1587/24,0)+1,1))-1)+IF('Standard Profiles'!$G$18=$B$10,7,0)+IF('Standard Profiles'!$G$18=$B$17,14,0)+IF('Standard Profiles'!$G$18=$B$24,21,0),0)),0)</f>
        <v>16.518612580056846</v>
      </c>
      <c r="E1587" cm="1">
        <f t="array" ref="E1587">IFERROR(INDEX(Jesper!AI$2:AI$366,ROUNDDOWN($C1587/24,0)+1,1)*INDEX($D$3:$AA$30,INDEX(Jesper!$R$2:$R$366,ROW(INDEX(Jesper!AI$2:AI$366,ROUNDDOWN($C1587/24,0)+1,1))-1)+IF('Standard Profiles'!$G$19=$B$10,7,0)+IF('Standard Profiles'!$G$19=$B$17,14,0)+IF('Standard Profiles'!$G$19=$B$24,21,0),MOD($C1587,24)+1)/SUM(INDEX($D$3:$AA$30,INDEX(Jesper!$R$2:$R$366,ROW(INDEX(Jesper!AI$2:AI$366,ROUNDDOWN($C1587/24,0)+1,1))-1)+IF('Standard Profiles'!$G$19=$B$10,7,0)+IF('Standard Profiles'!$G$19=$B$17,14,0)+IF('Standard Profiles'!$G$19=$B$24,21,0),0)),0)</f>
        <v>0</v>
      </c>
      <c r="F1587" cm="1">
        <f t="array" ref="F1587">IFERROR(INDEX(Jesper!AJ$2:AJ$366,ROUNDDOWN($C1587/24,0)+1,1)*INDEX($D$3:$AA$30,INDEX(Jesper!$R$2:$R$366,ROW(INDEX(Jesper!AJ$2:AJ$366,ROUNDDOWN($C1587/24,0)+1,1))-1)+IF('Standard Profiles'!$G$20=$B$10,7,0)+IF('Standard Profiles'!$G$20=$B$17,14,0)+IF('Standard Profiles'!$G$20=$B$24,21,0),MOD($C1587,24)+1)/SUM(INDEX($D$3:$AA$30,INDEX(Jesper!$R$2:$R$366,ROW(INDEX(Jesper!AJ$2:AJ$366,ROUNDDOWN($C1587/24,0)+1,1))-1)+IF('Standard Profiles'!$G$20=$B$10,7,0)+IF('Standard Profiles'!$G$20=$B$17,14,0)+IF('Standard Profiles'!$G$20=$B$24,21,0),0)),0)</f>
        <v>0</v>
      </c>
      <c r="G1587" cm="1">
        <f t="array" ref="G1587">IFERROR(INDEX(Jesper!AK$2:AK$366,ROUNDDOWN($C1587/24,0)+1,1)*INDEX($D$3:$AA$30,INDEX(Jesper!$R$2:$R$366,ROW(INDEX(Jesper!AK$2:AK$366,ROUNDDOWN($C1587/24,0)+1,1))-1)+IF('Standard Profiles'!$G$21=$B$10,7,0)+IF('Standard Profiles'!$G$21=$B$17,14,0)+IF('Standard Profiles'!$G$21=$B$24,21,0),MOD($C1587,24)+1)/SUM(INDEX($D$3:$AA$30,INDEX(Jesper!$R$2:$R$366,ROW(INDEX(Jesper!AK$2:AK$366,ROUNDDOWN($C1587/24,0)+1,1))-1)+IF('Standard Profiles'!$G$21=$B$10,7,0)+IF('Standard Profiles'!$G$21=$B$17,14,0)+IF('Standard Profiles'!$G$21=$B$24,21,0),0)),0)</f>
        <v>0</v>
      </c>
      <c r="H1587" cm="1">
        <f t="array" ref="H1587">IFERROR(INDEX(Jesper!AL$2:AL$366,ROUNDDOWN($C1587/24,0)+1,1)*INDEX($D$3:$AA$30,INDEX(Jesper!$R$2:$R$366,ROW(INDEX(Jesper!AL$2:AL$366,ROUNDDOWN($C1587/24,0)+1,1))-1)+IF('Standard Profiles'!$G$22=$B$10,7,0)+IF('Standard Profiles'!$G$22=$B$17,14,0)+IF('Standard Profiles'!$G$22=$B$24,21,0),MOD($C1587,24)+1)/SUM(INDEX($D$3:$AA$30,INDEX(Jesper!$R$2:$R$366,ROW(INDEX(Jesper!AL$2:AL$366,ROUNDDOWN($C1587/24,0)+1,1))-1)+IF('Standard Profiles'!$G$22=$B$10,7,0)+IF('Standard Profiles'!$G$22=$B$17,14,0)+IF('Standard Profiles'!$G$22=$B$24,21,0),0)),0)</f>
        <v>0</v>
      </c>
      <c r="I1587">
        <f t="shared" si="188"/>
        <v>0.49555837740170539</v>
      </c>
      <c r="J1587">
        <f t="shared" si="189"/>
        <v>1.6518612580056846</v>
      </c>
      <c r="K1587">
        <f t="shared" si="190"/>
        <v>2.4777918870085269</v>
      </c>
      <c r="L1587">
        <f t="shared" si="191"/>
        <v>11.893401057640929</v>
      </c>
      <c r="M1587">
        <f t="shared" si="192"/>
        <v>0</v>
      </c>
      <c r="N1587" s="46">
        <f t="shared" si="193"/>
        <v>45356.708333329567</v>
      </c>
    </row>
    <row r="1588" spans="2:14" x14ac:dyDescent="0.3">
      <c r="B1588">
        <f t="shared" si="187"/>
        <v>2</v>
      </c>
      <c r="C1588" s="16">
        <v>1554</v>
      </c>
      <c r="D1588" cm="1">
        <f t="array" ref="D1588">IFERROR(INDEX(Jesper!AH$2:AH$366,ROUNDDOWN($C1588/24,0)+1,1)*INDEX($D$3:$AA$30,INDEX(Jesper!$R$2:$R$366,ROW(INDEX(Jesper!AH$2:AH$366,ROUNDDOWN($C1588/24,0)+1,1))-1)+IF('Standard Profiles'!$G$18=$B$10,7,0)+IF('Standard Profiles'!$G$18=$B$17,14,0)+IF('Standard Profiles'!$G$18=$B$24,21,0),MOD($C1588,24)+1)/SUM(INDEX($D$3:$AA$30,INDEX(Jesper!$R$2:$R$366,ROW(INDEX(Jesper!AH$2:AH$366,ROUNDDOWN($C1588/24,0)+1,1))-1)+IF('Standard Profiles'!$G$18=$B$10,7,0)+IF('Standard Profiles'!$G$18=$B$17,14,0)+IF('Standard Profiles'!$G$18=$B$24,21,0),0)),0)</f>
        <v>16.518612580056846</v>
      </c>
      <c r="E1588" cm="1">
        <f t="array" ref="E1588">IFERROR(INDEX(Jesper!AI$2:AI$366,ROUNDDOWN($C1588/24,0)+1,1)*INDEX($D$3:$AA$30,INDEX(Jesper!$R$2:$R$366,ROW(INDEX(Jesper!AI$2:AI$366,ROUNDDOWN($C1588/24,0)+1,1))-1)+IF('Standard Profiles'!$G$19=$B$10,7,0)+IF('Standard Profiles'!$G$19=$B$17,14,0)+IF('Standard Profiles'!$G$19=$B$24,21,0),MOD($C1588,24)+1)/SUM(INDEX($D$3:$AA$30,INDEX(Jesper!$R$2:$R$366,ROW(INDEX(Jesper!AI$2:AI$366,ROUNDDOWN($C1588/24,0)+1,1))-1)+IF('Standard Profiles'!$G$19=$B$10,7,0)+IF('Standard Profiles'!$G$19=$B$17,14,0)+IF('Standard Profiles'!$G$19=$B$24,21,0),0)),0)</f>
        <v>0</v>
      </c>
      <c r="F1588" cm="1">
        <f t="array" ref="F1588">IFERROR(INDEX(Jesper!AJ$2:AJ$366,ROUNDDOWN($C1588/24,0)+1,1)*INDEX($D$3:$AA$30,INDEX(Jesper!$R$2:$R$366,ROW(INDEX(Jesper!AJ$2:AJ$366,ROUNDDOWN($C1588/24,0)+1,1))-1)+IF('Standard Profiles'!$G$20=$B$10,7,0)+IF('Standard Profiles'!$G$20=$B$17,14,0)+IF('Standard Profiles'!$G$20=$B$24,21,0),MOD($C1588,24)+1)/SUM(INDEX($D$3:$AA$30,INDEX(Jesper!$R$2:$R$366,ROW(INDEX(Jesper!AJ$2:AJ$366,ROUNDDOWN($C1588/24,0)+1,1))-1)+IF('Standard Profiles'!$G$20=$B$10,7,0)+IF('Standard Profiles'!$G$20=$B$17,14,0)+IF('Standard Profiles'!$G$20=$B$24,21,0),0)),0)</f>
        <v>0</v>
      </c>
      <c r="G1588" cm="1">
        <f t="array" ref="G1588">IFERROR(INDEX(Jesper!AK$2:AK$366,ROUNDDOWN($C1588/24,0)+1,1)*INDEX($D$3:$AA$30,INDEX(Jesper!$R$2:$R$366,ROW(INDEX(Jesper!AK$2:AK$366,ROUNDDOWN($C1588/24,0)+1,1))-1)+IF('Standard Profiles'!$G$21=$B$10,7,0)+IF('Standard Profiles'!$G$21=$B$17,14,0)+IF('Standard Profiles'!$G$21=$B$24,21,0),MOD($C1588,24)+1)/SUM(INDEX($D$3:$AA$30,INDEX(Jesper!$R$2:$R$366,ROW(INDEX(Jesper!AK$2:AK$366,ROUNDDOWN($C1588/24,0)+1,1))-1)+IF('Standard Profiles'!$G$21=$B$10,7,0)+IF('Standard Profiles'!$G$21=$B$17,14,0)+IF('Standard Profiles'!$G$21=$B$24,21,0),0)),0)</f>
        <v>0</v>
      </c>
      <c r="H1588" cm="1">
        <f t="array" ref="H1588">IFERROR(INDEX(Jesper!AL$2:AL$366,ROUNDDOWN($C1588/24,0)+1,1)*INDEX($D$3:$AA$30,INDEX(Jesper!$R$2:$R$366,ROW(INDEX(Jesper!AL$2:AL$366,ROUNDDOWN($C1588/24,0)+1,1))-1)+IF('Standard Profiles'!$G$22=$B$10,7,0)+IF('Standard Profiles'!$G$22=$B$17,14,0)+IF('Standard Profiles'!$G$22=$B$24,21,0),MOD($C1588,24)+1)/SUM(INDEX($D$3:$AA$30,INDEX(Jesper!$R$2:$R$366,ROW(INDEX(Jesper!AL$2:AL$366,ROUNDDOWN($C1588/24,0)+1,1))-1)+IF('Standard Profiles'!$G$22=$B$10,7,0)+IF('Standard Profiles'!$G$22=$B$17,14,0)+IF('Standard Profiles'!$G$22=$B$24,21,0),0)),0)</f>
        <v>0</v>
      </c>
      <c r="I1588">
        <f t="shared" si="188"/>
        <v>0.49555837740170539</v>
      </c>
      <c r="J1588">
        <f t="shared" si="189"/>
        <v>1.6518612580056846</v>
      </c>
      <c r="K1588">
        <f t="shared" si="190"/>
        <v>2.4777918870085269</v>
      </c>
      <c r="L1588">
        <f t="shared" si="191"/>
        <v>11.893401057640929</v>
      </c>
      <c r="M1588">
        <f t="shared" si="192"/>
        <v>0</v>
      </c>
      <c r="N1588" s="46">
        <f t="shared" si="193"/>
        <v>45356.749999996231</v>
      </c>
    </row>
    <row r="1589" spans="2:14" x14ac:dyDescent="0.3">
      <c r="B1589">
        <f t="shared" si="187"/>
        <v>2</v>
      </c>
      <c r="C1589" s="16">
        <v>1555</v>
      </c>
      <c r="D1589" cm="1">
        <f t="array" ref="D1589">IFERROR(INDEX(Jesper!AH$2:AH$366,ROUNDDOWN($C1589/24,0)+1,1)*INDEX($D$3:$AA$30,INDEX(Jesper!$R$2:$R$366,ROW(INDEX(Jesper!AH$2:AH$366,ROUNDDOWN($C1589/24,0)+1,1))-1)+IF('Standard Profiles'!$G$18=$B$10,7,0)+IF('Standard Profiles'!$G$18=$B$17,14,0)+IF('Standard Profiles'!$G$18=$B$24,21,0),MOD($C1589,24)+1)/SUM(INDEX($D$3:$AA$30,INDEX(Jesper!$R$2:$R$366,ROW(INDEX(Jesper!AH$2:AH$366,ROUNDDOWN($C1589/24,0)+1,1))-1)+IF('Standard Profiles'!$G$18=$B$10,7,0)+IF('Standard Profiles'!$G$18=$B$17,14,0)+IF('Standard Profiles'!$G$18=$B$24,21,0),0)),0)</f>
        <v>13.834338035797607</v>
      </c>
      <c r="E1589" cm="1">
        <f t="array" ref="E1589">IFERROR(INDEX(Jesper!AI$2:AI$366,ROUNDDOWN($C1589/24,0)+1,1)*INDEX($D$3:$AA$30,INDEX(Jesper!$R$2:$R$366,ROW(INDEX(Jesper!AI$2:AI$366,ROUNDDOWN($C1589/24,0)+1,1))-1)+IF('Standard Profiles'!$G$19=$B$10,7,0)+IF('Standard Profiles'!$G$19=$B$17,14,0)+IF('Standard Profiles'!$G$19=$B$24,21,0),MOD($C1589,24)+1)/SUM(INDEX($D$3:$AA$30,INDEX(Jesper!$R$2:$R$366,ROW(INDEX(Jesper!AI$2:AI$366,ROUNDDOWN($C1589/24,0)+1,1))-1)+IF('Standard Profiles'!$G$19=$B$10,7,0)+IF('Standard Profiles'!$G$19=$B$17,14,0)+IF('Standard Profiles'!$G$19=$B$24,21,0),0)),0)</f>
        <v>0</v>
      </c>
      <c r="F1589" cm="1">
        <f t="array" ref="F1589">IFERROR(INDEX(Jesper!AJ$2:AJ$366,ROUNDDOWN($C1589/24,0)+1,1)*INDEX($D$3:$AA$30,INDEX(Jesper!$R$2:$R$366,ROW(INDEX(Jesper!AJ$2:AJ$366,ROUNDDOWN($C1589/24,0)+1,1))-1)+IF('Standard Profiles'!$G$20=$B$10,7,0)+IF('Standard Profiles'!$G$20=$B$17,14,0)+IF('Standard Profiles'!$G$20=$B$24,21,0),MOD($C1589,24)+1)/SUM(INDEX($D$3:$AA$30,INDEX(Jesper!$R$2:$R$366,ROW(INDEX(Jesper!AJ$2:AJ$366,ROUNDDOWN($C1589/24,0)+1,1))-1)+IF('Standard Profiles'!$G$20=$B$10,7,0)+IF('Standard Profiles'!$G$20=$B$17,14,0)+IF('Standard Profiles'!$G$20=$B$24,21,0),0)),0)</f>
        <v>0</v>
      </c>
      <c r="G1589" cm="1">
        <f t="array" ref="G1589">IFERROR(INDEX(Jesper!AK$2:AK$366,ROUNDDOWN($C1589/24,0)+1,1)*INDEX($D$3:$AA$30,INDEX(Jesper!$R$2:$R$366,ROW(INDEX(Jesper!AK$2:AK$366,ROUNDDOWN($C1589/24,0)+1,1))-1)+IF('Standard Profiles'!$G$21=$B$10,7,0)+IF('Standard Profiles'!$G$21=$B$17,14,0)+IF('Standard Profiles'!$G$21=$B$24,21,0),MOD($C1589,24)+1)/SUM(INDEX($D$3:$AA$30,INDEX(Jesper!$R$2:$R$366,ROW(INDEX(Jesper!AK$2:AK$366,ROUNDDOWN($C1589/24,0)+1,1))-1)+IF('Standard Profiles'!$G$21=$B$10,7,0)+IF('Standard Profiles'!$G$21=$B$17,14,0)+IF('Standard Profiles'!$G$21=$B$24,21,0),0)),0)</f>
        <v>0</v>
      </c>
      <c r="H1589" cm="1">
        <f t="array" ref="H1589">IFERROR(INDEX(Jesper!AL$2:AL$366,ROUNDDOWN($C1589/24,0)+1,1)*INDEX($D$3:$AA$30,INDEX(Jesper!$R$2:$R$366,ROW(INDEX(Jesper!AL$2:AL$366,ROUNDDOWN($C1589/24,0)+1,1))-1)+IF('Standard Profiles'!$G$22=$B$10,7,0)+IF('Standard Profiles'!$G$22=$B$17,14,0)+IF('Standard Profiles'!$G$22=$B$24,21,0),MOD($C1589,24)+1)/SUM(INDEX($D$3:$AA$30,INDEX(Jesper!$R$2:$R$366,ROW(INDEX(Jesper!AL$2:AL$366,ROUNDDOWN($C1589/24,0)+1,1))-1)+IF('Standard Profiles'!$G$22=$B$10,7,0)+IF('Standard Profiles'!$G$22=$B$17,14,0)+IF('Standard Profiles'!$G$22=$B$24,21,0),0)),0)</f>
        <v>0</v>
      </c>
      <c r="I1589">
        <f t="shared" si="188"/>
        <v>0.41503014107392822</v>
      </c>
      <c r="J1589">
        <f t="shared" si="189"/>
        <v>1.3834338035797609</v>
      </c>
      <c r="K1589">
        <f t="shared" si="190"/>
        <v>2.0751507053696412</v>
      </c>
      <c r="L1589">
        <f t="shared" si="191"/>
        <v>9.9607233857742763</v>
      </c>
      <c r="M1589">
        <f t="shared" si="192"/>
        <v>0</v>
      </c>
      <c r="N1589" s="46">
        <f t="shared" si="193"/>
        <v>45356.791666662895</v>
      </c>
    </row>
    <row r="1590" spans="2:14" x14ac:dyDescent="0.3">
      <c r="B1590">
        <f t="shared" si="187"/>
        <v>2</v>
      </c>
      <c r="C1590" s="16">
        <v>1556</v>
      </c>
      <c r="D1590" cm="1">
        <f t="array" ref="D1590">IFERROR(INDEX(Jesper!AH$2:AH$366,ROUNDDOWN($C1590/24,0)+1,1)*INDEX($D$3:$AA$30,INDEX(Jesper!$R$2:$R$366,ROW(INDEX(Jesper!AH$2:AH$366,ROUNDDOWN($C1590/24,0)+1,1))-1)+IF('Standard Profiles'!$G$18=$B$10,7,0)+IF('Standard Profiles'!$G$18=$B$17,14,0)+IF('Standard Profiles'!$G$18=$B$24,21,0),MOD($C1590,24)+1)/SUM(INDEX($D$3:$AA$30,INDEX(Jesper!$R$2:$R$366,ROW(INDEX(Jesper!AH$2:AH$366,ROUNDDOWN($C1590/24,0)+1,1))-1)+IF('Standard Profiles'!$G$18=$B$10,7,0)+IF('Standard Profiles'!$G$18=$B$17,14,0)+IF('Standard Profiles'!$G$18=$B$24,21,0),0)),0)</f>
        <v>11.35654614878908</v>
      </c>
      <c r="E1590" cm="1">
        <f t="array" ref="E1590">IFERROR(INDEX(Jesper!AI$2:AI$366,ROUNDDOWN($C1590/24,0)+1,1)*INDEX($D$3:$AA$30,INDEX(Jesper!$R$2:$R$366,ROW(INDEX(Jesper!AI$2:AI$366,ROUNDDOWN($C1590/24,0)+1,1))-1)+IF('Standard Profiles'!$G$19=$B$10,7,0)+IF('Standard Profiles'!$G$19=$B$17,14,0)+IF('Standard Profiles'!$G$19=$B$24,21,0),MOD($C1590,24)+1)/SUM(INDEX($D$3:$AA$30,INDEX(Jesper!$R$2:$R$366,ROW(INDEX(Jesper!AI$2:AI$366,ROUNDDOWN($C1590/24,0)+1,1))-1)+IF('Standard Profiles'!$G$19=$B$10,7,0)+IF('Standard Profiles'!$G$19=$B$17,14,0)+IF('Standard Profiles'!$G$19=$B$24,21,0),0)),0)</f>
        <v>0</v>
      </c>
      <c r="F1590" cm="1">
        <f t="array" ref="F1590">IFERROR(INDEX(Jesper!AJ$2:AJ$366,ROUNDDOWN($C1590/24,0)+1,1)*INDEX($D$3:$AA$30,INDEX(Jesper!$R$2:$R$366,ROW(INDEX(Jesper!AJ$2:AJ$366,ROUNDDOWN($C1590/24,0)+1,1))-1)+IF('Standard Profiles'!$G$20=$B$10,7,0)+IF('Standard Profiles'!$G$20=$B$17,14,0)+IF('Standard Profiles'!$G$20=$B$24,21,0),MOD($C1590,24)+1)/SUM(INDEX($D$3:$AA$30,INDEX(Jesper!$R$2:$R$366,ROW(INDEX(Jesper!AJ$2:AJ$366,ROUNDDOWN($C1590/24,0)+1,1))-1)+IF('Standard Profiles'!$G$20=$B$10,7,0)+IF('Standard Profiles'!$G$20=$B$17,14,0)+IF('Standard Profiles'!$G$20=$B$24,21,0),0)),0)</f>
        <v>0</v>
      </c>
      <c r="G1590" cm="1">
        <f t="array" ref="G1590">IFERROR(INDEX(Jesper!AK$2:AK$366,ROUNDDOWN($C1590/24,0)+1,1)*INDEX($D$3:$AA$30,INDEX(Jesper!$R$2:$R$366,ROW(INDEX(Jesper!AK$2:AK$366,ROUNDDOWN($C1590/24,0)+1,1))-1)+IF('Standard Profiles'!$G$21=$B$10,7,0)+IF('Standard Profiles'!$G$21=$B$17,14,0)+IF('Standard Profiles'!$G$21=$B$24,21,0),MOD($C1590,24)+1)/SUM(INDEX($D$3:$AA$30,INDEX(Jesper!$R$2:$R$366,ROW(INDEX(Jesper!AK$2:AK$366,ROUNDDOWN($C1590/24,0)+1,1))-1)+IF('Standard Profiles'!$G$21=$B$10,7,0)+IF('Standard Profiles'!$G$21=$B$17,14,0)+IF('Standard Profiles'!$G$21=$B$24,21,0),0)),0)</f>
        <v>0</v>
      </c>
      <c r="H1590" cm="1">
        <f t="array" ref="H1590">IFERROR(INDEX(Jesper!AL$2:AL$366,ROUNDDOWN($C1590/24,0)+1,1)*INDEX($D$3:$AA$30,INDEX(Jesper!$R$2:$R$366,ROW(INDEX(Jesper!AL$2:AL$366,ROUNDDOWN($C1590/24,0)+1,1))-1)+IF('Standard Profiles'!$G$22=$B$10,7,0)+IF('Standard Profiles'!$G$22=$B$17,14,0)+IF('Standard Profiles'!$G$22=$B$24,21,0),MOD($C1590,24)+1)/SUM(INDEX($D$3:$AA$30,INDEX(Jesper!$R$2:$R$366,ROW(INDEX(Jesper!AL$2:AL$366,ROUNDDOWN($C1590/24,0)+1,1))-1)+IF('Standard Profiles'!$G$22=$B$10,7,0)+IF('Standard Profiles'!$G$22=$B$17,14,0)+IF('Standard Profiles'!$G$22=$B$24,21,0),0)),0)</f>
        <v>0</v>
      </c>
      <c r="I1590">
        <f t="shared" si="188"/>
        <v>0.3406963844636724</v>
      </c>
      <c r="J1590">
        <f t="shared" si="189"/>
        <v>1.1356546148789082</v>
      </c>
      <c r="K1590">
        <f t="shared" si="190"/>
        <v>1.7034819223183619</v>
      </c>
      <c r="L1590">
        <f t="shared" si="191"/>
        <v>8.176713227128138</v>
      </c>
      <c r="M1590">
        <f t="shared" si="192"/>
        <v>0</v>
      </c>
      <c r="N1590" s="46">
        <f t="shared" si="193"/>
        <v>45356.83333332956</v>
      </c>
    </row>
    <row r="1591" spans="2:14" x14ac:dyDescent="0.3">
      <c r="B1591">
        <f t="shared" si="187"/>
        <v>2</v>
      </c>
      <c r="C1591" s="16">
        <v>1557</v>
      </c>
      <c r="D1591" cm="1">
        <f t="array" ref="D1591">IFERROR(INDEX(Jesper!AH$2:AH$366,ROUNDDOWN($C1591/24,0)+1,1)*INDEX($D$3:$AA$30,INDEX(Jesper!$R$2:$R$366,ROW(INDEX(Jesper!AH$2:AH$366,ROUNDDOWN($C1591/24,0)+1,1))-1)+IF('Standard Profiles'!$G$18=$B$10,7,0)+IF('Standard Profiles'!$G$18=$B$17,14,0)+IF('Standard Profiles'!$G$18=$B$24,21,0),MOD($C1591,24)+1)/SUM(INDEX($D$3:$AA$30,INDEX(Jesper!$R$2:$R$366,ROW(INDEX(Jesper!AH$2:AH$366,ROUNDDOWN($C1591/24,0)+1,1))-1)+IF('Standard Profiles'!$G$18=$B$10,7,0)+IF('Standard Profiles'!$G$18=$B$17,14,0)+IF('Standard Profiles'!$G$18=$B$24,21,0),0)),0)</f>
        <v>8.2593062900284231</v>
      </c>
      <c r="E1591" cm="1">
        <f t="array" ref="E1591">IFERROR(INDEX(Jesper!AI$2:AI$366,ROUNDDOWN($C1591/24,0)+1,1)*INDEX($D$3:$AA$30,INDEX(Jesper!$R$2:$R$366,ROW(INDEX(Jesper!AI$2:AI$366,ROUNDDOWN($C1591/24,0)+1,1))-1)+IF('Standard Profiles'!$G$19=$B$10,7,0)+IF('Standard Profiles'!$G$19=$B$17,14,0)+IF('Standard Profiles'!$G$19=$B$24,21,0),MOD($C1591,24)+1)/SUM(INDEX($D$3:$AA$30,INDEX(Jesper!$R$2:$R$366,ROW(INDEX(Jesper!AI$2:AI$366,ROUNDDOWN($C1591/24,0)+1,1))-1)+IF('Standard Profiles'!$G$19=$B$10,7,0)+IF('Standard Profiles'!$G$19=$B$17,14,0)+IF('Standard Profiles'!$G$19=$B$24,21,0),0)),0)</f>
        <v>0</v>
      </c>
      <c r="F1591" cm="1">
        <f t="array" ref="F1591">IFERROR(INDEX(Jesper!AJ$2:AJ$366,ROUNDDOWN($C1591/24,0)+1,1)*INDEX($D$3:$AA$30,INDEX(Jesper!$R$2:$R$366,ROW(INDEX(Jesper!AJ$2:AJ$366,ROUNDDOWN($C1591/24,0)+1,1))-1)+IF('Standard Profiles'!$G$20=$B$10,7,0)+IF('Standard Profiles'!$G$20=$B$17,14,0)+IF('Standard Profiles'!$G$20=$B$24,21,0),MOD($C1591,24)+1)/SUM(INDEX($D$3:$AA$30,INDEX(Jesper!$R$2:$R$366,ROW(INDEX(Jesper!AJ$2:AJ$366,ROUNDDOWN($C1591/24,0)+1,1))-1)+IF('Standard Profiles'!$G$20=$B$10,7,0)+IF('Standard Profiles'!$G$20=$B$17,14,0)+IF('Standard Profiles'!$G$20=$B$24,21,0),0)),0)</f>
        <v>0</v>
      </c>
      <c r="G1591" cm="1">
        <f t="array" ref="G1591">IFERROR(INDEX(Jesper!AK$2:AK$366,ROUNDDOWN($C1591/24,0)+1,1)*INDEX($D$3:$AA$30,INDEX(Jesper!$R$2:$R$366,ROW(INDEX(Jesper!AK$2:AK$366,ROUNDDOWN($C1591/24,0)+1,1))-1)+IF('Standard Profiles'!$G$21=$B$10,7,0)+IF('Standard Profiles'!$G$21=$B$17,14,0)+IF('Standard Profiles'!$G$21=$B$24,21,0),MOD($C1591,24)+1)/SUM(INDEX($D$3:$AA$30,INDEX(Jesper!$R$2:$R$366,ROW(INDEX(Jesper!AK$2:AK$366,ROUNDDOWN($C1591/24,0)+1,1))-1)+IF('Standard Profiles'!$G$21=$B$10,7,0)+IF('Standard Profiles'!$G$21=$B$17,14,0)+IF('Standard Profiles'!$G$21=$B$24,21,0),0)),0)</f>
        <v>0</v>
      </c>
      <c r="H1591" cm="1">
        <f t="array" ref="H1591">IFERROR(INDEX(Jesper!AL$2:AL$366,ROUNDDOWN($C1591/24,0)+1,1)*INDEX($D$3:$AA$30,INDEX(Jesper!$R$2:$R$366,ROW(INDEX(Jesper!AL$2:AL$366,ROUNDDOWN($C1591/24,0)+1,1))-1)+IF('Standard Profiles'!$G$22=$B$10,7,0)+IF('Standard Profiles'!$G$22=$B$17,14,0)+IF('Standard Profiles'!$G$22=$B$24,21,0),MOD($C1591,24)+1)/SUM(INDEX($D$3:$AA$30,INDEX(Jesper!$R$2:$R$366,ROW(INDEX(Jesper!AL$2:AL$366,ROUNDDOWN($C1591/24,0)+1,1))-1)+IF('Standard Profiles'!$G$22=$B$10,7,0)+IF('Standard Profiles'!$G$22=$B$17,14,0)+IF('Standard Profiles'!$G$22=$B$24,21,0),0)),0)</f>
        <v>0</v>
      </c>
      <c r="I1591">
        <f t="shared" si="188"/>
        <v>0.24777918870085269</v>
      </c>
      <c r="J1591">
        <f t="shared" si="189"/>
        <v>0.82593062900284231</v>
      </c>
      <c r="K1591">
        <f t="shared" si="190"/>
        <v>1.2388959435042635</v>
      </c>
      <c r="L1591">
        <f t="shared" si="191"/>
        <v>5.9467005288204646</v>
      </c>
      <c r="M1591">
        <f t="shared" si="192"/>
        <v>0</v>
      </c>
      <c r="N1591" s="46">
        <f t="shared" si="193"/>
        <v>45356.874999996224</v>
      </c>
    </row>
    <row r="1592" spans="2:14" x14ac:dyDescent="0.3">
      <c r="B1592">
        <f t="shared" si="187"/>
        <v>2</v>
      </c>
      <c r="C1592" s="16">
        <v>1558</v>
      </c>
      <c r="D1592" cm="1">
        <f t="array" ref="D1592">IFERROR(INDEX(Jesper!AH$2:AH$366,ROUNDDOWN($C1592/24,0)+1,1)*INDEX($D$3:$AA$30,INDEX(Jesper!$R$2:$R$366,ROW(INDEX(Jesper!AH$2:AH$366,ROUNDDOWN($C1592/24,0)+1,1))-1)+IF('Standard Profiles'!$G$18=$B$10,7,0)+IF('Standard Profiles'!$G$18=$B$17,14,0)+IF('Standard Profiles'!$G$18=$B$24,21,0),MOD($C1592,24)+1)/SUM(INDEX($D$3:$AA$30,INDEX(Jesper!$R$2:$R$366,ROW(INDEX(Jesper!AH$2:AH$366,ROUNDDOWN($C1592/24,0)+1,1))-1)+IF('Standard Profiles'!$G$18=$B$10,7,0)+IF('Standard Profiles'!$G$18=$B$17,14,0)+IF('Standard Profiles'!$G$18=$B$24,21,0),0)),0)</f>
        <v>8.2593062900284231</v>
      </c>
      <c r="E1592" cm="1">
        <f t="array" ref="E1592">IFERROR(INDEX(Jesper!AI$2:AI$366,ROUNDDOWN($C1592/24,0)+1,1)*INDEX($D$3:$AA$30,INDEX(Jesper!$R$2:$R$366,ROW(INDEX(Jesper!AI$2:AI$366,ROUNDDOWN($C1592/24,0)+1,1))-1)+IF('Standard Profiles'!$G$19=$B$10,7,0)+IF('Standard Profiles'!$G$19=$B$17,14,0)+IF('Standard Profiles'!$G$19=$B$24,21,0),MOD($C1592,24)+1)/SUM(INDEX($D$3:$AA$30,INDEX(Jesper!$R$2:$R$366,ROW(INDEX(Jesper!AI$2:AI$366,ROUNDDOWN($C1592/24,0)+1,1))-1)+IF('Standard Profiles'!$G$19=$B$10,7,0)+IF('Standard Profiles'!$G$19=$B$17,14,0)+IF('Standard Profiles'!$G$19=$B$24,21,0),0)),0)</f>
        <v>0</v>
      </c>
      <c r="F1592" cm="1">
        <f t="array" ref="F1592">IFERROR(INDEX(Jesper!AJ$2:AJ$366,ROUNDDOWN($C1592/24,0)+1,1)*INDEX($D$3:$AA$30,INDEX(Jesper!$R$2:$R$366,ROW(INDEX(Jesper!AJ$2:AJ$366,ROUNDDOWN($C1592/24,0)+1,1))-1)+IF('Standard Profiles'!$G$20=$B$10,7,0)+IF('Standard Profiles'!$G$20=$B$17,14,0)+IF('Standard Profiles'!$G$20=$B$24,21,0),MOD($C1592,24)+1)/SUM(INDEX($D$3:$AA$30,INDEX(Jesper!$R$2:$R$366,ROW(INDEX(Jesper!AJ$2:AJ$366,ROUNDDOWN($C1592/24,0)+1,1))-1)+IF('Standard Profiles'!$G$20=$B$10,7,0)+IF('Standard Profiles'!$G$20=$B$17,14,0)+IF('Standard Profiles'!$G$20=$B$24,21,0),0)),0)</f>
        <v>0</v>
      </c>
      <c r="G1592" cm="1">
        <f t="array" ref="G1592">IFERROR(INDEX(Jesper!AK$2:AK$366,ROUNDDOWN($C1592/24,0)+1,1)*INDEX($D$3:$AA$30,INDEX(Jesper!$R$2:$R$366,ROW(INDEX(Jesper!AK$2:AK$366,ROUNDDOWN($C1592/24,0)+1,1))-1)+IF('Standard Profiles'!$G$21=$B$10,7,0)+IF('Standard Profiles'!$G$21=$B$17,14,0)+IF('Standard Profiles'!$G$21=$B$24,21,0),MOD($C1592,24)+1)/SUM(INDEX($D$3:$AA$30,INDEX(Jesper!$R$2:$R$366,ROW(INDEX(Jesper!AK$2:AK$366,ROUNDDOWN($C1592/24,0)+1,1))-1)+IF('Standard Profiles'!$G$21=$B$10,7,0)+IF('Standard Profiles'!$G$21=$B$17,14,0)+IF('Standard Profiles'!$G$21=$B$24,21,0),0)),0)</f>
        <v>0</v>
      </c>
      <c r="H1592" cm="1">
        <f t="array" ref="H1592">IFERROR(INDEX(Jesper!AL$2:AL$366,ROUNDDOWN($C1592/24,0)+1,1)*INDEX($D$3:$AA$30,INDEX(Jesper!$R$2:$R$366,ROW(INDEX(Jesper!AL$2:AL$366,ROUNDDOWN($C1592/24,0)+1,1))-1)+IF('Standard Profiles'!$G$22=$B$10,7,0)+IF('Standard Profiles'!$G$22=$B$17,14,0)+IF('Standard Profiles'!$G$22=$B$24,21,0),MOD($C1592,24)+1)/SUM(INDEX($D$3:$AA$30,INDEX(Jesper!$R$2:$R$366,ROW(INDEX(Jesper!AL$2:AL$366,ROUNDDOWN($C1592/24,0)+1,1))-1)+IF('Standard Profiles'!$G$22=$B$10,7,0)+IF('Standard Profiles'!$G$22=$B$17,14,0)+IF('Standard Profiles'!$G$22=$B$24,21,0),0)),0)</f>
        <v>0</v>
      </c>
      <c r="I1592">
        <f t="shared" si="188"/>
        <v>0.24777918870085269</v>
      </c>
      <c r="J1592">
        <f t="shared" si="189"/>
        <v>0.82593062900284231</v>
      </c>
      <c r="K1592">
        <f t="shared" si="190"/>
        <v>1.2388959435042635</v>
      </c>
      <c r="L1592">
        <f t="shared" si="191"/>
        <v>5.9467005288204646</v>
      </c>
      <c r="M1592">
        <f t="shared" si="192"/>
        <v>0</v>
      </c>
      <c r="N1592" s="46">
        <f t="shared" si="193"/>
        <v>45356.916666662888</v>
      </c>
    </row>
    <row r="1593" spans="2:14" x14ac:dyDescent="0.3">
      <c r="B1593">
        <f t="shared" si="187"/>
        <v>2</v>
      </c>
      <c r="C1593" s="16">
        <v>1559</v>
      </c>
      <c r="D1593" cm="1">
        <f t="array" ref="D1593">IFERROR(INDEX(Jesper!AH$2:AH$366,ROUNDDOWN($C1593/24,0)+1,1)*INDEX($D$3:$AA$30,INDEX(Jesper!$R$2:$R$366,ROW(INDEX(Jesper!AH$2:AH$366,ROUNDDOWN($C1593/24,0)+1,1))-1)+IF('Standard Profiles'!$G$18=$B$10,7,0)+IF('Standard Profiles'!$G$18=$B$17,14,0)+IF('Standard Profiles'!$G$18=$B$24,21,0),MOD($C1593,24)+1)/SUM(INDEX($D$3:$AA$30,INDEX(Jesper!$R$2:$R$366,ROW(INDEX(Jesper!AH$2:AH$366,ROUNDDOWN($C1593/24,0)+1,1))-1)+IF('Standard Profiles'!$G$18=$B$10,7,0)+IF('Standard Profiles'!$G$18=$B$17,14,0)+IF('Standard Profiles'!$G$18=$B$24,21,0),0)),0)</f>
        <v>8.2593062900284231</v>
      </c>
      <c r="E1593" cm="1">
        <f t="array" ref="E1593">IFERROR(INDEX(Jesper!AI$2:AI$366,ROUNDDOWN($C1593/24,0)+1,1)*INDEX($D$3:$AA$30,INDEX(Jesper!$R$2:$R$366,ROW(INDEX(Jesper!AI$2:AI$366,ROUNDDOWN($C1593/24,0)+1,1))-1)+IF('Standard Profiles'!$G$19=$B$10,7,0)+IF('Standard Profiles'!$G$19=$B$17,14,0)+IF('Standard Profiles'!$G$19=$B$24,21,0),MOD($C1593,24)+1)/SUM(INDEX($D$3:$AA$30,INDEX(Jesper!$R$2:$R$366,ROW(INDEX(Jesper!AI$2:AI$366,ROUNDDOWN($C1593/24,0)+1,1))-1)+IF('Standard Profiles'!$G$19=$B$10,7,0)+IF('Standard Profiles'!$G$19=$B$17,14,0)+IF('Standard Profiles'!$G$19=$B$24,21,0),0)),0)</f>
        <v>0</v>
      </c>
      <c r="F1593" cm="1">
        <f t="array" ref="F1593">IFERROR(INDEX(Jesper!AJ$2:AJ$366,ROUNDDOWN($C1593/24,0)+1,1)*INDEX($D$3:$AA$30,INDEX(Jesper!$R$2:$R$366,ROW(INDEX(Jesper!AJ$2:AJ$366,ROUNDDOWN($C1593/24,0)+1,1))-1)+IF('Standard Profiles'!$G$20=$B$10,7,0)+IF('Standard Profiles'!$G$20=$B$17,14,0)+IF('Standard Profiles'!$G$20=$B$24,21,0),MOD($C1593,24)+1)/SUM(INDEX($D$3:$AA$30,INDEX(Jesper!$R$2:$R$366,ROW(INDEX(Jesper!AJ$2:AJ$366,ROUNDDOWN($C1593/24,0)+1,1))-1)+IF('Standard Profiles'!$G$20=$B$10,7,0)+IF('Standard Profiles'!$G$20=$B$17,14,0)+IF('Standard Profiles'!$G$20=$B$24,21,0),0)),0)</f>
        <v>0</v>
      </c>
      <c r="G1593" cm="1">
        <f t="array" ref="G1593">IFERROR(INDEX(Jesper!AK$2:AK$366,ROUNDDOWN($C1593/24,0)+1,1)*INDEX($D$3:$AA$30,INDEX(Jesper!$R$2:$R$366,ROW(INDEX(Jesper!AK$2:AK$366,ROUNDDOWN($C1593/24,0)+1,1))-1)+IF('Standard Profiles'!$G$21=$B$10,7,0)+IF('Standard Profiles'!$G$21=$B$17,14,0)+IF('Standard Profiles'!$G$21=$B$24,21,0),MOD($C1593,24)+1)/SUM(INDEX($D$3:$AA$30,INDEX(Jesper!$R$2:$R$366,ROW(INDEX(Jesper!AK$2:AK$366,ROUNDDOWN($C1593/24,0)+1,1))-1)+IF('Standard Profiles'!$G$21=$B$10,7,0)+IF('Standard Profiles'!$G$21=$B$17,14,0)+IF('Standard Profiles'!$G$21=$B$24,21,0),0)),0)</f>
        <v>0</v>
      </c>
      <c r="H1593" cm="1">
        <f t="array" ref="H1593">IFERROR(INDEX(Jesper!AL$2:AL$366,ROUNDDOWN($C1593/24,0)+1,1)*INDEX($D$3:$AA$30,INDEX(Jesper!$R$2:$R$366,ROW(INDEX(Jesper!AL$2:AL$366,ROUNDDOWN($C1593/24,0)+1,1))-1)+IF('Standard Profiles'!$G$22=$B$10,7,0)+IF('Standard Profiles'!$G$22=$B$17,14,0)+IF('Standard Profiles'!$G$22=$B$24,21,0),MOD($C1593,24)+1)/SUM(INDEX($D$3:$AA$30,INDEX(Jesper!$R$2:$R$366,ROW(INDEX(Jesper!AL$2:AL$366,ROUNDDOWN($C1593/24,0)+1,1))-1)+IF('Standard Profiles'!$G$22=$B$10,7,0)+IF('Standard Profiles'!$G$22=$B$17,14,0)+IF('Standard Profiles'!$G$22=$B$24,21,0),0)),0)</f>
        <v>0</v>
      </c>
      <c r="I1593">
        <f t="shared" si="188"/>
        <v>0.24777918870085269</v>
      </c>
      <c r="J1593">
        <f t="shared" si="189"/>
        <v>0.82593062900284231</v>
      </c>
      <c r="K1593">
        <f t="shared" si="190"/>
        <v>1.2388959435042635</v>
      </c>
      <c r="L1593">
        <f t="shared" si="191"/>
        <v>5.9467005288204646</v>
      </c>
      <c r="M1593">
        <f t="shared" si="192"/>
        <v>0</v>
      </c>
      <c r="N1593" s="46">
        <f t="shared" si="193"/>
        <v>45356.958333329552</v>
      </c>
    </row>
    <row r="1594" spans="2:14" x14ac:dyDescent="0.3">
      <c r="B1594">
        <f t="shared" si="187"/>
        <v>3</v>
      </c>
      <c r="C1594" s="16">
        <v>1560</v>
      </c>
      <c r="D1594" cm="1">
        <f t="array" ref="D1594">IFERROR(INDEX(Jesper!AH$2:AH$366,ROUNDDOWN($C1594/24,0)+1,1)*INDEX($D$3:$AA$30,INDEX(Jesper!$R$2:$R$366,ROW(INDEX(Jesper!AH$2:AH$366,ROUNDDOWN($C1594/24,0)+1,1))-1)+IF('Standard Profiles'!$G$18=$B$10,7,0)+IF('Standard Profiles'!$G$18=$B$17,14,0)+IF('Standard Profiles'!$G$18=$B$24,21,0),MOD($C1594,24)+1)/SUM(INDEX($D$3:$AA$30,INDEX(Jesper!$R$2:$R$366,ROW(INDEX(Jesper!AH$2:AH$366,ROUNDDOWN($C1594/24,0)+1,1))-1)+IF('Standard Profiles'!$G$18=$B$10,7,0)+IF('Standard Profiles'!$G$18=$B$17,14,0)+IF('Standard Profiles'!$G$18=$B$24,21,0),0)),0)</f>
        <v>7.5117274424453822</v>
      </c>
      <c r="E1594" cm="1">
        <f t="array" ref="E1594">IFERROR(INDEX(Jesper!AI$2:AI$366,ROUNDDOWN($C1594/24,0)+1,1)*INDEX($D$3:$AA$30,INDEX(Jesper!$R$2:$R$366,ROW(INDEX(Jesper!AI$2:AI$366,ROUNDDOWN($C1594/24,0)+1,1))-1)+IF('Standard Profiles'!$G$19=$B$10,7,0)+IF('Standard Profiles'!$G$19=$B$17,14,0)+IF('Standard Profiles'!$G$19=$B$24,21,0),MOD($C1594,24)+1)/SUM(INDEX($D$3:$AA$30,INDEX(Jesper!$R$2:$R$366,ROW(INDEX(Jesper!AI$2:AI$366,ROUNDDOWN($C1594/24,0)+1,1))-1)+IF('Standard Profiles'!$G$19=$B$10,7,0)+IF('Standard Profiles'!$G$19=$B$17,14,0)+IF('Standard Profiles'!$G$19=$B$24,21,0),0)),0)</f>
        <v>0</v>
      </c>
      <c r="F1594" cm="1">
        <f t="array" ref="F1594">IFERROR(INDEX(Jesper!AJ$2:AJ$366,ROUNDDOWN($C1594/24,0)+1,1)*INDEX($D$3:$AA$30,INDEX(Jesper!$R$2:$R$366,ROW(INDEX(Jesper!AJ$2:AJ$366,ROUNDDOWN($C1594/24,0)+1,1))-1)+IF('Standard Profiles'!$G$20=$B$10,7,0)+IF('Standard Profiles'!$G$20=$B$17,14,0)+IF('Standard Profiles'!$G$20=$B$24,21,0),MOD($C1594,24)+1)/SUM(INDEX($D$3:$AA$30,INDEX(Jesper!$R$2:$R$366,ROW(INDEX(Jesper!AJ$2:AJ$366,ROUNDDOWN($C1594/24,0)+1,1))-1)+IF('Standard Profiles'!$G$20=$B$10,7,0)+IF('Standard Profiles'!$G$20=$B$17,14,0)+IF('Standard Profiles'!$G$20=$B$24,21,0),0)),0)</f>
        <v>0</v>
      </c>
      <c r="G1594" cm="1">
        <f t="array" ref="G1594">IFERROR(INDEX(Jesper!AK$2:AK$366,ROUNDDOWN($C1594/24,0)+1,1)*INDEX($D$3:$AA$30,INDEX(Jesper!$R$2:$R$366,ROW(INDEX(Jesper!AK$2:AK$366,ROUNDDOWN($C1594/24,0)+1,1))-1)+IF('Standard Profiles'!$G$21=$B$10,7,0)+IF('Standard Profiles'!$G$21=$B$17,14,0)+IF('Standard Profiles'!$G$21=$B$24,21,0),MOD($C1594,24)+1)/SUM(INDEX($D$3:$AA$30,INDEX(Jesper!$R$2:$R$366,ROW(INDEX(Jesper!AK$2:AK$366,ROUNDDOWN($C1594/24,0)+1,1))-1)+IF('Standard Profiles'!$G$21=$B$10,7,0)+IF('Standard Profiles'!$G$21=$B$17,14,0)+IF('Standard Profiles'!$G$21=$B$24,21,0),0)),0)</f>
        <v>0</v>
      </c>
      <c r="H1594" cm="1">
        <f t="array" ref="H1594">IFERROR(INDEX(Jesper!AL$2:AL$366,ROUNDDOWN($C1594/24,0)+1,1)*INDEX($D$3:$AA$30,INDEX(Jesper!$R$2:$R$366,ROW(INDEX(Jesper!AL$2:AL$366,ROUNDDOWN($C1594/24,0)+1,1))-1)+IF('Standard Profiles'!$G$22=$B$10,7,0)+IF('Standard Profiles'!$G$22=$B$17,14,0)+IF('Standard Profiles'!$G$22=$B$24,21,0),MOD($C1594,24)+1)/SUM(INDEX($D$3:$AA$30,INDEX(Jesper!$R$2:$R$366,ROW(INDEX(Jesper!AL$2:AL$366,ROUNDDOWN($C1594/24,0)+1,1))-1)+IF('Standard Profiles'!$G$22=$B$10,7,0)+IF('Standard Profiles'!$G$22=$B$17,14,0)+IF('Standard Profiles'!$G$22=$B$24,21,0),0)),0)</f>
        <v>0</v>
      </c>
      <c r="I1594">
        <f t="shared" si="188"/>
        <v>0.22535182327336145</v>
      </c>
      <c r="J1594">
        <f t="shared" si="189"/>
        <v>0.75117274424453828</v>
      </c>
      <c r="K1594">
        <f t="shared" si="190"/>
        <v>1.1267591163668074</v>
      </c>
      <c r="L1594">
        <f t="shared" si="191"/>
        <v>5.4084437585606748</v>
      </c>
      <c r="M1594">
        <f t="shared" si="192"/>
        <v>0</v>
      </c>
      <c r="N1594" s="46">
        <f t="shared" si="193"/>
        <v>45356.999999996217</v>
      </c>
    </row>
    <row r="1595" spans="2:14" x14ac:dyDescent="0.3">
      <c r="B1595">
        <f t="shared" si="187"/>
        <v>3</v>
      </c>
      <c r="C1595" s="16">
        <v>1561</v>
      </c>
      <c r="D1595" cm="1">
        <f t="array" ref="D1595">IFERROR(INDEX(Jesper!AH$2:AH$366,ROUNDDOWN($C1595/24,0)+1,1)*INDEX($D$3:$AA$30,INDEX(Jesper!$R$2:$R$366,ROW(INDEX(Jesper!AH$2:AH$366,ROUNDDOWN($C1595/24,0)+1,1))-1)+IF('Standard Profiles'!$G$18=$B$10,7,0)+IF('Standard Profiles'!$G$18=$B$17,14,0)+IF('Standard Profiles'!$G$18=$B$24,21,0),MOD($C1595,24)+1)/SUM(INDEX($D$3:$AA$30,INDEX(Jesper!$R$2:$R$366,ROW(INDEX(Jesper!AH$2:AH$366,ROUNDDOWN($C1595/24,0)+1,1))-1)+IF('Standard Profiles'!$G$18=$B$10,7,0)+IF('Standard Profiles'!$G$18=$B$17,14,0)+IF('Standard Profiles'!$G$18=$B$24,21,0),0)),0)</f>
        <v>8.4506933727510543</v>
      </c>
      <c r="E1595" cm="1">
        <f t="array" ref="E1595">IFERROR(INDEX(Jesper!AI$2:AI$366,ROUNDDOWN($C1595/24,0)+1,1)*INDEX($D$3:$AA$30,INDEX(Jesper!$R$2:$R$366,ROW(INDEX(Jesper!AI$2:AI$366,ROUNDDOWN($C1595/24,0)+1,1))-1)+IF('Standard Profiles'!$G$19=$B$10,7,0)+IF('Standard Profiles'!$G$19=$B$17,14,0)+IF('Standard Profiles'!$G$19=$B$24,21,0),MOD($C1595,24)+1)/SUM(INDEX($D$3:$AA$30,INDEX(Jesper!$R$2:$R$366,ROW(INDEX(Jesper!AI$2:AI$366,ROUNDDOWN($C1595/24,0)+1,1))-1)+IF('Standard Profiles'!$G$19=$B$10,7,0)+IF('Standard Profiles'!$G$19=$B$17,14,0)+IF('Standard Profiles'!$G$19=$B$24,21,0),0)),0)</f>
        <v>0</v>
      </c>
      <c r="F1595" cm="1">
        <f t="array" ref="F1595">IFERROR(INDEX(Jesper!AJ$2:AJ$366,ROUNDDOWN($C1595/24,0)+1,1)*INDEX($D$3:$AA$30,INDEX(Jesper!$R$2:$R$366,ROW(INDEX(Jesper!AJ$2:AJ$366,ROUNDDOWN($C1595/24,0)+1,1))-1)+IF('Standard Profiles'!$G$20=$B$10,7,0)+IF('Standard Profiles'!$G$20=$B$17,14,0)+IF('Standard Profiles'!$G$20=$B$24,21,0),MOD($C1595,24)+1)/SUM(INDEX($D$3:$AA$30,INDEX(Jesper!$R$2:$R$366,ROW(INDEX(Jesper!AJ$2:AJ$366,ROUNDDOWN($C1595/24,0)+1,1))-1)+IF('Standard Profiles'!$G$20=$B$10,7,0)+IF('Standard Profiles'!$G$20=$B$17,14,0)+IF('Standard Profiles'!$G$20=$B$24,21,0),0)),0)</f>
        <v>0</v>
      </c>
      <c r="G1595" cm="1">
        <f t="array" ref="G1595">IFERROR(INDEX(Jesper!AK$2:AK$366,ROUNDDOWN($C1595/24,0)+1,1)*INDEX($D$3:$AA$30,INDEX(Jesper!$R$2:$R$366,ROW(INDEX(Jesper!AK$2:AK$366,ROUNDDOWN($C1595/24,0)+1,1))-1)+IF('Standard Profiles'!$G$21=$B$10,7,0)+IF('Standard Profiles'!$G$21=$B$17,14,0)+IF('Standard Profiles'!$G$21=$B$24,21,0),MOD($C1595,24)+1)/SUM(INDEX($D$3:$AA$30,INDEX(Jesper!$R$2:$R$366,ROW(INDEX(Jesper!AK$2:AK$366,ROUNDDOWN($C1595/24,0)+1,1))-1)+IF('Standard Profiles'!$G$21=$B$10,7,0)+IF('Standard Profiles'!$G$21=$B$17,14,0)+IF('Standard Profiles'!$G$21=$B$24,21,0),0)),0)</f>
        <v>0</v>
      </c>
      <c r="H1595" cm="1">
        <f t="array" ref="H1595">IFERROR(INDEX(Jesper!AL$2:AL$366,ROUNDDOWN($C1595/24,0)+1,1)*INDEX($D$3:$AA$30,INDEX(Jesper!$R$2:$R$366,ROW(INDEX(Jesper!AL$2:AL$366,ROUNDDOWN($C1595/24,0)+1,1))-1)+IF('Standard Profiles'!$G$22=$B$10,7,0)+IF('Standard Profiles'!$G$22=$B$17,14,0)+IF('Standard Profiles'!$G$22=$B$24,21,0),MOD($C1595,24)+1)/SUM(INDEX($D$3:$AA$30,INDEX(Jesper!$R$2:$R$366,ROW(INDEX(Jesper!AL$2:AL$366,ROUNDDOWN($C1595/24,0)+1,1))-1)+IF('Standard Profiles'!$G$22=$B$10,7,0)+IF('Standard Profiles'!$G$22=$B$17,14,0)+IF('Standard Profiles'!$G$22=$B$24,21,0),0)),0)</f>
        <v>0</v>
      </c>
      <c r="I1595">
        <f t="shared" si="188"/>
        <v>0.25352080118253162</v>
      </c>
      <c r="J1595">
        <f t="shared" si="189"/>
        <v>0.84506933727510547</v>
      </c>
      <c r="K1595">
        <f t="shared" si="190"/>
        <v>1.2676040059126581</v>
      </c>
      <c r="L1595">
        <f t="shared" si="191"/>
        <v>6.0844992283807589</v>
      </c>
      <c r="M1595">
        <f t="shared" si="192"/>
        <v>0</v>
      </c>
      <c r="N1595" s="46">
        <f t="shared" si="193"/>
        <v>45357.041666662881</v>
      </c>
    </row>
    <row r="1596" spans="2:14" x14ac:dyDescent="0.3">
      <c r="B1596">
        <f t="shared" si="187"/>
        <v>3</v>
      </c>
      <c r="C1596" s="16">
        <v>1562</v>
      </c>
      <c r="D1596" cm="1">
        <f t="array" ref="D1596">IFERROR(INDEX(Jesper!AH$2:AH$366,ROUNDDOWN($C1596/24,0)+1,1)*INDEX($D$3:$AA$30,INDEX(Jesper!$R$2:$R$366,ROW(INDEX(Jesper!AH$2:AH$366,ROUNDDOWN($C1596/24,0)+1,1))-1)+IF('Standard Profiles'!$G$18=$B$10,7,0)+IF('Standard Profiles'!$G$18=$B$17,14,0)+IF('Standard Profiles'!$G$18=$B$24,21,0),MOD($C1596,24)+1)/SUM(INDEX($D$3:$AA$30,INDEX(Jesper!$R$2:$R$366,ROW(INDEX(Jesper!AH$2:AH$366,ROUNDDOWN($C1596/24,0)+1,1))-1)+IF('Standard Profiles'!$G$18=$B$10,7,0)+IF('Standard Profiles'!$G$18=$B$17,14,0)+IF('Standard Profiles'!$G$18=$B$24,21,0),0)),0)</f>
        <v>8.4506933727510543</v>
      </c>
      <c r="E1596" cm="1">
        <f t="array" ref="E1596">IFERROR(INDEX(Jesper!AI$2:AI$366,ROUNDDOWN($C1596/24,0)+1,1)*INDEX($D$3:$AA$30,INDEX(Jesper!$R$2:$R$366,ROW(INDEX(Jesper!AI$2:AI$366,ROUNDDOWN($C1596/24,0)+1,1))-1)+IF('Standard Profiles'!$G$19=$B$10,7,0)+IF('Standard Profiles'!$G$19=$B$17,14,0)+IF('Standard Profiles'!$G$19=$B$24,21,0),MOD($C1596,24)+1)/SUM(INDEX($D$3:$AA$30,INDEX(Jesper!$R$2:$R$366,ROW(INDEX(Jesper!AI$2:AI$366,ROUNDDOWN($C1596/24,0)+1,1))-1)+IF('Standard Profiles'!$G$19=$B$10,7,0)+IF('Standard Profiles'!$G$19=$B$17,14,0)+IF('Standard Profiles'!$G$19=$B$24,21,0),0)),0)</f>
        <v>0</v>
      </c>
      <c r="F1596" cm="1">
        <f t="array" ref="F1596">IFERROR(INDEX(Jesper!AJ$2:AJ$366,ROUNDDOWN($C1596/24,0)+1,1)*INDEX($D$3:$AA$30,INDEX(Jesper!$R$2:$R$366,ROW(INDEX(Jesper!AJ$2:AJ$366,ROUNDDOWN($C1596/24,0)+1,1))-1)+IF('Standard Profiles'!$G$20=$B$10,7,0)+IF('Standard Profiles'!$G$20=$B$17,14,0)+IF('Standard Profiles'!$G$20=$B$24,21,0),MOD($C1596,24)+1)/SUM(INDEX($D$3:$AA$30,INDEX(Jesper!$R$2:$R$366,ROW(INDEX(Jesper!AJ$2:AJ$366,ROUNDDOWN($C1596/24,0)+1,1))-1)+IF('Standard Profiles'!$G$20=$B$10,7,0)+IF('Standard Profiles'!$G$20=$B$17,14,0)+IF('Standard Profiles'!$G$20=$B$24,21,0),0)),0)</f>
        <v>0</v>
      </c>
      <c r="G1596" cm="1">
        <f t="array" ref="G1596">IFERROR(INDEX(Jesper!AK$2:AK$366,ROUNDDOWN($C1596/24,0)+1,1)*INDEX($D$3:$AA$30,INDEX(Jesper!$R$2:$R$366,ROW(INDEX(Jesper!AK$2:AK$366,ROUNDDOWN($C1596/24,0)+1,1))-1)+IF('Standard Profiles'!$G$21=$B$10,7,0)+IF('Standard Profiles'!$G$21=$B$17,14,0)+IF('Standard Profiles'!$G$21=$B$24,21,0),MOD($C1596,24)+1)/SUM(INDEX($D$3:$AA$30,INDEX(Jesper!$R$2:$R$366,ROW(INDEX(Jesper!AK$2:AK$366,ROUNDDOWN($C1596/24,0)+1,1))-1)+IF('Standard Profiles'!$G$21=$B$10,7,0)+IF('Standard Profiles'!$G$21=$B$17,14,0)+IF('Standard Profiles'!$G$21=$B$24,21,0),0)),0)</f>
        <v>0</v>
      </c>
      <c r="H1596" cm="1">
        <f t="array" ref="H1596">IFERROR(INDEX(Jesper!AL$2:AL$366,ROUNDDOWN($C1596/24,0)+1,1)*INDEX($D$3:$AA$30,INDEX(Jesper!$R$2:$R$366,ROW(INDEX(Jesper!AL$2:AL$366,ROUNDDOWN($C1596/24,0)+1,1))-1)+IF('Standard Profiles'!$G$22=$B$10,7,0)+IF('Standard Profiles'!$G$22=$B$17,14,0)+IF('Standard Profiles'!$G$22=$B$24,21,0),MOD($C1596,24)+1)/SUM(INDEX($D$3:$AA$30,INDEX(Jesper!$R$2:$R$366,ROW(INDEX(Jesper!AL$2:AL$366,ROUNDDOWN($C1596/24,0)+1,1))-1)+IF('Standard Profiles'!$G$22=$B$10,7,0)+IF('Standard Profiles'!$G$22=$B$17,14,0)+IF('Standard Profiles'!$G$22=$B$24,21,0),0)),0)</f>
        <v>0</v>
      </c>
      <c r="I1596">
        <f t="shared" si="188"/>
        <v>0.25352080118253162</v>
      </c>
      <c r="J1596">
        <f t="shared" si="189"/>
        <v>0.84506933727510547</v>
      </c>
      <c r="K1596">
        <f t="shared" si="190"/>
        <v>1.2676040059126581</v>
      </c>
      <c r="L1596">
        <f t="shared" si="191"/>
        <v>6.0844992283807589</v>
      </c>
      <c r="M1596">
        <f t="shared" si="192"/>
        <v>0</v>
      </c>
      <c r="N1596" s="46">
        <f t="shared" si="193"/>
        <v>45357.083333329545</v>
      </c>
    </row>
    <row r="1597" spans="2:14" x14ac:dyDescent="0.3">
      <c r="B1597">
        <f t="shared" si="187"/>
        <v>3</v>
      </c>
      <c r="C1597" s="16">
        <v>1563</v>
      </c>
      <c r="D1597" cm="1">
        <f t="array" ref="D1597">IFERROR(INDEX(Jesper!AH$2:AH$366,ROUNDDOWN($C1597/24,0)+1,1)*INDEX($D$3:$AA$30,INDEX(Jesper!$R$2:$R$366,ROW(INDEX(Jesper!AH$2:AH$366,ROUNDDOWN($C1597/24,0)+1,1))-1)+IF('Standard Profiles'!$G$18=$B$10,7,0)+IF('Standard Profiles'!$G$18=$B$17,14,0)+IF('Standard Profiles'!$G$18=$B$24,21,0),MOD($C1597,24)+1)/SUM(INDEX($D$3:$AA$30,INDEX(Jesper!$R$2:$R$366,ROW(INDEX(Jesper!AH$2:AH$366,ROUNDDOWN($C1597/24,0)+1,1))-1)+IF('Standard Profiles'!$G$18=$B$10,7,0)+IF('Standard Profiles'!$G$18=$B$17,14,0)+IF('Standard Profiles'!$G$18=$B$24,21,0),0)),0)</f>
        <v>8.4506933727510543</v>
      </c>
      <c r="E1597" cm="1">
        <f t="array" ref="E1597">IFERROR(INDEX(Jesper!AI$2:AI$366,ROUNDDOWN($C1597/24,0)+1,1)*INDEX($D$3:$AA$30,INDEX(Jesper!$R$2:$R$366,ROW(INDEX(Jesper!AI$2:AI$366,ROUNDDOWN($C1597/24,0)+1,1))-1)+IF('Standard Profiles'!$G$19=$B$10,7,0)+IF('Standard Profiles'!$G$19=$B$17,14,0)+IF('Standard Profiles'!$G$19=$B$24,21,0),MOD($C1597,24)+1)/SUM(INDEX($D$3:$AA$30,INDEX(Jesper!$R$2:$R$366,ROW(INDEX(Jesper!AI$2:AI$366,ROUNDDOWN($C1597/24,0)+1,1))-1)+IF('Standard Profiles'!$G$19=$B$10,7,0)+IF('Standard Profiles'!$G$19=$B$17,14,0)+IF('Standard Profiles'!$G$19=$B$24,21,0),0)),0)</f>
        <v>0</v>
      </c>
      <c r="F1597" cm="1">
        <f t="array" ref="F1597">IFERROR(INDEX(Jesper!AJ$2:AJ$366,ROUNDDOWN($C1597/24,0)+1,1)*INDEX($D$3:$AA$30,INDEX(Jesper!$R$2:$R$366,ROW(INDEX(Jesper!AJ$2:AJ$366,ROUNDDOWN($C1597/24,0)+1,1))-1)+IF('Standard Profiles'!$G$20=$B$10,7,0)+IF('Standard Profiles'!$G$20=$B$17,14,0)+IF('Standard Profiles'!$G$20=$B$24,21,0),MOD($C1597,24)+1)/SUM(INDEX($D$3:$AA$30,INDEX(Jesper!$R$2:$R$366,ROW(INDEX(Jesper!AJ$2:AJ$366,ROUNDDOWN($C1597/24,0)+1,1))-1)+IF('Standard Profiles'!$G$20=$B$10,7,0)+IF('Standard Profiles'!$G$20=$B$17,14,0)+IF('Standard Profiles'!$G$20=$B$24,21,0),0)),0)</f>
        <v>0</v>
      </c>
      <c r="G1597" cm="1">
        <f t="array" ref="G1597">IFERROR(INDEX(Jesper!AK$2:AK$366,ROUNDDOWN($C1597/24,0)+1,1)*INDEX($D$3:$AA$30,INDEX(Jesper!$R$2:$R$366,ROW(INDEX(Jesper!AK$2:AK$366,ROUNDDOWN($C1597/24,0)+1,1))-1)+IF('Standard Profiles'!$G$21=$B$10,7,0)+IF('Standard Profiles'!$G$21=$B$17,14,0)+IF('Standard Profiles'!$G$21=$B$24,21,0),MOD($C1597,24)+1)/SUM(INDEX($D$3:$AA$30,INDEX(Jesper!$R$2:$R$366,ROW(INDEX(Jesper!AK$2:AK$366,ROUNDDOWN($C1597/24,0)+1,1))-1)+IF('Standard Profiles'!$G$21=$B$10,7,0)+IF('Standard Profiles'!$G$21=$B$17,14,0)+IF('Standard Profiles'!$G$21=$B$24,21,0),0)),0)</f>
        <v>0</v>
      </c>
      <c r="H1597" cm="1">
        <f t="array" ref="H1597">IFERROR(INDEX(Jesper!AL$2:AL$366,ROUNDDOWN($C1597/24,0)+1,1)*INDEX($D$3:$AA$30,INDEX(Jesper!$R$2:$R$366,ROW(INDEX(Jesper!AL$2:AL$366,ROUNDDOWN($C1597/24,0)+1,1))-1)+IF('Standard Profiles'!$G$22=$B$10,7,0)+IF('Standard Profiles'!$G$22=$B$17,14,0)+IF('Standard Profiles'!$G$22=$B$24,21,0),MOD($C1597,24)+1)/SUM(INDEX($D$3:$AA$30,INDEX(Jesper!$R$2:$R$366,ROW(INDEX(Jesper!AL$2:AL$366,ROUNDDOWN($C1597/24,0)+1,1))-1)+IF('Standard Profiles'!$G$22=$B$10,7,0)+IF('Standard Profiles'!$G$22=$B$17,14,0)+IF('Standard Profiles'!$G$22=$B$24,21,0),0)),0)</f>
        <v>0</v>
      </c>
      <c r="I1597">
        <f t="shared" si="188"/>
        <v>0.25352080118253162</v>
      </c>
      <c r="J1597">
        <f t="shared" si="189"/>
        <v>0.84506933727510547</v>
      </c>
      <c r="K1597">
        <f t="shared" si="190"/>
        <v>1.2676040059126581</v>
      </c>
      <c r="L1597">
        <f t="shared" si="191"/>
        <v>6.0844992283807589</v>
      </c>
      <c r="M1597">
        <f t="shared" si="192"/>
        <v>0</v>
      </c>
      <c r="N1597" s="46">
        <f t="shared" si="193"/>
        <v>45357.124999996209</v>
      </c>
    </row>
    <row r="1598" spans="2:14" x14ac:dyDescent="0.3">
      <c r="B1598">
        <f t="shared" si="187"/>
        <v>3</v>
      </c>
      <c r="C1598" s="16">
        <v>1564</v>
      </c>
      <c r="D1598" cm="1">
        <f t="array" ref="D1598">IFERROR(INDEX(Jesper!AH$2:AH$366,ROUNDDOWN($C1598/24,0)+1,1)*INDEX($D$3:$AA$30,INDEX(Jesper!$R$2:$R$366,ROW(INDEX(Jesper!AH$2:AH$366,ROUNDDOWN($C1598/24,0)+1,1))-1)+IF('Standard Profiles'!$G$18=$B$10,7,0)+IF('Standard Profiles'!$G$18=$B$17,14,0)+IF('Standard Profiles'!$G$18=$B$24,21,0),MOD($C1598,24)+1)/SUM(INDEX($D$3:$AA$30,INDEX(Jesper!$R$2:$R$366,ROW(INDEX(Jesper!AH$2:AH$366,ROUNDDOWN($C1598/24,0)+1,1))-1)+IF('Standard Profiles'!$G$18=$B$10,7,0)+IF('Standard Profiles'!$G$18=$B$17,14,0)+IF('Standard Profiles'!$G$18=$B$24,21,0),0)),0)</f>
        <v>8.4506933727510543</v>
      </c>
      <c r="E1598" cm="1">
        <f t="array" ref="E1598">IFERROR(INDEX(Jesper!AI$2:AI$366,ROUNDDOWN($C1598/24,0)+1,1)*INDEX($D$3:$AA$30,INDEX(Jesper!$R$2:$R$366,ROW(INDEX(Jesper!AI$2:AI$366,ROUNDDOWN($C1598/24,0)+1,1))-1)+IF('Standard Profiles'!$G$19=$B$10,7,0)+IF('Standard Profiles'!$G$19=$B$17,14,0)+IF('Standard Profiles'!$G$19=$B$24,21,0),MOD($C1598,24)+1)/SUM(INDEX($D$3:$AA$30,INDEX(Jesper!$R$2:$R$366,ROW(INDEX(Jesper!AI$2:AI$366,ROUNDDOWN($C1598/24,0)+1,1))-1)+IF('Standard Profiles'!$G$19=$B$10,7,0)+IF('Standard Profiles'!$G$19=$B$17,14,0)+IF('Standard Profiles'!$G$19=$B$24,21,0),0)),0)</f>
        <v>0</v>
      </c>
      <c r="F1598" cm="1">
        <f t="array" ref="F1598">IFERROR(INDEX(Jesper!AJ$2:AJ$366,ROUNDDOWN($C1598/24,0)+1,1)*INDEX($D$3:$AA$30,INDEX(Jesper!$R$2:$R$366,ROW(INDEX(Jesper!AJ$2:AJ$366,ROUNDDOWN($C1598/24,0)+1,1))-1)+IF('Standard Profiles'!$G$20=$B$10,7,0)+IF('Standard Profiles'!$G$20=$B$17,14,0)+IF('Standard Profiles'!$G$20=$B$24,21,0),MOD($C1598,24)+1)/SUM(INDEX($D$3:$AA$30,INDEX(Jesper!$R$2:$R$366,ROW(INDEX(Jesper!AJ$2:AJ$366,ROUNDDOWN($C1598/24,0)+1,1))-1)+IF('Standard Profiles'!$G$20=$B$10,7,0)+IF('Standard Profiles'!$G$20=$B$17,14,0)+IF('Standard Profiles'!$G$20=$B$24,21,0),0)),0)</f>
        <v>0</v>
      </c>
      <c r="G1598" cm="1">
        <f t="array" ref="G1598">IFERROR(INDEX(Jesper!AK$2:AK$366,ROUNDDOWN($C1598/24,0)+1,1)*INDEX($D$3:$AA$30,INDEX(Jesper!$R$2:$R$366,ROW(INDEX(Jesper!AK$2:AK$366,ROUNDDOWN($C1598/24,0)+1,1))-1)+IF('Standard Profiles'!$G$21=$B$10,7,0)+IF('Standard Profiles'!$G$21=$B$17,14,0)+IF('Standard Profiles'!$G$21=$B$24,21,0),MOD($C1598,24)+1)/SUM(INDEX($D$3:$AA$30,INDEX(Jesper!$R$2:$R$366,ROW(INDEX(Jesper!AK$2:AK$366,ROUNDDOWN($C1598/24,0)+1,1))-1)+IF('Standard Profiles'!$G$21=$B$10,7,0)+IF('Standard Profiles'!$G$21=$B$17,14,0)+IF('Standard Profiles'!$G$21=$B$24,21,0),0)),0)</f>
        <v>0</v>
      </c>
      <c r="H1598" cm="1">
        <f t="array" ref="H1598">IFERROR(INDEX(Jesper!AL$2:AL$366,ROUNDDOWN($C1598/24,0)+1,1)*INDEX($D$3:$AA$30,INDEX(Jesper!$R$2:$R$366,ROW(INDEX(Jesper!AL$2:AL$366,ROUNDDOWN($C1598/24,0)+1,1))-1)+IF('Standard Profiles'!$G$22=$B$10,7,0)+IF('Standard Profiles'!$G$22=$B$17,14,0)+IF('Standard Profiles'!$G$22=$B$24,21,0),MOD($C1598,24)+1)/SUM(INDEX($D$3:$AA$30,INDEX(Jesper!$R$2:$R$366,ROW(INDEX(Jesper!AL$2:AL$366,ROUNDDOWN($C1598/24,0)+1,1))-1)+IF('Standard Profiles'!$G$22=$B$10,7,0)+IF('Standard Profiles'!$G$22=$B$17,14,0)+IF('Standard Profiles'!$G$22=$B$24,21,0),0)),0)</f>
        <v>0</v>
      </c>
      <c r="I1598">
        <f t="shared" si="188"/>
        <v>0.25352080118253162</v>
      </c>
      <c r="J1598">
        <f t="shared" si="189"/>
        <v>0.84506933727510547</v>
      </c>
      <c r="K1598">
        <f t="shared" si="190"/>
        <v>1.2676040059126581</v>
      </c>
      <c r="L1598">
        <f t="shared" si="191"/>
        <v>6.0844992283807589</v>
      </c>
      <c r="M1598">
        <f t="shared" si="192"/>
        <v>0</v>
      </c>
      <c r="N1598" s="46">
        <f t="shared" si="193"/>
        <v>45357.166666662873</v>
      </c>
    </row>
    <row r="1599" spans="2:14" x14ac:dyDescent="0.3">
      <c r="B1599">
        <f t="shared" si="187"/>
        <v>3</v>
      </c>
      <c r="C1599" s="16">
        <v>1565</v>
      </c>
      <c r="D1599" cm="1">
        <f t="array" ref="D1599">IFERROR(INDEX(Jesper!AH$2:AH$366,ROUNDDOWN($C1599/24,0)+1,1)*INDEX($D$3:$AA$30,INDEX(Jesper!$R$2:$R$366,ROW(INDEX(Jesper!AH$2:AH$366,ROUNDDOWN($C1599/24,0)+1,1))-1)+IF('Standard Profiles'!$G$18=$B$10,7,0)+IF('Standard Profiles'!$G$18=$B$17,14,0)+IF('Standard Profiles'!$G$18=$B$24,21,0),MOD($C1599,24)+1)/SUM(INDEX($D$3:$AA$30,INDEX(Jesper!$R$2:$R$366,ROW(INDEX(Jesper!AH$2:AH$366,ROUNDDOWN($C1599/24,0)+1,1))-1)+IF('Standard Profiles'!$G$18=$B$10,7,0)+IF('Standard Profiles'!$G$18=$B$17,14,0)+IF('Standard Profiles'!$G$18=$B$24,21,0),0)),0)</f>
        <v>10.892004791545803</v>
      </c>
      <c r="E1599" cm="1">
        <f t="array" ref="E1599">IFERROR(INDEX(Jesper!AI$2:AI$366,ROUNDDOWN($C1599/24,0)+1,1)*INDEX($D$3:$AA$30,INDEX(Jesper!$R$2:$R$366,ROW(INDEX(Jesper!AI$2:AI$366,ROUNDDOWN($C1599/24,0)+1,1))-1)+IF('Standard Profiles'!$G$19=$B$10,7,0)+IF('Standard Profiles'!$G$19=$B$17,14,0)+IF('Standard Profiles'!$G$19=$B$24,21,0),MOD($C1599,24)+1)/SUM(INDEX($D$3:$AA$30,INDEX(Jesper!$R$2:$R$366,ROW(INDEX(Jesper!AI$2:AI$366,ROUNDDOWN($C1599/24,0)+1,1))-1)+IF('Standard Profiles'!$G$19=$B$10,7,0)+IF('Standard Profiles'!$G$19=$B$17,14,0)+IF('Standard Profiles'!$G$19=$B$24,21,0),0)),0)</f>
        <v>0</v>
      </c>
      <c r="F1599" cm="1">
        <f t="array" ref="F1599">IFERROR(INDEX(Jesper!AJ$2:AJ$366,ROUNDDOWN($C1599/24,0)+1,1)*INDEX($D$3:$AA$30,INDEX(Jesper!$R$2:$R$366,ROW(INDEX(Jesper!AJ$2:AJ$366,ROUNDDOWN($C1599/24,0)+1,1))-1)+IF('Standard Profiles'!$G$20=$B$10,7,0)+IF('Standard Profiles'!$G$20=$B$17,14,0)+IF('Standard Profiles'!$G$20=$B$24,21,0),MOD($C1599,24)+1)/SUM(INDEX($D$3:$AA$30,INDEX(Jesper!$R$2:$R$366,ROW(INDEX(Jesper!AJ$2:AJ$366,ROUNDDOWN($C1599/24,0)+1,1))-1)+IF('Standard Profiles'!$G$20=$B$10,7,0)+IF('Standard Profiles'!$G$20=$B$17,14,0)+IF('Standard Profiles'!$G$20=$B$24,21,0),0)),0)</f>
        <v>0</v>
      </c>
      <c r="G1599" cm="1">
        <f t="array" ref="G1599">IFERROR(INDEX(Jesper!AK$2:AK$366,ROUNDDOWN($C1599/24,0)+1,1)*INDEX($D$3:$AA$30,INDEX(Jesper!$R$2:$R$366,ROW(INDEX(Jesper!AK$2:AK$366,ROUNDDOWN($C1599/24,0)+1,1))-1)+IF('Standard Profiles'!$G$21=$B$10,7,0)+IF('Standard Profiles'!$G$21=$B$17,14,0)+IF('Standard Profiles'!$G$21=$B$24,21,0),MOD($C1599,24)+1)/SUM(INDEX($D$3:$AA$30,INDEX(Jesper!$R$2:$R$366,ROW(INDEX(Jesper!AK$2:AK$366,ROUNDDOWN($C1599/24,0)+1,1))-1)+IF('Standard Profiles'!$G$21=$B$10,7,0)+IF('Standard Profiles'!$G$21=$B$17,14,0)+IF('Standard Profiles'!$G$21=$B$24,21,0),0)),0)</f>
        <v>0</v>
      </c>
      <c r="H1599" cm="1">
        <f t="array" ref="H1599">IFERROR(INDEX(Jesper!AL$2:AL$366,ROUNDDOWN($C1599/24,0)+1,1)*INDEX($D$3:$AA$30,INDEX(Jesper!$R$2:$R$366,ROW(INDEX(Jesper!AL$2:AL$366,ROUNDDOWN($C1599/24,0)+1,1))-1)+IF('Standard Profiles'!$G$22=$B$10,7,0)+IF('Standard Profiles'!$G$22=$B$17,14,0)+IF('Standard Profiles'!$G$22=$B$24,21,0),MOD($C1599,24)+1)/SUM(INDEX($D$3:$AA$30,INDEX(Jesper!$R$2:$R$366,ROW(INDEX(Jesper!AL$2:AL$366,ROUNDDOWN($C1599/24,0)+1,1))-1)+IF('Standard Profiles'!$G$22=$B$10,7,0)+IF('Standard Profiles'!$G$22=$B$17,14,0)+IF('Standard Profiles'!$G$22=$B$24,21,0),0)),0)</f>
        <v>0</v>
      </c>
      <c r="I1599">
        <f t="shared" si="188"/>
        <v>0.32676014374637408</v>
      </c>
      <c r="J1599">
        <f t="shared" si="189"/>
        <v>1.0892004791545804</v>
      </c>
      <c r="K1599">
        <f t="shared" si="190"/>
        <v>1.6338007187318704</v>
      </c>
      <c r="L1599">
        <f t="shared" si="191"/>
        <v>7.8422434499129778</v>
      </c>
      <c r="M1599">
        <f t="shared" si="192"/>
        <v>0</v>
      </c>
      <c r="N1599" s="46">
        <f t="shared" si="193"/>
        <v>45357.208333329538</v>
      </c>
    </row>
    <row r="1600" spans="2:14" x14ac:dyDescent="0.3">
      <c r="B1600">
        <f t="shared" si="187"/>
        <v>3</v>
      </c>
      <c r="C1600" s="16">
        <v>1566</v>
      </c>
      <c r="D1600" cm="1">
        <f t="array" ref="D1600">IFERROR(INDEX(Jesper!AH$2:AH$366,ROUNDDOWN($C1600/24,0)+1,1)*INDEX($D$3:$AA$30,INDEX(Jesper!$R$2:$R$366,ROW(INDEX(Jesper!AH$2:AH$366,ROUNDDOWN($C1600/24,0)+1,1))-1)+IF('Standard Profiles'!$G$18=$B$10,7,0)+IF('Standard Profiles'!$G$18=$B$17,14,0)+IF('Standard Profiles'!$G$18=$B$24,21,0),MOD($C1600,24)+1)/SUM(INDEX($D$3:$AA$30,INDEX(Jesper!$R$2:$R$366,ROW(INDEX(Jesper!AH$2:AH$366,ROUNDDOWN($C1600/24,0)+1,1))-1)+IF('Standard Profiles'!$G$18=$B$10,7,0)+IF('Standard Profiles'!$G$18=$B$17,14,0)+IF('Standard Profiles'!$G$18=$B$24,21,0),0)),0)</f>
        <v>12.582143466096015</v>
      </c>
      <c r="E1600" cm="1">
        <f t="array" ref="E1600">IFERROR(INDEX(Jesper!AI$2:AI$366,ROUNDDOWN($C1600/24,0)+1,1)*INDEX($D$3:$AA$30,INDEX(Jesper!$R$2:$R$366,ROW(INDEX(Jesper!AI$2:AI$366,ROUNDDOWN($C1600/24,0)+1,1))-1)+IF('Standard Profiles'!$G$19=$B$10,7,0)+IF('Standard Profiles'!$G$19=$B$17,14,0)+IF('Standard Profiles'!$G$19=$B$24,21,0),MOD($C1600,24)+1)/SUM(INDEX($D$3:$AA$30,INDEX(Jesper!$R$2:$R$366,ROW(INDEX(Jesper!AI$2:AI$366,ROUNDDOWN($C1600/24,0)+1,1))-1)+IF('Standard Profiles'!$G$19=$B$10,7,0)+IF('Standard Profiles'!$G$19=$B$17,14,0)+IF('Standard Profiles'!$G$19=$B$24,21,0),0)),0)</f>
        <v>0</v>
      </c>
      <c r="F1600" cm="1">
        <f t="array" ref="F1600">IFERROR(INDEX(Jesper!AJ$2:AJ$366,ROUNDDOWN($C1600/24,0)+1,1)*INDEX($D$3:$AA$30,INDEX(Jesper!$R$2:$R$366,ROW(INDEX(Jesper!AJ$2:AJ$366,ROUNDDOWN($C1600/24,0)+1,1))-1)+IF('Standard Profiles'!$G$20=$B$10,7,0)+IF('Standard Profiles'!$G$20=$B$17,14,0)+IF('Standard Profiles'!$G$20=$B$24,21,0),MOD($C1600,24)+1)/SUM(INDEX($D$3:$AA$30,INDEX(Jesper!$R$2:$R$366,ROW(INDEX(Jesper!AJ$2:AJ$366,ROUNDDOWN($C1600/24,0)+1,1))-1)+IF('Standard Profiles'!$G$20=$B$10,7,0)+IF('Standard Profiles'!$G$20=$B$17,14,0)+IF('Standard Profiles'!$G$20=$B$24,21,0),0)),0)</f>
        <v>0</v>
      </c>
      <c r="G1600" cm="1">
        <f t="array" ref="G1600">IFERROR(INDEX(Jesper!AK$2:AK$366,ROUNDDOWN($C1600/24,0)+1,1)*INDEX($D$3:$AA$30,INDEX(Jesper!$R$2:$R$366,ROW(INDEX(Jesper!AK$2:AK$366,ROUNDDOWN($C1600/24,0)+1,1))-1)+IF('Standard Profiles'!$G$21=$B$10,7,0)+IF('Standard Profiles'!$G$21=$B$17,14,0)+IF('Standard Profiles'!$G$21=$B$24,21,0),MOD($C1600,24)+1)/SUM(INDEX($D$3:$AA$30,INDEX(Jesper!$R$2:$R$366,ROW(INDEX(Jesper!AK$2:AK$366,ROUNDDOWN($C1600/24,0)+1,1))-1)+IF('Standard Profiles'!$G$21=$B$10,7,0)+IF('Standard Profiles'!$G$21=$B$17,14,0)+IF('Standard Profiles'!$G$21=$B$24,21,0),0)),0)</f>
        <v>0</v>
      </c>
      <c r="H1600" cm="1">
        <f t="array" ref="H1600">IFERROR(INDEX(Jesper!AL$2:AL$366,ROUNDDOWN($C1600/24,0)+1,1)*INDEX($D$3:$AA$30,INDEX(Jesper!$R$2:$R$366,ROW(INDEX(Jesper!AL$2:AL$366,ROUNDDOWN($C1600/24,0)+1,1))-1)+IF('Standard Profiles'!$G$22=$B$10,7,0)+IF('Standard Profiles'!$G$22=$B$17,14,0)+IF('Standard Profiles'!$G$22=$B$24,21,0),MOD($C1600,24)+1)/SUM(INDEX($D$3:$AA$30,INDEX(Jesper!$R$2:$R$366,ROW(INDEX(Jesper!AL$2:AL$366,ROUNDDOWN($C1600/24,0)+1,1))-1)+IF('Standard Profiles'!$G$22=$B$10,7,0)+IF('Standard Profiles'!$G$22=$B$17,14,0)+IF('Standard Profiles'!$G$22=$B$24,21,0),0)),0)</f>
        <v>0</v>
      </c>
      <c r="I1600">
        <f t="shared" si="188"/>
        <v>0.37746430398288044</v>
      </c>
      <c r="J1600">
        <f t="shared" si="189"/>
        <v>1.2582143466096016</v>
      </c>
      <c r="K1600">
        <f t="shared" si="190"/>
        <v>1.8873215199144022</v>
      </c>
      <c r="L1600">
        <f t="shared" si="191"/>
        <v>9.0591432955891307</v>
      </c>
      <c r="M1600">
        <f t="shared" si="192"/>
        <v>0</v>
      </c>
      <c r="N1600" s="46">
        <f t="shared" si="193"/>
        <v>45357.249999996202</v>
      </c>
    </row>
    <row r="1601" spans="2:14" x14ac:dyDescent="0.3">
      <c r="B1601">
        <f t="shared" si="187"/>
        <v>3</v>
      </c>
      <c r="C1601" s="16">
        <v>1567</v>
      </c>
      <c r="D1601" cm="1">
        <f t="array" ref="D1601">IFERROR(INDEX(Jesper!AH$2:AH$366,ROUNDDOWN($C1601/24,0)+1,1)*INDEX($D$3:$AA$30,INDEX(Jesper!$R$2:$R$366,ROW(INDEX(Jesper!AH$2:AH$366,ROUNDDOWN($C1601/24,0)+1,1))-1)+IF('Standard Profiles'!$G$18=$B$10,7,0)+IF('Standard Profiles'!$G$18=$B$17,14,0)+IF('Standard Profiles'!$G$18=$B$24,21,0),MOD($C1601,24)+1)/SUM(INDEX($D$3:$AA$30,INDEX(Jesper!$R$2:$R$366,ROW(INDEX(Jesper!AH$2:AH$366,ROUNDDOWN($C1601/24,0)+1,1))-1)+IF('Standard Profiles'!$G$18=$B$10,7,0)+IF('Standard Profiles'!$G$18=$B$17,14,0)+IF('Standard Profiles'!$G$18=$B$24,21,0),0)),0)</f>
        <v>12.582143466096015</v>
      </c>
      <c r="E1601" cm="1">
        <f t="array" ref="E1601">IFERROR(INDEX(Jesper!AI$2:AI$366,ROUNDDOWN($C1601/24,0)+1,1)*INDEX($D$3:$AA$30,INDEX(Jesper!$R$2:$R$366,ROW(INDEX(Jesper!AI$2:AI$366,ROUNDDOWN($C1601/24,0)+1,1))-1)+IF('Standard Profiles'!$G$19=$B$10,7,0)+IF('Standard Profiles'!$G$19=$B$17,14,0)+IF('Standard Profiles'!$G$19=$B$24,21,0),MOD($C1601,24)+1)/SUM(INDEX($D$3:$AA$30,INDEX(Jesper!$R$2:$R$366,ROW(INDEX(Jesper!AI$2:AI$366,ROUNDDOWN($C1601/24,0)+1,1))-1)+IF('Standard Profiles'!$G$19=$B$10,7,0)+IF('Standard Profiles'!$G$19=$B$17,14,0)+IF('Standard Profiles'!$G$19=$B$24,21,0),0)),0)</f>
        <v>0</v>
      </c>
      <c r="F1601" cm="1">
        <f t="array" ref="F1601">IFERROR(INDEX(Jesper!AJ$2:AJ$366,ROUNDDOWN($C1601/24,0)+1,1)*INDEX($D$3:$AA$30,INDEX(Jesper!$R$2:$R$366,ROW(INDEX(Jesper!AJ$2:AJ$366,ROUNDDOWN($C1601/24,0)+1,1))-1)+IF('Standard Profiles'!$G$20=$B$10,7,0)+IF('Standard Profiles'!$G$20=$B$17,14,0)+IF('Standard Profiles'!$G$20=$B$24,21,0),MOD($C1601,24)+1)/SUM(INDEX($D$3:$AA$30,INDEX(Jesper!$R$2:$R$366,ROW(INDEX(Jesper!AJ$2:AJ$366,ROUNDDOWN($C1601/24,0)+1,1))-1)+IF('Standard Profiles'!$G$20=$B$10,7,0)+IF('Standard Profiles'!$G$20=$B$17,14,0)+IF('Standard Profiles'!$G$20=$B$24,21,0),0)),0)</f>
        <v>0</v>
      </c>
      <c r="G1601" cm="1">
        <f t="array" ref="G1601">IFERROR(INDEX(Jesper!AK$2:AK$366,ROUNDDOWN($C1601/24,0)+1,1)*INDEX($D$3:$AA$30,INDEX(Jesper!$R$2:$R$366,ROW(INDEX(Jesper!AK$2:AK$366,ROUNDDOWN($C1601/24,0)+1,1))-1)+IF('Standard Profiles'!$G$21=$B$10,7,0)+IF('Standard Profiles'!$G$21=$B$17,14,0)+IF('Standard Profiles'!$G$21=$B$24,21,0),MOD($C1601,24)+1)/SUM(INDEX($D$3:$AA$30,INDEX(Jesper!$R$2:$R$366,ROW(INDEX(Jesper!AK$2:AK$366,ROUNDDOWN($C1601/24,0)+1,1))-1)+IF('Standard Profiles'!$G$21=$B$10,7,0)+IF('Standard Profiles'!$G$21=$B$17,14,0)+IF('Standard Profiles'!$G$21=$B$24,21,0),0)),0)</f>
        <v>0</v>
      </c>
      <c r="H1601" cm="1">
        <f t="array" ref="H1601">IFERROR(INDEX(Jesper!AL$2:AL$366,ROUNDDOWN($C1601/24,0)+1,1)*INDEX($D$3:$AA$30,INDEX(Jesper!$R$2:$R$366,ROW(INDEX(Jesper!AL$2:AL$366,ROUNDDOWN($C1601/24,0)+1,1))-1)+IF('Standard Profiles'!$G$22=$B$10,7,0)+IF('Standard Profiles'!$G$22=$B$17,14,0)+IF('Standard Profiles'!$G$22=$B$24,21,0),MOD($C1601,24)+1)/SUM(INDEX($D$3:$AA$30,INDEX(Jesper!$R$2:$R$366,ROW(INDEX(Jesper!AL$2:AL$366,ROUNDDOWN($C1601/24,0)+1,1))-1)+IF('Standard Profiles'!$G$22=$B$10,7,0)+IF('Standard Profiles'!$G$22=$B$17,14,0)+IF('Standard Profiles'!$G$22=$B$24,21,0),0)),0)</f>
        <v>0</v>
      </c>
      <c r="I1601">
        <f t="shared" si="188"/>
        <v>0.37746430398288044</v>
      </c>
      <c r="J1601">
        <f t="shared" si="189"/>
        <v>1.2582143466096016</v>
      </c>
      <c r="K1601">
        <f t="shared" si="190"/>
        <v>1.8873215199144022</v>
      </c>
      <c r="L1601">
        <f t="shared" si="191"/>
        <v>9.0591432955891307</v>
      </c>
      <c r="M1601">
        <f t="shared" si="192"/>
        <v>0</v>
      </c>
      <c r="N1601" s="46">
        <f t="shared" si="193"/>
        <v>45357.291666662866</v>
      </c>
    </row>
    <row r="1602" spans="2:14" x14ac:dyDescent="0.3">
      <c r="B1602">
        <f t="shared" si="187"/>
        <v>3</v>
      </c>
      <c r="C1602" s="16">
        <v>1568</v>
      </c>
      <c r="D1602" cm="1">
        <f t="array" ref="D1602">IFERROR(INDEX(Jesper!AH$2:AH$366,ROUNDDOWN($C1602/24,0)+1,1)*INDEX($D$3:$AA$30,INDEX(Jesper!$R$2:$R$366,ROW(INDEX(Jesper!AH$2:AH$366,ROUNDDOWN($C1602/24,0)+1,1))-1)+IF('Standard Profiles'!$G$18=$B$10,7,0)+IF('Standard Profiles'!$G$18=$B$17,14,0)+IF('Standard Profiles'!$G$18=$B$24,21,0),MOD($C1602,24)+1)/SUM(INDEX($D$3:$AA$30,INDEX(Jesper!$R$2:$R$366,ROW(INDEX(Jesper!AH$2:AH$366,ROUNDDOWN($C1602/24,0)+1,1))-1)+IF('Standard Profiles'!$G$18=$B$10,7,0)+IF('Standard Profiles'!$G$18=$B$17,14,0)+IF('Standard Profiles'!$G$18=$B$24,21,0),0)),0)</f>
        <v>12.582143466096015</v>
      </c>
      <c r="E1602" cm="1">
        <f t="array" ref="E1602">IFERROR(INDEX(Jesper!AI$2:AI$366,ROUNDDOWN($C1602/24,0)+1,1)*INDEX($D$3:$AA$30,INDEX(Jesper!$R$2:$R$366,ROW(INDEX(Jesper!AI$2:AI$366,ROUNDDOWN($C1602/24,0)+1,1))-1)+IF('Standard Profiles'!$G$19=$B$10,7,0)+IF('Standard Profiles'!$G$19=$B$17,14,0)+IF('Standard Profiles'!$G$19=$B$24,21,0),MOD($C1602,24)+1)/SUM(INDEX($D$3:$AA$30,INDEX(Jesper!$R$2:$R$366,ROW(INDEX(Jesper!AI$2:AI$366,ROUNDDOWN($C1602/24,0)+1,1))-1)+IF('Standard Profiles'!$G$19=$B$10,7,0)+IF('Standard Profiles'!$G$19=$B$17,14,0)+IF('Standard Profiles'!$G$19=$B$24,21,0),0)),0)</f>
        <v>0</v>
      </c>
      <c r="F1602" cm="1">
        <f t="array" ref="F1602">IFERROR(INDEX(Jesper!AJ$2:AJ$366,ROUNDDOWN($C1602/24,0)+1,1)*INDEX($D$3:$AA$30,INDEX(Jesper!$R$2:$R$366,ROW(INDEX(Jesper!AJ$2:AJ$366,ROUNDDOWN($C1602/24,0)+1,1))-1)+IF('Standard Profiles'!$G$20=$B$10,7,0)+IF('Standard Profiles'!$G$20=$B$17,14,0)+IF('Standard Profiles'!$G$20=$B$24,21,0),MOD($C1602,24)+1)/SUM(INDEX($D$3:$AA$30,INDEX(Jesper!$R$2:$R$366,ROW(INDEX(Jesper!AJ$2:AJ$366,ROUNDDOWN($C1602/24,0)+1,1))-1)+IF('Standard Profiles'!$G$20=$B$10,7,0)+IF('Standard Profiles'!$G$20=$B$17,14,0)+IF('Standard Profiles'!$G$20=$B$24,21,0),0)),0)</f>
        <v>0</v>
      </c>
      <c r="G1602" cm="1">
        <f t="array" ref="G1602">IFERROR(INDEX(Jesper!AK$2:AK$366,ROUNDDOWN($C1602/24,0)+1,1)*INDEX($D$3:$AA$30,INDEX(Jesper!$R$2:$R$366,ROW(INDEX(Jesper!AK$2:AK$366,ROUNDDOWN($C1602/24,0)+1,1))-1)+IF('Standard Profiles'!$G$21=$B$10,7,0)+IF('Standard Profiles'!$G$21=$B$17,14,0)+IF('Standard Profiles'!$G$21=$B$24,21,0),MOD($C1602,24)+1)/SUM(INDEX($D$3:$AA$30,INDEX(Jesper!$R$2:$R$366,ROW(INDEX(Jesper!AK$2:AK$366,ROUNDDOWN($C1602/24,0)+1,1))-1)+IF('Standard Profiles'!$G$21=$B$10,7,0)+IF('Standard Profiles'!$G$21=$B$17,14,0)+IF('Standard Profiles'!$G$21=$B$24,21,0),0)),0)</f>
        <v>0</v>
      </c>
      <c r="H1602" cm="1">
        <f t="array" ref="H1602">IFERROR(INDEX(Jesper!AL$2:AL$366,ROUNDDOWN($C1602/24,0)+1,1)*INDEX($D$3:$AA$30,INDEX(Jesper!$R$2:$R$366,ROW(INDEX(Jesper!AL$2:AL$366,ROUNDDOWN($C1602/24,0)+1,1))-1)+IF('Standard Profiles'!$G$22=$B$10,7,0)+IF('Standard Profiles'!$G$22=$B$17,14,0)+IF('Standard Profiles'!$G$22=$B$24,21,0),MOD($C1602,24)+1)/SUM(INDEX($D$3:$AA$30,INDEX(Jesper!$R$2:$R$366,ROW(INDEX(Jesper!AL$2:AL$366,ROUNDDOWN($C1602/24,0)+1,1))-1)+IF('Standard Profiles'!$G$22=$B$10,7,0)+IF('Standard Profiles'!$G$22=$B$17,14,0)+IF('Standard Profiles'!$G$22=$B$24,21,0),0)),0)</f>
        <v>0</v>
      </c>
      <c r="I1602">
        <f t="shared" si="188"/>
        <v>0.37746430398288044</v>
      </c>
      <c r="J1602">
        <f t="shared" si="189"/>
        <v>1.2582143466096016</v>
      </c>
      <c r="K1602">
        <f t="shared" si="190"/>
        <v>1.8873215199144022</v>
      </c>
      <c r="L1602">
        <f t="shared" si="191"/>
        <v>9.0591432955891307</v>
      </c>
      <c r="M1602">
        <f t="shared" si="192"/>
        <v>0</v>
      </c>
      <c r="N1602" s="46">
        <f t="shared" si="193"/>
        <v>45357.33333332953</v>
      </c>
    </row>
    <row r="1603" spans="2:14" x14ac:dyDescent="0.3">
      <c r="B1603">
        <f t="shared" si="187"/>
        <v>3</v>
      </c>
      <c r="C1603" s="16">
        <v>1569</v>
      </c>
      <c r="D1603" cm="1">
        <f t="array" ref="D1603">IFERROR(INDEX(Jesper!AH$2:AH$366,ROUNDDOWN($C1603/24,0)+1,1)*INDEX($D$3:$AA$30,INDEX(Jesper!$R$2:$R$366,ROW(INDEX(Jesper!AH$2:AH$366,ROUNDDOWN($C1603/24,0)+1,1))-1)+IF('Standard Profiles'!$G$18=$B$10,7,0)+IF('Standard Profiles'!$G$18=$B$17,14,0)+IF('Standard Profiles'!$G$18=$B$24,21,0),MOD($C1603,24)+1)/SUM(INDEX($D$3:$AA$30,INDEX(Jesper!$R$2:$R$366,ROW(INDEX(Jesper!AH$2:AH$366,ROUNDDOWN($C1603/24,0)+1,1))-1)+IF('Standard Profiles'!$G$18=$B$10,7,0)+IF('Standard Profiles'!$G$18=$B$17,14,0)+IF('Standard Profiles'!$G$18=$B$24,21,0),0)),0)</f>
        <v>13.521109396401686</v>
      </c>
      <c r="E1603" cm="1">
        <f t="array" ref="E1603">IFERROR(INDEX(Jesper!AI$2:AI$366,ROUNDDOWN($C1603/24,0)+1,1)*INDEX($D$3:$AA$30,INDEX(Jesper!$R$2:$R$366,ROW(INDEX(Jesper!AI$2:AI$366,ROUNDDOWN($C1603/24,0)+1,1))-1)+IF('Standard Profiles'!$G$19=$B$10,7,0)+IF('Standard Profiles'!$G$19=$B$17,14,0)+IF('Standard Profiles'!$G$19=$B$24,21,0),MOD($C1603,24)+1)/SUM(INDEX($D$3:$AA$30,INDEX(Jesper!$R$2:$R$366,ROW(INDEX(Jesper!AI$2:AI$366,ROUNDDOWN($C1603/24,0)+1,1))-1)+IF('Standard Profiles'!$G$19=$B$10,7,0)+IF('Standard Profiles'!$G$19=$B$17,14,0)+IF('Standard Profiles'!$G$19=$B$24,21,0),0)),0)</f>
        <v>0</v>
      </c>
      <c r="F1603" cm="1">
        <f t="array" ref="F1603">IFERROR(INDEX(Jesper!AJ$2:AJ$366,ROUNDDOWN($C1603/24,0)+1,1)*INDEX($D$3:$AA$30,INDEX(Jesper!$R$2:$R$366,ROW(INDEX(Jesper!AJ$2:AJ$366,ROUNDDOWN($C1603/24,0)+1,1))-1)+IF('Standard Profiles'!$G$20=$B$10,7,0)+IF('Standard Profiles'!$G$20=$B$17,14,0)+IF('Standard Profiles'!$G$20=$B$24,21,0),MOD($C1603,24)+1)/SUM(INDEX($D$3:$AA$30,INDEX(Jesper!$R$2:$R$366,ROW(INDEX(Jesper!AJ$2:AJ$366,ROUNDDOWN($C1603/24,0)+1,1))-1)+IF('Standard Profiles'!$G$20=$B$10,7,0)+IF('Standard Profiles'!$G$20=$B$17,14,0)+IF('Standard Profiles'!$G$20=$B$24,21,0),0)),0)</f>
        <v>0</v>
      </c>
      <c r="G1603" cm="1">
        <f t="array" ref="G1603">IFERROR(INDEX(Jesper!AK$2:AK$366,ROUNDDOWN($C1603/24,0)+1,1)*INDEX($D$3:$AA$30,INDEX(Jesper!$R$2:$R$366,ROW(INDEX(Jesper!AK$2:AK$366,ROUNDDOWN($C1603/24,0)+1,1))-1)+IF('Standard Profiles'!$G$21=$B$10,7,0)+IF('Standard Profiles'!$G$21=$B$17,14,0)+IF('Standard Profiles'!$G$21=$B$24,21,0),MOD($C1603,24)+1)/SUM(INDEX($D$3:$AA$30,INDEX(Jesper!$R$2:$R$366,ROW(INDEX(Jesper!AK$2:AK$366,ROUNDDOWN($C1603/24,0)+1,1))-1)+IF('Standard Profiles'!$G$21=$B$10,7,0)+IF('Standard Profiles'!$G$21=$B$17,14,0)+IF('Standard Profiles'!$G$21=$B$24,21,0),0)),0)</f>
        <v>0</v>
      </c>
      <c r="H1603" cm="1">
        <f t="array" ref="H1603">IFERROR(INDEX(Jesper!AL$2:AL$366,ROUNDDOWN($C1603/24,0)+1,1)*INDEX($D$3:$AA$30,INDEX(Jesper!$R$2:$R$366,ROW(INDEX(Jesper!AL$2:AL$366,ROUNDDOWN($C1603/24,0)+1,1))-1)+IF('Standard Profiles'!$G$22=$B$10,7,0)+IF('Standard Profiles'!$G$22=$B$17,14,0)+IF('Standard Profiles'!$G$22=$B$24,21,0),MOD($C1603,24)+1)/SUM(INDEX($D$3:$AA$30,INDEX(Jesper!$R$2:$R$366,ROW(INDEX(Jesper!AL$2:AL$366,ROUNDDOWN($C1603/24,0)+1,1))-1)+IF('Standard Profiles'!$G$22=$B$10,7,0)+IF('Standard Profiles'!$G$22=$B$17,14,0)+IF('Standard Profiles'!$G$22=$B$24,21,0),0)),0)</f>
        <v>0</v>
      </c>
      <c r="I1603">
        <f t="shared" si="188"/>
        <v>0.40563328189205056</v>
      </c>
      <c r="J1603">
        <f t="shared" si="189"/>
        <v>1.3521109396401687</v>
      </c>
      <c r="K1603">
        <f t="shared" si="190"/>
        <v>2.028166409460253</v>
      </c>
      <c r="L1603">
        <f t="shared" si="191"/>
        <v>9.7351987654092138</v>
      </c>
      <c r="M1603">
        <f t="shared" si="192"/>
        <v>0</v>
      </c>
      <c r="N1603" s="46">
        <f t="shared" si="193"/>
        <v>45357.374999996195</v>
      </c>
    </row>
    <row r="1604" spans="2:14" x14ac:dyDescent="0.3">
      <c r="B1604">
        <f t="shared" si="187"/>
        <v>3</v>
      </c>
      <c r="C1604" s="16">
        <v>1570</v>
      </c>
      <c r="D1604" cm="1">
        <f t="array" ref="D1604">IFERROR(INDEX(Jesper!AH$2:AH$366,ROUNDDOWN($C1604/24,0)+1,1)*INDEX($D$3:$AA$30,INDEX(Jesper!$R$2:$R$366,ROW(INDEX(Jesper!AH$2:AH$366,ROUNDDOWN($C1604/24,0)+1,1))-1)+IF('Standard Profiles'!$G$18=$B$10,7,0)+IF('Standard Profiles'!$G$18=$B$17,14,0)+IF('Standard Profiles'!$G$18=$B$24,21,0),MOD($C1604,24)+1)/SUM(INDEX($D$3:$AA$30,INDEX(Jesper!$R$2:$R$366,ROW(INDEX(Jesper!AH$2:AH$366,ROUNDDOWN($C1604/24,0)+1,1))-1)+IF('Standard Profiles'!$G$18=$B$10,7,0)+IF('Standard Profiles'!$G$18=$B$17,14,0)+IF('Standard Profiles'!$G$18=$B$24,21,0),0)),0)</f>
        <v>14.647868512768495</v>
      </c>
      <c r="E1604" cm="1">
        <f t="array" ref="E1604">IFERROR(INDEX(Jesper!AI$2:AI$366,ROUNDDOWN($C1604/24,0)+1,1)*INDEX($D$3:$AA$30,INDEX(Jesper!$R$2:$R$366,ROW(INDEX(Jesper!AI$2:AI$366,ROUNDDOWN($C1604/24,0)+1,1))-1)+IF('Standard Profiles'!$G$19=$B$10,7,0)+IF('Standard Profiles'!$G$19=$B$17,14,0)+IF('Standard Profiles'!$G$19=$B$24,21,0),MOD($C1604,24)+1)/SUM(INDEX($D$3:$AA$30,INDEX(Jesper!$R$2:$R$366,ROW(INDEX(Jesper!AI$2:AI$366,ROUNDDOWN($C1604/24,0)+1,1))-1)+IF('Standard Profiles'!$G$19=$B$10,7,0)+IF('Standard Profiles'!$G$19=$B$17,14,0)+IF('Standard Profiles'!$G$19=$B$24,21,0),0)),0)</f>
        <v>0</v>
      </c>
      <c r="F1604" cm="1">
        <f t="array" ref="F1604">IFERROR(INDEX(Jesper!AJ$2:AJ$366,ROUNDDOWN($C1604/24,0)+1,1)*INDEX($D$3:$AA$30,INDEX(Jesper!$R$2:$R$366,ROW(INDEX(Jesper!AJ$2:AJ$366,ROUNDDOWN($C1604/24,0)+1,1))-1)+IF('Standard Profiles'!$G$20=$B$10,7,0)+IF('Standard Profiles'!$G$20=$B$17,14,0)+IF('Standard Profiles'!$G$20=$B$24,21,0),MOD($C1604,24)+1)/SUM(INDEX($D$3:$AA$30,INDEX(Jesper!$R$2:$R$366,ROW(INDEX(Jesper!AJ$2:AJ$366,ROUNDDOWN($C1604/24,0)+1,1))-1)+IF('Standard Profiles'!$G$20=$B$10,7,0)+IF('Standard Profiles'!$G$20=$B$17,14,0)+IF('Standard Profiles'!$G$20=$B$24,21,0),0)),0)</f>
        <v>0</v>
      </c>
      <c r="G1604" cm="1">
        <f t="array" ref="G1604">IFERROR(INDEX(Jesper!AK$2:AK$366,ROUNDDOWN($C1604/24,0)+1,1)*INDEX($D$3:$AA$30,INDEX(Jesper!$R$2:$R$366,ROW(INDEX(Jesper!AK$2:AK$366,ROUNDDOWN($C1604/24,0)+1,1))-1)+IF('Standard Profiles'!$G$21=$B$10,7,0)+IF('Standard Profiles'!$G$21=$B$17,14,0)+IF('Standard Profiles'!$G$21=$B$24,21,0),MOD($C1604,24)+1)/SUM(INDEX($D$3:$AA$30,INDEX(Jesper!$R$2:$R$366,ROW(INDEX(Jesper!AK$2:AK$366,ROUNDDOWN($C1604/24,0)+1,1))-1)+IF('Standard Profiles'!$G$21=$B$10,7,0)+IF('Standard Profiles'!$G$21=$B$17,14,0)+IF('Standard Profiles'!$G$21=$B$24,21,0),0)),0)</f>
        <v>0</v>
      </c>
      <c r="H1604" cm="1">
        <f t="array" ref="H1604">IFERROR(INDEX(Jesper!AL$2:AL$366,ROUNDDOWN($C1604/24,0)+1,1)*INDEX($D$3:$AA$30,INDEX(Jesper!$R$2:$R$366,ROW(INDEX(Jesper!AL$2:AL$366,ROUNDDOWN($C1604/24,0)+1,1))-1)+IF('Standard Profiles'!$G$22=$B$10,7,0)+IF('Standard Profiles'!$G$22=$B$17,14,0)+IF('Standard Profiles'!$G$22=$B$24,21,0),MOD($C1604,24)+1)/SUM(INDEX($D$3:$AA$30,INDEX(Jesper!$R$2:$R$366,ROW(INDEX(Jesper!AL$2:AL$366,ROUNDDOWN($C1604/24,0)+1,1))-1)+IF('Standard Profiles'!$G$22=$B$10,7,0)+IF('Standard Profiles'!$G$22=$B$17,14,0)+IF('Standard Profiles'!$G$22=$B$24,21,0),0)),0)</f>
        <v>0</v>
      </c>
      <c r="I1604">
        <f t="shared" si="188"/>
        <v>0.43943605538305486</v>
      </c>
      <c r="J1604">
        <f t="shared" si="189"/>
        <v>1.4647868512768496</v>
      </c>
      <c r="K1604">
        <f t="shared" si="190"/>
        <v>2.1971802769152742</v>
      </c>
      <c r="L1604">
        <f t="shared" si="191"/>
        <v>10.546465329193316</v>
      </c>
      <c r="M1604">
        <f t="shared" si="192"/>
        <v>0</v>
      </c>
      <c r="N1604" s="46">
        <f t="shared" si="193"/>
        <v>45357.416666662859</v>
      </c>
    </row>
    <row r="1605" spans="2:14" x14ac:dyDescent="0.3">
      <c r="B1605">
        <f t="shared" si="187"/>
        <v>3</v>
      </c>
      <c r="C1605" s="16">
        <v>1571</v>
      </c>
      <c r="D1605" cm="1">
        <f t="array" ref="D1605">IFERROR(INDEX(Jesper!AH$2:AH$366,ROUNDDOWN($C1605/24,0)+1,1)*INDEX($D$3:$AA$30,INDEX(Jesper!$R$2:$R$366,ROW(INDEX(Jesper!AH$2:AH$366,ROUNDDOWN($C1605/24,0)+1,1))-1)+IF('Standard Profiles'!$G$18=$B$10,7,0)+IF('Standard Profiles'!$G$18=$B$17,14,0)+IF('Standard Profiles'!$G$18=$B$24,21,0),MOD($C1605,24)+1)/SUM(INDEX($D$3:$AA$30,INDEX(Jesper!$R$2:$R$366,ROW(INDEX(Jesper!AH$2:AH$366,ROUNDDOWN($C1605/24,0)+1,1))-1)+IF('Standard Profiles'!$G$18=$B$10,7,0)+IF('Standard Profiles'!$G$18=$B$17,14,0)+IF('Standard Profiles'!$G$18=$B$24,21,0),0)),0)</f>
        <v>16.901386745502109</v>
      </c>
      <c r="E1605" cm="1">
        <f t="array" ref="E1605">IFERROR(INDEX(Jesper!AI$2:AI$366,ROUNDDOWN($C1605/24,0)+1,1)*INDEX($D$3:$AA$30,INDEX(Jesper!$R$2:$R$366,ROW(INDEX(Jesper!AI$2:AI$366,ROUNDDOWN($C1605/24,0)+1,1))-1)+IF('Standard Profiles'!$G$19=$B$10,7,0)+IF('Standard Profiles'!$G$19=$B$17,14,0)+IF('Standard Profiles'!$G$19=$B$24,21,0),MOD($C1605,24)+1)/SUM(INDEX($D$3:$AA$30,INDEX(Jesper!$R$2:$R$366,ROW(INDEX(Jesper!AI$2:AI$366,ROUNDDOWN($C1605/24,0)+1,1))-1)+IF('Standard Profiles'!$G$19=$B$10,7,0)+IF('Standard Profiles'!$G$19=$B$17,14,0)+IF('Standard Profiles'!$G$19=$B$24,21,0),0)),0)</f>
        <v>0</v>
      </c>
      <c r="F1605" cm="1">
        <f t="array" ref="F1605">IFERROR(INDEX(Jesper!AJ$2:AJ$366,ROUNDDOWN($C1605/24,0)+1,1)*INDEX($D$3:$AA$30,INDEX(Jesper!$R$2:$R$366,ROW(INDEX(Jesper!AJ$2:AJ$366,ROUNDDOWN($C1605/24,0)+1,1))-1)+IF('Standard Profiles'!$G$20=$B$10,7,0)+IF('Standard Profiles'!$G$20=$B$17,14,0)+IF('Standard Profiles'!$G$20=$B$24,21,0),MOD($C1605,24)+1)/SUM(INDEX($D$3:$AA$30,INDEX(Jesper!$R$2:$R$366,ROW(INDEX(Jesper!AJ$2:AJ$366,ROUNDDOWN($C1605/24,0)+1,1))-1)+IF('Standard Profiles'!$G$20=$B$10,7,0)+IF('Standard Profiles'!$G$20=$B$17,14,0)+IF('Standard Profiles'!$G$20=$B$24,21,0),0)),0)</f>
        <v>0</v>
      </c>
      <c r="G1605" cm="1">
        <f t="array" ref="G1605">IFERROR(INDEX(Jesper!AK$2:AK$366,ROUNDDOWN($C1605/24,0)+1,1)*INDEX($D$3:$AA$30,INDEX(Jesper!$R$2:$R$366,ROW(INDEX(Jesper!AK$2:AK$366,ROUNDDOWN($C1605/24,0)+1,1))-1)+IF('Standard Profiles'!$G$21=$B$10,7,0)+IF('Standard Profiles'!$G$21=$B$17,14,0)+IF('Standard Profiles'!$G$21=$B$24,21,0),MOD($C1605,24)+1)/SUM(INDEX($D$3:$AA$30,INDEX(Jesper!$R$2:$R$366,ROW(INDEX(Jesper!AK$2:AK$366,ROUNDDOWN($C1605/24,0)+1,1))-1)+IF('Standard Profiles'!$G$21=$B$10,7,0)+IF('Standard Profiles'!$G$21=$B$17,14,0)+IF('Standard Profiles'!$G$21=$B$24,21,0),0)),0)</f>
        <v>0</v>
      </c>
      <c r="H1605" cm="1">
        <f t="array" ref="H1605">IFERROR(INDEX(Jesper!AL$2:AL$366,ROUNDDOWN($C1605/24,0)+1,1)*INDEX($D$3:$AA$30,INDEX(Jesper!$R$2:$R$366,ROW(INDEX(Jesper!AL$2:AL$366,ROUNDDOWN($C1605/24,0)+1,1))-1)+IF('Standard Profiles'!$G$22=$B$10,7,0)+IF('Standard Profiles'!$G$22=$B$17,14,0)+IF('Standard Profiles'!$G$22=$B$24,21,0),MOD($C1605,24)+1)/SUM(INDEX($D$3:$AA$30,INDEX(Jesper!$R$2:$R$366,ROW(INDEX(Jesper!AL$2:AL$366,ROUNDDOWN($C1605/24,0)+1,1))-1)+IF('Standard Profiles'!$G$22=$B$10,7,0)+IF('Standard Profiles'!$G$22=$B$17,14,0)+IF('Standard Profiles'!$G$22=$B$24,21,0),0)),0)</f>
        <v>0</v>
      </c>
      <c r="I1605">
        <f t="shared" si="188"/>
        <v>0.50704160236506324</v>
      </c>
      <c r="J1605">
        <f t="shared" si="189"/>
        <v>1.6901386745502109</v>
      </c>
      <c r="K1605">
        <f t="shared" si="190"/>
        <v>2.5352080118253162</v>
      </c>
      <c r="L1605">
        <f t="shared" si="191"/>
        <v>12.168998456761518</v>
      </c>
      <c r="M1605">
        <f t="shared" si="192"/>
        <v>0</v>
      </c>
      <c r="N1605" s="46">
        <f t="shared" si="193"/>
        <v>45357.458333329523</v>
      </c>
    </row>
    <row r="1606" spans="2:14" x14ac:dyDescent="0.3">
      <c r="B1606">
        <f t="shared" si="187"/>
        <v>3</v>
      </c>
      <c r="C1606" s="16">
        <v>1572</v>
      </c>
      <c r="D1606" cm="1">
        <f t="array" ref="D1606">IFERROR(INDEX(Jesper!AH$2:AH$366,ROUNDDOWN($C1606/24,0)+1,1)*INDEX($D$3:$AA$30,INDEX(Jesper!$R$2:$R$366,ROW(INDEX(Jesper!AH$2:AH$366,ROUNDDOWN($C1606/24,0)+1,1))-1)+IF('Standard Profiles'!$G$18=$B$10,7,0)+IF('Standard Profiles'!$G$18=$B$17,14,0)+IF('Standard Profiles'!$G$18=$B$24,21,0),MOD($C1606,24)+1)/SUM(INDEX($D$3:$AA$30,INDEX(Jesper!$R$2:$R$366,ROW(INDEX(Jesper!AH$2:AH$366,ROUNDDOWN($C1606/24,0)+1,1))-1)+IF('Standard Profiles'!$G$18=$B$10,7,0)+IF('Standard Profiles'!$G$18=$B$17,14,0)+IF('Standard Profiles'!$G$18=$B$24,21,0),0)),0)</f>
        <v>16.901386745502109</v>
      </c>
      <c r="E1606" cm="1">
        <f t="array" ref="E1606">IFERROR(INDEX(Jesper!AI$2:AI$366,ROUNDDOWN($C1606/24,0)+1,1)*INDEX($D$3:$AA$30,INDEX(Jesper!$R$2:$R$366,ROW(INDEX(Jesper!AI$2:AI$366,ROUNDDOWN($C1606/24,0)+1,1))-1)+IF('Standard Profiles'!$G$19=$B$10,7,0)+IF('Standard Profiles'!$G$19=$B$17,14,0)+IF('Standard Profiles'!$G$19=$B$24,21,0),MOD($C1606,24)+1)/SUM(INDEX($D$3:$AA$30,INDEX(Jesper!$R$2:$R$366,ROW(INDEX(Jesper!AI$2:AI$366,ROUNDDOWN($C1606/24,0)+1,1))-1)+IF('Standard Profiles'!$G$19=$B$10,7,0)+IF('Standard Profiles'!$G$19=$B$17,14,0)+IF('Standard Profiles'!$G$19=$B$24,21,0),0)),0)</f>
        <v>0</v>
      </c>
      <c r="F1606" cm="1">
        <f t="array" ref="F1606">IFERROR(INDEX(Jesper!AJ$2:AJ$366,ROUNDDOWN($C1606/24,0)+1,1)*INDEX($D$3:$AA$30,INDEX(Jesper!$R$2:$R$366,ROW(INDEX(Jesper!AJ$2:AJ$366,ROUNDDOWN($C1606/24,0)+1,1))-1)+IF('Standard Profiles'!$G$20=$B$10,7,0)+IF('Standard Profiles'!$G$20=$B$17,14,0)+IF('Standard Profiles'!$G$20=$B$24,21,0),MOD($C1606,24)+1)/SUM(INDEX($D$3:$AA$30,INDEX(Jesper!$R$2:$R$366,ROW(INDEX(Jesper!AJ$2:AJ$366,ROUNDDOWN($C1606/24,0)+1,1))-1)+IF('Standard Profiles'!$G$20=$B$10,7,0)+IF('Standard Profiles'!$G$20=$B$17,14,0)+IF('Standard Profiles'!$G$20=$B$24,21,0),0)),0)</f>
        <v>0</v>
      </c>
      <c r="G1606" cm="1">
        <f t="array" ref="G1606">IFERROR(INDEX(Jesper!AK$2:AK$366,ROUNDDOWN($C1606/24,0)+1,1)*INDEX($D$3:$AA$30,INDEX(Jesper!$R$2:$R$366,ROW(INDEX(Jesper!AK$2:AK$366,ROUNDDOWN($C1606/24,0)+1,1))-1)+IF('Standard Profiles'!$G$21=$B$10,7,0)+IF('Standard Profiles'!$G$21=$B$17,14,0)+IF('Standard Profiles'!$G$21=$B$24,21,0),MOD($C1606,24)+1)/SUM(INDEX($D$3:$AA$30,INDEX(Jesper!$R$2:$R$366,ROW(INDEX(Jesper!AK$2:AK$366,ROUNDDOWN($C1606/24,0)+1,1))-1)+IF('Standard Profiles'!$G$21=$B$10,7,0)+IF('Standard Profiles'!$G$21=$B$17,14,0)+IF('Standard Profiles'!$G$21=$B$24,21,0),0)),0)</f>
        <v>0</v>
      </c>
      <c r="H1606" cm="1">
        <f t="array" ref="H1606">IFERROR(INDEX(Jesper!AL$2:AL$366,ROUNDDOWN($C1606/24,0)+1,1)*INDEX($D$3:$AA$30,INDEX(Jesper!$R$2:$R$366,ROW(INDEX(Jesper!AL$2:AL$366,ROUNDDOWN($C1606/24,0)+1,1))-1)+IF('Standard Profiles'!$G$22=$B$10,7,0)+IF('Standard Profiles'!$G$22=$B$17,14,0)+IF('Standard Profiles'!$G$22=$B$24,21,0),MOD($C1606,24)+1)/SUM(INDEX($D$3:$AA$30,INDEX(Jesper!$R$2:$R$366,ROW(INDEX(Jesper!AL$2:AL$366,ROUNDDOWN($C1606/24,0)+1,1))-1)+IF('Standard Profiles'!$G$22=$B$10,7,0)+IF('Standard Profiles'!$G$22=$B$17,14,0)+IF('Standard Profiles'!$G$22=$B$24,21,0),0)),0)</f>
        <v>0</v>
      </c>
      <c r="I1606">
        <f t="shared" si="188"/>
        <v>0.50704160236506324</v>
      </c>
      <c r="J1606">
        <f t="shared" si="189"/>
        <v>1.6901386745502109</v>
      </c>
      <c r="K1606">
        <f t="shared" si="190"/>
        <v>2.5352080118253162</v>
      </c>
      <c r="L1606">
        <f t="shared" si="191"/>
        <v>12.168998456761518</v>
      </c>
      <c r="M1606">
        <f t="shared" si="192"/>
        <v>0</v>
      </c>
      <c r="N1606" s="46">
        <f t="shared" si="193"/>
        <v>45357.499999996187</v>
      </c>
    </row>
    <row r="1607" spans="2:14" x14ac:dyDescent="0.3">
      <c r="B1607">
        <f t="shared" si="187"/>
        <v>3</v>
      </c>
      <c r="C1607" s="16">
        <v>1573</v>
      </c>
      <c r="D1607" cm="1">
        <f t="array" ref="D1607">IFERROR(INDEX(Jesper!AH$2:AH$366,ROUNDDOWN($C1607/24,0)+1,1)*INDEX($D$3:$AA$30,INDEX(Jesper!$R$2:$R$366,ROW(INDEX(Jesper!AH$2:AH$366,ROUNDDOWN($C1607/24,0)+1,1))-1)+IF('Standard Profiles'!$G$18=$B$10,7,0)+IF('Standard Profiles'!$G$18=$B$17,14,0)+IF('Standard Profiles'!$G$18=$B$24,21,0),MOD($C1607,24)+1)/SUM(INDEX($D$3:$AA$30,INDEX(Jesper!$R$2:$R$366,ROW(INDEX(Jesper!AH$2:AH$366,ROUNDDOWN($C1607/24,0)+1,1))-1)+IF('Standard Profiles'!$G$18=$B$10,7,0)+IF('Standard Profiles'!$G$18=$B$17,14,0)+IF('Standard Profiles'!$G$18=$B$24,21,0),0)),0)</f>
        <v>16.901386745502109</v>
      </c>
      <c r="E1607" cm="1">
        <f t="array" ref="E1607">IFERROR(INDEX(Jesper!AI$2:AI$366,ROUNDDOWN($C1607/24,0)+1,1)*INDEX($D$3:$AA$30,INDEX(Jesper!$R$2:$R$366,ROW(INDEX(Jesper!AI$2:AI$366,ROUNDDOWN($C1607/24,0)+1,1))-1)+IF('Standard Profiles'!$G$19=$B$10,7,0)+IF('Standard Profiles'!$G$19=$B$17,14,0)+IF('Standard Profiles'!$G$19=$B$24,21,0),MOD($C1607,24)+1)/SUM(INDEX($D$3:$AA$30,INDEX(Jesper!$R$2:$R$366,ROW(INDEX(Jesper!AI$2:AI$366,ROUNDDOWN($C1607/24,0)+1,1))-1)+IF('Standard Profiles'!$G$19=$B$10,7,0)+IF('Standard Profiles'!$G$19=$B$17,14,0)+IF('Standard Profiles'!$G$19=$B$24,21,0),0)),0)</f>
        <v>0</v>
      </c>
      <c r="F1607" cm="1">
        <f t="array" ref="F1607">IFERROR(INDEX(Jesper!AJ$2:AJ$366,ROUNDDOWN($C1607/24,0)+1,1)*INDEX($D$3:$AA$30,INDEX(Jesper!$R$2:$R$366,ROW(INDEX(Jesper!AJ$2:AJ$366,ROUNDDOWN($C1607/24,0)+1,1))-1)+IF('Standard Profiles'!$G$20=$B$10,7,0)+IF('Standard Profiles'!$G$20=$B$17,14,0)+IF('Standard Profiles'!$G$20=$B$24,21,0),MOD($C1607,24)+1)/SUM(INDEX($D$3:$AA$30,INDEX(Jesper!$R$2:$R$366,ROW(INDEX(Jesper!AJ$2:AJ$366,ROUNDDOWN($C1607/24,0)+1,1))-1)+IF('Standard Profiles'!$G$20=$B$10,7,0)+IF('Standard Profiles'!$G$20=$B$17,14,0)+IF('Standard Profiles'!$G$20=$B$24,21,0),0)),0)</f>
        <v>0</v>
      </c>
      <c r="G1607" cm="1">
        <f t="array" ref="G1607">IFERROR(INDEX(Jesper!AK$2:AK$366,ROUNDDOWN($C1607/24,0)+1,1)*INDEX($D$3:$AA$30,INDEX(Jesper!$R$2:$R$366,ROW(INDEX(Jesper!AK$2:AK$366,ROUNDDOWN($C1607/24,0)+1,1))-1)+IF('Standard Profiles'!$G$21=$B$10,7,0)+IF('Standard Profiles'!$G$21=$B$17,14,0)+IF('Standard Profiles'!$G$21=$B$24,21,0),MOD($C1607,24)+1)/SUM(INDEX($D$3:$AA$30,INDEX(Jesper!$R$2:$R$366,ROW(INDEX(Jesper!AK$2:AK$366,ROUNDDOWN($C1607/24,0)+1,1))-1)+IF('Standard Profiles'!$G$21=$B$10,7,0)+IF('Standard Profiles'!$G$21=$B$17,14,0)+IF('Standard Profiles'!$G$21=$B$24,21,0),0)),0)</f>
        <v>0</v>
      </c>
      <c r="H1607" cm="1">
        <f t="array" ref="H1607">IFERROR(INDEX(Jesper!AL$2:AL$366,ROUNDDOWN($C1607/24,0)+1,1)*INDEX($D$3:$AA$30,INDEX(Jesper!$R$2:$R$366,ROW(INDEX(Jesper!AL$2:AL$366,ROUNDDOWN($C1607/24,0)+1,1))-1)+IF('Standard Profiles'!$G$22=$B$10,7,0)+IF('Standard Profiles'!$G$22=$B$17,14,0)+IF('Standard Profiles'!$G$22=$B$24,21,0),MOD($C1607,24)+1)/SUM(INDEX($D$3:$AA$30,INDEX(Jesper!$R$2:$R$366,ROW(INDEX(Jesper!AL$2:AL$366,ROUNDDOWN($C1607/24,0)+1,1))-1)+IF('Standard Profiles'!$G$22=$B$10,7,0)+IF('Standard Profiles'!$G$22=$B$17,14,0)+IF('Standard Profiles'!$G$22=$B$24,21,0),0)),0)</f>
        <v>0</v>
      </c>
      <c r="I1607">
        <f t="shared" si="188"/>
        <v>0.50704160236506324</v>
      </c>
      <c r="J1607">
        <f t="shared" si="189"/>
        <v>1.6901386745502109</v>
      </c>
      <c r="K1607">
        <f t="shared" si="190"/>
        <v>2.5352080118253162</v>
      </c>
      <c r="L1607">
        <f t="shared" si="191"/>
        <v>12.168998456761518</v>
      </c>
      <c r="M1607">
        <f t="shared" si="192"/>
        <v>0</v>
      </c>
      <c r="N1607" s="46">
        <f t="shared" si="193"/>
        <v>45357.541666662852</v>
      </c>
    </row>
    <row r="1608" spans="2:14" x14ac:dyDescent="0.3">
      <c r="B1608">
        <f t="shared" si="187"/>
        <v>3</v>
      </c>
      <c r="C1608" s="16">
        <v>1574</v>
      </c>
      <c r="D1608" cm="1">
        <f t="array" ref="D1608">IFERROR(INDEX(Jesper!AH$2:AH$366,ROUNDDOWN($C1608/24,0)+1,1)*INDEX($D$3:$AA$30,INDEX(Jesper!$R$2:$R$366,ROW(INDEX(Jesper!AH$2:AH$366,ROUNDDOWN($C1608/24,0)+1,1))-1)+IF('Standard Profiles'!$G$18=$B$10,7,0)+IF('Standard Profiles'!$G$18=$B$17,14,0)+IF('Standard Profiles'!$G$18=$B$24,21,0),MOD($C1608,24)+1)/SUM(INDEX($D$3:$AA$30,INDEX(Jesper!$R$2:$R$366,ROW(INDEX(Jesper!AH$2:AH$366,ROUNDDOWN($C1608/24,0)+1,1))-1)+IF('Standard Profiles'!$G$18=$B$10,7,0)+IF('Standard Profiles'!$G$18=$B$17,14,0)+IF('Standard Profiles'!$G$18=$B$24,21,0),0)),0)</f>
        <v>16.901386745502109</v>
      </c>
      <c r="E1608" cm="1">
        <f t="array" ref="E1608">IFERROR(INDEX(Jesper!AI$2:AI$366,ROUNDDOWN($C1608/24,0)+1,1)*INDEX($D$3:$AA$30,INDEX(Jesper!$R$2:$R$366,ROW(INDEX(Jesper!AI$2:AI$366,ROUNDDOWN($C1608/24,0)+1,1))-1)+IF('Standard Profiles'!$G$19=$B$10,7,0)+IF('Standard Profiles'!$G$19=$B$17,14,0)+IF('Standard Profiles'!$G$19=$B$24,21,0),MOD($C1608,24)+1)/SUM(INDEX($D$3:$AA$30,INDEX(Jesper!$R$2:$R$366,ROW(INDEX(Jesper!AI$2:AI$366,ROUNDDOWN($C1608/24,0)+1,1))-1)+IF('Standard Profiles'!$G$19=$B$10,7,0)+IF('Standard Profiles'!$G$19=$B$17,14,0)+IF('Standard Profiles'!$G$19=$B$24,21,0),0)),0)</f>
        <v>0</v>
      </c>
      <c r="F1608" cm="1">
        <f t="array" ref="F1608">IFERROR(INDEX(Jesper!AJ$2:AJ$366,ROUNDDOWN($C1608/24,0)+1,1)*INDEX($D$3:$AA$30,INDEX(Jesper!$R$2:$R$366,ROW(INDEX(Jesper!AJ$2:AJ$366,ROUNDDOWN($C1608/24,0)+1,1))-1)+IF('Standard Profiles'!$G$20=$B$10,7,0)+IF('Standard Profiles'!$G$20=$B$17,14,0)+IF('Standard Profiles'!$G$20=$B$24,21,0),MOD($C1608,24)+1)/SUM(INDEX($D$3:$AA$30,INDEX(Jesper!$R$2:$R$366,ROW(INDEX(Jesper!AJ$2:AJ$366,ROUNDDOWN($C1608/24,0)+1,1))-1)+IF('Standard Profiles'!$G$20=$B$10,7,0)+IF('Standard Profiles'!$G$20=$B$17,14,0)+IF('Standard Profiles'!$G$20=$B$24,21,0),0)),0)</f>
        <v>0</v>
      </c>
      <c r="G1608" cm="1">
        <f t="array" ref="G1608">IFERROR(INDEX(Jesper!AK$2:AK$366,ROUNDDOWN($C1608/24,0)+1,1)*INDEX($D$3:$AA$30,INDEX(Jesper!$R$2:$R$366,ROW(INDEX(Jesper!AK$2:AK$366,ROUNDDOWN($C1608/24,0)+1,1))-1)+IF('Standard Profiles'!$G$21=$B$10,7,0)+IF('Standard Profiles'!$G$21=$B$17,14,0)+IF('Standard Profiles'!$G$21=$B$24,21,0),MOD($C1608,24)+1)/SUM(INDEX($D$3:$AA$30,INDEX(Jesper!$R$2:$R$366,ROW(INDEX(Jesper!AK$2:AK$366,ROUNDDOWN($C1608/24,0)+1,1))-1)+IF('Standard Profiles'!$G$21=$B$10,7,0)+IF('Standard Profiles'!$G$21=$B$17,14,0)+IF('Standard Profiles'!$G$21=$B$24,21,0),0)),0)</f>
        <v>0</v>
      </c>
      <c r="H1608" cm="1">
        <f t="array" ref="H1608">IFERROR(INDEX(Jesper!AL$2:AL$366,ROUNDDOWN($C1608/24,0)+1,1)*INDEX($D$3:$AA$30,INDEX(Jesper!$R$2:$R$366,ROW(INDEX(Jesper!AL$2:AL$366,ROUNDDOWN($C1608/24,0)+1,1))-1)+IF('Standard Profiles'!$G$22=$B$10,7,0)+IF('Standard Profiles'!$G$22=$B$17,14,0)+IF('Standard Profiles'!$G$22=$B$24,21,0),MOD($C1608,24)+1)/SUM(INDEX($D$3:$AA$30,INDEX(Jesper!$R$2:$R$366,ROW(INDEX(Jesper!AL$2:AL$366,ROUNDDOWN($C1608/24,0)+1,1))-1)+IF('Standard Profiles'!$G$22=$B$10,7,0)+IF('Standard Profiles'!$G$22=$B$17,14,0)+IF('Standard Profiles'!$G$22=$B$24,21,0),0)),0)</f>
        <v>0</v>
      </c>
      <c r="I1608">
        <f t="shared" si="188"/>
        <v>0.50704160236506324</v>
      </c>
      <c r="J1608">
        <f t="shared" si="189"/>
        <v>1.6901386745502109</v>
      </c>
      <c r="K1608">
        <f t="shared" si="190"/>
        <v>2.5352080118253162</v>
      </c>
      <c r="L1608">
        <f t="shared" si="191"/>
        <v>12.168998456761518</v>
      </c>
      <c r="M1608">
        <f t="shared" si="192"/>
        <v>0</v>
      </c>
      <c r="N1608" s="46">
        <f t="shared" si="193"/>
        <v>45357.583333329516</v>
      </c>
    </row>
    <row r="1609" spans="2:14" x14ac:dyDescent="0.3">
      <c r="B1609">
        <f t="shared" si="187"/>
        <v>3</v>
      </c>
      <c r="C1609" s="16">
        <v>1575</v>
      </c>
      <c r="D1609" cm="1">
        <f t="array" ref="D1609">IFERROR(INDEX(Jesper!AH$2:AH$366,ROUNDDOWN($C1609/24,0)+1,1)*INDEX($D$3:$AA$30,INDEX(Jesper!$R$2:$R$366,ROW(INDEX(Jesper!AH$2:AH$366,ROUNDDOWN($C1609/24,0)+1,1))-1)+IF('Standard Profiles'!$G$18=$B$10,7,0)+IF('Standard Profiles'!$G$18=$B$17,14,0)+IF('Standard Profiles'!$G$18=$B$24,21,0),MOD($C1609,24)+1)/SUM(INDEX($D$3:$AA$30,INDEX(Jesper!$R$2:$R$366,ROW(INDEX(Jesper!AH$2:AH$366,ROUNDDOWN($C1609/24,0)+1,1))-1)+IF('Standard Profiles'!$G$18=$B$10,7,0)+IF('Standard Profiles'!$G$18=$B$17,14,0)+IF('Standard Profiles'!$G$18=$B$24,21,0),0)),0)</f>
        <v>16.901386745502109</v>
      </c>
      <c r="E1609" cm="1">
        <f t="array" ref="E1609">IFERROR(INDEX(Jesper!AI$2:AI$366,ROUNDDOWN($C1609/24,0)+1,1)*INDEX($D$3:$AA$30,INDEX(Jesper!$R$2:$R$366,ROW(INDEX(Jesper!AI$2:AI$366,ROUNDDOWN($C1609/24,0)+1,1))-1)+IF('Standard Profiles'!$G$19=$B$10,7,0)+IF('Standard Profiles'!$G$19=$B$17,14,0)+IF('Standard Profiles'!$G$19=$B$24,21,0),MOD($C1609,24)+1)/SUM(INDEX($D$3:$AA$30,INDEX(Jesper!$R$2:$R$366,ROW(INDEX(Jesper!AI$2:AI$366,ROUNDDOWN($C1609/24,0)+1,1))-1)+IF('Standard Profiles'!$G$19=$B$10,7,0)+IF('Standard Profiles'!$G$19=$B$17,14,0)+IF('Standard Profiles'!$G$19=$B$24,21,0),0)),0)</f>
        <v>0</v>
      </c>
      <c r="F1609" cm="1">
        <f t="array" ref="F1609">IFERROR(INDEX(Jesper!AJ$2:AJ$366,ROUNDDOWN($C1609/24,0)+1,1)*INDEX($D$3:$AA$30,INDEX(Jesper!$R$2:$R$366,ROW(INDEX(Jesper!AJ$2:AJ$366,ROUNDDOWN($C1609/24,0)+1,1))-1)+IF('Standard Profiles'!$G$20=$B$10,7,0)+IF('Standard Profiles'!$G$20=$B$17,14,0)+IF('Standard Profiles'!$G$20=$B$24,21,0),MOD($C1609,24)+1)/SUM(INDEX($D$3:$AA$30,INDEX(Jesper!$R$2:$R$366,ROW(INDEX(Jesper!AJ$2:AJ$366,ROUNDDOWN($C1609/24,0)+1,1))-1)+IF('Standard Profiles'!$G$20=$B$10,7,0)+IF('Standard Profiles'!$G$20=$B$17,14,0)+IF('Standard Profiles'!$G$20=$B$24,21,0),0)),0)</f>
        <v>0</v>
      </c>
      <c r="G1609" cm="1">
        <f t="array" ref="G1609">IFERROR(INDEX(Jesper!AK$2:AK$366,ROUNDDOWN($C1609/24,0)+1,1)*INDEX($D$3:$AA$30,INDEX(Jesper!$R$2:$R$366,ROW(INDEX(Jesper!AK$2:AK$366,ROUNDDOWN($C1609/24,0)+1,1))-1)+IF('Standard Profiles'!$G$21=$B$10,7,0)+IF('Standard Profiles'!$G$21=$B$17,14,0)+IF('Standard Profiles'!$G$21=$B$24,21,0),MOD($C1609,24)+1)/SUM(INDEX($D$3:$AA$30,INDEX(Jesper!$R$2:$R$366,ROW(INDEX(Jesper!AK$2:AK$366,ROUNDDOWN($C1609/24,0)+1,1))-1)+IF('Standard Profiles'!$G$21=$B$10,7,0)+IF('Standard Profiles'!$G$21=$B$17,14,0)+IF('Standard Profiles'!$G$21=$B$24,21,0),0)),0)</f>
        <v>0</v>
      </c>
      <c r="H1609" cm="1">
        <f t="array" ref="H1609">IFERROR(INDEX(Jesper!AL$2:AL$366,ROUNDDOWN($C1609/24,0)+1,1)*INDEX($D$3:$AA$30,INDEX(Jesper!$R$2:$R$366,ROW(INDEX(Jesper!AL$2:AL$366,ROUNDDOWN($C1609/24,0)+1,1))-1)+IF('Standard Profiles'!$G$22=$B$10,7,0)+IF('Standard Profiles'!$G$22=$B$17,14,0)+IF('Standard Profiles'!$G$22=$B$24,21,0),MOD($C1609,24)+1)/SUM(INDEX($D$3:$AA$30,INDEX(Jesper!$R$2:$R$366,ROW(INDEX(Jesper!AL$2:AL$366,ROUNDDOWN($C1609/24,0)+1,1))-1)+IF('Standard Profiles'!$G$22=$B$10,7,0)+IF('Standard Profiles'!$G$22=$B$17,14,0)+IF('Standard Profiles'!$G$22=$B$24,21,0),0)),0)</f>
        <v>0</v>
      </c>
      <c r="I1609">
        <f t="shared" si="188"/>
        <v>0.50704160236506324</v>
      </c>
      <c r="J1609">
        <f t="shared" si="189"/>
        <v>1.6901386745502109</v>
      </c>
      <c r="K1609">
        <f t="shared" si="190"/>
        <v>2.5352080118253162</v>
      </c>
      <c r="L1609">
        <f t="shared" si="191"/>
        <v>12.168998456761518</v>
      </c>
      <c r="M1609">
        <f t="shared" si="192"/>
        <v>0</v>
      </c>
      <c r="N1609" s="46">
        <f t="shared" si="193"/>
        <v>45357.62499999618</v>
      </c>
    </row>
    <row r="1610" spans="2:14" x14ac:dyDescent="0.3">
      <c r="B1610">
        <f t="shared" si="187"/>
        <v>3</v>
      </c>
      <c r="C1610" s="16">
        <v>1576</v>
      </c>
      <c r="D1610" cm="1">
        <f t="array" ref="D1610">IFERROR(INDEX(Jesper!AH$2:AH$366,ROUNDDOWN($C1610/24,0)+1,1)*INDEX($D$3:$AA$30,INDEX(Jesper!$R$2:$R$366,ROW(INDEX(Jesper!AH$2:AH$366,ROUNDDOWN($C1610/24,0)+1,1))-1)+IF('Standard Profiles'!$G$18=$B$10,7,0)+IF('Standard Profiles'!$G$18=$B$17,14,0)+IF('Standard Profiles'!$G$18=$B$24,21,0),MOD($C1610,24)+1)/SUM(INDEX($D$3:$AA$30,INDEX(Jesper!$R$2:$R$366,ROW(INDEX(Jesper!AH$2:AH$366,ROUNDDOWN($C1610/24,0)+1,1))-1)+IF('Standard Profiles'!$G$18=$B$10,7,0)+IF('Standard Profiles'!$G$18=$B$17,14,0)+IF('Standard Profiles'!$G$18=$B$24,21,0),0)),0)</f>
        <v>16.901386745502109</v>
      </c>
      <c r="E1610" cm="1">
        <f t="array" ref="E1610">IFERROR(INDEX(Jesper!AI$2:AI$366,ROUNDDOWN($C1610/24,0)+1,1)*INDEX($D$3:$AA$30,INDEX(Jesper!$R$2:$R$366,ROW(INDEX(Jesper!AI$2:AI$366,ROUNDDOWN($C1610/24,0)+1,1))-1)+IF('Standard Profiles'!$G$19=$B$10,7,0)+IF('Standard Profiles'!$G$19=$B$17,14,0)+IF('Standard Profiles'!$G$19=$B$24,21,0),MOD($C1610,24)+1)/SUM(INDEX($D$3:$AA$30,INDEX(Jesper!$R$2:$R$366,ROW(INDEX(Jesper!AI$2:AI$366,ROUNDDOWN($C1610/24,0)+1,1))-1)+IF('Standard Profiles'!$G$19=$B$10,7,0)+IF('Standard Profiles'!$G$19=$B$17,14,0)+IF('Standard Profiles'!$G$19=$B$24,21,0),0)),0)</f>
        <v>0</v>
      </c>
      <c r="F1610" cm="1">
        <f t="array" ref="F1610">IFERROR(INDEX(Jesper!AJ$2:AJ$366,ROUNDDOWN($C1610/24,0)+1,1)*INDEX($D$3:$AA$30,INDEX(Jesper!$R$2:$R$366,ROW(INDEX(Jesper!AJ$2:AJ$366,ROUNDDOWN($C1610/24,0)+1,1))-1)+IF('Standard Profiles'!$G$20=$B$10,7,0)+IF('Standard Profiles'!$G$20=$B$17,14,0)+IF('Standard Profiles'!$G$20=$B$24,21,0),MOD($C1610,24)+1)/SUM(INDEX($D$3:$AA$30,INDEX(Jesper!$R$2:$R$366,ROW(INDEX(Jesper!AJ$2:AJ$366,ROUNDDOWN($C1610/24,0)+1,1))-1)+IF('Standard Profiles'!$G$20=$B$10,7,0)+IF('Standard Profiles'!$G$20=$B$17,14,0)+IF('Standard Profiles'!$G$20=$B$24,21,0),0)),0)</f>
        <v>0</v>
      </c>
      <c r="G1610" cm="1">
        <f t="array" ref="G1610">IFERROR(INDEX(Jesper!AK$2:AK$366,ROUNDDOWN($C1610/24,0)+1,1)*INDEX($D$3:$AA$30,INDEX(Jesper!$R$2:$R$366,ROW(INDEX(Jesper!AK$2:AK$366,ROUNDDOWN($C1610/24,0)+1,1))-1)+IF('Standard Profiles'!$G$21=$B$10,7,0)+IF('Standard Profiles'!$G$21=$B$17,14,0)+IF('Standard Profiles'!$G$21=$B$24,21,0),MOD($C1610,24)+1)/SUM(INDEX($D$3:$AA$30,INDEX(Jesper!$R$2:$R$366,ROW(INDEX(Jesper!AK$2:AK$366,ROUNDDOWN($C1610/24,0)+1,1))-1)+IF('Standard Profiles'!$G$21=$B$10,7,0)+IF('Standard Profiles'!$G$21=$B$17,14,0)+IF('Standard Profiles'!$G$21=$B$24,21,0),0)),0)</f>
        <v>0</v>
      </c>
      <c r="H1610" cm="1">
        <f t="array" ref="H1610">IFERROR(INDEX(Jesper!AL$2:AL$366,ROUNDDOWN($C1610/24,0)+1,1)*INDEX($D$3:$AA$30,INDEX(Jesper!$R$2:$R$366,ROW(INDEX(Jesper!AL$2:AL$366,ROUNDDOWN($C1610/24,0)+1,1))-1)+IF('Standard Profiles'!$G$22=$B$10,7,0)+IF('Standard Profiles'!$G$22=$B$17,14,0)+IF('Standard Profiles'!$G$22=$B$24,21,0),MOD($C1610,24)+1)/SUM(INDEX($D$3:$AA$30,INDEX(Jesper!$R$2:$R$366,ROW(INDEX(Jesper!AL$2:AL$366,ROUNDDOWN($C1610/24,0)+1,1))-1)+IF('Standard Profiles'!$G$22=$B$10,7,0)+IF('Standard Profiles'!$G$22=$B$17,14,0)+IF('Standard Profiles'!$G$22=$B$24,21,0),0)),0)</f>
        <v>0</v>
      </c>
      <c r="I1610">
        <f t="shared" si="188"/>
        <v>0.50704160236506324</v>
      </c>
      <c r="J1610">
        <f t="shared" si="189"/>
        <v>1.6901386745502109</v>
      </c>
      <c r="K1610">
        <f t="shared" si="190"/>
        <v>2.5352080118253162</v>
      </c>
      <c r="L1610">
        <f t="shared" si="191"/>
        <v>12.168998456761518</v>
      </c>
      <c r="M1610">
        <f t="shared" si="192"/>
        <v>0</v>
      </c>
      <c r="N1610" s="46">
        <f t="shared" si="193"/>
        <v>45357.666666662844</v>
      </c>
    </row>
    <row r="1611" spans="2:14" x14ac:dyDescent="0.3">
      <c r="B1611">
        <f t="shared" si="187"/>
        <v>3</v>
      </c>
      <c r="C1611" s="16">
        <v>1577</v>
      </c>
      <c r="D1611" cm="1">
        <f t="array" ref="D1611">IFERROR(INDEX(Jesper!AH$2:AH$366,ROUNDDOWN($C1611/24,0)+1,1)*INDEX($D$3:$AA$30,INDEX(Jesper!$R$2:$R$366,ROW(INDEX(Jesper!AH$2:AH$366,ROUNDDOWN($C1611/24,0)+1,1))-1)+IF('Standard Profiles'!$G$18=$B$10,7,0)+IF('Standard Profiles'!$G$18=$B$17,14,0)+IF('Standard Profiles'!$G$18=$B$24,21,0),MOD($C1611,24)+1)/SUM(INDEX($D$3:$AA$30,INDEX(Jesper!$R$2:$R$366,ROW(INDEX(Jesper!AH$2:AH$366,ROUNDDOWN($C1611/24,0)+1,1))-1)+IF('Standard Profiles'!$G$18=$B$10,7,0)+IF('Standard Profiles'!$G$18=$B$17,14,0)+IF('Standard Profiles'!$G$18=$B$24,21,0),0)),0)</f>
        <v>16.901386745502109</v>
      </c>
      <c r="E1611" cm="1">
        <f t="array" ref="E1611">IFERROR(INDEX(Jesper!AI$2:AI$366,ROUNDDOWN($C1611/24,0)+1,1)*INDEX($D$3:$AA$30,INDEX(Jesper!$R$2:$R$366,ROW(INDEX(Jesper!AI$2:AI$366,ROUNDDOWN($C1611/24,0)+1,1))-1)+IF('Standard Profiles'!$G$19=$B$10,7,0)+IF('Standard Profiles'!$G$19=$B$17,14,0)+IF('Standard Profiles'!$G$19=$B$24,21,0),MOD($C1611,24)+1)/SUM(INDEX($D$3:$AA$30,INDEX(Jesper!$R$2:$R$366,ROW(INDEX(Jesper!AI$2:AI$366,ROUNDDOWN($C1611/24,0)+1,1))-1)+IF('Standard Profiles'!$G$19=$B$10,7,0)+IF('Standard Profiles'!$G$19=$B$17,14,0)+IF('Standard Profiles'!$G$19=$B$24,21,0),0)),0)</f>
        <v>0</v>
      </c>
      <c r="F1611" cm="1">
        <f t="array" ref="F1611">IFERROR(INDEX(Jesper!AJ$2:AJ$366,ROUNDDOWN($C1611/24,0)+1,1)*INDEX($D$3:$AA$30,INDEX(Jesper!$R$2:$R$366,ROW(INDEX(Jesper!AJ$2:AJ$366,ROUNDDOWN($C1611/24,0)+1,1))-1)+IF('Standard Profiles'!$G$20=$B$10,7,0)+IF('Standard Profiles'!$G$20=$B$17,14,0)+IF('Standard Profiles'!$G$20=$B$24,21,0),MOD($C1611,24)+1)/SUM(INDEX($D$3:$AA$30,INDEX(Jesper!$R$2:$R$366,ROW(INDEX(Jesper!AJ$2:AJ$366,ROUNDDOWN($C1611/24,0)+1,1))-1)+IF('Standard Profiles'!$G$20=$B$10,7,0)+IF('Standard Profiles'!$G$20=$B$17,14,0)+IF('Standard Profiles'!$G$20=$B$24,21,0),0)),0)</f>
        <v>0</v>
      </c>
      <c r="G1611" cm="1">
        <f t="array" ref="G1611">IFERROR(INDEX(Jesper!AK$2:AK$366,ROUNDDOWN($C1611/24,0)+1,1)*INDEX($D$3:$AA$30,INDEX(Jesper!$R$2:$R$366,ROW(INDEX(Jesper!AK$2:AK$366,ROUNDDOWN($C1611/24,0)+1,1))-1)+IF('Standard Profiles'!$G$21=$B$10,7,0)+IF('Standard Profiles'!$G$21=$B$17,14,0)+IF('Standard Profiles'!$G$21=$B$24,21,0),MOD($C1611,24)+1)/SUM(INDEX($D$3:$AA$30,INDEX(Jesper!$R$2:$R$366,ROW(INDEX(Jesper!AK$2:AK$366,ROUNDDOWN($C1611/24,0)+1,1))-1)+IF('Standard Profiles'!$G$21=$B$10,7,0)+IF('Standard Profiles'!$G$21=$B$17,14,0)+IF('Standard Profiles'!$G$21=$B$24,21,0),0)),0)</f>
        <v>0</v>
      </c>
      <c r="H1611" cm="1">
        <f t="array" ref="H1611">IFERROR(INDEX(Jesper!AL$2:AL$366,ROUNDDOWN($C1611/24,0)+1,1)*INDEX($D$3:$AA$30,INDEX(Jesper!$R$2:$R$366,ROW(INDEX(Jesper!AL$2:AL$366,ROUNDDOWN($C1611/24,0)+1,1))-1)+IF('Standard Profiles'!$G$22=$B$10,7,0)+IF('Standard Profiles'!$G$22=$B$17,14,0)+IF('Standard Profiles'!$G$22=$B$24,21,0),MOD($C1611,24)+1)/SUM(INDEX($D$3:$AA$30,INDEX(Jesper!$R$2:$R$366,ROW(INDEX(Jesper!AL$2:AL$366,ROUNDDOWN($C1611/24,0)+1,1))-1)+IF('Standard Profiles'!$G$22=$B$10,7,0)+IF('Standard Profiles'!$G$22=$B$17,14,0)+IF('Standard Profiles'!$G$22=$B$24,21,0),0)),0)</f>
        <v>0</v>
      </c>
      <c r="I1611">
        <f t="shared" si="188"/>
        <v>0.50704160236506324</v>
      </c>
      <c r="J1611">
        <f t="shared" si="189"/>
        <v>1.6901386745502109</v>
      </c>
      <c r="K1611">
        <f t="shared" si="190"/>
        <v>2.5352080118253162</v>
      </c>
      <c r="L1611">
        <f t="shared" si="191"/>
        <v>12.168998456761518</v>
      </c>
      <c r="M1611">
        <f t="shared" si="192"/>
        <v>0</v>
      </c>
      <c r="N1611" s="46">
        <f t="shared" si="193"/>
        <v>45357.708333329509</v>
      </c>
    </row>
    <row r="1612" spans="2:14" x14ac:dyDescent="0.3">
      <c r="B1612">
        <f t="shared" si="187"/>
        <v>3</v>
      </c>
      <c r="C1612" s="16">
        <v>1578</v>
      </c>
      <c r="D1612" cm="1">
        <f t="array" ref="D1612">IFERROR(INDEX(Jesper!AH$2:AH$366,ROUNDDOWN($C1612/24,0)+1,1)*INDEX($D$3:$AA$30,INDEX(Jesper!$R$2:$R$366,ROW(INDEX(Jesper!AH$2:AH$366,ROUNDDOWN($C1612/24,0)+1,1))-1)+IF('Standard Profiles'!$G$18=$B$10,7,0)+IF('Standard Profiles'!$G$18=$B$17,14,0)+IF('Standard Profiles'!$G$18=$B$24,21,0),MOD($C1612,24)+1)/SUM(INDEX($D$3:$AA$30,INDEX(Jesper!$R$2:$R$366,ROW(INDEX(Jesper!AH$2:AH$366,ROUNDDOWN($C1612/24,0)+1,1))-1)+IF('Standard Profiles'!$G$18=$B$10,7,0)+IF('Standard Profiles'!$G$18=$B$17,14,0)+IF('Standard Profiles'!$G$18=$B$24,21,0),0)),0)</f>
        <v>16.901386745502109</v>
      </c>
      <c r="E1612" cm="1">
        <f t="array" ref="E1612">IFERROR(INDEX(Jesper!AI$2:AI$366,ROUNDDOWN($C1612/24,0)+1,1)*INDEX($D$3:$AA$30,INDEX(Jesper!$R$2:$R$366,ROW(INDEX(Jesper!AI$2:AI$366,ROUNDDOWN($C1612/24,0)+1,1))-1)+IF('Standard Profiles'!$G$19=$B$10,7,0)+IF('Standard Profiles'!$G$19=$B$17,14,0)+IF('Standard Profiles'!$G$19=$B$24,21,0),MOD($C1612,24)+1)/SUM(INDEX($D$3:$AA$30,INDEX(Jesper!$R$2:$R$366,ROW(INDEX(Jesper!AI$2:AI$366,ROUNDDOWN($C1612/24,0)+1,1))-1)+IF('Standard Profiles'!$G$19=$B$10,7,0)+IF('Standard Profiles'!$G$19=$B$17,14,0)+IF('Standard Profiles'!$G$19=$B$24,21,0),0)),0)</f>
        <v>0</v>
      </c>
      <c r="F1612" cm="1">
        <f t="array" ref="F1612">IFERROR(INDEX(Jesper!AJ$2:AJ$366,ROUNDDOWN($C1612/24,0)+1,1)*INDEX($D$3:$AA$30,INDEX(Jesper!$R$2:$R$366,ROW(INDEX(Jesper!AJ$2:AJ$366,ROUNDDOWN($C1612/24,0)+1,1))-1)+IF('Standard Profiles'!$G$20=$B$10,7,0)+IF('Standard Profiles'!$G$20=$B$17,14,0)+IF('Standard Profiles'!$G$20=$B$24,21,0),MOD($C1612,24)+1)/SUM(INDEX($D$3:$AA$30,INDEX(Jesper!$R$2:$R$366,ROW(INDEX(Jesper!AJ$2:AJ$366,ROUNDDOWN($C1612/24,0)+1,1))-1)+IF('Standard Profiles'!$G$20=$B$10,7,0)+IF('Standard Profiles'!$G$20=$B$17,14,0)+IF('Standard Profiles'!$G$20=$B$24,21,0),0)),0)</f>
        <v>0</v>
      </c>
      <c r="G1612" cm="1">
        <f t="array" ref="G1612">IFERROR(INDEX(Jesper!AK$2:AK$366,ROUNDDOWN($C1612/24,0)+1,1)*INDEX($D$3:$AA$30,INDEX(Jesper!$R$2:$R$366,ROW(INDEX(Jesper!AK$2:AK$366,ROUNDDOWN($C1612/24,0)+1,1))-1)+IF('Standard Profiles'!$G$21=$B$10,7,0)+IF('Standard Profiles'!$G$21=$B$17,14,0)+IF('Standard Profiles'!$G$21=$B$24,21,0),MOD($C1612,24)+1)/SUM(INDEX($D$3:$AA$30,INDEX(Jesper!$R$2:$R$366,ROW(INDEX(Jesper!AK$2:AK$366,ROUNDDOWN($C1612/24,0)+1,1))-1)+IF('Standard Profiles'!$G$21=$B$10,7,0)+IF('Standard Profiles'!$G$21=$B$17,14,0)+IF('Standard Profiles'!$G$21=$B$24,21,0),0)),0)</f>
        <v>0</v>
      </c>
      <c r="H1612" cm="1">
        <f t="array" ref="H1612">IFERROR(INDEX(Jesper!AL$2:AL$366,ROUNDDOWN($C1612/24,0)+1,1)*INDEX($D$3:$AA$30,INDEX(Jesper!$R$2:$R$366,ROW(INDEX(Jesper!AL$2:AL$366,ROUNDDOWN($C1612/24,0)+1,1))-1)+IF('Standard Profiles'!$G$22=$B$10,7,0)+IF('Standard Profiles'!$G$22=$B$17,14,0)+IF('Standard Profiles'!$G$22=$B$24,21,0),MOD($C1612,24)+1)/SUM(INDEX($D$3:$AA$30,INDEX(Jesper!$R$2:$R$366,ROW(INDEX(Jesper!AL$2:AL$366,ROUNDDOWN($C1612/24,0)+1,1))-1)+IF('Standard Profiles'!$G$22=$B$10,7,0)+IF('Standard Profiles'!$G$22=$B$17,14,0)+IF('Standard Profiles'!$G$22=$B$24,21,0),0)),0)</f>
        <v>0</v>
      </c>
      <c r="I1612">
        <f t="shared" si="188"/>
        <v>0.50704160236506324</v>
      </c>
      <c r="J1612">
        <f t="shared" si="189"/>
        <v>1.6901386745502109</v>
      </c>
      <c r="K1612">
        <f t="shared" si="190"/>
        <v>2.5352080118253162</v>
      </c>
      <c r="L1612">
        <f t="shared" si="191"/>
        <v>12.168998456761518</v>
      </c>
      <c r="M1612">
        <f t="shared" si="192"/>
        <v>0</v>
      </c>
      <c r="N1612" s="46">
        <f t="shared" si="193"/>
        <v>45357.749999996173</v>
      </c>
    </row>
    <row r="1613" spans="2:14" x14ac:dyDescent="0.3">
      <c r="B1613">
        <f t="shared" si="187"/>
        <v>3</v>
      </c>
      <c r="C1613" s="16">
        <v>1579</v>
      </c>
      <c r="D1613" cm="1">
        <f t="array" ref="D1613">IFERROR(INDEX(Jesper!AH$2:AH$366,ROUNDDOWN($C1613/24,0)+1,1)*INDEX($D$3:$AA$30,INDEX(Jesper!$R$2:$R$366,ROW(INDEX(Jesper!AH$2:AH$366,ROUNDDOWN($C1613/24,0)+1,1))-1)+IF('Standard Profiles'!$G$18=$B$10,7,0)+IF('Standard Profiles'!$G$18=$B$17,14,0)+IF('Standard Profiles'!$G$18=$B$24,21,0),MOD($C1613,24)+1)/SUM(INDEX($D$3:$AA$30,INDEX(Jesper!$R$2:$R$366,ROW(INDEX(Jesper!AH$2:AH$366,ROUNDDOWN($C1613/24,0)+1,1))-1)+IF('Standard Profiles'!$G$18=$B$10,7,0)+IF('Standard Profiles'!$G$18=$B$17,14,0)+IF('Standard Profiles'!$G$18=$B$24,21,0),0)),0)</f>
        <v>14.084488954585089</v>
      </c>
      <c r="E1613" cm="1">
        <f t="array" ref="E1613">IFERROR(INDEX(Jesper!AI$2:AI$366,ROUNDDOWN($C1613/24,0)+1,1)*INDEX($D$3:$AA$30,INDEX(Jesper!$R$2:$R$366,ROW(INDEX(Jesper!AI$2:AI$366,ROUNDDOWN($C1613/24,0)+1,1))-1)+IF('Standard Profiles'!$G$19=$B$10,7,0)+IF('Standard Profiles'!$G$19=$B$17,14,0)+IF('Standard Profiles'!$G$19=$B$24,21,0),MOD($C1613,24)+1)/SUM(INDEX($D$3:$AA$30,INDEX(Jesper!$R$2:$R$366,ROW(INDEX(Jesper!AI$2:AI$366,ROUNDDOWN($C1613/24,0)+1,1))-1)+IF('Standard Profiles'!$G$19=$B$10,7,0)+IF('Standard Profiles'!$G$19=$B$17,14,0)+IF('Standard Profiles'!$G$19=$B$24,21,0),0)),0)</f>
        <v>0</v>
      </c>
      <c r="F1613" cm="1">
        <f t="array" ref="F1613">IFERROR(INDEX(Jesper!AJ$2:AJ$366,ROUNDDOWN($C1613/24,0)+1,1)*INDEX($D$3:$AA$30,INDEX(Jesper!$R$2:$R$366,ROW(INDEX(Jesper!AJ$2:AJ$366,ROUNDDOWN($C1613/24,0)+1,1))-1)+IF('Standard Profiles'!$G$20=$B$10,7,0)+IF('Standard Profiles'!$G$20=$B$17,14,0)+IF('Standard Profiles'!$G$20=$B$24,21,0),MOD($C1613,24)+1)/SUM(INDEX($D$3:$AA$30,INDEX(Jesper!$R$2:$R$366,ROW(INDEX(Jesper!AJ$2:AJ$366,ROUNDDOWN($C1613/24,0)+1,1))-1)+IF('Standard Profiles'!$G$20=$B$10,7,0)+IF('Standard Profiles'!$G$20=$B$17,14,0)+IF('Standard Profiles'!$G$20=$B$24,21,0),0)),0)</f>
        <v>0</v>
      </c>
      <c r="G1613" cm="1">
        <f t="array" ref="G1613">IFERROR(INDEX(Jesper!AK$2:AK$366,ROUNDDOWN($C1613/24,0)+1,1)*INDEX($D$3:$AA$30,INDEX(Jesper!$R$2:$R$366,ROW(INDEX(Jesper!AK$2:AK$366,ROUNDDOWN($C1613/24,0)+1,1))-1)+IF('Standard Profiles'!$G$21=$B$10,7,0)+IF('Standard Profiles'!$G$21=$B$17,14,0)+IF('Standard Profiles'!$G$21=$B$24,21,0),MOD($C1613,24)+1)/SUM(INDEX($D$3:$AA$30,INDEX(Jesper!$R$2:$R$366,ROW(INDEX(Jesper!AK$2:AK$366,ROUNDDOWN($C1613/24,0)+1,1))-1)+IF('Standard Profiles'!$G$21=$B$10,7,0)+IF('Standard Profiles'!$G$21=$B$17,14,0)+IF('Standard Profiles'!$G$21=$B$24,21,0),0)),0)</f>
        <v>0</v>
      </c>
      <c r="H1613" cm="1">
        <f t="array" ref="H1613">IFERROR(INDEX(Jesper!AL$2:AL$366,ROUNDDOWN($C1613/24,0)+1,1)*INDEX($D$3:$AA$30,INDEX(Jesper!$R$2:$R$366,ROW(INDEX(Jesper!AL$2:AL$366,ROUNDDOWN($C1613/24,0)+1,1))-1)+IF('Standard Profiles'!$G$22=$B$10,7,0)+IF('Standard Profiles'!$G$22=$B$17,14,0)+IF('Standard Profiles'!$G$22=$B$24,21,0),MOD($C1613,24)+1)/SUM(INDEX($D$3:$AA$30,INDEX(Jesper!$R$2:$R$366,ROW(INDEX(Jesper!AL$2:AL$366,ROUNDDOWN($C1613/24,0)+1,1))-1)+IF('Standard Profiles'!$G$22=$B$10,7,0)+IF('Standard Profiles'!$G$22=$B$17,14,0)+IF('Standard Profiles'!$G$22=$B$24,21,0),0)),0)</f>
        <v>0</v>
      </c>
      <c r="I1613">
        <f t="shared" si="188"/>
        <v>0.42253466863755262</v>
      </c>
      <c r="J1613">
        <f t="shared" si="189"/>
        <v>1.408448895458509</v>
      </c>
      <c r="K1613">
        <f t="shared" si="190"/>
        <v>2.1126733431877631</v>
      </c>
      <c r="L1613">
        <f t="shared" si="191"/>
        <v>10.140832047301263</v>
      </c>
      <c r="M1613">
        <f t="shared" si="192"/>
        <v>0</v>
      </c>
      <c r="N1613" s="46">
        <f t="shared" si="193"/>
        <v>45357.791666662837</v>
      </c>
    </row>
    <row r="1614" spans="2:14" x14ac:dyDescent="0.3">
      <c r="B1614">
        <f t="shared" si="187"/>
        <v>3</v>
      </c>
      <c r="C1614" s="16">
        <v>1580</v>
      </c>
      <c r="D1614" cm="1">
        <f t="array" ref="D1614">IFERROR(INDEX(Jesper!AH$2:AH$366,ROUNDDOWN($C1614/24,0)+1,1)*INDEX($D$3:$AA$30,INDEX(Jesper!$R$2:$R$366,ROW(INDEX(Jesper!AH$2:AH$366,ROUNDDOWN($C1614/24,0)+1,1))-1)+IF('Standard Profiles'!$G$18=$B$10,7,0)+IF('Standard Profiles'!$G$18=$B$17,14,0)+IF('Standard Profiles'!$G$18=$B$24,21,0),MOD($C1614,24)+1)/SUM(INDEX($D$3:$AA$30,INDEX(Jesper!$R$2:$R$366,ROW(INDEX(Jesper!AH$2:AH$366,ROUNDDOWN($C1614/24,0)+1,1))-1)+IF('Standard Profiles'!$G$18=$B$10,7,0)+IF('Standard Profiles'!$G$18=$B$17,14,0)+IF('Standard Profiles'!$G$18=$B$24,21,0),0)),0)</f>
        <v>11.267591163668072</v>
      </c>
      <c r="E1614" cm="1">
        <f t="array" ref="E1614">IFERROR(INDEX(Jesper!AI$2:AI$366,ROUNDDOWN($C1614/24,0)+1,1)*INDEX($D$3:$AA$30,INDEX(Jesper!$R$2:$R$366,ROW(INDEX(Jesper!AI$2:AI$366,ROUNDDOWN($C1614/24,0)+1,1))-1)+IF('Standard Profiles'!$G$19=$B$10,7,0)+IF('Standard Profiles'!$G$19=$B$17,14,0)+IF('Standard Profiles'!$G$19=$B$24,21,0),MOD($C1614,24)+1)/SUM(INDEX($D$3:$AA$30,INDEX(Jesper!$R$2:$R$366,ROW(INDEX(Jesper!AI$2:AI$366,ROUNDDOWN($C1614/24,0)+1,1))-1)+IF('Standard Profiles'!$G$19=$B$10,7,0)+IF('Standard Profiles'!$G$19=$B$17,14,0)+IF('Standard Profiles'!$G$19=$B$24,21,0),0)),0)</f>
        <v>0</v>
      </c>
      <c r="F1614" cm="1">
        <f t="array" ref="F1614">IFERROR(INDEX(Jesper!AJ$2:AJ$366,ROUNDDOWN($C1614/24,0)+1,1)*INDEX($D$3:$AA$30,INDEX(Jesper!$R$2:$R$366,ROW(INDEX(Jesper!AJ$2:AJ$366,ROUNDDOWN($C1614/24,0)+1,1))-1)+IF('Standard Profiles'!$G$20=$B$10,7,0)+IF('Standard Profiles'!$G$20=$B$17,14,0)+IF('Standard Profiles'!$G$20=$B$24,21,0),MOD($C1614,24)+1)/SUM(INDEX($D$3:$AA$30,INDEX(Jesper!$R$2:$R$366,ROW(INDEX(Jesper!AJ$2:AJ$366,ROUNDDOWN($C1614/24,0)+1,1))-1)+IF('Standard Profiles'!$G$20=$B$10,7,0)+IF('Standard Profiles'!$G$20=$B$17,14,0)+IF('Standard Profiles'!$G$20=$B$24,21,0),0)),0)</f>
        <v>0</v>
      </c>
      <c r="G1614" cm="1">
        <f t="array" ref="G1614">IFERROR(INDEX(Jesper!AK$2:AK$366,ROUNDDOWN($C1614/24,0)+1,1)*INDEX($D$3:$AA$30,INDEX(Jesper!$R$2:$R$366,ROW(INDEX(Jesper!AK$2:AK$366,ROUNDDOWN($C1614/24,0)+1,1))-1)+IF('Standard Profiles'!$G$21=$B$10,7,0)+IF('Standard Profiles'!$G$21=$B$17,14,0)+IF('Standard Profiles'!$G$21=$B$24,21,0),MOD($C1614,24)+1)/SUM(INDEX($D$3:$AA$30,INDEX(Jesper!$R$2:$R$366,ROW(INDEX(Jesper!AK$2:AK$366,ROUNDDOWN($C1614/24,0)+1,1))-1)+IF('Standard Profiles'!$G$21=$B$10,7,0)+IF('Standard Profiles'!$G$21=$B$17,14,0)+IF('Standard Profiles'!$G$21=$B$24,21,0),0)),0)</f>
        <v>0</v>
      </c>
      <c r="H1614" cm="1">
        <f t="array" ref="H1614">IFERROR(INDEX(Jesper!AL$2:AL$366,ROUNDDOWN($C1614/24,0)+1,1)*INDEX($D$3:$AA$30,INDEX(Jesper!$R$2:$R$366,ROW(INDEX(Jesper!AL$2:AL$366,ROUNDDOWN($C1614/24,0)+1,1))-1)+IF('Standard Profiles'!$G$22=$B$10,7,0)+IF('Standard Profiles'!$G$22=$B$17,14,0)+IF('Standard Profiles'!$G$22=$B$24,21,0),MOD($C1614,24)+1)/SUM(INDEX($D$3:$AA$30,INDEX(Jesper!$R$2:$R$366,ROW(INDEX(Jesper!AL$2:AL$366,ROUNDDOWN($C1614/24,0)+1,1))-1)+IF('Standard Profiles'!$G$22=$B$10,7,0)+IF('Standard Profiles'!$G$22=$B$17,14,0)+IF('Standard Profiles'!$G$22=$B$24,21,0),0)),0)</f>
        <v>0</v>
      </c>
      <c r="I1614">
        <f t="shared" si="188"/>
        <v>0.33802773491004218</v>
      </c>
      <c r="J1614">
        <f t="shared" si="189"/>
        <v>1.1267591163668074</v>
      </c>
      <c r="K1614">
        <f t="shared" si="190"/>
        <v>1.6901386745502107</v>
      </c>
      <c r="L1614">
        <f t="shared" si="191"/>
        <v>8.1126656378410118</v>
      </c>
      <c r="M1614">
        <f t="shared" si="192"/>
        <v>0</v>
      </c>
      <c r="N1614" s="46">
        <f t="shared" si="193"/>
        <v>45357.833333329501</v>
      </c>
    </row>
    <row r="1615" spans="2:14" x14ac:dyDescent="0.3">
      <c r="B1615">
        <f t="shared" si="187"/>
        <v>3</v>
      </c>
      <c r="C1615" s="16">
        <v>1581</v>
      </c>
      <c r="D1615" cm="1">
        <f t="array" ref="D1615">IFERROR(INDEX(Jesper!AH$2:AH$366,ROUNDDOWN($C1615/24,0)+1,1)*INDEX($D$3:$AA$30,INDEX(Jesper!$R$2:$R$366,ROW(INDEX(Jesper!AH$2:AH$366,ROUNDDOWN($C1615/24,0)+1,1))-1)+IF('Standard Profiles'!$G$18=$B$10,7,0)+IF('Standard Profiles'!$G$18=$B$17,14,0)+IF('Standard Profiles'!$G$18=$B$24,21,0),MOD($C1615,24)+1)/SUM(INDEX($D$3:$AA$30,INDEX(Jesper!$R$2:$R$366,ROW(INDEX(Jesper!AH$2:AH$366,ROUNDDOWN($C1615/24,0)+1,1))-1)+IF('Standard Profiles'!$G$18=$B$10,7,0)+IF('Standard Profiles'!$G$18=$B$17,14,0)+IF('Standard Profiles'!$G$18=$B$24,21,0),0)),0)</f>
        <v>8.4506933727510543</v>
      </c>
      <c r="E1615" cm="1">
        <f t="array" ref="E1615">IFERROR(INDEX(Jesper!AI$2:AI$366,ROUNDDOWN($C1615/24,0)+1,1)*INDEX($D$3:$AA$30,INDEX(Jesper!$R$2:$R$366,ROW(INDEX(Jesper!AI$2:AI$366,ROUNDDOWN($C1615/24,0)+1,1))-1)+IF('Standard Profiles'!$G$19=$B$10,7,0)+IF('Standard Profiles'!$G$19=$B$17,14,0)+IF('Standard Profiles'!$G$19=$B$24,21,0),MOD($C1615,24)+1)/SUM(INDEX($D$3:$AA$30,INDEX(Jesper!$R$2:$R$366,ROW(INDEX(Jesper!AI$2:AI$366,ROUNDDOWN($C1615/24,0)+1,1))-1)+IF('Standard Profiles'!$G$19=$B$10,7,0)+IF('Standard Profiles'!$G$19=$B$17,14,0)+IF('Standard Profiles'!$G$19=$B$24,21,0),0)),0)</f>
        <v>0</v>
      </c>
      <c r="F1615" cm="1">
        <f t="array" ref="F1615">IFERROR(INDEX(Jesper!AJ$2:AJ$366,ROUNDDOWN($C1615/24,0)+1,1)*INDEX($D$3:$AA$30,INDEX(Jesper!$R$2:$R$366,ROW(INDEX(Jesper!AJ$2:AJ$366,ROUNDDOWN($C1615/24,0)+1,1))-1)+IF('Standard Profiles'!$G$20=$B$10,7,0)+IF('Standard Profiles'!$G$20=$B$17,14,0)+IF('Standard Profiles'!$G$20=$B$24,21,0),MOD($C1615,24)+1)/SUM(INDEX($D$3:$AA$30,INDEX(Jesper!$R$2:$R$366,ROW(INDEX(Jesper!AJ$2:AJ$366,ROUNDDOWN($C1615/24,0)+1,1))-1)+IF('Standard Profiles'!$G$20=$B$10,7,0)+IF('Standard Profiles'!$G$20=$B$17,14,0)+IF('Standard Profiles'!$G$20=$B$24,21,0),0)),0)</f>
        <v>0</v>
      </c>
      <c r="G1615" cm="1">
        <f t="array" ref="G1615">IFERROR(INDEX(Jesper!AK$2:AK$366,ROUNDDOWN($C1615/24,0)+1,1)*INDEX($D$3:$AA$30,INDEX(Jesper!$R$2:$R$366,ROW(INDEX(Jesper!AK$2:AK$366,ROUNDDOWN($C1615/24,0)+1,1))-1)+IF('Standard Profiles'!$G$21=$B$10,7,0)+IF('Standard Profiles'!$G$21=$B$17,14,0)+IF('Standard Profiles'!$G$21=$B$24,21,0),MOD($C1615,24)+1)/SUM(INDEX($D$3:$AA$30,INDEX(Jesper!$R$2:$R$366,ROW(INDEX(Jesper!AK$2:AK$366,ROUNDDOWN($C1615/24,0)+1,1))-1)+IF('Standard Profiles'!$G$21=$B$10,7,0)+IF('Standard Profiles'!$G$21=$B$17,14,0)+IF('Standard Profiles'!$G$21=$B$24,21,0),0)),0)</f>
        <v>0</v>
      </c>
      <c r="H1615" cm="1">
        <f t="array" ref="H1615">IFERROR(INDEX(Jesper!AL$2:AL$366,ROUNDDOWN($C1615/24,0)+1,1)*INDEX($D$3:$AA$30,INDEX(Jesper!$R$2:$R$366,ROW(INDEX(Jesper!AL$2:AL$366,ROUNDDOWN($C1615/24,0)+1,1))-1)+IF('Standard Profiles'!$G$22=$B$10,7,0)+IF('Standard Profiles'!$G$22=$B$17,14,0)+IF('Standard Profiles'!$G$22=$B$24,21,0),MOD($C1615,24)+1)/SUM(INDEX($D$3:$AA$30,INDEX(Jesper!$R$2:$R$366,ROW(INDEX(Jesper!AL$2:AL$366,ROUNDDOWN($C1615/24,0)+1,1))-1)+IF('Standard Profiles'!$G$22=$B$10,7,0)+IF('Standard Profiles'!$G$22=$B$17,14,0)+IF('Standard Profiles'!$G$22=$B$24,21,0),0)),0)</f>
        <v>0</v>
      </c>
      <c r="I1615">
        <f t="shared" si="188"/>
        <v>0.25352080118253162</v>
      </c>
      <c r="J1615">
        <f t="shared" si="189"/>
        <v>0.84506933727510547</v>
      </c>
      <c r="K1615">
        <f t="shared" si="190"/>
        <v>1.2676040059126581</v>
      </c>
      <c r="L1615">
        <f t="shared" si="191"/>
        <v>6.0844992283807589</v>
      </c>
      <c r="M1615">
        <f t="shared" si="192"/>
        <v>0</v>
      </c>
      <c r="N1615" s="46">
        <f t="shared" si="193"/>
        <v>45357.874999996166</v>
      </c>
    </row>
    <row r="1616" spans="2:14" x14ac:dyDescent="0.3">
      <c r="B1616">
        <f t="shared" si="187"/>
        <v>3</v>
      </c>
      <c r="C1616" s="16">
        <v>1582</v>
      </c>
      <c r="D1616" cm="1">
        <f t="array" ref="D1616">IFERROR(INDEX(Jesper!AH$2:AH$366,ROUNDDOWN($C1616/24,0)+1,1)*INDEX($D$3:$AA$30,INDEX(Jesper!$R$2:$R$366,ROW(INDEX(Jesper!AH$2:AH$366,ROUNDDOWN($C1616/24,0)+1,1))-1)+IF('Standard Profiles'!$G$18=$B$10,7,0)+IF('Standard Profiles'!$G$18=$B$17,14,0)+IF('Standard Profiles'!$G$18=$B$24,21,0),MOD($C1616,24)+1)/SUM(INDEX($D$3:$AA$30,INDEX(Jesper!$R$2:$R$366,ROW(INDEX(Jesper!AH$2:AH$366,ROUNDDOWN($C1616/24,0)+1,1))-1)+IF('Standard Profiles'!$G$18=$B$10,7,0)+IF('Standard Profiles'!$G$18=$B$17,14,0)+IF('Standard Profiles'!$G$18=$B$24,21,0),0)),0)</f>
        <v>8.4506933727510543</v>
      </c>
      <c r="E1616" cm="1">
        <f t="array" ref="E1616">IFERROR(INDEX(Jesper!AI$2:AI$366,ROUNDDOWN($C1616/24,0)+1,1)*INDEX($D$3:$AA$30,INDEX(Jesper!$R$2:$R$366,ROW(INDEX(Jesper!AI$2:AI$366,ROUNDDOWN($C1616/24,0)+1,1))-1)+IF('Standard Profiles'!$G$19=$B$10,7,0)+IF('Standard Profiles'!$G$19=$B$17,14,0)+IF('Standard Profiles'!$G$19=$B$24,21,0),MOD($C1616,24)+1)/SUM(INDEX($D$3:$AA$30,INDEX(Jesper!$R$2:$R$366,ROW(INDEX(Jesper!AI$2:AI$366,ROUNDDOWN($C1616/24,0)+1,1))-1)+IF('Standard Profiles'!$G$19=$B$10,7,0)+IF('Standard Profiles'!$G$19=$B$17,14,0)+IF('Standard Profiles'!$G$19=$B$24,21,0),0)),0)</f>
        <v>0</v>
      </c>
      <c r="F1616" cm="1">
        <f t="array" ref="F1616">IFERROR(INDEX(Jesper!AJ$2:AJ$366,ROUNDDOWN($C1616/24,0)+1,1)*INDEX($D$3:$AA$30,INDEX(Jesper!$R$2:$R$366,ROW(INDEX(Jesper!AJ$2:AJ$366,ROUNDDOWN($C1616/24,0)+1,1))-1)+IF('Standard Profiles'!$G$20=$B$10,7,0)+IF('Standard Profiles'!$G$20=$B$17,14,0)+IF('Standard Profiles'!$G$20=$B$24,21,0),MOD($C1616,24)+1)/SUM(INDEX($D$3:$AA$30,INDEX(Jesper!$R$2:$R$366,ROW(INDEX(Jesper!AJ$2:AJ$366,ROUNDDOWN($C1616/24,0)+1,1))-1)+IF('Standard Profiles'!$G$20=$B$10,7,0)+IF('Standard Profiles'!$G$20=$B$17,14,0)+IF('Standard Profiles'!$G$20=$B$24,21,0),0)),0)</f>
        <v>0</v>
      </c>
      <c r="G1616" cm="1">
        <f t="array" ref="G1616">IFERROR(INDEX(Jesper!AK$2:AK$366,ROUNDDOWN($C1616/24,0)+1,1)*INDEX($D$3:$AA$30,INDEX(Jesper!$R$2:$R$366,ROW(INDEX(Jesper!AK$2:AK$366,ROUNDDOWN($C1616/24,0)+1,1))-1)+IF('Standard Profiles'!$G$21=$B$10,7,0)+IF('Standard Profiles'!$G$21=$B$17,14,0)+IF('Standard Profiles'!$G$21=$B$24,21,0),MOD($C1616,24)+1)/SUM(INDEX($D$3:$AA$30,INDEX(Jesper!$R$2:$R$366,ROW(INDEX(Jesper!AK$2:AK$366,ROUNDDOWN($C1616/24,0)+1,1))-1)+IF('Standard Profiles'!$G$21=$B$10,7,0)+IF('Standard Profiles'!$G$21=$B$17,14,0)+IF('Standard Profiles'!$G$21=$B$24,21,0),0)),0)</f>
        <v>0</v>
      </c>
      <c r="H1616" cm="1">
        <f t="array" ref="H1616">IFERROR(INDEX(Jesper!AL$2:AL$366,ROUNDDOWN($C1616/24,0)+1,1)*INDEX($D$3:$AA$30,INDEX(Jesper!$R$2:$R$366,ROW(INDEX(Jesper!AL$2:AL$366,ROUNDDOWN($C1616/24,0)+1,1))-1)+IF('Standard Profiles'!$G$22=$B$10,7,0)+IF('Standard Profiles'!$G$22=$B$17,14,0)+IF('Standard Profiles'!$G$22=$B$24,21,0),MOD($C1616,24)+1)/SUM(INDEX($D$3:$AA$30,INDEX(Jesper!$R$2:$R$366,ROW(INDEX(Jesper!AL$2:AL$366,ROUNDDOWN($C1616/24,0)+1,1))-1)+IF('Standard Profiles'!$G$22=$B$10,7,0)+IF('Standard Profiles'!$G$22=$B$17,14,0)+IF('Standard Profiles'!$G$22=$B$24,21,0),0)),0)</f>
        <v>0</v>
      </c>
      <c r="I1616">
        <f t="shared" si="188"/>
        <v>0.25352080118253162</v>
      </c>
      <c r="J1616">
        <f t="shared" si="189"/>
        <v>0.84506933727510547</v>
      </c>
      <c r="K1616">
        <f t="shared" si="190"/>
        <v>1.2676040059126581</v>
      </c>
      <c r="L1616">
        <f t="shared" si="191"/>
        <v>6.0844992283807589</v>
      </c>
      <c r="M1616">
        <f t="shared" si="192"/>
        <v>0</v>
      </c>
      <c r="N1616" s="46">
        <f t="shared" si="193"/>
        <v>45357.91666666283</v>
      </c>
    </row>
    <row r="1617" spans="2:14" x14ac:dyDescent="0.3">
      <c r="B1617">
        <f t="shared" si="187"/>
        <v>3</v>
      </c>
      <c r="C1617" s="16">
        <v>1583</v>
      </c>
      <c r="D1617" cm="1">
        <f t="array" ref="D1617">IFERROR(INDEX(Jesper!AH$2:AH$366,ROUNDDOWN($C1617/24,0)+1,1)*INDEX($D$3:$AA$30,INDEX(Jesper!$R$2:$R$366,ROW(INDEX(Jesper!AH$2:AH$366,ROUNDDOWN($C1617/24,0)+1,1))-1)+IF('Standard Profiles'!$G$18=$B$10,7,0)+IF('Standard Profiles'!$G$18=$B$17,14,0)+IF('Standard Profiles'!$G$18=$B$24,21,0),MOD($C1617,24)+1)/SUM(INDEX($D$3:$AA$30,INDEX(Jesper!$R$2:$R$366,ROW(INDEX(Jesper!AH$2:AH$366,ROUNDDOWN($C1617/24,0)+1,1))-1)+IF('Standard Profiles'!$G$18=$B$10,7,0)+IF('Standard Profiles'!$G$18=$B$17,14,0)+IF('Standard Profiles'!$G$18=$B$24,21,0),0)),0)</f>
        <v>8.4506933727510543</v>
      </c>
      <c r="E1617" cm="1">
        <f t="array" ref="E1617">IFERROR(INDEX(Jesper!AI$2:AI$366,ROUNDDOWN($C1617/24,0)+1,1)*INDEX($D$3:$AA$30,INDEX(Jesper!$R$2:$R$366,ROW(INDEX(Jesper!AI$2:AI$366,ROUNDDOWN($C1617/24,0)+1,1))-1)+IF('Standard Profiles'!$G$19=$B$10,7,0)+IF('Standard Profiles'!$G$19=$B$17,14,0)+IF('Standard Profiles'!$G$19=$B$24,21,0),MOD($C1617,24)+1)/SUM(INDEX($D$3:$AA$30,INDEX(Jesper!$R$2:$R$366,ROW(INDEX(Jesper!AI$2:AI$366,ROUNDDOWN($C1617/24,0)+1,1))-1)+IF('Standard Profiles'!$G$19=$B$10,7,0)+IF('Standard Profiles'!$G$19=$B$17,14,0)+IF('Standard Profiles'!$G$19=$B$24,21,0),0)),0)</f>
        <v>0</v>
      </c>
      <c r="F1617" cm="1">
        <f t="array" ref="F1617">IFERROR(INDEX(Jesper!AJ$2:AJ$366,ROUNDDOWN($C1617/24,0)+1,1)*INDEX($D$3:$AA$30,INDEX(Jesper!$R$2:$R$366,ROW(INDEX(Jesper!AJ$2:AJ$366,ROUNDDOWN($C1617/24,0)+1,1))-1)+IF('Standard Profiles'!$G$20=$B$10,7,0)+IF('Standard Profiles'!$G$20=$B$17,14,0)+IF('Standard Profiles'!$G$20=$B$24,21,0),MOD($C1617,24)+1)/SUM(INDEX($D$3:$AA$30,INDEX(Jesper!$R$2:$R$366,ROW(INDEX(Jesper!AJ$2:AJ$366,ROUNDDOWN($C1617/24,0)+1,1))-1)+IF('Standard Profiles'!$G$20=$B$10,7,0)+IF('Standard Profiles'!$G$20=$B$17,14,0)+IF('Standard Profiles'!$G$20=$B$24,21,0),0)),0)</f>
        <v>0</v>
      </c>
      <c r="G1617" cm="1">
        <f t="array" ref="G1617">IFERROR(INDEX(Jesper!AK$2:AK$366,ROUNDDOWN($C1617/24,0)+1,1)*INDEX($D$3:$AA$30,INDEX(Jesper!$R$2:$R$366,ROW(INDEX(Jesper!AK$2:AK$366,ROUNDDOWN($C1617/24,0)+1,1))-1)+IF('Standard Profiles'!$G$21=$B$10,7,0)+IF('Standard Profiles'!$G$21=$B$17,14,0)+IF('Standard Profiles'!$G$21=$B$24,21,0),MOD($C1617,24)+1)/SUM(INDEX($D$3:$AA$30,INDEX(Jesper!$R$2:$R$366,ROW(INDEX(Jesper!AK$2:AK$366,ROUNDDOWN($C1617/24,0)+1,1))-1)+IF('Standard Profiles'!$G$21=$B$10,7,0)+IF('Standard Profiles'!$G$21=$B$17,14,0)+IF('Standard Profiles'!$G$21=$B$24,21,0),0)),0)</f>
        <v>0</v>
      </c>
      <c r="H1617" cm="1">
        <f t="array" ref="H1617">IFERROR(INDEX(Jesper!AL$2:AL$366,ROUNDDOWN($C1617/24,0)+1,1)*INDEX($D$3:$AA$30,INDEX(Jesper!$R$2:$R$366,ROW(INDEX(Jesper!AL$2:AL$366,ROUNDDOWN($C1617/24,0)+1,1))-1)+IF('Standard Profiles'!$G$22=$B$10,7,0)+IF('Standard Profiles'!$G$22=$B$17,14,0)+IF('Standard Profiles'!$G$22=$B$24,21,0),MOD($C1617,24)+1)/SUM(INDEX($D$3:$AA$30,INDEX(Jesper!$R$2:$R$366,ROW(INDEX(Jesper!AL$2:AL$366,ROUNDDOWN($C1617/24,0)+1,1))-1)+IF('Standard Profiles'!$G$22=$B$10,7,0)+IF('Standard Profiles'!$G$22=$B$17,14,0)+IF('Standard Profiles'!$G$22=$B$24,21,0),0)),0)</f>
        <v>0</v>
      </c>
      <c r="I1617">
        <f t="shared" si="188"/>
        <v>0.25352080118253162</v>
      </c>
      <c r="J1617">
        <f t="shared" si="189"/>
        <v>0.84506933727510547</v>
      </c>
      <c r="K1617">
        <f t="shared" si="190"/>
        <v>1.2676040059126581</v>
      </c>
      <c r="L1617">
        <f t="shared" si="191"/>
        <v>6.0844992283807589</v>
      </c>
      <c r="M1617">
        <f t="shared" si="192"/>
        <v>0</v>
      </c>
      <c r="N1617" s="46">
        <f t="shared" si="193"/>
        <v>45357.958333329494</v>
      </c>
    </row>
    <row r="1618" spans="2:14" x14ac:dyDescent="0.3">
      <c r="B1618">
        <f t="shared" si="187"/>
        <v>4</v>
      </c>
      <c r="C1618" s="16">
        <v>1584</v>
      </c>
      <c r="D1618" cm="1">
        <f t="array" ref="D1618">IFERROR(INDEX(Jesper!AH$2:AH$366,ROUNDDOWN($C1618/24,0)+1,1)*INDEX($D$3:$AA$30,INDEX(Jesper!$R$2:$R$366,ROW(INDEX(Jesper!AH$2:AH$366,ROUNDDOWN($C1618/24,0)+1,1))-1)+IF('Standard Profiles'!$G$18=$B$10,7,0)+IF('Standard Profiles'!$G$18=$B$17,14,0)+IF('Standard Profiles'!$G$18=$B$24,21,0),MOD($C1618,24)+1)/SUM(INDEX($D$3:$AA$30,INDEX(Jesper!$R$2:$R$366,ROW(INDEX(Jesper!AH$2:AH$366,ROUNDDOWN($C1618/24,0)+1,1))-1)+IF('Standard Profiles'!$G$18=$B$10,7,0)+IF('Standard Profiles'!$G$18=$B$17,14,0)+IF('Standard Profiles'!$G$18=$B$24,21,0),0)),0)</f>
        <v>8.6266667873149316</v>
      </c>
      <c r="E1618" cm="1">
        <f t="array" ref="E1618">IFERROR(INDEX(Jesper!AI$2:AI$366,ROUNDDOWN($C1618/24,0)+1,1)*INDEX($D$3:$AA$30,INDEX(Jesper!$R$2:$R$366,ROW(INDEX(Jesper!AI$2:AI$366,ROUNDDOWN($C1618/24,0)+1,1))-1)+IF('Standard Profiles'!$G$19=$B$10,7,0)+IF('Standard Profiles'!$G$19=$B$17,14,0)+IF('Standard Profiles'!$G$19=$B$24,21,0),MOD($C1618,24)+1)/SUM(INDEX($D$3:$AA$30,INDEX(Jesper!$R$2:$R$366,ROW(INDEX(Jesper!AI$2:AI$366,ROUNDDOWN($C1618/24,0)+1,1))-1)+IF('Standard Profiles'!$G$19=$B$10,7,0)+IF('Standard Profiles'!$G$19=$B$17,14,0)+IF('Standard Profiles'!$G$19=$B$24,21,0),0)),0)</f>
        <v>0</v>
      </c>
      <c r="F1618" cm="1">
        <f t="array" ref="F1618">IFERROR(INDEX(Jesper!AJ$2:AJ$366,ROUNDDOWN($C1618/24,0)+1,1)*INDEX($D$3:$AA$30,INDEX(Jesper!$R$2:$R$366,ROW(INDEX(Jesper!AJ$2:AJ$366,ROUNDDOWN($C1618/24,0)+1,1))-1)+IF('Standard Profiles'!$G$20=$B$10,7,0)+IF('Standard Profiles'!$G$20=$B$17,14,0)+IF('Standard Profiles'!$G$20=$B$24,21,0),MOD($C1618,24)+1)/SUM(INDEX($D$3:$AA$30,INDEX(Jesper!$R$2:$R$366,ROW(INDEX(Jesper!AJ$2:AJ$366,ROUNDDOWN($C1618/24,0)+1,1))-1)+IF('Standard Profiles'!$G$20=$B$10,7,0)+IF('Standard Profiles'!$G$20=$B$17,14,0)+IF('Standard Profiles'!$G$20=$B$24,21,0),0)),0)</f>
        <v>0</v>
      </c>
      <c r="G1618" cm="1">
        <f t="array" ref="G1618">IFERROR(INDEX(Jesper!AK$2:AK$366,ROUNDDOWN($C1618/24,0)+1,1)*INDEX($D$3:$AA$30,INDEX(Jesper!$R$2:$R$366,ROW(INDEX(Jesper!AK$2:AK$366,ROUNDDOWN($C1618/24,0)+1,1))-1)+IF('Standard Profiles'!$G$21=$B$10,7,0)+IF('Standard Profiles'!$G$21=$B$17,14,0)+IF('Standard Profiles'!$G$21=$B$24,21,0),MOD($C1618,24)+1)/SUM(INDEX($D$3:$AA$30,INDEX(Jesper!$R$2:$R$366,ROW(INDEX(Jesper!AK$2:AK$366,ROUNDDOWN($C1618/24,0)+1,1))-1)+IF('Standard Profiles'!$G$21=$B$10,7,0)+IF('Standard Profiles'!$G$21=$B$17,14,0)+IF('Standard Profiles'!$G$21=$B$24,21,0),0)),0)</f>
        <v>0</v>
      </c>
      <c r="H1618" cm="1">
        <f t="array" ref="H1618">IFERROR(INDEX(Jesper!AL$2:AL$366,ROUNDDOWN($C1618/24,0)+1,1)*INDEX($D$3:$AA$30,INDEX(Jesper!$R$2:$R$366,ROW(INDEX(Jesper!AL$2:AL$366,ROUNDDOWN($C1618/24,0)+1,1))-1)+IF('Standard Profiles'!$G$22=$B$10,7,0)+IF('Standard Profiles'!$G$22=$B$17,14,0)+IF('Standard Profiles'!$G$22=$B$24,21,0),MOD($C1618,24)+1)/SUM(INDEX($D$3:$AA$30,INDEX(Jesper!$R$2:$R$366,ROW(INDEX(Jesper!AL$2:AL$366,ROUNDDOWN($C1618/24,0)+1,1))-1)+IF('Standard Profiles'!$G$22=$B$10,7,0)+IF('Standard Profiles'!$G$22=$B$17,14,0)+IF('Standard Profiles'!$G$22=$B$24,21,0),0)),0)</f>
        <v>0</v>
      </c>
      <c r="I1618">
        <f t="shared" si="188"/>
        <v>0.25880000361944794</v>
      </c>
      <c r="J1618">
        <f t="shared" si="189"/>
        <v>0.86266667873149316</v>
      </c>
      <c r="K1618">
        <f t="shared" si="190"/>
        <v>1.2940000180972397</v>
      </c>
      <c r="L1618">
        <f t="shared" si="191"/>
        <v>6.211200086866751</v>
      </c>
      <c r="M1618">
        <f t="shared" si="192"/>
        <v>0</v>
      </c>
      <c r="N1618" s="46">
        <f t="shared" si="193"/>
        <v>45357.999999996158</v>
      </c>
    </row>
    <row r="1619" spans="2:14" x14ac:dyDescent="0.3">
      <c r="B1619">
        <f t="shared" si="187"/>
        <v>4</v>
      </c>
      <c r="C1619" s="16">
        <v>1585</v>
      </c>
      <c r="D1619" cm="1">
        <f t="array" ref="D1619">IFERROR(INDEX(Jesper!AH$2:AH$366,ROUNDDOWN($C1619/24,0)+1,1)*INDEX($D$3:$AA$30,INDEX(Jesper!$R$2:$R$366,ROW(INDEX(Jesper!AH$2:AH$366,ROUNDDOWN($C1619/24,0)+1,1))-1)+IF('Standard Profiles'!$G$18=$B$10,7,0)+IF('Standard Profiles'!$G$18=$B$17,14,0)+IF('Standard Profiles'!$G$18=$B$24,21,0),MOD($C1619,24)+1)/SUM(INDEX($D$3:$AA$30,INDEX(Jesper!$R$2:$R$366,ROW(INDEX(Jesper!AH$2:AH$366,ROUNDDOWN($C1619/24,0)+1,1))-1)+IF('Standard Profiles'!$G$18=$B$10,7,0)+IF('Standard Profiles'!$G$18=$B$17,14,0)+IF('Standard Profiles'!$G$18=$B$24,21,0),0)),0)</f>
        <v>8.6266667873149316</v>
      </c>
      <c r="E1619" cm="1">
        <f t="array" ref="E1619">IFERROR(INDEX(Jesper!AI$2:AI$366,ROUNDDOWN($C1619/24,0)+1,1)*INDEX($D$3:$AA$30,INDEX(Jesper!$R$2:$R$366,ROW(INDEX(Jesper!AI$2:AI$366,ROUNDDOWN($C1619/24,0)+1,1))-1)+IF('Standard Profiles'!$G$19=$B$10,7,0)+IF('Standard Profiles'!$G$19=$B$17,14,0)+IF('Standard Profiles'!$G$19=$B$24,21,0),MOD($C1619,24)+1)/SUM(INDEX($D$3:$AA$30,INDEX(Jesper!$R$2:$R$366,ROW(INDEX(Jesper!AI$2:AI$366,ROUNDDOWN($C1619/24,0)+1,1))-1)+IF('Standard Profiles'!$G$19=$B$10,7,0)+IF('Standard Profiles'!$G$19=$B$17,14,0)+IF('Standard Profiles'!$G$19=$B$24,21,0),0)),0)</f>
        <v>0</v>
      </c>
      <c r="F1619" cm="1">
        <f t="array" ref="F1619">IFERROR(INDEX(Jesper!AJ$2:AJ$366,ROUNDDOWN($C1619/24,0)+1,1)*INDEX($D$3:$AA$30,INDEX(Jesper!$R$2:$R$366,ROW(INDEX(Jesper!AJ$2:AJ$366,ROUNDDOWN($C1619/24,0)+1,1))-1)+IF('Standard Profiles'!$G$20=$B$10,7,0)+IF('Standard Profiles'!$G$20=$B$17,14,0)+IF('Standard Profiles'!$G$20=$B$24,21,0),MOD($C1619,24)+1)/SUM(INDEX($D$3:$AA$30,INDEX(Jesper!$R$2:$R$366,ROW(INDEX(Jesper!AJ$2:AJ$366,ROUNDDOWN($C1619/24,0)+1,1))-1)+IF('Standard Profiles'!$G$20=$B$10,7,0)+IF('Standard Profiles'!$G$20=$B$17,14,0)+IF('Standard Profiles'!$G$20=$B$24,21,0),0)),0)</f>
        <v>0</v>
      </c>
      <c r="G1619" cm="1">
        <f t="array" ref="G1619">IFERROR(INDEX(Jesper!AK$2:AK$366,ROUNDDOWN($C1619/24,0)+1,1)*INDEX($D$3:$AA$30,INDEX(Jesper!$R$2:$R$366,ROW(INDEX(Jesper!AK$2:AK$366,ROUNDDOWN($C1619/24,0)+1,1))-1)+IF('Standard Profiles'!$G$21=$B$10,7,0)+IF('Standard Profiles'!$G$21=$B$17,14,0)+IF('Standard Profiles'!$G$21=$B$24,21,0),MOD($C1619,24)+1)/SUM(INDEX($D$3:$AA$30,INDEX(Jesper!$R$2:$R$366,ROW(INDEX(Jesper!AK$2:AK$366,ROUNDDOWN($C1619/24,0)+1,1))-1)+IF('Standard Profiles'!$G$21=$B$10,7,0)+IF('Standard Profiles'!$G$21=$B$17,14,0)+IF('Standard Profiles'!$G$21=$B$24,21,0),0)),0)</f>
        <v>0</v>
      </c>
      <c r="H1619" cm="1">
        <f t="array" ref="H1619">IFERROR(INDEX(Jesper!AL$2:AL$366,ROUNDDOWN($C1619/24,0)+1,1)*INDEX($D$3:$AA$30,INDEX(Jesper!$R$2:$R$366,ROW(INDEX(Jesper!AL$2:AL$366,ROUNDDOWN($C1619/24,0)+1,1))-1)+IF('Standard Profiles'!$G$22=$B$10,7,0)+IF('Standard Profiles'!$G$22=$B$17,14,0)+IF('Standard Profiles'!$G$22=$B$24,21,0),MOD($C1619,24)+1)/SUM(INDEX($D$3:$AA$30,INDEX(Jesper!$R$2:$R$366,ROW(INDEX(Jesper!AL$2:AL$366,ROUNDDOWN($C1619/24,0)+1,1))-1)+IF('Standard Profiles'!$G$22=$B$10,7,0)+IF('Standard Profiles'!$G$22=$B$17,14,0)+IF('Standard Profiles'!$G$22=$B$24,21,0),0)),0)</f>
        <v>0</v>
      </c>
      <c r="I1619">
        <f t="shared" si="188"/>
        <v>0.25880000361944794</v>
      </c>
      <c r="J1619">
        <f t="shared" si="189"/>
        <v>0.86266667873149316</v>
      </c>
      <c r="K1619">
        <f t="shared" si="190"/>
        <v>1.2940000180972397</v>
      </c>
      <c r="L1619">
        <f t="shared" si="191"/>
        <v>6.211200086866751</v>
      </c>
      <c r="M1619">
        <f t="shared" si="192"/>
        <v>0</v>
      </c>
      <c r="N1619" s="46">
        <f t="shared" si="193"/>
        <v>45358.041666662823</v>
      </c>
    </row>
    <row r="1620" spans="2:14" x14ac:dyDescent="0.3">
      <c r="B1620">
        <f t="shared" si="187"/>
        <v>4</v>
      </c>
      <c r="C1620" s="16">
        <v>1586</v>
      </c>
      <c r="D1620" cm="1">
        <f t="array" ref="D1620">IFERROR(INDEX(Jesper!AH$2:AH$366,ROUNDDOWN($C1620/24,0)+1,1)*INDEX($D$3:$AA$30,INDEX(Jesper!$R$2:$R$366,ROW(INDEX(Jesper!AH$2:AH$366,ROUNDDOWN($C1620/24,0)+1,1))-1)+IF('Standard Profiles'!$G$18=$B$10,7,0)+IF('Standard Profiles'!$G$18=$B$17,14,0)+IF('Standard Profiles'!$G$18=$B$24,21,0),MOD($C1620,24)+1)/SUM(INDEX($D$3:$AA$30,INDEX(Jesper!$R$2:$R$366,ROW(INDEX(Jesper!AH$2:AH$366,ROUNDDOWN($C1620/24,0)+1,1))-1)+IF('Standard Profiles'!$G$18=$B$10,7,0)+IF('Standard Profiles'!$G$18=$B$17,14,0)+IF('Standard Profiles'!$G$18=$B$24,21,0),0)),0)</f>
        <v>8.6266667873149316</v>
      </c>
      <c r="E1620" cm="1">
        <f t="array" ref="E1620">IFERROR(INDEX(Jesper!AI$2:AI$366,ROUNDDOWN($C1620/24,0)+1,1)*INDEX($D$3:$AA$30,INDEX(Jesper!$R$2:$R$366,ROW(INDEX(Jesper!AI$2:AI$366,ROUNDDOWN($C1620/24,0)+1,1))-1)+IF('Standard Profiles'!$G$19=$B$10,7,0)+IF('Standard Profiles'!$G$19=$B$17,14,0)+IF('Standard Profiles'!$G$19=$B$24,21,0),MOD($C1620,24)+1)/SUM(INDEX($D$3:$AA$30,INDEX(Jesper!$R$2:$R$366,ROW(INDEX(Jesper!AI$2:AI$366,ROUNDDOWN($C1620/24,0)+1,1))-1)+IF('Standard Profiles'!$G$19=$B$10,7,0)+IF('Standard Profiles'!$G$19=$B$17,14,0)+IF('Standard Profiles'!$G$19=$B$24,21,0),0)),0)</f>
        <v>0</v>
      </c>
      <c r="F1620" cm="1">
        <f t="array" ref="F1620">IFERROR(INDEX(Jesper!AJ$2:AJ$366,ROUNDDOWN($C1620/24,0)+1,1)*INDEX($D$3:$AA$30,INDEX(Jesper!$R$2:$R$366,ROW(INDEX(Jesper!AJ$2:AJ$366,ROUNDDOWN($C1620/24,0)+1,1))-1)+IF('Standard Profiles'!$G$20=$B$10,7,0)+IF('Standard Profiles'!$G$20=$B$17,14,0)+IF('Standard Profiles'!$G$20=$B$24,21,0),MOD($C1620,24)+1)/SUM(INDEX($D$3:$AA$30,INDEX(Jesper!$R$2:$R$366,ROW(INDEX(Jesper!AJ$2:AJ$366,ROUNDDOWN($C1620/24,0)+1,1))-1)+IF('Standard Profiles'!$G$20=$B$10,7,0)+IF('Standard Profiles'!$G$20=$B$17,14,0)+IF('Standard Profiles'!$G$20=$B$24,21,0),0)),0)</f>
        <v>0</v>
      </c>
      <c r="G1620" cm="1">
        <f t="array" ref="G1620">IFERROR(INDEX(Jesper!AK$2:AK$366,ROUNDDOWN($C1620/24,0)+1,1)*INDEX($D$3:$AA$30,INDEX(Jesper!$R$2:$R$366,ROW(INDEX(Jesper!AK$2:AK$366,ROUNDDOWN($C1620/24,0)+1,1))-1)+IF('Standard Profiles'!$G$21=$B$10,7,0)+IF('Standard Profiles'!$G$21=$B$17,14,0)+IF('Standard Profiles'!$G$21=$B$24,21,0),MOD($C1620,24)+1)/SUM(INDEX($D$3:$AA$30,INDEX(Jesper!$R$2:$R$366,ROW(INDEX(Jesper!AK$2:AK$366,ROUNDDOWN($C1620/24,0)+1,1))-1)+IF('Standard Profiles'!$G$21=$B$10,7,0)+IF('Standard Profiles'!$G$21=$B$17,14,0)+IF('Standard Profiles'!$G$21=$B$24,21,0),0)),0)</f>
        <v>0</v>
      </c>
      <c r="H1620" cm="1">
        <f t="array" ref="H1620">IFERROR(INDEX(Jesper!AL$2:AL$366,ROUNDDOWN($C1620/24,0)+1,1)*INDEX($D$3:$AA$30,INDEX(Jesper!$R$2:$R$366,ROW(INDEX(Jesper!AL$2:AL$366,ROUNDDOWN($C1620/24,0)+1,1))-1)+IF('Standard Profiles'!$G$22=$B$10,7,0)+IF('Standard Profiles'!$G$22=$B$17,14,0)+IF('Standard Profiles'!$G$22=$B$24,21,0),MOD($C1620,24)+1)/SUM(INDEX($D$3:$AA$30,INDEX(Jesper!$R$2:$R$366,ROW(INDEX(Jesper!AL$2:AL$366,ROUNDDOWN($C1620/24,0)+1,1))-1)+IF('Standard Profiles'!$G$22=$B$10,7,0)+IF('Standard Profiles'!$G$22=$B$17,14,0)+IF('Standard Profiles'!$G$22=$B$24,21,0),0)),0)</f>
        <v>0</v>
      </c>
      <c r="I1620">
        <f t="shared" si="188"/>
        <v>0.25880000361944794</v>
      </c>
      <c r="J1620">
        <f t="shared" si="189"/>
        <v>0.86266667873149316</v>
      </c>
      <c r="K1620">
        <f t="shared" si="190"/>
        <v>1.2940000180972397</v>
      </c>
      <c r="L1620">
        <f t="shared" si="191"/>
        <v>6.211200086866751</v>
      </c>
      <c r="M1620">
        <f t="shared" si="192"/>
        <v>0</v>
      </c>
      <c r="N1620" s="46">
        <f t="shared" si="193"/>
        <v>45358.083333329487</v>
      </c>
    </row>
    <row r="1621" spans="2:14" x14ac:dyDescent="0.3">
      <c r="B1621">
        <f t="shared" si="187"/>
        <v>4</v>
      </c>
      <c r="C1621" s="16">
        <v>1587</v>
      </c>
      <c r="D1621" cm="1">
        <f t="array" ref="D1621">IFERROR(INDEX(Jesper!AH$2:AH$366,ROUNDDOWN($C1621/24,0)+1,1)*INDEX($D$3:$AA$30,INDEX(Jesper!$R$2:$R$366,ROW(INDEX(Jesper!AH$2:AH$366,ROUNDDOWN($C1621/24,0)+1,1))-1)+IF('Standard Profiles'!$G$18=$B$10,7,0)+IF('Standard Profiles'!$G$18=$B$17,14,0)+IF('Standard Profiles'!$G$18=$B$24,21,0),MOD($C1621,24)+1)/SUM(INDEX($D$3:$AA$30,INDEX(Jesper!$R$2:$R$366,ROW(INDEX(Jesper!AH$2:AH$366,ROUNDDOWN($C1621/24,0)+1,1))-1)+IF('Standard Profiles'!$G$18=$B$10,7,0)+IF('Standard Profiles'!$G$18=$B$17,14,0)+IF('Standard Profiles'!$G$18=$B$24,21,0),0)),0)</f>
        <v>8.6266667873149316</v>
      </c>
      <c r="E1621" cm="1">
        <f t="array" ref="E1621">IFERROR(INDEX(Jesper!AI$2:AI$366,ROUNDDOWN($C1621/24,0)+1,1)*INDEX($D$3:$AA$30,INDEX(Jesper!$R$2:$R$366,ROW(INDEX(Jesper!AI$2:AI$366,ROUNDDOWN($C1621/24,0)+1,1))-1)+IF('Standard Profiles'!$G$19=$B$10,7,0)+IF('Standard Profiles'!$G$19=$B$17,14,0)+IF('Standard Profiles'!$G$19=$B$24,21,0),MOD($C1621,24)+1)/SUM(INDEX($D$3:$AA$30,INDEX(Jesper!$R$2:$R$366,ROW(INDEX(Jesper!AI$2:AI$366,ROUNDDOWN($C1621/24,0)+1,1))-1)+IF('Standard Profiles'!$G$19=$B$10,7,0)+IF('Standard Profiles'!$G$19=$B$17,14,0)+IF('Standard Profiles'!$G$19=$B$24,21,0),0)),0)</f>
        <v>0</v>
      </c>
      <c r="F1621" cm="1">
        <f t="array" ref="F1621">IFERROR(INDEX(Jesper!AJ$2:AJ$366,ROUNDDOWN($C1621/24,0)+1,1)*INDEX($D$3:$AA$30,INDEX(Jesper!$R$2:$R$366,ROW(INDEX(Jesper!AJ$2:AJ$366,ROUNDDOWN($C1621/24,0)+1,1))-1)+IF('Standard Profiles'!$G$20=$B$10,7,0)+IF('Standard Profiles'!$G$20=$B$17,14,0)+IF('Standard Profiles'!$G$20=$B$24,21,0),MOD($C1621,24)+1)/SUM(INDEX($D$3:$AA$30,INDEX(Jesper!$R$2:$R$366,ROW(INDEX(Jesper!AJ$2:AJ$366,ROUNDDOWN($C1621/24,0)+1,1))-1)+IF('Standard Profiles'!$G$20=$B$10,7,0)+IF('Standard Profiles'!$G$20=$B$17,14,0)+IF('Standard Profiles'!$G$20=$B$24,21,0),0)),0)</f>
        <v>0</v>
      </c>
      <c r="G1621" cm="1">
        <f t="array" ref="G1621">IFERROR(INDEX(Jesper!AK$2:AK$366,ROUNDDOWN($C1621/24,0)+1,1)*INDEX($D$3:$AA$30,INDEX(Jesper!$R$2:$R$366,ROW(INDEX(Jesper!AK$2:AK$366,ROUNDDOWN($C1621/24,0)+1,1))-1)+IF('Standard Profiles'!$G$21=$B$10,7,0)+IF('Standard Profiles'!$G$21=$B$17,14,0)+IF('Standard Profiles'!$G$21=$B$24,21,0),MOD($C1621,24)+1)/SUM(INDEX($D$3:$AA$30,INDEX(Jesper!$R$2:$R$366,ROW(INDEX(Jesper!AK$2:AK$366,ROUNDDOWN($C1621/24,0)+1,1))-1)+IF('Standard Profiles'!$G$21=$B$10,7,0)+IF('Standard Profiles'!$G$21=$B$17,14,0)+IF('Standard Profiles'!$G$21=$B$24,21,0),0)),0)</f>
        <v>0</v>
      </c>
      <c r="H1621" cm="1">
        <f t="array" ref="H1621">IFERROR(INDEX(Jesper!AL$2:AL$366,ROUNDDOWN($C1621/24,0)+1,1)*INDEX($D$3:$AA$30,INDEX(Jesper!$R$2:$R$366,ROW(INDEX(Jesper!AL$2:AL$366,ROUNDDOWN($C1621/24,0)+1,1))-1)+IF('Standard Profiles'!$G$22=$B$10,7,0)+IF('Standard Profiles'!$G$22=$B$17,14,0)+IF('Standard Profiles'!$G$22=$B$24,21,0),MOD($C1621,24)+1)/SUM(INDEX($D$3:$AA$30,INDEX(Jesper!$R$2:$R$366,ROW(INDEX(Jesper!AL$2:AL$366,ROUNDDOWN($C1621/24,0)+1,1))-1)+IF('Standard Profiles'!$G$22=$B$10,7,0)+IF('Standard Profiles'!$G$22=$B$17,14,0)+IF('Standard Profiles'!$G$22=$B$24,21,0),0)),0)</f>
        <v>0</v>
      </c>
      <c r="I1621">
        <f t="shared" si="188"/>
        <v>0.25880000361944794</v>
      </c>
      <c r="J1621">
        <f t="shared" si="189"/>
        <v>0.86266667873149316</v>
      </c>
      <c r="K1621">
        <f t="shared" si="190"/>
        <v>1.2940000180972397</v>
      </c>
      <c r="L1621">
        <f t="shared" si="191"/>
        <v>6.211200086866751</v>
      </c>
      <c r="M1621">
        <f t="shared" si="192"/>
        <v>0</v>
      </c>
      <c r="N1621" s="46">
        <f t="shared" si="193"/>
        <v>45358.124999996151</v>
      </c>
    </row>
    <row r="1622" spans="2:14" x14ac:dyDescent="0.3">
      <c r="B1622">
        <f t="shared" si="187"/>
        <v>4</v>
      </c>
      <c r="C1622" s="16">
        <v>1588</v>
      </c>
      <c r="D1622" cm="1">
        <f t="array" ref="D1622">IFERROR(INDEX(Jesper!AH$2:AH$366,ROUNDDOWN($C1622/24,0)+1,1)*INDEX($D$3:$AA$30,INDEX(Jesper!$R$2:$R$366,ROW(INDEX(Jesper!AH$2:AH$366,ROUNDDOWN($C1622/24,0)+1,1))-1)+IF('Standard Profiles'!$G$18=$B$10,7,0)+IF('Standard Profiles'!$G$18=$B$17,14,0)+IF('Standard Profiles'!$G$18=$B$24,21,0),MOD($C1622,24)+1)/SUM(INDEX($D$3:$AA$30,INDEX(Jesper!$R$2:$R$366,ROW(INDEX(Jesper!AH$2:AH$366,ROUNDDOWN($C1622/24,0)+1,1))-1)+IF('Standard Profiles'!$G$18=$B$10,7,0)+IF('Standard Profiles'!$G$18=$B$17,14,0)+IF('Standard Profiles'!$G$18=$B$24,21,0),0)),0)</f>
        <v>8.6266667873149316</v>
      </c>
      <c r="E1622" cm="1">
        <f t="array" ref="E1622">IFERROR(INDEX(Jesper!AI$2:AI$366,ROUNDDOWN($C1622/24,0)+1,1)*INDEX($D$3:$AA$30,INDEX(Jesper!$R$2:$R$366,ROW(INDEX(Jesper!AI$2:AI$366,ROUNDDOWN($C1622/24,0)+1,1))-1)+IF('Standard Profiles'!$G$19=$B$10,7,0)+IF('Standard Profiles'!$G$19=$B$17,14,0)+IF('Standard Profiles'!$G$19=$B$24,21,0),MOD($C1622,24)+1)/SUM(INDEX($D$3:$AA$30,INDEX(Jesper!$R$2:$R$366,ROW(INDEX(Jesper!AI$2:AI$366,ROUNDDOWN($C1622/24,0)+1,1))-1)+IF('Standard Profiles'!$G$19=$B$10,7,0)+IF('Standard Profiles'!$G$19=$B$17,14,0)+IF('Standard Profiles'!$G$19=$B$24,21,0),0)),0)</f>
        <v>0</v>
      </c>
      <c r="F1622" cm="1">
        <f t="array" ref="F1622">IFERROR(INDEX(Jesper!AJ$2:AJ$366,ROUNDDOWN($C1622/24,0)+1,1)*INDEX($D$3:$AA$30,INDEX(Jesper!$R$2:$R$366,ROW(INDEX(Jesper!AJ$2:AJ$366,ROUNDDOWN($C1622/24,0)+1,1))-1)+IF('Standard Profiles'!$G$20=$B$10,7,0)+IF('Standard Profiles'!$G$20=$B$17,14,0)+IF('Standard Profiles'!$G$20=$B$24,21,0),MOD($C1622,24)+1)/SUM(INDEX($D$3:$AA$30,INDEX(Jesper!$R$2:$R$366,ROW(INDEX(Jesper!AJ$2:AJ$366,ROUNDDOWN($C1622/24,0)+1,1))-1)+IF('Standard Profiles'!$G$20=$B$10,7,0)+IF('Standard Profiles'!$G$20=$B$17,14,0)+IF('Standard Profiles'!$G$20=$B$24,21,0),0)),0)</f>
        <v>0</v>
      </c>
      <c r="G1622" cm="1">
        <f t="array" ref="G1622">IFERROR(INDEX(Jesper!AK$2:AK$366,ROUNDDOWN($C1622/24,0)+1,1)*INDEX($D$3:$AA$30,INDEX(Jesper!$R$2:$R$366,ROW(INDEX(Jesper!AK$2:AK$366,ROUNDDOWN($C1622/24,0)+1,1))-1)+IF('Standard Profiles'!$G$21=$B$10,7,0)+IF('Standard Profiles'!$G$21=$B$17,14,0)+IF('Standard Profiles'!$G$21=$B$24,21,0),MOD($C1622,24)+1)/SUM(INDEX($D$3:$AA$30,INDEX(Jesper!$R$2:$R$366,ROW(INDEX(Jesper!AK$2:AK$366,ROUNDDOWN($C1622/24,0)+1,1))-1)+IF('Standard Profiles'!$G$21=$B$10,7,0)+IF('Standard Profiles'!$G$21=$B$17,14,0)+IF('Standard Profiles'!$G$21=$B$24,21,0),0)),0)</f>
        <v>0</v>
      </c>
      <c r="H1622" cm="1">
        <f t="array" ref="H1622">IFERROR(INDEX(Jesper!AL$2:AL$366,ROUNDDOWN($C1622/24,0)+1,1)*INDEX($D$3:$AA$30,INDEX(Jesper!$R$2:$R$366,ROW(INDEX(Jesper!AL$2:AL$366,ROUNDDOWN($C1622/24,0)+1,1))-1)+IF('Standard Profiles'!$G$22=$B$10,7,0)+IF('Standard Profiles'!$G$22=$B$17,14,0)+IF('Standard Profiles'!$G$22=$B$24,21,0),MOD($C1622,24)+1)/SUM(INDEX($D$3:$AA$30,INDEX(Jesper!$R$2:$R$366,ROW(INDEX(Jesper!AL$2:AL$366,ROUNDDOWN($C1622/24,0)+1,1))-1)+IF('Standard Profiles'!$G$22=$B$10,7,0)+IF('Standard Profiles'!$G$22=$B$17,14,0)+IF('Standard Profiles'!$G$22=$B$24,21,0),0)),0)</f>
        <v>0</v>
      </c>
      <c r="I1622">
        <f t="shared" si="188"/>
        <v>0.25880000361944794</v>
      </c>
      <c r="J1622">
        <f t="shared" si="189"/>
        <v>0.86266667873149316</v>
      </c>
      <c r="K1622">
        <f t="shared" si="190"/>
        <v>1.2940000180972397</v>
      </c>
      <c r="L1622">
        <f t="shared" si="191"/>
        <v>6.211200086866751</v>
      </c>
      <c r="M1622">
        <f t="shared" si="192"/>
        <v>0</v>
      </c>
      <c r="N1622" s="46">
        <f t="shared" si="193"/>
        <v>45358.166666662815</v>
      </c>
    </row>
    <row r="1623" spans="2:14" x14ac:dyDescent="0.3">
      <c r="B1623">
        <f t="shared" si="187"/>
        <v>4</v>
      </c>
      <c r="C1623" s="16">
        <v>1589</v>
      </c>
      <c r="D1623" cm="1">
        <f t="array" ref="D1623">IFERROR(INDEX(Jesper!AH$2:AH$366,ROUNDDOWN($C1623/24,0)+1,1)*INDEX($D$3:$AA$30,INDEX(Jesper!$R$2:$R$366,ROW(INDEX(Jesper!AH$2:AH$366,ROUNDDOWN($C1623/24,0)+1,1))-1)+IF('Standard Profiles'!$G$18=$B$10,7,0)+IF('Standard Profiles'!$G$18=$B$17,14,0)+IF('Standard Profiles'!$G$18=$B$24,21,0),MOD($C1623,24)+1)/SUM(INDEX($D$3:$AA$30,INDEX(Jesper!$R$2:$R$366,ROW(INDEX(Jesper!AH$2:AH$366,ROUNDDOWN($C1623/24,0)+1,1))-1)+IF('Standard Profiles'!$G$18=$B$10,7,0)+IF('Standard Profiles'!$G$18=$B$17,14,0)+IF('Standard Profiles'!$G$18=$B$24,21,0),0)),0)</f>
        <v>11.118814970317022</v>
      </c>
      <c r="E1623" cm="1">
        <f t="array" ref="E1623">IFERROR(INDEX(Jesper!AI$2:AI$366,ROUNDDOWN($C1623/24,0)+1,1)*INDEX($D$3:$AA$30,INDEX(Jesper!$R$2:$R$366,ROW(INDEX(Jesper!AI$2:AI$366,ROUNDDOWN($C1623/24,0)+1,1))-1)+IF('Standard Profiles'!$G$19=$B$10,7,0)+IF('Standard Profiles'!$G$19=$B$17,14,0)+IF('Standard Profiles'!$G$19=$B$24,21,0),MOD($C1623,24)+1)/SUM(INDEX($D$3:$AA$30,INDEX(Jesper!$R$2:$R$366,ROW(INDEX(Jesper!AI$2:AI$366,ROUNDDOWN($C1623/24,0)+1,1))-1)+IF('Standard Profiles'!$G$19=$B$10,7,0)+IF('Standard Profiles'!$G$19=$B$17,14,0)+IF('Standard Profiles'!$G$19=$B$24,21,0),0)),0)</f>
        <v>0</v>
      </c>
      <c r="F1623" cm="1">
        <f t="array" ref="F1623">IFERROR(INDEX(Jesper!AJ$2:AJ$366,ROUNDDOWN($C1623/24,0)+1,1)*INDEX($D$3:$AA$30,INDEX(Jesper!$R$2:$R$366,ROW(INDEX(Jesper!AJ$2:AJ$366,ROUNDDOWN($C1623/24,0)+1,1))-1)+IF('Standard Profiles'!$G$20=$B$10,7,0)+IF('Standard Profiles'!$G$20=$B$17,14,0)+IF('Standard Profiles'!$G$20=$B$24,21,0),MOD($C1623,24)+1)/SUM(INDEX($D$3:$AA$30,INDEX(Jesper!$R$2:$R$366,ROW(INDEX(Jesper!AJ$2:AJ$366,ROUNDDOWN($C1623/24,0)+1,1))-1)+IF('Standard Profiles'!$G$20=$B$10,7,0)+IF('Standard Profiles'!$G$20=$B$17,14,0)+IF('Standard Profiles'!$G$20=$B$24,21,0),0)),0)</f>
        <v>0</v>
      </c>
      <c r="G1623" cm="1">
        <f t="array" ref="G1623">IFERROR(INDEX(Jesper!AK$2:AK$366,ROUNDDOWN($C1623/24,0)+1,1)*INDEX($D$3:$AA$30,INDEX(Jesper!$R$2:$R$366,ROW(INDEX(Jesper!AK$2:AK$366,ROUNDDOWN($C1623/24,0)+1,1))-1)+IF('Standard Profiles'!$G$21=$B$10,7,0)+IF('Standard Profiles'!$G$21=$B$17,14,0)+IF('Standard Profiles'!$G$21=$B$24,21,0),MOD($C1623,24)+1)/SUM(INDEX($D$3:$AA$30,INDEX(Jesper!$R$2:$R$366,ROW(INDEX(Jesper!AK$2:AK$366,ROUNDDOWN($C1623/24,0)+1,1))-1)+IF('Standard Profiles'!$G$21=$B$10,7,0)+IF('Standard Profiles'!$G$21=$B$17,14,0)+IF('Standard Profiles'!$G$21=$B$24,21,0),0)),0)</f>
        <v>0</v>
      </c>
      <c r="H1623" cm="1">
        <f t="array" ref="H1623">IFERROR(INDEX(Jesper!AL$2:AL$366,ROUNDDOWN($C1623/24,0)+1,1)*INDEX($D$3:$AA$30,INDEX(Jesper!$R$2:$R$366,ROW(INDEX(Jesper!AL$2:AL$366,ROUNDDOWN($C1623/24,0)+1,1))-1)+IF('Standard Profiles'!$G$22=$B$10,7,0)+IF('Standard Profiles'!$G$22=$B$17,14,0)+IF('Standard Profiles'!$G$22=$B$24,21,0),MOD($C1623,24)+1)/SUM(INDEX($D$3:$AA$30,INDEX(Jesper!$R$2:$R$366,ROW(INDEX(Jesper!AL$2:AL$366,ROUNDDOWN($C1623/24,0)+1,1))-1)+IF('Standard Profiles'!$G$22=$B$10,7,0)+IF('Standard Profiles'!$G$22=$B$17,14,0)+IF('Standard Profiles'!$G$22=$B$24,21,0),0)),0)</f>
        <v>0</v>
      </c>
      <c r="I1623">
        <f t="shared" si="188"/>
        <v>0.33356444910951066</v>
      </c>
      <c r="J1623">
        <f t="shared" si="189"/>
        <v>1.1118814970317021</v>
      </c>
      <c r="K1623">
        <f t="shared" si="190"/>
        <v>1.6678222455475533</v>
      </c>
      <c r="L1623">
        <f t="shared" si="191"/>
        <v>8.0055467786282559</v>
      </c>
      <c r="M1623">
        <f t="shared" si="192"/>
        <v>0</v>
      </c>
      <c r="N1623" s="46">
        <f t="shared" si="193"/>
        <v>45358.20833332948</v>
      </c>
    </row>
    <row r="1624" spans="2:14" x14ac:dyDescent="0.3">
      <c r="B1624">
        <f t="shared" si="187"/>
        <v>4</v>
      </c>
      <c r="C1624" s="16">
        <v>1590</v>
      </c>
      <c r="D1624" cm="1">
        <f t="array" ref="D1624">IFERROR(INDEX(Jesper!AH$2:AH$366,ROUNDDOWN($C1624/24,0)+1,1)*INDEX($D$3:$AA$30,INDEX(Jesper!$R$2:$R$366,ROW(INDEX(Jesper!AH$2:AH$366,ROUNDDOWN($C1624/24,0)+1,1))-1)+IF('Standard Profiles'!$G$18=$B$10,7,0)+IF('Standard Profiles'!$G$18=$B$17,14,0)+IF('Standard Profiles'!$G$18=$B$24,21,0),MOD($C1624,24)+1)/SUM(INDEX($D$3:$AA$30,INDEX(Jesper!$R$2:$R$366,ROW(INDEX(Jesper!AH$2:AH$366,ROUNDDOWN($C1624/24,0)+1,1))-1)+IF('Standard Profiles'!$G$18=$B$10,7,0)+IF('Standard Profiles'!$G$18=$B$17,14,0)+IF('Standard Profiles'!$G$18=$B$24,21,0),0)),0)</f>
        <v>12.84414832778001</v>
      </c>
      <c r="E1624" cm="1">
        <f t="array" ref="E1624">IFERROR(INDEX(Jesper!AI$2:AI$366,ROUNDDOWN($C1624/24,0)+1,1)*INDEX($D$3:$AA$30,INDEX(Jesper!$R$2:$R$366,ROW(INDEX(Jesper!AI$2:AI$366,ROUNDDOWN($C1624/24,0)+1,1))-1)+IF('Standard Profiles'!$G$19=$B$10,7,0)+IF('Standard Profiles'!$G$19=$B$17,14,0)+IF('Standard Profiles'!$G$19=$B$24,21,0),MOD($C1624,24)+1)/SUM(INDEX($D$3:$AA$30,INDEX(Jesper!$R$2:$R$366,ROW(INDEX(Jesper!AI$2:AI$366,ROUNDDOWN($C1624/24,0)+1,1))-1)+IF('Standard Profiles'!$G$19=$B$10,7,0)+IF('Standard Profiles'!$G$19=$B$17,14,0)+IF('Standard Profiles'!$G$19=$B$24,21,0),0)),0)</f>
        <v>0</v>
      </c>
      <c r="F1624" cm="1">
        <f t="array" ref="F1624">IFERROR(INDEX(Jesper!AJ$2:AJ$366,ROUNDDOWN($C1624/24,0)+1,1)*INDEX($D$3:$AA$30,INDEX(Jesper!$R$2:$R$366,ROW(INDEX(Jesper!AJ$2:AJ$366,ROUNDDOWN($C1624/24,0)+1,1))-1)+IF('Standard Profiles'!$G$20=$B$10,7,0)+IF('Standard Profiles'!$G$20=$B$17,14,0)+IF('Standard Profiles'!$G$20=$B$24,21,0),MOD($C1624,24)+1)/SUM(INDEX($D$3:$AA$30,INDEX(Jesper!$R$2:$R$366,ROW(INDEX(Jesper!AJ$2:AJ$366,ROUNDDOWN($C1624/24,0)+1,1))-1)+IF('Standard Profiles'!$G$20=$B$10,7,0)+IF('Standard Profiles'!$G$20=$B$17,14,0)+IF('Standard Profiles'!$G$20=$B$24,21,0),0)),0)</f>
        <v>0</v>
      </c>
      <c r="G1624" cm="1">
        <f t="array" ref="G1624">IFERROR(INDEX(Jesper!AK$2:AK$366,ROUNDDOWN($C1624/24,0)+1,1)*INDEX($D$3:$AA$30,INDEX(Jesper!$R$2:$R$366,ROW(INDEX(Jesper!AK$2:AK$366,ROUNDDOWN($C1624/24,0)+1,1))-1)+IF('Standard Profiles'!$G$21=$B$10,7,0)+IF('Standard Profiles'!$G$21=$B$17,14,0)+IF('Standard Profiles'!$G$21=$B$24,21,0),MOD($C1624,24)+1)/SUM(INDEX($D$3:$AA$30,INDEX(Jesper!$R$2:$R$366,ROW(INDEX(Jesper!AK$2:AK$366,ROUNDDOWN($C1624/24,0)+1,1))-1)+IF('Standard Profiles'!$G$21=$B$10,7,0)+IF('Standard Profiles'!$G$21=$B$17,14,0)+IF('Standard Profiles'!$G$21=$B$24,21,0),0)),0)</f>
        <v>0</v>
      </c>
      <c r="H1624" cm="1">
        <f t="array" ref="H1624">IFERROR(INDEX(Jesper!AL$2:AL$366,ROUNDDOWN($C1624/24,0)+1,1)*INDEX($D$3:$AA$30,INDEX(Jesper!$R$2:$R$366,ROW(INDEX(Jesper!AL$2:AL$366,ROUNDDOWN($C1624/24,0)+1,1))-1)+IF('Standard Profiles'!$G$22=$B$10,7,0)+IF('Standard Profiles'!$G$22=$B$17,14,0)+IF('Standard Profiles'!$G$22=$B$24,21,0),MOD($C1624,24)+1)/SUM(INDEX($D$3:$AA$30,INDEX(Jesper!$R$2:$R$366,ROW(INDEX(Jesper!AL$2:AL$366,ROUNDDOWN($C1624/24,0)+1,1))-1)+IF('Standard Profiles'!$G$22=$B$10,7,0)+IF('Standard Profiles'!$G$22=$B$17,14,0)+IF('Standard Profiles'!$G$22=$B$24,21,0),0)),0)</f>
        <v>0</v>
      </c>
      <c r="I1624">
        <f t="shared" si="188"/>
        <v>0.38532444983340031</v>
      </c>
      <c r="J1624">
        <f t="shared" si="189"/>
        <v>1.2844148327780012</v>
      </c>
      <c r="K1624">
        <f t="shared" si="190"/>
        <v>1.9266222491670013</v>
      </c>
      <c r="L1624">
        <f t="shared" si="191"/>
        <v>9.2477867960016074</v>
      </c>
      <c r="M1624">
        <f t="shared" si="192"/>
        <v>0</v>
      </c>
      <c r="N1624" s="46">
        <f t="shared" si="193"/>
        <v>45358.249999996144</v>
      </c>
    </row>
    <row r="1625" spans="2:14" x14ac:dyDescent="0.3">
      <c r="B1625">
        <f t="shared" si="187"/>
        <v>4</v>
      </c>
      <c r="C1625" s="16">
        <v>1591</v>
      </c>
      <c r="D1625" cm="1">
        <f t="array" ref="D1625">IFERROR(INDEX(Jesper!AH$2:AH$366,ROUNDDOWN($C1625/24,0)+1,1)*INDEX($D$3:$AA$30,INDEX(Jesper!$R$2:$R$366,ROW(INDEX(Jesper!AH$2:AH$366,ROUNDDOWN($C1625/24,0)+1,1))-1)+IF('Standard Profiles'!$G$18=$B$10,7,0)+IF('Standard Profiles'!$G$18=$B$17,14,0)+IF('Standard Profiles'!$G$18=$B$24,21,0),MOD($C1625,24)+1)/SUM(INDEX($D$3:$AA$30,INDEX(Jesper!$R$2:$R$366,ROW(INDEX(Jesper!AH$2:AH$366,ROUNDDOWN($C1625/24,0)+1,1))-1)+IF('Standard Profiles'!$G$18=$B$10,7,0)+IF('Standard Profiles'!$G$18=$B$17,14,0)+IF('Standard Profiles'!$G$18=$B$24,21,0),0)),0)</f>
        <v>12.84414832778001</v>
      </c>
      <c r="E1625" cm="1">
        <f t="array" ref="E1625">IFERROR(INDEX(Jesper!AI$2:AI$366,ROUNDDOWN($C1625/24,0)+1,1)*INDEX($D$3:$AA$30,INDEX(Jesper!$R$2:$R$366,ROW(INDEX(Jesper!AI$2:AI$366,ROUNDDOWN($C1625/24,0)+1,1))-1)+IF('Standard Profiles'!$G$19=$B$10,7,0)+IF('Standard Profiles'!$G$19=$B$17,14,0)+IF('Standard Profiles'!$G$19=$B$24,21,0),MOD($C1625,24)+1)/SUM(INDEX($D$3:$AA$30,INDEX(Jesper!$R$2:$R$366,ROW(INDEX(Jesper!AI$2:AI$366,ROUNDDOWN($C1625/24,0)+1,1))-1)+IF('Standard Profiles'!$G$19=$B$10,7,0)+IF('Standard Profiles'!$G$19=$B$17,14,0)+IF('Standard Profiles'!$G$19=$B$24,21,0),0)),0)</f>
        <v>0</v>
      </c>
      <c r="F1625" cm="1">
        <f t="array" ref="F1625">IFERROR(INDEX(Jesper!AJ$2:AJ$366,ROUNDDOWN($C1625/24,0)+1,1)*INDEX($D$3:$AA$30,INDEX(Jesper!$R$2:$R$366,ROW(INDEX(Jesper!AJ$2:AJ$366,ROUNDDOWN($C1625/24,0)+1,1))-1)+IF('Standard Profiles'!$G$20=$B$10,7,0)+IF('Standard Profiles'!$G$20=$B$17,14,0)+IF('Standard Profiles'!$G$20=$B$24,21,0),MOD($C1625,24)+1)/SUM(INDEX($D$3:$AA$30,INDEX(Jesper!$R$2:$R$366,ROW(INDEX(Jesper!AJ$2:AJ$366,ROUNDDOWN($C1625/24,0)+1,1))-1)+IF('Standard Profiles'!$G$20=$B$10,7,0)+IF('Standard Profiles'!$G$20=$B$17,14,0)+IF('Standard Profiles'!$G$20=$B$24,21,0),0)),0)</f>
        <v>0</v>
      </c>
      <c r="G1625" cm="1">
        <f t="array" ref="G1625">IFERROR(INDEX(Jesper!AK$2:AK$366,ROUNDDOWN($C1625/24,0)+1,1)*INDEX($D$3:$AA$30,INDEX(Jesper!$R$2:$R$366,ROW(INDEX(Jesper!AK$2:AK$366,ROUNDDOWN($C1625/24,0)+1,1))-1)+IF('Standard Profiles'!$G$21=$B$10,7,0)+IF('Standard Profiles'!$G$21=$B$17,14,0)+IF('Standard Profiles'!$G$21=$B$24,21,0),MOD($C1625,24)+1)/SUM(INDEX($D$3:$AA$30,INDEX(Jesper!$R$2:$R$366,ROW(INDEX(Jesper!AK$2:AK$366,ROUNDDOWN($C1625/24,0)+1,1))-1)+IF('Standard Profiles'!$G$21=$B$10,7,0)+IF('Standard Profiles'!$G$21=$B$17,14,0)+IF('Standard Profiles'!$G$21=$B$24,21,0),0)),0)</f>
        <v>0</v>
      </c>
      <c r="H1625" cm="1">
        <f t="array" ref="H1625">IFERROR(INDEX(Jesper!AL$2:AL$366,ROUNDDOWN($C1625/24,0)+1,1)*INDEX($D$3:$AA$30,INDEX(Jesper!$R$2:$R$366,ROW(INDEX(Jesper!AL$2:AL$366,ROUNDDOWN($C1625/24,0)+1,1))-1)+IF('Standard Profiles'!$G$22=$B$10,7,0)+IF('Standard Profiles'!$G$22=$B$17,14,0)+IF('Standard Profiles'!$G$22=$B$24,21,0),MOD($C1625,24)+1)/SUM(INDEX($D$3:$AA$30,INDEX(Jesper!$R$2:$R$366,ROW(INDEX(Jesper!AL$2:AL$366,ROUNDDOWN($C1625/24,0)+1,1))-1)+IF('Standard Profiles'!$G$22=$B$10,7,0)+IF('Standard Profiles'!$G$22=$B$17,14,0)+IF('Standard Profiles'!$G$22=$B$24,21,0),0)),0)</f>
        <v>0</v>
      </c>
      <c r="I1625">
        <f t="shared" si="188"/>
        <v>0.38532444983340031</v>
      </c>
      <c r="J1625">
        <f t="shared" si="189"/>
        <v>1.2844148327780012</v>
      </c>
      <c r="K1625">
        <f t="shared" si="190"/>
        <v>1.9266222491670013</v>
      </c>
      <c r="L1625">
        <f t="shared" si="191"/>
        <v>9.2477867960016074</v>
      </c>
      <c r="M1625">
        <f t="shared" si="192"/>
        <v>0</v>
      </c>
      <c r="N1625" s="46">
        <f t="shared" si="193"/>
        <v>45358.291666662808</v>
      </c>
    </row>
    <row r="1626" spans="2:14" x14ac:dyDescent="0.3">
      <c r="B1626">
        <f t="shared" si="187"/>
        <v>4</v>
      </c>
      <c r="C1626" s="16">
        <v>1592</v>
      </c>
      <c r="D1626" cm="1">
        <f t="array" ref="D1626">IFERROR(INDEX(Jesper!AH$2:AH$366,ROUNDDOWN($C1626/24,0)+1,1)*INDEX($D$3:$AA$30,INDEX(Jesper!$R$2:$R$366,ROW(INDEX(Jesper!AH$2:AH$366,ROUNDDOWN($C1626/24,0)+1,1))-1)+IF('Standard Profiles'!$G$18=$B$10,7,0)+IF('Standard Profiles'!$G$18=$B$17,14,0)+IF('Standard Profiles'!$G$18=$B$24,21,0),MOD($C1626,24)+1)/SUM(INDEX($D$3:$AA$30,INDEX(Jesper!$R$2:$R$366,ROW(INDEX(Jesper!AH$2:AH$366,ROUNDDOWN($C1626/24,0)+1,1))-1)+IF('Standard Profiles'!$G$18=$B$10,7,0)+IF('Standard Profiles'!$G$18=$B$17,14,0)+IF('Standard Profiles'!$G$18=$B$24,21,0),0)),0)</f>
        <v>12.84414832778001</v>
      </c>
      <c r="E1626" cm="1">
        <f t="array" ref="E1626">IFERROR(INDEX(Jesper!AI$2:AI$366,ROUNDDOWN($C1626/24,0)+1,1)*INDEX($D$3:$AA$30,INDEX(Jesper!$R$2:$R$366,ROW(INDEX(Jesper!AI$2:AI$366,ROUNDDOWN($C1626/24,0)+1,1))-1)+IF('Standard Profiles'!$G$19=$B$10,7,0)+IF('Standard Profiles'!$G$19=$B$17,14,0)+IF('Standard Profiles'!$G$19=$B$24,21,0),MOD($C1626,24)+1)/SUM(INDEX($D$3:$AA$30,INDEX(Jesper!$R$2:$R$366,ROW(INDEX(Jesper!AI$2:AI$366,ROUNDDOWN($C1626/24,0)+1,1))-1)+IF('Standard Profiles'!$G$19=$B$10,7,0)+IF('Standard Profiles'!$G$19=$B$17,14,0)+IF('Standard Profiles'!$G$19=$B$24,21,0),0)),0)</f>
        <v>0</v>
      </c>
      <c r="F1626" cm="1">
        <f t="array" ref="F1626">IFERROR(INDEX(Jesper!AJ$2:AJ$366,ROUNDDOWN($C1626/24,0)+1,1)*INDEX($D$3:$AA$30,INDEX(Jesper!$R$2:$R$366,ROW(INDEX(Jesper!AJ$2:AJ$366,ROUNDDOWN($C1626/24,0)+1,1))-1)+IF('Standard Profiles'!$G$20=$B$10,7,0)+IF('Standard Profiles'!$G$20=$B$17,14,0)+IF('Standard Profiles'!$G$20=$B$24,21,0),MOD($C1626,24)+1)/SUM(INDEX($D$3:$AA$30,INDEX(Jesper!$R$2:$R$366,ROW(INDEX(Jesper!AJ$2:AJ$366,ROUNDDOWN($C1626/24,0)+1,1))-1)+IF('Standard Profiles'!$G$20=$B$10,7,0)+IF('Standard Profiles'!$G$20=$B$17,14,0)+IF('Standard Profiles'!$G$20=$B$24,21,0),0)),0)</f>
        <v>0</v>
      </c>
      <c r="G1626" cm="1">
        <f t="array" ref="G1626">IFERROR(INDEX(Jesper!AK$2:AK$366,ROUNDDOWN($C1626/24,0)+1,1)*INDEX($D$3:$AA$30,INDEX(Jesper!$R$2:$R$366,ROW(INDEX(Jesper!AK$2:AK$366,ROUNDDOWN($C1626/24,0)+1,1))-1)+IF('Standard Profiles'!$G$21=$B$10,7,0)+IF('Standard Profiles'!$G$21=$B$17,14,0)+IF('Standard Profiles'!$G$21=$B$24,21,0),MOD($C1626,24)+1)/SUM(INDEX($D$3:$AA$30,INDEX(Jesper!$R$2:$R$366,ROW(INDEX(Jesper!AK$2:AK$366,ROUNDDOWN($C1626/24,0)+1,1))-1)+IF('Standard Profiles'!$G$21=$B$10,7,0)+IF('Standard Profiles'!$G$21=$B$17,14,0)+IF('Standard Profiles'!$G$21=$B$24,21,0),0)),0)</f>
        <v>0</v>
      </c>
      <c r="H1626" cm="1">
        <f t="array" ref="H1626">IFERROR(INDEX(Jesper!AL$2:AL$366,ROUNDDOWN($C1626/24,0)+1,1)*INDEX($D$3:$AA$30,INDEX(Jesper!$R$2:$R$366,ROW(INDEX(Jesper!AL$2:AL$366,ROUNDDOWN($C1626/24,0)+1,1))-1)+IF('Standard Profiles'!$G$22=$B$10,7,0)+IF('Standard Profiles'!$G$22=$B$17,14,0)+IF('Standard Profiles'!$G$22=$B$24,21,0),MOD($C1626,24)+1)/SUM(INDEX($D$3:$AA$30,INDEX(Jesper!$R$2:$R$366,ROW(INDEX(Jesper!AL$2:AL$366,ROUNDDOWN($C1626/24,0)+1,1))-1)+IF('Standard Profiles'!$G$22=$B$10,7,0)+IF('Standard Profiles'!$G$22=$B$17,14,0)+IF('Standard Profiles'!$G$22=$B$24,21,0),0)),0)</f>
        <v>0</v>
      </c>
      <c r="I1626">
        <f t="shared" si="188"/>
        <v>0.38532444983340031</v>
      </c>
      <c r="J1626">
        <f t="shared" si="189"/>
        <v>1.2844148327780012</v>
      </c>
      <c r="K1626">
        <f t="shared" si="190"/>
        <v>1.9266222491670013</v>
      </c>
      <c r="L1626">
        <f t="shared" si="191"/>
        <v>9.2477867960016074</v>
      </c>
      <c r="M1626">
        <f t="shared" si="192"/>
        <v>0</v>
      </c>
      <c r="N1626" s="46">
        <f t="shared" si="193"/>
        <v>45358.333333329472</v>
      </c>
    </row>
    <row r="1627" spans="2:14" x14ac:dyDescent="0.3">
      <c r="B1627">
        <f t="shared" si="187"/>
        <v>4</v>
      </c>
      <c r="C1627" s="16">
        <v>1593</v>
      </c>
      <c r="D1627" cm="1">
        <f t="array" ref="D1627">IFERROR(INDEX(Jesper!AH$2:AH$366,ROUNDDOWN($C1627/24,0)+1,1)*INDEX($D$3:$AA$30,INDEX(Jesper!$R$2:$R$366,ROW(INDEX(Jesper!AH$2:AH$366,ROUNDDOWN($C1627/24,0)+1,1))-1)+IF('Standard Profiles'!$G$18=$B$10,7,0)+IF('Standard Profiles'!$G$18=$B$17,14,0)+IF('Standard Profiles'!$G$18=$B$24,21,0),MOD($C1627,24)+1)/SUM(INDEX($D$3:$AA$30,INDEX(Jesper!$R$2:$R$366,ROW(INDEX(Jesper!AH$2:AH$366,ROUNDDOWN($C1627/24,0)+1,1))-1)+IF('Standard Profiles'!$G$18=$B$10,7,0)+IF('Standard Profiles'!$G$18=$B$17,14,0)+IF('Standard Profiles'!$G$18=$B$24,21,0),0)),0)</f>
        <v>13.802666859703889</v>
      </c>
      <c r="E1627" cm="1">
        <f t="array" ref="E1627">IFERROR(INDEX(Jesper!AI$2:AI$366,ROUNDDOWN($C1627/24,0)+1,1)*INDEX($D$3:$AA$30,INDEX(Jesper!$R$2:$R$366,ROW(INDEX(Jesper!AI$2:AI$366,ROUNDDOWN($C1627/24,0)+1,1))-1)+IF('Standard Profiles'!$G$19=$B$10,7,0)+IF('Standard Profiles'!$G$19=$B$17,14,0)+IF('Standard Profiles'!$G$19=$B$24,21,0),MOD($C1627,24)+1)/SUM(INDEX($D$3:$AA$30,INDEX(Jesper!$R$2:$R$366,ROW(INDEX(Jesper!AI$2:AI$366,ROUNDDOWN($C1627/24,0)+1,1))-1)+IF('Standard Profiles'!$G$19=$B$10,7,0)+IF('Standard Profiles'!$G$19=$B$17,14,0)+IF('Standard Profiles'!$G$19=$B$24,21,0),0)),0)</f>
        <v>0</v>
      </c>
      <c r="F1627" cm="1">
        <f t="array" ref="F1627">IFERROR(INDEX(Jesper!AJ$2:AJ$366,ROUNDDOWN($C1627/24,0)+1,1)*INDEX($D$3:$AA$30,INDEX(Jesper!$R$2:$R$366,ROW(INDEX(Jesper!AJ$2:AJ$366,ROUNDDOWN($C1627/24,0)+1,1))-1)+IF('Standard Profiles'!$G$20=$B$10,7,0)+IF('Standard Profiles'!$G$20=$B$17,14,0)+IF('Standard Profiles'!$G$20=$B$24,21,0),MOD($C1627,24)+1)/SUM(INDEX($D$3:$AA$30,INDEX(Jesper!$R$2:$R$366,ROW(INDEX(Jesper!AJ$2:AJ$366,ROUNDDOWN($C1627/24,0)+1,1))-1)+IF('Standard Profiles'!$G$20=$B$10,7,0)+IF('Standard Profiles'!$G$20=$B$17,14,0)+IF('Standard Profiles'!$G$20=$B$24,21,0),0)),0)</f>
        <v>0</v>
      </c>
      <c r="G1627" cm="1">
        <f t="array" ref="G1627">IFERROR(INDEX(Jesper!AK$2:AK$366,ROUNDDOWN($C1627/24,0)+1,1)*INDEX($D$3:$AA$30,INDEX(Jesper!$R$2:$R$366,ROW(INDEX(Jesper!AK$2:AK$366,ROUNDDOWN($C1627/24,0)+1,1))-1)+IF('Standard Profiles'!$G$21=$B$10,7,0)+IF('Standard Profiles'!$G$21=$B$17,14,0)+IF('Standard Profiles'!$G$21=$B$24,21,0),MOD($C1627,24)+1)/SUM(INDEX($D$3:$AA$30,INDEX(Jesper!$R$2:$R$366,ROW(INDEX(Jesper!AK$2:AK$366,ROUNDDOWN($C1627/24,0)+1,1))-1)+IF('Standard Profiles'!$G$21=$B$10,7,0)+IF('Standard Profiles'!$G$21=$B$17,14,0)+IF('Standard Profiles'!$G$21=$B$24,21,0),0)),0)</f>
        <v>0</v>
      </c>
      <c r="H1627" cm="1">
        <f t="array" ref="H1627">IFERROR(INDEX(Jesper!AL$2:AL$366,ROUNDDOWN($C1627/24,0)+1,1)*INDEX($D$3:$AA$30,INDEX(Jesper!$R$2:$R$366,ROW(INDEX(Jesper!AL$2:AL$366,ROUNDDOWN($C1627/24,0)+1,1))-1)+IF('Standard Profiles'!$G$22=$B$10,7,0)+IF('Standard Profiles'!$G$22=$B$17,14,0)+IF('Standard Profiles'!$G$22=$B$24,21,0),MOD($C1627,24)+1)/SUM(INDEX($D$3:$AA$30,INDEX(Jesper!$R$2:$R$366,ROW(INDEX(Jesper!AL$2:AL$366,ROUNDDOWN($C1627/24,0)+1,1))-1)+IF('Standard Profiles'!$G$22=$B$10,7,0)+IF('Standard Profiles'!$G$22=$B$17,14,0)+IF('Standard Profiles'!$G$22=$B$24,21,0),0)),0)</f>
        <v>0</v>
      </c>
      <c r="I1627">
        <f t="shared" si="188"/>
        <v>0.41408000579111665</v>
      </c>
      <c r="J1627">
        <f t="shared" si="189"/>
        <v>1.3802666859703889</v>
      </c>
      <c r="K1627">
        <f t="shared" si="190"/>
        <v>2.0704000289555831</v>
      </c>
      <c r="L1627">
        <f t="shared" si="191"/>
        <v>9.937920138986799</v>
      </c>
      <c r="M1627">
        <f t="shared" si="192"/>
        <v>0</v>
      </c>
      <c r="N1627" s="46">
        <f t="shared" si="193"/>
        <v>45358.374999996136</v>
      </c>
    </row>
    <row r="1628" spans="2:14" x14ac:dyDescent="0.3">
      <c r="B1628">
        <f t="shared" si="187"/>
        <v>4</v>
      </c>
      <c r="C1628" s="16">
        <v>1594</v>
      </c>
      <c r="D1628" cm="1">
        <f t="array" ref="D1628">IFERROR(INDEX(Jesper!AH$2:AH$366,ROUNDDOWN($C1628/24,0)+1,1)*INDEX($D$3:$AA$30,INDEX(Jesper!$R$2:$R$366,ROW(INDEX(Jesper!AH$2:AH$366,ROUNDDOWN($C1628/24,0)+1,1))-1)+IF('Standard Profiles'!$G$18=$B$10,7,0)+IF('Standard Profiles'!$G$18=$B$17,14,0)+IF('Standard Profiles'!$G$18=$B$24,21,0),MOD($C1628,24)+1)/SUM(INDEX($D$3:$AA$30,INDEX(Jesper!$R$2:$R$366,ROW(INDEX(Jesper!AH$2:AH$366,ROUNDDOWN($C1628/24,0)+1,1))-1)+IF('Standard Profiles'!$G$18=$B$10,7,0)+IF('Standard Profiles'!$G$18=$B$17,14,0)+IF('Standard Profiles'!$G$18=$B$24,21,0),0)),0)</f>
        <v>14.952889098012548</v>
      </c>
      <c r="E1628" cm="1">
        <f t="array" ref="E1628">IFERROR(INDEX(Jesper!AI$2:AI$366,ROUNDDOWN($C1628/24,0)+1,1)*INDEX($D$3:$AA$30,INDEX(Jesper!$R$2:$R$366,ROW(INDEX(Jesper!AI$2:AI$366,ROUNDDOWN($C1628/24,0)+1,1))-1)+IF('Standard Profiles'!$G$19=$B$10,7,0)+IF('Standard Profiles'!$G$19=$B$17,14,0)+IF('Standard Profiles'!$G$19=$B$24,21,0),MOD($C1628,24)+1)/SUM(INDEX($D$3:$AA$30,INDEX(Jesper!$R$2:$R$366,ROW(INDEX(Jesper!AI$2:AI$366,ROUNDDOWN($C1628/24,0)+1,1))-1)+IF('Standard Profiles'!$G$19=$B$10,7,0)+IF('Standard Profiles'!$G$19=$B$17,14,0)+IF('Standard Profiles'!$G$19=$B$24,21,0),0)),0)</f>
        <v>0</v>
      </c>
      <c r="F1628" cm="1">
        <f t="array" ref="F1628">IFERROR(INDEX(Jesper!AJ$2:AJ$366,ROUNDDOWN($C1628/24,0)+1,1)*INDEX($D$3:$AA$30,INDEX(Jesper!$R$2:$R$366,ROW(INDEX(Jesper!AJ$2:AJ$366,ROUNDDOWN($C1628/24,0)+1,1))-1)+IF('Standard Profiles'!$G$20=$B$10,7,0)+IF('Standard Profiles'!$G$20=$B$17,14,0)+IF('Standard Profiles'!$G$20=$B$24,21,0),MOD($C1628,24)+1)/SUM(INDEX($D$3:$AA$30,INDEX(Jesper!$R$2:$R$366,ROW(INDEX(Jesper!AJ$2:AJ$366,ROUNDDOWN($C1628/24,0)+1,1))-1)+IF('Standard Profiles'!$G$20=$B$10,7,0)+IF('Standard Profiles'!$G$20=$B$17,14,0)+IF('Standard Profiles'!$G$20=$B$24,21,0),0)),0)</f>
        <v>0</v>
      </c>
      <c r="G1628" cm="1">
        <f t="array" ref="G1628">IFERROR(INDEX(Jesper!AK$2:AK$366,ROUNDDOWN($C1628/24,0)+1,1)*INDEX($D$3:$AA$30,INDEX(Jesper!$R$2:$R$366,ROW(INDEX(Jesper!AK$2:AK$366,ROUNDDOWN($C1628/24,0)+1,1))-1)+IF('Standard Profiles'!$G$21=$B$10,7,0)+IF('Standard Profiles'!$G$21=$B$17,14,0)+IF('Standard Profiles'!$G$21=$B$24,21,0),MOD($C1628,24)+1)/SUM(INDEX($D$3:$AA$30,INDEX(Jesper!$R$2:$R$366,ROW(INDEX(Jesper!AK$2:AK$366,ROUNDDOWN($C1628/24,0)+1,1))-1)+IF('Standard Profiles'!$G$21=$B$10,7,0)+IF('Standard Profiles'!$G$21=$B$17,14,0)+IF('Standard Profiles'!$G$21=$B$24,21,0),0)),0)</f>
        <v>0</v>
      </c>
      <c r="H1628" cm="1">
        <f t="array" ref="H1628">IFERROR(INDEX(Jesper!AL$2:AL$366,ROUNDDOWN($C1628/24,0)+1,1)*INDEX($D$3:$AA$30,INDEX(Jesper!$R$2:$R$366,ROW(INDEX(Jesper!AL$2:AL$366,ROUNDDOWN($C1628/24,0)+1,1))-1)+IF('Standard Profiles'!$G$22=$B$10,7,0)+IF('Standard Profiles'!$G$22=$B$17,14,0)+IF('Standard Profiles'!$G$22=$B$24,21,0),MOD($C1628,24)+1)/SUM(INDEX($D$3:$AA$30,INDEX(Jesper!$R$2:$R$366,ROW(INDEX(Jesper!AL$2:AL$366,ROUNDDOWN($C1628/24,0)+1,1))-1)+IF('Standard Profiles'!$G$22=$B$10,7,0)+IF('Standard Profiles'!$G$22=$B$17,14,0)+IF('Standard Profiles'!$G$22=$B$24,21,0),0)),0)</f>
        <v>0</v>
      </c>
      <c r="I1628">
        <f t="shared" si="188"/>
        <v>0.44858667294037641</v>
      </c>
      <c r="J1628">
        <f t="shared" si="189"/>
        <v>1.495288909801255</v>
      </c>
      <c r="K1628">
        <f t="shared" si="190"/>
        <v>2.2429333647018823</v>
      </c>
      <c r="L1628">
        <f t="shared" si="191"/>
        <v>10.766080150569035</v>
      </c>
      <c r="M1628">
        <f t="shared" si="192"/>
        <v>0</v>
      </c>
      <c r="N1628" s="46">
        <f t="shared" si="193"/>
        <v>45358.416666662801</v>
      </c>
    </row>
    <row r="1629" spans="2:14" x14ac:dyDescent="0.3">
      <c r="B1629">
        <f t="shared" si="187"/>
        <v>4</v>
      </c>
      <c r="C1629" s="16">
        <v>1595</v>
      </c>
      <c r="D1629" cm="1">
        <f t="array" ref="D1629">IFERROR(INDEX(Jesper!AH$2:AH$366,ROUNDDOWN($C1629/24,0)+1,1)*INDEX($D$3:$AA$30,INDEX(Jesper!$R$2:$R$366,ROW(INDEX(Jesper!AH$2:AH$366,ROUNDDOWN($C1629/24,0)+1,1))-1)+IF('Standard Profiles'!$G$18=$B$10,7,0)+IF('Standard Profiles'!$G$18=$B$17,14,0)+IF('Standard Profiles'!$G$18=$B$24,21,0),MOD($C1629,24)+1)/SUM(INDEX($D$3:$AA$30,INDEX(Jesper!$R$2:$R$366,ROW(INDEX(Jesper!AH$2:AH$366,ROUNDDOWN($C1629/24,0)+1,1))-1)+IF('Standard Profiles'!$G$18=$B$10,7,0)+IF('Standard Profiles'!$G$18=$B$17,14,0)+IF('Standard Profiles'!$G$18=$B$24,21,0),0)),0)</f>
        <v>17.253333574629863</v>
      </c>
      <c r="E1629" cm="1">
        <f t="array" ref="E1629">IFERROR(INDEX(Jesper!AI$2:AI$366,ROUNDDOWN($C1629/24,0)+1,1)*INDEX($D$3:$AA$30,INDEX(Jesper!$R$2:$R$366,ROW(INDEX(Jesper!AI$2:AI$366,ROUNDDOWN($C1629/24,0)+1,1))-1)+IF('Standard Profiles'!$G$19=$B$10,7,0)+IF('Standard Profiles'!$G$19=$B$17,14,0)+IF('Standard Profiles'!$G$19=$B$24,21,0),MOD($C1629,24)+1)/SUM(INDEX($D$3:$AA$30,INDEX(Jesper!$R$2:$R$366,ROW(INDEX(Jesper!AI$2:AI$366,ROUNDDOWN($C1629/24,0)+1,1))-1)+IF('Standard Profiles'!$G$19=$B$10,7,0)+IF('Standard Profiles'!$G$19=$B$17,14,0)+IF('Standard Profiles'!$G$19=$B$24,21,0),0)),0)</f>
        <v>0</v>
      </c>
      <c r="F1629" cm="1">
        <f t="array" ref="F1629">IFERROR(INDEX(Jesper!AJ$2:AJ$366,ROUNDDOWN($C1629/24,0)+1,1)*INDEX($D$3:$AA$30,INDEX(Jesper!$R$2:$R$366,ROW(INDEX(Jesper!AJ$2:AJ$366,ROUNDDOWN($C1629/24,0)+1,1))-1)+IF('Standard Profiles'!$G$20=$B$10,7,0)+IF('Standard Profiles'!$G$20=$B$17,14,0)+IF('Standard Profiles'!$G$20=$B$24,21,0),MOD($C1629,24)+1)/SUM(INDEX($D$3:$AA$30,INDEX(Jesper!$R$2:$R$366,ROW(INDEX(Jesper!AJ$2:AJ$366,ROUNDDOWN($C1629/24,0)+1,1))-1)+IF('Standard Profiles'!$G$20=$B$10,7,0)+IF('Standard Profiles'!$G$20=$B$17,14,0)+IF('Standard Profiles'!$G$20=$B$24,21,0),0)),0)</f>
        <v>0</v>
      </c>
      <c r="G1629" cm="1">
        <f t="array" ref="G1629">IFERROR(INDEX(Jesper!AK$2:AK$366,ROUNDDOWN($C1629/24,0)+1,1)*INDEX($D$3:$AA$30,INDEX(Jesper!$R$2:$R$366,ROW(INDEX(Jesper!AK$2:AK$366,ROUNDDOWN($C1629/24,0)+1,1))-1)+IF('Standard Profiles'!$G$21=$B$10,7,0)+IF('Standard Profiles'!$G$21=$B$17,14,0)+IF('Standard Profiles'!$G$21=$B$24,21,0),MOD($C1629,24)+1)/SUM(INDEX($D$3:$AA$30,INDEX(Jesper!$R$2:$R$366,ROW(INDEX(Jesper!AK$2:AK$366,ROUNDDOWN($C1629/24,0)+1,1))-1)+IF('Standard Profiles'!$G$21=$B$10,7,0)+IF('Standard Profiles'!$G$21=$B$17,14,0)+IF('Standard Profiles'!$G$21=$B$24,21,0),0)),0)</f>
        <v>0</v>
      </c>
      <c r="H1629" cm="1">
        <f t="array" ref="H1629">IFERROR(INDEX(Jesper!AL$2:AL$366,ROUNDDOWN($C1629/24,0)+1,1)*INDEX($D$3:$AA$30,INDEX(Jesper!$R$2:$R$366,ROW(INDEX(Jesper!AL$2:AL$366,ROUNDDOWN($C1629/24,0)+1,1))-1)+IF('Standard Profiles'!$G$22=$B$10,7,0)+IF('Standard Profiles'!$G$22=$B$17,14,0)+IF('Standard Profiles'!$G$22=$B$24,21,0),MOD($C1629,24)+1)/SUM(INDEX($D$3:$AA$30,INDEX(Jesper!$R$2:$R$366,ROW(INDEX(Jesper!AL$2:AL$366,ROUNDDOWN($C1629/24,0)+1,1))-1)+IF('Standard Profiles'!$G$22=$B$10,7,0)+IF('Standard Profiles'!$G$22=$B$17,14,0)+IF('Standard Profiles'!$G$22=$B$24,21,0),0)),0)</f>
        <v>0</v>
      </c>
      <c r="I1629">
        <f t="shared" si="188"/>
        <v>0.51760000723889588</v>
      </c>
      <c r="J1629">
        <f t="shared" si="189"/>
        <v>1.7253333574629863</v>
      </c>
      <c r="K1629">
        <f t="shared" si="190"/>
        <v>2.5880000361944795</v>
      </c>
      <c r="L1629">
        <f t="shared" si="191"/>
        <v>12.422400173733502</v>
      </c>
      <c r="M1629">
        <f t="shared" si="192"/>
        <v>0</v>
      </c>
      <c r="N1629" s="46">
        <f t="shared" si="193"/>
        <v>45358.458333329465</v>
      </c>
    </row>
    <row r="1630" spans="2:14" x14ac:dyDescent="0.3">
      <c r="B1630">
        <f t="shared" si="187"/>
        <v>4</v>
      </c>
      <c r="C1630" s="16">
        <v>1596</v>
      </c>
      <c r="D1630" cm="1">
        <f t="array" ref="D1630">IFERROR(INDEX(Jesper!AH$2:AH$366,ROUNDDOWN($C1630/24,0)+1,1)*INDEX($D$3:$AA$30,INDEX(Jesper!$R$2:$R$366,ROW(INDEX(Jesper!AH$2:AH$366,ROUNDDOWN($C1630/24,0)+1,1))-1)+IF('Standard Profiles'!$G$18=$B$10,7,0)+IF('Standard Profiles'!$G$18=$B$17,14,0)+IF('Standard Profiles'!$G$18=$B$24,21,0),MOD($C1630,24)+1)/SUM(INDEX($D$3:$AA$30,INDEX(Jesper!$R$2:$R$366,ROW(INDEX(Jesper!AH$2:AH$366,ROUNDDOWN($C1630/24,0)+1,1))-1)+IF('Standard Profiles'!$G$18=$B$10,7,0)+IF('Standard Profiles'!$G$18=$B$17,14,0)+IF('Standard Profiles'!$G$18=$B$24,21,0),0)),0)</f>
        <v>17.253333574629863</v>
      </c>
      <c r="E1630" cm="1">
        <f t="array" ref="E1630">IFERROR(INDEX(Jesper!AI$2:AI$366,ROUNDDOWN($C1630/24,0)+1,1)*INDEX($D$3:$AA$30,INDEX(Jesper!$R$2:$R$366,ROW(INDEX(Jesper!AI$2:AI$366,ROUNDDOWN($C1630/24,0)+1,1))-1)+IF('Standard Profiles'!$G$19=$B$10,7,0)+IF('Standard Profiles'!$G$19=$B$17,14,0)+IF('Standard Profiles'!$G$19=$B$24,21,0),MOD($C1630,24)+1)/SUM(INDEX($D$3:$AA$30,INDEX(Jesper!$R$2:$R$366,ROW(INDEX(Jesper!AI$2:AI$366,ROUNDDOWN($C1630/24,0)+1,1))-1)+IF('Standard Profiles'!$G$19=$B$10,7,0)+IF('Standard Profiles'!$G$19=$B$17,14,0)+IF('Standard Profiles'!$G$19=$B$24,21,0),0)),0)</f>
        <v>0</v>
      </c>
      <c r="F1630" cm="1">
        <f t="array" ref="F1630">IFERROR(INDEX(Jesper!AJ$2:AJ$366,ROUNDDOWN($C1630/24,0)+1,1)*INDEX($D$3:$AA$30,INDEX(Jesper!$R$2:$R$366,ROW(INDEX(Jesper!AJ$2:AJ$366,ROUNDDOWN($C1630/24,0)+1,1))-1)+IF('Standard Profiles'!$G$20=$B$10,7,0)+IF('Standard Profiles'!$G$20=$B$17,14,0)+IF('Standard Profiles'!$G$20=$B$24,21,0),MOD($C1630,24)+1)/SUM(INDEX($D$3:$AA$30,INDEX(Jesper!$R$2:$R$366,ROW(INDEX(Jesper!AJ$2:AJ$366,ROUNDDOWN($C1630/24,0)+1,1))-1)+IF('Standard Profiles'!$G$20=$B$10,7,0)+IF('Standard Profiles'!$G$20=$B$17,14,0)+IF('Standard Profiles'!$G$20=$B$24,21,0),0)),0)</f>
        <v>0</v>
      </c>
      <c r="G1630" cm="1">
        <f t="array" ref="G1630">IFERROR(INDEX(Jesper!AK$2:AK$366,ROUNDDOWN($C1630/24,0)+1,1)*INDEX($D$3:$AA$30,INDEX(Jesper!$R$2:$R$366,ROW(INDEX(Jesper!AK$2:AK$366,ROUNDDOWN($C1630/24,0)+1,1))-1)+IF('Standard Profiles'!$G$21=$B$10,7,0)+IF('Standard Profiles'!$G$21=$B$17,14,0)+IF('Standard Profiles'!$G$21=$B$24,21,0),MOD($C1630,24)+1)/SUM(INDEX($D$3:$AA$30,INDEX(Jesper!$R$2:$R$366,ROW(INDEX(Jesper!AK$2:AK$366,ROUNDDOWN($C1630/24,0)+1,1))-1)+IF('Standard Profiles'!$G$21=$B$10,7,0)+IF('Standard Profiles'!$G$21=$B$17,14,0)+IF('Standard Profiles'!$G$21=$B$24,21,0),0)),0)</f>
        <v>0</v>
      </c>
      <c r="H1630" cm="1">
        <f t="array" ref="H1630">IFERROR(INDEX(Jesper!AL$2:AL$366,ROUNDDOWN($C1630/24,0)+1,1)*INDEX($D$3:$AA$30,INDEX(Jesper!$R$2:$R$366,ROW(INDEX(Jesper!AL$2:AL$366,ROUNDDOWN($C1630/24,0)+1,1))-1)+IF('Standard Profiles'!$G$22=$B$10,7,0)+IF('Standard Profiles'!$G$22=$B$17,14,0)+IF('Standard Profiles'!$G$22=$B$24,21,0),MOD($C1630,24)+1)/SUM(INDEX($D$3:$AA$30,INDEX(Jesper!$R$2:$R$366,ROW(INDEX(Jesper!AL$2:AL$366,ROUNDDOWN($C1630/24,0)+1,1))-1)+IF('Standard Profiles'!$G$22=$B$10,7,0)+IF('Standard Profiles'!$G$22=$B$17,14,0)+IF('Standard Profiles'!$G$22=$B$24,21,0),0)),0)</f>
        <v>0</v>
      </c>
      <c r="I1630">
        <f t="shared" si="188"/>
        <v>0.51760000723889588</v>
      </c>
      <c r="J1630">
        <f t="shared" si="189"/>
        <v>1.7253333574629863</v>
      </c>
      <c r="K1630">
        <f t="shared" si="190"/>
        <v>2.5880000361944795</v>
      </c>
      <c r="L1630">
        <f t="shared" si="191"/>
        <v>12.422400173733502</v>
      </c>
      <c r="M1630">
        <f t="shared" si="192"/>
        <v>0</v>
      </c>
      <c r="N1630" s="46">
        <f t="shared" si="193"/>
        <v>45358.499999996129</v>
      </c>
    </row>
    <row r="1631" spans="2:14" x14ac:dyDescent="0.3">
      <c r="B1631">
        <f t="shared" si="187"/>
        <v>4</v>
      </c>
      <c r="C1631" s="16">
        <v>1597</v>
      </c>
      <c r="D1631" cm="1">
        <f t="array" ref="D1631">IFERROR(INDEX(Jesper!AH$2:AH$366,ROUNDDOWN($C1631/24,0)+1,1)*INDEX($D$3:$AA$30,INDEX(Jesper!$R$2:$R$366,ROW(INDEX(Jesper!AH$2:AH$366,ROUNDDOWN($C1631/24,0)+1,1))-1)+IF('Standard Profiles'!$G$18=$B$10,7,0)+IF('Standard Profiles'!$G$18=$B$17,14,0)+IF('Standard Profiles'!$G$18=$B$24,21,0),MOD($C1631,24)+1)/SUM(INDEX($D$3:$AA$30,INDEX(Jesper!$R$2:$R$366,ROW(INDEX(Jesper!AH$2:AH$366,ROUNDDOWN($C1631/24,0)+1,1))-1)+IF('Standard Profiles'!$G$18=$B$10,7,0)+IF('Standard Profiles'!$G$18=$B$17,14,0)+IF('Standard Profiles'!$G$18=$B$24,21,0),0)),0)</f>
        <v>17.253333574629863</v>
      </c>
      <c r="E1631" cm="1">
        <f t="array" ref="E1631">IFERROR(INDEX(Jesper!AI$2:AI$366,ROUNDDOWN($C1631/24,0)+1,1)*INDEX($D$3:$AA$30,INDEX(Jesper!$R$2:$R$366,ROW(INDEX(Jesper!AI$2:AI$366,ROUNDDOWN($C1631/24,0)+1,1))-1)+IF('Standard Profiles'!$G$19=$B$10,7,0)+IF('Standard Profiles'!$G$19=$B$17,14,0)+IF('Standard Profiles'!$G$19=$B$24,21,0),MOD($C1631,24)+1)/SUM(INDEX($D$3:$AA$30,INDEX(Jesper!$R$2:$R$366,ROW(INDEX(Jesper!AI$2:AI$366,ROUNDDOWN($C1631/24,0)+1,1))-1)+IF('Standard Profiles'!$G$19=$B$10,7,0)+IF('Standard Profiles'!$G$19=$B$17,14,0)+IF('Standard Profiles'!$G$19=$B$24,21,0),0)),0)</f>
        <v>0</v>
      </c>
      <c r="F1631" cm="1">
        <f t="array" ref="F1631">IFERROR(INDEX(Jesper!AJ$2:AJ$366,ROUNDDOWN($C1631/24,0)+1,1)*INDEX($D$3:$AA$30,INDEX(Jesper!$R$2:$R$366,ROW(INDEX(Jesper!AJ$2:AJ$366,ROUNDDOWN($C1631/24,0)+1,1))-1)+IF('Standard Profiles'!$G$20=$B$10,7,0)+IF('Standard Profiles'!$G$20=$B$17,14,0)+IF('Standard Profiles'!$G$20=$B$24,21,0),MOD($C1631,24)+1)/SUM(INDEX($D$3:$AA$30,INDEX(Jesper!$R$2:$R$366,ROW(INDEX(Jesper!AJ$2:AJ$366,ROUNDDOWN($C1631/24,0)+1,1))-1)+IF('Standard Profiles'!$G$20=$B$10,7,0)+IF('Standard Profiles'!$G$20=$B$17,14,0)+IF('Standard Profiles'!$G$20=$B$24,21,0),0)),0)</f>
        <v>0</v>
      </c>
      <c r="G1631" cm="1">
        <f t="array" ref="G1631">IFERROR(INDEX(Jesper!AK$2:AK$366,ROUNDDOWN($C1631/24,0)+1,1)*INDEX($D$3:$AA$30,INDEX(Jesper!$R$2:$R$366,ROW(INDEX(Jesper!AK$2:AK$366,ROUNDDOWN($C1631/24,0)+1,1))-1)+IF('Standard Profiles'!$G$21=$B$10,7,0)+IF('Standard Profiles'!$G$21=$B$17,14,0)+IF('Standard Profiles'!$G$21=$B$24,21,0),MOD($C1631,24)+1)/SUM(INDEX($D$3:$AA$30,INDEX(Jesper!$R$2:$R$366,ROW(INDEX(Jesper!AK$2:AK$366,ROUNDDOWN($C1631/24,0)+1,1))-1)+IF('Standard Profiles'!$G$21=$B$10,7,0)+IF('Standard Profiles'!$G$21=$B$17,14,0)+IF('Standard Profiles'!$G$21=$B$24,21,0),0)),0)</f>
        <v>0</v>
      </c>
      <c r="H1631" cm="1">
        <f t="array" ref="H1631">IFERROR(INDEX(Jesper!AL$2:AL$366,ROUNDDOWN($C1631/24,0)+1,1)*INDEX($D$3:$AA$30,INDEX(Jesper!$R$2:$R$366,ROW(INDEX(Jesper!AL$2:AL$366,ROUNDDOWN($C1631/24,0)+1,1))-1)+IF('Standard Profiles'!$G$22=$B$10,7,0)+IF('Standard Profiles'!$G$22=$B$17,14,0)+IF('Standard Profiles'!$G$22=$B$24,21,0),MOD($C1631,24)+1)/SUM(INDEX($D$3:$AA$30,INDEX(Jesper!$R$2:$R$366,ROW(INDEX(Jesper!AL$2:AL$366,ROUNDDOWN($C1631/24,0)+1,1))-1)+IF('Standard Profiles'!$G$22=$B$10,7,0)+IF('Standard Profiles'!$G$22=$B$17,14,0)+IF('Standard Profiles'!$G$22=$B$24,21,0),0)),0)</f>
        <v>0</v>
      </c>
      <c r="I1631">
        <f t="shared" si="188"/>
        <v>0.51760000723889588</v>
      </c>
      <c r="J1631">
        <f t="shared" si="189"/>
        <v>1.7253333574629863</v>
      </c>
      <c r="K1631">
        <f t="shared" si="190"/>
        <v>2.5880000361944795</v>
      </c>
      <c r="L1631">
        <f t="shared" si="191"/>
        <v>12.422400173733502</v>
      </c>
      <c r="M1631">
        <f t="shared" si="192"/>
        <v>0</v>
      </c>
      <c r="N1631" s="46">
        <f t="shared" si="193"/>
        <v>45358.541666662793</v>
      </c>
    </row>
    <row r="1632" spans="2:14" x14ac:dyDescent="0.3">
      <c r="B1632">
        <f t="shared" si="187"/>
        <v>4</v>
      </c>
      <c r="C1632" s="16">
        <v>1598</v>
      </c>
      <c r="D1632" cm="1">
        <f t="array" ref="D1632">IFERROR(INDEX(Jesper!AH$2:AH$366,ROUNDDOWN($C1632/24,0)+1,1)*INDEX($D$3:$AA$30,INDEX(Jesper!$R$2:$R$366,ROW(INDEX(Jesper!AH$2:AH$366,ROUNDDOWN($C1632/24,0)+1,1))-1)+IF('Standard Profiles'!$G$18=$B$10,7,0)+IF('Standard Profiles'!$G$18=$B$17,14,0)+IF('Standard Profiles'!$G$18=$B$24,21,0),MOD($C1632,24)+1)/SUM(INDEX($D$3:$AA$30,INDEX(Jesper!$R$2:$R$366,ROW(INDEX(Jesper!AH$2:AH$366,ROUNDDOWN($C1632/24,0)+1,1))-1)+IF('Standard Profiles'!$G$18=$B$10,7,0)+IF('Standard Profiles'!$G$18=$B$17,14,0)+IF('Standard Profiles'!$G$18=$B$24,21,0),0)),0)</f>
        <v>17.253333574629863</v>
      </c>
      <c r="E1632" cm="1">
        <f t="array" ref="E1632">IFERROR(INDEX(Jesper!AI$2:AI$366,ROUNDDOWN($C1632/24,0)+1,1)*INDEX($D$3:$AA$30,INDEX(Jesper!$R$2:$R$366,ROW(INDEX(Jesper!AI$2:AI$366,ROUNDDOWN($C1632/24,0)+1,1))-1)+IF('Standard Profiles'!$G$19=$B$10,7,0)+IF('Standard Profiles'!$G$19=$B$17,14,0)+IF('Standard Profiles'!$G$19=$B$24,21,0),MOD($C1632,24)+1)/SUM(INDEX($D$3:$AA$30,INDEX(Jesper!$R$2:$R$366,ROW(INDEX(Jesper!AI$2:AI$366,ROUNDDOWN($C1632/24,0)+1,1))-1)+IF('Standard Profiles'!$G$19=$B$10,7,0)+IF('Standard Profiles'!$G$19=$B$17,14,0)+IF('Standard Profiles'!$G$19=$B$24,21,0),0)),0)</f>
        <v>0</v>
      </c>
      <c r="F1632" cm="1">
        <f t="array" ref="F1632">IFERROR(INDEX(Jesper!AJ$2:AJ$366,ROUNDDOWN($C1632/24,0)+1,1)*INDEX($D$3:$AA$30,INDEX(Jesper!$R$2:$R$366,ROW(INDEX(Jesper!AJ$2:AJ$366,ROUNDDOWN($C1632/24,0)+1,1))-1)+IF('Standard Profiles'!$G$20=$B$10,7,0)+IF('Standard Profiles'!$G$20=$B$17,14,0)+IF('Standard Profiles'!$G$20=$B$24,21,0),MOD($C1632,24)+1)/SUM(INDEX($D$3:$AA$30,INDEX(Jesper!$R$2:$R$366,ROW(INDEX(Jesper!AJ$2:AJ$366,ROUNDDOWN($C1632/24,0)+1,1))-1)+IF('Standard Profiles'!$G$20=$B$10,7,0)+IF('Standard Profiles'!$G$20=$B$17,14,0)+IF('Standard Profiles'!$G$20=$B$24,21,0),0)),0)</f>
        <v>0</v>
      </c>
      <c r="G1632" cm="1">
        <f t="array" ref="G1632">IFERROR(INDEX(Jesper!AK$2:AK$366,ROUNDDOWN($C1632/24,0)+1,1)*INDEX($D$3:$AA$30,INDEX(Jesper!$R$2:$R$366,ROW(INDEX(Jesper!AK$2:AK$366,ROUNDDOWN($C1632/24,0)+1,1))-1)+IF('Standard Profiles'!$G$21=$B$10,7,0)+IF('Standard Profiles'!$G$21=$B$17,14,0)+IF('Standard Profiles'!$G$21=$B$24,21,0),MOD($C1632,24)+1)/SUM(INDEX($D$3:$AA$30,INDEX(Jesper!$R$2:$R$366,ROW(INDEX(Jesper!AK$2:AK$366,ROUNDDOWN($C1632/24,0)+1,1))-1)+IF('Standard Profiles'!$G$21=$B$10,7,0)+IF('Standard Profiles'!$G$21=$B$17,14,0)+IF('Standard Profiles'!$G$21=$B$24,21,0),0)),0)</f>
        <v>0</v>
      </c>
      <c r="H1632" cm="1">
        <f t="array" ref="H1632">IFERROR(INDEX(Jesper!AL$2:AL$366,ROUNDDOWN($C1632/24,0)+1,1)*INDEX($D$3:$AA$30,INDEX(Jesper!$R$2:$R$366,ROW(INDEX(Jesper!AL$2:AL$366,ROUNDDOWN($C1632/24,0)+1,1))-1)+IF('Standard Profiles'!$G$22=$B$10,7,0)+IF('Standard Profiles'!$G$22=$B$17,14,0)+IF('Standard Profiles'!$G$22=$B$24,21,0),MOD($C1632,24)+1)/SUM(INDEX($D$3:$AA$30,INDEX(Jesper!$R$2:$R$366,ROW(INDEX(Jesper!AL$2:AL$366,ROUNDDOWN($C1632/24,0)+1,1))-1)+IF('Standard Profiles'!$G$22=$B$10,7,0)+IF('Standard Profiles'!$G$22=$B$17,14,0)+IF('Standard Profiles'!$G$22=$B$24,21,0),0)),0)</f>
        <v>0</v>
      </c>
      <c r="I1632">
        <f t="shared" si="188"/>
        <v>0.51760000723889588</v>
      </c>
      <c r="J1632">
        <f t="shared" si="189"/>
        <v>1.7253333574629863</v>
      </c>
      <c r="K1632">
        <f t="shared" si="190"/>
        <v>2.5880000361944795</v>
      </c>
      <c r="L1632">
        <f t="shared" si="191"/>
        <v>12.422400173733502</v>
      </c>
      <c r="M1632">
        <f t="shared" si="192"/>
        <v>0</v>
      </c>
      <c r="N1632" s="46">
        <f t="shared" si="193"/>
        <v>45358.583333329458</v>
      </c>
    </row>
    <row r="1633" spans="2:14" x14ac:dyDescent="0.3">
      <c r="B1633">
        <f t="shared" si="187"/>
        <v>4</v>
      </c>
      <c r="C1633" s="16">
        <v>1599</v>
      </c>
      <c r="D1633" cm="1">
        <f t="array" ref="D1633">IFERROR(INDEX(Jesper!AH$2:AH$366,ROUNDDOWN($C1633/24,0)+1,1)*INDEX($D$3:$AA$30,INDEX(Jesper!$R$2:$R$366,ROW(INDEX(Jesper!AH$2:AH$366,ROUNDDOWN($C1633/24,0)+1,1))-1)+IF('Standard Profiles'!$G$18=$B$10,7,0)+IF('Standard Profiles'!$G$18=$B$17,14,0)+IF('Standard Profiles'!$G$18=$B$24,21,0),MOD($C1633,24)+1)/SUM(INDEX($D$3:$AA$30,INDEX(Jesper!$R$2:$R$366,ROW(INDEX(Jesper!AH$2:AH$366,ROUNDDOWN($C1633/24,0)+1,1))-1)+IF('Standard Profiles'!$G$18=$B$10,7,0)+IF('Standard Profiles'!$G$18=$B$17,14,0)+IF('Standard Profiles'!$G$18=$B$24,21,0),0)),0)</f>
        <v>17.253333574629863</v>
      </c>
      <c r="E1633" cm="1">
        <f t="array" ref="E1633">IFERROR(INDEX(Jesper!AI$2:AI$366,ROUNDDOWN($C1633/24,0)+1,1)*INDEX($D$3:$AA$30,INDEX(Jesper!$R$2:$R$366,ROW(INDEX(Jesper!AI$2:AI$366,ROUNDDOWN($C1633/24,0)+1,1))-1)+IF('Standard Profiles'!$G$19=$B$10,7,0)+IF('Standard Profiles'!$G$19=$B$17,14,0)+IF('Standard Profiles'!$G$19=$B$24,21,0),MOD($C1633,24)+1)/SUM(INDEX($D$3:$AA$30,INDEX(Jesper!$R$2:$R$366,ROW(INDEX(Jesper!AI$2:AI$366,ROUNDDOWN($C1633/24,0)+1,1))-1)+IF('Standard Profiles'!$G$19=$B$10,7,0)+IF('Standard Profiles'!$G$19=$B$17,14,0)+IF('Standard Profiles'!$G$19=$B$24,21,0),0)),0)</f>
        <v>0</v>
      </c>
      <c r="F1633" cm="1">
        <f t="array" ref="F1633">IFERROR(INDEX(Jesper!AJ$2:AJ$366,ROUNDDOWN($C1633/24,0)+1,1)*INDEX($D$3:$AA$30,INDEX(Jesper!$R$2:$R$366,ROW(INDEX(Jesper!AJ$2:AJ$366,ROUNDDOWN($C1633/24,0)+1,1))-1)+IF('Standard Profiles'!$G$20=$B$10,7,0)+IF('Standard Profiles'!$G$20=$B$17,14,0)+IF('Standard Profiles'!$G$20=$B$24,21,0),MOD($C1633,24)+1)/SUM(INDEX($D$3:$AA$30,INDEX(Jesper!$R$2:$R$366,ROW(INDEX(Jesper!AJ$2:AJ$366,ROUNDDOWN($C1633/24,0)+1,1))-1)+IF('Standard Profiles'!$G$20=$B$10,7,0)+IF('Standard Profiles'!$G$20=$B$17,14,0)+IF('Standard Profiles'!$G$20=$B$24,21,0),0)),0)</f>
        <v>0</v>
      </c>
      <c r="G1633" cm="1">
        <f t="array" ref="G1633">IFERROR(INDEX(Jesper!AK$2:AK$366,ROUNDDOWN($C1633/24,0)+1,1)*INDEX($D$3:$AA$30,INDEX(Jesper!$R$2:$R$366,ROW(INDEX(Jesper!AK$2:AK$366,ROUNDDOWN($C1633/24,0)+1,1))-1)+IF('Standard Profiles'!$G$21=$B$10,7,0)+IF('Standard Profiles'!$G$21=$B$17,14,0)+IF('Standard Profiles'!$G$21=$B$24,21,0),MOD($C1633,24)+1)/SUM(INDEX($D$3:$AA$30,INDEX(Jesper!$R$2:$R$366,ROW(INDEX(Jesper!AK$2:AK$366,ROUNDDOWN($C1633/24,0)+1,1))-1)+IF('Standard Profiles'!$G$21=$B$10,7,0)+IF('Standard Profiles'!$G$21=$B$17,14,0)+IF('Standard Profiles'!$G$21=$B$24,21,0),0)),0)</f>
        <v>0</v>
      </c>
      <c r="H1633" cm="1">
        <f t="array" ref="H1633">IFERROR(INDEX(Jesper!AL$2:AL$366,ROUNDDOWN($C1633/24,0)+1,1)*INDEX($D$3:$AA$30,INDEX(Jesper!$R$2:$R$366,ROW(INDEX(Jesper!AL$2:AL$366,ROUNDDOWN($C1633/24,0)+1,1))-1)+IF('Standard Profiles'!$G$22=$B$10,7,0)+IF('Standard Profiles'!$G$22=$B$17,14,0)+IF('Standard Profiles'!$G$22=$B$24,21,0),MOD($C1633,24)+1)/SUM(INDEX($D$3:$AA$30,INDEX(Jesper!$R$2:$R$366,ROW(INDEX(Jesper!AL$2:AL$366,ROUNDDOWN($C1633/24,0)+1,1))-1)+IF('Standard Profiles'!$G$22=$B$10,7,0)+IF('Standard Profiles'!$G$22=$B$17,14,0)+IF('Standard Profiles'!$G$22=$B$24,21,0),0)),0)</f>
        <v>0</v>
      </c>
      <c r="I1633">
        <f t="shared" si="188"/>
        <v>0.51760000723889588</v>
      </c>
      <c r="J1633">
        <f t="shared" si="189"/>
        <v>1.7253333574629863</v>
      </c>
      <c r="K1633">
        <f t="shared" si="190"/>
        <v>2.5880000361944795</v>
      </c>
      <c r="L1633">
        <f t="shared" si="191"/>
        <v>12.422400173733502</v>
      </c>
      <c r="M1633">
        <f t="shared" si="192"/>
        <v>0</v>
      </c>
      <c r="N1633" s="46">
        <f t="shared" si="193"/>
        <v>45358.624999996122</v>
      </c>
    </row>
    <row r="1634" spans="2:14" x14ac:dyDescent="0.3">
      <c r="B1634">
        <f t="shared" si="187"/>
        <v>4</v>
      </c>
      <c r="C1634" s="16">
        <v>1600</v>
      </c>
      <c r="D1634" cm="1">
        <f t="array" ref="D1634">IFERROR(INDEX(Jesper!AH$2:AH$366,ROUNDDOWN($C1634/24,0)+1,1)*INDEX($D$3:$AA$30,INDEX(Jesper!$R$2:$R$366,ROW(INDEX(Jesper!AH$2:AH$366,ROUNDDOWN($C1634/24,0)+1,1))-1)+IF('Standard Profiles'!$G$18=$B$10,7,0)+IF('Standard Profiles'!$G$18=$B$17,14,0)+IF('Standard Profiles'!$G$18=$B$24,21,0),MOD($C1634,24)+1)/SUM(INDEX($D$3:$AA$30,INDEX(Jesper!$R$2:$R$366,ROW(INDEX(Jesper!AH$2:AH$366,ROUNDDOWN($C1634/24,0)+1,1))-1)+IF('Standard Profiles'!$G$18=$B$10,7,0)+IF('Standard Profiles'!$G$18=$B$17,14,0)+IF('Standard Profiles'!$G$18=$B$24,21,0),0)),0)</f>
        <v>17.253333574629863</v>
      </c>
      <c r="E1634" cm="1">
        <f t="array" ref="E1634">IFERROR(INDEX(Jesper!AI$2:AI$366,ROUNDDOWN($C1634/24,0)+1,1)*INDEX($D$3:$AA$30,INDEX(Jesper!$R$2:$R$366,ROW(INDEX(Jesper!AI$2:AI$366,ROUNDDOWN($C1634/24,0)+1,1))-1)+IF('Standard Profiles'!$G$19=$B$10,7,0)+IF('Standard Profiles'!$G$19=$B$17,14,0)+IF('Standard Profiles'!$G$19=$B$24,21,0),MOD($C1634,24)+1)/SUM(INDEX($D$3:$AA$30,INDEX(Jesper!$R$2:$R$366,ROW(INDEX(Jesper!AI$2:AI$366,ROUNDDOWN($C1634/24,0)+1,1))-1)+IF('Standard Profiles'!$G$19=$B$10,7,0)+IF('Standard Profiles'!$G$19=$B$17,14,0)+IF('Standard Profiles'!$G$19=$B$24,21,0),0)),0)</f>
        <v>0</v>
      </c>
      <c r="F1634" cm="1">
        <f t="array" ref="F1634">IFERROR(INDEX(Jesper!AJ$2:AJ$366,ROUNDDOWN($C1634/24,0)+1,1)*INDEX($D$3:$AA$30,INDEX(Jesper!$R$2:$R$366,ROW(INDEX(Jesper!AJ$2:AJ$366,ROUNDDOWN($C1634/24,0)+1,1))-1)+IF('Standard Profiles'!$G$20=$B$10,7,0)+IF('Standard Profiles'!$G$20=$B$17,14,0)+IF('Standard Profiles'!$G$20=$B$24,21,0),MOD($C1634,24)+1)/SUM(INDEX($D$3:$AA$30,INDEX(Jesper!$R$2:$R$366,ROW(INDEX(Jesper!AJ$2:AJ$366,ROUNDDOWN($C1634/24,0)+1,1))-1)+IF('Standard Profiles'!$G$20=$B$10,7,0)+IF('Standard Profiles'!$G$20=$B$17,14,0)+IF('Standard Profiles'!$G$20=$B$24,21,0),0)),0)</f>
        <v>0</v>
      </c>
      <c r="G1634" cm="1">
        <f t="array" ref="G1634">IFERROR(INDEX(Jesper!AK$2:AK$366,ROUNDDOWN($C1634/24,0)+1,1)*INDEX($D$3:$AA$30,INDEX(Jesper!$R$2:$R$366,ROW(INDEX(Jesper!AK$2:AK$366,ROUNDDOWN($C1634/24,0)+1,1))-1)+IF('Standard Profiles'!$G$21=$B$10,7,0)+IF('Standard Profiles'!$G$21=$B$17,14,0)+IF('Standard Profiles'!$G$21=$B$24,21,0),MOD($C1634,24)+1)/SUM(INDEX($D$3:$AA$30,INDEX(Jesper!$R$2:$R$366,ROW(INDEX(Jesper!AK$2:AK$366,ROUNDDOWN($C1634/24,0)+1,1))-1)+IF('Standard Profiles'!$G$21=$B$10,7,0)+IF('Standard Profiles'!$G$21=$B$17,14,0)+IF('Standard Profiles'!$G$21=$B$24,21,0),0)),0)</f>
        <v>0</v>
      </c>
      <c r="H1634" cm="1">
        <f t="array" ref="H1634">IFERROR(INDEX(Jesper!AL$2:AL$366,ROUNDDOWN($C1634/24,0)+1,1)*INDEX($D$3:$AA$30,INDEX(Jesper!$R$2:$R$366,ROW(INDEX(Jesper!AL$2:AL$366,ROUNDDOWN($C1634/24,0)+1,1))-1)+IF('Standard Profiles'!$G$22=$B$10,7,0)+IF('Standard Profiles'!$G$22=$B$17,14,0)+IF('Standard Profiles'!$G$22=$B$24,21,0),MOD($C1634,24)+1)/SUM(INDEX($D$3:$AA$30,INDEX(Jesper!$R$2:$R$366,ROW(INDEX(Jesper!AL$2:AL$366,ROUNDDOWN($C1634/24,0)+1,1))-1)+IF('Standard Profiles'!$G$22=$B$10,7,0)+IF('Standard Profiles'!$G$22=$B$17,14,0)+IF('Standard Profiles'!$G$22=$B$24,21,0),0)),0)</f>
        <v>0</v>
      </c>
      <c r="I1634">
        <f t="shared" si="188"/>
        <v>0.51760000723889588</v>
      </c>
      <c r="J1634">
        <f t="shared" si="189"/>
        <v>1.7253333574629863</v>
      </c>
      <c r="K1634">
        <f t="shared" si="190"/>
        <v>2.5880000361944795</v>
      </c>
      <c r="L1634">
        <f t="shared" si="191"/>
        <v>12.422400173733502</v>
      </c>
      <c r="M1634">
        <f t="shared" si="192"/>
        <v>0</v>
      </c>
      <c r="N1634" s="46">
        <f t="shared" si="193"/>
        <v>45358.666666662786</v>
      </c>
    </row>
    <row r="1635" spans="2:14" x14ac:dyDescent="0.3">
      <c r="B1635">
        <f t="shared" ref="B1635:B1698" si="194">WEEKDAY(N1635,2)</f>
        <v>4</v>
      </c>
      <c r="C1635" s="16">
        <v>1601</v>
      </c>
      <c r="D1635" cm="1">
        <f t="array" ref="D1635">IFERROR(INDEX(Jesper!AH$2:AH$366,ROUNDDOWN($C1635/24,0)+1,1)*INDEX($D$3:$AA$30,INDEX(Jesper!$R$2:$R$366,ROW(INDEX(Jesper!AH$2:AH$366,ROUNDDOWN($C1635/24,0)+1,1))-1)+IF('Standard Profiles'!$G$18=$B$10,7,0)+IF('Standard Profiles'!$G$18=$B$17,14,0)+IF('Standard Profiles'!$G$18=$B$24,21,0),MOD($C1635,24)+1)/SUM(INDEX($D$3:$AA$30,INDEX(Jesper!$R$2:$R$366,ROW(INDEX(Jesper!AH$2:AH$366,ROUNDDOWN($C1635/24,0)+1,1))-1)+IF('Standard Profiles'!$G$18=$B$10,7,0)+IF('Standard Profiles'!$G$18=$B$17,14,0)+IF('Standard Profiles'!$G$18=$B$24,21,0),0)),0)</f>
        <v>17.253333574629863</v>
      </c>
      <c r="E1635" cm="1">
        <f t="array" ref="E1635">IFERROR(INDEX(Jesper!AI$2:AI$366,ROUNDDOWN($C1635/24,0)+1,1)*INDEX($D$3:$AA$30,INDEX(Jesper!$R$2:$R$366,ROW(INDEX(Jesper!AI$2:AI$366,ROUNDDOWN($C1635/24,0)+1,1))-1)+IF('Standard Profiles'!$G$19=$B$10,7,0)+IF('Standard Profiles'!$G$19=$B$17,14,0)+IF('Standard Profiles'!$G$19=$B$24,21,0),MOD($C1635,24)+1)/SUM(INDEX($D$3:$AA$30,INDEX(Jesper!$R$2:$R$366,ROW(INDEX(Jesper!AI$2:AI$366,ROUNDDOWN($C1635/24,0)+1,1))-1)+IF('Standard Profiles'!$G$19=$B$10,7,0)+IF('Standard Profiles'!$G$19=$B$17,14,0)+IF('Standard Profiles'!$G$19=$B$24,21,0),0)),0)</f>
        <v>0</v>
      </c>
      <c r="F1635" cm="1">
        <f t="array" ref="F1635">IFERROR(INDEX(Jesper!AJ$2:AJ$366,ROUNDDOWN($C1635/24,0)+1,1)*INDEX($D$3:$AA$30,INDEX(Jesper!$R$2:$R$366,ROW(INDEX(Jesper!AJ$2:AJ$366,ROUNDDOWN($C1635/24,0)+1,1))-1)+IF('Standard Profiles'!$G$20=$B$10,7,0)+IF('Standard Profiles'!$G$20=$B$17,14,0)+IF('Standard Profiles'!$G$20=$B$24,21,0),MOD($C1635,24)+1)/SUM(INDEX($D$3:$AA$30,INDEX(Jesper!$R$2:$R$366,ROW(INDEX(Jesper!AJ$2:AJ$366,ROUNDDOWN($C1635/24,0)+1,1))-1)+IF('Standard Profiles'!$G$20=$B$10,7,0)+IF('Standard Profiles'!$G$20=$B$17,14,0)+IF('Standard Profiles'!$G$20=$B$24,21,0),0)),0)</f>
        <v>0</v>
      </c>
      <c r="G1635" cm="1">
        <f t="array" ref="G1635">IFERROR(INDEX(Jesper!AK$2:AK$366,ROUNDDOWN($C1635/24,0)+1,1)*INDEX($D$3:$AA$30,INDEX(Jesper!$R$2:$R$366,ROW(INDEX(Jesper!AK$2:AK$366,ROUNDDOWN($C1635/24,0)+1,1))-1)+IF('Standard Profiles'!$G$21=$B$10,7,0)+IF('Standard Profiles'!$G$21=$B$17,14,0)+IF('Standard Profiles'!$G$21=$B$24,21,0),MOD($C1635,24)+1)/SUM(INDEX($D$3:$AA$30,INDEX(Jesper!$R$2:$R$366,ROW(INDEX(Jesper!AK$2:AK$366,ROUNDDOWN($C1635/24,0)+1,1))-1)+IF('Standard Profiles'!$G$21=$B$10,7,0)+IF('Standard Profiles'!$G$21=$B$17,14,0)+IF('Standard Profiles'!$G$21=$B$24,21,0),0)),0)</f>
        <v>0</v>
      </c>
      <c r="H1635" cm="1">
        <f t="array" ref="H1635">IFERROR(INDEX(Jesper!AL$2:AL$366,ROUNDDOWN($C1635/24,0)+1,1)*INDEX($D$3:$AA$30,INDEX(Jesper!$R$2:$R$366,ROW(INDEX(Jesper!AL$2:AL$366,ROUNDDOWN($C1635/24,0)+1,1))-1)+IF('Standard Profiles'!$G$22=$B$10,7,0)+IF('Standard Profiles'!$G$22=$B$17,14,0)+IF('Standard Profiles'!$G$22=$B$24,21,0),MOD($C1635,24)+1)/SUM(INDEX($D$3:$AA$30,INDEX(Jesper!$R$2:$R$366,ROW(INDEX(Jesper!AL$2:AL$366,ROUNDDOWN($C1635/24,0)+1,1))-1)+IF('Standard Profiles'!$G$22=$B$10,7,0)+IF('Standard Profiles'!$G$22=$B$17,14,0)+IF('Standard Profiles'!$G$22=$B$24,21,0),0)),0)</f>
        <v>0</v>
      </c>
      <c r="I1635">
        <f t="shared" ref="I1635:I1698" si="195">IF($B1635&lt;6,AC$37*$D1635+AC$38*$E1635+AC$39*$F1635+AC$40*$G1635,AC$46*$D1635+AC$47*$E1635+AC$48*$F1635+AC$49*$G1635+AC$50*$H1635)</f>
        <v>0.51760000723889588</v>
      </c>
      <c r="J1635">
        <f t="shared" ref="J1635:J1698" si="196">IF($B1635&lt;6,AD$37*$D1635+AD$38*$E1635+AD$39*$F1635+AD$40*$G1635,AD$46*$D1635+AD$47*$E1635+AD$48*$F1635+AD$49*$G1635+AD$50*$H1635)</f>
        <v>1.7253333574629863</v>
      </c>
      <c r="K1635">
        <f t="shared" ref="K1635:K1698" si="197">IF($B1635&lt;6,AE$37*$D1635+AE$38*$E1635+AE$39*$F1635+AE$40*$G1635,AE$46*$D1635+AE$47*$E1635+AE$48*$F1635+AE$49*$G1635+AE$50*$H1635)</f>
        <v>2.5880000361944795</v>
      </c>
      <c r="L1635">
        <f t="shared" ref="L1635:L1698" si="198">IF($B1635&lt;6,AF$37*$D1635+AF$38*$E1635+AF$39*$F1635+AF$40*$G1635,AF$46*$D1635+AF$47*$E1635+AF$48*$F1635+AF$49*$G1635+AF$50*$H1635)</f>
        <v>12.422400173733502</v>
      </c>
      <c r="M1635">
        <f t="shared" ref="M1635:M1698" si="199">IF($B1635&lt;6,AG$37*$D1635+AG$38*$E1635+AG$39*$F1635+AG$40*$G1635,AG$46*$D1635+AG$47*$E1635+AG$48*$F1635+AG$49*$G1635+AG$50*$H1635)</f>
        <v>0</v>
      </c>
      <c r="N1635" s="46">
        <f t="shared" si="193"/>
        <v>45358.70833332945</v>
      </c>
    </row>
    <row r="1636" spans="2:14" x14ac:dyDescent="0.3">
      <c r="B1636">
        <f t="shared" si="194"/>
        <v>4</v>
      </c>
      <c r="C1636" s="16">
        <v>1602</v>
      </c>
      <c r="D1636" cm="1">
        <f t="array" ref="D1636">IFERROR(INDEX(Jesper!AH$2:AH$366,ROUNDDOWN($C1636/24,0)+1,1)*INDEX($D$3:$AA$30,INDEX(Jesper!$R$2:$R$366,ROW(INDEX(Jesper!AH$2:AH$366,ROUNDDOWN($C1636/24,0)+1,1))-1)+IF('Standard Profiles'!$G$18=$B$10,7,0)+IF('Standard Profiles'!$G$18=$B$17,14,0)+IF('Standard Profiles'!$G$18=$B$24,21,0),MOD($C1636,24)+1)/SUM(INDEX($D$3:$AA$30,INDEX(Jesper!$R$2:$R$366,ROW(INDEX(Jesper!AH$2:AH$366,ROUNDDOWN($C1636/24,0)+1,1))-1)+IF('Standard Profiles'!$G$18=$B$10,7,0)+IF('Standard Profiles'!$G$18=$B$17,14,0)+IF('Standard Profiles'!$G$18=$B$24,21,0),0)),0)</f>
        <v>17.253333574629863</v>
      </c>
      <c r="E1636" cm="1">
        <f t="array" ref="E1636">IFERROR(INDEX(Jesper!AI$2:AI$366,ROUNDDOWN($C1636/24,0)+1,1)*INDEX($D$3:$AA$30,INDEX(Jesper!$R$2:$R$366,ROW(INDEX(Jesper!AI$2:AI$366,ROUNDDOWN($C1636/24,0)+1,1))-1)+IF('Standard Profiles'!$G$19=$B$10,7,0)+IF('Standard Profiles'!$G$19=$B$17,14,0)+IF('Standard Profiles'!$G$19=$B$24,21,0),MOD($C1636,24)+1)/SUM(INDEX($D$3:$AA$30,INDEX(Jesper!$R$2:$R$366,ROW(INDEX(Jesper!AI$2:AI$366,ROUNDDOWN($C1636/24,0)+1,1))-1)+IF('Standard Profiles'!$G$19=$B$10,7,0)+IF('Standard Profiles'!$G$19=$B$17,14,0)+IF('Standard Profiles'!$G$19=$B$24,21,0),0)),0)</f>
        <v>0</v>
      </c>
      <c r="F1636" cm="1">
        <f t="array" ref="F1636">IFERROR(INDEX(Jesper!AJ$2:AJ$366,ROUNDDOWN($C1636/24,0)+1,1)*INDEX($D$3:$AA$30,INDEX(Jesper!$R$2:$R$366,ROW(INDEX(Jesper!AJ$2:AJ$366,ROUNDDOWN($C1636/24,0)+1,1))-1)+IF('Standard Profiles'!$G$20=$B$10,7,0)+IF('Standard Profiles'!$G$20=$B$17,14,0)+IF('Standard Profiles'!$G$20=$B$24,21,0),MOD($C1636,24)+1)/SUM(INDEX($D$3:$AA$30,INDEX(Jesper!$R$2:$R$366,ROW(INDEX(Jesper!AJ$2:AJ$366,ROUNDDOWN($C1636/24,0)+1,1))-1)+IF('Standard Profiles'!$G$20=$B$10,7,0)+IF('Standard Profiles'!$G$20=$B$17,14,0)+IF('Standard Profiles'!$G$20=$B$24,21,0),0)),0)</f>
        <v>0</v>
      </c>
      <c r="G1636" cm="1">
        <f t="array" ref="G1636">IFERROR(INDEX(Jesper!AK$2:AK$366,ROUNDDOWN($C1636/24,0)+1,1)*INDEX($D$3:$AA$30,INDEX(Jesper!$R$2:$R$366,ROW(INDEX(Jesper!AK$2:AK$366,ROUNDDOWN($C1636/24,0)+1,1))-1)+IF('Standard Profiles'!$G$21=$B$10,7,0)+IF('Standard Profiles'!$G$21=$B$17,14,0)+IF('Standard Profiles'!$G$21=$B$24,21,0),MOD($C1636,24)+1)/SUM(INDEX($D$3:$AA$30,INDEX(Jesper!$R$2:$R$366,ROW(INDEX(Jesper!AK$2:AK$366,ROUNDDOWN($C1636/24,0)+1,1))-1)+IF('Standard Profiles'!$G$21=$B$10,7,0)+IF('Standard Profiles'!$G$21=$B$17,14,0)+IF('Standard Profiles'!$G$21=$B$24,21,0),0)),0)</f>
        <v>0</v>
      </c>
      <c r="H1636" cm="1">
        <f t="array" ref="H1636">IFERROR(INDEX(Jesper!AL$2:AL$366,ROUNDDOWN($C1636/24,0)+1,1)*INDEX($D$3:$AA$30,INDEX(Jesper!$R$2:$R$366,ROW(INDEX(Jesper!AL$2:AL$366,ROUNDDOWN($C1636/24,0)+1,1))-1)+IF('Standard Profiles'!$G$22=$B$10,7,0)+IF('Standard Profiles'!$G$22=$B$17,14,0)+IF('Standard Profiles'!$G$22=$B$24,21,0),MOD($C1636,24)+1)/SUM(INDEX($D$3:$AA$30,INDEX(Jesper!$R$2:$R$366,ROW(INDEX(Jesper!AL$2:AL$366,ROUNDDOWN($C1636/24,0)+1,1))-1)+IF('Standard Profiles'!$G$22=$B$10,7,0)+IF('Standard Profiles'!$G$22=$B$17,14,0)+IF('Standard Profiles'!$G$22=$B$24,21,0),0)),0)</f>
        <v>0</v>
      </c>
      <c r="I1636">
        <f t="shared" si="195"/>
        <v>0.51760000723889588</v>
      </c>
      <c r="J1636">
        <f t="shared" si="196"/>
        <v>1.7253333574629863</v>
      </c>
      <c r="K1636">
        <f t="shared" si="197"/>
        <v>2.5880000361944795</v>
      </c>
      <c r="L1636">
        <f t="shared" si="198"/>
        <v>12.422400173733502</v>
      </c>
      <c r="M1636">
        <f t="shared" si="199"/>
        <v>0</v>
      </c>
      <c r="N1636" s="46">
        <f t="shared" ref="N1636:N1699" si="200">N1635+1/24</f>
        <v>45358.749999996115</v>
      </c>
    </row>
    <row r="1637" spans="2:14" x14ac:dyDescent="0.3">
      <c r="B1637">
        <f t="shared" si="194"/>
        <v>4</v>
      </c>
      <c r="C1637" s="16">
        <v>1603</v>
      </c>
      <c r="D1637" cm="1">
        <f t="array" ref="D1637">IFERROR(INDEX(Jesper!AH$2:AH$366,ROUNDDOWN($C1637/24,0)+1,1)*INDEX($D$3:$AA$30,INDEX(Jesper!$R$2:$R$366,ROW(INDEX(Jesper!AH$2:AH$366,ROUNDDOWN($C1637/24,0)+1,1))-1)+IF('Standard Profiles'!$G$18=$B$10,7,0)+IF('Standard Profiles'!$G$18=$B$17,14,0)+IF('Standard Profiles'!$G$18=$B$24,21,0),MOD($C1637,24)+1)/SUM(INDEX($D$3:$AA$30,INDEX(Jesper!$R$2:$R$366,ROW(INDEX(Jesper!AH$2:AH$366,ROUNDDOWN($C1637/24,0)+1,1))-1)+IF('Standard Profiles'!$G$18=$B$10,7,0)+IF('Standard Profiles'!$G$18=$B$17,14,0)+IF('Standard Profiles'!$G$18=$B$24,21,0),0)),0)</f>
        <v>14.377777978858218</v>
      </c>
      <c r="E1637" cm="1">
        <f t="array" ref="E1637">IFERROR(INDEX(Jesper!AI$2:AI$366,ROUNDDOWN($C1637/24,0)+1,1)*INDEX($D$3:$AA$30,INDEX(Jesper!$R$2:$R$366,ROW(INDEX(Jesper!AI$2:AI$366,ROUNDDOWN($C1637/24,0)+1,1))-1)+IF('Standard Profiles'!$G$19=$B$10,7,0)+IF('Standard Profiles'!$G$19=$B$17,14,0)+IF('Standard Profiles'!$G$19=$B$24,21,0),MOD($C1637,24)+1)/SUM(INDEX($D$3:$AA$30,INDEX(Jesper!$R$2:$R$366,ROW(INDEX(Jesper!AI$2:AI$366,ROUNDDOWN($C1637/24,0)+1,1))-1)+IF('Standard Profiles'!$G$19=$B$10,7,0)+IF('Standard Profiles'!$G$19=$B$17,14,0)+IF('Standard Profiles'!$G$19=$B$24,21,0),0)),0)</f>
        <v>0</v>
      </c>
      <c r="F1637" cm="1">
        <f t="array" ref="F1637">IFERROR(INDEX(Jesper!AJ$2:AJ$366,ROUNDDOWN($C1637/24,0)+1,1)*INDEX($D$3:$AA$30,INDEX(Jesper!$R$2:$R$366,ROW(INDEX(Jesper!AJ$2:AJ$366,ROUNDDOWN($C1637/24,0)+1,1))-1)+IF('Standard Profiles'!$G$20=$B$10,7,0)+IF('Standard Profiles'!$G$20=$B$17,14,0)+IF('Standard Profiles'!$G$20=$B$24,21,0),MOD($C1637,24)+1)/SUM(INDEX($D$3:$AA$30,INDEX(Jesper!$R$2:$R$366,ROW(INDEX(Jesper!AJ$2:AJ$366,ROUNDDOWN($C1637/24,0)+1,1))-1)+IF('Standard Profiles'!$G$20=$B$10,7,0)+IF('Standard Profiles'!$G$20=$B$17,14,0)+IF('Standard Profiles'!$G$20=$B$24,21,0),0)),0)</f>
        <v>0</v>
      </c>
      <c r="G1637" cm="1">
        <f t="array" ref="G1637">IFERROR(INDEX(Jesper!AK$2:AK$366,ROUNDDOWN($C1637/24,0)+1,1)*INDEX($D$3:$AA$30,INDEX(Jesper!$R$2:$R$366,ROW(INDEX(Jesper!AK$2:AK$366,ROUNDDOWN($C1637/24,0)+1,1))-1)+IF('Standard Profiles'!$G$21=$B$10,7,0)+IF('Standard Profiles'!$G$21=$B$17,14,0)+IF('Standard Profiles'!$G$21=$B$24,21,0),MOD($C1637,24)+1)/SUM(INDEX($D$3:$AA$30,INDEX(Jesper!$R$2:$R$366,ROW(INDEX(Jesper!AK$2:AK$366,ROUNDDOWN($C1637/24,0)+1,1))-1)+IF('Standard Profiles'!$G$21=$B$10,7,0)+IF('Standard Profiles'!$G$21=$B$17,14,0)+IF('Standard Profiles'!$G$21=$B$24,21,0),0)),0)</f>
        <v>0</v>
      </c>
      <c r="H1637" cm="1">
        <f t="array" ref="H1637">IFERROR(INDEX(Jesper!AL$2:AL$366,ROUNDDOWN($C1637/24,0)+1,1)*INDEX($D$3:$AA$30,INDEX(Jesper!$R$2:$R$366,ROW(INDEX(Jesper!AL$2:AL$366,ROUNDDOWN($C1637/24,0)+1,1))-1)+IF('Standard Profiles'!$G$22=$B$10,7,0)+IF('Standard Profiles'!$G$22=$B$17,14,0)+IF('Standard Profiles'!$G$22=$B$24,21,0),MOD($C1637,24)+1)/SUM(INDEX($D$3:$AA$30,INDEX(Jesper!$R$2:$R$366,ROW(INDEX(Jesper!AL$2:AL$366,ROUNDDOWN($C1637/24,0)+1,1))-1)+IF('Standard Profiles'!$G$22=$B$10,7,0)+IF('Standard Profiles'!$G$22=$B$17,14,0)+IF('Standard Profiles'!$G$22=$B$24,21,0),0)),0)</f>
        <v>0</v>
      </c>
      <c r="I1637">
        <f t="shared" si="195"/>
        <v>0.43133333936574653</v>
      </c>
      <c r="J1637">
        <f t="shared" si="196"/>
        <v>1.4377777978858219</v>
      </c>
      <c r="K1637">
        <f t="shared" si="197"/>
        <v>2.1566666968287325</v>
      </c>
      <c r="L1637">
        <f t="shared" si="198"/>
        <v>10.352000144777916</v>
      </c>
      <c r="M1637">
        <f t="shared" si="199"/>
        <v>0</v>
      </c>
      <c r="N1637" s="46">
        <f t="shared" si="200"/>
        <v>45358.791666662779</v>
      </c>
    </row>
    <row r="1638" spans="2:14" x14ac:dyDescent="0.3">
      <c r="B1638">
        <f t="shared" si="194"/>
        <v>4</v>
      </c>
      <c r="C1638" s="16">
        <v>1604</v>
      </c>
      <c r="D1638" cm="1">
        <f t="array" ref="D1638">IFERROR(INDEX(Jesper!AH$2:AH$366,ROUNDDOWN($C1638/24,0)+1,1)*INDEX($D$3:$AA$30,INDEX(Jesper!$R$2:$R$366,ROW(INDEX(Jesper!AH$2:AH$366,ROUNDDOWN($C1638/24,0)+1,1))-1)+IF('Standard Profiles'!$G$18=$B$10,7,0)+IF('Standard Profiles'!$G$18=$B$17,14,0)+IF('Standard Profiles'!$G$18=$B$24,21,0),MOD($C1638,24)+1)/SUM(INDEX($D$3:$AA$30,INDEX(Jesper!$R$2:$R$366,ROW(INDEX(Jesper!AH$2:AH$366,ROUNDDOWN($C1638/24,0)+1,1))-1)+IF('Standard Profiles'!$G$18=$B$10,7,0)+IF('Standard Profiles'!$G$18=$B$17,14,0)+IF('Standard Profiles'!$G$18=$B$24,21,0),0)),0)</f>
        <v>11.502222383086577</v>
      </c>
      <c r="E1638" cm="1">
        <f t="array" ref="E1638">IFERROR(INDEX(Jesper!AI$2:AI$366,ROUNDDOWN($C1638/24,0)+1,1)*INDEX($D$3:$AA$30,INDEX(Jesper!$R$2:$R$366,ROW(INDEX(Jesper!AI$2:AI$366,ROUNDDOWN($C1638/24,0)+1,1))-1)+IF('Standard Profiles'!$G$19=$B$10,7,0)+IF('Standard Profiles'!$G$19=$B$17,14,0)+IF('Standard Profiles'!$G$19=$B$24,21,0),MOD($C1638,24)+1)/SUM(INDEX($D$3:$AA$30,INDEX(Jesper!$R$2:$R$366,ROW(INDEX(Jesper!AI$2:AI$366,ROUNDDOWN($C1638/24,0)+1,1))-1)+IF('Standard Profiles'!$G$19=$B$10,7,0)+IF('Standard Profiles'!$G$19=$B$17,14,0)+IF('Standard Profiles'!$G$19=$B$24,21,0),0)),0)</f>
        <v>0</v>
      </c>
      <c r="F1638" cm="1">
        <f t="array" ref="F1638">IFERROR(INDEX(Jesper!AJ$2:AJ$366,ROUNDDOWN($C1638/24,0)+1,1)*INDEX($D$3:$AA$30,INDEX(Jesper!$R$2:$R$366,ROW(INDEX(Jesper!AJ$2:AJ$366,ROUNDDOWN($C1638/24,0)+1,1))-1)+IF('Standard Profiles'!$G$20=$B$10,7,0)+IF('Standard Profiles'!$G$20=$B$17,14,0)+IF('Standard Profiles'!$G$20=$B$24,21,0),MOD($C1638,24)+1)/SUM(INDEX($D$3:$AA$30,INDEX(Jesper!$R$2:$R$366,ROW(INDEX(Jesper!AJ$2:AJ$366,ROUNDDOWN($C1638/24,0)+1,1))-1)+IF('Standard Profiles'!$G$20=$B$10,7,0)+IF('Standard Profiles'!$G$20=$B$17,14,0)+IF('Standard Profiles'!$G$20=$B$24,21,0),0)),0)</f>
        <v>0</v>
      </c>
      <c r="G1638" cm="1">
        <f t="array" ref="G1638">IFERROR(INDEX(Jesper!AK$2:AK$366,ROUNDDOWN($C1638/24,0)+1,1)*INDEX($D$3:$AA$30,INDEX(Jesper!$R$2:$R$366,ROW(INDEX(Jesper!AK$2:AK$366,ROUNDDOWN($C1638/24,0)+1,1))-1)+IF('Standard Profiles'!$G$21=$B$10,7,0)+IF('Standard Profiles'!$G$21=$B$17,14,0)+IF('Standard Profiles'!$G$21=$B$24,21,0),MOD($C1638,24)+1)/SUM(INDEX($D$3:$AA$30,INDEX(Jesper!$R$2:$R$366,ROW(INDEX(Jesper!AK$2:AK$366,ROUNDDOWN($C1638/24,0)+1,1))-1)+IF('Standard Profiles'!$G$21=$B$10,7,0)+IF('Standard Profiles'!$G$21=$B$17,14,0)+IF('Standard Profiles'!$G$21=$B$24,21,0),0)),0)</f>
        <v>0</v>
      </c>
      <c r="H1638" cm="1">
        <f t="array" ref="H1638">IFERROR(INDEX(Jesper!AL$2:AL$366,ROUNDDOWN($C1638/24,0)+1,1)*INDEX($D$3:$AA$30,INDEX(Jesper!$R$2:$R$366,ROW(INDEX(Jesper!AL$2:AL$366,ROUNDDOWN($C1638/24,0)+1,1))-1)+IF('Standard Profiles'!$G$22=$B$10,7,0)+IF('Standard Profiles'!$G$22=$B$17,14,0)+IF('Standard Profiles'!$G$22=$B$24,21,0),MOD($C1638,24)+1)/SUM(INDEX($D$3:$AA$30,INDEX(Jesper!$R$2:$R$366,ROW(INDEX(Jesper!AL$2:AL$366,ROUNDDOWN($C1638/24,0)+1,1))-1)+IF('Standard Profiles'!$G$22=$B$10,7,0)+IF('Standard Profiles'!$G$22=$B$17,14,0)+IF('Standard Profiles'!$G$22=$B$24,21,0),0)),0)</f>
        <v>0</v>
      </c>
      <c r="I1638">
        <f t="shared" si="195"/>
        <v>0.34506667149259729</v>
      </c>
      <c r="J1638">
        <f t="shared" si="196"/>
        <v>1.1502222383086578</v>
      </c>
      <c r="K1638">
        <f t="shared" si="197"/>
        <v>1.7253333574629865</v>
      </c>
      <c r="L1638">
        <f t="shared" si="198"/>
        <v>8.2816001158223358</v>
      </c>
      <c r="M1638">
        <f t="shared" si="199"/>
        <v>0</v>
      </c>
      <c r="N1638" s="46">
        <f t="shared" si="200"/>
        <v>45358.833333329443</v>
      </c>
    </row>
    <row r="1639" spans="2:14" x14ac:dyDescent="0.3">
      <c r="B1639">
        <f t="shared" si="194"/>
        <v>4</v>
      </c>
      <c r="C1639" s="16">
        <v>1605</v>
      </c>
      <c r="D1639" cm="1">
        <f t="array" ref="D1639">IFERROR(INDEX(Jesper!AH$2:AH$366,ROUNDDOWN($C1639/24,0)+1,1)*INDEX($D$3:$AA$30,INDEX(Jesper!$R$2:$R$366,ROW(INDEX(Jesper!AH$2:AH$366,ROUNDDOWN($C1639/24,0)+1,1))-1)+IF('Standard Profiles'!$G$18=$B$10,7,0)+IF('Standard Profiles'!$G$18=$B$17,14,0)+IF('Standard Profiles'!$G$18=$B$24,21,0),MOD($C1639,24)+1)/SUM(INDEX($D$3:$AA$30,INDEX(Jesper!$R$2:$R$366,ROW(INDEX(Jesper!AH$2:AH$366,ROUNDDOWN($C1639/24,0)+1,1))-1)+IF('Standard Profiles'!$G$18=$B$10,7,0)+IF('Standard Profiles'!$G$18=$B$17,14,0)+IF('Standard Profiles'!$G$18=$B$24,21,0),0)),0)</f>
        <v>8.6266667873149316</v>
      </c>
      <c r="E1639" cm="1">
        <f t="array" ref="E1639">IFERROR(INDEX(Jesper!AI$2:AI$366,ROUNDDOWN($C1639/24,0)+1,1)*INDEX($D$3:$AA$30,INDEX(Jesper!$R$2:$R$366,ROW(INDEX(Jesper!AI$2:AI$366,ROUNDDOWN($C1639/24,0)+1,1))-1)+IF('Standard Profiles'!$G$19=$B$10,7,0)+IF('Standard Profiles'!$G$19=$B$17,14,0)+IF('Standard Profiles'!$G$19=$B$24,21,0),MOD($C1639,24)+1)/SUM(INDEX($D$3:$AA$30,INDEX(Jesper!$R$2:$R$366,ROW(INDEX(Jesper!AI$2:AI$366,ROUNDDOWN($C1639/24,0)+1,1))-1)+IF('Standard Profiles'!$G$19=$B$10,7,0)+IF('Standard Profiles'!$G$19=$B$17,14,0)+IF('Standard Profiles'!$G$19=$B$24,21,0),0)),0)</f>
        <v>0</v>
      </c>
      <c r="F1639" cm="1">
        <f t="array" ref="F1639">IFERROR(INDEX(Jesper!AJ$2:AJ$366,ROUNDDOWN($C1639/24,0)+1,1)*INDEX($D$3:$AA$30,INDEX(Jesper!$R$2:$R$366,ROW(INDEX(Jesper!AJ$2:AJ$366,ROUNDDOWN($C1639/24,0)+1,1))-1)+IF('Standard Profiles'!$G$20=$B$10,7,0)+IF('Standard Profiles'!$G$20=$B$17,14,0)+IF('Standard Profiles'!$G$20=$B$24,21,0),MOD($C1639,24)+1)/SUM(INDEX($D$3:$AA$30,INDEX(Jesper!$R$2:$R$366,ROW(INDEX(Jesper!AJ$2:AJ$366,ROUNDDOWN($C1639/24,0)+1,1))-1)+IF('Standard Profiles'!$G$20=$B$10,7,0)+IF('Standard Profiles'!$G$20=$B$17,14,0)+IF('Standard Profiles'!$G$20=$B$24,21,0),0)),0)</f>
        <v>0</v>
      </c>
      <c r="G1639" cm="1">
        <f t="array" ref="G1639">IFERROR(INDEX(Jesper!AK$2:AK$366,ROUNDDOWN($C1639/24,0)+1,1)*INDEX($D$3:$AA$30,INDEX(Jesper!$R$2:$R$366,ROW(INDEX(Jesper!AK$2:AK$366,ROUNDDOWN($C1639/24,0)+1,1))-1)+IF('Standard Profiles'!$G$21=$B$10,7,0)+IF('Standard Profiles'!$G$21=$B$17,14,0)+IF('Standard Profiles'!$G$21=$B$24,21,0),MOD($C1639,24)+1)/SUM(INDEX($D$3:$AA$30,INDEX(Jesper!$R$2:$R$366,ROW(INDEX(Jesper!AK$2:AK$366,ROUNDDOWN($C1639/24,0)+1,1))-1)+IF('Standard Profiles'!$G$21=$B$10,7,0)+IF('Standard Profiles'!$G$21=$B$17,14,0)+IF('Standard Profiles'!$G$21=$B$24,21,0),0)),0)</f>
        <v>0</v>
      </c>
      <c r="H1639" cm="1">
        <f t="array" ref="H1639">IFERROR(INDEX(Jesper!AL$2:AL$366,ROUNDDOWN($C1639/24,0)+1,1)*INDEX($D$3:$AA$30,INDEX(Jesper!$R$2:$R$366,ROW(INDEX(Jesper!AL$2:AL$366,ROUNDDOWN($C1639/24,0)+1,1))-1)+IF('Standard Profiles'!$G$22=$B$10,7,0)+IF('Standard Profiles'!$G$22=$B$17,14,0)+IF('Standard Profiles'!$G$22=$B$24,21,0),MOD($C1639,24)+1)/SUM(INDEX($D$3:$AA$30,INDEX(Jesper!$R$2:$R$366,ROW(INDEX(Jesper!AL$2:AL$366,ROUNDDOWN($C1639/24,0)+1,1))-1)+IF('Standard Profiles'!$G$22=$B$10,7,0)+IF('Standard Profiles'!$G$22=$B$17,14,0)+IF('Standard Profiles'!$G$22=$B$24,21,0),0)),0)</f>
        <v>0</v>
      </c>
      <c r="I1639">
        <f t="shared" si="195"/>
        <v>0.25880000361944794</v>
      </c>
      <c r="J1639">
        <f t="shared" si="196"/>
        <v>0.86266667873149316</v>
      </c>
      <c r="K1639">
        <f t="shared" si="197"/>
        <v>1.2940000180972397</v>
      </c>
      <c r="L1639">
        <f t="shared" si="198"/>
        <v>6.211200086866751</v>
      </c>
      <c r="M1639">
        <f t="shared" si="199"/>
        <v>0</v>
      </c>
      <c r="N1639" s="46">
        <f t="shared" si="200"/>
        <v>45358.874999996107</v>
      </c>
    </row>
    <row r="1640" spans="2:14" x14ac:dyDescent="0.3">
      <c r="B1640">
        <f t="shared" si="194"/>
        <v>4</v>
      </c>
      <c r="C1640" s="16">
        <v>1606</v>
      </c>
      <c r="D1640" cm="1">
        <f t="array" ref="D1640">IFERROR(INDEX(Jesper!AH$2:AH$366,ROUNDDOWN($C1640/24,0)+1,1)*INDEX($D$3:$AA$30,INDEX(Jesper!$R$2:$R$366,ROW(INDEX(Jesper!AH$2:AH$366,ROUNDDOWN($C1640/24,0)+1,1))-1)+IF('Standard Profiles'!$G$18=$B$10,7,0)+IF('Standard Profiles'!$G$18=$B$17,14,0)+IF('Standard Profiles'!$G$18=$B$24,21,0),MOD($C1640,24)+1)/SUM(INDEX($D$3:$AA$30,INDEX(Jesper!$R$2:$R$366,ROW(INDEX(Jesper!AH$2:AH$366,ROUNDDOWN($C1640/24,0)+1,1))-1)+IF('Standard Profiles'!$G$18=$B$10,7,0)+IF('Standard Profiles'!$G$18=$B$17,14,0)+IF('Standard Profiles'!$G$18=$B$24,21,0),0)),0)</f>
        <v>8.6266667873149316</v>
      </c>
      <c r="E1640" cm="1">
        <f t="array" ref="E1640">IFERROR(INDEX(Jesper!AI$2:AI$366,ROUNDDOWN($C1640/24,0)+1,1)*INDEX($D$3:$AA$30,INDEX(Jesper!$R$2:$R$366,ROW(INDEX(Jesper!AI$2:AI$366,ROUNDDOWN($C1640/24,0)+1,1))-1)+IF('Standard Profiles'!$G$19=$B$10,7,0)+IF('Standard Profiles'!$G$19=$B$17,14,0)+IF('Standard Profiles'!$G$19=$B$24,21,0),MOD($C1640,24)+1)/SUM(INDEX($D$3:$AA$30,INDEX(Jesper!$R$2:$R$366,ROW(INDEX(Jesper!AI$2:AI$366,ROUNDDOWN($C1640/24,0)+1,1))-1)+IF('Standard Profiles'!$G$19=$B$10,7,0)+IF('Standard Profiles'!$G$19=$B$17,14,0)+IF('Standard Profiles'!$G$19=$B$24,21,0),0)),0)</f>
        <v>0</v>
      </c>
      <c r="F1640" cm="1">
        <f t="array" ref="F1640">IFERROR(INDEX(Jesper!AJ$2:AJ$366,ROUNDDOWN($C1640/24,0)+1,1)*INDEX($D$3:$AA$30,INDEX(Jesper!$R$2:$R$366,ROW(INDEX(Jesper!AJ$2:AJ$366,ROUNDDOWN($C1640/24,0)+1,1))-1)+IF('Standard Profiles'!$G$20=$B$10,7,0)+IF('Standard Profiles'!$G$20=$B$17,14,0)+IF('Standard Profiles'!$G$20=$B$24,21,0),MOD($C1640,24)+1)/SUM(INDEX($D$3:$AA$30,INDEX(Jesper!$R$2:$R$366,ROW(INDEX(Jesper!AJ$2:AJ$366,ROUNDDOWN($C1640/24,0)+1,1))-1)+IF('Standard Profiles'!$G$20=$B$10,7,0)+IF('Standard Profiles'!$G$20=$B$17,14,0)+IF('Standard Profiles'!$G$20=$B$24,21,0),0)),0)</f>
        <v>0</v>
      </c>
      <c r="G1640" cm="1">
        <f t="array" ref="G1640">IFERROR(INDEX(Jesper!AK$2:AK$366,ROUNDDOWN($C1640/24,0)+1,1)*INDEX($D$3:$AA$30,INDEX(Jesper!$R$2:$R$366,ROW(INDEX(Jesper!AK$2:AK$366,ROUNDDOWN($C1640/24,0)+1,1))-1)+IF('Standard Profiles'!$G$21=$B$10,7,0)+IF('Standard Profiles'!$G$21=$B$17,14,0)+IF('Standard Profiles'!$G$21=$B$24,21,0),MOD($C1640,24)+1)/SUM(INDEX($D$3:$AA$30,INDEX(Jesper!$R$2:$R$366,ROW(INDEX(Jesper!AK$2:AK$366,ROUNDDOWN($C1640/24,0)+1,1))-1)+IF('Standard Profiles'!$G$21=$B$10,7,0)+IF('Standard Profiles'!$G$21=$B$17,14,0)+IF('Standard Profiles'!$G$21=$B$24,21,0),0)),0)</f>
        <v>0</v>
      </c>
      <c r="H1640" cm="1">
        <f t="array" ref="H1640">IFERROR(INDEX(Jesper!AL$2:AL$366,ROUNDDOWN($C1640/24,0)+1,1)*INDEX($D$3:$AA$30,INDEX(Jesper!$R$2:$R$366,ROW(INDEX(Jesper!AL$2:AL$366,ROUNDDOWN($C1640/24,0)+1,1))-1)+IF('Standard Profiles'!$G$22=$B$10,7,0)+IF('Standard Profiles'!$G$22=$B$17,14,0)+IF('Standard Profiles'!$G$22=$B$24,21,0),MOD($C1640,24)+1)/SUM(INDEX($D$3:$AA$30,INDEX(Jesper!$R$2:$R$366,ROW(INDEX(Jesper!AL$2:AL$366,ROUNDDOWN($C1640/24,0)+1,1))-1)+IF('Standard Profiles'!$G$22=$B$10,7,0)+IF('Standard Profiles'!$G$22=$B$17,14,0)+IF('Standard Profiles'!$G$22=$B$24,21,0),0)),0)</f>
        <v>0</v>
      </c>
      <c r="I1640">
        <f t="shared" si="195"/>
        <v>0.25880000361944794</v>
      </c>
      <c r="J1640">
        <f t="shared" si="196"/>
        <v>0.86266667873149316</v>
      </c>
      <c r="K1640">
        <f t="shared" si="197"/>
        <v>1.2940000180972397</v>
      </c>
      <c r="L1640">
        <f t="shared" si="198"/>
        <v>6.211200086866751</v>
      </c>
      <c r="M1640">
        <f t="shared" si="199"/>
        <v>0</v>
      </c>
      <c r="N1640" s="46">
        <f t="shared" si="200"/>
        <v>45358.916666662772</v>
      </c>
    </row>
    <row r="1641" spans="2:14" x14ac:dyDescent="0.3">
      <c r="B1641">
        <f t="shared" si="194"/>
        <v>4</v>
      </c>
      <c r="C1641" s="16">
        <v>1607</v>
      </c>
      <c r="D1641" cm="1">
        <f t="array" ref="D1641">IFERROR(INDEX(Jesper!AH$2:AH$366,ROUNDDOWN($C1641/24,0)+1,1)*INDEX($D$3:$AA$30,INDEX(Jesper!$R$2:$R$366,ROW(INDEX(Jesper!AH$2:AH$366,ROUNDDOWN($C1641/24,0)+1,1))-1)+IF('Standard Profiles'!$G$18=$B$10,7,0)+IF('Standard Profiles'!$G$18=$B$17,14,0)+IF('Standard Profiles'!$G$18=$B$24,21,0),MOD($C1641,24)+1)/SUM(INDEX($D$3:$AA$30,INDEX(Jesper!$R$2:$R$366,ROW(INDEX(Jesper!AH$2:AH$366,ROUNDDOWN($C1641/24,0)+1,1))-1)+IF('Standard Profiles'!$G$18=$B$10,7,0)+IF('Standard Profiles'!$G$18=$B$17,14,0)+IF('Standard Profiles'!$G$18=$B$24,21,0),0)),0)</f>
        <v>8.6266667873149316</v>
      </c>
      <c r="E1641" cm="1">
        <f t="array" ref="E1641">IFERROR(INDEX(Jesper!AI$2:AI$366,ROUNDDOWN($C1641/24,0)+1,1)*INDEX($D$3:$AA$30,INDEX(Jesper!$R$2:$R$366,ROW(INDEX(Jesper!AI$2:AI$366,ROUNDDOWN($C1641/24,0)+1,1))-1)+IF('Standard Profiles'!$G$19=$B$10,7,0)+IF('Standard Profiles'!$G$19=$B$17,14,0)+IF('Standard Profiles'!$G$19=$B$24,21,0),MOD($C1641,24)+1)/SUM(INDEX($D$3:$AA$30,INDEX(Jesper!$R$2:$R$366,ROW(INDEX(Jesper!AI$2:AI$366,ROUNDDOWN($C1641/24,0)+1,1))-1)+IF('Standard Profiles'!$G$19=$B$10,7,0)+IF('Standard Profiles'!$G$19=$B$17,14,0)+IF('Standard Profiles'!$G$19=$B$24,21,0),0)),0)</f>
        <v>0</v>
      </c>
      <c r="F1641" cm="1">
        <f t="array" ref="F1641">IFERROR(INDEX(Jesper!AJ$2:AJ$366,ROUNDDOWN($C1641/24,0)+1,1)*INDEX($D$3:$AA$30,INDEX(Jesper!$R$2:$R$366,ROW(INDEX(Jesper!AJ$2:AJ$366,ROUNDDOWN($C1641/24,0)+1,1))-1)+IF('Standard Profiles'!$G$20=$B$10,7,0)+IF('Standard Profiles'!$G$20=$B$17,14,0)+IF('Standard Profiles'!$G$20=$B$24,21,0),MOD($C1641,24)+1)/SUM(INDEX($D$3:$AA$30,INDEX(Jesper!$R$2:$R$366,ROW(INDEX(Jesper!AJ$2:AJ$366,ROUNDDOWN($C1641/24,0)+1,1))-1)+IF('Standard Profiles'!$G$20=$B$10,7,0)+IF('Standard Profiles'!$G$20=$B$17,14,0)+IF('Standard Profiles'!$G$20=$B$24,21,0),0)),0)</f>
        <v>0</v>
      </c>
      <c r="G1641" cm="1">
        <f t="array" ref="G1641">IFERROR(INDEX(Jesper!AK$2:AK$366,ROUNDDOWN($C1641/24,0)+1,1)*INDEX($D$3:$AA$30,INDEX(Jesper!$R$2:$R$366,ROW(INDEX(Jesper!AK$2:AK$366,ROUNDDOWN($C1641/24,0)+1,1))-1)+IF('Standard Profiles'!$G$21=$B$10,7,0)+IF('Standard Profiles'!$G$21=$B$17,14,0)+IF('Standard Profiles'!$G$21=$B$24,21,0),MOD($C1641,24)+1)/SUM(INDEX($D$3:$AA$30,INDEX(Jesper!$R$2:$R$366,ROW(INDEX(Jesper!AK$2:AK$366,ROUNDDOWN($C1641/24,0)+1,1))-1)+IF('Standard Profiles'!$G$21=$B$10,7,0)+IF('Standard Profiles'!$G$21=$B$17,14,0)+IF('Standard Profiles'!$G$21=$B$24,21,0),0)),0)</f>
        <v>0</v>
      </c>
      <c r="H1641" cm="1">
        <f t="array" ref="H1641">IFERROR(INDEX(Jesper!AL$2:AL$366,ROUNDDOWN($C1641/24,0)+1,1)*INDEX($D$3:$AA$30,INDEX(Jesper!$R$2:$R$366,ROW(INDEX(Jesper!AL$2:AL$366,ROUNDDOWN($C1641/24,0)+1,1))-1)+IF('Standard Profiles'!$G$22=$B$10,7,0)+IF('Standard Profiles'!$G$22=$B$17,14,0)+IF('Standard Profiles'!$G$22=$B$24,21,0),MOD($C1641,24)+1)/SUM(INDEX($D$3:$AA$30,INDEX(Jesper!$R$2:$R$366,ROW(INDEX(Jesper!AL$2:AL$366,ROUNDDOWN($C1641/24,0)+1,1))-1)+IF('Standard Profiles'!$G$22=$B$10,7,0)+IF('Standard Profiles'!$G$22=$B$17,14,0)+IF('Standard Profiles'!$G$22=$B$24,21,0),0)),0)</f>
        <v>0</v>
      </c>
      <c r="I1641">
        <f t="shared" si="195"/>
        <v>0.25880000361944794</v>
      </c>
      <c r="J1641">
        <f t="shared" si="196"/>
        <v>0.86266667873149316</v>
      </c>
      <c r="K1641">
        <f t="shared" si="197"/>
        <v>1.2940000180972397</v>
      </c>
      <c r="L1641">
        <f t="shared" si="198"/>
        <v>6.211200086866751</v>
      </c>
      <c r="M1641">
        <f t="shared" si="199"/>
        <v>0</v>
      </c>
      <c r="N1641" s="46">
        <f t="shared" si="200"/>
        <v>45358.958333329436</v>
      </c>
    </row>
    <row r="1642" spans="2:14" x14ac:dyDescent="0.3">
      <c r="B1642">
        <f t="shared" si="194"/>
        <v>5</v>
      </c>
      <c r="C1642" s="16">
        <v>1608</v>
      </c>
      <c r="D1642" cm="1">
        <f t="array" ref="D1642">IFERROR(INDEX(Jesper!AH$2:AH$366,ROUNDDOWN($C1642/24,0)+1,1)*INDEX($D$3:$AA$30,INDEX(Jesper!$R$2:$R$366,ROW(INDEX(Jesper!AH$2:AH$366,ROUNDDOWN($C1642/24,0)+1,1))-1)+IF('Standard Profiles'!$G$18=$B$10,7,0)+IF('Standard Profiles'!$G$18=$B$17,14,0)+IF('Standard Profiles'!$G$18=$B$24,21,0),MOD($C1642,24)+1)/SUM(INDEX($D$3:$AA$30,INDEX(Jesper!$R$2:$R$366,ROW(INDEX(Jesper!AH$2:AH$366,ROUNDDOWN($C1642/24,0)+1,1))-1)+IF('Standard Profiles'!$G$18=$B$10,7,0)+IF('Standard Profiles'!$G$18=$B$17,14,0)+IF('Standard Profiles'!$G$18=$B$24,21,0),0)),0)</f>
        <v>9.594333372000305</v>
      </c>
      <c r="E1642" cm="1">
        <f t="array" ref="E1642">IFERROR(INDEX(Jesper!AI$2:AI$366,ROUNDDOWN($C1642/24,0)+1,1)*INDEX($D$3:$AA$30,INDEX(Jesper!$R$2:$R$366,ROW(INDEX(Jesper!AI$2:AI$366,ROUNDDOWN($C1642/24,0)+1,1))-1)+IF('Standard Profiles'!$G$19=$B$10,7,0)+IF('Standard Profiles'!$G$19=$B$17,14,0)+IF('Standard Profiles'!$G$19=$B$24,21,0),MOD($C1642,24)+1)/SUM(INDEX($D$3:$AA$30,INDEX(Jesper!$R$2:$R$366,ROW(INDEX(Jesper!AI$2:AI$366,ROUNDDOWN($C1642/24,0)+1,1))-1)+IF('Standard Profiles'!$G$19=$B$10,7,0)+IF('Standard Profiles'!$G$19=$B$17,14,0)+IF('Standard Profiles'!$G$19=$B$24,21,0),0)),0)</f>
        <v>0</v>
      </c>
      <c r="F1642" cm="1">
        <f t="array" ref="F1642">IFERROR(INDEX(Jesper!AJ$2:AJ$366,ROUNDDOWN($C1642/24,0)+1,1)*INDEX($D$3:$AA$30,INDEX(Jesper!$R$2:$R$366,ROW(INDEX(Jesper!AJ$2:AJ$366,ROUNDDOWN($C1642/24,0)+1,1))-1)+IF('Standard Profiles'!$G$20=$B$10,7,0)+IF('Standard Profiles'!$G$20=$B$17,14,0)+IF('Standard Profiles'!$G$20=$B$24,21,0),MOD($C1642,24)+1)/SUM(INDEX($D$3:$AA$30,INDEX(Jesper!$R$2:$R$366,ROW(INDEX(Jesper!AJ$2:AJ$366,ROUNDDOWN($C1642/24,0)+1,1))-1)+IF('Standard Profiles'!$G$20=$B$10,7,0)+IF('Standard Profiles'!$G$20=$B$17,14,0)+IF('Standard Profiles'!$G$20=$B$24,21,0),0)),0)</f>
        <v>0</v>
      </c>
      <c r="G1642" cm="1">
        <f t="array" ref="G1642">IFERROR(INDEX(Jesper!AK$2:AK$366,ROUNDDOWN($C1642/24,0)+1,1)*INDEX($D$3:$AA$30,INDEX(Jesper!$R$2:$R$366,ROW(INDEX(Jesper!AK$2:AK$366,ROUNDDOWN($C1642/24,0)+1,1))-1)+IF('Standard Profiles'!$G$21=$B$10,7,0)+IF('Standard Profiles'!$G$21=$B$17,14,0)+IF('Standard Profiles'!$G$21=$B$24,21,0),MOD($C1642,24)+1)/SUM(INDEX($D$3:$AA$30,INDEX(Jesper!$R$2:$R$366,ROW(INDEX(Jesper!AK$2:AK$366,ROUNDDOWN($C1642/24,0)+1,1))-1)+IF('Standard Profiles'!$G$21=$B$10,7,0)+IF('Standard Profiles'!$G$21=$B$17,14,0)+IF('Standard Profiles'!$G$21=$B$24,21,0),0)),0)</f>
        <v>0</v>
      </c>
      <c r="H1642" cm="1">
        <f t="array" ref="H1642">IFERROR(INDEX(Jesper!AL$2:AL$366,ROUNDDOWN($C1642/24,0)+1,1)*INDEX($D$3:$AA$30,INDEX(Jesper!$R$2:$R$366,ROW(INDEX(Jesper!AL$2:AL$366,ROUNDDOWN($C1642/24,0)+1,1))-1)+IF('Standard Profiles'!$G$22=$B$10,7,0)+IF('Standard Profiles'!$G$22=$B$17,14,0)+IF('Standard Profiles'!$G$22=$B$24,21,0),MOD($C1642,24)+1)/SUM(INDEX($D$3:$AA$30,INDEX(Jesper!$R$2:$R$366,ROW(INDEX(Jesper!AL$2:AL$366,ROUNDDOWN($C1642/24,0)+1,1))-1)+IF('Standard Profiles'!$G$22=$B$10,7,0)+IF('Standard Profiles'!$G$22=$B$17,14,0)+IF('Standard Profiles'!$G$22=$B$24,21,0),0)),0)</f>
        <v>0</v>
      </c>
      <c r="I1642">
        <f t="shared" si="195"/>
        <v>0.28783000116000912</v>
      </c>
      <c r="J1642">
        <f t="shared" si="196"/>
        <v>0.95943333720003054</v>
      </c>
      <c r="K1642">
        <f t="shared" si="197"/>
        <v>1.4391500058000457</v>
      </c>
      <c r="L1642">
        <f t="shared" si="198"/>
        <v>6.9079200278402197</v>
      </c>
      <c r="M1642">
        <f t="shared" si="199"/>
        <v>0</v>
      </c>
      <c r="N1642" s="46">
        <f t="shared" si="200"/>
        <v>45358.9999999961</v>
      </c>
    </row>
    <row r="1643" spans="2:14" x14ac:dyDescent="0.3">
      <c r="B1643">
        <f t="shared" si="194"/>
        <v>5</v>
      </c>
      <c r="C1643" s="16">
        <v>1609</v>
      </c>
      <c r="D1643" cm="1">
        <f t="array" ref="D1643">IFERROR(INDEX(Jesper!AH$2:AH$366,ROUNDDOWN($C1643/24,0)+1,1)*INDEX($D$3:$AA$30,INDEX(Jesper!$R$2:$R$366,ROW(INDEX(Jesper!AH$2:AH$366,ROUNDDOWN($C1643/24,0)+1,1))-1)+IF('Standard Profiles'!$G$18=$B$10,7,0)+IF('Standard Profiles'!$G$18=$B$17,14,0)+IF('Standard Profiles'!$G$18=$B$24,21,0),MOD($C1643,24)+1)/SUM(INDEX($D$3:$AA$30,INDEX(Jesper!$R$2:$R$366,ROW(INDEX(Jesper!AH$2:AH$366,ROUNDDOWN($C1643/24,0)+1,1))-1)+IF('Standard Profiles'!$G$18=$B$10,7,0)+IF('Standard Profiles'!$G$18=$B$17,14,0)+IF('Standard Profiles'!$G$18=$B$24,21,0),0)),0)</f>
        <v>9.594333372000305</v>
      </c>
      <c r="E1643" cm="1">
        <f t="array" ref="E1643">IFERROR(INDEX(Jesper!AI$2:AI$366,ROUNDDOWN($C1643/24,0)+1,1)*INDEX($D$3:$AA$30,INDEX(Jesper!$R$2:$R$366,ROW(INDEX(Jesper!AI$2:AI$366,ROUNDDOWN($C1643/24,0)+1,1))-1)+IF('Standard Profiles'!$G$19=$B$10,7,0)+IF('Standard Profiles'!$G$19=$B$17,14,0)+IF('Standard Profiles'!$G$19=$B$24,21,0),MOD($C1643,24)+1)/SUM(INDEX($D$3:$AA$30,INDEX(Jesper!$R$2:$R$366,ROW(INDEX(Jesper!AI$2:AI$366,ROUNDDOWN($C1643/24,0)+1,1))-1)+IF('Standard Profiles'!$G$19=$B$10,7,0)+IF('Standard Profiles'!$G$19=$B$17,14,0)+IF('Standard Profiles'!$G$19=$B$24,21,0),0)),0)</f>
        <v>0</v>
      </c>
      <c r="F1643" cm="1">
        <f t="array" ref="F1643">IFERROR(INDEX(Jesper!AJ$2:AJ$366,ROUNDDOWN($C1643/24,0)+1,1)*INDEX($D$3:$AA$30,INDEX(Jesper!$R$2:$R$366,ROW(INDEX(Jesper!AJ$2:AJ$366,ROUNDDOWN($C1643/24,0)+1,1))-1)+IF('Standard Profiles'!$G$20=$B$10,7,0)+IF('Standard Profiles'!$G$20=$B$17,14,0)+IF('Standard Profiles'!$G$20=$B$24,21,0),MOD($C1643,24)+1)/SUM(INDEX($D$3:$AA$30,INDEX(Jesper!$R$2:$R$366,ROW(INDEX(Jesper!AJ$2:AJ$366,ROUNDDOWN($C1643/24,0)+1,1))-1)+IF('Standard Profiles'!$G$20=$B$10,7,0)+IF('Standard Profiles'!$G$20=$B$17,14,0)+IF('Standard Profiles'!$G$20=$B$24,21,0),0)),0)</f>
        <v>0</v>
      </c>
      <c r="G1643" cm="1">
        <f t="array" ref="G1643">IFERROR(INDEX(Jesper!AK$2:AK$366,ROUNDDOWN($C1643/24,0)+1,1)*INDEX($D$3:$AA$30,INDEX(Jesper!$R$2:$R$366,ROW(INDEX(Jesper!AK$2:AK$366,ROUNDDOWN($C1643/24,0)+1,1))-1)+IF('Standard Profiles'!$G$21=$B$10,7,0)+IF('Standard Profiles'!$G$21=$B$17,14,0)+IF('Standard Profiles'!$G$21=$B$24,21,0),MOD($C1643,24)+1)/SUM(INDEX($D$3:$AA$30,INDEX(Jesper!$R$2:$R$366,ROW(INDEX(Jesper!AK$2:AK$366,ROUNDDOWN($C1643/24,0)+1,1))-1)+IF('Standard Profiles'!$G$21=$B$10,7,0)+IF('Standard Profiles'!$G$21=$B$17,14,0)+IF('Standard Profiles'!$G$21=$B$24,21,0),0)),0)</f>
        <v>0</v>
      </c>
      <c r="H1643" cm="1">
        <f t="array" ref="H1643">IFERROR(INDEX(Jesper!AL$2:AL$366,ROUNDDOWN($C1643/24,0)+1,1)*INDEX($D$3:$AA$30,INDEX(Jesper!$R$2:$R$366,ROW(INDEX(Jesper!AL$2:AL$366,ROUNDDOWN($C1643/24,0)+1,1))-1)+IF('Standard Profiles'!$G$22=$B$10,7,0)+IF('Standard Profiles'!$G$22=$B$17,14,0)+IF('Standard Profiles'!$G$22=$B$24,21,0),MOD($C1643,24)+1)/SUM(INDEX($D$3:$AA$30,INDEX(Jesper!$R$2:$R$366,ROW(INDEX(Jesper!AL$2:AL$366,ROUNDDOWN($C1643/24,0)+1,1))-1)+IF('Standard Profiles'!$G$22=$B$10,7,0)+IF('Standard Profiles'!$G$22=$B$17,14,0)+IF('Standard Profiles'!$G$22=$B$24,21,0),0)),0)</f>
        <v>0</v>
      </c>
      <c r="I1643">
        <f t="shared" si="195"/>
        <v>0.28783000116000912</v>
      </c>
      <c r="J1643">
        <f t="shared" si="196"/>
        <v>0.95943333720003054</v>
      </c>
      <c r="K1643">
        <f t="shared" si="197"/>
        <v>1.4391500058000457</v>
      </c>
      <c r="L1643">
        <f t="shared" si="198"/>
        <v>6.9079200278402197</v>
      </c>
      <c r="M1643">
        <f t="shared" si="199"/>
        <v>0</v>
      </c>
      <c r="N1643" s="46">
        <f t="shared" si="200"/>
        <v>45359.041666662764</v>
      </c>
    </row>
    <row r="1644" spans="2:14" x14ac:dyDescent="0.3">
      <c r="B1644">
        <f t="shared" si="194"/>
        <v>5</v>
      </c>
      <c r="C1644" s="16">
        <v>1610</v>
      </c>
      <c r="D1644" cm="1">
        <f t="array" ref="D1644">IFERROR(INDEX(Jesper!AH$2:AH$366,ROUNDDOWN($C1644/24,0)+1,1)*INDEX($D$3:$AA$30,INDEX(Jesper!$R$2:$R$366,ROW(INDEX(Jesper!AH$2:AH$366,ROUNDDOWN($C1644/24,0)+1,1))-1)+IF('Standard Profiles'!$G$18=$B$10,7,0)+IF('Standard Profiles'!$G$18=$B$17,14,0)+IF('Standard Profiles'!$G$18=$B$24,21,0),MOD($C1644,24)+1)/SUM(INDEX($D$3:$AA$30,INDEX(Jesper!$R$2:$R$366,ROW(INDEX(Jesper!AH$2:AH$366,ROUNDDOWN($C1644/24,0)+1,1))-1)+IF('Standard Profiles'!$G$18=$B$10,7,0)+IF('Standard Profiles'!$G$18=$B$17,14,0)+IF('Standard Profiles'!$G$18=$B$24,21,0),0)),0)</f>
        <v>9.594333372000305</v>
      </c>
      <c r="E1644" cm="1">
        <f t="array" ref="E1644">IFERROR(INDEX(Jesper!AI$2:AI$366,ROUNDDOWN($C1644/24,0)+1,1)*INDEX($D$3:$AA$30,INDEX(Jesper!$R$2:$R$366,ROW(INDEX(Jesper!AI$2:AI$366,ROUNDDOWN($C1644/24,0)+1,1))-1)+IF('Standard Profiles'!$G$19=$B$10,7,0)+IF('Standard Profiles'!$G$19=$B$17,14,0)+IF('Standard Profiles'!$G$19=$B$24,21,0),MOD($C1644,24)+1)/SUM(INDEX($D$3:$AA$30,INDEX(Jesper!$R$2:$R$366,ROW(INDEX(Jesper!AI$2:AI$366,ROUNDDOWN($C1644/24,0)+1,1))-1)+IF('Standard Profiles'!$G$19=$B$10,7,0)+IF('Standard Profiles'!$G$19=$B$17,14,0)+IF('Standard Profiles'!$G$19=$B$24,21,0),0)),0)</f>
        <v>0</v>
      </c>
      <c r="F1644" cm="1">
        <f t="array" ref="F1644">IFERROR(INDEX(Jesper!AJ$2:AJ$366,ROUNDDOWN($C1644/24,0)+1,1)*INDEX($D$3:$AA$30,INDEX(Jesper!$R$2:$R$366,ROW(INDEX(Jesper!AJ$2:AJ$366,ROUNDDOWN($C1644/24,0)+1,1))-1)+IF('Standard Profiles'!$G$20=$B$10,7,0)+IF('Standard Profiles'!$G$20=$B$17,14,0)+IF('Standard Profiles'!$G$20=$B$24,21,0),MOD($C1644,24)+1)/SUM(INDEX($D$3:$AA$30,INDEX(Jesper!$R$2:$R$366,ROW(INDEX(Jesper!AJ$2:AJ$366,ROUNDDOWN($C1644/24,0)+1,1))-1)+IF('Standard Profiles'!$G$20=$B$10,7,0)+IF('Standard Profiles'!$G$20=$B$17,14,0)+IF('Standard Profiles'!$G$20=$B$24,21,0),0)),0)</f>
        <v>0</v>
      </c>
      <c r="G1644" cm="1">
        <f t="array" ref="G1644">IFERROR(INDEX(Jesper!AK$2:AK$366,ROUNDDOWN($C1644/24,0)+1,1)*INDEX($D$3:$AA$30,INDEX(Jesper!$R$2:$R$366,ROW(INDEX(Jesper!AK$2:AK$366,ROUNDDOWN($C1644/24,0)+1,1))-1)+IF('Standard Profiles'!$G$21=$B$10,7,0)+IF('Standard Profiles'!$G$21=$B$17,14,0)+IF('Standard Profiles'!$G$21=$B$24,21,0),MOD($C1644,24)+1)/SUM(INDEX($D$3:$AA$30,INDEX(Jesper!$R$2:$R$366,ROW(INDEX(Jesper!AK$2:AK$366,ROUNDDOWN($C1644/24,0)+1,1))-1)+IF('Standard Profiles'!$G$21=$B$10,7,0)+IF('Standard Profiles'!$G$21=$B$17,14,0)+IF('Standard Profiles'!$G$21=$B$24,21,0),0)),0)</f>
        <v>0</v>
      </c>
      <c r="H1644" cm="1">
        <f t="array" ref="H1644">IFERROR(INDEX(Jesper!AL$2:AL$366,ROUNDDOWN($C1644/24,0)+1,1)*INDEX($D$3:$AA$30,INDEX(Jesper!$R$2:$R$366,ROW(INDEX(Jesper!AL$2:AL$366,ROUNDDOWN($C1644/24,0)+1,1))-1)+IF('Standard Profiles'!$G$22=$B$10,7,0)+IF('Standard Profiles'!$G$22=$B$17,14,0)+IF('Standard Profiles'!$G$22=$B$24,21,0),MOD($C1644,24)+1)/SUM(INDEX($D$3:$AA$30,INDEX(Jesper!$R$2:$R$366,ROW(INDEX(Jesper!AL$2:AL$366,ROUNDDOWN($C1644/24,0)+1,1))-1)+IF('Standard Profiles'!$G$22=$B$10,7,0)+IF('Standard Profiles'!$G$22=$B$17,14,0)+IF('Standard Profiles'!$G$22=$B$24,21,0),0)),0)</f>
        <v>0</v>
      </c>
      <c r="I1644">
        <f t="shared" si="195"/>
        <v>0.28783000116000912</v>
      </c>
      <c r="J1644">
        <f t="shared" si="196"/>
        <v>0.95943333720003054</v>
      </c>
      <c r="K1644">
        <f t="shared" si="197"/>
        <v>1.4391500058000457</v>
      </c>
      <c r="L1644">
        <f t="shared" si="198"/>
        <v>6.9079200278402197</v>
      </c>
      <c r="M1644">
        <f t="shared" si="199"/>
        <v>0</v>
      </c>
      <c r="N1644" s="46">
        <f t="shared" si="200"/>
        <v>45359.083333329429</v>
      </c>
    </row>
    <row r="1645" spans="2:14" x14ac:dyDescent="0.3">
      <c r="B1645">
        <f t="shared" si="194"/>
        <v>5</v>
      </c>
      <c r="C1645" s="16">
        <v>1611</v>
      </c>
      <c r="D1645" cm="1">
        <f t="array" ref="D1645">IFERROR(INDEX(Jesper!AH$2:AH$366,ROUNDDOWN($C1645/24,0)+1,1)*INDEX($D$3:$AA$30,INDEX(Jesper!$R$2:$R$366,ROW(INDEX(Jesper!AH$2:AH$366,ROUNDDOWN($C1645/24,0)+1,1))-1)+IF('Standard Profiles'!$G$18=$B$10,7,0)+IF('Standard Profiles'!$G$18=$B$17,14,0)+IF('Standard Profiles'!$G$18=$B$24,21,0),MOD($C1645,24)+1)/SUM(INDEX($D$3:$AA$30,INDEX(Jesper!$R$2:$R$366,ROW(INDEX(Jesper!AH$2:AH$366,ROUNDDOWN($C1645/24,0)+1,1))-1)+IF('Standard Profiles'!$G$18=$B$10,7,0)+IF('Standard Profiles'!$G$18=$B$17,14,0)+IF('Standard Profiles'!$G$18=$B$24,21,0),0)),0)</f>
        <v>9.594333372000305</v>
      </c>
      <c r="E1645" cm="1">
        <f t="array" ref="E1645">IFERROR(INDEX(Jesper!AI$2:AI$366,ROUNDDOWN($C1645/24,0)+1,1)*INDEX($D$3:$AA$30,INDEX(Jesper!$R$2:$R$366,ROW(INDEX(Jesper!AI$2:AI$366,ROUNDDOWN($C1645/24,0)+1,1))-1)+IF('Standard Profiles'!$G$19=$B$10,7,0)+IF('Standard Profiles'!$G$19=$B$17,14,0)+IF('Standard Profiles'!$G$19=$B$24,21,0),MOD($C1645,24)+1)/SUM(INDEX($D$3:$AA$30,INDEX(Jesper!$R$2:$R$366,ROW(INDEX(Jesper!AI$2:AI$366,ROUNDDOWN($C1645/24,0)+1,1))-1)+IF('Standard Profiles'!$G$19=$B$10,7,0)+IF('Standard Profiles'!$G$19=$B$17,14,0)+IF('Standard Profiles'!$G$19=$B$24,21,0),0)),0)</f>
        <v>0</v>
      </c>
      <c r="F1645" cm="1">
        <f t="array" ref="F1645">IFERROR(INDEX(Jesper!AJ$2:AJ$366,ROUNDDOWN($C1645/24,0)+1,1)*INDEX($D$3:$AA$30,INDEX(Jesper!$R$2:$R$366,ROW(INDEX(Jesper!AJ$2:AJ$366,ROUNDDOWN($C1645/24,0)+1,1))-1)+IF('Standard Profiles'!$G$20=$B$10,7,0)+IF('Standard Profiles'!$G$20=$B$17,14,0)+IF('Standard Profiles'!$G$20=$B$24,21,0),MOD($C1645,24)+1)/SUM(INDEX($D$3:$AA$30,INDEX(Jesper!$R$2:$R$366,ROW(INDEX(Jesper!AJ$2:AJ$366,ROUNDDOWN($C1645/24,0)+1,1))-1)+IF('Standard Profiles'!$G$20=$B$10,7,0)+IF('Standard Profiles'!$G$20=$B$17,14,0)+IF('Standard Profiles'!$G$20=$B$24,21,0),0)),0)</f>
        <v>0</v>
      </c>
      <c r="G1645" cm="1">
        <f t="array" ref="G1645">IFERROR(INDEX(Jesper!AK$2:AK$366,ROUNDDOWN($C1645/24,0)+1,1)*INDEX($D$3:$AA$30,INDEX(Jesper!$R$2:$R$366,ROW(INDEX(Jesper!AK$2:AK$366,ROUNDDOWN($C1645/24,0)+1,1))-1)+IF('Standard Profiles'!$G$21=$B$10,7,0)+IF('Standard Profiles'!$G$21=$B$17,14,0)+IF('Standard Profiles'!$G$21=$B$24,21,0),MOD($C1645,24)+1)/SUM(INDEX($D$3:$AA$30,INDEX(Jesper!$R$2:$R$366,ROW(INDEX(Jesper!AK$2:AK$366,ROUNDDOWN($C1645/24,0)+1,1))-1)+IF('Standard Profiles'!$G$21=$B$10,7,0)+IF('Standard Profiles'!$G$21=$B$17,14,0)+IF('Standard Profiles'!$G$21=$B$24,21,0),0)),0)</f>
        <v>0</v>
      </c>
      <c r="H1645" cm="1">
        <f t="array" ref="H1645">IFERROR(INDEX(Jesper!AL$2:AL$366,ROUNDDOWN($C1645/24,0)+1,1)*INDEX($D$3:$AA$30,INDEX(Jesper!$R$2:$R$366,ROW(INDEX(Jesper!AL$2:AL$366,ROUNDDOWN($C1645/24,0)+1,1))-1)+IF('Standard Profiles'!$G$22=$B$10,7,0)+IF('Standard Profiles'!$G$22=$B$17,14,0)+IF('Standard Profiles'!$G$22=$B$24,21,0),MOD($C1645,24)+1)/SUM(INDEX($D$3:$AA$30,INDEX(Jesper!$R$2:$R$366,ROW(INDEX(Jesper!AL$2:AL$366,ROUNDDOWN($C1645/24,0)+1,1))-1)+IF('Standard Profiles'!$G$22=$B$10,7,0)+IF('Standard Profiles'!$G$22=$B$17,14,0)+IF('Standard Profiles'!$G$22=$B$24,21,0),0)),0)</f>
        <v>0</v>
      </c>
      <c r="I1645">
        <f t="shared" si="195"/>
        <v>0.28783000116000912</v>
      </c>
      <c r="J1645">
        <f t="shared" si="196"/>
        <v>0.95943333720003054</v>
      </c>
      <c r="K1645">
        <f t="shared" si="197"/>
        <v>1.4391500058000457</v>
      </c>
      <c r="L1645">
        <f t="shared" si="198"/>
        <v>6.9079200278402197</v>
      </c>
      <c r="M1645">
        <f t="shared" si="199"/>
        <v>0</v>
      </c>
      <c r="N1645" s="46">
        <f t="shared" si="200"/>
        <v>45359.124999996093</v>
      </c>
    </row>
    <row r="1646" spans="2:14" x14ac:dyDescent="0.3">
      <c r="B1646">
        <f t="shared" si="194"/>
        <v>5</v>
      </c>
      <c r="C1646" s="16">
        <v>1612</v>
      </c>
      <c r="D1646" cm="1">
        <f t="array" ref="D1646">IFERROR(INDEX(Jesper!AH$2:AH$366,ROUNDDOWN($C1646/24,0)+1,1)*INDEX($D$3:$AA$30,INDEX(Jesper!$R$2:$R$366,ROW(INDEX(Jesper!AH$2:AH$366,ROUNDDOWN($C1646/24,0)+1,1))-1)+IF('Standard Profiles'!$G$18=$B$10,7,0)+IF('Standard Profiles'!$G$18=$B$17,14,0)+IF('Standard Profiles'!$G$18=$B$24,21,0),MOD($C1646,24)+1)/SUM(INDEX($D$3:$AA$30,INDEX(Jesper!$R$2:$R$366,ROW(INDEX(Jesper!AH$2:AH$366,ROUNDDOWN($C1646/24,0)+1,1))-1)+IF('Standard Profiles'!$G$18=$B$10,7,0)+IF('Standard Profiles'!$G$18=$B$17,14,0)+IF('Standard Profiles'!$G$18=$B$24,21,0),0)),0)</f>
        <v>9.594333372000305</v>
      </c>
      <c r="E1646" cm="1">
        <f t="array" ref="E1646">IFERROR(INDEX(Jesper!AI$2:AI$366,ROUNDDOWN($C1646/24,0)+1,1)*INDEX($D$3:$AA$30,INDEX(Jesper!$R$2:$R$366,ROW(INDEX(Jesper!AI$2:AI$366,ROUNDDOWN($C1646/24,0)+1,1))-1)+IF('Standard Profiles'!$G$19=$B$10,7,0)+IF('Standard Profiles'!$G$19=$B$17,14,0)+IF('Standard Profiles'!$G$19=$B$24,21,0),MOD($C1646,24)+1)/SUM(INDEX($D$3:$AA$30,INDEX(Jesper!$R$2:$R$366,ROW(INDEX(Jesper!AI$2:AI$366,ROUNDDOWN($C1646/24,0)+1,1))-1)+IF('Standard Profiles'!$G$19=$B$10,7,0)+IF('Standard Profiles'!$G$19=$B$17,14,0)+IF('Standard Profiles'!$G$19=$B$24,21,0),0)),0)</f>
        <v>0</v>
      </c>
      <c r="F1646" cm="1">
        <f t="array" ref="F1646">IFERROR(INDEX(Jesper!AJ$2:AJ$366,ROUNDDOWN($C1646/24,0)+1,1)*INDEX($D$3:$AA$30,INDEX(Jesper!$R$2:$R$366,ROW(INDEX(Jesper!AJ$2:AJ$366,ROUNDDOWN($C1646/24,0)+1,1))-1)+IF('Standard Profiles'!$G$20=$B$10,7,0)+IF('Standard Profiles'!$G$20=$B$17,14,0)+IF('Standard Profiles'!$G$20=$B$24,21,0),MOD($C1646,24)+1)/SUM(INDEX($D$3:$AA$30,INDEX(Jesper!$R$2:$R$366,ROW(INDEX(Jesper!AJ$2:AJ$366,ROUNDDOWN($C1646/24,0)+1,1))-1)+IF('Standard Profiles'!$G$20=$B$10,7,0)+IF('Standard Profiles'!$G$20=$B$17,14,0)+IF('Standard Profiles'!$G$20=$B$24,21,0),0)),0)</f>
        <v>0</v>
      </c>
      <c r="G1646" cm="1">
        <f t="array" ref="G1646">IFERROR(INDEX(Jesper!AK$2:AK$366,ROUNDDOWN($C1646/24,0)+1,1)*INDEX($D$3:$AA$30,INDEX(Jesper!$R$2:$R$366,ROW(INDEX(Jesper!AK$2:AK$366,ROUNDDOWN($C1646/24,0)+1,1))-1)+IF('Standard Profiles'!$G$21=$B$10,7,0)+IF('Standard Profiles'!$G$21=$B$17,14,0)+IF('Standard Profiles'!$G$21=$B$24,21,0),MOD($C1646,24)+1)/SUM(INDEX($D$3:$AA$30,INDEX(Jesper!$R$2:$R$366,ROW(INDEX(Jesper!AK$2:AK$366,ROUNDDOWN($C1646/24,0)+1,1))-1)+IF('Standard Profiles'!$G$21=$B$10,7,0)+IF('Standard Profiles'!$G$21=$B$17,14,0)+IF('Standard Profiles'!$G$21=$B$24,21,0),0)),0)</f>
        <v>0</v>
      </c>
      <c r="H1646" cm="1">
        <f t="array" ref="H1646">IFERROR(INDEX(Jesper!AL$2:AL$366,ROUNDDOWN($C1646/24,0)+1,1)*INDEX($D$3:$AA$30,INDEX(Jesper!$R$2:$R$366,ROW(INDEX(Jesper!AL$2:AL$366,ROUNDDOWN($C1646/24,0)+1,1))-1)+IF('Standard Profiles'!$G$22=$B$10,7,0)+IF('Standard Profiles'!$G$22=$B$17,14,0)+IF('Standard Profiles'!$G$22=$B$24,21,0),MOD($C1646,24)+1)/SUM(INDEX($D$3:$AA$30,INDEX(Jesper!$R$2:$R$366,ROW(INDEX(Jesper!AL$2:AL$366,ROUNDDOWN($C1646/24,0)+1,1))-1)+IF('Standard Profiles'!$G$22=$B$10,7,0)+IF('Standard Profiles'!$G$22=$B$17,14,0)+IF('Standard Profiles'!$G$22=$B$24,21,0),0)),0)</f>
        <v>0</v>
      </c>
      <c r="I1646">
        <f t="shared" si="195"/>
        <v>0.28783000116000912</v>
      </c>
      <c r="J1646">
        <f t="shared" si="196"/>
        <v>0.95943333720003054</v>
      </c>
      <c r="K1646">
        <f t="shared" si="197"/>
        <v>1.4391500058000457</v>
      </c>
      <c r="L1646">
        <f t="shared" si="198"/>
        <v>6.9079200278402197</v>
      </c>
      <c r="M1646">
        <f t="shared" si="199"/>
        <v>0</v>
      </c>
      <c r="N1646" s="46">
        <f t="shared" si="200"/>
        <v>45359.166666662757</v>
      </c>
    </row>
    <row r="1647" spans="2:14" x14ac:dyDescent="0.3">
      <c r="B1647">
        <f t="shared" si="194"/>
        <v>5</v>
      </c>
      <c r="C1647" s="16">
        <v>1613</v>
      </c>
      <c r="D1647" cm="1">
        <f t="array" ref="D1647">IFERROR(INDEX(Jesper!AH$2:AH$366,ROUNDDOWN($C1647/24,0)+1,1)*INDEX($D$3:$AA$30,INDEX(Jesper!$R$2:$R$366,ROW(INDEX(Jesper!AH$2:AH$366,ROUNDDOWN($C1647/24,0)+1,1))-1)+IF('Standard Profiles'!$G$18=$B$10,7,0)+IF('Standard Profiles'!$G$18=$B$17,14,0)+IF('Standard Profiles'!$G$18=$B$24,21,0),MOD($C1647,24)+1)/SUM(INDEX($D$3:$AA$30,INDEX(Jesper!$R$2:$R$366,ROW(INDEX(Jesper!AH$2:AH$366,ROUNDDOWN($C1647/24,0)+1,1))-1)+IF('Standard Profiles'!$G$18=$B$10,7,0)+IF('Standard Profiles'!$G$18=$B$17,14,0)+IF('Standard Profiles'!$G$18=$B$24,21,0),0)),0)</f>
        <v>12.36602967946706</v>
      </c>
      <c r="E1647" cm="1">
        <f t="array" ref="E1647">IFERROR(INDEX(Jesper!AI$2:AI$366,ROUNDDOWN($C1647/24,0)+1,1)*INDEX($D$3:$AA$30,INDEX(Jesper!$R$2:$R$366,ROW(INDEX(Jesper!AI$2:AI$366,ROUNDDOWN($C1647/24,0)+1,1))-1)+IF('Standard Profiles'!$G$19=$B$10,7,0)+IF('Standard Profiles'!$G$19=$B$17,14,0)+IF('Standard Profiles'!$G$19=$B$24,21,0),MOD($C1647,24)+1)/SUM(INDEX($D$3:$AA$30,INDEX(Jesper!$R$2:$R$366,ROW(INDEX(Jesper!AI$2:AI$366,ROUNDDOWN($C1647/24,0)+1,1))-1)+IF('Standard Profiles'!$G$19=$B$10,7,0)+IF('Standard Profiles'!$G$19=$B$17,14,0)+IF('Standard Profiles'!$G$19=$B$24,21,0),0)),0)</f>
        <v>0</v>
      </c>
      <c r="F1647" cm="1">
        <f t="array" ref="F1647">IFERROR(INDEX(Jesper!AJ$2:AJ$366,ROUNDDOWN($C1647/24,0)+1,1)*INDEX($D$3:$AA$30,INDEX(Jesper!$R$2:$R$366,ROW(INDEX(Jesper!AJ$2:AJ$366,ROUNDDOWN($C1647/24,0)+1,1))-1)+IF('Standard Profiles'!$G$20=$B$10,7,0)+IF('Standard Profiles'!$G$20=$B$17,14,0)+IF('Standard Profiles'!$G$20=$B$24,21,0),MOD($C1647,24)+1)/SUM(INDEX($D$3:$AA$30,INDEX(Jesper!$R$2:$R$366,ROW(INDEX(Jesper!AJ$2:AJ$366,ROUNDDOWN($C1647/24,0)+1,1))-1)+IF('Standard Profiles'!$G$20=$B$10,7,0)+IF('Standard Profiles'!$G$20=$B$17,14,0)+IF('Standard Profiles'!$G$20=$B$24,21,0),0)),0)</f>
        <v>0</v>
      </c>
      <c r="G1647" cm="1">
        <f t="array" ref="G1647">IFERROR(INDEX(Jesper!AK$2:AK$366,ROUNDDOWN($C1647/24,0)+1,1)*INDEX($D$3:$AA$30,INDEX(Jesper!$R$2:$R$366,ROW(INDEX(Jesper!AK$2:AK$366,ROUNDDOWN($C1647/24,0)+1,1))-1)+IF('Standard Profiles'!$G$21=$B$10,7,0)+IF('Standard Profiles'!$G$21=$B$17,14,0)+IF('Standard Profiles'!$G$21=$B$24,21,0),MOD($C1647,24)+1)/SUM(INDEX($D$3:$AA$30,INDEX(Jesper!$R$2:$R$366,ROW(INDEX(Jesper!AK$2:AK$366,ROUNDDOWN($C1647/24,0)+1,1))-1)+IF('Standard Profiles'!$G$21=$B$10,7,0)+IF('Standard Profiles'!$G$21=$B$17,14,0)+IF('Standard Profiles'!$G$21=$B$24,21,0),0)),0)</f>
        <v>0</v>
      </c>
      <c r="H1647" cm="1">
        <f t="array" ref="H1647">IFERROR(INDEX(Jesper!AL$2:AL$366,ROUNDDOWN($C1647/24,0)+1,1)*INDEX($D$3:$AA$30,INDEX(Jesper!$R$2:$R$366,ROW(INDEX(Jesper!AL$2:AL$366,ROUNDDOWN($C1647/24,0)+1,1))-1)+IF('Standard Profiles'!$G$22=$B$10,7,0)+IF('Standard Profiles'!$G$22=$B$17,14,0)+IF('Standard Profiles'!$G$22=$B$24,21,0),MOD($C1647,24)+1)/SUM(INDEX($D$3:$AA$30,INDEX(Jesper!$R$2:$R$366,ROW(INDEX(Jesper!AL$2:AL$366,ROUNDDOWN($C1647/24,0)+1,1))-1)+IF('Standard Profiles'!$G$22=$B$10,7,0)+IF('Standard Profiles'!$G$22=$B$17,14,0)+IF('Standard Profiles'!$G$22=$B$24,21,0),0)),0)</f>
        <v>0</v>
      </c>
      <c r="I1647">
        <f t="shared" si="195"/>
        <v>0.37098089038401177</v>
      </c>
      <c r="J1647">
        <f t="shared" si="196"/>
        <v>1.2366029679467061</v>
      </c>
      <c r="K1647">
        <f t="shared" si="197"/>
        <v>1.8549044519200588</v>
      </c>
      <c r="L1647">
        <f t="shared" si="198"/>
        <v>8.903541369216283</v>
      </c>
      <c r="M1647">
        <f t="shared" si="199"/>
        <v>0</v>
      </c>
      <c r="N1647" s="46">
        <f t="shared" si="200"/>
        <v>45359.208333329421</v>
      </c>
    </row>
    <row r="1648" spans="2:14" x14ac:dyDescent="0.3">
      <c r="B1648">
        <f t="shared" si="194"/>
        <v>5</v>
      </c>
      <c r="C1648" s="16">
        <v>1614</v>
      </c>
      <c r="D1648" cm="1">
        <f t="array" ref="D1648">IFERROR(INDEX(Jesper!AH$2:AH$366,ROUNDDOWN($C1648/24,0)+1,1)*INDEX($D$3:$AA$30,INDEX(Jesper!$R$2:$R$366,ROW(INDEX(Jesper!AH$2:AH$366,ROUNDDOWN($C1648/24,0)+1,1))-1)+IF('Standard Profiles'!$G$18=$B$10,7,0)+IF('Standard Profiles'!$G$18=$B$17,14,0)+IF('Standard Profiles'!$G$18=$B$24,21,0),MOD($C1648,24)+1)/SUM(INDEX($D$3:$AA$30,INDEX(Jesper!$R$2:$R$366,ROW(INDEX(Jesper!AH$2:AH$366,ROUNDDOWN($C1648/24,0)+1,1))-1)+IF('Standard Profiles'!$G$18=$B$10,7,0)+IF('Standard Profiles'!$G$18=$B$17,14,0)+IF('Standard Profiles'!$G$18=$B$24,21,0),0)),0)</f>
        <v>14.924518578667143</v>
      </c>
      <c r="E1648" cm="1">
        <f t="array" ref="E1648">IFERROR(INDEX(Jesper!AI$2:AI$366,ROUNDDOWN($C1648/24,0)+1,1)*INDEX($D$3:$AA$30,INDEX(Jesper!$R$2:$R$366,ROW(INDEX(Jesper!AI$2:AI$366,ROUNDDOWN($C1648/24,0)+1,1))-1)+IF('Standard Profiles'!$G$19=$B$10,7,0)+IF('Standard Profiles'!$G$19=$B$17,14,0)+IF('Standard Profiles'!$G$19=$B$24,21,0),MOD($C1648,24)+1)/SUM(INDEX($D$3:$AA$30,INDEX(Jesper!$R$2:$R$366,ROW(INDEX(Jesper!AI$2:AI$366,ROUNDDOWN($C1648/24,0)+1,1))-1)+IF('Standard Profiles'!$G$19=$B$10,7,0)+IF('Standard Profiles'!$G$19=$B$17,14,0)+IF('Standard Profiles'!$G$19=$B$24,21,0),0)),0)</f>
        <v>0</v>
      </c>
      <c r="F1648" cm="1">
        <f t="array" ref="F1648">IFERROR(INDEX(Jesper!AJ$2:AJ$366,ROUNDDOWN($C1648/24,0)+1,1)*INDEX($D$3:$AA$30,INDEX(Jesper!$R$2:$R$366,ROW(INDEX(Jesper!AJ$2:AJ$366,ROUNDDOWN($C1648/24,0)+1,1))-1)+IF('Standard Profiles'!$G$20=$B$10,7,0)+IF('Standard Profiles'!$G$20=$B$17,14,0)+IF('Standard Profiles'!$G$20=$B$24,21,0),MOD($C1648,24)+1)/SUM(INDEX($D$3:$AA$30,INDEX(Jesper!$R$2:$R$366,ROW(INDEX(Jesper!AJ$2:AJ$366,ROUNDDOWN($C1648/24,0)+1,1))-1)+IF('Standard Profiles'!$G$20=$B$10,7,0)+IF('Standard Profiles'!$G$20=$B$17,14,0)+IF('Standard Profiles'!$G$20=$B$24,21,0),0)),0)</f>
        <v>0</v>
      </c>
      <c r="G1648" cm="1">
        <f t="array" ref="G1648">IFERROR(INDEX(Jesper!AK$2:AK$366,ROUNDDOWN($C1648/24,0)+1,1)*INDEX($D$3:$AA$30,INDEX(Jesper!$R$2:$R$366,ROW(INDEX(Jesper!AK$2:AK$366,ROUNDDOWN($C1648/24,0)+1,1))-1)+IF('Standard Profiles'!$G$21=$B$10,7,0)+IF('Standard Profiles'!$G$21=$B$17,14,0)+IF('Standard Profiles'!$G$21=$B$24,21,0),MOD($C1648,24)+1)/SUM(INDEX($D$3:$AA$30,INDEX(Jesper!$R$2:$R$366,ROW(INDEX(Jesper!AK$2:AK$366,ROUNDDOWN($C1648/24,0)+1,1))-1)+IF('Standard Profiles'!$G$21=$B$10,7,0)+IF('Standard Profiles'!$G$21=$B$17,14,0)+IF('Standard Profiles'!$G$21=$B$24,21,0),0)),0)</f>
        <v>0</v>
      </c>
      <c r="H1648" cm="1">
        <f t="array" ref="H1648">IFERROR(INDEX(Jesper!AL$2:AL$366,ROUNDDOWN($C1648/24,0)+1,1)*INDEX($D$3:$AA$30,INDEX(Jesper!$R$2:$R$366,ROW(INDEX(Jesper!AL$2:AL$366,ROUNDDOWN($C1648/24,0)+1,1))-1)+IF('Standard Profiles'!$G$22=$B$10,7,0)+IF('Standard Profiles'!$G$22=$B$17,14,0)+IF('Standard Profiles'!$G$22=$B$24,21,0),MOD($C1648,24)+1)/SUM(INDEX($D$3:$AA$30,INDEX(Jesper!$R$2:$R$366,ROW(INDEX(Jesper!AL$2:AL$366,ROUNDDOWN($C1648/24,0)+1,1))-1)+IF('Standard Profiles'!$G$22=$B$10,7,0)+IF('Standard Profiles'!$G$22=$B$17,14,0)+IF('Standard Profiles'!$G$22=$B$24,21,0),0)),0)</f>
        <v>0</v>
      </c>
      <c r="I1648">
        <f t="shared" si="195"/>
        <v>0.4477355573600143</v>
      </c>
      <c r="J1648">
        <f t="shared" si="196"/>
        <v>1.4924518578667145</v>
      </c>
      <c r="K1648">
        <f t="shared" si="197"/>
        <v>2.2386777868000713</v>
      </c>
      <c r="L1648">
        <f t="shared" si="198"/>
        <v>10.745653376640343</v>
      </c>
      <c r="M1648">
        <f t="shared" si="199"/>
        <v>0</v>
      </c>
      <c r="N1648" s="46">
        <f t="shared" si="200"/>
        <v>45359.249999996086</v>
      </c>
    </row>
    <row r="1649" spans="2:14" x14ac:dyDescent="0.3">
      <c r="B1649">
        <f t="shared" si="194"/>
        <v>5</v>
      </c>
      <c r="C1649" s="16">
        <v>1615</v>
      </c>
      <c r="D1649" cm="1">
        <f t="array" ref="D1649">IFERROR(INDEX(Jesper!AH$2:AH$366,ROUNDDOWN($C1649/24,0)+1,1)*INDEX($D$3:$AA$30,INDEX(Jesper!$R$2:$R$366,ROW(INDEX(Jesper!AH$2:AH$366,ROUNDDOWN($C1649/24,0)+1,1))-1)+IF('Standard Profiles'!$G$18=$B$10,7,0)+IF('Standard Profiles'!$G$18=$B$17,14,0)+IF('Standard Profiles'!$G$18=$B$24,21,0),MOD($C1649,24)+1)/SUM(INDEX($D$3:$AA$30,INDEX(Jesper!$R$2:$R$366,ROW(INDEX(Jesper!AH$2:AH$366,ROUNDDOWN($C1649/24,0)+1,1))-1)+IF('Standard Profiles'!$G$18=$B$10,7,0)+IF('Standard Profiles'!$G$18=$B$17,14,0)+IF('Standard Profiles'!$G$18=$B$24,21,0),0)),0)</f>
        <v>14.924518578667143</v>
      </c>
      <c r="E1649" cm="1">
        <f t="array" ref="E1649">IFERROR(INDEX(Jesper!AI$2:AI$366,ROUNDDOWN($C1649/24,0)+1,1)*INDEX($D$3:$AA$30,INDEX(Jesper!$R$2:$R$366,ROW(INDEX(Jesper!AI$2:AI$366,ROUNDDOWN($C1649/24,0)+1,1))-1)+IF('Standard Profiles'!$G$19=$B$10,7,0)+IF('Standard Profiles'!$G$19=$B$17,14,0)+IF('Standard Profiles'!$G$19=$B$24,21,0),MOD($C1649,24)+1)/SUM(INDEX($D$3:$AA$30,INDEX(Jesper!$R$2:$R$366,ROW(INDEX(Jesper!AI$2:AI$366,ROUNDDOWN($C1649/24,0)+1,1))-1)+IF('Standard Profiles'!$G$19=$B$10,7,0)+IF('Standard Profiles'!$G$19=$B$17,14,0)+IF('Standard Profiles'!$G$19=$B$24,21,0),0)),0)</f>
        <v>0</v>
      </c>
      <c r="F1649" cm="1">
        <f t="array" ref="F1649">IFERROR(INDEX(Jesper!AJ$2:AJ$366,ROUNDDOWN($C1649/24,0)+1,1)*INDEX($D$3:$AA$30,INDEX(Jesper!$R$2:$R$366,ROW(INDEX(Jesper!AJ$2:AJ$366,ROUNDDOWN($C1649/24,0)+1,1))-1)+IF('Standard Profiles'!$G$20=$B$10,7,0)+IF('Standard Profiles'!$G$20=$B$17,14,0)+IF('Standard Profiles'!$G$20=$B$24,21,0),MOD($C1649,24)+1)/SUM(INDEX($D$3:$AA$30,INDEX(Jesper!$R$2:$R$366,ROW(INDEX(Jesper!AJ$2:AJ$366,ROUNDDOWN($C1649/24,0)+1,1))-1)+IF('Standard Profiles'!$G$20=$B$10,7,0)+IF('Standard Profiles'!$G$20=$B$17,14,0)+IF('Standard Profiles'!$G$20=$B$24,21,0),0)),0)</f>
        <v>0</v>
      </c>
      <c r="G1649" cm="1">
        <f t="array" ref="G1649">IFERROR(INDEX(Jesper!AK$2:AK$366,ROUNDDOWN($C1649/24,0)+1,1)*INDEX($D$3:$AA$30,INDEX(Jesper!$R$2:$R$366,ROW(INDEX(Jesper!AK$2:AK$366,ROUNDDOWN($C1649/24,0)+1,1))-1)+IF('Standard Profiles'!$G$21=$B$10,7,0)+IF('Standard Profiles'!$G$21=$B$17,14,0)+IF('Standard Profiles'!$G$21=$B$24,21,0),MOD($C1649,24)+1)/SUM(INDEX($D$3:$AA$30,INDEX(Jesper!$R$2:$R$366,ROW(INDEX(Jesper!AK$2:AK$366,ROUNDDOWN($C1649/24,0)+1,1))-1)+IF('Standard Profiles'!$G$21=$B$10,7,0)+IF('Standard Profiles'!$G$21=$B$17,14,0)+IF('Standard Profiles'!$G$21=$B$24,21,0),0)),0)</f>
        <v>0</v>
      </c>
      <c r="H1649" cm="1">
        <f t="array" ref="H1649">IFERROR(INDEX(Jesper!AL$2:AL$366,ROUNDDOWN($C1649/24,0)+1,1)*INDEX($D$3:$AA$30,INDEX(Jesper!$R$2:$R$366,ROW(INDEX(Jesper!AL$2:AL$366,ROUNDDOWN($C1649/24,0)+1,1))-1)+IF('Standard Profiles'!$G$22=$B$10,7,0)+IF('Standard Profiles'!$G$22=$B$17,14,0)+IF('Standard Profiles'!$G$22=$B$24,21,0),MOD($C1649,24)+1)/SUM(INDEX($D$3:$AA$30,INDEX(Jesper!$R$2:$R$366,ROW(INDEX(Jesper!AL$2:AL$366,ROUNDDOWN($C1649/24,0)+1,1))-1)+IF('Standard Profiles'!$G$22=$B$10,7,0)+IF('Standard Profiles'!$G$22=$B$17,14,0)+IF('Standard Profiles'!$G$22=$B$24,21,0),0)),0)</f>
        <v>0</v>
      </c>
      <c r="I1649">
        <f t="shared" si="195"/>
        <v>0.4477355573600143</v>
      </c>
      <c r="J1649">
        <f t="shared" si="196"/>
        <v>1.4924518578667145</v>
      </c>
      <c r="K1649">
        <f t="shared" si="197"/>
        <v>2.2386777868000713</v>
      </c>
      <c r="L1649">
        <f t="shared" si="198"/>
        <v>10.745653376640343</v>
      </c>
      <c r="M1649">
        <f t="shared" si="199"/>
        <v>0</v>
      </c>
      <c r="N1649" s="46">
        <f t="shared" si="200"/>
        <v>45359.29166666275</v>
      </c>
    </row>
    <row r="1650" spans="2:14" x14ac:dyDescent="0.3">
      <c r="B1650">
        <f t="shared" si="194"/>
        <v>5</v>
      </c>
      <c r="C1650" s="16">
        <v>1616</v>
      </c>
      <c r="D1650" cm="1">
        <f t="array" ref="D1650">IFERROR(INDEX(Jesper!AH$2:AH$366,ROUNDDOWN($C1650/24,0)+1,1)*INDEX($D$3:$AA$30,INDEX(Jesper!$R$2:$R$366,ROW(INDEX(Jesper!AH$2:AH$366,ROUNDDOWN($C1650/24,0)+1,1))-1)+IF('Standard Profiles'!$G$18=$B$10,7,0)+IF('Standard Profiles'!$G$18=$B$17,14,0)+IF('Standard Profiles'!$G$18=$B$24,21,0),MOD($C1650,24)+1)/SUM(INDEX($D$3:$AA$30,INDEX(Jesper!$R$2:$R$366,ROW(INDEX(Jesper!AH$2:AH$366,ROUNDDOWN($C1650/24,0)+1,1))-1)+IF('Standard Profiles'!$G$18=$B$10,7,0)+IF('Standard Profiles'!$G$18=$B$17,14,0)+IF('Standard Profiles'!$G$18=$B$24,21,0),0)),0)</f>
        <v>14.924518578667143</v>
      </c>
      <c r="E1650" cm="1">
        <f t="array" ref="E1650">IFERROR(INDEX(Jesper!AI$2:AI$366,ROUNDDOWN($C1650/24,0)+1,1)*INDEX($D$3:$AA$30,INDEX(Jesper!$R$2:$R$366,ROW(INDEX(Jesper!AI$2:AI$366,ROUNDDOWN($C1650/24,0)+1,1))-1)+IF('Standard Profiles'!$G$19=$B$10,7,0)+IF('Standard Profiles'!$G$19=$B$17,14,0)+IF('Standard Profiles'!$G$19=$B$24,21,0),MOD($C1650,24)+1)/SUM(INDEX($D$3:$AA$30,INDEX(Jesper!$R$2:$R$366,ROW(INDEX(Jesper!AI$2:AI$366,ROUNDDOWN($C1650/24,0)+1,1))-1)+IF('Standard Profiles'!$G$19=$B$10,7,0)+IF('Standard Profiles'!$G$19=$B$17,14,0)+IF('Standard Profiles'!$G$19=$B$24,21,0),0)),0)</f>
        <v>0</v>
      </c>
      <c r="F1650" cm="1">
        <f t="array" ref="F1650">IFERROR(INDEX(Jesper!AJ$2:AJ$366,ROUNDDOWN($C1650/24,0)+1,1)*INDEX($D$3:$AA$30,INDEX(Jesper!$R$2:$R$366,ROW(INDEX(Jesper!AJ$2:AJ$366,ROUNDDOWN($C1650/24,0)+1,1))-1)+IF('Standard Profiles'!$G$20=$B$10,7,0)+IF('Standard Profiles'!$G$20=$B$17,14,0)+IF('Standard Profiles'!$G$20=$B$24,21,0),MOD($C1650,24)+1)/SUM(INDEX($D$3:$AA$30,INDEX(Jesper!$R$2:$R$366,ROW(INDEX(Jesper!AJ$2:AJ$366,ROUNDDOWN($C1650/24,0)+1,1))-1)+IF('Standard Profiles'!$G$20=$B$10,7,0)+IF('Standard Profiles'!$G$20=$B$17,14,0)+IF('Standard Profiles'!$G$20=$B$24,21,0),0)),0)</f>
        <v>0</v>
      </c>
      <c r="G1650" cm="1">
        <f t="array" ref="G1650">IFERROR(INDEX(Jesper!AK$2:AK$366,ROUNDDOWN($C1650/24,0)+1,1)*INDEX($D$3:$AA$30,INDEX(Jesper!$R$2:$R$366,ROW(INDEX(Jesper!AK$2:AK$366,ROUNDDOWN($C1650/24,0)+1,1))-1)+IF('Standard Profiles'!$G$21=$B$10,7,0)+IF('Standard Profiles'!$G$21=$B$17,14,0)+IF('Standard Profiles'!$G$21=$B$24,21,0),MOD($C1650,24)+1)/SUM(INDEX($D$3:$AA$30,INDEX(Jesper!$R$2:$R$366,ROW(INDEX(Jesper!AK$2:AK$366,ROUNDDOWN($C1650/24,0)+1,1))-1)+IF('Standard Profiles'!$G$21=$B$10,7,0)+IF('Standard Profiles'!$G$21=$B$17,14,0)+IF('Standard Profiles'!$G$21=$B$24,21,0),0)),0)</f>
        <v>0</v>
      </c>
      <c r="H1650" cm="1">
        <f t="array" ref="H1650">IFERROR(INDEX(Jesper!AL$2:AL$366,ROUNDDOWN($C1650/24,0)+1,1)*INDEX($D$3:$AA$30,INDEX(Jesper!$R$2:$R$366,ROW(INDEX(Jesper!AL$2:AL$366,ROUNDDOWN($C1650/24,0)+1,1))-1)+IF('Standard Profiles'!$G$22=$B$10,7,0)+IF('Standard Profiles'!$G$22=$B$17,14,0)+IF('Standard Profiles'!$G$22=$B$24,21,0),MOD($C1650,24)+1)/SUM(INDEX($D$3:$AA$30,INDEX(Jesper!$R$2:$R$366,ROW(INDEX(Jesper!AL$2:AL$366,ROUNDDOWN($C1650/24,0)+1,1))-1)+IF('Standard Profiles'!$G$22=$B$10,7,0)+IF('Standard Profiles'!$G$22=$B$17,14,0)+IF('Standard Profiles'!$G$22=$B$24,21,0),0)),0)</f>
        <v>0</v>
      </c>
      <c r="I1650">
        <f t="shared" si="195"/>
        <v>0.4477355573600143</v>
      </c>
      <c r="J1650">
        <f t="shared" si="196"/>
        <v>1.4924518578667145</v>
      </c>
      <c r="K1650">
        <f t="shared" si="197"/>
        <v>2.2386777868000713</v>
      </c>
      <c r="L1650">
        <f t="shared" si="198"/>
        <v>10.745653376640343</v>
      </c>
      <c r="M1650">
        <f t="shared" si="199"/>
        <v>0</v>
      </c>
      <c r="N1650" s="46">
        <f t="shared" si="200"/>
        <v>45359.333333329414</v>
      </c>
    </row>
    <row r="1651" spans="2:14" x14ac:dyDescent="0.3">
      <c r="B1651">
        <f t="shared" si="194"/>
        <v>5</v>
      </c>
      <c r="C1651" s="16">
        <v>1617</v>
      </c>
      <c r="D1651" cm="1">
        <f t="array" ref="D1651">IFERROR(INDEX(Jesper!AH$2:AH$366,ROUNDDOWN($C1651/24,0)+1,1)*INDEX($D$3:$AA$30,INDEX(Jesper!$R$2:$R$366,ROW(INDEX(Jesper!AH$2:AH$366,ROUNDDOWN($C1651/24,0)+1,1))-1)+IF('Standard Profiles'!$G$18=$B$10,7,0)+IF('Standard Profiles'!$G$18=$B$17,14,0)+IF('Standard Profiles'!$G$18=$B$24,21,0),MOD($C1651,24)+1)/SUM(INDEX($D$3:$AA$30,INDEX(Jesper!$R$2:$R$366,ROW(INDEX(Jesper!AH$2:AH$366,ROUNDDOWN($C1651/24,0)+1,1))-1)+IF('Standard Profiles'!$G$18=$B$10,7,0)+IF('Standard Profiles'!$G$18=$B$17,14,0)+IF('Standard Profiles'!$G$18=$B$24,21,0),0)),0)</f>
        <v>15.990555620000508</v>
      </c>
      <c r="E1651" cm="1">
        <f t="array" ref="E1651">IFERROR(INDEX(Jesper!AI$2:AI$366,ROUNDDOWN($C1651/24,0)+1,1)*INDEX($D$3:$AA$30,INDEX(Jesper!$R$2:$R$366,ROW(INDEX(Jesper!AI$2:AI$366,ROUNDDOWN($C1651/24,0)+1,1))-1)+IF('Standard Profiles'!$G$19=$B$10,7,0)+IF('Standard Profiles'!$G$19=$B$17,14,0)+IF('Standard Profiles'!$G$19=$B$24,21,0),MOD($C1651,24)+1)/SUM(INDEX($D$3:$AA$30,INDEX(Jesper!$R$2:$R$366,ROW(INDEX(Jesper!AI$2:AI$366,ROUNDDOWN($C1651/24,0)+1,1))-1)+IF('Standard Profiles'!$G$19=$B$10,7,0)+IF('Standard Profiles'!$G$19=$B$17,14,0)+IF('Standard Profiles'!$G$19=$B$24,21,0),0)),0)</f>
        <v>0</v>
      </c>
      <c r="F1651" cm="1">
        <f t="array" ref="F1651">IFERROR(INDEX(Jesper!AJ$2:AJ$366,ROUNDDOWN($C1651/24,0)+1,1)*INDEX($D$3:$AA$30,INDEX(Jesper!$R$2:$R$366,ROW(INDEX(Jesper!AJ$2:AJ$366,ROUNDDOWN($C1651/24,0)+1,1))-1)+IF('Standard Profiles'!$G$20=$B$10,7,0)+IF('Standard Profiles'!$G$20=$B$17,14,0)+IF('Standard Profiles'!$G$20=$B$24,21,0),MOD($C1651,24)+1)/SUM(INDEX($D$3:$AA$30,INDEX(Jesper!$R$2:$R$366,ROW(INDEX(Jesper!AJ$2:AJ$366,ROUNDDOWN($C1651/24,0)+1,1))-1)+IF('Standard Profiles'!$G$20=$B$10,7,0)+IF('Standard Profiles'!$G$20=$B$17,14,0)+IF('Standard Profiles'!$G$20=$B$24,21,0),0)),0)</f>
        <v>0</v>
      </c>
      <c r="G1651" cm="1">
        <f t="array" ref="G1651">IFERROR(INDEX(Jesper!AK$2:AK$366,ROUNDDOWN($C1651/24,0)+1,1)*INDEX($D$3:$AA$30,INDEX(Jesper!$R$2:$R$366,ROW(INDEX(Jesper!AK$2:AK$366,ROUNDDOWN($C1651/24,0)+1,1))-1)+IF('Standard Profiles'!$G$21=$B$10,7,0)+IF('Standard Profiles'!$G$21=$B$17,14,0)+IF('Standard Profiles'!$G$21=$B$24,21,0),MOD($C1651,24)+1)/SUM(INDEX($D$3:$AA$30,INDEX(Jesper!$R$2:$R$366,ROW(INDEX(Jesper!AK$2:AK$366,ROUNDDOWN($C1651/24,0)+1,1))-1)+IF('Standard Profiles'!$G$21=$B$10,7,0)+IF('Standard Profiles'!$G$21=$B$17,14,0)+IF('Standard Profiles'!$G$21=$B$24,21,0),0)),0)</f>
        <v>0</v>
      </c>
      <c r="H1651" cm="1">
        <f t="array" ref="H1651">IFERROR(INDEX(Jesper!AL$2:AL$366,ROUNDDOWN($C1651/24,0)+1,1)*INDEX($D$3:$AA$30,INDEX(Jesper!$R$2:$R$366,ROW(INDEX(Jesper!AL$2:AL$366,ROUNDDOWN($C1651/24,0)+1,1))-1)+IF('Standard Profiles'!$G$22=$B$10,7,0)+IF('Standard Profiles'!$G$22=$B$17,14,0)+IF('Standard Profiles'!$G$22=$B$24,21,0),MOD($C1651,24)+1)/SUM(INDEX($D$3:$AA$30,INDEX(Jesper!$R$2:$R$366,ROW(INDEX(Jesper!AL$2:AL$366,ROUNDDOWN($C1651/24,0)+1,1))-1)+IF('Standard Profiles'!$G$22=$B$10,7,0)+IF('Standard Profiles'!$G$22=$B$17,14,0)+IF('Standard Profiles'!$G$22=$B$24,21,0),0)),0)</f>
        <v>0</v>
      </c>
      <c r="I1651">
        <f t="shared" si="195"/>
        <v>0.47971666860001522</v>
      </c>
      <c r="J1651">
        <f t="shared" si="196"/>
        <v>1.5990555620000508</v>
      </c>
      <c r="K1651">
        <f t="shared" si="197"/>
        <v>2.3985833430000763</v>
      </c>
      <c r="L1651">
        <f t="shared" si="198"/>
        <v>11.513200046400366</v>
      </c>
      <c r="M1651">
        <f t="shared" si="199"/>
        <v>0</v>
      </c>
      <c r="N1651" s="46">
        <f t="shared" si="200"/>
        <v>45359.374999996078</v>
      </c>
    </row>
    <row r="1652" spans="2:14" x14ac:dyDescent="0.3">
      <c r="B1652">
        <f t="shared" si="194"/>
        <v>5</v>
      </c>
      <c r="C1652" s="16">
        <v>1618</v>
      </c>
      <c r="D1652" cm="1">
        <f t="array" ref="D1652">IFERROR(INDEX(Jesper!AH$2:AH$366,ROUNDDOWN($C1652/24,0)+1,1)*INDEX($D$3:$AA$30,INDEX(Jesper!$R$2:$R$366,ROW(INDEX(Jesper!AH$2:AH$366,ROUNDDOWN($C1652/24,0)+1,1))-1)+IF('Standard Profiles'!$G$18=$B$10,7,0)+IF('Standard Profiles'!$G$18=$B$17,14,0)+IF('Standard Profiles'!$G$18=$B$24,21,0),MOD($C1652,24)+1)/SUM(INDEX($D$3:$AA$30,INDEX(Jesper!$R$2:$R$366,ROW(INDEX(Jesper!AH$2:AH$366,ROUNDDOWN($C1652/24,0)+1,1))-1)+IF('Standard Profiles'!$G$18=$B$10,7,0)+IF('Standard Profiles'!$G$18=$B$17,14,0)+IF('Standard Profiles'!$G$18=$B$24,21,0),0)),0)</f>
        <v>16.630177844800528</v>
      </c>
      <c r="E1652" cm="1">
        <f t="array" ref="E1652">IFERROR(INDEX(Jesper!AI$2:AI$366,ROUNDDOWN($C1652/24,0)+1,1)*INDEX($D$3:$AA$30,INDEX(Jesper!$R$2:$R$366,ROW(INDEX(Jesper!AI$2:AI$366,ROUNDDOWN($C1652/24,0)+1,1))-1)+IF('Standard Profiles'!$G$19=$B$10,7,0)+IF('Standard Profiles'!$G$19=$B$17,14,0)+IF('Standard Profiles'!$G$19=$B$24,21,0),MOD($C1652,24)+1)/SUM(INDEX($D$3:$AA$30,INDEX(Jesper!$R$2:$R$366,ROW(INDEX(Jesper!AI$2:AI$366,ROUNDDOWN($C1652/24,0)+1,1))-1)+IF('Standard Profiles'!$G$19=$B$10,7,0)+IF('Standard Profiles'!$G$19=$B$17,14,0)+IF('Standard Profiles'!$G$19=$B$24,21,0),0)),0)</f>
        <v>0</v>
      </c>
      <c r="F1652" cm="1">
        <f t="array" ref="F1652">IFERROR(INDEX(Jesper!AJ$2:AJ$366,ROUNDDOWN($C1652/24,0)+1,1)*INDEX($D$3:$AA$30,INDEX(Jesper!$R$2:$R$366,ROW(INDEX(Jesper!AJ$2:AJ$366,ROUNDDOWN($C1652/24,0)+1,1))-1)+IF('Standard Profiles'!$G$20=$B$10,7,0)+IF('Standard Profiles'!$G$20=$B$17,14,0)+IF('Standard Profiles'!$G$20=$B$24,21,0),MOD($C1652,24)+1)/SUM(INDEX($D$3:$AA$30,INDEX(Jesper!$R$2:$R$366,ROW(INDEX(Jesper!AJ$2:AJ$366,ROUNDDOWN($C1652/24,0)+1,1))-1)+IF('Standard Profiles'!$G$20=$B$10,7,0)+IF('Standard Profiles'!$G$20=$B$17,14,0)+IF('Standard Profiles'!$G$20=$B$24,21,0),0)),0)</f>
        <v>0</v>
      </c>
      <c r="G1652" cm="1">
        <f t="array" ref="G1652">IFERROR(INDEX(Jesper!AK$2:AK$366,ROUNDDOWN($C1652/24,0)+1,1)*INDEX($D$3:$AA$30,INDEX(Jesper!$R$2:$R$366,ROW(INDEX(Jesper!AK$2:AK$366,ROUNDDOWN($C1652/24,0)+1,1))-1)+IF('Standard Profiles'!$G$21=$B$10,7,0)+IF('Standard Profiles'!$G$21=$B$17,14,0)+IF('Standard Profiles'!$G$21=$B$24,21,0),MOD($C1652,24)+1)/SUM(INDEX($D$3:$AA$30,INDEX(Jesper!$R$2:$R$366,ROW(INDEX(Jesper!AK$2:AK$366,ROUNDDOWN($C1652/24,0)+1,1))-1)+IF('Standard Profiles'!$G$21=$B$10,7,0)+IF('Standard Profiles'!$G$21=$B$17,14,0)+IF('Standard Profiles'!$G$21=$B$24,21,0),0)),0)</f>
        <v>0</v>
      </c>
      <c r="H1652" cm="1">
        <f t="array" ref="H1652">IFERROR(INDEX(Jesper!AL$2:AL$366,ROUNDDOWN($C1652/24,0)+1,1)*INDEX($D$3:$AA$30,INDEX(Jesper!$R$2:$R$366,ROW(INDEX(Jesper!AL$2:AL$366,ROUNDDOWN($C1652/24,0)+1,1))-1)+IF('Standard Profiles'!$G$22=$B$10,7,0)+IF('Standard Profiles'!$G$22=$B$17,14,0)+IF('Standard Profiles'!$G$22=$B$24,21,0),MOD($C1652,24)+1)/SUM(INDEX($D$3:$AA$30,INDEX(Jesper!$R$2:$R$366,ROW(INDEX(Jesper!AL$2:AL$366,ROUNDDOWN($C1652/24,0)+1,1))-1)+IF('Standard Profiles'!$G$22=$B$10,7,0)+IF('Standard Profiles'!$G$22=$B$17,14,0)+IF('Standard Profiles'!$G$22=$B$24,21,0),0)),0)</f>
        <v>0</v>
      </c>
      <c r="I1652">
        <f t="shared" si="195"/>
        <v>0.49890533534401582</v>
      </c>
      <c r="J1652">
        <f t="shared" si="196"/>
        <v>1.6630177844800529</v>
      </c>
      <c r="K1652">
        <f t="shared" si="197"/>
        <v>2.4945266767200791</v>
      </c>
      <c r="L1652">
        <f t="shared" si="198"/>
        <v>11.97372804825638</v>
      </c>
      <c r="M1652">
        <f t="shared" si="199"/>
        <v>0</v>
      </c>
      <c r="N1652" s="46">
        <f t="shared" si="200"/>
        <v>45359.416666662743</v>
      </c>
    </row>
    <row r="1653" spans="2:14" x14ac:dyDescent="0.3">
      <c r="B1653">
        <f t="shared" si="194"/>
        <v>5</v>
      </c>
      <c r="C1653" s="16">
        <v>1619</v>
      </c>
      <c r="D1653" cm="1">
        <f t="array" ref="D1653">IFERROR(INDEX(Jesper!AH$2:AH$366,ROUNDDOWN($C1653/24,0)+1,1)*INDEX($D$3:$AA$30,INDEX(Jesper!$R$2:$R$366,ROW(INDEX(Jesper!AH$2:AH$366,ROUNDDOWN($C1653/24,0)+1,1))-1)+IF('Standard Profiles'!$G$18=$B$10,7,0)+IF('Standard Profiles'!$G$18=$B$17,14,0)+IF('Standard Profiles'!$G$18=$B$24,21,0),MOD($C1653,24)+1)/SUM(INDEX($D$3:$AA$30,INDEX(Jesper!$R$2:$R$366,ROW(INDEX(Jesper!AH$2:AH$366,ROUNDDOWN($C1653/24,0)+1,1))-1)+IF('Standard Profiles'!$G$18=$B$10,7,0)+IF('Standard Profiles'!$G$18=$B$17,14,0)+IF('Standard Profiles'!$G$18=$B$24,21,0),0)),0)</f>
        <v>19.18866674400061</v>
      </c>
      <c r="E1653" cm="1">
        <f t="array" ref="E1653">IFERROR(INDEX(Jesper!AI$2:AI$366,ROUNDDOWN($C1653/24,0)+1,1)*INDEX($D$3:$AA$30,INDEX(Jesper!$R$2:$R$366,ROW(INDEX(Jesper!AI$2:AI$366,ROUNDDOWN($C1653/24,0)+1,1))-1)+IF('Standard Profiles'!$G$19=$B$10,7,0)+IF('Standard Profiles'!$G$19=$B$17,14,0)+IF('Standard Profiles'!$G$19=$B$24,21,0),MOD($C1653,24)+1)/SUM(INDEX($D$3:$AA$30,INDEX(Jesper!$R$2:$R$366,ROW(INDEX(Jesper!AI$2:AI$366,ROUNDDOWN($C1653/24,0)+1,1))-1)+IF('Standard Profiles'!$G$19=$B$10,7,0)+IF('Standard Profiles'!$G$19=$B$17,14,0)+IF('Standard Profiles'!$G$19=$B$24,21,0),0)),0)</f>
        <v>0</v>
      </c>
      <c r="F1653" cm="1">
        <f t="array" ref="F1653">IFERROR(INDEX(Jesper!AJ$2:AJ$366,ROUNDDOWN($C1653/24,0)+1,1)*INDEX($D$3:$AA$30,INDEX(Jesper!$R$2:$R$366,ROW(INDEX(Jesper!AJ$2:AJ$366,ROUNDDOWN($C1653/24,0)+1,1))-1)+IF('Standard Profiles'!$G$20=$B$10,7,0)+IF('Standard Profiles'!$G$20=$B$17,14,0)+IF('Standard Profiles'!$G$20=$B$24,21,0),MOD($C1653,24)+1)/SUM(INDEX($D$3:$AA$30,INDEX(Jesper!$R$2:$R$366,ROW(INDEX(Jesper!AJ$2:AJ$366,ROUNDDOWN($C1653/24,0)+1,1))-1)+IF('Standard Profiles'!$G$20=$B$10,7,0)+IF('Standard Profiles'!$G$20=$B$17,14,0)+IF('Standard Profiles'!$G$20=$B$24,21,0),0)),0)</f>
        <v>0</v>
      </c>
      <c r="G1653" cm="1">
        <f t="array" ref="G1653">IFERROR(INDEX(Jesper!AK$2:AK$366,ROUNDDOWN($C1653/24,0)+1,1)*INDEX($D$3:$AA$30,INDEX(Jesper!$R$2:$R$366,ROW(INDEX(Jesper!AK$2:AK$366,ROUNDDOWN($C1653/24,0)+1,1))-1)+IF('Standard Profiles'!$G$21=$B$10,7,0)+IF('Standard Profiles'!$G$21=$B$17,14,0)+IF('Standard Profiles'!$G$21=$B$24,21,0),MOD($C1653,24)+1)/SUM(INDEX($D$3:$AA$30,INDEX(Jesper!$R$2:$R$366,ROW(INDEX(Jesper!AK$2:AK$366,ROUNDDOWN($C1653/24,0)+1,1))-1)+IF('Standard Profiles'!$G$21=$B$10,7,0)+IF('Standard Profiles'!$G$21=$B$17,14,0)+IF('Standard Profiles'!$G$21=$B$24,21,0),0)),0)</f>
        <v>0</v>
      </c>
      <c r="H1653" cm="1">
        <f t="array" ref="H1653">IFERROR(INDEX(Jesper!AL$2:AL$366,ROUNDDOWN($C1653/24,0)+1,1)*INDEX($D$3:$AA$30,INDEX(Jesper!$R$2:$R$366,ROW(INDEX(Jesper!AL$2:AL$366,ROUNDDOWN($C1653/24,0)+1,1))-1)+IF('Standard Profiles'!$G$22=$B$10,7,0)+IF('Standard Profiles'!$G$22=$B$17,14,0)+IF('Standard Profiles'!$G$22=$B$24,21,0),MOD($C1653,24)+1)/SUM(INDEX($D$3:$AA$30,INDEX(Jesper!$R$2:$R$366,ROW(INDEX(Jesper!AL$2:AL$366,ROUNDDOWN($C1653/24,0)+1,1))-1)+IF('Standard Profiles'!$G$22=$B$10,7,0)+IF('Standard Profiles'!$G$22=$B$17,14,0)+IF('Standard Profiles'!$G$22=$B$24,21,0),0)),0)</f>
        <v>0</v>
      </c>
      <c r="I1653">
        <f t="shared" si="195"/>
        <v>0.57566000232001824</v>
      </c>
      <c r="J1653">
        <f t="shared" si="196"/>
        <v>1.9188666744000611</v>
      </c>
      <c r="K1653">
        <f t="shared" si="197"/>
        <v>2.8783000116000914</v>
      </c>
      <c r="L1653">
        <f t="shared" si="198"/>
        <v>13.815840055680439</v>
      </c>
      <c r="M1653">
        <f t="shared" si="199"/>
        <v>0</v>
      </c>
      <c r="N1653" s="46">
        <f t="shared" si="200"/>
        <v>45359.458333329407</v>
      </c>
    </row>
    <row r="1654" spans="2:14" x14ac:dyDescent="0.3">
      <c r="B1654">
        <f t="shared" si="194"/>
        <v>5</v>
      </c>
      <c r="C1654" s="16">
        <v>1620</v>
      </c>
      <c r="D1654" cm="1">
        <f t="array" ref="D1654">IFERROR(INDEX(Jesper!AH$2:AH$366,ROUNDDOWN($C1654/24,0)+1,1)*INDEX($D$3:$AA$30,INDEX(Jesper!$R$2:$R$366,ROW(INDEX(Jesper!AH$2:AH$366,ROUNDDOWN($C1654/24,0)+1,1))-1)+IF('Standard Profiles'!$G$18=$B$10,7,0)+IF('Standard Profiles'!$G$18=$B$17,14,0)+IF('Standard Profiles'!$G$18=$B$24,21,0),MOD($C1654,24)+1)/SUM(INDEX($D$3:$AA$30,INDEX(Jesper!$R$2:$R$366,ROW(INDEX(Jesper!AH$2:AH$366,ROUNDDOWN($C1654/24,0)+1,1))-1)+IF('Standard Profiles'!$G$18=$B$10,7,0)+IF('Standard Profiles'!$G$18=$B$17,14,0)+IF('Standard Profiles'!$G$18=$B$24,21,0),0)),0)</f>
        <v>19.18866674400061</v>
      </c>
      <c r="E1654" cm="1">
        <f t="array" ref="E1654">IFERROR(INDEX(Jesper!AI$2:AI$366,ROUNDDOWN($C1654/24,0)+1,1)*INDEX($D$3:$AA$30,INDEX(Jesper!$R$2:$R$366,ROW(INDEX(Jesper!AI$2:AI$366,ROUNDDOWN($C1654/24,0)+1,1))-1)+IF('Standard Profiles'!$G$19=$B$10,7,0)+IF('Standard Profiles'!$G$19=$B$17,14,0)+IF('Standard Profiles'!$G$19=$B$24,21,0),MOD($C1654,24)+1)/SUM(INDEX($D$3:$AA$30,INDEX(Jesper!$R$2:$R$366,ROW(INDEX(Jesper!AI$2:AI$366,ROUNDDOWN($C1654/24,0)+1,1))-1)+IF('Standard Profiles'!$G$19=$B$10,7,0)+IF('Standard Profiles'!$G$19=$B$17,14,0)+IF('Standard Profiles'!$G$19=$B$24,21,0),0)),0)</f>
        <v>0</v>
      </c>
      <c r="F1654" cm="1">
        <f t="array" ref="F1654">IFERROR(INDEX(Jesper!AJ$2:AJ$366,ROUNDDOWN($C1654/24,0)+1,1)*INDEX($D$3:$AA$30,INDEX(Jesper!$R$2:$R$366,ROW(INDEX(Jesper!AJ$2:AJ$366,ROUNDDOWN($C1654/24,0)+1,1))-1)+IF('Standard Profiles'!$G$20=$B$10,7,0)+IF('Standard Profiles'!$G$20=$B$17,14,0)+IF('Standard Profiles'!$G$20=$B$24,21,0),MOD($C1654,24)+1)/SUM(INDEX($D$3:$AA$30,INDEX(Jesper!$R$2:$R$366,ROW(INDEX(Jesper!AJ$2:AJ$366,ROUNDDOWN($C1654/24,0)+1,1))-1)+IF('Standard Profiles'!$G$20=$B$10,7,0)+IF('Standard Profiles'!$G$20=$B$17,14,0)+IF('Standard Profiles'!$G$20=$B$24,21,0),0)),0)</f>
        <v>0</v>
      </c>
      <c r="G1654" cm="1">
        <f t="array" ref="G1654">IFERROR(INDEX(Jesper!AK$2:AK$366,ROUNDDOWN($C1654/24,0)+1,1)*INDEX($D$3:$AA$30,INDEX(Jesper!$R$2:$R$366,ROW(INDEX(Jesper!AK$2:AK$366,ROUNDDOWN($C1654/24,0)+1,1))-1)+IF('Standard Profiles'!$G$21=$B$10,7,0)+IF('Standard Profiles'!$G$21=$B$17,14,0)+IF('Standard Profiles'!$G$21=$B$24,21,0),MOD($C1654,24)+1)/SUM(INDEX($D$3:$AA$30,INDEX(Jesper!$R$2:$R$366,ROW(INDEX(Jesper!AK$2:AK$366,ROUNDDOWN($C1654/24,0)+1,1))-1)+IF('Standard Profiles'!$G$21=$B$10,7,0)+IF('Standard Profiles'!$G$21=$B$17,14,0)+IF('Standard Profiles'!$G$21=$B$24,21,0),0)),0)</f>
        <v>0</v>
      </c>
      <c r="H1654" cm="1">
        <f t="array" ref="H1654">IFERROR(INDEX(Jesper!AL$2:AL$366,ROUNDDOWN($C1654/24,0)+1,1)*INDEX($D$3:$AA$30,INDEX(Jesper!$R$2:$R$366,ROW(INDEX(Jesper!AL$2:AL$366,ROUNDDOWN($C1654/24,0)+1,1))-1)+IF('Standard Profiles'!$G$22=$B$10,7,0)+IF('Standard Profiles'!$G$22=$B$17,14,0)+IF('Standard Profiles'!$G$22=$B$24,21,0),MOD($C1654,24)+1)/SUM(INDEX($D$3:$AA$30,INDEX(Jesper!$R$2:$R$366,ROW(INDEX(Jesper!AL$2:AL$366,ROUNDDOWN($C1654/24,0)+1,1))-1)+IF('Standard Profiles'!$G$22=$B$10,7,0)+IF('Standard Profiles'!$G$22=$B$17,14,0)+IF('Standard Profiles'!$G$22=$B$24,21,0),0)),0)</f>
        <v>0</v>
      </c>
      <c r="I1654">
        <f t="shared" si="195"/>
        <v>0.57566000232001824</v>
      </c>
      <c r="J1654">
        <f t="shared" si="196"/>
        <v>1.9188666744000611</v>
      </c>
      <c r="K1654">
        <f t="shared" si="197"/>
        <v>2.8783000116000914</v>
      </c>
      <c r="L1654">
        <f t="shared" si="198"/>
        <v>13.815840055680439</v>
      </c>
      <c r="M1654">
        <f t="shared" si="199"/>
        <v>0</v>
      </c>
      <c r="N1654" s="46">
        <f t="shared" si="200"/>
        <v>45359.499999996071</v>
      </c>
    </row>
    <row r="1655" spans="2:14" x14ac:dyDescent="0.3">
      <c r="B1655">
        <f t="shared" si="194"/>
        <v>5</v>
      </c>
      <c r="C1655" s="16">
        <v>1621</v>
      </c>
      <c r="D1655" cm="1">
        <f t="array" ref="D1655">IFERROR(INDEX(Jesper!AH$2:AH$366,ROUNDDOWN($C1655/24,0)+1,1)*INDEX($D$3:$AA$30,INDEX(Jesper!$R$2:$R$366,ROW(INDEX(Jesper!AH$2:AH$366,ROUNDDOWN($C1655/24,0)+1,1))-1)+IF('Standard Profiles'!$G$18=$B$10,7,0)+IF('Standard Profiles'!$G$18=$B$17,14,0)+IF('Standard Profiles'!$G$18=$B$24,21,0),MOD($C1655,24)+1)/SUM(INDEX($D$3:$AA$30,INDEX(Jesper!$R$2:$R$366,ROW(INDEX(Jesper!AH$2:AH$366,ROUNDDOWN($C1655/24,0)+1,1))-1)+IF('Standard Profiles'!$G$18=$B$10,7,0)+IF('Standard Profiles'!$G$18=$B$17,14,0)+IF('Standard Profiles'!$G$18=$B$24,21,0),0)),0)</f>
        <v>19.18866674400061</v>
      </c>
      <c r="E1655" cm="1">
        <f t="array" ref="E1655">IFERROR(INDEX(Jesper!AI$2:AI$366,ROUNDDOWN($C1655/24,0)+1,1)*INDEX($D$3:$AA$30,INDEX(Jesper!$R$2:$R$366,ROW(INDEX(Jesper!AI$2:AI$366,ROUNDDOWN($C1655/24,0)+1,1))-1)+IF('Standard Profiles'!$G$19=$B$10,7,0)+IF('Standard Profiles'!$G$19=$B$17,14,0)+IF('Standard Profiles'!$G$19=$B$24,21,0),MOD($C1655,24)+1)/SUM(INDEX($D$3:$AA$30,INDEX(Jesper!$R$2:$R$366,ROW(INDEX(Jesper!AI$2:AI$366,ROUNDDOWN($C1655/24,0)+1,1))-1)+IF('Standard Profiles'!$G$19=$B$10,7,0)+IF('Standard Profiles'!$G$19=$B$17,14,0)+IF('Standard Profiles'!$G$19=$B$24,21,0),0)),0)</f>
        <v>0</v>
      </c>
      <c r="F1655" cm="1">
        <f t="array" ref="F1655">IFERROR(INDEX(Jesper!AJ$2:AJ$366,ROUNDDOWN($C1655/24,0)+1,1)*INDEX($D$3:$AA$30,INDEX(Jesper!$R$2:$R$366,ROW(INDEX(Jesper!AJ$2:AJ$366,ROUNDDOWN($C1655/24,0)+1,1))-1)+IF('Standard Profiles'!$G$20=$B$10,7,0)+IF('Standard Profiles'!$G$20=$B$17,14,0)+IF('Standard Profiles'!$G$20=$B$24,21,0),MOD($C1655,24)+1)/SUM(INDEX($D$3:$AA$30,INDEX(Jesper!$R$2:$R$366,ROW(INDEX(Jesper!AJ$2:AJ$366,ROUNDDOWN($C1655/24,0)+1,1))-1)+IF('Standard Profiles'!$G$20=$B$10,7,0)+IF('Standard Profiles'!$G$20=$B$17,14,0)+IF('Standard Profiles'!$G$20=$B$24,21,0),0)),0)</f>
        <v>0</v>
      </c>
      <c r="G1655" cm="1">
        <f t="array" ref="G1655">IFERROR(INDEX(Jesper!AK$2:AK$366,ROUNDDOWN($C1655/24,0)+1,1)*INDEX($D$3:$AA$30,INDEX(Jesper!$R$2:$R$366,ROW(INDEX(Jesper!AK$2:AK$366,ROUNDDOWN($C1655/24,0)+1,1))-1)+IF('Standard Profiles'!$G$21=$B$10,7,0)+IF('Standard Profiles'!$G$21=$B$17,14,0)+IF('Standard Profiles'!$G$21=$B$24,21,0),MOD($C1655,24)+1)/SUM(INDEX($D$3:$AA$30,INDEX(Jesper!$R$2:$R$366,ROW(INDEX(Jesper!AK$2:AK$366,ROUNDDOWN($C1655/24,0)+1,1))-1)+IF('Standard Profiles'!$G$21=$B$10,7,0)+IF('Standard Profiles'!$G$21=$B$17,14,0)+IF('Standard Profiles'!$G$21=$B$24,21,0),0)),0)</f>
        <v>0</v>
      </c>
      <c r="H1655" cm="1">
        <f t="array" ref="H1655">IFERROR(INDEX(Jesper!AL$2:AL$366,ROUNDDOWN($C1655/24,0)+1,1)*INDEX($D$3:$AA$30,INDEX(Jesper!$R$2:$R$366,ROW(INDEX(Jesper!AL$2:AL$366,ROUNDDOWN($C1655/24,0)+1,1))-1)+IF('Standard Profiles'!$G$22=$B$10,7,0)+IF('Standard Profiles'!$G$22=$B$17,14,0)+IF('Standard Profiles'!$G$22=$B$24,21,0),MOD($C1655,24)+1)/SUM(INDEX($D$3:$AA$30,INDEX(Jesper!$R$2:$R$366,ROW(INDEX(Jesper!AL$2:AL$366,ROUNDDOWN($C1655/24,0)+1,1))-1)+IF('Standard Profiles'!$G$22=$B$10,7,0)+IF('Standard Profiles'!$G$22=$B$17,14,0)+IF('Standard Profiles'!$G$22=$B$24,21,0),0)),0)</f>
        <v>0</v>
      </c>
      <c r="I1655">
        <f t="shared" si="195"/>
        <v>0.57566000232001824</v>
      </c>
      <c r="J1655">
        <f t="shared" si="196"/>
        <v>1.9188666744000611</v>
      </c>
      <c r="K1655">
        <f t="shared" si="197"/>
        <v>2.8783000116000914</v>
      </c>
      <c r="L1655">
        <f t="shared" si="198"/>
        <v>13.815840055680439</v>
      </c>
      <c r="M1655">
        <f t="shared" si="199"/>
        <v>0</v>
      </c>
      <c r="N1655" s="46">
        <f t="shared" si="200"/>
        <v>45359.541666662735</v>
      </c>
    </row>
    <row r="1656" spans="2:14" x14ac:dyDescent="0.3">
      <c r="B1656">
        <f t="shared" si="194"/>
        <v>5</v>
      </c>
      <c r="C1656" s="16">
        <v>1622</v>
      </c>
      <c r="D1656" cm="1">
        <f t="array" ref="D1656">IFERROR(INDEX(Jesper!AH$2:AH$366,ROUNDDOWN($C1656/24,0)+1,1)*INDEX($D$3:$AA$30,INDEX(Jesper!$R$2:$R$366,ROW(INDEX(Jesper!AH$2:AH$366,ROUNDDOWN($C1656/24,0)+1,1))-1)+IF('Standard Profiles'!$G$18=$B$10,7,0)+IF('Standard Profiles'!$G$18=$B$17,14,0)+IF('Standard Profiles'!$G$18=$B$24,21,0),MOD($C1656,24)+1)/SUM(INDEX($D$3:$AA$30,INDEX(Jesper!$R$2:$R$366,ROW(INDEX(Jesper!AH$2:AH$366,ROUNDDOWN($C1656/24,0)+1,1))-1)+IF('Standard Profiles'!$G$18=$B$10,7,0)+IF('Standard Profiles'!$G$18=$B$17,14,0)+IF('Standard Profiles'!$G$18=$B$24,21,0),0)),0)</f>
        <v>19.18866674400061</v>
      </c>
      <c r="E1656" cm="1">
        <f t="array" ref="E1656">IFERROR(INDEX(Jesper!AI$2:AI$366,ROUNDDOWN($C1656/24,0)+1,1)*INDEX($D$3:$AA$30,INDEX(Jesper!$R$2:$R$366,ROW(INDEX(Jesper!AI$2:AI$366,ROUNDDOWN($C1656/24,0)+1,1))-1)+IF('Standard Profiles'!$G$19=$B$10,7,0)+IF('Standard Profiles'!$G$19=$B$17,14,0)+IF('Standard Profiles'!$G$19=$B$24,21,0),MOD($C1656,24)+1)/SUM(INDEX($D$3:$AA$30,INDEX(Jesper!$R$2:$R$366,ROW(INDEX(Jesper!AI$2:AI$366,ROUNDDOWN($C1656/24,0)+1,1))-1)+IF('Standard Profiles'!$G$19=$B$10,7,0)+IF('Standard Profiles'!$G$19=$B$17,14,0)+IF('Standard Profiles'!$G$19=$B$24,21,0),0)),0)</f>
        <v>0</v>
      </c>
      <c r="F1656" cm="1">
        <f t="array" ref="F1656">IFERROR(INDEX(Jesper!AJ$2:AJ$366,ROUNDDOWN($C1656/24,0)+1,1)*INDEX($D$3:$AA$30,INDEX(Jesper!$R$2:$R$366,ROW(INDEX(Jesper!AJ$2:AJ$366,ROUNDDOWN($C1656/24,0)+1,1))-1)+IF('Standard Profiles'!$G$20=$B$10,7,0)+IF('Standard Profiles'!$G$20=$B$17,14,0)+IF('Standard Profiles'!$G$20=$B$24,21,0),MOD($C1656,24)+1)/SUM(INDEX($D$3:$AA$30,INDEX(Jesper!$R$2:$R$366,ROW(INDEX(Jesper!AJ$2:AJ$366,ROUNDDOWN($C1656/24,0)+1,1))-1)+IF('Standard Profiles'!$G$20=$B$10,7,0)+IF('Standard Profiles'!$G$20=$B$17,14,0)+IF('Standard Profiles'!$G$20=$B$24,21,0),0)),0)</f>
        <v>0</v>
      </c>
      <c r="G1656" cm="1">
        <f t="array" ref="G1656">IFERROR(INDEX(Jesper!AK$2:AK$366,ROUNDDOWN($C1656/24,0)+1,1)*INDEX($D$3:$AA$30,INDEX(Jesper!$R$2:$R$366,ROW(INDEX(Jesper!AK$2:AK$366,ROUNDDOWN($C1656/24,0)+1,1))-1)+IF('Standard Profiles'!$G$21=$B$10,7,0)+IF('Standard Profiles'!$G$21=$B$17,14,0)+IF('Standard Profiles'!$G$21=$B$24,21,0),MOD($C1656,24)+1)/SUM(INDEX($D$3:$AA$30,INDEX(Jesper!$R$2:$R$366,ROW(INDEX(Jesper!AK$2:AK$366,ROUNDDOWN($C1656/24,0)+1,1))-1)+IF('Standard Profiles'!$G$21=$B$10,7,0)+IF('Standard Profiles'!$G$21=$B$17,14,0)+IF('Standard Profiles'!$G$21=$B$24,21,0),0)),0)</f>
        <v>0</v>
      </c>
      <c r="H1656" cm="1">
        <f t="array" ref="H1656">IFERROR(INDEX(Jesper!AL$2:AL$366,ROUNDDOWN($C1656/24,0)+1,1)*INDEX($D$3:$AA$30,INDEX(Jesper!$R$2:$R$366,ROW(INDEX(Jesper!AL$2:AL$366,ROUNDDOWN($C1656/24,0)+1,1))-1)+IF('Standard Profiles'!$G$22=$B$10,7,0)+IF('Standard Profiles'!$G$22=$B$17,14,0)+IF('Standard Profiles'!$G$22=$B$24,21,0),MOD($C1656,24)+1)/SUM(INDEX($D$3:$AA$30,INDEX(Jesper!$R$2:$R$366,ROW(INDEX(Jesper!AL$2:AL$366,ROUNDDOWN($C1656/24,0)+1,1))-1)+IF('Standard Profiles'!$G$22=$B$10,7,0)+IF('Standard Profiles'!$G$22=$B$17,14,0)+IF('Standard Profiles'!$G$22=$B$24,21,0),0)),0)</f>
        <v>0</v>
      </c>
      <c r="I1656">
        <f t="shared" si="195"/>
        <v>0.57566000232001824</v>
      </c>
      <c r="J1656">
        <f t="shared" si="196"/>
        <v>1.9188666744000611</v>
      </c>
      <c r="K1656">
        <f t="shared" si="197"/>
        <v>2.8783000116000914</v>
      </c>
      <c r="L1656">
        <f t="shared" si="198"/>
        <v>13.815840055680439</v>
      </c>
      <c r="M1656">
        <f t="shared" si="199"/>
        <v>0</v>
      </c>
      <c r="N1656" s="46">
        <f t="shared" si="200"/>
        <v>45359.583333329399</v>
      </c>
    </row>
    <row r="1657" spans="2:14" x14ac:dyDescent="0.3">
      <c r="B1657">
        <f t="shared" si="194"/>
        <v>5</v>
      </c>
      <c r="C1657" s="16">
        <v>1623</v>
      </c>
      <c r="D1657" cm="1">
        <f t="array" ref="D1657">IFERROR(INDEX(Jesper!AH$2:AH$366,ROUNDDOWN($C1657/24,0)+1,1)*INDEX($D$3:$AA$30,INDEX(Jesper!$R$2:$R$366,ROW(INDEX(Jesper!AH$2:AH$366,ROUNDDOWN($C1657/24,0)+1,1))-1)+IF('Standard Profiles'!$G$18=$B$10,7,0)+IF('Standard Profiles'!$G$18=$B$17,14,0)+IF('Standard Profiles'!$G$18=$B$24,21,0),MOD($C1657,24)+1)/SUM(INDEX($D$3:$AA$30,INDEX(Jesper!$R$2:$R$366,ROW(INDEX(Jesper!AH$2:AH$366,ROUNDDOWN($C1657/24,0)+1,1))-1)+IF('Standard Profiles'!$G$18=$B$10,7,0)+IF('Standard Profiles'!$G$18=$B$17,14,0)+IF('Standard Profiles'!$G$18=$B$24,21,0),0)),0)</f>
        <v>15.990555620000508</v>
      </c>
      <c r="E1657" cm="1">
        <f t="array" ref="E1657">IFERROR(INDEX(Jesper!AI$2:AI$366,ROUNDDOWN($C1657/24,0)+1,1)*INDEX($D$3:$AA$30,INDEX(Jesper!$R$2:$R$366,ROW(INDEX(Jesper!AI$2:AI$366,ROUNDDOWN($C1657/24,0)+1,1))-1)+IF('Standard Profiles'!$G$19=$B$10,7,0)+IF('Standard Profiles'!$G$19=$B$17,14,0)+IF('Standard Profiles'!$G$19=$B$24,21,0),MOD($C1657,24)+1)/SUM(INDEX($D$3:$AA$30,INDEX(Jesper!$R$2:$R$366,ROW(INDEX(Jesper!AI$2:AI$366,ROUNDDOWN($C1657/24,0)+1,1))-1)+IF('Standard Profiles'!$G$19=$B$10,7,0)+IF('Standard Profiles'!$G$19=$B$17,14,0)+IF('Standard Profiles'!$G$19=$B$24,21,0),0)),0)</f>
        <v>0</v>
      </c>
      <c r="F1657" cm="1">
        <f t="array" ref="F1657">IFERROR(INDEX(Jesper!AJ$2:AJ$366,ROUNDDOWN($C1657/24,0)+1,1)*INDEX($D$3:$AA$30,INDEX(Jesper!$R$2:$R$366,ROW(INDEX(Jesper!AJ$2:AJ$366,ROUNDDOWN($C1657/24,0)+1,1))-1)+IF('Standard Profiles'!$G$20=$B$10,7,0)+IF('Standard Profiles'!$G$20=$B$17,14,0)+IF('Standard Profiles'!$G$20=$B$24,21,0),MOD($C1657,24)+1)/SUM(INDEX($D$3:$AA$30,INDEX(Jesper!$R$2:$R$366,ROW(INDEX(Jesper!AJ$2:AJ$366,ROUNDDOWN($C1657/24,0)+1,1))-1)+IF('Standard Profiles'!$G$20=$B$10,7,0)+IF('Standard Profiles'!$G$20=$B$17,14,0)+IF('Standard Profiles'!$G$20=$B$24,21,0),0)),0)</f>
        <v>0</v>
      </c>
      <c r="G1657" cm="1">
        <f t="array" ref="G1657">IFERROR(INDEX(Jesper!AK$2:AK$366,ROUNDDOWN($C1657/24,0)+1,1)*INDEX($D$3:$AA$30,INDEX(Jesper!$R$2:$R$366,ROW(INDEX(Jesper!AK$2:AK$366,ROUNDDOWN($C1657/24,0)+1,1))-1)+IF('Standard Profiles'!$G$21=$B$10,7,0)+IF('Standard Profiles'!$G$21=$B$17,14,0)+IF('Standard Profiles'!$G$21=$B$24,21,0),MOD($C1657,24)+1)/SUM(INDEX($D$3:$AA$30,INDEX(Jesper!$R$2:$R$366,ROW(INDEX(Jesper!AK$2:AK$366,ROUNDDOWN($C1657/24,0)+1,1))-1)+IF('Standard Profiles'!$G$21=$B$10,7,0)+IF('Standard Profiles'!$G$21=$B$17,14,0)+IF('Standard Profiles'!$G$21=$B$24,21,0),0)),0)</f>
        <v>0</v>
      </c>
      <c r="H1657" cm="1">
        <f t="array" ref="H1657">IFERROR(INDEX(Jesper!AL$2:AL$366,ROUNDDOWN($C1657/24,0)+1,1)*INDEX($D$3:$AA$30,INDEX(Jesper!$R$2:$R$366,ROW(INDEX(Jesper!AL$2:AL$366,ROUNDDOWN($C1657/24,0)+1,1))-1)+IF('Standard Profiles'!$G$22=$B$10,7,0)+IF('Standard Profiles'!$G$22=$B$17,14,0)+IF('Standard Profiles'!$G$22=$B$24,21,0),MOD($C1657,24)+1)/SUM(INDEX($D$3:$AA$30,INDEX(Jesper!$R$2:$R$366,ROW(INDEX(Jesper!AL$2:AL$366,ROUNDDOWN($C1657/24,0)+1,1))-1)+IF('Standard Profiles'!$G$22=$B$10,7,0)+IF('Standard Profiles'!$G$22=$B$17,14,0)+IF('Standard Profiles'!$G$22=$B$24,21,0),0)),0)</f>
        <v>0</v>
      </c>
      <c r="I1657">
        <f t="shared" si="195"/>
        <v>0.47971666860001522</v>
      </c>
      <c r="J1657">
        <f t="shared" si="196"/>
        <v>1.5990555620000508</v>
      </c>
      <c r="K1657">
        <f t="shared" si="197"/>
        <v>2.3985833430000763</v>
      </c>
      <c r="L1657">
        <f t="shared" si="198"/>
        <v>11.513200046400366</v>
      </c>
      <c r="M1657">
        <f t="shared" si="199"/>
        <v>0</v>
      </c>
      <c r="N1657" s="46">
        <f t="shared" si="200"/>
        <v>45359.624999996064</v>
      </c>
    </row>
    <row r="1658" spans="2:14" x14ac:dyDescent="0.3">
      <c r="B1658">
        <f t="shared" si="194"/>
        <v>5</v>
      </c>
      <c r="C1658" s="16">
        <v>1624</v>
      </c>
      <c r="D1658" cm="1">
        <f t="array" ref="D1658">IFERROR(INDEX(Jesper!AH$2:AH$366,ROUNDDOWN($C1658/24,0)+1,1)*INDEX($D$3:$AA$30,INDEX(Jesper!$R$2:$R$366,ROW(INDEX(Jesper!AH$2:AH$366,ROUNDDOWN($C1658/24,0)+1,1))-1)+IF('Standard Profiles'!$G$18=$B$10,7,0)+IF('Standard Profiles'!$G$18=$B$17,14,0)+IF('Standard Profiles'!$G$18=$B$24,21,0),MOD($C1658,24)+1)/SUM(INDEX($D$3:$AA$30,INDEX(Jesper!$R$2:$R$366,ROW(INDEX(Jesper!AH$2:AH$366,ROUNDDOWN($C1658/24,0)+1,1))-1)+IF('Standard Profiles'!$G$18=$B$10,7,0)+IF('Standard Profiles'!$G$18=$B$17,14,0)+IF('Standard Profiles'!$G$18=$B$24,21,0),0)),0)</f>
        <v>15.137725986933816</v>
      </c>
      <c r="E1658" cm="1">
        <f t="array" ref="E1658">IFERROR(INDEX(Jesper!AI$2:AI$366,ROUNDDOWN($C1658/24,0)+1,1)*INDEX($D$3:$AA$30,INDEX(Jesper!$R$2:$R$366,ROW(INDEX(Jesper!AI$2:AI$366,ROUNDDOWN($C1658/24,0)+1,1))-1)+IF('Standard Profiles'!$G$19=$B$10,7,0)+IF('Standard Profiles'!$G$19=$B$17,14,0)+IF('Standard Profiles'!$G$19=$B$24,21,0),MOD($C1658,24)+1)/SUM(INDEX($D$3:$AA$30,INDEX(Jesper!$R$2:$R$366,ROW(INDEX(Jesper!AI$2:AI$366,ROUNDDOWN($C1658/24,0)+1,1))-1)+IF('Standard Profiles'!$G$19=$B$10,7,0)+IF('Standard Profiles'!$G$19=$B$17,14,0)+IF('Standard Profiles'!$G$19=$B$24,21,0),0)),0)</f>
        <v>0</v>
      </c>
      <c r="F1658" cm="1">
        <f t="array" ref="F1658">IFERROR(INDEX(Jesper!AJ$2:AJ$366,ROUNDDOWN($C1658/24,0)+1,1)*INDEX($D$3:$AA$30,INDEX(Jesper!$R$2:$R$366,ROW(INDEX(Jesper!AJ$2:AJ$366,ROUNDDOWN($C1658/24,0)+1,1))-1)+IF('Standard Profiles'!$G$20=$B$10,7,0)+IF('Standard Profiles'!$G$20=$B$17,14,0)+IF('Standard Profiles'!$G$20=$B$24,21,0),MOD($C1658,24)+1)/SUM(INDEX($D$3:$AA$30,INDEX(Jesper!$R$2:$R$366,ROW(INDEX(Jesper!AJ$2:AJ$366,ROUNDDOWN($C1658/24,0)+1,1))-1)+IF('Standard Profiles'!$G$20=$B$10,7,0)+IF('Standard Profiles'!$G$20=$B$17,14,0)+IF('Standard Profiles'!$G$20=$B$24,21,0),0)),0)</f>
        <v>0</v>
      </c>
      <c r="G1658" cm="1">
        <f t="array" ref="G1658">IFERROR(INDEX(Jesper!AK$2:AK$366,ROUNDDOWN($C1658/24,0)+1,1)*INDEX($D$3:$AA$30,INDEX(Jesper!$R$2:$R$366,ROW(INDEX(Jesper!AK$2:AK$366,ROUNDDOWN($C1658/24,0)+1,1))-1)+IF('Standard Profiles'!$G$21=$B$10,7,0)+IF('Standard Profiles'!$G$21=$B$17,14,0)+IF('Standard Profiles'!$G$21=$B$24,21,0),MOD($C1658,24)+1)/SUM(INDEX($D$3:$AA$30,INDEX(Jesper!$R$2:$R$366,ROW(INDEX(Jesper!AK$2:AK$366,ROUNDDOWN($C1658/24,0)+1,1))-1)+IF('Standard Profiles'!$G$21=$B$10,7,0)+IF('Standard Profiles'!$G$21=$B$17,14,0)+IF('Standard Profiles'!$G$21=$B$24,21,0),0)),0)</f>
        <v>0</v>
      </c>
      <c r="H1658" cm="1">
        <f t="array" ref="H1658">IFERROR(INDEX(Jesper!AL$2:AL$366,ROUNDDOWN($C1658/24,0)+1,1)*INDEX($D$3:$AA$30,INDEX(Jesper!$R$2:$R$366,ROW(INDEX(Jesper!AL$2:AL$366,ROUNDDOWN($C1658/24,0)+1,1))-1)+IF('Standard Profiles'!$G$22=$B$10,7,0)+IF('Standard Profiles'!$G$22=$B$17,14,0)+IF('Standard Profiles'!$G$22=$B$24,21,0),MOD($C1658,24)+1)/SUM(INDEX($D$3:$AA$30,INDEX(Jesper!$R$2:$R$366,ROW(INDEX(Jesper!AL$2:AL$366,ROUNDDOWN($C1658/24,0)+1,1))-1)+IF('Standard Profiles'!$G$22=$B$10,7,0)+IF('Standard Profiles'!$G$22=$B$17,14,0)+IF('Standard Profiles'!$G$22=$B$24,21,0),0)),0)</f>
        <v>0</v>
      </c>
      <c r="I1658">
        <f t="shared" si="195"/>
        <v>0.45413177960801449</v>
      </c>
      <c r="J1658">
        <f t="shared" si="196"/>
        <v>1.5137725986933817</v>
      </c>
      <c r="K1658">
        <f t="shared" si="197"/>
        <v>2.2706588980400721</v>
      </c>
      <c r="L1658">
        <f t="shared" si="198"/>
        <v>10.899162710592346</v>
      </c>
      <c r="M1658">
        <f t="shared" si="199"/>
        <v>0</v>
      </c>
      <c r="N1658" s="46">
        <f t="shared" si="200"/>
        <v>45359.666666662728</v>
      </c>
    </row>
    <row r="1659" spans="2:14" x14ac:dyDescent="0.3">
      <c r="B1659">
        <f t="shared" si="194"/>
        <v>5</v>
      </c>
      <c r="C1659" s="16">
        <v>1625</v>
      </c>
      <c r="D1659" cm="1">
        <f t="array" ref="D1659">IFERROR(INDEX(Jesper!AH$2:AH$366,ROUNDDOWN($C1659/24,0)+1,1)*INDEX($D$3:$AA$30,INDEX(Jesper!$R$2:$R$366,ROW(INDEX(Jesper!AH$2:AH$366,ROUNDDOWN($C1659/24,0)+1,1))-1)+IF('Standard Profiles'!$G$18=$B$10,7,0)+IF('Standard Profiles'!$G$18=$B$17,14,0)+IF('Standard Profiles'!$G$18=$B$24,21,0),MOD($C1659,24)+1)/SUM(INDEX($D$3:$AA$30,INDEX(Jesper!$R$2:$R$366,ROW(INDEX(Jesper!AH$2:AH$366,ROUNDDOWN($C1659/24,0)+1,1))-1)+IF('Standard Profiles'!$G$18=$B$10,7,0)+IF('Standard Profiles'!$G$18=$B$17,14,0)+IF('Standard Profiles'!$G$18=$B$24,21,0),0)),0)</f>
        <v>15.137725986933816</v>
      </c>
      <c r="E1659" cm="1">
        <f t="array" ref="E1659">IFERROR(INDEX(Jesper!AI$2:AI$366,ROUNDDOWN($C1659/24,0)+1,1)*INDEX($D$3:$AA$30,INDEX(Jesper!$R$2:$R$366,ROW(INDEX(Jesper!AI$2:AI$366,ROUNDDOWN($C1659/24,0)+1,1))-1)+IF('Standard Profiles'!$G$19=$B$10,7,0)+IF('Standard Profiles'!$G$19=$B$17,14,0)+IF('Standard Profiles'!$G$19=$B$24,21,0),MOD($C1659,24)+1)/SUM(INDEX($D$3:$AA$30,INDEX(Jesper!$R$2:$R$366,ROW(INDEX(Jesper!AI$2:AI$366,ROUNDDOWN($C1659/24,0)+1,1))-1)+IF('Standard Profiles'!$G$19=$B$10,7,0)+IF('Standard Profiles'!$G$19=$B$17,14,0)+IF('Standard Profiles'!$G$19=$B$24,21,0),0)),0)</f>
        <v>0</v>
      </c>
      <c r="F1659" cm="1">
        <f t="array" ref="F1659">IFERROR(INDEX(Jesper!AJ$2:AJ$366,ROUNDDOWN($C1659/24,0)+1,1)*INDEX($D$3:$AA$30,INDEX(Jesper!$R$2:$R$366,ROW(INDEX(Jesper!AJ$2:AJ$366,ROUNDDOWN($C1659/24,0)+1,1))-1)+IF('Standard Profiles'!$G$20=$B$10,7,0)+IF('Standard Profiles'!$G$20=$B$17,14,0)+IF('Standard Profiles'!$G$20=$B$24,21,0),MOD($C1659,24)+1)/SUM(INDEX($D$3:$AA$30,INDEX(Jesper!$R$2:$R$366,ROW(INDEX(Jesper!AJ$2:AJ$366,ROUNDDOWN($C1659/24,0)+1,1))-1)+IF('Standard Profiles'!$G$20=$B$10,7,0)+IF('Standard Profiles'!$G$20=$B$17,14,0)+IF('Standard Profiles'!$G$20=$B$24,21,0),0)),0)</f>
        <v>0</v>
      </c>
      <c r="G1659" cm="1">
        <f t="array" ref="G1659">IFERROR(INDEX(Jesper!AK$2:AK$366,ROUNDDOWN($C1659/24,0)+1,1)*INDEX($D$3:$AA$30,INDEX(Jesper!$R$2:$R$366,ROW(INDEX(Jesper!AK$2:AK$366,ROUNDDOWN($C1659/24,0)+1,1))-1)+IF('Standard Profiles'!$G$21=$B$10,7,0)+IF('Standard Profiles'!$G$21=$B$17,14,0)+IF('Standard Profiles'!$G$21=$B$24,21,0),MOD($C1659,24)+1)/SUM(INDEX($D$3:$AA$30,INDEX(Jesper!$R$2:$R$366,ROW(INDEX(Jesper!AK$2:AK$366,ROUNDDOWN($C1659/24,0)+1,1))-1)+IF('Standard Profiles'!$G$21=$B$10,7,0)+IF('Standard Profiles'!$G$21=$B$17,14,0)+IF('Standard Profiles'!$G$21=$B$24,21,0),0)),0)</f>
        <v>0</v>
      </c>
      <c r="H1659" cm="1">
        <f t="array" ref="H1659">IFERROR(INDEX(Jesper!AL$2:AL$366,ROUNDDOWN($C1659/24,0)+1,1)*INDEX($D$3:$AA$30,INDEX(Jesper!$R$2:$R$366,ROW(INDEX(Jesper!AL$2:AL$366,ROUNDDOWN($C1659/24,0)+1,1))-1)+IF('Standard Profiles'!$G$22=$B$10,7,0)+IF('Standard Profiles'!$G$22=$B$17,14,0)+IF('Standard Profiles'!$G$22=$B$24,21,0),MOD($C1659,24)+1)/SUM(INDEX($D$3:$AA$30,INDEX(Jesper!$R$2:$R$366,ROW(INDEX(Jesper!AL$2:AL$366,ROUNDDOWN($C1659/24,0)+1,1))-1)+IF('Standard Profiles'!$G$22=$B$10,7,0)+IF('Standard Profiles'!$G$22=$B$17,14,0)+IF('Standard Profiles'!$G$22=$B$24,21,0),0)),0)</f>
        <v>0</v>
      </c>
      <c r="I1659">
        <f t="shared" si="195"/>
        <v>0.45413177960801449</v>
      </c>
      <c r="J1659">
        <f t="shared" si="196"/>
        <v>1.5137725986933817</v>
      </c>
      <c r="K1659">
        <f t="shared" si="197"/>
        <v>2.2706588980400721</v>
      </c>
      <c r="L1659">
        <f t="shared" si="198"/>
        <v>10.899162710592346</v>
      </c>
      <c r="M1659">
        <f t="shared" si="199"/>
        <v>0</v>
      </c>
      <c r="N1659" s="46">
        <f t="shared" si="200"/>
        <v>45359.708333329392</v>
      </c>
    </row>
    <row r="1660" spans="2:14" x14ac:dyDescent="0.3">
      <c r="B1660">
        <f t="shared" si="194"/>
        <v>5</v>
      </c>
      <c r="C1660" s="16">
        <v>1626</v>
      </c>
      <c r="D1660" cm="1">
        <f t="array" ref="D1660">IFERROR(INDEX(Jesper!AH$2:AH$366,ROUNDDOWN($C1660/24,0)+1,1)*INDEX($D$3:$AA$30,INDEX(Jesper!$R$2:$R$366,ROW(INDEX(Jesper!AH$2:AH$366,ROUNDDOWN($C1660/24,0)+1,1))-1)+IF('Standard Profiles'!$G$18=$B$10,7,0)+IF('Standard Profiles'!$G$18=$B$17,14,0)+IF('Standard Profiles'!$G$18=$B$24,21,0),MOD($C1660,24)+1)/SUM(INDEX($D$3:$AA$30,INDEX(Jesper!$R$2:$R$366,ROW(INDEX(Jesper!AH$2:AH$366,ROUNDDOWN($C1660/24,0)+1,1))-1)+IF('Standard Profiles'!$G$18=$B$10,7,0)+IF('Standard Profiles'!$G$18=$B$17,14,0)+IF('Standard Profiles'!$G$18=$B$24,21,0),0)),0)</f>
        <v>15.137725986933816</v>
      </c>
      <c r="E1660" cm="1">
        <f t="array" ref="E1660">IFERROR(INDEX(Jesper!AI$2:AI$366,ROUNDDOWN($C1660/24,0)+1,1)*INDEX($D$3:$AA$30,INDEX(Jesper!$R$2:$R$366,ROW(INDEX(Jesper!AI$2:AI$366,ROUNDDOWN($C1660/24,0)+1,1))-1)+IF('Standard Profiles'!$G$19=$B$10,7,0)+IF('Standard Profiles'!$G$19=$B$17,14,0)+IF('Standard Profiles'!$G$19=$B$24,21,0),MOD($C1660,24)+1)/SUM(INDEX($D$3:$AA$30,INDEX(Jesper!$R$2:$R$366,ROW(INDEX(Jesper!AI$2:AI$366,ROUNDDOWN($C1660/24,0)+1,1))-1)+IF('Standard Profiles'!$G$19=$B$10,7,0)+IF('Standard Profiles'!$G$19=$B$17,14,0)+IF('Standard Profiles'!$G$19=$B$24,21,0),0)),0)</f>
        <v>0</v>
      </c>
      <c r="F1660" cm="1">
        <f t="array" ref="F1660">IFERROR(INDEX(Jesper!AJ$2:AJ$366,ROUNDDOWN($C1660/24,0)+1,1)*INDEX($D$3:$AA$30,INDEX(Jesper!$R$2:$R$366,ROW(INDEX(Jesper!AJ$2:AJ$366,ROUNDDOWN($C1660/24,0)+1,1))-1)+IF('Standard Profiles'!$G$20=$B$10,7,0)+IF('Standard Profiles'!$G$20=$B$17,14,0)+IF('Standard Profiles'!$G$20=$B$24,21,0),MOD($C1660,24)+1)/SUM(INDEX($D$3:$AA$30,INDEX(Jesper!$R$2:$R$366,ROW(INDEX(Jesper!AJ$2:AJ$366,ROUNDDOWN($C1660/24,0)+1,1))-1)+IF('Standard Profiles'!$G$20=$B$10,7,0)+IF('Standard Profiles'!$G$20=$B$17,14,0)+IF('Standard Profiles'!$G$20=$B$24,21,0),0)),0)</f>
        <v>0</v>
      </c>
      <c r="G1660" cm="1">
        <f t="array" ref="G1660">IFERROR(INDEX(Jesper!AK$2:AK$366,ROUNDDOWN($C1660/24,0)+1,1)*INDEX($D$3:$AA$30,INDEX(Jesper!$R$2:$R$366,ROW(INDEX(Jesper!AK$2:AK$366,ROUNDDOWN($C1660/24,0)+1,1))-1)+IF('Standard Profiles'!$G$21=$B$10,7,0)+IF('Standard Profiles'!$G$21=$B$17,14,0)+IF('Standard Profiles'!$G$21=$B$24,21,0),MOD($C1660,24)+1)/SUM(INDEX($D$3:$AA$30,INDEX(Jesper!$R$2:$R$366,ROW(INDEX(Jesper!AK$2:AK$366,ROUNDDOWN($C1660/24,0)+1,1))-1)+IF('Standard Profiles'!$G$21=$B$10,7,0)+IF('Standard Profiles'!$G$21=$B$17,14,0)+IF('Standard Profiles'!$G$21=$B$24,21,0),0)),0)</f>
        <v>0</v>
      </c>
      <c r="H1660" cm="1">
        <f t="array" ref="H1660">IFERROR(INDEX(Jesper!AL$2:AL$366,ROUNDDOWN($C1660/24,0)+1,1)*INDEX($D$3:$AA$30,INDEX(Jesper!$R$2:$R$366,ROW(INDEX(Jesper!AL$2:AL$366,ROUNDDOWN($C1660/24,0)+1,1))-1)+IF('Standard Profiles'!$G$22=$B$10,7,0)+IF('Standard Profiles'!$G$22=$B$17,14,0)+IF('Standard Profiles'!$G$22=$B$24,21,0),MOD($C1660,24)+1)/SUM(INDEX($D$3:$AA$30,INDEX(Jesper!$R$2:$R$366,ROW(INDEX(Jesper!AL$2:AL$366,ROUNDDOWN($C1660/24,0)+1,1))-1)+IF('Standard Profiles'!$G$22=$B$10,7,0)+IF('Standard Profiles'!$G$22=$B$17,14,0)+IF('Standard Profiles'!$G$22=$B$24,21,0),0)),0)</f>
        <v>0</v>
      </c>
      <c r="I1660">
        <f t="shared" si="195"/>
        <v>0.45413177960801449</v>
      </c>
      <c r="J1660">
        <f t="shared" si="196"/>
        <v>1.5137725986933817</v>
      </c>
      <c r="K1660">
        <f t="shared" si="197"/>
        <v>2.2706588980400721</v>
      </c>
      <c r="L1660">
        <f t="shared" si="198"/>
        <v>10.899162710592346</v>
      </c>
      <c r="M1660">
        <f t="shared" si="199"/>
        <v>0</v>
      </c>
      <c r="N1660" s="46">
        <f t="shared" si="200"/>
        <v>45359.749999996056</v>
      </c>
    </row>
    <row r="1661" spans="2:14" x14ac:dyDescent="0.3">
      <c r="B1661">
        <f t="shared" si="194"/>
        <v>5</v>
      </c>
      <c r="C1661" s="16">
        <v>1627</v>
      </c>
      <c r="D1661" cm="1">
        <f t="array" ref="D1661">IFERROR(INDEX(Jesper!AH$2:AH$366,ROUNDDOWN($C1661/24,0)+1,1)*INDEX($D$3:$AA$30,INDEX(Jesper!$R$2:$R$366,ROW(INDEX(Jesper!AH$2:AH$366,ROUNDDOWN($C1661/24,0)+1,1))-1)+IF('Standard Profiles'!$G$18=$B$10,7,0)+IF('Standard Profiles'!$G$18=$B$17,14,0)+IF('Standard Profiles'!$G$18=$B$24,21,0),MOD($C1661,24)+1)/SUM(INDEX($D$3:$AA$30,INDEX(Jesper!$R$2:$R$366,ROW(INDEX(Jesper!AH$2:AH$366,ROUNDDOWN($C1661/24,0)+1,1))-1)+IF('Standard Profiles'!$G$18=$B$10,7,0)+IF('Standard Profiles'!$G$18=$B$17,14,0)+IF('Standard Profiles'!$G$18=$B$24,21,0),0)),0)</f>
        <v>15.137725986933816</v>
      </c>
      <c r="E1661" cm="1">
        <f t="array" ref="E1661">IFERROR(INDEX(Jesper!AI$2:AI$366,ROUNDDOWN($C1661/24,0)+1,1)*INDEX($D$3:$AA$30,INDEX(Jesper!$R$2:$R$366,ROW(INDEX(Jesper!AI$2:AI$366,ROUNDDOWN($C1661/24,0)+1,1))-1)+IF('Standard Profiles'!$G$19=$B$10,7,0)+IF('Standard Profiles'!$G$19=$B$17,14,0)+IF('Standard Profiles'!$G$19=$B$24,21,0),MOD($C1661,24)+1)/SUM(INDEX($D$3:$AA$30,INDEX(Jesper!$R$2:$R$366,ROW(INDEX(Jesper!AI$2:AI$366,ROUNDDOWN($C1661/24,0)+1,1))-1)+IF('Standard Profiles'!$G$19=$B$10,7,0)+IF('Standard Profiles'!$G$19=$B$17,14,0)+IF('Standard Profiles'!$G$19=$B$24,21,0),0)),0)</f>
        <v>0</v>
      </c>
      <c r="F1661" cm="1">
        <f t="array" ref="F1661">IFERROR(INDEX(Jesper!AJ$2:AJ$366,ROUNDDOWN($C1661/24,0)+1,1)*INDEX($D$3:$AA$30,INDEX(Jesper!$R$2:$R$366,ROW(INDEX(Jesper!AJ$2:AJ$366,ROUNDDOWN($C1661/24,0)+1,1))-1)+IF('Standard Profiles'!$G$20=$B$10,7,0)+IF('Standard Profiles'!$G$20=$B$17,14,0)+IF('Standard Profiles'!$G$20=$B$24,21,0),MOD($C1661,24)+1)/SUM(INDEX($D$3:$AA$30,INDEX(Jesper!$R$2:$R$366,ROW(INDEX(Jesper!AJ$2:AJ$366,ROUNDDOWN($C1661/24,0)+1,1))-1)+IF('Standard Profiles'!$G$20=$B$10,7,0)+IF('Standard Profiles'!$G$20=$B$17,14,0)+IF('Standard Profiles'!$G$20=$B$24,21,0),0)),0)</f>
        <v>0</v>
      </c>
      <c r="G1661" cm="1">
        <f t="array" ref="G1661">IFERROR(INDEX(Jesper!AK$2:AK$366,ROUNDDOWN($C1661/24,0)+1,1)*INDEX($D$3:$AA$30,INDEX(Jesper!$R$2:$R$366,ROW(INDEX(Jesper!AK$2:AK$366,ROUNDDOWN($C1661/24,0)+1,1))-1)+IF('Standard Profiles'!$G$21=$B$10,7,0)+IF('Standard Profiles'!$G$21=$B$17,14,0)+IF('Standard Profiles'!$G$21=$B$24,21,0),MOD($C1661,24)+1)/SUM(INDEX($D$3:$AA$30,INDEX(Jesper!$R$2:$R$366,ROW(INDEX(Jesper!AK$2:AK$366,ROUNDDOWN($C1661/24,0)+1,1))-1)+IF('Standard Profiles'!$G$21=$B$10,7,0)+IF('Standard Profiles'!$G$21=$B$17,14,0)+IF('Standard Profiles'!$G$21=$B$24,21,0),0)),0)</f>
        <v>0</v>
      </c>
      <c r="H1661" cm="1">
        <f t="array" ref="H1661">IFERROR(INDEX(Jesper!AL$2:AL$366,ROUNDDOWN($C1661/24,0)+1,1)*INDEX($D$3:$AA$30,INDEX(Jesper!$R$2:$R$366,ROW(INDEX(Jesper!AL$2:AL$366,ROUNDDOWN($C1661/24,0)+1,1))-1)+IF('Standard Profiles'!$G$22=$B$10,7,0)+IF('Standard Profiles'!$G$22=$B$17,14,0)+IF('Standard Profiles'!$G$22=$B$24,21,0),MOD($C1661,24)+1)/SUM(INDEX($D$3:$AA$30,INDEX(Jesper!$R$2:$R$366,ROW(INDEX(Jesper!AL$2:AL$366,ROUNDDOWN($C1661/24,0)+1,1))-1)+IF('Standard Profiles'!$G$22=$B$10,7,0)+IF('Standard Profiles'!$G$22=$B$17,14,0)+IF('Standard Profiles'!$G$22=$B$24,21,0),0)),0)</f>
        <v>0</v>
      </c>
      <c r="I1661">
        <f t="shared" si="195"/>
        <v>0.45413177960801449</v>
      </c>
      <c r="J1661">
        <f t="shared" si="196"/>
        <v>1.5137725986933817</v>
      </c>
      <c r="K1661">
        <f t="shared" si="197"/>
        <v>2.2706588980400721</v>
      </c>
      <c r="L1661">
        <f t="shared" si="198"/>
        <v>10.899162710592346</v>
      </c>
      <c r="M1661">
        <f t="shared" si="199"/>
        <v>0</v>
      </c>
      <c r="N1661" s="46">
        <f t="shared" si="200"/>
        <v>45359.791666662721</v>
      </c>
    </row>
    <row r="1662" spans="2:14" x14ac:dyDescent="0.3">
      <c r="B1662">
        <f t="shared" si="194"/>
        <v>5</v>
      </c>
      <c r="C1662" s="16">
        <v>1628</v>
      </c>
      <c r="D1662" cm="1">
        <f t="array" ref="D1662">IFERROR(INDEX(Jesper!AH$2:AH$366,ROUNDDOWN($C1662/24,0)+1,1)*INDEX($D$3:$AA$30,INDEX(Jesper!$R$2:$R$366,ROW(INDEX(Jesper!AH$2:AH$366,ROUNDDOWN($C1662/24,0)+1,1))-1)+IF('Standard Profiles'!$G$18=$B$10,7,0)+IF('Standard Profiles'!$G$18=$B$17,14,0)+IF('Standard Profiles'!$G$18=$B$24,21,0),MOD($C1662,24)+1)/SUM(INDEX($D$3:$AA$30,INDEX(Jesper!$R$2:$R$366,ROW(INDEX(Jesper!AH$2:AH$366,ROUNDDOWN($C1662/24,0)+1,1))-1)+IF('Standard Profiles'!$G$18=$B$10,7,0)+IF('Standard Profiles'!$G$18=$B$17,14,0)+IF('Standard Profiles'!$G$18=$B$24,21,0),0)),0)</f>
        <v>11.72640745466704</v>
      </c>
      <c r="E1662" cm="1">
        <f t="array" ref="E1662">IFERROR(INDEX(Jesper!AI$2:AI$366,ROUNDDOWN($C1662/24,0)+1,1)*INDEX($D$3:$AA$30,INDEX(Jesper!$R$2:$R$366,ROW(INDEX(Jesper!AI$2:AI$366,ROUNDDOWN($C1662/24,0)+1,1))-1)+IF('Standard Profiles'!$G$19=$B$10,7,0)+IF('Standard Profiles'!$G$19=$B$17,14,0)+IF('Standard Profiles'!$G$19=$B$24,21,0),MOD($C1662,24)+1)/SUM(INDEX($D$3:$AA$30,INDEX(Jesper!$R$2:$R$366,ROW(INDEX(Jesper!AI$2:AI$366,ROUNDDOWN($C1662/24,0)+1,1))-1)+IF('Standard Profiles'!$G$19=$B$10,7,0)+IF('Standard Profiles'!$G$19=$B$17,14,0)+IF('Standard Profiles'!$G$19=$B$24,21,0),0)),0)</f>
        <v>0</v>
      </c>
      <c r="F1662" cm="1">
        <f t="array" ref="F1662">IFERROR(INDEX(Jesper!AJ$2:AJ$366,ROUNDDOWN($C1662/24,0)+1,1)*INDEX($D$3:$AA$30,INDEX(Jesper!$R$2:$R$366,ROW(INDEX(Jesper!AJ$2:AJ$366,ROUNDDOWN($C1662/24,0)+1,1))-1)+IF('Standard Profiles'!$G$20=$B$10,7,0)+IF('Standard Profiles'!$G$20=$B$17,14,0)+IF('Standard Profiles'!$G$20=$B$24,21,0),MOD($C1662,24)+1)/SUM(INDEX($D$3:$AA$30,INDEX(Jesper!$R$2:$R$366,ROW(INDEX(Jesper!AJ$2:AJ$366,ROUNDDOWN($C1662/24,0)+1,1))-1)+IF('Standard Profiles'!$G$20=$B$10,7,0)+IF('Standard Profiles'!$G$20=$B$17,14,0)+IF('Standard Profiles'!$G$20=$B$24,21,0),0)),0)</f>
        <v>0</v>
      </c>
      <c r="G1662" cm="1">
        <f t="array" ref="G1662">IFERROR(INDEX(Jesper!AK$2:AK$366,ROUNDDOWN($C1662/24,0)+1,1)*INDEX($D$3:$AA$30,INDEX(Jesper!$R$2:$R$366,ROW(INDEX(Jesper!AK$2:AK$366,ROUNDDOWN($C1662/24,0)+1,1))-1)+IF('Standard Profiles'!$G$21=$B$10,7,0)+IF('Standard Profiles'!$G$21=$B$17,14,0)+IF('Standard Profiles'!$G$21=$B$24,21,0),MOD($C1662,24)+1)/SUM(INDEX($D$3:$AA$30,INDEX(Jesper!$R$2:$R$366,ROW(INDEX(Jesper!AK$2:AK$366,ROUNDDOWN($C1662/24,0)+1,1))-1)+IF('Standard Profiles'!$G$21=$B$10,7,0)+IF('Standard Profiles'!$G$21=$B$17,14,0)+IF('Standard Profiles'!$G$21=$B$24,21,0),0)),0)</f>
        <v>0</v>
      </c>
      <c r="H1662" cm="1">
        <f t="array" ref="H1662">IFERROR(INDEX(Jesper!AL$2:AL$366,ROUNDDOWN($C1662/24,0)+1,1)*INDEX($D$3:$AA$30,INDEX(Jesper!$R$2:$R$366,ROW(INDEX(Jesper!AL$2:AL$366,ROUNDDOWN($C1662/24,0)+1,1))-1)+IF('Standard Profiles'!$G$22=$B$10,7,0)+IF('Standard Profiles'!$G$22=$B$17,14,0)+IF('Standard Profiles'!$G$22=$B$24,21,0),MOD($C1662,24)+1)/SUM(INDEX($D$3:$AA$30,INDEX(Jesper!$R$2:$R$366,ROW(INDEX(Jesper!AL$2:AL$366,ROUNDDOWN($C1662/24,0)+1,1))-1)+IF('Standard Profiles'!$G$22=$B$10,7,0)+IF('Standard Profiles'!$G$22=$B$17,14,0)+IF('Standard Profiles'!$G$22=$B$24,21,0),0)),0)</f>
        <v>0</v>
      </c>
      <c r="I1662">
        <f t="shared" si="195"/>
        <v>0.35179222364001117</v>
      </c>
      <c r="J1662">
        <f t="shared" si="196"/>
        <v>1.172640745466704</v>
      </c>
      <c r="K1662">
        <f t="shared" si="197"/>
        <v>1.758961118200056</v>
      </c>
      <c r="L1662">
        <f t="shared" si="198"/>
        <v>8.443013367360269</v>
      </c>
      <c r="M1662">
        <f t="shared" si="199"/>
        <v>0</v>
      </c>
      <c r="N1662" s="46">
        <f t="shared" si="200"/>
        <v>45359.833333329385</v>
      </c>
    </row>
    <row r="1663" spans="2:14" x14ac:dyDescent="0.3">
      <c r="B1663">
        <f t="shared" si="194"/>
        <v>5</v>
      </c>
      <c r="C1663" s="16">
        <v>1629</v>
      </c>
      <c r="D1663" cm="1">
        <f t="array" ref="D1663">IFERROR(INDEX(Jesper!AH$2:AH$366,ROUNDDOWN($C1663/24,0)+1,1)*INDEX($D$3:$AA$30,INDEX(Jesper!$R$2:$R$366,ROW(INDEX(Jesper!AH$2:AH$366,ROUNDDOWN($C1663/24,0)+1,1))-1)+IF('Standard Profiles'!$G$18=$B$10,7,0)+IF('Standard Profiles'!$G$18=$B$17,14,0)+IF('Standard Profiles'!$G$18=$B$24,21,0),MOD($C1663,24)+1)/SUM(INDEX($D$3:$AA$30,INDEX(Jesper!$R$2:$R$366,ROW(INDEX(Jesper!AH$2:AH$366,ROUNDDOWN($C1663/24,0)+1,1))-1)+IF('Standard Profiles'!$G$18=$B$10,7,0)+IF('Standard Profiles'!$G$18=$B$17,14,0)+IF('Standard Profiles'!$G$18=$B$24,21,0),0)),0)</f>
        <v>4.4773555736001427</v>
      </c>
      <c r="E1663" cm="1">
        <f t="array" ref="E1663">IFERROR(INDEX(Jesper!AI$2:AI$366,ROUNDDOWN($C1663/24,0)+1,1)*INDEX($D$3:$AA$30,INDEX(Jesper!$R$2:$R$366,ROW(INDEX(Jesper!AI$2:AI$366,ROUNDDOWN($C1663/24,0)+1,1))-1)+IF('Standard Profiles'!$G$19=$B$10,7,0)+IF('Standard Profiles'!$G$19=$B$17,14,0)+IF('Standard Profiles'!$G$19=$B$24,21,0),MOD($C1663,24)+1)/SUM(INDEX($D$3:$AA$30,INDEX(Jesper!$R$2:$R$366,ROW(INDEX(Jesper!AI$2:AI$366,ROUNDDOWN($C1663/24,0)+1,1))-1)+IF('Standard Profiles'!$G$19=$B$10,7,0)+IF('Standard Profiles'!$G$19=$B$17,14,0)+IF('Standard Profiles'!$G$19=$B$24,21,0),0)),0)</f>
        <v>0</v>
      </c>
      <c r="F1663" cm="1">
        <f t="array" ref="F1663">IFERROR(INDEX(Jesper!AJ$2:AJ$366,ROUNDDOWN($C1663/24,0)+1,1)*INDEX($D$3:$AA$30,INDEX(Jesper!$R$2:$R$366,ROW(INDEX(Jesper!AJ$2:AJ$366,ROUNDDOWN($C1663/24,0)+1,1))-1)+IF('Standard Profiles'!$G$20=$B$10,7,0)+IF('Standard Profiles'!$G$20=$B$17,14,0)+IF('Standard Profiles'!$G$20=$B$24,21,0),MOD($C1663,24)+1)/SUM(INDEX($D$3:$AA$30,INDEX(Jesper!$R$2:$R$366,ROW(INDEX(Jesper!AJ$2:AJ$366,ROUNDDOWN($C1663/24,0)+1,1))-1)+IF('Standard Profiles'!$G$20=$B$10,7,0)+IF('Standard Profiles'!$G$20=$B$17,14,0)+IF('Standard Profiles'!$G$20=$B$24,21,0),0)),0)</f>
        <v>0</v>
      </c>
      <c r="G1663" cm="1">
        <f t="array" ref="G1663">IFERROR(INDEX(Jesper!AK$2:AK$366,ROUNDDOWN($C1663/24,0)+1,1)*INDEX($D$3:$AA$30,INDEX(Jesper!$R$2:$R$366,ROW(INDEX(Jesper!AK$2:AK$366,ROUNDDOWN($C1663/24,0)+1,1))-1)+IF('Standard Profiles'!$G$21=$B$10,7,0)+IF('Standard Profiles'!$G$21=$B$17,14,0)+IF('Standard Profiles'!$G$21=$B$24,21,0),MOD($C1663,24)+1)/SUM(INDEX($D$3:$AA$30,INDEX(Jesper!$R$2:$R$366,ROW(INDEX(Jesper!AK$2:AK$366,ROUNDDOWN($C1663/24,0)+1,1))-1)+IF('Standard Profiles'!$G$21=$B$10,7,0)+IF('Standard Profiles'!$G$21=$B$17,14,0)+IF('Standard Profiles'!$G$21=$B$24,21,0),0)),0)</f>
        <v>0</v>
      </c>
      <c r="H1663" cm="1">
        <f t="array" ref="H1663">IFERROR(INDEX(Jesper!AL$2:AL$366,ROUNDDOWN($C1663/24,0)+1,1)*INDEX($D$3:$AA$30,INDEX(Jesper!$R$2:$R$366,ROW(INDEX(Jesper!AL$2:AL$366,ROUNDDOWN($C1663/24,0)+1,1))-1)+IF('Standard Profiles'!$G$22=$B$10,7,0)+IF('Standard Profiles'!$G$22=$B$17,14,0)+IF('Standard Profiles'!$G$22=$B$24,21,0),MOD($C1663,24)+1)/SUM(INDEX($D$3:$AA$30,INDEX(Jesper!$R$2:$R$366,ROW(INDEX(Jesper!AL$2:AL$366,ROUNDDOWN($C1663/24,0)+1,1))-1)+IF('Standard Profiles'!$G$22=$B$10,7,0)+IF('Standard Profiles'!$G$22=$B$17,14,0)+IF('Standard Profiles'!$G$22=$B$24,21,0),0)),0)</f>
        <v>0</v>
      </c>
      <c r="I1663">
        <f t="shared" si="195"/>
        <v>0.13432066720800429</v>
      </c>
      <c r="J1663">
        <f t="shared" si="196"/>
        <v>0.4477355573600143</v>
      </c>
      <c r="K1663">
        <f t="shared" si="197"/>
        <v>0.67160333604002143</v>
      </c>
      <c r="L1663">
        <f t="shared" si="198"/>
        <v>3.2236960129921024</v>
      </c>
      <c r="M1663">
        <f t="shared" si="199"/>
        <v>0</v>
      </c>
      <c r="N1663" s="46">
        <f t="shared" si="200"/>
        <v>45359.874999996049</v>
      </c>
    </row>
    <row r="1664" spans="2:14" x14ac:dyDescent="0.3">
      <c r="B1664">
        <f t="shared" si="194"/>
        <v>5</v>
      </c>
      <c r="C1664" s="16">
        <v>1630</v>
      </c>
      <c r="D1664" cm="1">
        <f t="array" ref="D1664">IFERROR(INDEX(Jesper!AH$2:AH$366,ROUNDDOWN($C1664/24,0)+1,1)*INDEX($D$3:$AA$30,INDEX(Jesper!$R$2:$R$366,ROW(INDEX(Jesper!AH$2:AH$366,ROUNDDOWN($C1664/24,0)+1,1))-1)+IF('Standard Profiles'!$G$18=$B$10,7,0)+IF('Standard Profiles'!$G$18=$B$17,14,0)+IF('Standard Profiles'!$G$18=$B$24,21,0),MOD($C1664,24)+1)/SUM(INDEX($D$3:$AA$30,INDEX(Jesper!$R$2:$R$366,ROW(INDEX(Jesper!AH$2:AH$366,ROUNDDOWN($C1664/24,0)+1,1))-1)+IF('Standard Profiles'!$G$18=$B$10,7,0)+IF('Standard Profiles'!$G$18=$B$17,14,0)+IF('Standard Profiles'!$G$18=$B$24,21,0),0)),0)</f>
        <v>4.4773555736001427</v>
      </c>
      <c r="E1664" cm="1">
        <f t="array" ref="E1664">IFERROR(INDEX(Jesper!AI$2:AI$366,ROUNDDOWN($C1664/24,0)+1,1)*INDEX($D$3:$AA$30,INDEX(Jesper!$R$2:$R$366,ROW(INDEX(Jesper!AI$2:AI$366,ROUNDDOWN($C1664/24,0)+1,1))-1)+IF('Standard Profiles'!$G$19=$B$10,7,0)+IF('Standard Profiles'!$G$19=$B$17,14,0)+IF('Standard Profiles'!$G$19=$B$24,21,0),MOD($C1664,24)+1)/SUM(INDEX($D$3:$AA$30,INDEX(Jesper!$R$2:$R$366,ROW(INDEX(Jesper!AI$2:AI$366,ROUNDDOWN($C1664/24,0)+1,1))-1)+IF('Standard Profiles'!$G$19=$B$10,7,0)+IF('Standard Profiles'!$G$19=$B$17,14,0)+IF('Standard Profiles'!$G$19=$B$24,21,0),0)),0)</f>
        <v>0</v>
      </c>
      <c r="F1664" cm="1">
        <f t="array" ref="F1664">IFERROR(INDEX(Jesper!AJ$2:AJ$366,ROUNDDOWN($C1664/24,0)+1,1)*INDEX($D$3:$AA$30,INDEX(Jesper!$R$2:$R$366,ROW(INDEX(Jesper!AJ$2:AJ$366,ROUNDDOWN($C1664/24,0)+1,1))-1)+IF('Standard Profiles'!$G$20=$B$10,7,0)+IF('Standard Profiles'!$G$20=$B$17,14,0)+IF('Standard Profiles'!$G$20=$B$24,21,0),MOD($C1664,24)+1)/SUM(INDEX($D$3:$AA$30,INDEX(Jesper!$R$2:$R$366,ROW(INDEX(Jesper!AJ$2:AJ$366,ROUNDDOWN($C1664/24,0)+1,1))-1)+IF('Standard Profiles'!$G$20=$B$10,7,0)+IF('Standard Profiles'!$G$20=$B$17,14,0)+IF('Standard Profiles'!$G$20=$B$24,21,0),0)),0)</f>
        <v>0</v>
      </c>
      <c r="G1664" cm="1">
        <f t="array" ref="G1664">IFERROR(INDEX(Jesper!AK$2:AK$366,ROUNDDOWN($C1664/24,0)+1,1)*INDEX($D$3:$AA$30,INDEX(Jesper!$R$2:$R$366,ROW(INDEX(Jesper!AK$2:AK$366,ROUNDDOWN($C1664/24,0)+1,1))-1)+IF('Standard Profiles'!$G$21=$B$10,7,0)+IF('Standard Profiles'!$G$21=$B$17,14,0)+IF('Standard Profiles'!$G$21=$B$24,21,0),MOD($C1664,24)+1)/SUM(INDEX($D$3:$AA$30,INDEX(Jesper!$R$2:$R$366,ROW(INDEX(Jesper!AK$2:AK$366,ROUNDDOWN($C1664/24,0)+1,1))-1)+IF('Standard Profiles'!$G$21=$B$10,7,0)+IF('Standard Profiles'!$G$21=$B$17,14,0)+IF('Standard Profiles'!$G$21=$B$24,21,0),0)),0)</f>
        <v>0</v>
      </c>
      <c r="H1664" cm="1">
        <f t="array" ref="H1664">IFERROR(INDEX(Jesper!AL$2:AL$366,ROUNDDOWN($C1664/24,0)+1,1)*INDEX($D$3:$AA$30,INDEX(Jesper!$R$2:$R$366,ROW(INDEX(Jesper!AL$2:AL$366,ROUNDDOWN($C1664/24,0)+1,1))-1)+IF('Standard Profiles'!$G$22=$B$10,7,0)+IF('Standard Profiles'!$G$22=$B$17,14,0)+IF('Standard Profiles'!$G$22=$B$24,21,0),MOD($C1664,24)+1)/SUM(INDEX($D$3:$AA$30,INDEX(Jesper!$R$2:$R$366,ROW(INDEX(Jesper!AL$2:AL$366,ROUNDDOWN($C1664/24,0)+1,1))-1)+IF('Standard Profiles'!$G$22=$B$10,7,0)+IF('Standard Profiles'!$G$22=$B$17,14,0)+IF('Standard Profiles'!$G$22=$B$24,21,0),0)),0)</f>
        <v>0</v>
      </c>
      <c r="I1664">
        <f t="shared" si="195"/>
        <v>0.13432066720800429</v>
      </c>
      <c r="J1664">
        <f t="shared" si="196"/>
        <v>0.4477355573600143</v>
      </c>
      <c r="K1664">
        <f t="shared" si="197"/>
        <v>0.67160333604002143</v>
      </c>
      <c r="L1664">
        <f t="shared" si="198"/>
        <v>3.2236960129921024</v>
      </c>
      <c r="M1664">
        <f t="shared" si="199"/>
        <v>0</v>
      </c>
      <c r="N1664" s="46">
        <f t="shared" si="200"/>
        <v>45359.916666662713</v>
      </c>
    </row>
    <row r="1665" spans="2:14" x14ac:dyDescent="0.3">
      <c r="B1665">
        <f t="shared" si="194"/>
        <v>5</v>
      </c>
      <c r="C1665" s="16">
        <v>1631</v>
      </c>
      <c r="D1665" cm="1">
        <f t="array" ref="D1665">IFERROR(INDEX(Jesper!AH$2:AH$366,ROUNDDOWN($C1665/24,0)+1,1)*INDEX($D$3:$AA$30,INDEX(Jesper!$R$2:$R$366,ROW(INDEX(Jesper!AH$2:AH$366,ROUNDDOWN($C1665/24,0)+1,1))-1)+IF('Standard Profiles'!$G$18=$B$10,7,0)+IF('Standard Profiles'!$G$18=$B$17,14,0)+IF('Standard Profiles'!$G$18=$B$24,21,0),MOD($C1665,24)+1)/SUM(INDEX($D$3:$AA$30,INDEX(Jesper!$R$2:$R$366,ROW(INDEX(Jesper!AH$2:AH$366,ROUNDDOWN($C1665/24,0)+1,1))-1)+IF('Standard Profiles'!$G$18=$B$10,7,0)+IF('Standard Profiles'!$G$18=$B$17,14,0)+IF('Standard Profiles'!$G$18=$B$24,21,0),0)),0)</f>
        <v>4.4773555736001427</v>
      </c>
      <c r="E1665" cm="1">
        <f t="array" ref="E1665">IFERROR(INDEX(Jesper!AI$2:AI$366,ROUNDDOWN($C1665/24,0)+1,1)*INDEX($D$3:$AA$30,INDEX(Jesper!$R$2:$R$366,ROW(INDEX(Jesper!AI$2:AI$366,ROUNDDOWN($C1665/24,0)+1,1))-1)+IF('Standard Profiles'!$G$19=$B$10,7,0)+IF('Standard Profiles'!$G$19=$B$17,14,0)+IF('Standard Profiles'!$G$19=$B$24,21,0),MOD($C1665,24)+1)/SUM(INDEX($D$3:$AA$30,INDEX(Jesper!$R$2:$R$366,ROW(INDEX(Jesper!AI$2:AI$366,ROUNDDOWN($C1665/24,0)+1,1))-1)+IF('Standard Profiles'!$G$19=$B$10,7,0)+IF('Standard Profiles'!$G$19=$B$17,14,0)+IF('Standard Profiles'!$G$19=$B$24,21,0),0)),0)</f>
        <v>0</v>
      </c>
      <c r="F1665" cm="1">
        <f t="array" ref="F1665">IFERROR(INDEX(Jesper!AJ$2:AJ$366,ROUNDDOWN($C1665/24,0)+1,1)*INDEX($D$3:$AA$30,INDEX(Jesper!$R$2:$R$366,ROW(INDEX(Jesper!AJ$2:AJ$366,ROUNDDOWN($C1665/24,0)+1,1))-1)+IF('Standard Profiles'!$G$20=$B$10,7,0)+IF('Standard Profiles'!$G$20=$B$17,14,0)+IF('Standard Profiles'!$G$20=$B$24,21,0),MOD($C1665,24)+1)/SUM(INDEX($D$3:$AA$30,INDEX(Jesper!$R$2:$R$366,ROW(INDEX(Jesper!AJ$2:AJ$366,ROUNDDOWN($C1665/24,0)+1,1))-1)+IF('Standard Profiles'!$G$20=$B$10,7,0)+IF('Standard Profiles'!$G$20=$B$17,14,0)+IF('Standard Profiles'!$G$20=$B$24,21,0),0)),0)</f>
        <v>0</v>
      </c>
      <c r="G1665" cm="1">
        <f t="array" ref="G1665">IFERROR(INDEX(Jesper!AK$2:AK$366,ROUNDDOWN($C1665/24,0)+1,1)*INDEX($D$3:$AA$30,INDEX(Jesper!$R$2:$R$366,ROW(INDEX(Jesper!AK$2:AK$366,ROUNDDOWN($C1665/24,0)+1,1))-1)+IF('Standard Profiles'!$G$21=$B$10,7,0)+IF('Standard Profiles'!$G$21=$B$17,14,0)+IF('Standard Profiles'!$G$21=$B$24,21,0),MOD($C1665,24)+1)/SUM(INDEX($D$3:$AA$30,INDEX(Jesper!$R$2:$R$366,ROW(INDEX(Jesper!AK$2:AK$366,ROUNDDOWN($C1665/24,0)+1,1))-1)+IF('Standard Profiles'!$G$21=$B$10,7,0)+IF('Standard Profiles'!$G$21=$B$17,14,0)+IF('Standard Profiles'!$G$21=$B$24,21,0),0)),0)</f>
        <v>0</v>
      </c>
      <c r="H1665" cm="1">
        <f t="array" ref="H1665">IFERROR(INDEX(Jesper!AL$2:AL$366,ROUNDDOWN($C1665/24,0)+1,1)*INDEX($D$3:$AA$30,INDEX(Jesper!$R$2:$R$366,ROW(INDEX(Jesper!AL$2:AL$366,ROUNDDOWN($C1665/24,0)+1,1))-1)+IF('Standard Profiles'!$G$22=$B$10,7,0)+IF('Standard Profiles'!$G$22=$B$17,14,0)+IF('Standard Profiles'!$G$22=$B$24,21,0),MOD($C1665,24)+1)/SUM(INDEX($D$3:$AA$30,INDEX(Jesper!$R$2:$R$366,ROW(INDEX(Jesper!AL$2:AL$366,ROUNDDOWN($C1665/24,0)+1,1))-1)+IF('Standard Profiles'!$G$22=$B$10,7,0)+IF('Standard Profiles'!$G$22=$B$17,14,0)+IF('Standard Profiles'!$G$22=$B$24,21,0),0)),0)</f>
        <v>0</v>
      </c>
      <c r="I1665">
        <f t="shared" si="195"/>
        <v>0.13432066720800429</v>
      </c>
      <c r="J1665">
        <f t="shared" si="196"/>
        <v>0.4477355573600143</v>
      </c>
      <c r="K1665">
        <f t="shared" si="197"/>
        <v>0.67160333604002143</v>
      </c>
      <c r="L1665">
        <f t="shared" si="198"/>
        <v>3.2236960129921024</v>
      </c>
      <c r="M1665">
        <f t="shared" si="199"/>
        <v>0</v>
      </c>
      <c r="N1665" s="46">
        <f t="shared" si="200"/>
        <v>45359.958333329378</v>
      </c>
    </row>
    <row r="1666" spans="2:14" x14ac:dyDescent="0.3">
      <c r="B1666">
        <f t="shared" si="194"/>
        <v>6</v>
      </c>
      <c r="C1666" s="16">
        <v>1632</v>
      </c>
      <c r="D1666" cm="1">
        <f t="array" ref="D1666">IFERROR(INDEX(Jesper!AH$2:AH$366,ROUNDDOWN($C1666/24,0)+1,1)*INDEX($D$3:$AA$30,INDEX(Jesper!$R$2:$R$366,ROW(INDEX(Jesper!AH$2:AH$366,ROUNDDOWN($C1666/24,0)+1,1))-1)+IF('Standard Profiles'!$G$18=$B$10,7,0)+IF('Standard Profiles'!$G$18=$B$17,14,0)+IF('Standard Profiles'!$G$18=$B$24,21,0),MOD($C1666,24)+1)/SUM(INDEX($D$3:$AA$30,INDEX(Jesper!$R$2:$R$366,ROW(INDEX(Jesper!AH$2:AH$366,ROUNDDOWN($C1666/24,0)+1,1))-1)+IF('Standard Profiles'!$G$18=$B$10,7,0)+IF('Standard Profiles'!$G$18=$B$17,14,0)+IF('Standard Profiles'!$G$18=$B$24,21,0),0)),0)</f>
        <v>4.5523163508053592</v>
      </c>
      <c r="E1666" cm="1">
        <f t="array" ref="E1666">IFERROR(INDEX(Jesper!AI$2:AI$366,ROUNDDOWN($C1666/24,0)+1,1)*INDEX($D$3:$AA$30,INDEX(Jesper!$R$2:$R$366,ROW(INDEX(Jesper!AI$2:AI$366,ROUNDDOWN($C1666/24,0)+1,1))-1)+IF('Standard Profiles'!$G$19=$B$10,7,0)+IF('Standard Profiles'!$G$19=$B$17,14,0)+IF('Standard Profiles'!$G$19=$B$24,21,0),MOD($C1666,24)+1)/SUM(INDEX($D$3:$AA$30,INDEX(Jesper!$R$2:$R$366,ROW(INDEX(Jesper!AI$2:AI$366,ROUNDDOWN($C1666/24,0)+1,1))-1)+IF('Standard Profiles'!$G$19=$B$10,7,0)+IF('Standard Profiles'!$G$19=$B$17,14,0)+IF('Standard Profiles'!$G$19=$B$24,21,0),0)),0)</f>
        <v>1.1239479777872914</v>
      </c>
      <c r="F1666" cm="1">
        <f t="array" ref="F1666">IFERROR(INDEX(Jesper!AJ$2:AJ$366,ROUNDDOWN($C1666/24,0)+1,1)*INDEX($D$3:$AA$30,INDEX(Jesper!$R$2:$R$366,ROW(INDEX(Jesper!AJ$2:AJ$366,ROUNDDOWN($C1666/24,0)+1,1))-1)+IF('Standard Profiles'!$G$20=$B$10,7,0)+IF('Standard Profiles'!$G$20=$B$17,14,0)+IF('Standard Profiles'!$G$20=$B$24,21,0),MOD($C1666,24)+1)/SUM(INDEX($D$3:$AA$30,INDEX(Jesper!$R$2:$R$366,ROW(INDEX(Jesper!AJ$2:AJ$366,ROUNDDOWN($C1666/24,0)+1,1))-1)+IF('Standard Profiles'!$G$20=$B$10,7,0)+IF('Standard Profiles'!$G$20=$B$17,14,0)+IF('Standard Profiles'!$G$20=$B$24,21,0),0)),0)</f>
        <v>0</v>
      </c>
      <c r="G1666" cm="1">
        <f t="array" ref="G1666">IFERROR(INDEX(Jesper!AK$2:AK$366,ROUNDDOWN($C1666/24,0)+1,1)*INDEX($D$3:$AA$30,INDEX(Jesper!$R$2:$R$366,ROW(INDEX(Jesper!AK$2:AK$366,ROUNDDOWN($C1666/24,0)+1,1))-1)+IF('Standard Profiles'!$G$21=$B$10,7,0)+IF('Standard Profiles'!$G$21=$B$17,14,0)+IF('Standard Profiles'!$G$21=$B$24,21,0),MOD($C1666,24)+1)/SUM(INDEX($D$3:$AA$30,INDEX(Jesper!$R$2:$R$366,ROW(INDEX(Jesper!AK$2:AK$366,ROUNDDOWN($C1666/24,0)+1,1))-1)+IF('Standard Profiles'!$G$21=$B$10,7,0)+IF('Standard Profiles'!$G$21=$B$17,14,0)+IF('Standard Profiles'!$G$21=$B$24,21,0),0)),0)</f>
        <v>0</v>
      </c>
      <c r="H1666" cm="1">
        <f t="array" ref="H1666">IFERROR(INDEX(Jesper!AL$2:AL$366,ROUNDDOWN($C1666/24,0)+1,1)*INDEX($D$3:$AA$30,INDEX(Jesper!$R$2:$R$366,ROW(INDEX(Jesper!AL$2:AL$366,ROUNDDOWN($C1666/24,0)+1,1))-1)+IF('Standard Profiles'!$G$22=$B$10,7,0)+IF('Standard Profiles'!$G$22=$B$17,14,0)+IF('Standard Profiles'!$G$22=$B$24,21,0),MOD($C1666,24)+1)/SUM(INDEX($D$3:$AA$30,INDEX(Jesper!$R$2:$R$366,ROW(INDEX(Jesper!AL$2:AL$366,ROUNDDOWN($C1666/24,0)+1,1))-1)+IF('Standard Profiles'!$G$22=$B$10,7,0)+IF('Standard Profiles'!$G$22=$B$17,14,0)+IF('Standard Profiles'!$G$22=$B$24,21,0),0)),0)</f>
        <v>0</v>
      </c>
      <c r="I1666">
        <f t="shared" si="195"/>
        <v>0.10125657457543168</v>
      </c>
      <c r="J1666">
        <f t="shared" si="196"/>
        <v>0.33752191525143899</v>
      </c>
      <c r="K1666">
        <f t="shared" si="197"/>
        <v>0.50628287287715845</v>
      </c>
      <c r="L1666">
        <f t="shared" si="198"/>
        <v>4.7312029658886212</v>
      </c>
      <c r="M1666">
        <f t="shared" si="199"/>
        <v>0</v>
      </c>
      <c r="N1666" s="46">
        <f t="shared" si="200"/>
        <v>45359.999999996042</v>
      </c>
    </row>
    <row r="1667" spans="2:14" x14ac:dyDescent="0.3">
      <c r="B1667">
        <f t="shared" si="194"/>
        <v>6</v>
      </c>
      <c r="C1667" s="16">
        <v>1633</v>
      </c>
      <c r="D1667" cm="1">
        <f t="array" ref="D1667">IFERROR(INDEX(Jesper!AH$2:AH$366,ROUNDDOWN($C1667/24,0)+1,1)*INDEX($D$3:$AA$30,INDEX(Jesper!$R$2:$R$366,ROW(INDEX(Jesper!AH$2:AH$366,ROUNDDOWN($C1667/24,0)+1,1))-1)+IF('Standard Profiles'!$G$18=$B$10,7,0)+IF('Standard Profiles'!$G$18=$B$17,14,0)+IF('Standard Profiles'!$G$18=$B$24,21,0),MOD($C1667,24)+1)/SUM(INDEX($D$3:$AA$30,INDEX(Jesper!$R$2:$R$366,ROW(INDEX(Jesper!AH$2:AH$366,ROUNDDOWN($C1667/24,0)+1,1))-1)+IF('Standard Profiles'!$G$18=$B$10,7,0)+IF('Standard Profiles'!$G$18=$B$17,14,0)+IF('Standard Profiles'!$G$18=$B$24,21,0),0)),0)</f>
        <v>8.8878557325247503</v>
      </c>
      <c r="E1667" cm="1">
        <f t="array" ref="E1667">IFERROR(INDEX(Jesper!AI$2:AI$366,ROUNDDOWN($C1667/24,0)+1,1)*INDEX($D$3:$AA$30,INDEX(Jesper!$R$2:$R$366,ROW(INDEX(Jesper!AI$2:AI$366,ROUNDDOWN($C1667/24,0)+1,1))-1)+IF('Standard Profiles'!$G$19=$B$10,7,0)+IF('Standard Profiles'!$G$19=$B$17,14,0)+IF('Standard Profiles'!$G$19=$B$24,21,0),MOD($C1667,24)+1)/SUM(INDEX($D$3:$AA$30,INDEX(Jesper!$R$2:$R$366,ROW(INDEX(Jesper!AI$2:AI$366,ROUNDDOWN($C1667/24,0)+1,1))-1)+IF('Standard Profiles'!$G$19=$B$10,7,0)+IF('Standard Profiles'!$G$19=$B$17,14,0)+IF('Standard Profiles'!$G$19=$B$24,21,0),0)),0)</f>
        <v>2.1943746232989976</v>
      </c>
      <c r="F1667" cm="1">
        <f t="array" ref="F1667">IFERROR(INDEX(Jesper!AJ$2:AJ$366,ROUNDDOWN($C1667/24,0)+1,1)*INDEX($D$3:$AA$30,INDEX(Jesper!$R$2:$R$366,ROW(INDEX(Jesper!AJ$2:AJ$366,ROUNDDOWN($C1667/24,0)+1,1))-1)+IF('Standard Profiles'!$G$20=$B$10,7,0)+IF('Standard Profiles'!$G$20=$B$17,14,0)+IF('Standard Profiles'!$G$20=$B$24,21,0),MOD($C1667,24)+1)/SUM(INDEX($D$3:$AA$30,INDEX(Jesper!$R$2:$R$366,ROW(INDEX(Jesper!AJ$2:AJ$366,ROUNDDOWN($C1667/24,0)+1,1))-1)+IF('Standard Profiles'!$G$20=$B$10,7,0)+IF('Standard Profiles'!$G$20=$B$17,14,0)+IF('Standard Profiles'!$G$20=$B$24,21,0),0)),0)</f>
        <v>0</v>
      </c>
      <c r="G1667" cm="1">
        <f t="array" ref="G1667">IFERROR(INDEX(Jesper!AK$2:AK$366,ROUNDDOWN($C1667/24,0)+1,1)*INDEX($D$3:$AA$30,INDEX(Jesper!$R$2:$R$366,ROW(INDEX(Jesper!AK$2:AK$366,ROUNDDOWN($C1667/24,0)+1,1))-1)+IF('Standard Profiles'!$G$21=$B$10,7,0)+IF('Standard Profiles'!$G$21=$B$17,14,0)+IF('Standard Profiles'!$G$21=$B$24,21,0),MOD($C1667,24)+1)/SUM(INDEX($D$3:$AA$30,INDEX(Jesper!$R$2:$R$366,ROW(INDEX(Jesper!AK$2:AK$366,ROUNDDOWN($C1667/24,0)+1,1))-1)+IF('Standard Profiles'!$G$21=$B$10,7,0)+IF('Standard Profiles'!$G$21=$B$17,14,0)+IF('Standard Profiles'!$G$21=$B$24,21,0),0)),0)</f>
        <v>0</v>
      </c>
      <c r="H1667" cm="1">
        <f t="array" ref="H1667">IFERROR(INDEX(Jesper!AL$2:AL$366,ROUNDDOWN($C1667/24,0)+1,1)*INDEX($D$3:$AA$30,INDEX(Jesper!$R$2:$R$366,ROW(INDEX(Jesper!AL$2:AL$366,ROUNDDOWN($C1667/24,0)+1,1))-1)+IF('Standard Profiles'!$G$22=$B$10,7,0)+IF('Standard Profiles'!$G$22=$B$17,14,0)+IF('Standard Profiles'!$G$22=$B$24,21,0),MOD($C1667,24)+1)/SUM(INDEX($D$3:$AA$30,INDEX(Jesper!$R$2:$R$366,ROW(INDEX(Jesper!AL$2:AL$366,ROUNDDOWN($C1667/24,0)+1,1))-1)+IF('Standard Profiles'!$G$22=$B$10,7,0)+IF('Standard Profiles'!$G$22=$B$17,14,0)+IF('Standard Profiles'!$G$22=$B$24,21,0),0)),0)</f>
        <v>0</v>
      </c>
      <c r="I1667">
        <f t="shared" si="195"/>
        <v>0.19769140750441425</v>
      </c>
      <c r="J1667">
        <f t="shared" si="196"/>
        <v>0.65897135834804754</v>
      </c>
      <c r="K1667">
        <f t="shared" si="197"/>
        <v>0.98845703752207137</v>
      </c>
      <c r="L1667">
        <f t="shared" si="198"/>
        <v>9.2371105524492148</v>
      </c>
      <c r="M1667">
        <f t="shared" si="199"/>
        <v>0</v>
      </c>
      <c r="N1667" s="46">
        <f t="shared" si="200"/>
        <v>45360.041666662706</v>
      </c>
    </row>
    <row r="1668" spans="2:14" x14ac:dyDescent="0.3">
      <c r="B1668">
        <f t="shared" si="194"/>
        <v>6</v>
      </c>
      <c r="C1668" s="16">
        <v>1634</v>
      </c>
      <c r="D1668" cm="1">
        <f t="array" ref="D1668">IFERROR(INDEX(Jesper!AH$2:AH$366,ROUNDDOWN($C1668/24,0)+1,1)*INDEX($D$3:$AA$30,INDEX(Jesper!$R$2:$R$366,ROW(INDEX(Jesper!AH$2:AH$366,ROUNDDOWN($C1668/24,0)+1,1))-1)+IF('Standard Profiles'!$G$18=$B$10,7,0)+IF('Standard Profiles'!$G$18=$B$17,14,0)+IF('Standard Profiles'!$G$18=$B$24,21,0),MOD($C1668,24)+1)/SUM(INDEX($D$3:$AA$30,INDEX(Jesper!$R$2:$R$366,ROW(INDEX(Jesper!AH$2:AH$366,ROUNDDOWN($C1668/24,0)+1,1))-1)+IF('Standard Profiles'!$G$18=$B$10,7,0)+IF('Standard Profiles'!$G$18=$B$17,14,0)+IF('Standard Profiles'!$G$18=$B$24,21,0),0)),0)</f>
        <v>8.8878557325247503</v>
      </c>
      <c r="E1668" cm="1">
        <f t="array" ref="E1668">IFERROR(INDEX(Jesper!AI$2:AI$366,ROUNDDOWN($C1668/24,0)+1,1)*INDEX($D$3:$AA$30,INDEX(Jesper!$R$2:$R$366,ROW(INDEX(Jesper!AI$2:AI$366,ROUNDDOWN($C1668/24,0)+1,1))-1)+IF('Standard Profiles'!$G$19=$B$10,7,0)+IF('Standard Profiles'!$G$19=$B$17,14,0)+IF('Standard Profiles'!$G$19=$B$24,21,0),MOD($C1668,24)+1)/SUM(INDEX($D$3:$AA$30,INDEX(Jesper!$R$2:$R$366,ROW(INDEX(Jesper!AI$2:AI$366,ROUNDDOWN($C1668/24,0)+1,1))-1)+IF('Standard Profiles'!$G$19=$B$10,7,0)+IF('Standard Profiles'!$G$19=$B$17,14,0)+IF('Standard Profiles'!$G$19=$B$24,21,0),0)),0)</f>
        <v>2.1943746232989976</v>
      </c>
      <c r="F1668" cm="1">
        <f t="array" ref="F1668">IFERROR(INDEX(Jesper!AJ$2:AJ$366,ROUNDDOWN($C1668/24,0)+1,1)*INDEX($D$3:$AA$30,INDEX(Jesper!$R$2:$R$366,ROW(INDEX(Jesper!AJ$2:AJ$366,ROUNDDOWN($C1668/24,0)+1,1))-1)+IF('Standard Profiles'!$G$20=$B$10,7,0)+IF('Standard Profiles'!$G$20=$B$17,14,0)+IF('Standard Profiles'!$G$20=$B$24,21,0),MOD($C1668,24)+1)/SUM(INDEX($D$3:$AA$30,INDEX(Jesper!$R$2:$R$366,ROW(INDEX(Jesper!AJ$2:AJ$366,ROUNDDOWN($C1668/24,0)+1,1))-1)+IF('Standard Profiles'!$G$20=$B$10,7,0)+IF('Standard Profiles'!$G$20=$B$17,14,0)+IF('Standard Profiles'!$G$20=$B$24,21,0),0)),0)</f>
        <v>0</v>
      </c>
      <c r="G1668" cm="1">
        <f t="array" ref="G1668">IFERROR(INDEX(Jesper!AK$2:AK$366,ROUNDDOWN($C1668/24,0)+1,1)*INDEX($D$3:$AA$30,INDEX(Jesper!$R$2:$R$366,ROW(INDEX(Jesper!AK$2:AK$366,ROUNDDOWN($C1668/24,0)+1,1))-1)+IF('Standard Profiles'!$G$21=$B$10,7,0)+IF('Standard Profiles'!$G$21=$B$17,14,0)+IF('Standard Profiles'!$G$21=$B$24,21,0),MOD($C1668,24)+1)/SUM(INDEX($D$3:$AA$30,INDEX(Jesper!$R$2:$R$366,ROW(INDEX(Jesper!AK$2:AK$366,ROUNDDOWN($C1668/24,0)+1,1))-1)+IF('Standard Profiles'!$G$21=$B$10,7,0)+IF('Standard Profiles'!$G$21=$B$17,14,0)+IF('Standard Profiles'!$G$21=$B$24,21,0),0)),0)</f>
        <v>0</v>
      </c>
      <c r="H1668" cm="1">
        <f t="array" ref="H1668">IFERROR(INDEX(Jesper!AL$2:AL$366,ROUNDDOWN($C1668/24,0)+1,1)*INDEX($D$3:$AA$30,INDEX(Jesper!$R$2:$R$366,ROW(INDEX(Jesper!AL$2:AL$366,ROUNDDOWN($C1668/24,0)+1,1))-1)+IF('Standard Profiles'!$G$22=$B$10,7,0)+IF('Standard Profiles'!$G$22=$B$17,14,0)+IF('Standard Profiles'!$G$22=$B$24,21,0),MOD($C1668,24)+1)/SUM(INDEX($D$3:$AA$30,INDEX(Jesper!$R$2:$R$366,ROW(INDEX(Jesper!AL$2:AL$366,ROUNDDOWN($C1668/24,0)+1,1))-1)+IF('Standard Profiles'!$G$22=$B$10,7,0)+IF('Standard Profiles'!$G$22=$B$17,14,0)+IF('Standard Profiles'!$G$22=$B$24,21,0),0)),0)</f>
        <v>0</v>
      </c>
      <c r="I1668">
        <f t="shared" si="195"/>
        <v>0.19769140750441425</v>
      </c>
      <c r="J1668">
        <f t="shared" si="196"/>
        <v>0.65897135834804754</v>
      </c>
      <c r="K1668">
        <f t="shared" si="197"/>
        <v>0.98845703752207137</v>
      </c>
      <c r="L1668">
        <f t="shared" si="198"/>
        <v>9.2371105524492148</v>
      </c>
      <c r="M1668">
        <f t="shared" si="199"/>
        <v>0</v>
      </c>
      <c r="N1668" s="46">
        <f t="shared" si="200"/>
        <v>45360.08333332937</v>
      </c>
    </row>
    <row r="1669" spans="2:14" x14ac:dyDescent="0.3">
      <c r="B1669">
        <f t="shared" si="194"/>
        <v>6</v>
      </c>
      <c r="C1669" s="16">
        <v>1635</v>
      </c>
      <c r="D1669" cm="1">
        <f t="array" ref="D1669">IFERROR(INDEX(Jesper!AH$2:AH$366,ROUNDDOWN($C1669/24,0)+1,1)*INDEX($D$3:$AA$30,INDEX(Jesper!$R$2:$R$366,ROW(INDEX(Jesper!AH$2:AH$366,ROUNDDOWN($C1669/24,0)+1,1))-1)+IF('Standard Profiles'!$G$18=$B$10,7,0)+IF('Standard Profiles'!$G$18=$B$17,14,0)+IF('Standard Profiles'!$G$18=$B$24,21,0),MOD($C1669,24)+1)/SUM(INDEX($D$3:$AA$30,INDEX(Jesper!$R$2:$R$366,ROW(INDEX(Jesper!AH$2:AH$366,ROUNDDOWN($C1669/24,0)+1,1))-1)+IF('Standard Profiles'!$G$18=$B$10,7,0)+IF('Standard Profiles'!$G$18=$B$17,14,0)+IF('Standard Profiles'!$G$18=$B$24,21,0),0)),0)</f>
        <v>8.8878557325247503</v>
      </c>
      <c r="E1669" cm="1">
        <f t="array" ref="E1669">IFERROR(INDEX(Jesper!AI$2:AI$366,ROUNDDOWN($C1669/24,0)+1,1)*INDEX($D$3:$AA$30,INDEX(Jesper!$R$2:$R$366,ROW(INDEX(Jesper!AI$2:AI$366,ROUNDDOWN($C1669/24,0)+1,1))-1)+IF('Standard Profiles'!$G$19=$B$10,7,0)+IF('Standard Profiles'!$G$19=$B$17,14,0)+IF('Standard Profiles'!$G$19=$B$24,21,0),MOD($C1669,24)+1)/SUM(INDEX($D$3:$AA$30,INDEX(Jesper!$R$2:$R$366,ROW(INDEX(Jesper!AI$2:AI$366,ROUNDDOWN($C1669/24,0)+1,1))-1)+IF('Standard Profiles'!$G$19=$B$10,7,0)+IF('Standard Profiles'!$G$19=$B$17,14,0)+IF('Standard Profiles'!$G$19=$B$24,21,0),0)),0)</f>
        <v>2.1943746232989976</v>
      </c>
      <c r="F1669" cm="1">
        <f t="array" ref="F1669">IFERROR(INDEX(Jesper!AJ$2:AJ$366,ROUNDDOWN($C1669/24,0)+1,1)*INDEX($D$3:$AA$30,INDEX(Jesper!$R$2:$R$366,ROW(INDEX(Jesper!AJ$2:AJ$366,ROUNDDOWN($C1669/24,0)+1,1))-1)+IF('Standard Profiles'!$G$20=$B$10,7,0)+IF('Standard Profiles'!$G$20=$B$17,14,0)+IF('Standard Profiles'!$G$20=$B$24,21,0),MOD($C1669,24)+1)/SUM(INDEX($D$3:$AA$30,INDEX(Jesper!$R$2:$R$366,ROW(INDEX(Jesper!AJ$2:AJ$366,ROUNDDOWN($C1669/24,0)+1,1))-1)+IF('Standard Profiles'!$G$20=$B$10,7,0)+IF('Standard Profiles'!$G$20=$B$17,14,0)+IF('Standard Profiles'!$G$20=$B$24,21,0),0)),0)</f>
        <v>0</v>
      </c>
      <c r="G1669" cm="1">
        <f t="array" ref="G1669">IFERROR(INDEX(Jesper!AK$2:AK$366,ROUNDDOWN($C1669/24,0)+1,1)*INDEX($D$3:$AA$30,INDEX(Jesper!$R$2:$R$366,ROW(INDEX(Jesper!AK$2:AK$366,ROUNDDOWN($C1669/24,0)+1,1))-1)+IF('Standard Profiles'!$G$21=$B$10,7,0)+IF('Standard Profiles'!$G$21=$B$17,14,0)+IF('Standard Profiles'!$G$21=$B$24,21,0),MOD($C1669,24)+1)/SUM(INDEX($D$3:$AA$30,INDEX(Jesper!$R$2:$R$366,ROW(INDEX(Jesper!AK$2:AK$366,ROUNDDOWN($C1669/24,0)+1,1))-1)+IF('Standard Profiles'!$G$21=$B$10,7,0)+IF('Standard Profiles'!$G$21=$B$17,14,0)+IF('Standard Profiles'!$G$21=$B$24,21,0),0)),0)</f>
        <v>0</v>
      </c>
      <c r="H1669" cm="1">
        <f t="array" ref="H1669">IFERROR(INDEX(Jesper!AL$2:AL$366,ROUNDDOWN($C1669/24,0)+1,1)*INDEX($D$3:$AA$30,INDEX(Jesper!$R$2:$R$366,ROW(INDEX(Jesper!AL$2:AL$366,ROUNDDOWN($C1669/24,0)+1,1))-1)+IF('Standard Profiles'!$G$22=$B$10,7,0)+IF('Standard Profiles'!$G$22=$B$17,14,0)+IF('Standard Profiles'!$G$22=$B$24,21,0),MOD($C1669,24)+1)/SUM(INDEX($D$3:$AA$30,INDEX(Jesper!$R$2:$R$366,ROW(INDEX(Jesper!AL$2:AL$366,ROUNDDOWN($C1669/24,0)+1,1))-1)+IF('Standard Profiles'!$G$22=$B$10,7,0)+IF('Standard Profiles'!$G$22=$B$17,14,0)+IF('Standard Profiles'!$G$22=$B$24,21,0),0)),0)</f>
        <v>0</v>
      </c>
      <c r="I1669">
        <f t="shared" si="195"/>
        <v>0.19769140750441425</v>
      </c>
      <c r="J1669">
        <f t="shared" si="196"/>
        <v>0.65897135834804754</v>
      </c>
      <c r="K1669">
        <f t="shared" si="197"/>
        <v>0.98845703752207137</v>
      </c>
      <c r="L1669">
        <f t="shared" si="198"/>
        <v>9.2371105524492148</v>
      </c>
      <c r="M1669">
        <f t="shared" si="199"/>
        <v>0</v>
      </c>
      <c r="N1669" s="46">
        <f t="shared" si="200"/>
        <v>45360.124999996035</v>
      </c>
    </row>
    <row r="1670" spans="2:14" x14ac:dyDescent="0.3">
      <c r="B1670">
        <f t="shared" si="194"/>
        <v>6</v>
      </c>
      <c r="C1670" s="16">
        <v>1636</v>
      </c>
      <c r="D1670" cm="1">
        <f t="array" ref="D1670">IFERROR(INDEX(Jesper!AH$2:AH$366,ROUNDDOWN($C1670/24,0)+1,1)*INDEX($D$3:$AA$30,INDEX(Jesper!$R$2:$R$366,ROW(INDEX(Jesper!AH$2:AH$366,ROUNDDOWN($C1670/24,0)+1,1))-1)+IF('Standard Profiles'!$G$18=$B$10,7,0)+IF('Standard Profiles'!$G$18=$B$17,14,0)+IF('Standard Profiles'!$G$18=$B$24,21,0),MOD($C1670,24)+1)/SUM(INDEX($D$3:$AA$30,INDEX(Jesper!$R$2:$R$366,ROW(INDEX(Jesper!AH$2:AH$366,ROUNDDOWN($C1670/24,0)+1,1))-1)+IF('Standard Profiles'!$G$18=$B$10,7,0)+IF('Standard Profiles'!$G$18=$B$17,14,0)+IF('Standard Profiles'!$G$18=$B$24,21,0),0)),0)</f>
        <v>8.8878557325247503</v>
      </c>
      <c r="E1670" cm="1">
        <f t="array" ref="E1670">IFERROR(INDEX(Jesper!AI$2:AI$366,ROUNDDOWN($C1670/24,0)+1,1)*INDEX($D$3:$AA$30,INDEX(Jesper!$R$2:$R$366,ROW(INDEX(Jesper!AI$2:AI$366,ROUNDDOWN($C1670/24,0)+1,1))-1)+IF('Standard Profiles'!$G$19=$B$10,7,0)+IF('Standard Profiles'!$G$19=$B$17,14,0)+IF('Standard Profiles'!$G$19=$B$24,21,0),MOD($C1670,24)+1)/SUM(INDEX($D$3:$AA$30,INDEX(Jesper!$R$2:$R$366,ROW(INDEX(Jesper!AI$2:AI$366,ROUNDDOWN($C1670/24,0)+1,1))-1)+IF('Standard Profiles'!$G$19=$B$10,7,0)+IF('Standard Profiles'!$G$19=$B$17,14,0)+IF('Standard Profiles'!$G$19=$B$24,21,0),0)),0)</f>
        <v>2.1943746232989976</v>
      </c>
      <c r="F1670" cm="1">
        <f t="array" ref="F1670">IFERROR(INDEX(Jesper!AJ$2:AJ$366,ROUNDDOWN($C1670/24,0)+1,1)*INDEX($D$3:$AA$30,INDEX(Jesper!$R$2:$R$366,ROW(INDEX(Jesper!AJ$2:AJ$366,ROUNDDOWN($C1670/24,0)+1,1))-1)+IF('Standard Profiles'!$G$20=$B$10,7,0)+IF('Standard Profiles'!$G$20=$B$17,14,0)+IF('Standard Profiles'!$G$20=$B$24,21,0),MOD($C1670,24)+1)/SUM(INDEX($D$3:$AA$30,INDEX(Jesper!$R$2:$R$366,ROW(INDEX(Jesper!AJ$2:AJ$366,ROUNDDOWN($C1670/24,0)+1,1))-1)+IF('Standard Profiles'!$G$20=$B$10,7,0)+IF('Standard Profiles'!$G$20=$B$17,14,0)+IF('Standard Profiles'!$G$20=$B$24,21,0),0)),0)</f>
        <v>0</v>
      </c>
      <c r="G1670" cm="1">
        <f t="array" ref="G1670">IFERROR(INDEX(Jesper!AK$2:AK$366,ROUNDDOWN($C1670/24,0)+1,1)*INDEX($D$3:$AA$30,INDEX(Jesper!$R$2:$R$366,ROW(INDEX(Jesper!AK$2:AK$366,ROUNDDOWN($C1670/24,0)+1,1))-1)+IF('Standard Profiles'!$G$21=$B$10,7,0)+IF('Standard Profiles'!$G$21=$B$17,14,0)+IF('Standard Profiles'!$G$21=$B$24,21,0),MOD($C1670,24)+1)/SUM(INDEX($D$3:$AA$30,INDEX(Jesper!$R$2:$R$366,ROW(INDEX(Jesper!AK$2:AK$366,ROUNDDOWN($C1670/24,0)+1,1))-1)+IF('Standard Profiles'!$G$21=$B$10,7,0)+IF('Standard Profiles'!$G$21=$B$17,14,0)+IF('Standard Profiles'!$G$21=$B$24,21,0),0)),0)</f>
        <v>0</v>
      </c>
      <c r="H1670" cm="1">
        <f t="array" ref="H1670">IFERROR(INDEX(Jesper!AL$2:AL$366,ROUNDDOWN($C1670/24,0)+1,1)*INDEX($D$3:$AA$30,INDEX(Jesper!$R$2:$R$366,ROW(INDEX(Jesper!AL$2:AL$366,ROUNDDOWN($C1670/24,0)+1,1))-1)+IF('Standard Profiles'!$G$22=$B$10,7,0)+IF('Standard Profiles'!$G$22=$B$17,14,0)+IF('Standard Profiles'!$G$22=$B$24,21,0),MOD($C1670,24)+1)/SUM(INDEX($D$3:$AA$30,INDEX(Jesper!$R$2:$R$366,ROW(INDEX(Jesper!AL$2:AL$366,ROUNDDOWN($C1670/24,0)+1,1))-1)+IF('Standard Profiles'!$G$22=$B$10,7,0)+IF('Standard Profiles'!$G$22=$B$17,14,0)+IF('Standard Profiles'!$G$22=$B$24,21,0),0)),0)</f>
        <v>0</v>
      </c>
      <c r="I1670">
        <f t="shared" si="195"/>
        <v>0.19769140750441425</v>
      </c>
      <c r="J1670">
        <f t="shared" si="196"/>
        <v>0.65897135834804754</v>
      </c>
      <c r="K1670">
        <f t="shared" si="197"/>
        <v>0.98845703752207137</v>
      </c>
      <c r="L1670">
        <f t="shared" si="198"/>
        <v>9.2371105524492148</v>
      </c>
      <c r="M1670">
        <f t="shared" si="199"/>
        <v>0</v>
      </c>
      <c r="N1670" s="46">
        <f t="shared" si="200"/>
        <v>45360.166666662699</v>
      </c>
    </row>
    <row r="1671" spans="2:14" x14ac:dyDescent="0.3">
      <c r="B1671">
        <f t="shared" si="194"/>
        <v>6</v>
      </c>
      <c r="C1671" s="16">
        <v>1637</v>
      </c>
      <c r="D1671" cm="1">
        <f t="array" ref="D1671">IFERROR(INDEX(Jesper!AH$2:AH$366,ROUNDDOWN($C1671/24,0)+1,1)*INDEX($D$3:$AA$30,INDEX(Jesper!$R$2:$R$366,ROW(INDEX(Jesper!AH$2:AH$366,ROUNDDOWN($C1671/24,0)+1,1))-1)+IF('Standard Profiles'!$G$18=$B$10,7,0)+IF('Standard Profiles'!$G$18=$B$17,14,0)+IF('Standard Profiles'!$G$18=$B$24,21,0),MOD($C1671,24)+1)/SUM(INDEX($D$3:$AA$30,INDEX(Jesper!$R$2:$R$366,ROW(INDEX(Jesper!AH$2:AH$366,ROUNDDOWN($C1671/24,0)+1,1))-1)+IF('Standard Profiles'!$G$18=$B$10,7,0)+IF('Standard Profiles'!$G$18=$B$17,14,0)+IF('Standard Profiles'!$G$18=$B$24,21,0),0)),0)</f>
        <v>11.055625423384445</v>
      </c>
      <c r="E1671" cm="1">
        <f t="array" ref="E1671">IFERROR(INDEX(Jesper!AI$2:AI$366,ROUNDDOWN($C1671/24,0)+1,1)*INDEX($D$3:$AA$30,INDEX(Jesper!$R$2:$R$366,ROW(INDEX(Jesper!AI$2:AI$366,ROUNDDOWN($C1671/24,0)+1,1))-1)+IF('Standard Profiles'!$G$19=$B$10,7,0)+IF('Standard Profiles'!$G$19=$B$17,14,0)+IF('Standard Profiles'!$G$19=$B$24,21,0),MOD($C1671,24)+1)/SUM(INDEX($D$3:$AA$30,INDEX(Jesper!$R$2:$R$366,ROW(INDEX(Jesper!AI$2:AI$366,ROUNDDOWN($C1671/24,0)+1,1))-1)+IF('Standard Profiles'!$G$19=$B$10,7,0)+IF('Standard Profiles'!$G$19=$B$17,14,0)+IF('Standard Profiles'!$G$19=$B$24,21,0),0)),0)</f>
        <v>2.7295879460548509</v>
      </c>
      <c r="F1671" cm="1">
        <f t="array" ref="F1671">IFERROR(INDEX(Jesper!AJ$2:AJ$366,ROUNDDOWN($C1671/24,0)+1,1)*INDEX($D$3:$AA$30,INDEX(Jesper!$R$2:$R$366,ROW(INDEX(Jesper!AJ$2:AJ$366,ROUNDDOWN($C1671/24,0)+1,1))-1)+IF('Standard Profiles'!$G$20=$B$10,7,0)+IF('Standard Profiles'!$G$20=$B$17,14,0)+IF('Standard Profiles'!$G$20=$B$24,21,0),MOD($C1671,24)+1)/SUM(INDEX($D$3:$AA$30,INDEX(Jesper!$R$2:$R$366,ROW(INDEX(Jesper!AJ$2:AJ$366,ROUNDDOWN($C1671/24,0)+1,1))-1)+IF('Standard Profiles'!$G$20=$B$10,7,0)+IF('Standard Profiles'!$G$20=$B$17,14,0)+IF('Standard Profiles'!$G$20=$B$24,21,0),0)),0)</f>
        <v>0</v>
      </c>
      <c r="G1671" cm="1">
        <f t="array" ref="G1671">IFERROR(INDEX(Jesper!AK$2:AK$366,ROUNDDOWN($C1671/24,0)+1,1)*INDEX($D$3:$AA$30,INDEX(Jesper!$R$2:$R$366,ROW(INDEX(Jesper!AK$2:AK$366,ROUNDDOWN($C1671/24,0)+1,1))-1)+IF('Standard Profiles'!$G$21=$B$10,7,0)+IF('Standard Profiles'!$G$21=$B$17,14,0)+IF('Standard Profiles'!$G$21=$B$24,21,0),MOD($C1671,24)+1)/SUM(INDEX($D$3:$AA$30,INDEX(Jesper!$R$2:$R$366,ROW(INDEX(Jesper!AK$2:AK$366,ROUNDDOWN($C1671/24,0)+1,1))-1)+IF('Standard Profiles'!$G$21=$B$10,7,0)+IF('Standard Profiles'!$G$21=$B$17,14,0)+IF('Standard Profiles'!$G$21=$B$24,21,0),0)),0)</f>
        <v>0</v>
      </c>
      <c r="H1671" cm="1">
        <f t="array" ref="H1671">IFERROR(INDEX(Jesper!AL$2:AL$366,ROUNDDOWN($C1671/24,0)+1,1)*INDEX($D$3:$AA$30,INDEX(Jesper!$R$2:$R$366,ROW(INDEX(Jesper!AL$2:AL$366,ROUNDDOWN($C1671/24,0)+1,1))-1)+IF('Standard Profiles'!$G$22=$B$10,7,0)+IF('Standard Profiles'!$G$22=$B$17,14,0)+IF('Standard Profiles'!$G$22=$B$24,21,0),MOD($C1671,24)+1)/SUM(INDEX($D$3:$AA$30,INDEX(Jesper!$R$2:$R$366,ROW(INDEX(Jesper!AL$2:AL$366,ROUNDDOWN($C1671/24,0)+1,1))-1)+IF('Standard Profiles'!$G$22=$B$10,7,0)+IF('Standard Profiles'!$G$22=$B$17,14,0)+IF('Standard Profiles'!$G$22=$B$24,21,0),0)),0)</f>
        <v>0</v>
      </c>
      <c r="I1671">
        <f t="shared" si="195"/>
        <v>0.24590882396890554</v>
      </c>
      <c r="J1671">
        <f t="shared" si="196"/>
        <v>0.81969607989635196</v>
      </c>
      <c r="K1671">
        <f t="shared" si="197"/>
        <v>1.2295441198445278</v>
      </c>
      <c r="L1671">
        <f t="shared" si="198"/>
        <v>11.490064345729511</v>
      </c>
      <c r="M1671">
        <f t="shared" si="199"/>
        <v>0</v>
      </c>
      <c r="N1671" s="46">
        <f t="shared" si="200"/>
        <v>45360.208333329363</v>
      </c>
    </row>
    <row r="1672" spans="2:14" x14ac:dyDescent="0.3">
      <c r="B1672">
        <f t="shared" si="194"/>
        <v>6</v>
      </c>
      <c r="C1672" s="16">
        <v>1638</v>
      </c>
      <c r="D1672" cm="1">
        <f t="array" ref="D1672">IFERROR(INDEX(Jesper!AH$2:AH$366,ROUNDDOWN($C1672/24,0)+1,1)*INDEX($D$3:$AA$30,INDEX(Jesper!$R$2:$R$366,ROW(INDEX(Jesper!AH$2:AH$366,ROUNDDOWN($C1672/24,0)+1,1))-1)+IF('Standard Profiles'!$G$18=$B$10,7,0)+IF('Standard Profiles'!$G$18=$B$17,14,0)+IF('Standard Profiles'!$G$18=$B$24,21,0),MOD($C1672,24)+1)/SUM(INDEX($D$3:$AA$30,INDEX(Jesper!$R$2:$R$366,ROW(INDEX(Jesper!AH$2:AH$366,ROUNDDOWN($C1672/24,0)+1,1))-1)+IF('Standard Profiles'!$G$18=$B$10,7,0)+IF('Standard Profiles'!$G$18=$B$17,14,0)+IF('Standard Profiles'!$G$18=$B$24,21,0),0)),0)</f>
        <v>13.873726021502048</v>
      </c>
      <c r="E1672" cm="1">
        <f t="array" ref="E1672">IFERROR(INDEX(Jesper!AI$2:AI$366,ROUNDDOWN($C1672/24,0)+1,1)*INDEX($D$3:$AA$30,INDEX(Jesper!$R$2:$R$366,ROW(INDEX(Jesper!AI$2:AI$366,ROUNDDOWN($C1672/24,0)+1,1))-1)+IF('Standard Profiles'!$G$19=$B$10,7,0)+IF('Standard Profiles'!$G$19=$B$17,14,0)+IF('Standard Profiles'!$G$19=$B$24,21,0),MOD($C1672,24)+1)/SUM(INDEX($D$3:$AA$30,INDEX(Jesper!$R$2:$R$366,ROW(INDEX(Jesper!AI$2:AI$366,ROUNDDOWN($C1672/24,0)+1,1))-1)+IF('Standard Profiles'!$G$19=$B$10,7,0)+IF('Standard Profiles'!$G$19=$B$17,14,0)+IF('Standard Profiles'!$G$19=$B$24,21,0),0)),0)</f>
        <v>3.4253652656374598</v>
      </c>
      <c r="F1672" cm="1">
        <f t="array" ref="F1672">IFERROR(INDEX(Jesper!AJ$2:AJ$366,ROUNDDOWN($C1672/24,0)+1,1)*INDEX($D$3:$AA$30,INDEX(Jesper!$R$2:$R$366,ROW(INDEX(Jesper!AJ$2:AJ$366,ROUNDDOWN($C1672/24,0)+1,1))-1)+IF('Standard Profiles'!$G$20=$B$10,7,0)+IF('Standard Profiles'!$G$20=$B$17,14,0)+IF('Standard Profiles'!$G$20=$B$24,21,0),MOD($C1672,24)+1)/SUM(INDEX($D$3:$AA$30,INDEX(Jesper!$R$2:$R$366,ROW(INDEX(Jesper!AJ$2:AJ$366,ROUNDDOWN($C1672/24,0)+1,1))-1)+IF('Standard Profiles'!$G$20=$B$10,7,0)+IF('Standard Profiles'!$G$20=$B$17,14,0)+IF('Standard Profiles'!$G$20=$B$24,21,0),0)),0)</f>
        <v>0</v>
      </c>
      <c r="G1672" cm="1">
        <f t="array" ref="G1672">IFERROR(INDEX(Jesper!AK$2:AK$366,ROUNDDOWN($C1672/24,0)+1,1)*INDEX($D$3:$AA$30,INDEX(Jesper!$R$2:$R$366,ROW(INDEX(Jesper!AK$2:AK$366,ROUNDDOWN($C1672/24,0)+1,1))-1)+IF('Standard Profiles'!$G$21=$B$10,7,0)+IF('Standard Profiles'!$G$21=$B$17,14,0)+IF('Standard Profiles'!$G$21=$B$24,21,0),MOD($C1672,24)+1)/SUM(INDEX($D$3:$AA$30,INDEX(Jesper!$R$2:$R$366,ROW(INDEX(Jesper!AK$2:AK$366,ROUNDDOWN($C1672/24,0)+1,1))-1)+IF('Standard Profiles'!$G$21=$B$10,7,0)+IF('Standard Profiles'!$G$21=$B$17,14,0)+IF('Standard Profiles'!$G$21=$B$24,21,0),0)),0)</f>
        <v>0</v>
      </c>
      <c r="H1672" cm="1">
        <f t="array" ref="H1672">IFERROR(INDEX(Jesper!AL$2:AL$366,ROUNDDOWN($C1672/24,0)+1,1)*INDEX($D$3:$AA$30,INDEX(Jesper!$R$2:$R$366,ROW(INDEX(Jesper!AL$2:AL$366,ROUNDDOWN($C1672/24,0)+1,1))-1)+IF('Standard Profiles'!$G$22=$B$10,7,0)+IF('Standard Profiles'!$G$22=$B$17,14,0)+IF('Standard Profiles'!$G$22=$B$24,21,0),MOD($C1672,24)+1)/SUM(INDEX($D$3:$AA$30,INDEX(Jesper!$R$2:$R$366,ROW(INDEX(Jesper!AL$2:AL$366,ROUNDDOWN($C1672/24,0)+1,1))-1)+IF('Standard Profiles'!$G$22=$B$10,7,0)+IF('Standard Profiles'!$G$22=$B$17,14,0)+IF('Standard Profiles'!$G$22=$B$24,21,0),0)),0)</f>
        <v>0</v>
      </c>
      <c r="I1672">
        <f t="shared" si="195"/>
        <v>0.30859146537274423</v>
      </c>
      <c r="J1672">
        <f t="shared" si="196"/>
        <v>1.0286382179091476</v>
      </c>
      <c r="K1672">
        <f t="shared" si="197"/>
        <v>1.5429573268637211</v>
      </c>
      <c r="L1672">
        <f t="shared" si="198"/>
        <v>14.418904276993896</v>
      </c>
      <c r="M1672">
        <f t="shared" si="199"/>
        <v>0</v>
      </c>
      <c r="N1672" s="46">
        <f t="shared" si="200"/>
        <v>45360.249999996027</v>
      </c>
    </row>
    <row r="1673" spans="2:14" x14ac:dyDescent="0.3">
      <c r="B1673">
        <f t="shared" si="194"/>
        <v>6</v>
      </c>
      <c r="C1673" s="16">
        <v>1639</v>
      </c>
      <c r="D1673" cm="1">
        <f t="array" ref="D1673">IFERROR(INDEX(Jesper!AH$2:AH$366,ROUNDDOWN($C1673/24,0)+1,1)*INDEX($D$3:$AA$30,INDEX(Jesper!$R$2:$R$366,ROW(INDEX(Jesper!AH$2:AH$366,ROUNDDOWN($C1673/24,0)+1,1))-1)+IF('Standard Profiles'!$G$18=$B$10,7,0)+IF('Standard Profiles'!$G$18=$B$17,14,0)+IF('Standard Profiles'!$G$18=$B$24,21,0),MOD($C1673,24)+1)/SUM(INDEX($D$3:$AA$30,INDEX(Jesper!$R$2:$R$366,ROW(INDEX(Jesper!AH$2:AH$366,ROUNDDOWN($C1673/24,0)+1,1))-1)+IF('Standard Profiles'!$G$18=$B$10,7,0)+IF('Standard Profiles'!$G$18=$B$17,14,0)+IF('Standard Profiles'!$G$18=$B$24,21,0),0)),0)</f>
        <v>15.824718743275774</v>
      </c>
      <c r="E1673" cm="1">
        <f t="array" ref="E1673">IFERROR(INDEX(Jesper!AI$2:AI$366,ROUNDDOWN($C1673/24,0)+1,1)*INDEX($D$3:$AA$30,INDEX(Jesper!$R$2:$R$366,ROW(INDEX(Jesper!AI$2:AI$366,ROUNDDOWN($C1673/24,0)+1,1))-1)+IF('Standard Profiles'!$G$19=$B$10,7,0)+IF('Standard Profiles'!$G$19=$B$17,14,0)+IF('Standard Profiles'!$G$19=$B$24,21,0),MOD($C1673,24)+1)/SUM(INDEX($D$3:$AA$30,INDEX(Jesper!$R$2:$R$366,ROW(INDEX(Jesper!AI$2:AI$366,ROUNDDOWN($C1673/24,0)+1,1))-1)+IF('Standard Profiles'!$G$19=$B$10,7,0)+IF('Standard Profiles'!$G$19=$B$17,14,0)+IF('Standard Profiles'!$G$19=$B$24,21,0),0)),0)</f>
        <v>3.9070572561177279</v>
      </c>
      <c r="F1673" cm="1">
        <f t="array" ref="F1673">IFERROR(INDEX(Jesper!AJ$2:AJ$366,ROUNDDOWN($C1673/24,0)+1,1)*INDEX($D$3:$AA$30,INDEX(Jesper!$R$2:$R$366,ROW(INDEX(Jesper!AJ$2:AJ$366,ROUNDDOWN($C1673/24,0)+1,1))-1)+IF('Standard Profiles'!$G$20=$B$10,7,0)+IF('Standard Profiles'!$G$20=$B$17,14,0)+IF('Standard Profiles'!$G$20=$B$24,21,0),MOD($C1673,24)+1)/SUM(INDEX($D$3:$AA$30,INDEX(Jesper!$R$2:$R$366,ROW(INDEX(Jesper!AJ$2:AJ$366,ROUNDDOWN($C1673/24,0)+1,1))-1)+IF('Standard Profiles'!$G$20=$B$10,7,0)+IF('Standard Profiles'!$G$20=$B$17,14,0)+IF('Standard Profiles'!$G$20=$B$24,21,0),0)),0)</f>
        <v>0</v>
      </c>
      <c r="G1673" cm="1">
        <f t="array" ref="G1673">IFERROR(INDEX(Jesper!AK$2:AK$366,ROUNDDOWN($C1673/24,0)+1,1)*INDEX($D$3:$AA$30,INDEX(Jesper!$R$2:$R$366,ROW(INDEX(Jesper!AK$2:AK$366,ROUNDDOWN($C1673/24,0)+1,1))-1)+IF('Standard Profiles'!$G$21=$B$10,7,0)+IF('Standard Profiles'!$G$21=$B$17,14,0)+IF('Standard Profiles'!$G$21=$B$24,21,0),MOD($C1673,24)+1)/SUM(INDEX($D$3:$AA$30,INDEX(Jesper!$R$2:$R$366,ROW(INDEX(Jesper!AK$2:AK$366,ROUNDDOWN($C1673/24,0)+1,1))-1)+IF('Standard Profiles'!$G$21=$B$10,7,0)+IF('Standard Profiles'!$G$21=$B$17,14,0)+IF('Standard Profiles'!$G$21=$B$24,21,0),0)),0)</f>
        <v>0</v>
      </c>
      <c r="H1673" cm="1">
        <f t="array" ref="H1673">IFERROR(INDEX(Jesper!AL$2:AL$366,ROUNDDOWN($C1673/24,0)+1,1)*INDEX($D$3:$AA$30,INDEX(Jesper!$R$2:$R$366,ROW(INDEX(Jesper!AL$2:AL$366,ROUNDDOWN($C1673/24,0)+1,1))-1)+IF('Standard Profiles'!$G$22=$B$10,7,0)+IF('Standard Profiles'!$G$22=$B$17,14,0)+IF('Standard Profiles'!$G$22=$B$24,21,0),MOD($C1673,24)+1)/SUM(INDEX($D$3:$AA$30,INDEX(Jesper!$R$2:$R$366,ROW(INDEX(Jesper!AL$2:AL$366,ROUNDDOWN($C1673/24,0)+1,1))-1)+IF('Standard Profiles'!$G$22=$B$10,7,0)+IF('Standard Profiles'!$G$22=$B$17,14,0)+IF('Standard Profiles'!$G$22=$B$24,21,0),0)),0)</f>
        <v>0</v>
      </c>
      <c r="I1673">
        <f t="shared" si="195"/>
        <v>0.35198714019078642</v>
      </c>
      <c r="J1673">
        <f t="shared" si="196"/>
        <v>1.1732904673026214</v>
      </c>
      <c r="K1673">
        <f t="shared" si="197"/>
        <v>1.7599357009539323</v>
      </c>
      <c r="L1673">
        <f t="shared" si="198"/>
        <v>16.446562690946163</v>
      </c>
      <c r="M1673">
        <f t="shared" si="199"/>
        <v>0</v>
      </c>
      <c r="N1673" s="46">
        <f t="shared" si="200"/>
        <v>45360.291666662692</v>
      </c>
    </row>
    <row r="1674" spans="2:14" x14ac:dyDescent="0.3">
      <c r="B1674">
        <f t="shared" si="194"/>
        <v>6</v>
      </c>
      <c r="C1674" s="16">
        <v>1640</v>
      </c>
      <c r="D1674" cm="1">
        <f t="array" ref="D1674">IFERROR(INDEX(Jesper!AH$2:AH$366,ROUNDDOWN($C1674/24,0)+1,1)*INDEX($D$3:$AA$30,INDEX(Jesper!$R$2:$R$366,ROW(INDEX(Jesper!AH$2:AH$366,ROUNDDOWN($C1674/24,0)+1,1))-1)+IF('Standard Profiles'!$G$18=$B$10,7,0)+IF('Standard Profiles'!$G$18=$B$17,14,0)+IF('Standard Profiles'!$G$18=$B$24,21,0),MOD($C1674,24)+1)/SUM(INDEX($D$3:$AA$30,INDEX(Jesper!$R$2:$R$366,ROW(INDEX(Jesper!AH$2:AH$366,ROUNDDOWN($C1674/24,0)+1,1))-1)+IF('Standard Profiles'!$G$18=$B$10,7,0)+IF('Standard Profiles'!$G$18=$B$17,14,0)+IF('Standard Profiles'!$G$18=$B$24,21,0),0)),0)</f>
        <v>15.824718743275774</v>
      </c>
      <c r="E1674" cm="1">
        <f t="array" ref="E1674">IFERROR(INDEX(Jesper!AI$2:AI$366,ROUNDDOWN($C1674/24,0)+1,1)*INDEX($D$3:$AA$30,INDEX(Jesper!$R$2:$R$366,ROW(INDEX(Jesper!AI$2:AI$366,ROUNDDOWN($C1674/24,0)+1,1))-1)+IF('Standard Profiles'!$G$19=$B$10,7,0)+IF('Standard Profiles'!$G$19=$B$17,14,0)+IF('Standard Profiles'!$G$19=$B$24,21,0),MOD($C1674,24)+1)/SUM(INDEX($D$3:$AA$30,INDEX(Jesper!$R$2:$R$366,ROW(INDEX(Jesper!AI$2:AI$366,ROUNDDOWN($C1674/24,0)+1,1))-1)+IF('Standard Profiles'!$G$19=$B$10,7,0)+IF('Standard Profiles'!$G$19=$B$17,14,0)+IF('Standard Profiles'!$G$19=$B$24,21,0),0)),0)</f>
        <v>3.9070572561177279</v>
      </c>
      <c r="F1674" cm="1">
        <f t="array" ref="F1674">IFERROR(INDEX(Jesper!AJ$2:AJ$366,ROUNDDOWN($C1674/24,0)+1,1)*INDEX($D$3:$AA$30,INDEX(Jesper!$R$2:$R$366,ROW(INDEX(Jesper!AJ$2:AJ$366,ROUNDDOWN($C1674/24,0)+1,1))-1)+IF('Standard Profiles'!$G$20=$B$10,7,0)+IF('Standard Profiles'!$G$20=$B$17,14,0)+IF('Standard Profiles'!$G$20=$B$24,21,0),MOD($C1674,24)+1)/SUM(INDEX($D$3:$AA$30,INDEX(Jesper!$R$2:$R$366,ROW(INDEX(Jesper!AJ$2:AJ$366,ROUNDDOWN($C1674/24,0)+1,1))-1)+IF('Standard Profiles'!$G$20=$B$10,7,0)+IF('Standard Profiles'!$G$20=$B$17,14,0)+IF('Standard Profiles'!$G$20=$B$24,21,0),0)),0)</f>
        <v>0</v>
      </c>
      <c r="G1674" cm="1">
        <f t="array" ref="G1674">IFERROR(INDEX(Jesper!AK$2:AK$366,ROUNDDOWN($C1674/24,0)+1,1)*INDEX($D$3:$AA$30,INDEX(Jesper!$R$2:$R$366,ROW(INDEX(Jesper!AK$2:AK$366,ROUNDDOWN($C1674/24,0)+1,1))-1)+IF('Standard Profiles'!$G$21=$B$10,7,0)+IF('Standard Profiles'!$G$21=$B$17,14,0)+IF('Standard Profiles'!$G$21=$B$24,21,0),MOD($C1674,24)+1)/SUM(INDEX($D$3:$AA$30,INDEX(Jesper!$R$2:$R$366,ROW(INDEX(Jesper!AK$2:AK$366,ROUNDDOWN($C1674/24,0)+1,1))-1)+IF('Standard Profiles'!$G$21=$B$10,7,0)+IF('Standard Profiles'!$G$21=$B$17,14,0)+IF('Standard Profiles'!$G$21=$B$24,21,0),0)),0)</f>
        <v>0</v>
      </c>
      <c r="H1674" cm="1">
        <f t="array" ref="H1674">IFERROR(INDEX(Jesper!AL$2:AL$366,ROUNDDOWN($C1674/24,0)+1,1)*INDEX($D$3:$AA$30,INDEX(Jesper!$R$2:$R$366,ROW(INDEX(Jesper!AL$2:AL$366,ROUNDDOWN($C1674/24,0)+1,1))-1)+IF('Standard Profiles'!$G$22=$B$10,7,0)+IF('Standard Profiles'!$G$22=$B$17,14,0)+IF('Standard Profiles'!$G$22=$B$24,21,0),MOD($C1674,24)+1)/SUM(INDEX($D$3:$AA$30,INDEX(Jesper!$R$2:$R$366,ROW(INDEX(Jesper!AL$2:AL$366,ROUNDDOWN($C1674/24,0)+1,1))-1)+IF('Standard Profiles'!$G$22=$B$10,7,0)+IF('Standard Profiles'!$G$22=$B$17,14,0)+IF('Standard Profiles'!$G$22=$B$24,21,0),0)),0)</f>
        <v>0</v>
      </c>
      <c r="I1674">
        <f t="shared" si="195"/>
        <v>0.35198714019078642</v>
      </c>
      <c r="J1674">
        <f t="shared" si="196"/>
        <v>1.1732904673026214</v>
      </c>
      <c r="K1674">
        <f t="shared" si="197"/>
        <v>1.7599357009539323</v>
      </c>
      <c r="L1674">
        <f t="shared" si="198"/>
        <v>16.446562690946163</v>
      </c>
      <c r="M1674">
        <f t="shared" si="199"/>
        <v>0</v>
      </c>
      <c r="N1674" s="46">
        <f t="shared" si="200"/>
        <v>45360.333333329356</v>
      </c>
    </row>
    <row r="1675" spans="2:14" x14ac:dyDescent="0.3">
      <c r="B1675">
        <f t="shared" si="194"/>
        <v>6</v>
      </c>
      <c r="C1675" s="16">
        <v>1641</v>
      </c>
      <c r="D1675" cm="1">
        <f t="array" ref="D1675">IFERROR(INDEX(Jesper!AH$2:AH$366,ROUNDDOWN($C1675/24,0)+1,1)*INDEX($D$3:$AA$30,INDEX(Jesper!$R$2:$R$366,ROW(INDEX(Jesper!AH$2:AH$366,ROUNDDOWN($C1675/24,0)+1,1))-1)+IF('Standard Profiles'!$G$18=$B$10,7,0)+IF('Standard Profiles'!$G$18=$B$17,14,0)+IF('Standard Profiles'!$G$18=$B$24,21,0),MOD($C1675,24)+1)/SUM(INDEX($D$3:$AA$30,INDEX(Jesper!$R$2:$R$366,ROW(INDEX(Jesper!AH$2:AH$366,ROUNDDOWN($C1675/24,0)+1,1))-1)+IF('Standard Profiles'!$G$18=$B$10,7,0)+IF('Standard Profiles'!$G$18=$B$17,14,0)+IF('Standard Profiles'!$G$18=$B$24,21,0),0)),0)</f>
        <v>15.824718743275774</v>
      </c>
      <c r="E1675" cm="1">
        <f t="array" ref="E1675">IFERROR(INDEX(Jesper!AI$2:AI$366,ROUNDDOWN($C1675/24,0)+1,1)*INDEX($D$3:$AA$30,INDEX(Jesper!$R$2:$R$366,ROW(INDEX(Jesper!AI$2:AI$366,ROUNDDOWN($C1675/24,0)+1,1))-1)+IF('Standard Profiles'!$G$19=$B$10,7,0)+IF('Standard Profiles'!$G$19=$B$17,14,0)+IF('Standard Profiles'!$G$19=$B$24,21,0),MOD($C1675,24)+1)/SUM(INDEX($D$3:$AA$30,INDEX(Jesper!$R$2:$R$366,ROW(INDEX(Jesper!AI$2:AI$366,ROUNDDOWN($C1675/24,0)+1,1))-1)+IF('Standard Profiles'!$G$19=$B$10,7,0)+IF('Standard Profiles'!$G$19=$B$17,14,0)+IF('Standard Profiles'!$G$19=$B$24,21,0),0)),0)</f>
        <v>3.9070572561177279</v>
      </c>
      <c r="F1675" cm="1">
        <f t="array" ref="F1675">IFERROR(INDEX(Jesper!AJ$2:AJ$366,ROUNDDOWN($C1675/24,0)+1,1)*INDEX($D$3:$AA$30,INDEX(Jesper!$R$2:$R$366,ROW(INDEX(Jesper!AJ$2:AJ$366,ROUNDDOWN($C1675/24,0)+1,1))-1)+IF('Standard Profiles'!$G$20=$B$10,7,0)+IF('Standard Profiles'!$G$20=$B$17,14,0)+IF('Standard Profiles'!$G$20=$B$24,21,0),MOD($C1675,24)+1)/SUM(INDEX($D$3:$AA$30,INDEX(Jesper!$R$2:$R$366,ROW(INDEX(Jesper!AJ$2:AJ$366,ROUNDDOWN($C1675/24,0)+1,1))-1)+IF('Standard Profiles'!$G$20=$B$10,7,0)+IF('Standard Profiles'!$G$20=$B$17,14,0)+IF('Standard Profiles'!$G$20=$B$24,21,0),0)),0)</f>
        <v>0</v>
      </c>
      <c r="G1675" cm="1">
        <f t="array" ref="G1675">IFERROR(INDEX(Jesper!AK$2:AK$366,ROUNDDOWN($C1675/24,0)+1,1)*INDEX($D$3:$AA$30,INDEX(Jesper!$R$2:$R$366,ROW(INDEX(Jesper!AK$2:AK$366,ROUNDDOWN($C1675/24,0)+1,1))-1)+IF('Standard Profiles'!$G$21=$B$10,7,0)+IF('Standard Profiles'!$G$21=$B$17,14,0)+IF('Standard Profiles'!$G$21=$B$24,21,0),MOD($C1675,24)+1)/SUM(INDEX($D$3:$AA$30,INDEX(Jesper!$R$2:$R$366,ROW(INDEX(Jesper!AK$2:AK$366,ROUNDDOWN($C1675/24,0)+1,1))-1)+IF('Standard Profiles'!$G$21=$B$10,7,0)+IF('Standard Profiles'!$G$21=$B$17,14,0)+IF('Standard Profiles'!$G$21=$B$24,21,0),0)),0)</f>
        <v>0</v>
      </c>
      <c r="H1675" cm="1">
        <f t="array" ref="H1675">IFERROR(INDEX(Jesper!AL$2:AL$366,ROUNDDOWN($C1675/24,0)+1,1)*INDEX($D$3:$AA$30,INDEX(Jesper!$R$2:$R$366,ROW(INDEX(Jesper!AL$2:AL$366,ROUNDDOWN($C1675/24,0)+1,1))-1)+IF('Standard Profiles'!$G$22=$B$10,7,0)+IF('Standard Profiles'!$G$22=$B$17,14,0)+IF('Standard Profiles'!$G$22=$B$24,21,0),MOD($C1675,24)+1)/SUM(INDEX($D$3:$AA$30,INDEX(Jesper!$R$2:$R$366,ROW(INDEX(Jesper!AL$2:AL$366,ROUNDDOWN($C1675/24,0)+1,1))-1)+IF('Standard Profiles'!$G$22=$B$10,7,0)+IF('Standard Profiles'!$G$22=$B$17,14,0)+IF('Standard Profiles'!$G$22=$B$24,21,0),0)),0)</f>
        <v>0</v>
      </c>
      <c r="I1675">
        <f t="shared" si="195"/>
        <v>0.35198714019078642</v>
      </c>
      <c r="J1675">
        <f t="shared" si="196"/>
        <v>1.1732904673026214</v>
      </c>
      <c r="K1675">
        <f t="shared" si="197"/>
        <v>1.7599357009539323</v>
      </c>
      <c r="L1675">
        <f t="shared" si="198"/>
        <v>16.446562690946163</v>
      </c>
      <c r="M1675">
        <f t="shared" si="199"/>
        <v>0</v>
      </c>
      <c r="N1675" s="46">
        <f t="shared" si="200"/>
        <v>45360.37499999602</v>
      </c>
    </row>
    <row r="1676" spans="2:14" x14ac:dyDescent="0.3">
      <c r="B1676">
        <f t="shared" si="194"/>
        <v>6</v>
      </c>
      <c r="C1676" s="16">
        <v>1642</v>
      </c>
      <c r="D1676" cm="1">
        <f t="array" ref="D1676">IFERROR(INDEX(Jesper!AH$2:AH$366,ROUNDDOWN($C1676/24,0)+1,1)*INDEX($D$3:$AA$30,INDEX(Jesper!$R$2:$R$366,ROW(INDEX(Jesper!AH$2:AH$366,ROUNDDOWN($C1676/24,0)+1,1))-1)+IF('Standard Profiles'!$G$18=$B$10,7,0)+IF('Standard Profiles'!$G$18=$B$17,14,0)+IF('Standard Profiles'!$G$18=$B$24,21,0),MOD($C1676,24)+1)/SUM(INDEX($D$3:$AA$30,INDEX(Jesper!$R$2:$R$366,ROW(INDEX(Jesper!AH$2:AH$366,ROUNDDOWN($C1676/24,0)+1,1))-1)+IF('Standard Profiles'!$G$18=$B$10,7,0)+IF('Standard Profiles'!$G$18=$B$17,14,0)+IF('Standard Profiles'!$G$18=$B$24,21,0),0)),0)</f>
        <v>15.824718743275774</v>
      </c>
      <c r="E1676" cm="1">
        <f t="array" ref="E1676">IFERROR(INDEX(Jesper!AI$2:AI$366,ROUNDDOWN($C1676/24,0)+1,1)*INDEX($D$3:$AA$30,INDEX(Jesper!$R$2:$R$366,ROW(INDEX(Jesper!AI$2:AI$366,ROUNDDOWN($C1676/24,0)+1,1))-1)+IF('Standard Profiles'!$G$19=$B$10,7,0)+IF('Standard Profiles'!$G$19=$B$17,14,0)+IF('Standard Profiles'!$G$19=$B$24,21,0),MOD($C1676,24)+1)/SUM(INDEX($D$3:$AA$30,INDEX(Jesper!$R$2:$R$366,ROW(INDEX(Jesper!AI$2:AI$366,ROUNDDOWN($C1676/24,0)+1,1))-1)+IF('Standard Profiles'!$G$19=$B$10,7,0)+IF('Standard Profiles'!$G$19=$B$17,14,0)+IF('Standard Profiles'!$G$19=$B$24,21,0),0)),0)</f>
        <v>3.9070572561177279</v>
      </c>
      <c r="F1676" cm="1">
        <f t="array" ref="F1676">IFERROR(INDEX(Jesper!AJ$2:AJ$366,ROUNDDOWN($C1676/24,0)+1,1)*INDEX($D$3:$AA$30,INDEX(Jesper!$R$2:$R$366,ROW(INDEX(Jesper!AJ$2:AJ$366,ROUNDDOWN($C1676/24,0)+1,1))-1)+IF('Standard Profiles'!$G$20=$B$10,7,0)+IF('Standard Profiles'!$G$20=$B$17,14,0)+IF('Standard Profiles'!$G$20=$B$24,21,0),MOD($C1676,24)+1)/SUM(INDEX($D$3:$AA$30,INDEX(Jesper!$R$2:$R$366,ROW(INDEX(Jesper!AJ$2:AJ$366,ROUNDDOWN($C1676/24,0)+1,1))-1)+IF('Standard Profiles'!$G$20=$B$10,7,0)+IF('Standard Profiles'!$G$20=$B$17,14,0)+IF('Standard Profiles'!$G$20=$B$24,21,0),0)),0)</f>
        <v>0</v>
      </c>
      <c r="G1676" cm="1">
        <f t="array" ref="G1676">IFERROR(INDEX(Jesper!AK$2:AK$366,ROUNDDOWN($C1676/24,0)+1,1)*INDEX($D$3:$AA$30,INDEX(Jesper!$R$2:$R$366,ROW(INDEX(Jesper!AK$2:AK$366,ROUNDDOWN($C1676/24,0)+1,1))-1)+IF('Standard Profiles'!$G$21=$B$10,7,0)+IF('Standard Profiles'!$G$21=$B$17,14,0)+IF('Standard Profiles'!$G$21=$B$24,21,0),MOD($C1676,24)+1)/SUM(INDEX($D$3:$AA$30,INDEX(Jesper!$R$2:$R$366,ROW(INDEX(Jesper!AK$2:AK$366,ROUNDDOWN($C1676/24,0)+1,1))-1)+IF('Standard Profiles'!$G$21=$B$10,7,0)+IF('Standard Profiles'!$G$21=$B$17,14,0)+IF('Standard Profiles'!$G$21=$B$24,21,0),0)),0)</f>
        <v>0</v>
      </c>
      <c r="H1676" cm="1">
        <f t="array" ref="H1676">IFERROR(INDEX(Jesper!AL$2:AL$366,ROUNDDOWN($C1676/24,0)+1,1)*INDEX($D$3:$AA$30,INDEX(Jesper!$R$2:$R$366,ROW(INDEX(Jesper!AL$2:AL$366,ROUNDDOWN($C1676/24,0)+1,1))-1)+IF('Standard Profiles'!$G$22=$B$10,7,0)+IF('Standard Profiles'!$G$22=$B$17,14,0)+IF('Standard Profiles'!$G$22=$B$24,21,0),MOD($C1676,24)+1)/SUM(INDEX($D$3:$AA$30,INDEX(Jesper!$R$2:$R$366,ROW(INDEX(Jesper!AL$2:AL$366,ROUNDDOWN($C1676/24,0)+1,1))-1)+IF('Standard Profiles'!$G$22=$B$10,7,0)+IF('Standard Profiles'!$G$22=$B$17,14,0)+IF('Standard Profiles'!$G$22=$B$24,21,0),0)),0)</f>
        <v>0</v>
      </c>
      <c r="I1676">
        <f t="shared" si="195"/>
        <v>0.35198714019078642</v>
      </c>
      <c r="J1676">
        <f t="shared" si="196"/>
        <v>1.1732904673026214</v>
      </c>
      <c r="K1676">
        <f t="shared" si="197"/>
        <v>1.7599357009539323</v>
      </c>
      <c r="L1676">
        <f t="shared" si="198"/>
        <v>16.446562690946163</v>
      </c>
      <c r="M1676">
        <f t="shared" si="199"/>
        <v>0</v>
      </c>
      <c r="N1676" s="46">
        <f t="shared" si="200"/>
        <v>45360.416666662684</v>
      </c>
    </row>
    <row r="1677" spans="2:14" x14ac:dyDescent="0.3">
      <c r="B1677">
        <f t="shared" si="194"/>
        <v>6</v>
      </c>
      <c r="C1677" s="16">
        <v>1643</v>
      </c>
      <c r="D1677" cm="1">
        <f t="array" ref="D1677">IFERROR(INDEX(Jesper!AH$2:AH$366,ROUNDDOWN($C1677/24,0)+1,1)*INDEX($D$3:$AA$30,INDEX(Jesper!$R$2:$R$366,ROW(INDEX(Jesper!AH$2:AH$366,ROUNDDOWN($C1677/24,0)+1,1))-1)+IF('Standard Profiles'!$G$18=$B$10,7,0)+IF('Standard Profiles'!$G$18=$B$17,14,0)+IF('Standard Profiles'!$G$18=$B$24,21,0),MOD($C1677,24)+1)/SUM(INDEX($D$3:$AA$30,INDEX(Jesper!$R$2:$R$366,ROW(INDEX(Jesper!AH$2:AH$366,ROUNDDOWN($C1677/24,0)+1,1))-1)+IF('Standard Profiles'!$G$18=$B$10,7,0)+IF('Standard Profiles'!$G$18=$B$17,14,0)+IF('Standard Profiles'!$G$18=$B$24,21,0),0)),0)</f>
        <v>15.824718743275774</v>
      </c>
      <c r="E1677" cm="1">
        <f t="array" ref="E1677">IFERROR(INDEX(Jesper!AI$2:AI$366,ROUNDDOWN($C1677/24,0)+1,1)*INDEX($D$3:$AA$30,INDEX(Jesper!$R$2:$R$366,ROW(INDEX(Jesper!AI$2:AI$366,ROUNDDOWN($C1677/24,0)+1,1))-1)+IF('Standard Profiles'!$G$19=$B$10,7,0)+IF('Standard Profiles'!$G$19=$B$17,14,0)+IF('Standard Profiles'!$G$19=$B$24,21,0),MOD($C1677,24)+1)/SUM(INDEX($D$3:$AA$30,INDEX(Jesper!$R$2:$R$366,ROW(INDEX(Jesper!AI$2:AI$366,ROUNDDOWN($C1677/24,0)+1,1))-1)+IF('Standard Profiles'!$G$19=$B$10,7,0)+IF('Standard Profiles'!$G$19=$B$17,14,0)+IF('Standard Profiles'!$G$19=$B$24,21,0),0)),0)</f>
        <v>3.9070572561177279</v>
      </c>
      <c r="F1677" cm="1">
        <f t="array" ref="F1677">IFERROR(INDEX(Jesper!AJ$2:AJ$366,ROUNDDOWN($C1677/24,0)+1,1)*INDEX($D$3:$AA$30,INDEX(Jesper!$R$2:$R$366,ROW(INDEX(Jesper!AJ$2:AJ$366,ROUNDDOWN($C1677/24,0)+1,1))-1)+IF('Standard Profiles'!$G$20=$B$10,7,0)+IF('Standard Profiles'!$G$20=$B$17,14,0)+IF('Standard Profiles'!$G$20=$B$24,21,0),MOD($C1677,24)+1)/SUM(INDEX($D$3:$AA$30,INDEX(Jesper!$R$2:$R$366,ROW(INDEX(Jesper!AJ$2:AJ$366,ROUNDDOWN($C1677/24,0)+1,1))-1)+IF('Standard Profiles'!$G$20=$B$10,7,0)+IF('Standard Profiles'!$G$20=$B$17,14,0)+IF('Standard Profiles'!$G$20=$B$24,21,0),0)),0)</f>
        <v>0</v>
      </c>
      <c r="G1677" cm="1">
        <f t="array" ref="G1677">IFERROR(INDEX(Jesper!AK$2:AK$366,ROUNDDOWN($C1677/24,0)+1,1)*INDEX($D$3:$AA$30,INDEX(Jesper!$R$2:$R$366,ROW(INDEX(Jesper!AK$2:AK$366,ROUNDDOWN($C1677/24,0)+1,1))-1)+IF('Standard Profiles'!$G$21=$B$10,7,0)+IF('Standard Profiles'!$G$21=$B$17,14,0)+IF('Standard Profiles'!$G$21=$B$24,21,0),MOD($C1677,24)+1)/SUM(INDEX($D$3:$AA$30,INDEX(Jesper!$R$2:$R$366,ROW(INDEX(Jesper!AK$2:AK$366,ROUNDDOWN($C1677/24,0)+1,1))-1)+IF('Standard Profiles'!$G$21=$B$10,7,0)+IF('Standard Profiles'!$G$21=$B$17,14,0)+IF('Standard Profiles'!$G$21=$B$24,21,0),0)),0)</f>
        <v>0</v>
      </c>
      <c r="H1677" cm="1">
        <f t="array" ref="H1677">IFERROR(INDEX(Jesper!AL$2:AL$366,ROUNDDOWN($C1677/24,0)+1,1)*INDEX($D$3:$AA$30,INDEX(Jesper!$R$2:$R$366,ROW(INDEX(Jesper!AL$2:AL$366,ROUNDDOWN($C1677/24,0)+1,1))-1)+IF('Standard Profiles'!$G$22=$B$10,7,0)+IF('Standard Profiles'!$G$22=$B$17,14,0)+IF('Standard Profiles'!$G$22=$B$24,21,0),MOD($C1677,24)+1)/SUM(INDEX($D$3:$AA$30,INDEX(Jesper!$R$2:$R$366,ROW(INDEX(Jesper!AL$2:AL$366,ROUNDDOWN($C1677/24,0)+1,1))-1)+IF('Standard Profiles'!$G$22=$B$10,7,0)+IF('Standard Profiles'!$G$22=$B$17,14,0)+IF('Standard Profiles'!$G$22=$B$24,21,0),0)),0)</f>
        <v>0</v>
      </c>
      <c r="I1677">
        <f t="shared" si="195"/>
        <v>0.35198714019078642</v>
      </c>
      <c r="J1677">
        <f t="shared" si="196"/>
        <v>1.1732904673026214</v>
      </c>
      <c r="K1677">
        <f t="shared" si="197"/>
        <v>1.7599357009539323</v>
      </c>
      <c r="L1677">
        <f t="shared" si="198"/>
        <v>16.446562690946163</v>
      </c>
      <c r="M1677">
        <f t="shared" si="199"/>
        <v>0</v>
      </c>
      <c r="N1677" s="46">
        <f t="shared" si="200"/>
        <v>45360.458333329349</v>
      </c>
    </row>
    <row r="1678" spans="2:14" x14ac:dyDescent="0.3">
      <c r="B1678">
        <f t="shared" si="194"/>
        <v>6</v>
      </c>
      <c r="C1678" s="16">
        <v>1644</v>
      </c>
      <c r="D1678" cm="1">
        <f t="array" ref="D1678">IFERROR(INDEX(Jesper!AH$2:AH$366,ROUNDDOWN($C1678/24,0)+1,1)*INDEX($D$3:$AA$30,INDEX(Jesper!$R$2:$R$366,ROW(INDEX(Jesper!AH$2:AH$366,ROUNDDOWN($C1678/24,0)+1,1))-1)+IF('Standard Profiles'!$G$18=$B$10,7,0)+IF('Standard Profiles'!$G$18=$B$17,14,0)+IF('Standard Profiles'!$G$18=$B$24,21,0),MOD($C1678,24)+1)/SUM(INDEX($D$3:$AA$30,INDEX(Jesper!$R$2:$R$366,ROW(INDEX(Jesper!AH$2:AH$366,ROUNDDOWN($C1678/24,0)+1,1))-1)+IF('Standard Profiles'!$G$18=$B$10,7,0)+IF('Standard Profiles'!$G$18=$B$17,14,0)+IF('Standard Profiles'!$G$18=$B$24,21,0),0)),0)</f>
        <v>15.824718743275774</v>
      </c>
      <c r="E1678" cm="1">
        <f t="array" ref="E1678">IFERROR(INDEX(Jesper!AI$2:AI$366,ROUNDDOWN($C1678/24,0)+1,1)*INDEX($D$3:$AA$30,INDEX(Jesper!$R$2:$R$366,ROW(INDEX(Jesper!AI$2:AI$366,ROUNDDOWN($C1678/24,0)+1,1))-1)+IF('Standard Profiles'!$G$19=$B$10,7,0)+IF('Standard Profiles'!$G$19=$B$17,14,0)+IF('Standard Profiles'!$G$19=$B$24,21,0),MOD($C1678,24)+1)/SUM(INDEX($D$3:$AA$30,INDEX(Jesper!$R$2:$R$366,ROW(INDEX(Jesper!AI$2:AI$366,ROUNDDOWN($C1678/24,0)+1,1))-1)+IF('Standard Profiles'!$G$19=$B$10,7,0)+IF('Standard Profiles'!$G$19=$B$17,14,0)+IF('Standard Profiles'!$G$19=$B$24,21,0),0)),0)</f>
        <v>3.9070572561177279</v>
      </c>
      <c r="F1678" cm="1">
        <f t="array" ref="F1678">IFERROR(INDEX(Jesper!AJ$2:AJ$366,ROUNDDOWN($C1678/24,0)+1,1)*INDEX($D$3:$AA$30,INDEX(Jesper!$R$2:$R$366,ROW(INDEX(Jesper!AJ$2:AJ$366,ROUNDDOWN($C1678/24,0)+1,1))-1)+IF('Standard Profiles'!$G$20=$B$10,7,0)+IF('Standard Profiles'!$G$20=$B$17,14,0)+IF('Standard Profiles'!$G$20=$B$24,21,0),MOD($C1678,24)+1)/SUM(INDEX($D$3:$AA$30,INDEX(Jesper!$R$2:$R$366,ROW(INDEX(Jesper!AJ$2:AJ$366,ROUNDDOWN($C1678/24,0)+1,1))-1)+IF('Standard Profiles'!$G$20=$B$10,7,0)+IF('Standard Profiles'!$G$20=$B$17,14,0)+IF('Standard Profiles'!$G$20=$B$24,21,0),0)),0)</f>
        <v>0</v>
      </c>
      <c r="G1678" cm="1">
        <f t="array" ref="G1678">IFERROR(INDEX(Jesper!AK$2:AK$366,ROUNDDOWN($C1678/24,0)+1,1)*INDEX($D$3:$AA$30,INDEX(Jesper!$R$2:$R$366,ROW(INDEX(Jesper!AK$2:AK$366,ROUNDDOWN($C1678/24,0)+1,1))-1)+IF('Standard Profiles'!$G$21=$B$10,7,0)+IF('Standard Profiles'!$G$21=$B$17,14,0)+IF('Standard Profiles'!$G$21=$B$24,21,0),MOD($C1678,24)+1)/SUM(INDEX($D$3:$AA$30,INDEX(Jesper!$R$2:$R$366,ROW(INDEX(Jesper!AK$2:AK$366,ROUNDDOWN($C1678/24,0)+1,1))-1)+IF('Standard Profiles'!$G$21=$B$10,7,0)+IF('Standard Profiles'!$G$21=$B$17,14,0)+IF('Standard Profiles'!$G$21=$B$24,21,0),0)),0)</f>
        <v>0</v>
      </c>
      <c r="H1678" cm="1">
        <f t="array" ref="H1678">IFERROR(INDEX(Jesper!AL$2:AL$366,ROUNDDOWN($C1678/24,0)+1,1)*INDEX($D$3:$AA$30,INDEX(Jesper!$R$2:$R$366,ROW(INDEX(Jesper!AL$2:AL$366,ROUNDDOWN($C1678/24,0)+1,1))-1)+IF('Standard Profiles'!$G$22=$B$10,7,0)+IF('Standard Profiles'!$G$22=$B$17,14,0)+IF('Standard Profiles'!$G$22=$B$24,21,0),MOD($C1678,24)+1)/SUM(INDEX($D$3:$AA$30,INDEX(Jesper!$R$2:$R$366,ROW(INDEX(Jesper!AL$2:AL$366,ROUNDDOWN($C1678/24,0)+1,1))-1)+IF('Standard Profiles'!$G$22=$B$10,7,0)+IF('Standard Profiles'!$G$22=$B$17,14,0)+IF('Standard Profiles'!$G$22=$B$24,21,0),0)),0)</f>
        <v>0</v>
      </c>
      <c r="I1678">
        <f t="shared" si="195"/>
        <v>0.35198714019078642</v>
      </c>
      <c r="J1678">
        <f t="shared" si="196"/>
        <v>1.1732904673026214</v>
      </c>
      <c r="K1678">
        <f t="shared" si="197"/>
        <v>1.7599357009539323</v>
      </c>
      <c r="L1678">
        <f t="shared" si="198"/>
        <v>16.446562690946163</v>
      </c>
      <c r="M1678">
        <f t="shared" si="199"/>
        <v>0</v>
      </c>
      <c r="N1678" s="46">
        <f t="shared" si="200"/>
        <v>45360.499999996013</v>
      </c>
    </row>
    <row r="1679" spans="2:14" x14ac:dyDescent="0.3">
      <c r="B1679">
        <f t="shared" si="194"/>
        <v>6</v>
      </c>
      <c r="C1679" s="16">
        <v>1645</v>
      </c>
      <c r="D1679" cm="1">
        <f t="array" ref="D1679">IFERROR(INDEX(Jesper!AH$2:AH$366,ROUNDDOWN($C1679/24,0)+1,1)*INDEX($D$3:$AA$30,INDEX(Jesper!$R$2:$R$366,ROW(INDEX(Jesper!AH$2:AH$366,ROUNDDOWN($C1679/24,0)+1,1))-1)+IF('Standard Profiles'!$G$18=$B$10,7,0)+IF('Standard Profiles'!$G$18=$B$17,14,0)+IF('Standard Profiles'!$G$18=$B$24,21,0),MOD($C1679,24)+1)/SUM(INDEX($D$3:$AA$30,INDEX(Jesper!$R$2:$R$366,ROW(INDEX(Jesper!AH$2:AH$366,ROUNDDOWN($C1679/24,0)+1,1))-1)+IF('Standard Profiles'!$G$18=$B$10,7,0)+IF('Standard Profiles'!$G$18=$B$17,14,0)+IF('Standard Profiles'!$G$18=$B$24,21,0),0)),0)</f>
        <v>15.824718743275774</v>
      </c>
      <c r="E1679" cm="1">
        <f t="array" ref="E1679">IFERROR(INDEX(Jesper!AI$2:AI$366,ROUNDDOWN($C1679/24,0)+1,1)*INDEX($D$3:$AA$30,INDEX(Jesper!$R$2:$R$366,ROW(INDEX(Jesper!AI$2:AI$366,ROUNDDOWN($C1679/24,0)+1,1))-1)+IF('Standard Profiles'!$G$19=$B$10,7,0)+IF('Standard Profiles'!$G$19=$B$17,14,0)+IF('Standard Profiles'!$G$19=$B$24,21,0),MOD($C1679,24)+1)/SUM(INDEX($D$3:$AA$30,INDEX(Jesper!$R$2:$R$366,ROW(INDEX(Jesper!AI$2:AI$366,ROUNDDOWN($C1679/24,0)+1,1))-1)+IF('Standard Profiles'!$G$19=$B$10,7,0)+IF('Standard Profiles'!$G$19=$B$17,14,0)+IF('Standard Profiles'!$G$19=$B$24,21,0),0)),0)</f>
        <v>3.9070572561177279</v>
      </c>
      <c r="F1679" cm="1">
        <f t="array" ref="F1679">IFERROR(INDEX(Jesper!AJ$2:AJ$366,ROUNDDOWN($C1679/24,0)+1,1)*INDEX($D$3:$AA$30,INDEX(Jesper!$R$2:$R$366,ROW(INDEX(Jesper!AJ$2:AJ$366,ROUNDDOWN($C1679/24,0)+1,1))-1)+IF('Standard Profiles'!$G$20=$B$10,7,0)+IF('Standard Profiles'!$G$20=$B$17,14,0)+IF('Standard Profiles'!$G$20=$B$24,21,0),MOD($C1679,24)+1)/SUM(INDEX($D$3:$AA$30,INDEX(Jesper!$R$2:$R$366,ROW(INDEX(Jesper!AJ$2:AJ$366,ROUNDDOWN($C1679/24,0)+1,1))-1)+IF('Standard Profiles'!$G$20=$B$10,7,0)+IF('Standard Profiles'!$G$20=$B$17,14,0)+IF('Standard Profiles'!$G$20=$B$24,21,0),0)),0)</f>
        <v>0</v>
      </c>
      <c r="G1679" cm="1">
        <f t="array" ref="G1679">IFERROR(INDEX(Jesper!AK$2:AK$366,ROUNDDOWN($C1679/24,0)+1,1)*INDEX($D$3:$AA$30,INDEX(Jesper!$R$2:$R$366,ROW(INDEX(Jesper!AK$2:AK$366,ROUNDDOWN($C1679/24,0)+1,1))-1)+IF('Standard Profiles'!$G$21=$B$10,7,0)+IF('Standard Profiles'!$G$21=$B$17,14,0)+IF('Standard Profiles'!$G$21=$B$24,21,0),MOD($C1679,24)+1)/SUM(INDEX($D$3:$AA$30,INDEX(Jesper!$R$2:$R$366,ROW(INDEX(Jesper!AK$2:AK$366,ROUNDDOWN($C1679/24,0)+1,1))-1)+IF('Standard Profiles'!$G$21=$B$10,7,0)+IF('Standard Profiles'!$G$21=$B$17,14,0)+IF('Standard Profiles'!$G$21=$B$24,21,0),0)),0)</f>
        <v>0</v>
      </c>
      <c r="H1679" cm="1">
        <f t="array" ref="H1679">IFERROR(INDEX(Jesper!AL$2:AL$366,ROUNDDOWN($C1679/24,0)+1,1)*INDEX($D$3:$AA$30,INDEX(Jesper!$R$2:$R$366,ROW(INDEX(Jesper!AL$2:AL$366,ROUNDDOWN($C1679/24,0)+1,1))-1)+IF('Standard Profiles'!$G$22=$B$10,7,0)+IF('Standard Profiles'!$G$22=$B$17,14,0)+IF('Standard Profiles'!$G$22=$B$24,21,0),MOD($C1679,24)+1)/SUM(INDEX($D$3:$AA$30,INDEX(Jesper!$R$2:$R$366,ROW(INDEX(Jesper!AL$2:AL$366,ROUNDDOWN($C1679/24,0)+1,1))-1)+IF('Standard Profiles'!$G$22=$B$10,7,0)+IF('Standard Profiles'!$G$22=$B$17,14,0)+IF('Standard Profiles'!$G$22=$B$24,21,0),0)),0)</f>
        <v>0</v>
      </c>
      <c r="I1679">
        <f t="shared" si="195"/>
        <v>0.35198714019078642</v>
      </c>
      <c r="J1679">
        <f t="shared" si="196"/>
        <v>1.1732904673026214</v>
      </c>
      <c r="K1679">
        <f t="shared" si="197"/>
        <v>1.7599357009539323</v>
      </c>
      <c r="L1679">
        <f t="shared" si="198"/>
        <v>16.446562690946163</v>
      </c>
      <c r="M1679">
        <f t="shared" si="199"/>
        <v>0</v>
      </c>
      <c r="N1679" s="46">
        <f t="shared" si="200"/>
        <v>45360.541666662677</v>
      </c>
    </row>
    <row r="1680" spans="2:14" x14ac:dyDescent="0.3">
      <c r="B1680">
        <f t="shared" si="194"/>
        <v>6</v>
      </c>
      <c r="C1680" s="16">
        <v>1646</v>
      </c>
      <c r="D1680" cm="1">
        <f t="array" ref="D1680">IFERROR(INDEX(Jesper!AH$2:AH$366,ROUNDDOWN($C1680/24,0)+1,1)*INDEX($D$3:$AA$30,INDEX(Jesper!$R$2:$R$366,ROW(INDEX(Jesper!AH$2:AH$366,ROUNDDOWN($C1680/24,0)+1,1))-1)+IF('Standard Profiles'!$G$18=$B$10,7,0)+IF('Standard Profiles'!$G$18=$B$17,14,0)+IF('Standard Profiles'!$G$18=$B$24,21,0),MOD($C1680,24)+1)/SUM(INDEX($D$3:$AA$30,INDEX(Jesper!$R$2:$R$366,ROW(INDEX(Jesper!AH$2:AH$366,ROUNDDOWN($C1680/24,0)+1,1))-1)+IF('Standard Profiles'!$G$18=$B$10,7,0)+IF('Standard Profiles'!$G$18=$B$17,14,0)+IF('Standard Profiles'!$G$18=$B$24,21,0),0)),0)</f>
        <v>15.824718743275774</v>
      </c>
      <c r="E1680" cm="1">
        <f t="array" ref="E1680">IFERROR(INDEX(Jesper!AI$2:AI$366,ROUNDDOWN($C1680/24,0)+1,1)*INDEX($D$3:$AA$30,INDEX(Jesper!$R$2:$R$366,ROW(INDEX(Jesper!AI$2:AI$366,ROUNDDOWN($C1680/24,0)+1,1))-1)+IF('Standard Profiles'!$G$19=$B$10,7,0)+IF('Standard Profiles'!$G$19=$B$17,14,0)+IF('Standard Profiles'!$G$19=$B$24,21,0),MOD($C1680,24)+1)/SUM(INDEX($D$3:$AA$30,INDEX(Jesper!$R$2:$R$366,ROW(INDEX(Jesper!AI$2:AI$366,ROUNDDOWN($C1680/24,0)+1,1))-1)+IF('Standard Profiles'!$G$19=$B$10,7,0)+IF('Standard Profiles'!$G$19=$B$17,14,0)+IF('Standard Profiles'!$G$19=$B$24,21,0),0)),0)</f>
        <v>3.9070572561177279</v>
      </c>
      <c r="F1680" cm="1">
        <f t="array" ref="F1680">IFERROR(INDEX(Jesper!AJ$2:AJ$366,ROUNDDOWN($C1680/24,0)+1,1)*INDEX($D$3:$AA$30,INDEX(Jesper!$R$2:$R$366,ROW(INDEX(Jesper!AJ$2:AJ$366,ROUNDDOWN($C1680/24,0)+1,1))-1)+IF('Standard Profiles'!$G$20=$B$10,7,0)+IF('Standard Profiles'!$G$20=$B$17,14,0)+IF('Standard Profiles'!$G$20=$B$24,21,0),MOD($C1680,24)+1)/SUM(INDEX($D$3:$AA$30,INDEX(Jesper!$R$2:$R$366,ROW(INDEX(Jesper!AJ$2:AJ$366,ROUNDDOWN($C1680/24,0)+1,1))-1)+IF('Standard Profiles'!$G$20=$B$10,7,0)+IF('Standard Profiles'!$G$20=$B$17,14,0)+IF('Standard Profiles'!$G$20=$B$24,21,0),0)),0)</f>
        <v>0</v>
      </c>
      <c r="G1680" cm="1">
        <f t="array" ref="G1680">IFERROR(INDEX(Jesper!AK$2:AK$366,ROUNDDOWN($C1680/24,0)+1,1)*INDEX($D$3:$AA$30,INDEX(Jesper!$R$2:$R$366,ROW(INDEX(Jesper!AK$2:AK$366,ROUNDDOWN($C1680/24,0)+1,1))-1)+IF('Standard Profiles'!$G$21=$B$10,7,0)+IF('Standard Profiles'!$G$21=$B$17,14,0)+IF('Standard Profiles'!$G$21=$B$24,21,0),MOD($C1680,24)+1)/SUM(INDEX($D$3:$AA$30,INDEX(Jesper!$R$2:$R$366,ROW(INDEX(Jesper!AK$2:AK$366,ROUNDDOWN($C1680/24,0)+1,1))-1)+IF('Standard Profiles'!$G$21=$B$10,7,0)+IF('Standard Profiles'!$G$21=$B$17,14,0)+IF('Standard Profiles'!$G$21=$B$24,21,0),0)),0)</f>
        <v>0</v>
      </c>
      <c r="H1680" cm="1">
        <f t="array" ref="H1680">IFERROR(INDEX(Jesper!AL$2:AL$366,ROUNDDOWN($C1680/24,0)+1,1)*INDEX($D$3:$AA$30,INDEX(Jesper!$R$2:$R$366,ROW(INDEX(Jesper!AL$2:AL$366,ROUNDDOWN($C1680/24,0)+1,1))-1)+IF('Standard Profiles'!$G$22=$B$10,7,0)+IF('Standard Profiles'!$G$22=$B$17,14,0)+IF('Standard Profiles'!$G$22=$B$24,21,0),MOD($C1680,24)+1)/SUM(INDEX($D$3:$AA$30,INDEX(Jesper!$R$2:$R$366,ROW(INDEX(Jesper!AL$2:AL$366,ROUNDDOWN($C1680/24,0)+1,1))-1)+IF('Standard Profiles'!$G$22=$B$10,7,0)+IF('Standard Profiles'!$G$22=$B$17,14,0)+IF('Standard Profiles'!$G$22=$B$24,21,0),0)),0)</f>
        <v>0</v>
      </c>
      <c r="I1680">
        <f t="shared" si="195"/>
        <v>0.35198714019078642</v>
      </c>
      <c r="J1680">
        <f t="shared" si="196"/>
        <v>1.1732904673026214</v>
      </c>
      <c r="K1680">
        <f t="shared" si="197"/>
        <v>1.7599357009539323</v>
      </c>
      <c r="L1680">
        <f t="shared" si="198"/>
        <v>16.446562690946163</v>
      </c>
      <c r="M1680">
        <f t="shared" si="199"/>
        <v>0</v>
      </c>
      <c r="N1680" s="46">
        <f t="shared" si="200"/>
        <v>45360.583333329341</v>
      </c>
    </row>
    <row r="1681" spans="2:14" x14ac:dyDescent="0.3">
      <c r="B1681">
        <f t="shared" si="194"/>
        <v>6</v>
      </c>
      <c r="C1681" s="16">
        <v>1647</v>
      </c>
      <c r="D1681" cm="1">
        <f t="array" ref="D1681">IFERROR(INDEX(Jesper!AH$2:AH$366,ROUNDDOWN($C1681/24,0)+1,1)*INDEX($D$3:$AA$30,INDEX(Jesper!$R$2:$R$366,ROW(INDEX(Jesper!AH$2:AH$366,ROUNDDOWN($C1681/24,0)+1,1))-1)+IF('Standard Profiles'!$G$18=$B$10,7,0)+IF('Standard Profiles'!$G$18=$B$17,14,0)+IF('Standard Profiles'!$G$18=$B$24,21,0),MOD($C1681,24)+1)/SUM(INDEX($D$3:$AA$30,INDEX(Jesper!$R$2:$R$366,ROW(INDEX(Jesper!AH$2:AH$366,ROUNDDOWN($C1681/24,0)+1,1))-1)+IF('Standard Profiles'!$G$18=$B$10,7,0)+IF('Standard Profiles'!$G$18=$B$17,14,0)+IF('Standard Profiles'!$G$18=$B$24,21,0),0)),0)</f>
        <v>14.307279959673986</v>
      </c>
      <c r="E1681" cm="1">
        <f t="array" ref="E1681">IFERROR(INDEX(Jesper!AI$2:AI$366,ROUNDDOWN($C1681/24,0)+1,1)*INDEX($D$3:$AA$30,INDEX(Jesper!$R$2:$R$366,ROW(INDEX(Jesper!AI$2:AI$366,ROUNDDOWN($C1681/24,0)+1,1))-1)+IF('Standard Profiles'!$G$19=$B$10,7,0)+IF('Standard Profiles'!$G$19=$B$17,14,0)+IF('Standard Profiles'!$G$19=$B$24,21,0),MOD($C1681,24)+1)/SUM(INDEX($D$3:$AA$30,INDEX(Jesper!$R$2:$R$366,ROW(INDEX(Jesper!AI$2:AI$366,ROUNDDOWN($C1681/24,0)+1,1))-1)+IF('Standard Profiles'!$G$19=$B$10,7,0)+IF('Standard Profiles'!$G$19=$B$17,14,0)+IF('Standard Profiles'!$G$19=$B$24,21,0),0)),0)</f>
        <v>3.5324079301886302</v>
      </c>
      <c r="F1681" cm="1">
        <f t="array" ref="F1681">IFERROR(INDEX(Jesper!AJ$2:AJ$366,ROUNDDOWN($C1681/24,0)+1,1)*INDEX($D$3:$AA$30,INDEX(Jesper!$R$2:$R$366,ROW(INDEX(Jesper!AJ$2:AJ$366,ROUNDDOWN($C1681/24,0)+1,1))-1)+IF('Standard Profiles'!$G$20=$B$10,7,0)+IF('Standard Profiles'!$G$20=$B$17,14,0)+IF('Standard Profiles'!$G$20=$B$24,21,0),MOD($C1681,24)+1)/SUM(INDEX($D$3:$AA$30,INDEX(Jesper!$R$2:$R$366,ROW(INDEX(Jesper!AJ$2:AJ$366,ROUNDDOWN($C1681/24,0)+1,1))-1)+IF('Standard Profiles'!$G$20=$B$10,7,0)+IF('Standard Profiles'!$G$20=$B$17,14,0)+IF('Standard Profiles'!$G$20=$B$24,21,0),0)),0)</f>
        <v>0</v>
      </c>
      <c r="G1681" cm="1">
        <f t="array" ref="G1681">IFERROR(INDEX(Jesper!AK$2:AK$366,ROUNDDOWN($C1681/24,0)+1,1)*INDEX($D$3:$AA$30,INDEX(Jesper!$R$2:$R$366,ROW(INDEX(Jesper!AK$2:AK$366,ROUNDDOWN($C1681/24,0)+1,1))-1)+IF('Standard Profiles'!$G$21=$B$10,7,0)+IF('Standard Profiles'!$G$21=$B$17,14,0)+IF('Standard Profiles'!$G$21=$B$24,21,0),MOD($C1681,24)+1)/SUM(INDEX($D$3:$AA$30,INDEX(Jesper!$R$2:$R$366,ROW(INDEX(Jesper!AK$2:AK$366,ROUNDDOWN($C1681/24,0)+1,1))-1)+IF('Standard Profiles'!$G$21=$B$10,7,0)+IF('Standard Profiles'!$G$21=$B$17,14,0)+IF('Standard Profiles'!$G$21=$B$24,21,0),0)),0)</f>
        <v>0</v>
      </c>
      <c r="H1681" cm="1">
        <f t="array" ref="H1681">IFERROR(INDEX(Jesper!AL$2:AL$366,ROUNDDOWN($C1681/24,0)+1,1)*INDEX($D$3:$AA$30,INDEX(Jesper!$R$2:$R$366,ROW(INDEX(Jesper!AL$2:AL$366,ROUNDDOWN($C1681/24,0)+1,1))-1)+IF('Standard Profiles'!$G$22=$B$10,7,0)+IF('Standard Profiles'!$G$22=$B$17,14,0)+IF('Standard Profiles'!$G$22=$B$24,21,0),MOD($C1681,24)+1)/SUM(INDEX($D$3:$AA$30,INDEX(Jesper!$R$2:$R$366,ROW(INDEX(Jesper!AL$2:AL$366,ROUNDDOWN($C1681/24,0)+1,1))-1)+IF('Standard Profiles'!$G$22=$B$10,7,0)+IF('Standard Profiles'!$G$22=$B$17,14,0)+IF('Standard Profiles'!$G$22=$B$24,21,0),0)),0)</f>
        <v>0</v>
      </c>
      <c r="I1681">
        <f t="shared" si="195"/>
        <v>0.31823494866564245</v>
      </c>
      <c r="J1681">
        <f t="shared" si="196"/>
        <v>1.0607831622188082</v>
      </c>
      <c r="K1681">
        <f t="shared" si="197"/>
        <v>1.5911747433282124</v>
      </c>
      <c r="L1681">
        <f t="shared" si="198"/>
        <v>14.869495035649953</v>
      </c>
      <c r="M1681">
        <f t="shared" si="199"/>
        <v>0</v>
      </c>
      <c r="N1681" s="46">
        <f t="shared" si="200"/>
        <v>45360.624999996005</v>
      </c>
    </row>
    <row r="1682" spans="2:14" x14ac:dyDescent="0.3">
      <c r="B1682">
        <f t="shared" si="194"/>
        <v>6</v>
      </c>
      <c r="C1682" s="16">
        <v>1648</v>
      </c>
      <c r="D1682" cm="1">
        <f t="array" ref="D1682">IFERROR(INDEX(Jesper!AH$2:AH$366,ROUNDDOWN($C1682/24,0)+1,1)*INDEX($D$3:$AA$30,INDEX(Jesper!$R$2:$R$366,ROW(INDEX(Jesper!AH$2:AH$366,ROUNDDOWN($C1682/24,0)+1,1))-1)+IF('Standard Profiles'!$G$18=$B$10,7,0)+IF('Standard Profiles'!$G$18=$B$17,14,0)+IF('Standard Profiles'!$G$18=$B$24,21,0),MOD($C1682,24)+1)/SUM(INDEX($D$3:$AA$30,INDEX(Jesper!$R$2:$R$366,ROW(INDEX(Jesper!AH$2:AH$366,ROUNDDOWN($C1682/24,0)+1,1))-1)+IF('Standard Profiles'!$G$18=$B$10,7,0)+IF('Standard Profiles'!$G$18=$B$17,14,0)+IF('Standard Profiles'!$G$18=$B$24,21,0),0)),0)</f>
        <v>13.006618145158171</v>
      </c>
      <c r="E1682" cm="1">
        <f t="array" ref="E1682">IFERROR(INDEX(Jesper!AI$2:AI$366,ROUNDDOWN($C1682/24,0)+1,1)*INDEX($D$3:$AA$30,INDEX(Jesper!$R$2:$R$366,ROW(INDEX(Jesper!AI$2:AI$366,ROUNDDOWN($C1682/24,0)+1,1))-1)+IF('Standard Profiles'!$G$19=$B$10,7,0)+IF('Standard Profiles'!$G$19=$B$17,14,0)+IF('Standard Profiles'!$G$19=$B$24,21,0),MOD($C1682,24)+1)/SUM(INDEX($D$3:$AA$30,INDEX(Jesper!$R$2:$R$366,ROW(INDEX(Jesper!AI$2:AI$366,ROUNDDOWN($C1682/24,0)+1,1))-1)+IF('Standard Profiles'!$G$19=$B$10,7,0)+IF('Standard Profiles'!$G$19=$B$17,14,0)+IF('Standard Profiles'!$G$19=$B$24,21,0),0)),0)</f>
        <v>3.2112799365351186</v>
      </c>
      <c r="F1682" cm="1">
        <f t="array" ref="F1682">IFERROR(INDEX(Jesper!AJ$2:AJ$366,ROUNDDOWN($C1682/24,0)+1,1)*INDEX($D$3:$AA$30,INDEX(Jesper!$R$2:$R$366,ROW(INDEX(Jesper!AJ$2:AJ$366,ROUNDDOWN($C1682/24,0)+1,1))-1)+IF('Standard Profiles'!$G$20=$B$10,7,0)+IF('Standard Profiles'!$G$20=$B$17,14,0)+IF('Standard Profiles'!$G$20=$B$24,21,0),MOD($C1682,24)+1)/SUM(INDEX($D$3:$AA$30,INDEX(Jesper!$R$2:$R$366,ROW(INDEX(Jesper!AJ$2:AJ$366,ROUNDDOWN($C1682/24,0)+1,1))-1)+IF('Standard Profiles'!$G$20=$B$10,7,0)+IF('Standard Profiles'!$G$20=$B$17,14,0)+IF('Standard Profiles'!$G$20=$B$24,21,0),0)),0)</f>
        <v>0</v>
      </c>
      <c r="G1682" cm="1">
        <f t="array" ref="G1682">IFERROR(INDEX(Jesper!AK$2:AK$366,ROUNDDOWN($C1682/24,0)+1,1)*INDEX($D$3:$AA$30,INDEX(Jesper!$R$2:$R$366,ROW(INDEX(Jesper!AK$2:AK$366,ROUNDDOWN($C1682/24,0)+1,1))-1)+IF('Standard Profiles'!$G$21=$B$10,7,0)+IF('Standard Profiles'!$G$21=$B$17,14,0)+IF('Standard Profiles'!$G$21=$B$24,21,0),MOD($C1682,24)+1)/SUM(INDEX($D$3:$AA$30,INDEX(Jesper!$R$2:$R$366,ROW(INDEX(Jesper!AK$2:AK$366,ROUNDDOWN($C1682/24,0)+1,1))-1)+IF('Standard Profiles'!$G$21=$B$10,7,0)+IF('Standard Profiles'!$G$21=$B$17,14,0)+IF('Standard Profiles'!$G$21=$B$24,21,0),0)),0)</f>
        <v>0</v>
      </c>
      <c r="H1682" cm="1">
        <f t="array" ref="H1682">IFERROR(INDEX(Jesper!AL$2:AL$366,ROUNDDOWN($C1682/24,0)+1,1)*INDEX($D$3:$AA$30,INDEX(Jesper!$R$2:$R$366,ROW(INDEX(Jesper!AL$2:AL$366,ROUNDDOWN($C1682/24,0)+1,1))-1)+IF('Standard Profiles'!$G$22=$B$10,7,0)+IF('Standard Profiles'!$G$22=$B$17,14,0)+IF('Standard Profiles'!$G$22=$B$24,21,0),MOD($C1682,24)+1)/SUM(INDEX($D$3:$AA$30,INDEX(Jesper!$R$2:$R$366,ROW(INDEX(Jesper!AL$2:AL$366,ROUNDDOWN($C1682/24,0)+1,1))-1)+IF('Standard Profiles'!$G$22=$B$10,7,0)+IF('Standard Profiles'!$G$22=$B$17,14,0)+IF('Standard Profiles'!$G$22=$B$24,21,0),0)),0)</f>
        <v>0</v>
      </c>
      <c r="I1682">
        <f t="shared" si="195"/>
        <v>0.28930449878694769</v>
      </c>
      <c r="J1682">
        <f t="shared" si="196"/>
        <v>0.96434832928982572</v>
      </c>
      <c r="K1682">
        <f t="shared" si="197"/>
        <v>1.4465224939347388</v>
      </c>
      <c r="L1682">
        <f t="shared" si="198"/>
        <v>13.517722759681778</v>
      </c>
      <c r="M1682">
        <f t="shared" si="199"/>
        <v>0</v>
      </c>
      <c r="N1682" s="46">
        <f t="shared" si="200"/>
        <v>45360.66666666267</v>
      </c>
    </row>
    <row r="1683" spans="2:14" x14ac:dyDescent="0.3">
      <c r="B1683">
        <f t="shared" si="194"/>
        <v>6</v>
      </c>
      <c r="C1683" s="16">
        <v>1649</v>
      </c>
      <c r="D1683" cm="1">
        <f t="array" ref="D1683">IFERROR(INDEX(Jesper!AH$2:AH$366,ROUNDDOWN($C1683/24,0)+1,1)*INDEX($D$3:$AA$30,INDEX(Jesper!$R$2:$R$366,ROW(INDEX(Jesper!AH$2:AH$366,ROUNDDOWN($C1683/24,0)+1,1))-1)+IF('Standard Profiles'!$G$18=$B$10,7,0)+IF('Standard Profiles'!$G$18=$B$17,14,0)+IF('Standard Profiles'!$G$18=$B$24,21,0),MOD($C1683,24)+1)/SUM(INDEX($D$3:$AA$30,INDEX(Jesper!$R$2:$R$366,ROW(INDEX(Jesper!AH$2:AH$366,ROUNDDOWN($C1683/24,0)+1,1))-1)+IF('Standard Profiles'!$G$18=$B$10,7,0)+IF('Standard Profiles'!$G$18=$B$17,14,0)+IF('Standard Profiles'!$G$18=$B$24,21,0),0)),0)</f>
        <v>11.705956330642353</v>
      </c>
      <c r="E1683" cm="1">
        <f t="array" ref="E1683">IFERROR(INDEX(Jesper!AI$2:AI$366,ROUNDDOWN($C1683/24,0)+1,1)*INDEX($D$3:$AA$30,INDEX(Jesper!$R$2:$R$366,ROW(INDEX(Jesper!AI$2:AI$366,ROUNDDOWN($C1683/24,0)+1,1))-1)+IF('Standard Profiles'!$G$19=$B$10,7,0)+IF('Standard Profiles'!$G$19=$B$17,14,0)+IF('Standard Profiles'!$G$19=$B$24,21,0),MOD($C1683,24)+1)/SUM(INDEX($D$3:$AA$30,INDEX(Jesper!$R$2:$R$366,ROW(INDEX(Jesper!AI$2:AI$366,ROUNDDOWN($C1683/24,0)+1,1))-1)+IF('Standard Profiles'!$G$19=$B$10,7,0)+IF('Standard Profiles'!$G$19=$B$17,14,0)+IF('Standard Profiles'!$G$19=$B$24,21,0),0)),0)</f>
        <v>2.8901519428816065</v>
      </c>
      <c r="F1683" cm="1">
        <f t="array" ref="F1683">IFERROR(INDEX(Jesper!AJ$2:AJ$366,ROUNDDOWN($C1683/24,0)+1,1)*INDEX($D$3:$AA$30,INDEX(Jesper!$R$2:$R$366,ROW(INDEX(Jesper!AJ$2:AJ$366,ROUNDDOWN($C1683/24,0)+1,1))-1)+IF('Standard Profiles'!$G$20=$B$10,7,0)+IF('Standard Profiles'!$G$20=$B$17,14,0)+IF('Standard Profiles'!$G$20=$B$24,21,0),MOD($C1683,24)+1)/SUM(INDEX($D$3:$AA$30,INDEX(Jesper!$R$2:$R$366,ROW(INDEX(Jesper!AJ$2:AJ$366,ROUNDDOWN($C1683/24,0)+1,1))-1)+IF('Standard Profiles'!$G$20=$B$10,7,0)+IF('Standard Profiles'!$G$20=$B$17,14,0)+IF('Standard Profiles'!$G$20=$B$24,21,0),0)),0)</f>
        <v>0</v>
      </c>
      <c r="G1683" cm="1">
        <f t="array" ref="G1683">IFERROR(INDEX(Jesper!AK$2:AK$366,ROUNDDOWN($C1683/24,0)+1,1)*INDEX($D$3:$AA$30,INDEX(Jesper!$R$2:$R$366,ROW(INDEX(Jesper!AK$2:AK$366,ROUNDDOWN($C1683/24,0)+1,1))-1)+IF('Standard Profiles'!$G$21=$B$10,7,0)+IF('Standard Profiles'!$G$21=$B$17,14,0)+IF('Standard Profiles'!$G$21=$B$24,21,0),MOD($C1683,24)+1)/SUM(INDEX($D$3:$AA$30,INDEX(Jesper!$R$2:$R$366,ROW(INDEX(Jesper!AK$2:AK$366,ROUNDDOWN($C1683/24,0)+1,1))-1)+IF('Standard Profiles'!$G$21=$B$10,7,0)+IF('Standard Profiles'!$G$21=$B$17,14,0)+IF('Standard Profiles'!$G$21=$B$24,21,0),0)),0)</f>
        <v>0</v>
      </c>
      <c r="H1683" cm="1">
        <f t="array" ref="H1683">IFERROR(INDEX(Jesper!AL$2:AL$366,ROUNDDOWN($C1683/24,0)+1,1)*INDEX($D$3:$AA$30,INDEX(Jesper!$R$2:$R$366,ROW(INDEX(Jesper!AL$2:AL$366,ROUNDDOWN($C1683/24,0)+1,1))-1)+IF('Standard Profiles'!$G$22=$B$10,7,0)+IF('Standard Profiles'!$G$22=$B$17,14,0)+IF('Standard Profiles'!$G$22=$B$24,21,0),MOD($C1683,24)+1)/SUM(INDEX($D$3:$AA$30,INDEX(Jesper!$R$2:$R$366,ROW(INDEX(Jesper!AL$2:AL$366,ROUNDDOWN($C1683/24,0)+1,1))-1)+IF('Standard Profiles'!$G$22=$B$10,7,0)+IF('Standard Profiles'!$G$22=$B$17,14,0)+IF('Standard Profiles'!$G$22=$B$24,21,0),0)),0)</f>
        <v>0</v>
      </c>
      <c r="I1683">
        <f t="shared" si="195"/>
        <v>0.26037404890825289</v>
      </c>
      <c r="J1683">
        <f t="shared" si="196"/>
        <v>0.86791349636084314</v>
      </c>
      <c r="K1683">
        <f t="shared" si="197"/>
        <v>1.3018702445412647</v>
      </c>
      <c r="L1683">
        <f t="shared" si="198"/>
        <v>12.165950483713599</v>
      </c>
      <c r="M1683">
        <f t="shared" si="199"/>
        <v>0</v>
      </c>
      <c r="N1683" s="46">
        <f t="shared" si="200"/>
        <v>45360.708333329334</v>
      </c>
    </row>
    <row r="1684" spans="2:14" x14ac:dyDescent="0.3">
      <c r="B1684">
        <f t="shared" si="194"/>
        <v>6</v>
      </c>
      <c r="C1684" s="16">
        <v>1650</v>
      </c>
      <c r="D1684" cm="1">
        <f t="array" ref="D1684">IFERROR(INDEX(Jesper!AH$2:AH$366,ROUNDDOWN($C1684/24,0)+1,1)*INDEX($D$3:$AA$30,INDEX(Jesper!$R$2:$R$366,ROW(INDEX(Jesper!AH$2:AH$366,ROUNDDOWN($C1684/24,0)+1,1))-1)+IF('Standard Profiles'!$G$18=$B$10,7,0)+IF('Standard Profiles'!$G$18=$B$17,14,0)+IF('Standard Profiles'!$G$18=$B$24,21,0),MOD($C1684,24)+1)/SUM(INDEX($D$3:$AA$30,INDEX(Jesper!$R$2:$R$366,ROW(INDEX(Jesper!AH$2:AH$366,ROUNDDOWN($C1684/24,0)+1,1))-1)+IF('Standard Profiles'!$G$18=$B$10,7,0)+IF('Standard Profiles'!$G$18=$B$17,14,0)+IF('Standard Profiles'!$G$18=$B$24,21,0),0)),0)</f>
        <v>11.272402392470413</v>
      </c>
      <c r="E1684" cm="1">
        <f t="array" ref="E1684">IFERROR(INDEX(Jesper!AI$2:AI$366,ROUNDDOWN($C1684/24,0)+1,1)*INDEX($D$3:$AA$30,INDEX(Jesper!$R$2:$R$366,ROW(INDEX(Jesper!AI$2:AI$366,ROUNDDOWN($C1684/24,0)+1,1))-1)+IF('Standard Profiles'!$G$19=$B$10,7,0)+IF('Standard Profiles'!$G$19=$B$17,14,0)+IF('Standard Profiles'!$G$19=$B$24,21,0),MOD($C1684,24)+1)/SUM(INDEX($D$3:$AA$30,INDEX(Jesper!$R$2:$R$366,ROW(INDEX(Jesper!AI$2:AI$366,ROUNDDOWN($C1684/24,0)+1,1))-1)+IF('Standard Profiles'!$G$19=$B$10,7,0)+IF('Standard Profiles'!$G$19=$B$17,14,0)+IF('Standard Profiles'!$G$19=$B$24,21,0),0)),0)</f>
        <v>2.7831092783304356</v>
      </c>
      <c r="F1684" cm="1">
        <f t="array" ref="F1684">IFERROR(INDEX(Jesper!AJ$2:AJ$366,ROUNDDOWN($C1684/24,0)+1,1)*INDEX($D$3:$AA$30,INDEX(Jesper!$R$2:$R$366,ROW(INDEX(Jesper!AJ$2:AJ$366,ROUNDDOWN($C1684/24,0)+1,1))-1)+IF('Standard Profiles'!$G$20=$B$10,7,0)+IF('Standard Profiles'!$G$20=$B$17,14,0)+IF('Standard Profiles'!$G$20=$B$24,21,0),MOD($C1684,24)+1)/SUM(INDEX($D$3:$AA$30,INDEX(Jesper!$R$2:$R$366,ROW(INDEX(Jesper!AJ$2:AJ$366,ROUNDDOWN($C1684/24,0)+1,1))-1)+IF('Standard Profiles'!$G$20=$B$10,7,0)+IF('Standard Profiles'!$G$20=$B$17,14,0)+IF('Standard Profiles'!$G$20=$B$24,21,0),0)),0)</f>
        <v>0</v>
      </c>
      <c r="G1684" cm="1">
        <f t="array" ref="G1684">IFERROR(INDEX(Jesper!AK$2:AK$366,ROUNDDOWN($C1684/24,0)+1,1)*INDEX($D$3:$AA$30,INDEX(Jesper!$R$2:$R$366,ROW(INDEX(Jesper!AK$2:AK$366,ROUNDDOWN($C1684/24,0)+1,1))-1)+IF('Standard Profiles'!$G$21=$B$10,7,0)+IF('Standard Profiles'!$G$21=$B$17,14,0)+IF('Standard Profiles'!$G$21=$B$24,21,0),MOD($C1684,24)+1)/SUM(INDEX($D$3:$AA$30,INDEX(Jesper!$R$2:$R$366,ROW(INDEX(Jesper!AK$2:AK$366,ROUNDDOWN($C1684/24,0)+1,1))-1)+IF('Standard Profiles'!$G$21=$B$10,7,0)+IF('Standard Profiles'!$G$21=$B$17,14,0)+IF('Standard Profiles'!$G$21=$B$24,21,0),0)),0)</f>
        <v>0</v>
      </c>
      <c r="H1684" cm="1">
        <f t="array" ref="H1684">IFERROR(INDEX(Jesper!AL$2:AL$366,ROUNDDOWN($C1684/24,0)+1,1)*INDEX($D$3:$AA$30,INDEX(Jesper!$R$2:$R$366,ROW(INDEX(Jesper!AL$2:AL$366,ROUNDDOWN($C1684/24,0)+1,1))-1)+IF('Standard Profiles'!$G$22=$B$10,7,0)+IF('Standard Profiles'!$G$22=$B$17,14,0)+IF('Standard Profiles'!$G$22=$B$24,21,0),MOD($C1684,24)+1)/SUM(INDEX($D$3:$AA$30,INDEX(Jesper!$R$2:$R$366,ROW(INDEX(Jesper!AL$2:AL$366,ROUNDDOWN($C1684/24,0)+1,1))-1)+IF('Standard Profiles'!$G$22=$B$10,7,0)+IF('Standard Profiles'!$G$22=$B$17,14,0)+IF('Standard Profiles'!$G$22=$B$24,21,0),0)),0)</f>
        <v>0</v>
      </c>
      <c r="I1684">
        <f t="shared" si="195"/>
        <v>0.25073056561535462</v>
      </c>
      <c r="J1684">
        <f t="shared" si="196"/>
        <v>0.83576855205118217</v>
      </c>
      <c r="K1684">
        <f t="shared" si="197"/>
        <v>1.2536528280767734</v>
      </c>
      <c r="L1684">
        <f t="shared" si="198"/>
        <v>11.715359725057539</v>
      </c>
      <c r="M1684">
        <f t="shared" si="199"/>
        <v>0</v>
      </c>
      <c r="N1684" s="46">
        <f t="shared" si="200"/>
        <v>45360.749999995998</v>
      </c>
    </row>
    <row r="1685" spans="2:14" x14ac:dyDescent="0.3">
      <c r="B1685">
        <f t="shared" si="194"/>
        <v>6</v>
      </c>
      <c r="C1685" s="16">
        <v>1651</v>
      </c>
      <c r="D1685" cm="1">
        <f t="array" ref="D1685">IFERROR(INDEX(Jesper!AH$2:AH$366,ROUNDDOWN($C1685/24,0)+1,1)*INDEX($D$3:$AA$30,INDEX(Jesper!$R$2:$R$366,ROW(INDEX(Jesper!AH$2:AH$366,ROUNDDOWN($C1685/24,0)+1,1))-1)+IF('Standard Profiles'!$G$18=$B$10,7,0)+IF('Standard Profiles'!$G$18=$B$17,14,0)+IF('Standard Profiles'!$G$18=$B$24,21,0),MOD($C1685,24)+1)/SUM(INDEX($D$3:$AA$30,INDEX(Jesper!$R$2:$R$366,ROW(INDEX(Jesper!AH$2:AH$366,ROUNDDOWN($C1685/24,0)+1,1))-1)+IF('Standard Profiles'!$G$18=$B$10,7,0)+IF('Standard Profiles'!$G$18=$B$17,14,0)+IF('Standard Profiles'!$G$18=$B$24,21,0),0)),0)</f>
        <v>9.1046327016107185</v>
      </c>
      <c r="E1685" cm="1">
        <f t="array" ref="E1685">IFERROR(INDEX(Jesper!AI$2:AI$366,ROUNDDOWN($C1685/24,0)+1,1)*INDEX($D$3:$AA$30,INDEX(Jesper!$R$2:$R$366,ROW(INDEX(Jesper!AI$2:AI$366,ROUNDDOWN($C1685/24,0)+1,1))-1)+IF('Standard Profiles'!$G$19=$B$10,7,0)+IF('Standard Profiles'!$G$19=$B$17,14,0)+IF('Standard Profiles'!$G$19=$B$24,21,0),MOD($C1685,24)+1)/SUM(INDEX($D$3:$AA$30,INDEX(Jesper!$R$2:$R$366,ROW(INDEX(Jesper!AI$2:AI$366,ROUNDDOWN($C1685/24,0)+1,1))-1)+IF('Standard Profiles'!$G$19=$B$10,7,0)+IF('Standard Profiles'!$G$19=$B$17,14,0)+IF('Standard Profiles'!$G$19=$B$24,21,0),0)),0)</f>
        <v>2.2478959555745828</v>
      </c>
      <c r="F1685" cm="1">
        <f t="array" ref="F1685">IFERROR(INDEX(Jesper!AJ$2:AJ$366,ROUNDDOWN($C1685/24,0)+1,1)*INDEX($D$3:$AA$30,INDEX(Jesper!$R$2:$R$366,ROW(INDEX(Jesper!AJ$2:AJ$366,ROUNDDOWN($C1685/24,0)+1,1))-1)+IF('Standard Profiles'!$G$20=$B$10,7,0)+IF('Standard Profiles'!$G$20=$B$17,14,0)+IF('Standard Profiles'!$G$20=$B$24,21,0),MOD($C1685,24)+1)/SUM(INDEX($D$3:$AA$30,INDEX(Jesper!$R$2:$R$366,ROW(INDEX(Jesper!AJ$2:AJ$366,ROUNDDOWN($C1685/24,0)+1,1))-1)+IF('Standard Profiles'!$G$20=$B$10,7,0)+IF('Standard Profiles'!$G$20=$B$17,14,0)+IF('Standard Profiles'!$G$20=$B$24,21,0),0)),0)</f>
        <v>0</v>
      </c>
      <c r="G1685" cm="1">
        <f t="array" ref="G1685">IFERROR(INDEX(Jesper!AK$2:AK$366,ROUNDDOWN($C1685/24,0)+1,1)*INDEX($D$3:$AA$30,INDEX(Jesper!$R$2:$R$366,ROW(INDEX(Jesper!AK$2:AK$366,ROUNDDOWN($C1685/24,0)+1,1))-1)+IF('Standard Profiles'!$G$21=$B$10,7,0)+IF('Standard Profiles'!$G$21=$B$17,14,0)+IF('Standard Profiles'!$G$21=$B$24,21,0),MOD($C1685,24)+1)/SUM(INDEX($D$3:$AA$30,INDEX(Jesper!$R$2:$R$366,ROW(INDEX(Jesper!AK$2:AK$366,ROUNDDOWN($C1685/24,0)+1,1))-1)+IF('Standard Profiles'!$G$21=$B$10,7,0)+IF('Standard Profiles'!$G$21=$B$17,14,0)+IF('Standard Profiles'!$G$21=$B$24,21,0),0)),0)</f>
        <v>0</v>
      </c>
      <c r="H1685" cm="1">
        <f t="array" ref="H1685">IFERROR(INDEX(Jesper!AL$2:AL$366,ROUNDDOWN($C1685/24,0)+1,1)*INDEX($D$3:$AA$30,INDEX(Jesper!$R$2:$R$366,ROW(INDEX(Jesper!AL$2:AL$366,ROUNDDOWN($C1685/24,0)+1,1))-1)+IF('Standard Profiles'!$G$22=$B$10,7,0)+IF('Standard Profiles'!$G$22=$B$17,14,0)+IF('Standard Profiles'!$G$22=$B$24,21,0),MOD($C1685,24)+1)/SUM(INDEX($D$3:$AA$30,INDEX(Jesper!$R$2:$R$366,ROW(INDEX(Jesper!AL$2:AL$366,ROUNDDOWN($C1685/24,0)+1,1))-1)+IF('Standard Profiles'!$G$22=$B$10,7,0)+IF('Standard Profiles'!$G$22=$B$17,14,0)+IF('Standard Profiles'!$G$22=$B$24,21,0),0)),0)</f>
        <v>0</v>
      </c>
      <c r="I1685">
        <f t="shared" si="195"/>
        <v>0.20251314915086335</v>
      </c>
      <c r="J1685">
        <f t="shared" si="196"/>
        <v>0.67504383050287797</v>
      </c>
      <c r="K1685">
        <f t="shared" si="197"/>
        <v>1.0125657457543169</v>
      </c>
      <c r="L1685">
        <f t="shared" si="198"/>
        <v>9.4624059317772424</v>
      </c>
      <c r="M1685">
        <f t="shared" si="199"/>
        <v>0</v>
      </c>
      <c r="N1685" s="46">
        <f t="shared" si="200"/>
        <v>45360.791666662662</v>
      </c>
    </row>
    <row r="1686" spans="2:14" x14ac:dyDescent="0.3">
      <c r="B1686">
        <f t="shared" si="194"/>
        <v>6</v>
      </c>
      <c r="C1686" s="16">
        <v>1652</v>
      </c>
      <c r="D1686" cm="1">
        <f t="array" ref="D1686">IFERROR(INDEX(Jesper!AH$2:AH$366,ROUNDDOWN($C1686/24,0)+1,1)*INDEX($D$3:$AA$30,INDEX(Jesper!$R$2:$R$366,ROW(INDEX(Jesper!AH$2:AH$366,ROUNDDOWN($C1686/24,0)+1,1))-1)+IF('Standard Profiles'!$G$18=$B$10,7,0)+IF('Standard Profiles'!$G$18=$B$17,14,0)+IF('Standard Profiles'!$G$18=$B$24,21,0),MOD($C1686,24)+1)/SUM(INDEX($D$3:$AA$30,INDEX(Jesper!$R$2:$R$366,ROW(INDEX(Jesper!AH$2:AH$366,ROUNDDOWN($C1686/24,0)+1,1))-1)+IF('Standard Profiles'!$G$18=$B$10,7,0)+IF('Standard Profiles'!$G$18=$B$17,14,0)+IF('Standard Profiles'!$G$18=$B$24,21,0),0)),0)</f>
        <v>6.7200860416650539</v>
      </c>
      <c r="E1686" cm="1">
        <f t="array" ref="E1686">IFERROR(INDEX(Jesper!AI$2:AI$366,ROUNDDOWN($C1686/24,0)+1,1)*INDEX($D$3:$AA$30,INDEX(Jesper!$R$2:$R$366,ROW(INDEX(Jesper!AI$2:AI$366,ROUNDDOWN($C1686/24,0)+1,1))-1)+IF('Standard Profiles'!$G$19=$B$10,7,0)+IF('Standard Profiles'!$G$19=$B$17,14,0)+IF('Standard Profiles'!$G$19=$B$24,21,0),MOD($C1686,24)+1)/SUM(INDEX($D$3:$AA$30,INDEX(Jesper!$R$2:$R$366,ROW(INDEX(Jesper!AI$2:AI$366,ROUNDDOWN($C1686/24,0)+1,1))-1)+IF('Standard Profiles'!$G$19=$B$10,7,0)+IF('Standard Profiles'!$G$19=$B$17,14,0)+IF('Standard Profiles'!$G$19=$B$24,21,0),0)),0)</f>
        <v>1.6591613005431445</v>
      </c>
      <c r="F1686" cm="1">
        <f t="array" ref="F1686">IFERROR(INDEX(Jesper!AJ$2:AJ$366,ROUNDDOWN($C1686/24,0)+1,1)*INDEX($D$3:$AA$30,INDEX(Jesper!$R$2:$R$366,ROW(INDEX(Jesper!AJ$2:AJ$366,ROUNDDOWN($C1686/24,0)+1,1))-1)+IF('Standard Profiles'!$G$20=$B$10,7,0)+IF('Standard Profiles'!$G$20=$B$17,14,0)+IF('Standard Profiles'!$G$20=$B$24,21,0),MOD($C1686,24)+1)/SUM(INDEX($D$3:$AA$30,INDEX(Jesper!$R$2:$R$366,ROW(INDEX(Jesper!AJ$2:AJ$366,ROUNDDOWN($C1686/24,0)+1,1))-1)+IF('Standard Profiles'!$G$20=$B$10,7,0)+IF('Standard Profiles'!$G$20=$B$17,14,0)+IF('Standard Profiles'!$G$20=$B$24,21,0),0)),0)</f>
        <v>0</v>
      </c>
      <c r="G1686" cm="1">
        <f t="array" ref="G1686">IFERROR(INDEX(Jesper!AK$2:AK$366,ROUNDDOWN($C1686/24,0)+1,1)*INDEX($D$3:$AA$30,INDEX(Jesper!$R$2:$R$366,ROW(INDEX(Jesper!AK$2:AK$366,ROUNDDOWN($C1686/24,0)+1,1))-1)+IF('Standard Profiles'!$G$21=$B$10,7,0)+IF('Standard Profiles'!$G$21=$B$17,14,0)+IF('Standard Profiles'!$G$21=$B$24,21,0),MOD($C1686,24)+1)/SUM(INDEX($D$3:$AA$30,INDEX(Jesper!$R$2:$R$366,ROW(INDEX(Jesper!AK$2:AK$366,ROUNDDOWN($C1686/24,0)+1,1))-1)+IF('Standard Profiles'!$G$21=$B$10,7,0)+IF('Standard Profiles'!$G$21=$B$17,14,0)+IF('Standard Profiles'!$G$21=$B$24,21,0),0)),0)</f>
        <v>0</v>
      </c>
      <c r="H1686" cm="1">
        <f t="array" ref="H1686">IFERROR(INDEX(Jesper!AL$2:AL$366,ROUNDDOWN($C1686/24,0)+1,1)*INDEX($D$3:$AA$30,INDEX(Jesper!$R$2:$R$366,ROW(INDEX(Jesper!AL$2:AL$366,ROUNDDOWN($C1686/24,0)+1,1))-1)+IF('Standard Profiles'!$G$22=$B$10,7,0)+IF('Standard Profiles'!$G$22=$B$17,14,0)+IF('Standard Profiles'!$G$22=$B$24,21,0),MOD($C1686,24)+1)/SUM(INDEX($D$3:$AA$30,INDEX(Jesper!$R$2:$R$366,ROW(INDEX(Jesper!AL$2:AL$366,ROUNDDOWN($C1686/24,0)+1,1))-1)+IF('Standard Profiles'!$G$22=$B$10,7,0)+IF('Standard Profiles'!$G$22=$B$17,14,0)+IF('Standard Profiles'!$G$22=$B$24,21,0),0)),0)</f>
        <v>0</v>
      </c>
      <c r="I1686">
        <f t="shared" si="195"/>
        <v>0.14947399103992295</v>
      </c>
      <c r="J1686">
        <f t="shared" si="196"/>
        <v>0.49824663679974329</v>
      </c>
      <c r="K1686">
        <f t="shared" si="197"/>
        <v>0.74736995519961491</v>
      </c>
      <c r="L1686">
        <f t="shared" si="198"/>
        <v>6.9841567591689175</v>
      </c>
      <c r="M1686">
        <f t="shared" si="199"/>
        <v>0</v>
      </c>
      <c r="N1686" s="46">
        <f t="shared" si="200"/>
        <v>45360.833333329327</v>
      </c>
    </row>
    <row r="1687" spans="2:14" x14ac:dyDescent="0.3">
      <c r="B1687">
        <f t="shared" si="194"/>
        <v>6</v>
      </c>
      <c r="C1687" s="16">
        <v>1653</v>
      </c>
      <c r="D1687" cm="1">
        <f t="array" ref="D1687">IFERROR(INDEX(Jesper!AH$2:AH$366,ROUNDDOWN($C1687/24,0)+1,1)*INDEX($D$3:$AA$30,INDEX(Jesper!$R$2:$R$366,ROW(INDEX(Jesper!AH$2:AH$366,ROUNDDOWN($C1687/24,0)+1,1))-1)+IF('Standard Profiles'!$G$18=$B$10,7,0)+IF('Standard Profiles'!$G$18=$B$17,14,0)+IF('Standard Profiles'!$G$18=$B$24,21,0),MOD($C1687,24)+1)/SUM(INDEX($D$3:$AA$30,INDEX(Jesper!$R$2:$R$366,ROW(INDEX(Jesper!AH$2:AH$366,ROUNDDOWN($C1687/24,0)+1,1))-1)+IF('Standard Profiles'!$G$18=$B$10,7,0)+IF('Standard Profiles'!$G$18=$B$17,14,0)+IF('Standard Profiles'!$G$18=$B$24,21,0),0)),0)</f>
        <v>6.7200860416650539</v>
      </c>
      <c r="E1687" cm="1">
        <f t="array" ref="E1687">IFERROR(INDEX(Jesper!AI$2:AI$366,ROUNDDOWN($C1687/24,0)+1,1)*INDEX($D$3:$AA$30,INDEX(Jesper!$R$2:$R$366,ROW(INDEX(Jesper!AI$2:AI$366,ROUNDDOWN($C1687/24,0)+1,1))-1)+IF('Standard Profiles'!$G$19=$B$10,7,0)+IF('Standard Profiles'!$G$19=$B$17,14,0)+IF('Standard Profiles'!$G$19=$B$24,21,0),MOD($C1687,24)+1)/SUM(INDEX($D$3:$AA$30,INDEX(Jesper!$R$2:$R$366,ROW(INDEX(Jesper!AI$2:AI$366,ROUNDDOWN($C1687/24,0)+1,1))-1)+IF('Standard Profiles'!$G$19=$B$10,7,0)+IF('Standard Profiles'!$G$19=$B$17,14,0)+IF('Standard Profiles'!$G$19=$B$24,21,0),0)),0)</f>
        <v>1.6591613005431445</v>
      </c>
      <c r="F1687" cm="1">
        <f t="array" ref="F1687">IFERROR(INDEX(Jesper!AJ$2:AJ$366,ROUNDDOWN($C1687/24,0)+1,1)*INDEX($D$3:$AA$30,INDEX(Jesper!$R$2:$R$366,ROW(INDEX(Jesper!AJ$2:AJ$366,ROUNDDOWN($C1687/24,0)+1,1))-1)+IF('Standard Profiles'!$G$20=$B$10,7,0)+IF('Standard Profiles'!$G$20=$B$17,14,0)+IF('Standard Profiles'!$G$20=$B$24,21,0),MOD($C1687,24)+1)/SUM(INDEX($D$3:$AA$30,INDEX(Jesper!$R$2:$R$366,ROW(INDEX(Jesper!AJ$2:AJ$366,ROUNDDOWN($C1687/24,0)+1,1))-1)+IF('Standard Profiles'!$G$20=$B$10,7,0)+IF('Standard Profiles'!$G$20=$B$17,14,0)+IF('Standard Profiles'!$G$20=$B$24,21,0),0)),0)</f>
        <v>0</v>
      </c>
      <c r="G1687" cm="1">
        <f t="array" ref="G1687">IFERROR(INDEX(Jesper!AK$2:AK$366,ROUNDDOWN($C1687/24,0)+1,1)*INDEX($D$3:$AA$30,INDEX(Jesper!$R$2:$R$366,ROW(INDEX(Jesper!AK$2:AK$366,ROUNDDOWN($C1687/24,0)+1,1))-1)+IF('Standard Profiles'!$G$21=$B$10,7,0)+IF('Standard Profiles'!$G$21=$B$17,14,0)+IF('Standard Profiles'!$G$21=$B$24,21,0),MOD($C1687,24)+1)/SUM(INDEX($D$3:$AA$30,INDEX(Jesper!$R$2:$R$366,ROW(INDEX(Jesper!AK$2:AK$366,ROUNDDOWN($C1687/24,0)+1,1))-1)+IF('Standard Profiles'!$G$21=$B$10,7,0)+IF('Standard Profiles'!$G$21=$B$17,14,0)+IF('Standard Profiles'!$G$21=$B$24,21,0),0)),0)</f>
        <v>0</v>
      </c>
      <c r="H1687" cm="1">
        <f t="array" ref="H1687">IFERROR(INDEX(Jesper!AL$2:AL$366,ROUNDDOWN($C1687/24,0)+1,1)*INDEX($D$3:$AA$30,INDEX(Jesper!$R$2:$R$366,ROW(INDEX(Jesper!AL$2:AL$366,ROUNDDOWN($C1687/24,0)+1,1))-1)+IF('Standard Profiles'!$G$22=$B$10,7,0)+IF('Standard Profiles'!$G$22=$B$17,14,0)+IF('Standard Profiles'!$G$22=$B$24,21,0),MOD($C1687,24)+1)/SUM(INDEX($D$3:$AA$30,INDEX(Jesper!$R$2:$R$366,ROW(INDEX(Jesper!AL$2:AL$366,ROUNDDOWN($C1687/24,0)+1,1))-1)+IF('Standard Profiles'!$G$22=$B$10,7,0)+IF('Standard Profiles'!$G$22=$B$17,14,0)+IF('Standard Profiles'!$G$22=$B$24,21,0),0)),0)</f>
        <v>0</v>
      </c>
      <c r="I1687">
        <f t="shared" si="195"/>
        <v>0.14947399103992295</v>
      </c>
      <c r="J1687">
        <f t="shared" si="196"/>
        <v>0.49824663679974329</v>
      </c>
      <c r="K1687">
        <f t="shared" si="197"/>
        <v>0.74736995519961491</v>
      </c>
      <c r="L1687">
        <f t="shared" si="198"/>
        <v>6.9841567591689175</v>
      </c>
      <c r="M1687">
        <f t="shared" si="199"/>
        <v>0</v>
      </c>
      <c r="N1687" s="46">
        <f t="shared" si="200"/>
        <v>45360.874999995991</v>
      </c>
    </row>
    <row r="1688" spans="2:14" x14ac:dyDescent="0.3">
      <c r="B1688">
        <f t="shared" si="194"/>
        <v>6</v>
      </c>
      <c r="C1688" s="16">
        <v>1654</v>
      </c>
      <c r="D1688" cm="1">
        <f t="array" ref="D1688">IFERROR(INDEX(Jesper!AH$2:AH$366,ROUNDDOWN($C1688/24,0)+1,1)*INDEX($D$3:$AA$30,INDEX(Jesper!$R$2:$R$366,ROW(INDEX(Jesper!AH$2:AH$366,ROUNDDOWN($C1688/24,0)+1,1))-1)+IF('Standard Profiles'!$G$18=$B$10,7,0)+IF('Standard Profiles'!$G$18=$B$17,14,0)+IF('Standard Profiles'!$G$18=$B$24,21,0),MOD($C1688,24)+1)/SUM(INDEX($D$3:$AA$30,INDEX(Jesper!$R$2:$R$366,ROW(INDEX(Jesper!AH$2:AH$366,ROUNDDOWN($C1688/24,0)+1,1))-1)+IF('Standard Profiles'!$G$18=$B$10,7,0)+IF('Standard Profiles'!$G$18=$B$17,14,0)+IF('Standard Profiles'!$G$18=$B$24,21,0),0)),0)</f>
        <v>6.7200860416650539</v>
      </c>
      <c r="E1688" cm="1">
        <f t="array" ref="E1688">IFERROR(INDEX(Jesper!AI$2:AI$366,ROUNDDOWN($C1688/24,0)+1,1)*INDEX($D$3:$AA$30,INDEX(Jesper!$R$2:$R$366,ROW(INDEX(Jesper!AI$2:AI$366,ROUNDDOWN($C1688/24,0)+1,1))-1)+IF('Standard Profiles'!$G$19=$B$10,7,0)+IF('Standard Profiles'!$G$19=$B$17,14,0)+IF('Standard Profiles'!$G$19=$B$24,21,0),MOD($C1688,24)+1)/SUM(INDEX($D$3:$AA$30,INDEX(Jesper!$R$2:$R$366,ROW(INDEX(Jesper!AI$2:AI$366,ROUNDDOWN($C1688/24,0)+1,1))-1)+IF('Standard Profiles'!$G$19=$B$10,7,0)+IF('Standard Profiles'!$G$19=$B$17,14,0)+IF('Standard Profiles'!$G$19=$B$24,21,0),0)),0)</f>
        <v>1.6591613005431445</v>
      </c>
      <c r="F1688" cm="1">
        <f t="array" ref="F1688">IFERROR(INDEX(Jesper!AJ$2:AJ$366,ROUNDDOWN($C1688/24,0)+1,1)*INDEX($D$3:$AA$30,INDEX(Jesper!$R$2:$R$366,ROW(INDEX(Jesper!AJ$2:AJ$366,ROUNDDOWN($C1688/24,0)+1,1))-1)+IF('Standard Profiles'!$G$20=$B$10,7,0)+IF('Standard Profiles'!$G$20=$B$17,14,0)+IF('Standard Profiles'!$G$20=$B$24,21,0),MOD($C1688,24)+1)/SUM(INDEX($D$3:$AA$30,INDEX(Jesper!$R$2:$R$366,ROW(INDEX(Jesper!AJ$2:AJ$366,ROUNDDOWN($C1688/24,0)+1,1))-1)+IF('Standard Profiles'!$G$20=$B$10,7,0)+IF('Standard Profiles'!$G$20=$B$17,14,0)+IF('Standard Profiles'!$G$20=$B$24,21,0),0)),0)</f>
        <v>0</v>
      </c>
      <c r="G1688" cm="1">
        <f t="array" ref="G1688">IFERROR(INDEX(Jesper!AK$2:AK$366,ROUNDDOWN($C1688/24,0)+1,1)*INDEX($D$3:$AA$30,INDEX(Jesper!$R$2:$R$366,ROW(INDEX(Jesper!AK$2:AK$366,ROUNDDOWN($C1688/24,0)+1,1))-1)+IF('Standard Profiles'!$G$21=$B$10,7,0)+IF('Standard Profiles'!$G$21=$B$17,14,0)+IF('Standard Profiles'!$G$21=$B$24,21,0),MOD($C1688,24)+1)/SUM(INDEX($D$3:$AA$30,INDEX(Jesper!$R$2:$R$366,ROW(INDEX(Jesper!AK$2:AK$366,ROUNDDOWN($C1688/24,0)+1,1))-1)+IF('Standard Profiles'!$G$21=$B$10,7,0)+IF('Standard Profiles'!$G$21=$B$17,14,0)+IF('Standard Profiles'!$G$21=$B$24,21,0),0)),0)</f>
        <v>0</v>
      </c>
      <c r="H1688" cm="1">
        <f t="array" ref="H1688">IFERROR(INDEX(Jesper!AL$2:AL$366,ROUNDDOWN($C1688/24,0)+1,1)*INDEX($D$3:$AA$30,INDEX(Jesper!$R$2:$R$366,ROW(INDEX(Jesper!AL$2:AL$366,ROUNDDOWN($C1688/24,0)+1,1))-1)+IF('Standard Profiles'!$G$22=$B$10,7,0)+IF('Standard Profiles'!$G$22=$B$17,14,0)+IF('Standard Profiles'!$G$22=$B$24,21,0),MOD($C1688,24)+1)/SUM(INDEX($D$3:$AA$30,INDEX(Jesper!$R$2:$R$366,ROW(INDEX(Jesper!AL$2:AL$366,ROUNDDOWN($C1688/24,0)+1,1))-1)+IF('Standard Profiles'!$G$22=$B$10,7,0)+IF('Standard Profiles'!$G$22=$B$17,14,0)+IF('Standard Profiles'!$G$22=$B$24,21,0),0)),0)</f>
        <v>0</v>
      </c>
      <c r="I1688">
        <f t="shared" si="195"/>
        <v>0.14947399103992295</v>
      </c>
      <c r="J1688">
        <f t="shared" si="196"/>
        <v>0.49824663679974329</v>
      </c>
      <c r="K1688">
        <f t="shared" si="197"/>
        <v>0.74736995519961491</v>
      </c>
      <c r="L1688">
        <f t="shared" si="198"/>
        <v>6.9841567591689175</v>
      </c>
      <c r="M1688">
        <f t="shared" si="199"/>
        <v>0</v>
      </c>
      <c r="N1688" s="46">
        <f t="shared" si="200"/>
        <v>45360.916666662655</v>
      </c>
    </row>
    <row r="1689" spans="2:14" x14ac:dyDescent="0.3">
      <c r="B1689">
        <f t="shared" si="194"/>
        <v>6</v>
      </c>
      <c r="C1689" s="16">
        <v>1655</v>
      </c>
      <c r="D1689" cm="1">
        <f t="array" ref="D1689">IFERROR(INDEX(Jesper!AH$2:AH$366,ROUNDDOWN($C1689/24,0)+1,1)*INDEX($D$3:$AA$30,INDEX(Jesper!$R$2:$R$366,ROW(INDEX(Jesper!AH$2:AH$366,ROUNDDOWN($C1689/24,0)+1,1))-1)+IF('Standard Profiles'!$G$18=$B$10,7,0)+IF('Standard Profiles'!$G$18=$B$17,14,0)+IF('Standard Profiles'!$G$18=$B$24,21,0),MOD($C1689,24)+1)/SUM(INDEX($D$3:$AA$30,INDEX(Jesper!$R$2:$R$366,ROW(INDEX(Jesper!AH$2:AH$366,ROUNDDOWN($C1689/24,0)+1,1))-1)+IF('Standard Profiles'!$G$18=$B$10,7,0)+IF('Standard Profiles'!$G$18=$B$17,14,0)+IF('Standard Profiles'!$G$18=$B$24,21,0),0)),0)</f>
        <v>6.7200860416650539</v>
      </c>
      <c r="E1689" cm="1">
        <f t="array" ref="E1689">IFERROR(INDEX(Jesper!AI$2:AI$366,ROUNDDOWN($C1689/24,0)+1,1)*INDEX($D$3:$AA$30,INDEX(Jesper!$R$2:$R$366,ROW(INDEX(Jesper!AI$2:AI$366,ROUNDDOWN($C1689/24,0)+1,1))-1)+IF('Standard Profiles'!$G$19=$B$10,7,0)+IF('Standard Profiles'!$G$19=$B$17,14,0)+IF('Standard Profiles'!$G$19=$B$24,21,0),MOD($C1689,24)+1)/SUM(INDEX($D$3:$AA$30,INDEX(Jesper!$R$2:$R$366,ROW(INDEX(Jesper!AI$2:AI$366,ROUNDDOWN($C1689/24,0)+1,1))-1)+IF('Standard Profiles'!$G$19=$B$10,7,0)+IF('Standard Profiles'!$G$19=$B$17,14,0)+IF('Standard Profiles'!$G$19=$B$24,21,0),0)),0)</f>
        <v>1.6591613005431445</v>
      </c>
      <c r="F1689" cm="1">
        <f t="array" ref="F1689">IFERROR(INDEX(Jesper!AJ$2:AJ$366,ROUNDDOWN($C1689/24,0)+1,1)*INDEX($D$3:$AA$30,INDEX(Jesper!$R$2:$R$366,ROW(INDEX(Jesper!AJ$2:AJ$366,ROUNDDOWN($C1689/24,0)+1,1))-1)+IF('Standard Profiles'!$G$20=$B$10,7,0)+IF('Standard Profiles'!$G$20=$B$17,14,0)+IF('Standard Profiles'!$G$20=$B$24,21,0),MOD($C1689,24)+1)/SUM(INDEX($D$3:$AA$30,INDEX(Jesper!$R$2:$R$366,ROW(INDEX(Jesper!AJ$2:AJ$366,ROUNDDOWN($C1689/24,0)+1,1))-1)+IF('Standard Profiles'!$G$20=$B$10,7,0)+IF('Standard Profiles'!$G$20=$B$17,14,0)+IF('Standard Profiles'!$G$20=$B$24,21,0),0)),0)</f>
        <v>0</v>
      </c>
      <c r="G1689" cm="1">
        <f t="array" ref="G1689">IFERROR(INDEX(Jesper!AK$2:AK$366,ROUNDDOWN($C1689/24,0)+1,1)*INDEX($D$3:$AA$30,INDEX(Jesper!$R$2:$R$366,ROW(INDEX(Jesper!AK$2:AK$366,ROUNDDOWN($C1689/24,0)+1,1))-1)+IF('Standard Profiles'!$G$21=$B$10,7,0)+IF('Standard Profiles'!$G$21=$B$17,14,0)+IF('Standard Profiles'!$G$21=$B$24,21,0),MOD($C1689,24)+1)/SUM(INDEX($D$3:$AA$30,INDEX(Jesper!$R$2:$R$366,ROW(INDEX(Jesper!AK$2:AK$366,ROUNDDOWN($C1689/24,0)+1,1))-1)+IF('Standard Profiles'!$G$21=$B$10,7,0)+IF('Standard Profiles'!$G$21=$B$17,14,0)+IF('Standard Profiles'!$G$21=$B$24,21,0),0)),0)</f>
        <v>0</v>
      </c>
      <c r="H1689" cm="1">
        <f t="array" ref="H1689">IFERROR(INDEX(Jesper!AL$2:AL$366,ROUNDDOWN($C1689/24,0)+1,1)*INDEX($D$3:$AA$30,INDEX(Jesper!$R$2:$R$366,ROW(INDEX(Jesper!AL$2:AL$366,ROUNDDOWN($C1689/24,0)+1,1))-1)+IF('Standard Profiles'!$G$22=$B$10,7,0)+IF('Standard Profiles'!$G$22=$B$17,14,0)+IF('Standard Profiles'!$G$22=$B$24,21,0),MOD($C1689,24)+1)/SUM(INDEX($D$3:$AA$30,INDEX(Jesper!$R$2:$R$366,ROW(INDEX(Jesper!AL$2:AL$366,ROUNDDOWN($C1689/24,0)+1,1))-1)+IF('Standard Profiles'!$G$22=$B$10,7,0)+IF('Standard Profiles'!$G$22=$B$17,14,0)+IF('Standard Profiles'!$G$22=$B$24,21,0),0)),0)</f>
        <v>0</v>
      </c>
      <c r="I1689">
        <f t="shared" si="195"/>
        <v>0.14947399103992295</v>
      </c>
      <c r="J1689">
        <f t="shared" si="196"/>
        <v>0.49824663679974329</v>
      </c>
      <c r="K1689">
        <f t="shared" si="197"/>
        <v>0.74736995519961491</v>
      </c>
      <c r="L1689">
        <f t="shared" si="198"/>
        <v>6.9841567591689175</v>
      </c>
      <c r="M1689">
        <f t="shared" si="199"/>
        <v>0</v>
      </c>
      <c r="N1689" s="46">
        <f t="shared" si="200"/>
        <v>45360.958333329319</v>
      </c>
    </row>
    <row r="1690" spans="2:14" x14ac:dyDescent="0.3">
      <c r="B1690">
        <f t="shared" si="194"/>
        <v>7</v>
      </c>
      <c r="C1690" s="16">
        <v>1656</v>
      </c>
      <c r="D1690" cm="1">
        <f t="array" ref="D1690">IFERROR(INDEX(Jesper!AH$2:AH$366,ROUNDDOWN($C1690/24,0)+1,1)*INDEX($D$3:$AA$30,INDEX(Jesper!$R$2:$R$366,ROW(INDEX(Jesper!AH$2:AH$366,ROUNDDOWN($C1690/24,0)+1,1))-1)+IF('Standard Profiles'!$G$18=$B$10,7,0)+IF('Standard Profiles'!$G$18=$B$17,14,0)+IF('Standard Profiles'!$G$18=$B$24,21,0),MOD($C1690,24)+1)/SUM(INDEX($D$3:$AA$30,INDEX(Jesper!$R$2:$R$366,ROW(INDEX(Jesper!AH$2:AH$366,ROUNDDOWN($C1690/24,0)+1,1))-1)+IF('Standard Profiles'!$G$18=$B$10,7,0)+IF('Standard Profiles'!$G$18=$B$17,14,0)+IF('Standard Profiles'!$G$18=$B$24,21,0),0)),0)</f>
        <v>7.516257739416293</v>
      </c>
      <c r="E1690" cm="1">
        <f t="array" ref="E1690">IFERROR(INDEX(Jesper!AI$2:AI$366,ROUNDDOWN($C1690/24,0)+1,1)*INDEX($D$3:$AA$30,INDEX(Jesper!$R$2:$R$366,ROW(INDEX(Jesper!AI$2:AI$366,ROUNDDOWN($C1690/24,0)+1,1))-1)+IF('Standard Profiles'!$G$19=$B$10,7,0)+IF('Standard Profiles'!$G$19=$B$17,14,0)+IF('Standard Profiles'!$G$19=$B$24,21,0),MOD($C1690,24)+1)/SUM(INDEX($D$3:$AA$30,INDEX(Jesper!$R$2:$R$366,ROW(INDEX(Jesper!AI$2:AI$366,ROUNDDOWN($C1690/24,0)+1,1))-1)+IF('Standard Profiles'!$G$19=$B$10,7,0)+IF('Standard Profiles'!$G$19=$B$17,14,0)+IF('Standard Profiles'!$G$19=$B$24,21,0),0)),0)</f>
        <v>1.8209202900268688</v>
      </c>
      <c r="F1690" cm="1">
        <f t="array" ref="F1690">IFERROR(INDEX(Jesper!AJ$2:AJ$366,ROUNDDOWN($C1690/24,0)+1,1)*INDEX($D$3:$AA$30,INDEX(Jesper!$R$2:$R$366,ROW(INDEX(Jesper!AJ$2:AJ$366,ROUNDDOWN($C1690/24,0)+1,1))-1)+IF('Standard Profiles'!$G$20=$B$10,7,0)+IF('Standard Profiles'!$G$20=$B$17,14,0)+IF('Standard Profiles'!$G$20=$B$24,21,0),MOD($C1690,24)+1)/SUM(INDEX($D$3:$AA$30,INDEX(Jesper!$R$2:$R$366,ROW(INDEX(Jesper!AJ$2:AJ$366,ROUNDDOWN($C1690/24,0)+1,1))-1)+IF('Standard Profiles'!$G$20=$B$10,7,0)+IF('Standard Profiles'!$G$20=$B$17,14,0)+IF('Standard Profiles'!$G$20=$B$24,21,0),0)),0)</f>
        <v>0</v>
      </c>
      <c r="G1690" cm="1">
        <f t="array" ref="G1690">IFERROR(INDEX(Jesper!AK$2:AK$366,ROUNDDOWN($C1690/24,0)+1,1)*INDEX($D$3:$AA$30,INDEX(Jesper!$R$2:$R$366,ROW(INDEX(Jesper!AK$2:AK$366,ROUNDDOWN($C1690/24,0)+1,1))-1)+IF('Standard Profiles'!$G$21=$B$10,7,0)+IF('Standard Profiles'!$G$21=$B$17,14,0)+IF('Standard Profiles'!$G$21=$B$24,21,0),MOD($C1690,24)+1)/SUM(INDEX($D$3:$AA$30,INDEX(Jesper!$R$2:$R$366,ROW(INDEX(Jesper!AK$2:AK$366,ROUNDDOWN($C1690/24,0)+1,1))-1)+IF('Standard Profiles'!$G$21=$B$10,7,0)+IF('Standard Profiles'!$G$21=$B$17,14,0)+IF('Standard Profiles'!$G$21=$B$24,21,0),0)),0)</f>
        <v>0</v>
      </c>
      <c r="H1690" cm="1">
        <f t="array" ref="H1690">IFERROR(INDEX(Jesper!AL$2:AL$366,ROUNDDOWN($C1690/24,0)+1,1)*INDEX($D$3:$AA$30,INDEX(Jesper!$R$2:$R$366,ROW(INDEX(Jesper!AL$2:AL$366,ROUNDDOWN($C1690/24,0)+1,1))-1)+IF('Standard Profiles'!$G$22=$B$10,7,0)+IF('Standard Profiles'!$G$22=$B$17,14,0)+IF('Standard Profiles'!$G$22=$B$24,21,0),MOD($C1690,24)+1)/SUM(INDEX($D$3:$AA$30,INDEX(Jesper!$R$2:$R$366,ROW(INDEX(Jesper!AL$2:AL$366,ROUNDDOWN($C1690/24,0)+1,1))-1)+IF('Standard Profiles'!$G$22=$B$10,7,0)+IF('Standard Profiles'!$G$22=$B$17,14,0)+IF('Standard Profiles'!$G$22=$B$24,21,0),0)),0)</f>
        <v>0</v>
      </c>
      <c r="I1690">
        <f t="shared" si="195"/>
        <v>0.16404687297539364</v>
      </c>
      <c r="J1690">
        <f t="shared" si="196"/>
        <v>0.54682290991797888</v>
      </c>
      <c r="K1690">
        <f t="shared" si="197"/>
        <v>0.82023436487696821</v>
      </c>
      <c r="L1690">
        <f t="shared" si="198"/>
        <v>7.8060738816728215</v>
      </c>
      <c r="M1690">
        <f t="shared" si="199"/>
        <v>0</v>
      </c>
      <c r="N1690" s="46">
        <f t="shared" si="200"/>
        <v>45360.999999995984</v>
      </c>
    </row>
    <row r="1691" spans="2:14" x14ac:dyDescent="0.3">
      <c r="B1691">
        <f t="shared" si="194"/>
        <v>7</v>
      </c>
      <c r="C1691" s="16">
        <v>1657</v>
      </c>
      <c r="D1691" cm="1">
        <f t="array" ref="D1691">IFERROR(INDEX(Jesper!AH$2:AH$366,ROUNDDOWN($C1691/24,0)+1,1)*INDEX($D$3:$AA$30,INDEX(Jesper!$R$2:$R$366,ROW(INDEX(Jesper!AH$2:AH$366,ROUNDDOWN($C1691/24,0)+1,1))-1)+IF('Standard Profiles'!$G$18=$B$10,7,0)+IF('Standard Profiles'!$G$18=$B$17,14,0)+IF('Standard Profiles'!$G$18=$B$24,21,0),MOD($C1691,24)+1)/SUM(INDEX($D$3:$AA$30,INDEX(Jesper!$R$2:$R$366,ROW(INDEX(Jesper!AH$2:AH$366,ROUNDDOWN($C1691/24,0)+1,1))-1)+IF('Standard Profiles'!$G$18=$B$10,7,0)+IF('Standard Profiles'!$G$18=$B$17,14,0)+IF('Standard Profiles'!$G$18=$B$24,21,0),0)),0)</f>
        <v>8.7285573748060177</v>
      </c>
      <c r="E1691" cm="1">
        <f t="array" ref="E1691">IFERROR(INDEX(Jesper!AI$2:AI$366,ROUNDDOWN($C1691/24,0)+1,1)*INDEX($D$3:$AA$30,INDEX(Jesper!$R$2:$R$366,ROW(INDEX(Jesper!AI$2:AI$366,ROUNDDOWN($C1691/24,0)+1,1))-1)+IF('Standard Profiles'!$G$19=$B$10,7,0)+IF('Standard Profiles'!$G$19=$B$17,14,0)+IF('Standard Profiles'!$G$19=$B$24,21,0),MOD($C1691,24)+1)/SUM(INDEX($D$3:$AA$30,INDEX(Jesper!$R$2:$R$366,ROW(INDEX(Jesper!AI$2:AI$366,ROUNDDOWN($C1691/24,0)+1,1))-1)+IF('Standard Profiles'!$G$19=$B$10,7,0)+IF('Standard Profiles'!$G$19=$B$17,14,0)+IF('Standard Profiles'!$G$19=$B$24,21,0),0)),0)</f>
        <v>2.1146171109989442</v>
      </c>
      <c r="F1691" cm="1">
        <f t="array" ref="F1691">IFERROR(INDEX(Jesper!AJ$2:AJ$366,ROUNDDOWN($C1691/24,0)+1,1)*INDEX($D$3:$AA$30,INDEX(Jesper!$R$2:$R$366,ROW(INDEX(Jesper!AJ$2:AJ$366,ROUNDDOWN($C1691/24,0)+1,1))-1)+IF('Standard Profiles'!$G$20=$B$10,7,0)+IF('Standard Profiles'!$G$20=$B$17,14,0)+IF('Standard Profiles'!$G$20=$B$24,21,0),MOD($C1691,24)+1)/SUM(INDEX($D$3:$AA$30,INDEX(Jesper!$R$2:$R$366,ROW(INDEX(Jesper!AJ$2:AJ$366,ROUNDDOWN($C1691/24,0)+1,1))-1)+IF('Standard Profiles'!$G$20=$B$10,7,0)+IF('Standard Profiles'!$G$20=$B$17,14,0)+IF('Standard Profiles'!$G$20=$B$24,21,0),0)),0)</f>
        <v>0</v>
      </c>
      <c r="G1691" cm="1">
        <f t="array" ref="G1691">IFERROR(INDEX(Jesper!AK$2:AK$366,ROUNDDOWN($C1691/24,0)+1,1)*INDEX($D$3:$AA$30,INDEX(Jesper!$R$2:$R$366,ROW(INDEX(Jesper!AK$2:AK$366,ROUNDDOWN($C1691/24,0)+1,1))-1)+IF('Standard Profiles'!$G$21=$B$10,7,0)+IF('Standard Profiles'!$G$21=$B$17,14,0)+IF('Standard Profiles'!$G$21=$B$24,21,0),MOD($C1691,24)+1)/SUM(INDEX($D$3:$AA$30,INDEX(Jesper!$R$2:$R$366,ROW(INDEX(Jesper!AK$2:AK$366,ROUNDDOWN($C1691/24,0)+1,1))-1)+IF('Standard Profiles'!$G$21=$B$10,7,0)+IF('Standard Profiles'!$G$21=$B$17,14,0)+IF('Standard Profiles'!$G$21=$B$24,21,0),0)),0)</f>
        <v>0</v>
      </c>
      <c r="H1691" cm="1">
        <f t="array" ref="H1691">IFERROR(INDEX(Jesper!AL$2:AL$366,ROUNDDOWN($C1691/24,0)+1,1)*INDEX($D$3:$AA$30,INDEX(Jesper!$R$2:$R$366,ROW(INDEX(Jesper!AL$2:AL$366,ROUNDDOWN($C1691/24,0)+1,1))-1)+IF('Standard Profiles'!$G$22=$B$10,7,0)+IF('Standard Profiles'!$G$22=$B$17,14,0)+IF('Standard Profiles'!$G$22=$B$24,21,0),MOD($C1691,24)+1)/SUM(INDEX($D$3:$AA$30,INDEX(Jesper!$R$2:$R$366,ROW(INDEX(Jesper!AL$2:AL$366,ROUNDDOWN($C1691/24,0)+1,1))-1)+IF('Standard Profiles'!$G$22=$B$10,7,0)+IF('Standard Profiles'!$G$22=$B$17,14,0)+IF('Standard Profiles'!$G$22=$B$24,21,0),0)),0)</f>
        <v>0</v>
      </c>
      <c r="I1691">
        <f t="shared" si="195"/>
        <v>0.19050604603594098</v>
      </c>
      <c r="J1691">
        <f t="shared" si="196"/>
        <v>0.63502015345313667</v>
      </c>
      <c r="K1691">
        <f t="shared" si="197"/>
        <v>0.95253023017970495</v>
      </c>
      <c r="L1691">
        <f t="shared" si="198"/>
        <v>9.0651180561361802</v>
      </c>
      <c r="M1691">
        <f t="shared" si="199"/>
        <v>0</v>
      </c>
      <c r="N1691" s="46">
        <f t="shared" si="200"/>
        <v>45361.041666662648</v>
      </c>
    </row>
    <row r="1692" spans="2:14" x14ac:dyDescent="0.3">
      <c r="B1692">
        <f t="shared" si="194"/>
        <v>7</v>
      </c>
      <c r="C1692" s="16">
        <v>1658</v>
      </c>
      <c r="D1692" cm="1">
        <f t="array" ref="D1692">IFERROR(INDEX(Jesper!AH$2:AH$366,ROUNDDOWN($C1692/24,0)+1,1)*INDEX($D$3:$AA$30,INDEX(Jesper!$R$2:$R$366,ROW(INDEX(Jesper!AH$2:AH$366,ROUNDDOWN($C1692/24,0)+1,1))-1)+IF('Standard Profiles'!$G$18=$B$10,7,0)+IF('Standard Profiles'!$G$18=$B$17,14,0)+IF('Standard Profiles'!$G$18=$B$24,21,0),MOD($C1692,24)+1)/SUM(INDEX($D$3:$AA$30,INDEX(Jesper!$R$2:$R$366,ROW(INDEX(Jesper!AH$2:AH$366,ROUNDDOWN($C1692/24,0)+1,1))-1)+IF('Standard Profiles'!$G$18=$B$10,7,0)+IF('Standard Profiles'!$G$18=$B$17,14,0)+IF('Standard Profiles'!$G$18=$B$24,21,0),0)),0)</f>
        <v>8.7285573748060177</v>
      </c>
      <c r="E1692" cm="1">
        <f t="array" ref="E1692">IFERROR(INDEX(Jesper!AI$2:AI$366,ROUNDDOWN($C1692/24,0)+1,1)*INDEX($D$3:$AA$30,INDEX(Jesper!$R$2:$R$366,ROW(INDEX(Jesper!AI$2:AI$366,ROUNDDOWN($C1692/24,0)+1,1))-1)+IF('Standard Profiles'!$G$19=$B$10,7,0)+IF('Standard Profiles'!$G$19=$B$17,14,0)+IF('Standard Profiles'!$G$19=$B$24,21,0),MOD($C1692,24)+1)/SUM(INDEX($D$3:$AA$30,INDEX(Jesper!$R$2:$R$366,ROW(INDEX(Jesper!AI$2:AI$366,ROUNDDOWN($C1692/24,0)+1,1))-1)+IF('Standard Profiles'!$G$19=$B$10,7,0)+IF('Standard Profiles'!$G$19=$B$17,14,0)+IF('Standard Profiles'!$G$19=$B$24,21,0),0)),0)</f>
        <v>2.1146171109989442</v>
      </c>
      <c r="F1692" cm="1">
        <f t="array" ref="F1692">IFERROR(INDEX(Jesper!AJ$2:AJ$366,ROUNDDOWN($C1692/24,0)+1,1)*INDEX($D$3:$AA$30,INDEX(Jesper!$R$2:$R$366,ROW(INDEX(Jesper!AJ$2:AJ$366,ROUNDDOWN($C1692/24,0)+1,1))-1)+IF('Standard Profiles'!$G$20=$B$10,7,0)+IF('Standard Profiles'!$G$20=$B$17,14,0)+IF('Standard Profiles'!$G$20=$B$24,21,0),MOD($C1692,24)+1)/SUM(INDEX($D$3:$AA$30,INDEX(Jesper!$R$2:$R$366,ROW(INDEX(Jesper!AJ$2:AJ$366,ROUNDDOWN($C1692/24,0)+1,1))-1)+IF('Standard Profiles'!$G$20=$B$10,7,0)+IF('Standard Profiles'!$G$20=$B$17,14,0)+IF('Standard Profiles'!$G$20=$B$24,21,0),0)),0)</f>
        <v>0</v>
      </c>
      <c r="G1692" cm="1">
        <f t="array" ref="G1692">IFERROR(INDEX(Jesper!AK$2:AK$366,ROUNDDOWN($C1692/24,0)+1,1)*INDEX($D$3:$AA$30,INDEX(Jesper!$R$2:$R$366,ROW(INDEX(Jesper!AK$2:AK$366,ROUNDDOWN($C1692/24,0)+1,1))-1)+IF('Standard Profiles'!$G$21=$B$10,7,0)+IF('Standard Profiles'!$G$21=$B$17,14,0)+IF('Standard Profiles'!$G$21=$B$24,21,0),MOD($C1692,24)+1)/SUM(INDEX($D$3:$AA$30,INDEX(Jesper!$R$2:$R$366,ROW(INDEX(Jesper!AK$2:AK$366,ROUNDDOWN($C1692/24,0)+1,1))-1)+IF('Standard Profiles'!$G$21=$B$10,7,0)+IF('Standard Profiles'!$G$21=$B$17,14,0)+IF('Standard Profiles'!$G$21=$B$24,21,0),0)),0)</f>
        <v>0</v>
      </c>
      <c r="H1692" cm="1">
        <f t="array" ref="H1692">IFERROR(INDEX(Jesper!AL$2:AL$366,ROUNDDOWN($C1692/24,0)+1,1)*INDEX($D$3:$AA$30,INDEX(Jesper!$R$2:$R$366,ROW(INDEX(Jesper!AL$2:AL$366,ROUNDDOWN($C1692/24,0)+1,1))-1)+IF('Standard Profiles'!$G$22=$B$10,7,0)+IF('Standard Profiles'!$G$22=$B$17,14,0)+IF('Standard Profiles'!$G$22=$B$24,21,0),MOD($C1692,24)+1)/SUM(INDEX($D$3:$AA$30,INDEX(Jesper!$R$2:$R$366,ROW(INDEX(Jesper!AL$2:AL$366,ROUNDDOWN($C1692/24,0)+1,1))-1)+IF('Standard Profiles'!$G$22=$B$10,7,0)+IF('Standard Profiles'!$G$22=$B$17,14,0)+IF('Standard Profiles'!$G$22=$B$24,21,0),0)),0)</f>
        <v>0</v>
      </c>
      <c r="I1692">
        <f t="shared" si="195"/>
        <v>0.19050604603594098</v>
      </c>
      <c r="J1692">
        <f t="shared" si="196"/>
        <v>0.63502015345313667</v>
      </c>
      <c r="K1692">
        <f t="shared" si="197"/>
        <v>0.95253023017970495</v>
      </c>
      <c r="L1692">
        <f t="shared" si="198"/>
        <v>9.0651180561361802</v>
      </c>
      <c r="M1692">
        <f t="shared" si="199"/>
        <v>0</v>
      </c>
      <c r="N1692" s="46">
        <f t="shared" si="200"/>
        <v>45361.083333329312</v>
      </c>
    </row>
    <row r="1693" spans="2:14" x14ac:dyDescent="0.3">
      <c r="B1693">
        <f t="shared" si="194"/>
        <v>7</v>
      </c>
      <c r="C1693" s="16">
        <v>1659</v>
      </c>
      <c r="D1693" cm="1">
        <f t="array" ref="D1693">IFERROR(INDEX(Jesper!AH$2:AH$366,ROUNDDOWN($C1693/24,0)+1,1)*INDEX($D$3:$AA$30,INDEX(Jesper!$R$2:$R$366,ROW(INDEX(Jesper!AH$2:AH$366,ROUNDDOWN($C1693/24,0)+1,1))-1)+IF('Standard Profiles'!$G$18=$B$10,7,0)+IF('Standard Profiles'!$G$18=$B$17,14,0)+IF('Standard Profiles'!$G$18=$B$24,21,0),MOD($C1693,24)+1)/SUM(INDEX($D$3:$AA$30,INDEX(Jesper!$R$2:$R$366,ROW(INDEX(Jesper!AH$2:AH$366,ROUNDDOWN($C1693/24,0)+1,1))-1)+IF('Standard Profiles'!$G$18=$B$10,7,0)+IF('Standard Profiles'!$G$18=$B$17,14,0)+IF('Standard Profiles'!$G$18=$B$24,21,0),0)),0)</f>
        <v>8.7285573748060177</v>
      </c>
      <c r="E1693" cm="1">
        <f t="array" ref="E1693">IFERROR(INDEX(Jesper!AI$2:AI$366,ROUNDDOWN($C1693/24,0)+1,1)*INDEX($D$3:$AA$30,INDEX(Jesper!$R$2:$R$366,ROW(INDEX(Jesper!AI$2:AI$366,ROUNDDOWN($C1693/24,0)+1,1))-1)+IF('Standard Profiles'!$G$19=$B$10,7,0)+IF('Standard Profiles'!$G$19=$B$17,14,0)+IF('Standard Profiles'!$G$19=$B$24,21,0),MOD($C1693,24)+1)/SUM(INDEX($D$3:$AA$30,INDEX(Jesper!$R$2:$R$366,ROW(INDEX(Jesper!AI$2:AI$366,ROUNDDOWN($C1693/24,0)+1,1))-1)+IF('Standard Profiles'!$G$19=$B$10,7,0)+IF('Standard Profiles'!$G$19=$B$17,14,0)+IF('Standard Profiles'!$G$19=$B$24,21,0),0)),0)</f>
        <v>2.1146171109989442</v>
      </c>
      <c r="F1693" cm="1">
        <f t="array" ref="F1693">IFERROR(INDEX(Jesper!AJ$2:AJ$366,ROUNDDOWN($C1693/24,0)+1,1)*INDEX($D$3:$AA$30,INDEX(Jesper!$R$2:$R$366,ROW(INDEX(Jesper!AJ$2:AJ$366,ROUNDDOWN($C1693/24,0)+1,1))-1)+IF('Standard Profiles'!$G$20=$B$10,7,0)+IF('Standard Profiles'!$G$20=$B$17,14,0)+IF('Standard Profiles'!$G$20=$B$24,21,0),MOD($C1693,24)+1)/SUM(INDEX($D$3:$AA$30,INDEX(Jesper!$R$2:$R$366,ROW(INDEX(Jesper!AJ$2:AJ$366,ROUNDDOWN($C1693/24,0)+1,1))-1)+IF('Standard Profiles'!$G$20=$B$10,7,0)+IF('Standard Profiles'!$G$20=$B$17,14,0)+IF('Standard Profiles'!$G$20=$B$24,21,0),0)),0)</f>
        <v>0</v>
      </c>
      <c r="G1693" cm="1">
        <f t="array" ref="G1693">IFERROR(INDEX(Jesper!AK$2:AK$366,ROUNDDOWN($C1693/24,0)+1,1)*INDEX($D$3:$AA$30,INDEX(Jesper!$R$2:$R$366,ROW(INDEX(Jesper!AK$2:AK$366,ROUNDDOWN($C1693/24,0)+1,1))-1)+IF('Standard Profiles'!$G$21=$B$10,7,0)+IF('Standard Profiles'!$G$21=$B$17,14,0)+IF('Standard Profiles'!$G$21=$B$24,21,0),MOD($C1693,24)+1)/SUM(INDEX($D$3:$AA$30,INDEX(Jesper!$R$2:$R$366,ROW(INDEX(Jesper!AK$2:AK$366,ROUNDDOWN($C1693/24,0)+1,1))-1)+IF('Standard Profiles'!$G$21=$B$10,7,0)+IF('Standard Profiles'!$G$21=$B$17,14,0)+IF('Standard Profiles'!$G$21=$B$24,21,0),0)),0)</f>
        <v>0</v>
      </c>
      <c r="H1693" cm="1">
        <f t="array" ref="H1693">IFERROR(INDEX(Jesper!AL$2:AL$366,ROUNDDOWN($C1693/24,0)+1,1)*INDEX($D$3:$AA$30,INDEX(Jesper!$R$2:$R$366,ROW(INDEX(Jesper!AL$2:AL$366,ROUNDDOWN($C1693/24,0)+1,1))-1)+IF('Standard Profiles'!$G$22=$B$10,7,0)+IF('Standard Profiles'!$G$22=$B$17,14,0)+IF('Standard Profiles'!$G$22=$B$24,21,0),MOD($C1693,24)+1)/SUM(INDEX($D$3:$AA$30,INDEX(Jesper!$R$2:$R$366,ROW(INDEX(Jesper!AL$2:AL$366,ROUNDDOWN($C1693/24,0)+1,1))-1)+IF('Standard Profiles'!$G$22=$B$10,7,0)+IF('Standard Profiles'!$G$22=$B$17,14,0)+IF('Standard Profiles'!$G$22=$B$24,21,0),0)),0)</f>
        <v>0</v>
      </c>
      <c r="I1693">
        <f t="shared" si="195"/>
        <v>0.19050604603594098</v>
      </c>
      <c r="J1693">
        <f t="shared" si="196"/>
        <v>0.63502015345313667</v>
      </c>
      <c r="K1693">
        <f t="shared" si="197"/>
        <v>0.95253023017970495</v>
      </c>
      <c r="L1693">
        <f t="shared" si="198"/>
        <v>9.0651180561361802</v>
      </c>
      <c r="M1693">
        <f t="shared" si="199"/>
        <v>0</v>
      </c>
      <c r="N1693" s="46">
        <f t="shared" si="200"/>
        <v>45361.124999995976</v>
      </c>
    </row>
    <row r="1694" spans="2:14" x14ac:dyDescent="0.3">
      <c r="B1694">
        <f t="shared" si="194"/>
        <v>7</v>
      </c>
      <c r="C1694" s="16">
        <v>1660</v>
      </c>
      <c r="D1694" cm="1">
        <f t="array" ref="D1694">IFERROR(INDEX(Jesper!AH$2:AH$366,ROUNDDOWN($C1694/24,0)+1,1)*INDEX($D$3:$AA$30,INDEX(Jesper!$R$2:$R$366,ROW(INDEX(Jesper!AH$2:AH$366,ROUNDDOWN($C1694/24,0)+1,1))-1)+IF('Standard Profiles'!$G$18=$B$10,7,0)+IF('Standard Profiles'!$G$18=$B$17,14,0)+IF('Standard Profiles'!$G$18=$B$24,21,0),MOD($C1694,24)+1)/SUM(INDEX($D$3:$AA$30,INDEX(Jesper!$R$2:$R$366,ROW(INDEX(Jesper!AH$2:AH$366,ROUNDDOWN($C1694/24,0)+1,1))-1)+IF('Standard Profiles'!$G$18=$B$10,7,0)+IF('Standard Profiles'!$G$18=$B$17,14,0)+IF('Standard Profiles'!$G$18=$B$24,21,0),0)),0)</f>
        <v>8.7285573748060177</v>
      </c>
      <c r="E1694" cm="1">
        <f t="array" ref="E1694">IFERROR(INDEX(Jesper!AI$2:AI$366,ROUNDDOWN($C1694/24,0)+1,1)*INDEX($D$3:$AA$30,INDEX(Jesper!$R$2:$R$366,ROW(INDEX(Jesper!AI$2:AI$366,ROUNDDOWN($C1694/24,0)+1,1))-1)+IF('Standard Profiles'!$G$19=$B$10,7,0)+IF('Standard Profiles'!$G$19=$B$17,14,0)+IF('Standard Profiles'!$G$19=$B$24,21,0),MOD($C1694,24)+1)/SUM(INDEX($D$3:$AA$30,INDEX(Jesper!$R$2:$R$366,ROW(INDEX(Jesper!AI$2:AI$366,ROUNDDOWN($C1694/24,0)+1,1))-1)+IF('Standard Profiles'!$G$19=$B$10,7,0)+IF('Standard Profiles'!$G$19=$B$17,14,0)+IF('Standard Profiles'!$G$19=$B$24,21,0),0)),0)</f>
        <v>2.1146171109989442</v>
      </c>
      <c r="F1694" cm="1">
        <f t="array" ref="F1694">IFERROR(INDEX(Jesper!AJ$2:AJ$366,ROUNDDOWN($C1694/24,0)+1,1)*INDEX($D$3:$AA$30,INDEX(Jesper!$R$2:$R$366,ROW(INDEX(Jesper!AJ$2:AJ$366,ROUNDDOWN($C1694/24,0)+1,1))-1)+IF('Standard Profiles'!$G$20=$B$10,7,0)+IF('Standard Profiles'!$G$20=$B$17,14,0)+IF('Standard Profiles'!$G$20=$B$24,21,0),MOD($C1694,24)+1)/SUM(INDEX($D$3:$AA$30,INDEX(Jesper!$R$2:$R$366,ROW(INDEX(Jesper!AJ$2:AJ$366,ROUNDDOWN($C1694/24,0)+1,1))-1)+IF('Standard Profiles'!$G$20=$B$10,7,0)+IF('Standard Profiles'!$G$20=$B$17,14,0)+IF('Standard Profiles'!$G$20=$B$24,21,0),0)),0)</f>
        <v>0</v>
      </c>
      <c r="G1694" cm="1">
        <f t="array" ref="G1694">IFERROR(INDEX(Jesper!AK$2:AK$366,ROUNDDOWN($C1694/24,0)+1,1)*INDEX($D$3:$AA$30,INDEX(Jesper!$R$2:$R$366,ROW(INDEX(Jesper!AK$2:AK$366,ROUNDDOWN($C1694/24,0)+1,1))-1)+IF('Standard Profiles'!$G$21=$B$10,7,0)+IF('Standard Profiles'!$G$21=$B$17,14,0)+IF('Standard Profiles'!$G$21=$B$24,21,0),MOD($C1694,24)+1)/SUM(INDEX($D$3:$AA$30,INDEX(Jesper!$R$2:$R$366,ROW(INDEX(Jesper!AK$2:AK$366,ROUNDDOWN($C1694/24,0)+1,1))-1)+IF('Standard Profiles'!$G$21=$B$10,7,0)+IF('Standard Profiles'!$G$21=$B$17,14,0)+IF('Standard Profiles'!$G$21=$B$24,21,0),0)),0)</f>
        <v>0</v>
      </c>
      <c r="H1694" cm="1">
        <f t="array" ref="H1694">IFERROR(INDEX(Jesper!AL$2:AL$366,ROUNDDOWN($C1694/24,0)+1,1)*INDEX($D$3:$AA$30,INDEX(Jesper!$R$2:$R$366,ROW(INDEX(Jesper!AL$2:AL$366,ROUNDDOWN($C1694/24,0)+1,1))-1)+IF('Standard Profiles'!$G$22=$B$10,7,0)+IF('Standard Profiles'!$G$22=$B$17,14,0)+IF('Standard Profiles'!$G$22=$B$24,21,0),MOD($C1694,24)+1)/SUM(INDEX($D$3:$AA$30,INDEX(Jesper!$R$2:$R$366,ROW(INDEX(Jesper!AL$2:AL$366,ROUNDDOWN($C1694/24,0)+1,1))-1)+IF('Standard Profiles'!$G$22=$B$10,7,0)+IF('Standard Profiles'!$G$22=$B$17,14,0)+IF('Standard Profiles'!$G$22=$B$24,21,0),0)),0)</f>
        <v>0</v>
      </c>
      <c r="I1694">
        <f t="shared" si="195"/>
        <v>0.19050604603594098</v>
      </c>
      <c r="J1694">
        <f t="shared" si="196"/>
        <v>0.63502015345313667</v>
      </c>
      <c r="K1694">
        <f t="shared" si="197"/>
        <v>0.95253023017970495</v>
      </c>
      <c r="L1694">
        <f t="shared" si="198"/>
        <v>9.0651180561361802</v>
      </c>
      <c r="M1694">
        <f t="shared" si="199"/>
        <v>0</v>
      </c>
      <c r="N1694" s="46">
        <f t="shared" si="200"/>
        <v>45361.166666662641</v>
      </c>
    </row>
    <row r="1695" spans="2:14" x14ac:dyDescent="0.3">
      <c r="B1695">
        <f t="shared" si="194"/>
        <v>7</v>
      </c>
      <c r="C1695" s="16">
        <v>1661</v>
      </c>
      <c r="D1695" cm="1">
        <f t="array" ref="D1695">IFERROR(INDEX(Jesper!AH$2:AH$366,ROUNDDOWN($C1695/24,0)+1,1)*INDEX($D$3:$AA$30,INDEX(Jesper!$R$2:$R$366,ROW(INDEX(Jesper!AH$2:AH$366,ROUNDDOWN($C1695/24,0)+1,1))-1)+IF('Standard Profiles'!$G$18=$B$10,7,0)+IF('Standard Profiles'!$G$18=$B$17,14,0)+IF('Standard Profiles'!$G$18=$B$24,21,0),MOD($C1695,24)+1)/SUM(INDEX($D$3:$AA$30,INDEX(Jesper!$R$2:$R$366,ROW(INDEX(Jesper!AH$2:AH$366,ROUNDDOWN($C1695/24,0)+1,1))-1)+IF('Standard Profiles'!$G$18=$B$10,7,0)+IF('Standard Profiles'!$G$18=$B$17,14,0)+IF('Standard Profiles'!$G$18=$B$24,21,0),0)),0)</f>
        <v>10.910696718507522</v>
      </c>
      <c r="E1695" cm="1">
        <f t="array" ref="E1695">IFERROR(INDEX(Jesper!AI$2:AI$366,ROUNDDOWN($C1695/24,0)+1,1)*INDEX($D$3:$AA$30,INDEX(Jesper!$R$2:$R$366,ROW(INDEX(Jesper!AI$2:AI$366,ROUNDDOWN($C1695/24,0)+1,1))-1)+IF('Standard Profiles'!$G$19=$B$10,7,0)+IF('Standard Profiles'!$G$19=$B$17,14,0)+IF('Standard Profiles'!$G$19=$B$24,21,0),MOD($C1695,24)+1)/SUM(INDEX($D$3:$AA$30,INDEX(Jesper!$R$2:$R$366,ROW(INDEX(Jesper!AI$2:AI$366,ROUNDDOWN($C1695/24,0)+1,1))-1)+IF('Standard Profiles'!$G$19=$B$10,7,0)+IF('Standard Profiles'!$G$19=$B$17,14,0)+IF('Standard Profiles'!$G$19=$B$24,21,0),0)),0)</f>
        <v>2.6432713887486807</v>
      </c>
      <c r="F1695" cm="1">
        <f t="array" ref="F1695">IFERROR(INDEX(Jesper!AJ$2:AJ$366,ROUNDDOWN($C1695/24,0)+1,1)*INDEX($D$3:$AA$30,INDEX(Jesper!$R$2:$R$366,ROW(INDEX(Jesper!AJ$2:AJ$366,ROUNDDOWN($C1695/24,0)+1,1))-1)+IF('Standard Profiles'!$G$20=$B$10,7,0)+IF('Standard Profiles'!$G$20=$B$17,14,0)+IF('Standard Profiles'!$G$20=$B$24,21,0),MOD($C1695,24)+1)/SUM(INDEX($D$3:$AA$30,INDEX(Jesper!$R$2:$R$366,ROW(INDEX(Jesper!AJ$2:AJ$366,ROUNDDOWN($C1695/24,0)+1,1))-1)+IF('Standard Profiles'!$G$20=$B$10,7,0)+IF('Standard Profiles'!$G$20=$B$17,14,0)+IF('Standard Profiles'!$G$20=$B$24,21,0),0)),0)</f>
        <v>0</v>
      </c>
      <c r="G1695" cm="1">
        <f t="array" ref="G1695">IFERROR(INDEX(Jesper!AK$2:AK$366,ROUNDDOWN($C1695/24,0)+1,1)*INDEX($D$3:$AA$30,INDEX(Jesper!$R$2:$R$366,ROW(INDEX(Jesper!AK$2:AK$366,ROUNDDOWN($C1695/24,0)+1,1))-1)+IF('Standard Profiles'!$G$21=$B$10,7,0)+IF('Standard Profiles'!$G$21=$B$17,14,0)+IF('Standard Profiles'!$G$21=$B$24,21,0),MOD($C1695,24)+1)/SUM(INDEX($D$3:$AA$30,INDEX(Jesper!$R$2:$R$366,ROW(INDEX(Jesper!AK$2:AK$366,ROUNDDOWN($C1695/24,0)+1,1))-1)+IF('Standard Profiles'!$G$21=$B$10,7,0)+IF('Standard Profiles'!$G$21=$B$17,14,0)+IF('Standard Profiles'!$G$21=$B$24,21,0),0)),0)</f>
        <v>0</v>
      </c>
      <c r="H1695" cm="1">
        <f t="array" ref="H1695">IFERROR(INDEX(Jesper!AL$2:AL$366,ROUNDDOWN($C1695/24,0)+1,1)*INDEX($D$3:$AA$30,INDEX(Jesper!$R$2:$R$366,ROW(INDEX(Jesper!AL$2:AL$366,ROUNDDOWN($C1695/24,0)+1,1))-1)+IF('Standard Profiles'!$G$22=$B$10,7,0)+IF('Standard Profiles'!$G$22=$B$17,14,0)+IF('Standard Profiles'!$G$22=$B$24,21,0),MOD($C1695,24)+1)/SUM(INDEX($D$3:$AA$30,INDEX(Jesper!$R$2:$R$366,ROW(INDEX(Jesper!AL$2:AL$366,ROUNDDOWN($C1695/24,0)+1,1))-1)+IF('Standard Profiles'!$G$22=$B$10,7,0)+IF('Standard Profiles'!$G$22=$B$17,14,0)+IF('Standard Profiles'!$G$22=$B$24,21,0),0)),0)</f>
        <v>0</v>
      </c>
      <c r="I1695">
        <f t="shared" si="195"/>
        <v>0.23813255754492627</v>
      </c>
      <c r="J1695">
        <f t="shared" si="196"/>
        <v>0.79377519181642098</v>
      </c>
      <c r="K1695">
        <f t="shared" si="197"/>
        <v>1.1906627877246314</v>
      </c>
      <c r="L1695">
        <f t="shared" si="198"/>
        <v>11.331397570170225</v>
      </c>
      <c r="M1695">
        <f t="shared" si="199"/>
        <v>0</v>
      </c>
      <c r="N1695" s="46">
        <f t="shared" si="200"/>
        <v>45361.208333329305</v>
      </c>
    </row>
    <row r="1696" spans="2:14" x14ac:dyDescent="0.3">
      <c r="B1696">
        <f t="shared" si="194"/>
        <v>7</v>
      </c>
      <c r="C1696" s="16">
        <v>1662</v>
      </c>
      <c r="D1696" cm="1">
        <f t="array" ref="D1696">IFERROR(INDEX(Jesper!AH$2:AH$366,ROUNDDOWN($C1696/24,0)+1,1)*INDEX($D$3:$AA$30,INDEX(Jesper!$R$2:$R$366,ROW(INDEX(Jesper!AH$2:AH$366,ROUNDDOWN($C1696/24,0)+1,1))-1)+IF('Standard Profiles'!$G$18=$B$10,7,0)+IF('Standard Profiles'!$G$18=$B$17,14,0)+IF('Standard Profiles'!$G$18=$B$24,21,0),MOD($C1696,24)+1)/SUM(INDEX($D$3:$AA$30,INDEX(Jesper!$R$2:$R$366,ROW(INDEX(Jesper!AH$2:AH$366,ROUNDDOWN($C1696/24,0)+1,1))-1)+IF('Standard Profiles'!$G$18=$B$10,7,0)+IF('Standard Profiles'!$G$18=$B$17,14,0)+IF('Standard Profiles'!$G$18=$B$24,21,0),0)),0)</f>
        <v>12.850376135131082</v>
      </c>
      <c r="E1696" cm="1">
        <f t="array" ref="E1696">IFERROR(INDEX(Jesper!AI$2:AI$366,ROUNDDOWN($C1696/24,0)+1,1)*INDEX($D$3:$AA$30,INDEX(Jesper!$R$2:$R$366,ROW(INDEX(Jesper!AI$2:AI$366,ROUNDDOWN($C1696/24,0)+1,1))-1)+IF('Standard Profiles'!$G$19=$B$10,7,0)+IF('Standard Profiles'!$G$19=$B$17,14,0)+IF('Standard Profiles'!$G$19=$B$24,21,0),MOD($C1696,24)+1)/SUM(INDEX($D$3:$AA$30,INDEX(Jesper!$R$2:$R$366,ROW(INDEX(Jesper!AI$2:AI$366,ROUNDDOWN($C1696/24,0)+1,1))-1)+IF('Standard Profiles'!$G$19=$B$10,7,0)+IF('Standard Profiles'!$G$19=$B$17,14,0)+IF('Standard Profiles'!$G$19=$B$24,21,0),0)),0)</f>
        <v>3.1131863023040016</v>
      </c>
      <c r="F1696" cm="1">
        <f t="array" ref="F1696">IFERROR(INDEX(Jesper!AJ$2:AJ$366,ROUNDDOWN($C1696/24,0)+1,1)*INDEX($D$3:$AA$30,INDEX(Jesper!$R$2:$R$366,ROW(INDEX(Jesper!AJ$2:AJ$366,ROUNDDOWN($C1696/24,0)+1,1))-1)+IF('Standard Profiles'!$G$20=$B$10,7,0)+IF('Standard Profiles'!$G$20=$B$17,14,0)+IF('Standard Profiles'!$G$20=$B$24,21,0),MOD($C1696,24)+1)/SUM(INDEX($D$3:$AA$30,INDEX(Jesper!$R$2:$R$366,ROW(INDEX(Jesper!AJ$2:AJ$366,ROUNDDOWN($C1696/24,0)+1,1))-1)+IF('Standard Profiles'!$G$20=$B$10,7,0)+IF('Standard Profiles'!$G$20=$B$17,14,0)+IF('Standard Profiles'!$G$20=$B$24,21,0),0)),0)</f>
        <v>0</v>
      </c>
      <c r="G1696" cm="1">
        <f t="array" ref="G1696">IFERROR(INDEX(Jesper!AK$2:AK$366,ROUNDDOWN($C1696/24,0)+1,1)*INDEX($D$3:$AA$30,INDEX(Jesper!$R$2:$R$366,ROW(INDEX(Jesper!AK$2:AK$366,ROUNDDOWN($C1696/24,0)+1,1))-1)+IF('Standard Profiles'!$G$21=$B$10,7,0)+IF('Standard Profiles'!$G$21=$B$17,14,0)+IF('Standard Profiles'!$G$21=$B$24,21,0),MOD($C1696,24)+1)/SUM(INDEX($D$3:$AA$30,INDEX(Jesper!$R$2:$R$366,ROW(INDEX(Jesper!AK$2:AK$366,ROUNDDOWN($C1696/24,0)+1,1))-1)+IF('Standard Profiles'!$G$21=$B$10,7,0)+IF('Standard Profiles'!$G$21=$B$17,14,0)+IF('Standard Profiles'!$G$21=$B$24,21,0),0)),0)</f>
        <v>0</v>
      </c>
      <c r="H1696" cm="1">
        <f t="array" ref="H1696">IFERROR(INDEX(Jesper!AL$2:AL$366,ROUNDDOWN($C1696/24,0)+1,1)*INDEX($D$3:$AA$30,INDEX(Jesper!$R$2:$R$366,ROW(INDEX(Jesper!AL$2:AL$366,ROUNDDOWN($C1696/24,0)+1,1))-1)+IF('Standard Profiles'!$G$22=$B$10,7,0)+IF('Standard Profiles'!$G$22=$B$17,14,0)+IF('Standard Profiles'!$G$22=$B$24,21,0),MOD($C1696,24)+1)/SUM(INDEX($D$3:$AA$30,INDEX(Jesper!$R$2:$R$366,ROW(INDEX(Jesper!AL$2:AL$366,ROUNDDOWN($C1696/24,0)+1,1))-1)+IF('Standard Profiles'!$G$22=$B$10,7,0)+IF('Standard Profiles'!$G$22=$B$17,14,0)+IF('Standard Profiles'!$G$22=$B$24,21,0),0)),0)</f>
        <v>0</v>
      </c>
      <c r="I1696">
        <f t="shared" si="195"/>
        <v>0.28046723444180199</v>
      </c>
      <c r="J1696">
        <f t="shared" si="196"/>
        <v>0.93489078147267357</v>
      </c>
      <c r="K1696">
        <f t="shared" si="197"/>
        <v>1.4023361722090102</v>
      </c>
      <c r="L1696">
        <f t="shared" si="198"/>
        <v>13.345868249311598</v>
      </c>
      <c r="M1696">
        <f t="shared" si="199"/>
        <v>0</v>
      </c>
      <c r="N1696" s="46">
        <f t="shared" si="200"/>
        <v>45361.249999995969</v>
      </c>
    </row>
    <row r="1697" spans="2:14" x14ac:dyDescent="0.3">
      <c r="B1697">
        <f t="shared" si="194"/>
        <v>7</v>
      </c>
      <c r="C1697" s="16">
        <v>1663</v>
      </c>
      <c r="D1697" cm="1">
        <f t="array" ref="D1697">IFERROR(INDEX(Jesper!AH$2:AH$366,ROUNDDOWN($C1697/24,0)+1,1)*INDEX($D$3:$AA$30,INDEX(Jesper!$R$2:$R$366,ROW(INDEX(Jesper!AH$2:AH$366,ROUNDDOWN($C1697/24,0)+1,1))-1)+IF('Standard Profiles'!$G$18=$B$10,7,0)+IF('Standard Profiles'!$G$18=$B$17,14,0)+IF('Standard Profiles'!$G$18=$B$24,21,0),MOD($C1697,24)+1)/SUM(INDEX($D$3:$AA$30,INDEX(Jesper!$R$2:$R$366,ROW(INDEX(Jesper!AH$2:AH$366,ROUNDDOWN($C1697/24,0)+1,1))-1)+IF('Standard Profiles'!$G$18=$B$10,7,0)+IF('Standard Profiles'!$G$18=$B$17,14,0)+IF('Standard Profiles'!$G$18=$B$24,21,0),0)),0)</f>
        <v>15.274975405910531</v>
      </c>
      <c r="E1697" cm="1">
        <f t="array" ref="E1697">IFERROR(INDEX(Jesper!AI$2:AI$366,ROUNDDOWN($C1697/24,0)+1,1)*INDEX($D$3:$AA$30,INDEX(Jesper!$R$2:$R$366,ROW(INDEX(Jesper!AI$2:AI$366,ROUNDDOWN($C1697/24,0)+1,1))-1)+IF('Standard Profiles'!$G$19=$B$10,7,0)+IF('Standard Profiles'!$G$19=$B$17,14,0)+IF('Standard Profiles'!$G$19=$B$24,21,0),MOD($C1697,24)+1)/SUM(INDEX($D$3:$AA$30,INDEX(Jesper!$R$2:$R$366,ROW(INDEX(Jesper!AI$2:AI$366,ROUNDDOWN($C1697/24,0)+1,1))-1)+IF('Standard Profiles'!$G$19=$B$10,7,0)+IF('Standard Profiles'!$G$19=$B$17,14,0)+IF('Standard Profiles'!$G$19=$B$24,21,0),0)),0)</f>
        <v>3.7005799442481528</v>
      </c>
      <c r="F1697" cm="1">
        <f t="array" ref="F1697">IFERROR(INDEX(Jesper!AJ$2:AJ$366,ROUNDDOWN($C1697/24,0)+1,1)*INDEX($D$3:$AA$30,INDEX(Jesper!$R$2:$R$366,ROW(INDEX(Jesper!AJ$2:AJ$366,ROUNDDOWN($C1697/24,0)+1,1))-1)+IF('Standard Profiles'!$G$20=$B$10,7,0)+IF('Standard Profiles'!$G$20=$B$17,14,0)+IF('Standard Profiles'!$G$20=$B$24,21,0),MOD($C1697,24)+1)/SUM(INDEX($D$3:$AA$30,INDEX(Jesper!$R$2:$R$366,ROW(INDEX(Jesper!AJ$2:AJ$366,ROUNDDOWN($C1697/24,0)+1,1))-1)+IF('Standard Profiles'!$G$20=$B$10,7,0)+IF('Standard Profiles'!$G$20=$B$17,14,0)+IF('Standard Profiles'!$G$20=$B$24,21,0),0)),0)</f>
        <v>0</v>
      </c>
      <c r="G1697" cm="1">
        <f t="array" ref="G1697">IFERROR(INDEX(Jesper!AK$2:AK$366,ROUNDDOWN($C1697/24,0)+1,1)*INDEX($D$3:$AA$30,INDEX(Jesper!$R$2:$R$366,ROW(INDEX(Jesper!AK$2:AK$366,ROUNDDOWN($C1697/24,0)+1,1))-1)+IF('Standard Profiles'!$G$21=$B$10,7,0)+IF('Standard Profiles'!$G$21=$B$17,14,0)+IF('Standard Profiles'!$G$21=$B$24,21,0),MOD($C1697,24)+1)/SUM(INDEX($D$3:$AA$30,INDEX(Jesper!$R$2:$R$366,ROW(INDEX(Jesper!AK$2:AK$366,ROUNDDOWN($C1697/24,0)+1,1))-1)+IF('Standard Profiles'!$G$21=$B$10,7,0)+IF('Standard Profiles'!$G$21=$B$17,14,0)+IF('Standard Profiles'!$G$21=$B$24,21,0),0)),0)</f>
        <v>0</v>
      </c>
      <c r="H1697" cm="1">
        <f t="array" ref="H1697">IFERROR(INDEX(Jesper!AL$2:AL$366,ROUNDDOWN($C1697/24,0)+1,1)*INDEX($D$3:$AA$30,INDEX(Jesper!$R$2:$R$366,ROW(INDEX(Jesper!AL$2:AL$366,ROUNDDOWN($C1697/24,0)+1,1))-1)+IF('Standard Profiles'!$G$22=$B$10,7,0)+IF('Standard Profiles'!$G$22=$B$17,14,0)+IF('Standard Profiles'!$G$22=$B$24,21,0),MOD($C1697,24)+1)/SUM(INDEX($D$3:$AA$30,INDEX(Jesper!$R$2:$R$366,ROW(INDEX(Jesper!AL$2:AL$366,ROUNDDOWN($C1697/24,0)+1,1))-1)+IF('Standard Profiles'!$G$22=$B$10,7,0)+IF('Standard Profiles'!$G$22=$B$17,14,0)+IF('Standard Profiles'!$G$22=$B$24,21,0),0)),0)</f>
        <v>0</v>
      </c>
      <c r="I1697">
        <f t="shared" si="195"/>
        <v>0.33338558056289674</v>
      </c>
      <c r="J1697">
        <f t="shared" si="196"/>
        <v>1.1112852685429893</v>
      </c>
      <c r="K1697">
        <f t="shared" si="197"/>
        <v>1.6669279028144839</v>
      </c>
      <c r="L1697">
        <f t="shared" si="198"/>
        <v>15.863956598238314</v>
      </c>
      <c r="M1697">
        <f t="shared" si="199"/>
        <v>0</v>
      </c>
      <c r="N1697" s="46">
        <f t="shared" si="200"/>
        <v>45361.291666662633</v>
      </c>
    </row>
    <row r="1698" spans="2:14" x14ac:dyDescent="0.3">
      <c r="B1698">
        <f t="shared" si="194"/>
        <v>7</v>
      </c>
      <c r="C1698" s="16">
        <v>1664</v>
      </c>
      <c r="D1698" cm="1">
        <f t="array" ref="D1698">IFERROR(INDEX(Jesper!AH$2:AH$366,ROUNDDOWN($C1698/24,0)+1,1)*INDEX($D$3:$AA$30,INDEX(Jesper!$R$2:$R$366,ROW(INDEX(Jesper!AH$2:AH$366,ROUNDDOWN($C1698/24,0)+1,1))-1)+IF('Standard Profiles'!$G$18=$B$10,7,0)+IF('Standard Profiles'!$G$18=$B$17,14,0)+IF('Standard Profiles'!$G$18=$B$24,21,0),MOD($C1698,24)+1)/SUM(INDEX($D$3:$AA$30,INDEX(Jesper!$R$2:$R$366,ROW(INDEX(Jesper!AH$2:AH$366,ROUNDDOWN($C1698/24,0)+1,1))-1)+IF('Standard Profiles'!$G$18=$B$10,7,0)+IF('Standard Profiles'!$G$18=$B$17,14,0)+IF('Standard Profiles'!$G$18=$B$24,21,0),0)),0)</f>
        <v>15.274975405910531</v>
      </c>
      <c r="E1698" cm="1">
        <f t="array" ref="E1698">IFERROR(INDEX(Jesper!AI$2:AI$366,ROUNDDOWN($C1698/24,0)+1,1)*INDEX($D$3:$AA$30,INDEX(Jesper!$R$2:$R$366,ROW(INDEX(Jesper!AI$2:AI$366,ROUNDDOWN($C1698/24,0)+1,1))-1)+IF('Standard Profiles'!$G$19=$B$10,7,0)+IF('Standard Profiles'!$G$19=$B$17,14,0)+IF('Standard Profiles'!$G$19=$B$24,21,0),MOD($C1698,24)+1)/SUM(INDEX($D$3:$AA$30,INDEX(Jesper!$R$2:$R$366,ROW(INDEX(Jesper!AI$2:AI$366,ROUNDDOWN($C1698/24,0)+1,1))-1)+IF('Standard Profiles'!$G$19=$B$10,7,0)+IF('Standard Profiles'!$G$19=$B$17,14,0)+IF('Standard Profiles'!$G$19=$B$24,21,0),0)),0)</f>
        <v>3.7005799442481528</v>
      </c>
      <c r="F1698" cm="1">
        <f t="array" ref="F1698">IFERROR(INDEX(Jesper!AJ$2:AJ$366,ROUNDDOWN($C1698/24,0)+1,1)*INDEX($D$3:$AA$30,INDEX(Jesper!$R$2:$R$366,ROW(INDEX(Jesper!AJ$2:AJ$366,ROUNDDOWN($C1698/24,0)+1,1))-1)+IF('Standard Profiles'!$G$20=$B$10,7,0)+IF('Standard Profiles'!$G$20=$B$17,14,0)+IF('Standard Profiles'!$G$20=$B$24,21,0),MOD($C1698,24)+1)/SUM(INDEX($D$3:$AA$30,INDEX(Jesper!$R$2:$R$366,ROW(INDEX(Jesper!AJ$2:AJ$366,ROUNDDOWN($C1698/24,0)+1,1))-1)+IF('Standard Profiles'!$G$20=$B$10,7,0)+IF('Standard Profiles'!$G$20=$B$17,14,0)+IF('Standard Profiles'!$G$20=$B$24,21,0),0)),0)</f>
        <v>0</v>
      </c>
      <c r="G1698" cm="1">
        <f t="array" ref="G1698">IFERROR(INDEX(Jesper!AK$2:AK$366,ROUNDDOWN($C1698/24,0)+1,1)*INDEX($D$3:$AA$30,INDEX(Jesper!$R$2:$R$366,ROW(INDEX(Jesper!AK$2:AK$366,ROUNDDOWN($C1698/24,0)+1,1))-1)+IF('Standard Profiles'!$G$21=$B$10,7,0)+IF('Standard Profiles'!$G$21=$B$17,14,0)+IF('Standard Profiles'!$G$21=$B$24,21,0),MOD($C1698,24)+1)/SUM(INDEX($D$3:$AA$30,INDEX(Jesper!$R$2:$R$366,ROW(INDEX(Jesper!AK$2:AK$366,ROUNDDOWN($C1698/24,0)+1,1))-1)+IF('Standard Profiles'!$G$21=$B$10,7,0)+IF('Standard Profiles'!$G$21=$B$17,14,0)+IF('Standard Profiles'!$G$21=$B$24,21,0),0)),0)</f>
        <v>0</v>
      </c>
      <c r="H1698" cm="1">
        <f t="array" ref="H1698">IFERROR(INDEX(Jesper!AL$2:AL$366,ROUNDDOWN($C1698/24,0)+1,1)*INDEX($D$3:$AA$30,INDEX(Jesper!$R$2:$R$366,ROW(INDEX(Jesper!AL$2:AL$366,ROUNDDOWN($C1698/24,0)+1,1))-1)+IF('Standard Profiles'!$G$22=$B$10,7,0)+IF('Standard Profiles'!$G$22=$B$17,14,0)+IF('Standard Profiles'!$G$22=$B$24,21,0),MOD($C1698,24)+1)/SUM(INDEX($D$3:$AA$30,INDEX(Jesper!$R$2:$R$366,ROW(INDEX(Jesper!AL$2:AL$366,ROUNDDOWN($C1698/24,0)+1,1))-1)+IF('Standard Profiles'!$G$22=$B$10,7,0)+IF('Standard Profiles'!$G$22=$B$17,14,0)+IF('Standard Profiles'!$G$22=$B$24,21,0),0)),0)</f>
        <v>0</v>
      </c>
      <c r="I1698">
        <f t="shared" si="195"/>
        <v>0.33338558056289674</v>
      </c>
      <c r="J1698">
        <f t="shared" si="196"/>
        <v>1.1112852685429893</v>
      </c>
      <c r="K1698">
        <f t="shared" si="197"/>
        <v>1.6669279028144839</v>
      </c>
      <c r="L1698">
        <f t="shared" si="198"/>
        <v>15.863956598238314</v>
      </c>
      <c r="M1698">
        <f t="shared" si="199"/>
        <v>0</v>
      </c>
      <c r="N1698" s="46">
        <f t="shared" si="200"/>
        <v>45361.333333329298</v>
      </c>
    </row>
    <row r="1699" spans="2:14" x14ac:dyDescent="0.3">
      <c r="B1699">
        <f t="shared" ref="B1699:B1762" si="201">WEEKDAY(N1699,2)</f>
        <v>7</v>
      </c>
      <c r="C1699" s="16">
        <v>1665</v>
      </c>
      <c r="D1699" cm="1">
        <f t="array" ref="D1699">IFERROR(INDEX(Jesper!AH$2:AH$366,ROUNDDOWN($C1699/24,0)+1,1)*INDEX($D$3:$AA$30,INDEX(Jesper!$R$2:$R$366,ROW(INDEX(Jesper!AH$2:AH$366,ROUNDDOWN($C1699/24,0)+1,1))-1)+IF('Standard Profiles'!$G$18=$B$10,7,0)+IF('Standard Profiles'!$G$18=$B$17,14,0)+IF('Standard Profiles'!$G$18=$B$24,21,0),MOD($C1699,24)+1)/SUM(INDEX($D$3:$AA$30,INDEX(Jesper!$R$2:$R$366,ROW(INDEX(Jesper!AH$2:AH$366,ROUNDDOWN($C1699/24,0)+1,1))-1)+IF('Standard Profiles'!$G$18=$B$10,7,0)+IF('Standard Profiles'!$G$18=$B$17,14,0)+IF('Standard Profiles'!$G$18=$B$24,21,0),0)),0)</f>
        <v>15.274975405910531</v>
      </c>
      <c r="E1699" cm="1">
        <f t="array" ref="E1699">IFERROR(INDEX(Jesper!AI$2:AI$366,ROUNDDOWN($C1699/24,0)+1,1)*INDEX($D$3:$AA$30,INDEX(Jesper!$R$2:$R$366,ROW(INDEX(Jesper!AI$2:AI$366,ROUNDDOWN($C1699/24,0)+1,1))-1)+IF('Standard Profiles'!$G$19=$B$10,7,0)+IF('Standard Profiles'!$G$19=$B$17,14,0)+IF('Standard Profiles'!$G$19=$B$24,21,0),MOD($C1699,24)+1)/SUM(INDEX($D$3:$AA$30,INDEX(Jesper!$R$2:$R$366,ROW(INDEX(Jesper!AI$2:AI$366,ROUNDDOWN($C1699/24,0)+1,1))-1)+IF('Standard Profiles'!$G$19=$B$10,7,0)+IF('Standard Profiles'!$G$19=$B$17,14,0)+IF('Standard Profiles'!$G$19=$B$24,21,0),0)),0)</f>
        <v>3.7005799442481528</v>
      </c>
      <c r="F1699" cm="1">
        <f t="array" ref="F1699">IFERROR(INDEX(Jesper!AJ$2:AJ$366,ROUNDDOWN($C1699/24,0)+1,1)*INDEX($D$3:$AA$30,INDEX(Jesper!$R$2:$R$366,ROW(INDEX(Jesper!AJ$2:AJ$366,ROUNDDOWN($C1699/24,0)+1,1))-1)+IF('Standard Profiles'!$G$20=$B$10,7,0)+IF('Standard Profiles'!$G$20=$B$17,14,0)+IF('Standard Profiles'!$G$20=$B$24,21,0),MOD($C1699,24)+1)/SUM(INDEX($D$3:$AA$30,INDEX(Jesper!$R$2:$R$366,ROW(INDEX(Jesper!AJ$2:AJ$366,ROUNDDOWN($C1699/24,0)+1,1))-1)+IF('Standard Profiles'!$G$20=$B$10,7,0)+IF('Standard Profiles'!$G$20=$B$17,14,0)+IF('Standard Profiles'!$G$20=$B$24,21,0),0)),0)</f>
        <v>0</v>
      </c>
      <c r="G1699" cm="1">
        <f t="array" ref="G1699">IFERROR(INDEX(Jesper!AK$2:AK$366,ROUNDDOWN($C1699/24,0)+1,1)*INDEX($D$3:$AA$30,INDEX(Jesper!$R$2:$R$366,ROW(INDEX(Jesper!AK$2:AK$366,ROUNDDOWN($C1699/24,0)+1,1))-1)+IF('Standard Profiles'!$G$21=$B$10,7,0)+IF('Standard Profiles'!$G$21=$B$17,14,0)+IF('Standard Profiles'!$G$21=$B$24,21,0),MOD($C1699,24)+1)/SUM(INDEX($D$3:$AA$30,INDEX(Jesper!$R$2:$R$366,ROW(INDEX(Jesper!AK$2:AK$366,ROUNDDOWN($C1699/24,0)+1,1))-1)+IF('Standard Profiles'!$G$21=$B$10,7,0)+IF('Standard Profiles'!$G$21=$B$17,14,0)+IF('Standard Profiles'!$G$21=$B$24,21,0),0)),0)</f>
        <v>0</v>
      </c>
      <c r="H1699" cm="1">
        <f t="array" ref="H1699">IFERROR(INDEX(Jesper!AL$2:AL$366,ROUNDDOWN($C1699/24,0)+1,1)*INDEX($D$3:$AA$30,INDEX(Jesper!$R$2:$R$366,ROW(INDEX(Jesper!AL$2:AL$366,ROUNDDOWN($C1699/24,0)+1,1))-1)+IF('Standard Profiles'!$G$22=$B$10,7,0)+IF('Standard Profiles'!$G$22=$B$17,14,0)+IF('Standard Profiles'!$G$22=$B$24,21,0),MOD($C1699,24)+1)/SUM(INDEX($D$3:$AA$30,INDEX(Jesper!$R$2:$R$366,ROW(INDEX(Jesper!AL$2:AL$366,ROUNDDOWN($C1699/24,0)+1,1))-1)+IF('Standard Profiles'!$G$22=$B$10,7,0)+IF('Standard Profiles'!$G$22=$B$17,14,0)+IF('Standard Profiles'!$G$22=$B$24,21,0),0)),0)</f>
        <v>0</v>
      </c>
      <c r="I1699">
        <f t="shared" ref="I1699:I1762" si="202">IF($B1699&lt;6,AC$37*$D1699+AC$38*$E1699+AC$39*$F1699+AC$40*$G1699,AC$46*$D1699+AC$47*$E1699+AC$48*$F1699+AC$49*$G1699+AC$50*$H1699)</f>
        <v>0.33338558056289674</v>
      </c>
      <c r="J1699">
        <f t="shared" ref="J1699:J1762" si="203">IF($B1699&lt;6,AD$37*$D1699+AD$38*$E1699+AD$39*$F1699+AD$40*$G1699,AD$46*$D1699+AD$47*$E1699+AD$48*$F1699+AD$49*$G1699+AD$50*$H1699)</f>
        <v>1.1112852685429893</v>
      </c>
      <c r="K1699">
        <f t="shared" ref="K1699:K1762" si="204">IF($B1699&lt;6,AE$37*$D1699+AE$38*$E1699+AE$39*$F1699+AE$40*$G1699,AE$46*$D1699+AE$47*$E1699+AE$48*$F1699+AE$49*$G1699+AE$50*$H1699)</f>
        <v>1.6669279028144839</v>
      </c>
      <c r="L1699">
        <f t="shared" ref="L1699:L1762" si="205">IF($B1699&lt;6,AF$37*$D1699+AF$38*$E1699+AF$39*$F1699+AF$40*$G1699,AF$46*$D1699+AF$47*$E1699+AF$48*$F1699+AF$49*$G1699+AF$50*$H1699)</f>
        <v>15.863956598238314</v>
      </c>
      <c r="M1699">
        <f t="shared" ref="M1699:M1762" si="206">IF($B1699&lt;6,AG$37*$D1699+AG$38*$E1699+AG$39*$F1699+AG$40*$G1699,AG$46*$D1699+AG$47*$E1699+AG$48*$F1699+AG$49*$G1699+AG$50*$H1699)</f>
        <v>0</v>
      </c>
      <c r="N1699" s="46">
        <f t="shared" si="200"/>
        <v>45361.374999995962</v>
      </c>
    </row>
    <row r="1700" spans="2:14" x14ac:dyDescent="0.3">
      <c r="B1700">
        <f t="shared" si="201"/>
        <v>7</v>
      </c>
      <c r="C1700" s="16">
        <v>1666</v>
      </c>
      <c r="D1700" cm="1">
        <f t="array" ref="D1700">IFERROR(INDEX(Jesper!AH$2:AH$366,ROUNDDOWN($C1700/24,0)+1,1)*INDEX($D$3:$AA$30,INDEX(Jesper!$R$2:$R$366,ROW(INDEX(Jesper!AH$2:AH$366,ROUNDDOWN($C1700/24,0)+1,1))-1)+IF('Standard Profiles'!$G$18=$B$10,7,0)+IF('Standard Profiles'!$G$18=$B$17,14,0)+IF('Standard Profiles'!$G$18=$B$24,21,0),MOD($C1700,24)+1)/SUM(INDEX($D$3:$AA$30,INDEX(Jesper!$R$2:$R$366,ROW(INDEX(Jesper!AH$2:AH$366,ROUNDDOWN($C1700/24,0)+1,1))-1)+IF('Standard Profiles'!$G$18=$B$10,7,0)+IF('Standard Profiles'!$G$18=$B$17,14,0)+IF('Standard Profiles'!$G$18=$B$24,21,0),0)),0)</f>
        <v>15.274975405910531</v>
      </c>
      <c r="E1700" cm="1">
        <f t="array" ref="E1700">IFERROR(INDEX(Jesper!AI$2:AI$366,ROUNDDOWN($C1700/24,0)+1,1)*INDEX($D$3:$AA$30,INDEX(Jesper!$R$2:$R$366,ROW(INDEX(Jesper!AI$2:AI$366,ROUNDDOWN($C1700/24,0)+1,1))-1)+IF('Standard Profiles'!$G$19=$B$10,7,0)+IF('Standard Profiles'!$G$19=$B$17,14,0)+IF('Standard Profiles'!$G$19=$B$24,21,0),MOD($C1700,24)+1)/SUM(INDEX($D$3:$AA$30,INDEX(Jesper!$R$2:$R$366,ROW(INDEX(Jesper!AI$2:AI$366,ROUNDDOWN($C1700/24,0)+1,1))-1)+IF('Standard Profiles'!$G$19=$B$10,7,0)+IF('Standard Profiles'!$G$19=$B$17,14,0)+IF('Standard Profiles'!$G$19=$B$24,21,0),0)),0)</f>
        <v>3.7005799442481528</v>
      </c>
      <c r="F1700" cm="1">
        <f t="array" ref="F1700">IFERROR(INDEX(Jesper!AJ$2:AJ$366,ROUNDDOWN($C1700/24,0)+1,1)*INDEX($D$3:$AA$30,INDEX(Jesper!$R$2:$R$366,ROW(INDEX(Jesper!AJ$2:AJ$366,ROUNDDOWN($C1700/24,0)+1,1))-1)+IF('Standard Profiles'!$G$20=$B$10,7,0)+IF('Standard Profiles'!$G$20=$B$17,14,0)+IF('Standard Profiles'!$G$20=$B$24,21,0),MOD($C1700,24)+1)/SUM(INDEX($D$3:$AA$30,INDEX(Jesper!$R$2:$R$366,ROW(INDEX(Jesper!AJ$2:AJ$366,ROUNDDOWN($C1700/24,0)+1,1))-1)+IF('Standard Profiles'!$G$20=$B$10,7,0)+IF('Standard Profiles'!$G$20=$B$17,14,0)+IF('Standard Profiles'!$G$20=$B$24,21,0),0)),0)</f>
        <v>0</v>
      </c>
      <c r="G1700" cm="1">
        <f t="array" ref="G1700">IFERROR(INDEX(Jesper!AK$2:AK$366,ROUNDDOWN($C1700/24,0)+1,1)*INDEX($D$3:$AA$30,INDEX(Jesper!$R$2:$R$366,ROW(INDEX(Jesper!AK$2:AK$366,ROUNDDOWN($C1700/24,0)+1,1))-1)+IF('Standard Profiles'!$G$21=$B$10,7,0)+IF('Standard Profiles'!$G$21=$B$17,14,0)+IF('Standard Profiles'!$G$21=$B$24,21,0),MOD($C1700,24)+1)/SUM(INDEX($D$3:$AA$30,INDEX(Jesper!$R$2:$R$366,ROW(INDEX(Jesper!AK$2:AK$366,ROUNDDOWN($C1700/24,0)+1,1))-1)+IF('Standard Profiles'!$G$21=$B$10,7,0)+IF('Standard Profiles'!$G$21=$B$17,14,0)+IF('Standard Profiles'!$G$21=$B$24,21,0),0)),0)</f>
        <v>0</v>
      </c>
      <c r="H1700" cm="1">
        <f t="array" ref="H1700">IFERROR(INDEX(Jesper!AL$2:AL$366,ROUNDDOWN($C1700/24,0)+1,1)*INDEX($D$3:$AA$30,INDEX(Jesper!$R$2:$R$366,ROW(INDEX(Jesper!AL$2:AL$366,ROUNDDOWN($C1700/24,0)+1,1))-1)+IF('Standard Profiles'!$G$22=$B$10,7,0)+IF('Standard Profiles'!$G$22=$B$17,14,0)+IF('Standard Profiles'!$G$22=$B$24,21,0),MOD($C1700,24)+1)/SUM(INDEX($D$3:$AA$30,INDEX(Jesper!$R$2:$R$366,ROW(INDEX(Jesper!AL$2:AL$366,ROUNDDOWN($C1700/24,0)+1,1))-1)+IF('Standard Profiles'!$G$22=$B$10,7,0)+IF('Standard Profiles'!$G$22=$B$17,14,0)+IF('Standard Profiles'!$G$22=$B$24,21,0),0)),0)</f>
        <v>0</v>
      </c>
      <c r="I1700">
        <f t="shared" si="202"/>
        <v>0.33338558056289674</v>
      </c>
      <c r="J1700">
        <f t="shared" si="203"/>
        <v>1.1112852685429893</v>
      </c>
      <c r="K1700">
        <f t="shared" si="204"/>
        <v>1.6669279028144839</v>
      </c>
      <c r="L1700">
        <f t="shared" si="205"/>
        <v>15.863956598238314</v>
      </c>
      <c r="M1700">
        <f t="shared" si="206"/>
        <v>0</v>
      </c>
      <c r="N1700" s="46">
        <f t="shared" ref="N1700:N1763" si="207">N1699+1/24</f>
        <v>45361.416666662626</v>
      </c>
    </row>
    <row r="1701" spans="2:14" x14ac:dyDescent="0.3">
      <c r="B1701">
        <f t="shared" si="201"/>
        <v>7</v>
      </c>
      <c r="C1701" s="16">
        <v>1667</v>
      </c>
      <c r="D1701" cm="1">
        <f t="array" ref="D1701">IFERROR(INDEX(Jesper!AH$2:AH$366,ROUNDDOWN($C1701/24,0)+1,1)*INDEX($D$3:$AA$30,INDEX(Jesper!$R$2:$R$366,ROW(INDEX(Jesper!AH$2:AH$366,ROUNDDOWN($C1701/24,0)+1,1))-1)+IF('Standard Profiles'!$G$18=$B$10,7,0)+IF('Standard Profiles'!$G$18=$B$17,14,0)+IF('Standard Profiles'!$G$18=$B$24,21,0),MOD($C1701,24)+1)/SUM(INDEX($D$3:$AA$30,INDEX(Jesper!$R$2:$R$366,ROW(INDEX(Jesper!AH$2:AH$366,ROUNDDOWN($C1701/24,0)+1,1))-1)+IF('Standard Profiles'!$G$18=$B$10,7,0)+IF('Standard Profiles'!$G$18=$B$17,14,0)+IF('Standard Profiles'!$G$18=$B$24,21,0),0)),0)</f>
        <v>15.274975405910531</v>
      </c>
      <c r="E1701" cm="1">
        <f t="array" ref="E1701">IFERROR(INDEX(Jesper!AI$2:AI$366,ROUNDDOWN($C1701/24,0)+1,1)*INDEX($D$3:$AA$30,INDEX(Jesper!$R$2:$R$366,ROW(INDEX(Jesper!AI$2:AI$366,ROUNDDOWN($C1701/24,0)+1,1))-1)+IF('Standard Profiles'!$G$19=$B$10,7,0)+IF('Standard Profiles'!$G$19=$B$17,14,0)+IF('Standard Profiles'!$G$19=$B$24,21,0),MOD($C1701,24)+1)/SUM(INDEX($D$3:$AA$30,INDEX(Jesper!$R$2:$R$366,ROW(INDEX(Jesper!AI$2:AI$366,ROUNDDOWN($C1701/24,0)+1,1))-1)+IF('Standard Profiles'!$G$19=$B$10,7,0)+IF('Standard Profiles'!$G$19=$B$17,14,0)+IF('Standard Profiles'!$G$19=$B$24,21,0),0)),0)</f>
        <v>3.7005799442481528</v>
      </c>
      <c r="F1701" cm="1">
        <f t="array" ref="F1701">IFERROR(INDEX(Jesper!AJ$2:AJ$366,ROUNDDOWN($C1701/24,0)+1,1)*INDEX($D$3:$AA$30,INDEX(Jesper!$R$2:$R$366,ROW(INDEX(Jesper!AJ$2:AJ$366,ROUNDDOWN($C1701/24,0)+1,1))-1)+IF('Standard Profiles'!$G$20=$B$10,7,0)+IF('Standard Profiles'!$G$20=$B$17,14,0)+IF('Standard Profiles'!$G$20=$B$24,21,0),MOD($C1701,24)+1)/SUM(INDEX($D$3:$AA$30,INDEX(Jesper!$R$2:$R$366,ROW(INDEX(Jesper!AJ$2:AJ$366,ROUNDDOWN($C1701/24,0)+1,1))-1)+IF('Standard Profiles'!$G$20=$B$10,7,0)+IF('Standard Profiles'!$G$20=$B$17,14,0)+IF('Standard Profiles'!$G$20=$B$24,21,0),0)),0)</f>
        <v>0</v>
      </c>
      <c r="G1701" cm="1">
        <f t="array" ref="G1701">IFERROR(INDEX(Jesper!AK$2:AK$366,ROUNDDOWN($C1701/24,0)+1,1)*INDEX($D$3:$AA$30,INDEX(Jesper!$R$2:$R$366,ROW(INDEX(Jesper!AK$2:AK$366,ROUNDDOWN($C1701/24,0)+1,1))-1)+IF('Standard Profiles'!$G$21=$B$10,7,0)+IF('Standard Profiles'!$G$21=$B$17,14,0)+IF('Standard Profiles'!$G$21=$B$24,21,0),MOD($C1701,24)+1)/SUM(INDEX($D$3:$AA$30,INDEX(Jesper!$R$2:$R$366,ROW(INDEX(Jesper!AK$2:AK$366,ROUNDDOWN($C1701/24,0)+1,1))-1)+IF('Standard Profiles'!$G$21=$B$10,7,0)+IF('Standard Profiles'!$G$21=$B$17,14,0)+IF('Standard Profiles'!$G$21=$B$24,21,0),0)),0)</f>
        <v>0</v>
      </c>
      <c r="H1701" cm="1">
        <f t="array" ref="H1701">IFERROR(INDEX(Jesper!AL$2:AL$366,ROUNDDOWN($C1701/24,0)+1,1)*INDEX($D$3:$AA$30,INDEX(Jesper!$R$2:$R$366,ROW(INDEX(Jesper!AL$2:AL$366,ROUNDDOWN($C1701/24,0)+1,1))-1)+IF('Standard Profiles'!$G$22=$B$10,7,0)+IF('Standard Profiles'!$G$22=$B$17,14,0)+IF('Standard Profiles'!$G$22=$B$24,21,0),MOD($C1701,24)+1)/SUM(INDEX($D$3:$AA$30,INDEX(Jesper!$R$2:$R$366,ROW(INDEX(Jesper!AL$2:AL$366,ROUNDDOWN($C1701/24,0)+1,1))-1)+IF('Standard Profiles'!$G$22=$B$10,7,0)+IF('Standard Profiles'!$G$22=$B$17,14,0)+IF('Standard Profiles'!$G$22=$B$24,21,0),0)),0)</f>
        <v>0</v>
      </c>
      <c r="I1701">
        <f t="shared" si="202"/>
        <v>0.33338558056289674</v>
      </c>
      <c r="J1701">
        <f t="shared" si="203"/>
        <v>1.1112852685429893</v>
      </c>
      <c r="K1701">
        <f t="shared" si="204"/>
        <v>1.6669279028144839</v>
      </c>
      <c r="L1701">
        <f t="shared" si="205"/>
        <v>15.863956598238314</v>
      </c>
      <c r="M1701">
        <f t="shared" si="206"/>
        <v>0</v>
      </c>
      <c r="N1701" s="46">
        <f t="shared" si="207"/>
        <v>45361.45833332929</v>
      </c>
    </row>
    <row r="1702" spans="2:14" x14ac:dyDescent="0.3">
      <c r="B1702">
        <f t="shared" si="201"/>
        <v>7</v>
      </c>
      <c r="C1702" s="16">
        <v>1668</v>
      </c>
      <c r="D1702" cm="1">
        <f t="array" ref="D1702">IFERROR(INDEX(Jesper!AH$2:AH$366,ROUNDDOWN($C1702/24,0)+1,1)*INDEX($D$3:$AA$30,INDEX(Jesper!$R$2:$R$366,ROW(INDEX(Jesper!AH$2:AH$366,ROUNDDOWN($C1702/24,0)+1,1))-1)+IF('Standard Profiles'!$G$18=$B$10,7,0)+IF('Standard Profiles'!$G$18=$B$17,14,0)+IF('Standard Profiles'!$G$18=$B$24,21,0),MOD($C1702,24)+1)/SUM(INDEX($D$3:$AA$30,INDEX(Jesper!$R$2:$R$366,ROW(INDEX(Jesper!AH$2:AH$366,ROUNDDOWN($C1702/24,0)+1,1))-1)+IF('Standard Profiles'!$G$18=$B$10,7,0)+IF('Standard Profiles'!$G$18=$B$17,14,0)+IF('Standard Profiles'!$G$18=$B$24,21,0),0)),0)</f>
        <v>15.274975405910531</v>
      </c>
      <c r="E1702" cm="1">
        <f t="array" ref="E1702">IFERROR(INDEX(Jesper!AI$2:AI$366,ROUNDDOWN($C1702/24,0)+1,1)*INDEX($D$3:$AA$30,INDEX(Jesper!$R$2:$R$366,ROW(INDEX(Jesper!AI$2:AI$366,ROUNDDOWN($C1702/24,0)+1,1))-1)+IF('Standard Profiles'!$G$19=$B$10,7,0)+IF('Standard Profiles'!$G$19=$B$17,14,0)+IF('Standard Profiles'!$G$19=$B$24,21,0),MOD($C1702,24)+1)/SUM(INDEX($D$3:$AA$30,INDEX(Jesper!$R$2:$R$366,ROW(INDEX(Jesper!AI$2:AI$366,ROUNDDOWN($C1702/24,0)+1,1))-1)+IF('Standard Profiles'!$G$19=$B$10,7,0)+IF('Standard Profiles'!$G$19=$B$17,14,0)+IF('Standard Profiles'!$G$19=$B$24,21,0),0)),0)</f>
        <v>3.7005799442481528</v>
      </c>
      <c r="F1702" cm="1">
        <f t="array" ref="F1702">IFERROR(INDEX(Jesper!AJ$2:AJ$366,ROUNDDOWN($C1702/24,0)+1,1)*INDEX($D$3:$AA$30,INDEX(Jesper!$R$2:$R$366,ROW(INDEX(Jesper!AJ$2:AJ$366,ROUNDDOWN($C1702/24,0)+1,1))-1)+IF('Standard Profiles'!$G$20=$B$10,7,0)+IF('Standard Profiles'!$G$20=$B$17,14,0)+IF('Standard Profiles'!$G$20=$B$24,21,0),MOD($C1702,24)+1)/SUM(INDEX($D$3:$AA$30,INDEX(Jesper!$R$2:$R$366,ROW(INDEX(Jesper!AJ$2:AJ$366,ROUNDDOWN($C1702/24,0)+1,1))-1)+IF('Standard Profiles'!$G$20=$B$10,7,0)+IF('Standard Profiles'!$G$20=$B$17,14,0)+IF('Standard Profiles'!$G$20=$B$24,21,0),0)),0)</f>
        <v>0</v>
      </c>
      <c r="G1702" cm="1">
        <f t="array" ref="G1702">IFERROR(INDEX(Jesper!AK$2:AK$366,ROUNDDOWN($C1702/24,0)+1,1)*INDEX($D$3:$AA$30,INDEX(Jesper!$R$2:$R$366,ROW(INDEX(Jesper!AK$2:AK$366,ROUNDDOWN($C1702/24,0)+1,1))-1)+IF('Standard Profiles'!$G$21=$B$10,7,0)+IF('Standard Profiles'!$G$21=$B$17,14,0)+IF('Standard Profiles'!$G$21=$B$24,21,0),MOD($C1702,24)+1)/SUM(INDEX($D$3:$AA$30,INDEX(Jesper!$R$2:$R$366,ROW(INDEX(Jesper!AK$2:AK$366,ROUNDDOWN($C1702/24,0)+1,1))-1)+IF('Standard Profiles'!$G$21=$B$10,7,0)+IF('Standard Profiles'!$G$21=$B$17,14,0)+IF('Standard Profiles'!$G$21=$B$24,21,0),0)),0)</f>
        <v>0</v>
      </c>
      <c r="H1702" cm="1">
        <f t="array" ref="H1702">IFERROR(INDEX(Jesper!AL$2:AL$366,ROUNDDOWN($C1702/24,0)+1,1)*INDEX($D$3:$AA$30,INDEX(Jesper!$R$2:$R$366,ROW(INDEX(Jesper!AL$2:AL$366,ROUNDDOWN($C1702/24,0)+1,1))-1)+IF('Standard Profiles'!$G$22=$B$10,7,0)+IF('Standard Profiles'!$G$22=$B$17,14,0)+IF('Standard Profiles'!$G$22=$B$24,21,0),MOD($C1702,24)+1)/SUM(INDEX($D$3:$AA$30,INDEX(Jesper!$R$2:$R$366,ROW(INDEX(Jesper!AL$2:AL$366,ROUNDDOWN($C1702/24,0)+1,1))-1)+IF('Standard Profiles'!$G$22=$B$10,7,0)+IF('Standard Profiles'!$G$22=$B$17,14,0)+IF('Standard Profiles'!$G$22=$B$24,21,0),0)),0)</f>
        <v>0</v>
      </c>
      <c r="I1702">
        <f t="shared" si="202"/>
        <v>0.33338558056289674</v>
      </c>
      <c r="J1702">
        <f t="shared" si="203"/>
        <v>1.1112852685429893</v>
      </c>
      <c r="K1702">
        <f t="shared" si="204"/>
        <v>1.6669279028144839</v>
      </c>
      <c r="L1702">
        <f t="shared" si="205"/>
        <v>15.863956598238314</v>
      </c>
      <c r="M1702">
        <f t="shared" si="206"/>
        <v>0</v>
      </c>
      <c r="N1702" s="46">
        <f t="shared" si="207"/>
        <v>45361.499999995955</v>
      </c>
    </row>
    <row r="1703" spans="2:14" x14ac:dyDescent="0.3">
      <c r="B1703">
        <f t="shared" si="201"/>
        <v>7</v>
      </c>
      <c r="C1703" s="16">
        <v>1669</v>
      </c>
      <c r="D1703" cm="1">
        <f t="array" ref="D1703">IFERROR(INDEX(Jesper!AH$2:AH$366,ROUNDDOWN($C1703/24,0)+1,1)*INDEX($D$3:$AA$30,INDEX(Jesper!$R$2:$R$366,ROW(INDEX(Jesper!AH$2:AH$366,ROUNDDOWN($C1703/24,0)+1,1))-1)+IF('Standard Profiles'!$G$18=$B$10,7,0)+IF('Standard Profiles'!$G$18=$B$17,14,0)+IF('Standard Profiles'!$G$18=$B$24,21,0),MOD($C1703,24)+1)/SUM(INDEX($D$3:$AA$30,INDEX(Jesper!$R$2:$R$366,ROW(INDEX(Jesper!AH$2:AH$366,ROUNDDOWN($C1703/24,0)+1,1))-1)+IF('Standard Profiles'!$G$18=$B$10,7,0)+IF('Standard Profiles'!$G$18=$B$17,14,0)+IF('Standard Profiles'!$G$18=$B$24,21,0),0)),0)</f>
        <v>15.274975405910531</v>
      </c>
      <c r="E1703" cm="1">
        <f t="array" ref="E1703">IFERROR(INDEX(Jesper!AI$2:AI$366,ROUNDDOWN($C1703/24,0)+1,1)*INDEX($D$3:$AA$30,INDEX(Jesper!$R$2:$R$366,ROW(INDEX(Jesper!AI$2:AI$366,ROUNDDOWN($C1703/24,0)+1,1))-1)+IF('Standard Profiles'!$G$19=$B$10,7,0)+IF('Standard Profiles'!$G$19=$B$17,14,0)+IF('Standard Profiles'!$G$19=$B$24,21,0),MOD($C1703,24)+1)/SUM(INDEX($D$3:$AA$30,INDEX(Jesper!$R$2:$R$366,ROW(INDEX(Jesper!AI$2:AI$366,ROUNDDOWN($C1703/24,0)+1,1))-1)+IF('Standard Profiles'!$G$19=$B$10,7,0)+IF('Standard Profiles'!$G$19=$B$17,14,0)+IF('Standard Profiles'!$G$19=$B$24,21,0),0)),0)</f>
        <v>3.7005799442481528</v>
      </c>
      <c r="F1703" cm="1">
        <f t="array" ref="F1703">IFERROR(INDEX(Jesper!AJ$2:AJ$366,ROUNDDOWN($C1703/24,0)+1,1)*INDEX($D$3:$AA$30,INDEX(Jesper!$R$2:$R$366,ROW(INDEX(Jesper!AJ$2:AJ$366,ROUNDDOWN($C1703/24,0)+1,1))-1)+IF('Standard Profiles'!$G$20=$B$10,7,0)+IF('Standard Profiles'!$G$20=$B$17,14,0)+IF('Standard Profiles'!$G$20=$B$24,21,0),MOD($C1703,24)+1)/SUM(INDEX($D$3:$AA$30,INDEX(Jesper!$R$2:$R$366,ROW(INDEX(Jesper!AJ$2:AJ$366,ROUNDDOWN($C1703/24,0)+1,1))-1)+IF('Standard Profiles'!$G$20=$B$10,7,0)+IF('Standard Profiles'!$G$20=$B$17,14,0)+IF('Standard Profiles'!$G$20=$B$24,21,0),0)),0)</f>
        <v>0</v>
      </c>
      <c r="G1703" cm="1">
        <f t="array" ref="G1703">IFERROR(INDEX(Jesper!AK$2:AK$366,ROUNDDOWN($C1703/24,0)+1,1)*INDEX($D$3:$AA$30,INDEX(Jesper!$R$2:$R$366,ROW(INDEX(Jesper!AK$2:AK$366,ROUNDDOWN($C1703/24,0)+1,1))-1)+IF('Standard Profiles'!$G$21=$B$10,7,0)+IF('Standard Profiles'!$G$21=$B$17,14,0)+IF('Standard Profiles'!$G$21=$B$24,21,0),MOD($C1703,24)+1)/SUM(INDEX($D$3:$AA$30,INDEX(Jesper!$R$2:$R$366,ROW(INDEX(Jesper!AK$2:AK$366,ROUNDDOWN($C1703/24,0)+1,1))-1)+IF('Standard Profiles'!$G$21=$B$10,7,0)+IF('Standard Profiles'!$G$21=$B$17,14,0)+IF('Standard Profiles'!$G$21=$B$24,21,0),0)),0)</f>
        <v>0</v>
      </c>
      <c r="H1703" cm="1">
        <f t="array" ref="H1703">IFERROR(INDEX(Jesper!AL$2:AL$366,ROUNDDOWN($C1703/24,0)+1,1)*INDEX($D$3:$AA$30,INDEX(Jesper!$R$2:$R$366,ROW(INDEX(Jesper!AL$2:AL$366,ROUNDDOWN($C1703/24,0)+1,1))-1)+IF('Standard Profiles'!$G$22=$B$10,7,0)+IF('Standard Profiles'!$G$22=$B$17,14,0)+IF('Standard Profiles'!$G$22=$B$24,21,0),MOD($C1703,24)+1)/SUM(INDEX($D$3:$AA$30,INDEX(Jesper!$R$2:$R$366,ROW(INDEX(Jesper!AL$2:AL$366,ROUNDDOWN($C1703/24,0)+1,1))-1)+IF('Standard Profiles'!$G$22=$B$10,7,0)+IF('Standard Profiles'!$G$22=$B$17,14,0)+IF('Standard Profiles'!$G$22=$B$24,21,0),0)),0)</f>
        <v>0</v>
      </c>
      <c r="I1703">
        <f t="shared" si="202"/>
        <v>0.33338558056289674</v>
      </c>
      <c r="J1703">
        <f t="shared" si="203"/>
        <v>1.1112852685429893</v>
      </c>
      <c r="K1703">
        <f t="shared" si="204"/>
        <v>1.6669279028144839</v>
      </c>
      <c r="L1703">
        <f t="shared" si="205"/>
        <v>15.863956598238314</v>
      </c>
      <c r="M1703">
        <f t="shared" si="206"/>
        <v>0</v>
      </c>
      <c r="N1703" s="46">
        <f t="shared" si="207"/>
        <v>45361.541666662619</v>
      </c>
    </row>
    <row r="1704" spans="2:14" x14ac:dyDescent="0.3">
      <c r="B1704">
        <f t="shared" si="201"/>
        <v>7</v>
      </c>
      <c r="C1704" s="16">
        <v>1670</v>
      </c>
      <c r="D1704" cm="1">
        <f t="array" ref="D1704">IFERROR(INDEX(Jesper!AH$2:AH$366,ROUNDDOWN($C1704/24,0)+1,1)*INDEX($D$3:$AA$30,INDEX(Jesper!$R$2:$R$366,ROW(INDEX(Jesper!AH$2:AH$366,ROUNDDOWN($C1704/24,0)+1,1))-1)+IF('Standard Profiles'!$G$18=$B$10,7,0)+IF('Standard Profiles'!$G$18=$B$17,14,0)+IF('Standard Profiles'!$G$18=$B$24,21,0),MOD($C1704,24)+1)/SUM(INDEX($D$3:$AA$30,INDEX(Jesper!$R$2:$R$366,ROW(INDEX(Jesper!AH$2:AH$366,ROUNDDOWN($C1704/24,0)+1,1))-1)+IF('Standard Profiles'!$G$18=$B$10,7,0)+IF('Standard Profiles'!$G$18=$B$17,14,0)+IF('Standard Profiles'!$G$18=$B$24,21,0),0)),0)</f>
        <v>15.274975405910531</v>
      </c>
      <c r="E1704" cm="1">
        <f t="array" ref="E1704">IFERROR(INDEX(Jesper!AI$2:AI$366,ROUNDDOWN($C1704/24,0)+1,1)*INDEX($D$3:$AA$30,INDEX(Jesper!$R$2:$R$366,ROW(INDEX(Jesper!AI$2:AI$366,ROUNDDOWN($C1704/24,0)+1,1))-1)+IF('Standard Profiles'!$G$19=$B$10,7,0)+IF('Standard Profiles'!$G$19=$B$17,14,0)+IF('Standard Profiles'!$G$19=$B$24,21,0),MOD($C1704,24)+1)/SUM(INDEX($D$3:$AA$30,INDEX(Jesper!$R$2:$R$366,ROW(INDEX(Jesper!AI$2:AI$366,ROUNDDOWN($C1704/24,0)+1,1))-1)+IF('Standard Profiles'!$G$19=$B$10,7,0)+IF('Standard Profiles'!$G$19=$B$17,14,0)+IF('Standard Profiles'!$G$19=$B$24,21,0),0)),0)</f>
        <v>3.7005799442481528</v>
      </c>
      <c r="F1704" cm="1">
        <f t="array" ref="F1704">IFERROR(INDEX(Jesper!AJ$2:AJ$366,ROUNDDOWN($C1704/24,0)+1,1)*INDEX($D$3:$AA$30,INDEX(Jesper!$R$2:$R$366,ROW(INDEX(Jesper!AJ$2:AJ$366,ROUNDDOWN($C1704/24,0)+1,1))-1)+IF('Standard Profiles'!$G$20=$B$10,7,0)+IF('Standard Profiles'!$G$20=$B$17,14,0)+IF('Standard Profiles'!$G$20=$B$24,21,0),MOD($C1704,24)+1)/SUM(INDEX($D$3:$AA$30,INDEX(Jesper!$R$2:$R$366,ROW(INDEX(Jesper!AJ$2:AJ$366,ROUNDDOWN($C1704/24,0)+1,1))-1)+IF('Standard Profiles'!$G$20=$B$10,7,0)+IF('Standard Profiles'!$G$20=$B$17,14,0)+IF('Standard Profiles'!$G$20=$B$24,21,0),0)),0)</f>
        <v>0</v>
      </c>
      <c r="G1704" cm="1">
        <f t="array" ref="G1704">IFERROR(INDEX(Jesper!AK$2:AK$366,ROUNDDOWN($C1704/24,0)+1,1)*INDEX($D$3:$AA$30,INDEX(Jesper!$R$2:$R$366,ROW(INDEX(Jesper!AK$2:AK$366,ROUNDDOWN($C1704/24,0)+1,1))-1)+IF('Standard Profiles'!$G$21=$B$10,7,0)+IF('Standard Profiles'!$G$21=$B$17,14,0)+IF('Standard Profiles'!$G$21=$B$24,21,0),MOD($C1704,24)+1)/SUM(INDEX($D$3:$AA$30,INDEX(Jesper!$R$2:$R$366,ROW(INDEX(Jesper!AK$2:AK$366,ROUNDDOWN($C1704/24,0)+1,1))-1)+IF('Standard Profiles'!$G$21=$B$10,7,0)+IF('Standard Profiles'!$G$21=$B$17,14,0)+IF('Standard Profiles'!$G$21=$B$24,21,0),0)),0)</f>
        <v>0</v>
      </c>
      <c r="H1704" cm="1">
        <f t="array" ref="H1704">IFERROR(INDEX(Jesper!AL$2:AL$366,ROUNDDOWN($C1704/24,0)+1,1)*INDEX($D$3:$AA$30,INDEX(Jesper!$R$2:$R$366,ROW(INDEX(Jesper!AL$2:AL$366,ROUNDDOWN($C1704/24,0)+1,1))-1)+IF('Standard Profiles'!$G$22=$B$10,7,0)+IF('Standard Profiles'!$G$22=$B$17,14,0)+IF('Standard Profiles'!$G$22=$B$24,21,0),MOD($C1704,24)+1)/SUM(INDEX($D$3:$AA$30,INDEX(Jesper!$R$2:$R$366,ROW(INDEX(Jesper!AL$2:AL$366,ROUNDDOWN($C1704/24,0)+1,1))-1)+IF('Standard Profiles'!$G$22=$B$10,7,0)+IF('Standard Profiles'!$G$22=$B$17,14,0)+IF('Standard Profiles'!$G$22=$B$24,21,0),0)),0)</f>
        <v>0</v>
      </c>
      <c r="I1704">
        <f t="shared" si="202"/>
        <v>0.33338558056289674</v>
      </c>
      <c r="J1704">
        <f t="shared" si="203"/>
        <v>1.1112852685429893</v>
      </c>
      <c r="K1704">
        <f t="shared" si="204"/>
        <v>1.6669279028144839</v>
      </c>
      <c r="L1704">
        <f t="shared" si="205"/>
        <v>15.863956598238314</v>
      </c>
      <c r="M1704">
        <f t="shared" si="206"/>
        <v>0</v>
      </c>
      <c r="N1704" s="46">
        <f t="shared" si="207"/>
        <v>45361.583333329283</v>
      </c>
    </row>
    <row r="1705" spans="2:14" x14ac:dyDescent="0.3">
      <c r="B1705">
        <f t="shared" si="201"/>
        <v>7</v>
      </c>
      <c r="C1705" s="16">
        <v>1671</v>
      </c>
      <c r="D1705" cm="1">
        <f t="array" ref="D1705">IFERROR(INDEX(Jesper!AH$2:AH$366,ROUNDDOWN($C1705/24,0)+1,1)*INDEX($D$3:$AA$30,INDEX(Jesper!$R$2:$R$366,ROW(INDEX(Jesper!AH$2:AH$366,ROUNDDOWN($C1705/24,0)+1,1))-1)+IF('Standard Profiles'!$G$18=$B$10,7,0)+IF('Standard Profiles'!$G$18=$B$17,14,0)+IF('Standard Profiles'!$G$18=$B$24,21,0),MOD($C1705,24)+1)/SUM(INDEX($D$3:$AA$30,INDEX(Jesper!$R$2:$R$366,ROW(INDEX(Jesper!AH$2:AH$366,ROUNDDOWN($C1705/24,0)+1,1))-1)+IF('Standard Profiles'!$G$18=$B$10,7,0)+IF('Standard Profiles'!$G$18=$B$17,14,0)+IF('Standard Profiles'!$G$18=$B$24,21,0),0)),0)</f>
        <v>13.577755916364918</v>
      </c>
      <c r="E1705" cm="1">
        <f t="array" ref="E1705">IFERROR(INDEX(Jesper!AI$2:AI$366,ROUNDDOWN($C1705/24,0)+1,1)*INDEX($D$3:$AA$30,INDEX(Jesper!$R$2:$R$366,ROW(INDEX(Jesper!AI$2:AI$366,ROUNDDOWN($C1705/24,0)+1,1))-1)+IF('Standard Profiles'!$G$19=$B$10,7,0)+IF('Standard Profiles'!$G$19=$B$17,14,0)+IF('Standard Profiles'!$G$19=$B$24,21,0),MOD($C1705,24)+1)/SUM(INDEX($D$3:$AA$30,INDEX(Jesper!$R$2:$R$366,ROW(INDEX(Jesper!AI$2:AI$366,ROUNDDOWN($C1705/24,0)+1,1))-1)+IF('Standard Profiles'!$G$19=$B$10,7,0)+IF('Standard Profiles'!$G$19=$B$17,14,0)+IF('Standard Profiles'!$G$19=$B$24,21,0),0)),0)</f>
        <v>3.2894043948872471</v>
      </c>
      <c r="F1705" cm="1">
        <f t="array" ref="F1705">IFERROR(INDEX(Jesper!AJ$2:AJ$366,ROUNDDOWN($C1705/24,0)+1,1)*INDEX($D$3:$AA$30,INDEX(Jesper!$R$2:$R$366,ROW(INDEX(Jesper!AJ$2:AJ$366,ROUNDDOWN($C1705/24,0)+1,1))-1)+IF('Standard Profiles'!$G$20=$B$10,7,0)+IF('Standard Profiles'!$G$20=$B$17,14,0)+IF('Standard Profiles'!$G$20=$B$24,21,0),MOD($C1705,24)+1)/SUM(INDEX($D$3:$AA$30,INDEX(Jesper!$R$2:$R$366,ROW(INDEX(Jesper!AJ$2:AJ$366,ROUNDDOWN($C1705/24,0)+1,1))-1)+IF('Standard Profiles'!$G$20=$B$10,7,0)+IF('Standard Profiles'!$G$20=$B$17,14,0)+IF('Standard Profiles'!$G$20=$B$24,21,0),0)),0)</f>
        <v>0</v>
      </c>
      <c r="G1705" cm="1">
        <f t="array" ref="G1705">IFERROR(INDEX(Jesper!AK$2:AK$366,ROUNDDOWN($C1705/24,0)+1,1)*INDEX($D$3:$AA$30,INDEX(Jesper!$R$2:$R$366,ROW(INDEX(Jesper!AK$2:AK$366,ROUNDDOWN($C1705/24,0)+1,1))-1)+IF('Standard Profiles'!$G$21=$B$10,7,0)+IF('Standard Profiles'!$G$21=$B$17,14,0)+IF('Standard Profiles'!$G$21=$B$24,21,0),MOD($C1705,24)+1)/SUM(INDEX($D$3:$AA$30,INDEX(Jesper!$R$2:$R$366,ROW(INDEX(Jesper!AK$2:AK$366,ROUNDDOWN($C1705/24,0)+1,1))-1)+IF('Standard Profiles'!$G$21=$B$10,7,0)+IF('Standard Profiles'!$G$21=$B$17,14,0)+IF('Standard Profiles'!$G$21=$B$24,21,0),0)),0)</f>
        <v>0</v>
      </c>
      <c r="H1705" cm="1">
        <f t="array" ref="H1705">IFERROR(INDEX(Jesper!AL$2:AL$366,ROUNDDOWN($C1705/24,0)+1,1)*INDEX($D$3:$AA$30,INDEX(Jesper!$R$2:$R$366,ROW(INDEX(Jesper!AL$2:AL$366,ROUNDDOWN($C1705/24,0)+1,1))-1)+IF('Standard Profiles'!$G$22=$B$10,7,0)+IF('Standard Profiles'!$G$22=$B$17,14,0)+IF('Standard Profiles'!$G$22=$B$24,21,0),MOD($C1705,24)+1)/SUM(INDEX($D$3:$AA$30,INDEX(Jesper!$R$2:$R$366,ROW(INDEX(Jesper!AL$2:AL$366,ROUNDDOWN($C1705/24,0)+1,1))-1)+IF('Standard Profiles'!$G$22=$B$10,7,0)+IF('Standard Profiles'!$G$22=$B$17,14,0)+IF('Standard Profiles'!$G$22=$B$24,21,0),0)),0)</f>
        <v>0</v>
      </c>
      <c r="I1705">
        <f t="shared" si="202"/>
        <v>0.29634273827813046</v>
      </c>
      <c r="J1705">
        <f t="shared" si="203"/>
        <v>0.98780912759376827</v>
      </c>
      <c r="K1705">
        <f t="shared" si="204"/>
        <v>1.4817136913906523</v>
      </c>
      <c r="L1705">
        <f t="shared" si="205"/>
        <v>14.101294753989615</v>
      </c>
      <c r="M1705">
        <f t="shared" si="206"/>
        <v>0</v>
      </c>
      <c r="N1705" s="46">
        <f t="shared" si="207"/>
        <v>45361.624999995947</v>
      </c>
    </row>
    <row r="1706" spans="2:14" x14ac:dyDescent="0.3">
      <c r="B1706">
        <f t="shared" si="201"/>
        <v>7</v>
      </c>
      <c r="C1706" s="16">
        <v>1672</v>
      </c>
      <c r="D1706" cm="1">
        <f t="array" ref="D1706">IFERROR(INDEX(Jesper!AH$2:AH$366,ROUNDDOWN($C1706/24,0)+1,1)*INDEX($D$3:$AA$30,INDEX(Jesper!$R$2:$R$366,ROW(INDEX(Jesper!AH$2:AH$366,ROUNDDOWN($C1706/24,0)+1,1))-1)+IF('Standard Profiles'!$G$18=$B$10,7,0)+IF('Standard Profiles'!$G$18=$B$17,14,0)+IF('Standard Profiles'!$G$18=$B$24,21,0),MOD($C1706,24)+1)/SUM(INDEX($D$3:$AA$30,INDEX(Jesper!$R$2:$R$366,ROW(INDEX(Jesper!AH$2:AH$366,ROUNDDOWN($C1706/24,0)+1,1))-1)+IF('Standard Profiles'!$G$18=$B$10,7,0)+IF('Standard Profiles'!$G$18=$B$17,14,0)+IF('Standard Profiles'!$G$18=$B$24,21,0),0)),0)</f>
        <v>13.335295989286971</v>
      </c>
      <c r="E1706" cm="1">
        <f t="array" ref="E1706">IFERROR(INDEX(Jesper!AI$2:AI$366,ROUNDDOWN($C1706/24,0)+1,1)*INDEX($D$3:$AA$30,INDEX(Jesper!$R$2:$R$366,ROW(INDEX(Jesper!AI$2:AI$366,ROUNDDOWN($C1706/24,0)+1,1))-1)+IF('Standard Profiles'!$G$19=$B$10,7,0)+IF('Standard Profiles'!$G$19=$B$17,14,0)+IF('Standard Profiles'!$G$19=$B$24,21,0),MOD($C1706,24)+1)/SUM(INDEX($D$3:$AA$30,INDEX(Jesper!$R$2:$R$366,ROW(INDEX(Jesper!AI$2:AI$366,ROUNDDOWN($C1706/24,0)+1,1))-1)+IF('Standard Profiles'!$G$19=$B$10,7,0)+IF('Standard Profiles'!$G$19=$B$17,14,0)+IF('Standard Profiles'!$G$19=$B$24,21,0),0)),0)</f>
        <v>3.230665030692832</v>
      </c>
      <c r="F1706" cm="1">
        <f t="array" ref="F1706">IFERROR(INDEX(Jesper!AJ$2:AJ$366,ROUNDDOWN($C1706/24,0)+1,1)*INDEX($D$3:$AA$30,INDEX(Jesper!$R$2:$R$366,ROW(INDEX(Jesper!AJ$2:AJ$366,ROUNDDOWN($C1706/24,0)+1,1))-1)+IF('Standard Profiles'!$G$20=$B$10,7,0)+IF('Standard Profiles'!$G$20=$B$17,14,0)+IF('Standard Profiles'!$G$20=$B$24,21,0),MOD($C1706,24)+1)/SUM(INDEX($D$3:$AA$30,INDEX(Jesper!$R$2:$R$366,ROW(INDEX(Jesper!AJ$2:AJ$366,ROUNDDOWN($C1706/24,0)+1,1))-1)+IF('Standard Profiles'!$G$20=$B$10,7,0)+IF('Standard Profiles'!$G$20=$B$17,14,0)+IF('Standard Profiles'!$G$20=$B$24,21,0),0)),0)</f>
        <v>0</v>
      </c>
      <c r="G1706" cm="1">
        <f t="array" ref="G1706">IFERROR(INDEX(Jesper!AK$2:AK$366,ROUNDDOWN($C1706/24,0)+1,1)*INDEX($D$3:$AA$30,INDEX(Jesper!$R$2:$R$366,ROW(INDEX(Jesper!AK$2:AK$366,ROUNDDOWN($C1706/24,0)+1,1))-1)+IF('Standard Profiles'!$G$21=$B$10,7,0)+IF('Standard Profiles'!$G$21=$B$17,14,0)+IF('Standard Profiles'!$G$21=$B$24,21,0),MOD($C1706,24)+1)/SUM(INDEX($D$3:$AA$30,INDEX(Jesper!$R$2:$R$366,ROW(INDEX(Jesper!AK$2:AK$366,ROUNDDOWN($C1706/24,0)+1,1))-1)+IF('Standard Profiles'!$G$21=$B$10,7,0)+IF('Standard Profiles'!$G$21=$B$17,14,0)+IF('Standard Profiles'!$G$21=$B$24,21,0),0)),0)</f>
        <v>0</v>
      </c>
      <c r="H1706" cm="1">
        <f t="array" ref="H1706">IFERROR(INDEX(Jesper!AL$2:AL$366,ROUNDDOWN($C1706/24,0)+1,1)*INDEX($D$3:$AA$30,INDEX(Jesper!$R$2:$R$366,ROW(INDEX(Jesper!AL$2:AL$366,ROUNDDOWN($C1706/24,0)+1,1))-1)+IF('Standard Profiles'!$G$22=$B$10,7,0)+IF('Standard Profiles'!$G$22=$B$17,14,0)+IF('Standard Profiles'!$G$22=$B$24,21,0),MOD($C1706,24)+1)/SUM(INDEX($D$3:$AA$30,INDEX(Jesper!$R$2:$R$366,ROW(INDEX(Jesper!AL$2:AL$366,ROUNDDOWN($C1706/24,0)+1,1))-1)+IF('Standard Profiles'!$G$22=$B$10,7,0)+IF('Standard Profiles'!$G$22=$B$17,14,0)+IF('Standard Profiles'!$G$22=$B$24,21,0),0)),0)</f>
        <v>0</v>
      </c>
      <c r="I1706">
        <f t="shared" si="202"/>
        <v>0.29105090366602099</v>
      </c>
      <c r="J1706">
        <f t="shared" si="203"/>
        <v>0.97016967888673666</v>
      </c>
      <c r="K1706">
        <f t="shared" si="204"/>
        <v>1.4552545183301051</v>
      </c>
      <c r="L1706">
        <f t="shared" si="205"/>
        <v>13.84948591909694</v>
      </c>
      <c r="M1706">
        <f t="shared" si="206"/>
        <v>0</v>
      </c>
      <c r="N1706" s="46">
        <f t="shared" si="207"/>
        <v>45361.666666662612</v>
      </c>
    </row>
    <row r="1707" spans="2:14" x14ac:dyDescent="0.3">
      <c r="B1707">
        <f t="shared" si="201"/>
        <v>7</v>
      </c>
      <c r="C1707" s="16">
        <v>1673</v>
      </c>
      <c r="D1707" cm="1">
        <f t="array" ref="D1707">IFERROR(INDEX(Jesper!AH$2:AH$366,ROUNDDOWN($C1707/24,0)+1,1)*INDEX($D$3:$AA$30,INDEX(Jesper!$R$2:$R$366,ROW(INDEX(Jesper!AH$2:AH$366,ROUNDDOWN($C1707/24,0)+1,1))-1)+IF('Standard Profiles'!$G$18=$B$10,7,0)+IF('Standard Profiles'!$G$18=$B$17,14,0)+IF('Standard Profiles'!$G$18=$B$24,21,0),MOD($C1707,24)+1)/SUM(INDEX($D$3:$AA$30,INDEX(Jesper!$R$2:$R$366,ROW(INDEX(Jesper!AH$2:AH$366,ROUNDDOWN($C1707/24,0)+1,1))-1)+IF('Standard Profiles'!$G$18=$B$10,7,0)+IF('Standard Profiles'!$G$18=$B$17,14,0)+IF('Standard Profiles'!$G$18=$B$24,21,0),0)),0)</f>
        <v>11.395616572663412</v>
      </c>
      <c r="E1707" cm="1">
        <f t="array" ref="E1707">IFERROR(INDEX(Jesper!AI$2:AI$366,ROUNDDOWN($C1707/24,0)+1,1)*INDEX($D$3:$AA$30,INDEX(Jesper!$R$2:$R$366,ROW(INDEX(Jesper!AI$2:AI$366,ROUNDDOWN($C1707/24,0)+1,1))-1)+IF('Standard Profiles'!$G$19=$B$10,7,0)+IF('Standard Profiles'!$G$19=$B$17,14,0)+IF('Standard Profiles'!$G$19=$B$24,21,0),MOD($C1707,24)+1)/SUM(INDEX($D$3:$AA$30,INDEX(Jesper!$R$2:$R$366,ROW(INDEX(Jesper!AI$2:AI$366,ROUNDDOWN($C1707/24,0)+1,1))-1)+IF('Standard Profiles'!$G$19=$B$10,7,0)+IF('Standard Profiles'!$G$19=$B$17,14,0)+IF('Standard Profiles'!$G$19=$B$24,21,0),0)),0)</f>
        <v>2.7607501171375111</v>
      </c>
      <c r="F1707" cm="1">
        <f t="array" ref="F1707">IFERROR(INDEX(Jesper!AJ$2:AJ$366,ROUNDDOWN($C1707/24,0)+1,1)*INDEX($D$3:$AA$30,INDEX(Jesper!$R$2:$R$366,ROW(INDEX(Jesper!AJ$2:AJ$366,ROUNDDOWN($C1707/24,0)+1,1))-1)+IF('Standard Profiles'!$G$20=$B$10,7,0)+IF('Standard Profiles'!$G$20=$B$17,14,0)+IF('Standard Profiles'!$G$20=$B$24,21,0),MOD($C1707,24)+1)/SUM(INDEX($D$3:$AA$30,INDEX(Jesper!$R$2:$R$366,ROW(INDEX(Jesper!AJ$2:AJ$366,ROUNDDOWN($C1707/24,0)+1,1))-1)+IF('Standard Profiles'!$G$20=$B$10,7,0)+IF('Standard Profiles'!$G$20=$B$17,14,0)+IF('Standard Profiles'!$G$20=$B$24,21,0),0)),0)</f>
        <v>0</v>
      </c>
      <c r="G1707" cm="1">
        <f t="array" ref="G1707">IFERROR(INDEX(Jesper!AK$2:AK$366,ROUNDDOWN($C1707/24,0)+1,1)*INDEX($D$3:$AA$30,INDEX(Jesper!$R$2:$R$366,ROW(INDEX(Jesper!AK$2:AK$366,ROUNDDOWN($C1707/24,0)+1,1))-1)+IF('Standard Profiles'!$G$21=$B$10,7,0)+IF('Standard Profiles'!$G$21=$B$17,14,0)+IF('Standard Profiles'!$G$21=$B$24,21,0),MOD($C1707,24)+1)/SUM(INDEX($D$3:$AA$30,INDEX(Jesper!$R$2:$R$366,ROW(INDEX(Jesper!AK$2:AK$366,ROUNDDOWN($C1707/24,0)+1,1))-1)+IF('Standard Profiles'!$G$21=$B$10,7,0)+IF('Standard Profiles'!$G$21=$B$17,14,0)+IF('Standard Profiles'!$G$21=$B$24,21,0),0)),0)</f>
        <v>0</v>
      </c>
      <c r="H1707" cm="1">
        <f t="array" ref="H1707">IFERROR(INDEX(Jesper!AL$2:AL$366,ROUNDDOWN($C1707/24,0)+1,1)*INDEX($D$3:$AA$30,INDEX(Jesper!$R$2:$R$366,ROW(INDEX(Jesper!AL$2:AL$366,ROUNDDOWN($C1707/24,0)+1,1))-1)+IF('Standard Profiles'!$G$22=$B$10,7,0)+IF('Standard Profiles'!$G$22=$B$17,14,0)+IF('Standard Profiles'!$G$22=$B$24,21,0),MOD($C1707,24)+1)/SUM(INDEX($D$3:$AA$30,INDEX(Jesper!$R$2:$R$366,ROW(INDEX(Jesper!AL$2:AL$366,ROUNDDOWN($C1707/24,0)+1,1))-1)+IF('Standard Profiles'!$G$22=$B$10,7,0)+IF('Standard Profiles'!$G$22=$B$17,14,0)+IF('Standard Profiles'!$G$22=$B$24,21,0),0)),0)</f>
        <v>0</v>
      </c>
      <c r="I1707">
        <f t="shared" si="202"/>
        <v>0.2487162267691452</v>
      </c>
      <c r="J1707">
        <f t="shared" si="203"/>
        <v>0.82905408923048407</v>
      </c>
      <c r="K1707">
        <f t="shared" si="204"/>
        <v>1.2435811338457261</v>
      </c>
      <c r="L1707">
        <f t="shared" si="205"/>
        <v>11.835015239955569</v>
      </c>
      <c r="M1707">
        <f t="shared" si="206"/>
        <v>0</v>
      </c>
      <c r="N1707" s="46">
        <f t="shared" si="207"/>
        <v>45361.708333329276</v>
      </c>
    </row>
    <row r="1708" spans="2:14" x14ac:dyDescent="0.3">
      <c r="B1708">
        <f t="shared" si="201"/>
        <v>7</v>
      </c>
      <c r="C1708" s="16">
        <v>1674</v>
      </c>
      <c r="D1708" cm="1">
        <f t="array" ref="D1708">IFERROR(INDEX(Jesper!AH$2:AH$366,ROUNDDOWN($C1708/24,0)+1,1)*INDEX($D$3:$AA$30,INDEX(Jesper!$R$2:$R$366,ROW(INDEX(Jesper!AH$2:AH$366,ROUNDDOWN($C1708/24,0)+1,1))-1)+IF('Standard Profiles'!$G$18=$B$10,7,0)+IF('Standard Profiles'!$G$18=$B$17,14,0)+IF('Standard Profiles'!$G$18=$B$24,21,0),MOD($C1708,24)+1)/SUM(INDEX($D$3:$AA$30,INDEX(Jesper!$R$2:$R$366,ROW(INDEX(Jesper!AH$2:AH$366,ROUNDDOWN($C1708/24,0)+1,1))-1)+IF('Standard Profiles'!$G$18=$B$10,7,0)+IF('Standard Profiles'!$G$18=$B$17,14,0)+IF('Standard Profiles'!$G$18=$B$24,21,0),0)),0)</f>
        <v>10.668236791429576</v>
      </c>
      <c r="E1708" cm="1">
        <f t="array" ref="E1708">IFERROR(INDEX(Jesper!AI$2:AI$366,ROUNDDOWN($C1708/24,0)+1,1)*INDEX($D$3:$AA$30,INDEX(Jesper!$R$2:$R$366,ROW(INDEX(Jesper!AI$2:AI$366,ROUNDDOWN($C1708/24,0)+1,1))-1)+IF('Standard Profiles'!$G$19=$B$10,7,0)+IF('Standard Profiles'!$G$19=$B$17,14,0)+IF('Standard Profiles'!$G$19=$B$24,21,0),MOD($C1708,24)+1)/SUM(INDEX($D$3:$AA$30,INDEX(Jesper!$R$2:$R$366,ROW(INDEX(Jesper!AI$2:AI$366,ROUNDDOWN($C1708/24,0)+1,1))-1)+IF('Standard Profiles'!$G$19=$B$10,7,0)+IF('Standard Profiles'!$G$19=$B$17,14,0)+IF('Standard Profiles'!$G$19=$B$24,21,0),0)),0)</f>
        <v>2.5845320245542656</v>
      </c>
      <c r="F1708" cm="1">
        <f t="array" ref="F1708">IFERROR(INDEX(Jesper!AJ$2:AJ$366,ROUNDDOWN($C1708/24,0)+1,1)*INDEX($D$3:$AA$30,INDEX(Jesper!$R$2:$R$366,ROW(INDEX(Jesper!AJ$2:AJ$366,ROUNDDOWN($C1708/24,0)+1,1))-1)+IF('Standard Profiles'!$G$20=$B$10,7,0)+IF('Standard Profiles'!$G$20=$B$17,14,0)+IF('Standard Profiles'!$G$20=$B$24,21,0),MOD($C1708,24)+1)/SUM(INDEX($D$3:$AA$30,INDEX(Jesper!$R$2:$R$366,ROW(INDEX(Jesper!AJ$2:AJ$366,ROUNDDOWN($C1708/24,0)+1,1))-1)+IF('Standard Profiles'!$G$20=$B$10,7,0)+IF('Standard Profiles'!$G$20=$B$17,14,0)+IF('Standard Profiles'!$G$20=$B$24,21,0),0)),0)</f>
        <v>0</v>
      </c>
      <c r="G1708" cm="1">
        <f t="array" ref="G1708">IFERROR(INDEX(Jesper!AK$2:AK$366,ROUNDDOWN($C1708/24,0)+1,1)*INDEX($D$3:$AA$30,INDEX(Jesper!$R$2:$R$366,ROW(INDEX(Jesper!AK$2:AK$366,ROUNDDOWN($C1708/24,0)+1,1))-1)+IF('Standard Profiles'!$G$21=$B$10,7,0)+IF('Standard Profiles'!$G$21=$B$17,14,0)+IF('Standard Profiles'!$G$21=$B$24,21,0),MOD($C1708,24)+1)/SUM(INDEX($D$3:$AA$30,INDEX(Jesper!$R$2:$R$366,ROW(INDEX(Jesper!AK$2:AK$366,ROUNDDOWN($C1708/24,0)+1,1))-1)+IF('Standard Profiles'!$G$21=$B$10,7,0)+IF('Standard Profiles'!$G$21=$B$17,14,0)+IF('Standard Profiles'!$G$21=$B$24,21,0),0)),0)</f>
        <v>0</v>
      </c>
      <c r="H1708" cm="1">
        <f t="array" ref="H1708">IFERROR(INDEX(Jesper!AL$2:AL$366,ROUNDDOWN($C1708/24,0)+1,1)*INDEX($D$3:$AA$30,INDEX(Jesper!$R$2:$R$366,ROW(INDEX(Jesper!AL$2:AL$366,ROUNDDOWN($C1708/24,0)+1,1))-1)+IF('Standard Profiles'!$G$22=$B$10,7,0)+IF('Standard Profiles'!$G$22=$B$17,14,0)+IF('Standard Profiles'!$G$22=$B$24,21,0),MOD($C1708,24)+1)/SUM(INDEX($D$3:$AA$30,INDEX(Jesper!$R$2:$R$366,ROW(INDEX(Jesper!AL$2:AL$366,ROUNDDOWN($C1708/24,0)+1,1))-1)+IF('Standard Profiles'!$G$22=$B$10,7,0)+IF('Standard Profiles'!$G$22=$B$17,14,0)+IF('Standard Profiles'!$G$22=$B$24,21,0),0)),0)</f>
        <v>0</v>
      </c>
      <c r="I1708">
        <f t="shared" si="202"/>
        <v>0.23284072293281677</v>
      </c>
      <c r="J1708">
        <f t="shared" si="203"/>
        <v>0.77613574310938938</v>
      </c>
      <c r="K1708">
        <f t="shared" si="204"/>
        <v>1.164203614664084</v>
      </c>
      <c r="L1708">
        <f t="shared" si="205"/>
        <v>11.079588735277552</v>
      </c>
      <c r="M1708">
        <f t="shared" si="206"/>
        <v>0</v>
      </c>
      <c r="N1708" s="46">
        <f t="shared" si="207"/>
        <v>45361.74999999594</v>
      </c>
    </row>
    <row r="1709" spans="2:14" x14ac:dyDescent="0.3">
      <c r="B1709">
        <f t="shared" si="201"/>
        <v>7</v>
      </c>
      <c r="C1709" s="16">
        <v>1675</v>
      </c>
      <c r="D1709" cm="1">
        <f t="array" ref="D1709">IFERROR(INDEX(Jesper!AH$2:AH$366,ROUNDDOWN($C1709/24,0)+1,1)*INDEX($D$3:$AA$30,INDEX(Jesper!$R$2:$R$366,ROW(INDEX(Jesper!AH$2:AH$366,ROUNDDOWN($C1709/24,0)+1,1))-1)+IF('Standard Profiles'!$G$18=$B$10,7,0)+IF('Standard Profiles'!$G$18=$B$17,14,0)+IF('Standard Profiles'!$G$18=$B$24,21,0),MOD($C1709,24)+1)/SUM(INDEX($D$3:$AA$30,INDEX(Jesper!$R$2:$R$366,ROW(INDEX(Jesper!AH$2:AH$366,ROUNDDOWN($C1709/24,0)+1,1))-1)+IF('Standard Profiles'!$G$18=$B$10,7,0)+IF('Standard Profiles'!$G$18=$B$17,14,0)+IF('Standard Profiles'!$G$18=$B$24,21,0),0)),0)</f>
        <v>8.9710173018839647</v>
      </c>
      <c r="E1709" cm="1">
        <f t="array" ref="E1709">IFERROR(INDEX(Jesper!AI$2:AI$366,ROUNDDOWN($C1709/24,0)+1,1)*INDEX($D$3:$AA$30,INDEX(Jesper!$R$2:$R$366,ROW(INDEX(Jesper!AI$2:AI$366,ROUNDDOWN($C1709/24,0)+1,1))-1)+IF('Standard Profiles'!$G$19=$B$10,7,0)+IF('Standard Profiles'!$G$19=$B$17,14,0)+IF('Standard Profiles'!$G$19=$B$24,21,0),MOD($C1709,24)+1)/SUM(INDEX($D$3:$AA$30,INDEX(Jesper!$R$2:$R$366,ROW(INDEX(Jesper!AI$2:AI$366,ROUNDDOWN($C1709/24,0)+1,1))-1)+IF('Standard Profiles'!$G$19=$B$10,7,0)+IF('Standard Profiles'!$G$19=$B$17,14,0)+IF('Standard Profiles'!$G$19=$B$24,21,0),0)),0)</f>
        <v>2.1733564751933598</v>
      </c>
      <c r="F1709" cm="1">
        <f t="array" ref="F1709">IFERROR(INDEX(Jesper!AJ$2:AJ$366,ROUNDDOWN($C1709/24,0)+1,1)*INDEX($D$3:$AA$30,INDEX(Jesper!$R$2:$R$366,ROW(INDEX(Jesper!AJ$2:AJ$366,ROUNDDOWN($C1709/24,0)+1,1))-1)+IF('Standard Profiles'!$G$20=$B$10,7,0)+IF('Standard Profiles'!$G$20=$B$17,14,0)+IF('Standard Profiles'!$G$20=$B$24,21,0),MOD($C1709,24)+1)/SUM(INDEX($D$3:$AA$30,INDEX(Jesper!$R$2:$R$366,ROW(INDEX(Jesper!AJ$2:AJ$366,ROUNDDOWN($C1709/24,0)+1,1))-1)+IF('Standard Profiles'!$G$20=$B$10,7,0)+IF('Standard Profiles'!$G$20=$B$17,14,0)+IF('Standard Profiles'!$G$20=$B$24,21,0),0)),0)</f>
        <v>0</v>
      </c>
      <c r="G1709" cm="1">
        <f t="array" ref="G1709">IFERROR(INDEX(Jesper!AK$2:AK$366,ROUNDDOWN($C1709/24,0)+1,1)*INDEX($D$3:$AA$30,INDEX(Jesper!$R$2:$R$366,ROW(INDEX(Jesper!AK$2:AK$366,ROUNDDOWN($C1709/24,0)+1,1))-1)+IF('Standard Profiles'!$G$21=$B$10,7,0)+IF('Standard Profiles'!$G$21=$B$17,14,0)+IF('Standard Profiles'!$G$21=$B$24,21,0),MOD($C1709,24)+1)/SUM(INDEX($D$3:$AA$30,INDEX(Jesper!$R$2:$R$366,ROW(INDEX(Jesper!AK$2:AK$366,ROUNDDOWN($C1709/24,0)+1,1))-1)+IF('Standard Profiles'!$G$21=$B$10,7,0)+IF('Standard Profiles'!$G$21=$B$17,14,0)+IF('Standard Profiles'!$G$21=$B$24,21,0),0)),0)</f>
        <v>0</v>
      </c>
      <c r="H1709" cm="1">
        <f t="array" ref="H1709">IFERROR(INDEX(Jesper!AL$2:AL$366,ROUNDDOWN($C1709/24,0)+1,1)*INDEX($D$3:$AA$30,INDEX(Jesper!$R$2:$R$366,ROW(INDEX(Jesper!AL$2:AL$366,ROUNDDOWN($C1709/24,0)+1,1))-1)+IF('Standard Profiles'!$G$22=$B$10,7,0)+IF('Standard Profiles'!$G$22=$B$17,14,0)+IF('Standard Profiles'!$G$22=$B$24,21,0),MOD($C1709,24)+1)/SUM(INDEX($D$3:$AA$30,INDEX(Jesper!$R$2:$R$366,ROW(INDEX(Jesper!AL$2:AL$366,ROUNDDOWN($C1709/24,0)+1,1))-1)+IF('Standard Profiles'!$G$22=$B$10,7,0)+IF('Standard Profiles'!$G$22=$B$17,14,0)+IF('Standard Profiles'!$G$22=$B$24,21,0),0)),0)</f>
        <v>0</v>
      </c>
      <c r="I1709">
        <f t="shared" si="202"/>
        <v>0.19579788064805048</v>
      </c>
      <c r="J1709">
        <f t="shared" si="203"/>
        <v>0.65265960216016838</v>
      </c>
      <c r="K1709">
        <f t="shared" si="204"/>
        <v>0.97898940324025252</v>
      </c>
      <c r="L1709">
        <f t="shared" si="205"/>
        <v>9.316926891028853</v>
      </c>
      <c r="M1709">
        <f t="shared" si="206"/>
        <v>0</v>
      </c>
      <c r="N1709" s="46">
        <f t="shared" si="207"/>
        <v>45361.791666662604</v>
      </c>
    </row>
    <row r="1710" spans="2:14" x14ac:dyDescent="0.3">
      <c r="B1710">
        <f t="shared" si="201"/>
        <v>7</v>
      </c>
      <c r="C1710" s="16">
        <v>1676</v>
      </c>
      <c r="D1710" cm="1">
        <f t="array" ref="D1710">IFERROR(INDEX(Jesper!AH$2:AH$366,ROUNDDOWN($C1710/24,0)+1,1)*INDEX($D$3:$AA$30,INDEX(Jesper!$R$2:$R$366,ROW(INDEX(Jesper!AH$2:AH$366,ROUNDDOWN($C1710/24,0)+1,1))-1)+IF('Standard Profiles'!$G$18=$B$10,7,0)+IF('Standard Profiles'!$G$18=$B$17,14,0)+IF('Standard Profiles'!$G$18=$B$24,21,0),MOD($C1710,24)+1)/SUM(INDEX($D$3:$AA$30,INDEX(Jesper!$R$2:$R$366,ROW(INDEX(Jesper!AH$2:AH$366,ROUNDDOWN($C1710/24,0)+1,1))-1)+IF('Standard Profiles'!$G$18=$B$10,7,0)+IF('Standard Profiles'!$G$18=$B$17,14,0)+IF('Standard Profiles'!$G$18=$B$24,21,0),0)),0)</f>
        <v>7.516257739416293</v>
      </c>
      <c r="E1710" cm="1">
        <f t="array" ref="E1710">IFERROR(INDEX(Jesper!AI$2:AI$366,ROUNDDOWN($C1710/24,0)+1,1)*INDEX($D$3:$AA$30,INDEX(Jesper!$R$2:$R$366,ROW(INDEX(Jesper!AI$2:AI$366,ROUNDDOWN($C1710/24,0)+1,1))-1)+IF('Standard Profiles'!$G$19=$B$10,7,0)+IF('Standard Profiles'!$G$19=$B$17,14,0)+IF('Standard Profiles'!$G$19=$B$24,21,0),MOD($C1710,24)+1)/SUM(INDEX($D$3:$AA$30,INDEX(Jesper!$R$2:$R$366,ROW(INDEX(Jesper!AI$2:AI$366,ROUNDDOWN($C1710/24,0)+1,1))-1)+IF('Standard Profiles'!$G$19=$B$10,7,0)+IF('Standard Profiles'!$G$19=$B$17,14,0)+IF('Standard Profiles'!$G$19=$B$24,21,0),0)),0)</f>
        <v>1.8209202900268688</v>
      </c>
      <c r="F1710" cm="1">
        <f t="array" ref="F1710">IFERROR(INDEX(Jesper!AJ$2:AJ$366,ROUNDDOWN($C1710/24,0)+1,1)*INDEX($D$3:$AA$30,INDEX(Jesper!$R$2:$R$366,ROW(INDEX(Jesper!AJ$2:AJ$366,ROUNDDOWN($C1710/24,0)+1,1))-1)+IF('Standard Profiles'!$G$20=$B$10,7,0)+IF('Standard Profiles'!$G$20=$B$17,14,0)+IF('Standard Profiles'!$G$20=$B$24,21,0),MOD($C1710,24)+1)/SUM(INDEX($D$3:$AA$30,INDEX(Jesper!$R$2:$R$366,ROW(INDEX(Jesper!AJ$2:AJ$366,ROUNDDOWN($C1710/24,0)+1,1))-1)+IF('Standard Profiles'!$G$20=$B$10,7,0)+IF('Standard Profiles'!$G$20=$B$17,14,0)+IF('Standard Profiles'!$G$20=$B$24,21,0),0)),0)</f>
        <v>0</v>
      </c>
      <c r="G1710" cm="1">
        <f t="array" ref="G1710">IFERROR(INDEX(Jesper!AK$2:AK$366,ROUNDDOWN($C1710/24,0)+1,1)*INDEX($D$3:$AA$30,INDEX(Jesper!$R$2:$R$366,ROW(INDEX(Jesper!AK$2:AK$366,ROUNDDOWN($C1710/24,0)+1,1))-1)+IF('Standard Profiles'!$G$21=$B$10,7,0)+IF('Standard Profiles'!$G$21=$B$17,14,0)+IF('Standard Profiles'!$G$21=$B$24,21,0),MOD($C1710,24)+1)/SUM(INDEX($D$3:$AA$30,INDEX(Jesper!$R$2:$R$366,ROW(INDEX(Jesper!AK$2:AK$366,ROUNDDOWN($C1710/24,0)+1,1))-1)+IF('Standard Profiles'!$G$21=$B$10,7,0)+IF('Standard Profiles'!$G$21=$B$17,14,0)+IF('Standard Profiles'!$G$21=$B$24,21,0),0)),0)</f>
        <v>0</v>
      </c>
      <c r="H1710" cm="1">
        <f t="array" ref="H1710">IFERROR(INDEX(Jesper!AL$2:AL$366,ROUNDDOWN($C1710/24,0)+1,1)*INDEX($D$3:$AA$30,INDEX(Jesper!$R$2:$R$366,ROW(INDEX(Jesper!AL$2:AL$366,ROUNDDOWN($C1710/24,0)+1,1))-1)+IF('Standard Profiles'!$G$22=$B$10,7,0)+IF('Standard Profiles'!$G$22=$B$17,14,0)+IF('Standard Profiles'!$G$22=$B$24,21,0),MOD($C1710,24)+1)/SUM(INDEX($D$3:$AA$30,INDEX(Jesper!$R$2:$R$366,ROW(INDEX(Jesper!AL$2:AL$366,ROUNDDOWN($C1710/24,0)+1,1))-1)+IF('Standard Profiles'!$G$22=$B$10,7,0)+IF('Standard Profiles'!$G$22=$B$17,14,0)+IF('Standard Profiles'!$G$22=$B$24,21,0),0)),0)</f>
        <v>0</v>
      </c>
      <c r="I1710">
        <f t="shared" si="202"/>
        <v>0.16404687297539364</v>
      </c>
      <c r="J1710">
        <f t="shared" si="203"/>
        <v>0.54682290991797888</v>
      </c>
      <c r="K1710">
        <f t="shared" si="204"/>
        <v>0.82023436487696821</v>
      </c>
      <c r="L1710">
        <f t="shared" si="205"/>
        <v>7.8060738816728215</v>
      </c>
      <c r="M1710">
        <f t="shared" si="206"/>
        <v>0</v>
      </c>
      <c r="N1710" s="46">
        <f t="shared" si="207"/>
        <v>45361.833333329268</v>
      </c>
    </row>
    <row r="1711" spans="2:14" x14ac:dyDescent="0.3">
      <c r="B1711">
        <f t="shared" si="201"/>
        <v>7</v>
      </c>
      <c r="C1711" s="16">
        <v>1677</v>
      </c>
      <c r="D1711" cm="1">
        <f t="array" ref="D1711">IFERROR(INDEX(Jesper!AH$2:AH$366,ROUNDDOWN($C1711/24,0)+1,1)*INDEX($D$3:$AA$30,INDEX(Jesper!$R$2:$R$366,ROW(INDEX(Jesper!AH$2:AH$366,ROUNDDOWN($C1711/24,0)+1,1))-1)+IF('Standard Profiles'!$G$18=$B$10,7,0)+IF('Standard Profiles'!$G$18=$B$17,14,0)+IF('Standard Profiles'!$G$18=$B$24,21,0),MOD($C1711,24)+1)/SUM(INDEX($D$3:$AA$30,INDEX(Jesper!$R$2:$R$366,ROW(INDEX(Jesper!AH$2:AH$366,ROUNDDOWN($C1711/24,0)+1,1))-1)+IF('Standard Profiles'!$G$18=$B$10,7,0)+IF('Standard Profiles'!$G$18=$B$17,14,0)+IF('Standard Profiles'!$G$18=$B$24,21,0),0)),0)</f>
        <v>6.5464180311045137</v>
      </c>
      <c r="E1711" cm="1">
        <f t="array" ref="E1711">IFERROR(INDEX(Jesper!AI$2:AI$366,ROUNDDOWN($C1711/24,0)+1,1)*INDEX($D$3:$AA$30,INDEX(Jesper!$R$2:$R$366,ROW(INDEX(Jesper!AI$2:AI$366,ROUNDDOWN($C1711/24,0)+1,1))-1)+IF('Standard Profiles'!$G$19=$B$10,7,0)+IF('Standard Profiles'!$G$19=$B$17,14,0)+IF('Standard Profiles'!$G$19=$B$24,21,0),MOD($C1711,24)+1)/SUM(INDEX($D$3:$AA$30,INDEX(Jesper!$R$2:$R$366,ROW(INDEX(Jesper!AI$2:AI$366,ROUNDDOWN($C1711/24,0)+1,1))-1)+IF('Standard Profiles'!$G$19=$B$10,7,0)+IF('Standard Profiles'!$G$19=$B$17,14,0)+IF('Standard Profiles'!$G$19=$B$24,21,0),0)),0)</f>
        <v>1.5859628332492086</v>
      </c>
      <c r="F1711" cm="1">
        <f t="array" ref="F1711">IFERROR(INDEX(Jesper!AJ$2:AJ$366,ROUNDDOWN($C1711/24,0)+1,1)*INDEX($D$3:$AA$30,INDEX(Jesper!$R$2:$R$366,ROW(INDEX(Jesper!AJ$2:AJ$366,ROUNDDOWN($C1711/24,0)+1,1))-1)+IF('Standard Profiles'!$G$20=$B$10,7,0)+IF('Standard Profiles'!$G$20=$B$17,14,0)+IF('Standard Profiles'!$G$20=$B$24,21,0),MOD($C1711,24)+1)/SUM(INDEX($D$3:$AA$30,INDEX(Jesper!$R$2:$R$366,ROW(INDEX(Jesper!AJ$2:AJ$366,ROUNDDOWN($C1711/24,0)+1,1))-1)+IF('Standard Profiles'!$G$20=$B$10,7,0)+IF('Standard Profiles'!$G$20=$B$17,14,0)+IF('Standard Profiles'!$G$20=$B$24,21,0),0)),0)</f>
        <v>0</v>
      </c>
      <c r="G1711" cm="1">
        <f t="array" ref="G1711">IFERROR(INDEX(Jesper!AK$2:AK$366,ROUNDDOWN($C1711/24,0)+1,1)*INDEX($D$3:$AA$30,INDEX(Jesper!$R$2:$R$366,ROW(INDEX(Jesper!AK$2:AK$366,ROUNDDOWN($C1711/24,0)+1,1))-1)+IF('Standard Profiles'!$G$21=$B$10,7,0)+IF('Standard Profiles'!$G$21=$B$17,14,0)+IF('Standard Profiles'!$G$21=$B$24,21,0),MOD($C1711,24)+1)/SUM(INDEX($D$3:$AA$30,INDEX(Jesper!$R$2:$R$366,ROW(INDEX(Jesper!AK$2:AK$366,ROUNDDOWN($C1711/24,0)+1,1))-1)+IF('Standard Profiles'!$G$21=$B$10,7,0)+IF('Standard Profiles'!$G$21=$B$17,14,0)+IF('Standard Profiles'!$G$21=$B$24,21,0),0)),0)</f>
        <v>0</v>
      </c>
      <c r="H1711" cm="1">
        <f t="array" ref="H1711">IFERROR(INDEX(Jesper!AL$2:AL$366,ROUNDDOWN($C1711/24,0)+1,1)*INDEX($D$3:$AA$30,INDEX(Jesper!$R$2:$R$366,ROW(INDEX(Jesper!AL$2:AL$366,ROUNDDOWN($C1711/24,0)+1,1))-1)+IF('Standard Profiles'!$G$22=$B$10,7,0)+IF('Standard Profiles'!$G$22=$B$17,14,0)+IF('Standard Profiles'!$G$22=$B$24,21,0),MOD($C1711,24)+1)/SUM(INDEX($D$3:$AA$30,INDEX(Jesper!$R$2:$R$366,ROW(INDEX(Jesper!AL$2:AL$366,ROUNDDOWN($C1711/24,0)+1,1))-1)+IF('Standard Profiles'!$G$22=$B$10,7,0)+IF('Standard Profiles'!$G$22=$B$17,14,0)+IF('Standard Profiles'!$G$22=$B$24,21,0),0)),0)</f>
        <v>0</v>
      </c>
      <c r="I1711">
        <f t="shared" si="202"/>
        <v>0.14287953452695576</v>
      </c>
      <c r="J1711">
        <f t="shared" si="203"/>
        <v>0.47626511508985264</v>
      </c>
      <c r="K1711">
        <f t="shared" si="204"/>
        <v>0.71439767263477894</v>
      </c>
      <c r="L1711">
        <f t="shared" si="205"/>
        <v>6.7988385421021356</v>
      </c>
      <c r="M1711">
        <f t="shared" si="206"/>
        <v>0</v>
      </c>
      <c r="N1711" s="46">
        <f t="shared" si="207"/>
        <v>45361.874999995933</v>
      </c>
    </row>
    <row r="1712" spans="2:14" x14ac:dyDescent="0.3">
      <c r="B1712">
        <f t="shared" si="201"/>
        <v>7</v>
      </c>
      <c r="C1712" s="16">
        <v>1678</v>
      </c>
      <c r="D1712" cm="1">
        <f t="array" ref="D1712">IFERROR(INDEX(Jesper!AH$2:AH$366,ROUNDDOWN($C1712/24,0)+1,1)*INDEX($D$3:$AA$30,INDEX(Jesper!$R$2:$R$366,ROW(INDEX(Jesper!AH$2:AH$366,ROUNDDOWN($C1712/24,0)+1,1))-1)+IF('Standard Profiles'!$G$18=$B$10,7,0)+IF('Standard Profiles'!$G$18=$B$17,14,0)+IF('Standard Profiles'!$G$18=$B$24,21,0),MOD($C1712,24)+1)/SUM(INDEX($D$3:$AA$30,INDEX(Jesper!$R$2:$R$366,ROW(INDEX(Jesper!AH$2:AH$366,ROUNDDOWN($C1712/24,0)+1,1))-1)+IF('Standard Profiles'!$G$18=$B$10,7,0)+IF('Standard Profiles'!$G$18=$B$17,14,0)+IF('Standard Profiles'!$G$18=$B$24,21,0),0)),0)</f>
        <v>6.5464180311045137</v>
      </c>
      <c r="E1712" cm="1">
        <f t="array" ref="E1712">IFERROR(INDEX(Jesper!AI$2:AI$366,ROUNDDOWN($C1712/24,0)+1,1)*INDEX($D$3:$AA$30,INDEX(Jesper!$R$2:$R$366,ROW(INDEX(Jesper!AI$2:AI$366,ROUNDDOWN($C1712/24,0)+1,1))-1)+IF('Standard Profiles'!$G$19=$B$10,7,0)+IF('Standard Profiles'!$G$19=$B$17,14,0)+IF('Standard Profiles'!$G$19=$B$24,21,0),MOD($C1712,24)+1)/SUM(INDEX($D$3:$AA$30,INDEX(Jesper!$R$2:$R$366,ROW(INDEX(Jesper!AI$2:AI$366,ROUNDDOWN($C1712/24,0)+1,1))-1)+IF('Standard Profiles'!$G$19=$B$10,7,0)+IF('Standard Profiles'!$G$19=$B$17,14,0)+IF('Standard Profiles'!$G$19=$B$24,21,0),0)),0)</f>
        <v>1.5859628332492086</v>
      </c>
      <c r="F1712" cm="1">
        <f t="array" ref="F1712">IFERROR(INDEX(Jesper!AJ$2:AJ$366,ROUNDDOWN($C1712/24,0)+1,1)*INDEX($D$3:$AA$30,INDEX(Jesper!$R$2:$R$366,ROW(INDEX(Jesper!AJ$2:AJ$366,ROUNDDOWN($C1712/24,0)+1,1))-1)+IF('Standard Profiles'!$G$20=$B$10,7,0)+IF('Standard Profiles'!$G$20=$B$17,14,0)+IF('Standard Profiles'!$G$20=$B$24,21,0),MOD($C1712,24)+1)/SUM(INDEX($D$3:$AA$30,INDEX(Jesper!$R$2:$R$366,ROW(INDEX(Jesper!AJ$2:AJ$366,ROUNDDOWN($C1712/24,0)+1,1))-1)+IF('Standard Profiles'!$G$20=$B$10,7,0)+IF('Standard Profiles'!$G$20=$B$17,14,0)+IF('Standard Profiles'!$G$20=$B$24,21,0),0)),0)</f>
        <v>0</v>
      </c>
      <c r="G1712" cm="1">
        <f t="array" ref="G1712">IFERROR(INDEX(Jesper!AK$2:AK$366,ROUNDDOWN($C1712/24,0)+1,1)*INDEX($D$3:$AA$30,INDEX(Jesper!$R$2:$R$366,ROW(INDEX(Jesper!AK$2:AK$366,ROUNDDOWN($C1712/24,0)+1,1))-1)+IF('Standard Profiles'!$G$21=$B$10,7,0)+IF('Standard Profiles'!$G$21=$B$17,14,0)+IF('Standard Profiles'!$G$21=$B$24,21,0),MOD($C1712,24)+1)/SUM(INDEX($D$3:$AA$30,INDEX(Jesper!$R$2:$R$366,ROW(INDEX(Jesper!AK$2:AK$366,ROUNDDOWN($C1712/24,0)+1,1))-1)+IF('Standard Profiles'!$G$21=$B$10,7,0)+IF('Standard Profiles'!$G$21=$B$17,14,0)+IF('Standard Profiles'!$G$21=$B$24,21,0),0)),0)</f>
        <v>0</v>
      </c>
      <c r="H1712" cm="1">
        <f t="array" ref="H1712">IFERROR(INDEX(Jesper!AL$2:AL$366,ROUNDDOWN($C1712/24,0)+1,1)*INDEX($D$3:$AA$30,INDEX(Jesper!$R$2:$R$366,ROW(INDEX(Jesper!AL$2:AL$366,ROUNDDOWN($C1712/24,0)+1,1))-1)+IF('Standard Profiles'!$G$22=$B$10,7,0)+IF('Standard Profiles'!$G$22=$B$17,14,0)+IF('Standard Profiles'!$G$22=$B$24,21,0),MOD($C1712,24)+1)/SUM(INDEX($D$3:$AA$30,INDEX(Jesper!$R$2:$R$366,ROW(INDEX(Jesper!AL$2:AL$366,ROUNDDOWN($C1712/24,0)+1,1))-1)+IF('Standard Profiles'!$G$22=$B$10,7,0)+IF('Standard Profiles'!$G$22=$B$17,14,0)+IF('Standard Profiles'!$G$22=$B$24,21,0),0)),0)</f>
        <v>0</v>
      </c>
      <c r="I1712">
        <f t="shared" si="202"/>
        <v>0.14287953452695576</v>
      </c>
      <c r="J1712">
        <f t="shared" si="203"/>
        <v>0.47626511508985264</v>
      </c>
      <c r="K1712">
        <f t="shared" si="204"/>
        <v>0.71439767263477894</v>
      </c>
      <c r="L1712">
        <f t="shared" si="205"/>
        <v>6.7988385421021356</v>
      </c>
      <c r="M1712">
        <f t="shared" si="206"/>
        <v>0</v>
      </c>
      <c r="N1712" s="46">
        <f t="shared" si="207"/>
        <v>45361.916666662597</v>
      </c>
    </row>
    <row r="1713" spans="2:14" x14ac:dyDescent="0.3">
      <c r="B1713">
        <f t="shared" si="201"/>
        <v>7</v>
      </c>
      <c r="C1713" s="16">
        <v>1679</v>
      </c>
      <c r="D1713" cm="1">
        <f t="array" ref="D1713">IFERROR(INDEX(Jesper!AH$2:AH$366,ROUNDDOWN($C1713/24,0)+1,1)*INDEX($D$3:$AA$30,INDEX(Jesper!$R$2:$R$366,ROW(INDEX(Jesper!AH$2:AH$366,ROUNDDOWN($C1713/24,0)+1,1))-1)+IF('Standard Profiles'!$G$18=$B$10,7,0)+IF('Standard Profiles'!$G$18=$B$17,14,0)+IF('Standard Profiles'!$G$18=$B$24,21,0),MOD($C1713,24)+1)/SUM(INDEX($D$3:$AA$30,INDEX(Jesper!$R$2:$R$366,ROW(INDEX(Jesper!AH$2:AH$366,ROUNDDOWN($C1713/24,0)+1,1))-1)+IF('Standard Profiles'!$G$18=$B$10,7,0)+IF('Standard Profiles'!$G$18=$B$17,14,0)+IF('Standard Profiles'!$G$18=$B$24,21,0),0)),0)</f>
        <v>6.5464180311045137</v>
      </c>
      <c r="E1713" cm="1">
        <f t="array" ref="E1713">IFERROR(INDEX(Jesper!AI$2:AI$366,ROUNDDOWN($C1713/24,0)+1,1)*INDEX($D$3:$AA$30,INDEX(Jesper!$R$2:$R$366,ROW(INDEX(Jesper!AI$2:AI$366,ROUNDDOWN($C1713/24,0)+1,1))-1)+IF('Standard Profiles'!$G$19=$B$10,7,0)+IF('Standard Profiles'!$G$19=$B$17,14,0)+IF('Standard Profiles'!$G$19=$B$24,21,0),MOD($C1713,24)+1)/SUM(INDEX($D$3:$AA$30,INDEX(Jesper!$R$2:$R$366,ROW(INDEX(Jesper!AI$2:AI$366,ROUNDDOWN($C1713/24,0)+1,1))-1)+IF('Standard Profiles'!$G$19=$B$10,7,0)+IF('Standard Profiles'!$G$19=$B$17,14,0)+IF('Standard Profiles'!$G$19=$B$24,21,0),0)),0)</f>
        <v>1.5859628332492086</v>
      </c>
      <c r="F1713" cm="1">
        <f t="array" ref="F1713">IFERROR(INDEX(Jesper!AJ$2:AJ$366,ROUNDDOWN($C1713/24,0)+1,1)*INDEX($D$3:$AA$30,INDEX(Jesper!$R$2:$R$366,ROW(INDEX(Jesper!AJ$2:AJ$366,ROUNDDOWN($C1713/24,0)+1,1))-1)+IF('Standard Profiles'!$G$20=$B$10,7,0)+IF('Standard Profiles'!$G$20=$B$17,14,0)+IF('Standard Profiles'!$G$20=$B$24,21,0),MOD($C1713,24)+1)/SUM(INDEX($D$3:$AA$30,INDEX(Jesper!$R$2:$R$366,ROW(INDEX(Jesper!AJ$2:AJ$366,ROUNDDOWN($C1713/24,0)+1,1))-1)+IF('Standard Profiles'!$G$20=$B$10,7,0)+IF('Standard Profiles'!$G$20=$B$17,14,0)+IF('Standard Profiles'!$G$20=$B$24,21,0),0)),0)</f>
        <v>0</v>
      </c>
      <c r="G1713" cm="1">
        <f t="array" ref="G1713">IFERROR(INDEX(Jesper!AK$2:AK$366,ROUNDDOWN($C1713/24,0)+1,1)*INDEX($D$3:$AA$30,INDEX(Jesper!$R$2:$R$366,ROW(INDEX(Jesper!AK$2:AK$366,ROUNDDOWN($C1713/24,0)+1,1))-1)+IF('Standard Profiles'!$G$21=$B$10,7,0)+IF('Standard Profiles'!$G$21=$B$17,14,0)+IF('Standard Profiles'!$G$21=$B$24,21,0),MOD($C1713,24)+1)/SUM(INDEX($D$3:$AA$30,INDEX(Jesper!$R$2:$R$366,ROW(INDEX(Jesper!AK$2:AK$366,ROUNDDOWN($C1713/24,0)+1,1))-1)+IF('Standard Profiles'!$G$21=$B$10,7,0)+IF('Standard Profiles'!$G$21=$B$17,14,0)+IF('Standard Profiles'!$G$21=$B$24,21,0),0)),0)</f>
        <v>0</v>
      </c>
      <c r="H1713" cm="1">
        <f t="array" ref="H1713">IFERROR(INDEX(Jesper!AL$2:AL$366,ROUNDDOWN($C1713/24,0)+1,1)*INDEX($D$3:$AA$30,INDEX(Jesper!$R$2:$R$366,ROW(INDEX(Jesper!AL$2:AL$366,ROUNDDOWN($C1713/24,0)+1,1))-1)+IF('Standard Profiles'!$G$22=$B$10,7,0)+IF('Standard Profiles'!$G$22=$B$17,14,0)+IF('Standard Profiles'!$G$22=$B$24,21,0),MOD($C1713,24)+1)/SUM(INDEX($D$3:$AA$30,INDEX(Jesper!$R$2:$R$366,ROW(INDEX(Jesper!AL$2:AL$366,ROUNDDOWN($C1713/24,0)+1,1))-1)+IF('Standard Profiles'!$G$22=$B$10,7,0)+IF('Standard Profiles'!$G$22=$B$17,14,0)+IF('Standard Profiles'!$G$22=$B$24,21,0),0)),0)</f>
        <v>0</v>
      </c>
      <c r="I1713">
        <f t="shared" si="202"/>
        <v>0.14287953452695576</v>
      </c>
      <c r="J1713">
        <f t="shared" si="203"/>
        <v>0.47626511508985264</v>
      </c>
      <c r="K1713">
        <f t="shared" si="204"/>
        <v>0.71439767263477894</v>
      </c>
      <c r="L1713">
        <f t="shared" si="205"/>
        <v>6.7988385421021356</v>
      </c>
      <c r="M1713">
        <f t="shared" si="206"/>
        <v>0</v>
      </c>
      <c r="N1713" s="46">
        <f t="shared" si="207"/>
        <v>45361.958333329261</v>
      </c>
    </row>
    <row r="1714" spans="2:14" x14ac:dyDescent="0.3">
      <c r="B1714">
        <f t="shared" si="201"/>
        <v>1</v>
      </c>
      <c r="C1714" s="16">
        <v>1680</v>
      </c>
      <c r="D1714" cm="1">
        <f t="array" ref="D1714">IFERROR(INDEX(Jesper!AH$2:AH$366,ROUNDDOWN($C1714/24,0)+1,1)*INDEX($D$3:$AA$30,INDEX(Jesper!$R$2:$R$366,ROW(INDEX(Jesper!AH$2:AH$366,ROUNDDOWN($C1714/24,0)+1,1))-1)+IF('Standard Profiles'!$G$18=$B$10,7,0)+IF('Standard Profiles'!$G$18=$B$17,14,0)+IF('Standard Profiles'!$G$18=$B$24,21,0),MOD($C1714,24)+1)/SUM(INDEX($D$3:$AA$30,INDEX(Jesper!$R$2:$R$366,ROW(INDEX(Jesper!AH$2:AH$366,ROUNDDOWN($C1714/24,0)+1,1))-1)+IF('Standard Profiles'!$G$18=$B$10,7,0)+IF('Standard Profiles'!$G$18=$B$17,14,0)+IF('Standard Profiles'!$G$18=$B$24,21,0),0)),0)</f>
        <v>2.7897406033343772</v>
      </c>
      <c r="E1714" cm="1">
        <f t="array" ref="E1714">IFERROR(INDEX(Jesper!AI$2:AI$366,ROUNDDOWN($C1714/24,0)+1,1)*INDEX($D$3:$AA$30,INDEX(Jesper!$R$2:$R$366,ROW(INDEX(Jesper!AI$2:AI$366,ROUNDDOWN($C1714/24,0)+1,1))-1)+IF('Standard Profiles'!$G$19=$B$10,7,0)+IF('Standard Profiles'!$G$19=$B$17,14,0)+IF('Standard Profiles'!$G$19=$B$24,21,0),MOD($C1714,24)+1)/SUM(INDEX($D$3:$AA$30,INDEX(Jesper!$R$2:$R$366,ROW(INDEX(Jesper!AI$2:AI$366,ROUNDDOWN($C1714/24,0)+1,1))-1)+IF('Standard Profiles'!$G$19=$B$10,7,0)+IF('Standard Profiles'!$G$19=$B$17,14,0)+IF('Standard Profiles'!$G$19=$B$24,21,0),0)),0)</f>
        <v>0</v>
      </c>
      <c r="F1714" cm="1">
        <f t="array" ref="F1714">IFERROR(INDEX(Jesper!AJ$2:AJ$366,ROUNDDOWN($C1714/24,0)+1,1)*INDEX($D$3:$AA$30,INDEX(Jesper!$R$2:$R$366,ROW(INDEX(Jesper!AJ$2:AJ$366,ROUNDDOWN($C1714/24,0)+1,1))-1)+IF('Standard Profiles'!$G$20=$B$10,7,0)+IF('Standard Profiles'!$G$20=$B$17,14,0)+IF('Standard Profiles'!$G$20=$B$24,21,0),MOD($C1714,24)+1)/SUM(INDEX($D$3:$AA$30,INDEX(Jesper!$R$2:$R$366,ROW(INDEX(Jesper!AJ$2:AJ$366,ROUNDDOWN($C1714/24,0)+1,1))-1)+IF('Standard Profiles'!$G$20=$B$10,7,0)+IF('Standard Profiles'!$G$20=$B$17,14,0)+IF('Standard Profiles'!$G$20=$B$24,21,0),0)),0)</f>
        <v>0</v>
      </c>
      <c r="G1714" cm="1">
        <f t="array" ref="G1714">IFERROR(INDEX(Jesper!AK$2:AK$366,ROUNDDOWN($C1714/24,0)+1,1)*INDEX($D$3:$AA$30,INDEX(Jesper!$R$2:$R$366,ROW(INDEX(Jesper!AK$2:AK$366,ROUNDDOWN($C1714/24,0)+1,1))-1)+IF('Standard Profiles'!$G$21=$B$10,7,0)+IF('Standard Profiles'!$G$21=$B$17,14,0)+IF('Standard Profiles'!$G$21=$B$24,21,0),MOD($C1714,24)+1)/SUM(INDEX($D$3:$AA$30,INDEX(Jesper!$R$2:$R$366,ROW(INDEX(Jesper!AK$2:AK$366,ROUNDDOWN($C1714/24,0)+1,1))-1)+IF('Standard Profiles'!$G$21=$B$10,7,0)+IF('Standard Profiles'!$G$21=$B$17,14,0)+IF('Standard Profiles'!$G$21=$B$24,21,0),0)),0)</f>
        <v>0</v>
      </c>
      <c r="H1714" cm="1">
        <f t="array" ref="H1714">IFERROR(INDEX(Jesper!AL$2:AL$366,ROUNDDOWN($C1714/24,0)+1,1)*INDEX($D$3:$AA$30,INDEX(Jesper!$R$2:$R$366,ROW(INDEX(Jesper!AL$2:AL$366,ROUNDDOWN($C1714/24,0)+1,1))-1)+IF('Standard Profiles'!$G$22=$B$10,7,0)+IF('Standard Profiles'!$G$22=$B$17,14,0)+IF('Standard Profiles'!$G$22=$B$24,21,0),MOD($C1714,24)+1)/SUM(INDEX($D$3:$AA$30,INDEX(Jesper!$R$2:$R$366,ROW(INDEX(Jesper!AL$2:AL$366,ROUNDDOWN($C1714/24,0)+1,1))-1)+IF('Standard Profiles'!$G$22=$B$10,7,0)+IF('Standard Profiles'!$G$22=$B$17,14,0)+IF('Standard Profiles'!$G$22=$B$24,21,0),0)),0)</f>
        <v>0</v>
      </c>
      <c r="I1714">
        <f t="shared" si="202"/>
        <v>8.3692218100031315E-2</v>
      </c>
      <c r="J1714">
        <f t="shared" si="203"/>
        <v>0.27897406033343775</v>
      </c>
      <c r="K1714">
        <f t="shared" si="204"/>
        <v>0.41846109050015656</v>
      </c>
      <c r="L1714">
        <f t="shared" si="205"/>
        <v>2.0086132344007517</v>
      </c>
      <c r="M1714">
        <f t="shared" si="206"/>
        <v>0</v>
      </c>
      <c r="N1714" s="46">
        <f t="shared" si="207"/>
        <v>45361.999999995925</v>
      </c>
    </row>
    <row r="1715" spans="2:14" x14ac:dyDescent="0.3">
      <c r="B1715">
        <f t="shared" si="201"/>
        <v>1</v>
      </c>
      <c r="C1715" s="16">
        <v>1681</v>
      </c>
      <c r="D1715" cm="1">
        <f t="array" ref="D1715">IFERROR(INDEX(Jesper!AH$2:AH$366,ROUNDDOWN($C1715/24,0)+1,1)*INDEX($D$3:$AA$30,INDEX(Jesper!$R$2:$R$366,ROW(INDEX(Jesper!AH$2:AH$366,ROUNDDOWN($C1715/24,0)+1,1))-1)+IF('Standard Profiles'!$G$18=$B$10,7,0)+IF('Standard Profiles'!$G$18=$B$17,14,0)+IF('Standard Profiles'!$G$18=$B$24,21,0),MOD($C1715,24)+1)/SUM(INDEX($D$3:$AA$30,INDEX(Jesper!$R$2:$R$366,ROW(INDEX(Jesper!AH$2:AH$366,ROUNDDOWN($C1715/24,0)+1,1))-1)+IF('Standard Profiles'!$G$18=$B$10,7,0)+IF('Standard Profiles'!$G$18=$B$17,14,0)+IF('Standard Profiles'!$G$18=$B$24,21,0),0)),0)</f>
        <v>2.7897406033343772</v>
      </c>
      <c r="E1715" cm="1">
        <f t="array" ref="E1715">IFERROR(INDEX(Jesper!AI$2:AI$366,ROUNDDOWN($C1715/24,0)+1,1)*INDEX($D$3:$AA$30,INDEX(Jesper!$R$2:$R$366,ROW(INDEX(Jesper!AI$2:AI$366,ROUNDDOWN($C1715/24,0)+1,1))-1)+IF('Standard Profiles'!$G$19=$B$10,7,0)+IF('Standard Profiles'!$G$19=$B$17,14,0)+IF('Standard Profiles'!$G$19=$B$24,21,0),MOD($C1715,24)+1)/SUM(INDEX($D$3:$AA$30,INDEX(Jesper!$R$2:$R$366,ROW(INDEX(Jesper!AI$2:AI$366,ROUNDDOWN($C1715/24,0)+1,1))-1)+IF('Standard Profiles'!$G$19=$B$10,7,0)+IF('Standard Profiles'!$G$19=$B$17,14,0)+IF('Standard Profiles'!$G$19=$B$24,21,0),0)),0)</f>
        <v>0</v>
      </c>
      <c r="F1715" cm="1">
        <f t="array" ref="F1715">IFERROR(INDEX(Jesper!AJ$2:AJ$366,ROUNDDOWN($C1715/24,0)+1,1)*INDEX($D$3:$AA$30,INDEX(Jesper!$R$2:$R$366,ROW(INDEX(Jesper!AJ$2:AJ$366,ROUNDDOWN($C1715/24,0)+1,1))-1)+IF('Standard Profiles'!$G$20=$B$10,7,0)+IF('Standard Profiles'!$G$20=$B$17,14,0)+IF('Standard Profiles'!$G$20=$B$24,21,0),MOD($C1715,24)+1)/SUM(INDEX($D$3:$AA$30,INDEX(Jesper!$R$2:$R$366,ROW(INDEX(Jesper!AJ$2:AJ$366,ROUNDDOWN($C1715/24,0)+1,1))-1)+IF('Standard Profiles'!$G$20=$B$10,7,0)+IF('Standard Profiles'!$G$20=$B$17,14,0)+IF('Standard Profiles'!$G$20=$B$24,21,0),0)),0)</f>
        <v>0</v>
      </c>
      <c r="G1715" cm="1">
        <f t="array" ref="G1715">IFERROR(INDEX(Jesper!AK$2:AK$366,ROUNDDOWN($C1715/24,0)+1,1)*INDEX($D$3:$AA$30,INDEX(Jesper!$R$2:$R$366,ROW(INDEX(Jesper!AK$2:AK$366,ROUNDDOWN($C1715/24,0)+1,1))-1)+IF('Standard Profiles'!$G$21=$B$10,7,0)+IF('Standard Profiles'!$G$21=$B$17,14,0)+IF('Standard Profiles'!$G$21=$B$24,21,0),MOD($C1715,24)+1)/SUM(INDEX($D$3:$AA$30,INDEX(Jesper!$R$2:$R$366,ROW(INDEX(Jesper!AK$2:AK$366,ROUNDDOWN($C1715/24,0)+1,1))-1)+IF('Standard Profiles'!$G$21=$B$10,7,0)+IF('Standard Profiles'!$G$21=$B$17,14,0)+IF('Standard Profiles'!$G$21=$B$24,21,0),0)),0)</f>
        <v>0</v>
      </c>
      <c r="H1715" cm="1">
        <f t="array" ref="H1715">IFERROR(INDEX(Jesper!AL$2:AL$366,ROUNDDOWN($C1715/24,0)+1,1)*INDEX($D$3:$AA$30,INDEX(Jesper!$R$2:$R$366,ROW(INDEX(Jesper!AL$2:AL$366,ROUNDDOWN($C1715/24,0)+1,1))-1)+IF('Standard Profiles'!$G$22=$B$10,7,0)+IF('Standard Profiles'!$G$22=$B$17,14,0)+IF('Standard Profiles'!$G$22=$B$24,21,0),MOD($C1715,24)+1)/SUM(INDEX($D$3:$AA$30,INDEX(Jesper!$R$2:$R$366,ROW(INDEX(Jesper!AL$2:AL$366,ROUNDDOWN($C1715/24,0)+1,1))-1)+IF('Standard Profiles'!$G$22=$B$10,7,0)+IF('Standard Profiles'!$G$22=$B$17,14,0)+IF('Standard Profiles'!$G$22=$B$24,21,0),0)),0)</f>
        <v>0</v>
      </c>
      <c r="I1715">
        <f t="shared" si="202"/>
        <v>8.3692218100031315E-2</v>
      </c>
      <c r="J1715">
        <f t="shared" si="203"/>
        <v>0.27897406033343775</v>
      </c>
      <c r="K1715">
        <f t="shared" si="204"/>
        <v>0.41846109050015656</v>
      </c>
      <c r="L1715">
        <f t="shared" si="205"/>
        <v>2.0086132344007517</v>
      </c>
      <c r="M1715">
        <f t="shared" si="206"/>
        <v>0</v>
      </c>
      <c r="N1715" s="46">
        <f t="shared" si="207"/>
        <v>45362.04166666259</v>
      </c>
    </row>
    <row r="1716" spans="2:14" x14ac:dyDescent="0.3">
      <c r="B1716">
        <f t="shared" si="201"/>
        <v>1</v>
      </c>
      <c r="C1716" s="16">
        <v>1682</v>
      </c>
      <c r="D1716" cm="1">
        <f t="array" ref="D1716">IFERROR(INDEX(Jesper!AH$2:AH$366,ROUNDDOWN($C1716/24,0)+1,1)*INDEX($D$3:$AA$30,INDEX(Jesper!$R$2:$R$366,ROW(INDEX(Jesper!AH$2:AH$366,ROUNDDOWN($C1716/24,0)+1,1))-1)+IF('Standard Profiles'!$G$18=$B$10,7,0)+IF('Standard Profiles'!$G$18=$B$17,14,0)+IF('Standard Profiles'!$G$18=$B$24,21,0),MOD($C1716,24)+1)/SUM(INDEX($D$3:$AA$30,INDEX(Jesper!$R$2:$R$366,ROW(INDEX(Jesper!AH$2:AH$366,ROUNDDOWN($C1716/24,0)+1,1))-1)+IF('Standard Profiles'!$G$18=$B$10,7,0)+IF('Standard Profiles'!$G$18=$B$17,14,0)+IF('Standard Profiles'!$G$18=$B$24,21,0),0)),0)</f>
        <v>2.7897406033343772</v>
      </c>
      <c r="E1716" cm="1">
        <f t="array" ref="E1716">IFERROR(INDEX(Jesper!AI$2:AI$366,ROUNDDOWN($C1716/24,0)+1,1)*INDEX($D$3:$AA$30,INDEX(Jesper!$R$2:$R$366,ROW(INDEX(Jesper!AI$2:AI$366,ROUNDDOWN($C1716/24,0)+1,1))-1)+IF('Standard Profiles'!$G$19=$B$10,7,0)+IF('Standard Profiles'!$G$19=$B$17,14,0)+IF('Standard Profiles'!$G$19=$B$24,21,0),MOD($C1716,24)+1)/SUM(INDEX($D$3:$AA$30,INDEX(Jesper!$R$2:$R$366,ROW(INDEX(Jesper!AI$2:AI$366,ROUNDDOWN($C1716/24,0)+1,1))-1)+IF('Standard Profiles'!$G$19=$B$10,7,0)+IF('Standard Profiles'!$G$19=$B$17,14,0)+IF('Standard Profiles'!$G$19=$B$24,21,0),0)),0)</f>
        <v>0</v>
      </c>
      <c r="F1716" cm="1">
        <f t="array" ref="F1716">IFERROR(INDEX(Jesper!AJ$2:AJ$366,ROUNDDOWN($C1716/24,0)+1,1)*INDEX($D$3:$AA$30,INDEX(Jesper!$R$2:$R$366,ROW(INDEX(Jesper!AJ$2:AJ$366,ROUNDDOWN($C1716/24,0)+1,1))-1)+IF('Standard Profiles'!$G$20=$B$10,7,0)+IF('Standard Profiles'!$G$20=$B$17,14,0)+IF('Standard Profiles'!$G$20=$B$24,21,0),MOD($C1716,24)+1)/SUM(INDEX($D$3:$AA$30,INDEX(Jesper!$R$2:$R$366,ROW(INDEX(Jesper!AJ$2:AJ$366,ROUNDDOWN($C1716/24,0)+1,1))-1)+IF('Standard Profiles'!$G$20=$B$10,7,0)+IF('Standard Profiles'!$G$20=$B$17,14,0)+IF('Standard Profiles'!$G$20=$B$24,21,0),0)),0)</f>
        <v>0</v>
      </c>
      <c r="G1716" cm="1">
        <f t="array" ref="G1716">IFERROR(INDEX(Jesper!AK$2:AK$366,ROUNDDOWN($C1716/24,0)+1,1)*INDEX($D$3:$AA$30,INDEX(Jesper!$R$2:$R$366,ROW(INDEX(Jesper!AK$2:AK$366,ROUNDDOWN($C1716/24,0)+1,1))-1)+IF('Standard Profiles'!$G$21=$B$10,7,0)+IF('Standard Profiles'!$G$21=$B$17,14,0)+IF('Standard Profiles'!$G$21=$B$24,21,0),MOD($C1716,24)+1)/SUM(INDEX($D$3:$AA$30,INDEX(Jesper!$R$2:$R$366,ROW(INDEX(Jesper!AK$2:AK$366,ROUNDDOWN($C1716/24,0)+1,1))-1)+IF('Standard Profiles'!$G$21=$B$10,7,0)+IF('Standard Profiles'!$G$21=$B$17,14,0)+IF('Standard Profiles'!$G$21=$B$24,21,0),0)),0)</f>
        <v>0</v>
      </c>
      <c r="H1716" cm="1">
        <f t="array" ref="H1716">IFERROR(INDEX(Jesper!AL$2:AL$366,ROUNDDOWN($C1716/24,0)+1,1)*INDEX($D$3:$AA$30,INDEX(Jesper!$R$2:$R$366,ROW(INDEX(Jesper!AL$2:AL$366,ROUNDDOWN($C1716/24,0)+1,1))-1)+IF('Standard Profiles'!$G$22=$B$10,7,0)+IF('Standard Profiles'!$G$22=$B$17,14,0)+IF('Standard Profiles'!$G$22=$B$24,21,0),MOD($C1716,24)+1)/SUM(INDEX($D$3:$AA$30,INDEX(Jesper!$R$2:$R$366,ROW(INDEX(Jesper!AL$2:AL$366,ROUNDDOWN($C1716/24,0)+1,1))-1)+IF('Standard Profiles'!$G$22=$B$10,7,0)+IF('Standard Profiles'!$G$22=$B$17,14,0)+IF('Standard Profiles'!$G$22=$B$24,21,0),0)),0)</f>
        <v>0</v>
      </c>
      <c r="I1716">
        <f t="shared" si="202"/>
        <v>8.3692218100031315E-2</v>
      </c>
      <c r="J1716">
        <f t="shared" si="203"/>
        <v>0.27897406033343775</v>
      </c>
      <c r="K1716">
        <f t="shared" si="204"/>
        <v>0.41846109050015656</v>
      </c>
      <c r="L1716">
        <f t="shared" si="205"/>
        <v>2.0086132344007517</v>
      </c>
      <c r="M1716">
        <f t="shared" si="206"/>
        <v>0</v>
      </c>
      <c r="N1716" s="46">
        <f t="shared" si="207"/>
        <v>45362.083333329254</v>
      </c>
    </row>
    <row r="1717" spans="2:14" x14ac:dyDescent="0.3">
      <c r="B1717">
        <f t="shared" si="201"/>
        <v>1</v>
      </c>
      <c r="C1717" s="16">
        <v>1683</v>
      </c>
      <c r="D1717" cm="1">
        <f t="array" ref="D1717">IFERROR(INDEX(Jesper!AH$2:AH$366,ROUNDDOWN($C1717/24,0)+1,1)*INDEX($D$3:$AA$30,INDEX(Jesper!$R$2:$R$366,ROW(INDEX(Jesper!AH$2:AH$366,ROUNDDOWN($C1717/24,0)+1,1))-1)+IF('Standard Profiles'!$G$18=$B$10,7,0)+IF('Standard Profiles'!$G$18=$B$17,14,0)+IF('Standard Profiles'!$G$18=$B$24,21,0),MOD($C1717,24)+1)/SUM(INDEX($D$3:$AA$30,INDEX(Jesper!$R$2:$R$366,ROW(INDEX(Jesper!AH$2:AH$366,ROUNDDOWN($C1717/24,0)+1,1))-1)+IF('Standard Profiles'!$G$18=$B$10,7,0)+IF('Standard Profiles'!$G$18=$B$17,14,0)+IF('Standard Profiles'!$G$18=$B$24,21,0),0)),0)</f>
        <v>2.7897406033343772</v>
      </c>
      <c r="E1717" cm="1">
        <f t="array" ref="E1717">IFERROR(INDEX(Jesper!AI$2:AI$366,ROUNDDOWN($C1717/24,0)+1,1)*INDEX($D$3:$AA$30,INDEX(Jesper!$R$2:$R$366,ROW(INDEX(Jesper!AI$2:AI$366,ROUNDDOWN($C1717/24,0)+1,1))-1)+IF('Standard Profiles'!$G$19=$B$10,7,0)+IF('Standard Profiles'!$G$19=$B$17,14,0)+IF('Standard Profiles'!$G$19=$B$24,21,0),MOD($C1717,24)+1)/SUM(INDEX($D$3:$AA$30,INDEX(Jesper!$R$2:$R$366,ROW(INDEX(Jesper!AI$2:AI$366,ROUNDDOWN($C1717/24,0)+1,1))-1)+IF('Standard Profiles'!$G$19=$B$10,7,0)+IF('Standard Profiles'!$G$19=$B$17,14,0)+IF('Standard Profiles'!$G$19=$B$24,21,0),0)),0)</f>
        <v>0</v>
      </c>
      <c r="F1717" cm="1">
        <f t="array" ref="F1717">IFERROR(INDEX(Jesper!AJ$2:AJ$366,ROUNDDOWN($C1717/24,0)+1,1)*INDEX($D$3:$AA$30,INDEX(Jesper!$R$2:$R$366,ROW(INDEX(Jesper!AJ$2:AJ$366,ROUNDDOWN($C1717/24,0)+1,1))-1)+IF('Standard Profiles'!$G$20=$B$10,7,0)+IF('Standard Profiles'!$G$20=$B$17,14,0)+IF('Standard Profiles'!$G$20=$B$24,21,0),MOD($C1717,24)+1)/SUM(INDEX($D$3:$AA$30,INDEX(Jesper!$R$2:$R$366,ROW(INDEX(Jesper!AJ$2:AJ$366,ROUNDDOWN($C1717/24,0)+1,1))-1)+IF('Standard Profiles'!$G$20=$B$10,7,0)+IF('Standard Profiles'!$G$20=$B$17,14,0)+IF('Standard Profiles'!$G$20=$B$24,21,0),0)),0)</f>
        <v>0</v>
      </c>
      <c r="G1717" cm="1">
        <f t="array" ref="G1717">IFERROR(INDEX(Jesper!AK$2:AK$366,ROUNDDOWN($C1717/24,0)+1,1)*INDEX($D$3:$AA$30,INDEX(Jesper!$R$2:$R$366,ROW(INDEX(Jesper!AK$2:AK$366,ROUNDDOWN($C1717/24,0)+1,1))-1)+IF('Standard Profiles'!$G$21=$B$10,7,0)+IF('Standard Profiles'!$G$21=$B$17,14,0)+IF('Standard Profiles'!$G$21=$B$24,21,0),MOD($C1717,24)+1)/SUM(INDEX($D$3:$AA$30,INDEX(Jesper!$R$2:$R$366,ROW(INDEX(Jesper!AK$2:AK$366,ROUNDDOWN($C1717/24,0)+1,1))-1)+IF('Standard Profiles'!$G$21=$B$10,7,0)+IF('Standard Profiles'!$G$21=$B$17,14,0)+IF('Standard Profiles'!$G$21=$B$24,21,0),0)),0)</f>
        <v>0</v>
      </c>
      <c r="H1717" cm="1">
        <f t="array" ref="H1717">IFERROR(INDEX(Jesper!AL$2:AL$366,ROUNDDOWN($C1717/24,0)+1,1)*INDEX($D$3:$AA$30,INDEX(Jesper!$R$2:$R$366,ROW(INDEX(Jesper!AL$2:AL$366,ROUNDDOWN($C1717/24,0)+1,1))-1)+IF('Standard Profiles'!$G$22=$B$10,7,0)+IF('Standard Profiles'!$G$22=$B$17,14,0)+IF('Standard Profiles'!$G$22=$B$24,21,0),MOD($C1717,24)+1)/SUM(INDEX($D$3:$AA$30,INDEX(Jesper!$R$2:$R$366,ROW(INDEX(Jesper!AL$2:AL$366,ROUNDDOWN($C1717/24,0)+1,1))-1)+IF('Standard Profiles'!$G$22=$B$10,7,0)+IF('Standard Profiles'!$G$22=$B$17,14,0)+IF('Standard Profiles'!$G$22=$B$24,21,0),0)),0)</f>
        <v>0</v>
      </c>
      <c r="I1717">
        <f t="shared" si="202"/>
        <v>8.3692218100031315E-2</v>
      </c>
      <c r="J1717">
        <f t="shared" si="203"/>
        <v>0.27897406033343775</v>
      </c>
      <c r="K1717">
        <f t="shared" si="204"/>
        <v>0.41846109050015656</v>
      </c>
      <c r="L1717">
        <f t="shared" si="205"/>
        <v>2.0086132344007517</v>
      </c>
      <c r="M1717">
        <f t="shared" si="206"/>
        <v>0</v>
      </c>
      <c r="N1717" s="46">
        <f t="shared" si="207"/>
        <v>45362.124999995918</v>
      </c>
    </row>
    <row r="1718" spans="2:14" x14ac:dyDescent="0.3">
      <c r="B1718">
        <f t="shared" si="201"/>
        <v>1</v>
      </c>
      <c r="C1718" s="16">
        <v>1684</v>
      </c>
      <c r="D1718" cm="1">
        <f t="array" ref="D1718">IFERROR(INDEX(Jesper!AH$2:AH$366,ROUNDDOWN($C1718/24,0)+1,1)*INDEX($D$3:$AA$30,INDEX(Jesper!$R$2:$R$366,ROW(INDEX(Jesper!AH$2:AH$366,ROUNDDOWN($C1718/24,0)+1,1))-1)+IF('Standard Profiles'!$G$18=$B$10,7,0)+IF('Standard Profiles'!$G$18=$B$17,14,0)+IF('Standard Profiles'!$G$18=$B$24,21,0),MOD($C1718,24)+1)/SUM(INDEX($D$3:$AA$30,INDEX(Jesper!$R$2:$R$366,ROW(INDEX(Jesper!AH$2:AH$366,ROUNDDOWN($C1718/24,0)+1,1))-1)+IF('Standard Profiles'!$G$18=$B$10,7,0)+IF('Standard Profiles'!$G$18=$B$17,14,0)+IF('Standard Profiles'!$G$18=$B$24,21,0),0)),0)</f>
        <v>2.7897406033343772</v>
      </c>
      <c r="E1718" cm="1">
        <f t="array" ref="E1718">IFERROR(INDEX(Jesper!AI$2:AI$366,ROUNDDOWN($C1718/24,0)+1,1)*INDEX($D$3:$AA$30,INDEX(Jesper!$R$2:$R$366,ROW(INDEX(Jesper!AI$2:AI$366,ROUNDDOWN($C1718/24,0)+1,1))-1)+IF('Standard Profiles'!$G$19=$B$10,7,0)+IF('Standard Profiles'!$G$19=$B$17,14,0)+IF('Standard Profiles'!$G$19=$B$24,21,0),MOD($C1718,24)+1)/SUM(INDEX($D$3:$AA$30,INDEX(Jesper!$R$2:$R$366,ROW(INDEX(Jesper!AI$2:AI$366,ROUNDDOWN($C1718/24,0)+1,1))-1)+IF('Standard Profiles'!$G$19=$B$10,7,0)+IF('Standard Profiles'!$G$19=$B$17,14,0)+IF('Standard Profiles'!$G$19=$B$24,21,0),0)),0)</f>
        <v>0</v>
      </c>
      <c r="F1718" cm="1">
        <f t="array" ref="F1718">IFERROR(INDEX(Jesper!AJ$2:AJ$366,ROUNDDOWN($C1718/24,0)+1,1)*INDEX($D$3:$AA$30,INDEX(Jesper!$R$2:$R$366,ROW(INDEX(Jesper!AJ$2:AJ$366,ROUNDDOWN($C1718/24,0)+1,1))-1)+IF('Standard Profiles'!$G$20=$B$10,7,0)+IF('Standard Profiles'!$G$20=$B$17,14,0)+IF('Standard Profiles'!$G$20=$B$24,21,0),MOD($C1718,24)+1)/SUM(INDEX($D$3:$AA$30,INDEX(Jesper!$R$2:$R$366,ROW(INDEX(Jesper!AJ$2:AJ$366,ROUNDDOWN($C1718/24,0)+1,1))-1)+IF('Standard Profiles'!$G$20=$B$10,7,0)+IF('Standard Profiles'!$G$20=$B$17,14,0)+IF('Standard Profiles'!$G$20=$B$24,21,0),0)),0)</f>
        <v>0</v>
      </c>
      <c r="G1718" cm="1">
        <f t="array" ref="G1718">IFERROR(INDEX(Jesper!AK$2:AK$366,ROUNDDOWN($C1718/24,0)+1,1)*INDEX($D$3:$AA$30,INDEX(Jesper!$R$2:$R$366,ROW(INDEX(Jesper!AK$2:AK$366,ROUNDDOWN($C1718/24,0)+1,1))-1)+IF('Standard Profiles'!$G$21=$B$10,7,0)+IF('Standard Profiles'!$G$21=$B$17,14,0)+IF('Standard Profiles'!$G$21=$B$24,21,0),MOD($C1718,24)+1)/SUM(INDEX($D$3:$AA$30,INDEX(Jesper!$R$2:$R$366,ROW(INDEX(Jesper!AK$2:AK$366,ROUNDDOWN($C1718/24,0)+1,1))-1)+IF('Standard Profiles'!$G$21=$B$10,7,0)+IF('Standard Profiles'!$G$21=$B$17,14,0)+IF('Standard Profiles'!$G$21=$B$24,21,0),0)),0)</f>
        <v>0</v>
      </c>
      <c r="H1718" cm="1">
        <f t="array" ref="H1718">IFERROR(INDEX(Jesper!AL$2:AL$366,ROUNDDOWN($C1718/24,0)+1,1)*INDEX($D$3:$AA$30,INDEX(Jesper!$R$2:$R$366,ROW(INDEX(Jesper!AL$2:AL$366,ROUNDDOWN($C1718/24,0)+1,1))-1)+IF('Standard Profiles'!$G$22=$B$10,7,0)+IF('Standard Profiles'!$G$22=$B$17,14,0)+IF('Standard Profiles'!$G$22=$B$24,21,0),MOD($C1718,24)+1)/SUM(INDEX($D$3:$AA$30,INDEX(Jesper!$R$2:$R$366,ROW(INDEX(Jesper!AL$2:AL$366,ROUNDDOWN($C1718/24,0)+1,1))-1)+IF('Standard Profiles'!$G$22=$B$10,7,0)+IF('Standard Profiles'!$G$22=$B$17,14,0)+IF('Standard Profiles'!$G$22=$B$24,21,0),0)),0)</f>
        <v>0</v>
      </c>
      <c r="I1718">
        <f t="shared" si="202"/>
        <v>8.3692218100031315E-2</v>
      </c>
      <c r="J1718">
        <f t="shared" si="203"/>
        <v>0.27897406033343775</v>
      </c>
      <c r="K1718">
        <f t="shared" si="204"/>
        <v>0.41846109050015656</v>
      </c>
      <c r="L1718">
        <f t="shared" si="205"/>
        <v>2.0086132344007517</v>
      </c>
      <c r="M1718">
        <f t="shared" si="206"/>
        <v>0</v>
      </c>
      <c r="N1718" s="46">
        <f t="shared" si="207"/>
        <v>45362.166666662582</v>
      </c>
    </row>
    <row r="1719" spans="2:14" x14ac:dyDescent="0.3">
      <c r="B1719">
        <f t="shared" si="201"/>
        <v>1</v>
      </c>
      <c r="C1719" s="16">
        <v>1685</v>
      </c>
      <c r="D1719" cm="1">
        <f t="array" ref="D1719">IFERROR(INDEX(Jesper!AH$2:AH$366,ROUNDDOWN($C1719/24,0)+1,1)*INDEX($D$3:$AA$30,INDEX(Jesper!$R$2:$R$366,ROW(INDEX(Jesper!AH$2:AH$366,ROUNDDOWN($C1719/24,0)+1,1))-1)+IF('Standard Profiles'!$G$18=$B$10,7,0)+IF('Standard Profiles'!$G$18=$B$17,14,0)+IF('Standard Profiles'!$G$18=$B$24,21,0),MOD($C1719,24)+1)/SUM(INDEX($D$3:$AA$30,INDEX(Jesper!$R$2:$R$366,ROW(INDEX(Jesper!AH$2:AH$366,ROUNDDOWN($C1719/24,0)+1,1))-1)+IF('Standard Profiles'!$G$18=$B$10,7,0)+IF('Standard Profiles'!$G$18=$B$17,14,0)+IF('Standard Profiles'!$G$18=$B$24,21,0),0)),0)</f>
        <v>12.088875947782302</v>
      </c>
      <c r="E1719" cm="1">
        <f t="array" ref="E1719">IFERROR(INDEX(Jesper!AI$2:AI$366,ROUNDDOWN($C1719/24,0)+1,1)*INDEX($D$3:$AA$30,INDEX(Jesper!$R$2:$R$366,ROW(INDEX(Jesper!AI$2:AI$366,ROUNDDOWN($C1719/24,0)+1,1))-1)+IF('Standard Profiles'!$G$19=$B$10,7,0)+IF('Standard Profiles'!$G$19=$B$17,14,0)+IF('Standard Profiles'!$G$19=$B$24,21,0),MOD($C1719,24)+1)/SUM(INDEX($D$3:$AA$30,INDEX(Jesper!$R$2:$R$366,ROW(INDEX(Jesper!AI$2:AI$366,ROUNDDOWN($C1719/24,0)+1,1))-1)+IF('Standard Profiles'!$G$19=$B$10,7,0)+IF('Standard Profiles'!$G$19=$B$17,14,0)+IF('Standard Profiles'!$G$19=$B$24,21,0),0)),0)</f>
        <v>0</v>
      </c>
      <c r="F1719" cm="1">
        <f t="array" ref="F1719">IFERROR(INDEX(Jesper!AJ$2:AJ$366,ROUNDDOWN($C1719/24,0)+1,1)*INDEX($D$3:$AA$30,INDEX(Jesper!$R$2:$R$366,ROW(INDEX(Jesper!AJ$2:AJ$366,ROUNDDOWN($C1719/24,0)+1,1))-1)+IF('Standard Profiles'!$G$20=$B$10,7,0)+IF('Standard Profiles'!$G$20=$B$17,14,0)+IF('Standard Profiles'!$G$20=$B$24,21,0),MOD($C1719,24)+1)/SUM(INDEX($D$3:$AA$30,INDEX(Jesper!$R$2:$R$366,ROW(INDEX(Jesper!AJ$2:AJ$366,ROUNDDOWN($C1719/24,0)+1,1))-1)+IF('Standard Profiles'!$G$20=$B$10,7,0)+IF('Standard Profiles'!$G$20=$B$17,14,0)+IF('Standard Profiles'!$G$20=$B$24,21,0),0)),0)</f>
        <v>0</v>
      </c>
      <c r="G1719" cm="1">
        <f t="array" ref="G1719">IFERROR(INDEX(Jesper!AK$2:AK$366,ROUNDDOWN($C1719/24,0)+1,1)*INDEX($D$3:$AA$30,INDEX(Jesper!$R$2:$R$366,ROW(INDEX(Jesper!AK$2:AK$366,ROUNDDOWN($C1719/24,0)+1,1))-1)+IF('Standard Profiles'!$G$21=$B$10,7,0)+IF('Standard Profiles'!$G$21=$B$17,14,0)+IF('Standard Profiles'!$G$21=$B$24,21,0),MOD($C1719,24)+1)/SUM(INDEX($D$3:$AA$30,INDEX(Jesper!$R$2:$R$366,ROW(INDEX(Jesper!AK$2:AK$366,ROUNDDOWN($C1719/24,0)+1,1))-1)+IF('Standard Profiles'!$G$21=$B$10,7,0)+IF('Standard Profiles'!$G$21=$B$17,14,0)+IF('Standard Profiles'!$G$21=$B$24,21,0),0)),0)</f>
        <v>0</v>
      </c>
      <c r="H1719" cm="1">
        <f t="array" ref="H1719">IFERROR(INDEX(Jesper!AL$2:AL$366,ROUNDDOWN($C1719/24,0)+1,1)*INDEX($D$3:$AA$30,INDEX(Jesper!$R$2:$R$366,ROW(INDEX(Jesper!AL$2:AL$366,ROUNDDOWN($C1719/24,0)+1,1))-1)+IF('Standard Profiles'!$G$22=$B$10,7,0)+IF('Standard Profiles'!$G$22=$B$17,14,0)+IF('Standard Profiles'!$G$22=$B$24,21,0),MOD($C1719,24)+1)/SUM(INDEX($D$3:$AA$30,INDEX(Jesper!$R$2:$R$366,ROW(INDEX(Jesper!AL$2:AL$366,ROUNDDOWN($C1719/24,0)+1,1))-1)+IF('Standard Profiles'!$G$22=$B$10,7,0)+IF('Standard Profiles'!$G$22=$B$17,14,0)+IF('Standard Profiles'!$G$22=$B$24,21,0),0)),0)</f>
        <v>0</v>
      </c>
      <c r="I1719">
        <f t="shared" si="202"/>
        <v>0.36266627843346905</v>
      </c>
      <c r="J1719">
        <f t="shared" si="203"/>
        <v>1.2088875947782303</v>
      </c>
      <c r="K1719">
        <f t="shared" si="204"/>
        <v>1.8133313921673453</v>
      </c>
      <c r="L1719">
        <f t="shared" si="205"/>
        <v>8.7039906824032567</v>
      </c>
      <c r="M1719">
        <f t="shared" si="206"/>
        <v>0</v>
      </c>
      <c r="N1719" s="46">
        <f t="shared" si="207"/>
        <v>45362.208333329247</v>
      </c>
    </row>
    <row r="1720" spans="2:14" x14ac:dyDescent="0.3">
      <c r="B1720">
        <f t="shared" si="201"/>
        <v>1</v>
      </c>
      <c r="C1720" s="16">
        <v>1686</v>
      </c>
      <c r="D1720" cm="1">
        <f t="array" ref="D1720">IFERROR(INDEX(Jesper!AH$2:AH$366,ROUNDDOWN($C1720/24,0)+1,1)*INDEX($D$3:$AA$30,INDEX(Jesper!$R$2:$R$366,ROW(INDEX(Jesper!AH$2:AH$366,ROUNDDOWN($C1720/24,0)+1,1))-1)+IF('Standard Profiles'!$G$18=$B$10,7,0)+IF('Standard Profiles'!$G$18=$B$17,14,0)+IF('Standard Profiles'!$G$18=$B$24,21,0),MOD($C1720,24)+1)/SUM(INDEX($D$3:$AA$30,INDEX(Jesper!$R$2:$R$366,ROW(INDEX(Jesper!AH$2:AH$366,ROUNDDOWN($C1720/24,0)+1,1))-1)+IF('Standard Profiles'!$G$18=$B$10,7,0)+IF('Standard Profiles'!$G$18=$B$17,14,0)+IF('Standard Profiles'!$G$18=$B$24,21,0),0)),0)</f>
        <v>13.716224633060689</v>
      </c>
      <c r="E1720" cm="1">
        <f t="array" ref="E1720">IFERROR(INDEX(Jesper!AI$2:AI$366,ROUNDDOWN($C1720/24,0)+1,1)*INDEX($D$3:$AA$30,INDEX(Jesper!$R$2:$R$366,ROW(INDEX(Jesper!AI$2:AI$366,ROUNDDOWN($C1720/24,0)+1,1))-1)+IF('Standard Profiles'!$G$19=$B$10,7,0)+IF('Standard Profiles'!$G$19=$B$17,14,0)+IF('Standard Profiles'!$G$19=$B$24,21,0),MOD($C1720,24)+1)/SUM(INDEX($D$3:$AA$30,INDEX(Jesper!$R$2:$R$366,ROW(INDEX(Jesper!AI$2:AI$366,ROUNDDOWN($C1720/24,0)+1,1))-1)+IF('Standard Profiles'!$G$19=$B$10,7,0)+IF('Standard Profiles'!$G$19=$B$17,14,0)+IF('Standard Profiles'!$G$19=$B$24,21,0),0)),0)</f>
        <v>0</v>
      </c>
      <c r="F1720" cm="1">
        <f t="array" ref="F1720">IFERROR(INDEX(Jesper!AJ$2:AJ$366,ROUNDDOWN($C1720/24,0)+1,1)*INDEX($D$3:$AA$30,INDEX(Jesper!$R$2:$R$366,ROW(INDEX(Jesper!AJ$2:AJ$366,ROUNDDOWN($C1720/24,0)+1,1))-1)+IF('Standard Profiles'!$G$20=$B$10,7,0)+IF('Standard Profiles'!$G$20=$B$17,14,0)+IF('Standard Profiles'!$G$20=$B$24,21,0),MOD($C1720,24)+1)/SUM(INDEX($D$3:$AA$30,INDEX(Jesper!$R$2:$R$366,ROW(INDEX(Jesper!AJ$2:AJ$366,ROUNDDOWN($C1720/24,0)+1,1))-1)+IF('Standard Profiles'!$G$20=$B$10,7,0)+IF('Standard Profiles'!$G$20=$B$17,14,0)+IF('Standard Profiles'!$G$20=$B$24,21,0),0)),0)</f>
        <v>0</v>
      </c>
      <c r="G1720" cm="1">
        <f t="array" ref="G1720">IFERROR(INDEX(Jesper!AK$2:AK$366,ROUNDDOWN($C1720/24,0)+1,1)*INDEX($D$3:$AA$30,INDEX(Jesper!$R$2:$R$366,ROW(INDEX(Jesper!AK$2:AK$366,ROUNDDOWN($C1720/24,0)+1,1))-1)+IF('Standard Profiles'!$G$21=$B$10,7,0)+IF('Standard Profiles'!$G$21=$B$17,14,0)+IF('Standard Profiles'!$G$21=$B$24,21,0),MOD($C1720,24)+1)/SUM(INDEX($D$3:$AA$30,INDEX(Jesper!$R$2:$R$366,ROW(INDEX(Jesper!AK$2:AK$366,ROUNDDOWN($C1720/24,0)+1,1))-1)+IF('Standard Profiles'!$G$21=$B$10,7,0)+IF('Standard Profiles'!$G$21=$B$17,14,0)+IF('Standard Profiles'!$G$21=$B$24,21,0),0)),0)</f>
        <v>0</v>
      </c>
      <c r="H1720" cm="1">
        <f t="array" ref="H1720">IFERROR(INDEX(Jesper!AL$2:AL$366,ROUNDDOWN($C1720/24,0)+1,1)*INDEX($D$3:$AA$30,INDEX(Jesper!$R$2:$R$366,ROW(INDEX(Jesper!AL$2:AL$366,ROUNDDOWN($C1720/24,0)+1,1))-1)+IF('Standard Profiles'!$G$22=$B$10,7,0)+IF('Standard Profiles'!$G$22=$B$17,14,0)+IF('Standard Profiles'!$G$22=$B$24,21,0),MOD($C1720,24)+1)/SUM(INDEX($D$3:$AA$30,INDEX(Jesper!$R$2:$R$366,ROW(INDEX(Jesper!AL$2:AL$366,ROUNDDOWN($C1720/24,0)+1,1))-1)+IF('Standard Profiles'!$G$22=$B$10,7,0)+IF('Standard Profiles'!$G$22=$B$17,14,0)+IF('Standard Profiles'!$G$22=$B$24,21,0),0)),0)</f>
        <v>0</v>
      </c>
      <c r="I1720">
        <f t="shared" si="202"/>
        <v>0.41148673899182064</v>
      </c>
      <c r="J1720">
        <f t="shared" si="203"/>
        <v>1.371622463306069</v>
      </c>
      <c r="K1720">
        <f t="shared" si="204"/>
        <v>2.0574336949591032</v>
      </c>
      <c r="L1720">
        <f t="shared" si="205"/>
        <v>9.8756817358036955</v>
      </c>
      <c r="M1720">
        <f t="shared" si="206"/>
        <v>0</v>
      </c>
      <c r="N1720" s="46">
        <f t="shared" si="207"/>
        <v>45362.249999995911</v>
      </c>
    </row>
    <row r="1721" spans="2:14" x14ac:dyDescent="0.3">
      <c r="B1721">
        <f t="shared" si="201"/>
        <v>1</v>
      </c>
      <c r="C1721" s="16">
        <v>1687</v>
      </c>
      <c r="D1721" cm="1">
        <f t="array" ref="D1721">IFERROR(INDEX(Jesper!AH$2:AH$366,ROUNDDOWN($C1721/24,0)+1,1)*INDEX($D$3:$AA$30,INDEX(Jesper!$R$2:$R$366,ROW(INDEX(Jesper!AH$2:AH$366,ROUNDDOWN($C1721/24,0)+1,1))-1)+IF('Standard Profiles'!$G$18=$B$10,7,0)+IF('Standard Profiles'!$G$18=$B$17,14,0)+IF('Standard Profiles'!$G$18=$B$24,21,0),MOD($C1721,24)+1)/SUM(INDEX($D$3:$AA$30,INDEX(Jesper!$R$2:$R$366,ROW(INDEX(Jesper!AH$2:AH$366,ROUNDDOWN($C1721/24,0)+1,1))-1)+IF('Standard Profiles'!$G$18=$B$10,7,0)+IF('Standard Profiles'!$G$18=$B$17,14,0)+IF('Standard Profiles'!$G$18=$B$24,21,0),0)),0)</f>
        <v>13.716224633060689</v>
      </c>
      <c r="E1721" cm="1">
        <f t="array" ref="E1721">IFERROR(INDEX(Jesper!AI$2:AI$366,ROUNDDOWN($C1721/24,0)+1,1)*INDEX($D$3:$AA$30,INDEX(Jesper!$R$2:$R$366,ROW(INDEX(Jesper!AI$2:AI$366,ROUNDDOWN($C1721/24,0)+1,1))-1)+IF('Standard Profiles'!$G$19=$B$10,7,0)+IF('Standard Profiles'!$G$19=$B$17,14,0)+IF('Standard Profiles'!$G$19=$B$24,21,0),MOD($C1721,24)+1)/SUM(INDEX($D$3:$AA$30,INDEX(Jesper!$R$2:$R$366,ROW(INDEX(Jesper!AI$2:AI$366,ROUNDDOWN($C1721/24,0)+1,1))-1)+IF('Standard Profiles'!$G$19=$B$10,7,0)+IF('Standard Profiles'!$G$19=$B$17,14,0)+IF('Standard Profiles'!$G$19=$B$24,21,0),0)),0)</f>
        <v>0</v>
      </c>
      <c r="F1721" cm="1">
        <f t="array" ref="F1721">IFERROR(INDEX(Jesper!AJ$2:AJ$366,ROUNDDOWN($C1721/24,0)+1,1)*INDEX($D$3:$AA$30,INDEX(Jesper!$R$2:$R$366,ROW(INDEX(Jesper!AJ$2:AJ$366,ROUNDDOWN($C1721/24,0)+1,1))-1)+IF('Standard Profiles'!$G$20=$B$10,7,0)+IF('Standard Profiles'!$G$20=$B$17,14,0)+IF('Standard Profiles'!$G$20=$B$24,21,0),MOD($C1721,24)+1)/SUM(INDEX($D$3:$AA$30,INDEX(Jesper!$R$2:$R$366,ROW(INDEX(Jesper!AJ$2:AJ$366,ROUNDDOWN($C1721/24,0)+1,1))-1)+IF('Standard Profiles'!$G$20=$B$10,7,0)+IF('Standard Profiles'!$G$20=$B$17,14,0)+IF('Standard Profiles'!$G$20=$B$24,21,0),0)),0)</f>
        <v>0</v>
      </c>
      <c r="G1721" cm="1">
        <f t="array" ref="G1721">IFERROR(INDEX(Jesper!AK$2:AK$366,ROUNDDOWN($C1721/24,0)+1,1)*INDEX($D$3:$AA$30,INDEX(Jesper!$R$2:$R$366,ROW(INDEX(Jesper!AK$2:AK$366,ROUNDDOWN($C1721/24,0)+1,1))-1)+IF('Standard Profiles'!$G$21=$B$10,7,0)+IF('Standard Profiles'!$G$21=$B$17,14,0)+IF('Standard Profiles'!$G$21=$B$24,21,0),MOD($C1721,24)+1)/SUM(INDEX($D$3:$AA$30,INDEX(Jesper!$R$2:$R$366,ROW(INDEX(Jesper!AK$2:AK$366,ROUNDDOWN($C1721/24,0)+1,1))-1)+IF('Standard Profiles'!$G$21=$B$10,7,0)+IF('Standard Profiles'!$G$21=$B$17,14,0)+IF('Standard Profiles'!$G$21=$B$24,21,0),0)),0)</f>
        <v>0</v>
      </c>
      <c r="H1721" cm="1">
        <f t="array" ref="H1721">IFERROR(INDEX(Jesper!AL$2:AL$366,ROUNDDOWN($C1721/24,0)+1,1)*INDEX($D$3:$AA$30,INDEX(Jesper!$R$2:$R$366,ROW(INDEX(Jesper!AL$2:AL$366,ROUNDDOWN($C1721/24,0)+1,1))-1)+IF('Standard Profiles'!$G$22=$B$10,7,0)+IF('Standard Profiles'!$G$22=$B$17,14,0)+IF('Standard Profiles'!$G$22=$B$24,21,0),MOD($C1721,24)+1)/SUM(INDEX($D$3:$AA$30,INDEX(Jesper!$R$2:$R$366,ROW(INDEX(Jesper!AL$2:AL$366,ROUNDDOWN($C1721/24,0)+1,1))-1)+IF('Standard Profiles'!$G$22=$B$10,7,0)+IF('Standard Profiles'!$G$22=$B$17,14,0)+IF('Standard Profiles'!$G$22=$B$24,21,0),0)),0)</f>
        <v>0</v>
      </c>
      <c r="I1721">
        <f t="shared" si="202"/>
        <v>0.41148673899182064</v>
      </c>
      <c r="J1721">
        <f t="shared" si="203"/>
        <v>1.371622463306069</v>
      </c>
      <c r="K1721">
        <f t="shared" si="204"/>
        <v>2.0574336949591032</v>
      </c>
      <c r="L1721">
        <f t="shared" si="205"/>
        <v>9.8756817358036955</v>
      </c>
      <c r="M1721">
        <f t="shared" si="206"/>
        <v>0</v>
      </c>
      <c r="N1721" s="46">
        <f t="shared" si="207"/>
        <v>45362.291666662575</v>
      </c>
    </row>
    <row r="1722" spans="2:14" x14ac:dyDescent="0.3">
      <c r="B1722">
        <f t="shared" si="201"/>
        <v>1</v>
      </c>
      <c r="C1722" s="16">
        <v>1688</v>
      </c>
      <c r="D1722" cm="1">
        <f t="array" ref="D1722">IFERROR(INDEX(Jesper!AH$2:AH$366,ROUNDDOWN($C1722/24,0)+1,1)*INDEX($D$3:$AA$30,INDEX(Jesper!$R$2:$R$366,ROW(INDEX(Jesper!AH$2:AH$366,ROUNDDOWN($C1722/24,0)+1,1))-1)+IF('Standard Profiles'!$G$18=$B$10,7,0)+IF('Standard Profiles'!$G$18=$B$17,14,0)+IF('Standard Profiles'!$G$18=$B$24,21,0),MOD($C1722,24)+1)/SUM(INDEX($D$3:$AA$30,INDEX(Jesper!$R$2:$R$366,ROW(INDEX(Jesper!AH$2:AH$366,ROUNDDOWN($C1722/24,0)+1,1))-1)+IF('Standard Profiles'!$G$18=$B$10,7,0)+IF('Standard Profiles'!$G$18=$B$17,14,0)+IF('Standard Profiles'!$G$18=$B$24,21,0),0)),0)</f>
        <v>13.716224633060689</v>
      </c>
      <c r="E1722" cm="1">
        <f t="array" ref="E1722">IFERROR(INDEX(Jesper!AI$2:AI$366,ROUNDDOWN($C1722/24,0)+1,1)*INDEX($D$3:$AA$30,INDEX(Jesper!$R$2:$R$366,ROW(INDEX(Jesper!AI$2:AI$366,ROUNDDOWN($C1722/24,0)+1,1))-1)+IF('Standard Profiles'!$G$19=$B$10,7,0)+IF('Standard Profiles'!$G$19=$B$17,14,0)+IF('Standard Profiles'!$G$19=$B$24,21,0),MOD($C1722,24)+1)/SUM(INDEX($D$3:$AA$30,INDEX(Jesper!$R$2:$R$366,ROW(INDEX(Jesper!AI$2:AI$366,ROUNDDOWN($C1722/24,0)+1,1))-1)+IF('Standard Profiles'!$G$19=$B$10,7,0)+IF('Standard Profiles'!$G$19=$B$17,14,0)+IF('Standard Profiles'!$G$19=$B$24,21,0),0)),0)</f>
        <v>0</v>
      </c>
      <c r="F1722" cm="1">
        <f t="array" ref="F1722">IFERROR(INDEX(Jesper!AJ$2:AJ$366,ROUNDDOWN($C1722/24,0)+1,1)*INDEX($D$3:$AA$30,INDEX(Jesper!$R$2:$R$366,ROW(INDEX(Jesper!AJ$2:AJ$366,ROUNDDOWN($C1722/24,0)+1,1))-1)+IF('Standard Profiles'!$G$20=$B$10,7,0)+IF('Standard Profiles'!$G$20=$B$17,14,0)+IF('Standard Profiles'!$G$20=$B$24,21,0),MOD($C1722,24)+1)/SUM(INDEX($D$3:$AA$30,INDEX(Jesper!$R$2:$R$366,ROW(INDEX(Jesper!AJ$2:AJ$366,ROUNDDOWN($C1722/24,0)+1,1))-1)+IF('Standard Profiles'!$G$20=$B$10,7,0)+IF('Standard Profiles'!$G$20=$B$17,14,0)+IF('Standard Profiles'!$G$20=$B$24,21,0),0)),0)</f>
        <v>0</v>
      </c>
      <c r="G1722" cm="1">
        <f t="array" ref="G1722">IFERROR(INDEX(Jesper!AK$2:AK$366,ROUNDDOWN($C1722/24,0)+1,1)*INDEX($D$3:$AA$30,INDEX(Jesper!$R$2:$R$366,ROW(INDEX(Jesper!AK$2:AK$366,ROUNDDOWN($C1722/24,0)+1,1))-1)+IF('Standard Profiles'!$G$21=$B$10,7,0)+IF('Standard Profiles'!$G$21=$B$17,14,0)+IF('Standard Profiles'!$G$21=$B$24,21,0),MOD($C1722,24)+1)/SUM(INDEX($D$3:$AA$30,INDEX(Jesper!$R$2:$R$366,ROW(INDEX(Jesper!AK$2:AK$366,ROUNDDOWN($C1722/24,0)+1,1))-1)+IF('Standard Profiles'!$G$21=$B$10,7,0)+IF('Standard Profiles'!$G$21=$B$17,14,0)+IF('Standard Profiles'!$G$21=$B$24,21,0),0)),0)</f>
        <v>0</v>
      </c>
      <c r="H1722" cm="1">
        <f t="array" ref="H1722">IFERROR(INDEX(Jesper!AL$2:AL$366,ROUNDDOWN($C1722/24,0)+1,1)*INDEX($D$3:$AA$30,INDEX(Jesper!$R$2:$R$366,ROW(INDEX(Jesper!AL$2:AL$366,ROUNDDOWN($C1722/24,0)+1,1))-1)+IF('Standard Profiles'!$G$22=$B$10,7,0)+IF('Standard Profiles'!$G$22=$B$17,14,0)+IF('Standard Profiles'!$G$22=$B$24,21,0),MOD($C1722,24)+1)/SUM(INDEX($D$3:$AA$30,INDEX(Jesper!$R$2:$R$366,ROW(INDEX(Jesper!AL$2:AL$366,ROUNDDOWN($C1722/24,0)+1,1))-1)+IF('Standard Profiles'!$G$22=$B$10,7,0)+IF('Standard Profiles'!$G$22=$B$17,14,0)+IF('Standard Profiles'!$G$22=$B$24,21,0),0)),0)</f>
        <v>0</v>
      </c>
      <c r="I1722">
        <f t="shared" si="202"/>
        <v>0.41148673899182064</v>
      </c>
      <c r="J1722">
        <f t="shared" si="203"/>
        <v>1.371622463306069</v>
      </c>
      <c r="K1722">
        <f t="shared" si="204"/>
        <v>2.0574336949591032</v>
      </c>
      <c r="L1722">
        <f t="shared" si="205"/>
        <v>9.8756817358036955</v>
      </c>
      <c r="M1722">
        <f t="shared" si="206"/>
        <v>0</v>
      </c>
      <c r="N1722" s="46">
        <f t="shared" si="207"/>
        <v>45362.333333329239</v>
      </c>
    </row>
    <row r="1723" spans="2:14" x14ac:dyDescent="0.3">
      <c r="B1723">
        <f t="shared" si="201"/>
        <v>1</v>
      </c>
      <c r="C1723" s="16">
        <v>1689</v>
      </c>
      <c r="D1723" cm="1">
        <f t="array" ref="D1723">IFERROR(INDEX(Jesper!AH$2:AH$366,ROUNDDOWN($C1723/24,0)+1,1)*INDEX($D$3:$AA$30,INDEX(Jesper!$R$2:$R$366,ROW(INDEX(Jesper!AH$2:AH$366,ROUNDDOWN($C1723/24,0)+1,1))-1)+IF('Standard Profiles'!$G$18=$B$10,7,0)+IF('Standard Profiles'!$G$18=$B$17,14,0)+IF('Standard Profiles'!$G$18=$B$24,21,0),MOD($C1723,24)+1)/SUM(INDEX($D$3:$AA$30,INDEX(Jesper!$R$2:$R$366,ROW(INDEX(Jesper!AH$2:AH$366,ROUNDDOWN($C1723/24,0)+1,1))-1)+IF('Standard Profiles'!$G$18=$B$10,7,0)+IF('Standard Profiles'!$G$18=$B$17,14,0)+IF('Standard Profiles'!$G$18=$B$24,21,0),0)),0)</f>
        <v>14.646138167505482</v>
      </c>
      <c r="E1723" cm="1">
        <f t="array" ref="E1723">IFERROR(INDEX(Jesper!AI$2:AI$366,ROUNDDOWN($C1723/24,0)+1,1)*INDEX($D$3:$AA$30,INDEX(Jesper!$R$2:$R$366,ROW(INDEX(Jesper!AI$2:AI$366,ROUNDDOWN($C1723/24,0)+1,1))-1)+IF('Standard Profiles'!$G$19=$B$10,7,0)+IF('Standard Profiles'!$G$19=$B$17,14,0)+IF('Standard Profiles'!$G$19=$B$24,21,0),MOD($C1723,24)+1)/SUM(INDEX($D$3:$AA$30,INDEX(Jesper!$R$2:$R$366,ROW(INDEX(Jesper!AI$2:AI$366,ROUNDDOWN($C1723/24,0)+1,1))-1)+IF('Standard Profiles'!$G$19=$B$10,7,0)+IF('Standard Profiles'!$G$19=$B$17,14,0)+IF('Standard Profiles'!$G$19=$B$24,21,0),0)),0)</f>
        <v>0</v>
      </c>
      <c r="F1723" cm="1">
        <f t="array" ref="F1723">IFERROR(INDEX(Jesper!AJ$2:AJ$366,ROUNDDOWN($C1723/24,0)+1,1)*INDEX($D$3:$AA$30,INDEX(Jesper!$R$2:$R$366,ROW(INDEX(Jesper!AJ$2:AJ$366,ROUNDDOWN($C1723/24,0)+1,1))-1)+IF('Standard Profiles'!$G$20=$B$10,7,0)+IF('Standard Profiles'!$G$20=$B$17,14,0)+IF('Standard Profiles'!$G$20=$B$24,21,0),MOD($C1723,24)+1)/SUM(INDEX($D$3:$AA$30,INDEX(Jesper!$R$2:$R$366,ROW(INDEX(Jesper!AJ$2:AJ$366,ROUNDDOWN($C1723/24,0)+1,1))-1)+IF('Standard Profiles'!$G$20=$B$10,7,0)+IF('Standard Profiles'!$G$20=$B$17,14,0)+IF('Standard Profiles'!$G$20=$B$24,21,0),0)),0)</f>
        <v>0</v>
      </c>
      <c r="G1723" cm="1">
        <f t="array" ref="G1723">IFERROR(INDEX(Jesper!AK$2:AK$366,ROUNDDOWN($C1723/24,0)+1,1)*INDEX($D$3:$AA$30,INDEX(Jesper!$R$2:$R$366,ROW(INDEX(Jesper!AK$2:AK$366,ROUNDDOWN($C1723/24,0)+1,1))-1)+IF('Standard Profiles'!$G$21=$B$10,7,0)+IF('Standard Profiles'!$G$21=$B$17,14,0)+IF('Standard Profiles'!$G$21=$B$24,21,0),MOD($C1723,24)+1)/SUM(INDEX($D$3:$AA$30,INDEX(Jesper!$R$2:$R$366,ROW(INDEX(Jesper!AK$2:AK$366,ROUNDDOWN($C1723/24,0)+1,1))-1)+IF('Standard Profiles'!$G$21=$B$10,7,0)+IF('Standard Profiles'!$G$21=$B$17,14,0)+IF('Standard Profiles'!$G$21=$B$24,21,0),0)),0)</f>
        <v>0</v>
      </c>
      <c r="H1723" cm="1">
        <f t="array" ref="H1723">IFERROR(INDEX(Jesper!AL$2:AL$366,ROUNDDOWN($C1723/24,0)+1,1)*INDEX($D$3:$AA$30,INDEX(Jesper!$R$2:$R$366,ROW(INDEX(Jesper!AL$2:AL$366,ROUNDDOWN($C1723/24,0)+1,1))-1)+IF('Standard Profiles'!$G$22=$B$10,7,0)+IF('Standard Profiles'!$G$22=$B$17,14,0)+IF('Standard Profiles'!$G$22=$B$24,21,0),MOD($C1723,24)+1)/SUM(INDEX($D$3:$AA$30,INDEX(Jesper!$R$2:$R$366,ROW(INDEX(Jesper!AL$2:AL$366,ROUNDDOWN($C1723/24,0)+1,1))-1)+IF('Standard Profiles'!$G$22=$B$10,7,0)+IF('Standard Profiles'!$G$22=$B$17,14,0)+IF('Standard Profiles'!$G$22=$B$24,21,0),0)),0)</f>
        <v>0</v>
      </c>
      <c r="I1723">
        <f t="shared" si="202"/>
        <v>0.43938414502516443</v>
      </c>
      <c r="J1723">
        <f t="shared" si="203"/>
        <v>1.4646138167505482</v>
      </c>
      <c r="K1723">
        <f t="shared" si="204"/>
        <v>2.196920725125822</v>
      </c>
      <c r="L1723">
        <f t="shared" si="205"/>
        <v>10.545219480603947</v>
      </c>
      <c r="M1723">
        <f t="shared" si="206"/>
        <v>0</v>
      </c>
      <c r="N1723" s="46">
        <f t="shared" si="207"/>
        <v>45362.374999995904</v>
      </c>
    </row>
    <row r="1724" spans="2:14" x14ac:dyDescent="0.3">
      <c r="B1724">
        <f t="shared" si="201"/>
        <v>1</v>
      </c>
      <c r="C1724" s="16">
        <v>1690</v>
      </c>
      <c r="D1724" cm="1">
        <f t="array" ref="D1724">IFERROR(INDEX(Jesper!AH$2:AH$366,ROUNDDOWN($C1724/24,0)+1,1)*INDEX($D$3:$AA$30,INDEX(Jesper!$R$2:$R$366,ROW(INDEX(Jesper!AH$2:AH$366,ROUNDDOWN($C1724/24,0)+1,1))-1)+IF('Standard Profiles'!$G$18=$B$10,7,0)+IF('Standard Profiles'!$G$18=$B$17,14,0)+IF('Standard Profiles'!$G$18=$B$24,21,0),MOD($C1724,24)+1)/SUM(INDEX($D$3:$AA$30,INDEX(Jesper!$R$2:$R$366,ROW(INDEX(Jesper!AH$2:AH$366,ROUNDDOWN($C1724/24,0)+1,1))-1)+IF('Standard Profiles'!$G$18=$B$10,7,0)+IF('Standard Profiles'!$G$18=$B$17,14,0)+IF('Standard Profiles'!$G$18=$B$24,21,0),0)),0)</f>
        <v>14.646138167505482</v>
      </c>
      <c r="E1724" cm="1">
        <f t="array" ref="E1724">IFERROR(INDEX(Jesper!AI$2:AI$366,ROUNDDOWN($C1724/24,0)+1,1)*INDEX($D$3:$AA$30,INDEX(Jesper!$R$2:$R$366,ROW(INDEX(Jesper!AI$2:AI$366,ROUNDDOWN($C1724/24,0)+1,1))-1)+IF('Standard Profiles'!$G$19=$B$10,7,0)+IF('Standard Profiles'!$G$19=$B$17,14,0)+IF('Standard Profiles'!$G$19=$B$24,21,0),MOD($C1724,24)+1)/SUM(INDEX($D$3:$AA$30,INDEX(Jesper!$R$2:$R$366,ROW(INDEX(Jesper!AI$2:AI$366,ROUNDDOWN($C1724/24,0)+1,1))-1)+IF('Standard Profiles'!$G$19=$B$10,7,0)+IF('Standard Profiles'!$G$19=$B$17,14,0)+IF('Standard Profiles'!$G$19=$B$24,21,0),0)),0)</f>
        <v>0</v>
      </c>
      <c r="F1724" cm="1">
        <f t="array" ref="F1724">IFERROR(INDEX(Jesper!AJ$2:AJ$366,ROUNDDOWN($C1724/24,0)+1,1)*INDEX($D$3:$AA$30,INDEX(Jesper!$R$2:$R$366,ROW(INDEX(Jesper!AJ$2:AJ$366,ROUNDDOWN($C1724/24,0)+1,1))-1)+IF('Standard Profiles'!$G$20=$B$10,7,0)+IF('Standard Profiles'!$G$20=$B$17,14,0)+IF('Standard Profiles'!$G$20=$B$24,21,0),MOD($C1724,24)+1)/SUM(INDEX($D$3:$AA$30,INDEX(Jesper!$R$2:$R$366,ROW(INDEX(Jesper!AJ$2:AJ$366,ROUNDDOWN($C1724/24,0)+1,1))-1)+IF('Standard Profiles'!$G$20=$B$10,7,0)+IF('Standard Profiles'!$G$20=$B$17,14,0)+IF('Standard Profiles'!$G$20=$B$24,21,0),0)),0)</f>
        <v>0</v>
      </c>
      <c r="G1724" cm="1">
        <f t="array" ref="G1724">IFERROR(INDEX(Jesper!AK$2:AK$366,ROUNDDOWN($C1724/24,0)+1,1)*INDEX($D$3:$AA$30,INDEX(Jesper!$R$2:$R$366,ROW(INDEX(Jesper!AK$2:AK$366,ROUNDDOWN($C1724/24,0)+1,1))-1)+IF('Standard Profiles'!$G$21=$B$10,7,0)+IF('Standard Profiles'!$G$21=$B$17,14,0)+IF('Standard Profiles'!$G$21=$B$24,21,0),MOD($C1724,24)+1)/SUM(INDEX($D$3:$AA$30,INDEX(Jesper!$R$2:$R$366,ROW(INDEX(Jesper!AK$2:AK$366,ROUNDDOWN($C1724/24,0)+1,1))-1)+IF('Standard Profiles'!$G$21=$B$10,7,0)+IF('Standard Profiles'!$G$21=$B$17,14,0)+IF('Standard Profiles'!$G$21=$B$24,21,0),0)),0)</f>
        <v>0</v>
      </c>
      <c r="H1724" cm="1">
        <f t="array" ref="H1724">IFERROR(INDEX(Jesper!AL$2:AL$366,ROUNDDOWN($C1724/24,0)+1,1)*INDEX($D$3:$AA$30,INDEX(Jesper!$R$2:$R$366,ROW(INDEX(Jesper!AL$2:AL$366,ROUNDDOWN($C1724/24,0)+1,1))-1)+IF('Standard Profiles'!$G$22=$B$10,7,0)+IF('Standard Profiles'!$G$22=$B$17,14,0)+IF('Standard Profiles'!$G$22=$B$24,21,0),MOD($C1724,24)+1)/SUM(INDEX($D$3:$AA$30,INDEX(Jesper!$R$2:$R$366,ROW(INDEX(Jesper!AL$2:AL$366,ROUNDDOWN($C1724/24,0)+1,1))-1)+IF('Standard Profiles'!$G$22=$B$10,7,0)+IF('Standard Profiles'!$G$22=$B$17,14,0)+IF('Standard Profiles'!$G$22=$B$24,21,0),0)),0)</f>
        <v>0</v>
      </c>
      <c r="I1724">
        <f t="shared" si="202"/>
        <v>0.43938414502516443</v>
      </c>
      <c r="J1724">
        <f t="shared" si="203"/>
        <v>1.4646138167505482</v>
      </c>
      <c r="K1724">
        <f t="shared" si="204"/>
        <v>2.196920725125822</v>
      </c>
      <c r="L1724">
        <f t="shared" si="205"/>
        <v>10.545219480603947</v>
      </c>
      <c r="M1724">
        <f t="shared" si="206"/>
        <v>0</v>
      </c>
      <c r="N1724" s="46">
        <f t="shared" si="207"/>
        <v>45362.416666662568</v>
      </c>
    </row>
    <row r="1725" spans="2:14" x14ac:dyDescent="0.3">
      <c r="B1725">
        <f t="shared" si="201"/>
        <v>1</v>
      </c>
      <c r="C1725" s="16">
        <v>1691</v>
      </c>
      <c r="D1725" cm="1">
        <f t="array" ref="D1725">IFERROR(INDEX(Jesper!AH$2:AH$366,ROUNDDOWN($C1725/24,0)+1,1)*INDEX($D$3:$AA$30,INDEX(Jesper!$R$2:$R$366,ROW(INDEX(Jesper!AH$2:AH$366,ROUNDDOWN($C1725/24,0)+1,1))-1)+IF('Standard Profiles'!$G$18=$B$10,7,0)+IF('Standard Profiles'!$G$18=$B$17,14,0)+IF('Standard Profiles'!$G$18=$B$24,21,0),MOD($C1725,24)+1)/SUM(INDEX($D$3:$AA$30,INDEX(Jesper!$R$2:$R$366,ROW(INDEX(Jesper!AH$2:AH$366,ROUNDDOWN($C1725/24,0)+1,1))-1)+IF('Standard Profiles'!$G$18=$B$10,7,0)+IF('Standard Profiles'!$G$18=$B$17,14,0)+IF('Standard Profiles'!$G$18=$B$24,21,0),0)),0)</f>
        <v>18.598270688895852</v>
      </c>
      <c r="E1725" cm="1">
        <f t="array" ref="E1725">IFERROR(INDEX(Jesper!AI$2:AI$366,ROUNDDOWN($C1725/24,0)+1,1)*INDEX($D$3:$AA$30,INDEX(Jesper!$R$2:$R$366,ROW(INDEX(Jesper!AI$2:AI$366,ROUNDDOWN($C1725/24,0)+1,1))-1)+IF('Standard Profiles'!$G$19=$B$10,7,0)+IF('Standard Profiles'!$G$19=$B$17,14,0)+IF('Standard Profiles'!$G$19=$B$24,21,0),MOD($C1725,24)+1)/SUM(INDEX($D$3:$AA$30,INDEX(Jesper!$R$2:$R$366,ROW(INDEX(Jesper!AI$2:AI$366,ROUNDDOWN($C1725/24,0)+1,1))-1)+IF('Standard Profiles'!$G$19=$B$10,7,0)+IF('Standard Profiles'!$G$19=$B$17,14,0)+IF('Standard Profiles'!$G$19=$B$24,21,0),0)),0)</f>
        <v>0</v>
      </c>
      <c r="F1725" cm="1">
        <f t="array" ref="F1725">IFERROR(INDEX(Jesper!AJ$2:AJ$366,ROUNDDOWN($C1725/24,0)+1,1)*INDEX($D$3:$AA$30,INDEX(Jesper!$R$2:$R$366,ROW(INDEX(Jesper!AJ$2:AJ$366,ROUNDDOWN($C1725/24,0)+1,1))-1)+IF('Standard Profiles'!$G$20=$B$10,7,0)+IF('Standard Profiles'!$G$20=$B$17,14,0)+IF('Standard Profiles'!$G$20=$B$24,21,0),MOD($C1725,24)+1)/SUM(INDEX($D$3:$AA$30,INDEX(Jesper!$R$2:$R$366,ROW(INDEX(Jesper!AJ$2:AJ$366,ROUNDDOWN($C1725/24,0)+1,1))-1)+IF('Standard Profiles'!$G$20=$B$10,7,0)+IF('Standard Profiles'!$G$20=$B$17,14,0)+IF('Standard Profiles'!$G$20=$B$24,21,0),0)),0)</f>
        <v>0</v>
      </c>
      <c r="G1725" cm="1">
        <f t="array" ref="G1725">IFERROR(INDEX(Jesper!AK$2:AK$366,ROUNDDOWN($C1725/24,0)+1,1)*INDEX($D$3:$AA$30,INDEX(Jesper!$R$2:$R$366,ROW(INDEX(Jesper!AK$2:AK$366,ROUNDDOWN($C1725/24,0)+1,1))-1)+IF('Standard Profiles'!$G$21=$B$10,7,0)+IF('Standard Profiles'!$G$21=$B$17,14,0)+IF('Standard Profiles'!$G$21=$B$24,21,0),MOD($C1725,24)+1)/SUM(INDEX($D$3:$AA$30,INDEX(Jesper!$R$2:$R$366,ROW(INDEX(Jesper!AK$2:AK$366,ROUNDDOWN($C1725/24,0)+1,1))-1)+IF('Standard Profiles'!$G$21=$B$10,7,0)+IF('Standard Profiles'!$G$21=$B$17,14,0)+IF('Standard Profiles'!$G$21=$B$24,21,0),0)),0)</f>
        <v>0</v>
      </c>
      <c r="H1725" cm="1">
        <f t="array" ref="H1725">IFERROR(INDEX(Jesper!AL$2:AL$366,ROUNDDOWN($C1725/24,0)+1,1)*INDEX($D$3:$AA$30,INDEX(Jesper!$R$2:$R$366,ROW(INDEX(Jesper!AL$2:AL$366,ROUNDDOWN($C1725/24,0)+1,1))-1)+IF('Standard Profiles'!$G$22=$B$10,7,0)+IF('Standard Profiles'!$G$22=$B$17,14,0)+IF('Standard Profiles'!$G$22=$B$24,21,0),MOD($C1725,24)+1)/SUM(INDEX($D$3:$AA$30,INDEX(Jesper!$R$2:$R$366,ROW(INDEX(Jesper!AL$2:AL$366,ROUNDDOWN($C1725/24,0)+1,1))-1)+IF('Standard Profiles'!$G$22=$B$10,7,0)+IF('Standard Profiles'!$G$22=$B$17,14,0)+IF('Standard Profiles'!$G$22=$B$24,21,0),0)),0)</f>
        <v>0</v>
      </c>
      <c r="I1725">
        <f t="shared" si="202"/>
        <v>0.55794812066687549</v>
      </c>
      <c r="J1725">
        <f t="shared" si="203"/>
        <v>1.8598270688895853</v>
      </c>
      <c r="K1725">
        <f t="shared" si="204"/>
        <v>2.7897406033343777</v>
      </c>
      <c r="L1725">
        <f t="shared" si="205"/>
        <v>13.390754896005014</v>
      </c>
      <c r="M1725">
        <f t="shared" si="206"/>
        <v>0</v>
      </c>
      <c r="N1725" s="46">
        <f t="shared" si="207"/>
        <v>45362.458333329232</v>
      </c>
    </row>
    <row r="1726" spans="2:14" x14ac:dyDescent="0.3">
      <c r="B1726">
        <f t="shared" si="201"/>
        <v>1</v>
      </c>
      <c r="C1726" s="16">
        <v>1692</v>
      </c>
      <c r="D1726" cm="1">
        <f t="array" ref="D1726">IFERROR(INDEX(Jesper!AH$2:AH$366,ROUNDDOWN($C1726/24,0)+1,1)*INDEX($D$3:$AA$30,INDEX(Jesper!$R$2:$R$366,ROW(INDEX(Jesper!AH$2:AH$366,ROUNDDOWN($C1726/24,0)+1,1))-1)+IF('Standard Profiles'!$G$18=$B$10,7,0)+IF('Standard Profiles'!$G$18=$B$17,14,0)+IF('Standard Profiles'!$G$18=$B$24,21,0),MOD($C1726,24)+1)/SUM(INDEX($D$3:$AA$30,INDEX(Jesper!$R$2:$R$366,ROW(INDEX(Jesper!AH$2:AH$366,ROUNDDOWN($C1726/24,0)+1,1))-1)+IF('Standard Profiles'!$G$18=$B$10,7,0)+IF('Standard Profiles'!$G$18=$B$17,14,0)+IF('Standard Profiles'!$G$18=$B$24,21,0),0)),0)</f>
        <v>18.598270688895852</v>
      </c>
      <c r="E1726" cm="1">
        <f t="array" ref="E1726">IFERROR(INDEX(Jesper!AI$2:AI$366,ROUNDDOWN($C1726/24,0)+1,1)*INDEX($D$3:$AA$30,INDEX(Jesper!$R$2:$R$366,ROW(INDEX(Jesper!AI$2:AI$366,ROUNDDOWN($C1726/24,0)+1,1))-1)+IF('Standard Profiles'!$G$19=$B$10,7,0)+IF('Standard Profiles'!$G$19=$B$17,14,0)+IF('Standard Profiles'!$G$19=$B$24,21,0),MOD($C1726,24)+1)/SUM(INDEX($D$3:$AA$30,INDEX(Jesper!$R$2:$R$366,ROW(INDEX(Jesper!AI$2:AI$366,ROUNDDOWN($C1726/24,0)+1,1))-1)+IF('Standard Profiles'!$G$19=$B$10,7,0)+IF('Standard Profiles'!$G$19=$B$17,14,0)+IF('Standard Profiles'!$G$19=$B$24,21,0),0)),0)</f>
        <v>0</v>
      </c>
      <c r="F1726" cm="1">
        <f t="array" ref="F1726">IFERROR(INDEX(Jesper!AJ$2:AJ$366,ROUNDDOWN($C1726/24,0)+1,1)*INDEX($D$3:$AA$30,INDEX(Jesper!$R$2:$R$366,ROW(INDEX(Jesper!AJ$2:AJ$366,ROUNDDOWN($C1726/24,0)+1,1))-1)+IF('Standard Profiles'!$G$20=$B$10,7,0)+IF('Standard Profiles'!$G$20=$B$17,14,0)+IF('Standard Profiles'!$G$20=$B$24,21,0),MOD($C1726,24)+1)/SUM(INDEX($D$3:$AA$30,INDEX(Jesper!$R$2:$R$366,ROW(INDEX(Jesper!AJ$2:AJ$366,ROUNDDOWN($C1726/24,0)+1,1))-1)+IF('Standard Profiles'!$G$20=$B$10,7,0)+IF('Standard Profiles'!$G$20=$B$17,14,0)+IF('Standard Profiles'!$G$20=$B$24,21,0),0)),0)</f>
        <v>0</v>
      </c>
      <c r="G1726" cm="1">
        <f t="array" ref="G1726">IFERROR(INDEX(Jesper!AK$2:AK$366,ROUNDDOWN($C1726/24,0)+1,1)*INDEX($D$3:$AA$30,INDEX(Jesper!$R$2:$R$366,ROW(INDEX(Jesper!AK$2:AK$366,ROUNDDOWN($C1726/24,0)+1,1))-1)+IF('Standard Profiles'!$G$21=$B$10,7,0)+IF('Standard Profiles'!$G$21=$B$17,14,0)+IF('Standard Profiles'!$G$21=$B$24,21,0),MOD($C1726,24)+1)/SUM(INDEX($D$3:$AA$30,INDEX(Jesper!$R$2:$R$366,ROW(INDEX(Jesper!AK$2:AK$366,ROUNDDOWN($C1726/24,0)+1,1))-1)+IF('Standard Profiles'!$G$21=$B$10,7,0)+IF('Standard Profiles'!$G$21=$B$17,14,0)+IF('Standard Profiles'!$G$21=$B$24,21,0),0)),0)</f>
        <v>0</v>
      </c>
      <c r="H1726" cm="1">
        <f t="array" ref="H1726">IFERROR(INDEX(Jesper!AL$2:AL$366,ROUNDDOWN($C1726/24,0)+1,1)*INDEX($D$3:$AA$30,INDEX(Jesper!$R$2:$R$366,ROW(INDEX(Jesper!AL$2:AL$366,ROUNDDOWN($C1726/24,0)+1,1))-1)+IF('Standard Profiles'!$G$22=$B$10,7,0)+IF('Standard Profiles'!$G$22=$B$17,14,0)+IF('Standard Profiles'!$G$22=$B$24,21,0),MOD($C1726,24)+1)/SUM(INDEX($D$3:$AA$30,INDEX(Jesper!$R$2:$R$366,ROW(INDEX(Jesper!AL$2:AL$366,ROUNDDOWN($C1726/24,0)+1,1))-1)+IF('Standard Profiles'!$G$22=$B$10,7,0)+IF('Standard Profiles'!$G$22=$B$17,14,0)+IF('Standard Profiles'!$G$22=$B$24,21,0),0)),0)</f>
        <v>0</v>
      </c>
      <c r="I1726">
        <f t="shared" si="202"/>
        <v>0.55794812066687549</v>
      </c>
      <c r="J1726">
        <f t="shared" si="203"/>
        <v>1.8598270688895853</v>
      </c>
      <c r="K1726">
        <f t="shared" si="204"/>
        <v>2.7897406033343777</v>
      </c>
      <c r="L1726">
        <f t="shared" si="205"/>
        <v>13.390754896005014</v>
      </c>
      <c r="M1726">
        <f t="shared" si="206"/>
        <v>0</v>
      </c>
      <c r="N1726" s="46">
        <f t="shared" si="207"/>
        <v>45362.499999995896</v>
      </c>
    </row>
    <row r="1727" spans="2:14" x14ac:dyDescent="0.3">
      <c r="B1727">
        <f t="shared" si="201"/>
        <v>1</v>
      </c>
      <c r="C1727" s="16">
        <v>1693</v>
      </c>
      <c r="D1727" cm="1">
        <f t="array" ref="D1727">IFERROR(INDEX(Jesper!AH$2:AH$366,ROUNDDOWN($C1727/24,0)+1,1)*INDEX($D$3:$AA$30,INDEX(Jesper!$R$2:$R$366,ROW(INDEX(Jesper!AH$2:AH$366,ROUNDDOWN($C1727/24,0)+1,1))-1)+IF('Standard Profiles'!$G$18=$B$10,7,0)+IF('Standard Profiles'!$G$18=$B$17,14,0)+IF('Standard Profiles'!$G$18=$B$24,21,0),MOD($C1727,24)+1)/SUM(INDEX($D$3:$AA$30,INDEX(Jesper!$R$2:$R$366,ROW(INDEX(Jesper!AH$2:AH$366,ROUNDDOWN($C1727/24,0)+1,1))-1)+IF('Standard Profiles'!$G$18=$B$10,7,0)+IF('Standard Profiles'!$G$18=$B$17,14,0)+IF('Standard Profiles'!$G$18=$B$24,21,0),0)),0)</f>
        <v>12.321354331393501</v>
      </c>
      <c r="E1727" cm="1">
        <f t="array" ref="E1727">IFERROR(INDEX(Jesper!AI$2:AI$366,ROUNDDOWN($C1727/24,0)+1,1)*INDEX($D$3:$AA$30,INDEX(Jesper!$R$2:$R$366,ROW(INDEX(Jesper!AI$2:AI$366,ROUNDDOWN($C1727/24,0)+1,1))-1)+IF('Standard Profiles'!$G$19=$B$10,7,0)+IF('Standard Profiles'!$G$19=$B$17,14,0)+IF('Standard Profiles'!$G$19=$B$24,21,0),MOD($C1727,24)+1)/SUM(INDEX($D$3:$AA$30,INDEX(Jesper!$R$2:$R$366,ROW(INDEX(Jesper!AI$2:AI$366,ROUNDDOWN($C1727/24,0)+1,1))-1)+IF('Standard Profiles'!$G$19=$B$10,7,0)+IF('Standard Profiles'!$G$19=$B$17,14,0)+IF('Standard Profiles'!$G$19=$B$24,21,0),0)),0)</f>
        <v>0</v>
      </c>
      <c r="F1727" cm="1">
        <f t="array" ref="F1727">IFERROR(INDEX(Jesper!AJ$2:AJ$366,ROUNDDOWN($C1727/24,0)+1,1)*INDEX($D$3:$AA$30,INDEX(Jesper!$R$2:$R$366,ROW(INDEX(Jesper!AJ$2:AJ$366,ROUNDDOWN($C1727/24,0)+1,1))-1)+IF('Standard Profiles'!$G$20=$B$10,7,0)+IF('Standard Profiles'!$G$20=$B$17,14,0)+IF('Standard Profiles'!$G$20=$B$24,21,0),MOD($C1727,24)+1)/SUM(INDEX($D$3:$AA$30,INDEX(Jesper!$R$2:$R$366,ROW(INDEX(Jesper!AJ$2:AJ$366,ROUNDDOWN($C1727/24,0)+1,1))-1)+IF('Standard Profiles'!$G$20=$B$10,7,0)+IF('Standard Profiles'!$G$20=$B$17,14,0)+IF('Standard Profiles'!$G$20=$B$24,21,0),0)),0)</f>
        <v>0</v>
      </c>
      <c r="G1727" cm="1">
        <f t="array" ref="G1727">IFERROR(INDEX(Jesper!AK$2:AK$366,ROUNDDOWN($C1727/24,0)+1,1)*INDEX($D$3:$AA$30,INDEX(Jesper!$R$2:$R$366,ROW(INDEX(Jesper!AK$2:AK$366,ROUNDDOWN($C1727/24,0)+1,1))-1)+IF('Standard Profiles'!$G$21=$B$10,7,0)+IF('Standard Profiles'!$G$21=$B$17,14,0)+IF('Standard Profiles'!$G$21=$B$24,21,0),MOD($C1727,24)+1)/SUM(INDEX($D$3:$AA$30,INDEX(Jesper!$R$2:$R$366,ROW(INDEX(Jesper!AK$2:AK$366,ROUNDDOWN($C1727/24,0)+1,1))-1)+IF('Standard Profiles'!$G$21=$B$10,7,0)+IF('Standard Profiles'!$G$21=$B$17,14,0)+IF('Standard Profiles'!$G$21=$B$24,21,0),0)),0)</f>
        <v>0</v>
      </c>
      <c r="H1727" cm="1">
        <f t="array" ref="H1727">IFERROR(INDEX(Jesper!AL$2:AL$366,ROUNDDOWN($C1727/24,0)+1,1)*INDEX($D$3:$AA$30,INDEX(Jesper!$R$2:$R$366,ROW(INDEX(Jesper!AL$2:AL$366,ROUNDDOWN($C1727/24,0)+1,1))-1)+IF('Standard Profiles'!$G$22=$B$10,7,0)+IF('Standard Profiles'!$G$22=$B$17,14,0)+IF('Standard Profiles'!$G$22=$B$24,21,0),MOD($C1727,24)+1)/SUM(INDEX($D$3:$AA$30,INDEX(Jesper!$R$2:$R$366,ROW(INDEX(Jesper!AL$2:AL$366,ROUNDDOWN($C1727/24,0)+1,1))-1)+IF('Standard Profiles'!$G$22=$B$10,7,0)+IF('Standard Profiles'!$G$22=$B$17,14,0)+IF('Standard Profiles'!$G$22=$B$24,21,0),0)),0)</f>
        <v>0</v>
      </c>
      <c r="I1727">
        <f t="shared" si="202"/>
        <v>0.36964062994180502</v>
      </c>
      <c r="J1727">
        <f t="shared" si="203"/>
        <v>1.2321354331393501</v>
      </c>
      <c r="K1727">
        <f t="shared" si="204"/>
        <v>1.848203149709025</v>
      </c>
      <c r="L1727">
        <f t="shared" si="205"/>
        <v>8.8713751186033196</v>
      </c>
      <c r="M1727">
        <f t="shared" si="206"/>
        <v>0</v>
      </c>
      <c r="N1727" s="46">
        <f t="shared" si="207"/>
        <v>45362.541666662561</v>
      </c>
    </row>
    <row r="1728" spans="2:14" x14ac:dyDescent="0.3">
      <c r="B1728">
        <f t="shared" si="201"/>
        <v>1</v>
      </c>
      <c r="C1728" s="16">
        <v>1694</v>
      </c>
      <c r="D1728" cm="1">
        <f t="array" ref="D1728">IFERROR(INDEX(Jesper!AH$2:AH$366,ROUNDDOWN($C1728/24,0)+1,1)*INDEX($D$3:$AA$30,INDEX(Jesper!$R$2:$R$366,ROW(INDEX(Jesper!AH$2:AH$366,ROUNDDOWN($C1728/24,0)+1,1))-1)+IF('Standard Profiles'!$G$18=$B$10,7,0)+IF('Standard Profiles'!$G$18=$B$17,14,0)+IF('Standard Profiles'!$G$18=$B$24,21,0),MOD($C1728,24)+1)/SUM(INDEX($D$3:$AA$30,INDEX(Jesper!$R$2:$R$366,ROW(INDEX(Jesper!AH$2:AH$366,ROUNDDOWN($C1728/24,0)+1,1))-1)+IF('Standard Profiles'!$G$18=$B$10,7,0)+IF('Standard Profiles'!$G$18=$B$17,14,0)+IF('Standard Profiles'!$G$18=$B$24,21,0),0)),0)</f>
        <v>18.598270688895852</v>
      </c>
      <c r="E1728" cm="1">
        <f t="array" ref="E1728">IFERROR(INDEX(Jesper!AI$2:AI$366,ROUNDDOWN($C1728/24,0)+1,1)*INDEX($D$3:$AA$30,INDEX(Jesper!$R$2:$R$366,ROW(INDEX(Jesper!AI$2:AI$366,ROUNDDOWN($C1728/24,0)+1,1))-1)+IF('Standard Profiles'!$G$19=$B$10,7,0)+IF('Standard Profiles'!$G$19=$B$17,14,0)+IF('Standard Profiles'!$G$19=$B$24,21,0),MOD($C1728,24)+1)/SUM(INDEX($D$3:$AA$30,INDEX(Jesper!$R$2:$R$366,ROW(INDEX(Jesper!AI$2:AI$366,ROUNDDOWN($C1728/24,0)+1,1))-1)+IF('Standard Profiles'!$G$19=$B$10,7,0)+IF('Standard Profiles'!$G$19=$B$17,14,0)+IF('Standard Profiles'!$G$19=$B$24,21,0),0)),0)</f>
        <v>0</v>
      </c>
      <c r="F1728" cm="1">
        <f t="array" ref="F1728">IFERROR(INDEX(Jesper!AJ$2:AJ$366,ROUNDDOWN($C1728/24,0)+1,1)*INDEX($D$3:$AA$30,INDEX(Jesper!$R$2:$R$366,ROW(INDEX(Jesper!AJ$2:AJ$366,ROUNDDOWN($C1728/24,0)+1,1))-1)+IF('Standard Profiles'!$G$20=$B$10,7,0)+IF('Standard Profiles'!$G$20=$B$17,14,0)+IF('Standard Profiles'!$G$20=$B$24,21,0),MOD($C1728,24)+1)/SUM(INDEX($D$3:$AA$30,INDEX(Jesper!$R$2:$R$366,ROW(INDEX(Jesper!AJ$2:AJ$366,ROUNDDOWN($C1728/24,0)+1,1))-1)+IF('Standard Profiles'!$G$20=$B$10,7,0)+IF('Standard Profiles'!$G$20=$B$17,14,0)+IF('Standard Profiles'!$G$20=$B$24,21,0),0)),0)</f>
        <v>0</v>
      </c>
      <c r="G1728" cm="1">
        <f t="array" ref="G1728">IFERROR(INDEX(Jesper!AK$2:AK$366,ROUNDDOWN($C1728/24,0)+1,1)*INDEX($D$3:$AA$30,INDEX(Jesper!$R$2:$R$366,ROW(INDEX(Jesper!AK$2:AK$366,ROUNDDOWN($C1728/24,0)+1,1))-1)+IF('Standard Profiles'!$G$21=$B$10,7,0)+IF('Standard Profiles'!$G$21=$B$17,14,0)+IF('Standard Profiles'!$G$21=$B$24,21,0),MOD($C1728,24)+1)/SUM(INDEX($D$3:$AA$30,INDEX(Jesper!$R$2:$R$366,ROW(INDEX(Jesper!AK$2:AK$366,ROUNDDOWN($C1728/24,0)+1,1))-1)+IF('Standard Profiles'!$G$21=$B$10,7,0)+IF('Standard Profiles'!$G$21=$B$17,14,0)+IF('Standard Profiles'!$G$21=$B$24,21,0),0)),0)</f>
        <v>0</v>
      </c>
      <c r="H1728" cm="1">
        <f t="array" ref="H1728">IFERROR(INDEX(Jesper!AL$2:AL$366,ROUNDDOWN($C1728/24,0)+1,1)*INDEX($D$3:$AA$30,INDEX(Jesper!$R$2:$R$366,ROW(INDEX(Jesper!AL$2:AL$366,ROUNDDOWN($C1728/24,0)+1,1))-1)+IF('Standard Profiles'!$G$22=$B$10,7,0)+IF('Standard Profiles'!$G$22=$B$17,14,0)+IF('Standard Profiles'!$G$22=$B$24,21,0),MOD($C1728,24)+1)/SUM(INDEX($D$3:$AA$30,INDEX(Jesper!$R$2:$R$366,ROW(INDEX(Jesper!AL$2:AL$366,ROUNDDOWN($C1728/24,0)+1,1))-1)+IF('Standard Profiles'!$G$22=$B$10,7,0)+IF('Standard Profiles'!$G$22=$B$17,14,0)+IF('Standard Profiles'!$G$22=$B$24,21,0),0)),0)</f>
        <v>0</v>
      </c>
      <c r="I1728">
        <f t="shared" si="202"/>
        <v>0.55794812066687549</v>
      </c>
      <c r="J1728">
        <f t="shared" si="203"/>
        <v>1.8598270688895853</v>
      </c>
      <c r="K1728">
        <f t="shared" si="204"/>
        <v>2.7897406033343777</v>
      </c>
      <c r="L1728">
        <f t="shared" si="205"/>
        <v>13.390754896005014</v>
      </c>
      <c r="M1728">
        <f t="shared" si="206"/>
        <v>0</v>
      </c>
      <c r="N1728" s="46">
        <f t="shared" si="207"/>
        <v>45362.583333329225</v>
      </c>
    </row>
    <row r="1729" spans="2:14" x14ac:dyDescent="0.3">
      <c r="B1729">
        <f t="shared" si="201"/>
        <v>1</v>
      </c>
      <c r="C1729" s="16">
        <v>1695</v>
      </c>
      <c r="D1729" cm="1">
        <f t="array" ref="D1729">IFERROR(INDEX(Jesper!AH$2:AH$366,ROUNDDOWN($C1729/24,0)+1,1)*INDEX($D$3:$AA$30,INDEX(Jesper!$R$2:$R$366,ROW(INDEX(Jesper!AH$2:AH$366,ROUNDDOWN($C1729/24,0)+1,1))-1)+IF('Standard Profiles'!$G$18=$B$10,7,0)+IF('Standard Profiles'!$G$18=$B$17,14,0)+IF('Standard Profiles'!$G$18=$B$24,21,0),MOD($C1729,24)+1)/SUM(INDEX($D$3:$AA$30,INDEX(Jesper!$R$2:$R$366,ROW(INDEX(Jesper!AH$2:AH$366,ROUNDDOWN($C1729/24,0)+1,1))-1)+IF('Standard Profiles'!$G$18=$B$10,7,0)+IF('Standard Profiles'!$G$18=$B$17,14,0)+IF('Standard Profiles'!$G$18=$B$24,21,0),0)),0)</f>
        <v>18.598270688895852</v>
      </c>
      <c r="E1729" cm="1">
        <f t="array" ref="E1729">IFERROR(INDEX(Jesper!AI$2:AI$366,ROUNDDOWN($C1729/24,0)+1,1)*INDEX($D$3:$AA$30,INDEX(Jesper!$R$2:$R$366,ROW(INDEX(Jesper!AI$2:AI$366,ROUNDDOWN($C1729/24,0)+1,1))-1)+IF('Standard Profiles'!$G$19=$B$10,7,0)+IF('Standard Profiles'!$G$19=$B$17,14,0)+IF('Standard Profiles'!$G$19=$B$24,21,0),MOD($C1729,24)+1)/SUM(INDEX($D$3:$AA$30,INDEX(Jesper!$R$2:$R$366,ROW(INDEX(Jesper!AI$2:AI$366,ROUNDDOWN($C1729/24,0)+1,1))-1)+IF('Standard Profiles'!$G$19=$B$10,7,0)+IF('Standard Profiles'!$G$19=$B$17,14,0)+IF('Standard Profiles'!$G$19=$B$24,21,0),0)),0)</f>
        <v>0</v>
      </c>
      <c r="F1729" cm="1">
        <f t="array" ref="F1729">IFERROR(INDEX(Jesper!AJ$2:AJ$366,ROUNDDOWN($C1729/24,0)+1,1)*INDEX($D$3:$AA$30,INDEX(Jesper!$R$2:$R$366,ROW(INDEX(Jesper!AJ$2:AJ$366,ROUNDDOWN($C1729/24,0)+1,1))-1)+IF('Standard Profiles'!$G$20=$B$10,7,0)+IF('Standard Profiles'!$G$20=$B$17,14,0)+IF('Standard Profiles'!$G$20=$B$24,21,0),MOD($C1729,24)+1)/SUM(INDEX($D$3:$AA$30,INDEX(Jesper!$R$2:$R$366,ROW(INDEX(Jesper!AJ$2:AJ$366,ROUNDDOWN($C1729/24,0)+1,1))-1)+IF('Standard Profiles'!$G$20=$B$10,7,0)+IF('Standard Profiles'!$G$20=$B$17,14,0)+IF('Standard Profiles'!$G$20=$B$24,21,0),0)),0)</f>
        <v>0</v>
      </c>
      <c r="G1729" cm="1">
        <f t="array" ref="G1729">IFERROR(INDEX(Jesper!AK$2:AK$366,ROUNDDOWN($C1729/24,0)+1,1)*INDEX($D$3:$AA$30,INDEX(Jesper!$R$2:$R$366,ROW(INDEX(Jesper!AK$2:AK$366,ROUNDDOWN($C1729/24,0)+1,1))-1)+IF('Standard Profiles'!$G$21=$B$10,7,0)+IF('Standard Profiles'!$G$21=$B$17,14,0)+IF('Standard Profiles'!$G$21=$B$24,21,0),MOD($C1729,24)+1)/SUM(INDEX($D$3:$AA$30,INDEX(Jesper!$R$2:$R$366,ROW(INDEX(Jesper!AK$2:AK$366,ROUNDDOWN($C1729/24,0)+1,1))-1)+IF('Standard Profiles'!$G$21=$B$10,7,0)+IF('Standard Profiles'!$G$21=$B$17,14,0)+IF('Standard Profiles'!$G$21=$B$24,21,0),0)),0)</f>
        <v>0</v>
      </c>
      <c r="H1729" cm="1">
        <f t="array" ref="H1729">IFERROR(INDEX(Jesper!AL$2:AL$366,ROUNDDOWN($C1729/24,0)+1,1)*INDEX($D$3:$AA$30,INDEX(Jesper!$R$2:$R$366,ROW(INDEX(Jesper!AL$2:AL$366,ROUNDDOWN($C1729/24,0)+1,1))-1)+IF('Standard Profiles'!$G$22=$B$10,7,0)+IF('Standard Profiles'!$G$22=$B$17,14,0)+IF('Standard Profiles'!$G$22=$B$24,21,0),MOD($C1729,24)+1)/SUM(INDEX($D$3:$AA$30,INDEX(Jesper!$R$2:$R$366,ROW(INDEX(Jesper!AL$2:AL$366,ROUNDDOWN($C1729/24,0)+1,1))-1)+IF('Standard Profiles'!$G$22=$B$10,7,0)+IF('Standard Profiles'!$G$22=$B$17,14,0)+IF('Standard Profiles'!$G$22=$B$24,21,0),0)),0)</f>
        <v>0</v>
      </c>
      <c r="I1729">
        <f t="shared" si="202"/>
        <v>0.55794812066687549</v>
      </c>
      <c r="J1729">
        <f t="shared" si="203"/>
        <v>1.8598270688895853</v>
      </c>
      <c r="K1729">
        <f t="shared" si="204"/>
        <v>2.7897406033343777</v>
      </c>
      <c r="L1729">
        <f t="shared" si="205"/>
        <v>13.390754896005014</v>
      </c>
      <c r="M1729">
        <f t="shared" si="206"/>
        <v>0</v>
      </c>
      <c r="N1729" s="46">
        <f t="shared" si="207"/>
        <v>45362.624999995889</v>
      </c>
    </row>
    <row r="1730" spans="2:14" x14ac:dyDescent="0.3">
      <c r="B1730">
        <f t="shared" si="201"/>
        <v>1</v>
      </c>
      <c r="C1730" s="16">
        <v>1696</v>
      </c>
      <c r="D1730" cm="1">
        <f t="array" ref="D1730">IFERROR(INDEX(Jesper!AH$2:AH$366,ROUNDDOWN($C1730/24,0)+1,1)*INDEX($D$3:$AA$30,INDEX(Jesper!$R$2:$R$366,ROW(INDEX(Jesper!AH$2:AH$366,ROUNDDOWN($C1730/24,0)+1,1))-1)+IF('Standard Profiles'!$G$18=$B$10,7,0)+IF('Standard Profiles'!$G$18=$B$17,14,0)+IF('Standard Profiles'!$G$18=$B$24,21,0),MOD($C1730,24)+1)/SUM(INDEX($D$3:$AA$30,INDEX(Jesper!$R$2:$R$366,ROW(INDEX(Jesper!AH$2:AH$366,ROUNDDOWN($C1730/24,0)+1,1))-1)+IF('Standard Profiles'!$G$18=$B$10,7,0)+IF('Standard Profiles'!$G$18=$B$17,14,0)+IF('Standard Profiles'!$G$18=$B$24,21,0),0)),0)</f>
        <v>18.598270688895852</v>
      </c>
      <c r="E1730" cm="1">
        <f t="array" ref="E1730">IFERROR(INDEX(Jesper!AI$2:AI$366,ROUNDDOWN($C1730/24,0)+1,1)*INDEX($D$3:$AA$30,INDEX(Jesper!$R$2:$R$366,ROW(INDEX(Jesper!AI$2:AI$366,ROUNDDOWN($C1730/24,0)+1,1))-1)+IF('Standard Profiles'!$G$19=$B$10,7,0)+IF('Standard Profiles'!$G$19=$B$17,14,0)+IF('Standard Profiles'!$G$19=$B$24,21,0),MOD($C1730,24)+1)/SUM(INDEX($D$3:$AA$30,INDEX(Jesper!$R$2:$R$366,ROW(INDEX(Jesper!AI$2:AI$366,ROUNDDOWN($C1730/24,0)+1,1))-1)+IF('Standard Profiles'!$G$19=$B$10,7,0)+IF('Standard Profiles'!$G$19=$B$17,14,0)+IF('Standard Profiles'!$G$19=$B$24,21,0),0)),0)</f>
        <v>0</v>
      </c>
      <c r="F1730" cm="1">
        <f t="array" ref="F1730">IFERROR(INDEX(Jesper!AJ$2:AJ$366,ROUNDDOWN($C1730/24,0)+1,1)*INDEX($D$3:$AA$30,INDEX(Jesper!$R$2:$R$366,ROW(INDEX(Jesper!AJ$2:AJ$366,ROUNDDOWN($C1730/24,0)+1,1))-1)+IF('Standard Profiles'!$G$20=$B$10,7,0)+IF('Standard Profiles'!$G$20=$B$17,14,0)+IF('Standard Profiles'!$G$20=$B$24,21,0),MOD($C1730,24)+1)/SUM(INDEX($D$3:$AA$30,INDEX(Jesper!$R$2:$R$366,ROW(INDEX(Jesper!AJ$2:AJ$366,ROUNDDOWN($C1730/24,0)+1,1))-1)+IF('Standard Profiles'!$G$20=$B$10,7,0)+IF('Standard Profiles'!$G$20=$B$17,14,0)+IF('Standard Profiles'!$G$20=$B$24,21,0),0)),0)</f>
        <v>0</v>
      </c>
      <c r="G1730" cm="1">
        <f t="array" ref="G1730">IFERROR(INDEX(Jesper!AK$2:AK$366,ROUNDDOWN($C1730/24,0)+1,1)*INDEX($D$3:$AA$30,INDEX(Jesper!$R$2:$R$366,ROW(INDEX(Jesper!AK$2:AK$366,ROUNDDOWN($C1730/24,0)+1,1))-1)+IF('Standard Profiles'!$G$21=$B$10,7,0)+IF('Standard Profiles'!$G$21=$B$17,14,0)+IF('Standard Profiles'!$G$21=$B$24,21,0),MOD($C1730,24)+1)/SUM(INDEX($D$3:$AA$30,INDEX(Jesper!$R$2:$R$366,ROW(INDEX(Jesper!AK$2:AK$366,ROUNDDOWN($C1730/24,0)+1,1))-1)+IF('Standard Profiles'!$G$21=$B$10,7,0)+IF('Standard Profiles'!$G$21=$B$17,14,0)+IF('Standard Profiles'!$G$21=$B$24,21,0),0)),0)</f>
        <v>0</v>
      </c>
      <c r="H1730" cm="1">
        <f t="array" ref="H1730">IFERROR(INDEX(Jesper!AL$2:AL$366,ROUNDDOWN($C1730/24,0)+1,1)*INDEX($D$3:$AA$30,INDEX(Jesper!$R$2:$R$366,ROW(INDEX(Jesper!AL$2:AL$366,ROUNDDOWN($C1730/24,0)+1,1))-1)+IF('Standard Profiles'!$G$22=$B$10,7,0)+IF('Standard Profiles'!$G$22=$B$17,14,0)+IF('Standard Profiles'!$G$22=$B$24,21,0),MOD($C1730,24)+1)/SUM(INDEX($D$3:$AA$30,INDEX(Jesper!$R$2:$R$366,ROW(INDEX(Jesper!AL$2:AL$366,ROUNDDOWN($C1730/24,0)+1,1))-1)+IF('Standard Profiles'!$G$22=$B$10,7,0)+IF('Standard Profiles'!$G$22=$B$17,14,0)+IF('Standard Profiles'!$G$22=$B$24,21,0),0)),0)</f>
        <v>0</v>
      </c>
      <c r="I1730">
        <f t="shared" si="202"/>
        <v>0.55794812066687549</v>
      </c>
      <c r="J1730">
        <f t="shared" si="203"/>
        <v>1.8598270688895853</v>
      </c>
      <c r="K1730">
        <f t="shared" si="204"/>
        <v>2.7897406033343777</v>
      </c>
      <c r="L1730">
        <f t="shared" si="205"/>
        <v>13.390754896005014</v>
      </c>
      <c r="M1730">
        <f t="shared" si="206"/>
        <v>0</v>
      </c>
      <c r="N1730" s="46">
        <f t="shared" si="207"/>
        <v>45362.666666662553</v>
      </c>
    </row>
    <row r="1731" spans="2:14" x14ac:dyDescent="0.3">
      <c r="B1731">
        <f t="shared" si="201"/>
        <v>1</v>
      </c>
      <c r="C1731" s="16">
        <v>1697</v>
      </c>
      <c r="D1731" cm="1">
        <f t="array" ref="D1731">IFERROR(INDEX(Jesper!AH$2:AH$366,ROUNDDOWN($C1731/24,0)+1,1)*INDEX($D$3:$AA$30,INDEX(Jesper!$R$2:$R$366,ROW(INDEX(Jesper!AH$2:AH$366,ROUNDDOWN($C1731/24,0)+1,1))-1)+IF('Standard Profiles'!$G$18=$B$10,7,0)+IF('Standard Profiles'!$G$18=$B$17,14,0)+IF('Standard Profiles'!$G$18=$B$24,21,0),MOD($C1731,24)+1)/SUM(INDEX($D$3:$AA$30,INDEX(Jesper!$R$2:$R$366,ROW(INDEX(Jesper!AH$2:AH$366,ROUNDDOWN($C1731/24,0)+1,1))-1)+IF('Standard Profiles'!$G$18=$B$10,7,0)+IF('Standard Profiles'!$G$18=$B$17,14,0)+IF('Standard Profiles'!$G$18=$B$24,21,0),0)),0)</f>
        <v>18.598270688895852</v>
      </c>
      <c r="E1731" cm="1">
        <f t="array" ref="E1731">IFERROR(INDEX(Jesper!AI$2:AI$366,ROUNDDOWN($C1731/24,0)+1,1)*INDEX($D$3:$AA$30,INDEX(Jesper!$R$2:$R$366,ROW(INDEX(Jesper!AI$2:AI$366,ROUNDDOWN($C1731/24,0)+1,1))-1)+IF('Standard Profiles'!$G$19=$B$10,7,0)+IF('Standard Profiles'!$G$19=$B$17,14,0)+IF('Standard Profiles'!$G$19=$B$24,21,0),MOD($C1731,24)+1)/SUM(INDEX($D$3:$AA$30,INDEX(Jesper!$R$2:$R$366,ROW(INDEX(Jesper!AI$2:AI$366,ROUNDDOWN($C1731/24,0)+1,1))-1)+IF('Standard Profiles'!$G$19=$B$10,7,0)+IF('Standard Profiles'!$G$19=$B$17,14,0)+IF('Standard Profiles'!$G$19=$B$24,21,0),0)),0)</f>
        <v>0</v>
      </c>
      <c r="F1731" cm="1">
        <f t="array" ref="F1731">IFERROR(INDEX(Jesper!AJ$2:AJ$366,ROUNDDOWN($C1731/24,0)+1,1)*INDEX($D$3:$AA$30,INDEX(Jesper!$R$2:$R$366,ROW(INDEX(Jesper!AJ$2:AJ$366,ROUNDDOWN($C1731/24,0)+1,1))-1)+IF('Standard Profiles'!$G$20=$B$10,7,0)+IF('Standard Profiles'!$G$20=$B$17,14,0)+IF('Standard Profiles'!$G$20=$B$24,21,0),MOD($C1731,24)+1)/SUM(INDEX($D$3:$AA$30,INDEX(Jesper!$R$2:$R$366,ROW(INDEX(Jesper!AJ$2:AJ$366,ROUNDDOWN($C1731/24,0)+1,1))-1)+IF('Standard Profiles'!$G$20=$B$10,7,0)+IF('Standard Profiles'!$G$20=$B$17,14,0)+IF('Standard Profiles'!$G$20=$B$24,21,0),0)),0)</f>
        <v>0</v>
      </c>
      <c r="G1731" cm="1">
        <f t="array" ref="G1731">IFERROR(INDEX(Jesper!AK$2:AK$366,ROUNDDOWN($C1731/24,0)+1,1)*INDEX($D$3:$AA$30,INDEX(Jesper!$R$2:$R$366,ROW(INDEX(Jesper!AK$2:AK$366,ROUNDDOWN($C1731/24,0)+1,1))-1)+IF('Standard Profiles'!$G$21=$B$10,7,0)+IF('Standard Profiles'!$G$21=$B$17,14,0)+IF('Standard Profiles'!$G$21=$B$24,21,0),MOD($C1731,24)+1)/SUM(INDEX($D$3:$AA$30,INDEX(Jesper!$R$2:$R$366,ROW(INDEX(Jesper!AK$2:AK$366,ROUNDDOWN($C1731/24,0)+1,1))-1)+IF('Standard Profiles'!$G$21=$B$10,7,0)+IF('Standard Profiles'!$G$21=$B$17,14,0)+IF('Standard Profiles'!$G$21=$B$24,21,0),0)),0)</f>
        <v>0</v>
      </c>
      <c r="H1731" cm="1">
        <f t="array" ref="H1731">IFERROR(INDEX(Jesper!AL$2:AL$366,ROUNDDOWN($C1731/24,0)+1,1)*INDEX($D$3:$AA$30,INDEX(Jesper!$R$2:$R$366,ROW(INDEX(Jesper!AL$2:AL$366,ROUNDDOWN($C1731/24,0)+1,1))-1)+IF('Standard Profiles'!$G$22=$B$10,7,0)+IF('Standard Profiles'!$G$22=$B$17,14,0)+IF('Standard Profiles'!$G$22=$B$24,21,0),MOD($C1731,24)+1)/SUM(INDEX($D$3:$AA$30,INDEX(Jesper!$R$2:$R$366,ROW(INDEX(Jesper!AL$2:AL$366,ROUNDDOWN($C1731/24,0)+1,1))-1)+IF('Standard Profiles'!$G$22=$B$10,7,0)+IF('Standard Profiles'!$G$22=$B$17,14,0)+IF('Standard Profiles'!$G$22=$B$24,21,0),0)),0)</f>
        <v>0</v>
      </c>
      <c r="I1731">
        <f t="shared" si="202"/>
        <v>0.55794812066687549</v>
      </c>
      <c r="J1731">
        <f t="shared" si="203"/>
        <v>1.8598270688895853</v>
      </c>
      <c r="K1731">
        <f t="shared" si="204"/>
        <v>2.7897406033343777</v>
      </c>
      <c r="L1731">
        <f t="shared" si="205"/>
        <v>13.390754896005014</v>
      </c>
      <c r="M1731">
        <f t="shared" si="206"/>
        <v>0</v>
      </c>
      <c r="N1731" s="46">
        <f t="shared" si="207"/>
        <v>45362.708333329218</v>
      </c>
    </row>
    <row r="1732" spans="2:14" x14ac:dyDescent="0.3">
      <c r="B1732">
        <f t="shared" si="201"/>
        <v>1</v>
      </c>
      <c r="C1732" s="16">
        <v>1698</v>
      </c>
      <c r="D1732" cm="1">
        <f t="array" ref="D1732">IFERROR(INDEX(Jesper!AH$2:AH$366,ROUNDDOWN($C1732/24,0)+1,1)*INDEX($D$3:$AA$30,INDEX(Jesper!$R$2:$R$366,ROW(INDEX(Jesper!AH$2:AH$366,ROUNDDOWN($C1732/24,0)+1,1))-1)+IF('Standard Profiles'!$G$18=$B$10,7,0)+IF('Standard Profiles'!$G$18=$B$17,14,0)+IF('Standard Profiles'!$G$18=$B$24,21,0),MOD($C1732,24)+1)/SUM(INDEX($D$3:$AA$30,INDEX(Jesper!$R$2:$R$366,ROW(INDEX(Jesper!AH$2:AH$366,ROUNDDOWN($C1732/24,0)+1,1))-1)+IF('Standard Profiles'!$G$18=$B$10,7,0)+IF('Standard Profiles'!$G$18=$B$17,14,0)+IF('Standard Profiles'!$G$18=$B$24,21,0),0)),0)</f>
        <v>18.598270688895852</v>
      </c>
      <c r="E1732" cm="1">
        <f t="array" ref="E1732">IFERROR(INDEX(Jesper!AI$2:AI$366,ROUNDDOWN($C1732/24,0)+1,1)*INDEX($D$3:$AA$30,INDEX(Jesper!$R$2:$R$366,ROW(INDEX(Jesper!AI$2:AI$366,ROUNDDOWN($C1732/24,0)+1,1))-1)+IF('Standard Profiles'!$G$19=$B$10,7,0)+IF('Standard Profiles'!$G$19=$B$17,14,0)+IF('Standard Profiles'!$G$19=$B$24,21,0),MOD($C1732,24)+1)/SUM(INDEX($D$3:$AA$30,INDEX(Jesper!$R$2:$R$366,ROW(INDEX(Jesper!AI$2:AI$366,ROUNDDOWN($C1732/24,0)+1,1))-1)+IF('Standard Profiles'!$G$19=$B$10,7,0)+IF('Standard Profiles'!$G$19=$B$17,14,0)+IF('Standard Profiles'!$G$19=$B$24,21,0),0)),0)</f>
        <v>0</v>
      </c>
      <c r="F1732" cm="1">
        <f t="array" ref="F1732">IFERROR(INDEX(Jesper!AJ$2:AJ$366,ROUNDDOWN($C1732/24,0)+1,1)*INDEX($D$3:$AA$30,INDEX(Jesper!$R$2:$R$366,ROW(INDEX(Jesper!AJ$2:AJ$366,ROUNDDOWN($C1732/24,0)+1,1))-1)+IF('Standard Profiles'!$G$20=$B$10,7,0)+IF('Standard Profiles'!$G$20=$B$17,14,0)+IF('Standard Profiles'!$G$20=$B$24,21,0),MOD($C1732,24)+1)/SUM(INDEX($D$3:$AA$30,INDEX(Jesper!$R$2:$R$366,ROW(INDEX(Jesper!AJ$2:AJ$366,ROUNDDOWN($C1732/24,0)+1,1))-1)+IF('Standard Profiles'!$G$20=$B$10,7,0)+IF('Standard Profiles'!$G$20=$B$17,14,0)+IF('Standard Profiles'!$G$20=$B$24,21,0),0)),0)</f>
        <v>0</v>
      </c>
      <c r="G1732" cm="1">
        <f t="array" ref="G1732">IFERROR(INDEX(Jesper!AK$2:AK$366,ROUNDDOWN($C1732/24,0)+1,1)*INDEX($D$3:$AA$30,INDEX(Jesper!$R$2:$R$366,ROW(INDEX(Jesper!AK$2:AK$366,ROUNDDOWN($C1732/24,0)+1,1))-1)+IF('Standard Profiles'!$G$21=$B$10,7,0)+IF('Standard Profiles'!$G$21=$B$17,14,0)+IF('Standard Profiles'!$G$21=$B$24,21,0),MOD($C1732,24)+1)/SUM(INDEX($D$3:$AA$30,INDEX(Jesper!$R$2:$R$366,ROW(INDEX(Jesper!AK$2:AK$366,ROUNDDOWN($C1732/24,0)+1,1))-1)+IF('Standard Profiles'!$G$21=$B$10,7,0)+IF('Standard Profiles'!$G$21=$B$17,14,0)+IF('Standard Profiles'!$G$21=$B$24,21,0),0)),0)</f>
        <v>0</v>
      </c>
      <c r="H1732" cm="1">
        <f t="array" ref="H1732">IFERROR(INDEX(Jesper!AL$2:AL$366,ROUNDDOWN($C1732/24,0)+1,1)*INDEX($D$3:$AA$30,INDEX(Jesper!$R$2:$R$366,ROW(INDEX(Jesper!AL$2:AL$366,ROUNDDOWN($C1732/24,0)+1,1))-1)+IF('Standard Profiles'!$G$22=$B$10,7,0)+IF('Standard Profiles'!$G$22=$B$17,14,0)+IF('Standard Profiles'!$G$22=$B$24,21,0),MOD($C1732,24)+1)/SUM(INDEX($D$3:$AA$30,INDEX(Jesper!$R$2:$R$366,ROW(INDEX(Jesper!AL$2:AL$366,ROUNDDOWN($C1732/24,0)+1,1))-1)+IF('Standard Profiles'!$G$22=$B$10,7,0)+IF('Standard Profiles'!$G$22=$B$17,14,0)+IF('Standard Profiles'!$G$22=$B$24,21,0),0)),0)</f>
        <v>0</v>
      </c>
      <c r="I1732">
        <f t="shared" si="202"/>
        <v>0.55794812066687549</v>
      </c>
      <c r="J1732">
        <f t="shared" si="203"/>
        <v>1.8598270688895853</v>
      </c>
      <c r="K1732">
        <f t="shared" si="204"/>
        <v>2.7897406033343777</v>
      </c>
      <c r="L1732">
        <f t="shared" si="205"/>
        <v>13.390754896005014</v>
      </c>
      <c r="M1732">
        <f t="shared" si="206"/>
        <v>0</v>
      </c>
      <c r="N1732" s="46">
        <f t="shared" si="207"/>
        <v>45362.749999995882</v>
      </c>
    </row>
    <row r="1733" spans="2:14" x14ac:dyDescent="0.3">
      <c r="B1733">
        <f t="shared" si="201"/>
        <v>1</v>
      </c>
      <c r="C1733" s="16">
        <v>1699</v>
      </c>
      <c r="D1733" cm="1">
        <f t="array" ref="D1733">IFERROR(INDEX(Jesper!AH$2:AH$366,ROUNDDOWN($C1733/24,0)+1,1)*INDEX($D$3:$AA$30,INDEX(Jesper!$R$2:$R$366,ROW(INDEX(Jesper!AH$2:AH$366,ROUNDDOWN($C1733/24,0)+1,1))-1)+IF('Standard Profiles'!$G$18=$B$10,7,0)+IF('Standard Profiles'!$G$18=$B$17,14,0)+IF('Standard Profiles'!$G$18=$B$24,21,0),MOD($C1733,24)+1)/SUM(INDEX($D$3:$AA$30,INDEX(Jesper!$R$2:$R$366,ROW(INDEX(Jesper!AH$2:AH$366,ROUNDDOWN($C1733/24,0)+1,1))-1)+IF('Standard Profiles'!$G$18=$B$10,7,0)+IF('Standard Profiles'!$G$18=$B$17,14,0)+IF('Standard Profiles'!$G$18=$B$24,21,0),0)),0)</f>
        <v>15.576051701950275</v>
      </c>
      <c r="E1733" cm="1">
        <f t="array" ref="E1733">IFERROR(INDEX(Jesper!AI$2:AI$366,ROUNDDOWN($C1733/24,0)+1,1)*INDEX($D$3:$AA$30,INDEX(Jesper!$R$2:$R$366,ROW(INDEX(Jesper!AI$2:AI$366,ROUNDDOWN($C1733/24,0)+1,1))-1)+IF('Standard Profiles'!$G$19=$B$10,7,0)+IF('Standard Profiles'!$G$19=$B$17,14,0)+IF('Standard Profiles'!$G$19=$B$24,21,0),MOD($C1733,24)+1)/SUM(INDEX($D$3:$AA$30,INDEX(Jesper!$R$2:$R$366,ROW(INDEX(Jesper!AI$2:AI$366,ROUNDDOWN($C1733/24,0)+1,1))-1)+IF('Standard Profiles'!$G$19=$B$10,7,0)+IF('Standard Profiles'!$G$19=$B$17,14,0)+IF('Standard Profiles'!$G$19=$B$24,21,0),0)),0)</f>
        <v>0</v>
      </c>
      <c r="F1733" cm="1">
        <f t="array" ref="F1733">IFERROR(INDEX(Jesper!AJ$2:AJ$366,ROUNDDOWN($C1733/24,0)+1,1)*INDEX($D$3:$AA$30,INDEX(Jesper!$R$2:$R$366,ROW(INDEX(Jesper!AJ$2:AJ$366,ROUNDDOWN($C1733/24,0)+1,1))-1)+IF('Standard Profiles'!$G$20=$B$10,7,0)+IF('Standard Profiles'!$G$20=$B$17,14,0)+IF('Standard Profiles'!$G$20=$B$24,21,0),MOD($C1733,24)+1)/SUM(INDEX($D$3:$AA$30,INDEX(Jesper!$R$2:$R$366,ROW(INDEX(Jesper!AJ$2:AJ$366,ROUNDDOWN($C1733/24,0)+1,1))-1)+IF('Standard Profiles'!$G$20=$B$10,7,0)+IF('Standard Profiles'!$G$20=$B$17,14,0)+IF('Standard Profiles'!$G$20=$B$24,21,0),0)),0)</f>
        <v>0</v>
      </c>
      <c r="G1733" cm="1">
        <f t="array" ref="G1733">IFERROR(INDEX(Jesper!AK$2:AK$366,ROUNDDOWN($C1733/24,0)+1,1)*INDEX($D$3:$AA$30,INDEX(Jesper!$R$2:$R$366,ROW(INDEX(Jesper!AK$2:AK$366,ROUNDDOWN($C1733/24,0)+1,1))-1)+IF('Standard Profiles'!$G$21=$B$10,7,0)+IF('Standard Profiles'!$G$21=$B$17,14,0)+IF('Standard Profiles'!$G$21=$B$24,21,0),MOD($C1733,24)+1)/SUM(INDEX($D$3:$AA$30,INDEX(Jesper!$R$2:$R$366,ROW(INDEX(Jesper!AK$2:AK$366,ROUNDDOWN($C1733/24,0)+1,1))-1)+IF('Standard Profiles'!$G$21=$B$10,7,0)+IF('Standard Profiles'!$G$21=$B$17,14,0)+IF('Standard Profiles'!$G$21=$B$24,21,0),0)),0)</f>
        <v>0</v>
      </c>
      <c r="H1733" cm="1">
        <f t="array" ref="H1733">IFERROR(INDEX(Jesper!AL$2:AL$366,ROUNDDOWN($C1733/24,0)+1,1)*INDEX($D$3:$AA$30,INDEX(Jesper!$R$2:$R$366,ROW(INDEX(Jesper!AL$2:AL$366,ROUNDDOWN($C1733/24,0)+1,1))-1)+IF('Standard Profiles'!$G$22=$B$10,7,0)+IF('Standard Profiles'!$G$22=$B$17,14,0)+IF('Standard Profiles'!$G$22=$B$24,21,0),MOD($C1733,24)+1)/SUM(INDEX($D$3:$AA$30,INDEX(Jesper!$R$2:$R$366,ROW(INDEX(Jesper!AL$2:AL$366,ROUNDDOWN($C1733/24,0)+1,1))-1)+IF('Standard Profiles'!$G$22=$B$10,7,0)+IF('Standard Profiles'!$G$22=$B$17,14,0)+IF('Standard Profiles'!$G$22=$B$24,21,0),0)),0)</f>
        <v>0</v>
      </c>
      <c r="I1733">
        <f t="shared" si="202"/>
        <v>0.46728155105850822</v>
      </c>
      <c r="J1733">
        <f t="shared" si="203"/>
        <v>1.5576051701950275</v>
      </c>
      <c r="K1733">
        <f t="shared" si="204"/>
        <v>2.3364077552925413</v>
      </c>
      <c r="L1733">
        <f t="shared" si="205"/>
        <v>11.214757225404197</v>
      </c>
      <c r="M1733">
        <f t="shared" si="206"/>
        <v>0</v>
      </c>
      <c r="N1733" s="46">
        <f t="shared" si="207"/>
        <v>45362.791666662546</v>
      </c>
    </row>
    <row r="1734" spans="2:14" x14ac:dyDescent="0.3">
      <c r="B1734">
        <f t="shared" si="201"/>
        <v>1</v>
      </c>
      <c r="C1734" s="16">
        <v>1700</v>
      </c>
      <c r="D1734" cm="1">
        <f t="array" ref="D1734">IFERROR(INDEX(Jesper!AH$2:AH$366,ROUNDDOWN($C1734/24,0)+1,1)*INDEX($D$3:$AA$30,INDEX(Jesper!$R$2:$R$366,ROW(INDEX(Jesper!AH$2:AH$366,ROUNDDOWN($C1734/24,0)+1,1))-1)+IF('Standard Profiles'!$G$18=$B$10,7,0)+IF('Standard Profiles'!$G$18=$B$17,14,0)+IF('Standard Profiles'!$G$18=$B$24,21,0),MOD($C1734,24)+1)/SUM(INDEX($D$3:$AA$30,INDEX(Jesper!$R$2:$R$366,ROW(INDEX(Jesper!AH$2:AH$366,ROUNDDOWN($C1734/24,0)+1,1))-1)+IF('Standard Profiles'!$G$18=$B$10,7,0)+IF('Standard Profiles'!$G$18=$B$17,14,0)+IF('Standard Profiles'!$G$18=$B$24,21,0),0)),0)</f>
        <v>12.786311098615897</v>
      </c>
      <c r="E1734" cm="1">
        <f t="array" ref="E1734">IFERROR(INDEX(Jesper!AI$2:AI$366,ROUNDDOWN($C1734/24,0)+1,1)*INDEX($D$3:$AA$30,INDEX(Jesper!$R$2:$R$366,ROW(INDEX(Jesper!AI$2:AI$366,ROUNDDOWN($C1734/24,0)+1,1))-1)+IF('Standard Profiles'!$G$19=$B$10,7,0)+IF('Standard Profiles'!$G$19=$B$17,14,0)+IF('Standard Profiles'!$G$19=$B$24,21,0),MOD($C1734,24)+1)/SUM(INDEX($D$3:$AA$30,INDEX(Jesper!$R$2:$R$366,ROW(INDEX(Jesper!AI$2:AI$366,ROUNDDOWN($C1734/24,0)+1,1))-1)+IF('Standard Profiles'!$G$19=$B$10,7,0)+IF('Standard Profiles'!$G$19=$B$17,14,0)+IF('Standard Profiles'!$G$19=$B$24,21,0),0)),0)</f>
        <v>0</v>
      </c>
      <c r="F1734" cm="1">
        <f t="array" ref="F1734">IFERROR(INDEX(Jesper!AJ$2:AJ$366,ROUNDDOWN($C1734/24,0)+1,1)*INDEX($D$3:$AA$30,INDEX(Jesper!$R$2:$R$366,ROW(INDEX(Jesper!AJ$2:AJ$366,ROUNDDOWN($C1734/24,0)+1,1))-1)+IF('Standard Profiles'!$G$20=$B$10,7,0)+IF('Standard Profiles'!$G$20=$B$17,14,0)+IF('Standard Profiles'!$G$20=$B$24,21,0),MOD($C1734,24)+1)/SUM(INDEX($D$3:$AA$30,INDEX(Jesper!$R$2:$R$366,ROW(INDEX(Jesper!AJ$2:AJ$366,ROUNDDOWN($C1734/24,0)+1,1))-1)+IF('Standard Profiles'!$G$20=$B$10,7,0)+IF('Standard Profiles'!$G$20=$B$17,14,0)+IF('Standard Profiles'!$G$20=$B$24,21,0),0)),0)</f>
        <v>0</v>
      </c>
      <c r="G1734" cm="1">
        <f t="array" ref="G1734">IFERROR(INDEX(Jesper!AK$2:AK$366,ROUNDDOWN($C1734/24,0)+1,1)*INDEX($D$3:$AA$30,INDEX(Jesper!$R$2:$R$366,ROW(INDEX(Jesper!AK$2:AK$366,ROUNDDOWN($C1734/24,0)+1,1))-1)+IF('Standard Profiles'!$G$21=$B$10,7,0)+IF('Standard Profiles'!$G$21=$B$17,14,0)+IF('Standard Profiles'!$G$21=$B$24,21,0),MOD($C1734,24)+1)/SUM(INDEX($D$3:$AA$30,INDEX(Jesper!$R$2:$R$366,ROW(INDEX(Jesper!AK$2:AK$366,ROUNDDOWN($C1734/24,0)+1,1))-1)+IF('Standard Profiles'!$G$21=$B$10,7,0)+IF('Standard Profiles'!$G$21=$B$17,14,0)+IF('Standard Profiles'!$G$21=$B$24,21,0),0)),0)</f>
        <v>0</v>
      </c>
      <c r="H1734" cm="1">
        <f t="array" ref="H1734">IFERROR(INDEX(Jesper!AL$2:AL$366,ROUNDDOWN($C1734/24,0)+1,1)*INDEX($D$3:$AA$30,INDEX(Jesper!$R$2:$R$366,ROW(INDEX(Jesper!AL$2:AL$366,ROUNDDOWN($C1734/24,0)+1,1))-1)+IF('Standard Profiles'!$G$22=$B$10,7,0)+IF('Standard Profiles'!$G$22=$B$17,14,0)+IF('Standard Profiles'!$G$22=$B$24,21,0),MOD($C1734,24)+1)/SUM(INDEX($D$3:$AA$30,INDEX(Jesper!$R$2:$R$366,ROW(INDEX(Jesper!AL$2:AL$366,ROUNDDOWN($C1734/24,0)+1,1))-1)+IF('Standard Profiles'!$G$22=$B$10,7,0)+IF('Standard Profiles'!$G$22=$B$17,14,0)+IF('Standard Profiles'!$G$22=$B$24,21,0),0)),0)</f>
        <v>0</v>
      </c>
      <c r="I1734">
        <f t="shared" si="202"/>
        <v>0.38358933295847691</v>
      </c>
      <c r="J1734">
        <f t="shared" si="203"/>
        <v>1.2786311098615899</v>
      </c>
      <c r="K1734">
        <f t="shared" si="204"/>
        <v>1.9179466647923844</v>
      </c>
      <c r="L1734">
        <f t="shared" si="205"/>
        <v>9.2061439910034455</v>
      </c>
      <c r="M1734">
        <f t="shared" si="206"/>
        <v>0</v>
      </c>
      <c r="N1734" s="46">
        <f t="shared" si="207"/>
        <v>45362.83333332921</v>
      </c>
    </row>
    <row r="1735" spans="2:14" x14ac:dyDescent="0.3">
      <c r="B1735">
        <f t="shared" si="201"/>
        <v>1</v>
      </c>
      <c r="C1735" s="16">
        <v>1701</v>
      </c>
      <c r="D1735" cm="1">
        <f t="array" ref="D1735">IFERROR(INDEX(Jesper!AH$2:AH$366,ROUNDDOWN($C1735/24,0)+1,1)*INDEX($D$3:$AA$30,INDEX(Jesper!$R$2:$R$366,ROW(INDEX(Jesper!AH$2:AH$366,ROUNDDOWN($C1735/24,0)+1,1))-1)+IF('Standard Profiles'!$G$18=$B$10,7,0)+IF('Standard Profiles'!$G$18=$B$17,14,0)+IF('Standard Profiles'!$G$18=$B$24,21,0),MOD($C1735,24)+1)/SUM(INDEX($D$3:$AA$30,INDEX(Jesper!$R$2:$R$366,ROW(INDEX(Jesper!AH$2:AH$366,ROUNDDOWN($C1735/24,0)+1,1))-1)+IF('Standard Profiles'!$G$18=$B$10,7,0)+IF('Standard Profiles'!$G$18=$B$17,14,0)+IF('Standard Profiles'!$G$18=$B$24,21,0),0)),0)</f>
        <v>9.2991353444479259</v>
      </c>
      <c r="E1735" cm="1">
        <f t="array" ref="E1735">IFERROR(INDEX(Jesper!AI$2:AI$366,ROUNDDOWN($C1735/24,0)+1,1)*INDEX($D$3:$AA$30,INDEX(Jesper!$R$2:$R$366,ROW(INDEX(Jesper!AI$2:AI$366,ROUNDDOWN($C1735/24,0)+1,1))-1)+IF('Standard Profiles'!$G$19=$B$10,7,0)+IF('Standard Profiles'!$G$19=$B$17,14,0)+IF('Standard Profiles'!$G$19=$B$24,21,0),MOD($C1735,24)+1)/SUM(INDEX($D$3:$AA$30,INDEX(Jesper!$R$2:$R$366,ROW(INDEX(Jesper!AI$2:AI$366,ROUNDDOWN($C1735/24,0)+1,1))-1)+IF('Standard Profiles'!$G$19=$B$10,7,0)+IF('Standard Profiles'!$G$19=$B$17,14,0)+IF('Standard Profiles'!$G$19=$B$24,21,0),0)),0)</f>
        <v>0</v>
      </c>
      <c r="F1735" cm="1">
        <f t="array" ref="F1735">IFERROR(INDEX(Jesper!AJ$2:AJ$366,ROUNDDOWN($C1735/24,0)+1,1)*INDEX($D$3:$AA$30,INDEX(Jesper!$R$2:$R$366,ROW(INDEX(Jesper!AJ$2:AJ$366,ROUNDDOWN($C1735/24,0)+1,1))-1)+IF('Standard Profiles'!$G$20=$B$10,7,0)+IF('Standard Profiles'!$G$20=$B$17,14,0)+IF('Standard Profiles'!$G$20=$B$24,21,0),MOD($C1735,24)+1)/SUM(INDEX($D$3:$AA$30,INDEX(Jesper!$R$2:$R$366,ROW(INDEX(Jesper!AJ$2:AJ$366,ROUNDDOWN($C1735/24,0)+1,1))-1)+IF('Standard Profiles'!$G$20=$B$10,7,0)+IF('Standard Profiles'!$G$20=$B$17,14,0)+IF('Standard Profiles'!$G$20=$B$24,21,0),0)),0)</f>
        <v>0</v>
      </c>
      <c r="G1735" cm="1">
        <f t="array" ref="G1735">IFERROR(INDEX(Jesper!AK$2:AK$366,ROUNDDOWN($C1735/24,0)+1,1)*INDEX($D$3:$AA$30,INDEX(Jesper!$R$2:$R$366,ROW(INDEX(Jesper!AK$2:AK$366,ROUNDDOWN($C1735/24,0)+1,1))-1)+IF('Standard Profiles'!$G$21=$B$10,7,0)+IF('Standard Profiles'!$G$21=$B$17,14,0)+IF('Standard Profiles'!$G$21=$B$24,21,0),MOD($C1735,24)+1)/SUM(INDEX($D$3:$AA$30,INDEX(Jesper!$R$2:$R$366,ROW(INDEX(Jesper!AK$2:AK$366,ROUNDDOWN($C1735/24,0)+1,1))-1)+IF('Standard Profiles'!$G$21=$B$10,7,0)+IF('Standard Profiles'!$G$21=$B$17,14,0)+IF('Standard Profiles'!$G$21=$B$24,21,0),0)),0)</f>
        <v>0</v>
      </c>
      <c r="H1735" cm="1">
        <f t="array" ref="H1735">IFERROR(INDEX(Jesper!AL$2:AL$366,ROUNDDOWN($C1735/24,0)+1,1)*INDEX($D$3:$AA$30,INDEX(Jesper!$R$2:$R$366,ROW(INDEX(Jesper!AL$2:AL$366,ROUNDDOWN($C1735/24,0)+1,1))-1)+IF('Standard Profiles'!$G$22=$B$10,7,0)+IF('Standard Profiles'!$G$22=$B$17,14,0)+IF('Standard Profiles'!$G$22=$B$24,21,0),MOD($C1735,24)+1)/SUM(INDEX($D$3:$AA$30,INDEX(Jesper!$R$2:$R$366,ROW(INDEX(Jesper!AL$2:AL$366,ROUNDDOWN($C1735/24,0)+1,1))-1)+IF('Standard Profiles'!$G$22=$B$10,7,0)+IF('Standard Profiles'!$G$22=$B$17,14,0)+IF('Standard Profiles'!$G$22=$B$24,21,0),0)),0)</f>
        <v>0</v>
      </c>
      <c r="I1735">
        <f t="shared" si="202"/>
        <v>0.27897406033343775</v>
      </c>
      <c r="J1735">
        <f t="shared" si="203"/>
        <v>0.92991353444479263</v>
      </c>
      <c r="K1735">
        <f t="shared" si="204"/>
        <v>1.3948703016671888</v>
      </c>
      <c r="L1735">
        <f t="shared" si="205"/>
        <v>6.6953774480025068</v>
      </c>
      <c r="M1735">
        <f t="shared" si="206"/>
        <v>0</v>
      </c>
      <c r="N1735" s="46">
        <f t="shared" si="207"/>
        <v>45362.874999995875</v>
      </c>
    </row>
    <row r="1736" spans="2:14" x14ac:dyDescent="0.3">
      <c r="B1736">
        <f t="shared" si="201"/>
        <v>1</v>
      </c>
      <c r="C1736" s="16">
        <v>1702</v>
      </c>
      <c r="D1736" cm="1">
        <f t="array" ref="D1736">IFERROR(INDEX(Jesper!AH$2:AH$366,ROUNDDOWN($C1736/24,0)+1,1)*INDEX($D$3:$AA$30,INDEX(Jesper!$R$2:$R$366,ROW(INDEX(Jesper!AH$2:AH$366,ROUNDDOWN($C1736/24,0)+1,1))-1)+IF('Standard Profiles'!$G$18=$B$10,7,0)+IF('Standard Profiles'!$G$18=$B$17,14,0)+IF('Standard Profiles'!$G$18=$B$24,21,0),MOD($C1736,24)+1)/SUM(INDEX($D$3:$AA$30,INDEX(Jesper!$R$2:$R$366,ROW(INDEX(Jesper!AH$2:AH$366,ROUNDDOWN($C1736/24,0)+1,1))-1)+IF('Standard Profiles'!$G$18=$B$10,7,0)+IF('Standard Profiles'!$G$18=$B$17,14,0)+IF('Standard Profiles'!$G$18=$B$24,21,0),0)),0)</f>
        <v>8.8341785772255275</v>
      </c>
      <c r="E1736" cm="1">
        <f t="array" ref="E1736">IFERROR(INDEX(Jesper!AI$2:AI$366,ROUNDDOWN($C1736/24,0)+1,1)*INDEX($D$3:$AA$30,INDEX(Jesper!$R$2:$R$366,ROW(INDEX(Jesper!AI$2:AI$366,ROUNDDOWN($C1736/24,0)+1,1))-1)+IF('Standard Profiles'!$G$19=$B$10,7,0)+IF('Standard Profiles'!$G$19=$B$17,14,0)+IF('Standard Profiles'!$G$19=$B$24,21,0),MOD($C1736,24)+1)/SUM(INDEX($D$3:$AA$30,INDEX(Jesper!$R$2:$R$366,ROW(INDEX(Jesper!AI$2:AI$366,ROUNDDOWN($C1736/24,0)+1,1))-1)+IF('Standard Profiles'!$G$19=$B$10,7,0)+IF('Standard Profiles'!$G$19=$B$17,14,0)+IF('Standard Profiles'!$G$19=$B$24,21,0),0)),0)</f>
        <v>0</v>
      </c>
      <c r="F1736" cm="1">
        <f t="array" ref="F1736">IFERROR(INDEX(Jesper!AJ$2:AJ$366,ROUNDDOWN($C1736/24,0)+1,1)*INDEX($D$3:$AA$30,INDEX(Jesper!$R$2:$R$366,ROW(INDEX(Jesper!AJ$2:AJ$366,ROUNDDOWN($C1736/24,0)+1,1))-1)+IF('Standard Profiles'!$G$20=$B$10,7,0)+IF('Standard Profiles'!$G$20=$B$17,14,0)+IF('Standard Profiles'!$G$20=$B$24,21,0),MOD($C1736,24)+1)/SUM(INDEX($D$3:$AA$30,INDEX(Jesper!$R$2:$R$366,ROW(INDEX(Jesper!AJ$2:AJ$366,ROUNDDOWN($C1736/24,0)+1,1))-1)+IF('Standard Profiles'!$G$20=$B$10,7,0)+IF('Standard Profiles'!$G$20=$B$17,14,0)+IF('Standard Profiles'!$G$20=$B$24,21,0),0)),0)</f>
        <v>0</v>
      </c>
      <c r="G1736" cm="1">
        <f t="array" ref="G1736">IFERROR(INDEX(Jesper!AK$2:AK$366,ROUNDDOWN($C1736/24,0)+1,1)*INDEX($D$3:$AA$30,INDEX(Jesper!$R$2:$R$366,ROW(INDEX(Jesper!AK$2:AK$366,ROUNDDOWN($C1736/24,0)+1,1))-1)+IF('Standard Profiles'!$G$21=$B$10,7,0)+IF('Standard Profiles'!$G$21=$B$17,14,0)+IF('Standard Profiles'!$G$21=$B$24,21,0),MOD($C1736,24)+1)/SUM(INDEX($D$3:$AA$30,INDEX(Jesper!$R$2:$R$366,ROW(INDEX(Jesper!AK$2:AK$366,ROUNDDOWN($C1736/24,0)+1,1))-1)+IF('Standard Profiles'!$G$21=$B$10,7,0)+IF('Standard Profiles'!$G$21=$B$17,14,0)+IF('Standard Profiles'!$G$21=$B$24,21,0),0)),0)</f>
        <v>0</v>
      </c>
      <c r="H1736" cm="1">
        <f t="array" ref="H1736">IFERROR(INDEX(Jesper!AL$2:AL$366,ROUNDDOWN($C1736/24,0)+1,1)*INDEX($D$3:$AA$30,INDEX(Jesper!$R$2:$R$366,ROW(INDEX(Jesper!AL$2:AL$366,ROUNDDOWN($C1736/24,0)+1,1))-1)+IF('Standard Profiles'!$G$22=$B$10,7,0)+IF('Standard Profiles'!$G$22=$B$17,14,0)+IF('Standard Profiles'!$G$22=$B$24,21,0),MOD($C1736,24)+1)/SUM(INDEX($D$3:$AA$30,INDEX(Jesper!$R$2:$R$366,ROW(INDEX(Jesper!AL$2:AL$366,ROUNDDOWN($C1736/24,0)+1,1))-1)+IF('Standard Profiles'!$G$22=$B$10,7,0)+IF('Standard Profiles'!$G$22=$B$17,14,0)+IF('Standard Profiles'!$G$22=$B$24,21,0),0)),0)</f>
        <v>0</v>
      </c>
      <c r="I1736">
        <f t="shared" si="202"/>
        <v>0.2650253573167658</v>
      </c>
      <c r="J1736">
        <f t="shared" si="203"/>
        <v>0.88341785772255277</v>
      </c>
      <c r="K1736">
        <f t="shared" si="204"/>
        <v>1.325126786583829</v>
      </c>
      <c r="L1736">
        <f t="shared" si="205"/>
        <v>6.3606085756023791</v>
      </c>
      <c r="M1736">
        <f t="shared" si="206"/>
        <v>0</v>
      </c>
      <c r="N1736" s="46">
        <f t="shared" si="207"/>
        <v>45362.916666662539</v>
      </c>
    </row>
    <row r="1737" spans="2:14" x14ac:dyDescent="0.3">
      <c r="B1737">
        <f t="shared" si="201"/>
        <v>1</v>
      </c>
      <c r="C1737" s="16">
        <v>1703</v>
      </c>
      <c r="D1737" cm="1">
        <f t="array" ref="D1737">IFERROR(INDEX(Jesper!AH$2:AH$366,ROUNDDOWN($C1737/24,0)+1,1)*INDEX($D$3:$AA$30,INDEX(Jesper!$R$2:$R$366,ROW(INDEX(Jesper!AH$2:AH$366,ROUNDDOWN($C1737/24,0)+1,1))-1)+IF('Standard Profiles'!$G$18=$B$10,7,0)+IF('Standard Profiles'!$G$18=$B$17,14,0)+IF('Standard Profiles'!$G$18=$B$24,21,0),MOD($C1737,24)+1)/SUM(INDEX($D$3:$AA$30,INDEX(Jesper!$R$2:$R$366,ROW(INDEX(Jesper!AH$2:AH$366,ROUNDDOWN($C1737/24,0)+1,1))-1)+IF('Standard Profiles'!$G$18=$B$10,7,0)+IF('Standard Profiles'!$G$18=$B$17,14,0)+IF('Standard Profiles'!$G$18=$B$24,21,0),0)),0)</f>
        <v>8.8341785772255275</v>
      </c>
      <c r="E1737" cm="1">
        <f t="array" ref="E1737">IFERROR(INDEX(Jesper!AI$2:AI$366,ROUNDDOWN($C1737/24,0)+1,1)*INDEX($D$3:$AA$30,INDEX(Jesper!$R$2:$R$366,ROW(INDEX(Jesper!AI$2:AI$366,ROUNDDOWN($C1737/24,0)+1,1))-1)+IF('Standard Profiles'!$G$19=$B$10,7,0)+IF('Standard Profiles'!$G$19=$B$17,14,0)+IF('Standard Profiles'!$G$19=$B$24,21,0),MOD($C1737,24)+1)/SUM(INDEX($D$3:$AA$30,INDEX(Jesper!$R$2:$R$366,ROW(INDEX(Jesper!AI$2:AI$366,ROUNDDOWN($C1737/24,0)+1,1))-1)+IF('Standard Profiles'!$G$19=$B$10,7,0)+IF('Standard Profiles'!$G$19=$B$17,14,0)+IF('Standard Profiles'!$G$19=$B$24,21,0),0)),0)</f>
        <v>0</v>
      </c>
      <c r="F1737" cm="1">
        <f t="array" ref="F1737">IFERROR(INDEX(Jesper!AJ$2:AJ$366,ROUNDDOWN($C1737/24,0)+1,1)*INDEX($D$3:$AA$30,INDEX(Jesper!$R$2:$R$366,ROW(INDEX(Jesper!AJ$2:AJ$366,ROUNDDOWN($C1737/24,0)+1,1))-1)+IF('Standard Profiles'!$G$20=$B$10,7,0)+IF('Standard Profiles'!$G$20=$B$17,14,0)+IF('Standard Profiles'!$G$20=$B$24,21,0),MOD($C1737,24)+1)/SUM(INDEX($D$3:$AA$30,INDEX(Jesper!$R$2:$R$366,ROW(INDEX(Jesper!AJ$2:AJ$366,ROUNDDOWN($C1737/24,0)+1,1))-1)+IF('Standard Profiles'!$G$20=$B$10,7,0)+IF('Standard Profiles'!$G$20=$B$17,14,0)+IF('Standard Profiles'!$G$20=$B$24,21,0),0)),0)</f>
        <v>0</v>
      </c>
      <c r="G1737" cm="1">
        <f t="array" ref="G1737">IFERROR(INDEX(Jesper!AK$2:AK$366,ROUNDDOWN($C1737/24,0)+1,1)*INDEX($D$3:$AA$30,INDEX(Jesper!$R$2:$R$366,ROW(INDEX(Jesper!AK$2:AK$366,ROUNDDOWN($C1737/24,0)+1,1))-1)+IF('Standard Profiles'!$G$21=$B$10,7,0)+IF('Standard Profiles'!$G$21=$B$17,14,0)+IF('Standard Profiles'!$G$21=$B$24,21,0),MOD($C1737,24)+1)/SUM(INDEX($D$3:$AA$30,INDEX(Jesper!$R$2:$R$366,ROW(INDEX(Jesper!AK$2:AK$366,ROUNDDOWN($C1737/24,0)+1,1))-1)+IF('Standard Profiles'!$G$21=$B$10,7,0)+IF('Standard Profiles'!$G$21=$B$17,14,0)+IF('Standard Profiles'!$G$21=$B$24,21,0),0)),0)</f>
        <v>0</v>
      </c>
      <c r="H1737" cm="1">
        <f t="array" ref="H1737">IFERROR(INDEX(Jesper!AL$2:AL$366,ROUNDDOWN($C1737/24,0)+1,1)*INDEX($D$3:$AA$30,INDEX(Jesper!$R$2:$R$366,ROW(INDEX(Jesper!AL$2:AL$366,ROUNDDOWN($C1737/24,0)+1,1))-1)+IF('Standard Profiles'!$G$22=$B$10,7,0)+IF('Standard Profiles'!$G$22=$B$17,14,0)+IF('Standard Profiles'!$G$22=$B$24,21,0),MOD($C1737,24)+1)/SUM(INDEX($D$3:$AA$30,INDEX(Jesper!$R$2:$R$366,ROW(INDEX(Jesper!AL$2:AL$366,ROUNDDOWN($C1737/24,0)+1,1))-1)+IF('Standard Profiles'!$G$22=$B$10,7,0)+IF('Standard Profiles'!$G$22=$B$17,14,0)+IF('Standard Profiles'!$G$22=$B$24,21,0),0)),0)</f>
        <v>0</v>
      </c>
      <c r="I1737">
        <f t="shared" si="202"/>
        <v>0.2650253573167658</v>
      </c>
      <c r="J1737">
        <f t="shared" si="203"/>
        <v>0.88341785772255277</v>
      </c>
      <c r="K1737">
        <f t="shared" si="204"/>
        <v>1.325126786583829</v>
      </c>
      <c r="L1737">
        <f t="shared" si="205"/>
        <v>6.3606085756023791</v>
      </c>
      <c r="M1737">
        <f t="shared" si="206"/>
        <v>0</v>
      </c>
      <c r="N1737" s="46">
        <f t="shared" si="207"/>
        <v>45362.958333329203</v>
      </c>
    </row>
    <row r="1738" spans="2:14" x14ac:dyDescent="0.3">
      <c r="B1738">
        <f t="shared" si="201"/>
        <v>2</v>
      </c>
      <c r="C1738" s="16">
        <v>1704</v>
      </c>
      <c r="D1738" cm="1">
        <f t="array" ref="D1738">IFERROR(INDEX(Jesper!AH$2:AH$366,ROUNDDOWN($C1738/24,0)+1,1)*INDEX($D$3:$AA$30,INDEX(Jesper!$R$2:$R$366,ROW(INDEX(Jesper!AH$2:AH$366,ROUNDDOWN($C1738/24,0)+1,1))-1)+IF('Standard Profiles'!$G$18=$B$10,7,0)+IF('Standard Profiles'!$G$18=$B$17,14,0)+IF('Standard Profiles'!$G$18=$B$24,21,0),MOD($C1738,24)+1)/SUM(INDEX($D$3:$AA$30,INDEX(Jesper!$R$2:$R$366,ROW(INDEX(Jesper!AH$2:AH$366,ROUNDDOWN($C1738/24,0)+1,1))-1)+IF('Standard Profiles'!$G$18=$B$10,7,0)+IF('Standard Profiles'!$G$18=$B$17,14,0)+IF('Standard Profiles'!$G$18=$B$24,21,0),0)),0)</f>
        <v>7.9229902145543791</v>
      </c>
      <c r="E1738" cm="1">
        <f t="array" ref="E1738">IFERROR(INDEX(Jesper!AI$2:AI$366,ROUNDDOWN($C1738/24,0)+1,1)*INDEX($D$3:$AA$30,INDEX(Jesper!$R$2:$R$366,ROW(INDEX(Jesper!AI$2:AI$366,ROUNDDOWN($C1738/24,0)+1,1))-1)+IF('Standard Profiles'!$G$19=$B$10,7,0)+IF('Standard Profiles'!$G$19=$B$17,14,0)+IF('Standard Profiles'!$G$19=$B$24,21,0),MOD($C1738,24)+1)/SUM(INDEX($D$3:$AA$30,INDEX(Jesper!$R$2:$R$366,ROW(INDEX(Jesper!AI$2:AI$366,ROUNDDOWN($C1738/24,0)+1,1))-1)+IF('Standard Profiles'!$G$19=$B$10,7,0)+IF('Standard Profiles'!$G$19=$B$17,14,0)+IF('Standard Profiles'!$G$19=$B$24,21,0),0)),0)</f>
        <v>0</v>
      </c>
      <c r="F1738" cm="1">
        <f t="array" ref="F1738">IFERROR(INDEX(Jesper!AJ$2:AJ$366,ROUNDDOWN($C1738/24,0)+1,1)*INDEX($D$3:$AA$30,INDEX(Jesper!$R$2:$R$366,ROW(INDEX(Jesper!AJ$2:AJ$366,ROUNDDOWN($C1738/24,0)+1,1))-1)+IF('Standard Profiles'!$G$20=$B$10,7,0)+IF('Standard Profiles'!$G$20=$B$17,14,0)+IF('Standard Profiles'!$G$20=$B$24,21,0),MOD($C1738,24)+1)/SUM(INDEX($D$3:$AA$30,INDEX(Jesper!$R$2:$R$366,ROW(INDEX(Jesper!AJ$2:AJ$366,ROUNDDOWN($C1738/24,0)+1,1))-1)+IF('Standard Profiles'!$G$20=$B$10,7,0)+IF('Standard Profiles'!$G$20=$B$17,14,0)+IF('Standard Profiles'!$G$20=$B$24,21,0),0)),0)</f>
        <v>0</v>
      </c>
      <c r="G1738" cm="1">
        <f t="array" ref="G1738">IFERROR(INDEX(Jesper!AK$2:AK$366,ROUNDDOWN($C1738/24,0)+1,1)*INDEX($D$3:$AA$30,INDEX(Jesper!$R$2:$R$366,ROW(INDEX(Jesper!AK$2:AK$366,ROUNDDOWN($C1738/24,0)+1,1))-1)+IF('Standard Profiles'!$G$21=$B$10,7,0)+IF('Standard Profiles'!$G$21=$B$17,14,0)+IF('Standard Profiles'!$G$21=$B$24,21,0),MOD($C1738,24)+1)/SUM(INDEX($D$3:$AA$30,INDEX(Jesper!$R$2:$R$366,ROW(INDEX(Jesper!AK$2:AK$366,ROUNDDOWN($C1738/24,0)+1,1))-1)+IF('Standard Profiles'!$G$21=$B$10,7,0)+IF('Standard Profiles'!$G$21=$B$17,14,0)+IF('Standard Profiles'!$G$21=$B$24,21,0),0)),0)</f>
        <v>0</v>
      </c>
      <c r="H1738" cm="1">
        <f t="array" ref="H1738">IFERROR(INDEX(Jesper!AL$2:AL$366,ROUNDDOWN($C1738/24,0)+1,1)*INDEX($D$3:$AA$30,INDEX(Jesper!$R$2:$R$366,ROW(INDEX(Jesper!AL$2:AL$366,ROUNDDOWN($C1738/24,0)+1,1))-1)+IF('Standard Profiles'!$G$22=$B$10,7,0)+IF('Standard Profiles'!$G$22=$B$17,14,0)+IF('Standard Profiles'!$G$22=$B$24,21,0),MOD($C1738,24)+1)/SUM(INDEX($D$3:$AA$30,INDEX(Jesper!$R$2:$R$366,ROW(INDEX(Jesper!AL$2:AL$366,ROUNDDOWN($C1738/24,0)+1,1))-1)+IF('Standard Profiles'!$G$22=$B$10,7,0)+IF('Standard Profiles'!$G$22=$B$17,14,0)+IF('Standard Profiles'!$G$22=$B$24,21,0),0)),0)</f>
        <v>0</v>
      </c>
      <c r="I1738">
        <f t="shared" si="202"/>
        <v>0.23768970643663137</v>
      </c>
      <c r="J1738">
        <f t="shared" si="203"/>
        <v>0.79229902145543796</v>
      </c>
      <c r="K1738">
        <f t="shared" si="204"/>
        <v>1.1884485321831568</v>
      </c>
      <c r="L1738">
        <f t="shared" si="205"/>
        <v>5.7045529544791531</v>
      </c>
      <c r="M1738">
        <f t="shared" si="206"/>
        <v>0</v>
      </c>
      <c r="N1738" s="46">
        <f t="shared" si="207"/>
        <v>45362.999999995867</v>
      </c>
    </row>
    <row r="1739" spans="2:14" x14ac:dyDescent="0.3">
      <c r="B1739">
        <f t="shared" si="201"/>
        <v>2</v>
      </c>
      <c r="C1739" s="16">
        <v>1705</v>
      </c>
      <c r="D1739" cm="1">
        <f t="array" ref="D1739">IFERROR(INDEX(Jesper!AH$2:AH$366,ROUNDDOWN($C1739/24,0)+1,1)*INDEX($D$3:$AA$30,INDEX(Jesper!$R$2:$R$366,ROW(INDEX(Jesper!AH$2:AH$366,ROUNDDOWN($C1739/24,0)+1,1))-1)+IF('Standard Profiles'!$G$18=$B$10,7,0)+IF('Standard Profiles'!$G$18=$B$17,14,0)+IF('Standard Profiles'!$G$18=$B$24,21,0),MOD($C1739,24)+1)/SUM(INDEX($D$3:$AA$30,INDEX(Jesper!$R$2:$R$366,ROW(INDEX(Jesper!AH$2:AH$366,ROUNDDOWN($C1739/24,0)+1,1))-1)+IF('Standard Profiles'!$G$18=$B$10,7,0)+IF('Standard Profiles'!$G$18=$B$17,14,0)+IF('Standard Profiles'!$G$18=$B$24,21,0),0)),0)</f>
        <v>7.9229902145543791</v>
      </c>
      <c r="E1739" cm="1">
        <f t="array" ref="E1739">IFERROR(INDEX(Jesper!AI$2:AI$366,ROUNDDOWN($C1739/24,0)+1,1)*INDEX($D$3:$AA$30,INDEX(Jesper!$R$2:$R$366,ROW(INDEX(Jesper!AI$2:AI$366,ROUNDDOWN($C1739/24,0)+1,1))-1)+IF('Standard Profiles'!$G$19=$B$10,7,0)+IF('Standard Profiles'!$G$19=$B$17,14,0)+IF('Standard Profiles'!$G$19=$B$24,21,0),MOD($C1739,24)+1)/SUM(INDEX($D$3:$AA$30,INDEX(Jesper!$R$2:$R$366,ROW(INDEX(Jesper!AI$2:AI$366,ROUNDDOWN($C1739/24,0)+1,1))-1)+IF('Standard Profiles'!$G$19=$B$10,7,0)+IF('Standard Profiles'!$G$19=$B$17,14,0)+IF('Standard Profiles'!$G$19=$B$24,21,0),0)),0)</f>
        <v>0</v>
      </c>
      <c r="F1739" cm="1">
        <f t="array" ref="F1739">IFERROR(INDEX(Jesper!AJ$2:AJ$366,ROUNDDOWN($C1739/24,0)+1,1)*INDEX($D$3:$AA$30,INDEX(Jesper!$R$2:$R$366,ROW(INDEX(Jesper!AJ$2:AJ$366,ROUNDDOWN($C1739/24,0)+1,1))-1)+IF('Standard Profiles'!$G$20=$B$10,7,0)+IF('Standard Profiles'!$G$20=$B$17,14,0)+IF('Standard Profiles'!$G$20=$B$24,21,0),MOD($C1739,24)+1)/SUM(INDEX($D$3:$AA$30,INDEX(Jesper!$R$2:$R$366,ROW(INDEX(Jesper!AJ$2:AJ$366,ROUNDDOWN($C1739/24,0)+1,1))-1)+IF('Standard Profiles'!$G$20=$B$10,7,0)+IF('Standard Profiles'!$G$20=$B$17,14,0)+IF('Standard Profiles'!$G$20=$B$24,21,0),0)),0)</f>
        <v>0</v>
      </c>
      <c r="G1739" cm="1">
        <f t="array" ref="G1739">IFERROR(INDEX(Jesper!AK$2:AK$366,ROUNDDOWN($C1739/24,0)+1,1)*INDEX($D$3:$AA$30,INDEX(Jesper!$R$2:$R$366,ROW(INDEX(Jesper!AK$2:AK$366,ROUNDDOWN($C1739/24,0)+1,1))-1)+IF('Standard Profiles'!$G$21=$B$10,7,0)+IF('Standard Profiles'!$G$21=$B$17,14,0)+IF('Standard Profiles'!$G$21=$B$24,21,0),MOD($C1739,24)+1)/SUM(INDEX($D$3:$AA$30,INDEX(Jesper!$R$2:$R$366,ROW(INDEX(Jesper!AK$2:AK$366,ROUNDDOWN($C1739/24,0)+1,1))-1)+IF('Standard Profiles'!$G$21=$B$10,7,0)+IF('Standard Profiles'!$G$21=$B$17,14,0)+IF('Standard Profiles'!$G$21=$B$24,21,0),0)),0)</f>
        <v>0</v>
      </c>
      <c r="H1739" cm="1">
        <f t="array" ref="H1739">IFERROR(INDEX(Jesper!AL$2:AL$366,ROUNDDOWN($C1739/24,0)+1,1)*INDEX($D$3:$AA$30,INDEX(Jesper!$R$2:$R$366,ROW(INDEX(Jesper!AL$2:AL$366,ROUNDDOWN($C1739/24,0)+1,1))-1)+IF('Standard Profiles'!$G$22=$B$10,7,0)+IF('Standard Profiles'!$G$22=$B$17,14,0)+IF('Standard Profiles'!$G$22=$B$24,21,0),MOD($C1739,24)+1)/SUM(INDEX($D$3:$AA$30,INDEX(Jesper!$R$2:$R$366,ROW(INDEX(Jesper!AL$2:AL$366,ROUNDDOWN($C1739/24,0)+1,1))-1)+IF('Standard Profiles'!$G$22=$B$10,7,0)+IF('Standard Profiles'!$G$22=$B$17,14,0)+IF('Standard Profiles'!$G$22=$B$24,21,0),0)),0)</f>
        <v>0</v>
      </c>
      <c r="I1739">
        <f t="shared" si="202"/>
        <v>0.23768970643663137</v>
      </c>
      <c r="J1739">
        <f t="shared" si="203"/>
        <v>0.79229902145543796</v>
      </c>
      <c r="K1739">
        <f t="shared" si="204"/>
        <v>1.1884485321831568</v>
      </c>
      <c r="L1739">
        <f t="shared" si="205"/>
        <v>5.7045529544791531</v>
      </c>
      <c r="M1739">
        <f t="shared" si="206"/>
        <v>0</v>
      </c>
      <c r="N1739" s="46">
        <f t="shared" si="207"/>
        <v>45363.041666662531</v>
      </c>
    </row>
    <row r="1740" spans="2:14" x14ac:dyDescent="0.3">
      <c r="B1740">
        <f t="shared" si="201"/>
        <v>2</v>
      </c>
      <c r="C1740" s="16">
        <v>1706</v>
      </c>
      <c r="D1740" cm="1">
        <f t="array" ref="D1740">IFERROR(INDEX(Jesper!AH$2:AH$366,ROUNDDOWN($C1740/24,0)+1,1)*INDEX($D$3:$AA$30,INDEX(Jesper!$R$2:$R$366,ROW(INDEX(Jesper!AH$2:AH$366,ROUNDDOWN($C1740/24,0)+1,1))-1)+IF('Standard Profiles'!$G$18=$B$10,7,0)+IF('Standard Profiles'!$G$18=$B$17,14,0)+IF('Standard Profiles'!$G$18=$B$24,21,0),MOD($C1740,24)+1)/SUM(INDEX($D$3:$AA$30,INDEX(Jesper!$R$2:$R$366,ROW(INDEX(Jesper!AH$2:AH$366,ROUNDDOWN($C1740/24,0)+1,1))-1)+IF('Standard Profiles'!$G$18=$B$10,7,0)+IF('Standard Profiles'!$G$18=$B$17,14,0)+IF('Standard Profiles'!$G$18=$B$24,21,0),0)),0)</f>
        <v>7.9229902145543791</v>
      </c>
      <c r="E1740" cm="1">
        <f t="array" ref="E1740">IFERROR(INDEX(Jesper!AI$2:AI$366,ROUNDDOWN($C1740/24,0)+1,1)*INDEX($D$3:$AA$30,INDEX(Jesper!$R$2:$R$366,ROW(INDEX(Jesper!AI$2:AI$366,ROUNDDOWN($C1740/24,0)+1,1))-1)+IF('Standard Profiles'!$G$19=$B$10,7,0)+IF('Standard Profiles'!$G$19=$B$17,14,0)+IF('Standard Profiles'!$G$19=$B$24,21,0),MOD($C1740,24)+1)/SUM(INDEX($D$3:$AA$30,INDEX(Jesper!$R$2:$R$366,ROW(INDEX(Jesper!AI$2:AI$366,ROUNDDOWN($C1740/24,0)+1,1))-1)+IF('Standard Profiles'!$G$19=$B$10,7,0)+IF('Standard Profiles'!$G$19=$B$17,14,0)+IF('Standard Profiles'!$G$19=$B$24,21,0),0)),0)</f>
        <v>0</v>
      </c>
      <c r="F1740" cm="1">
        <f t="array" ref="F1740">IFERROR(INDEX(Jesper!AJ$2:AJ$366,ROUNDDOWN($C1740/24,0)+1,1)*INDEX($D$3:$AA$30,INDEX(Jesper!$R$2:$R$366,ROW(INDEX(Jesper!AJ$2:AJ$366,ROUNDDOWN($C1740/24,0)+1,1))-1)+IF('Standard Profiles'!$G$20=$B$10,7,0)+IF('Standard Profiles'!$G$20=$B$17,14,0)+IF('Standard Profiles'!$G$20=$B$24,21,0),MOD($C1740,24)+1)/SUM(INDEX($D$3:$AA$30,INDEX(Jesper!$R$2:$R$366,ROW(INDEX(Jesper!AJ$2:AJ$366,ROUNDDOWN($C1740/24,0)+1,1))-1)+IF('Standard Profiles'!$G$20=$B$10,7,0)+IF('Standard Profiles'!$G$20=$B$17,14,0)+IF('Standard Profiles'!$G$20=$B$24,21,0),0)),0)</f>
        <v>0</v>
      </c>
      <c r="G1740" cm="1">
        <f t="array" ref="G1740">IFERROR(INDEX(Jesper!AK$2:AK$366,ROUNDDOWN($C1740/24,0)+1,1)*INDEX($D$3:$AA$30,INDEX(Jesper!$R$2:$R$366,ROW(INDEX(Jesper!AK$2:AK$366,ROUNDDOWN($C1740/24,0)+1,1))-1)+IF('Standard Profiles'!$G$21=$B$10,7,0)+IF('Standard Profiles'!$G$21=$B$17,14,0)+IF('Standard Profiles'!$G$21=$B$24,21,0),MOD($C1740,24)+1)/SUM(INDEX($D$3:$AA$30,INDEX(Jesper!$R$2:$R$366,ROW(INDEX(Jesper!AK$2:AK$366,ROUNDDOWN($C1740/24,0)+1,1))-1)+IF('Standard Profiles'!$G$21=$B$10,7,0)+IF('Standard Profiles'!$G$21=$B$17,14,0)+IF('Standard Profiles'!$G$21=$B$24,21,0),0)),0)</f>
        <v>0</v>
      </c>
      <c r="H1740" cm="1">
        <f t="array" ref="H1740">IFERROR(INDEX(Jesper!AL$2:AL$366,ROUNDDOWN($C1740/24,0)+1,1)*INDEX($D$3:$AA$30,INDEX(Jesper!$R$2:$R$366,ROW(INDEX(Jesper!AL$2:AL$366,ROUNDDOWN($C1740/24,0)+1,1))-1)+IF('Standard Profiles'!$G$22=$B$10,7,0)+IF('Standard Profiles'!$G$22=$B$17,14,0)+IF('Standard Profiles'!$G$22=$B$24,21,0),MOD($C1740,24)+1)/SUM(INDEX($D$3:$AA$30,INDEX(Jesper!$R$2:$R$366,ROW(INDEX(Jesper!AL$2:AL$366,ROUNDDOWN($C1740/24,0)+1,1))-1)+IF('Standard Profiles'!$G$22=$B$10,7,0)+IF('Standard Profiles'!$G$22=$B$17,14,0)+IF('Standard Profiles'!$G$22=$B$24,21,0),0)),0)</f>
        <v>0</v>
      </c>
      <c r="I1740">
        <f t="shared" si="202"/>
        <v>0.23768970643663137</v>
      </c>
      <c r="J1740">
        <f t="shared" si="203"/>
        <v>0.79229902145543796</v>
      </c>
      <c r="K1740">
        <f t="shared" si="204"/>
        <v>1.1884485321831568</v>
      </c>
      <c r="L1740">
        <f t="shared" si="205"/>
        <v>5.7045529544791531</v>
      </c>
      <c r="M1740">
        <f t="shared" si="206"/>
        <v>0</v>
      </c>
      <c r="N1740" s="46">
        <f t="shared" si="207"/>
        <v>45363.083333329196</v>
      </c>
    </row>
    <row r="1741" spans="2:14" x14ac:dyDescent="0.3">
      <c r="B1741">
        <f t="shared" si="201"/>
        <v>2</v>
      </c>
      <c r="C1741" s="16">
        <v>1707</v>
      </c>
      <c r="D1741" cm="1">
        <f t="array" ref="D1741">IFERROR(INDEX(Jesper!AH$2:AH$366,ROUNDDOWN($C1741/24,0)+1,1)*INDEX($D$3:$AA$30,INDEX(Jesper!$R$2:$R$366,ROW(INDEX(Jesper!AH$2:AH$366,ROUNDDOWN($C1741/24,0)+1,1))-1)+IF('Standard Profiles'!$G$18=$B$10,7,0)+IF('Standard Profiles'!$G$18=$B$17,14,0)+IF('Standard Profiles'!$G$18=$B$24,21,0),MOD($C1741,24)+1)/SUM(INDEX($D$3:$AA$30,INDEX(Jesper!$R$2:$R$366,ROW(INDEX(Jesper!AH$2:AH$366,ROUNDDOWN($C1741/24,0)+1,1))-1)+IF('Standard Profiles'!$G$18=$B$10,7,0)+IF('Standard Profiles'!$G$18=$B$17,14,0)+IF('Standard Profiles'!$G$18=$B$24,21,0),0)),0)</f>
        <v>7.9229902145543791</v>
      </c>
      <c r="E1741" cm="1">
        <f t="array" ref="E1741">IFERROR(INDEX(Jesper!AI$2:AI$366,ROUNDDOWN($C1741/24,0)+1,1)*INDEX($D$3:$AA$30,INDEX(Jesper!$R$2:$R$366,ROW(INDEX(Jesper!AI$2:AI$366,ROUNDDOWN($C1741/24,0)+1,1))-1)+IF('Standard Profiles'!$G$19=$B$10,7,0)+IF('Standard Profiles'!$G$19=$B$17,14,0)+IF('Standard Profiles'!$G$19=$B$24,21,0),MOD($C1741,24)+1)/SUM(INDEX($D$3:$AA$30,INDEX(Jesper!$R$2:$R$366,ROW(INDEX(Jesper!AI$2:AI$366,ROUNDDOWN($C1741/24,0)+1,1))-1)+IF('Standard Profiles'!$G$19=$B$10,7,0)+IF('Standard Profiles'!$G$19=$B$17,14,0)+IF('Standard Profiles'!$G$19=$B$24,21,0),0)),0)</f>
        <v>0</v>
      </c>
      <c r="F1741" cm="1">
        <f t="array" ref="F1741">IFERROR(INDEX(Jesper!AJ$2:AJ$366,ROUNDDOWN($C1741/24,0)+1,1)*INDEX($D$3:$AA$30,INDEX(Jesper!$R$2:$R$366,ROW(INDEX(Jesper!AJ$2:AJ$366,ROUNDDOWN($C1741/24,0)+1,1))-1)+IF('Standard Profiles'!$G$20=$B$10,7,0)+IF('Standard Profiles'!$G$20=$B$17,14,0)+IF('Standard Profiles'!$G$20=$B$24,21,0),MOD($C1741,24)+1)/SUM(INDEX($D$3:$AA$30,INDEX(Jesper!$R$2:$R$366,ROW(INDEX(Jesper!AJ$2:AJ$366,ROUNDDOWN($C1741/24,0)+1,1))-1)+IF('Standard Profiles'!$G$20=$B$10,7,0)+IF('Standard Profiles'!$G$20=$B$17,14,0)+IF('Standard Profiles'!$G$20=$B$24,21,0),0)),0)</f>
        <v>0</v>
      </c>
      <c r="G1741" cm="1">
        <f t="array" ref="G1741">IFERROR(INDEX(Jesper!AK$2:AK$366,ROUNDDOWN($C1741/24,0)+1,1)*INDEX($D$3:$AA$30,INDEX(Jesper!$R$2:$R$366,ROW(INDEX(Jesper!AK$2:AK$366,ROUNDDOWN($C1741/24,0)+1,1))-1)+IF('Standard Profiles'!$G$21=$B$10,7,0)+IF('Standard Profiles'!$G$21=$B$17,14,0)+IF('Standard Profiles'!$G$21=$B$24,21,0),MOD($C1741,24)+1)/SUM(INDEX($D$3:$AA$30,INDEX(Jesper!$R$2:$R$366,ROW(INDEX(Jesper!AK$2:AK$366,ROUNDDOWN($C1741/24,0)+1,1))-1)+IF('Standard Profiles'!$G$21=$B$10,7,0)+IF('Standard Profiles'!$G$21=$B$17,14,0)+IF('Standard Profiles'!$G$21=$B$24,21,0),0)),0)</f>
        <v>0</v>
      </c>
      <c r="H1741" cm="1">
        <f t="array" ref="H1741">IFERROR(INDEX(Jesper!AL$2:AL$366,ROUNDDOWN($C1741/24,0)+1,1)*INDEX($D$3:$AA$30,INDEX(Jesper!$R$2:$R$366,ROW(INDEX(Jesper!AL$2:AL$366,ROUNDDOWN($C1741/24,0)+1,1))-1)+IF('Standard Profiles'!$G$22=$B$10,7,0)+IF('Standard Profiles'!$G$22=$B$17,14,0)+IF('Standard Profiles'!$G$22=$B$24,21,0),MOD($C1741,24)+1)/SUM(INDEX($D$3:$AA$30,INDEX(Jesper!$R$2:$R$366,ROW(INDEX(Jesper!AL$2:AL$366,ROUNDDOWN($C1741/24,0)+1,1))-1)+IF('Standard Profiles'!$G$22=$B$10,7,0)+IF('Standard Profiles'!$G$22=$B$17,14,0)+IF('Standard Profiles'!$G$22=$B$24,21,0),0)),0)</f>
        <v>0</v>
      </c>
      <c r="I1741">
        <f t="shared" si="202"/>
        <v>0.23768970643663137</v>
      </c>
      <c r="J1741">
        <f t="shared" si="203"/>
        <v>0.79229902145543796</v>
      </c>
      <c r="K1741">
        <f t="shared" si="204"/>
        <v>1.1884485321831568</v>
      </c>
      <c r="L1741">
        <f t="shared" si="205"/>
        <v>5.7045529544791531</v>
      </c>
      <c r="M1741">
        <f t="shared" si="206"/>
        <v>0</v>
      </c>
      <c r="N1741" s="46">
        <f t="shared" si="207"/>
        <v>45363.12499999586</v>
      </c>
    </row>
    <row r="1742" spans="2:14" x14ac:dyDescent="0.3">
      <c r="B1742">
        <f t="shared" si="201"/>
        <v>2</v>
      </c>
      <c r="C1742" s="16">
        <v>1708</v>
      </c>
      <c r="D1742" cm="1">
        <f t="array" ref="D1742">IFERROR(INDEX(Jesper!AH$2:AH$366,ROUNDDOWN($C1742/24,0)+1,1)*INDEX($D$3:$AA$30,INDEX(Jesper!$R$2:$R$366,ROW(INDEX(Jesper!AH$2:AH$366,ROUNDDOWN($C1742/24,0)+1,1))-1)+IF('Standard Profiles'!$G$18=$B$10,7,0)+IF('Standard Profiles'!$G$18=$B$17,14,0)+IF('Standard Profiles'!$G$18=$B$24,21,0),MOD($C1742,24)+1)/SUM(INDEX($D$3:$AA$30,INDEX(Jesper!$R$2:$R$366,ROW(INDEX(Jesper!AH$2:AH$366,ROUNDDOWN($C1742/24,0)+1,1))-1)+IF('Standard Profiles'!$G$18=$B$10,7,0)+IF('Standard Profiles'!$G$18=$B$17,14,0)+IF('Standard Profiles'!$G$18=$B$24,21,0),0)),0)</f>
        <v>7.9229902145543791</v>
      </c>
      <c r="E1742" cm="1">
        <f t="array" ref="E1742">IFERROR(INDEX(Jesper!AI$2:AI$366,ROUNDDOWN($C1742/24,0)+1,1)*INDEX($D$3:$AA$30,INDEX(Jesper!$R$2:$R$366,ROW(INDEX(Jesper!AI$2:AI$366,ROUNDDOWN($C1742/24,0)+1,1))-1)+IF('Standard Profiles'!$G$19=$B$10,7,0)+IF('Standard Profiles'!$G$19=$B$17,14,0)+IF('Standard Profiles'!$G$19=$B$24,21,0),MOD($C1742,24)+1)/SUM(INDEX($D$3:$AA$30,INDEX(Jesper!$R$2:$R$366,ROW(INDEX(Jesper!AI$2:AI$366,ROUNDDOWN($C1742/24,0)+1,1))-1)+IF('Standard Profiles'!$G$19=$B$10,7,0)+IF('Standard Profiles'!$G$19=$B$17,14,0)+IF('Standard Profiles'!$G$19=$B$24,21,0),0)),0)</f>
        <v>0</v>
      </c>
      <c r="F1742" cm="1">
        <f t="array" ref="F1742">IFERROR(INDEX(Jesper!AJ$2:AJ$366,ROUNDDOWN($C1742/24,0)+1,1)*INDEX($D$3:$AA$30,INDEX(Jesper!$R$2:$R$366,ROW(INDEX(Jesper!AJ$2:AJ$366,ROUNDDOWN($C1742/24,0)+1,1))-1)+IF('Standard Profiles'!$G$20=$B$10,7,0)+IF('Standard Profiles'!$G$20=$B$17,14,0)+IF('Standard Profiles'!$G$20=$B$24,21,0),MOD($C1742,24)+1)/SUM(INDEX($D$3:$AA$30,INDEX(Jesper!$R$2:$R$366,ROW(INDEX(Jesper!AJ$2:AJ$366,ROUNDDOWN($C1742/24,0)+1,1))-1)+IF('Standard Profiles'!$G$20=$B$10,7,0)+IF('Standard Profiles'!$G$20=$B$17,14,0)+IF('Standard Profiles'!$G$20=$B$24,21,0),0)),0)</f>
        <v>0</v>
      </c>
      <c r="G1742" cm="1">
        <f t="array" ref="G1742">IFERROR(INDEX(Jesper!AK$2:AK$366,ROUNDDOWN($C1742/24,0)+1,1)*INDEX($D$3:$AA$30,INDEX(Jesper!$R$2:$R$366,ROW(INDEX(Jesper!AK$2:AK$366,ROUNDDOWN($C1742/24,0)+1,1))-1)+IF('Standard Profiles'!$G$21=$B$10,7,0)+IF('Standard Profiles'!$G$21=$B$17,14,0)+IF('Standard Profiles'!$G$21=$B$24,21,0),MOD($C1742,24)+1)/SUM(INDEX($D$3:$AA$30,INDEX(Jesper!$R$2:$R$366,ROW(INDEX(Jesper!AK$2:AK$366,ROUNDDOWN($C1742/24,0)+1,1))-1)+IF('Standard Profiles'!$G$21=$B$10,7,0)+IF('Standard Profiles'!$G$21=$B$17,14,0)+IF('Standard Profiles'!$G$21=$B$24,21,0),0)),0)</f>
        <v>0</v>
      </c>
      <c r="H1742" cm="1">
        <f t="array" ref="H1742">IFERROR(INDEX(Jesper!AL$2:AL$366,ROUNDDOWN($C1742/24,0)+1,1)*INDEX($D$3:$AA$30,INDEX(Jesper!$R$2:$R$366,ROW(INDEX(Jesper!AL$2:AL$366,ROUNDDOWN($C1742/24,0)+1,1))-1)+IF('Standard Profiles'!$G$22=$B$10,7,0)+IF('Standard Profiles'!$G$22=$B$17,14,0)+IF('Standard Profiles'!$G$22=$B$24,21,0),MOD($C1742,24)+1)/SUM(INDEX($D$3:$AA$30,INDEX(Jesper!$R$2:$R$366,ROW(INDEX(Jesper!AL$2:AL$366,ROUNDDOWN($C1742/24,0)+1,1))-1)+IF('Standard Profiles'!$G$22=$B$10,7,0)+IF('Standard Profiles'!$G$22=$B$17,14,0)+IF('Standard Profiles'!$G$22=$B$24,21,0),0)),0)</f>
        <v>0</v>
      </c>
      <c r="I1742">
        <f t="shared" si="202"/>
        <v>0.23768970643663137</v>
      </c>
      <c r="J1742">
        <f t="shared" si="203"/>
        <v>0.79229902145543796</v>
      </c>
      <c r="K1742">
        <f t="shared" si="204"/>
        <v>1.1884485321831568</v>
      </c>
      <c r="L1742">
        <f t="shared" si="205"/>
        <v>5.7045529544791531</v>
      </c>
      <c r="M1742">
        <f t="shared" si="206"/>
        <v>0</v>
      </c>
      <c r="N1742" s="46">
        <f t="shared" si="207"/>
        <v>45363.166666662524</v>
      </c>
    </row>
    <row r="1743" spans="2:14" x14ac:dyDescent="0.3">
      <c r="B1743">
        <f t="shared" si="201"/>
        <v>2</v>
      </c>
      <c r="C1743" s="16">
        <v>1709</v>
      </c>
      <c r="D1743" cm="1">
        <f t="array" ref="D1743">IFERROR(INDEX(Jesper!AH$2:AH$366,ROUNDDOWN($C1743/24,0)+1,1)*INDEX($D$3:$AA$30,INDEX(Jesper!$R$2:$R$366,ROW(INDEX(Jesper!AH$2:AH$366,ROUNDDOWN($C1743/24,0)+1,1))-1)+IF('Standard Profiles'!$G$18=$B$10,7,0)+IF('Standard Profiles'!$G$18=$B$17,14,0)+IF('Standard Profiles'!$G$18=$B$24,21,0),MOD($C1743,24)+1)/SUM(INDEX($D$3:$AA$30,INDEX(Jesper!$R$2:$R$366,ROW(INDEX(Jesper!AH$2:AH$366,ROUNDDOWN($C1743/24,0)+1,1))-1)+IF('Standard Profiles'!$G$18=$B$10,7,0)+IF('Standard Profiles'!$G$18=$B$17,14,0)+IF('Standard Profiles'!$G$18=$B$24,21,0),0)),0)</f>
        <v>10.299887278920691</v>
      </c>
      <c r="E1743" cm="1">
        <f t="array" ref="E1743">IFERROR(INDEX(Jesper!AI$2:AI$366,ROUNDDOWN($C1743/24,0)+1,1)*INDEX($D$3:$AA$30,INDEX(Jesper!$R$2:$R$366,ROW(INDEX(Jesper!AI$2:AI$366,ROUNDDOWN($C1743/24,0)+1,1))-1)+IF('Standard Profiles'!$G$19=$B$10,7,0)+IF('Standard Profiles'!$G$19=$B$17,14,0)+IF('Standard Profiles'!$G$19=$B$24,21,0),MOD($C1743,24)+1)/SUM(INDEX($D$3:$AA$30,INDEX(Jesper!$R$2:$R$366,ROW(INDEX(Jesper!AI$2:AI$366,ROUNDDOWN($C1743/24,0)+1,1))-1)+IF('Standard Profiles'!$G$19=$B$10,7,0)+IF('Standard Profiles'!$G$19=$B$17,14,0)+IF('Standard Profiles'!$G$19=$B$24,21,0),0)),0)</f>
        <v>0</v>
      </c>
      <c r="F1743" cm="1">
        <f t="array" ref="F1743">IFERROR(INDEX(Jesper!AJ$2:AJ$366,ROUNDDOWN($C1743/24,0)+1,1)*INDEX($D$3:$AA$30,INDEX(Jesper!$R$2:$R$366,ROW(INDEX(Jesper!AJ$2:AJ$366,ROUNDDOWN($C1743/24,0)+1,1))-1)+IF('Standard Profiles'!$G$20=$B$10,7,0)+IF('Standard Profiles'!$G$20=$B$17,14,0)+IF('Standard Profiles'!$G$20=$B$24,21,0),MOD($C1743,24)+1)/SUM(INDEX($D$3:$AA$30,INDEX(Jesper!$R$2:$R$366,ROW(INDEX(Jesper!AJ$2:AJ$366,ROUNDDOWN($C1743/24,0)+1,1))-1)+IF('Standard Profiles'!$G$20=$B$10,7,0)+IF('Standard Profiles'!$G$20=$B$17,14,0)+IF('Standard Profiles'!$G$20=$B$24,21,0),0)),0)</f>
        <v>0</v>
      </c>
      <c r="G1743" cm="1">
        <f t="array" ref="G1743">IFERROR(INDEX(Jesper!AK$2:AK$366,ROUNDDOWN($C1743/24,0)+1,1)*INDEX($D$3:$AA$30,INDEX(Jesper!$R$2:$R$366,ROW(INDEX(Jesper!AK$2:AK$366,ROUNDDOWN($C1743/24,0)+1,1))-1)+IF('Standard Profiles'!$G$21=$B$10,7,0)+IF('Standard Profiles'!$G$21=$B$17,14,0)+IF('Standard Profiles'!$G$21=$B$24,21,0),MOD($C1743,24)+1)/SUM(INDEX($D$3:$AA$30,INDEX(Jesper!$R$2:$R$366,ROW(INDEX(Jesper!AK$2:AK$366,ROUNDDOWN($C1743/24,0)+1,1))-1)+IF('Standard Profiles'!$G$21=$B$10,7,0)+IF('Standard Profiles'!$G$21=$B$17,14,0)+IF('Standard Profiles'!$G$21=$B$24,21,0),0)),0)</f>
        <v>0</v>
      </c>
      <c r="H1743" cm="1">
        <f t="array" ref="H1743">IFERROR(INDEX(Jesper!AL$2:AL$366,ROUNDDOWN($C1743/24,0)+1,1)*INDEX($D$3:$AA$30,INDEX(Jesper!$R$2:$R$366,ROW(INDEX(Jesper!AL$2:AL$366,ROUNDDOWN($C1743/24,0)+1,1))-1)+IF('Standard Profiles'!$G$22=$B$10,7,0)+IF('Standard Profiles'!$G$22=$B$17,14,0)+IF('Standard Profiles'!$G$22=$B$24,21,0),MOD($C1743,24)+1)/SUM(INDEX($D$3:$AA$30,INDEX(Jesper!$R$2:$R$366,ROW(INDEX(Jesper!AL$2:AL$366,ROUNDDOWN($C1743/24,0)+1,1))-1)+IF('Standard Profiles'!$G$22=$B$10,7,0)+IF('Standard Profiles'!$G$22=$B$17,14,0)+IF('Standard Profiles'!$G$22=$B$24,21,0),0)),0)</f>
        <v>0</v>
      </c>
      <c r="I1743">
        <f t="shared" si="202"/>
        <v>0.30899661836762071</v>
      </c>
      <c r="J1743">
        <f t="shared" si="203"/>
        <v>1.0299887278920692</v>
      </c>
      <c r="K1743">
        <f t="shared" si="204"/>
        <v>1.5449830918381036</v>
      </c>
      <c r="L1743">
        <f t="shared" si="205"/>
        <v>7.4159188408228971</v>
      </c>
      <c r="M1743">
        <f t="shared" si="206"/>
        <v>0</v>
      </c>
      <c r="N1743" s="46">
        <f t="shared" si="207"/>
        <v>45363.208333329188</v>
      </c>
    </row>
    <row r="1744" spans="2:14" x14ac:dyDescent="0.3">
      <c r="B1744">
        <f t="shared" si="201"/>
        <v>2</v>
      </c>
      <c r="C1744" s="16">
        <v>1710</v>
      </c>
      <c r="D1744" cm="1">
        <f t="array" ref="D1744">IFERROR(INDEX(Jesper!AH$2:AH$366,ROUNDDOWN($C1744/24,0)+1,1)*INDEX($D$3:$AA$30,INDEX(Jesper!$R$2:$R$366,ROW(INDEX(Jesper!AH$2:AH$366,ROUNDDOWN($C1744/24,0)+1,1))-1)+IF('Standard Profiles'!$G$18=$B$10,7,0)+IF('Standard Profiles'!$G$18=$B$17,14,0)+IF('Standard Profiles'!$G$18=$B$24,21,0),MOD($C1744,24)+1)/SUM(INDEX($D$3:$AA$30,INDEX(Jesper!$R$2:$R$366,ROW(INDEX(Jesper!AH$2:AH$366,ROUNDDOWN($C1744/24,0)+1,1))-1)+IF('Standard Profiles'!$G$18=$B$10,7,0)+IF('Standard Profiles'!$G$18=$B$17,14,0)+IF('Standard Profiles'!$G$18=$B$24,21,0),0)),0)</f>
        <v>11.488335811103848</v>
      </c>
      <c r="E1744" cm="1">
        <f t="array" ref="E1744">IFERROR(INDEX(Jesper!AI$2:AI$366,ROUNDDOWN($C1744/24,0)+1,1)*INDEX($D$3:$AA$30,INDEX(Jesper!$R$2:$R$366,ROW(INDEX(Jesper!AI$2:AI$366,ROUNDDOWN($C1744/24,0)+1,1))-1)+IF('Standard Profiles'!$G$19=$B$10,7,0)+IF('Standard Profiles'!$G$19=$B$17,14,0)+IF('Standard Profiles'!$G$19=$B$24,21,0),MOD($C1744,24)+1)/SUM(INDEX($D$3:$AA$30,INDEX(Jesper!$R$2:$R$366,ROW(INDEX(Jesper!AI$2:AI$366,ROUNDDOWN($C1744/24,0)+1,1))-1)+IF('Standard Profiles'!$G$19=$B$10,7,0)+IF('Standard Profiles'!$G$19=$B$17,14,0)+IF('Standard Profiles'!$G$19=$B$24,21,0),0)),0)</f>
        <v>0</v>
      </c>
      <c r="F1744" cm="1">
        <f t="array" ref="F1744">IFERROR(INDEX(Jesper!AJ$2:AJ$366,ROUNDDOWN($C1744/24,0)+1,1)*INDEX($D$3:$AA$30,INDEX(Jesper!$R$2:$R$366,ROW(INDEX(Jesper!AJ$2:AJ$366,ROUNDDOWN($C1744/24,0)+1,1))-1)+IF('Standard Profiles'!$G$20=$B$10,7,0)+IF('Standard Profiles'!$G$20=$B$17,14,0)+IF('Standard Profiles'!$G$20=$B$24,21,0),MOD($C1744,24)+1)/SUM(INDEX($D$3:$AA$30,INDEX(Jesper!$R$2:$R$366,ROW(INDEX(Jesper!AJ$2:AJ$366,ROUNDDOWN($C1744/24,0)+1,1))-1)+IF('Standard Profiles'!$G$20=$B$10,7,0)+IF('Standard Profiles'!$G$20=$B$17,14,0)+IF('Standard Profiles'!$G$20=$B$24,21,0),0)),0)</f>
        <v>0</v>
      </c>
      <c r="G1744" cm="1">
        <f t="array" ref="G1744">IFERROR(INDEX(Jesper!AK$2:AK$366,ROUNDDOWN($C1744/24,0)+1,1)*INDEX($D$3:$AA$30,INDEX(Jesper!$R$2:$R$366,ROW(INDEX(Jesper!AK$2:AK$366,ROUNDDOWN($C1744/24,0)+1,1))-1)+IF('Standard Profiles'!$G$21=$B$10,7,0)+IF('Standard Profiles'!$G$21=$B$17,14,0)+IF('Standard Profiles'!$G$21=$B$24,21,0),MOD($C1744,24)+1)/SUM(INDEX($D$3:$AA$30,INDEX(Jesper!$R$2:$R$366,ROW(INDEX(Jesper!AK$2:AK$366,ROUNDDOWN($C1744/24,0)+1,1))-1)+IF('Standard Profiles'!$G$21=$B$10,7,0)+IF('Standard Profiles'!$G$21=$B$17,14,0)+IF('Standard Profiles'!$G$21=$B$24,21,0),0)),0)</f>
        <v>0</v>
      </c>
      <c r="H1744" cm="1">
        <f t="array" ref="H1744">IFERROR(INDEX(Jesper!AL$2:AL$366,ROUNDDOWN($C1744/24,0)+1,1)*INDEX($D$3:$AA$30,INDEX(Jesper!$R$2:$R$366,ROW(INDEX(Jesper!AL$2:AL$366,ROUNDDOWN($C1744/24,0)+1,1))-1)+IF('Standard Profiles'!$G$22=$B$10,7,0)+IF('Standard Profiles'!$G$22=$B$17,14,0)+IF('Standard Profiles'!$G$22=$B$24,21,0),MOD($C1744,24)+1)/SUM(INDEX($D$3:$AA$30,INDEX(Jesper!$R$2:$R$366,ROW(INDEX(Jesper!AL$2:AL$366,ROUNDDOWN($C1744/24,0)+1,1))-1)+IF('Standard Profiles'!$G$22=$B$10,7,0)+IF('Standard Profiles'!$G$22=$B$17,14,0)+IF('Standard Profiles'!$G$22=$B$24,21,0),0)),0)</f>
        <v>0</v>
      </c>
      <c r="I1744">
        <f t="shared" si="202"/>
        <v>0.34465007433311545</v>
      </c>
      <c r="J1744">
        <f t="shared" si="203"/>
        <v>1.1488335811103849</v>
      </c>
      <c r="K1744">
        <f t="shared" si="204"/>
        <v>1.7232503716655772</v>
      </c>
      <c r="L1744">
        <f t="shared" si="205"/>
        <v>8.27160178399477</v>
      </c>
      <c r="M1744">
        <f t="shared" si="206"/>
        <v>0</v>
      </c>
      <c r="N1744" s="46">
        <f t="shared" si="207"/>
        <v>45363.249999995853</v>
      </c>
    </row>
    <row r="1745" spans="2:14" x14ac:dyDescent="0.3">
      <c r="B1745">
        <f t="shared" si="201"/>
        <v>2</v>
      </c>
      <c r="C1745" s="16">
        <v>1711</v>
      </c>
      <c r="D1745" cm="1">
        <f t="array" ref="D1745">IFERROR(INDEX(Jesper!AH$2:AH$366,ROUNDDOWN($C1745/24,0)+1,1)*INDEX($D$3:$AA$30,INDEX(Jesper!$R$2:$R$366,ROW(INDEX(Jesper!AH$2:AH$366,ROUNDDOWN($C1745/24,0)+1,1))-1)+IF('Standard Profiles'!$G$18=$B$10,7,0)+IF('Standard Profiles'!$G$18=$B$17,14,0)+IF('Standard Profiles'!$G$18=$B$24,21,0),MOD($C1745,24)+1)/SUM(INDEX($D$3:$AA$30,INDEX(Jesper!$R$2:$R$366,ROW(INDEX(Jesper!AH$2:AH$366,ROUNDDOWN($C1745/24,0)+1,1))-1)+IF('Standard Profiles'!$G$18=$B$10,7,0)+IF('Standard Profiles'!$G$18=$B$17,14,0)+IF('Standard Profiles'!$G$18=$B$24,21,0),0)),0)</f>
        <v>11.884485321831569</v>
      </c>
      <c r="E1745" cm="1">
        <f t="array" ref="E1745">IFERROR(INDEX(Jesper!AI$2:AI$366,ROUNDDOWN($C1745/24,0)+1,1)*INDEX($D$3:$AA$30,INDEX(Jesper!$R$2:$R$366,ROW(INDEX(Jesper!AI$2:AI$366,ROUNDDOWN($C1745/24,0)+1,1))-1)+IF('Standard Profiles'!$G$19=$B$10,7,0)+IF('Standard Profiles'!$G$19=$B$17,14,0)+IF('Standard Profiles'!$G$19=$B$24,21,0),MOD($C1745,24)+1)/SUM(INDEX($D$3:$AA$30,INDEX(Jesper!$R$2:$R$366,ROW(INDEX(Jesper!AI$2:AI$366,ROUNDDOWN($C1745/24,0)+1,1))-1)+IF('Standard Profiles'!$G$19=$B$10,7,0)+IF('Standard Profiles'!$G$19=$B$17,14,0)+IF('Standard Profiles'!$G$19=$B$24,21,0),0)),0)</f>
        <v>0</v>
      </c>
      <c r="F1745" cm="1">
        <f t="array" ref="F1745">IFERROR(INDEX(Jesper!AJ$2:AJ$366,ROUNDDOWN($C1745/24,0)+1,1)*INDEX($D$3:$AA$30,INDEX(Jesper!$R$2:$R$366,ROW(INDEX(Jesper!AJ$2:AJ$366,ROUNDDOWN($C1745/24,0)+1,1))-1)+IF('Standard Profiles'!$G$20=$B$10,7,0)+IF('Standard Profiles'!$G$20=$B$17,14,0)+IF('Standard Profiles'!$G$20=$B$24,21,0),MOD($C1745,24)+1)/SUM(INDEX($D$3:$AA$30,INDEX(Jesper!$R$2:$R$366,ROW(INDEX(Jesper!AJ$2:AJ$366,ROUNDDOWN($C1745/24,0)+1,1))-1)+IF('Standard Profiles'!$G$20=$B$10,7,0)+IF('Standard Profiles'!$G$20=$B$17,14,0)+IF('Standard Profiles'!$G$20=$B$24,21,0),0)),0)</f>
        <v>0</v>
      </c>
      <c r="G1745" cm="1">
        <f t="array" ref="G1745">IFERROR(INDEX(Jesper!AK$2:AK$366,ROUNDDOWN($C1745/24,0)+1,1)*INDEX($D$3:$AA$30,INDEX(Jesper!$R$2:$R$366,ROW(INDEX(Jesper!AK$2:AK$366,ROUNDDOWN($C1745/24,0)+1,1))-1)+IF('Standard Profiles'!$G$21=$B$10,7,0)+IF('Standard Profiles'!$G$21=$B$17,14,0)+IF('Standard Profiles'!$G$21=$B$24,21,0),MOD($C1745,24)+1)/SUM(INDEX($D$3:$AA$30,INDEX(Jesper!$R$2:$R$366,ROW(INDEX(Jesper!AK$2:AK$366,ROUNDDOWN($C1745/24,0)+1,1))-1)+IF('Standard Profiles'!$G$21=$B$10,7,0)+IF('Standard Profiles'!$G$21=$B$17,14,0)+IF('Standard Profiles'!$G$21=$B$24,21,0),0)),0)</f>
        <v>0</v>
      </c>
      <c r="H1745" cm="1">
        <f t="array" ref="H1745">IFERROR(INDEX(Jesper!AL$2:AL$366,ROUNDDOWN($C1745/24,0)+1,1)*INDEX($D$3:$AA$30,INDEX(Jesper!$R$2:$R$366,ROW(INDEX(Jesper!AL$2:AL$366,ROUNDDOWN($C1745/24,0)+1,1))-1)+IF('Standard Profiles'!$G$22=$B$10,7,0)+IF('Standard Profiles'!$G$22=$B$17,14,0)+IF('Standard Profiles'!$G$22=$B$24,21,0),MOD($C1745,24)+1)/SUM(INDEX($D$3:$AA$30,INDEX(Jesper!$R$2:$R$366,ROW(INDEX(Jesper!AL$2:AL$366,ROUNDDOWN($C1745/24,0)+1,1))-1)+IF('Standard Profiles'!$G$22=$B$10,7,0)+IF('Standard Profiles'!$G$22=$B$17,14,0)+IF('Standard Profiles'!$G$22=$B$24,21,0),0)),0)</f>
        <v>0</v>
      </c>
      <c r="I1745">
        <f t="shared" si="202"/>
        <v>0.35653455965494707</v>
      </c>
      <c r="J1745">
        <f t="shared" si="203"/>
        <v>1.188448532183157</v>
      </c>
      <c r="K1745">
        <f t="shared" si="204"/>
        <v>1.7826727982747352</v>
      </c>
      <c r="L1745">
        <f t="shared" si="205"/>
        <v>8.5568294317187288</v>
      </c>
      <c r="M1745">
        <f t="shared" si="206"/>
        <v>0</v>
      </c>
      <c r="N1745" s="46">
        <f t="shared" si="207"/>
        <v>45363.291666662517</v>
      </c>
    </row>
    <row r="1746" spans="2:14" x14ac:dyDescent="0.3">
      <c r="B1746">
        <f t="shared" si="201"/>
        <v>2</v>
      </c>
      <c r="C1746" s="16">
        <v>1712</v>
      </c>
      <c r="D1746" cm="1">
        <f t="array" ref="D1746">IFERROR(INDEX(Jesper!AH$2:AH$366,ROUNDDOWN($C1746/24,0)+1,1)*INDEX($D$3:$AA$30,INDEX(Jesper!$R$2:$R$366,ROW(INDEX(Jesper!AH$2:AH$366,ROUNDDOWN($C1746/24,0)+1,1))-1)+IF('Standard Profiles'!$G$18=$B$10,7,0)+IF('Standard Profiles'!$G$18=$B$17,14,0)+IF('Standard Profiles'!$G$18=$B$24,21,0),MOD($C1746,24)+1)/SUM(INDEX($D$3:$AA$30,INDEX(Jesper!$R$2:$R$366,ROW(INDEX(Jesper!AH$2:AH$366,ROUNDDOWN($C1746/24,0)+1,1))-1)+IF('Standard Profiles'!$G$18=$B$10,7,0)+IF('Standard Profiles'!$G$18=$B$17,14,0)+IF('Standard Profiles'!$G$18=$B$24,21,0),0)),0)</f>
        <v>11.884485321831569</v>
      </c>
      <c r="E1746" cm="1">
        <f t="array" ref="E1746">IFERROR(INDEX(Jesper!AI$2:AI$366,ROUNDDOWN($C1746/24,0)+1,1)*INDEX($D$3:$AA$30,INDEX(Jesper!$R$2:$R$366,ROW(INDEX(Jesper!AI$2:AI$366,ROUNDDOWN($C1746/24,0)+1,1))-1)+IF('Standard Profiles'!$G$19=$B$10,7,0)+IF('Standard Profiles'!$G$19=$B$17,14,0)+IF('Standard Profiles'!$G$19=$B$24,21,0),MOD($C1746,24)+1)/SUM(INDEX($D$3:$AA$30,INDEX(Jesper!$R$2:$R$366,ROW(INDEX(Jesper!AI$2:AI$366,ROUNDDOWN($C1746/24,0)+1,1))-1)+IF('Standard Profiles'!$G$19=$B$10,7,0)+IF('Standard Profiles'!$G$19=$B$17,14,0)+IF('Standard Profiles'!$G$19=$B$24,21,0),0)),0)</f>
        <v>0</v>
      </c>
      <c r="F1746" cm="1">
        <f t="array" ref="F1746">IFERROR(INDEX(Jesper!AJ$2:AJ$366,ROUNDDOWN($C1746/24,0)+1,1)*INDEX($D$3:$AA$30,INDEX(Jesper!$R$2:$R$366,ROW(INDEX(Jesper!AJ$2:AJ$366,ROUNDDOWN($C1746/24,0)+1,1))-1)+IF('Standard Profiles'!$G$20=$B$10,7,0)+IF('Standard Profiles'!$G$20=$B$17,14,0)+IF('Standard Profiles'!$G$20=$B$24,21,0),MOD($C1746,24)+1)/SUM(INDEX($D$3:$AA$30,INDEX(Jesper!$R$2:$R$366,ROW(INDEX(Jesper!AJ$2:AJ$366,ROUNDDOWN($C1746/24,0)+1,1))-1)+IF('Standard Profiles'!$G$20=$B$10,7,0)+IF('Standard Profiles'!$G$20=$B$17,14,0)+IF('Standard Profiles'!$G$20=$B$24,21,0),0)),0)</f>
        <v>0</v>
      </c>
      <c r="G1746" cm="1">
        <f t="array" ref="G1746">IFERROR(INDEX(Jesper!AK$2:AK$366,ROUNDDOWN($C1746/24,0)+1,1)*INDEX($D$3:$AA$30,INDEX(Jesper!$R$2:$R$366,ROW(INDEX(Jesper!AK$2:AK$366,ROUNDDOWN($C1746/24,0)+1,1))-1)+IF('Standard Profiles'!$G$21=$B$10,7,0)+IF('Standard Profiles'!$G$21=$B$17,14,0)+IF('Standard Profiles'!$G$21=$B$24,21,0),MOD($C1746,24)+1)/SUM(INDEX($D$3:$AA$30,INDEX(Jesper!$R$2:$R$366,ROW(INDEX(Jesper!AK$2:AK$366,ROUNDDOWN($C1746/24,0)+1,1))-1)+IF('Standard Profiles'!$G$21=$B$10,7,0)+IF('Standard Profiles'!$G$21=$B$17,14,0)+IF('Standard Profiles'!$G$21=$B$24,21,0),0)),0)</f>
        <v>0</v>
      </c>
      <c r="H1746" cm="1">
        <f t="array" ref="H1746">IFERROR(INDEX(Jesper!AL$2:AL$366,ROUNDDOWN($C1746/24,0)+1,1)*INDEX($D$3:$AA$30,INDEX(Jesper!$R$2:$R$366,ROW(INDEX(Jesper!AL$2:AL$366,ROUNDDOWN($C1746/24,0)+1,1))-1)+IF('Standard Profiles'!$G$22=$B$10,7,0)+IF('Standard Profiles'!$G$22=$B$17,14,0)+IF('Standard Profiles'!$G$22=$B$24,21,0),MOD($C1746,24)+1)/SUM(INDEX($D$3:$AA$30,INDEX(Jesper!$R$2:$R$366,ROW(INDEX(Jesper!AL$2:AL$366,ROUNDDOWN($C1746/24,0)+1,1))-1)+IF('Standard Profiles'!$G$22=$B$10,7,0)+IF('Standard Profiles'!$G$22=$B$17,14,0)+IF('Standard Profiles'!$G$22=$B$24,21,0),0)),0)</f>
        <v>0</v>
      </c>
      <c r="I1746">
        <f t="shared" si="202"/>
        <v>0.35653455965494707</v>
      </c>
      <c r="J1746">
        <f t="shared" si="203"/>
        <v>1.188448532183157</v>
      </c>
      <c r="K1746">
        <f t="shared" si="204"/>
        <v>1.7826727982747352</v>
      </c>
      <c r="L1746">
        <f t="shared" si="205"/>
        <v>8.5568294317187288</v>
      </c>
      <c r="M1746">
        <f t="shared" si="206"/>
        <v>0</v>
      </c>
      <c r="N1746" s="46">
        <f t="shared" si="207"/>
        <v>45363.333333329181</v>
      </c>
    </row>
    <row r="1747" spans="2:14" x14ac:dyDescent="0.3">
      <c r="B1747">
        <f t="shared" si="201"/>
        <v>2</v>
      </c>
      <c r="C1747" s="16">
        <v>1713</v>
      </c>
      <c r="D1747" cm="1">
        <f t="array" ref="D1747">IFERROR(INDEX(Jesper!AH$2:AH$366,ROUNDDOWN($C1747/24,0)+1,1)*INDEX($D$3:$AA$30,INDEX(Jesper!$R$2:$R$366,ROW(INDEX(Jesper!AH$2:AH$366,ROUNDDOWN($C1747/24,0)+1,1))-1)+IF('Standard Profiles'!$G$18=$B$10,7,0)+IF('Standard Profiles'!$G$18=$B$17,14,0)+IF('Standard Profiles'!$G$18=$B$24,21,0),MOD($C1747,24)+1)/SUM(INDEX($D$3:$AA$30,INDEX(Jesper!$R$2:$R$366,ROW(INDEX(Jesper!AH$2:AH$366,ROUNDDOWN($C1747/24,0)+1,1))-1)+IF('Standard Profiles'!$G$18=$B$10,7,0)+IF('Standard Profiles'!$G$18=$B$17,14,0)+IF('Standard Profiles'!$G$18=$B$24,21,0),0)),0)</f>
        <v>12.874859098650864</v>
      </c>
      <c r="E1747" cm="1">
        <f t="array" ref="E1747">IFERROR(INDEX(Jesper!AI$2:AI$366,ROUNDDOWN($C1747/24,0)+1,1)*INDEX($D$3:$AA$30,INDEX(Jesper!$R$2:$R$366,ROW(INDEX(Jesper!AI$2:AI$366,ROUNDDOWN($C1747/24,0)+1,1))-1)+IF('Standard Profiles'!$G$19=$B$10,7,0)+IF('Standard Profiles'!$G$19=$B$17,14,0)+IF('Standard Profiles'!$G$19=$B$24,21,0),MOD($C1747,24)+1)/SUM(INDEX($D$3:$AA$30,INDEX(Jesper!$R$2:$R$366,ROW(INDEX(Jesper!AI$2:AI$366,ROUNDDOWN($C1747/24,0)+1,1))-1)+IF('Standard Profiles'!$G$19=$B$10,7,0)+IF('Standard Profiles'!$G$19=$B$17,14,0)+IF('Standard Profiles'!$G$19=$B$24,21,0),0)),0)</f>
        <v>0</v>
      </c>
      <c r="F1747" cm="1">
        <f t="array" ref="F1747">IFERROR(INDEX(Jesper!AJ$2:AJ$366,ROUNDDOWN($C1747/24,0)+1,1)*INDEX($D$3:$AA$30,INDEX(Jesper!$R$2:$R$366,ROW(INDEX(Jesper!AJ$2:AJ$366,ROUNDDOWN($C1747/24,0)+1,1))-1)+IF('Standard Profiles'!$G$20=$B$10,7,0)+IF('Standard Profiles'!$G$20=$B$17,14,0)+IF('Standard Profiles'!$G$20=$B$24,21,0),MOD($C1747,24)+1)/SUM(INDEX($D$3:$AA$30,INDEX(Jesper!$R$2:$R$366,ROW(INDEX(Jesper!AJ$2:AJ$366,ROUNDDOWN($C1747/24,0)+1,1))-1)+IF('Standard Profiles'!$G$20=$B$10,7,0)+IF('Standard Profiles'!$G$20=$B$17,14,0)+IF('Standard Profiles'!$G$20=$B$24,21,0),0)),0)</f>
        <v>0</v>
      </c>
      <c r="G1747" cm="1">
        <f t="array" ref="G1747">IFERROR(INDEX(Jesper!AK$2:AK$366,ROUNDDOWN($C1747/24,0)+1,1)*INDEX($D$3:$AA$30,INDEX(Jesper!$R$2:$R$366,ROW(INDEX(Jesper!AK$2:AK$366,ROUNDDOWN($C1747/24,0)+1,1))-1)+IF('Standard Profiles'!$G$21=$B$10,7,0)+IF('Standard Profiles'!$G$21=$B$17,14,0)+IF('Standard Profiles'!$G$21=$B$24,21,0),MOD($C1747,24)+1)/SUM(INDEX($D$3:$AA$30,INDEX(Jesper!$R$2:$R$366,ROW(INDEX(Jesper!AK$2:AK$366,ROUNDDOWN($C1747/24,0)+1,1))-1)+IF('Standard Profiles'!$G$21=$B$10,7,0)+IF('Standard Profiles'!$G$21=$B$17,14,0)+IF('Standard Profiles'!$G$21=$B$24,21,0),0)),0)</f>
        <v>0</v>
      </c>
      <c r="H1747" cm="1">
        <f t="array" ref="H1747">IFERROR(INDEX(Jesper!AL$2:AL$366,ROUNDDOWN($C1747/24,0)+1,1)*INDEX($D$3:$AA$30,INDEX(Jesper!$R$2:$R$366,ROW(INDEX(Jesper!AL$2:AL$366,ROUNDDOWN($C1747/24,0)+1,1))-1)+IF('Standard Profiles'!$G$22=$B$10,7,0)+IF('Standard Profiles'!$G$22=$B$17,14,0)+IF('Standard Profiles'!$G$22=$B$24,21,0),MOD($C1747,24)+1)/SUM(INDEX($D$3:$AA$30,INDEX(Jesper!$R$2:$R$366,ROW(INDEX(Jesper!AL$2:AL$366,ROUNDDOWN($C1747/24,0)+1,1))-1)+IF('Standard Profiles'!$G$22=$B$10,7,0)+IF('Standard Profiles'!$G$22=$B$17,14,0)+IF('Standard Profiles'!$G$22=$B$24,21,0),0)),0)</f>
        <v>0</v>
      </c>
      <c r="I1747">
        <f t="shared" si="202"/>
        <v>0.38624577295952589</v>
      </c>
      <c r="J1747">
        <f t="shared" si="203"/>
        <v>1.2874859098650866</v>
      </c>
      <c r="K1747">
        <f t="shared" si="204"/>
        <v>1.9312288647976295</v>
      </c>
      <c r="L1747">
        <f t="shared" si="205"/>
        <v>9.2698985510286214</v>
      </c>
      <c r="M1747">
        <f t="shared" si="206"/>
        <v>0</v>
      </c>
      <c r="N1747" s="46">
        <f t="shared" si="207"/>
        <v>45363.374999995845</v>
      </c>
    </row>
    <row r="1748" spans="2:14" x14ac:dyDescent="0.3">
      <c r="B1748">
        <f t="shared" si="201"/>
        <v>2</v>
      </c>
      <c r="C1748" s="16">
        <v>1714</v>
      </c>
      <c r="D1748" cm="1">
        <f t="array" ref="D1748">IFERROR(INDEX(Jesper!AH$2:AH$366,ROUNDDOWN($C1748/24,0)+1,1)*INDEX($D$3:$AA$30,INDEX(Jesper!$R$2:$R$366,ROW(INDEX(Jesper!AH$2:AH$366,ROUNDDOWN($C1748/24,0)+1,1))-1)+IF('Standard Profiles'!$G$18=$B$10,7,0)+IF('Standard Profiles'!$G$18=$B$17,14,0)+IF('Standard Profiles'!$G$18=$B$24,21,0),MOD($C1748,24)+1)/SUM(INDEX($D$3:$AA$30,INDEX(Jesper!$R$2:$R$366,ROW(INDEX(Jesper!AH$2:AH$366,ROUNDDOWN($C1748/24,0)+1,1))-1)+IF('Standard Profiles'!$G$18=$B$10,7,0)+IF('Standard Profiles'!$G$18=$B$17,14,0)+IF('Standard Profiles'!$G$18=$B$24,21,0),0)),0)</f>
        <v>13.469083364742442</v>
      </c>
      <c r="E1748" cm="1">
        <f t="array" ref="E1748">IFERROR(INDEX(Jesper!AI$2:AI$366,ROUNDDOWN($C1748/24,0)+1,1)*INDEX($D$3:$AA$30,INDEX(Jesper!$R$2:$R$366,ROW(INDEX(Jesper!AI$2:AI$366,ROUNDDOWN($C1748/24,0)+1,1))-1)+IF('Standard Profiles'!$G$19=$B$10,7,0)+IF('Standard Profiles'!$G$19=$B$17,14,0)+IF('Standard Profiles'!$G$19=$B$24,21,0),MOD($C1748,24)+1)/SUM(INDEX($D$3:$AA$30,INDEX(Jesper!$R$2:$R$366,ROW(INDEX(Jesper!AI$2:AI$366,ROUNDDOWN($C1748/24,0)+1,1))-1)+IF('Standard Profiles'!$G$19=$B$10,7,0)+IF('Standard Profiles'!$G$19=$B$17,14,0)+IF('Standard Profiles'!$G$19=$B$24,21,0),0)),0)</f>
        <v>0</v>
      </c>
      <c r="F1748" cm="1">
        <f t="array" ref="F1748">IFERROR(INDEX(Jesper!AJ$2:AJ$366,ROUNDDOWN($C1748/24,0)+1,1)*INDEX($D$3:$AA$30,INDEX(Jesper!$R$2:$R$366,ROW(INDEX(Jesper!AJ$2:AJ$366,ROUNDDOWN($C1748/24,0)+1,1))-1)+IF('Standard Profiles'!$G$20=$B$10,7,0)+IF('Standard Profiles'!$G$20=$B$17,14,0)+IF('Standard Profiles'!$G$20=$B$24,21,0),MOD($C1748,24)+1)/SUM(INDEX($D$3:$AA$30,INDEX(Jesper!$R$2:$R$366,ROW(INDEX(Jesper!AJ$2:AJ$366,ROUNDDOWN($C1748/24,0)+1,1))-1)+IF('Standard Profiles'!$G$20=$B$10,7,0)+IF('Standard Profiles'!$G$20=$B$17,14,0)+IF('Standard Profiles'!$G$20=$B$24,21,0),0)),0)</f>
        <v>0</v>
      </c>
      <c r="G1748" cm="1">
        <f t="array" ref="G1748">IFERROR(INDEX(Jesper!AK$2:AK$366,ROUNDDOWN($C1748/24,0)+1,1)*INDEX($D$3:$AA$30,INDEX(Jesper!$R$2:$R$366,ROW(INDEX(Jesper!AK$2:AK$366,ROUNDDOWN($C1748/24,0)+1,1))-1)+IF('Standard Profiles'!$G$21=$B$10,7,0)+IF('Standard Profiles'!$G$21=$B$17,14,0)+IF('Standard Profiles'!$G$21=$B$24,21,0),MOD($C1748,24)+1)/SUM(INDEX($D$3:$AA$30,INDEX(Jesper!$R$2:$R$366,ROW(INDEX(Jesper!AK$2:AK$366,ROUNDDOWN($C1748/24,0)+1,1))-1)+IF('Standard Profiles'!$G$21=$B$10,7,0)+IF('Standard Profiles'!$G$21=$B$17,14,0)+IF('Standard Profiles'!$G$21=$B$24,21,0),0)),0)</f>
        <v>0</v>
      </c>
      <c r="H1748" cm="1">
        <f t="array" ref="H1748">IFERROR(INDEX(Jesper!AL$2:AL$366,ROUNDDOWN($C1748/24,0)+1,1)*INDEX($D$3:$AA$30,INDEX(Jesper!$R$2:$R$366,ROW(INDEX(Jesper!AL$2:AL$366,ROUNDDOWN($C1748/24,0)+1,1))-1)+IF('Standard Profiles'!$G$22=$B$10,7,0)+IF('Standard Profiles'!$G$22=$B$17,14,0)+IF('Standard Profiles'!$G$22=$B$24,21,0),MOD($C1748,24)+1)/SUM(INDEX($D$3:$AA$30,INDEX(Jesper!$R$2:$R$366,ROW(INDEX(Jesper!AL$2:AL$366,ROUNDDOWN($C1748/24,0)+1,1))-1)+IF('Standard Profiles'!$G$22=$B$10,7,0)+IF('Standard Profiles'!$G$22=$B$17,14,0)+IF('Standard Profiles'!$G$22=$B$24,21,0),0)),0)</f>
        <v>0</v>
      </c>
      <c r="I1748">
        <f t="shared" si="202"/>
        <v>0.40407250094227326</v>
      </c>
      <c r="J1748">
        <f t="shared" si="203"/>
        <v>1.3469083364742442</v>
      </c>
      <c r="K1748">
        <f t="shared" si="204"/>
        <v>2.020362504711366</v>
      </c>
      <c r="L1748">
        <f t="shared" si="205"/>
        <v>9.6977400226145587</v>
      </c>
      <c r="M1748">
        <f t="shared" si="206"/>
        <v>0</v>
      </c>
      <c r="N1748" s="46">
        <f t="shared" si="207"/>
        <v>45363.41666666251</v>
      </c>
    </row>
    <row r="1749" spans="2:14" x14ac:dyDescent="0.3">
      <c r="B1749">
        <f t="shared" si="201"/>
        <v>2</v>
      </c>
      <c r="C1749" s="16">
        <v>1715</v>
      </c>
      <c r="D1749" cm="1">
        <f t="array" ref="D1749">IFERROR(INDEX(Jesper!AH$2:AH$366,ROUNDDOWN($C1749/24,0)+1,1)*INDEX($D$3:$AA$30,INDEX(Jesper!$R$2:$R$366,ROW(INDEX(Jesper!AH$2:AH$366,ROUNDDOWN($C1749/24,0)+1,1))-1)+IF('Standard Profiles'!$G$18=$B$10,7,0)+IF('Standard Profiles'!$G$18=$B$17,14,0)+IF('Standard Profiles'!$G$18=$B$24,21,0),MOD($C1749,24)+1)/SUM(INDEX($D$3:$AA$30,INDEX(Jesper!$R$2:$R$366,ROW(INDEX(Jesper!AH$2:AH$366,ROUNDDOWN($C1749/24,0)+1,1))-1)+IF('Standard Profiles'!$G$18=$B$10,7,0)+IF('Standard Profiles'!$G$18=$B$17,14,0)+IF('Standard Profiles'!$G$18=$B$24,21,0),0)),0)</f>
        <v>15.845980429108758</v>
      </c>
      <c r="E1749" cm="1">
        <f t="array" ref="E1749">IFERROR(INDEX(Jesper!AI$2:AI$366,ROUNDDOWN($C1749/24,0)+1,1)*INDEX($D$3:$AA$30,INDEX(Jesper!$R$2:$R$366,ROW(INDEX(Jesper!AI$2:AI$366,ROUNDDOWN($C1749/24,0)+1,1))-1)+IF('Standard Profiles'!$G$19=$B$10,7,0)+IF('Standard Profiles'!$G$19=$B$17,14,0)+IF('Standard Profiles'!$G$19=$B$24,21,0),MOD($C1749,24)+1)/SUM(INDEX($D$3:$AA$30,INDEX(Jesper!$R$2:$R$366,ROW(INDEX(Jesper!AI$2:AI$366,ROUNDDOWN($C1749/24,0)+1,1))-1)+IF('Standard Profiles'!$G$19=$B$10,7,0)+IF('Standard Profiles'!$G$19=$B$17,14,0)+IF('Standard Profiles'!$G$19=$B$24,21,0),0)),0)</f>
        <v>0</v>
      </c>
      <c r="F1749" cm="1">
        <f t="array" ref="F1749">IFERROR(INDEX(Jesper!AJ$2:AJ$366,ROUNDDOWN($C1749/24,0)+1,1)*INDEX($D$3:$AA$30,INDEX(Jesper!$R$2:$R$366,ROW(INDEX(Jesper!AJ$2:AJ$366,ROUNDDOWN($C1749/24,0)+1,1))-1)+IF('Standard Profiles'!$G$20=$B$10,7,0)+IF('Standard Profiles'!$G$20=$B$17,14,0)+IF('Standard Profiles'!$G$20=$B$24,21,0),MOD($C1749,24)+1)/SUM(INDEX($D$3:$AA$30,INDEX(Jesper!$R$2:$R$366,ROW(INDEX(Jesper!AJ$2:AJ$366,ROUNDDOWN($C1749/24,0)+1,1))-1)+IF('Standard Profiles'!$G$20=$B$10,7,0)+IF('Standard Profiles'!$G$20=$B$17,14,0)+IF('Standard Profiles'!$G$20=$B$24,21,0),0)),0)</f>
        <v>0</v>
      </c>
      <c r="G1749" cm="1">
        <f t="array" ref="G1749">IFERROR(INDEX(Jesper!AK$2:AK$366,ROUNDDOWN($C1749/24,0)+1,1)*INDEX($D$3:$AA$30,INDEX(Jesper!$R$2:$R$366,ROW(INDEX(Jesper!AK$2:AK$366,ROUNDDOWN($C1749/24,0)+1,1))-1)+IF('Standard Profiles'!$G$21=$B$10,7,0)+IF('Standard Profiles'!$G$21=$B$17,14,0)+IF('Standard Profiles'!$G$21=$B$24,21,0),MOD($C1749,24)+1)/SUM(INDEX($D$3:$AA$30,INDEX(Jesper!$R$2:$R$366,ROW(INDEX(Jesper!AK$2:AK$366,ROUNDDOWN($C1749/24,0)+1,1))-1)+IF('Standard Profiles'!$G$21=$B$10,7,0)+IF('Standard Profiles'!$G$21=$B$17,14,0)+IF('Standard Profiles'!$G$21=$B$24,21,0),0)),0)</f>
        <v>0</v>
      </c>
      <c r="H1749" cm="1">
        <f t="array" ref="H1749">IFERROR(INDEX(Jesper!AL$2:AL$366,ROUNDDOWN($C1749/24,0)+1,1)*INDEX($D$3:$AA$30,INDEX(Jesper!$R$2:$R$366,ROW(INDEX(Jesper!AL$2:AL$366,ROUNDDOWN($C1749/24,0)+1,1))-1)+IF('Standard Profiles'!$G$22=$B$10,7,0)+IF('Standard Profiles'!$G$22=$B$17,14,0)+IF('Standard Profiles'!$G$22=$B$24,21,0),MOD($C1749,24)+1)/SUM(INDEX($D$3:$AA$30,INDEX(Jesper!$R$2:$R$366,ROW(INDEX(Jesper!AL$2:AL$366,ROUNDDOWN($C1749/24,0)+1,1))-1)+IF('Standard Profiles'!$G$22=$B$10,7,0)+IF('Standard Profiles'!$G$22=$B$17,14,0)+IF('Standard Profiles'!$G$22=$B$24,21,0),0)),0)</f>
        <v>0</v>
      </c>
      <c r="I1749">
        <f t="shared" si="202"/>
        <v>0.47537941287326274</v>
      </c>
      <c r="J1749">
        <f t="shared" si="203"/>
        <v>1.5845980429108759</v>
      </c>
      <c r="K1749">
        <f t="shared" si="204"/>
        <v>2.3768970643663136</v>
      </c>
      <c r="L1749">
        <f t="shared" si="205"/>
        <v>11.409105908958306</v>
      </c>
      <c r="M1749">
        <f t="shared" si="206"/>
        <v>0</v>
      </c>
      <c r="N1749" s="46">
        <f t="shared" si="207"/>
        <v>45363.458333329174</v>
      </c>
    </row>
    <row r="1750" spans="2:14" x14ac:dyDescent="0.3">
      <c r="B1750">
        <f t="shared" si="201"/>
        <v>2</v>
      </c>
      <c r="C1750" s="16">
        <v>1716</v>
      </c>
      <c r="D1750" cm="1">
        <f t="array" ref="D1750">IFERROR(INDEX(Jesper!AH$2:AH$366,ROUNDDOWN($C1750/24,0)+1,1)*INDEX($D$3:$AA$30,INDEX(Jesper!$R$2:$R$366,ROW(INDEX(Jesper!AH$2:AH$366,ROUNDDOWN($C1750/24,0)+1,1))-1)+IF('Standard Profiles'!$G$18=$B$10,7,0)+IF('Standard Profiles'!$G$18=$B$17,14,0)+IF('Standard Profiles'!$G$18=$B$24,21,0),MOD($C1750,24)+1)/SUM(INDEX($D$3:$AA$30,INDEX(Jesper!$R$2:$R$366,ROW(INDEX(Jesper!AH$2:AH$366,ROUNDDOWN($C1750/24,0)+1,1))-1)+IF('Standard Profiles'!$G$18=$B$10,7,0)+IF('Standard Profiles'!$G$18=$B$17,14,0)+IF('Standard Profiles'!$G$18=$B$24,21,0),0)),0)</f>
        <v>15.845980429108758</v>
      </c>
      <c r="E1750" cm="1">
        <f t="array" ref="E1750">IFERROR(INDEX(Jesper!AI$2:AI$366,ROUNDDOWN($C1750/24,0)+1,1)*INDEX($D$3:$AA$30,INDEX(Jesper!$R$2:$R$366,ROW(INDEX(Jesper!AI$2:AI$366,ROUNDDOWN($C1750/24,0)+1,1))-1)+IF('Standard Profiles'!$G$19=$B$10,7,0)+IF('Standard Profiles'!$G$19=$B$17,14,0)+IF('Standard Profiles'!$G$19=$B$24,21,0),MOD($C1750,24)+1)/SUM(INDEX($D$3:$AA$30,INDEX(Jesper!$R$2:$R$366,ROW(INDEX(Jesper!AI$2:AI$366,ROUNDDOWN($C1750/24,0)+1,1))-1)+IF('Standard Profiles'!$G$19=$B$10,7,0)+IF('Standard Profiles'!$G$19=$B$17,14,0)+IF('Standard Profiles'!$G$19=$B$24,21,0),0)),0)</f>
        <v>0</v>
      </c>
      <c r="F1750" cm="1">
        <f t="array" ref="F1750">IFERROR(INDEX(Jesper!AJ$2:AJ$366,ROUNDDOWN($C1750/24,0)+1,1)*INDEX($D$3:$AA$30,INDEX(Jesper!$R$2:$R$366,ROW(INDEX(Jesper!AJ$2:AJ$366,ROUNDDOWN($C1750/24,0)+1,1))-1)+IF('Standard Profiles'!$G$20=$B$10,7,0)+IF('Standard Profiles'!$G$20=$B$17,14,0)+IF('Standard Profiles'!$G$20=$B$24,21,0),MOD($C1750,24)+1)/SUM(INDEX($D$3:$AA$30,INDEX(Jesper!$R$2:$R$366,ROW(INDEX(Jesper!AJ$2:AJ$366,ROUNDDOWN($C1750/24,0)+1,1))-1)+IF('Standard Profiles'!$G$20=$B$10,7,0)+IF('Standard Profiles'!$G$20=$B$17,14,0)+IF('Standard Profiles'!$G$20=$B$24,21,0),0)),0)</f>
        <v>0</v>
      </c>
      <c r="G1750" cm="1">
        <f t="array" ref="G1750">IFERROR(INDEX(Jesper!AK$2:AK$366,ROUNDDOWN($C1750/24,0)+1,1)*INDEX($D$3:$AA$30,INDEX(Jesper!$R$2:$R$366,ROW(INDEX(Jesper!AK$2:AK$366,ROUNDDOWN($C1750/24,0)+1,1))-1)+IF('Standard Profiles'!$G$21=$B$10,7,0)+IF('Standard Profiles'!$G$21=$B$17,14,0)+IF('Standard Profiles'!$G$21=$B$24,21,0),MOD($C1750,24)+1)/SUM(INDEX($D$3:$AA$30,INDEX(Jesper!$R$2:$R$366,ROW(INDEX(Jesper!AK$2:AK$366,ROUNDDOWN($C1750/24,0)+1,1))-1)+IF('Standard Profiles'!$G$21=$B$10,7,0)+IF('Standard Profiles'!$G$21=$B$17,14,0)+IF('Standard Profiles'!$G$21=$B$24,21,0),0)),0)</f>
        <v>0</v>
      </c>
      <c r="H1750" cm="1">
        <f t="array" ref="H1750">IFERROR(INDEX(Jesper!AL$2:AL$366,ROUNDDOWN($C1750/24,0)+1,1)*INDEX($D$3:$AA$30,INDEX(Jesper!$R$2:$R$366,ROW(INDEX(Jesper!AL$2:AL$366,ROUNDDOWN($C1750/24,0)+1,1))-1)+IF('Standard Profiles'!$G$22=$B$10,7,0)+IF('Standard Profiles'!$G$22=$B$17,14,0)+IF('Standard Profiles'!$G$22=$B$24,21,0),MOD($C1750,24)+1)/SUM(INDEX($D$3:$AA$30,INDEX(Jesper!$R$2:$R$366,ROW(INDEX(Jesper!AL$2:AL$366,ROUNDDOWN($C1750/24,0)+1,1))-1)+IF('Standard Profiles'!$G$22=$B$10,7,0)+IF('Standard Profiles'!$G$22=$B$17,14,0)+IF('Standard Profiles'!$G$22=$B$24,21,0),0)),0)</f>
        <v>0</v>
      </c>
      <c r="I1750">
        <f t="shared" si="202"/>
        <v>0.47537941287326274</v>
      </c>
      <c r="J1750">
        <f t="shared" si="203"/>
        <v>1.5845980429108759</v>
      </c>
      <c r="K1750">
        <f t="shared" si="204"/>
        <v>2.3768970643663136</v>
      </c>
      <c r="L1750">
        <f t="shared" si="205"/>
        <v>11.409105908958306</v>
      </c>
      <c r="M1750">
        <f t="shared" si="206"/>
        <v>0</v>
      </c>
      <c r="N1750" s="46">
        <f t="shared" si="207"/>
        <v>45363.499999995838</v>
      </c>
    </row>
    <row r="1751" spans="2:14" x14ac:dyDescent="0.3">
      <c r="B1751">
        <f t="shared" si="201"/>
        <v>2</v>
      </c>
      <c r="C1751" s="16">
        <v>1717</v>
      </c>
      <c r="D1751" cm="1">
        <f t="array" ref="D1751">IFERROR(INDEX(Jesper!AH$2:AH$366,ROUNDDOWN($C1751/24,0)+1,1)*INDEX($D$3:$AA$30,INDEX(Jesper!$R$2:$R$366,ROW(INDEX(Jesper!AH$2:AH$366,ROUNDDOWN($C1751/24,0)+1,1))-1)+IF('Standard Profiles'!$G$18=$B$10,7,0)+IF('Standard Profiles'!$G$18=$B$17,14,0)+IF('Standard Profiles'!$G$18=$B$24,21,0),MOD($C1751,24)+1)/SUM(INDEX($D$3:$AA$30,INDEX(Jesper!$R$2:$R$366,ROW(INDEX(Jesper!AH$2:AH$366,ROUNDDOWN($C1751/24,0)+1,1))-1)+IF('Standard Profiles'!$G$18=$B$10,7,0)+IF('Standard Profiles'!$G$18=$B$17,14,0)+IF('Standard Profiles'!$G$18=$B$24,21,0),0)),0)</f>
        <v>15.845980429108758</v>
      </c>
      <c r="E1751" cm="1">
        <f t="array" ref="E1751">IFERROR(INDEX(Jesper!AI$2:AI$366,ROUNDDOWN($C1751/24,0)+1,1)*INDEX($D$3:$AA$30,INDEX(Jesper!$R$2:$R$366,ROW(INDEX(Jesper!AI$2:AI$366,ROUNDDOWN($C1751/24,0)+1,1))-1)+IF('Standard Profiles'!$G$19=$B$10,7,0)+IF('Standard Profiles'!$G$19=$B$17,14,0)+IF('Standard Profiles'!$G$19=$B$24,21,0),MOD($C1751,24)+1)/SUM(INDEX($D$3:$AA$30,INDEX(Jesper!$R$2:$R$366,ROW(INDEX(Jesper!AI$2:AI$366,ROUNDDOWN($C1751/24,0)+1,1))-1)+IF('Standard Profiles'!$G$19=$B$10,7,0)+IF('Standard Profiles'!$G$19=$B$17,14,0)+IF('Standard Profiles'!$G$19=$B$24,21,0),0)),0)</f>
        <v>0</v>
      </c>
      <c r="F1751" cm="1">
        <f t="array" ref="F1751">IFERROR(INDEX(Jesper!AJ$2:AJ$366,ROUNDDOWN($C1751/24,0)+1,1)*INDEX($D$3:$AA$30,INDEX(Jesper!$R$2:$R$366,ROW(INDEX(Jesper!AJ$2:AJ$366,ROUNDDOWN($C1751/24,0)+1,1))-1)+IF('Standard Profiles'!$G$20=$B$10,7,0)+IF('Standard Profiles'!$G$20=$B$17,14,0)+IF('Standard Profiles'!$G$20=$B$24,21,0),MOD($C1751,24)+1)/SUM(INDEX($D$3:$AA$30,INDEX(Jesper!$R$2:$R$366,ROW(INDEX(Jesper!AJ$2:AJ$366,ROUNDDOWN($C1751/24,0)+1,1))-1)+IF('Standard Profiles'!$G$20=$B$10,7,0)+IF('Standard Profiles'!$G$20=$B$17,14,0)+IF('Standard Profiles'!$G$20=$B$24,21,0),0)),0)</f>
        <v>0</v>
      </c>
      <c r="G1751" cm="1">
        <f t="array" ref="G1751">IFERROR(INDEX(Jesper!AK$2:AK$366,ROUNDDOWN($C1751/24,0)+1,1)*INDEX($D$3:$AA$30,INDEX(Jesper!$R$2:$R$366,ROW(INDEX(Jesper!AK$2:AK$366,ROUNDDOWN($C1751/24,0)+1,1))-1)+IF('Standard Profiles'!$G$21=$B$10,7,0)+IF('Standard Profiles'!$G$21=$B$17,14,0)+IF('Standard Profiles'!$G$21=$B$24,21,0),MOD($C1751,24)+1)/SUM(INDEX($D$3:$AA$30,INDEX(Jesper!$R$2:$R$366,ROW(INDEX(Jesper!AK$2:AK$366,ROUNDDOWN($C1751/24,0)+1,1))-1)+IF('Standard Profiles'!$G$21=$B$10,7,0)+IF('Standard Profiles'!$G$21=$B$17,14,0)+IF('Standard Profiles'!$G$21=$B$24,21,0),0)),0)</f>
        <v>0</v>
      </c>
      <c r="H1751" cm="1">
        <f t="array" ref="H1751">IFERROR(INDEX(Jesper!AL$2:AL$366,ROUNDDOWN($C1751/24,0)+1,1)*INDEX($D$3:$AA$30,INDEX(Jesper!$R$2:$R$366,ROW(INDEX(Jesper!AL$2:AL$366,ROUNDDOWN($C1751/24,0)+1,1))-1)+IF('Standard Profiles'!$G$22=$B$10,7,0)+IF('Standard Profiles'!$G$22=$B$17,14,0)+IF('Standard Profiles'!$G$22=$B$24,21,0),MOD($C1751,24)+1)/SUM(INDEX($D$3:$AA$30,INDEX(Jesper!$R$2:$R$366,ROW(INDEX(Jesper!AL$2:AL$366,ROUNDDOWN($C1751/24,0)+1,1))-1)+IF('Standard Profiles'!$G$22=$B$10,7,0)+IF('Standard Profiles'!$G$22=$B$17,14,0)+IF('Standard Profiles'!$G$22=$B$24,21,0),0)),0)</f>
        <v>0</v>
      </c>
      <c r="I1751">
        <f t="shared" si="202"/>
        <v>0.47537941287326274</v>
      </c>
      <c r="J1751">
        <f t="shared" si="203"/>
        <v>1.5845980429108759</v>
      </c>
      <c r="K1751">
        <f t="shared" si="204"/>
        <v>2.3768970643663136</v>
      </c>
      <c r="L1751">
        <f t="shared" si="205"/>
        <v>11.409105908958306</v>
      </c>
      <c r="M1751">
        <f t="shared" si="206"/>
        <v>0</v>
      </c>
      <c r="N1751" s="46">
        <f t="shared" si="207"/>
        <v>45363.541666662502</v>
      </c>
    </row>
    <row r="1752" spans="2:14" x14ac:dyDescent="0.3">
      <c r="B1752">
        <f t="shared" si="201"/>
        <v>2</v>
      </c>
      <c r="C1752" s="16">
        <v>1718</v>
      </c>
      <c r="D1752" cm="1">
        <f t="array" ref="D1752">IFERROR(INDEX(Jesper!AH$2:AH$366,ROUNDDOWN($C1752/24,0)+1,1)*INDEX($D$3:$AA$30,INDEX(Jesper!$R$2:$R$366,ROW(INDEX(Jesper!AH$2:AH$366,ROUNDDOWN($C1752/24,0)+1,1))-1)+IF('Standard Profiles'!$G$18=$B$10,7,0)+IF('Standard Profiles'!$G$18=$B$17,14,0)+IF('Standard Profiles'!$G$18=$B$24,21,0),MOD($C1752,24)+1)/SUM(INDEX($D$3:$AA$30,INDEX(Jesper!$R$2:$R$366,ROW(INDEX(Jesper!AH$2:AH$366,ROUNDDOWN($C1752/24,0)+1,1))-1)+IF('Standard Profiles'!$G$18=$B$10,7,0)+IF('Standard Profiles'!$G$18=$B$17,14,0)+IF('Standard Profiles'!$G$18=$B$24,21,0),0)),0)</f>
        <v>15.845980429108758</v>
      </c>
      <c r="E1752" cm="1">
        <f t="array" ref="E1752">IFERROR(INDEX(Jesper!AI$2:AI$366,ROUNDDOWN($C1752/24,0)+1,1)*INDEX($D$3:$AA$30,INDEX(Jesper!$R$2:$R$366,ROW(INDEX(Jesper!AI$2:AI$366,ROUNDDOWN($C1752/24,0)+1,1))-1)+IF('Standard Profiles'!$G$19=$B$10,7,0)+IF('Standard Profiles'!$G$19=$B$17,14,0)+IF('Standard Profiles'!$G$19=$B$24,21,0),MOD($C1752,24)+1)/SUM(INDEX($D$3:$AA$30,INDEX(Jesper!$R$2:$R$366,ROW(INDEX(Jesper!AI$2:AI$366,ROUNDDOWN($C1752/24,0)+1,1))-1)+IF('Standard Profiles'!$G$19=$B$10,7,0)+IF('Standard Profiles'!$G$19=$B$17,14,0)+IF('Standard Profiles'!$G$19=$B$24,21,0),0)),0)</f>
        <v>0</v>
      </c>
      <c r="F1752" cm="1">
        <f t="array" ref="F1752">IFERROR(INDEX(Jesper!AJ$2:AJ$366,ROUNDDOWN($C1752/24,0)+1,1)*INDEX($D$3:$AA$30,INDEX(Jesper!$R$2:$R$366,ROW(INDEX(Jesper!AJ$2:AJ$366,ROUNDDOWN($C1752/24,0)+1,1))-1)+IF('Standard Profiles'!$G$20=$B$10,7,0)+IF('Standard Profiles'!$G$20=$B$17,14,0)+IF('Standard Profiles'!$G$20=$B$24,21,0),MOD($C1752,24)+1)/SUM(INDEX($D$3:$AA$30,INDEX(Jesper!$R$2:$R$366,ROW(INDEX(Jesper!AJ$2:AJ$366,ROUNDDOWN($C1752/24,0)+1,1))-1)+IF('Standard Profiles'!$G$20=$B$10,7,0)+IF('Standard Profiles'!$G$20=$B$17,14,0)+IF('Standard Profiles'!$G$20=$B$24,21,0),0)),0)</f>
        <v>0</v>
      </c>
      <c r="G1752" cm="1">
        <f t="array" ref="G1752">IFERROR(INDEX(Jesper!AK$2:AK$366,ROUNDDOWN($C1752/24,0)+1,1)*INDEX($D$3:$AA$30,INDEX(Jesper!$R$2:$R$366,ROW(INDEX(Jesper!AK$2:AK$366,ROUNDDOWN($C1752/24,0)+1,1))-1)+IF('Standard Profiles'!$G$21=$B$10,7,0)+IF('Standard Profiles'!$G$21=$B$17,14,0)+IF('Standard Profiles'!$G$21=$B$24,21,0),MOD($C1752,24)+1)/SUM(INDEX($D$3:$AA$30,INDEX(Jesper!$R$2:$R$366,ROW(INDEX(Jesper!AK$2:AK$366,ROUNDDOWN($C1752/24,0)+1,1))-1)+IF('Standard Profiles'!$G$21=$B$10,7,0)+IF('Standard Profiles'!$G$21=$B$17,14,0)+IF('Standard Profiles'!$G$21=$B$24,21,0),0)),0)</f>
        <v>0</v>
      </c>
      <c r="H1752" cm="1">
        <f t="array" ref="H1752">IFERROR(INDEX(Jesper!AL$2:AL$366,ROUNDDOWN($C1752/24,0)+1,1)*INDEX($D$3:$AA$30,INDEX(Jesper!$R$2:$R$366,ROW(INDEX(Jesper!AL$2:AL$366,ROUNDDOWN($C1752/24,0)+1,1))-1)+IF('Standard Profiles'!$G$22=$B$10,7,0)+IF('Standard Profiles'!$G$22=$B$17,14,0)+IF('Standard Profiles'!$G$22=$B$24,21,0),MOD($C1752,24)+1)/SUM(INDEX($D$3:$AA$30,INDEX(Jesper!$R$2:$R$366,ROW(INDEX(Jesper!AL$2:AL$366,ROUNDDOWN($C1752/24,0)+1,1))-1)+IF('Standard Profiles'!$G$22=$B$10,7,0)+IF('Standard Profiles'!$G$22=$B$17,14,0)+IF('Standard Profiles'!$G$22=$B$24,21,0),0)),0)</f>
        <v>0</v>
      </c>
      <c r="I1752">
        <f t="shared" si="202"/>
        <v>0.47537941287326274</v>
      </c>
      <c r="J1752">
        <f t="shared" si="203"/>
        <v>1.5845980429108759</v>
      </c>
      <c r="K1752">
        <f t="shared" si="204"/>
        <v>2.3768970643663136</v>
      </c>
      <c r="L1752">
        <f t="shared" si="205"/>
        <v>11.409105908958306</v>
      </c>
      <c r="M1752">
        <f t="shared" si="206"/>
        <v>0</v>
      </c>
      <c r="N1752" s="46">
        <f t="shared" si="207"/>
        <v>45363.583333329167</v>
      </c>
    </row>
    <row r="1753" spans="2:14" x14ac:dyDescent="0.3">
      <c r="B1753">
        <f t="shared" si="201"/>
        <v>2</v>
      </c>
      <c r="C1753" s="16">
        <v>1719</v>
      </c>
      <c r="D1753" cm="1">
        <f t="array" ref="D1753">IFERROR(INDEX(Jesper!AH$2:AH$366,ROUNDDOWN($C1753/24,0)+1,1)*INDEX($D$3:$AA$30,INDEX(Jesper!$R$2:$R$366,ROW(INDEX(Jesper!AH$2:AH$366,ROUNDDOWN($C1753/24,0)+1,1))-1)+IF('Standard Profiles'!$G$18=$B$10,7,0)+IF('Standard Profiles'!$G$18=$B$17,14,0)+IF('Standard Profiles'!$G$18=$B$24,21,0),MOD($C1753,24)+1)/SUM(INDEX($D$3:$AA$30,INDEX(Jesper!$R$2:$R$366,ROW(INDEX(Jesper!AH$2:AH$366,ROUNDDOWN($C1753/24,0)+1,1))-1)+IF('Standard Profiles'!$G$18=$B$10,7,0)+IF('Standard Profiles'!$G$18=$B$17,14,0)+IF('Standard Profiles'!$G$18=$B$24,21,0),0)),0)</f>
        <v>15.845980429108758</v>
      </c>
      <c r="E1753" cm="1">
        <f t="array" ref="E1753">IFERROR(INDEX(Jesper!AI$2:AI$366,ROUNDDOWN($C1753/24,0)+1,1)*INDEX($D$3:$AA$30,INDEX(Jesper!$R$2:$R$366,ROW(INDEX(Jesper!AI$2:AI$366,ROUNDDOWN($C1753/24,0)+1,1))-1)+IF('Standard Profiles'!$G$19=$B$10,7,0)+IF('Standard Profiles'!$G$19=$B$17,14,0)+IF('Standard Profiles'!$G$19=$B$24,21,0),MOD($C1753,24)+1)/SUM(INDEX($D$3:$AA$30,INDEX(Jesper!$R$2:$R$366,ROW(INDEX(Jesper!AI$2:AI$366,ROUNDDOWN($C1753/24,0)+1,1))-1)+IF('Standard Profiles'!$G$19=$B$10,7,0)+IF('Standard Profiles'!$G$19=$B$17,14,0)+IF('Standard Profiles'!$G$19=$B$24,21,0),0)),0)</f>
        <v>0</v>
      </c>
      <c r="F1753" cm="1">
        <f t="array" ref="F1753">IFERROR(INDEX(Jesper!AJ$2:AJ$366,ROUNDDOWN($C1753/24,0)+1,1)*INDEX($D$3:$AA$30,INDEX(Jesper!$R$2:$R$366,ROW(INDEX(Jesper!AJ$2:AJ$366,ROUNDDOWN($C1753/24,0)+1,1))-1)+IF('Standard Profiles'!$G$20=$B$10,7,0)+IF('Standard Profiles'!$G$20=$B$17,14,0)+IF('Standard Profiles'!$G$20=$B$24,21,0),MOD($C1753,24)+1)/SUM(INDEX($D$3:$AA$30,INDEX(Jesper!$R$2:$R$366,ROW(INDEX(Jesper!AJ$2:AJ$366,ROUNDDOWN($C1753/24,0)+1,1))-1)+IF('Standard Profiles'!$G$20=$B$10,7,0)+IF('Standard Profiles'!$G$20=$B$17,14,0)+IF('Standard Profiles'!$G$20=$B$24,21,0),0)),0)</f>
        <v>0</v>
      </c>
      <c r="G1753" cm="1">
        <f t="array" ref="G1753">IFERROR(INDEX(Jesper!AK$2:AK$366,ROUNDDOWN($C1753/24,0)+1,1)*INDEX($D$3:$AA$30,INDEX(Jesper!$R$2:$R$366,ROW(INDEX(Jesper!AK$2:AK$366,ROUNDDOWN($C1753/24,0)+1,1))-1)+IF('Standard Profiles'!$G$21=$B$10,7,0)+IF('Standard Profiles'!$G$21=$B$17,14,0)+IF('Standard Profiles'!$G$21=$B$24,21,0),MOD($C1753,24)+1)/SUM(INDEX($D$3:$AA$30,INDEX(Jesper!$R$2:$R$366,ROW(INDEX(Jesper!AK$2:AK$366,ROUNDDOWN($C1753/24,0)+1,1))-1)+IF('Standard Profiles'!$G$21=$B$10,7,0)+IF('Standard Profiles'!$G$21=$B$17,14,0)+IF('Standard Profiles'!$G$21=$B$24,21,0),0)),0)</f>
        <v>0</v>
      </c>
      <c r="H1753" cm="1">
        <f t="array" ref="H1753">IFERROR(INDEX(Jesper!AL$2:AL$366,ROUNDDOWN($C1753/24,0)+1,1)*INDEX($D$3:$AA$30,INDEX(Jesper!$R$2:$R$366,ROW(INDEX(Jesper!AL$2:AL$366,ROUNDDOWN($C1753/24,0)+1,1))-1)+IF('Standard Profiles'!$G$22=$B$10,7,0)+IF('Standard Profiles'!$G$22=$B$17,14,0)+IF('Standard Profiles'!$G$22=$B$24,21,0),MOD($C1753,24)+1)/SUM(INDEX($D$3:$AA$30,INDEX(Jesper!$R$2:$R$366,ROW(INDEX(Jesper!AL$2:AL$366,ROUNDDOWN($C1753/24,0)+1,1))-1)+IF('Standard Profiles'!$G$22=$B$10,7,0)+IF('Standard Profiles'!$G$22=$B$17,14,0)+IF('Standard Profiles'!$G$22=$B$24,21,0),0)),0)</f>
        <v>0</v>
      </c>
      <c r="I1753">
        <f t="shared" si="202"/>
        <v>0.47537941287326274</v>
      </c>
      <c r="J1753">
        <f t="shared" si="203"/>
        <v>1.5845980429108759</v>
      </c>
      <c r="K1753">
        <f t="shared" si="204"/>
        <v>2.3768970643663136</v>
      </c>
      <c r="L1753">
        <f t="shared" si="205"/>
        <v>11.409105908958306</v>
      </c>
      <c r="M1753">
        <f t="shared" si="206"/>
        <v>0</v>
      </c>
      <c r="N1753" s="46">
        <f t="shared" si="207"/>
        <v>45363.624999995831</v>
      </c>
    </row>
    <row r="1754" spans="2:14" x14ac:dyDescent="0.3">
      <c r="B1754">
        <f t="shared" si="201"/>
        <v>2</v>
      </c>
      <c r="C1754" s="16">
        <v>1720</v>
      </c>
      <c r="D1754" cm="1">
        <f t="array" ref="D1754">IFERROR(INDEX(Jesper!AH$2:AH$366,ROUNDDOWN($C1754/24,0)+1,1)*INDEX($D$3:$AA$30,INDEX(Jesper!$R$2:$R$366,ROW(INDEX(Jesper!AH$2:AH$366,ROUNDDOWN($C1754/24,0)+1,1))-1)+IF('Standard Profiles'!$G$18=$B$10,7,0)+IF('Standard Profiles'!$G$18=$B$17,14,0)+IF('Standard Profiles'!$G$18=$B$24,21,0),MOD($C1754,24)+1)/SUM(INDEX($D$3:$AA$30,INDEX(Jesper!$R$2:$R$366,ROW(INDEX(Jesper!AH$2:AH$366,ROUNDDOWN($C1754/24,0)+1,1))-1)+IF('Standard Profiles'!$G$18=$B$10,7,0)+IF('Standard Profiles'!$G$18=$B$17,14,0)+IF('Standard Profiles'!$G$18=$B$24,21,0),0)),0)</f>
        <v>15.845980429108758</v>
      </c>
      <c r="E1754" cm="1">
        <f t="array" ref="E1754">IFERROR(INDEX(Jesper!AI$2:AI$366,ROUNDDOWN($C1754/24,0)+1,1)*INDEX($D$3:$AA$30,INDEX(Jesper!$R$2:$R$366,ROW(INDEX(Jesper!AI$2:AI$366,ROUNDDOWN($C1754/24,0)+1,1))-1)+IF('Standard Profiles'!$G$19=$B$10,7,0)+IF('Standard Profiles'!$G$19=$B$17,14,0)+IF('Standard Profiles'!$G$19=$B$24,21,0),MOD($C1754,24)+1)/SUM(INDEX($D$3:$AA$30,INDEX(Jesper!$R$2:$R$366,ROW(INDEX(Jesper!AI$2:AI$366,ROUNDDOWN($C1754/24,0)+1,1))-1)+IF('Standard Profiles'!$G$19=$B$10,7,0)+IF('Standard Profiles'!$G$19=$B$17,14,0)+IF('Standard Profiles'!$G$19=$B$24,21,0),0)),0)</f>
        <v>0</v>
      </c>
      <c r="F1754" cm="1">
        <f t="array" ref="F1754">IFERROR(INDEX(Jesper!AJ$2:AJ$366,ROUNDDOWN($C1754/24,0)+1,1)*INDEX($D$3:$AA$30,INDEX(Jesper!$R$2:$R$366,ROW(INDEX(Jesper!AJ$2:AJ$366,ROUNDDOWN($C1754/24,0)+1,1))-1)+IF('Standard Profiles'!$G$20=$B$10,7,0)+IF('Standard Profiles'!$G$20=$B$17,14,0)+IF('Standard Profiles'!$G$20=$B$24,21,0),MOD($C1754,24)+1)/SUM(INDEX($D$3:$AA$30,INDEX(Jesper!$R$2:$R$366,ROW(INDEX(Jesper!AJ$2:AJ$366,ROUNDDOWN($C1754/24,0)+1,1))-1)+IF('Standard Profiles'!$G$20=$B$10,7,0)+IF('Standard Profiles'!$G$20=$B$17,14,0)+IF('Standard Profiles'!$G$20=$B$24,21,0),0)),0)</f>
        <v>0</v>
      </c>
      <c r="G1754" cm="1">
        <f t="array" ref="G1754">IFERROR(INDEX(Jesper!AK$2:AK$366,ROUNDDOWN($C1754/24,0)+1,1)*INDEX($D$3:$AA$30,INDEX(Jesper!$R$2:$R$366,ROW(INDEX(Jesper!AK$2:AK$366,ROUNDDOWN($C1754/24,0)+1,1))-1)+IF('Standard Profiles'!$G$21=$B$10,7,0)+IF('Standard Profiles'!$G$21=$B$17,14,0)+IF('Standard Profiles'!$G$21=$B$24,21,0),MOD($C1754,24)+1)/SUM(INDEX($D$3:$AA$30,INDEX(Jesper!$R$2:$R$366,ROW(INDEX(Jesper!AK$2:AK$366,ROUNDDOWN($C1754/24,0)+1,1))-1)+IF('Standard Profiles'!$G$21=$B$10,7,0)+IF('Standard Profiles'!$G$21=$B$17,14,0)+IF('Standard Profiles'!$G$21=$B$24,21,0),0)),0)</f>
        <v>0</v>
      </c>
      <c r="H1754" cm="1">
        <f t="array" ref="H1754">IFERROR(INDEX(Jesper!AL$2:AL$366,ROUNDDOWN($C1754/24,0)+1,1)*INDEX($D$3:$AA$30,INDEX(Jesper!$R$2:$R$366,ROW(INDEX(Jesper!AL$2:AL$366,ROUNDDOWN($C1754/24,0)+1,1))-1)+IF('Standard Profiles'!$G$22=$B$10,7,0)+IF('Standard Profiles'!$G$22=$B$17,14,0)+IF('Standard Profiles'!$G$22=$B$24,21,0),MOD($C1754,24)+1)/SUM(INDEX($D$3:$AA$30,INDEX(Jesper!$R$2:$R$366,ROW(INDEX(Jesper!AL$2:AL$366,ROUNDDOWN($C1754/24,0)+1,1))-1)+IF('Standard Profiles'!$G$22=$B$10,7,0)+IF('Standard Profiles'!$G$22=$B$17,14,0)+IF('Standard Profiles'!$G$22=$B$24,21,0),0)),0)</f>
        <v>0</v>
      </c>
      <c r="I1754">
        <f t="shared" si="202"/>
        <v>0.47537941287326274</v>
      </c>
      <c r="J1754">
        <f t="shared" si="203"/>
        <v>1.5845980429108759</v>
      </c>
      <c r="K1754">
        <f t="shared" si="204"/>
        <v>2.3768970643663136</v>
      </c>
      <c r="L1754">
        <f t="shared" si="205"/>
        <v>11.409105908958306</v>
      </c>
      <c r="M1754">
        <f t="shared" si="206"/>
        <v>0</v>
      </c>
      <c r="N1754" s="46">
        <f t="shared" si="207"/>
        <v>45363.666666662495</v>
      </c>
    </row>
    <row r="1755" spans="2:14" x14ac:dyDescent="0.3">
      <c r="B1755">
        <f t="shared" si="201"/>
        <v>2</v>
      </c>
      <c r="C1755" s="16">
        <v>1721</v>
      </c>
      <c r="D1755" cm="1">
        <f t="array" ref="D1755">IFERROR(INDEX(Jesper!AH$2:AH$366,ROUNDDOWN($C1755/24,0)+1,1)*INDEX($D$3:$AA$30,INDEX(Jesper!$R$2:$R$366,ROW(INDEX(Jesper!AH$2:AH$366,ROUNDDOWN($C1755/24,0)+1,1))-1)+IF('Standard Profiles'!$G$18=$B$10,7,0)+IF('Standard Profiles'!$G$18=$B$17,14,0)+IF('Standard Profiles'!$G$18=$B$24,21,0),MOD($C1755,24)+1)/SUM(INDEX($D$3:$AA$30,INDEX(Jesper!$R$2:$R$366,ROW(INDEX(Jesper!AH$2:AH$366,ROUNDDOWN($C1755/24,0)+1,1))-1)+IF('Standard Profiles'!$G$18=$B$10,7,0)+IF('Standard Profiles'!$G$18=$B$17,14,0)+IF('Standard Profiles'!$G$18=$B$24,21,0),0)),0)</f>
        <v>15.845980429108758</v>
      </c>
      <c r="E1755" cm="1">
        <f t="array" ref="E1755">IFERROR(INDEX(Jesper!AI$2:AI$366,ROUNDDOWN($C1755/24,0)+1,1)*INDEX($D$3:$AA$30,INDEX(Jesper!$R$2:$R$366,ROW(INDEX(Jesper!AI$2:AI$366,ROUNDDOWN($C1755/24,0)+1,1))-1)+IF('Standard Profiles'!$G$19=$B$10,7,0)+IF('Standard Profiles'!$G$19=$B$17,14,0)+IF('Standard Profiles'!$G$19=$B$24,21,0),MOD($C1755,24)+1)/SUM(INDEX($D$3:$AA$30,INDEX(Jesper!$R$2:$R$366,ROW(INDEX(Jesper!AI$2:AI$366,ROUNDDOWN($C1755/24,0)+1,1))-1)+IF('Standard Profiles'!$G$19=$B$10,7,0)+IF('Standard Profiles'!$G$19=$B$17,14,0)+IF('Standard Profiles'!$G$19=$B$24,21,0),0)),0)</f>
        <v>0</v>
      </c>
      <c r="F1755" cm="1">
        <f t="array" ref="F1755">IFERROR(INDEX(Jesper!AJ$2:AJ$366,ROUNDDOWN($C1755/24,0)+1,1)*INDEX($D$3:$AA$30,INDEX(Jesper!$R$2:$R$366,ROW(INDEX(Jesper!AJ$2:AJ$366,ROUNDDOWN($C1755/24,0)+1,1))-1)+IF('Standard Profiles'!$G$20=$B$10,7,0)+IF('Standard Profiles'!$G$20=$B$17,14,0)+IF('Standard Profiles'!$G$20=$B$24,21,0),MOD($C1755,24)+1)/SUM(INDEX($D$3:$AA$30,INDEX(Jesper!$R$2:$R$366,ROW(INDEX(Jesper!AJ$2:AJ$366,ROUNDDOWN($C1755/24,0)+1,1))-1)+IF('Standard Profiles'!$G$20=$B$10,7,0)+IF('Standard Profiles'!$G$20=$B$17,14,0)+IF('Standard Profiles'!$G$20=$B$24,21,0),0)),0)</f>
        <v>0</v>
      </c>
      <c r="G1755" cm="1">
        <f t="array" ref="G1755">IFERROR(INDEX(Jesper!AK$2:AK$366,ROUNDDOWN($C1755/24,0)+1,1)*INDEX($D$3:$AA$30,INDEX(Jesper!$R$2:$R$366,ROW(INDEX(Jesper!AK$2:AK$366,ROUNDDOWN($C1755/24,0)+1,1))-1)+IF('Standard Profiles'!$G$21=$B$10,7,0)+IF('Standard Profiles'!$G$21=$B$17,14,0)+IF('Standard Profiles'!$G$21=$B$24,21,0),MOD($C1755,24)+1)/SUM(INDEX($D$3:$AA$30,INDEX(Jesper!$R$2:$R$366,ROW(INDEX(Jesper!AK$2:AK$366,ROUNDDOWN($C1755/24,0)+1,1))-1)+IF('Standard Profiles'!$G$21=$B$10,7,0)+IF('Standard Profiles'!$G$21=$B$17,14,0)+IF('Standard Profiles'!$G$21=$B$24,21,0),0)),0)</f>
        <v>0</v>
      </c>
      <c r="H1755" cm="1">
        <f t="array" ref="H1755">IFERROR(INDEX(Jesper!AL$2:AL$366,ROUNDDOWN($C1755/24,0)+1,1)*INDEX($D$3:$AA$30,INDEX(Jesper!$R$2:$R$366,ROW(INDEX(Jesper!AL$2:AL$366,ROUNDDOWN($C1755/24,0)+1,1))-1)+IF('Standard Profiles'!$G$22=$B$10,7,0)+IF('Standard Profiles'!$G$22=$B$17,14,0)+IF('Standard Profiles'!$G$22=$B$24,21,0),MOD($C1755,24)+1)/SUM(INDEX($D$3:$AA$30,INDEX(Jesper!$R$2:$R$366,ROW(INDEX(Jesper!AL$2:AL$366,ROUNDDOWN($C1755/24,0)+1,1))-1)+IF('Standard Profiles'!$G$22=$B$10,7,0)+IF('Standard Profiles'!$G$22=$B$17,14,0)+IF('Standard Profiles'!$G$22=$B$24,21,0),0)),0)</f>
        <v>0</v>
      </c>
      <c r="I1755">
        <f t="shared" si="202"/>
        <v>0.47537941287326274</v>
      </c>
      <c r="J1755">
        <f t="shared" si="203"/>
        <v>1.5845980429108759</v>
      </c>
      <c r="K1755">
        <f t="shared" si="204"/>
        <v>2.3768970643663136</v>
      </c>
      <c r="L1755">
        <f t="shared" si="205"/>
        <v>11.409105908958306</v>
      </c>
      <c r="M1755">
        <f t="shared" si="206"/>
        <v>0</v>
      </c>
      <c r="N1755" s="46">
        <f t="shared" si="207"/>
        <v>45363.708333329159</v>
      </c>
    </row>
    <row r="1756" spans="2:14" x14ac:dyDescent="0.3">
      <c r="B1756">
        <f t="shared" si="201"/>
        <v>2</v>
      </c>
      <c r="C1756" s="16">
        <v>1722</v>
      </c>
      <c r="D1756" cm="1">
        <f t="array" ref="D1756">IFERROR(INDEX(Jesper!AH$2:AH$366,ROUNDDOWN($C1756/24,0)+1,1)*INDEX($D$3:$AA$30,INDEX(Jesper!$R$2:$R$366,ROW(INDEX(Jesper!AH$2:AH$366,ROUNDDOWN($C1756/24,0)+1,1))-1)+IF('Standard Profiles'!$G$18=$B$10,7,0)+IF('Standard Profiles'!$G$18=$B$17,14,0)+IF('Standard Profiles'!$G$18=$B$24,21,0),MOD($C1756,24)+1)/SUM(INDEX($D$3:$AA$30,INDEX(Jesper!$R$2:$R$366,ROW(INDEX(Jesper!AH$2:AH$366,ROUNDDOWN($C1756/24,0)+1,1))-1)+IF('Standard Profiles'!$G$18=$B$10,7,0)+IF('Standard Profiles'!$G$18=$B$17,14,0)+IF('Standard Profiles'!$G$18=$B$24,21,0),0)),0)</f>
        <v>15.845980429108758</v>
      </c>
      <c r="E1756" cm="1">
        <f t="array" ref="E1756">IFERROR(INDEX(Jesper!AI$2:AI$366,ROUNDDOWN($C1756/24,0)+1,1)*INDEX($D$3:$AA$30,INDEX(Jesper!$R$2:$R$366,ROW(INDEX(Jesper!AI$2:AI$366,ROUNDDOWN($C1756/24,0)+1,1))-1)+IF('Standard Profiles'!$G$19=$B$10,7,0)+IF('Standard Profiles'!$G$19=$B$17,14,0)+IF('Standard Profiles'!$G$19=$B$24,21,0),MOD($C1756,24)+1)/SUM(INDEX($D$3:$AA$30,INDEX(Jesper!$R$2:$R$366,ROW(INDEX(Jesper!AI$2:AI$366,ROUNDDOWN($C1756/24,0)+1,1))-1)+IF('Standard Profiles'!$G$19=$B$10,7,0)+IF('Standard Profiles'!$G$19=$B$17,14,0)+IF('Standard Profiles'!$G$19=$B$24,21,0),0)),0)</f>
        <v>0</v>
      </c>
      <c r="F1756" cm="1">
        <f t="array" ref="F1756">IFERROR(INDEX(Jesper!AJ$2:AJ$366,ROUNDDOWN($C1756/24,0)+1,1)*INDEX($D$3:$AA$30,INDEX(Jesper!$R$2:$R$366,ROW(INDEX(Jesper!AJ$2:AJ$366,ROUNDDOWN($C1756/24,0)+1,1))-1)+IF('Standard Profiles'!$G$20=$B$10,7,0)+IF('Standard Profiles'!$G$20=$B$17,14,0)+IF('Standard Profiles'!$G$20=$B$24,21,0),MOD($C1756,24)+1)/SUM(INDEX($D$3:$AA$30,INDEX(Jesper!$R$2:$R$366,ROW(INDEX(Jesper!AJ$2:AJ$366,ROUNDDOWN($C1756/24,0)+1,1))-1)+IF('Standard Profiles'!$G$20=$B$10,7,0)+IF('Standard Profiles'!$G$20=$B$17,14,0)+IF('Standard Profiles'!$G$20=$B$24,21,0),0)),0)</f>
        <v>0</v>
      </c>
      <c r="G1756" cm="1">
        <f t="array" ref="G1756">IFERROR(INDEX(Jesper!AK$2:AK$366,ROUNDDOWN($C1756/24,0)+1,1)*INDEX($D$3:$AA$30,INDEX(Jesper!$R$2:$R$366,ROW(INDEX(Jesper!AK$2:AK$366,ROUNDDOWN($C1756/24,0)+1,1))-1)+IF('Standard Profiles'!$G$21=$B$10,7,0)+IF('Standard Profiles'!$G$21=$B$17,14,0)+IF('Standard Profiles'!$G$21=$B$24,21,0),MOD($C1756,24)+1)/SUM(INDEX($D$3:$AA$30,INDEX(Jesper!$R$2:$R$366,ROW(INDEX(Jesper!AK$2:AK$366,ROUNDDOWN($C1756/24,0)+1,1))-1)+IF('Standard Profiles'!$G$21=$B$10,7,0)+IF('Standard Profiles'!$G$21=$B$17,14,0)+IF('Standard Profiles'!$G$21=$B$24,21,0),0)),0)</f>
        <v>0</v>
      </c>
      <c r="H1756" cm="1">
        <f t="array" ref="H1756">IFERROR(INDEX(Jesper!AL$2:AL$366,ROUNDDOWN($C1756/24,0)+1,1)*INDEX($D$3:$AA$30,INDEX(Jesper!$R$2:$R$366,ROW(INDEX(Jesper!AL$2:AL$366,ROUNDDOWN($C1756/24,0)+1,1))-1)+IF('Standard Profiles'!$G$22=$B$10,7,0)+IF('Standard Profiles'!$G$22=$B$17,14,0)+IF('Standard Profiles'!$G$22=$B$24,21,0),MOD($C1756,24)+1)/SUM(INDEX($D$3:$AA$30,INDEX(Jesper!$R$2:$R$366,ROW(INDEX(Jesper!AL$2:AL$366,ROUNDDOWN($C1756/24,0)+1,1))-1)+IF('Standard Profiles'!$G$22=$B$10,7,0)+IF('Standard Profiles'!$G$22=$B$17,14,0)+IF('Standard Profiles'!$G$22=$B$24,21,0),0)),0)</f>
        <v>0</v>
      </c>
      <c r="I1756">
        <f t="shared" si="202"/>
        <v>0.47537941287326274</v>
      </c>
      <c r="J1756">
        <f t="shared" si="203"/>
        <v>1.5845980429108759</v>
      </c>
      <c r="K1756">
        <f t="shared" si="204"/>
        <v>2.3768970643663136</v>
      </c>
      <c r="L1756">
        <f t="shared" si="205"/>
        <v>11.409105908958306</v>
      </c>
      <c r="M1756">
        <f t="shared" si="206"/>
        <v>0</v>
      </c>
      <c r="N1756" s="46">
        <f t="shared" si="207"/>
        <v>45363.749999995824</v>
      </c>
    </row>
    <row r="1757" spans="2:14" x14ac:dyDescent="0.3">
      <c r="B1757">
        <f t="shared" si="201"/>
        <v>2</v>
      </c>
      <c r="C1757" s="16">
        <v>1723</v>
      </c>
      <c r="D1757" cm="1">
        <f t="array" ref="D1757">IFERROR(INDEX(Jesper!AH$2:AH$366,ROUNDDOWN($C1757/24,0)+1,1)*INDEX($D$3:$AA$30,INDEX(Jesper!$R$2:$R$366,ROW(INDEX(Jesper!AH$2:AH$366,ROUNDDOWN($C1757/24,0)+1,1))-1)+IF('Standard Profiles'!$G$18=$B$10,7,0)+IF('Standard Profiles'!$G$18=$B$17,14,0)+IF('Standard Profiles'!$G$18=$B$24,21,0),MOD($C1757,24)+1)/SUM(INDEX($D$3:$AA$30,INDEX(Jesper!$R$2:$R$366,ROW(INDEX(Jesper!AH$2:AH$366,ROUNDDOWN($C1757/24,0)+1,1))-1)+IF('Standard Profiles'!$G$18=$B$10,7,0)+IF('Standard Profiles'!$G$18=$B$17,14,0)+IF('Standard Profiles'!$G$18=$B$24,21,0),0)),0)</f>
        <v>13.271008609378585</v>
      </c>
      <c r="E1757" cm="1">
        <f t="array" ref="E1757">IFERROR(INDEX(Jesper!AI$2:AI$366,ROUNDDOWN($C1757/24,0)+1,1)*INDEX($D$3:$AA$30,INDEX(Jesper!$R$2:$R$366,ROW(INDEX(Jesper!AI$2:AI$366,ROUNDDOWN($C1757/24,0)+1,1))-1)+IF('Standard Profiles'!$G$19=$B$10,7,0)+IF('Standard Profiles'!$G$19=$B$17,14,0)+IF('Standard Profiles'!$G$19=$B$24,21,0),MOD($C1757,24)+1)/SUM(INDEX($D$3:$AA$30,INDEX(Jesper!$R$2:$R$366,ROW(INDEX(Jesper!AI$2:AI$366,ROUNDDOWN($C1757/24,0)+1,1))-1)+IF('Standard Profiles'!$G$19=$B$10,7,0)+IF('Standard Profiles'!$G$19=$B$17,14,0)+IF('Standard Profiles'!$G$19=$B$24,21,0),0)),0)</f>
        <v>0</v>
      </c>
      <c r="F1757" cm="1">
        <f t="array" ref="F1757">IFERROR(INDEX(Jesper!AJ$2:AJ$366,ROUNDDOWN($C1757/24,0)+1,1)*INDEX($D$3:$AA$30,INDEX(Jesper!$R$2:$R$366,ROW(INDEX(Jesper!AJ$2:AJ$366,ROUNDDOWN($C1757/24,0)+1,1))-1)+IF('Standard Profiles'!$G$20=$B$10,7,0)+IF('Standard Profiles'!$G$20=$B$17,14,0)+IF('Standard Profiles'!$G$20=$B$24,21,0),MOD($C1757,24)+1)/SUM(INDEX($D$3:$AA$30,INDEX(Jesper!$R$2:$R$366,ROW(INDEX(Jesper!AJ$2:AJ$366,ROUNDDOWN($C1757/24,0)+1,1))-1)+IF('Standard Profiles'!$G$20=$B$10,7,0)+IF('Standard Profiles'!$G$20=$B$17,14,0)+IF('Standard Profiles'!$G$20=$B$24,21,0),0)),0)</f>
        <v>0</v>
      </c>
      <c r="G1757" cm="1">
        <f t="array" ref="G1757">IFERROR(INDEX(Jesper!AK$2:AK$366,ROUNDDOWN($C1757/24,0)+1,1)*INDEX($D$3:$AA$30,INDEX(Jesper!$R$2:$R$366,ROW(INDEX(Jesper!AK$2:AK$366,ROUNDDOWN($C1757/24,0)+1,1))-1)+IF('Standard Profiles'!$G$21=$B$10,7,0)+IF('Standard Profiles'!$G$21=$B$17,14,0)+IF('Standard Profiles'!$G$21=$B$24,21,0),MOD($C1757,24)+1)/SUM(INDEX($D$3:$AA$30,INDEX(Jesper!$R$2:$R$366,ROW(INDEX(Jesper!AK$2:AK$366,ROUNDDOWN($C1757/24,0)+1,1))-1)+IF('Standard Profiles'!$G$21=$B$10,7,0)+IF('Standard Profiles'!$G$21=$B$17,14,0)+IF('Standard Profiles'!$G$21=$B$24,21,0),0)),0)</f>
        <v>0</v>
      </c>
      <c r="H1757" cm="1">
        <f t="array" ref="H1757">IFERROR(INDEX(Jesper!AL$2:AL$366,ROUNDDOWN($C1757/24,0)+1,1)*INDEX($D$3:$AA$30,INDEX(Jesper!$R$2:$R$366,ROW(INDEX(Jesper!AL$2:AL$366,ROUNDDOWN($C1757/24,0)+1,1))-1)+IF('Standard Profiles'!$G$22=$B$10,7,0)+IF('Standard Profiles'!$G$22=$B$17,14,0)+IF('Standard Profiles'!$G$22=$B$24,21,0),MOD($C1757,24)+1)/SUM(INDEX($D$3:$AA$30,INDEX(Jesper!$R$2:$R$366,ROW(INDEX(Jesper!AL$2:AL$366,ROUNDDOWN($C1757/24,0)+1,1))-1)+IF('Standard Profiles'!$G$22=$B$10,7,0)+IF('Standard Profiles'!$G$22=$B$17,14,0)+IF('Standard Profiles'!$G$22=$B$24,21,0),0)),0)</f>
        <v>0</v>
      </c>
      <c r="I1757">
        <f t="shared" si="202"/>
        <v>0.39813025828135756</v>
      </c>
      <c r="J1757">
        <f t="shared" si="203"/>
        <v>1.3271008609378585</v>
      </c>
      <c r="K1757">
        <f t="shared" si="204"/>
        <v>1.9906512914067878</v>
      </c>
      <c r="L1757">
        <f t="shared" si="205"/>
        <v>9.5551261987525802</v>
      </c>
      <c r="M1757">
        <f t="shared" si="206"/>
        <v>0</v>
      </c>
      <c r="N1757" s="46">
        <f t="shared" si="207"/>
        <v>45363.791666662488</v>
      </c>
    </row>
    <row r="1758" spans="2:14" x14ac:dyDescent="0.3">
      <c r="B1758">
        <f t="shared" si="201"/>
        <v>2</v>
      </c>
      <c r="C1758" s="16">
        <v>1724</v>
      </c>
      <c r="D1758" cm="1">
        <f t="array" ref="D1758">IFERROR(INDEX(Jesper!AH$2:AH$366,ROUNDDOWN($C1758/24,0)+1,1)*INDEX($D$3:$AA$30,INDEX(Jesper!$R$2:$R$366,ROW(INDEX(Jesper!AH$2:AH$366,ROUNDDOWN($C1758/24,0)+1,1))-1)+IF('Standard Profiles'!$G$18=$B$10,7,0)+IF('Standard Profiles'!$G$18=$B$17,14,0)+IF('Standard Profiles'!$G$18=$B$24,21,0),MOD($C1758,24)+1)/SUM(INDEX($D$3:$AA$30,INDEX(Jesper!$R$2:$R$366,ROW(INDEX(Jesper!AH$2:AH$366,ROUNDDOWN($C1758/24,0)+1,1))-1)+IF('Standard Profiles'!$G$18=$B$10,7,0)+IF('Standard Profiles'!$G$18=$B$17,14,0)+IF('Standard Profiles'!$G$18=$B$24,21,0),0)),0)</f>
        <v>10.894111545012271</v>
      </c>
      <c r="E1758" cm="1">
        <f t="array" ref="E1758">IFERROR(INDEX(Jesper!AI$2:AI$366,ROUNDDOWN($C1758/24,0)+1,1)*INDEX($D$3:$AA$30,INDEX(Jesper!$R$2:$R$366,ROW(INDEX(Jesper!AI$2:AI$366,ROUNDDOWN($C1758/24,0)+1,1))-1)+IF('Standard Profiles'!$G$19=$B$10,7,0)+IF('Standard Profiles'!$G$19=$B$17,14,0)+IF('Standard Profiles'!$G$19=$B$24,21,0),MOD($C1758,24)+1)/SUM(INDEX($D$3:$AA$30,INDEX(Jesper!$R$2:$R$366,ROW(INDEX(Jesper!AI$2:AI$366,ROUNDDOWN($C1758/24,0)+1,1))-1)+IF('Standard Profiles'!$G$19=$B$10,7,0)+IF('Standard Profiles'!$G$19=$B$17,14,0)+IF('Standard Profiles'!$G$19=$B$24,21,0),0)),0)</f>
        <v>0</v>
      </c>
      <c r="F1758" cm="1">
        <f t="array" ref="F1758">IFERROR(INDEX(Jesper!AJ$2:AJ$366,ROUNDDOWN($C1758/24,0)+1,1)*INDEX($D$3:$AA$30,INDEX(Jesper!$R$2:$R$366,ROW(INDEX(Jesper!AJ$2:AJ$366,ROUNDDOWN($C1758/24,0)+1,1))-1)+IF('Standard Profiles'!$G$20=$B$10,7,0)+IF('Standard Profiles'!$G$20=$B$17,14,0)+IF('Standard Profiles'!$G$20=$B$24,21,0),MOD($C1758,24)+1)/SUM(INDEX($D$3:$AA$30,INDEX(Jesper!$R$2:$R$366,ROW(INDEX(Jesper!AJ$2:AJ$366,ROUNDDOWN($C1758/24,0)+1,1))-1)+IF('Standard Profiles'!$G$20=$B$10,7,0)+IF('Standard Profiles'!$G$20=$B$17,14,0)+IF('Standard Profiles'!$G$20=$B$24,21,0),0)),0)</f>
        <v>0</v>
      </c>
      <c r="G1758" cm="1">
        <f t="array" ref="G1758">IFERROR(INDEX(Jesper!AK$2:AK$366,ROUNDDOWN($C1758/24,0)+1,1)*INDEX($D$3:$AA$30,INDEX(Jesper!$R$2:$R$366,ROW(INDEX(Jesper!AK$2:AK$366,ROUNDDOWN($C1758/24,0)+1,1))-1)+IF('Standard Profiles'!$G$21=$B$10,7,0)+IF('Standard Profiles'!$G$21=$B$17,14,0)+IF('Standard Profiles'!$G$21=$B$24,21,0),MOD($C1758,24)+1)/SUM(INDEX($D$3:$AA$30,INDEX(Jesper!$R$2:$R$366,ROW(INDEX(Jesper!AK$2:AK$366,ROUNDDOWN($C1758/24,0)+1,1))-1)+IF('Standard Profiles'!$G$21=$B$10,7,0)+IF('Standard Profiles'!$G$21=$B$17,14,0)+IF('Standard Profiles'!$G$21=$B$24,21,0),0)),0)</f>
        <v>0</v>
      </c>
      <c r="H1758" cm="1">
        <f t="array" ref="H1758">IFERROR(INDEX(Jesper!AL$2:AL$366,ROUNDDOWN($C1758/24,0)+1,1)*INDEX($D$3:$AA$30,INDEX(Jesper!$R$2:$R$366,ROW(INDEX(Jesper!AL$2:AL$366,ROUNDDOWN($C1758/24,0)+1,1))-1)+IF('Standard Profiles'!$G$22=$B$10,7,0)+IF('Standard Profiles'!$G$22=$B$17,14,0)+IF('Standard Profiles'!$G$22=$B$24,21,0),MOD($C1758,24)+1)/SUM(INDEX($D$3:$AA$30,INDEX(Jesper!$R$2:$R$366,ROW(INDEX(Jesper!AL$2:AL$366,ROUNDDOWN($C1758/24,0)+1,1))-1)+IF('Standard Profiles'!$G$22=$B$10,7,0)+IF('Standard Profiles'!$G$22=$B$17,14,0)+IF('Standard Profiles'!$G$22=$B$24,21,0),0)),0)</f>
        <v>0</v>
      </c>
      <c r="I1758">
        <f t="shared" si="202"/>
        <v>0.32682334635036808</v>
      </c>
      <c r="J1758">
        <f t="shared" si="203"/>
        <v>1.0894111545012271</v>
      </c>
      <c r="K1758">
        <f t="shared" si="204"/>
        <v>1.6341167317518406</v>
      </c>
      <c r="L1758">
        <f t="shared" si="205"/>
        <v>7.8437603124088344</v>
      </c>
      <c r="M1758">
        <f t="shared" si="206"/>
        <v>0</v>
      </c>
      <c r="N1758" s="46">
        <f t="shared" si="207"/>
        <v>45363.833333329152</v>
      </c>
    </row>
    <row r="1759" spans="2:14" x14ac:dyDescent="0.3">
      <c r="B1759">
        <f t="shared" si="201"/>
        <v>2</v>
      </c>
      <c r="C1759" s="16">
        <v>1725</v>
      </c>
      <c r="D1759" cm="1">
        <f t="array" ref="D1759">IFERROR(INDEX(Jesper!AH$2:AH$366,ROUNDDOWN($C1759/24,0)+1,1)*INDEX($D$3:$AA$30,INDEX(Jesper!$R$2:$R$366,ROW(INDEX(Jesper!AH$2:AH$366,ROUNDDOWN($C1759/24,0)+1,1))-1)+IF('Standard Profiles'!$G$18=$B$10,7,0)+IF('Standard Profiles'!$G$18=$B$17,14,0)+IF('Standard Profiles'!$G$18=$B$24,21,0),MOD($C1759,24)+1)/SUM(INDEX($D$3:$AA$30,INDEX(Jesper!$R$2:$R$366,ROW(INDEX(Jesper!AH$2:AH$366,ROUNDDOWN($C1759/24,0)+1,1))-1)+IF('Standard Profiles'!$G$18=$B$10,7,0)+IF('Standard Profiles'!$G$18=$B$17,14,0)+IF('Standard Profiles'!$G$18=$B$24,21,0),0)),0)</f>
        <v>7.9229902145543791</v>
      </c>
      <c r="E1759" cm="1">
        <f t="array" ref="E1759">IFERROR(INDEX(Jesper!AI$2:AI$366,ROUNDDOWN($C1759/24,0)+1,1)*INDEX($D$3:$AA$30,INDEX(Jesper!$R$2:$R$366,ROW(INDEX(Jesper!AI$2:AI$366,ROUNDDOWN($C1759/24,0)+1,1))-1)+IF('Standard Profiles'!$G$19=$B$10,7,0)+IF('Standard Profiles'!$G$19=$B$17,14,0)+IF('Standard Profiles'!$G$19=$B$24,21,0),MOD($C1759,24)+1)/SUM(INDEX($D$3:$AA$30,INDEX(Jesper!$R$2:$R$366,ROW(INDEX(Jesper!AI$2:AI$366,ROUNDDOWN($C1759/24,0)+1,1))-1)+IF('Standard Profiles'!$G$19=$B$10,7,0)+IF('Standard Profiles'!$G$19=$B$17,14,0)+IF('Standard Profiles'!$G$19=$B$24,21,0),0)),0)</f>
        <v>0</v>
      </c>
      <c r="F1759" cm="1">
        <f t="array" ref="F1759">IFERROR(INDEX(Jesper!AJ$2:AJ$366,ROUNDDOWN($C1759/24,0)+1,1)*INDEX($D$3:$AA$30,INDEX(Jesper!$R$2:$R$366,ROW(INDEX(Jesper!AJ$2:AJ$366,ROUNDDOWN($C1759/24,0)+1,1))-1)+IF('Standard Profiles'!$G$20=$B$10,7,0)+IF('Standard Profiles'!$G$20=$B$17,14,0)+IF('Standard Profiles'!$G$20=$B$24,21,0),MOD($C1759,24)+1)/SUM(INDEX($D$3:$AA$30,INDEX(Jesper!$R$2:$R$366,ROW(INDEX(Jesper!AJ$2:AJ$366,ROUNDDOWN($C1759/24,0)+1,1))-1)+IF('Standard Profiles'!$G$20=$B$10,7,0)+IF('Standard Profiles'!$G$20=$B$17,14,0)+IF('Standard Profiles'!$G$20=$B$24,21,0),0)),0)</f>
        <v>0</v>
      </c>
      <c r="G1759" cm="1">
        <f t="array" ref="G1759">IFERROR(INDEX(Jesper!AK$2:AK$366,ROUNDDOWN($C1759/24,0)+1,1)*INDEX($D$3:$AA$30,INDEX(Jesper!$R$2:$R$366,ROW(INDEX(Jesper!AK$2:AK$366,ROUNDDOWN($C1759/24,0)+1,1))-1)+IF('Standard Profiles'!$G$21=$B$10,7,0)+IF('Standard Profiles'!$G$21=$B$17,14,0)+IF('Standard Profiles'!$G$21=$B$24,21,0),MOD($C1759,24)+1)/SUM(INDEX($D$3:$AA$30,INDEX(Jesper!$R$2:$R$366,ROW(INDEX(Jesper!AK$2:AK$366,ROUNDDOWN($C1759/24,0)+1,1))-1)+IF('Standard Profiles'!$G$21=$B$10,7,0)+IF('Standard Profiles'!$G$21=$B$17,14,0)+IF('Standard Profiles'!$G$21=$B$24,21,0),0)),0)</f>
        <v>0</v>
      </c>
      <c r="H1759" cm="1">
        <f t="array" ref="H1759">IFERROR(INDEX(Jesper!AL$2:AL$366,ROUNDDOWN($C1759/24,0)+1,1)*INDEX($D$3:$AA$30,INDEX(Jesper!$R$2:$R$366,ROW(INDEX(Jesper!AL$2:AL$366,ROUNDDOWN($C1759/24,0)+1,1))-1)+IF('Standard Profiles'!$G$22=$B$10,7,0)+IF('Standard Profiles'!$G$22=$B$17,14,0)+IF('Standard Profiles'!$G$22=$B$24,21,0),MOD($C1759,24)+1)/SUM(INDEX($D$3:$AA$30,INDEX(Jesper!$R$2:$R$366,ROW(INDEX(Jesper!AL$2:AL$366,ROUNDDOWN($C1759/24,0)+1,1))-1)+IF('Standard Profiles'!$G$22=$B$10,7,0)+IF('Standard Profiles'!$G$22=$B$17,14,0)+IF('Standard Profiles'!$G$22=$B$24,21,0),0)),0)</f>
        <v>0</v>
      </c>
      <c r="I1759">
        <f t="shared" si="202"/>
        <v>0.23768970643663137</v>
      </c>
      <c r="J1759">
        <f t="shared" si="203"/>
        <v>0.79229902145543796</v>
      </c>
      <c r="K1759">
        <f t="shared" si="204"/>
        <v>1.1884485321831568</v>
      </c>
      <c r="L1759">
        <f t="shared" si="205"/>
        <v>5.7045529544791531</v>
      </c>
      <c r="M1759">
        <f t="shared" si="206"/>
        <v>0</v>
      </c>
      <c r="N1759" s="46">
        <f t="shared" si="207"/>
        <v>45363.874999995816</v>
      </c>
    </row>
    <row r="1760" spans="2:14" x14ac:dyDescent="0.3">
      <c r="B1760">
        <f t="shared" si="201"/>
        <v>2</v>
      </c>
      <c r="C1760" s="16">
        <v>1726</v>
      </c>
      <c r="D1760" cm="1">
        <f t="array" ref="D1760">IFERROR(INDEX(Jesper!AH$2:AH$366,ROUNDDOWN($C1760/24,0)+1,1)*INDEX($D$3:$AA$30,INDEX(Jesper!$R$2:$R$366,ROW(INDEX(Jesper!AH$2:AH$366,ROUNDDOWN($C1760/24,0)+1,1))-1)+IF('Standard Profiles'!$G$18=$B$10,7,0)+IF('Standard Profiles'!$G$18=$B$17,14,0)+IF('Standard Profiles'!$G$18=$B$24,21,0),MOD($C1760,24)+1)/SUM(INDEX($D$3:$AA$30,INDEX(Jesper!$R$2:$R$366,ROW(INDEX(Jesper!AH$2:AH$366,ROUNDDOWN($C1760/24,0)+1,1))-1)+IF('Standard Profiles'!$G$18=$B$10,7,0)+IF('Standard Profiles'!$G$18=$B$17,14,0)+IF('Standard Profiles'!$G$18=$B$24,21,0),0)),0)</f>
        <v>7.9229902145543791</v>
      </c>
      <c r="E1760" cm="1">
        <f t="array" ref="E1760">IFERROR(INDEX(Jesper!AI$2:AI$366,ROUNDDOWN($C1760/24,0)+1,1)*INDEX($D$3:$AA$30,INDEX(Jesper!$R$2:$R$366,ROW(INDEX(Jesper!AI$2:AI$366,ROUNDDOWN($C1760/24,0)+1,1))-1)+IF('Standard Profiles'!$G$19=$B$10,7,0)+IF('Standard Profiles'!$G$19=$B$17,14,0)+IF('Standard Profiles'!$G$19=$B$24,21,0),MOD($C1760,24)+1)/SUM(INDEX($D$3:$AA$30,INDEX(Jesper!$R$2:$R$366,ROW(INDEX(Jesper!AI$2:AI$366,ROUNDDOWN($C1760/24,0)+1,1))-1)+IF('Standard Profiles'!$G$19=$B$10,7,0)+IF('Standard Profiles'!$G$19=$B$17,14,0)+IF('Standard Profiles'!$G$19=$B$24,21,0),0)),0)</f>
        <v>0</v>
      </c>
      <c r="F1760" cm="1">
        <f t="array" ref="F1760">IFERROR(INDEX(Jesper!AJ$2:AJ$366,ROUNDDOWN($C1760/24,0)+1,1)*INDEX($D$3:$AA$30,INDEX(Jesper!$R$2:$R$366,ROW(INDEX(Jesper!AJ$2:AJ$366,ROUNDDOWN($C1760/24,0)+1,1))-1)+IF('Standard Profiles'!$G$20=$B$10,7,0)+IF('Standard Profiles'!$G$20=$B$17,14,0)+IF('Standard Profiles'!$G$20=$B$24,21,0),MOD($C1760,24)+1)/SUM(INDEX($D$3:$AA$30,INDEX(Jesper!$R$2:$R$366,ROW(INDEX(Jesper!AJ$2:AJ$366,ROUNDDOWN($C1760/24,0)+1,1))-1)+IF('Standard Profiles'!$G$20=$B$10,7,0)+IF('Standard Profiles'!$G$20=$B$17,14,0)+IF('Standard Profiles'!$G$20=$B$24,21,0),0)),0)</f>
        <v>0</v>
      </c>
      <c r="G1760" cm="1">
        <f t="array" ref="G1760">IFERROR(INDEX(Jesper!AK$2:AK$366,ROUNDDOWN($C1760/24,0)+1,1)*INDEX($D$3:$AA$30,INDEX(Jesper!$R$2:$R$366,ROW(INDEX(Jesper!AK$2:AK$366,ROUNDDOWN($C1760/24,0)+1,1))-1)+IF('Standard Profiles'!$G$21=$B$10,7,0)+IF('Standard Profiles'!$G$21=$B$17,14,0)+IF('Standard Profiles'!$G$21=$B$24,21,0),MOD($C1760,24)+1)/SUM(INDEX($D$3:$AA$30,INDEX(Jesper!$R$2:$R$366,ROW(INDEX(Jesper!AK$2:AK$366,ROUNDDOWN($C1760/24,0)+1,1))-1)+IF('Standard Profiles'!$G$21=$B$10,7,0)+IF('Standard Profiles'!$G$21=$B$17,14,0)+IF('Standard Profiles'!$G$21=$B$24,21,0),0)),0)</f>
        <v>0</v>
      </c>
      <c r="H1760" cm="1">
        <f t="array" ref="H1760">IFERROR(INDEX(Jesper!AL$2:AL$366,ROUNDDOWN($C1760/24,0)+1,1)*INDEX($D$3:$AA$30,INDEX(Jesper!$R$2:$R$366,ROW(INDEX(Jesper!AL$2:AL$366,ROUNDDOWN($C1760/24,0)+1,1))-1)+IF('Standard Profiles'!$G$22=$B$10,7,0)+IF('Standard Profiles'!$G$22=$B$17,14,0)+IF('Standard Profiles'!$G$22=$B$24,21,0),MOD($C1760,24)+1)/SUM(INDEX($D$3:$AA$30,INDEX(Jesper!$R$2:$R$366,ROW(INDEX(Jesper!AL$2:AL$366,ROUNDDOWN($C1760/24,0)+1,1))-1)+IF('Standard Profiles'!$G$22=$B$10,7,0)+IF('Standard Profiles'!$G$22=$B$17,14,0)+IF('Standard Profiles'!$G$22=$B$24,21,0),0)),0)</f>
        <v>0</v>
      </c>
      <c r="I1760">
        <f t="shared" si="202"/>
        <v>0.23768970643663137</v>
      </c>
      <c r="J1760">
        <f t="shared" si="203"/>
        <v>0.79229902145543796</v>
      </c>
      <c r="K1760">
        <f t="shared" si="204"/>
        <v>1.1884485321831568</v>
      </c>
      <c r="L1760">
        <f t="shared" si="205"/>
        <v>5.7045529544791531</v>
      </c>
      <c r="M1760">
        <f t="shared" si="206"/>
        <v>0</v>
      </c>
      <c r="N1760" s="46">
        <f t="shared" si="207"/>
        <v>45363.916666662481</v>
      </c>
    </row>
    <row r="1761" spans="2:14" x14ac:dyDescent="0.3">
      <c r="B1761">
        <f t="shared" si="201"/>
        <v>2</v>
      </c>
      <c r="C1761" s="16">
        <v>1727</v>
      </c>
      <c r="D1761" cm="1">
        <f t="array" ref="D1761">IFERROR(INDEX(Jesper!AH$2:AH$366,ROUNDDOWN($C1761/24,0)+1,1)*INDEX($D$3:$AA$30,INDEX(Jesper!$R$2:$R$366,ROW(INDEX(Jesper!AH$2:AH$366,ROUNDDOWN($C1761/24,0)+1,1))-1)+IF('Standard Profiles'!$G$18=$B$10,7,0)+IF('Standard Profiles'!$G$18=$B$17,14,0)+IF('Standard Profiles'!$G$18=$B$24,21,0),MOD($C1761,24)+1)/SUM(INDEX($D$3:$AA$30,INDEX(Jesper!$R$2:$R$366,ROW(INDEX(Jesper!AH$2:AH$366,ROUNDDOWN($C1761/24,0)+1,1))-1)+IF('Standard Profiles'!$G$18=$B$10,7,0)+IF('Standard Profiles'!$G$18=$B$17,14,0)+IF('Standard Profiles'!$G$18=$B$24,21,0),0)),0)</f>
        <v>7.9229902145543791</v>
      </c>
      <c r="E1761" cm="1">
        <f t="array" ref="E1761">IFERROR(INDEX(Jesper!AI$2:AI$366,ROUNDDOWN($C1761/24,0)+1,1)*INDEX($D$3:$AA$30,INDEX(Jesper!$R$2:$R$366,ROW(INDEX(Jesper!AI$2:AI$366,ROUNDDOWN($C1761/24,0)+1,1))-1)+IF('Standard Profiles'!$G$19=$B$10,7,0)+IF('Standard Profiles'!$G$19=$B$17,14,0)+IF('Standard Profiles'!$G$19=$B$24,21,0),MOD($C1761,24)+1)/SUM(INDEX($D$3:$AA$30,INDEX(Jesper!$R$2:$R$366,ROW(INDEX(Jesper!AI$2:AI$366,ROUNDDOWN($C1761/24,0)+1,1))-1)+IF('Standard Profiles'!$G$19=$B$10,7,0)+IF('Standard Profiles'!$G$19=$B$17,14,0)+IF('Standard Profiles'!$G$19=$B$24,21,0),0)),0)</f>
        <v>0</v>
      </c>
      <c r="F1761" cm="1">
        <f t="array" ref="F1761">IFERROR(INDEX(Jesper!AJ$2:AJ$366,ROUNDDOWN($C1761/24,0)+1,1)*INDEX($D$3:$AA$30,INDEX(Jesper!$R$2:$R$366,ROW(INDEX(Jesper!AJ$2:AJ$366,ROUNDDOWN($C1761/24,0)+1,1))-1)+IF('Standard Profiles'!$G$20=$B$10,7,0)+IF('Standard Profiles'!$G$20=$B$17,14,0)+IF('Standard Profiles'!$G$20=$B$24,21,0),MOD($C1761,24)+1)/SUM(INDEX($D$3:$AA$30,INDEX(Jesper!$R$2:$R$366,ROW(INDEX(Jesper!AJ$2:AJ$366,ROUNDDOWN($C1761/24,0)+1,1))-1)+IF('Standard Profiles'!$G$20=$B$10,7,0)+IF('Standard Profiles'!$G$20=$B$17,14,0)+IF('Standard Profiles'!$G$20=$B$24,21,0),0)),0)</f>
        <v>0</v>
      </c>
      <c r="G1761" cm="1">
        <f t="array" ref="G1761">IFERROR(INDEX(Jesper!AK$2:AK$366,ROUNDDOWN($C1761/24,0)+1,1)*INDEX($D$3:$AA$30,INDEX(Jesper!$R$2:$R$366,ROW(INDEX(Jesper!AK$2:AK$366,ROUNDDOWN($C1761/24,0)+1,1))-1)+IF('Standard Profiles'!$G$21=$B$10,7,0)+IF('Standard Profiles'!$G$21=$B$17,14,0)+IF('Standard Profiles'!$G$21=$B$24,21,0),MOD($C1761,24)+1)/SUM(INDEX($D$3:$AA$30,INDEX(Jesper!$R$2:$R$366,ROW(INDEX(Jesper!AK$2:AK$366,ROUNDDOWN($C1761/24,0)+1,1))-1)+IF('Standard Profiles'!$G$21=$B$10,7,0)+IF('Standard Profiles'!$G$21=$B$17,14,0)+IF('Standard Profiles'!$G$21=$B$24,21,0),0)),0)</f>
        <v>0</v>
      </c>
      <c r="H1761" cm="1">
        <f t="array" ref="H1761">IFERROR(INDEX(Jesper!AL$2:AL$366,ROUNDDOWN($C1761/24,0)+1,1)*INDEX($D$3:$AA$30,INDEX(Jesper!$R$2:$R$366,ROW(INDEX(Jesper!AL$2:AL$366,ROUNDDOWN($C1761/24,0)+1,1))-1)+IF('Standard Profiles'!$G$22=$B$10,7,0)+IF('Standard Profiles'!$G$22=$B$17,14,0)+IF('Standard Profiles'!$G$22=$B$24,21,0),MOD($C1761,24)+1)/SUM(INDEX($D$3:$AA$30,INDEX(Jesper!$R$2:$R$366,ROW(INDEX(Jesper!AL$2:AL$366,ROUNDDOWN($C1761/24,0)+1,1))-1)+IF('Standard Profiles'!$G$22=$B$10,7,0)+IF('Standard Profiles'!$G$22=$B$17,14,0)+IF('Standard Profiles'!$G$22=$B$24,21,0),0)),0)</f>
        <v>0</v>
      </c>
      <c r="I1761">
        <f t="shared" si="202"/>
        <v>0.23768970643663137</v>
      </c>
      <c r="J1761">
        <f t="shared" si="203"/>
        <v>0.79229902145543796</v>
      </c>
      <c r="K1761">
        <f t="shared" si="204"/>
        <v>1.1884485321831568</v>
      </c>
      <c r="L1761">
        <f t="shared" si="205"/>
        <v>5.7045529544791531</v>
      </c>
      <c r="M1761">
        <f t="shared" si="206"/>
        <v>0</v>
      </c>
      <c r="N1761" s="46">
        <f t="shared" si="207"/>
        <v>45363.958333329145</v>
      </c>
    </row>
    <row r="1762" spans="2:14" x14ac:dyDescent="0.3">
      <c r="B1762">
        <f t="shared" si="201"/>
        <v>3</v>
      </c>
      <c r="C1762" s="16">
        <v>1728</v>
      </c>
      <c r="D1762" cm="1">
        <f t="array" ref="D1762">IFERROR(INDEX(Jesper!AH$2:AH$366,ROUNDDOWN($C1762/24,0)+1,1)*INDEX($D$3:$AA$30,INDEX(Jesper!$R$2:$R$366,ROW(INDEX(Jesper!AH$2:AH$366,ROUNDDOWN($C1762/24,0)+1,1))-1)+IF('Standard Profiles'!$G$18=$B$10,7,0)+IF('Standard Profiles'!$G$18=$B$17,14,0)+IF('Standard Profiles'!$G$18=$B$24,21,0),MOD($C1762,24)+1)/SUM(INDEX($D$3:$AA$30,INDEX(Jesper!$R$2:$R$366,ROW(INDEX(Jesper!AH$2:AH$366,ROUNDDOWN($C1762/24,0)+1,1))-1)+IF('Standard Profiles'!$G$18=$B$10,7,0)+IF('Standard Profiles'!$G$18=$B$17,14,0)+IF('Standard Profiles'!$G$18=$B$24,21,0),0)),0)</f>
        <v>7.0314539609778173</v>
      </c>
      <c r="E1762" cm="1">
        <f t="array" ref="E1762">IFERROR(INDEX(Jesper!AI$2:AI$366,ROUNDDOWN($C1762/24,0)+1,1)*INDEX($D$3:$AA$30,INDEX(Jesper!$R$2:$R$366,ROW(INDEX(Jesper!AI$2:AI$366,ROUNDDOWN($C1762/24,0)+1,1))-1)+IF('Standard Profiles'!$G$19=$B$10,7,0)+IF('Standard Profiles'!$G$19=$B$17,14,0)+IF('Standard Profiles'!$G$19=$B$24,21,0),MOD($C1762,24)+1)/SUM(INDEX($D$3:$AA$30,INDEX(Jesper!$R$2:$R$366,ROW(INDEX(Jesper!AI$2:AI$366,ROUNDDOWN($C1762/24,0)+1,1))-1)+IF('Standard Profiles'!$G$19=$B$10,7,0)+IF('Standard Profiles'!$G$19=$B$17,14,0)+IF('Standard Profiles'!$G$19=$B$24,21,0),0)),0)</f>
        <v>0</v>
      </c>
      <c r="F1762" cm="1">
        <f t="array" ref="F1762">IFERROR(INDEX(Jesper!AJ$2:AJ$366,ROUNDDOWN($C1762/24,0)+1,1)*INDEX($D$3:$AA$30,INDEX(Jesper!$R$2:$R$366,ROW(INDEX(Jesper!AJ$2:AJ$366,ROUNDDOWN($C1762/24,0)+1,1))-1)+IF('Standard Profiles'!$G$20=$B$10,7,0)+IF('Standard Profiles'!$G$20=$B$17,14,0)+IF('Standard Profiles'!$G$20=$B$24,21,0),MOD($C1762,24)+1)/SUM(INDEX($D$3:$AA$30,INDEX(Jesper!$R$2:$R$366,ROW(INDEX(Jesper!AJ$2:AJ$366,ROUNDDOWN($C1762/24,0)+1,1))-1)+IF('Standard Profiles'!$G$20=$B$10,7,0)+IF('Standard Profiles'!$G$20=$B$17,14,0)+IF('Standard Profiles'!$G$20=$B$24,21,0),0)),0)</f>
        <v>0</v>
      </c>
      <c r="G1762" cm="1">
        <f t="array" ref="G1762">IFERROR(INDEX(Jesper!AK$2:AK$366,ROUNDDOWN($C1762/24,0)+1,1)*INDEX($D$3:$AA$30,INDEX(Jesper!$R$2:$R$366,ROW(INDEX(Jesper!AK$2:AK$366,ROUNDDOWN($C1762/24,0)+1,1))-1)+IF('Standard Profiles'!$G$21=$B$10,7,0)+IF('Standard Profiles'!$G$21=$B$17,14,0)+IF('Standard Profiles'!$G$21=$B$24,21,0),MOD($C1762,24)+1)/SUM(INDEX($D$3:$AA$30,INDEX(Jesper!$R$2:$R$366,ROW(INDEX(Jesper!AK$2:AK$366,ROUNDDOWN($C1762/24,0)+1,1))-1)+IF('Standard Profiles'!$G$21=$B$10,7,0)+IF('Standard Profiles'!$G$21=$B$17,14,0)+IF('Standard Profiles'!$G$21=$B$24,21,0),0)),0)</f>
        <v>0</v>
      </c>
      <c r="H1762" cm="1">
        <f t="array" ref="H1762">IFERROR(INDEX(Jesper!AL$2:AL$366,ROUNDDOWN($C1762/24,0)+1,1)*INDEX($D$3:$AA$30,INDEX(Jesper!$R$2:$R$366,ROW(INDEX(Jesper!AL$2:AL$366,ROUNDDOWN($C1762/24,0)+1,1))-1)+IF('Standard Profiles'!$G$22=$B$10,7,0)+IF('Standard Profiles'!$G$22=$B$17,14,0)+IF('Standard Profiles'!$G$22=$B$24,21,0),MOD($C1762,24)+1)/SUM(INDEX($D$3:$AA$30,INDEX(Jesper!$R$2:$R$366,ROW(INDEX(Jesper!AL$2:AL$366,ROUNDDOWN($C1762/24,0)+1,1))-1)+IF('Standard Profiles'!$G$22=$B$10,7,0)+IF('Standard Profiles'!$G$22=$B$17,14,0)+IF('Standard Profiles'!$G$22=$B$24,21,0),0)),0)</f>
        <v>0</v>
      </c>
      <c r="I1762">
        <f t="shared" si="202"/>
        <v>0.21094361882933452</v>
      </c>
      <c r="J1762">
        <f t="shared" si="203"/>
        <v>0.70314539609778182</v>
      </c>
      <c r="K1762">
        <f t="shared" si="204"/>
        <v>1.0547180941466725</v>
      </c>
      <c r="L1762">
        <f t="shared" si="205"/>
        <v>5.0626468519040282</v>
      </c>
      <c r="M1762">
        <f t="shared" si="206"/>
        <v>0</v>
      </c>
      <c r="N1762" s="46">
        <f t="shared" si="207"/>
        <v>45363.999999995809</v>
      </c>
    </row>
    <row r="1763" spans="2:14" x14ac:dyDescent="0.3">
      <c r="B1763">
        <f t="shared" ref="B1763:B1826" si="208">WEEKDAY(N1763,2)</f>
        <v>3</v>
      </c>
      <c r="C1763" s="16">
        <v>1729</v>
      </c>
      <c r="D1763" cm="1">
        <f t="array" ref="D1763">IFERROR(INDEX(Jesper!AH$2:AH$366,ROUNDDOWN($C1763/24,0)+1,1)*INDEX($D$3:$AA$30,INDEX(Jesper!$R$2:$R$366,ROW(INDEX(Jesper!AH$2:AH$366,ROUNDDOWN($C1763/24,0)+1,1))-1)+IF('Standard Profiles'!$G$18=$B$10,7,0)+IF('Standard Profiles'!$G$18=$B$17,14,0)+IF('Standard Profiles'!$G$18=$B$24,21,0),MOD($C1763,24)+1)/SUM(INDEX($D$3:$AA$30,INDEX(Jesper!$R$2:$R$366,ROW(INDEX(Jesper!AH$2:AH$366,ROUNDDOWN($C1763/24,0)+1,1))-1)+IF('Standard Profiles'!$G$18=$B$10,7,0)+IF('Standard Profiles'!$G$18=$B$17,14,0)+IF('Standard Profiles'!$G$18=$B$24,21,0),0)),0)</f>
        <v>7.9103857061000431</v>
      </c>
      <c r="E1763" cm="1">
        <f t="array" ref="E1763">IFERROR(INDEX(Jesper!AI$2:AI$366,ROUNDDOWN($C1763/24,0)+1,1)*INDEX($D$3:$AA$30,INDEX(Jesper!$R$2:$R$366,ROW(INDEX(Jesper!AI$2:AI$366,ROUNDDOWN($C1763/24,0)+1,1))-1)+IF('Standard Profiles'!$G$19=$B$10,7,0)+IF('Standard Profiles'!$G$19=$B$17,14,0)+IF('Standard Profiles'!$G$19=$B$24,21,0),MOD($C1763,24)+1)/SUM(INDEX($D$3:$AA$30,INDEX(Jesper!$R$2:$R$366,ROW(INDEX(Jesper!AI$2:AI$366,ROUNDDOWN($C1763/24,0)+1,1))-1)+IF('Standard Profiles'!$G$19=$B$10,7,0)+IF('Standard Profiles'!$G$19=$B$17,14,0)+IF('Standard Profiles'!$G$19=$B$24,21,0),0)),0)</f>
        <v>0</v>
      </c>
      <c r="F1763" cm="1">
        <f t="array" ref="F1763">IFERROR(INDEX(Jesper!AJ$2:AJ$366,ROUNDDOWN($C1763/24,0)+1,1)*INDEX($D$3:$AA$30,INDEX(Jesper!$R$2:$R$366,ROW(INDEX(Jesper!AJ$2:AJ$366,ROUNDDOWN($C1763/24,0)+1,1))-1)+IF('Standard Profiles'!$G$20=$B$10,7,0)+IF('Standard Profiles'!$G$20=$B$17,14,0)+IF('Standard Profiles'!$G$20=$B$24,21,0),MOD($C1763,24)+1)/SUM(INDEX($D$3:$AA$30,INDEX(Jesper!$R$2:$R$366,ROW(INDEX(Jesper!AJ$2:AJ$366,ROUNDDOWN($C1763/24,0)+1,1))-1)+IF('Standard Profiles'!$G$20=$B$10,7,0)+IF('Standard Profiles'!$G$20=$B$17,14,0)+IF('Standard Profiles'!$G$20=$B$24,21,0),0)),0)</f>
        <v>0</v>
      </c>
      <c r="G1763" cm="1">
        <f t="array" ref="G1763">IFERROR(INDEX(Jesper!AK$2:AK$366,ROUNDDOWN($C1763/24,0)+1,1)*INDEX($D$3:$AA$30,INDEX(Jesper!$R$2:$R$366,ROW(INDEX(Jesper!AK$2:AK$366,ROUNDDOWN($C1763/24,0)+1,1))-1)+IF('Standard Profiles'!$G$21=$B$10,7,0)+IF('Standard Profiles'!$G$21=$B$17,14,0)+IF('Standard Profiles'!$G$21=$B$24,21,0),MOD($C1763,24)+1)/SUM(INDEX($D$3:$AA$30,INDEX(Jesper!$R$2:$R$366,ROW(INDEX(Jesper!AK$2:AK$366,ROUNDDOWN($C1763/24,0)+1,1))-1)+IF('Standard Profiles'!$G$21=$B$10,7,0)+IF('Standard Profiles'!$G$21=$B$17,14,0)+IF('Standard Profiles'!$G$21=$B$24,21,0),0)),0)</f>
        <v>0</v>
      </c>
      <c r="H1763" cm="1">
        <f t="array" ref="H1763">IFERROR(INDEX(Jesper!AL$2:AL$366,ROUNDDOWN($C1763/24,0)+1,1)*INDEX($D$3:$AA$30,INDEX(Jesper!$R$2:$R$366,ROW(INDEX(Jesper!AL$2:AL$366,ROUNDDOWN($C1763/24,0)+1,1))-1)+IF('Standard Profiles'!$G$22=$B$10,7,0)+IF('Standard Profiles'!$G$22=$B$17,14,0)+IF('Standard Profiles'!$G$22=$B$24,21,0),MOD($C1763,24)+1)/SUM(INDEX($D$3:$AA$30,INDEX(Jesper!$R$2:$R$366,ROW(INDEX(Jesper!AL$2:AL$366,ROUNDDOWN($C1763/24,0)+1,1))-1)+IF('Standard Profiles'!$G$22=$B$10,7,0)+IF('Standard Profiles'!$G$22=$B$17,14,0)+IF('Standard Profiles'!$G$22=$B$24,21,0),0)),0)</f>
        <v>0</v>
      </c>
      <c r="I1763">
        <f t="shared" ref="I1763:I1826" si="209">IF($B1763&lt;6,AC$37*$D1763+AC$38*$E1763+AC$39*$F1763+AC$40*$G1763,AC$46*$D1763+AC$47*$E1763+AC$48*$F1763+AC$49*$G1763+AC$50*$H1763)</f>
        <v>0.23731157118300128</v>
      </c>
      <c r="J1763">
        <f t="shared" ref="J1763:J1826" si="210">IF($B1763&lt;6,AD$37*$D1763+AD$38*$E1763+AD$39*$F1763+AD$40*$G1763,AD$46*$D1763+AD$47*$E1763+AD$48*$F1763+AD$49*$G1763+AD$50*$H1763)</f>
        <v>0.79103857061000438</v>
      </c>
      <c r="K1763">
        <f t="shared" ref="K1763:K1826" si="211">IF($B1763&lt;6,AE$37*$D1763+AE$38*$E1763+AE$39*$F1763+AE$40*$G1763,AE$46*$D1763+AE$47*$E1763+AE$48*$F1763+AE$49*$G1763+AE$50*$H1763)</f>
        <v>1.1865578559150065</v>
      </c>
      <c r="L1763">
        <f t="shared" ref="L1763:L1826" si="212">IF($B1763&lt;6,AF$37*$D1763+AF$38*$E1763+AF$39*$F1763+AF$40*$G1763,AF$46*$D1763+AF$47*$E1763+AF$48*$F1763+AF$49*$G1763+AF$50*$H1763)</f>
        <v>5.6954777083920307</v>
      </c>
      <c r="M1763">
        <f t="shared" ref="M1763:M1826" si="213">IF($B1763&lt;6,AG$37*$D1763+AG$38*$E1763+AG$39*$F1763+AG$40*$G1763,AG$46*$D1763+AG$47*$E1763+AG$48*$F1763+AG$49*$G1763+AG$50*$H1763)</f>
        <v>0</v>
      </c>
      <c r="N1763" s="46">
        <f t="shared" si="207"/>
        <v>45364.041666662473</v>
      </c>
    </row>
    <row r="1764" spans="2:14" x14ac:dyDescent="0.3">
      <c r="B1764">
        <f t="shared" si="208"/>
        <v>3</v>
      </c>
      <c r="C1764" s="16">
        <v>1730</v>
      </c>
      <c r="D1764" cm="1">
        <f t="array" ref="D1764">IFERROR(INDEX(Jesper!AH$2:AH$366,ROUNDDOWN($C1764/24,0)+1,1)*INDEX($D$3:$AA$30,INDEX(Jesper!$R$2:$R$366,ROW(INDEX(Jesper!AH$2:AH$366,ROUNDDOWN($C1764/24,0)+1,1))-1)+IF('Standard Profiles'!$G$18=$B$10,7,0)+IF('Standard Profiles'!$G$18=$B$17,14,0)+IF('Standard Profiles'!$G$18=$B$24,21,0),MOD($C1764,24)+1)/SUM(INDEX($D$3:$AA$30,INDEX(Jesper!$R$2:$R$366,ROW(INDEX(Jesper!AH$2:AH$366,ROUNDDOWN($C1764/24,0)+1,1))-1)+IF('Standard Profiles'!$G$18=$B$10,7,0)+IF('Standard Profiles'!$G$18=$B$17,14,0)+IF('Standard Profiles'!$G$18=$B$24,21,0),0)),0)</f>
        <v>7.9103857061000431</v>
      </c>
      <c r="E1764" cm="1">
        <f t="array" ref="E1764">IFERROR(INDEX(Jesper!AI$2:AI$366,ROUNDDOWN($C1764/24,0)+1,1)*INDEX($D$3:$AA$30,INDEX(Jesper!$R$2:$R$366,ROW(INDEX(Jesper!AI$2:AI$366,ROUNDDOWN($C1764/24,0)+1,1))-1)+IF('Standard Profiles'!$G$19=$B$10,7,0)+IF('Standard Profiles'!$G$19=$B$17,14,0)+IF('Standard Profiles'!$G$19=$B$24,21,0),MOD($C1764,24)+1)/SUM(INDEX($D$3:$AA$30,INDEX(Jesper!$R$2:$R$366,ROW(INDEX(Jesper!AI$2:AI$366,ROUNDDOWN($C1764/24,0)+1,1))-1)+IF('Standard Profiles'!$G$19=$B$10,7,0)+IF('Standard Profiles'!$G$19=$B$17,14,0)+IF('Standard Profiles'!$G$19=$B$24,21,0),0)),0)</f>
        <v>0</v>
      </c>
      <c r="F1764" cm="1">
        <f t="array" ref="F1764">IFERROR(INDEX(Jesper!AJ$2:AJ$366,ROUNDDOWN($C1764/24,0)+1,1)*INDEX($D$3:$AA$30,INDEX(Jesper!$R$2:$R$366,ROW(INDEX(Jesper!AJ$2:AJ$366,ROUNDDOWN($C1764/24,0)+1,1))-1)+IF('Standard Profiles'!$G$20=$B$10,7,0)+IF('Standard Profiles'!$G$20=$B$17,14,0)+IF('Standard Profiles'!$G$20=$B$24,21,0),MOD($C1764,24)+1)/SUM(INDEX($D$3:$AA$30,INDEX(Jesper!$R$2:$R$366,ROW(INDEX(Jesper!AJ$2:AJ$366,ROUNDDOWN($C1764/24,0)+1,1))-1)+IF('Standard Profiles'!$G$20=$B$10,7,0)+IF('Standard Profiles'!$G$20=$B$17,14,0)+IF('Standard Profiles'!$G$20=$B$24,21,0),0)),0)</f>
        <v>0</v>
      </c>
      <c r="G1764" cm="1">
        <f t="array" ref="G1764">IFERROR(INDEX(Jesper!AK$2:AK$366,ROUNDDOWN($C1764/24,0)+1,1)*INDEX($D$3:$AA$30,INDEX(Jesper!$R$2:$R$366,ROW(INDEX(Jesper!AK$2:AK$366,ROUNDDOWN($C1764/24,0)+1,1))-1)+IF('Standard Profiles'!$G$21=$B$10,7,0)+IF('Standard Profiles'!$G$21=$B$17,14,0)+IF('Standard Profiles'!$G$21=$B$24,21,0),MOD($C1764,24)+1)/SUM(INDEX($D$3:$AA$30,INDEX(Jesper!$R$2:$R$366,ROW(INDEX(Jesper!AK$2:AK$366,ROUNDDOWN($C1764/24,0)+1,1))-1)+IF('Standard Profiles'!$G$21=$B$10,7,0)+IF('Standard Profiles'!$G$21=$B$17,14,0)+IF('Standard Profiles'!$G$21=$B$24,21,0),0)),0)</f>
        <v>0</v>
      </c>
      <c r="H1764" cm="1">
        <f t="array" ref="H1764">IFERROR(INDEX(Jesper!AL$2:AL$366,ROUNDDOWN($C1764/24,0)+1,1)*INDEX($D$3:$AA$30,INDEX(Jesper!$R$2:$R$366,ROW(INDEX(Jesper!AL$2:AL$366,ROUNDDOWN($C1764/24,0)+1,1))-1)+IF('Standard Profiles'!$G$22=$B$10,7,0)+IF('Standard Profiles'!$G$22=$B$17,14,0)+IF('Standard Profiles'!$G$22=$B$24,21,0),MOD($C1764,24)+1)/SUM(INDEX($D$3:$AA$30,INDEX(Jesper!$R$2:$R$366,ROW(INDEX(Jesper!AL$2:AL$366,ROUNDDOWN($C1764/24,0)+1,1))-1)+IF('Standard Profiles'!$G$22=$B$10,7,0)+IF('Standard Profiles'!$G$22=$B$17,14,0)+IF('Standard Profiles'!$G$22=$B$24,21,0),0)),0)</f>
        <v>0</v>
      </c>
      <c r="I1764">
        <f t="shared" si="209"/>
        <v>0.23731157118300128</v>
      </c>
      <c r="J1764">
        <f t="shared" si="210"/>
        <v>0.79103857061000438</v>
      </c>
      <c r="K1764">
        <f t="shared" si="211"/>
        <v>1.1865578559150065</v>
      </c>
      <c r="L1764">
        <f t="shared" si="212"/>
        <v>5.6954777083920307</v>
      </c>
      <c r="M1764">
        <f t="shared" si="213"/>
        <v>0</v>
      </c>
      <c r="N1764" s="46">
        <f t="shared" ref="N1764:N1827" si="214">N1763+1/24</f>
        <v>45364.083333329138</v>
      </c>
    </row>
    <row r="1765" spans="2:14" x14ac:dyDescent="0.3">
      <c r="B1765">
        <f t="shared" si="208"/>
        <v>3</v>
      </c>
      <c r="C1765" s="16">
        <v>1731</v>
      </c>
      <c r="D1765" cm="1">
        <f t="array" ref="D1765">IFERROR(INDEX(Jesper!AH$2:AH$366,ROUNDDOWN($C1765/24,0)+1,1)*INDEX($D$3:$AA$30,INDEX(Jesper!$R$2:$R$366,ROW(INDEX(Jesper!AH$2:AH$366,ROUNDDOWN($C1765/24,0)+1,1))-1)+IF('Standard Profiles'!$G$18=$B$10,7,0)+IF('Standard Profiles'!$G$18=$B$17,14,0)+IF('Standard Profiles'!$G$18=$B$24,21,0),MOD($C1765,24)+1)/SUM(INDEX($D$3:$AA$30,INDEX(Jesper!$R$2:$R$366,ROW(INDEX(Jesper!AH$2:AH$366,ROUNDDOWN($C1765/24,0)+1,1))-1)+IF('Standard Profiles'!$G$18=$B$10,7,0)+IF('Standard Profiles'!$G$18=$B$17,14,0)+IF('Standard Profiles'!$G$18=$B$24,21,0),0)),0)</f>
        <v>7.9103857061000431</v>
      </c>
      <c r="E1765" cm="1">
        <f t="array" ref="E1765">IFERROR(INDEX(Jesper!AI$2:AI$366,ROUNDDOWN($C1765/24,0)+1,1)*INDEX($D$3:$AA$30,INDEX(Jesper!$R$2:$R$366,ROW(INDEX(Jesper!AI$2:AI$366,ROUNDDOWN($C1765/24,0)+1,1))-1)+IF('Standard Profiles'!$G$19=$B$10,7,0)+IF('Standard Profiles'!$G$19=$B$17,14,0)+IF('Standard Profiles'!$G$19=$B$24,21,0),MOD($C1765,24)+1)/SUM(INDEX($D$3:$AA$30,INDEX(Jesper!$R$2:$R$366,ROW(INDEX(Jesper!AI$2:AI$366,ROUNDDOWN($C1765/24,0)+1,1))-1)+IF('Standard Profiles'!$G$19=$B$10,7,0)+IF('Standard Profiles'!$G$19=$B$17,14,0)+IF('Standard Profiles'!$G$19=$B$24,21,0),0)),0)</f>
        <v>0</v>
      </c>
      <c r="F1765" cm="1">
        <f t="array" ref="F1765">IFERROR(INDEX(Jesper!AJ$2:AJ$366,ROUNDDOWN($C1765/24,0)+1,1)*INDEX($D$3:$AA$30,INDEX(Jesper!$R$2:$R$366,ROW(INDEX(Jesper!AJ$2:AJ$366,ROUNDDOWN($C1765/24,0)+1,1))-1)+IF('Standard Profiles'!$G$20=$B$10,7,0)+IF('Standard Profiles'!$G$20=$B$17,14,0)+IF('Standard Profiles'!$G$20=$B$24,21,0),MOD($C1765,24)+1)/SUM(INDEX($D$3:$AA$30,INDEX(Jesper!$R$2:$R$366,ROW(INDEX(Jesper!AJ$2:AJ$366,ROUNDDOWN($C1765/24,0)+1,1))-1)+IF('Standard Profiles'!$G$20=$B$10,7,0)+IF('Standard Profiles'!$G$20=$B$17,14,0)+IF('Standard Profiles'!$G$20=$B$24,21,0),0)),0)</f>
        <v>0</v>
      </c>
      <c r="G1765" cm="1">
        <f t="array" ref="G1765">IFERROR(INDEX(Jesper!AK$2:AK$366,ROUNDDOWN($C1765/24,0)+1,1)*INDEX($D$3:$AA$30,INDEX(Jesper!$R$2:$R$366,ROW(INDEX(Jesper!AK$2:AK$366,ROUNDDOWN($C1765/24,0)+1,1))-1)+IF('Standard Profiles'!$G$21=$B$10,7,0)+IF('Standard Profiles'!$G$21=$B$17,14,0)+IF('Standard Profiles'!$G$21=$B$24,21,0),MOD($C1765,24)+1)/SUM(INDEX($D$3:$AA$30,INDEX(Jesper!$R$2:$R$366,ROW(INDEX(Jesper!AK$2:AK$366,ROUNDDOWN($C1765/24,0)+1,1))-1)+IF('Standard Profiles'!$G$21=$B$10,7,0)+IF('Standard Profiles'!$G$21=$B$17,14,0)+IF('Standard Profiles'!$G$21=$B$24,21,0),0)),0)</f>
        <v>0</v>
      </c>
      <c r="H1765" cm="1">
        <f t="array" ref="H1765">IFERROR(INDEX(Jesper!AL$2:AL$366,ROUNDDOWN($C1765/24,0)+1,1)*INDEX($D$3:$AA$30,INDEX(Jesper!$R$2:$R$366,ROW(INDEX(Jesper!AL$2:AL$366,ROUNDDOWN($C1765/24,0)+1,1))-1)+IF('Standard Profiles'!$G$22=$B$10,7,0)+IF('Standard Profiles'!$G$22=$B$17,14,0)+IF('Standard Profiles'!$G$22=$B$24,21,0),MOD($C1765,24)+1)/SUM(INDEX($D$3:$AA$30,INDEX(Jesper!$R$2:$R$366,ROW(INDEX(Jesper!AL$2:AL$366,ROUNDDOWN($C1765/24,0)+1,1))-1)+IF('Standard Profiles'!$G$22=$B$10,7,0)+IF('Standard Profiles'!$G$22=$B$17,14,0)+IF('Standard Profiles'!$G$22=$B$24,21,0),0)),0)</f>
        <v>0</v>
      </c>
      <c r="I1765">
        <f t="shared" si="209"/>
        <v>0.23731157118300128</v>
      </c>
      <c r="J1765">
        <f t="shared" si="210"/>
        <v>0.79103857061000438</v>
      </c>
      <c r="K1765">
        <f t="shared" si="211"/>
        <v>1.1865578559150065</v>
      </c>
      <c r="L1765">
        <f t="shared" si="212"/>
        <v>5.6954777083920307</v>
      </c>
      <c r="M1765">
        <f t="shared" si="213"/>
        <v>0</v>
      </c>
      <c r="N1765" s="46">
        <f t="shared" si="214"/>
        <v>45364.124999995802</v>
      </c>
    </row>
    <row r="1766" spans="2:14" x14ac:dyDescent="0.3">
      <c r="B1766">
        <f t="shared" si="208"/>
        <v>3</v>
      </c>
      <c r="C1766" s="16">
        <v>1732</v>
      </c>
      <c r="D1766" cm="1">
        <f t="array" ref="D1766">IFERROR(INDEX(Jesper!AH$2:AH$366,ROUNDDOWN($C1766/24,0)+1,1)*INDEX($D$3:$AA$30,INDEX(Jesper!$R$2:$R$366,ROW(INDEX(Jesper!AH$2:AH$366,ROUNDDOWN($C1766/24,0)+1,1))-1)+IF('Standard Profiles'!$G$18=$B$10,7,0)+IF('Standard Profiles'!$G$18=$B$17,14,0)+IF('Standard Profiles'!$G$18=$B$24,21,0),MOD($C1766,24)+1)/SUM(INDEX($D$3:$AA$30,INDEX(Jesper!$R$2:$R$366,ROW(INDEX(Jesper!AH$2:AH$366,ROUNDDOWN($C1766/24,0)+1,1))-1)+IF('Standard Profiles'!$G$18=$B$10,7,0)+IF('Standard Profiles'!$G$18=$B$17,14,0)+IF('Standard Profiles'!$G$18=$B$24,21,0),0)),0)</f>
        <v>7.9103857061000431</v>
      </c>
      <c r="E1766" cm="1">
        <f t="array" ref="E1766">IFERROR(INDEX(Jesper!AI$2:AI$366,ROUNDDOWN($C1766/24,0)+1,1)*INDEX($D$3:$AA$30,INDEX(Jesper!$R$2:$R$366,ROW(INDEX(Jesper!AI$2:AI$366,ROUNDDOWN($C1766/24,0)+1,1))-1)+IF('Standard Profiles'!$G$19=$B$10,7,0)+IF('Standard Profiles'!$G$19=$B$17,14,0)+IF('Standard Profiles'!$G$19=$B$24,21,0),MOD($C1766,24)+1)/SUM(INDEX($D$3:$AA$30,INDEX(Jesper!$R$2:$R$366,ROW(INDEX(Jesper!AI$2:AI$366,ROUNDDOWN($C1766/24,0)+1,1))-1)+IF('Standard Profiles'!$G$19=$B$10,7,0)+IF('Standard Profiles'!$G$19=$B$17,14,0)+IF('Standard Profiles'!$G$19=$B$24,21,0),0)),0)</f>
        <v>0</v>
      </c>
      <c r="F1766" cm="1">
        <f t="array" ref="F1766">IFERROR(INDEX(Jesper!AJ$2:AJ$366,ROUNDDOWN($C1766/24,0)+1,1)*INDEX($D$3:$AA$30,INDEX(Jesper!$R$2:$R$366,ROW(INDEX(Jesper!AJ$2:AJ$366,ROUNDDOWN($C1766/24,0)+1,1))-1)+IF('Standard Profiles'!$G$20=$B$10,7,0)+IF('Standard Profiles'!$G$20=$B$17,14,0)+IF('Standard Profiles'!$G$20=$B$24,21,0),MOD($C1766,24)+1)/SUM(INDEX($D$3:$AA$30,INDEX(Jesper!$R$2:$R$366,ROW(INDEX(Jesper!AJ$2:AJ$366,ROUNDDOWN($C1766/24,0)+1,1))-1)+IF('Standard Profiles'!$G$20=$B$10,7,0)+IF('Standard Profiles'!$G$20=$B$17,14,0)+IF('Standard Profiles'!$G$20=$B$24,21,0),0)),0)</f>
        <v>0</v>
      </c>
      <c r="G1766" cm="1">
        <f t="array" ref="G1766">IFERROR(INDEX(Jesper!AK$2:AK$366,ROUNDDOWN($C1766/24,0)+1,1)*INDEX($D$3:$AA$30,INDEX(Jesper!$R$2:$R$366,ROW(INDEX(Jesper!AK$2:AK$366,ROUNDDOWN($C1766/24,0)+1,1))-1)+IF('Standard Profiles'!$G$21=$B$10,7,0)+IF('Standard Profiles'!$G$21=$B$17,14,0)+IF('Standard Profiles'!$G$21=$B$24,21,0),MOD($C1766,24)+1)/SUM(INDEX($D$3:$AA$30,INDEX(Jesper!$R$2:$R$366,ROW(INDEX(Jesper!AK$2:AK$366,ROUNDDOWN($C1766/24,0)+1,1))-1)+IF('Standard Profiles'!$G$21=$B$10,7,0)+IF('Standard Profiles'!$G$21=$B$17,14,0)+IF('Standard Profiles'!$G$21=$B$24,21,0),0)),0)</f>
        <v>0</v>
      </c>
      <c r="H1766" cm="1">
        <f t="array" ref="H1766">IFERROR(INDEX(Jesper!AL$2:AL$366,ROUNDDOWN($C1766/24,0)+1,1)*INDEX($D$3:$AA$30,INDEX(Jesper!$R$2:$R$366,ROW(INDEX(Jesper!AL$2:AL$366,ROUNDDOWN($C1766/24,0)+1,1))-1)+IF('Standard Profiles'!$G$22=$B$10,7,0)+IF('Standard Profiles'!$G$22=$B$17,14,0)+IF('Standard Profiles'!$G$22=$B$24,21,0),MOD($C1766,24)+1)/SUM(INDEX($D$3:$AA$30,INDEX(Jesper!$R$2:$R$366,ROW(INDEX(Jesper!AL$2:AL$366,ROUNDDOWN($C1766/24,0)+1,1))-1)+IF('Standard Profiles'!$G$22=$B$10,7,0)+IF('Standard Profiles'!$G$22=$B$17,14,0)+IF('Standard Profiles'!$G$22=$B$24,21,0),0)),0)</f>
        <v>0</v>
      </c>
      <c r="I1766">
        <f t="shared" si="209"/>
        <v>0.23731157118300128</v>
      </c>
      <c r="J1766">
        <f t="shared" si="210"/>
        <v>0.79103857061000438</v>
      </c>
      <c r="K1766">
        <f t="shared" si="211"/>
        <v>1.1865578559150065</v>
      </c>
      <c r="L1766">
        <f t="shared" si="212"/>
        <v>5.6954777083920307</v>
      </c>
      <c r="M1766">
        <f t="shared" si="213"/>
        <v>0</v>
      </c>
      <c r="N1766" s="46">
        <f t="shared" si="214"/>
        <v>45364.166666662466</v>
      </c>
    </row>
    <row r="1767" spans="2:14" x14ac:dyDescent="0.3">
      <c r="B1767">
        <f t="shared" si="208"/>
        <v>3</v>
      </c>
      <c r="C1767" s="16">
        <v>1733</v>
      </c>
      <c r="D1767" cm="1">
        <f t="array" ref="D1767">IFERROR(INDEX(Jesper!AH$2:AH$366,ROUNDDOWN($C1767/24,0)+1,1)*INDEX($D$3:$AA$30,INDEX(Jesper!$R$2:$R$366,ROW(INDEX(Jesper!AH$2:AH$366,ROUNDDOWN($C1767/24,0)+1,1))-1)+IF('Standard Profiles'!$G$18=$B$10,7,0)+IF('Standard Profiles'!$G$18=$B$17,14,0)+IF('Standard Profiles'!$G$18=$B$24,21,0),MOD($C1767,24)+1)/SUM(INDEX($D$3:$AA$30,INDEX(Jesper!$R$2:$R$366,ROW(INDEX(Jesper!AH$2:AH$366,ROUNDDOWN($C1767/24,0)+1,1))-1)+IF('Standard Profiles'!$G$18=$B$10,7,0)+IF('Standard Profiles'!$G$18=$B$17,14,0)+IF('Standard Profiles'!$G$18=$B$24,21,0),0)),0)</f>
        <v>10.195608243417833</v>
      </c>
      <c r="E1767" cm="1">
        <f t="array" ref="E1767">IFERROR(INDEX(Jesper!AI$2:AI$366,ROUNDDOWN($C1767/24,0)+1,1)*INDEX($D$3:$AA$30,INDEX(Jesper!$R$2:$R$366,ROW(INDEX(Jesper!AI$2:AI$366,ROUNDDOWN($C1767/24,0)+1,1))-1)+IF('Standard Profiles'!$G$19=$B$10,7,0)+IF('Standard Profiles'!$G$19=$B$17,14,0)+IF('Standard Profiles'!$G$19=$B$24,21,0),MOD($C1767,24)+1)/SUM(INDEX($D$3:$AA$30,INDEX(Jesper!$R$2:$R$366,ROW(INDEX(Jesper!AI$2:AI$366,ROUNDDOWN($C1767/24,0)+1,1))-1)+IF('Standard Profiles'!$G$19=$B$10,7,0)+IF('Standard Profiles'!$G$19=$B$17,14,0)+IF('Standard Profiles'!$G$19=$B$24,21,0),0)),0)</f>
        <v>0</v>
      </c>
      <c r="F1767" cm="1">
        <f t="array" ref="F1767">IFERROR(INDEX(Jesper!AJ$2:AJ$366,ROUNDDOWN($C1767/24,0)+1,1)*INDEX($D$3:$AA$30,INDEX(Jesper!$R$2:$R$366,ROW(INDEX(Jesper!AJ$2:AJ$366,ROUNDDOWN($C1767/24,0)+1,1))-1)+IF('Standard Profiles'!$G$20=$B$10,7,0)+IF('Standard Profiles'!$G$20=$B$17,14,0)+IF('Standard Profiles'!$G$20=$B$24,21,0),MOD($C1767,24)+1)/SUM(INDEX($D$3:$AA$30,INDEX(Jesper!$R$2:$R$366,ROW(INDEX(Jesper!AJ$2:AJ$366,ROUNDDOWN($C1767/24,0)+1,1))-1)+IF('Standard Profiles'!$G$20=$B$10,7,0)+IF('Standard Profiles'!$G$20=$B$17,14,0)+IF('Standard Profiles'!$G$20=$B$24,21,0),0)),0)</f>
        <v>0</v>
      </c>
      <c r="G1767" cm="1">
        <f t="array" ref="G1767">IFERROR(INDEX(Jesper!AK$2:AK$366,ROUNDDOWN($C1767/24,0)+1,1)*INDEX($D$3:$AA$30,INDEX(Jesper!$R$2:$R$366,ROW(INDEX(Jesper!AK$2:AK$366,ROUNDDOWN($C1767/24,0)+1,1))-1)+IF('Standard Profiles'!$G$21=$B$10,7,0)+IF('Standard Profiles'!$G$21=$B$17,14,0)+IF('Standard Profiles'!$G$21=$B$24,21,0),MOD($C1767,24)+1)/SUM(INDEX($D$3:$AA$30,INDEX(Jesper!$R$2:$R$366,ROW(INDEX(Jesper!AK$2:AK$366,ROUNDDOWN($C1767/24,0)+1,1))-1)+IF('Standard Profiles'!$G$21=$B$10,7,0)+IF('Standard Profiles'!$G$21=$B$17,14,0)+IF('Standard Profiles'!$G$21=$B$24,21,0),0)),0)</f>
        <v>0</v>
      </c>
      <c r="H1767" cm="1">
        <f t="array" ref="H1767">IFERROR(INDEX(Jesper!AL$2:AL$366,ROUNDDOWN($C1767/24,0)+1,1)*INDEX($D$3:$AA$30,INDEX(Jesper!$R$2:$R$366,ROW(INDEX(Jesper!AL$2:AL$366,ROUNDDOWN($C1767/24,0)+1,1))-1)+IF('Standard Profiles'!$G$22=$B$10,7,0)+IF('Standard Profiles'!$G$22=$B$17,14,0)+IF('Standard Profiles'!$G$22=$B$24,21,0),MOD($C1767,24)+1)/SUM(INDEX($D$3:$AA$30,INDEX(Jesper!$R$2:$R$366,ROW(INDEX(Jesper!AL$2:AL$366,ROUNDDOWN($C1767/24,0)+1,1))-1)+IF('Standard Profiles'!$G$22=$B$10,7,0)+IF('Standard Profiles'!$G$22=$B$17,14,0)+IF('Standard Profiles'!$G$22=$B$24,21,0),0)),0)</f>
        <v>0</v>
      </c>
      <c r="I1767">
        <f t="shared" si="209"/>
        <v>0.30586824730253498</v>
      </c>
      <c r="J1767">
        <f t="shared" si="210"/>
        <v>1.0195608243417833</v>
      </c>
      <c r="K1767">
        <f t="shared" si="211"/>
        <v>1.5293412365126751</v>
      </c>
      <c r="L1767">
        <f t="shared" si="212"/>
        <v>7.3408379352608399</v>
      </c>
      <c r="M1767">
        <f t="shared" si="213"/>
        <v>0</v>
      </c>
      <c r="N1767" s="46">
        <f t="shared" si="214"/>
        <v>45364.20833332913</v>
      </c>
    </row>
    <row r="1768" spans="2:14" x14ac:dyDescent="0.3">
      <c r="B1768">
        <f t="shared" si="208"/>
        <v>3</v>
      </c>
      <c r="C1768" s="16">
        <v>1734</v>
      </c>
      <c r="D1768" cm="1">
        <f t="array" ref="D1768">IFERROR(INDEX(Jesper!AH$2:AH$366,ROUNDDOWN($C1768/24,0)+1,1)*INDEX($D$3:$AA$30,INDEX(Jesper!$R$2:$R$366,ROW(INDEX(Jesper!AH$2:AH$366,ROUNDDOWN($C1768/24,0)+1,1))-1)+IF('Standard Profiles'!$G$18=$B$10,7,0)+IF('Standard Profiles'!$G$18=$B$17,14,0)+IF('Standard Profiles'!$G$18=$B$24,21,0),MOD($C1768,24)+1)/SUM(INDEX($D$3:$AA$30,INDEX(Jesper!$R$2:$R$366,ROW(INDEX(Jesper!AH$2:AH$366,ROUNDDOWN($C1768/24,0)+1,1))-1)+IF('Standard Profiles'!$G$18=$B$10,7,0)+IF('Standard Profiles'!$G$18=$B$17,14,0)+IF('Standard Profiles'!$G$18=$B$24,21,0),0)),0)</f>
        <v>11.777685384637843</v>
      </c>
      <c r="E1768" cm="1">
        <f t="array" ref="E1768">IFERROR(INDEX(Jesper!AI$2:AI$366,ROUNDDOWN($C1768/24,0)+1,1)*INDEX($D$3:$AA$30,INDEX(Jesper!$R$2:$R$366,ROW(INDEX(Jesper!AI$2:AI$366,ROUNDDOWN($C1768/24,0)+1,1))-1)+IF('Standard Profiles'!$G$19=$B$10,7,0)+IF('Standard Profiles'!$G$19=$B$17,14,0)+IF('Standard Profiles'!$G$19=$B$24,21,0),MOD($C1768,24)+1)/SUM(INDEX($D$3:$AA$30,INDEX(Jesper!$R$2:$R$366,ROW(INDEX(Jesper!AI$2:AI$366,ROUNDDOWN($C1768/24,0)+1,1))-1)+IF('Standard Profiles'!$G$19=$B$10,7,0)+IF('Standard Profiles'!$G$19=$B$17,14,0)+IF('Standard Profiles'!$G$19=$B$24,21,0),0)),0)</f>
        <v>0</v>
      </c>
      <c r="F1768" cm="1">
        <f t="array" ref="F1768">IFERROR(INDEX(Jesper!AJ$2:AJ$366,ROUNDDOWN($C1768/24,0)+1,1)*INDEX($D$3:$AA$30,INDEX(Jesper!$R$2:$R$366,ROW(INDEX(Jesper!AJ$2:AJ$366,ROUNDDOWN($C1768/24,0)+1,1))-1)+IF('Standard Profiles'!$G$20=$B$10,7,0)+IF('Standard Profiles'!$G$20=$B$17,14,0)+IF('Standard Profiles'!$G$20=$B$24,21,0),MOD($C1768,24)+1)/SUM(INDEX($D$3:$AA$30,INDEX(Jesper!$R$2:$R$366,ROW(INDEX(Jesper!AJ$2:AJ$366,ROUNDDOWN($C1768/24,0)+1,1))-1)+IF('Standard Profiles'!$G$20=$B$10,7,0)+IF('Standard Profiles'!$G$20=$B$17,14,0)+IF('Standard Profiles'!$G$20=$B$24,21,0),0)),0)</f>
        <v>0</v>
      </c>
      <c r="G1768" cm="1">
        <f t="array" ref="G1768">IFERROR(INDEX(Jesper!AK$2:AK$366,ROUNDDOWN($C1768/24,0)+1,1)*INDEX($D$3:$AA$30,INDEX(Jesper!$R$2:$R$366,ROW(INDEX(Jesper!AK$2:AK$366,ROUNDDOWN($C1768/24,0)+1,1))-1)+IF('Standard Profiles'!$G$21=$B$10,7,0)+IF('Standard Profiles'!$G$21=$B$17,14,0)+IF('Standard Profiles'!$G$21=$B$24,21,0),MOD($C1768,24)+1)/SUM(INDEX($D$3:$AA$30,INDEX(Jesper!$R$2:$R$366,ROW(INDEX(Jesper!AK$2:AK$366,ROUNDDOWN($C1768/24,0)+1,1))-1)+IF('Standard Profiles'!$G$21=$B$10,7,0)+IF('Standard Profiles'!$G$21=$B$17,14,0)+IF('Standard Profiles'!$G$21=$B$24,21,0),0)),0)</f>
        <v>0</v>
      </c>
      <c r="H1768" cm="1">
        <f t="array" ref="H1768">IFERROR(INDEX(Jesper!AL$2:AL$366,ROUNDDOWN($C1768/24,0)+1,1)*INDEX($D$3:$AA$30,INDEX(Jesper!$R$2:$R$366,ROW(INDEX(Jesper!AL$2:AL$366,ROUNDDOWN($C1768/24,0)+1,1))-1)+IF('Standard Profiles'!$G$22=$B$10,7,0)+IF('Standard Profiles'!$G$22=$B$17,14,0)+IF('Standard Profiles'!$G$22=$B$24,21,0),MOD($C1768,24)+1)/SUM(INDEX($D$3:$AA$30,INDEX(Jesper!$R$2:$R$366,ROW(INDEX(Jesper!AL$2:AL$366,ROUNDDOWN($C1768/24,0)+1,1))-1)+IF('Standard Profiles'!$G$22=$B$10,7,0)+IF('Standard Profiles'!$G$22=$B$17,14,0)+IF('Standard Profiles'!$G$22=$B$24,21,0),0)),0)</f>
        <v>0</v>
      </c>
      <c r="I1768">
        <f t="shared" si="209"/>
        <v>0.35333056153913528</v>
      </c>
      <c r="J1768">
        <f t="shared" si="210"/>
        <v>1.1777685384637844</v>
      </c>
      <c r="K1768">
        <f t="shared" si="211"/>
        <v>1.7666528076956765</v>
      </c>
      <c r="L1768">
        <f t="shared" si="212"/>
        <v>8.4799334769392463</v>
      </c>
      <c r="M1768">
        <f t="shared" si="213"/>
        <v>0</v>
      </c>
      <c r="N1768" s="46">
        <f t="shared" si="214"/>
        <v>45364.249999995794</v>
      </c>
    </row>
    <row r="1769" spans="2:14" x14ac:dyDescent="0.3">
      <c r="B1769">
        <f t="shared" si="208"/>
        <v>3</v>
      </c>
      <c r="C1769" s="16">
        <v>1735</v>
      </c>
      <c r="D1769" cm="1">
        <f t="array" ref="D1769">IFERROR(INDEX(Jesper!AH$2:AH$366,ROUNDDOWN($C1769/24,0)+1,1)*INDEX($D$3:$AA$30,INDEX(Jesper!$R$2:$R$366,ROW(INDEX(Jesper!AH$2:AH$366,ROUNDDOWN($C1769/24,0)+1,1))-1)+IF('Standard Profiles'!$G$18=$B$10,7,0)+IF('Standard Profiles'!$G$18=$B$17,14,0)+IF('Standard Profiles'!$G$18=$B$24,21,0),MOD($C1769,24)+1)/SUM(INDEX($D$3:$AA$30,INDEX(Jesper!$R$2:$R$366,ROW(INDEX(Jesper!AH$2:AH$366,ROUNDDOWN($C1769/24,0)+1,1))-1)+IF('Standard Profiles'!$G$18=$B$10,7,0)+IF('Standard Profiles'!$G$18=$B$17,14,0)+IF('Standard Profiles'!$G$18=$B$24,21,0),0)),0)</f>
        <v>11.777685384637843</v>
      </c>
      <c r="E1769" cm="1">
        <f t="array" ref="E1769">IFERROR(INDEX(Jesper!AI$2:AI$366,ROUNDDOWN($C1769/24,0)+1,1)*INDEX($D$3:$AA$30,INDEX(Jesper!$R$2:$R$366,ROW(INDEX(Jesper!AI$2:AI$366,ROUNDDOWN($C1769/24,0)+1,1))-1)+IF('Standard Profiles'!$G$19=$B$10,7,0)+IF('Standard Profiles'!$G$19=$B$17,14,0)+IF('Standard Profiles'!$G$19=$B$24,21,0),MOD($C1769,24)+1)/SUM(INDEX($D$3:$AA$30,INDEX(Jesper!$R$2:$R$366,ROW(INDEX(Jesper!AI$2:AI$366,ROUNDDOWN($C1769/24,0)+1,1))-1)+IF('Standard Profiles'!$G$19=$B$10,7,0)+IF('Standard Profiles'!$G$19=$B$17,14,0)+IF('Standard Profiles'!$G$19=$B$24,21,0),0)),0)</f>
        <v>0</v>
      </c>
      <c r="F1769" cm="1">
        <f t="array" ref="F1769">IFERROR(INDEX(Jesper!AJ$2:AJ$366,ROUNDDOWN($C1769/24,0)+1,1)*INDEX($D$3:$AA$30,INDEX(Jesper!$R$2:$R$366,ROW(INDEX(Jesper!AJ$2:AJ$366,ROUNDDOWN($C1769/24,0)+1,1))-1)+IF('Standard Profiles'!$G$20=$B$10,7,0)+IF('Standard Profiles'!$G$20=$B$17,14,0)+IF('Standard Profiles'!$G$20=$B$24,21,0),MOD($C1769,24)+1)/SUM(INDEX($D$3:$AA$30,INDEX(Jesper!$R$2:$R$366,ROW(INDEX(Jesper!AJ$2:AJ$366,ROUNDDOWN($C1769/24,0)+1,1))-1)+IF('Standard Profiles'!$G$20=$B$10,7,0)+IF('Standard Profiles'!$G$20=$B$17,14,0)+IF('Standard Profiles'!$G$20=$B$24,21,0),0)),0)</f>
        <v>0</v>
      </c>
      <c r="G1769" cm="1">
        <f t="array" ref="G1769">IFERROR(INDEX(Jesper!AK$2:AK$366,ROUNDDOWN($C1769/24,0)+1,1)*INDEX($D$3:$AA$30,INDEX(Jesper!$R$2:$R$366,ROW(INDEX(Jesper!AK$2:AK$366,ROUNDDOWN($C1769/24,0)+1,1))-1)+IF('Standard Profiles'!$G$21=$B$10,7,0)+IF('Standard Profiles'!$G$21=$B$17,14,0)+IF('Standard Profiles'!$G$21=$B$24,21,0),MOD($C1769,24)+1)/SUM(INDEX($D$3:$AA$30,INDEX(Jesper!$R$2:$R$366,ROW(INDEX(Jesper!AK$2:AK$366,ROUNDDOWN($C1769/24,0)+1,1))-1)+IF('Standard Profiles'!$G$21=$B$10,7,0)+IF('Standard Profiles'!$G$21=$B$17,14,0)+IF('Standard Profiles'!$G$21=$B$24,21,0),0)),0)</f>
        <v>0</v>
      </c>
      <c r="H1769" cm="1">
        <f t="array" ref="H1769">IFERROR(INDEX(Jesper!AL$2:AL$366,ROUNDDOWN($C1769/24,0)+1,1)*INDEX($D$3:$AA$30,INDEX(Jesper!$R$2:$R$366,ROW(INDEX(Jesper!AL$2:AL$366,ROUNDDOWN($C1769/24,0)+1,1))-1)+IF('Standard Profiles'!$G$22=$B$10,7,0)+IF('Standard Profiles'!$G$22=$B$17,14,0)+IF('Standard Profiles'!$G$22=$B$24,21,0),MOD($C1769,24)+1)/SUM(INDEX($D$3:$AA$30,INDEX(Jesper!$R$2:$R$366,ROW(INDEX(Jesper!AL$2:AL$366,ROUNDDOWN($C1769/24,0)+1,1))-1)+IF('Standard Profiles'!$G$22=$B$10,7,0)+IF('Standard Profiles'!$G$22=$B$17,14,0)+IF('Standard Profiles'!$G$22=$B$24,21,0),0)),0)</f>
        <v>0</v>
      </c>
      <c r="I1769">
        <f t="shared" si="209"/>
        <v>0.35333056153913528</v>
      </c>
      <c r="J1769">
        <f t="shared" si="210"/>
        <v>1.1777685384637844</v>
      </c>
      <c r="K1769">
        <f t="shared" si="211"/>
        <v>1.7666528076956765</v>
      </c>
      <c r="L1769">
        <f t="shared" si="212"/>
        <v>8.4799334769392463</v>
      </c>
      <c r="M1769">
        <f t="shared" si="213"/>
        <v>0</v>
      </c>
      <c r="N1769" s="46">
        <f t="shared" si="214"/>
        <v>45364.291666662459</v>
      </c>
    </row>
    <row r="1770" spans="2:14" x14ac:dyDescent="0.3">
      <c r="B1770">
        <f t="shared" si="208"/>
        <v>3</v>
      </c>
      <c r="C1770" s="16">
        <v>1736</v>
      </c>
      <c r="D1770" cm="1">
        <f t="array" ref="D1770">IFERROR(INDEX(Jesper!AH$2:AH$366,ROUNDDOWN($C1770/24,0)+1,1)*INDEX($D$3:$AA$30,INDEX(Jesper!$R$2:$R$366,ROW(INDEX(Jesper!AH$2:AH$366,ROUNDDOWN($C1770/24,0)+1,1))-1)+IF('Standard Profiles'!$G$18=$B$10,7,0)+IF('Standard Profiles'!$G$18=$B$17,14,0)+IF('Standard Profiles'!$G$18=$B$24,21,0),MOD($C1770,24)+1)/SUM(INDEX($D$3:$AA$30,INDEX(Jesper!$R$2:$R$366,ROW(INDEX(Jesper!AH$2:AH$366,ROUNDDOWN($C1770/24,0)+1,1))-1)+IF('Standard Profiles'!$G$18=$B$10,7,0)+IF('Standard Profiles'!$G$18=$B$17,14,0)+IF('Standard Profiles'!$G$18=$B$24,21,0),0)),0)</f>
        <v>11.777685384637843</v>
      </c>
      <c r="E1770" cm="1">
        <f t="array" ref="E1770">IFERROR(INDEX(Jesper!AI$2:AI$366,ROUNDDOWN($C1770/24,0)+1,1)*INDEX($D$3:$AA$30,INDEX(Jesper!$R$2:$R$366,ROW(INDEX(Jesper!AI$2:AI$366,ROUNDDOWN($C1770/24,0)+1,1))-1)+IF('Standard Profiles'!$G$19=$B$10,7,0)+IF('Standard Profiles'!$G$19=$B$17,14,0)+IF('Standard Profiles'!$G$19=$B$24,21,0),MOD($C1770,24)+1)/SUM(INDEX($D$3:$AA$30,INDEX(Jesper!$R$2:$R$366,ROW(INDEX(Jesper!AI$2:AI$366,ROUNDDOWN($C1770/24,0)+1,1))-1)+IF('Standard Profiles'!$G$19=$B$10,7,0)+IF('Standard Profiles'!$G$19=$B$17,14,0)+IF('Standard Profiles'!$G$19=$B$24,21,0),0)),0)</f>
        <v>0</v>
      </c>
      <c r="F1770" cm="1">
        <f t="array" ref="F1770">IFERROR(INDEX(Jesper!AJ$2:AJ$366,ROUNDDOWN($C1770/24,0)+1,1)*INDEX($D$3:$AA$30,INDEX(Jesper!$R$2:$R$366,ROW(INDEX(Jesper!AJ$2:AJ$366,ROUNDDOWN($C1770/24,0)+1,1))-1)+IF('Standard Profiles'!$G$20=$B$10,7,0)+IF('Standard Profiles'!$G$20=$B$17,14,0)+IF('Standard Profiles'!$G$20=$B$24,21,0),MOD($C1770,24)+1)/SUM(INDEX($D$3:$AA$30,INDEX(Jesper!$R$2:$R$366,ROW(INDEX(Jesper!AJ$2:AJ$366,ROUNDDOWN($C1770/24,0)+1,1))-1)+IF('Standard Profiles'!$G$20=$B$10,7,0)+IF('Standard Profiles'!$G$20=$B$17,14,0)+IF('Standard Profiles'!$G$20=$B$24,21,0),0)),0)</f>
        <v>0</v>
      </c>
      <c r="G1770" cm="1">
        <f t="array" ref="G1770">IFERROR(INDEX(Jesper!AK$2:AK$366,ROUNDDOWN($C1770/24,0)+1,1)*INDEX($D$3:$AA$30,INDEX(Jesper!$R$2:$R$366,ROW(INDEX(Jesper!AK$2:AK$366,ROUNDDOWN($C1770/24,0)+1,1))-1)+IF('Standard Profiles'!$G$21=$B$10,7,0)+IF('Standard Profiles'!$G$21=$B$17,14,0)+IF('Standard Profiles'!$G$21=$B$24,21,0),MOD($C1770,24)+1)/SUM(INDEX($D$3:$AA$30,INDEX(Jesper!$R$2:$R$366,ROW(INDEX(Jesper!AK$2:AK$366,ROUNDDOWN($C1770/24,0)+1,1))-1)+IF('Standard Profiles'!$G$21=$B$10,7,0)+IF('Standard Profiles'!$G$21=$B$17,14,0)+IF('Standard Profiles'!$G$21=$B$24,21,0),0)),0)</f>
        <v>0</v>
      </c>
      <c r="H1770" cm="1">
        <f t="array" ref="H1770">IFERROR(INDEX(Jesper!AL$2:AL$366,ROUNDDOWN($C1770/24,0)+1,1)*INDEX($D$3:$AA$30,INDEX(Jesper!$R$2:$R$366,ROW(INDEX(Jesper!AL$2:AL$366,ROUNDDOWN($C1770/24,0)+1,1))-1)+IF('Standard Profiles'!$G$22=$B$10,7,0)+IF('Standard Profiles'!$G$22=$B$17,14,0)+IF('Standard Profiles'!$G$22=$B$24,21,0),MOD($C1770,24)+1)/SUM(INDEX($D$3:$AA$30,INDEX(Jesper!$R$2:$R$366,ROW(INDEX(Jesper!AL$2:AL$366,ROUNDDOWN($C1770/24,0)+1,1))-1)+IF('Standard Profiles'!$G$22=$B$10,7,0)+IF('Standard Profiles'!$G$22=$B$17,14,0)+IF('Standard Profiles'!$G$22=$B$24,21,0),0)),0)</f>
        <v>0</v>
      </c>
      <c r="I1770">
        <f t="shared" si="209"/>
        <v>0.35333056153913528</v>
      </c>
      <c r="J1770">
        <f t="shared" si="210"/>
        <v>1.1777685384637844</v>
      </c>
      <c r="K1770">
        <f t="shared" si="211"/>
        <v>1.7666528076956765</v>
      </c>
      <c r="L1770">
        <f t="shared" si="212"/>
        <v>8.4799334769392463</v>
      </c>
      <c r="M1770">
        <f t="shared" si="213"/>
        <v>0</v>
      </c>
      <c r="N1770" s="46">
        <f t="shared" si="214"/>
        <v>45364.333333329123</v>
      </c>
    </row>
    <row r="1771" spans="2:14" x14ac:dyDescent="0.3">
      <c r="B1771">
        <f t="shared" si="208"/>
        <v>3</v>
      </c>
      <c r="C1771" s="16">
        <v>1737</v>
      </c>
      <c r="D1771" cm="1">
        <f t="array" ref="D1771">IFERROR(INDEX(Jesper!AH$2:AH$366,ROUNDDOWN($C1771/24,0)+1,1)*INDEX($D$3:$AA$30,INDEX(Jesper!$R$2:$R$366,ROW(INDEX(Jesper!AH$2:AH$366,ROUNDDOWN($C1771/24,0)+1,1))-1)+IF('Standard Profiles'!$G$18=$B$10,7,0)+IF('Standard Profiles'!$G$18=$B$17,14,0)+IF('Standard Profiles'!$G$18=$B$24,21,0),MOD($C1771,24)+1)/SUM(INDEX($D$3:$AA$30,INDEX(Jesper!$R$2:$R$366,ROW(INDEX(Jesper!AH$2:AH$366,ROUNDDOWN($C1771/24,0)+1,1))-1)+IF('Standard Profiles'!$G$18=$B$10,7,0)+IF('Standard Profiles'!$G$18=$B$17,14,0)+IF('Standard Profiles'!$G$18=$B$24,21,0),0)),0)</f>
        <v>12.65661712976007</v>
      </c>
      <c r="E1771" cm="1">
        <f t="array" ref="E1771">IFERROR(INDEX(Jesper!AI$2:AI$366,ROUNDDOWN($C1771/24,0)+1,1)*INDEX($D$3:$AA$30,INDEX(Jesper!$R$2:$R$366,ROW(INDEX(Jesper!AI$2:AI$366,ROUNDDOWN($C1771/24,0)+1,1))-1)+IF('Standard Profiles'!$G$19=$B$10,7,0)+IF('Standard Profiles'!$G$19=$B$17,14,0)+IF('Standard Profiles'!$G$19=$B$24,21,0),MOD($C1771,24)+1)/SUM(INDEX($D$3:$AA$30,INDEX(Jesper!$R$2:$R$366,ROW(INDEX(Jesper!AI$2:AI$366,ROUNDDOWN($C1771/24,0)+1,1))-1)+IF('Standard Profiles'!$G$19=$B$10,7,0)+IF('Standard Profiles'!$G$19=$B$17,14,0)+IF('Standard Profiles'!$G$19=$B$24,21,0),0)),0)</f>
        <v>0</v>
      </c>
      <c r="F1771" cm="1">
        <f t="array" ref="F1771">IFERROR(INDEX(Jesper!AJ$2:AJ$366,ROUNDDOWN($C1771/24,0)+1,1)*INDEX($D$3:$AA$30,INDEX(Jesper!$R$2:$R$366,ROW(INDEX(Jesper!AJ$2:AJ$366,ROUNDDOWN($C1771/24,0)+1,1))-1)+IF('Standard Profiles'!$G$20=$B$10,7,0)+IF('Standard Profiles'!$G$20=$B$17,14,0)+IF('Standard Profiles'!$G$20=$B$24,21,0),MOD($C1771,24)+1)/SUM(INDEX($D$3:$AA$30,INDEX(Jesper!$R$2:$R$366,ROW(INDEX(Jesper!AJ$2:AJ$366,ROUNDDOWN($C1771/24,0)+1,1))-1)+IF('Standard Profiles'!$G$20=$B$10,7,0)+IF('Standard Profiles'!$G$20=$B$17,14,0)+IF('Standard Profiles'!$G$20=$B$24,21,0),0)),0)</f>
        <v>0</v>
      </c>
      <c r="G1771" cm="1">
        <f t="array" ref="G1771">IFERROR(INDEX(Jesper!AK$2:AK$366,ROUNDDOWN($C1771/24,0)+1,1)*INDEX($D$3:$AA$30,INDEX(Jesper!$R$2:$R$366,ROW(INDEX(Jesper!AK$2:AK$366,ROUNDDOWN($C1771/24,0)+1,1))-1)+IF('Standard Profiles'!$G$21=$B$10,7,0)+IF('Standard Profiles'!$G$21=$B$17,14,0)+IF('Standard Profiles'!$G$21=$B$24,21,0),MOD($C1771,24)+1)/SUM(INDEX($D$3:$AA$30,INDEX(Jesper!$R$2:$R$366,ROW(INDEX(Jesper!AK$2:AK$366,ROUNDDOWN($C1771/24,0)+1,1))-1)+IF('Standard Profiles'!$G$21=$B$10,7,0)+IF('Standard Profiles'!$G$21=$B$17,14,0)+IF('Standard Profiles'!$G$21=$B$24,21,0),0)),0)</f>
        <v>0</v>
      </c>
      <c r="H1771" cm="1">
        <f t="array" ref="H1771">IFERROR(INDEX(Jesper!AL$2:AL$366,ROUNDDOWN($C1771/24,0)+1,1)*INDEX($D$3:$AA$30,INDEX(Jesper!$R$2:$R$366,ROW(INDEX(Jesper!AL$2:AL$366,ROUNDDOWN($C1771/24,0)+1,1))-1)+IF('Standard Profiles'!$G$22=$B$10,7,0)+IF('Standard Profiles'!$G$22=$B$17,14,0)+IF('Standard Profiles'!$G$22=$B$24,21,0),MOD($C1771,24)+1)/SUM(INDEX($D$3:$AA$30,INDEX(Jesper!$R$2:$R$366,ROW(INDEX(Jesper!AL$2:AL$366,ROUNDDOWN($C1771/24,0)+1,1))-1)+IF('Standard Profiles'!$G$22=$B$10,7,0)+IF('Standard Profiles'!$G$22=$B$17,14,0)+IF('Standard Profiles'!$G$22=$B$24,21,0),0)),0)</f>
        <v>0</v>
      </c>
      <c r="I1771">
        <f t="shared" si="209"/>
        <v>0.37969851389280207</v>
      </c>
      <c r="J1771">
        <f t="shared" si="210"/>
        <v>1.265661712976007</v>
      </c>
      <c r="K1771">
        <f t="shared" si="211"/>
        <v>1.8984925694640105</v>
      </c>
      <c r="L1771">
        <f t="shared" si="212"/>
        <v>9.1127643334272506</v>
      </c>
      <c r="M1771">
        <f t="shared" si="213"/>
        <v>0</v>
      </c>
      <c r="N1771" s="46">
        <f t="shared" si="214"/>
        <v>45364.374999995787</v>
      </c>
    </row>
    <row r="1772" spans="2:14" x14ac:dyDescent="0.3">
      <c r="B1772">
        <f t="shared" si="208"/>
        <v>3</v>
      </c>
      <c r="C1772" s="16">
        <v>1738</v>
      </c>
      <c r="D1772" cm="1">
        <f t="array" ref="D1772">IFERROR(INDEX(Jesper!AH$2:AH$366,ROUNDDOWN($C1772/24,0)+1,1)*INDEX($D$3:$AA$30,INDEX(Jesper!$R$2:$R$366,ROW(INDEX(Jesper!AH$2:AH$366,ROUNDDOWN($C1772/24,0)+1,1))-1)+IF('Standard Profiles'!$G$18=$B$10,7,0)+IF('Standard Profiles'!$G$18=$B$17,14,0)+IF('Standard Profiles'!$G$18=$B$24,21,0),MOD($C1772,24)+1)/SUM(INDEX($D$3:$AA$30,INDEX(Jesper!$R$2:$R$366,ROW(INDEX(Jesper!AH$2:AH$366,ROUNDDOWN($C1772/24,0)+1,1))-1)+IF('Standard Profiles'!$G$18=$B$10,7,0)+IF('Standard Profiles'!$G$18=$B$17,14,0)+IF('Standard Profiles'!$G$18=$B$24,21,0),0)),0)</f>
        <v>13.711335223906742</v>
      </c>
      <c r="E1772" cm="1">
        <f t="array" ref="E1772">IFERROR(INDEX(Jesper!AI$2:AI$366,ROUNDDOWN($C1772/24,0)+1,1)*INDEX($D$3:$AA$30,INDEX(Jesper!$R$2:$R$366,ROW(INDEX(Jesper!AI$2:AI$366,ROUNDDOWN($C1772/24,0)+1,1))-1)+IF('Standard Profiles'!$G$19=$B$10,7,0)+IF('Standard Profiles'!$G$19=$B$17,14,0)+IF('Standard Profiles'!$G$19=$B$24,21,0),MOD($C1772,24)+1)/SUM(INDEX($D$3:$AA$30,INDEX(Jesper!$R$2:$R$366,ROW(INDEX(Jesper!AI$2:AI$366,ROUNDDOWN($C1772/24,0)+1,1))-1)+IF('Standard Profiles'!$G$19=$B$10,7,0)+IF('Standard Profiles'!$G$19=$B$17,14,0)+IF('Standard Profiles'!$G$19=$B$24,21,0),0)),0)</f>
        <v>0</v>
      </c>
      <c r="F1772" cm="1">
        <f t="array" ref="F1772">IFERROR(INDEX(Jesper!AJ$2:AJ$366,ROUNDDOWN($C1772/24,0)+1,1)*INDEX($D$3:$AA$30,INDEX(Jesper!$R$2:$R$366,ROW(INDEX(Jesper!AJ$2:AJ$366,ROUNDDOWN($C1772/24,0)+1,1))-1)+IF('Standard Profiles'!$G$20=$B$10,7,0)+IF('Standard Profiles'!$G$20=$B$17,14,0)+IF('Standard Profiles'!$G$20=$B$24,21,0),MOD($C1772,24)+1)/SUM(INDEX($D$3:$AA$30,INDEX(Jesper!$R$2:$R$366,ROW(INDEX(Jesper!AJ$2:AJ$366,ROUNDDOWN($C1772/24,0)+1,1))-1)+IF('Standard Profiles'!$G$20=$B$10,7,0)+IF('Standard Profiles'!$G$20=$B$17,14,0)+IF('Standard Profiles'!$G$20=$B$24,21,0),0)),0)</f>
        <v>0</v>
      </c>
      <c r="G1772" cm="1">
        <f t="array" ref="G1772">IFERROR(INDEX(Jesper!AK$2:AK$366,ROUNDDOWN($C1772/24,0)+1,1)*INDEX($D$3:$AA$30,INDEX(Jesper!$R$2:$R$366,ROW(INDEX(Jesper!AK$2:AK$366,ROUNDDOWN($C1772/24,0)+1,1))-1)+IF('Standard Profiles'!$G$21=$B$10,7,0)+IF('Standard Profiles'!$G$21=$B$17,14,0)+IF('Standard Profiles'!$G$21=$B$24,21,0),MOD($C1772,24)+1)/SUM(INDEX($D$3:$AA$30,INDEX(Jesper!$R$2:$R$366,ROW(INDEX(Jesper!AK$2:AK$366,ROUNDDOWN($C1772/24,0)+1,1))-1)+IF('Standard Profiles'!$G$21=$B$10,7,0)+IF('Standard Profiles'!$G$21=$B$17,14,0)+IF('Standard Profiles'!$G$21=$B$24,21,0),0)),0)</f>
        <v>0</v>
      </c>
      <c r="H1772" cm="1">
        <f t="array" ref="H1772">IFERROR(INDEX(Jesper!AL$2:AL$366,ROUNDDOWN($C1772/24,0)+1,1)*INDEX($D$3:$AA$30,INDEX(Jesper!$R$2:$R$366,ROW(INDEX(Jesper!AL$2:AL$366,ROUNDDOWN($C1772/24,0)+1,1))-1)+IF('Standard Profiles'!$G$22=$B$10,7,0)+IF('Standard Profiles'!$G$22=$B$17,14,0)+IF('Standard Profiles'!$G$22=$B$24,21,0),MOD($C1772,24)+1)/SUM(INDEX($D$3:$AA$30,INDEX(Jesper!$R$2:$R$366,ROW(INDEX(Jesper!AL$2:AL$366,ROUNDDOWN($C1772/24,0)+1,1))-1)+IF('Standard Profiles'!$G$22=$B$10,7,0)+IF('Standard Profiles'!$G$22=$B$17,14,0)+IF('Standard Profiles'!$G$22=$B$24,21,0),0)),0)</f>
        <v>0</v>
      </c>
      <c r="I1772">
        <f t="shared" si="209"/>
        <v>0.41134005671720225</v>
      </c>
      <c r="J1772">
        <f t="shared" si="210"/>
        <v>1.3711335223906742</v>
      </c>
      <c r="K1772">
        <f t="shared" si="211"/>
        <v>2.0567002835860113</v>
      </c>
      <c r="L1772">
        <f t="shared" si="212"/>
        <v>9.8721613612128536</v>
      </c>
      <c r="M1772">
        <f t="shared" si="213"/>
        <v>0</v>
      </c>
      <c r="N1772" s="46">
        <f t="shared" si="214"/>
        <v>45364.416666662451</v>
      </c>
    </row>
    <row r="1773" spans="2:14" x14ac:dyDescent="0.3">
      <c r="B1773">
        <f t="shared" si="208"/>
        <v>3</v>
      </c>
      <c r="C1773" s="16">
        <v>1739</v>
      </c>
      <c r="D1773" cm="1">
        <f t="array" ref="D1773">IFERROR(INDEX(Jesper!AH$2:AH$366,ROUNDDOWN($C1773/24,0)+1,1)*INDEX($D$3:$AA$30,INDEX(Jesper!$R$2:$R$366,ROW(INDEX(Jesper!AH$2:AH$366,ROUNDDOWN($C1773/24,0)+1,1))-1)+IF('Standard Profiles'!$G$18=$B$10,7,0)+IF('Standard Profiles'!$G$18=$B$17,14,0)+IF('Standard Profiles'!$G$18=$B$24,21,0),MOD($C1773,24)+1)/SUM(INDEX($D$3:$AA$30,INDEX(Jesper!$R$2:$R$366,ROW(INDEX(Jesper!AH$2:AH$366,ROUNDDOWN($C1773/24,0)+1,1))-1)+IF('Standard Profiles'!$G$18=$B$10,7,0)+IF('Standard Profiles'!$G$18=$B$17,14,0)+IF('Standard Profiles'!$G$18=$B$24,21,0),0)),0)</f>
        <v>15.820771412200086</v>
      </c>
      <c r="E1773" cm="1">
        <f t="array" ref="E1773">IFERROR(INDEX(Jesper!AI$2:AI$366,ROUNDDOWN($C1773/24,0)+1,1)*INDEX($D$3:$AA$30,INDEX(Jesper!$R$2:$R$366,ROW(INDEX(Jesper!AI$2:AI$366,ROUNDDOWN($C1773/24,0)+1,1))-1)+IF('Standard Profiles'!$G$19=$B$10,7,0)+IF('Standard Profiles'!$G$19=$B$17,14,0)+IF('Standard Profiles'!$G$19=$B$24,21,0),MOD($C1773,24)+1)/SUM(INDEX($D$3:$AA$30,INDEX(Jesper!$R$2:$R$366,ROW(INDEX(Jesper!AI$2:AI$366,ROUNDDOWN($C1773/24,0)+1,1))-1)+IF('Standard Profiles'!$G$19=$B$10,7,0)+IF('Standard Profiles'!$G$19=$B$17,14,0)+IF('Standard Profiles'!$G$19=$B$24,21,0),0)),0)</f>
        <v>0</v>
      </c>
      <c r="F1773" cm="1">
        <f t="array" ref="F1773">IFERROR(INDEX(Jesper!AJ$2:AJ$366,ROUNDDOWN($C1773/24,0)+1,1)*INDEX($D$3:$AA$30,INDEX(Jesper!$R$2:$R$366,ROW(INDEX(Jesper!AJ$2:AJ$366,ROUNDDOWN($C1773/24,0)+1,1))-1)+IF('Standard Profiles'!$G$20=$B$10,7,0)+IF('Standard Profiles'!$G$20=$B$17,14,0)+IF('Standard Profiles'!$G$20=$B$24,21,0),MOD($C1773,24)+1)/SUM(INDEX($D$3:$AA$30,INDEX(Jesper!$R$2:$R$366,ROW(INDEX(Jesper!AJ$2:AJ$366,ROUNDDOWN($C1773/24,0)+1,1))-1)+IF('Standard Profiles'!$G$20=$B$10,7,0)+IF('Standard Profiles'!$G$20=$B$17,14,0)+IF('Standard Profiles'!$G$20=$B$24,21,0),0)),0)</f>
        <v>0</v>
      </c>
      <c r="G1773" cm="1">
        <f t="array" ref="G1773">IFERROR(INDEX(Jesper!AK$2:AK$366,ROUNDDOWN($C1773/24,0)+1,1)*INDEX($D$3:$AA$30,INDEX(Jesper!$R$2:$R$366,ROW(INDEX(Jesper!AK$2:AK$366,ROUNDDOWN($C1773/24,0)+1,1))-1)+IF('Standard Profiles'!$G$21=$B$10,7,0)+IF('Standard Profiles'!$G$21=$B$17,14,0)+IF('Standard Profiles'!$G$21=$B$24,21,0),MOD($C1773,24)+1)/SUM(INDEX($D$3:$AA$30,INDEX(Jesper!$R$2:$R$366,ROW(INDEX(Jesper!AK$2:AK$366,ROUNDDOWN($C1773/24,0)+1,1))-1)+IF('Standard Profiles'!$G$21=$B$10,7,0)+IF('Standard Profiles'!$G$21=$B$17,14,0)+IF('Standard Profiles'!$G$21=$B$24,21,0),0)),0)</f>
        <v>0</v>
      </c>
      <c r="H1773" cm="1">
        <f t="array" ref="H1773">IFERROR(INDEX(Jesper!AL$2:AL$366,ROUNDDOWN($C1773/24,0)+1,1)*INDEX($D$3:$AA$30,INDEX(Jesper!$R$2:$R$366,ROW(INDEX(Jesper!AL$2:AL$366,ROUNDDOWN($C1773/24,0)+1,1))-1)+IF('Standard Profiles'!$G$22=$B$10,7,0)+IF('Standard Profiles'!$G$22=$B$17,14,0)+IF('Standard Profiles'!$G$22=$B$24,21,0),MOD($C1773,24)+1)/SUM(INDEX($D$3:$AA$30,INDEX(Jesper!$R$2:$R$366,ROW(INDEX(Jesper!AL$2:AL$366,ROUNDDOWN($C1773/24,0)+1,1))-1)+IF('Standard Profiles'!$G$22=$B$10,7,0)+IF('Standard Profiles'!$G$22=$B$17,14,0)+IF('Standard Profiles'!$G$22=$B$24,21,0),0)),0)</f>
        <v>0</v>
      </c>
      <c r="I1773">
        <f t="shared" si="209"/>
        <v>0.47462314236600256</v>
      </c>
      <c r="J1773">
        <f t="shared" si="210"/>
        <v>1.5820771412200088</v>
      </c>
      <c r="K1773">
        <f t="shared" si="211"/>
        <v>2.373115711830013</v>
      </c>
      <c r="L1773">
        <f t="shared" si="212"/>
        <v>11.390955416784061</v>
      </c>
      <c r="M1773">
        <f t="shared" si="213"/>
        <v>0</v>
      </c>
      <c r="N1773" s="46">
        <f t="shared" si="214"/>
        <v>45364.458333329116</v>
      </c>
    </row>
    <row r="1774" spans="2:14" x14ac:dyDescent="0.3">
      <c r="B1774">
        <f t="shared" si="208"/>
        <v>3</v>
      </c>
      <c r="C1774" s="16">
        <v>1740</v>
      </c>
      <c r="D1774" cm="1">
        <f t="array" ref="D1774">IFERROR(INDEX(Jesper!AH$2:AH$366,ROUNDDOWN($C1774/24,0)+1,1)*INDEX($D$3:$AA$30,INDEX(Jesper!$R$2:$R$366,ROW(INDEX(Jesper!AH$2:AH$366,ROUNDDOWN($C1774/24,0)+1,1))-1)+IF('Standard Profiles'!$G$18=$B$10,7,0)+IF('Standard Profiles'!$G$18=$B$17,14,0)+IF('Standard Profiles'!$G$18=$B$24,21,0),MOD($C1774,24)+1)/SUM(INDEX($D$3:$AA$30,INDEX(Jesper!$R$2:$R$366,ROW(INDEX(Jesper!AH$2:AH$366,ROUNDDOWN($C1774/24,0)+1,1))-1)+IF('Standard Profiles'!$G$18=$B$10,7,0)+IF('Standard Profiles'!$G$18=$B$17,14,0)+IF('Standard Profiles'!$G$18=$B$24,21,0),0)),0)</f>
        <v>15.820771412200086</v>
      </c>
      <c r="E1774" cm="1">
        <f t="array" ref="E1774">IFERROR(INDEX(Jesper!AI$2:AI$366,ROUNDDOWN($C1774/24,0)+1,1)*INDEX($D$3:$AA$30,INDEX(Jesper!$R$2:$R$366,ROW(INDEX(Jesper!AI$2:AI$366,ROUNDDOWN($C1774/24,0)+1,1))-1)+IF('Standard Profiles'!$G$19=$B$10,7,0)+IF('Standard Profiles'!$G$19=$B$17,14,0)+IF('Standard Profiles'!$G$19=$B$24,21,0),MOD($C1774,24)+1)/SUM(INDEX($D$3:$AA$30,INDEX(Jesper!$R$2:$R$366,ROW(INDEX(Jesper!AI$2:AI$366,ROUNDDOWN($C1774/24,0)+1,1))-1)+IF('Standard Profiles'!$G$19=$B$10,7,0)+IF('Standard Profiles'!$G$19=$B$17,14,0)+IF('Standard Profiles'!$G$19=$B$24,21,0),0)),0)</f>
        <v>0</v>
      </c>
      <c r="F1774" cm="1">
        <f t="array" ref="F1774">IFERROR(INDEX(Jesper!AJ$2:AJ$366,ROUNDDOWN($C1774/24,0)+1,1)*INDEX($D$3:$AA$30,INDEX(Jesper!$R$2:$R$366,ROW(INDEX(Jesper!AJ$2:AJ$366,ROUNDDOWN($C1774/24,0)+1,1))-1)+IF('Standard Profiles'!$G$20=$B$10,7,0)+IF('Standard Profiles'!$G$20=$B$17,14,0)+IF('Standard Profiles'!$G$20=$B$24,21,0),MOD($C1774,24)+1)/SUM(INDEX($D$3:$AA$30,INDEX(Jesper!$R$2:$R$366,ROW(INDEX(Jesper!AJ$2:AJ$366,ROUNDDOWN($C1774/24,0)+1,1))-1)+IF('Standard Profiles'!$G$20=$B$10,7,0)+IF('Standard Profiles'!$G$20=$B$17,14,0)+IF('Standard Profiles'!$G$20=$B$24,21,0),0)),0)</f>
        <v>0</v>
      </c>
      <c r="G1774" cm="1">
        <f t="array" ref="G1774">IFERROR(INDEX(Jesper!AK$2:AK$366,ROUNDDOWN($C1774/24,0)+1,1)*INDEX($D$3:$AA$30,INDEX(Jesper!$R$2:$R$366,ROW(INDEX(Jesper!AK$2:AK$366,ROUNDDOWN($C1774/24,0)+1,1))-1)+IF('Standard Profiles'!$G$21=$B$10,7,0)+IF('Standard Profiles'!$G$21=$B$17,14,0)+IF('Standard Profiles'!$G$21=$B$24,21,0),MOD($C1774,24)+1)/SUM(INDEX($D$3:$AA$30,INDEX(Jesper!$R$2:$R$366,ROW(INDEX(Jesper!AK$2:AK$366,ROUNDDOWN($C1774/24,0)+1,1))-1)+IF('Standard Profiles'!$G$21=$B$10,7,0)+IF('Standard Profiles'!$G$21=$B$17,14,0)+IF('Standard Profiles'!$G$21=$B$24,21,0),0)),0)</f>
        <v>0</v>
      </c>
      <c r="H1774" cm="1">
        <f t="array" ref="H1774">IFERROR(INDEX(Jesper!AL$2:AL$366,ROUNDDOWN($C1774/24,0)+1,1)*INDEX($D$3:$AA$30,INDEX(Jesper!$R$2:$R$366,ROW(INDEX(Jesper!AL$2:AL$366,ROUNDDOWN($C1774/24,0)+1,1))-1)+IF('Standard Profiles'!$G$22=$B$10,7,0)+IF('Standard Profiles'!$G$22=$B$17,14,0)+IF('Standard Profiles'!$G$22=$B$24,21,0),MOD($C1774,24)+1)/SUM(INDEX($D$3:$AA$30,INDEX(Jesper!$R$2:$R$366,ROW(INDEX(Jesper!AL$2:AL$366,ROUNDDOWN($C1774/24,0)+1,1))-1)+IF('Standard Profiles'!$G$22=$B$10,7,0)+IF('Standard Profiles'!$G$22=$B$17,14,0)+IF('Standard Profiles'!$G$22=$B$24,21,0),0)),0)</f>
        <v>0</v>
      </c>
      <c r="I1774">
        <f t="shared" si="209"/>
        <v>0.47462314236600256</v>
      </c>
      <c r="J1774">
        <f t="shared" si="210"/>
        <v>1.5820771412200088</v>
      </c>
      <c r="K1774">
        <f t="shared" si="211"/>
        <v>2.373115711830013</v>
      </c>
      <c r="L1774">
        <f t="shared" si="212"/>
        <v>11.390955416784061</v>
      </c>
      <c r="M1774">
        <f t="shared" si="213"/>
        <v>0</v>
      </c>
      <c r="N1774" s="46">
        <f t="shared" si="214"/>
        <v>45364.49999999578</v>
      </c>
    </row>
    <row r="1775" spans="2:14" x14ac:dyDescent="0.3">
      <c r="B1775">
        <f t="shared" si="208"/>
        <v>3</v>
      </c>
      <c r="C1775" s="16">
        <v>1741</v>
      </c>
      <c r="D1775" cm="1">
        <f t="array" ref="D1775">IFERROR(INDEX(Jesper!AH$2:AH$366,ROUNDDOWN($C1775/24,0)+1,1)*INDEX($D$3:$AA$30,INDEX(Jesper!$R$2:$R$366,ROW(INDEX(Jesper!AH$2:AH$366,ROUNDDOWN($C1775/24,0)+1,1))-1)+IF('Standard Profiles'!$G$18=$B$10,7,0)+IF('Standard Profiles'!$G$18=$B$17,14,0)+IF('Standard Profiles'!$G$18=$B$24,21,0),MOD($C1775,24)+1)/SUM(INDEX($D$3:$AA$30,INDEX(Jesper!$R$2:$R$366,ROW(INDEX(Jesper!AH$2:AH$366,ROUNDDOWN($C1775/24,0)+1,1))-1)+IF('Standard Profiles'!$G$18=$B$10,7,0)+IF('Standard Profiles'!$G$18=$B$17,14,0)+IF('Standard Profiles'!$G$18=$B$24,21,0),0)),0)</f>
        <v>15.820771412200086</v>
      </c>
      <c r="E1775" cm="1">
        <f t="array" ref="E1775">IFERROR(INDEX(Jesper!AI$2:AI$366,ROUNDDOWN($C1775/24,0)+1,1)*INDEX($D$3:$AA$30,INDEX(Jesper!$R$2:$R$366,ROW(INDEX(Jesper!AI$2:AI$366,ROUNDDOWN($C1775/24,0)+1,1))-1)+IF('Standard Profiles'!$G$19=$B$10,7,0)+IF('Standard Profiles'!$G$19=$B$17,14,0)+IF('Standard Profiles'!$G$19=$B$24,21,0),MOD($C1775,24)+1)/SUM(INDEX($D$3:$AA$30,INDEX(Jesper!$R$2:$R$366,ROW(INDEX(Jesper!AI$2:AI$366,ROUNDDOWN($C1775/24,0)+1,1))-1)+IF('Standard Profiles'!$G$19=$B$10,7,0)+IF('Standard Profiles'!$G$19=$B$17,14,0)+IF('Standard Profiles'!$G$19=$B$24,21,0),0)),0)</f>
        <v>0</v>
      </c>
      <c r="F1775" cm="1">
        <f t="array" ref="F1775">IFERROR(INDEX(Jesper!AJ$2:AJ$366,ROUNDDOWN($C1775/24,0)+1,1)*INDEX($D$3:$AA$30,INDEX(Jesper!$R$2:$R$366,ROW(INDEX(Jesper!AJ$2:AJ$366,ROUNDDOWN($C1775/24,0)+1,1))-1)+IF('Standard Profiles'!$G$20=$B$10,7,0)+IF('Standard Profiles'!$G$20=$B$17,14,0)+IF('Standard Profiles'!$G$20=$B$24,21,0),MOD($C1775,24)+1)/SUM(INDEX($D$3:$AA$30,INDEX(Jesper!$R$2:$R$366,ROW(INDEX(Jesper!AJ$2:AJ$366,ROUNDDOWN($C1775/24,0)+1,1))-1)+IF('Standard Profiles'!$G$20=$B$10,7,0)+IF('Standard Profiles'!$G$20=$B$17,14,0)+IF('Standard Profiles'!$G$20=$B$24,21,0),0)),0)</f>
        <v>0</v>
      </c>
      <c r="G1775" cm="1">
        <f t="array" ref="G1775">IFERROR(INDEX(Jesper!AK$2:AK$366,ROUNDDOWN($C1775/24,0)+1,1)*INDEX($D$3:$AA$30,INDEX(Jesper!$R$2:$R$366,ROW(INDEX(Jesper!AK$2:AK$366,ROUNDDOWN($C1775/24,0)+1,1))-1)+IF('Standard Profiles'!$G$21=$B$10,7,0)+IF('Standard Profiles'!$G$21=$B$17,14,0)+IF('Standard Profiles'!$G$21=$B$24,21,0),MOD($C1775,24)+1)/SUM(INDEX($D$3:$AA$30,INDEX(Jesper!$R$2:$R$366,ROW(INDEX(Jesper!AK$2:AK$366,ROUNDDOWN($C1775/24,0)+1,1))-1)+IF('Standard Profiles'!$G$21=$B$10,7,0)+IF('Standard Profiles'!$G$21=$B$17,14,0)+IF('Standard Profiles'!$G$21=$B$24,21,0),0)),0)</f>
        <v>0</v>
      </c>
      <c r="H1775" cm="1">
        <f t="array" ref="H1775">IFERROR(INDEX(Jesper!AL$2:AL$366,ROUNDDOWN($C1775/24,0)+1,1)*INDEX($D$3:$AA$30,INDEX(Jesper!$R$2:$R$366,ROW(INDEX(Jesper!AL$2:AL$366,ROUNDDOWN($C1775/24,0)+1,1))-1)+IF('Standard Profiles'!$G$22=$B$10,7,0)+IF('Standard Profiles'!$G$22=$B$17,14,0)+IF('Standard Profiles'!$G$22=$B$24,21,0),MOD($C1775,24)+1)/SUM(INDEX($D$3:$AA$30,INDEX(Jesper!$R$2:$R$366,ROW(INDEX(Jesper!AL$2:AL$366,ROUNDDOWN($C1775/24,0)+1,1))-1)+IF('Standard Profiles'!$G$22=$B$10,7,0)+IF('Standard Profiles'!$G$22=$B$17,14,0)+IF('Standard Profiles'!$G$22=$B$24,21,0),0)),0)</f>
        <v>0</v>
      </c>
      <c r="I1775">
        <f t="shared" si="209"/>
        <v>0.47462314236600256</v>
      </c>
      <c r="J1775">
        <f t="shared" si="210"/>
        <v>1.5820771412200088</v>
      </c>
      <c r="K1775">
        <f t="shared" si="211"/>
        <v>2.373115711830013</v>
      </c>
      <c r="L1775">
        <f t="shared" si="212"/>
        <v>11.390955416784061</v>
      </c>
      <c r="M1775">
        <f t="shared" si="213"/>
        <v>0</v>
      </c>
      <c r="N1775" s="46">
        <f t="shared" si="214"/>
        <v>45364.541666662444</v>
      </c>
    </row>
    <row r="1776" spans="2:14" x14ac:dyDescent="0.3">
      <c r="B1776">
        <f t="shared" si="208"/>
        <v>3</v>
      </c>
      <c r="C1776" s="16">
        <v>1742</v>
      </c>
      <c r="D1776" cm="1">
        <f t="array" ref="D1776">IFERROR(INDEX(Jesper!AH$2:AH$366,ROUNDDOWN($C1776/24,0)+1,1)*INDEX($D$3:$AA$30,INDEX(Jesper!$R$2:$R$366,ROW(INDEX(Jesper!AH$2:AH$366,ROUNDDOWN($C1776/24,0)+1,1))-1)+IF('Standard Profiles'!$G$18=$B$10,7,0)+IF('Standard Profiles'!$G$18=$B$17,14,0)+IF('Standard Profiles'!$G$18=$B$24,21,0),MOD($C1776,24)+1)/SUM(INDEX($D$3:$AA$30,INDEX(Jesper!$R$2:$R$366,ROW(INDEX(Jesper!AH$2:AH$366,ROUNDDOWN($C1776/24,0)+1,1))-1)+IF('Standard Profiles'!$G$18=$B$10,7,0)+IF('Standard Profiles'!$G$18=$B$17,14,0)+IF('Standard Profiles'!$G$18=$B$24,21,0),0)),0)</f>
        <v>15.820771412200086</v>
      </c>
      <c r="E1776" cm="1">
        <f t="array" ref="E1776">IFERROR(INDEX(Jesper!AI$2:AI$366,ROUNDDOWN($C1776/24,0)+1,1)*INDEX($D$3:$AA$30,INDEX(Jesper!$R$2:$R$366,ROW(INDEX(Jesper!AI$2:AI$366,ROUNDDOWN($C1776/24,0)+1,1))-1)+IF('Standard Profiles'!$G$19=$B$10,7,0)+IF('Standard Profiles'!$G$19=$B$17,14,0)+IF('Standard Profiles'!$G$19=$B$24,21,0),MOD($C1776,24)+1)/SUM(INDEX($D$3:$AA$30,INDEX(Jesper!$R$2:$R$366,ROW(INDEX(Jesper!AI$2:AI$366,ROUNDDOWN($C1776/24,0)+1,1))-1)+IF('Standard Profiles'!$G$19=$B$10,7,0)+IF('Standard Profiles'!$G$19=$B$17,14,0)+IF('Standard Profiles'!$G$19=$B$24,21,0),0)),0)</f>
        <v>0</v>
      </c>
      <c r="F1776" cm="1">
        <f t="array" ref="F1776">IFERROR(INDEX(Jesper!AJ$2:AJ$366,ROUNDDOWN($C1776/24,0)+1,1)*INDEX($D$3:$AA$30,INDEX(Jesper!$R$2:$R$366,ROW(INDEX(Jesper!AJ$2:AJ$366,ROUNDDOWN($C1776/24,0)+1,1))-1)+IF('Standard Profiles'!$G$20=$B$10,7,0)+IF('Standard Profiles'!$G$20=$B$17,14,0)+IF('Standard Profiles'!$G$20=$B$24,21,0),MOD($C1776,24)+1)/SUM(INDEX($D$3:$AA$30,INDEX(Jesper!$R$2:$R$366,ROW(INDEX(Jesper!AJ$2:AJ$366,ROUNDDOWN($C1776/24,0)+1,1))-1)+IF('Standard Profiles'!$G$20=$B$10,7,0)+IF('Standard Profiles'!$G$20=$B$17,14,0)+IF('Standard Profiles'!$G$20=$B$24,21,0),0)),0)</f>
        <v>0</v>
      </c>
      <c r="G1776" cm="1">
        <f t="array" ref="G1776">IFERROR(INDEX(Jesper!AK$2:AK$366,ROUNDDOWN($C1776/24,0)+1,1)*INDEX($D$3:$AA$30,INDEX(Jesper!$R$2:$R$366,ROW(INDEX(Jesper!AK$2:AK$366,ROUNDDOWN($C1776/24,0)+1,1))-1)+IF('Standard Profiles'!$G$21=$B$10,7,0)+IF('Standard Profiles'!$G$21=$B$17,14,0)+IF('Standard Profiles'!$G$21=$B$24,21,0),MOD($C1776,24)+1)/SUM(INDEX($D$3:$AA$30,INDEX(Jesper!$R$2:$R$366,ROW(INDEX(Jesper!AK$2:AK$366,ROUNDDOWN($C1776/24,0)+1,1))-1)+IF('Standard Profiles'!$G$21=$B$10,7,0)+IF('Standard Profiles'!$G$21=$B$17,14,0)+IF('Standard Profiles'!$G$21=$B$24,21,0),0)),0)</f>
        <v>0</v>
      </c>
      <c r="H1776" cm="1">
        <f t="array" ref="H1776">IFERROR(INDEX(Jesper!AL$2:AL$366,ROUNDDOWN($C1776/24,0)+1,1)*INDEX($D$3:$AA$30,INDEX(Jesper!$R$2:$R$366,ROW(INDEX(Jesper!AL$2:AL$366,ROUNDDOWN($C1776/24,0)+1,1))-1)+IF('Standard Profiles'!$G$22=$B$10,7,0)+IF('Standard Profiles'!$G$22=$B$17,14,0)+IF('Standard Profiles'!$G$22=$B$24,21,0),MOD($C1776,24)+1)/SUM(INDEX($D$3:$AA$30,INDEX(Jesper!$R$2:$R$366,ROW(INDEX(Jesper!AL$2:AL$366,ROUNDDOWN($C1776/24,0)+1,1))-1)+IF('Standard Profiles'!$G$22=$B$10,7,0)+IF('Standard Profiles'!$G$22=$B$17,14,0)+IF('Standard Profiles'!$G$22=$B$24,21,0),0)),0)</f>
        <v>0</v>
      </c>
      <c r="I1776">
        <f t="shared" si="209"/>
        <v>0.47462314236600256</v>
      </c>
      <c r="J1776">
        <f t="shared" si="210"/>
        <v>1.5820771412200088</v>
      </c>
      <c r="K1776">
        <f t="shared" si="211"/>
        <v>2.373115711830013</v>
      </c>
      <c r="L1776">
        <f t="shared" si="212"/>
        <v>11.390955416784061</v>
      </c>
      <c r="M1776">
        <f t="shared" si="213"/>
        <v>0</v>
      </c>
      <c r="N1776" s="46">
        <f t="shared" si="214"/>
        <v>45364.583333329108</v>
      </c>
    </row>
    <row r="1777" spans="2:14" x14ac:dyDescent="0.3">
      <c r="B1777">
        <f t="shared" si="208"/>
        <v>3</v>
      </c>
      <c r="C1777" s="16">
        <v>1743</v>
      </c>
      <c r="D1777" cm="1">
        <f t="array" ref="D1777">IFERROR(INDEX(Jesper!AH$2:AH$366,ROUNDDOWN($C1777/24,0)+1,1)*INDEX($D$3:$AA$30,INDEX(Jesper!$R$2:$R$366,ROW(INDEX(Jesper!AH$2:AH$366,ROUNDDOWN($C1777/24,0)+1,1))-1)+IF('Standard Profiles'!$G$18=$B$10,7,0)+IF('Standard Profiles'!$G$18=$B$17,14,0)+IF('Standard Profiles'!$G$18=$B$24,21,0),MOD($C1777,24)+1)/SUM(INDEX($D$3:$AA$30,INDEX(Jesper!$R$2:$R$366,ROW(INDEX(Jesper!AH$2:AH$366,ROUNDDOWN($C1777/24,0)+1,1))-1)+IF('Standard Profiles'!$G$18=$B$10,7,0)+IF('Standard Profiles'!$G$18=$B$17,14,0)+IF('Standard Profiles'!$G$18=$B$24,21,0),0)),0)</f>
        <v>15.820771412200086</v>
      </c>
      <c r="E1777" cm="1">
        <f t="array" ref="E1777">IFERROR(INDEX(Jesper!AI$2:AI$366,ROUNDDOWN($C1777/24,0)+1,1)*INDEX($D$3:$AA$30,INDEX(Jesper!$R$2:$R$366,ROW(INDEX(Jesper!AI$2:AI$366,ROUNDDOWN($C1777/24,0)+1,1))-1)+IF('Standard Profiles'!$G$19=$B$10,7,0)+IF('Standard Profiles'!$G$19=$B$17,14,0)+IF('Standard Profiles'!$G$19=$B$24,21,0),MOD($C1777,24)+1)/SUM(INDEX($D$3:$AA$30,INDEX(Jesper!$R$2:$R$366,ROW(INDEX(Jesper!AI$2:AI$366,ROUNDDOWN($C1777/24,0)+1,1))-1)+IF('Standard Profiles'!$G$19=$B$10,7,0)+IF('Standard Profiles'!$G$19=$B$17,14,0)+IF('Standard Profiles'!$G$19=$B$24,21,0),0)),0)</f>
        <v>0</v>
      </c>
      <c r="F1777" cm="1">
        <f t="array" ref="F1777">IFERROR(INDEX(Jesper!AJ$2:AJ$366,ROUNDDOWN($C1777/24,0)+1,1)*INDEX($D$3:$AA$30,INDEX(Jesper!$R$2:$R$366,ROW(INDEX(Jesper!AJ$2:AJ$366,ROUNDDOWN($C1777/24,0)+1,1))-1)+IF('Standard Profiles'!$G$20=$B$10,7,0)+IF('Standard Profiles'!$G$20=$B$17,14,0)+IF('Standard Profiles'!$G$20=$B$24,21,0),MOD($C1777,24)+1)/SUM(INDEX($D$3:$AA$30,INDEX(Jesper!$R$2:$R$366,ROW(INDEX(Jesper!AJ$2:AJ$366,ROUNDDOWN($C1777/24,0)+1,1))-1)+IF('Standard Profiles'!$G$20=$B$10,7,0)+IF('Standard Profiles'!$G$20=$B$17,14,0)+IF('Standard Profiles'!$G$20=$B$24,21,0),0)),0)</f>
        <v>0</v>
      </c>
      <c r="G1777" cm="1">
        <f t="array" ref="G1777">IFERROR(INDEX(Jesper!AK$2:AK$366,ROUNDDOWN($C1777/24,0)+1,1)*INDEX($D$3:$AA$30,INDEX(Jesper!$R$2:$R$366,ROW(INDEX(Jesper!AK$2:AK$366,ROUNDDOWN($C1777/24,0)+1,1))-1)+IF('Standard Profiles'!$G$21=$B$10,7,0)+IF('Standard Profiles'!$G$21=$B$17,14,0)+IF('Standard Profiles'!$G$21=$B$24,21,0),MOD($C1777,24)+1)/SUM(INDEX($D$3:$AA$30,INDEX(Jesper!$R$2:$R$366,ROW(INDEX(Jesper!AK$2:AK$366,ROUNDDOWN($C1777/24,0)+1,1))-1)+IF('Standard Profiles'!$G$21=$B$10,7,0)+IF('Standard Profiles'!$G$21=$B$17,14,0)+IF('Standard Profiles'!$G$21=$B$24,21,0),0)),0)</f>
        <v>0</v>
      </c>
      <c r="H1777" cm="1">
        <f t="array" ref="H1777">IFERROR(INDEX(Jesper!AL$2:AL$366,ROUNDDOWN($C1777/24,0)+1,1)*INDEX($D$3:$AA$30,INDEX(Jesper!$R$2:$R$366,ROW(INDEX(Jesper!AL$2:AL$366,ROUNDDOWN($C1777/24,0)+1,1))-1)+IF('Standard Profiles'!$G$22=$B$10,7,0)+IF('Standard Profiles'!$G$22=$B$17,14,0)+IF('Standard Profiles'!$G$22=$B$24,21,0),MOD($C1777,24)+1)/SUM(INDEX($D$3:$AA$30,INDEX(Jesper!$R$2:$R$366,ROW(INDEX(Jesper!AL$2:AL$366,ROUNDDOWN($C1777/24,0)+1,1))-1)+IF('Standard Profiles'!$G$22=$B$10,7,0)+IF('Standard Profiles'!$G$22=$B$17,14,0)+IF('Standard Profiles'!$G$22=$B$24,21,0),0)),0)</f>
        <v>0</v>
      </c>
      <c r="I1777">
        <f t="shared" si="209"/>
        <v>0.47462314236600256</v>
      </c>
      <c r="J1777">
        <f t="shared" si="210"/>
        <v>1.5820771412200088</v>
      </c>
      <c r="K1777">
        <f t="shared" si="211"/>
        <v>2.373115711830013</v>
      </c>
      <c r="L1777">
        <f t="shared" si="212"/>
        <v>11.390955416784061</v>
      </c>
      <c r="M1777">
        <f t="shared" si="213"/>
        <v>0</v>
      </c>
      <c r="N1777" s="46">
        <f t="shared" si="214"/>
        <v>45364.624999995773</v>
      </c>
    </row>
    <row r="1778" spans="2:14" x14ac:dyDescent="0.3">
      <c r="B1778">
        <f t="shared" si="208"/>
        <v>3</v>
      </c>
      <c r="C1778" s="16">
        <v>1744</v>
      </c>
      <c r="D1778" cm="1">
        <f t="array" ref="D1778">IFERROR(INDEX(Jesper!AH$2:AH$366,ROUNDDOWN($C1778/24,0)+1,1)*INDEX($D$3:$AA$30,INDEX(Jesper!$R$2:$R$366,ROW(INDEX(Jesper!AH$2:AH$366,ROUNDDOWN($C1778/24,0)+1,1))-1)+IF('Standard Profiles'!$G$18=$B$10,7,0)+IF('Standard Profiles'!$G$18=$B$17,14,0)+IF('Standard Profiles'!$G$18=$B$24,21,0),MOD($C1778,24)+1)/SUM(INDEX($D$3:$AA$30,INDEX(Jesper!$R$2:$R$366,ROW(INDEX(Jesper!AH$2:AH$366,ROUNDDOWN($C1778/24,0)+1,1))-1)+IF('Standard Profiles'!$G$18=$B$10,7,0)+IF('Standard Profiles'!$G$18=$B$17,14,0)+IF('Standard Profiles'!$G$18=$B$24,21,0),0)),0)</f>
        <v>15.820771412200086</v>
      </c>
      <c r="E1778" cm="1">
        <f t="array" ref="E1778">IFERROR(INDEX(Jesper!AI$2:AI$366,ROUNDDOWN($C1778/24,0)+1,1)*INDEX($D$3:$AA$30,INDEX(Jesper!$R$2:$R$366,ROW(INDEX(Jesper!AI$2:AI$366,ROUNDDOWN($C1778/24,0)+1,1))-1)+IF('Standard Profiles'!$G$19=$B$10,7,0)+IF('Standard Profiles'!$G$19=$B$17,14,0)+IF('Standard Profiles'!$G$19=$B$24,21,0),MOD($C1778,24)+1)/SUM(INDEX($D$3:$AA$30,INDEX(Jesper!$R$2:$R$366,ROW(INDEX(Jesper!AI$2:AI$366,ROUNDDOWN($C1778/24,0)+1,1))-1)+IF('Standard Profiles'!$G$19=$B$10,7,0)+IF('Standard Profiles'!$G$19=$B$17,14,0)+IF('Standard Profiles'!$G$19=$B$24,21,0),0)),0)</f>
        <v>0</v>
      </c>
      <c r="F1778" cm="1">
        <f t="array" ref="F1778">IFERROR(INDEX(Jesper!AJ$2:AJ$366,ROUNDDOWN($C1778/24,0)+1,1)*INDEX($D$3:$AA$30,INDEX(Jesper!$R$2:$R$366,ROW(INDEX(Jesper!AJ$2:AJ$366,ROUNDDOWN($C1778/24,0)+1,1))-1)+IF('Standard Profiles'!$G$20=$B$10,7,0)+IF('Standard Profiles'!$G$20=$B$17,14,0)+IF('Standard Profiles'!$G$20=$B$24,21,0),MOD($C1778,24)+1)/SUM(INDEX($D$3:$AA$30,INDEX(Jesper!$R$2:$R$366,ROW(INDEX(Jesper!AJ$2:AJ$366,ROUNDDOWN($C1778/24,0)+1,1))-1)+IF('Standard Profiles'!$G$20=$B$10,7,0)+IF('Standard Profiles'!$G$20=$B$17,14,0)+IF('Standard Profiles'!$G$20=$B$24,21,0),0)),0)</f>
        <v>0</v>
      </c>
      <c r="G1778" cm="1">
        <f t="array" ref="G1778">IFERROR(INDEX(Jesper!AK$2:AK$366,ROUNDDOWN($C1778/24,0)+1,1)*INDEX($D$3:$AA$30,INDEX(Jesper!$R$2:$R$366,ROW(INDEX(Jesper!AK$2:AK$366,ROUNDDOWN($C1778/24,0)+1,1))-1)+IF('Standard Profiles'!$G$21=$B$10,7,0)+IF('Standard Profiles'!$G$21=$B$17,14,0)+IF('Standard Profiles'!$G$21=$B$24,21,0),MOD($C1778,24)+1)/SUM(INDEX($D$3:$AA$30,INDEX(Jesper!$R$2:$R$366,ROW(INDEX(Jesper!AK$2:AK$366,ROUNDDOWN($C1778/24,0)+1,1))-1)+IF('Standard Profiles'!$G$21=$B$10,7,0)+IF('Standard Profiles'!$G$21=$B$17,14,0)+IF('Standard Profiles'!$G$21=$B$24,21,0),0)),0)</f>
        <v>0</v>
      </c>
      <c r="H1778" cm="1">
        <f t="array" ref="H1778">IFERROR(INDEX(Jesper!AL$2:AL$366,ROUNDDOWN($C1778/24,0)+1,1)*INDEX($D$3:$AA$30,INDEX(Jesper!$R$2:$R$366,ROW(INDEX(Jesper!AL$2:AL$366,ROUNDDOWN($C1778/24,0)+1,1))-1)+IF('Standard Profiles'!$G$22=$B$10,7,0)+IF('Standard Profiles'!$G$22=$B$17,14,0)+IF('Standard Profiles'!$G$22=$B$24,21,0),MOD($C1778,24)+1)/SUM(INDEX($D$3:$AA$30,INDEX(Jesper!$R$2:$R$366,ROW(INDEX(Jesper!AL$2:AL$366,ROUNDDOWN($C1778/24,0)+1,1))-1)+IF('Standard Profiles'!$G$22=$B$10,7,0)+IF('Standard Profiles'!$G$22=$B$17,14,0)+IF('Standard Profiles'!$G$22=$B$24,21,0),0)),0)</f>
        <v>0</v>
      </c>
      <c r="I1778">
        <f t="shared" si="209"/>
        <v>0.47462314236600256</v>
      </c>
      <c r="J1778">
        <f t="shared" si="210"/>
        <v>1.5820771412200088</v>
      </c>
      <c r="K1778">
        <f t="shared" si="211"/>
        <v>2.373115711830013</v>
      </c>
      <c r="L1778">
        <f t="shared" si="212"/>
        <v>11.390955416784061</v>
      </c>
      <c r="M1778">
        <f t="shared" si="213"/>
        <v>0</v>
      </c>
      <c r="N1778" s="46">
        <f t="shared" si="214"/>
        <v>45364.666666662437</v>
      </c>
    </row>
    <row r="1779" spans="2:14" x14ac:dyDescent="0.3">
      <c r="B1779">
        <f t="shared" si="208"/>
        <v>3</v>
      </c>
      <c r="C1779" s="16">
        <v>1745</v>
      </c>
      <c r="D1779" cm="1">
        <f t="array" ref="D1779">IFERROR(INDEX(Jesper!AH$2:AH$366,ROUNDDOWN($C1779/24,0)+1,1)*INDEX($D$3:$AA$30,INDEX(Jesper!$R$2:$R$366,ROW(INDEX(Jesper!AH$2:AH$366,ROUNDDOWN($C1779/24,0)+1,1))-1)+IF('Standard Profiles'!$G$18=$B$10,7,0)+IF('Standard Profiles'!$G$18=$B$17,14,0)+IF('Standard Profiles'!$G$18=$B$24,21,0),MOD($C1779,24)+1)/SUM(INDEX($D$3:$AA$30,INDEX(Jesper!$R$2:$R$366,ROW(INDEX(Jesper!AH$2:AH$366,ROUNDDOWN($C1779/24,0)+1,1))-1)+IF('Standard Profiles'!$G$18=$B$10,7,0)+IF('Standard Profiles'!$G$18=$B$17,14,0)+IF('Standard Profiles'!$G$18=$B$24,21,0),0)),0)</f>
        <v>15.820771412200086</v>
      </c>
      <c r="E1779" cm="1">
        <f t="array" ref="E1779">IFERROR(INDEX(Jesper!AI$2:AI$366,ROUNDDOWN($C1779/24,0)+1,1)*INDEX($D$3:$AA$30,INDEX(Jesper!$R$2:$R$366,ROW(INDEX(Jesper!AI$2:AI$366,ROUNDDOWN($C1779/24,0)+1,1))-1)+IF('Standard Profiles'!$G$19=$B$10,7,0)+IF('Standard Profiles'!$G$19=$B$17,14,0)+IF('Standard Profiles'!$G$19=$B$24,21,0),MOD($C1779,24)+1)/SUM(INDEX($D$3:$AA$30,INDEX(Jesper!$R$2:$R$366,ROW(INDEX(Jesper!AI$2:AI$366,ROUNDDOWN($C1779/24,0)+1,1))-1)+IF('Standard Profiles'!$G$19=$B$10,7,0)+IF('Standard Profiles'!$G$19=$B$17,14,0)+IF('Standard Profiles'!$G$19=$B$24,21,0),0)),0)</f>
        <v>0</v>
      </c>
      <c r="F1779" cm="1">
        <f t="array" ref="F1779">IFERROR(INDEX(Jesper!AJ$2:AJ$366,ROUNDDOWN($C1779/24,0)+1,1)*INDEX($D$3:$AA$30,INDEX(Jesper!$R$2:$R$366,ROW(INDEX(Jesper!AJ$2:AJ$366,ROUNDDOWN($C1779/24,0)+1,1))-1)+IF('Standard Profiles'!$G$20=$B$10,7,0)+IF('Standard Profiles'!$G$20=$B$17,14,0)+IF('Standard Profiles'!$G$20=$B$24,21,0),MOD($C1779,24)+1)/SUM(INDEX($D$3:$AA$30,INDEX(Jesper!$R$2:$R$366,ROW(INDEX(Jesper!AJ$2:AJ$366,ROUNDDOWN($C1779/24,0)+1,1))-1)+IF('Standard Profiles'!$G$20=$B$10,7,0)+IF('Standard Profiles'!$G$20=$B$17,14,0)+IF('Standard Profiles'!$G$20=$B$24,21,0),0)),0)</f>
        <v>0</v>
      </c>
      <c r="G1779" cm="1">
        <f t="array" ref="G1779">IFERROR(INDEX(Jesper!AK$2:AK$366,ROUNDDOWN($C1779/24,0)+1,1)*INDEX($D$3:$AA$30,INDEX(Jesper!$R$2:$R$366,ROW(INDEX(Jesper!AK$2:AK$366,ROUNDDOWN($C1779/24,0)+1,1))-1)+IF('Standard Profiles'!$G$21=$B$10,7,0)+IF('Standard Profiles'!$G$21=$B$17,14,0)+IF('Standard Profiles'!$G$21=$B$24,21,0),MOD($C1779,24)+1)/SUM(INDEX($D$3:$AA$30,INDEX(Jesper!$R$2:$R$366,ROW(INDEX(Jesper!AK$2:AK$366,ROUNDDOWN($C1779/24,0)+1,1))-1)+IF('Standard Profiles'!$G$21=$B$10,7,0)+IF('Standard Profiles'!$G$21=$B$17,14,0)+IF('Standard Profiles'!$G$21=$B$24,21,0),0)),0)</f>
        <v>0</v>
      </c>
      <c r="H1779" cm="1">
        <f t="array" ref="H1779">IFERROR(INDEX(Jesper!AL$2:AL$366,ROUNDDOWN($C1779/24,0)+1,1)*INDEX($D$3:$AA$30,INDEX(Jesper!$R$2:$R$366,ROW(INDEX(Jesper!AL$2:AL$366,ROUNDDOWN($C1779/24,0)+1,1))-1)+IF('Standard Profiles'!$G$22=$B$10,7,0)+IF('Standard Profiles'!$G$22=$B$17,14,0)+IF('Standard Profiles'!$G$22=$B$24,21,0),MOD($C1779,24)+1)/SUM(INDEX($D$3:$AA$30,INDEX(Jesper!$R$2:$R$366,ROW(INDEX(Jesper!AL$2:AL$366,ROUNDDOWN($C1779/24,0)+1,1))-1)+IF('Standard Profiles'!$G$22=$B$10,7,0)+IF('Standard Profiles'!$G$22=$B$17,14,0)+IF('Standard Profiles'!$G$22=$B$24,21,0),0)),0)</f>
        <v>0</v>
      </c>
      <c r="I1779">
        <f t="shared" si="209"/>
        <v>0.47462314236600256</v>
      </c>
      <c r="J1779">
        <f t="shared" si="210"/>
        <v>1.5820771412200088</v>
      </c>
      <c r="K1779">
        <f t="shared" si="211"/>
        <v>2.373115711830013</v>
      </c>
      <c r="L1779">
        <f t="shared" si="212"/>
        <v>11.390955416784061</v>
      </c>
      <c r="M1779">
        <f t="shared" si="213"/>
        <v>0</v>
      </c>
      <c r="N1779" s="46">
        <f t="shared" si="214"/>
        <v>45364.708333329101</v>
      </c>
    </row>
    <row r="1780" spans="2:14" x14ac:dyDescent="0.3">
      <c r="B1780">
        <f t="shared" si="208"/>
        <v>3</v>
      </c>
      <c r="C1780" s="16">
        <v>1746</v>
      </c>
      <c r="D1780" cm="1">
        <f t="array" ref="D1780">IFERROR(INDEX(Jesper!AH$2:AH$366,ROUNDDOWN($C1780/24,0)+1,1)*INDEX($D$3:$AA$30,INDEX(Jesper!$R$2:$R$366,ROW(INDEX(Jesper!AH$2:AH$366,ROUNDDOWN($C1780/24,0)+1,1))-1)+IF('Standard Profiles'!$G$18=$B$10,7,0)+IF('Standard Profiles'!$G$18=$B$17,14,0)+IF('Standard Profiles'!$G$18=$B$24,21,0),MOD($C1780,24)+1)/SUM(INDEX($D$3:$AA$30,INDEX(Jesper!$R$2:$R$366,ROW(INDEX(Jesper!AH$2:AH$366,ROUNDDOWN($C1780/24,0)+1,1))-1)+IF('Standard Profiles'!$G$18=$B$10,7,0)+IF('Standard Profiles'!$G$18=$B$17,14,0)+IF('Standard Profiles'!$G$18=$B$24,21,0),0)),0)</f>
        <v>15.820771412200086</v>
      </c>
      <c r="E1780" cm="1">
        <f t="array" ref="E1780">IFERROR(INDEX(Jesper!AI$2:AI$366,ROUNDDOWN($C1780/24,0)+1,1)*INDEX($D$3:$AA$30,INDEX(Jesper!$R$2:$R$366,ROW(INDEX(Jesper!AI$2:AI$366,ROUNDDOWN($C1780/24,0)+1,1))-1)+IF('Standard Profiles'!$G$19=$B$10,7,0)+IF('Standard Profiles'!$G$19=$B$17,14,0)+IF('Standard Profiles'!$G$19=$B$24,21,0),MOD($C1780,24)+1)/SUM(INDEX($D$3:$AA$30,INDEX(Jesper!$R$2:$R$366,ROW(INDEX(Jesper!AI$2:AI$366,ROUNDDOWN($C1780/24,0)+1,1))-1)+IF('Standard Profiles'!$G$19=$B$10,7,0)+IF('Standard Profiles'!$G$19=$B$17,14,0)+IF('Standard Profiles'!$G$19=$B$24,21,0),0)),0)</f>
        <v>0</v>
      </c>
      <c r="F1780" cm="1">
        <f t="array" ref="F1780">IFERROR(INDEX(Jesper!AJ$2:AJ$366,ROUNDDOWN($C1780/24,0)+1,1)*INDEX($D$3:$AA$30,INDEX(Jesper!$R$2:$R$366,ROW(INDEX(Jesper!AJ$2:AJ$366,ROUNDDOWN($C1780/24,0)+1,1))-1)+IF('Standard Profiles'!$G$20=$B$10,7,0)+IF('Standard Profiles'!$G$20=$B$17,14,0)+IF('Standard Profiles'!$G$20=$B$24,21,0),MOD($C1780,24)+1)/SUM(INDEX($D$3:$AA$30,INDEX(Jesper!$R$2:$R$366,ROW(INDEX(Jesper!AJ$2:AJ$366,ROUNDDOWN($C1780/24,0)+1,1))-1)+IF('Standard Profiles'!$G$20=$B$10,7,0)+IF('Standard Profiles'!$G$20=$B$17,14,0)+IF('Standard Profiles'!$G$20=$B$24,21,0),0)),0)</f>
        <v>0</v>
      </c>
      <c r="G1780" cm="1">
        <f t="array" ref="G1780">IFERROR(INDEX(Jesper!AK$2:AK$366,ROUNDDOWN($C1780/24,0)+1,1)*INDEX($D$3:$AA$30,INDEX(Jesper!$R$2:$R$366,ROW(INDEX(Jesper!AK$2:AK$366,ROUNDDOWN($C1780/24,0)+1,1))-1)+IF('Standard Profiles'!$G$21=$B$10,7,0)+IF('Standard Profiles'!$G$21=$B$17,14,0)+IF('Standard Profiles'!$G$21=$B$24,21,0),MOD($C1780,24)+1)/SUM(INDEX($D$3:$AA$30,INDEX(Jesper!$R$2:$R$366,ROW(INDEX(Jesper!AK$2:AK$366,ROUNDDOWN($C1780/24,0)+1,1))-1)+IF('Standard Profiles'!$G$21=$B$10,7,0)+IF('Standard Profiles'!$G$21=$B$17,14,0)+IF('Standard Profiles'!$G$21=$B$24,21,0),0)),0)</f>
        <v>0</v>
      </c>
      <c r="H1780" cm="1">
        <f t="array" ref="H1780">IFERROR(INDEX(Jesper!AL$2:AL$366,ROUNDDOWN($C1780/24,0)+1,1)*INDEX($D$3:$AA$30,INDEX(Jesper!$R$2:$R$366,ROW(INDEX(Jesper!AL$2:AL$366,ROUNDDOWN($C1780/24,0)+1,1))-1)+IF('Standard Profiles'!$G$22=$B$10,7,0)+IF('Standard Profiles'!$G$22=$B$17,14,0)+IF('Standard Profiles'!$G$22=$B$24,21,0),MOD($C1780,24)+1)/SUM(INDEX($D$3:$AA$30,INDEX(Jesper!$R$2:$R$366,ROW(INDEX(Jesper!AL$2:AL$366,ROUNDDOWN($C1780/24,0)+1,1))-1)+IF('Standard Profiles'!$G$22=$B$10,7,0)+IF('Standard Profiles'!$G$22=$B$17,14,0)+IF('Standard Profiles'!$G$22=$B$24,21,0),0)),0)</f>
        <v>0</v>
      </c>
      <c r="I1780">
        <f t="shared" si="209"/>
        <v>0.47462314236600256</v>
      </c>
      <c r="J1780">
        <f t="shared" si="210"/>
        <v>1.5820771412200088</v>
      </c>
      <c r="K1780">
        <f t="shared" si="211"/>
        <v>2.373115711830013</v>
      </c>
      <c r="L1780">
        <f t="shared" si="212"/>
        <v>11.390955416784061</v>
      </c>
      <c r="M1780">
        <f t="shared" si="213"/>
        <v>0</v>
      </c>
      <c r="N1780" s="46">
        <f t="shared" si="214"/>
        <v>45364.749999995765</v>
      </c>
    </row>
    <row r="1781" spans="2:14" x14ac:dyDescent="0.3">
      <c r="B1781">
        <f t="shared" si="208"/>
        <v>3</v>
      </c>
      <c r="C1781" s="16">
        <v>1747</v>
      </c>
      <c r="D1781" cm="1">
        <f t="array" ref="D1781">IFERROR(INDEX(Jesper!AH$2:AH$366,ROUNDDOWN($C1781/24,0)+1,1)*INDEX($D$3:$AA$30,INDEX(Jesper!$R$2:$R$366,ROW(INDEX(Jesper!AH$2:AH$366,ROUNDDOWN($C1781/24,0)+1,1))-1)+IF('Standard Profiles'!$G$18=$B$10,7,0)+IF('Standard Profiles'!$G$18=$B$17,14,0)+IF('Standard Profiles'!$G$18=$B$24,21,0),MOD($C1781,24)+1)/SUM(INDEX($D$3:$AA$30,INDEX(Jesper!$R$2:$R$366,ROW(INDEX(Jesper!AH$2:AH$366,ROUNDDOWN($C1781/24,0)+1,1))-1)+IF('Standard Profiles'!$G$18=$B$10,7,0)+IF('Standard Profiles'!$G$18=$B$17,14,0)+IF('Standard Profiles'!$G$18=$B$24,21,0),0)),0)</f>
        <v>13.183976176833408</v>
      </c>
      <c r="E1781" cm="1">
        <f t="array" ref="E1781">IFERROR(INDEX(Jesper!AI$2:AI$366,ROUNDDOWN($C1781/24,0)+1,1)*INDEX($D$3:$AA$30,INDEX(Jesper!$R$2:$R$366,ROW(INDEX(Jesper!AI$2:AI$366,ROUNDDOWN($C1781/24,0)+1,1))-1)+IF('Standard Profiles'!$G$19=$B$10,7,0)+IF('Standard Profiles'!$G$19=$B$17,14,0)+IF('Standard Profiles'!$G$19=$B$24,21,0),MOD($C1781,24)+1)/SUM(INDEX($D$3:$AA$30,INDEX(Jesper!$R$2:$R$366,ROW(INDEX(Jesper!AI$2:AI$366,ROUNDDOWN($C1781/24,0)+1,1))-1)+IF('Standard Profiles'!$G$19=$B$10,7,0)+IF('Standard Profiles'!$G$19=$B$17,14,0)+IF('Standard Profiles'!$G$19=$B$24,21,0),0)),0)</f>
        <v>0</v>
      </c>
      <c r="F1781" cm="1">
        <f t="array" ref="F1781">IFERROR(INDEX(Jesper!AJ$2:AJ$366,ROUNDDOWN($C1781/24,0)+1,1)*INDEX($D$3:$AA$30,INDEX(Jesper!$R$2:$R$366,ROW(INDEX(Jesper!AJ$2:AJ$366,ROUNDDOWN($C1781/24,0)+1,1))-1)+IF('Standard Profiles'!$G$20=$B$10,7,0)+IF('Standard Profiles'!$G$20=$B$17,14,0)+IF('Standard Profiles'!$G$20=$B$24,21,0),MOD($C1781,24)+1)/SUM(INDEX($D$3:$AA$30,INDEX(Jesper!$R$2:$R$366,ROW(INDEX(Jesper!AJ$2:AJ$366,ROUNDDOWN($C1781/24,0)+1,1))-1)+IF('Standard Profiles'!$G$20=$B$10,7,0)+IF('Standard Profiles'!$G$20=$B$17,14,0)+IF('Standard Profiles'!$G$20=$B$24,21,0),0)),0)</f>
        <v>0</v>
      </c>
      <c r="G1781" cm="1">
        <f t="array" ref="G1781">IFERROR(INDEX(Jesper!AK$2:AK$366,ROUNDDOWN($C1781/24,0)+1,1)*INDEX($D$3:$AA$30,INDEX(Jesper!$R$2:$R$366,ROW(INDEX(Jesper!AK$2:AK$366,ROUNDDOWN($C1781/24,0)+1,1))-1)+IF('Standard Profiles'!$G$21=$B$10,7,0)+IF('Standard Profiles'!$G$21=$B$17,14,0)+IF('Standard Profiles'!$G$21=$B$24,21,0),MOD($C1781,24)+1)/SUM(INDEX($D$3:$AA$30,INDEX(Jesper!$R$2:$R$366,ROW(INDEX(Jesper!AK$2:AK$366,ROUNDDOWN($C1781/24,0)+1,1))-1)+IF('Standard Profiles'!$G$21=$B$10,7,0)+IF('Standard Profiles'!$G$21=$B$17,14,0)+IF('Standard Profiles'!$G$21=$B$24,21,0),0)),0)</f>
        <v>0</v>
      </c>
      <c r="H1781" cm="1">
        <f t="array" ref="H1781">IFERROR(INDEX(Jesper!AL$2:AL$366,ROUNDDOWN($C1781/24,0)+1,1)*INDEX($D$3:$AA$30,INDEX(Jesper!$R$2:$R$366,ROW(INDEX(Jesper!AL$2:AL$366,ROUNDDOWN($C1781/24,0)+1,1))-1)+IF('Standard Profiles'!$G$22=$B$10,7,0)+IF('Standard Profiles'!$G$22=$B$17,14,0)+IF('Standard Profiles'!$G$22=$B$24,21,0),MOD($C1781,24)+1)/SUM(INDEX($D$3:$AA$30,INDEX(Jesper!$R$2:$R$366,ROW(INDEX(Jesper!AL$2:AL$366,ROUNDDOWN($C1781/24,0)+1,1))-1)+IF('Standard Profiles'!$G$22=$B$10,7,0)+IF('Standard Profiles'!$G$22=$B$17,14,0)+IF('Standard Profiles'!$G$22=$B$24,21,0),0)),0)</f>
        <v>0</v>
      </c>
      <c r="I1781">
        <f t="shared" si="209"/>
        <v>0.39551928530500224</v>
      </c>
      <c r="J1781">
        <f t="shared" si="210"/>
        <v>1.318397617683341</v>
      </c>
      <c r="K1781">
        <f t="shared" si="211"/>
        <v>1.977596426525011</v>
      </c>
      <c r="L1781">
        <f t="shared" si="212"/>
        <v>9.4924628473200539</v>
      </c>
      <c r="M1781">
        <f t="shared" si="213"/>
        <v>0</v>
      </c>
      <c r="N1781" s="46">
        <f t="shared" si="214"/>
        <v>45364.79166666243</v>
      </c>
    </row>
    <row r="1782" spans="2:14" x14ac:dyDescent="0.3">
      <c r="B1782">
        <f t="shared" si="208"/>
        <v>3</v>
      </c>
      <c r="C1782" s="16">
        <v>1748</v>
      </c>
      <c r="D1782" cm="1">
        <f t="array" ref="D1782">IFERROR(INDEX(Jesper!AH$2:AH$366,ROUNDDOWN($C1782/24,0)+1,1)*INDEX($D$3:$AA$30,INDEX(Jesper!$R$2:$R$366,ROW(INDEX(Jesper!AH$2:AH$366,ROUNDDOWN($C1782/24,0)+1,1))-1)+IF('Standard Profiles'!$G$18=$B$10,7,0)+IF('Standard Profiles'!$G$18=$B$17,14,0)+IF('Standard Profiles'!$G$18=$B$24,21,0),MOD($C1782,24)+1)/SUM(INDEX($D$3:$AA$30,INDEX(Jesper!$R$2:$R$366,ROW(INDEX(Jesper!AH$2:AH$366,ROUNDDOWN($C1782/24,0)+1,1))-1)+IF('Standard Profiles'!$G$18=$B$10,7,0)+IF('Standard Profiles'!$G$18=$B$17,14,0)+IF('Standard Profiles'!$G$18=$B$24,21,0),0)),0)</f>
        <v>10.547180941466726</v>
      </c>
      <c r="E1782" cm="1">
        <f t="array" ref="E1782">IFERROR(INDEX(Jesper!AI$2:AI$366,ROUNDDOWN($C1782/24,0)+1,1)*INDEX($D$3:$AA$30,INDEX(Jesper!$R$2:$R$366,ROW(INDEX(Jesper!AI$2:AI$366,ROUNDDOWN($C1782/24,0)+1,1))-1)+IF('Standard Profiles'!$G$19=$B$10,7,0)+IF('Standard Profiles'!$G$19=$B$17,14,0)+IF('Standard Profiles'!$G$19=$B$24,21,0),MOD($C1782,24)+1)/SUM(INDEX($D$3:$AA$30,INDEX(Jesper!$R$2:$R$366,ROW(INDEX(Jesper!AI$2:AI$366,ROUNDDOWN($C1782/24,0)+1,1))-1)+IF('Standard Profiles'!$G$19=$B$10,7,0)+IF('Standard Profiles'!$G$19=$B$17,14,0)+IF('Standard Profiles'!$G$19=$B$24,21,0),0)),0)</f>
        <v>0</v>
      </c>
      <c r="F1782" cm="1">
        <f t="array" ref="F1782">IFERROR(INDEX(Jesper!AJ$2:AJ$366,ROUNDDOWN($C1782/24,0)+1,1)*INDEX($D$3:$AA$30,INDEX(Jesper!$R$2:$R$366,ROW(INDEX(Jesper!AJ$2:AJ$366,ROUNDDOWN($C1782/24,0)+1,1))-1)+IF('Standard Profiles'!$G$20=$B$10,7,0)+IF('Standard Profiles'!$G$20=$B$17,14,0)+IF('Standard Profiles'!$G$20=$B$24,21,0),MOD($C1782,24)+1)/SUM(INDEX($D$3:$AA$30,INDEX(Jesper!$R$2:$R$366,ROW(INDEX(Jesper!AJ$2:AJ$366,ROUNDDOWN($C1782/24,0)+1,1))-1)+IF('Standard Profiles'!$G$20=$B$10,7,0)+IF('Standard Profiles'!$G$20=$B$17,14,0)+IF('Standard Profiles'!$G$20=$B$24,21,0),0)),0)</f>
        <v>0</v>
      </c>
      <c r="G1782" cm="1">
        <f t="array" ref="G1782">IFERROR(INDEX(Jesper!AK$2:AK$366,ROUNDDOWN($C1782/24,0)+1,1)*INDEX($D$3:$AA$30,INDEX(Jesper!$R$2:$R$366,ROW(INDEX(Jesper!AK$2:AK$366,ROUNDDOWN($C1782/24,0)+1,1))-1)+IF('Standard Profiles'!$G$21=$B$10,7,0)+IF('Standard Profiles'!$G$21=$B$17,14,0)+IF('Standard Profiles'!$G$21=$B$24,21,0),MOD($C1782,24)+1)/SUM(INDEX($D$3:$AA$30,INDEX(Jesper!$R$2:$R$366,ROW(INDEX(Jesper!AK$2:AK$366,ROUNDDOWN($C1782/24,0)+1,1))-1)+IF('Standard Profiles'!$G$21=$B$10,7,0)+IF('Standard Profiles'!$G$21=$B$17,14,0)+IF('Standard Profiles'!$G$21=$B$24,21,0),0)),0)</f>
        <v>0</v>
      </c>
      <c r="H1782" cm="1">
        <f t="array" ref="H1782">IFERROR(INDEX(Jesper!AL$2:AL$366,ROUNDDOWN($C1782/24,0)+1,1)*INDEX($D$3:$AA$30,INDEX(Jesper!$R$2:$R$366,ROW(INDEX(Jesper!AL$2:AL$366,ROUNDDOWN($C1782/24,0)+1,1))-1)+IF('Standard Profiles'!$G$22=$B$10,7,0)+IF('Standard Profiles'!$G$22=$B$17,14,0)+IF('Standard Profiles'!$G$22=$B$24,21,0),MOD($C1782,24)+1)/SUM(INDEX($D$3:$AA$30,INDEX(Jesper!$R$2:$R$366,ROW(INDEX(Jesper!AL$2:AL$366,ROUNDDOWN($C1782/24,0)+1,1))-1)+IF('Standard Profiles'!$G$22=$B$10,7,0)+IF('Standard Profiles'!$G$22=$B$17,14,0)+IF('Standard Profiles'!$G$22=$B$24,21,0),0)),0)</f>
        <v>0</v>
      </c>
      <c r="I1782">
        <f t="shared" si="209"/>
        <v>0.31641542824400176</v>
      </c>
      <c r="J1782">
        <f t="shared" si="210"/>
        <v>1.0547180941466727</v>
      </c>
      <c r="K1782">
        <f t="shared" si="211"/>
        <v>1.5820771412200088</v>
      </c>
      <c r="L1782">
        <f t="shared" si="212"/>
        <v>7.5939702778560427</v>
      </c>
      <c r="M1782">
        <f t="shared" si="213"/>
        <v>0</v>
      </c>
      <c r="N1782" s="46">
        <f t="shared" si="214"/>
        <v>45364.833333329094</v>
      </c>
    </row>
    <row r="1783" spans="2:14" x14ac:dyDescent="0.3">
      <c r="B1783">
        <f t="shared" si="208"/>
        <v>3</v>
      </c>
      <c r="C1783" s="16">
        <v>1749</v>
      </c>
      <c r="D1783" cm="1">
        <f t="array" ref="D1783">IFERROR(INDEX(Jesper!AH$2:AH$366,ROUNDDOWN($C1783/24,0)+1,1)*INDEX($D$3:$AA$30,INDEX(Jesper!$R$2:$R$366,ROW(INDEX(Jesper!AH$2:AH$366,ROUNDDOWN($C1783/24,0)+1,1))-1)+IF('Standard Profiles'!$G$18=$B$10,7,0)+IF('Standard Profiles'!$G$18=$B$17,14,0)+IF('Standard Profiles'!$G$18=$B$24,21,0),MOD($C1783,24)+1)/SUM(INDEX($D$3:$AA$30,INDEX(Jesper!$R$2:$R$366,ROW(INDEX(Jesper!AH$2:AH$366,ROUNDDOWN($C1783/24,0)+1,1))-1)+IF('Standard Profiles'!$G$18=$B$10,7,0)+IF('Standard Profiles'!$G$18=$B$17,14,0)+IF('Standard Profiles'!$G$18=$B$24,21,0),0)),0)</f>
        <v>7.9103857061000431</v>
      </c>
      <c r="E1783" cm="1">
        <f t="array" ref="E1783">IFERROR(INDEX(Jesper!AI$2:AI$366,ROUNDDOWN($C1783/24,0)+1,1)*INDEX($D$3:$AA$30,INDEX(Jesper!$R$2:$R$366,ROW(INDEX(Jesper!AI$2:AI$366,ROUNDDOWN($C1783/24,0)+1,1))-1)+IF('Standard Profiles'!$G$19=$B$10,7,0)+IF('Standard Profiles'!$G$19=$B$17,14,0)+IF('Standard Profiles'!$G$19=$B$24,21,0),MOD($C1783,24)+1)/SUM(INDEX($D$3:$AA$30,INDEX(Jesper!$R$2:$R$366,ROW(INDEX(Jesper!AI$2:AI$366,ROUNDDOWN($C1783/24,0)+1,1))-1)+IF('Standard Profiles'!$G$19=$B$10,7,0)+IF('Standard Profiles'!$G$19=$B$17,14,0)+IF('Standard Profiles'!$G$19=$B$24,21,0),0)),0)</f>
        <v>0</v>
      </c>
      <c r="F1783" cm="1">
        <f t="array" ref="F1783">IFERROR(INDEX(Jesper!AJ$2:AJ$366,ROUNDDOWN($C1783/24,0)+1,1)*INDEX($D$3:$AA$30,INDEX(Jesper!$R$2:$R$366,ROW(INDEX(Jesper!AJ$2:AJ$366,ROUNDDOWN($C1783/24,0)+1,1))-1)+IF('Standard Profiles'!$G$20=$B$10,7,0)+IF('Standard Profiles'!$G$20=$B$17,14,0)+IF('Standard Profiles'!$G$20=$B$24,21,0),MOD($C1783,24)+1)/SUM(INDEX($D$3:$AA$30,INDEX(Jesper!$R$2:$R$366,ROW(INDEX(Jesper!AJ$2:AJ$366,ROUNDDOWN($C1783/24,0)+1,1))-1)+IF('Standard Profiles'!$G$20=$B$10,7,0)+IF('Standard Profiles'!$G$20=$B$17,14,0)+IF('Standard Profiles'!$G$20=$B$24,21,0),0)),0)</f>
        <v>0</v>
      </c>
      <c r="G1783" cm="1">
        <f t="array" ref="G1783">IFERROR(INDEX(Jesper!AK$2:AK$366,ROUNDDOWN($C1783/24,0)+1,1)*INDEX($D$3:$AA$30,INDEX(Jesper!$R$2:$R$366,ROW(INDEX(Jesper!AK$2:AK$366,ROUNDDOWN($C1783/24,0)+1,1))-1)+IF('Standard Profiles'!$G$21=$B$10,7,0)+IF('Standard Profiles'!$G$21=$B$17,14,0)+IF('Standard Profiles'!$G$21=$B$24,21,0),MOD($C1783,24)+1)/SUM(INDEX($D$3:$AA$30,INDEX(Jesper!$R$2:$R$366,ROW(INDEX(Jesper!AK$2:AK$366,ROUNDDOWN($C1783/24,0)+1,1))-1)+IF('Standard Profiles'!$G$21=$B$10,7,0)+IF('Standard Profiles'!$G$21=$B$17,14,0)+IF('Standard Profiles'!$G$21=$B$24,21,0),0)),0)</f>
        <v>0</v>
      </c>
      <c r="H1783" cm="1">
        <f t="array" ref="H1783">IFERROR(INDEX(Jesper!AL$2:AL$366,ROUNDDOWN($C1783/24,0)+1,1)*INDEX($D$3:$AA$30,INDEX(Jesper!$R$2:$R$366,ROW(INDEX(Jesper!AL$2:AL$366,ROUNDDOWN($C1783/24,0)+1,1))-1)+IF('Standard Profiles'!$G$22=$B$10,7,0)+IF('Standard Profiles'!$G$22=$B$17,14,0)+IF('Standard Profiles'!$G$22=$B$24,21,0),MOD($C1783,24)+1)/SUM(INDEX($D$3:$AA$30,INDEX(Jesper!$R$2:$R$366,ROW(INDEX(Jesper!AL$2:AL$366,ROUNDDOWN($C1783/24,0)+1,1))-1)+IF('Standard Profiles'!$G$22=$B$10,7,0)+IF('Standard Profiles'!$G$22=$B$17,14,0)+IF('Standard Profiles'!$G$22=$B$24,21,0),0)),0)</f>
        <v>0</v>
      </c>
      <c r="I1783">
        <f t="shared" si="209"/>
        <v>0.23731157118300128</v>
      </c>
      <c r="J1783">
        <f t="shared" si="210"/>
        <v>0.79103857061000438</v>
      </c>
      <c r="K1783">
        <f t="shared" si="211"/>
        <v>1.1865578559150065</v>
      </c>
      <c r="L1783">
        <f t="shared" si="212"/>
        <v>5.6954777083920307</v>
      </c>
      <c r="M1783">
        <f t="shared" si="213"/>
        <v>0</v>
      </c>
      <c r="N1783" s="46">
        <f t="shared" si="214"/>
        <v>45364.874999995758</v>
      </c>
    </row>
    <row r="1784" spans="2:14" x14ac:dyDescent="0.3">
      <c r="B1784">
        <f t="shared" si="208"/>
        <v>3</v>
      </c>
      <c r="C1784" s="16">
        <v>1750</v>
      </c>
      <c r="D1784" cm="1">
        <f t="array" ref="D1784">IFERROR(INDEX(Jesper!AH$2:AH$366,ROUNDDOWN($C1784/24,0)+1,1)*INDEX($D$3:$AA$30,INDEX(Jesper!$R$2:$R$366,ROW(INDEX(Jesper!AH$2:AH$366,ROUNDDOWN($C1784/24,0)+1,1))-1)+IF('Standard Profiles'!$G$18=$B$10,7,0)+IF('Standard Profiles'!$G$18=$B$17,14,0)+IF('Standard Profiles'!$G$18=$B$24,21,0),MOD($C1784,24)+1)/SUM(INDEX($D$3:$AA$30,INDEX(Jesper!$R$2:$R$366,ROW(INDEX(Jesper!AH$2:AH$366,ROUNDDOWN($C1784/24,0)+1,1))-1)+IF('Standard Profiles'!$G$18=$B$10,7,0)+IF('Standard Profiles'!$G$18=$B$17,14,0)+IF('Standard Profiles'!$G$18=$B$24,21,0),0)),0)</f>
        <v>7.9103857061000431</v>
      </c>
      <c r="E1784" cm="1">
        <f t="array" ref="E1784">IFERROR(INDEX(Jesper!AI$2:AI$366,ROUNDDOWN($C1784/24,0)+1,1)*INDEX($D$3:$AA$30,INDEX(Jesper!$R$2:$R$366,ROW(INDEX(Jesper!AI$2:AI$366,ROUNDDOWN($C1784/24,0)+1,1))-1)+IF('Standard Profiles'!$G$19=$B$10,7,0)+IF('Standard Profiles'!$G$19=$B$17,14,0)+IF('Standard Profiles'!$G$19=$B$24,21,0),MOD($C1784,24)+1)/SUM(INDEX($D$3:$AA$30,INDEX(Jesper!$R$2:$R$366,ROW(INDEX(Jesper!AI$2:AI$366,ROUNDDOWN($C1784/24,0)+1,1))-1)+IF('Standard Profiles'!$G$19=$B$10,7,0)+IF('Standard Profiles'!$G$19=$B$17,14,0)+IF('Standard Profiles'!$G$19=$B$24,21,0),0)),0)</f>
        <v>0</v>
      </c>
      <c r="F1784" cm="1">
        <f t="array" ref="F1784">IFERROR(INDEX(Jesper!AJ$2:AJ$366,ROUNDDOWN($C1784/24,0)+1,1)*INDEX($D$3:$AA$30,INDEX(Jesper!$R$2:$R$366,ROW(INDEX(Jesper!AJ$2:AJ$366,ROUNDDOWN($C1784/24,0)+1,1))-1)+IF('Standard Profiles'!$G$20=$B$10,7,0)+IF('Standard Profiles'!$G$20=$B$17,14,0)+IF('Standard Profiles'!$G$20=$B$24,21,0),MOD($C1784,24)+1)/SUM(INDEX($D$3:$AA$30,INDEX(Jesper!$R$2:$R$366,ROW(INDEX(Jesper!AJ$2:AJ$366,ROUNDDOWN($C1784/24,0)+1,1))-1)+IF('Standard Profiles'!$G$20=$B$10,7,0)+IF('Standard Profiles'!$G$20=$B$17,14,0)+IF('Standard Profiles'!$G$20=$B$24,21,0),0)),0)</f>
        <v>0</v>
      </c>
      <c r="G1784" cm="1">
        <f t="array" ref="G1784">IFERROR(INDEX(Jesper!AK$2:AK$366,ROUNDDOWN($C1784/24,0)+1,1)*INDEX($D$3:$AA$30,INDEX(Jesper!$R$2:$R$366,ROW(INDEX(Jesper!AK$2:AK$366,ROUNDDOWN($C1784/24,0)+1,1))-1)+IF('Standard Profiles'!$G$21=$B$10,7,0)+IF('Standard Profiles'!$G$21=$B$17,14,0)+IF('Standard Profiles'!$G$21=$B$24,21,0),MOD($C1784,24)+1)/SUM(INDEX($D$3:$AA$30,INDEX(Jesper!$R$2:$R$366,ROW(INDEX(Jesper!AK$2:AK$366,ROUNDDOWN($C1784/24,0)+1,1))-1)+IF('Standard Profiles'!$G$21=$B$10,7,0)+IF('Standard Profiles'!$G$21=$B$17,14,0)+IF('Standard Profiles'!$G$21=$B$24,21,0),0)),0)</f>
        <v>0</v>
      </c>
      <c r="H1784" cm="1">
        <f t="array" ref="H1784">IFERROR(INDEX(Jesper!AL$2:AL$366,ROUNDDOWN($C1784/24,0)+1,1)*INDEX($D$3:$AA$30,INDEX(Jesper!$R$2:$R$366,ROW(INDEX(Jesper!AL$2:AL$366,ROUNDDOWN($C1784/24,0)+1,1))-1)+IF('Standard Profiles'!$G$22=$B$10,7,0)+IF('Standard Profiles'!$G$22=$B$17,14,0)+IF('Standard Profiles'!$G$22=$B$24,21,0),MOD($C1784,24)+1)/SUM(INDEX($D$3:$AA$30,INDEX(Jesper!$R$2:$R$366,ROW(INDEX(Jesper!AL$2:AL$366,ROUNDDOWN($C1784/24,0)+1,1))-1)+IF('Standard Profiles'!$G$22=$B$10,7,0)+IF('Standard Profiles'!$G$22=$B$17,14,0)+IF('Standard Profiles'!$G$22=$B$24,21,0),0)),0)</f>
        <v>0</v>
      </c>
      <c r="I1784">
        <f t="shared" si="209"/>
        <v>0.23731157118300128</v>
      </c>
      <c r="J1784">
        <f t="shared" si="210"/>
        <v>0.79103857061000438</v>
      </c>
      <c r="K1784">
        <f t="shared" si="211"/>
        <v>1.1865578559150065</v>
      </c>
      <c r="L1784">
        <f t="shared" si="212"/>
        <v>5.6954777083920307</v>
      </c>
      <c r="M1784">
        <f t="shared" si="213"/>
        <v>0</v>
      </c>
      <c r="N1784" s="46">
        <f t="shared" si="214"/>
        <v>45364.916666662422</v>
      </c>
    </row>
    <row r="1785" spans="2:14" x14ac:dyDescent="0.3">
      <c r="B1785">
        <f t="shared" si="208"/>
        <v>3</v>
      </c>
      <c r="C1785" s="16">
        <v>1751</v>
      </c>
      <c r="D1785" cm="1">
        <f t="array" ref="D1785">IFERROR(INDEX(Jesper!AH$2:AH$366,ROUNDDOWN($C1785/24,0)+1,1)*INDEX($D$3:$AA$30,INDEX(Jesper!$R$2:$R$366,ROW(INDEX(Jesper!AH$2:AH$366,ROUNDDOWN($C1785/24,0)+1,1))-1)+IF('Standard Profiles'!$G$18=$B$10,7,0)+IF('Standard Profiles'!$G$18=$B$17,14,0)+IF('Standard Profiles'!$G$18=$B$24,21,0),MOD($C1785,24)+1)/SUM(INDEX($D$3:$AA$30,INDEX(Jesper!$R$2:$R$366,ROW(INDEX(Jesper!AH$2:AH$366,ROUNDDOWN($C1785/24,0)+1,1))-1)+IF('Standard Profiles'!$G$18=$B$10,7,0)+IF('Standard Profiles'!$G$18=$B$17,14,0)+IF('Standard Profiles'!$G$18=$B$24,21,0),0)),0)</f>
        <v>7.9103857061000431</v>
      </c>
      <c r="E1785" cm="1">
        <f t="array" ref="E1785">IFERROR(INDEX(Jesper!AI$2:AI$366,ROUNDDOWN($C1785/24,0)+1,1)*INDEX($D$3:$AA$30,INDEX(Jesper!$R$2:$R$366,ROW(INDEX(Jesper!AI$2:AI$366,ROUNDDOWN($C1785/24,0)+1,1))-1)+IF('Standard Profiles'!$G$19=$B$10,7,0)+IF('Standard Profiles'!$G$19=$B$17,14,0)+IF('Standard Profiles'!$G$19=$B$24,21,0),MOD($C1785,24)+1)/SUM(INDEX($D$3:$AA$30,INDEX(Jesper!$R$2:$R$366,ROW(INDEX(Jesper!AI$2:AI$366,ROUNDDOWN($C1785/24,0)+1,1))-1)+IF('Standard Profiles'!$G$19=$B$10,7,0)+IF('Standard Profiles'!$G$19=$B$17,14,0)+IF('Standard Profiles'!$G$19=$B$24,21,0),0)),0)</f>
        <v>0</v>
      </c>
      <c r="F1785" cm="1">
        <f t="array" ref="F1785">IFERROR(INDEX(Jesper!AJ$2:AJ$366,ROUNDDOWN($C1785/24,0)+1,1)*INDEX($D$3:$AA$30,INDEX(Jesper!$R$2:$R$366,ROW(INDEX(Jesper!AJ$2:AJ$366,ROUNDDOWN($C1785/24,0)+1,1))-1)+IF('Standard Profiles'!$G$20=$B$10,7,0)+IF('Standard Profiles'!$G$20=$B$17,14,0)+IF('Standard Profiles'!$G$20=$B$24,21,0),MOD($C1785,24)+1)/SUM(INDEX($D$3:$AA$30,INDEX(Jesper!$R$2:$R$366,ROW(INDEX(Jesper!AJ$2:AJ$366,ROUNDDOWN($C1785/24,0)+1,1))-1)+IF('Standard Profiles'!$G$20=$B$10,7,0)+IF('Standard Profiles'!$G$20=$B$17,14,0)+IF('Standard Profiles'!$G$20=$B$24,21,0),0)),0)</f>
        <v>0</v>
      </c>
      <c r="G1785" cm="1">
        <f t="array" ref="G1785">IFERROR(INDEX(Jesper!AK$2:AK$366,ROUNDDOWN($C1785/24,0)+1,1)*INDEX($D$3:$AA$30,INDEX(Jesper!$R$2:$R$366,ROW(INDEX(Jesper!AK$2:AK$366,ROUNDDOWN($C1785/24,0)+1,1))-1)+IF('Standard Profiles'!$G$21=$B$10,7,0)+IF('Standard Profiles'!$G$21=$B$17,14,0)+IF('Standard Profiles'!$G$21=$B$24,21,0),MOD($C1785,24)+1)/SUM(INDEX($D$3:$AA$30,INDEX(Jesper!$R$2:$R$366,ROW(INDEX(Jesper!AK$2:AK$366,ROUNDDOWN($C1785/24,0)+1,1))-1)+IF('Standard Profiles'!$G$21=$B$10,7,0)+IF('Standard Profiles'!$G$21=$B$17,14,0)+IF('Standard Profiles'!$G$21=$B$24,21,0),0)),0)</f>
        <v>0</v>
      </c>
      <c r="H1785" cm="1">
        <f t="array" ref="H1785">IFERROR(INDEX(Jesper!AL$2:AL$366,ROUNDDOWN($C1785/24,0)+1,1)*INDEX($D$3:$AA$30,INDEX(Jesper!$R$2:$R$366,ROW(INDEX(Jesper!AL$2:AL$366,ROUNDDOWN($C1785/24,0)+1,1))-1)+IF('Standard Profiles'!$G$22=$B$10,7,0)+IF('Standard Profiles'!$G$22=$B$17,14,0)+IF('Standard Profiles'!$G$22=$B$24,21,0),MOD($C1785,24)+1)/SUM(INDEX($D$3:$AA$30,INDEX(Jesper!$R$2:$R$366,ROW(INDEX(Jesper!AL$2:AL$366,ROUNDDOWN($C1785/24,0)+1,1))-1)+IF('Standard Profiles'!$G$22=$B$10,7,0)+IF('Standard Profiles'!$G$22=$B$17,14,0)+IF('Standard Profiles'!$G$22=$B$24,21,0),0)),0)</f>
        <v>0</v>
      </c>
      <c r="I1785">
        <f t="shared" si="209"/>
        <v>0.23731157118300128</v>
      </c>
      <c r="J1785">
        <f t="shared" si="210"/>
        <v>0.79103857061000438</v>
      </c>
      <c r="K1785">
        <f t="shared" si="211"/>
        <v>1.1865578559150065</v>
      </c>
      <c r="L1785">
        <f t="shared" si="212"/>
        <v>5.6954777083920307</v>
      </c>
      <c r="M1785">
        <f t="shared" si="213"/>
        <v>0</v>
      </c>
      <c r="N1785" s="46">
        <f t="shared" si="214"/>
        <v>45364.958333329087</v>
      </c>
    </row>
    <row r="1786" spans="2:14" x14ac:dyDescent="0.3">
      <c r="B1786">
        <f t="shared" si="208"/>
        <v>4</v>
      </c>
      <c r="C1786" s="16">
        <v>1752</v>
      </c>
      <c r="D1786" cm="1">
        <f t="array" ref="D1786">IFERROR(INDEX(Jesper!AH$2:AH$366,ROUNDDOWN($C1786/24,0)+1,1)*INDEX($D$3:$AA$30,INDEX(Jesper!$R$2:$R$366,ROW(INDEX(Jesper!AH$2:AH$366,ROUNDDOWN($C1786/24,0)+1,1))-1)+IF('Standard Profiles'!$G$18=$B$10,7,0)+IF('Standard Profiles'!$G$18=$B$17,14,0)+IF('Standard Profiles'!$G$18=$B$24,21,0),MOD($C1786,24)+1)/SUM(INDEX($D$3:$AA$30,INDEX(Jesper!$R$2:$R$366,ROW(INDEX(Jesper!AH$2:AH$366,ROUNDDOWN($C1786/24,0)+1,1))-1)+IF('Standard Profiles'!$G$18=$B$10,7,0)+IF('Standard Profiles'!$G$18=$B$17,14,0)+IF('Standard Profiles'!$G$18=$B$24,21,0),0)),0)</f>
        <v>7.785035290713191</v>
      </c>
      <c r="E1786" cm="1">
        <f t="array" ref="E1786">IFERROR(INDEX(Jesper!AI$2:AI$366,ROUNDDOWN($C1786/24,0)+1,1)*INDEX($D$3:$AA$30,INDEX(Jesper!$R$2:$R$366,ROW(INDEX(Jesper!AI$2:AI$366,ROUNDDOWN($C1786/24,0)+1,1))-1)+IF('Standard Profiles'!$G$19=$B$10,7,0)+IF('Standard Profiles'!$G$19=$B$17,14,0)+IF('Standard Profiles'!$G$19=$B$24,21,0),MOD($C1786,24)+1)/SUM(INDEX($D$3:$AA$30,INDEX(Jesper!$R$2:$R$366,ROW(INDEX(Jesper!AI$2:AI$366,ROUNDDOWN($C1786/24,0)+1,1))-1)+IF('Standard Profiles'!$G$19=$B$10,7,0)+IF('Standard Profiles'!$G$19=$B$17,14,0)+IF('Standard Profiles'!$G$19=$B$24,21,0),0)),0)</f>
        <v>0</v>
      </c>
      <c r="F1786" cm="1">
        <f t="array" ref="F1786">IFERROR(INDEX(Jesper!AJ$2:AJ$366,ROUNDDOWN($C1786/24,0)+1,1)*INDEX($D$3:$AA$30,INDEX(Jesper!$R$2:$R$366,ROW(INDEX(Jesper!AJ$2:AJ$366,ROUNDDOWN($C1786/24,0)+1,1))-1)+IF('Standard Profiles'!$G$20=$B$10,7,0)+IF('Standard Profiles'!$G$20=$B$17,14,0)+IF('Standard Profiles'!$G$20=$B$24,21,0),MOD($C1786,24)+1)/SUM(INDEX($D$3:$AA$30,INDEX(Jesper!$R$2:$R$366,ROW(INDEX(Jesper!AJ$2:AJ$366,ROUNDDOWN($C1786/24,0)+1,1))-1)+IF('Standard Profiles'!$G$20=$B$10,7,0)+IF('Standard Profiles'!$G$20=$B$17,14,0)+IF('Standard Profiles'!$G$20=$B$24,21,0),0)),0)</f>
        <v>0</v>
      </c>
      <c r="G1786" cm="1">
        <f t="array" ref="G1786">IFERROR(INDEX(Jesper!AK$2:AK$366,ROUNDDOWN($C1786/24,0)+1,1)*INDEX($D$3:$AA$30,INDEX(Jesper!$R$2:$R$366,ROW(INDEX(Jesper!AK$2:AK$366,ROUNDDOWN($C1786/24,0)+1,1))-1)+IF('Standard Profiles'!$G$21=$B$10,7,0)+IF('Standard Profiles'!$G$21=$B$17,14,0)+IF('Standard Profiles'!$G$21=$B$24,21,0),MOD($C1786,24)+1)/SUM(INDEX($D$3:$AA$30,INDEX(Jesper!$R$2:$R$366,ROW(INDEX(Jesper!AK$2:AK$366,ROUNDDOWN($C1786/24,0)+1,1))-1)+IF('Standard Profiles'!$G$21=$B$10,7,0)+IF('Standard Profiles'!$G$21=$B$17,14,0)+IF('Standard Profiles'!$G$21=$B$24,21,0),0)),0)</f>
        <v>0</v>
      </c>
      <c r="H1786" cm="1">
        <f t="array" ref="H1786">IFERROR(INDEX(Jesper!AL$2:AL$366,ROUNDDOWN($C1786/24,0)+1,1)*INDEX($D$3:$AA$30,INDEX(Jesper!$R$2:$R$366,ROW(INDEX(Jesper!AL$2:AL$366,ROUNDDOWN($C1786/24,0)+1,1))-1)+IF('Standard Profiles'!$G$22=$B$10,7,0)+IF('Standard Profiles'!$G$22=$B$17,14,0)+IF('Standard Profiles'!$G$22=$B$24,21,0),MOD($C1786,24)+1)/SUM(INDEX($D$3:$AA$30,INDEX(Jesper!$R$2:$R$366,ROW(INDEX(Jesper!AL$2:AL$366,ROUNDDOWN($C1786/24,0)+1,1))-1)+IF('Standard Profiles'!$G$22=$B$10,7,0)+IF('Standard Profiles'!$G$22=$B$17,14,0)+IF('Standard Profiles'!$G$22=$B$24,21,0),0)),0)</f>
        <v>0</v>
      </c>
      <c r="I1786">
        <f t="shared" si="209"/>
        <v>0.23355105872139573</v>
      </c>
      <c r="J1786">
        <f t="shared" si="210"/>
        <v>0.77850352907131914</v>
      </c>
      <c r="K1786">
        <f t="shared" si="211"/>
        <v>1.1677552936069786</v>
      </c>
      <c r="L1786">
        <f t="shared" si="212"/>
        <v>5.6052254093134977</v>
      </c>
      <c r="M1786">
        <f t="shared" si="213"/>
        <v>0</v>
      </c>
      <c r="N1786" s="46">
        <f t="shared" si="214"/>
        <v>45364.999999995751</v>
      </c>
    </row>
    <row r="1787" spans="2:14" x14ac:dyDescent="0.3">
      <c r="B1787">
        <f t="shared" si="208"/>
        <v>4</v>
      </c>
      <c r="C1787" s="16">
        <v>1753</v>
      </c>
      <c r="D1787" cm="1">
        <f t="array" ref="D1787">IFERROR(INDEX(Jesper!AH$2:AH$366,ROUNDDOWN($C1787/24,0)+1,1)*INDEX($D$3:$AA$30,INDEX(Jesper!$R$2:$R$366,ROW(INDEX(Jesper!AH$2:AH$366,ROUNDDOWN($C1787/24,0)+1,1))-1)+IF('Standard Profiles'!$G$18=$B$10,7,0)+IF('Standard Profiles'!$G$18=$B$17,14,0)+IF('Standard Profiles'!$G$18=$B$24,21,0),MOD($C1787,24)+1)/SUM(INDEX($D$3:$AA$30,INDEX(Jesper!$R$2:$R$366,ROW(INDEX(Jesper!AH$2:AH$366,ROUNDDOWN($C1787/24,0)+1,1))-1)+IF('Standard Profiles'!$G$18=$B$10,7,0)+IF('Standard Profiles'!$G$18=$B$17,14,0)+IF('Standard Profiles'!$G$18=$B$24,21,0),0)),0)</f>
        <v>7.785035290713191</v>
      </c>
      <c r="E1787" cm="1">
        <f t="array" ref="E1787">IFERROR(INDEX(Jesper!AI$2:AI$366,ROUNDDOWN($C1787/24,0)+1,1)*INDEX($D$3:$AA$30,INDEX(Jesper!$R$2:$R$366,ROW(INDEX(Jesper!AI$2:AI$366,ROUNDDOWN($C1787/24,0)+1,1))-1)+IF('Standard Profiles'!$G$19=$B$10,7,0)+IF('Standard Profiles'!$G$19=$B$17,14,0)+IF('Standard Profiles'!$G$19=$B$24,21,0),MOD($C1787,24)+1)/SUM(INDEX($D$3:$AA$30,INDEX(Jesper!$R$2:$R$366,ROW(INDEX(Jesper!AI$2:AI$366,ROUNDDOWN($C1787/24,0)+1,1))-1)+IF('Standard Profiles'!$G$19=$B$10,7,0)+IF('Standard Profiles'!$G$19=$B$17,14,0)+IF('Standard Profiles'!$G$19=$B$24,21,0),0)),0)</f>
        <v>0</v>
      </c>
      <c r="F1787" cm="1">
        <f t="array" ref="F1787">IFERROR(INDEX(Jesper!AJ$2:AJ$366,ROUNDDOWN($C1787/24,0)+1,1)*INDEX($D$3:$AA$30,INDEX(Jesper!$R$2:$R$366,ROW(INDEX(Jesper!AJ$2:AJ$366,ROUNDDOWN($C1787/24,0)+1,1))-1)+IF('Standard Profiles'!$G$20=$B$10,7,0)+IF('Standard Profiles'!$G$20=$B$17,14,0)+IF('Standard Profiles'!$G$20=$B$24,21,0),MOD($C1787,24)+1)/SUM(INDEX($D$3:$AA$30,INDEX(Jesper!$R$2:$R$366,ROW(INDEX(Jesper!AJ$2:AJ$366,ROUNDDOWN($C1787/24,0)+1,1))-1)+IF('Standard Profiles'!$G$20=$B$10,7,0)+IF('Standard Profiles'!$G$20=$B$17,14,0)+IF('Standard Profiles'!$G$20=$B$24,21,0),0)),0)</f>
        <v>0</v>
      </c>
      <c r="G1787" cm="1">
        <f t="array" ref="G1787">IFERROR(INDEX(Jesper!AK$2:AK$366,ROUNDDOWN($C1787/24,0)+1,1)*INDEX($D$3:$AA$30,INDEX(Jesper!$R$2:$R$366,ROW(INDEX(Jesper!AK$2:AK$366,ROUNDDOWN($C1787/24,0)+1,1))-1)+IF('Standard Profiles'!$G$21=$B$10,7,0)+IF('Standard Profiles'!$G$21=$B$17,14,0)+IF('Standard Profiles'!$G$21=$B$24,21,0),MOD($C1787,24)+1)/SUM(INDEX($D$3:$AA$30,INDEX(Jesper!$R$2:$R$366,ROW(INDEX(Jesper!AK$2:AK$366,ROUNDDOWN($C1787/24,0)+1,1))-1)+IF('Standard Profiles'!$G$21=$B$10,7,0)+IF('Standard Profiles'!$G$21=$B$17,14,0)+IF('Standard Profiles'!$G$21=$B$24,21,0),0)),0)</f>
        <v>0</v>
      </c>
      <c r="H1787" cm="1">
        <f t="array" ref="H1787">IFERROR(INDEX(Jesper!AL$2:AL$366,ROUNDDOWN($C1787/24,0)+1,1)*INDEX($D$3:$AA$30,INDEX(Jesper!$R$2:$R$366,ROW(INDEX(Jesper!AL$2:AL$366,ROUNDDOWN($C1787/24,0)+1,1))-1)+IF('Standard Profiles'!$G$22=$B$10,7,0)+IF('Standard Profiles'!$G$22=$B$17,14,0)+IF('Standard Profiles'!$G$22=$B$24,21,0),MOD($C1787,24)+1)/SUM(INDEX($D$3:$AA$30,INDEX(Jesper!$R$2:$R$366,ROW(INDEX(Jesper!AL$2:AL$366,ROUNDDOWN($C1787/24,0)+1,1))-1)+IF('Standard Profiles'!$G$22=$B$10,7,0)+IF('Standard Profiles'!$G$22=$B$17,14,0)+IF('Standard Profiles'!$G$22=$B$24,21,0),0)),0)</f>
        <v>0</v>
      </c>
      <c r="I1787">
        <f t="shared" si="209"/>
        <v>0.23355105872139573</v>
      </c>
      <c r="J1787">
        <f t="shared" si="210"/>
        <v>0.77850352907131914</v>
      </c>
      <c r="K1787">
        <f t="shared" si="211"/>
        <v>1.1677552936069786</v>
      </c>
      <c r="L1787">
        <f t="shared" si="212"/>
        <v>5.6052254093134977</v>
      </c>
      <c r="M1787">
        <f t="shared" si="213"/>
        <v>0</v>
      </c>
      <c r="N1787" s="46">
        <f t="shared" si="214"/>
        <v>45365.041666662415</v>
      </c>
    </row>
    <row r="1788" spans="2:14" x14ac:dyDescent="0.3">
      <c r="B1788">
        <f t="shared" si="208"/>
        <v>4</v>
      </c>
      <c r="C1788" s="16">
        <v>1754</v>
      </c>
      <c r="D1788" cm="1">
        <f t="array" ref="D1788">IFERROR(INDEX(Jesper!AH$2:AH$366,ROUNDDOWN($C1788/24,0)+1,1)*INDEX($D$3:$AA$30,INDEX(Jesper!$R$2:$R$366,ROW(INDEX(Jesper!AH$2:AH$366,ROUNDDOWN($C1788/24,0)+1,1))-1)+IF('Standard Profiles'!$G$18=$B$10,7,0)+IF('Standard Profiles'!$G$18=$B$17,14,0)+IF('Standard Profiles'!$G$18=$B$24,21,0),MOD($C1788,24)+1)/SUM(INDEX($D$3:$AA$30,INDEX(Jesper!$R$2:$R$366,ROW(INDEX(Jesper!AH$2:AH$366,ROUNDDOWN($C1788/24,0)+1,1))-1)+IF('Standard Profiles'!$G$18=$B$10,7,0)+IF('Standard Profiles'!$G$18=$B$17,14,0)+IF('Standard Profiles'!$G$18=$B$24,21,0),0)),0)</f>
        <v>7.785035290713191</v>
      </c>
      <c r="E1788" cm="1">
        <f t="array" ref="E1788">IFERROR(INDEX(Jesper!AI$2:AI$366,ROUNDDOWN($C1788/24,0)+1,1)*INDEX($D$3:$AA$30,INDEX(Jesper!$R$2:$R$366,ROW(INDEX(Jesper!AI$2:AI$366,ROUNDDOWN($C1788/24,0)+1,1))-1)+IF('Standard Profiles'!$G$19=$B$10,7,0)+IF('Standard Profiles'!$G$19=$B$17,14,0)+IF('Standard Profiles'!$G$19=$B$24,21,0),MOD($C1788,24)+1)/SUM(INDEX($D$3:$AA$30,INDEX(Jesper!$R$2:$R$366,ROW(INDEX(Jesper!AI$2:AI$366,ROUNDDOWN($C1788/24,0)+1,1))-1)+IF('Standard Profiles'!$G$19=$B$10,7,0)+IF('Standard Profiles'!$G$19=$B$17,14,0)+IF('Standard Profiles'!$G$19=$B$24,21,0),0)),0)</f>
        <v>0</v>
      </c>
      <c r="F1788" cm="1">
        <f t="array" ref="F1788">IFERROR(INDEX(Jesper!AJ$2:AJ$366,ROUNDDOWN($C1788/24,0)+1,1)*INDEX($D$3:$AA$30,INDEX(Jesper!$R$2:$R$366,ROW(INDEX(Jesper!AJ$2:AJ$366,ROUNDDOWN($C1788/24,0)+1,1))-1)+IF('Standard Profiles'!$G$20=$B$10,7,0)+IF('Standard Profiles'!$G$20=$B$17,14,0)+IF('Standard Profiles'!$G$20=$B$24,21,0),MOD($C1788,24)+1)/SUM(INDEX($D$3:$AA$30,INDEX(Jesper!$R$2:$R$366,ROW(INDEX(Jesper!AJ$2:AJ$366,ROUNDDOWN($C1788/24,0)+1,1))-1)+IF('Standard Profiles'!$G$20=$B$10,7,0)+IF('Standard Profiles'!$G$20=$B$17,14,0)+IF('Standard Profiles'!$G$20=$B$24,21,0),0)),0)</f>
        <v>0</v>
      </c>
      <c r="G1788" cm="1">
        <f t="array" ref="G1788">IFERROR(INDEX(Jesper!AK$2:AK$366,ROUNDDOWN($C1788/24,0)+1,1)*INDEX($D$3:$AA$30,INDEX(Jesper!$R$2:$R$366,ROW(INDEX(Jesper!AK$2:AK$366,ROUNDDOWN($C1788/24,0)+1,1))-1)+IF('Standard Profiles'!$G$21=$B$10,7,0)+IF('Standard Profiles'!$G$21=$B$17,14,0)+IF('Standard Profiles'!$G$21=$B$24,21,0),MOD($C1788,24)+1)/SUM(INDEX($D$3:$AA$30,INDEX(Jesper!$R$2:$R$366,ROW(INDEX(Jesper!AK$2:AK$366,ROUNDDOWN($C1788/24,0)+1,1))-1)+IF('Standard Profiles'!$G$21=$B$10,7,0)+IF('Standard Profiles'!$G$21=$B$17,14,0)+IF('Standard Profiles'!$G$21=$B$24,21,0),0)),0)</f>
        <v>0</v>
      </c>
      <c r="H1788" cm="1">
        <f t="array" ref="H1788">IFERROR(INDEX(Jesper!AL$2:AL$366,ROUNDDOWN($C1788/24,0)+1,1)*INDEX($D$3:$AA$30,INDEX(Jesper!$R$2:$R$366,ROW(INDEX(Jesper!AL$2:AL$366,ROUNDDOWN($C1788/24,0)+1,1))-1)+IF('Standard Profiles'!$G$22=$B$10,7,0)+IF('Standard Profiles'!$G$22=$B$17,14,0)+IF('Standard Profiles'!$G$22=$B$24,21,0),MOD($C1788,24)+1)/SUM(INDEX($D$3:$AA$30,INDEX(Jesper!$R$2:$R$366,ROW(INDEX(Jesper!AL$2:AL$366,ROUNDDOWN($C1788/24,0)+1,1))-1)+IF('Standard Profiles'!$G$22=$B$10,7,0)+IF('Standard Profiles'!$G$22=$B$17,14,0)+IF('Standard Profiles'!$G$22=$B$24,21,0),0)),0)</f>
        <v>0</v>
      </c>
      <c r="I1788">
        <f t="shared" si="209"/>
        <v>0.23355105872139573</v>
      </c>
      <c r="J1788">
        <f t="shared" si="210"/>
        <v>0.77850352907131914</v>
      </c>
      <c r="K1788">
        <f t="shared" si="211"/>
        <v>1.1677552936069786</v>
      </c>
      <c r="L1788">
        <f t="shared" si="212"/>
        <v>5.6052254093134977</v>
      </c>
      <c r="M1788">
        <f t="shared" si="213"/>
        <v>0</v>
      </c>
      <c r="N1788" s="46">
        <f t="shared" si="214"/>
        <v>45365.083333329079</v>
      </c>
    </row>
    <row r="1789" spans="2:14" x14ac:dyDescent="0.3">
      <c r="B1789">
        <f t="shared" si="208"/>
        <v>4</v>
      </c>
      <c r="C1789" s="16">
        <v>1755</v>
      </c>
      <c r="D1789" cm="1">
        <f t="array" ref="D1789">IFERROR(INDEX(Jesper!AH$2:AH$366,ROUNDDOWN($C1789/24,0)+1,1)*INDEX($D$3:$AA$30,INDEX(Jesper!$R$2:$R$366,ROW(INDEX(Jesper!AH$2:AH$366,ROUNDDOWN($C1789/24,0)+1,1))-1)+IF('Standard Profiles'!$G$18=$B$10,7,0)+IF('Standard Profiles'!$G$18=$B$17,14,0)+IF('Standard Profiles'!$G$18=$B$24,21,0),MOD($C1789,24)+1)/SUM(INDEX($D$3:$AA$30,INDEX(Jesper!$R$2:$R$366,ROW(INDEX(Jesper!AH$2:AH$366,ROUNDDOWN($C1789/24,0)+1,1))-1)+IF('Standard Profiles'!$G$18=$B$10,7,0)+IF('Standard Profiles'!$G$18=$B$17,14,0)+IF('Standard Profiles'!$G$18=$B$24,21,0),0)),0)</f>
        <v>7.785035290713191</v>
      </c>
      <c r="E1789" cm="1">
        <f t="array" ref="E1789">IFERROR(INDEX(Jesper!AI$2:AI$366,ROUNDDOWN($C1789/24,0)+1,1)*INDEX($D$3:$AA$30,INDEX(Jesper!$R$2:$R$366,ROW(INDEX(Jesper!AI$2:AI$366,ROUNDDOWN($C1789/24,0)+1,1))-1)+IF('Standard Profiles'!$G$19=$B$10,7,0)+IF('Standard Profiles'!$G$19=$B$17,14,0)+IF('Standard Profiles'!$G$19=$B$24,21,0),MOD($C1789,24)+1)/SUM(INDEX($D$3:$AA$30,INDEX(Jesper!$R$2:$R$366,ROW(INDEX(Jesper!AI$2:AI$366,ROUNDDOWN($C1789/24,0)+1,1))-1)+IF('Standard Profiles'!$G$19=$B$10,7,0)+IF('Standard Profiles'!$G$19=$B$17,14,0)+IF('Standard Profiles'!$G$19=$B$24,21,0),0)),0)</f>
        <v>0</v>
      </c>
      <c r="F1789" cm="1">
        <f t="array" ref="F1789">IFERROR(INDEX(Jesper!AJ$2:AJ$366,ROUNDDOWN($C1789/24,0)+1,1)*INDEX($D$3:$AA$30,INDEX(Jesper!$R$2:$R$366,ROW(INDEX(Jesper!AJ$2:AJ$366,ROUNDDOWN($C1789/24,0)+1,1))-1)+IF('Standard Profiles'!$G$20=$B$10,7,0)+IF('Standard Profiles'!$G$20=$B$17,14,0)+IF('Standard Profiles'!$G$20=$B$24,21,0),MOD($C1789,24)+1)/SUM(INDEX($D$3:$AA$30,INDEX(Jesper!$R$2:$R$366,ROW(INDEX(Jesper!AJ$2:AJ$366,ROUNDDOWN($C1789/24,0)+1,1))-1)+IF('Standard Profiles'!$G$20=$B$10,7,0)+IF('Standard Profiles'!$G$20=$B$17,14,0)+IF('Standard Profiles'!$G$20=$B$24,21,0),0)),0)</f>
        <v>0</v>
      </c>
      <c r="G1789" cm="1">
        <f t="array" ref="G1789">IFERROR(INDEX(Jesper!AK$2:AK$366,ROUNDDOWN($C1789/24,0)+1,1)*INDEX($D$3:$AA$30,INDEX(Jesper!$R$2:$R$366,ROW(INDEX(Jesper!AK$2:AK$366,ROUNDDOWN($C1789/24,0)+1,1))-1)+IF('Standard Profiles'!$G$21=$B$10,7,0)+IF('Standard Profiles'!$G$21=$B$17,14,0)+IF('Standard Profiles'!$G$21=$B$24,21,0),MOD($C1789,24)+1)/SUM(INDEX($D$3:$AA$30,INDEX(Jesper!$R$2:$R$366,ROW(INDEX(Jesper!AK$2:AK$366,ROUNDDOWN($C1789/24,0)+1,1))-1)+IF('Standard Profiles'!$G$21=$B$10,7,0)+IF('Standard Profiles'!$G$21=$B$17,14,0)+IF('Standard Profiles'!$G$21=$B$24,21,0),0)),0)</f>
        <v>0</v>
      </c>
      <c r="H1789" cm="1">
        <f t="array" ref="H1789">IFERROR(INDEX(Jesper!AL$2:AL$366,ROUNDDOWN($C1789/24,0)+1,1)*INDEX($D$3:$AA$30,INDEX(Jesper!$R$2:$R$366,ROW(INDEX(Jesper!AL$2:AL$366,ROUNDDOWN($C1789/24,0)+1,1))-1)+IF('Standard Profiles'!$G$22=$B$10,7,0)+IF('Standard Profiles'!$G$22=$B$17,14,0)+IF('Standard Profiles'!$G$22=$B$24,21,0),MOD($C1789,24)+1)/SUM(INDEX($D$3:$AA$30,INDEX(Jesper!$R$2:$R$366,ROW(INDEX(Jesper!AL$2:AL$366,ROUNDDOWN($C1789/24,0)+1,1))-1)+IF('Standard Profiles'!$G$22=$B$10,7,0)+IF('Standard Profiles'!$G$22=$B$17,14,0)+IF('Standard Profiles'!$G$22=$B$24,21,0),0)),0)</f>
        <v>0</v>
      </c>
      <c r="I1789">
        <f t="shared" si="209"/>
        <v>0.23355105872139573</v>
      </c>
      <c r="J1789">
        <f t="shared" si="210"/>
        <v>0.77850352907131914</v>
      </c>
      <c r="K1789">
        <f t="shared" si="211"/>
        <v>1.1677552936069786</v>
      </c>
      <c r="L1789">
        <f t="shared" si="212"/>
        <v>5.6052254093134977</v>
      </c>
      <c r="M1789">
        <f t="shared" si="213"/>
        <v>0</v>
      </c>
      <c r="N1789" s="46">
        <f t="shared" si="214"/>
        <v>45365.124999995744</v>
      </c>
    </row>
    <row r="1790" spans="2:14" x14ac:dyDescent="0.3">
      <c r="B1790">
        <f t="shared" si="208"/>
        <v>4</v>
      </c>
      <c r="C1790" s="16">
        <v>1756</v>
      </c>
      <c r="D1790" cm="1">
        <f t="array" ref="D1790">IFERROR(INDEX(Jesper!AH$2:AH$366,ROUNDDOWN($C1790/24,0)+1,1)*INDEX($D$3:$AA$30,INDEX(Jesper!$R$2:$R$366,ROW(INDEX(Jesper!AH$2:AH$366,ROUNDDOWN($C1790/24,0)+1,1))-1)+IF('Standard Profiles'!$G$18=$B$10,7,0)+IF('Standard Profiles'!$G$18=$B$17,14,0)+IF('Standard Profiles'!$G$18=$B$24,21,0),MOD($C1790,24)+1)/SUM(INDEX($D$3:$AA$30,INDEX(Jesper!$R$2:$R$366,ROW(INDEX(Jesper!AH$2:AH$366,ROUNDDOWN($C1790/24,0)+1,1))-1)+IF('Standard Profiles'!$G$18=$B$10,7,0)+IF('Standard Profiles'!$G$18=$B$17,14,0)+IF('Standard Profiles'!$G$18=$B$24,21,0),0)),0)</f>
        <v>7.785035290713191</v>
      </c>
      <c r="E1790" cm="1">
        <f t="array" ref="E1790">IFERROR(INDEX(Jesper!AI$2:AI$366,ROUNDDOWN($C1790/24,0)+1,1)*INDEX($D$3:$AA$30,INDEX(Jesper!$R$2:$R$366,ROW(INDEX(Jesper!AI$2:AI$366,ROUNDDOWN($C1790/24,0)+1,1))-1)+IF('Standard Profiles'!$G$19=$B$10,7,0)+IF('Standard Profiles'!$G$19=$B$17,14,0)+IF('Standard Profiles'!$G$19=$B$24,21,0),MOD($C1790,24)+1)/SUM(INDEX($D$3:$AA$30,INDEX(Jesper!$R$2:$R$366,ROW(INDEX(Jesper!AI$2:AI$366,ROUNDDOWN($C1790/24,0)+1,1))-1)+IF('Standard Profiles'!$G$19=$B$10,7,0)+IF('Standard Profiles'!$G$19=$B$17,14,0)+IF('Standard Profiles'!$G$19=$B$24,21,0),0)),0)</f>
        <v>0</v>
      </c>
      <c r="F1790" cm="1">
        <f t="array" ref="F1790">IFERROR(INDEX(Jesper!AJ$2:AJ$366,ROUNDDOWN($C1790/24,0)+1,1)*INDEX($D$3:$AA$30,INDEX(Jesper!$R$2:$R$366,ROW(INDEX(Jesper!AJ$2:AJ$366,ROUNDDOWN($C1790/24,0)+1,1))-1)+IF('Standard Profiles'!$G$20=$B$10,7,0)+IF('Standard Profiles'!$G$20=$B$17,14,0)+IF('Standard Profiles'!$G$20=$B$24,21,0),MOD($C1790,24)+1)/SUM(INDEX($D$3:$AA$30,INDEX(Jesper!$R$2:$R$366,ROW(INDEX(Jesper!AJ$2:AJ$366,ROUNDDOWN($C1790/24,0)+1,1))-1)+IF('Standard Profiles'!$G$20=$B$10,7,0)+IF('Standard Profiles'!$G$20=$B$17,14,0)+IF('Standard Profiles'!$G$20=$B$24,21,0),0)),0)</f>
        <v>0</v>
      </c>
      <c r="G1790" cm="1">
        <f t="array" ref="G1790">IFERROR(INDEX(Jesper!AK$2:AK$366,ROUNDDOWN($C1790/24,0)+1,1)*INDEX($D$3:$AA$30,INDEX(Jesper!$R$2:$R$366,ROW(INDEX(Jesper!AK$2:AK$366,ROUNDDOWN($C1790/24,0)+1,1))-1)+IF('Standard Profiles'!$G$21=$B$10,7,0)+IF('Standard Profiles'!$G$21=$B$17,14,0)+IF('Standard Profiles'!$G$21=$B$24,21,0),MOD($C1790,24)+1)/SUM(INDEX($D$3:$AA$30,INDEX(Jesper!$R$2:$R$366,ROW(INDEX(Jesper!AK$2:AK$366,ROUNDDOWN($C1790/24,0)+1,1))-1)+IF('Standard Profiles'!$G$21=$B$10,7,0)+IF('Standard Profiles'!$G$21=$B$17,14,0)+IF('Standard Profiles'!$G$21=$B$24,21,0),0)),0)</f>
        <v>0</v>
      </c>
      <c r="H1790" cm="1">
        <f t="array" ref="H1790">IFERROR(INDEX(Jesper!AL$2:AL$366,ROUNDDOWN($C1790/24,0)+1,1)*INDEX($D$3:$AA$30,INDEX(Jesper!$R$2:$R$366,ROW(INDEX(Jesper!AL$2:AL$366,ROUNDDOWN($C1790/24,0)+1,1))-1)+IF('Standard Profiles'!$G$22=$B$10,7,0)+IF('Standard Profiles'!$G$22=$B$17,14,0)+IF('Standard Profiles'!$G$22=$B$24,21,0),MOD($C1790,24)+1)/SUM(INDEX($D$3:$AA$30,INDEX(Jesper!$R$2:$R$366,ROW(INDEX(Jesper!AL$2:AL$366,ROUNDDOWN($C1790/24,0)+1,1))-1)+IF('Standard Profiles'!$G$22=$B$10,7,0)+IF('Standard Profiles'!$G$22=$B$17,14,0)+IF('Standard Profiles'!$G$22=$B$24,21,0),0)),0)</f>
        <v>0</v>
      </c>
      <c r="I1790">
        <f t="shared" si="209"/>
        <v>0.23355105872139573</v>
      </c>
      <c r="J1790">
        <f t="shared" si="210"/>
        <v>0.77850352907131914</v>
      </c>
      <c r="K1790">
        <f t="shared" si="211"/>
        <v>1.1677552936069786</v>
      </c>
      <c r="L1790">
        <f t="shared" si="212"/>
        <v>5.6052254093134977</v>
      </c>
      <c r="M1790">
        <f t="shared" si="213"/>
        <v>0</v>
      </c>
      <c r="N1790" s="46">
        <f t="shared" si="214"/>
        <v>45365.166666662408</v>
      </c>
    </row>
    <row r="1791" spans="2:14" x14ac:dyDescent="0.3">
      <c r="B1791">
        <f t="shared" si="208"/>
        <v>4</v>
      </c>
      <c r="C1791" s="16">
        <v>1757</v>
      </c>
      <c r="D1791" cm="1">
        <f t="array" ref="D1791">IFERROR(INDEX(Jesper!AH$2:AH$366,ROUNDDOWN($C1791/24,0)+1,1)*INDEX($D$3:$AA$30,INDEX(Jesper!$R$2:$R$366,ROW(INDEX(Jesper!AH$2:AH$366,ROUNDDOWN($C1791/24,0)+1,1))-1)+IF('Standard Profiles'!$G$18=$B$10,7,0)+IF('Standard Profiles'!$G$18=$B$17,14,0)+IF('Standard Profiles'!$G$18=$B$24,21,0),MOD($C1791,24)+1)/SUM(INDEX($D$3:$AA$30,INDEX(Jesper!$R$2:$R$366,ROW(INDEX(Jesper!AH$2:AH$366,ROUNDDOWN($C1791/24,0)+1,1))-1)+IF('Standard Profiles'!$G$18=$B$10,7,0)+IF('Standard Profiles'!$G$18=$B$17,14,0)+IF('Standard Profiles'!$G$18=$B$24,21,0),0)),0)</f>
        <v>10.034045485808115</v>
      </c>
      <c r="E1791" cm="1">
        <f t="array" ref="E1791">IFERROR(INDEX(Jesper!AI$2:AI$366,ROUNDDOWN($C1791/24,0)+1,1)*INDEX($D$3:$AA$30,INDEX(Jesper!$R$2:$R$366,ROW(INDEX(Jesper!AI$2:AI$366,ROUNDDOWN($C1791/24,0)+1,1))-1)+IF('Standard Profiles'!$G$19=$B$10,7,0)+IF('Standard Profiles'!$G$19=$B$17,14,0)+IF('Standard Profiles'!$G$19=$B$24,21,0),MOD($C1791,24)+1)/SUM(INDEX($D$3:$AA$30,INDEX(Jesper!$R$2:$R$366,ROW(INDEX(Jesper!AI$2:AI$366,ROUNDDOWN($C1791/24,0)+1,1))-1)+IF('Standard Profiles'!$G$19=$B$10,7,0)+IF('Standard Profiles'!$G$19=$B$17,14,0)+IF('Standard Profiles'!$G$19=$B$24,21,0),0)),0)</f>
        <v>0</v>
      </c>
      <c r="F1791" cm="1">
        <f t="array" ref="F1791">IFERROR(INDEX(Jesper!AJ$2:AJ$366,ROUNDDOWN($C1791/24,0)+1,1)*INDEX($D$3:$AA$30,INDEX(Jesper!$R$2:$R$366,ROW(INDEX(Jesper!AJ$2:AJ$366,ROUNDDOWN($C1791/24,0)+1,1))-1)+IF('Standard Profiles'!$G$20=$B$10,7,0)+IF('Standard Profiles'!$G$20=$B$17,14,0)+IF('Standard Profiles'!$G$20=$B$24,21,0),MOD($C1791,24)+1)/SUM(INDEX($D$3:$AA$30,INDEX(Jesper!$R$2:$R$366,ROW(INDEX(Jesper!AJ$2:AJ$366,ROUNDDOWN($C1791/24,0)+1,1))-1)+IF('Standard Profiles'!$G$20=$B$10,7,0)+IF('Standard Profiles'!$G$20=$B$17,14,0)+IF('Standard Profiles'!$G$20=$B$24,21,0),0)),0)</f>
        <v>0</v>
      </c>
      <c r="G1791" cm="1">
        <f t="array" ref="G1791">IFERROR(INDEX(Jesper!AK$2:AK$366,ROUNDDOWN($C1791/24,0)+1,1)*INDEX($D$3:$AA$30,INDEX(Jesper!$R$2:$R$366,ROW(INDEX(Jesper!AK$2:AK$366,ROUNDDOWN($C1791/24,0)+1,1))-1)+IF('Standard Profiles'!$G$21=$B$10,7,0)+IF('Standard Profiles'!$G$21=$B$17,14,0)+IF('Standard Profiles'!$G$21=$B$24,21,0),MOD($C1791,24)+1)/SUM(INDEX($D$3:$AA$30,INDEX(Jesper!$R$2:$R$366,ROW(INDEX(Jesper!AK$2:AK$366,ROUNDDOWN($C1791/24,0)+1,1))-1)+IF('Standard Profiles'!$G$21=$B$10,7,0)+IF('Standard Profiles'!$G$21=$B$17,14,0)+IF('Standard Profiles'!$G$21=$B$24,21,0),0)),0)</f>
        <v>0</v>
      </c>
      <c r="H1791" cm="1">
        <f t="array" ref="H1791">IFERROR(INDEX(Jesper!AL$2:AL$366,ROUNDDOWN($C1791/24,0)+1,1)*INDEX($D$3:$AA$30,INDEX(Jesper!$R$2:$R$366,ROW(INDEX(Jesper!AL$2:AL$366,ROUNDDOWN($C1791/24,0)+1,1))-1)+IF('Standard Profiles'!$G$22=$B$10,7,0)+IF('Standard Profiles'!$G$22=$B$17,14,0)+IF('Standard Profiles'!$G$22=$B$24,21,0),MOD($C1791,24)+1)/SUM(INDEX($D$3:$AA$30,INDEX(Jesper!$R$2:$R$366,ROW(INDEX(Jesper!AL$2:AL$366,ROUNDDOWN($C1791/24,0)+1,1))-1)+IF('Standard Profiles'!$G$22=$B$10,7,0)+IF('Standard Profiles'!$G$22=$B$17,14,0)+IF('Standard Profiles'!$G$22=$B$24,21,0),0)),0)</f>
        <v>0</v>
      </c>
      <c r="I1791">
        <f t="shared" si="209"/>
        <v>0.30102136457424344</v>
      </c>
      <c r="J1791">
        <f t="shared" si="210"/>
        <v>1.0034045485808114</v>
      </c>
      <c r="K1791">
        <f t="shared" si="211"/>
        <v>1.5051068228712172</v>
      </c>
      <c r="L1791">
        <f t="shared" si="212"/>
        <v>7.2245127497818418</v>
      </c>
      <c r="M1791">
        <f t="shared" si="213"/>
        <v>0</v>
      </c>
      <c r="N1791" s="46">
        <f t="shared" si="214"/>
        <v>45365.208333329072</v>
      </c>
    </row>
    <row r="1792" spans="2:14" x14ac:dyDescent="0.3">
      <c r="B1792">
        <f t="shared" si="208"/>
        <v>4</v>
      </c>
      <c r="C1792" s="16">
        <v>1758</v>
      </c>
      <c r="D1792" cm="1">
        <f t="array" ref="D1792">IFERROR(INDEX(Jesper!AH$2:AH$366,ROUNDDOWN($C1792/24,0)+1,1)*INDEX($D$3:$AA$30,INDEX(Jesper!$R$2:$R$366,ROW(INDEX(Jesper!AH$2:AH$366,ROUNDDOWN($C1792/24,0)+1,1))-1)+IF('Standard Profiles'!$G$18=$B$10,7,0)+IF('Standard Profiles'!$G$18=$B$17,14,0)+IF('Standard Profiles'!$G$18=$B$24,21,0),MOD($C1792,24)+1)/SUM(INDEX($D$3:$AA$30,INDEX(Jesper!$R$2:$R$366,ROW(INDEX(Jesper!AH$2:AH$366,ROUNDDOWN($C1792/24,0)+1,1))-1)+IF('Standard Profiles'!$G$18=$B$10,7,0)+IF('Standard Profiles'!$G$18=$B$17,14,0)+IF('Standard Profiles'!$G$18=$B$24,21,0),0)),0)</f>
        <v>11.591052543950752</v>
      </c>
      <c r="E1792" cm="1">
        <f t="array" ref="E1792">IFERROR(INDEX(Jesper!AI$2:AI$366,ROUNDDOWN($C1792/24,0)+1,1)*INDEX($D$3:$AA$30,INDEX(Jesper!$R$2:$R$366,ROW(INDEX(Jesper!AI$2:AI$366,ROUNDDOWN($C1792/24,0)+1,1))-1)+IF('Standard Profiles'!$G$19=$B$10,7,0)+IF('Standard Profiles'!$G$19=$B$17,14,0)+IF('Standard Profiles'!$G$19=$B$24,21,0),MOD($C1792,24)+1)/SUM(INDEX($D$3:$AA$30,INDEX(Jesper!$R$2:$R$366,ROW(INDEX(Jesper!AI$2:AI$366,ROUNDDOWN($C1792/24,0)+1,1))-1)+IF('Standard Profiles'!$G$19=$B$10,7,0)+IF('Standard Profiles'!$G$19=$B$17,14,0)+IF('Standard Profiles'!$G$19=$B$24,21,0),0)),0)</f>
        <v>0</v>
      </c>
      <c r="F1792" cm="1">
        <f t="array" ref="F1792">IFERROR(INDEX(Jesper!AJ$2:AJ$366,ROUNDDOWN($C1792/24,0)+1,1)*INDEX($D$3:$AA$30,INDEX(Jesper!$R$2:$R$366,ROW(INDEX(Jesper!AJ$2:AJ$366,ROUNDDOWN($C1792/24,0)+1,1))-1)+IF('Standard Profiles'!$G$20=$B$10,7,0)+IF('Standard Profiles'!$G$20=$B$17,14,0)+IF('Standard Profiles'!$G$20=$B$24,21,0),MOD($C1792,24)+1)/SUM(INDEX($D$3:$AA$30,INDEX(Jesper!$R$2:$R$366,ROW(INDEX(Jesper!AJ$2:AJ$366,ROUNDDOWN($C1792/24,0)+1,1))-1)+IF('Standard Profiles'!$G$20=$B$10,7,0)+IF('Standard Profiles'!$G$20=$B$17,14,0)+IF('Standard Profiles'!$G$20=$B$24,21,0),0)),0)</f>
        <v>0</v>
      </c>
      <c r="G1792" cm="1">
        <f t="array" ref="G1792">IFERROR(INDEX(Jesper!AK$2:AK$366,ROUNDDOWN($C1792/24,0)+1,1)*INDEX($D$3:$AA$30,INDEX(Jesper!$R$2:$R$366,ROW(INDEX(Jesper!AK$2:AK$366,ROUNDDOWN($C1792/24,0)+1,1))-1)+IF('Standard Profiles'!$G$21=$B$10,7,0)+IF('Standard Profiles'!$G$21=$B$17,14,0)+IF('Standard Profiles'!$G$21=$B$24,21,0),MOD($C1792,24)+1)/SUM(INDEX($D$3:$AA$30,INDEX(Jesper!$R$2:$R$366,ROW(INDEX(Jesper!AK$2:AK$366,ROUNDDOWN($C1792/24,0)+1,1))-1)+IF('Standard Profiles'!$G$21=$B$10,7,0)+IF('Standard Profiles'!$G$21=$B$17,14,0)+IF('Standard Profiles'!$G$21=$B$24,21,0),0)),0)</f>
        <v>0</v>
      </c>
      <c r="H1792" cm="1">
        <f t="array" ref="H1792">IFERROR(INDEX(Jesper!AL$2:AL$366,ROUNDDOWN($C1792/24,0)+1,1)*INDEX($D$3:$AA$30,INDEX(Jesper!$R$2:$R$366,ROW(INDEX(Jesper!AL$2:AL$366,ROUNDDOWN($C1792/24,0)+1,1))-1)+IF('Standard Profiles'!$G$22=$B$10,7,0)+IF('Standard Profiles'!$G$22=$B$17,14,0)+IF('Standard Profiles'!$G$22=$B$24,21,0),MOD($C1792,24)+1)/SUM(INDEX($D$3:$AA$30,INDEX(Jesper!$R$2:$R$366,ROW(INDEX(Jesper!AL$2:AL$366,ROUNDDOWN($C1792/24,0)+1,1))-1)+IF('Standard Profiles'!$G$22=$B$10,7,0)+IF('Standard Profiles'!$G$22=$B$17,14,0)+IF('Standard Profiles'!$G$22=$B$24,21,0),0)),0)</f>
        <v>0</v>
      </c>
      <c r="I1792">
        <f t="shared" si="209"/>
        <v>0.34773157631852258</v>
      </c>
      <c r="J1792">
        <f t="shared" si="210"/>
        <v>1.1591052543950753</v>
      </c>
      <c r="K1792">
        <f t="shared" si="211"/>
        <v>1.7386578815926128</v>
      </c>
      <c r="L1792">
        <f t="shared" si="212"/>
        <v>8.3455578316445411</v>
      </c>
      <c r="M1792">
        <f t="shared" si="213"/>
        <v>0</v>
      </c>
      <c r="N1792" s="46">
        <f t="shared" si="214"/>
        <v>45365.249999995736</v>
      </c>
    </row>
    <row r="1793" spans="2:14" x14ac:dyDescent="0.3">
      <c r="B1793">
        <f t="shared" si="208"/>
        <v>4</v>
      </c>
      <c r="C1793" s="16">
        <v>1759</v>
      </c>
      <c r="D1793" cm="1">
        <f t="array" ref="D1793">IFERROR(INDEX(Jesper!AH$2:AH$366,ROUNDDOWN($C1793/24,0)+1,1)*INDEX($D$3:$AA$30,INDEX(Jesper!$R$2:$R$366,ROW(INDEX(Jesper!AH$2:AH$366,ROUNDDOWN($C1793/24,0)+1,1))-1)+IF('Standard Profiles'!$G$18=$B$10,7,0)+IF('Standard Profiles'!$G$18=$B$17,14,0)+IF('Standard Profiles'!$G$18=$B$24,21,0),MOD($C1793,24)+1)/SUM(INDEX($D$3:$AA$30,INDEX(Jesper!$R$2:$R$366,ROW(INDEX(Jesper!AH$2:AH$366,ROUNDDOWN($C1793/24,0)+1,1))-1)+IF('Standard Profiles'!$G$18=$B$10,7,0)+IF('Standard Profiles'!$G$18=$B$17,14,0)+IF('Standard Profiles'!$G$18=$B$24,21,0),0)),0)</f>
        <v>11.591052543950752</v>
      </c>
      <c r="E1793" cm="1">
        <f t="array" ref="E1793">IFERROR(INDEX(Jesper!AI$2:AI$366,ROUNDDOWN($C1793/24,0)+1,1)*INDEX($D$3:$AA$30,INDEX(Jesper!$R$2:$R$366,ROW(INDEX(Jesper!AI$2:AI$366,ROUNDDOWN($C1793/24,0)+1,1))-1)+IF('Standard Profiles'!$G$19=$B$10,7,0)+IF('Standard Profiles'!$G$19=$B$17,14,0)+IF('Standard Profiles'!$G$19=$B$24,21,0),MOD($C1793,24)+1)/SUM(INDEX($D$3:$AA$30,INDEX(Jesper!$R$2:$R$366,ROW(INDEX(Jesper!AI$2:AI$366,ROUNDDOWN($C1793/24,0)+1,1))-1)+IF('Standard Profiles'!$G$19=$B$10,7,0)+IF('Standard Profiles'!$G$19=$B$17,14,0)+IF('Standard Profiles'!$G$19=$B$24,21,0),0)),0)</f>
        <v>0</v>
      </c>
      <c r="F1793" cm="1">
        <f t="array" ref="F1793">IFERROR(INDEX(Jesper!AJ$2:AJ$366,ROUNDDOWN($C1793/24,0)+1,1)*INDEX($D$3:$AA$30,INDEX(Jesper!$R$2:$R$366,ROW(INDEX(Jesper!AJ$2:AJ$366,ROUNDDOWN($C1793/24,0)+1,1))-1)+IF('Standard Profiles'!$G$20=$B$10,7,0)+IF('Standard Profiles'!$G$20=$B$17,14,0)+IF('Standard Profiles'!$G$20=$B$24,21,0),MOD($C1793,24)+1)/SUM(INDEX($D$3:$AA$30,INDEX(Jesper!$R$2:$R$366,ROW(INDEX(Jesper!AJ$2:AJ$366,ROUNDDOWN($C1793/24,0)+1,1))-1)+IF('Standard Profiles'!$G$20=$B$10,7,0)+IF('Standard Profiles'!$G$20=$B$17,14,0)+IF('Standard Profiles'!$G$20=$B$24,21,0),0)),0)</f>
        <v>0</v>
      </c>
      <c r="G1793" cm="1">
        <f t="array" ref="G1793">IFERROR(INDEX(Jesper!AK$2:AK$366,ROUNDDOWN($C1793/24,0)+1,1)*INDEX($D$3:$AA$30,INDEX(Jesper!$R$2:$R$366,ROW(INDEX(Jesper!AK$2:AK$366,ROUNDDOWN($C1793/24,0)+1,1))-1)+IF('Standard Profiles'!$G$21=$B$10,7,0)+IF('Standard Profiles'!$G$21=$B$17,14,0)+IF('Standard Profiles'!$G$21=$B$24,21,0),MOD($C1793,24)+1)/SUM(INDEX($D$3:$AA$30,INDEX(Jesper!$R$2:$R$366,ROW(INDEX(Jesper!AK$2:AK$366,ROUNDDOWN($C1793/24,0)+1,1))-1)+IF('Standard Profiles'!$G$21=$B$10,7,0)+IF('Standard Profiles'!$G$21=$B$17,14,0)+IF('Standard Profiles'!$G$21=$B$24,21,0),0)),0)</f>
        <v>0</v>
      </c>
      <c r="H1793" cm="1">
        <f t="array" ref="H1793">IFERROR(INDEX(Jesper!AL$2:AL$366,ROUNDDOWN($C1793/24,0)+1,1)*INDEX($D$3:$AA$30,INDEX(Jesper!$R$2:$R$366,ROW(INDEX(Jesper!AL$2:AL$366,ROUNDDOWN($C1793/24,0)+1,1))-1)+IF('Standard Profiles'!$G$22=$B$10,7,0)+IF('Standard Profiles'!$G$22=$B$17,14,0)+IF('Standard Profiles'!$G$22=$B$24,21,0),MOD($C1793,24)+1)/SUM(INDEX($D$3:$AA$30,INDEX(Jesper!$R$2:$R$366,ROW(INDEX(Jesper!AL$2:AL$366,ROUNDDOWN($C1793/24,0)+1,1))-1)+IF('Standard Profiles'!$G$22=$B$10,7,0)+IF('Standard Profiles'!$G$22=$B$17,14,0)+IF('Standard Profiles'!$G$22=$B$24,21,0),0)),0)</f>
        <v>0</v>
      </c>
      <c r="I1793">
        <f t="shared" si="209"/>
        <v>0.34773157631852258</v>
      </c>
      <c r="J1793">
        <f t="shared" si="210"/>
        <v>1.1591052543950753</v>
      </c>
      <c r="K1793">
        <f t="shared" si="211"/>
        <v>1.7386578815926128</v>
      </c>
      <c r="L1793">
        <f t="shared" si="212"/>
        <v>8.3455578316445411</v>
      </c>
      <c r="M1793">
        <f t="shared" si="213"/>
        <v>0</v>
      </c>
      <c r="N1793" s="46">
        <f t="shared" si="214"/>
        <v>45365.291666662401</v>
      </c>
    </row>
    <row r="1794" spans="2:14" x14ac:dyDescent="0.3">
      <c r="B1794">
        <f t="shared" si="208"/>
        <v>4</v>
      </c>
      <c r="C1794" s="16">
        <v>1760</v>
      </c>
      <c r="D1794" cm="1">
        <f t="array" ref="D1794">IFERROR(INDEX(Jesper!AH$2:AH$366,ROUNDDOWN($C1794/24,0)+1,1)*INDEX($D$3:$AA$30,INDEX(Jesper!$R$2:$R$366,ROW(INDEX(Jesper!AH$2:AH$366,ROUNDDOWN($C1794/24,0)+1,1))-1)+IF('Standard Profiles'!$G$18=$B$10,7,0)+IF('Standard Profiles'!$G$18=$B$17,14,0)+IF('Standard Profiles'!$G$18=$B$24,21,0),MOD($C1794,24)+1)/SUM(INDEX($D$3:$AA$30,INDEX(Jesper!$R$2:$R$366,ROW(INDEX(Jesper!AH$2:AH$366,ROUNDDOWN($C1794/24,0)+1,1))-1)+IF('Standard Profiles'!$G$18=$B$10,7,0)+IF('Standard Profiles'!$G$18=$B$17,14,0)+IF('Standard Profiles'!$G$18=$B$24,21,0),0)),0)</f>
        <v>11.591052543950752</v>
      </c>
      <c r="E1794" cm="1">
        <f t="array" ref="E1794">IFERROR(INDEX(Jesper!AI$2:AI$366,ROUNDDOWN($C1794/24,0)+1,1)*INDEX($D$3:$AA$30,INDEX(Jesper!$R$2:$R$366,ROW(INDEX(Jesper!AI$2:AI$366,ROUNDDOWN($C1794/24,0)+1,1))-1)+IF('Standard Profiles'!$G$19=$B$10,7,0)+IF('Standard Profiles'!$G$19=$B$17,14,0)+IF('Standard Profiles'!$G$19=$B$24,21,0),MOD($C1794,24)+1)/SUM(INDEX($D$3:$AA$30,INDEX(Jesper!$R$2:$R$366,ROW(INDEX(Jesper!AI$2:AI$366,ROUNDDOWN($C1794/24,0)+1,1))-1)+IF('Standard Profiles'!$G$19=$B$10,7,0)+IF('Standard Profiles'!$G$19=$B$17,14,0)+IF('Standard Profiles'!$G$19=$B$24,21,0),0)),0)</f>
        <v>0</v>
      </c>
      <c r="F1794" cm="1">
        <f t="array" ref="F1794">IFERROR(INDEX(Jesper!AJ$2:AJ$366,ROUNDDOWN($C1794/24,0)+1,1)*INDEX($D$3:$AA$30,INDEX(Jesper!$R$2:$R$366,ROW(INDEX(Jesper!AJ$2:AJ$366,ROUNDDOWN($C1794/24,0)+1,1))-1)+IF('Standard Profiles'!$G$20=$B$10,7,0)+IF('Standard Profiles'!$G$20=$B$17,14,0)+IF('Standard Profiles'!$G$20=$B$24,21,0),MOD($C1794,24)+1)/SUM(INDEX($D$3:$AA$30,INDEX(Jesper!$R$2:$R$366,ROW(INDEX(Jesper!AJ$2:AJ$366,ROUNDDOWN($C1794/24,0)+1,1))-1)+IF('Standard Profiles'!$G$20=$B$10,7,0)+IF('Standard Profiles'!$G$20=$B$17,14,0)+IF('Standard Profiles'!$G$20=$B$24,21,0),0)),0)</f>
        <v>0</v>
      </c>
      <c r="G1794" cm="1">
        <f t="array" ref="G1794">IFERROR(INDEX(Jesper!AK$2:AK$366,ROUNDDOWN($C1794/24,0)+1,1)*INDEX($D$3:$AA$30,INDEX(Jesper!$R$2:$R$366,ROW(INDEX(Jesper!AK$2:AK$366,ROUNDDOWN($C1794/24,0)+1,1))-1)+IF('Standard Profiles'!$G$21=$B$10,7,0)+IF('Standard Profiles'!$G$21=$B$17,14,0)+IF('Standard Profiles'!$G$21=$B$24,21,0),MOD($C1794,24)+1)/SUM(INDEX($D$3:$AA$30,INDEX(Jesper!$R$2:$R$366,ROW(INDEX(Jesper!AK$2:AK$366,ROUNDDOWN($C1794/24,0)+1,1))-1)+IF('Standard Profiles'!$G$21=$B$10,7,0)+IF('Standard Profiles'!$G$21=$B$17,14,0)+IF('Standard Profiles'!$G$21=$B$24,21,0),0)),0)</f>
        <v>0</v>
      </c>
      <c r="H1794" cm="1">
        <f t="array" ref="H1794">IFERROR(INDEX(Jesper!AL$2:AL$366,ROUNDDOWN($C1794/24,0)+1,1)*INDEX($D$3:$AA$30,INDEX(Jesper!$R$2:$R$366,ROW(INDEX(Jesper!AL$2:AL$366,ROUNDDOWN($C1794/24,0)+1,1))-1)+IF('Standard Profiles'!$G$22=$B$10,7,0)+IF('Standard Profiles'!$G$22=$B$17,14,0)+IF('Standard Profiles'!$G$22=$B$24,21,0),MOD($C1794,24)+1)/SUM(INDEX($D$3:$AA$30,INDEX(Jesper!$R$2:$R$366,ROW(INDEX(Jesper!AL$2:AL$366,ROUNDDOWN($C1794/24,0)+1,1))-1)+IF('Standard Profiles'!$G$22=$B$10,7,0)+IF('Standard Profiles'!$G$22=$B$17,14,0)+IF('Standard Profiles'!$G$22=$B$24,21,0),0)),0)</f>
        <v>0</v>
      </c>
      <c r="I1794">
        <f t="shared" si="209"/>
        <v>0.34773157631852258</v>
      </c>
      <c r="J1794">
        <f t="shared" si="210"/>
        <v>1.1591052543950753</v>
      </c>
      <c r="K1794">
        <f t="shared" si="211"/>
        <v>1.7386578815926128</v>
      </c>
      <c r="L1794">
        <f t="shared" si="212"/>
        <v>8.3455578316445411</v>
      </c>
      <c r="M1794">
        <f t="shared" si="213"/>
        <v>0</v>
      </c>
      <c r="N1794" s="46">
        <f t="shared" si="214"/>
        <v>45365.333333329065</v>
      </c>
    </row>
    <row r="1795" spans="2:14" x14ac:dyDescent="0.3">
      <c r="B1795">
        <f t="shared" si="208"/>
        <v>4</v>
      </c>
      <c r="C1795" s="16">
        <v>1761</v>
      </c>
      <c r="D1795" cm="1">
        <f t="array" ref="D1795">IFERROR(INDEX(Jesper!AH$2:AH$366,ROUNDDOWN($C1795/24,0)+1,1)*INDEX($D$3:$AA$30,INDEX(Jesper!$R$2:$R$366,ROW(INDEX(Jesper!AH$2:AH$366,ROUNDDOWN($C1795/24,0)+1,1))-1)+IF('Standard Profiles'!$G$18=$B$10,7,0)+IF('Standard Profiles'!$G$18=$B$17,14,0)+IF('Standard Profiles'!$G$18=$B$24,21,0),MOD($C1795,24)+1)/SUM(INDEX($D$3:$AA$30,INDEX(Jesper!$R$2:$R$366,ROW(INDEX(Jesper!AH$2:AH$366,ROUNDDOWN($C1795/24,0)+1,1))-1)+IF('Standard Profiles'!$G$18=$B$10,7,0)+IF('Standard Profiles'!$G$18=$B$17,14,0)+IF('Standard Profiles'!$G$18=$B$24,21,0),0)),0)</f>
        <v>12.456056465141108</v>
      </c>
      <c r="E1795" cm="1">
        <f t="array" ref="E1795">IFERROR(INDEX(Jesper!AI$2:AI$366,ROUNDDOWN($C1795/24,0)+1,1)*INDEX($D$3:$AA$30,INDEX(Jesper!$R$2:$R$366,ROW(INDEX(Jesper!AI$2:AI$366,ROUNDDOWN($C1795/24,0)+1,1))-1)+IF('Standard Profiles'!$G$19=$B$10,7,0)+IF('Standard Profiles'!$G$19=$B$17,14,0)+IF('Standard Profiles'!$G$19=$B$24,21,0),MOD($C1795,24)+1)/SUM(INDEX($D$3:$AA$30,INDEX(Jesper!$R$2:$R$366,ROW(INDEX(Jesper!AI$2:AI$366,ROUNDDOWN($C1795/24,0)+1,1))-1)+IF('Standard Profiles'!$G$19=$B$10,7,0)+IF('Standard Profiles'!$G$19=$B$17,14,0)+IF('Standard Profiles'!$G$19=$B$24,21,0),0)),0)</f>
        <v>0</v>
      </c>
      <c r="F1795" cm="1">
        <f t="array" ref="F1795">IFERROR(INDEX(Jesper!AJ$2:AJ$366,ROUNDDOWN($C1795/24,0)+1,1)*INDEX($D$3:$AA$30,INDEX(Jesper!$R$2:$R$366,ROW(INDEX(Jesper!AJ$2:AJ$366,ROUNDDOWN($C1795/24,0)+1,1))-1)+IF('Standard Profiles'!$G$20=$B$10,7,0)+IF('Standard Profiles'!$G$20=$B$17,14,0)+IF('Standard Profiles'!$G$20=$B$24,21,0),MOD($C1795,24)+1)/SUM(INDEX($D$3:$AA$30,INDEX(Jesper!$R$2:$R$366,ROW(INDEX(Jesper!AJ$2:AJ$366,ROUNDDOWN($C1795/24,0)+1,1))-1)+IF('Standard Profiles'!$G$20=$B$10,7,0)+IF('Standard Profiles'!$G$20=$B$17,14,0)+IF('Standard Profiles'!$G$20=$B$24,21,0),0)),0)</f>
        <v>0</v>
      </c>
      <c r="G1795" cm="1">
        <f t="array" ref="G1795">IFERROR(INDEX(Jesper!AK$2:AK$366,ROUNDDOWN($C1795/24,0)+1,1)*INDEX($D$3:$AA$30,INDEX(Jesper!$R$2:$R$366,ROW(INDEX(Jesper!AK$2:AK$366,ROUNDDOWN($C1795/24,0)+1,1))-1)+IF('Standard Profiles'!$G$21=$B$10,7,0)+IF('Standard Profiles'!$G$21=$B$17,14,0)+IF('Standard Profiles'!$G$21=$B$24,21,0),MOD($C1795,24)+1)/SUM(INDEX($D$3:$AA$30,INDEX(Jesper!$R$2:$R$366,ROW(INDEX(Jesper!AK$2:AK$366,ROUNDDOWN($C1795/24,0)+1,1))-1)+IF('Standard Profiles'!$G$21=$B$10,7,0)+IF('Standard Profiles'!$G$21=$B$17,14,0)+IF('Standard Profiles'!$G$21=$B$24,21,0),0)),0)</f>
        <v>0</v>
      </c>
      <c r="H1795" cm="1">
        <f t="array" ref="H1795">IFERROR(INDEX(Jesper!AL$2:AL$366,ROUNDDOWN($C1795/24,0)+1,1)*INDEX($D$3:$AA$30,INDEX(Jesper!$R$2:$R$366,ROW(INDEX(Jesper!AL$2:AL$366,ROUNDDOWN($C1795/24,0)+1,1))-1)+IF('Standard Profiles'!$G$22=$B$10,7,0)+IF('Standard Profiles'!$G$22=$B$17,14,0)+IF('Standard Profiles'!$G$22=$B$24,21,0),MOD($C1795,24)+1)/SUM(INDEX($D$3:$AA$30,INDEX(Jesper!$R$2:$R$366,ROW(INDEX(Jesper!AL$2:AL$366,ROUNDDOWN($C1795/24,0)+1,1))-1)+IF('Standard Profiles'!$G$22=$B$10,7,0)+IF('Standard Profiles'!$G$22=$B$17,14,0)+IF('Standard Profiles'!$G$22=$B$24,21,0),0)),0)</f>
        <v>0</v>
      </c>
      <c r="I1795">
        <f t="shared" si="209"/>
        <v>0.37368169395423323</v>
      </c>
      <c r="J1795">
        <f t="shared" si="210"/>
        <v>1.245605646514111</v>
      </c>
      <c r="K1795">
        <f t="shared" si="211"/>
        <v>1.868408469771166</v>
      </c>
      <c r="L1795">
        <f t="shared" si="212"/>
        <v>8.9683606549015966</v>
      </c>
      <c r="M1795">
        <f t="shared" si="213"/>
        <v>0</v>
      </c>
      <c r="N1795" s="46">
        <f t="shared" si="214"/>
        <v>45365.374999995729</v>
      </c>
    </row>
    <row r="1796" spans="2:14" x14ac:dyDescent="0.3">
      <c r="B1796">
        <f t="shared" si="208"/>
        <v>4</v>
      </c>
      <c r="C1796" s="16">
        <v>1762</v>
      </c>
      <c r="D1796" cm="1">
        <f t="array" ref="D1796">IFERROR(INDEX(Jesper!AH$2:AH$366,ROUNDDOWN($C1796/24,0)+1,1)*INDEX($D$3:$AA$30,INDEX(Jesper!$R$2:$R$366,ROW(INDEX(Jesper!AH$2:AH$366,ROUNDDOWN($C1796/24,0)+1,1))-1)+IF('Standard Profiles'!$G$18=$B$10,7,0)+IF('Standard Profiles'!$G$18=$B$17,14,0)+IF('Standard Profiles'!$G$18=$B$24,21,0),MOD($C1796,24)+1)/SUM(INDEX($D$3:$AA$30,INDEX(Jesper!$R$2:$R$366,ROW(INDEX(Jesper!AH$2:AH$366,ROUNDDOWN($C1796/24,0)+1,1))-1)+IF('Standard Profiles'!$G$18=$B$10,7,0)+IF('Standard Profiles'!$G$18=$B$17,14,0)+IF('Standard Profiles'!$G$18=$B$24,21,0),0)),0)</f>
        <v>13.494061170569534</v>
      </c>
      <c r="E1796" cm="1">
        <f t="array" ref="E1796">IFERROR(INDEX(Jesper!AI$2:AI$366,ROUNDDOWN($C1796/24,0)+1,1)*INDEX($D$3:$AA$30,INDEX(Jesper!$R$2:$R$366,ROW(INDEX(Jesper!AI$2:AI$366,ROUNDDOWN($C1796/24,0)+1,1))-1)+IF('Standard Profiles'!$G$19=$B$10,7,0)+IF('Standard Profiles'!$G$19=$B$17,14,0)+IF('Standard Profiles'!$G$19=$B$24,21,0),MOD($C1796,24)+1)/SUM(INDEX($D$3:$AA$30,INDEX(Jesper!$R$2:$R$366,ROW(INDEX(Jesper!AI$2:AI$366,ROUNDDOWN($C1796/24,0)+1,1))-1)+IF('Standard Profiles'!$G$19=$B$10,7,0)+IF('Standard Profiles'!$G$19=$B$17,14,0)+IF('Standard Profiles'!$G$19=$B$24,21,0),0)),0)</f>
        <v>0</v>
      </c>
      <c r="F1796" cm="1">
        <f t="array" ref="F1796">IFERROR(INDEX(Jesper!AJ$2:AJ$366,ROUNDDOWN($C1796/24,0)+1,1)*INDEX($D$3:$AA$30,INDEX(Jesper!$R$2:$R$366,ROW(INDEX(Jesper!AJ$2:AJ$366,ROUNDDOWN($C1796/24,0)+1,1))-1)+IF('Standard Profiles'!$G$20=$B$10,7,0)+IF('Standard Profiles'!$G$20=$B$17,14,0)+IF('Standard Profiles'!$G$20=$B$24,21,0),MOD($C1796,24)+1)/SUM(INDEX($D$3:$AA$30,INDEX(Jesper!$R$2:$R$366,ROW(INDEX(Jesper!AJ$2:AJ$366,ROUNDDOWN($C1796/24,0)+1,1))-1)+IF('Standard Profiles'!$G$20=$B$10,7,0)+IF('Standard Profiles'!$G$20=$B$17,14,0)+IF('Standard Profiles'!$G$20=$B$24,21,0),0)),0)</f>
        <v>0</v>
      </c>
      <c r="G1796" cm="1">
        <f t="array" ref="G1796">IFERROR(INDEX(Jesper!AK$2:AK$366,ROUNDDOWN($C1796/24,0)+1,1)*INDEX($D$3:$AA$30,INDEX(Jesper!$R$2:$R$366,ROW(INDEX(Jesper!AK$2:AK$366,ROUNDDOWN($C1796/24,0)+1,1))-1)+IF('Standard Profiles'!$G$21=$B$10,7,0)+IF('Standard Profiles'!$G$21=$B$17,14,0)+IF('Standard Profiles'!$G$21=$B$24,21,0),MOD($C1796,24)+1)/SUM(INDEX($D$3:$AA$30,INDEX(Jesper!$R$2:$R$366,ROW(INDEX(Jesper!AK$2:AK$366,ROUNDDOWN($C1796/24,0)+1,1))-1)+IF('Standard Profiles'!$G$21=$B$10,7,0)+IF('Standard Profiles'!$G$21=$B$17,14,0)+IF('Standard Profiles'!$G$21=$B$24,21,0),0)),0)</f>
        <v>0</v>
      </c>
      <c r="H1796" cm="1">
        <f t="array" ref="H1796">IFERROR(INDEX(Jesper!AL$2:AL$366,ROUNDDOWN($C1796/24,0)+1,1)*INDEX($D$3:$AA$30,INDEX(Jesper!$R$2:$R$366,ROW(INDEX(Jesper!AL$2:AL$366,ROUNDDOWN($C1796/24,0)+1,1))-1)+IF('Standard Profiles'!$G$22=$B$10,7,0)+IF('Standard Profiles'!$G$22=$B$17,14,0)+IF('Standard Profiles'!$G$22=$B$24,21,0),MOD($C1796,24)+1)/SUM(INDEX($D$3:$AA$30,INDEX(Jesper!$R$2:$R$366,ROW(INDEX(Jesper!AL$2:AL$366,ROUNDDOWN($C1796/24,0)+1,1))-1)+IF('Standard Profiles'!$G$22=$B$10,7,0)+IF('Standard Profiles'!$G$22=$B$17,14,0)+IF('Standard Profiles'!$G$22=$B$24,21,0),0)),0)</f>
        <v>0</v>
      </c>
      <c r="I1796">
        <f t="shared" si="209"/>
        <v>0.40482183511708603</v>
      </c>
      <c r="J1796">
        <f t="shared" si="210"/>
        <v>1.3494061170569536</v>
      </c>
      <c r="K1796">
        <f t="shared" si="211"/>
        <v>2.0241091755854299</v>
      </c>
      <c r="L1796">
        <f t="shared" si="212"/>
        <v>9.7157240428100646</v>
      </c>
      <c r="M1796">
        <f t="shared" si="213"/>
        <v>0</v>
      </c>
      <c r="N1796" s="46">
        <f t="shared" si="214"/>
        <v>45365.416666662393</v>
      </c>
    </row>
    <row r="1797" spans="2:14" x14ac:dyDescent="0.3">
      <c r="B1797">
        <f t="shared" si="208"/>
        <v>4</v>
      </c>
      <c r="C1797" s="16">
        <v>1763</v>
      </c>
      <c r="D1797" cm="1">
        <f t="array" ref="D1797">IFERROR(INDEX(Jesper!AH$2:AH$366,ROUNDDOWN($C1797/24,0)+1,1)*INDEX($D$3:$AA$30,INDEX(Jesper!$R$2:$R$366,ROW(INDEX(Jesper!AH$2:AH$366,ROUNDDOWN($C1797/24,0)+1,1))-1)+IF('Standard Profiles'!$G$18=$B$10,7,0)+IF('Standard Profiles'!$G$18=$B$17,14,0)+IF('Standard Profiles'!$G$18=$B$24,21,0),MOD($C1797,24)+1)/SUM(INDEX($D$3:$AA$30,INDEX(Jesper!$R$2:$R$366,ROW(INDEX(Jesper!AH$2:AH$366,ROUNDDOWN($C1797/24,0)+1,1))-1)+IF('Standard Profiles'!$G$18=$B$10,7,0)+IF('Standard Profiles'!$G$18=$B$17,14,0)+IF('Standard Profiles'!$G$18=$B$24,21,0),0)),0)</f>
        <v>15.570070581426382</v>
      </c>
      <c r="E1797" cm="1">
        <f t="array" ref="E1797">IFERROR(INDEX(Jesper!AI$2:AI$366,ROUNDDOWN($C1797/24,0)+1,1)*INDEX($D$3:$AA$30,INDEX(Jesper!$R$2:$R$366,ROW(INDEX(Jesper!AI$2:AI$366,ROUNDDOWN($C1797/24,0)+1,1))-1)+IF('Standard Profiles'!$G$19=$B$10,7,0)+IF('Standard Profiles'!$G$19=$B$17,14,0)+IF('Standard Profiles'!$G$19=$B$24,21,0),MOD($C1797,24)+1)/SUM(INDEX($D$3:$AA$30,INDEX(Jesper!$R$2:$R$366,ROW(INDEX(Jesper!AI$2:AI$366,ROUNDDOWN($C1797/24,0)+1,1))-1)+IF('Standard Profiles'!$G$19=$B$10,7,0)+IF('Standard Profiles'!$G$19=$B$17,14,0)+IF('Standard Profiles'!$G$19=$B$24,21,0),0)),0)</f>
        <v>0</v>
      </c>
      <c r="F1797" cm="1">
        <f t="array" ref="F1797">IFERROR(INDEX(Jesper!AJ$2:AJ$366,ROUNDDOWN($C1797/24,0)+1,1)*INDEX($D$3:$AA$30,INDEX(Jesper!$R$2:$R$366,ROW(INDEX(Jesper!AJ$2:AJ$366,ROUNDDOWN($C1797/24,0)+1,1))-1)+IF('Standard Profiles'!$G$20=$B$10,7,0)+IF('Standard Profiles'!$G$20=$B$17,14,0)+IF('Standard Profiles'!$G$20=$B$24,21,0),MOD($C1797,24)+1)/SUM(INDEX($D$3:$AA$30,INDEX(Jesper!$R$2:$R$366,ROW(INDEX(Jesper!AJ$2:AJ$366,ROUNDDOWN($C1797/24,0)+1,1))-1)+IF('Standard Profiles'!$G$20=$B$10,7,0)+IF('Standard Profiles'!$G$20=$B$17,14,0)+IF('Standard Profiles'!$G$20=$B$24,21,0),0)),0)</f>
        <v>0</v>
      </c>
      <c r="G1797" cm="1">
        <f t="array" ref="G1797">IFERROR(INDEX(Jesper!AK$2:AK$366,ROUNDDOWN($C1797/24,0)+1,1)*INDEX($D$3:$AA$30,INDEX(Jesper!$R$2:$R$366,ROW(INDEX(Jesper!AK$2:AK$366,ROUNDDOWN($C1797/24,0)+1,1))-1)+IF('Standard Profiles'!$G$21=$B$10,7,0)+IF('Standard Profiles'!$G$21=$B$17,14,0)+IF('Standard Profiles'!$G$21=$B$24,21,0),MOD($C1797,24)+1)/SUM(INDEX($D$3:$AA$30,INDEX(Jesper!$R$2:$R$366,ROW(INDEX(Jesper!AK$2:AK$366,ROUNDDOWN($C1797/24,0)+1,1))-1)+IF('Standard Profiles'!$G$21=$B$10,7,0)+IF('Standard Profiles'!$G$21=$B$17,14,0)+IF('Standard Profiles'!$G$21=$B$24,21,0),0)),0)</f>
        <v>0</v>
      </c>
      <c r="H1797" cm="1">
        <f t="array" ref="H1797">IFERROR(INDEX(Jesper!AL$2:AL$366,ROUNDDOWN($C1797/24,0)+1,1)*INDEX($D$3:$AA$30,INDEX(Jesper!$R$2:$R$366,ROW(INDEX(Jesper!AL$2:AL$366,ROUNDDOWN($C1797/24,0)+1,1))-1)+IF('Standard Profiles'!$G$22=$B$10,7,0)+IF('Standard Profiles'!$G$22=$B$17,14,0)+IF('Standard Profiles'!$G$22=$B$24,21,0),MOD($C1797,24)+1)/SUM(INDEX($D$3:$AA$30,INDEX(Jesper!$R$2:$R$366,ROW(INDEX(Jesper!AL$2:AL$366,ROUNDDOWN($C1797/24,0)+1,1))-1)+IF('Standard Profiles'!$G$22=$B$10,7,0)+IF('Standard Profiles'!$G$22=$B$17,14,0)+IF('Standard Profiles'!$G$22=$B$24,21,0),0)),0)</f>
        <v>0</v>
      </c>
      <c r="I1797">
        <f t="shared" si="209"/>
        <v>0.46710211744279145</v>
      </c>
      <c r="J1797">
        <f t="shared" si="210"/>
        <v>1.5570070581426383</v>
      </c>
      <c r="K1797">
        <f t="shared" si="211"/>
        <v>2.3355105872139572</v>
      </c>
      <c r="L1797">
        <f t="shared" si="212"/>
        <v>11.210450818626995</v>
      </c>
      <c r="M1797">
        <f t="shared" si="213"/>
        <v>0</v>
      </c>
      <c r="N1797" s="46">
        <f t="shared" si="214"/>
        <v>45365.458333329057</v>
      </c>
    </row>
    <row r="1798" spans="2:14" x14ac:dyDescent="0.3">
      <c r="B1798">
        <f t="shared" si="208"/>
        <v>4</v>
      </c>
      <c r="C1798" s="16">
        <v>1764</v>
      </c>
      <c r="D1798" cm="1">
        <f t="array" ref="D1798">IFERROR(INDEX(Jesper!AH$2:AH$366,ROUNDDOWN($C1798/24,0)+1,1)*INDEX($D$3:$AA$30,INDEX(Jesper!$R$2:$R$366,ROW(INDEX(Jesper!AH$2:AH$366,ROUNDDOWN($C1798/24,0)+1,1))-1)+IF('Standard Profiles'!$G$18=$B$10,7,0)+IF('Standard Profiles'!$G$18=$B$17,14,0)+IF('Standard Profiles'!$G$18=$B$24,21,0),MOD($C1798,24)+1)/SUM(INDEX($D$3:$AA$30,INDEX(Jesper!$R$2:$R$366,ROW(INDEX(Jesper!AH$2:AH$366,ROUNDDOWN($C1798/24,0)+1,1))-1)+IF('Standard Profiles'!$G$18=$B$10,7,0)+IF('Standard Profiles'!$G$18=$B$17,14,0)+IF('Standard Profiles'!$G$18=$B$24,21,0),0)),0)</f>
        <v>15.570070581426382</v>
      </c>
      <c r="E1798" cm="1">
        <f t="array" ref="E1798">IFERROR(INDEX(Jesper!AI$2:AI$366,ROUNDDOWN($C1798/24,0)+1,1)*INDEX($D$3:$AA$30,INDEX(Jesper!$R$2:$R$366,ROW(INDEX(Jesper!AI$2:AI$366,ROUNDDOWN($C1798/24,0)+1,1))-1)+IF('Standard Profiles'!$G$19=$B$10,7,0)+IF('Standard Profiles'!$G$19=$B$17,14,0)+IF('Standard Profiles'!$G$19=$B$24,21,0),MOD($C1798,24)+1)/SUM(INDEX($D$3:$AA$30,INDEX(Jesper!$R$2:$R$366,ROW(INDEX(Jesper!AI$2:AI$366,ROUNDDOWN($C1798/24,0)+1,1))-1)+IF('Standard Profiles'!$G$19=$B$10,7,0)+IF('Standard Profiles'!$G$19=$B$17,14,0)+IF('Standard Profiles'!$G$19=$B$24,21,0),0)),0)</f>
        <v>0</v>
      </c>
      <c r="F1798" cm="1">
        <f t="array" ref="F1798">IFERROR(INDEX(Jesper!AJ$2:AJ$366,ROUNDDOWN($C1798/24,0)+1,1)*INDEX($D$3:$AA$30,INDEX(Jesper!$R$2:$R$366,ROW(INDEX(Jesper!AJ$2:AJ$366,ROUNDDOWN($C1798/24,0)+1,1))-1)+IF('Standard Profiles'!$G$20=$B$10,7,0)+IF('Standard Profiles'!$G$20=$B$17,14,0)+IF('Standard Profiles'!$G$20=$B$24,21,0),MOD($C1798,24)+1)/SUM(INDEX($D$3:$AA$30,INDEX(Jesper!$R$2:$R$366,ROW(INDEX(Jesper!AJ$2:AJ$366,ROUNDDOWN($C1798/24,0)+1,1))-1)+IF('Standard Profiles'!$G$20=$B$10,7,0)+IF('Standard Profiles'!$G$20=$B$17,14,0)+IF('Standard Profiles'!$G$20=$B$24,21,0),0)),0)</f>
        <v>0</v>
      </c>
      <c r="G1798" cm="1">
        <f t="array" ref="G1798">IFERROR(INDEX(Jesper!AK$2:AK$366,ROUNDDOWN($C1798/24,0)+1,1)*INDEX($D$3:$AA$30,INDEX(Jesper!$R$2:$R$366,ROW(INDEX(Jesper!AK$2:AK$366,ROUNDDOWN($C1798/24,0)+1,1))-1)+IF('Standard Profiles'!$G$21=$B$10,7,0)+IF('Standard Profiles'!$G$21=$B$17,14,0)+IF('Standard Profiles'!$G$21=$B$24,21,0),MOD($C1798,24)+1)/SUM(INDEX($D$3:$AA$30,INDEX(Jesper!$R$2:$R$366,ROW(INDEX(Jesper!AK$2:AK$366,ROUNDDOWN($C1798/24,0)+1,1))-1)+IF('Standard Profiles'!$G$21=$B$10,7,0)+IF('Standard Profiles'!$G$21=$B$17,14,0)+IF('Standard Profiles'!$G$21=$B$24,21,0),0)),0)</f>
        <v>0</v>
      </c>
      <c r="H1798" cm="1">
        <f t="array" ref="H1798">IFERROR(INDEX(Jesper!AL$2:AL$366,ROUNDDOWN($C1798/24,0)+1,1)*INDEX($D$3:$AA$30,INDEX(Jesper!$R$2:$R$366,ROW(INDEX(Jesper!AL$2:AL$366,ROUNDDOWN($C1798/24,0)+1,1))-1)+IF('Standard Profiles'!$G$22=$B$10,7,0)+IF('Standard Profiles'!$G$22=$B$17,14,0)+IF('Standard Profiles'!$G$22=$B$24,21,0),MOD($C1798,24)+1)/SUM(INDEX($D$3:$AA$30,INDEX(Jesper!$R$2:$R$366,ROW(INDEX(Jesper!AL$2:AL$366,ROUNDDOWN($C1798/24,0)+1,1))-1)+IF('Standard Profiles'!$G$22=$B$10,7,0)+IF('Standard Profiles'!$G$22=$B$17,14,0)+IF('Standard Profiles'!$G$22=$B$24,21,0),0)),0)</f>
        <v>0</v>
      </c>
      <c r="I1798">
        <f t="shared" si="209"/>
        <v>0.46710211744279145</v>
      </c>
      <c r="J1798">
        <f t="shared" si="210"/>
        <v>1.5570070581426383</v>
      </c>
      <c r="K1798">
        <f t="shared" si="211"/>
        <v>2.3355105872139572</v>
      </c>
      <c r="L1798">
        <f t="shared" si="212"/>
        <v>11.210450818626995</v>
      </c>
      <c r="M1798">
        <f t="shared" si="213"/>
        <v>0</v>
      </c>
      <c r="N1798" s="46">
        <f t="shared" si="214"/>
        <v>45365.499999995722</v>
      </c>
    </row>
    <row r="1799" spans="2:14" x14ac:dyDescent="0.3">
      <c r="B1799">
        <f t="shared" si="208"/>
        <v>4</v>
      </c>
      <c r="C1799" s="16">
        <v>1765</v>
      </c>
      <c r="D1799" cm="1">
        <f t="array" ref="D1799">IFERROR(INDEX(Jesper!AH$2:AH$366,ROUNDDOWN($C1799/24,0)+1,1)*INDEX($D$3:$AA$30,INDEX(Jesper!$R$2:$R$366,ROW(INDEX(Jesper!AH$2:AH$366,ROUNDDOWN($C1799/24,0)+1,1))-1)+IF('Standard Profiles'!$G$18=$B$10,7,0)+IF('Standard Profiles'!$G$18=$B$17,14,0)+IF('Standard Profiles'!$G$18=$B$24,21,0),MOD($C1799,24)+1)/SUM(INDEX($D$3:$AA$30,INDEX(Jesper!$R$2:$R$366,ROW(INDEX(Jesper!AH$2:AH$366,ROUNDDOWN($C1799/24,0)+1,1))-1)+IF('Standard Profiles'!$G$18=$B$10,7,0)+IF('Standard Profiles'!$G$18=$B$17,14,0)+IF('Standard Profiles'!$G$18=$B$24,21,0),0)),0)</f>
        <v>15.570070581426382</v>
      </c>
      <c r="E1799" cm="1">
        <f t="array" ref="E1799">IFERROR(INDEX(Jesper!AI$2:AI$366,ROUNDDOWN($C1799/24,0)+1,1)*INDEX($D$3:$AA$30,INDEX(Jesper!$R$2:$R$366,ROW(INDEX(Jesper!AI$2:AI$366,ROUNDDOWN($C1799/24,0)+1,1))-1)+IF('Standard Profiles'!$G$19=$B$10,7,0)+IF('Standard Profiles'!$G$19=$B$17,14,0)+IF('Standard Profiles'!$G$19=$B$24,21,0),MOD($C1799,24)+1)/SUM(INDEX($D$3:$AA$30,INDEX(Jesper!$R$2:$R$366,ROW(INDEX(Jesper!AI$2:AI$366,ROUNDDOWN($C1799/24,0)+1,1))-1)+IF('Standard Profiles'!$G$19=$B$10,7,0)+IF('Standard Profiles'!$G$19=$B$17,14,0)+IF('Standard Profiles'!$G$19=$B$24,21,0),0)),0)</f>
        <v>0</v>
      </c>
      <c r="F1799" cm="1">
        <f t="array" ref="F1799">IFERROR(INDEX(Jesper!AJ$2:AJ$366,ROUNDDOWN($C1799/24,0)+1,1)*INDEX($D$3:$AA$30,INDEX(Jesper!$R$2:$R$366,ROW(INDEX(Jesper!AJ$2:AJ$366,ROUNDDOWN($C1799/24,0)+1,1))-1)+IF('Standard Profiles'!$G$20=$B$10,7,0)+IF('Standard Profiles'!$G$20=$B$17,14,0)+IF('Standard Profiles'!$G$20=$B$24,21,0),MOD($C1799,24)+1)/SUM(INDEX($D$3:$AA$30,INDEX(Jesper!$R$2:$R$366,ROW(INDEX(Jesper!AJ$2:AJ$366,ROUNDDOWN($C1799/24,0)+1,1))-1)+IF('Standard Profiles'!$G$20=$B$10,7,0)+IF('Standard Profiles'!$G$20=$B$17,14,0)+IF('Standard Profiles'!$G$20=$B$24,21,0),0)),0)</f>
        <v>0</v>
      </c>
      <c r="G1799" cm="1">
        <f t="array" ref="G1799">IFERROR(INDEX(Jesper!AK$2:AK$366,ROUNDDOWN($C1799/24,0)+1,1)*INDEX($D$3:$AA$30,INDEX(Jesper!$R$2:$R$366,ROW(INDEX(Jesper!AK$2:AK$366,ROUNDDOWN($C1799/24,0)+1,1))-1)+IF('Standard Profiles'!$G$21=$B$10,7,0)+IF('Standard Profiles'!$G$21=$B$17,14,0)+IF('Standard Profiles'!$G$21=$B$24,21,0),MOD($C1799,24)+1)/SUM(INDEX($D$3:$AA$30,INDEX(Jesper!$R$2:$R$366,ROW(INDEX(Jesper!AK$2:AK$366,ROUNDDOWN($C1799/24,0)+1,1))-1)+IF('Standard Profiles'!$G$21=$B$10,7,0)+IF('Standard Profiles'!$G$21=$B$17,14,0)+IF('Standard Profiles'!$G$21=$B$24,21,0),0)),0)</f>
        <v>0</v>
      </c>
      <c r="H1799" cm="1">
        <f t="array" ref="H1799">IFERROR(INDEX(Jesper!AL$2:AL$366,ROUNDDOWN($C1799/24,0)+1,1)*INDEX($D$3:$AA$30,INDEX(Jesper!$R$2:$R$366,ROW(INDEX(Jesper!AL$2:AL$366,ROUNDDOWN($C1799/24,0)+1,1))-1)+IF('Standard Profiles'!$G$22=$B$10,7,0)+IF('Standard Profiles'!$G$22=$B$17,14,0)+IF('Standard Profiles'!$G$22=$B$24,21,0),MOD($C1799,24)+1)/SUM(INDEX($D$3:$AA$30,INDEX(Jesper!$R$2:$R$366,ROW(INDEX(Jesper!AL$2:AL$366,ROUNDDOWN($C1799/24,0)+1,1))-1)+IF('Standard Profiles'!$G$22=$B$10,7,0)+IF('Standard Profiles'!$G$22=$B$17,14,0)+IF('Standard Profiles'!$G$22=$B$24,21,0),0)),0)</f>
        <v>0</v>
      </c>
      <c r="I1799">
        <f t="shared" si="209"/>
        <v>0.46710211744279145</v>
      </c>
      <c r="J1799">
        <f t="shared" si="210"/>
        <v>1.5570070581426383</v>
      </c>
      <c r="K1799">
        <f t="shared" si="211"/>
        <v>2.3355105872139572</v>
      </c>
      <c r="L1799">
        <f t="shared" si="212"/>
        <v>11.210450818626995</v>
      </c>
      <c r="M1799">
        <f t="shared" si="213"/>
        <v>0</v>
      </c>
      <c r="N1799" s="46">
        <f t="shared" si="214"/>
        <v>45365.541666662386</v>
      </c>
    </row>
    <row r="1800" spans="2:14" x14ac:dyDescent="0.3">
      <c r="B1800">
        <f t="shared" si="208"/>
        <v>4</v>
      </c>
      <c r="C1800" s="16">
        <v>1766</v>
      </c>
      <c r="D1800" cm="1">
        <f t="array" ref="D1800">IFERROR(INDEX(Jesper!AH$2:AH$366,ROUNDDOWN($C1800/24,0)+1,1)*INDEX($D$3:$AA$30,INDEX(Jesper!$R$2:$R$366,ROW(INDEX(Jesper!AH$2:AH$366,ROUNDDOWN($C1800/24,0)+1,1))-1)+IF('Standard Profiles'!$G$18=$B$10,7,0)+IF('Standard Profiles'!$G$18=$B$17,14,0)+IF('Standard Profiles'!$G$18=$B$24,21,0),MOD($C1800,24)+1)/SUM(INDEX($D$3:$AA$30,INDEX(Jesper!$R$2:$R$366,ROW(INDEX(Jesper!AH$2:AH$366,ROUNDDOWN($C1800/24,0)+1,1))-1)+IF('Standard Profiles'!$G$18=$B$10,7,0)+IF('Standard Profiles'!$G$18=$B$17,14,0)+IF('Standard Profiles'!$G$18=$B$24,21,0),0)),0)</f>
        <v>15.570070581426382</v>
      </c>
      <c r="E1800" cm="1">
        <f t="array" ref="E1800">IFERROR(INDEX(Jesper!AI$2:AI$366,ROUNDDOWN($C1800/24,0)+1,1)*INDEX($D$3:$AA$30,INDEX(Jesper!$R$2:$R$366,ROW(INDEX(Jesper!AI$2:AI$366,ROUNDDOWN($C1800/24,0)+1,1))-1)+IF('Standard Profiles'!$G$19=$B$10,7,0)+IF('Standard Profiles'!$G$19=$B$17,14,0)+IF('Standard Profiles'!$G$19=$B$24,21,0),MOD($C1800,24)+1)/SUM(INDEX($D$3:$AA$30,INDEX(Jesper!$R$2:$R$366,ROW(INDEX(Jesper!AI$2:AI$366,ROUNDDOWN($C1800/24,0)+1,1))-1)+IF('Standard Profiles'!$G$19=$B$10,7,0)+IF('Standard Profiles'!$G$19=$B$17,14,0)+IF('Standard Profiles'!$G$19=$B$24,21,0),0)),0)</f>
        <v>0</v>
      </c>
      <c r="F1800" cm="1">
        <f t="array" ref="F1800">IFERROR(INDEX(Jesper!AJ$2:AJ$366,ROUNDDOWN($C1800/24,0)+1,1)*INDEX($D$3:$AA$30,INDEX(Jesper!$R$2:$R$366,ROW(INDEX(Jesper!AJ$2:AJ$366,ROUNDDOWN($C1800/24,0)+1,1))-1)+IF('Standard Profiles'!$G$20=$B$10,7,0)+IF('Standard Profiles'!$G$20=$B$17,14,0)+IF('Standard Profiles'!$G$20=$B$24,21,0),MOD($C1800,24)+1)/SUM(INDEX($D$3:$AA$30,INDEX(Jesper!$R$2:$R$366,ROW(INDEX(Jesper!AJ$2:AJ$366,ROUNDDOWN($C1800/24,0)+1,1))-1)+IF('Standard Profiles'!$G$20=$B$10,7,0)+IF('Standard Profiles'!$G$20=$B$17,14,0)+IF('Standard Profiles'!$G$20=$B$24,21,0),0)),0)</f>
        <v>0</v>
      </c>
      <c r="G1800" cm="1">
        <f t="array" ref="G1800">IFERROR(INDEX(Jesper!AK$2:AK$366,ROUNDDOWN($C1800/24,0)+1,1)*INDEX($D$3:$AA$30,INDEX(Jesper!$R$2:$R$366,ROW(INDEX(Jesper!AK$2:AK$366,ROUNDDOWN($C1800/24,0)+1,1))-1)+IF('Standard Profiles'!$G$21=$B$10,7,0)+IF('Standard Profiles'!$G$21=$B$17,14,0)+IF('Standard Profiles'!$G$21=$B$24,21,0),MOD($C1800,24)+1)/SUM(INDEX($D$3:$AA$30,INDEX(Jesper!$R$2:$R$366,ROW(INDEX(Jesper!AK$2:AK$366,ROUNDDOWN($C1800/24,0)+1,1))-1)+IF('Standard Profiles'!$G$21=$B$10,7,0)+IF('Standard Profiles'!$G$21=$B$17,14,0)+IF('Standard Profiles'!$G$21=$B$24,21,0),0)),0)</f>
        <v>0</v>
      </c>
      <c r="H1800" cm="1">
        <f t="array" ref="H1800">IFERROR(INDEX(Jesper!AL$2:AL$366,ROUNDDOWN($C1800/24,0)+1,1)*INDEX($D$3:$AA$30,INDEX(Jesper!$R$2:$R$366,ROW(INDEX(Jesper!AL$2:AL$366,ROUNDDOWN($C1800/24,0)+1,1))-1)+IF('Standard Profiles'!$G$22=$B$10,7,0)+IF('Standard Profiles'!$G$22=$B$17,14,0)+IF('Standard Profiles'!$G$22=$B$24,21,0),MOD($C1800,24)+1)/SUM(INDEX($D$3:$AA$30,INDEX(Jesper!$R$2:$R$366,ROW(INDEX(Jesper!AL$2:AL$366,ROUNDDOWN($C1800/24,0)+1,1))-1)+IF('Standard Profiles'!$G$22=$B$10,7,0)+IF('Standard Profiles'!$G$22=$B$17,14,0)+IF('Standard Profiles'!$G$22=$B$24,21,0),0)),0)</f>
        <v>0</v>
      </c>
      <c r="I1800">
        <f t="shared" si="209"/>
        <v>0.46710211744279145</v>
      </c>
      <c r="J1800">
        <f t="shared" si="210"/>
        <v>1.5570070581426383</v>
      </c>
      <c r="K1800">
        <f t="shared" si="211"/>
        <v>2.3355105872139572</v>
      </c>
      <c r="L1800">
        <f t="shared" si="212"/>
        <v>11.210450818626995</v>
      </c>
      <c r="M1800">
        <f t="shared" si="213"/>
        <v>0</v>
      </c>
      <c r="N1800" s="46">
        <f t="shared" si="214"/>
        <v>45365.58333332905</v>
      </c>
    </row>
    <row r="1801" spans="2:14" x14ac:dyDescent="0.3">
      <c r="B1801">
        <f t="shared" si="208"/>
        <v>4</v>
      </c>
      <c r="C1801" s="16">
        <v>1767</v>
      </c>
      <c r="D1801" cm="1">
        <f t="array" ref="D1801">IFERROR(INDEX(Jesper!AH$2:AH$366,ROUNDDOWN($C1801/24,0)+1,1)*INDEX($D$3:$AA$30,INDEX(Jesper!$R$2:$R$366,ROW(INDEX(Jesper!AH$2:AH$366,ROUNDDOWN($C1801/24,0)+1,1))-1)+IF('Standard Profiles'!$G$18=$B$10,7,0)+IF('Standard Profiles'!$G$18=$B$17,14,0)+IF('Standard Profiles'!$G$18=$B$24,21,0),MOD($C1801,24)+1)/SUM(INDEX($D$3:$AA$30,INDEX(Jesper!$R$2:$R$366,ROW(INDEX(Jesper!AH$2:AH$366,ROUNDDOWN($C1801/24,0)+1,1))-1)+IF('Standard Profiles'!$G$18=$B$10,7,0)+IF('Standard Profiles'!$G$18=$B$17,14,0)+IF('Standard Profiles'!$G$18=$B$24,21,0),0)),0)</f>
        <v>15.570070581426382</v>
      </c>
      <c r="E1801" cm="1">
        <f t="array" ref="E1801">IFERROR(INDEX(Jesper!AI$2:AI$366,ROUNDDOWN($C1801/24,0)+1,1)*INDEX($D$3:$AA$30,INDEX(Jesper!$R$2:$R$366,ROW(INDEX(Jesper!AI$2:AI$366,ROUNDDOWN($C1801/24,0)+1,1))-1)+IF('Standard Profiles'!$G$19=$B$10,7,0)+IF('Standard Profiles'!$G$19=$B$17,14,0)+IF('Standard Profiles'!$G$19=$B$24,21,0),MOD($C1801,24)+1)/SUM(INDEX($D$3:$AA$30,INDEX(Jesper!$R$2:$R$366,ROW(INDEX(Jesper!AI$2:AI$366,ROUNDDOWN($C1801/24,0)+1,1))-1)+IF('Standard Profiles'!$G$19=$B$10,7,0)+IF('Standard Profiles'!$G$19=$B$17,14,0)+IF('Standard Profiles'!$G$19=$B$24,21,0),0)),0)</f>
        <v>0</v>
      </c>
      <c r="F1801" cm="1">
        <f t="array" ref="F1801">IFERROR(INDEX(Jesper!AJ$2:AJ$366,ROUNDDOWN($C1801/24,0)+1,1)*INDEX($D$3:$AA$30,INDEX(Jesper!$R$2:$R$366,ROW(INDEX(Jesper!AJ$2:AJ$366,ROUNDDOWN($C1801/24,0)+1,1))-1)+IF('Standard Profiles'!$G$20=$B$10,7,0)+IF('Standard Profiles'!$G$20=$B$17,14,0)+IF('Standard Profiles'!$G$20=$B$24,21,0),MOD($C1801,24)+1)/SUM(INDEX($D$3:$AA$30,INDEX(Jesper!$R$2:$R$366,ROW(INDEX(Jesper!AJ$2:AJ$366,ROUNDDOWN($C1801/24,0)+1,1))-1)+IF('Standard Profiles'!$G$20=$B$10,7,0)+IF('Standard Profiles'!$G$20=$B$17,14,0)+IF('Standard Profiles'!$G$20=$B$24,21,0),0)),0)</f>
        <v>0</v>
      </c>
      <c r="G1801" cm="1">
        <f t="array" ref="G1801">IFERROR(INDEX(Jesper!AK$2:AK$366,ROUNDDOWN($C1801/24,0)+1,1)*INDEX($D$3:$AA$30,INDEX(Jesper!$R$2:$R$366,ROW(INDEX(Jesper!AK$2:AK$366,ROUNDDOWN($C1801/24,0)+1,1))-1)+IF('Standard Profiles'!$G$21=$B$10,7,0)+IF('Standard Profiles'!$G$21=$B$17,14,0)+IF('Standard Profiles'!$G$21=$B$24,21,0),MOD($C1801,24)+1)/SUM(INDEX($D$3:$AA$30,INDEX(Jesper!$R$2:$R$366,ROW(INDEX(Jesper!AK$2:AK$366,ROUNDDOWN($C1801/24,0)+1,1))-1)+IF('Standard Profiles'!$G$21=$B$10,7,0)+IF('Standard Profiles'!$G$21=$B$17,14,0)+IF('Standard Profiles'!$G$21=$B$24,21,0),0)),0)</f>
        <v>0</v>
      </c>
      <c r="H1801" cm="1">
        <f t="array" ref="H1801">IFERROR(INDEX(Jesper!AL$2:AL$366,ROUNDDOWN($C1801/24,0)+1,1)*INDEX($D$3:$AA$30,INDEX(Jesper!$R$2:$R$366,ROW(INDEX(Jesper!AL$2:AL$366,ROUNDDOWN($C1801/24,0)+1,1))-1)+IF('Standard Profiles'!$G$22=$B$10,7,0)+IF('Standard Profiles'!$G$22=$B$17,14,0)+IF('Standard Profiles'!$G$22=$B$24,21,0),MOD($C1801,24)+1)/SUM(INDEX($D$3:$AA$30,INDEX(Jesper!$R$2:$R$366,ROW(INDEX(Jesper!AL$2:AL$366,ROUNDDOWN($C1801/24,0)+1,1))-1)+IF('Standard Profiles'!$G$22=$B$10,7,0)+IF('Standard Profiles'!$G$22=$B$17,14,0)+IF('Standard Profiles'!$G$22=$B$24,21,0),0)),0)</f>
        <v>0</v>
      </c>
      <c r="I1801">
        <f t="shared" si="209"/>
        <v>0.46710211744279145</v>
      </c>
      <c r="J1801">
        <f t="shared" si="210"/>
        <v>1.5570070581426383</v>
      </c>
      <c r="K1801">
        <f t="shared" si="211"/>
        <v>2.3355105872139572</v>
      </c>
      <c r="L1801">
        <f t="shared" si="212"/>
        <v>11.210450818626995</v>
      </c>
      <c r="M1801">
        <f t="shared" si="213"/>
        <v>0</v>
      </c>
      <c r="N1801" s="46">
        <f t="shared" si="214"/>
        <v>45365.624999995714</v>
      </c>
    </row>
    <row r="1802" spans="2:14" x14ac:dyDescent="0.3">
      <c r="B1802">
        <f t="shared" si="208"/>
        <v>4</v>
      </c>
      <c r="C1802" s="16">
        <v>1768</v>
      </c>
      <c r="D1802" cm="1">
        <f t="array" ref="D1802">IFERROR(INDEX(Jesper!AH$2:AH$366,ROUNDDOWN($C1802/24,0)+1,1)*INDEX($D$3:$AA$30,INDEX(Jesper!$R$2:$R$366,ROW(INDEX(Jesper!AH$2:AH$366,ROUNDDOWN($C1802/24,0)+1,1))-1)+IF('Standard Profiles'!$G$18=$B$10,7,0)+IF('Standard Profiles'!$G$18=$B$17,14,0)+IF('Standard Profiles'!$G$18=$B$24,21,0),MOD($C1802,24)+1)/SUM(INDEX($D$3:$AA$30,INDEX(Jesper!$R$2:$R$366,ROW(INDEX(Jesper!AH$2:AH$366,ROUNDDOWN($C1802/24,0)+1,1))-1)+IF('Standard Profiles'!$G$18=$B$10,7,0)+IF('Standard Profiles'!$G$18=$B$17,14,0)+IF('Standard Profiles'!$G$18=$B$24,21,0),0)),0)</f>
        <v>15.570070581426382</v>
      </c>
      <c r="E1802" cm="1">
        <f t="array" ref="E1802">IFERROR(INDEX(Jesper!AI$2:AI$366,ROUNDDOWN($C1802/24,0)+1,1)*INDEX($D$3:$AA$30,INDEX(Jesper!$R$2:$R$366,ROW(INDEX(Jesper!AI$2:AI$366,ROUNDDOWN($C1802/24,0)+1,1))-1)+IF('Standard Profiles'!$G$19=$B$10,7,0)+IF('Standard Profiles'!$G$19=$B$17,14,0)+IF('Standard Profiles'!$G$19=$B$24,21,0),MOD($C1802,24)+1)/SUM(INDEX($D$3:$AA$30,INDEX(Jesper!$R$2:$R$366,ROW(INDEX(Jesper!AI$2:AI$366,ROUNDDOWN($C1802/24,0)+1,1))-1)+IF('Standard Profiles'!$G$19=$B$10,7,0)+IF('Standard Profiles'!$G$19=$B$17,14,0)+IF('Standard Profiles'!$G$19=$B$24,21,0),0)),0)</f>
        <v>0</v>
      </c>
      <c r="F1802" cm="1">
        <f t="array" ref="F1802">IFERROR(INDEX(Jesper!AJ$2:AJ$366,ROUNDDOWN($C1802/24,0)+1,1)*INDEX($D$3:$AA$30,INDEX(Jesper!$R$2:$R$366,ROW(INDEX(Jesper!AJ$2:AJ$366,ROUNDDOWN($C1802/24,0)+1,1))-1)+IF('Standard Profiles'!$G$20=$B$10,7,0)+IF('Standard Profiles'!$G$20=$B$17,14,0)+IF('Standard Profiles'!$G$20=$B$24,21,0),MOD($C1802,24)+1)/SUM(INDEX($D$3:$AA$30,INDEX(Jesper!$R$2:$R$366,ROW(INDEX(Jesper!AJ$2:AJ$366,ROUNDDOWN($C1802/24,0)+1,1))-1)+IF('Standard Profiles'!$G$20=$B$10,7,0)+IF('Standard Profiles'!$G$20=$B$17,14,0)+IF('Standard Profiles'!$G$20=$B$24,21,0),0)),0)</f>
        <v>0</v>
      </c>
      <c r="G1802" cm="1">
        <f t="array" ref="G1802">IFERROR(INDEX(Jesper!AK$2:AK$366,ROUNDDOWN($C1802/24,0)+1,1)*INDEX($D$3:$AA$30,INDEX(Jesper!$R$2:$R$366,ROW(INDEX(Jesper!AK$2:AK$366,ROUNDDOWN($C1802/24,0)+1,1))-1)+IF('Standard Profiles'!$G$21=$B$10,7,0)+IF('Standard Profiles'!$G$21=$B$17,14,0)+IF('Standard Profiles'!$G$21=$B$24,21,0),MOD($C1802,24)+1)/SUM(INDEX($D$3:$AA$30,INDEX(Jesper!$R$2:$R$366,ROW(INDEX(Jesper!AK$2:AK$366,ROUNDDOWN($C1802/24,0)+1,1))-1)+IF('Standard Profiles'!$G$21=$B$10,7,0)+IF('Standard Profiles'!$G$21=$B$17,14,0)+IF('Standard Profiles'!$G$21=$B$24,21,0),0)),0)</f>
        <v>0</v>
      </c>
      <c r="H1802" cm="1">
        <f t="array" ref="H1802">IFERROR(INDEX(Jesper!AL$2:AL$366,ROUNDDOWN($C1802/24,0)+1,1)*INDEX($D$3:$AA$30,INDEX(Jesper!$R$2:$R$366,ROW(INDEX(Jesper!AL$2:AL$366,ROUNDDOWN($C1802/24,0)+1,1))-1)+IF('Standard Profiles'!$G$22=$B$10,7,0)+IF('Standard Profiles'!$G$22=$B$17,14,0)+IF('Standard Profiles'!$G$22=$B$24,21,0),MOD($C1802,24)+1)/SUM(INDEX($D$3:$AA$30,INDEX(Jesper!$R$2:$R$366,ROW(INDEX(Jesper!AL$2:AL$366,ROUNDDOWN($C1802/24,0)+1,1))-1)+IF('Standard Profiles'!$G$22=$B$10,7,0)+IF('Standard Profiles'!$G$22=$B$17,14,0)+IF('Standard Profiles'!$G$22=$B$24,21,0),0)),0)</f>
        <v>0</v>
      </c>
      <c r="I1802">
        <f t="shared" si="209"/>
        <v>0.46710211744279145</v>
      </c>
      <c r="J1802">
        <f t="shared" si="210"/>
        <v>1.5570070581426383</v>
      </c>
      <c r="K1802">
        <f t="shared" si="211"/>
        <v>2.3355105872139572</v>
      </c>
      <c r="L1802">
        <f t="shared" si="212"/>
        <v>11.210450818626995</v>
      </c>
      <c r="M1802">
        <f t="shared" si="213"/>
        <v>0</v>
      </c>
      <c r="N1802" s="46">
        <f t="shared" si="214"/>
        <v>45365.666666662379</v>
      </c>
    </row>
    <row r="1803" spans="2:14" x14ac:dyDescent="0.3">
      <c r="B1803">
        <f t="shared" si="208"/>
        <v>4</v>
      </c>
      <c r="C1803" s="16">
        <v>1769</v>
      </c>
      <c r="D1803" cm="1">
        <f t="array" ref="D1803">IFERROR(INDEX(Jesper!AH$2:AH$366,ROUNDDOWN($C1803/24,0)+1,1)*INDEX($D$3:$AA$30,INDEX(Jesper!$R$2:$R$366,ROW(INDEX(Jesper!AH$2:AH$366,ROUNDDOWN($C1803/24,0)+1,1))-1)+IF('Standard Profiles'!$G$18=$B$10,7,0)+IF('Standard Profiles'!$G$18=$B$17,14,0)+IF('Standard Profiles'!$G$18=$B$24,21,0),MOD($C1803,24)+1)/SUM(INDEX($D$3:$AA$30,INDEX(Jesper!$R$2:$R$366,ROW(INDEX(Jesper!AH$2:AH$366,ROUNDDOWN($C1803/24,0)+1,1))-1)+IF('Standard Profiles'!$G$18=$B$10,7,0)+IF('Standard Profiles'!$G$18=$B$17,14,0)+IF('Standard Profiles'!$G$18=$B$24,21,0),0)),0)</f>
        <v>15.570070581426382</v>
      </c>
      <c r="E1803" cm="1">
        <f t="array" ref="E1803">IFERROR(INDEX(Jesper!AI$2:AI$366,ROUNDDOWN($C1803/24,0)+1,1)*INDEX($D$3:$AA$30,INDEX(Jesper!$R$2:$R$366,ROW(INDEX(Jesper!AI$2:AI$366,ROUNDDOWN($C1803/24,0)+1,1))-1)+IF('Standard Profiles'!$G$19=$B$10,7,0)+IF('Standard Profiles'!$G$19=$B$17,14,0)+IF('Standard Profiles'!$G$19=$B$24,21,0),MOD($C1803,24)+1)/SUM(INDEX($D$3:$AA$30,INDEX(Jesper!$R$2:$R$366,ROW(INDEX(Jesper!AI$2:AI$366,ROUNDDOWN($C1803/24,0)+1,1))-1)+IF('Standard Profiles'!$G$19=$B$10,7,0)+IF('Standard Profiles'!$G$19=$B$17,14,0)+IF('Standard Profiles'!$G$19=$B$24,21,0),0)),0)</f>
        <v>0</v>
      </c>
      <c r="F1803" cm="1">
        <f t="array" ref="F1803">IFERROR(INDEX(Jesper!AJ$2:AJ$366,ROUNDDOWN($C1803/24,0)+1,1)*INDEX($D$3:$AA$30,INDEX(Jesper!$R$2:$R$366,ROW(INDEX(Jesper!AJ$2:AJ$366,ROUNDDOWN($C1803/24,0)+1,1))-1)+IF('Standard Profiles'!$G$20=$B$10,7,0)+IF('Standard Profiles'!$G$20=$B$17,14,0)+IF('Standard Profiles'!$G$20=$B$24,21,0),MOD($C1803,24)+1)/SUM(INDEX($D$3:$AA$30,INDEX(Jesper!$R$2:$R$366,ROW(INDEX(Jesper!AJ$2:AJ$366,ROUNDDOWN($C1803/24,0)+1,1))-1)+IF('Standard Profiles'!$G$20=$B$10,7,0)+IF('Standard Profiles'!$G$20=$B$17,14,0)+IF('Standard Profiles'!$G$20=$B$24,21,0),0)),0)</f>
        <v>0</v>
      </c>
      <c r="G1803" cm="1">
        <f t="array" ref="G1803">IFERROR(INDEX(Jesper!AK$2:AK$366,ROUNDDOWN($C1803/24,0)+1,1)*INDEX($D$3:$AA$30,INDEX(Jesper!$R$2:$R$366,ROW(INDEX(Jesper!AK$2:AK$366,ROUNDDOWN($C1803/24,0)+1,1))-1)+IF('Standard Profiles'!$G$21=$B$10,7,0)+IF('Standard Profiles'!$G$21=$B$17,14,0)+IF('Standard Profiles'!$G$21=$B$24,21,0),MOD($C1803,24)+1)/SUM(INDEX($D$3:$AA$30,INDEX(Jesper!$R$2:$R$366,ROW(INDEX(Jesper!AK$2:AK$366,ROUNDDOWN($C1803/24,0)+1,1))-1)+IF('Standard Profiles'!$G$21=$B$10,7,0)+IF('Standard Profiles'!$G$21=$B$17,14,0)+IF('Standard Profiles'!$G$21=$B$24,21,0),0)),0)</f>
        <v>0</v>
      </c>
      <c r="H1803" cm="1">
        <f t="array" ref="H1803">IFERROR(INDEX(Jesper!AL$2:AL$366,ROUNDDOWN($C1803/24,0)+1,1)*INDEX($D$3:$AA$30,INDEX(Jesper!$R$2:$R$366,ROW(INDEX(Jesper!AL$2:AL$366,ROUNDDOWN($C1803/24,0)+1,1))-1)+IF('Standard Profiles'!$G$22=$B$10,7,0)+IF('Standard Profiles'!$G$22=$B$17,14,0)+IF('Standard Profiles'!$G$22=$B$24,21,0),MOD($C1803,24)+1)/SUM(INDEX($D$3:$AA$30,INDEX(Jesper!$R$2:$R$366,ROW(INDEX(Jesper!AL$2:AL$366,ROUNDDOWN($C1803/24,0)+1,1))-1)+IF('Standard Profiles'!$G$22=$B$10,7,0)+IF('Standard Profiles'!$G$22=$B$17,14,0)+IF('Standard Profiles'!$G$22=$B$24,21,0),0)),0)</f>
        <v>0</v>
      </c>
      <c r="I1803">
        <f t="shared" si="209"/>
        <v>0.46710211744279145</v>
      </c>
      <c r="J1803">
        <f t="shared" si="210"/>
        <v>1.5570070581426383</v>
      </c>
      <c r="K1803">
        <f t="shared" si="211"/>
        <v>2.3355105872139572</v>
      </c>
      <c r="L1803">
        <f t="shared" si="212"/>
        <v>11.210450818626995</v>
      </c>
      <c r="M1803">
        <f t="shared" si="213"/>
        <v>0</v>
      </c>
      <c r="N1803" s="46">
        <f t="shared" si="214"/>
        <v>45365.708333329043</v>
      </c>
    </row>
    <row r="1804" spans="2:14" x14ac:dyDescent="0.3">
      <c r="B1804">
        <f t="shared" si="208"/>
        <v>4</v>
      </c>
      <c r="C1804" s="16">
        <v>1770</v>
      </c>
      <c r="D1804" cm="1">
        <f t="array" ref="D1804">IFERROR(INDEX(Jesper!AH$2:AH$366,ROUNDDOWN($C1804/24,0)+1,1)*INDEX($D$3:$AA$30,INDEX(Jesper!$R$2:$R$366,ROW(INDEX(Jesper!AH$2:AH$366,ROUNDDOWN($C1804/24,0)+1,1))-1)+IF('Standard Profiles'!$G$18=$B$10,7,0)+IF('Standard Profiles'!$G$18=$B$17,14,0)+IF('Standard Profiles'!$G$18=$B$24,21,0),MOD($C1804,24)+1)/SUM(INDEX($D$3:$AA$30,INDEX(Jesper!$R$2:$R$366,ROW(INDEX(Jesper!AH$2:AH$366,ROUNDDOWN($C1804/24,0)+1,1))-1)+IF('Standard Profiles'!$G$18=$B$10,7,0)+IF('Standard Profiles'!$G$18=$B$17,14,0)+IF('Standard Profiles'!$G$18=$B$24,21,0),0)),0)</f>
        <v>15.570070581426382</v>
      </c>
      <c r="E1804" cm="1">
        <f t="array" ref="E1804">IFERROR(INDEX(Jesper!AI$2:AI$366,ROUNDDOWN($C1804/24,0)+1,1)*INDEX($D$3:$AA$30,INDEX(Jesper!$R$2:$R$366,ROW(INDEX(Jesper!AI$2:AI$366,ROUNDDOWN($C1804/24,0)+1,1))-1)+IF('Standard Profiles'!$G$19=$B$10,7,0)+IF('Standard Profiles'!$G$19=$B$17,14,0)+IF('Standard Profiles'!$G$19=$B$24,21,0),MOD($C1804,24)+1)/SUM(INDEX($D$3:$AA$30,INDEX(Jesper!$R$2:$R$366,ROW(INDEX(Jesper!AI$2:AI$366,ROUNDDOWN($C1804/24,0)+1,1))-1)+IF('Standard Profiles'!$G$19=$B$10,7,0)+IF('Standard Profiles'!$G$19=$B$17,14,0)+IF('Standard Profiles'!$G$19=$B$24,21,0),0)),0)</f>
        <v>0</v>
      </c>
      <c r="F1804" cm="1">
        <f t="array" ref="F1804">IFERROR(INDEX(Jesper!AJ$2:AJ$366,ROUNDDOWN($C1804/24,0)+1,1)*INDEX($D$3:$AA$30,INDEX(Jesper!$R$2:$R$366,ROW(INDEX(Jesper!AJ$2:AJ$366,ROUNDDOWN($C1804/24,0)+1,1))-1)+IF('Standard Profiles'!$G$20=$B$10,7,0)+IF('Standard Profiles'!$G$20=$B$17,14,0)+IF('Standard Profiles'!$G$20=$B$24,21,0),MOD($C1804,24)+1)/SUM(INDEX($D$3:$AA$30,INDEX(Jesper!$R$2:$R$366,ROW(INDEX(Jesper!AJ$2:AJ$366,ROUNDDOWN($C1804/24,0)+1,1))-1)+IF('Standard Profiles'!$G$20=$B$10,7,0)+IF('Standard Profiles'!$G$20=$B$17,14,0)+IF('Standard Profiles'!$G$20=$B$24,21,0),0)),0)</f>
        <v>0</v>
      </c>
      <c r="G1804" cm="1">
        <f t="array" ref="G1804">IFERROR(INDEX(Jesper!AK$2:AK$366,ROUNDDOWN($C1804/24,0)+1,1)*INDEX($D$3:$AA$30,INDEX(Jesper!$R$2:$R$366,ROW(INDEX(Jesper!AK$2:AK$366,ROUNDDOWN($C1804/24,0)+1,1))-1)+IF('Standard Profiles'!$G$21=$B$10,7,0)+IF('Standard Profiles'!$G$21=$B$17,14,0)+IF('Standard Profiles'!$G$21=$B$24,21,0),MOD($C1804,24)+1)/SUM(INDEX($D$3:$AA$30,INDEX(Jesper!$R$2:$R$366,ROW(INDEX(Jesper!AK$2:AK$366,ROUNDDOWN($C1804/24,0)+1,1))-1)+IF('Standard Profiles'!$G$21=$B$10,7,0)+IF('Standard Profiles'!$G$21=$B$17,14,0)+IF('Standard Profiles'!$G$21=$B$24,21,0),0)),0)</f>
        <v>0</v>
      </c>
      <c r="H1804" cm="1">
        <f t="array" ref="H1804">IFERROR(INDEX(Jesper!AL$2:AL$366,ROUNDDOWN($C1804/24,0)+1,1)*INDEX($D$3:$AA$30,INDEX(Jesper!$R$2:$R$366,ROW(INDEX(Jesper!AL$2:AL$366,ROUNDDOWN($C1804/24,0)+1,1))-1)+IF('Standard Profiles'!$G$22=$B$10,7,0)+IF('Standard Profiles'!$G$22=$B$17,14,0)+IF('Standard Profiles'!$G$22=$B$24,21,0),MOD($C1804,24)+1)/SUM(INDEX($D$3:$AA$30,INDEX(Jesper!$R$2:$R$366,ROW(INDEX(Jesper!AL$2:AL$366,ROUNDDOWN($C1804/24,0)+1,1))-1)+IF('Standard Profiles'!$G$22=$B$10,7,0)+IF('Standard Profiles'!$G$22=$B$17,14,0)+IF('Standard Profiles'!$G$22=$B$24,21,0),0)),0)</f>
        <v>0</v>
      </c>
      <c r="I1804">
        <f t="shared" si="209"/>
        <v>0.46710211744279145</v>
      </c>
      <c r="J1804">
        <f t="shared" si="210"/>
        <v>1.5570070581426383</v>
      </c>
      <c r="K1804">
        <f t="shared" si="211"/>
        <v>2.3355105872139572</v>
      </c>
      <c r="L1804">
        <f t="shared" si="212"/>
        <v>11.210450818626995</v>
      </c>
      <c r="M1804">
        <f t="shared" si="213"/>
        <v>0</v>
      </c>
      <c r="N1804" s="46">
        <f t="shared" si="214"/>
        <v>45365.749999995707</v>
      </c>
    </row>
    <row r="1805" spans="2:14" x14ac:dyDescent="0.3">
      <c r="B1805">
        <f t="shared" si="208"/>
        <v>4</v>
      </c>
      <c r="C1805" s="16">
        <v>1771</v>
      </c>
      <c r="D1805" cm="1">
        <f t="array" ref="D1805">IFERROR(INDEX(Jesper!AH$2:AH$366,ROUNDDOWN($C1805/24,0)+1,1)*INDEX($D$3:$AA$30,INDEX(Jesper!$R$2:$R$366,ROW(INDEX(Jesper!AH$2:AH$366,ROUNDDOWN($C1805/24,0)+1,1))-1)+IF('Standard Profiles'!$G$18=$B$10,7,0)+IF('Standard Profiles'!$G$18=$B$17,14,0)+IF('Standard Profiles'!$G$18=$B$24,21,0),MOD($C1805,24)+1)/SUM(INDEX($D$3:$AA$30,INDEX(Jesper!$R$2:$R$366,ROW(INDEX(Jesper!AH$2:AH$366,ROUNDDOWN($C1805/24,0)+1,1))-1)+IF('Standard Profiles'!$G$18=$B$10,7,0)+IF('Standard Profiles'!$G$18=$B$17,14,0)+IF('Standard Profiles'!$G$18=$B$24,21,0),0)),0)</f>
        <v>12.97505881785532</v>
      </c>
      <c r="E1805" cm="1">
        <f t="array" ref="E1805">IFERROR(INDEX(Jesper!AI$2:AI$366,ROUNDDOWN($C1805/24,0)+1,1)*INDEX($D$3:$AA$30,INDEX(Jesper!$R$2:$R$366,ROW(INDEX(Jesper!AI$2:AI$366,ROUNDDOWN($C1805/24,0)+1,1))-1)+IF('Standard Profiles'!$G$19=$B$10,7,0)+IF('Standard Profiles'!$G$19=$B$17,14,0)+IF('Standard Profiles'!$G$19=$B$24,21,0),MOD($C1805,24)+1)/SUM(INDEX($D$3:$AA$30,INDEX(Jesper!$R$2:$R$366,ROW(INDEX(Jesper!AI$2:AI$366,ROUNDDOWN($C1805/24,0)+1,1))-1)+IF('Standard Profiles'!$G$19=$B$10,7,0)+IF('Standard Profiles'!$G$19=$B$17,14,0)+IF('Standard Profiles'!$G$19=$B$24,21,0),0)),0)</f>
        <v>0</v>
      </c>
      <c r="F1805" cm="1">
        <f t="array" ref="F1805">IFERROR(INDEX(Jesper!AJ$2:AJ$366,ROUNDDOWN($C1805/24,0)+1,1)*INDEX($D$3:$AA$30,INDEX(Jesper!$R$2:$R$366,ROW(INDEX(Jesper!AJ$2:AJ$366,ROUNDDOWN($C1805/24,0)+1,1))-1)+IF('Standard Profiles'!$G$20=$B$10,7,0)+IF('Standard Profiles'!$G$20=$B$17,14,0)+IF('Standard Profiles'!$G$20=$B$24,21,0),MOD($C1805,24)+1)/SUM(INDEX($D$3:$AA$30,INDEX(Jesper!$R$2:$R$366,ROW(INDEX(Jesper!AJ$2:AJ$366,ROUNDDOWN($C1805/24,0)+1,1))-1)+IF('Standard Profiles'!$G$20=$B$10,7,0)+IF('Standard Profiles'!$G$20=$B$17,14,0)+IF('Standard Profiles'!$G$20=$B$24,21,0),0)),0)</f>
        <v>0</v>
      </c>
      <c r="G1805" cm="1">
        <f t="array" ref="G1805">IFERROR(INDEX(Jesper!AK$2:AK$366,ROUNDDOWN($C1805/24,0)+1,1)*INDEX($D$3:$AA$30,INDEX(Jesper!$R$2:$R$366,ROW(INDEX(Jesper!AK$2:AK$366,ROUNDDOWN($C1805/24,0)+1,1))-1)+IF('Standard Profiles'!$G$21=$B$10,7,0)+IF('Standard Profiles'!$G$21=$B$17,14,0)+IF('Standard Profiles'!$G$21=$B$24,21,0),MOD($C1805,24)+1)/SUM(INDEX($D$3:$AA$30,INDEX(Jesper!$R$2:$R$366,ROW(INDEX(Jesper!AK$2:AK$366,ROUNDDOWN($C1805/24,0)+1,1))-1)+IF('Standard Profiles'!$G$21=$B$10,7,0)+IF('Standard Profiles'!$G$21=$B$17,14,0)+IF('Standard Profiles'!$G$21=$B$24,21,0),0)),0)</f>
        <v>0</v>
      </c>
      <c r="H1805" cm="1">
        <f t="array" ref="H1805">IFERROR(INDEX(Jesper!AL$2:AL$366,ROUNDDOWN($C1805/24,0)+1,1)*INDEX($D$3:$AA$30,INDEX(Jesper!$R$2:$R$366,ROW(INDEX(Jesper!AL$2:AL$366,ROUNDDOWN($C1805/24,0)+1,1))-1)+IF('Standard Profiles'!$G$22=$B$10,7,0)+IF('Standard Profiles'!$G$22=$B$17,14,0)+IF('Standard Profiles'!$G$22=$B$24,21,0),MOD($C1805,24)+1)/SUM(INDEX($D$3:$AA$30,INDEX(Jesper!$R$2:$R$366,ROW(INDEX(Jesper!AL$2:AL$366,ROUNDDOWN($C1805/24,0)+1,1))-1)+IF('Standard Profiles'!$G$22=$B$10,7,0)+IF('Standard Profiles'!$G$22=$B$17,14,0)+IF('Standard Profiles'!$G$22=$B$24,21,0),0)),0)</f>
        <v>0</v>
      </c>
      <c r="I1805">
        <f t="shared" si="209"/>
        <v>0.38925176453565957</v>
      </c>
      <c r="J1805">
        <f t="shared" si="210"/>
        <v>1.2975058817855321</v>
      </c>
      <c r="K1805">
        <f t="shared" si="211"/>
        <v>1.946258822678298</v>
      </c>
      <c r="L1805">
        <f t="shared" si="212"/>
        <v>9.3420423488558306</v>
      </c>
      <c r="M1805">
        <f t="shared" si="213"/>
        <v>0</v>
      </c>
      <c r="N1805" s="46">
        <f t="shared" si="214"/>
        <v>45365.791666662371</v>
      </c>
    </row>
    <row r="1806" spans="2:14" x14ac:dyDescent="0.3">
      <c r="B1806">
        <f t="shared" si="208"/>
        <v>4</v>
      </c>
      <c r="C1806" s="16">
        <v>1772</v>
      </c>
      <c r="D1806" cm="1">
        <f t="array" ref="D1806">IFERROR(INDEX(Jesper!AH$2:AH$366,ROUNDDOWN($C1806/24,0)+1,1)*INDEX($D$3:$AA$30,INDEX(Jesper!$R$2:$R$366,ROW(INDEX(Jesper!AH$2:AH$366,ROUNDDOWN($C1806/24,0)+1,1))-1)+IF('Standard Profiles'!$G$18=$B$10,7,0)+IF('Standard Profiles'!$G$18=$B$17,14,0)+IF('Standard Profiles'!$G$18=$B$24,21,0),MOD($C1806,24)+1)/SUM(INDEX($D$3:$AA$30,INDEX(Jesper!$R$2:$R$366,ROW(INDEX(Jesper!AH$2:AH$366,ROUNDDOWN($C1806/24,0)+1,1))-1)+IF('Standard Profiles'!$G$18=$B$10,7,0)+IF('Standard Profiles'!$G$18=$B$17,14,0)+IF('Standard Profiles'!$G$18=$B$24,21,0),0)),0)</f>
        <v>10.380047054284256</v>
      </c>
      <c r="E1806" cm="1">
        <f t="array" ref="E1806">IFERROR(INDEX(Jesper!AI$2:AI$366,ROUNDDOWN($C1806/24,0)+1,1)*INDEX($D$3:$AA$30,INDEX(Jesper!$R$2:$R$366,ROW(INDEX(Jesper!AI$2:AI$366,ROUNDDOWN($C1806/24,0)+1,1))-1)+IF('Standard Profiles'!$G$19=$B$10,7,0)+IF('Standard Profiles'!$G$19=$B$17,14,0)+IF('Standard Profiles'!$G$19=$B$24,21,0),MOD($C1806,24)+1)/SUM(INDEX($D$3:$AA$30,INDEX(Jesper!$R$2:$R$366,ROW(INDEX(Jesper!AI$2:AI$366,ROUNDDOWN($C1806/24,0)+1,1))-1)+IF('Standard Profiles'!$G$19=$B$10,7,0)+IF('Standard Profiles'!$G$19=$B$17,14,0)+IF('Standard Profiles'!$G$19=$B$24,21,0),0)),0)</f>
        <v>0</v>
      </c>
      <c r="F1806" cm="1">
        <f t="array" ref="F1806">IFERROR(INDEX(Jesper!AJ$2:AJ$366,ROUNDDOWN($C1806/24,0)+1,1)*INDEX($D$3:$AA$30,INDEX(Jesper!$R$2:$R$366,ROW(INDEX(Jesper!AJ$2:AJ$366,ROUNDDOWN($C1806/24,0)+1,1))-1)+IF('Standard Profiles'!$G$20=$B$10,7,0)+IF('Standard Profiles'!$G$20=$B$17,14,0)+IF('Standard Profiles'!$G$20=$B$24,21,0),MOD($C1806,24)+1)/SUM(INDEX($D$3:$AA$30,INDEX(Jesper!$R$2:$R$366,ROW(INDEX(Jesper!AJ$2:AJ$366,ROUNDDOWN($C1806/24,0)+1,1))-1)+IF('Standard Profiles'!$G$20=$B$10,7,0)+IF('Standard Profiles'!$G$20=$B$17,14,0)+IF('Standard Profiles'!$G$20=$B$24,21,0),0)),0)</f>
        <v>0</v>
      </c>
      <c r="G1806" cm="1">
        <f t="array" ref="G1806">IFERROR(INDEX(Jesper!AK$2:AK$366,ROUNDDOWN($C1806/24,0)+1,1)*INDEX($D$3:$AA$30,INDEX(Jesper!$R$2:$R$366,ROW(INDEX(Jesper!AK$2:AK$366,ROUNDDOWN($C1806/24,0)+1,1))-1)+IF('Standard Profiles'!$G$21=$B$10,7,0)+IF('Standard Profiles'!$G$21=$B$17,14,0)+IF('Standard Profiles'!$G$21=$B$24,21,0),MOD($C1806,24)+1)/SUM(INDEX($D$3:$AA$30,INDEX(Jesper!$R$2:$R$366,ROW(INDEX(Jesper!AK$2:AK$366,ROUNDDOWN($C1806/24,0)+1,1))-1)+IF('Standard Profiles'!$G$21=$B$10,7,0)+IF('Standard Profiles'!$G$21=$B$17,14,0)+IF('Standard Profiles'!$G$21=$B$24,21,0),0)),0)</f>
        <v>0</v>
      </c>
      <c r="H1806" cm="1">
        <f t="array" ref="H1806">IFERROR(INDEX(Jesper!AL$2:AL$366,ROUNDDOWN($C1806/24,0)+1,1)*INDEX($D$3:$AA$30,INDEX(Jesper!$R$2:$R$366,ROW(INDEX(Jesper!AL$2:AL$366,ROUNDDOWN($C1806/24,0)+1,1))-1)+IF('Standard Profiles'!$G$22=$B$10,7,0)+IF('Standard Profiles'!$G$22=$B$17,14,0)+IF('Standard Profiles'!$G$22=$B$24,21,0),MOD($C1806,24)+1)/SUM(INDEX($D$3:$AA$30,INDEX(Jesper!$R$2:$R$366,ROW(INDEX(Jesper!AL$2:AL$366,ROUNDDOWN($C1806/24,0)+1,1))-1)+IF('Standard Profiles'!$G$22=$B$10,7,0)+IF('Standard Profiles'!$G$22=$B$17,14,0)+IF('Standard Profiles'!$G$22=$B$24,21,0),0)),0)</f>
        <v>0</v>
      </c>
      <c r="I1806">
        <f t="shared" si="209"/>
        <v>0.31140141162852769</v>
      </c>
      <c r="J1806">
        <f t="shared" si="210"/>
        <v>1.0380047054284256</v>
      </c>
      <c r="K1806">
        <f t="shared" si="211"/>
        <v>1.5570070581426385</v>
      </c>
      <c r="L1806">
        <f t="shared" si="212"/>
        <v>7.4736338790846641</v>
      </c>
      <c r="M1806">
        <f t="shared" si="213"/>
        <v>0</v>
      </c>
      <c r="N1806" s="46">
        <f t="shared" si="214"/>
        <v>45365.833333329036</v>
      </c>
    </row>
    <row r="1807" spans="2:14" x14ac:dyDescent="0.3">
      <c r="B1807">
        <f t="shared" si="208"/>
        <v>4</v>
      </c>
      <c r="C1807" s="16">
        <v>1773</v>
      </c>
      <c r="D1807" cm="1">
        <f t="array" ref="D1807">IFERROR(INDEX(Jesper!AH$2:AH$366,ROUNDDOWN($C1807/24,0)+1,1)*INDEX($D$3:$AA$30,INDEX(Jesper!$R$2:$R$366,ROW(INDEX(Jesper!AH$2:AH$366,ROUNDDOWN($C1807/24,0)+1,1))-1)+IF('Standard Profiles'!$G$18=$B$10,7,0)+IF('Standard Profiles'!$G$18=$B$17,14,0)+IF('Standard Profiles'!$G$18=$B$24,21,0),MOD($C1807,24)+1)/SUM(INDEX($D$3:$AA$30,INDEX(Jesper!$R$2:$R$366,ROW(INDEX(Jesper!AH$2:AH$366,ROUNDDOWN($C1807/24,0)+1,1))-1)+IF('Standard Profiles'!$G$18=$B$10,7,0)+IF('Standard Profiles'!$G$18=$B$17,14,0)+IF('Standard Profiles'!$G$18=$B$24,21,0),0)),0)</f>
        <v>7.785035290713191</v>
      </c>
      <c r="E1807" cm="1">
        <f t="array" ref="E1807">IFERROR(INDEX(Jesper!AI$2:AI$366,ROUNDDOWN($C1807/24,0)+1,1)*INDEX($D$3:$AA$30,INDEX(Jesper!$R$2:$R$366,ROW(INDEX(Jesper!AI$2:AI$366,ROUNDDOWN($C1807/24,0)+1,1))-1)+IF('Standard Profiles'!$G$19=$B$10,7,0)+IF('Standard Profiles'!$G$19=$B$17,14,0)+IF('Standard Profiles'!$G$19=$B$24,21,0),MOD($C1807,24)+1)/SUM(INDEX($D$3:$AA$30,INDEX(Jesper!$R$2:$R$366,ROW(INDEX(Jesper!AI$2:AI$366,ROUNDDOWN($C1807/24,0)+1,1))-1)+IF('Standard Profiles'!$G$19=$B$10,7,0)+IF('Standard Profiles'!$G$19=$B$17,14,0)+IF('Standard Profiles'!$G$19=$B$24,21,0),0)),0)</f>
        <v>0</v>
      </c>
      <c r="F1807" cm="1">
        <f t="array" ref="F1807">IFERROR(INDEX(Jesper!AJ$2:AJ$366,ROUNDDOWN($C1807/24,0)+1,1)*INDEX($D$3:$AA$30,INDEX(Jesper!$R$2:$R$366,ROW(INDEX(Jesper!AJ$2:AJ$366,ROUNDDOWN($C1807/24,0)+1,1))-1)+IF('Standard Profiles'!$G$20=$B$10,7,0)+IF('Standard Profiles'!$G$20=$B$17,14,0)+IF('Standard Profiles'!$G$20=$B$24,21,0),MOD($C1807,24)+1)/SUM(INDEX($D$3:$AA$30,INDEX(Jesper!$R$2:$R$366,ROW(INDEX(Jesper!AJ$2:AJ$366,ROUNDDOWN($C1807/24,0)+1,1))-1)+IF('Standard Profiles'!$G$20=$B$10,7,0)+IF('Standard Profiles'!$G$20=$B$17,14,0)+IF('Standard Profiles'!$G$20=$B$24,21,0),0)),0)</f>
        <v>0</v>
      </c>
      <c r="G1807" cm="1">
        <f t="array" ref="G1807">IFERROR(INDEX(Jesper!AK$2:AK$366,ROUNDDOWN($C1807/24,0)+1,1)*INDEX($D$3:$AA$30,INDEX(Jesper!$R$2:$R$366,ROW(INDEX(Jesper!AK$2:AK$366,ROUNDDOWN($C1807/24,0)+1,1))-1)+IF('Standard Profiles'!$G$21=$B$10,7,0)+IF('Standard Profiles'!$G$21=$B$17,14,0)+IF('Standard Profiles'!$G$21=$B$24,21,0),MOD($C1807,24)+1)/SUM(INDEX($D$3:$AA$30,INDEX(Jesper!$R$2:$R$366,ROW(INDEX(Jesper!AK$2:AK$366,ROUNDDOWN($C1807/24,0)+1,1))-1)+IF('Standard Profiles'!$G$21=$B$10,7,0)+IF('Standard Profiles'!$G$21=$B$17,14,0)+IF('Standard Profiles'!$G$21=$B$24,21,0),0)),0)</f>
        <v>0</v>
      </c>
      <c r="H1807" cm="1">
        <f t="array" ref="H1807">IFERROR(INDEX(Jesper!AL$2:AL$366,ROUNDDOWN($C1807/24,0)+1,1)*INDEX($D$3:$AA$30,INDEX(Jesper!$R$2:$R$366,ROW(INDEX(Jesper!AL$2:AL$366,ROUNDDOWN($C1807/24,0)+1,1))-1)+IF('Standard Profiles'!$G$22=$B$10,7,0)+IF('Standard Profiles'!$G$22=$B$17,14,0)+IF('Standard Profiles'!$G$22=$B$24,21,0),MOD($C1807,24)+1)/SUM(INDEX($D$3:$AA$30,INDEX(Jesper!$R$2:$R$366,ROW(INDEX(Jesper!AL$2:AL$366,ROUNDDOWN($C1807/24,0)+1,1))-1)+IF('Standard Profiles'!$G$22=$B$10,7,0)+IF('Standard Profiles'!$G$22=$B$17,14,0)+IF('Standard Profiles'!$G$22=$B$24,21,0),0)),0)</f>
        <v>0</v>
      </c>
      <c r="I1807">
        <f t="shared" si="209"/>
        <v>0.23355105872139573</v>
      </c>
      <c r="J1807">
        <f t="shared" si="210"/>
        <v>0.77850352907131914</v>
      </c>
      <c r="K1807">
        <f t="shared" si="211"/>
        <v>1.1677552936069786</v>
      </c>
      <c r="L1807">
        <f t="shared" si="212"/>
        <v>5.6052254093134977</v>
      </c>
      <c r="M1807">
        <f t="shared" si="213"/>
        <v>0</v>
      </c>
      <c r="N1807" s="46">
        <f t="shared" si="214"/>
        <v>45365.8749999957</v>
      </c>
    </row>
    <row r="1808" spans="2:14" x14ac:dyDescent="0.3">
      <c r="B1808">
        <f t="shared" si="208"/>
        <v>4</v>
      </c>
      <c r="C1808" s="16">
        <v>1774</v>
      </c>
      <c r="D1808" cm="1">
        <f t="array" ref="D1808">IFERROR(INDEX(Jesper!AH$2:AH$366,ROUNDDOWN($C1808/24,0)+1,1)*INDEX($D$3:$AA$30,INDEX(Jesper!$R$2:$R$366,ROW(INDEX(Jesper!AH$2:AH$366,ROUNDDOWN($C1808/24,0)+1,1))-1)+IF('Standard Profiles'!$G$18=$B$10,7,0)+IF('Standard Profiles'!$G$18=$B$17,14,0)+IF('Standard Profiles'!$G$18=$B$24,21,0),MOD($C1808,24)+1)/SUM(INDEX($D$3:$AA$30,INDEX(Jesper!$R$2:$R$366,ROW(INDEX(Jesper!AH$2:AH$366,ROUNDDOWN($C1808/24,0)+1,1))-1)+IF('Standard Profiles'!$G$18=$B$10,7,0)+IF('Standard Profiles'!$G$18=$B$17,14,0)+IF('Standard Profiles'!$G$18=$B$24,21,0),0)),0)</f>
        <v>7.785035290713191</v>
      </c>
      <c r="E1808" cm="1">
        <f t="array" ref="E1808">IFERROR(INDEX(Jesper!AI$2:AI$366,ROUNDDOWN($C1808/24,0)+1,1)*INDEX($D$3:$AA$30,INDEX(Jesper!$R$2:$R$366,ROW(INDEX(Jesper!AI$2:AI$366,ROUNDDOWN($C1808/24,0)+1,1))-1)+IF('Standard Profiles'!$G$19=$B$10,7,0)+IF('Standard Profiles'!$G$19=$B$17,14,0)+IF('Standard Profiles'!$G$19=$B$24,21,0),MOD($C1808,24)+1)/SUM(INDEX($D$3:$AA$30,INDEX(Jesper!$R$2:$R$366,ROW(INDEX(Jesper!AI$2:AI$366,ROUNDDOWN($C1808/24,0)+1,1))-1)+IF('Standard Profiles'!$G$19=$B$10,7,0)+IF('Standard Profiles'!$G$19=$B$17,14,0)+IF('Standard Profiles'!$G$19=$B$24,21,0),0)),0)</f>
        <v>0</v>
      </c>
      <c r="F1808" cm="1">
        <f t="array" ref="F1808">IFERROR(INDEX(Jesper!AJ$2:AJ$366,ROUNDDOWN($C1808/24,0)+1,1)*INDEX($D$3:$AA$30,INDEX(Jesper!$R$2:$R$366,ROW(INDEX(Jesper!AJ$2:AJ$366,ROUNDDOWN($C1808/24,0)+1,1))-1)+IF('Standard Profiles'!$G$20=$B$10,7,0)+IF('Standard Profiles'!$G$20=$B$17,14,0)+IF('Standard Profiles'!$G$20=$B$24,21,0),MOD($C1808,24)+1)/SUM(INDEX($D$3:$AA$30,INDEX(Jesper!$R$2:$R$366,ROW(INDEX(Jesper!AJ$2:AJ$366,ROUNDDOWN($C1808/24,0)+1,1))-1)+IF('Standard Profiles'!$G$20=$B$10,7,0)+IF('Standard Profiles'!$G$20=$B$17,14,0)+IF('Standard Profiles'!$G$20=$B$24,21,0),0)),0)</f>
        <v>0</v>
      </c>
      <c r="G1808" cm="1">
        <f t="array" ref="G1808">IFERROR(INDEX(Jesper!AK$2:AK$366,ROUNDDOWN($C1808/24,0)+1,1)*INDEX($D$3:$AA$30,INDEX(Jesper!$R$2:$R$366,ROW(INDEX(Jesper!AK$2:AK$366,ROUNDDOWN($C1808/24,0)+1,1))-1)+IF('Standard Profiles'!$G$21=$B$10,7,0)+IF('Standard Profiles'!$G$21=$B$17,14,0)+IF('Standard Profiles'!$G$21=$B$24,21,0),MOD($C1808,24)+1)/SUM(INDEX($D$3:$AA$30,INDEX(Jesper!$R$2:$R$366,ROW(INDEX(Jesper!AK$2:AK$366,ROUNDDOWN($C1808/24,0)+1,1))-1)+IF('Standard Profiles'!$G$21=$B$10,7,0)+IF('Standard Profiles'!$G$21=$B$17,14,0)+IF('Standard Profiles'!$G$21=$B$24,21,0),0)),0)</f>
        <v>0</v>
      </c>
      <c r="H1808" cm="1">
        <f t="array" ref="H1808">IFERROR(INDEX(Jesper!AL$2:AL$366,ROUNDDOWN($C1808/24,0)+1,1)*INDEX($D$3:$AA$30,INDEX(Jesper!$R$2:$R$366,ROW(INDEX(Jesper!AL$2:AL$366,ROUNDDOWN($C1808/24,0)+1,1))-1)+IF('Standard Profiles'!$G$22=$B$10,7,0)+IF('Standard Profiles'!$G$22=$B$17,14,0)+IF('Standard Profiles'!$G$22=$B$24,21,0),MOD($C1808,24)+1)/SUM(INDEX($D$3:$AA$30,INDEX(Jesper!$R$2:$R$366,ROW(INDEX(Jesper!AL$2:AL$366,ROUNDDOWN($C1808/24,0)+1,1))-1)+IF('Standard Profiles'!$G$22=$B$10,7,0)+IF('Standard Profiles'!$G$22=$B$17,14,0)+IF('Standard Profiles'!$G$22=$B$24,21,0),0)),0)</f>
        <v>0</v>
      </c>
      <c r="I1808">
        <f t="shared" si="209"/>
        <v>0.23355105872139573</v>
      </c>
      <c r="J1808">
        <f t="shared" si="210"/>
        <v>0.77850352907131914</v>
      </c>
      <c r="K1808">
        <f t="shared" si="211"/>
        <v>1.1677552936069786</v>
      </c>
      <c r="L1808">
        <f t="shared" si="212"/>
        <v>5.6052254093134977</v>
      </c>
      <c r="M1808">
        <f t="shared" si="213"/>
        <v>0</v>
      </c>
      <c r="N1808" s="46">
        <f t="shared" si="214"/>
        <v>45365.916666662364</v>
      </c>
    </row>
    <row r="1809" spans="2:14" x14ac:dyDescent="0.3">
      <c r="B1809">
        <f t="shared" si="208"/>
        <v>4</v>
      </c>
      <c r="C1809" s="16">
        <v>1775</v>
      </c>
      <c r="D1809" cm="1">
        <f t="array" ref="D1809">IFERROR(INDEX(Jesper!AH$2:AH$366,ROUNDDOWN($C1809/24,0)+1,1)*INDEX($D$3:$AA$30,INDEX(Jesper!$R$2:$R$366,ROW(INDEX(Jesper!AH$2:AH$366,ROUNDDOWN($C1809/24,0)+1,1))-1)+IF('Standard Profiles'!$G$18=$B$10,7,0)+IF('Standard Profiles'!$G$18=$B$17,14,0)+IF('Standard Profiles'!$G$18=$B$24,21,0),MOD($C1809,24)+1)/SUM(INDEX($D$3:$AA$30,INDEX(Jesper!$R$2:$R$366,ROW(INDEX(Jesper!AH$2:AH$366,ROUNDDOWN($C1809/24,0)+1,1))-1)+IF('Standard Profiles'!$G$18=$B$10,7,0)+IF('Standard Profiles'!$G$18=$B$17,14,0)+IF('Standard Profiles'!$G$18=$B$24,21,0),0)),0)</f>
        <v>7.785035290713191</v>
      </c>
      <c r="E1809" cm="1">
        <f t="array" ref="E1809">IFERROR(INDEX(Jesper!AI$2:AI$366,ROUNDDOWN($C1809/24,0)+1,1)*INDEX($D$3:$AA$30,INDEX(Jesper!$R$2:$R$366,ROW(INDEX(Jesper!AI$2:AI$366,ROUNDDOWN($C1809/24,0)+1,1))-1)+IF('Standard Profiles'!$G$19=$B$10,7,0)+IF('Standard Profiles'!$G$19=$B$17,14,0)+IF('Standard Profiles'!$G$19=$B$24,21,0),MOD($C1809,24)+1)/SUM(INDEX($D$3:$AA$30,INDEX(Jesper!$R$2:$R$366,ROW(INDEX(Jesper!AI$2:AI$366,ROUNDDOWN($C1809/24,0)+1,1))-1)+IF('Standard Profiles'!$G$19=$B$10,7,0)+IF('Standard Profiles'!$G$19=$B$17,14,0)+IF('Standard Profiles'!$G$19=$B$24,21,0),0)),0)</f>
        <v>0</v>
      </c>
      <c r="F1809" cm="1">
        <f t="array" ref="F1809">IFERROR(INDEX(Jesper!AJ$2:AJ$366,ROUNDDOWN($C1809/24,0)+1,1)*INDEX($D$3:$AA$30,INDEX(Jesper!$R$2:$R$366,ROW(INDEX(Jesper!AJ$2:AJ$366,ROUNDDOWN($C1809/24,0)+1,1))-1)+IF('Standard Profiles'!$G$20=$B$10,7,0)+IF('Standard Profiles'!$G$20=$B$17,14,0)+IF('Standard Profiles'!$G$20=$B$24,21,0),MOD($C1809,24)+1)/SUM(INDEX($D$3:$AA$30,INDEX(Jesper!$R$2:$R$366,ROW(INDEX(Jesper!AJ$2:AJ$366,ROUNDDOWN($C1809/24,0)+1,1))-1)+IF('Standard Profiles'!$G$20=$B$10,7,0)+IF('Standard Profiles'!$G$20=$B$17,14,0)+IF('Standard Profiles'!$G$20=$B$24,21,0),0)),0)</f>
        <v>0</v>
      </c>
      <c r="G1809" cm="1">
        <f t="array" ref="G1809">IFERROR(INDEX(Jesper!AK$2:AK$366,ROUNDDOWN($C1809/24,0)+1,1)*INDEX($D$3:$AA$30,INDEX(Jesper!$R$2:$R$366,ROW(INDEX(Jesper!AK$2:AK$366,ROUNDDOWN($C1809/24,0)+1,1))-1)+IF('Standard Profiles'!$G$21=$B$10,7,0)+IF('Standard Profiles'!$G$21=$B$17,14,0)+IF('Standard Profiles'!$G$21=$B$24,21,0),MOD($C1809,24)+1)/SUM(INDEX($D$3:$AA$30,INDEX(Jesper!$R$2:$R$366,ROW(INDEX(Jesper!AK$2:AK$366,ROUNDDOWN($C1809/24,0)+1,1))-1)+IF('Standard Profiles'!$G$21=$B$10,7,0)+IF('Standard Profiles'!$G$21=$B$17,14,0)+IF('Standard Profiles'!$G$21=$B$24,21,0),0)),0)</f>
        <v>0</v>
      </c>
      <c r="H1809" cm="1">
        <f t="array" ref="H1809">IFERROR(INDEX(Jesper!AL$2:AL$366,ROUNDDOWN($C1809/24,0)+1,1)*INDEX($D$3:$AA$30,INDEX(Jesper!$R$2:$R$366,ROW(INDEX(Jesper!AL$2:AL$366,ROUNDDOWN($C1809/24,0)+1,1))-1)+IF('Standard Profiles'!$G$22=$B$10,7,0)+IF('Standard Profiles'!$G$22=$B$17,14,0)+IF('Standard Profiles'!$G$22=$B$24,21,0),MOD($C1809,24)+1)/SUM(INDEX($D$3:$AA$30,INDEX(Jesper!$R$2:$R$366,ROW(INDEX(Jesper!AL$2:AL$366,ROUNDDOWN($C1809/24,0)+1,1))-1)+IF('Standard Profiles'!$G$22=$B$10,7,0)+IF('Standard Profiles'!$G$22=$B$17,14,0)+IF('Standard Profiles'!$G$22=$B$24,21,0),0)),0)</f>
        <v>0</v>
      </c>
      <c r="I1809">
        <f t="shared" si="209"/>
        <v>0.23355105872139573</v>
      </c>
      <c r="J1809">
        <f t="shared" si="210"/>
        <v>0.77850352907131914</v>
      </c>
      <c r="K1809">
        <f t="shared" si="211"/>
        <v>1.1677552936069786</v>
      </c>
      <c r="L1809">
        <f t="shared" si="212"/>
        <v>5.6052254093134977</v>
      </c>
      <c r="M1809">
        <f t="shared" si="213"/>
        <v>0</v>
      </c>
      <c r="N1809" s="46">
        <f t="shared" si="214"/>
        <v>45365.958333329028</v>
      </c>
    </row>
    <row r="1810" spans="2:14" x14ac:dyDescent="0.3">
      <c r="B1810">
        <f t="shared" si="208"/>
        <v>5</v>
      </c>
      <c r="C1810" s="16">
        <v>1776</v>
      </c>
      <c r="D1810" cm="1">
        <f t="array" ref="D1810">IFERROR(INDEX(Jesper!AH$2:AH$366,ROUNDDOWN($C1810/24,0)+1,1)*INDEX($D$3:$AA$30,INDEX(Jesper!$R$2:$R$366,ROW(INDEX(Jesper!AH$2:AH$366,ROUNDDOWN($C1810/24,0)+1,1))-1)+IF('Standard Profiles'!$G$18=$B$10,7,0)+IF('Standard Profiles'!$G$18=$B$17,14,0)+IF('Standard Profiles'!$G$18=$B$24,21,0),MOD($C1810,24)+1)/SUM(INDEX($D$3:$AA$30,INDEX(Jesper!$R$2:$R$366,ROW(INDEX(Jesper!AH$2:AH$366,ROUNDDOWN($C1810/24,0)+1,1))-1)+IF('Standard Profiles'!$G$18=$B$10,7,0)+IF('Standard Profiles'!$G$18=$B$17,14,0)+IF('Standard Profiles'!$G$18=$B$24,21,0),0)),0)</f>
        <v>8.537506027955482</v>
      </c>
      <c r="E1810" cm="1">
        <f t="array" ref="E1810">IFERROR(INDEX(Jesper!AI$2:AI$366,ROUNDDOWN($C1810/24,0)+1,1)*INDEX($D$3:$AA$30,INDEX(Jesper!$R$2:$R$366,ROW(INDEX(Jesper!AI$2:AI$366,ROUNDDOWN($C1810/24,0)+1,1))-1)+IF('Standard Profiles'!$G$19=$B$10,7,0)+IF('Standard Profiles'!$G$19=$B$17,14,0)+IF('Standard Profiles'!$G$19=$B$24,21,0),MOD($C1810,24)+1)/SUM(INDEX($D$3:$AA$30,INDEX(Jesper!$R$2:$R$366,ROW(INDEX(Jesper!AI$2:AI$366,ROUNDDOWN($C1810/24,0)+1,1))-1)+IF('Standard Profiles'!$G$19=$B$10,7,0)+IF('Standard Profiles'!$G$19=$B$17,14,0)+IF('Standard Profiles'!$G$19=$B$24,21,0),0)),0)</f>
        <v>0</v>
      </c>
      <c r="F1810" cm="1">
        <f t="array" ref="F1810">IFERROR(INDEX(Jesper!AJ$2:AJ$366,ROUNDDOWN($C1810/24,0)+1,1)*INDEX($D$3:$AA$30,INDEX(Jesper!$R$2:$R$366,ROW(INDEX(Jesper!AJ$2:AJ$366,ROUNDDOWN($C1810/24,0)+1,1))-1)+IF('Standard Profiles'!$G$20=$B$10,7,0)+IF('Standard Profiles'!$G$20=$B$17,14,0)+IF('Standard Profiles'!$G$20=$B$24,21,0),MOD($C1810,24)+1)/SUM(INDEX($D$3:$AA$30,INDEX(Jesper!$R$2:$R$366,ROW(INDEX(Jesper!AJ$2:AJ$366,ROUNDDOWN($C1810/24,0)+1,1))-1)+IF('Standard Profiles'!$G$20=$B$10,7,0)+IF('Standard Profiles'!$G$20=$B$17,14,0)+IF('Standard Profiles'!$G$20=$B$24,21,0),0)),0)</f>
        <v>0</v>
      </c>
      <c r="G1810" cm="1">
        <f t="array" ref="G1810">IFERROR(INDEX(Jesper!AK$2:AK$366,ROUNDDOWN($C1810/24,0)+1,1)*INDEX($D$3:$AA$30,INDEX(Jesper!$R$2:$R$366,ROW(INDEX(Jesper!AK$2:AK$366,ROUNDDOWN($C1810/24,0)+1,1))-1)+IF('Standard Profiles'!$G$21=$B$10,7,0)+IF('Standard Profiles'!$G$21=$B$17,14,0)+IF('Standard Profiles'!$G$21=$B$24,21,0),MOD($C1810,24)+1)/SUM(INDEX($D$3:$AA$30,INDEX(Jesper!$R$2:$R$366,ROW(INDEX(Jesper!AK$2:AK$366,ROUNDDOWN($C1810/24,0)+1,1))-1)+IF('Standard Profiles'!$G$21=$B$10,7,0)+IF('Standard Profiles'!$G$21=$B$17,14,0)+IF('Standard Profiles'!$G$21=$B$24,21,0),0)),0)</f>
        <v>0</v>
      </c>
      <c r="H1810" cm="1">
        <f t="array" ref="H1810">IFERROR(INDEX(Jesper!AL$2:AL$366,ROUNDDOWN($C1810/24,0)+1,1)*INDEX($D$3:$AA$30,INDEX(Jesper!$R$2:$R$366,ROW(INDEX(Jesper!AL$2:AL$366,ROUNDDOWN($C1810/24,0)+1,1))-1)+IF('Standard Profiles'!$G$22=$B$10,7,0)+IF('Standard Profiles'!$G$22=$B$17,14,0)+IF('Standard Profiles'!$G$22=$B$24,21,0),MOD($C1810,24)+1)/SUM(INDEX($D$3:$AA$30,INDEX(Jesper!$R$2:$R$366,ROW(INDEX(Jesper!AL$2:AL$366,ROUNDDOWN($C1810/24,0)+1,1))-1)+IF('Standard Profiles'!$G$22=$B$10,7,0)+IF('Standard Profiles'!$G$22=$B$17,14,0)+IF('Standard Profiles'!$G$22=$B$24,21,0),0)),0)</f>
        <v>0</v>
      </c>
      <c r="I1810">
        <f t="shared" si="209"/>
        <v>0.25612518083866442</v>
      </c>
      <c r="J1810">
        <f t="shared" si="210"/>
        <v>0.85375060279554826</v>
      </c>
      <c r="K1810">
        <f t="shared" si="211"/>
        <v>1.2806259041933223</v>
      </c>
      <c r="L1810">
        <f t="shared" si="212"/>
        <v>6.1470043401279471</v>
      </c>
      <c r="M1810">
        <f t="shared" si="213"/>
        <v>0</v>
      </c>
      <c r="N1810" s="46">
        <f t="shared" si="214"/>
        <v>45365.999999995693</v>
      </c>
    </row>
    <row r="1811" spans="2:14" x14ac:dyDescent="0.3">
      <c r="B1811">
        <f t="shared" si="208"/>
        <v>5</v>
      </c>
      <c r="C1811" s="16">
        <v>1777</v>
      </c>
      <c r="D1811" cm="1">
        <f t="array" ref="D1811">IFERROR(INDEX(Jesper!AH$2:AH$366,ROUNDDOWN($C1811/24,0)+1,1)*INDEX($D$3:$AA$30,INDEX(Jesper!$R$2:$R$366,ROW(INDEX(Jesper!AH$2:AH$366,ROUNDDOWN($C1811/24,0)+1,1))-1)+IF('Standard Profiles'!$G$18=$B$10,7,0)+IF('Standard Profiles'!$G$18=$B$17,14,0)+IF('Standard Profiles'!$G$18=$B$24,21,0),MOD($C1811,24)+1)/SUM(INDEX($D$3:$AA$30,INDEX(Jesper!$R$2:$R$366,ROW(INDEX(Jesper!AH$2:AH$366,ROUNDDOWN($C1811/24,0)+1,1))-1)+IF('Standard Profiles'!$G$18=$B$10,7,0)+IF('Standard Profiles'!$G$18=$B$17,14,0)+IF('Standard Profiles'!$G$18=$B$24,21,0),0)),0)</f>
        <v>8.537506027955482</v>
      </c>
      <c r="E1811" cm="1">
        <f t="array" ref="E1811">IFERROR(INDEX(Jesper!AI$2:AI$366,ROUNDDOWN($C1811/24,0)+1,1)*INDEX($D$3:$AA$30,INDEX(Jesper!$R$2:$R$366,ROW(INDEX(Jesper!AI$2:AI$366,ROUNDDOWN($C1811/24,0)+1,1))-1)+IF('Standard Profiles'!$G$19=$B$10,7,0)+IF('Standard Profiles'!$G$19=$B$17,14,0)+IF('Standard Profiles'!$G$19=$B$24,21,0),MOD($C1811,24)+1)/SUM(INDEX($D$3:$AA$30,INDEX(Jesper!$R$2:$R$366,ROW(INDEX(Jesper!AI$2:AI$366,ROUNDDOWN($C1811/24,0)+1,1))-1)+IF('Standard Profiles'!$G$19=$B$10,7,0)+IF('Standard Profiles'!$G$19=$B$17,14,0)+IF('Standard Profiles'!$G$19=$B$24,21,0),0)),0)</f>
        <v>0</v>
      </c>
      <c r="F1811" cm="1">
        <f t="array" ref="F1811">IFERROR(INDEX(Jesper!AJ$2:AJ$366,ROUNDDOWN($C1811/24,0)+1,1)*INDEX($D$3:$AA$30,INDEX(Jesper!$R$2:$R$366,ROW(INDEX(Jesper!AJ$2:AJ$366,ROUNDDOWN($C1811/24,0)+1,1))-1)+IF('Standard Profiles'!$G$20=$B$10,7,0)+IF('Standard Profiles'!$G$20=$B$17,14,0)+IF('Standard Profiles'!$G$20=$B$24,21,0),MOD($C1811,24)+1)/SUM(INDEX($D$3:$AA$30,INDEX(Jesper!$R$2:$R$366,ROW(INDEX(Jesper!AJ$2:AJ$366,ROUNDDOWN($C1811/24,0)+1,1))-1)+IF('Standard Profiles'!$G$20=$B$10,7,0)+IF('Standard Profiles'!$G$20=$B$17,14,0)+IF('Standard Profiles'!$G$20=$B$24,21,0),0)),0)</f>
        <v>0</v>
      </c>
      <c r="G1811" cm="1">
        <f t="array" ref="G1811">IFERROR(INDEX(Jesper!AK$2:AK$366,ROUNDDOWN($C1811/24,0)+1,1)*INDEX($D$3:$AA$30,INDEX(Jesper!$R$2:$R$366,ROW(INDEX(Jesper!AK$2:AK$366,ROUNDDOWN($C1811/24,0)+1,1))-1)+IF('Standard Profiles'!$G$21=$B$10,7,0)+IF('Standard Profiles'!$G$21=$B$17,14,0)+IF('Standard Profiles'!$G$21=$B$24,21,0),MOD($C1811,24)+1)/SUM(INDEX($D$3:$AA$30,INDEX(Jesper!$R$2:$R$366,ROW(INDEX(Jesper!AK$2:AK$366,ROUNDDOWN($C1811/24,0)+1,1))-1)+IF('Standard Profiles'!$G$21=$B$10,7,0)+IF('Standard Profiles'!$G$21=$B$17,14,0)+IF('Standard Profiles'!$G$21=$B$24,21,0),0)),0)</f>
        <v>0</v>
      </c>
      <c r="H1811" cm="1">
        <f t="array" ref="H1811">IFERROR(INDEX(Jesper!AL$2:AL$366,ROUNDDOWN($C1811/24,0)+1,1)*INDEX($D$3:$AA$30,INDEX(Jesper!$R$2:$R$366,ROW(INDEX(Jesper!AL$2:AL$366,ROUNDDOWN($C1811/24,0)+1,1))-1)+IF('Standard Profiles'!$G$22=$B$10,7,0)+IF('Standard Profiles'!$G$22=$B$17,14,0)+IF('Standard Profiles'!$G$22=$B$24,21,0),MOD($C1811,24)+1)/SUM(INDEX($D$3:$AA$30,INDEX(Jesper!$R$2:$R$366,ROW(INDEX(Jesper!AL$2:AL$366,ROUNDDOWN($C1811/24,0)+1,1))-1)+IF('Standard Profiles'!$G$22=$B$10,7,0)+IF('Standard Profiles'!$G$22=$B$17,14,0)+IF('Standard Profiles'!$G$22=$B$24,21,0),0)),0)</f>
        <v>0</v>
      </c>
      <c r="I1811">
        <f t="shared" si="209"/>
        <v>0.25612518083866442</v>
      </c>
      <c r="J1811">
        <f t="shared" si="210"/>
        <v>0.85375060279554826</v>
      </c>
      <c r="K1811">
        <f t="shared" si="211"/>
        <v>1.2806259041933223</v>
      </c>
      <c r="L1811">
        <f t="shared" si="212"/>
        <v>6.1470043401279471</v>
      </c>
      <c r="M1811">
        <f t="shared" si="213"/>
        <v>0</v>
      </c>
      <c r="N1811" s="46">
        <f t="shared" si="214"/>
        <v>45366.041666662357</v>
      </c>
    </row>
    <row r="1812" spans="2:14" x14ac:dyDescent="0.3">
      <c r="B1812">
        <f t="shared" si="208"/>
        <v>5</v>
      </c>
      <c r="C1812" s="16">
        <v>1778</v>
      </c>
      <c r="D1812" cm="1">
        <f t="array" ref="D1812">IFERROR(INDEX(Jesper!AH$2:AH$366,ROUNDDOWN($C1812/24,0)+1,1)*INDEX($D$3:$AA$30,INDEX(Jesper!$R$2:$R$366,ROW(INDEX(Jesper!AH$2:AH$366,ROUNDDOWN($C1812/24,0)+1,1))-1)+IF('Standard Profiles'!$G$18=$B$10,7,0)+IF('Standard Profiles'!$G$18=$B$17,14,0)+IF('Standard Profiles'!$G$18=$B$24,21,0),MOD($C1812,24)+1)/SUM(INDEX($D$3:$AA$30,INDEX(Jesper!$R$2:$R$366,ROW(INDEX(Jesper!AH$2:AH$366,ROUNDDOWN($C1812/24,0)+1,1))-1)+IF('Standard Profiles'!$G$18=$B$10,7,0)+IF('Standard Profiles'!$G$18=$B$17,14,0)+IF('Standard Profiles'!$G$18=$B$24,21,0),0)),0)</f>
        <v>8.537506027955482</v>
      </c>
      <c r="E1812" cm="1">
        <f t="array" ref="E1812">IFERROR(INDEX(Jesper!AI$2:AI$366,ROUNDDOWN($C1812/24,0)+1,1)*INDEX($D$3:$AA$30,INDEX(Jesper!$R$2:$R$366,ROW(INDEX(Jesper!AI$2:AI$366,ROUNDDOWN($C1812/24,0)+1,1))-1)+IF('Standard Profiles'!$G$19=$B$10,7,0)+IF('Standard Profiles'!$G$19=$B$17,14,0)+IF('Standard Profiles'!$G$19=$B$24,21,0),MOD($C1812,24)+1)/SUM(INDEX($D$3:$AA$30,INDEX(Jesper!$R$2:$R$366,ROW(INDEX(Jesper!AI$2:AI$366,ROUNDDOWN($C1812/24,0)+1,1))-1)+IF('Standard Profiles'!$G$19=$B$10,7,0)+IF('Standard Profiles'!$G$19=$B$17,14,0)+IF('Standard Profiles'!$G$19=$B$24,21,0),0)),0)</f>
        <v>0</v>
      </c>
      <c r="F1812" cm="1">
        <f t="array" ref="F1812">IFERROR(INDEX(Jesper!AJ$2:AJ$366,ROUNDDOWN($C1812/24,0)+1,1)*INDEX($D$3:$AA$30,INDEX(Jesper!$R$2:$R$366,ROW(INDEX(Jesper!AJ$2:AJ$366,ROUNDDOWN($C1812/24,0)+1,1))-1)+IF('Standard Profiles'!$G$20=$B$10,7,0)+IF('Standard Profiles'!$G$20=$B$17,14,0)+IF('Standard Profiles'!$G$20=$B$24,21,0),MOD($C1812,24)+1)/SUM(INDEX($D$3:$AA$30,INDEX(Jesper!$R$2:$R$366,ROW(INDEX(Jesper!AJ$2:AJ$366,ROUNDDOWN($C1812/24,0)+1,1))-1)+IF('Standard Profiles'!$G$20=$B$10,7,0)+IF('Standard Profiles'!$G$20=$B$17,14,0)+IF('Standard Profiles'!$G$20=$B$24,21,0),0)),0)</f>
        <v>0</v>
      </c>
      <c r="G1812" cm="1">
        <f t="array" ref="G1812">IFERROR(INDEX(Jesper!AK$2:AK$366,ROUNDDOWN($C1812/24,0)+1,1)*INDEX($D$3:$AA$30,INDEX(Jesper!$R$2:$R$366,ROW(INDEX(Jesper!AK$2:AK$366,ROUNDDOWN($C1812/24,0)+1,1))-1)+IF('Standard Profiles'!$G$21=$B$10,7,0)+IF('Standard Profiles'!$G$21=$B$17,14,0)+IF('Standard Profiles'!$G$21=$B$24,21,0),MOD($C1812,24)+1)/SUM(INDEX($D$3:$AA$30,INDEX(Jesper!$R$2:$R$366,ROW(INDEX(Jesper!AK$2:AK$366,ROUNDDOWN($C1812/24,0)+1,1))-1)+IF('Standard Profiles'!$G$21=$B$10,7,0)+IF('Standard Profiles'!$G$21=$B$17,14,0)+IF('Standard Profiles'!$G$21=$B$24,21,0),0)),0)</f>
        <v>0</v>
      </c>
      <c r="H1812" cm="1">
        <f t="array" ref="H1812">IFERROR(INDEX(Jesper!AL$2:AL$366,ROUNDDOWN($C1812/24,0)+1,1)*INDEX($D$3:$AA$30,INDEX(Jesper!$R$2:$R$366,ROW(INDEX(Jesper!AL$2:AL$366,ROUNDDOWN($C1812/24,0)+1,1))-1)+IF('Standard Profiles'!$G$22=$B$10,7,0)+IF('Standard Profiles'!$G$22=$B$17,14,0)+IF('Standard Profiles'!$G$22=$B$24,21,0),MOD($C1812,24)+1)/SUM(INDEX($D$3:$AA$30,INDEX(Jesper!$R$2:$R$366,ROW(INDEX(Jesper!AL$2:AL$366,ROUNDDOWN($C1812/24,0)+1,1))-1)+IF('Standard Profiles'!$G$22=$B$10,7,0)+IF('Standard Profiles'!$G$22=$B$17,14,0)+IF('Standard Profiles'!$G$22=$B$24,21,0),0)),0)</f>
        <v>0</v>
      </c>
      <c r="I1812">
        <f t="shared" si="209"/>
        <v>0.25612518083866442</v>
      </c>
      <c r="J1812">
        <f t="shared" si="210"/>
        <v>0.85375060279554826</v>
      </c>
      <c r="K1812">
        <f t="shared" si="211"/>
        <v>1.2806259041933223</v>
      </c>
      <c r="L1812">
        <f t="shared" si="212"/>
        <v>6.1470043401279471</v>
      </c>
      <c r="M1812">
        <f t="shared" si="213"/>
        <v>0</v>
      </c>
      <c r="N1812" s="46">
        <f t="shared" si="214"/>
        <v>45366.083333329021</v>
      </c>
    </row>
    <row r="1813" spans="2:14" x14ac:dyDescent="0.3">
      <c r="B1813">
        <f t="shared" si="208"/>
        <v>5</v>
      </c>
      <c r="C1813" s="16">
        <v>1779</v>
      </c>
      <c r="D1813" cm="1">
        <f t="array" ref="D1813">IFERROR(INDEX(Jesper!AH$2:AH$366,ROUNDDOWN($C1813/24,0)+1,1)*INDEX($D$3:$AA$30,INDEX(Jesper!$R$2:$R$366,ROW(INDEX(Jesper!AH$2:AH$366,ROUNDDOWN($C1813/24,0)+1,1))-1)+IF('Standard Profiles'!$G$18=$B$10,7,0)+IF('Standard Profiles'!$G$18=$B$17,14,0)+IF('Standard Profiles'!$G$18=$B$24,21,0),MOD($C1813,24)+1)/SUM(INDEX($D$3:$AA$30,INDEX(Jesper!$R$2:$R$366,ROW(INDEX(Jesper!AH$2:AH$366,ROUNDDOWN($C1813/24,0)+1,1))-1)+IF('Standard Profiles'!$G$18=$B$10,7,0)+IF('Standard Profiles'!$G$18=$B$17,14,0)+IF('Standard Profiles'!$G$18=$B$24,21,0),0)),0)</f>
        <v>8.537506027955482</v>
      </c>
      <c r="E1813" cm="1">
        <f t="array" ref="E1813">IFERROR(INDEX(Jesper!AI$2:AI$366,ROUNDDOWN($C1813/24,0)+1,1)*INDEX($D$3:$AA$30,INDEX(Jesper!$R$2:$R$366,ROW(INDEX(Jesper!AI$2:AI$366,ROUNDDOWN($C1813/24,0)+1,1))-1)+IF('Standard Profiles'!$G$19=$B$10,7,0)+IF('Standard Profiles'!$G$19=$B$17,14,0)+IF('Standard Profiles'!$G$19=$B$24,21,0),MOD($C1813,24)+1)/SUM(INDEX($D$3:$AA$30,INDEX(Jesper!$R$2:$R$366,ROW(INDEX(Jesper!AI$2:AI$366,ROUNDDOWN($C1813/24,0)+1,1))-1)+IF('Standard Profiles'!$G$19=$B$10,7,0)+IF('Standard Profiles'!$G$19=$B$17,14,0)+IF('Standard Profiles'!$G$19=$B$24,21,0),0)),0)</f>
        <v>0</v>
      </c>
      <c r="F1813" cm="1">
        <f t="array" ref="F1813">IFERROR(INDEX(Jesper!AJ$2:AJ$366,ROUNDDOWN($C1813/24,0)+1,1)*INDEX($D$3:$AA$30,INDEX(Jesper!$R$2:$R$366,ROW(INDEX(Jesper!AJ$2:AJ$366,ROUNDDOWN($C1813/24,0)+1,1))-1)+IF('Standard Profiles'!$G$20=$B$10,7,0)+IF('Standard Profiles'!$G$20=$B$17,14,0)+IF('Standard Profiles'!$G$20=$B$24,21,0),MOD($C1813,24)+1)/SUM(INDEX($D$3:$AA$30,INDEX(Jesper!$R$2:$R$366,ROW(INDEX(Jesper!AJ$2:AJ$366,ROUNDDOWN($C1813/24,0)+1,1))-1)+IF('Standard Profiles'!$G$20=$B$10,7,0)+IF('Standard Profiles'!$G$20=$B$17,14,0)+IF('Standard Profiles'!$G$20=$B$24,21,0),0)),0)</f>
        <v>0</v>
      </c>
      <c r="G1813" cm="1">
        <f t="array" ref="G1813">IFERROR(INDEX(Jesper!AK$2:AK$366,ROUNDDOWN($C1813/24,0)+1,1)*INDEX($D$3:$AA$30,INDEX(Jesper!$R$2:$R$366,ROW(INDEX(Jesper!AK$2:AK$366,ROUNDDOWN($C1813/24,0)+1,1))-1)+IF('Standard Profiles'!$G$21=$B$10,7,0)+IF('Standard Profiles'!$G$21=$B$17,14,0)+IF('Standard Profiles'!$G$21=$B$24,21,0),MOD($C1813,24)+1)/SUM(INDEX($D$3:$AA$30,INDEX(Jesper!$R$2:$R$366,ROW(INDEX(Jesper!AK$2:AK$366,ROUNDDOWN($C1813/24,0)+1,1))-1)+IF('Standard Profiles'!$G$21=$B$10,7,0)+IF('Standard Profiles'!$G$21=$B$17,14,0)+IF('Standard Profiles'!$G$21=$B$24,21,0),0)),0)</f>
        <v>0</v>
      </c>
      <c r="H1813" cm="1">
        <f t="array" ref="H1813">IFERROR(INDEX(Jesper!AL$2:AL$366,ROUNDDOWN($C1813/24,0)+1,1)*INDEX($D$3:$AA$30,INDEX(Jesper!$R$2:$R$366,ROW(INDEX(Jesper!AL$2:AL$366,ROUNDDOWN($C1813/24,0)+1,1))-1)+IF('Standard Profiles'!$G$22=$B$10,7,0)+IF('Standard Profiles'!$G$22=$B$17,14,0)+IF('Standard Profiles'!$G$22=$B$24,21,0),MOD($C1813,24)+1)/SUM(INDEX($D$3:$AA$30,INDEX(Jesper!$R$2:$R$366,ROW(INDEX(Jesper!AL$2:AL$366,ROUNDDOWN($C1813/24,0)+1,1))-1)+IF('Standard Profiles'!$G$22=$B$10,7,0)+IF('Standard Profiles'!$G$22=$B$17,14,0)+IF('Standard Profiles'!$G$22=$B$24,21,0),0)),0)</f>
        <v>0</v>
      </c>
      <c r="I1813">
        <f t="shared" si="209"/>
        <v>0.25612518083866442</v>
      </c>
      <c r="J1813">
        <f t="shared" si="210"/>
        <v>0.85375060279554826</v>
      </c>
      <c r="K1813">
        <f t="shared" si="211"/>
        <v>1.2806259041933223</v>
      </c>
      <c r="L1813">
        <f t="shared" si="212"/>
        <v>6.1470043401279471</v>
      </c>
      <c r="M1813">
        <f t="shared" si="213"/>
        <v>0</v>
      </c>
      <c r="N1813" s="46">
        <f t="shared" si="214"/>
        <v>45366.124999995685</v>
      </c>
    </row>
    <row r="1814" spans="2:14" x14ac:dyDescent="0.3">
      <c r="B1814">
        <f t="shared" si="208"/>
        <v>5</v>
      </c>
      <c r="C1814" s="16">
        <v>1780</v>
      </c>
      <c r="D1814" cm="1">
        <f t="array" ref="D1814">IFERROR(INDEX(Jesper!AH$2:AH$366,ROUNDDOWN($C1814/24,0)+1,1)*INDEX($D$3:$AA$30,INDEX(Jesper!$R$2:$R$366,ROW(INDEX(Jesper!AH$2:AH$366,ROUNDDOWN($C1814/24,0)+1,1))-1)+IF('Standard Profiles'!$G$18=$B$10,7,0)+IF('Standard Profiles'!$G$18=$B$17,14,0)+IF('Standard Profiles'!$G$18=$B$24,21,0),MOD($C1814,24)+1)/SUM(INDEX($D$3:$AA$30,INDEX(Jesper!$R$2:$R$366,ROW(INDEX(Jesper!AH$2:AH$366,ROUNDDOWN($C1814/24,0)+1,1))-1)+IF('Standard Profiles'!$G$18=$B$10,7,0)+IF('Standard Profiles'!$G$18=$B$17,14,0)+IF('Standard Profiles'!$G$18=$B$24,21,0),0)),0)</f>
        <v>8.537506027955482</v>
      </c>
      <c r="E1814" cm="1">
        <f t="array" ref="E1814">IFERROR(INDEX(Jesper!AI$2:AI$366,ROUNDDOWN($C1814/24,0)+1,1)*INDEX($D$3:$AA$30,INDEX(Jesper!$R$2:$R$366,ROW(INDEX(Jesper!AI$2:AI$366,ROUNDDOWN($C1814/24,0)+1,1))-1)+IF('Standard Profiles'!$G$19=$B$10,7,0)+IF('Standard Profiles'!$G$19=$B$17,14,0)+IF('Standard Profiles'!$G$19=$B$24,21,0),MOD($C1814,24)+1)/SUM(INDEX($D$3:$AA$30,INDEX(Jesper!$R$2:$R$366,ROW(INDEX(Jesper!AI$2:AI$366,ROUNDDOWN($C1814/24,0)+1,1))-1)+IF('Standard Profiles'!$G$19=$B$10,7,0)+IF('Standard Profiles'!$G$19=$B$17,14,0)+IF('Standard Profiles'!$G$19=$B$24,21,0),0)),0)</f>
        <v>0</v>
      </c>
      <c r="F1814" cm="1">
        <f t="array" ref="F1814">IFERROR(INDEX(Jesper!AJ$2:AJ$366,ROUNDDOWN($C1814/24,0)+1,1)*INDEX($D$3:$AA$30,INDEX(Jesper!$R$2:$R$366,ROW(INDEX(Jesper!AJ$2:AJ$366,ROUNDDOWN($C1814/24,0)+1,1))-1)+IF('Standard Profiles'!$G$20=$B$10,7,0)+IF('Standard Profiles'!$G$20=$B$17,14,0)+IF('Standard Profiles'!$G$20=$B$24,21,0),MOD($C1814,24)+1)/SUM(INDEX($D$3:$AA$30,INDEX(Jesper!$R$2:$R$366,ROW(INDEX(Jesper!AJ$2:AJ$366,ROUNDDOWN($C1814/24,0)+1,1))-1)+IF('Standard Profiles'!$G$20=$B$10,7,0)+IF('Standard Profiles'!$G$20=$B$17,14,0)+IF('Standard Profiles'!$G$20=$B$24,21,0),0)),0)</f>
        <v>0</v>
      </c>
      <c r="G1814" cm="1">
        <f t="array" ref="G1814">IFERROR(INDEX(Jesper!AK$2:AK$366,ROUNDDOWN($C1814/24,0)+1,1)*INDEX($D$3:$AA$30,INDEX(Jesper!$R$2:$R$366,ROW(INDEX(Jesper!AK$2:AK$366,ROUNDDOWN($C1814/24,0)+1,1))-1)+IF('Standard Profiles'!$G$21=$B$10,7,0)+IF('Standard Profiles'!$G$21=$B$17,14,0)+IF('Standard Profiles'!$G$21=$B$24,21,0),MOD($C1814,24)+1)/SUM(INDEX($D$3:$AA$30,INDEX(Jesper!$R$2:$R$366,ROW(INDEX(Jesper!AK$2:AK$366,ROUNDDOWN($C1814/24,0)+1,1))-1)+IF('Standard Profiles'!$G$21=$B$10,7,0)+IF('Standard Profiles'!$G$21=$B$17,14,0)+IF('Standard Profiles'!$G$21=$B$24,21,0),0)),0)</f>
        <v>0</v>
      </c>
      <c r="H1814" cm="1">
        <f t="array" ref="H1814">IFERROR(INDEX(Jesper!AL$2:AL$366,ROUNDDOWN($C1814/24,0)+1,1)*INDEX($D$3:$AA$30,INDEX(Jesper!$R$2:$R$366,ROW(INDEX(Jesper!AL$2:AL$366,ROUNDDOWN($C1814/24,0)+1,1))-1)+IF('Standard Profiles'!$G$22=$B$10,7,0)+IF('Standard Profiles'!$G$22=$B$17,14,0)+IF('Standard Profiles'!$G$22=$B$24,21,0),MOD($C1814,24)+1)/SUM(INDEX($D$3:$AA$30,INDEX(Jesper!$R$2:$R$366,ROW(INDEX(Jesper!AL$2:AL$366,ROUNDDOWN($C1814/24,0)+1,1))-1)+IF('Standard Profiles'!$G$22=$B$10,7,0)+IF('Standard Profiles'!$G$22=$B$17,14,0)+IF('Standard Profiles'!$G$22=$B$24,21,0),0)),0)</f>
        <v>0</v>
      </c>
      <c r="I1814">
        <f t="shared" si="209"/>
        <v>0.25612518083866442</v>
      </c>
      <c r="J1814">
        <f t="shared" si="210"/>
        <v>0.85375060279554826</v>
      </c>
      <c r="K1814">
        <f t="shared" si="211"/>
        <v>1.2806259041933223</v>
      </c>
      <c r="L1814">
        <f t="shared" si="212"/>
        <v>6.1470043401279471</v>
      </c>
      <c r="M1814">
        <f t="shared" si="213"/>
        <v>0</v>
      </c>
      <c r="N1814" s="46">
        <f t="shared" si="214"/>
        <v>45366.16666666235</v>
      </c>
    </row>
    <row r="1815" spans="2:14" x14ac:dyDescent="0.3">
      <c r="B1815">
        <f t="shared" si="208"/>
        <v>5</v>
      </c>
      <c r="C1815" s="16">
        <v>1781</v>
      </c>
      <c r="D1815" cm="1">
        <f t="array" ref="D1815">IFERROR(INDEX(Jesper!AH$2:AH$366,ROUNDDOWN($C1815/24,0)+1,1)*INDEX($D$3:$AA$30,INDEX(Jesper!$R$2:$R$366,ROW(INDEX(Jesper!AH$2:AH$366,ROUNDDOWN($C1815/24,0)+1,1))-1)+IF('Standard Profiles'!$G$18=$B$10,7,0)+IF('Standard Profiles'!$G$18=$B$17,14,0)+IF('Standard Profiles'!$G$18=$B$24,21,0),MOD($C1815,24)+1)/SUM(INDEX($D$3:$AA$30,INDEX(Jesper!$R$2:$R$366,ROW(INDEX(Jesper!AH$2:AH$366,ROUNDDOWN($C1815/24,0)+1,1))-1)+IF('Standard Profiles'!$G$18=$B$10,7,0)+IF('Standard Profiles'!$G$18=$B$17,14,0)+IF('Standard Profiles'!$G$18=$B$24,21,0),0)),0)</f>
        <v>11.003896658253733</v>
      </c>
      <c r="E1815" cm="1">
        <f t="array" ref="E1815">IFERROR(INDEX(Jesper!AI$2:AI$366,ROUNDDOWN($C1815/24,0)+1,1)*INDEX($D$3:$AA$30,INDEX(Jesper!$R$2:$R$366,ROW(INDEX(Jesper!AI$2:AI$366,ROUNDDOWN($C1815/24,0)+1,1))-1)+IF('Standard Profiles'!$G$19=$B$10,7,0)+IF('Standard Profiles'!$G$19=$B$17,14,0)+IF('Standard Profiles'!$G$19=$B$24,21,0),MOD($C1815,24)+1)/SUM(INDEX($D$3:$AA$30,INDEX(Jesper!$R$2:$R$366,ROW(INDEX(Jesper!AI$2:AI$366,ROUNDDOWN($C1815/24,0)+1,1))-1)+IF('Standard Profiles'!$G$19=$B$10,7,0)+IF('Standard Profiles'!$G$19=$B$17,14,0)+IF('Standard Profiles'!$G$19=$B$24,21,0),0)),0)</f>
        <v>0</v>
      </c>
      <c r="F1815" cm="1">
        <f t="array" ref="F1815">IFERROR(INDEX(Jesper!AJ$2:AJ$366,ROUNDDOWN($C1815/24,0)+1,1)*INDEX($D$3:$AA$30,INDEX(Jesper!$R$2:$R$366,ROW(INDEX(Jesper!AJ$2:AJ$366,ROUNDDOWN($C1815/24,0)+1,1))-1)+IF('Standard Profiles'!$G$20=$B$10,7,0)+IF('Standard Profiles'!$G$20=$B$17,14,0)+IF('Standard Profiles'!$G$20=$B$24,21,0),MOD($C1815,24)+1)/SUM(INDEX($D$3:$AA$30,INDEX(Jesper!$R$2:$R$366,ROW(INDEX(Jesper!AJ$2:AJ$366,ROUNDDOWN($C1815/24,0)+1,1))-1)+IF('Standard Profiles'!$G$20=$B$10,7,0)+IF('Standard Profiles'!$G$20=$B$17,14,0)+IF('Standard Profiles'!$G$20=$B$24,21,0),0)),0)</f>
        <v>0</v>
      </c>
      <c r="G1815" cm="1">
        <f t="array" ref="G1815">IFERROR(INDEX(Jesper!AK$2:AK$366,ROUNDDOWN($C1815/24,0)+1,1)*INDEX($D$3:$AA$30,INDEX(Jesper!$R$2:$R$366,ROW(INDEX(Jesper!AK$2:AK$366,ROUNDDOWN($C1815/24,0)+1,1))-1)+IF('Standard Profiles'!$G$21=$B$10,7,0)+IF('Standard Profiles'!$G$21=$B$17,14,0)+IF('Standard Profiles'!$G$21=$B$24,21,0),MOD($C1815,24)+1)/SUM(INDEX($D$3:$AA$30,INDEX(Jesper!$R$2:$R$366,ROW(INDEX(Jesper!AK$2:AK$366,ROUNDDOWN($C1815/24,0)+1,1))-1)+IF('Standard Profiles'!$G$21=$B$10,7,0)+IF('Standard Profiles'!$G$21=$B$17,14,0)+IF('Standard Profiles'!$G$21=$B$24,21,0),0)),0)</f>
        <v>0</v>
      </c>
      <c r="H1815" cm="1">
        <f t="array" ref="H1815">IFERROR(INDEX(Jesper!AL$2:AL$366,ROUNDDOWN($C1815/24,0)+1,1)*INDEX($D$3:$AA$30,INDEX(Jesper!$R$2:$R$366,ROW(INDEX(Jesper!AL$2:AL$366,ROUNDDOWN($C1815/24,0)+1,1))-1)+IF('Standard Profiles'!$G$22=$B$10,7,0)+IF('Standard Profiles'!$G$22=$B$17,14,0)+IF('Standard Profiles'!$G$22=$B$24,21,0),MOD($C1815,24)+1)/SUM(INDEX($D$3:$AA$30,INDEX(Jesper!$R$2:$R$366,ROW(INDEX(Jesper!AL$2:AL$366,ROUNDDOWN($C1815/24,0)+1,1))-1)+IF('Standard Profiles'!$G$22=$B$10,7,0)+IF('Standard Profiles'!$G$22=$B$17,14,0)+IF('Standard Profiles'!$G$22=$B$24,21,0),0)),0)</f>
        <v>0</v>
      </c>
      <c r="I1815">
        <f t="shared" si="209"/>
        <v>0.33011689974761199</v>
      </c>
      <c r="J1815">
        <f t="shared" si="210"/>
        <v>1.1003896658253733</v>
      </c>
      <c r="K1815">
        <f t="shared" si="211"/>
        <v>1.65058449873806</v>
      </c>
      <c r="L1815">
        <f t="shared" si="212"/>
        <v>7.9228055939426874</v>
      </c>
      <c r="M1815">
        <f t="shared" si="213"/>
        <v>0</v>
      </c>
      <c r="N1815" s="46">
        <f t="shared" si="214"/>
        <v>45366.208333329014</v>
      </c>
    </row>
    <row r="1816" spans="2:14" x14ac:dyDescent="0.3">
      <c r="B1816">
        <f t="shared" si="208"/>
        <v>5</v>
      </c>
      <c r="C1816" s="16">
        <v>1782</v>
      </c>
      <c r="D1816" cm="1">
        <f t="array" ref="D1816">IFERROR(INDEX(Jesper!AH$2:AH$366,ROUNDDOWN($C1816/24,0)+1,1)*INDEX($D$3:$AA$30,INDEX(Jesper!$R$2:$R$366,ROW(INDEX(Jesper!AH$2:AH$366,ROUNDDOWN($C1816/24,0)+1,1))-1)+IF('Standard Profiles'!$G$18=$B$10,7,0)+IF('Standard Profiles'!$G$18=$B$17,14,0)+IF('Standard Profiles'!$G$18=$B$24,21,0),MOD($C1816,24)+1)/SUM(INDEX($D$3:$AA$30,INDEX(Jesper!$R$2:$R$366,ROW(INDEX(Jesper!AH$2:AH$366,ROUNDDOWN($C1816/24,0)+1,1))-1)+IF('Standard Profiles'!$G$18=$B$10,7,0)+IF('Standard Profiles'!$G$18=$B$17,14,0)+IF('Standard Profiles'!$G$18=$B$24,21,0),0)),0)</f>
        <v>13.280564932375196</v>
      </c>
      <c r="E1816" cm="1">
        <f t="array" ref="E1816">IFERROR(INDEX(Jesper!AI$2:AI$366,ROUNDDOWN($C1816/24,0)+1,1)*INDEX($D$3:$AA$30,INDEX(Jesper!$R$2:$R$366,ROW(INDEX(Jesper!AI$2:AI$366,ROUNDDOWN($C1816/24,0)+1,1))-1)+IF('Standard Profiles'!$G$19=$B$10,7,0)+IF('Standard Profiles'!$G$19=$B$17,14,0)+IF('Standard Profiles'!$G$19=$B$24,21,0),MOD($C1816,24)+1)/SUM(INDEX($D$3:$AA$30,INDEX(Jesper!$R$2:$R$366,ROW(INDEX(Jesper!AI$2:AI$366,ROUNDDOWN($C1816/24,0)+1,1))-1)+IF('Standard Profiles'!$G$19=$B$10,7,0)+IF('Standard Profiles'!$G$19=$B$17,14,0)+IF('Standard Profiles'!$G$19=$B$24,21,0),0)),0)</f>
        <v>0</v>
      </c>
      <c r="F1816" cm="1">
        <f t="array" ref="F1816">IFERROR(INDEX(Jesper!AJ$2:AJ$366,ROUNDDOWN($C1816/24,0)+1,1)*INDEX($D$3:$AA$30,INDEX(Jesper!$R$2:$R$366,ROW(INDEX(Jesper!AJ$2:AJ$366,ROUNDDOWN($C1816/24,0)+1,1))-1)+IF('Standard Profiles'!$G$20=$B$10,7,0)+IF('Standard Profiles'!$G$20=$B$17,14,0)+IF('Standard Profiles'!$G$20=$B$24,21,0),MOD($C1816,24)+1)/SUM(INDEX($D$3:$AA$30,INDEX(Jesper!$R$2:$R$366,ROW(INDEX(Jesper!AJ$2:AJ$366,ROUNDDOWN($C1816/24,0)+1,1))-1)+IF('Standard Profiles'!$G$20=$B$10,7,0)+IF('Standard Profiles'!$G$20=$B$17,14,0)+IF('Standard Profiles'!$G$20=$B$24,21,0),0)),0)</f>
        <v>0</v>
      </c>
      <c r="G1816" cm="1">
        <f t="array" ref="G1816">IFERROR(INDEX(Jesper!AK$2:AK$366,ROUNDDOWN($C1816/24,0)+1,1)*INDEX($D$3:$AA$30,INDEX(Jesper!$R$2:$R$366,ROW(INDEX(Jesper!AK$2:AK$366,ROUNDDOWN($C1816/24,0)+1,1))-1)+IF('Standard Profiles'!$G$21=$B$10,7,0)+IF('Standard Profiles'!$G$21=$B$17,14,0)+IF('Standard Profiles'!$G$21=$B$24,21,0),MOD($C1816,24)+1)/SUM(INDEX($D$3:$AA$30,INDEX(Jesper!$R$2:$R$366,ROW(INDEX(Jesper!AK$2:AK$366,ROUNDDOWN($C1816/24,0)+1,1))-1)+IF('Standard Profiles'!$G$21=$B$10,7,0)+IF('Standard Profiles'!$G$21=$B$17,14,0)+IF('Standard Profiles'!$G$21=$B$24,21,0),0)),0)</f>
        <v>0</v>
      </c>
      <c r="H1816" cm="1">
        <f t="array" ref="H1816">IFERROR(INDEX(Jesper!AL$2:AL$366,ROUNDDOWN($C1816/24,0)+1,1)*INDEX($D$3:$AA$30,INDEX(Jesper!$R$2:$R$366,ROW(INDEX(Jesper!AL$2:AL$366,ROUNDDOWN($C1816/24,0)+1,1))-1)+IF('Standard Profiles'!$G$22=$B$10,7,0)+IF('Standard Profiles'!$G$22=$B$17,14,0)+IF('Standard Profiles'!$G$22=$B$24,21,0),MOD($C1816,24)+1)/SUM(INDEX($D$3:$AA$30,INDEX(Jesper!$R$2:$R$366,ROW(INDEX(Jesper!AL$2:AL$366,ROUNDDOWN($C1816/24,0)+1,1))-1)+IF('Standard Profiles'!$G$22=$B$10,7,0)+IF('Standard Profiles'!$G$22=$B$17,14,0)+IF('Standard Profiles'!$G$22=$B$24,21,0),0)),0)</f>
        <v>0</v>
      </c>
      <c r="I1816">
        <f t="shared" si="209"/>
        <v>0.39841694797125587</v>
      </c>
      <c r="J1816">
        <f t="shared" si="210"/>
        <v>1.3280564932375196</v>
      </c>
      <c r="K1816">
        <f t="shared" si="211"/>
        <v>1.9920847398562793</v>
      </c>
      <c r="L1816">
        <f t="shared" si="212"/>
        <v>9.5620067513101414</v>
      </c>
      <c r="M1816">
        <f t="shared" si="213"/>
        <v>0</v>
      </c>
      <c r="N1816" s="46">
        <f t="shared" si="214"/>
        <v>45366.249999995678</v>
      </c>
    </row>
    <row r="1817" spans="2:14" x14ac:dyDescent="0.3">
      <c r="B1817">
        <f t="shared" si="208"/>
        <v>5</v>
      </c>
      <c r="C1817" s="16">
        <v>1783</v>
      </c>
      <c r="D1817" cm="1">
        <f t="array" ref="D1817">IFERROR(INDEX(Jesper!AH$2:AH$366,ROUNDDOWN($C1817/24,0)+1,1)*INDEX($D$3:$AA$30,INDEX(Jesper!$R$2:$R$366,ROW(INDEX(Jesper!AH$2:AH$366,ROUNDDOWN($C1817/24,0)+1,1))-1)+IF('Standard Profiles'!$G$18=$B$10,7,0)+IF('Standard Profiles'!$G$18=$B$17,14,0)+IF('Standard Profiles'!$G$18=$B$24,21,0),MOD($C1817,24)+1)/SUM(INDEX($D$3:$AA$30,INDEX(Jesper!$R$2:$R$366,ROW(INDEX(Jesper!AH$2:AH$366,ROUNDDOWN($C1817/24,0)+1,1))-1)+IF('Standard Profiles'!$G$18=$B$10,7,0)+IF('Standard Profiles'!$G$18=$B$17,14,0)+IF('Standard Profiles'!$G$18=$B$24,21,0),0)),0)</f>
        <v>13.280564932375196</v>
      </c>
      <c r="E1817" cm="1">
        <f t="array" ref="E1817">IFERROR(INDEX(Jesper!AI$2:AI$366,ROUNDDOWN($C1817/24,0)+1,1)*INDEX($D$3:$AA$30,INDEX(Jesper!$R$2:$R$366,ROW(INDEX(Jesper!AI$2:AI$366,ROUNDDOWN($C1817/24,0)+1,1))-1)+IF('Standard Profiles'!$G$19=$B$10,7,0)+IF('Standard Profiles'!$G$19=$B$17,14,0)+IF('Standard Profiles'!$G$19=$B$24,21,0),MOD($C1817,24)+1)/SUM(INDEX($D$3:$AA$30,INDEX(Jesper!$R$2:$R$366,ROW(INDEX(Jesper!AI$2:AI$366,ROUNDDOWN($C1817/24,0)+1,1))-1)+IF('Standard Profiles'!$G$19=$B$10,7,0)+IF('Standard Profiles'!$G$19=$B$17,14,0)+IF('Standard Profiles'!$G$19=$B$24,21,0),0)),0)</f>
        <v>0</v>
      </c>
      <c r="F1817" cm="1">
        <f t="array" ref="F1817">IFERROR(INDEX(Jesper!AJ$2:AJ$366,ROUNDDOWN($C1817/24,0)+1,1)*INDEX($D$3:$AA$30,INDEX(Jesper!$R$2:$R$366,ROW(INDEX(Jesper!AJ$2:AJ$366,ROUNDDOWN($C1817/24,0)+1,1))-1)+IF('Standard Profiles'!$G$20=$B$10,7,0)+IF('Standard Profiles'!$G$20=$B$17,14,0)+IF('Standard Profiles'!$G$20=$B$24,21,0),MOD($C1817,24)+1)/SUM(INDEX($D$3:$AA$30,INDEX(Jesper!$R$2:$R$366,ROW(INDEX(Jesper!AJ$2:AJ$366,ROUNDDOWN($C1817/24,0)+1,1))-1)+IF('Standard Profiles'!$G$20=$B$10,7,0)+IF('Standard Profiles'!$G$20=$B$17,14,0)+IF('Standard Profiles'!$G$20=$B$24,21,0),0)),0)</f>
        <v>0</v>
      </c>
      <c r="G1817" cm="1">
        <f t="array" ref="G1817">IFERROR(INDEX(Jesper!AK$2:AK$366,ROUNDDOWN($C1817/24,0)+1,1)*INDEX($D$3:$AA$30,INDEX(Jesper!$R$2:$R$366,ROW(INDEX(Jesper!AK$2:AK$366,ROUNDDOWN($C1817/24,0)+1,1))-1)+IF('Standard Profiles'!$G$21=$B$10,7,0)+IF('Standard Profiles'!$G$21=$B$17,14,0)+IF('Standard Profiles'!$G$21=$B$24,21,0),MOD($C1817,24)+1)/SUM(INDEX($D$3:$AA$30,INDEX(Jesper!$R$2:$R$366,ROW(INDEX(Jesper!AK$2:AK$366,ROUNDDOWN($C1817/24,0)+1,1))-1)+IF('Standard Profiles'!$G$21=$B$10,7,0)+IF('Standard Profiles'!$G$21=$B$17,14,0)+IF('Standard Profiles'!$G$21=$B$24,21,0),0)),0)</f>
        <v>0</v>
      </c>
      <c r="H1817" cm="1">
        <f t="array" ref="H1817">IFERROR(INDEX(Jesper!AL$2:AL$366,ROUNDDOWN($C1817/24,0)+1,1)*INDEX($D$3:$AA$30,INDEX(Jesper!$R$2:$R$366,ROW(INDEX(Jesper!AL$2:AL$366,ROUNDDOWN($C1817/24,0)+1,1))-1)+IF('Standard Profiles'!$G$22=$B$10,7,0)+IF('Standard Profiles'!$G$22=$B$17,14,0)+IF('Standard Profiles'!$G$22=$B$24,21,0),MOD($C1817,24)+1)/SUM(INDEX($D$3:$AA$30,INDEX(Jesper!$R$2:$R$366,ROW(INDEX(Jesper!AL$2:AL$366,ROUNDDOWN($C1817/24,0)+1,1))-1)+IF('Standard Profiles'!$G$22=$B$10,7,0)+IF('Standard Profiles'!$G$22=$B$17,14,0)+IF('Standard Profiles'!$G$22=$B$24,21,0),0)),0)</f>
        <v>0</v>
      </c>
      <c r="I1817">
        <f t="shared" si="209"/>
        <v>0.39841694797125587</v>
      </c>
      <c r="J1817">
        <f t="shared" si="210"/>
        <v>1.3280564932375196</v>
      </c>
      <c r="K1817">
        <f t="shared" si="211"/>
        <v>1.9920847398562793</v>
      </c>
      <c r="L1817">
        <f t="shared" si="212"/>
        <v>9.5620067513101414</v>
      </c>
      <c r="M1817">
        <f t="shared" si="213"/>
        <v>0</v>
      </c>
      <c r="N1817" s="46">
        <f t="shared" si="214"/>
        <v>45366.291666662342</v>
      </c>
    </row>
    <row r="1818" spans="2:14" x14ac:dyDescent="0.3">
      <c r="B1818">
        <f t="shared" si="208"/>
        <v>5</v>
      </c>
      <c r="C1818" s="16">
        <v>1784</v>
      </c>
      <c r="D1818" cm="1">
        <f t="array" ref="D1818">IFERROR(INDEX(Jesper!AH$2:AH$366,ROUNDDOWN($C1818/24,0)+1,1)*INDEX($D$3:$AA$30,INDEX(Jesper!$R$2:$R$366,ROW(INDEX(Jesper!AH$2:AH$366,ROUNDDOWN($C1818/24,0)+1,1))-1)+IF('Standard Profiles'!$G$18=$B$10,7,0)+IF('Standard Profiles'!$G$18=$B$17,14,0)+IF('Standard Profiles'!$G$18=$B$24,21,0),MOD($C1818,24)+1)/SUM(INDEX($D$3:$AA$30,INDEX(Jesper!$R$2:$R$366,ROW(INDEX(Jesper!AH$2:AH$366,ROUNDDOWN($C1818/24,0)+1,1))-1)+IF('Standard Profiles'!$G$18=$B$10,7,0)+IF('Standard Profiles'!$G$18=$B$17,14,0)+IF('Standard Profiles'!$G$18=$B$24,21,0),0)),0)</f>
        <v>13.280564932375196</v>
      </c>
      <c r="E1818" cm="1">
        <f t="array" ref="E1818">IFERROR(INDEX(Jesper!AI$2:AI$366,ROUNDDOWN($C1818/24,0)+1,1)*INDEX($D$3:$AA$30,INDEX(Jesper!$R$2:$R$366,ROW(INDEX(Jesper!AI$2:AI$366,ROUNDDOWN($C1818/24,0)+1,1))-1)+IF('Standard Profiles'!$G$19=$B$10,7,0)+IF('Standard Profiles'!$G$19=$B$17,14,0)+IF('Standard Profiles'!$G$19=$B$24,21,0),MOD($C1818,24)+1)/SUM(INDEX($D$3:$AA$30,INDEX(Jesper!$R$2:$R$366,ROW(INDEX(Jesper!AI$2:AI$366,ROUNDDOWN($C1818/24,0)+1,1))-1)+IF('Standard Profiles'!$G$19=$B$10,7,0)+IF('Standard Profiles'!$G$19=$B$17,14,0)+IF('Standard Profiles'!$G$19=$B$24,21,0),0)),0)</f>
        <v>0</v>
      </c>
      <c r="F1818" cm="1">
        <f t="array" ref="F1818">IFERROR(INDEX(Jesper!AJ$2:AJ$366,ROUNDDOWN($C1818/24,0)+1,1)*INDEX($D$3:$AA$30,INDEX(Jesper!$R$2:$R$366,ROW(INDEX(Jesper!AJ$2:AJ$366,ROUNDDOWN($C1818/24,0)+1,1))-1)+IF('Standard Profiles'!$G$20=$B$10,7,0)+IF('Standard Profiles'!$G$20=$B$17,14,0)+IF('Standard Profiles'!$G$20=$B$24,21,0),MOD($C1818,24)+1)/SUM(INDEX($D$3:$AA$30,INDEX(Jesper!$R$2:$R$366,ROW(INDEX(Jesper!AJ$2:AJ$366,ROUNDDOWN($C1818/24,0)+1,1))-1)+IF('Standard Profiles'!$G$20=$B$10,7,0)+IF('Standard Profiles'!$G$20=$B$17,14,0)+IF('Standard Profiles'!$G$20=$B$24,21,0),0)),0)</f>
        <v>0</v>
      </c>
      <c r="G1818" cm="1">
        <f t="array" ref="G1818">IFERROR(INDEX(Jesper!AK$2:AK$366,ROUNDDOWN($C1818/24,0)+1,1)*INDEX($D$3:$AA$30,INDEX(Jesper!$R$2:$R$366,ROW(INDEX(Jesper!AK$2:AK$366,ROUNDDOWN($C1818/24,0)+1,1))-1)+IF('Standard Profiles'!$G$21=$B$10,7,0)+IF('Standard Profiles'!$G$21=$B$17,14,0)+IF('Standard Profiles'!$G$21=$B$24,21,0),MOD($C1818,24)+1)/SUM(INDEX($D$3:$AA$30,INDEX(Jesper!$R$2:$R$366,ROW(INDEX(Jesper!AK$2:AK$366,ROUNDDOWN($C1818/24,0)+1,1))-1)+IF('Standard Profiles'!$G$21=$B$10,7,0)+IF('Standard Profiles'!$G$21=$B$17,14,0)+IF('Standard Profiles'!$G$21=$B$24,21,0),0)),0)</f>
        <v>0</v>
      </c>
      <c r="H1818" cm="1">
        <f t="array" ref="H1818">IFERROR(INDEX(Jesper!AL$2:AL$366,ROUNDDOWN($C1818/24,0)+1,1)*INDEX($D$3:$AA$30,INDEX(Jesper!$R$2:$R$366,ROW(INDEX(Jesper!AL$2:AL$366,ROUNDDOWN($C1818/24,0)+1,1))-1)+IF('Standard Profiles'!$G$22=$B$10,7,0)+IF('Standard Profiles'!$G$22=$B$17,14,0)+IF('Standard Profiles'!$G$22=$B$24,21,0),MOD($C1818,24)+1)/SUM(INDEX($D$3:$AA$30,INDEX(Jesper!$R$2:$R$366,ROW(INDEX(Jesper!AL$2:AL$366,ROUNDDOWN($C1818/24,0)+1,1))-1)+IF('Standard Profiles'!$G$22=$B$10,7,0)+IF('Standard Profiles'!$G$22=$B$17,14,0)+IF('Standard Profiles'!$G$22=$B$24,21,0),0)),0)</f>
        <v>0</v>
      </c>
      <c r="I1818">
        <f t="shared" si="209"/>
        <v>0.39841694797125587</v>
      </c>
      <c r="J1818">
        <f t="shared" si="210"/>
        <v>1.3280564932375196</v>
      </c>
      <c r="K1818">
        <f t="shared" si="211"/>
        <v>1.9920847398562793</v>
      </c>
      <c r="L1818">
        <f t="shared" si="212"/>
        <v>9.5620067513101414</v>
      </c>
      <c r="M1818">
        <f t="shared" si="213"/>
        <v>0</v>
      </c>
      <c r="N1818" s="46">
        <f t="shared" si="214"/>
        <v>45366.333333329007</v>
      </c>
    </row>
    <row r="1819" spans="2:14" x14ac:dyDescent="0.3">
      <c r="B1819">
        <f t="shared" si="208"/>
        <v>5</v>
      </c>
      <c r="C1819" s="16">
        <v>1785</v>
      </c>
      <c r="D1819" cm="1">
        <f t="array" ref="D1819">IFERROR(INDEX(Jesper!AH$2:AH$366,ROUNDDOWN($C1819/24,0)+1,1)*INDEX($D$3:$AA$30,INDEX(Jesper!$R$2:$R$366,ROW(INDEX(Jesper!AH$2:AH$366,ROUNDDOWN($C1819/24,0)+1,1))-1)+IF('Standard Profiles'!$G$18=$B$10,7,0)+IF('Standard Profiles'!$G$18=$B$17,14,0)+IF('Standard Profiles'!$G$18=$B$24,21,0),MOD($C1819,24)+1)/SUM(INDEX($D$3:$AA$30,INDEX(Jesper!$R$2:$R$366,ROW(INDEX(Jesper!AH$2:AH$366,ROUNDDOWN($C1819/24,0)+1,1))-1)+IF('Standard Profiles'!$G$18=$B$10,7,0)+IF('Standard Profiles'!$G$18=$B$17,14,0)+IF('Standard Profiles'!$G$18=$B$24,21,0),0)),0)</f>
        <v>14.229176713259138</v>
      </c>
      <c r="E1819" cm="1">
        <f t="array" ref="E1819">IFERROR(INDEX(Jesper!AI$2:AI$366,ROUNDDOWN($C1819/24,0)+1,1)*INDEX($D$3:$AA$30,INDEX(Jesper!$R$2:$R$366,ROW(INDEX(Jesper!AI$2:AI$366,ROUNDDOWN($C1819/24,0)+1,1))-1)+IF('Standard Profiles'!$G$19=$B$10,7,0)+IF('Standard Profiles'!$G$19=$B$17,14,0)+IF('Standard Profiles'!$G$19=$B$24,21,0),MOD($C1819,24)+1)/SUM(INDEX($D$3:$AA$30,INDEX(Jesper!$R$2:$R$366,ROW(INDEX(Jesper!AI$2:AI$366,ROUNDDOWN($C1819/24,0)+1,1))-1)+IF('Standard Profiles'!$G$19=$B$10,7,0)+IF('Standard Profiles'!$G$19=$B$17,14,0)+IF('Standard Profiles'!$G$19=$B$24,21,0),0)),0)</f>
        <v>0</v>
      </c>
      <c r="F1819" cm="1">
        <f t="array" ref="F1819">IFERROR(INDEX(Jesper!AJ$2:AJ$366,ROUNDDOWN($C1819/24,0)+1,1)*INDEX($D$3:$AA$30,INDEX(Jesper!$R$2:$R$366,ROW(INDEX(Jesper!AJ$2:AJ$366,ROUNDDOWN($C1819/24,0)+1,1))-1)+IF('Standard Profiles'!$G$20=$B$10,7,0)+IF('Standard Profiles'!$G$20=$B$17,14,0)+IF('Standard Profiles'!$G$20=$B$24,21,0),MOD($C1819,24)+1)/SUM(INDEX($D$3:$AA$30,INDEX(Jesper!$R$2:$R$366,ROW(INDEX(Jesper!AJ$2:AJ$366,ROUNDDOWN($C1819/24,0)+1,1))-1)+IF('Standard Profiles'!$G$20=$B$10,7,0)+IF('Standard Profiles'!$G$20=$B$17,14,0)+IF('Standard Profiles'!$G$20=$B$24,21,0),0)),0)</f>
        <v>0</v>
      </c>
      <c r="G1819" cm="1">
        <f t="array" ref="G1819">IFERROR(INDEX(Jesper!AK$2:AK$366,ROUNDDOWN($C1819/24,0)+1,1)*INDEX($D$3:$AA$30,INDEX(Jesper!$R$2:$R$366,ROW(INDEX(Jesper!AK$2:AK$366,ROUNDDOWN($C1819/24,0)+1,1))-1)+IF('Standard Profiles'!$G$21=$B$10,7,0)+IF('Standard Profiles'!$G$21=$B$17,14,0)+IF('Standard Profiles'!$G$21=$B$24,21,0),MOD($C1819,24)+1)/SUM(INDEX($D$3:$AA$30,INDEX(Jesper!$R$2:$R$366,ROW(INDEX(Jesper!AK$2:AK$366,ROUNDDOWN($C1819/24,0)+1,1))-1)+IF('Standard Profiles'!$G$21=$B$10,7,0)+IF('Standard Profiles'!$G$21=$B$17,14,0)+IF('Standard Profiles'!$G$21=$B$24,21,0),0)),0)</f>
        <v>0</v>
      </c>
      <c r="H1819" cm="1">
        <f t="array" ref="H1819">IFERROR(INDEX(Jesper!AL$2:AL$366,ROUNDDOWN($C1819/24,0)+1,1)*INDEX($D$3:$AA$30,INDEX(Jesper!$R$2:$R$366,ROW(INDEX(Jesper!AL$2:AL$366,ROUNDDOWN($C1819/24,0)+1,1))-1)+IF('Standard Profiles'!$G$22=$B$10,7,0)+IF('Standard Profiles'!$G$22=$B$17,14,0)+IF('Standard Profiles'!$G$22=$B$24,21,0),MOD($C1819,24)+1)/SUM(INDEX($D$3:$AA$30,INDEX(Jesper!$R$2:$R$366,ROW(INDEX(Jesper!AL$2:AL$366,ROUNDDOWN($C1819/24,0)+1,1))-1)+IF('Standard Profiles'!$G$22=$B$10,7,0)+IF('Standard Profiles'!$G$22=$B$17,14,0)+IF('Standard Profiles'!$G$22=$B$24,21,0),0)),0)</f>
        <v>0</v>
      </c>
      <c r="I1819">
        <f t="shared" si="209"/>
        <v>0.42687530139777413</v>
      </c>
      <c r="J1819">
        <f t="shared" si="210"/>
        <v>1.422917671325914</v>
      </c>
      <c r="K1819">
        <f t="shared" si="211"/>
        <v>2.1343765069888705</v>
      </c>
      <c r="L1819">
        <f t="shared" si="212"/>
        <v>10.245007233546579</v>
      </c>
      <c r="M1819">
        <f t="shared" si="213"/>
        <v>0</v>
      </c>
      <c r="N1819" s="46">
        <f t="shared" si="214"/>
        <v>45366.374999995671</v>
      </c>
    </row>
    <row r="1820" spans="2:14" x14ac:dyDescent="0.3">
      <c r="B1820">
        <f t="shared" si="208"/>
        <v>5</v>
      </c>
      <c r="C1820" s="16">
        <v>1786</v>
      </c>
      <c r="D1820" cm="1">
        <f t="array" ref="D1820">IFERROR(INDEX(Jesper!AH$2:AH$366,ROUNDDOWN($C1820/24,0)+1,1)*INDEX($D$3:$AA$30,INDEX(Jesper!$R$2:$R$366,ROW(INDEX(Jesper!AH$2:AH$366,ROUNDDOWN($C1820/24,0)+1,1))-1)+IF('Standard Profiles'!$G$18=$B$10,7,0)+IF('Standard Profiles'!$G$18=$B$17,14,0)+IF('Standard Profiles'!$G$18=$B$24,21,0),MOD($C1820,24)+1)/SUM(INDEX($D$3:$AA$30,INDEX(Jesper!$R$2:$R$366,ROW(INDEX(Jesper!AH$2:AH$366,ROUNDDOWN($C1820/24,0)+1,1))-1)+IF('Standard Profiles'!$G$18=$B$10,7,0)+IF('Standard Profiles'!$G$18=$B$17,14,0)+IF('Standard Profiles'!$G$18=$B$24,21,0),0)),0)</f>
        <v>14.798343781789503</v>
      </c>
      <c r="E1820" cm="1">
        <f t="array" ref="E1820">IFERROR(INDEX(Jesper!AI$2:AI$366,ROUNDDOWN($C1820/24,0)+1,1)*INDEX($D$3:$AA$30,INDEX(Jesper!$R$2:$R$366,ROW(INDEX(Jesper!AI$2:AI$366,ROUNDDOWN($C1820/24,0)+1,1))-1)+IF('Standard Profiles'!$G$19=$B$10,7,0)+IF('Standard Profiles'!$G$19=$B$17,14,0)+IF('Standard Profiles'!$G$19=$B$24,21,0),MOD($C1820,24)+1)/SUM(INDEX($D$3:$AA$30,INDEX(Jesper!$R$2:$R$366,ROW(INDEX(Jesper!AI$2:AI$366,ROUNDDOWN($C1820/24,0)+1,1))-1)+IF('Standard Profiles'!$G$19=$B$10,7,0)+IF('Standard Profiles'!$G$19=$B$17,14,0)+IF('Standard Profiles'!$G$19=$B$24,21,0),0)),0)</f>
        <v>0</v>
      </c>
      <c r="F1820" cm="1">
        <f t="array" ref="F1820">IFERROR(INDEX(Jesper!AJ$2:AJ$366,ROUNDDOWN($C1820/24,0)+1,1)*INDEX($D$3:$AA$30,INDEX(Jesper!$R$2:$R$366,ROW(INDEX(Jesper!AJ$2:AJ$366,ROUNDDOWN($C1820/24,0)+1,1))-1)+IF('Standard Profiles'!$G$20=$B$10,7,0)+IF('Standard Profiles'!$G$20=$B$17,14,0)+IF('Standard Profiles'!$G$20=$B$24,21,0),MOD($C1820,24)+1)/SUM(INDEX($D$3:$AA$30,INDEX(Jesper!$R$2:$R$366,ROW(INDEX(Jesper!AJ$2:AJ$366,ROUNDDOWN($C1820/24,0)+1,1))-1)+IF('Standard Profiles'!$G$20=$B$10,7,0)+IF('Standard Profiles'!$G$20=$B$17,14,0)+IF('Standard Profiles'!$G$20=$B$24,21,0),0)),0)</f>
        <v>0</v>
      </c>
      <c r="G1820" cm="1">
        <f t="array" ref="G1820">IFERROR(INDEX(Jesper!AK$2:AK$366,ROUNDDOWN($C1820/24,0)+1,1)*INDEX($D$3:$AA$30,INDEX(Jesper!$R$2:$R$366,ROW(INDEX(Jesper!AK$2:AK$366,ROUNDDOWN($C1820/24,0)+1,1))-1)+IF('Standard Profiles'!$G$21=$B$10,7,0)+IF('Standard Profiles'!$G$21=$B$17,14,0)+IF('Standard Profiles'!$G$21=$B$24,21,0),MOD($C1820,24)+1)/SUM(INDEX($D$3:$AA$30,INDEX(Jesper!$R$2:$R$366,ROW(INDEX(Jesper!AK$2:AK$366,ROUNDDOWN($C1820/24,0)+1,1))-1)+IF('Standard Profiles'!$G$21=$B$10,7,0)+IF('Standard Profiles'!$G$21=$B$17,14,0)+IF('Standard Profiles'!$G$21=$B$24,21,0),0)),0)</f>
        <v>0</v>
      </c>
      <c r="H1820" cm="1">
        <f t="array" ref="H1820">IFERROR(INDEX(Jesper!AL$2:AL$366,ROUNDDOWN($C1820/24,0)+1,1)*INDEX($D$3:$AA$30,INDEX(Jesper!$R$2:$R$366,ROW(INDEX(Jesper!AL$2:AL$366,ROUNDDOWN($C1820/24,0)+1,1))-1)+IF('Standard Profiles'!$G$22=$B$10,7,0)+IF('Standard Profiles'!$G$22=$B$17,14,0)+IF('Standard Profiles'!$G$22=$B$24,21,0),MOD($C1820,24)+1)/SUM(INDEX($D$3:$AA$30,INDEX(Jesper!$R$2:$R$366,ROW(INDEX(Jesper!AL$2:AL$366,ROUNDDOWN($C1820/24,0)+1,1))-1)+IF('Standard Profiles'!$G$22=$B$10,7,0)+IF('Standard Profiles'!$G$22=$B$17,14,0)+IF('Standard Profiles'!$G$22=$B$24,21,0),0)),0)</f>
        <v>0</v>
      </c>
      <c r="I1820">
        <f t="shared" si="209"/>
        <v>0.44395031345368507</v>
      </c>
      <c r="J1820">
        <f t="shared" si="210"/>
        <v>1.4798343781789505</v>
      </c>
      <c r="K1820">
        <f t="shared" si="211"/>
        <v>2.2197515672684256</v>
      </c>
      <c r="L1820">
        <f t="shared" si="212"/>
        <v>10.654807522888442</v>
      </c>
      <c r="M1820">
        <f t="shared" si="213"/>
        <v>0</v>
      </c>
      <c r="N1820" s="46">
        <f t="shared" si="214"/>
        <v>45366.416666662335</v>
      </c>
    </row>
    <row r="1821" spans="2:14" x14ac:dyDescent="0.3">
      <c r="B1821">
        <f t="shared" si="208"/>
        <v>5</v>
      </c>
      <c r="C1821" s="16">
        <v>1787</v>
      </c>
      <c r="D1821" cm="1">
        <f t="array" ref="D1821">IFERROR(INDEX(Jesper!AH$2:AH$366,ROUNDDOWN($C1821/24,0)+1,1)*INDEX($D$3:$AA$30,INDEX(Jesper!$R$2:$R$366,ROW(INDEX(Jesper!AH$2:AH$366,ROUNDDOWN($C1821/24,0)+1,1))-1)+IF('Standard Profiles'!$G$18=$B$10,7,0)+IF('Standard Profiles'!$G$18=$B$17,14,0)+IF('Standard Profiles'!$G$18=$B$24,21,0),MOD($C1821,24)+1)/SUM(INDEX($D$3:$AA$30,INDEX(Jesper!$R$2:$R$366,ROW(INDEX(Jesper!AH$2:AH$366,ROUNDDOWN($C1821/24,0)+1,1))-1)+IF('Standard Profiles'!$G$18=$B$10,7,0)+IF('Standard Profiles'!$G$18=$B$17,14,0)+IF('Standard Profiles'!$G$18=$B$24,21,0),0)),0)</f>
        <v>17.075012055910964</v>
      </c>
      <c r="E1821" cm="1">
        <f t="array" ref="E1821">IFERROR(INDEX(Jesper!AI$2:AI$366,ROUNDDOWN($C1821/24,0)+1,1)*INDEX($D$3:$AA$30,INDEX(Jesper!$R$2:$R$366,ROW(INDEX(Jesper!AI$2:AI$366,ROUNDDOWN($C1821/24,0)+1,1))-1)+IF('Standard Profiles'!$G$19=$B$10,7,0)+IF('Standard Profiles'!$G$19=$B$17,14,0)+IF('Standard Profiles'!$G$19=$B$24,21,0),MOD($C1821,24)+1)/SUM(INDEX($D$3:$AA$30,INDEX(Jesper!$R$2:$R$366,ROW(INDEX(Jesper!AI$2:AI$366,ROUNDDOWN($C1821/24,0)+1,1))-1)+IF('Standard Profiles'!$G$19=$B$10,7,0)+IF('Standard Profiles'!$G$19=$B$17,14,0)+IF('Standard Profiles'!$G$19=$B$24,21,0),0)),0)</f>
        <v>0</v>
      </c>
      <c r="F1821" cm="1">
        <f t="array" ref="F1821">IFERROR(INDEX(Jesper!AJ$2:AJ$366,ROUNDDOWN($C1821/24,0)+1,1)*INDEX($D$3:$AA$30,INDEX(Jesper!$R$2:$R$366,ROW(INDEX(Jesper!AJ$2:AJ$366,ROUNDDOWN($C1821/24,0)+1,1))-1)+IF('Standard Profiles'!$G$20=$B$10,7,0)+IF('Standard Profiles'!$G$20=$B$17,14,0)+IF('Standard Profiles'!$G$20=$B$24,21,0),MOD($C1821,24)+1)/SUM(INDEX($D$3:$AA$30,INDEX(Jesper!$R$2:$R$366,ROW(INDEX(Jesper!AJ$2:AJ$366,ROUNDDOWN($C1821/24,0)+1,1))-1)+IF('Standard Profiles'!$G$20=$B$10,7,0)+IF('Standard Profiles'!$G$20=$B$17,14,0)+IF('Standard Profiles'!$G$20=$B$24,21,0),0)),0)</f>
        <v>0</v>
      </c>
      <c r="G1821" cm="1">
        <f t="array" ref="G1821">IFERROR(INDEX(Jesper!AK$2:AK$366,ROUNDDOWN($C1821/24,0)+1,1)*INDEX($D$3:$AA$30,INDEX(Jesper!$R$2:$R$366,ROW(INDEX(Jesper!AK$2:AK$366,ROUNDDOWN($C1821/24,0)+1,1))-1)+IF('Standard Profiles'!$G$21=$B$10,7,0)+IF('Standard Profiles'!$G$21=$B$17,14,0)+IF('Standard Profiles'!$G$21=$B$24,21,0),MOD($C1821,24)+1)/SUM(INDEX($D$3:$AA$30,INDEX(Jesper!$R$2:$R$366,ROW(INDEX(Jesper!AK$2:AK$366,ROUNDDOWN($C1821/24,0)+1,1))-1)+IF('Standard Profiles'!$G$21=$B$10,7,0)+IF('Standard Profiles'!$G$21=$B$17,14,0)+IF('Standard Profiles'!$G$21=$B$24,21,0),0)),0)</f>
        <v>0</v>
      </c>
      <c r="H1821" cm="1">
        <f t="array" ref="H1821">IFERROR(INDEX(Jesper!AL$2:AL$366,ROUNDDOWN($C1821/24,0)+1,1)*INDEX($D$3:$AA$30,INDEX(Jesper!$R$2:$R$366,ROW(INDEX(Jesper!AL$2:AL$366,ROUNDDOWN($C1821/24,0)+1,1))-1)+IF('Standard Profiles'!$G$22=$B$10,7,0)+IF('Standard Profiles'!$G$22=$B$17,14,0)+IF('Standard Profiles'!$G$22=$B$24,21,0),MOD($C1821,24)+1)/SUM(INDEX($D$3:$AA$30,INDEX(Jesper!$R$2:$R$366,ROW(INDEX(Jesper!AL$2:AL$366,ROUNDDOWN($C1821/24,0)+1,1))-1)+IF('Standard Profiles'!$G$22=$B$10,7,0)+IF('Standard Profiles'!$G$22=$B$17,14,0)+IF('Standard Profiles'!$G$22=$B$24,21,0),0)),0)</f>
        <v>0</v>
      </c>
      <c r="I1821">
        <f t="shared" si="209"/>
        <v>0.51225036167732885</v>
      </c>
      <c r="J1821">
        <f t="shared" si="210"/>
        <v>1.7075012055910965</v>
      </c>
      <c r="K1821">
        <f t="shared" si="211"/>
        <v>2.5612518083866447</v>
      </c>
      <c r="L1821">
        <f t="shared" si="212"/>
        <v>12.294008680255894</v>
      </c>
      <c r="M1821">
        <f t="shared" si="213"/>
        <v>0</v>
      </c>
      <c r="N1821" s="46">
        <f t="shared" si="214"/>
        <v>45366.458333328999</v>
      </c>
    </row>
    <row r="1822" spans="2:14" x14ac:dyDescent="0.3">
      <c r="B1822">
        <f t="shared" si="208"/>
        <v>5</v>
      </c>
      <c r="C1822" s="16">
        <v>1788</v>
      </c>
      <c r="D1822" cm="1">
        <f t="array" ref="D1822">IFERROR(INDEX(Jesper!AH$2:AH$366,ROUNDDOWN($C1822/24,0)+1,1)*INDEX($D$3:$AA$30,INDEX(Jesper!$R$2:$R$366,ROW(INDEX(Jesper!AH$2:AH$366,ROUNDDOWN($C1822/24,0)+1,1))-1)+IF('Standard Profiles'!$G$18=$B$10,7,0)+IF('Standard Profiles'!$G$18=$B$17,14,0)+IF('Standard Profiles'!$G$18=$B$24,21,0),MOD($C1822,24)+1)/SUM(INDEX($D$3:$AA$30,INDEX(Jesper!$R$2:$R$366,ROW(INDEX(Jesper!AH$2:AH$366,ROUNDDOWN($C1822/24,0)+1,1))-1)+IF('Standard Profiles'!$G$18=$B$10,7,0)+IF('Standard Profiles'!$G$18=$B$17,14,0)+IF('Standard Profiles'!$G$18=$B$24,21,0),0)),0)</f>
        <v>17.075012055910964</v>
      </c>
      <c r="E1822" cm="1">
        <f t="array" ref="E1822">IFERROR(INDEX(Jesper!AI$2:AI$366,ROUNDDOWN($C1822/24,0)+1,1)*INDEX($D$3:$AA$30,INDEX(Jesper!$R$2:$R$366,ROW(INDEX(Jesper!AI$2:AI$366,ROUNDDOWN($C1822/24,0)+1,1))-1)+IF('Standard Profiles'!$G$19=$B$10,7,0)+IF('Standard Profiles'!$G$19=$B$17,14,0)+IF('Standard Profiles'!$G$19=$B$24,21,0),MOD($C1822,24)+1)/SUM(INDEX($D$3:$AA$30,INDEX(Jesper!$R$2:$R$366,ROW(INDEX(Jesper!AI$2:AI$366,ROUNDDOWN($C1822/24,0)+1,1))-1)+IF('Standard Profiles'!$G$19=$B$10,7,0)+IF('Standard Profiles'!$G$19=$B$17,14,0)+IF('Standard Profiles'!$G$19=$B$24,21,0),0)),0)</f>
        <v>0</v>
      </c>
      <c r="F1822" cm="1">
        <f t="array" ref="F1822">IFERROR(INDEX(Jesper!AJ$2:AJ$366,ROUNDDOWN($C1822/24,0)+1,1)*INDEX($D$3:$AA$30,INDEX(Jesper!$R$2:$R$366,ROW(INDEX(Jesper!AJ$2:AJ$366,ROUNDDOWN($C1822/24,0)+1,1))-1)+IF('Standard Profiles'!$G$20=$B$10,7,0)+IF('Standard Profiles'!$G$20=$B$17,14,0)+IF('Standard Profiles'!$G$20=$B$24,21,0),MOD($C1822,24)+1)/SUM(INDEX($D$3:$AA$30,INDEX(Jesper!$R$2:$R$366,ROW(INDEX(Jesper!AJ$2:AJ$366,ROUNDDOWN($C1822/24,0)+1,1))-1)+IF('Standard Profiles'!$G$20=$B$10,7,0)+IF('Standard Profiles'!$G$20=$B$17,14,0)+IF('Standard Profiles'!$G$20=$B$24,21,0),0)),0)</f>
        <v>0</v>
      </c>
      <c r="G1822" cm="1">
        <f t="array" ref="G1822">IFERROR(INDEX(Jesper!AK$2:AK$366,ROUNDDOWN($C1822/24,0)+1,1)*INDEX($D$3:$AA$30,INDEX(Jesper!$R$2:$R$366,ROW(INDEX(Jesper!AK$2:AK$366,ROUNDDOWN($C1822/24,0)+1,1))-1)+IF('Standard Profiles'!$G$21=$B$10,7,0)+IF('Standard Profiles'!$G$21=$B$17,14,0)+IF('Standard Profiles'!$G$21=$B$24,21,0),MOD($C1822,24)+1)/SUM(INDEX($D$3:$AA$30,INDEX(Jesper!$R$2:$R$366,ROW(INDEX(Jesper!AK$2:AK$366,ROUNDDOWN($C1822/24,0)+1,1))-1)+IF('Standard Profiles'!$G$21=$B$10,7,0)+IF('Standard Profiles'!$G$21=$B$17,14,0)+IF('Standard Profiles'!$G$21=$B$24,21,0),0)),0)</f>
        <v>0</v>
      </c>
      <c r="H1822" cm="1">
        <f t="array" ref="H1822">IFERROR(INDEX(Jesper!AL$2:AL$366,ROUNDDOWN($C1822/24,0)+1,1)*INDEX($D$3:$AA$30,INDEX(Jesper!$R$2:$R$366,ROW(INDEX(Jesper!AL$2:AL$366,ROUNDDOWN($C1822/24,0)+1,1))-1)+IF('Standard Profiles'!$G$22=$B$10,7,0)+IF('Standard Profiles'!$G$22=$B$17,14,0)+IF('Standard Profiles'!$G$22=$B$24,21,0),MOD($C1822,24)+1)/SUM(INDEX($D$3:$AA$30,INDEX(Jesper!$R$2:$R$366,ROW(INDEX(Jesper!AL$2:AL$366,ROUNDDOWN($C1822/24,0)+1,1))-1)+IF('Standard Profiles'!$G$22=$B$10,7,0)+IF('Standard Profiles'!$G$22=$B$17,14,0)+IF('Standard Profiles'!$G$22=$B$24,21,0),0)),0)</f>
        <v>0</v>
      </c>
      <c r="I1822">
        <f t="shared" si="209"/>
        <v>0.51225036167732885</v>
      </c>
      <c r="J1822">
        <f t="shared" si="210"/>
        <v>1.7075012055910965</v>
      </c>
      <c r="K1822">
        <f t="shared" si="211"/>
        <v>2.5612518083866447</v>
      </c>
      <c r="L1822">
        <f t="shared" si="212"/>
        <v>12.294008680255894</v>
      </c>
      <c r="M1822">
        <f t="shared" si="213"/>
        <v>0</v>
      </c>
      <c r="N1822" s="46">
        <f t="shared" si="214"/>
        <v>45366.499999995664</v>
      </c>
    </row>
    <row r="1823" spans="2:14" x14ac:dyDescent="0.3">
      <c r="B1823">
        <f t="shared" si="208"/>
        <v>5</v>
      </c>
      <c r="C1823" s="16">
        <v>1789</v>
      </c>
      <c r="D1823" cm="1">
        <f t="array" ref="D1823">IFERROR(INDEX(Jesper!AH$2:AH$366,ROUNDDOWN($C1823/24,0)+1,1)*INDEX($D$3:$AA$30,INDEX(Jesper!$R$2:$R$366,ROW(INDEX(Jesper!AH$2:AH$366,ROUNDDOWN($C1823/24,0)+1,1))-1)+IF('Standard Profiles'!$G$18=$B$10,7,0)+IF('Standard Profiles'!$G$18=$B$17,14,0)+IF('Standard Profiles'!$G$18=$B$24,21,0),MOD($C1823,24)+1)/SUM(INDEX($D$3:$AA$30,INDEX(Jesper!$R$2:$R$366,ROW(INDEX(Jesper!AH$2:AH$366,ROUNDDOWN($C1823/24,0)+1,1))-1)+IF('Standard Profiles'!$G$18=$B$10,7,0)+IF('Standard Profiles'!$G$18=$B$17,14,0)+IF('Standard Profiles'!$G$18=$B$24,21,0),0)),0)</f>
        <v>17.075012055910964</v>
      </c>
      <c r="E1823" cm="1">
        <f t="array" ref="E1823">IFERROR(INDEX(Jesper!AI$2:AI$366,ROUNDDOWN($C1823/24,0)+1,1)*INDEX($D$3:$AA$30,INDEX(Jesper!$R$2:$R$366,ROW(INDEX(Jesper!AI$2:AI$366,ROUNDDOWN($C1823/24,0)+1,1))-1)+IF('Standard Profiles'!$G$19=$B$10,7,0)+IF('Standard Profiles'!$G$19=$B$17,14,0)+IF('Standard Profiles'!$G$19=$B$24,21,0),MOD($C1823,24)+1)/SUM(INDEX($D$3:$AA$30,INDEX(Jesper!$R$2:$R$366,ROW(INDEX(Jesper!AI$2:AI$366,ROUNDDOWN($C1823/24,0)+1,1))-1)+IF('Standard Profiles'!$G$19=$B$10,7,0)+IF('Standard Profiles'!$G$19=$B$17,14,0)+IF('Standard Profiles'!$G$19=$B$24,21,0),0)),0)</f>
        <v>0</v>
      </c>
      <c r="F1823" cm="1">
        <f t="array" ref="F1823">IFERROR(INDEX(Jesper!AJ$2:AJ$366,ROUNDDOWN($C1823/24,0)+1,1)*INDEX($D$3:$AA$30,INDEX(Jesper!$R$2:$R$366,ROW(INDEX(Jesper!AJ$2:AJ$366,ROUNDDOWN($C1823/24,0)+1,1))-1)+IF('Standard Profiles'!$G$20=$B$10,7,0)+IF('Standard Profiles'!$G$20=$B$17,14,0)+IF('Standard Profiles'!$G$20=$B$24,21,0),MOD($C1823,24)+1)/SUM(INDEX($D$3:$AA$30,INDEX(Jesper!$R$2:$R$366,ROW(INDEX(Jesper!AJ$2:AJ$366,ROUNDDOWN($C1823/24,0)+1,1))-1)+IF('Standard Profiles'!$G$20=$B$10,7,0)+IF('Standard Profiles'!$G$20=$B$17,14,0)+IF('Standard Profiles'!$G$20=$B$24,21,0),0)),0)</f>
        <v>0</v>
      </c>
      <c r="G1823" cm="1">
        <f t="array" ref="G1823">IFERROR(INDEX(Jesper!AK$2:AK$366,ROUNDDOWN($C1823/24,0)+1,1)*INDEX($D$3:$AA$30,INDEX(Jesper!$R$2:$R$366,ROW(INDEX(Jesper!AK$2:AK$366,ROUNDDOWN($C1823/24,0)+1,1))-1)+IF('Standard Profiles'!$G$21=$B$10,7,0)+IF('Standard Profiles'!$G$21=$B$17,14,0)+IF('Standard Profiles'!$G$21=$B$24,21,0),MOD($C1823,24)+1)/SUM(INDEX($D$3:$AA$30,INDEX(Jesper!$R$2:$R$366,ROW(INDEX(Jesper!AK$2:AK$366,ROUNDDOWN($C1823/24,0)+1,1))-1)+IF('Standard Profiles'!$G$21=$B$10,7,0)+IF('Standard Profiles'!$G$21=$B$17,14,0)+IF('Standard Profiles'!$G$21=$B$24,21,0),0)),0)</f>
        <v>0</v>
      </c>
      <c r="H1823" cm="1">
        <f t="array" ref="H1823">IFERROR(INDEX(Jesper!AL$2:AL$366,ROUNDDOWN($C1823/24,0)+1,1)*INDEX($D$3:$AA$30,INDEX(Jesper!$R$2:$R$366,ROW(INDEX(Jesper!AL$2:AL$366,ROUNDDOWN($C1823/24,0)+1,1))-1)+IF('Standard Profiles'!$G$22=$B$10,7,0)+IF('Standard Profiles'!$G$22=$B$17,14,0)+IF('Standard Profiles'!$G$22=$B$24,21,0),MOD($C1823,24)+1)/SUM(INDEX($D$3:$AA$30,INDEX(Jesper!$R$2:$R$366,ROW(INDEX(Jesper!AL$2:AL$366,ROUNDDOWN($C1823/24,0)+1,1))-1)+IF('Standard Profiles'!$G$22=$B$10,7,0)+IF('Standard Profiles'!$G$22=$B$17,14,0)+IF('Standard Profiles'!$G$22=$B$24,21,0),0)),0)</f>
        <v>0</v>
      </c>
      <c r="I1823">
        <f t="shared" si="209"/>
        <v>0.51225036167732885</v>
      </c>
      <c r="J1823">
        <f t="shared" si="210"/>
        <v>1.7075012055910965</v>
      </c>
      <c r="K1823">
        <f t="shared" si="211"/>
        <v>2.5612518083866447</v>
      </c>
      <c r="L1823">
        <f t="shared" si="212"/>
        <v>12.294008680255894</v>
      </c>
      <c r="M1823">
        <f t="shared" si="213"/>
        <v>0</v>
      </c>
      <c r="N1823" s="46">
        <f t="shared" si="214"/>
        <v>45366.541666662328</v>
      </c>
    </row>
    <row r="1824" spans="2:14" x14ac:dyDescent="0.3">
      <c r="B1824">
        <f t="shared" si="208"/>
        <v>5</v>
      </c>
      <c r="C1824" s="16">
        <v>1790</v>
      </c>
      <c r="D1824" cm="1">
        <f t="array" ref="D1824">IFERROR(INDEX(Jesper!AH$2:AH$366,ROUNDDOWN($C1824/24,0)+1,1)*INDEX($D$3:$AA$30,INDEX(Jesper!$R$2:$R$366,ROW(INDEX(Jesper!AH$2:AH$366,ROUNDDOWN($C1824/24,0)+1,1))-1)+IF('Standard Profiles'!$G$18=$B$10,7,0)+IF('Standard Profiles'!$G$18=$B$17,14,0)+IF('Standard Profiles'!$G$18=$B$24,21,0),MOD($C1824,24)+1)/SUM(INDEX($D$3:$AA$30,INDEX(Jesper!$R$2:$R$366,ROW(INDEX(Jesper!AH$2:AH$366,ROUNDDOWN($C1824/24,0)+1,1))-1)+IF('Standard Profiles'!$G$18=$B$10,7,0)+IF('Standard Profiles'!$G$18=$B$17,14,0)+IF('Standard Profiles'!$G$18=$B$24,21,0),0)),0)</f>
        <v>17.075012055910964</v>
      </c>
      <c r="E1824" cm="1">
        <f t="array" ref="E1824">IFERROR(INDEX(Jesper!AI$2:AI$366,ROUNDDOWN($C1824/24,0)+1,1)*INDEX($D$3:$AA$30,INDEX(Jesper!$R$2:$R$366,ROW(INDEX(Jesper!AI$2:AI$366,ROUNDDOWN($C1824/24,0)+1,1))-1)+IF('Standard Profiles'!$G$19=$B$10,7,0)+IF('Standard Profiles'!$G$19=$B$17,14,0)+IF('Standard Profiles'!$G$19=$B$24,21,0),MOD($C1824,24)+1)/SUM(INDEX($D$3:$AA$30,INDEX(Jesper!$R$2:$R$366,ROW(INDEX(Jesper!AI$2:AI$366,ROUNDDOWN($C1824/24,0)+1,1))-1)+IF('Standard Profiles'!$G$19=$B$10,7,0)+IF('Standard Profiles'!$G$19=$B$17,14,0)+IF('Standard Profiles'!$G$19=$B$24,21,0),0)),0)</f>
        <v>0</v>
      </c>
      <c r="F1824" cm="1">
        <f t="array" ref="F1824">IFERROR(INDEX(Jesper!AJ$2:AJ$366,ROUNDDOWN($C1824/24,0)+1,1)*INDEX($D$3:$AA$30,INDEX(Jesper!$R$2:$R$366,ROW(INDEX(Jesper!AJ$2:AJ$366,ROUNDDOWN($C1824/24,0)+1,1))-1)+IF('Standard Profiles'!$G$20=$B$10,7,0)+IF('Standard Profiles'!$G$20=$B$17,14,0)+IF('Standard Profiles'!$G$20=$B$24,21,0),MOD($C1824,24)+1)/SUM(INDEX($D$3:$AA$30,INDEX(Jesper!$R$2:$R$366,ROW(INDEX(Jesper!AJ$2:AJ$366,ROUNDDOWN($C1824/24,0)+1,1))-1)+IF('Standard Profiles'!$G$20=$B$10,7,0)+IF('Standard Profiles'!$G$20=$B$17,14,0)+IF('Standard Profiles'!$G$20=$B$24,21,0),0)),0)</f>
        <v>0</v>
      </c>
      <c r="G1824" cm="1">
        <f t="array" ref="G1824">IFERROR(INDEX(Jesper!AK$2:AK$366,ROUNDDOWN($C1824/24,0)+1,1)*INDEX($D$3:$AA$30,INDEX(Jesper!$R$2:$R$366,ROW(INDEX(Jesper!AK$2:AK$366,ROUNDDOWN($C1824/24,0)+1,1))-1)+IF('Standard Profiles'!$G$21=$B$10,7,0)+IF('Standard Profiles'!$G$21=$B$17,14,0)+IF('Standard Profiles'!$G$21=$B$24,21,0),MOD($C1824,24)+1)/SUM(INDEX($D$3:$AA$30,INDEX(Jesper!$R$2:$R$366,ROW(INDEX(Jesper!AK$2:AK$366,ROUNDDOWN($C1824/24,0)+1,1))-1)+IF('Standard Profiles'!$G$21=$B$10,7,0)+IF('Standard Profiles'!$G$21=$B$17,14,0)+IF('Standard Profiles'!$G$21=$B$24,21,0),0)),0)</f>
        <v>0</v>
      </c>
      <c r="H1824" cm="1">
        <f t="array" ref="H1824">IFERROR(INDEX(Jesper!AL$2:AL$366,ROUNDDOWN($C1824/24,0)+1,1)*INDEX($D$3:$AA$30,INDEX(Jesper!$R$2:$R$366,ROW(INDEX(Jesper!AL$2:AL$366,ROUNDDOWN($C1824/24,0)+1,1))-1)+IF('Standard Profiles'!$G$22=$B$10,7,0)+IF('Standard Profiles'!$G$22=$B$17,14,0)+IF('Standard Profiles'!$G$22=$B$24,21,0),MOD($C1824,24)+1)/SUM(INDEX($D$3:$AA$30,INDEX(Jesper!$R$2:$R$366,ROW(INDEX(Jesper!AL$2:AL$366,ROUNDDOWN($C1824/24,0)+1,1))-1)+IF('Standard Profiles'!$G$22=$B$10,7,0)+IF('Standard Profiles'!$G$22=$B$17,14,0)+IF('Standard Profiles'!$G$22=$B$24,21,0),0)),0)</f>
        <v>0</v>
      </c>
      <c r="I1824">
        <f t="shared" si="209"/>
        <v>0.51225036167732885</v>
      </c>
      <c r="J1824">
        <f t="shared" si="210"/>
        <v>1.7075012055910965</v>
      </c>
      <c r="K1824">
        <f t="shared" si="211"/>
        <v>2.5612518083866447</v>
      </c>
      <c r="L1824">
        <f t="shared" si="212"/>
        <v>12.294008680255894</v>
      </c>
      <c r="M1824">
        <f t="shared" si="213"/>
        <v>0</v>
      </c>
      <c r="N1824" s="46">
        <f t="shared" si="214"/>
        <v>45366.583333328992</v>
      </c>
    </row>
    <row r="1825" spans="2:14" x14ac:dyDescent="0.3">
      <c r="B1825">
        <f t="shared" si="208"/>
        <v>5</v>
      </c>
      <c r="C1825" s="16">
        <v>1791</v>
      </c>
      <c r="D1825" cm="1">
        <f t="array" ref="D1825">IFERROR(INDEX(Jesper!AH$2:AH$366,ROUNDDOWN($C1825/24,0)+1,1)*INDEX($D$3:$AA$30,INDEX(Jesper!$R$2:$R$366,ROW(INDEX(Jesper!AH$2:AH$366,ROUNDDOWN($C1825/24,0)+1,1))-1)+IF('Standard Profiles'!$G$18=$B$10,7,0)+IF('Standard Profiles'!$G$18=$B$17,14,0)+IF('Standard Profiles'!$G$18=$B$24,21,0),MOD($C1825,24)+1)/SUM(INDEX($D$3:$AA$30,INDEX(Jesper!$R$2:$R$366,ROW(INDEX(Jesper!AH$2:AH$366,ROUNDDOWN($C1825/24,0)+1,1))-1)+IF('Standard Profiles'!$G$18=$B$10,7,0)+IF('Standard Profiles'!$G$18=$B$17,14,0)+IF('Standard Profiles'!$G$18=$B$24,21,0),0)),0)</f>
        <v>14.229176713259138</v>
      </c>
      <c r="E1825" cm="1">
        <f t="array" ref="E1825">IFERROR(INDEX(Jesper!AI$2:AI$366,ROUNDDOWN($C1825/24,0)+1,1)*INDEX($D$3:$AA$30,INDEX(Jesper!$R$2:$R$366,ROW(INDEX(Jesper!AI$2:AI$366,ROUNDDOWN($C1825/24,0)+1,1))-1)+IF('Standard Profiles'!$G$19=$B$10,7,0)+IF('Standard Profiles'!$G$19=$B$17,14,0)+IF('Standard Profiles'!$G$19=$B$24,21,0),MOD($C1825,24)+1)/SUM(INDEX($D$3:$AA$30,INDEX(Jesper!$R$2:$R$366,ROW(INDEX(Jesper!AI$2:AI$366,ROUNDDOWN($C1825/24,0)+1,1))-1)+IF('Standard Profiles'!$G$19=$B$10,7,0)+IF('Standard Profiles'!$G$19=$B$17,14,0)+IF('Standard Profiles'!$G$19=$B$24,21,0),0)),0)</f>
        <v>0</v>
      </c>
      <c r="F1825" cm="1">
        <f t="array" ref="F1825">IFERROR(INDEX(Jesper!AJ$2:AJ$366,ROUNDDOWN($C1825/24,0)+1,1)*INDEX($D$3:$AA$30,INDEX(Jesper!$R$2:$R$366,ROW(INDEX(Jesper!AJ$2:AJ$366,ROUNDDOWN($C1825/24,0)+1,1))-1)+IF('Standard Profiles'!$G$20=$B$10,7,0)+IF('Standard Profiles'!$G$20=$B$17,14,0)+IF('Standard Profiles'!$G$20=$B$24,21,0),MOD($C1825,24)+1)/SUM(INDEX($D$3:$AA$30,INDEX(Jesper!$R$2:$R$366,ROW(INDEX(Jesper!AJ$2:AJ$366,ROUNDDOWN($C1825/24,0)+1,1))-1)+IF('Standard Profiles'!$G$20=$B$10,7,0)+IF('Standard Profiles'!$G$20=$B$17,14,0)+IF('Standard Profiles'!$G$20=$B$24,21,0),0)),0)</f>
        <v>0</v>
      </c>
      <c r="G1825" cm="1">
        <f t="array" ref="G1825">IFERROR(INDEX(Jesper!AK$2:AK$366,ROUNDDOWN($C1825/24,0)+1,1)*INDEX($D$3:$AA$30,INDEX(Jesper!$R$2:$R$366,ROW(INDEX(Jesper!AK$2:AK$366,ROUNDDOWN($C1825/24,0)+1,1))-1)+IF('Standard Profiles'!$G$21=$B$10,7,0)+IF('Standard Profiles'!$G$21=$B$17,14,0)+IF('Standard Profiles'!$G$21=$B$24,21,0),MOD($C1825,24)+1)/SUM(INDEX($D$3:$AA$30,INDEX(Jesper!$R$2:$R$366,ROW(INDEX(Jesper!AK$2:AK$366,ROUNDDOWN($C1825/24,0)+1,1))-1)+IF('Standard Profiles'!$G$21=$B$10,7,0)+IF('Standard Profiles'!$G$21=$B$17,14,0)+IF('Standard Profiles'!$G$21=$B$24,21,0),0)),0)</f>
        <v>0</v>
      </c>
      <c r="H1825" cm="1">
        <f t="array" ref="H1825">IFERROR(INDEX(Jesper!AL$2:AL$366,ROUNDDOWN($C1825/24,0)+1,1)*INDEX($D$3:$AA$30,INDEX(Jesper!$R$2:$R$366,ROW(INDEX(Jesper!AL$2:AL$366,ROUNDDOWN($C1825/24,0)+1,1))-1)+IF('Standard Profiles'!$G$22=$B$10,7,0)+IF('Standard Profiles'!$G$22=$B$17,14,0)+IF('Standard Profiles'!$G$22=$B$24,21,0),MOD($C1825,24)+1)/SUM(INDEX($D$3:$AA$30,INDEX(Jesper!$R$2:$R$366,ROW(INDEX(Jesper!AL$2:AL$366,ROUNDDOWN($C1825/24,0)+1,1))-1)+IF('Standard Profiles'!$G$22=$B$10,7,0)+IF('Standard Profiles'!$G$22=$B$17,14,0)+IF('Standard Profiles'!$G$22=$B$24,21,0),0)),0)</f>
        <v>0</v>
      </c>
      <c r="I1825">
        <f t="shared" si="209"/>
        <v>0.42687530139777413</v>
      </c>
      <c r="J1825">
        <f t="shared" si="210"/>
        <v>1.422917671325914</v>
      </c>
      <c r="K1825">
        <f t="shared" si="211"/>
        <v>2.1343765069888705</v>
      </c>
      <c r="L1825">
        <f t="shared" si="212"/>
        <v>10.245007233546579</v>
      </c>
      <c r="M1825">
        <f t="shared" si="213"/>
        <v>0</v>
      </c>
      <c r="N1825" s="46">
        <f t="shared" si="214"/>
        <v>45366.624999995656</v>
      </c>
    </row>
    <row r="1826" spans="2:14" x14ac:dyDescent="0.3">
      <c r="B1826">
        <f t="shared" si="208"/>
        <v>5</v>
      </c>
      <c r="C1826" s="16">
        <v>1792</v>
      </c>
      <c r="D1826" cm="1">
        <f t="array" ref="D1826">IFERROR(INDEX(Jesper!AH$2:AH$366,ROUNDDOWN($C1826/24,0)+1,1)*INDEX($D$3:$AA$30,INDEX(Jesper!$R$2:$R$366,ROW(INDEX(Jesper!AH$2:AH$366,ROUNDDOWN($C1826/24,0)+1,1))-1)+IF('Standard Profiles'!$G$18=$B$10,7,0)+IF('Standard Profiles'!$G$18=$B$17,14,0)+IF('Standard Profiles'!$G$18=$B$24,21,0),MOD($C1826,24)+1)/SUM(INDEX($D$3:$AA$30,INDEX(Jesper!$R$2:$R$366,ROW(INDEX(Jesper!AH$2:AH$366,ROUNDDOWN($C1826/24,0)+1,1))-1)+IF('Standard Profiles'!$G$18=$B$10,7,0)+IF('Standard Profiles'!$G$18=$B$17,14,0)+IF('Standard Profiles'!$G$18=$B$24,21,0),0)),0)</f>
        <v>13.470287288551985</v>
      </c>
      <c r="E1826" cm="1">
        <f t="array" ref="E1826">IFERROR(INDEX(Jesper!AI$2:AI$366,ROUNDDOWN($C1826/24,0)+1,1)*INDEX($D$3:$AA$30,INDEX(Jesper!$R$2:$R$366,ROW(INDEX(Jesper!AI$2:AI$366,ROUNDDOWN($C1826/24,0)+1,1))-1)+IF('Standard Profiles'!$G$19=$B$10,7,0)+IF('Standard Profiles'!$G$19=$B$17,14,0)+IF('Standard Profiles'!$G$19=$B$24,21,0),MOD($C1826,24)+1)/SUM(INDEX($D$3:$AA$30,INDEX(Jesper!$R$2:$R$366,ROW(INDEX(Jesper!AI$2:AI$366,ROUNDDOWN($C1826/24,0)+1,1))-1)+IF('Standard Profiles'!$G$19=$B$10,7,0)+IF('Standard Profiles'!$G$19=$B$17,14,0)+IF('Standard Profiles'!$G$19=$B$24,21,0),0)),0)</f>
        <v>0</v>
      </c>
      <c r="F1826" cm="1">
        <f t="array" ref="F1826">IFERROR(INDEX(Jesper!AJ$2:AJ$366,ROUNDDOWN($C1826/24,0)+1,1)*INDEX($D$3:$AA$30,INDEX(Jesper!$R$2:$R$366,ROW(INDEX(Jesper!AJ$2:AJ$366,ROUNDDOWN($C1826/24,0)+1,1))-1)+IF('Standard Profiles'!$G$20=$B$10,7,0)+IF('Standard Profiles'!$G$20=$B$17,14,0)+IF('Standard Profiles'!$G$20=$B$24,21,0),MOD($C1826,24)+1)/SUM(INDEX($D$3:$AA$30,INDEX(Jesper!$R$2:$R$366,ROW(INDEX(Jesper!AJ$2:AJ$366,ROUNDDOWN($C1826/24,0)+1,1))-1)+IF('Standard Profiles'!$G$20=$B$10,7,0)+IF('Standard Profiles'!$G$20=$B$17,14,0)+IF('Standard Profiles'!$G$20=$B$24,21,0),0)),0)</f>
        <v>0</v>
      </c>
      <c r="G1826" cm="1">
        <f t="array" ref="G1826">IFERROR(INDEX(Jesper!AK$2:AK$366,ROUNDDOWN($C1826/24,0)+1,1)*INDEX($D$3:$AA$30,INDEX(Jesper!$R$2:$R$366,ROW(INDEX(Jesper!AK$2:AK$366,ROUNDDOWN($C1826/24,0)+1,1))-1)+IF('Standard Profiles'!$G$21=$B$10,7,0)+IF('Standard Profiles'!$G$21=$B$17,14,0)+IF('Standard Profiles'!$G$21=$B$24,21,0),MOD($C1826,24)+1)/SUM(INDEX($D$3:$AA$30,INDEX(Jesper!$R$2:$R$366,ROW(INDEX(Jesper!AK$2:AK$366,ROUNDDOWN($C1826/24,0)+1,1))-1)+IF('Standard Profiles'!$G$21=$B$10,7,0)+IF('Standard Profiles'!$G$21=$B$17,14,0)+IF('Standard Profiles'!$G$21=$B$24,21,0),0)),0)</f>
        <v>0</v>
      </c>
      <c r="H1826" cm="1">
        <f t="array" ref="H1826">IFERROR(INDEX(Jesper!AL$2:AL$366,ROUNDDOWN($C1826/24,0)+1,1)*INDEX($D$3:$AA$30,INDEX(Jesper!$R$2:$R$366,ROW(INDEX(Jesper!AL$2:AL$366,ROUNDDOWN($C1826/24,0)+1,1))-1)+IF('Standard Profiles'!$G$22=$B$10,7,0)+IF('Standard Profiles'!$G$22=$B$17,14,0)+IF('Standard Profiles'!$G$22=$B$24,21,0),MOD($C1826,24)+1)/SUM(INDEX($D$3:$AA$30,INDEX(Jesper!$R$2:$R$366,ROW(INDEX(Jesper!AL$2:AL$366,ROUNDDOWN($C1826/24,0)+1,1))-1)+IF('Standard Profiles'!$G$22=$B$10,7,0)+IF('Standard Profiles'!$G$22=$B$17,14,0)+IF('Standard Profiles'!$G$22=$B$24,21,0),0)),0)</f>
        <v>0</v>
      </c>
      <c r="I1826">
        <f t="shared" si="209"/>
        <v>0.4041086186565595</v>
      </c>
      <c r="J1826">
        <f t="shared" si="210"/>
        <v>1.3470287288551985</v>
      </c>
      <c r="K1826">
        <f t="shared" si="211"/>
        <v>2.0205430932827975</v>
      </c>
      <c r="L1826">
        <f t="shared" si="212"/>
        <v>9.6986068477574285</v>
      </c>
      <c r="M1826">
        <f t="shared" si="213"/>
        <v>0</v>
      </c>
      <c r="N1826" s="46">
        <f t="shared" si="214"/>
        <v>45366.66666666232</v>
      </c>
    </row>
    <row r="1827" spans="2:14" x14ac:dyDescent="0.3">
      <c r="B1827">
        <f t="shared" ref="B1827:B1890" si="215">WEEKDAY(N1827,2)</f>
        <v>5</v>
      </c>
      <c r="C1827" s="16">
        <v>1793</v>
      </c>
      <c r="D1827" cm="1">
        <f t="array" ref="D1827">IFERROR(INDEX(Jesper!AH$2:AH$366,ROUNDDOWN($C1827/24,0)+1,1)*INDEX($D$3:$AA$30,INDEX(Jesper!$R$2:$R$366,ROW(INDEX(Jesper!AH$2:AH$366,ROUNDDOWN($C1827/24,0)+1,1))-1)+IF('Standard Profiles'!$G$18=$B$10,7,0)+IF('Standard Profiles'!$G$18=$B$17,14,0)+IF('Standard Profiles'!$G$18=$B$24,21,0),MOD($C1827,24)+1)/SUM(INDEX($D$3:$AA$30,INDEX(Jesper!$R$2:$R$366,ROW(INDEX(Jesper!AH$2:AH$366,ROUNDDOWN($C1827/24,0)+1,1))-1)+IF('Standard Profiles'!$G$18=$B$10,7,0)+IF('Standard Profiles'!$G$18=$B$17,14,0)+IF('Standard Profiles'!$G$18=$B$24,21,0),0)),0)</f>
        <v>13.470287288551985</v>
      </c>
      <c r="E1827" cm="1">
        <f t="array" ref="E1827">IFERROR(INDEX(Jesper!AI$2:AI$366,ROUNDDOWN($C1827/24,0)+1,1)*INDEX($D$3:$AA$30,INDEX(Jesper!$R$2:$R$366,ROW(INDEX(Jesper!AI$2:AI$366,ROUNDDOWN($C1827/24,0)+1,1))-1)+IF('Standard Profiles'!$G$19=$B$10,7,0)+IF('Standard Profiles'!$G$19=$B$17,14,0)+IF('Standard Profiles'!$G$19=$B$24,21,0),MOD($C1827,24)+1)/SUM(INDEX($D$3:$AA$30,INDEX(Jesper!$R$2:$R$366,ROW(INDEX(Jesper!AI$2:AI$366,ROUNDDOWN($C1827/24,0)+1,1))-1)+IF('Standard Profiles'!$G$19=$B$10,7,0)+IF('Standard Profiles'!$G$19=$B$17,14,0)+IF('Standard Profiles'!$G$19=$B$24,21,0),0)),0)</f>
        <v>0</v>
      </c>
      <c r="F1827" cm="1">
        <f t="array" ref="F1827">IFERROR(INDEX(Jesper!AJ$2:AJ$366,ROUNDDOWN($C1827/24,0)+1,1)*INDEX($D$3:$AA$30,INDEX(Jesper!$R$2:$R$366,ROW(INDEX(Jesper!AJ$2:AJ$366,ROUNDDOWN($C1827/24,0)+1,1))-1)+IF('Standard Profiles'!$G$20=$B$10,7,0)+IF('Standard Profiles'!$G$20=$B$17,14,0)+IF('Standard Profiles'!$G$20=$B$24,21,0),MOD($C1827,24)+1)/SUM(INDEX($D$3:$AA$30,INDEX(Jesper!$R$2:$R$366,ROW(INDEX(Jesper!AJ$2:AJ$366,ROUNDDOWN($C1827/24,0)+1,1))-1)+IF('Standard Profiles'!$G$20=$B$10,7,0)+IF('Standard Profiles'!$G$20=$B$17,14,0)+IF('Standard Profiles'!$G$20=$B$24,21,0),0)),0)</f>
        <v>0</v>
      </c>
      <c r="G1827" cm="1">
        <f t="array" ref="G1827">IFERROR(INDEX(Jesper!AK$2:AK$366,ROUNDDOWN($C1827/24,0)+1,1)*INDEX($D$3:$AA$30,INDEX(Jesper!$R$2:$R$366,ROW(INDEX(Jesper!AK$2:AK$366,ROUNDDOWN($C1827/24,0)+1,1))-1)+IF('Standard Profiles'!$G$21=$B$10,7,0)+IF('Standard Profiles'!$G$21=$B$17,14,0)+IF('Standard Profiles'!$G$21=$B$24,21,0),MOD($C1827,24)+1)/SUM(INDEX($D$3:$AA$30,INDEX(Jesper!$R$2:$R$366,ROW(INDEX(Jesper!AK$2:AK$366,ROUNDDOWN($C1827/24,0)+1,1))-1)+IF('Standard Profiles'!$G$21=$B$10,7,0)+IF('Standard Profiles'!$G$21=$B$17,14,0)+IF('Standard Profiles'!$G$21=$B$24,21,0),0)),0)</f>
        <v>0</v>
      </c>
      <c r="H1827" cm="1">
        <f t="array" ref="H1827">IFERROR(INDEX(Jesper!AL$2:AL$366,ROUNDDOWN($C1827/24,0)+1,1)*INDEX($D$3:$AA$30,INDEX(Jesper!$R$2:$R$366,ROW(INDEX(Jesper!AL$2:AL$366,ROUNDDOWN($C1827/24,0)+1,1))-1)+IF('Standard Profiles'!$G$22=$B$10,7,0)+IF('Standard Profiles'!$G$22=$B$17,14,0)+IF('Standard Profiles'!$G$22=$B$24,21,0),MOD($C1827,24)+1)/SUM(INDEX($D$3:$AA$30,INDEX(Jesper!$R$2:$R$366,ROW(INDEX(Jesper!AL$2:AL$366,ROUNDDOWN($C1827/24,0)+1,1))-1)+IF('Standard Profiles'!$G$22=$B$10,7,0)+IF('Standard Profiles'!$G$22=$B$17,14,0)+IF('Standard Profiles'!$G$22=$B$24,21,0),0)),0)</f>
        <v>0</v>
      </c>
      <c r="I1827">
        <f t="shared" ref="I1827:I1890" si="216">IF($B1827&lt;6,AC$37*$D1827+AC$38*$E1827+AC$39*$F1827+AC$40*$G1827,AC$46*$D1827+AC$47*$E1827+AC$48*$F1827+AC$49*$G1827+AC$50*$H1827)</f>
        <v>0.4041086186565595</v>
      </c>
      <c r="J1827">
        <f t="shared" ref="J1827:J1890" si="217">IF($B1827&lt;6,AD$37*$D1827+AD$38*$E1827+AD$39*$F1827+AD$40*$G1827,AD$46*$D1827+AD$47*$E1827+AD$48*$F1827+AD$49*$G1827+AD$50*$H1827)</f>
        <v>1.3470287288551985</v>
      </c>
      <c r="K1827">
        <f t="shared" ref="K1827:K1890" si="218">IF($B1827&lt;6,AE$37*$D1827+AE$38*$E1827+AE$39*$F1827+AE$40*$G1827,AE$46*$D1827+AE$47*$E1827+AE$48*$F1827+AE$49*$G1827+AE$50*$H1827)</f>
        <v>2.0205430932827975</v>
      </c>
      <c r="L1827">
        <f t="shared" ref="L1827:L1890" si="219">IF($B1827&lt;6,AF$37*$D1827+AF$38*$E1827+AF$39*$F1827+AF$40*$G1827,AF$46*$D1827+AF$47*$E1827+AF$48*$F1827+AF$49*$G1827+AF$50*$H1827)</f>
        <v>9.6986068477574285</v>
      </c>
      <c r="M1827">
        <f t="shared" ref="M1827:M1890" si="220">IF($B1827&lt;6,AG$37*$D1827+AG$38*$E1827+AG$39*$F1827+AG$40*$G1827,AG$46*$D1827+AG$47*$E1827+AG$48*$F1827+AG$49*$G1827+AG$50*$H1827)</f>
        <v>0</v>
      </c>
      <c r="N1827" s="46">
        <f t="shared" si="214"/>
        <v>45366.708333328985</v>
      </c>
    </row>
    <row r="1828" spans="2:14" x14ac:dyDescent="0.3">
      <c r="B1828">
        <f t="shared" si="215"/>
        <v>5</v>
      </c>
      <c r="C1828" s="16">
        <v>1794</v>
      </c>
      <c r="D1828" cm="1">
        <f t="array" ref="D1828">IFERROR(INDEX(Jesper!AH$2:AH$366,ROUNDDOWN($C1828/24,0)+1,1)*INDEX($D$3:$AA$30,INDEX(Jesper!$R$2:$R$366,ROW(INDEX(Jesper!AH$2:AH$366,ROUNDDOWN($C1828/24,0)+1,1))-1)+IF('Standard Profiles'!$G$18=$B$10,7,0)+IF('Standard Profiles'!$G$18=$B$17,14,0)+IF('Standard Profiles'!$G$18=$B$24,21,0),MOD($C1828,24)+1)/SUM(INDEX($D$3:$AA$30,INDEX(Jesper!$R$2:$R$366,ROW(INDEX(Jesper!AH$2:AH$366,ROUNDDOWN($C1828/24,0)+1,1))-1)+IF('Standard Profiles'!$G$18=$B$10,7,0)+IF('Standard Profiles'!$G$18=$B$17,14,0)+IF('Standard Profiles'!$G$18=$B$24,21,0),0)),0)</f>
        <v>13.470287288551985</v>
      </c>
      <c r="E1828" cm="1">
        <f t="array" ref="E1828">IFERROR(INDEX(Jesper!AI$2:AI$366,ROUNDDOWN($C1828/24,0)+1,1)*INDEX($D$3:$AA$30,INDEX(Jesper!$R$2:$R$366,ROW(INDEX(Jesper!AI$2:AI$366,ROUNDDOWN($C1828/24,0)+1,1))-1)+IF('Standard Profiles'!$G$19=$B$10,7,0)+IF('Standard Profiles'!$G$19=$B$17,14,0)+IF('Standard Profiles'!$G$19=$B$24,21,0),MOD($C1828,24)+1)/SUM(INDEX($D$3:$AA$30,INDEX(Jesper!$R$2:$R$366,ROW(INDEX(Jesper!AI$2:AI$366,ROUNDDOWN($C1828/24,0)+1,1))-1)+IF('Standard Profiles'!$G$19=$B$10,7,0)+IF('Standard Profiles'!$G$19=$B$17,14,0)+IF('Standard Profiles'!$G$19=$B$24,21,0),0)),0)</f>
        <v>0</v>
      </c>
      <c r="F1828" cm="1">
        <f t="array" ref="F1828">IFERROR(INDEX(Jesper!AJ$2:AJ$366,ROUNDDOWN($C1828/24,0)+1,1)*INDEX($D$3:$AA$30,INDEX(Jesper!$R$2:$R$366,ROW(INDEX(Jesper!AJ$2:AJ$366,ROUNDDOWN($C1828/24,0)+1,1))-1)+IF('Standard Profiles'!$G$20=$B$10,7,0)+IF('Standard Profiles'!$G$20=$B$17,14,0)+IF('Standard Profiles'!$G$20=$B$24,21,0),MOD($C1828,24)+1)/SUM(INDEX($D$3:$AA$30,INDEX(Jesper!$R$2:$R$366,ROW(INDEX(Jesper!AJ$2:AJ$366,ROUNDDOWN($C1828/24,0)+1,1))-1)+IF('Standard Profiles'!$G$20=$B$10,7,0)+IF('Standard Profiles'!$G$20=$B$17,14,0)+IF('Standard Profiles'!$G$20=$B$24,21,0),0)),0)</f>
        <v>0</v>
      </c>
      <c r="G1828" cm="1">
        <f t="array" ref="G1828">IFERROR(INDEX(Jesper!AK$2:AK$366,ROUNDDOWN($C1828/24,0)+1,1)*INDEX($D$3:$AA$30,INDEX(Jesper!$R$2:$R$366,ROW(INDEX(Jesper!AK$2:AK$366,ROUNDDOWN($C1828/24,0)+1,1))-1)+IF('Standard Profiles'!$G$21=$B$10,7,0)+IF('Standard Profiles'!$G$21=$B$17,14,0)+IF('Standard Profiles'!$G$21=$B$24,21,0),MOD($C1828,24)+1)/SUM(INDEX($D$3:$AA$30,INDEX(Jesper!$R$2:$R$366,ROW(INDEX(Jesper!AK$2:AK$366,ROUNDDOWN($C1828/24,0)+1,1))-1)+IF('Standard Profiles'!$G$21=$B$10,7,0)+IF('Standard Profiles'!$G$21=$B$17,14,0)+IF('Standard Profiles'!$G$21=$B$24,21,0),0)),0)</f>
        <v>0</v>
      </c>
      <c r="H1828" cm="1">
        <f t="array" ref="H1828">IFERROR(INDEX(Jesper!AL$2:AL$366,ROUNDDOWN($C1828/24,0)+1,1)*INDEX($D$3:$AA$30,INDEX(Jesper!$R$2:$R$366,ROW(INDEX(Jesper!AL$2:AL$366,ROUNDDOWN($C1828/24,0)+1,1))-1)+IF('Standard Profiles'!$G$22=$B$10,7,0)+IF('Standard Profiles'!$G$22=$B$17,14,0)+IF('Standard Profiles'!$G$22=$B$24,21,0),MOD($C1828,24)+1)/SUM(INDEX($D$3:$AA$30,INDEX(Jesper!$R$2:$R$366,ROW(INDEX(Jesper!AL$2:AL$366,ROUNDDOWN($C1828/24,0)+1,1))-1)+IF('Standard Profiles'!$G$22=$B$10,7,0)+IF('Standard Profiles'!$G$22=$B$17,14,0)+IF('Standard Profiles'!$G$22=$B$24,21,0),0)),0)</f>
        <v>0</v>
      </c>
      <c r="I1828">
        <f t="shared" si="216"/>
        <v>0.4041086186565595</v>
      </c>
      <c r="J1828">
        <f t="shared" si="217"/>
        <v>1.3470287288551985</v>
      </c>
      <c r="K1828">
        <f t="shared" si="218"/>
        <v>2.0205430932827975</v>
      </c>
      <c r="L1828">
        <f t="shared" si="219"/>
        <v>9.6986068477574285</v>
      </c>
      <c r="M1828">
        <f t="shared" si="220"/>
        <v>0</v>
      </c>
      <c r="N1828" s="46">
        <f t="shared" ref="N1828:N1891" si="221">N1827+1/24</f>
        <v>45366.749999995649</v>
      </c>
    </row>
    <row r="1829" spans="2:14" x14ac:dyDescent="0.3">
      <c r="B1829">
        <f t="shared" si="215"/>
        <v>5</v>
      </c>
      <c r="C1829" s="16">
        <v>1795</v>
      </c>
      <c r="D1829" cm="1">
        <f t="array" ref="D1829">IFERROR(INDEX(Jesper!AH$2:AH$366,ROUNDDOWN($C1829/24,0)+1,1)*INDEX($D$3:$AA$30,INDEX(Jesper!$R$2:$R$366,ROW(INDEX(Jesper!AH$2:AH$366,ROUNDDOWN($C1829/24,0)+1,1))-1)+IF('Standard Profiles'!$G$18=$B$10,7,0)+IF('Standard Profiles'!$G$18=$B$17,14,0)+IF('Standard Profiles'!$G$18=$B$24,21,0),MOD($C1829,24)+1)/SUM(INDEX($D$3:$AA$30,INDEX(Jesper!$R$2:$R$366,ROW(INDEX(Jesper!AH$2:AH$366,ROUNDDOWN($C1829/24,0)+1,1))-1)+IF('Standard Profiles'!$G$18=$B$10,7,0)+IF('Standard Profiles'!$G$18=$B$17,14,0)+IF('Standard Profiles'!$G$18=$B$24,21,0),0)),0)</f>
        <v>13.470287288551985</v>
      </c>
      <c r="E1829" cm="1">
        <f t="array" ref="E1829">IFERROR(INDEX(Jesper!AI$2:AI$366,ROUNDDOWN($C1829/24,0)+1,1)*INDEX($D$3:$AA$30,INDEX(Jesper!$R$2:$R$366,ROW(INDEX(Jesper!AI$2:AI$366,ROUNDDOWN($C1829/24,0)+1,1))-1)+IF('Standard Profiles'!$G$19=$B$10,7,0)+IF('Standard Profiles'!$G$19=$B$17,14,0)+IF('Standard Profiles'!$G$19=$B$24,21,0),MOD($C1829,24)+1)/SUM(INDEX($D$3:$AA$30,INDEX(Jesper!$R$2:$R$366,ROW(INDEX(Jesper!AI$2:AI$366,ROUNDDOWN($C1829/24,0)+1,1))-1)+IF('Standard Profiles'!$G$19=$B$10,7,0)+IF('Standard Profiles'!$G$19=$B$17,14,0)+IF('Standard Profiles'!$G$19=$B$24,21,0),0)),0)</f>
        <v>0</v>
      </c>
      <c r="F1829" cm="1">
        <f t="array" ref="F1829">IFERROR(INDEX(Jesper!AJ$2:AJ$366,ROUNDDOWN($C1829/24,0)+1,1)*INDEX($D$3:$AA$30,INDEX(Jesper!$R$2:$R$366,ROW(INDEX(Jesper!AJ$2:AJ$366,ROUNDDOWN($C1829/24,0)+1,1))-1)+IF('Standard Profiles'!$G$20=$B$10,7,0)+IF('Standard Profiles'!$G$20=$B$17,14,0)+IF('Standard Profiles'!$G$20=$B$24,21,0),MOD($C1829,24)+1)/SUM(INDEX($D$3:$AA$30,INDEX(Jesper!$R$2:$R$366,ROW(INDEX(Jesper!AJ$2:AJ$366,ROUNDDOWN($C1829/24,0)+1,1))-1)+IF('Standard Profiles'!$G$20=$B$10,7,0)+IF('Standard Profiles'!$G$20=$B$17,14,0)+IF('Standard Profiles'!$G$20=$B$24,21,0),0)),0)</f>
        <v>0</v>
      </c>
      <c r="G1829" cm="1">
        <f t="array" ref="G1829">IFERROR(INDEX(Jesper!AK$2:AK$366,ROUNDDOWN($C1829/24,0)+1,1)*INDEX($D$3:$AA$30,INDEX(Jesper!$R$2:$R$366,ROW(INDEX(Jesper!AK$2:AK$366,ROUNDDOWN($C1829/24,0)+1,1))-1)+IF('Standard Profiles'!$G$21=$B$10,7,0)+IF('Standard Profiles'!$G$21=$B$17,14,0)+IF('Standard Profiles'!$G$21=$B$24,21,0),MOD($C1829,24)+1)/SUM(INDEX($D$3:$AA$30,INDEX(Jesper!$R$2:$R$366,ROW(INDEX(Jesper!AK$2:AK$366,ROUNDDOWN($C1829/24,0)+1,1))-1)+IF('Standard Profiles'!$G$21=$B$10,7,0)+IF('Standard Profiles'!$G$21=$B$17,14,0)+IF('Standard Profiles'!$G$21=$B$24,21,0),0)),0)</f>
        <v>0</v>
      </c>
      <c r="H1829" cm="1">
        <f t="array" ref="H1829">IFERROR(INDEX(Jesper!AL$2:AL$366,ROUNDDOWN($C1829/24,0)+1,1)*INDEX($D$3:$AA$30,INDEX(Jesper!$R$2:$R$366,ROW(INDEX(Jesper!AL$2:AL$366,ROUNDDOWN($C1829/24,0)+1,1))-1)+IF('Standard Profiles'!$G$22=$B$10,7,0)+IF('Standard Profiles'!$G$22=$B$17,14,0)+IF('Standard Profiles'!$G$22=$B$24,21,0),MOD($C1829,24)+1)/SUM(INDEX($D$3:$AA$30,INDEX(Jesper!$R$2:$R$366,ROW(INDEX(Jesper!AL$2:AL$366,ROUNDDOWN($C1829/24,0)+1,1))-1)+IF('Standard Profiles'!$G$22=$B$10,7,0)+IF('Standard Profiles'!$G$22=$B$17,14,0)+IF('Standard Profiles'!$G$22=$B$24,21,0),0)),0)</f>
        <v>0</v>
      </c>
      <c r="I1829">
        <f t="shared" si="216"/>
        <v>0.4041086186565595</v>
      </c>
      <c r="J1829">
        <f t="shared" si="217"/>
        <v>1.3470287288551985</v>
      </c>
      <c r="K1829">
        <f t="shared" si="218"/>
        <v>2.0205430932827975</v>
      </c>
      <c r="L1829">
        <f t="shared" si="219"/>
        <v>9.6986068477574285</v>
      </c>
      <c r="M1829">
        <f t="shared" si="220"/>
        <v>0</v>
      </c>
      <c r="N1829" s="46">
        <f t="shared" si="221"/>
        <v>45366.791666662313</v>
      </c>
    </row>
    <row r="1830" spans="2:14" x14ac:dyDescent="0.3">
      <c r="B1830">
        <f t="shared" si="215"/>
        <v>5</v>
      </c>
      <c r="C1830" s="16">
        <v>1796</v>
      </c>
      <c r="D1830" cm="1">
        <f t="array" ref="D1830">IFERROR(INDEX(Jesper!AH$2:AH$366,ROUNDDOWN($C1830/24,0)+1,1)*INDEX($D$3:$AA$30,INDEX(Jesper!$R$2:$R$366,ROW(INDEX(Jesper!AH$2:AH$366,ROUNDDOWN($C1830/24,0)+1,1))-1)+IF('Standard Profiles'!$G$18=$B$10,7,0)+IF('Standard Profiles'!$G$18=$B$17,14,0)+IF('Standard Profiles'!$G$18=$B$24,21,0),MOD($C1830,24)+1)/SUM(INDEX($D$3:$AA$30,INDEX(Jesper!$R$2:$R$366,ROW(INDEX(Jesper!AH$2:AH$366,ROUNDDOWN($C1830/24,0)+1,1))-1)+IF('Standard Profiles'!$G$18=$B$10,7,0)+IF('Standard Profiles'!$G$18=$B$17,14,0)+IF('Standard Profiles'!$G$18=$B$24,21,0),0)),0)</f>
        <v>10.434729589723366</v>
      </c>
      <c r="E1830" cm="1">
        <f t="array" ref="E1830">IFERROR(INDEX(Jesper!AI$2:AI$366,ROUNDDOWN($C1830/24,0)+1,1)*INDEX($D$3:$AA$30,INDEX(Jesper!$R$2:$R$366,ROW(INDEX(Jesper!AI$2:AI$366,ROUNDDOWN($C1830/24,0)+1,1))-1)+IF('Standard Profiles'!$G$19=$B$10,7,0)+IF('Standard Profiles'!$G$19=$B$17,14,0)+IF('Standard Profiles'!$G$19=$B$24,21,0),MOD($C1830,24)+1)/SUM(INDEX($D$3:$AA$30,INDEX(Jesper!$R$2:$R$366,ROW(INDEX(Jesper!AI$2:AI$366,ROUNDDOWN($C1830/24,0)+1,1))-1)+IF('Standard Profiles'!$G$19=$B$10,7,0)+IF('Standard Profiles'!$G$19=$B$17,14,0)+IF('Standard Profiles'!$G$19=$B$24,21,0),0)),0)</f>
        <v>0</v>
      </c>
      <c r="F1830" cm="1">
        <f t="array" ref="F1830">IFERROR(INDEX(Jesper!AJ$2:AJ$366,ROUNDDOWN($C1830/24,0)+1,1)*INDEX($D$3:$AA$30,INDEX(Jesper!$R$2:$R$366,ROW(INDEX(Jesper!AJ$2:AJ$366,ROUNDDOWN($C1830/24,0)+1,1))-1)+IF('Standard Profiles'!$G$20=$B$10,7,0)+IF('Standard Profiles'!$G$20=$B$17,14,0)+IF('Standard Profiles'!$G$20=$B$24,21,0),MOD($C1830,24)+1)/SUM(INDEX($D$3:$AA$30,INDEX(Jesper!$R$2:$R$366,ROW(INDEX(Jesper!AJ$2:AJ$366,ROUNDDOWN($C1830/24,0)+1,1))-1)+IF('Standard Profiles'!$G$20=$B$10,7,0)+IF('Standard Profiles'!$G$20=$B$17,14,0)+IF('Standard Profiles'!$G$20=$B$24,21,0),0)),0)</f>
        <v>0</v>
      </c>
      <c r="G1830" cm="1">
        <f t="array" ref="G1830">IFERROR(INDEX(Jesper!AK$2:AK$366,ROUNDDOWN($C1830/24,0)+1,1)*INDEX($D$3:$AA$30,INDEX(Jesper!$R$2:$R$366,ROW(INDEX(Jesper!AK$2:AK$366,ROUNDDOWN($C1830/24,0)+1,1))-1)+IF('Standard Profiles'!$G$21=$B$10,7,0)+IF('Standard Profiles'!$G$21=$B$17,14,0)+IF('Standard Profiles'!$G$21=$B$24,21,0),MOD($C1830,24)+1)/SUM(INDEX($D$3:$AA$30,INDEX(Jesper!$R$2:$R$366,ROW(INDEX(Jesper!AK$2:AK$366,ROUNDDOWN($C1830/24,0)+1,1))-1)+IF('Standard Profiles'!$G$21=$B$10,7,0)+IF('Standard Profiles'!$G$21=$B$17,14,0)+IF('Standard Profiles'!$G$21=$B$24,21,0),0)),0)</f>
        <v>0</v>
      </c>
      <c r="H1830" cm="1">
        <f t="array" ref="H1830">IFERROR(INDEX(Jesper!AL$2:AL$366,ROUNDDOWN($C1830/24,0)+1,1)*INDEX($D$3:$AA$30,INDEX(Jesper!$R$2:$R$366,ROW(INDEX(Jesper!AL$2:AL$366,ROUNDDOWN($C1830/24,0)+1,1))-1)+IF('Standard Profiles'!$G$22=$B$10,7,0)+IF('Standard Profiles'!$G$22=$B$17,14,0)+IF('Standard Profiles'!$G$22=$B$24,21,0),MOD($C1830,24)+1)/SUM(INDEX($D$3:$AA$30,INDEX(Jesper!$R$2:$R$366,ROW(INDEX(Jesper!AL$2:AL$366,ROUNDDOWN($C1830/24,0)+1,1))-1)+IF('Standard Profiles'!$G$22=$B$10,7,0)+IF('Standard Profiles'!$G$22=$B$17,14,0)+IF('Standard Profiles'!$G$22=$B$24,21,0),0)),0)</f>
        <v>0</v>
      </c>
      <c r="I1830">
        <f t="shared" si="216"/>
        <v>0.31304188769170099</v>
      </c>
      <c r="J1830">
        <f t="shared" si="217"/>
        <v>1.0434729589723366</v>
      </c>
      <c r="K1830">
        <f t="shared" si="218"/>
        <v>1.5652094384585049</v>
      </c>
      <c r="L1830">
        <f t="shared" si="219"/>
        <v>7.5130053046008234</v>
      </c>
      <c r="M1830">
        <f t="shared" si="220"/>
        <v>0</v>
      </c>
      <c r="N1830" s="46">
        <f t="shared" si="221"/>
        <v>45366.833333328977</v>
      </c>
    </row>
    <row r="1831" spans="2:14" x14ac:dyDescent="0.3">
      <c r="B1831">
        <f t="shared" si="215"/>
        <v>5</v>
      </c>
      <c r="C1831" s="16">
        <v>1797</v>
      </c>
      <c r="D1831" cm="1">
        <f t="array" ref="D1831">IFERROR(INDEX(Jesper!AH$2:AH$366,ROUNDDOWN($C1831/24,0)+1,1)*INDEX($D$3:$AA$30,INDEX(Jesper!$R$2:$R$366,ROW(INDEX(Jesper!AH$2:AH$366,ROUNDDOWN($C1831/24,0)+1,1))-1)+IF('Standard Profiles'!$G$18=$B$10,7,0)+IF('Standard Profiles'!$G$18=$B$17,14,0)+IF('Standard Profiles'!$G$18=$B$24,21,0),MOD($C1831,24)+1)/SUM(INDEX($D$3:$AA$30,INDEX(Jesper!$R$2:$R$366,ROW(INDEX(Jesper!AH$2:AH$366,ROUNDDOWN($C1831/24,0)+1,1))-1)+IF('Standard Profiles'!$G$18=$B$10,7,0)+IF('Standard Profiles'!$G$18=$B$17,14,0)+IF('Standard Profiles'!$G$18=$B$24,21,0),0)),0)</f>
        <v>3.9841694797125586</v>
      </c>
      <c r="E1831" cm="1">
        <f t="array" ref="E1831">IFERROR(INDEX(Jesper!AI$2:AI$366,ROUNDDOWN($C1831/24,0)+1,1)*INDEX($D$3:$AA$30,INDEX(Jesper!$R$2:$R$366,ROW(INDEX(Jesper!AI$2:AI$366,ROUNDDOWN($C1831/24,0)+1,1))-1)+IF('Standard Profiles'!$G$19=$B$10,7,0)+IF('Standard Profiles'!$G$19=$B$17,14,0)+IF('Standard Profiles'!$G$19=$B$24,21,0),MOD($C1831,24)+1)/SUM(INDEX($D$3:$AA$30,INDEX(Jesper!$R$2:$R$366,ROW(INDEX(Jesper!AI$2:AI$366,ROUNDDOWN($C1831/24,0)+1,1))-1)+IF('Standard Profiles'!$G$19=$B$10,7,0)+IF('Standard Profiles'!$G$19=$B$17,14,0)+IF('Standard Profiles'!$G$19=$B$24,21,0),0)),0)</f>
        <v>0</v>
      </c>
      <c r="F1831" cm="1">
        <f t="array" ref="F1831">IFERROR(INDEX(Jesper!AJ$2:AJ$366,ROUNDDOWN($C1831/24,0)+1,1)*INDEX($D$3:$AA$30,INDEX(Jesper!$R$2:$R$366,ROW(INDEX(Jesper!AJ$2:AJ$366,ROUNDDOWN($C1831/24,0)+1,1))-1)+IF('Standard Profiles'!$G$20=$B$10,7,0)+IF('Standard Profiles'!$G$20=$B$17,14,0)+IF('Standard Profiles'!$G$20=$B$24,21,0),MOD($C1831,24)+1)/SUM(INDEX($D$3:$AA$30,INDEX(Jesper!$R$2:$R$366,ROW(INDEX(Jesper!AJ$2:AJ$366,ROUNDDOWN($C1831/24,0)+1,1))-1)+IF('Standard Profiles'!$G$20=$B$10,7,0)+IF('Standard Profiles'!$G$20=$B$17,14,0)+IF('Standard Profiles'!$G$20=$B$24,21,0),0)),0)</f>
        <v>0</v>
      </c>
      <c r="G1831" cm="1">
        <f t="array" ref="G1831">IFERROR(INDEX(Jesper!AK$2:AK$366,ROUNDDOWN($C1831/24,0)+1,1)*INDEX($D$3:$AA$30,INDEX(Jesper!$R$2:$R$366,ROW(INDEX(Jesper!AK$2:AK$366,ROUNDDOWN($C1831/24,0)+1,1))-1)+IF('Standard Profiles'!$G$21=$B$10,7,0)+IF('Standard Profiles'!$G$21=$B$17,14,0)+IF('Standard Profiles'!$G$21=$B$24,21,0),MOD($C1831,24)+1)/SUM(INDEX($D$3:$AA$30,INDEX(Jesper!$R$2:$R$366,ROW(INDEX(Jesper!AK$2:AK$366,ROUNDDOWN($C1831/24,0)+1,1))-1)+IF('Standard Profiles'!$G$21=$B$10,7,0)+IF('Standard Profiles'!$G$21=$B$17,14,0)+IF('Standard Profiles'!$G$21=$B$24,21,0),0)),0)</f>
        <v>0</v>
      </c>
      <c r="H1831" cm="1">
        <f t="array" ref="H1831">IFERROR(INDEX(Jesper!AL$2:AL$366,ROUNDDOWN($C1831/24,0)+1,1)*INDEX($D$3:$AA$30,INDEX(Jesper!$R$2:$R$366,ROW(INDEX(Jesper!AL$2:AL$366,ROUNDDOWN($C1831/24,0)+1,1))-1)+IF('Standard Profiles'!$G$22=$B$10,7,0)+IF('Standard Profiles'!$G$22=$B$17,14,0)+IF('Standard Profiles'!$G$22=$B$24,21,0),MOD($C1831,24)+1)/SUM(INDEX($D$3:$AA$30,INDEX(Jesper!$R$2:$R$366,ROW(INDEX(Jesper!AL$2:AL$366,ROUNDDOWN($C1831/24,0)+1,1))-1)+IF('Standard Profiles'!$G$22=$B$10,7,0)+IF('Standard Profiles'!$G$22=$B$17,14,0)+IF('Standard Profiles'!$G$22=$B$24,21,0),0)),0)</f>
        <v>0</v>
      </c>
      <c r="I1831">
        <f t="shared" si="216"/>
        <v>0.11952508439137675</v>
      </c>
      <c r="J1831">
        <f t="shared" si="217"/>
        <v>0.39841694797125587</v>
      </c>
      <c r="K1831">
        <f t="shared" si="218"/>
        <v>0.59762542195688373</v>
      </c>
      <c r="L1831">
        <f t="shared" si="219"/>
        <v>2.868602025393042</v>
      </c>
      <c r="M1831">
        <f t="shared" si="220"/>
        <v>0</v>
      </c>
      <c r="N1831" s="46">
        <f t="shared" si="221"/>
        <v>45366.874999995642</v>
      </c>
    </row>
    <row r="1832" spans="2:14" x14ac:dyDescent="0.3">
      <c r="B1832">
        <f t="shared" si="215"/>
        <v>5</v>
      </c>
      <c r="C1832" s="16">
        <v>1798</v>
      </c>
      <c r="D1832" cm="1">
        <f t="array" ref="D1832">IFERROR(INDEX(Jesper!AH$2:AH$366,ROUNDDOWN($C1832/24,0)+1,1)*INDEX($D$3:$AA$30,INDEX(Jesper!$R$2:$R$366,ROW(INDEX(Jesper!AH$2:AH$366,ROUNDDOWN($C1832/24,0)+1,1))-1)+IF('Standard Profiles'!$G$18=$B$10,7,0)+IF('Standard Profiles'!$G$18=$B$17,14,0)+IF('Standard Profiles'!$G$18=$B$24,21,0),MOD($C1832,24)+1)/SUM(INDEX($D$3:$AA$30,INDEX(Jesper!$R$2:$R$366,ROW(INDEX(Jesper!AH$2:AH$366,ROUNDDOWN($C1832/24,0)+1,1))-1)+IF('Standard Profiles'!$G$18=$B$10,7,0)+IF('Standard Profiles'!$G$18=$B$17,14,0)+IF('Standard Profiles'!$G$18=$B$24,21,0),0)),0)</f>
        <v>3.9841694797125586</v>
      </c>
      <c r="E1832" cm="1">
        <f t="array" ref="E1832">IFERROR(INDEX(Jesper!AI$2:AI$366,ROUNDDOWN($C1832/24,0)+1,1)*INDEX($D$3:$AA$30,INDEX(Jesper!$R$2:$R$366,ROW(INDEX(Jesper!AI$2:AI$366,ROUNDDOWN($C1832/24,0)+1,1))-1)+IF('Standard Profiles'!$G$19=$B$10,7,0)+IF('Standard Profiles'!$G$19=$B$17,14,0)+IF('Standard Profiles'!$G$19=$B$24,21,0),MOD($C1832,24)+1)/SUM(INDEX($D$3:$AA$30,INDEX(Jesper!$R$2:$R$366,ROW(INDEX(Jesper!AI$2:AI$366,ROUNDDOWN($C1832/24,0)+1,1))-1)+IF('Standard Profiles'!$G$19=$B$10,7,0)+IF('Standard Profiles'!$G$19=$B$17,14,0)+IF('Standard Profiles'!$G$19=$B$24,21,0),0)),0)</f>
        <v>0</v>
      </c>
      <c r="F1832" cm="1">
        <f t="array" ref="F1832">IFERROR(INDEX(Jesper!AJ$2:AJ$366,ROUNDDOWN($C1832/24,0)+1,1)*INDEX($D$3:$AA$30,INDEX(Jesper!$R$2:$R$366,ROW(INDEX(Jesper!AJ$2:AJ$366,ROUNDDOWN($C1832/24,0)+1,1))-1)+IF('Standard Profiles'!$G$20=$B$10,7,0)+IF('Standard Profiles'!$G$20=$B$17,14,0)+IF('Standard Profiles'!$G$20=$B$24,21,0),MOD($C1832,24)+1)/SUM(INDEX($D$3:$AA$30,INDEX(Jesper!$R$2:$R$366,ROW(INDEX(Jesper!AJ$2:AJ$366,ROUNDDOWN($C1832/24,0)+1,1))-1)+IF('Standard Profiles'!$G$20=$B$10,7,0)+IF('Standard Profiles'!$G$20=$B$17,14,0)+IF('Standard Profiles'!$G$20=$B$24,21,0),0)),0)</f>
        <v>0</v>
      </c>
      <c r="G1832" cm="1">
        <f t="array" ref="G1832">IFERROR(INDEX(Jesper!AK$2:AK$366,ROUNDDOWN($C1832/24,0)+1,1)*INDEX($D$3:$AA$30,INDEX(Jesper!$R$2:$R$366,ROW(INDEX(Jesper!AK$2:AK$366,ROUNDDOWN($C1832/24,0)+1,1))-1)+IF('Standard Profiles'!$G$21=$B$10,7,0)+IF('Standard Profiles'!$G$21=$B$17,14,0)+IF('Standard Profiles'!$G$21=$B$24,21,0),MOD($C1832,24)+1)/SUM(INDEX($D$3:$AA$30,INDEX(Jesper!$R$2:$R$366,ROW(INDEX(Jesper!AK$2:AK$366,ROUNDDOWN($C1832/24,0)+1,1))-1)+IF('Standard Profiles'!$G$21=$B$10,7,0)+IF('Standard Profiles'!$G$21=$B$17,14,0)+IF('Standard Profiles'!$G$21=$B$24,21,0),0)),0)</f>
        <v>0</v>
      </c>
      <c r="H1832" cm="1">
        <f t="array" ref="H1832">IFERROR(INDEX(Jesper!AL$2:AL$366,ROUNDDOWN($C1832/24,0)+1,1)*INDEX($D$3:$AA$30,INDEX(Jesper!$R$2:$R$366,ROW(INDEX(Jesper!AL$2:AL$366,ROUNDDOWN($C1832/24,0)+1,1))-1)+IF('Standard Profiles'!$G$22=$B$10,7,0)+IF('Standard Profiles'!$G$22=$B$17,14,0)+IF('Standard Profiles'!$G$22=$B$24,21,0),MOD($C1832,24)+1)/SUM(INDEX($D$3:$AA$30,INDEX(Jesper!$R$2:$R$366,ROW(INDEX(Jesper!AL$2:AL$366,ROUNDDOWN($C1832/24,0)+1,1))-1)+IF('Standard Profiles'!$G$22=$B$10,7,0)+IF('Standard Profiles'!$G$22=$B$17,14,0)+IF('Standard Profiles'!$G$22=$B$24,21,0),0)),0)</f>
        <v>0</v>
      </c>
      <c r="I1832">
        <f t="shared" si="216"/>
        <v>0.11952508439137675</v>
      </c>
      <c r="J1832">
        <f t="shared" si="217"/>
        <v>0.39841694797125587</v>
      </c>
      <c r="K1832">
        <f t="shared" si="218"/>
        <v>0.59762542195688373</v>
      </c>
      <c r="L1832">
        <f t="shared" si="219"/>
        <v>2.868602025393042</v>
      </c>
      <c r="M1832">
        <f t="shared" si="220"/>
        <v>0</v>
      </c>
      <c r="N1832" s="46">
        <f t="shared" si="221"/>
        <v>45366.916666662306</v>
      </c>
    </row>
    <row r="1833" spans="2:14" x14ac:dyDescent="0.3">
      <c r="B1833">
        <f t="shared" si="215"/>
        <v>5</v>
      </c>
      <c r="C1833" s="16">
        <v>1799</v>
      </c>
      <c r="D1833" cm="1">
        <f t="array" ref="D1833">IFERROR(INDEX(Jesper!AH$2:AH$366,ROUNDDOWN($C1833/24,0)+1,1)*INDEX($D$3:$AA$30,INDEX(Jesper!$R$2:$R$366,ROW(INDEX(Jesper!AH$2:AH$366,ROUNDDOWN($C1833/24,0)+1,1))-1)+IF('Standard Profiles'!$G$18=$B$10,7,0)+IF('Standard Profiles'!$G$18=$B$17,14,0)+IF('Standard Profiles'!$G$18=$B$24,21,0),MOD($C1833,24)+1)/SUM(INDEX($D$3:$AA$30,INDEX(Jesper!$R$2:$R$366,ROW(INDEX(Jesper!AH$2:AH$366,ROUNDDOWN($C1833/24,0)+1,1))-1)+IF('Standard Profiles'!$G$18=$B$10,7,0)+IF('Standard Profiles'!$G$18=$B$17,14,0)+IF('Standard Profiles'!$G$18=$B$24,21,0),0)),0)</f>
        <v>3.9841694797125586</v>
      </c>
      <c r="E1833" cm="1">
        <f t="array" ref="E1833">IFERROR(INDEX(Jesper!AI$2:AI$366,ROUNDDOWN($C1833/24,0)+1,1)*INDEX($D$3:$AA$30,INDEX(Jesper!$R$2:$R$366,ROW(INDEX(Jesper!AI$2:AI$366,ROUNDDOWN($C1833/24,0)+1,1))-1)+IF('Standard Profiles'!$G$19=$B$10,7,0)+IF('Standard Profiles'!$G$19=$B$17,14,0)+IF('Standard Profiles'!$G$19=$B$24,21,0),MOD($C1833,24)+1)/SUM(INDEX($D$3:$AA$30,INDEX(Jesper!$R$2:$R$366,ROW(INDEX(Jesper!AI$2:AI$366,ROUNDDOWN($C1833/24,0)+1,1))-1)+IF('Standard Profiles'!$G$19=$B$10,7,0)+IF('Standard Profiles'!$G$19=$B$17,14,0)+IF('Standard Profiles'!$G$19=$B$24,21,0),0)),0)</f>
        <v>0</v>
      </c>
      <c r="F1833" cm="1">
        <f t="array" ref="F1833">IFERROR(INDEX(Jesper!AJ$2:AJ$366,ROUNDDOWN($C1833/24,0)+1,1)*INDEX($D$3:$AA$30,INDEX(Jesper!$R$2:$R$366,ROW(INDEX(Jesper!AJ$2:AJ$366,ROUNDDOWN($C1833/24,0)+1,1))-1)+IF('Standard Profiles'!$G$20=$B$10,7,0)+IF('Standard Profiles'!$G$20=$B$17,14,0)+IF('Standard Profiles'!$G$20=$B$24,21,0),MOD($C1833,24)+1)/SUM(INDEX($D$3:$AA$30,INDEX(Jesper!$R$2:$R$366,ROW(INDEX(Jesper!AJ$2:AJ$366,ROUNDDOWN($C1833/24,0)+1,1))-1)+IF('Standard Profiles'!$G$20=$B$10,7,0)+IF('Standard Profiles'!$G$20=$B$17,14,0)+IF('Standard Profiles'!$G$20=$B$24,21,0),0)),0)</f>
        <v>0</v>
      </c>
      <c r="G1833" cm="1">
        <f t="array" ref="G1833">IFERROR(INDEX(Jesper!AK$2:AK$366,ROUNDDOWN($C1833/24,0)+1,1)*INDEX($D$3:$AA$30,INDEX(Jesper!$R$2:$R$366,ROW(INDEX(Jesper!AK$2:AK$366,ROUNDDOWN($C1833/24,0)+1,1))-1)+IF('Standard Profiles'!$G$21=$B$10,7,0)+IF('Standard Profiles'!$G$21=$B$17,14,0)+IF('Standard Profiles'!$G$21=$B$24,21,0),MOD($C1833,24)+1)/SUM(INDEX($D$3:$AA$30,INDEX(Jesper!$R$2:$R$366,ROW(INDEX(Jesper!AK$2:AK$366,ROUNDDOWN($C1833/24,0)+1,1))-1)+IF('Standard Profiles'!$G$21=$B$10,7,0)+IF('Standard Profiles'!$G$21=$B$17,14,0)+IF('Standard Profiles'!$G$21=$B$24,21,0),0)),0)</f>
        <v>0</v>
      </c>
      <c r="H1833" cm="1">
        <f t="array" ref="H1833">IFERROR(INDEX(Jesper!AL$2:AL$366,ROUNDDOWN($C1833/24,0)+1,1)*INDEX($D$3:$AA$30,INDEX(Jesper!$R$2:$R$366,ROW(INDEX(Jesper!AL$2:AL$366,ROUNDDOWN($C1833/24,0)+1,1))-1)+IF('Standard Profiles'!$G$22=$B$10,7,0)+IF('Standard Profiles'!$G$22=$B$17,14,0)+IF('Standard Profiles'!$G$22=$B$24,21,0),MOD($C1833,24)+1)/SUM(INDEX($D$3:$AA$30,INDEX(Jesper!$R$2:$R$366,ROW(INDEX(Jesper!AL$2:AL$366,ROUNDDOWN($C1833/24,0)+1,1))-1)+IF('Standard Profiles'!$G$22=$B$10,7,0)+IF('Standard Profiles'!$G$22=$B$17,14,0)+IF('Standard Profiles'!$G$22=$B$24,21,0),0)),0)</f>
        <v>0</v>
      </c>
      <c r="I1833">
        <f t="shared" si="216"/>
        <v>0.11952508439137675</v>
      </c>
      <c r="J1833">
        <f t="shared" si="217"/>
        <v>0.39841694797125587</v>
      </c>
      <c r="K1833">
        <f t="shared" si="218"/>
        <v>0.59762542195688373</v>
      </c>
      <c r="L1833">
        <f t="shared" si="219"/>
        <v>2.868602025393042</v>
      </c>
      <c r="M1833">
        <f t="shared" si="220"/>
        <v>0</v>
      </c>
      <c r="N1833" s="46">
        <f t="shared" si="221"/>
        <v>45366.95833332897</v>
      </c>
    </row>
    <row r="1834" spans="2:14" x14ac:dyDescent="0.3">
      <c r="B1834">
        <f t="shared" si="215"/>
        <v>6</v>
      </c>
      <c r="C1834" s="16">
        <v>1800</v>
      </c>
      <c r="D1834" cm="1">
        <f t="array" ref="D1834">IFERROR(INDEX(Jesper!AH$2:AH$366,ROUNDDOWN($C1834/24,0)+1,1)*INDEX($D$3:$AA$30,INDEX(Jesper!$R$2:$R$366,ROW(INDEX(Jesper!AH$2:AH$366,ROUNDDOWN($C1834/24,0)+1,1))-1)+IF('Standard Profiles'!$G$18=$B$10,7,0)+IF('Standard Profiles'!$G$18=$B$17,14,0)+IF('Standard Profiles'!$G$18=$B$24,21,0),MOD($C1834,24)+1)/SUM(INDEX($D$3:$AA$30,INDEX(Jesper!$R$2:$R$366,ROW(INDEX(Jesper!AH$2:AH$366,ROUNDDOWN($C1834/24,0)+1,1))-1)+IF('Standard Profiles'!$G$18=$B$10,7,0)+IF('Standard Profiles'!$G$18=$B$17,14,0)+IF('Standard Profiles'!$G$18=$B$24,21,0),0)),0)</f>
        <v>4.0703672654693648</v>
      </c>
      <c r="E1834" cm="1">
        <f t="array" ref="E1834">IFERROR(INDEX(Jesper!AI$2:AI$366,ROUNDDOWN($C1834/24,0)+1,1)*INDEX($D$3:$AA$30,INDEX(Jesper!$R$2:$R$366,ROW(INDEX(Jesper!AI$2:AI$366,ROUNDDOWN($C1834/24,0)+1,1))-1)+IF('Standard Profiles'!$G$19=$B$10,7,0)+IF('Standard Profiles'!$G$19=$B$17,14,0)+IF('Standard Profiles'!$G$19=$B$24,21,0),MOD($C1834,24)+1)/SUM(INDEX($D$3:$AA$30,INDEX(Jesper!$R$2:$R$366,ROW(INDEX(Jesper!AI$2:AI$366,ROUNDDOWN($C1834/24,0)+1,1))-1)+IF('Standard Profiles'!$G$19=$B$10,7,0)+IF('Standard Profiles'!$G$19=$B$17,14,0)+IF('Standard Profiles'!$G$19=$B$24,21,0),0)),0)</f>
        <v>0.86662479273267623</v>
      </c>
      <c r="F1834" cm="1">
        <f t="array" ref="F1834">IFERROR(INDEX(Jesper!AJ$2:AJ$366,ROUNDDOWN($C1834/24,0)+1,1)*INDEX($D$3:$AA$30,INDEX(Jesper!$R$2:$R$366,ROW(INDEX(Jesper!AJ$2:AJ$366,ROUNDDOWN($C1834/24,0)+1,1))-1)+IF('Standard Profiles'!$G$20=$B$10,7,0)+IF('Standard Profiles'!$G$20=$B$17,14,0)+IF('Standard Profiles'!$G$20=$B$24,21,0),MOD($C1834,24)+1)/SUM(INDEX($D$3:$AA$30,INDEX(Jesper!$R$2:$R$366,ROW(INDEX(Jesper!AJ$2:AJ$366,ROUNDDOWN($C1834/24,0)+1,1))-1)+IF('Standard Profiles'!$G$20=$B$10,7,0)+IF('Standard Profiles'!$G$20=$B$17,14,0)+IF('Standard Profiles'!$G$20=$B$24,21,0),0)),0)</f>
        <v>0</v>
      </c>
      <c r="G1834" cm="1">
        <f t="array" ref="G1834">IFERROR(INDEX(Jesper!AK$2:AK$366,ROUNDDOWN($C1834/24,0)+1,1)*INDEX($D$3:$AA$30,INDEX(Jesper!$R$2:$R$366,ROW(INDEX(Jesper!AK$2:AK$366,ROUNDDOWN($C1834/24,0)+1,1))-1)+IF('Standard Profiles'!$G$21=$B$10,7,0)+IF('Standard Profiles'!$G$21=$B$17,14,0)+IF('Standard Profiles'!$G$21=$B$24,21,0),MOD($C1834,24)+1)/SUM(INDEX($D$3:$AA$30,INDEX(Jesper!$R$2:$R$366,ROW(INDEX(Jesper!AK$2:AK$366,ROUNDDOWN($C1834/24,0)+1,1))-1)+IF('Standard Profiles'!$G$21=$B$10,7,0)+IF('Standard Profiles'!$G$21=$B$17,14,0)+IF('Standard Profiles'!$G$21=$B$24,21,0),0)),0)</f>
        <v>0</v>
      </c>
      <c r="H1834" cm="1">
        <f t="array" ref="H1834">IFERROR(INDEX(Jesper!AL$2:AL$366,ROUNDDOWN($C1834/24,0)+1,1)*INDEX($D$3:$AA$30,INDEX(Jesper!$R$2:$R$366,ROW(INDEX(Jesper!AL$2:AL$366,ROUNDDOWN($C1834/24,0)+1,1))-1)+IF('Standard Profiles'!$G$22=$B$10,7,0)+IF('Standard Profiles'!$G$22=$B$17,14,0)+IF('Standard Profiles'!$G$22=$B$24,21,0),MOD($C1834,24)+1)/SUM(INDEX($D$3:$AA$30,INDEX(Jesper!$R$2:$R$366,ROW(INDEX(Jesper!AL$2:AL$366,ROUNDDOWN($C1834/24,0)+1,1))-1)+IF('Standard Profiles'!$G$22=$B$10,7,0)+IF('Standard Profiles'!$G$22=$B$17,14,0)+IF('Standard Profiles'!$G$22=$B$24,21,0),0)),0)</f>
        <v>0</v>
      </c>
      <c r="I1834">
        <f t="shared" si="216"/>
        <v>7.8074305651592471E-2</v>
      </c>
      <c r="J1834">
        <f t="shared" si="217"/>
        <v>0.2602476855053083</v>
      </c>
      <c r="K1834">
        <f t="shared" si="218"/>
        <v>0.3903715282579624</v>
      </c>
      <c r="L1834">
        <f t="shared" si="219"/>
        <v>4.2082985387871776</v>
      </c>
      <c r="M1834">
        <f t="shared" si="220"/>
        <v>0</v>
      </c>
      <c r="N1834" s="46">
        <f t="shared" si="221"/>
        <v>45366.999999995634</v>
      </c>
    </row>
    <row r="1835" spans="2:14" x14ac:dyDescent="0.3">
      <c r="B1835">
        <f t="shared" si="215"/>
        <v>6</v>
      </c>
      <c r="C1835" s="16">
        <v>1801</v>
      </c>
      <c r="D1835" cm="1">
        <f t="array" ref="D1835">IFERROR(INDEX(Jesper!AH$2:AH$366,ROUNDDOWN($C1835/24,0)+1,1)*INDEX($D$3:$AA$30,INDEX(Jesper!$R$2:$R$366,ROW(INDEX(Jesper!AH$2:AH$366,ROUNDDOWN($C1835/24,0)+1,1))-1)+IF('Standard Profiles'!$G$18=$B$10,7,0)+IF('Standard Profiles'!$G$18=$B$17,14,0)+IF('Standard Profiles'!$G$18=$B$24,21,0),MOD($C1835,24)+1)/SUM(INDEX($D$3:$AA$30,INDEX(Jesper!$R$2:$R$366,ROW(INDEX(Jesper!AH$2:AH$366,ROUNDDOWN($C1835/24,0)+1,1))-1)+IF('Standard Profiles'!$G$18=$B$10,7,0)+IF('Standard Profiles'!$G$18=$B$17,14,0)+IF('Standard Profiles'!$G$18=$B$24,21,0),0)),0)</f>
        <v>7.9469075182973326</v>
      </c>
      <c r="E1835" cm="1">
        <f t="array" ref="E1835">IFERROR(INDEX(Jesper!AI$2:AI$366,ROUNDDOWN($C1835/24,0)+1,1)*INDEX($D$3:$AA$30,INDEX(Jesper!$R$2:$R$366,ROW(INDEX(Jesper!AI$2:AI$366,ROUNDDOWN($C1835/24,0)+1,1))-1)+IF('Standard Profiles'!$G$19=$B$10,7,0)+IF('Standard Profiles'!$G$19=$B$17,14,0)+IF('Standard Profiles'!$G$19=$B$24,21,0),MOD($C1835,24)+1)/SUM(INDEX($D$3:$AA$30,INDEX(Jesper!$R$2:$R$366,ROW(INDEX(Jesper!AI$2:AI$366,ROUNDDOWN($C1835/24,0)+1,1))-1)+IF('Standard Profiles'!$G$19=$B$10,7,0)+IF('Standard Profiles'!$G$19=$B$17,14,0)+IF('Standard Profiles'!$G$19=$B$24,21,0),0)),0)</f>
        <v>1.6919817381923681</v>
      </c>
      <c r="F1835" cm="1">
        <f t="array" ref="F1835">IFERROR(INDEX(Jesper!AJ$2:AJ$366,ROUNDDOWN($C1835/24,0)+1,1)*INDEX($D$3:$AA$30,INDEX(Jesper!$R$2:$R$366,ROW(INDEX(Jesper!AJ$2:AJ$366,ROUNDDOWN($C1835/24,0)+1,1))-1)+IF('Standard Profiles'!$G$20=$B$10,7,0)+IF('Standard Profiles'!$G$20=$B$17,14,0)+IF('Standard Profiles'!$G$20=$B$24,21,0),MOD($C1835,24)+1)/SUM(INDEX($D$3:$AA$30,INDEX(Jesper!$R$2:$R$366,ROW(INDEX(Jesper!AJ$2:AJ$366,ROUNDDOWN($C1835/24,0)+1,1))-1)+IF('Standard Profiles'!$G$20=$B$10,7,0)+IF('Standard Profiles'!$G$20=$B$17,14,0)+IF('Standard Profiles'!$G$20=$B$24,21,0),0)),0)</f>
        <v>0</v>
      </c>
      <c r="G1835" cm="1">
        <f t="array" ref="G1835">IFERROR(INDEX(Jesper!AK$2:AK$366,ROUNDDOWN($C1835/24,0)+1,1)*INDEX($D$3:$AA$30,INDEX(Jesper!$R$2:$R$366,ROW(INDEX(Jesper!AK$2:AK$366,ROUNDDOWN($C1835/24,0)+1,1))-1)+IF('Standard Profiles'!$G$21=$B$10,7,0)+IF('Standard Profiles'!$G$21=$B$17,14,0)+IF('Standard Profiles'!$G$21=$B$24,21,0),MOD($C1835,24)+1)/SUM(INDEX($D$3:$AA$30,INDEX(Jesper!$R$2:$R$366,ROW(INDEX(Jesper!AK$2:AK$366,ROUNDDOWN($C1835/24,0)+1,1))-1)+IF('Standard Profiles'!$G$21=$B$10,7,0)+IF('Standard Profiles'!$G$21=$B$17,14,0)+IF('Standard Profiles'!$G$21=$B$24,21,0),0)),0)</f>
        <v>0</v>
      </c>
      <c r="H1835" cm="1">
        <f t="array" ref="H1835">IFERROR(INDEX(Jesper!AL$2:AL$366,ROUNDDOWN($C1835/24,0)+1,1)*INDEX($D$3:$AA$30,INDEX(Jesper!$R$2:$R$366,ROW(INDEX(Jesper!AL$2:AL$366,ROUNDDOWN($C1835/24,0)+1,1))-1)+IF('Standard Profiles'!$G$22=$B$10,7,0)+IF('Standard Profiles'!$G$22=$B$17,14,0)+IF('Standard Profiles'!$G$22=$B$24,21,0),MOD($C1835,24)+1)/SUM(INDEX($D$3:$AA$30,INDEX(Jesper!$R$2:$R$366,ROW(INDEX(Jesper!AL$2:AL$366,ROUNDDOWN($C1835/24,0)+1,1))-1)+IF('Standard Profiles'!$G$22=$B$10,7,0)+IF('Standard Profiles'!$G$22=$B$17,14,0)+IF('Standard Profiles'!$G$22=$B$24,21,0),0)),0)</f>
        <v>0</v>
      </c>
      <c r="I1835">
        <f t="shared" si="216"/>
        <v>0.15243078722453771</v>
      </c>
      <c r="J1835">
        <f t="shared" si="217"/>
        <v>0.50810262408179241</v>
      </c>
      <c r="K1835">
        <f t="shared" si="218"/>
        <v>0.76215393612268867</v>
      </c>
      <c r="L1835">
        <f t="shared" si="219"/>
        <v>8.2162019090606826</v>
      </c>
      <c r="M1835">
        <f t="shared" si="220"/>
        <v>0</v>
      </c>
      <c r="N1835" s="46">
        <f t="shared" si="221"/>
        <v>45367.041666662299</v>
      </c>
    </row>
    <row r="1836" spans="2:14" x14ac:dyDescent="0.3">
      <c r="B1836">
        <f t="shared" si="215"/>
        <v>6</v>
      </c>
      <c r="C1836" s="16">
        <v>1802</v>
      </c>
      <c r="D1836" cm="1">
        <f t="array" ref="D1836">IFERROR(INDEX(Jesper!AH$2:AH$366,ROUNDDOWN($C1836/24,0)+1,1)*INDEX($D$3:$AA$30,INDEX(Jesper!$R$2:$R$366,ROW(INDEX(Jesper!AH$2:AH$366,ROUNDDOWN($C1836/24,0)+1,1))-1)+IF('Standard Profiles'!$G$18=$B$10,7,0)+IF('Standard Profiles'!$G$18=$B$17,14,0)+IF('Standard Profiles'!$G$18=$B$24,21,0),MOD($C1836,24)+1)/SUM(INDEX($D$3:$AA$30,INDEX(Jesper!$R$2:$R$366,ROW(INDEX(Jesper!AH$2:AH$366,ROUNDDOWN($C1836/24,0)+1,1))-1)+IF('Standard Profiles'!$G$18=$B$10,7,0)+IF('Standard Profiles'!$G$18=$B$17,14,0)+IF('Standard Profiles'!$G$18=$B$24,21,0),0)),0)</f>
        <v>7.9469075182973326</v>
      </c>
      <c r="E1836" cm="1">
        <f t="array" ref="E1836">IFERROR(INDEX(Jesper!AI$2:AI$366,ROUNDDOWN($C1836/24,0)+1,1)*INDEX($D$3:$AA$30,INDEX(Jesper!$R$2:$R$366,ROW(INDEX(Jesper!AI$2:AI$366,ROUNDDOWN($C1836/24,0)+1,1))-1)+IF('Standard Profiles'!$G$19=$B$10,7,0)+IF('Standard Profiles'!$G$19=$B$17,14,0)+IF('Standard Profiles'!$G$19=$B$24,21,0),MOD($C1836,24)+1)/SUM(INDEX($D$3:$AA$30,INDEX(Jesper!$R$2:$R$366,ROW(INDEX(Jesper!AI$2:AI$366,ROUNDDOWN($C1836/24,0)+1,1))-1)+IF('Standard Profiles'!$G$19=$B$10,7,0)+IF('Standard Profiles'!$G$19=$B$17,14,0)+IF('Standard Profiles'!$G$19=$B$24,21,0),0)),0)</f>
        <v>1.6919817381923681</v>
      </c>
      <c r="F1836" cm="1">
        <f t="array" ref="F1836">IFERROR(INDEX(Jesper!AJ$2:AJ$366,ROUNDDOWN($C1836/24,0)+1,1)*INDEX($D$3:$AA$30,INDEX(Jesper!$R$2:$R$366,ROW(INDEX(Jesper!AJ$2:AJ$366,ROUNDDOWN($C1836/24,0)+1,1))-1)+IF('Standard Profiles'!$G$20=$B$10,7,0)+IF('Standard Profiles'!$G$20=$B$17,14,0)+IF('Standard Profiles'!$G$20=$B$24,21,0),MOD($C1836,24)+1)/SUM(INDEX($D$3:$AA$30,INDEX(Jesper!$R$2:$R$366,ROW(INDEX(Jesper!AJ$2:AJ$366,ROUNDDOWN($C1836/24,0)+1,1))-1)+IF('Standard Profiles'!$G$20=$B$10,7,0)+IF('Standard Profiles'!$G$20=$B$17,14,0)+IF('Standard Profiles'!$G$20=$B$24,21,0),0)),0)</f>
        <v>0</v>
      </c>
      <c r="G1836" cm="1">
        <f t="array" ref="G1836">IFERROR(INDEX(Jesper!AK$2:AK$366,ROUNDDOWN($C1836/24,0)+1,1)*INDEX($D$3:$AA$30,INDEX(Jesper!$R$2:$R$366,ROW(INDEX(Jesper!AK$2:AK$366,ROUNDDOWN($C1836/24,0)+1,1))-1)+IF('Standard Profiles'!$G$21=$B$10,7,0)+IF('Standard Profiles'!$G$21=$B$17,14,0)+IF('Standard Profiles'!$G$21=$B$24,21,0),MOD($C1836,24)+1)/SUM(INDEX($D$3:$AA$30,INDEX(Jesper!$R$2:$R$366,ROW(INDEX(Jesper!AK$2:AK$366,ROUNDDOWN($C1836/24,0)+1,1))-1)+IF('Standard Profiles'!$G$21=$B$10,7,0)+IF('Standard Profiles'!$G$21=$B$17,14,0)+IF('Standard Profiles'!$G$21=$B$24,21,0),0)),0)</f>
        <v>0</v>
      </c>
      <c r="H1836" cm="1">
        <f t="array" ref="H1836">IFERROR(INDEX(Jesper!AL$2:AL$366,ROUNDDOWN($C1836/24,0)+1,1)*INDEX($D$3:$AA$30,INDEX(Jesper!$R$2:$R$366,ROW(INDEX(Jesper!AL$2:AL$366,ROUNDDOWN($C1836/24,0)+1,1))-1)+IF('Standard Profiles'!$G$22=$B$10,7,0)+IF('Standard Profiles'!$G$22=$B$17,14,0)+IF('Standard Profiles'!$G$22=$B$24,21,0),MOD($C1836,24)+1)/SUM(INDEX($D$3:$AA$30,INDEX(Jesper!$R$2:$R$366,ROW(INDEX(Jesper!AL$2:AL$366,ROUNDDOWN($C1836/24,0)+1,1))-1)+IF('Standard Profiles'!$G$22=$B$10,7,0)+IF('Standard Profiles'!$G$22=$B$17,14,0)+IF('Standard Profiles'!$G$22=$B$24,21,0),0)),0)</f>
        <v>0</v>
      </c>
      <c r="I1836">
        <f t="shared" si="216"/>
        <v>0.15243078722453771</v>
      </c>
      <c r="J1836">
        <f t="shared" si="217"/>
        <v>0.50810262408179241</v>
      </c>
      <c r="K1836">
        <f t="shared" si="218"/>
        <v>0.76215393612268867</v>
      </c>
      <c r="L1836">
        <f t="shared" si="219"/>
        <v>8.2162019090606826</v>
      </c>
      <c r="M1836">
        <f t="shared" si="220"/>
        <v>0</v>
      </c>
      <c r="N1836" s="46">
        <f t="shared" si="221"/>
        <v>45367.083333328963</v>
      </c>
    </row>
    <row r="1837" spans="2:14" x14ac:dyDescent="0.3">
      <c r="B1837">
        <f t="shared" si="215"/>
        <v>6</v>
      </c>
      <c r="C1837" s="16">
        <v>1803</v>
      </c>
      <c r="D1837" cm="1">
        <f t="array" ref="D1837">IFERROR(INDEX(Jesper!AH$2:AH$366,ROUNDDOWN($C1837/24,0)+1,1)*INDEX($D$3:$AA$30,INDEX(Jesper!$R$2:$R$366,ROW(INDEX(Jesper!AH$2:AH$366,ROUNDDOWN($C1837/24,0)+1,1))-1)+IF('Standard Profiles'!$G$18=$B$10,7,0)+IF('Standard Profiles'!$G$18=$B$17,14,0)+IF('Standard Profiles'!$G$18=$B$24,21,0),MOD($C1837,24)+1)/SUM(INDEX($D$3:$AA$30,INDEX(Jesper!$R$2:$R$366,ROW(INDEX(Jesper!AH$2:AH$366,ROUNDDOWN($C1837/24,0)+1,1))-1)+IF('Standard Profiles'!$G$18=$B$10,7,0)+IF('Standard Profiles'!$G$18=$B$17,14,0)+IF('Standard Profiles'!$G$18=$B$24,21,0),0)),0)</f>
        <v>7.9469075182973326</v>
      </c>
      <c r="E1837" cm="1">
        <f t="array" ref="E1837">IFERROR(INDEX(Jesper!AI$2:AI$366,ROUNDDOWN($C1837/24,0)+1,1)*INDEX($D$3:$AA$30,INDEX(Jesper!$R$2:$R$366,ROW(INDEX(Jesper!AI$2:AI$366,ROUNDDOWN($C1837/24,0)+1,1))-1)+IF('Standard Profiles'!$G$19=$B$10,7,0)+IF('Standard Profiles'!$G$19=$B$17,14,0)+IF('Standard Profiles'!$G$19=$B$24,21,0),MOD($C1837,24)+1)/SUM(INDEX($D$3:$AA$30,INDEX(Jesper!$R$2:$R$366,ROW(INDEX(Jesper!AI$2:AI$366,ROUNDDOWN($C1837/24,0)+1,1))-1)+IF('Standard Profiles'!$G$19=$B$10,7,0)+IF('Standard Profiles'!$G$19=$B$17,14,0)+IF('Standard Profiles'!$G$19=$B$24,21,0),0)),0)</f>
        <v>1.6919817381923681</v>
      </c>
      <c r="F1837" cm="1">
        <f t="array" ref="F1837">IFERROR(INDEX(Jesper!AJ$2:AJ$366,ROUNDDOWN($C1837/24,0)+1,1)*INDEX($D$3:$AA$30,INDEX(Jesper!$R$2:$R$366,ROW(INDEX(Jesper!AJ$2:AJ$366,ROUNDDOWN($C1837/24,0)+1,1))-1)+IF('Standard Profiles'!$G$20=$B$10,7,0)+IF('Standard Profiles'!$G$20=$B$17,14,0)+IF('Standard Profiles'!$G$20=$B$24,21,0),MOD($C1837,24)+1)/SUM(INDEX($D$3:$AA$30,INDEX(Jesper!$R$2:$R$366,ROW(INDEX(Jesper!AJ$2:AJ$366,ROUNDDOWN($C1837/24,0)+1,1))-1)+IF('Standard Profiles'!$G$20=$B$10,7,0)+IF('Standard Profiles'!$G$20=$B$17,14,0)+IF('Standard Profiles'!$G$20=$B$24,21,0),0)),0)</f>
        <v>0</v>
      </c>
      <c r="G1837" cm="1">
        <f t="array" ref="G1837">IFERROR(INDEX(Jesper!AK$2:AK$366,ROUNDDOWN($C1837/24,0)+1,1)*INDEX($D$3:$AA$30,INDEX(Jesper!$R$2:$R$366,ROW(INDEX(Jesper!AK$2:AK$366,ROUNDDOWN($C1837/24,0)+1,1))-1)+IF('Standard Profiles'!$G$21=$B$10,7,0)+IF('Standard Profiles'!$G$21=$B$17,14,0)+IF('Standard Profiles'!$G$21=$B$24,21,0),MOD($C1837,24)+1)/SUM(INDEX($D$3:$AA$30,INDEX(Jesper!$R$2:$R$366,ROW(INDEX(Jesper!AK$2:AK$366,ROUNDDOWN($C1837/24,0)+1,1))-1)+IF('Standard Profiles'!$G$21=$B$10,7,0)+IF('Standard Profiles'!$G$21=$B$17,14,0)+IF('Standard Profiles'!$G$21=$B$24,21,0),0)),0)</f>
        <v>0</v>
      </c>
      <c r="H1837" cm="1">
        <f t="array" ref="H1837">IFERROR(INDEX(Jesper!AL$2:AL$366,ROUNDDOWN($C1837/24,0)+1,1)*INDEX($D$3:$AA$30,INDEX(Jesper!$R$2:$R$366,ROW(INDEX(Jesper!AL$2:AL$366,ROUNDDOWN($C1837/24,0)+1,1))-1)+IF('Standard Profiles'!$G$22=$B$10,7,0)+IF('Standard Profiles'!$G$22=$B$17,14,0)+IF('Standard Profiles'!$G$22=$B$24,21,0),MOD($C1837,24)+1)/SUM(INDEX($D$3:$AA$30,INDEX(Jesper!$R$2:$R$366,ROW(INDEX(Jesper!AL$2:AL$366,ROUNDDOWN($C1837/24,0)+1,1))-1)+IF('Standard Profiles'!$G$22=$B$10,7,0)+IF('Standard Profiles'!$G$22=$B$17,14,0)+IF('Standard Profiles'!$G$22=$B$24,21,0),0)),0)</f>
        <v>0</v>
      </c>
      <c r="I1837">
        <f t="shared" si="216"/>
        <v>0.15243078722453771</v>
      </c>
      <c r="J1837">
        <f t="shared" si="217"/>
        <v>0.50810262408179241</v>
      </c>
      <c r="K1837">
        <f t="shared" si="218"/>
        <v>0.76215393612268867</v>
      </c>
      <c r="L1837">
        <f t="shared" si="219"/>
        <v>8.2162019090606826</v>
      </c>
      <c r="M1837">
        <f t="shared" si="220"/>
        <v>0</v>
      </c>
      <c r="N1837" s="46">
        <f t="shared" si="221"/>
        <v>45367.124999995627</v>
      </c>
    </row>
    <row r="1838" spans="2:14" x14ac:dyDescent="0.3">
      <c r="B1838">
        <f t="shared" si="215"/>
        <v>6</v>
      </c>
      <c r="C1838" s="16">
        <v>1804</v>
      </c>
      <c r="D1838" cm="1">
        <f t="array" ref="D1838">IFERROR(INDEX(Jesper!AH$2:AH$366,ROUNDDOWN($C1838/24,0)+1,1)*INDEX($D$3:$AA$30,INDEX(Jesper!$R$2:$R$366,ROW(INDEX(Jesper!AH$2:AH$366,ROUNDDOWN($C1838/24,0)+1,1))-1)+IF('Standard Profiles'!$G$18=$B$10,7,0)+IF('Standard Profiles'!$G$18=$B$17,14,0)+IF('Standard Profiles'!$G$18=$B$24,21,0),MOD($C1838,24)+1)/SUM(INDEX($D$3:$AA$30,INDEX(Jesper!$R$2:$R$366,ROW(INDEX(Jesper!AH$2:AH$366,ROUNDDOWN($C1838/24,0)+1,1))-1)+IF('Standard Profiles'!$G$18=$B$10,7,0)+IF('Standard Profiles'!$G$18=$B$17,14,0)+IF('Standard Profiles'!$G$18=$B$24,21,0),0)),0)</f>
        <v>7.9469075182973326</v>
      </c>
      <c r="E1838" cm="1">
        <f t="array" ref="E1838">IFERROR(INDEX(Jesper!AI$2:AI$366,ROUNDDOWN($C1838/24,0)+1,1)*INDEX($D$3:$AA$30,INDEX(Jesper!$R$2:$R$366,ROW(INDEX(Jesper!AI$2:AI$366,ROUNDDOWN($C1838/24,0)+1,1))-1)+IF('Standard Profiles'!$G$19=$B$10,7,0)+IF('Standard Profiles'!$G$19=$B$17,14,0)+IF('Standard Profiles'!$G$19=$B$24,21,0),MOD($C1838,24)+1)/SUM(INDEX($D$3:$AA$30,INDEX(Jesper!$R$2:$R$366,ROW(INDEX(Jesper!AI$2:AI$366,ROUNDDOWN($C1838/24,0)+1,1))-1)+IF('Standard Profiles'!$G$19=$B$10,7,0)+IF('Standard Profiles'!$G$19=$B$17,14,0)+IF('Standard Profiles'!$G$19=$B$24,21,0),0)),0)</f>
        <v>1.6919817381923681</v>
      </c>
      <c r="F1838" cm="1">
        <f t="array" ref="F1838">IFERROR(INDEX(Jesper!AJ$2:AJ$366,ROUNDDOWN($C1838/24,0)+1,1)*INDEX($D$3:$AA$30,INDEX(Jesper!$R$2:$R$366,ROW(INDEX(Jesper!AJ$2:AJ$366,ROUNDDOWN($C1838/24,0)+1,1))-1)+IF('Standard Profiles'!$G$20=$B$10,7,0)+IF('Standard Profiles'!$G$20=$B$17,14,0)+IF('Standard Profiles'!$G$20=$B$24,21,0),MOD($C1838,24)+1)/SUM(INDEX($D$3:$AA$30,INDEX(Jesper!$R$2:$R$366,ROW(INDEX(Jesper!AJ$2:AJ$366,ROUNDDOWN($C1838/24,0)+1,1))-1)+IF('Standard Profiles'!$G$20=$B$10,7,0)+IF('Standard Profiles'!$G$20=$B$17,14,0)+IF('Standard Profiles'!$G$20=$B$24,21,0),0)),0)</f>
        <v>0</v>
      </c>
      <c r="G1838" cm="1">
        <f t="array" ref="G1838">IFERROR(INDEX(Jesper!AK$2:AK$366,ROUNDDOWN($C1838/24,0)+1,1)*INDEX($D$3:$AA$30,INDEX(Jesper!$R$2:$R$366,ROW(INDEX(Jesper!AK$2:AK$366,ROUNDDOWN($C1838/24,0)+1,1))-1)+IF('Standard Profiles'!$G$21=$B$10,7,0)+IF('Standard Profiles'!$G$21=$B$17,14,0)+IF('Standard Profiles'!$G$21=$B$24,21,0),MOD($C1838,24)+1)/SUM(INDEX($D$3:$AA$30,INDEX(Jesper!$R$2:$R$366,ROW(INDEX(Jesper!AK$2:AK$366,ROUNDDOWN($C1838/24,0)+1,1))-1)+IF('Standard Profiles'!$G$21=$B$10,7,0)+IF('Standard Profiles'!$G$21=$B$17,14,0)+IF('Standard Profiles'!$G$21=$B$24,21,0),0)),0)</f>
        <v>0</v>
      </c>
      <c r="H1838" cm="1">
        <f t="array" ref="H1838">IFERROR(INDEX(Jesper!AL$2:AL$366,ROUNDDOWN($C1838/24,0)+1,1)*INDEX($D$3:$AA$30,INDEX(Jesper!$R$2:$R$366,ROW(INDEX(Jesper!AL$2:AL$366,ROUNDDOWN($C1838/24,0)+1,1))-1)+IF('Standard Profiles'!$G$22=$B$10,7,0)+IF('Standard Profiles'!$G$22=$B$17,14,0)+IF('Standard Profiles'!$G$22=$B$24,21,0),MOD($C1838,24)+1)/SUM(INDEX($D$3:$AA$30,INDEX(Jesper!$R$2:$R$366,ROW(INDEX(Jesper!AL$2:AL$366,ROUNDDOWN($C1838/24,0)+1,1))-1)+IF('Standard Profiles'!$G$22=$B$10,7,0)+IF('Standard Profiles'!$G$22=$B$17,14,0)+IF('Standard Profiles'!$G$22=$B$24,21,0),0)),0)</f>
        <v>0</v>
      </c>
      <c r="I1838">
        <f t="shared" si="216"/>
        <v>0.15243078722453771</v>
      </c>
      <c r="J1838">
        <f t="shared" si="217"/>
        <v>0.50810262408179241</v>
      </c>
      <c r="K1838">
        <f t="shared" si="218"/>
        <v>0.76215393612268867</v>
      </c>
      <c r="L1838">
        <f t="shared" si="219"/>
        <v>8.2162019090606826</v>
      </c>
      <c r="M1838">
        <f t="shared" si="220"/>
        <v>0</v>
      </c>
      <c r="N1838" s="46">
        <f t="shared" si="221"/>
        <v>45367.166666662291</v>
      </c>
    </row>
    <row r="1839" spans="2:14" x14ac:dyDescent="0.3">
      <c r="B1839">
        <f t="shared" si="215"/>
        <v>6</v>
      </c>
      <c r="C1839" s="16">
        <v>1805</v>
      </c>
      <c r="D1839" cm="1">
        <f t="array" ref="D1839">IFERROR(INDEX(Jesper!AH$2:AH$366,ROUNDDOWN($C1839/24,0)+1,1)*INDEX($D$3:$AA$30,INDEX(Jesper!$R$2:$R$366,ROW(INDEX(Jesper!AH$2:AH$366,ROUNDDOWN($C1839/24,0)+1,1))-1)+IF('Standard Profiles'!$G$18=$B$10,7,0)+IF('Standard Profiles'!$G$18=$B$17,14,0)+IF('Standard Profiles'!$G$18=$B$24,21,0),MOD($C1839,24)+1)/SUM(INDEX($D$3:$AA$30,INDEX(Jesper!$R$2:$R$366,ROW(INDEX(Jesper!AH$2:AH$366,ROUNDDOWN($C1839/24,0)+1,1))-1)+IF('Standard Profiles'!$G$18=$B$10,7,0)+IF('Standard Profiles'!$G$18=$B$17,14,0)+IF('Standard Profiles'!$G$18=$B$24,21,0),0)),0)</f>
        <v>9.885177644711316</v>
      </c>
      <c r="E1839" cm="1">
        <f t="array" ref="E1839">IFERROR(INDEX(Jesper!AI$2:AI$366,ROUNDDOWN($C1839/24,0)+1,1)*INDEX($D$3:$AA$30,INDEX(Jesper!$R$2:$R$366,ROW(INDEX(Jesper!AI$2:AI$366,ROUNDDOWN($C1839/24,0)+1,1))-1)+IF('Standard Profiles'!$G$19=$B$10,7,0)+IF('Standard Profiles'!$G$19=$B$17,14,0)+IF('Standard Profiles'!$G$19=$B$24,21,0),MOD($C1839,24)+1)/SUM(INDEX($D$3:$AA$30,INDEX(Jesper!$R$2:$R$366,ROW(INDEX(Jesper!AI$2:AI$366,ROUNDDOWN($C1839/24,0)+1,1))-1)+IF('Standard Profiles'!$G$19=$B$10,7,0)+IF('Standard Profiles'!$G$19=$B$17,14,0)+IF('Standard Profiles'!$G$19=$B$24,21,0),0)),0)</f>
        <v>2.1046602109222139</v>
      </c>
      <c r="F1839" cm="1">
        <f t="array" ref="F1839">IFERROR(INDEX(Jesper!AJ$2:AJ$366,ROUNDDOWN($C1839/24,0)+1,1)*INDEX($D$3:$AA$30,INDEX(Jesper!$R$2:$R$366,ROW(INDEX(Jesper!AJ$2:AJ$366,ROUNDDOWN($C1839/24,0)+1,1))-1)+IF('Standard Profiles'!$G$20=$B$10,7,0)+IF('Standard Profiles'!$G$20=$B$17,14,0)+IF('Standard Profiles'!$G$20=$B$24,21,0),MOD($C1839,24)+1)/SUM(INDEX($D$3:$AA$30,INDEX(Jesper!$R$2:$R$366,ROW(INDEX(Jesper!AJ$2:AJ$366,ROUNDDOWN($C1839/24,0)+1,1))-1)+IF('Standard Profiles'!$G$20=$B$10,7,0)+IF('Standard Profiles'!$G$20=$B$17,14,0)+IF('Standard Profiles'!$G$20=$B$24,21,0),0)),0)</f>
        <v>0</v>
      </c>
      <c r="G1839" cm="1">
        <f t="array" ref="G1839">IFERROR(INDEX(Jesper!AK$2:AK$366,ROUNDDOWN($C1839/24,0)+1,1)*INDEX($D$3:$AA$30,INDEX(Jesper!$R$2:$R$366,ROW(INDEX(Jesper!AK$2:AK$366,ROUNDDOWN($C1839/24,0)+1,1))-1)+IF('Standard Profiles'!$G$21=$B$10,7,0)+IF('Standard Profiles'!$G$21=$B$17,14,0)+IF('Standard Profiles'!$G$21=$B$24,21,0),MOD($C1839,24)+1)/SUM(INDEX($D$3:$AA$30,INDEX(Jesper!$R$2:$R$366,ROW(INDEX(Jesper!AK$2:AK$366,ROUNDDOWN($C1839/24,0)+1,1))-1)+IF('Standard Profiles'!$G$21=$B$10,7,0)+IF('Standard Profiles'!$G$21=$B$17,14,0)+IF('Standard Profiles'!$G$21=$B$24,21,0),0)),0)</f>
        <v>0</v>
      </c>
      <c r="H1839" cm="1">
        <f t="array" ref="H1839">IFERROR(INDEX(Jesper!AL$2:AL$366,ROUNDDOWN($C1839/24,0)+1,1)*INDEX($D$3:$AA$30,INDEX(Jesper!$R$2:$R$366,ROW(INDEX(Jesper!AL$2:AL$366,ROUNDDOWN($C1839/24,0)+1,1))-1)+IF('Standard Profiles'!$G$22=$B$10,7,0)+IF('Standard Profiles'!$G$22=$B$17,14,0)+IF('Standard Profiles'!$G$22=$B$24,21,0),MOD($C1839,24)+1)/SUM(INDEX($D$3:$AA$30,INDEX(Jesper!$R$2:$R$366,ROW(INDEX(Jesper!AL$2:AL$366,ROUNDDOWN($C1839/24,0)+1,1))-1)+IF('Standard Profiles'!$G$22=$B$10,7,0)+IF('Standard Profiles'!$G$22=$B$17,14,0)+IF('Standard Profiles'!$G$22=$B$24,21,0),0)),0)</f>
        <v>0</v>
      </c>
      <c r="I1839">
        <f t="shared" si="216"/>
        <v>0.18960902801101032</v>
      </c>
      <c r="J1839">
        <f t="shared" si="217"/>
        <v>0.63203009337003446</v>
      </c>
      <c r="K1839">
        <f t="shared" si="218"/>
        <v>0.94804514005505169</v>
      </c>
      <c r="L1839">
        <f t="shared" si="219"/>
        <v>10.220153594197434</v>
      </c>
      <c r="M1839">
        <f t="shared" si="220"/>
        <v>0</v>
      </c>
      <c r="N1839" s="46">
        <f t="shared" si="221"/>
        <v>45367.208333328956</v>
      </c>
    </row>
    <row r="1840" spans="2:14" x14ac:dyDescent="0.3">
      <c r="B1840">
        <f t="shared" si="215"/>
        <v>6</v>
      </c>
      <c r="C1840" s="16">
        <v>1806</v>
      </c>
      <c r="D1840" cm="1">
        <f t="array" ref="D1840">IFERROR(INDEX(Jesper!AH$2:AH$366,ROUNDDOWN($C1840/24,0)+1,1)*INDEX($D$3:$AA$30,INDEX(Jesper!$R$2:$R$366,ROW(INDEX(Jesper!AH$2:AH$366,ROUNDDOWN($C1840/24,0)+1,1))-1)+IF('Standard Profiles'!$G$18=$B$10,7,0)+IF('Standard Profiles'!$G$18=$B$17,14,0)+IF('Standard Profiles'!$G$18=$B$24,21,0),MOD($C1840,24)+1)/SUM(INDEX($D$3:$AA$30,INDEX(Jesper!$R$2:$R$366,ROW(INDEX(Jesper!AH$2:AH$366,ROUNDDOWN($C1840/24,0)+1,1))-1)+IF('Standard Profiles'!$G$18=$B$10,7,0)+IF('Standard Profiles'!$G$18=$B$17,14,0)+IF('Standard Profiles'!$G$18=$B$24,21,0),0)),0)</f>
        <v>12.404928809049494</v>
      </c>
      <c r="E1840" cm="1">
        <f t="array" ref="E1840">IFERROR(INDEX(Jesper!AI$2:AI$366,ROUNDDOWN($C1840/24,0)+1,1)*INDEX($D$3:$AA$30,INDEX(Jesper!$R$2:$R$366,ROW(INDEX(Jesper!AI$2:AI$366,ROUNDDOWN($C1840/24,0)+1,1))-1)+IF('Standard Profiles'!$G$19=$B$10,7,0)+IF('Standard Profiles'!$G$19=$B$17,14,0)+IF('Standard Profiles'!$G$19=$B$24,21,0),MOD($C1840,24)+1)/SUM(INDEX($D$3:$AA$30,INDEX(Jesper!$R$2:$R$366,ROW(INDEX(Jesper!AI$2:AI$366,ROUNDDOWN($C1840/24,0)+1,1))-1)+IF('Standard Profiles'!$G$19=$B$10,7,0)+IF('Standard Profiles'!$G$19=$B$17,14,0)+IF('Standard Profiles'!$G$19=$B$24,21,0),0)),0)</f>
        <v>2.6411422254710137</v>
      </c>
      <c r="F1840" cm="1">
        <f t="array" ref="F1840">IFERROR(INDEX(Jesper!AJ$2:AJ$366,ROUNDDOWN($C1840/24,0)+1,1)*INDEX($D$3:$AA$30,INDEX(Jesper!$R$2:$R$366,ROW(INDEX(Jesper!AJ$2:AJ$366,ROUNDDOWN($C1840/24,0)+1,1))-1)+IF('Standard Profiles'!$G$20=$B$10,7,0)+IF('Standard Profiles'!$G$20=$B$17,14,0)+IF('Standard Profiles'!$G$20=$B$24,21,0),MOD($C1840,24)+1)/SUM(INDEX($D$3:$AA$30,INDEX(Jesper!$R$2:$R$366,ROW(INDEX(Jesper!AJ$2:AJ$366,ROUNDDOWN($C1840/24,0)+1,1))-1)+IF('Standard Profiles'!$G$20=$B$10,7,0)+IF('Standard Profiles'!$G$20=$B$17,14,0)+IF('Standard Profiles'!$G$20=$B$24,21,0),0)),0)</f>
        <v>0</v>
      </c>
      <c r="G1840" cm="1">
        <f t="array" ref="G1840">IFERROR(INDEX(Jesper!AK$2:AK$366,ROUNDDOWN($C1840/24,0)+1,1)*INDEX($D$3:$AA$30,INDEX(Jesper!$R$2:$R$366,ROW(INDEX(Jesper!AK$2:AK$366,ROUNDDOWN($C1840/24,0)+1,1))-1)+IF('Standard Profiles'!$G$21=$B$10,7,0)+IF('Standard Profiles'!$G$21=$B$17,14,0)+IF('Standard Profiles'!$G$21=$B$24,21,0),MOD($C1840,24)+1)/SUM(INDEX($D$3:$AA$30,INDEX(Jesper!$R$2:$R$366,ROW(INDEX(Jesper!AK$2:AK$366,ROUNDDOWN($C1840/24,0)+1,1))-1)+IF('Standard Profiles'!$G$21=$B$10,7,0)+IF('Standard Profiles'!$G$21=$B$17,14,0)+IF('Standard Profiles'!$G$21=$B$24,21,0),0)),0)</f>
        <v>0</v>
      </c>
      <c r="H1840" cm="1">
        <f t="array" ref="H1840">IFERROR(INDEX(Jesper!AL$2:AL$366,ROUNDDOWN($C1840/24,0)+1,1)*INDEX($D$3:$AA$30,INDEX(Jesper!$R$2:$R$366,ROW(INDEX(Jesper!AL$2:AL$366,ROUNDDOWN($C1840/24,0)+1,1))-1)+IF('Standard Profiles'!$G$22=$B$10,7,0)+IF('Standard Profiles'!$G$22=$B$17,14,0)+IF('Standard Profiles'!$G$22=$B$24,21,0),MOD($C1840,24)+1)/SUM(INDEX($D$3:$AA$30,INDEX(Jesper!$R$2:$R$366,ROW(INDEX(Jesper!AL$2:AL$366,ROUNDDOWN($C1840/24,0)+1,1))-1)+IF('Standard Profiles'!$G$22=$B$10,7,0)+IF('Standard Profiles'!$G$22=$B$17,14,0)+IF('Standard Profiles'!$G$22=$B$24,21,0),0)),0)</f>
        <v>0</v>
      </c>
      <c r="I1840">
        <f t="shared" si="216"/>
        <v>0.23794074103342472</v>
      </c>
      <c r="J1840">
        <f t="shared" si="217"/>
        <v>0.79313580344474921</v>
      </c>
      <c r="K1840">
        <f t="shared" si="218"/>
        <v>1.1897037051671238</v>
      </c>
      <c r="L1840">
        <f t="shared" si="219"/>
        <v>12.825290784875211</v>
      </c>
      <c r="M1840">
        <f t="shared" si="220"/>
        <v>0</v>
      </c>
      <c r="N1840" s="46">
        <f t="shared" si="221"/>
        <v>45367.24999999562</v>
      </c>
    </row>
    <row r="1841" spans="2:14" x14ac:dyDescent="0.3">
      <c r="B1841">
        <f t="shared" si="215"/>
        <v>6</v>
      </c>
      <c r="C1841" s="16">
        <v>1807</v>
      </c>
      <c r="D1841" cm="1">
        <f t="array" ref="D1841">IFERROR(INDEX(Jesper!AH$2:AH$366,ROUNDDOWN($C1841/24,0)+1,1)*INDEX($D$3:$AA$30,INDEX(Jesper!$R$2:$R$366,ROW(INDEX(Jesper!AH$2:AH$366,ROUNDDOWN($C1841/24,0)+1,1))-1)+IF('Standard Profiles'!$G$18=$B$10,7,0)+IF('Standard Profiles'!$G$18=$B$17,14,0)+IF('Standard Profiles'!$G$18=$B$24,21,0),MOD($C1841,24)+1)/SUM(INDEX($D$3:$AA$30,INDEX(Jesper!$R$2:$R$366,ROW(INDEX(Jesper!AH$2:AH$366,ROUNDDOWN($C1841/24,0)+1,1))-1)+IF('Standard Profiles'!$G$18=$B$10,7,0)+IF('Standard Profiles'!$G$18=$B$17,14,0)+IF('Standard Profiles'!$G$18=$B$24,21,0),0)),0)</f>
        <v>14.14937192282208</v>
      </c>
      <c r="E1841" cm="1">
        <f t="array" ref="E1841">IFERROR(INDEX(Jesper!AI$2:AI$366,ROUNDDOWN($C1841/24,0)+1,1)*INDEX($D$3:$AA$30,INDEX(Jesper!$R$2:$R$366,ROW(INDEX(Jesper!AI$2:AI$366,ROUNDDOWN($C1841/24,0)+1,1))-1)+IF('Standard Profiles'!$G$19=$B$10,7,0)+IF('Standard Profiles'!$G$19=$B$17,14,0)+IF('Standard Profiles'!$G$19=$B$24,21,0),MOD($C1841,24)+1)/SUM(INDEX($D$3:$AA$30,INDEX(Jesper!$R$2:$R$366,ROW(INDEX(Jesper!AI$2:AI$366,ROUNDDOWN($C1841/24,0)+1,1))-1)+IF('Standard Profiles'!$G$19=$B$10,7,0)+IF('Standard Profiles'!$G$19=$B$17,14,0)+IF('Standard Profiles'!$G$19=$B$24,21,0),0)),0)</f>
        <v>3.0125528509278747</v>
      </c>
      <c r="F1841" cm="1">
        <f t="array" ref="F1841">IFERROR(INDEX(Jesper!AJ$2:AJ$366,ROUNDDOWN($C1841/24,0)+1,1)*INDEX($D$3:$AA$30,INDEX(Jesper!$R$2:$R$366,ROW(INDEX(Jesper!AJ$2:AJ$366,ROUNDDOWN($C1841/24,0)+1,1))-1)+IF('Standard Profiles'!$G$20=$B$10,7,0)+IF('Standard Profiles'!$G$20=$B$17,14,0)+IF('Standard Profiles'!$G$20=$B$24,21,0),MOD($C1841,24)+1)/SUM(INDEX($D$3:$AA$30,INDEX(Jesper!$R$2:$R$366,ROW(INDEX(Jesper!AJ$2:AJ$366,ROUNDDOWN($C1841/24,0)+1,1))-1)+IF('Standard Profiles'!$G$20=$B$10,7,0)+IF('Standard Profiles'!$G$20=$B$17,14,0)+IF('Standard Profiles'!$G$20=$B$24,21,0),0)),0)</f>
        <v>0</v>
      </c>
      <c r="G1841" cm="1">
        <f t="array" ref="G1841">IFERROR(INDEX(Jesper!AK$2:AK$366,ROUNDDOWN($C1841/24,0)+1,1)*INDEX($D$3:$AA$30,INDEX(Jesper!$R$2:$R$366,ROW(INDEX(Jesper!AK$2:AK$366,ROUNDDOWN($C1841/24,0)+1,1))-1)+IF('Standard Profiles'!$G$21=$B$10,7,0)+IF('Standard Profiles'!$G$21=$B$17,14,0)+IF('Standard Profiles'!$G$21=$B$24,21,0),MOD($C1841,24)+1)/SUM(INDEX($D$3:$AA$30,INDEX(Jesper!$R$2:$R$366,ROW(INDEX(Jesper!AK$2:AK$366,ROUNDDOWN($C1841/24,0)+1,1))-1)+IF('Standard Profiles'!$G$21=$B$10,7,0)+IF('Standard Profiles'!$G$21=$B$17,14,0)+IF('Standard Profiles'!$G$21=$B$24,21,0),0)),0)</f>
        <v>0</v>
      </c>
      <c r="H1841" cm="1">
        <f t="array" ref="H1841">IFERROR(INDEX(Jesper!AL$2:AL$366,ROUNDDOWN($C1841/24,0)+1,1)*INDEX($D$3:$AA$30,INDEX(Jesper!$R$2:$R$366,ROW(INDEX(Jesper!AL$2:AL$366,ROUNDDOWN($C1841/24,0)+1,1))-1)+IF('Standard Profiles'!$G$22=$B$10,7,0)+IF('Standard Profiles'!$G$22=$B$17,14,0)+IF('Standard Profiles'!$G$22=$B$24,21,0),MOD($C1841,24)+1)/SUM(INDEX($D$3:$AA$30,INDEX(Jesper!$R$2:$R$366,ROW(INDEX(Jesper!AL$2:AL$366,ROUNDDOWN($C1841/24,0)+1,1))-1)+IF('Standard Profiles'!$G$22=$B$10,7,0)+IF('Standard Profiles'!$G$22=$B$17,14,0)+IF('Standard Profiles'!$G$22=$B$24,21,0),0)),0)</f>
        <v>0</v>
      </c>
      <c r="I1841">
        <f t="shared" si="216"/>
        <v>0.27140115774125007</v>
      </c>
      <c r="J1841">
        <f t="shared" si="217"/>
        <v>0.90467052580416696</v>
      </c>
      <c r="K1841">
        <f t="shared" si="218"/>
        <v>1.3570057887062503</v>
      </c>
      <c r="L1841">
        <f t="shared" si="219"/>
        <v>14.628847301498288</v>
      </c>
      <c r="M1841">
        <f t="shared" si="220"/>
        <v>0</v>
      </c>
      <c r="N1841" s="46">
        <f t="shared" si="221"/>
        <v>45367.291666662284</v>
      </c>
    </row>
    <row r="1842" spans="2:14" x14ac:dyDescent="0.3">
      <c r="B1842">
        <f t="shared" si="215"/>
        <v>6</v>
      </c>
      <c r="C1842" s="16">
        <v>1808</v>
      </c>
      <c r="D1842" cm="1">
        <f t="array" ref="D1842">IFERROR(INDEX(Jesper!AH$2:AH$366,ROUNDDOWN($C1842/24,0)+1,1)*INDEX($D$3:$AA$30,INDEX(Jesper!$R$2:$R$366,ROW(INDEX(Jesper!AH$2:AH$366,ROUNDDOWN($C1842/24,0)+1,1))-1)+IF('Standard Profiles'!$G$18=$B$10,7,0)+IF('Standard Profiles'!$G$18=$B$17,14,0)+IF('Standard Profiles'!$G$18=$B$24,21,0),MOD($C1842,24)+1)/SUM(INDEX($D$3:$AA$30,INDEX(Jesper!$R$2:$R$366,ROW(INDEX(Jesper!AH$2:AH$366,ROUNDDOWN($C1842/24,0)+1,1))-1)+IF('Standard Profiles'!$G$18=$B$10,7,0)+IF('Standard Profiles'!$G$18=$B$17,14,0)+IF('Standard Profiles'!$G$18=$B$24,21,0),0)),0)</f>
        <v>14.14937192282208</v>
      </c>
      <c r="E1842" cm="1">
        <f t="array" ref="E1842">IFERROR(INDEX(Jesper!AI$2:AI$366,ROUNDDOWN($C1842/24,0)+1,1)*INDEX($D$3:$AA$30,INDEX(Jesper!$R$2:$R$366,ROW(INDEX(Jesper!AI$2:AI$366,ROUNDDOWN($C1842/24,0)+1,1))-1)+IF('Standard Profiles'!$G$19=$B$10,7,0)+IF('Standard Profiles'!$G$19=$B$17,14,0)+IF('Standard Profiles'!$G$19=$B$24,21,0),MOD($C1842,24)+1)/SUM(INDEX($D$3:$AA$30,INDEX(Jesper!$R$2:$R$366,ROW(INDEX(Jesper!AI$2:AI$366,ROUNDDOWN($C1842/24,0)+1,1))-1)+IF('Standard Profiles'!$G$19=$B$10,7,0)+IF('Standard Profiles'!$G$19=$B$17,14,0)+IF('Standard Profiles'!$G$19=$B$24,21,0),0)),0)</f>
        <v>3.0125528509278747</v>
      </c>
      <c r="F1842" cm="1">
        <f t="array" ref="F1842">IFERROR(INDEX(Jesper!AJ$2:AJ$366,ROUNDDOWN($C1842/24,0)+1,1)*INDEX($D$3:$AA$30,INDEX(Jesper!$R$2:$R$366,ROW(INDEX(Jesper!AJ$2:AJ$366,ROUNDDOWN($C1842/24,0)+1,1))-1)+IF('Standard Profiles'!$G$20=$B$10,7,0)+IF('Standard Profiles'!$G$20=$B$17,14,0)+IF('Standard Profiles'!$G$20=$B$24,21,0),MOD($C1842,24)+1)/SUM(INDEX($D$3:$AA$30,INDEX(Jesper!$R$2:$R$366,ROW(INDEX(Jesper!AJ$2:AJ$366,ROUNDDOWN($C1842/24,0)+1,1))-1)+IF('Standard Profiles'!$G$20=$B$10,7,0)+IF('Standard Profiles'!$G$20=$B$17,14,0)+IF('Standard Profiles'!$G$20=$B$24,21,0),0)),0)</f>
        <v>0</v>
      </c>
      <c r="G1842" cm="1">
        <f t="array" ref="G1842">IFERROR(INDEX(Jesper!AK$2:AK$366,ROUNDDOWN($C1842/24,0)+1,1)*INDEX($D$3:$AA$30,INDEX(Jesper!$R$2:$R$366,ROW(INDEX(Jesper!AK$2:AK$366,ROUNDDOWN($C1842/24,0)+1,1))-1)+IF('Standard Profiles'!$G$21=$B$10,7,0)+IF('Standard Profiles'!$G$21=$B$17,14,0)+IF('Standard Profiles'!$G$21=$B$24,21,0),MOD($C1842,24)+1)/SUM(INDEX($D$3:$AA$30,INDEX(Jesper!$R$2:$R$366,ROW(INDEX(Jesper!AK$2:AK$366,ROUNDDOWN($C1842/24,0)+1,1))-1)+IF('Standard Profiles'!$G$21=$B$10,7,0)+IF('Standard Profiles'!$G$21=$B$17,14,0)+IF('Standard Profiles'!$G$21=$B$24,21,0),0)),0)</f>
        <v>0</v>
      </c>
      <c r="H1842" cm="1">
        <f t="array" ref="H1842">IFERROR(INDEX(Jesper!AL$2:AL$366,ROUNDDOWN($C1842/24,0)+1,1)*INDEX($D$3:$AA$30,INDEX(Jesper!$R$2:$R$366,ROW(INDEX(Jesper!AL$2:AL$366,ROUNDDOWN($C1842/24,0)+1,1))-1)+IF('Standard Profiles'!$G$22=$B$10,7,0)+IF('Standard Profiles'!$G$22=$B$17,14,0)+IF('Standard Profiles'!$G$22=$B$24,21,0),MOD($C1842,24)+1)/SUM(INDEX($D$3:$AA$30,INDEX(Jesper!$R$2:$R$366,ROW(INDEX(Jesper!AL$2:AL$366,ROUNDDOWN($C1842/24,0)+1,1))-1)+IF('Standard Profiles'!$G$22=$B$10,7,0)+IF('Standard Profiles'!$G$22=$B$17,14,0)+IF('Standard Profiles'!$G$22=$B$24,21,0),0)),0)</f>
        <v>0</v>
      </c>
      <c r="I1842">
        <f t="shared" si="216"/>
        <v>0.27140115774125007</v>
      </c>
      <c r="J1842">
        <f t="shared" si="217"/>
        <v>0.90467052580416696</v>
      </c>
      <c r="K1842">
        <f t="shared" si="218"/>
        <v>1.3570057887062503</v>
      </c>
      <c r="L1842">
        <f t="shared" si="219"/>
        <v>14.628847301498288</v>
      </c>
      <c r="M1842">
        <f t="shared" si="220"/>
        <v>0</v>
      </c>
      <c r="N1842" s="46">
        <f t="shared" si="221"/>
        <v>45367.333333328948</v>
      </c>
    </row>
    <row r="1843" spans="2:14" x14ac:dyDescent="0.3">
      <c r="B1843">
        <f t="shared" si="215"/>
        <v>6</v>
      </c>
      <c r="C1843" s="16">
        <v>1809</v>
      </c>
      <c r="D1843" cm="1">
        <f t="array" ref="D1843">IFERROR(INDEX(Jesper!AH$2:AH$366,ROUNDDOWN($C1843/24,0)+1,1)*INDEX($D$3:$AA$30,INDEX(Jesper!$R$2:$R$366,ROW(INDEX(Jesper!AH$2:AH$366,ROUNDDOWN($C1843/24,0)+1,1))-1)+IF('Standard Profiles'!$G$18=$B$10,7,0)+IF('Standard Profiles'!$G$18=$B$17,14,0)+IF('Standard Profiles'!$G$18=$B$24,21,0),MOD($C1843,24)+1)/SUM(INDEX($D$3:$AA$30,INDEX(Jesper!$R$2:$R$366,ROW(INDEX(Jesper!AH$2:AH$366,ROUNDDOWN($C1843/24,0)+1,1))-1)+IF('Standard Profiles'!$G$18=$B$10,7,0)+IF('Standard Profiles'!$G$18=$B$17,14,0)+IF('Standard Profiles'!$G$18=$B$24,21,0),0)),0)</f>
        <v>14.14937192282208</v>
      </c>
      <c r="E1843" cm="1">
        <f t="array" ref="E1843">IFERROR(INDEX(Jesper!AI$2:AI$366,ROUNDDOWN($C1843/24,0)+1,1)*INDEX($D$3:$AA$30,INDEX(Jesper!$R$2:$R$366,ROW(INDEX(Jesper!AI$2:AI$366,ROUNDDOWN($C1843/24,0)+1,1))-1)+IF('Standard Profiles'!$G$19=$B$10,7,0)+IF('Standard Profiles'!$G$19=$B$17,14,0)+IF('Standard Profiles'!$G$19=$B$24,21,0),MOD($C1843,24)+1)/SUM(INDEX($D$3:$AA$30,INDEX(Jesper!$R$2:$R$366,ROW(INDEX(Jesper!AI$2:AI$366,ROUNDDOWN($C1843/24,0)+1,1))-1)+IF('Standard Profiles'!$G$19=$B$10,7,0)+IF('Standard Profiles'!$G$19=$B$17,14,0)+IF('Standard Profiles'!$G$19=$B$24,21,0),0)),0)</f>
        <v>3.0125528509278747</v>
      </c>
      <c r="F1843" cm="1">
        <f t="array" ref="F1843">IFERROR(INDEX(Jesper!AJ$2:AJ$366,ROUNDDOWN($C1843/24,0)+1,1)*INDEX($D$3:$AA$30,INDEX(Jesper!$R$2:$R$366,ROW(INDEX(Jesper!AJ$2:AJ$366,ROUNDDOWN($C1843/24,0)+1,1))-1)+IF('Standard Profiles'!$G$20=$B$10,7,0)+IF('Standard Profiles'!$G$20=$B$17,14,0)+IF('Standard Profiles'!$G$20=$B$24,21,0),MOD($C1843,24)+1)/SUM(INDEX($D$3:$AA$30,INDEX(Jesper!$R$2:$R$366,ROW(INDEX(Jesper!AJ$2:AJ$366,ROUNDDOWN($C1843/24,0)+1,1))-1)+IF('Standard Profiles'!$G$20=$B$10,7,0)+IF('Standard Profiles'!$G$20=$B$17,14,0)+IF('Standard Profiles'!$G$20=$B$24,21,0),0)),0)</f>
        <v>0</v>
      </c>
      <c r="G1843" cm="1">
        <f t="array" ref="G1843">IFERROR(INDEX(Jesper!AK$2:AK$366,ROUNDDOWN($C1843/24,0)+1,1)*INDEX($D$3:$AA$30,INDEX(Jesper!$R$2:$R$366,ROW(INDEX(Jesper!AK$2:AK$366,ROUNDDOWN($C1843/24,0)+1,1))-1)+IF('Standard Profiles'!$G$21=$B$10,7,0)+IF('Standard Profiles'!$G$21=$B$17,14,0)+IF('Standard Profiles'!$G$21=$B$24,21,0),MOD($C1843,24)+1)/SUM(INDEX($D$3:$AA$30,INDEX(Jesper!$R$2:$R$366,ROW(INDEX(Jesper!AK$2:AK$366,ROUNDDOWN($C1843/24,0)+1,1))-1)+IF('Standard Profiles'!$G$21=$B$10,7,0)+IF('Standard Profiles'!$G$21=$B$17,14,0)+IF('Standard Profiles'!$G$21=$B$24,21,0),0)),0)</f>
        <v>0</v>
      </c>
      <c r="H1843" cm="1">
        <f t="array" ref="H1843">IFERROR(INDEX(Jesper!AL$2:AL$366,ROUNDDOWN($C1843/24,0)+1,1)*INDEX($D$3:$AA$30,INDEX(Jesper!$R$2:$R$366,ROW(INDEX(Jesper!AL$2:AL$366,ROUNDDOWN($C1843/24,0)+1,1))-1)+IF('Standard Profiles'!$G$22=$B$10,7,0)+IF('Standard Profiles'!$G$22=$B$17,14,0)+IF('Standard Profiles'!$G$22=$B$24,21,0),MOD($C1843,24)+1)/SUM(INDEX($D$3:$AA$30,INDEX(Jesper!$R$2:$R$366,ROW(INDEX(Jesper!AL$2:AL$366,ROUNDDOWN($C1843/24,0)+1,1))-1)+IF('Standard Profiles'!$G$22=$B$10,7,0)+IF('Standard Profiles'!$G$22=$B$17,14,0)+IF('Standard Profiles'!$G$22=$B$24,21,0),0)),0)</f>
        <v>0</v>
      </c>
      <c r="I1843">
        <f t="shared" si="216"/>
        <v>0.27140115774125007</v>
      </c>
      <c r="J1843">
        <f t="shared" si="217"/>
        <v>0.90467052580416696</v>
      </c>
      <c r="K1843">
        <f t="shared" si="218"/>
        <v>1.3570057887062503</v>
      </c>
      <c r="L1843">
        <f t="shared" si="219"/>
        <v>14.628847301498288</v>
      </c>
      <c r="M1843">
        <f t="shared" si="220"/>
        <v>0</v>
      </c>
      <c r="N1843" s="46">
        <f t="shared" si="221"/>
        <v>45367.374999995613</v>
      </c>
    </row>
    <row r="1844" spans="2:14" x14ac:dyDescent="0.3">
      <c r="B1844">
        <f t="shared" si="215"/>
        <v>6</v>
      </c>
      <c r="C1844" s="16">
        <v>1810</v>
      </c>
      <c r="D1844" cm="1">
        <f t="array" ref="D1844">IFERROR(INDEX(Jesper!AH$2:AH$366,ROUNDDOWN($C1844/24,0)+1,1)*INDEX($D$3:$AA$30,INDEX(Jesper!$R$2:$R$366,ROW(INDEX(Jesper!AH$2:AH$366,ROUNDDOWN($C1844/24,0)+1,1))-1)+IF('Standard Profiles'!$G$18=$B$10,7,0)+IF('Standard Profiles'!$G$18=$B$17,14,0)+IF('Standard Profiles'!$G$18=$B$24,21,0),MOD($C1844,24)+1)/SUM(INDEX($D$3:$AA$30,INDEX(Jesper!$R$2:$R$366,ROW(INDEX(Jesper!AH$2:AH$366,ROUNDDOWN($C1844/24,0)+1,1))-1)+IF('Standard Profiles'!$G$18=$B$10,7,0)+IF('Standard Profiles'!$G$18=$B$17,14,0)+IF('Standard Profiles'!$G$18=$B$24,21,0),0)),0)</f>
        <v>14.14937192282208</v>
      </c>
      <c r="E1844" cm="1">
        <f t="array" ref="E1844">IFERROR(INDEX(Jesper!AI$2:AI$366,ROUNDDOWN($C1844/24,0)+1,1)*INDEX($D$3:$AA$30,INDEX(Jesper!$R$2:$R$366,ROW(INDEX(Jesper!AI$2:AI$366,ROUNDDOWN($C1844/24,0)+1,1))-1)+IF('Standard Profiles'!$G$19=$B$10,7,0)+IF('Standard Profiles'!$G$19=$B$17,14,0)+IF('Standard Profiles'!$G$19=$B$24,21,0),MOD($C1844,24)+1)/SUM(INDEX($D$3:$AA$30,INDEX(Jesper!$R$2:$R$366,ROW(INDEX(Jesper!AI$2:AI$366,ROUNDDOWN($C1844/24,0)+1,1))-1)+IF('Standard Profiles'!$G$19=$B$10,7,0)+IF('Standard Profiles'!$G$19=$B$17,14,0)+IF('Standard Profiles'!$G$19=$B$24,21,0),0)),0)</f>
        <v>3.0125528509278747</v>
      </c>
      <c r="F1844" cm="1">
        <f t="array" ref="F1844">IFERROR(INDEX(Jesper!AJ$2:AJ$366,ROUNDDOWN($C1844/24,0)+1,1)*INDEX($D$3:$AA$30,INDEX(Jesper!$R$2:$R$366,ROW(INDEX(Jesper!AJ$2:AJ$366,ROUNDDOWN($C1844/24,0)+1,1))-1)+IF('Standard Profiles'!$G$20=$B$10,7,0)+IF('Standard Profiles'!$G$20=$B$17,14,0)+IF('Standard Profiles'!$G$20=$B$24,21,0),MOD($C1844,24)+1)/SUM(INDEX($D$3:$AA$30,INDEX(Jesper!$R$2:$R$366,ROW(INDEX(Jesper!AJ$2:AJ$366,ROUNDDOWN($C1844/24,0)+1,1))-1)+IF('Standard Profiles'!$G$20=$B$10,7,0)+IF('Standard Profiles'!$G$20=$B$17,14,0)+IF('Standard Profiles'!$G$20=$B$24,21,0),0)),0)</f>
        <v>0</v>
      </c>
      <c r="G1844" cm="1">
        <f t="array" ref="G1844">IFERROR(INDEX(Jesper!AK$2:AK$366,ROUNDDOWN($C1844/24,0)+1,1)*INDEX($D$3:$AA$30,INDEX(Jesper!$R$2:$R$366,ROW(INDEX(Jesper!AK$2:AK$366,ROUNDDOWN($C1844/24,0)+1,1))-1)+IF('Standard Profiles'!$G$21=$B$10,7,0)+IF('Standard Profiles'!$G$21=$B$17,14,0)+IF('Standard Profiles'!$G$21=$B$24,21,0),MOD($C1844,24)+1)/SUM(INDEX($D$3:$AA$30,INDEX(Jesper!$R$2:$R$366,ROW(INDEX(Jesper!AK$2:AK$366,ROUNDDOWN($C1844/24,0)+1,1))-1)+IF('Standard Profiles'!$G$21=$B$10,7,0)+IF('Standard Profiles'!$G$21=$B$17,14,0)+IF('Standard Profiles'!$G$21=$B$24,21,0),0)),0)</f>
        <v>0</v>
      </c>
      <c r="H1844" cm="1">
        <f t="array" ref="H1844">IFERROR(INDEX(Jesper!AL$2:AL$366,ROUNDDOWN($C1844/24,0)+1,1)*INDEX($D$3:$AA$30,INDEX(Jesper!$R$2:$R$366,ROW(INDEX(Jesper!AL$2:AL$366,ROUNDDOWN($C1844/24,0)+1,1))-1)+IF('Standard Profiles'!$G$22=$B$10,7,0)+IF('Standard Profiles'!$G$22=$B$17,14,0)+IF('Standard Profiles'!$G$22=$B$24,21,0),MOD($C1844,24)+1)/SUM(INDEX($D$3:$AA$30,INDEX(Jesper!$R$2:$R$366,ROW(INDEX(Jesper!AL$2:AL$366,ROUNDDOWN($C1844/24,0)+1,1))-1)+IF('Standard Profiles'!$G$22=$B$10,7,0)+IF('Standard Profiles'!$G$22=$B$17,14,0)+IF('Standard Profiles'!$G$22=$B$24,21,0),0)),0)</f>
        <v>0</v>
      </c>
      <c r="I1844">
        <f t="shared" si="216"/>
        <v>0.27140115774125007</v>
      </c>
      <c r="J1844">
        <f t="shared" si="217"/>
        <v>0.90467052580416696</v>
      </c>
      <c r="K1844">
        <f t="shared" si="218"/>
        <v>1.3570057887062503</v>
      </c>
      <c r="L1844">
        <f t="shared" si="219"/>
        <v>14.628847301498288</v>
      </c>
      <c r="M1844">
        <f t="shared" si="220"/>
        <v>0</v>
      </c>
      <c r="N1844" s="46">
        <f t="shared" si="221"/>
        <v>45367.416666662277</v>
      </c>
    </row>
    <row r="1845" spans="2:14" x14ac:dyDescent="0.3">
      <c r="B1845">
        <f t="shared" si="215"/>
        <v>6</v>
      </c>
      <c r="C1845" s="16">
        <v>1811</v>
      </c>
      <c r="D1845" cm="1">
        <f t="array" ref="D1845">IFERROR(INDEX(Jesper!AH$2:AH$366,ROUNDDOWN($C1845/24,0)+1,1)*INDEX($D$3:$AA$30,INDEX(Jesper!$R$2:$R$366,ROW(INDEX(Jesper!AH$2:AH$366,ROUNDDOWN($C1845/24,0)+1,1))-1)+IF('Standard Profiles'!$G$18=$B$10,7,0)+IF('Standard Profiles'!$G$18=$B$17,14,0)+IF('Standard Profiles'!$G$18=$B$24,21,0),MOD($C1845,24)+1)/SUM(INDEX($D$3:$AA$30,INDEX(Jesper!$R$2:$R$366,ROW(INDEX(Jesper!AH$2:AH$366,ROUNDDOWN($C1845/24,0)+1,1))-1)+IF('Standard Profiles'!$G$18=$B$10,7,0)+IF('Standard Profiles'!$G$18=$B$17,14,0)+IF('Standard Profiles'!$G$18=$B$24,21,0),0)),0)</f>
        <v>14.14937192282208</v>
      </c>
      <c r="E1845" cm="1">
        <f t="array" ref="E1845">IFERROR(INDEX(Jesper!AI$2:AI$366,ROUNDDOWN($C1845/24,0)+1,1)*INDEX($D$3:$AA$30,INDEX(Jesper!$R$2:$R$366,ROW(INDEX(Jesper!AI$2:AI$366,ROUNDDOWN($C1845/24,0)+1,1))-1)+IF('Standard Profiles'!$G$19=$B$10,7,0)+IF('Standard Profiles'!$G$19=$B$17,14,0)+IF('Standard Profiles'!$G$19=$B$24,21,0),MOD($C1845,24)+1)/SUM(INDEX($D$3:$AA$30,INDEX(Jesper!$R$2:$R$366,ROW(INDEX(Jesper!AI$2:AI$366,ROUNDDOWN($C1845/24,0)+1,1))-1)+IF('Standard Profiles'!$G$19=$B$10,7,0)+IF('Standard Profiles'!$G$19=$B$17,14,0)+IF('Standard Profiles'!$G$19=$B$24,21,0),0)),0)</f>
        <v>3.0125528509278747</v>
      </c>
      <c r="F1845" cm="1">
        <f t="array" ref="F1845">IFERROR(INDEX(Jesper!AJ$2:AJ$366,ROUNDDOWN($C1845/24,0)+1,1)*INDEX($D$3:$AA$30,INDEX(Jesper!$R$2:$R$366,ROW(INDEX(Jesper!AJ$2:AJ$366,ROUNDDOWN($C1845/24,0)+1,1))-1)+IF('Standard Profiles'!$G$20=$B$10,7,0)+IF('Standard Profiles'!$G$20=$B$17,14,0)+IF('Standard Profiles'!$G$20=$B$24,21,0),MOD($C1845,24)+1)/SUM(INDEX($D$3:$AA$30,INDEX(Jesper!$R$2:$R$366,ROW(INDEX(Jesper!AJ$2:AJ$366,ROUNDDOWN($C1845/24,0)+1,1))-1)+IF('Standard Profiles'!$G$20=$B$10,7,0)+IF('Standard Profiles'!$G$20=$B$17,14,0)+IF('Standard Profiles'!$G$20=$B$24,21,0),0)),0)</f>
        <v>0</v>
      </c>
      <c r="G1845" cm="1">
        <f t="array" ref="G1845">IFERROR(INDEX(Jesper!AK$2:AK$366,ROUNDDOWN($C1845/24,0)+1,1)*INDEX($D$3:$AA$30,INDEX(Jesper!$R$2:$R$366,ROW(INDEX(Jesper!AK$2:AK$366,ROUNDDOWN($C1845/24,0)+1,1))-1)+IF('Standard Profiles'!$G$21=$B$10,7,0)+IF('Standard Profiles'!$G$21=$B$17,14,0)+IF('Standard Profiles'!$G$21=$B$24,21,0),MOD($C1845,24)+1)/SUM(INDEX($D$3:$AA$30,INDEX(Jesper!$R$2:$R$366,ROW(INDEX(Jesper!AK$2:AK$366,ROUNDDOWN($C1845/24,0)+1,1))-1)+IF('Standard Profiles'!$G$21=$B$10,7,0)+IF('Standard Profiles'!$G$21=$B$17,14,0)+IF('Standard Profiles'!$G$21=$B$24,21,0),0)),0)</f>
        <v>0</v>
      </c>
      <c r="H1845" cm="1">
        <f t="array" ref="H1845">IFERROR(INDEX(Jesper!AL$2:AL$366,ROUNDDOWN($C1845/24,0)+1,1)*INDEX($D$3:$AA$30,INDEX(Jesper!$R$2:$R$366,ROW(INDEX(Jesper!AL$2:AL$366,ROUNDDOWN($C1845/24,0)+1,1))-1)+IF('Standard Profiles'!$G$22=$B$10,7,0)+IF('Standard Profiles'!$G$22=$B$17,14,0)+IF('Standard Profiles'!$G$22=$B$24,21,0),MOD($C1845,24)+1)/SUM(INDEX($D$3:$AA$30,INDEX(Jesper!$R$2:$R$366,ROW(INDEX(Jesper!AL$2:AL$366,ROUNDDOWN($C1845/24,0)+1,1))-1)+IF('Standard Profiles'!$G$22=$B$10,7,0)+IF('Standard Profiles'!$G$22=$B$17,14,0)+IF('Standard Profiles'!$G$22=$B$24,21,0),0)),0)</f>
        <v>0</v>
      </c>
      <c r="I1845">
        <f t="shared" si="216"/>
        <v>0.27140115774125007</v>
      </c>
      <c r="J1845">
        <f t="shared" si="217"/>
        <v>0.90467052580416696</v>
      </c>
      <c r="K1845">
        <f t="shared" si="218"/>
        <v>1.3570057887062503</v>
      </c>
      <c r="L1845">
        <f t="shared" si="219"/>
        <v>14.628847301498288</v>
      </c>
      <c r="M1845">
        <f t="shared" si="220"/>
        <v>0</v>
      </c>
      <c r="N1845" s="46">
        <f t="shared" si="221"/>
        <v>45367.458333328941</v>
      </c>
    </row>
    <row r="1846" spans="2:14" x14ac:dyDescent="0.3">
      <c r="B1846">
        <f t="shared" si="215"/>
        <v>6</v>
      </c>
      <c r="C1846" s="16">
        <v>1812</v>
      </c>
      <c r="D1846" cm="1">
        <f t="array" ref="D1846">IFERROR(INDEX(Jesper!AH$2:AH$366,ROUNDDOWN($C1846/24,0)+1,1)*INDEX($D$3:$AA$30,INDEX(Jesper!$R$2:$R$366,ROW(INDEX(Jesper!AH$2:AH$366,ROUNDDOWN($C1846/24,0)+1,1))-1)+IF('Standard Profiles'!$G$18=$B$10,7,0)+IF('Standard Profiles'!$G$18=$B$17,14,0)+IF('Standard Profiles'!$G$18=$B$24,21,0),MOD($C1846,24)+1)/SUM(INDEX($D$3:$AA$30,INDEX(Jesper!$R$2:$R$366,ROW(INDEX(Jesper!AH$2:AH$366,ROUNDDOWN($C1846/24,0)+1,1))-1)+IF('Standard Profiles'!$G$18=$B$10,7,0)+IF('Standard Profiles'!$G$18=$B$17,14,0)+IF('Standard Profiles'!$G$18=$B$24,21,0),0)),0)</f>
        <v>14.14937192282208</v>
      </c>
      <c r="E1846" cm="1">
        <f t="array" ref="E1846">IFERROR(INDEX(Jesper!AI$2:AI$366,ROUNDDOWN($C1846/24,0)+1,1)*INDEX($D$3:$AA$30,INDEX(Jesper!$R$2:$R$366,ROW(INDEX(Jesper!AI$2:AI$366,ROUNDDOWN($C1846/24,0)+1,1))-1)+IF('Standard Profiles'!$G$19=$B$10,7,0)+IF('Standard Profiles'!$G$19=$B$17,14,0)+IF('Standard Profiles'!$G$19=$B$24,21,0),MOD($C1846,24)+1)/SUM(INDEX($D$3:$AA$30,INDEX(Jesper!$R$2:$R$366,ROW(INDEX(Jesper!AI$2:AI$366,ROUNDDOWN($C1846/24,0)+1,1))-1)+IF('Standard Profiles'!$G$19=$B$10,7,0)+IF('Standard Profiles'!$G$19=$B$17,14,0)+IF('Standard Profiles'!$G$19=$B$24,21,0),0)),0)</f>
        <v>3.0125528509278747</v>
      </c>
      <c r="F1846" cm="1">
        <f t="array" ref="F1846">IFERROR(INDEX(Jesper!AJ$2:AJ$366,ROUNDDOWN($C1846/24,0)+1,1)*INDEX($D$3:$AA$30,INDEX(Jesper!$R$2:$R$366,ROW(INDEX(Jesper!AJ$2:AJ$366,ROUNDDOWN($C1846/24,0)+1,1))-1)+IF('Standard Profiles'!$G$20=$B$10,7,0)+IF('Standard Profiles'!$G$20=$B$17,14,0)+IF('Standard Profiles'!$G$20=$B$24,21,0),MOD($C1846,24)+1)/SUM(INDEX($D$3:$AA$30,INDEX(Jesper!$R$2:$R$366,ROW(INDEX(Jesper!AJ$2:AJ$366,ROUNDDOWN($C1846/24,0)+1,1))-1)+IF('Standard Profiles'!$G$20=$B$10,7,0)+IF('Standard Profiles'!$G$20=$B$17,14,0)+IF('Standard Profiles'!$G$20=$B$24,21,0),0)),0)</f>
        <v>0</v>
      </c>
      <c r="G1846" cm="1">
        <f t="array" ref="G1846">IFERROR(INDEX(Jesper!AK$2:AK$366,ROUNDDOWN($C1846/24,0)+1,1)*INDEX($D$3:$AA$30,INDEX(Jesper!$R$2:$R$366,ROW(INDEX(Jesper!AK$2:AK$366,ROUNDDOWN($C1846/24,0)+1,1))-1)+IF('Standard Profiles'!$G$21=$B$10,7,0)+IF('Standard Profiles'!$G$21=$B$17,14,0)+IF('Standard Profiles'!$G$21=$B$24,21,0),MOD($C1846,24)+1)/SUM(INDEX($D$3:$AA$30,INDEX(Jesper!$R$2:$R$366,ROW(INDEX(Jesper!AK$2:AK$366,ROUNDDOWN($C1846/24,0)+1,1))-1)+IF('Standard Profiles'!$G$21=$B$10,7,0)+IF('Standard Profiles'!$G$21=$B$17,14,0)+IF('Standard Profiles'!$G$21=$B$24,21,0),0)),0)</f>
        <v>0</v>
      </c>
      <c r="H1846" cm="1">
        <f t="array" ref="H1846">IFERROR(INDEX(Jesper!AL$2:AL$366,ROUNDDOWN($C1846/24,0)+1,1)*INDEX($D$3:$AA$30,INDEX(Jesper!$R$2:$R$366,ROW(INDEX(Jesper!AL$2:AL$366,ROUNDDOWN($C1846/24,0)+1,1))-1)+IF('Standard Profiles'!$G$22=$B$10,7,0)+IF('Standard Profiles'!$G$22=$B$17,14,0)+IF('Standard Profiles'!$G$22=$B$24,21,0),MOD($C1846,24)+1)/SUM(INDEX($D$3:$AA$30,INDEX(Jesper!$R$2:$R$366,ROW(INDEX(Jesper!AL$2:AL$366,ROUNDDOWN($C1846/24,0)+1,1))-1)+IF('Standard Profiles'!$G$22=$B$10,7,0)+IF('Standard Profiles'!$G$22=$B$17,14,0)+IF('Standard Profiles'!$G$22=$B$24,21,0),0)),0)</f>
        <v>0</v>
      </c>
      <c r="I1846">
        <f t="shared" si="216"/>
        <v>0.27140115774125007</v>
      </c>
      <c r="J1846">
        <f t="shared" si="217"/>
        <v>0.90467052580416696</v>
      </c>
      <c r="K1846">
        <f t="shared" si="218"/>
        <v>1.3570057887062503</v>
      </c>
      <c r="L1846">
        <f t="shared" si="219"/>
        <v>14.628847301498288</v>
      </c>
      <c r="M1846">
        <f t="shared" si="220"/>
        <v>0</v>
      </c>
      <c r="N1846" s="46">
        <f t="shared" si="221"/>
        <v>45367.499999995605</v>
      </c>
    </row>
    <row r="1847" spans="2:14" x14ac:dyDescent="0.3">
      <c r="B1847">
        <f t="shared" si="215"/>
        <v>6</v>
      </c>
      <c r="C1847" s="16">
        <v>1813</v>
      </c>
      <c r="D1847" cm="1">
        <f t="array" ref="D1847">IFERROR(INDEX(Jesper!AH$2:AH$366,ROUNDDOWN($C1847/24,0)+1,1)*INDEX($D$3:$AA$30,INDEX(Jesper!$R$2:$R$366,ROW(INDEX(Jesper!AH$2:AH$366,ROUNDDOWN($C1847/24,0)+1,1))-1)+IF('Standard Profiles'!$G$18=$B$10,7,0)+IF('Standard Profiles'!$G$18=$B$17,14,0)+IF('Standard Profiles'!$G$18=$B$24,21,0),MOD($C1847,24)+1)/SUM(INDEX($D$3:$AA$30,INDEX(Jesper!$R$2:$R$366,ROW(INDEX(Jesper!AH$2:AH$366,ROUNDDOWN($C1847/24,0)+1,1))-1)+IF('Standard Profiles'!$G$18=$B$10,7,0)+IF('Standard Profiles'!$G$18=$B$17,14,0)+IF('Standard Profiles'!$G$18=$B$24,21,0),0)),0)</f>
        <v>14.14937192282208</v>
      </c>
      <c r="E1847" cm="1">
        <f t="array" ref="E1847">IFERROR(INDEX(Jesper!AI$2:AI$366,ROUNDDOWN($C1847/24,0)+1,1)*INDEX($D$3:$AA$30,INDEX(Jesper!$R$2:$R$366,ROW(INDEX(Jesper!AI$2:AI$366,ROUNDDOWN($C1847/24,0)+1,1))-1)+IF('Standard Profiles'!$G$19=$B$10,7,0)+IF('Standard Profiles'!$G$19=$B$17,14,0)+IF('Standard Profiles'!$G$19=$B$24,21,0),MOD($C1847,24)+1)/SUM(INDEX($D$3:$AA$30,INDEX(Jesper!$R$2:$R$366,ROW(INDEX(Jesper!AI$2:AI$366,ROUNDDOWN($C1847/24,0)+1,1))-1)+IF('Standard Profiles'!$G$19=$B$10,7,0)+IF('Standard Profiles'!$G$19=$B$17,14,0)+IF('Standard Profiles'!$G$19=$B$24,21,0),0)),0)</f>
        <v>3.0125528509278747</v>
      </c>
      <c r="F1847" cm="1">
        <f t="array" ref="F1847">IFERROR(INDEX(Jesper!AJ$2:AJ$366,ROUNDDOWN($C1847/24,0)+1,1)*INDEX($D$3:$AA$30,INDEX(Jesper!$R$2:$R$366,ROW(INDEX(Jesper!AJ$2:AJ$366,ROUNDDOWN($C1847/24,0)+1,1))-1)+IF('Standard Profiles'!$G$20=$B$10,7,0)+IF('Standard Profiles'!$G$20=$B$17,14,0)+IF('Standard Profiles'!$G$20=$B$24,21,0),MOD($C1847,24)+1)/SUM(INDEX($D$3:$AA$30,INDEX(Jesper!$R$2:$R$366,ROW(INDEX(Jesper!AJ$2:AJ$366,ROUNDDOWN($C1847/24,0)+1,1))-1)+IF('Standard Profiles'!$G$20=$B$10,7,0)+IF('Standard Profiles'!$G$20=$B$17,14,0)+IF('Standard Profiles'!$G$20=$B$24,21,0),0)),0)</f>
        <v>0</v>
      </c>
      <c r="G1847" cm="1">
        <f t="array" ref="G1847">IFERROR(INDEX(Jesper!AK$2:AK$366,ROUNDDOWN($C1847/24,0)+1,1)*INDEX($D$3:$AA$30,INDEX(Jesper!$R$2:$R$366,ROW(INDEX(Jesper!AK$2:AK$366,ROUNDDOWN($C1847/24,0)+1,1))-1)+IF('Standard Profiles'!$G$21=$B$10,7,0)+IF('Standard Profiles'!$G$21=$B$17,14,0)+IF('Standard Profiles'!$G$21=$B$24,21,0),MOD($C1847,24)+1)/SUM(INDEX($D$3:$AA$30,INDEX(Jesper!$R$2:$R$366,ROW(INDEX(Jesper!AK$2:AK$366,ROUNDDOWN($C1847/24,0)+1,1))-1)+IF('Standard Profiles'!$G$21=$B$10,7,0)+IF('Standard Profiles'!$G$21=$B$17,14,0)+IF('Standard Profiles'!$G$21=$B$24,21,0),0)),0)</f>
        <v>0</v>
      </c>
      <c r="H1847" cm="1">
        <f t="array" ref="H1847">IFERROR(INDEX(Jesper!AL$2:AL$366,ROUNDDOWN($C1847/24,0)+1,1)*INDEX($D$3:$AA$30,INDEX(Jesper!$R$2:$R$366,ROW(INDEX(Jesper!AL$2:AL$366,ROUNDDOWN($C1847/24,0)+1,1))-1)+IF('Standard Profiles'!$G$22=$B$10,7,0)+IF('Standard Profiles'!$G$22=$B$17,14,0)+IF('Standard Profiles'!$G$22=$B$24,21,0),MOD($C1847,24)+1)/SUM(INDEX($D$3:$AA$30,INDEX(Jesper!$R$2:$R$366,ROW(INDEX(Jesper!AL$2:AL$366,ROUNDDOWN($C1847/24,0)+1,1))-1)+IF('Standard Profiles'!$G$22=$B$10,7,0)+IF('Standard Profiles'!$G$22=$B$17,14,0)+IF('Standard Profiles'!$G$22=$B$24,21,0),0)),0)</f>
        <v>0</v>
      </c>
      <c r="I1847">
        <f t="shared" si="216"/>
        <v>0.27140115774125007</v>
      </c>
      <c r="J1847">
        <f t="shared" si="217"/>
        <v>0.90467052580416696</v>
      </c>
      <c r="K1847">
        <f t="shared" si="218"/>
        <v>1.3570057887062503</v>
      </c>
      <c r="L1847">
        <f t="shared" si="219"/>
        <v>14.628847301498288</v>
      </c>
      <c r="M1847">
        <f t="shared" si="220"/>
        <v>0</v>
      </c>
      <c r="N1847" s="46">
        <f t="shared" si="221"/>
        <v>45367.54166666227</v>
      </c>
    </row>
    <row r="1848" spans="2:14" x14ac:dyDescent="0.3">
      <c r="B1848">
        <f t="shared" si="215"/>
        <v>6</v>
      </c>
      <c r="C1848" s="16">
        <v>1814</v>
      </c>
      <c r="D1848" cm="1">
        <f t="array" ref="D1848">IFERROR(INDEX(Jesper!AH$2:AH$366,ROUNDDOWN($C1848/24,0)+1,1)*INDEX($D$3:$AA$30,INDEX(Jesper!$R$2:$R$366,ROW(INDEX(Jesper!AH$2:AH$366,ROUNDDOWN($C1848/24,0)+1,1))-1)+IF('Standard Profiles'!$G$18=$B$10,7,0)+IF('Standard Profiles'!$G$18=$B$17,14,0)+IF('Standard Profiles'!$G$18=$B$24,21,0),MOD($C1848,24)+1)/SUM(INDEX($D$3:$AA$30,INDEX(Jesper!$R$2:$R$366,ROW(INDEX(Jesper!AH$2:AH$366,ROUNDDOWN($C1848/24,0)+1,1))-1)+IF('Standard Profiles'!$G$18=$B$10,7,0)+IF('Standard Profiles'!$G$18=$B$17,14,0)+IF('Standard Profiles'!$G$18=$B$24,21,0),0)),0)</f>
        <v>14.14937192282208</v>
      </c>
      <c r="E1848" cm="1">
        <f t="array" ref="E1848">IFERROR(INDEX(Jesper!AI$2:AI$366,ROUNDDOWN($C1848/24,0)+1,1)*INDEX($D$3:$AA$30,INDEX(Jesper!$R$2:$R$366,ROW(INDEX(Jesper!AI$2:AI$366,ROUNDDOWN($C1848/24,0)+1,1))-1)+IF('Standard Profiles'!$G$19=$B$10,7,0)+IF('Standard Profiles'!$G$19=$B$17,14,0)+IF('Standard Profiles'!$G$19=$B$24,21,0),MOD($C1848,24)+1)/SUM(INDEX($D$3:$AA$30,INDEX(Jesper!$R$2:$R$366,ROW(INDEX(Jesper!AI$2:AI$366,ROUNDDOWN($C1848/24,0)+1,1))-1)+IF('Standard Profiles'!$G$19=$B$10,7,0)+IF('Standard Profiles'!$G$19=$B$17,14,0)+IF('Standard Profiles'!$G$19=$B$24,21,0),0)),0)</f>
        <v>3.0125528509278747</v>
      </c>
      <c r="F1848" cm="1">
        <f t="array" ref="F1848">IFERROR(INDEX(Jesper!AJ$2:AJ$366,ROUNDDOWN($C1848/24,0)+1,1)*INDEX($D$3:$AA$30,INDEX(Jesper!$R$2:$R$366,ROW(INDEX(Jesper!AJ$2:AJ$366,ROUNDDOWN($C1848/24,0)+1,1))-1)+IF('Standard Profiles'!$G$20=$B$10,7,0)+IF('Standard Profiles'!$G$20=$B$17,14,0)+IF('Standard Profiles'!$G$20=$B$24,21,0),MOD($C1848,24)+1)/SUM(INDEX($D$3:$AA$30,INDEX(Jesper!$R$2:$R$366,ROW(INDEX(Jesper!AJ$2:AJ$366,ROUNDDOWN($C1848/24,0)+1,1))-1)+IF('Standard Profiles'!$G$20=$B$10,7,0)+IF('Standard Profiles'!$G$20=$B$17,14,0)+IF('Standard Profiles'!$G$20=$B$24,21,0),0)),0)</f>
        <v>0</v>
      </c>
      <c r="G1848" cm="1">
        <f t="array" ref="G1848">IFERROR(INDEX(Jesper!AK$2:AK$366,ROUNDDOWN($C1848/24,0)+1,1)*INDEX($D$3:$AA$30,INDEX(Jesper!$R$2:$R$366,ROW(INDEX(Jesper!AK$2:AK$366,ROUNDDOWN($C1848/24,0)+1,1))-1)+IF('Standard Profiles'!$G$21=$B$10,7,0)+IF('Standard Profiles'!$G$21=$B$17,14,0)+IF('Standard Profiles'!$G$21=$B$24,21,0),MOD($C1848,24)+1)/SUM(INDEX($D$3:$AA$30,INDEX(Jesper!$R$2:$R$366,ROW(INDEX(Jesper!AK$2:AK$366,ROUNDDOWN($C1848/24,0)+1,1))-1)+IF('Standard Profiles'!$G$21=$B$10,7,0)+IF('Standard Profiles'!$G$21=$B$17,14,0)+IF('Standard Profiles'!$G$21=$B$24,21,0),0)),0)</f>
        <v>0</v>
      </c>
      <c r="H1848" cm="1">
        <f t="array" ref="H1848">IFERROR(INDEX(Jesper!AL$2:AL$366,ROUNDDOWN($C1848/24,0)+1,1)*INDEX($D$3:$AA$30,INDEX(Jesper!$R$2:$R$366,ROW(INDEX(Jesper!AL$2:AL$366,ROUNDDOWN($C1848/24,0)+1,1))-1)+IF('Standard Profiles'!$G$22=$B$10,7,0)+IF('Standard Profiles'!$G$22=$B$17,14,0)+IF('Standard Profiles'!$G$22=$B$24,21,0),MOD($C1848,24)+1)/SUM(INDEX($D$3:$AA$30,INDEX(Jesper!$R$2:$R$366,ROW(INDEX(Jesper!AL$2:AL$366,ROUNDDOWN($C1848/24,0)+1,1))-1)+IF('Standard Profiles'!$G$22=$B$10,7,0)+IF('Standard Profiles'!$G$22=$B$17,14,0)+IF('Standard Profiles'!$G$22=$B$24,21,0),0)),0)</f>
        <v>0</v>
      </c>
      <c r="I1848">
        <f t="shared" si="216"/>
        <v>0.27140115774125007</v>
      </c>
      <c r="J1848">
        <f t="shared" si="217"/>
        <v>0.90467052580416696</v>
      </c>
      <c r="K1848">
        <f t="shared" si="218"/>
        <v>1.3570057887062503</v>
      </c>
      <c r="L1848">
        <f t="shared" si="219"/>
        <v>14.628847301498288</v>
      </c>
      <c r="M1848">
        <f t="shared" si="220"/>
        <v>0</v>
      </c>
      <c r="N1848" s="46">
        <f t="shared" si="221"/>
        <v>45367.583333328934</v>
      </c>
    </row>
    <row r="1849" spans="2:14" x14ac:dyDescent="0.3">
      <c r="B1849">
        <f t="shared" si="215"/>
        <v>6</v>
      </c>
      <c r="C1849" s="16">
        <v>1815</v>
      </c>
      <c r="D1849" cm="1">
        <f t="array" ref="D1849">IFERROR(INDEX(Jesper!AH$2:AH$366,ROUNDDOWN($C1849/24,0)+1,1)*INDEX($D$3:$AA$30,INDEX(Jesper!$R$2:$R$366,ROW(INDEX(Jesper!AH$2:AH$366,ROUNDDOWN($C1849/24,0)+1,1))-1)+IF('Standard Profiles'!$G$18=$B$10,7,0)+IF('Standard Profiles'!$G$18=$B$17,14,0)+IF('Standard Profiles'!$G$18=$B$24,21,0),MOD($C1849,24)+1)/SUM(INDEX($D$3:$AA$30,INDEX(Jesper!$R$2:$R$366,ROW(INDEX(Jesper!AH$2:AH$366,ROUNDDOWN($C1849/24,0)+1,1))-1)+IF('Standard Profiles'!$G$18=$B$10,7,0)+IF('Standard Profiles'!$G$18=$B$17,14,0)+IF('Standard Profiles'!$G$18=$B$24,21,0),0)),0)</f>
        <v>12.79258283433229</v>
      </c>
      <c r="E1849" cm="1">
        <f t="array" ref="E1849">IFERROR(INDEX(Jesper!AI$2:AI$366,ROUNDDOWN($C1849/24,0)+1,1)*INDEX($D$3:$AA$30,INDEX(Jesper!$R$2:$R$366,ROW(INDEX(Jesper!AI$2:AI$366,ROUNDDOWN($C1849/24,0)+1,1))-1)+IF('Standard Profiles'!$G$19=$B$10,7,0)+IF('Standard Profiles'!$G$19=$B$17,14,0)+IF('Standard Profiles'!$G$19=$B$24,21,0),MOD($C1849,24)+1)/SUM(INDEX($D$3:$AA$30,INDEX(Jesper!$R$2:$R$366,ROW(INDEX(Jesper!AI$2:AI$366,ROUNDDOWN($C1849/24,0)+1,1))-1)+IF('Standard Profiles'!$G$19=$B$10,7,0)+IF('Standard Profiles'!$G$19=$B$17,14,0)+IF('Standard Profiles'!$G$19=$B$24,21,0),0)),0)</f>
        <v>2.7236779200169825</v>
      </c>
      <c r="F1849" cm="1">
        <f t="array" ref="F1849">IFERROR(INDEX(Jesper!AJ$2:AJ$366,ROUNDDOWN($C1849/24,0)+1,1)*INDEX($D$3:$AA$30,INDEX(Jesper!$R$2:$R$366,ROW(INDEX(Jesper!AJ$2:AJ$366,ROUNDDOWN($C1849/24,0)+1,1))-1)+IF('Standard Profiles'!$G$20=$B$10,7,0)+IF('Standard Profiles'!$G$20=$B$17,14,0)+IF('Standard Profiles'!$G$20=$B$24,21,0),MOD($C1849,24)+1)/SUM(INDEX($D$3:$AA$30,INDEX(Jesper!$R$2:$R$366,ROW(INDEX(Jesper!AJ$2:AJ$366,ROUNDDOWN($C1849/24,0)+1,1))-1)+IF('Standard Profiles'!$G$20=$B$10,7,0)+IF('Standard Profiles'!$G$20=$B$17,14,0)+IF('Standard Profiles'!$G$20=$B$24,21,0),0)),0)</f>
        <v>0</v>
      </c>
      <c r="G1849" cm="1">
        <f t="array" ref="G1849">IFERROR(INDEX(Jesper!AK$2:AK$366,ROUNDDOWN($C1849/24,0)+1,1)*INDEX($D$3:$AA$30,INDEX(Jesper!$R$2:$R$366,ROW(INDEX(Jesper!AK$2:AK$366,ROUNDDOWN($C1849/24,0)+1,1))-1)+IF('Standard Profiles'!$G$21=$B$10,7,0)+IF('Standard Profiles'!$G$21=$B$17,14,0)+IF('Standard Profiles'!$G$21=$B$24,21,0),MOD($C1849,24)+1)/SUM(INDEX($D$3:$AA$30,INDEX(Jesper!$R$2:$R$366,ROW(INDEX(Jesper!AK$2:AK$366,ROUNDDOWN($C1849/24,0)+1,1))-1)+IF('Standard Profiles'!$G$21=$B$10,7,0)+IF('Standard Profiles'!$G$21=$B$17,14,0)+IF('Standard Profiles'!$G$21=$B$24,21,0),0)),0)</f>
        <v>0</v>
      </c>
      <c r="H1849" cm="1">
        <f t="array" ref="H1849">IFERROR(INDEX(Jesper!AL$2:AL$366,ROUNDDOWN($C1849/24,0)+1,1)*INDEX($D$3:$AA$30,INDEX(Jesper!$R$2:$R$366,ROW(INDEX(Jesper!AL$2:AL$366,ROUNDDOWN($C1849/24,0)+1,1))-1)+IF('Standard Profiles'!$G$22=$B$10,7,0)+IF('Standard Profiles'!$G$22=$B$17,14,0)+IF('Standard Profiles'!$G$22=$B$24,21,0),MOD($C1849,24)+1)/SUM(INDEX($D$3:$AA$30,INDEX(Jesper!$R$2:$R$366,ROW(INDEX(Jesper!AL$2:AL$366,ROUNDDOWN($C1849/24,0)+1,1))-1)+IF('Standard Profiles'!$G$22=$B$10,7,0)+IF('Standard Profiles'!$G$22=$B$17,14,0)+IF('Standard Profiles'!$G$22=$B$24,21,0),0)),0)</f>
        <v>0</v>
      </c>
      <c r="I1849">
        <f t="shared" si="216"/>
        <v>0.24537638919071922</v>
      </c>
      <c r="J1849">
        <f t="shared" si="217"/>
        <v>0.81792129730239749</v>
      </c>
      <c r="K1849">
        <f t="shared" si="218"/>
        <v>1.2268819459535962</v>
      </c>
      <c r="L1849">
        <f t="shared" si="219"/>
        <v>13.22608112190256</v>
      </c>
      <c r="M1849">
        <f t="shared" si="220"/>
        <v>0</v>
      </c>
      <c r="N1849" s="46">
        <f t="shared" si="221"/>
        <v>45367.624999995598</v>
      </c>
    </row>
    <row r="1850" spans="2:14" x14ac:dyDescent="0.3">
      <c r="B1850">
        <f t="shared" si="215"/>
        <v>6</v>
      </c>
      <c r="C1850" s="16">
        <v>1816</v>
      </c>
      <c r="D1850" cm="1">
        <f t="array" ref="D1850">IFERROR(INDEX(Jesper!AH$2:AH$366,ROUNDDOWN($C1850/24,0)+1,1)*INDEX($D$3:$AA$30,INDEX(Jesper!$R$2:$R$366,ROW(INDEX(Jesper!AH$2:AH$366,ROUNDDOWN($C1850/24,0)+1,1))-1)+IF('Standard Profiles'!$G$18=$B$10,7,0)+IF('Standard Profiles'!$G$18=$B$17,14,0)+IF('Standard Profiles'!$G$18=$B$24,21,0),MOD($C1850,24)+1)/SUM(INDEX($D$3:$AA$30,INDEX(Jesper!$R$2:$R$366,ROW(INDEX(Jesper!AH$2:AH$366,ROUNDDOWN($C1850/24,0)+1,1))-1)+IF('Standard Profiles'!$G$18=$B$10,7,0)+IF('Standard Profiles'!$G$18=$B$17,14,0)+IF('Standard Profiles'!$G$18=$B$24,21,0),0)),0)</f>
        <v>11.629620758483901</v>
      </c>
      <c r="E1850" cm="1">
        <f t="array" ref="E1850">IFERROR(INDEX(Jesper!AI$2:AI$366,ROUNDDOWN($C1850/24,0)+1,1)*INDEX($D$3:$AA$30,INDEX(Jesper!$R$2:$R$366,ROW(INDEX(Jesper!AI$2:AI$366,ROUNDDOWN($C1850/24,0)+1,1))-1)+IF('Standard Profiles'!$G$19=$B$10,7,0)+IF('Standard Profiles'!$G$19=$B$17,14,0)+IF('Standard Profiles'!$G$19=$B$24,21,0),MOD($C1850,24)+1)/SUM(INDEX($D$3:$AA$30,INDEX(Jesper!$R$2:$R$366,ROW(INDEX(Jesper!AI$2:AI$366,ROUNDDOWN($C1850/24,0)+1,1))-1)+IF('Standard Profiles'!$G$19=$B$10,7,0)+IF('Standard Profiles'!$G$19=$B$17,14,0)+IF('Standard Profiles'!$G$19=$B$24,21,0),0)),0)</f>
        <v>2.4760708363790753</v>
      </c>
      <c r="F1850" cm="1">
        <f t="array" ref="F1850">IFERROR(INDEX(Jesper!AJ$2:AJ$366,ROUNDDOWN($C1850/24,0)+1,1)*INDEX($D$3:$AA$30,INDEX(Jesper!$R$2:$R$366,ROW(INDEX(Jesper!AJ$2:AJ$366,ROUNDDOWN($C1850/24,0)+1,1))-1)+IF('Standard Profiles'!$G$20=$B$10,7,0)+IF('Standard Profiles'!$G$20=$B$17,14,0)+IF('Standard Profiles'!$G$20=$B$24,21,0),MOD($C1850,24)+1)/SUM(INDEX($D$3:$AA$30,INDEX(Jesper!$R$2:$R$366,ROW(INDEX(Jesper!AJ$2:AJ$366,ROUNDDOWN($C1850/24,0)+1,1))-1)+IF('Standard Profiles'!$G$20=$B$10,7,0)+IF('Standard Profiles'!$G$20=$B$17,14,0)+IF('Standard Profiles'!$G$20=$B$24,21,0),0)),0)</f>
        <v>0</v>
      </c>
      <c r="G1850" cm="1">
        <f t="array" ref="G1850">IFERROR(INDEX(Jesper!AK$2:AK$366,ROUNDDOWN($C1850/24,0)+1,1)*INDEX($D$3:$AA$30,INDEX(Jesper!$R$2:$R$366,ROW(INDEX(Jesper!AK$2:AK$366,ROUNDDOWN($C1850/24,0)+1,1))-1)+IF('Standard Profiles'!$G$21=$B$10,7,0)+IF('Standard Profiles'!$G$21=$B$17,14,0)+IF('Standard Profiles'!$G$21=$B$24,21,0),MOD($C1850,24)+1)/SUM(INDEX($D$3:$AA$30,INDEX(Jesper!$R$2:$R$366,ROW(INDEX(Jesper!AK$2:AK$366,ROUNDDOWN($C1850/24,0)+1,1))-1)+IF('Standard Profiles'!$G$21=$B$10,7,0)+IF('Standard Profiles'!$G$21=$B$17,14,0)+IF('Standard Profiles'!$G$21=$B$24,21,0),0)),0)</f>
        <v>0</v>
      </c>
      <c r="H1850" cm="1">
        <f t="array" ref="H1850">IFERROR(INDEX(Jesper!AL$2:AL$366,ROUNDDOWN($C1850/24,0)+1,1)*INDEX($D$3:$AA$30,INDEX(Jesper!$R$2:$R$366,ROW(INDEX(Jesper!AL$2:AL$366,ROUNDDOWN($C1850/24,0)+1,1))-1)+IF('Standard Profiles'!$G$22=$B$10,7,0)+IF('Standard Profiles'!$G$22=$B$17,14,0)+IF('Standard Profiles'!$G$22=$B$24,21,0),MOD($C1850,24)+1)/SUM(INDEX($D$3:$AA$30,INDEX(Jesper!$R$2:$R$366,ROW(INDEX(Jesper!AL$2:AL$366,ROUNDDOWN($C1850/24,0)+1,1))-1)+IF('Standard Profiles'!$G$22=$B$10,7,0)+IF('Standard Profiles'!$G$22=$B$17,14,0)+IF('Standard Profiles'!$G$22=$B$24,21,0),0)),0)</f>
        <v>0</v>
      </c>
      <c r="I1850">
        <f t="shared" si="216"/>
        <v>0.22306944471883566</v>
      </c>
      <c r="J1850">
        <f t="shared" si="217"/>
        <v>0.74356481572945232</v>
      </c>
      <c r="K1850">
        <f t="shared" si="218"/>
        <v>1.1153472235941786</v>
      </c>
      <c r="L1850">
        <f t="shared" si="219"/>
        <v>12.02371011082051</v>
      </c>
      <c r="M1850">
        <f t="shared" si="220"/>
        <v>0</v>
      </c>
      <c r="N1850" s="46">
        <f t="shared" si="221"/>
        <v>45367.666666662262</v>
      </c>
    </row>
    <row r="1851" spans="2:14" x14ac:dyDescent="0.3">
      <c r="B1851">
        <f t="shared" si="215"/>
        <v>6</v>
      </c>
      <c r="C1851" s="16">
        <v>1817</v>
      </c>
      <c r="D1851" cm="1">
        <f t="array" ref="D1851">IFERROR(INDEX(Jesper!AH$2:AH$366,ROUNDDOWN($C1851/24,0)+1,1)*INDEX($D$3:$AA$30,INDEX(Jesper!$R$2:$R$366,ROW(INDEX(Jesper!AH$2:AH$366,ROUNDDOWN($C1851/24,0)+1,1))-1)+IF('Standard Profiles'!$G$18=$B$10,7,0)+IF('Standard Profiles'!$G$18=$B$17,14,0)+IF('Standard Profiles'!$G$18=$B$24,21,0),MOD($C1851,24)+1)/SUM(INDEX($D$3:$AA$30,INDEX(Jesper!$R$2:$R$366,ROW(INDEX(Jesper!AH$2:AH$366,ROUNDDOWN($C1851/24,0)+1,1))-1)+IF('Standard Profiles'!$G$18=$B$10,7,0)+IF('Standard Profiles'!$G$18=$B$17,14,0)+IF('Standard Profiles'!$G$18=$B$24,21,0),0)),0)</f>
        <v>10.466658682635511</v>
      </c>
      <c r="E1851" cm="1">
        <f t="array" ref="E1851">IFERROR(INDEX(Jesper!AI$2:AI$366,ROUNDDOWN($C1851/24,0)+1,1)*INDEX($D$3:$AA$30,INDEX(Jesper!$R$2:$R$366,ROW(INDEX(Jesper!AI$2:AI$366,ROUNDDOWN($C1851/24,0)+1,1))-1)+IF('Standard Profiles'!$G$19=$B$10,7,0)+IF('Standard Profiles'!$G$19=$B$17,14,0)+IF('Standard Profiles'!$G$19=$B$24,21,0),MOD($C1851,24)+1)/SUM(INDEX($D$3:$AA$30,INDEX(Jesper!$R$2:$R$366,ROW(INDEX(Jesper!AI$2:AI$366,ROUNDDOWN($C1851/24,0)+1,1))-1)+IF('Standard Profiles'!$G$19=$B$10,7,0)+IF('Standard Profiles'!$G$19=$B$17,14,0)+IF('Standard Profiles'!$G$19=$B$24,21,0),0)),0)</f>
        <v>2.2284637527411673</v>
      </c>
      <c r="F1851" cm="1">
        <f t="array" ref="F1851">IFERROR(INDEX(Jesper!AJ$2:AJ$366,ROUNDDOWN($C1851/24,0)+1,1)*INDEX($D$3:$AA$30,INDEX(Jesper!$R$2:$R$366,ROW(INDEX(Jesper!AJ$2:AJ$366,ROUNDDOWN($C1851/24,0)+1,1))-1)+IF('Standard Profiles'!$G$20=$B$10,7,0)+IF('Standard Profiles'!$G$20=$B$17,14,0)+IF('Standard Profiles'!$G$20=$B$24,21,0),MOD($C1851,24)+1)/SUM(INDEX($D$3:$AA$30,INDEX(Jesper!$R$2:$R$366,ROW(INDEX(Jesper!AJ$2:AJ$366,ROUNDDOWN($C1851/24,0)+1,1))-1)+IF('Standard Profiles'!$G$20=$B$10,7,0)+IF('Standard Profiles'!$G$20=$B$17,14,0)+IF('Standard Profiles'!$G$20=$B$24,21,0),0)),0)</f>
        <v>0</v>
      </c>
      <c r="G1851" cm="1">
        <f t="array" ref="G1851">IFERROR(INDEX(Jesper!AK$2:AK$366,ROUNDDOWN($C1851/24,0)+1,1)*INDEX($D$3:$AA$30,INDEX(Jesper!$R$2:$R$366,ROW(INDEX(Jesper!AK$2:AK$366,ROUNDDOWN($C1851/24,0)+1,1))-1)+IF('Standard Profiles'!$G$21=$B$10,7,0)+IF('Standard Profiles'!$G$21=$B$17,14,0)+IF('Standard Profiles'!$G$21=$B$24,21,0),MOD($C1851,24)+1)/SUM(INDEX($D$3:$AA$30,INDEX(Jesper!$R$2:$R$366,ROW(INDEX(Jesper!AK$2:AK$366,ROUNDDOWN($C1851/24,0)+1,1))-1)+IF('Standard Profiles'!$G$21=$B$10,7,0)+IF('Standard Profiles'!$G$21=$B$17,14,0)+IF('Standard Profiles'!$G$21=$B$24,21,0),0)),0)</f>
        <v>0</v>
      </c>
      <c r="H1851" cm="1">
        <f t="array" ref="H1851">IFERROR(INDEX(Jesper!AL$2:AL$366,ROUNDDOWN($C1851/24,0)+1,1)*INDEX($D$3:$AA$30,INDEX(Jesper!$R$2:$R$366,ROW(INDEX(Jesper!AL$2:AL$366,ROUNDDOWN($C1851/24,0)+1,1))-1)+IF('Standard Profiles'!$G$22=$B$10,7,0)+IF('Standard Profiles'!$G$22=$B$17,14,0)+IF('Standard Profiles'!$G$22=$B$24,21,0),MOD($C1851,24)+1)/SUM(INDEX($D$3:$AA$30,INDEX(Jesper!$R$2:$R$366,ROW(INDEX(Jesper!AL$2:AL$366,ROUNDDOWN($C1851/24,0)+1,1))-1)+IF('Standard Profiles'!$G$22=$B$10,7,0)+IF('Standard Profiles'!$G$22=$B$17,14,0)+IF('Standard Profiles'!$G$22=$B$24,21,0),0)),0)</f>
        <v>0</v>
      </c>
      <c r="I1851">
        <f t="shared" si="216"/>
        <v>0.20076250024695205</v>
      </c>
      <c r="J1851">
        <f t="shared" si="217"/>
        <v>0.66920833415650693</v>
      </c>
      <c r="K1851">
        <f t="shared" si="218"/>
        <v>1.0038125012347605</v>
      </c>
      <c r="L1851">
        <f t="shared" si="219"/>
        <v>10.821339099738459</v>
      </c>
      <c r="M1851">
        <f t="shared" si="220"/>
        <v>0</v>
      </c>
      <c r="N1851" s="46">
        <f t="shared" si="221"/>
        <v>45367.708333328927</v>
      </c>
    </row>
    <row r="1852" spans="2:14" x14ac:dyDescent="0.3">
      <c r="B1852">
        <f t="shared" si="215"/>
        <v>6</v>
      </c>
      <c r="C1852" s="16">
        <v>1818</v>
      </c>
      <c r="D1852" cm="1">
        <f t="array" ref="D1852">IFERROR(INDEX(Jesper!AH$2:AH$366,ROUNDDOWN($C1852/24,0)+1,1)*INDEX($D$3:$AA$30,INDEX(Jesper!$R$2:$R$366,ROW(INDEX(Jesper!AH$2:AH$366,ROUNDDOWN($C1852/24,0)+1,1))-1)+IF('Standard Profiles'!$G$18=$B$10,7,0)+IF('Standard Profiles'!$G$18=$B$17,14,0)+IF('Standard Profiles'!$G$18=$B$24,21,0),MOD($C1852,24)+1)/SUM(INDEX($D$3:$AA$30,INDEX(Jesper!$R$2:$R$366,ROW(INDEX(Jesper!AH$2:AH$366,ROUNDDOWN($C1852/24,0)+1,1))-1)+IF('Standard Profiles'!$G$18=$B$10,7,0)+IF('Standard Profiles'!$G$18=$B$17,14,0)+IF('Standard Profiles'!$G$18=$B$24,21,0),0)),0)</f>
        <v>10.079004657352712</v>
      </c>
      <c r="E1852" cm="1">
        <f t="array" ref="E1852">IFERROR(INDEX(Jesper!AI$2:AI$366,ROUNDDOWN($C1852/24,0)+1,1)*INDEX($D$3:$AA$30,INDEX(Jesper!$R$2:$R$366,ROW(INDEX(Jesper!AI$2:AI$366,ROUNDDOWN($C1852/24,0)+1,1))-1)+IF('Standard Profiles'!$G$19=$B$10,7,0)+IF('Standard Profiles'!$G$19=$B$17,14,0)+IF('Standard Profiles'!$G$19=$B$24,21,0),MOD($C1852,24)+1)/SUM(INDEX($D$3:$AA$30,INDEX(Jesper!$R$2:$R$366,ROW(INDEX(Jesper!AI$2:AI$366,ROUNDDOWN($C1852/24,0)+1,1))-1)+IF('Standard Profiles'!$G$19=$B$10,7,0)+IF('Standard Profiles'!$G$19=$B$17,14,0)+IF('Standard Profiles'!$G$19=$B$24,21,0),0)),0)</f>
        <v>2.1459280581951985</v>
      </c>
      <c r="F1852" cm="1">
        <f t="array" ref="F1852">IFERROR(INDEX(Jesper!AJ$2:AJ$366,ROUNDDOWN($C1852/24,0)+1,1)*INDEX($D$3:$AA$30,INDEX(Jesper!$R$2:$R$366,ROW(INDEX(Jesper!AJ$2:AJ$366,ROUNDDOWN($C1852/24,0)+1,1))-1)+IF('Standard Profiles'!$G$20=$B$10,7,0)+IF('Standard Profiles'!$G$20=$B$17,14,0)+IF('Standard Profiles'!$G$20=$B$24,21,0),MOD($C1852,24)+1)/SUM(INDEX($D$3:$AA$30,INDEX(Jesper!$R$2:$R$366,ROW(INDEX(Jesper!AJ$2:AJ$366,ROUNDDOWN($C1852/24,0)+1,1))-1)+IF('Standard Profiles'!$G$20=$B$10,7,0)+IF('Standard Profiles'!$G$20=$B$17,14,0)+IF('Standard Profiles'!$G$20=$B$24,21,0),0)),0)</f>
        <v>0</v>
      </c>
      <c r="G1852" cm="1">
        <f t="array" ref="G1852">IFERROR(INDEX(Jesper!AK$2:AK$366,ROUNDDOWN($C1852/24,0)+1,1)*INDEX($D$3:$AA$30,INDEX(Jesper!$R$2:$R$366,ROW(INDEX(Jesper!AK$2:AK$366,ROUNDDOWN($C1852/24,0)+1,1))-1)+IF('Standard Profiles'!$G$21=$B$10,7,0)+IF('Standard Profiles'!$G$21=$B$17,14,0)+IF('Standard Profiles'!$G$21=$B$24,21,0),MOD($C1852,24)+1)/SUM(INDEX($D$3:$AA$30,INDEX(Jesper!$R$2:$R$366,ROW(INDEX(Jesper!AK$2:AK$366,ROUNDDOWN($C1852/24,0)+1,1))-1)+IF('Standard Profiles'!$G$21=$B$10,7,0)+IF('Standard Profiles'!$G$21=$B$17,14,0)+IF('Standard Profiles'!$G$21=$B$24,21,0),0)),0)</f>
        <v>0</v>
      </c>
      <c r="H1852" cm="1">
        <f t="array" ref="H1852">IFERROR(INDEX(Jesper!AL$2:AL$366,ROUNDDOWN($C1852/24,0)+1,1)*INDEX($D$3:$AA$30,INDEX(Jesper!$R$2:$R$366,ROW(INDEX(Jesper!AL$2:AL$366,ROUNDDOWN($C1852/24,0)+1,1))-1)+IF('Standard Profiles'!$G$22=$B$10,7,0)+IF('Standard Profiles'!$G$22=$B$17,14,0)+IF('Standard Profiles'!$G$22=$B$24,21,0),MOD($C1852,24)+1)/SUM(INDEX($D$3:$AA$30,INDEX(Jesper!$R$2:$R$366,ROW(INDEX(Jesper!AL$2:AL$366,ROUNDDOWN($C1852/24,0)+1,1))-1)+IF('Standard Profiles'!$G$22=$B$10,7,0)+IF('Standard Profiles'!$G$22=$B$17,14,0)+IF('Standard Profiles'!$G$22=$B$24,21,0),0)),0)</f>
        <v>0</v>
      </c>
      <c r="I1852">
        <f t="shared" si="216"/>
        <v>0.19332685208965758</v>
      </c>
      <c r="J1852">
        <f t="shared" si="217"/>
        <v>0.64442284029885866</v>
      </c>
      <c r="K1852">
        <f t="shared" si="218"/>
        <v>0.96663426044828793</v>
      </c>
      <c r="L1852">
        <f t="shared" si="219"/>
        <v>10.420548762711107</v>
      </c>
      <c r="M1852">
        <f t="shared" si="220"/>
        <v>0</v>
      </c>
      <c r="N1852" s="46">
        <f t="shared" si="221"/>
        <v>45367.749999995591</v>
      </c>
    </row>
    <row r="1853" spans="2:14" x14ac:dyDescent="0.3">
      <c r="B1853">
        <f t="shared" si="215"/>
        <v>6</v>
      </c>
      <c r="C1853" s="16">
        <v>1819</v>
      </c>
      <c r="D1853" cm="1">
        <f t="array" ref="D1853">IFERROR(INDEX(Jesper!AH$2:AH$366,ROUNDDOWN($C1853/24,0)+1,1)*INDEX($D$3:$AA$30,INDEX(Jesper!$R$2:$R$366,ROW(INDEX(Jesper!AH$2:AH$366,ROUNDDOWN($C1853/24,0)+1,1))-1)+IF('Standard Profiles'!$G$18=$B$10,7,0)+IF('Standard Profiles'!$G$18=$B$17,14,0)+IF('Standard Profiles'!$G$18=$B$24,21,0),MOD($C1853,24)+1)/SUM(INDEX($D$3:$AA$30,INDEX(Jesper!$R$2:$R$366,ROW(INDEX(Jesper!AH$2:AH$366,ROUNDDOWN($C1853/24,0)+1,1))-1)+IF('Standard Profiles'!$G$18=$B$10,7,0)+IF('Standard Profiles'!$G$18=$B$17,14,0)+IF('Standard Profiles'!$G$18=$B$24,21,0),0)),0)</f>
        <v>8.1407345309387296</v>
      </c>
      <c r="E1853" cm="1">
        <f t="array" ref="E1853">IFERROR(INDEX(Jesper!AI$2:AI$366,ROUNDDOWN($C1853/24,0)+1,1)*INDEX($D$3:$AA$30,INDEX(Jesper!$R$2:$R$366,ROW(INDEX(Jesper!AI$2:AI$366,ROUNDDOWN($C1853/24,0)+1,1))-1)+IF('Standard Profiles'!$G$19=$B$10,7,0)+IF('Standard Profiles'!$G$19=$B$17,14,0)+IF('Standard Profiles'!$G$19=$B$24,21,0),MOD($C1853,24)+1)/SUM(INDEX($D$3:$AA$30,INDEX(Jesper!$R$2:$R$366,ROW(INDEX(Jesper!AI$2:AI$366,ROUNDDOWN($C1853/24,0)+1,1))-1)+IF('Standard Profiles'!$G$19=$B$10,7,0)+IF('Standard Profiles'!$G$19=$B$17,14,0)+IF('Standard Profiles'!$G$19=$B$24,21,0),0)),0)</f>
        <v>1.7332495854653525</v>
      </c>
      <c r="F1853" cm="1">
        <f t="array" ref="F1853">IFERROR(INDEX(Jesper!AJ$2:AJ$366,ROUNDDOWN($C1853/24,0)+1,1)*INDEX($D$3:$AA$30,INDEX(Jesper!$R$2:$R$366,ROW(INDEX(Jesper!AJ$2:AJ$366,ROUNDDOWN($C1853/24,0)+1,1))-1)+IF('Standard Profiles'!$G$20=$B$10,7,0)+IF('Standard Profiles'!$G$20=$B$17,14,0)+IF('Standard Profiles'!$G$20=$B$24,21,0),MOD($C1853,24)+1)/SUM(INDEX($D$3:$AA$30,INDEX(Jesper!$R$2:$R$366,ROW(INDEX(Jesper!AJ$2:AJ$366,ROUNDDOWN($C1853/24,0)+1,1))-1)+IF('Standard Profiles'!$G$20=$B$10,7,0)+IF('Standard Profiles'!$G$20=$B$17,14,0)+IF('Standard Profiles'!$G$20=$B$24,21,0),0)),0)</f>
        <v>0</v>
      </c>
      <c r="G1853" cm="1">
        <f t="array" ref="G1853">IFERROR(INDEX(Jesper!AK$2:AK$366,ROUNDDOWN($C1853/24,0)+1,1)*INDEX($D$3:$AA$30,INDEX(Jesper!$R$2:$R$366,ROW(INDEX(Jesper!AK$2:AK$366,ROUNDDOWN($C1853/24,0)+1,1))-1)+IF('Standard Profiles'!$G$21=$B$10,7,0)+IF('Standard Profiles'!$G$21=$B$17,14,0)+IF('Standard Profiles'!$G$21=$B$24,21,0),MOD($C1853,24)+1)/SUM(INDEX($D$3:$AA$30,INDEX(Jesper!$R$2:$R$366,ROW(INDEX(Jesper!AK$2:AK$366,ROUNDDOWN($C1853/24,0)+1,1))-1)+IF('Standard Profiles'!$G$21=$B$10,7,0)+IF('Standard Profiles'!$G$21=$B$17,14,0)+IF('Standard Profiles'!$G$21=$B$24,21,0),0)),0)</f>
        <v>0</v>
      </c>
      <c r="H1853" cm="1">
        <f t="array" ref="H1853">IFERROR(INDEX(Jesper!AL$2:AL$366,ROUNDDOWN($C1853/24,0)+1,1)*INDEX($D$3:$AA$30,INDEX(Jesper!$R$2:$R$366,ROW(INDEX(Jesper!AL$2:AL$366,ROUNDDOWN($C1853/24,0)+1,1))-1)+IF('Standard Profiles'!$G$22=$B$10,7,0)+IF('Standard Profiles'!$G$22=$B$17,14,0)+IF('Standard Profiles'!$G$22=$B$24,21,0),MOD($C1853,24)+1)/SUM(INDEX($D$3:$AA$30,INDEX(Jesper!$R$2:$R$366,ROW(INDEX(Jesper!AL$2:AL$366,ROUNDDOWN($C1853/24,0)+1,1))-1)+IF('Standard Profiles'!$G$22=$B$10,7,0)+IF('Standard Profiles'!$G$22=$B$17,14,0)+IF('Standard Profiles'!$G$22=$B$24,21,0),0)),0)</f>
        <v>0</v>
      </c>
      <c r="I1853">
        <f t="shared" si="216"/>
        <v>0.15614861130318494</v>
      </c>
      <c r="J1853">
        <f t="shared" si="217"/>
        <v>0.5204953710106166</v>
      </c>
      <c r="K1853">
        <f t="shared" si="218"/>
        <v>0.78074305651592479</v>
      </c>
      <c r="L1853">
        <f t="shared" si="219"/>
        <v>8.4165970775743553</v>
      </c>
      <c r="M1853">
        <f t="shared" si="220"/>
        <v>0</v>
      </c>
      <c r="N1853" s="46">
        <f t="shared" si="221"/>
        <v>45367.791666662255</v>
      </c>
    </row>
    <row r="1854" spans="2:14" x14ac:dyDescent="0.3">
      <c r="B1854">
        <f t="shared" si="215"/>
        <v>6</v>
      </c>
      <c r="C1854" s="16">
        <v>1820</v>
      </c>
      <c r="D1854" cm="1">
        <f t="array" ref="D1854">IFERROR(INDEX(Jesper!AH$2:AH$366,ROUNDDOWN($C1854/24,0)+1,1)*INDEX($D$3:$AA$30,INDEX(Jesper!$R$2:$R$366,ROW(INDEX(Jesper!AH$2:AH$366,ROUNDDOWN($C1854/24,0)+1,1))-1)+IF('Standard Profiles'!$G$18=$B$10,7,0)+IF('Standard Profiles'!$G$18=$B$17,14,0)+IF('Standard Profiles'!$G$18=$B$24,21,0),MOD($C1854,24)+1)/SUM(INDEX($D$3:$AA$30,INDEX(Jesper!$R$2:$R$366,ROW(INDEX(Jesper!AH$2:AH$366,ROUNDDOWN($C1854/24,0)+1,1))-1)+IF('Standard Profiles'!$G$18=$B$10,7,0)+IF('Standard Profiles'!$G$18=$B$17,14,0)+IF('Standard Profiles'!$G$18=$B$24,21,0),0)),0)</f>
        <v>6.0086373918833491</v>
      </c>
      <c r="E1854" cm="1">
        <f t="array" ref="E1854">IFERROR(INDEX(Jesper!AI$2:AI$366,ROUNDDOWN($C1854/24,0)+1,1)*INDEX($D$3:$AA$30,INDEX(Jesper!$R$2:$R$366,ROW(INDEX(Jesper!AI$2:AI$366,ROUNDDOWN($C1854/24,0)+1,1))-1)+IF('Standard Profiles'!$G$19=$B$10,7,0)+IF('Standard Profiles'!$G$19=$B$17,14,0)+IF('Standard Profiles'!$G$19=$B$24,21,0),MOD($C1854,24)+1)/SUM(INDEX($D$3:$AA$30,INDEX(Jesper!$R$2:$R$366,ROW(INDEX(Jesper!AI$2:AI$366,ROUNDDOWN($C1854/24,0)+1,1))-1)+IF('Standard Profiles'!$G$19=$B$10,7,0)+IF('Standard Profiles'!$G$19=$B$17,14,0)+IF('Standard Profiles'!$G$19=$B$24,21,0),0)),0)</f>
        <v>1.279303265462522</v>
      </c>
      <c r="F1854" cm="1">
        <f t="array" ref="F1854">IFERROR(INDEX(Jesper!AJ$2:AJ$366,ROUNDDOWN($C1854/24,0)+1,1)*INDEX($D$3:$AA$30,INDEX(Jesper!$R$2:$R$366,ROW(INDEX(Jesper!AJ$2:AJ$366,ROUNDDOWN($C1854/24,0)+1,1))-1)+IF('Standard Profiles'!$G$20=$B$10,7,0)+IF('Standard Profiles'!$G$20=$B$17,14,0)+IF('Standard Profiles'!$G$20=$B$24,21,0),MOD($C1854,24)+1)/SUM(INDEX($D$3:$AA$30,INDEX(Jesper!$R$2:$R$366,ROW(INDEX(Jesper!AJ$2:AJ$366,ROUNDDOWN($C1854/24,0)+1,1))-1)+IF('Standard Profiles'!$G$20=$B$10,7,0)+IF('Standard Profiles'!$G$20=$B$17,14,0)+IF('Standard Profiles'!$G$20=$B$24,21,0),0)),0)</f>
        <v>0</v>
      </c>
      <c r="G1854" cm="1">
        <f t="array" ref="G1854">IFERROR(INDEX(Jesper!AK$2:AK$366,ROUNDDOWN($C1854/24,0)+1,1)*INDEX($D$3:$AA$30,INDEX(Jesper!$R$2:$R$366,ROW(INDEX(Jesper!AK$2:AK$366,ROUNDDOWN($C1854/24,0)+1,1))-1)+IF('Standard Profiles'!$G$21=$B$10,7,0)+IF('Standard Profiles'!$G$21=$B$17,14,0)+IF('Standard Profiles'!$G$21=$B$24,21,0),MOD($C1854,24)+1)/SUM(INDEX($D$3:$AA$30,INDEX(Jesper!$R$2:$R$366,ROW(INDEX(Jesper!AK$2:AK$366,ROUNDDOWN($C1854/24,0)+1,1))-1)+IF('Standard Profiles'!$G$21=$B$10,7,0)+IF('Standard Profiles'!$G$21=$B$17,14,0)+IF('Standard Profiles'!$G$21=$B$24,21,0),0)),0)</f>
        <v>0</v>
      </c>
      <c r="H1854" cm="1">
        <f t="array" ref="H1854">IFERROR(INDEX(Jesper!AL$2:AL$366,ROUNDDOWN($C1854/24,0)+1,1)*INDEX($D$3:$AA$30,INDEX(Jesper!$R$2:$R$366,ROW(INDEX(Jesper!AL$2:AL$366,ROUNDDOWN($C1854/24,0)+1,1))-1)+IF('Standard Profiles'!$G$22=$B$10,7,0)+IF('Standard Profiles'!$G$22=$B$17,14,0)+IF('Standard Profiles'!$G$22=$B$24,21,0),MOD($C1854,24)+1)/SUM(INDEX($D$3:$AA$30,INDEX(Jesper!$R$2:$R$366,ROW(INDEX(Jesper!AL$2:AL$366,ROUNDDOWN($C1854/24,0)+1,1))-1)+IF('Standard Profiles'!$G$22=$B$10,7,0)+IF('Standard Profiles'!$G$22=$B$17,14,0)+IF('Standard Profiles'!$G$22=$B$24,21,0),0)),0)</f>
        <v>0</v>
      </c>
      <c r="I1854">
        <f t="shared" si="216"/>
        <v>0.11525254643806508</v>
      </c>
      <c r="J1854">
        <f t="shared" si="217"/>
        <v>0.3841751547935503</v>
      </c>
      <c r="K1854">
        <f t="shared" si="218"/>
        <v>0.57626273219032542</v>
      </c>
      <c r="L1854">
        <f t="shared" si="219"/>
        <v>6.2122502239239301</v>
      </c>
      <c r="M1854">
        <f t="shared" si="220"/>
        <v>0</v>
      </c>
      <c r="N1854" s="46">
        <f t="shared" si="221"/>
        <v>45367.833333328919</v>
      </c>
    </row>
    <row r="1855" spans="2:14" x14ac:dyDescent="0.3">
      <c r="B1855">
        <f t="shared" si="215"/>
        <v>6</v>
      </c>
      <c r="C1855" s="16">
        <v>1821</v>
      </c>
      <c r="D1855" cm="1">
        <f t="array" ref="D1855">IFERROR(INDEX(Jesper!AH$2:AH$366,ROUNDDOWN($C1855/24,0)+1,1)*INDEX($D$3:$AA$30,INDEX(Jesper!$R$2:$R$366,ROW(INDEX(Jesper!AH$2:AH$366,ROUNDDOWN($C1855/24,0)+1,1))-1)+IF('Standard Profiles'!$G$18=$B$10,7,0)+IF('Standard Profiles'!$G$18=$B$17,14,0)+IF('Standard Profiles'!$G$18=$B$24,21,0),MOD($C1855,24)+1)/SUM(INDEX($D$3:$AA$30,INDEX(Jesper!$R$2:$R$366,ROW(INDEX(Jesper!AH$2:AH$366,ROUNDDOWN($C1855/24,0)+1,1))-1)+IF('Standard Profiles'!$G$18=$B$10,7,0)+IF('Standard Profiles'!$G$18=$B$17,14,0)+IF('Standard Profiles'!$G$18=$B$24,21,0),0)),0)</f>
        <v>6.0086373918833491</v>
      </c>
      <c r="E1855" cm="1">
        <f t="array" ref="E1855">IFERROR(INDEX(Jesper!AI$2:AI$366,ROUNDDOWN($C1855/24,0)+1,1)*INDEX($D$3:$AA$30,INDEX(Jesper!$R$2:$R$366,ROW(INDEX(Jesper!AI$2:AI$366,ROUNDDOWN($C1855/24,0)+1,1))-1)+IF('Standard Profiles'!$G$19=$B$10,7,0)+IF('Standard Profiles'!$G$19=$B$17,14,0)+IF('Standard Profiles'!$G$19=$B$24,21,0),MOD($C1855,24)+1)/SUM(INDEX($D$3:$AA$30,INDEX(Jesper!$R$2:$R$366,ROW(INDEX(Jesper!AI$2:AI$366,ROUNDDOWN($C1855/24,0)+1,1))-1)+IF('Standard Profiles'!$G$19=$B$10,7,0)+IF('Standard Profiles'!$G$19=$B$17,14,0)+IF('Standard Profiles'!$G$19=$B$24,21,0),0)),0)</f>
        <v>1.279303265462522</v>
      </c>
      <c r="F1855" cm="1">
        <f t="array" ref="F1855">IFERROR(INDEX(Jesper!AJ$2:AJ$366,ROUNDDOWN($C1855/24,0)+1,1)*INDEX($D$3:$AA$30,INDEX(Jesper!$R$2:$R$366,ROW(INDEX(Jesper!AJ$2:AJ$366,ROUNDDOWN($C1855/24,0)+1,1))-1)+IF('Standard Profiles'!$G$20=$B$10,7,0)+IF('Standard Profiles'!$G$20=$B$17,14,0)+IF('Standard Profiles'!$G$20=$B$24,21,0),MOD($C1855,24)+1)/SUM(INDEX($D$3:$AA$30,INDEX(Jesper!$R$2:$R$366,ROW(INDEX(Jesper!AJ$2:AJ$366,ROUNDDOWN($C1855/24,0)+1,1))-1)+IF('Standard Profiles'!$G$20=$B$10,7,0)+IF('Standard Profiles'!$G$20=$B$17,14,0)+IF('Standard Profiles'!$G$20=$B$24,21,0),0)),0)</f>
        <v>0</v>
      </c>
      <c r="G1855" cm="1">
        <f t="array" ref="G1855">IFERROR(INDEX(Jesper!AK$2:AK$366,ROUNDDOWN($C1855/24,0)+1,1)*INDEX($D$3:$AA$30,INDEX(Jesper!$R$2:$R$366,ROW(INDEX(Jesper!AK$2:AK$366,ROUNDDOWN($C1855/24,0)+1,1))-1)+IF('Standard Profiles'!$G$21=$B$10,7,0)+IF('Standard Profiles'!$G$21=$B$17,14,0)+IF('Standard Profiles'!$G$21=$B$24,21,0),MOD($C1855,24)+1)/SUM(INDEX($D$3:$AA$30,INDEX(Jesper!$R$2:$R$366,ROW(INDEX(Jesper!AK$2:AK$366,ROUNDDOWN($C1855/24,0)+1,1))-1)+IF('Standard Profiles'!$G$21=$B$10,7,0)+IF('Standard Profiles'!$G$21=$B$17,14,0)+IF('Standard Profiles'!$G$21=$B$24,21,0),0)),0)</f>
        <v>0</v>
      </c>
      <c r="H1855" cm="1">
        <f t="array" ref="H1855">IFERROR(INDEX(Jesper!AL$2:AL$366,ROUNDDOWN($C1855/24,0)+1,1)*INDEX($D$3:$AA$30,INDEX(Jesper!$R$2:$R$366,ROW(INDEX(Jesper!AL$2:AL$366,ROUNDDOWN($C1855/24,0)+1,1))-1)+IF('Standard Profiles'!$G$22=$B$10,7,0)+IF('Standard Profiles'!$G$22=$B$17,14,0)+IF('Standard Profiles'!$G$22=$B$24,21,0),MOD($C1855,24)+1)/SUM(INDEX($D$3:$AA$30,INDEX(Jesper!$R$2:$R$366,ROW(INDEX(Jesper!AL$2:AL$366,ROUNDDOWN($C1855/24,0)+1,1))-1)+IF('Standard Profiles'!$G$22=$B$10,7,0)+IF('Standard Profiles'!$G$22=$B$17,14,0)+IF('Standard Profiles'!$G$22=$B$24,21,0),0)),0)</f>
        <v>0</v>
      </c>
      <c r="I1855">
        <f t="shared" si="216"/>
        <v>0.11525254643806508</v>
      </c>
      <c r="J1855">
        <f t="shared" si="217"/>
        <v>0.3841751547935503</v>
      </c>
      <c r="K1855">
        <f t="shared" si="218"/>
        <v>0.57626273219032542</v>
      </c>
      <c r="L1855">
        <f t="shared" si="219"/>
        <v>6.2122502239239301</v>
      </c>
      <c r="M1855">
        <f t="shared" si="220"/>
        <v>0</v>
      </c>
      <c r="N1855" s="46">
        <f t="shared" si="221"/>
        <v>45367.874999995583</v>
      </c>
    </row>
    <row r="1856" spans="2:14" x14ac:dyDescent="0.3">
      <c r="B1856">
        <f t="shared" si="215"/>
        <v>6</v>
      </c>
      <c r="C1856" s="16">
        <v>1822</v>
      </c>
      <c r="D1856" cm="1">
        <f t="array" ref="D1856">IFERROR(INDEX(Jesper!AH$2:AH$366,ROUNDDOWN($C1856/24,0)+1,1)*INDEX($D$3:$AA$30,INDEX(Jesper!$R$2:$R$366,ROW(INDEX(Jesper!AH$2:AH$366,ROUNDDOWN($C1856/24,0)+1,1))-1)+IF('Standard Profiles'!$G$18=$B$10,7,0)+IF('Standard Profiles'!$G$18=$B$17,14,0)+IF('Standard Profiles'!$G$18=$B$24,21,0),MOD($C1856,24)+1)/SUM(INDEX($D$3:$AA$30,INDEX(Jesper!$R$2:$R$366,ROW(INDEX(Jesper!AH$2:AH$366,ROUNDDOWN($C1856/24,0)+1,1))-1)+IF('Standard Profiles'!$G$18=$B$10,7,0)+IF('Standard Profiles'!$G$18=$B$17,14,0)+IF('Standard Profiles'!$G$18=$B$24,21,0),0)),0)</f>
        <v>6.0086373918833491</v>
      </c>
      <c r="E1856" cm="1">
        <f t="array" ref="E1856">IFERROR(INDEX(Jesper!AI$2:AI$366,ROUNDDOWN($C1856/24,0)+1,1)*INDEX($D$3:$AA$30,INDEX(Jesper!$R$2:$R$366,ROW(INDEX(Jesper!AI$2:AI$366,ROUNDDOWN($C1856/24,0)+1,1))-1)+IF('Standard Profiles'!$G$19=$B$10,7,0)+IF('Standard Profiles'!$G$19=$B$17,14,0)+IF('Standard Profiles'!$G$19=$B$24,21,0),MOD($C1856,24)+1)/SUM(INDEX($D$3:$AA$30,INDEX(Jesper!$R$2:$R$366,ROW(INDEX(Jesper!AI$2:AI$366,ROUNDDOWN($C1856/24,0)+1,1))-1)+IF('Standard Profiles'!$G$19=$B$10,7,0)+IF('Standard Profiles'!$G$19=$B$17,14,0)+IF('Standard Profiles'!$G$19=$B$24,21,0),0)),0)</f>
        <v>1.279303265462522</v>
      </c>
      <c r="F1856" cm="1">
        <f t="array" ref="F1856">IFERROR(INDEX(Jesper!AJ$2:AJ$366,ROUNDDOWN($C1856/24,0)+1,1)*INDEX($D$3:$AA$30,INDEX(Jesper!$R$2:$R$366,ROW(INDEX(Jesper!AJ$2:AJ$366,ROUNDDOWN($C1856/24,0)+1,1))-1)+IF('Standard Profiles'!$G$20=$B$10,7,0)+IF('Standard Profiles'!$G$20=$B$17,14,0)+IF('Standard Profiles'!$G$20=$B$24,21,0),MOD($C1856,24)+1)/SUM(INDEX($D$3:$AA$30,INDEX(Jesper!$R$2:$R$366,ROW(INDEX(Jesper!AJ$2:AJ$366,ROUNDDOWN($C1856/24,0)+1,1))-1)+IF('Standard Profiles'!$G$20=$B$10,7,0)+IF('Standard Profiles'!$G$20=$B$17,14,0)+IF('Standard Profiles'!$G$20=$B$24,21,0),0)),0)</f>
        <v>0</v>
      </c>
      <c r="G1856" cm="1">
        <f t="array" ref="G1856">IFERROR(INDEX(Jesper!AK$2:AK$366,ROUNDDOWN($C1856/24,0)+1,1)*INDEX($D$3:$AA$30,INDEX(Jesper!$R$2:$R$366,ROW(INDEX(Jesper!AK$2:AK$366,ROUNDDOWN($C1856/24,0)+1,1))-1)+IF('Standard Profiles'!$G$21=$B$10,7,0)+IF('Standard Profiles'!$G$21=$B$17,14,0)+IF('Standard Profiles'!$G$21=$B$24,21,0),MOD($C1856,24)+1)/SUM(INDEX($D$3:$AA$30,INDEX(Jesper!$R$2:$R$366,ROW(INDEX(Jesper!AK$2:AK$366,ROUNDDOWN($C1856/24,0)+1,1))-1)+IF('Standard Profiles'!$G$21=$B$10,7,0)+IF('Standard Profiles'!$G$21=$B$17,14,0)+IF('Standard Profiles'!$G$21=$B$24,21,0),0)),0)</f>
        <v>0</v>
      </c>
      <c r="H1856" cm="1">
        <f t="array" ref="H1856">IFERROR(INDEX(Jesper!AL$2:AL$366,ROUNDDOWN($C1856/24,0)+1,1)*INDEX($D$3:$AA$30,INDEX(Jesper!$R$2:$R$366,ROW(INDEX(Jesper!AL$2:AL$366,ROUNDDOWN($C1856/24,0)+1,1))-1)+IF('Standard Profiles'!$G$22=$B$10,7,0)+IF('Standard Profiles'!$G$22=$B$17,14,0)+IF('Standard Profiles'!$G$22=$B$24,21,0),MOD($C1856,24)+1)/SUM(INDEX($D$3:$AA$30,INDEX(Jesper!$R$2:$R$366,ROW(INDEX(Jesper!AL$2:AL$366,ROUNDDOWN($C1856/24,0)+1,1))-1)+IF('Standard Profiles'!$G$22=$B$10,7,0)+IF('Standard Profiles'!$G$22=$B$17,14,0)+IF('Standard Profiles'!$G$22=$B$24,21,0),0)),0)</f>
        <v>0</v>
      </c>
      <c r="I1856">
        <f t="shared" si="216"/>
        <v>0.11525254643806508</v>
      </c>
      <c r="J1856">
        <f t="shared" si="217"/>
        <v>0.3841751547935503</v>
      </c>
      <c r="K1856">
        <f t="shared" si="218"/>
        <v>0.57626273219032542</v>
      </c>
      <c r="L1856">
        <f t="shared" si="219"/>
        <v>6.2122502239239301</v>
      </c>
      <c r="M1856">
        <f t="shared" si="220"/>
        <v>0</v>
      </c>
      <c r="N1856" s="46">
        <f t="shared" si="221"/>
        <v>45367.916666662248</v>
      </c>
    </row>
    <row r="1857" spans="2:14" x14ac:dyDescent="0.3">
      <c r="B1857">
        <f t="shared" si="215"/>
        <v>6</v>
      </c>
      <c r="C1857" s="16">
        <v>1823</v>
      </c>
      <c r="D1857" cm="1">
        <f t="array" ref="D1857">IFERROR(INDEX(Jesper!AH$2:AH$366,ROUNDDOWN($C1857/24,0)+1,1)*INDEX($D$3:$AA$30,INDEX(Jesper!$R$2:$R$366,ROW(INDEX(Jesper!AH$2:AH$366,ROUNDDOWN($C1857/24,0)+1,1))-1)+IF('Standard Profiles'!$G$18=$B$10,7,0)+IF('Standard Profiles'!$G$18=$B$17,14,0)+IF('Standard Profiles'!$G$18=$B$24,21,0),MOD($C1857,24)+1)/SUM(INDEX($D$3:$AA$30,INDEX(Jesper!$R$2:$R$366,ROW(INDEX(Jesper!AH$2:AH$366,ROUNDDOWN($C1857/24,0)+1,1))-1)+IF('Standard Profiles'!$G$18=$B$10,7,0)+IF('Standard Profiles'!$G$18=$B$17,14,0)+IF('Standard Profiles'!$G$18=$B$24,21,0),0)),0)</f>
        <v>6.0086373918833491</v>
      </c>
      <c r="E1857" cm="1">
        <f t="array" ref="E1857">IFERROR(INDEX(Jesper!AI$2:AI$366,ROUNDDOWN($C1857/24,0)+1,1)*INDEX($D$3:$AA$30,INDEX(Jesper!$R$2:$R$366,ROW(INDEX(Jesper!AI$2:AI$366,ROUNDDOWN($C1857/24,0)+1,1))-1)+IF('Standard Profiles'!$G$19=$B$10,7,0)+IF('Standard Profiles'!$G$19=$B$17,14,0)+IF('Standard Profiles'!$G$19=$B$24,21,0),MOD($C1857,24)+1)/SUM(INDEX($D$3:$AA$30,INDEX(Jesper!$R$2:$R$366,ROW(INDEX(Jesper!AI$2:AI$366,ROUNDDOWN($C1857/24,0)+1,1))-1)+IF('Standard Profiles'!$G$19=$B$10,7,0)+IF('Standard Profiles'!$G$19=$B$17,14,0)+IF('Standard Profiles'!$G$19=$B$24,21,0),0)),0)</f>
        <v>1.279303265462522</v>
      </c>
      <c r="F1857" cm="1">
        <f t="array" ref="F1857">IFERROR(INDEX(Jesper!AJ$2:AJ$366,ROUNDDOWN($C1857/24,0)+1,1)*INDEX($D$3:$AA$30,INDEX(Jesper!$R$2:$R$366,ROW(INDEX(Jesper!AJ$2:AJ$366,ROUNDDOWN($C1857/24,0)+1,1))-1)+IF('Standard Profiles'!$G$20=$B$10,7,0)+IF('Standard Profiles'!$G$20=$B$17,14,0)+IF('Standard Profiles'!$G$20=$B$24,21,0),MOD($C1857,24)+1)/SUM(INDEX($D$3:$AA$30,INDEX(Jesper!$R$2:$R$366,ROW(INDEX(Jesper!AJ$2:AJ$366,ROUNDDOWN($C1857/24,0)+1,1))-1)+IF('Standard Profiles'!$G$20=$B$10,7,0)+IF('Standard Profiles'!$G$20=$B$17,14,0)+IF('Standard Profiles'!$G$20=$B$24,21,0),0)),0)</f>
        <v>0</v>
      </c>
      <c r="G1857" cm="1">
        <f t="array" ref="G1857">IFERROR(INDEX(Jesper!AK$2:AK$366,ROUNDDOWN($C1857/24,0)+1,1)*INDEX($D$3:$AA$30,INDEX(Jesper!$R$2:$R$366,ROW(INDEX(Jesper!AK$2:AK$366,ROUNDDOWN($C1857/24,0)+1,1))-1)+IF('Standard Profiles'!$G$21=$B$10,7,0)+IF('Standard Profiles'!$G$21=$B$17,14,0)+IF('Standard Profiles'!$G$21=$B$24,21,0),MOD($C1857,24)+1)/SUM(INDEX($D$3:$AA$30,INDEX(Jesper!$R$2:$R$366,ROW(INDEX(Jesper!AK$2:AK$366,ROUNDDOWN($C1857/24,0)+1,1))-1)+IF('Standard Profiles'!$G$21=$B$10,7,0)+IF('Standard Profiles'!$G$21=$B$17,14,0)+IF('Standard Profiles'!$G$21=$B$24,21,0),0)),0)</f>
        <v>0</v>
      </c>
      <c r="H1857" cm="1">
        <f t="array" ref="H1857">IFERROR(INDEX(Jesper!AL$2:AL$366,ROUNDDOWN($C1857/24,0)+1,1)*INDEX($D$3:$AA$30,INDEX(Jesper!$R$2:$R$366,ROW(INDEX(Jesper!AL$2:AL$366,ROUNDDOWN($C1857/24,0)+1,1))-1)+IF('Standard Profiles'!$G$22=$B$10,7,0)+IF('Standard Profiles'!$G$22=$B$17,14,0)+IF('Standard Profiles'!$G$22=$B$24,21,0),MOD($C1857,24)+1)/SUM(INDEX($D$3:$AA$30,INDEX(Jesper!$R$2:$R$366,ROW(INDEX(Jesper!AL$2:AL$366,ROUNDDOWN($C1857/24,0)+1,1))-1)+IF('Standard Profiles'!$G$22=$B$10,7,0)+IF('Standard Profiles'!$G$22=$B$17,14,0)+IF('Standard Profiles'!$G$22=$B$24,21,0),0)),0)</f>
        <v>0</v>
      </c>
      <c r="I1857">
        <f t="shared" si="216"/>
        <v>0.11525254643806508</v>
      </c>
      <c r="J1857">
        <f t="shared" si="217"/>
        <v>0.3841751547935503</v>
      </c>
      <c r="K1857">
        <f t="shared" si="218"/>
        <v>0.57626273219032542</v>
      </c>
      <c r="L1857">
        <f t="shared" si="219"/>
        <v>6.2122502239239301</v>
      </c>
      <c r="M1857">
        <f t="shared" si="220"/>
        <v>0</v>
      </c>
      <c r="N1857" s="46">
        <f t="shared" si="221"/>
        <v>45367.958333328912</v>
      </c>
    </row>
    <row r="1858" spans="2:14" x14ac:dyDescent="0.3">
      <c r="B1858">
        <f t="shared" si="215"/>
        <v>7</v>
      </c>
      <c r="C1858" s="16">
        <v>1824</v>
      </c>
      <c r="D1858" cm="1">
        <f t="array" ref="D1858">IFERROR(INDEX(Jesper!AH$2:AH$366,ROUNDDOWN($C1858/24,0)+1,1)*INDEX($D$3:$AA$30,INDEX(Jesper!$R$2:$R$366,ROW(INDEX(Jesper!AH$2:AH$366,ROUNDDOWN($C1858/24,0)+1,1))-1)+IF('Standard Profiles'!$G$18=$B$10,7,0)+IF('Standard Profiles'!$G$18=$B$17,14,0)+IF('Standard Profiles'!$G$18=$B$24,21,0),MOD($C1858,24)+1)/SUM(INDEX($D$3:$AA$30,INDEX(Jesper!$R$2:$R$366,ROW(INDEX(Jesper!AH$2:AH$366,ROUNDDOWN($C1858/24,0)+1,1))-1)+IF('Standard Profiles'!$G$18=$B$10,7,0)+IF('Standard Profiles'!$G$18=$B$17,14,0)+IF('Standard Profiles'!$G$18=$B$24,21,0),0)),0)</f>
        <v>6.9603596421633238</v>
      </c>
      <c r="E1858" cm="1">
        <f t="array" ref="E1858">IFERROR(INDEX(Jesper!AI$2:AI$366,ROUNDDOWN($C1858/24,0)+1,1)*INDEX($D$3:$AA$30,INDEX(Jesper!$R$2:$R$366,ROW(INDEX(Jesper!AI$2:AI$366,ROUNDDOWN($C1858/24,0)+1,1))-1)+IF('Standard Profiles'!$G$19=$B$10,7,0)+IF('Standard Profiles'!$G$19=$B$17,14,0)+IF('Standard Profiles'!$G$19=$B$24,21,0),MOD($C1858,24)+1)/SUM(INDEX($D$3:$AA$30,INDEX(Jesper!$R$2:$R$366,ROW(INDEX(Jesper!AI$2:AI$366,ROUNDDOWN($C1858/24,0)+1,1))-1)+IF('Standard Profiles'!$G$19=$B$10,7,0)+IF('Standard Profiles'!$G$19=$B$17,14,0)+IF('Standard Profiles'!$G$19=$B$24,21,0),0)),0)</f>
        <v>1.5241141059229828</v>
      </c>
      <c r="F1858" cm="1">
        <f t="array" ref="F1858">IFERROR(INDEX(Jesper!AJ$2:AJ$366,ROUNDDOWN($C1858/24,0)+1,1)*INDEX($D$3:$AA$30,INDEX(Jesper!$R$2:$R$366,ROW(INDEX(Jesper!AJ$2:AJ$366,ROUNDDOWN($C1858/24,0)+1,1))-1)+IF('Standard Profiles'!$G$20=$B$10,7,0)+IF('Standard Profiles'!$G$20=$B$17,14,0)+IF('Standard Profiles'!$G$20=$B$24,21,0),MOD($C1858,24)+1)/SUM(INDEX($D$3:$AA$30,INDEX(Jesper!$R$2:$R$366,ROW(INDEX(Jesper!AJ$2:AJ$366,ROUNDDOWN($C1858/24,0)+1,1))-1)+IF('Standard Profiles'!$G$20=$B$10,7,0)+IF('Standard Profiles'!$G$20=$B$17,14,0)+IF('Standard Profiles'!$G$20=$B$24,21,0),0)),0)</f>
        <v>0</v>
      </c>
      <c r="G1858" cm="1">
        <f t="array" ref="G1858">IFERROR(INDEX(Jesper!AK$2:AK$366,ROUNDDOWN($C1858/24,0)+1,1)*INDEX($D$3:$AA$30,INDEX(Jesper!$R$2:$R$366,ROW(INDEX(Jesper!AK$2:AK$366,ROUNDDOWN($C1858/24,0)+1,1))-1)+IF('Standard Profiles'!$G$21=$B$10,7,0)+IF('Standard Profiles'!$G$21=$B$17,14,0)+IF('Standard Profiles'!$G$21=$B$24,21,0),MOD($C1858,24)+1)/SUM(INDEX($D$3:$AA$30,INDEX(Jesper!$R$2:$R$366,ROW(INDEX(Jesper!AK$2:AK$366,ROUNDDOWN($C1858/24,0)+1,1))-1)+IF('Standard Profiles'!$G$21=$B$10,7,0)+IF('Standard Profiles'!$G$21=$B$17,14,0)+IF('Standard Profiles'!$G$21=$B$24,21,0),0)),0)</f>
        <v>0</v>
      </c>
      <c r="H1858" cm="1">
        <f t="array" ref="H1858">IFERROR(INDEX(Jesper!AL$2:AL$366,ROUNDDOWN($C1858/24,0)+1,1)*INDEX($D$3:$AA$30,INDEX(Jesper!$R$2:$R$366,ROW(INDEX(Jesper!AL$2:AL$366,ROUNDDOWN($C1858/24,0)+1,1))-1)+IF('Standard Profiles'!$G$22=$B$10,7,0)+IF('Standard Profiles'!$G$22=$B$17,14,0)+IF('Standard Profiles'!$G$22=$B$24,21,0),MOD($C1858,24)+1)/SUM(INDEX($D$3:$AA$30,INDEX(Jesper!$R$2:$R$366,ROW(INDEX(Jesper!AL$2:AL$366,ROUNDDOWN($C1858/24,0)+1,1))-1)+IF('Standard Profiles'!$G$22=$B$10,7,0)+IF('Standard Profiles'!$G$22=$B$17,14,0)+IF('Standard Profiles'!$G$22=$B$24,21,0),0)),0)</f>
        <v>0</v>
      </c>
      <c r="I1858">
        <f t="shared" si="216"/>
        <v>0.13730757711017866</v>
      </c>
      <c r="J1858">
        <f t="shared" si="217"/>
        <v>0.45769192370059564</v>
      </c>
      <c r="K1858">
        <f t="shared" si="218"/>
        <v>0.68653788555089346</v>
      </c>
      <c r="L1858">
        <f t="shared" si="219"/>
        <v>7.2029363617246389</v>
      </c>
      <c r="M1858">
        <f t="shared" si="220"/>
        <v>0</v>
      </c>
      <c r="N1858" s="46">
        <f t="shared" si="221"/>
        <v>45367.999999995576</v>
      </c>
    </row>
    <row r="1859" spans="2:14" x14ac:dyDescent="0.3">
      <c r="B1859">
        <f t="shared" si="215"/>
        <v>7</v>
      </c>
      <c r="C1859" s="16">
        <v>1825</v>
      </c>
      <c r="D1859" cm="1">
        <f t="array" ref="D1859">IFERROR(INDEX(Jesper!AH$2:AH$366,ROUNDDOWN($C1859/24,0)+1,1)*INDEX($D$3:$AA$30,INDEX(Jesper!$R$2:$R$366,ROW(INDEX(Jesper!AH$2:AH$366,ROUNDDOWN($C1859/24,0)+1,1))-1)+IF('Standard Profiles'!$G$18=$B$10,7,0)+IF('Standard Profiles'!$G$18=$B$17,14,0)+IF('Standard Profiles'!$G$18=$B$24,21,0),MOD($C1859,24)+1)/SUM(INDEX($D$3:$AA$30,INDEX(Jesper!$R$2:$R$366,ROW(INDEX(Jesper!AH$2:AH$366,ROUNDDOWN($C1859/24,0)+1,1))-1)+IF('Standard Profiles'!$G$18=$B$10,7,0)+IF('Standard Profiles'!$G$18=$B$17,14,0)+IF('Standard Profiles'!$G$18=$B$24,21,0),0)),0)</f>
        <v>8.0829982941251508</v>
      </c>
      <c r="E1859" cm="1">
        <f t="array" ref="E1859">IFERROR(INDEX(Jesper!AI$2:AI$366,ROUNDDOWN($C1859/24,0)+1,1)*INDEX($D$3:$AA$30,INDEX(Jesper!$R$2:$R$366,ROW(INDEX(Jesper!AI$2:AI$366,ROUNDDOWN($C1859/24,0)+1,1))-1)+IF('Standard Profiles'!$G$19=$B$10,7,0)+IF('Standard Profiles'!$G$19=$B$17,14,0)+IF('Standard Profiles'!$G$19=$B$24,21,0),MOD($C1859,24)+1)/SUM(INDEX($D$3:$AA$30,INDEX(Jesper!$R$2:$R$366,ROW(INDEX(Jesper!AI$2:AI$366,ROUNDDOWN($C1859/24,0)+1,1))-1)+IF('Standard Profiles'!$G$19=$B$10,7,0)+IF('Standard Profiles'!$G$19=$B$17,14,0)+IF('Standard Profiles'!$G$19=$B$24,21,0),0)),0)</f>
        <v>1.7699389617170123</v>
      </c>
      <c r="F1859" cm="1">
        <f t="array" ref="F1859">IFERROR(INDEX(Jesper!AJ$2:AJ$366,ROUNDDOWN($C1859/24,0)+1,1)*INDEX($D$3:$AA$30,INDEX(Jesper!$R$2:$R$366,ROW(INDEX(Jesper!AJ$2:AJ$366,ROUNDDOWN($C1859/24,0)+1,1))-1)+IF('Standard Profiles'!$G$20=$B$10,7,0)+IF('Standard Profiles'!$G$20=$B$17,14,0)+IF('Standard Profiles'!$G$20=$B$24,21,0),MOD($C1859,24)+1)/SUM(INDEX($D$3:$AA$30,INDEX(Jesper!$R$2:$R$366,ROW(INDEX(Jesper!AJ$2:AJ$366,ROUNDDOWN($C1859/24,0)+1,1))-1)+IF('Standard Profiles'!$G$20=$B$10,7,0)+IF('Standard Profiles'!$G$20=$B$17,14,0)+IF('Standard Profiles'!$G$20=$B$24,21,0),0)),0)</f>
        <v>0</v>
      </c>
      <c r="G1859" cm="1">
        <f t="array" ref="G1859">IFERROR(INDEX(Jesper!AK$2:AK$366,ROUNDDOWN($C1859/24,0)+1,1)*INDEX($D$3:$AA$30,INDEX(Jesper!$R$2:$R$366,ROW(INDEX(Jesper!AK$2:AK$366,ROUNDDOWN($C1859/24,0)+1,1))-1)+IF('Standard Profiles'!$G$21=$B$10,7,0)+IF('Standard Profiles'!$G$21=$B$17,14,0)+IF('Standard Profiles'!$G$21=$B$24,21,0),MOD($C1859,24)+1)/SUM(INDEX($D$3:$AA$30,INDEX(Jesper!$R$2:$R$366,ROW(INDEX(Jesper!AK$2:AK$366,ROUNDDOWN($C1859/24,0)+1,1))-1)+IF('Standard Profiles'!$G$21=$B$10,7,0)+IF('Standard Profiles'!$G$21=$B$17,14,0)+IF('Standard Profiles'!$G$21=$B$24,21,0),0)),0)</f>
        <v>0</v>
      </c>
      <c r="H1859" cm="1">
        <f t="array" ref="H1859">IFERROR(INDEX(Jesper!AL$2:AL$366,ROUNDDOWN($C1859/24,0)+1,1)*INDEX($D$3:$AA$30,INDEX(Jesper!$R$2:$R$366,ROW(INDEX(Jesper!AL$2:AL$366,ROUNDDOWN($C1859/24,0)+1,1))-1)+IF('Standard Profiles'!$G$22=$B$10,7,0)+IF('Standard Profiles'!$G$22=$B$17,14,0)+IF('Standard Profiles'!$G$22=$B$24,21,0),MOD($C1859,24)+1)/SUM(INDEX($D$3:$AA$30,INDEX(Jesper!$R$2:$R$366,ROW(INDEX(Jesper!AL$2:AL$366,ROUNDDOWN($C1859/24,0)+1,1))-1)+IF('Standard Profiles'!$G$22=$B$10,7,0)+IF('Standard Profiles'!$G$22=$B$17,14,0)+IF('Standard Profiles'!$G$22=$B$24,21,0),0)),0)</f>
        <v>0</v>
      </c>
      <c r="I1859">
        <f t="shared" si="216"/>
        <v>0.15945396051504618</v>
      </c>
      <c r="J1859">
        <f t="shared" si="217"/>
        <v>0.5315132017168207</v>
      </c>
      <c r="K1859">
        <f t="shared" si="218"/>
        <v>0.79726980257523106</v>
      </c>
      <c r="L1859">
        <f t="shared" si="219"/>
        <v>8.3647002910350654</v>
      </c>
      <c r="M1859">
        <f t="shared" si="220"/>
        <v>0</v>
      </c>
      <c r="N1859" s="46">
        <f t="shared" si="221"/>
        <v>45368.04166666224</v>
      </c>
    </row>
    <row r="1860" spans="2:14" x14ac:dyDescent="0.3">
      <c r="B1860">
        <f t="shared" si="215"/>
        <v>7</v>
      </c>
      <c r="C1860" s="16">
        <v>1826</v>
      </c>
      <c r="D1860" cm="1">
        <f t="array" ref="D1860">IFERROR(INDEX(Jesper!AH$2:AH$366,ROUNDDOWN($C1860/24,0)+1,1)*INDEX($D$3:$AA$30,INDEX(Jesper!$R$2:$R$366,ROW(INDEX(Jesper!AH$2:AH$366,ROUNDDOWN($C1860/24,0)+1,1))-1)+IF('Standard Profiles'!$G$18=$B$10,7,0)+IF('Standard Profiles'!$G$18=$B$17,14,0)+IF('Standard Profiles'!$G$18=$B$24,21,0),MOD($C1860,24)+1)/SUM(INDEX($D$3:$AA$30,INDEX(Jesper!$R$2:$R$366,ROW(INDEX(Jesper!AH$2:AH$366,ROUNDDOWN($C1860/24,0)+1,1))-1)+IF('Standard Profiles'!$G$18=$B$10,7,0)+IF('Standard Profiles'!$G$18=$B$17,14,0)+IF('Standard Profiles'!$G$18=$B$24,21,0),0)),0)</f>
        <v>8.0829982941251508</v>
      </c>
      <c r="E1860" cm="1">
        <f t="array" ref="E1860">IFERROR(INDEX(Jesper!AI$2:AI$366,ROUNDDOWN($C1860/24,0)+1,1)*INDEX($D$3:$AA$30,INDEX(Jesper!$R$2:$R$366,ROW(INDEX(Jesper!AI$2:AI$366,ROUNDDOWN($C1860/24,0)+1,1))-1)+IF('Standard Profiles'!$G$19=$B$10,7,0)+IF('Standard Profiles'!$G$19=$B$17,14,0)+IF('Standard Profiles'!$G$19=$B$24,21,0),MOD($C1860,24)+1)/SUM(INDEX($D$3:$AA$30,INDEX(Jesper!$R$2:$R$366,ROW(INDEX(Jesper!AI$2:AI$366,ROUNDDOWN($C1860/24,0)+1,1))-1)+IF('Standard Profiles'!$G$19=$B$10,7,0)+IF('Standard Profiles'!$G$19=$B$17,14,0)+IF('Standard Profiles'!$G$19=$B$24,21,0),0)),0)</f>
        <v>1.7699389617170123</v>
      </c>
      <c r="F1860" cm="1">
        <f t="array" ref="F1860">IFERROR(INDEX(Jesper!AJ$2:AJ$366,ROUNDDOWN($C1860/24,0)+1,1)*INDEX($D$3:$AA$30,INDEX(Jesper!$R$2:$R$366,ROW(INDEX(Jesper!AJ$2:AJ$366,ROUNDDOWN($C1860/24,0)+1,1))-1)+IF('Standard Profiles'!$G$20=$B$10,7,0)+IF('Standard Profiles'!$G$20=$B$17,14,0)+IF('Standard Profiles'!$G$20=$B$24,21,0),MOD($C1860,24)+1)/SUM(INDEX($D$3:$AA$30,INDEX(Jesper!$R$2:$R$366,ROW(INDEX(Jesper!AJ$2:AJ$366,ROUNDDOWN($C1860/24,0)+1,1))-1)+IF('Standard Profiles'!$G$20=$B$10,7,0)+IF('Standard Profiles'!$G$20=$B$17,14,0)+IF('Standard Profiles'!$G$20=$B$24,21,0),0)),0)</f>
        <v>0</v>
      </c>
      <c r="G1860" cm="1">
        <f t="array" ref="G1860">IFERROR(INDEX(Jesper!AK$2:AK$366,ROUNDDOWN($C1860/24,0)+1,1)*INDEX($D$3:$AA$30,INDEX(Jesper!$R$2:$R$366,ROW(INDEX(Jesper!AK$2:AK$366,ROUNDDOWN($C1860/24,0)+1,1))-1)+IF('Standard Profiles'!$G$21=$B$10,7,0)+IF('Standard Profiles'!$G$21=$B$17,14,0)+IF('Standard Profiles'!$G$21=$B$24,21,0),MOD($C1860,24)+1)/SUM(INDEX($D$3:$AA$30,INDEX(Jesper!$R$2:$R$366,ROW(INDEX(Jesper!AK$2:AK$366,ROUNDDOWN($C1860/24,0)+1,1))-1)+IF('Standard Profiles'!$G$21=$B$10,7,0)+IF('Standard Profiles'!$G$21=$B$17,14,0)+IF('Standard Profiles'!$G$21=$B$24,21,0),0)),0)</f>
        <v>0</v>
      </c>
      <c r="H1860" cm="1">
        <f t="array" ref="H1860">IFERROR(INDEX(Jesper!AL$2:AL$366,ROUNDDOWN($C1860/24,0)+1,1)*INDEX($D$3:$AA$30,INDEX(Jesper!$R$2:$R$366,ROW(INDEX(Jesper!AL$2:AL$366,ROUNDDOWN($C1860/24,0)+1,1))-1)+IF('Standard Profiles'!$G$22=$B$10,7,0)+IF('Standard Profiles'!$G$22=$B$17,14,0)+IF('Standard Profiles'!$G$22=$B$24,21,0),MOD($C1860,24)+1)/SUM(INDEX($D$3:$AA$30,INDEX(Jesper!$R$2:$R$366,ROW(INDEX(Jesper!AL$2:AL$366,ROUNDDOWN($C1860/24,0)+1,1))-1)+IF('Standard Profiles'!$G$22=$B$10,7,0)+IF('Standard Profiles'!$G$22=$B$17,14,0)+IF('Standard Profiles'!$G$22=$B$24,21,0),0)),0)</f>
        <v>0</v>
      </c>
      <c r="I1860">
        <f t="shared" si="216"/>
        <v>0.15945396051504618</v>
      </c>
      <c r="J1860">
        <f t="shared" si="217"/>
        <v>0.5315132017168207</v>
      </c>
      <c r="K1860">
        <f t="shared" si="218"/>
        <v>0.79726980257523106</v>
      </c>
      <c r="L1860">
        <f t="shared" si="219"/>
        <v>8.3647002910350654</v>
      </c>
      <c r="M1860">
        <f t="shared" si="220"/>
        <v>0</v>
      </c>
      <c r="N1860" s="46">
        <f t="shared" si="221"/>
        <v>45368.083333328905</v>
      </c>
    </row>
    <row r="1861" spans="2:14" x14ac:dyDescent="0.3">
      <c r="B1861">
        <f t="shared" si="215"/>
        <v>7</v>
      </c>
      <c r="C1861" s="16">
        <v>1827</v>
      </c>
      <c r="D1861" cm="1">
        <f t="array" ref="D1861">IFERROR(INDEX(Jesper!AH$2:AH$366,ROUNDDOWN($C1861/24,0)+1,1)*INDEX($D$3:$AA$30,INDEX(Jesper!$R$2:$R$366,ROW(INDEX(Jesper!AH$2:AH$366,ROUNDDOWN($C1861/24,0)+1,1))-1)+IF('Standard Profiles'!$G$18=$B$10,7,0)+IF('Standard Profiles'!$G$18=$B$17,14,0)+IF('Standard Profiles'!$G$18=$B$24,21,0),MOD($C1861,24)+1)/SUM(INDEX($D$3:$AA$30,INDEX(Jesper!$R$2:$R$366,ROW(INDEX(Jesper!AH$2:AH$366,ROUNDDOWN($C1861/24,0)+1,1))-1)+IF('Standard Profiles'!$G$18=$B$10,7,0)+IF('Standard Profiles'!$G$18=$B$17,14,0)+IF('Standard Profiles'!$G$18=$B$24,21,0),0)),0)</f>
        <v>8.0829982941251508</v>
      </c>
      <c r="E1861" cm="1">
        <f t="array" ref="E1861">IFERROR(INDEX(Jesper!AI$2:AI$366,ROUNDDOWN($C1861/24,0)+1,1)*INDEX($D$3:$AA$30,INDEX(Jesper!$R$2:$R$366,ROW(INDEX(Jesper!AI$2:AI$366,ROUNDDOWN($C1861/24,0)+1,1))-1)+IF('Standard Profiles'!$G$19=$B$10,7,0)+IF('Standard Profiles'!$G$19=$B$17,14,0)+IF('Standard Profiles'!$G$19=$B$24,21,0),MOD($C1861,24)+1)/SUM(INDEX($D$3:$AA$30,INDEX(Jesper!$R$2:$R$366,ROW(INDEX(Jesper!AI$2:AI$366,ROUNDDOWN($C1861/24,0)+1,1))-1)+IF('Standard Profiles'!$G$19=$B$10,7,0)+IF('Standard Profiles'!$G$19=$B$17,14,0)+IF('Standard Profiles'!$G$19=$B$24,21,0),0)),0)</f>
        <v>1.7699389617170123</v>
      </c>
      <c r="F1861" cm="1">
        <f t="array" ref="F1861">IFERROR(INDEX(Jesper!AJ$2:AJ$366,ROUNDDOWN($C1861/24,0)+1,1)*INDEX($D$3:$AA$30,INDEX(Jesper!$R$2:$R$366,ROW(INDEX(Jesper!AJ$2:AJ$366,ROUNDDOWN($C1861/24,0)+1,1))-1)+IF('Standard Profiles'!$G$20=$B$10,7,0)+IF('Standard Profiles'!$G$20=$B$17,14,0)+IF('Standard Profiles'!$G$20=$B$24,21,0),MOD($C1861,24)+1)/SUM(INDEX($D$3:$AA$30,INDEX(Jesper!$R$2:$R$366,ROW(INDEX(Jesper!AJ$2:AJ$366,ROUNDDOWN($C1861/24,0)+1,1))-1)+IF('Standard Profiles'!$G$20=$B$10,7,0)+IF('Standard Profiles'!$G$20=$B$17,14,0)+IF('Standard Profiles'!$G$20=$B$24,21,0),0)),0)</f>
        <v>0</v>
      </c>
      <c r="G1861" cm="1">
        <f t="array" ref="G1861">IFERROR(INDEX(Jesper!AK$2:AK$366,ROUNDDOWN($C1861/24,0)+1,1)*INDEX($D$3:$AA$30,INDEX(Jesper!$R$2:$R$366,ROW(INDEX(Jesper!AK$2:AK$366,ROUNDDOWN($C1861/24,0)+1,1))-1)+IF('Standard Profiles'!$G$21=$B$10,7,0)+IF('Standard Profiles'!$G$21=$B$17,14,0)+IF('Standard Profiles'!$G$21=$B$24,21,0),MOD($C1861,24)+1)/SUM(INDEX($D$3:$AA$30,INDEX(Jesper!$R$2:$R$366,ROW(INDEX(Jesper!AK$2:AK$366,ROUNDDOWN($C1861/24,0)+1,1))-1)+IF('Standard Profiles'!$G$21=$B$10,7,0)+IF('Standard Profiles'!$G$21=$B$17,14,0)+IF('Standard Profiles'!$G$21=$B$24,21,0),0)),0)</f>
        <v>0</v>
      </c>
      <c r="H1861" cm="1">
        <f t="array" ref="H1861">IFERROR(INDEX(Jesper!AL$2:AL$366,ROUNDDOWN($C1861/24,0)+1,1)*INDEX($D$3:$AA$30,INDEX(Jesper!$R$2:$R$366,ROW(INDEX(Jesper!AL$2:AL$366,ROUNDDOWN($C1861/24,0)+1,1))-1)+IF('Standard Profiles'!$G$22=$B$10,7,0)+IF('Standard Profiles'!$G$22=$B$17,14,0)+IF('Standard Profiles'!$G$22=$B$24,21,0),MOD($C1861,24)+1)/SUM(INDEX($D$3:$AA$30,INDEX(Jesper!$R$2:$R$366,ROW(INDEX(Jesper!AL$2:AL$366,ROUNDDOWN($C1861/24,0)+1,1))-1)+IF('Standard Profiles'!$G$22=$B$10,7,0)+IF('Standard Profiles'!$G$22=$B$17,14,0)+IF('Standard Profiles'!$G$22=$B$24,21,0),0)),0)</f>
        <v>0</v>
      </c>
      <c r="I1861">
        <f t="shared" si="216"/>
        <v>0.15945396051504618</v>
      </c>
      <c r="J1861">
        <f t="shared" si="217"/>
        <v>0.5315132017168207</v>
      </c>
      <c r="K1861">
        <f t="shared" si="218"/>
        <v>0.79726980257523106</v>
      </c>
      <c r="L1861">
        <f t="shared" si="219"/>
        <v>8.3647002910350654</v>
      </c>
      <c r="M1861">
        <f t="shared" si="220"/>
        <v>0</v>
      </c>
      <c r="N1861" s="46">
        <f t="shared" si="221"/>
        <v>45368.124999995569</v>
      </c>
    </row>
    <row r="1862" spans="2:14" x14ac:dyDescent="0.3">
      <c r="B1862">
        <f t="shared" si="215"/>
        <v>7</v>
      </c>
      <c r="C1862" s="16">
        <v>1828</v>
      </c>
      <c r="D1862" cm="1">
        <f t="array" ref="D1862">IFERROR(INDEX(Jesper!AH$2:AH$366,ROUNDDOWN($C1862/24,0)+1,1)*INDEX($D$3:$AA$30,INDEX(Jesper!$R$2:$R$366,ROW(INDEX(Jesper!AH$2:AH$366,ROUNDDOWN($C1862/24,0)+1,1))-1)+IF('Standard Profiles'!$G$18=$B$10,7,0)+IF('Standard Profiles'!$G$18=$B$17,14,0)+IF('Standard Profiles'!$G$18=$B$24,21,0),MOD($C1862,24)+1)/SUM(INDEX($D$3:$AA$30,INDEX(Jesper!$R$2:$R$366,ROW(INDEX(Jesper!AH$2:AH$366,ROUNDDOWN($C1862/24,0)+1,1))-1)+IF('Standard Profiles'!$G$18=$B$10,7,0)+IF('Standard Profiles'!$G$18=$B$17,14,0)+IF('Standard Profiles'!$G$18=$B$24,21,0),0)),0)</f>
        <v>8.0829982941251508</v>
      </c>
      <c r="E1862" cm="1">
        <f t="array" ref="E1862">IFERROR(INDEX(Jesper!AI$2:AI$366,ROUNDDOWN($C1862/24,0)+1,1)*INDEX($D$3:$AA$30,INDEX(Jesper!$R$2:$R$366,ROW(INDEX(Jesper!AI$2:AI$366,ROUNDDOWN($C1862/24,0)+1,1))-1)+IF('Standard Profiles'!$G$19=$B$10,7,0)+IF('Standard Profiles'!$G$19=$B$17,14,0)+IF('Standard Profiles'!$G$19=$B$24,21,0),MOD($C1862,24)+1)/SUM(INDEX($D$3:$AA$30,INDEX(Jesper!$R$2:$R$366,ROW(INDEX(Jesper!AI$2:AI$366,ROUNDDOWN($C1862/24,0)+1,1))-1)+IF('Standard Profiles'!$G$19=$B$10,7,0)+IF('Standard Profiles'!$G$19=$B$17,14,0)+IF('Standard Profiles'!$G$19=$B$24,21,0),0)),0)</f>
        <v>1.7699389617170123</v>
      </c>
      <c r="F1862" cm="1">
        <f t="array" ref="F1862">IFERROR(INDEX(Jesper!AJ$2:AJ$366,ROUNDDOWN($C1862/24,0)+1,1)*INDEX($D$3:$AA$30,INDEX(Jesper!$R$2:$R$366,ROW(INDEX(Jesper!AJ$2:AJ$366,ROUNDDOWN($C1862/24,0)+1,1))-1)+IF('Standard Profiles'!$G$20=$B$10,7,0)+IF('Standard Profiles'!$G$20=$B$17,14,0)+IF('Standard Profiles'!$G$20=$B$24,21,0),MOD($C1862,24)+1)/SUM(INDEX($D$3:$AA$30,INDEX(Jesper!$R$2:$R$366,ROW(INDEX(Jesper!AJ$2:AJ$366,ROUNDDOWN($C1862/24,0)+1,1))-1)+IF('Standard Profiles'!$G$20=$B$10,7,0)+IF('Standard Profiles'!$G$20=$B$17,14,0)+IF('Standard Profiles'!$G$20=$B$24,21,0),0)),0)</f>
        <v>0</v>
      </c>
      <c r="G1862" cm="1">
        <f t="array" ref="G1862">IFERROR(INDEX(Jesper!AK$2:AK$366,ROUNDDOWN($C1862/24,0)+1,1)*INDEX($D$3:$AA$30,INDEX(Jesper!$R$2:$R$366,ROW(INDEX(Jesper!AK$2:AK$366,ROUNDDOWN($C1862/24,0)+1,1))-1)+IF('Standard Profiles'!$G$21=$B$10,7,0)+IF('Standard Profiles'!$G$21=$B$17,14,0)+IF('Standard Profiles'!$G$21=$B$24,21,0),MOD($C1862,24)+1)/SUM(INDEX($D$3:$AA$30,INDEX(Jesper!$R$2:$R$366,ROW(INDEX(Jesper!AK$2:AK$366,ROUNDDOWN($C1862/24,0)+1,1))-1)+IF('Standard Profiles'!$G$21=$B$10,7,0)+IF('Standard Profiles'!$G$21=$B$17,14,0)+IF('Standard Profiles'!$G$21=$B$24,21,0),0)),0)</f>
        <v>0</v>
      </c>
      <c r="H1862" cm="1">
        <f t="array" ref="H1862">IFERROR(INDEX(Jesper!AL$2:AL$366,ROUNDDOWN($C1862/24,0)+1,1)*INDEX($D$3:$AA$30,INDEX(Jesper!$R$2:$R$366,ROW(INDEX(Jesper!AL$2:AL$366,ROUNDDOWN($C1862/24,0)+1,1))-1)+IF('Standard Profiles'!$G$22=$B$10,7,0)+IF('Standard Profiles'!$G$22=$B$17,14,0)+IF('Standard Profiles'!$G$22=$B$24,21,0),MOD($C1862,24)+1)/SUM(INDEX($D$3:$AA$30,INDEX(Jesper!$R$2:$R$366,ROW(INDEX(Jesper!AL$2:AL$366,ROUNDDOWN($C1862/24,0)+1,1))-1)+IF('Standard Profiles'!$G$22=$B$10,7,0)+IF('Standard Profiles'!$G$22=$B$17,14,0)+IF('Standard Profiles'!$G$22=$B$24,21,0),0)),0)</f>
        <v>0</v>
      </c>
      <c r="I1862">
        <f t="shared" si="216"/>
        <v>0.15945396051504618</v>
      </c>
      <c r="J1862">
        <f t="shared" si="217"/>
        <v>0.5315132017168207</v>
      </c>
      <c r="K1862">
        <f t="shared" si="218"/>
        <v>0.79726980257523106</v>
      </c>
      <c r="L1862">
        <f t="shared" si="219"/>
        <v>8.3647002910350654</v>
      </c>
      <c r="M1862">
        <f t="shared" si="220"/>
        <v>0</v>
      </c>
      <c r="N1862" s="46">
        <f t="shared" si="221"/>
        <v>45368.166666662233</v>
      </c>
    </row>
    <row r="1863" spans="2:14" x14ac:dyDescent="0.3">
      <c r="B1863">
        <f t="shared" si="215"/>
        <v>7</v>
      </c>
      <c r="C1863" s="16">
        <v>1829</v>
      </c>
      <c r="D1863" cm="1">
        <f t="array" ref="D1863">IFERROR(INDEX(Jesper!AH$2:AH$366,ROUNDDOWN($C1863/24,0)+1,1)*INDEX($D$3:$AA$30,INDEX(Jesper!$R$2:$R$366,ROW(INDEX(Jesper!AH$2:AH$366,ROUNDDOWN($C1863/24,0)+1,1))-1)+IF('Standard Profiles'!$G$18=$B$10,7,0)+IF('Standard Profiles'!$G$18=$B$17,14,0)+IF('Standard Profiles'!$G$18=$B$24,21,0),MOD($C1863,24)+1)/SUM(INDEX($D$3:$AA$30,INDEX(Jesper!$R$2:$R$366,ROW(INDEX(Jesper!AH$2:AH$366,ROUNDDOWN($C1863/24,0)+1,1))-1)+IF('Standard Profiles'!$G$18=$B$10,7,0)+IF('Standard Profiles'!$G$18=$B$17,14,0)+IF('Standard Profiles'!$G$18=$B$24,21,0),0)),0)</f>
        <v>10.103747867656438</v>
      </c>
      <c r="E1863" cm="1">
        <f t="array" ref="E1863">IFERROR(INDEX(Jesper!AI$2:AI$366,ROUNDDOWN($C1863/24,0)+1,1)*INDEX($D$3:$AA$30,INDEX(Jesper!$R$2:$R$366,ROW(INDEX(Jesper!AI$2:AI$366,ROUNDDOWN($C1863/24,0)+1,1))-1)+IF('Standard Profiles'!$G$19=$B$10,7,0)+IF('Standard Profiles'!$G$19=$B$17,14,0)+IF('Standard Profiles'!$G$19=$B$24,21,0),MOD($C1863,24)+1)/SUM(INDEX($D$3:$AA$30,INDEX(Jesper!$R$2:$R$366,ROW(INDEX(Jesper!AI$2:AI$366,ROUNDDOWN($C1863/24,0)+1,1))-1)+IF('Standard Profiles'!$G$19=$B$10,7,0)+IF('Standard Profiles'!$G$19=$B$17,14,0)+IF('Standard Profiles'!$G$19=$B$24,21,0),0)),0)</f>
        <v>2.2124237021462654</v>
      </c>
      <c r="F1863" cm="1">
        <f t="array" ref="F1863">IFERROR(INDEX(Jesper!AJ$2:AJ$366,ROUNDDOWN($C1863/24,0)+1,1)*INDEX($D$3:$AA$30,INDEX(Jesper!$R$2:$R$366,ROW(INDEX(Jesper!AJ$2:AJ$366,ROUNDDOWN($C1863/24,0)+1,1))-1)+IF('Standard Profiles'!$G$20=$B$10,7,0)+IF('Standard Profiles'!$G$20=$B$17,14,0)+IF('Standard Profiles'!$G$20=$B$24,21,0),MOD($C1863,24)+1)/SUM(INDEX($D$3:$AA$30,INDEX(Jesper!$R$2:$R$366,ROW(INDEX(Jesper!AJ$2:AJ$366,ROUNDDOWN($C1863/24,0)+1,1))-1)+IF('Standard Profiles'!$G$20=$B$10,7,0)+IF('Standard Profiles'!$G$20=$B$17,14,0)+IF('Standard Profiles'!$G$20=$B$24,21,0),0)),0)</f>
        <v>0</v>
      </c>
      <c r="G1863" cm="1">
        <f t="array" ref="G1863">IFERROR(INDEX(Jesper!AK$2:AK$366,ROUNDDOWN($C1863/24,0)+1,1)*INDEX($D$3:$AA$30,INDEX(Jesper!$R$2:$R$366,ROW(INDEX(Jesper!AK$2:AK$366,ROUNDDOWN($C1863/24,0)+1,1))-1)+IF('Standard Profiles'!$G$21=$B$10,7,0)+IF('Standard Profiles'!$G$21=$B$17,14,0)+IF('Standard Profiles'!$G$21=$B$24,21,0),MOD($C1863,24)+1)/SUM(INDEX($D$3:$AA$30,INDEX(Jesper!$R$2:$R$366,ROW(INDEX(Jesper!AK$2:AK$366,ROUNDDOWN($C1863/24,0)+1,1))-1)+IF('Standard Profiles'!$G$21=$B$10,7,0)+IF('Standard Profiles'!$G$21=$B$17,14,0)+IF('Standard Profiles'!$G$21=$B$24,21,0),0)),0)</f>
        <v>0</v>
      </c>
      <c r="H1863" cm="1">
        <f t="array" ref="H1863">IFERROR(INDEX(Jesper!AL$2:AL$366,ROUNDDOWN($C1863/24,0)+1,1)*INDEX($D$3:$AA$30,INDEX(Jesper!$R$2:$R$366,ROW(INDEX(Jesper!AL$2:AL$366,ROUNDDOWN($C1863/24,0)+1,1))-1)+IF('Standard Profiles'!$G$22=$B$10,7,0)+IF('Standard Profiles'!$G$22=$B$17,14,0)+IF('Standard Profiles'!$G$22=$B$24,21,0),MOD($C1863,24)+1)/SUM(INDEX($D$3:$AA$30,INDEX(Jesper!$R$2:$R$366,ROW(INDEX(Jesper!AL$2:AL$366,ROUNDDOWN($C1863/24,0)+1,1))-1)+IF('Standard Profiles'!$G$22=$B$10,7,0)+IF('Standard Profiles'!$G$22=$B$17,14,0)+IF('Standard Profiles'!$G$22=$B$24,21,0),0)),0)</f>
        <v>0</v>
      </c>
      <c r="I1863">
        <f t="shared" si="216"/>
        <v>0.19931745064380774</v>
      </c>
      <c r="J1863">
        <f t="shared" si="217"/>
        <v>0.66439150214602594</v>
      </c>
      <c r="K1863">
        <f t="shared" si="218"/>
        <v>0.99658725321903885</v>
      </c>
      <c r="L1863">
        <f t="shared" si="219"/>
        <v>10.455875363793831</v>
      </c>
      <c r="M1863">
        <f t="shared" si="220"/>
        <v>0</v>
      </c>
      <c r="N1863" s="46">
        <f t="shared" si="221"/>
        <v>45368.208333328897</v>
      </c>
    </row>
    <row r="1864" spans="2:14" x14ac:dyDescent="0.3">
      <c r="B1864">
        <f t="shared" si="215"/>
        <v>7</v>
      </c>
      <c r="C1864" s="16">
        <v>1830</v>
      </c>
      <c r="D1864" cm="1">
        <f t="array" ref="D1864">IFERROR(INDEX(Jesper!AH$2:AH$366,ROUNDDOWN($C1864/24,0)+1,1)*INDEX($D$3:$AA$30,INDEX(Jesper!$R$2:$R$366,ROW(INDEX(Jesper!AH$2:AH$366,ROUNDDOWN($C1864/24,0)+1,1))-1)+IF('Standard Profiles'!$G$18=$B$10,7,0)+IF('Standard Profiles'!$G$18=$B$17,14,0)+IF('Standard Profiles'!$G$18=$B$24,21,0),MOD($C1864,24)+1)/SUM(INDEX($D$3:$AA$30,INDEX(Jesper!$R$2:$R$366,ROW(INDEX(Jesper!AH$2:AH$366,ROUNDDOWN($C1864/24,0)+1,1))-1)+IF('Standard Profiles'!$G$18=$B$10,7,0)+IF('Standard Profiles'!$G$18=$B$17,14,0)+IF('Standard Profiles'!$G$18=$B$24,21,0),0)),0)</f>
        <v>11.899969710795361</v>
      </c>
      <c r="E1864" cm="1">
        <f t="array" ref="E1864">IFERROR(INDEX(Jesper!AI$2:AI$366,ROUNDDOWN($C1864/24,0)+1,1)*INDEX($D$3:$AA$30,INDEX(Jesper!$R$2:$R$366,ROW(INDEX(Jesper!AI$2:AI$366,ROUNDDOWN($C1864/24,0)+1,1))-1)+IF('Standard Profiles'!$G$19=$B$10,7,0)+IF('Standard Profiles'!$G$19=$B$17,14,0)+IF('Standard Profiles'!$G$19=$B$24,21,0),MOD($C1864,24)+1)/SUM(INDEX($D$3:$AA$30,INDEX(Jesper!$R$2:$R$366,ROW(INDEX(Jesper!AI$2:AI$366,ROUNDDOWN($C1864/24,0)+1,1))-1)+IF('Standard Profiles'!$G$19=$B$10,7,0)+IF('Standard Profiles'!$G$19=$B$17,14,0)+IF('Standard Profiles'!$G$19=$B$24,21,0),0)),0)</f>
        <v>2.6057434714167127</v>
      </c>
      <c r="F1864" cm="1">
        <f t="array" ref="F1864">IFERROR(INDEX(Jesper!AJ$2:AJ$366,ROUNDDOWN($C1864/24,0)+1,1)*INDEX($D$3:$AA$30,INDEX(Jesper!$R$2:$R$366,ROW(INDEX(Jesper!AJ$2:AJ$366,ROUNDDOWN($C1864/24,0)+1,1))-1)+IF('Standard Profiles'!$G$20=$B$10,7,0)+IF('Standard Profiles'!$G$20=$B$17,14,0)+IF('Standard Profiles'!$G$20=$B$24,21,0),MOD($C1864,24)+1)/SUM(INDEX($D$3:$AA$30,INDEX(Jesper!$R$2:$R$366,ROW(INDEX(Jesper!AJ$2:AJ$366,ROUNDDOWN($C1864/24,0)+1,1))-1)+IF('Standard Profiles'!$G$20=$B$10,7,0)+IF('Standard Profiles'!$G$20=$B$17,14,0)+IF('Standard Profiles'!$G$20=$B$24,21,0),0)),0)</f>
        <v>0</v>
      </c>
      <c r="G1864" cm="1">
        <f t="array" ref="G1864">IFERROR(INDEX(Jesper!AK$2:AK$366,ROUNDDOWN($C1864/24,0)+1,1)*INDEX($D$3:$AA$30,INDEX(Jesper!$R$2:$R$366,ROW(INDEX(Jesper!AK$2:AK$366,ROUNDDOWN($C1864/24,0)+1,1))-1)+IF('Standard Profiles'!$G$21=$B$10,7,0)+IF('Standard Profiles'!$G$21=$B$17,14,0)+IF('Standard Profiles'!$G$21=$B$24,21,0),MOD($C1864,24)+1)/SUM(INDEX($D$3:$AA$30,INDEX(Jesper!$R$2:$R$366,ROW(INDEX(Jesper!AK$2:AK$366,ROUNDDOWN($C1864/24,0)+1,1))-1)+IF('Standard Profiles'!$G$21=$B$10,7,0)+IF('Standard Profiles'!$G$21=$B$17,14,0)+IF('Standard Profiles'!$G$21=$B$24,21,0),0)),0)</f>
        <v>0</v>
      </c>
      <c r="H1864" cm="1">
        <f t="array" ref="H1864">IFERROR(INDEX(Jesper!AL$2:AL$366,ROUNDDOWN($C1864/24,0)+1,1)*INDEX($D$3:$AA$30,INDEX(Jesper!$R$2:$R$366,ROW(INDEX(Jesper!AL$2:AL$366,ROUNDDOWN($C1864/24,0)+1,1))-1)+IF('Standard Profiles'!$G$22=$B$10,7,0)+IF('Standard Profiles'!$G$22=$B$17,14,0)+IF('Standard Profiles'!$G$22=$B$24,21,0),MOD($C1864,24)+1)/SUM(INDEX($D$3:$AA$30,INDEX(Jesper!$R$2:$R$366,ROW(INDEX(Jesper!AL$2:AL$366,ROUNDDOWN($C1864/24,0)+1,1))-1)+IF('Standard Profiles'!$G$22=$B$10,7,0)+IF('Standard Profiles'!$G$22=$B$17,14,0)+IF('Standard Profiles'!$G$22=$B$24,21,0),0)),0)</f>
        <v>0</v>
      </c>
      <c r="I1864">
        <f t="shared" si="216"/>
        <v>0.23475166409159581</v>
      </c>
      <c r="J1864">
        <f t="shared" si="217"/>
        <v>0.78250554697198604</v>
      </c>
      <c r="K1864">
        <f t="shared" si="218"/>
        <v>1.1737583204579791</v>
      </c>
      <c r="L1864">
        <f t="shared" si="219"/>
        <v>12.314697650690512</v>
      </c>
      <c r="M1864">
        <f t="shared" si="220"/>
        <v>0</v>
      </c>
      <c r="N1864" s="46">
        <f t="shared" si="221"/>
        <v>45368.249999995562</v>
      </c>
    </row>
    <row r="1865" spans="2:14" x14ac:dyDescent="0.3">
      <c r="B1865">
        <f t="shared" si="215"/>
        <v>7</v>
      </c>
      <c r="C1865" s="16">
        <v>1831</v>
      </c>
      <c r="D1865" cm="1">
        <f t="array" ref="D1865">IFERROR(INDEX(Jesper!AH$2:AH$366,ROUNDDOWN($C1865/24,0)+1,1)*INDEX($D$3:$AA$30,INDEX(Jesper!$R$2:$R$366,ROW(INDEX(Jesper!AH$2:AH$366,ROUNDDOWN($C1865/24,0)+1,1))-1)+IF('Standard Profiles'!$G$18=$B$10,7,0)+IF('Standard Profiles'!$G$18=$B$17,14,0)+IF('Standard Profiles'!$G$18=$B$24,21,0),MOD($C1865,24)+1)/SUM(INDEX($D$3:$AA$30,INDEX(Jesper!$R$2:$R$366,ROW(INDEX(Jesper!AH$2:AH$366,ROUNDDOWN($C1865/24,0)+1,1))-1)+IF('Standard Profiles'!$G$18=$B$10,7,0)+IF('Standard Profiles'!$G$18=$B$17,14,0)+IF('Standard Profiles'!$G$18=$B$24,21,0),0)),0)</f>
        <v>14.145247014719013</v>
      </c>
      <c r="E1865" cm="1">
        <f t="array" ref="E1865">IFERROR(INDEX(Jesper!AI$2:AI$366,ROUNDDOWN($C1865/24,0)+1,1)*INDEX($D$3:$AA$30,INDEX(Jesper!$R$2:$R$366,ROW(INDEX(Jesper!AI$2:AI$366,ROUNDDOWN($C1865/24,0)+1,1))-1)+IF('Standard Profiles'!$G$19=$B$10,7,0)+IF('Standard Profiles'!$G$19=$B$17,14,0)+IF('Standard Profiles'!$G$19=$B$24,21,0),MOD($C1865,24)+1)/SUM(INDEX($D$3:$AA$30,INDEX(Jesper!$R$2:$R$366,ROW(INDEX(Jesper!AI$2:AI$366,ROUNDDOWN($C1865/24,0)+1,1))-1)+IF('Standard Profiles'!$G$19=$B$10,7,0)+IF('Standard Profiles'!$G$19=$B$17,14,0)+IF('Standard Profiles'!$G$19=$B$24,21,0),0)),0)</f>
        <v>3.0973931830047721</v>
      </c>
      <c r="F1865" cm="1">
        <f t="array" ref="F1865">IFERROR(INDEX(Jesper!AJ$2:AJ$366,ROUNDDOWN($C1865/24,0)+1,1)*INDEX($D$3:$AA$30,INDEX(Jesper!$R$2:$R$366,ROW(INDEX(Jesper!AJ$2:AJ$366,ROUNDDOWN($C1865/24,0)+1,1))-1)+IF('Standard Profiles'!$G$20=$B$10,7,0)+IF('Standard Profiles'!$G$20=$B$17,14,0)+IF('Standard Profiles'!$G$20=$B$24,21,0),MOD($C1865,24)+1)/SUM(INDEX($D$3:$AA$30,INDEX(Jesper!$R$2:$R$366,ROW(INDEX(Jesper!AJ$2:AJ$366,ROUNDDOWN($C1865/24,0)+1,1))-1)+IF('Standard Profiles'!$G$20=$B$10,7,0)+IF('Standard Profiles'!$G$20=$B$17,14,0)+IF('Standard Profiles'!$G$20=$B$24,21,0),0)),0)</f>
        <v>0</v>
      </c>
      <c r="G1865" cm="1">
        <f t="array" ref="G1865">IFERROR(INDEX(Jesper!AK$2:AK$366,ROUNDDOWN($C1865/24,0)+1,1)*INDEX($D$3:$AA$30,INDEX(Jesper!$R$2:$R$366,ROW(INDEX(Jesper!AK$2:AK$366,ROUNDDOWN($C1865/24,0)+1,1))-1)+IF('Standard Profiles'!$G$21=$B$10,7,0)+IF('Standard Profiles'!$G$21=$B$17,14,0)+IF('Standard Profiles'!$G$21=$B$24,21,0),MOD($C1865,24)+1)/SUM(INDEX($D$3:$AA$30,INDEX(Jesper!$R$2:$R$366,ROW(INDEX(Jesper!AK$2:AK$366,ROUNDDOWN($C1865/24,0)+1,1))-1)+IF('Standard Profiles'!$G$21=$B$10,7,0)+IF('Standard Profiles'!$G$21=$B$17,14,0)+IF('Standard Profiles'!$G$21=$B$24,21,0),0)),0)</f>
        <v>0</v>
      </c>
      <c r="H1865" cm="1">
        <f t="array" ref="H1865">IFERROR(INDEX(Jesper!AL$2:AL$366,ROUNDDOWN($C1865/24,0)+1,1)*INDEX($D$3:$AA$30,INDEX(Jesper!$R$2:$R$366,ROW(INDEX(Jesper!AL$2:AL$366,ROUNDDOWN($C1865/24,0)+1,1))-1)+IF('Standard Profiles'!$G$22=$B$10,7,0)+IF('Standard Profiles'!$G$22=$B$17,14,0)+IF('Standard Profiles'!$G$22=$B$24,21,0),MOD($C1865,24)+1)/SUM(INDEX($D$3:$AA$30,INDEX(Jesper!$R$2:$R$366,ROW(INDEX(Jesper!AL$2:AL$366,ROUNDDOWN($C1865/24,0)+1,1))-1)+IF('Standard Profiles'!$G$22=$B$10,7,0)+IF('Standard Profiles'!$G$22=$B$17,14,0)+IF('Standard Profiles'!$G$22=$B$24,21,0),0)),0)</f>
        <v>0</v>
      </c>
      <c r="I1865">
        <f t="shared" si="216"/>
        <v>0.27904443090133091</v>
      </c>
      <c r="J1865">
        <f t="shared" si="217"/>
        <v>0.9301481030044364</v>
      </c>
      <c r="K1865">
        <f t="shared" si="218"/>
        <v>1.3952221545066545</v>
      </c>
      <c r="L1865">
        <f t="shared" si="219"/>
        <v>14.638225509311363</v>
      </c>
      <c r="M1865">
        <f t="shared" si="220"/>
        <v>0</v>
      </c>
      <c r="N1865" s="46">
        <f t="shared" si="221"/>
        <v>45368.291666662226</v>
      </c>
    </row>
    <row r="1866" spans="2:14" x14ac:dyDescent="0.3">
      <c r="B1866">
        <f t="shared" si="215"/>
        <v>7</v>
      </c>
      <c r="C1866" s="16">
        <v>1832</v>
      </c>
      <c r="D1866" cm="1">
        <f t="array" ref="D1866">IFERROR(INDEX(Jesper!AH$2:AH$366,ROUNDDOWN($C1866/24,0)+1,1)*INDEX($D$3:$AA$30,INDEX(Jesper!$R$2:$R$366,ROW(INDEX(Jesper!AH$2:AH$366,ROUNDDOWN($C1866/24,0)+1,1))-1)+IF('Standard Profiles'!$G$18=$B$10,7,0)+IF('Standard Profiles'!$G$18=$B$17,14,0)+IF('Standard Profiles'!$G$18=$B$24,21,0),MOD($C1866,24)+1)/SUM(INDEX($D$3:$AA$30,INDEX(Jesper!$R$2:$R$366,ROW(INDEX(Jesper!AH$2:AH$366,ROUNDDOWN($C1866/24,0)+1,1))-1)+IF('Standard Profiles'!$G$18=$B$10,7,0)+IF('Standard Profiles'!$G$18=$B$17,14,0)+IF('Standard Profiles'!$G$18=$B$24,21,0),0)),0)</f>
        <v>14.145247014719013</v>
      </c>
      <c r="E1866" cm="1">
        <f t="array" ref="E1866">IFERROR(INDEX(Jesper!AI$2:AI$366,ROUNDDOWN($C1866/24,0)+1,1)*INDEX($D$3:$AA$30,INDEX(Jesper!$R$2:$R$366,ROW(INDEX(Jesper!AI$2:AI$366,ROUNDDOWN($C1866/24,0)+1,1))-1)+IF('Standard Profiles'!$G$19=$B$10,7,0)+IF('Standard Profiles'!$G$19=$B$17,14,0)+IF('Standard Profiles'!$G$19=$B$24,21,0),MOD($C1866,24)+1)/SUM(INDEX($D$3:$AA$30,INDEX(Jesper!$R$2:$R$366,ROW(INDEX(Jesper!AI$2:AI$366,ROUNDDOWN($C1866/24,0)+1,1))-1)+IF('Standard Profiles'!$G$19=$B$10,7,0)+IF('Standard Profiles'!$G$19=$B$17,14,0)+IF('Standard Profiles'!$G$19=$B$24,21,0),0)),0)</f>
        <v>3.0973931830047721</v>
      </c>
      <c r="F1866" cm="1">
        <f t="array" ref="F1866">IFERROR(INDEX(Jesper!AJ$2:AJ$366,ROUNDDOWN($C1866/24,0)+1,1)*INDEX($D$3:$AA$30,INDEX(Jesper!$R$2:$R$366,ROW(INDEX(Jesper!AJ$2:AJ$366,ROUNDDOWN($C1866/24,0)+1,1))-1)+IF('Standard Profiles'!$G$20=$B$10,7,0)+IF('Standard Profiles'!$G$20=$B$17,14,0)+IF('Standard Profiles'!$G$20=$B$24,21,0),MOD($C1866,24)+1)/SUM(INDEX($D$3:$AA$30,INDEX(Jesper!$R$2:$R$366,ROW(INDEX(Jesper!AJ$2:AJ$366,ROUNDDOWN($C1866/24,0)+1,1))-1)+IF('Standard Profiles'!$G$20=$B$10,7,0)+IF('Standard Profiles'!$G$20=$B$17,14,0)+IF('Standard Profiles'!$G$20=$B$24,21,0),0)),0)</f>
        <v>0</v>
      </c>
      <c r="G1866" cm="1">
        <f t="array" ref="G1866">IFERROR(INDEX(Jesper!AK$2:AK$366,ROUNDDOWN($C1866/24,0)+1,1)*INDEX($D$3:$AA$30,INDEX(Jesper!$R$2:$R$366,ROW(INDEX(Jesper!AK$2:AK$366,ROUNDDOWN($C1866/24,0)+1,1))-1)+IF('Standard Profiles'!$G$21=$B$10,7,0)+IF('Standard Profiles'!$G$21=$B$17,14,0)+IF('Standard Profiles'!$G$21=$B$24,21,0),MOD($C1866,24)+1)/SUM(INDEX($D$3:$AA$30,INDEX(Jesper!$R$2:$R$366,ROW(INDEX(Jesper!AK$2:AK$366,ROUNDDOWN($C1866/24,0)+1,1))-1)+IF('Standard Profiles'!$G$21=$B$10,7,0)+IF('Standard Profiles'!$G$21=$B$17,14,0)+IF('Standard Profiles'!$G$21=$B$24,21,0),0)),0)</f>
        <v>0</v>
      </c>
      <c r="H1866" cm="1">
        <f t="array" ref="H1866">IFERROR(INDEX(Jesper!AL$2:AL$366,ROUNDDOWN($C1866/24,0)+1,1)*INDEX($D$3:$AA$30,INDEX(Jesper!$R$2:$R$366,ROW(INDEX(Jesper!AL$2:AL$366,ROUNDDOWN($C1866/24,0)+1,1))-1)+IF('Standard Profiles'!$G$22=$B$10,7,0)+IF('Standard Profiles'!$G$22=$B$17,14,0)+IF('Standard Profiles'!$G$22=$B$24,21,0),MOD($C1866,24)+1)/SUM(INDEX($D$3:$AA$30,INDEX(Jesper!$R$2:$R$366,ROW(INDEX(Jesper!AL$2:AL$366,ROUNDDOWN($C1866/24,0)+1,1))-1)+IF('Standard Profiles'!$G$22=$B$10,7,0)+IF('Standard Profiles'!$G$22=$B$17,14,0)+IF('Standard Profiles'!$G$22=$B$24,21,0),0)),0)</f>
        <v>0</v>
      </c>
      <c r="I1866">
        <f t="shared" si="216"/>
        <v>0.27904443090133091</v>
      </c>
      <c r="J1866">
        <f t="shared" si="217"/>
        <v>0.9301481030044364</v>
      </c>
      <c r="K1866">
        <f t="shared" si="218"/>
        <v>1.3952221545066545</v>
      </c>
      <c r="L1866">
        <f t="shared" si="219"/>
        <v>14.638225509311363</v>
      </c>
      <c r="M1866">
        <f t="shared" si="220"/>
        <v>0</v>
      </c>
      <c r="N1866" s="46">
        <f t="shared" si="221"/>
        <v>45368.33333332889</v>
      </c>
    </row>
    <row r="1867" spans="2:14" x14ac:dyDescent="0.3">
      <c r="B1867">
        <f t="shared" si="215"/>
        <v>7</v>
      </c>
      <c r="C1867" s="16">
        <v>1833</v>
      </c>
      <c r="D1867" cm="1">
        <f t="array" ref="D1867">IFERROR(INDEX(Jesper!AH$2:AH$366,ROUNDDOWN($C1867/24,0)+1,1)*INDEX($D$3:$AA$30,INDEX(Jesper!$R$2:$R$366,ROW(INDEX(Jesper!AH$2:AH$366,ROUNDDOWN($C1867/24,0)+1,1))-1)+IF('Standard Profiles'!$G$18=$B$10,7,0)+IF('Standard Profiles'!$G$18=$B$17,14,0)+IF('Standard Profiles'!$G$18=$B$24,21,0),MOD($C1867,24)+1)/SUM(INDEX($D$3:$AA$30,INDEX(Jesper!$R$2:$R$366,ROW(INDEX(Jesper!AH$2:AH$366,ROUNDDOWN($C1867/24,0)+1,1))-1)+IF('Standard Profiles'!$G$18=$B$10,7,0)+IF('Standard Profiles'!$G$18=$B$17,14,0)+IF('Standard Profiles'!$G$18=$B$24,21,0),0)),0)</f>
        <v>14.145247014719013</v>
      </c>
      <c r="E1867" cm="1">
        <f t="array" ref="E1867">IFERROR(INDEX(Jesper!AI$2:AI$366,ROUNDDOWN($C1867/24,0)+1,1)*INDEX($D$3:$AA$30,INDEX(Jesper!$R$2:$R$366,ROW(INDEX(Jesper!AI$2:AI$366,ROUNDDOWN($C1867/24,0)+1,1))-1)+IF('Standard Profiles'!$G$19=$B$10,7,0)+IF('Standard Profiles'!$G$19=$B$17,14,0)+IF('Standard Profiles'!$G$19=$B$24,21,0),MOD($C1867,24)+1)/SUM(INDEX($D$3:$AA$30,INDEX(Jesper!$R$2:$R$366,ROW(INDEX(Jesper!AI$2:AI$366,ROUNDDOWN($C1867/24,0)+1,1))-1)+IF('Standard Profiles'!$G$19=$B$10,7,0)+IF('Standard Profiles'!$G$19=$B$17,14,0)+IF('Standard Profiles'!$G$19=$B$24,21,0),0)),0)</f>
        <v>3.0973931830047721</v>
      </c>
      <c r="F1867" cm="1">
        <f t="array" ref="F1867">IFERROR(INDEX(Jesper!AJ$2:AJ$366,ROUNDDOWN($C1867/24,0)+1,1)*INDEX($D$3:$AA$30,INDEX(Jesper!$R$2:$R$366,ROW(INDEX(Jesper!AJ$2:AJ$366,ROUNDDOWN($C1867/24,0)+1,1))-1)+IF('Standard Profiles'!$G$20=$B$10,7,0)+IF('Standard Profiles'!$G$20=$B$17,14,0)+IF('Standard Profiles'!$G$20=$B$24,21,0),MOD($C1867,24)+1)/SUM(INDEX($D$3:$AA$30,INDEX(Jesper!$R$2:$R$366,ROW(INDEX(Jesper!AJ$2:AJ$366,ROUNDDOWN($C1867/24,0)+1,1))-1)+IF('Standard Profiles'!$G$20=$B$10,7,0)+IF('Standard Profiles'!$G$20=$B$17,14,0)+IF('Standard Profiles'!$G$20=$B$24,21,0),0)),0)</f>
        <v>0</v>
      </c>
      <c r="G1867" cm="1">
        <f t="array" ref="G1867">IFERROR(INDEX(Jesper!AK$2:AK$366,ROUNDDOWN($C1867/24,0)+1,1)*INDEX($D$3:$AA$30,INDEX(Jesper!$R$2:$R$366,ROW(INDEX(Jesper!AK$2:AK$366,ROUNDDOWN($C1867/24,0)+1,1))-1)+IF('Standard Profiles'!$G$21=$B$10,7,0)+IF('Standard Profiles'!$G$21=$B$17,14,0)+IF('Standard Profiles'!$G$21=$B$24,21,0),MOD($C1867,24)+1)/SUM(INDEX($D$3:$AA$30,INDEX(Jesper!$R$2:$R$366,ROW(INDEX(Jesper!AK$2:AK$366,ROUNDDOWN($C1867/24,0)+1,1))-1)+IF('Standard Profiles'!$G$21=$B$10,7,0)+IF('Standard Profiles'!$G$21=$B$17,14,0)+IF('Standard Profiles'!$G$21=$B$24,21,0),0)),0)</f>
        <v>0</v>
      </c>
      <c r="H1867" cm="1">
        <f t="array" ref="H1867">IFERROR(INDEX(Jesper!AL$2:AL$366,ROUNDDOWN($C1867/24,0)+1,1)*INDEX($D$3:$AA$30,INDEX(Jesper!$R$2:$R$366,ROW(INDEX(Jesper!AL$2:AL$366,ROUNDDOWN($C1867/24,0)+1,1))-1)+IF('Standard Profiles'!$G$22=$B$10,7,0)+IF('Standard Profiles'!$G$22=$B$17,14,0)+IF('Standard Profiles'!$G$22=$B$24,21,0),MOD($C1867,24)+1)/SUM(INDEX($D$3:$AA$30,INDEX(Jesper!$R$2:$R$366,ROW(INDEX(Jesper!AL$2:AL$366,ROUNDDOWN($C1867/24,0)+1,1))-1)+IF('Standard Profiles'!$G$22=$B$10,7,0)+IF('Standard Profiles'!$G$22=$B$17,14,0)+IF('Standard Profiles'!$G$22=$B$24,21,0),0)),0)</f>
        <v>0</v>
      </c>
      <c r="I1867">
        <f t="shared" si="216"/>
        <v>0.27904443090133091</v>
      </c>
      <c r="J1867">
        <f t="shared" si="217"/>
        <v>0.9301481030044364</v>
      </c>
      <c r="K1867">
        <f t="shared" si="218"/>
        <v>1.3952221545066545</v>
      </c>
      <c r="L1867">
        <f t="shared" si="219"/>
        <v>14.638225509311363</v>
      </c>
      <c r="M1867">
        <f t="shared" si="220"/>
        <v>0</v>
      </c>
      <c r="N1867" s="46">
        <f t="shared" si="221"/>
        <v>45368.374999995554</v>
      </c>
    </row>
    <row r="1868" spans="2:14" x14ac:dyDescent="0.3">
      <c r="B1868">
        <f t="shared" si="215"/>
        <v>7</v>
      </c>
      <c r="C1868" s="16">
        <v>1834</v>
      </c>
      <c r="D1868" cm="1">
        <f t="array" ref="D1868">IFERROR(INDEX(Jesper!AH$2:AH$366,ROUNDDOWN($C1868/24,0)+1,1)*INDEX($D$3:$AA$30,INDEX(Jesper!$R$2:$R$366,ROW(INDEX(Jesper!AH$2:AH$366,ROUNDDOWN($C1868/24,0)+1,1))-1)+IF('Standard Profiles'!$G$18=$B$10,7,0)+IF('Standard Profiles'!$G$18=$B$17,14,0)+IF('Standard Profiles'!$G$18=$B$24,21,0),MOD($C1868,24)+1)/SUM(INDEX($D$3:$AA$30,INDEX(Jesper!$R$2:$R$366,ROW(INDEX(Jesper!AH$2:AH$366,ROUNDDOWN($C1868/24,0)+1,1))-1)+IF('Standard Profiles'!$G$18=$B$10,7,0)+IF('Standard Profiles'!$G$18=$B$17,14,0)+IF('Standard Profiles'!$G$18=$B$24,21,0),0)),0)</f>
        <v>14.145247014719013</v>
      </c>
      <c r="E1868" cm="1">
        <f t="array" ref="E1868">IFERROR(INDEX(Jesper!AI$2:AI$366,ROUNDDOWN($C1868/24,0)+1,1)*INDEX($D$3:$AA$30,INDEX(Jesper!$R$2:$R$366,ROW(INDEX(Jesper!AI$2:AI$366,ROUNDDOWN($C1868/24,0)+1,1))-1)+IF('Standard Profiles'!$G$19=$B$10,7,0)+IF('Standard Profiles'!$G$19=$B$17,14,0)+IF('Standard Profiles'!$G$19=$B$24,21,0),MOD($C1868,24)+1)/SUM(INDEX($D$3:$AA$30,INDEX(Jesper!$R$2:$R$366,ROW(INDEX(Jesper!AI$2:AI$366,ROUNDDOWN($C1868/24,0)+1,1))-1)+IF('Standard Profiles'!$G$19=$B$10,7,0)+IF('Standard Profiles'!$G$19=$B$17,14,0)+IF('Standard Profiles'!$G$19=$B$24,21,0),0)),0)</f>
        <v>3.0973931830047721</v>
      </c>
      <c r="F1868" cm="1">
        <f t="array" ref="F1868">IFERROR(INDEX(Jesper!AJ$2:AJ$366,ROUNDDOWN($C1868/24,0)+1,1)*INDEX($D$3:$AA$30,INDEX(Jesper!$R$2:$R$366,ROW(INDEX(Jesper!AJ$2:AJ$366,ROUNDDOWN($C1868/24,0)+1,1))-1)+IF('Standard Profiles'!$G$20=$B$10,7,0)+IF('Standard Profiles'!$G$20=$B$17,14,0)+IF('Standard Profiles'!$G$20=$B$24,21,0),MOD($C1868,24)+1)/SUM(INDEX($D$3:$AA$30,INDEX(Jesper!$R$2:$R$366,ROW(INDEX(Jesper!AJ$2:AJ$366,ROUNDDOWN($C1868/24,0)+1,1))-1)+IF('Standard Profiles'!$G$20=$B$10,7,0)+IF('Standard Profiles'!$G$20=$B$17,14,0)+IF('Standard Profiles'!$G$20=$B$24,21,0),0)),0)</f>
        <v>0</v>
      </c>
      <c r="G1868" cm="1">
        <f t="array" ref="G1868">IFERROR(INDEX(Jesper!AK$2:AK$366,ROUNDDOWN($C1868/24,0)+1,1)*INDEX($D$3:$AA$30,INDEX(Jesper!$R$2:$R$366,ROW(INDEX(Jesper!AK$2:AK$366,ROUNDDOWN($C1868/24,0)+1,1))-1)+IF('Standard Profiles'!$G$21=$B$10,7,0)+IF('Standard Profiles'!$G$21=$B$17,14,0)+IF('Standard Profiles'!$G$21=$B$24,21,0),MOD($C1868,24)+1)/SUM(INDEX($D$3:$AA$30,INDEX(Jesper!$R$2:$R$366,ROW(INDEX(Jesper!AK$2:AK$366,ROUNDDOWN($C1868/24,0)+1,1))-1)+IF('Standard Profiles'!$G$21=$B$10,7,0)+IF('Standard Profiles'!$G$21=$B$17,14,0)+IF('Standard Profiles'!$G$21=$B$24,21,0),0)),0)</f>
        <v>0</v>
      </c>
      <c r="H1868" cm="1">
        <f t="array" ref="H1868">IFERROR(INDEX(Jesper!AL$2:AL$366,ROUNDDOWN($C1868/24,0)+1,1)*INDEX($D$3:$AA$30,INDEX(Jesper!$R$2:$R$366,ROW(INDEX(Jesper!AL$2:AL$366,ROUNDDOWN($C1868/24,0)+1,1))-1)+IF('Standard Profiles'!$G$22=$B$10,7,0)+IF('Standard Profiles'!$G$22=$B$17,14,0)+IF('Standard Profiles'!$G$22=$B$24,21,0),MOD($C1868,24)+1)/SUM(INDEX($D$3:$AA$30,INDEX(Jesper!$R$2:$R$366,ROW(INDEX(Jesper!AL$2:AL$366,ROUNDDOWN($C1868/24,0)+1,1))-1)+IF('Standard Profiles'!$G$22=$B$10,7,0)+IF('Standard Profiles'!$G$22=$B$17,14,0)+IF('Standard Profiles'!$G$22=$B$24,21,0),0)),0)</f>
        <v>0</v>
      </c>
      <c r="I1868">
        <f t="shared" si="216"/>
        <v>0.27904443090133091</v>
      </c>
      <c r="J1868">
        <f t="shared" si="217"/>
        <v>0.9301481030044364</v>
      </c>
      <c r="K1868">
        <f t="shared" si="218"/>
        <v>1.3952221545066545</v>
      </c>
      <c r="L1868">
        <f t="shared" si="219"/>
        <v>14.638225509311363</v>
      </c>
      <c r="M1868">
        <f t="shared" si="220"/>
        <v>0</v>
      </c>
      <c r="N1868" s="46">
        <f t="shared" si="221"/>
        <v>45368.416666662219</v>
      </c>
    </row>
    <row r="1869" spans="2:14" x14ac:dyDescent="0.3">
      <c r="B1869">
        <f t="shared" si="215"/>
        <v>7</v>
      </c>
      <c r="C1869" s="16">
        <v>1835</v>
      </c>
      <c r="D1869" cm="1">
        <f t="array" ref="D1869">IFERROR(INDEX(Jesper!AH$2:AH$366,ROUNDDOWN($C1869/24,0)+1,1)*INDEX($D$3:$AA$30,INDEX(Jesper!$R$2:$R$366,ROW(INDEX(Jesper!AH$2:AH$366,ROUNDDOWN($C1869/24,0)+1,1))-1)+IF('Standard Profiles'!$G$18=$B$10,7,0)+IF('Standard Profiles'!$G$18=$B$17,14,0)+IF('Standard Profiles'!$G$18=$B$24,21,0),MOD($C1869,24)+1)/SUM(INDEX($D$3:$AA$30,INDEX(Jesper!$R$2:$R$366,ROW(INDEX(Jesper!AH$2:AH$366,ROUNDDOWN($C1869/24,0)+1,1))-1)+IF('Standard Profiles'!$G$18=$B$10,7,0)+IF('Standard Profiles'!$G$18=$B$17,14,0)+IF('Standard Profiles'!$G$18=$B$24,21,0),0)),0)</f>
        <v>14.145247014719013</v>
      </c>
      <c r="E1869" cm="1">
        <f t="array" ref="E1869">IFERROR(INDEX(Jesper!AI$2:AI$366,ROUNDDOWN($C1869/24,0)+1,1)*INDEX($D$3:$AA$30,INDEX(Jesper!$R$2:$R$366,ROW(INDEX(Jesper!AI$2:AI$366,ROUNDDOWN($C1869/24,0)+1,1))-1)+IF('Standard Profiles'!$G$19=$B$10,7,0)+IF('Standard Profiles'!$G$19=$B$17,14,0)+IF('Standard Profiles'!$G$19=$B$24,21,0),MOD($C1869,24)+1)/SUM(INDEX($D$3:$AA$30,INDEX(Jesper!$R$2:$R$366,ROW(INDEX(Jesper!AI$2:AI$366,ROUNDDOWN($C1869/24,0)+1,1))-1)+IF('Standard Profiles'!$G$19=$B$10,7,0)+IF('Standard Profiles'!$G$19=$B$17,14,0)+IF('Standard Profiles'!$G$19=$B$24,21,0),0)),0)</f>
        <v>3.0973931830047721</v>
      </c>
      <c r="F1869" cm="1">
        <f t="array" ref="F1869">IFERROR(INDEX(Jesper!AJ$2:AJ$366,ROUNDDOWN($C1869/24,0)+1,1)*INDEX($D$3:$AA$30,INDEX(Jesper!$R$2:$R$366,ROW(INDEX(Jesper!AJ$2:AJ$366,ROUNDDOWN($C1869/24,0)+1,1))-1)+IF('Standard Profiles'!$G$20=$B$10,7,0)+IF('Standard Profiles'!$G$20=$B$17,14,0)+IF('Standard Profiles'!$G$20=$B$24,21,0),MOD($C1869,24)+1)/SUM(INDEX($D$3:$AA$30,INDEX(Jesper!$R$2:$R$366,ROW(INDEX(Jesper!AJ$2:AJ$366,ROUNDDOWN($C1869/24,0)+1,1))-1)+IF('Standard Profiles'!$G$20=$B$10,7,0)+IF('Standard Profiles'!$G$20=$B$17,14,0)+IF('Standard Profiles'!$G$20=$B$24,21,0),0)),0)</f>
        <v>0</v>
      </c>
      <c r="G1869" cm="1">
        <f t="array" ref="G1869">IFERROR(INDEX(Jesper!AK$2:AK$366,ROUNDDOWN($C1869/24,0)+1,1)*INDEX($D$3:$AA$30,INDEX(Jesper!$R$2:$R$366,ROW(INDEX(Jesper!AK$2:AK$366,ROUNDDOWN($C1869/24,0)+1,1))-1)+IF('Standard Profiles'!$G$21=$B$10,7,0)+IF('Standard Profiles'!$G$21=$B$17,14,0)+IF('Standard Profiles'!$G$21=$B$24,21,0),MOD($C1869,24)+1)/SUM(INDEX($D$3:$AA$30,INDEX(Jesper!$R$2:$R$366,ROW(INDEX(Jesper!AK$2:AK$366,ROUNDDOWN($C1869/24,0)+1,1))-1)+IF('Standard Profiles'!$G$21=$B$10,7,0)+IF('Standard Profiles'!$G$21=$B$17,14,0)+IF('Standard Profiles'!$G$21=$B$24,21,0),0)),0)</f>
        <v>0</v>
      </c>
      <c r="H1869" cm="1">
        <f t="array" ref="H1869">IFERROR(INDEX(Jesper!AL$2:AL$366,ROUNDDOWN($C1869/24,0)+1,1)*INDEX($D$3:$AA$30,INDEX(Jesper!$R$2:$R$366,ROW(INDEX(Jesper!AL$2:AL$366,ROUNDDOWN($C1869/24,0)+1,1))-1)+IF('Standard Profiles'!$G$22=$B$10,7,0)+IF('Standard Profiles'!$G$22=$B$17,14,0)+IF('Standard Profiles'!$G$22=$B$24,21,0),MOD($C1869,24)+1)/SUM(INDEX($D$3:$AA$30,INDEX(Jesper!$R$2:$R$366,ROW(INDEX(Jesper!AL$2:AL$366,ROUNDDOWN($C1869/24,0)+1,1))-1)+IF('Standard Profiles'!$G$22=$B$10,7,0)+IF('Standard Profiles'!$G$22=$B$17,14,0)+IF('Standard Profiles'!$G$22=$B$24,21,0),0)),0)</f>
        <v>0</v>
      </c>
      <c r="I1869">
        <f t="shared" si="216"/>
        <v>0.27904443090133091</v>
      </c>
      <c r="J1869">
        <f t="shared" si="217"/>
        <v>0.9301481030044364</v>
      </c>
      <c r="K1869">
        <f t="shared" si="218"/>
        <v>1.3952221545066545</v>
      </c>
      <c r="L1869">
        <f t="shared" si="219"/>
        <v>14.638225509311363</v>
      </c>
      <c r="M1869">
        <f t="shared" si="220"/>
        <v>0</v>
      </c>
      <c r="N1869" s="46">
        <f t="shared" si="221"/>
        <v>45368.458333328883</v>
      </c>
    </row>
    <row r="1870" spans="2:14" x14ac:dyDescent="0.3">
      <c r="B1870">
        <f t="shared" si="215"/>
        <v>7</v>
      </c>
      <c r="C1870" s="16">
        <v>1836</v>
      </c>
      <c r="D1870" cm="1">
        <f t="array" ref="D1870">IFERROR(INDEX(Jesper!AH$2:AH$366,ROUNDDOWN($C1870/24,0)+1,1)*INDEX($D$3:$AA$30,INDEX(Jesper!$R$2:$R$366,ROW(INDEX(Jesper!AH$2:AH$366,ROUNDDOWN($C1870/24,0)+1,1))-1)+IF('Standard Profiles'!$G$18=$B$10,7,0)+IF('Standard Profiles'!$G$18=$B$17,14,0)+IF('Standard Profiles'!$G$18=$B$24,21,0),MOD($C1870,24)+1)/SUM(INDEX($D$3:$AA$30,INDEX(Jesper!$R$2:$R$366,ROW(INDEX(Jesper!AH$2:AH$366,ROUNDDOWN($C1870/24,0)+1,1))-1)+IF('Standard Profiles'!$G$18=$B$10,7,0)+IF('Standard Profiles'!$G$18=$B$17,14,0)+IF('Standard Profiles'!$G$18=$B$24,21,0),0)),0)</f>
        <v>14.145247014719013</v>
      </c>
      <c r="E1870" cm="1">
        <f t="array" ref="E1870">IFERROR(INDEX(Jesper!AI$2:AI$366,ROUNDDOWN($C1870/24,0)+1,1)*INDEX($D$3:$AA$30,INDEX(Jesper!$R$2:$R$366,ROW(INDEX(Jesper!AI$2:AI$366,ROUNDDOWN($C1870/24,0)+1,1))-1)+IF('Standard Profiles'!$G$19=$B$10,7,0)+IF('Standard Profiles'!$G$19=$B$17,14,0)+IF('Standard Profiles'!$G$19=$B$24,21,0),MOD($C1870,24)+1)/SUM(INDEX($D$3:$AA$30,INDEX(Jesper!$R$2:$R$366,ROW(INDEX(Jesper!AI$2:AI$366,ROUNDDOWN($C1870/24,0)+1,1))-1)+IF('Standard Profiles'!$G$19=$B$10,7,0)+IF('Standard Profiles'!$G$19=$B$17,14,0)+IF('Standard Profiles'!$G$19=$B$24,21,0),0)),0)</f>
        <v>3.0973931830047721</v>
      </c>
      <c r="F1870" cm="1">
        <f t="array" ref="F1870">IFERROR(INDEX(Jesper!AJ$2:AJ$366,ROUNDDOWN($C1870/24,0)+1,1)*INDEX($D$3:$AA$30,INDEX(Jesper!$R$2:$R$366,ROW(INDEX(Jesper!AJ$2:AJ$366,ROUNDDOWN($C1870/24,0)+1,1))-1)+IF('Standard Profiles'!$G$20=$B$10,7,0)+IF('Standard Profiles'!$G$20=$B$17,14,0)+IF('Standard Profiles'!$G$20=$B$24,21,0),MOD($C1870,24)+1)/SUM(INDEX($D$3:$AA$30,INDEX(Jesper!$R$2:$R$366,ROW(INDEX(Jesper!AJ$2:AJ$366,ROUNDDOWN($C1870/24,0)+1,1))-1)+IF('Standard Profiles'!$G$20=$B$10,7,0)+IF('Standard Profiles'!$G$20=$B$17,14,0)+IF('Standard Profiles'!$G$20=$B$24,21,0),0)),0)</f>
        <v>0</v>
      </c>
      <c r="G1870" cm="1">
        <f t="array" ref="G1870">IFERROR(INDEX(Jesper!AK$2:AK$366,ROUNDDOWN($C1870/24,0)+1,1)*INDEX($D$3:$AA$30,INDEX(Jesper!$R$2:$R$366,ROW(INDEX(Jesper!AK$2:AK$366,ROUNDDOWN($C1870/24,0)+1,1))-1)+IF('Standard Profiles'!$G$21=$B$10,7,0)+IF('Standard Profiles'!$G$21=$B$17,14,0)+IF('Standard Profiles'!$G$21=$B$24,21,0),MOD($C1870,24)+1)/SUM(INDEX($D$3:$AA$30,INDEX(Jesper!$R$2:$R$366,ROW(INDEX(Jesper!AK$2:AK$366,ROUNDDOWN($C1870/24,0)+1,1))-1)+IF('Standard Profiles'!$G$21=$B$10,7,0)+IF('Standard Profiles'!$G$21=$B$17,14,0)+IF('Standard Profiles'!$G$21=$B$24,21,0),0)),0)</f>
        <v>0</v>
      </c>
      <c r="H1870" cm="1">
        <f t="array" ref="H1870">IFERROR(INDEX(Jesper!AL$2:AL$366,ROUNDDOWN($C1870/24,0)+1,1)*INDEX($D$3:$AA$30,INDEX(Jesper!$R$2:$R$366,ROW(INDEX(Jesper!AL$2:AL$366,ROUNDDOWN($C1870/24,0)+1,1))-1)+IF('Standard Profiles'!$G$22=$B$10,7,0)+IF('Standard Profiles'!$G$22=$B$17,14,0)+IF('Standard Profiles'!$G$22=$B$24,21,0),MOD($C1870,24)+1)/SUM(INDEX($D$3:$AA$30,INDEX(Jesper!$R$2:$R$366,ROW(INDEX(Jesper!AL$2:AL$366,ROUNDDOWN($C1870/24,0)+1,1))-1)+IF('Standard Profiles'!$G$22=$B$10,7,0)+IF('Standard Profiles'!$G$22=$B$17,14,0)+IF('Standard Profiles'!$G$22=$B$24,21,0),0)),0)</f>
        <v>0</v>
      </c>
      <c r="I1870">
        <f t="shared" si="216"/>
        <v>0.27904443090133091</v>
      </c>
      <c r="J1870">
        <f t="shared" si="217"/>
        <v>0.9301481030044364</v>
      </c>
      <c r="K1870">
        <f t="shared" si="218"/>
        <v>1.3952221545066545</v>
      </c>
      <c r="L1870">
        <f t="shared" si="219"/>
        <v>14.638225509311363</v>
      </c>
      <c r="M1870">
        <f t="shared" si="220"/>
        <v>0</v>
      </c>
      <c r="N1870" s="46">
        <f t="shared" si="221"/>
        <v>45368.499999995547</v>
      </c>
    </row>
    <row r="1871" spans="2:14" x14ac:dyDescent="0.3">
      <c r="B1871">
        <f t="shared" si="215"/>
        <v>7</v>
      </c>
      <c r="C1871" s="16">
        <v>1837</v>
      </c>
      <c r="D1871" cm="1">
        <f t="array" ref="D1871">IFERROR(INDEX(Jesper!AH$2:AH$366,ROUNDDOWN($C1871/24,0)+1,1)*INDEX($D$3:$AA$30,INDEX(Jesper!$R$2:$R$366,ROW(INDEX(Jesper!AH$2:AH$366,ROUNDDOWN($C1871/24,0)+1,1))-1)+IF('Standard Profiles'!$G$18=$B$10,7,0)+IF('Standard Profiles'!$G$18=$B$17,14,0)+IF('Standard Profiles'!$G$18=$B$24,21,0),MOD($C1871,24)+1)/SUM(INDEX($D$3:$AA$30,INDEX(Jesper!$R$2:$R$366,ROW(INDEX(Jesper!AH$2:AH$366,ROUNDDOWN($C1871/24,0)+1,1))-1)+IF('Standard Profiles'!$G$18=$B$10,7,0)+IF('Standard Profiles'!$G$18=$B$17,14,0)+IF('Standard Profiles'!$G$18=$B$24,21,0),0)),0)</f>
        <v>14.145247014719013</v>
      </c>
      <c r="E1871" cm="1">
        <f t="array" ref="E1871">IFERROR(INDEX(Jesper!AI$2:AI$366,ROUNDDOWN($C1871/24,0)+1,1)*INDEX($D$3:$AA$30,INDEX(Jesper!$R$2:$R$366,ROW(INDEX(Jesper!AI$2:AI$366,ROUNDDOWN($C1871/24,0)+1,1))-1)+IF('Standard Profiles'!$G$19=$B$10,7,0)+IF('Standard Profiles'!$G$19=$B$17,14,0)+IF('Standard Profiles'!$G$19=$B$24,21,0),MOD($C1871,24)+1)/SUM(INDEX($D$3:$AA$30,INDEX(Jesper!$R$2:$R$366,ROW(INDEX(Jesper!AI$2:AI$366,ROUNDDOWN($C1871/24,0)+1,1))-1)+IF('Standard Profiles'!$G$19=$B$10,7,0)+IF('Standard Profiles'!$G$19=$B$17,14,0)+IF('Standard Profiles'!$G$19=$B$24,21,0),0)),0)</f>
        <v>3.0973931830047721</v>
      </c>
      <c r="F1871" cm="1">
        <f t="array" ref="F1871">IFERROR(INDEX(Jesper!AJ$2:AJ$366,ROUNDDOWN($C1871/24,0)+1,1)*INDEX($D$3:$AA$30,INDEX(Jesper!$R$2:$R$366,ROW(INDEX(Jesper!AJ$2:AJ$366,ROUNDDOWN($C1871/24,0)+1,1))-1)+IF('Standard Profiles'!$G$20=$B$10,7,0)+IF('Standard Profiles'!$G$20=$B$17,14,0)+IF('Standard Profiles'!$G$20=$B$24,21,0),MOD($C1871,24)+1)/SUM(INDEX($D$3:$AA$30,INDEX(Jesper!$R$2:$R$366,ROW(INDEX(Jesper!AJ$2:AJ$366,ROUNDDOWN($C1871/24,0)+1,1))-1)+IF('Standard Profiles'!$G$20=$B$10,7,0)+IF('Standard Profiles'!$G$20=$B$17,14,0)+IF('Standard Profiles'!$G$20=$B$24,21,0),0)),0)</f>
        <v>0</v>
      </c>
      <c r="G1871" cm="1">
        <f t="array" ref="G1871">IFERROR(INDEX(Jesper!AK$2:AK$366,ROUNDDOWN($C1871/24,0)+1,1)*INDEX($D$3:$AA$30,INDEX(Jesper!$R$2:$R$366,ROW(INDEX(Jesper!AK$2:AK$366,ROUNDDOWN($C1871/24,0)+1,1))-1)+IF('Standard Profiles'!$G$21=$B$10,7,0)+IF('Standard Profiles'!$G$21=$B$17,14,0)+IF('Standard Profiles'!$G$21=$B$24,21,0),MOD($C1871,24)+1)/SUM(INDEX($D$3:$AA$30,INDEX(Jesper!$R$2:$R$366,ROW(INDEX(Jesper!AK$2:AK$366,ROUNDDOWN($C1871/24,0)+1,1))-1)+IF('Standard Profiles'!$G$21=$B$10,7,0)+IF('Standard Profiles'!$G$21=$B$17,14,0)+IF('Standard Profiles'!$G$21=$B$24,21,0),0)),0)</f>
        <v>0</v>
      </c>
      <c r="H1871" cm="1">
        <f t="array" ref="H1871">IFERROR(INDEX(Jesper!AL$2:AL$366,ROUNDDOWN($C1871/24,0)+1,1)*INDEX($D$3:$AA$30,INDEX(Jesper!$R$2:$R$366,ROW(INDEX(Jesper!AL$2:AL$366,ROUNDDOWN($C1871/24,0)+1,1))-1)+IF('Standard Profiles'!$G$22=$B$10,7,0)+IF('Standard Profiles'!$G$22=$B$17,14,0)+IF('Standard Profiles'!$G$22=$B$24,21,0),MOD($C1871,24)+1)/SUM(INDEX($D$3:$AA$30,INDEX(Jesper!$R$2:$R$366,ROW(INDEX(Jesper!AL$2:AL$366,ROUNDDOWN($C1871/24,0)+1,1))-1)+IF('Standard Profiles'!$G$22=$B$10,7,0)+IF('Standard Profiles'!$G$22=$B$17,14,0)+IF('Standard Profiles'!$G$22=$B$24,21,0),0)),0)</f>
        <v>0</v>
      </c>
      <c r="I1871">
        <f t="shared" si="216"/>
        <v>0.27904443090133091</v>
      </c>
      <c r="J1871">
        <f t="shared" si="217"/>
        <v>0.9301481030044364</v>
      </c>
      <c r="K1871">
        <f t="shared" si="218"/>
        <v>1.3952221545066545</v>
      </c>
      <c r="L1871">
        <f t="shared" si="219"/>
        <v>14.638225509311363</v>
      </c>
      <c r="M1871">
        <f t="shared" si="220"/>
        <v>0</v>
      </c>
      <c r="N1871" s="46">
        <f t="shared" si="221"/>
        <v>45368.541666662211</v>
      </c>
    </row>
    <row r="1872" spans="2:14" x14ac:dyDescent="0.3">
      <c r="B1872">
        <f t="shared" si="215"/>
        <v>7</v>
      </c>
      <c r="C1872" s="16">
        <v>1838</v>
      </c>
      <c r="D1872" cm="1">
        <f t="array" ref="D1872">IFERROR(INDEX(Jesper!AH$2:AH$366,ROUNDDOWN($C1872/24,0)+1,1)*INDEX($D$3:$AA$30,INDEX(Jesper!$R$2:$R$366,ROW(INDEX(Jesper!AH$2:AH$366,ROUNDDOWN($C1872/24,0)+1,1))-1)+IF('Standard Profiles'!$G$18=$B$10,7,0)+IF('Standard Profiles'!$G$18=$B$17,14,0)+IF('Standard Profiles'!$G$18=$B$24,21,0),MOD($C1872,24)+1)/SUM(INDEX($D$3:$AA$30,INDEX(Jesper!$R$2:$R$366,ROW(INDEX(Jesper!AH$2:AH$366,ROUNDDOWN($C1872/24,0)+1,1))-1)+IF('Standard Profiles'!$G$18=$B$10,7,0)+IF('Standard Profiles'!$G$18=$B$17,14,0)+IF('Standard Profiles'!$G$18=$B$24,21,0),0)),0)</f>
        <v>14.145247014719013</v>
      </c>
      <c r="E1872" cm="1">
        <f t="array" ref="E1872">IFERROR(INDEX(Jesper!AI$2:AI$366,ROUNDDOWN($C1872/24,0)+1,1)*INDEX($D$3:$AA$30,INDEX(Jesper!$R$2:$R$366,ROW(INDEX(Jesper!AI$2:AI$366,ROUNDDOWN($C1872/24,0)+1,1))-1)+IF('Standard Profiles'!$G$19=$B$10,7,0)+IF('Standard Profiles'!$G$19=$B$17,14,0)+IF('Standard Profiles'!$G$19=$B$24,21,0),MOD($C1872,24)+1)/SUM(INDEX($D$3:$AA$30,INDEX(Jesper!$R$2:$R$366,ROW(INDEX(Jesper!AI$2:AI$366,ROUNDDOWN($C1872/24,0)+1,1))-1)+IF('Standard Profiles'!$G$19=$B$10,7,0)+IF('Standard Profiles'!$G$19=$B$17,14,0)+IF('Standard Profiles'!$G$19=$B$24,21,0),0)),0)</f>
        <v>3.0973931830047721</v>
      </c>
      <c r="F1872" cm="1">
        <f t="array" ref="F1872">IFERROR(INDEX(Jesper!AJ$2:AJ$366,ROUNDDOWN($C1872/24,0)+1,1)*INDEX($D$3:$AA$30,INDEX(Jesper!$R$2:$R$366,ROW(INDEX(Jesper!AJ$2:AJ$366,ROUNDDOWN($C1872/24,0)+1,1))-1)+IF('Standard Profiles'!$G$20=$B$10,7,0)+IF('Standard Profiles'!$G$20=$B$17,14,0)+IF('Standard Profiles'!$G$20=$B$24,21,0),MOD($C1872,24)+1)/SUM(INDEX($D$3:$AA$30,INDEX(Jesper!$R$2:$R$366,ROW(INDEX(Jesper!AJ$2:AJ$366,ROUNDDOWN($C1872/24,0)+1,1))-1)+IF('Standard Profiles'!$G$20=$B$10,7,0)+IF('Standard Profiles'!$G$20=$B$17,14,0)+IF('Standard Profiles'!$G$20=$B$24,21,0),0)),0)</f>
        <v>0</v>
      </c>
      <c r="G1872" cm="1">
        <f t="array" ref="G1872">IFERROR(INDEX(Jesper!AK$2:AK$366,ROUNDDOWN($C1872/24,0)+1,1)*INDEX($D$3:$AA$30,INDEX(Jesper!$R$2:$R$366,ROW(INDEX(Jesper!AK$2:AK$366,ROUNDDOWN($C1872/24,0)+1,1))-1)+IF('Standard Profiles'!$G$21=$B$10,7,0)+IF('Standard Profiles'!$G$21=$B$17,14,0)+IF('Standard Profiles'!$G$21=$B$24,21,0),MOD($C1872,24)+1)/SUM(INDEX($D$3:$AA$30,INDEX(Jesper!$R$2:$R$366,ROW(INDEX(Jesper!AK$2:AK$366,ROUNDDOWN($C1872/24,0)+1,1))-1)+IF('Standard Profiles'!$G$21=$B$10,7,0)+IF('Standard Profiles'!$G$21=$B$17,14,0)+IF('Standard Profiles'!$G$21=$B$24,21,0),0)),0)</f>
        <v>0</v>
      </c>
      <c r="H1872" cm="1">
        <f t="array" ref="H1872">IFERROR(INDEX(Jesper!AL$2:AL$366,ROUNDDOWN($C1872/24,0)+1,1)*INDEX($D$3:$AA$30,INDEX(Jesper!$R$2:$R$366,ROW(INDEX(Jesper!AL$2:AL$366,ROUNDDOWN($C1872/24,0)+1,1))-1)+IF('Standard Profiles'!$G$22=$B$10,7,0)+IF('Standard Profiles'!$G$22=$B$17,14,0)+IF('Standard Profiles'!$G$22=$B$24,21,0),MOD($C1872,24)+1)/SUM(INDEX($D$3:$AA$30,INDEX(Jesper!$R$2:$R$366,ROW(INDEX(Jesper!AL$2:AL$366,ROUNDDOWN($C1872/24,0)+1,1))-1)+IF('Standard Profiles'!$G$22=$B$10,7,0)+IF('Standard Profiles'!$G$22=$B$17,14,0)+IF('Standard Profiles'!$G$22=$B$24,21,0),0)),0)</f>
        <v>0</v>
      </c>
      <c r="I1872">
        <f t="shared" si="216"/>
        <v>0.27904443090133091</v>
      </c>
      <c r="J1872">
        <f t="shared" si="217"/>
        <v>0.9301481030044364</v>
      </c>
      <c r="K1872">
        <f t="shared" si="218"/>
        <v>1.3952221545066545</v>
      </c>
      <c r="L1872">
        <f t="shared" si="219"/>
        <v>14.638225509311363</v>
      </c>
      <c r="M1872">
        <f t="shared" si="220"/>
        <v>0</v>
      </c>
      <c r="N1872" s="46">
        <f t="shared" si="221"/>
        <v>45368.583333328876</v>
      </c>
    </row>
    <row r="1873" spans="2:14" x14ac:dyDescent="0.3">
      <c r="B1873">
        <f t="shared" si="215"/>
        <v>7</v>
      </c>
      <c r="C1873" s="16">
        <v>1839</v>
      </c>
      <c r="D1873" cm="1">
        <f t="array" ref="D1873">IFERROR(INDEX(Jesper!AH$2:AH$366,ROUNDDOWN($C1873/24,0)+1,1)*INDEX($D$3:$AA$30,INDEX(Jesper!$R$2:$R$366,ROW(INDEX(Jesper!AH$2:AH$366,ROUNDDOWN($C1873/24,0)+1,1))-1)+IF('Standard Profiles'!$G$18=$B$10,7,0)+IF('Standard Profiles'!$G$18=$B$17,14,0)+IF('Standard Profiles'!$G$18=$B$24,21,0),MOD($C1873,24)+1)/SUM(INDEX($D$3:$AA$30,INDEX(Jesper!$R$2:$R$366,ROW(INDEX(Jesper!AH$2:AH$366,ROUNDDOWN($C1873/24,0)+1,1))-1)+IF('Standard Profiles'!$G$18=$B$10,7,0)+IF('Standard Profiles'!$G$18=$B$17,14,0)+IF('Standard Profiles'!$G$18=$B$24,21,0),0)),0)</f>
        <v>12.573552901972455</v>
      </c>
      <c r="E1873" cm="1">
        <f t="array" ref="E1873">IFERROR(INDEX(Jesper!AI$2:AI$366,ROUNDDOWN($C1873/24,0)+1,1)*INDEX($D$3:$AA$30,INDEX(Jesper!$R$2:$R$366,ROW(INDEX(Jesper!AI$2:AI$366,ROUNDDOWN($C1873/24,0)+1,1))-1)+IF('Standard Profiles'!$G$19=$B$10,7,0)+IF('Standard Profiles'!$G$19=$B$17,14,0)+IF('Standard Profiles'!$G$19=$B$24,21,0),MOD($C1873,24)+1)/SUM(INDEX($D$3:$AA$30,INDEX(Jesper!$R$2:$R$366,ROW(INDEX(Jesper!AI$2:AI$366,ROUNDDOWN($C1873/24,0)+1,1))-1)+IF('Standard Profiles'!$G$19=$B$10,7,0)+IF('Standard Profiles'!$G$19=$B$17,14,0)+IF('Standard Profiles'!$G$19=$B$24,21,0),0)),0)</f>
        <v>2.7532383848931303</v>
      </c>
      <c r="F1873" cm="1">
        <f t="array" ref="F1873">IFERROR(INDEX(Jesper!AJ$2:AJ$366,ROUNDDOWN($C1873/24,0)+1,1)*INDEX($D$3:$AA$30,INDEX(Jesper!$R$2:$R$366,ROW(INDEX(Jesper!AJ$2:AJ$366,ROUNDDOWN($C1873/24,0)+1,1))-1)+IF('Standard Profiles'!$G$20=$B$10,7,0)+IF('Standard Profiles'!$G$20=$B$17,14,0)+IF('Standard Profiles'!$G$20=$B$24,21,0),MOD($C1873,24)+1)/SUM(INDEX($D$3:$AA$30,INDEX(Jesper!$R$2:$R$366,ROW(INDEX(Jesper!AJ$2:AJ$366,ROUNDDOWN($C1873/24,0)+1,1))-1)+IF('Standard Profiles'!$G$20=$B$10,7,0)+IF('Standard Profiles'!$G$20=$B$17,14,0)+IF('Standard Profiles'!$G$20=$B$24,21,0),0)),0)</f>
        <v>0</v>
      </c>
      <c r="G1873" cm="1">
        <f t="array" ref="G1873">IFERROR(INDEX(Jesper!AK$2:AK$366,ROUNDDOWN($C1873/24,0)+1,1)*INDEX($D$3:$AA$30,INDEX(Jesper!$R$2:$R$366,ROW(INDEX(Jesper!AK$2:AK$366,ROUNDDOWN($C1873/24,0)+1,1))-1)+IF('Standard Profiles'!$G$21=$B$10,7,0)+IF('Standard Profiles'!$G$21=$B$17,14,0)+IF('Standard Profiles'!$G$21=$B$24,21,0),MOD($C1873,24)+1)/SUM(INDEX($D$3:$AA$30,INDEX(Jesper!$R$2:$R$366,ROW(INDEX(Jesper!AK$2:AK$366,ROUNDDOWN($C1873/24,0)+1,1))-1)+IF('Standard Profiles'!$G$21=$B$10,7,0)+IF('Standard Profiles'!$G$21=$B$17,14,0)+IF('Standard Profiles'!$G$21=$B$24,21,0),0)),0)</f>
        <v>0</v>
      </c>
      <c r="H1873" cm="1">
        <f t="array" ref="H1873">IFERROR(INDEX(Jesper!AL$2:AL$366,ROUNDDOWN($C1873/24,0)+1,1)*INDEX($D$3:$AA$30,INDEX(Jesper!$R$2:$R$366,ROW(INDEX(Jesper!AL$2:AL$366,ROUNDDOWN($C1873/24,0)+1,1))-1)+IF('Standard Profiles'!$G$22=$B$10,7,0)+IF('Standard Profiles'!$G$22=$B$17,14,0)+IF('Standard Profiles'!$G$22=$B$24,21,0),MOD($C1873,24)+1)/SUM(INDEX($D$3:$AA$30,INDEX(Jesper!$R$2:$R$366,ROW(INDEX(Jesper!AL$2:AL$366,ROUNDDOWN($C1873/24,0)+1,1))-1)+IF('Standard Profiles'!$G$22=$B$10,7,0)+IF('Standard Profiles'!$G$22=$B$17,14,0)+IF('Standard Profiles'!$G$22=$B$24,21,0),0)),0)</f>
        <v>0</v>
      </c>
      <c r="I1873">
        <f t="shared" si="216"/>
        <v>0.24803949413451631</v>
      </c>
      <c r="J1873">
        <f t="shared" si="217"/>
        <v>0.82679831378172108</v>
      </c>
      <c r="K1873">
        <f t="shared" si="218"/>
        <v>1.2401974706725818</v>
      </c>
      <c r="L1873">
        <f t="shared" si="219"/>
        <v>13.011756008276766</v>
      </c>
      <c r="M1873">
        <f t="shared" si="220"/>
        <v>0</v>
      </c>
      <c r="N1873" s="46">
        <f t="shared" si="221"/>
        <v>45368.62499999554</v>
      </c>
    </row>
    <row r="1874" spans="2:14" x14ac:dyDescent="0.3">
      <c r="B1874">
        <f t="shared" si="215"/>
        <v>7</v>
      </c>
      <c r="C1874" s="16">
        <v>1840</v>
      </c>
      <c r="D1874" cm="1">
        <f t="array" ref="D1874">IFERROR(INDEX(Jesper!AH$2:AH$366,ROUNDDOWN($C1874/24,0)+1,1)*INDEX($D$3:$AA$30,INDEX(Jesper!$R$2:$R$366,ROW(INDEX(Jesper!AH$2:AH$366,ROUNDDOWN($C1874/24,0)+1,1))-1)+IF('Standard Profiles'!$G$18=$B$10,7,0)+IF('Standard Profiles'!$G$18=$B$17,14,0)+IF('Standard Profiles'!$G$18=$B$24,21,0),MOD($C1874,24)+1)/SUM(INDEX($D$3:$AA$30,INDEX(Jesper!$R$2:$R$366,ROW(INDEX(Jesper!AH$2:AH$366,ROUNDDOWN($C1874/24,0)+1,1))-1)+IF('Standard Profiles'!$G$18=$B$10,7,0)+IF('Standard Profiles'!$G$18=$B$17,14,0)+IF('Standard Profiles'!$G$18=$B$24,21,0),0)),0)</f>
        <v>12.349025171580092</v>
      </c>
      <c r="E1874" cm="1">
        <f t="array" ref="E1874">IFERROR(INDEX(Jesper!AI$2:AI$366,ROUNDDOWN($C1874/24,0)+1,1)*INDEX($D$3:$AA$30,INDEX(Jesper!$R$2:$R$366,ROW(INDEX(Jesper!AI$2:AI$366,ROUNDDOWN($C1874/24,0)+1,1))-1)+IF('Standard Profiles'!$G$19=$B$10,7,0)+IF('Standard Profiles'!$G$19=$B$17,14,0)+IF('Standard Profiles'!$G$19=$B$24,21,0),MOD($C1874,24)+1)/SUM(INDEX($D$3:$AA$30,INDEX(Jesper!$R$2:$R$366,ROW(INDEX(Jesper!AI$2:AI$366,ROUNDDOWN($C1874/24,0)+1,1))-1)+IF('Standard Profiles'!$G$19=$B$10,7,0)+IF('Standard Profiles'!$G$19=$B$17,14,0)+IF('Standard Profiles'!$G$19=$B$24,21,0),0)),0)</f>
        <v>2.7040734137343243</v>
      </c>
      <c r="F1874" cm="1">
        <f t="array" ref="F1874">IFERROR(INDEX(Jesper!AJ$2:AJ$366,ROUNDDOWN($C1874/24,0)+1,1)*INDEX($D$3:$AA$30,INDEX(Jesper!$R$2:$R$366,ROW(INDEX(Jesper!AJ$2:AJ$366,ROUNDDOWN($C1874/24,0)+1,1))-1)+IF('Standard Profiles'!$G$20=$B$10,7,0)+IF('Standard Profiles'!$G$20=$B$17,14,0)+IF('Standard Profiles'!$G$20=$B$24,21,0),MOD($C1874,24)+1)/SUM(INDEX($D$3:$AA$30,INDEX(Jesper!$R$2:$R$366,ROW(INDEX(Jesper!AJ$2:AJ$366,ROUNDDOWN($C1874/24,0)+1,1))-1)+IF('Standard Profiles'!$G$20=$B$10,7,0)+IF('Standard Profiles'!$G$20=$B$17,14,0)+IF('Standard Profiles'!$G$20=$B$24,21,0),0)),0)</f>
        <v>0</v>
      </c>
      <c r="G1874" cm="1">
        <f t="array" ref="G1874">IFERROR(INDEX(Jesper!AK$2:AK$366,ROUNDDOWN($C1874/24,0)+1,1)*INDEX($D$3:$AA$30,INDEX(Jesper!$R$2:$R$366,ROW(INDEX(Jesper!AK$2:AK$366,ROUNDDOWN($C1874/24,0)+1,1))-1)+IF('Standard Profiles'!$G$21=$B$10,7,0)+IF('Standard Profiles'!$G$21=$B$17,14,0)+IF('Standard Profiles'!$G$21=$B$24,21,0),MOD($C1874,24)+1)/SUM(INDEX($D$3:$AA$30,INDEX(Jesper!$R$2:$R$366,ROW(INDEX(Jesper!AK$2:AK$366,ROUNDDOWN($C1874/24,0)+1,1))-1)+IF('Standard Profiles'!$G$21=$B$10,7,0)+IF('Standard Profiles'!$G$21=$B$17,14,0)+IF('Standard Profiles'!$G$21=$B$24,21,0),0)),0)</f>
        <v>0</v>
      </c>
      <c r="H1874" cm="1">
        <f t="array" ref="H1874">IFERROR(INDEX(Jesper!AL$2:AL$366,ROUNDDOWN($C1874/24,0)+1,1)*INDEX($D$3:$AA$30,INDEX(Jesper!$R$2:$R$366,ROW(INDEX(Jesper!AL$2:AL$366,ROUNDDOWN($C1874/24,0)+1,1))-1)+IF('Standard Profiles'!$G$22=$B$10,7,0)+IF('Standard Profiles'!$G$22=$B$17,14,0)+IF('Standard Profiles'!$G$22=$B$24,21,0),MOD($C1874,24)+1)/SUM(INDEX($D$3:$AA$30,INDEX(Jesper!$R$2:$R$366,ROW(INDEX(Jesper!AL$2:AL$366,ROUNDDOWN($C1874/24,0)+1,1))-1)+IF('Standard Profiles'!$G$22=$B$10,7,0)+IF('Standard Profiles'!$G$22=$B$17,14,0)+IF('Standard Profiles'!$G$22=$B$24,21,0),0)),0)</f>
        <v>0</v>
      </c>
      <c r="I1874">
        <f t="shared" si="216"/>
        <v>0.2436102174535428</v>
      </c>
      <c r="J1874">
        <f t="shared" si="217"/>
        <v>0.81203405817847607</v>
      </c>
      <c r="K1874">
        <f t="shared" si="218"/>
        <v>1.2180510872677142</v>
      </c>
      <c r="L1874">
        <f t="shared" si="219"/>
        <v>12.779403222414683</v>
      </c>
      <c r="M1874">
        <f t="shared" si="220"/>
        <v>0</v>
      </c>
      <c r="N1874" s="46">
        <f t="shared" si="221"/>
        <v>45368.666666662204</v>
      </c>
    </row>
    <row r="1875" spans="2:14" x14ac:dyDescent="0.3">
      <c r="B1875">
        <f t="shared" si="215"/>
        <v>7</v>
      </c>
      <c r="C1875" s="16">
        <v>1841</v>
      </c>
      <c r="D1875" cm="1">
        <f t="array" ref="D1875">IFERROR(INDEX(Jesper!AH$2:AH$366,ROUNDDOWN($C1875/24,0)+1,1)*INDEX($D$3:$AA$30,INDEX(Jesper!$R$2:$R$366,ROW(INDEX(Jesper!AH$2:AH$366,ROUNDDOWN($C1875/24,0)+1,1))-1)+IF('Standard Profiles'!$G$18=$B$10,7,0)+IF('Standard Profiles'!$G$18=$B$17,14,0)+IF('Standard Profiles'!$G$18=$B$24,21,0),MOD($C1875,24)+1)/SUM(INDEX($D$3:$AA$30,INDEX(Jesper!$R$2:$R$366,ROW(INDEX(Jesper!AH$2:AH$366,ROUNDDOWN($C1875/24,0)+1,1))-1)+IF('Standard Profiles'!$G$18=$B$10,7,0)+IF('Standard Profiles'!$G$18=$B$17,14,0)+IF('Standard Profiles'!$G$18=$B$24,21,0),0)),0)</f>
        <v>10.552803328441168</v>
      </c>
      <c r="E1875" cm="1">
        <f t="array" ref="E1875">IFERROR(INDEX(Jesper!AI$2:AI$366,ROUNDDOWN($C1875/24,0)+1,1)*INDEX($D$3:$AA$30,INDEX(Jesper!$R$2:$R$366,ROW(INDEX(Jesper!AI$2:AI$366,ROUNDDOWN($C1875/24,0)+1,1))-1)+IF('Standard Profiles'!$G$19=$B$10,7,0)+IF('Standard Profiles'!$G$19=$B$17,14,0)+IF('Standard Profiles'!$G$19=$B$24,21,0),MOD($C1875,24)+1)/SUM(INDEX($D$3:$AA$30,INDEX(Jesper!$R$2:$R$366,ROW(INDEX(Jesper!AI$2:AI$366,ROUNDDOWN($C1875/24,0)+1,1))-1)+IF('Standard Profiles'!$G$19=$B$10,7,0)+IF('Standard Profiles'!$G$19=$B$17,14,0)+IF('Standard Profiles'!$G$19=$B$24,21,0),0)),0)</f>
        <v>2.3107536444638774</v>
      </c>
      <c r="F1875" cm="1">
        <f t="array" ref="F1875">IFERROR(INDEX(Jesper!AJ$2:AJ$366,ROUNDDOWN($C1875/24,0)+1,1)*INDEX($D$3:$AA$30,INDEX(Jesper!$R$2:$R$366,ROW(INDEX(Jesper!AJ$2:AJ$366,ROUNDDOWN($C1875/24,0)+1,1))-1)+IF('Standard Profiles'!$G$20=$B$10,7,0)+IF('Standard Profiles'!$G$20=$B$17,14,0)+IF('Standard Profiles'!$G$20=$B$24,21,0),MOD($C1875,24)+1)/SUM(INDEX($D$3:$AA$30,INDEX(Jesper!$R$2:$R$366,ROW(INDEX(Jesper!AJ$2:AJ$366,ROUNDDOWN($C1875/24,0)+1,1))-1)+IF('Standard Profiles'!$G$20=$B$10,7,0)+IF('Standard Profiles'!$G$20=$B$17,14,0)+IF('Standard Profiles'!$G$20=$B$24,21,0),0)),0)</f>
        <v>0</v>
      </c>
      <c r="G1875" cm="1">
        <f t="array" ref="G1875">IFERROR(INDEX(Jesper!AK$2:AK$366,ROUNDDOWN($C1875/24,0)+1,1)*INDEX($D$3:$AA$30,INDEX(Jesper!$R$2:$R$366,ROW(INDEX(Jesper!AK$2:AK$366,ROUNDDOWN($C1875/24,0)+1,1))-1)+IF('Standard Profiles'!$G$21=$B$10,7,0)+IF('Standard Profiles'!$G$21=$B$17,14,0)+IF('Standard Profiles'!$G$21=$B$24,21,0),MOD($C1875,24)+1)/SUM(INDEX($D$3:$AA$30,INDEX(Jesper!$R$2:$R$366,ROW(INDEX(Jesper!AK$2:AK$366,ROUNDDOWN($C1875/24,0)+1,1))-1)+IF('Standard Profiles'!$G$21=$B$10,7,0)+IF('Standard Profiles'!$G$21=$B$17,14,0)+IF('Standard Profiles'!$G$21=$B$24,21,0),0)),0)</f>
        <v>0</v>
      </c>
      <c r="H1875" cm="1">
        <f t="array" ref="H1875">IFERROR(INDEX(Jesper!AL$2:AL$366,ROUNDDOWN($C1875/24,0)+1,1)*INDEX($D$3:$AA$30,INDEX(Jesper!$R$2:$R$366,ROW(INDEX(Jesper!AL$2:AL$366,ROUNDDOWN($C1875/24,0)+1,1))-1)+IF('Standard Profiles'!$G$22=$B$10,7,0)+IF('Standard Profiles'!$G$22=$B$17,14,0)+IF('Standard Profiles'!$G$22=$B$24,21,0),MOD($C1875,24)+1)/SUM(INDEX($D$3:$AA$30,INDEX(Jesper!$R$2:$R$366,ROW(INDEX(Jesper!AL$2:AL$366,ROUNDDOWN($C1875/24,0)+1,1))-1)+IF('Standard Profiles'!$G$22=$B$10,7,0)+IF('Standard Profiles'!$G$22=$B$17,14,0)+IF('Standard Profiles'!$G$22=$B$24,21,0),0)),0)</f>
        <v>0</v>
      </c>
      <c r="I1875">
        <f t="shared" si="216"/>
        <v>0.20817600400575478</v>
      </c>
      <c r="J1875">
        <f t="shared" si="217"/>
        <v>0.69392001335251596</v>
      </c>
      <c r="K1875">
        <f t="shared" si="218"/>
        <v>1.040880020028774</v>
      </c>
      <c r="L1875">
        <f t="shared" si="219"/>
        <v>10.920580935518002</v>
      </c>
      <c r="M1875">
        <f t="shared" si="220"/>
        <v>0</v>
      </c>
      <c r="N1875" s="46">
        <f t="shared" si="221"/>
        <v>45368.708333328868</v>
      </c>
    </row>
    <row r="1876" spans="2:14" x14ac:dyDescent="0.3">
      <c r="B1876">
        <f t="shared" si="215"/>
        <v>7</v>
      </c>
      <c r="C1876" s="16">
        <v>1842</v>
      </c>
      <c r="D1876" cm="1">
        <f t="array" ref="D1876">IFERROR(INDEX(Jesper!AH$2:AH$366,ROUNDDOWN($C1876/24,0)+1,1)*INDEX($D$3:$AA$30,INDEX(Jesper!$R$2:$R$366,ROW(INDEX(Jesper!AH$2:AH$366,ROUNDDOWN($C1876/24,0)+1,1))-1)+IF('Standard Profiles'!$G$18=$B$10,7,0)+IF('Standard Profiles'!$G$18=$B$17,14,0)+IF('Standard Profiles'!$G$18=$B$24,21,0),MOD($C1876,24)+1)/SUM(INDEX($D$3:$AA$30,INDEX(Jesper!$R$2:$R$366,ROW(INDEX(Jesper!AH$2:AH$366,ROUNDDOWN($C1876/24,0)+1,1))-1)+IF('Standard Profiles'!$G$18=$B$10,7,0)+IF('Standard Profiles'!$G$18=$B$17,14,0)+IF('Standard Profiles'!$G$18=$B$24,21,0),0)),0)</f>
        <v>9.879220137264074</v>
      </c>
      <c r="E1876" cm="1">
        <f t="array" ref="E1876">IFERROR(INDEX(Jesper!AI$2:AI$366,ROUNDDOWN($C1876/24,0)+1,1)*INDEX($D$3:$AA$30,INDEX(Jesper!$R$2:$R$366,ROW(INDEX(Jesper!AI$2:AI$366,ROUNDDOWN($C1876/24,0)+1,1))-1)+IF('Standard Profiles'!$G$19=$B$10,7,0)+IF('Standard Profiles'!$G$19=$B$17,14,0)+IF('Standard Profiles'!$G$19=$B$24,21,0),MOD($C1876,24)+1)/SUM(INDEX($D$3:$AA$30,INDEX(Jesper!$R$2:$R$366,ROW(INDEX(Jesper!AI$2:AI$366,ROUNDDOWN($C1876/24,0)+1,1))-1)+IF('Standard Profiles'!$G$19=$B$10,7,0)+IF('Standard Profiles'!$G$19=$B$17,14,0)+IF('Standard Profiles'!$G$19=$B$24,21,0),0)),0)</f>
        <v>2.1632587309874598</v>
      </c>
      <c r="F1876" cm="1">
        <f t="array" ref="F1876">IFERROR(INDEX(Jesper!AJ$2:AJ$366,ROUNDDOWN($C1876/24,0)+1,1)*INDEX($D$3:$AA$30,INDEX(Jesper!$R$2:$R$366,ROW(INDEX(Jesper!AJ$2:AJ$366,ROUNDDOWN($C1876/24,0)+1,1))-1)+IF('Standard Profiles'!$G$20=$B$10,7,0)+IF('Standard Profiles'!$G$20=$B$17,14,0)+IF('Standard Profiles'!$G$20=$B$24,21,0),MOD($C1876,24)+1)/SUM(INDEX($D$3:$AA$30,INDEX(Jesper!$R$2:$R$366,ROW(INDEX(Jesper!AJ$2:AJ$366,ROUNDDOWN($C1876/24,0)+1,1))-1)+IF('Standard Profiles'!$G$20=$B$10,7,0)+IF('Standard Profiles'!$G$20=$B$17,14,0)+IF('Standard Profiles'!$G$20=$B$24,21,0),0)),0)</f>
        <v>0</v>
      </c>
      <c r="G1876" cm="1">
        <f t="array" ref="G1876">IFERROR(INDEX(Jesper!AK$2:AK$366,ROUNDDOWN($C1876/24,0)+1,1)*INDEX($D$3:$AA$30,INDEX(Jesper!$R$2:$R$366,ROW(INDEX(Jesper!AK$2:AK$366,ROUNDDOWN($C1876/24,0)+1,1))-1)+IF('Standard Profiles'!$G$21=$B$10,7,0)+IF('Standard Profiles'!$G$21=$B$17,14,0)+IF('Standard Profiles'!$G$21=$B$24,21,0),MOD($C1876,24)+1)/SUM(INDEX($D$3:$AA$30,INDEX(Jesper!$R$2:$R$366,ROW(INDEX(Jesper!AK$2:AK$366,ROUNDDOWN($C1876/24,0)+1,1))-1)+IF('Standard Profiles'!$G$21=$B$10,7,0)+IF('Standard Profiles'!$G$21=$B$17,14,0)+IF('Standard Profiles'!$G$21=$B$24,21,0),0)),0)</f>
        <v>0</v>
      </c>
      <c r="H1876" cm="1">
        <f t="array" ref="H1876">IFERROR(INDEX(Jesper!AL$2:AL$366,ROUNDDOWN($C1876/24,0)+1,1)*INDEX($D$3:$AA$30,INDEX(Jesper!$R$2:$R$366,ROW(INDEX(Jesper!AL$2:AL$366,ROUNDDOWN($C1876/24,0)+1,1))-1)+IF('Standard Profiles'!$G$22=$B$10,7,0)+IF('Standard Profiles'!$G$22=$B$17,14,0)+IF('Standard Profiles'!$G$22=$B$24,21,0),MOD($C1876,24)+1)/SUM(INDEX($D$3:$AA$30,INDEX(Jesper!$R$2:$R$366,ROW(INDEX(Jesper!AL$2:AL$366,ROUNDDOWN($C1876/24,0)+1,1))-1)+IF('Standard Profiles'!$G$22=$B$10,7,0)+IF('Standard Profiles'!$G$22=$B$17,14,0)+IF('Standard Profiles'!$G$22=$B$24,21,0),0)),0)</f>
        <v>0</v>
      </c>
      <c r="I1876">
        <f t="shared" si="216"/>
        <v>0.19488817396283425</v>
      </c>
      <c r="J1876">
        <f t="shared" si="217"/>
        <v>0.64962724654278092</v>
      </c>
      <c r="K1876">
        <f t="shared" si="218"/>
        <v>0.97444086981417144</v>
      </c>
      <c r="L1876">
        <f t="shared" si="219"/>
        <v>10.223522577931748</v>
      </c>
      <c r="M1876">
        <f t="shared" si="220"/>
        <v>0</v>
      </c>
      <c r="N1876" s="46">
        <f t="shared" si="221"/>
        <v>45368.749999995533</v>
      </c>
    </row>
    <row r="1877" spans="2:14" x14ac:dyDescent="0.3">
      <c r="B1877">
        <f t="shared" si="215"/>
        <v>7</v>
      </c>
      <c r="C1877" s="16">
        <v>1843</v>
      </c>
      <c r="D1877" cm="1">
        <f t="array" ref="D1877">IFERROR(INDEX(Jesper!AH$2:AH$366,ROUNDDOWN($C1877/24,0)+1,1)*INDEX($D$3:$AA$30,INDEX(Jesper!$R$2:$R$366,ROW(INDEX(Jesper!AH$2:AH$366,ROUNDDOWN($C1877/24,0)+1,1))-1)+IF('Standard Profiles'!$G$18=$B$10,7,0)+IF('Standard Profiles'!$G$18=$B$17,14,0)+IF('Standard Profiles'!$G$18=$B$24,21,0),MOD($C1877,24)+1)/SUM(INDEX($D$3:$AA$30,INDEX(Jesper!$R$2:$R$366,ROW(INDEX(Jesper!AH$2:AH$366,ROUNDDOWN($C1877/24,0)+1,1))-1)+IF('Standard Profiles'!$G$18=$B$10,7,0)+IF('Standard Profiles'!$G$18=$B$17,14,0)+IF('Standard Profiles'!$G$18=$B$24,21,0),0)),0)</f>
        <v>8.3075260245175162</v>
      </c>
      <c r="E1877" cm="1">
        <f t="array" ref="E1877">IFERROR(INDEX(Jesper!AI$2:AI$366,ROUNDDOWN($C1877/24,0)+1,1)*INDEX($D$3:$AA$30,INDEX(Jesper!$R$2:$R$366,ROW(INDEX(Jesper!AI$2:AI$366,ROUNDDOWN($C1877/24,0)+1,1))-1)+IF('Standard Profiles'!$G$19=$B$10,7,0)+IF('Standard Profiles'!$G$19=$B$17,14,0)+IF('Standard Profiles'!$G$19=$B$24,21,0),MOD($C1877,24)+1)/SUM(INDEX($D$3:$AA$30,INDEX(Jesper!$R$2:$R$366,ROW(INDEX(Jesper!AI$2:AI$366,ROUNDDOWN($C1877/24,0)+1,1))-1)+IF('Standard Profiles'!$G$19=$B$10,7,0)+IF('Standard Profiles'!$G$19=$B$17,14,0)+IF('Standard Profiles'!$G$19=$B$24,21,0),0)),0)</f>
        <v>1.8191039328758183</v>
      </c>
      <c r="F1877" cm="1">
        <f t="array" ref="F1877">IFERROR(INDEX(Jesper!AJ$2:AJ$366,ROUNDDOWN($C1877/24,0)+1,1)*INDEX($D$3:$AA$30,INDEX(Jesper!$R$2:$R$366,ROW(INDEX(Jesper!AJ$2:AJ$366,ROUNDDOWN($C1877/24,0)+1,1))-1)+IF('Standard Profiles'!$G$20=$B$10,7,0)+IF('Standard Profiles'!$G$20=$B$17,14,0)+IF('Standard Profiles'!$G$20=$B$24,21,0),MOD($C1877,24)+1)/SUM(INDEX($D$3:$AA$30,INDEX(Jesper!$R$2:$R$366,ROW(INDEX(Jesper!AJ$2:AJ$366,ROUNDDOWN($C1877/24,0)+1,1))-1)+IF('Standard Profiles'!$G$20=$B$10,7,0)+IF('Standard Profiles'!$G$20=$B$17,14,0)+IF('Standard Profiles'!$G$20=$B$24,21,0),0)),0)</f>
        <v>0</v>
      </c>
      <c r="G1877" cm="1">
        <f t="array" ref="G1877">IFERROR(INDEX(Jesper!AK$2:AK$366,ROUNDDOWN($C1877/24,0)+1,1)*INDEX($D$3:$AA$30,INDEX(Jesper!$R$2:$R$366,ROW(INDEX(Jesper!AK$2:AK$366,ROUNDDOWN($C1877/24,0)+1,1))-1)+IF('Standard Profiles'!$G$21=$B$10,7,0)+IF('Standard Profiles'!$G$21=$B$17,14,0)+IF('Standard Profiles'!$G$21=$B$24,21,0),MOD($C1877,24)+1)/SUM(INDEX($D$3:$AA$30,INDEX(Jesper!$R$2:$R$366,ROW(INDEX(Jesper!AK$2:AK$366,ROUNDDOWN($C1877/24,0)+1,1))-1)+IF('Standard Profiles'!$G$21=$B$10,7,0)+IF('Standard Profiles'!$G$21=$B$17,14,0)+IF('Standard Profiles'!$G$21=$B$24,21,0),0)),0)</f>
        <v>0</v>
      </c>
      <c r="H1877" cm="1">
        <f t="array" ref="H1877">IFERROR(INDEX(Jesper!AL$2:AL$366,ROUNDDOWN($C1877/24,0)+1,1)*INDEX($D$3:$AA$30,INDEX(Jesper!$R$2:$R$366,ROW(INDEX(Jesper!AL$2:AL$366,ROUNDDOWN($C1877/24,0)+1,1))-1)+IF('Standard Profiles'!$G$22=$B$10,7,0)+IF('Standard Profiles'!$G$22=$B$17,14,0)+IF('Standard Profiles'!$G$22=$B$24,21,0),MOD($C1877,24)+1)/SUM(INDEX($D$3:$AA$30,INDEX(Jesper!$R$2:$R$366,ROW(INDEX(Jesper!AL$2:AL$366,ROUNDDOWN($C1877/24,0)+1,1))-1)+IF('Standard Profiles'!$G$22=$B$10,7,0)+IF('Standard Profiles'!$G$22=$B$17,14,0)+IF('Standard Profiles'!$G$22=$B$24,21,0),0)),0)</f>
        <v>0</v>
      </c>
      <c r="I1877">
        <f t="shared" si="216"/>
        <v>0.16388323719601972</v>
      </c>
      <c r="J1877">
        <f t="shared" si="217"/>
        <v>0.54627745732006572</v>
      </c>
      <c r="K1877">
        <f t="shared" si="218"/>
        <v>0.81941618598009869</v>
      </c>
      <c r="L1877">
        <f t="shared" si="219"/>
        <v>8.5970530768971507</v>
      </c>
      <c r="M1877">
        <f t="shared" si="220"/>
        <v>0</v>
      </c>
      <c r="N1877" s="46">
        <f t="shared" si="221"/>
        <v>45368.791666662197</v>
      </c>
    </row>
    <row r="1878" spans="2:14" x14ac:dyDescent="0.3">
      <c r="B1878">
        <f t="shared" si="215"/>
        <v>7</v>
      </c>
      <c r="C1878" s="16">
        <v>1844</v>
      </c>
      <c r="D1878" cm="1">
        <f t="array" ref="D1878">IFERROR(INDEX(Jesper!AH$2:AH$366,ROUNDDOWN($C1878/24,0)+1,1)*INDEX($D$3:$AA$30,INDEX(Jesper!$R$2:$R$366,ROW(INDEX(Jesper!AH$2:AH$366,ROUNDDOWN($C1878/24,0)+1,1))-1)+IF('Standard Profiles'!$G$18=$B$10,7,0)+IF('Standard Profiles'!$G$18=$B$17,14,0)+IF('Standard Profiles'!$G$18=$B$24,21,0),MOD($C1878,24)+1)/SUM(INDEX($D$3:$AA$30,INDEX(Jesper!$R$2:$R$366,ROW(INDEX(Jesper!AH$2:AH$366,ROUNDDOWN($C1878/24,0)+1,1))-1)+IF('Standard Profiles'!$G$18=$B$10,7,0)+IF('Standard Profiles'!$G$18=$B$17,14,0)+IF('Standard Profiles'!$G$18=$B$24,21,0),0)),0)</f>
        <v>6.9603596421633238</v>
      </c>
      <c r="E1878" cm="1">
        <f t="array" ref="E1878">IFERROR(INDEX(Jesper!AI$2:AI$366,ROUNDDOWN($C1878/24,0)+1,1)*INDEX($D$3:$AA$30,INDEX(Jesper!$R$2:$R$366,ROW(INDEX(Jesper!AI$2:AI$366,ROUNDDOWN($C1878/24,0)+1,1))-1)+IF('Standard Profiles'!$G$19=$B$10,7,0)+IF('Standard Profiles'!$G$19=$B$17,14,0)+IF('Standard Profiles'!$G$19=$B$24,21,0),MOD($C1878,24)+1)/SUM(INDEX($D$3:$AA$30,INDEX(Jesper!$R$2:$R$366,ROW(INDEX(Jesper!AI$2:AI$366,ROUNDDOWN($C1878/24,0)+1,1))-1)+IF('Standard Profiles'!$G$19=$B$10,7,0)+IF('Standard Profiles'!$G$19=$B$17,14,0)+IF('Standard Profiles'!$G$19=$B$24,21,0),0)),0)</f>
        <v>1.5241141059229828</v>
      </c>
      <c r="F1878" cm="1">
        <f t="array" ref="F1878">IFERROR(INDEX(Jesper!AJ$2:AJ$366,ROUNDDOWN($C1878/24,0)+1,1)*INDEX($D$3:$AA$30,INDEX(Jesper!$R$2:$R$366,ROW(INDEX(Jesper!AJ$2:AJ$366,ROUNDDOWN($C1878/24,0)+1,1))-1)+IF('Standard Profiles'!$G$20=$B$10,7,0)+IF('Standard Profiles'!$G$20=$B$17,14,0)+IF('Standard Profiles'!$G$20=$B$24,21,0),MOD($C1878,24)+1)/SUM(INDEX($D$3:$AA$30,INDEX(Jesper!$R$2:$R$366,ROW(INDEX(Jesper!AJ$2:AJ$366,ROUNDDOWN($C1878/24,0)+1,1))-1)+IF('Standard Profiles'!$G$20=$B$10,7,0)+IF('Standard Profiles'!$G$20=$B$17,14,0)+IF('Standard Profiles'!$G$20=$B$24,21,0),0)),0)</f>
        <v>0</v>
      </c>
      <c r="G1878" cm="1">
        <f t="array" ref="G1878">IFERROR(INDEX(Jesper!AK$2:AK$366,ROUNDDOWN($C1878/24,0)+1,1)*INDEX($D$3:$AA$30,INDEX(Jesper!$R$2:$R$366,ROW(INDEX(Jesper!AK$2:AK$366,ROUNDDOWN($C1878/24,0)+1,1))-1)+IF('Standard Profiles'!$G$21=$B$10,7,0)+IF('Standard Profiles'!$G$21=$B$17,14,0)+IF('Standard Profiles'!$G$21=$B$24,21,0),MOD($C1878,24)+1)/SUM(INDEX($D$3:$AA$30,INDEX(Jesper!$R$2:$R$366,ROW(INDEX(Jesper!AK$2:AK$366,ROUNDDOWN($C1878/24,0)+1,1))-1)+IF('Standard Profiles'!$G$21=$B$10,7,0)+IF('Standard Profiles'!$G$21=$B$17,14,0)+IF('Standard Profiles'!$G$21=$B$24,21,0),0)),0)</f>
        <v>0</v>
      </c>
      <c r="H1878" cm="1">
        <f t="array" ref="H1878">IFERROR(INDEX(Jesper!AL$2:AL$366,ROUNDDOWN($C1878/24,0)+1,1)*INDEX($D$3:$AA$30,INDEX(Jesper!$R$2:$R$366,ROW(INDEX(Jesper!AL$2:AL$366,ROUNDDOWN($C1878/24,0)+1,1))-1)+IF('Standard Profiles'!$G$22=$B$10,7,0)+IF('Standard Profiles'!$G$22=$B$17,14,0)+IF('Standard Profiles'!$G$22=$B$24,21,0),MOD($C1878,24)+1)/SUM(INDEX($D$3:$AA$30,INDEX(Jesper!$R$2:$R$366,ROW(INDEX(Jesper!AL$2:AL$366,ROUNDDOWN($C1878/24,0)+1,1))-1)+IF('Standard Profiles'!$G$22=$B$10,7,0)+IF('Standard Profiles'!$G$22=$B$17,14,0)+IF('Standard Profiles'!$G$22=$B$24,21,0),0)),0)</f>
        <v>0</v>
      </c>
      <c r="I1878">
        <f t="shared" si="216"/>
        <v>0.13730757711017866</v>
      </c>
      <c r="J1878">
        <f t="shared" si="217"/>
        <v>0.45769192370059564</v>
      </c>
      <c r="K1878">
        <f t="shared" si="218"/>
        <v>0.68653788555089346</v>
      </c>
      <c r="L1878">
        <f t="shared" si="219"/>
        <v>7.2029363617246389</v>
      </c>
      <c r="M1878">
        <f t="shared" si="220"/>
        <v>0</v>
      </c>
      <c r="N1878" s="46">
        <f t="shared" si="221"/>
        <v>45368.833333328861</v>
      </c>
    </row>
    <row r="1879" spans="2:14" x14ac:dyDescent="0.3">
      <c r="B1879">
        <f t="shared" si="215"/>
        <v>7</v>
      </c>
      <c r="C1879" s="16">
        <v>1845</v>
      </c>
      <c r="D1879" cm="1">
        <f t="array" ref="D1879">IFERROR(INDEX(Jesper!AH$2:AH$366,ROUNDDOWN($C1879/24,0)+1,1)*INDEX($D$3:$AA$30,INDEX(Jesper!$R$2:$R$366,ROW(INDEX(Jesper!AH$2:AH$366,ROUNDDOWN($C1879/24,0)+1,1))-1)+IF('Standard Profiles'!$G$18=$B$10,7,0)+IF('Standard Profiles'!$G$18=$B$17,14,0)+IF('Standard Profiles'!$G$18=$B$24,21,0),MOD($C1879,24)+1)/SUM(INDEX($D$3:$AA$30,INDEX(Jesper!$R$2:$R$366,ROW(INDEX(Jesper!AH$2:AH$366,ROUNDDOWN($C1879/24,0)+1,1))-1)+IF('Standard Profiles'!$G$18=$B$10,7,0)+IF('Standard Profiles'!$G$18=$B$17,14,0)+IF('Standard Profiles'!$G$18=$B$24,21,0),0)),0)</f>
        <v>6.0622487205938631</v>
      </c>
      <c r="E1879" cm="1">
        <f t="array" ref="E1879">IFERROR(INDEX(Jesper!AI$2:AI$366,ROUNDDOWN($C1879/24,0)+1,1)*INDEX($D$3:$AA$30,INDEX(Jesper!$R$2:$R$366,ROW(INDEX(Jesper!AI$2:AI$366,ROUNDDOWN($C1879/24,0)+1,1))-1)+IF('Standard Profiles'!$G$19=$B$10,7,0)+IF('Standard Profiles'!$G$19=$B$17,14,0)+IF('Standard Profiles'!$G$19=$B$24,21,0),MOD($C1879,24)+1)/SUM(INDEX($D$3:$AA$30,INDEX(Jesper!$R$2:$R$366,ROW(INDEX(Jesper!AI$2:AI$366,ROUNDDOWN($C1879/24,0)+1,1))-1)+IF('Standard Profiles'!$G$19=$B$10,7,0)+IF('Standard Profiles'!$G$19=$B$17,14,0)+IF('Standard Profiles'!$G$19=$B$24,21,0),0)),0)</f>
        <v>1.3274542212877594</v>
      </c>
      <c r="F1879" cm="1">
        <f t="array" ref="F1879">IFERROR(INDEX(Jesper!AJ$2:AJ$366,ROUNDDOWN($C1879/24,0)+1,1)*INDEX($D$3:$AA$30,INDEX(Jesper!$R$2:$R$366,ROW(INDEX(Jesper!AJ$2:AJ$366,ROUNDDOWN($C1879/24,0)+1,1))-1)+IF('Standard Profiles'!$G$20=$B$10,7,0)+IF('Standard Profiles'!$G$20=$B$17,14,0)+IF('Standard Profiles'!$G$20=$B$24,21,0),MOD($C1879,24)+1)/SUM(INDEX($D$3:$AA$30,INDEX(Jesper!$R$2:$R$366,ROW(INDEX(Jesper!AJ$2:AJ$366,ROUNDDOWN($C1879/24,0)+1,1))-1)+IF('Standard Profiles'!$G$20=$B$10,7,0)+IF('Standard Profiles'!$G$20=$B$17,14,0)+IF('Standard Profiles'!$G$20=$B$24,21,0),0)),0)</f>
        <v>0</v>
      </c>
      <c r="G1879" cm="1">
        <f t="array" ref="G1879">IFERROR(INDEX(Jesper!AK$2:AK$366,ROUNDDOWN($C1879/24,0)+1,1)*INDEX($D$3:$AA$30,INDEX(Jesper!$R$2:$R$366,ROW(INDEX(Jesper!AK$2:AK$366,ROUNDDOWN($C1879/24,0)+1,1))-1)+IF('Standard Profiles'!$G$21=$B$10,7,0)+IF('Standard Profiles'!$G$21=$B$17,14,0)+IF('Standard Profiles'!$G$21=$B$24,21,0),MOD($C1879,24)+1)/SUM(INDEX($D$3:$AA$30,INDEX(Jesper!$R$2:$R$366,ROW(INDEX(Jesper!AK$2:AK$366,ROUNDDOWN($C1879/24,0)+1,1))-1)+IF('Standard Profiles'!$G$21=$B$10,7,0)+IF('Standard Profiles'!$G$21=$B$17,14,0)+IF('Standard Profiles'!$G$21=$B$24,21,0),0)),0)</f>
        <v>0</v>
      </c>
      <c r="H1879" cm="1">
        <f t="array" ref="H1879">IFERROR(INDEX(Jesper!AL$2:AL$366,ROUNDDOWN($C1879/24,0)+1,1)*INDEX($D$3:$AA$30,INDEX(Jesper!$R$2:$R$366,ROW(INDEX(Jesper!AL$2:AL$366,ROUNDDOWN($C1879/24,0)+1,1))-1)+IF('Standard Profiles'!$G$22=$B$10,7,0)+IF('Standard Profiles'!$G$22=$B$17,14,0)+IF('Standard Profiles'!$G$22=$B$24,21,0),MOD($C1879,24)+1)/SUM(INDEX($D$3:$AA$30,INDEX(Jesper!$R$2:$R$366,ROW(INDEX(Jesper!AL$2:AL$366,ROUNDDOWN($C1879/24,0)+1,1))-1)+IF('Standard Profiles'!$G$22=$B$10,7,0)+IF('Standard Profiles'!$G$22=$B$17,14,0)+IF('Standard Profiles'!$G$22=$B$24,21,0),0)),0)</f>
        <v>0</v>
      </c>
      <c r="I1879">
        <f t="shared" si="216"/>
        <v>0.11959047038628466</v>
      </c>
      <c r="J1879">
        <f t="shared" si="217"/>
        <v>0.39863490128761558</v>
      </c>
      <c r="K1879">
        <f t="shared" si="218"/>
        <v>0.59795235193142338</v>
      </c>
      <c r="L1879">
        <f t="shared" si="219"/>
        <v>6.2735252182762986</v>
      </c>
      <c r="M1879">
        <f t="shared" si="220"/>
        <v>0</v>
      </c>
      <c r="N1879" s="46">
        <f t="shared" si="221"/>
        <v>45368.874999995525</v>
      </c>
    </row>
    <row r="1880" spans="2:14" x14ac:dyDescent="0.3">
      <c r="B1880">
        <f t="shared" si="215"/>
        <v>7</v>
      </c>
      <c r="C1880" s="16">
        <v>1846</v>
      </c>
      <c r="D1880" cm="1">
        <f t="array" ref="D1880">IFERROR(INDEX(Jesper!AH$2:AH$366,ROUNDDOWN($C1880/24,0)+1,1)*INDEX($D$3:$AA$30,INDEX(Jesper!$R$2:$R$366,ROW(INDEX(Jesper!AH$2:AH$366,ROUNDDOWN($C1880/24,0)+1,1))-1)+IF('Standard Profiles'!$G$18=$B$10,7,0)+IF('Standard Profiles'!$G$18=$B$17,14,0)+IF('Standard Profiles'!$G$18=$B$24,21,0),MOD($C1880,24)+1)/SUM(INDEX($D$3:$AA$30,INDEX(Jesper!$R$2:$R$366,ROW(INDEX(Jesper!AH$2:AH$366,ROUNDDOWN($C1880/24,0)+1,1))-1)+IF('Standard Profiles'!$G$18=$B$10,7,0)+IF('Standard Profiles'!$G$18=$B$17,14,0)+IF('Standard Profiles'!$G$18=$B$24,21,0),0)),0)</f>
        <v>6.0622487205938631</v>
      </c>
      <c r="E1880" cm="1">
        <f t="array" ref="E1880">IFERROR(INDEX(Jesper!AI$2:AI$366,ROUNDDOWN($C1880/24,0)+1,1)*INDEX($D$3:$AA$30,INDEX(Jesper!$R$2:$R$366,ROW(INDEX(Jesper!AI$2:AI$366,ROUNDDOWN($C1880/24,0)+1,1))-1)+IF('Standard Profiles'!$G$19=$B$10,7,0)+IF('Standard Profiles'!$G$19=$B$17,14,0)+IF('Standard Profiles'!$G$19=$B$24,21,0),MOD($C1880,24)+1)/SUM(INDEX($D$3:$AA$30,INDEX(Jesper!$R$2:$R$366,ROW(INDEX(Jesper!AI$2:AI$366,ROUNDDOWN($C1880/24,0)+1,1))-1)+IF('Standard Profiles'!$G$19=$B$10,7,0)+IF('Standard Profiles'!$G$19=$B$17,14,0)+IF('Standard Profiles'!$G$19=$B$24,21,0),0)),0)</f>
        <v>1.3274542212877594</v>
      </c>
      <c r="F1880" cm="1">
        <f t="array" ref="F1880">IFERROR(INDEX(Jesper!AJ$2:AJ$366,ROUNDDOWN($C1880/24,0)+1,1)*INDEX($D$3:$AA$30,INDEX(Jesper!$R$2:$R$366,ROW(INDEX(Jesper!AJ$2:AJ$366,ROUNDDOWN($C1880/24,0)+1,1))-1)+IF('Standard Profiles'!$G$20=$B$10,7,0)+IF('Standard Profiles'!$G$20=$B$17,14,0)+IF('Standard Profiles'!$G$20=$B$24,21,0),MOD($C1880,24)+1)/SUM(INDEX($D$3:$AA$30,INDEX(Jesper!$R$2:$R$366,ROW(INDEX(Jesper!AJ$2:AJ$366,ROUNDDOWN($C1880/24,0)+1,1))-1)+IF('Standard Profiles'!$G$20=$B$10,7,0)+IF('Standard Profiles'!$G$20=$B$17,14,0)+IF('Standard Profiles'!$G$20=$B$24,21,0),0)),0)</f>
        <v>0</v>
      </c>
      <c r="G1880" cm="1">
        <f t="array" ref="G1880">IFERROR(INDEX(Jesper!AK$2:AK$366,ROUNDDOWN($C1880/24,0)+1,1)*INDEX($D$3:$AA$30,INDEX(Jesper!$R$2:$R$366,ROW(INDEX(Jesper!AK$2:AK$366,ROUNDDOWN($C1880/24,0)+1,1))-1)+IF('Standard Profiles'!$G$21=$B$10,7,0)+IF('Standard Profiles'!$G$21=$B$17,14,0)+IF('Standard Profiles'!$G$21=$B$24,21,0),MOD($C1880,24)+1)/SUM(INDEX($D$3:$AA$30,INDEX(Jesper!$R$2:$R$366,ROW(INDEX(Jesper!AK$2:AK$366,ROUNDDOWN($C1880/24,0)+1,1))-1)+IF('Standard Profiles'!$G$21=$B$10,7,0)+IF('Standard Profiles'!$G$21=$B$17,14,0)+IF('Standard Profiles'!$G$21=$B$24,21,0),0)),0)</f>
        <v>0</v>
      </c>
      <c r="H1880" cm="1">
        <f t="array" ref="H1880">IFERROR(INDEX(Jesper!AL$2:AL$366,ROUNDDOWN($C1880/24,0)+1,1)*INDEX($D$3:$AA$30,INDEX(Jesper!$R$2:$R$366,ROW(INDEX(Jesper!AL$2:AL$366,ROUNDDOWN($C1880/24,0)+1,1))-1)+IF('Standard Profiles'!$G$22=$B$10,7,0)+IF('Standard Profiles'!$G$22=$B$17,14,0)+IF('Standard Profiles'!$G$22=$B$24,21,0),MOD($C1880,24)+1)/SUM(INDEX($D$3:$AA$30,INDEX(Jesper!$R$2:$R$366,ROW(INDEX(Jesper!AL$2:AL$366,ROUNDDOWN($C1880/24,0)+1,1))-1)+IF('Standard Profiles'!$G$22=$B$10,7,0)+IF('Standard Profiles'!$G$22=$B$17,14,0)+IF('Standard Profiles'!$G$22=$B$24,21,0),0)),0)</f>
        <v>0</v>
      </c>
      <c r="I1880">
        <f t="shared" si="216"/>
        <v>0.11959047038628466</v>
      </c>
      <c r="J1880">
        <f t="shared" si="217"/>
        <v>0.39863490128761558</v>
      </c>
      <c r="K1880">
        <f t="shared" si="218"/>
        <v>0.59795235193142338</v>
      </c>
      <c r="L1880">
        <f t="shared" si="219"/>
        <v>6.2735252182762986</v>
      </c>
      <c r="M1880">
        <f t="shared" si="220"/>
        <v>0</v>
      </c>
      <c r="N1880" s="46">
        <f t="shared" si="221"/>
        <v>45368.91666666219</v>
      </c>
    </row>
    <row r="1881" spans="2:14" x14ac:dyDescent="0.3">
      <c r="B1881">
        <f t="shared" si="215"/>
        <v>7</v>
      </c>
      <c r="C1881" s="16">
        <v>1847</v>
      </c>
      <c r="D1881" cm="1">
        <f t="array" ref="D1881">IFERROR(INDEX(Jesper!AH$2:AH$366,ROUNDDOWN($C1881/24,0)+1,1)*INDEX($D$3:$AA$30,INDEX(Jesper!$R$2:$R$366,ROW(INDEX(Jesper!AH$2:AH$366,ROUNDDOWN($C1881/24,0)+1,1))-1)+IF('Standard Profiles'!$G$18=$B$10,7,0)+IF('Standard Profiles'!$G$18=$B$17,14,0)+IF('Standard Profiles'!$G$18=$B$24,21,0),MOD($C1881,24)+1)/SUM(INDEX($D$3:$AA$30,INDEX(Jesper!$R$2:$R$366,ROW(INDEX(Jesper!AH$2:AH$366,ROUNDDOWN($C1881/24,0)+1,1))-1)+IF('Standard Profiles'!$G$18=$B$10,7,0)+IF('Standard Profiles'!$G$18=$B$17,14,0)+IF('Standard Profiles'!$G$18=$B$24,21,0),0)),0)</f>
        <v>6.0622487205938631</v>
      </c>
      <c r="E1881" cm="1">
        <f t="array" ref="E1881">IFERROR(INDEX(Jesper!AI$2:AI$366,ROUNDDOWN($C1881/24,0)+1,1)*INDEX($D$3:$AA$30,INDEX(Jesper!$R$2:$R$366,ROW(INDEX(Jesper!AI$2:AI$366,ROUNDDOWN($C1881/24,0)+1,1))-1)+IF('Standard Profiles'!$G$19=$B$10,7,0)+IF('Standard Profiles'!$G$19=$B$17,14,0)+IF('Standard Profiles'!$G$19=$B$24,21,0),MOD($C1881,24)+1)/SUM(INDEX($D$3:$AA$30,INDEX(Jesper!$R$2:$R$366,ROW(INDEX(Jesper!AI$2:AI$366,ROUNDDOWN($C1881/24,0)+1,1))-1)+IF('Standard Profiles'!$G$19=$B$10,7,0)+IF('Standard Profiles'!$G$19=$B$17,14,0)+IF('Standard Profiles'!$G$19=$B$24,21,0),0)),0)</f>
        <v>1.3274542212877594</v>
      </c>
      <c r="F1881" cm="1">
        <f t="array" ref="F1881">IFERROR(INDEX(Jesper!AJ$2:AJ$366,ROUNDDOWN($C1881/24,0)+1,1)*INDEX($D$3:$AA$30,INDEX(Jesper!$R$2:$R$366,ROW(INDEX(Jesper!AJ$2:AJ$366,ROUNDDOWN($C1881/24,0)+1,1))-1)+IF('Standard Profiles'!$G$20=$B$10,7,0)+IF('Standard Profiles'!$G$20=$B$17,14,0)+IF('Standard Profiles'!$G$20=$B$24,21,0),MOD($C1881,24)+1)/SUM(INDEX($D$3:$AA$30,INDEX(Jesper!$R$2:$R$366,ROW(INDEX(Jesper!AJ$2:AJ$366,ROUNDDOWN($C1881/24,0)+1,1))-1)+IF('Standard Profiles'!$G$20=$B$10,7,0)+IF('Standard Profiles'!$G$20=$B$17,14,0)+IF('Standard Profiles'!$G$20=$B$24,21,0),0)),0)</f>
        <v>0</v>
      </c>
      <c r="G1881" cm="1">
        <f t="array" ref="G1881">IFERROR(INDEX(Jesper!AK$2:AK$366,ROUNDDOWN($C1881/24,0)+1,1)*INDEX($D$3:$AA$30,INDEX(Jesper!$R$2:$R$366,ROW(INDEX(Jesper!AK$2:AK$366,ROUNDDOWN($C1881/24,0)+1,1))-1)+IF('Standard Profiles'!$G$21=$B$10,7,0)+IF('Standard Profiles'!$G$21=$B$17,14,0)+IF('Standard Profiles'!$G$21=$B$24,21,0),MOD($C1881,24)+1)/SUM(INDEX($D$3:$AA$30,INDEX(Jesper!$R$2:$R$366,ROW(INDEX(Jesper!AK$2:AK$366,ROUNDDOWN($C1881/24,0)+1,1))-1)+IF('Standard Profiles'!$G$21=$B$10,7,0)+IF('Standard Profiles'!$G$21=$B$17,14,0)+IF('Standard Profiles'!$G$21=$B$24,21,0),0)),0)</f>
        <v>0</v>
      </c>
      <c r="H1881" cm="1">
        <f t="array" ref="H1881">IFERROR(INDEX(Jesper!AL$2:AL$366,ROUNDDOWN($C1881/24,0)+1,1)*INDEX($D$3:$AA$30,INDEX(Jesper!$R$2:$R$366,ROW(INDEX(Jesper!AL$2:AL$366,ROUNDDOWN($C1881/24,0)+1,1))-1)+IF('Standard Profiles'!$G$22=$B$10,7,0)+IF('Standard Profiles'!$G$22=$B$17,14,0)+IF('Standard Profiles'!$G$22=$B$24,21,0),MOD($C1881,24)+1)/SUM(INDEX($D$3:$AA$30,INDEX(Jesper!$R$2:$R$366,ROW(INDEX(Jesper!AL$2:AL$366,ROUNDDOWN($C1881/24,0)+1,1))-1)+IF('Standard Profiles'!$G$22=$B$10,7,0)+IF('Standard Profiles'!$G$22=$B$17,14,0)+IF('Standard Profiles'!$G$22=$B$24,21,0),0)),0)</f>
        <v>0</v>
      </c>
      <c r="I1881">
        <f t="shared" si="216"/>
        <v>0.11959047038628466</v>
      </c>
      <c r="J1881">
        <f t="shared" si="217"/>
        <v>0.39863490128761558</v>
      </c>
      <c r="K1881">
        <f t="shared" si="218"/>
        <v>0.59795235193142338</v>
      </c>
      <c r="L1881">
        <f t="shared" si="219"/>
        <v>6.2735252182762986</v>
      </c>
      <c r="M1881">
        <f t="shared" si="220"/>
        <v>0</v>
      </c>
      <c r="N1881" s="46">
        <f t="shared" si="221"/>
        <v>45368.958333328854</v>
      </c>
    </row>
    <row r="1882" spans="2:14" x14ac:dyDescent="0.3">
      <c r="B1882">
        <f t="shared" si="215"/>
        <v>1</v>
      </c>
      <c r="C1882" s="16">
        <v>1848</v>
      </c>
      <c r="D1882" cm="1">
        <f t="array" ref="D1882">IFERROR(INDEX(Jesper!AH$2:AH$366,ROUNDDOWN($C1882/24,0)+1,1)*INDEX($D$3:$AA$30,INDEX(Jesper!$R$2:$R$366,ROW(INDEX(Jesper!AH$2:AH$366,ROUNDDOWN($C1882/24,0)+1,1))-1)+IF('Standard Profiles'!$G$18=$B$10,7,0)+IF('Standard Profiles'!$G$18=$B$17,14,0)+IF('Standard Profiles'!$G$18=$B$24,21,0),MOD($C1882,24)+1)/SUM(INDEX($D$3:$AA$30,INDEX(Jesper!$R$2:$R$366,ROW(INDEX(Jesper!AH$2:AH$366,ROUNDDOWN($C1882/24,0)+1,1))-1)+IF('Standard Profiles'!$G$18=$B$10,7,0)+IF('Standard Profiles'!$G$18=$B$17,14,0)+IF('Standard Profiles'!$G$18=$B$24,21,0),0)),0)</f>
        <v>2.6131613810850918</v>
      </c>
      <c r="E1882" cm="1">
        <f t="array" ref="E1882">IFERROR(INDEX(Jesper!AI$2:AI$366,ROUNDDOWN($C1882/24,0)+1,1)*INDEX($D$3:$AA$30,INDEX(Jesper!$R$2:$R$366,ROW(INDEX(Jesper!AI$2:AI$366,ROUNDDOWN($C1882/24,0)+1,1))-1)+IF('Standard Profiles'!$G$19=$B$10,7,0)+IF('Standard Profiles'!$G$19=$B$17,14,0)+IF('Standard Profiles'!$G$19=$B$24,21,0),MOD($C1882,24)+1)/SUM(INDEX($D$3:$AA$30,INDEX(Jesper!$R$2:$R$366,ROW(INDEX(Jesper!AI$2:AI$366,ROUNDDOWN($C1882/24,0)+1,1))-1)+IF('Standard Profiles'!$G$19=$B$10,7,0)+IF('Standard Profiles'!$G$19=$B$17,14,0)+IF('Standard Profiles'!$G$19=$B$24,21,0),0)),0)</f>
        <v>0</v>
      </c>
      <c r="F1882" cm="1">
        <f t="array" ref="F1882">IFERROR(INDEX(Jesper!AJ$2:AJ$366,ROUNDDOWN($C1882/24,0)+1,1)*INDEX($D$3:$AA$30,INDEX(Jesper!$R$2:$R$366,ROW(INDEX(Jesper!AJ$2:AJ$366,ROUNDDOWN($C1882/24,0)+1,1))-1)+IF('Standard Profiles'!$G$20=$B$10,7,0)+IF('Standard Profiles'!$G$20=$B$17,14,0)+IF('Standard Profiles'!$G$20=$B$24,21,0),MOD($C1882,24)+1)/SUM(INDEX($D$3:$AA$30,INDEX(Jesper!$R$2:$R$366,ROW(INDEX(Jesper!AJ$2:AJ$366,ROUNDDOWN($C1882/24,0)+1,1))-1)+IF('Standard Profiles'!$G$20=$B$10,7,0)+IF('Standard Profiles'!$G$20=$B$17,14,0)+IF('Standard Profiles'!$G$20=$B$24,21,0),0)),0)</f>
        <v>0</v>
      </c>
      <c r="G1882" cm="1">
        <f t="array" ref="G1882">IFERROR(INDEX(Jesper!AK$2:AK$366,ROUNDDOWN($C1882/24,0)+1,1)*INDEX($D$3:$AA$30,INDEX(Jesper!$R$2:$R$366,ROW(INDEX(Jesper!AK$2:AK$366,ROUNDDOWN($C1882/24,0)+1,1))-1)+IF('Standard Profiles'!$G$21=$B$10,7,0)+IF('Standard Profiles'!$G$21=$B$17,14,0)+IF('Standard Profiles'!$G$21=$B$24,21,0),MOD($C1882,24)+1)/SUM(INDEX($D$3:$AA$30,INDEX(Jesper!$R$2:$R$366,ROW(INDEX(Jesper!AK$2:AK$366,ROUNDDOWN($C1882/24,0)+1,1))-1)+IF('Standard Profiles'!$G$21=$B$10,7,0)+IF('Standard Profiles'!$G$21=$B$17,14,0)+IF('Standard Profiles'!$G$21=$B$24,21,0),0)),0)</f>
        <v>0</v>
      </c>
      <c r="H1882" cm="1">
        <f t="array" ref="H1882">IFERROR(INDEX(Jesper!AL$2:AL$366,ROUNDDOWN($C1882/24,0)+1,1)*INDEX($D$3:$AA$30,INDEX(Jesper!$R$2:$R$366,ROW(INDEX(Jesper!AL$2:AL$366,ROUNDDOWN($C1882/24,0)+1,1))-1)+IF('Standard Profiles'!$G$22=$B$10,7,0)+IF('Standard Profiles'!$G$22=$B$17,14,0)+IF('Standard Profiles'!$G$22=$B$24,21,0),MOD($C1882,24)+1)/SUM(INDEX($D$3:$AA$30,INDEX(Jesper!$R$2:$R$366,ROW(INDEX(Jesper!AL$2:AL$366,ROUNDDOWN($C1882/24,0)+1,1))-1)+IF('Standard Profiles'!$G$22=$B$10,7,0)+IF('Standard Profiles'!$G$22=$B$17,14,0)+IF('Standard Profiles'!$G$22=$B$24,21,0),0)),0)</f>
        <v>0</v>
      </c>
      <c r="I1882">
        <f t="shared" si="216"/>
        <v>7.839484143255275E-2</v>
      </c>
      <c r="J1882">
        <f t="shared" si="217"/>
        <v>0.26131613810850918</v>
      </c>
      <c r="K1882">
        <f t="shared" si="218"/>
        <v>0.39197420716276377</v>
      </c>
      <c r="L1882">
        <f t="shared" si="219"/>
        <v>1.8814761943812659</v>
      </c>
      <c r="M1882">
        <f t="shared" si="220"/>
        <v>0</v>
      </c>
      <c r="N1882" s="46">
        <f t="shared" si="221"/>
        <v>45368.999999995518</v>
      </c>
    </row>
    <row r="1883" spans="2:14" x14ac:dyDescent="0.3">
      <c r="B1883">
        <f t="shared" si="215"/>
        <v>1</v>
      </c>
      <c r="C1883" s="16">
        <v>1849</v>
      </c>
      <c r="D1883" cm="1">
        <f t="array" ref="D1883">IFERROR(INDEX(Jesper!AH$2:AH$366,ROUNDDOWN($C1883/24,0)+1,1)*INDEX($D$3:$AA$30,INDEX(Jesper!$R$2:$R$366,ROW(INDEX(Jesper!AH$2:AH$366,ROUNDDOWN($C1883/24,0)+1,1))-1)+IF('Standard Profiles'!$G$18=$B$10,7,0)+IF('Standard Profiles'!$G$18=$B$17,14,0)+IF('Standard Profiles'!$G$18=$B$24,21,0),MOD($C1883,24)+1)/SUM(INDEX($D$3:$AA$30,INDEX(Jesper!$R$2:$R$366,ROW(INDEX(Jesper!AH$2:AH$366,ROUNDDOWN($C1883/24,0)+1,1))-1)+IF('Standard Profiles'!$G$18=$B$10,7,0)+IF('Standard Profiles'!$G$18=$B$17,14,0)+IF('Standard Profiles'!$G$18=$B$24,21,0),0)),0)</f>
        <v>2.6131613810850918</v>
      </c>
      <c r="E1883" cm="1">
        <f t="array" ref="E1883">IFERROR(INDEX(Jesper!AI$2:AI$366,ROUNDDOWN($C1883/24,0)+1,1)*INDEX($D$3:$AA$30,INDEX(Jesper!$R$2:$R$366,ROW(INDEX(Jesper!AI$2:AI$366,ROUNDDOWN($C1883/24,0)+1,1))-1)+IF('Standard Profiles'!$G$19=$B$10,7,0)+IF('Standard Profiles'!$G$19=$B$17,14,0)+IF('Standard Profiles'!$G$19=$B$24,21,0),MOD($C1883,24)+1)/SUM(INDEX($D$3:$AA$30,INDEX(Jesper!$R$2:$R$366,ROW(INDEX(Jesper!AI$2:AI$366,ROUNDDOWN($C1883/24,0)+1,1))-1)+IF('Standard Profiles'!$G$19=$B$10,7,0)+IF('Standard Profiles'!$G$19=$B$17,14,0)+IF('Standard Profiles'!$G$19=$B$24,21,0),0)),0)</f>
        <v>0</v>
      </c>
      <c r="F1883" cm="1">
        <f t="array" ref="F1883">IFERROR(INDEX(Jesper!AJ$2:AJ$366,ROUNDDOWN($C1883/24,0)+1,1)*INDEX($D$3:$AA$30,INDEX(Jesper!$R$2:$R$366,ROW(INDEX(Jesper!AJ$2:AJ$366,ROUNDDOWN($C1883/24,0)+1,1))-1)+IF('Standard Profiles'!$G$20=$B$10,7,0)+IF('Standard Profiles'!$G$20=$B$17,14,0)+IF('Standard Profiles'!$G$20=$B$24,21,0),MOD($C1883,24)+1)/SUM(INDEX($D$3:$AA$30,INDEX(Jesper!$R$2:$R$366,ROW(INDEX(Jesper!AJ$2:AJ$366,ROUNDDOWN($C1883/24,0)+1,1))-1)+IF('Standard Profiles'!$G$20=$B$10,7,0)+IF('Standard Profiles'!$G$20=$B$17,14,0)+IF('Standard Profiles'!$G$20=$B$24,21,0),0)),0)</f>
        <v>0</v>
      </c>
      <c r="G1883" cm="1">
        <f t="array" ref="G1883">IFERROR(INDEX(Jesper!AK$2:AK$366,ROUNDDOWN($C1883/24,0)+1,1)*INDEX($D$3:$AA$30,INDEX(Jesper!$R$2:$R$366,ROW(INDEX(Jesper!AK$2:AK$366,ROUNDDOWN($C1883/24,0)+1,1))-1)+IF('Standard Profiles'!$G$21=$B$10,7,0)+IF('Standard Profiles'!$G$21=$B$17,14,0)+IF('Standard Profiles'!$G$21=$B$24,21,0),MOD($C1883,24)+1)/SUM(INDEX($D$3:$AA$30,INDEX(Jesper!$R$2:$R$366,ROW(INDEX(Jesper!AK$2:AK$366,ROUNDDOWN($C1883/24,0)+1,1))-1)+IF('Standard Profiles'!$G$21=$B$10,7,0)+IF('Standard Profiles'!$G$21=$B$17,14,0)+IF('Standard Profiles'!$G$21=$B$24,21,0),0)),0)</f>
        <v>0</v>
      </c>
      <c r="H1883" cm="1">
        <f t="array" ref="H1883">IFERROR(INDEX(Jesper!AL$2:AL$366,ROUNDDOWN($C1883/24,0)+1,1)*INDEX($D$3:$AA$30,INDEX(Jesper!$R$2:$R$366,ROW(INDEX(Jesper!AL$2:AL$366,ROUNDDOWN($C1883/24,0)+1,1))-1)+IF('Standard Profiles'!$G$22=$B$10,7,0)+IF('Standard Profiles'!$G$22=$B$17,14,0)+IF('Standard Profiles'!$G$22=$B$24,21,0),MOD($C1883,24)+1)/SUM(INDEX($D$3:$AA$30,INDEX(Jesper!$R$2:$R$366,ROW(INDEX(Jesper!AL$2:AL$366,ROUNDDOWN($C1883/24,0)+1,1))-1)+IF('Standard Profiles'!$G$22=$B$10,7,0)+IF('Standard Profiles'!$G$22=$B$17,14,0)+IF('Standard Profiles'!$G$22=$B$24,21,0),0)),0)</f>
        <v>0</v>
      </c>
      <c r="I1883">
        <f t="shared" si="216"/>
        <v>7.839484143255275E-2</v>
      </c>
      <c r="J1883">
        <f t="shared" si="217"/>
        <v>0.26131613810850918</v>
      </c>
      <c r="K1883">
        <f t="shared" si="218"/>
        <v>0.39197420716276377</v>
      </c>
      <c r="L1883">
        <f t="shared" si="219"/>
        <v>1.8814761943812659</v>
      </c>
      <c r="M1883">
        <f t="shared" si="220"/>
        <v>0</v>
      </c>
      <c r="N1883" s="46">
        <f t="shared" si="221"/>
        <v>45369.041666662182</v>
      </c>
    </row>
    <row r="1884" spans="2:14" x14ac:dyDescent="0.3">
      <c r="B1884">
        <f t="shared" si="215"/>
        <v>1</v>
      </c>
      <c r="C1884" s="16">
        <v>1850</v>
      </c>
      <c r="D1884" cm="1">
        <f t="array" ref="D1884">IFERROR(INDEX(Jesper!AH$2:AH$366,ROUNDDOWN($C1884/24,0)+1,1)*INDEX($D$3:$AA$30,INDEX(Jesper!$R$2:$R$366,ROW(INDEX(Jesper!AH$2:AH$366,ROUNDDOWN($C1884/24,0)+1,1))-1)+IF('Standard Profiles'!$G$18=$B$10,7,0)+IF('Standard Profiles'!$G$18=$B$17,14,0)+IF('Standard Profiles'!$G$18=$B$24,21,0),MOD($C1884,24)+1)/SUM(INDEX($D$3:$AA$30,INDEX(Jesper!$R$2:$R$366,ROW(INDEX(Jesper!AH$2:AH$366,ROUNDDOWN($C1884/24,0)+1,1))-1)+IF('Standard Profiles'!$G$18=$B$10,7,0)+IF('Standard Profiles'!$G$18=$B$17,14,0)+IF('Standard Profiles'!$G$18=$B$24,21,0),0)),0)</f>
        <v>2.6131613810850918</v>
      </c>
      <c r="E1884" cm="1">
        <f t="array" ref="E1884">IFERROR(INDEX(Jesper!AI$2:AI$366,ROUNDDOWN($C1884/24,0)+1,1)*INDEX($D$3:$AA$30,INDEX(Jesper!$R$2:$R$366,ROW(INDEX(Jesper!AI$2:AI$366,ROUNDDOWN($C1884/24,0)+1,1))-1)+IF('Standard Profiles'!$G$19=$B$10,7,0)+IF('Standard Profiles'!$G$19=$B$17,14,0)+IF('Standard Profiles'!$G$19=$B$24,21,0),MOD($C1884,24)+1)/SUM(INDEX($D$3:$AA$30,INDEX(Jesper!$R$2:$R$366,ROW(INDEX(Jesper!AI$2:AI$366,ROUNDDOWN($C1884/24,0)+1,1))-1)+IF('Standard Profiles'!$G$19=$B$10,7,0)+IF('Standard Profiles'!$G$19=$B$17,14,0)+IF('Standard Profiles'!$G$19=$B$24,21,0),0)),0)</f>
        <v>0</v>
      </c>
      <c r="F1884" cm="1">
        <f t="array" ref="F1884">IFERROR(INDEX(Jesper!AJ$2:AJ$366,ROUNDDOWN($C1884/24,0)+1,1)*INDEX($D$3:$AA$30,INDEX(Jesper!$R$2:$R$366,ROW(INDEX(Jesper!AJ$2:AJ$366,ROUNDDOWN($C1884/24,0)+1,1))-1)+IF('Standard Profiles'!$G$20=$B$10,7,0)+IF('Standard Profiles'!$G$20=$B$17,14,0)+IF('Standard Profiles'!$G$20=$B$24,21,0),MOD($C1884,24)+1)/SUM(INDEX($D$3:$AA$30,INDEX(Jesper!$R$2:$R$366,ROW(INDEX(Jesper!AJ$2:AJ$366,ROUNDDOWN($C1884/24,0)+1,1))-1)+IF('Standard Profiles'!$G$20=$B$10,7,0)+IF('Standard Profiles'!$G$20=$B$17,14,0)+IF('Standard Profiles'!$G$20=$B$24,21,0),0)),0)</f>
        <v>0</v>
      </c>
      <c r="G1884" cm="1">
        <f t="array" ref="G1884">IFERROR(INDEX(Jesper!AK$2:AK$366,ROUNDDOWN($C1884/24,0)+1,1)*INDEX($D$3:$AA$30,INDEX(Jesper!$R$2:$R$366,ROW(INDEX(Jesper!AK$2:AK$366,ROUNDDOWN($C1884/24,0)+1,1))-1)+IF('Standard Profiles'!$G$21=$B$10,7,0)+IF('Standard Profiles'!$G$21=$B$17,14,0)+IF('Standard Profiles'!$G$21=$B$24,21,0),MOD($C1884,24)+1)/SUM(INDEX($D$3:$AA$30,INDEX(Jesper!$R$2:$R$366,ROW(INDEX(Jesper!AK$2:AK$366,ROUNDDOWN($C1884/24,0)+1,1))-1)+IF('Standard Profiles'!$G$21=$B$10,7,0)+IF('Standard Profiles'!$G$21=$B$17,14,0)+IF('Standard Profiles'!$G$21=$B$24,21,0),0)),0)</f>
        <v>0</v>
      </c>
      <c r="H1884" cm="1">
        <f t="array" ref="H1884">IFERROR(INDEX(Jesper!AL$2:AL$366,ROUNDDOWN($C1884/24,0)+1,1)*INDEX($D$3:$AA$30,INDEX(Jesper!$R$2:$R$366,ROW(INDEX(Jesper!AL$2:AL$366,ROUNDDOWN($C1884/24,0)+1,1))-1)+IF('Standard Profiles'!$G$22=$B$10,7,0)+IF('Standard Profiles'!$G$22=$B$17,14,0)+IF('Standard Profiles'!$G$22=$B$24,21,0),MOD($C1884,24)+1)/SUM(INDEX($D$3:$AA$30,INDEX(Jesper!$R$2:$R$366,ROW(INDEX(Jesper!AL$2:AL$366,ROUNDDOWN($C1884/24,0)+1,1))-1)+IF('Standard Profiles'!$G$22=$B$10,7,0)+IF('Standard Profiles'!$G$22=$B$17,14,0)+IF('Standard Profiles'!$G$22=$B$24,21,0),0)),0)</f>
        <v>0</v>
      </c>
      <c r="I1884">
        <f t="shared" si="216"/>
        <v>7.839484143255275E-2</v>
      </c>
      <c r="J1884">
        <f t="shared" si="217"/>
        <v>0.26131613810850918</v>
      </c>
      <c r="K1884">
        <f t="shared" si="218"/>
        <v>0.39197420716276377</v>
      </c>
      <c r="L1884">
        <f t="shared" si="219"/>
        <v>1.8814761943812659</v>
      </c>
      <c r="M1884">
        <f t="shared" si="220"/>
        <v>0</v>
      </c>
      <c r="N1884" s="46">
        <f t="shared" si="221"/>
        <v>45369.083333328846</v>
      </c>
    </row>
    <row r="1885" spans="2:14" x14ac:dyDescent="0.3">
      <c r="B1885">
        <f t="shared" si="215"/>
        <v>1</v>
      </c>
      <c r="C1885" s="16">
        <v>1851</v>
      </c>
      <c r="D1885" cm="1">
        <f t="array" ref="D1885">IFERROR(INDEX(Jesper!AH$2:AH$366,ROUNDDOWN($C1885/24,0)+1,1)*INDEX($D$3:$AA$30,INDEX(Jesper!$R$2:$R$366,ROW(INDEX(Jesper!AH$2:AH$366,ROUNDDOWN($C1885/24,0)+1,1))-1)+IF('Standard Profiles'!$G$18=$B$10,7,0)+IF('Standard Profiles'!$G$18=$B$17,14,0)+IF('Standard Profiles'!$G$18=$B$24,21,0),MOD($C1885,24)+1)/SUM(INDEX($D$3:$AA$30,INDEX(Jesper!$R$2:$R$366,ROW(INDEX(Jesper!AH$2:AH$366,ROUNDDOWN($C1885/24,0)+1,1))-1)+IF('Standard Profiles'!$G$18=$B$10,7,0)+IF('Standard Profiles'!$G$18=$B$17,14,0)+IF('Standard Profiles'!$G$18=$B$24,21,0),0)),0)</f>
        <v>2.6131613810850918</v>
      </c>
      <c r="E1885" cm="1">
        <f t="array" ref="E1885">IFERROR(INDEX(Jesper!AI$2:AI$366,ROUNDDOWN($C1885/24,0)+1,1)*INDEX($D$3:$AA$30,INDEX(Jesper!$R$2:$R$366,ROW(INDEX(Jesper!AI$2:AI$366,ROUNDDOWN($C1885/24,0)+1,1))-1)+IF('Standard Profiles'!$G$19=$B$10,7,0)+IF('Standard Profiles'!$G$19=$B$17,14,0)+IF('Standard Profiles'!$G$19=$B$24,21,0),MOD($C1885,24)+1)/SUM(INDEX($D$3:$AA$30,INDEX(Jesper!$R$2:$R$366,ROW(INDEX(Jesper!AI$2:AI$366,ROUNDDOWN($C1885/24,0)+1,1))-1)+IF('Standard Profiles'!$G$19=$B$10,7,0)+IF('Standard Profiles'!$G$19=$B$17,14,0)+IF('Standard Profiles'!$G$19=$B$24,21,0),0)),0)</f>
        <v>0</v>
      </c>
      <c r="F1885" cm="1">
        <f t="array" ref="F1885">IFERROR(INDEX(Jesper!AJ$2:AJ$366,ROUNDDOWN($C1885/24,0)+1,1)*INDEX($D$3:$AA$30,INDEX(Jesper!$R$2:$R$366,ROW(INDEX(Jesper!AJ$2:AJ$366,ROUNDDOWN($C1885/24,0)+1,1))-1)+IF('Standard Profiles'!$G$20=$B$10,7,0)+IF('Standard Profiles'!$G$20=$B$17,14,0)+IF('Standard Profiles'!$G$20=$B$24,21,0),MOD($C1885,24)+1)/SUM(INDEX($D$3:$AA$30,INDEX(Jesper!$R$2:$R$366,ROW(INDEX(Jesper!AJ$2:AJ$366,ROUNDDOWN($C1885/24,0)+1,1))-1)+IF('Standard Profiles'!$G$20=$B$10,7,0)+IF('Standard Profiles'!$G$20=$B$17,14,0)+IF('Standard Profiles'!$G$20=$B$24,21,0),0)),0)</f>
        <v>0</v>
      </c>
      <c r="G1885" cm="1">
        <f t="array" ref="G1885">IFERROR(INDEX(Jesper!AK$2:AK$366,ROUNDDOWN($C1885/24,0)+1,1)*INDEX($D$3:$AA$30,INDEX(Jesper!$R$2:$R$366,ROW(INDEX(Jesper!AK$2:AK$366,ROUNDDOWN($C1885/24,0)+1,1))-1)+IF('Standard Profiles'!$G$21=$B$10,7,0)+IF('Standard Profiles'!$G$21=$B$17,14,0)+IF('Standard Profiles'!$G$21=$B$24,21,0),MOD($C1885,24)+1)/SUM(INDEX($D$3:$AA$30,INDEX(Jesper!$R$2:$R$366,ROW(INDEX(Jesper!AK$2:AK$366,ROUNDDOWN($C1885/24,0)+1,1))-1)+IF('Standard Profiles'!$G$21=$B$10,7,0)+IF('Standard Profiles'!$G$21=$B$17,14,0)+IF('Standard Profiles'!$G$21=$B$24,21,0),0)),0)</f>
        <v>0</v>
      </c>
      <c r="H1885" cm="1">
        <f t="array" ref="H1885">IFERROR(INDEX(Jesper!AL$2:AL$366,ROUNDDOWN($C1885/24,0)+1,1)*INDEX($D$3:$AA$30,INDEX(Jesper!$R$2:$R$366,ROW(INDEX(Jesper!AL$2:AL$366,ROUNDDOWN($C1885/24,0)+1,1))-1)+IF('Standard Profiles'!$G$22=$B$10,7,0)+IF('Standard Profiles'!$G$22=$B$17,14,0)+IF('Standard Profiles'!$G$22=$B$24,21,0),MOD($C1885,24)+1)/SUM(INDEX($D$3:$AA$30,INDEX(Jesper!$R$2:$R$366,ROW(INDEX(Jesper!AL$2:AL$366,ROUNDDOWN($C1885/24,0)+1,1))-1)+IF('Standard Profiles'!$G$22=$B$10,7,0)+IF('Standard Profiles'!$G$22=$B$17,14,0)+IF('Standard Profiles'!$G$22=$B$24,21,0),0)),0)</f>
        <v>0</v>
      </c>
      <c r="I1885">
        <f t="shared" si="216"/>
        <v>7.839484143255275E-2</v>
      </c>
      <c r="J1885">
        <f t="shared" si="217"/>
        <v>0.26131613810850918</v>
      </c>
      <c r="K1885">
        <f t="shared" si="218"/>
        <v>0.39197420716276377</v>
      </c>
      <c r="L1885">
        <f t="shared" si="219"/>
        <v>1.8814761943812659</v>
      </c>
      <c r="M1885">
        <f t="shared" si="220"/>
        <v>0</v>
      </c>
      <c r="N1885" s="46">
        <f t="shared" si="221"/>
        <v>45369.124999995511</v>
      </c>
    </row>
    <row r="1886" spans="2:14" x14ac:dyDescent="0.3">
      <c r="B1886">
        <f t="shared" si="215"/>
        <v>1</v>
      </c>
      <c r="C1886" s="16">
        <v>1852</v>
      </c>
      <c r="D1886" cm="1">
        <f t="array" ref="D1886">IFERROR(INDEX(Jesper!AH$2:AH$366,ROUNDDOWN($C1886/24,0)+1,1)*INDEX($D$3:$AA$30,INDEX(Jesper!$R$2:$R$366,ROW(INDEX(Jesper!AH$2:AH$366,ROUNDDOWN($C1886/24,0)+1,1))-1)+IF('Standard Profiles'!$G$18=$B$10,7,0)+IF('Standard Profiles'!$G$18=$B$17,14,0)+IF('Standard Profiles'!$G$18=$B$24,21,0),MOD($C1886,24)+1)/SUM(INDEX($D$3:$AA$30,INDEX(Jesper!$R$2:$R$366,ROW(INDEX(Jesper!AH$2:AH$366,ROUNDDOWN($C1886/24,0)+1,1))-1)+IF('Standard Profiles'!$G$18=$B$10,7,0)+IF('Standard Profiles'!$G$18=$B$17,14,0)+IF('Standard Profiles'!$G$18=$B$24,21,0),0)),0)</f>
        <v>2.6131613810850918</v>
      </c>
      <c r="E1886" cm="1">
        <f t="array" ref="E1886">IFERROR(INDEX(Jesper!AI$2:AI$366,ROUNDDOWN($C1886/24,0)+1,1)*INDEX($D$3:$AA$30,INDEX(Jesper!$R$2:$R$366,ROW(INDEX(Jesper!AI$2:AI$366,ROUNDDOWN($C1886/24,0)+1,1))-1)+IF('Standard Profiles'!$G$19=$B$10,7,0)+IF('Standard Profiles'!$G$19=$B$17,14,0)+IF('Standard Profiles'!$G$19=$B$24,21,0),MOD($C1886,24)+1)/SUM(INDEX($D$3:$AA$30,INDEX(Jesper!$R$2:$R$366,ROW(INDEX(Jesper!AI$2:AI$366,ROUNDDOWN($C1886/24,0)+1,1))-1)+IF('Standard Profiles'!$G$19=$B$10,7,0)+IF('Standard Profiles'!$G$19=$B$17,14,0)+IF('Standard Profiles'!$G$19=$B$24,21,0),0)),0)</f>
        <v>0</v>
      </c>
      <c r="F1886" cm="1">
        <f t="array" ref="F1886">IFERROR(INDEX(Jesper!AJ$2:AJ$366,ROUNDDOWN($C1886/24,0)+1,1)*INDEX($D$3:$AA$30,INDEX(Jesper!$R$2:$R$366,ROW(INDEX(Jesper!AJ$2:AJ$366,ROUNDDOWN($C1886/24,0)+1,1))-1)+IF('Standard Profiles'!$G$20=$B$10,7,0)+IF('Standard Profiles'!$G$20=$B$17,14,0)+IF('Standard Profiles'!$G$20=$B$24,21,0),MOD($C1886,24)+1)/SUM(INDEX($D$3:$AA$30,INDEX(Jesper!$R$2:$R$366,ROW(INDEX(Jesper!AJ$2:AJ$366,ROUNDDOWN($C1886/24,0)+1,1))-1)+IF('Standard Profiles'!$G$20=$B$10,7,0)+IF('Standard Profiles'!$G$20=$B$17,14,0)+IF('Standard Profiles'!$G$20=$B$24,21,0),0)),0)</f>
        <v>0</v>
      </c>
      <c r="G1886" cm="1">
        <f t="array" ref="G1886">IFERROR(INDEX(Jesper!AK$2:AK$366,ROUNDDOWN($C1886/24,0)+1,1)*INDEX($D$3:$AA$30,INDEX(Jesper!$R$2:$R$366,ROW(INDEX(Jesper!AK$2:AK$366,ROUNDDOWN($C1886/24,0)+1,1))-1)+IF('Standard Profiles'!$G$21=$B$10,7,0)+IF('Standard Profiles'!$G$21=$B$17,14,0)+IF('Standard Profiles'!$G$21=$B$24,21,0),MOD($C1886,24)+1)/SUM(INDEX($D$3:$AA$30,INDEX(Jesper!$R$2:$R$366,ROW(INDEX(Jesper!AK$2:AK$366,ROUNDDOWN($C1886/24,0)+1,1))-1)+IF('Standard Profiles'!$G$21=$B$10,7,0)+IF('Standard Profiles'!$G$21=$B$17,14,0)+IF('Standard Profiles'!$G$21=$B$24,21,0),0)),0)</f>
        <v>0</v>
      </c>
      <c r="H1886" cm="1">
        <f t="array" ref="H1886">IFERROR(INDEX(Jesper!AL$2:AL$366,ROUNDDOWN($C1886/24,0)+1,1)*INDEX($D$3:$AA$30,INDEX(Jesper!$R$2:$R$366,ROW(INDEX(Jesper!AL$2:AL$366,ROUNDDOWN($C1886/24,0)+1,1))-1)+IF('Standard Profiles'!$G$22=$B$10,7,0)+IF('Standard Profiles'!$G$22=$B$17,14,0)+IF('Standard Profiles'!$G$22=$B$24,21,0),MOD($C1886,24)+1)/SUM(INDEX($D$3:$AA$30,INDEX(Jesper!$R$2:$R$366,ROW(INDEX(Jesper!AL$2:AL$366,ROUNDDOWN($C1886/24,0)+1,1))-1)+IF('Standard Profiles'!$G$22=$B$10,7,0)+IF('Standard Profiles'!$G$22=$B$17,14,0)+IF('Standard Profiles'!$G$22=$B$24,21,0),0)),0)</f>
        <v>0</v>
      </c>
      <c r="I1886">
        <f t="shared" si="216"/>
        <v>7.839484143255275E-2</v>
      </c>
      <c r="J1886">
        <f t="shared" si="217"/>
        <v>0.26131613810850918</v>
      </c>
      <c r="K1886">
        <f t="shared" si="218"/>
        <v>0.39197420716276377</v>
      </c>
      <c r="L1886">
        <f t="shared" si="219"/>
        <v>1.8814761943812659</v>
      </c>
      <c r="M1886">
        <f t="shared" si="220"/>
        <v>0</v>
      </c>
      <c r="N1886" s="46">
        <f t="shared" si="221"/>
        <v>45369.166666662175</v>
      </c>
    </row>
    <row r="1887" spans="2:14" x14ac:dyDescent="0.3">
      <c r="B1887">
        <f t="shared" si="215"/>
        <v>1</v>
      </c>
      <c r="C1887" s="16">
        <v>1853</v>
      </c>
      <c r="D1887" cm="1">
        <f t="array" ref="D1887">IFERROR(INDEX(Jesper!AH$2:AH$366,ROUNDDOWN($C1887/24,0)+1,1)*INDEX($D$3:$AA$30,INDEX(Jesper!$R$2:$R$366,ROW(INDEX(Jesper!AH$2:AH$366,ROUNDDOWN($C1887/24,0)+1,1))-1)+IF('Standard Profiles'!$G$18=$B$10,7,0)+IF('Standard Profiles'!$G$18=$B$17,14,0)+IF('Standard Profiles'!$G$18=$B$24,21,0),MOD($C1887,24)+1)/SUM(INDEX($D$3:$AA$30,INDEX(Jesper!$R$2:$R$366,ROW(INDEX(Jesper!AH$2:AH$366,ROUNDDOWN($C1887/24,0)+1,1))-1)+IF('Standard Profiles'!$G$18=$B$10,7,0)+IF('Standard Profiles'!$G$18=$B$17,14,0)+IF('Standard Profiles'!$G$18=$B$24,21,0),0)),0)</f>
        <v>11.323699318035397</v>
      </c>
      <c r="E1887" cm="1">
        <f t="array" ref="E1887">IFERROR(INDEX(Jesper!AI$2:AI$366,ROUNDDOWN($C1887/24,0)+1,1)*INDEX($D$3:$AA$30,INDEX(Jesper!$R$2:$R$366,ROW(INDEX(Jesper!AI$2:AI$366,ROUNDDOWN($C1887/24,0)+1,1))-1)+IF('Standard Profiles'!$G$19=$B$10,7,0)+IF('Standard Profiles'!$G$19=$B$17,14,0)+IF('Standard Profiles'!$G$19=$B$24,21,0),MOD($C1887,24)+1)/SUM(INDEX($D$3:$AA$30,INDEX(Jesper!$R$2:$R$366,ROW(INDEX(Jesper!AI$2:AI$366,ROUNDDOWN($C1887/24,0)+1,1))-1)+IF('Standard Profiles'!$G$19=$B$10,7,0)+IF('Standard Profiles'!$G$19=$B$17,14,0)+IF('Standard Profiles'!$G$19=$B$24,21,0),0)),0)</f>
        <v>0</v>
      </c>
      <c r="F1887" cm="1">
        <f t="array" ref="F1887">IFERROR(INDEX(Jesper!AJ$2:AJ$366,ROUNDDOWN($C1887/24,0)+1,1)*INDEX($D$3:$AA$30,INDEX(Jesper!$R$2:$R$366,ROW(INDEX(Jesper!AJ$2:AJ$366,ROUNDDOWN($C1887/24,0)+1,1))-1)+IF('Standard Profiles'!$G$20=$B$10,7,0)+IF('Standard Profiles'!$G$20=$B$17,14,0)+IF('Standard Profiles'!$G$20=$B$24,21,0),MOD($C1887,24)+1)/SUM(INDEX($D$3:$AA$30,INDEX(Jesper!$R$2:$R$366,ROW(INDEX(Jesper!AJ$2:AJ$366,ROUNDDOWN($C1887/24,0)+1,1))-1)+IF('Standard Profiles'!$G$20=$B$10,7,0)+IF('Standard Profiles'!$G$20=$B$17,14,0)+IF('Standard Profiles'!$G$20=$B$24,21,0),0)),0)</f>
        <v>0</v>
      </c>
      <c r="G1887" cm="1">
        <f t="array" ref="G1887">IFERROR(INDEX(Jesper!AK$2:AK$366,ROUNDDOWN($C1887/24,0)+1,1)*INDEX($D$3:$AA$30,INDEX(Jesper!$R$2:$R$366,ROW(INDEX(Jesper!AK$2:AK$366,ROUNDDOWN($C1887/24,0)+1,1))-1)+IF('Standard Profiles'!$G$21=$B$10,7,0)+IF('Standard Profiles'!$G$21=$B$17,14,0)+IF('Standard Profiles'!$G$21=$B$24,21,0),MOD($C1887,24)+1)/SUM(INDEX($D$3:$AA$30,INDEX(Jesper!$R$2:$R$366,ROW(INDEX(Jesper!AK$2:AK$366,ROUNDDOWN($C1887/24,0)+1,1))-1)+IF('Standard Profiles'!$G$21=$B$10,7,0)+IF('Standard Profiles'!$G$21=$B$17,14,0)+IF('Standard Profiles'!$G$21=$B$24,21,0),0)),0)</f>
        <v>0</v>
      </c>
      <c r="H1887" cm="1">
        <f t="array" ref="H1887">IFERROR(INDEX(Jesper!AL$2:AL$366,ROUNDDOWN($C1887/24,0)+1,1)*INDEX($D$3:$AA$30,INDEX(Jesper!$R$2:$R$366,ROW(INDEX(Jesper!AL$2:AL$366,ROUNDDOWN($C1887/24,0)+1,1))-1)+IF('Standard Profiles'!$G$22=$B$10,7,0)+IF('Standard Profiles'!$G$22=$B$17,14,0)+IF('Standard Profiles'!$G$22=$B$24,21,0),MOD($C1887,24)+1)/SUM(INDEX($D$3:$AA$30,INDEX(Jesper!$R$2:$R$366,ROW(INDEX(Jesper!AL$2:AL$366,ROUNDDOWN($C1887/24,0)+1,1))-1)+IF('Standard Profiles'!$G$22=$B$10,7,0)+IF('Standard Profiles'!$G$22=$B$17,14,0)+IF('Standard Profiles'!$G$22=$B$24,21,0),0)),0)</f>
        <v>0</v>
      </c>
      <c r="I1887">
        <f t="shared" si="216"/>
        <v>0.33971097954106189</v>
      </c>
      <c r="J1887">
        <f t="shared" si="217"/>
        <v>1.1323699318035396</v>
      </c>
      <c r="K1887">
        <f t="shared" si="218"/>
        <v>1.6985548977053095</v>
      </c>
      <c r="L1887">
        <f t="shared" si="219"/>
        <v>8.1530635089854862</v>
      </c>
      <c r="M1887">
        <f t="shared" si="220"/>
        <v>0</v>
      </c>
      <c r="N1887" s="46">
        <f t="shared" si="221"/>
        <v>45369.208333328839</v>
      </c>
    </row>
    <row r="1888" spans="2:14" x14ac:dyDescent="0.3">
      <c r="B1888">
        <f t="shared" si="215"/>
        <v>1</v>
      </c>
      <c r="C1888" s="16">
        <v>1854</v>
      </c>
      <c r="D1888" cm="1">
        <f t="array" ref="D1888">IFERROR(INDEX(Jesper!AH$2:AH$366,ROUNDDOWN($C1888/24,0)+1,1)*INDEX($D$3:$AA$30,INDEX(Jesper!$R$2:$R$366,ROW(INDEX(Jesper!AH$2:AH$366,ROUNDDOWN($C1888/24,0)+1,1))-1)+IF('Standard Profiles'!$G$18=$B$10,7,0)+IF('Standard Profiles'!$G$18=$B$17,14,0)+IF('Standard Profiles'!$G$18=$B$24,21,0),MOD($C1888,24)+1)/SUM(INDEX($D$3:$AA$30,INDEX(Jesper!$R$2:$R$366,ROW(INDEX(Jesper!AH$2:AH$366,ROUNDDOWN($C1888/24,0)+1,1))-1)+IF('Standard Profiles'!$G$18=$B$10,7,0)+IF('Standard Profiles'!$G$18=$B$17,14,0)+IF('Standard Profiles'!$G$18=$B$24,21,0),0)),0)</f>
        <v>12.848043457001701</v>
      </c>
      <c r="E1888" cm="1">
        <f t="array" ref="E1888">IFERROR(INDEX(Jesper!AI$2:AI$366,ROUNDDOWN($C1888/24,0)+1,1)*INDEX($D$3:$AA$30,INDEX(Jesper!$R$2:$R$366,ROW(INDEX(Jesper!AI$2:AI$366,ROUNDDOWN($C1888/24,0)+1,1))-1)+IF('Standard Profiles'!$G$19=$B$10,7,0)+IF('Standard Profiles'!$G$19=$B$17,14,0)+IF('Standard Profiles'!$G$19=$B$24,21,0),MOD($C1888,24)+1)/SUM(INDEX($D$3:$AA$30,INDEX(Jesper!$R$2:$R$366,ROW(INDEX(Jesper!AI$2:AI$366,ROUNDDOWN($C1888/24,0)+1,1))-1)+IF('Standard Profiles'!$G$19=$B$10,7,0)+IF('Standard Profiles'!$G$19=$B$17,14,0)+IF('Standard Profiles'!$G$19=$B$24,21,0),0)),0)</f>
        <v>0</v>
      </c>
      <c r="F1888" cm="1">
        <f t="array" ref="F1888">IFERROR(INDEX(Jesper!AJ$2:AJ$366,ROUNDDOWN($C1888/24,0)+1,1)*INDEX($D$3:$AA$30,INDEX(Jesper!$R$2:$R$366,ROW(INDEX(Jesper!AJ$2:AJ$366,ROUNDDOWN($C1888/24,0)+1,1))-1)+IF('Standard Profiles'!$G$20=$B$10,7,0)+IF('Standard Profiles'!$G$20=$B$17,14,0)+IF('Standard Profiles'!$G$20=$B$24,21,0),MOD($C1888,24)+1)/SUM(INDEX($D$3:$AA$30,INDEX(Jesper!$R$2:$R$366,ROW(INDEX(Jesper!AJ$2:AJ$366,ROUNDDOWN($C1888/24,0)+1,1))-1)+IF('Standard Profiles'!$G$20=$B$10,7,0)+IF('Standard Profiles'!$G$20=$B$17,14,0)+IF('Standard Profiles'!$G$20=$B$24,21,0),0)),0)</f>
        <v>0</v>
      </c>
      <c r="G1888" cm="1">
        <f t="array" ref="G1888">IFERROR(INDEX(Jesper!AK$2:AK$366,ROUNDDOWN($C1888/24,0)+1,1)*INDEX($D$3:$AA$30,INDEX(Jesper!$R$2:$R$366,ROW(INDEX(Jesper!AK$2:AK$366,ROUNDDOWN($C1888/24,0)+1,1))-1)+IF('Standard Profiles'!$G$21=$B$10,7,0)+IF('Standard Profiles'!$G$21=$B$17,14,0)+IF('Standard Profiles'!$G$21=$B$24,21,0),MOD($C1888,24)+1)/SUM(INDEX($D$3:$AA$30,INDEX(Jesper!$R$2:$R$366,ROW(INDEX(Jesper!AK$2:AK$366,ROUNDDOWN($C1888/24,0)+1,1))-1)+IF('Standard Profiles'!$G$21=$B$10,7,0)+IF('Standard Profiles'!$G$21=$B$17,14,0)+IF('Standard Profiles'!$G$21=$B$24,21,0),0)),0)</f>
        <v>0</v>
      </c>
      <c r="H1888" cm="1">
        <f t="array" ref="H1888">IFERROR(INDEX(Jesper!AL$2:AL$366,ROUNDDOWN($C1888/24,0)+1,1)*INDEX($D$3:$AA$30,INDEX(Jesper!$R$2:$R$366,ROW(INDEX(Jesper!AL$2:AL$366,ROUNDDOWN($C1888/24,0)+1,1))-1)+IF('Standard Profiles'!$G$22=$B$10,7,0)+IF('Standard Profiles'!$G$22=$B$17,14,0)+IF('Standard Profiles'!$G$22=$B$24,21,0),MOD($C1888,24)+1)/SUM(INDEX($D$3:$AA$30,INDEX(Jesper!$R$2:$R$366,ROW(INDEX(Jesper!AL$2:AL$366,ROUNDDOWN($C1888/24,0)+1,1))-1)+IF('Standard Profiles'!$G$22=$B$10,7,0)+IF('Standard Profiles'!$G$22=$B$17,14,0)+IF('Standard Profiles'!$G$22=$B$24,21,0),0)),0)</f>
        <v>0</v>
      </c>
      <c r="I1888">
        <f t="shared" si="216"/>
        <v>0.38544130371005103</v>
      </c>
      <c r="J1888">
        <f t="shared" si="217"/>
        <v>1.2848043457001701</v>
      </c>
      <c r="K1888">
        <f t="shared" si="218"/>
        <v>1.9272065185502552</v>
      </c>
      <c r="L1888">
        <f t="shared" si="219"/>
        <v>9.2505912890412247</v>
      </c>
      <c r="M1888">
        <f t="shared" si="220"/>
        <v>0</v>
      </c>
      <c r="N1888" s="46">
        <f t="shared" si="221"/>
        <v>45369.249999995503</v>
      </c>
    </row>
    <row r="1889" spans="2:14" x14ac:dyDescent="0.3">
      <c r="B1889">
        <f t="shared" si="215"/>
        <v>1</v>
      </c>
      <c r="C1889" s="16">
        <v>1855</v>
      </c>
      <c r="D1889" cm="1">
        <f t="array" ref="D1889">IFERROR(INDEX(Jesper!AH$2:AH$366,ROUNDDOWN($C1889/24,0)+1,1)*INDEX($D$3:$AA$30,INDEX(Jesper!$R$2:$R$366,ROW(INDEX(Jesper!AH$2:AH$366,ROUNDDOWN($C1889/24,0)+1,1))-1)+IF('Standard Profiles'!$G$18=$B$10,7,0)+IF('Standard Profiles'!$G$18=$B$17,14,0)+IF('Standard Profiles'!$G$18=$B$24,21,0),MOD($C1889,24)+1)/SUM(INDEX($D$3:$AA$30,INDEX(Jesper!$R$2:$R$366,ROW(INDEX(Jesper!AH$2:AH$366,ROUNDDOWN($C1889/24,0)+1,1))-1)+IF('Standard Profiles'!$G$18=$B$10,7,0)+IF('Standard Profiles'!$G$18=$B$17,14,0)+IF('Standard Profiles'!$G$18=$B$24,21,0),0)),0)</f>
        <v>12.848043457001701</v>
      </c>
      <c r="E1889" cm="1">
        <f t="array" ref="E1889">IFERROR(INDEX(Jesper!AI$2:AI$366,ROUNDDOWN($C1889/24,0)+1,1)*INDEX($D$3:$AA$30,INDEX(Jesper!$R$2:$R$366,ROW(INDEX(Jesper!AI$2:AI$366,ROUNDDOWN($C1889/24,0)+1,1))-1)+IF('Standard Profiles'!$G$19=$B$10,7,0)+IF('Standard Profiles'!$G$19=$B$17,14,0)+IF('Standard Profiles'!$G$19=$B$24,21,0),MOD($C1889,24)+1)/SUM(INDEX($D$3:$AA$30,INDEX(Jesper!$R$2:$R$366,ROW(INDEX(Jesper!AI$2:AI$366,ROUNDDOWN($C1889/24,0)+1,1))-1)+IF('Standard Profiles'!$G$19=$B$10,7,0)+IF('Standard Profiles'!$G$19=$B$17,14,0)+IF('Standard Profiles'!$G$19=$B$24,21,0),0)),0)</f>
        <v>0</v>
      </c>
      <c r="F1889" cm="1">
        <f t="array" ref="F1889">IFERROR(INDEX(Jesper!AJ$2:AJ$366,ROUNDDOWN($C1889/24,0)+1,1)*INDEX($D$3:$AA$30,INDEX(Jesper!$R$2:$R$366,ROW(INDEX(Jesper!AJ$2:AJ$366,ROUNDDOWN($C1889/24,0)+1,1))-1)+IF('Standard Profiles'!$G$20=$B$10,7,0)+IF('Standard Profiles'!$G$20=$B$17,14,0)+IF('Standard Profiles'!$G$20=$B$24,21,0),MOD($C1889,24)+1)/SUM(INDEX($D$3:$AA$30,INDEX(Jesper!$R$2:$R$366,ROW(INDEX(Jesper!AJ$2:AJ$366,ROUNDDOWN($C1889/24,0)+1,1))-1)+IF('Standard Profiles'!$G$20=$B$10,7,0)+IF('Standard Profiles'!$G$20=$B$17,14,0)+IF('Standard Profiles'!$G$20=$B$24,21,0),0)),0)</f>
        <v>0</v>
      </c>
      <c r="G1889" cm="1">
        <f t="array" ref="G1889">IFERROR(INDEX(Jesper!AK$2:AK$366,ROUNDDOWN($C1889/24,0)+1,1)*INDEX($D$3:$AA$30,INDEX(Jesper!$R$2:$R$366,ROW(INDEX(Jesper!AK$2:AK$366,ROUNDDOWN($C1889/24,0)+1,1))-1)+IF('Standard Profiles'!$G$21=$B$10,7,0)+IF('Standard Profiles'!$G$21=$B$17,14,0)+IF('Standard Profiles'!$G$21=$B$24,21,0),MOD($C1889,24)+1)/SUM(INDEX($D$3:$AA$30,INDEX(Jesper!$R$2:$R$366,ROW(INDEX(Jesper!AK$2:AK$366,ROUNDDOWN($C1889/24,0)+1,1))-1)+IF('Standard Profiles'!$G$21=$B$10,7,0)+IF('Standard Profiles'!$G$21=$B$17,14,0)+IF('Standard Profiles'!$G$21=$B$24,21,0),0)),0)</f>
        <v>0</v>
      </c>
      <c r="H1889" cm="1">
        <f t="array" ref="H1889">IFERROR(INDEX(Jesper!AL$2:AL$366,ROUNDDOWN($C1889/24,0)+1,1)*INDEX($D$3:$AA$30,INDEX(Jesper!$R$2:$R$366,ROW(INDEX(Jesper!AL$2:AL$366,ROUNDDOWN($C1889/24,0)+1,1))-1)+IF('Standard Profiles'!$G$22=$B$10,7,0)+IF('Standard Profiles'!$G$22=$B$17,14,0)+IF('Standard Profiles'!$G$22=$B$24,21,0),MOD($C1889,24)+1)/SUM(INDEX($D$3:$AA$30,INDEX(Jesper!$R$2:$R$366,ROW(INDEX(Jesper!AL$2:AL$366,ROUNDDOWN($C1889/24,0)+1,1))-1)+IF('Standard Profiles'!$G$22=$B$10,7,0)+IF('Standard Profiles'!$G$22=$B$17,14,0)+IF('Standard Profiles'!$G$22=$B$24,21,0),0)),0)</f>
        <v>0</v>
      </c>
      <c r="I1889">
        <f t="shared" si="216"/>
        <v>0.38544130371005103</v>
      </c>
      <c r="J1889">
        <f t="shared" si="217"/>
        <v>1.2848043457001701</v>
      </c>
      <c r="K1889">
        <f t="shared" si="218"/>
        <v>1.9272065185502552</v>
      </c>
      <c r="L1889">
        <f t="shared" si="219"/>
        <v>9.2505912890412247</v>
      </c>
      <c r="M1889">
        <f t="shared" si="220"/>
        <v>0</v>
      </c>
      <c r="N1889" s="46">
        <f t="shared" si="221"/>
        <v>45369.291666662168</v>
      </c>
    </row>
    <row r="1890" spans="2:14" x14ac:dyDescent="0.3">
      <c r="B1890">
        <f t="shared" si="215"/>
        <v>1</v>
      </c>
      <c r="C1890" s="16">
        <v>1856</v>
      </c>
      <c r="D1890" cm="1">
        <f t="array" ref="D1890">IFERROR(INDEX(Jesper!AH$2:AH$366,ROUNDDOWN($C1890/24,0)+1,1)*INDEX($D$3:$AA$30,INDEX(Jesper!$R$2:$R$366,ROW(INDEX(Jesper!AH$2:AH$366,ROUNDDOWN($C1890/24,0)+1,1))-1)+IF('Standard Profiles'!$G$18=$B$10,7,0)+IF('Standard Profiles'!$G$18=$B$17,14,0)+IF('Standard Profiles'!$G$18=$B$24,21,0),MOD($C1890,24)+1)/SUM(INDEX($D$3:$AA$30,INDEX(Jesper!$R$2:$R$366,ROW(INDEX(Jesper!AH$2:AH$366,ROUNDDOWN($C1890/24,0)+1,1))-1)+IF('Standard Profiles'!$G$18=$B$10,7,0)+IF('Standard Profiles'!$G$18=$B$17,14,0)+IF('Standard Profiles'!$G$18=$B$24,21,0),0)),0)</f>
        <v>12.848043457001701</v>
      </c>
      <c r="E1890" cm="1">
        <f t="array" ref="E1890">IFERROR(INDEX(Jesper!AI$2:AI$366,ROUNDDOWN($C1890/24,0)+1,1)*INDEX($D$3:$AA$30,INDEX(Jesper!$R$2:$R$366,ROW(INDEX(Jesper!AI$2:AI$366,ROUNDDOWN($C1890/24,0)+1,1))-1)+IF('Standard Profiles'!$G$19=$B$10,7,0)+IF('Standard Profiles'!$G$19=$B$17,14,0)+IF('Standard Profiles'!$G$19=$B$24,21,0),MOD($C1890,24)+1)/SUM(INDEX($D$3:$AA$30,INDEX(Jesper!$R$2:$R$366,ROW(INDEX(Jesper!AI$2:AI$366,ROUNDDOWN($C1890/24,0)+1,1))-1)+IF('Standard Profiles'!$G$19=$B$10,7,0)+IF('Standard Profiles'!$G$19=$B$17,14,0)+IF('Standard Profiles'!$G$19=$B$24,21,0),0)),0)</f>
        <v>0</v>
      </c>
      <c r="F1890" cm="1">
        <f t="array" ref="F1890">IFERROR(INDEX(Jesper!AJ$2:AJ$366,ROUNDDOWN($C1890/24,0)+1,1)*INDEX($D$3:$AA$30,INDEX(Jesper!$R$2:$R$366,ROW(INDEX(Jesper!AJ$2:AJ$366,ROUNDDOWN($C1890/24,0)+1,1))-1)+IF('Standard Profiles'!$G$20=$B$10,7,0)+IF('Standard Profiles'!$G$20=$B$17,14,0)+IF('Standard Profiles'!$G$20=$B$24,21,0),MOD($C1890,24)+1)/SUM(INDEX($D$3:$AA$30,INDEX(Jesper!$R$2:$R$366,ROW(INDEX(Jesper!AJ$2:AJ$366,ROUNDDOWN($C1890/24,0)+1,1))-1)+IF('Standard Profiles'!$G$20=$B$10,7,0)+IF('Standard Profiles'!$G$20=$B$17,14,0)+IF('Standard Profiles'!$G$20=$B$24,21,0),0)),0)</f>
        <v>0</v>
      </c>
      <c r="G1890" cm="1">
        <f t="array" ref="G1890">IFERROR(INDEX(Jesper!AK$2:AK$366,ROUNDDOWN($C1890/24,0)+1,1)*INDEX($D$3:$AA$30,INDEX(Jesper!$R$2:$R$366,ROW(INDEX(Jesper!AK$2:AK$366,ROUNDDOWN($C1890/24,0)+1,1))-1)+IF('Standard Profiles'!$G$21=$B$10,7,0)+IF('Standard Profiles'!$G$21=$B$17,14,0)+IF('Standard Profiles'!$G$21=$B$24,21,0),MOD($C1890,24)+1)/SUM(INDEX($D$3:$AA$30,INDEX(Jesper!$R$2:$R$366,ROW(INDEX(Jesper!AK$2:AK$366,ROUNDDOWN($C1890/24,0)+1,1))-1)+IF('Standard Profiles'!$G$21=$B$10,7,0)+IF('Standard Profiles'!$G$21=$B$17,14,0)+IF('Standard Profiles'!$G$21=$B$24,21,0),0)),0)</f>
        <v>0</v>
      </c>
      <c r="H1890" cm="1">
        <f t="array" ref="H1890">IFERROR(INDEX(Jesper!AL$2:AL$366,ROUNDDOWN($C1890/24,0)+1,1)*INDEX($D$3:$AA$30,INDEX(Jesper!$R$2:$R$366,ROW(INDEX(Jesper!AL$2:AL$366,ROUNDDOWN($C1890/24,0)+1,1))-1)+IF('Standard Profiles'!$G$22=$B$10,7,0)+IF('Standard Profiles'!$G$22=$B$17,14,0)+IF('Standard Profiles'!$G$22=$B$24,21,0),MOD($C1890,24)+1)/SUM(INDEX($D$3:$AA$30,INDEX(Jesper!$R$2:$R$366,ROW(INDEX(Jesper!AL$2:AL$366,ROUNDDOWN($C1890/24,0)+1,1))-1)+IF('Standard Profiles'!$G$22=$B$10,7,0)+IF('Standard Profiles'!$G$22=$B$17,14,0)+IF('Standard Profiles'!$G$22=$B$24,21,0),0)),0)</f>
        <v>0</v>
      </c>
      <c r="I1890">
        <f t="shared" si="216"/>
        <v>0.38544130371005103</v>
      </c>
      <c r="J1890">
        <f t="shared" si="217"/>
        <v>1.2848043457001701</v>
      </c>
      <c r="K1890">
        <f t="shared" si="218"/>
        <v>1.9272065185502552</v>
      </c>
      <c r="L1890">
        <f t="shared" si="219"/>
        <v>9.2505912890412247</v>
      </c>
      <c r="M1890">
        <f t="shared" si="220"/>
        <v>0</v>
      </c>
      <c r="N1890" s="46">
        <f t="shared" si="221"/>
        <v>45369.333333328832</v>
      </c>
    </row>
    <row r="1891" spans="2:14" x14ac:dyDescent="0.3">
      <c r="B1891">
        <f t="shared" ref="B1891:B1954" si="222">WEEKDAY(N1891,2)</f>
        <v>1</v>
      </c>
      <c r="C1891" s="16">
        <v>1857</v>
      </c>
      <c r="D1891" cm="1">
        <f t="array" ref="D1891">IFERROR(INDEX(Jesper!AH$2:AH$366,ROUNDDOWN($C1891/24,0)+1,1)*INDEX($D$3:$AA$30,INDEX(Jesper!$R$2:$R$366,ROW(INDEX(Jesper!AH$2:AH$366,ROUNDDOWN($C1891/24,0)+1,1))-1)+IF('Standard Profiles'!$G$18=$B$10,7,0)+IF('Standard Profiles'!$G$18=$B$17,14,0)+IF('Standard Profiles'!$G$18=$B$24,21,0),MOD($C1891,24)+1)/SUM(INDEX($D$3:$AA$30,INDEX(Jesper!$R$2:$R$366,ROW(INDEX(Jesper!AH$2:AH$366,ROUNDDOWN($C1891/24,0)+1,1))-1)+IF('Standard Profiles'!$G$18=$B$10,7,0)+IF('Standard Profiles'!$G$18=$B$17,14,0)+IF('Standard Profiles'!$G$18=$B$24,21,0),0)),0)</f>
        <v>13.719097250696732</v>
      </c>
      <c r="E1891" cm="1">
        <f t="array" ref="E1891">IFERROR(INDEX(Jesper!AI$2:AI$366,ROUNDDOWN($C1891/24,0)+1,1)*INDEX($D$3:$AA$30,INDEX(Jesper!$R$2:$R$366,ROW(INDEX(Jesper!AI$2:AI$366,ROUNDDOWN($C1891/24,0)+1,1))-1)+IF('Standard Profiles'!$G$19=$B$10,7,0)+IF('Standard Profiles'!$G$19=$B$17,14,0)+IF('Standard Profiles'!$G$19=$B$24,21,0),MOD($C1891,24)+1)/SUM(INDEX($D$3:$AA$30,INDEX(Jesper!$R$2:$R$366,ROW(INDEX(Jesper!AI$2:AI$366,ROUNDDOWN($C1891/24,0)+1,1))-1)+IF('Standard Profiles'!$G$19=$B$10,7,0)+IF('Standard Profiles'!$G$19=$B$17,14,0)+IF('Standard Profiles'!$G$19=$B$24,21,0),0)),0)</f>
        <v>0</v>
      </c>
      <c r="F1891" cm="1">
        <f t="array" ref="F1891">IFERROR(INDEX(Jesper!AJ$2:AJ$366,ROUNDDOWN($C1891/24,0)+1,1)*INDEX($D$3:$AA$30,INDEX(Jesper!$R$2:$R$366,ROW(INDEX(Jesper!AJ$2:AJ$366,ROUNDDOWN($C1891/24,0)+1,1))-1)+IF('Standard Profiles'!$G$20=$B$10,7,0)+IF('Standard Profiles'!$G$20=$B$17,14,0)+IF('Standard Profiles'!$G$20=$B$24,21,0),MOD($C1891,24)+1)/SUM(INDEX($D$3:$AA$30,INDEX(Jesper!$R$2:$R$366,ROW(INDEX(Jesper!AJ$2:AJ$366,ROUNDDOWN($C1891/24,0)+1,1))-1)+IF('Standard Profiles'!$G$20=$B$10,7,0)+IF('Standard Profiles'!$G$20=$B$17,14,0)+IF('Standard Profiles'!$G$20=$B$24,21,0),0)),0)</f>
        <v>0</v>
      </c>
      <c r="G1891" cm="1">
        <f t="array" ref="G1891">IFERROR(INDEX(Jesper!AK$2:AK$366,ROUNDDOWN($C1891/24,0)+1,1)*INDEX($D$3:$AA$30,INDEX(Jesper!$R$2:$R$366,ROW(INDEX(Jesper!AK$2:AK$366,ROUNDDOWN($C1891/24,0)+1,1))-1)+IF('Standard Profiles'!$G$21=$B$10,7,0)+IF('Standard Profiles'!$G$21=$B$17,14,0)+IF('Standard Profiles'!$G$21=$B$24,21,0),MOD($C1891,24)+1)/SUM(INDEX($D$3:$AA$30,INDEX(Jesper!$R$2:$R$366,ROW(INDEX(Jesper!AK$2:AK$366,ROUNDDOWN($C1891/24,0)+1,1))-1)+IF('Standard Profiles'!$G$21=$B$10,7,0)+IF('Standard Profiles'!$G$21=$B$17,14,0)+IF('Standard Profiles'!$G$21=$B$24,21,0),0)),0)</f>
        <v>0</v>
      </c>
      <c r="H1891" cm="1">
        <f t="array" ref="H1891">IFERROR(INDEX(Jesper!AL$2:AL$366,ROUNDDOWN($C1891/24,0)+1,1)*INDEX($D$3:$AA$30,INDEX(Jesper!$R$2:$R$366,ROW(INDEX(Jesper!AL$2:AL$366,ROUNDDOWN($C1891/24,0)+1,1))-1)+IF('Standard Profiles'!$G$22=$B$10,7,0)+IF('Standard Profiles'!$G$22=$B$17,14,0)+IF('Standard Profiles'!$G$22=$B$24,21,0),MOD($C1891,24)+1)/SUM(INDEX($D$3:$AA$30,INDEX(Jesper!$R$2:$R$366,ROW(INDEX(Jesper!AL$2:AL$366,ROUNDDOWN($C1891/24,0)+1,1))-1)+IF('Standard Profiles'!$G$22=$B$10,7,0)+IF('Standard Profiles'!$G$22=$B$17,14,0)+IF('Standard Profiles'!$G$22=$B$24,21,0),0)),0)</f>
        <v>0</v>
      </c>
      <c r="I1891">
        <f t="shared" ref="I1891:I1954" si="223">IF($B1891&lt;6,AC$37*$D1891+AC$38*$E1891+AC$39*$F1891+AC$40*$G1891,AC$46*$D1891+AC$47*$E1891+AC$48*$F1891+AC$49*$G1891+AC$50*$H1891)</f>
        <v>0.41157291752090197</v>
      </c>
      <c r="J1891">
        <f t="shared" ref="J1891:J1954" si="224">IF($B1891&lt;6,AD$37*$D1891+AD$38*$E1891+AD$39*$F1891+AD$40*$G1891,AD$46*$D1891+AD$47*$E1891+AD$48*$F1891+AD$49*$G1891+AD$50*$H1891)</f>
        <v>1.3719097250696732</v>
      </c>
      <c r="K1891">
        <f t="shared" ref="K1891:K1954" si="225">IF($B1891&lt;6,AE$37*$D1891+AE$38*$E1891+AE$39*$F1891+AE$40*$G1891,AE$46*$D1891+AE$47*$E1891+AE$48*$F1891+AE$49*$G1891+AE$50*$H1891)</f>
        <v>2.0578645876045099</v>
      </c>
      <c r="L1891">
        <f t="shared" ref="L1891:L1954" si="226">IF($B1891&lt;6,AF$37*$D1891+AF$38*$E1891+AF$39*$F1891+AF$40*$G1891,AF$46*$D1891+AF$47*$E1891+AF$48*$F1891+AF$49*$G1891+AF$50*$H1891)</f>
        <v>9.8777500205016473</v>
      </c>
      <c r="M1891">
        <f t="shared" ref="M1891:M1954" si="227">IF($B1891&lt;6,AG$37*$D1891+AG$38*$E1891+AG$39*$F1891+AG$40*$G1891,AG$46*$D1891+AG$47*$E1891+AG$48*$F1891+AG$49*$G1891+AG$50*$H1891)</f>
        <v>0</v>
      </c>
      <c r="N1891" s="46">
        <f t="shared" si="221"/>
        <v>45369.374999995496</v>
      </c>
    </row>
    <row r="1892" spans="2:14" x14ac:dyDescent="0.3">
      <c r="B1892">
        <f t="shared" si="222"/>
        <v>1</v>
      </c>
      <c r="C1892" s="16">
        <v>1858</v>
      </c>
      <c r="D1892" cm="1">
        <f t="array" ref="D1892">IFERROR(INDEX(Jesper!AH$2:AH$366,ROUNDDOWN($C1892/24,0)+1,1)*INDEX($D$3:$AA$30,INDEX(Jesper!$R$2:$R$366,ROW(INDEX(Jesper!AH$2:AH$366,ROUNDDOWN($C1892/24,0)+1,1))-1)+IF('Standard Profiles'!$G$18=$B$10,7,0)+IF('Standard Profiles'!$G$18=$B$17,14,0)+IF('Standard Profiles'!$G$18=$B$24,21,0),MOD($C1892,24)+1)/SUM(INDEX($D$3:$AA$30,INDEX(Jesper!$R$2:$R$366,ROW(INDEX(Jesper!AH$2:AH$366,ROUNDDOWN($C1892/24,0)+1,1))-1)+IF('Standard Profiles'!$G$18=$B$10,7,0)+IF('Standard Profiles'!$G$18=$B$17,14,0)+IF('Standard Profiles'!$G$18=$B$24,21,0),0)),0)</f>
        <v>13.719097250696732</v>
      </c>
      <c r="E1892" cm="1">
        <f t="array" ref="E1892">IFERROR(INDEX(Jesper!AI$2:AI$366,ROUNDDOWN($C1892/24,0)+1,1)*INDEX($D$3:$AA$30,INDEX(Jesper!$R$2:$R$366,ROW(INDEX(Jesper!AI$2:AI$366,ROUNDDOWN($C1892/24,0)+1,1))-1)+IF('Standard Profiles'!$G$19=$B$10,7,0)+IF('Standard Profiles'!$G$19=$B$17,14,0)+IF('Standard Profiles'!$G$19=$B$24,21,0),MOD($C1892,24)+1)/SUM(INDEX($D$3:$AA$30,INDEX(Jesper!$R$2:$R$366,ROW(INDEX(Jesper!AI$2:AI$366,ROUNDDOWN($C1892/24,0)+1,1))-1)+IF('Standard Profiles'!$G$19=$B$10,7,0)+IF('Standard Profiles'!$G$19=$B$17,14,0)+IF('Standard Profiles'!$G$19=$B$24,21,0),0)),0)</f>
        <v>0</v>
      </c>
      <c r="F1892" cm="1">
        <f t="array" ref="F1892">IFERROR(INDEX(Jesper!AJ$2:AJ$366,ROUNDDOWN($C1892/24,0)+1,1)*INDEX($D$3:$AA$30,INDEX(Jesper!$R$2:$R$366,ROW(INDEX(Jesper!AJ$2:AJ$366,ROUNDDOWN($C1892/24,0)+1,1))-1)+IF('Standard Profiles'!$G$20=$B$10,7,0)+IF('Standard Profiles'!$G$20=$B$17,14,0)+IF('Standard Profiles'!$G$20=$B$24,21,0),MOD($C1892,24)+1)/SUM(INDEX($D$3:$AA$30,INDEX(Jesper!$R$2:$R$366,ROW(INDEX(Jesper!AJ$2:AJ$366,ROUNDDOWN($C1892/24,0)+1,1))-1)+IF('Standard Profiles'!$G$20=$B$10,7,0)+IF('Standard Profiles'!$G$20=$B$17,14,0)+IF('Standard Profiles'!$G$20=$B$24,21,0),0)),0)</f>
        <v>0</v>
      </c>
      <c r="G1892" cm="1">
        <f t="array" ref="G1892">IFERROR(INDEX(Jesper!AK$2:AK$366,ROUNDDOWN($C1892/24,0)+1,1)*INDEX($D$3:$AA$30,INDEX(Jesper!$R$2:$R$366,ROW(INDEX(Jesper!AK$2:AK$366,ROUNDDOWN($C1892/24,0)+1,1))-1)+IF('Standard Profiles'!$G$21=$B$10,7,0)+IF('Standard Profiles'!$G$21=$B$17,14,0)+IF('Standard Profiles'!$G$21=$B$24,21,0),MOD($C1892,24)+1)/SUM(INDEX($D$3:$AA$30,INDEX(Jesper!$R$2:$R$366,ROW(INDEX(Jesper!AK$2:AK$366,ROUNDDOWN($C1892/24,0)+1,1))-1)+IF('Standard Profiles'!$G$21=$B$10,7,0)+IF('Standard Profiles'!$G$21=$B$17,14,0)+IF('Standard Profiles'!$G$21=$B$24,21,0),0)),0)</f>
        <v>0</v>
      </c>
      <c r="H1892" cm="1">
        <f t="array" ref="H1892">IFERROR(INDEX(Jesper!AL$2:AL$366,ROUNDDOWN($C1892/24,0)+1,1)*INDEX($D$3:$AA$30,INDEX(Jesper!$R$2:$R$366,ROW(INDEX(Jesper!AL$2:AL$366,ROUNDDOWN($C1892/24,0)+1,1))-1)+IF('Standard Profiles'!$G$22=$B$10,7,0)+IF('Standard Profiles'!$G$22=$B$17,14,0)+IF('Standard Profiles'!$G$22=$B$24,21,0),MOD($C1892,24)+1)/SUM(INDEX($D$3:$AA$30,INDEX(Jesper!$R$2:$R$366,ROW(INDEX(Jesper!AL$2:AL$366,ROUNDDOWN($C1892/24,0)+1,1))-1)+IF('Standard Profiles'!$G$22=$B$10,7,0)+IF('Standard Profiles'!$G$22=$B$17,14,0)+IF('Standard Profiles'!$G$22=$B$24,21,0),0)),0)</f>
        <v>0</v>
      </c>
      <c r="I1892">
        <f t="shared" si="223"/>
        <v>0.41157291752090197</v>
      </c>
      <c r="J1892">
        <f t="shared" si="224"/>
        <v>1.3719097250696732</v>
      </c>
      <c r="K1892">
        <f t="shared" si="225"/>
        <v>2.0578645876045099</v>
      </c>
      <c r="L1892">
        <f t="shared" si="226"/>
        <v>9.8777500205016473</v>
      </c>
      <c r="M1892">
        <f t="shared" si="227"/>
        <v>0</v>
      </c>
      <c r="N1892" s="46">
        <f t="shared" ref="N1892:N1955" si="228">N1891+1/24</f>
        <v>45369.41666666216</v>
      </c>
    </row>
    <row r="1893" spans="2:14" x14ac:dyDescent="0.3">
      <c r="B1893">
        <f t="shared" si="222"/>
        <v>1</v>
      </c>
      <c r="C1893" s="16">
        <v>1859</v>
      </c>
      <c r="D1893" cm="1">
        <f t="array" ref="D1893">IFERROR(INDEX(Jesper!AH$2:AH$366,ROUNDDOWN($C1893/24,0)+1,1)*INDEX($D$3:$AA$30,INDEX(Jesper!$R$2:$R$366,ROW(INDEX(Jesper!AH$2:AH$366,ROUNDDOWN($C1893/24,0)+1,1))-1)+IF('Standard Profiles'!$G$18=$B$10,7,0)+IF('Standard Profiles'!$G$18=$B$17,14,0)+IF('Standard Profiles'!$G$18=$B$24,21,0),MOD($C1893,24)+1)/SUM(INDEX($D$3:$AA$30,INDEX(Jesper!$R$2:$R$366,ROW(INDEX(Jesper!AH$2:AH$366,ROUNDDOWN($C1893/24,0)+1,1))-1)+IF('Standard Profiles'!$G$18=$B$10,7,0)+IF('Standard Profiles'!$G$18=$B$17,14,0)+IF('Standard Profiles'!$G$18=$B$24,21,0),0)),0)</f>
        <v>17.421075873900612</v>
      </c>
      <c r="E1893" cm="1">
        <f t="array" ref="E1893">IFERROR(INDEX(Jesper!AI$2:AI$366,ROUNDDOWN($C1893/24,0)+1,1)*INDEX($D$3:$AA$30,INDEX(Jesper!$R$2:$R$366,ROW(INDEX(Jesper!AI$2:AI$366,ROUNDDOWN($C1893/24,0)+1,1))-1)+IF('Standard Profiles'!$G$19=$B$10,7,0)+IF('Standard Profiles'!$G$19=$B$17,14,0)+IF('Standard Profiles'!$G$19=$B$24,21,0),MOD($C1893,24)+1)/SUM(INDEX($D$3:$AA$30,INDEX(Jesper!$R$2:$R$366,ROW(INDEX(Jesper!AI$2:AI$366,ROUNDDOWN($C1893/24,0)+1,1))-1)+IF('Standard Profiles'!$G$19=$B$10,7,0)+IF('Standard Profiles'!$G$19=$B$17,14,0)+IF('Standard Profiles'!$G$19=$B$24,21,0),0)),0)</f>
        <v>0</v>
      </c>
      <c r="F1893" cm="1">
        <f t="array" ref="F1893">IFERROR(INDEX(Jesper!AJ$2:AJ$366,ROUNDDOWN($C1893/24,0)+1,1)*INDEX($D$3:$AA$30,INDEX(Jesper!$R$2:$R$366,ROW(INDEX(Jesper!AJ$2:AJ$366,ROUNDDOWN($C1893/24,0)+1,1))-1)+IF('Standard Profiles'!$G$20=$B$10,7,0)+IF('Standard Profiles'!$G$20=$B$17,14,0)+IF('Standard Profiles'!$G$20=$B$24,21,0),MOD($C1893,24)+1)/SUM(INDEX($D$3:$AA$30,INDEX(Jesper!$R$2:$R$366,ROW(INDEX(Jesper!AJ$2:AJ$366,ROUNDDOWN($C1893/24,0)+1,1))-1)+IF('Standard Profiles'!$G$20=$B$10,7,0)+IF('Standard Profiles'!$G$20=$B$17,14,0)+IF('Standard Profiles'!$G$20=$B$24,21,0),0)),0)</f>
        <v>0</v>
      </c>
      <c r="G1893" cm="1">
        <f t="array" ref="G1893">IFERROR(INDEX(Jesper!AK$2:AK$366,ROUNDDOWN($C1893/24,0)+1,1)*INDEX($D$3:$AA$30,INDEX(Jesper!$R$2:$R$366,ROW(INDEX(Jesper!AK$2:AK$366,ROUNDDOWN($C1893/24,0)+1,1))-1)+IF('Standard Profiles'!$G$21=$B$10,7,0)+IF('Standard Profiles'!$G$21=$B$17,14,0)+IF('Standard Profiles'!$G$21=$B$24,21,0),MOD($C1893,24)+1)/SUM(INDEX($D$3:$AA$30,INDEX(Jesper!$R$2:$R$366,ROW(INDEX(Jesper!AK$2:AK$366,ROUNDDOWN($C1893/24,0)+1,1))-1)+IF('Standard Profiles'!$G$21=$B$10,7,0)+IF('Standard Profiles'!$G$21=$B$17,14,0)+IF('Standard Profiles'!$G$21=$B$24,21,0),0)),0)</f>
        <v>0</v>
      </c>
      <c r="H1893" cm="1">
        <f t="array" ref="H1893">IFERROR(INDEX(Jesper!AL$2:AL$366,ROUNDDOWN($C1893/24,0)+1,1)*INDEX($D$3:$AA$30,INDEX(Jesper!$R$2:$R$366,ROW(INDEX(Jesper!AL$2:AL$366,ROUNDDOWN($C1893/24,0)+1,1))-1)+IF('Standard Profiles'!$G$22=$B$10,7,0)+IF('Standard Profiles'!$G$22=$B$17,14,0)+IF('Standard Profiles'!$G$22=$B$24,21,0),MOD($C1893,24)+1)/SUM(INDEX($D$3:$AA$30,INDEX(Jesper!$R$2:$R$366,ROW(INDEX(Jesper!AL$2:AL$366,ROUNDDOWN($C1893/24,0)+1,1))-1)+IF('Standard Profiles'!$G$22=$B$10,7,0)+IF('Standard Profiles'!$G$22=$B$17,14,0)+IF('Standard Profiles'!$G$22=$B$24,21,0),0)),0)</f>
        <v>0</v>
      </c>
      <c r="I1893">
        <f t="shared" si="223"/>
        <v>0.52263227621701835</v>
      </c>
      <c r="J1893">
        <f t="shared" si="224"/>
        <v>1.7421075873900613</v>
      </c>
      <c r="K1893">
        <f t="shared" si="225"/>
        <v>2.6131613810850918</v>
      </c>
      <c r="L1893">
        <f t="shared" si="226"/>
        <v>12.543174629208441</v>
      </c>
      <c r="M1893">
        <f t="shared" si="227"/>
        <v>0</v>
      </c>
      <c r="N1893" s="46">
        <f t="shared" si="228"/>
        <v>45369.458333328825</v>
      </c>
    </row>
    <row r="1894" spans="2:14" x14ac:dyDescent="0.3">
      <c r="B1894">
        <f t="shared" si="222"/>
        <v>1</v>
      </c>
      <c r="C1894" s="16">
        <v>1860</v>
      </c>
      <c r="D1894" cm="1">
        <f t="array" ref="D1894">IFERROR(INDEX(Jesper!AH$2:AH$366,ROUNDDOWN($C1894/24,0)+1,1)*INDEX($D$3:$AA$30,INDEX(Jesper!$R$2:$R$366,ROW(INDEX(Jesper!AH$2:AH$366,ROUNDDOWN($C1894/24,0)+1,1))-1)+IF('Standard Profiles'!$G$18=$B$10,7,0)+IF('Standard Profiles'!$G$18=$B$17,14,0)+IF('Standard Profiles'!$G$18=$B$24,21,0),MOD($C1894,24)+1)/SUM(INDEX($D$3:$AA$30,INDEX(Jesper!$R$2:$R$366,ROW(INDEX(Jesper!AH$2:AH$366,ROUNDDOWN($C1894/24,0)+1,1))-1)+IF('Standard Profiles'!$G$18=$B$10,7,0)+IF('Standard Profiles'!$G$18=$B$17,14,0)+IF('Standard Profiles'!$G$18=$B$24,21,0),0)),0)</f>
        <v>17.421075873900612</v>
      </c>
      <c r="E1894" cm="1">
        <f t="array" ref="E1894">IFERROR(INDEX(Jesper!AI$2:AI$366,ROUNDDOWN($C1894/24,0)+1,1)*INDEX($D$3:$AA$30,INDEX(Jesper!$R$2:$R$366,ROW(INDEX(Jesper!AI$2:AI$366,ROUNDDOWN($C1894/24,0)+1,1))-1)+IF('Standard Profiles'!$G$19=$B$10,7,0)+IF('Standard Profiles'!$G$19=$B$17,14,0)+IF('Standard Profiles'!$G$19=$B$24,21,0),MOD($C1894,24)+1)/SUM(INDEX($D$3:$AA$30,INDEX(Jesper!$R$2:$R$366,ROW(INDEX(Jesper!AI$2:AI$366,ROUNDDOWN($C1894/24,0)+1,1))-1)+IF('Standard Profiles'!$G$19=$B$10,7,0)+IF('Standard Profiles'!$G$19=$B$17,14,0)+IF('Standard Profiles'!$G$19=$B$24,21,0),0)),0)</f>
        <v>0</v>
      </c>
      <c r="F1894" cm="1">
        <f t="array" ref="F1894">IFERROR(INDEX(Jesper!AJ$2:AJ$366,ROUNDDOWN($C1894/24,0)+1,1)*INDEX($D$3:$AA$30,INDEX(Jesper!$R$2:$R$366,ROW(INDEX(Jesper!AJ$2:AJ$366,ROUNDDOWN($C1894/24,0)+1,1))-1)+IF('Standard Profiles'!$G$20=$B$10,7,0)+IF('Standard Profiles'!$G$20=$B$17,14,0)+IF('Standard Profiles'!$G$20=$B$24,21,0),MOD($C1894,24)+1)/SUM(INDEX($D$3:$AA$30,INDEX(Jesper!$R$2:$R$366,ROW(INDEX(Jesper!AJ$2:AJ$366,ROUNDDOWN($C1894/24,0)+1,1))-1)+IF('Standard Profiles'!$G$20=$B$10,7,0)+IF('Standard Profiles'!$G$20=$B$17,14,0)+IF('Standard Profiles'!$G$20=$B$24,21,0),0)),0)</f>
        <v>0</v>
      </c>
      <c r="G1894" cm="1">
        <f t="array" ref="G1894">IFERROR(INDEX(Jesper!AK$2:AK$366,ROUNDDOWN($C1894/24,0)+1,1)*INDEX($D$3:$AA$30,INDEX(Jesper!$R$2:$R$366,ROW(INDEX(Jesper!AK$2:AK$366,ROUNDDOWN($C1894/24,0)+1,1))-1)+IF('Standard Profiles'!$G$21=$B$10,7,0)+IF('Standard Profiles'!$G$21=$B$17,14,0)+IF('Standard Profiles'!$G$21=$B$24,21,0),MOD($C1894,24)+1)/SUM(INDEX($D$3:$AA$30,INDEX(Jesper!$R$2:$R$366,ROW(INDEX(Jesper!AK$2:AK$366,ROUNDDOWN($C1894/24,0)+1,1))-1)+IF('Standard Profiles'!$G$21=$B$10,7,0)+IF('Standard Profiles'!$G$21=$B$17,14,0)+IF('Standard Profiles'!$G$21=$B$24,21,0),0)),0)</f>
        <v>0</v>
      </c>
      <c r="H1894" cm="1">
        <f t="array" ref="H1894">IFERROR(INDEX(Jesper!AL$2:AL$366,ROUNDDOWN($C1894/24,0)+1,1)*INDEX($D$3:$AA$30,INDEX(Jesper!$R$2:$R$366,ROW(INDEX(Jesper!AL$2:AL$366,ROUNDDOWN($C1894/24,0)+1,1))-1)+IF('Standard Profiles'!$G$22=$B$10,7,0)+IF('Standard Profiles'!$G$22=$B$17,14,0)+IF('Standard Profiles'!$G$22=$B$24,21,0),MOD($C1894,24)+1)/SUM(INDEX($D$3:$AA$30,INDEX(Jesper!$R$2:$R$366,ROW(INDEX(Jesper!AL$2:AL$366,ROUNDDOWN($C1894/24,0)+1,1))-1)+IF('Standard Profiles'!$G$22=$B$10,7,0)+IF('Standard Profiles'!$G$22=$B$17,14,0)+IF('Standard Profiles'!$G$22=$B$24,21,0),0)),0)</f>
        <v>0</v>
      </c>
      <c r="I1894">
        <f t="shared" si="223"/>
        <v>0.52263227621701835</v>
      </c>
      <c r="J1894">
        <f t="shared" si="224"/>
        <v>1.7421075873900613</v>
      </c>
      <c r="K1894">
        <f t="shared" si="225"/>
        <v>2.6131613810850918</v>
      </c>
      <c r="L1894">
        <f t="shared" si="226"/>
        <v>12.543174629208441</v>
      </c>
      <c r="M1894">
        <f t="shared" si="227"/>
        <v>0</v>
      </c>
      <c r="N1894" s="46">
        <f t="shared" si="228"/>
        <v>45369.499999995489</v>
      </c>
    </row>
    <row r="1895" spans="2:14" x14ac:dyDescent="0.3">
      <c r="B1895">
        <f t="shared" si="222"/>
        <v>1</v>
      </c>
      <c r="C1895" s="16">
        <v>1861</v>
      </c>
      <c r="D1895" cm="1">
        <f t="array" ref="D1895">IFERROR(INDEX(Jesper!AH$2:AH$366,ROUNDDOWN($C1895/24,0)+1,1)*INDEX($D$3:$AA$30,INDEX(Jesper!$R$2:$R$366,ROW(INDEX(Jesper!AH$2:AH$366,ROUNDDOWN($C1895/24,0)+1,1))-1)+IF('Standard Profiles'!$G$18=$B$10,7,0)+IF('Standard Profiles'!$G$18=$B$17,14,0)+IF('Standard Profiles'!$G$18=$B$24,21,0),MOD($C1895,24)+1)/SUM(INDEX($D$3:$AA$30,INDEX(Jesper!$R$2:$R$366,ROW(INDEX(Jesper!AH$2:AH$366,ROUNDDOWN($C1895/24,0)+1,1))-1)+IF('Standard Profiles'!$G$18=$B$10,7,0)+IF('Standard Profiles'!$G$18=$B$17,14,0)+IF('Standard Profiles'!$G$18=$B$24,21,0),0)),0)</f>
        <v>11.541462766459155</v>
      </c>
      <c r="E1895" cm="1">
        <f t="array" ref="E1895">IFERROR(INDEX(Jesper!AI$2:AI$366,ROUNDDOWN($C1895/24,0)+1,1)*INDEX($D$3:$AA$30,INDEX(Jesper!$R$2:$R$366,ROW(INDEX(Jesper!AI$2:AI$366,ROUNDDOWN($C1895/24,0)+1,1))-1)+IF('Standard Profiles'!$G$19=$B$10,7,0)+IF('Standard Profiles'!$G$19=$B$17,14,0)+IF('Standard Profiles'!$G$19=$B$24,21,0),MOD($C1895,24)+1)/SUM(INDEX($D$3:$AA$30,INDEX(Jesper!$R$2:$R$366,ROW(INDEX(Jesper!AI$2:AI$366,ROUNDDOWN($C1895/24,0)+1,1))-1)+IF('Standard Profiles'!$G$19=$B$10,7,0)+IF('Standard Profiles'!$G$19=$B$17,14,0)+IF('Standard Profiles'!$G$19=$B$24,21,0),0)),0)</f>
        <v>0</v>
      </c>
      <c r="F1895" cm="1">
        <f t="array" ref="F1895">IFERROR(INDEX(Jesper!AJ$2:AJ$366,ROUNDDOWN($C1895/24,0)+1,1)*INDEX($D$3:$AA$30,INDEX(Jesper!$R$2:$R$366,ROW(INDEX(Jesper!AJ$2:AJ$366,ROUNDDOWN($C1895/24,0)+1,1))-1)+IF('Standard Profiles'!$G$20=$B$10,7,0)+IF('Standard Profiles'!$G$20=$B$17,14,0)+IF('Standard Profiles'!$G$20=$B$24,21,0),MOD($C1895,24)+1)/SUM(INDEX($D$3:$AA$30,INDEX(Jesper!$R$2:$R$366,ROW(INDEX(Jesper!AJ$2:AJ$366,ROUNDDOWN($C1895/24,0)+1,1))-1)+IF('Standard Profiles'!$G$20=$B$10,7,0)+IF('Standard Profiles'!$G$20=$B$17,14,0)+IF('Standard Profiles'!$G$20=$B$24,21,0),0)),0)</f>
        <v>0</v>
      </c>
      <c r="G1895" cm="1">
        <f t="array" ref="G1895">IFERROR(INDEX(Jesper!AK$2:AK$366,ROUNDDOWN($C1895/24,0)+1,1)*INDEX($D$3:$AA$30,INDEX(Jesper!$R$2:$R$366,ROW(INDEX(Jesper!AK$2:AK$366,ROUNDDOWN($C1895/24,0)+1,1))-1)+IF('Standard Profiles'!$G$21=$B$10,7,0)+IF('Standard Profiles'!$G$21=$B$17,14,0)+IF('Standard Profiles'!$G$21=$B$24,21,0),MOD($C1895,24)+1)/SUM(INDEX($D$3:$AA$30,INDEX(Jesper!$R$2:$R$366,ROW(INDEX(Jesper!AK$2:AK$366,ROUNDDOWN($C1895/24,0)+1,1))-1)+IF('Standard Profiles'!$G$21=$B$10,7,0)+IF('Standard Profiles'!$G$21=$B$17,14,0)+IF('Standard Profiles'!$G$21=$B$24,21,0),0)),0)</f>
        <v>0</v>
      </c>
      <c r="H1895" cm="1">
        <f t="array" ref="H1895">IFERROR(INDEX(Jesper!AL$2:AL$366,ROUNDDOWN($C1895/24,0)+1,1)*INDEX($D$3:$AA$30,INDEX(Jesper!$R$2:$R$366,ROW(INDEX(Jesper!AL$2:AL$366,ROUNDDOWN($C1895/24,0)+1,1))-1)+IF('Standard Profiles'!$G$22=$B$10,7,0)+IF('Standard Profiles'!$G$22=$B$17,14,0)+IF('Standard Profiles'!$G$22=$B$24,21,0),MOD($C1895,24)+1)/SUM(INDEX($D$3:$AA$30,INDEX(Jesper!$R$2:$R$366,ROW(INDEX(Jesper!AL$2:AL$366,ROUNDDOWN($C1895/24,0)+1,1))-1)+IF('Standard Profiles'!$G$22=$B$10,7,0)+IF('Standard Profiles'!$G$22=$B$17,14,0)+IF('Standard Profiles'!$G$22=$B$24,21,0),0)),0)</f>
        <v>0</v>
      </c>
      <c r="I1895">
        <f t="shared" si="223"/>
        <v>0.34624388299377462</v>
      </c>
      <c r="J1895">
        <f t="shared" si="224"/>
        <v>1.1541462766459156</v>
      </c>
      <c r="K1895">
        <f t="shared" si="225"/>
        <v>1.7312194149688731</v>
      </c>
      <c r="L1895">
        <f t="shared" si="226"/>
        <v>8.3098531918505909</v>
      </c>
      <c r="M1895">
        <f t="shared" si="227"/>
        <v>0</v>
      </c>
      <c r="N1895" s="46">
        <f t="shared" si="228"/>
        <v>45369.541666662153</v>
      </c>
    </row>
    <row r="1896" spans="2:14" x14ac:dyDescent="0.3">
      <c r="B1896">
        <f t="shared" si="222"/>
        <v>1</v>
      </c>
      <c r="C1896" s="16">
        <v>1862</v>
      </c>
      <c r="D1896" cm="1">
        <f t="array" ref="D1896">IFERROR(INDEX(Jesper!AH$2:AH$366,ROUNDDOWN($C1896/24,0)+1,1)*INDEX($D$3:$AA$30,INDEX(Jesper!$R$2:$R$366,ROW(INDEX(Jesper!AH$2:AH$366,ROUNDDOWN($C1896/24,0)+1,1))-1)+IF('Standard Profiles'!$G$18=$B$10,7,0)+IF('Standard Profiles'!$G$18=$B$17,14,0)+IF('Standard Profiles'!$G$18=$B$24,21,0),MOD($C1896,24)+1)/SUM(INDEX($D$3:$AA$30,INDEX(Jesper!$R$2:$R$366,ROW(INDEX(Jesper!AH$2:AH$366,ROUNDDOWN($C1896/24,0)+1,1))-1)+IF('Standard Profiles'!$G$18=$B$10,7,0)+IF('Standard Profiles'!$G$18=$B$17,14,0)+IF('Standard Profiles'!$G$18=$B$24,21,0),0)),0)</f>
        <v>17.421075873900612</v>
      </c>
      <c r="E1896" cm="1">
        <f t="array" ref="E1896">IFERROR(INDEX(Jesper!AI$2:AI$366,ROUNDDOWN($C1896/24,0)+1,1)*INDEX($D$3:$AA$30,INDEX(Jesper!$R$2:$R$366,ROW(INDEX(Jesper!AI$2:AI$366,ROUNDDOWN($C1896/24,0)+1,1))-1)+IF('Standard Profiles'!$G$19=$B$10,7,0)+IF('Standard Profiles'!$G$19=$B$17,14,0)+IF('Standard Profiles'!$G$19=$B$24,21,0),MOD($C1896,24)+1)/SUM(INDEX($D$3:$AA$30,INDEX(Jesper!$R$2:$R$366,ROW(INDEX(Jesper!AI$2:AI$366,ROUNDDOWN($C1896/24,0)+1,1))-1)+IF('Standard Profiles'!$G$19=$B$10,7,0)+IF('Standard Profiles'!$G$19=$B$17,14,0)+IF('Standard Profiles'!$G$19=$B$24,21,0),0)),0)</f>
        <v>0</v>
      </c>
      <c r="F1896" cm="1">
        <f t="array" ref="F1896">IFERROR(INDEX(Jesper!AJ$2:AJ$366,ROUNDDOWN($C1896/24,0)+1,1)*INDEX($D$3:$AA$30,INDEX(Jesper!$R$2:$R$366,ROW(INDEX(Jesper!AJ$2:AJ$366,ROUNDDOWN($C1896/24,0)+1,1))-1)+IF('Standard Profiles'!$G$20=$B$10,7,0)+IF('Standard Profiles'!$G$20=$B$17,14,0)+IF('Standard Profiles'!$G$20=$B$24,21,0),MOD($C1896,24)+1)/SUM(INDEX($D$3:$AA$30,INDEX(Jesper!$R$2:$R$366,ROW(INDEX(Jesper!AJ$2:AJ$366,ROUNDDOWN($C1896/24,0)+1,1))-1)+IF('Standard Profiles'!$G$20=$B$10,7,0)+IF('Standard Profiles'!$G$20=$B$17,14,0)+IF('Standard Profiles'!$G$20=$B$24,21,0),0)),0)</f>
        <v>0</v>
      </c>
      <c r="G1896" cm="1">
        <f t="array" ref="G1896">IFERROR(INDEX(Jesper!AK$2:AK$366,ROUNDDOWN($C1896/24,0)+1,1)*INDEX($D$3:$AA$30,INDEX(Jesper!$R$2:$R$366,ROW(INDEX(Jesper!AK$2:AK$366,ROUNDDOWN($C1896/24,0)+1,1))-1)+IF('Standard Profiles'!$G$21=$B$10,7,0)+IF('Standard Profiles'!$G$21=$B$17,14,0)+IF('Standard Profiles'!$G$21=$B$24,21,0),MOD($C1896,24)+1)/SUM(INDEX($D$3:$AA$30,INDEX(Jesper!$R$2:$R$366,ROW(INDEX(Jesper!AK$2:AK$366,ROUNDDOWN($C1896/24,0)+1,1))-1)+IF('Standard Profiles'!$G$21=$B$10,7,0)+IF('Standard Profiles'!$G$21=$B$17,14,0)+IF('Standard Profiles'!$G$21=$B$24,21,0),0)),0)</f>
        <v>0</v>
      </c>
      <c r="H1896" cm="1">
        <f t="array" ref="H1896">IFERROR(INDEX(Jesper!AL$2:AL$366,ROUNDDOWN($C1896/24,0)+1,1)*INDEX($D$3:$AA$30,INDEX(Jesper!$R$2:$R$366,ROW(INDEX(Jesper!AL$2:AL$366,ROUNDDOWN($C1896/24,0)+1,1))-1)+IF('Standard Profiles'!$G$22=$B$10,7,0)+IF('Standard Profiles'!$G$22=$B$17,14,0)+IF('Standard Profiles'!$G$22=$B$24,21,0),MOD($C1896,24)+1)/SUM(INDEX($D$3:$AA$30,INDEX(Jesper!$R$2:$R$366,ROW(INDEX(Jesper!AL$2:AL$366,ROUNDDOWN($C1896/24,0)+1,1))-1)+IF('Standard Profiles'!$G$22=$B$10,7,0)+IF('Standard Profiles'!$G$22=$B$17,14,0)+IF('Standard Profiles'!$G$22=$B$24,21,0),0)),0)</f>
        <v>0</v>
      </c>
      <c r="I1896">
        <f t="shared" si="223"/>
        <v>0.52263227621701835</v>
      </c>
      <c r="J1896">
        <f t="shared" si="224"/>
        <v>1.7421075873900613</v>
      </c>
      <c r="K1896">
        <f t="shared" si="225"/>
        <v>2.6131613810850918</v>
      </c>
      <c r="L1896">
        <f t="shared" si="226"/>
        <v>12.543174629208441</v>
      </c>
      <c r="M1896">
        <f t="shared" si="227"/>
        <v>0</v>
      </c>
      <c r="N1896" s="46">
        <f t="shared" si="228"/>
        <v>45369.583333328817</v>
      </c>
    </row>
    <row r="1897" spans="2:14" x14ac:dyDescent="0.3">
      <c r="B1897">
        <f t="shared" si="222"/>
        <v>1</v>
      </c>
      <c r="C1897" s="16">
        <v>1863</v>
      </c>
      <c r="D1897" cm="1">
        <f t="array" ref="D1897">IFERROR(INDEX(Jesper!AH$2:AH$366,ROUNDDOWN($C1897/24,0)+1,1)*INDEX($D$3:$AA$30,INDEX(Jesper!$R$2:$R$366,ROW(INDEX(Jesper!AH$2:AH$366,ROUNDDOWN($C1897/24,0)+1,1))-1)+IF('Standard Profiles'!$G$18=$B$10,7,0)+IF('Standard Profiles'!$G$18=$B$17,14,0)+IF('Standard Profiles'!$G$18=$B$24,21,0),MOD($C1897,24)+1)/SUM(INDEX($D$3:$AA$30,INDEX(Jesper!$R$2:$R$366,ROW(INDEX(Jesper!AH$2:AH$366,ROUNDDOWN($C1897/24,0)+1,1))-1)+IF('Standard Profiles'!$G$18=$B$10,7,0)+IF('Standard Profiles'!$G$18=$B$17,14,0)+IF('Standard Profiles'!$G$18=$B$24,21,0),0)),0)</f>
        <v>17.421075873900612</v>
      </c>
      <c r="E1897" cm="1">
        <f t="array" ref="E1897">IFERROR(INDEX(Jesper!AI$2:AI$366,ROUNDDOWN($C1897/24,0)+1,1)*INDEX($D$3:$AA$30,INDEX(Jesper!$R$2:$R$366,ROW(INDEX(Jesper!AI$2:AI$366,ROUNDDOWN($C1897/24,0)+1,1))-1)+IF('Standard Profiles'!$G$19=$B$10,7,0)+IF('Standard Profiles'!$G$19=$B$17,14,0)+IF('Standard Profiles'!$G$19=$B$24,21,0),MOD($C1897,24)+1)/SUM(INDEX($D$3:$AA$30,INDEX(Jesper!$R$2:$R$366,ROW(INDEX(Jesper!AI$2:AI$366,ROUNDDOWN($C1897/24,0)+1,1))-1)+IF('Standard Profiles'!$G$19=$B$10,7,0)+IF('Standard Profiles'!$G$19=$B$17,14,0)+IF('Standard Profiles'!$G$19=$B$24,21,0),0)),0)</f>
        <v>0</v>
      </c>
      <c r="F1897" cm="1">
        <f t="array" ref="F1897">IFERROR(INDEX(Jesper!AJ$2:AJ$366,ROUNDDOWN($C1897/24,0)+1,1)*INDEX($D$3:$AA$30,INDEX(Jesper!$R$2:$R$366,ROW(INDEX(Jesper!AJ$2:AJ$366,ROUNDDOWN($C1897/24,0)+1,1))-1)+IF('Standard Profiles'!$G$20=$B$10,7,0)+IF('Standard Profiles'!$G$20=$B$17,14,0)+IF('Standard Profiles'!$G$20=$B$24,21,0),MOD($C1897,24)+1)/SUM(INDEX($D$3:$AA$30,INDEX(Jesper!$R$2:$R$366,ROW(INDEX(Jesper!AJ$2:AJ$366,ROUNDDOWN($C1897/24,0)+1,1))-1)+IF('Standard Profiles'!$G$20=$B$10,7,0)+IF('Standard Profiles'!$G$20=$B$17,14,0)+IF('Standard Profiles'!$G$20=$B$24,21,0),0)),0)</f>
        <v>0</v>
      </c>
      <c r="G1897" cm="1">
        <f t="array" ref="G1897">IFERROR(INDEX(Jesper!AK$2:AK$366,ROUNDDOWN($C1897/24,0)+1,1)*INDEX($D$3:$AA$30,INDEX(Jesper!$R$2:$R$366,ROW(INDEX(Jesper!AK$2:AK$366,ROUNDDOWN($C1897/24,0)+1,1))-1)+IF('Standard Profiles'!$G$21=$B$10,7,0)+IF('Standard Profiles'!$G$21=$B$17,14,0)+IF('Standard Profiles'!$G$21=$B$24,21,0),MOD($C1897,24)+1)/SUM(INDEX($D$3:$AA$30,INDEX(Jesper!$R$2:$R$366,ROW(INDEX(Jesper!AK$2:AK$366,ROUNDDOWN($C1897/24,0)+1,1))-1)+IF('Standard Profiles'!$G$21=$B$10,7,0)+IF('Standard Profiles'!$G$21=$B$17,14,0)+IF('Standard Profiles'!$G$21=$B$24,21,0),0)),0)</f>
        <v>0</v>
      </c>
      <c r="H1897" cm="1">
        <f t="array" ref="H1897">IFERROR(INDEX(Jesper!AL$2:AL$366,ROUNDDOWN($C1897/24,0)+1,1)*INDEX($D$3:$AA$30,INDEX(Jesper!$R$2:$R$366,ROW(INDEX(Jesper!AL$2:AL$366,ROUNDDOWN($C1897/24,0)+1,1))-1)+IF('Standard Profiles'!$G$22=$B$10,7,0)+IF('Standard Profiles'!$G$22=$B$17,14,0)+IF('Standard Profiles'!$G$22=$B$24,21,0),MOD($C1897,24)+1)/SUM(INDEX($D$3:$AA$30,INDEX(Jesper!$R$2:$R$366,ROW(INDEX(Jesper!AL$2:AL$366,ROUNDDOWN($C1897/24,0)+1,1))-1)+IF('Standard Profiles'!$G$22=$B$10,7,0)+IF('Standard Profiles'!$G$22=$B$17,14,0)+IF('Standard Profiles'!$G$22=$B$24,21,0),0)),0)</f>
        <v>0</v>
      </c>
      <c r="I1897">
        <f t="shared" si="223"/>
        <v>0.52263227621701835</v>
      </c>
      <c r="J1897">
        <f t="shared" si="224"/>
        <v>1.7421075873900613</v>
      </c>
      <c r="K1897">
        <f t="shared" si="225"/>
        <v>2.6131613810850918</v>
      </c>
      <c r="L1897">
        <f t="shared" si="226"/>
        <v>12.543174629208441</v>
      </c>
      <c r="M1897">
        <f t="shared" si="227"/>
        <v>0</v>
      </c>
      <c r="N1897" s="46">
        <f t="shared" si="228"/>
        <v>45369.624999995482</v>
      </c>
    </row>
    <row r="1898" spans="2:14" x14ac:dyDescent="0.3">
      <c r="B1898">
        <f t="shared" si="222"/>
        <v>1</v>
      </c>
      <c r="C1898" s="16">
        <v>1864</v>
      </c>
      <c r="D1898" cm="1">
        <f t="array" ref="D1898">IFERROR(INDEX(Jesper!AH$2:AH$366,ROUNDDOWN($C1898/24,0)+1,1)*INDEX($D$3:$AA$30,INDEX(Jesper!$R$2:$R$366,ROW(INDEX(Jesper!AH$2:AH$366,ROUNDDOWN($C1898/24,0)+1,1))-1)+IF('Standard Profiles'!$G$18=$B$10,7,0)+IF('Standard Profiles'!$G$18=$B$17,14,0)+IF('Standard Profiles'!$G$18=$B$24,21,0),MOD($C1898,24)+1)/SUM(INDEX($D$3:$AA$30,INDEX(Jesper!$R$2:$R$366,ROW(INDEX(Jesper!AH$2:AH$366,ROUNDDOWN($C1898/24,0)+1,1))-1)+IF('Standard Profiles'!$G$18=$B$10,7,0)+IF('Standard Profiles'!$G$18=$B$17,14,0)+IF('Standard Profiles'!$G$18=$B$24,21,0),0)),0)</f>
        <v>17.421075873900612</v>
      </c>
      <c r="E1898" cm="1">
        <f t="array" ref="E1898">IFERROR(INDEX(Jesper!AI$2:AI$366,ROUNDDOWN($C1898/24,0)+1,1)*INDEX($D$3:$AA$30,INDEX(Jesper!$R$2:$R$366,ROW(INDEX(Jesper!AI$2:AI$366,ROUNDDOWN($C1898/24,0)+1,1))-1)+IF('Standard Profiles'!$G$19=$B$10,7,0)+IF('Standard Profiles'!$G$19=$B$17,14,0)+IF('Standard Profiles'!$G$19=$B$24,21,0),MOD($C1898,24)+1)/SUM(INDEX($D$3:$AA$30,INDEX(Jesper!$R$2:$R$366,ROW(INDEX(Jesper!AI$2:AI$366,ROUNDDOWN($C1898/24,0)+1,1))-1)+IF('Standard Profiles'!$G$19=$B$10,7,0)+IF('Standard Profiles'!$G$19=$B$17,14,0)+IF('Standard Profiles'!$G$19=$B$24,21,0),0)),0)</f>
        <v>0</v>
      </c>
      <c r="F1898" cm="1">
        <f t="array" ref="F1898">IFERROR(INDEX(Jesper!AJ$2:AJ$366,ROUNDDOWN($C1898/24,0)+1,1)*INDEX($D$3:$AA$30,INDEX(Jesper!$R$2:$R$366,ROW(INDEX(Jesper!AJ$2:AJ$366,ROUNDDOWN($C1898/24,0)+1,1))-1)+IF('Standard Profiles'!$G$20=$B$10,7,0)+IF('Standard Profiles'!$G$20=$B$17,14,0)+IF('Standard Profiles'!$G$20=$B$24,21,0),MOD($C1898,24)+1)/SUM(INDEX($D$3:$AA$30,INDEX(Jesper!$R$2:$R$366,ROW(INDEX(Jesper!AJ$2:AJ$366,ROUNDDOWN($C1898/24,0)+1,1))-1)+IF('Standard Profiles'!$G$20=$B$10,7,0)+IF('Standard Profiles'!$G$20=$B$17,14,0)+IF('Standard Profiles'!$G$20=$B$24,21,0),0)),0)</f>
        <v>0</v>
      </c>
      <c r="G1898" cm="1">
        <f t="array" ref="G1898">IFERROR(INDEX(Jesper!AK$2:AK$366,ROUNDDOWN($C1898/24,0)+1,1)*INDEX($D$3:$AA$30,INDEX(Jesper!$R$2:$R$366,ROW(INDEX(Jesper!AK$2:AK$366,ROUNDDOWN($C1898/24,0)+1,1))-1)+IF('Standard Profiles'!$G$21=$B$10,7,0)+IF('Standard Profiles'!$G$21=$B$17,14,0)+IF('Standard Profiles'!$G$21=$B$24,21,0),MOD($C1898,24)+1)/SUM(INDEX($D$3:$AA$30,INDEX(Jesper!$R$2:$R$366,ROW(INDEX(Jesper!AK$2:AK$366,ROUNDDOWN($C1898/24,0)+1,1))-1)+IF('Standard Profiles'!$G$21=$B$10,7,0)+IF('Standard Profiles'!$G$21=$B$17,14,0)+IF('Standard Profiles'!$G$21=$B$24,21,0),0)),0)</f>
        <v>0</v>
      </c>
      <c r="H1898" cm="1">
        <f t="array" ref="H1898">IFERROR(INDEX(Jesper!AL$2:AL$366,ROUNDDOWN($C1898/24,0)+1,1)*INDEX($D$3:$AA$30,INDEX(Jesper!$R$2:$R$366,ROW(INDEX(Jesper!AL$2:AL$366,ROUNDDOWN($C1898/24,0)+1,1))-1)+IF('Standard Profiles'!$G$22=$B$10,7,0)+IF('Standard Profiles'!$G$22=$B$17,14,0)+IF('Standard Profiles'!$G$22=$B$24,21,0),MOD($C1898,24)+1)/SUM(INDEX($D$3:$AA$30,INDEX(Jesper!$R$2:$R$366,ROW(INDEX(Jesper!AL$2:AL$366,ROUNDDOWN($C1898/24,0)+1,1))-1)+IF('Standard Profiles'!$G$22=$B$10,7,0)+IF('Standard Profiles'!$G$22=$B$17,14,0)+IF('Standard Profiles'!$G$22=$B$24,21,0),0)),0)</f>
        <v>0</v>
      </c>
      <c r="I1898">
        <f t="shared" si="223"/>
        <v>0.52263227621701835</v>
      </c>
      <c r="J1898">
        <f t="shared" si="224"/>
        <v>1.7421075873900613</v>
      </c>
      <c r="K1898">
        <f t="shared" si="225"/>
        <v>2.6131613810850918</v>
      </c>
      <c r="L1898">
        <f t="shared" si="226"/>
        <v>12.543174629208441</v>
      </c>
      <c r="M1898">
        <f t="shared" si="227"/>
        <v>0</v>
      </c>
      <c r="N1898" s="46">
        <f t="shared" si="228"/>
        <v>45369.666666662146</v>
      </c>
    </row>
    <row r="1899" spans="2:14" x14ac:dyDescent="0.3">
      <c r="B1899">
        <f t="shared" si="222"/>
        <v>1</v>
      </c>
      <c r="C1899" s="16">
        <v>1865</v>
      </c>
      <c r="D1899" cm="1">
        <f t="array" ref="D1899">IFERROR(INDEX(Jesper!AH$2:AH$366,ROUNDDOWN($C1899/24,0)+1,1)*INDEX($D$3:$AA$30,INDEX(Jesper!$R$2:$R$366,ROW(INDEX(Jesper!AH$2:AH$366,ROUNDDOWN($C1899/24,0)+1,1))-1)+IF('Standard Profiles'!$G$18=$B$10,7,0)+IF('Standard Profiles'!$G$18=$B$17,14,0)+IF('Standard Profiles'!$G$18=$B$24,21,0),MOD($C1899,24)+1)/SUM(INDEX($D$3:$AA$30,INDEX(Jesper!$R$2:$R$366,ROW(INDEX(Jesper!AH$2:AH$366,ROUNDDOWN($C1899/24,0)+1,1))-1)+IF('Standard Profiles'!$G$18=$B$10,7,0)+IF('Standard Profiles'!$G$18=$B$17,14,0)+IF('Standard Profiles'!$G$18=$B$24,21,0),0)),0)</f>
        <v>17.421075873900612</v>
      </c>
      <c r="E1899" cm="1">
        <f t="array" ref="E1899">IFERROR(INDEX(Jesper!AI$2:AI$366,ROUNDDOWN($C1899/24,0)+1,1)*INDEX($D$3:$AA$30,INDEX(Jesper!$R$2:$R$366,ROW(INDEX(Jesper!AI$2:AI$366,ROUNDDOWN($C1899/24,0)+1,1))-1)+IF('Standard Profiles'!$G$19=$B$10,7,0)+IF('Standard Profiles'!$G$19=$B$17,14,0)+IF('Standard Profiles'!$G$19=$B$24,21,0),MOD($C1899,24)+1)/SUM(INDEX($D$3:$AA$30,INDEX(Jesper!$R$2:$R$366,ROW(INDEX(Jesper!AI$2:AI$366,ROUNDDOWN($C1899/24,0)+1,1))-1)+IF('Standard Profiles'!$G$19=$B$10,7,0)+IF('Standard Profiles'!$G$19=$B$17,14,0)+IF('Standard Profiles'!$G$19=$B$24,21,0),0)),0)</f>
        <v>0</v>
      </c>
      <c r="F1899" cm="1">
        <f t="array" ref="F1899">IFERROR(INDEX(Jesper!AJ$2:AJ$366,ROUNDDOWN($C1899/24,0)+1,1)*INDEX($D$3:$AA$30,INDEX(Jesper!$R$2:$R$366,ROW(INDEX(Jesper!AJ$2:AJ$366,ROUNDDOWN($C1899/24,0)+1,1))-1)+IF('Standard Profiles'!$G$20=$B$10,7,0)+IF('Standard Profiles'!$G$20=$B$17,14,0)+IF('Standard Profiles'!$G$20=$B$24,21,0),MOD($C1899,24)+1)/SUM(INDEX($D$3:$AA$30,INDEX(Jesper!$R$2:$R$366,ROW(INDEX(Jesper!AJ$2:AJ$366,ROUNDDOWN($C1899/24,0)+1,1))-1)+IF('Standard Profiles'!$G$20=$B$10,7,0)+IF('Standard Profiles'!$G$20=$B$17,14,0)+IF('Standard Profiles'!$G$20=$B$24,21,0),0)),0)</f>
        <v>0</v>
      </c>
      <c r="G1899" cm="1">
        <f t="array" ref="G1899">IFERROR(INDEX(Jesper!AK$2:AK$366,ROUNDDOWN($C1899/24,0)+1,1)*INDEX($D$3:$AA$30,INDEX(Jesper!$R$2:$R$366,ROW(INDEX(Jesper!AK$2:AK$366,ROUNDDOWN($C1899/24,0)+1,1))-1)+IF('Standard Profiles'!$G$21=$B$10,7,0)+IF('Standard Profiles'!$G$21=$B$17,14,0)+IF('Standard Profiles'!$G$21=$B$24,21,0),MOD($C1899,24)+1)/SUM(INDEX($D$3:$AA$30,INDEX(Jesper!$R$2:$R$366,ROW(INDEX(Jesper!AK$2:AK$366,ROUNDDOWN($C1899/24,0)+1,1))-1)+IF('Standard Profiles'!$G$21=$B$10,7,0)+IF('Standard Profiles'!$G$21=$B$17,14,0)+IF('Standard Profiles'!$G$21=$B$24,21,0),0)),0)</f>
        <v>0</v>
      </c>
      <c r="H1899" cm="1">
        <f t="array" ref="H1899">IFERROR(INDEX(Jesper!AL$2:AL$366,ROUNDDOWN($C1899/24,0)+1,1)*INDEX($D$3:$AA$30,INDEX(Jesper!$R$2:$R$366,ROW(INDEX(Jesper!AL$2:AL$366,ROUNDDOWN($C1899/24,0)+1,1))-1)+IF('Standard Profiles'!$G$22=$B$10,7,0)+IF('Standard Profiles'!$G$22=$B$17,14,0)+IF('Standard Profiles'!$G$22=$B$24,21,0),MOD($C1899,24)+1)/SUM(INDEX($D$3:$AA$30,INDEX(Jesper!$R$2:$R$366,ROW(INDEX(Jesper!AL$2:AL$366,ROUNDDOWN($C1899/24,0)+1,1))-1)+IF('Standard Profiles'!$G$22=$B$10,7,0)+IF('Standard Profiles'!$G$22=$B$17,14,0)+IF('Standard Profiles'!$G$22=$B$24,21,0),0)),0)</f>
        <v>0</v>
      </c>
      <c r="I1899">
        <f t="shared" si="223"/>
        <v>0.52263227621701835</v>
      </c>
      <c r="J1899">
        <f t="shared" si="224"/>
        <v>1.7421075873900613</v>
      </c>
      <c r="K1899">
        <f t="shared" si="225"/>
        <v>2.6131613810850918</v>
      </c>
      <c r="L1899">
        <f t="shared" si="226"/>
        <v>12.543174629208441</v>
      </c>
      <c r="M1899">
        <f t="shared" si="227"/>
        <v>0</v>
      </c>
      <c r="N1899" s="46">
        <f t="shared" si="228"/>
        <v>45369.70833332881</v>
      </c>
    </row>
    <row r="1900" spans="2:14" x14ac:dyDescent="0.3">
      <c r="B1900">
        <f t="shared" si="222"/>
        <v>1</v>
      </c>
      <c r="C1900" s="16">
        <v>1866</v>
      </c>
      <c r="D1900" cm="1">
        <f t="array" ref="D1900">IFERROR(INDEX(Jesper!AH$2:AH$366,ROUNDDOWN($C1900/24,0)+1,1)*INDEX($D$3:$AA$30,INDEX(Jesper!$R$2:$R$366,ROW(INDEX(Jesper!AH$2:AH$366,ROUNDDOWN($C1900/24,0)+1,1))-1)+IF('Standard Profiles'!$G$18=$B$10,7,0)+IF('Standard Profiles'!$G$18=$B$17,14,0)+IF('Standard Profiles'!$G$18=$B$24,21,0),MOD($C1900,24)+1)/SUM(INDEX($D$3:$AA$30,INDEX(Jesper!$R$2:$R$366,ROW(INDEX(Jesper!AH$2:AH$366,ROUNDDOWN($C1900/24,0)+1,1))-1)+IF('Standard Profiles'!$G$18=$B$10,7,0)+IF('Standard Profiles'!$G$18=$B$17,14,0)+IF('Standard Profiles'!$G$18=$B$24,21,0),0)),0)</f>
        <v>17.421075873900612</v>
      </c>
      <c r="E1900" cm="1">
        <f t="array" ref="E1900">IFERROR(INDEX(Jesper!AI$2:AI$366,ROUNDDOWN($C1900/24,0)+1,1)*INDEX($D$3:$AA$30,INDEX(Jesper!$R$2:$R$366,ROW(INDEX(Jesper!AI$2:AI$366,ROUNDDOWN($C1900/24,0)+1,1))-1)+IF('Standard Profiles'!$G$19=$B$10,7,0)+IF('Standard Profiles'!$G$19=$B$17,14,0)+IF('Standard Profiles'!$G$19=$B$24,21,0),MOD($C1900,24)+1)/SUM(INDEX($D$3:$AA$30,INDEX(Jesper!$R$2:$R$366,ROW(INDEX(Jesper!AI$2:AI$366,ROUNDDOWN($C1900/24,0)+1,1))-1)+IF('Standard Profiles'!$G$19=$B$10,7,0)+IF('Standard Profiles'!$G$19=$B$17,14,0)+IF('Standard Profiles'!$G$19=$B$24,21,0),0)),0)</f>
        <v>0</v>
      </c>
      <c r="F1900" cm="1">
        <f t="array" ref="F1900">IFERROR(INDEX(Jesper!AJ$2:AJ$366,ROUNDDOWN($C1900/24,0)+1,1)*INDEX($D$3:$AA$30,INDEX(Jesper!$R$2:$R$366,ROW(INDEX(Jesper!AJ$2:AJ$366,ROUNDDOWN($C1900/24,0)+1,1))-1)+IF('Standard Profiles'!$G$20=$B$10,7,0)+IF('Standard Profiles'!$G$20=$B$17,14,0)+IF('Standard Profiles'!$G$20=$B$24,21,0),MOD($C1900,24)+1)/SUM(INDEX($D$3:$AA$30,INDEX(Jesper!$R$2:$R$366,ROW(INDEX(Jesper!AJ$2:AJ$366,ROUNDDOWN($C1900/24,0)+1,1))-1)+IF('Standard Profiles'!$G$20=$B$10,7,0)+IF('Standard Profiles'!$G$20=$B$17,14,0)+IF('Standard Profiles'!$G$20=$B$24,21,0),0)),0)</f>
        <v>0</v>
      </c>
      <c r="G1900" cm="1">
        <f t="array" ref="G1900">IFERROR(INDEX(Jesper!AK$2:AK$366,ROUNDDOWN($C1900/24,0)+1,1)*INDEX($D$3:$AA$30,INDEX(Jesper!$R$2:$R$366,ROW(INDEX(Jesper!AK$2:AK$366,ROUNDDOWN($C1900/24,0)+1,1))-1)+IF('Standard Profiles'!$G$21=$B$10,7,0)+IF('Standard Profiles'!$G$21=$B$17,14,0)+IF('Standard Profiles'!$G$21=$B$24,21,0),MOD($C1900,24)+1)/SUM(INDEX($D$3:$AA$30,INDEX(Jesper!$R$2:$R$366,ROW(INDEX(Jesper!AK$2:AK$366,ROUNDDOWN($C1900/24,0)+1,1))-1)+IF('Standard Profiles'!$G$21=$B$10,7,0)+IF('Standard Profiles'!$G$21=$B$17,14,0)+IF('Standard Profiles'!$G$21=$B$24,21,0),0)),0)</f>
        <v>0</v>
      </c>
      <c r="H1900" cm="1">
        <f t="array" ref="H1900">IFERROR(INDEX(Jesper!AL$2:AL$366,ROUNDDOWN($C1900/24,0)+1,1)*INDEX($D$3:$AA$30,INDEX(Jesper!$R$2:$R$366,ROW(INDEX(Jesper!AL$2:AL$366,ROUNDDOWN($C1900/24,0)+1,1))-1)+IF('Standard Profiles'!$G$22=$B$10,7,0)+IF('Standard Profiles'!$G$22=$B$17,14,0)+IF('Standard Profiles'!$G$22=$B$24,21,0),MOD($C1900,24)+1)/SUM(INDEX($D$3:$AA$30,INDEX(Jesper!$R$2:$R$366,ROW(INDEX(Jesper!AL$2:AL$366,ROUNDDOWN($C1900/24,0)+1,1))-1)+IF('Standard Profiles'!$G$22=$B$10,7,0)+IF('Standard Profiles'!$G$22=$B$17,14,0)+IF('Standard Profiles'!$G$22=$B$24,21,0),0)),0)</f>
        <v>0</v>
      </c>
      <c r="I1900">
        <f t="shared" si="223"/>
        <v>0.52263227621701835</v>
      </c>
      <c r="J1900">
        <f t="shared" si="224"/>
        <v>1.7421075873900613</v>
      </c>
      <c r="K1900">
        <f t="shared" si="225"/>
        <v>2.6131613810850918</v>
      </c>
      <c r="L1900">
        <f t="shared" si="226"/>
        <v>12.543174629208441</v>
      </c>
      <c r="M1900">
        <f t="shared" si="227"/>
        <v>0</v>
      </c>
      <c r="N1900" s="46">
        <f t="shared" si="228"/>
        <v>45369.749999995474</v>
      </c>
    </row>
    <row r="1901" spans="2:14" x14ac:dyDescent="0.3">
      <c r="B1901">
        <f t="shared" si="222"/>
        <v>1</v>
      </c>
      <c r="C1901" s="16">
        <v>1867</v>
      </c>
      <c r="D1901" cm="1">
        <f t="array" ref="D1901">IFERROR(INDEX(Jesper!AH$2:AH$366,ROUNDDOWN($C1901/24,0)+1,1)*INDEX($D$3:$AA$30,INDEX(Jesper!$R$2:$R$366,ROW(INDEX(Jesper!AH$2:AH$366,ROUNDDOWN($C1901/24,0)+1,1))-1)+IF('Standard Profiles'!$G$18=$B$10,7,0)+IF('Standard Profiles'!$G$18=$B$17,14,0)+IF('Standard Profiles'!$G$18=$B$24,21,0),MOD($C1901,24)+1)/SUM(INDEX($D$3:$AA$30,INDEX(Jesper!$R$2:$R$366,ROW(INDEX(Jesper!AH$2:AH$366,ROUNDDOWN($C1901/24,0)+1,1))-1)+IF('Standard Profiles'!$G$18=$B$10,7,0)+IF('Standard Profiles'!$G$18=$B$17,14,0)+IF('Standard Profiles'!$G$18=$B$24,21,0),0)),0)</f>
        <v>14.590151044391764</v>
      </c>
      <c r="E1901" cm="1">
        <f t="array" ref="E1901">IFERROR(INDEX(Jesper!AI$2:AI$366,ROUNDDOWN($C1901/24,0)+1,1)*INDEX($D$3:$AA$30,INDEX(Jesper!$R$2:$R$366,ROW(INDEX(Jesper!AI$2:AI$366,ROUNDDOWN($C1901/24,0)+1,1))-1)+IF('Standard Profiles'!$G$19=$B$10,7,0)+IF('Standard Profiles'!$G$19=$B$17,14,0)+IF('Standard Profiles'!$G$19=$B$24,21,0),MOD($C1901,24)+1)/SUM(INDEX($D$3:$AA$30,INDEX(Jesper!$R$2:$R$366,ROW(INDEX(Jesper!AI$2:AI$366,ROUNDDOWN($C1901/24,0)+1,1))-1)+IF('Standard Profiles'!$G$19=$B$10,7,0)+IF('Standard Profiles'!$G$19=$B$17,14,0)+IF('Standard Profiles'!$G$19=$B$24,21,0),0)),0)</f>
        <v>0</v>
      </c>
      <c r="F1901" cm="1">
        <f t="array" ref="F1901">IFERROR(INDEX(Jesper!AJ$2:AJ$366,ROUNDDOWN($C1901/24,0)+1,1)*INDEX($D$3:$AA$30,INDEX(Jesper!$R$2:$R$366,ROW(INDEX(Jesper!AJ$2:AJ$366,ROUNDDOWN($C1901/24,0)+1,1))-1)+IF('Standard Profiles'!$G$20=$B$10,7,0)+IF('Standard Profiles'!$G$20=$B$17,14,0)+IF('Standard Profiles'!$G$20=$B$24,21,0),MOD($C1901,24)+1)/SUM(INDEX($D$3:$AA$30,INDEX(Jesper!$R$2:$R$366,ROW(INDEX(Jesper!AJ$2:AJ$366,ROUNDDOWN($C1901/24,0)+1,1))-1)+IF('Standard Profiles'!$G$20=$B$10,7,0)+IF('Standard Profiles'!$G$20=$B$17,14,0)+IF('Standard Profiles'!$G$20=$B$24,21,0),0)),0)</f>
        <v>0</v>
      </c>
      <c r="G1901" cm="1">
        <f t="array" ref="G1901">IFERROR(INDEX(Jesper!AK$2:AK$366,ROUNDDOWN($C1901/24,0)+1,1)*INDEX($D$3:$AA$30,INDEX(Jesper!$R$2:$R$366,ROW(INDEX(Jesper!AK$2:AK$366,ROUNDDOWN($C1901/24,0)+1,1))-1)+IF('Standard Profiles'!$G$21=$B$10,7,0)+IF('Standard Profiles'!$G$21=$B$17,14,0)+IF('Standard Profiles'!$G$21=$B$24,21,0),MOD($C1901,24)+1)/SUM(INDEX($D$3:$AA$30,INDEX(Jesper!$R$2:$R$366,ROW(INDEX(Jesper!AK$2:AK$366,ROUNDDOWN($C1901/24,0)+1,1))-1)+IF('Standard Profiles'!$G$21=$B$10,7,0)+IF('Standard Profiles'!$G$21=$B$17,14,0)+IF('Standard Profiles'!$G$21=$B$24,21,0),0)),0)</f>
        <v>0</v>
      </c>
      <c r="H1901" cm="1">
        <f t="array" ref="H1901">IFERROR(INDEX(Jesper!AL$2:AL$366,ROUNDDOWN($C1901/24,0)+1,1)*INDEX($D$3:$AA$30,INDEX(Jesper!$R$2:$R$366,ROW(INDEX(Jesper!AL$2:AL$366,ROUNDDOWN($C1901/24,0)+1,1))-1)+IF('Standard Profiles'!$G$22=$B$10,7,0)+IF('Standard Profiles'!$G$22=$B$17,14,0)+IF('Standard Profiles'!$G$22=$B$24,21,0),MOD($C1901,24)+1)/SUM(INDEX($D$3:$AA$30,INDEX(Jesper!$R$2:$R$366,ROW(INDEX(Jesper!AL$2:AL$366,ROUNDDOWN($C1901/24,0)+1,1))-1)+IF('Standard Profiles'!$G$22=$B$10,7,0)+IF('Standard Profiles'!$G$22=$B$17,14,0)+IF('Standard Profiles'!$G$22=$B$24,21,0),0)),0)</f>
        <v>0</v>
      </c>
      <c r="I1901">
        <f t="shared" si="223"/>
        <v>0.43770453133175291</v>
      </c>
      <c r="J1901">
        <f t="shared" si="224"/>
        <v>1.4590151044391764</v>
      </c>
      <c r="K1901">
        <f t="shared" si="225"/>
        <v>2.1885226566587646</v>
      </c>
      <c r="L1901">
        <f t="shared" si="226"/>
        <v>10.50490875196207</v>
      </c>
      <c r="M1901">
        <f t="shared" si="227"/>
        <v>0</v>
      </c>
      <c r="N1901" s="46">
        <f t="shared" si="228"/>
        <v>45369.791666662139</v>
      </c>
    </row>
    <row r="1902" spans="2:14" x14ac:dyDescent="0.3">
      <c r="B1902">
        <f t="shared" si="222"/>
        <v>1</v>
      </c>
      <c r="C1902" s="16">
        <v>1868</v>
      </c>
      <c r="D1902" cm="1">
        <f t="array" ref="D1902">IFERROR(INDEX(Jesper!AH$2:AH$366,ROUNDDOWN($C1902/24,0)+1,1)*INDEX($D$3:$AA$30,INDEX(Jesper!$R$2:$R$366,ROW(INDEX(Jesper!AH$2:AH$366,ROUNDDOWN($C1902/24,0)+1,1))-1)+IF('Standard Profiles'!$G$18=$B$10,7,0)+IF('Standard Profiles'!$G$18=$B$17,14,0)+IF('Standard Profiles'!$G$18=$B$24,21,0),MOD($C1902,24)+1)/SUM(INDEX($D$3:$AA$30,INDEX(Jesper!$R$2:$R$366,ROW(INDEX(Jesper!AH$2:AH$366,ROUNDDOWN($C1902/24,0)+1,1))-1)+IF('Standard Profiles'!$G$18=$B$10,7,0)+IF('Standard Profiles'!$G$18=$B$17,14,0)+IF('Standard Profiles'!$G$18=$B$24,21,0),0)),0)</f>
        <v>11.97698966330667</v>
      </c>
      <c r="E1902" cm="1">
        <f t="array" ref="E1902">IFERROR(INDEX(Jesper!AI$2:AI$366,ROUNDDOWN($C1902/24,0)+1,1)*INDEX($D$3:$AA$30,INDEX(Jesper!$R$2:$R$366,ROW(INDEX(Jesper!AI$2:AI$366,ROUNDDOWN($C1902/24,0)+1,1))-1)+IF('Standard Profiles'!$G$19=$B$10,7,0)+IF('Standard Profiles'!$G$19=$B$17,14,0)+IF('Standard Profiles'!$G$19=$B$24,21,0),MOD($C1902,24)+1)/SUM(INDEX($D$3:$AA$30,INDEX(Jesper!$R$2:$R$366,ROW(INDEX(Jesper!AI$2:AI$366,ROUNDDOWN($C1902/24,0)+1,1))-1)+IF('Standard Profiles'!$G$19=$B$10,7,0)+IF('Standard Profiles'!$G$19=$B$17,14,0)+IF('Standard Profiles'!$G$19=$B$24,21,0),0)),0)</f>
        <v>0</v>
      </c>
      <c r="F1902" cm="1">
        <f t="array" ref="F1902">IFERROR(INDEX(Jesper!AJ$2:AJ$366,ROUNDDOWN($C1902/24,0)+1,1)*INDEX($D$3:$AA$30,INDEX(Jesper!$R$2:$R$366,ROW(INDEX(Jesper!AJ$2:AJ$366,ROUNDDOWN($C1902/24,0)+1,1))-1)+IF('Standard Profiles'!$G$20=$B$10,7,0)+IF('Standard Profiles'!$G$20=$B$17,14,0)+IF('Standard Profiles'!$G$20=$B$24,21,0),MOD($C1902,24)+1)/SUM(INDEX($D$3:$AA$30,INDEX(Jesper!$R$2:$R$366,ROW(INDEX(Jesper!AJ$2:AJ$366,ROUNDDOWN($C1902/24,0)+1,1))-1)+IF('Standard Profiles'!$G$20=$B$10,7,0)+IF('Standard Profiles'!$G$20=$B$17,14,0)+IF('Standard Profiles'!$G$20=$B$24,21,0),0)),0)</f>
        <v>0</v>
      </c>
      <c r="G1902" cm="1">
        <f t="array" ref="G1902">IFERROR(INDEX(Jesper!AK$2:AK$366,ROUNDDOWN($C1902/24,0)+1,1)*INDEX($D$3:$AA$30,INDEX(Jesper!$R$2:$R$366,ROW(INDEX(Jesper!AK$2:AK$366,ROUNDDOWN($C1902/24,0)+1,1))-1)+IF('Standard Profiles'!$G$21=$B$10,7,0)+IF('Standard Profiles'!$G$21=$B$17,14,0)+IF('Standard Profiles'!$G$21=$B$24,21,0),MOD($C1902,24)+1)/SUM(INDEX($D$3:$AA$30,INDEX(Jesper!$R$2:$R$366,ROW(INDEX(Jesper!AK$2:AK$366,ROUNDDOWN($C1902/24,0)+1,1))-1)+IF('Standard Profiles'!$G$21=$B$10,7,0)+IF('Standard Profiles'!$G$21=$B$17,14,0)+IF('Standard Profiles'!$G$21=$B$24,21,0),0)),0)</f>
        <v>0</v>
      </c>
      <c r="H1902" cm="1">
        <f t="array" ref="H1902">IFERROR(INDEX(Jesper!AL$2:AL$366,ROUNDDOWN($C1902/24,0)+1,1)*INDEX($D$3:$AA$30,INDEX(Jesper!$R$2:$R$366,ROW(INDEX(Jesper!AL$2:AL$366,ROUNDDOWN($C1902/24,0)+1,1))-1)+IF('Standard Profiles'!$G$22=$B$10,7,0)+IF('Standard Profiles'!$G$22=$B$17,14,0)+IF('Standard Profiles'!$G$22=$B$24,21,0),MOD($C1902,24)+1)/SUM(INDEX($D$3:$AA$30,INDEX(Jesper!$R$2:$R$366,ROW(INDEX(Jesper!AL$2:AL$366,ROUNDDOWN($C1902/24,0)+1,1))-1)+IF('Standard Profiles'!$G$22=$B$10,7,0)+IF('Standard Profiles'!$G$22=$B$17,14,0)+IF('Standard Profiles'!$G$22=$B$24,21,0),0)),0)</f>
        <v>0</v>
      </c>
      <c r="I1902">
        <f t="shared" si="223"/>
        <v>0.35930968989920009</v>
      </c>
      <c r="J1902">
        <f t="shared" si="224"/>
        <v>1.197698966330667</v>
      </c>
      <c r="K1902">
        <f t="shared" si="225"/>
        <v>1.7965484494960005</v>
      </c>
      <c r="L1902">
        <f t="shared" si="226"/>
        <v>8.6234325575808022</v>
      </c>
      <c r="M1902">
        <f t="shared" si="227"/>
        <v>0</v>
      </c>
      <c r="N1902" s="46">
        <f t="shared" si="228"/>
        <v>45369.833333328803</v>
      </c>
    </row>
    <row r="1903" spans="2:14" x14ac:dyDescent="0.3">
      <c r="B1903">
        <f t="shared" si="222"/>
        <v>1</v>
      </c>
      <c r="C1903" s="16">
        <v>1869</v>
      </c>
      <c r="D1903" cm="1">
        <f t="array" ref="D1903">IFERROR(INDEX(Jesper!AH$2:AH$366,ROUNDDOWN($C1903/24,0)+1,1)*INDEX($D$3:$AA$30,INDEX(Jesper!$R$2:$R$366,ROW(INDEX(Jesper!AH$2:AH$366,ROUNDDOWN($C1903/24,0)+1,1))-1)+IF('Standard Profiles'!$G$18=$B$10,7,0)+IF('Standard Profiles'!$G$18=$B$17,14,0)+IF('Standard Profiles'!$G$18=$B$24,21,0),MOD($C1903,24)+1)/SUM(INDEX($D$3:$AA$30,INDEX(Jesper!$R$2:$R$366,ROW(INDEX(Jesper!AH$2:AH$366,ROUNDDOWN($C1903/24,0)+1,1))-1)+IF('Standard Profiles'!$G$18=$B$10,7,0)+IF('Standard Profiles'!$G$18=$B$17,14,0)+IF('Standard Profiles'!$G$18=$B$24,21,0),0)),0)</f>
        <v>8.7105379369503062</v>
      </c>
      <c r="E1903" cm="1">
        <f t="array" ref="E1903">IFERROR(INDEX(Jesper!AI$2:AI$366,ROUNDDOWN($C1903/24,0)+1,1)*INDEX($D$3:$AA$30,INDEX(Jesper!$R$2:$R$366,ROW(INDEX(Jesper!AI$2:AI$366,ROUNDDOWN($C1903/24,0)+1,1))-1)+IF('Standard Profiles'!$G$19=$B$10,7,0)+IF('Standard Profiles'!$G$19=$B$17,14,0)+IF('Standard Profiles'!$G$19=$B$24,21,0),MOD($C1903,24)+1)/SUM(INDEX($D$3:$AA$30,INDEX(Jesper!$R$2:$R$366,ROW(INDEX(Jesper!AI$2:AI$366,ROUNDDOWN($C1903/24,0)+1,1))-1)+IF('Standard Profiles'!$G$19=$B$10,7,0)+IF('Standard Profiles'!$G$19=$B$17,14,0)+IF('Standard Profiles'!$G$19=$B$24,21,0),0)),0)</f>
        <v>0</v>
      </c>
      <c r="F1903" cm="1">
        <f t="array" ref="F1903">IFERROR(INDEX(Jesper!AJ$2:AJ$366,ROUNDDOWN($C1903/24,0)+1,1)*INDEX($D$3:$AA$30,INDEX(Jesper!$R$2:$R$366,ROW(INDEX(Jesper!AJ$2:AJ$366,ROUNDDOWN($C1903/24,0)+1,1))-1)+IF('Standard Profiles'!$G$20=$B$10,7,0)+IF('Standard Profiles'!$G$20=$B$17,14,0)+IF('Standard Profiles'!$G$20=$B$24,21,0),MOD($C1903,24)+1)/SUM(INDEX($D$3:$AA$30,INDEX(Jesper!$R$2:$R$366,ROW(INDEX(Jesper!AJ$2:AJ$366,ROUNDDOWN($C1903/24,0)+1,1))-1)+IF('Standard Profiles'!$G$20=$B$10,7,0)+IF('Standard Profiles'!$G$20=$B$17,14,0)+IF('Standard Profiles'!$G$20=$B$24,21,0),0)),0)</f>
        <v>0</v>
      </c>
      <c r="G1903" cm="1">
        <f t="array" ref="G1903">IFERROR(INDEX(Jesper!AK$2:AK$366,ROUNDDOWN($C1903/24,0)+1,1)*INDEX($D$3:$AA$30,INDEX(Jesper!$R$2:$R$366,ROW(INDEX(Jesper!AK$2:AK$366,ROUNDDOWN($C1903/24,0)+1,1))-1)+IF('Standard Profiles'!$G$21=$B$10,7,0)+IF('Standard Profiles'!$G$21=$B$17,14,0)+IF('Standard Profiles'!$G$21=$B$24,21,0),MOD($C1903,24)+1)/SUM(INDEX($D$3:$AA$30,INDEX(Jesper!$R$2:$R$366,ROW(INDEX(Jesper!AK$2:AK$366,ROUNDDOWN($C1903/24,0)+1,1))-1)+IF('Standard Profiles'!$G$21=$B$10,7,0)+IF('Standard Profiles'!$G$21=$B$17,14,0)+IF('Standard Profiles'!$G$21=$B$24,21,0),0)),0)</f>
        <v>0</v>
      </c>
      <c r="H1903" cm="1">
        <f t="array" ref="H1903">IFERROR(INDEX(Jesper!AL$2:AL$366,ROUNDDOWN($C1903/24,0)+1,1)*INDEX($D$3:$AA$30,INDEX(Jesper!$R$2:$R$366,ROW(INDEX(Jesper!AL$2:AL$366,ROUNDDOWN($C1903/24,0)+1,1))-1)+IF('Standard Profiles'!$G$22=$B$10,7,0)+IF('Standard Profiles'!$G$22=$B$17,14,0)+IF('Standard Profiles'!$G$22=$B$24,21,0),MOD($C1903,24)+1)/SUM(INDEX($D$3:$AA$30,INDEX(Jesper!$R$2:$R$366,ROW(INDEX(Jesper!AL$2:AL$366,ROUNDDOWN($C1903/24,0)+1,1))-1)+IF('Standard Profiles'!$G$22=$B$10,7,0)+IF('Standard Profiles'!$G$22=$B$17,14,0)+IF('Standard Profiles'!$G$22=$B$24,21,0),0)),0)</f>
        <v>0</v>
      </c>
      <c r="I1903">
        <f t="shared" si="223"/>
        <v>0.26131613810850918</v>
      </c>
      <c r="J1903">
        <f t="shared" si="224"/>
        <v>0.87105379369503066</v>
      </c>
      <c r="K1903">
        <f t="shared" si="225"/>
        <v>1.3065806905425459</v>
      </c>
      <c r="L1903">
        <f t="shared" si="226"/>
        <v>6.2715873146042203</v>
      </c>
      <c r="M1903">
        <f t="shared" si="227"/>
        <v>0</v>
      </c>
      <c r="N1903" s="46">
        <f t="shared" si="228"/>
        <v>45369.874999995467</v>
      </c>
    </row>
    <row r="1904" spans="2:14" x14ac:dyDescent="0.3">
      <c r="B1904">
        <f t="shared" si="222"/>
        <v>1</v>
      </c>
      <c r="C1904" s="16">
        <v>1870</v>
      </c>
      <c r="D1904" cm="1">
        <f t="array" ref="D1904">IFERROR(INDEX(Jesper!AH$2:AH$366,ROUNDDOWN($C1904/24,0)+1,1)*INDEX($D$3:$AA$30,INDEX(Jesper!$R$2:$R$366,ROW(INDEX(Jesper!AH$2:AH$366,ROUNDDOWN($C1904/24,0)+1,1))-1)+IF('Standard Profiles'!$G$18=$B$10,7,0)+IF('Standard Profiles'!$G$18=$B$17,14,0)+IF('Standard Profiles'!$G$18=$B$24,21,0),MOD($C1904,24)+1)/SUM(INDEX($D$3:$AA$30,INDEX(Jesper!$R$2:$R$366,ROW(INDEX(Jesper!AH$2:AH$366,ROUNDDOWN($C1904/24,0)+1,1))-1)+IF('Standard Profiles'!$G$18=$B$10,7,0)+IF('Standard Profiles'!$G$18=$B$17,14,0)+IF('Standard Profiles'!$G$18=$B$24,21,0),0)),0)</f>
        <v>8.2750110401027897</v>
      </c>
      <c r="E1904" cm="1">
        <f t="array" ref="E1904">IFERROR(INDEX(Jesper!AI$2:AI$366,ROUNDDOWN($C1904/24,0)+1,1)*INDEX($D$3:$AA$30,INDEX(Jesper!$R$2:$R$366,ROW(INDEX(Jesper!AI$2:AI$366,ROUNDDOWN($C1904/24,0)+1,1))-1)+IF('Standard Profiles'!$G$19=$B$10,7,0)+IF('Standard Profiles'!$G$19=$B$17,14,0)+IF('Standard Profiles'!$G$19=$B$24,21,0),MOD($C1904,24)+1)/SUM(INDEX($D$3:$AA$30,INDEX(Jesper!$R$2:$R$366,ROW(INDEX(Jesper!AI$2:AI$366,ROUNDDOWN($C1904/24,0)+1,1))-1)+IF('Standard Profiles'!$G$19=$B$10,7,0)+IF('Standard Profiles'!$G$19=$B$17,14,0)+IF('Standard Profiles'!$G$19=$B$24,21,0),0)),0)</f>
        <v>0</v>
      </c>
      <c r="F1904" cm="1">
        <f t="array" ref="F1904">IFERROR(INDEX(Jesper!AJ$2:AJ$366,ROUNDDOWN($C1904/24,0)+1,1)*INDEX($D$3:$AA$30,INDEX(Jesper!$R$2:$R$366,ROW(INDEX(Jesper!AJ$2:AJ$366,ROUNDDOWN($C1904/24,0)+1,1))-1)+IF('Standard Profiles'!$G$20=$B$10,7,0)+IF('Standard Profiles'!$G$20=$B$17,14,0)+IF('Standard Profiles'!$G$20=$B$24,21,0),MOD($C1904,24)+1)/SUM(INDEX($D$3:$AA$30,INDEX(Jesper!$R$2:$R$366,ROW(INDEX(Jesper!AJ$2:AJ$366,ROUNDDOWN($C1904/24,0)+1,1))-1)+IF('Standard Profiles'!$G$20=$B$10,7,0)+IF('Standard Profiles'!$G$20=$B$17,14,0)+IF('Standard Profiles'!$G$20=$B$24,21,0),0)),0)</f>
        <v>0</v>
      </c>
      <c r="G1904" cm="1">
        <f t="array" ref="G1904">IFERROR(INDEX(Jesper!AK$2:AK$366,ROUNDDOWN($C1904/24,0)+1,1)*INDEX($D$3:$AA$30,INDEX(Jesper!$R$2:$R$366,ROW(INDEX(Jesper!AK$2:AK$366,ROUNDDOWN($C1904/24,0)+1,1))-1)+IF('Standard Profiles'!$G$21=$B$10,7,0)+IF('Standard Profiles'!$G$21=$B$17,14,0)+IF('Standard Profiles'!$G$21=$B$24,21,0),MOD($C1904,24)+1)/SUM(INDEX($D$3:$AA$30,INDEX(Jesper!$R$2:$R$366,ROW(INDEX(Jesper!AK$2:AK$366,ROUNDDOWN($C1904/24,0)+1,1))-1)+IF('Standard Profiles'!$G$21=$B$10,7,0)+IF('Standard Profiles'!$G$21=$B$17,14,0)+IF('Standard Profiles'!$G$21=$B$24,21,0),0)),0)</f>
        <v>0</v>
      </c>
      <c r="H1904" cm="1">
        <f t="array" ref="H1904">IFERROR(INDEX(Jesper!AL$2:AL$366,ROUNDDOWN($C1904/24,0)+1,1)*INDEX($D$3:$AA$30,INDEX(Jesper!$R$2:$R$366,ROW(INDEX(Jesper!AL$2:AL$366,ROUNDDOWN($C1904/24,0)+1,1))-1)+IF('Standard Profiles'!$G$22=$B$10,7,0)+IF('Standard Profiles'!$G$22=$B$17,14,0)+IF('Standard Profiles'!$G$22=$B$24,21,0),MOD($C1904,24)+1)/SUM(INDEX($D$3:$AA$30,INDEX(Jesper!$R$2:$R$366,ROW(INDEX(Jesper!AL$2:AL$366,ROUNDDOWN($C1904/24,0)+1,1))-1)+IF('Standard Profiles'!$G$22=$B$10,7,0)+IF('Standard Profiles'!$G$22=$B$17,14,0)+IF('Standard Profiles'!$G$22=$B$24,21,0),0)),0)</f>
        <v>0</v>
      </c>
      <c r="I1904">
        <f t="shared" si="223"/>
        <v>0.24825033120308368</v>
      </c>
      <c r="J1904">
        <f t="shared" si="224"/>
        <v>0.82750110401027899</v>
      </c>
      <c r="K1904">
        <f t="shared" si="225"/>
        <v>1.2412516560154183</v>
      </c>
      <c r="L1904">
        <f t="shared" si="226"/>
        <v>5.9580079488740081</v>
      </c>
      <c r="M1904">
        <f t="shared" si="227"/>
        <v>0</v>
      </c>
      <c r="N1904" s="46">
        <f t="shared" si="228"/>
        <v>45369.916666662131</v>
      </c>
    </row>
    <row r="1905" spans="2:14" x14ac:dyDescent="0.3">
      <c r="B1905">
        <f t="shared" si="222"/>
        <v>1</v>
      </c>
      <c r="C1905" s="16">
        <v>1871</v>
      </c>
      <c r="D1905" cm="1">
        <f t="array" ref="D1905">IFERROR(INDEX(Jesper!AH$2:AH$366,ROUNDDOWN($C1905/24,0)+1,1)*INDEX($D$3:$AA$30,INDEX(Jesper!$R$2:$R$366,ROW(INDEX(Jesper!AH$2:AH$366,ROUNDDOWN($C1905/24,0)+1,1))-1)+IF('Standard Profiles'!$G$18=$B$10,7,0)+IF('Standard Profiles'!$G$18=$B$17,14,0)+IF('Standard Profiles'!$G$18=$B$24,21,0),MOD($C1905,24)+1)/SUM(INDEX($D$3:$AA$30,INDEX(Jesper!$R$2:$R$366,ROW(INDEX(Jesper!AH$2:AH$366,ROUNDDOWN($C1905/24,0)+1,1))-1)+IF('Standard Profiles'!$G$18=$B$10,7,0)+IF('Standard Profiles'!$G$18=$B$17,14,0)+IF('Standard Profiles'!$G$18=$B$24,21,0),0)),0)</f>
        <v>8.2750110401027897</v>
      </c>
      <c r="E1905" cm="1">
        <f t="array" ref="E1905">IFERROR(INDEX(Jesper!AI$2:AI$366,ROUNDDOWN($C1905/24,0)+1,1)*INDEX($D$3:$AA$30,INDEX(Jesper!$R$2:$R$366,ROW(INDEX(Jesper!AI$2:AI$366,ROUNDDOWN($C1905/24,0)+1,1))-1)+IF('Standard Profiles'!$G$19=$B$10,7,0)+IF('Standard Profiles'!$G$19=$B$17,14,0)+IF('Standard Profiles'!$G$19=$B$24,21,0),MOD($C1905,24)+1)/SUM(INDEX($D$3:$AA$30,INDEX(Jesper!$R$2:$R$366,ROW(INDEX(Jesper!AI$2:AI$366,ROUNDDOWN($C1905/24,0)+1,1))-1)+IF('Standard Profiles'!$G$19=$B$10,7,0)+IF('Standard Profiles'!$G$19=$B$17,14,0)+IF('Standard Profiles'!$G$19=$B$24,21,0),0)),0)</f>
        <v>0</v>
      </c>
      <c r="F1905" cm="1">
        <f t="array" ref="F1905">IFERROR(INDEX(Jesper!AJ$2:AJ$366,ROUNDDOWN($C1905/24,0)+1,1)*INDEX($D$3:$AA$30,INDEX(Jesper!$R$2:$R$366,ROW(INDEX(Jesper!AJ$2:AJ$366,ROUNDDOWN($C1905/24,0)+1,1))-1)+IF('Standard Profiles'!$G$20=$B$10,7,0)+IF('Standard Profiles'!$G$20=$B$17,14,0)+IF('Standard Profiles'!$G$20=$B$24,21,0),MOD($C1905,24)+1)/SUM(INDEX($D$3:$AA$30,INDEX(Jesper!$R$2:$R$366,ROW(INDEX(Jesper!AJ$2:AJ$366,ROUNDDOWN($C1905/24,0)+1,1))-1)+IF('Standard Profiles'!$G$20=$B$10,7,0)+IF('Standard Profiles'!$G$20=$B$17,14,0)+IF('Standard Profiles'!$G$20=$B$24,21,0),0)),0)</f>
        <v>0</v>
      </c>
      <c r="G1905" cm="1">
        <f t="array" ref="G1905">IFERROR(INDEX(Jesper!AK$2:AK$366,ROUNDDOWN($C1905/24,0)+1,1)*INDEX($D$3:$AA$30,INDEX(Jesper!$R$2:$R$366,ROW(INDEX(Jesper!AK$2:AK$366,ROUNDDOWN($C1905/24,0)+1,1))-1)+IF('Standard Profiles'!$G$21=$B$10,7,0)+IF('Standard Profiles'!$G$21=$B$17,14,0)+IF('Standard Profiles'!$G$21=$B$24,21,0),MOD($C1905,24)+1)/SUM(INDEX($D$3:$AA$30,INDEX(Jesper!$R$2:$R$366,ROW(INDEX(Jesper!AK$2:AK$366,ROUNDDOWN($C1905/24,0)+1,1))-1)+IF('Standard Profiles'!$G$21=$B$10,7,0)+IF('Standard Profiles'!$G$21=$B$17,14,0)+IF('Standard Profiles'!$G$21=$B$24,21,0),0)),0)</f>
        <v>0</v>
      </c>
      <c r="H1905" cm="1">
        <f t="array" ref="H1905">IFERROR(INDEX(Jesper!AL$2:AL$366,ROUNDDOWN($C1905/24,0)+1,1)*INDEX($D$3:$AA$30,INDEX(Jesper!$R$2:$R$366,ROW(INDEX(Jesper!AL$2:AL$366,ROUNDDOWN($C1905/24,0)+1,1))-1)+IF('Standard Profiles'!$G$22=$B$10,7,0)+IF('Standard Profiles'!$G$22=$B$17,14,0)+IF('Standard Profiles'!$G$22=$B$24,21,0),MOD($C1905,24)+1)/SUM(INDEX($D$3:$AA$30,INDEX(Jesper!$R$2:$R$366,ROW(INDEX(Jesper!AL$2:AL$366,ROUNDDOWN($C1905/24,0)+1,1))-1)+IF('Standard Profiles'!$G$22=$B$10,7,0)+IF('Standard Profiles'!$G$22=$B$17,14,0)+IF('Standard Profiles'!$G$22=$B$24,21,0),0)),0)</f>
        <v>0</v>
      </c>
      <c r="I1905">
        <f t="shared" si="223"/>
        <v>0.24825033120308368</v>
      </c>
      <c r="J1905">
        <f t="shared" si="224"/>
        <v>0.82750110401027899</v>
      </c>
      <c r="K1905">
        <f t="shared" si="225"/>
        <v>1.2412516560154183</v>
      </c>
      <c r="L1905">
        <f t="shared" si="226"/>
        <v>5.9580079488740081</v>
      </c>
      <c r="M1905">
        <f t="shared" si="227"/>
        <v>0</v>
      </c>
      <c r="N1905" s="46">
        <f t="shared" si="228"/>
        <v>45369.958333328796</v>
      </c>
    </row>
    <row r="1906" spans="2:14" x14ac:dyDescent="0.3">
      <c r="B1906">
        <f t="shared" si="222"/>
        <v>2</v>
      </c>
      <c r="C1906" s="16">
        <v>1872</v>
      </c>
      <c r="D1906" cm="1">
        <f t="array" ref="D1906">IFERROR(INDEX(Jesper!AH$2:AH$366,ROUNDDOWN($C1906/24,0)+1,1)*INDEX($D$3:$AA$30,INDEX(Jesper!$R$2:$R$366,ROW(INDEX(Jesper!AH$2:AH$366,ROUNDDOWN($C1906/24,0)+1,1))-1)+IF('Standard Profiles'!$G$18=$B$10,7,0)+IF('Standard Profiles'!$G$18=$B$17,14,0)+IF('Standard Profiles'!$G$18=$B$24,21,0),MOD($C1906,24)+1)/SUM(INDEX($D$3:$AA$30,INDEX(Jesper!$R$2:$R$366,ROW(INDEX(Jesper!AH$2:AH$366,ROUNDDOWN($C1906/24,0)+1,1))-1)+IF('Standard Profiles'!$G$18=$B$10,7,0)+IF('Standard Profiles'!$G$18=$B$17,14,0)+IF('Standard Profiles'!$G$18=$B$24,21,0),0)),0)</f>
        <v>7.5478915477070974</v>
      </c>
      <c r="E1906" cm="1">
        <f t="array" ref="E1906">IFERROR(INDEX(Jesper!AI$2:AI$366,ROUNDDOWN($C1906/24,0)+1,1)*INDEX($D$3:$AA$30,INDEX(Jesper!$R$2:$R$366,ROW(INDEX(Jesper!AI$2:AI$366,ROUNDDOWN($C1906/24,0)+1,1))-1)+IF('Standard Profiles'!$G$19=$B$10,7,0)+IF('Standard Profiles'!$G$19=$B$17,14,0)+IF('Standard Profiles'!$G$19=$B$24,21,0),MOD($C1906,24)+1)/SUM(INDEX($D$3:$AA$30,INDEX(Jesper!$R$2:$R$366,ROW(INDEX(Jesper!AI$2:AI$366,ROUNDDOWN($C1906/24,0)+1,1))-1)+IF('Standard Profiles'!$G$19=$B$10,7,0)+IF('Standard Profiles'!$G$19=$B$17,14,0)+IF('Standard Profiles'!$G$19=$B$24,21,0),0)),0)</f>
        <v>0</v>
      </c>
      <c r="F1906" cm="1">
        <f t="array" ref="F1906">IFERROR(INDEX(Jesper!AJ$2:AJ$366,ROUNDDOWN($C1906/24,0)+1,1)*INDEX($D$3:$AA$30,INDEX(Jesper!$R$2:$R$366,ROW(INDEX(Jesper!AJ$2:AJ$366,ROUNDDOWN($C1906/24,0)+1,1))-1)+IF('Standard Profiles'!$G$20=$B$10,7,0)+IF('Standard Profiles'!$G$20=$B$17,14,0)+IF('Standard Profiles'!$G$20=$B$24,21,0),MOD($C1906,24)+1)/SUM(INDEX($D$3:$AA$30,INDEX(Jesper!$R$2:$R$366,ROW(INDEX(Jesper!AJ$2:AJ$366,ROUNDDOWN($C1906/24,0)+1,1))-1)+IF('Standard Profiles'!$G$20=$B$10,7,0)+IF('Standard Profiles'!$G$20=$B$17,14,0)+IF('Standard Profiles'!$G$20=$B$24,21,0),0)),0)</f>
        <v>0</v>
      </c>
      <c r="G1906" cm="1">
        <f t="array" ref="G1906">IFERROR(INDEX(Jesper!AK$2:AK$366,ROUNDDOWN($C1906/24,0)+1,1)*INDEX($D$3:$AA$30,INDEX(Jesper!$R$2:$R$366,ROW(INDEX(Jesper!AK$2:AK$366,ROUNDDOWN($C1906/24,0)+1,1))-1)+IF('Standard Profiles'!$G$21=$B$10,7,0)+IF('Standard Profiles'!$G$21=$B$17,14,0)+IF('Standard Profiles'!$G$21=$B$24,21,0),MOD($C1906,24)+1)/SUM(INDEX($D$3:$AA$30,INDEX(Jesper!$R$2:$R$366,ROW(INDEX(Jesper!AK$2:AK$366,ROUNDDOWN($C1906/24,0)+1,1))-1)+IF('Standard Profiles'!$G$21=$B$10,7,0)+IF('Standard Profiles'!$G$21=$B$17,14,0)+IF('Standard Profiles'!$G$21=$B$24,21,0),0)),0)</f>
        <v>0</v>
      </c>
      <c r="H1906" cm="1">
        <f t="array" ref="H1906">IFERROR(INDEX(Jesper!AL$2:AL$366,ROUNDDOWN($C1906/24,0)+1,1)*INDEX($D$3:$AA$30,INDEX(Jesper!$R$2:$R$366,ROW(INDEX(Jesper!AL$2:AL$366,ROUNDDOWN($C1906/24,0)+1,1))-1)+IF('Standard Profiles'!$G$22=$B$10,7,0)+IF('Standard Profiles'!$G$22=$B$17,14,0)+IF('Standard Profiles'!$G$22=$B$24,21,0),MOD($C1906,24)+1)/SUM(INDEX($D$3:$AA$30,INDEX(Jesper!$R$2:$R$366,ROW(INDEX(Jesper!AL$2:AL$366,ROUNDDOWN($C1906/24,0)+1,1))-1)+IF('Standard Profiles'!$G$22=$B$10,7,0)+IF('Standard Profiles'!$G$22=$B$17,14,0)+IF('Standard Profiles'!$G$22=$B$24,21,0),0)),0)</f>
        <v>0</v>
      </c>
      <c r="I1906">
        <f t="shared" si="223"/>
        <v>0.22643674643121292</v>
      </c>
      <c r="J1906">
        <f t="shared" si="224"/>
        <v>0.75478915477070974</v>
      </c>
      <c r="K1906">
        <f t="shared" si="225"/>
        <v>1.1321837321560646</v>
      </c>
      <c r="L1906">
        <f t="shared" si="226"/>
        <v>5.4344819143491101</v>
      </c>
      <c r="M1906">
        <f t="shared" si="227"/>
        <v>0</v>
      </c>
      <c r="N1906" s="46">
        <f t="shared" si="228"/>
        <v>45369.99999999546</v>
      </c>
    </row>
    <row r="1907" spans="2:14" x14ac:dyDescent="0.3">
      <c r="B1907">
        <f t="shared" si="222"/>
        <v>2</v>
      </c>
      <c r="C1907" s="16">
        <v>1873</v>
      </c>
      <c r="D1907" cm="1">
        <f t="array" ref="D1907">IFERROR(INDEX(Jesper!AH$2:AH$366,ROUNDDOWN($C1907/24,0)+1,1)*INDEX($D$3:$AA$30,INDEX(Jesper!$R$2:$R$366,ROW(INDEX(Jesper!AH$2:AH$366,ROUNDDOWN($C1907/24,0)+1,1))-1)+IF('Standard Profiles'!$G$18=$B$10,7,0)+IF('Standard Profiles'!$G$18=$B$17,14,0)+IF('Standard Profiles'!$G$18=$B$24,21,0),MOD($C1907,24)+1)/SUM(INDEX($D$3:$AA$30,INDEX(Jesper!$R$2:$R$366,ROW(INDEX(Jesper!AH$2:AH$366,ROUNDDOWN($C1907/24,0)+1,1))-1)+IF('Standard Profiles'!$G$18=$B$10,7,0)+IF('Standard Profiles'!$G$18=$B$17,14,0)+IF('Standard Profiles'!$G$18=$B$24,21,0),0)),0)</f>
        <v>7.5478915477070974</v>
      </c>
      <c r="E1907" cm="1">
        <f t="array" ref="E1907">IFERROR(INDEX(Jesper!AI$2:AI$366,ROUNDDOWN($C1907/24,0)+1,1)*INDEX($D$3:$AA$30,INDEX(Jesper!$R$2:$R$366,ROW(INDEX(Jesper!AI$2:AI$366,ROUNDDOWN($C1907/24,0)+1,1))-1)+IF('Standard Profiles'!$G$19=$B$10,7,0)+IF('Standard Profiles'!$G$19=$B$17,14,0)+IF('Standard Profiles'!$G$19=$B$24,21,0),MOD($C1907,24)+1)/SUM(INDEX($D$3:$AA$30,INDEX(Jesper!$R$2:$R$366,ROW(INDEX(Jesper!AI$2:AI$366,ROUNDDOWN($C1907/24,0)+1,1))-1)+IF('Standard Profiles'!$G$19=$B$10,7,0)+IF('Standard Profiles'!$G$19=$B$17,14,0)+IF('Standard Profiles'!$G$19=$B$24,21,0),0)),0)</f>
        <v>0</v>
      </c>
      <c r="F1907" cm="1">
        <f t="array" ref="F1907">IFERROR(INDEX(Jesper!AJ$2:AJ$366,ROUNDDOWN($C1907/24,0)+1,1)*INDEX($D$3:$AA$30,INDEX(Jesper!$R$2:$R$366,ROW(INDEX(Jesper!AJ$2:AJ$366,ROUNDDOWN($C1907/24,0)+1,1))-1)+IF('Standard Profiles'!$G$20=$B$10,7,0)+IF('Standard Profiles'!$G$20=$B$17,14,0)+IF('Standard Profiles'!$G$20=$B$24,21,0),MOD($C1907,24)+1)/SUM(INDEX($D$3:$AA$30,INDEX(Jesper!$R$2:$R$366,ROW(INDEX(Jesper!AJ$2:AJ$366,ROUNDDOWN($C1907/24,0)+1,1))-1)+IF('Standard Profiles'!$G$20=$B$10,7,0)+IF('Standard Profiles'!$G$20=$B$17,14,0)+IF('Standard Profiles'!$G$20=$B$24,21,0),0)),0)</f>
        <v>0</v>
      </c>
      <c r="G1907" cm="1">
        <f t="array" ref="G1907">IFERROR(INDEX(Jesper!AK$2:AK$366,ROUNDDOWN($C1907/24,0)+1,1)*INDEX($D$3:$AA$30,INDEX(Jesper!$R$2:$R$366,ROW(INDEX(Jesper!AK$2:AK$366,ROUNDDOWN($C1907/24,0)+1,1))-1)+IF('Standard Profiles'!$G$21=$B$10,7,0)+IF('Standard Profiles'!$G$21=$B$17,14,0)+IF('Standard Profiles'!$G$21=$B$24,21,0),MOD($C1907,24)+1)/SUM(INDEX($D$3:$AA$30,INDEX(Jesper!$R$2:$R$366,ROW(INDEX(Jesper!AK$2:AK$366,ROUNDDOWN($C1907/24,0)+1,1))-1)+IF('Standard Profiles'!$G$21=$B$10,7,0)+IF('Standard Profiles'!$G$21=$B$17,14,0)+IF('Standard Profiles'!$G$21=$B$24,21,0),0)),0)</f>
        <v>0</v>
      </c>
      <c r="H1907" cm="1">
        <f t="array" ref="H1907">IFERROR(INDEX(Jesper!AL$2:AL$366,ROUNDDOWN($C1907/24,0)+1,1)*INDEX($D$3:$AA$30,INDEX(Jesper!$R$2:$R$366,ROW(INDEX(Jesper!AL$2:AL$366,ROUNDDOWN($C1907/24,0)+1,1))-1)+IF('Standard Profiles'!$G$22=$B$10,7,0)+IF('Standard Profiles'!$G$22=$B$17,14,0)+IF('Standard Profiles'!$G$22=$B$24,21,0),MOD($C1907,24)+1)/SUM(INDEX($D$3:$AA$30,INDEX(Jesper!$R$2:$R$366,ROW(INDEX(Jesper!AL$2:AL$366,ROUNDDOWN($C1907/24,0)+1,1))-1)+IF('Standard Profiles'!$G$22=$B$10,7,0)+IF('Standard Profiles'!$G$22=$B$17,14,0)+IF('Standard Profiles'!$G$22=$B$24,21,0),0)),0)</f>
        <v>0</v>
      </c>
      <c r="I1907">
        <f t="shared" si="223"/>
        <v>0.22643674643121292</v>
      </c>
      <c r="J1907">
        <f t="shared" si="224"/>
        <v>0.75478915477070974</v>
      </c>
      <c r="K1907">
        <f t="shared" si="225"/>
        <v>1.1321837321560646</v>
      </c>
      <c r="L1907">
        <f t="shared" si="226"/>
        <v>5.4344819143491101</v>
      </c>
      <c r="M1907">
        <f t="shared" si="227"/>
        <v>0</v>
      </c>
      <c r="N1907" s="46">
        <f t="shared" si="228"/>
        <v>45370.041666662124</v>
      </c>
    </row>
    <row r="1908" spans="2:14" x14ac:dyDescent="0.3">
      <c r="B1908">
        <f t="shared" si="222"/>
        <v>2</v>
      </c>
      <c r="C1908" s="16">
        <v>1874</v>
      </c>
      <c r="D1908" cm="1">
        <f t="array" ref="D1908">IFERROR(INDEX(Jesper!AH$2:AH$366,ROUNDDOWN($C1908/24,0)+1,1)*INDEX($D$3:$AA$30,INDEX(Jesper!$R$2:$R$366,ROW(INDEX(Jesper!AH$2:AH$366,ROUNDDOWN($C1908/24,0)+1,1))-1)+IF('Standard Profiles'!$G$18=$B$10,7,0)+IF('Standard Profiles'!$G$18=$B$17,14,0)+IF('Standard Profiles'!$G$18=$B$24,21,0),MOD($C1908,24)+1)/SUM(INDEX($D$3:$AA$30,INDEX(Jesper!$R$2:$R$366,ROW(INDEX(Jesper!AH$2:AH$366,ROUNDDOWN($C1908/24,0)+1,1))-1)+IF('Standard Profiles'!$G$18=$B$10,7,0)+IF('Standard Profiles'!$G$18=$B$17,14,0)+IF('Standard Profiles'!$G$18=$B$24,21,0),0)),0)</f>
        <v>7.5478915477070974</v>
      </c>
      <c r="E1908" cm="1">
        <f t="array" ref="E1908">IFERROR(INDEX(Jesper!AI$2:AI$366,ROUNDDOWN($C1908/24,0)+1,1)*INDEX($D$3:$AA$30,INDEX(Jesper!$R$2:$R$366,ROW(INDEX(Jesper!AI$2:AI$366,ROUNDDOWN($C1908/24,0)+1,1))-1)+IF('Standard Profiles'!$G$19=$B$10,7,0)+IF('Standard Profiles'!$G$19=$B$17,14,0)+IF('Standard Profiles'!$G$19=$B$24,21,0),MOD($C1908,24)+1)/SUM(INDEX($D$3:$AA$30,INDEX(Jesper!$R$2:$R$366,ROW(INDEX(Jesper!AI$2:AI$366,ROUNDDOWN($C1908/24,0)+1,1))-1)+IF('Standard Profiles'!$G$19=$B$10,7,0)+IF('Standard Profiles'!$G$19=$B$17,14,0)+IF('Standard Profiles'!$G$19=$B$24,21,0),0)),0)</f>
        <v>0</v>
      </c>
      <c r="F1908" cm="1">
        <f t="array" ref="F1908">IFERROR(INDEX(Jesper!AJ$2:AJ$366,ROUNDDOWN($C1908/24,0)+1,1)*INDEX($D$3:$AA$30,INDEX(Jesper!$R$2:$R$366,ROW(INDEX(Jesper!AJ$2:AJ$366,ROUNDDOWN($C1908/24,0)+1,1))-1)+IF('Standard Profiles'!$G$20=$B$10,7,0)+IF('Standard Profiles'!$G$20=$B$17,14,0)+IF('Standard Profiles'!$G$20=$B$24,21,0),MOD($C1908,24)+1)/SUM(INDEX($D$3:$AA$30,INDEX(Jesper!$R$2:$R$366,ROW(INDEX(Jesper!AJ$2:AJ$366,ROUNDDOWN($C1908/24,0)+1,1))-1)+IF('Standard Profiles'!$G$20=$B$10,7,0)+IF('Standard Profiles'!$G$20=$B$17,14,0)+IF('Standard Profiles'!$G$20=$B$24,21,0),0)),0)</f>
        <v>0</v>
      </c>
      <c r="G1908" cm="1">
        <f t="array" ref="G1908">IFERROR(INDEX(Jesper!AK$2:AK$366,ROUNDDOWN($C1908/24,0)+1,1)*INDEX($D$3:$AA$30,INDEX(Jesper!$R$2:$R$366,ROW(INDEX(Jesper!AK$2:AK$366,ROUNDDOWN($C1908/24,0)+1,1))-1)+IF('Standard Profiles'!$G$21=$B$10,7,0)+IF('Standard Profiles'!$G$21=$B$17,14,0)+IF('Standard Profiles'!$G$21=$B$24,21,0),MOD($C1908,24)+1)/SUM(INDEX($D$3:$AA$30,INDEX(Jesper!$R$2:$R$366,ROW(INDEX(Jesper!AK$2:AK$366,ROUNDDOWN($C1908/24,0)+1,1))-1)+IF('Standard Profiles'!$G$21=$B$10,7,0)+IF('Standard Profiles'!$G$21=$B$17,14,0)+IF('Standard Profiles'!$G$21=$B$24,21,0),0)),0)</f>
        <v>0</v>
      </c>
      <c r="H1908" cm="1">
        <f t="array" ref="H1908">IFERROR(INDEX(Jesper!AL$2:AL$366,ROUNDDOWN($C1908/24,0)+1,1)*INDEX($D$3:$AA$30,INDEX(Jesper!$R$2:$R$366,ROW(INDEX(Jesper!AL$2:AL$366,ROUNDDOWN($C1908/24,0)+1,1))-1)+IF('Standard Profiles'!$G$22=$B$10,7,0)+IF('Standard Profiles'!$G$22=$B$17,14,0)+IF('Standard Profiles'!$G$22=$B$24,21,0),MOD($C1908,24)+1)/SUM(INDEX($D$3:$AA$30,INDEX(Jesper!$R$2:$R$366,ROW(INDEX(Jesper!AL$2:AL$366,ROUNDDOWN($C1908/24,0)+1,1))-1)+IF('Standard Profiles'!$G$22=$B$10,7,0)+IF('Standard Profiles'!$G$22=$B$17,14,0)+IF('Standard Profiles'!$G$22=$B$24,21,0),0)),0)</f>
        <v>0</v>
      </c>
      <c r="I1908">
        <f t="shared" si="223"/>
        <v>0.22643674643121292</v>
      </c>
      <c r="J1908">
        <f t="shared" si="224"/>
        <v>0.75478915477070974</v>
      </c>
      <c r="K1908">
        <f t="shared" si="225"/>
        <v>1.1321837321560646</v>
      </c>
      <c r="L1908">
        <f t="shared" si="226"/>
        <v>5.4344819143491101</v>
      </c>
      <c r="M1908">
        <f t="shared" si="227"/>
        <v>0</v>
      </c>
      <c r="N1908" s="46">
        <f t="shared" si="228"/>
        <v>45370.083333328788</v>
      </c>
    </row>
    <row r="1909" spans="2:14" x14ac:dyDescent="0.3">
      <c r="B1909">
        <f t="shared" si="222"/>
        <v>2</v>
      </c>
      <c r="C1909" s="16">
        <v>1875</v>
      </c>
      <c r="D1909" cm="1">
        <f t="array" ref="D1909">IFERROR(INDEX(Jesper!AH$2:AH$366,ROUNDDOWN($C1909/24,0)+1,1)*INDEX($D$3:$AA$30,INDEX(Jesper!$R$2:$R$366,ROW(INDEX(Jesper!AH$2:AH$366,ROUNDDOWN($C1909/24,0)+1,1))-1)+IF('Standard Profiles'!$G$18=$B$10,7,0)+IF('Standard Profiles'!$G$18=$B$17,14,0)+IF('Standard Profiles'!$G$18=$B$24,21,0),MOD($C1909,24)+1)/SUM(INDEX($D$3:$AA$30,INDEX(Jesper!$R$2:$R$366,ROW(INDEX(Jesper!AH$2:AH$366,ROUNDDOWN($C1909/24,0)+1,1))-1)+IF('Standard Profiles'!$G$18=$B$10,7,0)+IF('Standard Profiles'!$G$18=$B$17,14,0)+IF('Standard Profiles'!$G$18=$B$24,21,0),0)),0)</f>
        <v>7.5478915477070974</v>
      </c>
      <c r="E1909" cm="1">
        <f t="array" ref="E1909">IFERROR(INDEX(Jesper!AI$2:AI$366,ROUNDDOWN($C1909/24,0)+1,1)*INDEX($D$3:$AA$30,INDEX(Jesper!$R$2:$R$366,ROW(INDEX(Jesper!AI$2:AI$366,ROUNDDOWN($C1909/24,0)+1,1))-1)+IF('Standard Profiles'!$G$19=$B$10,7,0)+IF('Standard Profiles'!$G$19=$B$17,14,0)+IF('Standard Profiles'!$G$19=$B$24,21,0),MOD($C1909,24)+1)/SUM(INDEX($D$3:$AA$30,INDEX(Jesper!$R$2:$R$366,ROW(INDEX(Jesper!AI$2:AI$366,ROUNDDOWN($C1909/24,0)+1,1))-1)+IF('Standard Profiles'!$G$19=$B$10,7,0)+IF('Standard Profiles'!$G$19=$B$17,14,0)+IF('Standard Profiles'!$G$19=$B$24,21,0),0)),0)</f>
        <v>0</v>
      </c>
      <c r="F1909" cm="1">
        <f t="array" ref="F1909">IFERROR(INDEX(Jesper!AJ$2:AJ$366,ROUNDDOWN($C1909/24,0)+1,1)*INDEX($D$3:$AA$30,INDEX(Jesper!$R$2:$R$366,ROW(INDEX(Jesper!AJ$2:AJ$366,ROUNDDOWN($C1909/24,0)+1,1))-1)+IF('Standard Profiles'!$G$20=$B$10,7,0)+IF('Standard Profiles'!$G$20=$B$17,14,0)+IF('Standard Profiles'!$G$20=$B$24,21,0),MOD($C1909,24)+1)/SUM(INDEX($D$3:$AA$30,INDEX(Jesper!$R$2:$R$366,ROW(INDEX(Jesper!AJ$2:AJ$366,ROUNDDOWN($C1909/24,0)+1,1))-1)+IF('Standard Profiles'!$G$20=$B$10,7,0)+IF('Standard Profiles'!$G$20=$B$17,14,0)+IF('Standard Profiles'!$G$20=$B$24,21,0),0)),0)</f>
        <v>0</v>
      </c>
      <c r="G1909" cm="1">
        <f t="array" ref="G1909">IFERROR(INDEX(Jesper!AK$2:AK$366,ROUNDDOWN($C1909/24,0)+1,1)*INDEX($D$3:$AA$30,INDEX(Jesper!$R$2:$R$366,ROW(INDEX(Jesper!AK$2:AK$366,ROUNDDOWN($C1909/24,0)+1,1))-1)+IF('Standard Profiles'!$G$21=$B$10,7,0)+IF('Standard Profiles'!$G$21=$B$17,14,0)+IF('Standard Profiles'!$G$21=$B$24,21,0),MOD($C1909,24)+1)/SUM(INDEX($D$3:$AA$30,INDEX(Jesper!$R$2:$R$366,ROW(INDEX(Jesper!AK$2:AK$366,ROUNDDOWN($C1909/24,0)+1,1))-1)+IF('Standard Profiles'!$G$21=$B$10,7,0)+IF('Standard Profiles'!$G$21=$B$17,14,0)+IF('Standard Profiles'!$G$21=$B$24,21,0),0)),0)</f>
        <v>0</v>
      </c>
      <c r="H1909" cm="1">
        <f t="array" ref="H1909">IFERROR(INDEX(Jesper!AL$2:AL$366,ROUNDDOWN($C1909/24,0)+1,1)*INDEX($D$3:$AA$30,INDEX(Jesper!$R$2:$R$366,ROW(INDEX(Jesper!AL$2:AL$366,ROUNDDOWN($C1909/24,0)+1,1))-1)+IF('Standard Profiles'!$G$22=$B$10,7,0)+IF('Standard Profiles'!$G$22=$B$17,14,0)+IF('Standard Profiles'!$G$22=$B$24,21,0),MOD($C1909,24)+1)/SUM(INDEX($D$3:$AA$30,INDEX(Jesper!$R$2:$R$366,ROW(INDEX(Jesper!AL$2:AL$366,ROUNDDOWN($C1909/24,0)+1,1))-1)+IF('Standard Profiles'!$G$22=$B$10,7,0)+IF('Standard Profiles'!$G$22=$B$17,14,0)+IF('Standard Profiles'!$G$22=$B$24,21,0),0)),0)</f>
        <v>0</v>
      </c>
      <c r="I1909">
        <f t="shared" si="223"/>
        <v>0.22643674643121292</v>
      </c>
      <c r="J1909">
        <f t="shared" si="224"/>
        <v>0.75478915477070974</v>
      </c>
      <c r="K1909">
        <f t="shared" si="225"/>
        <v>1.1321837321560646</v>
      </c>
      <c r="L1909">
        <f t="shared" si="226"/>
        <v>5.4344819143491101</v>
      </c>
      <c r="M1909">
        <f t="shared" si="227"/>
        <v>0</v>
      </c>
      <c r="N1909" s="46">
        <f t="shared" si="228"/>
        <v>45370.124999995453</v>
      </c>
    </row>
    <row r="1910" spans="2:14" x14ac:dyDescent="0.3">
      <c r="B1910">
        <f t="shared" si="222"/>
        <v>2</v>
      </c>
      <c r="C1910" s="16">
        <v>1876</v>
      </c>
      <c r="D1910" cm="1">
        <f t="array" ref="D1910">IFERROR(INDEX(Jesper!AH$2:AH$366,ROUNDDOWN($C1910/24,0)+1,1)*INDEX($D$3:$AA$30,INDEX(Jesper!$R$2:$R$366,ROW(INDEX(Jesper!AH$2:AH$366,ROUNDDOWN($C1910/24,0)+1,1))-1)+IF('Standard Profiles'!$G$18=$B$10,7,0)+IF('Standard Profiles'!$G$18=$B$17,14,0)+IF('Standard Profiles'!$G$18=$B$24,21,0),MOD($C1910,24)+1)/SUM(INDEX($D$3:$AA$30,INDEX(Jesper!$R$2:$R$366,ROW(INDEX(Jesper!AH$2:AH$366,ROUNDDOWN($C1910/24,0)+1,1))-1)+IF('Standard Profiles'!$G$18=$B$10,7,0)+IF('Standard Profiles'!$G$18=$B$17,14,0)+IF('Standard Profiles'!$G$18=$B$24,21,0),0)),0)</f>
        <v>7.5478915477070974</v>
      </c>
      <c r="E1910" cm="1">
        <f t="array" ref="E1910">IFERROR(INDEX(Jesper!AI$2:AI$366,ROUNDDOWN($C1910/24,0)+1,1)*INDEX($D$3:$AA$30,INDEX(Jesper!$R$2:$R$366,ROW(INDEX(Jesper!AI$2:AI$366,ROUNDDOWN($C1910/24,0)+1,1))-1)+IF('Standard Profiles'!$G$19=$B$10,7,0)+IF('Standard Profiles'!$G$19=$B$17,14,0)+IF('Standard Profiles'!$G$19=$B$24,21,0),MOD($C1910,24)+1)/SUM(INDEX($D$3:$AA$30,INDEX(Jesper!$R$2:$R$366,ROW(INDEX(Jesper!AI$2:AI$366,ROUNDDOWN($C1910/24,0)+1,1))-1)+IF('Standard Profiles'!$G$19=$B$10,7,0)+IF('Standard Profiles'!$G$19=$B$17,14,0)+IF('Standard Profiles'!$G$19=$B$24,21,0),0)),0)</f>
        <v>0</v>
      </c>
      <c r="F1910" cm="1">
        <f t="array" ref="F1910">IFERROR(INDEX(Jesper!AJ$2:AJ$366,ROUNDDOWN($C1910/24,0)+1,1)*INDEX($D$3:$AA$30,INDEX(Jesper!$R$2:$R$366,ROW(INDEX(Jesper!AJ$2:AJ$366,ROUNDDOWN($C1910/24,0)+1,1))-1)+IF('Standard Profiles'!$G$20=$B$10,7,0)+IF('Standard Profiles'!$G$20=$B$17,14,0)+IF('Standard Profiles'!$G$20=$B$24,21,0),MOD($C1910,24)+1)/SUM(INDEX($D$3:$AA$30,INDEX(Jesper!$R$2:$R$366,ROW(INDEX(Jesper!AJ$2:AJ$366,ROUNDDOWN($C1910/24,0)+1,1))-1)+IF('Standard Profiles'!$G$20=$B$10,7,0)+IF('Standard Profiles'!$G$20=$B$17,14,0)+IF('Standard Profiles'!$G$20=$B$24,21,0),0)),0)</f>
        <v>0</v>
      </c>
      <c r="G1910" cm="1">
        <f t="array" ref="G1910">IFERROR(INDEX(Jesper!AK$2:AK$366,ROUNDDOWN($C1910/24,0)+1,1)*INDEX($D$3:$AA$30,INDEX(Jesper!$R$2:$R$366,ROW(INDEX(Jesper!AK$2:AK$366,ROUNDDOWN($C1910/24,0)+1,1))-1)+IF('Standard Profiles'!$G$21=$B$10,7,0)+IF('Standard Profiles'!$G$21=$B$17,14,0)+IF('Standard Profiles'!$G$21=$B$24,21,0),MOD($C1910,24)+1)/SUM(INDEX($D$3:$AA$30,INDEX(Jesper!$R$2:$R$366,ROW(INDEX(Jesper!AK$2:AK$366,ROUNDDOWN($C1910/24,0)+1,1))-1)+IF('Standard Profiles'!$G$21=$B$10,7,0)+IF('Standard Profiles'!$G$21=$B$17,14,0)+IF('Standard Profiles'!$G$21=$B$24,21,0),0)),0)</f>
        <v>0</v>
      </c>
      <c r="H1910" cm="1">
        <f t="array" ref="H1910">IFERROR(INDEX(Jesper!AL$2:AL$366,ROUNDDOWN($C1910/24,0)+1,1)*INDEX($D$3:$AA$30,INDEX(Jesper!$R$2:$R$366,ROW(INDEX(Jesper!AL$2:AL$366,ROUNDDOWN($C1910/24,0)+1,1))-1)+IF('Standard Profiles'!$G$22=$B$10,7,0)+IF('Standard Profiles'!$G$22=$B$17,14,0)+IF('Standard Profiles'!$G$22=$B$24,21,0),MOD($C1910,24)+1)/SUM(INDEX($D$3:$AA$30,INDEX(Jesper!$R$2:$R$366,ROW(INDEX(Jesper!AL$2:AL$366,ROUNDDOWN($C1910/24,0)+1,1))-1)+IF('Standard Profiles'!$G$22=$B$10,7,0)+IF('Standard Profiles'!$G$22=$B$17,14,0)+IF('Standard Profiles'!$G$22=$B$24,21,0),0)),0)</f>
        <v>0</v>
      </c>
      <c r="I1910">
        <f t="shared" si="223"/>
        <v>0.22643674643121292</v>
      </c>
      <c r="J1910">
        <f t="shared" si="224"/>
        <v>0.75478915477070974</v>
      </c>
      <c r="K1910">
        <f t="shared" si="225"/>
        <v>1.1321837321560646</v>
      </c>
      <c r="L1910">
        <f t="shared" si="226"/>
        <v>5.4344819143491101</v>
      </c>
      <c r="M1910">
        <f t="shared" si="227"/>
        <v>0</v>
      </c>
      <c r="N1910" s="46">
        <f t="shared" si="228"/>
        <v>45370.166666662117</v>
      </c>
    </row>
    <row r="1911" spans="2:14" x14ac:dyDescent="0.3">
      <c r="B1911">
        <f t="shared" si="222"/>
        <v>2</v>
      </c>
      <c r="C1911" s="16">
        <v>1877</v>
      </c>
      <c r="D1911" cm="1">
        <f t="array" ref="D1911">IFERROR(INDEX(Jesper!AH$2:AH$366,ROUNDDOWN($C1911/24,0)+1,1)*INDEX($D$3:$AA$30,INDEX(Jesper!$R$2:$R$366,ROW(INDEX(Jesper!AH$2:AH$366,ROUNDDOWN($C1911/24,0)+1,1))-1)+IF('Standard Profiles'!$G$18=$B$10,7,0)+IF('Standard Profiles'!$G$18=$B$17,14,0)+IF('Standard Profiles'!$G$18=$B$24,21,0),MOD($C1911,24)+1)/SUM(INDEX($D$3:$AA$30,INDEX(Jesper!$R$2:$R$366,ROW(INDEX(Jesper!AH$2:AH$366,ROUNDDOWN($C1911/24,0)+1,1))-1)+IF('Standard Profiles'!$G$18=$B$10,7,0)+IF('Standard Profiles'!$G$18=$B$17,14,0)+IF('Standard Profiles'!$G$18=$B$24,21,0),0)),0)</f>
        <v>9.8122590120192257</v>
      </c>
      <c r="E1911" cm="1">
        <f t="array" ref="E1911">IFERROR(INDEX(Jesper!AI$2:AI$366,ROUNDDOWN($C1911/24,0)+1,1)*INDEX($D$3:$AA$30,INDEX(Jesper!$R$2:$R$366,ROW(INDEX(Jesper!AI$2:AI$366,ROUNDDOWN($C1911/24,0)+1,1))-1)+IF('Standard Profiles'!$G$19=$B$10,7,0)+IF('Standard Profiles'!$G$19=$B$17,14,0)+IF('Standard Profiles'!$G$19=$B$24,21,0),MOD($C1911,24)+1)/SUM(INDEX($D$3:$AA$30,INDEX(Jesper!$R$2:$R$366,ROW(INDEX(Jesper!AI$2:AI$366,ROUNDDOWN($C1911/24,0)+1,1))-1)+IF('Standard Profiles'!$G$19=$B$10,7,0)+IF('Standard Profiles'!$G$19=$B$17,14,0)+IF('Standard Profiles'!$G$19=$B$24,21,0),0)),0)</f>
        <v>0</v>
      </c>
      <c r="F1911" cm="1">
        <f t="array" ref="F1911">IFERROR(INDEX(Jesper!AJ$2:AJ$366,ROUNDDOWN($C1911/24,0)+1,1)*INDEX($D$3:$AA$30,INDEX(Jesper!$R$2:$R$366,ROW(INDEX(Jesper!AJ$2:AJ$366,ROUNDDOWN($C1911/24,0)+1,1))-1)+IF('Standard Profiles'!$G$20=$B$10,7,0)+IF('Standard Profiles'!$G$20=$B$17,14,0)+IF('Standard Profiles'!$G$20=$B$24,21,0),MOD($C1911,24)+1)/SUM(INDEX($D$3:$AA$30,INDEX(Jesper!$R$2:$R$366,ROW(INDEX(Jesper!AJ$2:AJ$366,ROUNDDOWN($C1911/24,0)+1,1))-1)+IF('Standard Profiles'!$G$20=$B$10,7,0)+IF('Standard Profiles'!$G$20=$B$17,14,0)+IF('Standard Profiles'!$G$20=$B$24,21,0),0)),0)</f>
        <v>0</v>
      </c>
      <c r="G1911" cm="1">
        <f t="array" ref="G1911">IFERROR(INDEX(Jesper!AK$2:AK$366,ROUNDDOWN($C1911/24,0)+1,1)*INDEX($D$3:$AA$30,INDEX(Jesper!$R$2:$R$366,ROW(INDEX(Jesper!AK$2:AK$366,ROUNDDOWN($C1911/24,0)+1,1))-1)+IF('Standard Profiles'!$G$21=$B$10,7,0)+IF('Standard Profiles'!$G$21=$B$17,14,0)+IF('Standard Profiles'!$G$21=$B$24,21,0),MOD($C1911,24)+1)/SUM(INDEX($D$3:$AA$30,INDEX(Jesper!$R$2:$R$366,ROW(INDEX(Jesper!AK$2:AK$366,ROUNDDOWN($C1911/24,0)+1,1))-1)+IF('Standard Profiles'!$G$21=$B$10,7,0)+IF('Standard Profiles'!$G$21=$B$17,14,0)+IF('Standard Profiles'!$G$21=$B$24,21,0),0)),0)</f>
        <v>0</v>
      </c>
      <c r="H1911" cm="1">
        <f t="array" ref="H1911">IFERROR(INDEX(Jesper!AL$2:AL$366,ROUNDDOWN($C1911/24,0)+1,1)*INDEX($D$3:$AA$30,INDEX(Jesper!$R$2:$R$366,ROW(INDEX(Jesper!AL$2:AL$366,ROUNDDOWN($C1911/24,0)+1,1))-1)+IF('Standard Profiles'!$G$22=$B$10,7,0)+IF('Standard Profiles'!$G$22=$B$17,14,0)+IF('Standard Profiles'!$G$22=$B$24,21,0),MOD($C1911,24)+1)/SUM(INDEX($D$3:$AA$30,INDEX(Jesper!$R$2:$R$366,ROW(INDEX(Jesper!AL$2:AL$366,ROUNDDOWN($C1911/24,0)+1,1))-1)+IF('Standard Profiles'!$G$22=$B$10,7,0)+IF('Standard Profiles'!$G$22=$B$17,14,0)+IF('Standard Profiles'!$G$22=$B$24,21,0),0)),0)</f>
        <v>0</v>
      </c>
      <c r="I1911">
        <f t="shared" si="223"/>
        <v>0.29436777036057676</v>
      </c>
      <c r="J1911">
        <f t="shared" si="224"/>
        <v>0.98122590120192266</v>
      </c>
      <c r="K1911">
        <f t="shared" si="225"/>
        <v>1.4718388518028838</v>
      </c>
      <c r="L1911">
        <f t="shared" si="226"/>
        <v>7.0648264886538419</v>
      </c>
      <c r="M1911">
        <f t="shared" si="227"/>
        <v>0</v>
      </c>
      <c r="N1911" s="46">
        <f t="shared" si="228"/>
        <v>45370.208333328781</v>
      </c>
    </row>
    <row r="1912" spans="2:14" x14ac:dyDescent="0.3">
      <c r="B1912">
        <f t="shared" si="222"/>
        <v>2</v>
      </c>
      <c r="C1912" s="16">
        <v>1878</v>
      </c>
      <c r="D1912" cm="1">
        <f t="array" ref="D1912">IFERROR(INDEX(Jesper!AH$2:AH$366,ROUNDDOWN($C1912/24,0)+1,1)*INDEX($D$3:$AA$30,INDEX(Jesper!$R$2:$R$366,ROW(INDEX(Jesper!AH$2:AH$366,ROUNDDOWN($C1912/24,0)+1,1))-1)+IF('Standard Profiles'!$G$18=$B$10,7,0)+IF('Standard Profiles'!$G$18=$B$17,14,0)+IF('Standard Profiles'!$G$18=$B$24,21,0),MOD($C1912,24)+1)/SUM(INDEX($D$3:$AA$30,INDEX(Jesper!$R$2:$R$366,ROW(INDEX(Jesper!AH$2:AH$366,ROUNDDOWN($C1912/24,0)+1,1))-1)+IF('Standard Profiles'!$G$18=$B$10,7,0)+IF('Standard Profiles'!$G$18=$B$17,14,0)+IF('Standard Profiles'!$G$18=$B$24,21,0),0)),0)</f>
        <v>10.944442744175291</v>
      </c>
      <c r="E1912" cm="1">
        <f t="array" ref="E1912">IFERROR(INDEX(Jesper!AI$2:AI$366,ROUNDDOWN($C1912/24,0)+1,1)*INDEX($D$3:$AA$30,INDEX(Jesper!$R$2:$R$366,ROW(INDEX(Jesper!AI$2:AI$366,ROUNDDOWN($C1912/24,0)+1,1))-1)+IF('Standard Profiles'!$G$19=$B$10,7,0)+IF('Standard Profiles'!$G$19=$B$17,14,0)+IF('Standard Profiles'!$G$19=$B$24,21,0),MOD($C1912,24)+1)/SUM(INDEX($D$3:$AA$30,INDEX(Jesper!$R$2:$R$366,ROW(INDEX(Jesper!AI$2:AI$366,ROUNDDOWN($C1912/24,0)+1,1))-1)+IF('Standard Profiles'!$G$19=$B$10,7,0)+IF('Standard Profiles'!$G$19=$B$17,14,0)+IF('Standard Profiles'!$G$19=$B$24,21,0),0)),0)</f>
        <v>0</v>
      </c>
      <c r="F1912" cm="1">
        <f t="array" ref="F1912">IFERROR(INDEX(Jesper!AJ$2:AJ$366,ROUNDDOWN($C1912/24,0)+1,1)*INDEX($D$3:$AA$30,INDEX(Jesper!$R$2:$R$366,ROW(INDEX(Jesper!AJ$2:AJ$366,ROUNDDOWN($C1912/24,0)+1,1))-1)+IF('Standard Profiles'!$G$20=$B$10,7,0)+IF('Standard Profiles'!$G$20=$B$17,14,0)+IF('Standard Profiles'!$G$20=$B$24,21,0),MOD($C1912,24)+1)/SUM(INDEX($D$3:$AA$30,INDEX(Jesper!$R$2:$R$366,ROW(INDEX(Jesper!AJ$2:AJ$366,ROUNDDOWN($C1912/24,0)+1,1))-1)+IF('Standard Profiles'!$G$20=$B$10,7,0)+IF('Standard Profiles'!$G$20=$B$17,14,0)+IF('Standard Profiles'!$G$20=$B$24,21,0),0)),0)</f>
        <v>0</v>
      </c>
      <c r="G1912" cm="1">
        <f t="array" ref="G1912">IFERROR(INDEX(Jesper!AK$2:AK$366,ROUNDDOWN($C1912/24,0)+1,1)*INDEX($D$3:$AA$30,INDEX(Jesper!$R$2:$R$366,ROW(INDEX(Jesper!AK$2:AK$366,ROUNDDOWN($C1912/24,0)+1,1))-1)+IF('Standard Profiles'!$G$21=$B$10,7,0)+IF('Standard Profiles'!$G$21=$B$17,14,0)+IF('Standard Profiles'!$G$21=$B$24,21,0),MOD($C1912,24)+1)/SUM(INDEX($D$3:$AA$30,INDEX(Jesper!$R$2:$R$366,ROW(INDEX(Jesper!AK$2:AK$366,ROUNDDOWN($C1912/24,0)+1,1))-1)+IF('Standard Profiles'!$G$21=$B$10,7,0)+IF('Standard Profiles'!$G$21=$B$17,14,0)+IF('Standard Profiles'!$G$21=$B$24,21,0),0)),0)</f>
        <v>0</v>
      </c>
      <c r="H1912" cm="1">
        <f t="array" ref="H1912">IFERROR(INDEX(Jesper!AL$2:AL$366,ROUNDDOWN($C1912/24,0)+1,1)*INDEX($D$3:$AA$30,INDEX(Jesper!$R$2:$R$366,ROW(INDEX(Jesper!AL$2:AL$366,ROUNDDOWN($C1912/24,0)+1,1))-1)+IF('Standard Profiles'!$G$22=$B$10,7,0)+IF('Standard Profiles'!$G$22=$B$17,14,0)+IF('Standard Profiles'!$G$22=$B$24,21,0),MOD($C1912,24)+1)/SUM(INDEX($D$3:$AA$30,INDEX(Jesper!$R$2:$R$366,ROW(INDEX(Jesper!AL$2:AL$366,ROUNDDOWN($C1912/24,0)+1,1))-1)+IF('Standard Profiles'!$G$22=$B$10,7,0)+IF('Standard Profiles'!$G$22=$B$17,14,0)+IF('Standard Profiles'!$G$22=$B$24,21,0),0)),0)</f>
        <v>0</v>
      </c>
      <c r="I1912">
        <f t="shared" si="223"/>
        <v>0.32833328232525871</v>
      </c>
      <c r="J1912">
        <f t="shared" si="224"/>
        <v>1.0944442744175291</v>
      </c>
      <c r="K1912">
        <f t="shared" si="225"/>
        <v>1.6416664116262936</v>
      </c>
      <c r="L1912">
        <f t="shared" si="226"/>
        <v>7.8799987758062091</v>
      </c>
      <c r="M1912">
        <f t="shared" si="227"/>
        <v>0</v>
      </c>
      <c r="N1912" s="46">
        <f t="shared" si="228"/>
        <v>45370.249999995445</v>
      </c>
    </row>
    <row r="1913" spans="2:14" x14ac:dyDescent="0.3">
      <c r="B1913">
        <f t="shared" si="222"/>
        <v>2</v>
      </c>
      <c r="C1913" s="16">
        <v>1879</v>
      </c>
      <c r="D1913" cm="1">
        <f t="array" ref="D1913">IFERROR(INDEX(Jesper!AH$2:AH$366,ROUNDDOWN($C1913/24,0)+1,1)*INDEX($D$3:$AA$30,INDEX(Jesper!$R$2:$R$366,ROW(INDEX(Jesper!AH$2:AH$366,ROUNDDOWN($C1913/24,0)+1,1))-1)+IF('Standard Profiles'!$G$18=$B$10,7,0)+IF('Standard Profiles'!$G$18=$B$17,14,0)+IF('Standard Profiles'!$G$18=$B$24,21,0),MOD($C1913,24)+1)/SUM(INDEX($D$3:$AA$30,INDEX(Jesper!$R$2:$R$366,ROW(INDEX(Jesper!AH$2:AH$366,ROUNDDOWN($C1913/24,0)+1,1))-1)+IF('Standard Profiles'!$G$18=$B$10,7,0)+IF('Standard Profiles'!$G$18=$B$17,14,0)+IF('Standard Profiles'!$G$18=$B$24,21,0),0)),0)</f>
        <v>11.321837321560647</v>
      </c>
      <c r="E1913" cm="1">
        <f t="array" ref="E1913">IFERROR(INDEX(Jesper!AI$2:AI$366,ROUNDDOWN($C1913/24,0)+1,1)*INDEX($D$3:$AA$30,INDEX(Jesper!$R$2:$R$366,ROW(INDEX(Jesper!AI$2:AI$366,ROUNDDOWN($C1913/24,0)+1,1))-1)+IF('Standard Profiles'!$G$19=$B$10,7,0)+IF('Standard Profiles'!$G$19=$B$17,14,0)+IF('Standard Profiles'!$G$19=$B$24,21,0),MOD($C1913,24)+1)/SUM(INDEX($D$3:$AA$30,INDEX(Jesper!$R$2:$R$366,ROW(INDEX(Jesper!AI$2:AI$366,ROUNDDOWN($C1913/24,0)+1,1))-1)+IF('Standard Profiles'!$G$19=$B$10,7,0)+IF('Standard Profiles'!$G$19=$B$17,14,0)+IF('Standard Profiles'!$G$19=$B$24,21,0),0)),0)</f>
        <v>0</v>
      </c>
      <c r="F1913" cm="1">
        <f t="array" ref="F1913">IFERROR(INDEX(Jesper!AJ$2:AJ$366,ROUNDDOWN($C1913/24,0)+1,1)*INDEX($D$3:$AA$30,INDEX(Jesper!$R$2:$R$366,ROW(INDEX(Jesper!AJ$2:AJ$366,ROUNDDOWN($C1913/24,0)+1,1))-1)+IF('Standard Profiles'!$G$20=$B$10,7,0)+IF('Standard Profiles'!$G$20=$B$17,14,0)+IF('Standard Profiles'!$G$20=$B$24,21,0),MOD($C1913,24)+1)/SUM(INDEX($D$3:$AA$30,INDEX(Jesper!$R$2:$R$366,ROW(INDEX(Jesper!AJ$2:AJ$366,ROUNDDOWN($C1913/24,0)+1,1))-1)+IF('Standard Profiles'!$G$20=$B$10,7,0)+IF('Standard Profiles'!$G$20=$B$17,14,0)+IF('Standard Profiles'!$G$20=$B$24,21,0),0)),0)</f>
        <v>0</v>
      </c>
      <c r="G1913" cm="1">
        <f t="array" ref="G1913">IFERROR(INDEX(Jesper!AK$2:AK$366,ROUNDDOWN($C1913/24,0)+1,1)*INDEX($D$3:$AA$30,INDEX(Jesper!$R$2:$R$366,ROW(INDEX(Jesper!AK$2:AK$366,ROUNDDOWN($C1913/24,0)+1,1))-1)+IF('Standard Profiles'!$G$21=$B$10,7,0)+IF('Standard Profiles'!$G$21=$B$17,14,0)+IF('Standard Profiles'!$G$21=$B$24,21,0),MOD($C1913,24)+1)/SUM(INDEX($D$3:$AA$30,INDEX(Jesper!$R$2:$R$366,ROW(INDEX(Jesper!AK$2:AK$366,ROUNDDOWN($C1913/24,0)+1,1))-1)+IF('Standard Profiles'!$G$21=$B$10,7,0)+IF('Standard Profiles'!$G$21=$B$17,14,0)+IF('Standard Profiles'!$G$21=$B$24,21,0),0)),0)</f>
        <v>0</v>
      </c>
      <c r="H1913" cm="1">
        <f t="array" ref="H1913">IFERROR(INDEX(Jesper!AL$2:AL$366,ROUNDDOWN($C1913/24,0)+1,1)*INDEX($D$3:$AA$30,INDEX(Jesper!$R$2:$R$366,ROW(INDEX(Jesper!AL$2:AL$366,ROUNDDOWN($C1913/24,0)+1,1))-1)+IF('Standard Profiles'!$G$22=$B$10,7,0)+IF('Standard Profiles'!$G$22=$B$17,14,0)+IF('Standard Profiles'!$G$22=$B$24,21,0),MOD($C1913,24)+1)/SUM(INDEX($D$3:$AA$30,INDEX(Jesper!$R$2:$R$366,ROW(INDEX(Jesper!AL$2:AL$366,ROUNDDOWN($C1913/24,0)+1,1))-1)+IF('Standard Profiles'!$G$22=$B$10,7,0)+IF('Standard Profiles'!$G$22=$B$17,14,0)+IF('Standard Profiles'!$G$22=$B$24,21,0),0)),0)</f>
        <v>0</v>
      </c>
      <c r="I1913">
        <f t="shared" si="223"/>
        <v>0.33965511964681938</v>
      </c>
      <c r="J1913">
        <f t="shared" si="224"/>
        <v>1.1321837321560648</v>
      </c>
      <c r="K1913">
        <f t="shared" si="225"/>
        <v>1.6982755982340969</v>
      </c>
      <c r="L1913">
        <f t="shared" si="226"/>
        <v>8.1517228715236651</v>
      </c>
      <c r="M1913">
        <f t="shared" si="227"/>
        <v>0</v>
      </c>
      <c r="N1913" s="46">
        <f t="shared" si="228"/>
        <v>45370.291666662109</v>
      </c>
    </row>
    <row r="1914" spans="2:14" x14ac:dyDescent="0.3">
      <c r="B1914">
        <f t="shared" si="222"/>
        <v>2</v>
      </c>
      <c r="C1914" s="16">
        <v>1880</v>
      </c>
      <c r="D1914" cm="1">
        <f t="array" ref="D1914">IFERROR(INDEX(Jesper!AH$2:AH$366,ROUNDDOWN($C1914/24,0)+1,1)*INDEX($D$3:$AA$30,INDEX(Jesper!$R$2:$R$366,ROW(INDEX(Jesper!AH$2:AH$366,ROUNDDOWN($C1914/24,0)+1,1))-1)+IF('Standard Profiles'!$G$18=$B$10,7,0)+IF('Standard Profiles'!$G$18=$B$17,14,0)+IF('Standard Profiles'!$G$18=$B$24,21,0),MOD($C1914,24)+1)/SUM(INDEX($D$3:$AA$30,INDEX(Jesper!$R$2:$R$366,ROW(INDEX(Jesper!AH$2:AH$366,ROUNDDOWN($C1914/24,0)+1,1))-1)+IF('Standard Profiles'!$G$18=$B$10,7,0)+IF('Standard Profiles'!$G$18=$B$17,14,0)+IF('Standard Profiles'!$G$18=$B$24,21,0),0)),0)</f>
        <v>11.321837321560647</v>
      </c>
      <c r="E1914" cm="1">
        <f t="array" ref="E1914">IFERROR(INDEX(Jesper!AI$2:AI$366,ROUNDDOWN($C1914/24,0)+1,1)*INDEX($D$3:$AA$30,INDEX(Jesper!$R$2:$R$366,ROW(INDEX(Jesper!AI$2:AI$366,ROUNDDOWN($C1914/24,0)+1,1))-1)+IF('Standard Profiles'!$G$19=$B$10,7,0)+IF('Standard Profiles'!$G$19=$B$17,14,0)+IF('Standard Profiles'!$G$19=$B$24,21,0),MOD($C1914,24)+1)/SUM(INDEX($D$3:$AA$30,INDEX(Jesper!$R$2:$R$366,ROW(INDEX(Jesper!AI$2:AI$366,ROUNDDOWN($C1914/24,0)+1,1))-1)+IF('Standard Profiles'!$G$19=$B$10,7,0)+IF('Standard Profiles'!$G$19=$B$17,14,0)+IF('Standard Profiles'!$G$19=$B$24,21,0),0)),0)</f>
        <v>0</v>
      </c>
      <c r="F1914" cm="1">
        <f t="array" ref="F1914">IFERROR(INDEX(Jesper!AJ$2:AJ$366,ROUNDDOWN($C1914/24,0)+1,1)*INDEX($D$3:$AA$30,INDEX(Jesper!$R$2:$R$366,ROW(INDEX(Jesper!AJ$2:AJ$366,ROUNDDOWN($C1914/24,0)+1,1))-1)+IF('Standard Profiles'!$G$20=$B$10,7,0)+IF('Standard Profiles'!$G$20=$B$17,14,0)+IF('Standard Profiles'!$G$20=$B$24,21,0),MOD($C1914,24)+1)/SUM(INDEX($D$3:$AA$30,INDEX(Jesper!$R$2:$R$366,ROW(INDEX(Jesper!AJ$2:AJ$366,ROUNDDOWN($C1914/24,0)+1,1))-1)+IF('Standard Profiles'!$G$20=$B$10,7,0)+IF('Standard Profiles'!$G$20=$B$17,14,0)+IF('Standard Profiles'!$G$20=$B$24,21,0),0)),0)</f>
        <v>0</v>
      </c>
      <c r="G1914" cm="1">
        <f t="array" ref="G1914">IFERROR(INDEX(Jesper!AK$2:AK$366,ROUNDDOWN($C1914/24,0)+1,1)*INDEX($D$3:$AA$30,INDEX(Jesper!$R$2:$R$366,ROW(INDEX(Jesper!AK$2:AK$366,ROUNDDOWN($C1914/24,0)+1,1))-1)+IF('Standard Profiles'!$G$21=$B$10,7,0)+IF('Standard Profiles'!$G$21=$B$17,14,0)+IF('Standard Profiles'!$G$21=$B$24,21,0),MOD($C1914,24)+1)/SUM(INDEX($D$3:$AA$30,INDEX(Jesper!$R$2:$R$366,ROW(INDEX(Jesper!AK$2:AK$366,ROUNDDOWN($C1914/24,0)+1,1))-1)+IF('Standard Profiles'!$G$21=$B$10,7,0)+IF('Standard Profiles'!$G$21=$B$17,14,0)+IF('Standard Profiles'!$G$21=$B$24,21,0),0)),0)</f>
        <v>0</v>
      </c>
      <c r="H1914" cm="1">
        <f t="array" ref="H1914">IFERROR(INDEX(Jesper!AL$2:AL$366,ROUNDDOWN($C1914/24,0)+1,1)*INDEX($D$3:$AA$30,INDEX(Jesper!$R$2:$R$366,ROW(INDEX(Jesper!AL$2:AL$366,ROUNDDOWN($C1914/24,0)+1,1))-1)+IF('Standard Profiles'!$G$22=$B$10,7,0)+IF('Standard Profiles'!$G$22=$B$17,14,0)+IF('Standard Profiles'!$G$22=$B$24,21,0),MOD($C1914,24)+1)/SUM(INDEX($D$3:$AA$30,INDEX(Jesper!$R$2:$R$366,ROW(INDEX(Jesper!AL$2:AL$366,ROUNDDOWN($C1914/24,0)+1,1))-1)+IF('Standard Profiles'!$G$22=$B$10,7,0)+IF('Standard Profiles'!$G$22=$B$17,14,0)+IF('Standard Profiles'!$G$22=$B$24,21,0),0)),0)</f>
        <v>0</v>
      </c>
      <c r="I1914">
        <f t="shared" si="223"/>
        <v>0.33965511964681938</v>
      </c>
      <c r="J1914">
        <f t="shared" si="224"/>
        <v>1.1321837321560648</v>
      </c>
      <c r="K1914">
        <f t="shared" si="225"/>
        <v>1.6982755982340969</v>
      </c>
      <c r="L1914">
        <f t="shared" si="226"/>
        <v>8.1517228715236651</v>
      </c>
      <c r="M1914">
        <f t="shared" si="227"/>
        <v>0</v>
      </c>
      <c r="N1914" s="46">
        <f t="shared" si="228"/>
        <v>45370.333333328774</v>
      </c>
    </row>
    <row r="1915" spans="2:14" x14ac:dyDescent="0.3">
      <c r="B1915">
        <f t="shared" si="222"/>
        <v>2</v>
      </c>
      <c r="C1915" s="16">
        <v>1881</v>
      </c>
      <c r="D1915" cm="1">
        <f t="array" ref="D1915">IFERROR(INDEX(Jesper!AH$2:AH$366,ROUNDDOWN($C1915/24,0)+1,1)*INDEX($D$3:$AA$30,INDEX(Jesper!$R$2:$R$366,ROW(INDEX(Jesper!AH$2:AH$366,ROUNDDOWN($C1915/24,0)+1,1))-1)+IF('Standard Profiles'!$G$18=$B$10,7,0)+IF('Standard Profiles'!$G$18=$B$17,14,0)+IF('Standard Profiles'!$G$18=$B$24,21,0),MOD($C1915,24)+1)/SUM(INDEX($D$3:$AA$30,INDEX(Jesper!$R$2:$R$366,ROW(INDEX(Jesper!AH$2:AH$366,ROUNDDOWN($C1915/24,0)+1,1))-1)+IF('Standard Profiles'!$G$18=$B$10,7,0)+IF('Standard Profiles'!$G$18=$B$17,14,0)+IF('Standard Profiles'!$G$18=$B$24,21,0),0)),0)</f>
        <v>12.265323765024034</v>
      </c>
      <c r="E1915" cm="1">
        <f t="array" ref="E1915">IFERROR(INDEX(Jesper!AI$2:AI$366,ROUNDDOWN($C1915/24,0)+1,1)*INDEX($D$3:$AA$30,INDEX(Jesper!$R$2:$R$366,ROW(INDEX(Jesper!AI$2:AI$366,ROUNDDOWN($C1915/24,0)+1,1))-1)+IF('Standard Profiles'!$G$19=$B$10,7,0)+IF('Standard Profiles'!$G$19=$B$17,14,0)+IF('Standard Profiles'!$G$19=$B$24,21,0),MOD($C1915,24)+1)/SUM(INDEX($D$3:$AA$30,INDEX(Jesper!$R$2:$R$366,ROW(INDEX(Jesper!AI$2:AI$366,ROUNDDOWN($C1915/24,0)+1,1))-1)+IF('Standard Profiles'!$G$19=$B$10,7,0)+IF('Standard Profiles'!$G$19=$B$17,14,0)+IF('Standard Profiles'!$G$19=$B$24,21,0),0)),0)</f>
        <v>0</v>
      </c>
      <c r="F1915" cm="1">
        <f t="array" ref="F1915">IFERROR(INDEX(Jesper!AJ$2:AJ$366,ROUNDDOWN($C1915/24,0)+1,1)*INDEX($D$3:$AA$30,INDEX(Jesper!$R$2:$R$366,ROW(INDEX(Jesper!AJ$2:AJ$366,ROUNDDOWN($C1915/24,0)+1,1))-1)+IF('Standard Profiles'!$G$20=$B$10,7,0)+IF('Standard Profiles'!$G$20=$B$17,14,0)+IF('Standard Profiles'!$G$20=$B$24,21,0),MOD($C1915,24)+1)/SUM(INDEX($D$3:$AA$30,INDEX(Jesper!$R$2:$R$366,ROW(INDEX(Jesper!AJ$2:AJ$366,ROUNDDOWN($C1915/24,0)+1,1))-1)+IF('Standard Profiles'!$G$20=$B$10,7,0)+IF('Standard Profiles'!$G$20=$B$17,14,0)+IF('Standard Profiles'!$G$20=$B$24,21,0),0)),0)</f>
        <v>0</v>
      </c>
      <c r="G1915" cm="1">
        <f t="array" ref="G1915">IFERROR(INDEX(Jesper!AK$2:AK$366,ROUNDDOWN($C1915/24,0)+1,1)*INDEX($D$3:$AA$30,INDEX(Jesper!$R$2:$R$366,ROW(INDEX(Jesper!AK$2:AK$366,ROUNDDOWN($C1915/24,0)+1,1))-1)+IF('Standard Profiles'!$G$21=$B$10,7,0)+IF('Standard Profiles'!$G$21=$B$17,14,0)+IF('Standard Profiles'!$G$21=$B$24,21,0),MOD($C1915,24)+1)/SUM(INDEX($D$3:$AA$30,INDEX(Jesper!$R$2:$R$366,ROW(INDEX(Jesper!AK$2:AK$366,ROUNDDOWN($C1915/24,0)+1,1))-1)+IF('Standard Profiles'!$G$21=$B$10,7,0)+IF('Standard Profiles'!$G$21=$B$17,14,0)+IF('Standard Profiles'!$G$21=$B$24,21,0),0)),0)</f>
        <v>0</v>
      </c>
      <c r="H1915" cm="1">
        <f t="array" ref="H1915">IFERROR(INDEX(Jesper!AL$2:AL$366,ROUNDDOWN($C1915/24,0)+1,1)*INDEX($D$3:$AA$30,INDEX(Jesper!$R$2:$R$366,ROW(INDEX(Jesper!AL$2:AL$366,ROUNDDOWN($C1915/24,0)+1,1))-1)+IF('Standard Profiles'!$G$22=$B$10,7,0)+IF('Standard Profiles'!$G$22=$B$17,14,0)+IF('Standard Profiles'!$G$22=$B$24,21,0),MOD($C1915,24)+1)/SUM(INDEX($D$3:$AA$30,INDEX(Jesper!$R$2:$R$366,ROW(INDEX(Jesper!AL$2:AL$366,ROUNDDOWN($C1915/24,0)+1,1))-1)+IF('Standard Profiles'!$G$22=$B$10,7,0)+IF('Standard Profiles'!$G$22=$B$17,14,0)+IF('Standard Profiles'!$G$22=$B$24,21,0),0)),0)</f>
        <v>0</v>
      </c>
      <c r="I1915">
        <f t="shared" si="223"/>
        <v>0.367959712950721</v>
      </c>
      <c r="J1915">
        <f t="shared" si="224"/>
        <v>1.2265323765024034</v>
      </c>
      <c r="K1915">
        <f t="shared" si="225"/>
        <v>1.839798564753605</v>
      </c>
      <c r="L1915">
        <f t="shared" si="226"/>
        <v>8.8310331108173035</v>
      </c>
      <c r="M1915">
        <f t="shared" si="227"/>
        <v>0</v>
      </c>
      <c r="N1915" s="46">
        <f t="shared" si="228"/>
        <v>45370.374999995438</v>
      </c>
    </row>
    <row r="1916" spans="2:14" x14ac:dyDescent="0.3">
      <c r="B1916">
        <f t="shared" si="222"/>
        <v>2</v>
      </c>
      <c r="C1916" s="16">
        <v>1882</v>
      </c>
      <c r="D1916" cm="1">
        <f t="array" ref="D1916">IFERROR(INDEX(Jesper!AH$2:AH$366,ROUNDDOWN($C1916/24,0)+1,1)*INDEX($D$3:$AA$30,INDEX(Jesper!$R$2:$R$366,ROW(INDEX(Jesper!AH$2:AH$366,ROUNDDOWN($C1916/24,0)+1,1))-1)+IF('Standard Profiles'!$G$18=$B$10,7,0)+IF('Standard Profiles'!$G$18=$B$17,14,0)+IF('Standard Profiles'!$G$18=$B$24,21,0),MOD($C1916,24)+1)/SUM(INDEX($D$3:$AA$30,INDEX(Jesper!$R$2:$R$366,ROW(INDEX(Jesper!AH$2:AH$366,ROUNDDOWN($C1916/24,0)+1,1))-1)+IF('Standard Profiles'!$G$18=$B$10,7,0)+IF('Standard Profiles'!$G$18=$B$17,14,0)+IF('Standard Profiles'!$G$18=$B$24,21,0),0)),0)</f>
        <v>12.831415631102065</v>
      </c>
      <c r="E1916" cm="1">
        <f t="array" ref="E1916">IFERROR(INDEX(Jesper!AI$2:AI$366,ROUNDDOWN($C1916/24,0)+1,1)*INDEX($D$3:$AA$30,INDEX(Jesper!$R$2:$R$366,ROW(INDEX(Jesper!AI$2:AI$366,ROUNDDOWN($C1916/24,0)+1,1))-1)+IF('Standard Profiles'!$G$19=$B$10,7,0)+IF('Standard Profiles'!$G$19=$B$17,14,0)+IF('Standard Profiles'!$G$19=$B$24,21,0),MOD($C1916,24)+1)/SUM(INDEX($D$3:$AA$30,INDEX(Jesper!$R$2:$R$366,ROW(INDEX(Jesper!AI$2:AI$366,ROUNDDOWN($C1916/24,0)+1,1))-1)+IF('Standard Profiles'!$G$19=$B$10,7,0)+IF('Standard Profiles'!$G$19=$B$17,14,0)+IF('Standard Profiles'!$G$19=$B$24,21,0),0)),0)</f>
        <v>0</v>
      </c>
      <c r="F1916" cm="1">
        <f t="array" ref="F1916">IFERROR(INDEX(Jesper!AJ$2:AJ$366,ROUNDDOWN($C1916/24,0)+1,1)*INDEX($D$3:$AA$30,INDEX(Jesper!$R$2:$R$366,ROW(INDEX(Jesper!AJ$2:AJ$366,ROUNDDOWN($C1916/24,0)+1,1))-1)+IF('Standard Profiles'!$G$20=$B$10,7,0)+IF('Standard Profiles'!$G$20=$B$17,14,0)+IF('Standard Profiles'!$G$20=$B$24,21,0),MOD($C1916,24)+1)/SUM(INDEX($D$3:$AA$30,INDEX(Jesper!$R$2:$R$366,ROW(INDEX(Jesper!AJ$2:AJ$366,ROUNDDOWN($C1916/24,0)+1,1))-1)+IF('Standard Profiles'!$G$20=$B$10,7,0)+IF('Standard Profiles'!$G$20=$B$17,14,0)+IF('Standard Profiles'!$G$20=$B$24,21,0),0)),0)</f>
        <v>0</v>
      </c>
      <c r="G1916" cm="1">
        <f t="array" ref="G1916">IFERROR(INDEX(Jesper!AK$2:AK$366,ROUNDDOWN($C1916/24,0)+1,1)*INDEX($D$3:$AA$30,INDEX(Jesper!$R$2:$R$366,ROW(INDEX(Jesper!AK$2:AK$366,ROUNDDOWN($C1916/24,0)+1,1))-1)+IF('Standard Profiles'!$G$21=$B$10,7,0)+IF('Standard Profiles'!$G$21=$B$17,14,0)+IF('Standard Profiles'!$G$21=$B$24,21,0),MOD($C1916,24)+1)/SUM(INDEX($D$3:$AA$30,INDEX(Jesper!$R$2:$R$366,ROW(INDEX(Jesper!AK$2:AK$366,ROUNDDOWN($C1916/24,0)+1,1))-1)+IF('Standard Profiles'!$G$21=$B$10,7,0)+IF('Standard Profiles'!$G$21=$B$17,14,0)+IF('Standard Profiles'!$G$21=$B$24,21,0),0)),0)</f>
        <v>0</v>
      </c>
      <c r="H1916" cm="1">
        <f t="array" ref="H1916">IFERROR(INDEX(Jesper!AL$2:AL$366,ROUNDDOWN($C1916/24,0)+1,1)*INDEX($D$3:$AA$30,INDEX(Jesper!$R$2:$R$366,ROW(INDEX(Jesper!AL$2:AL$366,ROUNDDOWN($C1916/24,0)+1,1))-1)+IF('Standard Profiles'!$G$22=$B$10,7,0)+IF('Standard Profiles'!$G$22=$B$17,14,0)+IF('Standard Profiles'!$G$22=$B$24,21,0),MOD($C1916,24)+1)/SUM(INDEX($D$3:$AA$30,INDEX(Jesper!$R$2:$R$366,ROW(INDEX(Jesper!AL$2:AL$366,ROUNDDOWN($C1916/24,0)+1,1))-1)+IF('Standard Profiles'!$G$22=$B$10,7,0)+IF('Standard Profiles'!$G$22=$B$17,14,0)+IF('Standard Profiles'!$G$22=$B$24,21,0),0)),0)</f>
        <v>0</v>
      </c>
      <c r="I1916">
        <f t="shared" si="223"/>
        <v>0.38494246893306194</v>
      </c>
      <c r="J1916">
        <f t="shared" si="224"/>
        <v>1.2831415631102066</v>
      </c>
      <c r="K1916">
        <f t="shared" si="225"/>
        <v>1.9247123446653096</v>
      </c>
      <c r="L1916">
        <f t="shared" si="226"/>
        <v>9.2386192543934857</v>
      </c>
      <c r="M1916">
        <f t="shared" si="227"/>
        <v>0</v>
      </c>
      <c r="N1916" s="46">
        <f t="shared" si="228"/>
        <v>45370.416666662102</v>
      </c>
    </row>
    <row r="1917" spans="2:14" x14ac:dyDescent="0.3">
      <c r="B1917">
        <f t="shared" si="222"/>
        <v>2</v>
      </c>
      <c r="C1917" s="16">
        <v>1883</v>
      </c>
      <c r="D1917" cm="1">
        <f t="array" ref="D1917">IFERROR(INDEX(Jesper!AH$2:AH$366,ROUNDDOWN($C1917/24,0)+1,1)*INDEX($D$3:$AA$30,INDEX(Jesper!$R$2:$R$366,ROW(INDEX(Jesper!AH$2:AH$366,ROUNDDOWN($C1917/24,0)+1,1))-1)+IF('Standard Profiles'!$G$18=$B$10,7,0)+IF('Standard Profiles'!$G$18=$B$17,14,0)+IF('Standard Profiles'!$G$18=$B$24,21,0),MOD($C1917,24)+1)/SUM(INDEX($D$3:$AA$30,INDEX(Jesper!$R$2:$R$366,ROW(INDEX(Jesper!AH$2:AH$366,ROUNDDOWN($C1917/24,0)+1,1))-1)+IF('Standard Profiles'!$G$18=$B$10,7,0)+IF('Standard Profiles'!$G$18=$B$17,14,0)+IF('Standard Profiles'!$G$18=$B$24,21,0),0)),0)</f>
        <v>15.095783095414195</v>
      </c>
      <c r="E1917" cm="1">
        <f t="array" ref="E1917">IFERROR(INDEX(Jesper!AI$2:AI$366,ROUNDDOWN($C1917/24,0)+1,1)*INDEX($D$3:$AA$30,INDEX(Jesper!$R$2:$R$366,ROW(INDEX(Jesper!AI$2:AI$366,ROUNDDOWN($C1917/24,0)+1,1))-1)+IF('Standard Profiles'!$G$19=$B$10,7,0)+IF('Standard Profiles'!$G$19=$B$17,14,0)+IF('Standard Profiles'!$G$19=$B$24,21,0),MOD($C1917,24)+1)/SUM(INDEX($D$3:$AA$30,INDEX(Jesper!$R$2:$R$366,ROW(INDEX(Jesper!AI$2:AI$366,ROUNDDOWN($C1917/24,0)+1,1))-1)+IF('Standard Profiles'!$G$19=$B$10,7,0)+IF('Standard Profiles'!$G$19=$B$17,14,0)+IF('Standard Profiles'!$G$19=$B$24,21,0),0)),0)</f>
        <v>0</v>
      </c>
      <c r="F1917" cm="1">
        <f t="array" ref="F1917">IFERROR(INDEX(Jesper!AJ$2:AJ$366,ROUNDDOWN($C1917/24,0)+1,1)*INDEX($D$3:$AA$30,INDEX(Jesper!$R$2:$R$366,ROW(INDEX(Jesper!AJ$2:AJ$366,ROUNDDOWN($C1917/24,0)+1,1))-1)+IF('Standard Profiles'!$G$20=$B$10,7,0)+IF('Standard Profiles'!$G$20=$B$17,14,0)+IF('Standard Profiles'!$G$20=$B$24,21,0),MOD($C1917,24)+1)/SUM(INDEX($D$3:$AA$30,INDEX(Jesper!$R$2:$R$366,ROW(INDEX(Jesper!AJ$2:AJ$366,ROUNDDOWN($C1917/24,0)+1,1))-1)+IF('Standard Profiles'!$G$20=$B$10,7,0)+IF('Standard Profiles'!$G$20=$B$17,14,0)+IF('Standard Profiles'!$G$20=$B$24,21,0),0)),0)</f>
        <v>0</v>
      </c>
      <c r="G1917" cm="1">
        <f t="array" ref="G1917">IFERROR(INDEX(Jesper!AK$2:AK$366,ROUNDDOWN($C1917/24,0)+1,1)*INDEX($D$3:$AA$30,INDEX(Jesper!$R$2:$R$366,ROW(INDEX(Jesper!AK$2:AK$366,ROUNDDOWN($C1917/24,0)+1,1))-1)+IF('Standard Profiles'!$G$21=$B$10,7,0)+IF('Standard Profiles'!$G$21=$B$17,14,0)+IF('Standard Profiles'!$G$21=$B$24,21,0),MOD($C1917,24)+1)/SUM(INDEX($D$3:$AA$30,INDEX(Jesper!$R$2:$R$366,ROW(INDEX(Jesper!AK$2:AK$366,ROUNDDOWN($C1917/24,0)+1,1))-1)+IF('Standard Profiles'!$G$21=$B$10,7,0)+IF('Standard Profiles'!$G$21=$B$17,14,0)+IF('Standard Profiles'!$G$21=$B$24,21,0),0)),0)</f>
        <v>0</v>
      </c>
      <c r="H1917" cm="1">
        <f t="array" ref="H1917">IFERROR(INDEX(Jesper!AL$2:AL$366,ROUNDDOWN($C1917/24,0)+1,1)*INDEX($D$3:$AA$30,INDEX(Jesper!$R$2:$R$366,ROW(INDEX(Jesper!AL$2:AL$366,ROUNDDOWN($C1917/24,0)+1,1))-1)+IF('Standard Profiles'!$G$22=$B$10,7,0)+IF('Standard Profiles'!$G$22=$B$17,14,0)+IF('Standard Profiles'!$G$22=$B$24,21,0),MOD($C1917,24)+1)/SUM(INDEX($D$3:$AA$30,INDEX(Jesper!$R$2:$R$366,ROW(INDEX(Jesper!AL$2:AL$366,ROUNDDOWN($C1917/24,0)+1,1))-1)+IF('Standard Profiles'!$G$22=$B$10,7,0)+IF('Standard Profiles'!$G$22=$B$17,14,0)+IF('Standard Profiles'!$G$22=$B$24,21,0),0)),0)</f>
        <v>0</v>
      </c>
      <c r="I1917">
        <f t="shared" si="223"/>
        <v>0.45287349286242584</v>
      </c>
      <c r="J1917">
        <f t="shared" si="224"/>
        <v>1.5095783095414195</v>
      </c>
      <c r="K1917">
        <f t="shared" si="225"/>
        <v>2.2643674643121292</v>
      </c>
      <c r="L1917">
        <f t="shared" si="226"/>
        <v>10.86896382869822</v>
      </c>
      <c r="M1917">
        <f t="shared" si="227"/>
        <v>0</v>
      </c>
      <c r="N1917" s="46">
        <f t="shared" si="228"/>
        <v>45370.458333328766</v>
      </c>
    </row>
    <row r="1918" spans="2:14" x14ac:dyDescent="0.3">
      <c r="B1918">
        <f t="shared" si="222"/>
        <v>2</v>
      </c>
      <c r="C1918" s="16">
        <v>1884</v>
      </c>
      <c r="D1918" cm="1">
        <f t="array" ref="D1918">IFERROR(INDEX(Jesper!AH$2:AH$366,ROUNDDOWN($C1918/24,0)+1,1)*INDEX($D$3:$AA$30,INDEX(Jesper!$R$2:$R$366,ROW(INDEX(Jesper!AH$2:AH$366,ROUNDDOWN($C1918/24,0)+1,1))-1)+IF('Standard Profiles'!$G$18=$B$10,7,0)+IF('Standard Profiles'!$G$18=$B$17,14,0)+IF('Standard Profiles'!$G$18=$B$24,21,0),MOD($C1918,24)+1)/SUM(INDEX($D$3:$AA$30,INDEX(Jesper!$R$2:$R$366,ROW(INDEX(Jesper!AH$2:AH$366,ROUNDDOWN($C1918/24,0)+1,1))-1)+IF('Standard Profiles'!$G$18=$B$10,7,0)+IF('Standard Profiles'!$G$18=$B$17,14,0)+IF('Standard Profiles'!$G$18=$B$24,21,0),0)),0)</f>
        <v>15.095783095414195</v>
      </c>
      <c r="E1918" cm="1">
        <f t="array" ref="E1918">IFERROR(INDEX(Jesper!AI$2:AI$366,ROUNDDOWN($C1918/24,0)+1,1)*INDEX($D$3:$AA$30,INDEX(Jesper!$R$2:$R$366,ROW(INDEX(Jesper!AI$2:AI$366,ROUNDDOWN($C1918/24,0)+1,1))-1)+IF('Standard Profiles'!$G$19=$B$10,7,0)+IF('Standard Profiles'!$G$19=$B$17,14,0)+IF('Standard Profiles'!$G$19=$B$24,21,0),MOD($C1918,24)+1)/SUM(INDEX($D$3:$AA$30,INDEX(Jesper!$R$2:$R$366,ROW(INDEX(Jesper!AI$2:AI$366,ROUNDDOWN($C1918/24,0)+1,1))-1)+IF('Standard Profiles'!$G$19=$B$10,7,0)+IF('Standard Profiles'!$G$19=$B$17,14,0)+IF('Standard Profiles'!$G$19=$B$24,21,0),0)),0)</f>
        <v>0</v>
      </c>
      <c r="F1918" cm="1">
        <f t="array" ref="F1918">IFERROR(INDEX(Jesper!AJ$2:AJ$366,ROUNDDOWN($C1918/24,0)+1,1)*INDEX($D$3:$AA$30,INDEX(Jesper!$R$2:$R$366,ROW(INDEX(Jesper!AJ$2:AJ$366,ROUNDDOWN($C1918/24,0)+1,1))-1)+IF('Standard Profiles'!$G$20=$B$10,7,0)+IF('Standard Profiles'!$G$20=$B$17,14,0)+IF('Standard Profiles'!$G$20=$B$24,21,0),MOD($C1918,24)+1)/SUM(INDEX($D$3:$AA$30,INDEX(Jesper!$R$2:$R$366,ROW(INDEX(Jesper!AJ$2:AJ$366,ROUNDDOWN($C1918/24,0)+1,1))-1)+IF('Standard Profiles'!$G$20=$B$10,7,0)+IF('Standard Profiles'!$G$20=$B$17,14,0)+IF('Standard Profiles'!$G$20=$B$24,21,0),0)),0)</f>
        <v>0</v>
      </c>
      <c r="G1918" cm="1">
        <f t="array" ref="G1918">IFERROR(INDEX(Jesper!AK$2:AK$366,ROUNDDOWN($C1918/24,0)+1,1)*INDEX($D$3:$AA$30,INDEX(Jesper!$R$2:$R$366,ROW(INDEX(Jesper!AK$2:AK$366,ROUNDDOWN($C1918/24,0)+1,1))-1)+IF('Standard Profiles'!$G$21=$B$10,7,0)+IF('Standard Profiles'!$G$21=$B$17,14,0)+IF('Standard Profiles'!$G$21=$B$24,21,0),MOD($C1918,24)+1)/SUM(INDEX($D$3:$AA$30,INDEX(Jesper!$R$2:$R$366,ROW(INDEX(Jesper!AK$2:AK$366,ROUNDDOWN($C1918/24,0)+1,1))-1)+IF('Standard Profiles'!$G$21=$B$10,7,0)+IF('Standard Profiles'!$G$21=$B$17,14,0)+IF('Standard Profiles'!$G$21=$B$24,21,0),0)),0)</f>
        <v>0</v>
      </c>
      <c r="H1918" cm="1">
        <f t="array" ref="H1918">IFERROR(INDEX(Jesper!AL$2:AL$366,ROUNDDOWN($C1918/24,0)+1,1)*INDEX($D$3:$AA$30,INDEX(Jesper!$R$2:$R$366,ROW(INDEX(Jesper!AL$2:AL$366,ROUNDDOWN($C1918/24,0)+1,1))-1)+IF('Standard Profiles'!$G$22=$B$10,7,0)+IF('Standard Profiles'!$G$22=$B$17,14,0)+IF('Standard Profiles'!$G$22=$B$24,21,0),MOD($C1918,24)+1)/SUM(INDEX($D$3:$AA$30,INDEX(Jesper!$R$2:$R$366,ROW(INDEX(Jesper!AL$2:AL$366,ROUNDDOWN($C1918/24,0)+1,1))-1)+IF('Standard Profiles'!$G$22=$B$10,7,0)+IF('Standard Profiles'!$G$22=$B$17,14,0)+IF('Standard Profiles'!$G$22=$B$24,21,0),0)),0)</f>
        <v>0</v>
      </c>
      <c r="I1918">
        <f t="shared" si="223"/>
        <v>0.45287349286242584</v>
      </c>
      <c r="J1918">
        <f t="shared" si="224"/>
        <v>1.5095783095414195</v>
      </c>
      <c r="K1918">
        <f t="shared" si="225"/>
        <v>2.2643674643121292</v>
      </c>
      <c r="L1918">
        <f t="shared" si="226"/>
        <v>10.86896382869822</v>
      </c>
      <c r="M1918">
        <f t="shared" si="227"/>
        <v>0</v>
      </c>
      <c r="N1918" s="46">
        <f t="shared" si="228"/>
        <v>45370.499999995431</v>
      </c>
    </row>
    <row r="1919" spans="2:14" x14ac:dyDescent="0.3">
      <c r="B1919">
        <f t="shared" si="222"/>
        <v>2</v>
      </c>
      <c r="C1919" s="16">
        <v>1885</v>
      </c>
      <c r="D1919" cm="1">
        <f t="array" ref="D1919">IFERROR(INDEX(Jesper!AH$2:AH$366,ROUNDDOWN($C1919/24,0)+1,1)*INDEX($D$3:$AA$30,INDEX(Jesper!$R$2:$R$366,ROW(INDEX(Jesper!AH$2:AH$366,ROUNDDOWN($C1919/24,0)+1,1))-1)+IF('Standard Profiles'!$G$18=$B$10,7,0)+IF('Standard Profiles'!$G$18=$B$17,14,0)+IF('Standard Profiles'!$G$18=$B$24,21,0),MOD($C1919,24)+1)/SUM(INDEX($D$3:$AA$30,INDEX(Jesper!$R$2:$R$366,ROW(INDEX(Jesper!AH$2:AH$366,ROUNDDOWN($C1919/24,0)+1,1))-1)+IF('Standard Profiles'!$G$18=$B$10,7,0)+IF('Standard Profiles'!$G$18=$B$17,14,0)+IF('Standard Profiles'!$G$18=$B$24,21,0),0)),0)</f>
        <v>15.095783095414195</v>
      </c>
      <c r="E1919" cm="1">
        <f t="array" ref="E1919">IFERROR(INDEX(Jesper!AI$2:AI$366,ROUNDDOWN($C1919/24,0)+1,1)*INDEX($D$3:$AA$30,INDEX(Jesper!$R$2:$R$366,ROW(INDEX(Jesper!AI$2:AI$366,ROUNDDOWN($C1919/24,0)+1,1))-1)+IF('Standard Profiles'!$G$19=$B$10,7,0)+IF('Standard Profiles'!$G$19=$B$17,14,0)+IF('Standard Profiles'!$G$19=$B$24,21,0),MOD($C1919,24)+1)/SUM(INDEX($D$3:$AA$30,INDEX(Jesper!$R$2:$R$366,ROW(INDEX(Jesper!AI$2:AI$366,ROUNDDOWN($C1919/24,0)+1,1))-1)+IF('Standard Profiles'!$G$19=$B$10,7,0)+IF('Standard Profiles'!$G$19=$B$17,14,0)+IF('Standard Profiles'!$G$19=$B$24,21,0),0)),0)</f>
        <v>0</v>
      </c>
      <c r="F1919" cm="1">
        <f t="array" ref="F1919">IFERROR(INDEX(Jesper!AJ$2:AJ$366,ROUNDDOWN($C1919/24,0)+1,1)*INDEX($D$3:$AA$30,INDEX(Jesper!$R$2:$R$366,ROW(INDEX(Jesper!AJ$2:AJ$366,ROUNDDOWN($C1919/24,0)+1,1))-1)+IF('Standard Profiles'!$G$20=$B$10,7,0)+IF('Standard Profiles'!$G$20=$B$17,14,0)+IF('Standard Profiles'!$G$20=$B$24,21,0),MOD($C1919,24)+1)/SUM(INDEX($D$3:$AA$30,INDEX(Jesper!$R$2:$R$366,ROW(INDEX(Jesper!AJ$2:AJ$366,ROUNDDOWN($C1919/24,0)+1,1))-1)+IF('Standard Profiles'!$G$20=$B$10,7,0)+IF('Standard Profiles'!$G$20=$B$17,14,0)+IF('Standard Profiles'!$G$20=$B$24,21,0),0)),0)</f>
        <v>0</v>
      </c>
      <c r="G1919" cm="1">
        <f t="array" ref="G1919">IFERROR(INDEX(Jesper!AK$2:AK$366,ROUNDDOWN($C1919/24,0)+1,1)*INDEX($D$3:$AA$30,INDEX(Jesper!$R$2:$R$366,ROW(INDEX(Jesper!AK$2:AK$366,ROUNDDOWN($C1919/24,0)+1,1))-1)+IF('Standard Profiles'!$G$21=$B$10,7,0)+IF('Standard Profiles'!$G$21=$B$17,14,0)+IF('Standard Profiles'!$G$21=$B$24,21,0),MOD($C1919,24)+1)/SUM(INDEX($D$3:$AA$30,INDEX(Jesper!$R$2:$R$366,ROW(INDEX(Jesper!AK$2:AK$366,ROUNDDOWN($C1919/24,0)+1,1))-1)+IF('Standard Profiles'!$G$21=$B$10,7,0)+IF('Standard Profiles'!$G$21=$B$17,14,0)+IF('Standard Profiles'!$G$21=$B$24,21,0),0)),0)</f>
        <v>0</v>
      </c>
      <c r="H1919" cm="1">
        <f t="array" ref="H1919">IFERROR(INDEX(Jesper!AL$2:AL$366,ROUNDDOWN($C1919/24,0)+1,1)*INDEX($D$3:$AA$30,INDEX(Jesper!$R$2:$R$366,ROW(INDEX(Jesper!AL$2:AL$366,ROUNDDOWN($C1919/24,0)+1,1))-1)+IF('Standard Profiles'!$G$22=$B$10,7,0)+IF('Standard Profiles'!$G$22=$B$17,14,0)+IF('Standard Profiles'!$G$22=$B$24,21,0),MOD($C1919,24)+1)/SUM(INDEX($D$3:$AA$30,INDEX(Jesper!$R$2:$R$366,ROW(INDEX(Jesper!AL$2:AL$366,ROUNDDOWN($C1919/24,0)+1,1))-1)+IF('Standard Profiles'!$G$22=$B$10,7,0)+IF('Standard Profiles'!$G$22=$B$17,14,0)+IF('Standard Profiles'!$G$22=$B$24,21,0),0)),0)</f>
        <v>0</v>
      </c>
      <c r="I1919">
        <f t="shared" si="223"/>
        <v>0.45287349286242584</v>
      </c>
      <c r="J1919">
        <f t="shared" si="224"/>
        <v>1.5095783095414195</v>
      </c>
      <c r="K1919">
        <f t="shared" si="225"/>
        <v>2.2643674643121292</v>
      </c>
      <c r="L1919">
        <f t="shared" si="226"/>
        <v>10.86896382869822</v>
      </c>
      <c r="M1919">
        <f t="shared" si="227"/>
        <v>0</v>
      </c>
      <c r="N1919" s="46">
        <f t="shared" si="228"/>
        <v>45370.541666662095</v>
      </c>
    </row>
    <row r="1920" spans="2:14" x14ac:dyDescent="0.3">
      <c r="B1920">
        <f t="shared" si="222"/>
        <v>2</v>
      </c>
      <c r="C1920" s="16">
        <v>1886</v>
      </c>
      <c r="D1920" cm="1">
        <f t="array" ref="D1920">IFERROR(INDEX(Jesper!AH$2:AH$366,ROUNDDOWN($C1920/24,0)+1,1)*INDEX($D$3:$AA$30,INDEX(Jesper!$R$2:$R$366,ROW(INDEX(Jesper!AH$2:AH$366,ROUNDDOWN($C1920/24,0)+1,1))-1)+IF('Standard Profiles'!$G$18=$B$10,7,0)+IF('Standard Profiles'!$G$18=$B$17,14,0)+IF('Standard Profiles'!$G$18=$B$24,21,0),MOD($C1920,24)+1)/SUM(INDEX($D$3:$AA$30,INDEX(Jesper!$R$2:$R$366,ROW(INDEX(Jesper!AH$2:AH$366,ROUNDDOWN($C1920/24,0)+1,1))-1)+IF('Standard Profiles'!$G$18=$B$10,7,0)+IF('Standard Profiles'!$G$18=$B$17,14,0)+IF('Standard Profiles'!$G$18=$B$24,21,0),0)),0)</f>
        <v>15.095783095414195</v>
      </c>
      <c r="E1920" cm="1">
        <f t="array" ref="E1920">IFERROR(INDEX(Jesper!AI$2:AI$366,ROUNDDOWN($C1920/24,0)+1,1)*INDEX($D$3:$AA$30,INDEX(Jesper!$R$2:$R$366,ROW(INDEX(Jesper!AI$2:AI$366,ROUNDDOWN($C1920/24,0)+1,1))-1)+IF('Standard Profiles'!$G$19=$B$10,7,0)+IF('Standard Profiles'!$G$19=$B$17,14,0)+IF('Standard Profiles'!$G$19=$B$24,21,0),MOD($C1920,24)+1)/SUM(INDEX($D$3:$AA$30,INDEX(Jesper!$R$2:$R$366,ROW(INDEX(Jesper!AI$2:AI$366,ROUNDDOWN($C1920/24,0)+1,1))-1)+IF('Standard Profiles'!$G$19=$B$10,7,0)+IF('Standard Profiles'!$G$19=$B$17,14,0)+IF('Standard Profiles'!$G$19=$B$24,21,0),0)),0)</f>
        <v>0</v>
      </c>
      <c r="F1920" cm="1">
        <f t="array" ref="F1920">IFERROR(INDEX(Jesper!AJ$2:AJ$366,ROUNDDOWN($C1920/24,0)+1,1)*INDEX($D$3:$AA$30,INDEX(Jesper!$R$2:$R$366,ROW(INDEX(Jesper!AJ$2:AJ$366,ROUNDDOWN($C1920/24,0)+1,1))-1)+IF('Standard Profiles'!$G$20=$B$10,7,0)+IF('Standard Profiles'!$G$20=$B$17,14,0)+IF('Standard Profiles'!$G$20=$B$24,21,0),MOD($C1920,24)+1)/SUM(INDEX($D$3:$AA$30,INDEX(Jesper!$R$2:$R$366,ROW(INDEX(Jesper!AJ$2:AJ$366,ROUNDDOWN($C1920/24,0)+1,1))-1)+IF('Standard Profiles'!$G$20=$B$10,7,0)+IF('Standard Profiles'!$G$20=$B$17,14,0)+IF('Standard Profiles'!$G$20=$B$24,21,0),0)),0)</f>
        <v>0</v>
      </c>
      <c r="G1920" cm="1">
        <f t="array" ref="G1920">IFERROR(INDEX(Jesper!AK$2:AK$366,ROUNDDOWN($C1920/24,0)+1,1)*INDEX($D$3:$AA$30,INDEX(Jesper!$R$2:$R$366,ROW(INDEX(Jesper!AK$2:AK$366,ROUNDDOWN($C1920/24,0)+1,1))-1)+IF('Standard Profiles'!$G$21=$B$10,7,0)+IF('Standard Profiles'!$G$21=$B$17,14,0)+IF('Standard Profiles'!$G$21=$B$24,21,0),MOD($C1920,24)+1)/SUM(INDEX($D$3:$AA$30,INDEX(Jesper!$R$2:$R$366,ROW(INDEX(Jesper!AK$2:AK$366,ROUNDDOWN($C1920/24,0)+1,1))-1)+IF('Standard Profiles'!$G$21=$B$10,7,0)+IF('Standard Profiles'!$G$21=$B$17,14,0)+IF('Standard Profiles'!$G$21=$B$24,21,0),0)),0)</f>
        <v>0</v>
      </c>
      <c r="H1920" cm="1">
        <f t="array" ref="H1920">IFERROR(INDEX(Jesper!AL$2:AL$366,ROUNDDOWN($C1920/24,0)+1,1)*INDEX($D$3:$AA$30,INDEX(Jesper!$R$2:$R$366,ROW(INDEX(Jesper!AL$2:AL$366,ROUNDDOWN($C1920/24,0)+1,1))-1)+IF('Standard Profiles'!$G$22=$B$10,7,0)+IF('Standard Profiles'!$G$22=$B$17,14,0)+IF('Standard Profiles'!$G$22=$B$24,21,0),MOD($C1920,24)+1)/SUM(INDEX($D$3:$AA$30,INDEX(Jesper!$R$2:$R$366,ROW(INDEX(Jesper!AL$2:AL$366,ROUNDDOWN($C1920/24,0)+1,1))-1)+IF('Standard Profiles'!$G$22=$B$10,7,0)+IF('Standard Profiles'!$G$22=$B$17,14,0)+IF('Standard Profiles'!$G$22=$B$24,21,0),0)),0)</f>
        <v>0</v>
      </c>
      <c r="I1920">
        <f t="shared" si="223"/>
        <v>0.45287349286242584</v>
      </c>
      <c r="J1920">
        <f t="shared" si="224"/>
        <v>1.5095783095414195</v>
      </c>
      <c r="K1920">
        <f t="shared" si="225"/>
        <v>2.2643674643121292</v>
      </c>
      <c r="L1920">
        <f t="shared" si="226"/>
        <v>10.86896382869822</v>
      </c>
      <c r="M1920">
        <f t="shared" si="227"/>
        <v>0</v>
      </c>
      <c r="N1920" s="46">
        <f t="shared" si="228"/>
        <v>45370.583333328759</v>
      </c>
    </row>
    <row r="1921" spans="2:14" x14ac:dyDescent="0.3">
      <c r="B1921">
        <f t="shared" si="222"/>
        <v>2</v>
      </c>
      <c r="C1921" s="16">
        <v>1887</v>
      </c>
      <c r="D1921" cm="1">
        <f t="array" ref="D1921">IFERROR(INDEX(Jesper!AH$2:AH$366,ROUNDDOWN($C1921/24,0)+1,1)*INDEX($D$3:$AA$30,INDEX(Jesper!$R$2:$R$366,ROW(INDEX(Jesper!AH$2:AH$366,ROUNDDOWN($C1921/24,0)+1,1))-1)+IF('Standard Profiles'!$G$18=$B$10,7,0)+IF('Standard Profiles'!$G$18=$B$17,14,0)+IF('Standard Profiles'!$G$18=$B$24,21,0),MOD($C1921,24)+1)/SUM(INDEX($D$3:$AA$30,INDEX(Jesper!$R$2:$R$366,ROW(INDEX(Jesper!AH$2:AH$366,ROUNDDOWN($C1921/24,0)+1,1))-1)+IF('Standard Profiles'!$G$18=$B$10,7,0)+IF('Standard Profiles'!$G$18=$B$17,14,0)+IF('Standard Profiles'!$G$18=$B$24,21,0),0)),0)</f>
        <v>15.095783095414195</v>
      </c>
      <c r="E1921" cm="1">
        <f t="array" ref="E1921">IFERROR(INDEX(Jesper!AI$2:AI$366,ROUNDDOWN($C1921/24,0)+1,1)*INDEX($D$3:$AA$30,INDEX(Jesper!$R$2:$R$366,ROW(INDEX(Jesper!AI$2:AI$366,ROUNDDOWN($C1921/24,0)+1,1))-1)+IF('Standard Profiles'!$G$19=$B$10,7,0)+IF('Standard Profiles'!$G$19=$B$17,14,0)+IF('Standard Profiles'!$G$19=$B$24,21,0),MOD($C1921,24)+1)/SUM(INDEX($D$3:$AA$30,INDEX(Jesper!$R$2:$R$366,ROW(INDEX(Jesper!AI$2:AI$366,ROUNDDOWN($C1921/24,0)+1,1))-1)+IF('Standard Profiles'!$G$19=$B$10,7,0)+IF('Standard Profiles'!$G$19=$B$17,14,0)+IF('Standard Profiles'!$G$19=$B$24,21,0),0)),0)</f>
        <v>0</v>
      </c>
      <c r="F1921" cm="1">
        <f t="array" ref="F1921">IFERROR(INDEX(Jesper!AJ$2:AJ$366,ROUNDDOWN($C1921/24,0)+1,1)*INDEX($D$3:$AA$30,INDEX(Jesper!$R$2:$R$366,ROW(INDEX(Jesper!AJ$2:AJ$366,ROUNDDOWN($C1921/24,0)+1,1))-1)+IF('Standard Profiles'!$G$20=$B$10,7,0)+IF('Standard Profiles'!$G$20=$B$17,14,0)+IF('Standard Profiles'!$G$20=$B$24,21,0),MOD($C1921,24)+1)/SUM(INDEX($D$3:$AA$30,INDEX(Jesper!$R$2:$R$366,ROW(INDEX(Jesper!AJ$2:AJ$366,ROUNDDOWN($C1921/24,0)+1,1))-1)+IF('Standard Profiles'!$G$20=$B$10,7,0)+IF('Standard Profiles'!$G$20=$B$17,14,0)+IF('Standard Profiles'!$G$20=$B$24,21,0),0)),0)</f>
        <v>0</v>
      </c>
      <c r="G1921" cm="1">
        <f t="array" ref="G1921">IFERROR(INDEX(Jesper!AK$2:AK$366,ROUNDDOWN($C1921/24,0)+1,1)*INDEX($D$3:$AA$30,INDEX(Jesper!$R$2:$R$366,ROW(INDEX(Jesper!AK$2:AK$366,ROUNDDOWN($C1921/24,0)+1,1))-1)+IF('Standard Profiles'!$G$21=$B$10,7,0)+IF('Standard Profiles'!$G$21=$B$17,14,0)+IF('Standard Profiles'!$G$21=$B$24,21,0),MOD($C1921,24)+1)/SUM(INDEX($D$3:$AA$30,INDEX(Jesper!$R$2:$R$366,ROW(INDEX(Jesper!AK$2:AK$366,ROUNDDOWN($C1921/24,0)+1,1))-1)+IF('Standard Profiles'!$G$21=$B$10,7,0)+IF('Standard Profiles'!$G$21=$B$17,14,0)+IF('Standard Profiles'!$G$21=$B$24,21,0),0)),0)</f>
        <v>0</v>
      </c>
      <c r="H1921" cm="1">
        <f t="array" ref="H1921">IFERROR(INDEX(Jesper!AL$2:AL$366,ROUNDDOWN($C1921/24,0)+1,1)*INDEX($D$3:$AA$30,INDEX(Jesper!$R$2:$R$366,ROW(INDEX(Jesper!AL$2:AL$366,ROUNDDOWN($C1921/24,0)+1,1))-1)+IF('Standard Profiles'!$G$22=$B$10,7,0)+IF('Standard Profiles'!$G$22=$B$17,14,0)+IF('Standard Profiles'!$G$22=$B$24,21,0),MOD($C1921,24)+1)/SUM(INDEX($D$3:$AA$30,INDEX(Jesper!$R$2:$R$366,ROW(INDEX(Jesper!AL$2:AL$366,ROUNDDOWN($C1921/24,0)+1,1))-1)+IF('Standard Profiles'!$G$22=$B$10,7,0)+IF('Standard Profiles'!$G$22=$B$17,14,0)+IF('Standard Profiles'!$G$22=$B$24,21,0),0)),0)</f>
        <v>0</v>
      </c>
      <c r="I1921">
        <f t="shared" si="223"/>
        <v>0.45287349286242584</v>
      </c>
      <c r="J1921">
        <f t="shared" si="224"/>
        <v>1.5095783095414195</v>
      </c>
      <c r="K1921">
        <f t="shared" si="225"/>
        <v>2.2643674643121292</v>
      </c>
      <c r="L1921">
        <f t="shared" si="226"/>
        <v>10.86896382869822</v>
      </c>
      <c r="M1921">
        <f t="shared" si="227"/>
        <v>0</v>
      </c>
      <c r="N1921" s="46">
        <f t="shared" si="228"/>
        <v>45370.624999995423</v>
      </c>
    </row>
    <row r="1922" spans="2:14" x14ac:dyDescent="0.3">
      <c r="B1922">
        <f t="shared" si="222"/>
        <v>2</v>
      </c>
      <c r="C1922" s="16">
        <v>1888</v>
      </c>
      <c r="D1922" cm="1">
        <f t="array" ref="D1922">IFERROR(INDEX(Jesper!AH$2:AH$366,ROUNDDOWN($C1922/24,0)+1,1)*INDEX($D$3:$AA$30,INDEX(Jesper!$R$2:$R$366,ROW(INDEX(Jesper!AH$2:AH$366,ROUNDDOWN($C1922/24,0)+1,1))-1)+IF('Standard Profiles'!$G$18=$B$10,7,0)+IF('Standard Profiles'!$G$18=$B$17,14,0)+IF('Standard Profiles'!$G$18=$B$24,21,0),MOD($C1922,24)+1)/SUM(INDEX($D$3:$AA$30,INDEX(Jesper!$R$2:$R$366,ROW(INDEX(Jesper!AH$2:AH$366,ROUNDDOWN($C1922/24,0)+1,1))-1)+IF('Standard Profiles'!$G$18=$B$10,7,0)+IF('Standard Profiles'!$G$18=$B$17,14,0)+IF('Standard Profiles'!$G$18=$B$24,21,0),0)),0)</f>
        <v>15.095783095414195</v>
      </c>
      <c r="E1922" cm="1">
        <f t="array" ref="E1922">IFERROR(INDEX(Jesper!AI$2:AI$366,ROUNDDOWN($C1922/24,0)+1,1)*INDEX($D$3:$AA$30,INDEX(Jesper!$R$2:$R$366,ROW(INDEX(Jesper!AI$2:AI$366,ROUNDDOWN($C1922/24,0)+1,1))-1)+IF('Standard Profiles'!$G$19=$B$10,7,0)+IF('Standard Profiles'!$G$19=$B$17,14,0)+IF('Standard Profiles'!$G$19=$B$24,21,0),MOD($C1922,24)+1)/SUM(INDEX($D$3:$AA$30,INDEX(Jesper!$R$2:$R$366,ROW(INDEX(Jesper!AI$2:AI$366,ROUNDDOWN($C1922/24,0)+1,1))-1)+IF('Standard Profiles'!$G$19=$B$10,7,0)+IF('Standard Profiles'!$G$19=$B$17,14,0)+IF('Standard Profiles'!$G$19=$B$24,21,0),0)),0)</f>
        <v>0</v>
      </c>
      <c r="F1922" cm="1">
        <f t="array" ref="F1922">IFERROR(INDEX(Jesper!AJ$2:AJ$366,ROUNDDOWN($C1922/24,0)+1,1)*INDEX($D$3:$AA$30,INDEX(Jesper!$R$2:$R$366,ROW(INDEX(Jesper!AJ$2:AJ$366,ROUNDDOWN($C1922/24,0)+1,1))-1)+IF('Standard Profiles'!$G$20=$B$10,7,0)+IF('Standard Profiles'!$G$20=$B$17,14,0)+IF('Standard Profiles'!$G$20=$B$24,21,0),MOD($C1922,24)+1)/SUM(INDEX($D$3:$AA$30,INDEX(Jesper!$R$2:$R$366,ROW(INDEX(Jesper!AJ$2:AJ$366,ROUNDDOWN($C1922/24,0)+1,1))-1)+IF('Standard Profiles'!$G$20=$B$10,7,0)+IF('Standard Profiles'!$G$20=$B$17,14,0)+IF('Standard Profiles'!$G$20=$B$24,21,0),0)),0)</f>
        <v>0</v>
      </c>
      <c r="G1922" cm="1">
        <f t="array" ref="G1922">IFERROR(INDEX(Jesper!AK$2:AK$366,ROUNDDOWN($C1922/24,0)+1,1)*INDEX($D$3:$AA$30,INDEX(Jesper!$R$2:$R$366,ROW(INDEX(Jesper!AK$2:AK$366,ROUNDDOWN($C1922/24,0)+1,1))-1)+IF('Standard Profiles'!$G$21=$B$10,7,0)+IF('Standard Profiles'!$G$21=$B$17,14,0)+IF('Standard Profiles'!$G$21=$B$24,21,0),MOD($C1922,24)+1)/SUM(INDEX($D$3:$AA$30,INDEX(Jesper!$R$2:$R$366,ROW(INDEX(Jesper!AK$2:AK$366,ROUNDDOWN($C1922/24,0)+1,1))-1)+IF('Standard Profiles'!$G$21=$B$10,7,0)+IF('Standard Profiles'!$G$21=$B$17,14,0)+IF('Standard Profiles'!$G$21=$B$24,21,0),0)),0)</f>
        <v>0</v>
      </c>
      <c r="H1922" cm="1">
        <f t="array" ref="H1922">IFERROR(INDEX(Jesper!AL$2:AL$366,ROUNDDOWN($C1922/24,0)+1,1)*INDEX($D$3:$AA$30,INDEX(Jesper!$R$2:$R$366,ROW(INDEX(Jesper!AL$2:AL$366,ROUNDDOWN($C1922/24,0)+1,1))-1)+IF('Standard Profiles'!$G$22=$B$10,7,0)+IF('Standard Profiles'!$G$22=$B$17,14,0)+IF('Standard Profiles'!$G$22=$B$24,21,0),MOD($C1922,24)+1)/SUM(INDEX($D$3:$AA$30,INDEX(Jesper!$R$2:$R$366,ROW(INDEX(Jesper!AL$2:AL$366,ROUNDDOWN($C1922/24,0)+1,1))-1)+IF('Standard Profiles'!$G$22=$B$10,7,0)+IF('Standard Profiles'!$G$22=$B$17,14,0)+IF('Standard Profiles'!$G$22=$B$24,21,0),0)),0)</f>
        <v>0</v>
      </c>
      <c r="I1922">
        <f t="shared" si="223"/>
        <v>0.45287349286242584</v>
      </c>
      <c r="J1922">
        <f t="shared" si="224"/>
        <v>1.5095783095414195</v>
      </c>
      <c r="K1922">
        <f t="shared" si="225"/>
        <v>2.2643674643121292</v>
      </c>
      <c r="L1922">
        <f t="shared" si="226"/>
        <v>10.86896382869822</v>
      </c>
      <c r="M1922">
        <f t="shared" si="227"/>
        <v>0</v>
      </c>
      <c r="N1922" s="46">
        <f t="shared" si="228"/>
        <v>45370.666666662088</v>
      </c>
    </row>
    <row r="1923" spans="2:14" x14ac:dyDescent="0.3">
      <c r="B1923">
        <f t="shared" si="222"/>
        <v>2</v>
      </c>
      <c r="C1923" s="16">
        <v>1889</v>
      </c>
      <c r="D1923" cm="1">
        <f t="array" ref="D1923">IFERROR(INDEX(Jesper!AH$2:AH$366,ROUNDDOWN($C1923/24,0)+1,1)*INDEX($D$3:$AA$30,INDEX(Jesper!$R$2:$R$366,ROW(INDEX(Jesper!AH$2:AH$366,ROUNDDOWN($C1923/24,0)+1,1))-1)+IF('Standard Profiles'!$G$18=$B$10,7,0)+IF('Standard Profiles'!$G$18=$B$17,14,0)+IF('Standard Profiles'!$G$18=$B$24,21,0),MOD($C1923,24)+1)/SUM(INDEX($D$3:$AA$30,INDEX(Jesper!$R$2:$R$366,ROW(INDEX(Jesper!AH$2:AH$366,ROUNDDOWN($C1923/24,0)+1,1))-1)+IF('Standard Profiles'!$G$18=$B$10,7,0)+IF('Standard Profiles'!$G$18=$B$17,14,0)+IF('Standard Profiles'!$G$18=$B$24,21,0),0)),0)</f>
        <v>15.095783095414195</v>
      </c>
      <c r="E1923" cm="1">
        <f t="array" ref="E1923">IFERROR(INDEX(Jesper!AI$2:AI$366,ROUNDDOWN($C1923/24,0)+1,1)*INDEX($D$3:$AA$30,INDEX(Jesper!$R$2:$R$366,ROW(INDEX(Jesper!AI$2:AI$366,ROUNDDOWN($C1923/24,0)+1,1))-1)+IF('Standard Profiles'!$G$19=$B$10,7,0)+IF('Standard Profiles'!$G$19=$B$17,14,0)+IF('Standard Profiles'!$G$19=$B$24,21,0),MOD($C1923,24)+1)/SUM(INDEX($D$3:$AA$30,INDEX(Jesper!$R$2:$R$366,ROW(INDEX(Jesper!AI$2:AI$366,ROUNDDOWN($C1923/24,0)+1,1))-1)+IF('Standard Profiles'!$G$19=$B$10,7,0)+IF('Standard Profiles'!$G$19=$B$17,14,0)+IF('Standard Profiles'!$G$19=$B$24,21,0),0)),0)</f>
        <v>0</v>
      </c>
      <c r="F1923" cm="1">
        <f t="array" ref="F1923">IFERROR(INDEX(Jesper!AJ$2:AJ$366,ROUNDDOWN($C1923/24,0)+1,1)*INDEX($D$3:$AA$30,INDEX(Jesper!$R$2:$R$366,ROW(INDEX(Jesper!AJ$2:AJ$366,ROUNDDOWN($C1923/24,0)+1,1))-1)+IF('Standard Profiles'!$G$20=$B$10,7,0)+IF('Standard Profiles'!$G$20=$B$17,14,0)+IF('Standard Profiles'!$G$20=$B$24,21,0),MOD($C1923,24)+1)/SUM(INDEX($D$3:$AA$30,INDEX(Jesper!$R$2:$R$366,ROW(INDEX(Jesper!AJ$2:AJ$366,ROUNDDOWN($C1923/24,0)+1,1))-1)+IF('Standard Profiles'!$G$20=$B$10,7,0)+IF('Standard Profiles'!$G$20=$B$17,14,0)+IF('Standard Profiles'!$G$20=$B$24,21,0),0)),0)</f>
        <v>0</v>
      </c>
      <c r="G1923" cm="1">
        <f t="array" ref="G1923">IFERROR(INDEX(Jesper!AK$2:AK$366,ROUNDDOWN($C1923/24,0)+1,1)*INDEX($D$3:$AA$30,INDEX(Jesper!$R$2:$R$366,ROW(INDEX(Jesper!AK$2:AK$366,ROUNDDOWN($C1923/24,0)+1,1))-1)+IF('Standard Profiles'!$G$21=$B$10,7,0)+IF('Standard Profiles'!$G$21=$B$17,14,0)+IF('Standard Profiles'!$G$21=$B$24,21,0),MOD($C1923,24)+1)/SUM(INDEX($D$3:$AA$30,INDEX(Jesper!$R$2:$R$366,ROW(INDEX(Jesper!AK$2:AK$366,ROUNDDOWN($C1923/24,0)+1,1))-1)+IF('Standard Profiles'!$G$21=$B$10,7,0)+IF('Standard Profiles'!$G$21=$B$17,14,0)+IF('Standard Profiles'!$G$21=$B$24,21,0),0)),0)</f>
        <v>0</v>
      </c>
      <c r="H1923" cm="1">
        <f t="array" ref="H1923">IFERROR(INDEX(Jesper!AL$2:AL$366,ROUNDDOWN($C1923/24,0)+1,1)*INDEX($D$3:$AA$30,INDEX(Jesper!$R$2:$R$366,ROW(INDEX(Jesper!AL$2:AL$366,ROUNDDOWN($C1923/24,0)+1,1))-1)+IF('Standard Profiles'!$G$22=$B$10,7,0)+IF('Standard Profiles'!$G$22=$B$17,14,0)+IF('Standard Profiles'!$G$22=$B$24,21,0),MOD($C1923,24)+1)/SUM(INDEX($D$3:$AA$30,INDEX(Jesper!$R$2:$R$366,ROW(INDEX(Jesper!AL$2:AL$366,ROUNDDOWN($C1923/24,0)+1,1))-1)+IF('Standard Profiles'!$G$22=$B$10,7,0)+IF('Standard Profiles'!$G$22=$B$17,14,0)+IF('Standard Profiles'!$G$22=$B$24,21,0),0)),0)</f>
        <v>0</v>
      </c>
      <c r="I1923">
        <f t="shared" si="223"/>
        <v>0.45287349286242584</v>
      </c>
      <c r="J1923">
        <f t="shared" si="224"/>
        <v>1.5095783095414195</v>
      </c>
      <c r="K1923">
        <f t="shared" si="225"/>
        <v>2.2643674643121292</v>
      </c>
      <c r="L1923">
        <f t="shared" si="226"/>
        <v>10.86896382869822</v>
      </c>
      <c r="M1923">
        <f t="shared" si="227"/>
        <v>0</v>
      </c>
      <c r="N1923" s="46">
        <f t="shared" si="228"/>
        <v>45370.708333328752</v>
      </c>
    </row>
    <row r="1924" spans="2:14" x14ac:dyDescent="0.3">
      <c r="B1924">
        <f t="shared" si="222"/>
        <v>2</v>
      </c>
      <c r="C1924" s="16">
        <v>1890</v>
      </c>
      <c r="D1924" cm="1">
        <f t="array" ref="D1924">IFERROR(INDEX(Jesper!AH$2:AH$366,ROUNDDOWN($C1924/24,0)+1,1)*INDEX($D$3:$AA$30,INDEX(Jesper!$R$2:$R$366,ROW(INDEX(Jesper!AH$2:AH$366,ROUNDDOWN($C1924/24,0)+1,1))-1)+IF('Standard Profiles'!$G$18=$B$10,7,0)+IF('Standard Profiles'!$G$18=$B$17,14,0)+IF('Standard Profiles'!$G$18=$B$24,21,0),MOD($C1924,24)+1)/SUM(INDEX($D$3:$AA$30,INDEX(Jesper!$R$2:$R$366,ROW(INDEX(Jesper!AH$2:AH$366,ROUNDDOWN($C1924/24,0)+1,1))-1)+IF('Standard Profiles'!$G$18=$B$10,7,0)+IF('Standard Profiles'!$G$18=$B$17,14,0)+IF('Standard Profiles'!$G$18=$B$24,21,0),0)),0)</f>
        <v>15.095783095414195</v>
      </c>
      <c r="E1924" cm="1">
        <f t="array" ref="E1924">IFERROR(INDEX(Jesper!AI$2:AI$366,ROUNDDOWN($C1924/24,0)+1,1)*INDEX($D$3:$AA$30,INDEX(Jesper!$R$2:$R$366,ROW(INDEX(Jesper!AI$2:AI$366,ROUNDDOWN($C1924/24,0)+1,1))-1)+IF('Standard Profiles'!$G$19=$B$10,7,0)+IF('Standard Profiles'!$G$19=$B$17,14,0)+IF('Standard Profiles'!$G$19=$B$24,21,0),MOD($C1924,24)+1)/SUM(INDEX($D$3:$AA$30,INDEX(Jesper!$R$2:$R$366,ROW(INDEX(Jesper!AI$2:AI$366,ROUNDDOWN($C1924/24,0)+1,1))-1)+IF('Standard Profiles'!$G$19=$B$10,7,0)+IF('Standard Profiles'!$G$19=$B$17,14,0)+IF('Standard Profiles'!$G$19=$B$24,21,0),0)),0)</f>
        <v>0</v>
      </c>
      <c r="F1924" cm="1">
        <f t="array" ref="F1924">IFERROR(INDEX(Jesper!AJ$2:AJ$366,ROUNDDOWN($C1924/24,0)+1,1)*INDEX($D$3:$AA$30,INDEX(Jesper!$R$2:$R$366,ROW(INDEX(Jesper!AJ$2:AJ$366,ROUNDDOWN($C1924/24,0)+1,1))-1)+IF('Standard Profiles'!$G$20=$B$10,7,0)+IF('Standard Profiles'!$G$20=$B$17,14,0)+IF('Standard Profiles'!$G$20=$B$24,21,0),MOD($C1924,24)+1)/SUM(INDEX($D$3:$AA$30,INDEX(Jesper!$R$2:$R$366,ROW(INDEX(Jesper!AJ$2:AJ$366,ROUNDDOWN($C1924/24,0)+1,1))-1)+IF('Standard Profiles'!$G$20=$B$10,7,0)+IF('Standard Profiles'!$G$20=$B$17,14,0)+IF('Standard Profiles'!$G$20=$B$24,21,0),0)),0)</f>
        <v>0</v>
      </c>
      <c r="G1924" cm="1">
        <f t="array" ref="G1924">IFERROR(INDEX(Jesper!AK$2:AK$366,ROUNDDOWN($C1924/24,0)+1,1)*INDEX($D$3:$AA$30,INDEX(Jesper!$R$2:$R$366,ROW(INDEX(Jesper!AK$2:AK$366,ROUNDDOWN($C1924/24,0)+1,1))-1)+IF('Standard Profiles'!$G$21=$B$10,7,0)+IF('Standard Profiles'!$G$21=$B$17,14,0)+IF('Standard Profiles'!$G$21=$B$24,21,0),MOD($C1924,24)+1)/SUM(INDEX($D$3:$AA$30,INDEX(Jesper!$R$2:$R$366,ROW(INDEX(Jesper!AK$2:AK$366,ROUNDDOWN($C1924/24,0)+1,1))-1)+IF('Standard Profiles'!$G$21=$B$10,7,0)+IF('Standard Profiles'!$G$21=$B$17,14,0)+IF('Standard Profiles'!$G$21=$B$24,21,0),0)),0)</f>
        <v>0</v>
      </c>
      <c r="H1924" cm="1">
        <f t="array" ref="H1924">IFERROR(INDEX(Jesper!AL$2:AL$366,ROUNDDOWN($C1924/24,0)+1,1)*INDEX($D$3:$AA$30,INDEX(Jesper!$R$2:$R$366,ROW(INDEX(Jesper!AL$2:AL$366,ROUNDDOWN($C1924/24,0)+1,1))-1)+IF('Standard Profiles'!$G$22=$B$10,7,0)+IF('Standard Profiles'!$G$22=$B$17,14,0)+IF('Standard Profiles'!$G$22=$B$24,21,0),MOD($C1924,24)+1)/SUM(INDEX($D$3:$AA$30,INDEX(Jesper!$R$2:$R$366,ROW(INDEX(Jesper!AL$2:AL$366,ROUNDDOWN($C1924/24,0)+1,1))-1)+IF('Standard Profiles'!$G$22=$B$10,7,0)+IF('Standard Profiles'!$G$22=$B$17,14,0)+IF('Standard Profiles'!$G$22=$B$24,21,0),0)),0)</f>
        <v>0</v>
      </c>
      <c r="I1924">
        <f t="shared" si="223"/>
        <v>0.45287349286242584</v>
      </c>
      <c r="J1924">
        <f t="shared" si="224"/>
        <v>1.5095783095414195</v>
      </c>
      <c r="K1924">
        <f t="shared" si="225"/>
        <v>2.2643674643121292</v>
      </c>
      <c r="L1924">
        <f t="shared" si="226"/>
        <v>10.86896382869822</v>
      </c>
      <c r="M1924">
        <f t="shared" si="227"/>
        <v>0</v>
      </c>
      <c r="N1924" s="46">
        <f t="shared" si="228"/>
        <v>45370.749999995416</v>
      </c>
    </row>
    <row r="1925" spans="2:14" x14ac:dyDescent="0.3">
      <c r="B1925">
        <f t="shared" si="222"/>
        <v>2</v>
      </c>
      <c r="C1925" s="16">
        <v>1891</v>
      </c>
      <c r="D1925" cm="1">
        <f t="array" ref="D1925">IFERROR(INDEX(Jesper!AH$2:AH$366,ROUNDDOWN($C1925/24,0)+1,1)*INDEX($D$3:$AA$30,INDEX(Jesper!$R$2:$R$366,ROW(INDEX(Jesper!AH$2:AH$366,ROUNDDOWN($C1925/24,0)+1,1))-1)+IF('Standard Profiles'!$G$18=$B$10,7,0)+IF('Standard Profiles'!$G$18=$B$17,14,0)+IF('Standard Profiles'!$G$18=$B$24,21,0),MOD($C1925,24)+1)/SUM(INDEX($D$3:$AA$30,INDEX(Jesper!$R$2:$R$366,ROW(INDEX(Jesper!AH$2:AH$366,ROUNDDOWN($C1925/24,0)+1,1))-1)+IF('Standard Profiles'!$G$18=$B$10,7,0)+IF('Standard Profiles'!$G$18=$B$17,14,0)+IF('Standard Profiles'!$G$18=$B$24,21,0),0)),0)</f>
        <v>12.642718342409388</v>
      </c>
      <c r="E1925" cm="1">
        <f t="array" ref="E1925">IFERROR(INDEX(Jesper!AI$2:AI$366,ROUNDDOWN($C1925/24,0)+1,1)*INDEX($D$3:$AA$30,INDEX(Jesper!$R$2:$R$366,ROW(INDEX(Jesper!AI$2:AI$366,ROUNDDOWN($C1925/24,0)+1,1))-1)+IF('Standard Profiles'!$G$19=$B$10,7,0)+IF('Standard Profiles'!$G$19=$B$17,14,0)+IF('Standard Profiles'!$G$19=$B$24,21,0),MOD($C1925,24)+1)/SUM(INDEX($D$3:$AA$30,INDEX(Jesper!$R$2:$R$366,ROW(INDEX(Jesper!AI$2:AI$366,ROUNDDOWN($C1925/24,0)+1,1))-1)+IF('Standard Profiles'!$G$19=$B$10,7,0)+IF('Standard Profiles'!$G$19=$B$17,14,0)+IF('Standard Profiles'!$G$19=$B$24,21,0),0)),0)</f>
        <v>0</v>
      </c>
      <c r="F1925" cm="1">
        <f t="array" ref="F1925">IFERROR(INDEX(Jesper!AJ$2:AJ$366,ROUNDDOWN($C1925/24,0)+1,1)*INDEX($D$3:$AA$30,INDEX(Jesper!$R$2:$R$366,ROW(INDEX(Jesper!AJ$2:AJ$366,ROUNDDOWN($C1925/24,0)+1,1))-1)+IF('Standard Profiles'!$G$20=$B$10,7,0)+IF('Standard Profiles'!$G$20=$B$17,14,0)+IF('Standard Profiles'!$G$20=$B$24,21,0),MOD($C1925,24)+1)/SUM(INDEX($D$3:$AA$30,INDEX(Jesper!$R$2:$R$366,ROW(INDEX(Jesper!AJ$2:AJ$366,ROUNDDOWN($C1925/24,0)+1,1))-1)+IF('Standard Profiles'!$G$20=$B$10,7,0)+IF('Standard Profiles'!$G$20=$B$17,14,0)+IF('Standard Profiles'!$G$20=$B$24,21,0),0)),0)</f>
        <v>0</v>
      </c>
      <c r="G1925" cm="1">
        <f t="array" ref="G1925">IFERROR(INDEX(Jesper!AK$2:AK$366,ROUNDDOWN($C1925/24,0)+1,1)*INDEX($D$3:$AA$30,INDEX(Jesper!$R$2:$R$366,ROW(INDEX(Jesper!AK$2:AK$366,ROUNDDOWN($C1925/24,0)+1,1))-1)+IF('Standard Profiles'!$G$21=$B$10,7,0)+IF('Standard Profiles'!$G$21=$B$17,14,0)+IF('Standard Profiles'!$G$21=$B$24,21,0),MOD($C1925,24)+1)/SUM(INDEX($D$3:$AA$30,INDEX(Jesper!$R$2:$R$366,ROW(INDEX(Jesper!AK$2:AK$366,ROUNDDOWN($C1925/24,0)+1,1))-1)+IF('Standard Profiles'!$G$21=$B$10,7,0)+IF('Standard Profiles'!$G$21=$B$17,14,0)+IF('Standard Profiles'!$G$21=$B$24,21,0),0)),0)</f>
        <v>0</v>
      </c>
      <c r="H1925" cm="1">
        <f t="array" ref="H1925">IFERROR(INDEX(Jesper!AL$2:AL$366,ROUNDDOWN($C1925/24,0)+1,1)*INDEX($D$3:$AA$30,INDEX(Jesper!$R$2:$R$366,ROW(INDEX(Jesper!AL$2:AL$366,ROUNDDOWN($C1925/24,0)+1,1))-1)+IF('Standard Profiles'!$G$22=$B$10,7,0)+IF('Standard Profiles'!$G$22=$B$17,14,0)+IF('Standard Profiles'!$G$22=$B$24,21,0),MOD($C1925,24)+1)/SUM(INDEX($D$3:$AA$30,INDEX(Jesper!$R$2:$R$366,ROW(INDEX(Jesper!AL$2:AL$366,ROUNDDOWN($C1925/24,0)+1,1))-1)+IF('Standard Profiles'!$G$22=$B$10,7,0)+IF('Standard Profiles'!$G$22=$B$17,14,0)+IF('Standard Profiles'!$G$22=$B$24,21,0),0)),0)</f>
        <v>0</v>
      </c>
      <c r="I1925">
        <f t="shared" si="223"/>
        <v>0.37928155027228161</v>
      </c>
      <c r="J1925">
        <f t="shared" si="224"/>
        <v>1.2642718342409389</v>
      </c>
      <c r="K1925">
        <f t="shared" si="225"/>
        <v>1.8964077513614082</v>
      </c>
      <c r="L1925">
        <f t="shared" si="226"/>
        <v>9.1027572065347595</v>
      </c>
      <c r="M1925">
        <f t="shared" si="227"/>
        <v>0</v>
      </c>
      <c r="N1925" s="46">
        <f t="shared" si="228"/>
        <v>45370.79166666208</v>
      </c>
    </row>
    <row r="1926" spans="2:14" x14ac:dyDescent="0.3">
      <c r="B1926">
        <f t="shared" si="222"/>
        <v>2</v>
      </c>
      <c r="C1926" s="16">
        <v>1892</v>
      </c>
      <c r="D1926" cm="1">
        <f t="array" ref="D1926">IFERROR(INDEX(Jesper!AH$2:AH$366,ROUNDDOWN($C1926/24,0)+1,1)*INDEX($D$3:$AA$30,INDEX(Jesper!$R$2:$R$366,ROW(INDEX(Jesper!AH$2:AH$366,ROUNDDOWN($C1926/24,0)+1,1))-1)+IF('Standard Profiles'!$G$18=$B$10,7,0)+IF('Standard Profiles'!$G$18=$B$17,14,0)+IF('Standard Profiles'!$G$18=$B$24,21,0),MOD($C1926,24)+1)/SUM(INDEX($D$3:$AA$30,INDEX(Jesper!$R$2:$R$366,ROW(INDEX(Jesper!AH$2:AH$366,ROUNDDOWN($C1926/24,0)+1,1))-1)+IF('Standard Profiles'!$G$18=$B$10,7,0)+IF('Standard Profiles'!$G$18=$B$17,14,0)+IF('Standard Profiles'!$G$18=$B$24,21,0),0)),0)</f>
        <v>10.37835087809726</v>
      </c>
      <c r="E1926" cm="1">
        <f t="array" ref="E1926">IFERROR(INDEX(Jesper!AI$2:AI$366,ROUNDDOWN($C1926/24,0)+1,1)*INDEX($D$3:$AA$30,INDEX(Jesper!$R$2:$R$366,ROW(INDEX(Jesper!AI$2:AI$366,ROUNDDOWN($C1926/24,0)+1,1))-1)+IF('Standard Profiles'!$G$19=$B$10,7,0)+IF('Standard Profiles'!$G$19=$B$17,14,0)+IF('Standard Profiles'!$G$19=$B$24,21,0),MOD($C1926,24)+1)/SUM(INDEX($D$3:$AA$30,INDEX(Jesper!$R$2:$R$366,ROW(INDEX(Jesper!AI$2:AI$366,ROUNDDOWN($C1926/24,0)+1,1))-1)+IF('Standard Profiles'!$G$19=$B$10,7,0)+IF('Standard Profiles'!$G$19=$B$17,14,0)+IF('Standard Profiles'!$G$19=$B$24,21,0),0)),0)</f>
        <v>0</v>
      </c>
      <c r="F1926" cm="1">
        <f t="array" ref="F1926">IFERROR(INDEX(Jesper!AJ$2:AJ$366,ROUNDDOWN($C1926/24,0)+1,1)*INDEX($D$3:$AA$30,INDEX(Jesper!$R$2:$R$366,ROW(INDEX(Jesper!AJ$2:AJ$366,ROUNDDOWN($C1926/24,0)+1,1))-1)+IF('Standard Profiles'!$G$20=$B$10,7,0)+IF('Standard Profiles'!$G$20=$B$17,14,0)+IF('Standard Profiles'!$G$20=$B$24,21,0),MOD($C1926,24)+1)/SUM(INDEX($D$3:$AA$30,INDEX(Jesper!$R$2:$R$366,ROW(INDEX(Jesper!AJ$2:AJ$366,ROUNDDOWN($C1926/24,0)+1,1))-1)+IF('Standard Profiles'!$G$20=$B$10,7,0)+IF('Standard Profiles'!$G$20=$B$17,14,0)+IF('Standard Profiles'!$G$20=$B$24,21,0),0)),0)</f>
        <v>0</v>
      </c>
      <c r="G1926" cm="1">
        <f t="array" ref="G1926">IFERROR(INDEX(Jesper!AK$2:AK$366,ROUNDDOWN($C1926/24,0)+1,1)*INDEX($D$3:$AA$30,INDEX(Jesper!$R$2:$R$366,ROW(INDEX(Jesper!AK$2:AK$366,ROUNDDOWN($C1926/24,0)+1,1))-1)+IF('Standard Profiles'!$G$21=$B$10,7,0)+IF('Standard Profiles'!$G$21=$B$17,14,0)+IF('Standard Profiles'!$G$21=$B$24,21,0),MOD($C1926,24)+1)/SUM(INDEX($D$3:$AA$30,INDEX(Jesper!$R$2:$R$366,ROW(INDEX(Jesper!AK$2:AK$366,ROUNDDOWN($C1926/24,0)+1,1))-1)+IF('Standard Profiles'!$G$21=$B$10,7,0)+IF('Standard Profiles'!$G$21=$B$17,14,0)+IF('Standard Profiles'!$G$21=$B$24,21,0),0)),0)</f>
        <v>0</v>
      </c>
      <c r="H1926" cm="1">
        <f t="array" ref="H1926">IFERROR(INDEX(Jesper!AL$2:AL$366,ROUNDDOWN($C1926/24,0)+1,1)*INDEX($D$3:$AA$30,INDEX(Jesper!$R$2:$R$366,ROW(INDEX(Jesper!AL$2:AL$366,ROUNDDOWN($C1926/24,0)+1,1))-1)+IF('Standard Profiles'!$G$22=$B$10,7,0)+IF('Standard Profiles'!$G$22=$B$17,14,0)+IF('Standard Profiles'!$G$22=$B$24,21,0),MOD($C1926,24)+1)/SUM(INDEX($D$3:$AA$30,INDEX(Jesper!$R$2:$R$366,ROW(INDEX(Jesper!AL$2:AL$366,ROUNDDOWN($C1926/24,0)+1,1))-1)+IF('Standard Profiles'!$G$22=$B$10,7,0)+IF('Standard Profiles'!$G$22=$B$17,14,0)+IF('Standard Profiles'!$G$22=$B$24,21,0),0)),0)</f>
        <v>0</v>
      </c>
      <c r="I1926">
        <f t="shared" si="223"/>
        <v>0.31135052634291777</v>
      </c>
      <c r="J1926">
        <f t="shared" si="224"/>
        <v>1.037835087809726</v>
      </c>
      <c r="K1926">
        <f t="shared" si="225"/>
        <v>1.556752631714589</v>
      </c>
      <c r="L1926">
        <f t="shared" si="226"/>
        <v>7.4724126322300268</v>
      </c>
      <c r="M1926">
        <f t="shared" si="227"/>
        <v>0</v>
      </c>
      <c r="N1926" s="46">
        <f t="shared" si="228"/>
        <v>45370.833333328745</v>
      </c>
    </row>
    <row r="1927" spans="2:14" x14ac:dyDescent="0.3">
      <c r="B1927">
        <f t="shared" si="222"/>
        <v>2</v>
      </c>
      <c r="C1927" s="16">
        <v>1893</v>
      </c>
      <c r="D1927" cm="1">
        <f t="array" ref="D1927">IFERROR(INDEX(Jesper!AH$2:AH$366,ROUNDDOWN($C1927/24,0)+1,1)*INDEX($D$3:$AA$30,INDEX(Jesper!$R$2:$R$366,ROW(INDEX(Jesper!AH$2:AH$366,ROUNDDOWN($C1927/24,0)+1,1))-1)+IF('Standard Profiles'!$G$18=$B$10,7,0)+IF('Standard Profiles'!$G$18=$B$17,14,0)+IF('Standard Profiles'!$G$18=$B$24,21,0),MOD($C1927,24)+1)/SUM(INDEX($D$3:$AA$30,INDEX(Jesper!$R$2:$R$366,ROW(INDEX(Jesper!AH$2:AH$366,ROUNDDOWN($C1927/24,0)+1,1))-1)+IF('Standard Profiles'!$G$18=$B$10,7,0)+IF('Standard Profiles'!$G$18=$B$17,14,0)+IF('Standard Profiles'!$G$18=$B$24,21,0),0)),0)</f>
        <v>7.5478915477070974</v>
      </c>
      <c r="E1927" cm="1">
        <f t="array" ref="E1927">IFERROR(INDEX(Jesper!AI$2:AI$366,ROUNDDOWN($C1927/24,0)+1,1)*INDEX($D$3:$AA$30,INDEX(Jesper!$R$2:$R$366,ROW(INDEX(Jesper!AI$2:AI$366,ROUNDDOWN($C1927/24,0)+1,1))-1)+IF('Standard Profiles'!$G$19=$B$10,7,0)+IF('Standard Profiles'!$G$19=$B$17,14,0)+IF('Standard Profiles'!$G$19=$B$24,21,0),MOD($C1927,24)+1)/SUM(INDEX($D$3:$AA$30,INDEX(Jesper!$R$2:$R$366,ROW(INDEX(Jesper!AI$2:AI$366,ROUNDDOWN($C1927/24,0)+1,1))-1)+IF('Standard Profiles'!$G$19=$B$10,7,0)+IF('Standard Profiles'!$G$19=$B$17,14,0)+IF('Standard Profiles'!$G$19=$B$24,21,0),0)),0)</f>
        <v>0</v>
      </c>
      <c r="F1927" cm="1">
        <f t="array" ref="F1927">IFERROR(INDEX(Jesper!AJ$2:AJ$366,ROUNDDOWN($C1927/24,0)+1,1)*INDEX($D$3:$AA$30,INDEX(Jesper!$R$2:$R$366,ROW(INDEX(Jesper!AJ$2:AJ$366,ROUNDDOWN($C1927/24,0)+1,1))-1)+IF('Standard Profiles'!$G$20=$B$10,7,0)+IF('Standard Profiles'!$G$20=$B$17,14,0)+IF('Standard Profiles'!$G$20=$B$24,21,0),MOD($C1927,24)+1)/SUM(INDEX($D$3:$AA$30,INDEX(Jesper!$R$2:$R$366,ROW(INDEX(Jesper!AJ$2:AJ$366,ROUNDDOWN($C1927/24,0)+1,1))-1)+IF('Standard Profiles'!$G$20=$B$10,7,0)+IF('Standard Profiles'!$G$20=$B$17,14,0)+IF('Standard Profiles'!$G$20=$B$24,21,0),0)),0)</f>
        <v>0</v>
      </c>
      <c r="G1927" cm="1">
        <f t="array" ref="G1927">IFERROR(INDEX(Jesper!AK$2:AK$366,ROUNDDOWN($C1927/24,0)+1,1)*INDEX($D$3:$AA$30,INDEX(Jesper!$R$2:$R$366,ROW(INDEX(Jesper!AK$2:AK$366,ROUNDDOWN($C1927/24,0)+1,1))-1)+IF('Standard Profiles'!$G$21=$B$10,7,0)+IF('Standard Profiles'!$G$21=$B$17,14,0)+IF('Standard Profiles'!$G$21=$B$24,21,0),MOD($C1927,24)+1)/SUM(INDEX($D$3:$AA$30,INDEX(Jesper!$R$2:$R$366,ROW(INDEX(Jesper!AK$2:AK$366,ROUNDDOWN($C1927/24,0)+1,1))-1)+IF('Standard Profiles'!$G$21=$B$10,7,0)+IF('Standard Profiles'!$G$21=$B$17,14,0)+IF('Standard Profiles'!$G$21=$B$24,21,0),0)),0)</f>
        <v>0</v>
      </c>
      <c r="H1927" cm="1">
        <f t="array" ref="H1927">IFERROR(INDEX(Jesper!AL$2:AL$366,ROUNDDOWN($C1927/24,0)+1,1)*INDEX($D$3:$AA$30,INDEX(Jesper!$R$2:$R$366,ROW(INDEX(Jesper!AL$2:AL$366,ROUNDDOWN($C1927/24,0)+1,1))-1)+IF('Standard Profiles'!$G$22=$B$10,7,0)+IF('Standard Profiles'!$G$22=$B$17,14,0)+IF('Standard Profiles'!$G$22=$B$24,21,0),MOD($C1927,24)+1)/SUM(INDEX($D$3:$AA$30,INDEX(Jesper!$R$2:$R$366,ROW(INDEX(Jesper!AL$2:AL$366,ROUNDDOWN($C1927/24,0)+1,1))-1)+IF('Standard Profiles'!$G$22=$B$10,7,0)+IF('Standard Profiles'!$G$22=$B$17,14,0)+IF('Standard Profiles'!$G$22=$B$24,21,0),0)),0)</f>
        <v>0</v>
      </c>
      <c r="I1927">
        <f t="shared" si="223"/>
        <v>0.22643674643121292</v>
      </c>
      <c r="J1927">
        <f t="shared" si="224"/>
        <v>0.75478915477070974</v>
      </c>
      <c r="K1927">
        <f t="shared" si="225"/>
        <v>1.1321837321560646</v>
      </c>
      <c r="L1927">
        <f t="shared" si="226"/>
        <v>5.4344819143491101</v>
      </c>
      <c r="M1927">
        <f t="shared" si="227"/>
        <v>0</v>
      </c>
      <c r="N1927" s="46">
        <f t="shared" si="228"/>
        <v>45370.874999995409</v>
      </c>
    </row>
    <row r="1928" spans="2:14" x14ac:dyDescent="0.3">
      <c r="B1928">
        <f t="shared" si="222"/>
        <v>2</v>
      </c>
      <c r="C1928" s="16">
        <v>1894</v>
      </c>
      <c r="D1928" cm="1">
        <f t="array" ref="D1928">IFERROR(INDEX(Jesper!AH$2:AH$366,ROUNDDOWN($C1928/24,0)+1,1)*INDEX($D$3:$AA$30,INDEX(Jesper!$R$2:$R$366,ROW(INDEX(Jesper!AH$2:AH$366,ROUNDDOWN($C1928/24,0)+1,1))-1)+IF('Standard Profiles'!$G$18=$B$10,7,0)+IF('Standard Profiles'!$G$18=$B$17,14,0)+IF('Standard Profiles'!$G$18=$B$24,21,0),MOD($C1928,24)+1)/SUM(INDEX($D$3:$AA$30,INDEX(Jesper!$R$2:$R$366,ROW(INDEX(Jesper!AH$2:AH$366,ROUNDDOWN($C1928/24,0)+1,1))-1)+IF('Standard Profiles'!$G$18=$B$10,7,0)+IF('Standard Profiles'!$G$18=$B$17,14,0)+IF('Standard Profiles'!$G$18=$B$24,21,0),0)),0)</f>
        <v>7.5478915477070974</v>
      </c>
      <c r="E1928" cm="1">
        <f t="array" ref="E1928">IFERROR(INDEX(Jesper!AI$2:AI$366,ROUNDDOWN($C1928/24,0)+1,1)*INDEX($D$3:$AA$30,INDEX(Jesper!$R$2:$R$366,ROW(INDEX(Jesper!AI$2:AI$366,ROUNDDOWN($C1928/24,0)+1,1))-1)+IF('Standard Profiles'!$G$19=$B$10,7,0)+IF('Standard Profiles'!$G$19=$B$17,14,0)+IF('Standard Profiles'!$G$19=$B$24,21,0),MOD($C1928,24)+1)/SUM(INDEX($D$3:$AA$30,INDEX(Jesper!$R$2:$R$366,ROW(INDEX(Jesper!AI$2:AI$366,ROUNDDOWN($C1928/24,0)+1,1))-1)+IF('Standard Profiles'!$G$19=$B$10,7,0)+IF('Standard Profiles'!$G$19=$B$17,14,0)+IF('Standard Profiles'!$G$19=$B$24,21,0),0)),0)</f>
        <v>0</v>
      </c>
      <c r="F1928" cm="1">
        <f t="array" ref="F1928">IFERROR(INDEX(Jesper!AJ$2:AJ$366,ROUNDDOWN($C1928/24,0)+1,1)*INDEX($D$3:$AA$30,INDEX(Jesper!$R$2:$R$366,ROW(INDEX(Jesper!AJ$2:AJ$366,ROUNDDOWN($C1928/24,0)+1,1))-1)+IF('Standard Profiles'!$G$20=$B$10,7,0)+IF('Standard Profiles'!$G$20=$B$17,14,0)+IF('Standard Profiles'!$G$20=$B$24,21,0),MOD($C1928,24)+1)/SUM(INDEX($D$3:$AA$30,INDEX(Jesper!$R$2:$R$366,ROW(INDEX(Jesper!AJ$2:AJ$366,ROUNDDOWN($C1928/24,0)+1,1))-1)+IF('Standard Profiles'!$G$20=$B$10,7,0)+IF('Standard Profiles'!$G$20=$B$17,14,0)+IF('Standard Profiles'!$G$20=$B$24,21,0),0)),0)</f>
        <v>0</v>
      </c>
      <c r="G1928" cm="1">
        <f t="array" ref="G1928">IFERROR(INDEX(Jesper!AK$2:AK$366,ROUNDDOWN($C1928/24,0)+1,1)*INDEX($D$3:$AA$30,INDEX(Jesper!$R$2:$R$366,ROW(INDEX(Jesper!AK$2:AK$366,ROUNDDOWN($C1928/24,0)+1,1))-1)+IF('Standard Profiles'!$G$21=$B$10,7,0)+IF('Standard Profiles'!$G$21=$B$17,14,0)+IF('Standard Profiles'!$G$21=$B$24,21,0),MOD($C1928,24)+1)/SUM(INDEX($D$3:$AA$30,INDEX(Jesper!$R$2:$R$366,ROW(INDEX(Jesper!AK$2:AK$366,ROUNDDOWN($C1928/24,0)+1,1))-1)+IF('Standard Profiles'!$G$21=$B$10,7,0)+IF('Standard Profiles'!$G$21=$B$17,14,0)+IF('Standard Profiles'!$G$21=$B$24,21,0),0)),0)</f>
        <v>0</v>
      </c>
      <c r="H1928" cm="1">
        <f t="array" ref="H1928">IFERROR(INDEX(Jesper!AL$2:AL$366,ROUNDDOWN($C1928/24,0)+1,1)*INDEX($D$3:$AA$30,INDEX(Jesper!$R$2:$R$366,ROW(INDEX(Jesper!AL$2:AL$366,ROUNDDOWN($C1928/24,0)+1,1))-1)+IF('Standard Profiles'!$G$22=$B$10,7,0)+IF('Standard Profiles'!$G$22=$B$17,14,0)+IF('Standard Profiles'!$G$22=$B$24,21,0),MOD($C1928,24)+1)/SUM(INDEX($D$3:$AA$30,INDEX(Jesper!$R$2:$R$366,ROW(INDEX(Jesper!AL$2:AL$366,ROUNDDOWN($C1928/24,0)+1,1))-1)+IF('Standard Profiles'!$G$22=$B$10,7,0)+IF('Standard Profiles'!$G$22=$B$17,14,0)+IF('Standard Profiles'!$G$22=$B$24,21,0),0)),0)</f>
        <v>0</v>
      </c>
      <c r="I1928">
        <f t="shared" si="223"/>
        <v>0.22643674643121292</v>
      </c>
      <c r="J1928">
        <f t="shared" si="224"/>
        <v>0.75478915477070974</v>
      </c>
      <c r="K1928">
        <f t="shared" si="225"/>
        <v>1.1321837321560646</v>
      </c>
      <c r="L1928">
        <f t="shared" si="226"/>
        <v>5.4344819143491101</v>
      </c>
      <c r="M1928">
        <f t="shared" si="227"/>
        <v>0</v>
      </c>
      <c r="N1928" s="46">
        <f t="shared" si="228"/>
        <v>45370.916666662073</v>
      </c>
    </row>
    <row r="1929" spans="2:14" x14ac:dyDescent="0.3">
      <c r="B1929">
        <f t="shared" si="222"/>
        <v>2</v>
      </c>
      <c r="C1929" s="16">
        <v>1895</v>
      </c>
      <c r="D1929" cm="1">
        <f t="array" ref="D1929">IFERROR(INDEX(Jesper!AH$2:AH$366,ROUNDDOWN($C1929/24,0)+1,1)*INDEX($D$3:$AA$30,INDEX(Jesper!$R$2:$R$366,ROW(INDEX(Jesper!AH$2:AH$366,ROUNDDOWN($C1929/24,0)+1,1))-1)+IF('Standard Profiles'!$G$18=$B$10,7,0)+IF('Standard Profiles'!$G$18=$B$17,14,0)+IF('Standard Profiles'!$G$18=$B$24,21,0),MOD($C1929,24)+1)/SUM(INDEX($D$3:$AA$30,INDEX(Jesper!$R$2:$R$366,ROW(INDEX(Jesper!AH$2:AH$366,ROUNDDOWN($C1929/24,0)+1,1))-1)+IF('Standard Profiles'!$G$18=$B$10,7,0)+IF('Standard Profiles'!$G$18=$B$17,14,0)+IF('Standard Profiles'!$G$18=$B$24,21,0),0)),0)</f>
        <v>7.5478915477070974</v>
      </c>
      <c r="E1929" cm="1">
        <f t="array" ref="E1929">IFERROR(INDEX(Jesper!AI$2:AI$366,ROUNDDOWN($C1929/24,0)+1,1)*INDEX($D$3:$AA$30,INDEX(Jesper!$R$2:$R$366,ROW(INDEX(Jesper!AI$2:AI$366,ROUNDDOWN($C1929/24,0)+1,1))-1)+IF('Standard Profiles'!$G$19=$B$10,7,0)+IF('Standard Profiles'!$G$19=$B$17,14,0)+IF('Standard Profiles'!$G$19=$B$24,21,0),MOD($C1929,24)+1)/SUM(INDEX($D$3:$AA$30,INDEX(Jesper!$R$2:$R$366,ROW(INDEX(Jesper!AI$2:AI$366,ROUNDDOWN($C1929/24,0)+1,1))-1)+IF('Standard Profiles'!$G$19=$B$10,7,0)+IF('Standard Profiles'!$G$19=$B$17,14,0)+IF('Standard Profiles'!$G$19=$B$24,21,0),0)),0)</f>
        <v>0</v>
      </c>
      <c r="F1929" cm="1">
        <f t="array" ref="F1929">IFERROR(INDEX(Jesper!AJ$2:AJ$366,ROUNDDOWN($C1929/24,0)+1,1)*INDEX($D$3:$AA$30,INDEX(Jesper!$R$2:$R$366,ROW(INDEX(Jesper!AJ$2:AJ$366,ROUNDDOWN($C1929/24,0)+1,1))-1)+IF('Standard Profiles'!$G$20=$B$10,7,0)+IF('Standard Profiles'!$G$20=$B$17,14,0)+IF('Standard Profiles'!$G$20=$B$24,21,0),MOD($C1929,24)+1)/SUM(INDEX($D$3:$AA$30,INDEX(Jesper!$R$2:$R$366,ROW(INDEX(Jesper!AJ$2:AJ$366,ROUNDDOWN($C1929/24,0)+1,1))-1)+IF('Standard Profiles'!$G$20=$B$10,7,0)+IF('Standard Profiles'!$G$20=$B$17,14,0)+IF('Standard Profiles'!$G$20=$B$24,21,0),0)),0)</f>
        <v>0</v>
      </c>
      <c r="G1929" cm="1">
        <f t="array" ref="G1929">IFERROR(INDEX(Jesper!AK$2:AK$366,ROUNDDOWN($C1929/24,0)+1,1)*INDEX($D$3:$AA$30,INDEX(Jesper!$R$2:$R$366,ROW(INDEX(Jesper!AK$2:AK$366,ROUNDDOWN($C1929/24,0)+1,1))-1)+IF('Standard Profiles'!$G$21=$B$10,7,0)+IF('Standard Profiles'!$G$21=$B$17,14,0)+IF('Standard Profiles'!$G$21=$B$24,21,0),MOD($C1929,24)+1)/SUM(INDEX($D$3:$AA$30,INDEX(Jesper!$R$2:$R$366,ROW(INDEX(Jesper!AK$2:AK$366,ROUNDDOWN($C1929/24,0)+1,1))-1)+IF('Standard Profiles'!$G$21=$B$10,7,0)+IF('Standard Profiles'!$G$21=$B$17,14,0)+IF('Standard Profiles'!$G$21=$B$24,21,0),0)),0)</f>
        <v>0</v>
      </c>
      <c r="H1929" cm="1">
        <f t="array" ref="H1929">IFERROR(INDEX(Jesper!AL$2:AL$366,ROUNDDOWN($C1929/24,0)+1,1)*INDEX($D$3:$AA$30,INDEX(Jesper!$R$2:$R$366,ROW(INDEX(Jesper!AL$2:AL$366,ROUNDDOWN($C1929/24,0)+1,1))-1)+IF('Standard Profiles'!$G$22=$B$10,7,0)+IF('Standard Profiles'!$G$22=$B$17,14,0)+IF('Standard Profiles'!$G$22=$B$24,21,0),MOD($C1929,24)+1)/SUM(INDEX($D$3:$AA$30,INDEX(Jesper!$R$2:$R$366,ROW(INDEX(Jesper!AL$2:AL$366,ROUNDDOWN($C1929/24,0)+1,1))-1)+IF('Standard Profiles'!$G$22=$B$10,7,0)+IF('Standard Profiles'!$G$22=$B$17,14,0)+IF('Standard Profiles'!$G$22=$B$24,21,0),0)),0)</f>
        <v>0</v>
      </c>
      <c r="I1929">
        <f t="shared" si="223"/>
        <v>0.22643674643121292</v>
      </c>
      <c r="J1929">
        <f t="shared" si="224"/>
        <v>0.75478915477070974</v>
      </c>
      <c r="K1929">
        <f t="shared" si="225"/>
        <v>1.1321837321560646</v>
      </c>
      <c r="L1929">
        <f t="shared" si="226"/>
        <v>5.4344819143491101</v>
      </c>
      <c r="M1929">
        <f t="shared" si="227"/>
        <v>0</v>
      </c>
      <c r="N1929" s="46">
        <f t="shared" si="228"/>
        <v>45370.958333328737</v>
      </c>
    </row>
    <row r="1930" spans="2:14" x14ac:dyDescent="0.3">
      <c r="B1930">
        <f t="shared" si="222"/>
        <v>3</v>
      </c>
      <c r="C1930" s="16">
        <v>1896</v>
      </c>
      <c r="D1930" cm="1">
        <f t="array" ref="D1930">IFERROR(INDEX(Jesper!AH$2:AH$366,ROUNDDOWN($C1930/24,0)+1,1)*INDEX($D$3:$AA$30,INDEX(Jesper!$R$2:$R$366,ROW(INDEX(Jesper!AH$2:AH$366,ROUNDDOWN($C1930/24,0)+1,1))-1)+IF('Standard Profiles'!$G$18=$B$10,7,0)+IF('Standard Profiles'!$G$18=$B$17,14,0)+IF('Standard Profiles'!$G$18=$B$24,21,0),MOD($C1930,24)+1)/SUM(INDEX($D$3:$AA$30,INDEX(Jesper!$R$2:$R$366,ROW(INDEX(Jesper!AH$2:AH$366,ROUNDDOWN($C1930/24,0)+1,1))-1)+IF('Standard Profiles'!$G$18=$B$10,7,0)+IF('Standard Profiles'!$G$18=$B$17,14,0)+IF('Standard Profiles'!$G$18=$B$24,21,0),0)),0)</f>
        <v>6.9013798930803523</v>
      </c>
      <c r="E1930" cm="1">
        <f t="array" ref="E1930">IFERROR(INDEX(Jesper!AI$2:AI$366,ROUNDDOWN($C1930/24,0)+1,1)*INDEX($D$3:$AA$30,INDEX(Jesper!$R$2:$R$366,ROW(INDEX(Jesper!AI$2:AI$366,ROUNDDOWN($C1930/24,0)+1,1))-1)+IF('Standard Profiles'!$G$19=$B$10,7,0)+IF('Standard Profiles'!$G$19=$B$17,14,0)+IF('Standard Profiles'!$G$19=$B$24,21,0),MOD($C1930,24)+1)/SUM(INDEX($D$3:$AA$30,INDEX(Jesper!$R$2:$R$366,ROW(INDEX(Jesper!AI$2:AI$366,ROUNDDOWN($C1930/24,0)+1,1))-1)+IF('Standard Profiles'!$G$19=$B$10,7,0)+IF('Standard Profiles'!$G$19=$B$17,14,0)+IF('Standard Profiles'!$G$19=$B$24,21,0),0)),0)</f>
        <v>0</v>
      </c>
      <c r="F1930" cm="1">
        <f t="array" ref="F1930">IFERROR(INDEX(Jesper!AJ$2:AJ$366,ROUNDDOWN($C1930/24,0)+1,1)*INDEX($D$3:$AA$30,INDEX(Jesper!$R$2:$R$366,ROW(INDEX(Jesper!AJ$2:AJ$366,ROUNDDOWN($C1930/24,0)+1,1))-1)+IF('Standard Profiles'!$G$20=$B$10,7,0)+IF('Standard Profiles'!$G$20=$B$17,14,0)+IF('Standard Profiles'!$G$20=$B$24,21,0),MOD($C1930,24)+1)/SUM(INDEX($D$3:$AA$30,INDEX(Jesper!$R$2:$R$366,ROW(INDEX(Jesper!AJ$2:AJ$366,ROUNDDOWN($C1930/24,0)+1,1))-1)+IF('Standard Profiles'!$G$20=$B$10,7,0)+IF('Standard Profiles'!$G$20=$B$17,14,0)+IF('Standard Profiles'!$G$20=$B$24,21,0),0)),0)</f>
        <v>0</v>
      </c>
      <c r="G1930" cm="1">
        <f t="array" ref="G1930">IFERROR(INDEX(Jesper!AK$2:AK$366,ROUNDDOWN($C1930/24,0)+1,1)*INDEX($D$3:$AA$30,INDEX(Jesper!$R$2:$R$366,ROW(INDEX(Jesper!AK$2:AK$366,ROUNDDOWN($C1930/24,0)+1,1))-1)+IF('Standard Profiles'!$G$21=$B$10,7,0)+IF('Standard Profiles'!$G$21=$B$17,14,0)+IF('Standard Profiles'!$G$21=$B$24,21,0),MOD($C1930,24)+1)/SUM(INDEX($D$3:$AA$30,INDEX(Jesper!$R$2:$R$366,ROW(INDEX(Jesper!AK$2:AK$366,ROUNDDOWN($C1930/24,0)+1,1))-1)+IF('Standard Profiles'!$G$21=$B$10,7,0)+IF('Standard Profiles'!$G$21=$B$17,14,0)+IF('Standard Profiles'!$G$21=$B$24,21,0),0)),0)</f>
        <v>0</v>
      </c>
      <c r="H1930" cm="1">
        <f t="array" ref="H1930">IFERROR(INDEX(Jesper!AL$2:AL$366,ROUNDDOWN($C1930/24,0)+1,1)*INDEX($D$3:$AA$30,INDEX(Jesper!$R$2:$R$366,ROW(INDEX(Jesper!AL$2:AL$366,ROUNDDOWN($C1930/24,0)+1,1))-1)+IF('Standard Profiles'!$G$22=$B$10,7,0)+IF('Standard Profiles'!$G$22=$B$17,14,0)+IF('Standard Profiles'!$G$22=$B$24,21,0),MOD($C1930,24)+1)/SUM(INDEX($D$3:$AA$30,INDEX(Jesper!$R$2:$R$366,ROW(INDEX(Jesper!AL$2:AL$366,ROUNDDOWN($C1930/24,0)+1,1))-1)+IF('Standard Profiles'!$G$22=$B$10,7,0)+IF('Standard Profiles'!$G$22=$B$17,14,0)+IF('Standard Profiles'!$G$22=$B$24,21,0),0)),0)</f>
        <v>0</v>
      </c>
      <c r="I1930">
        <f t="shared" si="223"/>
        <v>0.20704139679241057</v>
      </c>
      <c r="J1930">
        <f t="shared" si="224"/>
        <v>0.69013798930803527</v>
      </c>
      <c r="K1930">
        <f t="shared" si="225"/>
        <v>1.0352069839620528</v>
      </c>
      <c r="L1930">
        <f t="shared" si="226"/>
        <v>4.9689935230178532</v>
      </c>
      <c r="M1930">
        <f t="shared" si="227"/>
        <v>0</v>
      </c>
      <c r="N1930" s="46">
        <f t="shared" si="228"/>
        <v>45370.999999995402</v>
      </c>
    </row>
    <row r="1931" spans="2:14" x14ac:dyDescent="0.3">
      <c r="B1931">
        <f t="shared" si="222"/>
        <v>3</v>
      </c>
      <c r="C1931" s="16">
        <v>1897</v>
      </c>
      <c r="D1931" cm="1">
        <f t="array" ref="D1931">IFERROR(INDEX(Jesper!AH$2:AH$366,ROUNDDOWN($C1931/24,0)+1,1)*INDEX($D$3:$AA$30,INDEX(Jesper!$R$2:$R$366,ROW(INDEX(Jesper!AH$2:AH$366,ROUNDDOWN($C1931/24,0)+1,1))-1)+IF('Standard Profiles'!$G$18=$B$10,7,0)+IF('Standard Profiles'!$G$18=$B$17,14,0)+IF('Standard Profiles'!$G$18=$B$24,21,0),MOD($C1931,24)+1)/SUM(INDEX($D$3:$AA$30,INDEX(Jesper!$R$2:$R$366,ROW(INDEX(Jesper!AH$2:AH$366,ROUNDDOWN($C1931/24,0)+1,1))-1)+IF('Standard Profiles'!$G$18=$B$10,7,0)+IF('Standard Profiles'!$G$18=$B$17,14,0)+IF('Standard Profiles'!$G$18=$B$24,21,0),0)),0)</f>
        <v>7.7640523797153955</v>
      </c>
      <c r="E1931" cm="1">
        <f t="array" ref="E1931">IFERROR(INDEX(Jesper!AI$2:AI$366,ROUNDDOWN($C1931/24,0)+1,1)*INDEX($D$3:$AA$30,INDEX(Jesper!$R$2:$R$366,ROW(INDEX(Jesper!AI$2:AI$366,ROUNDDOWN($C1931/24,0)+1,1))-1)+IF('Standard Profiles'!$G$19=$B$10,7,0)+IF('Standard Profiles'!$G$19=$B$17,14,0)+IF('Standard Profiles'!$G$19=$B$24,21,0),MOD($C1931,24)+1)/SUM(INDEX($D$3:$AA$30,INDEX(Jesper!$R$2:$R$366,ROW(INDEX(Jesper!AI$2:AI$366,ROUNDDOWN($C1931/24,0)+1,1))-1)+IF('Standard Profiles'!$G$19=$B$10,7,0)+IF('Standard Profiles'!$G$19=$B$17,14,0)+IF('Standard Profiles'!$G$19=$B$24,21,0),0)),0)</f>
        <v>0</v>
      </c>
      <c r="F1931" cm="1">
        <f t="array" ref="F1931">IFERROR(INDEX(Jesper!AJ$2:AJ$366,ROUNDDOWN($C1931/24,0)+1,1)*INDEX($D$3:$AA$30,INDEX(Jesper!$R$2:$R$366,ROW(INDEX(Jesper!AJ$2:AJ$366,ROUNDDOWN($C1931/24,0)+1,1))-1)+IF('Standard Profiles'!$G$20=$B$10,7,0)+IF('Standard Profiles'!$G$20=$B$17,14,0)+IF('Standard Profiles'!$G$20=$B$24,21,0),MOD($C1931,24)+1)/SUM(INDEX($D$3:$AA$30,INDEX(Jesper!$R$2:$R$366,ROW(INDEX(Jesper!AJ$2:AJ$366,ROUNDDOWN($C1931/24,0)+1,1))-1)+IF('Standard Profiles'!$G$20=$B$10,7,0)+IF('Standard Profiles'!$G$20=$B$17,14,0)+IF('Standard Profiles'!$G$20=$B$24,21,0),0)),0)</f>
        <v>0</v>
      </c>
      <c r="G1931" cm="1">
        <f t="array" ref="G1931">IFERROR(INDEX(Jesper!AK$2:AK$366,ROUNDDOWN($C1931/24,0)+1,1)*INDEX($D$3:$AA$30,INDEX(Jesper!$R$2:$R$366,ROW(INDEX(Jesper!AK$2:AK$366,ROUNDDOWN($C1931/24,0)+1,1))-1)+IF('Standard Profiles'!$G$21=$B$10,7,0)+IF('Standard Profiles'!$G$21=$B$17,14,0)+IF('Standard Profiles'!$G$21=$B$24,21,0),MOD($C1931,24)+1)/SUM(INDEX($D$3:$AA$30,INDEX(Jesper!$R$2:$R$366,ROW(INDEX(Jesper!AK$2:AK$366,ROUNDDOWN($C1931/24,0)+1,1))-1)+IF('Standard Profiles'!$G$21=$B$10,7,0)+IF('Standard Profiles'!$G$21=$B$17,14,0)+IF('Standard Profiles'!$G$21=$B$24,21,0),0)),0)</f>
        <v>0</v>
      </c>
      <c r="H1931" cm="1">
        <f t="array" ref="H1931">IFERROR(INDEX(Jesper!AL$2:AL$366,ROUNDDOWN($C1931/24,0)+1,1)*INDEX($D$3:$AA$30,INDEX(Jesper!$R$2:$R$366,ROW(INDEX(Jesper!AL$2:AL$366,ROUNDDOWN($C1931/24,0)+1,1))-1)+IF('Standard Profiles'!$G$22=$B$10,7,0)+IF('Standard Profiles'!$G$22=$B$17,14,0)+IF('Standard Profiles'!$G$22=$B$24,21,0),MOD($C1931,24)+1)/SUM(INDEX($D$3:$AA$30,INDEX(Jesper!$R$2:$R$366,ROW(INDEX(Jesper!AL$2:AL$366,ROUNDDOWN($C1931/24,0)+1,1))-1)+IF('Standard Profiles'!$G$22=$B$10,7,0)+IF('Standard Profiles'!$G$22=$B$17,14,0)+IF('Standard Profiles'!$G$22=$B$24,21,0),0)),0)</f>
        <v>0</v>
      </c>
      <c r="I1931">
        <f t="shared" si="223"/>
        <v>0.23292157139146186</v>
      </c>
      <c r="J1931">
        <f t="shared" si="224"/>
        <v>0.7764052379715396</v>
      </c>
      <c r="K1931">
        <f t="shared" si="225"/>
        <v>1.1646078569573093</v>
      </c>
      <c r="L1931">
        <f t="shared" si="226"/>
        <v>5.5901177133950846</v>
      </c>
      <c r="M1931">
        <f t="shared" si="227"/>
        <v>0</v>
      </c>
      <c r="N1931" s="46">
        <f t="shared" si="228"/>
        <v>45371.041666662066</v>
      </c>
    </row>
    <row r="1932" spans="2:14" x14ac:dyDescent="0.3">
      <c r="B1932">
        <f t="shared" si="222"/>
        <v>3</v>
      </c>
      <c r="C1932" s="16">
        <v>1898</v>
      </c>
      <c r="D1932" cm="1">
        <f t="array" ref="D1932">IFERROR(INDEX(Jesper!AH$2:AH$366,ROUNDDOWN($C1932/24,0)+1,1)*INDEX($D$3:$AA$30,INDEX(Jesper!$R$2:$R$366,ROW(INDEX(Jesper!AH$2:AH$366,ROUNDDOWN($C1932/24,0)+1,1))-1)+IF('Standard Profiles'!$G$18=$B$10,7,0)+IF('Standard Profiles'!$G$18=$B$17,14,0)+IF('Standard Profiles'!$G$18=$B$24,21,0),MOD($C1932,24)+1)/SUM(INDEX($D$3:$AA$30,INDEX(Jesper!$R$2:$R$366,ROW(INDEX(Jesper!AH$2:AH$366,ROUNDDOWN($C1932/24,0)+1,1))-1)+IF('Standard Profiles'!$G$18=$B$10,7,0)+IF('Standard Profiles'!$G$18=$B$17,14,0)+IF('Standard Profiles'!$G$18=$B$24,21,0),0)),0)</f>
        <v>7.7640523797153955</v>
      </c>
      <c r="E1932" cm="1">
        <f t="array" ref="E1932">IFERROR(INDEX(Jesper!AI$2:AI$366,ROUNDDOWN($C1932/24,0)+1,1)*INDEX($D$3:$AA$30,INDEX(Jesper!$R$2:$R$366,ROW(INDEX(Jesper!AI$2:AI$366,ROUNDDOWN($C1932/24,0)+1,1))-1)+IF('Standard Profiles'!$G$19=$B$10,7,0)+IF('Standard Profiles'!$G$19=$B$17,14,0)+IF('Standard Profiles'!$G$19=$B$24,21,0),MOD($C1932,24)+1)/SUM(INDEX($D$3:$AA$30,INDEX(Jesper!$R$2:$R$366,ROW(INDEX(Jesper!AI$2:AI$366,ROUNDDOWN($C1932/24,0)+1,1))-1)+IF('Standard Profiles'!$G$19=$B$10,7,0)+IF('Standard Profiles'!$G$19=$B$17,14,0)+IF('Standard Profiles'!$G$19=$B$24,21,0),0)),0)</f>
        <v>0</v>
      </c>
      <c r="F1932" cm="1">
        <f t="array" ref="F1932">IFERROR(INDEX(Jesper!AJ$2:AJ$366,ROUNDDOWN($C1932/24,0)+1,1)*INDEX($D$3:$AA$30,INDEX(Jesper!$R$2:$R$366,ROW(INDEX(Jesper!AJ$2:AJ$366,ROUNDDOWN($C1932/24,0)+1,1))-1)+IF('Standard Profiles'!$G$20=$B$10,7,0)+IF('Standard Profiles'!$G$20=$B$17,14,0)+IF('Standard Profiles'!$G$20=$B$24,21,0),MOD($C1932,24)+1)/SUM(INDEX($D$3:$AA$30,INDEX(Jesper!$R$2:$R$366,ROW(INDEX(Jesper!AJ$2:AJ$366,ROUNDDOWN($C1932/24,0)+1,1))-1)+IF('Standard Profiles'!$G$20=$B$10,7,0)+IF('Standard Profiles'!$G$20=$B$17,14,0)+IF('Standard Profiles'!$G$20=$B$24,21,0),0)),0)</f>
        <v>0</v>
      </c>
      <c r="G1932" cm="1">
        <f t="array" ref="G1932">IFERROR(INDEX(Jesper!AK$2:AK$366,ROUNDDOWN($C1932/24,0)+1,1)*INDEX($D$3:$AA$30,INDEX(Jesper!$R$2:$R$366,ROW(INDEX(Jesper!AK$2:AK$366,ROUNDDOWN($C1932/24,0)+1,1))-1)+IF('Standard Profiles'!$G$21=$B$10,7,0)+IF('Standard Profiles'!$G$21=$B$17,14,0)+IF('Standard Profiles'!$G$21=$B$24,21,0),MOD($C1932,24)+1)/SUM(INDEX($D$3:$AA$30,INDEX(Jesper!$R$2:$R$366,ROW(INDEX(Jesper!AK$2:AK$366,ROUNDDOWN($C1932/24,0)+1,1))-1)+IF('Standard Profiles'!$G$21=$B$10,7,0)+IF('Standard Profiles'!$G$21=$B$17,14,0)+IF('Standard Profiles'!$G$21=$B$24,21,0),0)),0)</f>
        <v>0</v>
      </c>
      <c r="H1932" cm="1">
        <f t="array" ref="H1932">IFERROR(INDEX(Jesper!AL$2:AL$366,ROUNDDOWN($C1932/24,0)+1,1)*INDEX($D$3:$AA$30,INDEX(Jesper!$R$2:$R$366,ROW(INDEX(Jesper!AL$2:AL$366,ROUNDDOWN($C1932/24,0)+1,1))-1)+IF('Standard Profiles'!$G$22=$B$10,7,0)+IF('Standard Profiles'!$G$22=$B$17,14,0)+IF('Standard Profiles'!$G$22=$B$24,21,0),MOD($C1932,24)+1)/SUM(INDEX($D$3:$AA$30,INDEX(Jesper!$R$2:$R$366,ROW(INDEX(Jesper!AL$2:AL$366,ROUNDDOWN($C1932/24,0)+1,1))-1)+IF('Standard Profiles'!$G$22=$B$10,7,0)+IF('Standard Profiles'!$G$22=$B$17,14,0)+IF('Standard Profiles'!$G$22=$B$24,21,0),0)),0)</f>
        <v>0</v>
      </c>
      <c r="I1932">
        <f t="shared" si="223"/>
        <v>0.23292157139146186</v>
      </c>
      <c r="J1932">
        <f t="shared" si="224"/>
        <v>0.7764052379715396</v>
      </c>
      <c r="K1932">
        <f t="shared" si="225"/>
        <v>1.1646078569573093</v>
      </c>
      <c r="L1932">
        <f t="shared" si="226"/>
        <v>5.5901177133950846</v>
      </c>
      <c r="M1932">
        <f t="shared" si="227"/>
        <v>0</v>
      </c>
      <c r="N1932" s="46">
        <f t="shared" si="228"/>
        <v>45371.08333332873</v>
      </c>
    </row>
    <row r="1933" spans="2:14" x14ac:dyDescent="0.3">
      <c r="B1933">
        <f t="shared" si="222"/>
        <v>3</v>
      </c>
      <c r="C1933" s="16">
        <v>1899</v>
      </c>
      <c r="D1933" cm="1">
        <f t="array" ref="D1933">IFERROR(INDEX(Jesper!AH$2:AH$366,ROUNDDOWN($C1933/24,0)+1,1)*INDEX($D$3:$AA$30,INDEX(Jesper!$R$2:$R$366,ROW(INDEX(Jesper!AH$2:AH$366,ROUNDDOWN($C1933/24,0)+1,1))-1)+IF('Standard Profiles'!$G$18=$B$10,7,0)+IF('Standard Profiles'!$G$18=$B$17,14,0)+IF('Standard Profiles'!$G$18=$B$24,21,0),MOD($C1933,24)+1)/SUM(INDEX($D$3:$AA$30,INDEX(Jesper!$R$2:$R$366,ROW(INDEX(Jesper!AH$2:AH$366,ROUNDDOWN($C1933/24,0)+1,1))-1)+IF('Standard Profiles'!$G$18=$B$10,7,0)+IF('Standard Profiles'!$G$18=$B$17,14,0)+IF('Standard Profiles'!$G$18=$B$24,21,0),0)),0)</f>
        <v>7.7640523797153955</v>
      </c>
      <c r="E1933" cm="1">
        <f t="array" ref="E1933">IFERROR(INDEX(Jesper!AI$2:AI$366,ROUNDDOWN($C1933/24,0)+1,1)*INDEX($D$3:$AA$30,INDEX(Jesper!$R$2:$R$366,ROW(INDEX(Jesper!AI$2:AI$366,ROUNDDOWN($C1933/24,0)+1,1))-1)+IF('Standard Profiles'!$G$19=$B$10,7,0)+IF('Standard Profiles'!$G$19=$B$17,14,0)+IF('Standard Profiles'!$G$19=$B$24,21,0),MOD($C1933,24)+1)/SUM(INDEX($D$3:$AA$30,INDEX(Jesper!$R$2:$R$366,ROW(INDEX(Jesper!AI$2:AI$366,ROUNDDOWN($C1933/24,0)+1,1))-1)+IF('Standard Profiles'!$G$19=$B$10,7,0)+IF('Standard Profiles'!$G$19=$B$17,14,0)+IF('Standard Profiles'!$G$19=$B$24,21,0),0)),0)</f>
        <v>0</v>
      </c>
      <c r="F1933" cm="1">
        <f t="array" ref="F1933">IFERROR(INDEX(Jesper!AJ$2:AJ$366,ROUNDDOWN($C1933/24,0)+1,1)*INDEX($D$3:$AA$30,INDEX(Jesper!$R$2:$R$366,ROW(INDEX(Jesper!AJ$2:AJ$366,ROUNDDOWN($C1933/24,0)+1,1))-1)+IF('Standard Profiles'!$G$20=$B$10,7,0)+IF('Standard Profiles'!$G$20=$B$17,14,0)+IF('Standard Profiles'!$G$20=$B$24,21,0),MOD($C1933,24)+1)/SUM(INDEX($D$3:$AA$30,INDEX(Jesper!$R$2:$R$366,ROW(INDEX(Jesper!AJ$2:AJ$366,ROUNDDOWN($C1933/24,0)+1,1))-1)+IF('Standard Profiles'!$G$20=$B$10,7,0)+IF('Standard Profiles'!$G$20=$B$17,14,0)+IF('Standard Profiles'!$G$20=$B$24,21,0),0)),0)</f>
        <v>0</v>
      </c>
      <c r="G1933" cm="1">
        <f t="array" ref="G1933">IFERROR(INDEX(Jesper!AK$2:AK$366,ROUNDDOWN($C1933/24,0)+1,1)*INDEX($D$3:$AA$30,INDEX(Jesper!$R$2:$R$366,ROW(INDEX(Jesper!AK$2:AK$366,ROUNDDOWN($C1933/24,0)+1,1))-1)+IF('Standard Profiles'!$G$21=$B$10,7,0)+IF('Standard Profiles'!$G$21=$B$17,14,0)+IF('Standard Profiles'!$G$21=$B$24,21,0),MOD($C1933,24)+1)/SUM(INDEX($D$3:$AA$30,INDEX(Jesper!$R$2:$R$366,ROW(INDEX(Jesper!AK$2:AK$366,ROUNDDOWN($C1933/24,0)+1,1))-1)+IF('Standard Profiles'!$G$21=$B$10,7,0)+IF('Standard Profiles'!$G$21=$B$17,14,0)+IF('Standard Profiles'!$G$21=$B$24,21,0),0)),0)</f>
        <v>0</v>
      </c>
      <c r="H1933" cm="1">
        <f t="array" ref="H1933">IFERROR(INDEX(Jesper!AL$2:AL$366,ROUNDDOWN($C1933/24,0)+1,1)*INDEX($D$3:$AA$30,INDEX(Jesper!$R$2:$R$366,ROW(INDEX(Jesper!AL$2:AL$366,ROUNDDOWN($C1933/24,0)+1,1))-1)+IF('Standard Profiles'!$G$22=$B$10,7,0)+IF('Standard Profiles'!$G$22=$B$17,14,0)+IF('Standard Profiles'!$G$22=$B$24,21,0),MOD($C1933,24)+1)/SUM(INDEX($D$3:$AA$30,INDEX(Jesper!$R$2:$R$366,ROW(INDEX(Jesper!AL$2:AL$366,ROUNDDOWN($C1933/24,0)+1,1))-1)+IF('Standard Profiles'!$G$22=$B$10,7,0)+IF('Standard Profiles'!$G$22=$B$17,14,0)+IF('Standard Profiles'!$G$22=$B$24,21,0),0)),0)</f>
        <v>0</v>
      </c>
      <c r="I1933">
        <f t="shared" si="223"/>
        <v>0.23292157139146186</v>
      </c>
      <c r="J1933">
        <f t="shared" si="224"/>
        <v>0.7764052379715396</v>
      </c>
      <c r="K1933">
        <f t="shared" si="225"/>
        <v>1.1646078569573093</v>
      </c>
      <c r="L1933">
        <f t="shared" si="226"/>
        <v>5.5901177133950846</v>
      </c>
      <c r="M1933">
        <f t="shared" si="227"/>
        <v>0</v>
      </c>
      <c r="N1933" s="46">
        <f t="shared" si="228"/>
        <v>45371.124999995394</v>
      </c>
    </row>
    <row r="1934" spans="2:14" x14ac:dyDescent="0.3">
      <c r="B1934">
        <f t="shared" si="222"/>
        <v>3</v>
      </c>
      <c r="C1934" s="16">
        <v>1900</v>
      </c>
      <c r="D1934" cm="1">
        <f t="array" ref="D1934">IFERROR(INDEX(Jesper!AH$2:AH$366,ROUNDDOWN($C1934/24,0)+1,1)*INDEX($D$3:$AA$30,INDEX(Jesper!$R$2:$R$366,ROW(INDEX(Jesper!AH$2:AH$366,ROUNDDOWN($C1934/24,0)+1,1))-1)+IF('Standard Profiles'!$G$18=$B$10,7,0)+IF('Standard Profiles'!$G$18=$B$17,14,0)+IF('Standard Profiles'!$G$18=$B$24,21,0),MOD($C1934,24)+1)/SUM(INDEX($D$3:$AA$30,INDEX(Jesper!$R$2:$R$366,ROW(INDEX(Jesper!AH$2:AH$366,ROUNDDOWN($C1934/24,0)+1,1))-1)+IF('Standard Profiles'!$G$18=$B$10,7,0)+IF('Standard Profiles'!$G$18=$B$17,14,0)+IF('Standard Profiles'!$G$18=$B$24,21,0),0)),0)</f>
        <v>7.7640523797153955</v>
      </c>
      <c r="E1934" cm="1">
        <f t="array" ref="E1934">IFERROR(INDEX(Jesper!AI$2:AI$366,ROUNDDOWN($C1934/24,0)+1,1)*INDEX($D$3:$AA$30,INDEX(Jesper!$R$2:$R$366,ROW(INDEX(Jesper!AI$2:AI$366,ROUNDDOWN($C1934/24,0)+1,1))-1)+IF('Standard Profiles'!$G$19=$B$10,7,0)+IF('Standard Profiles'!$G$19=$B$17,14,0)+IF('Standard Profiles'!$G$19=$B$24,21,0),MOD($C1934,24)+1)/SUM(INDEX($D$3:$AA$30,INDEX(Jesper!$R$2:$R$366,ROW(INDEX(Jesper!AI$2:AI$366,ROUNDDOWN($C1934/24,0)+1,1))-1)+IF('Standard Profiles'!$G$19=$B$10,7,0)+IF('Standard Profiles'!$G$19=$B$17,14,0)+IF('Standard Profiles'!$G$19=$B$24,21,0),0)),0)</f>
        <v>0</v>
      </c>
      <c r="F1934" cm="1">
        <f t="array" ref="F1934">IFERROR(INDEX(Jesper!AJ$2:AJ$366,ROUNDDOWN($C1934/24,0)+1,1)*INDEX($D$3:$AA$30,INDEX(Jesper!$R$2:$R$366,ROW(INDEX(Jesper!AJ$2:AJ$366,ROUNDDOWN($C1934/24,0)+1,1))-1)+IF('Standard Profiles'!$G$20=$B$10,7,0)+IF('Standard Profiles'!$G$20=$B$17,14,0)+IF('Standard Profiles'!$G$20=$B$24,21,0),MOD($C1934,24)+1)/SUM(INDEX($D$3:$AA$30,INDEX(Jesper!$R$2:$R$366,ROW(INDEX(Jesper!AJ$2:AJ$366,ROUNDDOWN($C1934/24,0)+1,1))-1)+IF('Standard Profiles'!$G$20=$B$10,7,0)+IF('Standard Profiles'!$G$20=$B$17,14,0)+IF('Standard Profiles'!$G$20=$B$24,21,0),0)),0)</f>
        <v>0</v>
      </c>
      <c r="G1934" cm="1">
        <f t="array" ref="G1934">IFERROR(INDEX(Jesper!AK$2:AK$366,ROUNDDOWN($C1934/24,0)+1,1)*INDEX($D$3:$AA$30,INDEX(Jesper!$R$2:$R$366,ROW(INDEX(Jesper!AK$2:AK$366,ROUNDDOWN($C1934/24,0)+1,1))-1)+IF('Standard Profiles'!$G$21=$B$10,7,0)+IF('Standard Profiles'!$G$21=$B$17,14,0)+IF('Standard Profiles'!$G$21=$B$24,21,0),MOD($C1934,24)+1)/SUM(INDEX($D$3:$AA$30,INDEX(Jesper!$R$2:$R$366,ROW(INDEX(Jesper!AK$2:AK$366,ROUNDDOWN($C1934/24,0)+1,1))-1)+IF('Standard Profiles'!$G$21=$B$10,7,0)+IF('Standard Profiles'!$G$21=$B$17,14,0)+IF('Standard Profiles'!$G$21=$B$24,21,0),0)),0)</f>
        <v>0</v>
      </c>
      <c r="H1934" cm="1">
        <f t="array" ref="H1934">IFERROR(INDEX(Jesper!AL$2:AL$366,ROUNDDOWN($C1934/24,0)+1,1)*INDEX($D$3:$AA$30,INDEX(Jesper!$R$2:$R$366,ROW(INDEX(Jesper!AL$2:AL$366,ROUNDDOWN($C1934/24,0)+1,1))-1)+IF('Standard Profiles'!$G$22=$B$10,7,0)+IF('Standard Profiles'!$G$22=$B$17,14,0)+IF('Standard Profiles'!$G$22=$B$24,21,0),MOD($C1934,24)+1)/SUM(INDEX($D$3:$AA$30,INDEX(Jesper!$R$2:$R$366,ROW(INDEX(Jesper!AL$2:AL$366,ROUNDDOWN($C1934/24,0)+1,1))-1)+IF('Standard Profiles'!$G$22=$B$10,7,0)+IF('Standard Profiles'!$G$22=$B$17,14,0)+IF('Standard Profiles'!$G$22=$B$24,21,0),0)),0)</f>
        <v>0</v>
      </c>
      <c r="I1934">
        <f t="shared" si="223"/>
        <v>0.23292157139146186</v>
      </c>
      <c r="J1934">
        <f t="shared" si="224"/>
        <v>0.7764052379715396</v>
      </c>
      <c r="K1934">
        <f t="shared" si="225"/>
        <v>1.1646078569573093</v>
      </c>
      <c r="L1934">
        <f t="shared" si="226"/>
        <v>5.5901177133950846</v>
      </c>
      <c r="M1934">
        <f t="shared" si="227"/>
        <v>0</v>
      </c>
      <c r="N1934" s="46">
        <f t="shared" si="228"/>
        <v>45371.166666662059</v>
      </c>
    </row>
    <row r="1935" spans="2:14" x14ac:dyDescent="0.3">
      <c r="B1935">
        <f t="shared" si="222"/>
        <v>3</v>
      </c>
      <c r="C1935" s="16">
        <v>1901</v>
      </c>
      <c r="D1935" cm="1">
        <f t="array" ref="D1935">IFERROR(INDEX(Jesper!AH$2:AH$366,ROUNDDOWN($C1935/24,0)+1,1)*INDEX($D$3:$AA$30,INDEX(Jesper!$R$2:$R$366,ROW(INDEX(Jesper!AH$2:AH$366,ROUNDDOWN($C1935/24,0)+1,1))-1)+IF('Standard Profiles'!$G$18=$B$10,7,0)+IF('Standard Profiles'!$G$18=$B$17,14,0)+IF('Standard Profiles'!$G$18=$B$24,21,0),MOD($C1935,24)+1)/SUM(INDEX($D$3:$AA$30,INDEX(Jesper!$R$2:$R$366,ROW(INDEX(Jesper!AH$2:AH$366,ROUNDDOWN($C1935/24,0)+1,1))-1)+IF('Standard Profiles'!$G$18=$B$10,7,0)+IF('Standard Profiles'!$G$18=$B$17,14,0)+IF('Standard Profiles'!$G$18=$B$24,21,0),0)),0)</f>
        <v>10.007000844966509</v>
      </c>
      <c r="E1935" cm="1">
        <f t="array" ref="E1935">IFERROR(INDEX(Jesper!AI$2:AI$366,ROUNDDOWN($C1935/24,0)+1,1)*INDEX($D$3:$AA$30,INDEX(Jesper!$R$2:$R$366,ROW(INDEX(Jesper!AI$2:AI$366,ROUNDDOWN($C1935/24,0)+1,1))-1)+IF('Standard Profiles'!$G$19=$B$10,7,0)+IF('Standard Profiles'!$G$19=$B$17,14,0)+IF('Standard Profiles'!$G$19=$B$24,21,0),MOD($C1935,24)+1)/SUM(INDEX($D$3:$AA$30,INDEX(Jesper!$R$2:$R$366,ROW(INDEX(Jesper!AI$2:AI$366,ROUNDDOWN($C1935/24,0)+1,1))-1)+IF('Standard Profiles'!$G$19=$B$10,7,0)+IF('Standard Profiles'!$G$19=$B$17,14,0)+IF('Standard Profiles'!$G$19=$B$24,21,0),0)),0)</f>
        <v>0</v>
      </c>
      <c r="F1935" cm="1">
        <f t="array" ref="F1935">IFERROR(INDEX(Jesper!AJ$2:AJ$366,ROUNDDOWN($C1935/24,0)+1,1)*INDEX($D$3:$AA$30,INDEX(Jesper!$R$2:$R$366,ROW(INDEX(Jesper!AJ$2:AJ$366,ROUNDDOWN($C1935/24,0)+1,1))-1)+IF('Standard Profiles'!$G$20=$B$10,7,0)+IF('Standard Profiles'!$G$20=$B$17,14,0)+IF('Standard Profiles'!$G$20=$B$24,21,0),MOD($C1935,24)+1)/SUM(INDEX($D$3:$AA$30,INDEX(Jesper!$R$2:$R$366,ROW(INDEX(Jesper!AJ$2:AJ$366,ROUNDDOWN($C1935/24,0)+1,1))-1)+IF('Standard Profiles'!$G$20=$B$10,7,0)+IF('Standard Profiles'!$G$20=$B$17,14,0)+IF('Standard Profiles'!$G$20=$B$24,21,0),0)),0)</f>
        <v>0</v>
      </c>
      <c r="G1935" cm="1">
        <f t="array" ref="G1935">IFERROR(INDEX(Jesper!AK$2:AK$366,ROUNDDOWN($C1935/24,0)+1,1)*INDEX($D$3:$AA$30,INDEX(Jesper!$R$2:$R$366,ROW(INDEX(Jesper!AK$2:AK$366,ROUNDDOWN($C1935/24,0)+1,1))-1)+IF('Standard Profiles'!$G$21=$B$10,7,0)+IF('Standard Profiles'!$G$21=$B$17,14,0)+IF('Standard Profiles'!$G$21=$B$24,21,0),MOD($C1935,24)+1)/SUM(INDEX($D$3:$AA$30,INDEX(Jesper!$R$2:$R$366,ROW(INDEX(Jesper!AK$2:AK$366,ROUNDDOWN($C1935/24,0)+1,1))-1)+IF('Standard Profiles'!$G$21=$B$10,7,0)+IF('Standard Profiles'!$G$21=$B$17,14,0)+IF('Standard Profiles'!$G$21=$B$24,21,0),0)),0)</f>
        <v>0</v>
      </c>
      <c r="H1935" cm="1">
        <f t="array" ref="H1935">IFERROR(INDEX(Jesper!AL$2:AL$366,ROUNDDOWN($C1935/24,0)+1,1)*INDEX($D$3:$AA$30,INDEX(Jesper!$R$2:$R$366,ROW(INDEX(Jesper!AL$2:AL$366,ROUNDDOWN($C1935/24,0)+1,1))-1)+IF('Standard Profiles'!$G$22=$B$10,7,0)+IF('Standard Profiles'!$G$22=$B$17,14,0)+IF('Standard Profiles'!$G$22=$B$24,21,0),MOD($C1935,24)+1)/SUM(INDEX($D$3:$AA$30,INDEX(Jesper!$R$2:$R$366,ROW(INDEX(Jesper!AL$2:AL$366,ROUNDDOWN($C1935/24,0)+1,1))-1)+IF('Standard Profiles'!$G$22=$B$10,7,0)+IF('Standard Profiles'!$G$22=$B$17,14,0)+IF('Standard Profiles'!$G$22=$B$24,21,0),0)),0)</f>
        <v>0</v>
      </c>
      <c r="I1935">
        <f t="shared" si="223"/>
        <v>0.30021002534899527</v>
      </c>
      <c r="J1935">
        <f t="shared" si="224"/>
        <v>1.0007000844966509</v>
      </c>
      <c r="K1935">
        <f t="shared" si="225"/>
        <v>1.5010501267449763</v>
      </c>
      <c r="L1935">
        <f t="shared" si="226"/>
        <v>7.205040608375886</v>
      </c>
      <c r="M1935">
        <f t="shared" si="227"/>
        <v>0</v>
      </c>
      <c r="N1935" s="46">
        <f t="shared" si="228"/>
        <v>45371.208333328723</v>
      </c>
    </row>
    <row r="1936" spans="2:14" x14ac:dyDescent="0.3">
      <c r="B1936">
        <f t="shared" si="222"/>
        <v>3</v>
      </c>
      <c r="C1936" s="16">
        <v>1902</v>
      </c>
      <c r="D1936" cm="1">
        <f t="array" ref="D1936">IFERROR(INDEX(Jesper!AH$2:AH$366,ROUNDDOWN($C1936/24,0)+1,1)*INDEX($D$3:$AA$30,INDEX(Jesper!$R$2:$R$366,ROW(INDEX(Jesper!AH$2:AH$366,ROUNDDOWN($C1936/24,0)+1,1))-1)+IF('Standard Profiles'!$G$18=$B$10,7,0)+IF('Standard Profiles'!$G$18=$B$17,14,0)+IF('Standard Profiles'!$G$18=$B$24,21,0),MOD($C1936,24)+1)/SUM(INDEX($D$3:$AA$30,INDEX(Jesper!$R$2:$R$366,ROW(INDEX(Jesper!AH$2:AH$366,ROUNDDOWN($C1936/24,0)+1,1))-1)+IF('Standard Profiles'!$G$18=$B$10,7,0)+IF('Standard Profiles'!$G$18=$B$17,14,0)+IF('Standard Profiles'!$G$18=$B$24,21,0),0)),0)</f>
        <v>11.55981132090959</v>
      </c>
      <c r="E1936" cm="1">
        <f t="array" ref="E1936">IFERROR(INDEX(Jesper!AI$2:AI$366,ROUNDDOWN($C1936/24,0)+1,1)*INDEX($D$3:$AA$30,INDEX(Jesper!$R$2:$R$366,ROW(INDEX(Jesper!AI$2:AI$366,ROUNDDOWN($C1936/24,0)+1,1))-1)+IF('Standard Profiles'!$G$19=$B$10,7,0)+IF('Standard Profiles'!$G$19=$B$17,14,0)+IF('Standard Profiles'!$G$19=$B$24,21,0),MOD($C1936,24)+1)/SUM(INDEX($D$3:$AA$30,INDEX(Jesper!$R$2:$R$366,ROW(INDEX(Jesper!AI$2:AI$366,ROUNDDOWN($C1936/24,0)+1,1))-1)+IF('Standard Profiles'!$G$19=$B$10,7,0)+IF('Standard Profiles'!$G$19=$B$17,14,0)+IF('Standard Profiles'!$G$19=$B$24,21,0),0)),0)</f>
        <v>0</v>
      </c>
      <c r="F1936" cm="1">
        <f t="array" ref="F1936">IFERROR(INDEX(Jesper!AJ$2:AJ$366,ROUNDDOWN($C1936/24,0)+1,1)*INDEX($D$3:$AA$30,INDEX(Jesper!$R$2:$R$366,ROW(INDEX(Jesper!AJ$2:AJ$366,ROUNDDOWN($C1936/24,0)+1,1))-1)+IF('Standard Profiles'!$G$20=$B$10,7,0)+IF('Standard Profiles'!$G$20=$B$17,14,0)+IF('Standard Profiles'!$G$20=$B$24,21,0),MOD($C1936,24)+1)/SUM(INDEX($D$3:$AA$30,INDEX(Jesper!$R$2:$R$366,ROW(INDEX(Jesper!AJ$2:AJ$366,ROUNDDOWN($C1936/24,0)+1,1))-1)+IF('Standard Profiles'!$G$20=$B$10,7,0)+IF('Standard Profiles'!$G$20=$B$17,14,0)+IF('Standard Profiles'!$G$20=$B$24,21,0),0)),0)</f>
        <v>0</v>
      </c>
      <c r="G1936" cm="1">
        <f t="array" ref="G1936">IFERROR(INDEX(Jesper!AK$2:AK$366,ROUNDDOWN($C1936/24,0)+1,1)*INDEX($D$3:$AA$30,INDEX(Jesper!$R$2:$R$366,ROW(INDEX(Jesper!AK$2:AK$366,ROUNDDOWN($C1936/24,0)+1,1))-1)+IF('Standard Profiles'!$G$21=$B$10,7,0)+IF('Standard Profiles'!$G$21=$B$17,14,0)+IF('Standard Profiles'!$G$21=$B$24,21,0),MOD($C1936,24)+1)/SUM(INDEX($D$3:$AA$30,INDEX(Jesper!$R$2:$R$366,ROW(INDEX(Jesper!AK$2:AK$366,ROUNDDOWN($C1936/24,0)+1,1))-1)+IF('Standard Profiles'!$G$21=$B$10,7,0)+IF('Standard Profiles'!$G$21=$B$17,14,0)+IF('Standard Profiles'!$G$21=$B$24,21,0),0)),0)</f>
        <v>0</v>
      </c>
      <c r="H1936" cm="1">
        <f t="array" ref="H1936">IFERROR(INDEX(Jesper!AL$2:AL$366,ROUNDDOWN($C1936/24,0)+1,1)*INDEX($D$3:$AA$30,INDEX(Jesper!$R$2:$R$366,ROW(INDEX(Jesper!AL$2:AL$366,ROUNDDOWN($C1936/24,0)+1,1))-1)+IF('Standard Profiles'!$G$22=$B$10,7,0)+IF('Standard Profiles'!$G$22=$B$17,14,0)+IF('Standard Profiles'!$G$22=$B$24,21,0),MOD($C1936,24)+1)/SUM(INDEX($D$3:$AA$30,INDEX(Jesper!$R$2:$R$366,ROW(INDEX(Jesper!AL$2:AL$366,ROUNDDOWN($C1936/24,0)+1,1))-1)+IF('Standard Profiles'!$G$22=$B$10,7,0)+IF('Standard Profiles'!$G$22=$B$17,14,0)+IF('Standard Profiles'!$G$22=$B$24,21,0),0)),0)</f>
        <v>0</v>
      </c>
      <c r="I1936">
        <f t="shared" si="223"/>
        <v>0.34679433962728767</v>
      </c>
      <c r="J1936">
        <f t="shared" si="224"/>
        <v>1.155981132090959</v>
      </c>
      <c r="K1936">
        <f t="shared" si="225"/>
        <v>1.7339716981364386</v>
      </c>
      <c r="L1936">
        <f t="shared" si="226"/>
        <v>8.3230641510549042</v>
      </c>
      <c r="M1936">
        <f t="shared" si="227"/>
        <v>0</v>
      </c>
      <c r="N1936" s="46">
        <f t="shared" si="228"/>
        <v>45371.249999995387</v>
      </c>
    </row>
    <row r="1937" spans="2:14" x14ac:dyDescent="0.3">
      <c r="B1937">
        <f t="shared" si="222"/>
        <v>3</v>
      </c>
      <c r="C1937" s="16">
        <v>1903</v>
      </c>
      <c r="D1937" cm="1">
        <f t="array" ref="D1937">IFERROR(INDEX(Jesper!AH$2:AH$366,ROUNDDOWN($C1937/24,0)+1,1)*INDEX($D$3:$AA$30,INDEX(Jesper!$R$2:$R$366,ROW(INDEX(Jesper!AH$2:AH$366,ROUNDDOWN($C1937/24,0)+1,1))-1)+IF('Standard Profiles'!$G$18=$B$10,7,0)+IF('Standard Profiles'!$G$18=$B$17,14,0)+IF('Standard Profiles'!$G$18=$B$24,21,0),MOD($C1937,24)+1)/SUM(INDEX($D$3:$AA$30,INDEX(Jesper!$R$2:$R$366,ROW(INDEX(Jesper!AH$2:AH$366,ROUNDDOWN($C1937/24,0)+1,1))-1)+IF('Standard Profiles'!$G$18=$B$10,7,0)+IF('Standard Profiles'!$G$18=$B$17,14,0)+IF('Standard Profiles'!$G$18=$B$24,21,0),0)),0)</f>
        <v>11.55981132090959</v>
      </c>
      <c r="E1937" cm="1">
        <f t="array" ref="E1937">IFERROR(INDEX(Jesper!AI$2:AI$366,ROUNDDOWN($C1937/24,0)+1,1)*INDEX($D$3:$AA$30,INDEX(Jesper!$R$2:$R$366,ROW(INDEX(Jesper!AI$2:AI$366,ROUNDDOWN($C1937/24,0)+1,1))-1)+IF('Standard Profiles'!$G$19=$B$10,7,0)+IF('Standard Profiles'!$G$19=$B$17,14,0)+IF('Standard Profiles'!$G$19=$B$24,21,0),MOD($C1937,24)+1)/SUM(INDEX($D$3:$AA$30,INDEX(Jesper!$R$2:$R$366,ROW(INDEX(Jesper!AI$2:AI$366,ROUNDDOWN($C1937/24,0)+1,1))-1)+IF('Standard Profiles'!$G$19=$B$10,7,0)+IF('Standard Profiles'!$G$19=$B$17,14,0)+IF('Standard Profiles'!$G$19=$B$24,21,0),0)),0)</f>
        <v>0</v>
      </c>
      <c r="F1937" cm="1">
        <f t="array" ref="F1937">IFERROR(INDEX(Jesper!AJ$2:AJ$366,ROUNDDOWN($C1937/24,0)+1,1)*INDEX($D$3:$AA$30,INDEX(Jesper!$R$2:$R$366,ROW(INDEX(Jesper!AJ$2:AJ$366,ROUNDDOWN($C1937/24,0)+1,1))-1)+IF('Standard Profiles'!$G$20=$B$10,7,0)+IF('Standard Profiles'!$G$20=$B$17,14,0)+IF('Standard Profiles'!$G$20=$B$24,21,0),MOD($C1937,24)+1)/SUM(INDEX($D$3:$AA$30,INDEX(Jesper!$R$2:$R$366,ROW(INDEX(Jesper!AJ$2:AJ$366,ROUNDDOWN($C1937/24,0)+1,1))-1)+IF('Standard Profiles'!$G$20=$B$10,7,0)+IF('Standard Profiles'!$G$20=$B$17,14,0)+IF('Standard Profiles'!$G$20=$B$24,21,0),0)),0)</f>
        <v>0</v>
      </c>
      <c r="G1937" cm="1">
        <f t="array" ref="G1937">IFERROR(INDEX(Jesper!AK$2:AK$366,ROUNDDOWN($C1937/24,0)+1,1)*INDEX($D$3:$AA$30,INDEX(Jesper!$R$2:$R$366,ROW(INDEX(Jesper!AK$2:AK$366,ROUNDDOWN($C1937/24,0)+1,1))-1)+IF('Standard Profiles'!$G$21=$B$10,7,0)+IF('Standard Profiles'!$G$21=$B$17,14,0)+IF('Standard Profiles'!$G$21=$B$24,21,0),MOD($C1937,24)+1)/SUM(INDEX($D$3:$AA$30,INDEX(Jesper!$R$2:$R$366,ROW(INDEX(Jesper!AK$2:AK$366,ROUNDDOWN($C1937/24,0)+1,1))-1)+IF('Standard Profiles'!$G$21=$B$10,7,0)+IF('Standard Profiles'!$G$21=$B$17,14,0)+IF('Standard Profiles'!$G$21=$B$24,21,0),0)),0)</f>
        <v>0</v>
      </c>
      <c r="H1937" cm="1">
        <f t="array" ref="H1937">IFERROR(INDEX(Jesper!AL$2:AL$366,ROUNDDOWN($C1937/24,0)+1,1)*INDEX($D$3:$AA$30,INDEX(Jesper!$R$2:$R$366,ROW(INDEX(Jesper!AL$2:AL$366,ROUNDDOWN($C1937/24,0)+1,1))-1)+IF('Standard Profiles'!$G$22=$B$10,7,0)+IF('Standard Profiles'!$G$22=$B$17,14,0)+IF('Standard Profiles'!$G$22=$B$24,21,0),MOD($C1937,24)+1)/SUM(INDEX($D$3:$AA$30,INDEX(Jesper!$R$2:$R$366,ROW(INDEX(Jesper!AL$2:AL$366,ROUNDDOWN($C1937/24,0)+1,1))-1)+IF('Standard Profiles'!$G$22=$B$10,7,0)+IF('Standard Profiles'!$G$22=$B$17,14,0)+IF('Standard Profiles'!$G$22=$B$24,21,0),0)),0)</f>
        <v>0</v>
      </c>
      <c r="I1937">
        <f t="shared" si="223"/>
        <v>0.34679433962728767</v>
      </c>
      <c r="J1937">
        <f t="shared" si="224"/>
        <v>1.155981132090959</v>
      </c>
      <c r="K1937">
        <f t="shared" si="225"/>
        <v>1.7339716981364386</v>
      </c>
      <c r="L1937">
        <f t="shared" si="226"/>
        <v>8.3230641510549042</v>
      </c>
      <c r="M1937">
        <f t="shared" si="227"/>
        <v>0</v>
      </c>
      <c r="N1937" s="46">
        <f t="shared" si="228"/>
        <v>45371.291666662051</v>
      </c>
    </row>
    <row r="1938" spans="2:14" x14ac:dyDescent="0.3">
      <c r="B1938">
        <f t="shared" si="222"/>
        <v>3</v>
      </c>
      <c r="C1938" s="16">
        <v>1904</v>
      </c>
      <c r="D1938" cm="1">
        <f t="array" ref="D1938">IFERROR(INDEX(Jesper!AH$2:AH$366,ROUNDDOWN($C1938/24,0)+1,1)*INDEX($D$3:$AA$30,INDEX(Jesper!$R$2:$R$366,ROW(INDEX(Jesper!AH$2:AH$366,ROUNDDOWN($C1938/24,0)+1,1))-1)+IF('Standard Profiles'!$G$18=$B$10,7,0)+IF('Standard Profiles'!$G$18=$B$17,14,0)+IF('Standard Profiles'!$G$18=$B$24,21,0),MOD($C1938,24)+1)/SUM(INDEX($D$3:$AA$30,INDEX(Jesper!$R$2:$R$366,ROW(INDEX(Jesper!AH$2:AH$366,ROUNDDOWN($C1938/24,0)+1,1))-1)+IF('Standard Profiles'!$G$18=$B$10,7,0)+IF('Standard Profiles'!$G$18=$B$17,14,0)+IF('Standard Profiles'!$G$18=$B$24,21,0),0)),0)</f>
        <v>11.55981132090959</v>
      </c>
      <c r="E1938" cm="1">
        <f t="array" ref="E1938">IFERROR(INDEX(Jesper!AI$2:AI$366,ROUNDDOWN($C1938/24,0)+1,1)*INDEX($D$3:$AA$30,INDEX(Jesper!$R$2:$R$366,ROW(INDEX(Jesper!AI$2:AI$366,ROUNDDOWN($C1938/24,0)+1,1))-1)+IF('Standard Profiles'!$G$19=$B$10,7,0)+IF('Standard Profiles'!$G$19=$B$17,14,0)+IF('Standard Profiles'!$G$19=$B$24,21,0),MOD($C1938,24)+1)/SUM(INDEX($D$3:$AA$30,INDEX(Jesper!$R$2:$R$366,ROW(INDEX(Jesper!AI$2:AI$366,ROUNDDOWN($C1938/24,0)+1,1))-1)+IF('Standard Profiles'!$G$19=$B$10,7,0)+IF('Standard Profiles'!$G$19=$B$17,14,0)+IF('Standard Profiles'!$G$19=$B$24,21,0),0)),0)</f>
        <v>0</v>
      </c>
      <c r="F1938" cm="1">
        <f t="array" ref="F1938">IFERROR(INDEX(Jesper!AJ$2:AJ$366,ROUNDDOWN($C1938/24,0)+1,1)*INDEX($D$3:$AA$30,INDEX(Jesper!$R$2:$R$366,ROW(INDEX(Jesper!AJ$2:AJ$366,ROUNDDOWN($C1938/24,0)+1,1))-1)+IF('Standard Profiles'!$G$20=$B$10,7,0)+IF('Standard Profiles'!$G$20=$B$17,14,0)+IF('Standard Profiles'!$G$20=$B$24,21,0),MOD($C1938,24)+1)/SUM(INDEX($D$3:$AA$30,INDEX(Jesper!$R$2:$R$366,ROW(INDEX(Jesper!AJ$2:AJ$366,ROUNDDOWN($C1938/24,0)+1,1))-1)+IF('Standard Profiles'!$G$20=$B$10,7,0)+IF('Standard Profiles'!$G$20=$B$17,14,0)+IF('Standard Profiles'!$G$20=$B$24,21,0),0)),0)</f>
        <v>0</v>
      </c>
      <c r="G1938" cm="1">
        <f t="array" ref="G1938">IFERROR(INDEX(Jesper!AK$2:AK$366,ROUNDDOWN($C1938/24,0)+1,1)*INDEX($D$3:$AA$30,INDEX(Jesper!$R$2:$R$366,ROW(INDEX(Jesper!AK$2:AK$366,ROUNDDOWN($C1938/24,0)+1,1))-1)+IF('Standard Profiles'!$G$21=$B$10,7,0)+IF('Standard Profiles'!$G$21=$B$17,14,0)+IF('Standard Profiles'!$G$21=$B$24,21,0),MOD($C1938,24)+1)/SUM(INDEX($D$3:$AA$30,INDEX(Jesper!$R$2:$R$366,ROW(INDEX(Jesper!AK$2:AK$366,ROUNDDOWN($C1938/24,0)+1,1))-1)+IF('Standard Profiles'!$G$21=$B$10,7,0)+IF('Standard Profiles'!$G$21=$B$17,14,0)+IF('Standard Profiles'!$G$21=$B$24,21,0),0)),0)</f>
        <v>0</v>
      </c>
      <c r="H1938" cm="1">
        <f t="array" ref="H1938">IFERROR(INDEX(Jesper!AL$2:AL$366,ROUNDDOWN($C1938/24,0)+1,1)*INDEX($D$3:$AA$30,INDEX(Jesper!$R$2:$R$366,ROW(INDEX(Jesper!AL$2:AL$366,ROUNDDOWN($C1938/24,0)+1,1))-1)+IF('Standard Profiles'!$G$22=$B$10,7,0)+IF('Standard Profiles'!$G$22=$B$17,14,0)+IF('Standard Profiles'!$G$22=$B$24,21,0),MOD($C1938,24)+1)/SUM(INDEX($D$3:$AA$30,INDEX(Jesper!$R$2:$R$366,ROW(INDEX(Jesper!AL$2:AL$366,ROUNDDOWN($C1938/24,0)+1,1))-1)+IF('Standard Profiles'!$G$22=$B$10,7,0)+IF('Standard Profiles'!$G$22=$B$17,14,0)+IF('Standard Profiles'!$G$22=$B$24,21,0),0)),0)</f>
        <v>0</v>
      </c>
      <c r="I1938">
        <f t="shared" si="223"/>
        <v>0.34679433962728767</v>
      </c>
      <c r="J1938">
        <f t="shared" si="224"/>
        <v>1.155981132090959</v>
      </c>
      <c r="K1938">
        <f t="shared" si="225"/>
        <v>1.7339716981364386</v>
      </c>
      <c r="L1938">
        <f t="shared" si="226"/>
        <v>8.3230641510549042</v>
      </c>
      <c r="M1938">
        <f t="shared" si="227"/>
        <v>0</v>
      </c>
      <c r="N1938" s="46">
        <f t="shared" si="228"/>
        <v>45371.333333328716</v>
      </c>
    </row>
    <row r="1939" spans="2:14" x14ac:dyDescent="0.3">
      <c r="B1939">
        <f t="shared" si="222"/>
        <v>3</v>
      </c>
      <c r="C1939" s="16">
        <v>1905</v>
      </c>
      <c r="D1939" cm="1">
        <f t="array" ref="D1939">IFERROR(INDEX(Jesper!AH$2:AH$366,ROUNDDOWN($C1939/24,0)+1,1)*INDEX($D$3:$AA$30,INDEX(Jesper!$R$2:$R$366,ROW(INDEX(Jesper!AH$2:AH$366,ROUNDDOWN($C1939/24,0)+1,1))-1)+IF('Standard Profiles'!$G$18=$B$10,7,0)+IF('Standard Profiles'!$G$18=$B$17,14,0)+IF('Standard Profiles'!$G$18=$B$24,21,0),MOD($C1939,24)+1)/SUM(INDEX($D$3:$AA$30,INDEX(Jesper!$R$2:$R$366,ROW(INDEX(Jesper!AH$2:AH$366,ROUNDDOWN($C1939/24,0)+1,1))-1)+IF('Standard Profiles'!$G$18=$B$10,7,0)+IF('Standard Profiles'!$G$18=$B$17,14,0)+IF('Standard Profiles'!$G$18=$B$24,21,0),0)),0)</f>
        <v>12.422483807544632</v>
      </c>
      <c r="E1939" cm="1">
        <f t="array" ref="E1939">IFERROR(INDEX(Jesper!AI$2:AI$366,ROUNDDOWN($C1939/24,0)+1,1)*INDEX($D$3:$AA$30,INDEX(Jesper!$R$2:$R$366,ROW(INDEX(Jesper!AI$2:AI$366,ROUNDDOWN($C1939/24,0)+1,1))-1)+IF('Standard Profiles'!$G$19=$B$10,7,0)+IF('Standard Profiles'!$G$19=$B$17,14,0)+IF('Standard Profiles'!$G$19=$B$24,21,0),MOD($C1939,24)+1)/SUM(INDEX($D$3:$AA$30,INDEX(Jesper!$R$2:$R$366,ROW(INDEX(Jesper!AI$2:AI$366,ROUNDDOWN($C1939/24,0)+1,1))-1)+IF('Standard Profiles'!$G$19=$B$10,7,0)+IF('Standard Profiles'!$G$19=$B$17,14,0)+IF('Standard Profiles'!$G$19=$B$24,21,0),0)),0)</f>
        <v>0</v>
      </c>
      <c r="F1939" cm="1">
        <f t="array" ref="F1939">IFERROR(INDEX(Jesper!AJ$2:AJ$366,ROUNDDOWN($C1939/24,0)+1,1)*INDEX($D$3:$AA$30,INDEX(Jesper!$R$2:$R$366,ROW(INDEX(Jesper!AJ$2:AJ$366,ROUNDDOWN($C1939/24,0)+1,1))-1)+IF('Standard Profiles'!$G$20=$B$10,7,0)+IF('Standard Profiles'!$G$20=$B$17,14,0)+IF('Standard Profiles'!$G$20=$B$24,21,0),MOD($C1939,24)+1)/SUM(INDEX($D$3:$AA$30,INDEX(Jesper!$R$2:$R$366,ROW(INDEX(Jesper!AJ$2:AJ$366,ROUNDDOWN($C1939/24,0)+1,1))-1)+IF('Standard Profiles'!$G$20=$B$10,7,0)+IF('Standard Profiles'!$G$20=$B$17,14,0)+IF('Standard Profiles'!$G$20=$B$24,21,0),0)),0)</f>
        <v>0</v>
      </c>
      <c r="G1939" cm="1">
        <f t="array" ref="G1939">IFERROR(INDEX(Jesper!AK$2:AK$366,ROUNDDOWN($C1939/24,0)+1,1)*INDEX($D$3:$AA$30,INDEX(Jesper!$R$2:$R$366,ROW(INDEX(Jesper!AK$2:AK$366,ROUNDDOWN($C1939/24,0)+1,1))-1)+IF('Standard Profiles'!$G$21=$B$10,7,0)+IF('Standard Profiles'!$G$21=$B$17,14,0)+IF('Standard Profiles'!$G$21=$B$24,21,0),MOD($C1939,24)+1)/SUM(INDEX($D$3:$AA$30,INDEX(Jesper!$R$2:$R$366,ROW(INDEX(Jesper!AK$2:AK$366,ROUNDDOWN($C1939/24,0)+1,1))-1)+IF('Standard Profiles'!$G$21=$B$10,7,0)+IF('Standard Profiles'!$G$21=$B$17,14,0)+IF('Standard Profiles'!$G$21=$B$24,21,0),0)),0)</f>
        <v>0</v>
      </c>
      <c r="H1939" cm="1">
        <f t="array" ref="H1939">IFERROR(INDEX(Jesper!AL$2:AL$366,ROUNDDOWN($C1939/24,0)+1,1)*INDEX($D$3:$AA$30,INDEX(Jesper!$R$2:$R$366,ROW(INDEX(Jesper!AL$2:AL$366,ROUNDDOWN($C1939/24,0)+1,1))-1)+IF('Standard Profiles'!$G$22=$B$10,7,0)+IF('Standard Profiles'!$G$22=$B$17,14,0)+IF('Standard Profiles'!$G$22=$B$24,21,0),MOD($C1939,24)+1)/SUM(INDEX($D$3:$AA$30,INDEX(Jesper!$R$2:$R$366,ROW(INDEX(Jesper!AL$2:AL$366,ROUNDDOWN($C1939/24,0)+1,1))-1)+IF('Standard Profiles'!$G$22=$B$10,7,0)+IF('Standard Profiles'!$G$22=$B$17,14,0)+IF('Standard Profiles'!$G$22=$B$24,21,0),0)),0)</f>
        <v>0</v>
      </c>
      <c r="I1939">
        <f t="shared" si="223"/>
        <v>0.37267451422633896</v>
      </c>
      <c r="J1939">
        <f t="shared" si="224"/>
        <v>1.2422483807544633</v>
      </c>
      <c r="K1939">
        <f t="shared" si="225"/>
        <v>1.8633725711316946</v>
      </c>
      <c r="L1939">
        <f t="shared" si="226"/>
        <v>8.9441883414321346</v>
      </c>
      <c r="M1939">
        <f t="shared" si="227"/>
        <v>0</v>
      </c>
      <c r="N1939" s="46">
        <f t="shared" si="228"/>
        <v>45371.37499999538</v>
      </c>
    </row>
    <row r="1940" spans="2:14" x14ac:dyDescent="0.3">
      <c r="B1940">
        <f t="shared" si="222"/>
        <v>3</v>
      </c>
      <c r="C1940" s="16">
        <v>1906</v>
      </c>
      <c r="D1940" cm="1">
        <f t="array" ref="D1940">IFERROR(INDEX(Jesper!AH$2:AH$366,ROUNDDOWN($C1940/24,0)+1,1)*INDEX($D$3:$AA$30,INDEX(Jesper!$R$2:$R$366,ROW(INDEX(Jesper!AH$2:AH$366,ROUNDDOWN($C1940/24,0)+1,1))-1)+IF('Standard Profiles'!$G$18=$B$10,7,0)+IF('Standard Profiles'!$G$18=$B$17,14,0)+IF('Standard Profiles'!$G$18=$B$24,21,0),MOD($C1940,24)+1)/SUM(INDEX($D$3:$AA$30,INDEX(Jesper!$R$2:$R$366,ROW(INDEX(Jesper!AH$2:AH$366,ROUNDDOWN($C1940/24,0)+1,1))-1)+IF('Standard Profiles'!$G$18=$B$10,7,0)+IF('Standard Profiles'!$G$18=$B$17,14,0)+IF('Standard Profiles'!$G$18=$B$24,21,0),0)),0)</f>
        <v>13.457690791506685</v>
      </c>
      <c r="E1940" cm="1">
        <f t="array" ref="E1940">IFERROR(INDEX(Jesper!AI$2:AI$366,ROUNDDOWN($C1940/24,0)+1,1)*INDEX($D$3:$AA$30,INDEX(Jesper!$R$2:$R$366,ROW(INDEX(Jesper!AI$2:AI$366,ROUNDDOWN($C1940/24,0)+1,1))-1)+IF('Standard Profiles'!$G$19=$B$10,7,0)+IF('Standard Profiles'!$G$19=$B$17,14,0)+IF('Standard Profiles'!$G$19=$B$24,21,0),MOD($C1940,24)+1)/SUM(INDEX($D$3:$AA$30,INDEX(Jesper!$R$2:$R$366,ROW(INDEX(Jesper!AI$2:AI$366,ROUNDDOWN($C1940/24,0)+1,1))-1)+IF('Standard Profiles'!$G$19=$B$10,7,0)+IF('Standard Profiles'!$G$19=$B$17,14,0)+IF('Standard Profiles'!$G$19=$B$24,21,0),0)),0)</f>
        <v>0</v>
      </c>
      <c r="F1940" cm="1">
        <f t="array" ref="F1940">IFERROR(INDEX(Jesper!AJ$2:AJ$366,ROUNDDOWN($C1940/24,0)+1,1)*INDEX($D$3:$AA$30,INDEX(Jesper!$R$2:$R$366,ROW(INDEX(Jesper!AJ$2:AJ$366,ROUNDDOWN($C1940/24,0)+1,1))-1)+IF('Standard Profiles'!$G$20=$B$10,7,0)+IF('Standard Profiles'!$G$20=$B$17,14,0)+IF('Standard Profiles'!$G$20=$B$24,21,0),MOD($C1940,24)+1)/SUM(INDEX($D$3:$AA$30,INDEX(Jesper!$R$2:$R$366,ROW(INDEX(Jesper!AJ$2:AJ$366,ROUNDDOWN($C1940/24,0)+1,1))-1)+IF('Standard Profiles'!$G$20=$B$10,7,0)+IF('Standard Profiles'!$G$20=$B$17,14,0)+IF('Standard Profiles'!$G$20=$B$24,21,0),0)),0)</f>
        <v>0</v>
      </c>
      <c r="G1940" cm="1">
        <f t="array" ref="G1940">IFERROR(INDEX(Jesper!AK$2:AK$366,ROUNDDOWN($C1940/24,0)+1,1)*INDEX($D$3:$AA$30,INDEX(Jesper!$R$2:$R$366,ROW(INDEX(Jesper!AK$2:AK$366,ROUNDDOWN($C1940/24,0)+1,1))-1)+IF('Standard Profiles'!$G$21=$B$10,7,0)+IF('Standard Profiles'!$G$21=$B$17,14,0)+IF('Standard Profiles'!$G$21=$B$24,21,0),MOD($C1940,24)+1)/SUM(INDEX($D$3:$AA$30,INDEX(Jesper!$R$2:$R$366,ROW(INDEX(Jesper!AK$2:AK$366,ROUNDDOWN($C1940/24,0)+1,1))-1)+IF('Standard Profiles'!$G$21=$B$10,7,0)+IF('Standard Profiles'!$G$21=$B$17,14,0)+IF('Standard Profiles'!$G$21=$B$24,21,0),0)),0)</f>
        <v>0</v>
      </c>
      <c r="H1940" cm="1">
        <f t="array" ref="H1940">IFERROR(INDEX(Jesper!AL$2:AL$366,ROUNDDOWN($C1940/24,0)+1,1)*INDEX($D$3:$AA$30,INDEX(Jesper!$R$2:$R$366,ROW(INDEX(Jesper!AL$2:AL$366,ROUNDDOWN($C1940/24,0)+1,1))-1)+IF('Standard Profiles'!$G$22=$B$10,7,0)+IF('Standard Profiles'!$G$22=$B$17,14,0)+IF('Standard Profiles'!$G$22=$B$24,21,0),MOD($C1940,24)+1)/SUM(INDEX($D$3:$AA$30,INDEX(Jesper!$R$2:$R$366,ROW(INDEX(Jesper!AL$2:AL$366,ROUNDDOWN($C1940/24,0)+1,1))-1)+IF('Standard Profiles'!$G$22=$B$10,7,0)+IF('Standard Profiles'!$G$22=$B$17,14,0)+IF('Standard Profiles'!$G$22=$B$24,21,0),0)),0)</f>
        <v>0</v>
      </c>
      <c r="I1940">
        <f t="shared" si="223"/>
        <v>0.40373072374520053</v>
      </c>
      <c r="J1940">
        <f t="shared" si="224"/>
        <v>1.3457690791506687</v>
      </c>
      <c r="K1940">
        <f t="shared" si="225"/>
        <v>2.0186536187260029</v>
      </c>
      <c r="L1940">
        <f t="shared" si="226"/>
        <v>9.689537369884814</v>
      </c>
      <c r="M1940">
        <f t="shared" si="227"/>
        <v>0</v>
      </c>
      <c r="N1940" s="46">
        <f t="shared" si="228"/>
        <v>45371.416666662044</v>
      </c>
    </row>
    <row r="1941" spans="2:14" x14ac:dyDescent="0.3">
      <c r="B1941">
        <f t="shared" si="222"/>
        <v>3</v>
      </c>
      <c r="C1941" s="16">
        <v>1907</v>
      </c>
      <c r="D1941" cm="1">
        <f t="array" ref="D1941">IFERROR(INDEX(Jesper!AH$2:AH$366,ROUNDDOWN($C1941/24,0)+1,1)*INDEX($D$3:$AA$30,INDEX(Jesper!$R$2:$R$366,ROW(INDEX(Jesper!AH$2:AH$366,ROUNDDOWN($C1941/24,0)+1,1))-1)+IF('Standard Profiles'!$G$18=$B$10,7,0)+IF('Standard Profiles'!$G$18=$B$17,14,0)+IF('Standard Profiles'!$G$18=$B$24,21,0),MOD($C1941,24)+1)/SUM(INDEX($D$3:$AA$30,INDEX(Jesper!$R$2:$R$366,ROW(INDEX(Jesper!AH$2:AH$366,ROUNDDOWN($C1941/24,0)+1,1))-1)+IF('Standard Profiles'!$G$18=$B$10,7,0)+IF('Standard Profiles'!$G$18=$B$17,14,0)+IF('Standard Profiles'!$G$18=$B$24,21,0),0)),0)</f>
        <v>15.528104759430791</v>
      </c>
      <c r="E1941" cm="1">
        <f t="array" ref="E1941">IFERROR(INDEX(Jesper!AI$2:AI$366,ROUNDDOWN($C1941/24,0)+1,1)*INDEX($D$3:$AA$30,INDEX(Jesper!$R$2:$R$366,ROW(INDEX(Jesper!AI$2:AI$366,ROUNDDOWN($C1941/24,0)+1,1))-1)+IF('Standard Profiles'!$G$19=$B$10,7,0)+IF('Standard Profiles'!$G$19=$B$17,14,0)+IF('Standard Profiles'!$G$19=$B$24,21,0),MOD($C1941,24)+1)/SUM(INDEX($D$3:$AA$30,INDEX(Jesper!$R$2:$R$366,ROW(INDEX(Jesper!AI$2:AI$366,ROUNDDOWN($C1941/24,0)+1,1))-1)+IF('Standard Profiles'!$G$19=$B$10,7,0)+IF('Standard Profiles'!$G$19=$B$17,14,0)+IF('Standard Profiles'!$G$19=$B$24,21,0),0)),0)</f>
        <v>0</v>
      </c>
      <c r="F1941" cm="1">
        <f t="array" ref="F1941">IFERROR(INDEX(Jesper!AJ$2:AJ$366,ROUNDDOWN($C1941/24,0)+1,1)*INDEX($D$3:$AA$30,INDEX(Jesper!$R$2:$R$366,ROW(INDEX(Jesper!AJ$2:AJ$366,ROUNDDOWN($C1941/24,0)+1,1))-1)+IF('Standard Profiles'!$G$20=$B$10,7,0)+IF('Standard Profiles'!$G$20=$B$17,14,0)+IF('Standard Profiles'!$G$20=$B$24,21,0),MOD($C1941,24)+1)/SUM(INDEX($D$3:$AA$30,INDEX(Jesper!$R$2:$R$366,ROW(INDEX(Jesper!AJ$2:AJ$366,ROUNDDOWN($C1941/24,0)+1,1))-1)+IF('Standard Profiles'!$G$20=$B$10,7,0)+IF('Standard Profiles'!$G$20=$B$17,14,0)+IF('Standard Profiles'!$G$20=$B$24,21,0),0)),0)</f>
        <v>0</v>
      </c>
      <c r="G1941" cm="1">
        <f t="array" ref="G1941">IFERROR(INDEX(Jesper!AK$2:AK$366,ROUNDDOWN($C1941/24,0)+1,1)*INDEX($D$3:$AA$30,INDEX(Jesper!$R$2:$R$366,ROW(INDEX(Jesper!AK$2:AK$366,ROUNDDOWN($C1941/24,0)+1,1))-1)+IF('Standard Profiles'!$G$21=$B$10,7,0)+IF('Standard Profiles'!$G$21=$B$17,14,0)+IF('Standard Profiles'!$G$21=$B$24,21,0),MOD($C1941,24)+1)/SUM(INDEX($D$3:$AA$30,INDEX(Jesper!$R$2:$R$366,ROW(INDEX(Jesper!AK$2:AK$366,ROUNDDOWN($C1941/24,0)+1,1))-1)+IF('Standard Profiles'!$G$21=$B$10,7,0)+IF('Standard Profiles'!$G$21=$B$17,14,0)+IF('Standard Profiles'!$G$21=$B$24,21,0),0)),0)</f>
        <v>0</v>
      </c>
      <c r="H1941" cm="1">
        <f t="array" ref="H1941">IFERROR(INDEX(Jesper!AL$2:AL$366,ROUNDDOWN($C1941/24,0)+1,1)*INDEX($D$3:$AA$30,INDEX(Jesper!$R$2:$R$366,ROW(INDEX(Jesper!AL$2:AL$366,ROUNDDOWN($C1941/24,0)+1,1))-1)+IF('Standard Profiles'!$G$22=$B$10,7,0)+IF('Standard Profiles'!$G$22=$B$17,14,0)+IF('Standard Profiles'!$G$22=$B$24,21,0),MOD($C1941,24)+1)/SUM(INDEX($D$3:$AA$30,INDEX(Jesper!$R$2:$R$366,ROW(INDEX(Jesper!AL$2:AL$366,ROUNDDOWN($C1941/24,0)+1,1))-1)+IF('Standard Profiles'!$G$22=$B$10,7,0)+IF('Standard Profiles'!$G$22=$B$17,14,0)+IF('Standard Profiles'!$G$22=$B$24,21,0),0)),0)</f>
        <v>0</v>
      </c>
      <c r="I1941">
        <f t="shared" si="223"/>
        <v>0.46584314278292371</v>
      </c>
      <c r="J1941">
        <f t="shared" si="224"/>
        <v>1.5528104759430792</v>
      </c>
      <c r="K1941">
        <f t="shared" si="225"/>
        <v>2.3292157139146186</v>
      </c>
      <c r="L1941">
        <f t="shared" si="226"/>
        <v>11.180235426790169</v>
      </c>
      <c r="M1941">
        <f t="shared" si="227"/>
        <v>0</v>
      </c>
      <c r="N1941" s="46">
        <f t="shared" si="228"/>
        <v>45371.458333328708</v>
      </c>
    </row>
    <row r="1942" spans="2:14" x14ac:dyDescent="0.3">
      <c r="B1942">
        <f t="shared" si="222"/>
        <v>3</v>
      </c>
      <c r="C1942" s="16">
        <v>1908</v>
      </c>
      <c r="D1942" cm="1">
        <f t="array" ref="D1942">IFERROR(INDEX(Jesper!AH$2:AH$366,ROUNDDOWN($C1942/24,0)+1,1)*INDEX($D$3:$AA$30,INDEX(Jesper!$R$2:$R$366,ROW(INDEX(Jesper!AH$2:AH$366,ROUNDDOWN($C1942/24,0)+1,1))-1)+IF('Standard Profiles'!$G$18=$B$10,7,0)+IF('Standard Profiles'!$G$18=$B$17,14,0)+IF('Standard Profiles'!$G$18=$B$24,21,0),MOD($C1942,24)+1)/SUM(INDEX($D$3:$AA$30,INDEX(Jesper!$R$2:$R$366,ROW(INDEX(Jesper!AH$2:AH$366,ROUNDDOWN($C1942/24,0)+1,1))-1)+IF('Standard Profiles'!$G$18=$B$10,7,0)+IF('Standard Profiles'!$G$18=$B$17,14,0)+IF('Standard Profiles'!$G$18=$B$24,21,0),0)),0)</f>
        <v>15.528104759430791</v>
      </c>
      <c r="E1942" cm="1">
        <f t="array" ref="E1942">IFERROR(INDEX(Jesper!AI$2:AI$366,ROUNDDOWN($C1942/24,0)+1,1)*INDEX($D$3:$AA$30,INDEX(Jesper!$R$2:$R$366,ROW(INDEX(Jesper!AI$2:AI$366,ROUNDDOWN($C1942/24,0)+1,1))-1)+IF('Standard Profiles'!$G$19=$B$10,7,0)+IF('Standard Profiles'!$G$19=$B$17,14,0)+IF('Standard Profiles'!$G$19=$B$24,21,0),MOD($C1942,24)+1)/SUM(INDEX($D$3:$AA$30,INDEX(Jesper!$R$2:$R$366,ROW(INDEX(Jesper!AI$2:AI$366,ROUNDDOWN($C1942/24,0)+1,1))-1)+IF('Standard Profiles'!$G$19=$B$10,7,0)+IF('Standard Profiles'!$G$19=$B$17,14,0)+IF('Standard Profiles'!$G$19=$B$24,21,0),0)),0)</f>
        <v>0</v>
      </c>
      <c r="F1942" cm="1">
        <f t="array" ref="F1942">IFERROR(INDEX(Jesper!AJ$2:AJ$366,ROUNDDOWN($C1942/24,0)+1,1)*INDEX($D$3:$AA$30,INDEX(Jesper!$R$2:$R$366,ROW(INDEX(Jesper!AJ$2:AJ$366,ROUNDDOWN($C1942/24,0)+1,1))-1)+IF('Standard Profiles'!$G$20=$B$10,7,0)+IF('Standard Profiles'!$G$20=$B$17,14,0)+IF('Standard Profiles'!$G$20=$B$24,21,0),MOD($C1942,24)+1)/SUM(INDEX($D$3:$AA$30,INDEX(Jesper!$R$2:$R$366,ROW(INDEX(Jesper!AJ$2:AJ$366,ROUNDDOWN($C1942/24,0)+1,1))-1)+IF('Standard Profiles'!$G$20=$B$10,7,0)+IF('Standard Profiles'!$G$20=$B$17,14,0)+IF('Standard Profiles'!$G$20=$B$24,21,0),0)),0)</f>
        <v>0</v>
      </c>
      <c r="G1942" cm="1">
        <f t="array" ref="G1942">IFERROR(INDEX(Jesper!AK$2:AK$366,ROUNDDOWN($C1942/24,0)+1,1)*INDEX($D$3:$AA$30,INDEX(Jesper!$R$2:$R$366,ROW(INDEX(Jesper!AK$2:AK$366,ROUNDDOWN($C1942/24,0)+1,1))-1)+IF('Standard Profiles'!$G$21=$B$10,7,0)+IF('Standard Profiles'!$G$21=$B$17,14,0)+IF('Standard Profiles'!$G$21=$B$24,21,0),MOD($C1942,24)+1)/SUM(INDEX($D$3:$AA$30,INDEX(Jesper!$R$2:$R$366,ROW(INDEX(Jesper!AK$2:AK$366,ROUNDDOWN($C1942/24,0)+1,1))-1)+IF('Standard Profiles'!$G$21=$B$10,7,0)+IF('Standard Profiles'!$G$21=$B$17,14,0)+IF('Standard Profiles'!$G$21=$B$24,21,0),0)),0)</f>
        <v>0</v>
      </c>
      <c r="H1942" cm="1">
        <f t="array" ref="H1942">IFERROR(INDEX(Jesper!AL$2:AL$366,ROUNDDOWN($C1942/24,0)+1,1)*INDEX($D$3:$AA$30,INDEX(Jesper!$R$2:$R$366,ROW(INDEX(Jesper!AL$2:AL$366,ROUNDDOWN($C1942/24,0)+1,1))-1)+IF('Standard Profiles'!$G$22=$B$10,7,0)+IF('Standard Profiles'!$G$22=$B$17,14,0)+IF('Standard Profiles'!$G$22=$B$24,21,0),MOD($C1942,24)+1)/SUM(INDEX($D$3:$AA$30,INDEX(Jesper!$R$2:$R$366,ROW(INDEX(Jesper!AL$2:AL$366,ROUNDDOWN($C1942/24,0)+1,1))-1)+IF('Standard Profiles'!$G$22=$B$10,7,0)+IF('Standard Profiles'!$G$22=$B$17,14,0)+IF('Standard Profiles'!$G$22=$B$24,21,0),0)),0)</f>
        <v>0</v>
      </c>
      <c r="I1942">
        <f t="shared" si="223"/>
        <v>0.46584314278292371</v>
      </c>
      <c r="J1942">
        <f t="shared" si="224"/>
        <v>1.5528104759430792</v>
      </c>
      <c r="K1942">
        <f t="shared" si="225"/>
        <v>2.3292157139146186</v>
      </c>
      <c r="L1942">
        <f t="shared" si="226"/>
        <v>11.180235426790169</v>
      </c>
      <c r="M1942">
        <f t="shared" si="227"/>
        <v>0</v>
      </c>
      <c r="N1942" s="46">
        <f t="shared" si="228"/>
        <v>45371.499999995372</v>
      </c>
    </row>
    <row r="1943" spans="2:14" x14ac:dyDescent="0.3">
      <c r="B1943">
        <f t="shared" si="222"/>
        <v>3</v>
      </c>
      <c r="C1943" s="16">
        <v>1909</v>
      </c>
      <c r="D1943" cm="1">
        <f t="array" ref="D1943">IFERROR(INDEX(Jesper!AH$2:AH$366,ROUNDDOWN($C1943/24,0)+1,1)*INDEX($D$3:$AA$30,INDEX(Jesper!$R$2:$R$366,ROW(INDEX(Jesper!AH$2:AH$366,ROUNDDOWN($C1943/24,0)+1,1))-1)+IF('Standard Profiles'!$G$18=$B$10,7,0)+IF('Standard Profiles'!$G$18=$B$17,14,0)+IF('Standard Profiles'!$G$18=$B$24,21,0),MOD($C1943,24)+1)/SUM(INDEX($D$3:$AA$30,INDEX(Jesper!$R$2:$R$366,ROW(INDEX(Jesper!AH$2:AH$366,ROUNDDOWN($C1943/24,0)+1,1))-1)+IF('Standard Profiles'!$G$18=$B$10,7,0)+IF('Standard Profiles'!$G$18=$B$17,14,0)+IF('Standard Profiles'!$G$18=$B$24,21,0),0)),0)</f>
        <v>15.528104759430791</v>
      </c>
      <c r="E1943" cm="1">
        <f t="array" ref="E1943">IFERROR(INDEX(Jesper!AI$2:AI$366,ROUNDDOWN($C1943/24,0)+1,1)*INDEX($D$3:$AA$30,INDEX(Jesper!$R$2:$R$366,ROW(INDEX(Jesper!AI$2:AI$366,ROUNDDOWN($C1943/24,0)+1,1))-1)+IF('Standard Profiles'!$G$19=$B$10,7,0)+IF('Standard Profiles'!$G$19=$B$17,14,0)+IF('Standard Profiles'!$G$19=$B$24,21,0),MOD($C1943,24)+1)/SUM(INDEX($D$3:$AA$30,INDEX(Jesper!$R$2:$R$366,ROW(INDEX(Jesper!AI$2:AI$366,ROUNDDOWN($C1943/24,0)+1,1))-1)+IF('Standard Profiles'!$G$19=$B$10,7,0)+IF('Standard Profiles'!$G$19=$B$17,14,0)+IF('Standard Profiles'!$G$19=$B$24,21,0),0)),0)</f>
        <v>0</v>
      </c>
      <c r="F1943" cm="1">
        <f t="array" ref="F1943">IFERROR(INDEX(Jesper!AJ$2:AJ$366,ROUNDDOWN($C1943/24,0)+1,1)*INDEX($D$3:$AA$30,INDEX(Jesper!$R$2:$R$366,ROW(INDEX(Jesper!AJ$2:AJ$366,ROUNDDOWN($C1943/24,0)+1,1))-1)+IF('Standard Profiles'!$G$20=$B$10,7,0)+IF('Standard Profiles'!$G$20=$B$17,14,0)+IF('Standard Profiles'!$G$20=$B$24,21,0),MOD($C1943,24)+1)/SUM(INDEX($D$3:$AA$30,INDEX(Jesper!$R$2:$R$366,ROW(INDEX(Jesper!AJ$2:AJ$366,ROUNDDOWN($C1943/24,0)+1,1))-1)+IF('Standard Profiles'!$G$20=$B$10,7,0)+IF('Standard Profiles'!$G$20=$B$17,14,0)+IF('Standard Profiles'!$G$20=$B$24,21,0),0)),0)</f>
        <v>0</v>
      </c>
      <c r="G1943" cm="1">
        <f t="array" ref="G1943">IFERROR(INDEX(Jesper!AK$2:AK$366,ROUNDDOWN($C1943/24,0)+1,1)*INDEX($D$3:$AA$30,INDEX(Jesper!$R$2:$R$366,ROW(INDEX(Jesper!AK$2:AK$366,ROUNDDOWN($C1943/24,0)+1,1))-1)+IF('Standard Profiles'!$G$21=$B$10,7,0)+IF('Standard Profiles'!$G$21=$B$17,14,0)+IF('Standard Profiles'!$G$21=$B$24,21,0),MOD($C1943,24)+1)/SUM(INDEX($D$3:$AA$30,INDEX(Jesper!$R$2:$R$366,ROW(INDEX(Jesper!AK$2:AK$366,ROUNDDOWN($C1943/24,0)+1,1))-1)+IF('Standard Profiles'!$G$21=$B$10,7,0)+IF('Standard Profiles'!$G$21=$B$17,14,0)+IF('Standard Profiles'!$G$21=$B$24,21,0),0)),0)</f>
        <v>0</v>
      </c>
      <c r="H1943" cm="1">
        <f t="array" ref="H1943">IFERROR(INDEX(Jesper!AL$2:AL$366,ROUNDDOWN($C1943/24,0)+1,1)*INDEX($D$3:$AA$30,INDEX(Jesper!$R$2:$R$366,ROW(INDEX(Jesper!AL$2:AL$366,ROUNDDOWN($C1943/24,0)+1,1))-1)+IF('Standard Profiles'!$G$22=$B$10,7,0)+IF('Standard Profiles'!$G$22=$B$17,14,0)+IF('Standard Profiles'!$G$22=$B$24,21,0),MOD($C1943,24)+1)/SUM(INDEX($D$3:$AA$30,INDEX(Jesper!$R$2:$R$366,ROW(INDEX(Jesper!AL$2:AL$366,ROUNDDOWN($C1943/24,0)+1,1))-1)+IF('Standard Profiles'!$G$22=$B$10,7,0)+IF('Standard Profiles'!$G$22=$B$17,14,0)+IF('Standard Profiles'!$G$22=$B$24,21,0),0)),0)</f>
        <v>0</v>
      </c>
      <c r="I1943">
        <f t="shared" si="223"/>
        <v>0.46584314278292371</v>
      </c>
      <c r="J1943">
        <f t="shared" si="224"/>
        <v>1.5528104759430792</v>
      </c>
      <c r="K1943">
        <f t="shared" si="225"/>
        <v>2.3292157139146186</v>
      </c>
      <c r="L1943">
        <f t="shared" si="226"/>
        <v>11.180235426790169</v>
      </c>
      <c r="M1943">
        <f t="shared" si="227"/>
        <v>0</v>
      </c>
      <c r="N1943" s="46">
        <f t="shared" si="228"/>
        <v>45371.541666662037</v>
      </c>
    </row>
    <row r="1944" spans="2:14" x14ac:dyDescent="0.3">
      <c r="B1944">
        <f t="shared" si="222"/>
        <v>3</v>
      </c>
      <c r="C1944" s="16">
        <v>1910</v>
      </c>
      <c r="D1944" cm="1">
        <f t="array" ref="D1944">IFERROR(INDEX(Jesper!AH$2:AH$366,ROUNDDOWN($C1944/24,0)+1,1)*INDEX($D$3:$AA$30,INDEX(Jesper!$R$2:$R$366,ROW(INDEX(Jesper!AH$2:AH$366,ROUNDDOWN($C1944/24,0)+1,1))-1)+IF('Standard Profiles'!$G$18=$B$10,7,0)+IF('Standard Profiles'!$G$18=$B$17,14,0)+IF('Standard Profiles'!$G$18=$B$24,21,0),MOD($C1944,24)+1)/SUM(INDEX($D$3:$AA$30,INDEX(Jesper!$R$2:$R$366,ROW(INDEX(Jesper!AH$2:AH$366,ROUNDDOWN($C1944/24,0)+1,1))-1)+IF('Standard Profiles'!$G$18=$B$10,7,0)+IF('Standard Profiles'!$G$18=$B$17,14,0)+IF('Standard Profiles'!$G$18=$B$24,21,0),0)),0)</f>
        <v>15.528104759430791</v>
      </c>
      <c r="E1944" cm="1">
        <f t="array" ref="E1944">IFERROR(INDEX(Jesper!AI$2:AI$366,ROUNDDOWN($C1944/24,0)+1,1)*INDEX($D$3:$AA$30,INDEX(Jesper!$R$2:$R$366,ROW(INDEX(Jesper!AI$2:AI$366,ROUNDDOWN($C1944/24,0)+1,1))-1)+IF('Standard Profiles'!$G$19=$B$10,7,0)+IF('Standard Profiles'!$G$19=$B$17,14,0)+IF('Standard Profiles'!$G$19=$B$24,21,0),MOD($C1944,24)+1)/SUM(INDEX($D$3:$AA$30,INDEX(Jesper!$R$2:$R$366,ROW(INDEX(Jesper!AI$2:AI$366,ROUNDDOWN($C1944/24,0)+1,1))-1)+IF('Standard Profiles'!$G$19=$B$10,7,0)+IF('Standard Profiles'!$G$19=$B$17,14,0)+IF('Standard Profiles'!$G$19=$B$24,21,0),0)),0)</f>
        <v>0</v>
      </c>
      <c r="F1944" cm="1">
        <f t="array" ref="F1944">IFERROR(INDEX(Jesper!AJ$2:AJ$366,ROUNDDOWN($C1944/24,0)+1,1)*INDEX($D$3:$AA$30,INDEX(Jesper!$R$2:$R$366,ROW(INDEX(Jesper!AJ$2:AJ$366,ROUNDDOWN($C1944/24,0)+1,1))-1)+IF('Standard Profiles'!$G$20=$B$10,7,0)+IF('Standard Profiles'!$G$20=$B$17,14,0)+IF('Standard Profiles'!$G$20=$B$24,21,0),MOD($C1944,24)+1)/SUM(INDEX($D$3:$AA$30,INDEX(Jesper!$R$2:$R$366,ROW(INDEX(Jesper!AJ$2:AJ$366,ROUNDDOWN($C1944/24,0)+1,1))-1)+IF('Standard Profiles'!$G$20=$B$10,7,0)+IF('Standard Profiles'!$G$20=$B$17,14,0)+IF('Standard Profiles'!$G$20=$B$24,21,0),0)),0)</f>
        <v>0</v>
      </c>
      <c r="G1944" cm="1">
        <f t="array" ref="G1944">IFERROR(INDEX(Jesper!AK$2:AK$366,ROUNDDOWN($C1944/24,0)+1,1)*INDEX($D$3:$AA$30,INDEX(Jesper!$R$2:$R$366,ROW(INDEX(Jesper!AK$2:AK$366,ROUNDDOWN($C1944/24,0)+1,1))-1)+IF('Standard Profiles'!$G$21=$B$10,7,0)+IF('Standard Profiles'!$G$21=$B$17,14,0)+IF('Standard Profiles'!$G$21=$B$24,21,0),MOD($C1944,24)+1)/SUM(INDEX($D$3:$AA$30,INDEX(Jesper!$R$2:$R$366,ROW(INDEX(Jesper!AK$2:AK$366,ROUNDDOWN($C1944/24,0)+1,1))-1)+IF('Standard Profiles'!$G$21=$B$10,7,0)+IF('Standard Profiles'!$G$21=$B$17,14,0)+IF('Standard Profiles'!$G$21=$B$24,21,0),0)),0)</f>
        <v>0</v>
      </c>
      <c r="H1944" cm="1">
        <f t="array" ref="H1944">IFERROR(INDEX(Jesper!AL$2:AL$366,ROUNDDOWN($C1944/24,0)+1,1)*INDEX($D$3:$AA$30,INDEX(Jesper!$R$2:$R$366,ROW(INDEX(Jesper!AL$2:AL$366,ROUNDDOWN($C1944/24,0)+1,1))-1)+IF('Standard Profiles'!$G$22=$B$10,7,0)+IF('Standard Profiles'!$G$22=$B$17,14,0)+IF('Standard Profiles'!$G$22=$B$24,21,0),MOD($C1944,24)+1)/SUM(INDEX($D$3:$AA$30,INDEX(Jesper!$R$2:$R$366,ROW(INDEX(Jesper!AL$2:AL$366,ROUNDDOWN($C1944/24,0)+1,1))-1)+IF('Standard Profiles'!$G$22=$B$10,7,0)+IF('Standard Profiles'!$G$22=$B$17,14,0)+IF('Standard Profiles'!$G$22=$B$24,21,0),0)),0)</f>
        <v>0</v>
      </c>
      <c r="I1944">
        <f t="shared" si="223"/>
        <v>0.46584314278292371</v>
      </c>
      <c r="J1944">
        <f t="shared" si="224"/>
        <v>1.5528104759430792</v>
      </c>
      <c r="K1944">
        <f t="shared" si="225"/>
        <v>2.3292157139146186</v>
      </c>
      <c r="L1944">
        <f t="shared" si="226"/>
        <v>11.180235426790169</v>
      </c>
      <c r="M1944">
        <f t="shared" si="227"/>
        <v>0</v>
      </c>
      <c r="N1944" s="46">
        <f t="shared" si="228"/>
        <v>45371.583333328701</v>
      </c>
    </row>
    <row r="1945" spans="2:14" x14ac:dyDescent="0.3">
      <c r="B1945">
        <f t="shared" si="222"/>
        <v>3</v>
      </c>
      <c r="C1945" s="16">
        <v>1911</v>
      </c>
      <c r="D1945" cm="1">
        <f t="array" ref="D1945">IFERROR(INDEX(Jesper!AH$2:AH$366,ROUNDDOWN($C1945/24,0)+1,1)*INDEX($D$3:$AA$30,INDEX(Jesper!$R$2:$R$366,ROW(INDEX(Jesper!AH$2:AH$366,ROUNDDOWN($C1945/24,0)+1,1))-1)+IF('Standard Profiles'!$G$18=$B$10,7,0)+IF('Standard Profiles'!$G$18=$B$17,14,0)+IF('Standard Profiles'!$G$18=$B$24,21,0),MOD($C1945,24)+1)/SUM(INDEX($D$3:$AA$30,INDEX(Jesper!$R$2:$R$366,ROW(INDEX(Jesper!AH$2:AH$366,ROUNDDOWN($C1945/24,0)+1,1))-1)+IF('Standard Profiles'!$G$18=$B$10,7,0)+IF('Standard Profiles'!$G$18=$B$17,14,0)+IF('Standard Profiles'!$G$18=$B$24,21,0),0)),0)</f>
        <v>15.528104759430791</v>
      </c>
      <c r="E1945" cm="1">
        <f t="array" ref="E1945">IFERROR(INDEX(Jesper!AI$2:AI$366,ROUNDDOWN($C1945/24,0)+1,1)*INDEX($D$3:$AA$30,INDEX(Jesper!$R$2:$R$366,ROW(INDEX(Jesper!AI$2:AI$366,ROUNDDOWN($C1945/24,0)+1,1))-1)+IF('Standard Profiles'!$G$19=$B$10,7,0)+IF('Standard Profiles'!$G$19=$B$17,14,0)+IF('Standard Profiles'!$G$19=$B$24,21,0),MOD($C1945,24)+1)/SUM(INDEX($D$3:$AA$30,INDEX(Jesper!$R$2:$R$366,ROW(INDEX(Jesper!AI$2:AI$366,ROUNDDOWN($C1945/24,0)+1,1))-1)+IF('Standard Profiles'!$G$19=$B$10,7,0)+IF('Standard Profiles'!$G$19=$B$17,14,0)+IF('Standard Profiles'!$G$19=$B$24,21,0),0)),0)</f>
        <v>0</v>
      </c>
      <c r="F1945" cm="1">
        <f t="array" ref="F1945">IFERROR(INDEX(Jesper!AJ$2:AJ$366,ROUNDDOWN($C1945/24,0)+1,1)*INDEX($D$3:$AA$30,INDEX(Jesper!$R$2:$R$366,ROW(INDEX(Jesper!AJ$2:AJ$366,ROUNDDOWN($C1945/24,0)+1,1))-1)+IF('Standard Profiles'!$G$20=$B$10,7,0)+IF('Standard Profiles'!$G$20=$B$17,14,0)+IF('Standard Profiles'!$G$20=$B$24,21,0),MOD($C1945,24)+1)/SUM(INDEX($D$3:$AA$30,INDEX(Jesper!$R$2:$R$366,ROW(INDEX(Jesper!AJ$2:AJ$366,ROUNDDOWN($C1945/24,0)+1,1))-1)+IF('Standard Profiles'!$G$20=$B$10,7,0)+IF('Standard Profiles'!$G$20=$B$17,14,0)+IF('Standard Profiles'!$G$20=$B$24,21,0),0)),0)</f>
        <v>0</v>
      </c>
      <c r="G1945" cm="1">
        <f t="array" ref="G1945">IFERROR(INDEX(Jesper!AK$2:AK$366,ROUNDDOWN($C1945/24,0)+1,1)*INDEX($D$3:$AA$30,INDEX(Jesper!$R$2:$R$366,ROW(INDEX(Jesper!AK$2:AK$366,ROUNDDOWN($C1945/24,0)+1,1))-1)+IF('Standard Profiles'!$G$21=$B$10,7,0)+IF('Standard Profiles'!$G$21=$B$17,14,0)+IF('Standard Profiles'!$G$21=$B$24,21,0),MOD($C1945,24)+1)/SUM(INDEX($D$3:$AA$30,INDEX(Jesper!$R$2:$R$366,ROW(INDEX(Jesper!AK$2:AK$366,ROUNDDOWN($C1945/24,0)+1,1))-1)+IF('Standard Profiles'!$G$21=$B$10,7,0)+IF('Standard Profiles'!$G$21=$B$17,14,0)+IF('Standard Profiles'!$G$21=$B$24,21,0),0)),0)</f>
        <v>0</v>
      </c>
      <c r="H1945" cm="1">
        <f t="array" ref="H1945">IFERROR(INDEX(Jesper!AL$2:AL$366,ROUNDDOWN($C1945/24,0)+1,1)*INDEX($D$3:$AA$30,INDEX(Jesper!$R$2:$R$366,ROW(INDEX(Jesper!AL$2:AL$366,ROUNDDOWN($C1945/24,0)+1,1))-1)+IF('Standard Profiles'!$G$22=$B$10,7,0)+IF('Standard Profiles'!$G$22=$B$17,14,0)+IF('Standard Profiles'!$G$22=$B$24,21,0),MOD($C1945,24)+1)/SUM(INDEX($D$3:$AA$30,INDEX(Jesper!$R$2:$R$366,ROW(INDEX(Jesper!AL$2:AL$366,ROUNDDOWN($C1945/24,0)+1,1))-1)+IF('Standard Profiles'!$G$22=$B$10,7,0)+IF('Standard Profiles'!$G$22=$B$17,14,0)+IF('Standard Profiles'!$G$22=$B$24,21,0),0)),0)</f>
        <v>0</v>
      </c>
      <c r="I1945">
        <f t="shared" si="223"/>
        <v>0.46584314278292371</v>
      </c>
      <c r="J1945">
        <f t="shared" si="224"/>
        <v>1.5528104759430792</v>
      </c>
      <c r="K1945">
        <f t="shared" si="225"/>
        <v>2.3292157139146186</v>
      </c>
      <c r="L1945">
        <f t="shared" si="226"/>
        <v>11.180235426790169</v>
      </c>
      <c r="M1945">
        <f t="shared" si="227"/>
        <v>0</v>
      </c>
      <c r="N1945" s="46">
        <f t="shared" si="228"/>
        <v>45371.624999995365</v>
      </c>
    </row>
    <row r="1946" spans="2:14" x14ac:dyDescent="0.3">
      <c r="B1946">
        <f t="shared" si="222"/>
        <v>3</v>
      </c>
      <c r="C1946" s="16">
        <v>1912</v>
      </c>
      <c r="D1946" cm="1">
        <f t="array" ref="D1946">IFERROR(INDEX(Jesper!AH$2:AH$366,ROUNDDOWN($C1946/24,0)+1,1)*INDEX($D$3:$AA$30,INDEX(Jesper!$R$2:$R$366,ROW(INDEX(Jesper!AH$2:AH$366,ROUNDDOWN($C1946/24,0)+1,1))-1)+IF('Standard Profiles'!$G$18=$B$10,7,0)+IF('Standard Profiles'!$G$18=$B$17,14,0)+IF('Standard Profiles'!$G$18=$B$24,21,0),MOD($C1946,24)+1)/SUM(INDEX($D$3:$AA$30,INDEX(Jesper!$R$2:$R$366,ROW(INDEX(Jesper!AH$2:AH$366,ROUNDDOWN($C1946/24,0)+1,1))-1)+IF('Standard Profiles'!$G$18=$B$10,7,0)+IF('Standard Profiles'!$G$18=$B$17,14,0)+IF('Standard Profiles'!$G$18=$B$24,21,0),0)),0)</f>
        <v>15.528104759430791</v>
      </c>
      <c r="E1946" cm="1">
        <f t="array" ref="E1946">IFERROR(INDEX(Jesper!AI$2:AI$366,ROUNDDOWN($C1946/24,0)+1,1)*INDEX($D$3:$AA$30,INDEX(Jesper!$R$2:$R$366,ROW(INDEX(Jesper!AI$2:AI$366,ROUNDDOWN($C1946/24,0)+1,1))-1)+IF('Standard Profiles'!$G$19=$B$10,7,0)+IF('Standard Profiles'!$G$19=$B$17,14,0)+IF('Standard Profiles'!$G$19=$B$24,21,0),MOD($C1946,24)+1)/SUM(INDEX($D$3:$AA$30,INDEX(Jesper!$R$2:$R$366,ROW(INDEX(Jesper!AI$2:AI$366,ROUNDDOWN($C1946/24,0)+1,1))-1)+IF('Standard Profiles'!$G$19=$B$10,7,0)+IF('Standard Profiles'!$G$19=$B$17,14,0)+IF('Standard Profiles'!$G$19=$B$24,21,0),0)),0)</f>
        <v>0</v>
      </c>
      <c r="F1946" cm="1">
        <f t="array" ref="F1946">IFERROR(INDEX(Jesper!AJ$2:AJ$366,ROUNDDOWN($C1946/24,0)+1,1)*INDEX($D$3:$AA$30,INDEX(Jesper!$R$2:$R$366,ROW(INDEX(Jesper!AJ$2:AJ$366,ROUNDDOWN($C1946/24,0)+1,1))-1)+IF('Standard Profiles'!$G$20=$B$10,7,0)+IF('Standard Profiles'!$G$20=$B$17,14,0)+IF('Standard Profiles'!$G$20=$B$24,21,0),MOD($C1946,24)+1)/SUM(INDEX($D$3:$AA$30,INDEX(Jesper!$R$2:$R$366,ROW(INDEX(Jesper!AJ$2:AJ$366,ROUNDDOWN($C1946/24,0)+1,1))-1)+IF('Standard Profiles'!$G$20=$B$10,7,0)+IF('Standard Profiles'!$G$20=$B$17,14,0)+IF('Standard Profiles'!$G$20=$B$24,21,0),0)),0)</f>
        <v>0</v>
      </c>
      <c r="G1946" cm="1">
        <f t="array" ref="G1946">IFERROR(INDEX(Jesper!AK$2:AK$366,ROUNDDOWN($C1946/24,0)+1,1)*INDEX($D$3:$AA$30,INDEX(Jesper!$R$2:$R$366,ROW(INDEX(Jesper!AK$2:AK$366,ROUNDDOWN($C1946/24,0)+1,1))-1)+IF('Standard Profiles'!$G$21=$B$10,7,0)+IF('Standard Profiles'!$G$21=$B$17,14,0)+IF('Standard Profiles'!$G$21=$B$24,21,0),MOD($C1946,24)+1)/SUM(INDEX($D$3:$AA$30,INDEX(Jesper!$R$2:$R$366,ROW(INDEX(Jesper!AK$2:AK$366,ROUNDDOWN($C1946/24,0)+1,1))-1)+IF('Standard Profiles'!$G$21=$B$10,7,0)+IF('Standard Profiles'!$G$21=$B$17,14,0)+IF('Standard Profiles'!$G$21=$B$24,21,0),0)),0)</f>
        <v>0</v>
      </c>
      <c r="H1946" cm="1">
        <f t="array" ref="H1946">IFERROR(INDEX(Jesper!AL$2:AL$366,ROUNDDOWN($C1946/24,0)+1,1)*INDEX($D$3:$AA$30,INDEX(Jesper!$R$2:$R$366,ROW(INDEX(Jesper!AL$2:AL$366,ROUNDDOWN($C1946/24,0)+1,1))-1)+IF('Standard Profiles'!$G$22=$B$10,7,0)+IF('Standard Profiles'!$G$22=$B$17,14,0)+IF('Standard Profiles'!$G$22=$B$24,21,0),MOD($C1946,24)+1)/SUM(INDEX($D$3:$AA$30,INDEX(Jesper!$R$2:$R$366,ROW(INDEX(Jesper!AL$2:AL$366,ROUNDDOWN($C1946/24,0)+1,1))-1)+IF('Standard Profiles'!$G$22=$B$10,7,0)+IF('Standard Profiles'!$G$22=$B$17,14,0)+IF('Standard Profiles'!$G$22=$B$24,21,0),0)),0)</f>
        <v>0</v>
      </c>
      <c r="I1946">
        <f t="shared" si="223"/>
        <v>0.46584314278292371</v>
      </c>
      <c r="J1946">
        <f t="shared" si="224"/>
        <v>1.5528104759430792</v>
      </c>
      <c r="K1946">
        <f t="shared" si="225"/>
        <v>2.3292157139146186</v>
      </c>
      <c r="L1946">
        <f t="shared" si="226"/>
        <v>11.180235426790169</v>
      </c>
      <c r="M1946">
        <f t="shared" si="227"/>
        <v>0</v>
      </c>
      <c r="N1946" s="46">
        <f t="shared" si="228"/>
        <v>45371.666666662029</v>
      </c>
    </row>
    <row r="1947" spans="2:14" x14ac:dyDescent="0.3">
      <c r="B1947">
        <f t="shared" si="222"/>
        <v>3</v>
      </c>
      <c r="C1947" s="16">
        <v>1913</v>
      </c>
      <c r="D1947" cm="1">
        <f t="array" ref="D1947">IFERROR(INDEX(Jesper!AH$2:AH$366,ROUNDDOWN($C1947/24,0)+1,1)*INDEX($D$3:$AA$30,INDEX(Jesper!$R$2:$R$366,ROW(INDEX(Jesper!AH$2:AH$366,ROUNDDOWN($C1947/24,0)+1,1))-1)+IF('Standard Profiles'!$G$18=$B$10,7,0)+IF('Standard Profiles'!$G$18=$B$17,14,0)+IF('Standard Profiles'!$G$18=$B$24,21,0),MOD($C1947,24)+1)/SUM(INDEX($D$3:$AA$30,INDEX(Jesper!$R$2:$R$366,ROW(INDEX(Jesper!AH$2:AH$366,ROUNDDOWN($C1947/24,0)+1,1))-1)+IF('Standard Profiles'!$G$18=$B$10,7,0)+IF('Standard Profiles'!$G$18=$B$17,14,0)+IF('Standard Profiles'!$G$18=$B$24,21,0),0)),0)</f>
        <v>15.528104759430791</v>
      </c>
      <c r="E1947" cm="1">
        <f t="array" ref="E1947">IFERROR(INDEX(Jesper!AI$2:AI$366,ROUNDDOWN($C1947/24,0)+1,1)*INDEX($D$3:$AA$30,INDEX(Jesper!$R$2:$R$366,ROW(INDEX(Jesper!AI$2:AI$366,ROUNDDOWN($C1947/24,0)+1,1))-1)+IF('Standard Profiles'!$G$19=$B$10,7,0)+IF('Standard Profiles'!$G$19=$B$17,14,0)+IF('Standard Profiles'!$G$19=$B$24,21,0),MOD($C1947,24)+1)/SUM(INDEX($D$3:$AA$30,INDEX(Jesper!$R$2:$R$366,ROW(INDEX(Jesper!AI$2:AI$366,ROUNDDOWN($C1947/24,0)+1,1))-1)+IF('Standard Profiles'!$G$19=$B$10,7,0)+IF('Standard Profiles'!$G$19=$B$17,14,0)+IF('Standard Profiles'!$G$19=$B$24,21,0),0)),0)</f>
        <v>0</v>
      </c>
      <c r="F1947" cm="1">
        <f t="array" ref="F1947">IFERROR(INDEX(Jesper!AJ$2:AJ$366,ROUNDDOWN($C1947/24,0)+1,1)*INDEX($D$3:$AA$30,INDEX(Jesper!$R$2:$R$366,ROW(INDEX(Jesper!AJ$2:AJ$366,ROUNDDOWN($C1947/24,0)+1,1))-1)+IF('Standard Profiles'!$G$20=$B$10,7,0)+IF('Standard Profiles'!$G$20=$B$17,14,0)+IF('Standard Profiles'!$G$20=$B$24,21,0),MOD($C1947,24)+1)/SUM(INDEX($D$3:$AA$30,INDEX(Jesper!$R$2:$R$366,ROW(INDEX(Jesper!AJ$2:AJ$366,ROUNDDOWN($C1947/24,0)+1,1))-1)+IF('Standard Profiles'!$G$20=$B$10,7,0)+IF('Standard Profiles'!$G$20=$B$17,14,0)+IF('Standard Profiles'!$G$20=$B$24,21,0),0)),0)</f>
        <v>0</v>
      </c>
      <c r="G1947" cm="1">
        <f t="array" ref="G1947">IFERROR(INDEX(Jesper!AK$2:AK$366,ROUNDDOWN($C1947/24,0)+1,1)*INDEX($D$3:$AA$30,INDEX(Jesper!$R$2:$R$366,ROW(INDEX(Jesper!AK$2:AK$366,ROUNDDOWN($C1947/24,0)+1,1))-1)+IF('Standard Profiles'!$G$21=$B$10,7,0)+IF('Standard Profiles'!$G$21=$B$17,14,0)+IF('Standard Profiles'!$G$21=$B$24,21,0),MOD($C1947,24)+1)/SUM(INDEX($D$3:$AA$30,INDEX(Jesper!$R$2:$R$366,ROW(INDEX(Jesper!AK$2:AK$366,ROUNDDOWN($C1947/24,0)+1,1))-1)+IF('Standard Profiles'!$G$21=$B$10,7,0)+IF('Standard Profiles'!$G$21=$B$17,14,0)+IF('Standard Profiles'!$G$21=$B$24,21,0),0)),0)</f>
        <v>0</v>
      </c>
      <c r="H1947" cm="1">
        <f t="array" ref="H1947">IFERROR(INDEX(Jesper!AL$2:AL$366,ROUNDDOWN($C1947/24,0)+1,1)*INDEX($D$3:$AA$30,INDEX(Jesper!$R$2:$R$366,ROW(INDEX(Jesper!AL$2:AL$366,ROUNDDOWN($C1947/24,0)+1,1))-1)+IF('Standard Profiles'!$G$22=$B$10,7,0)+IF('Standard Profiles'!$G$22=$B$17,14,0)+IF('Standard Profiles'!$G$22=$B$24,21,0),MOD($C1947,24)+1)/SUM(INDEX($D$3:$AA$30,INDEX(Jesper!$R$2:$R$366,ROW(INDEX(Jesper!AL$2:AL$366,ROUNDDOWN($C1947/24,0)+1,1))-1)+IF('Standard Profiles'!$G$22=$B$10,7,0)+IF('Standard Profiles'!$G$22=$B$17,14,0)+IF('Standard Profiles'!$G$22=$B$24,21,0),0)),0)</f>
        <v>0</v>
      </c>
      <c r="I1947">
        <f t="shared" si="223"/>
        <v>0.46584314278292371</v>
      </c>
      <c r="J1947">
        <f t="shared" si="224"/>
        <v>1.5528104759430792</v>
      </c>
      <c r="K1947">
        <f t="shared" si="225"/>
        <v>2.3292157139146186</v>
      </c>
      <c r="L1947">
        <f t="shared" si="226"/>
        <v>11.180235426790169</v>
      </c>
      <c r="M1947">
        <f t="shared" si="227"/>
        <v>0</v>
      </c>
      <c r="N1947" s="46">
        <f t="shared" si="228"/>
        <v>45371.708333328694</v>
      </c>
    </row>
    <row r="1948" spans="2:14" x14ac:dyDescent="0.3">
      <c r="B1948">
        <f t="shared" si="222"/>
        <v>3</v>
      </c>
      <c r="C1948" s="16">
        <v>1914</v>
      </c>
      <c r="D1948" cm="1">
        <f t="array" ref="D1948">IFERROR(INDEX(Jesper!AH$2:AH$366,ROUNDDOWN($C1948/24,0)+1,1)*INDEX($D$3:$AA$30,INDEX(Jesper!$R$2:$R$366,ROW(INDEX(Jesper!AH$2:AH$366,ROUNDDOWN($C1948/24,0)+1,1))-1)+IF('Standard Profiles'!$G$18=$B$10,7,0)+IF('Standard Profiles'!$G$18=$B$17,14,0)+IF('Standard Profiles'!$G$18=$B$24,21,0),MOD($C1948,24)+1)/SUM(INDEX($D$3:$AA$30,INDEX(Jesper!$R$2:$R$366,ROW(INDEX(Jesper!AH$2:AH$366,ROUNDDOWN($C1948/24,0)+1,1))-1)+IF('Standard Profiles'!$G$18=$B$10,7,0)+IF('Standard Profiles'!$G$18=$B$17,14,0)+IF('Standard Profiles'!$G$18=$B$24,21,0),0)),0)</f>
        <v>15.528104759430791</v>
      </c>
      <c r="E1948" cm="1">
        <f t="array" ref="E1948">IFERROR(INDEX(Jesper!AI$2:AI$366,ROUNDDOWN($C1948/24,0)+1,1)*INDEX($D$3:$AA$30,INDEX(Jesper!$R$2:$R$366,ROW(INDEX(Jesper!AI$2:AI$366,ROUNDDOWN($C1948/24,0)+1,1))-1)+IF('Standard Profiles'!$G$19=$B$10,7,0)+IF('Standard Profiles'!$G$19=$B$17,14,0)+IF('Standard Profiles'!$G$19=$B$24,21,0),MOD($C1948,24)+1)/SUM(INDEX($D$3:$AA$30,INDEX(Jesper!$R$2:$R$366,ROW(INDEX(Jesper!AI$2:AI$366,ROUNDDOWN($C1948/24,0)+1,1))-1)+IF('Standard Profiles'!$G$19=$B$10,7,0)+IF('Standard Profiles'!$G$19=$B$17,14,0)+IF('Standard Profiles'!$G$19=$B$24,21,0),0)),0)</f>
        <v>0</v>
      </c>
      <c r="F1948" cm="1">
        <f t="array" ref="F1948">IFERROR(INDEX(Jesper!AJ$2:AJ$366,ROUNDDOWN($C1948/24,0)+1,1)*INDEX($D$3:$AA$30,INDEX(Jesper!$R$2:$R$366,ROW(INDEX(Jesper!AJ$2:AJ$366,ROUNDDOWN($C1948/24,0)+1,1))-1)+IF('Standard Profiles'!$G$20=$B$10,7,0)+IF('Standard Profiles'!$G$20=$B$17,14,0)+IF('Standard Profiles'!$G$20=$B$24,21,0),MOD($C1948,24)+1)/SUM(INDEX($D$3:$AA$30,INDEX(Jesper!$R$2:$R$366,ROW(INDEX(Jesper!AJ$2:AJ$366,ROUNDDOWN($C1948/24,0)+1,1))-1)+IF('Standard Profiles'!$G$20=$B$10,7,0)+IF('Standard Profiles'!$G$20=$B$17,14,0)+IF('Standard Profiles'!$G$20=$B$24,21,0),0)),0)</f>
        <v>0</v>
      </c>
      <c r="G1948" cm="1">
        <f t="array" ref="G1948">IFERROR(INDEX(Jesper!AK$2:AK$366,ROUNDDOWN($C1948/24,0)+1,1)*INDEX($D$3:$AA$30,INDEX(Jesper!$R$2:$R$366,ROW(INDEX(Jesper!AK$2:AK$366,ROUNDDOWN($C1948/24,0)+1,1))-1)+IF('Standard Profiles'!$G$21=$B$10,7,0)+IF('Standard Profiles'!$G$21=$B$17,14,0)+IF('Standard Profiles'!$G$21=$B$24,21,0),MOD($C1948,24)+1)/SUM(INDEX($D$3:$AA$30,INDEX(Jesper!$R$2:$R$366,ROW(INDEX(Jesper!AK$2:AK$366,ROUNDDOWN($C1948/24,0)+1,1))-1)+IF('Standard Profiles'!$G$21=$B$10,7,0)+IF('Standard Profiles'!$G$21=$B$17,14,0)+IF('Standard Profiles'!$G$21=$B$24,21,0),0)),0)</f>
        <v>0</v>
      </c>
      <c r="H1948" cm="1">
        <f t="array" ref="H1948">IFERROR(INDEX(Jesper!AL$2:AL$366,ROUNDDOWN($C1948/24,0)+1,1)*INDEX($D$3:$AA$30,INDEX(Jesper!$R$2:$R$366,ROW(INDEX(Jesper!AL$2:AL$366,ROUNDDOWN($C1948/24,0)+1,1))-1)+IF('Standard Profiles'!$G$22=$B$10,7,0)+IF('Standard Profiles'!$G$22=$B$17,14,0)+IF('Standard Profiles'!$G$22=$B$24,21,0),MOD($C1948,24)+1)/SUM(INDEX($D$3:$AA$30,INDEX(Jesper!$R$2:$R$366,ROW(INDEX(Jesper!AL$2:AL$366,ROUNDDOWN($C1948/24,0)+1,1))-1)+IF('Standard Profiles'!$G$22=$B$10,7,0)+IF('Standard Profiles'!$G$22=$B$17,14,0)+IF('Standard Profiles'!$G$22=$B$24,21,0),0)),0)</f>
        <v>0</v>
      </c>
      <c r="I1948">
        <f t="shared" si="223"/>
        <v>0.46584314278292371</v>
      </c>
      <c r="J1948">
        <f t="shared" si="224"/>
        <v>1.5528104759430792</v>
      </c>
      <c r="K1948">
        <f t="shared" si="225"/>
        <v>2.3292157139146186</v>
      </c>
      <c r="L1948">
        <f t="shared" si="226"/>
        <v>11.180235426790169</v>
      </c>
      <c r="M1948">
        <f t="shared" si="227"/>
        <v>0</v>
      </c>
      <c r="N1948" s="46">
        <f t="shared" si="228"/>
        <v>45371.749999995358</v>
      </c>
    </row>
    <row r="1949" spans="2:14" x14ac:dyDescent="0.3">
      <c r="B1949">
        <f t="shared" si="222"/>
        <v>3</v>
      </c>
      <c r="C1949" s="16">
        <v>1915</v>
      </c>
      <c r="D1949" cm="1">
        <f t="array" ref="D1949">IFERROR(INDEX(Jesper!AH$2:AH$366,ROUNDDOWN($C1949/24,0)+1,1)*INDEX($D$3:$AA$30,INDEX(Jesper!$R$2:$R$366,ROW(INDEX(Jesper!AH$2:AH$366,ROUNDDOWN($C1949/24,0)+1,1))-1)+IF('Standard Profiles'!$G$18=$B$10,7,0)+IF('Standard Profiles'!$G$18=$B$17,14,0)+IF('Standard Profiles'!$G$18=$B$24,21,0),MOD($C1949,24)+1)/SUM(INDEX($D$3:$AA$30,INDEX(Jesper!$R$2:$R$366,ROW(INDEX(Jesper!AH$2:AH$366,ROUNDDOWN($C1949/24,0)+1,1))-1)+IF('Standard Profiles'!$G$18=$B$10,7,0)+IF('Standard Profiles'!$G$18=$B$17,14,0)+IF('Standard Profiles'!$G$18=$B$24,21,0),0)),0)</f>
        <v>12.94008729952566</v>
      </c>
      <c r="E1949" cm="1">
        <f t="array" ref="E1949">IFERROR(INDEX(Jesper!AI$2:AI$366,ROUNDDOWN($C1949/24,0)+1,1)*INDEX($D$3:$AA$30,INDEX(Jesper!$R$2:$R$366,ROW(INDEX(Jesper!AI$2:AI$366,ROUNDDOWN($C1949/24,0)+1,1))-1)+IF('Standard Profiles'!$G$19=$B$10,7,0)+IF('Standard Profiles'!$G$19=$B$17,14,0)+IF('Standard Profiles'!$G$19=$B$24,21,0),MOD($C1949,24)+1)/SUM(INDEX($D$3:$AA$30,INDEX(Jesper!$R$2:$R$366,ROW(INDEX(Jesper!AI$2:AI$366,ROUNDDOWN($C1949/24,0)+1,1))-1)+IF('Standard Profiles'!$G$19=$B$10,7,0)+IF('Standard Profiles'!$G$19=$B$17,14,0)+IF('Standard Profiles'!$G$19=$B$24,21,0),0)),0)</f>
        <v>0</v>
      </c>
      <c r="F1949" cm="1">
        <f t="array" ref="F1949">IFERROR(INDEX(Jesper!AJ$2:AJ$366,ROUNDDOWN($C1949/24,0)+1,1)*INDEX($D$3:$AA$30,INDEX(Jesper!$R$2:$R$366,ROW(INDEX(Jesper!AJ$2:AJ$366,ROUNDDOWN($C1949/24,0)+1,1))-1)+IF('Standard Profiles'!$G$20=$B$10,7,0)+IF('Standard Profiles'!$G$20=$B$17,14,0)+IF('Standard Profiles'!$G$20=$B$24,21,0),MOD($C1949,24)+1)/SUM(INDEX($D$3:$AA$30,INDEX(Jesper!$R$2:$R$366,ROW(INDEX(Jesper!AJ$2:AJ$366,ROUNDDOWN($C1949/24,0)+1,1))-1)+IF('Standard Profiles'!$G$20=$B$10,7,0)+IF('Standard Profiles'!$G$20=$B$17,14,0)+IF('Standard Profiles'!$G$20=$B$24,21,0),0)),0)</f>
        <v>0</v>
      </c>
      <c r="G1949" cm="1">
        <f t="array" ref="G1949">IFERROR(INDEX(Jesper!AK$2:AK$366,ROUNDDOWN($C1949/24,0)+1,1)*INDEX($D$3:$AA$30,INDEX(Jesper!$R$2:$R$366,ROW(INDEX(Jesper!AK$2:AK$366,ROUNDDOWN($C1949/24,0)+1,1))-1)+IF('Standard Profiles'!$G$21=$B$10,7,0)+IF('Standard Profiles'!$G$21=$B$17,14,0)+IF('Standard Profiles'!$G$21=$B$24,21,0),MOD($C1949,24)+1)/SUM(INDEX($D$3:$AA$30,INDEX(Jesper!$R$2:$R$366,ROW(INDEX(Jesper!AK$2:AK$366,ROUNDDOWN($C1949/24,0)+1,1))-1)+IF('Standard Profiles'!$G$21=$B$10,7,0)+IF('Standard Profiles'!$G$21=$B$17,14,0)+IF('Standard Profiles'!$G$21=$B$24,21,0),0)),0)</f>
        <v>0</v>
      </c>
      <c r="H1949" cm="1">
        <f t="array" ref="H1949">IFERROR(INDEX(Jesper!AL$2:AL$366,ROUNDDOWN($C1949/24,0)+1,1)*INDEX($D$3:$AA$30,INDEX(Jesper!$R$2:$R$366,ROW(INDEX(Jesper!AL$2:AL$366,ROUNDDOWN($C1949/24,0)+1,1))-1)+IF('Standard Profiles'!$G$22=$B$10,7,0)+IF('Standard Profiles'!$G$22=$B$17,14,0)+IF('Standard Profiles'!$G$22=$B$24,21,0),MOD($C1949,24)+1)/SUM(INDEX($D$3:$AA$30,INDEX(Jesper!$R$2:$R$366,ROW(INDEX(Jesper!AL$2:AL$366,ROUNDDOWN($C1949/24,0)+1,1))-1)+IF('Standard Profiles'!$G$22=$B$10,7,0)+IF('Standard Profiles'!$G$22=$B$17,14,0)+IF('Standard Profiles'!$G$22=$B$24,21,0),0)),0)</f>
        <v>0</v>
      </c>
      <c r="I1949">
        <f t="shared" si="223"/>
        <v>0.3882026189857698</v>
      </c>
      <c r="J1949">
        <f t="shared" si="224"/>
        <v>1.294008729952566</v>
      </c>
      <c r="K1949">
        <f t="shared" si="225"/>
        <v>1.9410130949288489</v>
      </c>
      <c r="L1949">
        <f t="shared" si="226"/>
        <v>9.3168628556584743</v>
      </c>
      <c r="M1949">
        <f t="shared" si="227"/>
        <v>0</v>
      </c>
      <c r="N1949" s="46">
        <f t="shared" si="228"/>
        <v>45371.791666662022</v>
      </c>
    </row>
    <row r="1950" spans="2:14" x14ac:dyDescent="0.3">
      <c r="B1950">
        <f t="shared" si="222"/>
        <v>3</v>
      </c>
      <c r="C1950" s="16">
        <v>1916</v>
      </c>
      <c r="D1950" cm="1">
        <f t="array" ref="D1950">IFERROR(INDEX(Jesper!AH$2:AH$366,ROUNDDOWN($C1950/24,0)+1,1)*INDEX($D$3:$AA$30,INDEX(Jesper!$R$2:$R$366,ROW(INDEX(Jesper!AH$2:AH$366,ROUNDDOWN($C1950/24,0)+1,1))-1)+IF('Standard Profiles'!$G$18=$B$10,7,0)+IF('Standard Profiles'!$G$18=$B$17,14,0)+IF('Standard Profiles'!$G$18=$B$24,21,0),MOD($C1950,24)+1)/SUM(INDEX($D$3:$AA$30,INDEX(Jesper!$R$2:$R$366,ROW(INDEX(Jesper!AH$2:AH$366,ROUNDDOWN($C1950/24,0)+1,1))-1)+IF('Standard Profiles'!$G$18=$B$10,7,0)+IF('Standard Profiles'!$G$18=$B$17,14,0)+IF('Standard Profiles'!$G$18=$B$24,21,0),0)),0)</f>
        <v>10.352069839620528</v>
      </c>
      <c r="E1950" cm="1">
        <f t="array" ref="E1950">IFERROR(INDEX(Jesper!AI$2:AI$366,ROUNDDOWN($C1950/24,0)+1,1)*INDEX($D$3:$AA$30,INDEX(Jesper!$R$2:$R$366,ROW(INDEX(Jesper!AI$2:AI$366,ROUNDDOWN($C1950/24,0)+1,1))-1)+IF('Standard Profiles'!$G$19=$B$10,7,0)+IF('Standard Profiles'!$G$19=$B$17,14,0)+IF('Standard Profiles'!$G$19=$B$24,21,0),MOD($C1950,24)+1)/SUM(INDEX($D$3:$AA$30,INDEX(Jesper!$R$2:$R$366,ROW(INDEX(Jesper!AI$2:AI$366,ROUNDDOWN($C1950/24,0)+1,1))-1)+IF('Standard Profiles'!$G$19=$B$10,7,0)+IF('Standard Profiles'!$G$19=$B$17,14,0)+IF('Standard Profiles'!$G$19=$B$24,21,0),0)),0)</f>
        <v>0</v>
      </c>
      <c r="F1950" cm="1">
        <f t="array" ref="F1950">IFERROR(INDEX(Jesper!AJ$2:AJ$366,ROUNDDOWN($C1950/24,0)+1,1)*INDEX($D$3:$AA$30,INDEX(Jesper!$R$2:$R$366,ROW(INDEX(Jesper!AJ$2:AJ$366,ROUNDDOWN($C1950/24,0)+1,1))-1)+IF('Standard Profiles'!$G$20=$B$10,7,0)+IF('Standard Profiles'!$G$20=$B$17,14,0)+IF('Standard Profiles'!$G$20=$B$24,21,0),MOD($C1950,24)+1)/SUM(INDEX($D$3:$AA$30,INDEX(Jesper!$R$2:$R$366,ROW(INDEX(Jesper!AJ$2:AJ$366,ROUNDDOWN($C1950/24,0)+1,1))-1)+IF('Standard Profiles'!$G$20=$B$10,7,0)+IF('Standard Profiles'!$G$20=$B$17,14,0)+IF('Standard Profiles'!$G$20=$B$24,21,0),0)),0)</f>
        <v>0</v>
      </c>
      <c r="G1950" cm="1">
        <f t="array" ref="G1950">IFERROR(INDEX(Jesper!AK$2:AK$366,ROUNDDOWN($C1950/24,0)+1,1)*INDEX($D$3:$AA$30,INDEX(Jesper!$R$2:$R$366,ROW(INDEX(Jesper!AK$2:AK$366,ROUNDDOWN($C1950/24,0)+1,1))-1)+IF('Standard Profiles'!$G$21=$B$10,7,0)+IF('Standard Profiles'!$G$21=$B$17,14,0)+IF('Standard Profiles'!$G$21=$B$24,21,0),MOD($C1950,24)+1)/SUM(INDEX($D$3:$AA$30,INDEX(Jesper!$R$2:$R$366,ROW(INDEX(Jesper!AK$2:AK$366,ROUNDDOWN($C1950/24,0)+1,1))-1)+IF('Standard Profiles'!$G$21=$B$10,7,0)+IF('Standard Profiles'!$G$21=$B$17,14,0)+IF('Standard Profiles'!$G$21=$B$24,21,0),0)),0)</f>
        <v>0</v>
      </c>
      <c r="H1950" cm="1">
        <f t="array" ref="H1950">IFERROR(INDEX(Jesper!AL$2:AL$366,ROUNDDOWN($C1950/24,0)+1,1)*INDEX($D$3:$AA$30,INDEX(Jesper!$R$2:$R$366,ROW(INDEX(Jesper!AL$2:AL$366,ROUNDDOWN($C1950/24,0)+1,1))-1)+IF('Standard Profiles'!$G$22=$B$10,7,0)+IF('Standard Profiles'!$G$22=$B$17,14,0)+IF('Standard Profiles'!$G$22=$B$24,21,0),MOD($C1950,24)+1)/SUM(INDEX($D$3:$AA$30,INDEX(Jesper!$R$2:$R$366,ROW(INDEX(Jesper!AL$2:AL$366,ROUNDDOWN($C1950/24,0)+1,1))-1)+IF('Standard Profiles'!$G$22=$B$10,7,0)+IF('Standard Profiles'!$G$22=$B$17,14,0)+IF('Standard Profiles'!$G$22=$B$24,21,0),0)),0)</f>
        <v>0</v>
      </c>
      <c r="I1950">
        <f t="shared" si="223"/>
        <v>0.31056209518861583</v>
      </c>
      <c r="J1950">
        <f t="shared" si="224"/>
        <v>1.0352069839620528</v>
      </c>
      <c r="K1950">
        <f t="shared" si="225"/>
        <v>1.5528104759430792</v>
      </c>
      <c r="L1950">
        <f t="shared" si="226"/>
        <v>7.4534902845267794</v>
      </c>
      <c r="M1950">
        <f t="shared" si="227"/>
        <v>0</v>
      </c>
      <c r="N1950" s="46">
        <f t="shared" si="228"/>
        <v>45371.833333328686</v>
      </c>
    </row>
    <row r="1951" spans="2:14" x14ac:dyDescent="0.3">
      <c r="B1951">
        <f t="shared" si="222"/>
        <v>3</v>
      </c>
      <c r="C1951" s="16">
        <v>1917</v>
      </c>
      <c r="D1951" cm="1">
        <f t="array" ref="D1951">IFERROR(INDEX(Jesper!AH$2:AH$366,ROUNDDOWN($C1951/24,0)+1,1)*INDEX($D$3:$AA$30,INDEX(Jesper!$R$2:$R$366,ROW(INDEX(Jesper!AH$2:AH$366,ROUNDDOWN($C1951/24,0)+1,1))-1)+IF('Standard Profiles'!$G$18=$B$10,7,0)+IF('Standard Profiles'!$G$18=$B$17,14,0)+IF('Standard Profiles'!$G$18=$B$24,21,0),MOD($C1951,24)+1)/SUM(INDEX($D$3:$AA$30,INDEX(Jesper!$R$2:$R$366,ROW(INDEX(Jesper!AH$2:AH$366,ROUNDDOWN($C1951/24,0)+1,1))-1)+IF('Standard Profiles'!$G$18=$B$10,7,0)+IF('Standard Profiles'!$G$18=$B$17,14,0)+IF('Standard Profiles'!$G$18=$B$24,21,0),0)),0)</f>
        <v>7.7640523797153955</v>
      </c>
      <c r="E1951" cm="1">
        <f t="array" ref="E1951">IFERROR(INDEX(Jesper!AI$2:AI$366,ROUNDDOWN($C1951/24,0)+1,1)*INDEX($D$3:$AA$30,INDEX(Jesper!$R$2:$R$366,ROW(INDEX(Jesper!AI$2:AI$366,ROUNDDOWN($C1951/24,0)+1,1))-1)+IF('Standard Profiles'!$G$19=$B$10,7,0)+IF('Standard Profiles'!$G$19=$B$17,14,0)+IF('Standard Profiles'!$G$19=$B$24,21,0),MOD($C1951,24)+1)/SUM(INDEX($D$3:$AA$30,INDEX(Jesper!$R$2:$R$366,ROW(INDEX(Jesper!AI$2:AI$366,ROUNDDOWN($C1951/24,0)+1,1))-1)+IF('Standard Profiles'!$G$19=$B$10,7,0)+IF('Standard Profiles'!$G$19=$B$17,14,0)+IF('Standard Profiles'!$G$19=$B$24,21,0),0)),0)</f>
        <v>0</v>
      </c>
      <c r="F1951" cm="1">
        <f t="array" ref="F1951">IFERROR(INDEX(Jesper!AJ$2:AJ$366,ROUNDDOWN($C1951/24,0)+1,1)*INDEX($D$3:$AA$30,INDEX(Jesper!$R$2:$R$366,ROW(INDEX(Jesper!AJ$2:AJ$366,ROUNDDOWN($C1951/24,0)+1,1))-1)+IF('Standard Profiles'!$G$20=$B$10,7,0)+IF('Standard Profiles'!$G$20=$B$17,14,0)+IF('Standard Profiles'!$G$20=$B$24,21,0),MOD($C1951,24)+1)/SUM(INDEX($D$3:$AA$30,INDEX(Jesper!$R$2:$R$366,ROW(INDEX(Jesper!AJ$2:AJ$366,ROUNDDOWN($C1951/24,0)+1,1))-1)+IF('Standard Profiles'!$G$20=$B$10,7,0)+IF('Standard Profiles'!$G$20=$B$17,14,0)+IF('Standard Profiles'!$G$20=$B$24,21,0),0)),0)</f>
        <v>0</v>
      </c>
      <c r="G1951" cm="1">
        <f t="array" ref="G1951">IFERROR(INDEX(Jesper!AK$2:AK$366,ROUNDDOWN($C1951/24,0)+1,1)*INDEX($D$3:$AA$30,INDEX(Jesper!$R$2:$R$366,ROW(INDEX(Jesper!AK$2:AK$366,ROUNDDOWN($C1951/24,0)+1,1))-1)+IF('Standard Profiles'!$G$21=$B$10,7,0)+IF('Standard Profiles'!$G$21=$B$17,14,0)+IF('Standard Profiles'!$G$21=$B$24,21,0),MOD($C1951,24)+1)/SUM(INDEX($D$3:$AA$30,INDEX(Jesper!$R$2:$R$366,ROW(INDEX(Jesper!AK$2:AK$366,ROUNDDOWN($C1951/24,0)+1,1))-1)+IF('Standard Profiles'!$G$21=$B$10,7,0)+IF('Standard Profiles'!$G$21=$B$17,14,0)+IF('Standard Profiles'!$G$21=$B$24,21,0),0)),0)</f>
        <v>0</v>
      </c>
      <c r="H1951" cm="1">
        <f t="array" ref="H1951">IFERROR(INDEX(Jesper!AL$2:AL$366,ROUNDDOWN($C1951/24,0)+1,1)*INDEX($D$3:$AA$30,INDEX(Jesper!$R$2:$R$366,ROW(INDEX(Jesper!AL$2:AL$366,ROUNDDOWN($C1951/24,0)+1,1))-1)+IF('Standard Profiles'!$G$22=$B$10,7,0)+IF('Standard Profiles'!$G$22=$B$17,14,0)+IF('Standard Profiles'!$G$22=$B$24,21,0),MOD($C1951,24)+1)/SUM(INDEX($D$3:$AA$30,INDEX(Jesper!$R$2:$R$366,ROW(INDEX(Jesper!AL$2:AL$366,ROUNDDOWN($C1951/24,0)+1,1))-1)+IF('Standard Profiles'!$G$22=$B$10,7,0)+IF('Standard Profiles'!$G$22=$B$17,14,0)+IF('Standard Profiles'!$G$22=$B$24,21,0),0)),0)</f>
        <v>0</v>
      </c>
      <c r="I1951">
        <f t="shared" si="223"/>
        <v>0.23292157139146186</v>
      </c>
      <c r="J1951">
        <f t="shared" si="224"/>
        <v>0.7764052379715396</v>
      </c>
      <c r="K1951">
        <f t="shared" si="225"/>
        <v>1.1646078569573093</v>
      </c>
      <c r="L1951">
        <f t="shared" si="226"/>
        <v>5.5901177133950846</v>
      </c>
      <c r="M1951">
        <f t="shared" si="227"/>
        <v>0</v>
      </c>
      <c r="N1951" s="46">
        <f t="shared" si="228"/>
        <v>45371.874999995351</v>
      </c>
    </row>
    <row r="1952" spans="2:14" x14ac:dyDescent="0.3">
      <c r="B1952">
        <f t="shared" si="222"/>
        <v>3</v>
      </c>
      <c r="C1952" s="16">
        <v>1918</v>
      </c>
      <c r="D1952" cm="1">
        <f t="array" ref="D1952">IFERROR(INDEX(Jesper!AH$2:AH$366,ROUNDDOWN($C1952/24,0)+1,1)*INDEX($D$3:$AA$30,INDEX(Jesper!$R$2:$R$366,ROW(INDEX(Jesper!AH$2:AH$366,ROUNDDOWN($C1952/24,0)+1,1))-1)+IF('Standard Profiles'!$G$18=$B$10,7,0)+IF('Standard Profiles'!$G$18=$B$17,14,0)+IF('Standard Profiles'!$G$18=$B$24,21,0),MOD($C1952,24)+1)/SUM(INDEX($D$3:$AA$30,INDEX(Jesper!$R$2:$R$366,ROW(INDEX(Jesper!AH$2:AH$366,ROUNDDOWN($C1952/24,0)+1,1))-1)+IF('Standard Profiles'!$G$18=$B$10,7,0)+IF('Standard Profiles'!$G$18=$B$17,14,0)+IF('Standard Profiles'!$G$18=$B$24,21,0),0)),0)</f>
        <v>7.7640523797153955</v>
      </c>
      <c r="E1952" cm="1">
        <f t="array" ref="E1952">IFERROR(INDEX(Jesper!AI$2:AI$366,ROUNDDOWN($C1952/24,0)+1,1)*INDEX($D$3:$AA$30,INDEX(Jesper!$R$2:$R$366,ROW(INDEX(Jesper!AI$2:AI$366,ROUNDDOWN($C1952/24,0)+1,1))-1)+IF('Standard Profiles'!$G$19=$B$10,7,0)+IF('Standard Profiles'!$G$19=$B$17,14,0)+IF('Standard Profiles'!$G$19=$B$24,21,0),MOD($C1952,24)+1)/SUM(INDEX($D$3:$AA$30,INDEX(Jesper!$R$2:$R$366,ROW(INDEX(Jesper!AI$2:AI$366,ROUNDDOWN($C1952/24,0)+1,1))-1)+IF('Standard Profiles'!$G$19=$B$10,7,0)+IF('Standard Profiles'!$G$19=$B$17,14,0)+IF('Standard Profiles'!$G$19=$B$24,21,0),0)),0)</f>
        <v>0</v>
      </c>
      <c r="F1952" cm="1">
        <f t="array" ref="F1952">IFERROR(INDEX(Jesper!AJ$2:AJ$366,ROUNDDOWN($C1952/24,0)+1,1)*INDEX($D$3:$AA$30,INDEX(Jesper!$R$2:$R$366,ROW(INDEX(Jesper!AJ$2:AJ$366,ROUNDDOWN($C1952/24,0)+1,1))-1)+IF('Standard Profiles'!$G$20=$B$10,7,0)+IF('Standard Profiles'!$G$20=$B$17,14,0)+IF('Standard Profiles'!$G$20=$B$24,21,0),MOD($C1952,24)+1)/SUM(INDEX($D$3:$AA$30,INDEX(Jesper!$R$2:$R$366,ROW(INDEX(Jesper!AJ$2:AJ$366,ROUNDDOWN($C1952/24,0)+1,1))-1)+IF('Standard Profiles'!$G$20=$B$10,7,0)+IF('Standard Profiles'!$G$20=$B$17,14,0)+IF('Standard Profiles'!$G$20=$B$24,21,0),0)),0)</f>
        <v>0</v>
      </c>
      <c r="G1952" cm="1">
        <f t="array" ref="G1952">IFERROR(INDEX(Jesper!AK$2:AK$366,ROUNDDOWN($C1952/24,0)+1,1)*INDEX($D$3:$AA$30,INDEX(Jesper!$R$2:$R$366,ROW(INDEX(Jesper!AK$2:AK$366,ROUNDDOWN($C1952/24,0)+1,1))-1)+IF('Standard Profiles'!$G$21=$B$10,7,0)+IF('Standard Profiles'!$G$21=$B$17,14,0)+IF('Standard Profiles'!$G$21=$B$24,21,0),MOD($C1952,24)+1)/SUM(INDEX($D$3:$AA$30,INDEX(Jesper!$R$2:$R$366,ROW(INDEX(Jesper!AK$2:AK$366,ROUNDDOWN($C1952/24,0)+1,1))-1)+IF('Standard Profiles'!$G$21=$B$10,7,0)+IF('Standard Profiles'!$G$21=$B$17,14,0)+IF('Standard Profiles'!$G$21=$B$24,21,0),0)),0)</f>
        <v>0</v>
      </c>
      <c r="H1952" cm="1">
        <f t="array" ref="H1952">IFERROR(INDEX(Jesper!AL$2:AL$366,ROUNDDOWN($C1952/24,0)+1,1)*INDEX($D$3:$AA$30,INDEX(Jesper!$R$2:$R$366,ROW(INDEX(Jesper!AL$2:AL$366,ROUNDDOWN($C1952/24,0)+1,1))-1)+IF('Standard Profiles'!$G$22=$B$10,7,0)+IF('Standard Profiles'!$G$22=$B$17,14,0)+IF('Standard Profiles'!$G$22=$B$24,21,0),MOD($C1952,24)+1)/SUM(INDEX($D$3:$AA$30,INDEX(Jesper!$R$2:$R$366,ROW(INDEX(Jesper!AL$2:AL$366,ROUNDDOWN($C1952/24,0)+1,1))-1)+IF('Standard Profiles'!$G$22=$B$10,7,0)+IF('Standard Profiles'!$G$22=$B$17,14,0)+IF('Standard Profiles'!$G$22=$B$24,21,0),0)),0)</f>
        <v>0</v>
      </c>
      <c r="I1952">
        <f t="shared" si="223"/>
        <v>0.23292157139146186</v>
      </c>
      <c r="J1952">
        <f t="shared" si="224"/>
        <v>0.7764052379715396</v>
      </c>
      <c r="K1952">
        <f t="shared" si="225"/>
        <v>1.1646078569573093</v>
      </c>
      <c r="L1952">
        <f t="shared" si="226"/>
        <v>5.5901177133950846</v>
      </c>
      <c r="M1952">
        <f t="shared" si="227"/>
        <v>0</v>
      </c>
      <c r="N1952" s="46">
        <f t="shared" si="228"/>
        <v>45371.916666662015</v>
      </c>
    </row>
    <row r="1953" spans="2:14" x14ac:dyDescent="0.3">
      <c r="B1953">
        <f t="shared" si="222"/>
        <v>3</v>
      </c>
      <c r="C1953" s="16">
        <v>1919</v>
      </c>
      <c r="D1953" cm="1">
        <f t="array" ref="D1953">IFERROR(INDEX(Jesper!AH$2:AH$366,ROUNDDOWN($C1953/24,0)+1,1)*INDEX($D$3:$AA$30,INDEX(Jesper!$R$2:$R$366,ROW(INDEX(Jesper!AH$2:AH$366,ROUNDDOWN($C1953/24,0)+1,1))-1)+IF('Standard Profiles'!$G$18=$B$10,7,0)+IF('Standard Profiles'!$G$18=$B$17,14,0)+IF('Standard Profiles'!$G$18=$B$24,21,0),MOD($C1953,24)+1)/SUM(INDEX($D$3:$AA$30,INDEX(Jesper!$R$2:$R$366,ROW(INDEX(Jesper!AH$2:AH$366,ROUNDDOWN($C1953/24,0)+1,1))-1)+IF('Standard Profiles'!$G$18=$B$10,7,0)+IF('Standard Profiles'!$G$18=$B$17,14,0)+IF('Standard Profiles'!$G$18=$B$24,21,0),0)),0)</f>
        <v>7.7640523797153955</v>
      </c>
      <c r="E1953" cm="1">
        <f t="array" ref="E1953">IFERROR(INDEX(Jesper!AI$2:AI$366,ROUNDDOWN($C1953/24,0)+1,1)*INDEX($D$3:$AA$30,INDEX(Jesper!$R$2:$R$366,ROW(INDEX(Jesper!AI$2:AI$366,ROUNDDOWN($C1953/24,0)+1,1))-1)+IF('Standard Profiles'!$G$19=$B$10,7,0)+IF('Standard Profiles'!$G$19=$B$17,14,0)+IF('Standard Profiles'!$G$19=$B$24,21,0),MOD($C1953,24)+1)/SUM(INDEX($D$3:$AA$30,INDEX(Jesper!$R$2:$R$366,ROW(INDEX(Jesper!AI$2:AI$366,ROUNDDOWN($C1953/24,0)+1,1))-1)+IF('Standard Profiles'!$G$19=$B$10,7,0)+IF('Standard Profiles'!$G$19=$B$17,14,0)+IF('Standard Profiles'!$G$19=$B$24,21,0),0)),0)</f>
        <v>0</v>
      </c>
      <c r="F1953" cm="1">
        <f t="array" ref="F1953">IFERROR(INDEX(Jesper!AJ$2:AJ$366,ROUNDDOWN($C1953/24,0)+1,1)*INDEX($D$3:$AA$30,INDEX(Jesper!$R$2:$R$366,ROW(INDEX(Jesper!AJ$2:AJ$366,ROUNDDOWN($C1953/24,0)+1,1))-1)+IF('Standard Profiles'!$G$20=$B$10,7,0)+IF('Standard Profiles'!$G$20=$B$17,14,0)+IF('Standard Profiles'!$G$20=$B$24,21,0),MOD($C1953,24)+1)/SUM(INDEX($D$3:$AA$30,INDEX(Jesper!$R$2:$R$366,ROW(INDEX(Jesper!AJ$2:AJ$366,ROUNDDOWN($C1953/24,0)+1,1))-1)+IF('Standard Profiles'!$G$20=$B$10,7,0)+IF('Standard Profiles'!$G$20=$B$17,14,0)+IF('Standard Profiles'!$G$20=$B$24,21,0),0)),0)</f>
        <v>0</v>
      </c>
      <c r="G1953" cm="1">
        <f t="array" ref="G1953">IFERROR(INDEX(Jesper!AK$2:AK$366,ROUNDDOWN($C1953/24,0)+1,1)*INDEX($D$3:$AA$30,INDEX(Jesper!$R$2:$R$366,ROW(INDEX(Jesper!AK$2:AK$366,ROUNDDOWN($C1953/24,0)+1,1))-1)+IF('Standard Profiles'!$G$21=$B$10,7,0)+IF('Standard Profiles'!$G$21=$B$17,14,0)+IF('Standard Profiles'!$G$21=$B$24,21,0),MOD($C1953,24)+1)/SUM(INDEX($D$3:$AA$30,INDEX(Jesper!$R$2:$R$366,ROW(INDEX(Jesper!AK$2:AK$366,ROUNDDOWN($C1953/24,0)+1,1))-1)+IF('Standard Profiles'!$G$21=$B$10,7,0)+IF('Standard Profiles'!$G$21=$B$17,14,0)+IF('Standard Profiles'!$G$21=$B$24,21,0),0)),0)</f>
        <v>0</v>
      </c>
      <c r="H1953" cm="1">
        <f t="array" ref="H1953">IFERROR(INDEX(Jesper!AL$2:AL$366,ROUNDDOWN($C1953/24,0)+1,1)*INDEX($D$3:$AA$30,INDEX(Jesper!$R$2:$R$366,ROW(INDEX(Jesper!AL$2:AL$366,ROUNDDOWN($C1953/24,0)+1,1))-1)+IF('Standard Profiles'!$G$22=$B$10,7,0)+IF('Standard Profiles'!$G$22=$B$17,14,0)+IF('Standard Profiles'!$G$22=$B$24,21,0),MOD($C1953,24)+1)/SUM(INDEX($D$3:$AA$30,INDEX(Jesper!$R$2:$R$366,ROW(INDEX(Jesper!AL$2:AL$366,ROUNDDOWN($C1953/24,0)+1,1))-1)+IF('Standard Profiles'!$G$22=$B$10,7,0)+IF('Standard Profiles'!$G$22=$B$17,14,0)+IF('Standard Profiles'!$G$22=$B$24,21,0),0)),0)</f>
        <v>0</v>
      </c>
      <c r="I1953">
        <f t="shared" si="223"/>
        <v>0.23292157139146186</v>
      </c>
      <c r="J1953">
        <f t="shared" si="224"/>
        <v>0.7764052379715396</v>
      </c>
      <c r="K1953">
        <f t="shared" si="225"/>
        <v>1.1646078569573093</v>
      </c>
      <c r="L1953">
        <f t="shared" si="226"/>
        <v>5.5901177133950846</v>
      </c>
      <c r="M1953">
        <f t="shared" si="227"/>
        <v>0</v>
      </c>
      <c r="N1953" s="46">
        <f t="shared" si="228"/>
        <v>45371.958333328679</v>
      </c>
    </row>
    <row r="1954" spans="2:14" x14ac:dyDescent="0.3">
      <c r="B1954">
        <f t="shared" si="222"/>
        <v>4</v>
      </c>
      <c r="C1954" s="16">
        <v>1920</v>
      </c>
      <c r="D1954" cm="1">
        <f t="array" ref="D1954">IFERROR(INDEX(Jesper!AH$2:AH$366,ROUNDDOWN($C1954/24,0)+1,1)*INDEX($D$3:$AA$30,INDEX(Jesper!$R$2:$R$366,ROW(INDEX(Jesper!AH$2:AH$366,ROUNDDOWN($C1954/24,0)+1,1))-1)+IF('Standard Profiles'!$G$18=$B$10,7,0)+IF('Standard Profiles'!$G$18=$B$17,14,0)+IF('Standard Profiles'!$G$18=$B$24,21,0),MOD($C1954,24)+1)/SUM(INDEX($D$3:$AA$30,INDEX(Jesper!$R$2:$R$366,ROW(INDEX(Jesper!AH$2:AH$366,ROUNDDOWN($C1954/24,0)+1,1))-1)+IF('Standard Profiles'!$G$18=$B$10,7,0)+IF('Standard Profiles'!$G$18=$B$17,14,0)+IF('Standard Profiles'!$G$18=$B$24,21,0),0)),0)</f>
        <v>7.8411440571533095</v>
      </c>
      <c r="E1954" cm="1">
        <f t="array" ref="E1954">IFERROR(INDEX(Jesper!AI$2:AI$366,ROUNDDOWN($C1954/24,0)+1,1)*INDEX($D$3:$AA$30,INDEX(Jesper!$R$2:$R$366,ROW(INDEX(Jesper!AI$2:AI$366,ROUNDDOWN($C1954/24,0)+1,1))-1)+IF('Standard Profiles'!$G$19=$B$10,7,0)+IF('Standard Profiles'!$G$19=$B$17,14,0)+IF('Standard Profiles'!$G$19=$B$24,21,0),MOD($C1954,24)+1)/SUM(INDEX($D$3:$AA$30,INDEX(Jesper!$R$2:$R$366,ROW(INDEX(Jesper!AI$2:AI$366,ROUNDDOWN($C1954/24,0)+1,1))-1)+IF('Standard Profiles'!$G$19=$B$10,7,0)+IF('Standard Profiles'!$G$19=$B$17,14,0)+IF('Standard Profiles'!$G$19=$B$24,21,0),0)),0)</f>
        <v>0</v>
      </c>
      <c r="F1954" cm="1">
        <f t="array" ref="F1954">IFERROR(INDEX(Jesper!AJ$2:AJ$366,ROUNDDOWN($C1954/24,0)+1,1)*INDEX($D$3:$AA$30,INDEX(Jesper!$R$2:$R$366,ROW(INDEX(Jesper!AJ$2:AJ$366,ROUNDDOWN($C1954/24,0)+1,1))-1)+IF('Standard Profiles'!$G$20=$B$10,7,0)+IF('Standard Profiles'!$G$20=$B$17,14,0)+IF('Standard Profiles'!$G$20=$B$24,21,0),MOD($C1954,24)+1)/SUM(INDEX($D$3:$AA$30,INDEX(Jesper!$R$2:$R$366,ROW(INDEX(Jesper!AJ$2:AJ$366,ROUNDDOWN($C1954/24,0)+1,1))-1)+IF('Standard Profiles'!$G$20=$B$10,7,0)+IF('Standard Profiles'!$G$20=$B$17,14,0)+IF('Standard Profiles'!$G$20=$B$24,21,0),0)),0)</f>
        <v>0</v>
      </c>
      <c r="G1954" cm="1">
        <f t="array" ref="G1954">IFERROR(INDEX(Jesper!AK$2:AK$366,ROUNDDOWN($C1954/24,0)+1,1)*INDEX($D$3:$AA$30,INDEX(Jesper!$R$2:$R$366,ROW(INDEX(Jesper!AK$2:AK$366,ROUNDDOWN($C1954/24,0)+1,1))-1)+IF('Standard Profiles'!$G$21=$B$10,7,0)+IF('Standard Profiles'!$G$21=$B$17,14,0)+IF('Standard Profiles'!$G$21=$B$24,21,0),MOD($C1954,24)+1)/SUM(INDEX($D$3:$AA$30,INDEX(Jesper!$R$2:$R$366,ROW(INDEX(Jesper!AK$2:AK$366,ROUNDDOWN($C1954/24,0)+1,1))-1)+IF('Standard Profiles'!$G$21=$B$10,7,0)+IF('Standard Profiles'!$G$21=$B$17,14,0)+IF('Standard Profiles'!$G$21=$B$24,21,0),0)),0)</f>
        <v>0</v>
      </c>
      <c r="H1954" cm="1">
        <f t="array" ref="H1954">IFERROR(INDEX(Jesper!AL$2:AL$366,ROUNDDOWN($C1954/24,0)+1,1)*INDEX($D$3:$AA$30,INDEX(Jesper!$R$2:$R$366,ROW(INDEX(Jesper!AL$2:AL$366,ROUNDDOWN($C1954/24,0)+1,1))-1)+IF('Standard Profiles'!$G$22=$B$10,7,0)+IF('Standard Profiles'!$G$22=$B$17,14,0)+IF('Standard Profiles'!$G$22=$B$24,21,0),MOD($C1954,24)+1)/SUM(INDEX($D$3:$AA$30,INDEX(Jesper!$R$2:$R$366,ROW(INDEX(Jesper!AL$2:AL$366,ROUNDDOWN($C1954/24,0)+1,1))-1)+IF('Standard Profiles'!$G$22=$B$10,7,0)+IF('Standard Profiles'!$G$22=$B$17,14,0)+IF('Standard Profiles'!$G$22=$B$24,21,0),0)),0)</f>
        <v>0</v>
      </c>
      <c r="I1954">
        <f t="shared" si="223"/>
        <v>0.23523432171459926</v>
      </c>
      <c r="J1954">
        <f t="shared" si="224"/>
        <v>0.78411440571533098</v>
      </c>
      <c r="K1954">
        <f t="shared" si="225"/>
        <v>1.1761716085729963</v>
      </c>
      <c r="L1954">
        <f t="shared" si="226"/>
        <v>5.6456237211503826</v>
      </c>
      <c r="M1954">
        <f t="shared" si="227"/>
        <v>0</v>
      </c>
      <c r="N1954" s="46">
        <f t="shared" si="228"/>
        <v>45371.999999995343</v>
      </c>
    </row>
    <row r="1955" spans="2:14" x14ac:dyDescent="0.3">
      <c r="B1955">
        <f t="shared" ref="B1955:B2018" si="229">WEEKDAY(N1955,2)</f>
        <v>4</v>
      </c>
      <c r="C1955" s="16">
        <v>1921</v>
      </c>
      <c r="D1955" cm="1">
        <f t="array" ref="D1955">IFERROR(INDEX(Jesper!AH$2:AH$366,ROUNDDOWN($C1955/24,0)+1,1)*INDEX($D$3:$AA$30,INDEX(Jesper!$R$2:$R$366,ROW(INDEX(Jesper!AH$2:AH$366,ROUNDDOWN($C1955/24,0)+1,1))-1)+IF('Standard Profiles'!$G$18=$B$10,7,0)+IF('Standard Profiles'!$G$18=$B$17,14,0)+IF('Standard Profiles'!$G$18=$B$24,21,0),MOD($C1955,24)+1)/SUM(INDEX($D$3:$AA$30,INDEX(Jesper!$R$2:$R$366,ROW(INDEX(Jesper!AH$2:AH$366,ROUNDDOWN($C1955/24,0)+1,1))-1)+IF('Standard Profiles'!$G$18=$B$10,7,0)+IF('Standard Profiles'!$G$18=$B$17,14,0)+IF('Standard Profiles'!$G$18=$B$24,21,0),0)),0)</f>
        <v>7.8411440571533095</v>
      </c>
      <c r="E1955" cm="1">
        <f t="array" ref="E1955">IFERROR(INDEX(Jesper!AI$2:AI$366,ROUNDDOWN($C1955/24,0)+1,1)*INDEX($D$3:$AA$30,INDEX(Jesper!$R$2:$R$366,ROW(INDEX(Jesper!AI$2:AI$366,ROUNDDOWN($C1955/24,0)+1,1))-1)+IF('Standard Profiles'!$G$19=$B$10,7,0)+IF('Standard Profiles'!$G$19=$B$17,14,0)+IF('Standard Profiles'!$G$19=$B$24,21,0),MOD($C1955,24)+1)/SUM(INDEX($D$3:$AA$30,INDEX(Jesper!$R$2:$R$366,ROW(INDEX(Jesper!AI$2:AI$366,ROUNDDOWN($C1955/24,0)+1,1))-1)+IF('Standard Profiles'!$G$19=$B$10,7,0)+IF('Standard Profiles'!$G$19=$B$17,14,0)+IF('Standard Profiles'!$G$19=$B$24,21,0),0)),0)</f>
        <v>0</v>
      </c>
      <c r="F1955" cm="1">
        <f t="array" ref="F1955">IFERROR(INDEX(Jesper!AJ$2:AJ$366,ROUNDDOWN($C1955/24,0)+1,1)*INDEX($D$3:$AA$30,INDEX(Jesper!$R$2:$R$366,ROW(INDEX(Jesper!AJ$2:AJ$366,ROUNDDOWN($C1955/24,0)+1,1))-1)+IF('Standard Profiles'!$G$20=$B$10,7,0)+IF('Standard Profiles'!$G$20=$B$17,14,0)+IF('Standard Profiles'!$G$20=$B$24,21,0),MOD($C1955,24)+1)/SUM(INDEX($D$3:$AA$30,INDEX(Jesper!$R$2:$R$366,ROW(INDEX(Jesper!AJ$2:AJ$366,ROUNDDOWN($C1955/24,0)+1,1))-1)+IF('Standard Profiles'!$G$20=$B$10,7,0)+IF('Standard Profiles'!$G$20=$B$17,14,0)+IF('Standard Profiles'!$G$20=$B$24,21,0),0)),0)</f>
        <v>0</v>
      </c>
      <c r="G1955" cm="1">
        <f t="array" ref="G1955">IFERROR(INDEX(Jesper!AK$2:AK$366,ROUNDDOWN($C1955/24,0)+1,1)*INDEX($D$3:$AA$30,INDEX(Jesper!$R$2:$R$366,ROW(INDEX(Jesper!AK$2:AK$366,ROUNDDOWN($C1955/24,0)+1,1))-1)+IF('Standard Profiles'!$G$21=$B$10,7,0)+IF('Standard Profiles'!$G$21=$B$17,14,0)+IF('Standard Profiles'!$G$21=$B$24,21,0),MOD($C1955,24)+1)/SUM(INDEX($D$3:$AA$30,INDEX(Jesper!$R$2:$R$366,ROW(INDEX(Jesper!AK$2:AK$366,ROUNDDOWN($C1955/24,0)+1,1))-1)+IF('Standard Profiles'!$G$21=$B$10,7,0)+IF('Standard Profiles'!$G$21=$B$17,14,0)+IF('Standard Profiles'!$G$21=$B$24,21,0),0)),0)</f>
        <v>0</v>
      </c>
      <c r="H1955" cm="1">
        <f t="array" ref="H1955">IFERROR(INDEX(Jesper!AL$2:AL$366,ROUNDDOWN($C1955/24,0)+1,1)*INDEX($D$3:$AA$30,INDEX(Jesper!$R$2:$R$366,ROW(INDEX(Jesper!AL$2:AL$366,ROUNDDOWN($C1955/24,0)+1,1))-1)+IF('Standard Profiles'!$G$22=$B$10,7,0)+IF('Standard Profiles'!$G$22=$B$17,14,0)+IF('Standard Profiles'!$G$22=$B$24,21,0),MOD($C1955,24)+1)/SUM(INDEX($D$3:$AA$30,INDEX(Jesper!$R$2:$R$366,ROW(INDEX(Jesper!AL$2:AL$366,ROUNDDOWN($C1955/24,0)+1,1))-1)+IF('Standard Profiles'!$G$22=$B$10,7,0)+IF('Standard Profiles'!$G$22=$B$17,14,0)+IF('Standard Profiles'!$G$22=$B$24,21,0),0)),0)</f>
        <v>0</v>
      </c>
      <c r="I1955">
        <f t="shared" ref="I1955:I2018" si="230">IF($B1955&lt;6,AC$37*$D1955+AC$38*$E1955+AC$39*$F1955+AC$40*$G1955,AC$46*$D1955+AC$47*$E1955+AC$48*$F1955+AC$49*$G1955+AC$50*$H1955)</f>
        <v>0.23523432171459926</v>
      </c>
      <c r="J1955">
        <f t="shared" ref="J1955:J2018" si="231">IF($B1955&lt;6,AD$37*$D1955+AD$38*$E1955+AD$39*$F1955+AD$40*$G1955,AD$46*$D1955+AD$47*$E1955+AD$48*$F1955+AD$49*$G1955+AD$50*$H1955)</f>
        <v>0.78411440571533098</v>
      </c>
      <c r="K1955">
        <f t="shared" ref="K1955:K2018" si="232">IF($B1955&lt;6,AE$37*$D1955+AE$38*$E1955+AE$39*$F1955+AE$40*$G1955,AE$46*$D1955+AE$47*$E1955+AE$48*$F1955+AE$49*$G1955+AE$50*$H1955)</f>
        <v>1.1761716085729963</v>
      </c>
      <c r="L1955">
        <f t="shared" ref="L1955:L2018" si="233">IF($B1955&lt;6,AF$37*$D1955+AF$38*$E1955+AF$39*$F1955+AF$40*$G1955,AF$46*$D1955+AF$47*$E1955+AF$48*$F1955+AF$49*$G1955+AF$50*$H1955)</f>
        <v>5.6456237211503826</v>
      </c>
      <c r="M1955">
        <f t="shared" ref="M1955:M2018" si="234">IF($B1955&lt;6,AG$37*$D1955+AG$38*$E1955+AG$39*$F1955+AG$40*$G1955,AG$46*$D1955+AG$47*$E1955+AG$48*$F1955+AG$49*$G1955+AG$50*$H1955)</f>
        <v>0</v>
      </c>
      <c r="N1955" s="46">
        <f t="shared" si="228"/>
        <v>45372.041666662008</v>
      </c>
    </row>
    <row r="1956" spans="2:14" x14ac:dyDescent="0.3">
      <c r="B1956">
        <f t="shared" si="229"/>
        <v>4</v>
      </c>
      <c r="C1956" s="16">
        <v>1922</v>
      </c>
      <c r="D1956" cm="1">
        <f t="array" ref="D1956">IFERROR(INDEX(Jesper!AH$2:AH$366,ROUNDDOWN($C1956/24,0)+1,1)*INDEX($D$3:$AA$30,INDEX(Jesper!$R$2:$R$366,ROW(INDEX(Jesper!AH$2:AH$366,ROUNDDOWN($C1956/24,0)+1,1))-1)+IF('Standard Profiles'!$G$18=$B$10,7,0)+IF('Standard Profiles'!$G$18=$B$17,14,0)+IF('Standard Profiles'!$G$18=$B$24,21,0),MOD($C1956,24)+1)/SUM(INDEX($D$3:$AA$30,INDEX(Jesper!$R$2:$R$366,ROW(INDEX(Jesper!AH$2:AH$366,ROUNDDOWN($C1956/24,0)+1,1))-1)+IF('Standard Profiles'!$G$18=$B$10,7,0)+IF('Standard Profiles'!$G$18=$B$17,14,0)+IF('Standard Profiles'!$G$18=$B$24,21,0),0)),0)</f>
        <v>7.8411440571533095</v>
      </c>
      <c r="E1956" cm="1">
        <f t="array" ref="E1956">IFERROR(INDEX(Jesper!AI$2:AI$366,ROUNDDOWN($C1956/24,0)+1,1)*INDEX($D$3:$AA$30,INDEX(Jesper!$R$2:$R$366,ROW(INDEX(Jesper!AI$2:AI$366,ROUNDDOWN($C1956/24,0)+1,1))-1)+IF('Standard Profiles'!$G$19=$B$10,7,0)+IF('Standard Profiles'!$G$19=$B$17,14,0)+IF('Standard Profiles'!$G$19=$B$24,21,0),MOD($C1956,24)+1)/SUM(INDEX($D$3:$AA$30,INDEX(Jesper!$R$2:$R$366,ROW(INDEX(Jesper!AI$2:AI$366,ROUNDDOWN($C1956/24,0)+1,1))-1)+IF('Standard Profiles'!$G$19=$B$10,7,0)+IF('Standard Profiles'!$G$19=$B$17,14,0)+IF('Standard Profiles'!$G$19=$B$24,21,0),0)),0)</f>
        <v>0</v>
      </c>
      <c r="F1956" cm="1">
        <f t="array" ref="F1956">IFERROR(INDEX(Jesper!AJ$2:AJ$366,ROUNDDOWN($C1956/24,0)+1,1)*INDEX($D$3:$AA$30,INDEX(Jesper!$R$2:$R$366,ROW(INDEX(Jesper!AJ$2:AJ$366,ROUNDDOWN($C1956/24,0)+1,1))-1)+IF('Standard Profiles'!$G$20=$B$10,7,0)+IF('Standard Profiles'!$G$20=$B$17,14,0)+IF('Standard Profiles'!$G$20=$B$24,21,0),MOD($C1956,24)+1)/SUM(INDEX($D$3:$AA$30,INDEX(Jesper!$R$2:$R$366,ROW(INDEX(Jesper!AJ$2:AJ$366,ROUNDDOWN($C1956/24,0)+1,1))-1)+IF('Standard Profiles'!$G$20=$B$10,7,0)+IF('Standard Profiles'!$G$20=$B$17,14,0)+IF('Standard Profiles'!$G$20=$B$24,21,0),0)),0)</f>
        <v>0</v>
      </c>
      <c r="G1956" cm="1">
        <f t="array" ref="G1956">IFERROR(INDEX(Jesper!AK$2:AK$366,ROUNDDOWN($C1956/24,0)+1,1)*INDEX($D$3:$AA$30,INDEX(Jesper!$R$2:$R$366,ROW(INDEX(Jesper!AK$2:AK$366,ROUNDDOWN($C1956/24,0)+1,1))-1)+IF('Standard Profiles'!$G$21=$B$10,7,0)+IF('Standard Profiles'!$G$21=$B$17,14,0)+IF('Standard Profiles'!$G$21=$B$24,21,0),MOD($C1956,24)+1)/SUM(INDEX($D$3:$AA$30,INDEX(Jesper!$R$2:$R$366,ROW(INDEX(Jesper!AK$2:AK$366,ROUNDDOWN($C1956/24,0)+1,1))-1)+IF('Standard Profiles'!$G$21=$B$10,7,0)+IF('Standard Profiles'!$G$21=$B$17,14,0)+IF('Standard Profiles'!$G$21=$B$24,21,0),0)),0)</f>
        <v>0</v>
      </c>
      <c r="H1956" cm="1">
        <f t="array" ref="H1956">IFERROR(INDEX(Jesper!AL$2:AL$366,ROUNDDOWN($C1956/24,0)+1,1)*INDEX($D$3:$AA$30,INDEX(Jesper!$R$2:$R$366,ROW(INDEX(Jesper!AL$2:AL$366,ROUNDDOWN($C1956/24,0)+1,1))-1)+IF('Standard Profiles'!$G$22=$B$10,7,0)+IF('Standard Profiles'!$G$22=$B$17,14,0)+IF('Standard Profiles'!$G$22=$B$24,21,0),MOD($C1956,24)+1)/SUM(INDEX($D$3:$AA$30,INDEX(Jesper!$R$2:$R$366,ROW(INDEX(Jesper!AL$2:AL$366,ROUNDDOWN($C1956/24,0)+1,1))-1)+IF('Standard Profiles'!$G$22=$B$10,7,0)+IF('Standard Profiles'!$G$22=$B$17,14,0)+IF('Standard Profiles'!$G$22=$B$24,21,0),0)),0)</f>
        <v>0</v>
      </c>
      <c r="I1956">
        <f t="shared" si="230"/>
        <v>0.23523432171459926</v>
      </c>
      <c r="J1956">
        <f t="shared" si="231"/>
        <v>0.78411440571533098</v>
      </c>
      <c r="K1956">
        <f t="shared" si="232"/>
        <v>1.1761716085729963</v>
      </c>
      <c r="L1956">
        <f t="shared" si="233"/>
        <v>5.6456237211503826</v>
      </c>
      <c r="M1956">
        <f t="shared" si="234"/>
        <v>0</v>
      </c>
      <c r="N1956" s="46">
        <f t="shared" ref="N1956:N2019" si="235">N1955+1/24</f>
        <v>45372.083333328672</v>
      </c>
    </row>
    <row r="1957" spans="2:14" x14ac:dyDescent="0.3">
      <c r="B1957">
        <f t="shared" si="229"/>
        <v>4</v>
      </c>
      <c r="C1957" s="16">
        <v>1923</v>
      </c>
      <c r="D1957" cm="1">
        <f t="array" ref="D1957">IFERROR(INDEX(Jesper!AH$2:AH$366,ROUNDDOWN($C1957/24,0)+1,1)*INDEX($D$3:$AA$30,INDEX(Jesper!$R$2:$R$366,ROW(INDEX(Jesper!AH$2:AH$366,ROUNDDOWN($C1957/24,0)+1,1))-1)+IF('Standard Profiles'!$G$18=$B$10,7,0)+IF('Standard Profiles'!$G$18=$B$17,14,0)+IF('Standard Profiles'!$G$18=$B$24,21,0),MOD($C1957,24)+1)/SUM(INDEX($D$3:$AA$30,INDEX(Jesper!$R$2:$R$366,ROW(INDEX(Jesper!AH$2:AH$366,ROUNDDOWN($C1957/24,0)+1,1))-1)+IF('Standard Profiles'!$G$18=$B$10,7,0)+IF('Standard Profiles'!$G$18=$B$17,14,0)+IF('Standard Profiles'!$G$18=$B$24,21,0),0)),0)</f>
        <v>7.8411440571533095</v>
      </c>
      <c r="E1957" cm="1">
        <f t="array" ref="E1957">IFERROR(INDEX(Jesper!AI$2:AI$366,ROUNDDOWN($C1957/24,0)+1,1)*INDEX($D$3:$AA$30,INDEX(Jesper!$R$2:$R$366,ROW(INDEX(Jesper!AI$2:AI$366,ROUNDDOWN($C1957/24,0)+1,1))-1)+IF('Standard Profiles'!$G$19=$B$10,7,0)+IF('Standard Profiles'!$G$19=$B$17,14,0)+IF('Standard Profiles'!$G$19=$B$24,21,0),MOD($C1957,24)+1)/SUM(INDEX($D$3:$AA$30,INDEX(Jesper!$R$2:$R$366,ROW(INDEX(Jesper!AI$2:AI$366,ROUNDDOWN($C1957/24,0)+1,1))-1)+IF('Standard Profiles'!$G$19=$B$10,7,0)+IF('Standard Profiles'!$G$19=$B$17,14,0)+IF('Standard Profiles'!$G$19=$B$24,21,0),0)),0)</f>
        <v>0</v>
      </c>
      <c r="F1957" cm="1">
        <f t="array" ref="F1957">IFERROR(INDEX(Jesper!AJ$2:AJ$366,ROUNDDOWN($C1957/24,0)+1,1)*INDEX($D$3:$AA$30,INDEX(Jesper!$R$2:$R$366,ROW(INDEX(Jesper!AJ$2:AJ$366,ROUNDDOWN($C1957/24,0)+1,1))-1)+IF('Standard Profiles'!$G$20=$B$10,7,0)+IF('Standard Profiles'!$G$20=$B$17,14,0)+IF('Standard Profiles'!$G$20=$B$24,21,0),MOD($C1957,24)+1)/SUM(INDEX($D$3:$AA$30,INDEX(Jesper!$R$2:$R$366,ROW(INDEX(Jesper!AJ$2:AJ$366,ROUNDDOWN($C1957/24,0)+1,1))-1)+IF('Standard Profiles'!$G$20=$B$10,7,0)+IF('Standard Profiles'!$G$20=$B$17,14,0)+IF('Standard Profiles'!$G$20=$B$24,21,0),0)),0)</f>
        <v>0</v>
      </c>
      <c r="G1957" cm="1">
        <f t="array" ref="G1957">IFERROR(INDEX(Jesper!AK$2:AK$366,ROUNDDOWN($C1957/24,0)+1,1)*INDEX($D$3:$AA$30,INDEX(Jesper!$R$2:$R$366,ROW(INDEX(Jesper!AK$2:AK$366,ROUNDDOWN($C1957/24,0)+1,1))-1)+IF('Standard Profiles'!$G$21=$B$10,7,0)+IF('Standard Profiles'!$G$21=$B$17,14,0)+IF('Standard Profiles'!$G$21=$B$24,21,0),MOD($C1957,24)+1)/SUM(INDEX($D$3:$AA$30,INDEX(Jesper!$R$2:$R$366,ROW(INDEX(Jesper!AK$2:AK$366,ROUNDDOWN($C1957/24,0)+1,1))-1)+IF('Standard Profiles'!$G$21=$B$10,7,0)+IF('Standard Profiles'!$G$21=$B$17,14,0)+IF('Standard Profiles'!$G$21=$B$24,21,0),0)),0)</f>
        <v>0</v>
      </c>
      <c r="H1957" cm="1">
        <f t="array" ref="H1957">IFERROR(INDEX(Jesper!AL$2:AL$366,ROUNDDOWN($C1957/24,0)+1,1)*INDEX($D$3:$AA$30,INDEX(Jesper!$R$2:$R$366,ROW(INDEX(Jesper!AL$2:AL$366,ROUNDDOWN($C1957/24,0)+1,1))-1)+IF('Standard Profiles'!$G$22=$B$10,7,0)+IF('Standard Profiles'!$G$22=$B$17,14,0)+IF('Standard Profiles'!$G$22=$B$24,21,0),MOD($C1957,24)+1)/SUM(INDEX($D$3:$AA$30,INDEX(Jesper!$R$2:$R$366,ROW(INDEX(Jesper!AL$2:AL$366,ROUNDDOWN($C1957/24,0)+1,1))-1)+IF('Standard Profiles'!$G$22=$B$10,7,0)+IF('Standard Profiles'!$G$22=$B$17,14,0)+IF('Standard Profiles'!$G$22=$B$24,21,0),0)),0)</f>
        <v>0</v>
      </c>
      <c r="I1957">
        <f t="shared" si="230"/>
        <v>0.23523432171459926</v>
      </c>
      <c r="J1957">
        <f t="shared" si="231"/>
        <v>0.78411440571533098</v>
      </c>
      <c r="K1957">
        <f t="shared" si="232"/>
        <v>1.1761716085729963</v>
      </c>
      <c r="L1957">
        <f t="shared" si="233"/>
        <v>5.6456237211503826</v>
      </c>
      <c r="M1957">
        <f t="shared" si="234"/>
        <v>0</v>
      </c>
      <c r="N1957" s="46">
        <f t="shared" si="235"/>
        <v>45372.124999995336</v>
      </c>
    </row>
    <row r="1958" spans="2:14" x14ac:dyDescent="0.3">
      <c r="B1958">
        <f t="shared" si="229"/>
        <v>4</v>
      </c>
      <c r="C1958" s="16">
        <v>1924</v>
      </c>
      <c r="D1958" cm="1">
        <f t="array" ref="D1958">IFERROR(INDEX(Jesper!AH$2:AH$366,ROUNDDOWN($C1958/24,0)+1,1)*INDEX($D$3:$AA$30,INDEX(Jesper!$R$2:$R$366,ROW(INDEX(Jesper!AH$2:AH$366,ROUNDDOWN($C1958/24,0)+1,1))-1)+IF('Standard Profiles'!$G$18=$B$10,7,0)+IF('Standard Profiles'!$G$18=$B$17,14,0)+IF('Standard Profiles'!$G$18=$B$24,21,0),MOD($C1958,24)+1)/SUM(INDEX($D$3:$AA$30,INDEX(Jesper!$R$2:$R$366,ROW(INDEX(Jesper!AH$2:AH$366,ROUNDDOWN($C1958/24,0)+1,1))-1)+IF('Standard Profiles'!$G$18=$B$10,7,0)+IF('Standard Profiles'!$G$18=$B$17,14,0)+IF('Standard Profiles'!$G$18=$B$24,21,0),0)),0)</f>
        <v>7.8411440571533095</v>
      </c>
      <c r="E1958" cm="1">
        <f t="array" ref="E1958">IFERROR(INDEX(Jesper!AI$2:AI$366,ROUNDDOWN($C1958/24,0)+1,1)*INDEX($D$3:$AA$30,INDEX(Jesper!$R$2:$R$366,ROW(INDEX(Jesper!AI$2:AI$366,ROUNDDOWN($C1958/24,0)+1,1))-1)+IF('Standard Profiles'!$G$19=$B$10,7,0)+IF('Standard Profiles'!$G$19=$B$17,14,0)+IF('Standard Profiles'!$G$19=$B$24,21,0),MOD($C1958,24)+1)/SUM(INDEX($D$3:$AA$30,INDEX(Jesper!$R$2:$R$366,ROW(INDEX(Jesper!AI$2:AI$366,ROUNDDOWN($C1958/24,0)+1,1))-1)+IF('Standard Profiles'!$G$19=$B$10,7,0)+IF('Standard Profiles'!$G$19=$B$17,14,0)+IF('Standard Profiles'!$G$19=$B$24,21,0),0)),0)</f>
        <v>0</v>
      </c>
      <c r="F1958" cm="1">
        <f t="array" ref="F1958">IFERROR(INDEX(Jesper!AJ$2:AJ$366,ROUNDDOWN($C1958/24,0)+1,1)*INDEX($D$3:$AA$30,INDEX(Jesper!$R$2:$R$366,ROW(INDEX(Jesper!AJ$2:AJ$366,ROUNDDOWN($C1958/24,0)+1,1))-1)+IF('Standard Profiles'!$G$20=$B$10,7,0)+IF('Standard Profiles'!$G$20=$B$17,14,0)+IF('Standard Profiles'!$G$20=$B$24,21,0),MOD($C1958,24)+1)/SUM(INDEX($D$3:$AA$30,INDEX(Jesper!$R$2:$R$366,ROW(INDEX(Jesper!AJ$2:AJ$366,ROUNDDOWN($C1958/24,0)+1,1))-1)+IF('Standard Profiles'!$G$20=$B$10,7,0)+IF('Standard Profiles'!$G$20=$B$17,14,0)+IF('Standard Profiles'!$G$20=$B$24,21,0),0)),0)</f>
        <v>0</v>
      </c>
      <c r="G1958" cm="1">
        <f t="array" ref="G1958">IFERROR(INDEX(Jesper!AK$2:AK$366,ROUNDDOWN($C1958/24,0)+1,1)*INDEX($D$3:$AA$30,INDEX(Jesper!$R$2:$R$366,ROW(INDEX(Jesper!AK$2:AK$366,ROUNDDOWN($C1958/24,0)+1,1))-1)+IF('Standard Profiles'!$G$21=$B$10,7,0)+IF('Standard Profiles'!$G$21=$B$17,14,0)+IF('Standard Profiles'!$G$21=$B$24,21,0),MOD($C1958,24)+1)/SUM(INDEX($D$3:$AA$30,INDEX(Jesper!$R$2:$R$366,ROW(INDEX(Jesper!AK$2:AK$366,ROUNDDOWN($C1958/24,0)+1,1))-1)+IF('Standard Profiles'!$G$21=$B$10,7,0)+IF('Standard Profiles'!$G$21=$B$17,14,0)+IF('Standard Profiles'!$G$21=$B$24,21,0),0)),0)</f>
        <v>0</v>
      </c>
      <c r="H1958" cm="1">
        <f t="array" ref="H1958">IFERROR(INDEX(Jesper!AL$2:AL$366,ROUNDDOWN($C1958/24,0)+1,1)*INDEX($D$3:$AA$30,INDEX(Jesper!$R$2:$R$366,ROW(INDEX(Jesper!AL$2:AL$366,ROUNDDOWN($C1958/24,0)+1,1))-1)+IF('Standard Profiles'!$G$22=$B$10,7,0)+IF('Standard Profiles'!$G$22=$B$17,14,0)+IF('Standard Profiles'!$G$22=$B$24,21,0),MOD($C1958,24)+1)/SUM(INDEX($D$3:$AA$30,INDEX(Jesper!$R$2:$R$366,ROW(INDEX(Jesper!AL$2:AL$366,ROUNDDOWN($C1958/24,0)+1,1))-1)+IF('Standard Profiles'!$G$22=$B$10,7,0)+IF('Standard Profiles'!$G$22=$B$17,14,0)+IF('Standard Profiles'!$G$22=$B$24,21,0),0)),0)</f>
        <v>0</v>
      </c>
      <c r="I1958">
        <f t="shared" si="230"/>
        <v>0.23523432171459926</v>
      </c>
      <c r="J1958">
        <f t="shared" si="231"/>
        <v>0.78411440571533098</v>
      </c>
      <c r="K1958">
        <f t="shared" si="232"/>
        <v>1.1761716085729963</v>
      </c>
      <c r="L1958">
        <f t="shared" si="233"/>
        <v>5.6456237211503826</v>
      </c>
      <c r="M1958">
        <f t="shared" si="234"/>
        <v>0</v>
      </c>
      <c r="N1958" s="46">
        <f t="shared" si="235"/>
        <v>45372.166666662</v>
      </c>
    </row>
    <row r="1959" spans="2:14" x14ac:dyDescent="0.3">
      <c r="B1959">
        <f t="shared" si="229"/>
        <v>4</v>
      </c>
      <c r="C1959" s="16">
        <v>1925</v>
      </c>
      <c r="D1959" cm="1">
        <f t="array" ref="D1959">IFERROR(INDEX(Jesper!AH$2:AH$366,ROUNDDOWN($C1959/24,0)+1,1)*INDEX($D$3:$AA$30,INDEX(Jesper!$R$2:$R$366,ROW(INDEX(Jesper!AH$2:AH$366,ROUNDDOWN($C1959/24,0)+1,1))-1)+IF('Standard Profiles'!$G$18=$B$10,7,0)+IF('Standard Profiles'!$G$18=$B$17,14,0)+IF('Standard Profiles'!$G$18=$B$24,21,0),MOD($C1959,24)+1)/SUM(INDEX($D$3:$AA$30,INDEX(Jesper!$R$2:$R$366,ROW(INDEX(Jesper!AH$2:AH$366,ROUNDDOWN($C1959/24,0)+1,1))-1)+IF('Standard Profiles'!$G$18=$B$10,7,0)+IF('Standard Profiles'!$G$18=$B$17,14,0)+IF('Standard Profiles'!$G$18=$B$24,21,0),0)),0)</f>
        <v>10.106363451442043</v>
      </c>
      <c r="E1959" cm="1">
        <f t="array" ref="E1959">IFERROR(INDEX(Jesper!AI$2:AI$366,ROUNDDOWN($C1959/24,0)+1,1)*INDEX($D$3:$AA$30,INDEX(Jesper!$R$2:$R$366,ROW(INDEX(Jesper!AI$2:AI$366,ROUNDDOWN($C1959/24,0)+1,1))-1)+IF('Standard Profiles'!$G$19=$B$10,7,0)+IF('Standard Profiles'!$G$19=$B$17,14,0)+IF('Standard Profiles'!$G$19=$B$24,21,0),MOD($C1959,24)+1)/SUM(INDEX($D$3:$AA$30,INDEX(Jesper!$R$2:$R$366,ROW(INDEX(Jesper!AI$2:AI$366,ROUNDDOWN($C1959/24,0)+1,1))-1)+IF('Standard Profiles'!$G$19=$B$10,7,0)+IF('Standard Profiles'!$G$19=$B$17,14,0)+IF('Standard Profiles'!$G$19=$B$24,21,0),0)),0)</f>
        <v>0</v>
      </c>
      <c r="F1959" cm="1">
        <f t="array" ref="F1959">IFERROR(INDEX(Jesper!AJ$2:AJ$366,ROUNDDOWN($C1959/24,0)+1,1)*INDEX($D$3:$AA$30,INDEX(Jesper!$R$2:$R$366,ROW(INDEX(Jesper!AJ$2:AJ$366,ROUNDDOWN($C1959/24,0)+1,1))-1)+IF('Standard Profiles'!$G$20=$B$10,7,0)+IF('Standard Profiles'!$G$20=$B$17,14,0)+IF('Standard Profiles'!$G$20=$B$24,21,0),MOD($C1959,24)+1)/SUM(INDEX($D$3:$AA$30,INDEX(Jesper!$R$2:$R$366,ROW(INDEX(Jesper!AJ$2:AJ$366,ROUNDDOWN($C1959/24,0)+1,1))-1)+IF('Standard Profiles'!$G$20=$B$10,7,0)+IF('Standard Profiles'!$G$20=$B$17,14,0)+IF('Standard Profiles'!$G$20=$B$24,21,0),0)),0)</f>
        <v>0</v>
      </c>
      <c r="G1959" cm="1">
        <f t="array" ref="G1959">IFERROR(INDEX(Jesper!AK$2:AK$366,ROUNDDOWN($C1959/24,0)+1,1)*INDEX($D$3:$AA$30,INDEX(Jesper!$R$2:$R$366,ROW(INDEX(Jesper!AK$2:AK$366,ROUNDDOWN($C1959/24,0)+1,1))-1)+IF('Standard Profiles'!$G$21=$B$10,7,0)+IF('Standard Profiles'!$G$21=$B$17,14,0)+IF('Standard Profiles'!$G$21=$B$24,21,0),MOD($C1959,24)+1)/SUM(INDEX($D$3:$AA$30,INDEX(Jesper!$R$2:$R$366,ROW(INDEX(Jesper!AK$2:AK$366,ROUNDDOWN($C1959/24,0)+1,1))-1)+IF('Standard Profiles'!$G$21=$B$10,7,0)+IF('Standard Profiles'!$G$21=$B$17,14,0)+IF('Standard Profiles'!$G$21=$B$24,21,0),0)),0)</f>
        <v>0</v>
      </c>
      <c r="H1959" cm="1">
        <f t="array" ref="H1959">IFERROR(INDEX(Jesper!AL$2:AL$366,ROUNDDOWN($C1959/24,0)+1,1)*INDEX($D$3:$AA$30,INDEX(Jesper!$R$2:$R$366,ROW(INDEX(Jesper!AL$2:AL$366,ROUNDDOWN($C1959/24,0)+1,1))-1)+IF('Standard Profiles'!$G$22=$B$10,7,0)+IF('Standard Profiles'!$G$22=$B$17,14,0)+IF('Standard Profiles'!$G$22=$B$24,21,0),MOD($C1959,24)+1)/SUM(INDEX($D$3:$AA$30,INDEX(Jesper!$R$2:$R$366,ROW(INDEX(Jesper!AL$2:AL$366,ROUNDDOWN($C1959/24,0)+1,1))-1)+IF('Standard Profiles'!$G$22=$B$10,7,0)+IF('Standard Profiles'!$G$22=$B$17,14,0)+IF('Standard Profiles'!$G$22=$B$24,21,0),0)),0)</f>
        <v>0</v>
      </c>
      <c r="I1959">
        <f t="shared" si="230"/>
        <v>0.30319090354326128</v>
      </c>
      <c r="J1959">
        <f t="shared" si="231"/>
        <v>1.0106363451442044</v>
      </c>
      <c r="K1959">
        <f t="shared" si="232"/>
        <v>1.5159545177163063</v>
      </c>
      <c r="L1959">
        <f t="shared" si="233"/>
        <v>7.2765816850382707</v>
      </c>
      <c r="M1959">
        <f t="shared" si="234"/>
        <v>0</v>
      </c>
      <c r="N1959" s="46">
        <f t="shared" si="235"/>
        <v>45372.208333328665</v>
      </c>
    </row>
    <row r="1960" spans="2:14" x14ac:dyDescent="0.3">
      <c r="B1960">
        <f t="shared" si="229"/>
        <v>4</v>
      </c>
      <c r="C1960" s="16">
        <v>1926</v>
      </c>
      <c r="D1960" cm="1">
        <f t="array" ref="D1960">IFERROR(INDEX(Jesper!AH$2:AH$366,ROUNDDOWN($C1960/24,0)+1,1)*INDEX($D$3:$AA$30,INDEX(Jesper!$R$2:$R$366,ROW(INDEX(Jesper!AH$2:AH$366,ROUNDDOWN($C1960/24,0)+1,1))-1)+IF('Standard Profiles'!$G$18=$B$10,7,0)+IF('Standard Profiles'!$G$18=$B$17,14,0)+IF('Standard Profiles'!$G$18=$B$24,21,0),MOD($C1960,24)+1)/SUM(INDEX($D$3:$AA$30,INDEX(Jesper!$R$2:$R$366,ROW(INDEX(Jesper!AH$2:AH$366,ROUNDDOWN($C1960/24,0)+1,1))-1)+IF('Standard Profiles'!$G$18=$B$10,7,0)+IF('Standard Profiles'!$G$18=$B$17,14,0)+IF('Standard Profiles'!$G$18=$B$24,21,0),0)),0)</f>
        <v>11.674592262872707</v>
      </c>
      <c r="E1960" cm="1">
        <f t="array" ref="E1960">IFERROR(INDEX(Jesper!AI$2:AI$366,ROUNDDOWN($C1960/24,0)+1,1)*INDEX($D$3:$AA$30,INDEX(Jesper!$R$2:$R$366,ROW(INDEX(Jesper!AI$2:AI$366,ROUNDDOWN($C1960/24,0)+1,1))-1)+IF('Standard Profiles'!$G$19=$B$10,7,0)+IF('Standard Profiles'!$G$19=$B$17,14,0)+IF('Standard Profiles'!$G$19=$B$24,21,0),MOD($C1960,24)+1)/SUM(INDEX($D$3:$AA$30,INDEX(Jesper!$R$2:$R$366,ROW(INDEX(Jesper!AI$2:AI$366,ROUNDDOWN($C1960/24,0)+1,1))-1)+IF('Standard Profiles'!$G$19=$B$10,7,0)+IF('Standard Profiles'!$G$19=$B$17,14,0)+IF('Standard Profiles'!$G$19=$B$24,21,0),0)),0)</f>
        <v>0</v>
      </c>
      <c r="F1960" cm="1">
        <f t="array" ref="F1960">IFERROR(INDEX(Jesper!AJ$2:AJ$366,ROUNDDOWN($C1960/24,0)+1,1)*INDEX($D$3:$AA$30,INDEX(Jesper!$R$2:$R$366,ROW(INDEX(Jesper!AJ$2:AJ$366,ROUNDDOWN($C1960/24,0)+1,1))-1)+IF('Standard Profiles'!$G$20=$B$10,7,0)+IF('Standard Profiles'!$G$20=$B$17,14,0)+IF('Standard Profiles'!$G$20=$B$24,21,0),MOD($C1960,24)+1)/SUM(INDEX($D$3:$AA$30,INDEX(Jesper!$R$2:$R$366,ROW(INDEX(Jesper!AJ$2:AJ$366,ROUNDDOWN($C1960/24,0)+1,1))-1)+IF('Standard Profiles'!$G$20=$B$10,7,0)+IF('Standard Profiles'!$G$20=$B$17,14,0)+IF('Standard Profiles'!$G$20=$B$24,21,0),0)),0)</f>
        <v>0</v>
      </c>
      <c r="G1960" cm="1">
        <f t="array" ref="G1960">IFERROR(INDEX(Jesper!AK$2:AK$366,ROUNDDOWN($C1960/24,0)+1,1)*INDEX($D$3:$AA$30,INDEX(Jesper!$R$2:$R$366,ROW(INDEX(Jesper!AK$2:AK$366,ROUNDDOWN($C1960/24,0)+1,1))-1)+IF('Standard Profiles'!$G$21=$B$10,7,0)+IF('Standard Profiles'!$G$21=$B$17,14,0)+IF('Standard Profiles'!$G$21=$B$24,21,0),MOD($C1960,24)+1)/SUM(INDEX($D$3:$AA$30,INDEX(Jesper!$R$2:$R$366,ROW(INDEX(Jesper!AK$2:AK$366,ROUNDDOWN($C1960/24,0)+1,1))-1)+IF('Standard Profiles'!$G$21=$B$10,7,0)+IF('Standard Profiles'!$G$21=$B$17,14,0)+IF('Standard Profiles'!$G$21=$B$24,21,0),0)),0)</f>
        <v>0</v>
      </c>
      <c r="H1960" cm="1">
        <f t="array" ref="H1960">IFERROR(INDEX(Jesper!AL$2:AL$366,ROUNDDOWN($C1960/24,0)+1,1)*INDEX($D$3:$AA$30,INDEX(Jesper!$R$2:$R$366,ROW(INDEX(Jesper!AL$2:AL$366,ROUNDDOWN($C1960/24,0)+1,1))-1)+IF('Standard Profiles'!$G$22=$B$10,7,0)+IF('Standard Profiles'!$G$22=$B$17,14,0)+IF('Standard Profiles'!$G$22=$B$24,21,0),MOD($C1960,24)+1)/SUM(INDEX($D$3:$AA$30,INDEX(Jesper!$R$2:$R$366,ROW(INDEX(Jesper!AL$2:AL$366,ROUNDDOWN($C1960/24,0)+1,1))-1)+IF('Standard Profiles'!$G$22=$B$10,7,0)+IF('Standard Profiles'!$G$22=$B$17,14,0)+IF('Standard Profiles'!$G$22=$B$24,21,0),0)),0)</f>
        <v>0</v>
      </c>
      <c r="I1960">
        <f t="shared" si="230"/>
        <v>0.35023776788618122</v>
      </c>
      <c r="J1960">
        <f t="shared" si="231"/>
        <v>1.1674592262872707</v>
      </c>
      <c r="K1960">
        <f t="shared" si="232"/>
        <v>1.7511888394309061</v>
      </c>
      <c r="L1960">
        <f t="shared" si="233"/>
        <v>8.4057064292683492</v>
      </c>
      <c r="M1960">
        <f t="shared" si="234"/>
        <v>0</v>
      </c>
      <c r="N1960" s="46">
        <f t="shared" si="235"/>
        <v>45372.249999995329</v>
      </c>
    </row>
    <row r="1961" spans="2:14" x14ac:dyDescent="0.3">
      <c r="B1961">
        <f t="shared" si="229"/>
        <v>4</v>
      </c>
      <c r="C1961" s="16">
        <v>1927</v>
      </c>
      <c r="D1961" cm="1">
        <f t="array" ref="D1961">IFERROR(INDEX(Jesper!AH$2:AH$366,ROUNDDOWN($C1961/24,0)+1,1)*INDEX($D$3:$AA$30,INDEX(Jesper!$R$2:$R$366,ROW(INDEX(Jesper!AH$2:AH$366,ROUNDDOWN($C1961/24,0)+1,1))-1)+IF('Standard Profiles'!$G$18=$B$10,7,0)+IF('Standard Profiles'!$G$18=$B$17,14,0)+IF('Standard Profiles'!$G$18=$B$24,21,0),MOD($C1961,24)+1)/SUM(INDEX($D$3:$AA$30,INDEX(Jesper!$R$2:$R$366,ROW(INDEX(Jesper!AH$2:AH$366,ROUNDDOWN($C1961/24,0)+1,1))-1)+IF('Standard Profiles'!$G$18=$B$10,7,0)+IF('Standard Profiles'!$G$18=$B$17,14,0)+IF('Standard Profiles'!$G$18=$B$24,21,0),0)),0)</f>
        <v>11.674592262872707</v>
      </c>
      <c r="E1961" cm="1">
        <f t="array" ref="E1961">IFERROR(INDEX(Jesper!AI$2:AI$366,ROUNDDOWN($C1961/24,0)+1,1)*INDEX($D$3:$AA$30,INDEX(Jesper!$R$2:$R$366,ROW(INDEX(Jesper!AI$2:AI$366,ROUNDDOWN($C1961/24,0)+1,1))-1)+IF('Standard Profiles'!$G$19=$B$10,7,0)+IF('Standard Profiles'!$G$19=$B$17,14,0)+IF('Standard Profiles'!$G$19=$B$24,21,0),MOD($C1961,24)+1)/SUM(INDEX($D$3:$AA$30,INDEX(Jesper!$R$2:$R$366,ROW(INDEX(Jesper!AI$2:AI$366,ROUNDDOWN($C1961/24,0)+1,1))-1)+IF('Standard Profiles'!$G$19=$B$10,7,0)+IF('Standard Profiles'!$G$19=$B$17,14,0)+IF('Standard Profiles'!$G$19=$B$24,21,0),0)),0)</f>
        <v>0</v>
      </c>
      <c r="F1961" cm="1">
        <f t="array" ref="F1961">IFERROR(INDEX(Jesper!AJ$2:AJ$366,ROUNDDOWN($C1961/24,0)+1,1)*INDEX($D$3:$AA$30,INDEX(Jesper!$R$2:$R$366,ROW(INDEX(Jesper!AJ$2:AJ$366,ROUNDDOWN($C1961/24,0)+1,1))-1)+IF('Standard Profiles'!$G$20=$B$10,7,0)+IF('Standard Profiles'!$G$20=$B$17,14,0)+IF('Standard Profiles'!$G$20=$B$24,21,0),MOD($C1961,24)+1)/SUM(INDEX($D$3:$AA$30,INDEX(Jesper!$R$2:$R$366,ROW(INDEX(Jesper!AJ$2:AJ$366,ROUNDDOWN($C1961/24,0)+1,1))-1)+IF('Standard Profiles'!$G$20=$B$10,7,0)+IF('Standard Profiles'!$G$20=$B$17,14,0)+IF('Standard Profiles'!$G$20=$B$24,21,0),0)),0)</f>
        <v>0</v>
      </c>
      <c r="G1961" cm="1">
        <f t="array" ref="G1961">IFERROR(INDEX(Jesper!AK$2:AK$366,ROUNDDOWN($C1961/24,0)+1,1)*INDEX($D$3:$AA$30,INDEX(Jesper!$R$2:$R$366,ROW(INDEX(Jesper!AK$2:AK$366,ROUNDDOWN($C1961/24,0)+1,1))-1)+IF('Standard Profiles'!$G$21=$B$10,7,0)+IF('Standard Profiles'!$G$21=$B$17,14,0)+IF('Standard Profiles'!$G$21=$B$24,21,0),MOD($C1961,24)+1)/SUM(INDEX($D$3:$AA$30,INDEX(Jesper!$R$2:$R$366,ROW(INDEX(Jesper!AK$2:AK$366,ROUNDDOWN($C1961/24,0)+1,1))-1)+IF('Standard Profiles'!$G$21=$B$10,7,0)+IF('Standard Profiles'!$G$21=$B$17,14,0)+IF('Standard Profiles'!$G$21=$B$24,21,0),0)),0)</f>
        <v>0</v>
      </c>
      <c r="H1961" cm="1">
        <f t="array" ref="H1961">IFERROR(INDEX(Jesper!AL$2:AL$366,ROUNDDOWN($C1961/24,0)+1,1)*INDEX($D$3:$AA$30,INDEX(Jesper!$R$2:$R$366,ROW(INDEX(Jesper!AL$2:AL$366,ROUNDDOWN($C1961/24,0)+1,1))-1)+IF('Standard Profiles'!$G$22=$B$10,7,0)+IF('Standard Profiles'!$G$22=$B$17,14,0)+IF('Standard Profiles'!$G$22=$B$24,21,0),MOD($C1961,24)+1)/SUM(INDEX($D$3:$AA$30,INDEX(Jesper!$R$2:$R$366,ROW(INDEX(Jesper!AL$2:AL$366,ROUNDDOWN($C1961/24,0)+1,1))-1)+IF('Standard Profiles'!$G$22=$B$10,7,0)+IF('Standard Profiles'!$G$22=$B$17,14,0)+IF('Standard Profiles'!$G$22=$B$24,21,0),0)),0)</f>
        <v>0</v>
      </c>
      <c r="I1961">
        <f t="shared" si="230"/>
        <v>0.35023776788618122</v>
      </c>
      <c r="J1961">
        <f t="shared" si="231"/>
        <v>1.1674592262872707</v>
      </c>
      <c r="K1961">
        <f t="shared" si="232"/>
        <v>1.7511888394309061</v>
      </c>
      <c r="L1961">
        <f t="shared" si="233"/>
        <v>8.4057064292683492</v>
      </c>
      <c r="M1961">
        <f t="shared" si="234"/>
        <v>0</v>
      </c>
      <c r="N1961" s="46">
        <f t="shared" si="235"/>
        <v>45372.291666661993</v>
      </c>
    </row>
    <row r="1962" spans="2:14" x14ac:dyDescent="0.3">
      <c r="B1962">
        <f t="shared" si="229"/>
        <v>4</v>
      </c>
      <c r="C1962" s="16">
        <v>1928</v>
      </c>
      <c r="D1962" cm="1">
        <f t="array" ref="D1962">IFERROR(INDEX(Jesper!AH$2:AH$366,ROUNDDOWN($C1962/24,0)+1,1)*INDEX($D$3:$AA$30,INDEX(Jesper!$R$2:$R$366,ROW(INDEX(Jesper!AH$2:AH$366,ROUNDDOWN($C1962/24,0)+1,1))-1)+IF('Standard Profiles'!$G$18=$B$10,7,0)+IF('Standard Profiles'!$G$18=$B$17,14,0)+IF('Standard Profiles'!$G$18=$B$24,21,0),MOD($C1962,24)+1)/SUM(INDEX($D$3:$AA$30,INDEX(Jesper!$R$2:$R$366,ROW(INDEX(Jesper!AH$2:AH$366,ROUNDDOWN($C1962/24,0)+1,1))-1)+IF('Standard Profiles'!$G$18=$B$10,7,0)+IF('Standard Profiles'!$G$18=$B$17,14,0)+IF('Standard Profiles'!$G$18=$B$24,21,0),0)),0)</f>
        <v>11.674592262872707</v>
      </c>
      <c r="E1962" cm="1">
        <f t="array" ref="E1962">IFERROR(INDEX(Jesper!AI$2:AI$366,ROUNDDOWN($C1962/24,0)+1,1)*INDEX($D$3:$AA$30,INDEX(Jesper!$R$2:$R$366,ROW(INDEX(Jesper!AI$2:AI$366,ROUNDDOWN($C1962/24,0)+1,1))-1)+IF('Standard Profiles'!$G$19=$B$10,7,0)+IF('Standard Profiles'!$G$19=$B$17,14,0)+IF('Standard Profiles'!$G$19=$B$24,21,0),MOD($C1962,24)+1)/SUM(INDEX($D$3:$AA$30,INDEX(Jesper!$R$2:$R$366,ROW(INDEX(Jesper!AI$2:AI$366,ROUNDDOWN($C1962/24,0)+1,1))-1)+IF('Standard Profiles'!$G$19=$B$10,7,0)+IF('Standard Profiles'!$G$19=$B$17,14,0)+IF('Standard Profiles'!$G$19=$B$24,21,0),0)),0)</f>
        <v>0</v>
      </c>
      <c r="F1962" cm="1">
        <f t="array" ref="F1962">IFERROR(INDEX(Jesper!AJ$2:AJ$366,ROUNDDOWN($C1962/24,0)+1,1)*INDEX($D$3:$AA$30,INDEX(Jesper!$R$2:$R$366,ROW(INDEX(Jesper!AJ$2:AJ$366,ROUNDDOWN($C1962/24,0)+1,1))-1)+IF('Standard Profiles'!$G$20=$B$10,7,0)+IF('Standard Profiles'!$G$20=$B$17,14,0)+IF('Standard Profiles'!$G$20=$B$24,21,0),MOD($C1962,24)+1)/SUM(INDEX($D$3:$AA$30,INDEX(Jesper!$R$2:$R$366,ROW(INDEX(Jesper!AJ$2:AJ$366,ROUNDDOWN($C1962/24,0)+1,1))-1)+IF('Standard Profiles'!$G$20=$B$10,7,0)+IF('Standard Profiles'!$G$20=$B$17,14,0)+IF('Standard Profiles'!$G$20=$B$24,21,0),0)),0)</f>
        <v>0</v>
      </c>
      <c r="G1962" cm="1">
        <f t="array" ref="G1962">IFERROR(INDEX(Jesper!AK$2:AK$366,ROUNDDOWN($C1962/24,0)+1,1)*INDEX($D$3:$AA$30,INDEX(Jesper!$R$2:$R$366,ROW(INDEX(Jesper!AK$2:AK$366,ROUNDDOWN($C1962/24,0)+1,1))-1)+IF('Standard Profiles'!$G$21=$B$10,7,0)+IF('Standard Profiles'!$G$21=$B$17,14,0)+IF('Standard Profiles'!$G$21=$B$24,21,0),MOD($C1962,24)+1)/SUM(INDEX($D$3:$AA$30,INDEX(Jesper!$R$2:$R$366,ROW(INDEX(Jesper!AK$2:AK$366,ROUNDDOWN($C1962/24,0)+1,1))-1)+IF('Standard Profiles'!$G$21=$B$10,7,0)+IF('Standard Profiles'!$G$21=$B$17,14,0)+IF('Standard Profiles'!$G$21=$B$24,21,0),0)),0)</f>
        <v>0</v>
      </c>
      <c r="H1962" cm="1">
        <f t="array" ref="H1962">IFERROR(INDEX(Jesper!AL$2:AL$366,ROUNDDOWN($C1962/24,0)+1,1)*INDEX($D$3:$AA$30,INDEX(Jesper!$R$2:$R$366,ROW(INDEX(Jesper!AL$2:AL$366,ROUNDDOWN($C1962/24,0)+1,1))-1)+IF('Standard Profiles'!$G$22=$B$10,7,0)+IF('Standard Profiles'!$G$22=$B$17,14,0)+IF('Standard Profiles'!$G$22=$B$24,21,0),MOD($C1962,24)+1)/SUM(INDEX($D$3:$AA$30,INDEX(Jesper!$R$2:$R$366,ROW(INDEX(Jesper!AL$2:AL$366,ROUNDDOWN($C1962/24,0)+1,1))-1)+IF('Standard Profiles'!$G$22=$B$10,7,0)+IF('Standard Profiles'!$G$22=$B$17,14,0)+IF('Standard Profiles'!$G$22=$B$24,21,0),0)),0)</f>
        <v>0</v>
      </c>
      <c r="I1962">
        <f t="shared" si="230"/>
        <v>0.35023776788618122</v>
      </c>
      <c r="J1962">
        <f t="shared" si="231"/>
        <v>1.1674592262872707</v>
      </c>
      <c r="K1962">
        <f t="shared" si="232"/>
        <v>1.7511888394309061</v>
      </c>
      <c r="L1962">
        <f t="shared" si="233"/>
        <v>8.4057064292683492</v>
      </c>
      <c r="M1962">
        <f t="shared" si="234"/>
        <v>0</v>
      </c>
      <c r="N1962" s="46">
        <f t="shared" si="235"/>
        <v>45372.333333328657</v>
      </c>
    </row>
    <row r="1963" spans="2:14" x14ac:dyDescent="0.3">
      <c r="B1963">
        <f t="shared" si="229"/>
        <v>4</v>
      </c>
      <c r="C1963" s="16">
        <v>1929</v>
      </c>
      <c r="D1963" cm="1">
        <f t="array" ref="D1963">IFERROR(INDEX(Jesper!AH$2:AH$366,ROUNDDOWN($C1963/24,0)+1,1)*INDEX($D$3:$AA$30,INDEX(Jesper!$R$2:$R$366,ROW(INDEX(Jesper!AH$2:AH$366,ROUNDDOWN($C1963/24,0)+1,1))-1)+IF('Standard Profiles'!$G$18=$B$10,7,0)+IF('Standard Profiles'!$G$18=$B$17,14,0)+IF('Standard Profiles'!$G$18=$B$24,21,0),MOD($C1963,24)+1)/SUM(INDEX($D$3:$AA$30,INDEX(Jesper!$R$2:$R$366,ROW(INDEX(Jesper!AH$2:AH$366,ROUNDDOWN($C1963/24,0)+1,1))-1)+IF('Standard Profiles'!$G$18=$B$10,7,0)+IF('Standard Profiles'!$G$18=$B$17,14,0)+IF('Standard Profiles'!$G$18=$B$24,21,0),0)),0)</f>
        <v>12.545830491445297</v>
      </c>
      <c r="E1963" cm="1">
        <f t="array" ref="E1963">IFERROR(INDEX(Jesper!AI$2:AI$366,ROUNDDOWN($C1963/24,0)+1,1)*INDEX($D$3:$AA$30,INDEX(Jesper!$R$2:$R$366,ROW(INDEX(Jesper!AI$2:AI$366,ROUNDDOWN($C1963/24,0)+1,1))-1)+IF('Standard Profiles'!$G$19=$B$10,7,0)+IF('Standard Profiles'!$G$19=$B$17,14,0)+IF('Standard Profiles'!$G$19=$B$24,21,0),MOD($C1963,24)+1)/SUM(INDEX($D$3:$AA$30,INDEX(Jesper!$R$2:$R$366,ROW(INDEX(Jesper!AI$2:AI$366,ROUNDDOWN($C1963/24,0)+1,1))-1)+IF('Standard Profiles'!$G$19=$B$10,7,0)+IF('Standard Profiles'!$G$19=$B$17,14,0)+IF('Standard Profiles'!$G$19=$B$24,21,0),0)),0)</f>
        <v>0</v>
      </c>
      <c r="F1963" cm="1">
        <f t="array" ref="F1963">IFERROR(INDEX(Jesper!AJ$2:AJ$366,ROUNDDOWN($C1963/24,0)+1,1)*INDEX($D$3:$AA$30,INDEX(Jesper!$R$2:$R$366,ROW(INDEX(Jesper!AJ$2:AJ$366,ROUNDDOWN($C1963/24,0)+1,1))-1)+IF('Standard Profiles'!$G$20=$B$10,7,0)+IF('Standard Profiles'!$G$20=$B$17,14,0)+IF('Standard Profiles'!$G$20=$B$24,21,0),MOD($C1963,24)+1)/SUM(INDEX($D$3:$AA$30,INDEX(Jesper!$R$2:$R$366,ROW(INDEX(Jesper!AJ$2:AJ$366,ROUNDDOWN($C1963/24,0)+1,1))-1)+IF('Standard Profiles'!$G$20=$B$10,7,0)+IF('Standard Profiles'!$G$20=$B$17,14,0)+IF('Standard Profiles'!$G$20=$B$24,21,0),0)),0)</f>
        <v>0</v>
      </c>
      <c r="G1963" cm="1">
        <f t="array" ref="G1963">IFERROR(INDEX(Jesper!AK$2:AK$366,ROUNDDOWN($C1963/24,0)+1,1)*INDEX($D$3:$AA$30,INDEX(Jesper!$R$2:$R$366,ROW(INDEX(Jesper!AK$2:AK$366,ROUNDDOWN($C1963/24,0)+1,1))-1)+IF('Standard Profiles'!$G$21=$B$10,7,0)+IF('Standard Profiles'!$G$21=$B$17,14,0)+IF('Standard Profiles'!$G$21=$B$24,21,0),MOD($C1963,24)+1)/SUM(INDEX($D$3:$AA$30,INDEX(Jesper!$R$2:$R$366,ROW(INDEX(Jesper!AK$2:AK$366,ROUNDDOWN($C1963/24,0)+1,1))-1)+IF('Standard Profiles'!$G$21=$B$10,7,0)+IF('Standard Profiles'!$G$21=$B$17,14,0)+IF('Standard Profiles'!$G$21=$B$24,21,0),0)),0)</f>
        <v>0</v>
      </c>
      <c r="H1963" cm="1">
        <f t="array" ref="H1963">IFERROR(INDEX(Jesper!AL$2:AL$366,ROUNDDOWN($C1963/24,0)+1,1)*INDEX($D$3:$AA$30,INDEX(Jesper!$R$2:$R$366,ROW(INDEX(Jesper!AL$2:AL$366,ROUNDDOWN($C1963/24,0)+1,1))-1)+IF('Standard Profiles'!$G$22=$B$10,7,0)+IF('Standard Profiles'!$G$22=$B$17,14,0)+IF('Standard Profiles'!$G$22=$B$24,21,0),MOD($C1963,24)+1)/SUM(INDEX($D$3:$AA$30,INDEX(Jesper!$R$2:$R$366,ROW(INDEX(Jesper!AL$2:AL$366,ROUNDDOWN($C1963/24,0)+1,1))-1)+IF('Standard Profiles'!$G$22=$B$10,7,0)+IF('Standard Profiles'!$G$22=$B$17,14,0)+IF('Standard Profiles'!$G$22=$B$24,21,0),0)),0)</f>
        <v>0</v>
      </c>
      <c r="I1963">
        <f t="shared" si="230"/>
        <v>0.37637491474335893</v>
      </c>
      <c r="J1963">
        <f t="shared" si="231"/>
        <v>1.2545830491445298</v>
      </c>
      <c r="K1963">
        <f t="shared" si="232"/>
        <v>1.8818745737167946</v>
      </c>
      <c r="L1963">
        <f t="shared" si="233"/>
        <v>9.0329979538406135</v>
      </c>
      <c r="M1963">
        <f t="shared" si="234"/>
        <v>0</v>
      </c>
      <c r="N1963" s="46">
        <f t="shared" si="235"/>
        <v>45372.374999995322</v>
      </c>
    </row>
    <row r="1964" spans="2:14" x14ac:dyDescent="0.3">
      <c r="B1964">
        <f t="shared" si="229"/>
        <v>4</v>
      </c>
      <c r="C1964" s="16">
        <v>1930</v>
      </c>
      <c r="D1964" cm="1">
        <f t="array" ref="D1964">IFERROR(INDEX(Jesper!AH$2:AH$366,ROUNDDOWN($C1964/24,0)+1,1)*INDEX($D$3:$AA$30,INDEX(Jesper!$R$2:$R$366,ROW(INDEX(Jesper!AH$2:AH$366,ROUNDDOWN($C1964/24,0)+1,1))-1)+IF('Standard Profiles'!$G$18=$B$10,7,0)+IF('Standard Profiles'!$G$18=$B$17,14,0)+IF('Standard Profiles'!$G$18=$B$24,21,0),MOD($C1964,24)+1)/SUM(INDEX($D$3:$AA$30,INDEX(Jesper!$R$2:$R$366,ROW(INDEX(Jesper!AH$2:AH$366,ROUNDDOWN($C1964/24,0)+1,1))-1)+IF('Standard Profiles'!$G$18=$B$10,7,0)+IF('Standard Profiles'!$G$18=$B$17,14,0)+IF('Standard Profiles'!$G$18=$B$24,21,0),0)),0)</f>
        <v>13.591316365732403</v>
      </c>
      <c r="E1964" cm="1">
        <f t="array" ref="E1964">IFERROR(INDEX(Jesper!AI$2:AI$366,ROUNDDOWN($C1964/24,0)+1,1)*INDEX($D$3:$AA$30,INDEX(Jesper!$R$2:$R$366,ROW(INDEX(Jesper!AI$2:AI$366,ROUNDDOWN($C1964/24,0)+1,1))-1)+IF('Standard Profiles'!$G$19=$B$10,7,0)+IF('Standard Profiles'!$G$19=$B$17,14,0)+IF('Standard Profiles'!$G$19=$B$24,21,0),MOD($C1964,24)+1)/SUM(INDEX($D$3:$AA$30,INDEX(Jesper!$R$2:$R$366,ROW(INDEX(Jesper!AI$2:AI$366,ROUNDDOWN($C1964/24,0)+1,1))-1)+IF('Standard Profiles'!$G$19=$B$10,7,0)+IF('Standard Profiles'!$G$19=$B$17,14,0)+IF('Standard Profiles'!$G$19=$B$24,21,0),0)),0)</f>
        <v>0</v>
      </c>
      <c r="F1964" cm="1">
        <f t="array" ref="F1964">IFERROR(INDEX(Jesper!AJ$2:AJ$366,ROUNDDOWN($C1964/24,0)+1,1)*INDEX($D$3:$AA$30,INDEX(Jesper!$R$2:$R$366,ROW(INDEX(Jesper!AJ$2:AJ$366,ROUNDDOWN($C1964/24,0)+1,1))-1)+IF('Standard Profiles'!$G$20=$B$10,7,0)+IF('Standard Profiles'!$G$20=$B$17,14,0)+IF('Standard Profiles'!$G$20=$B$24,21,0),MOD($C1964,24)+1)/SUM(INDEX($D$3:$AA$30,INDEX(Jesper!$R$2:$R$366,ROW(INDEX(Jesper!AJ$2:AJ$366,ROUNDDOWN($C1964/24,0)+1,1))-1)+IF('Standard Profiles'!$G$20=$B$10,7,0)+IF('Standard Profiles'!$G$20=$B$17,14,0)+IF('Standard Profiles'!$G$20=$B$24,21,0),0)),0)</f>
        <v>0</v>
      </c>
      <c r="G1964" cm="1">
        <f t="array" ref="G1964">IFERROR(INDEX(Jesper!AK$2:AK$366,ROUNDDOWN($C1964/24,0)+1,1)*INDEX($D$3:$AA$30,INDEX(Jesper!$R$2:$R$366,ROW(INDEX(Jesper!AK$2:AK$366,ROUNDDOWN($C1964/24,0)+1,1))-1)+IF('Standard Profiles'!$G$21=$B$10,7,0)+IF('Standard Profiles'!$G$21=$B$17,14,0)+IF('Standard Profiles'!$G$21=$B$24,21,0),MOD($C1964,24)+1)/SUM(INDEX($D$3:$AA$30,INDEX(Jesper!$R$2:$R$366,ROW(INDEX(Jesper!AK$2:AK$366,ROUNDDOWN($C1964/24,0)+1,1))-1)+IF('Standard Profiles'!$G$21=$B$10,7,0)+IF('Standard Profiles'!$G$21=$B$17,14,0)+IF('Standard Profiles'!$G$21=$B$24,21,0),0)),0)</f>
        <v>0</v>
      </c>
      <c r="H1964" cm="1">
        <f t="array" ref="H1964">IFERROR(INDEX(Jesper!AL$2:AL$366,ROUNDDOWN($C1964/24,0)+1,1)*INDEX($D$3:$AA$30,INDEX(Jesper!$R$2:$R$366,ROW(INDEX(Jesper!AL$2:AL$366,ROUNDDOWN($C1964/24,0)+1,1))-1)+IF('Standard Profiles'!$G$22=$B$10,7,0)+IF('Standard Profiles'!$G$22=$B$17,14,0)+IF('Standard Profiles'!$G$22=$B$24,21,0),MOD($C1964,24)+1)/SUM(INDEX($D$3:$AA$30,INDEX(Jesper!$R$2:$R$366,ROW(INDEX(Jesper!AL$2:AL$366,ROUNDDOWN($C1964/24,0)+1,1))-1)+IF('Standard Profiles'!$G$22=$B$10,7,0)+IF('Standard Profiles'!$G$22=$B$17,14,0)+IF('Standard Profiles'!$G$22=$B$24,21,0),0)),0)</f>
        <v>0</v>
      </c>
      <c r="I1964">
        <f t="shared" si="230"/>
        <v>0.4077394909719721</v>
      </c>
      <c r="J1964">
        <f t="shared" si="231"/>
        <v>1.3591316365732404</v>
      </c>
      <c r="K1964">
        <f t="shared" si="232"/>
        <v>2.0386974548598604</v>
      </c>
      <c r="L1964">
        <f t="shared" si="233"/>
        <v>9.7857477833273308</v>
      </c>
      <c r="M1964">
        <f t="shared" si="234"/>
        <v>0</v>
      </c>
      <c r="N1964" s="46">
        <f t="shared" si="235"/>
        <v>45372.416666661986</v>
      </c>
    </row>
    <row r="1965" spans="2:14" x14ac:dyDescent="0.3">
      <c r="B1965">
        <f t="shared" si="229"/>
        <v>4</v>
      </c>
      <c r="C1965" s="16">
        <v>1931</v>
      </c>
      <c r="D1965" cm="1">
        <f t="array" ref="D1965">IFERROR(INDEX(Jesper!AH$2:AH$366,ROUNDDOWN($C1965/24,0)+1,1)*INDEX($D$3:$AA$30,INDEX(Jesper!$R$2:$R$366,ROW(INDEX(Jesper!AH$2:AH$366,ROUNDDOWN($C1965/24,0)+1,1))-1)+IF('Standard Profiles'!$G$18=$B$10,7,0)+IF('Standard Profiles'!$G$18=$B$17,14,0)+IF('Standard Profiles'!$G$18=$B$24,21,0),MOD($C1965,24)+1)/SUM(INDEX($D$3:$AA$30,INDEX(Jesper!$R$2:$R$366,ROW(INDEX(Jesper!AH$2:AH$366,ROUNDDOWN($C1965/24,0)+1,1))-1)+IF('Standard Profiles'!$G$18=$B$10,7,0)+IF('Standard Profiles'!$G$18=$B$17,14,0)+IF('Standard Profiles'!$G$18=$B$24,21,0),0)),0)</f>
        <v>15.682288114306619</v>
      </c>
      <c r="E1965" cm="1">
        <f t="array" ref="E1965">IFERROR(INDEX(Jesper!AI$2:AI$366,ROUNDDOWN($C1965/24,0)+1,1)*INDEX($D$3:$AA$30,INDEX(Jesper!$R$2:$R$366,ROW(INDEX(Jesper!AI$2:AI$366,ROUNDDOWN($C1965/24,0)+1,1))-1)+IF('Standard Profiles'!$G$19=$B$10,7,0)+IF('Standard Profiles'!$G$19=$B$17,14,0)+IF('Standard Profiles'!$G$19=$B$24,21,0),MOD($C1965,24)+1)/SUM(INDEX($D$3:$AA$30,INDEX(Jesper!$R$2:$R$366,ROW(INDEX(Jesper!AI$2:AI$366,ROUNDDOWN($C1965/24,0)+1,1))-1)+IF('Standard Profiles'!$G$19=$B$10,7,0)+IF('Standard Profiles'!$G$19=$B$17,14,0)+IF('Standard Profiles'!$G$19=$B$24,21,0),0)),0)</f>
        <v>0</v>
      </c>
      <c r="F1965" cm="1">
        <f t="array" ref="F1965">IFERROR(INDEX(Jesper!AJ$2:AJ$366,ROUNDDOWN($C1965/24,0)+1,1)*INDEX($D$3:$AA$30,INDEX(Jesper!$R$2:$R$366,ROW(INDEX(Jesper!AJ$2:AJ$366,ROUNDDOWN($C1965/24,0)+1,1))-1)+IF('Standard Profiles'!$G$20=$B$10,7,0)+IF('Standard Profiles'!$G$20=$B$17,14,0)+IF('Standard Profiles'!$G$20=$B$24,21,0),MOD($C1965,24)+1)/SUM(INDEX($D$3:$AA$30,INDEX(Jesper!$R$2:$R$366,ROW(INDEX(Jesper!AJ$2:AJ$366,ROUNDDOWN($C1965/24,0)+1,1))-1)+IF('Standard Profiles'!$G$20=$B$10,7,0)+IF('Standard Profiles'!$G$20=$B$17,14,0)+IF('Standard Profiles'!$G$20=$B$24,21,0),0)),0)</f>
        <v>0</v>
      </c>
      <c r="G1965" cm="1">
        <f t="array" ref="G1965">IFERROR(INDEX(Jesper!AK$2:AK$366,ROUNDDOWN($C1965/24,0)+1,1)*INDEX($D$3:$AA$30,INDEX(Jesper!$R$2:$R$366,ROW(INDEX(Jesper!AK$2:AK$366,ROUNDDOWN($C1965/24,0)+1,1))-1)+IF('Standard Profiles'!$G$21=$B$10,7,0)+IF('Standard Profiles'!$G$21=$B$17,14,0)+IF('Standard Profiles'!$G$21=$B$24,21,0),MOD($C1965,24)+1)/SUM(INDEX($D$3:$AA$30,INDEX(Jesper!$R$2:$R$366,ROW(INDEX(Jesper!AK$2:AK$366,ROUNDDOWN($C1965/24,0)+1,1))-1)+IF('Standard Profiles'!$G$21=$B$10,7,0)+IF('Standard Profiles'!$G$21=$B$17,14,0)+IF('Standard Profiles'!$G$21=$B$24,21,0),0)),0)</f>
        <v>0</v>
      </c>
      <c r="H1965" cm="1">
        <f t="array" ref="H1965">IFERROR(INDEX(Jesper!AL$2:AL$366,ROUNDDOWN($C1965/24,0)+1,1)*INDEX($D$3:$AA$30,INDEX(Jesper!$R$2:$R$366,ROW(INDEX(Jesper!AL$2:AL$366,ROUNDDOWN($C1965/24,0)+1,1))-1)+IF('Standard Profiles'!$G$22=$B$10,7,0)+IF('Standard Profiles'!$G$22=$B$17,14,0)+IF('Standard Profiles'!$G$22=$B$24,21,0),MOD($C1965,24)+1)/SUM(INDEX($D$3:$AA$30,INDEX(Jesper!$R$2:$R$366,ROW(INDEX(Jesper!AL$2:AL$366,ROUNDDOWN($C1965/24,0)+1,1))-1)+IF('Standard Profiles'!$G$22=$B$10,7,0)+IF('Standard Profiles'!$G$22=$B$17,14,0)+IF('Standard Profiles'!$G$22=$B$24,21,0),0)),0)</f>
        <v>0</v>
      </c>
      <c r="I1965">
        <f t="shared" si="230"/>
        <v>0.47046864342919853</v>
      </c>
      <c r="J1965">
        <f t="shared" si="231"/>
        <v>1.568228811430662</v>
      </c>
      <c r="K1965">
        <f t="shared" si="232"/>
        <v>2.3523432171459926</v>
      </c>
      <c r="L1965">
        <f t="shared" si="233"/>
        <v>11.291247442300765</v>
      </c>
      <c r="M1965">
        <f t="shared" si="234"/>
        <v>0</v>
      </c>
      <c r="N1965" s="46">
        <f t="shared" si="235"/>
        <v>45372.45833332865</v>
      </c>
    </row>
    <row r="1966" spans="2:14" x14ac:dyDescent="0.3">
      <c r="B1966">
        <f t="shared" si="229"/>
        <v>4</v>
      </c>
      <c r="C1966" s="16">
        <v>1932</v>
      </c>
      <c r="D1966" cm="1">
        <f t="array" ref="D1966">IFERROR(INDEX(Jesper!AH$2:AH$366,ROUNDDOWN($C1966/24,0)+1,1)*INDEX($D$3:$AA$30,INDEX(Jesper!$R$2:$R$366,ROW(INDEX(Jesper!AH$2:AH$366,ROUNDDOWN($C1966/24,0)+1,1))-1)+IF('Standard Profiles'!$G$18=$B$10,7,0)+IF('Standard Profiles'!$G$18=$B$17,14,0)+IF('Standard Profiles'!$G$18=$B$24,21,0),MOD($C1966,24)+1)/SUM(INDEX($D$3:$AA$30,INDEX(Jesper!$R$2:$R$366,ROW(INDEX(Jesper!AH$2:AH$366,ROUNDDOWN($C1966/24,0)+1,1))-1)+IF('Standard Profiles'!$G$18=$B$10,7,0)+IF('Standard Profiles'!$G$18=$B$17,14,0)+IF('Standard Profiles'!$G$18=$B$24,21,0),0)),0)</f>
        <v>15.682288114306619</v>
      </c>
      <c r="E1966" cm="1">
        <f t="array" ref="E1966">IFERROR(INDEX(Jesper!AI$2:AI$366,ROUNDDOWN($C1966/24,0)+1,1)*INDEX($D$3:$AA$30,INDEX(Jesper!$R$2:$R$366,ROW(INDEX(Jesper!AI$2:AI$366,ROUNDDOWN($C1966/24,0)+1,1))-1)+IF('Standard Profiles'!$G$19=$B$10,7,0)+IF('Standard Profiles'!$G$19=$B$17,14,0)+IF('Standard Profiles'!$G$19=$B$24,21,0),MOD($C1966,24)+1)/SUM(INDEX($D$3:$AA$30,INDEX(Jesper!$R$2:$R$366,ROW(INDEX(Jesper!AI$2:AI$366,ROUNDDOWN($C1966/24,0)+1,1))-1)+IF('Standard Profiles'!$G$19=$B$10,7,0)+IF('Standard Profiles'!$G$19=$B$17,14,0)+IF('Standard Profiles'!$G$19=$B$24,21,0),0)),0)</f>
        <v>0</v>
      </c>
      <c r="F1966" cm="1">
        <f t="array" ref="F1966">IFERROR(INDEX(Jesper!AJ$2:AJ$366,ROUNDDOWN($C1966/24,0)+1,1)*INDEX($D$3:$AA$30,INDEX(Jesper!$R$2:$R$366,ROW(INDEX(Jesper!AJ$2:AJ$366,ROUNDDOWN($C1966/24,0)+1,1))-1)+IF('Standard Profiles'!$G$20=$B$10,7,0)+IF('Standard Profiles'!$G$20=$B$17,14,0)+IF('Standard Profiles'!$G$20=$B$24,21,0),MOD($C1966,24)+1)/SUM(INDEX($D$3:$AA$30,INDEX(Jesper!$R$2:$R$366,ROW(INDEX(Jesper!AJ$2:AJ$366,ROUNDDOWN($C1966/24,0)+1,1))-1)+IF('Standard Profiles'!$G$20=$B$10,7,0)+IF('Standard Profiles'!$G$20=$B$17,14,0)+IF('Standard Profiles'!$G$20=$B$24,21,0),0)),0)</f>
        <v>0</v>
      </c>
      <c r="G1966" cm="1">
        <f t="array" ref="G1966">IFERROR(INDEX(Jesper!AK$2:AK$366,ROUNDDOWN($C1966/24,0)+1,1)*INDEX($D$3:$AA$30,INDEX(Jesper!$R$2:$R$366,ROW(INDEX(Jesper!AK$2:AK$366,ROUNDDOWN($C1966/24,0)+1,1))-1)+IF('Standard Profiles'!$G$21=$B$10,7,0)+IF('Standard Profiles'!$G$21=$B$17,14,0)+IF('Standard Profiles'!$G$21=$B$24,21,0),MOD($C1966,24)+1)/SUM(INDEX($D$3:$AA$30,INDEX(Jesper!$R$2:$R$366,ROW(INDEX(Jesper!AK$2:AK$366,ROUNDDOWN($C1966/24,0)+1,1))-1)+IF('Standard Profiles'!$G$21=$B$10,7,0)+IF('Standard Profiles'!$G$21=$B$17,14,0)+IF('Standard Profiles'!$G$21=$B$24,21,0),0)),0)</f>
        <v>0</v>
      </c>
      <c r="H1966" cm="1">
        <f t="array" ref="H1966">IFERROR(INDEX(Jesper!AL$2:AL$366,ROUNDDOWN($C1966/24,0)+1,1)*INDEX($D$3:$AA$30,INDEX(Jesper!$R$2:$R$366,ROW(INDEX(Jesper!AL$2:AL$366,ROUNDDOWN($C1966/24,0)+1,1))-1)+IF('Standard Profiles'!$G$22=$B$10,7,0)+IF('Standard Profiles'!$G$22=$B$17,14,0)+IF('Standard Profiles'!$G$22=$B$24,21,0),MOD($C1966,24)+1)/SUM(INDEX($D$3:$AA$30,INDEX(Jesper!$R$2:$R$366,ROW(INDEX(Jesper!AL$2:AL$366,ROUNDDOWN($C1966/24,0)+1,1))-1)+IF('Standard Profiles'!$G$22=$B$10,7,0)+IF('Standard Profiles'!$G$22=$B$17,14,0)+IF('Standard Profiles'!$G$22=$B$24,21,0),0)),0)</f>
        <v>0</v>
      </c>
      <c r="I1966">
        <f t="shared" si="230"/>
        <v>0.47046864342919853</v>
      </c>
      <c r="J1966">
        <f t="shared" si="231"/>
        <v>1.568228811430662</v>
      </c>
      <c r="K1966">
        <f t="shared" si="232"/>
        <v>2.3523432171459926</v>
      </c>
      <c r="L1966">
        <f t="shared" si="233"/>
        <v>11.291247442300765</v>
      </c>
      <c r="M1966">
        <f t="shared" si="234"/>
        <v>0</v>
      </c>
      <c r="N1966" s="46">
        <f t="shared" si="235"/>
        <v>45372.499999995314</v>
      </c>
    </row>
    <row r="1967" spans="2:14" x14ac:dyDescent="0.3">
      <c r="B1967">
        <f t="shared" si="229"/>
        <v>4</v>
      </c>
      <c r="C1967" s="16">
        <v>1933</v>
      </c>
      <c r="D1967" cm="1">
        <f t="array" ref="D1967">IFERROR(INDEX(Jesper!AH$2:AH$366,ROUNDDOWN($C1967/24,0)+1,1)*INDEX($D$3:$AA$30,INDEX(Jesper!$R$2:$R$366,ROW(INDEX(Jesper!AH$2:AH$366,ROUNDDOWN($C1967/24,0)+1,1))-1)+IF('Standard Profiles'!$G$18=$B$10,7,0)+IF('Standard Profiles'!$G$18=$B$17,14,0)+IF('Standard Profiles'!$G$18=$B$24,21,0),MOD($C1967,24)+1)/SUM(INDEX($D$3:$AA$30,INDEX(Jesper!$R$2:$R$366,ROW(INDEX(Jesper!AH$2:AH$366,ROUNDDOWN($C1967/24,0)+1,1))-1)+IF('Standard Profiles'!$G$18=$B$10,7,0)+IF('Standard Profiles'!$G$18=$B$17,14,0)+IF('Standard Profiles'!$G$18=$B$24,21,0),0)),0)</f>
        <v>15.682288114306619</v>
      </c>
      <c r="E1967" cm="1">
        <f t="array" ref="E1967">IFERROR(INDEX(Jesper!AI$2:AI$366,ROUNDDOWN($C1967/24,0)+1,1)*INDEX($D$3:$AA$30,INDEX(Jesper!$R$2:$R$366,ROW(INDEX(Jesper!AI$2:AI$366,ROUNDDOWN($C1967/24,0)+1,1))-1)+IF('Standard Profiles'!$G$19=$B$10,7,0)+IF('Standard Profiles'!$G$19=$B$17,14,0)+IF('Standard Profiles'!$G$19=$B$24,21,0),MOD($C1967,24)+1)/SUM(INDEX($D$3:$AA$30,INDEX(Jesper!$R$2:$R$366,ROW(INDEX(Jesper!AI$2:AI$366,ROUNDDOWN($C1967/24,0)+1,1))-1)+IF('Standard Profiles'!$G$19=$B$10,7,0)+IF('Standard Profiles'!$G$19=$B$17,14,0)+IF('Standard Profiles'!$G$19=$B$24,21,0),0)),0)</f>
        <v>0</v>
      </c>
      <c r="F1967" cm="1">
        <f t="array" ref="F1967">IFERROR(INDEX(Jesper!AJ$2:AJ$366,ROUNDDOWN($C1967/24,0)+1,1)*INDEX($D$3:$AA$30,INDEX(Jesper!$R$2:$R$366,ROW(INDEX(Jesper!AJ$2:AJ$366,ROUNDDOWN($C1967/24,0)+1,1))-1)+IF('Standard Profiles'!$G$20=$B$10,7,0)+IF('Standard Profiles'!$G$20=$B$17,14,0)+IF('Standard Profiles'!$G$20=$B$24,21,0),MOD($C1967,24)+1)/SUM(INDEX($D$3:$AA$30,INDEX(Jesper!$R$2:$R$366,ROW(INDEX(Jesper!AJ$2:AJ$366,ROUNDDOWN($C1967/24,0)+1,1))-1)+IF('Standard Profiles'!$G$20=$B$10,7,0)+IF('Standard Profiles'!$G$20=$B$17,14,0)+IF('Standard Profiles'!$G$20=$B$24,21,0),0)),0)</f>
        <v>0</v>
      </c>
      <c r="G1967" cm="1">
        <f t="array" ref="G1967">IFERROR(INDEX(Jesper!AK$2:AK$366,ROUNDDOWN($C1967/24,0)+1,1)*INDEX($D$3:$AA$30,INDEX(Jesper!$R$2:$R$366,ROW(INDEX(Jesper!AK$2:AK$366,ROUNDDOWN($C1967/24,0)+1,1))-1)+IF('Standard Profiles'!$G$21=$B$10,7,0)+IF('Standard Profiles'!$G$21=$B$17,14,0)+IF('Standard Profiles'!$G$21=$B$24,21,0),MOD($C1967,24)+1)/SUM(INDEX($D$3:$AA$30,INDEX(Jesper!$R$2:$R$366,ROW(INDEX(Jesper!AK$2:AK$366,ROUNDDOWN($C1967/24,0)+1,1))-1)+IF('Standard Profiles'!$G$21=$B$10,7,0)+IF('Standard Profiles'!$G$21=$B$17,14,0)+IF('Standard Profiles'!$G$21=$B$24,21,0),0)),0)</f>
        <v>0</v>
      </c>
      <c r="H1967" cm="1">
        <f t="array" ref="H1967">IFERROR(INDEX(Jesper!AL$2:AL$366,ROUNDDOWN($C1967/24,0)+1,1)*INDEX($D$3:$AA$30,INDEX(Jesper!$R$2:$R$366,ROW(INDEX(Jesper!AL$2:AL$366,ROUNDDOWN($C1967/24,0)+1,1))-1)+IF('Standard Profiles'!$G$22=$B$10,7,0)+IF('Standard Profiles'!$G$22=$B$17,14,0)+IF('Standard Profiles'!$G$22=$B$24,21,0),MOD($C1967,24)+1)/SUM(INDEX($D$3:$AA$30,INDEX(Jesper!$R$2:$R$366,ROW(INDEX(Jesper!AL$2:AL$366,ROUNDDOWN($C1967/24,0)+1,1))-1)+IF('Standard Profiles'!$G$22=$B$10,7,0)+IF('Standard Profiles'!$G$22=$B$17,14,0)+IF('Standard Profiles'!$G$22=$B$24,21,0),0)),0)</f>
        <v>0</v>
      </c>
      <c r="I1967">
        <f t="shared" si="230"/>
        <v>0.47046864342919853</v>
      </c>
      <c r="J1967">
        <f t="shared" si="231"/>
        <v>1.568228811430662</v>
      </c>
      <c r="K1967">
        <f t="shared" si="232"/>
        <v>2.3523432171459926</v>
      </c>
      <c r="L1967">
        <f t="shared" si="233"/>
        <v>11.291247442300765</v>
      </c>
      <c r="M1967">
        <f t="shared" si="234"/>
        <v>0</v>
      </c>
      <c r="N1967" s="46">
        <f t="shared" si="235"/>
        <v>45372.541666661979</v>
      </c>
    </row>
    <row r="1968" spans="2:14" x14ac:dyDescent="0.3">
      <c r="B1968">
        <f t="shared" si="229"/>
        <v>4</v>
      </c>
      <c r="C1968" s="16">
        <v>1934</v>
      </c>
      <c r="D1968" cm="1">
        <f t="array" ref="D1968">IFERROR(INDEX(Jesper!AH$2:AH$366,ROUNDDOWN($C1968/24,0)+1,1)*INDEX($D$3:$AA$30,INDEX(Jesper!$R$2:$R$366,ROW(INDEX(Jesper!AH$2:AH$366,ROUNDDOWN($C1968/24,0)+1,1))-1)+IF('Standard Profiles'!$G$18=$B$10,7,0)+IF('Standard Profiles'!$G$18=$B$17,14,0)+IF('Standard Profiles'!$G$18=$B$24,21,0),MOD($C1968,24)+1)/SUM(INDEX($D$3:$AA$30,INDEX(Jesper!$R$2:$R$366,ROW(INDEX(Jesper!AH$2:AH$366,ROUNDDOWN($C1968/24,0)+1,1))-1)+IF('Standard Profiles'!$G$18=$B$10,7,0)+IF('Standard Profiles'!$G$18=$B$17,14,0)+IF('Standard Profiles'!$G$18=$B$24,21,0),0)),0)</f>
        <v>15.682288114306619</v>
      </c>
      <c r="E1968" cm="1">
        <f t="array" ref="E1968">IFERROR(INDEX(Jesper!AI$2:AI$366,ROUNDDOWN($C1968/24,0)+1,1)*INDEX($D$3:$AA$30,INDEX(Jesper!$R$2:$R$366,ROW(INDEX(Jesper!AI$2:AI$366,ROUNDDOWN($C1968/24,0)+1,1))-1)+IF('Standard Profiles'!$G$19=$B$10,7,0)+IF('Standard Profiles'!$G$19=$B$17,14,0)+IF('Standard Profiles'!$G$19=$B$24,21,0),MOD($C1968,24)+1)/SUM(INDEX($D$3:$AA$30,INDEX(Jesper!$R$2:$R$366,ROW(INDEX(Jesper!AI$2:AI$366,ROUNDDOWN($C1968/24,0)+1,1))-1)+IF('Standard Profiles'!$G$19=$B$10,7,0)+IF('Standard Profiles'!$G$19=$B$17,14,0)+IF('Standard Profiles'!$G$19=$B$24,21,0),0)),0)</f>
        <v>0</v>
      </c>
      <c r="F1968" cm="1">
        <f t="array" ref="F1968">IFERROR(INDEX(Jesper!AJ$2:AJ$366,ROUNDDOWN($C1968/24,0)+1,1)*INDEX($D$3:$AA$30,INDEX(Jesper!$R$2:$R$366,ROW(INDEX(Jesper!AJ$2:AJ$366,ROUNDDOWN($C1968/24,0)+1,1))-1)+IF('Standard Profiles'!$G$20=$B$10,7,0)+IF('Standard Profiles'!$G$20=$B$17,14,0)+IF('Standard Profiles'!$G$20=$B$24,21,0),MOD($C1968,24)+1)/SUM(INDEX($D$3:$AA$30,INDEX(Jesper!$R$2:$R$366,ROW(INDEX(Jesper!AJ$2:AJ$366,ROUNDDOWN($C1968/24,0)+1,1))-1)+IF('Standard Profiles'!$G$20=$B$10,7,0)+IF('Standard Profiles'!$G$20=$B$17,14,0)+IF('Standard Profiles'!$G$20=$B$24,21,0),0)),0)</f>
        <v>0</v>
      </c>
      <c r="G1968" cm="1">
        <f t="array" ref="G1968">IFERROR(INDEX(Jesper!AK$2:AK$366,ROUNDDOWN($C1968/24,0)+1,1)*INDEX($D$3:$AA$30,INDEX(Jesper!$R$2:$R$366,ROW(INDEX(Jesper!AK$2:AK$366,ROUNDDOWN($C1968/24,0)+1,1))-1)+IF('Standard Profiles'!$G$21=$B$10,7,0)+IF('Standard Profiles'!$G$21=$B$17,14,0)+IF('Standard Profiles'!$G$21=$B$24,21,0),MOD($C1968,24)+1)/SUM(INDEX($D$3:$AA$30,INDEX(Jesper!$R$2:$R$366,ROW(INDEX(Jesper!AK$2:AK$366,ROUNDDOWN($C1968/24,0)+1,1))-1)+IF('Standard Profiles'!$G$21=$B$10,7,0)+IF('Standard Profiles'!$G$21=$B$17,14,0)+IF('Standard Profiles'!$G$21=$B$24,21,0),0)),0)</f>
        <v>0</v>
      </c>
      <c r="H1968" cm="1">
        <f t="array" ref="H1968">IFERROR(INDEX(Jesper!AL$2:AL$366,ROUNDDOWN($C1968/24,0)+1,1)*INDEX($D$3:$AA$30,INDEX(Jesper!$R$2:$R$366,ROW(INDEX(Jesper!AL$2:AL$366,ROUNDDOWN($C1968/24,0)+1,1))-1)+IF('Standard Profiles'!$G$22=$B$10,7,0)+IF('Standard Profiles'!$G$22=$B$17,14,0)+IF('Standard Profiles'!$G$22=$B$24,21,0),MOD($C1968,24)+1)/SUM(INDEX($D$3:$AA$30,INDEX(Jesper!$R$2:$R$366,ROW(INDEX(Jesper!AL$2:AL$366,ROUNDDOWN($C1968/24,0)+1,1))-1)+IF('Standard Profiles'!$G$22=$B$10,7,0)+IF('Standard Profiles'!$G$22=$B$17,14,0)+IF('Standard Profiles'!$G$22=$B$24,21,0),0)),0)</f>
        <v>0</v>
      </c>
      <c r="I1968">
        <f t="shared" si="230"/>
        <v>0.47046864342919853</v>
      </c>
      <c r="J1968">
        <f t="shared" si="231"/>
        <v>1.568228811430662</v>
      </c>
      <c r="K1968">
        <f t="shared" si="232"/>
        <v>2.3523432171459926</v>
      </c>
      <c r="L1968">
        <f t="shared" si="233"/>
        <v>11.291247442300765</v>
      </c>
      <c r="M1968">
        <f t="shared" si="234"/>
        <v>0</v>
      </c>
      <c r="N1968" s="46">
        <f t="shared" si="235"/>
        <v>45372.583333328643</v>
      </c>
    </row>
    <row r="1969" spans="2:14" x14ac:dyDescent="0.3">
      <c r="B1969">
        <f t="shared" si="229"/>
        <v>4</v>
      </c>
      <c r="C1969" s="16">
        <v>1935</v>
      </c>
      <c r="D1969" cm="1">
        <f t="array" ref="D1969">IFERROR(INDEX(Jesper!AH$2:AH$366,ROUNDDOWN($C1969/24,0)+1,1)*INDEX($D$3:$AA$30,INDEX(Jesper!$R$2:$R$366,ROW(INDEX(Jesper!AH$2:AH$366,ROUNDDOWN($C1969/24,0)+1,1))-1)+IF('Standard Profiles'!$G$18=$B$10,7,0)+IF('Standard Profiles'!$G$18=$B$17,14,0)+IF('Standard Profiles'!$G$18=$B$24,21,0),MOD($C1969,24)+1)/SUM(INDEX($D$3:$AA$30,INDEX(Jesper!$R$2:$R$366,ROW(INDEX(Jesper!AH$2:AH$366,ROUNDDOWN($C1969/24,0)+1,1))-1)+IF('Standard Profiles'!$G$18=$B$10,7,0)+IF('Standard Profiles'!$G$18=$B$17,14,0)+IF('Standard Profiles'!$G$18=$B$24,21,0),0)),0)</f>
        <v>15.682288114306619</v>
      </c>
      <c r="E1969" cm="1">
        <f t="array" ref="E1969">IFERROR(INDEX(Jesper!AI$2:AI$366,ROUNDDOWN($C1969/24,0)+1,1)*INDEX($D$3:$AA$30,INDEX(Jesper!$R$2:$R$366,ROW(INDEX(Jesper!AI$2:AI$366,ROUNDDOWN($C1969/24,0)+1,1))-1)+IF('Standard Profiles'!$G$19=$B$10,7,0)+IF('Standard Profiles'!$G$19=$B$17,14,0)+IF('Standard Profiles'!$G$19=$B$24,21,0),MOD($C1969,24)+1)/SUM(INDEX($D$3:$AA$30,INDEX(Jesper!$R$2:$R$366,ROW(INDEX(Jesper!AI$2:AI$366,ROUNDDOWN($C1969/24,0)+1,1))-1)+IF('Standard Profiles'!$G$19=$B$10,7,0)+IF('Standard Profiles'!$G$19=$B$17,14,0)+IF('Standard Profiles'!$G$19=$B$24,21,0),0)),0)</f>
        <v>0</v>
      </c>
      <c r="F1969" cm="1">
        <f t="array" ref="F1969">IFERROR(INDEX(Jesper!AJ$2:AJ$366,ROUNDDOWN($C1969/24,0)+1,1)*INDEX($D$3:$AA$30,INDEX(Jesper!$R$2:$R$366,ROW(INDEX(Jesper!AJ$2:AJ$366,ROUNDDOWN($C1969/24,0)+1,1))-1)+IF('Standard Profiles'!$G$20=$B$10,7,0)+IF('Standard Profiles'!$G$20=$B$17,14,0)+IF('Standard Profiles'!$G$20=$B$24,21,0),MOD($C1969,24)+1)/SUM(INDEX($D$3:$AA$30,INDEX(Jesper!$R$2:$R$366,ROW(INDEX(Jesper!AJ$2:AJ$366,ROUNDDOWN($C1969/24,0)+1,1))-1)+IF('Standard Profiles'!$G$20=$B$10,7,0)+IF('Standard Profiles'!$G$20=$B$17,14,0)+IF('Standard Profiles'!$G$20=$B$24,21,0),0)),0)</f>
        <v>0</v>
      </c>
      <c r="G1969" cm="1">
        <f t="array" ref="G1969">IFERROR(INDEX(Jesper!AK$2:AK$366,ROUNDDOWN($C1969/24,0)+1,1)*INDEX($D$3:$AA$30,INDEX(Jesper!$R$2:$R$366,ROW(INDEX(Jesper!AK$2:AK$366,ROUNDDOWN($C1969/24,0)+1,1))-1)+IF('Standard Profiles'!$G$21=$B$10,7,0)+IF('Standard Profiles'!$G$21=$B$17,14,0)+IF('Standard Profiles'!$G$21=$B$24,21,0),MOD($C1969,24)+1)/SUM(INDEX($D$3:$AA$30,INDEX(Jesper!$R$2:$R$366,ROW(INDEX(Jesper!AK$2:AK$366,ROUNDDOWN($C1969/24,0)+1,1))-1)+IF('Standard Profiles'!$G$21=$B$10,7,0)+IF('Standard Profiles'!$G$21=$B$17,14,0)+IF('Standard Profiles'!$G$21=$B$24,21,0),0)),0)</f>
        <v>0</v>
      </c>
      <c r="H1969" cm="1">
        <f t="array" ref="H1969">IFERROR(INDEX(Jesper!AL$2:AL$366,ROUNDDOWN($C1969/24,0)+1,1)*INDEX($D$3:$AA$30,INDEX(Jesper!$R$2:$R$366,ROW(INDEX(Jesper!AL$2:AL$366,ROUNDDOWN($C1969/24,0)+1,1))-1)+IF('Standard Profiles'!$G$22=$B$10,7,0)+IF('Standard Profiles'!$G$22=$B$17,14,0)+IF('Standard Profiles'!$G$22=$B$24,21,0),MOD($C1969,24)+1)/SUM(INDEX($D$3:$AA$30,INDEX(Jesper!$R$2:$R$366,ROW(INDEX(Jesper!AL$2:AL$366,ROUNDDOWN($C1969/24,0)+1,1))-1)+IF('Standard Profiles'!$G$22=$B$10,7,0)+IF('Standard Profiles'!$G$22=$B$17,14,0)+IF('Standard Profiles'!$G$22=$B$24,21,0),0)),0)</f>
        <v>0</v>
      </c>
      <c r="I1969">
        <f t="shared" si="230"/>
        <v>0.47046864342919853</v>
      </c>
      <c r="J1969">
        <f t="shared" si="231"/>
        <v>1.568228811430662</v>
      </c>
      <c r="K1969">
        <f t="shared" si="232"/>
        <v>2.3523432171459926</v>
      </c>
      <c r="L1969">
        <f t="shared" si="233"/>
        <v>11.291247442300765</v>
      </c>
      <c r="M1969">
        <f t="shared" si="234"/>
        <v>0</v>
      </c>
      <c r="N1969" s="46">
        <f t="shared" si="235"/>
        <v>45372.624999995307</v>
      </c>
    </row>
    <row r="1970" spans="2:14" x14ac:dyDescent="0.3">
      <c r="B1970">
        <f t="shared" si="229"/>
        <v>4</v>
      </c>
      <c r="C1970" s="16">
        <v>1936</v>
      </c>
      <c r="D1970" cm="1">
        <f t="array" ref="D1970">IFERROR(INDEX(Jesper!AH$2:AH$366,ROUNDDOWN($C1970/24,0)+1,1)*INDEX($D$3:$AA$30,INDEX(Jesper!$R$2:$R$366,ROW(INDEX(Jesper!AH$2:AH$366,ROUNDDOWN($C1970/24,0)+1,1))-1)+IF('Standard Profiles'!$G$18=$B$10,7,0)+IF('Standard Profiles'!$G$18=$B$17,14,0)+IF('Standard Profiles'!$G$18=$B$24,21,0),MOD($C1970,24)+1)/SUM(INDEX($D$3:$AA$30,INDEX(Jesper!$R$2:$R$366,ROW(INDEX(Jesper!AH$2:AH$366,ROUNDDOWN($C1970/24,0)+1,1))-1)+IF('Standard Profiles'!$G$18=$B$10,7,0)+IF('Standard Profiles'!$G$18=$B$17,14,0)+IF('Standard Profiles'!$G$18=$B$24,21,0),0)),0)</f>
        <v>15.682288114306619</v>
      </c>
      <c r="E1970" cm="1">
        <f t="array" ref="E1970">IFERROR(INDEX(Jesper!AI$2:AI$366,ROUNDDOWN($C1970/24,0)+1,1)*INDEX($D$3:$AA$30,INDEX(Jesper!$R$2:$R$366,ROW(INDEX(Jesper!AI$2:AI$366,ROUNDDOWN($C1970/24,0)+1,1))-1)+IF('Standard Profiles'!$G$19=$B$10,7,0)+IF('Standard Profiles'!$G$19=$B$17,14,0)+IF('Standard Profiles'!$G$19=$B$24,21,0),MOD($C1970,24)+1)/SUM(INDEX($D$3:$AA$30,INDEX(Jesper!$R$2:$R$366,ROW(INDEX(Jesper!AI$2:AI$366,ROUNDDOWN($C1970/24,0)+1,1))-1)+IF('Standard Profiles'!$G$19=$B$10,7,0)+IF('Standard Profiles'!$G$19=$B$17,14,0)+IF('Standard Profiles'!$G$19=$B$24,21,0),0)),0)</f>
        <v>0</v>
      </c>
      <c r="F1970" cm="1">
        <f t="array" ref="F1970">IFERROR(INDEX(Jesper!AJ$2:AJ$366,ROUNDDOWN($C1970/24,0)+1,1)*INDEX($D$3:$AA$30,INDEX(Jesper!$R$2:$R$366,ROW(INDEX(Jesper!AJ$2:AJ$366,ROUNDDOWN($C1970/24,0)+1,1))-1)+IF('Standard Profiles'!$G$20=$B$10,7,0)+IF('Standard Profiles'!$G$20=$B$17,14,0)+IF('Standard Profiles'!$G$20=$B$24,21,0),MOD($C1970,24)+1)/SUM(INDEX($D$3:$AA$30,INDEX(Jesper!$R$2:$R$366,ROW(INDEX(Jesper!AJ$2:AJ$366,ROUNDDOWN($C1970/24,0)+1,1))-1)+IF('Standard Profiles'!$G$20=$B$10,7,0)+IF('Standard Profiles'!$G$20=$B$17,14,0)+IF('Standard Profiles'!$G$20=$B$24,21,0),0)),0)</f>
        <v>0</v>
      </c>
      <c r="G1970" cm="1">
        <f t="array" ref="G1970">IFERROR(INDEX(Jesper!AK$2:AK$366,ROUNDDOWN($C1970/24,0)+1,1)*INDEX($D$3:$AA$30,INDEX(Jesper!$R$2:$R$366,ROW(INDEX(Jesper!AK$2:AK$366,ROUNDDOWN($C1970/24,0)+1,1))-1)+IF('Standard Profiles'!$G$21=$B$10,7,0)+IF('Standard Profiles'!$G$21=$B$17,14,0)+IF('Standard Profiles'!$G$21=$B$24,21,0),MOD($C1970,24)+1)/SUM(INDEX($D$3:$AA$30,INDEX(Jesper!$R$2:$R$366,ROW(INDEX(Jesper!AK$2:AK$366,ROUNDDOWN($C1970/24,0)+1,1))-1)+IF('Standard Profiles'!$G$21=$B$10,7,0)+IF('Standard Profiles'!$G$21=$B$17,14,0)+IF('Standard Profiles'!$G$21=$B$24,21,0),0)),0)</f>
        <v>0</v>
      </c>
      <c r="H1970" cm="1">
        <f t="array" ref="H1970">IFERROR(INDEX(Jesper!AL$2:AL$366,ROUNDDOWN($C1970/24,0)+1,1)*INDEX($D$3:$AA$30,INDEX(Jesper!$R$2:$R$366,ROW(INDEX(Jesper!AL$2:AL$366,ROUNDDOWN($C1970/24,0)+1,1))-1)+IF('Standard Profiles'!$G$22=$B$10,7,0)+IF('Standard Profiles'!$G$22=$B$17,14,0)+IF('Standard Profiles'!$G$22=$B$24,21,0),MOD($C1970,24)+1)/SUM(INDEX($D$3:$AA$30,INDEX(Jesper!$R$2:$R$366,ROW(INDEX(Jesper!AL$2:AL$366,ROUNDDOWN($C1970/24,0)+1,1))-1)+IF('Standard Profiles'!$G$22=$B$10,7,0)+IF('Standard Profiles'!$G$22=$B$17,14,0)+IF('Standard Profiles'!$G$22=$B$24,21,0),0)),0)</f>
        <v>0</v>
      </c>
      <c r="I1970">
        <f t="shared" si="230"/>
        <v>0.47046864342919853</v>
      </c>
      <c r="J1970">
        <f t="shared" si="231"/>
        <v>1.568228811430662</v>
      </c>
      <c r="K1970">
        <f t="shared" si="232"/>
        <v>2.3523432171459926</v>
      </c>
      <c r="L1970">
        <f t="shared" si="233"/>
        <v>11.291247442300765</v>
      </c>
      <c r="M1970">
        <f t="shared" si="234"/>
        <v>0</v>
      </c>
      <c r="N1970" s="46">
        <f t="shared" si="235"/>
        <v>45372.666666661971</v>
      </c>
    </row>
    <row r="1971" spans="2:14" x14ac:dyDescent="0.3">
      <c r="B1971">
        <f t="shared" si="229"/>
        <v>4</v>
      </c>
      <c r="C1971" s="16">
        <v>1937</v>
      </c>
      <c r="D1971" cm="1">
        <f t="array" ref="D1971">IFERROR(INDEX(Jesper!AH$2:AH$366,ROUNDDOWN($C1971/24,0)+1,1)*INDEX($D$3:$AA$30,INDEX(Jesper!$R$2:$R$366,ROW(INDEX(Jesper!AH$2:AH$366,ROUNDDOWN($C1971/24,0)+1,1))-1)+IF('Standard Profiles'!$G$18=$B$10,7,0)+IF('Standard Profiles'!$G$18=$B$17,14,0)+IF('Standard Profiles'!$G$18=$B$24,21,0),MOD($C1971,24)+1)/SUM(INDEX($D$3:$AA$30,INDEX(Jesper!$R$2:$R$366,ROW(INDEX(Jesper!AH$2:AH$366,ROUNDDOWN($C1971/24,0)+1,1))-1)+IF('Standard Profiles'!$G$18=$B$10,7,0)+IF('Standard Profiles'!$G$18=$B$17,14,0)+IF('Standard Profiles'!$G$18=$B$24,21,0),0)),0)</f>
        <v>15.682288114306619</v>
      </c>
      <c r="E1971" cm="1">
        <f t="array" ref="E1971">IFERROR(INDEX(Jesper!AI$2:AI$366,ROUNDDOWN($C1971/24,0)+1,1)*INDEX($D$3:$AA$30,INDEX(Jesper!$R$2:$R$366,ROW(INDEX(Jesper!AI$2:AI$366,ROUNDDOWN($C1971/24,0)+1,1))-1)+IF('Standard Profiles'!$G$19=$B$10,7,0)+IF('Standard Profiles'!$G$19=$B$17,14,0)+IF('Standard Profiles'!$G$19=$B$24,21,0),MOD($C1971,24)+1)/SUM(INDEX($D$3:$AA$30,INDEX(Jesper!$R$2:$R$366,ROW(INDEX(Jesper!AI$2:AI$366,ROUNDDOWN($C1971/24,0)+1,1))-1)+IF('Standard Profiles'!$G$19=$B$10,7,0)+IF('Standard Profiles'!$G$19=$B$17,14,0)+IF('Standard Profiles'!$G$19=$B$24,21,0),0)),0)</f>
        <v>0</v>
      </c>
      <c r="F1971" cm="1">
        <f t="array" ref="F1971">IFERROR(INDEX(Jesper!AJ$2:AJ$366,ROUNDDOWN($C1971/24,0)+1,1)*INDEX($D$3:$AA$30,INDEX(Jesper!$R$2:$R$366,ROW(INDEX(Jesper!AJ$2:AJ$366,ROUNDDOWN($C1971/24,0)+1,1))-1)+IF('Standard Profiles'!$G$20=$B$10,7,0)+IF('Standard Profiles'!$G$20=$B$17,14,0)+IF('Standard Profiles'!$G$20=$B$24,21,0),MOD($C1971,24)+1)/SUM(INDEX($D$3:$AA$30,INDEX(Jesper!$R$2:$R$366,ROW(INDEX(Jesper!AJ$2:AJ$366,ROUNDDOWN($C1971/24,0)+1,1))-1)+IF('Standard Profiles'!$G$20=$B$10,7,0)+IF('Standard Profiles'!$G$20=$B$17,14,0)+IF('Standard Profiles'!$G$20=$B$24,21,0),0)),0)</f>
        <v>0</v>
      </c>
      <c r="G1971" cm="1">
        <f t="array" ref="G1971">IFERROR(INDEX(Jesper!AK$2:AK$366,ROUNDDOWN($C1971/24,0)+1,1)*INDEX($D$3:$AA$30,INDEX(Jesper!$R$2:$R$366,ROW(INDEX(Jesper!AK$2:AK$366,ROUNDDOWN($C1971/24,0)+1,1))-1)+IF('Standard Profiles'!$G$21=$B$10,7,0)+IF('Standard Profiles'!$G$21=$B$17,14,0)+IF('Standard Profiles'!$G$21=$B$24,21,0),MOD($C1971,24)+1)/SUM(INDEX($D$3:$AA$30,INDEX(Jesper!$R$2:$R$366,ROW(INDEX(Jesper!AK$2:AK$366,ROUNDDOWN($C1971/24,0)+1,1))-1)+IF('Standard Profiles'!$G$21=$B$10,7,0)+IF('Standard Profiles'!$G$21=$B$17,14,0)+IF('Standard Profiles'!$G$21=$B$24,21,0),0)),0)</f>
        <v>0</v>
      </c>
      <c r="H1971" cm="1">
        <f t="array" ref="H1971">IFERROR(INDEX(Jesper!AL$2:AL$366,ROUNDDOWN($C1971/24,0)+1,1)*INDEX($D$3:$AA$30,INDEX(Jesper!$R$2:$R$366,ROW(INDEX(Jesper!AL$2:AL$366,ROUNDDOWN($C1971/24,0)+1,1))-1)+IF('Standard Profiles'!$G$22=$B$10,7,0)+IF('Standard Profiles'!$G$22=$B$17,14,0)+IF('Standard Profiles'!$G$22=$B$24,21,0),MOD($C1971,24)+1)/SUM(INDEX($D$3:$AA$30,INDEX(Jesper!$R$2:$R$366,ROW(INDEX(Jesper!AL$2:AL$366,ROUNDDOWN($C1971/24,0)+1,1))-1)+IF('Standard Profiles'!$G$22=$B$10,7,0)+IF('Standard Profiles'!$G$22=$B$17,14,0)+IF('Standard Profiles'!$G$22=$B$24,21,0),0)),0)</f>
        <v>0</v>
      </c>
      <c r="I1971">
        <f t="shared" si="230"/>
        <v>0.47046864342919853</v>
      </c>
      <c r="J1971">
        <f t="shared" si="231"/>
        <v>1.568228811430662</v>
      </c>
      <c r="K1971">
        <f t="shared" si="232"/>
        <v>2.3523432171459926</v>
      </c>
      <c r="L1971">
        <f t="shared" si="233"/>
        <v>11.291247442300765</v>
      </c>
      <c r="M1971">
        <f t="shared" si="234"/>
        <v>0</v>
      </c>
      <c r="N1971" s="46">
        <f t="shared" si="235"/>
        <v>45372.708333328635</v>
      </c>
    </row>
    <row r="1972" spans="2:14" x14ac:dyDescent="0.3">
      <c r="B1972">
        <f t="shared" si="229"/>
        <v>4</v>
      </c>
      <c r="C1972" s="16">
        <v>1938</v>
      </c>
      <c r="D1972" cm="1">
        <f t="array" ref="D1972">IFERROR(INDEX(Jesper!AH$2:AH$366,ROUNDDOWN($C1972/24,0)+1,1)*INDEX($D$3:$AA$30,INDEX(Jesper!$R$2:$R$366,ROW(INDEX(Jesper!AH$2:AH$366,ROUNDDOWN($C1972/24,0)+1,1))-1)+IF('Standard Profiles'!$G$18=$B$10,7,0)+IF('Standard Profiles'!$G$18=$B$17,14,0)+IF('Standard Profiles'!$G$18=$B$24,21,0),MOD($C1972,24)+1)/SUM(INDEX($D$3:$AA$30,INDEX(Jesper!$R$2:$R$366,ROW(INDEX(Jesper!AH$2:AH$366,ROUNDDOWN($C1972/24,0)+1,1))-1)+IF('Standard Profiles'!$G$18=$B$10,7,0)+IF('Standard Profiles'!$G$18=$B$17,14,0)+IF('Standard Profiles'!$G$18=$B$24,21,0),0)),0)</f>
        <v>15.682288114306619</v>
      </c>
      <c r="E1972" cm="1">
        <f t="array" ref="E1972">IFERROR(INDEX(Jesper!AI$2:AI$366,ROUNDDOWN($C1972/24,0)+1,1)*INDEX($D$3:$AA$30,INDEX(Jesper!$R$2:$R$366,ROW(INDEX(Jesper!AI$2:AI$366,ROUNDDOWN($C1972/24,0)+1,1))-1)+IF('Standard Profiles'!$G$19=$B$10,7,0)+IF('Standard Profiles'!$G$19=$B$17,14,0)+IF('Standard Profiles'!$G$19=$B$24,21,0),MOD($C1972,24)+1)/SUM(INDEX($D$3:$AA$30,INDEX(Jesper!$R$2:$R$366,ROW(INDEX(Jesper!AI$2:AI$366,ROUNDDOWN($C1972/24,0)+1,1))-1)+IF('Standard Profiles'!$G$19=$B$10,7,0)+IF('Standard Profiles'!$G$19=$B$17,14,0)+IF('Standard Profiles'!$G$19=$B$24,21,0),0)),0)</f>
        <v>0</v>
      </c>
      <c r="F1972" cm="1">
        <f t="array" ref="F1972">IFERROR(INDEX(Jesper!AJ$2:AJ$366,ROUNDDOWN($C1972/24,0)+1,1)*INDEX($D$3:$AA$30,INDEX(Jesper!$R$2:$R$366,ROW(INDEX(Jesper!AJ$2:AJ$366,ROUNDDOWN($C1972/24,0)+1,1))-1)+IF('Standard Profiles'!$G$20=$B$10,7,0)+IF('Standard Profiles'!$G$20=$B$17,14,0)+IF('Standard Profiles'!$G$20=$B$24,21,0),MOD($C1972,24)+1)/SUM(INDEX($D$3:$AA$30,INDEX(Jesper!$R$2:$R$366,ROW(INDEX(Jesper!AJ$2:AJ$366,ROUNDDOWN($C1972/24,0)+1,1))-1)+IF('Standard Profiles'!$G$20=$B$10,7,0)+IF('Standard Profiles'!$G$20=$B$17,14,0)+IF('Standard Profiles'!$G$20=$B$24,21,0),0)),0)</f>
        <v>0</v>
      </c>
      <c r="G1972" cm="1">
        <f t="array" ref="G1972">IFERROR(INDEX(Jesper!AK$2:AK$366,ROUNDDOWN($C1972/24,0)+1,1)*INDEX($D$3:$AA$30,INDEX(Jesper!$R$2:$R$366,ROW(INDEX(Jesper!AK$2:AK$366,ROUNDDOWN($C1972/24,0)+1,1))-1)+IF('Standard Profiles'!$G$21=$B$10,7,0)+IF('Standard Profiles'!$G$21=$B$17,14,0)+IF('Standard Profiles'!$G$21=$B$24,21,0),MOD($C1972,24)+1)/SUM(INDEX($D$3:$AA$30,INDEX(Jesper!$R$2:$R$366,ROW(INDEX(Jesper!AK$2:AK$366,ROUNDDOWN($C1972/24,0)+1,1))-1)+IF('Standard Profiles'!$G$21=$B$10,7,0)+IF('Standard Profiles'!$G$21=$B$17,14,0)+IF('Standard Profiles'!$G$21=$B$24,21,0),0)),0)</f>
        <v>0</v>
      </c>
      <c r="H1972" cm="1">
        <f t="array" ref="H1972">IFERROR(INDEX(Jesper!AL$2:AL$366,ROUNDDOWN($C1972/24,0)+1,1)*INDEX($D$3:$AA$30,INDEX(Jesper!$R$2:$R$366,ROW(INDEX(Jesper!AL$2:AL$366,ROUNDDOWN($C1972/24,0)+1,1))-1)+IF('Standard Profiles'!$G$22=$B$10,7,0)+IF('Standard Profiles'!$G$22=$B$17,14,0)+IF('Standard Profiles'!$G$22=$B$24,21,0),MOD($C1972,24)+1)/SUM(INDEX($D$3:$AA$30,INDEX(Jesper!$R$2:$R$366,ROW(INDEX(Jesper!AL$2:AL$366,ROUNDDOWN($C1972/24,0)+1,1))-1)+IF('Standard Profiles'!$G$22=$B$10,7,0)+IF('Standard Profiles'!$G$22=$B$17,14,0)+IF('Standard Profiles'!$G$22=$B$24,21,0),0)),0)</f>
        <v>0</v>
      </c>
      <c r="I1972">
        <f t="shared" si="230"/>
        <v>0.47046864342919853</v>
      </c>
      <c r="J1972">
        <f t="shared" si="231"/>
        <v>1.568228811430662</v>
      </c>
      <c r="K1972">
        <f t="shared" si="232"/>
        <v>2.3523432171459926</v>
      </c>
      <c r="L1972">
        <f t="shared" si="233"/>
        <v>11.291247442300765</v>
      </c>
      <c r="M1972">
        <f t="shared" si="234"/>
        <v>0</v>
      </c>
      <c r="N1972" s="46">
        <f t="shared" si="235"/>
        <v>45372.7499999953</v>
      </c>
    </row>
    <row r="1973" spans="2:14" x14ac:dyDescent="0.3">
      <c r="B1973">
        <f t="shared" si="229"/>
        <v>4</v>
      </c>
      <c r="C1973" s="16">
        <v>1939</v>
      </c>
      <c r="D1973" cm="1">
        <f t="array" ref="D1973">IFERROR(INDEX(Jesper!AH$2:AH$366,ROUNDDOWN($C1973/24,0)+1,1)*INDEX($D$3:$AA$30,INDEX(Jesper!$R$2:$R$366,ROW(INDEX(Jesper!AH$2:AH$366,ROUNDDOWN($C1973/24,0)+1,1))-1)+IF('Standard Profiles'!$G$18=$B$10,7,0)+IF('Standard Profiles'!$G$18=$B$17,14,0)+IF('Standard Profiles'!$G$18=$B$24,21,0),MOD($C1973,24)+1)/SUM(INDEX($D$3:$AA$30,INDEX(Jesper!$R$2:$R$366,ROW(INDEX(Jesper!AH$2:AH$366,ROUNDDOWN($C1973/24,0)+1,1))-1)+IF('Standard Profiles'!$G$18=$B$10,7,0)+IF('Standard Profiles'!$G$18=$B$17,14,0)+IF('Standard Profiles'!$G$18=$B$24,21,0),0)),0)</f>
        <v>13.06857342858885</v>
      </c>
      <c r="E1973" cm="1">
        <f t="array" ref="E1973">IFERROR(INDEX(Jesper!AI$2:AI$366,ROUNDDOWN($C1973/24,0)+1,1)*INDEX($D$3:$AA$30,INDEX(Jesper!$R$2:$R$366,ROW(INDEX(Jesper!AI$2:AI$366,ROUNDDOWN($C1973/24,0)+1,1))-1)+IF('Standard Profiles'!$G$19=$B$10,7,0)+IF('Standard Profiles'!$G$19=$B$17,14,0)+IF('Standard Profiles'!$G$19=$B$24,21,0),MOD($C1973,24)+1)/SUM(INDEX($D$3:$AA$30,INDEX(Jesper!$R$2:$R$366,ROW(INDEX(Jesper!AI$2:AI$366,ROUNDDOWN($C1973/24,0)+1,1))-1)+IF('Standard Profiles'!$G$19=$B$10,7,0)+IF('Standard Profiles'!$G$19=$B$17,14,0)+IF('Standard Profiles'!$G$19=$B$24,21,0),0)),0)</f>
        <v>0</v>
      </c>
      <c r="F1973" cm="1">
        <f t="array" ref="F1973">IFERROR(INDEX(Jesper!AJ$2:AJ$366,ROUNDDOWN($C1973/24,0)+1,1)*INDEX($D$3:$AA$30,INDEX(Jesper!$R$2:$R$366,ROW(INDEX(Jesper!AJ$2:AJ$366,ROUNDDOWN($C1973/24,0)+1,1))-1)+IF('Standard Profiles'!$G$20=$B$10,7,0)+IF('Standard Profiles'!$G$20=$B$17,14,0)+IF('Standard Profiles'!$G$20=$B$24,21,0),MOD($C1973,24)+1)/SUM(INDEX($D$3:$AA$30,INDEX(Jesper!$R$2:$R$366,ROW(INDEX(Jesper!AJ$2:AJ$366,ROUNDDOWN($C1973/24,0)+1,1))-1)+IF('Standard Profiles'!$G$20=$B$10,7,0)+IF('Standard Profiles'!$G$20=$B$17,14,0)+IF('Standard Profiles'!$G$20=$B$24,21,0),0)),0)</f>
        <v>0</v>
      </c>
      <c r="G1973" cm="1">
        <f t="array" ref="G1973">IFERROR(INDEX(Jesper!AK$2:AK$366,ROUNDDOWN($C1973/24,0)+1,1)*INDEX($D$3:$AA$30,INDEX(Jesper!$R$2:$R$366,ROW(INDEX(Jesper!AK$2:AK$366,ROUNDDOWN($C1973/24,0)+1,1))-1)+IF('Standard Profiles'!$G$21=$B$10,7,0)+IF('Standard Profiles'!$G$21=$B$17,14,0)+IF('Standard Profiles'!$G$21=$B$24,21,0),MOD($C1973,24)+1)/SUM(INDEX($D$3:$AA$30,INDEX(Jesper!$R$2:$R$366,ROW(INDEX(Jesper!AK$2:AK$366,ROUNDDOWN($C1973/24,0)+1,1))-1)+IF('Standard Profiles'!$G$21=$B$10,7,0)+IF('Standard Profiles'!$G$21=$B$17,14,0)+IF('Standard Profiles'!$G$21=$B$24,21,0),0)),0)</f>
        <v>0</v>
      </c>
      <c r="H1973" cm="1">
        <f t="array" ref="H1973">IFERROR(INDEX(Jesper!AL$2:AL$366,ROUNDDOWN($C1973/24,0)+1,1)*INDEX($D$3:$AA$30,INDEX(Jesper!$R$2:$R$366,ROW(INDEX(Jesper!AL$2:AL$366,ROUNDDOWN($C1973/24,0)+1,1))-1)+IF('Standard Profiles'!$G$22=$B$10,7,0)+IF('Standard Profiles'!$G$22=$B$17,14,0)+IF('Standard Profiles'!$G$22=$B$24,21,0),MOD($C1973,24)+1)/SUM(INDEX($D$3:$AA$30,INDEX(Jesper!$R$2:$R$366,ROW(INDEX(Jesper!AL$2:AL$366,ROUNDDOWN($C1973/24,0)+1,1))-1)+IF('Standard Profiles'!$G$22=$B$10,7,0)+IF('Standard Profiles'!$G$22=$B$17,14,0)+IF('Standard Profiles'!$G$22=$B$24,21,0),0)),0)</f>
        <v>0</v>
      </c>
      <c r="I1973">
        <f t="shared" si="230"/>
        <v>0.39205720285766549</v>
      </c>
      <c r="J1973">
        <f t="shared" si="231"/>
        <v>1.3068573428588852</v>
      </c>
      <c r="K1973">
        <f t="shared" si="232"/>
        <v>1.9602860142883274</v>
      </c>
      <c r="L1973">
        <f t="shared" si="233"/>
        <v>9.4093728685839721</v>
      </c>
      <c r="M1973">
        <f t="shared" si="234"/>
        <v>0</v>
      </c>
      <c r="N1973" s="46">
        <f t="shared" si="235"/>
        <v>45372.791666661964</v>
      </c>
    </row>
    <row r="1974" spans="2:14" x14ac:dyDescent="0.3">
      <c r="B1974">
        <f t="shared" si="229"/>
        <v>4</v>
      </c>
      <c r="C1974" s="16">
        <v>1940</v>
      </c>
      <c r="D1974" cm="1">
        <f t="array" ref="D1974">IFERROR(INDEX(Jesper!AH$2:AH$366,ROUNDDOWN($C1974/24,0)+1,1)*INDEX($D$3:$AA$30,INDEX(Jesper!$R$2:$R$366,ROW(INDEX(Jesper!AH$2:AH$366,ROUNDDOWN($C1974/24,0)+1,1))-1)+IF('Standard Profiles'!$G$18=$B$10,7,0)+IF('Standard Profiles'!$G$18=$B$17,14,0)+IF('Standard Profiles'!$G$18=$B$24,21,0),MOD($C1974,24)+1)/SUM(INDEX($D$3:$AA$30,INDEX(Jesper!$R$2:$R$366,ROW(INDEX(Jesper!AH$2:AH$366,ROUNDDOWN($C1974/24,0)+1,1))-1)+IF('Standard Profiles'!$G$18=$B$10,7,0)+IF('Standard Profiles'!$G$18=$B$17,14,0)+IF('Standard Profiles'!$G$18=$B$24,21,0),0)),0)</f>
        <v>10.454858742871082</v>
      </c>
      <c r="E1974" cm="1">
        <f t="array" ref="E1974">IFERROR(INDEX(Jesper!AI$2:AI$366,ROUNDDOWN($C1974/24,0)+1,1)*INDEX($D$3:$AA$30,INDEX(Jesper!$R$2:$R$366,ROW(INDEX(Jesper!AI$2:AI$366,ROUNDDOWN($C1974/24,0)+1,1))-1)+IF('Standard Profiles'!$G$19=$B$10,7,0)+IF('Standard Profiles'!$G$19=$B$17,14,0)+IF('Standard Profiles'!$G$19=$B$24,21,0),MOD($C1974,24)+1)/SUM(INDEX($D$3:$AA$30,INDEX(Jesper!$R$2:$R$366,ROW(INDEX(Jesper!AI$2:AI$366,ROUNDDOWN($C1974/24,0)+1,1))-1)+IF('Standard Profiles'!$G$19=$B$10,7,0)+IF('Standard Profiles'!$G$19=$B$17,14,0)+IF('Standard Profiles'!$G$19=$B$24,21,0),0)),0)</f>
        <v>0</v>
      </c>
      <c r="F1974" cm="1">
        <f t="array" ref="F1974">IFERROR(INDEX(Jesper!AJ$2:AJ$366,ROUNDDOWN($C1974/24,0)+1,1)*INDEX($D$3:$AA$30,INDEX(Jesper!$R$2:$R$366,ROW(INDEX(Jesper!AJ$2:AJ$366,ROUNDDOWN($C1974/24,0)+1,1))-1)+IF('Standard Profiles'!$G$20=$B$10,7,0)+IF('Standard Profiles'!$G$20=$B$17,14,0)+IF('Standard Profiles'!$G$20=$B$24,21,0),MOD($C1974,24)+1)/SUM(INDEX($D$3:$AA$30,INDEX(Jesper!$R$2:$R$366,ROW(INDEX(Jesper!AJ$2:AJ$366,ROUNDDOWN($C1974/24,0)+1,1))-1)+IF('Standard Profiles'!$G$20=$B$10,7,0)+IF('Standard Profiles'!$G$20=$B$17,14,0)+IF('Standard Profiles'!$G$20=$B$24,21,0),0)),0)</f>
        <v>0</v>
      </c>
      <c r="G1974" cm="1">
        <f t="array" ref="G1974">IFERROR(INDEX(Jesper!AK$2:AK$366,ROUNDDOWN($C1974/24,0)+1,1)*INDEX($D$3:$AA$30,INDEX(Jesper!$R$2:$R$366,ROW(INDEX(Jesper!AK$2:AK$366,ROUNDDOWN($C1974/24,0)+1,1))-1)+IF('Standard Profiles'!$G$21=$B$10,7,0)+IF('Standard Profiles'!$G$21=$B$17,14,0)+IF('Standard Profiles'!$G$21=$B$24,21,0),MOD($C1974,24)+1)/SUM(INDEX($D$3:$AA$30,INDEX(Jesper!$R$2:$R$366,ROW(INDEX(Jesper!AK$2:AK$366,ROUNDDOWN($C1974/24,0)+1,1))-1)+IF('Standard Profiles'!$G$21=$B$10,7,0)+IF('Standard Profiles'!$G$21=$B$17,14,0)+IF('Standard Profiles'!$G$21=$B$24,21,0),0)),0)</f>
        <v>0</v>
      </c>
      <c r="H1974" cm="1">
        <f t="array" ref="H1974">IFERROR(INDEX(Jesper!AL$2:AL$366,ROUNDDOWN($C1974/24,0)+1,1)*INDEX($D$3:$AA$30,INDEX(Jesper!$R$2:$R$366,ROW(INDEX(Jesper!AL$2:AL$366,ROUNDDOWN($C1974/24,0)+1,1))-1)+IF('Standard Profiles'!$G$22=$B$10,7,0)+IF('Standard Profiles'!$G$22=$B$17,14,0)+IF('Standard Profiles'!$G$22=$B$24,21,0),MOD($C1974,24)+1)/SUM(INDEX($D$3:$AA$30,INDEX(Jesper!$R$2:$R$366,ROW(INDEX(Jesper!AL$2:AL$366,ROUNDDOWN($C1974/24,0)+1,1))-1)+IF('Standard Profiles'!$G$22=$B$10,7,0)+IF('Standard Profiles'!$G$22=$B$17,14,0)+IF('Standard Profiles'!$G$22=$B$24,21,0),0)),0)</f>
        <v>0</v>
      </c>
      <c r="I1974">
        <f t="shared" si="230"/>
        <v>0.31364576228613245</v>
      </c>
      <c r="J1974">
        <f t="shared" si="231"/>
        <v>1.0454858742871083</v>
      </c>
      <c r="K1974">
        <f t="shared" si="232"/>
        <v>1.5682288114306622</v>
      </c>
      <c r="L1974">
        <f t="shared" si="233"/>
        <v>7.5274982948671783</v>
      </c>
      <c r="M1974">
        <f t="shared" si="234"/>
        <v>0</v>
      </c>
      <c r="N1974" s="46">
        <f t="shared" si="235"/>
        <v>45372.833333328628</v>
      </c>
    </row>
    <row r="1975" spans="2:14" x14ac:dyDescent="0.3">
      <c r="B1975">
        <f t="shared" si="229"/>
        <v>4</v>
      </c>
      <c r="C1975" s="16">
        <v>1941</v>
      </c>
      <c r="D1975" cm="1">
        <f t="array" ref="D1975">IFERROR(INDEX(Jesper!AH$2:AH$366,ROUNDDOWN($C1975/24,0)+1,1)*INDEX($D$3:$AA$30,INDEX(Jesper!$R$2:$R$366,ROW(INDEX(Jesper!AH$2:AH$366,ROUNDDOWN($C1975/24,0)+1,1))-1)+IF('Standard Profiles'!$G$18=$B$10,7,0)+IF('Standard Profiles'!$G$18=$B$17,14,0)+IF('Standard Profiles'!$G$18=$B$24,21,0),MOD($C1975,24)+1)/SUM(INDEX($D$3:$AA$30,INDEX(Jesper!$R$2:$R$366,ROW(INDEX(Jesper!AH$2:AH$366,ROUNDDOWN($C1975/24,0)+1,1))-1)+IF('Standard Profiles'!$G$18=$B$10,7,0)+IF('Standard Profiles'!$G$18=$B$17,14,0)+IF('Standard Profiles'!$G$18=$B$24,21,0),0)),0)</f>
        <v>7.8411440571533095</v>
      </c>
      <c r="E1975" cm="1">
        <f t="array" ref="E1975">IFERROR(INDEX(Jesper!AI$2:AI$366,ROUNDDOWN($C1975/24,0)+1,1)*INDEX($D$3:$AA$30,INDEX(Jesper!$R$2:$R$366,ROW(INDEX(Jesper!AI$2:AI$366,ROUNDDOWN($C1975/24,0)+1,1))-1)+IF('Standard Profiles'!$G$19=$B$10,7,0)+IF('Standard Profiles'!$G$19=$B$17,14,0)+IF('Standard Profiles'!$G$19=$B$24,21,0),MOD($C1975,24)+1)/SUM(INDEX($D$3:$AA$30,INDEX(Jesper!$R$2:$R$366,ROW(INDEX(Jesper!AI$2:AI$366,ROUNDDOWN($C1975/24,0)+1,1))-1)+IF('Standard Profiles'!$G$19=$B$10,7,0)+IF('Standard Profiles'!$G$19=$B$17,14,0)+IF('Standard Profiles'!$G$19=$B$24,21,0),0)),0)</f>
        <v>0</v>
      </c>
      <c r="F1975" cm="1">
        <f t="array" ref="F1975">IFERROR(INDEX(Jesper!AJ$2:AJ$366,ROUNDDOWN($C1975/24,0)+1,1)*INDEX($D$3:$AA$30,INDEX(Jesper!$R$2:$R$366,ROW(INDEX(Jesper!AJ$2:AJ$366,ROUNDDOWN($C1975/24,0)+1,1))-1)+IF('Standard Profiles'!$G$20=$B$10,7,0)+IF('Standard Profiles'!$G$20=$B$17,14,0)+IF('Standard Profiles'!$G$20=$B$24,21,0),MOD($C1975,24)+1)/SUM(INDEX($D$3:$AA$30,INDEX(Jesper!$R$2:$R$366,ROW(INDEX(Jesper!AJ$2:AJ$366,ROUNDDOWN($C1975/24,0)+1,1))-1)+IF('Standard Profiles'!$G$20=$B$10,7,0)+IF('Standard Profiles'!$G$20=$B$17,14,0)+IF('Standard Profiles'!$G$20=$B$24,21,0),0)),0)</f>
        <v>0</v>
      </c>
      <c r="G1975" cm="1">
        <f t="array" ref="G1975">IFERROR(INDEX(Jesper!AK$2:AK$366,ROUNDDOWN($C1975/24,0)+1,1)*INDEX($D$3:$AA$30,INDEX(Jesper!$R$2:$R$366,ROW(INDEX(Jesper!AK$2:AK$366,ROUNDDOWN($C1975/24,0)+1,1))-1)+IF('Standard Profiles'!$G$21=$B$10,7,0)+IF('Standard Profiles'!$G$21=$B$17,14,0)+IF('Standard Profiles'!$G$21=$B$24,21,0),MOD($C1975,24)+1)/SUM(INDEX($D$3:$AA$30,INDEX(Jesper!$R$2:$R$366,ROW(INDEX(Jesper!AK$2:AK$366,ROUNDDOWN($C1975/24,0)+1,1))-1)+IF('Standard Profiles'!$G$21=$B$10,7,0)+IF('Standard Profiles'!$G$21=$B$17,14,0)+IF('Standard Profiles'!$G$21=$B$24,21,0),0)),0)</f>
        <v>0</v>
      </c>
      <c r="H1975" cm="1">
        <f t="array" ref="H1975">IFERROR(INDEX(Jesper!AL$2:AL$366,ROUNDDOWN($C1975/24,0)+1,1)*INDEX($D$3:$AA$30,INDEX(Jesper!$R$2:$R$366,ROW(INDEX(Jesper!AL$2:AL$366,ROUNDDOWN($C1975/24,0)+1,1))-1)+IF('Standard Profiles'!$G$22=$B$10,7,0)+IF('Standard Profiles'!$G$22=$B$17,14,0)+IF('Standard Profiles'!$G$22=$B$24,21,0),MOD($C1975,24)+1)/SUM(INDEX($D$3:$AA$30,INDEX(Jesper!$R$2:$R$366,ROW(INDEX(Jesper!AL$2:AL$366,ROUNDDOWN($C1975/24,0)+1,1))-1)+IF('Standard Profiles'!$G$22=$B$10,7,0)+IF('Standard Profiles'!$G$22=$B$17,14,0)+IF('Standard Profiles'!$G$22=$B$24,21,0),0)),0)</f>
        <v>0</v>
      </c>
      <c r="I1975">
        <f t="shared" si="230"/>
        <v>0.23523432171459926</v>
      </c>
      <c r="J1975">
        <f t="shared" si="231"/>
        <v>0.78411440571533098</v>
      </c>
      <c r="K1975">
        <f t="shared" si="232"/>
        <v>1.1761716085729963</v>
      </c>
      <c r="L1975">
        <f t="shared" si="233"/>
        <v>5.6456237211503826</v>
      </c>
      <c r="M1975">
        <f t="shared" si="234"/>
        <v>0</v>
      </c>
      <c r="N1975" s="46">
        <f t="shared" si="235"/>
        <v>45372.874999995292</v>
      </c>
    </row>
    <row r="1976" spans="2:14" x14ac:dyDescent="0.3">
      <c r="B1976">
        <f t="shared" si="229"/>
        <v>4</v>
      </c>
      <c r="C1976" s="16">
        <v>1942</v>
      </c>
      <c r="D1976" cm="1">
        <f t="array" ref="D1976">IFERROR(INDEX(Jesper!AH$2:AH$366,ROUNDDOWN($C1976/24,0)+1,1)*INDEX($D$3:$AA$30,INDEX(Jesper!$R$2:$R$366,ROW(INDEX(Jesper!AH$2:AH$366,ROUNDDOWN($C1976/24,0)+1,1))-1)+IF('Standard Profiles'!$G$18=$B$10,7,0)+IF('Standard Profiles'!$G$18=$B$17,14,0)+IF('Standard Profiles'!$G$18=$B$24,21,0),MOD($C1976,24)+1)/SUM(INDEX($D$3:$AA$30,INDEX(Jesper!$R$2:$R$366,ROW(INDEX(Jesper!AH$2:AH$366,ROUNDDOWN($C1976/24,0)+1,1))-1)+IF('Standard Profiles'!$G$18=$B$10,7,0)+IF('Standard Profiles'!$G$18=$B$17,14,0)+IF('Standard Profiles'!$G$18=$B$24,21,0),0)),0)</f>
        <v>7.8411440571533095</v>
      </c>
      <c r="E1976" cm="1">
        <f t="array" ref="E1976">IFERROR(INDEX(Jesper!AI$2:AI$366,ROUNDDOWN($C1976/24,0)+1,1)*INDEX($D$3:$AA$30,INDEX(Jesper!$R$2:$R$366,ROW(INDEX(Jesper!AI$2:AI$366,ROUNDDOWN($C1976/24,0)+1,1))-1)+IF('Standard Profiles'!$G$19=$B$10,7,0)+IF('Standard Profiles'!$G$19=$B$17,14,0)+IF('Standard Profiles'!$G$19=$B$24,21,0),MOD($C1976,24)+1)/SUM(INDEX($D$3:$AA$30,INDEX(Jesper!$R$2:$R$366,ROW(INDEX(Jesper!AI$2:AI$366,ROUNDDOWN($C1976/24,0)+1,1))-1)+IF('Standard Profiles'!$G$19=$B$10,7,0)+IF('Standard Profiles'!$G$19=$B$17,14,0)+IF('Standard Profiles'!$G$19=$B$24,21,0),0)),0)</f>
        <v>0</v>
      </c>
      <c r="F1976" cm="1">
        <f t="array" ref="F1976">IFERROR(INDEX(Jesper!AJ$2:AJ$366,ROUNDDOWN($C1976/24,0)+1,1)*INDEX($D$3:$AA$30,INDEX(Jesper!$R$2:$R$366,ROW(INDEX(Jesper!AJ$2:AJ$366,ROUNDDOWN($C1976/24,0)+1,1))-1)+IF('Standard Profiles'!$G$20=$B$10,7,0)+IF('Standard Profiles'!$G$20=$B$17,14,0)+IF('Standard Profiles'!$G$20=$B$24,21,0),MOD($C1976,24)+1)/SUM(INDEX($D$3:$AA$30,INDEX(Jesper!$R$2:$R$366,ROW(INDEX(Jesper!AJ$2:AJ$366,ROUNDDOWN($C1976/24,0)+1,1))-1)+IF('Standard Profiles'!$G$20=$B$10,7,0)+IF('Standard Profiles'!$G$20=$B$17,14,0)+IF('Standard Profiles'!$G$20=$B$24,21,0),0)),0)</f>
        <v>0</v>
      </c>
      <c r="G1976" cm="1">
        <f t="array" ref="G1976">IFERROR(INDEX(Jesper!AK$2:AK$366,ROUNDDOWN($C1976/24,0)+1,1)*INDEX($D$3:$AA$30,INDEX(Jesper!$R$2:$R$366,ROW(INDEX(Jesper!AK$2:AK$366,ROUNDDOWN($C1976/24,0)+1,1))-1)+IF('Standard Profiles'!$G$21=$B$10,7,0)+IF('Standard Profiles'!$G$21=$B$17,14,0)+IF('Standard Profiles'!$G$21=$B$24,21,0),MOD($C1976,24)+1)/SUM(INDEX($D$3:$AA$30,INDEX(Jesper!$R$2:$R$366,ROW(INDEX(Jesper!AK$2:AK$366,ROUNDDOWN($C1976/24,0)+1,1))-1)+IF('Standard Profiles'!$G$21=$B$10,7,0)+IF('Standard Profiles'!$G$21=$B$17,14,0)+IF('Standard Profiles'!$G$21=$B$24,21,0),0)),0)</f>
        <v>0</v>
      </c>
      <c r="H1976" cm="1">
        <f t="array" ref="H1976">IFERROR(INDEX(Jesper!AL$2:AL$366,ROUNDDOWN($C1976/24,0)+1,1)*INDEX($D$3:$AA$30,INDEX(Jesper!$R$2:$R$366,ROW(INDEX(Jesper!AL$2:AL$366,ROUNDDOWN($C1976/24,0)+1,1))-1)+IF('Standard Profiles'!$G$22=$B$10,7,0)+IF('Standard Profiles'!$G$22=$B$17,14,0)+IF('Standard Profiles'!$G$22=$B$24,21,0),MOD($C1976,24)+1)/SUM(INDEX($D$3:$AA$30,INDEX(Jesper!$R$2:$R$366,ROW(INDEX(Jesper!AL$2:AL$366,ROUNDDOWN($C1976/24,0)+1,1))-1)+IF('Standard Profiles'!$G$22=$B$10,7,0)+IF('Standard Profiles'!$G$22=$B$17,14,0)+IF('Standard Profiles'!$G$22=$B$24,21,0),0)),0)</f>
        <v>0</v>
      </c>
      <c r="I1976">
        <f t="shared" si="230"/>
        <v>0.23523432171459926</v>
      </c>
      <c r="J1976">
        <f t="shared" si="231"/>
        <v>0.78411440571533098</v>
      </c>
      <c r="K1976">
        <f t="shared" si="232"/>
        <v>1.1761716085729963</v>
      </c>
      <c r="L1976">
        <f t="shared" si="233"/>
        <v>5.6456237211503826</v>
      </c>
      <c r="M1976">
        <f t="shared" si="234"/>
        <v>0</v>
      </c>
      <c r="N1976" s="46">
        <f t="shared" si="235"/>
        <v>45372.916666661957</v>
      </c>
    </row>
    <row r="1977" spans="2:14" x14ac:dyDescent="0.3">
      <c r="B1977">
        <f t="shared" si="229"/>
        <v>4</v>
      </c>
      <c r="C1977" s="16">
        <v>1943</v>
      </c>
      <c r="D1977" cm="1">
        <f t="array" ref="D1977">IFERROR(INDEX(Jesper!AH$2:AH$366,ROUNDDOWN($C1977/24,0)+1,1)*INDEX($D$3:$AA$30,INDEX(Jesper!$R$2:$R$366,ROW(INDEX(Jesper!AH$2:AH$366,ROUNDDOWN($C1977/24,0)+1,1))-1)+IF('Standard Profiles'!$G$18=$B$10,7,0)+IF('Standard Profiles'!$G$18=$B$17,14,0)+IF('Standard Profiles'!$G$18=$B$24,21,0),MOD($C1977,24)+1)/SUM(INDEX($D$3:$AA$30,INDEX(Jesper!$R$2:$R$366,ROW(INDEX(Jesper!AH$2:AH$366,ROUNDDOWN($C1977/24,0)+1,1))-1)+IF('Standard Profiles'!$G$18=$B$10,7,0)+IF('Standard Profiles'!$G$18=$B$17,14,0)+IF('Standard Profiles'!$G$18=$B$24,21,0),0)),0)</f>
        <v>7.8411440571533095</v>
      </c>
      <c r="E1977" cm="1">
        <f t="array" ref="E1977">IFERROR(INDEX(Jesper!AI$2:AI$366,ROUNDDOWN($C1977/24,0)+1,1)*INDEX($D$3:$AA$30,INDEX(Jesper!$R$2:$R$366,ROW(INDEX(Jesper!AI$2:AI$366,ROUNDDOWN($C1977/24,0)+1,1))-1)+IF('Standard Profiles'!$G$19=$B$10,7,0)+IF('Standard Profiles'!$G$19=$B$17,14,0)+IF('Standard Profiles'!$G$19=$B$24,21,0),MOD($C1977,24)+1)/SUM(INDEX($D$3:$AA$30,INDEX(Jesper!$R$2:$R$366,ROW(INDEX(Jesper!AI$2:AI$366,ROUNDDOWN($C1977/24,0)+1,1))-1)+IF('Standard Profiles'!$G$19=$B$10,7,0)+IF('Standard Profiles'!$G$19=$B$17,14,0)+IF('Standard Profiles'!$G$19=$B$24,21,0),0)),0)</f>
        <v>0</v>
      </c>
      <c r="F1977" cm="1">
        <f t="array" ref="F1977">IFERROR(INDEX(Jesper!AJ$2:AJ$366,ROUNDDOWN($C1977/24,0)+1,1)*INDEX($D$3:$AA$30,INDEX(Jesper!$R$2:$R$366,ROW(INDEX(Jesper!AJ$2:AJ$366,ROUNDDOWN($C1977/24,0)+1,1))-1)+IF('Standard Profiles'!$G$20=$B$10,7,0)+IF('Standard Profiles'!$G$20=$B$17,14,0)+IF('Standard Profiles'!$G$20=$B$24,21,0),MOD($C1977,24)+1)/SUM(INDEX($D$3:$AA$30,INDEX(Jesper!$R$2:$R$366,ROW(INDEX(Jesper!AJ$2:AJ$366,ROUNDDOWN($C1977/24,0)+1,1))-1)+IF('Standard Profiles'!$G$20=$B$10,7,0)+IF('Standard Profiles'!$G$20=$B$17,14,0)+IF('Standard Profiles'!$G$20=$B$24,21,0),0)),0)</f>
        <v>0</v>
      </c>
      <c r="G1977" cm="1">
        <f t="array" ref="G1977">IFERROR(INDEX(Jesper!AK$2:AK$366,ROUNDDOWN($C1977/24,0)+1,1)*INDEX($D$3:$AA$30,INDEX(Jesper!$R$2:$R$366,ROW(INDEX(Jesper!AK$2:AK$366,ROUNDDOWN($C1977/24,0)+1,1))-1)+IF('Standard Profiles'!$G$21=$B$10,7,0)+IF('Standard Profiles'!$G$21=$B$17,14,0)+IF('Standard Profiles'!$G$21=$B$24,21,0),MOD($C1977,24)+1)/SUM(INDEX($D$3:$AA$30,INDEX(Jesper!$R$2:$R$366,ROW(INDEX(Jesper!AK$2:AK$366,ROUNDDOWN($C1977/24,0)+1,1))-1)+IF('Standard Profiles'!$G$21=$B$10,7,0)+IF('Standard Profiles'!$G$21=$B$17,14,0)+IF('Standard Profiles'!$G$21=$B$24,21,0),0)),0)</f>
        <v>0</v>
      </c>
      <c r="H1977" cm="1">
        <f t="array" ref="H1977">IFERROR(INDEX(Jesper!AL$2:AL$366,ROUNDDOWN($C1977/24,0)+1,1)*INDEX($D$3:$AA$30,INDEX(Jesper!$R$2:$R$366,ROW(INDEX(Jesper!AL$2:AL$366,ROUNDDOWN($C1977/24,0)+1,1))-1)+IF('Standard Profiles'!$G$22=$B$10,7,0)+IF('Standard Profiles'!$G$22=$B$17,14,0)+IF('Standard Profiles'!$G$22=$B$24,21,0),MOD($C1977,24)+1)/SUM(INDEX($D$3:$AA$30,INDEX(Jesper!$R$2:$R$366,ROW(INDEX(Jesper!AL$2:AL$366,ROUNDDOWN($C1977/24,0)+1,1))-1)+IF('Standard Profiles'!$G$22=$B$10,7,0)+IF('Standard Profiles'!$G$22=$B$17,14,0)+IF('Standard Profiles'!$G$22=$B$24,21,0),0)),0)</f>
        <v>0</v>
      </c>
      <c r="I1977">
        <f t="shared" si="230"/>
        <v>0.23523432171459926</v>
      </c>
      <c r="J1977">
        <f t="shared" si="231"/>
        <v>0.78411440571533098</v>
      </c>
      <c r="K1977">
        <f t="shared" si="232"/>
        <v>1.1761716085729963</v>
      </c>
      <c r="L1977">
        <f t="shared" si="233"/>
        <v>5.6456237211503826</v>
      </c>
      <c r="M1977">
        <f t="shared" si="234"/>
        <v>0</v>
      </c>
      <c r="N1977" s="46">
        <f t="shared" si="235"/>
        <v>45372.958333328621</v>
      </c>
    </row>
    <row r="1978" spans="2:14" x14ac:dyDescent="0.3">
      <c r="B1978">
        <f t="shared" si="229"/>
        <v>5</v>
      </c>
      <c r="C1978" s="16">
        <v>1944</v>
      </c>
      <c r="D1978" cm="1">
        <f t="array" ref="D1978">IFERROR(INDEX(Jesper!AH$2:AH$366,ROUNDDOWN($C1978/24,0)+1,1)*INDEX($D$3:$AA$30,INDEX(Jesper!$R$2:$R$366,ROW(INDEX(Jesper!AH$2:AH$366,ROUNDDOWN($C1978/24,0)+1,1))-1)+IF('Standard Profiles'!$G$18=$B$10,7,0)+IF('Standard Profiles'!$G$18=$B$17,14,0)+IF('Standard Profiles'!$G$18=$B$24,21,0),MOD($C1978,24)+1)/SUM(INDEX($D$3:$AA$30,INDEX(Jesper!$R$2:$R$366,ROW(INDEX(Jesper!AH$2:AH$366,ROUNDDOWN($C1978/24,0)+1,1))-1)+IF('Standard Profiles'!$G$18=$B$10,7,0)+IF('Standard Profiles'!$G$18=$B$17,14,0)+IF('Standard Profiles'!$G$18=$B$24,21,0),0)),0)</f>
        <v>8.4637738876732822</v>
      </c>
      <c r="E1978" cm="1">
        <f t="array" ref="E1978">IFERROR(INDEX(Jesper!AI$2:AI$366,ROUNDDOWN($C1978/24,0)+1,1)*INDEX($D$3:$AA$30,INDEX(Jesper!$R$2:$R$366,ROW(INDEX(Jesper!AI$2:AI$366,ROUNDDOWN($C1978/24,0)+1,1))-1)+IF('Standard Profiles'!$G$19=$B$10,7,0)+IF('Standard Profiles'!$G$19=$B$17,14,0)+IF('Standard Profiles'!$G$19=$B$24,21,0),MOD($C1978,24)+1)/SUM(INDEX($D$3:$AA$30,INDEX(Jesper!$R$2:$R$366,ROW(INDEX(Jesper!AI$2:AI$366,ROUNDDOWN($C1978/24,0)+1,1))-1)+IF('Standard Profiles'!$G$19=$B$10,7,0)+IF('Standard Profiles'!$G$19=$B$17,14,0)+IF('Standard Profiles'!$G$19=$B$24,21,0),0)),0)</f>
        <v>0</v>
      </c>
      <c r="F1978" cm="1">
        <f t="array" ref="F1978">IFERROR(INDEX(Jesper!AJ$2:AJ$366,ROUNDDOWN($C1978/24,0)+1,1)*INDEX($D$3:$AA$30,INDEX(Jesper!$R$2:$R$366,ROW(INDEX(Jesper!AJ$2:AJ$366,ROUNDDOWN($C1978/24,0)+1,1))-1)+IF('Standard Profiles'!$G$20=$B$10,7,0)+IF('Standard Profiles'!$G$20=$B$17,14,0)+IF('Standard Profiles'!$G$20=$B$24,21,0),MOD($C1978,24)+1)/SUM(INDEX($D$3:$AA$30,INDEX(Jesper!$R$2:$R$366,ROW(INDEX(Jesper!AJ$2:AJ$366,ROUNDDOWN($C1978/24,0)+1,1))-1)+IF('Standard Profiles'!$G$20=$B$10,7,0)+IF('Standard Profiles'!$G$20=$B$17,14,0)+IF('Standard Profiles'!$G$20=$B$24,21,0),0)),0)</f>
        <v>0</v>
      </c>
      <c r="G1978" cm="1">
        <f t="array" ref="G1978">IFERROR(INDEX(Jesper!AK$2:AK$366,ROUNDDOWN($C1978/24,0)+1,1)*INDEX($D$3:$AA$30,INDEX(Jesper!$R$2:$R$366,ROW(INDEX(Jesper!AK$2:AK$366,ROUNDDOWN($C1978/24,0)+1,1))-1)+IF('Standard Profiles'!$G$21=$B$10,7,0)+IF('Standard Profiles'!$G$21=$B$17,14,0)+IF('Standard Profiles'!$G$21=$B$24,21,0),MOD($C1978,24)+1)/SUM(INDEX($D$3:$AA$30,INDEX(Jesper!$R$2:$R$366,ROW(INDEX(Jesper!AK$2:AK$366,ROUNDDOWN($C1978/24,0)+1,1))-1)+IF('Standard Profiles'!$G$21=$B$10,7,0)+IF('Standard Profiles'!$G$21=$B$17,14,0)+IF('Standard Profiles'!$G$21=$B$24,21,0),0)),0)</f>
        <v>0</v>
      </c>
      <c r="H1978" cm="1">
        <f t="array" ref="H1978">IFERROR(INDEX(Jesper!AL$2:AL$366,ROUNDDOWN($C1978/24,0)+1,1)*INDEX($D$3:$AA$30,INDEX(Jesper!$R$2:$R$366,ROW(INDEX(Jesper!AL$2:AL$366,ROUNDDOWN($C1978/24,0)+1,1))-1)+IF('Standard Profiles'!$G$22=$B$10,7,0)+IF('Standard Profiles'!$G$22=$B$17,14,0)+IF('Standard Profiles'!$G$22=$B$24,21,0),MOD($C1978,24)+1)/SUM(INDEX($D$3:$AA$30,INDEX(Jesper!$R$2:$R$366,ROW(INDEX(Jesper!AL$2:AL$366,ROUNDDOWN($C1978/24,0)+1,1))-1)+IF('Standard Profiles'!$G$22=$B$10,7,0)+IF('Standard Profiles'!$G$22=$B$17,14,0)+IF('Standard Profiles'!$G$22=$B$24,21,0),0)),0)</f>
        <v>0</v>
      </c>
      <c r="I1978">
        <f t="shared" si="230"/>
        <v>0.25391321663019845</v>
      </c>
      <c r="J1978">
        <f t="shared" si="231"/>
        <v>0.84637738876732826</v>
      </c>
      <c r="K1978">
        <f t="shared" si="232"/>
        <v>1.2695660831509923</v>
      </c>
      <c r="L1978">
        <f t="shared" si="233"/>
        <v>6.0939171991247632</v>
      </c>
      <c r="M1978">
        <f t="shared" si="234"/>
        <v>0</v>
      </c>
      <c r="N1978" s="46">
        <f t="shared" si="235"/>
        <v>45372.999999995285</v>
      </c>
    </row>
    <row r="1979" spans="2:14" x14ac:dyDescent="0.3">
      <c r="B1979">
        <f t="shared" si="229"/>
        <v>5</v>
      </c>
      <c r="C1979" s="16">
        <v>1945</v>
      </c>
      <c r="D1979" cm="1">
        <f t="array" ref="D1979">IFERROR(INDEX(Jesper!AH$2:AH$366,ROUNDDOWN($C1979/24,0)+1,1)*INDEX($D$3:$AA$30,INDEX(Jesper!$R$2:$R$366,ROW(INDEX(Jesper!AH$2:AH$366,ROUNDDOWN($C1979/24,0)+1,1))-1)+IF('Standard Profiles'!$G$18=$B$10,7,0)+IF('Standard Profiles'!$G$18=$B$17,14,0)+IF('Standard Profiles'!$G$18=$B$24,21,0),MOD($C1979,24)+1)/SUM(INDEX($D$3:$AA$30,INDEX(Jesper!$R$2:$R$366,ROW(INDEX(Jesper!AH$2:AH$366,ROUNDDOWN($C1979/24,0)+1,1))-1)+IF('Standard Profiles'!$G$18=$B$10,7,0)+IF('Standard Profiles'!$G$18=$B$17,14,0)+IF('Standard Profiles'!$G$18=$B$24,21,0),0)),0)</f>
        <v>8.4637738876732822</v>
      </c>
      <c r="E1979" cm="1">
        <f t="array" ref="E1979">IFERROR(INDEX(Jesper!AI$2:AI$366,ROUNDDOWN($C1979/24,0)+1,1)*INDEX($D$3:$AA$30,INDEX(Jesper!$R$2:$R$366,ROW(INDEX(Jesper!AI$2:AI$366,ROUNDDOWN($C1979/24,0)+1,1))-1)+IF('Standard Profiles'!$G$19=$B$10,7,0)+IF('Standard Profiles'!$G$19=$B$17,14,0)+IF('Standard Profiles'!$G$19=$B$24,21,0),MOD($C1979,24)+1)/SUM(INDEX($D$3:$AA$30,INDEX(Jesper!$R$2:$R$366,ROW(INDEX(Jesper!AI$2:AI$366,ROUNDDOWN($C1979/24,0)+1,1))-1)+IF('Standard Profiles'!$G$19=$B$10,7,0)+IF('Standard Profiles'!$G$19=$B$17,14,0)+IF('Standard Profiles'!$G$19=$B$24,21,0),0)),0)</f>
        <v>0</v>
      </c>
      <c r="F1979" cm="1">
        <f t="array" ref="F1979">IFERROR(INDEX(Jesper!AJ$2:AJ$366,ROUNDDOWN($C1979/24,0)+1,1)*INDEX($D$3:$AA$30,INDEX(Jesper!$R$2:$R$366,ROW(INDEX(Jesper!AJ$2:AJ$366,ROUNDDOWN($C1979/24,0)+1,1))-1)+IF('Standard Profiles'!$G$20=$B$10,7,0)+IF('Standard Profiles'!$G$20=$B$17,14,0)+IF('Standard Profiles'!$G$20=$B$24,21,0),MOD($C1979,24)+1)/SUM(INDEX($D$3:$AA$30,INDEX(Jesper!$R$2:$R$366,ROW(INDEX(Jesper!AJ$2:AJ$366,ROUNDDOWN($C1979/24,0)+1,1))-1)+IF('Standard Profiles'!$G$20=$B$10,7,0)+IF('Standard Profiles'!$G$20=$B$17,14,0)+IF('Standard Profiles'!$G$20=$B$24,21,0),0)),0)</f>
        <v>0</v>
      </c>
      <c r="G1979" cm="1">
        <f t="array" ref="G1979">IFERROR(INDEX(Jesper!AK$2:AK$366,ROUNDDOWN($C1979/24,0)+1,1)*INDEX($D$3:$AA$30,INDEX(Jesper!$R$2:$R$366,ROW(INDEX(Jesper!AK$2:AK$366,ROUNDDOWN($C1979/24,0)+1,1))-1)+IF('Standard Profiles'!$G$21=$B$10,7,0)+IF('Standard Profiles'!$G$21=$B$17,14,0)+IF('Standard Profiles'!$G$21=$B$24,21,0),MOD($C1979,24)+1)/SUM(INDEX($D$3:$AA$30,INDEX(Jesper!$R$2:$R$366,ROW(INDEX(Jesper!AK$2:AK$366,ROUNDDOWN($C1979/24,0)+1,1))-1)+IF('Standard Profiles'!$G$21=$B$10,7,0)+IF('Standard Profiles'!$G$21=$B$17,14,0)+IF('Standard Profiles'!$G$21=$B$24,21,0),0)),0)</f>
        <v>0</v>
      </c>
      <c r="H1979" cm="1">
        <f t="array" ref="H1979">IFERROR(INDEX(Jesper!AL$2:AL$366,ROUNDDOWN($C1979/24,0)+1,1)*INDEX($D$3:$AA$30,INDEX(Jesper!$R$2:$R$366,ROW(INDEX(Jesper!AL$2:AL$366,ROUNDDOWN($C1979/24,0)+1,1))-1)+IF('Standard Profiles'!$G$22=$B$10,7,0)+IF('Standard Profiles'!$G$22=$B$17,14,0)+IF('Standard Profiles'!$G$22=$B$24,21,0),MOD($C1979,24)+1)/SUM(INDEX($D$3:$AA$30,INDEX(Jesper!$R$2:$R$366,ROW(INDEX(Jesper!AL$2:AL$366,ROUNDDOWN($C1979/24,0)+1,1))-1)+IF('Standard Profiles'!$G$22=$B$10,7,0)+IF('Standard Profiles'!$G$22=$B$17,14,0)+IF('Standard Profiles'!$G$22=$B$24,21,0),0)),0)</f>
        <v>0</v>
      </c>
      <c r="I1979">
        <f t="shared" si="230"/>
        <v>0.25391321663019845</v>
      </c>
      <c r="J1979">
        <f t="shared" si="231"/>
        <v>0.84637738876732826</v>
      </c>
      <c r="K1979">
        <f t="shared" si="232"/>
        <v>1.2695660831509923</v>
      </c>
      <c r="L1979">
        <f t="shared" si="233"/>
        <v>6.0939171991247632</v>
      </c>
      <c r="M1979">
        <f t="shared" si="234"/>
        <v>0</v>
      </c>
      <c r="N1979" s="46">
        <f t="shared" si="235"/>
        <v>45373.041666661949</v>
      </c>
    </row>
    <row r="1980" spans="2:14" x14ac:dyDescent="0.3">
      <c r="B1980">
        <f t="shared" si="229"/>
        <v>5</v>
      </c>
      <c r="C1980" s="16">
        <v>1946</v>
      </c>
      <c r="D1980" cm="1">
        <f t="array" ref="D1980">IFERROR(INDEX(Jesper!AH$2:AH$366,ROUNDDOWN($C1980/24,0)+1,1)*INDEX($D$3:$AA$30,INDEX(Jesper!$R$2:$R$366,ROW(INDEX(Jesper!AH$2:AH$366,ROUNDDOWN($C1980/24,0)+1,1))-1)+IF('Standard Profiles'!$G$18=$B$10,7,0)+IF('Standard Profiles'!$G$18=$B$17,14,0)+IF('Standard Profiles'!$G$18=$B$24,21,0),MOD($C1980,24)+1)/SUM(INDEX($D$3:$AA$30,INDEX(Jesper!$R$2:$R$366,ROW(INDEX(Jesper!AH$2:AH$366,ROUNDDOWN($C1980/24,0)+1,1))-1)+IF('Standard Profiles'!$G$18=$B$10,7,0)+IF('Standard Profiles'!$G$18=$B$17,14,0)+IF('Standard Profiles'!$G$18=$B$24,21,0),0)),0)</f>
        <v>8.4637738876732822</v>
      </c>
      <c r="E1980" cm="1">
        <f t="array" ref="E1980">IFERROR(INDEX(Jesper!AI$2:AI$366,ROUNDDOWN($C1980/24,0)+1,1)*INDEX($D$3:$AA$30,INDEX(Jesper!$R$2:$R$366,ROW(INDEX(Jesper!AI$2:AI$366,ROUNDDOWN($C1980/24,0)+1,1))-1)+IF('Standard Profiles'!$G$19=$B$10,7,0)+IF('Standard Profiles'!$G$19=$B$17,14,0)+IF('Standard Profiles'!$G$19=$B$24,21,0),MOD($C1980,24)+1)/SUM(INDEX($D$3:$AA$30,INDEX(Jesper!$R$2:$R$366,ROW(INDEX(Jesper!AI$2:AI$366,ROUNDDOWN($C1980/24,0)+1,1))-1)+IF('Standard Profiles'!$G$19=$B$10,7,0)+IF('Standard Profiles'!$G$19=$B$17,14,0)+IF('Standard Profiles'!$G$19=$B$24,21,0),0)),0)</f>
        <v>0</v>
      </c>
      <c r="F1980" cm="1">
        <f t="array" ref="F1980">IFERROR(INDEX(Jesper!AJ$2:AJ$366,ROUNDDOWN($C1980/24,0)+1,1)*INDEX($D$3:$AA$30,INDEX(Jesper!$R$2:$R$366,ROW(INDEX(Jesper!AJ$2:AJ$366,ROUNDDOWN($C1980/24,0)+1,1))-1)+IF('Standard Profiles'!$G$20=$B$10,7,0)+IF('Standard Profiles'!$G$20=$B$17,14,0)+IF('Standard Profiles'!$G$20=$B$24,21,0),MOD($C1980,24)+1)/SUM(INDEX($D$3:$AA$30,INDEX(Jesper!$R$2:$R$366,ROW(INDEX(Jesper!AJ$2:AJ$366,ROUNDDOWN($C1980/24,0)+1,1))-1)+IF('Standard Profiles'!$G$20=$B$10,7,0)+IF('Standard Profiles'!$G$20=$B$17,14,0)+IF('Standard Profiles'!$G$20=$B$24,21,0),0)),0)</f>
        <v>0</v>
      </c>
      <c r="G1980" cm="1">
        <f t="array" ref="G1980">IFERROR(INDEX(Jesper!AK$2:AK$366,ROUNDDOWN($C1980/24,0)+1,1)*INDEX($D$3:$AA$30,INDEX(Jesper!$R$2:$R$366,ROW(INDEX(Jesper!AK$2:AK$366,ROUNDDOWN($C1980/24,0)+1,1))-1)+IF('Standard Profiles'!$G$21=$B$10,7,0)+IF('Standard Profiles'!$G$21=$B$17,14,0)+IF('Standard Profiles'!$G$21=$B$24,21,0),MOD($C1980,24)+1)/SUM(INDEX($D$3:$AA$30,INDEX(Jesper!$R$2:$R$366,ROW(INDEX(Jesper!AK$2:AK$366,ROUNDDOWN($C1980/24,0)+1,1))-1)+IF('Standard Profiles'!$G$21=$B$10,7,0)+IF('Standard Profiles'!$G$21=$B$17,14,0)+IF('Standard Profiles'!$G$21=$B$24,21,0),0)),0)</f>
        <v>0</v>
      </c>
      <c r="H1980" cm="1">
        <f t="array" ref="H1980">IFERROR(INDEX(Jesper!AL$2:AL$366,ROUNDDOWN($C1980/24,0)+1,1)*INDEX($D$3:$AA$30,INDEX(Jesper!$R$2:$R$366,ROW(INDEX(Jesper!AL$2:AL$366,ROUNDDOWN($C1980/24,0)+1,1))-1)+IF('Standard Profiles'!$G$22=$B$10,7,0)+IF('Standard Profiles'!$G$22=$B$17,14,0)+IF('Standard Profiles'!$G$22=$B$24,21,0),MOD($C1980,24)+1)/SUM(INDEX($D$3:$AA$30,INDEX(Jesper!$R$2:$R$366,ROW(INDEX(Jesper!AL$2:AL$366,ROUNDDOWN($C1980/24,0)+1,1))-1)+IF('Standard Profiles'!$G$22=$B$10,7,0)+IF('Standard Profiles'!$G$22=$B$17,14,0)+IF('Standard Profiles'!$G$22=$B$24,21,0),0)),0)</f>
        <v>0</v>
      </c>
      <c r="I1980">
        <f t="shared" si="230"/>
        <v>0.25391321663019845</v>
      </c>
      <c r="J1980">
        <f t="shared" si="231"/>
        <v>0.84637738876732826</v>
      </c>
      <c r="K1980">
        <f t="shared" si="232"/>
        <v>1.2695660831509923</v>
      </c>
      <c r="L1980">
        <f t="shared" si="233"/>
        <v>6.0939171991247632</v>
      </c>
      <c r="M1980">
        <f t="shared" si="234"/>
        <v>0</v>
      </c>
      <c r="N1980" s="46">
        <f t="shared" si="235"/>
        <v>45373.083333328614</v>
      </c>
    </row>
    <row r="1981" spans="2:14" x14ac:dyDescent="0.3">
      <c r="B1981">
        <f t="shared" si="229"/>
        <v>5</v>
      </c>
      <c r="C1981" s="16">
        <v>1947</v>
      </c>
      <c r="D1981" cm="1">
        <f t="array" ref="D1981">IFERROR(INDEX(Jesper!AH$2:AH$366,ROUNDDOWN($C1981/24,0)+1,1)*INDEX($D$3:$AA$30,INDEX(Jesper!$R$2:$R$366,ROW(INDEX(Jesper!AH$2:AH$366,ROUNDDOWN($C1981/24,0)+1,1))-1)+IF('Standard Profiles'!$G$18=$B$10,7,0)+IF('Standard Profiles'!$G$18=$B$17,14,0)+IF('Standard Profiles'!$G$18=$B$24,21,0),MOD($C1981,24)+1)/SUM(INDEX($D$3:$AA$30,INDEX(Jesper!$R$2:$R$366,ROW(INDEX(Jesper!AH$2:AH$366,ROUNDDOWN($C1981/24,0)+1,1))-1)+IF('Standard Profiles'!$G$18=$B$10,7,0)+IF('Standard Profiles'!$G$18=$B$17,14,0)+IF('Standard Profiles'!$G$18=$B$24,21,0),0)),0)</f>
        <v>8.4637738876732822</v>
      </c>
      <c r="E1981" cm="1">
        <f t="array" ref="E1981">IFERROR(INDEX(Jesper!AI$2:AI$366,ROUNDDOWN($C1981/24,0)+1,1)*INDEX($D$3:$AA$30,INDEX(Jesper!$R$2:$R$366,ROW(INDEX(Jesper!AI$2:AI$366,ROUNDDOWN($C1981/24,0)+1,1))-1)+IF('Standard Profiles'!$G$19=$B$10,7,0)+IF('Standard Profiles'!$G$19=$B$17,14,0)+IF('Standard Profiles'!$G$19=$B$24,21,0),MOD($C1981,24)+1)/SUM(INDEX($D$3:$AA$30,INDEX(Jesper!$R$2:$R$366,ROW(INDEX(Jesper!AI$2:AI$366,ROUNDDOWN($C1981/24,0)+1,1))-1)+IF('Standard Profiles'!$G$19=$B$10,7,0)+IF('Standard Profiles'!$G$19=$B$17,14,0)+IF('Standard Profiles'!$G$19=$B$24,21,0),0)),0)</f>
        <v>0</v>
      </c>
      <c r="F1981" cm="1">
        <f t="array" ref="F1981">IFERROR(INDEX(Jesper!AJ$2:AJ$366,ROUNDDOWN($C1981/24,0)+1,1)*INDEX($D$3:$AA$30,INDEX(Jesper!$R$2:$R$366,ROW(INDEX(Jesper!AJ$2:AJ$366,ROUNDDOWN($C1981/24,0)+1,1))-1)+IF('Standard Profiles'!$G$20=$B$10,7,0)+IF('Standard Profiles'!$G$20=$B$17,14,0)+IF('Standard Profiles'!$G$20=$B$24,21,0),MOD($C1981,24)+1)/SUM(INDEX($D$3:$AA$30,INDEX(Jesper!$R$2:$R$366,ROW(INDEX(Jesper!AJ$2:AJ$366,ROUNDDOWN($C1981/24,0)+1,1))-1)+IF('Standard Profiles'!$G$20=$B$10,7,0)+IF('Standard Profiles'!$G$20=$B$17,14,0)+IF('Standard Profiles'!$G$20=$B$24,21,0),0)),0)</f>
        <v>0</v>
      </c>
      <c r="G1981" cm="1">
        <f t="array" ref="G1981">IFERROR(INDEX(Jesper!AK$2:AK$366,ROUNDDOWN($C1981/24,0)+1,1)*INDEX($D$3:$AA$30,INDEX(Jesper!$R$2:$R$366,ROW(INDEX(Jesper!AK$2:AK$366,ROUNDDOWN($C1981/24,0)+1,1))-1)+IF('Standard Profiles'!$G$21=$B$10,7,0)+IF('Standard Profiles'!$G$21=$B$17,14,0)+IF('Standard Profiles'!$G$21=$B$24,21,0),MOD($C1981,24)+1)/SUM(INDEX($D$3:$AA$30,INDEX(Jesper!$R$2:$R$366,ROW(INDEX(Jesper!AK$2:AK$366,ROUNDDOWN($C1981/24,0)+1,1))-1)+IF('Standard Profiles'!$G$21=$B$10,7,0)+IF('Standard Profiles'!$G$21=$B$17,14,0)+IF('Standard Profiles'!$G$21=$B$24,21,0),0)),0)</f>
        <v>0</v>
      </c>
      <c r="H1981" cm="1">
        <f t="array" ref="H1981">IFERROR(INDEX(Jesper!AL$2:AL$366,ROUNDDOWN($C1981/24,0)+1,1)*INDEX($D$3:$AA$30,INDEX(Jesper!$R$2:$R$366,ROW(INDEX(Jesper!AL$2:AL$366,ROUNDDOWN($C1981/24,0)+1,1))-1)+IF('Standard Profiles'!$G$22=$B$10,7,0)+IF('Standard Profiles'!$G$22=$B$17,14,0)+IF('Standard Profiles'!$G$22=$B$24,21,0),MOD($C1981,24)+1)/SUM(INDEX($D$3:$AA$30,INDEX(Jesper!$R$2:$R$366,ROW(INDEX(Jesper!AL$2:AL$366,ROUNDDOWN($C1981/24,0)+1,1))-1)+IF('Standard Profiles'!$G$22=$B$10,7,0)+IF('Standard Profiles'!$G$22=$B$17,14,0)+IF('Standard Profiles'!$G$22=$B$24,21,0),0)),0)</f>
        <v>0</v>
      </c>
      <c r="I1981">
        <f t="shared" si="230"/>
        <v>0.25391321663019845</v>
      </c>
      <c r="J1981">
        <f t="shared" si="231"/>
        <v>0.84637738876732826</v>
      </c>
      <c r="K1981">
        <f t="shared" si="232"/>
        <v>1.2695660831509923</v>
      </c>
      <c r="L1981">
        <f t="shared" si="233"/>
        <v>6.0939171991247632</v>
      </c>
      <c r="M1981">
        <f t="shared" si="234"/>
        <v>0</v>
      </c>
      <c r="N1981" s="46">
        <f t="shared" si="235"/>
        <v>45373.124999995278</v>
      </c>
    </row>
    <row r="1982" spans="2:14" x14ac:dyDescent="0.3">
      <c r="B1982">
        <f t="shared" si="229"/>
        <v>5</v>
      </c>
      <c r="C1982" s="16">
        <v>1948</v>
      </c>
      <c r="D1982" cm="1">
        <f t="array" ref="D1982">IFERROR(INDEX(Jesper!AH$2:AH$366,ROUNDDOWN($C1982/24,0)+1,1)*INDEX($D$3:$AA$30,INDEX(Jesper!$R$2:$R$366,ROW(INDEX(Jesper!AH$2:AH$366,ROUNDDOWN($C1982/24,0)+1,1))-1)+IF('Standard Profiles'!$G$18=$B$10,7,0)+IF('Standard Profiles'!$G$18=$B$17,14,0)+IF('Standard Profiles'!$G$18=$B$24,21,0),MOD($C1982,24)+1)/SUM(INDEX($D$3:$AA$30,INDEX(Jesper!$R$2:$R$366,ROW(INDEX(Jesper!AH$2:AH$366,ROUNDDOWN($C1982/24,0)+1,1))-1)+IF('Standard Profiles'!$G$18=$B$10,7,0)+IF('Standard Profiles'!$G$18=$B$17,14,0)+IF('Standard Profiles'!$G$18=$B$24,21,0),0)),0)</f>
        <v>8.4637738876732822</v>
      </c>
      <c r="E1982" cm="1">
        <f t="array" ref="E1982">IFERROR(INDEX(Jesper!AI$2:AI$366,ROUNDDOWN($C1982/24,0)+1,1)*INDEX($D$3:$AA$30,INDEX(Jesper!$R$2:$R$366,ROW(INDEX(Jesper!AI$2:AI$366,ROUNDDOWN($C1982/24,0)+1,1))-1)+IF('Standard Profiles'!$G$19=$B$10,7,0)+IF('Standard Profiles'!$G$19=$B$17,14,0)+IF('Standard Profiles'!$G$19=$B$24,21,0),MOD($C1982,24)+1)/SUM(INDEX($D$3:$AA$30,INDEX(Jesper!$R$2:$R$366,ROW(INDEX(Jesper!AI$2:AI$366,ROUNDDOWN($C1982/24,0)+1,1))-1)+IF('Standard Profiles'!$G$19=$B$10,7,0)+IF('Standard Profiles'!$G$19=$B$17,14,0)+IF('Standard Profiles'!$G$19=$B$24,21,0),0)),0)</f>
        <v>0</v>
      </c>
      <c r="F1982" cm="1">
        <f t="array" ref="F1982">IFERROR(INDEX(Jesper!AJ$2:AJ$366,ROUNDDOWN($C1982/24,0)+1,1)*INDEX($D$3:$AA$30,INDEX(Jesper!$R$2:$R$366,ROW(INDEX(Jesper!AJ$2:AJ$366,ROUNDDOWN($C1982/24,0)+1,1))-1)+IF('Standard Profiles'!$G$20=$B$10,7,0)+IF('Standard Profiles'!$G$20=$B$17,14,0)+IF('Standard Profiles'!$G$20=$B$24,21,0),MOD($C1982,24)+1)/SUM(INDEX($D$3:$AA$30,INDEX(Jesper!$R$2:$R$366,ROW(INDEX(Jesper!AJ$2:AJ$366,ROUNDDOWN($C1982/24,0)+1,1))-1)+IF('Standard Profiles'!$G$20=$B$10,7,0)+IF('Standard Profiles'!$G$20=$B$17,14,0)+IF('Standard Profiles'!$G$20=$B$24,21,0),0)),0)</f>
        <v>0</v>
      </c>
      <c r="G1982" cm="1">
        <f t="array" ref="G1982">IFERROR(INDEX(Jesper!AK$2:AK$366,ROUNDDOWN($C1982/24,0)+1,1)*INDEX($D$3:$AA$30,INDEX(Jesper!$R$2:$R$366,ROW(INDEX(Jesper!AK$2:AK$366,ROUNDDOWN($C1982/24,0)+1,1))-1)+IF('Standard Profiles'!$G$21=$B$10,7,0)+IF('Standard Profiles'!$G$21=$B$17,14,0)+IF('Standard Profiles'!$G$21=$B$24,21,0),MOD($C1982,24)+1)/SUM(INDEX($D$3:$AA$30,INDEX(Jesper!$R$2:$R$366,ROW(INDEX(Jesper!AK$2:AK$366,ROUNDDOWN($C1982/24,0)+1,1))-1)+IF('Standard Profiles'!$G$21=$B$10,7,0)+IF('Standard Profiles'!$G$21=$B$17,14,0)+IF('Standard Profiles'!$G$21=$B$24,21,0),0)),0)</f>
        <v>0</v>
      </c>
      <c r="H1982" cm="1">
        <f t="array" ref="H1982">IFERROR(INDEX(Jesper!AL$2:AL$366,ROUNDDOWN($C1982/24,0)+1,1)*INDEX($D$3:$AA$30,INDEX(Jesper!$R$2:$R$366,ROW(INDEX(Jesper!AL$2:AL$366,ROUNDDOWN($C1982/24,0)+1,1))-1)+IF('Standard Profiles'!$G$22=$B$10,7,0)+IF('Standard Profiles'!$G$22=$B$17,14,0)+IF('Standard Profiles'!$G$22=$B$24,21,0),MOD($C1982,24)+1)/SUM(INDEX($D$3:$AA$30,INDEX(Jesper!$R$2:$R$366,ROW(INDEX(Jesper!AL$2:AL$366,ROUNDDOWN($C1982/24,0)+1,1))-1)+IF('Standard Profiles'!$G$22=$B$10,7,0)+IF('Standard Profiles'!$G$22=$B$17,14,0)+IF('Standard Profiles'!$G$22=$B$24,21,0),0)),0)</f>
        <v>0</v>
      </c>
      <c r="I1982">
        <f t="shared" si="230"/>
        <v>0.25391321663019845</v>
      </c>
      <c r="J1982">
        <f t="shared" si="231"/>
        <v>0.84637738876732826</v>
      </c>
      <c r="K1982">
        <f t="shared" si="232"/>
        <v>1.2695660831509923</v>
      </c>
      <c r="L1982">
        <f t="shared" si="233"/>
        <v>6.0939171991247632</v>
      </c>
      <c r="M1982">
        <f t="shared" si="234"/>
        <v>0</v>
      </c>
      <c r="N1982" s="46">
        <f t="shared" si="235"/>
        <v>45373.166666661942</v>
      </c>
    </row>
    <row r="1983" spans="2:14" x14ac:dyDescent="0.3">
      <c r="B1983">
        <f t="shared" si="229"/>
        <v>5</v>
      </c>
      <c r="C1983" s="16">
        <v>1949</v>
      </c>
      <c r="D1983" cm="1">
        <f t="array" ref="D1983">IFERROR(INDEX(Jesper!AH$2:AH$366,ROUNDDOWN($C1983/24,0)+1,1)*INDEX($D$3:$AA$30,INDEX(Jesper!$R$2:$R$366,ROW(INDEX(Jesper!AH$2:AH$366,ROUNDDOWN($C1983/24,0)+1,1))-1)+IF('Standard Profiles'!$G$18=$B$10,7,0)+IF('Standard Profiles'!$G$18=$B$17,14,0)+IF('Standard Profiles'!$G$18=$B$24,21,0),MOD($C1983,24)+1)/SUM(INDEX($D$3:$AA$30,INDEX(Jesper!$R$2:$R$366,ROW(INDEX(Jesper!AH$2:AH$366,ROUNDDOWN($C1983/24,0)+1,1))-1)+IF('Standard Profiles'!$G$18=$B$10,7,0)+IF('Standard Profiles'!$G$18=$B$17,14,0)+IF('Standard Profiles'!$G$18=$B$24,21,0),0)),0)</f>
        <v>10.908864121890009</v>
      </c>
      <c r="E1983" cm="1">
        <f t="array" ref="E1983">IFERROR(INDEX(Jesper!AI$2:AI$366,ROUNDDOWN($C1983/24,0)+1,1)*INDEX($D$3:$AA$30,INDEX(Jesper!$R$2:$R$366,ROW(INDEX(Jesper!AI$2:AI$366,ROUNDDOWN($C1983/24,0)+1,1))-1)+IF('Standard Profiles'!$G$19=$B$10,7,0)+IF('Standard Profiles'!$G$19=$B$17,14,0)+IF('Standard Profiles'!$G$19=$B$24,21,0),MOD($C1983,24)+1)/SUM(INDEX($D$3:$AA$30,INDEX(Jesper!$R$2:$R$366,ROW(INDEX(Jesper!AI$2:AI$366,ROUNDDOWN($C1983/24,0)+1,1))-1)+IF('Standard Profiles'!$G$19=$B$10,7,0)+IF('Standard Profiles'!$G$19=$B$17,14,0)+IF('Standard Profiles'!$G$19=$B$24,21,0),0)),0)</f>
        <v>0</v>
      </c>
      <c r="F1983" cm="1">
        <f t="array" ref="F1983">IFERROR(INDEX(Jesper!AJ$2:AJ$366,ROUNDDOWN($C1983/24,0)+1,1)*INDEX($D$3:$AA$30,INDEX(Jesper!$R$2:$R$366,ROW(INDEX(Jesper!AJ$2:AJ$366,ROUNDDOWN($C1983/24,0)+1,1))-1)+IF('Standard Profiles'!$G$20=$B$10,7,0)+IF('Standard Profiles'!$G$20=$B$17,14,0)+IF('Standard Profiles'!$G$20=$B$24,21,0),MOD($C1983,24)+1)/SUM(INDEX($D$3:$AA$30,INDEX(Jesper!$R$2:$R$366,ROW(INDEX(Jesper!AJ$2:AJ$366,ROUNDDOWN($C1983/24,0)+1,1))-1)+IF('Standard Profiles'!$G$20=$B$10,7,0)+IF('Standard Profiles'!$G$20=$B$17,14,0)+IF('Standard Profiles'!$G$20=$B$24,21,0),0)),0)</f>
        <v>0</v>
      </c>
      <c r="G1983" cm="1">
        <f t="array" ref="G1983">IFERROR(INDEX(Jesper!AK$2:AK$366,ROUNDDOWN($C1983/24,0)+1,1)*INDEX($D$3:$AA$30,INDEX(Jesper!$R$2:$R$366,ROW(INDEX(Jesper!AK$2:AK$366,ROUNDDOWN($C1983/24,0)+1,1))-1)+IF('Standard Profiles'!$G$21=$B$10,7,0)+IF('Standard Profiles'!$G$21=$B$17,14,0)+IF('Standard Profiles'!$G$21=$B$24,21,0),MOD($C1983,24)+1)/SUM(INDEX($D$3:$AA$30,INDEX(Jesper!$R$2:$R$366,ROW(INDEX(Jesper!AK$2:AK$366,ROUNDDOWN($C1983/24,0)+1,1))-1)+IF('Standard Profiles'!$G$21=$B$10,7,0)+IF('Standard Profiles'!$G$21=$B$17,14,0)+IF('Standard Profiles'!$G$21=$B$24,21,0),0)),0)</f>
        <v>0</v>
      </c>
      <c r="H1983" cm="1">
        <f t="array" ref="H1983">IFERROR(INDEX(Jesper!AL$2:AL$366,ROUNDDOWN($C1983/24,0)+1,1)*INDEX($D$3:$AA$30,INDEX(Jesper!$R$2:$R$366,ROW(INDEX(Jesper!AL$2:AL$366,ROUNDDOWN($C1983/24,0)+1,1))-1)+IF('Standard Profiles'!$G$22=$B$10,7,0)+IF('Standard Profiles'!$G$22=$B$17,14,0)+IF('Standard Profiles'!$G$22=$B$24,21,0),MOD($C1983,24)+1)/SUM(INDEX($D$3:$AA$30,INDEX(Jesper!$R$2:$R$366,ROW(INDEX(Jesper!AL$2:AL$366,ROUNDDOWN($C1983/24,0)+1,1))-1)+IF('Standard Profiles'!$G$22=$B$10,7,0)+IF('Standard Profiles'!$G$22=$B$17,14,0)+IF('Standard Profiles'!$G$22=$B$24,21,0),0)),0)</f>
        <v>0</v>
      </c>
      <c r="I1983">
        <f t="shared" si="230"/>
        <v>0.32726592365670026</v>
      </c>
      <c r="J1983">
        <f t="shared" si="231"/>
        <v>1.090886412189001</v>
      </c>
      <c r="K1983">
        <f t="shared" si="232"/>
        <v>1.6363296182835012</v>
      </c>
      <c r="L1983">
        <f t="shared" si="233"/>
        <v>7.8543821677608063</v>
      </c>
      <c r="M1983">
        <f t="shared" si="234"/>
        <v>0</v>
      </c>
      <c r="N1983" s="46">
        <f t="shared" si="235"/>
        <v>45373.208333328606</v>
      </c>
    </row>
    <row r="1984" spans="2:14" x14ac:dyDescent="0.3">
      <c r="B1984">
        <f t="shared" si="229"/>
        <v>5</v>
      </c>
      <c r="C1984" s="16">
        <v>1950</v>
      </c>
      <c r="D1984" cm="1">
        <f t="array" ref="D1984">IFERROR(INDEX(Jesper!AH$2:AH$366,ROUNDDOWN($C1984/24,0)+1,1)*INDEX($D$3:$AA$30,INDEX(Jesper!$R$2:$R$366,ROW(INDEX(Jesper!AH$2:AH$366,ROUNDDOWN($C1984/24,0)+1,1))-1)+IF('Standard Profiles'!$G$18=$B$10,7,0)+IF('Standard Profiles'!$G$18=$B$17,14,0)+IF('Standard Profiles'!$G$18=$B$24,21,0),MOD($C1984,24)+1)/SUM(INDEX($D$3:$AA$30,INDEX(Jesper!$R$2:$R$366,ROW(INDEX(Jesper!AH$2:AH$366,ROUNDDOWN($C1984/24,0)+1,1))-1)+IF('Standard Profiles'!$G$18=$B$10,7,0)+IF('Standard Profiles'!$G$18=$B$17,14,0)+IF('Standard Profiles'!$G$18=$B$24,21,0),0)),0)</f>
        <v>13.16587049193622</v>
      </c>
      <c r="E1984" cm="1">
        <f t="array" ref="E1984">IFERROR(INDEX(Jesper!AI$2:AI$366,ROUNDDOWN($C1984/24,0)+1,1)*INDEX($D$3:$AA$30,INDEX(Jesper!$R$2:$R$366,ROW(INDEX(Jesper!AI$2:AI$366,ROUNDDOWN($C1984/24,0)+1,1))-1)+IF('Standard Profiles'!$G$19=$B$10,7,0)+IF('Standard Profiles'!$G$19=$B$17,14,0)+IF('Standard Profiles'!$G$19=$B$24,21,0),MOD($C1984,24)+1)/SUM(INDEX($D$3:$AA$30,INDEX(Jesper!$R$2:$R$366,ROW(INDEX(Jesper!AI$2:AI$366,ROUNDDOWN($C1984/24,0)+1,1))-1)+IF('Standard Profiles'!$G$19=$B$10,7,0)+IF('Standard Profiles'!$G$19=$B$17,14,0)+IF('Standard Profiles'!$G$19=$B$24,21,0),0)),0)</f>
        <v>0</v>
      </c>
      <c r="F1984" cm="1">
        <f t="array" ref="F1984">IFERROR(INDEX(Jesper!AJ$2:AJ$366,ROUNDDOWN($C1984/24,0)+1,1)*INDEX($D$3:$AA$30,INDEX(Jesper!$R$2:$R$366,ROW(INDEX(Jesper!AJ$2:AJ$366,ROUNDDOWN($C1984/24,0)+1,1))-1)+IF('Standard Profiles'!$G$20=$B$10,7,0)+IF('Standard Profiles'!$G$20=$B$17,14,0)+IF('Standard Profiles'!$G$20=$B$24,21,0),MOD($C1984,24)+1)/SUM(INDEX($D$3:$AA$30,INDEX(Jesper!$R$2:$R$366,ROW(INDEX(Jesper!AJ$2:AJ$366,ROUNDDOWN($C1984/24,0)+1,1))-1)+IF('Standard Profiles'!$G$20=$B$10,7,0)+IF('Standard Profiles'!$G$20=$B$17,14,0)+IF('Standard Profiles'!$G$20=$B$24,21,0),0)),0)</f>
        <v>0</v>
      </c>
      <c r="G1984" cm="1">
        <f t="array" ref="G1984">IFERROR(INDEX(Jesper!AK$2:AK$366,ROUNDDOWN($C1984/24,0)+1,1)*INDEX($D$3:$AA$30,INDEX(Jesper!$R$2:$R$366,ROW(INDEX(Jesper!AK$2:AK$366,ROUNDDOWN($C1984/24,0)+1,1))-1)+IF('Standard Profiles'!$G$21=$B$10,7,0)+IF('Standard Profiles'!$G$21=$B$17,14,0)+IF('Standard Profiles'!$G$21=$B$24,21,0),MOD($C1984,24)+1)/SUM(INDEX($D$3:$AA$30,INDEX(Jesper!$R$2:$R$366,ROW(INDEX(Jesper!AK$2:AK$366,ROUNDDOWN($C1984/24,0)+1,1))-1)+IF('Standard Profiles'!$G$21=$B$10,7,0)+IF('Standard Profiles'!$G$21=$B$17,14,0)+IF('Standard Profiles'!$G$21=$B$24,21,0),0)),0)</f>
        <v>0</v>
      </c>
      <c r="H1984" cm="1">
        <f t="array" ref="H1984">IFERROR(INDEX(Jesper!AL$2:AL$366,ROUNDDOWN($C1984/24,0)+1,1)*INDEX($D$3:$AA$30,INDEX(Jesper!$R$2:$R$366,ROW(INDEX(Jesper!AL$2:AL$366,ROUNDDOWN($C1984/24,0)+1,1))-1)+IF('Standard Profiles'!$G$22=$B$10,7,0)+IF('Standard Profiles'!$G$22=$B$17,14,0)+IF('Standard Profiles'!$G$22=$B$24,21,0),MOD($C1984,24)+1)/SUM(INDEX($D$3:$AA$30,INDEX(Jesper!$R$2:$R$366,ROW(INDEX(Jesper!AL$2:AL$366,ROUNDDOWN($C1984/24,0)+1,1))-1)+IF('Standard Profiles'!$G$22=$B$10,7,0)+IF('Standard Profiles'!$G$22=$B$17,14,0)+IF('Standard Profiles'!$G$22=$B$24,21,0),0)),0)</f>
        <v>0</v>
      </c>
      <c r="I1984">
        <f t="shared" si="230"/>
        <v>0.39497611475808658</v>
      </c>
      <c r="J1984">
        <f t="shared" si="231"/>
        <v>1.316587049193622</v>
      </c>
      <c r="K1984">
        <f t="shared" si="232"/>
        <v>1.9748805737904329</v>
      </c>
      <c r="L1984">
        <f t="shared" si="233"/>
        <v>9.479426754194078</v>
      </c>
      <c r="M1984">
        <f t="shared" si="234"/>
        <v>0</v>
      </c>
      <c r="N1984" s="46">
        <f t="shared" si="235"/>
        <v>45373.249999995271</v>
      </c>
    </row>
    <row r="1985" spans="2:14" x14ac:dyDescent="0.3">
      <c r="B1985">
        <f t="shared" si="229"/>
        <v>5</v>
      </c>
      <c r="C1985" s="16">
        <v>1951</v>
      </c>
      <c r="D1985" cm="1">
        <f t="array" ref="D1985">IFERROR(INDEX(Jesper!AH$2:AH$366,ROUNDDOWN($C1985/24,0)+1,1)*INDEX($D$3:$AA$30,INDEX(Jesper!$R$2:$R$366,ROW(INDEX(Jesper!AH$2:AH$366,ROUNDDOWN($C1985/24,0)+1,1))-1)+IF('Standard Profiles'!$G$18=$B$10,7,0)+IF('Standard Profiles'!$G$18=$B$17,14,0)+IF('Standard Profiles'!$G$18=$B$24,21,0),MOD($C1985,24)+1)/SUM(INDEX($D$3:$AA$30,INDEX(Jesper!$R$2:$R$366,ROW(INDEX(Jesper!AH$2:AH$366,ROUNDDOWN($C1985/24,0)+1,1))-1)+IF('Standard Profiles'!$G$18=$B$10,7,0)+IF('Standard Profiles'!$G$18=$B$17,14,0)+IF('Standard Profiles'!$G$18=$B$24,21,0),0)),0)</f>
        <v>13.16587049193622</v>
      </c>
      <c r="E1985" cm="1">
        <f t="array" ref="E1985">IFERROR(INDEX(Jesper!AI$2:AI$366,ROUNDDOWN($C1985/24,0)+1,1)*INDEX($D$3:$AA$30,INDEX(Jesper!$R$2:$R$366,ROW(INDEX(Jesper!AI$2:AI$366,ROUNDDOWN($C1985/24,0)+1,1))-1)+IF('Standard Profiles'!$G$19=$B$10,7,0)+IF('Standard Profiles'!$G$19=$B$17,14,0)+IF('Standard Profiles'!$G$19=$B$24,21,0),MOD($C1985,24)+1)/SUM(INDEX($D$3:$AA$30,INDEX(Jesper!$R$2:$R$366,ROW(INDEX(Jesper!AI$2:AI$366,ROUNDDOWN($C1985/24,0)+1,1))-1)+IF('Standard Profiles'!$G$19=$B$10,7,0)+IF('Standard Profiles'!$G$19=$B$17,14,0)+IF('Standard Profiles'!$G$19=$B$24,21,0),0)),0)</f>
        <v>0</v>
      </c>
      <c r="F1985" cm="1">
        <f t="array" ref="F1985">IFERROR(INDEX(Jesper!AJ$2:AJ$366,ROUNDDOWN($C1985/24,0)+1,1)*INDEX($D$3:$AA$30,INDEX(Jesper!$R$2:$R$366,ROW(INDEX(Jesper!AJ$2:AJ$366,ROUNDDOWN($C1985/24,0)+1,1))-1)+IF('Standard Profiles'!$G$20=$B$10,7,0)+IF('Standard Profiles'!$G$20=$B$17,14,0)+IF('Standard Profiles'!$G$20=$B$24,21,0),MOD($C1985,24)+1)/SUM(INDEX($D$3:$AA$30,INDEX(Jesper!$R$2:$R$366,ROW(INDEX(Jesper!AJ$2:AJ$366,ROUNDDOWN($C1985/24,0)+1,1))-1)+IF('Standard Profiles'!$G$20=$B$10,7,0)+IF('Standard Profiles'!$G$20=$B$17,14,0)+IF('Standard Profiles'!$G$20=$B$24,21,0),0)),0)</f>
        <v>0</v>
      </c>
      <c r="G1985" cm="1">
        <f t="array" ref="G1985">IFERROR(INDEX(Jesper!AK$2:AK$366,ROUNDDOWN($C1985/24,0)+1,1)*INDEX($D$3:$AA$30,INDEX(Jesper!$R$2:$R$366,ROW(INDEX(Jesper!AK$2:AK$366,ROUNDDOWN($C1985/24,0)+1,1))-1)+IF('Standard Profiles'!$G$21=$B$10,7,0)+IF('Standard Profiles'!$G$21=$B$17,14,0)+IF('Standard Profiles'!$G$21=$B$24,21,0),MOD($C1985,24)+1)/SUM(INDEX($D$3:$AA$30,INDEX(Jesper!$R$2:$R$366,ROW(INDEX(Jesper!AK$2:AK$366,ROUNDDOWN($C1985/24,0)+1,1))-1)+IF('Standard Profiles'!$G$21=$B$10,7,0)+IF('Standard Profiles'!$G$21=$B$17,14,0)+IF('Standard Profiles'!$G$21=$B$24,21,0),0)),0)</f>
        <v>0</v>
      </c>
      <c r="H1985" cm="1">
        <f t="array" ref="H1985">IFERROR(INDEX(Jesper!AL$2:AL$366,ROUNDDOWN($C1985/24,0)+1,1)*INDEX($D$3:$AA$30,INDEX(Jesper!$R$2:$R$366,ROW(INDEX(Jesper!AL$2:AL$366,ROUNDDOWN($C1985/24,0)+1,1))-1)+IF('Standard Profiles'!$G$22=$B$10,7,0)+IF('Standard Profiles'!$G$22=$B$17,14,0)+IF('Standard Profiles'!$G$22=$B$24,21,0),MOD($C1985,24)+1)/SUM(INDEX($D$3:$AA$30,INDEX(Jesper!$R$2:$R$366,ROW(INDEX(Jesper!AL$2:AL$366,ROUNDDOWN($C1985/24,0)+1,1))-1)+IF('Standard Profiles'!$G$22=$B$10,7,0)+IF('Standard Profiles'!$G$22=$B$17,14,0)+IF('Standard Profiles'!$G$22=$B$24,21,0),0)),0)</f>
        <v>0</v>
      </c>
      <c r="I1985">
        <f t="shared" si="230"/>
        <v>0.39497611475808658</v>
      </c>
      <c r="J1985">
        <f t="shared" si="231"/>
        <v>1.316587049193622</v>
      </c>
      <c r="K1985">
        <f t="shared" si="232"/>
        <v>1.9748805737904329</v>
      </c>
      <c r="L1985">
        <f t="shared" si="233"/>
        <v>9.479426754194078</v>
      </c>
      <c r="M1985">
        <f t="shared" si="234"/>
        <v>0</v>
      </c>
      <c r="N1985" s="46">
        <f t="shared" si="235"/>
        <v>45373.291666661935</v>
      </c>
    </row>
    <row r="1986" spans="2:14" x14ac:dyDescent="0.3">
      <c r="B1986">
        <f t="shared" si="229"/>
        <v>5</v>
      </c>
      <c r="C1986" s="16">
        <v>1952</v>
      </c>
      <c r="D1986" cm="1">
        <f t="array" ref="D1986">IFERROR(INDEX(Jesper!AH$2:AH$366,ROUNDDOWN($C1986/24,0)+1,1)*INDEX($D$3:$AA$30,INDEX(Jesper!$R$2:$R$366,ROW(INDEX(Jesper!AH$2:AH$366,ROUNDDOWN($C1986/24,0)+1,1))-1)+IF('Standard Profiles'!$G$18=$B$10,7,0)+IF('Standard Profiles'!$G$18=$B$17,14,0)+IF('Standard Profiles'!$G$18=$B$24,21,0),MOD($C1986,24)+1)/SUM(INDEX($D$3:$AA$30,INDEX(Jesper!$R$2:$R$366,ROW(INDEX(Jesper!AH$2:AH$366,ROUNDDOWN($C1986/24,0)+1,1))-1)+IF('Standard Profiles'!$G$18=$B$10,7,0)+IF('Standard Profiles'!$G$18=$B$17,14,0)+IF('Standard Profiles'!$G$18=$B$24,21,0),0)),0)</f>
        <v>13.16587049193622</v>
      </c>
      <c r="E1986" cm="1">
        <f t="array" ref="E1986">IFERROR(INDEX(Jesper!AI$2:AI$366,ROUNDDOWN($C1986/24,0)+1,1)*INDEX($D$3:$AA$30,INDEX(Jesper!$R$2:$R$366,ROW(INDEX(Jesper!AI$2:AI$366,ROUNDDOWN($C1986/24,0)+1,1))-1)+IF('Standard Profiles'!$G$19=$B$10,7,0)+IF('Standard Profiles'!$G$19=$B$17,14,0)+IF('Standard Profiles'!$G$19=$B$24,21,0),MOD($C1986,24)+1)/SUM(INDEX($D$3:$AA$30,INDEX(Jesper!$R$2:$R$366,ROW(INDEX(Jesper!AI$2:AI$366,ROUNDDOWN($C1986/24,0)+1,1))-1)+IF('Standard Profiles'!$G$19=$B$10,7,0)+IF('Standard Profiles'!$G$19=$B$17,14,0)+IF('Standard Profiles'!$G$19=$B$24,21,0),0)),0)</f>
        <v>0</v>
      </c>
      <c r="F1986" cm="1">
        <f t="array" ref="F1986">IFERROR(INDEX(Jesper!AJ$2:AJ$366,ROUNDDOWN($C1986/24,0)+1,1)*INDEX($D$3:$AA$30,INDEX(Jesper!$R$2:$R$366,ROW(INDEX(Jesper!AJ$2:AJ$366,ROUNDDOWN($C1986/24,0)+1,1))-1)+IF('Standard Profiles'!$G$20=$B$10,7,0)+IF('Standard Profiles'!$G$20=$B$17,14,0)+IF('Standard Profiles'!$G$20=$B$24,21,0),MOD($C1986,24)+1)/SUM(INDEX($D$3:$AA$30,INDEX(Jesper!$R$2:$R$366,ROW(INDEX(Jesper!AJ$2:AJ$366,ROUNDDOWN($C1986/24,0)+1,1))-1)+IF('Standard Profiles'!$G$20=$B$10,7,0)+IF('Standard Profiles'!$G$20=$B$17,14,0)+IF('Standard Profiles'!$G$20=$B$24,21,0),0)),0)</f>
        <v>0</v>
      </c>
      <c r="G1986" cm="1">
        <f t="array" ref="G1986">IFERROR(INDEX(Jesper!AK$2:AK$366,ROUNDDOWN($C1986/24,0)+1,1)*INDEX($D$3:$AA$30,INDEX(Jesper!$R$2:$R$366,ROW(INDEX(Jesper!AK$2:AK$366,ROUNDDOWN($C1986/24,0)+1,1))-1)+IF('Standard Profiles'!$G$21=$B$10,7,0)+IF('Standard Profiles'!$G$21=$B$17,14,0)+IF('Standard Profiles'!$G$21=$B$24,21,0),MOD($C1986,24)+1)/SUM(INDEX($D$3:$AA$30,INDEX(Jesper!$R$2:$R$366,ROW(INDEX(Jesper!AK$2:AK$366,ROUNDDOWN($C1986/24,0)+1,1))-1)+IF('Standard Profiles'!$G$21=$B$10,7,0)+IF('Standard Profiles'!$G$21=$B$17,14,0)+IF('Standard Profiles'!$G$21=$B$24,21,0),0)),0)</f>
        <v>0</v>
      </c>
      <c r="H1986" cm="1">
        <f t="array" ref="H1986">IFERROR(INDEX(Jesper!AL$2:AL$366,ROUNDDOWN($C1986/24,0)+1,1)*INDEX($D$3:$AA$30,INDEX(Jesper!$R$2:$R$366,ROW(INDEX(Jesper!AL$2:AL$366,ROUNDDOWN($C1986/24,0)+1,1))-1)+IF('Standard Profiles'!$G$22=$B$10,7,0)+IF('Standard Profiles'!$G$22=$B$17,14,0)+IF('Standard Profiles'!$G$22=$B$24,21,0),MOD($C1986,24)+1)/SUM(INDEX($D$3:$AA$30,INDEX(Jesper!$R$2:$R$366,ROW(INDEX(Jesper!AL$2:AL$366,ROUNDDOWN($C1986/24,0)+1,1))-1)+IF('Standard Profiles'!$G$22=$B$10,7,0)+IF('Standard Profiles'!$G$22=$B$17,14,0)+IF('Standard Profiles'!$G$22=$B$24,21,0),0)),0)</f>
        <v>0</v>
      </c>
      <c r="I1986">
        <f t="shared" si="230"/>
        <v>0.39497611475808658</v>
      </c>
      <c r="J1986">
        <f t="shared" si="231"/>
        <v>1.316587049193622</v>
      </c>
      <c r="K1986">
        <f t="shared" si="232"/>
        <v>1.9748805737904329</v>
      </c>
      <c r="L1986">
        <f t="shared" si="233"/>
        <v>9.479426754194078</v>
      </c>
      <c r="M1986">
        <f t="shared" si="234"/>
        <v>0</v>
      </c>
      <c r="N1986" s="46">
        <f t="shared" si="235"/>
        <v>45373.333333328599</v>
      </c>
    </row>
    <row r="1987" spans="2:14" x14ac:dyDescent="0.3">
      <c r="B1987">
        <f t="shared" si="229"/>
        <v>5</v>
      </c>
      <c r="C1987" s="16">
        <v>1953</v>
      </c>
      <c r="D1987" cm="1">
        <f t="array" ref="D1987">IFERROR(INDEX(Jesper!AH$2:AH$366,ROUNDDOWN($C1987/24,0)+1,1)*INDEX($D$3:$AA$30,INDEX(Jesper!$R$2:$R$366,ROW(INDEX(Jesper!AH$2:AH$366,ROUNDDOWN($C1987/24,0)+1,1))-1)+IF('Standard Profiles'!$G$18=$B$10,7,0)+IF('Standard Profiles'!$G$18=$B$17,14,0)+IF('Standard Profiles'!$G$18=$B$24,21,0),MOD($C1987,24)+1)/SUM(INDEX($D$3:$AA$30,INDEX(Jesper!$R$2:$R$366,ROW(INDEX(Jesper!AH$2:AH$366,ROUNDDOWN($C1987/24,0)+1,1))-1)+IF('Standard Profiles'!$G$18=$B$10,7,0)+IF('Standard Profiles'!$G$18=$B$17,14,0)+IF('Standard Profiles'!$G$18=$B$24,21,0),0)),0)</f>
        <v>14.106289812788805</v>
      </c>
      <c r="E1987" cm="1">
        <f t="array" ref="E1987">IFERROR(INDEX(Jesper!AI$2:AI$366,ROUNDDOWN($C1987/24,0)+1,1)*INDEX($D$3:$AA$30,INDEX(Jesper!$R$2:$R$366,ROW(INDEX(Jesper!AI$2:AI$366,ROUNDDOWN($C1987/24,0)+1,1))-1)+IF('Standard Profiles'!$G$19=$B$10,7,0)+IF('Standard Profiles'!$G$19=$B$17,14,0)+IF('Standard Profiles'!$G$19=$B$24,21,0),MOD($C1987,24)+1)/SUM(INDEX($D$3:$AA$30,INDEX(Jesper!$R$2:$R$366,ROW(INDEX(Jesper!AI$2:AI$366,ROUNDDOWN($C1987/24,0)+1,1))-1)+IF('Standard Profiles'!$G$19=$B$10,7,0)+IF('Standard Profiles'!$G$19=$B$17,14,0)+IF('Standard Profiles'!$G$19=$B$24,21,0),0)),0)</f>
        <v>0</v>
      </c>
      <c r="F1987" cm="1">
        <f t="array" ref="F1987">IFERROR(INDEX(Jesper!AJ$2:AJ$366,ROUNDDOWN($C1987/24,0)+1,1)*INDEX($D$3:$AA$30,INDEX(Jesper!$R$2:$R$366,ROW(INDEX(Jesper!AJ$2:AJ$366,ROUNDDOWN($C1987/24,0)+1,1))-1)+IF('Standard Profiles'!$G$20=$B$10,7,0)+IF('Standard Profiles'!$G$20=$B$17,14,0)+IF('Standard Profiles'!$G$20=$B$24,21,0),MOD($C1987,24)+1)/SUM(INDEX($D$3:$AA$30,INDEX(Jesper!$R$2:$R$366,ROW(INDEX(Jesper!AJ$2:AJ$366,ROUNDDOWN($C1987/24,0)+1,1))-1)+IF('Standard Profiles'!$G$20=$B$10,7,0)+IF('Standard Profiles'!$G$20=$B$17,14,0)+IF('Standard Profiles'!$G$20=$B$24,21,0),0)),0)</f>
        <v>0</v>
      </c>
      <c r="G1987" cm="1">
        <f t="array" ref="G1987">IFERROR(INDEX(Jesper!AK$2:AK$366,ROUNDDOWN($C1987/24,0)+1,1)*INDEX($D$3:$AA$30,INDEX(Jesper!$R$2:$R$366,ROW(INDEX(Jesper!AK$2:AK$366,ROUNDDOWN($C1987/24,0)+1,1))-1)+IF('Standard Profiles'!$G$21=$B$10,7,0)+IF('Standard Profiles'!$G$21=$B$17,14,0)+IF('Standard Profiles'!$G$21=$B$24,21,0),MOD($C1987,24)+1)/SUM(INDEX($D$3:$AA$30,INDEX(Jesper!$R$2:$R$366,ROW(INDEX(Jesper!AK$2:AK$366,ROUNDDOWN($C1987/24,0)+1,1))-1)+IF('Standard Profiles'!$G$21=$B$10,7,0)+IF('Standard Profiles'!$G$21=$B$17,14,0)+IF('Standard Profiles'!$G$21=$B$24,21,0),0)),0)</f>
        <v>0</v>
      </c>
      <c r="H1987" cm="1">
        <f t="array" ref="H1987">IFERROR(INDEX(Jesper!AL$2:AL$366,ROUNDDOWN($C1987/24,0)+1,1)*INDEX($D$3:$AA$30,INDEX(Jesper!$R$2:$R$366,ROW(INDEX(Jesper!AL$2:AL$366,ROUNDDOWN($C1987/24,0)+1,1))-1)+IF('Standard Profiles'!$G$22=$B$10,7,0)+IF('Standard Profiles'!$G$22=$B$17,14,0)+IF('Standard Profiles'!$G$22=$B$24,21,0),MOD($C1987,24)+1)/SUM(INDEX($D$3:$AA$30,INDEX(Jesper!$R$2:$R$366,ROW(INDEX(Jesper!AL$2:AL$366,ROUNDDOWN($C1987/24,0)+1,1))-1)+IF('Standard Profiles'!$G$22=$B$10,7,0)+IF('Standard Profiles'!$G$22=$B$17,14,0)+IF('Standard Profiles'!$G$22=$B$24,21,0),0)),0)</f>
        <v>0</v>
      </c>
      <c r="I1987">
        <f t="shared" si="230"/>
        <v>0.42318869438366413</v>
      </c>
      <c r="J1987">
        <f t="shared" si="231"/>
        <v>1.4106289812788806</v>
      </c>
      <c r="K1987">
        <f t="shared" si="232"/>
        <v>2.1159434719183206</v>
      </c>
      <c r="L1987">
        <f t="shared" si="233"/>
        <v>10.15652866520794</v>
      </c>
      <c r="M1987">
        <f t="shared" si="234"/>
        <v>0</v>
      </c>
      <c r="N1987" s="46">
        <f t="shared" si="235"/>
        <v>45373.374999995263</v>
      </c>
    </row>
    <row r="1988" spans="2:14" x14ac:dyDescent="0.3">
      <c r="B1988">
        <f t="shared" si="229"/>
        <v>5</v>
      </c>
      <c r="C1988" s="16">
        <v>1954</v>
      </c>
      <c r="D1988" cm="1">
        <f t="array" ref="D1988">IFERROR(INDEX(Jesper!AH$2:AH$366,ROUNDDOWN($C1988/24,0)+1,1)*INDEX($D$3:$AA$30,INDEX(Jesper!$R$2:$R$366,ROW(INDEX(Jesper!AH$2:AH$366,ROUNDDOWN($C1988/24,0)+1,1))-1)+IF('Standard Profiles'!$G$18=$B$10,7,0)+IF('Standard Profiles'!$G$18=$B$17,14,0)+IF('Standard Profiles'!$G$18=$B$24,21,0),MOD($C1988,24)+1)/SUM(INDEX($D$3:$AA$30,INDEX(Jesper!$R$2:$R$366,ROW(INDEX(Jesper!AH$2:AH$366,ROUNDDOWN($C1988/24,0)+1,1))-1)+IF('Standard Profiles'!$G$18=$B$10,7,0)+IF('Standard Profiles'!$G$18=$B$17,14,0)+IF('Standard Profiles'!$G$18=$B$24,21,0),0)),0)</f>
        <v>14.670541405300357</v>
      </c>
      <c r="E1988" cm="1">
        <f t="array" ref="E1988">IFERROR(INDEX(Jesper!AI$2:AI$366,ROUNDDOWN($C1988/24,0)+1,1)*INDEX($D$3:$AA$30,INDEX(Jesper!$R$2:$R$366,ROW(INDEX(Jesper!AI$2:AI$366,ROUNDDOWN($C1988/24,0)+1,1))-1)+IF('Standard Profiles'!$G$19=$B$10,7,0)+IF('Standard Profiles'!$G$19=$B$17,14,0)+IF('Standard Profiles'!$G$19=$B$24,21,0),MOD($C1988,24)+1)/SUM(INDEX($D$3:$AA$30,INDEX(Jesper!$R$2:$R$366,ROW(INDEX(Jesper!AI$2:AI$366,ROUNDDOWN($C1988/24,0)+1,1))-1)+IF('Standard Profiles'!$G$19=$B$10,7,0)+IF('Standard Profiles'!$G$19=$B$17,14,0)+IF('Standard Profiles'!$G$19=$B$24,21,0),0)),0)</f>
        <v>0</v>
      </c>
      <c r="F1988" cm="1">
        <f t="array" ref="F1988">IFERROR(INDEX(Jesper!AJ$2:AJ$366,ROUNDDOWN($C1988/24,0)+1,1)*INDEX($D$3:$AA$30,INDEX(Jesper!$R$2:$R$366,ROW(INDEX(Jesper!AJ$2:AJ$366,ROUNDDOWN($C1988/24,0)+1,1))-1)+IF('Standard Profiles'!$G$20=$B$10,7,0)+IF('Standard Profiles'!$G$20=$B$17,14,0)+IF('Standard Profiles'!$G$20=$B$24,21,0),MOD($C1988,24)+1)/SUM(INDEX($D$3:$AA$30,INDEX(Jesper!$R$2:$R$366,ROW(INDEX(Jesper!AJ$2:AJ$366,ROUNDDOWN($C1988/24,0)+1,1))-1)+IF('Standard Profiles'!$G$20=$B$10,7,0)+IF('Standard Profiles'!$G$20=$B$17,14,0)+IF('Standard Profiles'!$G$20=$B$24,21,0),0)),0)</f>
        <v>0</v>
      </c>
      <c r="G1988" cm="1">
        <f t="array" ref="G1988">IFERROR(INDEX(Jesper!AK$2:AK$366,ROUNDDOWN($C1988/24,0)+1,1)*INDEX($D$3:$AA$30,INDEX(Jesper!$R$2:$R$366,ROW(INDEX(Jesper!AK$2:AK$366,ROUNDDOWN($C1988/24,0)+1,1))-1)+IF('Standard Profiles'!$G$21=$B$10,7,0)+IF('Standard Profiles'!$G$21=$B$17,14,0)+IF('Standard Profiles'!$G$21=$B$24,21,0),MOD($C1988,24)+1)/SUM(INDEX($D$3:$AA$30,INDEX(Jesper!$R$2:$R$366,ROW(INDEX(Jesper!AK$2:AK$366,ROUNDDOWN($C1988/24,0)+1,1))-1)+IF('Standard Profiles'!$G$21=$B$10,7,0)+IF('Standard Profiles'!$G$21=$B$17,14,0)+IF('Standard Profiles'!$G$21=$B$24,21,0),0)),0)</f>
        <v>0</v>
      </c>
      <c r="H1988" cm="1">
        <f t="array" ref="H1988">IFERROR(INDEX(Jesper!AL$2:AL$366,ROUNDDOWN($C1988/24,0)+1,1)*INDEX($D$3:$AA$30,INDEX(Jesper!$R$2:$R$366,ROW(INDEX(Jesper!AL$2:AL$366,ROUNDDOWN($C1988/24,0)+1,1))-1)+IF('Standard Profiles'!$G$22=$B$10,7,0)+IF('Standard Profiles'!$G$22=$B$17,14,0)+IF('Standard Profiles'!$G$22=$B$24,21,0),MOD($C1988,24)+1)/SUM(INDEX($D$3:$AA$30,INDEX(Jesper!$R$2:$R$366,ROW(INDEX(Jesper!AL$2:AL$366,ROUNDDOWN($C1988/24,0)+1,1))-1)+IF('Standard Profiles'!$G$22=$B$10,7,0)+IF('Standard Profiles'!$G$22=$B$17,14,0)+IF('Standard Profiles'!$G$22=$B$24,21,0),0)),0)</f>
        <v>0</v>
      </c>
      <c r="I1988">
        <f t="shared" si="230"/>
        <v>0.44011624215901068</v>
      </c>
      <c r="J1988">
        <f t="shared" si="231"/>
        <v>1.4670541405300357</v>
      </c>
      <c r="K1988">
        <f t="shared" si="232"/>
        <v>2.2005812107950535</v>
      </c>
      <c r="L1988">
        <f t="shared" si="233"/>
        <v>10.562789811816257</v>
      </c>
      <c r="M1988">
        <f t="shared" si="234"/>
        <v>0</v>
      </c>
      <c r="N1988" s="46">
        <f t="shared" si="235"/>
        <v>45373.416666661928</v>
      </c>
    </row>
    <row r="1989" spans="2:14" x14ac:dyDescent="0.3">
      <c r="B1989">
        <f t="shared" si="229"/>
        <v>5</v>
      </c>
      <c r="C1989" s="16">
        <v>1955</v>
      </c>
      <c r="D1989" cm="1">
        <f t="array" ref="D1989">IFERROR(INDEX(Jesper!AH$2:AH$366,ROUNDDOWN($C1989/24,0)+1,1)*INDEX($D$3:$AA$30,INDEX(Jesper!$R$2:$R$366,ROW(INDEX(Jesper!AH$2:AH$366,ROUNDDOWN($C1989/24,0)+1,1))-1)+IF('Standard Profiles'!$G$18=$B$10,7,0)+IF('Standard Profiles'!$G$18=$B$17,14,0)+IF('Standard Profiles'!$G$18=$B$24,21,0),MOD($C1989,24)+1)/SUM(INDEX($D$3:$AA$30,INDEX(Jesper!$R$2:$R$366,ROW(INDEX(Jesper!AH$2:AH$366,ROUNDDOWN($C1989/24,0)+1,1))-1)+IF('Standard Profiles'!$G$18=$B$10,7,0)+IF('Standard Profiles'!$G$18=$B$17,14,0)+IF('Standard Profiles'!$G$18=$B$24,21,0),0)),0)</f>
        <v>16.927547775346564</v>
      </c>
      <c r="E1989" cm="1">
        <f t="array" ref="E1989">IFERROR(INDEX(Jesper!AI$2:AI$366,ROUNDDOWN($C1989/24,0)+1,1)*INDEX($D$3:$AA$30,INDEX(Jesper!$R$2:$R$366,ROW(INDEX(Jesper!AI$2:AI$366,ROUNDDOWN($C1989/24,0)+1,1))-1)+IF('Standard Profiles'!$G$19=$B$10,7,0)+IF('Standard Profiles'!$G$19=$B$17,14,0)+IF('Standard Profiles'!$G$19=$B$24,21,0),MOD($C1989,24)+1)/SUM(INDEX($D$3:$AA$30,INDEX(Jesper!$R$2:$R$366,ROW(INDEX(Jesper!AI$2:AI$366,ROUNDDOWN($C1989/24,0)+1,1))-1)+IF('Standard Profiles'!$G$19=$B$10,7,0)+IF('Standard Profiles'!$G$19=$B$17,14,0)+IF('Standard Profiles'!$G$19=$B$24,21,0),0)),0)</f>
        <v>0</v>
      </c>
      <c r="F1989" cm="1">
        <f t="array" ref="F1989">IFERROR(INDEX(Jesper!AJ$2:AJ$366,ROUNDDOWN($C1989/24,0)+1,1)*INDEX($D$3:$AA$30,INDEX(Jesper!$R$2:$R$366,ROW(INDEX(Jesper!AJ$2:AJ$366,ROUNDDOWN($C1989/24,0)+1,1))-1)+IF('Standard Profiles'!$G$20=$B$10,7,0)+IF('Standard Profiles'!$G$20=$B$17,14,0)+IF('Standard Profiles'!$G$20=$B$24,21,0),MOD($C1989,24)+1)/SUM(INDEX($D$3:$AA$30,INDEX(Jesper!$R$2:$R$366,ROW(INDEX(Jesper!AJ$2:AJ$366,ROUNDDOWN($C1989/24,0)+1,1))-1)+IF('Standard Profiles'!$G$20=$B$10,7,0)+IF('Standard Profiles'!$G$20=$B$17,14,0)+IF('Standard Profiles'!$G$20=$B$24,21,0),0)),0)</f>
        <v>0</v>
      </c>
      <c r="G1989" cm="1">
        <f t="array" ref="G1989">IFERROR(INDEX(Jesper!AK$2:AK$366,ROUNDDOWN($C1989/24,0)+1,1)*INDEX($D$3:$AA$30,INDEX(Jesper!$R$2:$R$366,ROW(INDEX(Jesper!AK$2:AK$366,ROUNDDOWN($C1989/24,0)+1,1))-1)+IF('Standard Profiles'!$G$21=$B$10,7,0)+IF('Standard Profiles'!$G$21=$B$17,14,0)+IF('Standard Profiles'!$G$21=$B$24,21,0),MOD($C1989,24)+1)/SUM(INDEX($D$3:$AA$30,INDEX(Jesper!$R$2:$R$366,ROW(INDEX(Jesper!AK$2:AK$366,ROUNDDOWN($C1989/24,0)+1,1))-1)+IF('Standard Profiles'!$G$21=$B$10,7,0)+IF('Standard Profiles'!$G$21=$B$17,14,0)+IF('Standard Profiles'!$G$21=$B$24,21,0),0)),0)</f>
        <v>0</v>
      </c>
      <c r="H1989" cm="1">
        <f t="array" ref="H1989">IFERROR(INDEX(Jesper!AL$2:AL$366,ROUNDDOWN($C1989/24,0)+1,1)*INDEX($D$3:$AA$30,INDEX(Jesper!$R$2:$R$366,ROW(INDEX(Jesper!AL$2:AL$366,ROUNDDOWN($C1989/24,0)+1,1))-1)+IF('Standard Profiles'!$G$22=$B$10,7,0)+IF('Standard Profiles'!$G$22=$B$17,14,0)+IF('Standard Profiles'!$G$22=$B$24,21,0),MOD($C1989,24)+1)/SUM(INDEX($D$3:$AA$30,INDEX(Jesper!$R$2:$R$366,ROW(INDEX(Jesper!AL$2:AL$366,ROUNDDOWN($C1989/24,0)+1,1))-1)+IF('Standard Profiles'!$G$22=$B$10,7,0)+IF('Standard Profiles'!$G$22=$B$17,14,0)+IF('Standard Profiles'!$G$22=$B$24,21,0),0)),0)</f>
        <v>0</v>
      </c>
      <c r="I1989">
        <f t="shared" si="230"/>
        <v>0.50782643326039689</v>
      </c>
      <c r="J1989">
        <f t="shared" si="231"/>
        <v>1.6927547775346565</v>
      </c>
      <c r="K1989">
        <f t="shared" si="232"/>
        <v>2.5391321663019846</v>
      </c>
      <c r="L1989">
        <f t="shared" si="233"/>
        <v>12.187834398249526</v>
      </c>
      <c r="M1989">
        <f t="shared" si="234"/>
        <v>0</v>
      </c>
      <c r="N1989" s="46">
        <f t="shared" si="235"/>
        <v>45373.458333328592</v>
      </c>
    </row>
    <row r="1990" spans="2:14" x14ac:dyDescent="0.3">
      <c r="B1990">
        <f t="shared" si="229"/>
        <v>5</v>
      </c>
      <c r="C1990" s="16">
        <v>1956</v>
      </c>
      <c r="D1990" cm="1">
        <f t="array" ref="D1990">IFERROR(INDEX(Jesper!AH$2:AH$366,ROUNDDOWN($C1990/24,0)+1,1)*INDEX($D$3:$AA$30,INDEX(Jesper!$R$2:$R$366,ROW(INDEX(Jesper!AH$2:AH$366,ROUNDDOWN($C1990/24,0)+1,1))-1)+IF('Standard Profiles'!$G$18=$B$10,7,0)+IF('Standard Profiles'!$G$18=$B$17,14,0)+IF('Standard Profiles'!$G$18=$B$24,21,0),MOD($C1990,24)+1)/SUM(INDEX($D$3:$AA$30,INDEX(Jesper!$R$2:$R$366,ROW(INDEX(Jesper!AH$2:AH$366,ROUNDDOWN($C1990/24,0)+1,1))-1)+IF('Standard Profiles'!$G$18=$B$10,7,0)+IF('Standard Profiles'!$G$18=$B$17,14,0)+IF('Standard Profiles'!$G$18=$B$24,21,0),0)),0)</f>
        <v>16.927547775346564</v>
      </c>
      <c r="E1990" cm="1">
        <f t="array" ref="E1990">IFERROR(INDEX(Jesper!AI$2:AI$366,ROUNDDOWN($C1990/24,0)+1,1)*INDEX($D$3:$AA$30,INDEX(Jesper!$R$2:$R$366,ROW(INDEX(Jesper!AI$2:AI$366,ROUNDDOWN($C1990/24,0)+1,1))-1)+IF('Standard Profiles'!$G$19=$B$10,7,0)+IF('Standard Profiles'!$G$19=$B$17,14,0)+IF('Standard Profiles'!$G$19=$B$24,21,0),MOD($C1990,24)+1)/SUM(INDEX($D$3:$AA$30,INDEX(Jesper!$R$2:$R$366,ROW(INDEX(Jesper!AI$2:AI$366,ROUNDDOWN($C1990/24,0)+1,1))-1)+IF('Standard Profiles'!$G$19=$B$10,7,0)+IF('Standard Profiles'!$G$19=$B$17,14,0)+IF('Standard Profiles'!$G$19=$B$24,21,0),0)),0)</f>
        <v>0</v>
      </c>
      <c r="F1990" cm="1">
        <f t="array" ref="F1990">IFERROR(INDEX(Jesper!AJ$2:AJ$366,ROUNDDOWN($C1990/24,0)+1,1)*INDEX($D$3:$AA$30,INDEX(Jesper!$R$2:$R$366,ROW(INDEX(Jesper!AJ$2:AJ$366,ROUNDDOWN($C1990/24,0)+1,1))-1)+IF('Standard Profiles'!$G$20=$B$10,7,0)+IF('Standard Profiles'!$G$20=$B$17,14,0)+IF('Standard Profiles'!$G$20=$B$24,21,0),MOD($C1990,24)+1)/SUM(INDEX($D$3:$AA$30,INDEX(Jesper!$R$2:$R$366,ROW(INDEX(Jesper!AJ$2:AJ$366,ROUNDDOWN($C1990/24,0)+1,1))-1)+IF('Standard Profiles'!$G$20=$B$10,7,0)+IF('Standard Profiles'!$G$20=$B$17,14,0)+IF('Standard Profiles'!$G$20=$B$24,21,0),0)),0)</f>
        <v>0</v>
      </c>
      <c r="G1990" cm="1">
        <f t="array" ref="G1990">IFERROR(INDEX(Jesper!AK$2:AK$366,ROUNDDOWN($C1990/24,0)+1,1)*INDEX($D$3:$AA$30,INDEX(Jesper!$R$2:$R$366,ROW(INDEX(Jesper!AK$2:AK$366,ROUNDDOWN($C1990/24,0)+1,1))-1)+IF('Standard Profiles'!$G$21=$B$10,7,0)+IF('Standard Profiles'!$G$21=$B$17,14,0)+IF('Standard Profiles'!$G$21=$B$24,21,0),MOD($C1990,24)+1)/SUM(INDEX($D$3:$AA$30,INDEX(Jesper!$R$2:$R$366,ROW(INDEX(Jesper!AK$2:AK$366,ROUNDDOWN($C1990/24,0)+1,1))-1)+IF('Standard Profiles'!$G$21=$B$10,7,0)+IF('Standard Profiles'!$G$21=$B$17,14,0)+IF('Standard Profiles'!$G$21=$B$24,21,0),0)),0)</f>
        <v>0</v>
      </c>
      <c r="H1990" cm="1">
        <f t="array" ref="H1990">IFERROR(INDEX(Jesper!AL$2:AL$366,ROUNDDOWN($C1990/24,0)+1,1)*INDEX($D$3:$AA$30,INDEX(Jesper!$R$2:$R$366,ROW(INDEX(Jesper!AL$2:AL$366,ROUNDDOWN($C1990/24,0)+1,1))-1)+IF('Standard Profiles'!$G$22=$B$10,7,0)+IF('Standard Profiles'!$G$22=$B$17,14,0)+IF('Standard Profiles'!$G$22=$B$24,21,0),MOD($C1990,24)+1)/SUM(INDEX($D$3:$AA$30,INDEX(Jesper!$R$2:$R$366,ROW(INDEX(Jesper!AL$2:AL$366,ROUNDDOWN($C1990/24,0)+1,1))-1)+IF('Standard Profiles'!$G$22=$B$10,7,0)+IF('Standard Profiles'!$G$22=$B$17,14,0)+IF('Standard Profiles'!$G$22=$B$24,21,0),0)),0)</f>
        <v>0</v>
      </c>
      <c r="I1990">
        <f t="shared" si="230"/>
        <v>0.50782643326039689</v>
      </c>
      <c r="J1990">
        <f t="shared" si="231"/>
        <v>1.6927547775346565</v>
      </c>
      <c r="K1990">
        <f t="shared" si="232"/>
        <v>2.5391321663019846</v>
      </c>
      <c r="L1990">
        <f t="shared" si="233"/>
        <v>12.187834398249526</v>
      </c>
      <c r="M1990">
        <f t="shared" si="234"/>
        <v>0</v>
      </c>
      <c r="N1990" s="46">
        <f t="shared" si="235"/>
        <v>45373.499999995256</v>
      </c>
    </row>
    <row r="1991" spans="2:14" x14ac:dyDescent="0.3">
      <c r="B1991">
        <f t="shared" si="229"/>
        <v>5</v>
      </c>
      <c r="C1991" s="16">
        <v>1957</v>
      </c>
      <c r="D1991" cm="1">
        <f t="array" ref="D1991">IFERROR(INDEX(Jesper!AH$2:AH$366,ROUNDDOWN($C1991/24,0)+1,1)*INDEX($D$3:$AA$30,INDEX(Jesper!$R$2:$R$366,ROW(INDEX(Jesper!AH$2:AH$366,ROUNDDOWN($C1991/24,0)+1,1))-1)+IF('Standard Profiles'!$G$18=$B$10,7,0)+IF('Standard Profiles'!$G$18=$B$17,14,0)+IF('Standard Profiles'!$G$18=$B$24,21,0),MOD($C1991,24)+1)/SUM(INDEX($D$3:$AA$30,INDEX(Jesper!$R$2:$R$366,ROW(INDEX(Jesper!AH$2:AH$366,ROUNDDOWN($C1991/24,0)+1,1))-1)+IF('Standard Profiles'!$G$18=$B$10,7,0)+IF('Standard Profiles'!$G$18=$B$17,14,0)+IF('Standard Profiles'!$G$18=$B$24,21,0),0)),0)</f>
        <v>16.927547775346564</v>
      </c>
      <c r="E1991" cm="1">
        <f t="array" ref="E1991">IFERROR(INDEX(Jesper!AI$2:AI$366,ROUNDDOWN($C1991/24,0)+1,1)*INDEX($D$3:$AA$30,INDEX(Jesper!$R$2:$R$366,ROW(INDEX(Jesper!AI$2:AI$366,ROUNDDOWN($C1991/24,0)+1,1))-1)+IF('Standard Profiles'!$G$19=$B$10,7,0)+IF('Standard Profiles'!$G$19=$B$17,14,0)+IF('Standard Profiles'!$G$19=$B$24,21,0),MOD($C1991,24)+1)/SUM(INDEX($D$3:$AA$30,INDEX(Jesper!$R$2:$R$366,ROW(INDEX(Jesper!AI$2:AI$366,ROUNDDOWN($C1991/24,0)+1,1))-1)+IF('Standard Profiles'!$G$19=$B$10,7,0)+IF('Standard Profiles'!$G$19=$B$17,14,0)+IF('Standard Profiles'!$G$19=$B$24,21,0),0)),0)</f>
        <v>0</v>
      </c>
      <c r="F1991" cm="1">
        <f t="array" ref="F1991">IFERROR(INDEX(Jesper!AJ$2:AJ$366,ROUNDDOWN($C1991/24,0)+1,1)*INDEX($D$3:$AA$30,INDEX(Jesper!$R$2:$R$366,ROW(INDEX(Jesper!AJ$2:AJ$366,ROUNDDOWN($C1991/24,0)+1,1))-1)+IF('Standard Profiles'!$G$20=$B$10,7,0)+IF('Standard Profiles'!$G$20=$B$17,14,0)+IF('Standard Profiles'!$G$20=$B$24,21,0),MOD($C1991,24)+1)/SUM(INDEX($D$3:$AA$30,INDEX(Jesper!$R$2:$R$366,ROW(INDEX(Jesper!AJ$2:AJ$366,ROUNDDOWN($C1991/24,0)+1,1))-1)+IF('Standard Profiles'!$G$20=$B$10,7,0)+IF('Standard Profiles'!$G$20=$B$17,14,0)+IF('Standard Profiles'!$G$20=$B$24,21,0),0)),0)</f>
        <v>0</v>
      </c>
      <c r="G1991" cm="1">
        <f t="array" ref="G1991">IFERROR(INDEX(Jesper!AK$2:AK$366,ROUNDDOWN($C1991/24,0)+1,1)*INDEX($D$3:$AA$30,INDEX(Jesper!$R$2:$R$366,ROW(INDEX(Jesper!AK$2:AK$366,ROUNDDOWN($C1991/24,0)+1,1))-1)+IF('Standard Profiles'!$G$21=$B$10,7,0)+IF('Standard Profiles'!$G$21=$B$17,14,0)+IF('Standard Profiles'!$G$21=$B$24,21,0),MOD($C1991,24)+1)/SUM(INDEX($D$3:$AA$30,INDEX(Jesper!$R$2:$R$366,ROW(INDEX(Jesper!AK$2:AK$366,ROUNDDOWN($C1991/24,0)+1,1))-1)+IF('Standard Profiles'!$G$21=$B$10,7,0)+IF('Standard Profiles'!$G$21=$B$17,14,0)+IF('Standard Profiles'!$G$21=$B$24,21,0),0)),0)</f>
        <v>0</v>
      </c>
      <c r="H1991" cm="1">
        <f t="array" ref="H1991">IFERROR(INDEX(Jesper!AL$2:AL$366,ROUNDDOWN($C1991/24,0)+1,1)*INDEX($D$3:$AA$30,INDEX(Jesper!$R$2:$R$366,ROW(INDEX(Jesper!AL$2:AL$366,ROUNDDOWN($C1991/24,0)+1,1))-1)+IF('Standard Profiles'!$G$22=$B$10,7,0)+IF('Standard Profiles'!$G$22=$B$17,14,0)+IF('Standard Profiles'!$G$22=$B$24,21,0),MOD($C1991,24)+1)/SUM(INDEX($D$3:$AA$30,INDEX(Jesper!$R$2:$R$366,ROW(INDEX(Jesper!AL$2:AL$366,ROUNDDOWN($C1991/24,0)+1,1))-1)+IF('Standard Profiles'!$G$22=$B$10,7,0)+IF('Standard Profiles'!$G$22=$B$17,14,0)+IF('Standard Profiles'!$G$22=$B$24,21,0),0)),0)</f>
        <v>0</v>
      </c>
      <c r="I1991">
        <f t="shared" si="230"/>
        <v>0.50782643326039689</v>
      </c>
      <c r="J1991">
        <f t="shared" si="231"/>
        <v>1.6927547775346565</v>
      </c>
      <c r="K1991">
        <f t="shared" si="232"/>
        <v>2.5391321663019846</v>
      </c>
      <c r="L1991">
        <f t="shared" si="233"/>
        <v>12.187834398249526</v>
      </c>
      <c r="M1991">
        <f t="shared" si="234"/>
        <v>0</v>
      </c>
      <c r="N1991" s="46">
        <f t="shared" si="235"/>
        <v>45373.54166666192</v>
      </c>
    </row>
    <row r="1992" spans="2:14" x14ac:dyDescent="0.3">
      <c r="B1992">
        <f t="shared" si="229"/>
        <v>5</v>
      </c>
      <c r="C1992" s="16">
        <v>1958</v>
      </c>
      <c r="D1992" cm="1">
        <f t="array" ref="D1992">IFERROR(INDEX(Jesper!AH$2:AH$366,ROUNDDOWN($C1992/24,0)+1,1)*INDEX($D$3:$AA$30,INDEX(Jesper!$R$2:$R$366,ROW(INDEX(Jesper!AH$2:AH$366,ROUNDDOWN($C1992/24,0)+1,1))-1)+IF('Standard Profiles'!$G$18=$B$10,7,0)+IF('Standard Profiles'!$G$18=$B$17,14,0)+IF('Standard Profiles'!$G$18=$B$24,21,0),MOD($C1992,24)+1)/SUM(INDEX($D$3:$AA$30,INDEX(Jesper!$R$2:$R$366,ROW(INDEX(Jesper!AH$2:AH$366,ROUNDDOWN($C1992/24,0)+1,1))-1)+IF('Standard Profiles'!$G$18=$B$10,7,0)+IF('Standard Profiles'!$G$18=$B$17,14,0)+IF('Standard Profiles'!$G$18=$B$24,21,0),0)),0)</f>
        <v>16.927547775346564</v>
      </c>
      <c r="E1992" cm="1">
        <f t="array" ref="E1992">IFERROR(INDEX(Jesper!AI$2:AI$366,ROUNDDOWN($C1992/24,0)+1,1)*INDEX($D$3:$AA$30,INDEX(Jesper!$R$2:$R$366,ROW(INDEX(Jesper!AI$2:AI$366,ROUNDDOWN($C1992/24,0)+1,1))-1)+IF('Standard Profiles'!$G$19=$B$10,7,0)+IF('Standard Profiles'!$G$19=$B$17,14,0)+IF('Standard Profiles'!$G$19=$B$24,21,0),MOD($C1992,24)+1)/SUM(INDEX($D$3:$AA$30,INDEX(Jesper!$R$2:$R$366,ROW(INDEX(Jesper!AI$2:AI$366,ROUNDDOWN($C1992/24,0)+1,1))-1)+IF('Standard Profiles'!$G$19=$B$10,7,0)+IF('Standard Profiles'!$G$19=$B$17,14,0)+IF('Standard Profiles'!$G$19=$B$24,21,0),0)),0)</f>
        <v>0</v>
      </c>
      <c r="F1992" cm="1">
        <f t="array" ref="F1992">IFERROR(INDEX(Jesper!AJ$2:AJ$366,ROUNDDOWN($C1992/24,0)+1,1)*INDEX($D$3:$AA$30,INDEX(Jesper!$R$2:$R$366,ROW(INDEX(Jesper!AJ$2:AJ$366,ROUNDDOWN($C1992/24,0)+1,1))-1)+IF('Standard Profiles'!$G$20=$B$10,7,0)+IF('Standard Profiles'!$G$20=$B$17,14,0)+IF('Standard Profiles'!$G$20=$B$24,21,0),MOD($C1992,24)+1)/SUM(INDEX($D$3:$AA$30,INDEX(Jesper!$R$2:$R$366,ROW(INDEX(Jesper!AJ$2:AJ$366,ROUNDDOWN($C1992/24,0)+1,1))-1)+IF('Standard Profiles'!$G$20=$B$10,7,0)+IF('Standard Profiles'!$G$20=$B$17,14,0)+IF('Standard Profiles'!$G$20=$B$24,21,0),0)),0)</f>
        <v>0</v>
      </c>
      <c r="G1992" cm="1">
        <f t="array" ref="G1992">IFERROR(INDEX(Jesper!AK$2:AK$366,ROUNDDOWN($C1992/24,0)+1,1)*INDEX($D$3:$AA$30,INDEX(Jesper!$R$2:$R$366,ROW(INDEX(Jesper!AK$2:AK$366,ROUNDDOWN($C1992/24,0)+1,1))-1)+IF('Standard Profiles'!$G$21=$B$10,7,0)+IF('Standard Profiles'!$G$21=$B$17,14,0)+IF('Standard Profiles'!$G$21=$B$24,21,0),MOD($C1992,24)+1)/SUM(INDEX($D$3:$AA$30,INDEX(Jesper!$R$2:$R$366,ROW(INDEX(Jesper!AK$2:AK$366,ROUNDDOWN($C1992/24,0)+1,1))-1)+IF('Standard Profiles'!$G$21=$B$10,7,0)+IF('Standard Profiles'!$G$21=$B$17,14,0)+IF('Standard Profiles'!$G$21=$B$24,21,0),0)),0)</f>
        <v>0</v>
      </c>
      <c r="H1992" cm="1">
        <f t="array" ref="H1992">IFERROR(INDEX(Jesper!AL$2:AL$366,ROUNDDOWN($C1992/24,0)+1,1)*INDEX($D$3:$AA$30,INDEX(Jesper!$R$2:$R$366,ROW(INDEX(Jesper!AL$2:AL$366,ROUNDDOWN($C1992/24,0)+1,1))-1)+IF('Standard Profiles'!$G$22=$B$10,7,0)+IF('Standard Profiles'!$G$22=$B$17,14,0)+IF('Standard Profiles'!$G$22=$B$24,21,0),MOD($C1992,24)+1)/SUM(INDEX($D$3:$AA$30,INDEX(Jesper!$R$2:$R$366,ROW(INDEX(Jesper!AL$2:AL$366,ROUNDDOWN($C1992/24,0)+1,1))-1)+IF('Standard Profiles'!$G$22=$B$10,7,0)+IF('Standard Profiles'!$G$22=$B$17,14,0)+IF('Standard Profiles'!$G$22=$B$24,21,0),0)),0)</f>
        <v>0</v>
      </c>
      <c r="I1992">
        <f t="shared" si="230"/>
        <v>0.50782643326039689</v>
      </c>
      <c r="J1992">
        <f t="shared" si="231"/>
        <v>1.6927547775346565</v>
      </c>
      <c r="K1992">
        <f t="shared" si="232"/>
        <v>2.5391321663019846</v>
      </c>
      <c r="L1992">
        <f t="shared" si="233"/>
        <v>12.187834398249526</v>
      </c>
      <c r="M1992">
        <f t="shared" si="234"/>
        <v>0</v>
      </c>
      <c r="N1992" s="46">
        <f t="shared" si="235"/>
        <v>45373.583333328585</v>
      </c>
    </row>
    <row r="1993" spans="2:14" x14ac:dyDescent="0.3">
      <c r="B1993">
        <f t="shared" si="229"/>
        <v>5</v>
      </c>
      <c r="C1993" s="16">
        <v>1959</v>
      </c>
      <c r="D1993" cm="1">
        <f t="array" ref="D1993">IFERROR(INDEX(Jesper!AH$2:AH$366,ROUNDDOWN($C1993/24,0)+1,1)*INDEX($D$3:$AA$30,INDEX(Jesper!$R$2:$R$366,ROW(INDEX(Jesper!AH$2:AH$366,ROUNDDOWN($C1993/24,0)+1,1))-1)+IF('Standard Profiles'!$G$18=$B$10,7,0)+IF('Standard Profiles'!$G$18=$B$17,14,0)+IF('Standard Profiles'!$G$18=$B$24,21,0),MOD($C1993,24)+1)/SUM(INDEX($D$3:$AA$30,INDEX(Jesper!$R$2:$R$366,ROW(INDEX(Jesper!AH$2:AH$366,ROUNDDOWN($C1993/24,0)+1,1))-1)+IF('Standard Profiles'!$G$18=$B$10,7,0)+IF('Standard Profiles'!$G$18=$B$17,14,0)+IF('Standard Profiles'!$G$18=$B$24,21,0),0)),0)</f>
        <v>14.106289812788805</v>
      </c>
      <c r="E1993" cm="1">
        <f t="array" ref="E1993">IFERROR(INDEX(Jesper!AI$2:AI$366,ROUNDDOWN($C1993/24,0)+1,1)*INDEX($D$3:$AA$30,INDEX(Jesper!$R$2:$R$366,ROW(INDEX(Jesper!AI$2:AI$366,ROUNDDOWN($C1993/24,0)+1,1))-1)+IF('Standard Profiles'!$G$19=$B$10,7,0)+IF('Standard Profiles'!$G$19=$B$17,14,0)+IF('Standard Profiles'!$G$19=$B$24,21,0),MOD($C1993,24)+1)/SUM(INDEX($D$3:$AA$30,INDEX(Jesper!$R$2:$R$366,ROW(INDEX(Jesper!AI$2:AI$366,ROUNDDOWN($C1993/24,0)+1,1))-1)+IF('Standard Profiles'!$G$19=$B$10,7,0)+IF('Standard Profiles'!$G$19=$B$17,14,0)+IF('Standard Profiles'!$G$19=$B$24,21,0),0)),0)</f>
        <v>0</v>
      </c>
      <c r="F1993" cm="1">
        <f t="array" ref="F1993">IFERROR(INDEX(Jesper!AJ$2:AJ$366,ROUNDDOWN($C1993/24,0)+1,1)*INDEX($D$3:$AA$30,INDEX(Jesper!$R$2:$R$366,ROW(INDEX(Jesper!AJ$2:AJ$366,ROUNDDOWN($C1993/24,0)+1,1))-1)+IF('Standard Profiles'!$G$20=$B$10,7,0)+IF('Standard Profiles'!$G$20=$B$17,14,0)+IF('Standard Profiles'!$G$20=$B$24,21,0),MOD($C1993,24)+1)/SUM(INDEX($D$3:$AA$30,INDEX(Jesper!$R$2:$R$366,ROW(INDEX(Jesper!AJ$2:AJ$366,ROUNDDOWN($C1993/24,0)+1,1))-1)+IF('Standard Profiles'!$G$20=$B$10,7,0)+IF('Standard Profiles'!$G$20=$B$17,14,0)+IF('Standard Profiles'!$G$20=$B$24,21,0),0)),0)</f>
        <v>0</v>
      </c>
      <c r="G1993" cm="1">
        <f t="array" ref="G1993">IFERROR(INDEX(Jesper!AK$2:AK$366,ROUNDDOWN($C1993/24,0)+1,1)*INDEX($D$3:$AA$30,INDEX(Jesper!$R$2:$R$366,ROW(INDEX(Jesper!AK$2:AK$366,ROUNDDOWN($C1993/24,0)+1,1))-1)+IF('Standard Profiles'!$G$21=$B$10,7,0)+IF('Standard Profiles'!$G$21=$B$17,14,0)+IF('Standard Profiles'!$G$21=$B$24,21,0),MOD($C1993,24)+1)/SUM(INDEX($D$3:$AA$30,INDEX(Jesper!$R$2:$R$366,ROW(INDEX(Jesper!AK$2:AK$366,ROUNDDOWN($C1993/24,0)+1,1))-1)+IF('Standard Profiles'!$G$21=$B$10,7,0)+IF('Standard Profiles'!$G$21=$B$17,14,0)+IF('Standard Profiles'!$G$21=$B$24,21,0),0)),0)</f>
        <v>0</v>
      </c>
      <c r="H1993" cm="1">
        <f t="array" ref="H1993">IFERROR(INDEX(Jesper!AL$2:AL$366,ROUNDDOWN($C1993/24,0)+1,1)*INDEX($D$3:$AA$30,INDEX(Jesper!$R$2:$R$366,ROW(INDEX(Jesper!AL$2:AL$366,ROUNDDOWN($C1993/24,0)+1,1))-1)+IF('Standard Profiles'!$G$22=$B$10,7,0)+IF('Standard Profiles'!$G$22=$B$17,14,0)+IF('Standard Profiles'!$G$22=$B$24,21,0),MOD($C1993,24)+1)/SUM(INDEX($D$3:$AA$30,INDEX(Jesper!$R$2:$R$366,ROW(INDEX(Jesper!AL$2:AL$366,ROUNDDOWN($C1993/24,0)+1,1))-1)+IF('Standard Profiles'!$G$22=$B$10,7,0)+IF('Standard Profiles'!$G$22=$B$17,14,0)+IF('Standard Profiles'!$G$22=$B$24,21,0),0)),0)</f>
        <v>0</v>
      </c>
      <c r="I1993">
        <f t="shared" si="230"/>
        <v>0.42318869438366413</v>
      </c>
      <c r="J1993">
        <f t="shared" si="231"/>
        <v>1.4106289812788806</v>
      </c>
      <c r="K1993">
        <f t="shared" si="232"/>
        <v>2.1159434719183206</v>
      </c>
      <c r="L1993">
        <f t="shared" si="233"/>
        <v>10.15652866520794</v>
      </c>
      <c r="M1993">
        <f t="shared" si="234"/>
        <v>0</v>
      </c>
      <c r="N1993" s="46">
        <f t="shared" si="235"/>
        <v>45373.624999995249</v>
      </c>
    </row>
    <row r="1994" spans="2:14" x14ac:dyDescent="0.3">
      <c r="B1994">
        <f t="shared" si="229"/>
        <v>5</v>
      </c>
      <c r="C1994" s="16">
        <v>1960</v>
      </c>
      <c r="D1994" cm="1">
        <f t="array" ref="D1994">IFERROR(INDEX(Jesper!AH$2:AH$366,ROUNDDOWN($C1994/24,0)+1,1)*INDEX($D$3:$AA$30,INDEX(Jesper!$R$2:$R$366,ROW(INDEX(Jesper!AH$2:AH$366,ROUNDDOWN($C1994/24,0)+1,1))-1)+IF('Standard Profiles'!$G$18=$B$10,7,0)+IF('Standard Profiles'!$G$18=$B$17,14,0)+IF('Standard Profiles'!$G$18=$B$24,21,0),MOD($C1994,24)+1)/SUM(INDEX($D$3:$AA$30,INDEX(Jesper!$R$2:$R$366,ROW(INDEX(Jesper!AH$2:AH$366,ROUNDDOWN($C1994/24,0)+1,1))-1)+IF('Standard Profiles'!$G$18=$B$10,7,0)+IF('Standard Profiles'!$G$18=$B$17,14,0)+IF('Standard Profiles'!$G$18=$B$24,21,0),0)),0)</f>
        <v>13.353954356106737</v>
      </c>
      <c r="E1994" cm="1">
        <f t="array" ref="E1994">IFERROR(INDEX(Jesper!AI$2:AI$366,ROUNDDOWN($C1994/24,0)+1,1)*INDEX($D$3:$AA$30,INDEX(Jesper!$R$2:$R$366,ROW(INDEX(Jesper!AI$2:AI$366,ROUNDDOWN($C1994/24,0)+1,1))-1)+IF('Standard Profiles'!$G$19=$B$10,7,0)+IF('Standard Profiles'!$G$19=$B$17,14,0)+IF('Standard Profiles'!$G$19=$B$24,21,0),MOD($C1994,24)+1)/SUM(INDEX($D$3:$AA$30,INDEX(Jesper!$R$2:$R$366,ROW(INDEX(Jesper!AI$2:AI$366,ROUNDDOWN($C1994/24,0)+1,1))-1)+IF('Standard Profiles'!$G$19=$B$10,7,0)+IF('Standard Profiles'!$G$19=$B$17,14,0)+IF('Standard Profiles'!$G$19=$B$24,21,0),0)),0)</f>
        <v>0</v>
      </c>
      <c r="F1994" cm="1">
        <f t="array" ref="F1994">IFERROR(INDEX(Jesper!AJ$2:AJ$366,ROUNDDOWN($C1994/24,0)+1,1)*INDEX($D$3:$AA$30,INDEX(Jesper!$R$2:$R$366,ROW(INDEX(Jesper!AJ$2:AJ$366,ROUNDDOWN($C1994/24,0)+1,1))-1)+IF('Standard Profiles'!$G$20=$B$10,7,0)+IF('Standard Profiles'!$G$20=$B$17,14,0)+IF('Standard Profiles'!$G$20=$B$24,21,0),MOD($C1994,24)+1)/SUM(INDEX($D$3:$AA$30,INDEX(Jesper!$R$2:$R$366,ROW(INDEX(Jesper!AJ$2:AJ$366,ROUNDDOWN($C1994/24,0)+1,1))-1)+IF('Standard Profiles'!$G$20=$B$10,7,0)+IF('Standard Profiles'!$G$20=$B$17,14,0)+IF('Standard Profiles'!$G$20=$B$24,21,0),0)),0)</f>
        <v>0</v>
      </c>
      <c r="G1994" cm="1">
        <f t="array" ref="G1994">IFERROR(INDEX(Jesper!AK$2:AK$366,ROUNDDOWN($C1994/24,0)+1,1)*INDEX($D$3:$AA$30,INDEX(Jesper!$R$2:$R$366,ROW(INDEX(Jesper!AK$2:AK$366,ROUNDDOWN($C1994/24,0)+1,1))-1)+IF('Standard Profiles'!$G$21=$B$10,7,0)+IF('Standard Profiles'!$G$21=$B$17,14,0)+IF('Standard Profiles'!$G$21=$B$24,21,0),MOD($C1994,24)+1)/SUM(INDEX($D$3:$AA$30,INDEX(Jesper!$R$2:$R$366,ROW(INDEX(Jesper!AK$2:AK$366,ROUNDDOWN($C1994/24,0)+1,1))-1)+IF('Standard Profiles'!$G$21=$B$10,7,0)+IF('Standard Profiles'!$G$21=$B$17,14,0)+IF('Standard Profiles'!$G$21=$B$24,21,0),0)),0)</f>
        <v>0</v>
      </c>
      <c r="H1994" cm="1">
        <f t="array" ref="H1994">IFERROR(INDEX(Jesper!AL$2:AL$366,ROUNDDOWN($C1994/24,0)+1,1)*INDEX($D$3:$AA$30,INDEX(Jesper!$R$2:$R$366,ROW(INDEX(Jesper!AL$2:AL$366,ROUNDDOWN($C1994/24,0)+1,1))-1)+IF('Standard Profiles'!$G$22=$B$10,7,0)+IF('Standard Profiles'!$G$22=$B$17,14,0)+IF('Standard Profiles'!$G$22=$B$24,21,0),MOD($C1994,24)+1)/SUM(INDEX($D$3:$AA$30,INDEX(Jesper!$R$2:$R$366,ROW(INDEX(Jesper!AL$2:AL$366,ROUNDDOWN($C1994/24,0)+1,1))-1)+IF('Standard Profiles'!$G$22=$B$10,7,0)+IF('Standard Profiles'!$G$22=$B$17,14,0)+IF('Standard Profiles'!$G$22=$B$24,21,0),0)),0)</f>
        <v>0</v>
      </c>
      <c r="I1994">
        <f t="shared" si="230"/>
        <v>0.40061863068320208</v>
      </c>
      <c r="J1994">
        <f t="shared" si="231"/>
        <v>1.3353954356106739</v>
      </c>
      <c r="K1994">
        <f t="shared" si="232"/>
        <v>2.0030931534160104</v>
      </c>
      <c r="L1994">
        <f t="shared" si="233"/>
        <v>9.6148471363968504</v>
      </c>
      <c r="M1994">
        <f t="shared" si="234"/>
        <v>0</v>
      </c>
      <c r="N1994" s="46">
        <f t="shared" si="235"/>
        <v>45373.666666661913</v>
      </c>
    </row>
    <row r="1995" spans="2:14" x14ac:dyDescent="0.3">
      <c r="B1995">
        <f t="shared" si="229"/>
        <v>5</v>
      </c>
      <c r="C1995" s="16">
        <v>1961</v>
      </c>
      <c r="D1995" cm="1">
        <f t="array" ref="D1995">IFERROR(INDEX(Jesper!AH$2:AH$366,ROUNDDOWN($C1995/24,0)+1,1)*INDEX($D$3:$AA$30,INDEX(Jesper!$R$2:$R$366,ROW(INDEX(Jesper!AH$2:AH$366,ROUNDDOWN($C1995/24,0)+1,1))-1)+IF('Standard Profiles'!$G$18=$B$10,7,0)+IF('Standard Profiles'!$G$18=$B$17,14,0)+IF('Standard Profiles'!$G$18=$B$24,21,0),MOD($C1995,24)+1)/SUM(INDEX($D$3:$AA$30,INDEX(Jesper!$R$2:$R$366,ROW(INDEX(Jesper!AH$2:AH$366,ROUNDDOWN($C1995/24,0)+1,1))-1)+IF('Standard Profiles'!$G$18=$B$10,7,0)+IF('Standard Profiles'!$G$18=$B$17,14,0)+IF('Standard Profiles'!$G$18=$B$24,21,0),0)),0)</f>
        <v>13.353954356106737</v>
      </c>
      <c r="E1995" cm="1">
        <f t="array" ref="E1995">IFERROR(INDEX(Jesper!AI$2:AI$366,ROUNDDOWN($C1995/24,0)+1,1)*INDEX($D$3:$AA$30,INDEX(Jesper!$R$2:$R$366,ROW(INDEX(Jesper!AI$2:AI$366,ROUNDDOWN($C1995/24,0)+1,1))-1)+IF('Standard Profiles'!$G$19=$B$10,7,0)+IF('Standard Profiles'!$G$19=$B$17,14,0)+IF('Standard Profiles'!$G$19=$B$24,21,0),MOD($C1995,24)+1)/SUM(INDEX($D$3:$AA$30,INDEX(Jesper!$R$2:$R$366,ROW(INDEX(Jesper!AI$2:AI$366,ROUNDDOWN($C1995/24,0)+1,1))-1)+IF('Standard Profiles'!$G$19=$B$10,7,0)+IF('Standard Profiles'!$G$19=$B$17,14,0)+IF('Standard Profiles'!$G$19=$B$24,21,0),0)),0)</f>
        <v>0</v>
      </c>
      <c r="F1995" cm="1">
        <f t="array" ref="F1995">IFERROR(INDEX(Jesper!AJ$2:AJ$366,ROUNDDOWN($C1995/24,0)+1,1)*INDEX($D$3:$AA$30,INDEX(Jesper!$R$2:$R$366,ROW(INDEX(Jesper!AJ$2:AJ$366,ROUNDDOWN($C1995/24,0)+1,1))-1)+IF('Standard Profiles'!$G$20=$B$10,7,0)+IF('Standard Profiles'!$G$20=$B$17,14,0)+IF('Standard Profiles'!$G$20=$B$24,21,0),MOD($C1995,24)+1)/SUM(INDEX($D$3:$AA$30,INDEX(Jesper!$R$2:$R$366,ROW(INDEX(Jesper!AJ$2:AJ$366,ROUNDDOWN($C1995/24,0)+1,1))-1)+IF('Standard Profiles'!$G$20=$B$10,7,0)+IF('Standard Profiles'!$G$20=$B$17,14,0)+IF('Standard Profiles'!$G$20=$B$24,21,0),0)),0)</f>
        <v>0</v>
      </c>
      <c r="G1995" cm="1">
        <f t="array" ref="G1995">IFERROR(INDEX(Jesper!AK$2:AK$366,ROUNDDOWN($C1995/24,0)+1,1)*INDEX($D$3:$AA$30,INDEX(Jesper!$R$2:$R$366,ROW(INDEX(Jesper!AK$2:AK$366,ROUNDDOWN($C1995/24,0)+1,1))-1)+IF('Standard Profiles'!$G$21=$B$10,7,0)+IF('Standard Profiles'!$G$21=$B$17,14,0)+IF('Standard Profiles'!$G$21=$B$24,21,0),MOD($C1995,24)+1)/SUM(INDEX($D$3:$AA$30,INDEX(Jesper!$R$2:$R$366,ROW(INDEX(Jesper!AK$2:AK$366,ROUNDDOWN($C1995/24,0)+1,1))-1)+IF('Standard Profiles'!$G$21=$B$10,7,0)+IF('Standard Profiles'!$G$21=$B$17,14,0)+IF('Standard Profiles'!$G$21=$B$24,21,0),0)),0)</f>
        <v>0</v>
      </c>
      <c r="H1995" cm="1">
        <f t="array" ref="H1995">IFERROR(INDEX(Jesper!AL$2:AL$366,ROUNDDOWN($C1995/24,0)+1,1)*INDEX($D$3:$AA$30,INDEX(Jesper!$R$2:$R$366,ROW(INDEX(Jesper!AL$2:AL$366,ROUNDDOWN($C1995/24,0)+1,1))-1)+IF('Standard Profiles'!$G$22=$B$10,7,0)+IF('Standard Profiles'!$G$22=$B$17,14,0)+IF('Standard Profiles'!$G$22=$B$24,21,0),MOD($C1995,24)+1)/SUM(INDEX($D$3:$AA$30,INDEX(Jesper!$R$2:$R$366,ROW(INDEX(Jesper!AL$2:AL$366,ROUNDDOWN($C1995/24,0)+1,1))-1)+IF('Standard Profiles'!$G$22=$B$10,7,0)+IF('Standard Profiles'!$G$22=$B$17,14,0)+IF('Standard Profiles'!$G$22=$B$24,21,0),0)),0)</f>
        <v>0</v>
      </c>
      <c r="I1995">
        <f t="shared" si="230"/>
        <v>0.40061863068320208</v>
      </c>
      <c r="J1995">
        <f t="shared" si="231"/>
        <v>1.3353954356106739</v>
      </c>
      <c r="K1995">
        <f t="shared" si="232"/>
        <v>2.0030931534160104</v>
      </c>
      <c r="L1995">
        <f t="shared" si="233"/>
        <v>9.6148471363968504</v>
      </c>
      <c r="M1995">
        <f t="shared" si="234"/>
        <v>0</v>
      </c>
      <c r="N1995" s="46">
        <f t="shared" si="235"/>
        <v>45373.708333328577</v>
      </c>
    </row>
    <row r="1996" spans="2:14" x14ac:dyDescent="0.3">
      <c r="B1996">
        <f t="shared" si="229"/>
        <v>5</v>
      </c>
      <c r="C1996" s="16">
        <v>1962</v>
      </c>
      <c r="D1996" cm="1">
        <f t="array" ref="D1996">IFERROR(INDEX(Jesper!AH$2:AH$366,ROUNDDOWN($C1996/24,0)+1,1)*INDEX($D$3:$AA$30,INDEX(Jesper!$R$2:$R$366,ROW(INDEX(Jesper!AH$2:AH$366,ROUNDDOWN($C1996/24,0)+1,1))-1)+IF('Standard Profiles'!$G$18=$B$10,7,0)+IF('Standard Profiles'!$G$18=$B$17,14,0)+IF('Standard Profiles'!$G$18=$B$24,21,0),MOD($C1996,24)+1)/SUM(INDEX($D$3:$AA$30,INDEX(Jesper!$R$2:$R$366,ROW(INDEX(Jesper!AH$2:AH$366,ROUNDDOWN($C1996/24,0)+1,1))-1)+IF('Standard Profiles'!$G$18=$B$10,7,0)+IF('Standard Profiles'!$G$18=$B$17,14,0)+IF('Standard Profiles'!$G$18=$B$24,21,0),0)),0)</f>
        <v>13.353954356106737</v>
      </c>
      <c r="E1996" cm="1">
        <f t="array" ref="E1996">IFERROR(INDEX(Jesper!AI$2:AI$366,ROUNDDOWN($C1996/24,0)+1,1)*INDEX($D$3:$AA$30,INDEX(Jesper!$R$2:$R$366,ROW(INDEX(Jesper!AI$2:AI$366,ROUNDDOWN($C1996/24,0)+1,1))-1)+IF('Standard Profiles'!$G$19=$B$10,7,0)+IF('Standard Profiles'!$G$19=$B$17,14,0)+IF('Standard Profiles'!$G$19=$B$24,21,0),MOD($C1996,24)+1)/SUM(INDEX($D$3:$AA$30,INDEX(Jesper!$R$2:$R$366,ROW(INDEX(Jesper!AI$2:AI$366,ROUNDDOWN($C1996/24,0)+1,1))-1)+IF('Standard Profiles'!$G$19=$B$10,7,0)+IF('Standard Profiles'!$G$19=$B$17,14,0)+IF('Standard Profiles'!$G$19=$B$24,21,0),0)),0)</f>
        <v>0</v>
      </c>
      <c r="F1996" cm="1">
        <f t="array" ref="F1996">IFERROR(INDEX(Jesper!AJ$2:AJ$366,ROUNDDOWN($C1996/24,0)+1,1)*INDEX($D$3:$AA$30,INDEX(Jesper!$R$2:$R$366,ROW(INDEX(Jesper!AJ$2:AJ$366,ROUNDDOWN($C1996/24,0)+1,1))-1)+IF('Standard Profiles'!$G$20=$B$10,7,0)+IF('Standard Profiles'!$G$20=$B$17,14,0)+IF('Standard Profiles'!$G$20=$B$24,21,0),MOD($C1996,24)+1)/SUM(INDEX($D$3:$AA$30,INDEX(Jesper!$R$2:$R$366,ROW(INDEX(Jesper!AJ$2:AJ$366,ROUNDDOWN($C1996/24,0)+1,1))-1)+IF('Standard Profiles'!$G$20=$B$10,7,0)+IF('Standard Profiles'!$G$20=$B$17,14,0)+IF('Standard Profiles'!$G$20=$B$24,21,0),0)),0)</f>
        <v>0</v>
      </c>
      <c r="G1996" cm="1">
        <f t="array" ref="G1996">IFERROR(INDEX(Jesper!AK$2:AK$366,ROUNDDOWN($C1996/24,0)+1,1)*INDEX($D$3:$AA$30,INDEX(Jesper!$R$2:$R$366,ROW(INDEX(Jesper!AK$2:AK$366,ROUNDDOWN($C1996/24,0)+1,1))-1)+IF('Standard Profiles'!$G$21=$B$10,7,0)+IF('Standard Profiles'!$G$21=$B$17,14,0)+IF('Standard Profiles'!$G$21=$B$24,21,0),MOD($C1996,24)+1)/SUM(INDEX($D$3:$AA$30,INDEX(Jesper!$R$2:$R$366,ROW(INDEX(Jesper!AK$2:AK$366,ROUNDDOWN($C1996/24,0)+1,1))-1)+IF('Standard Profiles'!$G$21=$B$10,7,0)+IF('Standard Profiles'!$G$21=$B$17,14,0)+IF('Standard Profiles'!$G$21=$B$24,21,0),0)),0)</f>
        <v>0</v>
      </c>
      <c r="H1996" cm="1">
        <f t="array" ref="H1996">IFERROR(INDEX(Jesper!AL$2:AL$366,ROUNDDOWN($C1996/24,0)+1,1)*INDEX($D$3:$AA$30,INDEX(Jesper!$R$2:$R$366,ROW(INDEX(Jesper!AL$2:AL$366,ROUNDDOWN($C1996/24,0)+1,1))-1)+IF('Standard Profiles'!$G$22=$B$10,7,0)+IF('Standard Profiles'!$G$22=$B$17,14,0)+IF('Standard Profiles'!$G$22=$B$24,21,0),MOD($C1996,24)+1)/SUM(INDEX($D$3:$AA$30,INDEX(Jesper!$R$2:$R$366,ROW(INDEX(Jesper!AL$2:AL$366,ROUNDDOWN($C1996/24,0)+1,1))-1)+IF('Standard Profiles'!$G$22=$B$10,7,0)+IF('Standard Profiles'!$G$22=$B$17,14,0)+IF('Standard Profiles'!$G$22=$B$24,21,0),0)),0)</f>
        <v>0</v>
      </c>
      <c r="I1996">
        <f t="shared" si="230"/>
        <v>0.40061863068320208</v>
      </c>
      <c r="J1996">
        <f t="shared" si="231"/>
        <v>1.3353954356106739</v>
      </c>
      <c r="K1996">
        <f t="shared" si="232"/>
        <v>2.0030931534160104</v>
      </c>
      <c r="L1996">
        <f t="shared" si="233"/>
        <v>9.6148471363968504</v>
      </c>
      <c r="M1996">
        <f t="shared" si="234"/>
        <v>0</v>
      </c>
      <c r="N1996" s="46">
        <f t="shared" si="235"/>
        <v>45373.749999995242</v>
      </c>
    </row>
    <row r="1997" spans="2:14" x14ac:dyDescent="0.3">
      <c r="B1997">
        <f t="shared" si="229"/>
        <v>5</v>
      </c>
      <c r="C1997" s="16">
        <v>1963</v>
      </c>
      <c r="D1997" cm="1">
        <f t="array" ref="D1997">IFERROR(INDEX(Jesper!AH$2:AH$366,ROUNDDOWN($C1997/24,0)+1,1)*INDEX($D$3:$AA$30,INDEX(Jesper!$R$2:$R$366,ROW(INDEX(Jesper!AH$2:AH$366,ROUNDDOWN($C1997/24,0)+1,1))-1)+IF('Standard Profiles'!$G$18=$B$10,7,0)+IF('Standard Profiles'!$G$18=$B$17,14,0)+IF('Standard Profiles'!$G$18=$B$24,21,0),MOD($C1997,24)+1)/SUM(INDEX($D$3:$AA$30,INDEX(Jesper!$R$2:$R$366,ROW(INDEX(Jesper!AH$2:AH$366,ROUNDDOWN($C1997/24,0)+1,1))-1)+IF('Standard Profiles'!$G$18=$B$10,7,0)+IF('Standard Profiles'!$G$18=$B$17,14,0)+IF('Standard Profiles'!$G$18=$B$24,21,0),0)),0)</f>
        <v>13.353954356106737</v>
      </c>
      <c r="E1997" cm="1">
        <f t="array" ref="E1997">IFERROR(INDEX(Jesper!AI$2:AI$366,ROUNDDOWN($C1997/24,0)+1,1)*INDEX($D$3:$AA$30,INDEX(Jesper!$R$2:$R$366,ROW(INDEX(Jesper!AI$2:AI$366,ROUNDDOWN($C1997/24,0)+1,1))-1)+IF('Standard Profiles'!$G$19=$B$10,7,0)+IF('Standard Profiles'!$G$19=$B$17,14,0)+IF('Standard Profiles'!$G$19=$B$24,21,0),MOD($C1997,24)+1)/SUM(INDEX($D$3:$AA$30,INDEX(Jesper!$R$2:$R$366,ROW(INDEX(Jesper!AI$2:AI$366,ROUNDDOWN($C1997/24,0)+1,1))-1)+IF('Standard Profiles'!$G$19=$B$10,7,0)+IF('Standard Profiles'!$G$19=$B$17,14,0)+IF('Standard Profiles'!$G$19=$B$24,21,0),0)),0)</f>
        <v>0</v>
      </c>
      <c r="F1997" cm="1">
        <f t="array" ref="F1997">IFERROR(INDEX(Jesper!AJ$2:AJ$366,ROUNDDOWN($C1997/24,0)+1,1)*INDEX($D$3:$AA$30,INDEX(Jesper!$R$2:$R$366,ROW(INDEX(Jesper!AJ$2:AJ$366,ROUNDDOWN($C1997/24,0)+1,1))-1)+IF('Standard Profiles'!$G$20=$B$10,7,0)+IF('Standard Profiles'!$G$20=$B$17,14,0)+IF('Standard Profiles'!$G$20=$B$24,21,0),MOD($C1997,24)+1)/SUM(INDEX($D$3:$AA$30,INDEX(Jesper!$R$2:$R$366,ROW(INDEX(Jesper!AJ$2:AJ$366,ROUNDDOWN($C1997/24,0)+1,1))-1)+IF('Standard Profiles'!$G$20=$B$10,7,0)+IF('Standard Profiles'!$G$20=$B$17,14,0)+IF('Standard Profiles'!$G$20=$B$24,21,0),0)),0)</f>
        <v>0</v>
      </c>
      <c r="G1997" cm="1">
        <f t="array" ref="G1997">IFERROR(INDEX(Jesper!AK$2:AK$366,ROUNDDOWN($C1997/24,0)+1,1)*INDEX($D$3:$AA$30,INDEX(Jesper!$R$2:$R$366,ROW(INDEX(Jesper!AK$2:AK$366,ROUNDDOWN($C1997/24,0)+1,1))-1)+IF('Standard Profiles'!$G$21=$B$10,7,0)+IF('Standard Profiles'!$G$21=$B$17,14,0)+IF('Standard Profiles'!$G$21=$B$24,21,0),MOD($C1997,24)+1)/SUM(INDEX($D$3:$AA$30,INDEX(Jesper!$R$2:$R$366,ROW(INDEX(Jesper!AK$2:AK$366,ROUNDDOWN($C1997/24,0)+1,1))-1)+IF('Standard Profiles'!$G$21=$B$10,7,0)+IF('Standard Profiles'!$G$21=$B$17,14,0)+IF('Standard Profiles'!$G$21=$B$24,21,0),0)),0)</f>
        <v>0</v>
      </c>
      <c r="H1997" cm="1">
        <f t="array" ref="H1997">IFERROR(INDEX(Jesper!AL$2:AL$366,ROUNDDOWN($C1997/24,0)+1,1)*INDEX($D$3:$AA$30,INDEX(Jesper!$R$2:$R$366,ROW(INDEX(Jesper!AL$2:AL$366,ROUNDDOWN($C1997/24,0)+1,1))-1)+IF('Standard Profiles'!$G$22=$B$10,7,0)+IF('Standard Profiles'!$G$22=$B$17,14,0)+IF('Standard Profiles'!$G$22=$B$24,21,0),MOD($C1997,24)+1)/SUM(INDEX($D$3:$AA$30,INDEX(Jesper!$R$2:$R$366,ROW(INDEX(Jesper!AL$2:AL$366,ROUNDDOWN($C1997/24,0)+1,1))-1)+IF('Standard Profiles'!$G$22=$B$10,7,0)+IF('Standard Profiles'!$G$22=$B$17,14,0)+IF('Standard Profiles'!$G$22=$B$24,21,0),0)),0)</f>
        <v>0</v>
      </c>
      <c r="I1997">
        <f t="shared" si="230"/>
        <v>0.40061863068320208</v>
      </c>
      <c r="J1997">
        <f t="shared" si="231"/>
        <v>1.3353954356106739</v>
      </c>
      <c r="K1997">
        <f t="shared" si="232"/>
        <v>2.0030931534160104</v>
      </c>
      <c r="L1997">
        <f t="shared" si="233"/>
        <v>9.6148471363968504</v>
      </c>
      <c r="M1997">
        <f t="shared" si="234"/>
        <v>0</v>
      </c>
      <c r="N1997" s="46">
        <f t="shared" si="235"/>
        <v>45373.791666661906</v>
      </c>
    </row>
    <row r="1998" spans="2:14" x14ac:dyDescent="0.3">
      <c r="B1998">
        <f t="shared" si="229"/>
        <v>5</v>
      </c>
      <c r="C1998" s="16">
        <v>1964</v>
      </c>
      <c r="D1998" cm="1">
        <f t="array" ref="D1998">IFERROR(INDEX(Jesper!AH$2:AH$366,ROUNDDOWN($C1998/24,0)+1,1)*INDEX($D$3:$AA$30,INDEX(Jesper!$R$2:$R$366,ROW(INDEX(Jesper!AH$2:AH$366,ROUNDDOWN($C1998/24,0)+1,1))-1)+IF('Standard Profiles'!$G$18=$B$10,7,0)+IF('Standard Profiles'!$G$18=$B$17,14,0)+IF('Standard Profiles'!$G$18=$B$24,21,0),MOD($C1998,24)+1)/SUM(INDEX($D$3:$AA$30,INDEX(Jesper!$R$2:$R$366,ROW(INDEX(Jesper!AH$2:AH$366,ROUNDDOWN($C1998/24,0)+1,1))-1)+IF('Standard Profiles'!$G$18=$B$10,7,0)+IF('Standard Profiles'!$G$18=$B$17,14,0)+IF('Standard Profiles'!$G$18=$B$24,21,0),0)),0)</f>
        <v>10.344612529378455</v>
      </c>
      <c r="E1998" cm="1">
        <f t="array" ref="E1998">IFERROR(INDEX(Jesper!AI$2:AI$366,ROUNDDOWN($C1998/24,0)+1,1)*INDEX($D$3:$AA$30,INDEX(Jesper!$R$2:$R$366,ROW(INDEX(Jesper!AI$2:AI$366,ROUNDDOWN($C1998/24,0)+1,1))-1)+IF('Standard Profiles'!$G$19=$B$10,7,0)+IF('Standard Profiles'!$G$19=$B$17,14,0)+IF('Standard Profiles'!$G$19=$B$24,21,0),MOD($C1998,24)+1)/SUM(INDEX($D$3:$AA$30,INDEX(Jesper!$R$2:$R$366,ROW(INDEX(Jesper!AI$2:AI$366,ROUNDDOWN($C1998/24,0)+1,1))-1)+IF('Standard Profiles'!$G$19=$B$10,7,0)+IF('Standard Profiles'!$G$19=$B$17,14,0)+IF('Standard Profiles'!$G$19=$B$24,21,0),0)),0)</f>
        <v>0</v>
      </c>
      <c r="F1998" cm="1">
        <f t="array" ref="F1998">IFERROR(INDEX(Jesper!AJ$2:AJ$366,ROUNDDOWN($C1998/24,0)+1,1)*INDEX($D$3:$AA$30,INDEX(Jesper!$R$2:$R$366,ROW(INDEX(Jesper!AJ$2:AJ$366,ROUNDDOWN($C1998/24,0)+1,1))-1)+IF('Standard Profiles'!$G$20=$B$10,7,0)+IF('Standard Profiles'!$G$20=$B$17,14,0)+IF('Standard Profiles'!$G$20=$B$24,21,0),MOD($C1998,24)+1)/SUM(INDEX($D$3:$AA$30,INDEX(Jesper!$R$2:$R$366,ROW(INDEX(Jesper!AJ$2:AJ$366,ROUNDDOWN($C1998/24,0)+1,1))-1)+IF('Standard Profiles'!$G$20=$B$10,7,0)+IF('Standard Profiles'!$G$20=$B$17,14,0)+IF('Standard Profiles'!$G$20=$B$24,21,0),0)),0)</f>
        <v>0</v>
      </c>
      <c r="G1998" cm="1">
        <f t="array" ref="G1998">IFERROR(INDEX(Jesper!AK$2:AK$366,ROUNDDOWN($C1998/24,0)+1,1)*INDEX($D$3:$AA$30,INDEX(Jesper!$R$2:$R$366,ROW(INDEX(Jesper!AK$2:AK$366,ROUNDDOWN($C1998/24,0)+1,1))-1)+IF('Standard Profiles'!$G$21=$B$10,7,0)+IF('Standard Profiles'!$G$21=$B$17,14,0)+IF('Standard Profiles'!$G$21=$B$24,21,0),MOD($C1998,24)+1)/SUM(INDEX($D$3:$AA$30,INDEX(Jesper!$R$2:$R$366,ROW(INDEX(Jesper!AK$2:AK$366,ROUNDDOWN($C1998/24,0)+1,1))-1)+IF('Standard Profiles'!$G$21=$B$10,7,0)+IF('Standard Profiles'!$G$21=$B$17,14,0)+IF('Standard Profiles'!$G$21=$B$24,21,0),0)),0)</f>
        <v>0</v>
      </c>
      <c r="H1998" cm="1">
        <f t="array" ref="H1998">IFERROR(INDEX(Jesper!AL$2:AL$366,ROUNDDOWN($C1998/24,0)+1,1)*INDEX($D$3:$AA$30,INDEX(Jesper!$R$2:$R$366,ROW(INDEX(Jesper!AL$2:AL$366,ROUNDDOWN($C1998/24,0)+1,1))-1)+IF('Standard Profiles'!$G$22=$B$10,7,0)+IF('Standard Profiles'!$G$22=$B$17,14,0)+IF('Standard Profiles'!$G$22=$B$24,21,0),MOD($C1998,24)+1)/SUM(INDEX($D$3:$AA$30,INDEX(Jesper!$R$2:$R$366,ROW(INDEX(Jesper!AL$2:AL$366,ROUNDDOWN($C1998/24,0)+1,1))-1)+IF('Standard Profiles'!$G$22=$B$10,7,0)+IF('Standard Profiles'!$G$22=$B$17,14,0)+IF('Standard Profiles'!$G$22=$B$24,21,0),0)),0)</f>
        <v>0</v>
      </c>
      <c r="I1998">
        <f t="shared" si="230"/>
        <v>0.31033837588135366</v>
      </c>
      <c r="J1998">
        <f t="shared" si="231"/>
        <v>1.0344612529378456</v>
      </c>
      <c r="K1998">
        <f t="shared" si="232"/>
        <v>1.5516918794067682</v>
      </c>
      <c r="L1998">
        <f t="shared" si="233"/>
        <v>7.4481210211524873</v>
      </c>
      <c r="M1998">
        <f t="shared" si="234"/>
        <v>0</v>
      </c>
      <c r="N1998" s="46">
        <f t="shared" si="235"/>
        <v>45373.83333332857</v>
      </c>
    </row>
    <row r="1999" spans="2:14" x14ac:dyDescent="0.3">
      <c r="B1999">
        <f t="shared" si="229"/>
        <v>5</v>
      </c>
      <c r="C1999" s="16">
        <v>1965</v>
      </c>
      <c r="D1999" cm="1">
        <f t="array" ref="D1999">IFERROR(INDEX(Jesper!AH$2:AH$366,ROUNDDOWN($C1999/24,0)+1,1)*INDEX($D$3:$AA$30,INDEX(Jesper!$R$2:$R$366,ROW(INDEX(Jesper!AH$2:AH$366,ROUNDDOWN($C1999/24,0)+1,1))-1)+IF('Standard Profiles'!$G$18=$B$10,7,0)+IF('Standard Profiles'!$G$18=$B$17,14,0)+IF('Standard Profiles'!$G$18=$B$24,21,0),MOD($C1999,24)+1)/SUM(INDEX($D$3:$AA$30,INDEX(Jesper!$R$2:$R$366,ROW(INDEX(Jesper!AH$2:AH$366,ROUNDDOWN($C1999/24,0)+1,1))-1)+IF('Standard Profiles'!$G$18=$B$10,7,0)+IF('Standard Profiles'!$G$18=$B$17,14,0)+IF('Standard Profiles'!$G$18=$B$24,21,0),0)),0)</f>
        <v>3.9497611475808654</v>
      </c>
      <c r="E1999" cm="1">
        <f t="array" ref="E1999">IFERROR(INDEX(Jesper!AI$2:AI$366,ROUNDDOWN($C1999/24,0)+1,1)*INDEX($D$3:$AA$30,INDEX(Jesper!$R$2:$R$366,ROW(INDEX(Jesper!AI$2:AI$366,ROUNDDOWN($C1999/24,0)+1,1))-1)+IF('Standard Profiles'!$G$19=$B$10,7,0)+IF('Standard Profiles'!$G$19=$B$17,14,0)+IF('Standard Profiles'!$G$19=$B$24,21,0),MOD($C1999,24)+1)/SUM(INDEX($D$3:$AA$30,INDEX(Jesper!$R$2:$R$366,ROW(INDEX(Jesper!AI$2:AI$366,ROUNDDOWN($C1999/24,0)+1,1))-1)+IF('Standard Profiles'!$G$19=$B$10,7,0)+IF('Standard Profiles'!$G$19=$B$17,14,0)+IF('Standard Profiles'!$G$19=$B$24,21,0),0)),0)</f>
        <v>0</v>
      </c>
      <c r="F1999" cm="1">
        <f t="array" ref="F1999">IFERROR(INDEX(Jesper!AJ$2:AJ$366,ROUNDDOWN($C1999/24,0)+1,1)*INDEX($D$3:$AA$30,INDEX(Jesper!$R$2:$R$366,ROW(INDEX(Jesper!AJ$2:AJ$366,ROUNDDOWN($C1999/24,0)+1,1))-1)+IF('Standard Profiles'!$G$20=$B$10,7,0)+IF('Standard Profiles'!$G$20=$B$17,14,0)+IF('Standard Profiles'!$G$20=$B$24,21,0),MOD($C1999,24)+1)/SUM(INDEX($D$3:$AA$30,INDEX(Jesper!$R$2:$R$366,ROW(INDEX(Jesper!AJ$2:AJ$366,ROUNDDOWN($C1999/24,0)+1,1))-1)+IF('Standard Profiles'!$G$20=$B$10,7,0)+IF('Standard Profiles'!$G$20=$B$17,14,0)+IF('Standard Profiles'!$G$20=$B$24,21,0),0)),0)</f>
        <v>0</v>
      </c>
      <c r="G1999" cm="1">
        <f t="array" ref="G1999">IFERROR(INDEX(Jesper!AK$2:AK$366,ROUNDDOWN($C1999/24,0)+1,1)*INDEX($D$3:$AA$30,INDEX(Jesper!$R$2:$R$366,ROW(INDEX(Jesper!AK$2:AK$366,ROUNDDOWN($C1999/24,0)+1,1))-1)+IF('Standard Profiles'!$G$21=$B$10,7,0)+IF('Standard Profiles'!$G$21=$B$17,14,0)+IF('Standard Profiles'!$G$21=$B$24,21,0),MOD($C1999,24)+1)/SUM(INDEX($D$3:$AA$30,INDEX(Jesper!$R$2:$R$366,ROW(INDEX(Jesper!AK$2:AK$366,ROUNDDOWN($C1999/24,0)+1,1))-1)+IF('Standard Profiles'!$G$21=$B$10,7,0)+IF('Standard Profiles'!$G$21=$B$17,14,0)+IF('Standard Profiles'!$G$21=$B$24,21,0),0)),0)</f>
        <v>0</v>
      </c>
      <c r="H1999" cm="1">
        <f t="array" ref="H1999">IFERROR(INDEX(Jesper!AL$2:AL$366,ROUNDDOWN($C1999/24,0)+1,1)*INDEX($D$3:$AA$30,INDEX(Jesper!$R$2:$R$366,ROW(INDEX(Jesper!AL$2:AL$366,ROUNDDOWN($C1999/24,0)+1,1))-1)+IF('Standard Profiles'!$G$22=$B$10,7,0)+IF('Standard Profiles'!$G$22=$B$17,14,0)+IF('Standard Profiles'!$G$22=$B$24,21,0),MOD($C1999,24)+1)/SUM(INDEX($D$3:$AA$30,INDEX(Jesper!$R$2:$R$366,ROW(INDEX(Jesper!AL$2:AL$366,ROUNDDOWN($C1999/24,0)+1,1))-1)+IF('Standard Profiles'!$G$22=$B$10,7,0)+IF('Standard Profiles'!$G$22=$B$17,14,0)+IF('Standard Profiles'!$G$22=$B$24,21,0),0)),0)</f>
        <v>0</v>
      </c>
      <c r="I1999">
        <f t="shared" si="230"/>
        <v>0.11849283442742596</v>
      </c>
      <c r="J1999">
        <f t="shared" si="231"/>
        <v>0.39497611475808658</v>
      </c>
      <c r="K1999">
        <f t="shared" si="232"/>
        <v>0.59246417213712976</v>
      </c>
      <c r="L1999">
        <f t="shared" si="233"/>
        <v>2.843828026258223</v>
      </c>
      <c r="M1999">
        <f t="shared" si="234"/>
        <v>0</v>
      </c>
      <c r="N1999" s="46">
        <f t="shared" si="235"/>
        <v>45373.874999995234</v>
      </c>
    </row>
    <row r="2000" spans="2:14" x14ac:dyDescent="0.3">
      <c r="B2000">
        <f t="shared" si="229"/>
        <v>5</v>
      </c>
      <c r="C2000" s="16">
        <v>1966</v>
      </c>
      <c r="D2000" cm="1">
        <f t="array" ref="D2000">IFERROR(INDEX(Jesper!AH$2:AH$366,ROUNDDOWN($C2000/24,0)+1,1)*INDEX($D$3:$AA$30,INDEX(Jesper!$R$2:$R$366,ROW(INDEX(Jesper!AH$2:AH$366,ROUNDDOWN($C2000/24,0)+1,1))-1)+IF('Standard Profiles'!$G$18=$B$10,7,0)+IF('Standard Profiles'!$G$18=$B$17,14,0)+IF('Standard Profiles'!$G$18=$B$24,21,0),MOD($C2000,24)+1)/SUM(INDEX($D$3:$AA$30,INDEX(Jesper!$R$2:$R$366,ROW(INDEX(Jesper!AH$2:AH$366,ROUNDDOWN($C2000/24,0)+1,1))-1)+IF('Standard Profiles'!$G$18=$B$10,7,0)+IF('Standard Profiles'!$G$18=$B$17,14,0)+IF('Standard Profiles'!$G$18=$B$24,21,0),0)),0)</f>
        <v>3.9497611475808654</v>
      </c>
      <c r="E2000" cm="1">
        <f t="array" ref="E2000">IFERROR(INDEX(Jesper!AI$2:AI$366,ROUNDDOWN($C2000/24,0)+1,1)*INDEX($D$3:$AA$30,INDEX(Jesper!$R$2:$R$366,ROW(INDEX(Jesper!AI$2:AI$366,ROUNDDOWN($C2000/24,0)+1,1))-1)+IF('Standard Profiles'!$G$19=$B$10,7,0)+IF('Standard Profiles'!$G$19=$B$17,14,0)+IF('Standard Profiles'!$G$19=$B$24,21,0),MOD($C2000,24)+1)/SUM(INDEX($D$3:$AA$30,INDEX(Jesper!$R$2:$R$366,ROW(INDEX(Jesper!AI$2:AI$366,ROUNDDOWN($C2000/24,0)+1,1))-1)+IF('Standard Profiles'!$G$19=$B$10,7,0)+IF('Standard Profiles'!$G$19=$B$17,14,0)+IF('Standard Profiles'!$G$19=$B$24,21,0),0)),0)</f>
        <v>0</v>
      </c>
      <c r="F2000" cm="1">
        <f t="array" ref="F2000">IFERROR(INDEX(Jesper!AJ$2:AJ$366,ROUNDDOWN($C2000/24,0)+1,1)*INDEX($D$3:$AA$30,INDEX(Jesper!$R$2:$R$366,ROW(INDEX(Jesper!AJ$2:AJ$366,ROUNDDOWN($C2000/24,0)+1,1))-1)+IF('Standard Profiles'!$G$20=$B$10,7,0)+IF('Standard Profiles'!$G$20=$B$17,14,0)+IF('Standard Profiles'!$G$20=$B$24,21,0),MOD($C2000,24)+1)/SUM(INDEX($D$3:$AA$30,INDEX(Jesper!$R$2:$R$366,ROW(INDEX(Jesper!AJ$2:AJ$366,ROUNDDOWN($C2000/24,0)+1,1))-1)+IF('Standard Profiles'!$G$20=$B$10,7,0)+IF('Standard Profiles'!$G$20=$B$17,14,0)+IF('Standard Profiles'!$G$20=$B$24,21,0),0)),0)</f>
        <v>0</v>
      </c>
      <c r="G2000" cm="1">
        <f t="array" ref="G2000">IFERROR(INDEX(Jesper!AK$2:AK$366,ROUNDDOWN($C2000/24,0)+1,1)*INDEX($D$3:$AA$30,INDEX(Jesper!$R$2:$R$366,ROW(INDEX(Jesper!AK$2:AK$366,ROUNDDOWN($C2000/24,0)+1,1))-1)+IF('Standard Profiles'!$G$21=$B$10,7,0)+IF('Standard Profiles'!$G$21=$B$17,14,0)+IF('Standard Profiles'!$G$21=$B$24,21,0),MOD($C2000,24)+1)/SUM(INDEX($D$3:$AA$30,INDEX(Jesper!$R$2:$R$366,ROW(INDEX(Jesper!AK$2:AK$366,ROUNDDOWN($C2000/24,0)+1,1))-1)+IF('Standard Profiles'!$G$21=$B$10,7,0)+IF('Standard Profiles'!$G$21=$B$17,14,0)+IF('Standard Profiles'!$G$21=$B$24,21,0),0)),0)</f>
        <v>0</v>
      </c>
      <c r="H2000" cm="1">
        <f t="array" ref="H2000">IFERROR(INDEX(Jesper!AL$2:AL$366,ROUNDDOWN($C2000/24,0)+1,1)*INDEX($D$3:$AA$30,INDEX(Jesper!$R$2:$R$366,ROW(INDEX(Jesper!AL$2:AL$366,ROUNDDOWN($C2000/24,0)+1,1))-1)+IF('Standard Profiles'!$G$22=$B$10,7,0)+IF('Standard Profiles'!$G$22=$B$17,14,0)+IF('Standard Profiles'!$G$22=$B$24,21,0),MOD($C2000,24)+1)/SUM(INDEX($D$3:$AA$30,INDEX(Jesper!$R$2:$R$366,ROW(INDEX(Jesper!AL$2:AL$366,ROUNDDOWN($C2000/24,0)+1,1))-1)+IF('Standard Profiles'!$G$22=$B$10,7,0)+IF('Standard Profiles'!$G$22=$B$17,14,0)+IF('Standard Profiles'!$G$22=$B$24,21,0),0)),0)</f>
        <v>0</v>
      </c>
      <c r="I2000">
        <f t="shared" si="230"/>
        <v>0.11849283442742596</v>
      </c>
      <c r="J2000">
        <f t="shared" si="231"/>
        <v>0.39497611475808658</v>
      </c>
      <c r="K2000">
        <f t="shared" si="232"/>
        <v>0.59246417213712976</v>
      </c>
      <c r="L2000">
        <f t="shared" si="233"/>
        <v>2.843828026258223</v>
      </c>
      <c r="M2000">
        <f t="shared" si="234"/>
        <v>0</v>
      </c>
      <c r="N2000" s="46">
        <f t="shared" si="235"/>
        <v>45373.916666661898</v>
      </c>
    </row>
    <row r="2001" spans="2:14" x14ac:dyDescent="0.3">
      <c r="B2001">
        <f t="shared" si="229"/>
        <v>5</v>
      </c>
      <c r="C2001" s="16">
        <v>1967</v>
      </c>
      <c r="D2001" cm="1">
        <f t="array" ref="D2001">IFERROR(INDEX(Jesper!AH$2:AH$366,ROUNDDOWN($C2001/24,0)+1,1)*INDEX($D$3:$AA$30,INDEX(Jesper!$R$2:$R$366,ROW(INDEX(Jesper!AH$2:AH$366,ROUNDDOWN($C2001/24,0)+1,1))-1)+IF('Standard Profiles'!$G$18=$B$10,7,0)+IF('Standard Profiles'!$G$18=$B$17,14,0)+IF('Standard Profiles'!$G$18=$B$24,21,0),MOD($C2001,24)+1)/SUM(INDEX($D$3:$AA$30,INDEX(Jesper!$R$2:$R$366,ROW(INDEX(Jesper!AH$2:AH$366,ROUNDDOWN($C2001/24,0)+1,1))-1)+IF('Standard Profiles'!$G$18=$B$10,7,0)+IF('Standard Profiles'!$G$18=$B$17,14,0)+IF('Standard Profiles'!$G$18=$B$24,21,0),0)),0)</f>
        <v>3.9497611475808654</v>
      </c>
      <c r="E2001" cm="1">
        <f t="array" ref="E2001">IFERROR(INDEX(Jesper!AI$2:AI$366,ROUNDDOWN($C2001/24,0)+1,1)*INDEX($D$3:$AA$30,INDEX(Jesper!$R$2:$R$366,ROW(INDEX(Jesper!AI$2:AI$366,ROUNDDOWN($C2001/24,0)+1,1))-1)+IF('Standard Profiles'!$G$19=$B$10,7,0)+IF('Standard Profiles'!$G$19=$B$17,14,0)+IF('Standard Profiles'!$G$19=$B$24,21,0),MOD($C2001,24)+1)/SUM(INDEX($D$3:$AA$30,INDEX(Jesper!$R$2:$R$366,ROW(INDEX(Jesper!AI$2:AI$366,ROUNDDOWN($C2001/24,0)+1,1))-1)+IF('Standard Profiles'!$G$19=$B$10,7,0)+IF('Standard Profiles'!$G$19=$B$17,14,0)+IF('Standard Profiles'!$G$19=$B$24,21,0),0)),0)</f>
        <v>0</v>
      </c>
      <c r="F2001" cm="1">
        <f t="array" ref="F2001">IFERROR(INDEX(Jesper!AJ$2:AJ$366,ROUNDDOWN($C2001/24,0)+1,1)*INDEX($D$3:$AA$30,INDEX(Jesper!$R$2:$R$366,ROW(INDEX(Jesper!AJ$2:AJ$366,ROUNDDOWN($C2001/24,0)+1,1))-1)+IF('Standard Profiles'!$G$20=$B$10,7,0)+IF('Standard Profiles'!$G$20=$B$17,14,0)+IF('Standard Profiles'!$G$20=$B$24,21,0),MOD($C2001,24)+1)/SUM(INDEX($D$3:$AA$30,INDEX(Jesper!$R$2:$R$366,ROW(INDEX(Jesper!AJ$2:AJ$366,ROUNDDOWN($C2001/24,0)+1,1))-1)+IF('Standard Profiles'!$G$20=$B$10,7,0)+IF('Standard Profiles'!$G$20=$B$17,14,0)+IF('Standard Profiles'!$G$20=$B$24,21,0),0)),0)</f>
        <v>0</v>
      </c>
      <c r="G2001" cm="1">
        <f t="array" ref="G2001">IFERROR(INDEX(Jesper!AK$2:AK$366,ROUNDDOWN($C2001/24,0)+1,1)*INDEX($D$3:$AA$30,INDEX(Jesper!$R$2:$R$366,ROW(INDEX(Jesper!AK$2:AK$366,ROUNDDOWN($C2001/24,0)+1,1))-1)+IF('Standard Profiles'!$G$21=$B$10,7,0)+IF('Standard Profiles'!$G$21=$B$17,14,0)+IF('Standard Profiles'!$G$21=$B$24,21,0),MOD($C2001,24)+1)/SUM(INDEX($D$3:$AA$30,INDEX(Jesper!$R$2:$R$366,ROW(INDEX(Jesper!AK$2:AK$366,ROUNDDOWN($C2001/24,0)+1,1))-1)+IF('Standard Profiles'!$G$21=$B$10,7,0)+IF('Standard Profiles'!$G$21=$B$17,14,0)+IF('Standard Profiles'!$G$21=$B$24,21,0),0)),0)</f>
        <v>0</v>
      </c>
      <c r="H2001" cm="1">
        <f t="array" ref="H2001">IFERROR(INDEX(Jesper!AL$2:AL$366,ROUNDDOWN($C2001/24,0)+1,1)*INDEX($D$3:$AA$30,INDEX(Jesper!$R$2:$R$366,ROW(INDEX(Jesper!AL$2:AL$366,ROUNDDOWN($C2001/24,0)+1,1))-1)+IF('Standard Profiles'!$G$22=$B$10,7,0)+IF('Standard Profiles'!$G$22=$B$17,14,0)+IF('Standard Profiles'!$G$22=$B$24,21,0),MOD($C2001,24)+1)/SUM(INDEX($D$3:$AA$30,INDEX(Jesper!$R$2:$R$366,ROW(INDEX(Jesper!AL$2:AL$366,ROUNDDOWN($C2001/24,0)+1,1))-1)+IF('Standard Profiles'!$G$22=$B$10,7,0)+IF('Standard Profiles'!$G$22=$B$17,14,0)+IF('Standard Profiles'!$G$22=$B$24,21,0),0)),0)</f>
        <v>0</v>
      </c>
      <c r="I2001">
        <f t="shared" si="230"/>
        <v>0.11849283442742596</v>
      </c>
      <c r="J2001">
        <f t="shared" si="231"/>
        <v>0.39497611475808658</v>
      </c>
      <c r="K2001">
        <f t="shared" si="232"/>
        <v>0.59246417213712976</v>
      </c>
      <c r="L2001">
        <f t="shared" si="233"/>
        <v>2.843828026258223</v>
      </c>
      <c r="M2001">
        <f t="shared" si="234"/>
        <v>0</v>
      </c>
      <c r="N2001" s="46">
        <f t="shared" si="235"/>
        <v>45373.958333328563</v>
      </c>
    </row>
    <row r="2002" spans="2:14" x14ac:dyDescent="0.3">
      <c r="B2002">
        <f t="shared" si="229"/>
        <v>6</v>
      </c>
      <c r="C2002" s="16">
        <v>1968</v>
      </c>
      <c r="D2002" cm="1">
        <f t="array" ref="D2002">IFERROR(INDEX(Jesper!AH$2:AH$366,ROUNDDOWN($C2002/24,0)+1,1)*INDEX($D$3:$AA$30,INDEX(Jesper!$R$2:$R$366,ROW(INDEX(Jesper!AH$2:AH$366,ROUNDDOWN($C2002/24,0)+1,1))-1)+IF('Standard Profiles'!$G$18=$B$10,7,0)+IF('Standard Profiles'!$G$18=$B$17,14,0)+IF('Standard Profiles'!$G$18=$B$24,21,0),MOD($C2002,24)+1)/SUM(INDEX($D$3:$AA$30,INDEX(Jesper!$R$2:$R$366,ROW(INDEX(Jesper!AH$2:AH$366,ROUNDDOWN($C2002/24,0)+1,1))-1)+IF('Standard Profiles'!$G$18=$B$10,7,0)+IF('Standard Profiles'!$G$18=$B$17,14,0)+IF('Standard Profiles'!$G$18=$B$24,21,0),0)),0)</f>
        <v>4.2209763546368624</v>
      </c>
      <c r="E2002" cm="1">
        <f t="array" ref="E2002">IFERROR(INDEX(Jesper!AI$2:AI$366,ROUNDDOWN($C2002/24,0)+1,1)*INDEX($D$3:$AA$30,INDEX(Jesper!$R$2:$R$366,ROW(INDEX(Jesper!AI$2:AI$366,ROUNDDOWN($C2002/24,0)+1,1))-1)+IF('Standard Profiles'!$G$19=$B$10,7,0)+IF('Standard Profiles'!$G$19=$B$17,14,0)+IF('Standard Profiles'!$G$19=$B$24,21,0),MOD($C2002,24)+1)/SUM(INDEX($D$3:$AA$30,INDEX(Jesper!$R$2:$R$366,ROW(INDEX(Jesper!AI$2:AI$366,ROUNDDOWN($C2002/24,0)+1,1))-1)+IF('Standard Profiles'!$G$19=$B$10,7,0)+IF('Standard Profiles'!$G$19=$B$17,14,0)+IF('Standard Profiles'!$G$19=$B$24,21,0),0)),0)</f>
        <v>0.94703828806224333</v>
      </c>
      <c r="F2002" cm="1">
        <f t="array" ref="F2002">IFERROR(INDEX(Jesper!AJ$2:AJ$366,ROUNDDOWN($C2002/24,0)+1,1)*INDEX($D$3:$AA$30,INDEX(Jesper!$R$2:$R$366,ROW(INDEX(Jesper!AJ$2:AJ$366,ROUNDDOWN($C2002/24,0)+1,1))-1)+IF('Standard Profiles'!$G$20=$B$10,7,0)+IF('Standard Profiles'!$G$20=$B$17,14,0)+IF('Standard Profiles'!$G$20=$B$24,21,0),MOD($C2002,24)+1)/SUM(INDEX($D$3:$AA$30,INDEX(Jesper!$R$2:$R$366,ROW(INDEX(Jesper!AJ$2:AJ$366,ROUNDDOWN($C2002/24,0)+1,1))-1)+IF('Standard Profiles'!$G$20=$B$10,7,0)+IF('Standard Profiles'!$G$20=$B$17,14,0)+IF('Standard Profiles'!$G$20=$B$24,21,0),0)),0)</f>
        <v>0</v>
      </c>
      <c r="G2002" cm="1">
        <f t="array" ref="G2002">IFERROR(INDEX(Jesper!AK$2:AK$366,ROUNDDOWN($C2002/24,0)+1,1)*INDEX($D$3:$AA$30,INDEX(Jesper!$R$2:$R$366,ROW(INDEX(Jesper!AK$2:AK$366,ROUNDDOWN($C2002/24,0)+1,1))-1)+IF('Standard Profiles'!$G$21=$B$10,7,0)+IF('Standard Profiles'!$G$21=$B$17,14,0)+IF('Standard Profiles'!$G$21=$B$24,21,0),MOD($C2002,24)+1)/SUM(INDEX($D$3:$AA$30,INDEX(Jesper!$R$2:$R$366,ROW(INDEX(Jesper!AK$2:AK$366,ROUNDDOWN($C2002/24,0)+1,1))-1)+IF('Standard Profiles'!$G$21=$B$10,7,0)+IF('Standard Profiles'!$G$21=$B$17,14,0)+IF('Standard Profiles'!$G$21=$B$24,21,0),0)),0)</f>
        <v>0</v>
      </c>
      <c r="H2002" cm="1">
        <f t="array" ref="H2002">IFERROR(INDEX(Jesper!AL$2:AL$366,ROUNDDOWN($C2002/24,0)+1,1)*INDEX($D$3:$AA$30,INDEX(Jesper!$R$2:$R$366,ROW(INDEX(Jesper!AL$2:AL$366,ROUNDDOWN($C2002/24,0)+1,1))-1)+IF('Standard Profiles'!$G$22=$B$10,7,0)+IF('Standard Profiles'!$G$22=$B$17,14,0)+IF('Standard Profiles'!$G$22=$B$24,21,0),MOD($C2002,24)+1)/SUM(INDEX($D$3:$AA$30,INDEX(Jesper!$R$2:$R$366,ROW(INDEX(Jesper!AL$2:AL$366,ROUNDDOWN($C2002/24,0)+1,1))-1)+IF('Standard Profiles'!$G$22=$B$10,7,0)+IF('Standard Profiles'!$G$22=$B$17,14,0)+IF('Standard Profiles'!$G$22=$B$24,21,0),0)),0)</f>
        <v>0</v>
      </c>
      <c r="I2002">
        <f t="shared" si="230"/>
        <v>8.5318764690292218E-2</v>
      </c>
      <c r="J2002">
        <f t="shared" si="231"/>
        <v>0.28439588230097407</v>
      </c>
      <c r="K2002">
        <f t="shared" si="232"/>
        <v>0.42659382345146113</v>
      </c>
      <c r="L2002">
        <f t="shared" si="233"/>
        <v>4.3717061722563786</v>
      </c>
      <c r="M2002">
        <f t="shared" si="234"/>
        <v>0</v>
      </c>
      <c r="N2002" s="46">
        <f t="shared" si="235"/>
        <v>45373.999999995227</v>
      </c>
    </row>
    <row r="2003" spans="2:14" x14ac:dyDescent="0.3">
      <c r="B2003">
        <f t="shared" si="229"/>
        <v>6</v>
      </c>
      <c r="C2003" s="16">
        <v>1969</v>
      </c>
      <c r="D2003" cm="1">
        <f t="array" ref="D2003">IFERROR(INDEX(Jesper!AH$2:AH$366,ROUNDDOWN($C2003/24,0)+1,1)*INDEX($D$3:$AA$30,INDEX(Jesper!$R$2:$R$366,ROW(INDEX(Jesper!AH$2:AH$366,ROUNDDOWN($C2003/24,0)+1,1))-1)+IF('Standard Profiles'!$G$18=$B$10,7,0)+IF('Standard Profiles'!$G$18=$B$17,14,0)+IF('Standard Profiles'!$G$18=$B$24,21,0),MOD($C2003,24)+1)/SUM(INDEX($D$3:$AA$30,INDEX(Jesper!$R$2:$R$366,ROW(INDEX(Jesper!AH$2:AH$366,ROUNDDOWN($C2003/24,0)+1,1))-1)+IF('Standard Profiles'!$G$18=$B$10,7,0)+IF('Standard Profiles'!$G$18=$B$17,14,0)+IF('Standard Profiles'!$G$18=$B$24,21,0),0)),0)</f>
        <v>8.2409538352434009</v>
      </c>
      <c r="E2003" cm="1">
        <f t="array" ref="E2003">IFERROR(INDEX(Jesper!AI$2:AI$366,ROUNDDOWN($C2003/24,0)+1,1)*INDEX($D$3:$AA$30,INDEX(Jesper!$R$2:$R$366,ROW(INDEX(Jesper!AI$2:AI$366,ROUNDDOWN($C2003/24,0)+1,1))-1)+IF('Standard Profiles'!$G$19=$B$10,7,0)+IF('Standard Profiles'!$G$19=$B$17,14,0)+IF('Standard Profiles'!$G$19=$B$24,21,0),MOD($C2003,24)+1)/SUM(INDEX($D$3:$AA$30,INDEX(Jesper!$R$2:$R$366,ROW(INDEX(Jesper!AI$2:AI$366,ROUNDDOWN($C2003/24,0)+1,1))-1)+IF('Standard Profiles'!$G$19=$B$10,7,0)+IF('Standard Profiles'!$G$19=$B$17,14,0)+IF('Standard Profiles'!$G$19=$B$24,21,0),0)),0)</f>
        <v>1.8489795147881896</v>
      </c>
      <c r="F2003" cm="1">
        <f t="array" ref="F2003">IFERROR(INDEX(Jesper!AJ$2:AJ$366,ROUNDDOWN($C2003/24,0)+1,1)*INDEX($D$3:$AA$30,INDEX(Jesper!$R$2:$R$366,ROW(INDEX(Jesper!AJ$2:AJ$366,ROUNDDOWN($C2003/24,0)+1,1))-1)+IF('Standard Profiles'!$G$20=$B$10,7,0)+IF('Standard Profiles'!$G$20=$B$17,14,0)+IF('Standard Profiles'!$G$20=$B$24,21,0),MOD($C2003,24)+1)/SUM(INDEX($D$3:$AA$30,INDEX(Jesper!$R$2:$R$366,ROW(INDEX(Jesper!AJ$2:AJ$366,ROUNDDOWN($C2003/24,0)+1,1))-1)+IF('Standard Profiles'!$G$20=$B$10,7,0)+IF('Standard Profiles'!$G$20=$B$17,14,0)+IF('Standard Profiles'!$G$20=$B$24,21,0),0)),0)</f>
        <v>0</v>
      </c>
      <c r="G2003" cm="1">
        <f t="array" ref="G2003">IFERROR(INDEX(Jesper!AK$2:AK$366,ROUNDDOWN($C2003/24,0)+1,1)*INDEX($D$3:$AA$30,INDEX(Jesper!$R$2:$R$366,ROW(INDEX(Jesper!AK$2:AK$366,ROUNDDOWN($C2003/24,0)+1,1))-1)+IF('Standard Profiles'!$G$21=$B$10,7,0)+IF('Standard Profiles'!$G$21=$B$17,14,0)+IF('Standard Profiles'!$G$21=$B$24,21,0),MOD($C2003,24)+1)/SUM(INDEX($D$3:$AA$30,INDEX(Jesper!$R$2:$R$366,ROW(INDEX(Jesper!AK$2:AK$366,ROUNDDOWN($C2003/24,0)+1,1))-1)+IF('Standard Profiles'!$G$21=$B$10,7,0)+IF('Standard Profiles'!$G$21=$B$17,14,0)+IF('Standard Profiles'!$G$21=$B$24,21,0),0)),0)</f>
        <v>0</v>
      </c>
      <c r="H2003" cm="1">
        <f t="array" ref="H2003">IFERROR(INDEX(Jesper!AL$2:AL$366,ROUNDDOWN($C2003/24,0)+1,1)*INDEX($D$3:$AA$30,INDEX(Jesper!$R$2:$R$366,ROW(INDEX(Jesper!AL$2:AL$366,ROUNDDOWN($C2003/24,0)+1,1))-1)+IF('Standard Profiles'!$G$22=$B$10,7,0)+IF('Standard Profiles'!$G$22=$B$17,14,0)+IF('Standard Profiles'!$G$22=$B$24,21,0),MOD($C2003,24)+1)/SUM(INDEX($D$3:$AA$30,INDEX(Jesper!$R$2:$R$366,ROW(INDEX(Jesper!AL$2:AL$366,ROUNDDOWN($C2003/24,0)+1,1))-1)+IF('Standard Profiles'!$G$22=$B$10,7,0)+IF('Standard Profiles'!$G$22=$B$17,14,0)+IF('Standard Profiles'!$G$22=$B$24,21,0),0)),0)</f>
        <v>0</v>
      </c>
      <c r="I2003">
        <f t="shared" si="230"/>
        <v>0.1665747310619991</v>
      </c>
      <c r="J2003">
        <f t="shared" si="231"/>
        <v>0.55524910353999712</v>
      </c>
      <c r="K2003">
        <f t="shared" si="232"/>
        <v>0.83287365530999558</v>
      </c>
      <c r="L2003">
        <f t="shared" si="233"/>
        <v>8.5352358601195988</v>
      </c>
      <c r="M2003">
        <f t="shared" si="234"/>
        <v>0</v>
      </c>
      <c r="N2003" s="46">
        <f t="shared" si="235"/>
        <v>45374.041666661891</v>
      </c>
    </row>
    <row r="2004" spans="2:14" x14ac:dyDescent="0.3">
      <c r="B2004">
        <f t="shared" si="229"/>
        <v>6</v>
      </c>
      <c r="C2004" s="16">
        <v>1970</v>
      </c>
      <c r="D2004" cm="1">
        <f t="array" ref="D2004">IFERROR(INDEX(Jesper!AH$2:AH$366,ROUNDDOWN($C2004/24,0)+1,1)*INDEX($D$3:$AA$30,INDEX(Jesper!$R$2:$R$366,ROW(INDEX(Jesper!AH$2:AH$366,ROUNDDOWN($C2004/24,0)+1,1))-1)+IF('Standard Profiles'!$G$18=$B$10,7,0)+IF('Standard Profiles'!$G$18=$B$17,14,0)+IF('Standard Profiles'!$G$18=$B$24,21,0),MOD($C2004,24)+1)/SUM(INDEX($D$3:$AA$30,INDEX(Jesper!$R$2:$R$366,ROW(INDEX(Jesper!AH$2:AH$366,ROUNDDOWN($C2004/24,0)+1,1))-1)+IF('Standard Profiles'!$G$18=$B$10,7,0)+IF('Standard Profiles'!$G$18=$B$17,14,0)+IF('Standard Profiles'!$G$18=$B$24,21,0),0)),0)</f>
        <v>8.2409538352434009</v>
      </c>
      <c r="E2004" cm="1">
        <f t="array" ref="E2004">IFERROR(INDEX(Jesper!AI$2:AI$366,ROUNDDOWN($C2004/24,0)+1,1)*INDEX($D$3:$AA$30,INDEX(Jesper!$R$2:$R$366,ROW(INDEX(Jesper!AI$2:AI$366,ROUNDDOWN($C2004/24,0)+1,1))-1)+IF('Standard Profiles'!$G$19=$B$10,7,0)+IF('Standard Profiles'!$G$19=$B$17,14,0)+IF('Standard Profiles'!$G$19=$B$24,21,0),MOD($C2004,24)+1)/SUM(INDEX($D$3:$AA$30,INDEX(Jesper!$R$2:$R$366,ROW(INDEX(Jesper!AI$2:AI$366,ROUNDDOWN($C2004/24,0)+1,1))-1)+IF('Standard Profiles'!$G$19=$B$10,7,0)+IF('Standard Profiles'!$G$19=$B$17,14,0)+IF('Standard Profiles'!$G$19=$B$24,21,0),0)),0)</f>
        <v>1.8489795147881896</v>
      </c>
      <c r="F2004" cm="1">
        <f t="array" ref="F2004">IFERROR(INDEX(Jesper!AJ$2:AJ$366,ROUNDDOWN($C2004/24,0)+1,1)*INDEX($D$3:$AA$30,INDEX(Jesper!$R$2:$R$366,ROW(INDEX(Jesper!AJ$2:AJ$366,ROUNDDOWN($C2004/24,0)+1,1))-1)+IF('Standard Profiles'!$G$20=$B$10,7,0)+IF('Standard Profiles'!$G$20=$B$17,14,0)+IF('Standard Profiles'!$G$20=$B$24,21,0),MOD($C2004,24)+1)/SUM(INDEX($D$3:$AA$30,INDEX(Jesper!$R$2:$R$366,ROW(INDEX(Jesper!AJ$2:AJ$366,ROUNDDOWN($C2004/24,0)+1,1))-1)+IF('Standard Profiles'!$G$20=$B$10,7,0)+IF('Standard Profiles'!$G$20=$B$17,14,0)+IF('Standard Profiles'!$G$20=$B$24,21,0),0)),0)</f>
        <v>0</v>
      </c>
      <c r="G2004" cm="1">
        <f t="array" ref="G2004">IFERROR(INDEX(Jesper!AK$2:AK$366,ROUNDDOWN($C2004/24,0)+1,1)*INDEX($D$3:$AA$30,INDEX(Jesper!$R$2:$R$366,ROW(INDEX(Jesper!AK$2:AK$366,ROUNDDOWN($C2004/24,0)+1,1))-1)+IF('Standard Profiles'!$G$21=$B$10,7,0)+IF('Standard Profiles'!$G$21=$B$17,14,0)+IF('Standard Profiles'!$G$21=$B$24,21,0),MOD($C2004,24)+1)/SUM(INDEX($D$3:$AA$30,INDEX(Jesper!$R$2:$R$366,ROW(INDEX(Jesper!AK$2:AK$366,ROUNDDOWN($C2004/24,0)+1,1))-1)+IF('Standard Profiles'!$G$21=$B$10,7,0)+IF('Standard Profiles'!$G$21=$B$17,14,0)+IF('Standard Profiles'!$G$21=$B$24,21,0),0)),0)</f>
        <v>0</v>
      </c>
      <c r="H2004" cm="1">
        <f t="array" ref="H2004">IFERROR(INDEX(Jesper!AL$2:AL$366,ROUNDDOWN($C2004/24,0)+1,1)*INDEX($D$3:$AA$30,INDEX(Jesper!$R$2:$R$366,ROW(INDEX(Jesper!AL$2:AL$366,ROUNDDOWN($C2004/24,0)+1,1))-1)+IF('Standard Profiles'!$G$22=$B$10,7,0)+IF('Standard Profiles'!$G$22=$B$17,14,0)+IF('Standard Profiles'!$G$22=$B$24,21,0),MOD($C2004,24)+1)/SUM(INDEX($D$3:$AA$30,INDEX(Jesper!$R$2:$R$366,ROW(INDEX(Jesper!AL$2:AL$366,ROUNDDOWN($C2004/24,0)+1,1))-1)+IF('Standard Profiles'!$G$22=$B$10,7,0)+IF('Standard Profiles'!$G$22=$B$17,14,0)+IF('Standard Profiles'!$G$22=$B$24,21,0),0)),0)</f>
        <v>0</v>
      </c>
      <c r="I2004">
        <f t="shared" si="230"/>
        <v>0.1665747310619991</v>
      </c>
      <c r="J2004">
        <f t="shared" si="231"/>
        <v>0.55524910353999712</v>
      </c>
      <c r="K2004">
        <f t="shared" si="232"/>
        <v>0.83287365530999558</v>
      </c>
      <c r="L2004">
        <f t="shared" si="233"/>
        <v>8.5352358601195988</v>
      </c>
      <c r="M2004">
        <f t="shared" si="234"/>
        <v>0</v>
      </c>
      <c r="N2004" s="46">
        <f t="shared" si="235"/>
        <v>45374.083333328555</v>
      </c>
    </row>
    <row r="2005" spans="2:14" x14ac:dyDescent="0.3">
      <c r="B2005">
        <f t="shared" si="229"/>
        <v>6</v>
      </c>
      <c r="C2005" s="16">
        <v>1971</v>
      </c>
      <c r="D2005" cm="1">
        <f t="array" ref="D2005">IFERROR(INDEX(Jesper!AH$2:AH$366,ROUNDDOWN($C2005/24,0)+1,1)*INDEX($D$3:$AA$30,INDEX(Jesper!$R$2:$R$366,ROW(INDEX(Jesper!AH$2:AH$366,ROUNDDOWN($C2005/24,0)+1,1))-1)+IF('Standard Profiles'!$G$18=$B$10,7,0)+IF('Standard Profiles'!$G$18=$B$17,14,0)+IF('Standard Profiles'!$G$18=$B$24,21,0),MOD($C2005,24)+1)/SUM(INDEX($D$3:$AA$30,INDEX(Jesper!$R$2:$R$366,ROW(INDEX(Jesper!AH$2:AH$366,ROUNDDOWN($C2005/24,0)+1,1))-1)+IF('Standard Profiles'!$G$18=$B$10,7,0)+IF('Standard Profiles'!$G$18=$B$17,14,0)+IF('Standard Profiles'!$G$18=$B$24,21,0),0)),0)</f>
        <v>8.2409538352434009</v>
      </c>
      <c r="E2005" cm="1">
        <f t="array" ref="E2005">IFERROR(INDEX(Jesper!AI$2:AI$366,ROUNDDOWN($C2005/24,0)+1,1)*INDEX($D$3:$AA$30,INDEX(Jesper!$R$2:$R$366,ROW(INDEX(Jesper!AI$2:AI$366,ROUNDDOWN($C2005/24,0)+1,1))-1)+IF('Standard Profiles'!$G$19=$B$10,7,0)+IF('Standard Profiles'!$G$19=$B$17,14,0)+IF('Standard Profiles'!$G$19=$B$24,21,0),MOD($C2005,24)+1)/SUM(INDEX($D$3:$AA$30,INDEX(Jesper!$R$2:$R$366,ROW(INDEX(Jesper!AI$2:AI$366,ROUNDDOWN($C2005/24,0)+1,1))-1)+IF('Standard Profiles'!$G$19=$B$10,7,0)+IF('Standard Profiles'!$G$19=$B$17,14,0)+IF('Standard Profiles'!$G$19=$B$24,21,0),0)),0)</f>
        <v>1.8489795147881896</v>
      </c>
      <c r="F2005" cm="1">
        <f t="array" ref="F2005">IFERROR(INDEX(Jesper!AJ$2:AJ$366,ROUNDDOWN($C2005/24,0)+1,1)*INDEX($D$3:$AA$30,INDEX(Jesper!$R$2:$R$366,ROW(INDEX(Jesper!AJ$2:AJ$366,ROUNDDOWN($C2005/24,0)+1,1))-1)+IF('Standard Profiles'!$G$20=$B$10,7,0)+IF('Standard Profiles'!$G$20=$B$17,14,0)+IF('Standard Profiles'!$G$20=$B$24,21,0),MOD($C2005,24)+1)/SUM(INDEX($D$3:$AA$30,INDEX(Jesper!$R$2:$R$366,ROW(INDEX(Jesper!AJ$2:AJ$366,ROUNDDOWN($C2005/24,0)+1,1))-1)+IF('Standard Profiles'!$G$20=$B$10,7,0)+IF('Standard Profiles'!$G$20=$B$17,14,0)+IF('Standard Profiles'!$G$20=$B$24,21,0),0)),0)</f>
        <v>0</v>
      </c>
      <c r="G2005" cm="1">
        <f t="array" ref="G2005">IFERROR(INDEX(Jesper!AK$2:AK$366,ROUNDDOWN($C2005/24,0)+1,1)*INDEX($D$3:$AA$30,INDEX(Jesper!$R$2:$R$366,ROW(INDEX(Jesper!AK$2:AK$366,ROUNDDOWN($C2005/24,0)+1,1))-1)+IF('Standard Profiles'!$G$21=$B$10,7,0)+IF('Standard Profiles'!$G$21=$B$17,14,0)+IF('Standard Profiles'!$G$21=$B$24,21,0),MOD($C2005,24)+1)/SUM(INDEX($D$3:$AA$30,INDEX(Jesper!$R$2:$R$366,ROW(INDEX(Jesper!AK$2:AK$366,ROUNDDOWN($C2005/24,0)+1,1))-1)+IF('Standard Profiles'!$G$21=$B$10,7,0)+IF('Standard Profiles'!$G$21=$B$17,14,0)+IF('Standard Profiles'!$G$21=$B$24,21,0),0)),0)</f>
        <v>0</v>
      </c>
      <c r="H2005" cm="1">
        <f t="array" ref="H2005">IFERROR(INDEX(Jesper!AL$2:AL$366,ROUNDDOWN($C2005/24,0)+1,1)*INDEX($D$3:$AA$30,INDEX(Jesper!$R$2:$R$366,ROW(INDEX(Jesper!AL$2:AL$366,ROUNDDOWN($C2005/24,0)+1,1))-1)+IF('Standard Profiles'!$G$22=$B$10,7,0)+IF('Standard Profiles'!$G$22=$B$17,14,0)+IF('Standard Profiles'!$G$22=$B$24,21,0),MOD($C2005,24)+1)/SUM(INDEX($D$3:$AA$30,INDEX(Jesper!$R$2:$R$366,ROW(INDEX(Jesper!AL$2:AL$366,ROUNDDOWN($C2005/24,0)+1,1))-1)+IF('Standard Profiles'!$G$22=$B$10,7,0)+IF('Standard Profiles'!$G$22=$B$17,14,0)+IF('Standard Profiles'!$G$22=$B$24,21,0),0)),0)</f>
        <v>0</v>
      </c>
      <c r="I2005">
        <f t="shared" si="230"/>
        <v>0.1665747310619991</v>
      </c>
      <c r="J2005">
        <f t="shared" si="231"/>
        <v>0.55524910353999712</v>
      </c>
      <c r="K2005">
        <f t="shared" si="232"/>
        <v>0.83287365530999558</v>
      </c>
      <c r="L2005">
        <f t="shared" si="233"/>
        <v>8.5352358601195988</v>
      </c>
      <c r="M2005">
        <f t="shared" si="234"/>
        <v>0</v>
      </c>
      <c r="N2005" s="46">
        <f t="shared" si="235"/>
        <v>45374.12499999522</v>
      </c>
    </row>
    <row r="2006" spans="2:14" x14ac:dyDescent="0.3">
      <c r="B2006">
        <f t="shared" si="229"/>
        <v>6</v>
      </c>
      <c r="C2006" s="16">
        <v>1972</v>
      </c>
      <c r="D2006" cm="1">
        <f t="array" ref="D2006">IFERROR(INDEX(Jesper!AH$2:AH$366,ROUNDDOWN($C2006/24,0)+1,1)*INDEX($D$3:$AA$30,INDEX(Jesper!$R$2:$R$366,ROW(INDEX(Jesper!AH$2:AH$366,ROUNDDOWN($C2006/24,0)+1,1))-1)+IF('Standard Profiles'!$G$18=$B$10,7,0)+IF('Standard Profiles'!$G$18=$B$17,14,0)+IF('Standard Profiles'!$G$18=$B$24,21,0),MOD($C2006,24)+1)/SUM(INDEX($D$3:$AA$30,INDEX(Jesper!$R$2:$R$366,ROW(INDEX(Jesper!AH$2:AH$366,ROUNDDOWN($C2006/24,0)+1,1))-1)+IF('Standard Profiles'!$G$18=$B$10,7,0)+IF('Standard Profiles'!$G$18=$B$17,14,0)+IF('Standard Profiles'!$G$18=$B$24,21,0),0)),0)</f>
        <v>8.2409538352434009</v>
      </c>
      <c r="E2006" cm="1">
        <f t="array" ref="E2006">IFERROR(INDEX(Jesper!AI$2:AI$366,ROUNDDOWN($C2006/24,0)+1,1)*INDEX($D$3:$AA$30,INDEX(Jesper!$R$2:$R$366,ROW(INDEX(Jesper!AI$2:AI$366,ROUNDDOWN($C2006/24,0)+1,1))-1)+IF('Standard Profiles'!$G$19=$B$10,7,0)+IF('Standard Profiles'!$G$19=$B$17,14,0)+IF('Standard Profiles'!$G$19=$B$24,21,0),MOD($C2006,24)+1)/SUM(INDEX($D$3:$AA$30,INDEX(Jesper!$R$2:$R$366,ROW(INDEX(Jesper!AI$2:AI$366,ROUNDDOWN($C2006/24,0)+1,1))-1)+IF('Standard Profiles'!$G$19=$B$10,7,0)+IF('Standard Profiles'!$G$19=$B$17,14,0)+IF('Standard Profiles'!$G$19=$B$24,21,0),0)),0)</f>
        <v>1.8489795147881896</v>
      </c>
      <c r="F2006" cm="1">
        <f t="array" ref="F2006">IFERROR(INDEX(Jesper!AJ$2:AJ$366,ROUNDDOWN($C2006/24,0)+1,1)*INDEX($D$3:$AA$30,INDEX(Jesper!$R$2:$R$366,ROW(INDEX(Jesper!AJ$2:AJ$366,ROUNDDOWN($C2006/24,0)+1,1))-1)+IF('Standard Profiles'!$G$20=$B$10,7,0)+IF('Standard Profiles'!$G$20=$B$17,14,0)+IF('Standard Profiles'!$G$20=$B$24,21,0),MOD($C2006,24)+1)/SUM(INDEX($D$3:$AA$30,INDEX(Jesper!$R$2:$R$366,ROW(INDEX(Jesper!AJ$2:AJ$366,ROUNDDOWN($C2006/24,0)+1,1))-1)+IF('Standard Profiles'!$G$20=$B$10,7,0)+IF('Standard Profiles'!$G$20=$B$17,14,0)+IF('Standard Profiles'!$G$20=$B$24,21,0),0)),0)</f>
        <v>0</v>
      </c>
      <c r="G2006" cm="1">
        <f t="array" ref="G2006">IFERROR(INDEX(Jesper!AK$2:AK$366,ROUNDDOWN($C2006/24,0)+1,1)*INDEX($D$3:$AA$30,INDEX(Jesper!$R$2:$R$366,ROW(INDEX(Jesper!AK$2:AK$366,ROUNDDOWN($C2006/24,0)+1,1))-1)+IF('Standard Profiles'!$G$21=$B$10,7,0)+IF('Standard Profiles'!$G$21=$B$17,14,0)+IF('Standard Profiles'!$G$21=$B$24,21,0),MOD($C2006,24)+1)/SUM(INDEX($D$3:$AA$30,INDEX(Jesper!$R$2:$R$366,ROW(INDEX(Jesper!AK$2:AK$366,ROUNDDOWN($C2006/24,0)+1,1))-1)+IF('Standard Profiles'!$G$21=$B$10,7,0)+IF('Standard Profiles'!$G$21=$B$17,14,0)+IF('Standard Profiles'!$G$21=$B$24,21,0),0)),0)</f>
        <v>0</v>
      </c>
      <c r="H2006" cm="1">
        <f t="array" ref="H2006">IFERROR(INDEX(Jesper!AL$2:AL$366,ROUNDDOWN($C2006/24,0)+1,1)*INDEX($D$3:$AA$30,INDEX(Jesper!$R$2:$R$366,ROW(INDEX(Jesper!AL$2:AL$366,ROUNDDOWN($C2006/24,0)+1,1))-1)+IF('Standard Profiles'!$G$22=$B$10,7,0)+IF('Standard Profiles'!$G$22=$B$17,14,0)+IF('Standard Profiles'!$G$22=$B$24,21,0),MOD($C2006,24)+1)/SUM(INDEX($D$3:$AA$30,INDEX(Jesper!$R$2:$R$366,ROW(INDEX(Jesper!AL$2:AL$366,ROUNDDOWN($C2006/24,0)+1,1))-1)+IF('Standard Profiles'!$G$22=$B$10,7,0)+IF('Standard Profiles'!$G$22=$B$17,14,0)+IF('Standard Profiles'!$G$22=$B$24,21,0),0)),0)</f>
        <v>0</v>
      </c>
      <c r="I2006">
        <f t="shared" si="230"/>
        <v>0.1665747310619991</v>
      </c>
      <c r="J2006">
        <f t="shared" si="231"/>
        <v>0.55524910353999712</v>
      </c>
      <c r="K2006">
        <f t="shared" si="232"/>
        <v>0.83287365530999558</v>
      </c>
      <c r="L2006">
        <f t="shared" si="233"/>
        <v>8.5352358601195988</v>
      </c>
      <c r="M2006">
        <f t="shared" si="234"/>
        <v>0</v>
      </c>
      <c r="N2006" s="46">
        <f t="shared" si="235"/>
        <v>45374.166666661884</v>
      </c>
    </row>
    <row r="2007" spans="2:14" x14ac:dyDescent="0.3">
      <c r="B2007">
        <f t="shared" si="229"/>
        <v>6</v>
      </c>
      <c r="C2007" s="16">
        <v>1973</v>
      </c>
      <c r="D2007" cm="1">
        <f t="array" ref="D2007">IFERROR(INDEX(Jesper!AH$2:AH$366,ROUNDDOWN($C2007/24,0)+1,1)*INDEX($D$3:$AA$30,INDEX(Jesper!$R$2:$R$366,ROW(INDEX(Jesper!AH$2:AH$366,ROUNDDOWN($C2007/24,0)+1,1))-1)+IF('Standard Profiles'!$G$18=$B$10,7,0)+IF('Standard Profiles'!$G$18=$B$17,14,0)+IF('Standard Profiles'!$G$18=$B$24,21,0),MOD($C2007,24)+1)/SUM(INDEX($D$3:$AA$30,INDEX(Jesper!$R$2:$R$366,ROW(INDEX(Jesper!AH$2:AH$366,ROUNDDOWN($C2007/24,0)+1,1))-1)+IF('Standard Profiles'!$G$18=$B$10,7,0)+IF('Standard Profiles'!$G$18=$B$17,14,0)+IF('Standard Profiles'!$G$18=$B$24,21,0),0)),0)</f>
        <v>10.250942575546668</v>
      </c>
      <c r="E2007" cm="1">
        <f t="array" ref="E2007">IFERROR(INDEX(Jesper!AI$2:AI$366,ROUNDDOWN($C2007/24,0)+1,1)*INDEX($D$3:$AA$30,INDEX(Jesper!$R$2:$R$366,ROW(INDEX(Jesper!AI$2:AI$366,ROUNDDOWN($C2007/24,0)+1,1))-1)+IF('Standard Profiles'!$G$19=$B$10,7,0)+IF('Standard Profiles'!$G$19=$B$17,14,0)+IF('Standard Profiles'!$G$19=$B$24,21,0),MOD($C2007,24)+1)/SUM(INDEX($D$3:$AA$30,INDEX(Jesper!$R$2:$R$366,ROW(INDEX(Jesper!AI$2:AI$366,ROUNDDOWN($C2007/24,0)+1,1))-1)+IF('Standard Profiles'!$G$19=$B$10,7,0)+IF('Standard Profiles'!$G$19=$B$17,14,0)+IF('Standard Profiles'!$G$19=$B$24,21,0),0)),0)</f>
        <v>2.2999501281511625</v>
      </c>
      <c r="F2007" cm="1">
        <f t="array" ref="F2007">IFERROR(INDEX(Jesper!AJ$2:AJ$366,ROUNDDOWN($C2007/24,0)+1,1)*INDEX($D$3:$AA$30,INDEX(Jesper!$R$2:$R$366,ROW(INDEX(Jesper!AJ$2:AJ$366,ROUNDDOWN($C2007/24,0)+1,1))-1)+IF('Standard Profiles'!$G$20=$B$10,7,0)+IF('Standard Profiles'!$G$20=$B$17,14,0)+IF('Standard Profiles'!$G$20=$B$24,21,0),MOD($C2007,24)+1)/SUM(INDEX($D$3:$AA$30,INDEX(Jesper!$R$2:$R$366,ROW(INDEX(Jesper!AJ$2:AJ$366,ROUNDDOWN($C2007/24,0)+1,1))-1)+IF('Standard Profiles'!$G$20=$B$10,7,0)+IF('Standard Profiles'!$G$20=$B$17,14,0)+IF('Standard Profiles'!$G$20=$B$24,21,0),0)),0)</f>
        <v>0</v>
      </c>
      <c r="G2007" cm="1">
        <f t="array" ref="G2007">IFERROR(INDEX(Jesper!AK$2:AK$366,ROUNDDOWN($C2007/24,0)+1,1)*INDEX($D$3:$AA$30,INDEX(Jesper!$R$2:$R$366,ROW(INDEX(Jesper!AK$2:AK$366,ROUNDDOWN($C2007/24,0)+1,1))-1)+IF('Standard Profiles'!$G$21=$B$10,7,0)+IF('Standard Profiles'!$G$21=$B$17,14,0)+IF('Standard Profiles'!$G$21=$B$24,21,0),MOD($C2007,24)+1)/SUM(INDEX($D$3:$AA$30,INDEX(Jesper!$R$2:$R$366,ROW(INDEX(Jesper!AK$2:AK$366,ROUNDDOWN($C2007/24,0)+1,1))-1)+IF('Standard Profiles'!$G$21=$B$10,7,0)+IF('Standard Profiles'!$G$21=$B$17,14,0)+IF('Standard Profiles'!$G$21=$B$24,21,0),0)),0)</f>
        <v>0</v>
      </c>
      <c r="H2007" cm="1">
        <f t="array" ref="H2007">IFERROR(INDEX(Jesper!AL$2:AL$366,ROUNDDOWN($C2007/24,0)+1,1)*INDEX($D$3:$AA$30,INDEX(Jesper!$R$2:$R$366,ROW(INDEX(Jesper!AL$2:AL$366,ROUNDDOWN($C2007/24,0)+1,1))-1)+IF('Standard Profiles'!$G$22=$B$10,7,0)+IF('Standard Profiles'!$G$22=$B$17,14,0)+IF('Standard Profiles'!$G$22=$B$24,21,0),MOD($C2007,24)+1)/SUM(INDEX($D$3:$AA$30,INDEX(Jesper!$R$2:$R$366,ROW(INDEX(Jesper!AL$2:AL$366,ROUNDDOWN($C2007/24,0)+1,1))-1)+IF('Standard Profiles'!$G$22=$B$10,7,0)+IF('Standard Profiles'!$G$22=$B$17,14,0)+IF('Standard Profiles'!$G$22=$B$24,21,0),0)),0)</f>
        <v>0</v>
      </c>
      <c r="I2007">
        <f t="shared" si="230"/>
        <v>0.20720271424785253</v>
      </c>
      <c r="J2007">
        <f t="shared" si="231"/>
        <v>0.69067571415950857</v>
      </c>
      <c r="K2007">
        <f t="shared" si="232"/>
        <v>1.0360135712392629</v>
      </c>
      <c r="L2007">
        <f t="shared" si="233"/>
        <v>10.617000704051208</v>
      </c>
      <c r="M2007">
        <f t="shared" si="234"/>
        <v>0</v>
      </c>
      <c r="N2007" s="46">
        <f t="shared" si="235"/>
        <v>45374.208333328548</v>
      </c>
    </row>
    <row r="2008" spans="2:14" x14ac:dyDescent="0.3">
      <c r="B2008">
        <f t="shared" si="229"/>
        <v>6</v>
      </c>
      <c r="C2008" s="16">
        <v>1974</v>
      </c>
      <c r="D2008" cm="1">
        <f t="array" ref="D2008">IFERROR(INDEX(Jesper!AH$2:AH$366,ROUNDDOWN($C2008/24,0)+1,1)*INDEX($D$3:$AA$30,INDEX(Jesper!$R$2:$R$366,ROW(INDEX(Jesper!AH$2:AH$366,ROUNDDOWN($C2008/24,0)+1,1))-1)+IF('Standard Profiles'!$G$18=$B$10,7,0)+IF('Standard Profiles'!$G$18=$B$17,14,0)+IF('Standard Profiles'!$G$18=$B$24,21,0),MOD($C2008,24)+1)/SUM(INDEX($D$3:$AA$30,INDEX(Jesper!$R$2:$R$366,ROW(INDEX(Jesper!AH$2:AH$366,ROUNDDOWN($C2008/24,0)+1,1))-1)+IF('Standard Profiles'!$G$18=$B$10,7,0)+IF('Standard Profiles'!$G$18=$B$17,14,0)+IF('Standard Profiles'!$G$18=$B$24,21,0),0)),0)</f>
        <v>12.863927937940916</v>
      </c>
      <c r="E2008" cm="1">
        <f t="array" ref="E2008">IFERROR(INDEX(Jesper!AI$2:AI$366,ROUNDDOWN($C2008/24,0)+1,1)*INDEX($D$3:$AA$30,INDEX(Jesper!$R$2:$R$366,ROW(INDEX(Jesper!AI$2:AI$366,ROUNDDOWN($C2008/24,0)+1,1))-1)+IF('Standard Profiles'!$G$19=$B$10,7,0)+IF('Standard Profiles'!$G$19=$B$17,14,0)+IF('Standard Profiles'!$G$19=$B$24,21,0),MOD($C2008,24)+1)/SUM(INDEX($D$3:$AA$30,INDEX(Jesper!$R$2:$R$366,ROW(INDEX(Jesper!AI$2:AI$366,ROUNDDOWN($C2008/24,0)+1,1))-1)+IF('Standard Profiles'!$G$19=$B$10,7,0)+IF('Standard Profiles'!$G$19=$B$17,14,0)+IF('Standard Profiles'!$G$19=$B$24,21,0),0)),0)</f>
        <v>2.8862119255230274</v>
      </c>
      <c r="F2008" cm="1">
        <f t="array" ref="F2008">IFERROR(INDEX(Jesper!AJ$2:AJ$366,ROUNDDOWN($C2008/24,0)+1,1)*INDEX($D$3:$AA$30,INDEX(Jesper!$R$2:$R$366,ROW(INDEX(Jesper!AJ$2:AJ$366,ROUNDDOWN($C2008/24,0)+1,1))-1)+IF('Standard Profiles'!$G$20=$B$10,7,0)+IF('Standard Profiles'!$G$20=$B$17,14,0)+IF('Standard Profiles'!$G$20=$B$24,21,0),MOD($C2008,24)+1)/SUM(INDEX($D$3:$AA$30,INDEX(Jesper!$R$2:$R$366,ROW(INDEX(Jesper!AJ$2:AJ$366,ROUNDDOWN($C2008/24,0)+1,1))-1)+IF('Standard Profiles'!$G$20=$B$10,7,0)+IF('Standard Profiles'!$G$20=$B$17,14,0)+IF('Standard Profiles'!$G$20=$B$24,21,0),0)),0)</f>
        <v>0</v>
      </c>
      <c r="G2008" cm="1">
        <f t="array" ref="G2008">IFERROR(INDEX(Jesper!AK$2:AK$366,ROUNDDOWN($C2008/24,0)+1,1)*INDEX($D$3:$AA$30,INDEX(Jesper!$R$2:$R$366,ROW(INDEX(Jesper!AK$2:AK$366,ROUNDDOWN($C2008/24,0)+1,1))-1)+IF('Standard Profiles'!$G$21=$B$10,7,0)+IF('Standard Profiles'!$G$21=$B$17,14,0)+IF('Standard Profiles'!$G$21=$B$24,21,0),MOD($C2008,24)+1)/SUM(INDEX($D$3:$AA$30,INDEX(Jesper!$R$2:$R$366,ROW(INDEX(Jesper!AK$2:AK$366,ROUNDDOWN($C2008/24,0)+1,1))-1)+IF('Standard Profiles'!$G$21=$B$10,7,0)+IF('Standard Profiles'!$G$21=$B$17,14,0)+IF('Standard Profiles'!$G$21=$B$24,21,0),0)),0)</f>
        <v>0</v>
      </c>
      <c r="H2008" cm="1">
        <f t="array" ref="H2008">IFERROR(INDEX(Jesper!AL$2:AL$366,ROUNDDOWN($C2008/24,0)+1,1)*INDEX($D$3:$AA$30,INDEX(Jesper!$R$2:$R$366,ROW(INDEX(Jesper!AL$2:AL$366,ROUNDDOWN($C2008/24,0)+1,1))-1)+IF('Standard Profiles'!$G$22=$B$10,7,0)+IF('Standard Profiles'!$G$22=$B$17,14,0)+IF('Standard Profiles'!$G$22=$B$24,21,0),MOD($C2008,24)+1)/SUM(INDEX($D$3:$AA$30,INDEX(Jesper!$R$2:$R$366,ROW(INDEX(Jesper!AL$2:AL$366,ROUNDDOWN($C2008/24,0)+1,1))-1)+IF('Standard Profiles'!$G$22=$B$10,7,0)+IF('Standard Profiles'!$G$22=$B$17,14,0)+IF('Standard Profiles'!$G$22=$B$24,21,0),0)),0)</f>
        <v>0</v>
      </c>
      <c r="I2008">
        <f t="shared" si="230"/>
        <v>0.26001909238946197</v>
      </c>
      <c r="J2008">
        <f t="shared" si="231"/>
        <v>0.86673030796487338</v>
      </c>
      <c r="K2008">
        <f t="shared" si="232"/>
        <v>1.3000954619473102</v>
      </c>
      <c r="L2008">
        <f t="shared" si="233"/>
        <v>13.323295001162299</v>
      </c>
      <c r="M2008">
        <f t="shared" si="234"/>
        <v>0</v>
      </c>
      <c r="N2008" s="46">
        <f t="shared" si="235"/>
        <v>45374.249999995212</v>
      </c>
    </row>
    <row r="2009" spans="2:14" x14ac:dyDescent="0.3">
      <c r="B2009">
        <f t="shared" si="229"/>
        <v>6</v>
      </c>
      <c r="C2009" s="16">
        <v>1975</v>
      </c>
      <c r="D2009" cm="1">
        <f t="array" ref="D2009">IFERROR(INDEX(Jesper!AH$2:AH$366,ROUNDDOWN($C2009/24,0)+1,1)*INDEX($D$3:$AA$30,INDEX(Jesper!$R$2:$R$366,ROW(INDEX(Jesper!AH$2:AH$366,ROUNDDOWN($C2009/24,0)+1,1))-1)+IF('Standard Profiles'!$G$18=$B$10,7,0)+IF('Standard Profiles'!$G$18=$B$17,14,0)+IF('Standard Profiles'!$G$18=$B$24,21,0),MOD($C2009,24)+1)/SUM(INDEX($D$3:$AA$30,INDEX(Jesper!$R$2:$R$366,ROW(INDEX(Jesper!AH$2:AH$366,ROUNDDOWN($C2009/24,0)+1,1))-1)+IF('Standard Profiles'!$G$18=$B$10,7,0)+IF('Standard Profiles'!$G$18=$B$17,14,0)+IF('Standard Profiles'!$G$18=$B$24,21,0),0)),0)</f>
        <v>14.672917804213856</v>
      </c>
      <c r="E2009" cm="1">
        <f t="array" ref="E2009">IFERROR(INDEX(Jesper!AI$2:AI$366,ROUNDDOWN($C2009/24,0)+1,1)*INDEX($D$3:$AA$30,INDEX(Jesper!$R$2:$R$366,ROW(INDEX(Jesper!AI$2:AI$366,ROUNDDOWN($C2009/24,0)+1,1))-1)+IF('Standard Profiles'!$G$19=$B$10,7,0)+IF('Standard Profiles'!$G$19=$B$17,14,0)+IF('Standard Profiles'!$G$19=$B$24,21,0),MOD($C2009,24)+1)/SUM(INDEX($D$3:$AA$30,INDEX(Jesper!$R$2:$R$366,ROW(INDEX(Jesper!AI$2:AI$366,ROUNDDOWN($C2009/24,0)+1,1))-1)+IF('Standard Profiles'!$G$19=$B$10,7,0)+IF('Standard Profiles'!$G$19=$B$17,14,0)+IF('Standard Profiles'!$G$19=$B$24,21,0),0)),0)</f>
        <v>3.292085477549703</v>
      </c>
      <c r="F2009" cm="1">
        <f t="array" ref="F2009">IFERROR(INDEX(Jesper!AJ$2:AJ$366,ROUNDDOWN($C2009/24,0)+1,1)*INDEX($D$3:$AA$30,INDEX(Jesper!$R$2:$R$366,ROW(INDEX(Jesper!AJ$2:AJ$366,ROUNDDOWN($C2009/24,0)+1,1))-1)+IF('Standard Profiles'!$G$20=$B$10,7,0)+IF('Standard Profiles'!$G$20=$B$17,14,0)+IF('Standard Profiles'!$G$20=$B$24,21,0),MOD($C2009,24)+1)/SUM(INDEX($D$3:$AA$30,INDEX(Jesper!$R$2:$R$366,ROW(INDEX(Jesper!AJ$2:AJ$366,ROUNDDOWN($C2009/24,0)+1,1))-1)+IF('Standard Profiles'!$G$20=$B$10,7,0)+IF('Standard Profiles'!$G$20=$B$17,14,0)+IF('Standard Profiles'!$G$20=$B$24,21,0),0)),0)</f>
        <v>0</v>
      </c>
      <c r="G2009" cm="1">
        <f t="array" ref="G2009">IFERROR(INDEX(Jesper!AK$2:AK$366,ROUNDDOWN($C2009/24,0)+1,1)*INDEX($D$3:$AA$30,INDEX(Jesper!$R$2:$R$366,ROW(INDEX(Jesper!AK$2:AK$366,ROUNDDOWN($C2009/24,0)+1,1))-1)+IF('Standard Profiles'!$G$21=$B$10,7,0)+IF('Standard Profiles'!$G$21=$B$17,14,0)+IF('Standard Profiles'!$G$21=$B$24,21,0),MOD($C2009,24)+1)/SUM(INDEX($D$3:$AA$30,INDEX(Jesper!$R$2:$R$366,ROW(INDEX(Jesper!AK$2:AK$366,ROUNDDOWN($C2009/24,0)+1,1))-1)+IF('Standard Profiles'!$G$21=$B$10,7,0)+IF('Standard Profiles'!$G$21=$B$17,14,0)+IF('Standard Profiles'!$G$21=$B$24,21,0),0)),0)</f>
        <v>0</v>
      </c>
      <c r="H2009" cm="1">
        <f t="array" ref="H2009">IFERROR(INDEX(Jesper!AL$2:AL$366,ROUNDDOWN($C2009/24,0)+1,1)*INDEX($D$3:$AA$30,INDEX(Jesper!$R$2:$R$366,ROW(INDEX(Jesper!AL$2:AL$366,ROUNDDOWN($C2009/24,0)+1,1))-1)+IF('Standard Profiles'!$G$22=$B$10,7,0)+IF('Standard Profiles'!$G$22=$B$17,14,0)+IF('Standard Profiles'!$G$22=$B$24,21,0),MOD($C2009,24)+1)/SUM(INDEX($D$3:$AA$30,INDEX(Jesper!$R$2:$R$366,ROW(INDEX(Jesper!AL$2:AL$366,ROUNDDOWN($C2009/24,0)+1,1))-1)+IF('Standard Profiles'!$G$22=$B$10,7,0)+IF('Standard Profiles'!$G$22=$B$17,14,0)+IF('Standard Profiles'!$G$22=$B$24,21,0),0)),0)</f>
        <v>0</v>
      </c>
      <c r="I2009">
        <f t="shared" si="230"/>
        <v>0.29658427725673009</v>
      </c>
      <c r="J2009">
        <f t="shared" si="231"/>
        <v>0.9886142575224337</v>
      </c>
      <c r="K2009">
        <f t="shared" si="232"/>
        <v>1.4829213862836506</v>
      </c>
      <c r="L2009">
        <f t="shared" si="233"/>
        <v>15.196883360700745</v>
      </c>
      <c r="M2009">
        <f t="shared" si="234"/>
        <v>0</v>
      </c>
      <c r="N2009" s="46">
        <f t="shared" si="235"/>
        <v>45374.291666661877</v>
      </c>
    </row>
    <row r="2010" spans="2:14" x14ac:dyDescent="0.3">
      <c r="B2010">
        <f t="shared" si="229"/>
        <v>6</v>
      </c>
      <c r="C2010" s="16">
        <v>1976</v>
      </c>
      <c r="D2010" cm="1">
        <f t="array" ref="D2010">IFERROR(INDEX(Jesper!AH$2:AH$366,ROUNDDOWN($C2010/24,0)+1,1)*INDEX($D$3:$AA$30,INDEX(Jesper!$R$2:$R$366,ROW(INDEX(Jesper!AH$2:AH$366,ROUNDDOWN($C2010/24,0)+1,1))-1)+IF('Standard Profiles'!$G$18=$B$10,7,0)+IF('Standard Profiles'!$G$18=$B$17,14,0)+IF('Standard Profiles'!$G$18=$B$24,21,0),MOD($C2010,24)+1)/SUM(INDEX($D$3:$AA$30,INDEX(Jesper!$R$2:$R$366,ROW(INDEX(Jesper!AH$2:AH$366,ROUNDDOWN($C2010/24,0)+1,1))-1)+IF('Standard Profiles'!$G$18=$B$10,7,0)+IF('Standard Profiles'!$G$18=$B$17,14,0)+IF('Standard Profiles'!$G$18=$B$24,21,0),0)),0)</f>
        <v>14.672917804213856</v>
      </c>
      <c r="E2010" cm="1">
        <f t="array" ref="E2010">IFERROR(INDEX(Jesper!AI$2:AI$366,ROUNDDOWN($C2010/24,0)+1,1)*INDEX($D$3:$AA$30,INDEX(Jesper!$R$2:$R$366,ROW(INDEX(Jesper!AI$2:AI$366,ROUNDDOWN($C2010/24,0)+1,1))-1)+IF('Standard Profiles'!$G$19=$B$10,7,0)+IF('Standard Profiles'!$G$19=$B$17,14,0)+IF('Standard Profiles'!$G$19=$B$24,21,0),MOD($C2010,24)+1)/SUM(INDEX($D$3:$AA$30,INDEX(Jesper!$R$2:$R$366,ROW(INDEX(Jesper!AI$2:AI$366,ROUNDDOWN($C2010/24,0)+1,1))-1)+IF('Standard Profiles'!$G$19=$B$10,7,0)+IF('Standard Profiles'!$G$19=$B$17,14,0)+IF('Standard Profiles'!$G$19=$B$24,21,0),0)),0)</f>
        <v>3.292085477549703</v>
      </c>
      <c r="F2010" cm="1">
        <f t="array" ref="F2010">IFERROR(INDEX(Jesper!AJ$2:AJ$366,ROUNDDOWN($C2010/24,0)+1,1)*INDEX($D$3:$AA$30,INDEX(Jesper!$R$2:$R$366,ROW(INDEX(Jesper!AJ$2:AJ$366,ROUNDDOWN($C2010/24,0)+1,1))-1)+IF('Standard Profiles'!$G$20=$B$10,7,0)+IF('Standard Profiles'!$G$20=$B$17,14,0)+IF('Standard Profiles'!$G$20=$B$24,21,0),MOD($C2010,24)+1)/SUM(INDEX($D$3:$AA$30,INDEX(Jesper!$R$2:$R$366,ROW(INDEX(Jesper!AJ$2:AJ$366,ROUNDDOWN($C2010/24,0)+1,1))-1)+IF('Standard Profiles'!$G$20=$B$10,7,0)+IF('Standard Profiles'!$G$20=$B$17,14,0)+IF('Standard Profiles'!$G$20=$B$24,21,0),0)),0)</f>
        <v>0</v>
      </c>
      <c r="G2010" cm="1">
        <f t="array" ref="G2010">IFERROR(INDEX(Jesper!AK$2:AK$366,ROUNDDOWN($C2010/24,0)+1,1)*INDEX($D$3:$AA$30,INDEX(Jesper!$R$2:$R$366,ROW(INDEX(Jesper!AK$2:AK$366,ROUNDDOWN($C2010/24,0)+1,1))-1)+IF('Standard Profiles'!$G$21=$B$10,7,0)+IF('Standard Profiles'!$G$21=$B$17,14,0)+IF('Standard Profiles'!$G$21=$B$24,21,0),MOD($C2010,24)+1)/SUM(INDEX($D$3:$AA$30,INDEX(Jesper!$R$2:$R$366,ROW(INDEX(Jesper!AK$2:AK$366,ROUNDDOWN($C2010/24,0)+1,1))-1)+IF('Standard Profiles'!$G$21=$B$10,7,0)+IF('Standard Profiles'!$G$21=$B$17,14,0)+IF('Standard Profiles'!$G$21=$B$24,21,0),0)),0)</f>
        <v>0</v>
      </c>
      <c r="H2010" cm="1">
        <f t="array" ref="H2010">IFERROR(INDEX(Jesper!AL$2:AL$366,ROUNDDOWN($C2010/24,0)+1,1)*INDEX($D$3:$AA$30,INDEX(Jesper!$R$2:$R$366,ROW(INDEX(Jesper!AL$2:AL$366,ROUNDDOWN($C2010/24,0)+1,1))-1)+IF('Standard Profiles'!$G$22=$B$10,7,0)+IF('Standard Profiles'!$G$22=$B$17,14,0)+IF('Standard Profiles'!$G$22=$B$24,21,0),MOD($C2010,24)+1)/SUM(INDEX($D$3:$AA$30,INDEX(Jesper!$R$2:$R$366,ROW(INDEX(Jesper!AL$2:AL$366,ROUNDDOWN($C2010/24,0)+1,1))-1)+IF('Standard Profiles'!$G$22=$B$10,7,0)+IF('Standard Profiles'!$G$22=$B$17,14,0)+IF('Standard Profiles'!$G$22=$B$24,21,0),0)),0)</f>
        <v>0</v>
      </c>
      <c r="I2010">
        <f t="shared" si="230"/>
        <v>0.29658427725673009</v>
      </c>
      <c r="J2010">
        <f t="shared" si="231"/>
        <v>0.9886142575224337</v>
      </c>
      <c r="K2010">
        <f t="shared" si="232"/>
        <v>1.4829213862836506</v>
      </c>
      <c r="L2010">
        <f t="shared" si="233"/>
        <v>15.196883360700745</v>
      </c>
      <c r="M2010">
        <f t="shared" si="234"/>
        <v>0</v>
      </c>
      <c r="N2010" s="46">
        <f t="shared" si="235"/>
        <v>45374.333333328541</v>
      </c>
    </row>
    <row r="2011" spans="2:14" x14ac:dyDescent="0.3">
      <c r="B2011">
        <f t="shared" si="229"/>
        <v>6</v>
      </c>
      <c r="C2011" s="16">
        <v>1977</v>
      </c>
      <c r="D2011" cm="1">
        <f t="array" ref="D2011">IFERROR(INDEX(Jesper!AH$2:AH$366,ROUNDDOWN($C2011/24,0)+1,1)*INDEX($D$3:$AA$30,INDEX(Jesper!$R$2:$R$366,ROW(INDEX(Jesper!AH$2:AH$366,ROUNDDOWN($C2011/24,0)+1,1))-1)+IF('Standard Profiles'!$G$18=$B$10,7,0)+IF('Standard Profiles'!$G$18=$B$17,14,0)+IF('Standard Profiles'!$G$18=$B$24,21,0),MOD($C2011,24)+1)/SUM(INDEX($D$3:$AA$30,INDEX(Jesper!$R$2:$R$366,ROW(INDEX(Jesper!AH$2:AH$366,ROUNDDOWN($C2011/24,0)+1,1))-1)+IF('Standard Profiles'!$G$18=$B$10,7,0)+IF('Standard Profiles'!$G$18=$B$17,14,0)+IF('Standard Profiles'!$G$18=$B$24,21,0),0)),0)</f>
        <v>14.672917804213856</v>
      </c>
      <c r="E2011" cm="1">
        <f t="array" ref="E2011">IFERROR(INDEX(Jesper!AI$2:AI$366,ROUNDDOWN($C2011/24,0)+1,1)*INDEX($D$3:$AA$30,INDEX(Jesper!$R$2:$R$366,ROW(INDEX(Jesper!AI$2:AI$366,ROUNDDOWN($C2011/24,0)+1,1))-1)+IF('Standard Profiles'!$G$19=$B$10,7,0)+IF('Standard Profiles'!$G$19=$B$17,14,0)+IF('Standard Profiles'!$G$19=$B$24,21,0),MOD($C2011,24)+1)/SUM(INDEX($D$3:$AA$30,INDEX(Jesper!$R$2:$R$366,ROW(INDEX(Jesper!AI$2:AI$366,ROUNDDOWN($C2011/24,0)+1,1))-1)+IF('Standard Profiles'!$G$19=$B$10,7,0)+IF('Standard Profiles'!$G$19=$B$17,14,0)+IF('Standard Profiles'!$G$19=$B$24,21,0),0)),0)</f>
        <v>3.292085477549703</v>
      </c>
      <c r="F2011" cm="1">
        <f t="array" ref="F2011">IFERROR(INDEX(Jesper!AJ$2:AJ$366,ROUNDDOWN($C2011/24,0)+1,1)*INDEX($D$3:$AA$30,INDEX(Jesper!$R$2:$R$366,ROW(INDEX(Jesper!AJ$2:AJ$366,ROUNDDOWN($C2011/24,0)+1,1))-1)+IF('Standard Profiles'!$G$20=$B$10,7,0)+IF('Standard Profiles'!$G$20=$B$17,14,0)+IF('Standard Profiles'!$G$20=$B$24,21,0),MOD($C2011,24)+1)/SUM(INDEX($D$3:$AA$30,INDEX(Jesper!$R$2:$R$366,ROW(INDEX(Jesper!AJ$2:AJ$366,ROUNDDOWN($C2011/24,0)+1,1))-1)+IF('Standard Profiles'!$G$20=$B$10,7,0)+IF('Standard Profiles'!$G$20=$B$17,14,0)+IF('Standard Profiles'!$G$20=$B$24,21,0),0)),0)</f>
        <v>0</v>
      </c>
      <c r="G2011" cm="1">
        <f t="array" ref="G2011">IFERROR(INDEX(Jesper!AK$2:AK$366,ROUNDDOWN($C2011/24,0)+1,1)*INDEX($D$3:$AA$30,INDEX(Jesper!$R$2:$R$366,ROW(INDEX(Jesper!AK$2:AK$366,ROUNDDOWN($C2011/24,0)+1,1))-1)+IF('Standard Profiles'!$G$21=$B$10,7,0)+IF('Standard Profiles'!$G$21=$B$17,14,0)+IF('Standard Profiles'!$G$21=$B$24,21,0),MOD($C2011,24)+1)/SUM(INDEX($D$3:$AA$30,INDEX(Jesper!$R$2:$R$366,ROW(INDEX(Jesper!AK$2:AK$366,ROUNDDOWN($C2011/24,0)+1,1))-1)+IF('Standard Profiles'!$G$21=$B$10,7,0)+IF('Standard Profiles'!$G$21=$B$17,14,0)+IF('Standard Profiles'!$G$21=$B$24,21,0),0)),0)</f>
        <v>0</v>
      </c>
      <c r="H2011" cm="1">
        <f t="array" ref="H2011">IFERROR(INDEX(Jesper!AL$2:AL$366,ROUNDDOWN($C2011/24,0)+1,1)*INDEX($D$3:$AA$30,INDEX(Jesper!$R$2:$R$366,ROW(INDEX(Jesper!AL$2:AL$366,ROUNDDOWN($C2011/24,0)+1,1))-1)+IF('Standard Profiles'!$G$22=$B$10,7,0)+IF('Standard Profiles'!$G$22=$B$17,14,0)+IF('Standard Profiles'!$G$22=$B$24,21,0),MOD($C2011,24)+1)/SUM(INDEX($D$3:$AA$30,INDEX(Jesper!$R$2:$R$366,ROW(INDEX(Jesper!AL$2:AL$366,ROUNDDOWN($C2011/24,0)+1,1))-1)+IF('Standard Profiles'!$G$22=$B$10,7,0)+IF('Standard Profiles'!$G$22=$B$17,14,0)+IF('Standard Profiles'!$G$22=$B$24,21,0),0)),0)</f>
        <v>0</v>
      </c>
      <c r="I2011">
        <f t="shared" si="230"/>
        <v>0.29658427725673009</v>
      </c>
      <c r="J2011">
        <f t="shared" si="231"/>
        <v>0.9886142575224337</v>
      </c>
      <c r="K2011">
        <f t="shared" si="232"/>
        <v>1.4829213862836506</v>
      </c>
      <c r="L2011">
        <f t="shared" si="233"/>
        <v>15.196883360700745</v>
      </c>
      <c r="M2011">
        <f t="shared" si="234"/>
        <v>0</v>
      </c>
      <c r="N2011" s="46">
        <f t="shared" si="235"/>
        <v>45374.374999995205</v>
      </c>
    </row>
    <row r="2012" spans="2:14" x14ac:dyDescent="0.3">
      <c r="B2012">
        <f t="shared" si="229"/>
        <v>6</v>
      </c>
      <c r="C2012" s="16">
        <v>1978</v>
      </c>
      <c r="D2012" cm="1">
        <f t="array" ref="D2012">IFERROR(INDEX(Jesper!AH$2:AH$366,ROUNDDOWN($C2012/24,0)+1,1)*INDEX($D$3:$AA$30,INDEX(Jesper!$R$2:$R$366,ROW(INDEX(Jesper!AH$2:AH$366,ROUNDDOWN($C2012/24,0)+1,1))-1)+IF('Standard Profiles'!$G$18=$B$10,7,0)+IF('Standard Profiles'!$G$18=$B$17,14,0)+IF('Standard Profiles'!$G$18=$B$24,21,0),MOD($C2012,24)+1)/SUM(INDEX($D$3:$AA$30,INDEX(Jesper!$R$2:$R$366,ROW(INDEX(Jesper!AH$2:AH$366,ROUNDDOWN($C2012/24,0)+1,1))-1)+IF('Standard Profiles'!$G$18=$B$10,7,0)+IF('Standard Profiles'!$G$18=$B$17,14,0)+IF('Standard Profiles'!$G$18=$B$24,21,0),0)),0)</f>
        <v>14.672917804213856</v>
      </c>
      <c r="E2012" cm="1">
        <f t="array" ref="E2012">IFERROR(INDEX(Jesper!AI$2:AI$366,ROUNDDOWN($C2012/24,0)+1,1)*INDEX($D$3:$AA$30,INDEX(Jesper!$R$2:$R$366,ROW(INDEX(Jesper!AI$2:AI$366,ROUNDDOWN($C2012/24,0)+1,1))-1)+IF('Standard Profiles'!$G$19=$B$10,7,0)+IF('Standard Profiles'!$G$19=$B$17,14,0)+IF('Standard Profiles'!$G$19=$B$24,21,0),MOD($C2012,24)+1)/SUM(INDEX($D$3:$AA$30,INDEX(Jesper!$R$2:$R$366,ROW(INDEX(Jesper!AI$2:AI$366,ROUNDDOWN($C2012/24,0)+1,1))-1)+IF('Standard Profiles'!$G$19=$B$10,7,0)+IF('Standard Profiles'!$G$19=$B$17,14,0)+IF('Standard Profiles'!$G$19=$B$24,21,0),0)),0)</f>
        <v>3.292085477549703</v>
      </c>
      <c r="F2012" cm="1">
        <f t="array" ref="F2012">IFERROR(INDEX(Jesper!AJ$2:AJ$366,ROUNDDOWN($C2012/24,0)+1,1)*INDEX($D$3:$AA$30,INDEX(Jesper!$R$2:$R$366,ROW(INDEX(Jesper!AJ$2:AJ$366,ROUNDDOWN($C2012/24,0)+1,1))-1)+IF('Standard Profiles'!$G$20=$B$10,7,0)+IF('Standard Profiles'!$G$20=$B$17,14,0)+IF('Standard Profiles'!$G$20=$B$24,21,0),MOD($C2012,24)+1)/SUM(INDEX($D$3:$AA$30,INDEX(Jesper!$R$2:$R$366,ROW(INDEX(Jesper!AJ$2:AJ$366,ROUNDDOWN($C2012/24,0)+1,1))-1)+IF('Standard Profiles'!$G$20=$B$10,7,0)+IF('Standard Profiles'!$G$20=$B$17,14,0)+IF('Standard Profiles'!$G$20=$B$24,21,0),0)),0)</f>
        <v>0</v>
      </c>
      <c r="G2012" cm="1">
        <f t="array" ref="G2012">IFERROR(INDEX(Jesper!AK$2:AK$366,ROUNDDOWN($C2012/24,0)+1,1)*INDEX($D$3:$AA$30,INDEX(Jesper!$R$2:$R$366,ROW(INDEX(Jesper!AK$2:AK$366,ROUNDDOWN($C2012/24,0)+1,1))-1)+IF('Standard Profiles'!$G$21=$B$10,7,0)+IF('Standard Profiles'!$G$21=$B$17,14,0)+IF('Standard Profiles'!$G$21=$B$24,21,0),MOD($C2012,24)+1)/SUM(INDEX($D$3:$AA$30,INDEX(Jesper!$R$2:$R$366,ROW(INDEX(Jesper!AK$2:AK$366,ROUNDDOWN($C2012/24,0)+1,1))-1)+IF('Standard Profiles'!$G$21=$B$10,7,0)+IF('Standard Profiles'!$G$21=$B$17,14,0)+IF('Standard Profiles'!$G$21=$B$24,21,0),0)),0)</f>
        <v>0</v>
      </c>
      <c r="H2012" cm="1">
        <f t="array" ref="H2012">IFERROR(INDEX(Jesper!AL$2:AL$366,ROUNDDOWN($C2012/24,0)+1,1)*INDEX($D$3:$AA$30,INDEX(Jesper!$R$2:$R$366,ROW(INDEX(Jesper!AL$2:AL$366,ROUNDDOWN($C2012/24,0)+1,1))-1)+IF('Standard Profiles'!$G$22=$B$10,7,0)+IF('Standard Profiles'!$G$22=$B$17,14,0)+IF('Standard Profiles'!$G$22=$B$24,21,0),MOD($C2012,24)+1)/SUM(INDEX($D$3:$AA$30,INDEX(Jesper!$R$2:$R$366,ROW(INDEX(Jesper!AL$2:AL$366,ROUNDDOWN($C2012/24,0)+1,1))-1)+IF('Standard Profiles'!$G$22=$B$10,7,0)+IF('Standard Profiles'!$G$22=$B$17,14,0)+IF('Standard Profiles'!$G$22=$B$24,21,0),0)),0)</f>
        <v>0</v>
      </c>
      <c r="I2012">
        <f t="shared" si="230"/>
        <v>0.29658427725673009</v>
      </c>
      <c r="J2012">
        <f t="shared" si="231"/>
        <v>0.9886142575224337</v>
      </c>
      <c r="K2012">
        <f t="shared" si="232"/>
        <v>1.4829213862836506</v>
      </c>
      <c r="L2012">
        <f t="shared" si="233"/>
        <v>15.196883360700745</v>
      </c>
      <c r="M2012">
        <f t="shared" si="234"/>
        <v>0</v>
      </c>
      <c r="N2012" s="46">
        <f t="shared" si="235"/>
        <v>45374.416666661869</v>
      </c>
    </row>
    <row r="2013" spans="2:14" x14ac:dyDescent="0.3">
      <c r="B2013">
        <f t="shared" si="229"/>
        <v>6</v>
      </c>
      <c r="C2013" s="16">
        <v>1979</v>
      </c>
      <c r="D2013" cm="1">
        <f t="array" ref="D2013">IFERROR(INDEX(Jesper!AH$2:AH$366,ROUNDDOWN($C2013/24,0)+1,1)*INDEX($D$3:$AA$30,INDEX(Jesper!$R$2:$R$366,ROW(INDEX(Jesper!AH$2:AH$366,ROUNDDOWN($C2013/24,0)+1,1))-1)+IF('Standard Profiles'!$G$18=$B$10,7,0)+IF('Standard Profiles'!$G$18=$B$17,14,0)+IF('Standard Profiles'!$G$18=$B$24,21,0),MOD($C2013,24)+1)/SUM(INDEX($D$3:$AA$30,INDEX(Jesper!$R$2:$R$366,ROW(INDEX(Jesper!AH$2:AH$366,ROUNDDOWN($C2013/24,0)+1,1))-1)+IF('Standard Profiles'!$G$18=$B$10,7,0)+IF('Standard Profiles'!$G$18=$B$17,14,0)+IF('Standard Profiles'!$G$18=$B$24,21,0),0)),0)</f>
        <v>14.672917804213856</v>
      </c>
      <c r="E2013" cm="1">
        <f t="array" ref="E2013">IFERROR(INDEX(Jesper!AI$2:AI$366,ROUNDDOWN($C2013/24,0)+1,1)*INDEX($D$3:$AA$30,INDEX(Jesper!$R$2:$R$366,ROW(INDEX(Jesper!AI$2:AI$366,ROUNDDOWN($C2013/24,0)+1,1))-1)+IF('Standard Profiles'!$G$19=$B$10,7,0)+IF('Standard Profiles'!$G$19=$B$17,14,0)+IF('Standard Profiles'!$G$19=$B$24,21,0),MOD($C2013,24)+1)/SUM(INDEX($D$3:$AA$30,INDEX(Jesper!$R$2:$R$366,ROW(INDEX(Jesper!AI$2:AI$366,ROUNDDOWN($C2013/24,0)+1,1))-1)+IF('Standard Profiles'!$G$19=$B$10,7,0)+IF('Standard Profiles'!$G$19=$B$17,14,0)+IF('Standard Profiles'!$G$19=$B$24,21,0),0)),0)</f>
        <v>3.292085477549703</v>
      </c>
      <c r="F2013" cm="1">
        <f t="array" ref="F2013">IFERROR(INDEX(Jesper!AJ$2:AJ$366,ROUNDDOWN($C2013/24,0)+1,1)*INDEX($D$3:$AA$30,INDEX(Jesper!$R$2:$R$366,ROW(INDEX(Jesper!AJ$2:AJ$366,ROUNDDOWN($C2013/24,0)+1,1))-1)+IF('Standard Profiles'!$G$20=$B$10,7,0)+IF('Standard Profiles'!$G$20=$B$17,14,0)+IF('Standard Profiles'!$G$20=$B$24,21,0),MOD($C2013,24)+1)/SUM(INDEX($D$3:$AA$30,INDEX(Jesper!$R$2:$R$366,ROW(INDEX(Jesper!AJ$2:AJ$366,ROUNDDOWN($C2013/24,0)+1,1))-1)+IF('Standard Profiles'!$G$20=$B$10,7,0)+IF('Standard Profiles'!$G$20=$B$17,14,0)+IF('Standard Profiles'!$G$20=$B$24,21,0),0)),0)</f>
        <v>0</v>
      </c>
      <c r="G2013" cm="1">
        <f t="array" ref="G2013">IFERROR(INDEX(Jesper!AK$2:AK$366,ROUNDDOWN($C2013/24,0)+1,1)*INDEX($D$3:$AA$30,INDEX(Jesper!$R$2:$R$366,ROW(INDEX(Jesper!AK$2:AK$366,ROUNDDOWN($C2013/24,0)+1,1))-1)+IF('Standard Profiles'!$G$21=$B$10,7,0)+IF('Standard Profiles'!$G$21=$B$17,14,0)+IF('Standard Profiles'!$G$21=$B$24,21,0),MOD($C2013,24)+1)/SUM(INDEX($D$3:$AA$30,INDEX(Jesper!$R$2:$R$366,ROW(INDEX(Jesper!AK$2:AK$366,ROUNDDOWN($C2013/24,0)+1,1))-1)+IF('Standard Profiles'!$G$21=$B$10,7,0)+IF('Standard Profiles'!$G$21=$B$17,14,0)+IF('Standard Profiles'!$G$21=$B$24,21,0),0)),0)</f>
        <v>0</v>
      </c>
      <c r="H2013" cm="1">
        <f t="array" ref="H2013">IFERROR(INDEX(Jesper!AL$2:AL$366,ROUNDDOWN($C2013/24,0)+1,1)*INDEX($D$3:$AA$30,INDEX(Jesper!$R$2:$R$366,ROW(INDEX(Jesper!AL$2:AL$366,ROUNDDOWN($C2013/24,0)+1,1))-1)+IF('Standard Profiles'!$G$22=$B$10,7,0)+IF('Standard Profiles'!$G$22=$B$17,14,0)+IF('Standard Profiles'!$G$22=$B$24,21,0),MOD($C2013,24)+1)/SUM(INDEX($D$3:$AA$30,INDEX(Jesper!$R$2:$R$366,ROW(INDEX(Jesper!AL$2:AL$366,ROUNDDOWN($C2013/24,0)+1,1))-1)+IF('Standard Profiles'!$G$22=$B$10,7,0)+IF('Standard Profiles'!$G$22=$B$17,14,0)+IF('Standard Profiles'!$G$22=$B$24,21,0),0)),0)</f>
        <v>0</v>
      </c>
      <c r="I2013">
        <f t="shared" si="230"/>
        <v>0.29658427725673009</v>
      </c>
      <c r="J2013">
        <f t="shared" si="231"/>
        <v>0.9886142575224337</v>
      </c>
      <c r="K2013">
        <f t="shared" si="232"/>
        <v>1.4829213862836506</v>
      </c>
      <c r="L2013">
        <f t="shared" si="233"/>
        <v>15.196883360700745</v>
      </c>
      <c r="M2013">
        <f t="shared" si="234"/>
        <v>0</v>
      </c>
      <c r="N2013" s="46">
        <f t="shared" si="235"/>
        <v>45374.458333328534</v>
      </c>
    </row>
    <row r="2014" spans="2:14" x14ac:dyDescent="0.3">
      <c r="B2014">
        <f t="shared" si="229"/>
        <v>6</v>
      </c>
      <c r="C2014" s="16">
        <v>1980</v>
      </c>
      <c r="D2014" cm="1">
        <f t="array" ref="D2014">IFERROR(INDEX(Jesper!AH$2:AH$366,ROUNDDOWN($C2014/24,0)+1,1)*INDEX($D$3:$AA$30,INDEX(Jesper!$R$2:$R$366,ROW(INDEX(Jesper!AH$2:AH$366,ROUNDDOWN($C2014/24,0)+1,1))-1)+IF('Standard Profiles'!$G$18=$B$10,7,0)+IF('Standard Profiles'!$G$18=$B$17,14,0)+IF('Standard Profiles'!$G$18=$B$24,21,0),MOD($C2014,24)+1)/SUM(INDEX($D$3:$AA$30,INDEX(Jesper!$R$2:$R$366,ROW(INDEX(Jesper!AH$2:AH$366,ROUNDDOWN($C2014/24,0)+1,1))-1)+IF('Standard Profiles'!$G$18=$B$10,7,0)+IF('Standard Profiles'!$G$18=$B$17,14,0)+IF('Standard Profiles'!$G$18=$B$24,21,0),0)),0)</f>
        <v>14.672917804213856</v>
      </c>
      <c r="E2014" cm="1">
        <f t="array" ref="E2014">IFERROR(INDEX(Jesper!AI$2:AI$366,ROUNDDOWN($C2014/24,0)+1,1)*INDEX($D$3:$AA$30,INDEX(Jesper!$R$2:$R$366,ROW(INDEX(Jesper!AI$2:AI$366,ROUNDDOWN($C2014/24,0)+1,1))-1)+IF('Standard Profiles'!$G$19=$B$10,7,0)+IF('Standard Profiles'!$G$19=$B$17,14,0)+IF('Standard Profiles'!$G$19=$B$24,21,0),MOD($C2014,24)+1)/SUM(INDEX($D$3:$AA$30,INDEX(Jesper!$R$2:$R$366,ROW(INDEX(Jesper!AI$2:AI$366,ROUNDDOWN($C2014/24,0)+1,1))-1)+IF('Standard Profiles'!$G$19=$B$10,7,0)+IF('Standard Profiles'!$G$19=$B$17,14,0)+IF('Standard Profiles'!$G$19=$B$24,21,0),0)),0)</f>
        <v>3.292085477549703</v>
      </c>
      <c r="F2014" cm="1">
        <f t="array" ref="F2014">IFERROR(INDEX(Jesper!AJ$2:AJ$366,ROUNDDOWN($C2014/24,0)+1,1)*INDEX($D$3:$AA$30,INDEX(Jesper!$R$2:$R$366,ROW(INDEX(Jesper!AJ$2:AJ$366,ROUNDDOWN($C2014/24,0)+1,1))-1)+IF('Standard Profiles'!$G$20=$B$10,7,0)+IF('Standard Profiles'!$G$20=$B$17,14,0)+IF('Standard Profiles'!$G$20=$B$24,21,0),MOD($C2014,24)+1)/SUM(INDEX($D$3:$AA$30,INDEX(Jesper!$R$2:$R$366,ROW(INDEX(Jesper!AJ$2:AJ$366,ROUNDDOWN($C2014/24,0)+1,1))-1)+IF('Standard Profiles'!$G$20=$B$10,7,0)+IF('Standard Profiles'!$G$20=$B$17,14,0)+IF('Standard Profiles'!$G$20=$B$24,21,0),0)),0)</f>
        <v>0</v>
      </c>
      <c r="G2014" cm="1">
        <f t="array" ref="G2014">IFERROR(INDEX(Jesper!AK$2:AK$366,ROUNDDOWN($C2014/24,0)+1,1)*INDEX($D$3:$AA$30,INDEX(Jesper!$R$2:$R$366,ROW(INDEX(Jesper!AK$2:AK$366,ROUNDDOWN($C2014/24,0)+1,1))-1)+IF('Standard Profiles'!$G$21=$B$10,7,0)+IF('Standard Profiles'!$G$21=$B$17,14,0)+IF('Standard Profiles'!$G$21=$B$24,21,0),MOD($C2014,24)+1)/SUM(INDEX($D$3:$AA$30,INDEX(Jesper!$R$2:$R$366,ROW(INDEX(Jesper!AK$2:AK$366,ROUNDDOWN($C2014/24,0)+1,1))-1)+IF('Standard Profiles'!$G$21=$B$10,7,0)+IF('Standard Profiles'!$G$21=$B$17,14,0)+IF('Standard Profiles'!$G$21=$B$24,21,0),0)),0)</f>
        <v>0</v>
      </c>
      <c r="H2014" cm="1">
        <f t="array" ref="H2014">IFERROR(INDEX(Jesper!AL$2:AL$366,ROUNDDOWN($C2014/24,0)+1,1)*INDEX($D$3:$AA$30,INDEX(Jesper!$R$2:$R$366,ROW(INDEX(Jesper!AL$2:AL$366,ROUNDDOWN($C2014/24,0)+1,1))-1)+IF('Standard Profiles'!$G$22=$B$10,7,0)+IF('Standard Profiles'!$G$22=$B$17,14,0)+IF('Standard Profiles'!$G$22=$B$24,21,0),MOD($C2014,24)+1)/SUM(INDEX($D$3:$AA$30,INDEX(Jesper!$R$2:$R$366,ROW(INDEX(Jesper!AL$2:AL$366,ROUNDDOWN($C2014/24,0)+1,1))-1)+IF('Standard Profiles'!$G$22=$B$10,7,0)+IF('Standard Profiles'!$G$22=$B$17,14,0)+IF('Standard Profiles'!$G$22=$B$24,21,0),0)),0)</f>
        <v>0</v>
      </c>
      <c r="I2014">
        <f t="shared" si="230"/>
        <v>0.29658427725673009</v>
      </c>
      <c r="J2014">
        <f t="shared" si="231"/>
        <v>0.9886142575224337</v>
      </c>
      <c r="K2014">
        <f t="shared" si="232"/>
        <v>1.4829213862836506</v>
      </c>
      <c r="L2014">
        <f t="shared" si="233"/>
        <v>15.196883360700745</v>
      </c>
      <c r="M2014">
        <f t="shared" si="234"/>
        <v>0</v>
      </c>
      <c r="N2014" s="46">
        <f t="shared" si="235"/>
        <v>45374.499999995198</v>
      </c>
    </row>
    <row r="2015" spans="2:14" x14ac:dyDescent="0.3">
      <c r="B2015">
        <f t="shared" si="229"/>
        <v>6</v>
      </c>
      <c r="C2015" s="16">
        <v>1981</v>
      </c>
      <c r="D2015" cm="1">
        <f t="array" ref="D2015">IFERROR(INDEX(Jesper!AH$2:AH$366,ROUNDDOWN($C2015/24,0)+1,1)*INDEX($D$3:$AA$30,INDEX(Jesper!$R$2:$R$366,ROW(INDEX(Jesper!AH$2:AH$366,ROUNDDOWN($C2015/24,0)+1,1))-1)+IF('Standard Profiles'!$G$18=$B$10,7,0)+IF('Standard Profiles'!$G$18=$B$17,14,0)+IF('Standard Profiles'!$G$18=$B$24,21,0),MOD($C2015,24)+1)/SUM(INDEX($D$3:$AA$30,INDEX(Jesper!$R$2:$R$366,ROW(INDEX(Jesper!AH$2:AH$366,ROUNDDOWN($C2015/24,0)+1,1))-1)+IF('Standard Profiles'!$G$18=$B$10,7,0)+IF('Standard Profiles'!$G$18=$B$17,14,0)+IF('Standard Profiles'!$G$18=$B$24,21,0),0)),0)</f>
        <v>14.672917804213856</v>
      </c>
      <c r="E2015" cm="1">
        <f t="array" ref="E2015">IFERROR(INDEX(Jesper!AI$2:AI$366,ROUNDDOWN($C2015/24,0)+1,1)*INDEX($D$3:$AA$30,INDEX(Jesper!$R$2:$R$366,ROW(INDEX(Jesper!AI$2:AI$366,ROUNDDOWN($C2015/24,0)+1,1))-1)+IF('Standard Profiles'!$G$19=$B$10,7,0)+IF('Standard Profiles'!$G$19=$B$17,14,0)+IF('Standard Profiles'!$G$19=$B$24,21,0),MOD($C2015,24)+1)/SUM(INDEX($D$3:$AA$30,INDEX(Jesper!$R$2:$R$366,ROW(INDEX(Jesper!AI$2:AI$366,ROUNDDOWN($C2015/24,0)+1,1))-1)+IF('Standard Profiles'!$G$19=$B$10,7,0)+IF('Standard Profiles'!$G$19=$B$17,14,0)+IF('Standard Profiles'!$G$19=$B$24,21,0),0)),0)</f>
        <v>3.292085477549703</v>
      </c>
      <c r="F2015" cm="1">
        <f t="array" ref="F2015">IFERROR(INDEX(Jesper!AJ$2:AJ$366,ROUNDDOWN($C2015/24,0)+1,1)*INDEX($D$3:$AA$30,INDEX(Jesper!$R$2:$R$366,ROW(INDEX(Jesper!AJ$2:AJ$366,ROUNDDOWN($C2015/24,0)+1,1))-1)+IF('Standard Profiles'!$G$20=$B$10,7,0)+IF('Standard Profiles'!$G$20=$B$17,14,0)+IF('Standard Profiles'!$G$20=$B$24,21,0),MOD($C2015,24)+1)/SUM(INDEX($D$3:$AA$30,INDEX(Jesper!$R$2:$R$366,ROW(INDEX(Jesper!AJ$2:AJ$366,ROUNDDOWN($C2015/24,0)+1,1))-1)+IF('Standard Profiles'!$G$20=$B$10,7,0)+IF('Standard Profiles'!$G$20=$B$17,14,0)+IF('Standard Profiles'!$G$20=$B$24,21,0),0)),0)</f>
        <v>0</v>
      </c>
      <c r="G2015" cm="1">
        <f t="array" ref="G2015">IFERROR(INDEX(Jesper!AK$2:AK$366,ROUNDDOWN($C2015/24,0)+1,1)*INDEX($D$3:$AA$30,INDEX(Jesper!$R$2:$R$366,ROW(INDEX(Jesper!AK$2:AK$366,ROUNDDOWN($C2015/24,0)+1,1))-1)+IF('Standard Profiles'!$G$21=$B$10,7,0)+IF('Standard Profiles'!$G$21=$B$17,14,0)+IF('Standard Profiles'!$G$21=$B$24,21,0),MOD($C2015,24)+1)/SUM(INDEX($D$3:$AA$30,INDEX(Jesper!$R$2:$R$366,ROW(INDEX(Jesper!AK$2:AK$366,ROUNDDOWN($C2015/24,0)+1,1))-1)+IF('Standard Profiles'!$G$21=$B$10,7,0)+IF('Standard Profiles'!$G$21=$B$17,14,0)+IF('Standard Profiles'!$G$21=$B$24,21,0),0)),0)</f>
        <v>0</v>
      </c>
      <c r="H2015" cm="1">
        <f t="array" ref="H2015">IFERROR(INDEX(Jesper!AL$2:AL$366,ROUNDDOWN($C2015/24,0)+1,1)*INDEX($D$3:$AA$30,INDEX(Jesper!$R$2:$R$366,ROW(INDEX(Jesper!AL$2:AL$366,ROUNDDOWN($C2015/24,0)+1,1))-1)+IF('Standard Profiles'!$G$22=$B$10,7,0)+IF('Standard Profiles'!$G$22=$B$17,14,0)+IF('Standard Profiles'!$G$22=$B$24,21,0),MOD($C2015,24)+1)/SUM(INDEX($D$3:$AA$30,INDEX(Jesper!$R$2:$R$366,ROW(INDEX(Jesper!AL$2:AL$366,ROUNDDOWN($C2015/24,0)+1,1))-1)+IF('Standard Profiles'!$G$22=$B$10,7,0)+IF('Standard Profiles'!$G$22=$B$17,14,0)+IF('Standard Profiles'!$G$22=$B$24,21,0),0)),0)</f>
        <v>0</v>
      </c>
      <c r="I2015">
        <f t="shared" si="230"/>
        <v>0.29658427725673009</v>
      </c>
      <c r="J2015">
        <f t="shared" si="231"/>
        <v>0.9886142575224337</v>
      </c>
      <c r="K2015">
        <f t="shared" si="232"/>
        <v>1.4829213862836506</v>
      </c>
      <c r="L2015">
        <f t="shared" si="233"/>
        <v>15.196883360700745</v>
      </c>
      <c r="M2015">
        <f t="shared" si="234"/>
        <v>0</v>
      </c>
      <c r="N2015" s="46">
        <f t="shared" si="235"/>
        <v>45374.541666661862</v>
      </c>
    </row>
    <row r="2016" spans="2:14" x14ac:dyDescent="0.3">
      <c r="B2016">
        <f t="shared" si="229"/>
        <v>6</v>
      </c>
      <c r="C2016" s="16">
        <v>1982</v>
      </c>
      <c r="D2016" cm="1">
        <f t="array" ref="D2016">IFERROR(INDEX(Jesper!AH$2:AH$366,ROUNDDOWN($C2016/24,0)+1,1)*INDEX($D$3:$AA$30,INDEX(Jesper!$R$2:$R$366,ROW(INDEX(Jesper!AH$2:AH$366,ROUNDDOWN($C2016/24,0)+1,1))-1)+IF('Standard Profiles'!$G$18=$B$10,7,0)+IF('Standard Profiles'!$G$18=$B$17,14,0)+IF('Standard Profiles'!$G$18=$B$24,21,0),MOD($C2016,24)+1)/SUM(INDEX($D$3:$AA$30,INDEX(Jesper!$R$2:$R$366,ROW(INDEX(Jesper!AH$2:AH$366,ROUNDDOWN($C2016/24,0)+1,1))-1)+IF('Standard Profiles'!$G$18=$B$10,7,0)+IF('Standard Profiles'!$G$18=$B$17,14,0)+IF('Standard Profiles'!$G$18=$B$24,21,0),0)),0)</f>
        <v>14.672917804213856</v>
      </c>
      <c r="E2016" cm="1">
        <f t="array" ref="E2016">IFERROR(INDEX(Jesper!AI$2:AI$366,ROUNDDOWN($C2016/24,0)+1,1)*INDEX($D$3:$AA$30,INDEX(Jesper!$R$2:$R$366,ROW(INDEX(Jesper!AI$2:AI$366,ROUNDDOWN($C2016/24,0)+1,1))-1)+IF('Standard Profiles'!$G$19=$B$10,7,0)+IF('Standard Profiles'!$G$19=$B$17,14,0)+IF('Standard Profiles'!$G$19=$B$24,21,0),MOD($C2016,24)+1)/SUM(INDEX($D$3:$AA$30,INDEX(Jesper!$R$2:$R$366,ROW(INDEX(Jesper!AI$2:AI$366,ROUNDDOWN($C2016/24,0)+1,1))-1)+IF('Standard Profiles'!$G$19=$B$10,7,0)+IF('Standard Profiles'!$G$19=$B$17,14,0)+IF('Standard Profiles'!$G$19=$B$24,21,0),0)),0)</f>
        <v>3.292085477549703</v>
      </c>
      <c r="F2016" cm="1">
        <f t="array" ref="F2016">IFERROR(INDEX(Jesper!AJ$2:AJ$366,ROUNDDOWN($C2016/24,0)+1,1)*INDEX($D$3:$AA$30,INDEX(Jesper!$R$2:$R$366,ROW(INDEX(Jesper!AJ$2:AJ$366,ROUNDDOWN($C2016/24,0)+1,1))-1)+IF('Standard Profiles'!$G$20=$B$10,7,0)+IF('Standard Profiles'!$G$20=$B$17,14,0)+IF('Standard Profiles'!$G$20=$B$24,21,0),MOD($C2016,24)+1)/SUM(INDEX($D$3:$AA$30,INDEX(Jesper!$R$2:$R$366,ROW(INDEX(Jesper!AJ$2:AJ$366,ROUNDDOWN($C2016/24,0)+1,1))-1)+IF('Standard Profiles'!$G$20=$B$10,7,0)+IF('Standard Profiles'!$G$20=$B$17,14,0)+IF('Standard Profiles'!$G$20=$B$24,21,0),0)),0)</f>
        <v>0</v>
      </c>
      <c r="G2016" cm="1">
        <f t="array" ref="G2016">IFERROR(INDEX(Jesper!AK$2:AK$366,ROUNDDOWN($C2016/24,0)+1,1)*INDEX($D$3:$AA$30,INDEX(Jesper!$R$2:$R$366,ROW(INDEX(Jesper!AK$2:AK$366,ROUNDDOWN($C2016/24,0)+1,1))-1)+IF('Standard Profiles'!$G$21=$B$10,7,0)+IF('Standard Profiles'!$G$21=$B$17,14,0)+IF('Standard Profiles'!$G$21=$B$24,21,0),MOD($C2016,24)+1)/SUM(INDEX($D$3:$AA$30,INDEX(Jesper!$R$2:$R$366,ROW(INDEX(Jesper!AK$2:AK$366,ROUNDDOWN($C2016/24,0)+1,1))-1)+IF('Standard Profiles'!$G$21=$B$10,7,0)+IF('Standard Profiles'!$G$21=$B$17,14,0)+IF('Standard Profiles'!$G$21=$B$24,21,0),0)),0)</f>
        <v>0</v>
      </c>
      <c r="H2016" cm="1">
        <f t="array" ref="H2016">IFERROR(INDEX(Jesper!AL$2:AL$366,ROUNDDOWN($C2016/24,0)+1,1)*INDEX($D$3:$AA$30,INDEX(Jesper!$R$2:$R$366,ROW(INDEX(Jesper!AL$2:AL$366,ROUNDDOWN($C2016/24,0)+1,1))-1)+IF('Standard Profiles'!$G$22=$B$10,7,0)+IF('Standard Profiles'!$G$22=$B$17,14,0)+IF('Standard Profiles'!$G$22=$B$24,21,0),MOD($C2016,24)+1)/SUM(INDEX($D$3:$AA$30,INDEX(Jesper!$R$2:$R$366,ROW(INDEX(Jesper!AL$2:AL$366,ROUNDDOWN($C2016/24,0)+1,1))-1)+IF('Standard Profiles'!$G$22=$B$10,7,0)+IF('Standard Profiles'!$G$22=$B$17,14,0)+IF('Standard Profiles'!$G$22=$B$24,21,0),0)),0)</f>
        <v>0</v>
      </c>
      <c r="I2016">
        <f t="shared" si="230"/>
        <v>0.29658427725673009</v>
      </c>
      <c r="J2016">
        <f t="shared" si="231"/>
        <v>0.9886142575224337</v>
      </c>
      <c r="K2016">
        <f t="shared" si="232"/>
        <v>1.4829213862836506</v>
      </c>
      <c r="L2016">
        <f t="shared" si="233"/>
        <v>15.196883360700745</v>
      </c>
      <c r="M2016">
        <f t="shared" si="234"/>
        <v>0</v>
      </c>
      <c r="N2016" s="46">
        <f t="shared" si="235"/>
        <v>45374.583333328526</v>
      </c>
    </row>
    <row r="2017" spans="2:14" x14ac:dyDescent="0.3">
      <c r="B2017">
        <f t="shared" si="229"/>
        <v>6</v>
      </c>
      <c r="C2017" s="16">
        <v>1983</v>
      </c>
      <c r="D2017" cm="1">
        <f t="array" ref="D2017">IFERROR(INDEX(Jesper!AH$2:AH$366,ROUNDDOWN($C2017/24,0)+1,1)*INDEX($D$3:$AA$30,INDEX(Jesper!$R$2:$R$366,ROW(INDEX(Jesper!AH$2:AH$366,ROUNDDOWN($C2017/24,0)+1,1))-1)+IF('Standard Profiles'!$G$18=$B$10,7,0)+IF('Standard Profiles'!$G$18=$B$17,14,0)+IF('Standard Profiles'!$G$18=$B$24,21,0),MOD($C2017,24)+1)/SUM(INDEX($D$3:$AA$30,INDEX(Jesper!$R$2:$R$366,ROW(INDEX(Jesper!AH$2:AH$366,ROUNDDOWN($C2017/24,0)+1,1))-1)+IF('Standard Profiles'!$G$18=$B$10,7,0)+IF('Standard Profiles'!$G$18=$B$17,14,0)+IF('Standard Profiles'!$G$18=$B$24,21,0),0)),0)</f>
        <v>13.26592568600157</v>
      </c>
      <c r="E2017" cm="1">
        <f t="array" ref="E2017">IFERROR(INDEX(Jesper!AI$2:AI$366,ROUNDDOWN($C2017/24,0)+1,1)*INDEX($D$3:$AA$30,INDEX(Jesper!$R$2:$R$366,ROW(INDEX(Jesper!AI$2:AI$366,ROUNDDOWN($C2017/24,0)+1,1))-1)+IF('Standard Profiles'!$G$19=$B$10,7,0)+IF('Standard Profiles'!$G$19=$B$17,14,0)+IF('Standard Profiles'!$G$19=$B$24,21,0),MOD($C2017,24)+1)/SUM(INDEX($D$3:$AA$30,INDEX(Jesper!$R$2:$R$366,ROW(INDEX(Jesper!AI$2:AI$366,ROUNDDOWN($C2017/24,0)+1,1))-1)+IF('Standard Profiles'!$G$19=$B$10,7,0)+IF('Standard Profiles'!$G$19=$B$17,14,0)+IF('Standard Profiles'!$G$19=$B$24,21,0),0)),0)</f>
        <v>2.976406048195622</v>
      </c>
      <c r="F2017" cm="1">
        <f t="array" ref="F2017">IFERROR(INDEX(Jesper!AJ$2:AJ$366,ROUNDDOWN($C2017/24,0)+1,1)*INDEX($D$3:$AA$30,INDEX(Jesper!$R$2:$R$366,ROW(INDEX(Jesper!AJ$2:AJ$366,ROUNDDOWN($C2017/24,0)+1,1))-1)+IF('Standard Profiles'!$G$20=$B$10,7,0)+IF('Standard Profiles'!$G$20=$B$17,14,0)+IF('Standard Profiles'!$G$20=$B$24,21,0),MOD($C2017,24)+1)/SUM(INDEX($D$3:$AA$30,INDEX(Jesper!$R$2:$R$366,ROW(INDEX(Jesper!AJ$2:AJ$366,ROUNDDOWN($C2017/24,0)+1,1))-1)+IF('Standard Profiles'!$G$20=$B$10,7,0)+IF('Standard Profiles'!$G$20=$B$17,14,0)+IF('Standard Profiles'!$G$20=$B$24,21,0),0)),0)</f>
        <v>0</v>
      </c>
      <c r="G2017" cm="1">
        <f t="array" ref="G2017">IFERROR(INDEX(Jesper!AK$2:AK$366,ROUNDDOWN($C2017/24,0)+1,1)*INDEX($D$3:$AA$30,INDEX(Jesper!$R$2:$R$366,ROW(INDEX(Jesper!AK$2:AK$366,ROUNDDOWN($C2017/24,0)+1,1))-1)+IF('Standard Profiles'!$G$21=$B$10,7,0)+IF('Standard Profiles'!$G$21=$B$17,14,0)+IF('Standard Profiles'!$G$21=$B$24,21,0),MOD($C2017,24)+1)/SUM(INDEX($D$3:$AA$30,INDEX(Jesper!$R$2:$R$366,ROW(INDEX(Jesper!AK$2:AK$366,ROUNDDOWN($C2017/24,0)+1,1))-1)+IF('Standard Profiles'!$G$21=$B$10,7,0)+IF('Standard Profiles'!$G$21=$B$17,14,0)+IF('Standard Profiles'!$G$21=$B$24,21,0),0)),0)</f>
        <v>0</v>
      </c>
      <c r="H2017" cm="1">
        <f t="array" ref="H2017">IFERROR(INDEX(Jesper!AL$2:AL$366,ROUNDDOWN($C2017/24,0)+1,1)*INDEX($D$3:$AA$30,INDEX(Jesper!$R$2:$R$366,ROW(INDEX(Jesper!AL$2:AL$366,ROUNDDOWN($C2017/24,0)+1,1))-1)+IF('Standard Profiles'!$G$22=$B$10,7,0)+IF('Standard Profiles'!$G$22=$B$17,14,0)+IF('Standard Profiles'!$G$22=$B$24,21,0),MOD($C2017,24)+1)/SUM(INDEX($D$3:$AA$30,INDEX(Jesper!$R$2:$R$366,ROW(INDEX(Jesper!AL$2:AL$366,ROUNDDOWN($C2017/24,0)+1,1))-1)+IF('Standard Profiles'!$G$22=$B$10,7,0)+IF('Standard Profiles'!$G$22=$B$17,14,0)+IF('Standard Profiles'!$G$22=$B$24,21,0),0)),0)</f>
        <v>0</v>
      </c>
      <c r="I2017">
        <f t="shared" si="230"/>
        <v>0.26814468902663269</v>
      </c>
      <c r="J2017">
        <f t="shared" si="231"/>
        <v>0.89381563008877574</v>
      </c>
      <c r="K2017">
        <f t="shared" si="232"/>
        <v>1.3407234451331635</v>
      </c>
      <c r="L2017">
        <f t="shared" si="233"/>
        <v>13.739647969948621</v>
      </c>
      <c r="M2017">
        <f t="shared" si="234"/>
        <v>0</v>
      </c>
      <c r="N2017" s="46">
        <f t="shared" si="235"/>
        <v>45374.624999995191</v>
      </c>
    </row>
    <row r="2018" spans="2:14" x14ac:dyDescent="0.3">
      <c r="B2018">
        <f t="shared" si="229"/>
        <v>6</v>
      </c>
      <c r="C2018" s="16">
        <v>1984</v>
      </c>
      <c r="D2018" cm="1">
        <f t="array" ref="D2018">IFERROR(INDEX(Jesper!AH$2:AH$366,ROUNDDOWN($C2018/24,0)+1,1)*INDEX($D$3:$AA$30,INDEX(Jesper!$R$2:$R$366,ROW(INDEX(Jesper!AH$2:AH$366,ROUNDDOWN($C2018/24,0)+1,1))-1)+IF('Standard Profiles'!$G$18=$B$10,7,0)+IF('Standard Profiles'!$G$18=$B$17,14,0)+IF('Standard Profiles'!$G$18=$B$24,21,0),MOD($C2018,24)+1)/SUM(INDEX($D$3:$AA$30,INDEX(Jesper!$R$2:$R$366,ROW(INDEX(Jesper!AH$2:AH$366,ROUNDDOWN($C2018/24,0)+1,1))-1)+IF('Standard Profiles'!$G$18=$B$10,7,0)+IF('Standard Profiles'!$G$18=$B$17,14,0)+IF('Standard Profiles'!$G$18=$B$24,21,0),0)),0)</f>
        <v>12.05993244181961</v>
      </c>
      <c r="E2018" cm="1">
        <f t="array" ref="E2018">IFERROR(INDEX(Jesper!AI$2:AI$366,ROUNDDOWN($C2018/24,0)+1,1)*INDEX($D$3:$AA$30,INDEX(Jesper!$R$2:$R$366,ROW(INDEX(Jesper!AI$2:AI$366,ROUNDDOWN($C2018/24,0)+1,1))-1)+IF('Standard Profiles'!$G$19=$B$10,7,0)+IF('Standard Profiles'!$G$19=$B$17,14,0)+IF('Standard Profiles'!$G$19=$B$24,21,0),MOD($C2018,24)+1)/SUM(INDEX($D$3:$AA$30,INDEX(Jesper!$R$2:$R$366,ROW(INDEX(Jesper!AI$2:AI$366,ROUNDDOWN($C2018/24,0)+1,1))-1)+IF('Standard Profiles'!$G$19=$B$10,7,0)+IF('Standard Profiles'!$G$19=$B$17,14,0)+IF('Standard Profiles'!$G$19=$B$24,21,0),0)),0)</f>
        <v>2.7058236801778381</v>
      </c>
      <c r="F2018" cm="1">
        <f t="array" ref="F2018">IFERROR(INDEX(Jesper!AJ$2:AJ$366,ROUNDDOWN($C2018/24,0)+1,1)*INDEX($D$3:$AA$30,INDEX(Jesper!$R$2:$R$366,ROW(INDEX(Jesper!AJ$2:AJ$366,ROUNDDOWN($C2018/24,0)+1,1))-1)+IF('Standard Profiles'!$G$20=$B$10,7,0)+IF('Standard Profiles'!$G$20=$B$17,14,0)+IF('Standard Profiles'!$G$20=$B$24,21,0),MOD($C2018,24)+1)/SUM(INDEX($D$3:$AA$30,INDEX(Jesper!$R$2:$R$366,ROW(INDEX(Jesper!AJ$2:AJ$366,ROUNDDOWN($C2018/24,0)+1,1))-1)+IF('Standard Profiles'!$G$20=$B$10,7,0)+IF('Standard Profiles'!$G$20=$B$17,14,0)+IF('Standard Profiles'!$G$20=$B$24,21,0),0)),0)</f>
        <v>0</v>
      </c>
      <c r="G2018" cm="1">
        <f t="array" ref="G2018">IFERROR(INDEX(Jesper!AK$2:AK$366,ROUNDDOWN($C2018/24,0)+1,1)*INDEX($D$3:$AA$30,INDEX(Jesper!$R$2:$R$366,ROW(INDEX(Jesper!AK$2:AK$366,ROUNDDOWN($C2018/24,0)+1,1))-1)+IF('Standard Profiles'!$G$21=$B$10,7,0)+IF('Standard Profiles'!$G$21=$B$17,14,0)+IF('Standard Profiles'!$G$21=$B$24,21,0),MOD($C2018,24)+1)/SUM(INDEX($D$3:$AA$30,INDEX(Jesper!$R$2:$R$366,ROW(INDEX(Jesper!AK$2:AK$366,ROUNDDOWN($C2018/24,0)+1,1))-1)+IF('Standard Profiles'!$G$21=$B$10,7,0)+IF('Standard Profiles'!$G$21=$B$17,14,0)+IF('Standard Profiles'!$G$21=$B$24,21,0),0)),0)</f>
        <v>0</v>
      </c>
      <c r="H2018" cm="1">
        <f t="array" ref="H2018">IFERROR(INDEX(Jesper!AL$2:AL$366,ROUNDDOWN($C2018/24,0)+1,1)*INDEX($D$3:$AA$30,INDEX(Jesper!$R$2:$R$366,ROW(INDEX(Jesper!AL$2:AL$366,ROUNDDOWN($C2018/24,0)+1,1))-1)+IF('Standard Profiles'!$G$22=$B$10,7,0)+IF('Standard Profiles'!$G$22=$B$17,14,0)+IF('Standard Profiles'!$G$22=$B$24,21,0),MOD($C2018,24)+1)/SUM(INDEX($D$3:$AA$30,INDEX(Jesper!$R$2:$R$366,ROW(INDEX(Jesper!AL$2:AL$366,ROUNDDOWN($C2018/24,0)+1,1))-1)+IF('Standard Profiles'!$G$22=$B$10,7,0)+IF('Standard Profiles'!$G$22=$B$17,14,0)+IF('Standard Profiles'!$G$22=$B$24,21,0),0)),0)</f>
        <v>0</v>
      </c>
      <c r="I2018">
        <f t="shared" si="230"/>
        <v>0.24376789911512062</v>
      </c>
      <c r="J2018">
        <f t="shared" si="231"/>
        <v>0.81255966371706878</v>
      </c>
      <c r="K2018">
        <f t="shared" si="232"/>
        <v>1.2188394955756032</v>
      </c>
      <c r="L2018">
        <f t="shared" si="233"/>
        <v>12.490589063589656</v>
      </c>
      <c r="M2018">
        <f t="shared" si="234"/>
        <v>0</v>
      </c>
      <c r="N2018" s="46">
        <f t="shared" si="235"/>
        <v>45374.666666661855</v>
      </c>
    </row>
    <row r="2019" spans="2:14" x14ac:dyDescent="0.3">
      <c r="B2019">
        <f t="shared" ref="B2019:B2082" si="236">WEEKDAY(N2019,2)</f>
        <v>6</v>
      </c>
      <c r="C2019" s="16">
        <v>1985</v>
      </c>
      <c r="D2019" cm="1">
        <f t="array" ref="D2019">IFERROR(INDEX(Jesper!AH$2:AH$366,ROUNDDOWN($C2019/24,0)+1,1)*INDEX($D$3:$AA$30,INDEX(Jesper!$R$2:$R$366,ROW(INDEX(Jesper!AH$2:AH$366,ROUNDDOWN($C2019/24,0)+1,1))-1)+IF('Standard Profiles'!$G$18=$B$10,7,0)+IF('Standard Profiles'!$G$18=$B$17,14,0)+IF('Standard Profiles'!$G$18=$B$24,21,0),MOD($C2019,24)+1)/SUM(INDEX($D$3:$AA$30,INDEX(Jesper!$R$2:$R$366,ROW(INDEX(Jesper!AH$2:AH$366,ROUNDDOWN($C2019/24,0)+1,1))-1)+IF('Standard Profiles'!$G$18=$B$10,7,0)+IF('Standard Profiles'!$G$18=$B$17,14,0)+IF('Standard Profiles'!$G$18=$B$24,21,0),0)),0)</f>
        <v>10.853939197637647</v>
      </c>
      <c r="E2019" cm="1">
        <f t="array" ref="E2019">IFERROR(INDEX(Jesper!AI$2:AI$366,ROUNDDOWN($C2019/24,0)+1,1)*INDEX($D$3:$AA$30,INDEX(Jesper!$R$2:$R$366,ROW(INDEX(Jesper!AI$2:AI$366,ROUNDDOWN($C2019/24,0)+1,1))-1)+IF('Standard Profiles'!$G$19=$B$10,7,0)+IF('Standard Profiles'!$G$19=$B$17,14,0)+IF('Standard Profiles'!$G$19=$B$24,21,0),MOD($C2019,24)+1)/SUM(INDEX($D$3:$AA$30,INDEX(Jesper!$R$2:$R$366,ROW(INDEX(Jesper!AI$2:AI$366,ROUNDDOWN($C2019/24,0)+1,1))-1)+IF('Standard Profiles'!$G$19=$B$10,7,0)+IF('Standard Profiles'!$G$19=$B$17,14,0)+IF('Standard Profiles'!$G$19=$B$24,21,0),0)),0)</f>
        <v>2.4352413121600547</v>
      </c>
      <c r="F2019" cm="1">
        <f t="array" ref="F2019">IFERROR(INDEX(Jesper!AJ$2:AJ$366,ROUNDDOWN($C2019/24,0)+1,1)*INDEX($D$3:$AA$30,INDEX(Jesper!$R$2:$R$366,ROW(INDEX(Jesper!AJ$2:AJ$366,ROUNDDOWN($C2019/24,0)+1,1))-1)+IF('Standard Profiles'!$G$20=$B$10,7,0)+IF('Standard Profiles'!$G$20=$B$17,14,0)+IF('Standard Profiles'!$G$20=$B$24,21,0),MOD($C2019,24)+1)/SUM(INDEX($D$3:$AA$30,INDEX(Jesper!$R$2:$R$366,ROW(INDEX(Jesper!AJ$2:AJ$366,ROUNDDOWN($C2019/24,0)+1,1))-1)+IF('Standard Profiles'!$G$20=$B$10,7,0)+IF('Standard Profiles'!$G$20=$B$17,14,0)+IF('Standard Profiles'!$G$20=$B$24,21,0),0)),0)</f>
        <v>0</v>
      </c>
      <c r="G2019" cm="1">
        <f t="array" ref="G2019">IFERROR(INDEX(Jesper!AK$2:AK$366,ROUNDDOWN($C2019/24,0)+1,1)*INDEX($D$3:$AA$30,INDEX(Jesper!$R$2:$R$366,ROW(INDEX(Jesper!AK$2:AK$366,ROUNDDOWN($C2019/24,0)+1,1))-1)+IF('Standard Profiles'!$G$21=$B$10,7,0)+IF('Standard Profiles'!$G$21=$B$17,14,0)+IF('Standard Profiles'!$G$21=$B$24,21,0),MOD($C2019,24)+1)/SUM(INDEX($D$3:$AA$30,INDEX(Jesper!$R$2:$R$366,ROW(INDEX(Jesper!AK$2:AK$366,ROUNDDOWN($C2019/24,0)+1,1))-1)+IF('Standard Profiles'!$G$21=$B$10,7,0)+IF('Standard Profiles'!$G$21=$B$17,14,0)+IF('Standard Profiles'!$G$21=$B$24,21,0),0)),0)</f>
        <v>0</v>
      </c>
      <c r="H2019" cm="1">
        <f t="array" ref="H2019">IFERROR(INDEX(Jesper!AL$2:AL$366,ROUNDDOWN($C2019/24,0)+1,1)*INDEX($D$3:$AA$30,INDEX(Jesper!$R$2:$R$366,ROW(INDEX(Jesper!AL$2:AL$366,ROUNDDOWN($C2019/24,0)+1,1))-1)+IF('Standard Profiles'!$G$22=$B$10,7,0)+IF('Standard Profiles'!$G$22=$B$17,14,0)+IF('Standard Profiles'!$G$22=$B$24,21,0),MOD($C2019,24)+1)/SUM(INDEX($D$3:$AA$30,INDEX(Jesper!$R$2:$R$366,ROW(INDEX(Jesper!AL$2:AL$366,ROUNDDOWN($C2019/24,0)+1,1))-1)+IF('Standard Profiles'!$G$22=$B$10,7,0)+IF('Standard Profiles'!$G$22=$B$17,14,0)+IF('Standard Profiles'!$G$22=$B$24,21,0),0)),0)</f>
        <v>0</v>
      </c>
      <c r="I2019">
        <f t="shared" ref="I2019:I2082" si="237">IF($B2019&lt;6,AC$37*$D2019+AC$38*$E2019+AC$39*$F2019+AC$40*$G2019,AC$46*$D2019+AC$47*$E2019+AC$48*$F2019+AC$49*$G2019+AC$50*$H2019)</f>
        <v>0.21939110920360858</v>
      </c>
      <c r="J2019">
        <f t="shared" ref="J2019:J2082" si="238">IF($B2019&lt;6,AD$37*$D2019+AD$38*$E2019+AD$39*$F2019+AD$40*$G2019,AD$46*$D2019+AD$47*$E2019+AD$48*$F2019+AD$49*$G2019+AD$50*$H2019)</f>
        <v>0.73130369734536205</v>
      </c>
      <c r="K2019">
        <f t="shared" ref="K2019:K2082" si="239">IF($B2019&lt;6,AE$37*$D2019+AE$38*$E2019+AE$39*$F2019+AE$40*$G2019,AE$46*$D2019+AE$47*$E2019+AE$48*$F2019+AE$49*$G2019+AE$50*$H2019)</f>
        <v>1.0969555460180431</v>
      </c>
      <c r="L2019">
        <f t="shared" ref="L2019:L2082" si="240">IF($B2019&lt;6,AF$37*$D2019+AF$38*$E2019+AF$39*$F2019+AF$40*$G2019,AF$46*$D2019+AF$47*$E2019+AF$48*$F2019+AF$49*$G2019+AF$50*$H2019)</f>
        <v>11.241530157230688</v>
      </c>
      <c r="M2019">
        <f t="shared" ref="M2019:M2082" si="241">IF($B2019&lt;6,AG$37*$D2019+AG$38*$E2019+AG$39*$F2019+AG$40*$G2019,AG$46*$D2019+AG$47*$E2019+AG$48*$F2019+AG$49*$G2019+AG$50*$H2019)</f>
        <v>0</v>
      </c>
      <c r="N2019" s="46">
        <f t="shared" si="235"/>
        <v>45374.708333328519</v>
      </c>
    </row>
    <row r="2020" spans="2:14" x14ac:dyDescent="0.3">
      <c r="B2020">
        <f t="shared" si="236"/>
        <v>6</v>
      </c>
      <c r="C2020" s="16">
        <v>1986</v>
      </c>
      <c r="D2020" cm="1">
        <f t="array" ref="D2020">IFERROR(INDEX(Jesper!AH$2:AH$366,ROUNDDOWN($C2020/24,0)+1,1)*INDEX($D$3:$AA$30,INDEX(Jesper!$R$2:$R$366,ROW(INDEX(Jesper!AH$2:AH$366,ROUNDDOWN($C2020/24,0)+1,1))-1)+IF('Standard Profiles'!$G$18=$B$10,7,0)+IF('Standard Profiles'!$G$18=$B$17,14,0)+IF('Standard Profiles'!$G$18=$B$24,21,0),MOD($C2020,24)+1)/SUM(INDEX($D$3:$AA$30,INDEX(Jesper!$R$2:$R$366,ROW(INDEX(Jesper!AH$2:AH$366,ROUNDDOWN($C2020/24,0)+1,1))-1)+IF('Standard Profiles'!$G$18=$B$10,7,0)+IF('Standard Profiles'!$G$18=$B$17,14,0)+IF('Standard Profiles'!$G$18=$B$24,21,0),0)),0)</f>
        <v>10.451941449576992</v>
      </c>
      <c r="E2020" cm="1">
        <f t="array" ref="E2020">IFERROR(INDEX(Jesper!AI$2:AI$366,ROUNDDOWN($C2020/24,0)+1,1)*INDEX($D$3:$AA$30,INDEX(Jesper!$R$2:$R$366,ROW(INDEX(Jesper!AI$2:AI$366,ROUNDDOWN($C2020/24,0)+1,1))-1)+IF('Standard Profiles'!$G$19=$B$10,7,0)+IF('Standard Profiles'!$G$19=$B$17,14,0)+IF('Standard Profiles'!$G$19=$B$24,21,0),MOD($C2020,24)+1)/SUM(INDEX($D$3:$AA$30,INDEX(Jesper!$R$2:$R$366,ROW(INDEX(Jesper!AI$2:AI$366,ROUNDDOWN($C2020/24,0)+1,1))-1)+IF('Standard Profiles'!$G$19=$B$10,7,0)+IF('Standard Profiles'!$G$19=$B$17,14,0)+IF('Standard Profiles'!$G$19=$B$24,21,0),0)),0)</f>
        <v>2.3450471894874596</v>
      </c>
      <c r="F2020" cm="1">
        <f t="array" ref="F2020">IFERROR(INDEX(Jesper!AJ$2:AJ$366,ROUNDDOWN($C2020/24,0)+1,1)*INDEX($D$3:$AA$30,INDEX(Jesper!$R$2:$R$366,ROW(INDEX(Jesper!AJ$2:AJ$366,ROUNDDOWN($C2020/24,0)+1,1))-1)+IF('Standard Profiles'!$G$20=$B$10,7,0)+IF('Standard Profiles'!$G$20=$B$17,14,0)+IF('Standard Profiles'!$G$20=$B$24,21,0),MOD($C2020,24)+1)/SUM(INDEX($D$3:$AA$30,INDEX(Jesper!$R$2:$R$366,ROW(INDEX(Jesper!AJ$2:AJ$366,ROUNDDOWN($C2020/24,0)+1,1))-1)+IF('Standard Profiles'!$G$20=$B$10,7,0)+IF('Standard Profiles'!$G$20=$B$17,14,0)+IF('Standard Profiles'!$G$20=$B$24,21,0),0)),0)</f>
        <v>0</v>
      </c>
      <c r="G2020" cm="1">
        <f t="array" ref="G2020">IFERROR(INDEX(Jesper!AK$2:AK$366,ROUNDDOWN($C2020/24,0)+1,1)*INDEX($D$3:$AA$30,INDEX(Jesper!$R$2:$R$366,ROW(INDEX(Jesper!AK$2:AK$366,ROUNDDOWN($C2020/24,0)+1,1))-1)+IF('Standard Profiles'!$G$21=$B$10,7,0)+IF('Standard Profiles'!$G$21=$B$17,14,0)+IF('Standard Profiles'!$G$21=$B$24,21,0),MOD($C2020,24)+1)/SUM(INDEX($D$3:$AA$30,INDEX(Jesper!$R$2:$R$366,ROW(INDEX(Jesper!AK$2:AK$366,ROUNDDOWN($C2020/24,0)+1,1))-1)+IF('Standard Profiles'!$G$21=$B$10,7,0)+IF('Standard Profiles'!$G$21=$B$17,14,0)+IF('Standard Profiles'!$G$21=$B$24,21,0),0)),0)</f>
        <v>0</v>
      </c>
      <c r="H2020" cm="1">
        <f t="array" ref="H2020">IFERROR(INDEX(Jesper!AL$2:AL$366,ROUNDDOWN($C2020/24,0)+1,1)*INDEX($D$3:$AA$30,INDEX(Jesper!$R$2:$R$366,ROW(INDEX(Jesper!AL$2:AL$366,ROUNDDOWN($C2020/24,0)+1,1))-1)+IF('Standard Profiles'!$G$22=$B$10,7,0)+IF('Standard Profiles'!$G$22=$B$17,14,0)+IF('Standard Profiles'!$G$22=$B$24,21,0),MOD($C2020,24)+1)/SUM(INDEX($D$3:$AA$30,INDEX(Jesper!$R$2:$R$366,ROW(INDEX(Jesper!AL$2:AL$366,ROUNDDOWN($C2020/24,0)+1,1))-1)+IF('Standard Profiles'!$G$22=$B$10,7,0)+IF('Standard Profiles'!$G$22=$B$17,14,0)+IF('Standard Profiles'!$G$22=$B$24,21,0),0)),0)</f>
        <v>0</v>
      </c>
      <c r="I2020">
        <f t="shared" si="237"/>
        <v>0.21126551256643786</v>
      </c>
      <c r="J2020">
        <f t="shared" si="238"/>
        <v>0.70421837522145958</v>
      </c>
      <c r="K2020">
        <f t="shared" si="239"/>
        <v>1.0563275628321893</v>
      </c>
      <c r="L2020">
        <f t="shared" si="240"/>
        <v>10.825177188444366</v>
      </c>
      <c r="M2020">
        <f t="shared" si="241"/>
        <v>0</v>
      </c>
      <c r="N2020" s="46">
        <f t="shared" ref="N2020:N2083" si="242">N2019+1/24</f>
        <v>45374.749999995183</v>
      </c>
    </row>
    <row r="2021" spans="2:14" x14ac:dyDescent="0.3">
      <c r="B2021">
        <f t="shared" si="236"/>
        <v>6</v>
      </c>
      <c r="C2021" s="16">
        <v>1987</v>
      </c>
      <c r="D2021" cm="1">
        <f t="array" ref="D2021">IFERROR(INDEX(Jesper!AH$2:AH$366,ROUNDDOWN($C2021/24,0)+1,1)*INDEX($D$3:$AA$30,INDEX(Jesper!$R$2:$R$366,ROW(INDEX(Jesper!AH$2:AH$366,ROUNDDOWN($C2021/24,0)+1,1))-1)+IF('Standard Profiles'!$G$18=$B$10,7,0)+IF('Standard Profiles'!$G$18=$B$17,14,0)+IF('Standard Profiles'!$G$18=$B$24,21,0),MOD($C2021,24)+1)/SUM(INDEX($D$3:$AA$30,INDEX(Jesper!$R$2:$R$366,ROW(INDEX(Jesper!AH$2:AH$366,ROUNDDOWN($C2021/24,0)+1,1))-1)+IF('Standard Profiles'!$G$18=$B$10,7,0)+IF('Standard Profiles'!$G$18=$B$17,14,0)+IF('Standard Profiles'!$G$18=$B$24,21,0),0)),0)</f>
        <v>8.4419527092737248</v>
      </c>
      <c r="E2021" cm="1">
        <f t="array" ref="E2021">IFERROR(INDEX(Jesper!AI$2:AI$366,ROUNDDOWN($C2021/24,0)+1,1)*INDEX($D$3:$AA$30,INDEX(Jesper!$R$2:$R$366,ROW(INDEX(Jesper!AI$2:AI$366,ROUNDDOWN($C2021/24,0)+1,1))-1)+IF('Standard Profiles'!$G$19=$B$10,7,0)+IF('Standard Profiles'!$G$19=$B$17,14,0)+IF('Standard Profiles'!$G$19=$B$24,21,0),MOD($C2021,24)+1)/SUM(INDEX($D$3:$AA$30,INDEX(Jesper!$R$2:$R$366,ROW(INDEX(Jesper!AI$2:AI$366,ROUNDDOWN($C2021/24,0)+1,1))-1)+IF('Standard Profiles'!$G$19=$B$10,7,0)+IF('Standard Profiles'!$G$19=$B$17,14,0)+IF('Standard Profiles'!$G$19=$B$24,21,0),0)),0)</f>
        <v>1.8940765761244867</v>
      </c>
      <c r="F2021" cm="1">
        <f t="array" ref="F2021">IFERROR(INDEX(Jesper!AJ$2:AJ$366,ROUNDDOWN($C2021/24,0)+1,1)*INDEX($D$3:$AA$30,INDEX(Jesper!$R$2:$R$366,ROW(INDEX(Jesper!AJ$2:AJ$366,ROUNDDOWN($C2021/24,0)+1,1))-1)+IF('Standard Profiles'!$G$20=$B$10,7,0)+IF('Standard Profiles'!$G$20=$B$17,14,0)+IF('Standard Profiles'!$G$20=$B$24,21,0),MOD($C2021,24)+1)/SUM(INDEX($D$3:$AA$30,INDEX(Jesper!$R$2:$R$366,ROW(INDEX(Jesper!AJ$2:AJ$366,ROUNDDOWN($C2021/24,0)+1,1))-1)+IF('Standard Profiles'!$G$20=$B$10,7,0)+IF('Standard Profiles'!$G$20=$B$17,14,0)+IF('Standard Profiles'!$G$20=$B$24,21,0),0)),0)</f>
        <v>0</v>
      </c>
      <c r="G2021" cm="1">
        <f t="array" ref="G2021">IFERROR(INDEX(Jesper!AK$2:AK$366,ROUNDDOWN($C2021/24,0)+1,1)*INDEX($D$3:$AA$30,INDEX(Jesper!$R$2:$R$366,ROW(INDEX(Jesper!AK$2:AK$366,ROUNDDOWN($C2021/24,0)+1,1))-1)+IF('Standard Profiles'!$G$21=$B$10,7,0)+IF('Standard Profiles'!$G$21=$B$17,14,0)+IF('Standard Profiles'!$G$21=$B$24,21,0),MOD($C2021,24)+1)/SUM(INDEX($D$3:$AA$30,INDEX(Jesper!$R$2:$R$366,ROW(INDEX(Jesper!AK$2:AK$366,ROUNDDOWN($C2021/24,0)+1,1))-1)+IF('Standard Profiles'!$G$21=$B$10,7,0)+IF('Standard Profiles'!$G$21=$B$17,14,0)+IF('Standard Profiles'!$G$21=$B$24,21,0),0)),0)</f>
        <v>0</v>
      </c>
      <c r="H2021" cm="1">
        <f t="array" ref="H2021">IFERROR(INDEX(Jesper!AL$2:AL$366,ROUNDDOWN($C2021/24,0)+1,1)*INDEX($D$3:$AA$30,INDEX(Jesper!$R$2:$R$366,ROW(INDEX(Jesper!AL$2:AL$366,ROUNDDOWN($C2021/24,0)+1,1))-1)+IF('Standard Profiles'!$G$22=$B$10,7,0)+IF('Standard Profiles'!$G$22=$B$17,14,0)+IF('Standard Profiles'!$G$22=$B$24,21,0),MOD($C2021,24)+1)/SUM(INDEX($D$3:$AA$30,INDEX(Jesper!$R$2:$R$366,ROW(INDEX(Jesper!AL$2:AL$366,ROUNDDOWN($C2021/24,0)+1,1))-1)+IF('Standard Profiles'!$G$22=$B$10,7,0)+IF('Standard Profiles'!$G$22=$B$17,14,0)+IF('Standard Profiles'!$G$22=$B$24,21,0),0)),0)</f>
        <v>0</v>
      </c>
      <c r="I2021">
        <f t="shared" si="237"/>
        <v>0.17063752938058444</v>
      </c>
      <c r="J2021">
        <f t="shared" si="238"/>
        <v>0.56879176460194814</v>
      </c>
      <c r="K2021">
        <f t="shared" si="239"/>
        <v>0.85318764690292226</v>
      </c>
      <c r="L2021">
        <f t="shared" si="240"/>
        <v>8.7434123445127572</v>
      </c>
      <c r="M2021">
        <f t="shared" si="241"/>
        <v>0</v>
      </c>
      <c r="N2021" s="46">
        <f t="shared" si="242"/>
        <v>45374.791666661848</v>
      </c>
    </row>
    <row r="2022" spans="2:14" x14ac:dyDescent="0.3">
      <c r="B2022">
        <f t="shared" si="236"/>
        <v>6</v>
      </c>
      <c r="C2022" s="16">
        <v>1988</v>
      </c>
      <c r="D2022" cm="1">
        <f t="array" ref="D2022">IFERROR(INDEX(Jesper!AH$2:AH$366,ROUNDDOWN($C2022/24,0)+1,1)*INDEX($D$3:$AA$30,INDEX(Jesper!$R$2:$R$366,ROW(INDEX(Jesper!AH$2:AH$366,ROUNDDOWN($C2022/24,0)+1,1))-1)+IF('Standard Profiles'!$G$18=$B$10,7,0)+IF('Standard Profiles'!$G$18=$B$17,14,0)+IF('Standard Profiles'!$G$18=$B$24,21,0),MOD($C2022,24)+1)/SUM(INDEX($D$3:$AA$30,INDEX(Jesper!$R$2:$R$366,ROW(INDEX(Jesper!AH$2:AH$366,ROUNDDOWN($C2022/24,0)+1,1))-1)+IF('Standard Profiles'!$G$18=$B$10,7,0)+IF('Standard Profiles'!$G$18=$B$17,14,0)+IF('Standard Profiles'!$G$18=$B$24,21,0),0)),0)</f>
        <v>6.2309650949401316</v>
      </c>
      <c r="E2022" cm="1">
        <f t="array" ref="E2022">IFERROR(INDEX(Jesper!AI$2:AI$366,ROUNDDOWN($C2022/24,0)+1,1)*INDEX($D$3:$AA$30,INDEX(Jesper!$R$2:$R$366,ROW(INDEX(Jesper!AI$2:AI$366,ROUNDDOWN($C2022/24,0)+1,1))-1)+IF('Standard Profiles'!$G$19=$B$10,7,0)+IF('Standard Profiles'!$G$19=$B$17,14,0)+IF('Standard Profiles'!$G$19=$B$24,21,0),MOD($C2022,24)+1)/SUM(INDEX($D$3:$AA$30,INDEX(Jesper!$R$2:$R$366,ROW(INDEX(Jesper!AI$2:AI$366,ROUNDDOWN($C2022/24,0)+1,1))-1)+IF('Standard Profiles'!$G$19=$B$10,7,0)+IF('Standard Profiles'!$G$19=$B$17,14,0)+IF('Standard Profiles'!$G$19=$B$24,21,0),0)),0)</f>
        <v>1.3980089014252164</v>
      </c>
      <c r="F2022" cm="1">
        <f t="array" ref="F2022">IFERROR(INDEX(Jesper!AJ$2:AJ$366,ROUNDDOWN($C2022/24,0)+1,1)*INDEX($D$3:$AA$30,INDEX(Jesper!$R$2:$R$366,ROW(INDEX(Jesper!AJ$2:AJ$366,ROUNDDOWN($C2022/24,0)+1,1))-1)+IF('Standard Profiles'!$G$20=$B$10,7,0)+IF('Standard Profiles'!$G$20=$B$17,14,0)+IF('Standard Profiles'!$G$20=$B$24,21,0),MOD($C2022,24)+1)/SUM(INDEX($D$3:$AA$30,INDEX(Jesper!$R$2:$R$366,ROW(INDEX(Jesper!AJ$2:AJ$366,ROUNDDOWN($C2022/24,0)+1,1))-1)+IF('Standard Profiles'!$G$20=$B$10,7,0)+IF('Standard Profiles'!$G$20=$B$17,14,0)+IF('Standard Profiles'!$G$20=$B$24,21,0),0)),0)</f>
        <v>0</v>
      </c>
      <c r="G2022" cm="1">
        <f t="array" ref="G2022">IFERROR(INDEX(Jesper!AK$2:AK$366,ROUNDDOWN($C2022/24,0)+1,1)*INDEX($D$3:$AA$30,INDEX(Jesper!$R$2:$R$366,ROW(INDEX(Jesper!AK$2:AK$366,ROUNDDOWN($C2022/24,0)+1,1))-1)+IF('Standard Profiles'!$G$21=$B$10,7,0)+IF('Standard Profiles'!$G$21=$B$17,14,0)+IF('Standard Profiles'!$G$21=$B$24,21,0),MOD($C2022,24)+1)/SUM(INDEX($D$3:$AA$30,INDEX(Jesper!$R$2:$R$366,ROW(INDEX(Jesper!AK$2:AK$366,ROUNDDOWN($C2022/24,0)+1,1))-1)+IF('Standard Profiles'!$G$21=$B$10,7,0)+IF('Standard Profiles'!$G$21=$B$17,14,0)+IF('Standard Profiles'!$G$21=$B$24,21,0),0)),0)</f>
        <v>0</v>
      </c>
      <c r="H2022" cm="1">
        <f t="array" ref="H2022">IFERROR(INDEX(Jesper!AL$2:AL$366,ROUNDDOWN($C2022/24,0)+1,1)*INDEX($D$3:$AA$30,INDEX(Jesper!$R$2:$R$366,ROW(INDEX(Jesper!AL$2:AL$366,ROUNDDOWN($C2022/24,0)+1,1))-1)+IF('Standard Profiles'!$G$22=$B$10,7,0)+IF('Standard Profiles'!$G$22=$B$17,14,0)+IF('Standard Profiles'!$G$22=$B$24,21,0),MOD($C2022,24)+1)/SUM(INDEX($D$3:$AA$30,INDEX(Jesper!$R$2:$R$366,ROW(INDEX(Jesper!AL$2:AL$366,ROUNDDOWN($C2022/24,0)+1,1))-1)+IF('Standard Profiles'!$G$22=$B$10,7,0)+IF('Standard Profiles'!$G$22=$B$17,14,0)+IF('Standard Profiles'!$G$22=$B$24,21,0),0)),0)</f>
        <v>0</v>
      </c>
      <c r="I2022">
        <f t="shared" si="237"/>
        <v>0.12594674787614565</v>
      </c>
      <c r="J2022">
        <f t="shared" si="238"/>
        <v>0.41982249292048557</v>
      </c>
      <c r="K2022">
        <f t="shared" si="239"/>
        <v>0.6297337393807283</v>
      </c>
      <c r="L2022">
        <f t="shared" si="240"/>
        <v>6.4534710161879882</v>
      </c>
      <c r="M2022">
        <f t="shared" si="241"/>
        <v>0</v>
      </c>
      <c r="N2022" s="46">
        <f t="shared" si="242"/>
        <v>45374.833333328512</v>
      </c>
    </row>
    <row r="2023" spans="2:14" x14ac:dyDescent="0.3">
      <c r="B2023">
        <f t="shared" si="236"/>
        <v>6</v>
      </c>
      <c r="C2023" s="16">
        <v>1989</v>
      </c>
      <c r="D2023" cm="1">
        <f t="array" ref="D2023">IFERROR(INDEX(Jesper!AH$2:AH$366,ROUNDDOWN($C2023/24,0)+1,1)*INDEX($D$3:$AA$30,INDEX(Jesper!$R$2:$R$366,ROW(INDEX(Jesper!AH$2:AH$366,ROUNDDOWN($C2023/24,0)+1,1))-1)+IF('Standard Profiles'!$G$18=$B$10,7,0)+IF('Standard Profiles'!$G$18=$B$17,14,0)+IF('Standard Profiles'!$G$18=$B$24,21,0),MOD($C2023,24)+1)/SUM(INDEX($D$3:$AA$30,INDEX(Jesper!$R$2:$R$366,ROW(INDEX(Jesper!AH$2:AH$366,ROUNDDOWN($C2023/24,0)+1,1))-1)+IF('Standard Profiles'!$G$18=$B$10,7,0)+IF('Standard Profiles'!$G$18=$B$17,14,0)+IF('Standard Profiles'!$G$18=$B$24,21,0),0)),0)</f>
        <v>6.2309650949401316</v>
      </c>
      <c r="E2023" cm="1">
        <f t="array" ref="E2023">IFERROR(INDEX(Jesper!AI$2:AI$366,ROUNDDOWN($C2023/24,0)+1,1)*INDEX($D$3:$AA$30,INDEX(Jesper!$R$2:$R$366,ROW(INDEX(Jesper!AI$2:AI$366,ROUNDDOWN($C2023/24,0)+1,1))-1)+IF('Standard Profiles'!$G$19=$B$10,7,0)+IF('Standard Profiles'!$G$19=$B$17,14,0)+IF('Standard Profiles'!$G$19=$B$24,21,0),MOD($C2023,24)+1)/SUM(INDEX($D$3:$AA$30,INDEX(Jesper!$R$2:$R$366,ROW(INDEX(Jesper!AI$2:AI$366,ROUNDDOWN($C2023/24,0)+1,1))-1)+IF('Standard Profiles'!$G$19=$B$10,7,0)+IF('Standard Profiles'!$G$19=$B$17,14,0)+IF('Standard Profiles'!$G$19=$B$24,21,0),0)),0)</f>
        <v>1.3980089014252164</v>
      </c>
      <c r="F2023" cm="1">
        <f t="array" ref="F2023">IFERROR(INDEX(Jesper!AJ$2:AJ$366,ROUNDDOWN($C2023/24,0)+1,1)*INDEX($D$3:$AA$30,INDEX(Jesper!$R$2:$R$366,ROW(INDEX(Jesper!AJ$2:AJ$366,ROUNDDOWN($C2023/24,0)+1,1))-1)+IF('Standard Profiles'!$G$20=$B$10,7,0)+IF('Standard Profiles'!$G$20=$B$17,14,0)+IF('Standard Profiles'!$G$20=$B$24,21,0),MOD($C2023,24)+1)/SUM(INDEX($D$3:$AA$30,INDEX(Jesper!$R$2:$R$366,ROW(INDEX(Jesper!AJ$2:AJ$366,ROUNDDOWN($C2023/24,0)+1,1))-1)+IF('Standard Profiles'!$G$20=$B$10,7,0)+IF('Standard Profiles'!$G$20=$B$17,14,0)+IF('Standard Profiles'!$G$20=$B$24,21,0),0)),0)</f>
        <v>0</v>
      </c>
      <c r="G2023" cm="1">
        <f t="array" ref="G2023">IFERROR(INDEX(Jesper!AK$2:AK$366,ROUNDDOWN($C2023/24,0)+1,1)*INDEX($D$3:$AA$30,INDEX(Jesper!$R$2:$R$366,ROW(INDEX(Jesper!AK$2:AK$366,ROUNDDOWN($C2023/24,0)+1,1))-1)+IF('Standard Profiles'!$G$21=$B$10,7,0)+IF('Standard Profiles'!$G$21=$B$17,14,0)+IF('Standard Profiles'!$G$21=$B$24,21,0),MOD($C2023,24)+1)/SUM(INDEX($D$3:$AA$30,INDEX(Jesper!$R$2:$R$366,ROW(INDEX(Jesper!AK$2:AK$366,ROUNDDOWN($C2023/24,0)+1,1))-1)+IF('Standard Profiles'!$G$21=$B$10,7,0)+IF('Standard Profiles'!$G$21=$B$17,14,0)+IF('Standard Profiles'!$G$21=$B$24,21,0),0)),0)</f>
        <v>0</v>
      </c>
      <c r="H2023" cm="1">
        <f t="array" ref="H2023">IFERROR(INDEX(Jesper!AL$2:AL$366,ROUNDDOWN($C2023/24,0)+1,1)*INDEX($D$3:$AA$30,INDEX(Jesper!$R$2:$R$366,ROW(INDEX(Jesper!AL$2:AL$366,ROUNDDOWN($C2023/24,0)+1,1))-1)+IF('Standard Profiles'!$G$22=$B$10,7,0)+IF('Standard Profiles'!$G$22=$B$17,14,0)+IF('Standard Profiles'!$G$22=$B$24,21,0),MOD($C2023,24)+1)/SUM(INDEX($D$3:$AA$30,INDEX(Jesper!$R$2:$R$366,ROW(INDEX(Jesper!AL$2:AL$366,ROUNDDOWN($C2023/24,0)+1,1))-1)+IF('Standard Profiles'!$G$22=$B$10,7,0)+IF('Standard Profiles'!$G$22=$B$17,14,0)+IF('Standard Profiles'!$G$22=$B$24,21,0),0)),0)</f>
        <v>0</v>
      </c>
      <c r="I2023">
        <f t="shared" si="237"/>
        <v>0.12594674787614565</v>
      </c>
      <c r="J2023">
        <f t="shared" si="238"/>
        <v>0.41982249292048557</v>
      </c>
      <c r="K2023">
        <f t="shared" si="239"/>
        <v>0.6297337393807283</v>
      </c>
      <c r="L2023">
        <f t="shared" si="240"/>
        <v>6.4534710161879882</v>
      </c>
      <c r="M2023">
        <f t="shared" si="241"/>
        <v>0</v>
      </c>
      <c r="N2023" s="46">
        <f t="shared" si="242"/>
        <v>45374.874999995176</v>
      </c>
    </row>
    <row r="2024" spans="2:14" x14ac:dyDescent="0.3">
      <c r="B2024">
        <f t="shared" si="236"/>
        <v>6</v>
      </c>
      <c r="C2024" s="16">
        <v>1990</v>
      </c>
      <c r="D2024" cm="1">
        <f t="array" ref="D2024">IFERROR(INDEX(Jesper!AH$2:AH$366,ROUNDDOWN($C2024/24,0)+1,1)*INDEX($D$3:$AA$30,INDEX(Jesper!$R$2:$R$366,ROW(INDEX(Jesper!AH$2:AH$366,ROUNDDOWN($C2024/24,0)+1,1))-1)+IF('Standard Profiles'!$G$18=$B$10,7,0)+IF('Standard Profiles'!$G$18=$B$17,14,0)+IF('Standard Profiles'!$G$18=$B$24,21,0),MOD($C2024,24)+1)/SUM(INDEX($D$3:$AA$30,INDEX(Jesper!$R$2:$R$366,ROW(INDEX(Jesper!AH$2:AH$366,ROUNDDOWN($C2024/24,0)+1,1))-1)+IF('Standard Profiles'!$G$18=$B$10,7,0)+IF('Standard Profiles'!$G$18=$B$17,14,0)+IF('Standard Profiles'!$G$18=$B$24,21,0),0)),0)</f>
        <v>6.2309650949401316</v>
      </c>
      <c r="E2024" cm="1">
        <f t="array" ref="E2024">IFERROR(INDEX(Jesper!AI$2:AI$366,ROUNDDOWN($C2024/24,0)+1,1)*INDEX($D$3:$AA$30,INDEX(Jesper!$R$2:$R$366,ROW(INDEX(Jesper!AI$2:AI$366,ROUNDDOWN($C2024/24,0)+1,1))-1)+IF('Standard Profiles'!$G$19=$B$10,7,0)+IF('Standard Profiles'!$G$19=$B$17,14,0)+IF('Standard Profiles'!$G$19=$B$24,21,0),MOD($C2024,24)+1)/SUM(INDEX($D$3:$AA$30,INDEX(Jesper!$R$2:$R$366,ROW(INDEX(Jesper!AI$2:AI$366,ROUNDDOWN($C2024/24,0)+1,1))-1)+IF('Standard Profiles'!$G$19=$B$10,7,0)+IF('Standard Profiles'!$G$19=$B$17,14,0)+IF('Standard Profiles'!$G$19=$B$24,21,0),0)),0)</f>
        <v>1.3980089014252164</v>
      </c>
      <c r="F2024" cm="1">
        <f t="array" ref="F2024">IFERROR(INDEX(Jesper!AJ$2:AJ$366,ROUNDDOWN($C2024/24,0)+1,1)*INDEX($D$3:$AA$30,INDEX(Jesper!$R$2:$R$366,ROW(INDEX(Jesper!AJ$2:AJ$366,ROUNDDOWN($C2024/24,0)+1,1))-1)+IF('Standard Profiles'!$G$20=$B$10,7,0)+IF('Standard Profiles'!$G$20=$B$17,14,0)+IF('Standard Profiles'!$G$20=$B$24,21,0),MOD($C2024,24)+1)/SUM(INDEX($D$3:$AA$30,INDEX(Jesper!$R$2:$R$366,ROW(INDEX(Jesper!AJ$2:AJ$366,ROUNDDOWN($C2024/24,0)+1,1))-1)+IF('Standard Profiles'!$G$20=$B$10,7,0)+IF('Standard Profiles'!$G$20=$B$17,14,0)+IF('Standard Profiles'!$G$20=$B$24,21,0),0)),0)</f>
        <v>0</v>
      </c>
      <c r="G2024" cm="1">
        <f t="array" ref="G2024">IFERROR(INDEX(Jesper!AK$2:AK$366,ROUNDDOWN($C2024/24,0)+1,1)*INDEX($D$3:$AA$30,INDEX(Jesper!$R$2:$R$366,ROW(INDEX(Jesper!AK$2:AK$366,ROUNDDOWN($C2024/24,0)+1,1))-1)+IF('Standard Profiles'!$G$21=$B$10,7,0)+IF('Standard Profiles'!$G$21=$B$17,14,0)+IF('Standard Profiles'!$G$21=$B$24,21,0),MOD($C2024,24)+1)/SUM(INDEX($D$3:$AA$30,INDEX(Jesper!$R$2:$R$366,ROW(INDEX(Jesper!AK$2:AK$366,ROUNDDOWN($C2024/24,0)+1,1))-1)+IF('Standard Profiles'!$G$21=$B$10,7,0)+IF('Standard Profiles'!$G$21=$B$17,14,0)+IF('Standard Profiles'!$G$21=$B$24,21,0),0)),0)</f>
        <v>0</v>
      </c>
      <c r="H2024" cm="1">
        <f t="array" ref="H2024">IFERROR(INDEX(Jesper!AL$2:AL$366,ROUNDDOWN($C2024/24,0)+1,1)*INDEX($D$3:$AA$30,INDEX(Jesper!$R$2:$R$366,ROW(INDEX(Jesper!AL$2:AL$366,ROUNDDOWN($C2024/24,0)+1,1))-1)+IF('Standard Profiles'!$G$22=$B$10,7,0)+IF('Standard Profiles'!$G$22=$B$17,14,0)+IF('Standard Profiles'!$G$22=$B$24,21,0),MOD($C2024,24)+1)/SUM(INDEX($D$3:$AA$30,INDEX(Jesper!$R$2:$R$366,ROW(INDEX(Jesper!AL$2:AL$366,ROUNDDOWN($C2024/24,0)+1,1))-1)+IF('Standard Profiles'!$G$22=$B$10,7,0)+IF('Standard Profiles'!$G$22=$B$17,14,0)+IF('Standard Profiles'!$G$22=$B$24,21,0),0)),0)</f>
        <v>0</v>
      </c>
      <c r="I2024">
        <f t="shared" si="237"/>
        <v>0.12594674787614565</v>
      </c>
      <c r="J2024">
        <f t="shared" si="238"/>
        <v>0.41982249292048557</v>
      </c>
      <c r="K2024">
        <f t="shared" si="239"/>
        <v>0.6297337393807283</v>
      </c>
      <c r="L2024">
        <f t="shared" si="240"/>
        <v>6.4534710161879882</v>
      </c>
      <c r="M2024">
        <f t="shared" si="241"/>
        <v>0</v>
      </c>
      <c r="N2024" s="46">
        <f t="shared" si="242"/>
        <v>45374.91666666184</v>
      </c>
    </row>
    <row r="2025" spans="2:14" x14ac:dyDescent="0.3">
      <c r="B2025">
        <f t="shared" si="236"/>
        <v>6</v>
      </c>
      <c r="C2025" s="16">
        <v>1991</v>
      </c>
      <c r="D2025" cm="1">
        <f t="array" ref="D2025">IFERROR(INDEX(Jesper!AH$2:AH$366,ROUNDDOWN($C2025/24,0)+1,1)*INDEX($D$3:$AA$30,INDEX(Jesper!$R$2:$R$366,ROW(INDEX(Jesper!AH$2:AH$366,ROUNDDOWN($C2025/24,0)+1,1))-1)+IF('Standard Profiles'!$G$18=$B$10,7,0)+IF('Standard Profiles'!$G$18=$B$17,14,0)+IF('Standard Profiles'!$G$18=$B$24,21,0),MOD($C2025,24)+1)/SUM(INDEX($D$3:$AA$30,INDEX(Jesper!$R$2:$R$366,ROW(INDEX(Jesper!AH$2:AH$366,ROUNDDOWN($C2025/24,0)+1,1))-1)+IF('Standard Profiles'!$G$18=$B$10,7,0)+IF('Standard Profiles'!$G$18=$B$17,14,0)+IF('Standard Profiles'!$G$18=$B$24,21,0),0)),0)</f>
        <v>6.2309650949401316</v>
      </c>
      <c r="E2025" cm="1">
        <f t="array" ref="E2025">IFERROR(INDEX(Jesper!AI$2:AI$366,ROUNDDOWN($C2025/24,0)+1,1)*INDEX($D$3:$AA$30,INDEX(Jesper!$R$2:$R$366,ROW(INDEX(Jesper!AI$2:AI$366,ROUNDDOWN($C2025/24,0)+1,1))-1)+IF('Standard Profiles'!$G$19=$B$10,7,0)+IF('Standard Profiles'!$G$19=$B$17,14,0)+IF('Standard Profiles'!$G$19=$B$24,21,0),MOD($C2025,24)+1)/SUM(INDEX($D$3:$AA$30,INDEX(Jesper!$R$2:$R$366,ROW(INDEX(Jesper!AI$2:AI$366,ROUNDDOWN($C2025/24,0)+1,1))-1)+IF('Standard Profiles'!$G$19=$B$10,7,0)+IF('Standard Profiles'!$G$19=$B$17,14,0)+IF('Standard Profiles'!$G$19=$B$24,21,0),0)),0)</f>
        <v>1.3980089014252164</v>
      </c>
      <c r="F2025" cm="1">
        <f t="array" ref="F2025">IFERROR(INDEX(Jesper!AJ$2:AJ$366,ROUNDDOWN($C2025/24,0)+1,1)*INDEX($D$3:$AA$30,INDEX(Jesper!$R$2:$R$366,ROW(INDEX(Jesper!AJ$2:AJ$366,ROUNDDOWN($C2025/24,0)+1,1))-1)+IF('Standard Profiles'!$G$20=$B$10,7,0)+IF('Standard Profiles'!$G$20=$B$17,14,0)+IF('Standard Profiles'!$G$20=$B$24,21,0),MOD($C2025,24)+1)/SUM(INDEX($D$3:$AA$30,INDEX(Jesper!$R$2:$R$366,ROW(INDEX(Jesper!AJ$2:AJ$366,ROUNDDOWN($C2025/24,0)+1,1))-1)+IF('Standard Profiles'!$G$20=$B$10,7,0)+IF('Standard Profiles'!$G$20=$B$17,14,0)+IF('Standard Profiles'!$G$20=$B$24,21,0),0)),0)</f>
        <v>0</v>
      </c>
      <c r="G2025" cm="1">
        <f t="array" ref="G2025">IFERROR(INDEX(Jesper!AK$2:AK$366,ROUNDDOWN($C2025/24,0)+1,1)*INDEX($D$3:$AA$30,INDEX(Jesper!$R$2:$R$366,ROW(INDEX(Jesper!AK$2:AK$366,ROUNDDOWN($C2025/24,0)+1,1))-1)+IF('Standard Profiles'!$G$21=$B$10,7,0)+IF('Standard Profiles'!$G$21=$B$17,14,0)+IF('Standard Profiles'!$G$21=$B$24,21,0),MOD($C2025,24)+1)/SUM(INDEX($D$3:$AA$30,INDEX(Jesper!$R$2:$R$366,ROW(INDEX(Jesper!AK$2:AK$366,ROUNDDOWN($C2025/24,0)+1,1))-1)+IF('Standard Profiles'!$G$21=$B$10,7,0)+IF('Standard Profiles'!$G$21=$B$17,14,0)+IF('Standard Profiles'!$G$21=$B$24,21,0),0)),0)</f>
        <v>0</v>
      </c>
      <c r="H2025" cm="1">
        <f t="array" ref="H2025">IFERROR(INDEX(Jesper!AL$2:AL$366,ROUNDDOWN($C2025/24,0)+1,1)*INDEX($D$3:$AA$30,INDEX(Jesper!$R$2:$R$366,ROW(INDEX(Jesper!AL$2:AL$366,ROUNDDOWN($C2025/24,0)+1,1))-1)+IF('Standard Profiles'!$G$22=$B$10,7,0)+IF('Standard Profiles'!$G$22=$B$17,14,0)+IF('Standard Profiles'!$G$22=$B$24,21,0),MOD($C2025,24)+1)/SUM(INDEX($D$3:$AA$30,INDEX(Jesper!$R$2:$R$366,ROW(INDEX(Jesper!AL$2:AL$366,ROUNDDOWN($C2025/24,0)+1,1))-1)+IF('Standard Profiles'!$G$22=$B$10,7,0)+IF('Standard Profiles'!$G$22=$B$17,14,0)+IF('Standard Profiles'!$G$22=$B$24,21,0),0)),0)</f>
        <v>0</v>
      </c>
      <c r="I2025">
        <f t="shared" si="237"/>
        <v>0.12594674787614565</v>
      </c>
      <c r="J2025">
        <f t="shared" si="238"/>
        <v>0.41982249292048557</v>
      </c>
      <c r="K2025">
        <f t="shared" si="239"/>
        <v>0.6297337393807283</v>
      </c>
      <c r="L2025">
        <f t="shared" si="240"/>
        <v>6.4534710161879882</v>
      </c>
      <c r="M2025">
        <f t="shared" si="241"/>
        <v>0</v>
      </c>
      <c r="N2025" s="46">
        <f t="shared" si="242"/>
        <v>45374.958333328505</v>
      </c>
    </row>
    <row r="2026" spans="2:14" x14ac:dyDescent="0.3">
      <c r="B2026">
        <f t="shared" si="236"/>
        <v>7</v>
      </c>
      <c r="C2026" s="16">
        <v>1992</v>
      </c>
      <c r="D2026" cm="1">
        <f t="array" ref="D2026">IFERROR(INDEX(Jesper!AH$2:AH$366,ROUNDDOWN($C2026/24,0)+1,1)*INDEX($D$3:$AA$30,INDEX(Jesper!$R$2:$R$366,ROW(INDEX(Jesper!AH$2:AH$366,ROUNDDOWN($C2026/24,0)+1,1))-1)+IF('Standard Profiles'!$G$18=$B$10,7,0)+IF('Standard Profiles'!$G$18=$B$17,14,0)+IF('Standard Profiles'!$G$18=$B$24,21,0),MOD($C2026,24)+1)/SUM(INDEX($D$3:$AA$30,INDEX(Jesper!$R$2:$R$366,ROW(INDEX(Jesper!AH$2:AH$366,ROUNDDOWN($C2026/24,0)+1,1))-1)+IF('Standard Profiles'!$G$18=$B$10,7,0)+IF('Standard Profiles'!$G$18=$B$17,14,0)+IF('Standard Profiles'!$G$18=$B$24,21,0),0)),0)</f>
        <v>7.3343274530425937</v>
      </c>
      <c r="E2026" cm="1">
        <f t="array" ref="E2026">IFERROR(INDEX(Jesper!AI$2:AI$366,ROUNDDOWN($C2026/24,0)+1,1)*INDEX($D$3:$AA$30,INDEX(Jesper!$R$2:$R$366,ROW(INDEX(Jesper!AI$2:AI$366,ROUNDDOWN($C2026/24,0)+1,1))-1)+IF('Standard Profiles'!$G$19=$B$10,7,0)+IF('Standard Profiles'!$G$19=$B$17,14,0)+IF('Standard Profiles'!$G$19=$B$24,21,0),MOD($C2026,24)+1)/SUM(INDEX($D$3:$AA$30,INDEX(Jesper!$R$2:$R$366,ROW(INDEX(Jesper!AI$2:AI$366,ROUNDDOWN($C2026/24,0)+1,1))-1)+IF('Standard Profiles'!$G$19=$B$10,7,0)+IF('Standard Profiles'!$G$19=$B$17,14,0)+IF('Standard Profiles'!$G$19=$B$24,21,0),0)),0)</f>
        <v>1.7237837206837789</v>
      </c>
      <c r="F2026" cm="1">
        <f t="array" ref="F2026">IFERROR(INDEX(Jesper!AJ$2:AJ$366,ROUNDDOWN($C2026/24,0)+1,1)*INDEX($D$3:$AA$30,INDEX(Jesper!$R$2:$R$366,ROW(INDEX(Jesper!AJ$2:AJ$366,ROUNDDOWN($C2026/24,0)+1,1))-1)+IF('Standard Profiles'!$G$20=$B$10,7,0)+IF('Standard Profiles'!$G$20=$B$17,14,0)+IF('Standard Profiles'!$G$20=$B$24,21,0),MOD($C2026,24)+1)/SUM(INDEX($D$3:$AA$30,INDEX(Jesper!$R$2:$R$366,ROW(INDEX(Jesper!AJ$2:AJ$366,ROUNDDOWN($C2026/24,0)+1,1))-1)+IF('Standard Profiles'!$G$20=$B$10,7,0)+IF('Standard Profiles'!$G$20=$B$17,14,0)+IF('Standard Profiles'!$G$20=$B$24,21,0),0)),0)</f>
        <v>0</v>
      </c>
      <c r="G2026" cm="1">
        <f t="array" ref="G2026">IFERROR(INDEX(Jesper!AK$2:AK$366,ROUNDDOWN($C2026/24,0)+1,1)*INDEX($D$3:$AA$30,INDEX(Jesper!$R$2:$R$366,ROW(INDEX(Jesper!AK$2:AK$366,ROUNDDOWN($C2026/24,0)+1,1))-1)+IF('Standard Profiles'!$G$21=$B$10,7,0)+IF('Standard Profiles'!$G$21=$B$17,14,0)+IF('Standard Profiles'!$G$21=$B$24,21,0),MOD($C2026,24)+1)/SUM(INDEX($D$3:$AA$30,INDEX(Jesper!$R$2:$R$366,ROW(INDEX(Jesper!AK$2:AK$366,ROUNDDOWN($C2026/24,0)+1,1))-1)+IF('Standard Profiles'!$G$21=$B$10,7,0)+IF('Standard Profiles'!$G$21=$B$17,14,0)+IF('Standard Profiles'!$G$21=$B$24,21,0),0)),0)</f>
        <v>0</v>
      </c>
      <c r="H2026" cm="1">
        <f t="array" ref="H2026">IFERROR(INDEX(Jesper!AL$2:AL$366,ROUNDDOWN($C2026/24,0)+1,1)*INDEX($D$3:$AA$30,INDEX(Jesper!$R$2:$R$366,ROW(INDEX(Jesper!AL$2:AL$366,ROUNDDOWN($C2026/24,0)+1,1))-1)+IF('Standard Profiles'!$G$22=$B$10,7,0)+IF('Standard Profiles'!$G$22=$B$17,14,0)+IF('Standard Profiles'!$G$22=$B$24,21,0),MOD($C2026,24)+1)/SUM(INDEX($D$3:$AA$30,INDEX(Jesper!$R$2:$R$366,ROW(INDEX(Jesper!AL$2:AL$366,ROUNDDOWN($C2026/24,0)+1,1))-1)+IF('Standard Profiles'!$G$22=$B$10,7,0)+IF('Standard Profiles'!$G$22=$B$17,14,0)+IF('Standard Profiles'!$G$22=$B$24,21,0),0)),0)</f>
        <v>0</v>
      </c>
      <c r="I2026">
        <f t="shared" si="237"/>
        <v>0.15529583069223238</v>
      </c>
      <c r="J2026">
        <f t="shared" si="238"/>
        <v>0.51765276897410795</v>
      </c>
      <c r="K2026">
        <f t="shared" si="239"/>
        <v>0.77647915346116203</v>
      </c>
      <c r="L2026">
        <f t="shared" si="240"/>
        <v>7.6086834205988705</v>
      </c>
      <c r="M2026">
        <f t="shared" si="241"/>
        <v>0</v>
      </c>
      <c r="N2026" s="46">
        <f t="shared" si="242"/>
        <v>45374.999999995169</v>
      </c>
    </row>
    <row r="2027" spans="2:14" x14ac:dyDescent="0.3">
      <c r="B2027">
        <f t="shared" si="236"/>
        <v>7</v>
      </c>
      <c r="C2027" s="16">
        <v>1993</v>
      </c>
      <c r="D2027" cm="1">
        <f t="array" ref="D2027">IFERROR(INDEX(Jesper!AH$2:AH$366,ROUNDDOWN($C2027/24,0)+1,1)*INDEX($D$3:$AA$30,INDEX(Jesper!$R$2:$R$366,ROW(INDEX(Jesper!AH$2:AH$366,ROUNDDOWN($C2027/24,0)+1,1))-1)+IF('Standard Profiles'!$G$18=$B$10,7,0)+IF('Standard Profiles'!$G$18=$B$17,14,0)+IF('Standard Profiles'!$G$18=$B$24,21,0),MOD($C2027,24)+1)/SUM(INDEX($D$3:$AA$30,INDEX(Jesper!$R$2:$R$366,ROW(INDEX(Jesper!AH$2:AH$366,ROUNDDOWN($C2027/24,0)+1,1))-1)+IF('Standard Profiles'!$G$18=$B$10,7,0)+IF('Standard Profiles'!$G$18=$B$17,14,0)+IF('Standard Profiles'!$G$18=$B$24,21,0),0)),0)</f>
        <v>8.5172834938559152</v>
      </c>
      <c r="E2027" cm="1">
        <f t="array" ref="E2027">IFERROR(INDEX(Jesper!AI$2:AI$366,ROUNDDOWN($C2027/24,0)+1,1)*INDEX($D$3:$AA$30,INDEX(Jesper!$R$2:$R$366,ROW(INDEX(Jesper!AI$2:AI$366,ROUNDDOWN($C2027/24,0)+1,1))-1)+IF('Standard Profiles'!$G$19=$B$10,7,0)+IF('Standard Profiles'!$G$19=$B$17,14,0)+IF('Standard Profiles'!$G$19=$B$24,21,0),MOD($C2027,24)+1)/SUM(INDEX($D$3:$AA$30,INDEX(Jesper!$R$2:$R$366,ROW(INDEX(Jesper!AI$2:AI$366,ROUNDDOWN($C2027/24,0)+1,1))-1)+IF('Standard Profiles'!$G$19=$B$10,7,0)+IF('Standard Profiles'!$G$19=$B$17,14,0)+IF('Standard Profiles'!$G$19=$B$24,21,0),0)),0)</f>
        <v>2.0018133530521305</v>
      </c>
      <c r="F2027" cm="1">
        <f t="array" ref="F2027">IFERROR(INDEX(Jesper!AJ$2:AJ$366,ROUNDDOWN($C2027/24,0)+1,1)*INDEX($D$3:$AA$30,INDEX(Jesper!$R$2:$R$366,ROW(INDEX(Jesper!AJ$2:AJ$366,ROUNDDOWN($C2027/24,0)+1,1))-1)+IF('Standard Profiles'!$G$20=$B$10,7,0)+IF('Standard Profiles'!$G$20=$B$17,14,0)+IF('Standard Profiles'!$G$20=$B$24,21,0),MOD($C2027,24)+1)/SUM(INDEX($D$3:$AA$30,INDEX(Jesper!$R$2:$R$366,ROW(INDEX(Jesper!AJ$2:AJ$366,ROUNDDOWN($C2027/24,0)+1,1))-1)+IF('Standard Profiles'!$G$20=$B$10,7,0)+IF('Standard Profiles'!$G$20=$B$17,14,0)+IF('Standard Profiles'!$G$20=$B$24,21,0),0)),0)</f>
        <v>0</v>
      </c>
      <c r="G2027" cm="1">
        <f t="array" ref="G2027">IFERROR(INDEX(Jesper!AK$2:AK$366,ROUNDDOWN($C2027/24,0)+1,1)*INDEX($D$3:$AA$30,INDEX(Jesper!$R$2:$R$366,ROW(INDEX(Jesper!AK$2:AK$366,ROUNDDOWN($C2027/24,0)+1,1))-1)+IF('Standard Profiles'!$G$21=$B$10,7,0)+IF('Standard Profiles'!$G$21=$B$17,14,0)+IF('Standard Profiles'!$G$21=$B$24,21,0),MOD($C2027,24)+1)/SUM(INDEX($D$3:$AA$30,INDEX(Jesper!$R$2:$R$366,ROW(INDEX(Jesper!AK$2:AK$366,ROUNDDOWN($C2027/24,0)+1,1))-1)+IF('Standard Profiles'!$G$21=$B$10,7,0)+IF('Standard Profiles'!$G$21=$B$17,14,0)+IF('Standard Profiles'!$G$21=$B$24,21,0),0)),0)</f>
        <v>0</v>
      </c>
      <c r="H2027" cm="1">
        <f t="array" ref="H2027">IFERROR(INDEX(Jesper!AL$2:AL$366,ROUNDDOWN($C2027/24,0)+1,1)*INDEX($D$3:$AA$30,INDEX(Jesper!$R$2:$R$366,ROW(INDEX(Jesper!AL$2:AL$366,ROUNDDOWN($C2027/24,0)+1,1))-1)+IF('Standard Profiles'!$G$22=$B$10,7,0)+IF('Standard Profiles'!$G$22=$B$17,14,0)+IF('Standard Profiles'!$G$22=$B$24,21,0),MOD($C2027,24)+1)/SUM(INDEX($D$3:$AA$30,INDEX(Jesper!$R$2:$R$366,ROW(INDEX(Jesper!AL$2:AL$366,ROUNDDOWN($C2027/24,0)+1,1))-1)+IF('Standard Profiles'!$G$22=$B$10,7,0)+IF('Standard Profiles'!$G$22=$B$17,14,0)+IF('Standard Profiles'!$G$22=$B$24,21,0),0)),0)</f>
        <v>0</v>
      </c>
      <c r="I2027">
        <f t="shared" si="237"/>
        <v>0.18034354532001179</v>
      </c>
      <c r="J2027">
        <f t="shared" si="238"/>
        <v>0.60114515106670607</v>
      </c>
      <c r="K2027">
        <f t="shared" si="239"/>
        <v>0.90171772660005911</v>
      </c>
      <c r="L2027">
        <f t="shared" si="240"/>
        <v>8.8358904239212688</v>
      </c>
      <c r="M2027">
        <f t="shared" si="241"/>
        <v>0</v>
      </c>
      <c r="N2027" s="46">
        <f t="shared" si="242"/>
        <v>45375.041666661833</v>
      </c>
    </row>
    <row r="2028" spans="2:14" x14ac:dyDescent="0.3">
      <c r="B2028">
        <f t="shared" si="236"/>
        <v>7</v>
      </c>
      <c r="C2028" s="16">
        <v>1994</v>
      </c>
      <c r="D2028" cm="1">
        <f t="array" ref="D2028">IFERROR(INDEX(Jesper!AH$2:AH$366,ROUNDDOWN($C2028/24,0)+1,1)*INDEX($D$3:$AA$30,INDEX(Jesper!$R$2:$R$366,ROW(INDEX(Jesper!AH$2:AH$366,ROUNDDOWN($C2028/24,0)+1,1))-1)+IF('Standard Profiles'!$G$18=$B$10,7,0)+IF('Standard Profiles'!$G$18=$B$17,14,0)+IF('Standard Profiles'!$G$18=$B$24,21,0),MOD($C2028,24)+1)/SUM(INDEX($D$3:$AA$30,INDEX(Jesper!$R$2:$R$366,ROW(INDEX(Jesper!AH$2:AH$366,ROUNDDOWN($C2028/24,0)+1,1))-1)+IF('Standard Profiles'!$G$18=$B$10,7,0)+IF('Standard Profiles'!$G$18=$B$17,14,0)+IF('Standard Profiles'!$G$18=$B$24,21,0),0)),0)</f>
        <v>8.5172834938559152</v>
      </c>
      <c r="E2028" cm="1">
        <f t="array" ref="E2028">IFERROR(INDEX(Jesper!AI$2:AI$366,ROUNDDOWN($C2028/24,0)+1,1)*INDEX($D$3:$AA$30,INDEX(Jesper!$R$2:$R$366,ROW(INDEX(Jesper!AI$2:AI$366,ROUNDDOWN($C2028/24,0)+1,1))-1)+IF('Standard Profiles'!$G$19=$B$10,7,0)+IF('Standard Profiles'!$G$19=$B$17,14,0)+IF('Standard Profiles'!$G$19=$B$24,21,0),MOD($C2028,24)+1)/SUM(INDEX($D$3:$AA$30,INDEX(Jesper!$R$2:$R$366,ROW(INDEX(Jesper!AI$2:AI$366,ROUNDDOWN($C2028/24,0)+1,1))-1)+IF('Standard Profiles'!$G$19=$B$10,7,0)+IF('Standard Profiles'!$G$19=$B$17,14,0)+IF('Standard Profiles'!$G$19=$B$24,21,0),0)),0)</f>
        <v>2.0018133530521305</v>
      </c>
      <c r="F2028" cm="1">
        <f t="array" ref="F2028">IFERROR(INDEX(Jesper!AJ$2:AJ$366,ROUNDDOWN($C2028/24,0)+1,1)*INDEX($D$3:$AA$30,INDEX(Jesper!$R$2:$R$366,ROW(INDEX(Jesper!AJ$2:AJ$366,ROUNDDOWN($C2028/24,0)+1,1))-1)+IF('Standard Profiles'!$G$20=$B$10,7,0)+IF('Standard Profiles'!$G$20=$B$17,14,0)+IF('Standard Profiles'!$G$20=$B$24,21,0),MOD($C2028,24)+1)/SUM(INDEX($D$3:$AA$30,INDEX(Jesper!$R$2:$R$366,ROW(INDEX(Jesper!AJ$2:AJ$366,ROUNDDOWN($C2028/24,0)+1,1))-1)+IF('Standard Profiles'!$G$20=$B$10,7,0)+IF('Standard Profiles'!$G$20=$B$17,14,0)+IF('Standard Profiles'!$G$20=$B$24,21,0),0)),0)</f>
        <v>0</v>
      </c>
      <c r="G2028" cm="1">
        <f t="array" ref="G2028">IFERROR(INDEX(Jesper!AK$2:AK$366,ROUNDDOWN($C2028/24,0)+1,1)*INDEX($D$3:$AA$30,INDEX(Jesper!$R$2:$R$366,ROW(INDEX(Jesper!AK$2:AK$366,ROUNDDOWN($C2028/24,0)+1,1))-1)+IF('Standard Profiles'!$G$21=$B$10,7,0)+IF('Standard Profiles'!$G$21=$B$17,14,0)+IF('Standard Profiles'!$G$21=$B$24,21,0),MOD($C2028,24)+1)/SUM(INDEX($D$3:$AA$30,INDEX(Jesper!$R$2:$R$366,ROW(INDEX(Jesper!AK$2:AK$366,ROUNDDOWN($C2028/24,0)+1,1))-1)+IF('Standard Profiles'!$G$21=$B$10,7,0)+IF('Standard Profiles'!$G$21=$B$17,14,0)+IF('Standard Profiles'!$G$21=$B$24,21,0),0)),0)</f>
        <v>0</v>
      </c>
      <c r="H2028" cm="1">
        <f t="array" ref="H2028">IFERROR(INDEX(Jesper!AL$2:AL$366,ROUNDDOWN($C2028/24,0)+1,1)*INDEX($D$3:$AA$30,INDEX(Jesper!$R$2:$R$366,ROW(INDEX(Jesper!AL$2:AL$366,ROUNDDOWN($C2028/24,0)+1,1))-1)+IF('Standard Profiles'!$G$22=$B$10,7,0)+IF('Standard Profiles'!$G$22=$B$17,14,0)+IF('Standard Profiles'!$G$22=$B$24,21,0),MOD($C2028,24)+1)/SUM(INDEX($D$3:$AA$30,INDEX(Jesper!$R$2:$R$366,ROW(INDEX(Jesper!AL$2:AL$366,ROUNDDOWN($C2028/24,0)+1,1))-1)+IF('Standard Profiles'!$G$22=$B$10,7,0)+IF('Standard Profiles'!$G$22=$B$17,14,0)+IF('Standard Profiles'!$G$22=$B$24,21,0),0)),0)</f>
        <v>0</v>
      </c>
      <c r="I2028">
        <f t="shared" si="237"/>
        <v>0.18034354532001179</v>
      </c>
      <c r="J2028">
        <f t="shared" si="238"/>
        <v>0.60114515106670607</v>
      </c>
      <c r="K2028">
        <f t="shared" si="239"/>
        <v>0.90171772660005911</v>
      </c>
      <c r="L2028">
        <f t="shared" si="240"/>
        <v>8.8358904239212688</v>
      </c>
      <c r="M2028">
        <f t="shared" si="241"/>
        <v>0</v>
      </c>
      <c r="N2028" s="46">
        <f t="shared" si="242"/>
        <v>45375.083333328497</v>
      </c>
    </row>
    <row r="2029" spans="2:14" x14ac:dyDescent="0.3">
      <c r="B2029">
        <f t="shared" si="236"/>
        <v>7</v>
      </c>
      <c r="C2029" s="16">
        <v>1995</v>
      </c>
      <c r="D2029" cm="1">
        <f t="array" ref="D2029">IFERROR(INDEX(Jesper!AH$2:AH$366,ROUNDDOWN($C2029/24,0)+1,1)*INDEX($D$3:$AA$30,INDEX(Jesper!$R$2:$R$366,ROW(INDEX(Jesper!AH$2:AH$366,ROUNDDOWN($C2029/24,0)+1,1))-1)+IF('Standard Profiles'!$G$18=$B$10,7,0)+IF('Standard Profiles'!$G$18=$B$17,14,0)+IF('Standard Profiles'!$G$18=$B$24,21,0),MOD($C2029,24)+1)/SUM(INDEX($D$3:$AA$30,INDEX(Jesper!$R$2:$R$366,ROW(INDEX(Jesper!AH$2:AH$366,ROUNDDOWN($C2029/24,0)+1,1))-1)+IF('Standard Profiles'!$G$18=$B$10,7,0)+IF('Standard Profiles'!$G$18=$B$17,14,0)+IF('Standard Profiles'!$G$18=$B$24,21,0),0)),0)</f>
        <v>8.5172834938559152</v>
      </c>
      <c r="E2029" cm="1">
        <f t="array" ref="E2029">IFERROR(INDEX(Jesper!AI$2:AI$366,ROUNDDOWN($C2029/24,0)+1,1)*INDEX($D$3:$AA$30,INDEX(Jesper!$R$2:$R$366,ROW(INDEX(Jesper!AI$2:AI$366,ROUNDDOWN($C2029/24,0)+1,1))-1)+IF('Standard Profiles'!$G$19=$B$10,7,0)+IF('Standard Profiles'!$G$19=$B$17,14,0)+IF('Standard Profiles'!$G$19=$B$24,21,0),MOD($C2029,24)+1)/SUM(INDEX($D$3:$AA$30,INDEX(Jesper!$R$2:$R$366,ROW(INDEX(Jesper!AI$2:AI$366,ROUNDDOWN($C2029/24,0)+1,1))-1)+IF('Standard Profiles'!$G$19=$B$10,7,0)+IF('Standard Profiles'!$G$19=$B$17,14,0)+IF('Standard Profiles'!$G$19=$B$24,21,0),0)),0)</f>
        <v>2.0018133530521305</v>
      </c>
      <c r="F2029" cm="1">
        <f t="array" ref="F2029">IFERROR(INDEX(Jesper!AJ$2:AJ$366,ROUNDDOWN($C2029/24,0)+1,1)*INDEX($D$3:$AA$30,INDEX(Jesper!$R$2:$R$366,ROW(INDEX(Jesper!AJ$2:AJ$366,ROUNDDOWN($C2029/24,0)+1,1))-1)+IF('Standard Profiles'!$G$20=$B$10,7,0)+IF('Standard Profiles'!$G$20=$B$17,14,0)+IF('Standard Profiles'!$G$20=$B$24,21,0),MOD($C2029,24)+1)/SUM(INDEX($D$3:$AA$30,INDEX(Jesper!$R$2:$R$366,ROW(INDEX(Jesper!AJ$2:AJ$366,ROUNDDOWN($C2029/24,0)+1,1))-1)+IF('Standard Profiles'!$G$20=$B$10,7,0)+IF('Standard Profiles'!$G$20=$B$17,14,0)+IF('Standard Profiles'!$G$20=$B$24,21,0),0)),0)</f>
        <v>0</v>
      </c>
      <c r="G2029" cm="1">
        <f t="array" ref="G2029">IFERROR(INDEX(Jesper!AK$2:AK$366,ROUNDDOWN($C2029/24,0)+1,1)*INDEX($D$3:$AA$30,INDEX(Jesper!$R$2:$R$366,ROW(INDEX(Jesper!AK$2:AK$366,ROUNDDOWN($C2029/24,0)+1,1))-1)+IF('Standard Profiles'!$G$21=$B$10,7,0)+IF('Standard Profiles'!$G$21=$B$17,14,0)+IF('Standard Profiles'!$G$21=$B$24,21,0),MOD($C2029,24)+1)/SUM(INDEX($D$3:$AA$30,INDEX(Jesper!$R$2:$R$366,ROW(INDEX(Jesper!AK$2:AK$366,ROUNDDOWN($C2029/24,0)+1,1))-1)+IF('Standard Profiles'!$G$21=$B$10,7,0)+IF('Standard Profiles'!$G$21=$B$17,14,0)+IF('Standard Profiles'!$G$21=$B$24,21,0),0)),0)</f>
        <v>0</v>
      </c>
      <c r="H2029" cm="1">
        <f t="array" ref="H2029">IFERROR(INDEX(Jesper!AL$2:AL$366,ROUNDDOWN($C2029/24,0)+1,1)*INDEX($D$3:$AA$30,INDEX(Jesper!$R$2:$R$366,ROW(INDEX(Jesper!AL$2:AL$366,ROUNDDOWN($C2029/24,0)+1,1))-1)+IF('Standard Profiles'!$G$22=$B$10,7,0)+IF('Standard Profiles'!$G$22=$B$17,14,0)+IF('Standard Profiles'!$G$22=$B$24,21,0),MOD($C2029,24)+1)/SUM(INDEX($D$3:$AA$30,INDEX(Jesper!$R$2:$R$366,ROW(INDEX(Jesper!AL$2:AL$366,ROUNDDOWN($C2029/24,0)+1,1))-1)+IF('Standard Profiles'!$G$22=$B$10,7,0)+IF('Standard Profiles'!$G$22=$B$17,14,0)+IF('Standard Profiles'!$G$22=$B$24,21,0),0)),0)</f>
        <v>0</v>
      </c>
      <c r="I2029">
        <f t="shared" si="237"/>
        <v>0.18034354532001179</v>
      </c>
      <c r="J2029">
        <f t="shared" si="238"/>
        <v>0.60114515106670607</v>
      </c>
      <c r="K2029">
        <f t="shared" si="239"/>
        <v>0.90171772660005911</v>
      </c>
      <c r="L2029">
        <f t="shared" si="240"/>
        <v>8.8358904239212688</v>
      </c>
      <c r="M2029">
        <f t="shared" si="241"/>
        <v>0</v>
      </c>
      <c r="N2029" s="46">
        <f t="shared" si="242"/>
        <v>45375.124999995161</v>
      </c>
    </row>
    <row r="2030" spans="2:14" x14ac:dyDescent="0.3">
      <c r="B2030">
        <f t="shared" si="236"/>
        <v>7</v>
      </c>
      <c r="C2030" s="16">
        <v>1996</v>
      </c>
      <c r="D2030" cm="1">
        <f t="array" ref="D2030">IFERROR(INDEX(Jesper!AH$2:AH$366,ROUNDDOWN($C2030/24,0)+1,1)*INDEX($D$3:$AA$30,INDEX(Jesper!$R$2:$R$366,ROW(INDEX(Jesper!AH$2:AH$366,ROUNDDOWN($C2030/24,0)+1,1))-1)+IF('Standard Profiles'!$G$18=$B$10,7,0)+IF('Standard Profiles'!$G$18=$B$17,14,0)+IF('Standard Profiles'!$G$18=$B$24,21,0),MOD($C2030,24)+1)/SUM(INDEX($D$3:$AA$30,INDEX(Jesper!$R$2:$R$366,ROW(INDEX(Jesper!AH$2:AH$366,ROUNDDOWN($C2030/24,0)+1,1))-1)+IF('Standard Profiles'!$G$18=$B$10,7,0)+IF('Standard Profiles'!$G$18=$B$17,14,0)+IF('Standard Profiles'!$G$18=$B$24,21,0),0)),0)</f>
        <v>8.5172834938559152</v>
      </c>
      <c r="E2030" cm="1">
        <f t="array" ref="E2030">IFERROR(INDEX(Jesper!AI$2:AI$366,ROUNDDOWN($C2030/24,0)+1,1)*INDEX($D$3:$AA$30,INDEX(Jesper!$R$2:$R$366,ROW(INDEX(Jesper!AI$2:AI$366,ROUNDDOWN($C2030/24,0)+1,1))-1)+IF('Standard Profiles'!$G$19=$B$10,7,0)+IF('Standard Profiles'!$G$19=$B$17,14,0)+IF('Standard Profiles'!$G$19=$B$24,21,0),MOD($C2030,24)+1)/SUM(INDEX($D$3:$AA$30,INDEX(Jesper!$R$2:$R$366,ROW(INDEX(Jesper!AI$2:AI$366,ROUNDDOWN($C2030/24,0)+1,1))-1)+IF('Standard Profiles'!$G$19=$B$10,7,0)+IF('Standard Profiles'!$G$19=$B$17,14,0)+IF('Standard Profiles'!$G$19=$B$24,21,0),0)),0)</f>
        <v>2.0018133530521305</v>
      </c>
      <c r="F2030" cm="1">
        <f t="array" ref="F2030">IFERROR(INDEX(Jesper!AJ$2:AJ$366,ROUNDDOWN($C2030/24,0)+1,1)*INDEX($D$3:$AA$30,INDEX(Jesper!$R$2:$R$366,ROW(INDEX(Jesper!AJ$2:AJ$366,ROUNDDOWN($C2030/24,0)+1,1))-1)+IF('Standard Profiles'!$G$20=$B$10,7,0)+IF('Standard Profiles'!$G$20=$B$17,14,0)+IF('Standard Profiles'!$G$20=$B$24,21,0),MOD($C2030,24)+1)/SUM(INDEX($D$3:$AA$30,INDEX(Jesper!$R$2:$R$366,ROW(INDEX(Jesper!AJ$2:AJ$366,ROUNDDOWN($C2030/24,0)+1,1))-1)+IF('Standard Profiles'!$G$20=$B$10,7,0)+IF('Standard Profiles'!$G$20=$B$17,14,0)+IF('Standard Profiles'!$G$20=$B$24,21,0),0)),0)</f>
        <v>0</v>
      </c>
      <c r="G2030" cm="1">
        <f t="array" ref="G2030">IFERROR(INDEX(Jesper!AK$2:AK$366,ROUNDDOWN($C2030/24,0)+1,1)*INDEX($D$3:$AA$30,INDEX(Jesper!$R$2:$R$366,ROW(INDEX(Jesper!AK$2:AK$366,ROUNDDOWN($C2030/24,0)+1,1))-1)+IF('Standard Profiles'!$G$21=$B$10,7,0)+IF('Standard Profiles'!$G$21=$B$17,14,0)+IF('Standard Profiles'!$G$21=$B$24,21,0),MOD($C2030,24)+1)/SUM(INDEX($D$3:$AA$30,INDEX(Jesper!$R$2:$R$366,ROW(INDEX(Jesper!AK$2:AK$366,ROUNDDOWN($C2030/24,0)+1,1))-1)+IF('Standard Profiles'!$G$21=$B$10,7,0)+IF('Standard Profiles'!$G$21=$B$17,14,0)+IF('Standard Profiles'!$G$21=$B$24,21,0),0)),0)</f>
        <v>0</v>
      </c>
      <c r="H2030" cm="1">
        <f t="array" ref="H2030">IFERROR(INDEX(Jesper!AL$2:AL$366,ROUNDDOWN($C2030/24,0)+1,1)*INDEX($D$3:$AA$30,INDEX(Jesper!$R$2:$R$366,ROW(INDEX(Jesper!AL$2:AL$366,ROUNDDOWN($C2030/24,0)+1,1))-1)+IF('Standard Profiles'!$G$22=$B$10,7,0)+IF('Standard Profiles'!$G$22=$B$17,14,0)+IF('Standard Profiles'!$G$22=$B$24,21,0),MOD($C2030,24)+1)/SUM(INDEX($D$3:$AA$30,INDEX(Jesper!$R$2:$R$366,ROW(INDEX(Jesper!AL$2:AL$366,ROUNDDOWN($C2030/24,0)+1,1))-1)+IF('Standard Profiles'!$G$22=$B$10,7,0)+IF('Standard Profiles'!$G$22=$B$17,14,0)+IF('Standard Profiles'!$G$22=$B$24,21,0),0)),0)</f>
        <v>0</v>
      </c>
      <c r="I2030">
        <f t="shared" si="237"/>
        <v>0.18034354532001179</v>
      </c>
      <c r="J2030">
        <f t="shared" si="238"/>
        <v>0.60114515106670607</v>
      </c>
      <c r="K2030">
        <f t="shared" si="239"/>
        <v>0.90171772660005911</v>
      </c>
      <c r="L2030">
        <f t="shared" si="240"/>
        <v>8.8358904239212688</v>
      </c>
      <c r="M2030">
        <f t="shared" si="241"/>
        <v>0</v>
      </c>
      <c r="N2030" s="46">
        <f t="shared" si="242"/>
        <v>45375.166666661826</v>
      </c>
    </row>
    <row r="2031" spans="2:14" x14ac:dyDescent="0.3">
      <c r="B2031">
        <f t="shared" si="236"/>
        <v>7</v>
      </c>
      <c r="C2031" s="16">
        <v>1997</v>
      </c>
      <c r="D2031" cm="1">
        <f t="array" ref="D2031">IFERROR(INDEX(Jesper!AH$2:AH$366,ROUNDDOWN($C2031/24,0)+1,1)*INDEX($D$3:$AA$30,INDEX(Jesper!$R$2:$R$366,ROW(INDEX(Jesper!AH$2:AH$366,ROUNDDOWN($C2031/24,0)+1,1))-1)+IF('Standard Profiles'!$G$18=$B$10,7,0)+IF('Standard Profiles'!$G$18=$B$17,14,0)+IF('Standard Profiles'!$G$18=$B$24,21,0),MOD($C2031,24)+1)/SUM(INDEX($D$3:$AA$30,INDEX(Jesper!$R$2:$R$366,ROW(INDEX(Jesper!AH$2:AH$366,ROUNDDOWN($C2031/24,0)+1,1))-1)+IF('Standard Profiles'!$G$18=$B$10,7,0)+IF('Standard Profiles'!$G$18=$B$17,14,0)+IF('Standard Profiles'!$G$18=$B$24,21,0),0)),0)</f>
        <v>10.646604367319894</v>
      </c>
      <c r="E2031" cm="1">
        <f t="array" ref="E2031">IFERROR(INDEX(Jesper!AI$2:AI$366,ROUNDDOWN($C2031/24,0)+1,1)*INDEX($D$3:$AA$30,INDEX(Jesper!$R$2:$R$366,ROW(INDEX(Jesper!AI$2:AI$366,ROUNDDOWN($C2031/24,0)+1,1))-1)+IF('Standard Profiles'!$G$19=$B$10,7,0)+IF('Standard Profiles'!$G$19=$B$17,14,0)+IF('Standard Profiles'!$G$19=$B$24,21,0),MOD($C2031,24)+1)/SUM(INDEX($D$3:$AA$30,INDEX(Jesper!$R$2:$R$366,ROW(INDEX(Jesper!AI$2:AI$366,ROUNDDOWN($C2031/24,0)+1,1))-1)+IF('Standard Profiles'!$G$19=$B$10,7,0)+IF('Standard Profiles'!$G$19=$B$17,14,0)+IF('Standard Profiles'!$G$19=$B$24,21,0),0)),0)</f>
        <v>2.502266691315163</v>
      </c>
      <c r="F2031" cm="1">
        <f t="array" ref="F2031">IFERROR(INDEX(Jesper!AJ$2:AJ$366,ROUNDDOWN($C2031/24,0)+1,1)*INDEX($D$3:$AA$30,INDEX(Jesper!$R$2:$R$366,ROW(INDEX(Jesper!AJ$2:AJ$366,ROUNDDOWN($C2031/24,0)+1,1))-1)+IF('Standard Profiles'!$G$20=$B$10,7,0)+IF('Standard Profiles'!$G$20=$B$17,14,0)+IF('Standard Profiles'!$G$20=$B$24,21,0),MOD($C2031,24)+1)/SUM(INDEX($D$3:$AA$30,INDEX(Jesper!$R$2:$R$366,ROW(INDEX(Jesper!AJ$2:AJ$366,ROUNDDOWN($C2031/24,0)+1,1))-1)+IF('Standard Profiles'!$G$20=$B$10,7,0)+IF('Standard Profiles'!$G$20=$B$17,14,0)+IF('Standard Profiles'!$G$20=$B$24,21,0),0)),0)</f>
        <v>0</v>
      </c>
      <c r="G2031" cm="1">
        <f t="array" ref="G2031">IFERROR(INDEX(Jesper!AK$2:AK$366,ROUNDDOWN($C2031/24,0)+1,1)*INDEX($D$3:$AA$30,INDEX(Jesper!$R$2:$R$366,ROW(INDEX(Jesper!AK$2:AK$366,ROUNDDOWN($C2031/24,0)+1,1))-1)+IF('Standard Profiles'!$G$21=$B$10,7,0)+IF('Standard Profiles'!$G$21=$B$17,14,0)+IF('Standard Profiles'!$G$21=$B$24,21,0),MOD($C2031,24)+1)/SUM(INDEX($D$3:$AA$30,INDEX(Jesper!$R$2:$R$366,ROW(INDEX(Jesper!AK$2:AK$366,ROUNDDOWN($C2031/24,0)+1,1))-1)+IF('Standard Profiles'!$G$21=$B$10,7,0)+IF('Standard Profiles'!$G$21=$B$17,14,0)+IF('Standard Profiles'!$G$21=$B$24,21,0),0)),0)</f>
        <v>0</v>
      </c>
      <c r="H2031" cm="1">
        <f t="array" ref="H2031">IFERROR(INDEX(Jesper!AL$2:AL$366,ROUNDDOWN($C2031/24,0)+1,1)*INDEX($D$3:$AA$30,INDEX(Jesper!$R$2:$R$366,ROW(INDEX(Jesper!AL$2:AL$366,ROUNDDOWN($C2031/24,0)+1,1))-1)+IF('Standard Profiles'!$G$22=$B$10,7,0)+IF('Standard Profiles'!$G$22=$B$17,14,0)+IF('Standard Profiles'!$G$22=$B$24,21,0),MOD($C2031,24)+1)/SUM(INDEX($D$3:$AA$30,INDEX(Jesper!$R$2:$R$366,ROW(INDEX(Jesper!AL$2:AL$366,ROUNDDOWN($C2031/24,0)+1,1))-1)+IF('Standard Profiles'!$G$22=$B$10,7,0)+IF('Standard Profiles'!$G$22=$B$17,14,0)+IF('Standard Profiles'!$G$22=$B$24,21,0),0)),0)</f>
        <v>0</v>
      </c>
      <c r="I2031">
        <f t="shared" si="237"/>
        <v>0.22542943165001475</v>
      </c>
      <c r="J2031">
        <f t="shared" si="238"/>
        <v>0.75143143883338259</v>
      </c>
      <c r="K2031">
        <f t="shared" si="239"/>
        <v>1.1271471582500738</v>
      </c>
      <c r="L2031">
        <f t="shared" si="240"/>
        <v>11.044863029901586</v>
      </c>
      <c r="M2031">
        <f t="shared" si="241"/>
        <v>0</v>
      </c>
      <c r="N2031" s="46">
        <f t="shared" si="242"/>
        <v>45375.20833332849</v>
      </c>
    </row>
    <row r="2032" spans="2:14" x14ac:dyDescent="0.3">
      <c r="B2032">
        <f t="shared" si="236"/>
        <v>7</v>
      </c>
      <c r="C2032" s="16">
        <v>1998</v>
      </c>
      <c r="D2032" cm="1">
        <f t="array" ref="D2032">IFERROR(INDEX(Jesper!AH$2:AH$366,ROUNDDOWN($C2032/24,0)+1,1)*INDEX($D$3:$AA$30,INDEX(Jesper!$R$2:$R$366,ROW(INDEX(Jesper!AH$2:AH$366,ROUNDDOWN($C2032/24,0)+1,1))-1)+IF('Standard Profiles'!$G$18=$B$10,7,0)+IF('Standard Profiles'!$G$18=$B$17,14,0)+IF('Standard Profiles'!$G$18=$B$24,21,0),MOD($C2032,24)+1)/SUM(INDEX($D$3:$AA$30,INDEX(Jesper!$R$2:$R$366,ROW(INDEX(Jesper!AH$2:AH$366,ROUNDDOWN($C2032/24,0)+1,1))-1)+IF('Standard Profiles'!$G$18=$B$10,7,0)+IF('Standard Profiles'!$G$18=$B$17,14,0)+IF('Standard Profiles'!$G$18=$B$24,21,0),0)),0)</f>
        <v>12.539334032621209</v>
      </c>
      <c r="E2032" cm="1">
        <f t="array" ref="E2032">IFERROR(INDEX(Jesper!AI$2:AI$366,ROUNDDOWN($C2032/24,0)+1,1)*INDEX($D$3:$AA$30,INDEX(Jesper!$R$2:$R$366,ROW(INDEX(Jesper!AI$2:AI$366,ROUNDDOWN($C2032/24,0)+1,1))-1)+IF('Standard Profiles'!$G$19=$B$10,7,0)+IF('Standard Profiles'!$G$19=$B$17,14,0)+IF('Standard Profiles'!$G$19=$B$24,21,0),MOD($C2032,24)+1)/SUM(INDEX($D$3:$AA$30,INDEX(Jesper!$R$2:$R$366,ROW(INDEX(Jesper!AI$2:AI$366,ROUNDDOWN($C2032/24,0)+1,1))-1)+IF('Standard Profiles'!$G$19=$B$10,7,0)+IF('Standard Profiles'!$G$19=$B$17,14,0)+IF('Standard Profiles'!$G$19=$B$24,21,0),0)),0)</f>
        <v>2.9471141031045258</v>
      </c>
      <c r="F2032" cm="1">
        <f t="array" ref="F2032">IFERROR(INDEX(Jesper!AJ$2:AJ$366,ROUNDDOWN($C2032/24,0)+1,1)*INDEX($D$3:$AA$30,INDEX(Jesper!$R$2:$R$366,ROW(INDEX(Jesper!AJ$2:AJ$366,ROUNDDOWN($C2032/24,0)+1,1))-1)+IF('Standard Profiles'!$G$20=$B$10,7,0)+IF('Standard Profiles'!$G$20=$B$17,14,0)+IF('Standard Profiles'!$G$20=$B$24,21,0),MOD($C2032,24)+1)/SUM(INDEX($D$3:$AA$30,INDEX(Jesper!$R$2:$R$366,ROW(INDEX(Jesper!AJ$2:AJ$366,ROUNDDOWN($C2032/24,0)+1,1))-1)+IF('Standard Profiles'!$G$20=$B$10,7,0)+IF('Standard Profiles'!$G$20=$B$17,14,0)+IF('Standard Profiles'!$G$20=$B$24,21,0),0)),0)</f>
        <v>0</v>
      </c>
      <c r="G2032" cm="1">
        <f t="array" ref="G2032">IFERROR(INDEX(Jesper!AK$2:AK$366,ROUNDDOWN($C2032/24,0)+1,1)*INDEX($D$3:$AA$30,INDEX(Jesper!$R$2:$R$366,ROW(INDEX(Jesper!AK$2:AK$366,ROUNDDOWN($C2032/24,0)+1,1))-1)+IF('Standard Profiles'!$G$21=$B$10,7,0)+IF('Standard Profiles'!$G$21=$B$17,14,0)+IF('Standard Profiles'!$G$21=$B$24,21,0),MOD($C2032,24)+1)/SUM(INDEX($D$3:$AA$30,INDEX(Jesper!$R$2:$R$366,ROW(INDEX(Jesper!AK$2:AK$366,ROUNDDOWN($C2032/24,0)+1,1))-1)+IF('Standard Profiles'!$G$21=$B$10,7,0)+IF('Standard Profiles'!$G$21=$B$17,14,0)+IF('Standard Profiles'!$G$21=$B$24,21,0),0)),0)</f>
        <v>0</v>
      </c>
      <c r="H2032" cm="1">
        <f t="array" ref="H2032">IFERROR(INDEX(Jesper!AL$2:AL$366,ROUNDDOWN($C2032/24,0)+1,1)*INDEX($D$3:$AA$30,INDEX(Jesper!$R$2:$R$366,ROW(INDEX(Jesper!AL$2:AL$366,ROUNDDOWN($C2032/24,0)+1,1))-1)+IF('Standard Profiles'!$G$22=$B$10,7,0)+IF('Standard Profiles'!$G$22=$B$17,14,0)+IF('Standard Profiles'!$G$22=$B$24,21,0),MOD($C2032,24)+1)/SUM(INDEX($D$3:$AA$30,INDEX(Jesper!$R$2:$R$366,ROW(INDEX(Jesper!AL$2:AL$366,ROUNDDOWN($C2032/24,0)+1,1))-1)+IF('Standard Profiles'!$G$22=$B$10,7,0)+IF('Standard Profiles'!$G$22=$B$17,14,0)+IF('Standard Profiles'!$G$22=$B$24,21,0),0)),0)</f>
        <v>0</v>
      </c>
      <c r="I2032">
        <f t="shared" si="237"/>
        <v>0.26550577505446188</v>
      </c>
      <c r="J2032">
        <f t="shared" si="238"/>
        <v>0.8850192501815396</v>
      </c>
      <c r="K2032">
        <f t="shared" si="239"/>
        <v>1.3275288752723093</v>
      </c>
      <c r="L2032">
        <f t="shared" si="240"/>
        <v>13.008394235217423</v>
      </c>
      <c r="M2032">
        <f t="shared" si="241"/>
        <v>0</v>
      </c>
      <c r="N2032" s="46">
        <f t="shared" si="242"/>
        <v>45375.249999995154</v>
      </c>
    </row>
    <row r="2033" spans="2:14" x14ac:dyDescent="0.3">
      <c r="B2033">
        <f t="shared" si="236"/>
        <v>7</v>
      </c>
      <c r="C2033" s="16">
        <v>1999</v>
      </c>
      <c r="D2033" cm="1">
        <f t="array" ref="D2033">IFERROR(INDEX(Jesper!AH$2:AH$366,ROUNDDOWN($C2033/24,0)+1,1)*INDEX($D$3:$AA$30,INDEX(Jesper!$R$2:$R$366,ROW(INDEX(Jesper!AH$2:AH$366,ROUNDDOWN($C2033/24,0)+1,1))-1)+IF('Standard Profiles'!$G$18=$B$10,7,0)+IF('Standard Profiles'!$G$18=$B$17,14,0)+IF('Standard Profiles'!$G$18=$B$24,21,0),MOD($C2033,24)+1)/SUM(INDEX($D$3:$AA$30,INDEX(Jesper!$R$2:$R$366,ROW(INDEX(Jesper!AH$2:AH$366,ROUNDDOWN($C2033/24,0)+1,1))-1)+IF('Standard Profiles'!$G$18=$B$10,7,0)+IF('Standard Profiles'!$G$18=$B$17,14,0)+IF('Standard Profiles'!$G$18=$B$24,21,0),0)),0)</f>
        <v>14.905246114247852</v>
      </c>
      <c r="E2033" cm="1">
        <f t="array" ref="E2033">IFERROR(INDEX(Jesper!AI$2:AI$366,ROUNDDOWN($C2033/24,0)+1,1)*INDEX($D$3:$AA$30,INDEX(Jesper!$R$2:$R$366,ROW(INDEX(Jesper!AI$2:AI$366,ROUNDDOWN($C2033/24,0)+1,1))-1)+IF('Standard Profiles'!$G$19=$B$10,7,0)+IF('Standard Profiles'!$G$19=$B$17,14,0)+IF('Standard Profiles'!$G$19=$B$24,21,0),MOD($C2033,24)+1)/SUM(INDEX($D$3:$AA$30,INDEX(Jesper!$R$2:$R$366,ROW(INDEX(Jesper!AI$2:AI$366,ROUNDDOWN($C2033/24,0)+1,1))-1)+IF('Standard Profiles'!$G$19=$B$10,7,0)+IF('Standard Profiles'!$G$19=$B$17,14,0)+IF('Standard Profiles'!$G$19=$B$24,21,0),0)),0)</f>
        <v>3.5031733678412285</v>
      </c>
      <c r="F2033" cm="1">
        <f t="array" ref="F2033">IFERROR(INDEX(Jesper!AJ$2:AJ$366,ROUNDDOWN($C2033/24,0)+1,1)*INDEX($D$3:$AA$30,INDEX(Jesper!$R$2:$R$366,ROW(INDEX(Jesper!AJ$2:AJ$366,ROUNDDOWN($C2033/24,0)+1,1))-1)+IF('Standard Profiles'!$G$20=$B$10,7,0)+IF('Standard Profiles'!$G$20=$B$17,14,0)+IF('Standard Profiles'!$G$20=$B$24,21,0),MOD($C2033,24)+1)/SUM(INDEX($D$3:$AA$30,INDEX(Jesper!$R$2:$R$366,ROW(INDEX(Jesper!AJ$2:AJ$366,ROUNDDOWN($C2033/24,0)+1,1))-1)+IF('Standard Profiles'!$G$20=$B$10,7,0)+IF('Standard Profiles'!$G$20=$B$17,14,0)+IF('Standard Profiles'!$G$20=$B$24,21,0),0)),0)</f>
        <v>0</v>
      </c>
      <c r="G2033" cm="1">
        <f t="array" ref="G2033">IFERROR(INDEX(Jesper!AK$2:AK$366,ROUNDDOWN($C2033/24,0)+1,1)*INDEX($D$3:$AA$30,INDEX(Jesper!$R$2:$R$366,ROW(INDEX(Jesper!AK$2:AK$366,ROUNDDOWN($C2033/24,0)+1,1))-1)+IF('Standard Profiles'!$G$21=$B$10,7,0)+IF('Standard Profiles'!$G$21=$B$17,14,0)+IF('Standard Profiles'!$G$21=$B$24,21,0),MOD($C2033,24)+1)/SUM(INDEX($D$3:$AA$30,INDEX(Jesper!$R$2:$R$366,ROW(INDEX(Jesper!AK$2:AK$366,ROUNDDOWN($C2033/24,0)+1,1))-1)+IF('Standard Profiles'!$G$21=$B$10,7,0)+IF('Standard Profiles'!$G$21=$B$17,14,0)+IF('Standard Profiles'!$G$21=$B$24,21,0),0)),0)</f>
        <v>0</v>
      </c>
      <c r="H2033" cm="1">
        <f t="array" ref="H2033">IFERROR(INDEX(Jesper!AL$2:AL$366,ROUNDDOWN($C2033/24,0)+1,1)*INDEX($D$3:$AA$30,INDEX(Jesper!$R$2:$R$366,ROW(INDEX(Jesper!AL$2:AL$366,ROUNDDOWN($C2033/24,0)+1,1))-1)+IF('Standard Profiles'!$G$22=$B$10,7,0)+IF('Standard Profiles'!$G$22=$B$17,14,0)+IF('Standard Profiles'!$G$22=$B$24,21,0),MOD($C2033,24)+1)/SUM(INDEX($D$3:$AA$30,INDEX(Jesper!$R$2:$R$366,ROW(INDEX(Jesper!AL$2:AL$366,ROUNDDOWN($C2033/24,0)+1,1))-1)+IF('Standard Profiles'!$G$22=$B$10,7,0)+IF('Standard Profiles'!$G$22=$B$17,14,0)+IF('Standard Profiles'!$G$22=$B$24,21,0),0)),0)</f>
        <v>0</v>
      </c>
      <c r="I2033">
        <f t="shared" si="237"/>
        <v>0.31560120431002064</v>
      </c>
      <c r="J2033">
        <f t="shared" si="238"/>
        <v>1.0520040143667357</v>
      </c>
      <c r="K2033">
        <f t="shared" si="239"/>
        <v>1.5780060215501035</v>
      </c>
      <c r="L2033">
        <f t="shared" si="240"/>
        <v>15.462808241862222</v>
      </c>
      <c r="M2033">
        <f t="shared" si="241"/>
        <v>0</v>
      </c>
      <c r="N2033" s="46">
        <f t="shared" si="242"/>
        <v>45375.291666661818</v>
      </c>
    </row>
    <row r="2034" spans="2:14" x14ac:dyDescent="0.3">
      <c r="B2034">
        <f t="shared" si="236"/>
        <v>7</v>
      </c>
      <c r="C2034" s="16">
        <v>2000</v>
      </c>
      <c r="D2034" cm="1">
        <f t="array" ref="D2034">IFERROR(INDEX(Jesper!AH$2:AH$366,ROUNDDOWN($C2034/24,0)+1,1)*INDEX($D$3:$AA$30,INDEX(Jesper!$R$2:$R$366,ROW(INDEX(Jesper!AH$2:AH$366,ROUNDDOWN($C2034/24,0)+1,1))-1)+IF('Standard Profiles'!$G$18=$B$10,7,0)+IF('Standard Profiles'!$G$18=$B$17,14,0)+IF('Standard Profiles'!$G$18=$B$24,21,0),MOD($C2034,24)+1)/SUM(INDEX($D$3:$AA$30,INDEX(Jesper!$R$2:$R$366,ROW(INDEX(Jesper!AH$2:AH$366,ROUNDDOWN($C2034/24,0)+1,1))-1)+IF('Standard Profiles'!$G$18=$B$10,7,0)+IF('Standard Profiles'!$G$18=$B$17,14,0)+IF('Standard Profiles'!$G$18=$B$24,21,0),0)),0)</f>
        <v>14.905246114247852</v>
      </c>
      <c r="E2034" cm="1">
        <f t="array" ref="E2034">IFERROR(INDEX(Jesper!AI$2:AI$366,ROUNDDOWN($C2034/24,0)+1,1)*INDEX($D$3:$AA$30,INDEX(Jesper!$R$2:$R$366,ROW(INDEX(Jesper!AI$2:AI$366,ROUNDDOWN($C2034/24,0)+1,1))-1)+IF('Standard Profiles'!$G$19=$B$10,7,0)+IF('Standard Profiles'!$G$19=$B$17,14,0)+IF('Standard Profiles'!$G$19=$B$24,21,0),MOD($C2034,24)+1)/SUM(INDEX($D$3:$AA$30,INDEX(Jesper!$R$2:$R$366,ROW(INDEX(Jesper!AI$2:AI$366,ROUNDDOWN($C2034/24,0)+1,1))-1)+IF('Standard Profiles'!$G$19=$B$10,7,0)+IF('Standard Profiles'!$G$19=$B$17,14,0)+IF('Standard Profiles'!$G$19=$B$24,21,0),0)),0)</f>
        <v>3.5031733678412285</v>
      </c>
      <c r="F2034" cm="1">
        <f t="array" ref="F2034">IFERROR(INDEX(Jesper!AJ$2:AJ$366,ROUNDDOWN($C2034/24,0)+1,1)*INDEX($D$3:$AA$30,INDEX(Jesper!$R$2:$R$366,ROW(INDEX(Jesper!AJ$2:AJ$366,ROUNDDOWN($C2034/24,0)+1,1))-1)+IF('Standard Profiles'!$G$20=$B$10,7,0)+IF('Standard Profiles'!$G$20=$B$17,14,0)+IF('Standard Profiles'!$G$20=$B$24,21,0),MOD($C2034,24)+1)/SUM(INDEX($D$3:$AA$30,INDEX(Jesper!$R$2:$R$366,ROW(INDEX(Jesper!AJ$2:AJ$366,ROUNDDOWN($C2034/24,0)+1,1))-1)+IF('Standard Profiles'!$G$20=$B$10,7,0)+IF('Standard Profiles'!$G$20=$B$17,14,0)+IF('Standard Profiles'!$G$20=$B$24,21,0),0)),0)</f>
        <v>0</v>
      </c>
      <c r="G2034" cm="1">
        <f t="array" ref="G2034">IFERROR(INDEX(Jesper!AK$2:AK$366,ROUNDDOWN($C2034/24,0)+1,1)*INDEX($D$3:$AA$30,INDEX(Jesper!$R$2:$R$366,ROW(INDEX(Jesper!AK$2:AK$366,ROUNDDOWN($C2034/24,0)+1,1))-1)+IF('Standard Profiles'!$G$21=$B$10,7,0)+IF('Standard Profiles'!$G$21=$B$17,14,0)+IF('Standard Profiles'!$G$21=$B$24,21,0),MOD($C2034,24)+1)/SUM(INDEX($D$3:$AA$30,INDEX(Jesper!$R$2:$R$366,ROW(INDEX(Jesper!AK$2:AK$366,ROUNDDOWN($C2034/24,0)+1,1))-1)+IF('Standard Profiles'!$G$21=$B$10,7,0)+IF('Standard Profiles'!$G$21=$B$17,14,0)+IF('Standard Profiles'!$G$21=$B$24,21,0),0)),0)</f>
        <v>0</v>
      </c>
      <c r="H2034" cm="1">
        <f t="array" ref="H2034">IFERROR(INDEX(Jesper!AL$2:AL$366,ROUNDDOWN($C2034/24,0)+1,1)*INDEX($D$3:$AA$30,INDEX(Jesper!$R$2:$R$366,ROW(INDEX(Jesper!AL$2:AL$366,ROUNDDOWN($C2034/24,0)+1,1))-1)+IF('Standard Profiles'!$G$22=$B$10,7,0)+IF('Standard Profiles'!$G$22=$B$17,14,0)+IF('Standard Profiles'!$G$22=$B$24,21,0),MOD($C2034,24)+1)/SUM(INDEX($D$3:$AA$30,INDEX(Jesper!$R$2:$R$366,ROW(INDEX(Jesper!AL$2:AL$366,ROUNDDOWN($C2034/24,0)+1,1))-1)+IF('Standard Profiles'!$G$22=$B$10,7,0)+IF('Standard Profiles'!$G$22=$B$17,14,0)+IF('Standard Profiles'!$G$22=$B$24,21,0),0)),0)</f>
        <v>0</v>
      </c>
      <c r="I2034">
        <f t="shared" si="237"/>
        <v>0.31560120431002064</v>
      </c>
      <c r="J2034">
        <f t="shared" si="238"/>
        <v>1.0520040143667357</v>
      </c>
      <c r="K2034">
        <f t="shared" si="239"/>
        <v>1.5780060215501035</v>
      </c>
      <c r="L2034">
        <f t="shared" si="240"/>
        <v>15.462808241862222</v>
      </c>
      <c r="M2034">
        <f t="shared" si="241"/>
        <v>0</v>
      </c>
      <c r="N2034" s="46">
        <f t="shared" si="242"/>
        <v>45375.333333328483</v>
      </c>
    </row>
    <row r="2035" spans="2:14" x14ac:dyDescent="0.3">
      <c r="B2035">
        <f t="shared" si="236"/>
        <v>7</v>
      </c>
      <c r="C2035" s="16">
        <v>2001</v>
      </c>
      <c r="D2035" cm="1">
        <f t="array" ref="D2035">IFERROR(INDEX(Jesper!AH$2:AH$366,ROUNDDOWN($C2035/24,0)+1,1)*INDEX($D$3:$AA$30,INDEX(Jesper!$R$2:$R$366,ROW(INDEX(Jesper!AH$2:AH$366,ROUNDDOWN($C2035/24,0)+1,1))-1)+IF('Standard Profiles'!$G$18=$B$10,7,0)+IF('Standard Profiles'!$G$18=$B$17,14,0)+IF('Standard Profiles'!$G$18=$B$24,21,0),MOD($C2035,24)+1)/SUM(INDEX($D$3:$AA$30,INDEX(Jesper!$R$2:$R$366,ROW(INDEX(Jesper!AH$2:AH$366,ROUNDDOWN($C2035/24,0)+1,1))-1)+IF('Standard Profiles'!$G$18=$B$10,7,0)+IF('Standard Profiles'!$G$18=$B$17,14,0)+IF('Standard Profiles'!$G$18=$B$24,21,0),0)),0)</f>
        <v>14.905246114247852</v>
      </c>
      <c r="E2035" cm="1">
        <f t="array" ref="E2035">IFERROR(INDEX(Jesper!AI$2:AI$366,ROUNDDOWN($C2035/24,0)+1,1)*INDEX($D$3:$AA$30,INDEX(Jesper!$R$2:$R$366,ROW(INDEX(Jesper!AI$2:AI$366,ROUNDDOWN($C2035/24,0)+1,1))-1)+IF('Standard Profiles'!$G$19=$B$10,7,0)+IF('Standard Profiles'!$G$19=$B$17,14,0)+IF('Standard Profiles'!$G$19=$B$24,21,0),MOD($C2035,24)+1)/SUM(INDEX($D$3:$AA$30,INDEX(Jesper!$R$2:$R$366,ROW(INDEX(Jesper!AI$2:AI$366,ROUNDDOWN($C2035/24,0)+1,1))-1)+IF('Standard Profiles'!$G$19=$B$10,7,0)+IF('Standard Profiles'!$G$19=$B$17,14,0)+IF('Standard Profiles'!$G$19=$B$24,21,0),0)),0)</f>
        <v>3.5031733678412285</v>
      </c>
      <c r="F2035" cm="1">
        <f t="array" ref="F2035">IFERROR(INDEX(Jesper!AJ$2:AJ$366,ROUNDDOWN($C2035/24,0)+1,1)*INDEX($D$3:$AA$30,INDEX(Jesper!$R$2:$R$366,ROW(INDEX(Jesper!AJ$2:AJ$366,ROUNDDOWN($C2035/24,0)+1,1))-1)+IF('Standard Profiles'!$G$20=$B$10,7,0)+IF('Standard Profiles'!$G$20=$B$17,14,0)+IF('Standard Profiles'!$G$20=$B$24,21,0),MOD($C2035,24)+1)/SUM(INDEX($D$3:$AA$30,INDEX(Jesper!$R$2:$R$366,ROW(INDEX(Jesper!AJ$2:AJ$366,ROUNDDOWN($C2035/24,0)+1,1))-1)+IF('Standard Profiles'!$G$20=$B$10,7,0)+IF('Standard Profiles'!$G$20=$B$17,14,0)+IF('Standard Profiles'!$G$20=$B$24,21,0),0)),0)</f>
        <v>0</v>
      </c>
      <c r="G2035" cm="1">
        <f t="array" ref="G2035">IFERROR(INDEX(Jesper!AK$2:AK$366,ROUNDDOWN($C2035/24,0)+1,1)*INDEX($D$3:$AA$30,INDEX(Jesper!$R$2:$R$366,ROW(INDEX(Jesper!AK$2:AK$366,ROUNDDOWN($C2035/24,0)+1,1))-1)+IF('Standard Profiles'!$G$21=$B$10,7,0)+IF('Standard Profiles'!$G$21=$B$17,14,0)+IF('Standard Profiles'!$G$21=$B$24,21,0),MOD($C2035,24)+1)/SUM(INDEX($D$3:$AA$30,INDEX(Jesper!$R$2:$R$366,ROW(INDEX(Jesper!AK$2:AK$366,ROUNDDOWN($C2035/24,0)+1,1))-1)+IF('Standard Profiles'!$G$21=$B$10,7,0)+IF('Standard Profiles'!$G$21=$B$17,14,0)+IF('Standard Profiles'!$G$21=$B$24,21,0),0)),0)</f>
        <v>0</v>
      </c>
      <c r="H2035" cm="1">
        <f t="array" ref="H2035">IFERROR(INDEX(Jesper!AL$2:AL$366,ROUNDDOWN($C2035/24,0)+1,1)*INDEX($D$3:$AA$30,INDEX(Jesper!$R$2:$R$366,ROW(INDEX(Jesper!AL$2:AL$366,ROUNDDOWN($C2035/24,0)+1,1))-1)+IF('Standard Profiles'!$G$22=$B$10,7,0)+IF('Standard Profiles'!$G$22=$B$17,14,0)+IF('Standard Profiles'!$G$22=$B$24,21,0),MOD($C2035,24)+1)/SUM(INDEX($D$3:$AA$30,INDEX(Jesper!$R$2:$R$366,ROW(INDEX(Jesper!AL$2:AL$366,ROUNDDOWN($C2035/24,0)+1,1))-1)+IF('Standard Profiles'!$G$22=$B$10,7,0)+IF('Standard Profiles'!$G$22=$B$17,14,0)+IF('Standard Profiles'!$G$22=$B$24,21,0),0)),0)</f>
        <v>0</v>
      </c>
      <c r="I2035">
        <f t="shared" si="237"/>
        <v>0.31560120431002064</v>
      </c>
      <c r="J2035">
        <f t="shared" si="238"/>
        <v>1.0520040143667357</v>
      </c>
      <c r="K2035">
        <f t="shared" si="239"/>
        <v>1.5780060215501035</v>
      </c>
      <c r="L2035">
        <f t="shared" si="240"/>
        <v>15.462808241862222</v>
      </c>
      <c r="M2035">
        <f t="shared" si="241"/>
        <v>0</v>
      </c>
      <c r="N2035" s="46">
        <f t="shared" si="242"/>
        <v>45375.374999995147</v>
      </c>
    </row>
    <row r="2036" spans="2:14" x14ac:dyDescent="0.3">
      <c r="B2036">
        <f t="shared" si="236"/>
        <v>7</v>
      </c>
      <c r="C2036" s="16">
        <v>2002</v>
      </c>
      <c r="D2036" cm="1">
        <f t="array" ref="D2036">IFERROR(INDEX(Jesper!AH$2:AH$366,ROUNDDOWN($C2036/24,0)+1,1)*INDEX($D$3:$AA$30,INDEX(Jesper!$R$2:$R$366,ROW(INDEX(Jesper!AH$2:AH$366,ROUNDDOWN($C2036/24,0)+1,1))-1)+IF('Standard Profiles'!$G$18=$B$10,7,0)+IF('Standard Profiles'!$G$18=$B$17,14,0)+IF('Standard Profiles'!$G$18=$B$24,21,0),MOD($C2036,24)+1)/SUM(INDEX($D$3:$AA$30,INDEX(Jesper!$R$2:$R$366,ROW(INDEX(Jesper!AH$2:AH$366,ROUNDDOWN($C2036/24,0)+1,1))-1)+IF('Standard Profiles'!$G$18=$B$10,7,0)+IF('Standard Profiles'!$G$18=$B$17,14,0)+IF('Standard Profiles'!$G$18=$B$24,21,0),0)),0)</f>
        <v>14.905246114247852</v>
      </c>
      <c r="E2036" cm="1">
        <f t="array" ref="E2036">IFERROR(INDEX(Jesper!AI$2:AI$366,ROUNDDOWN($C2036/24,0)+1,1)*INDEX($D$3:$AA$30,INDEX(Jesper!$R$2:$R$366,ROW(INDEX(Jesper!AI$2:AI$366,ROUNDDOWN($C2036/24,0)+1,1))-1)+IF('Standard Profiles'!$G$19=$B$10,7,0)+IF('Standard Profiles'!$G$19=$B$17,14,0)+IF('Standard Profiles'!$G$19=$B$24,21,0),MOD($C2036,24)+1)/SUM(INDEX($D$3:$AA$30,INDEX(Jesper!$R$2:$R$366,ROW(INDEX(Jesper!AI$2:AI$366,ROUNDDOWN($C2036/24,0)+1,1))-1)+IF('Standard Profiles'!$G$19=$B$10,7,0)+IF('Standard Profiles'!$G$19=$B$17,14,0)+IF('Standard Profiles'!$G$19=$B$24,21,0),0)),0)</f>
        <v>3.5031733678412285</v>
      </c>
      <c r="F2036" cm="1">
        <f t="array" ref="F2036">IFERROR(INDEX(Jesper!AJ$2:AJ$366,ROUNDDOWN($C2036/24,0)+1,1)*INDEX($D$3:$AA$30,INDEX(Jesper!$R$2:$R$366,ROW(INDEX(Jesper!AJ$2:AJ$366,ROUNDDOWN($C2036/24,0)+1,1))-1)+IF('Standard Profiles'!$G$20=$B$10,7,0)+IF('Standard Profiles'!$G$20=$B$17,14,0)+IF('Standard Profiles'!$G$20=$B$24,21,0),MOD($C2036,24)+1)/SUM(INDEX($D$3:$AA$30,INDEX(Jesper!$R$2:$R$366,ROW(INDEX(Jesper!AJ$2:AJ$366,ROUNDDOWN($C2036/24,0)+1,1))-1)+IF('Standard Profiles'!$G$20=$B$10,7,0)+IF('Standard Profiles'!$G$20=$B$17,14,0)+IF('Standard Profiles'!$G$20=$B$24,21,0),0)),0)</f>
        <v>0</v>
      </c>
      <c r="G2036" cm="1">
        <f t="array" ref="G2036">IFERROR(INDEX(Jesper!AK$2:AK$366,ROUNDDOWN($C2036/24,0)+1,1)*INDEX($D$3:$AA$30,INDEX(Jesper!$R$2:$R$366,ROW(INDEX(Jesper!AK$2:AK$366,ROUNDDOWN($C2036/24,0)+1,1))-1)+IF('Standard Profiles'!$G$21=$B$10,7,0)+IF('Standard Profiles'!$G$21=$B$17,14,0)+IF('Standard Profiles'!$G$21=$B$24,21,0),MOD($C2036,24)+1)/SUM(INDEX($D$3:$AA$30,INDEX(Jesper!$R$2:$R$366,ROW(INDEX(Jesper!AK$2:AK$366,ROUNDDOWN($C2036/24,0)+1,1))-1)+IF('Standard Profiles'!$G$21=$B$10,7,0)+IF('Standard Profiles'!$G$21=$B$17,14,0)+IF('Standard Profiles'!$G$21=$B$24,21,0),0)),0)</f>
        <v>0</v>
      </c>
      <c r="H2036" cm="1">
        <f t="array" ref="H2036">IFERROR(INDEX(Jesper!AL$2:AL$366,ROUNDDOWN($C2036/24,0)+1,1)*INDEX($D$3:$AA$30,INDEX(Jesper!$R$2:$R$366,ROW(INDEX(Jesper!AL$2:AL$366,ROUNDDOWN($C2036/24,0)+1,1))-1)+IF('Standard Profiles'!$G$22=$B$10,7,0)+IF('Standard Profiles'!$G$22=$B$17,14,0)+IF('Standard Profiles'!$G$22=$B$24,21,0),MOD($C2036,24)+1)/SUM(INDEX($D$3:$AA$30,INDEX(Jesper!$R$2:$R$366,ROW(INDEX(Jesper!AL$2:AL$366,ROUNDDOWN($C2036/24,0)+1,1))-1)+IF('Standard Profiles'!$G$22=$B$10,7,0)+IF('Standard Profiles'!$G$22=$B$17,14,0)+IF('Standard Profiles'!$G$22=$B$24,21,0),0)),0)</f>
        <v>0</v>
      </c>
      <c r="I2036">
        <f t="shared" si="237"/>
        <v>0.31560120431002064</v>
      </c>
      <c r="J2036">
        <f t="shared" si="238"/>
        <v>1.0520040143667357</v>
      </c>
      <c r="K2036">
        <f t="shared" si="239"/>
        <v>1.5780060215501035</v>
      </c>
      <c r="L2036">
        <f t="shared" si="240"/>
        <v>15.462808241862222</v>
      </c>
      <c r="M2036">
        <f t="shared" si="241"/>
        <v>0</v>
      </c>
      <c r="N2036" s="46">
        <f t="shared" si="242"/>
        <v>45375.416666661811</v>
      </c>
    </row>
    <row r="2037" spans="2:14" x14ac:dyDescent="0.3">
      <c r="B2037">
        <f t="shared" si="236"/>
        <v>7</v>
      </c>
      <c r="C2037" s="16">
        <v>2003</v>
      </c>
      <c r="D2037" cm="1">
        <f t="array" ref="D2037">IFERROR(INDEX(Jesper!AH$2:AH$366,ROUNDDOWN($C2037/24,0)+1,1)*INDEX($D$3:$AA$30,INDEX(Jesper!$R$2:$R$366,ROW(INDEX(Jesper!AH$2:AH$366,ROUNDDOWN($C2037/24,0)+1,1))-1)+IF('Standard Profiles'!$G$18=$B$10,7,0)+IF('Standard Profiles'!$G$18=$B$17,14,0)+IF('Standard Profiles'!$G$18=$B$24,21,0),MOD($C2037,24)+1)/SUM(INDEX($D$3:$AA$30,INDEX(Jesper!$R$2:$R$366,ROW(INDEX(Jesper!AH$2:AH$366,ROUNDDOWN($C2037/24,0)+1,1))-1)+IF('Standard Profiles'!$G$18=$B$10,7,0)+IF('Standard Profiles'!$G$18=$B$17,14,0)+IF('Standard Profiles'!$G$18=$B$24,21,0),0)),0)</f>
        <v>14.905246114247852</v>
      </c>
      <c r="E2037" cm="1">
        <f t="array" ref="E2037">IFERROR(INDEX(Jesper!AI$2:AI$366,ROUNDDOWN($C2037/24,0)+1,1)*INDEX($D$3:$AA$30,INDEX(Jesper!$R$2:$R$366,ROW(INDEX(Jesper!AI$2:AI$366,ROUNDDOWN($C2037/24,0)+1,1))-1)+IF('Standard Profiles'!$G$19=$B$10,7,0)+IF('Standard Profiles'!$G$19=$B$17,14,0)+IF('Standard Profiles'!$G$19=$B$24,21,0),MOD($C2037,24)+1)/SUM(INDEX($D$3:$AA$30,INDEX(Jesper!$R$2:$R$366,ROW(INDEX(Jesper!AI$2:AI$366,ROUNDDOWN($C2037/24,0)+1,1))-1)+IF('Standard Profiles'!$G$19=$B$10,7,0)+IF('Standard Profiles'!$G$19=$B$17,14,0)+IF('Standard Profiles'!$G$19=$B$24,21,0),0)),0)</f>
        <v>3.5031733678412285</v>
      </c>
      <c r="F2037" cm="1">
        <f t="array" ref="F2037">IFERROR(INDEX(Jesper!AJ$2:AJ$366,ROUNDDOWN($C2037/24,0)+1,1)*INDEX($D$3:$AA$30,INDEX(Jesper!$R$2:$R$366,ROW(INDEX(Jesper!AJ$2:AJ$366,ROUNDDOWN($C2037/24,0)+1,1))-1)+IF('Standard Profiles'!$G$20=$B$10,7,0)+IF('Standard Profiles'!$G$20=$B$17,14,0)+IF('Standard Profiles'!$G$20=$B$24,21,0),MOD($C2037,24)+1)/SUM(INDEX($D$3:$AA$30,INDEX(Jesper!$R$2:$R$366,ROW(INDEX(Jesper!AJ$2:AJ$366,ROUNDDOWN($C2037/24,0)+1,1))-1)+IF('Standard Profiles'!$G$20=$B$10,7,0)+IF('Standard Profiles'!$G$20=$B$17,14,0)+IF('Standard Profiles'!$G$20=$B$24,21,0),0)),0)</f>
        <v>0</v>
      </c>
      <c r="G2037" cm="1">
        <f t="array" ref="G2037">IFERROR(INDEX(Jesper!AK$2:AK$366,ROUNDDOWN($C2037/24,0)+1,1)*INDEX($D$3:$AA$30,INDEX(Jesper!$R$2:$R$366,ROW(INDEX(Jesper!AK$2:AK$366,ROUNDDOWN($C2037/24,0)+1,1))-1)+IF('Standard Profiles'!$G$21=$B$10,7,0)+IF('Standard Profiles'!$G$21=$B$17,14,0)+IF('Standard Profiles'!$G$21=$B$24,21,0),MOD($C2037,24)+1)/SUM(INDEX($D$3:$AA$30,INDEX(Jesper!$R$2:$R$366,ROW(INDEX(Jesper!AK$2:AK$366,ROUNDDOWN($C2037/24,0)+1,1))-1)+IF('Standard Profiles'!$G$21=$B$10,7,0)+IF('Standard Profiles'!$G$21=$B$17,14,0)+IF('Standard Profiles'!$G$21=$B$24,21,0),0)),0)</f>
        <v>0</v>
      </c>
      <c r="H2037" cm="1">
        <f t="array" ref="H2037">IFERROR(INDEX(Jesper!AL$2:AL$366,ROUNDDOWN($C2037/24,0)+1,1)*INDEX($D$3:$AA$30,INDEX(Jesper!$R$2:$R$366,ROW(INDEX(Jesper!AL$2:AL$366,ROUNDDOWN($C2037/24,0)+1,1))-1)+IF('Standard Profiles'!$G$22=$B$10,7,0)+IF('Standard Profiles'!$G$22=$B$17,14,0)+IF('Standard Profiles'!$G$22=$B$24,21,0),MOD($C2037,24)+1)/SUM(INDEX($D$3:$AA$30,INDEX(Jesper!$R$2:$R$366,ROW(INDEX(Jesper!AL$2:AL$366,ROUNDDOWN($C2037/24,0)+1,1))-1)+IF('Standard Profiles'!$G$22=$B$10,7,0)+IF('Standard Profiles'!$G$22=$B$17,14,0)+IF('Standard Profiles'!$G$22=$B$24,21,0),0)),0)</f>
        <v>0</v>
      </c>
      <c r="I2037">
        <f t="shared" si="237"/>
        <v>0.31560120431002064</v>
      </c>
      <c r="J2037">
        <f t="shared" si="238"/>
        <v>1.0520040143667357</v>
      </c>
      <c r="K2037">
        <f t="shared" si="239"/>
        <v>1.5780060215501035</v>
      </c>
      <c r="L2037">
        <f t="shared" si="240"/>
        <v>15.462808241862222</v>
      </c>
      <c r="M2037">
        <f t="shared" si="241"/>
        <v>0</v>
      </c>
      <c r="N2037" s="46">
        <f t="shared" si="242"/>
        <v>45375.458333328475</v>
      </c>
    </row>
    <row r="2038" spans="2:14" x14ac:dyDescent="0.3">
      <c r="B2038">
        <f t="shared" si="236"/>
        <v>7</v>
      </c>
      <c r="C2038" s="16">
        <v>2004</v>
      </c>
      <c r="D2038" cm="1">
        <f t="array" ref="D2038">IFERROR(INDEX(Jesper!AH$2:AH$366,ROUNDDOWN($C2038/24,0)+1,1)*INDEX($D$3:$AA$30,INDEX(Jesper!$R$2:$R$366,ROW(INDEX(Jesper!AH$2:AH$366,ROUNDDOWN($C2038/24,0)+1,1))-1)+IF('Standard Profiles'!$G$18=$B$10,7,0)+IF('Standard Profiles'!$G$18=$B$17,14,0)+IF('Standard Profiles'!$G$18=$B$24,21,0),MOD($C2038,24)+1)/SUM(INDEX($D$3:$AA$30,INDEX(Jesper!$R$2:$R$366,ROW(INDEX(Jesper!AH$2:AH$366,ROUNDDOWN($C2038/24,0)+1,1))-1)+IF('Standard Profiles'!$G$18=$B$10,7,0)+IF('Standard Profiles'!$G$18=$B$17,14,0)+IF('Standard Profiles'!$G$18=$B$24,21,0),0)),0)</f>
        <v>14.905246114247852</v>
      </c>
      <c r="E2038" cm="1">
        <f t="array" ref="E2038">IFERROR(INDEX(Jesper!AI$2:AI$366,ROUNDDOWN($C2038/24,0)+1,1)*INDEX($D$3:$AA$30,INDEX(Jesper!$R$2:$R$366,ROW(INDEX(Jesper!AI$2:AI$366,ROUNDDOWN($C2038/24,0)+1,1))-1)+IF('Standard Profiles'!$G$19=$B$10,7,0)+IF('Standard Profiles'!$G$19=$B$17,14,0)+IF('Standard Profiles'!$G$19=$B$24,21,0),MOD($C2038,24)+1)/SUM(INDEX($D$3:$AA$30,INDEX(Jesper!$R$2:$R$366,ROW(INDEX(Jesper!AI$2:AI$366,ROUNDDOWN($C2038/24,0)+1,1))-1)+IF('Standard Profiles'!$G$19=$B$10,7,0)+IF('Standard Profiles'!$G$19=$B$17,14,0)+IF('Standard Profiles'!$G$19=$B$24,21,0),0)),0)</f>
        <v>3.5031733678412285</v>
      </c>
      <c r="F2038" cm="1">
        <f t="array" ref="F2038">IFERROR(INDEX(Jesper!AJ$2:AJ$366,ROUNDDOWN($C2038/24,0)+1,1)*INDEX($D$3:$AA$30,INDEX(Jesper!$R$2:$R$366,ROW(INDEX(Jesper!AJ$2:AJ$366,ROUNDDOWN($C2038/24,0)+1,1))-1)+IF('Standard Profiles'!$G$20=$B$10,7,0)+IF('Standard Profiles'!$G$20=$B$17,14,0)+IF('Standard Profiles'!$G$20=$B$24,21,0),MOD($C2038,24)+1)/SUM(INDEX($D$3:$AA$30,INDEX(Jesper!$R$2:$R$366,ROW(INDEX(Jesper!AJ$2:AJ$366,ROUNDDOWN($C2038/24,0)+1,1))-1)+IF('Standard Profiles'!$G$20=$B$10,7,0)+IF('Standard Profiles'!$G$20=$B$17,14,0)+IF('Standard Profiles'!$G$20=$B$24,21,0),0)),0)</f>
        <v>0</v>
      </c>
      <c r="G2038" cm="1">
        <f t="array" ref="G2038">IFERROR(INDEX(Jesper!AK$2:AK$366,ROUNDDOWN($C2038/24,0)+1,1)*INDEX($D$3:$AA$30,INDEX(Jesper!$R$2:$R$366,ROW(INDEX(Jesper!AK$2:AK$366,ROUNDDOWN($C2038/24,0)+1,1))-1)+IF('Standard Profiles'!$G$21=$B$10,7,0)+IF('Standard Profiles'!$G$21=$B$17,14,0)+IF('Standard Profiles'!$G$21=$B$24,21,0),MOD($C2038,24)+1)/SUM(INDEX($D$3:$AA$30,INDEX(Jesper!$R$2:$R$366,ROW(INDEX(Jesper!AK$2:AK$366,ROUNDDOWN($C2038/24,0)+1,1))-1)+IF('Standard Profiles'!$G$21=$B$10,7,0)+IF('Standard Profiles'!$G$21=$B$17,14,0)+IF('Standard Profiles'!$G$21=$B$24,21,0),0)),0)</f>
        <v>0</v>
      </c>
      <c r="H2038" cm="1">
        <f t="array" ref="H2038">IFERROR(INDEX(Jesper!AL$2:AL$366,ROUNDDOWN($C2038/24,0)+1,1)*INDEX($D$3:$AA$30,INDEX(Jesper!$R$2:$R$366,ROW(INDEX(Jesper!AL$2:AL$366,ROUNDDOWN($C2038/24,0)+1,1))-1)+IF('Standard Profiles'!$G$22=$B$10,7,0)+IF('Standard Profiles'!$G$22=$B$17,14,0)+IF('Standard Profiles'!$G$22=$B$24,21,0),MOD($C2038,24)+1)/SUM(INDEX($D$3:$AA$30,INDEX(Jesper!$R$2:$R$366,ROW(INDEX(Jesper!AL$2:AL$366,ROUNDDOWN($C2038/24,0)+1,1))-1)+IF('Standard Profiles'!$G$22=$B$10,7,0)+IF('Standard Profiles'!$G$22=$B$17,14,0)+IF('Standard Profiles'!$G$22=$B$24,21,0),0)),0)</f>
        <v>0</v>
      </c>
      <c r="I2038">
        <f t="shared" si="237"/>
        <v>0.31560120431002064</v>
      </c>
      <c r="J2038">
        <f t="shared" si="238"/>
        <v>1.0520040143667357</v>
      </c>
      <c r="K2038">
        <f t="shared" si="239"/>
        <v>1.5780060215501035</v>
      </c>
      <c r="L2038">
        <f t="shared" si="240"/>
        <v>15.462808241862222</v>
      </c>
      <c r="M2038">
        <f t="shared" si="241"/>
        <v>0</v>
      </c>
      <c r="N2038" s="46">
        <f t="shared" si="242"/>
        <v>45375.49999999514</v>
      </c>
    </row>
    <row r="2039" spans="2:14" x14ac:dyDescent="0.3">
      <c r="B2039">
        <f t="shared" si="236"/>
        <v>7</v>
      </c>
      <c r="C2039" s="16">
        <v>2005</v>
      </c>
      <c r="D2039" cm="1">
        <f t="array" ref="D2039">IFERROR(INDEX(Jesper!AH$2:AH$366,ROUNDDOWN($C2039/24,0)+1,1)*INDEX($D$3:$AA$30,INDEX(Jesper!$R$2:$R$366,ROW(INDEX(Jesper!AH$2:AH$366,ROUNDDOWN($C2039/24,0)+1,1))-1)+IF('Standard Profiles'!$G$18=$B$10,7,0)+IF('Standard Profiles'!$G$18=$B$17,14,0)+IF('Standard Profiles'!$G$18=$B$24,21,0),MOD($C2039,24)+1)/SUM(INDEX($D$3:$AA$30,INDEX(Jesper!$R$2:$R$366,ROW(INDEX(Jesper!AH$2:AH$366,ROUNDDOWN($C2039/24,0)+1,1))-1)+IF('Standard Profiles'!$G$18=$B$10,7,0)+IF('Standard Profiles'!$G$18=$B$17,14,0)+IF('Standard Profiles'!$G$18=$B$24,21,0),0)),0)</f>
        <v>14.905246114247852</v>
      </c>
      <c r="E2039" cm="1">
        <f t="array" ref="E2039">IFERROR(INDEX(Jesper!AI$2:AI$366,ROUNDDOWN($C2039/24,0)+1,1)*INDEX($D$3:$AA$30,INDEX(Jesper!$R$2:$R$366,ROW(INDEX(Jesper!AI$2:AI$366,ROUNDDOWN($C2039/24,0)+1,1))-1)+IF('Standard Profiles'!$G$19=$B$10,7,0)+IF('Standard Profiles'!$G$19=$B$17,14,0)+IF('Standard Profiles'!$G$19=$B$24,21,0),MOD($C2039,24)+1)/SUM(INDEX($D$3:$AA$30,INDEX(Jesper!$R$2:$R$366,ROW(INDEX(Jesper!AI$2:AI$366,ROUNDDOWN($C2039/24,0)+1,1))-1)+IF('Standard Profiles'!$G$19=$B$10,7,0)+IF('Standard Profiles'!$G$19=$B$17,14,0)+IF('Standard Profiles'!$G$19=$B$24,21,0),0)),0)</f>
        <v>3.5031733678412285</v>
      </c>
      <c r="F2039" cm="1">
        <f t="array" ref="F2039">IFERROR(INDEX(Jesper!AJ$2:AJ$366,ROUNDDOWN($C2039/24,0)+1,1)*INDEX($D$3:$AA$30,INDEX(Jesper!$R$2:$R$366,ROW(INDEX(Jesper!AJ$2:AJ$366,ROUNDDOWN($C2039/24,0)+1,1))-1)+IF('Standard Profiles'!$G$20=$B$10,7,0)+IF('Standard Profiles'!$G$20=$B$17,14,0)+IF('Standard Profiles'!$G$20=$B$24,21,0),MOD($C2039,24)+1)/SUM(INDEX($D$3:$AA$30,INDEX(Jesper!$R$2:$R$366,ROW(INDEX(Jesper!AJ$2:AJ$366,ROUNDDOWN($C2039/24,0)+1,1))-1)+IF('Standard Profiles'!$G$20=$B$10,7,0)+IF('Standard Profiles'!$G$20=$B$17,14,0)+IF('Standard Profiles'!$G$20=$B$24,21,0),0)),0)</f>
        <v>0</v>
      </c>
      <c r="G2039" cm="1">
        <f t="array" ref="G2039">IFERROR(INDEX(Jesper!AK$2:AK$366,ROUNDDOWN($C2039/24,0)+1,1)*INDEX($D$3:$AA$30,INDEX(Jesper!$R$2:$R$366,ROW(INDEX(Jesper!AK$2:AK$366,ROUNDDOWN($C2039/24,0)+1,1))-1)+IF('Standard Profiles'!$G$21=$B$10,7,0)+IF('Standard Profiles'!$G$21=$B$17,14,0)+IF('Standard Profiles'!$G$21=$B$24,21,0),MOD($C2039,24)+1)/SUM(INDEX($D$3:$AA$30,INDEX(Jesper!$R$2:$R$366,ROW(INDEX(Jesper!AK$2:AK$366,ROUNDDOWN($C2039/24,0)+1,1))-1)+IF('Standard Profiles'!$G$21=$B$10,7,0)+IF('Standard Profiles'!$G$21=$B$17,14,0)+IF('Standard Profiles'!$G$21=$B$24,21,0),0)),0)</f>
        <v>0</v>
      </c>
      <c r="H2039" cm="1">
        <f t="array" ref="H2039">IFERROR(INDEX(Jesper!AL$2:AL$366,ROUNDDOWN($C2039/24,0)+1,1)*INDEX($D$3:$AA$30,INDEX(Jesper!$R$2:$R$366,ROW(INDEX(Jesper!AL$2:AL$366,ROUNDDOWN($C2039/24,0)+1,1))-1)+IF('Standard Profiles'!$G$22=$B$10,7,0)+IF('Standard Profiles'!$G$22=$B$17,14,0)+IF('Standard Profiles'!$G$22=$B$24,21,0),MOD($C2039,24)+1)/SUM(INDEX($D$3:$AA$30,INDEX(Jesper!$R$2:$R$366,ROW(INDEX(Jesper!AL$2:AL$366,ROUNDDOWN($C2039/24,0)+1,1))-1)+IF('Standard Profiles'!$G$22=$B$10,7,0)+IF('Standard Profiles'!$G$22=$B$17,14,0)+IF('Standard Profiles'!$G$22=$B$24,21,0),0)),0)</f>
        <v>0</v>
      </c>
      <c r="I2039">
        <f t="shared" si="237"/>
        <v>0.31560120431002064</v>
      </c>
      <c r="J2039">
        <f t="shared" si="238"/>
        <v>1.0520040143667357</v>
      </c>
      <c r="K2039">
        <f t="shared" si="239"/>
        <v>1.5780060215501035</v>
      </c>
      <c r="L2039">
        <f t="shared" si="240"/>
        <v>15.462808241862222</v>
      </c>
      <c r="M2039">
        <f t="shared" si="241"/>
        <v>0</v>
      </c>
      <c r="N2039" s="46">
        <f t="shared" si="242"/>
        <v>45375.541666661804</v>
      </c>
    </row>
    <row r="2040" spans="2:14" x14ac:dyDescent="0.3">
      <c r="B2040">
        <f t="shared" si="236"/>
        <v>7</v>
      </c>
      <c r="C2040" s="16">
        <v>2006</v>
      </c>
      <c r="D2040" cm="1">
        <f t="array" ref="D2040">IFERROR(INDEX(Jesper!AH$2:AH$366,ROUNDDOWN($C2040/24,0)+1,1)*INDEX($D$3:$AA$30,INDEX(Jesper!$R$2:$R$366,ROW(INDEX(Jesper!AH$2:AH$366,ROUNDDOWN($C2040/24,0)+1,1))-1)+IF('Standard Profiles'!$G$18=$B$10,7,0)+IF('Standard Profiles'!$G$18=$B$17,14,0)+IF('Standard Profiles'!$G$18=$B$24,21,0),MOD($C2040,24)+1)/SUM(INDEX($D$3:$AA$30,INDEX(Jesper!$R$2:$R$366,ROW(INDEX(Jesper!AH$2:AH$366,ROUNDDOWN($C2040/24,0)+1,1))-1)+IF('Standard Profiles'!$G$18=$B$10,7,0)+IF('Standard Profiles'!$G$18=$B$17,14,0)+IF('Standard Profiles'!$G$18=$B$24,21,0),0)),0)</f>
        <v>14.905246114247852</v>
      </c>
      <c r="E2040" cm="1">
        <f t="array" ref="E2040">IFERROR(INDEX(Jesper!AI$2:AI$366,ROUNDDOWN($C2040/24,0)+1,1)*INDEX($D$3:$AA$30,INDEX(Jesper!$R$2:$R$366,ROW(INDEX(Jesper!AI$2:AI$366,ROUNDDOWN($C2040/24,0)+1,1))-1)+IF('Standard Profiles'!$G$19=$B$10,7,0)+IF('Standard Profiles'!$G$19=$B$17,14,0)+IF('Standard Profiles'!$G$19=$B$24,21,0),MOD($C2040,24)+1)/SUM(INDEX($D$3:$AA$30,INDEX(Jesper!$R$2:$R$366,ROW(INDEX(Jesper!AI$2:AI$366,ROUNDDOWN($C2040/24,0)+1,1))-1)+IF('Standard Profiles'!$G$19=$B$10,7,0)+IF('Standard Profiles'!$G$19=$B$17,14,0)+IF('Standard Profiles'!$G$19=$B$24,21,0),0)),0)</f>
        <v>3.5031733678412285</v>
      </c>
      <c r="F2040" cm="1">
        <f t="array" ref="F2040">IFERROR(INDEX(Jesper!AJ$2:AJ$366,ROUNDDOWN($C2040/24,0)+1,1)*INDEX($D$3:$AA$30,INDEX(Jesper!$R$2:$R$366,ROW(INDEX(Jesper!AJ$2:AJ$366,ROUNDDOWN($C2040/24,0)+1,1))-1)+IF('Standard Profiles'!$G$20=$B$10,7,0)+IF('Standard Profiles'!$G$20=$B$17,14,0)+IF('Standard Profiles'!$G$20=$B$24,21,0),MOD($C2040,24)+1)/SUM(INDEX($D$3:$AA$30,INDEX(Jesper!$R$2:$R$366,ROW(INDEX(Jesper!AJ$2:AJ$366,ROUNDDOWN($C2040/24,0)+1,1))-1)+IF('Standard Profiles'!$G$20=$B$10,7,0)+IF('Standard Profiles'!$G$20=$B$17,14,0)+IF('Standard Profiles'!$G$20=$B$24,21,0),0)),0)</f>
        <v>0</v>
      </c>
      <c r="G2040" cm="1">
        <f t="array" ref="G2040">IFERROR(INDEX(Jesper!AK$2:AK$366,ROUNDDOWN($C2040/24,0)+1,1)*INDEX($D$3:$AA$30,INDEX(Jesper!$R$2:$R$366,ROW(INDEX(Jesper!AK$2:AK$366,ROUNDDOWN($C2040/24,0)+1,1))-1)+IF('Standard Profiles'!$G$21=$B$10,7,0)+IF('Standard Profiles'!$G$21=$B$17,14,0)+IF('Standard Profiles'!$G$21=$B$24,21,0),MOD($C2040,24)+1)/SUM(INDEX($D$3:$AA$30,INDEX(Jesper!$R$2:$R$366,ROW(INDEX(Jesper!AK$2:AK$366,ROUNDDOWN($C2040/24,0)+1,1))-1)+IF('Standard Profiles'!$G$21=$B$10,7,0)+IF('Standard Profiles'!$G$21=$B$17,14,0)+IF('Standard Profiles'!$G$21=$B$24,21,0),0)),0)</f>
        <v>0</v>
      </c>
      <c r="H2040" cm="1">
        <f t="array" ref="H2040">IFERROR(INDEX(Jesper!AL$2:AL$366,ROUNDDOWN($C2040/24,0)+1,1)*INDEX($D$3:$AA$30,INDEX(Jesper!$R$2:$R$366,ROW(INDEX(Jesper!AL$2:AL$366,ROUNDDOWN($C2040/24,0)+1,1))-1)+IF('Standard Profiles'!$G$22=$B$10,7,0)+IF('Standard Profiles'!$G$22=$B$17,14,0)+IF('Standard Profiles'!$G$22=$B$24,21,0),MOD($C2040,24)+1)/SUM(INDEX($D$3:$AA$30,INDEX(Jesper!$R$2:$R$366,ROW(INDEX(Jesper!AL$2:AL$366,ROUNDDOWN($C2040/24,0)+1,1))-1)+IF('Standard Profiles'!$G$22=$B$10,7,0)+IF('Standard Profiles'!$G$22=$B$17,14,0)+IF('Standard Profiles'!$G$22=$B$24,21,0),0)),0)</f>
        <v>0</v>
      </c>
      <c r="I2040">
        <f t="shared" si="237"/>
        <v>0.31560120431002064</v>
      </c>
      <c r="J2040">
        <f t="shared" si="238"/>
        <v>1.0520040143667357</v>
      </c>
      <c r="K2040">
        <f t="shared" si="239"/>
        <v>1.5780060215501035</v>
      </c>
      <c r="L2040">
        <f t="shared" si="240"/>
        <v>15.462808241862222</v>
      </c>
      <c r="M2040">
        <f t="shared" si="241"/>
        <v>0</v>
      </c>
      <c r="N2040" s="46">
        <f t="shared" si="242"/>
        <v>45375.583333328468</v>
      </c>
    </row>
    <row r="2041" spans="2:14" x14ac:dyDescent="0.3">
      <c r="B2041">
        <f t="shared" si="236"/>
        <v>7</v>
      </c>
      <c r="C2041" s="16">
        <v>2007</v>
      </c>
      <c r="D2041" cm="1">
        <f t="array" ref="D2041">IFERROR(INDEX(Jesper!AH$2:AH$366,ROUNDDOWN($C2041/24,0)+1,1)*INDEX($D$3:$AA$30,INDEX(Jesper!$R$2:$R$366,ROW(INDEX(Jesper!AH$2:AH$366,ROUNDDOWN($C2041/24,0)+1,1))-1)+IF('Standard Profiles'!$G$18=$B$10,7,0)+IF('Standard Profiles'!$G$18=$B$17,14,0)+IF('Standard Profiles'!$G$18=$B$24,21,0),MOD($C2041,24)+1)/SUM(INDEX($D$3:$AA$30,INDEX(Jesper!$R$2:$R$366,ROW(INDEX(Jesper!AH$2:AH$366,ROUNDDOWN($C2041/24,0)+1,1))-1)+IF('Standard Profiles'!$G$18=$B$10,7,0)+IF('Standard Profiles'!$G$18=$B$17,14,0)+IF('Standard Profiles'!$G$18=$B$24,21,0),0)),0)</f>
        <v>13.249107657109203</v>
      </c>
      <c r="E2041" cm="1">
        <f t="array" ref="E2041">IFERROR(INDEX(Jesper!AI$2:AI$366,ROUNDDOWN($C2041/24,0)+1,1)*INDEX($D$3:$AA$30,INDEX(Jesper!$R$2:$R$366,ROW(INDEX(Jesper!AI$2:AI$366,ROUNDDOWN($C2041/24,0)+1,1))-1)+IF('Standard Profiles'!$G$19=$B$10,7,0)+IF('Standard Profiles'!$G$19=$B$17,14,0)+IF('Standard Profiles'!$G$19=$B$24,21,0),MOD($C2041,24)+1)/SUM(INDEX($D$3:$AA$30,INDEX(Jesper!$R$2:$R$366,ROW(INDEX(Jesper!AI$2:AI$366,ROUNDDOWN($C2041/24,0)+1,1))-1)+IF('Standard Profiles'!$G$19=$B$10,7,0)+IF('Standard Profiles'!$G$19=$B$17,14,0)+IF('Standard Profiles'!$G$19=$B$24,21,0),0)),0)</f>
        <v>3.1139318825255362</v>
      </c>
      <c r="F2041" cm="1">
        <f t="array" ref="F2041">IFERROR(INDEX(Jesper!AJ$2:AJ$366,ROUNDDOWN($C2041/24,0)+1,1)*INDEX($D$3:$AA$30,INDEX(Jesper!$R$2:$R$366,ROW(INDEX(Jesper!AJ$2:AJ$366,ROUNDDOWN($C2041/24,0)+1,1))-1)+IF('Standard Profiles'!$G$20=$B$10,7,0)+IF('Standard Profiles'!$G$20=$B$17,14,0)+IF('Standard Profiles'!$G$20=$B$24,21,0),MOD($C2041,24)+1)/SUM(INDEX($D$3:$AA$30,INDEX(Jesper!$R$2:$R$366,ROW(INDEX(Jesper!AJ$2:AJ$366,ROUNDDOWN($C2041/24,0)+1,1))-1)+IF('Standard Profiles'!$G$20=$B$10,7,0)+IF('Standard Profiles'!$G$20=$B$17,14,0)+IF('Standard Profiles'!$G$20=$B$24,21,0),0)),0)</f>
        <v>0</v>
      </c>
      <c r="G2041" cm="1">
        <f t="array" ref="G2041">IFERROR(INDEX(Jesper!AK$2:AK$366,ROUNDDOWN($C2041/24,0)+1,1)*INDEX($D$3:$AA$30,INDEX(Jesper!$R$2:$R$366,ROW(INDEX(Jesper!AK$2:AK$366,ROUNDDOWN($C2041/24,0)+1,1))-1)+IF('Standard Profiles'!$G$21=$B$10,7,0)+IF('Standard Profiles'!$G$21=$B$17,14,0)+IF('Standard Profiles'!$G$21=$B$24,21,0),MOD($C2041,24)+1)/SUM(INDEX($D$3:$AA$30,INDEX(Jesper!$R$2:$R$366,ROW(INDEX(Jesper!AK$2:AK$366,ROUNDDOWN($C2041/24,0)+1,1))-1)+IF('Standard Profiles'!$G$21=$B$10,7,0)+IF('Standard Profiles'!$G$21=$B$17,14,0)+IF('Standard Profiles'!$G$21=$B$24,21,0),0)),0)</f>
        <v>0</v>
      </c>
      <c r="H2041" cm="1">
        <f t="array" ref="H2041">IFERROR(INDEX(Jesper!AL$2:AL$366,ROUNDDOWN($C2041/24,0)+1,1)*INDEX($D$3:$AA$30,INDEX(Jesper!$R$2:$R$366,ROW(INDEX(Jesper!AL$2:AL$366,ROUNDDOWN($C2041/24,0)+1,1))-1)+IF('Standard Profiles'!$G$22=$B$10,7,0)+IF('Standard Profiles'!$G$22=$B$17,14,0)+IF('Standard Profiles'!$G$22=$B$24,21,0),MOD($C2041,24)+1)/SUM(INDEX($D$3:$AA$30,INDEX(Jesper!$R$2:$R$366,ROW(INDEX(Jesper!AL$2:AL$366,ROUNDDOWN($C2041/24,0)+1,1))-1)+IF('Standard Profiles'!$G$22=$B$10,7,0)+IF('Standard Profiles'!$G$22=$B$17,14,0)+IF('Standard Profiles'!$G$22=$B$24,21,0),0)),0)</f>
        <v>0</v>
      </c>
      <c r="I2041">
        <f t="shared" si="237"/>
        <v>0.28053440383112949</v>
      </c>
      <c r="J2041">
        <f t="shared" si="238"/>
        <v>0.93511467943709836</v>
      </c>
      <c r="K2041">
        <f t="shared" si="239"/>
        <v>1.4026720191556474</v>
      </c>
      <c r="L2041">
        <f t="shared" si="240"/>
        <v>13.744718437210864</v>
      </c>
      <c r="M2041">
        <f t="shared" si="241"/>
        <v>0</v>
      </c>
      <c r="N2041" s="46">
        <f t="shared" si="242"/>
        <v>45375.624999995132</v>
      </c>
    </row>
    <row r="2042" spans="2:14" x14ac:dyDescent="0.3">
      <c r="B2042">
        <f t="shared" si="236"/>
        <v>7</v>
      </c>
      <c r="C2042" s="16">
        <v>2008</v>
      </c>
      <c r="D2042" cm="1">
        <f t="array" ref="D2042">IFERROR(INDEX(Jesper!AH$2:AH$366,ROUNDDOWN($C2042/24,0)+1,1)*INDEX($D$3:$AA$30,INDEX(Jesper!$R$2:$R$366,ROW(INDEX(Jesper!AH$2:AH$366,ROUNDDOWN($C2042/24,0)+1,1))-1)+IF('Standard Profiles'!$G$18=$B$10,7,0)+IF('Standard Profiles'!$G$18=$B$17,14,0)+IF('Standard Profiles'!$G$18=$B$24,21,0),MOD($C2042,24)+1)/SUM(INDEX($D$3:$AA$30,INDEX(Jesper!$R$2:$R$366,ROW(INDEX(Jesper!AH$2:AH$366,ROUNDDOWN($C2042/24,0)+1,1))-1)+IF('Standard Profiles'!$G$18=$B$10,7,0)+IF('Standard Profiles'!$G$18=$B$17,14,0)+IF('Standard Profiles'!$G$18=$B$24,21,0),0)),0)</f>
        <v>13.012516448946537</v>
      </c>
      <c r="E2042" cm="1">
        <f t="array" ref="E2042">IFERROR(INDEX(Jesper!AI$2:AI$366,ROUNDDOWN($C2042/24,0)+1,1)*INDEX($D$3:$AA$30,INDEX(Jesper!$R$2:$R$366,ROW(INDEX(Jesper!AI$2:AI$366,ROUNDDOWN($C2042/24,0)+1,1))-1)+IF('Standard Profiles'!$G$19=$B$10,7,0)+IF('Standard Profiles'!$G$19=$B$17,14,0)+IF('Standard Profiles'!$G$19=$B$24,21,0),MOD($C2042,24)+1)/SUM(INDEX($D$3:$AA$30,INDEX(Jesper!$R$2:$R$366,ROW(INDEX(Jesper!AI$2:AI$366,ROUNDDOWN($C2042/24,0)+1,1))-1)+IF('Standard Profiles'!$G$19=$B$10,7,0)+IF('Standard Profiles'!$G$19=$B$17,14,0)+IF('Standard Profiles'!$G$19=$B$24,21,0),0)),0)</f>
        <v>3.0583259560518656</v>
      </c>
      <c r="F2042" cm="1">
        <f t="array" ref="F2042">IFERROR(INDEX(Jesper!AJ$2:AJ$366,ROUNDDOWN($C2042/24,0)+1,1)*INDEX($D$3:$AA$30,INDEX(Jesper!$R$2:$R$366,ROW(INDEX(Jesper!AJ$2:AJ$366,ROUNDDOWN($C2042/24,0)+1,1))-1)+IF('Standard Profiles'!$G$20=$B$10,7,0)+IF('Standard Profiles'!$G$20=$B$17,14,0)+IF('Standard Profiles'!$G$20=$B$24,21,0),MOD($C2042,24)+1)/SUM(INDEX($D$3:$AA$30,INDEX(Jesper!$R$2:$R$366,ROW(INDEX(Jesper!AJ$2:AJ$366,ROUNDDOWN($C2042/24,0)+1,1))-1)+IF('Standard Profiles'!$G$20=$B$10,7,0)+IF('Standard Profiles'!$G$20=$B$17,14,0)+IF('Standard Profiles'!$G$20=$B$24,21,0),0)),0)</f>
        <v>0</v>
      </c>
      <c r="G2042" cm="1">
        <f t="array" ref="G2042">IFERROR(INDEX(Jesper!AK$2:AK$366,ROUNDDOWN($C2042/24,0)+1,1)*INDEX($D$3:$AA$30,INDEX(Jesper!$R$2:$R$366,ROW(INDEX(Jesper!AK$2:AK$366,ROUNDDOWN($C2042/24,0)+1,1))-1)+IF('Standard Profiles'!$G$21=$B$10,7,0)+IF('Standard Profiles'!$G$21=$B$17,14,0)+IF('Standard Profiles'!$G$21=$B$24,21,0),MOD($C2042,24)+1)/SUM(INDEX($D$3:$AA$30,INDEX(Jesper!$R$2:$R$366,ROW(INDEX(Jesper!AK$2:AK$366,ROUNDDOWN($C2042/24,0)+1,1))-1)+IF('Standard Profiles'!$G$21=$B$10,7,0)+IF('Standard Profiles'!$G$21=$B$17,14,0)+IF('Standard Profiles'!$G$21=$B$24,21,0),0)),0)</f>
        <v>0</v>
      </c>
      <c r="H2042" cm="1">
        <f t="array" ref="H2042">IFERROR(INDEX(Jesper!AL$2:AL$366,ROUNDDOWN($C2042/24,0)+1,1)*INDEX($D$3:$AA$30,INDEX(Jesper!$R$2:$R$366,ROW(INDEX(Jesper!AL$2:AL$366,ROUNDDOWN($C2042/24,0)+1,1))-1)+IF('Standard Profiles'!$G$22=$B$10,7,0)+IF('Standard Profiles'!$G$22=$B$17,14,0)+IF('Standard Profiles'!$G$22=$B$24,21,0),MOD($C2042,24)+1)/SUM(INDEX($D$3:$AA$30,INDEX(Jesper!$R$2:$R$366,ROW(INDEX(Jesper!AL$2:AL$366,ROUNDDOWN($C2042/24,0)+1,1))-1)+IF('Standard Profiles'!$G$22=$B$10,7,0)+IF('Standard Profiles'!$G$22=$B$17,14,0)+IF('Standard Profiles'!$G$22=$B$24,21,0),0)),0)</f>
        <v>0</v>
      </c>
      <c r="I2042">
        <f t="shared" si="237"/>
        <v>0.27552486090557354</v>
      </c>
      <c r="J2042">
        <f t="shared" si="238"/>
        <v>0.91841620301857863</v>
      </c>
      <c r="K2042">
        <f t="shared" si="239"/>
        <v>1.377624304527868</v>
      </c>
      <c r="L2042">
        <f t="shared" si="240"/>
        <v>13.499277036546383</v>
      </c>
      <c r="M2042">
        <f t="shared" si="241"/>
        <v>0</v>
      </c>
      <c r="N2042" s="46">
        <f t="shared" si="242"/>
        <v>45375.666666661797</v>
      </c>
    </row>
    <row r="2043" spans="2:14" x14ac:dyDescent="0.3">
      <c r="B2043">
        <f t="shared" si="236"/>
        <v>7</v>
      </c>
      <c r="C2043" s="16">
        <v>2009</v>
      </c>
      <c r="D2043" cm="1">
        <f t="array" ref="D2043">IFERROR(INDEX(Jesper!AH$2:AH$366,ROUNDDOWN($C2043/24,0)+1,1)*INDEX($D$3:$AA$30,INDEX(Jesper!$R$2:$R$366,ROW(INDEX(Jesper!AH$2:AH$366,ROUNDDOWN($C2043/24,0)+1,1))-1)+IF('Standard Profiles'!$G$18=$B$10,7,0)+IF('Standard Profiles'!$G$18=$B$17,14,0)+IF('Standard Profiles'!$G$18=$B$24,21,0),MOD($C2043,24)+1)/SUM(INDEX($D$3:$AA$30,INDEX(Jesper!$R$2:$R$366,ROW(INDEX(Jesper!AH$2:AH$366,ROUNDDOWN($C2043/24,0)+1,1))-1)+IF('Standard Profiles'!$G$18=$B$10,7,0)+IF('Standard Profiles'!$G$18=$B$17,14,0)+IF('Standard Profiles'!$G$18=$B$24,21,0),0)),0)</f>
        <v>11.119786783645223</v>
      </c>
      <c r="E2043" cm="1">
        <f t="array" ref="E2043">IFERROR(INDEX(Jesper!AI$2:AI$366,ROUNDDOWN($C2043/24,0)+1,1)*INDEX($D$3:$AA$30,INDEX(Jesper!$R$2:$R$366,ROW(INDEX(Jesper!AI$2:AI$366,ROUNDDOWN($C2043/24,0)+1,1))-1)+IF('Standard Profiles'!$G$19=$B$10,7,0)+IF('Standard Profiles'!$G$19=$B$17,14,0)+IF('Standard Profiles'!$G$19=$B$24,21,0),MOD($C2043,24)+1)/SUM(INDEX($D$3:$AA$30,INDEX(Jesper!$R$2:$R$366,ROW(INDEX(Jesper!AI$2:AI$366,ROUNDDOWN($C2043/24,0)+1,1))-1)+IF('Standard Profiles'!$G$19=$B$10,7,0)+IF('Standard Profiles'!$G$19=$B$17,14,0)+IF('Standard Profiles'!$G$19=$B$24,21,0),0)),0)</f>
        <v>2.6134785442625037</v>
      </c>
      <c r="F2043" cm="1">
        <f t="array" ref="F2043">IFERROR(INDEX(Jesper!AJ$2:AJ$366,ROUNDDOWN($C2043/24,0)+1,1)*INDEX($D$3:$AA$30,INDEX(Jesper!$R$2:$R$366,ROW(INDEX(Jesper!AJ$2:AJ$366,ROUNDDOWN($C2043/24,0)+1,1))-1)+IF('Standard Profiles'!$G$20=$B$10,7,0)+IF('Standard Profiles'!$G$20=$B$17,14,0)+IF('Standard Profiles'!$G$20=$B$24,21,0),MOD($C2043,24)+1)/SUM(INDEX($D$3:$AA$30,INDEX(Jesper!$R$2:$R$366,ROW(INDEX(Jesper!AJ$2:AJ$366,ROUNDDOWN($C2043/24,0)+1,1))-1)+IF('Standard Profiles'!$G$20=$B$10,7,0)+IF('Standard Profiles'!$G$20=$B$17,14,0)+IF('Standard Profiles'!$G$20=$B$24,21,0),0)),0)</f>
        <v>0</v>
      </c>
      <c r="G2043" cm="1">
        <f t="array" ref="G2043">IFERROR(INDEX(Jesper!AK$2:AK$366,ROUNDDOWN($C2043/24,0)+1,1)*INDEX($D$3:$AA$30,INDEX(Jesper!$R$2:$R$366,ROW(INDEX(Jesper!AK$2:AK$366,ROUNDDOWN($C2043/24,0)+1,1))-1)+IF('Standard Profiles'!$G$21=$B$10,7,0)+IF('Standard Profiles'!$G$21=$B$17,14,0)+IF('Standard Profiles'!$G$21=$B$24,21,0),MOD($C2043,24)+1)/SUM(INDEX($D$3:$AA$30,INDEX(Jesper!$R$2:$R$366,ROW(INDEX(Jesper!AK$2:AK$366,ROUNDDOWN($C2043/24,0)+1,1))-1)+IF('Standard Profiles'!$G$21=$B$10,7,0)+IF('Standard Profiles'!$G$21=$B$17,14,0)+IF('Standard Profiles'!$G$21=$B$24,21,0),0)),0)</f>
        <v>0</v>
      </c>
      <c r="H2043" cm="1">
        <f t="array" ref="H2043">IFERROR(INDEX(Jesper!AL$2:AL$366,ROUNDDOWN($C2043/24,0)+1,1)*INDEX($D$3:$AA$30,INDEX(Jesper!$R$2:$R$366,ROW(INDEX(Jesper!AL$2:AL$366,ROUNDDOWN($C2043/24,0)+1,1))-1)+IF('Standard Profiles'!$G$22=$B$10,7,0)+IF('Standard Profiles'!$G$22=$B$17,14,0)+IF('Standard Profiles'!$G$22=$B$24,21,0),MOD($C2043,24)+1)/SUM(INDEX($D$3:$AA$30,INDEX(Jesper!$R$2:$R$366,ROW(INDEX(Jesper!AL$2:AL$366,ROUNDDOWN($C2043/24,0)+1,1))-1)+IF('Standard Profiles'!$G$22=$B$10,7,0)+IF('Standard Profiles'!$G$22=$B$17,14,0)+IF('Standard Profiles'!$G$22=$B$24,21,0),0)),0)</f>
        <v>0</v>
      </c>
      <c r="I2043">
        <f t="shared" si="237"/>
        <v>0.23544851750112653</v>
      </c>
      <c r="J2043">
        <f t="shared" si="238"/>
        <v>0.78482839167042184</v>
      </c>
      <c r="K2043">
        <f t="shared" si="239"/>
        <v>1.1772425875056327</v>
      </c>
      <c r="L2043">
        <f t="shared" si="240"/>
        <v>11.535745831230546</v>
      </c>
      <c r="M2043">
        <f t="shared" si="241"/>
        <v>0</v>
      </c>
      <c r="N2043" s="46">
        <f t="shared" si="242"/>
        <v>45375.708333328461</v>
      </c>
    </row>
    <row r="2044" spans="2:14" x14ac:dyDescent="0.3">
      <c r="B2044">
        <f t="shared" si="236"/>
        <v>7</v>
      </c>
      <c r="C2044" s="16">
        <v>2010</v>
      </c>
      <c r="D2044" cm="1">
        <f t="array" ref="D2044">IFERROR(INDEX(Jesper!AH$2:AH$366,ROUNDDOWN($C2044/24,0)+1,1)*INDEX($D$3:$AA$30,INDEX(Jesper!$R$2:$R$366,ROW(INDEX(Jesper!AH$2:AH$366,ROUNDDOWN($C2044/24,0)+1,1))-1)+IF('Standard Profiles'!$G$18=$B$10,7,0)+IF('Standard Profiles'!$G$18=$B$17,14,0)+IF('Standard Profiles'!$G$18=$B$24,21,0),MOD($C2044,24)+1)/SUM(INDEX($D$3:$AA$30,INDEX(Jesper!$R$2:$R$366,ROW(INDEX(Jesper!AH$2:AH$366,ROUNDDOWN($C2044/24,0)+1,1))-1)+IF('Standard Profiles'!$G$18=$B$10,7,0)+IF('Standard Profiles'!$G$18=$B$17,14,0)+IF('Standard Profiles'!$G$18=$B$24,21,0),0)),0)</f>
        <v>10.410013159157229</v>
      </c>
      <c r="E2044" cm="1">
        <f t="array" ref="E2044">IFERROR(INDEX(Jesper!AI$2:AI$366,ROUNDDOWN($C2044/24,0)+1,1)*INDEX($D$3:$AA$30,INDEX(Jesper!$R$2:$R$366,ROW(INDEX(Jesper!AI$2:AI$366,ROUNDDOWN($C2044/24,0)+1,1))-1)+IF('Standard Profiles'!$G$19=$B$10,7,0)+IF('Standard Profiles'!$G$19=$B$17,14,0)+IF('Standard Profiles'!$G$19=$B$24,21,0),MOD($C2044,24)+1)/SUM(INDEX($D$3:$AA$30,INDEX(Jesper!$R$2:$R$366,ROW(INDEX(Jesper!AI$2:AI$366,ROUNDDOWN($C2044/24,0)+1,1))-1)+IF('Standard Profiles'!$G$19=$B$10,7,0)+IF('Standard Profiles'!$G$19=$B$17,14,0)+IF('Standard Profiles'!$G$19=$B$24,21,0),0)),0)</f>
        <v>2.4466607648414929</v>
      </c>
      <c r="F2044" cm="1">
        <f t="array" ref="F2044">IFERROR(INDEX(Jesper!AJ$2:AJ$366,ROUNDDOWN($C2044/24,0)+1,1)*INDEX($D$3:$AA$30,INDEX(Jesper!$R$2:$R$366,ROW(INDEX(Jesper!AJ$2:AJ$366,ROUNDDOWN($C2044/24,0)+1,1))-1)+IF('Standard Profiles'!$G$20=$B$10,7,0)+IF('Standard Profiles'!$G$20=$B$17,14,0)+IF('Standard Profiles'!$G$20=$B$24,21,0),MOD($C2044,24)+1)/SUM(INDEX($D$3:$AA$30,INDEX(Jesper!$R$2:$R$366,ROW(INDEX(Jesper!AJ$2:AJ$366,ROUNDDOWN($C2044/24,0)+1,1))-1)+IF('Standard Profiles'!$G$20=$B$10,7,0)+IF('Standard Profiles'!$G$20=$B$17,14,0)+IF('Standard Profiles'!$G$20=$B$24,21,0),0)),0)</f>
        <v>0</v>
      </c>
      <c r="G2044" cm="1">
        <f t="array" ref="G2044">IFERROR(INDEX(Jesper!AK$2:AK$366,ROUNDDOWN($C2044/24,0)+1,1)*INDEX($D$3:$AA$30,INDEX(Jesper!$R$2:$R$366,ROW(INDEX(Jesper!AK$2:AK$366,ROUNDDOWN($C2044/24,0)+1,1))-1)+IF('Standard Profiles'!$G$21=$B$10,7,0)+IF('Standard Profiles'!$G$21=$B$17,14,0)+IF('Standard Profiles'!$G$21=$B$24,21,0),MOD($C2044,24)+1)/SUM(INDEX($D$3:$AA$30,INDEX(Jesper!$R$2:$R$366,ROW(INDEX(Jesper!AK$2:AK$366,ROUNDDOWN($C2044/24,0)+1,1))-1)+IF('Standard Profiles'!$G$21=$B$10,7,0)+IF('Standard Profiles'!$G$21=$B$17,14,0)+IF('Standard Profiles'!$G$21=$B$24,21,0),0)),0)</f>
        <v>0</v>
      </c>
      <c r="H2044" cm="1">
        <f t="array" ref="H2044">IFERROR(INDEX(Jesper!AL$2:AL$366,ROUNDDOWN($C2044/24,0)+1,1)*INDEX($D$3:$AA$30,INDEX(Jesper!$R$2:$R$366,ROW(INDEX(Jesper!AL$2:AL$366,ROUNDDOWN($C2044/24,0)+1,1))-1)+IF('Standard Profiles'!$G$22=$B$10,7,0)+IF('Standard Profiles'!$G$22=$B$17,14,0)+IF('Standard Profiles'!$G$22=$B$24,21,0),MOD($C2044,24)+1)/SUM(INDEX($D$3:$AA$30,INDEX(Jesper!$R$2:$R$366,ROW(INDEX(Jesper!AL$2:AL$366,ROUNDDOWN($C2044/24,0)+1,1))-1)+IF('Standard Profiles'!$G$22=$B$10,7,0)+IF('Standard Profiles'!$G$22=$B$17,14,0)+IF('Standard Profiles'!$G$22=$B$24,21,0),0)),0)</f>
        <v>0</v>
      </c>
      <c r="I2044">
        <f t="shared" si="237"/>
        <v>0.22041988872445886</v>
      </c>
      <c r="J2044">
        <f t="shared" si="238"/>
        <v>0.73473296241486297</v>
      </c>
      <c r="K2044">
        <f t="shared" si="239"/>
        <v>1.1020994436222946</v>
      </c>
      <c r="L2044">
        <f t="shared" si="240"/>
        <v>10.799421629237106</v>
      </c>
      <c r="M2044">
        <f t="shared" si="241"/>
        <v>0</v>
      </c>
      <c r="N2044" s="46">
        <f t="shared" si="242"/>
        <v>45375.749999995125</v>
      </c>
    </row>
    <row r="2045" spans="2:14" x14ac:dyDescent="0.3">
      <c r="B2045">
        <f t="shared" si="236"/>
        <v>7</v>
      </c>
      <c r="C2045" s="16">
        <v>2011</v>
      </c>
      <c r="D2045" cm="1">
        <f t="array" ref="D2045">IFERROR(INDEX(Jesper!AH$2:AH$366,ROUNDDOWN($C2045/24,0)+1,1)*INDEX($D$3:$AA$30,INDEX(Jesper!$R$2:$R$366,ROW(INDEX(Jesper!AH$2:AH$366,ROUNDDOWN($C2045/24,0)+1,1))-1)+IF('Standard Profiles'!$G$18=$B$10,7,0)+IF('Standard Profiles'!$G$18=$B$17,14,0)+IF('Standard Profiles'!$G$18=$B$24,21,0),MOD($C2045,24)+1)/SUM(INDEX($D$3:$AA$30,INDEX(Jesper!$R$2:$R$366,ROW(INDEX(Jesper!AH$2:AH$366,ROUNDDOWN($C2045/24,0)+1,1))-1)+IF('Standard Profiles'!$G$18=$B$10,7,0)+IF('Standard Profiles'!$G$18=$B$17,14,0)+IF('Standard Profiles'!$G$18=$B$24,21,0),0)),0)</f>
        <v>8.7538747020185799</v>
      </c>
      <c r="E2045" cm="1">
        <f t="array" ref="E2045">IFERROR(INDEX(Jesper!AI$2:AI$366,ROUNDDOWN($C2045/24,0)+1,1)*INDEX($D$3:$AA$30,INDEX(Jesper!$R$2:$R$366,ROW(INDEX(Jesper!AI$2:AI$366,ROUNDDOWN($C2045/24,0)+1,1))-1)+IF('Standard Profiles'!$G$19=$B$10,7,0)+IF('Standard Profiles'!$G$19=$B$17,14,0)+IF('Standard Profiles'!$G$19=$B$24,21,0),MOD($C2045,24)+1)/SUM(INDEX($D$3:$AA$30,INDEX(Jesper!$R$2:$R$366,ROW(INDEX(Jesper!AI$2:AI$366,ROUNDDOWN($C2045/24,0)+1,1))-1)+IF('Standard Profiles'!$G$19=$B$10,7,0)+IF('Standard Profiles'!$G$19=$B$17,14,0)+IF('Standard Profiles'!$G$19=$B$24,21,0),0)),0)</f>
        <v>2.0574192795258006</v>
      </c>
      <c r="F2045" cm="1">
        <f t="array" ref="F2045">IFERROR(INDEX(Jesper!AJ$2:AJ$366,ROUNDDOWN($C2045/24,0)+1,1)*INDEX($D$3:$AA$30,INDEX(Jesper!$R$2:$R$366,ROW(INDEX(Jesper!AJ$2:AJ$366,ROUNDDOWN($C2045/24,0)+1,1))-1)+IF('Standard Profiles'!$G$20=$B$10,7,0)+IF('Standard Profiles'!$G$20=$B$17,14,0)+IF('Standard Profiles'!$G$20=$B$24,21,0),MOD($C2045,24)+1)/SUM(INDEX($D$3:$AA$30,INDEX(Jesper!$R$2:$R$366,ROW(INDEX(Jesper!AJ$2:AJ$366,ROUNDDOWN($C2045/24,0)+1,1))-1)+IF('Standard Profiles'!$G$20=$B$10,7,0)+IF('Standard Profiles'!$G$20=$B$17,14,0)+IF('Standard Profiles'!$G$20=$B$24,21,0),0)),0)</f>
        <v>0</v>
      </c>
      <c r="G2045" cm="1">
        <f t="array" ref="G2045">IFERROR(INDEX(Jesper!AK$2:AK$366,ROUNDDOWN($C2045/24,0)+1,1)*INDEX($D$3:$AA$30,INDEX(Jesper!$R$2:$R$366,ROW(INDEX(Jesper!AK$2:AK$366,ROUNDDOWN($C2045/24,0)+1,1))-1)+IF('Standard Profiles'!$G$21=$B$10,7,0)+IF('Standard Profiles'!$G$21=$B$17,14,0)+IF('Standard Profiles'!$G$21=$B$24,21,0),MOD($C2045,24)+1)/SUM(INDEX($D$3:$AA$30,INDEX(Jesper!$R$2:$R$366,ROW(INDEX(Jesper!AK$2:AK$366,ROUNDDOWN($C2045/24,0)+1,1))-1)+IF('Standard Profiles'!$G$21=$B$10,7,0)+IF('Standard Profiles'!$G$21=$B$17,14,0)+IF('Standard Profiles'!$G$21=$B$24,21,0),0)),0)</f>
        <v>0</v>
      </c>
      <c r="H2045" cm="1">
        <f t="array" ref="H2045">IFERROR(INDEX(Jesper!AL$2:AL$366,ROUNDDOWN($C2045/24,0)+1,1)*INDEX($D$3:$AA$30,INDEX(Jesper!$R$2:$R$366,ROW(INDEX(Jesper!AL$2:AL$366,ROUNDDOWN($C2045/24,0)+1,1))-1)+IF('Standard Profiles'!$G$22=$B$10,7,0)+IF('Standard Profiles'!$G$22=$B$17,14,0)+IF('Standard Profiles'!$G$22=$B$24,21,0),MOD($C2045,24)+1)/SUM(INDEX($D$3:$AA$30,INDEX(Jesper!$R$2:$R$366,ROW(INDEX(Jesper!AL$2:AL$366,ROUNDDOWN($C2045/24,0)+1,1))-1)+IF('Standard Profiles'!$G$22=$B$10,7,0)+IF('Standard Profiles'!$G$22=$B$17,14,0)+IF('Standard Profiles'!$G$22=$B$24,21,0),0)),0)</f>
        <v>0</v>
      </c>
      <c r="I2045">
        <f t="shared" si="237"/>
        <v>0.18535308824556768</v>
      </c>
      <c r="J2045">
        <f t="shared" si="238"/>
        <v>0.6178436274852257</v>
      </c>
      <c r="K2045">
        <f t="shared" si="239"/>
        <v>0.92676544122783844</v>
      </c>
      <c r="L2045">
        <f t="shared" si="240"/>
        <v>9.0813318245857495</v>
      </c>
      <c r="M2045">
        <f t="shared" si="241"/>
        <v>0</v>
      </c>
      <c r="N2045" s="46">
        <f t="shared" si="242"/>
        <v>45375.791666661789</v>
      </c>
    </row>
    <row r="2046" spans="2:14" x14ac:dyDescent="0.3">
      <c r="B2046">
        <f t="shared" si="236"/>
        <v>7</v>
      </c>
      <c r="C2046" s="16">
        <v>2012</v>
      </c>
      <c r="D2046" cm="1">
        <f t="array" ref="D2046">IFERROR(INDEX(Jesper!AH$2:AH$366,ROUNDDOWN($C2046/24,0)+1,1)*INDEX($D$3:$AA$30,INDEX(Jesper!$R$2:$R$366,ROW(INDEX(Jesper!AH$2:AH$366,ROUNDDOWN($C2046/24,0)+1,1))-1)+IF('Standard Profiles'!$G$18=$B$10,7,0)+IF('Standard Profiles'!$G$18=$B$17,14,0)+IF('Standard Profiles'!$G$18=$B$24,21,0),MOD($C2046,24)+1)/SUM(INDEX($D$3:$AA$30,INDEX(Jesper!$R$2:$R$366,ROW(INDEX(Jesper!AH$2:AH$366,ROUNDDOWN($C2046/24,0)+1,1))-1)+IF('Standard Profiles'!$G$18=$B$10,7,0)+IF('Standard Profiles'!$G$18=$B$17,14,0)+IF('Standard Profiles'!$G$18=$B$24,21,0),0)),0)</f>
        <v>7.3343274530425937</v>
      </c>
      <c r="E2046" cm="1">
        <f t="array" ref="E2046">IFERROR(INDEX(Jesper!AI$2:AI$366,ROUNDDOWN($C2046/24,0)+1,1)*INDEX($D$3:$AA$30,INDEX(Jesper!$R$2:$R$366,ROW(INDEX(Jesper!AI$2:AI$366,ROUNDDOWN($C2046/24,0)+1,1))-1)+IF('Standard Profiles'!$G$19=$B$10,7,0)+IF('Standard Profiles'!$G$19=$B$17,14,0)+IF('Standard Profiles'!$G$19=$B$24,21,0),MOD($C2046,24)+1)/SUM(INDEX($D$3:$AA$30,INDEX(Jesper!$R$2:$R$366,ROW(INDEX(Jesper!AI$2:AI$366,ROUNDDOWN($C2046/24,0)+1,1))-1)+IF('Standard Profiles'!$G$19=$B$10,7,0)+IF('Standard Profiles'!$G$19=$B$17,14,0)+IF('Standard Profiles'!$G$19=$B$24,21,0),0)),0)</f>
        <v>1.7237837206837789</v>
      </c>
      <c r="F2046" cm="1">
        <f t="array" ref="F2046">IFERROR(INDEX(Jesper!AJ$2:AJ$366,ROUNDDOWN($C2046/24,0)+1,1)*INDEX($D$3:$AA$30,INDEX(Jesper!$R$2:$R$366,ROW(INDEX(Jesper!AJ$2:AJ$366,ROUNDDOWN($C2046/24,0)+1,1))-1)+IF('Standard Profiles'!$G$20=$B$10,7,0)+IF('Standard Profiles'!$G$20=$B$17,14,0)+IF('Standard Profiles'!$G$20=$B$24,21,0),MOD($C2046,24)+1)/SUM(INDEX($D$3:$AA$30,INDEX(Jesper!$R$2:$R$366,ROW(INDEX(Jesper!AJ$2:AJ$366,ROUNDDOWN($C2046/24,0)+1,1))-1)+IF('Standard Profiles'!$G$20=$B$10,7,0)+IF('Standard Profiles'!$G$20=$B$17,14,0)+IF('Standard Profiles'!$G$20=$B$24,21,0),0)),0)</f>
        <v>0</v>
      </c>
      <c r="G2046" cm="1">
        <f t="array" ref="G2046">IFERROR(INDEX(Jesper!AK$2:AK$366,ROUNDDOWN($C2046/24,0)+1,1)*INDEX($D$3:$AA$30,INDEX(Jesper!$R$2:$R$366,ROW(INDEX(Jesper!AK$2:AK$366,ROUNDDOWN($C2046/24,0)+1,1))-1)+IF('Standard Profiles'!$G$21=$B$10,7,0)+IF('Standard Profiles'!$G$21=$B$17,14,0)+IF('Standard Profiles'!$G$21=$B$24,21,0),MOD($C2046,24)+1)/SUM(INDEX($D$3:$AA$30,INDEX(Jesper!$R$2:$R$366,ROW(INDEX(Jesper!AK$2:AK$366,ROUNDDOWN($C2046/24,0)+1,1))-1)+IF('Standard Profiles'!$G$21=$B$10,7,0)+IF('Standard Profiles'!$G$21=$B$17,14,0)+IF('Standard Profiles'!$G$21=$B$24,21,0),0)),0)</f>
        <v>0</v>
      </c>
      <c r="H2046" cm="1">
        <f t="array" ref="H2046">IFERROR(INDEX(Jesper!AL$2:AL$366,ROUNDDOWN($C2046/24,0)+1,1)*INDEX($D$3:$AA$30,INDEX(Jesper!$R$2:$R$366,ROW(INDEX(Jesper!AL$2:AL$366,ROUNDDOWN($C2046/24,0)+1,1))-1)+IF('Standard Profiles'!$G$22=$B$10,7,0)+IF('Standard Profiles'!$G$22=$B$17,14,0)+IF('Standard Profiles'!$G$22=$B$24,21,0),MOD($C2046,24)+1)/SUM(INDEX($D$3:$AA$30,INDEX(Jesper!$R$2:$R$366,ROW(INDEX(Jesper!AL$2:AL$366,ROUNDDOWN($C2046/24,0)+1,1))-1)+IF('Standard Profiles'!$G$22=$B$10,7,0)+IF('Standard Profiles'!$G$22=$B$17,14,0)+IF('Standard Profiles'!$G$22=$B$24,21,0),0)),0)</f>
        <v>0</v>
      </c>
      <c r="I2046">
        <f t="shared" si="237"/>
        <v>0.15529583069223238</v>
      </c>
      <c r="J2046">
        <f t="shared" si="238"/>
        <v>0.51765276897410795</v>
      </c>
      <c r="K2046">
        <f t="shared" si="239"/>
        <v>0.77647915346116203</v>
      </c>
      <c r="L2046">
        <f t="shared" si="240"/>
        <v>7.6086834205988705</v>
      </c>
      <c r="M2046">
        <f t="shared" si="241"/>
        <v>0</v>
      </c>
      <c r="N2046" s="46">
        <f t="shared" si="242"/>
        <v>45375.833333328454</v>
      </c>
    </row>
    <row r="2047" spans="2:14" x14ac:dyDescent="0.3">
      <c r="B2047">
        <f t="shared" si="236"/>
        <v>7</v>
      </c>
      <c r="C2047" s="16">
        <v>2013</v>
      </c>
      <c r="D2047" cm="1">
        <f t="array" ref="D2047">IFERROR(INDEX(Jesper!AH$2:AH$366,ROUNDDOWN($C2047/24,0)+1,1)*INDEX($D$3:$AA$30,INDEX(Jesper!$R$2:$R$366,ROW(INDEX(Jesper!AH$2:AH$366,ROUNDDOWN($C2047/24,0)+1,1))-1)+IF('Standard Profiles'!$G$18=$B$10,7,0)+IF('Standard Profiles'!$G$18=$B$17,14,0)+IF('Standard Profiles'!$G$18=$B$24,21,0),MOD($C2047,24)+1)/SUM(INDEX($D$3:$AA$30,INDEX(Jesper!$R$2:$R$366,ROW(INDEX(Jesper!AH$2:AH$366,ROUNDDOWN($C2047/24,0)+1,1))-1)+IF('Standard Profiles'!$G$18=$B$10,7,0)+IF('Standard Profiles'!$G$18=$B$17,14,0)+IF('Standard Profiles'!$G$18=$B$24,21,0),0)),0)</f>
        <v>6.3879626203919369</v>
      </c>
      <c r="E2047" cm="1">
        <f t="array" ref="E2047">IFERROR(INDEX(Jesper!AI$2:AI$366,ROUNDDOWN($C2047/24,0)+1,1)*INDEX($D$3:$AA$30,INDEX(Jesper!$R$2:$R$366,ROW(INDEX(Jesper!AI$2:AI$366,ROUNDDOWN($C2047/24,0)+1,1))-1)+IF('Standard Profiles'!$G$19=$B$10,7,0)+IF('Standard Profiles'!$G$19=$B$17,14,0)+IF('Standard Profiles'!$G$19=$B$24,21,0),MOD($C2047,24)+1)/SUM(INDEX($D$3:$AA$30,INDEX(Jesper!$R$2:$R$366,ROW(INDEX(Jesper!AI$2:AI$366,ROUNDDOWN($C2047/24,0)+1,1))-1)+IF('Standard Profiles'!$G$19=$B$10,7,0)+IF('Standard Profiles'!$G$19=$B$17,14,0)+IF('Standard Profiles'!$G$19=$B$24,21,0),0)),0)</f>
        <v>1.5013600147890978</v>
      </c>
      <c r="F2047" cm="1">
        <f t="array" ref="F2047">IFERROR(INDEX(Jesper!AJ$2:AJ$366,ROUNDDOWN($C2047/24,0)+1,1)*INDEX($D$3:$AA$30,INDEX(Jesper!$R$2:$R$366,ROW(INDEX(Jesper!AJ$2:AJ$366,ROUNDDOWN($C2047/24,0)+1,1))-1)+IF('Standard Profiles'!$G$20=$B$10,7,0)+IF('Standard Profiles'!$G$20=$B$17,14,0)+IF('Standard Profiles'!$G$20=$B$24,21,0),MOD($C2047,24)+1)/SUM(INDEX($D$3:$AA$30,INDEX(Jesper!$R$2:$R$366,ROW(INDEX(Jesper!AJ$2:AJ$366,ROUNDDOWN($C2047/24,0)+1,1))-1)+IF('Standard Profiles'!$G$20=$B$10,7,0)+IF('Standard Profiles'!$G$20=$B$17,14,0)+IF('Standard Profiles'!$G$20=$B$24,21,0),0)),0)</f>
        <v>0</v>
      </c>
      <c r="G2047" cm="1">
        <f t="array" ref="G2047">IFERROR(INDEX(Jesper!AK$2:AK$366,ROUNDDOWN($C2047/24,0)+1,1)*INDEX($D$3:$AA$30,INDEX(Jesper!$R$2:$R$366,ROW(INDEX(Jesper!AK$2:AK$366,ROUNDDOWN($C2047/24,0)+1,1))-1)+IF('Standard Profiles'!$G$21=$B$10,7,0)+IF('Standard Profiles'!$G$21=$B$17,14,0)+IF('Standard Profiles'!$G$21=$B$24,21,0),MOD($C2047,24)+1)/SUM(INDEX($D$3:$AA$30,INDEX(Jesper!$R$2:$R$366,ROW(INDEX(Jesper!AK$2:AK$366,ROUNDDOWN($C2047/24,0)+1,1))-1)+IF('Standard Profiles'!$G$21=$B$10,7,0)+IF('Standard Profiles'!$G$21=$B$17,14,0)+IF('Standard Profiles'!$G$21=$B$24,21,0),0)),0)</f>
        <v>0</v>
      </c>
      <c r="H2047" cm="1">
        <f t="array" ref="H2047">IFERROR(INDEX(Jesper!AL$2:AL$366,ROUNDDOWN($C2047/24,0)+1,1)*INDEX($D$3:$AA$30,INDEX(Jesper!$R$2:$R$366,ROW(INDEX(Jesper!AL$2:AL$366,ROUNDDOWN($C2047/24,0)+1,1))-1)+IF('Standard Profiles'!$G$22=$B$10,7,0)+IF('Standard Profiles'!$G$22=$B$17,14,0)+IF('Standard Profiles'!$G$22=$B$24,21,0),MOD($C2047,24)+1)/SUM(INDEX($D$3:$AA$30,INDEX(Jesper!$R$2:$R$366,ROW(INDEX(Jesper!AL$2:AL$366,ROUNDDOWN($C2047/24,0)+1,1))-1)+IF('Standard Profiles'!$G$22=$B$10,7,0)+IF('Standard Profiles'!$G$22=$B$17,14,0)+IF('Standard Profiles'!$G$22=$B$24,21,0),0)),0)</f>
        <v>0</v>
      </c>
      <c r="I2047">
        <f t="shared" si="237"/>
        <v>0.13525765899000886</v>
      </c>
      <c r="J2047">
        <f t="shared" si="238"/>
        <v>0.45085886330002956</v>
      </c>
      <c r="K2047">
        <f t="shared" si="239"/>
        <v>0.67628829495004428</v>
      </c>
      <c r="L2047">
        <f t="shared" si="240"/>
        <v>6.626917817940952</v>
      </c>
      <c r="M2047">
        <f t="shared" si="241"/>
        <v>0</v>
      </c>
      <c r="N2047" s="46">
        <f t="shared" si="242"/>
        <v>45375.874999995118</v>
      </c>
    </row>
    <row r="2048" spans="2:14" x14ac:dyDescent="0.3">
      <c r="B2048">
        <f t="shared" si="236"/>
        <v>7</v>
      </c>
      <c r="C2048" s="16">
        <v>2014</v>
      </c>
      <c r="D2048" cm="1">
        <f t="array" ref="D2048">IFERROR(INDEX(Jesper!AH$2:AH$366,ROUNDDOWN($C2048/24,0)+1,1)*INDEX($D$3:$AA$30,INDEX(Jesper!$R$2:$R$366,ROW(INDEX(Jesper!AH$2:AH$366,ROUNDDOWN($C2048/24,0)+1,1))-1)+IF('Standard Profiles'!$G$18=$B$10,7,0)+IF('Standard Profiles'!$G$18=$B$17,14,0)+IF('Standard Profiles'!$G$18=$B$24,21,0),MOD($C2048,24)+1)/SUM(INDEX($D$3:$AA$30,INDEX(Jesper!$R$2:$R$366,ROW(INDEX(Jesper!AH$2:AH$366,ROUNDDOWN($C2048/24,0)+1,1))-1)+IF('Standard Profiles'!$G$18=$B$10,7,0)+IF('Standard Profiles'!$G$18=$B$17,14,0)+IF('Standard Profiles'!$G$18=$B$24,21,0),0)),0)</f>
        <v>6.3879626203919369</v>
      </c>
      <c r="E2048" cm="1">
        <f t="array" ref="E2048">IFERROR(INDEX(Jesper!AI$2:AI$366,ROUNDDOWN($C2048/24,0)+1,1)*INDEX($D$3:$AA$30,INDEX(Jesper!$R$2:$R$366,ROW(INDEX(Jesper!AI$2:AI$366,ROUNDDOWN($C2048/24,0)+1,1))-1)+IF('Standard Profiles'!$G$19=$B$10,7,0)+IF('Standard Profiles'!$G$19=$B$17,14,0)+IF('Standard Profiles'!$G$19=$B$24,21,0),MOD($C2048,24)+1)/SUM(INDEX($D$3:$AA$30,INDEX(Jesper!$R$2:$R$366,ROW(INDEX(Jesper!AI$2:AI$366,ROUNDDOWN($C2048/24,0)+1,1))-1)+IF('Standard Profiles'!$G$19=$B$10,7,0)+IF('Standard Profiles'!$G$19=$B$17,14,0)+IF('Standard Profiles'!$G$19=$B$24,21,0),0)),0)</f>
        <v>1.5013600147890978</v>
      </c>
      <c r="F2048" cm="1">
        <f t="array" ref="F2048">IFERROR(INDEX(Jesper!AJ$2:AJ$366,ROUNDDOWN($C2048/24,0)+1,1)*INDEX($D$3:$AA$30,INDEX(Jesper!$R$2:$R$366,ROW(INDEX(Jesper!AJ$2:AJ$366,ROUNDDOWN($C2048/24,0)+1,1))-1)+IF('Standard Profiles'!$G$20=$B$10,7,0)+IF('Standard Profiles'!$G$20=$B$17,14,0)+IF('Standard Profiles'!$G$20=$B$24,21,0),MOD($C2048,24)+1)/SUM(INDEX($D$3:$AA$30,INDEX(Jesper!$R$2:$R$366,ROW(INDEX(Jesper!AJ$2:AJ$366,ROUNDDOWN($C2048/24,0)+1,1))-1)+IF('Standard Profiles'!$G$20=$B$10,7,0)+IF('Standard Profiles'!$G$20=$B$17,14,0)+IF('Standard Profiles'!$G$20=$B$24,21,0),0)),0)</f>
        <v>0</v>
      </c>
      <c r="G2048" cm="1">
        <f t="array" ref="G2048">IFERROR(INDEX(Jesper!AK$2:AK$366,ROUNDDOWN($C2048/24,0)+1,1)*INDEX($D$3:$AA$30,INDEX(Jesper!$R$2:$R$366,ROW(INDEX(Jesper!AK$2:AK$366,ROUNDDOWN($C2048/24,0)+1,1))-1)+IF('Standard Profiles'!$G$21=$B$10,7,0)+IF('Standard Profiles'!$G$21=$B$17,14,0)+IF('Standard Profiles'!$G$21=$B$24,21,0),MOD($C2048,24)+1)/SUM(INDEX($D$3:$AA$30,INDEX(Jesper!$R$2:$R$366,ROW(INDEX(Jesper!AK$2:AK$366,ROUNDDOWN($C2048/24,0)+1,1))-1)+IF('Standard Profiles'!$G$21=$B$10,7,0)+IF('Standard Profiles'!$G$21=$B$17,14,0)+IF('Standard Profiles'!$G$21=$B$24,21,0),0)),0)</f>
        <v>0</v>
      </c>
      <c r="H2048" cm="1">
        <f t="array" ref="H2048">IFERROR(INDEX(Jesper!AL$2:AL$366,ROUNDDOWN($C2048/24,0)+1,1)*INDEX($D$3:$AA$30,INDEX(Jesper!$R$2:$R$366,ROW(INDEX(Jesper!AL$2:AL$366,ROUNDDOWN($C2048/24,0)+1,1))-1)+IF('Standard Profiles'!$G$22=$B$10,7,0)+IF('Standard Profiles'!$G$22=$B$17,14,0)+IF('Standard Profiles'!$G$22=$B$24,21,0),MOD($C2048,24)+1)/SUM(INDEX($D$3:$AA$30,INDEX(Jesper!$R$2:$R$366,ROW(INDEX(Jesper!AL$2:AL$366,ROUNDDOWN($C2048/24,0)+1,1))-1)+IF('Standard Profiles'!$G$22=$B$10,7,0)+IF('Standard Profiles'!$G$22=$B$17,14,0)+IF('Standard Profiles'!$G$22=$B$24,21,0),0)),0)</f>
        <v>0</v>
      </c>
      <c r="I2048">
        <f t="shared" si="237"/>
        <v>0.13525765899000886</v>
      </c>
      <c r="J2048">
        <f t="shared" si="238"/>
        <v>0.45085886330002956</v>
      </c>
      <c r="K2048">
        <f t="shared" si="239"/>
        <v>0.67628829495004428</v>
      </c>
      <c r="L2048">
        <f t="shared" si="240"/>
        <v>6.626917817940952</v>
      </c>
      <c r="M2048">
        <f t="shared" si="241"/>
        <v>0</v>
      </c>
      <c r="N2048" s="46">
        <f t="shared" si="242"/>
        <v>45375.916666661782</v>
      </c>
    </row>
    <row r="2049" spans="2:14" x14ac:dyDescent="0.3">
      <c r="B2049">
        <f t="shared" si="236"/>
        <v>7</v>
      </c>
      <c r="C2049" s="16">
        <v>2015</v>
      </c>
      <c r="D2049" cm="1">
        <f t="array" ref="D2049">IFERROR(INDEX(Jesper!AH$2:AH$366,ROUNDDOWN($C2049/24,0)+1,1)*INDEX($D$3:$AA$30,INDEX(Jesper!$R$2:$R$366,ROW(INDEX(Jesper!AH$2:AH$366,ROUNDDOWN($C2049/24,0)+1,1))-1)+IF('Standard Profiles'!$G$18=$B$10,7,0)+IF('Standard Profiles'!$G$18=$B$17,14,0)+IF('Standard Profiles'!$G$18=$B$24,21,0),MOD($C2049,24)+1)/SUM(INDEX($D$3:$AA$30,INDEX(Jesper!$R$2:$R$366,ROW(INDEX(Jesper!AH$2:AH$366,ROUNDDOWN($C2049/24,0)+1,1))-1)+IF('Standard Profiles'!$G$18=$B$10,7,0)+IF('Standard Profiles'!$G$18=$B$17,14,0)+IF('Standard Profiles'!$G$18=$B$24,21,0),0)),0)</f>
        <v>6.3879626203919369</v>
      </c>
      <c r="E2049" cm="1">
        <f t="array" ref="E2049">IFERROR(INDEX(Jesper!AI$2:AI$366,ROUNDDOWN($C2049/24,0)+1,1)*INDEX($D$3:$AA$30,INDEX(Jesper!$R$2:$R$366,ROW(INDEX(Jesper!AI$2:AI$366,ROUNDDOWN($C2049/24,0)+1,1))-1)+IF('Standard Profiles'!$G$19=$B$10,7,0)+IF('Standard Profiles'!$G$19=$B$17,14,0)+IF('Standard Profiles'!$G$19=$B$24,21,0),MOD($C2049,24)+1)/SUM(INDEX($D$3:$AA$30,INDEX(Jesper!$R$2:$R$366,ROW(INDEX(Jesper!AI$2:AI$366,ROUNDDOWN($C2049/24,0)+1,1))-1)+IF('Standard Profiles'!$G$19=$B$10,7,0)+IF('Standard Profiles'!$G$19=$B$17,14,0)+IF('Standard Profiles'!$G$19=$B$24,21,0),0)),0)</f>
        <v>1.5013600147890978</v>
      </c>
      <c r="F2049" cm="1">
        <f t="array" ref="F2049">IFERROR(INDEX(Jesper!AJ$2:AJ$366,ROUNDDOWN($C2049/24,0)+1,1)*INDEX($D$3:$AA$30,INDEX(Jesper!$R$2:$R$366,ROW(INDEX(Jesper!AJ$2:AJ$366,ROUNDDOWN($C2049/24,0)+1,1))-1)+IF('Standard Profiles'!$G$20=$B$10,7,0)+IF('Standard Profiles'!$G$20=$B$17,14,0)+IF('Standard Profiles'!$G$20=$B$24,21,0),MOD($C2049,24)+1)/SUM(INDEX($D$3:$AA$30,INDEX(Jesper!$R$2:$R$366,ROW(INDEX(Jesper!AJ$2:AJ$366,ROUNDDOWN($C2049/24,0)+1,1))-1)+IF('Standard Profiles'!$G$20=$B$10,7,0)+IF('Standard Profiles'!$G$20=$B$17,14,0)+IF('Standard Profiles'!$G$20=$B$24,21,0),0)),0)</f>
        <v>0</v>
      </c>
      <c r="G2049" cm="1">
        <f t="array" ref="G2049">IFERROR(INDEX(Jesper!AK$2:AK$366,ROUNDDOWN($C2049/24,0)+1,1)*INDEX($D$3:$AA$30,INDEX(Jesper!$R$2:$R$366,ROW(INDEX(Jesper!AK$2:AK$366,ROUNDDOWN($C2049/24,0)+1,1))-1)+IF('Standard Profiles'!$G$21=$B$10,7,0)+IF('Standard Profiles'!$G$21=$B$17,14,0)+IF('Standard Profiles'!$G$21=$B$24,21,0),MOD($C2049,24)+1)/SUM(INDEX($D$3:$AA$30,INDEX(Jesper!$R$2:$R$366,ROW(INDEX(Jesper!AK$2:AK$366,ROUNDDOWN($C2049/24,0)+1,1))-1)+IF('Standard Profiles'!$G$21=$B$10,7,0)+IF('Standard Profiles'!$G$21=$B$17,14,0)+IF('Standard Profiles'!$G$21=$B$24,21,0),0)),0)</f>
        <v>0</v>
      </c>
      <c r="H2049" cm="1">
        <f t="array" ref="H2049">IFERROR(INDEX(Jesper!AL$2:AL$366,ROUNDDOWN($C2049/24,0)+1,1)*INDEX($D$3:$AA$30,INDEX(Jesper!$R$2:$R$366,ROW(INDEX(Jesper!AL$2:AL$366,ROUNDDOWN($C2049/24,0)+1,1))-1)+IF('Standard Profiles'!$G$22=$B$10,7,0)+IF('Standard Profiles'!$G$22=$B$17,14,0)+IF('Standard Profiles'!$G$22=$B$24,21,0),MOD($C2049,24)+1)/SUM(INDEX($D$3:$AA$30,INDEX(Jesper!$R$2:$R$366,ROW(INDEX(Jesper!AL$2:AL$366,ROUNDDOWN($C2049/24,0)+1,1))-1)+IF('Standard Profiles'!$G$22=$B$10,7,0)+IF('Standard Profiles'!$G$22=$B$17,14,0)+IF('Standard Profiles'!$G$22=$B$24,21,0),0)),0)</f>
        <v>0</v>
      </c>
      <c r="I2049">
        <f t="shared" si="237"/>
        <v>0.13525765899000886</v>
      </c>
      <c r="J2049">
        <f t="shared" si="238"/>
        <v>0.45085886330002956</v>
      </c>
      <c r="K2049">
        <f t="shared" si="239"/>
        <v>0.67628829495004428</v>
      </c>
      <c r="L2049">
        <f t="shared" si="240"/>
        <v>6.626917817940952</v>
      </c>
      <c r="M2049">
        <f t="shared" si="241"/>
        <v>0</v>
      </c>
      <c r="N2049" s="46">
        <f t="shared" si="242"/>
        <v>45375.958333328446</v>
      </c>
    </row>
    <row r="2050" spans="2:14" x14ac:dyDescent="0.3">
      <c r="B2050">
        <f t="shared" si="236"/>
        <v>1</v>
      </c>
      <c r="C2050" s="16">
        <v>2016</v>
      </c>
      <c r="D2050" cm="1">
        <f t="array" ref="D2050">IFERROR(INDEX(Jesper!AH$2:AH$366,ROUNDDOWN($C2050/24,0)+1,1)*INDEX($D$3:$AA$30,INDEX(Jesper!$R$2:$R$366,ROW(INDEX(Jesper!AH$2:AH$366,ROUNDDOWN($C2050/24,0)+1,1))-1)+IF('Standard Profiles'!$G$18=$B$10,7,0)+IF('Standard Profiles'!$G$18=$B$17,14,0)+IF('Standard Profiles'!$G$18=$B$24,21,0),MOD($C2050,24)+1)/SUM(INDEX($D$3:$AA$30,INDEX(Jesper!$R$2:$R$366,ROW(INDEX(Jesper!AH$2:AH$366,ROUNDDOWN($C2050/24,0)+1,1))-1)+IF('Standard Profiles'!$G$18=$B$10,7,0)+IF('Standard Profiles'!$G$18=$B$17,14,0)+IF('Standard Profiles'!$G$18=$B$24,21,0),0)),0)</f>
        <v>2.7590311733779798</v>
      </c>
      <c r="E2050" cm="1">
        <f t="array" ref="E2050">IFERROR(INDEX(Jesper!AI$2:AI$366,ROUNDDOWN($C2050/24,0)+1,1)*INDEX($D$3:$AA$30,INDEX(Jesper!$R$2:$R$366,ROW(INDEX(Jesper!AI$2:AI$366,ROUNDDOWN($C2050/24,0)+1,1))-1)+IF('Standard Profiles'!$G$19=$B$10,7,0)+IF('Standard Profiles'!$G$19=$B$17,14,0)+IF('Standard Profiles'!$G$19=$B$24,21,0),MOD($C2050,24)+1)/SUM(INDEX($D$3:$AA$30,INDEX(Jesper!$R$2:$R$366,ROW(INDEX(Jesper!AI$2:AI$366,ROUNDDOWN($C2050/24,0)+1,1))-1)+IF('Standard Profiles'!$G$19=$B$10,7,0)+IF('Standard Profiles'!$G$19=$B$17,14,0)+IF('Standard Profiles'!$G$19=$B$24,21,0),0)),0)</f>
        <v>0</v>
      </c>
      <c r="F2050" cm="1">
        <f t="array" ref="F2050">IFERROR(INDEX(Jesper!AJ$2:AJ$366,ROUNDDOWN($C2050/24,0)+1,1)*INDEX($D$3:$AA$30,INDEX(Jesper!$R$2:$R$366,ROW(INDEX(Jesper!AJ$2:AJ$366,ROUNDDOWN($C2050/24,0)+1,1))-1)+IF('Standard Profiles'!$G$20=$B$10,7,0)+IF('Standard Profiles'!$G$20=$B$17,14,0)+IF('Standard Profiles'!$G$20=$B$24,21,0),MOD($C2050,24)+1)/SUM(INDEX($D$3:$AA$30,INDEX(Jesper!$R$2:$R$366,ROW(INDEX(Jesper!AJ$2:AJ$366,ROUNDDOWN($C2050/24,0)+1,1))-1)+IF('Standard Profiles'!$G$20=$B$10,7,0)+IF('Standard Profiles'!$G$20=$B$17,14,0)+IF('Standard Profiles'!$G$20=$B$24,21,0),0)),0)</f>
        <v>0</v>
      </c>
      <c r="G2050" cm="1">
        <f t="array" ref="G2050">IFERROR(INDEX(Jesper!AK$2:AK$366,ROUNDDOWN($C2050/24,0)+1,1)*INDEX($D$3:$AA$30,INDEX(Jesper!$R$2:$R$366,ROW(INDEX(Jesper!AK$2:AK$366,ROUNDDOWN($C2050/24,0)+1,1))-1)+IF('Standard Profiles'!$G$21=$B$10,7,0)+IF('Standard Profiles'!$G$21=$B$17,14,0)+IF('Standard Profiles'!$G$21=$B$24,21,0),MOD($C2050,24)+1)/SUM(INDEX($D$3:$AA$30,INDEX(Jesper!$R$2:$R$366,ROW(INDEX(Jesper!AK$2:AK$366,ROUNDDOWN($C2050/24,0)+1,1))-1)+IF('Standard Profiles'!$G$21=$B$10,7,0)+IF('Standard Profiles'!$G$21=$B$17,14,0)+IF('Standard Profiles'!$G$21=$B$24,21,0),0)),0)</f>
        <v>0</v>
      </c>
      <c r="H2050" cm="1">
        <f t="array" ref="H2050">IFERROR(INDEX(Jesper!AL$2:AL$366,ROUNDDOWN($C2050/24,0)+1,1)*INDEX($D$3:$AA$30,INDEX(Jesper!$R$2:$R$366,ROW(INDEX(Jesper!AL$2:AL$366,ROUNDDOWN($C2050/24,0)+1,1))-1)+IF('Standard Profiles'!$G$22=$B$10,7,0)+IF('Standard Profiles'!$G$22=$B$17,14,0)+IF('Standard Profiles'!$G$22=$B$24,21,0),MOD($C2050,24)+1)/SUM(INDEX($D$3:$AA$30,INDEX(Jesper!$R$2:$R$366,ROW(INDEX(Jesper!AL$2:AL$366,ROUNDDOWN($C2050/24,0)+1,1))-1)+IF('Standard Profiles'!$G$22=$B$10,7,0)+IF('Standard Profiles'!$G$22=$B$17,14,0)+IF('Standard Profiles'!$G$22=$B$24,21,0),0)),0)</f>
        <v>0</v>
      </c>
      <c r="I2050">
        <f t="shared" si="237"/>
        <v>8.2770935201339393E-2</v>
      </c>
      <c r="J2050">
        <f t="shared" si="238"/>
        <v>0.27590311733779799</v>
      </c>
      <c r="K2050">
        <f t="shared" si="239"/>
        <v>0.41385467600669695</v>
      </c>
      <c r="L2050">
        <f t="shared" si="240"/>
        <v>1.9865024448321453</v>
      </c>
      <c r="M2050">
        <f t="shared" si="241"/>
        <v>0</v>
      </c>
      <c r="N2050" s="46">
        <f t="shared" si="242"/>
        <v>45375.999999995111</v>
      </c>
    </row>
    <row r="2051" spans="2:14" x14ac:dyDescent="0.3">
      <c r="B2051">
        <f t="shared" si="236"/>
        <v>1</v>
      </c>
      <c r="C2051" s="16">
        <v>2017</v>
      </c>
      <c r="D2051" cm="1">
        <f t="array" ref="D2051">IFERROR(INDEX(Jesper!AH$2:AH$366,ROUNDDOWN($C2051/24,0)+1,1)*INDEX($D$3:$AA$30,INDEX(Jesper!$R$2:$R$366,ROW(INDEX(Jesper!AH$2:AH$366,ROUNDDOWN($C2051/24,0)+1,1))-1)+IF('Standard Profiles'!$G$18=$B$10,7,0)+IF('Standard Profiles'!$G$18=$B$17,14,0)+IF('Standard Profiles'!$G$18=$B$24,21,0),MOD($C2051,24)+1)/SUM(INDEX($D$3:$AA$30,INDEX(Jesper!$R$2:$R$366,ROW(INDEX(Jesper!AH$2:AH$366,ROUNDDOWN($C2051/24,0)+1,1))-1)+IF('Standard Profiles'!$G$18=$B$10,7,0)+IF('Standard Profiles'!$G$18=$B$17,14,0)+IF('Standard Profiles'!$G$18=$B$24,21,0),0)),0)</f>
        <v>2.7590311733779798</v>
      </c>
      <c r="E2051" cm="1">
        <f t="array" ref="E2051">IFERROR(INDEX(Jesper!AI$2:AI$366,ROUNDDOWN($C2051/24,0)+1,1)*INDEX($D$3:$AA$30,INDEX(Jesper!$R$2:$R$366,ROW(INDEX(Jesper!AI$2:AI$366,ROUNDDOWN($C2051/24,0)+1,1))-1)+IF('Standard Profiles'!$G$19=$B$10,7,0)+IF('Standard Profiles'!$G$19=$B$17,14,0)+IF('Standard Profiles'!$G$19=$B$24,21,0),MOD($C2051,24)+1)/SUM(INDEX($D$3:$AA$30,INDEX(Jesper!$R$2:$R$366,ROW(INDEX(Jesper!AI$2:AI$366,ROUNDDOWN($C2051/24,0)+1,1))-1)+IF('Standard Profiles'!$G$19=$B$10,7,0)+IF('Standard Profiles'!$G$19=$B$17,14,0)+IF('Standard Profiles'!$G$19=$B$24,21,0),0)),0)</f>
        <v>0</v>
      </c>
      <c r="F2051" cm="1">
        <f t="array" ref="F2051">IFERROR(INDEX(Jesper!AJ$2:AJ$366,ROUNDDOWN($C2051/24,0)+1,1)*INDEX($D$3:$AA$30,INDEX(Jesper!$R$2:$R$366,ROW(INDEX(Jesper!AJ$2:AJ$366,ROUNDDOWN($C2051/24,0)+1,1))-1)+IF('Standard Profiles'!$G$20=$B$10,7,0)+IF('Standard Profiles'!$G$20=$B$17,14,0)+IF('Standard Profiles'!$G$20=$B$24,21,0),MOD($C2051,24)+1)/SUM(INDEX($D$3:$AA$30,INDEX(Jesper!$R$2:$R$366,ROW(INDEX(Jesper!AJ$2:AJ$366,ROUNDDOWN($C2051/24,0)+1,1))-1)+IF('Standard Profiles'!$G$20=$B$10,7,0)+IF('Standard Profiles'!$G$20=$B$17,14,0)+IF('Standard Profiles'!$G$20=$B$24,21,0),0)),0)</f>
        <v>0</v>
      </c>
      <c r="G2051" cm="1">
        <f t="array" ref="G2051">IFERROR(INDEX(Jesper!AK$2:AK$366,ROUNDDOWN($C2051/24,0)+1,1)*INDEX($D$3:$AA$30,INDEX(Jesper!$R$2:$R$366,ROW(INDEX(Jesper!AK$2:AK$366,ROUNDDOWN($C2051/24,0)+1,1))-1)+IF('Standard Profiles'!$G$21=$B$10,7,0)+IF('Standard Profiles'!$G$21=$B$17,14,0)+IF('Standard Profiles'!$G$21=$B$24,21,0),MOD($C2051,24)+1)/SUM(INDEX($D$3:$AA$30,INDEX(Jesper!$R$2:$R$366,ROW(INDEX(Jesper!AK$2:AK$366,ROUNDDOWN($C2051/24,0)+1,1))-1)+IF('Standard Profiles'!$G$21=$B$10,7,0)+IF('Standard Profiles'!$G$21=$B$17,14,0)+IF('Standard Profiles'!$G$21=$B$24,21,0),0)),0)</f>
        <v>0</v>
      </c>
      <c r="H2051" cm="1">
        <f t="array" ref="H2051">IFERROR(INDEX(Jesper!AL$2:AL$366,ROUNDDOWN($C2051/24,0)+1,1)*INDEX($D$3:$AA$30,INDEX(Jesper!$R$2:$R$366,ROW(INDEX(Jesper!AL$2:AL$366,ROUNDDOWN($C2051/24,0)+1,1))-1)+IF('Standard Profiles'!$G$22=$B$10,7,0)+IF('Standard Profiles'!$G$22=$B$17,14,0)+IF('Standard Profiles'!$G$22=$B$24,21,0),MOD($C2051,24)+1)/SUM(INDEX($D$3:$AA$30,INDEX(Jesper!$R$2:$R$366,ROW(INDEX(Jesper!AL$2:AL$366,ROUNDDOWN($C2051/24,0)+1,1))-1)+IF('Standard Profiles'!$G$22=$B$10,7,0)+IF('Standard Profiles'!$G$22=$B$17,14,0)+IF('Standard Profiles'!$G$22=$B$24,21,0),0)),0)</f>
        <v>0</v>
      </c>
      <c r="I2051">
        <f t="shared" si="237"/>
        <v>8.2770935201339393E-2</v>
      </c>
      <c r="J2051">
        <f t="shared" si="238"/>
        <v>0.27590311733779799</v>
      </c>
      <c r="K2051">
        <f t="shared" si="239"/>
        <v>0.41385467600669695</v>
      </c>
      <c r="L2051">
        <f t="shared" si="240"/>
        <v>1.9865024448321453</v>
      </c>
      <c r="M2051">
        <f t="shared" si="241"/>
        <v>0</v>
      </c>
      <c r="N2051" s="46">
        <f t="shared" si="242"/>
        <v>45376.041666661775</v>
      </c>
    </row>
    <row r="2052" spans="2:14" x14ac:dyDescent="0.3">
      <c r="B2052">
        <f t="shared" si="236"/>
        <v>1</v>
      </c>
      <c r="C2052" s="16">
        <v>2018</v>
      </c>
      <c r="D2052" cm="1">
        <f t="array" ref="D2052">IFERROR(INDEX(Jesper!AH$2:AH$366,ROUNDDOWN($C2052/24,0)+1,1)*INDEX($D$3:$AA$30,INDEX(Jesper!$R$2:$R$366,ROW(INDEX(Jesper!AH$2:AH$366,ROUNDDOWN($C2052/24,0)+1,1))-1)+IF('Standard Profiles'!$G$18=$B$10,7,0)+IF('Standard Profiles'!$G$18=$B$17,14,0)+IF('Standard Profiles'!$G$18=$B$24,21,0),MOD($C2052,24)+1)/SUM(INDEX($D$3:$AA$30,INDEX(Jesper!$R$2:$R$366,ROW(INDEX(Jesper!AH$2:AH$366,ROUNDDOWN($C2052/24,0)+1,1))-1)+IF('Standard Profiles'!$G$18=$B$10,7,0)+IF('Standard Profiles'!$G$18=$B$17,14,0)+IF('Standard Profiles'!$G$18=$B$24,21,0),0)),0)</f>
        <v>2.7590311733779798</v>
      </c>
      <c r="E2052" cm="1">
        <f t="array" ref="E2052">IFERROR(INDEX(Jesper!AI$2:AI$366,ROUNDDOWN($C2052/24,0)+1,1)*INDEX($D$3:$AA$30,INDEX(Jesper!$R$2:$R$366,ROW(INDEX(Jesper!AI$2:AI$366,ROUNDDOWN($C2052/24,0)+1,1))-1)+IF('Standard Profiles'!$G$19=$B$10,7,0)+IF('Standard Profiles'!$G$19=$B$17,14,0)+IF('Standard Profiles'!$G$19=$B$24,21,0),MOD($C2052,24)+1)/SUM(INDEX($D$3:$AA$30,INDEX(Jesper!$R$2:$R$366,ROW(INDEX(Jesper!AI$2:AI$366,ROUNDDOWN($C2052/24,0)+1,1))-1)+IF('Standard Profiles'!$G$19=$B$10,7,0)+IF('Standard Profiles'!$G$19=$B$17,14,0)+IF('Standard Profiles'!$G$19=$B$24,21,0),0)),0)</f>
        <v>0</v>
      </c>
      <c r="F2052" cm="1">
        <f t="array" ref="F2052">IFERROR(INDEX(Jesper!AJ$2:AJ$366,ROUNDDOWN($C2052/24,0)+1,1)*INDEX($D$3:$AA$30,INDEX(Jesper!$R$2:$R$366,ROW(INDEX(Jesper!AJ$2:AJ$366,ROUNDDOWN($C2052/24,0)+1,1))-1)+IF('Standard Profiles'!$G$20=$B$10,7,0)+IF('Standard Profiles'!$G$20=$B$17,14,0)+IF('Standard Profiles'!$G$20=$B$24,21,0),MOD($C2052,24)+1)/SUM(INDEX($D$3:$AA$30,INDEX(Jesper!$R$2:$R$366,ROW(INDEX(Jesper!AJ$2:AJ$366,ROUNDDOWN($C2052/24,0)+1,1))-1)+IF('Standard Profiles'!$G$20=$B$10,7,0)+IF('Standard Profiles'!$G$20=$B$17,14,0)+IF('Standard Profiles'!$G$20=$B$24,21,0),0)),0)</f>
        <v>0</v>
      </c>
      <c r="G2052" cm="1">
        <f t="array" ref="G2052">IFERROR(INDEX(Jesper!AK$2:AK$366,ROUNDDOWN($C2052/24,0)+1,1)*INDEX($D$3:$AA$30,INDEX(Jesper!$R$2:$R$366,ROW(INDEX(Jesper!AK$2:AK$366,ROUNDDOWN($C2052/24,0)+1,1))-1)+IF('Standard Profiles'!$G$21=$B$10,7,0)+IF('Standard Profiles'!$G$21=$B$17,14,0)+IF('Standard Profiles'!$G$21=$B$24,21,0),MOD($C2052,24)+1)/SUM(INDEX($D$3:$AA$30,INDEX(Jesper!$R$2:$R$366,ROW(INDEX(Jesper!AK$2:AK$366,ROUNDDOWN($C2052/24,0)+1,1))-1)+IF('Standard Profiles'!$G$21=$B$10,7,0)+IF('Standard Profiles'!$G$21=$B$17,14,0)+IF('Standard Profiles'!$G$21=$B$24,21,0),0)),0)</f>
        <v>0</v>
      </c>
      <c r="H2052" cm="1">
        <f t="array" ref="H2052">IFERROR(INDEX(Jesper!AL$2:AL$366,ROUNDDOWN($C2052/24,0)+1,1)*INDEX($D$3:$AA$30,INDEX(Jesper!$R$2:$R$366,ROW(INDEX(Jesper!AL$2:AL$366,ROUNDDOWN($C2052/24,0)+1,1))-1)+IF('Standard Profiles'!$G$22=$B$10,7,0)+IF('Standard Profiles'!$G$22=$B$17,14,0)+IF('Standard Profiles'!$G$22=$B$24,21,0),MOD($C2052,24)+1)/SUM(INDEX($D$3:$AA$30,INDEX(Jesper!$R$2:$R$366,ROW(INDEX(Jesper!AL$2:AL$366,ROUNDDOWN($C2052/24,0)+1,1))-1)+IF('Standard Profiles'!$G$22=$B$10,7,0)+IF('Standard Profiles'!$G$22=$B$17,14,0)+IF('Standard Profiles'!$G$22=$B$24,21,0),0)),0)</f>
        <v>0</v>
      </c>
      <c r="I2052">
        <f t="shared" si="237"/>
        <v>8.2770935201339393E-2</v>
      </c>
      <c r="J2052">
        <f t="shared" si="238"/>
        <v>0.27590311733779799</v>
      </c>
      <c r="K2052">
        <f t="shared" si="239"/>
        <v>0.41385467600669695</v>
      </c>
      <c r="L2052">
        <f t="shared" si="240"/>
        <v>1.9865024448321453</v>
      </c>
      <c r="M2052">
        <f t="shared" si="241"/>
        <v>0</v>
      </c>
      <c r="N2052" s="46">
        <f t="shared" si="242"/>
        <v>45376.083333328439</v>
      </c>
    </row>
    <row r="2053" spans="2:14" x14ac:dyDescent="0.3">
      <c r="B2053">
        <f t="shared" si="236"/>
        <v>1</v>
      </c>
      <c r="C2053" s="16">
        <v>2019</v>
      </c>
      <c r="D2053" cm="1">
        <f t="array" ref="D2053">IFERROR(INDEX(Jesper!AH$2:AH$366,ROUNDDOWN($C2053/24,0)+1,1)*INDEX($D$3:$AA$30,INDEX(Jesper!$R$2:$R$366,ROW(INDEX(Jesper!AH$2:AH$366,ROUNDDOWN($C2053/24,0)+1,1))-1)+IF('Standard Profiles'!$G$18=$B$10,7,0)+IF('Standard Profiles'!$G$18=$B$17,14,0)+IF('Standard Profiles'!$G$18=$B$24,21,0),MOD($C2053,24)+1)/SUM(INDEX($D$3:$AA$30,INDEX(Jesper!$R$2:$R$366,ROW(INDEX(Jesper!AH$2:AH$366,ROUNDDOWN($C2053/24,0)+1,1))-1)+IF('Standard Profiles'!$G$18=$B$10,7,0)+IF('Standard Profiles'!$G$18=$B$17,14,0)+IF('Standard Profiles'!$G$18=$B$24,21,0),0)),0)</f>
        <v>2.7590311733779798</v>
      </c>
      <c r="E2053" cm="1">
        <f t="array" ref="E2053">IFERROR(INDEX(Jesper!AI$2:AI$366,ROUNDDOWN($C2053/24,0)+1,1)*INDEX($D$3:$AA$30,INDEX(Jesper!$R$2:$R$366,ROW(INDEX(Jesper!AI$2:AI$366,ROUNDDOWN($C2053/24,0)+1,1))-1)+IF('Standard Profiles'!$G$19=$B$10,7,0)+IF('Standard Profiles'!$G$19=$B$17,14,0)+IF('Standard Profiles'!$G$19=$B$24,21,0),MOD($C2053,24)+1)/SUM(INDEX($D$3:$AA$30,INDEX(Jesper!$R$2:$R$366,ROW(INDEX(Jesper!AI$2:AI$366,ROUNDDOWN($C2053/24,0)+1,1))-1)+IF('Standard Profiles'!$G$19=$B$10,7,0)+IF('Standard Profiles'!$G$19=$B$17,14,0)+IF('Standard Profiles'!$G$19=$B$24,21,0),0)),0)</f>
        <v>0</v>
      </c>
      <c r="F2053" cm="1">
        <f t="array" ref="F2053">IFERROR(INDEX(Jesper!AJ$2:AJ$366,ROUNDDOWN($C2053/24,0)+1,1)*INDEX($D$3:$AA$30,INDEX(Jesper!$R$2:$R$366,ROW(INDEX(Jesper!AJ$2:AJ$366,ROUNDDOWN($C2053/24,0)+1,1))-1)+IF('Standard Profiles'!$G$20=$B$10,7,0)+IF('Standard Profiles'!$G$20=$B$17,14,0)+IF('Standard Profiles'!$G$20=$B$24,21,0),MOD($C2053,24)+1)/SUM(INDEX($D$3:$AA$30,INDEX(Jesper!$R$2:$R$366,ROW(INDEX(Jesper!AJ$2:AJ$366,ROUNDDOWN($C2053/24,0)+1,1))-1)+IF('Standard Profiles'!$G$20=$B$10,7,0)+IF('Standard Profiles'!$G$20=$B$17,14,0)+IF('Standard Profiles'!$G$20=$B$24,21,0),0)),0)</f>
        <v>0</v>
      </c>
      <c r="G2053" cm="1">
        <f t="array" ref="G2053">IFERROR(INDEX(Jesper!AK$2:AK$366,ROUNDDOWN($C2053/24,0)+1,1)*INDEX($D$3:$AA$30,INDEX(Jesper!$R$2:$R$366,ROW(INDEX(Jesper!AK$2:AK$366,ROUNDDOWN($C2053/24,0)+1,1))-1)+IF('Standard Profiles'!$G$21=$B$10,7,0)+IF('Standard Profiles'!$G$21=$B$17,14,0)+IF('Standard Profiles'!$G$21=$B$24,21,0),MOD($C2053,24)+1)/SUM(INDEX($D$3:$AA$30,INDEX(Jesper!$R$2:$R$366,ROW(INDEX(Jesper!AK$2:AK$366,ROUNDDOWN($C2053/24,0)+1,1))-1)+IF('Standard Profiles'!$G$21=$B$10,7,0)+IF('Standard Profiles'!$G$21=$B$17,14,0)+IF('Standard Profiles'!$G$21=$B$24,21,0),0)),0)</f>
        <v>0</v>
      </c>
      <c r="H2053" cm="1">
        <f t="array" ref="H2053">IFERROR(INDEX(Jesper!AL$2:AL$366,ROUNDDOWN($C2053/24,0)+1,1)*INDEX($D$3:$AA$30,INDEX(Jesper!$R$2:$R$366,ROW(INDEX(Jesper!AL$2:AL$366,ROUNDDOWN($C2053/24,0)+1,1))-1)+IF('Standard Profiles'!$G$22=$B$10,7,0)+IF('Standard Profiles'!$G$22=$B$17,14,0)+IF('Standard Profiles'!$G$22=$B$24,21,0),MOD($C2053,24)+1)/SUM(INDEX($D$3:$AA$30,INDEX(Jesper!$R$2:$R$366,ROW(INDEX(Jesper!AL$2:AL$366,ROUNDDOWN($C2053/24,0)+1,1))-1)+IF('Standard Profiles'!$G$22=$B$10,7,0)+IF('Standard Profiles'!$G$22=$B$17,14,0)+IF('Standard Profiles'!$G$22=$B$24,21,0),0)),0)</f>
        <v>0</v>
      </c>
      <c r="I2053">
        <f t="shared" si="237"/>
        <v>8.2770935201339393E-2</v>
      </c>
      <c r="J2053">
        <f t="shared" si="238"/>
        <v>0.27590311733779799</v>
      </c>
      <c r="K2053">
        <f t="shared" si="239"/>
        <v>0.41385467600669695</v>
      </c>
      <c r="L2053">
        <f t="shared" si="240"/>
        <v>1.9865024448321453</v>
      </c>
      <c r="M2053">
        <f t="shared" si="241"/>
        <v>0</v>
      </c>
      <c r="N2053" s="46">
        <f t="shared" si="242"/>
        <v>45376.124999995103</v>
      </c>
    </row>
    <row r="2054" spans="2:14" x14ac:dyDescent="0.3">
      <c r="B2054">
        <f t="shared" si="236"/>
        <v>1</v>
      </c>
      <c r="C2054" s="16">
        <v>2020</v>
      </c>
      <c r="D2054" cm="1">
        <f t="array" ref="D2054">IFERROR(INDEX(Jesper!AH$2:AH$366,ROUNDDOWN($C2054/24,0)+1,1)*INDEX($D$3:$AA$30,INDEX(Jesper!$R$2:$R$366,ROW(INDEX(Jesper!AH$2:AH$366,ROUNDDOWN($C2054/24,0)+1,1))-1)+IF('Standard Profiles'!$G$18=$B$10,7,0)+IF('Standard Profiles'!$G$18=$B$17,14,0)+IF('Standard Profiles'!$G$18=$B$24,21,0),MOD($C2054,24)+1)/SUM(INDEX($D$3:$AA$30,INDEX(Jesper!$R$2:$R$366,ROW(INDEX(Jesper!AH$2:AH$366,ROUNDDOWN($C2054/24,0)+1,1))-1)+IF('Standard Profiles'!$G$18=$B$10,7,0)+IF('Standard Profiles'!$G$18=$B$17,14,0)+IF('Standard Profiles'!$G$18=$B$24,21,0),0)),0)</f>
        <v>2.7590311733779798</v>
      </c>
      <c r="E2054" cm="1">
        <f t="array" ref="E2054">IFERROR(INDEX(Jesper!AI$2:AI$366,ROUNDDOWN($C2054/24,0)+1,1)*INDEX($D$3:$AA$30,INDEX(Jesper!$R$2:$R$366,ROW(INDEX(Jesper!AI$2:AI$366,ROUNDDOWN($C2054/24,0)+1,1))-1)+IF('Standard Profiles'!$G$19=$B$10,7,0)+IF('Standard Profiles'!$G$19=$B$17,14,0)+IF('Standard Profiles'!$G$19=$B$24,21,0),MOD($C2054,24)+1)/SUM(INDEX($D$3:$AA$30,INDEX(Jesper!$R$2:$R$366,ROW(INDEX(Jesper!AI$2:AI$366,ROUNDDOWN($C2054/24,0)+1,1))-1)+IF('Standard Profiles'!$G$19=$B$10,7,0)+IF('Standard Profiles'!$G$19=$B$17,14,0)+IF('Standard Profiles'!$G$19=$B$24,21,0),0)),0)</f>
        <v>0</v>
      </c>
      <c r="F2054" cm="1">
        <f t="array" ref="F2054">IFERROR(INDEX(Jesper!AJ$2:AJ$366,ROUNDDOWN($C2054/24,0)+1,1)*INDEX($D$3:$AA$30,INDEX(Jesper!$R$2:$R$366,ROW(INDEX(Jesper!AJ$2:AJ$366,ROUNDDOWN($C2054/24,0)+1,1))-1)+IF('Standard Profiles'!$G$20=$B$10,7,0)+IF('Standard Profiles'!$G$20=$B$17,14,0)+IF('Standard Profiles'!$G$20=$B$24,21,0),MOD($C2054,24)+1)/SUM(INDEX($D$3:$AA$30,INDEX(Jesper!$R$2:$R$366,ROW(INDEX(Jesper!AJ$2:AJ$366,ROUNDDOWN($C2054/24,0)+1,1))-1)+IF('Standard Profiles'!$G$20=$B$10,7,0)+IF('Standard Profiles'!$G$20=$B$17,14,0)+IF('Standard Profiles'!$G$20=$B$24,21,0),0)),0)</f>
        <v>0</v>
      </c>
      <c r="G2054" cm="1">
        <f t="array" ref="G2054">IFERROR(INDEX(Jesper!AK$2:AK$366,ROUNDDOWN($C2054/24,0)+1,1)*INDEX($D$3:$AA$30,INDEX(Jesper!$R$2:$R$366,ROW(INDEX(Jesper!AK$2:AK$366,ROUNDDOWN($C2054/24,0)+1,1))-1)+IF('Standard Profiles'!$G$21=$B$10,7,0)+IF('Standard Profiles'!$G$21=$B$17,14,0)+IF('Standard Profiles'!$G$21=$B$24,21,0),MOD($C2054,24)+1)/SUM(INDEX($D$3:$AA$30,INDEX(Jesper!$R$2:$R$366,ROW(INDEX(Jesper!AK$2:AK$366,ROUNDDOWN($C2054/24,0)+1,1))-1)+IF('Standard Profiles'!$G$21=$B$10,7,0)+IF('Standard Profiles'!$G$21=$B$17,14,0)+IF('Standard Profiles'!$G$21=$B$24,21,0),0)),0)</f>
        <v>0</v>
      </c>
      <c r="H2054" cm="1">
        <f t="array" ref="H2054">IFERROR(INDEX(Jesper!AL$2:AL$366,ROUNDDOWN($C2054/24,0)+1,1)*INDEX($D$3:$AA$30,INDEX(Jesper!$R$2:$R$366,ROW(INDEX(Jesper!AL$2:AL$366,ROUNDDOWN($C2054/24,0)+1,1))-1)+IF('Standard Profiles'!$G$22=$B$10,7,0)+IF('Standard Profiles'!$G$22=$B$17,14,0)+IF('Standard Profiles'!$G$22=$B$24,21,0),MOD($C2054,24)+1)/SUM(INDEX($D$3:$AA$30,INDEX(Jesper!$R$2:$R$366,ROW(INDEX(Jesper!AL$2:AL$366,ROUNDDOWN($C2054/24,0)+1,1))-1)+IF('Standard Profiles'!$G$22=$B$10,7,0)+IF('Standard Profiles'!$G$22=$B$17,14,0)+IF('Standard Profiles'!$G$22=$B$24,21,0),0)),0)</f>
        <v>0</v>
      </c>
      <c r="I2054">
        <f t="shared" si="237"/>
        <v>8.2770935201339393E-2</v>
      </c>
      <c r="J2054">
        <f t="shared" si="238"/>
        <v>0.27590311733779799</v>
      </c>
      <c r="K2054">
        <f t="shared" si="239"/>
        <v>0.41385467600669695</v>
      </c>
      <c r="L2054">
        <f t="shared" si="240"/>
        <v>1.9865024448321453</v>
      </c>
      <c r="M2054">
        <f t="shared" si="241"/>
        <v>0</v>
      </c>
      <c r="N2054" s="46">
        <f t="shared" si="242"/>
        <v>45376.166666661768</v>
      </c>
    </row>
    <row r="2055" spans="2:14" x14ac:dyDescent="0.3">
      <c r="B2055">
        <f t="shared" si="236"/>
        <v>1</v>
      </c>
      <c r="C2055" s="16">
        <v>2021</v>
      </c>
      <c r="D2055" cm="1">
        <f t="array" ref="D2055">IFERROR(INDEX(Jesper!AH$2:AH$366,ROUNDDOWN($C2055/24,0)+1,1)*INDEX($D$3:$AA$30,INDEX(Jesper!$R$2:$R$366,ROW(INDEX(Jesper!AH$2:AH$366,ROUNDDOWN($C2055/24,0)+1,1))-1)+IF('Standard Profiles'!$G$18=$B$10,7,0)+IF('Standard Profiles'!$G$18=$B$17,14,0)+IF('Standard Profiles'!$G$18=$B$24,21,0),MOD($C2055,24)+1)/SUM(INDEX($D$3:$AA$30,INDEX(Jesper!$R$2:$R$366,ROW(INDEX(Jesper!AH$2:AH$366,ROUNDDOWN($C2055/24,0)+1,1))-1)+IF('Standard Profiles'!$G$18=$B$10,7,0)+IF('Standard Profiles'!$G$18=$B$17,14,0)+IF('Standard Profiles'!$G$18=$B$24,21,0),0)),0)</f>
        <v>11.95580175130458</v>
      </c>
      <c r="E2055" cm="1">
        <f t="array" ref="E2055">IFERROR(INDEX(Jesper!AI$2:AI$366,ROUNDDOWN($C2055/24,0)+1,1)*INDEX($D$3:$AA$30,INDEX(Jesper!$R$2:$R$366,ROW(INDEX(Jesper!AI$2:AI$366,ROUNDDOWN($C2055/24,0)+1,1))-1)+IF('Standard Profiles'!$G$19=$B$10,7,0)+IF('Standard Profiles'!$G$19=$B$17,14,0)+IF('Standard Profiles'!$G$19=$B$24,21,0),MOD($C2055,24)+1)/SUM(INDEX($D$3:$AA$30,INDEX(Jesper!$R$2:$R$366,ROW(INDEX(Jesper!AI$2:AI$366,ROUNDDOWN($C2055/24,0)+1,1))-1)+IF('Standard Profiles'!$G$19=$B$10,7,0)+IF('Standard Profiles'!$G$19=$B$17,14,0)+IF('Standard Profiles'!$G$19=$B$24,21,0),0)),0)</f>
        <v>0</v>
      </c>
      <c r="F2055" cm="1">
        <f t="array" ref="F2055">IFERROR(INDEX(Jesper!AJ$2:AJ$366,ROUNDDOWN($C2055/24,0)+1,1)*INDEX($D$3:$AA$30,INDEX(Jesper!$R$2:$R$366,ROW(INDEX(Jesper!AJ$2:AJ$366,ROUNDDOWN($C2055/24,0)+1,1))-1)+IF('Standard Profiles'!$G$20=$B$10,7,0)+IF('Standard Profiles'!$G$20=$B$17,14,0)+IF('Standard Profiles'!$G$20=$B$24,21,0),MOD($C2055,24)+1)/SUM(INDEX($D$3:$AA$30,INDEX(Jesper!$R$2:$R$366,ROW(INDEX(Jesper!AJ$2:AJ$366,ROUNDDOWN($C2055/24,0)+1,1))-1)+IF('Standard Profiles'!$G$20=$B$10,7,0)+IF('Standard Profiles'!$G$20=$B$17,14,0)+IF('Standard Profiles'!$G$20=$B$24,21,0),0)),0)</f>
        <v>0</v>
      </c>
      <c r="G2055" cm="1">
        <f t="array" ref="G2055">IFERROR(INDEX(Jesper!AK$2:AK$366,ROUNDDOWN($C2055/24,0)+1,1)*INDEX($D$3:$AA$30,INDEX(Jesper!$R$2:$R$366,ROW(INDEX(Jesper!AK$2:AK$366,ROUNDDOWN($C2055/24,0)+1,1))-1)+IF('Standard Profiles'!$G$21=$B$10,7,0)+IF('Standard Profiles'!$G$21=$B$17,14,0)+IF('Standard Profiles'!$G$21=$B$24,21,0),MOD($C2055,24)+1)/SUM(INDEX($D$3:$AA$30,INDEX(Jesper!$R$2:$R$366,ROW(INDEX(Jesper!AK$2:AK$366,ROUNDDOWN($C2055/24,0)+1,1))-1)+IF('Standard Profiles'!$G$21=$B$10,7,0)+IF('Standard Profiles'!$G$21=$B$17,14,0)+IF('Standard Profiles'!$G$21=$B$24,21,0),0)),0)</f>
        <v>0</v>
      </c>
      <c r="H2055" cm="1">
        <f t="array" ref="H2055">IFERROR(INDEX(Jesper!AL$2:AL$366,ROUNDDOWN($C2055/24,0)+1,1)*INDEX($D$3:$AA$30,INDEX(Jesper!$R$2:$R$366,ROW(INDEX(Jesper!AL$2:AL$366,ROUNDDOWN($C2055/24,0)+1,1))-1)+IF('Standard Profiles'!$G$22=$B$10,7,0)+IF('Standard Profiles'!$G$22=$B$17,14,0)+IF('Standard Profiles'!$G$22=$B$24,21,0),MOD($C2055,24)+1)/SUM(INDEX($D$3:$AA$30,INDEX(Jesper!$R$2:$R$366,ROW(INDEX(Jesper!AL$2:AL$366,ROUNDDOWN($C2055/24,0)+1,1))-1)+IF('Standard Profiles'!$G$22=$B$10,7,0)+IF('Standard Profiles'!$G$22=$B$17,14,0)+IF('Standard Profiles'!$G$22=$B$24,21,0),0)),0)</f>
        <v>0</v>
      </c>
      <c r="I2055">
        <f t="shared" si="237"/>
        <v>0.35867405253913742</v>
      </c>
      <c r="J2055">
        <f t="shared" si="238"/>
        <v>1.195580175130458</v>
      </c>
      <c r="K2055">
        <f t="shared" si="239"/>
        <v>1.7933702626956871</v>
      </c>
      <c r="L2055">
        <f t="shared" si="240"/>
        <v>8.6081772609392981</v>
      </c>
      <c r="M2055">
        <f t="shared" si="241"/>
        <v>0</v>
      </c>
      <c r="N2055" s="46">
        <f t="shared" si="242"/>
        <v>45376.208333328432</v>
      </c>
    </row>
    <row r="2056" spans="2:14" x14ac:dyDescent="0.3">
      <c r="B2056">
        <f t="shared" si="236"/>
        <v>1</v>
      </c>
      <c r="C2056" s="16">
        <v>2022</v>
      </c>
      <c r="D2056" cm="1">
        <f t="array" ref="D2056">IFERROR(INDEX(Jesper!AH$2:AH$366,ROUNDDOWN($C2056/24,0)+1,1)*INDEX($D$3:$AA$30,INDEX(Jesper!$R$2:$R$366,ROW(INDEX(Jesper!AH$2:AH$366,ROUNDDOWN($C2056/24,0)+1,1))-1)+IF('Standard Profiles'!$G$18=$B$10,7,0)+IF('Standard Profiles'!$G$18=$B$17,14,0)+IF('Standard Profiles'!$G$18=$B$24,21,0),MOD($C2056,24)+1)/SUM(INDEX($D$3:$AA$30,INDEX(Jesper!$R$2:$R$366,ROW(INDEX(Jesper!AH$2:AH$366,ROUNDDOWN($C2056/24,0)+1,1))-1)+IF('Standard Profiles'!$G$18=$B$10,7,0)+IF('Standard Profiles'!$G$18=$B$17,14,0)+IF('Standard Profiles'!$G$18=$B$24,21,0),0)),0)</f>
        <v>13.565236602441736</v>
      </c>
      <c r="E2056" cm="1">
        <f t="array" ref="E2056">IFERROR(INDEX(Jesper!AI$2:AI$366,ROUNDDOWN($C2056/24,0)+1,1)*INDEX($D$3:$AA$30,INDEX(Jesper!$R$2:$R$366,ROW(INDEX(Jesper!AI$2:AI$366,ROUNDDOWN($C2056/24,0)+1,1))-1)+IF('Standard Profiles'!$G$19=$B$10,7,0)+IF('Standard Profiles'!$G$19=$B$17,14,0)+IF('Standard Profiles'!$G$19=$B$24,21,0),MOD($C2056,24)+1)/SUM(INDEX($D$3:$AA$30,INDEX(Jesper!$R$2:$R$366,ROW(INDEX(Jesper!AI$2:AI$366,ROUNDDOWN($C2056/24,0)+1,1))-1)+IF('Standard Profiles'!$G$19=$B$10,7,0)+IF('Standard Profiles'!$G$19=$B$17,14,0)+IF('Standard Profiles'!$G$19=$B$24,21,0),0)),0)</f>
        <v>0</v>
      </c>
      <c r="F2056" cm="1">
        <f t="array" ref="F2056">IFERROR(INDEX(Jesper!AJ$2:AJ$366,ROUNDDOWN($C2056/24,0)+1,1)*INDEX($D$3:$AA$30,INDEX(Jesper!$R$2:$R$366,ROW(INDEX(Jesper!AJ$2:AJ$366,ROUNDDOWN($C2056/24,0)+1,1))-1)+IF('Standard Profiles'!$G$20=$B$10,7,0)+IF('Standard Profiles'!$G$20=$B$17,14,0)+IF('Standard Profiles'!$G$20=$B$24,21,0),MOD($C2056,24)+1)/SUM(INDEX($D$3:$AA$30,INDEX(Jesper!$R$2:$R$366,ROW(INDEX(Jesper!AJ$2:AJ$366,ROUNDDOWN($C2056/24,0)+1,1))-1)+IF('Standard Profiles'!$G$20=$B$10,7,0)+IF('Standard Profiles'!$G$20=$B$17,14,0)+IF('Standard Profiles'!$G$20=$B$24,21,0),0)),0)</f>
        <v>0</v>
      </c>
      <c r="G2056" cm="1">
        <f t="array" ref="G2056">IFERROR(INDEX(Jesper!AK$2:AK$366,ROUNDDOWN($C2056/24,0)+1,1)*INDEX($D$3:$AA$30,INDEX(Jesper!$R$2:$R$366,ROW(INDEX(Jesper!AK$2:AK$366,ROUNDDOWN($C2056/24,0)+1,1))-1)+IF('Standard Profiles'!$G$21=$B$10,7,0)+IF('Standard Profiles'!$G$21=$B$17,14,0)+IF('Standard Profiles'!$G$21=$B$24,21,0),MOD($C2056,24)+1)/SUM(INDEX($D$3:$AA$30,INDEX(Jesper!$R$2:$R$366,ROW(INDEX(Jesper!AK$2:AK$366,ROUNDDOWN($C2056/24,0)+1,1))-1)+IF('Standard Profiles'!$G$21=$B$10,7,0)+IF('Standard Profiles'!$G$21=$B$17,14,0)+IF('Standard Profiles'!$G$21=$B$24,21,0),0)),0)</f>
        <v>0</v>
      </c>
      <c r="H2056" cm="1">
        <f t="array" ref="H2056">IFERROR(INDEX(Jesper!AL$2:AL$366,ROUNDDOWN($C2056/24,0)+1,1)*INDEX($D$3:$AA$30,INDEX(Jesper!$R$2:$R$366,ROW(INDEX(Jesper!AL$2:AL$366,ROUNDDOWN($C2056/24,0)+1,1))-1)+IF('Standard Profiles'!$G$22=$B$10,7,0)+IF('Standard Profiles'!$G$22=$B$17,14,0)+IF('Standard Profiles'!$G$22=$B$24,21,0),MOD($C2056,24)+1)/SUM(INDEX($D$3:$AA$30,INDEX(Jesper!$R$2:$R$366,ROW(INDEX(Jesper!AL$2:AL$366,ROUNDDOWN($C2056/24,0)+1,1))-1)+IF('Standard Profiles'!$G$22=$B$10,7,0)+IF('Standard Profiles'!$G$22=$B$17,14,0)+IF('Standard Profiles'!$G$22=$B$24,21,0),0)),0)</f>
        <v>0</v>
      </c>
      <c r="I2056">
        <f t="shared" si="237"/>
        <v>0.40695709807325209</v>
      </c>
      <c r="J2056">
        <f t="shared" si="238"/>
        <v>1.3565236602441737</v>
      </c>
      <c r="K2056">
        <f t="shared" si="239"/>
        <v>2.0347854903662603</v>
      </c>
      <c r="L2056">
        <f t="shared" si="240"/>
        <v>9.7669703537580492</v>
      </c>
      <c r="M2056">
        <f t="shared" si="241"/>
        <v>0</v>
      </c>
      <c r="N2056" s="46">
        <f t="shared" si="242"/>
        <v>45376.249999995096</v>
      </c>
    </row>
    <row r="2057" spans="2:14" x14ac:dyDescent="0.3">
      <c r="B2057">
        <f t="shared" si="236"/>
        <v>1</v>
      </c>
      <c r="C2057" s="16">
        <v>2023</v>
      </c>
      <c r="D2057" cm="1">
        <f t="array" ref="D2057">IFERROR(INDEX(Jesper!AH$2:AH$366,ROUNDDOWN($C2057/24,0)+1,1)*INDEX($D$3:$AA$30,INDEX(Jesper!$R$2:$R$366,ROW(INDEX(Jesper!AH$2:AH$366,ROUNDDOWN($C2057/24,0)+1,1))-1)+IF('Standard Profiles'!$G$18=$B$10,7,0)+IF('Standard Profiles'!$G$18=$B$17,14,0)+IF('Standard Profiles'!$G$18=$B$24,21,0),MOD($C2057,24)+1)/SUM(INDEX($D$3:$AA$30,INDEX(Jesper!$R$2:$R$366,ROW(INDEX(Jesper!AH$2:AH$366,ROUNDDOWN($C2057/24,0)+1,1))-1)+IF('Standard Profiles'!$G$18=$B$10,7,0)+IF('Standard Profiles'!$G$18=$B$17,14,0)+IF('Standard Profiles'!$G$18=$B$24,21,0),0)),0)</f>
        <v>13.565236602441736</v>
      </c>
      <c r="E2057" cm="1">
        <f t="array" ref="E2057">IFERROR(INDEX(Jesper!AI$2:AI$366,ROUNDDOWN($C2057/24,0)+1,1)*INDEX($D$3:$AA$30,INDEX(Jesper!$R$2:$R$366,ROW(INDEX(Jesper!AI$2:AI$366,ROUNDDOWN($C2057/24,0)+1,1))-1)+IF('Standard Profiles'!$G$19=$B$10,7,0)+IF('Standard Profiles'!$G$19=$B$17,14,0)+IF('Standard Profiles'!$G$19=$B$24,21,0),MOD($C2057,24)+1)/SUM(INDEX($D$3:$AA$30,INDEX(Jesper!$R$2:$R$366,ROW(INDEX(Jesper!AI$2:AI$366,ROUNDDOWN($C2057/24,0)+1,1))-1)+IF('Standard Profiles'!$G$19=$B$10,7,0)+IF('Standard Profiles'!$G$19=$B$17,14,0)+IF('Standard Profiles'!$G$19=$B$24,21,0),0)),0)</f>
        <v>0</v>
      </c>
      <c r="F2057" cm="1">
        <f t="array" ref="F2057">IFERROR(INDEX(Jesper!AJ$2:AJ$366,ROUNDDOWN($C2057/24,0)+1,1)*INDEX($D$3:$AA$30,INDEX(Jesper!$R$2:$R$366,ROW(INDEX(Jesper!AJ$2:AJ$366,ROUNDDOWN($C2057/24,0)+1,1))-1)+IF('Standard Profiles'!$G$20=$B$10,7,0)+IF('Standard Profiles'!$G$20=$B$17,14,0)+IF('Standard Profiles'!$G$20=$B$24,21,0),MOD($C2057,24)+1)/SUM(INDEX($D$3:$AA$30,INDEX(Jesper!$R$2:$R$366,ROW(INDEX(Jesper!AJ$2:AJ$366,ROUNDDOWN($C2057/24,0)+1,1))-1)+IF('Standard Profiles'!$G$20=$B$10,7,0)+IF('Standard Profiles'!$G$20=$B$17,14,0)+IF('Standard Profiles'!$G$20=$B$24,21,0),0)),0)</f>
        <v>0</v>
      </c>
      <c r="G2057" cm="1">
        <f t="array" ref="G2057">IFERROR(INDEX(Jesper!AK$2:AK$366,ROUNDDOWN($C2057/24,0)+1,1)*INDEX($D$3:$AA$30,INDEX(Jesper!$R$2:$R$366,ROW(INDEX(Jesper!AK$2:AK$366,ROUNDDOWN($C2057/24,0)+1,1))-1)+IF('Standard Profiles'!$G$21=$B$10,7,0)+IF('Standard Profiles'!$G$21=$B$17,14,0)+IF('Standard Profiles'!$G$21=$B$24,21,0),MOD($C2057,24)+1)/SUM(INDEX($D$3:$AA$30,INDEX(Jesper!$R$2:$R$366,ROW(INDEX(Jesper!AK$2:AK$366,ROUNDDOWN($C2057/24,0)+1,1))-1)+IF('Standard Profiles'!$G$21=$B$10,7,0)+IF('Standard Profiles'!$G$21=$B$17,14,0)+IF('Standard Profiles'!$G$21=$B$24,21,0),0)),0)</f>
        <v>0</v>
      </c>
      <c r="H2057" cm="1">
        <f t="array" ref="H2057">IFERROR(INDEX(Jesper!AL$2:AL$366,ROUNDDOWN($C2057/24,0)+1,1)*INDEX($D$3:$AA$30,INDEX(Jesper!$R$2:$R$366,ROW(INDEX(Jesper!AL$2:AL$366,ROUNDDOWN($C2057/24,0)+1,1))-1)+IF('Standard Profiles'!$G$22=$B$10,7,0)+IF('Standard Profiles'!$G$22=$B$17,14,0)+IF('Standard Profiles'!$G$22=$B$24,21,0),MOD($C2057,24)+1)/SUM(INDEX($D$3:$AA$30,INDEX(Jesper!$R$2:$R$366,ROW(INDEX(Jesper!AL$2:AL$366,ROUNDDOWN($C2057/24,0)+1,1))-1)+IF('Standard Profiles'!$G$22=$B$10,7,0)+IF('Standard Profiles'!$G$22=$B$17,14,0)+IF('Standard Profiles'!$G$22=$B$24,21,0),0)),0)</f>
        <v>0</v>
      </c>
      <c r="I2057">
        <f t="shared" si="237"/>
        <v>0.40695709807325209</v>
      </c>
      <c r="J2057">
        <f t="shared" si="238"/>
        <v>1.3565236602441737</v>
      </c>
      <c r="K2057">
        <f t="shared" si="239"/>
        <v>2.0347854903662603</v>
      </c>
      <c r="L2057">
        <f t="shared" si="240"/>
        <v>9.7669703537580492</v>
      </c>
      <c r="M2057">
        <f t="shared" si="241"/>
        <v>0</v>
      </c>
      <c r="N2057" s="46">
        <f t="shared" si="242"/>
        <v>45376.29166666176</v>
      </c>
    </row>
    <row r="2058" spans="2:14" x14ac:dyDescent="0.3">
      <c r="B2058">
        <f t="shared" si="236"/>
        <v>1</v>
      </c>
      <c r="C2058" s="16">
        <v>2024</v>
      </c>
      <c r="D2058" cm="1">
        <f t="array" ref="D2058">IFERROR(INDEX(Jesper!AH$2:AH$366,ROUNDDOWN($C2058/24,0)+1,1)*INDEX($D$3:$AA$30,INDEX(Jesper!$R$2:$R$366,ROW(INDEX(Jesper!AH$2:AH$366,ROUNDDOWN($C2058/24,0)+1,1))-1)+IF('Standard Profiles'!$G$18=$B$10,7,0)+IF('Standard Profiles'!$G$18=$B$17,14,0)+IF('Standard Profiles'!$G$18=$B$24,21,0),MOD($C2058,24)+1)/SUM(INDEX($D$3:$AA$30,INDEX(Jesper!$R$2:$R$366,ROW(INDEX(Jesper!AH$2:AH$366,ROUNDDOWN($C2058/24,0)+1,1))-1)+IF('Standard Profiles'!$G$18=$B$10,7,0)+IF('Standard Profiles'!$G$18=$B$17,14,0)+IF('Standard Profiles'!$G$18=$B$24,21,0),0)),0)</f>
        <v>13.565236602441736</v>
      </c>
      <c r="E2058" cm="1">
        <f t="array" ref="E2058">IFERROR(INDEX(Jesper!AI$2:AI$366,ROUNDDOWN($C2058/24,0)+1,1)*INDEX($D$3:$AA$30,INDEX(Jesper!$R$2:$R$366,ROW(INDEX(Jesper!AI$2:AI$366,ROUNDDOWN($C2058/24,0)+1,1))-1)+IF('Standard Profiles'!$G$19=$B$10,7,0)+IF('Standard Profiles'!$G$19=$B$17,14,0)+IF('Standard Profiles'!$G$19=$B$24,21,0),MOD($C2058,24)+1)/SUM(INDEX($D$3:$AA$30,INDEX(Jesper!$R$2:$R$366,ROW(INDEX(Jesper!AI$2:AI$366,ROUNDDOWN($C2058/24,0)+1,1))-1)+IF('Standard Profiles'!$G$19=$B$10,7,0)+IF('Standard Profiles'!$G$19=$B$17,14,0)+IF('Standard Profiles'!$G$19=$B$24,21,0),0)),0)</f>
        <v>0</v>
      </c>
      <c r="F2058" cm="1">
        <f t="array" ref="F2058">IFERROR(INDEX(Jesper!AJ$2:AJ$366,ROUNDDOWN($C2058/24,0)+1,1)*INDEX($D$3:$AA$30,INDEX(Jesper!$R$2:$R$366,ROW(INDEX(Jesper!AJ$2:AJ$366,ROUNDDOWN($C2058/24,0)+1,1))-1)+IF('Standard Profiles'!$G$20=$B$10,7,0)+IF('Standard Profiles'!$G$20=$B$17,14,0)+IF('Standard Profiles'!$G$20=$B$24,21,0),MOD($C2058,24)+1)/SUM(INDEX($D$3:$AA$30,INDEX(Jesper!$R$2:$R$366,ROW(INDEX(Jesper!AJ$2:AJ$366,ROUNDDOWN($C2058/24,0)+1,1))-1)+IF('Standard Profiles'!$G$20=$B$10,7,0)+IF('Standard Profiles'!$G$20=$B$17,14,0)+IF('Standard Profiles'!$G$20=$B$24,21,0),0)),0)</f>
        <v>0</v>
      </c>
      <c r="G2058" cm="1">
        <f t="array" ref="G2058">IFERROR(INDEX(Jesper!AK$2:AK$366,ROUNDDOWN($C2058/24,0)+1,1)*INDEX($D$3:$AA$30,INDEX(Jesper!$R$2:$R$366,ROW(INDEX(Jesper!AK$2:AK$366,ROUNDDOWN($C2058/24,0)+1,1))-1)+IF('Standard Profiles'!$G$21=$B$10,7,0)+IF('Standard Profiles'!$G$21=$B$17,14,0)+IF('Standard Profiles'!$G$21=$B$24,21,0),MOD($C2058,24)+1)/SUM(INDEX($D$3:$AA$30,INDEX(Jesper!$R$2:$R$366,ROW(INDEX(Jesper!AK$2:AK$366,ROUNDDOWN($C2058/24,0)+1,1))-1)+IF('Standard Profiles'!$G$21=$B$10,7,0)+IF('Standard Profiles'!$G$21=$B$17,14,0)+IF('Standard Profiles'!$G$21=$B$24,21,0),0)),0)</f>
        <v>0</v>
      </c>
      <c r="H2058" cm="1">
        <f t="array" ref="H2058">IFERROR(INDEX(Jesper!AL$2:AL$366,ROUNDDOWN($C2058/24,0)+1,1)*INDEX($D$3:$AA$30,INDEX(Jesper!$R$2:$R$366,ROW(INDEX(Jesper!AL$2:AL$366,ROUNDDOWN($C2058/24,0)+1,1))-1)+IF('Standard Profiles'!$G$22=$B$10,7,0)+IF('Standard Profiles'!$G$22=$B$17,14,0)+IF('Standard Profiles'!$G$22=$B$24,21,0),MOD($C2058,24)+1)/SUM(INDEX($D$3:$AA$30,INDEX(Jesper!$R$2:$R$366,ROW(INDEX(Jesper!AL$2:AL$366,ROUNDDOWN($C2058/24,0)+1,1))-1)+IF('Standard Profiles'!$G$22=$B$10,7,0)+IF('Standard Profiles'!$G$22=$B$17,14,0)+IF('Standard Profiles'!$G$22=$B$24,21,0),0)),0)</f>
        <v>0</v>
      </c>
      <c r="I2058">
        <f t="shared" si="237"/>
        <v>0.40695709807325209</v>
      </c>
      <c r="J2058">
        <f t="shared" si="238"/>
        <v>1.3565236602441737</v>
      </c>
      <c r="K2058">
        <f t="shared" si="239"/>
        <v>2.0347854903662603</v>
      </c>
      <c r="L2058">
        <f t="shared" si="240"/>
        <v>9.7669703537580492</v>
      </c>
      <c r="M2058">
        <f t="shared" si="241"/>
        <v>0</v>
      </c>
      <c r="N2058" s="46">
        <f t="shared" si="242"/>
        <v>45376.333333328424</v>
      </c>
    </row>
    <row r="2059" spans="2:14" x14ac:dyDescent="0.3">
      <c r="B2059">
        <f t="shared" si="236"/>
        <v>1</v>
      </c>
      <c r="C2059" s="16">
        <v>2025</v>
      </c>
      <c r="D2059" cm="1">
        <f t="array" ref="D2059">IFERROR(INDEX(Jesper!AH$2:AH$366,ROUNDDOWN($C2059/24,0)+1,1)*INDEX($D$3:$AA$30,INDEX(Jesper!$R$2:$R$366,ROW(INDEX(Jesper!AH$2:AH$366,ROUNDDOWN($C2059/24,0)+1,1))-1)+IF('Standard Profiles'!$G$18=$B$10,7,0)+IF('Standard Profiles'!$G$18=$B$17,14,0)+IF('Standard Profiles'!$G$18=$B$24,21,0),MOD($C2059,24)+1)/SUM(INDEX($D$3:$AA$30,INDEX(Jesper!$R$2:$R$366,ROW(INDEX(Jesper!AH$2:AH$366,ROUNDDOWN($C2059/24,0)+1,1))-1)+IF('Standard Profiles'!$G$18=$B$10,7,0)+IF('Standard Profiles'!$G$18=$B$17,14,0)+IF('Standard Profiles'!$G$18=$B$24,21,0),0)),0)</f>
        <v>14.484913660234396</v>
      </c>
      <c r="E2059" cm="1">
        <f t="array" ref="E2059">IFERROR(INDEX(Jesper!AI$2:AI$366,ROUNDDOWN($C2059/24,0)+1,1)*INDEX($D$3:$AA$30,INDEX(Jesper!$R$2:$R$366,ROW(INDEX(Jesper!AI$2:AI$366,ROUNDDOWN($C2059/24,0)+1,1))-1)+IF('Standard Profiles'!$G$19=$B$10,7,0)+IF('Standard Profiles'!$G$19=$B$17,14,0)+IF('Standard Profiles'!$G$19=$B$24,21,0),MOD($C2059,24)+1)/SUM(INDEX($D$3:$AA$30,INDEX(Jesper!$R$2:$R$366,ROW(INDEX(Jesper!AI$2:AI$366,ROUNDDOWN($C2059/24,0)+1,1))-1)+IF('Standard Profiles'!$G$19=$B$10,7,0)+IF('Standard Profiles'!$G$19=$B$17,14,0)+IF('Standard Profiles'!$G$19=$B$24,21,0),0)),0)</f>
        <v>0</v>
      </c>
      <c r="F2059" cm="1">
        <f t="array" ref="F2059">IFERROR(INDEX(Jesper!AJ$2:AJ$366,ROUNDDOWN($C2059/24,0)+1,1)*INDEX($D$3:$AA$30,INDEX(Jesper!$R$2:$R$366,ROW(INDEX(Jesper!AJ$2:AJ$366,ROUNDDOWN($C2059/24,0)+1,1))-1)+IF('Standard Profiles'!$G$20=$B$10,7,0)+IF('Standard Profiles'!$G$20=$B$17,14,0)+IF('Standard Profiles'!$G$20=$B$24,21,0),MOD($C2059,24)+1)/SUM(INDEX($D$3:$AA$30,INDEX(Jesper!$R$2:$R$366,ROW(INDEX(Jesper!AJ$2:AJ$366,ROUNDDOWN($C2059/24,0)+1,1))-1)+IF('Standard Profiles'!$G$20=$B$10,7,0)+IF('Standard Profiles'!$G$20=$B$17,14,0)+IF('Standard Profiles'!$G$20=$B$24,21,0),0)),0)</f>
        <v>0</v>
      </c>
      <c r="G2059" cm="1">
        <f t="array" ref="G2059">IFERROR(INDEX(Jesper!AK$2:AK$366,ROUNDDOWN($C2059/24,0)+1,1)*INDEX($D$3:$AA$30,INDEX(Jesper!$R$2:$R$366,ROW(INDEX(Jesper!AK$2:AK$366,ROUNDDOWN($C2059/24,0)+1,1))-1)+IF('Standard Profiles'!$G$21=$B$10,7,0)+IF('Standard Profiles'!$G$21=$B$17,14,0)+IF('Standard Profiles'!$G$21=$B$24,21,0),MOD($C2059,24)+1)/SUM(INDEX($D$3:$AA$30,INDEX(Jesper!$R$2:$R$366,ROW(INDEX(Jesper!AK$2:AK$366,ROUNDDOWN($C2059/24,0)+1,1))-1)+IF('Standard Profiles'!$G$21=$B$10,7,0)+IF('Standard Profiles'!$G$21=$B$17,14,0)+IF('Standard Profiles'!$G$21=$B$24,21,0),0)),0)</f>
        <v>0</v>
      </c>
      <c r="H2059" cm="1">
        <f t="array" ref="H2059">IFERROR(INDEX(Jesper!AL$2:AL$366,ROUNDDOWN($C2059/24,0)+1,1)*INDEX($D$3:$AA$30,INDEX(Jesper!$R$2:$R$366,ROW(INDEX(Jesper!AL$2:AL$366,ROUNDDOWN($C2059/24,0)+1,1))-1)+IF('Standard Profiles'!$G$22=$B$10,7,0)+IF('Standard Profiles'!$G$22=$B$17,14,0)+IF('Standard Profiles'!$G$22=$B$24,21,0),MOD($C2059,24)+1)/SUM(INDEX($D$3:$AA$30,INDEX(Jesper!$R$2:$R$366,ROW(INDEX(Jesper!AL$2:AL$366,ROUNDDOWN($C2059/24,0)+1,1))-1)+IF('Standard Profiles'!$G$22=$B$10,7,0)+IF('Standard Profiles'!$G$22=$B$17,14,0)+IF('Standard Profiles'!$G$22=$B$24,21,0),0)),0)</f>
        <v>0</v>
      </c>
      <c r="I2059">
        <f t="shared" si="237"/>
        <v>0.43454740980703188</v>
      </c>
      <c r="J2059">
        <f t="shared" si="238"/>
        <v>1.4484913660234398</v>
      </c>
      <c r="K2059">
        <f t="shared" si="239"/>
        <v>2.1727370490351592</v>
      </c>
      <c r="L2059">
        <f t="shared" si="240"/>
        <v>10.429137835368765</v>
      </c>
      <c r="M2059">
        <f t="shared" si="241"/>
        <v>0</v>
      </c>
      <c r="N2059" s="46">
        <f t="shared" si="242"/>
        <v>45376.374999995089</v>
      </c>
    </row>
    <row r="2060" spans="2:14" x14ac:dyDescent="0.3">
      <c r="B2060">
        <f t="shared" si="236"/>
        <v>1</v>
      </c>
      <c r="C2060" s="16">
        <v>2026</v>
      </c>
      <c r="D2060" cm="1">
        <f t="array" ref="D2060">IFERROR(INDEX(Jesper!AH$2:AH$366,ROUNDDOWN($C2060/24,0)+1,1)*INDEX($D$3:$AA$30,INDEX(Jesper!$R$2:$R$366,ROW(INDEX(Jesper!AH$2:AH$366,ROUNDDOWN($C2060/24,0)+1,1))-1)+IF('Standard Profiles'!$G$18=$B$10,7,0)+IF('Standard Profiles'!$G$18=$B$17,14,0)+IF('Standard Profiles'!$G$18=$B$24,21,0),MOD($C2060,24)+1)/SUM(INDEX($D$3:$AA$30,INDEX(Jesper!$R$2:$R$366,ROW(INDEX(Jesper!AH$2:AH$366,ROUNDDOWN($C2060/24,0)+1,1))-1)+IF('Standard Profiles'!$G$18=$B$10,7,0)+IF('Standard Profiles'!$G$18=$B$17,14,0)+IF('Standard Profiles'!$G$18=$B$24,21,0),0)),0)</f>
        <v>14.484913660234396</v>
      </c>
      <c r="E2060" cm="1">
        <f t="array" ref="E2060">IFERROR(INDEX(Jesper!AI$2:AI$366,ROUNDDOWN($C2060/24,0)+1,1)*INDEX($D$3:$AA$30,INDEX(Jesper!$R$2:$R$366,ROW(INDEX(Jesper!AI$2:AI$366,ROUNDDOWN($C2060/24,0)+1,1))-1)+IF('Standard Profiles'!$G$19=$B$10,7,0)+IF('Standard Profiles'!$G$19=$B$17,14,0)+IF('Standard Profiles'!$G$19=$B$24,21,0),MOD($C2060,24)+1)/SUM(INDEX($D$3:$AA$30,INDEX(Jesper!$R$2:$R$366,ROW(INDEX(Jesper!AI$2:AI$366,ROUNDDOWN($C2060/24,0)+1,1))-1)+IF('Standard Profiles'!$G$19=$B$10,7,0)+IF('Standard Profiles'!$G$19=$B$17,14,0)+IF('Standard Profiles'!$G$19=$B$24,21,0),0)),0)</f>
        <v>0</v>
      </c>
      <c r="F2060" cm="1">
        <f t="array" ref="F2060">IFERROR(INDEX(Jesper!AJ$2:AJ$366,ROUNDDOWN($C2060/24,0)+1,1)*INDEX($D$3:$AA$30,INDEX(Jesper!$R$2:$R$366,ROW(INDEX(Jesper!AJ$2:AJ$366,ROUNDDOWN($C2060/24,0)+1,1))-1)+IF('Standard Profiles'!$G$20=$B$10,7,0)+IF('Standard Profiles'!$G$20=$B$17,14,0)+IF('Standard Profiles'!$G$20=$B$24,21,0),MOD($C2060,24)+1)/SUM(INDEX($D$3:$AA$30,INDEX(Jesper!$R$2:$R$366,ROW(INDEX(Jesper!AJ$2:AJ$366,ROUNDDOWN($C2060/24,0)+1,1))-1)+IF('Standard Profiles'!$G$20=$B$10,7,0)+IF('Standard Profiles'!$G$20=$B$17,14,0)+IF('Standard Profiles'!$G$20=$B$24,21,0),0)),0)</f>
        <v>0</v>
      </c>
      <c r="G2060" cm="1">
        <f t="array" ref="G2060">IFERROR(INDEX(Jesper!AK$2:AK$366,ROUNDDOWN($C2060/24,0)+1,1)*INDEX($D$3:$AA$30,INDEX(Jesper!$R$2:$R$366,ROW(INDEX(Jesper!AK$2:AK$366,ROUNDDOWN($C2060/24,0)+1,1))-1)+IF('Standard Profiles'!$G$21=$B$10,7,0)+IF('Standard Profiles'!$G$21=$B$17,14,0)+IF('Standard Profiles'!$G$21=$B$24,21,0),MOD($C2060,24)+1)/SUM(INDEX($D$3:$AA$30,INDEX(Jesper!$R$2:$R$366,ROW(INDEX(Jesper!AK$2:AK$366,ROUNDDOWN($C2060/24,0)+1,1))-1)+IF('Standard Profiles'!$G$21=$B$10,7,0)+IF('Standard Profiles'!$G$21=$B$17,14,0)+IF('Standard Profiles'!$G$21=$B$24,21,0),0)),0)</f>
        <v>0</v>
      </c>
      <c r="H2060" cm="1">
        <f t="array" ref="H2060">IFERROR(INDEX(Jesper!AL$2:AL$366,ROUNDDOWN($C2060/24,0)+1,1)*INDEX($D$3:$AA$30,INDEX(Jesper!$R$2:$R$366,ROW(INDEX(Jesper!AL$2:AL$366,ROUNDDOWN($C2060/24,0)+1,1))-1)+IF('Standard Profiles'!$G$22=$B$10,7,0)+IF('Standard Profiles'!$G$22=$B$17,14,0)+IF('Standard Profiles'!$G$22=$B$24,21,0),MOD($C2060,24)+1)/SUM(INDEX($D$3:$AA$30,INDEX(Jesper!$R$2:$R$366,ROW(INDEX(Jesper!AL$2:AL$366,ROUNDDOWN($C2060/24,0)+1,1))-1)+IF('Standard Profiles'!$G$22=$B$10,7,0)+IF('Standard Profiles'!$G$22=$B$17,14,0)+IF('Standard Profiles'!$G$22=$B$24,21,0),0)),0)</f>
        <v>0</v>
      </c>
      <c r="I2060">
        <f t="shared" si="237"/>
        <v>0.43454740980703188</v>
      </c>
      <c r="J2060">
        <f t="shared" si="238"/>
        <v>1.4484913660234398</v>
      </c>
      <c r="K2060">
        <f t="shared" si="239"/>
        <v>2.1727370490351592</v>
      </c>
      <c r="L2060">
        <f t="shared" si="240"/>
        <v>10.429137835368765</v>
      </c>
      <c r="M2060">
        <f t="shared" si="241"/>
        <v>0</v>
      </c>
      <c r="N2060" s="46">
        <f t="shared" si="242"/>
        <v>45376.416666661753</v>
      </c>
    </row>
    <row r="2061" spans="2:14" x14ac:dyDescent="0.3">
      <c r="B2061">
        <f t="shared" si="236"/>
        <v>1</v>
      </c>
      <c r="C2061" s="16">
        <v>2027</v>
      </c>
      <c r="D2061" cm="1">
        <f t="array" ref="D2061">IFERROR(INDEX(Jesper!AH$2:AH$366,ROUNDDOWN($C2061/24,0)+1,1)*INDEX($D$3:$AA$30,INDEX(Jesper!$R$2:$R$366,ROW(INDEX(Jesper!AH$2:AH$366,ROUNDDOWN($C2061/24,0)+1,1))-1)+IF('Standard Profiles'!$G$18=$B$10,7,0)+IF('Standard Profiles'!$G$18=$B$17,14,0)+IF('Standard Profiles'!$G$18=$B$24,21,0),MOD($C2061,24)+1)/SUM(INDEX($D$3:$AA$30,INDEX(Jesper!$R$2:$R$366,ROW(INDEX(Jesper!AH$2:AH$366,ROUNDDOWN($C2061/24,0)+1,1))-1)+IF('Standard Profiles'!$G$18=$B$10,7,0)+IF('Standard Profiles'!$G$18=$B$17,14,0)+IF('Standard Profiles'!$G$18=$B$24,21,0),0)),0)</f>
        <v>18.393541155853203</v>
      </c>
      <c r="E2061" cm="1">
        <f t="array" ref="E2061">IFERROR(INDEX(Jesper!AI$2:AI$366,ROUNDDOWN($C2061/24,0)+1,1)*INDEX($D$3:$AA$30,INDEX(Jesper!$R$2:$R$366,ROW(INDEX(Jesper!AI$2:AI$366,ROUNDDOWN($C2061/24,0)+1,1))-1)+IF('Standard Profiles'!$G$19=$B$10,7,0)+IF('Standard Profiles'!$G$19=$B$17,14,0)+IF('Standard Profiles'!$G$19=$B$24,21,0),MOD($C2061,24)+1)/SUM(INDEX($D$3:$AA$30,INDEX(Jesper!$R$2:$R$366,ROW(INDEX(Jesper!AI$2:AI$366,ROUNDDOWN($C2061/24,0)+1,1))-1)+IF('Standard Profiles'!$G$19=$B$10,7,0)+IF('Standard Profiles'!$G$19=$B$17,14,0)+IF('Standard Profiles'!$G$19=$B$24,21,0),0)),0)</f>
        <v>0</v>
      </c>
      <c r="F2061" cm="1">
        <f t="array" ref="F2061">IFERROR(INDEX(Jesper!AJ$2:AJ$366,ROUNDDOWN($C2061/24,0)+1,1)*INDEX($D$3:$AA$30,INDEX(Jesper!$R$2:$R$366,ROW(INDEX(Jesper!AJ$2:AJ$366,ROUNDDOWN($C2061/24,0)+1,1))-1)+IF('Standard Profiles'!$G$20=$B$10,7,0)+IF('Standard Profiles'!$G$20=$B$17,14,0)+IF('Standard Profiles'!$G$20=$B$24,21,0),MOD($C2061,24)+1)/SUM(INDEX($D$3:$AA$30,INDEX(Jesper!$R$2:$R$366,ROW(INDEX(Jesper!AJ$2:AJ$366,ROUNDDOWN($C2061/24,0)+1,1))-1)+IF('Standard Profiles'!$G$20=$B$10,7,0)+IF('Standard Profiles'!$G$20=$B$17,14,0)+IF('Standard Profiles'!$G$20=$B$24,21,0),0)),0)</f>
        <v>0</v>
      </c>
      <c r="G2061" cm="1">
        <f t="array" ref="G2061">IFERROR(INDEX(Jesper!AK$2:AK$366,ROUNDDOWN($C2061/24,0)+1,1)*INDEX($D$3:$AA$30,INDEX(Jesper!$R$2:$R$366,ROW(INDEX(Jesper!AK$2:AK$366,ROUNDDOWN($C2061/24,0)+1,1))-1)+IF('Standard Profiles'!$G$21=$B$10,7,0)+IF('Standard Profiles'!$G$21=$B$17,14,0)+IF('Standard Profiles'!$G$21=$B$24,21,0),MOD($C2061,24)+1)/SUM(INDEX($D$3:$AA$30,INDEX(Jesper!$R$2:$R$366,ROW(INDEX(Jesper!AK$2:AK$366,ROUNDDOWN($C2061/24,0)+1,1))-1)+IF('Standard Profiles'!$G$21=$B$10,7,0)+IF('Standard Profiles'!$G$21=$B$17,14,0)+IF('Standard Profiles'!$G$21=$B$24,21,0),0)),0)</f>
        <v>0</v>
      </c>
      <c r="H2061" cm="1">
        <f t="array" ref="H2061">IFERROR(INDEX(Jesper!AL$2:AL$366,ROUNDDOWN($C2061/24,0)+1,1)*INDEX($D$3:$AA$30,INDEX(Jesper!$R$2:$R$366,ROW(INDEX(Jesper!AL$2:AL$366,ROUNDDOWN($C2061/24,0)+1,1))-1)+IF('Standard Profiles'!$G$22=$B$10,7,0)+IF('Standard Profiles'!$G$22=$B$17,14,0)+IF('Standard Profiles'!$G$22=$B$24,21,0),MOD($C2061,24)+1)/SUM(INDEX($D$3:$AA$30,INDEX(Jesper!$R$2:$R$366,ROW(INDEX(Jesper!AL$2:AL$366,ROUNDDOWN($C2061/24,0)+1,1))-1)+IF('Standard Profiles'!$G$22=$B$10,7,0)+IF('Standard Profiles'!$G$22=$B$17,14,0)+IF('Standard Profiles'!$G$22=$B$24,21,0),0)),0)</f>
        <v>0</v>
      </c>
      <c r="I2061">
        <f t="shared" si="237"/>
        <v>0.55180623467559609</v>
      </c>
      <c r="J2061">
        <f t="shared" si="238"/>
        <v>1.8393541155853204</v>
      </c>
      <c r="K2061">
        <f t="shared" si="239"/>
        <v>2.7590311733779802</v>
      </c>
      <c r="L2061">
        <f t="shared" si="240"/>
        <v>13.243349632214306</v>
      </c>
      <c r="M2061">
        <f t="shared" si="241"/>
        <v>0</v>
      </c>
      <c r="N2061" s="46">
        <f t="shared" si="242"/>
        <v>45376.458333328417</v>
      </c>
    </row>
    <row r="2062" spans="2:14" x14ac:dyDescent="0.3">
      <c r="B2062">
        <f t="shared" si="236"/>
        <v>1</v>
      </c>
      <c r="C2062" s="16">
        <v>2028</v>
      </c>
      <c r="D2062" cm="1">
        <f t="array" ref="D2062">IFERROR(INDEX(Jesper!AH$2:AH$366,ROUNDDOWN($C2062/24,0)+1,1)*INDEX($D$3:$AA$30,INDEX(Jesper!$R$2:$R$366,ROW(INDEX(Jesper!AH$2:AH$366,ROUNDDOWN($C2062/24,0)+1,1))-1)+IF('Standard Profiles'!$G$18=$B$10,7,0)+IF('Standard Profiles'!$G$18=$B$17,14,0)+IF('Standard Profiles'!$G$18=$B$24,21,0),MOD($C2062,24)+1)/SUM(INDEX($D$3:$AA$30,INDEX(Jesper!$R$2:$R$366,ROW(INDEX(Jesper!AH$2:AH$366,ROUNDDOWN($C2062/24,0)+1,1))-1)+IF('Standard Profiles'!$G$18=$B$10,7,0)+IF('Standard Profiles'!$G$18=$B$17,14,0)+IF('Standard Profiles'!$G$18=$B$24,21,0),0)),0)</f>
        <v>18.393541155853203</v>
      </c>
      <c r="E2062" cm="1">
        <f t="array" ref="E2062">IFERROR(INDEX(Jesper!AI$2:AI$366,ROUNDDOWN($C2062/24,0)+1,1)*INDEX($D$3:$AA$30,INDEX(Jesper!$R$2:$R$366,ROW(INDEX(Jesper!AI$2:AI$366,ROUNDDOWN($C2062/24,0)+1,1))-1)+IF('Standard Profiles'!$G$19=$B$10,7,0)+IF('Standard Profiles'!$G$19=$B$17,14,0)+IF('Standard Profiles'!$G$19=$B$24,21,0),MOD($C2062,24)+1)/SUM(INDEX($D$3:$AA$30,INDEX(Jesper!$R$2:$R$366,ROW(INDEX(Jesper!AI$2:AI$366,ROUNDDOWN($C2062/24,0)+1,1))-1)+IF('Standard Profiles'!$G$19=$B$10,7,0)+IF('Standard Profiles'!$G$19=$B$17,14,0)+IF('Standard Profiles'!$G$19=$B$24,21,0),0)),0)</f>
        <v>0</v>
      </c>
      <c r="F2062" cm="1">
        <f t="array" ref="F2062">IFERROR(INDEX(Jesper!AJ$2:AJ$366,ROUNDDOWN($C2062/24,0)+1,1)*INDEX($D$3:$AA$30,INDEX(Jesper!$R$2:$R$366,ROW(INDEX(Jesper!AJ$2:AJ$366,ROUNDDOWN($C2062/24,0)+1,1))-1)+IF('Standard Profiles'!$G$20=$B$10,7,0)+IF('Standard Profiles'!$G$20=$B$17,14,0)+IF('Standard Profiles'!$G$20=$B$24,21,0),MOD($C2062,24)+1)/SUM(INDEX($D$3:$AA$30,INDEX(Jesper!$R$2:$R$366,ROW(INDEX(Jesper!AJ$2:AJ$366,ROUNDDOWN($C2062/24,0)+1,1))-1)+IF('Standard Profiles'!$G$20=$B$10,7,0)+IF('Standard Profiles'!$G$20=$B$17,14,0)+IF('Standard Profiles'!$G$20=$B$24,21,0),0)),0)</f>
        <v>0</v>
      </c>
      <c r="G2062" cm="1">
        <f t="array" ref="G2062">IFERROR(INDEX(Jesper!AK$2:AK$366,ROUNDDOWN($C2062/24,0)+1,1)*INDEX($D$3:$AA$30,INDEX(Jesper!$R$2:$R$366,ROW(INDEX(Jesper!AK$2:AK$366,ROUNDDOWN($C2062/24,0)+1,1))-1)+IF('Standard Profiles'!$G$21=$B$10,7,0)+IF('Standard Profiles'!$G$21=$B$17,14,0)+IF('Standard Profiles'!$G$21=$B$24,21,0),MOD($C2062,24)+1)/SUM(INDEX($D$3:$AA$30,INDEX(Jesper!$R$2:$R$366,ROW(INDEX(Jesper!AK$2:AK$366,ROUNDDOWN($C2062/24,0)+1,1))-1)+IF('Standard Profiles'!$G$21=$B$10,7,0)+IF('Standard Profiles'!$G$21=$B$17,14,0)+IF('Standard Profiles'!$G$21=$B$24,21,0),0)),0)</f>
        <v>0</v>
      </c>
      <c r="H2062" cm="1">
        <f t="array" ref="H2062">IFERROR(INDEX(Jesper!AL$2:AL$366,ROUNDDOWN($C2062/24,0)+1,1)*INDEX($D$3:$AA$30,INDEX(Jesper!$R$2:$R$366,ROW(INDEX(Jesper!AL$2:AL$366,ROUNDDOWN($C2062/24,0)+1,1))-1)+IF('Standard Profiles'!$G$22=$B$10,7,0)+IF('Standard Profiles'!$G$22=$B$17,14,0)+IF('Standard Profiles'!$G$22=$B$24,21,0),MOD($C2062,24)+1)/SUM(INDEX($D$3:$AA$30,INDEX(Jesper!$R$2:$R$366,ROW(INDEX(Jesper!AL$2:AL$366,ROUNDDOWN($C2062/24,0)+1,1))-1)+IF('Standard Profiles'!$G$22=$B$10,7,0)+IF('Standard Profiles'!$G$22=$B$17,14,0)+IF('Standard Profiles'!$G$22=$B$24,21,0),0)),0)</f>
        <v>0</v>
      </c>
      <c r="I2062">
        <f t="shared" si="237"/>
        <v>0.55180623467559609</v>
      </c>
      <c r="J2062">
        <f t="shared" si="238"/>
        <v>1.8393541155853204</v>
      </c>
      <c r="K2062">
        <f t="shared" si="239"/>
        <v>2.7590311733779802</v>
      </c>
      <c r="L2062">
        <f t="shared" si="240"/>
        <v>13.243349632214306</v>
      </c>
      <c r="M2062">
        <f t="shared" si="241"/>
        <v>0</v>
      </c>
      <c r="N2062" s="46">
        <f t="shared" si="242"/>
        <v>45376.499999995081</v>
      </c>
    </row>
    <row r="2063" spans="2:14" x14ac:dyDescent="0.3">
      <c r="B2063">
        <f t="shared" si="236"/>
        <v>1</v>
      </c>
      <c r="C2063" s="16">
        <v>2029</v>
      </c>
      <c r="D2063" cm="1">
        <f t="array" ref="D2063">IFERROR(INDEX(Jesper!AH$2:AH$366,ROUNDDOWN($C2063/24,0)+1,1)*INDEX($D$3:$AA$30,INDEX(Jesper!$R$2:$R$366,ROW(INDEX(Jesper!AH$2:AH$366,ROUNDDOWN($C2063/24,0)+1,1))-1)+IF('Standard Profiles'!$G$18=$B$10,7,0)+IF('Standard Profiles'!$G$18=$B$17,14,0)+IF('Standard Profiles'!$G$18=$B$24,21,0),MOD($C2063,24)+1)/SUM(INDEX($D$3:$AA$30,INDEX(Jesper!$R$2:$R$366,ROW(INDEX(Jesper!AH$2:AH$366,ROUNDDOWN($C2063/24,0)+1,1))-1)+IF('Standard Profiles'!$G$18=$B$10,7,0)+IF('Standard Profiles'!$G$18=$B$17,14,0)+IF('Standard Profiles'!$G$18=$B$24,21,0),0)),0)</f>
        <v>12.185721015752748</v>
      </c>
      <c r="E2063" cm="1">
        <f t="array" ref="E2063">IFERROR(INDEX(Jesper!AI$2:AI$366,ROUNDDOWN($C2063/24,0)+1,1)*INDEX($D$3:$AA$30,INDEX(Jesper!$R$2:$R$366,ROW(INDEX(Jesper!AI$2:AI$366,ROUNDDOWN($C2063/24,0)+1,1))-1)+IF('Standard Profiles'!$G$19=$B$10,7,0)+IF('Standard Profiles'!$G$19=$B$17,14,0)+IF('Standard Profiles'!$G$19=$B$24,21,0),MOD($C2063,24)+1)/SUM(INDEX($D$3:$AA$30,INDEX(Jesper!$R$2:$R$366,ROW(INDEX(Jesper!AI$2:AI$366,ROUNDDOWN($C2063/24,0)+1,1))-1)+IF('Standard Profiles'!$G$19=$B$10,7,0)+IF('Standard Profiles'!$G$19=$B$17,14,0)+IF('Standard Profiles'!$G$19=$B$24,21,0),0)),0)</f>
        <v>0</v>
      </c>
      <c r="F2063" cm="1">
        <f t="array" ref="F2063">IFERROR(INDEX(Jesper!AJ$2:AJ$366,ROUNDDOWN($C2063/24,0)+1,1)*INDEX($D$3:$AA$30,INDEX(Jesper!$R$2:$R$366,ROW(INDEX(Jesper!AJ$2:AJ$366,ROUNDDOWN($C2063/24,0)+1,1))-1)+IF('Standard Profiles'!$G$20=$B$10,7,0)+IF('Standard Profiles'!$G$20=$B$17,14,0)+IF('Standard Profiles'!$G$20=$B$24,21,0),MOD($C2063,24)+1)/SUM(INDEX($D$3:$AA$30,INDEX(Jesper!$R$2:$R$366,ROW(INDEX(Jesper!AJ$2:AJ$366,ROUNDDOWN($C2063/24,0)+1,1))-1)+IF('Standard Profiles'!$G$20=$B$10,7,0)+IF('Standard Profiles'!$G$20=$B$17,14,0)+IF('Standard Profiles'!$G$20=$B$24,21,0),0)),0)</f>
        <v>0</v>
      </c>
      <c r="G2063" cm="1">
        <f t="array" ref="G2063">IFERROR(INDEX(Jesper!AK$2:AK$366,ROUNDDOWN($C2063/24,0)+1,1)*INDEX($D$3:$AA$30,INDEX(Jesper!$R$2:$R$366,ROW(INDEX(Jesper!AK$2:AK$366,ROUNDDOWN($C2063/24,0)+1,1))-1)+IF('Standard Profiles'!$G$21=$B$10,7,0)+IF('Standard Profiles'!$G$21=$B$17,14,0)+IF('Standard Profiles'!$G$21=$B$24,21,0),MOD($C2063,24)+1)/SUM(INDEX($D$3:$AA$30,INDEX(Jesper!$R$2:$R$366,ROW(INDEX(Jesper!AK$2:AK$366,ROUNDDOWN($C2063/24,0)+1,1))-1)+IF('Standard Profiles'!$G$21=$B$10,7,0)+IF('Standard Profiles'!$G$21=$B$17,14,0)+IF('Standard Profiles'!$G$21=$B$24,21,0),0)),0)</f>
        <v>0</v>
      </c>
      <c r="H2063" cm="1">
        <f t="array" ref="H2063">IFERROR(INDEX(Jesper!AL$2:AL$366,ROUNDDOWN($C2063/24,0)+1,1)*INDEX($D$3:$AA$30,INDEX(Jesper!$R$2:$R$366,ROW(INDEX(Jesper!AL$2:AL$366,ROUNDDOWN($C2063/24,0)+1,1))-1)+IF('Standard Profiles'!$G$22=$B$10,7,0)+IF('Standard Profiles'!$G$22=$B$17,14,0)+IF('Standard Profiles'!$G$22=$B$24,21,0),MOD($C2063,24)+1)/SUM(INDEX($D$3:$AA$30,INDEX(Jesper!$R$2:$R$366,ROW(INDEX(Jesper!AL$2:AL$366,ROUNDDOWN($C2063/24,0)+1,1))-1)+IF('Standard Profiles'!$G$22=$B$10,7,0)+IF('Standard Profiles'!$G$22=$B$17,14,0)+IF('Standard Profiles'!$G$22=$B$24,21,0),0)),0)</f>
        <v>0</v>
      </c>
      <c r="I2063">
        <f t="shared" si="237"/>
        <v>0.3655716304725824</v>
      </c>
      <c r="J2063">
        <f t="shared" si="238"/>
        <v>1.2185721015752748</v>
      </c>
      <c r="K2063">
        <f t="shared" si="239"/>
        <v>1.827858152362912</v>
      </c>
      <c r="L2063">
        <f t="shared" si="240"/>
        <v>8.7737191313419771</v>
      </c>
      <c r="M2063">
        <f t="shared" si="241"/>
        <v>0</v>
      </c>
      <c r="N2063" s="46">
        <f t="shared" si="242"/>
        <v>45376.541666661746</v>
      </c>
    </row>
    <row r="2064" spans="2:14" x14ac:dyDescent="0.3">
      <c r="B2064">
        <f t="shared" si="236"/>
        <v>1</v>
      </c>
      <c r="C2064" s="16">
        <v>2030</v>
      </c>
      <c r="D2064" cm="1">
        <f t="array" ref="D2064">IFERROR(INDEX(Jesper!AH$2:AH$366,ROUNDDOWN($C2064/24,0)+1,1)*INDEX($D$3:$AA$30,INDEX(Jesper!$R$2:$R$366,ROW(INDEX(Jesper!AH$2:AH$366,ROUNDDOWN($C2064/24,0)+1,1))-1)+IF('Standard Profiles'!$G$18=$B$10,7,0)+IF('Standard Profiles'!$G$18=$B$17,14,0)+IF('Standard Profiles'!$G$18=$B$24,21,0),MOD($C2064,24)+1)/SUM(INDEX($D$3:$AA$30,INDEX(Jesper!$R$2:$R$366,ROW(INDEX(Jesper!AH$2:AH$366,ROUNDDOWN($C2064/24,0)+1,1))-1)+IF('Standard Profiles'!$G$18=$B$10,7,0)+IF('Standard Profiles'!$G$18=$B$17,14,0)+IF('Standard Profiles'!$G$18=$B$24,21,0),0)),0)</f>
        <v>18.393541155853203</v>
      </c>
      <c r="E2064" cm="1">
        <f t="array" ref="E2064">IFERROR(INDEX(Jesper!AI$2:AI$366,ROUNDDOWN($C2064/24,0)+1,1)*INDEX($D$3:$AA$30,INDEX(Jesper!$R$2:$R$366,ROW(INDEX(Jesper!AI$2:AI$366,ROUNDDOWN($C2064/24,0)+1,1))-1)+IF('Standard Profiles'!$G$19=$B$10,7,0)+IF('Standard Profiles'!$G$19=$B$17,14,0)+IF('Standard Profiles'!$G$19=$B$24,21,0),MOD($C2064,24)+1)/SUM(INDEX($D$3:$AA$30,INDEX(Jesper!$R$2:$R$366,ROW(INDEX(Jesper!AI$2:AI$366,ROUNDDOWN($C2064/24,0)+1,1))-1)+IF('Standard Profiles'!$G$19=$B$10,7,0)+IF('Standard Profiles'!$G$19=$B$17,14,0)+IF('Standard Profiles'!$G$19=$B$24,21,0),0)),0)</f>
        <v>0</v>
      </c>
      <c r="F2064" cm="1">
        <f t="array" ref="F2064">IFERROR(INDEX(Jesper!AJ$2:AJ$366,ROUNDDOWN($C2064/24,0)+1,1)*INDEX($D$3:$AA$30,INDEX(Jesper!$R$2:$R$366,ROW(INDEX(Jesper!AJ$2:AJ$366,ROUNDDOWN($C2064/24,0)+1,1))-1)+IF('Standard Profiles'!$G$20=$B$10,7,0)+IF('Standard Profiles'!$G$20=$B$17,14,0)+IF('Standard Profiles'!$G$20=$B$24,21,0),MOD($C2064,24)+1)/SUM(INDEX($D$3:$AA$30,INDEX(Jesper!$R$2:$R$366,ROW(INDEX(Jesper!AJ$2:AJ$366,ROUNDDOWN($C2064/24,0)+1,1))-1)+IF('Standard Profiles'!$G$20=$B$10,7,0)+IF('Standard Profiles'!$G$20=$B$17,14,0)+IF('Standard Profiles'!$G$20=$B$24,21,0),0)),0)</f>
        <v>0</v>
      </c>
      <c r="G2064" cm="1">
        <f t="array" ref="G2064">IFERROR(INDEX(Jesper!AK$2:AK$366,ROUNDDOWN($C2064/24,0)+1,1)*INDEX($D$3:$AA$30,INDEX(Jesper!$R$2:$R$366,ROW(INDEX(Jesper!AK$2:AK$366,ROUNDDOWN($C2064/24,0)+1,1))-1)+IF('Standard Profiles'!$G$21=$B$10,7,0)+IF('Standard Profiles'!$G$21=$B$17,14,0)+IF('Standard Profiles'!$G$21=$B$24,21,0),MOD($C2064,24)+1)/SUM(INDEX($D$3:$AA$30,INDEX(Jesper!$R$2:$R$366,ROW(INDEX(Jesper!AK$2:AK$366,ROUNDDOWN($C2064/24,0)+1,1))-1)+IF('Standard Profiles'!$G$21=$B$10,7,0)+IF('Standard Profiles'!$G$21=$B$17,14,0)+IF('Standard Profiles'!$G$21=$B$24,21,0),0)),0)</f>
        <v>0</v>
      </c>
      <c r="H2064" cm="1">
        <f t="array" ref="H2064">IFERROR(INDEX(Jesper!AL$2:AL$366,ROUNDDOWN($C2064/24,0)+1,1)*INDEX($D$3:$AA$30,INDEX(Jesper!$R$2:$R$366,ROW(INDEX(Jesper!AL$2:AL$366,ROUNDDOWN($C2064/24,0)+1,1))-1)+IF('Standard Profiles'!$G$22=$B$10,7,0)+IF('Standard Profiles'!$G$22=$B$17,14,0)+IF('Standard Profiles'!$G$22=$B$24,21,0),MOD($C2064,24)+1)/SUM(INDEX($D$3:$AA$30,INDEX(Jesper!$R$2:$R$366,ROW(INDEX(Jesper!AL$2:AL$366,ROUNDDOWN($C2064/24,0)+1,1))-1)+IF('Standard Profiles'!$G$22=$B$10,7,0)+IF('Standard Profiles'!$G$22=$B$17,14,0)+IF('Standard Profiles'!$G$22=$B$24,21,0),0)),0)</f>
        <v>0</v>
      </c>
      <c r="I2064">
        <f t="shared" si="237"/>
        <v>0.55180623467559609</v>
      </c>
      <c r="J2064">
        <f t="shared" si="238"/>
        <v>1.8393541155853204</v>
      </c>
      <c r="K2064">
        <f t="shared" si="239"/>
        <v>2.7590311733779802</v>
      </c>
      <c r="L2064">
        <f t="shared" si="240"/>
        <v>13.243349632214306</v>
      </c>
      <c r="M2064">
        <f t="shared" si="241"/>
        <v>0</v>
      </c>
      <c r="N2064" s="46">
        <f t="shared" si="242"/>
        <v>45376.58333332841</v>
      </c>
    </row>
    <row r="2065" spans="2:14" x14ac:dyDescent="0.3">
      <c r="B2065">
        <f t="shared" si="236"/>
        <v>1</v>
      </c>
      <c r="C2065" s="16">
        <v>2031</v>
      </c>
      <c r="D2065" cm="1">
        <f t="array" ref="D2065">IFERROR(INDEX(Jesper!AH$2:AH$366,ROUNDDOWN($C2065/24,0)+1,1)*INDEX($D$3:$AA$30,INDEX(Jesper!$R$2:$R$366,ROW(INDEX(Jesper!AH$2:AH$366,ROUNDDOWN($C2065/24,0)+1,1))-1)+IF('Standard Profiles'!$G$18=$B$10,7,0)+IF('Standard Profiles'!$G$18=$B$17,14,0)+IF('Standard Profiles'!$G$18=$B$24,21,0),MOD($C2065,24)+1)/SUM(INDEX($D$3:$AA$30,INDEX(Jesper!$R$2:$R$366,ROW(INDEX(Jesper!AH$2:AH$366,ROUNDDOWN($C2065/24,0)+1,1))-1)+IF('Standard Profiles'!$G$18=$B$10,7,0)+IF('Standard Profiles'!$G$18=$B$17,14,0)+IF('Standard Profiles'!$G$18=$B$24,21,0),0)),0)</f>
        <v>18.393541155853203</v>
      </c>
      <c r="E2065" cm="1">
        <f t="array" ref="E2065">IFERROR(INDEX(Jesper!AI$2:AI$366,ROUNDDOWN($C2065/24,0)+1,1)*INDEX($D$3:$AA$30,INDEX(Jesper!$R$2:$R$366,ROW(INDEX(Jesper!AI$2:AI$366,ROUNDDOWN($C2065/24,0)+1,1))-1)+IF('Standard Profiles'!$G$19=$B$10,7,0)+IF('Standard Profiles'!$G$19=$B$17,14,0)+IF('Standard Profiles'!$G$19=$B$24,21,0),MOD($C2065,24)+1)/SUM(INDEX($D$3:$AA$30,INDEX(Jesper!$R$2:$R$366,ROW(INDEX(Jesper!AI$2:AI$366,ROUNDDOWN($C2065/24,0)+1,1))-1)+IF('Standard Profiles'!$G$19=$B$10,7,0)+IF('Standard Profiles'!$G$19=$B$17,14,0)+IF('Standard Profiles'!$G$19=$B$24,21,0),0)),0)</f>
        <v>0</v>
      </c>
      <c r="F2065" cm="1">
        <f t="array" ref="F2065">IFERROR(INDEX(Jesper!AJ$2:AJ$366,ROUNDDOWN($C2065/24,0)+1,1)*INDEX($D$3:$AA$30,INDEX(Jesper!$R$2:$R$366,ROW(INDEX(Jesper!AJ$2:AJ$366,ROUNDDOWN($C2065/24,0)+1,1))-1)+IF('Standard Profiles'!$G$20=$B$10,7,0)+IF('Standard Profiles'!$G$20=$B$17,14,0)+IF('Standard Profiles'!$G$20=$B$24,21,0),MOD($C2065,24)+1)/SUM(INDEX($D$3:$AA$30,INDEX(Jesper!$R$2:$R$366,ROW(INDEX(Jesper!AJ$2:AJ$366,ROUNDDOWN($C2065/24,0)+1,1))-1)+IF('Standard Profiles'!$G$20=$B$10,7,0)+IF('Standard Profiles'!$G$20=$B$17,14,0)+IF('Standard Profiles'!$G$20=$B$24,21,0),0)),0)</f>
        <v>0</v>
      </c>
      <c r="G2065" cm="1">
        <f t="array" ref="G2065">IFERROR(INDEX(Jesper!AK$2:AK$366,ROUNDDOWN($C2065/24,0)+1,1)*INDEX($D$3:$AA$30,INDEX(Jesper!$R$2:$R$366,ROW(INDEX(Jesper!AK$2:AK$366,ROUNDDOWN($C2065/24,0)+1,1))-1)+IF('Standard Profiles'!$G$21=$B$10,7,0)+IF('Standard Profiles'!$G$21=$B$17,14,0)+IF('Standard Profiles'!$G$21=$B$24,21,0),MOD($C2065,24)+1)/SUM(INDEX($D$3:$AA$30,INDEX(Jesper!$R$2:$R$366,ROW(INDEX(Jesper!AK$2:AK$366,ROUNDDOWN($C2065/24,0)+1,1))-1)+IF('Standard Profiles'!$G$21=$B$10,7,0)+IF('Standard Profiles'!$G$21=$B$17,14,0)+IF('Standard Profiles'!$G$21=$B$24,21,0),0)),0)</f>
        <v>0</v>
      </c>
      <c r="H2065" cm="1">
        <f t="array" ref="H2065">IFERROR(INDEX(Jesper!AL$2:AL$366,ROUNDDOWN($C2065/24,0)+1,1)*INDEX($D$3:$AA$30,INDEX(Jesper!$R$2:$R$366,ROW(INDEX(Jesper!AL$2:AL$366,ROUNDDOWN($C2065/24,0)+1,1))-1)+IF('Standard Profiles'!$G$22=$B$10,7,0)+IF('Standard Profiles'!$G$22=$B$17,14,0)+IF('Standard Profiles'!$G$22=$B$24,21,0),MOD($C2065,24)+1)/SUM(INDEX($D$3:$AA$30,INDEX(Jesper!$R$2:$R$366,ROW(INDEX(Jesper!AL$2:AL$366,ROUNDDOWN($C2065/24,0)+1,1))-1)+IF('Standard Profiles'!$G$22=$B$10,7,0)+IF('Standard Profiles'!$G$22=$B$17,14,0)+IF('Standard Profiles'!$G$22=$B$24,21,0),0)),0)</f>
        <v>0</v>
      </c>
      <c r="I2065">
        <f t="shared" si="237"/>
        <v>0.55180623467559609</v>
      </c>
      <c r="J2065">
        <f t="shared" si="238"/>
        <v>1.8393541155853204</v>
      </c>
      <c r="K2065">
        <f t="shared" si="239"/>
        <v>2.7590311733779802</v>
      </c>
      <c r="L2065">
        <f t="shared" si="240"/>
        <v>13.243349632214306</v>
      </c>
      <c r="M2065">
        <f t="shared" si="241"/>
        <v>0</v>
      </c>
      <c r="N2065" s="46">
        <f t="shared" si="242"/>
        <v>45376.624999995074</v>
      </c>
    </row>
    <row r="2066" spans="2:14" x14ac:dyDescent="0.3">
      <c r="B2066">
        <f t="shared" si="236"/>
        <v>1</v>
      </c>
      <c r="C2066" s="16">
        <v>2032</v>
      </c>
      <c r="D2066" cm="1">
        <f t="array" ref="D2066">IFERROR(INDEX(Jesper!AH$2:AH$366,ROUNDDOWN($C2066/24,0)+1,1)*INDEX($D$3:$AA$30,INDEX(Jesper!$R$2:$R$366,ROW(INDEX(Jesper!AH$2:AH$366,ROUNDDOWN($C2066/24,0)+1,1))-1)+IF('Standard Profiles'!$G$18=$B$10,7,0)+IF('Standard Profiles'!$G$18=$B$17,14,0)+IF('Standard Profiles'!$G$18=$B$24,21,0),MOD($C2066,24)+1)/SUM(INDEX($D$3:$AA$30,INDEX(Jesper!$R$2:$R$366,ROW(INDEX(Jesper!AH$2:AH$366,ROUNDDOWN($C2066/24,0)+1,1))-1)+IF('Standard Profiles'!$G$18=$B$10,7,0)+IF('Standard Profiles'!$G$18=$B$17,14,0)+IF('Standard Profiles'!$G$18=$B$24,21,0),0)),0)</f>
        <v>18.393541155853203</v>
      </c>
      <c r="E2066" cm="1">
        <f t="array" ref="E2066">IFERROR(INDEX(Jesper!AI$2:AI$366,ROUNDDOWN($C2066/24,0)+1,1)*INDEX($D$3:$AA$30,INDEX(Jesper!$R$2:$R$366,ROW(INDEX(Jesper!AI$2:AI$366,ROUNDDOWN($C2066/24,0)+1,1))-1)+IF('Standard Profiles'!$G$19=$B$10,7,0)+IF('Standard Profiles'!$G$19=$B$17,14,0)+IF('Standard Profiles'!$G$19=$B$24,21,0),MOD($C2066,24)+1)/SUM(INDEX($D$3:$AA$30,INDEX(Jesper!$R$2:$R$366,ROW(INDEX(Jesper!AI$2:AI$366,ROUNDDOWN($C2066/24,0)+1,1))-1)+IF('Standard Profiles'!$G$19=$B$10,7,0)+IF('Standard Profiles'!$G$19=$B$17,14,0)+IF('Standard Profiles'!$G$19=$B$24,21,0),0)),0)</f>
        <v>0</v>
      </c>
      <c r="F2066" cm="1">
        <f t="array" ref="F2066">IFERROR(INDEX(Jesper!AJ$2:AJ$366,ROUNDDOWN($C2066/24,0)+1,1)*INDEX($D$3:$AA$30,INDEX(Jesper!$R$2:$R$366,ROW(INDEX(Jesper!AJ$2:AJ$366,ROUNDDOWN($C2066/24,0)+1,1))-1)+IF('Standard Profiles'!$G$20=$B$10,7,0)+IF('Standard Profiles'!$G$20=$B$17,14,0)+IF('Standard Profiles'!$G$20=$B$24,21,0),MOD($C2066,24)+1)/SUM(INDEX($D$3:$AA$30,INDEX(Jesper!$R$2:$R$366,ROW(INDEX(Jesper!AJ$2:AJ$366,ROUNDDOWN($C2066/24,0)+1,1))-1)+IF('Standard Profiles'!$G$20=$B$10,7,0)+IF('Standard Profiles'!$G$20=$B$17,14,0)+IF('Standard Profiles'!$G$20=$B$24,21,0),0)),0)</f>
        <v>0</v>
      </c>
      <c r="G2066" cm="1">
        <f t="array" ref="G2066">IFERROR(INDEX(Jesper!AK$2:AK$366,ROUNDDOWN($C2066/24,0)+1,1)*INDEX($D$3:$AA$30,INDEX(Jesper!$R$2:$R$366,ROW(INDEX(Jesper!AK$2:AK$366,ROUNDDOWN($C2066/24,0)+1,1))-1)+IF('Standard Profiles'!$G$21=$B$10,7,0)+IF('Standard Profiles'!$G$21=$B$17,14,0)+IF('Standard Profiles'!$G$21=$B$24,21,0),MOD($C2066,24)+1)/SUM(INDEX($D$3:$AA$30,INDEX(Jesper!$R$2:$R$366,ROW(INDEX(Jesper!AK$2:AK$366,ROUNDDOWN($C2066/24,0)+1,1))-1)+IF('Standard Profiles'!$G$21=$B$10,7,0)+IF('Standard Profiles'!$G$21=$B$17,14,0)+IF('Standard Profiles'!$G$21=$B$24,21,0),0)),0)</f>
        <v>0</v>
      </c>
      <c r="H2066" cm="1">
        <f t="array" ref="H2066">IFERROR(INDEX(Jesper!AL$2:AL$366,ROUNDDOWN($C2066/24,0)+1,1)*INDEX($D$3:$AA$30,INDEX(Jesper!$R$2:$R$366,ROW(INDEX(Jesper!AL$2:AL$366,ROUNDDOWN($C2066/24,0)+1,1))-1)+IF('Standard Profiles'!$G$22=$B$10,7,0)+IF('Standard Profiles'!$G$22=$B$17,14,0)+IF('Standard Profiles'!$G$22=$B$24,21,0),MOD($C2066,24)+1)/SUM(INDEX($D$3:$AA$30,INDEX(Jesper!$R$2:$R$366,ROW(INDEX(Jesper!AL$2:AL$366,ROUNDDOWN($C2066/24,0)+1,1))-1)+IF('Standard Profiles'!$G$22=$B$10,7,0)+IF('Standard Profiles'!$G$22=$B$17,14,0)+IF('Standard Profiles'!$G$22=$B$24,21,0),0)),0)</f>
        <v>0</v>
      </c>
      <c r="I2066">
        <f t="shared" si="237"/>
        <v>0.55180623467559609</v>
      </c>
      <c r="J2066">
        <f t="shared" si="238"/>
        <v>1.8393541155853204</v>
      </c>
      <c r="K2066">
        <f t="shared" si="239"/>
        <v>2.7590311733779802</v>
      </c>
      <c r="L2066">
        <f t="shared" si="240"/>
        <v>13.243349632214306</v>
      </c>
      <c r="M2066">
        <f t="shared" si="241"/>
        <v>0</v>
      </c>
      <c r="N2066" s="46">
        <f t="shared" si="242"/>
        <v>45376.666666661738</v>
      </c>
    </row>
    <row r="2067" spans="2:14" x14ac:dyDescent="0.3">
      <c r="B2067">
        <f t="shared" si="236"/>
        <v>1</v>
      </c>
      <c r="C2067" s="16">
        <v>2033</v>
      </c>
      <c r="D2067" cm="1">
        <f t="array" ref="D2067">IFERROR(INDEX(Jesper!AH$2:AH$366,ROUNDDOWN($C2067/24,0)+1,1)*INDEX($D$3:$AA$30,INDEX(Jesper!$R$2:$R$366,ROW(INDEX(Jesper!AH$2:AH$366,ROUNDDOWN($C2067/24,0)+1,1))-1)+IF('Standard Profiles'!$G$18=$B$10,7,0)+IF('Standard Profiles'!$G$18=$B$17,14,0)+IF('Standard Profiles'!$G$18=$B$24,21,0),MOD($C2067,24)+1)/SUM(INDEX($D$3:$AA$30,INDEX(Jesper!$R$2:$R$366,ROW(INDEX(Jesper!AH$2:AH$366,ROUNDDOWN($C2067/24,0)+1,1))-1)+IF('Standard Profiles'!$G$18=$B$10,7,0)+IF('Standard Profiles'!$G$18=$B$17,14,0)+IF('Standard Profiles'!$G$18=$B$24,21,0),0)),0)</f>
        <v>18.393541155853203</v>
      </c>
      <c r="E2067" cm="1">
        <f t="array" ref="E2067">IFERROR(INDEX(Jesper!AI$2:AI$366,ROUNDDOWN($C2067/24,0)+1,1)*INDEX($D$3:$AA$30,INDEX(Jesper!$R$2:$R$366,ROW(INDEX(Jesper!AI$2:AI$366,ROUNDDOWN($C2067/24,0)+1,1))-1)+IF('Standard Profiles'!$G$19=$B$10,7,0)+IF('Standard Profiles'!$G$19=$B$17,14,0)+IF('Standard Profiles'!$G$19=$B$24,21,0),MOD($C2067,24)+1)/SUM(INDEX($D$3:$AA$30,INDEX(Jesper!$R$2:$R$366,ROW(INDEX(Jesper!AI$2:AI$366,ROUNDDOWN($C2067/24,0)+1,1))-1)+IF('Standard Profiles'!$G$19=$B$10,7,0)+IF('Standard Profiles'!$G$19=$B$17,14,0)+IF('Standard Profiles'!$G$19=$B$24,21,0),0)),0)</f>
        <v>0</v>
      </c>
      <c r="F2067" cm="1">
        <f t="array" ref="F2067">IFERROR(INDEX(Jesper!AJ$2:AJ$366,ROUNDDOWN($C2067/24,0)+1,1)*INDEX($D$3:$AA$30,INDEX(Jesper!$R$2:$R$366,ROW(INDEX(Jesper!AJ$2:AJ$366,ROUNDDOWN($C2067/24,0)+1,1))-1)+IF('Standard Profiles'!$G$20=$B$10,7,0)+IF('Standard Profiles'!$G$20=$B$17,14,0)+IF('Standard Profiles'!$G$20=$B$24,21,0),MOD($C2067,24)+1)/SUM(INDEX($D$3:$AA$30,INDEX(Jesper!$R$2:$R$366,ROW(INDEX(Jesper!AJ$2:AJ$366,ROUNDDOWN($C2067/24,0)+1,1))-1)+IF('Standard Profiles'!$G$20=$B$10,7,0)+IF('Standard Profiles'!$G$20=$B$17,14,0)+IF('Standard Profiles'!$G$20=$B$24,21,0),0)),0)</f>
        <v>0</v>
      </c>
      <c r="G2067" cm="1">
        <f t="array" ref="G2067">IFERROR(INDEX(Jesper!AK$2:AK$366,ROUNDDOWN($C2067/24,0)+1,1)*INDEX($D$3:$AA$30,INDEX(Jesper!$R$2:$R$366,ROW(INDEX(Jesper!AK$2:AK$366,ROUNDDOWN($C2067/24,0)+1,1))-1)+IF('Standard Profiles'!$G$21=$B$10,7,0)+IF('Standard Profiles'!$G$21=$B$17,14,0)+IF('Standard Profiles'!$G$21=$B$24,21,0),MOD($C2067,24)+1)/SUM(INDEX($D$3:$AA$30,INDEX(Jesper!$R$2:$R$366,ROW(INDEX(Jesper!AK$2:AK$366,ROUNDDOWN($C2067/24,0)+1,1))-1)+IF('Standard Profiles'!$G$21=$B$10,7,0)+IF('Standard Profiles'!$G$21=$B$17,14,0)+IF('Standard Profiles'!$G$21=$B$24,21,0),0)),0)</f>
        <v>0</v>
      </c>
      <c r="H2067" cm="1">
        <f t="array" ref="H2067">IFERROR(INDEX(Jesper!AL$2:AL$366,ROUNDDOWN($C2067/24,0)+1,1)*INDEX($D$3:$AA$30,INDEX(Jesper!$R$2:$R$366,ROW(INDEX(Jesper!AL$2:AL$366,ROUNDDOWN($C2067/24,0)+1,1))-1)+IF('Standard Profiles'!$G$22=$B$10,7,0)+IF('Standard Profiles'!$G$22=$B$17,14,0)+IF('Standard Profiles'!$G$22=$B$24,21,0),MOD($C2067,24)+1)/SUM(INDEX($D$3:$AA$30,INDEX(Jesper!$R$2:$R$366,ROW(INDEX(Jesper!AL$2:AL$366,ROUNDDOWN($C2067/24,0)+1,1))-1)+IF('Standard Profiles'!$G$22=$B$10,7,0)+IF('Standard Profiles'!$G$22=$B$17,14,0)+IF('Standard Profiles'!$G$22=$B$24,21,0),0)),0)</f>
        <v>0</v>
      </c>
      <c r="I2067">
        <f t="shared" si="237"/>
        <v>0.55180623467559609</v>
      </c>
      <c r="J2067">
        <f t="shared" si="238"/>
        <v>1.8393541155853204</v>
      </c>
      <c r="K2067">
        <f t="shared" si="239"/>
        <v>2.7590311733779802</v>
      </c>
      <c r="L2067">
        <f t="shared" si="240"/>
        <v>13.243349632214306</v>
      </c>
      <c r="M2067">
        <f t="shared" si="241"/>
        <v>0</v>
      </c>
      <c r="N2067" s="46">
        <f t="shared" si="242"/>
        <v>45376.708333328403</v>
      </c>
    </row>
    <row r="2068" spans="2:14" x14ac:dyDescent="0.3">
      <c r="B2068">
        <f t="shared" si="236"/>
        <v>1</v>
      </c>
      <c r="C2068" s="16">
        <v>2034</v>
      </c>
      <c r="D2068" cm="1">
        <f t="array" ref="D2068">IFERROR(INDEX(Jesper!AH$2:AH$366,ROUNDDOWN($C2068/24,0)+1,1)*INDEX($D$3:$AA$30,INDEX(Jesper!$R$2:$R$366,ROW(INDEX(Jesper!AH$2:AH$366,ROUNDDOWN($C2068/24,0)+1,1))-1)+IF('Standard Profiles'!$G$18=$B$10,7,0)+IF('Standard Profiles'!$G$18=$B$17,14,0)+IF('Standard Profiles'!$G$18=$B$24,21,0),MOD($C2068,24)+1)/SUM(INDEX($D$3:$AA$30,INDEX(Jesper!$R$2:$R$366,ROW(INDEX(Jesper!AH$2:AH$366,ROUNDDOWN($C2068/24,0)+1,1))-1)+IF('Standard Profiles'!$G$18=$B$10,7,0)+IF('Standard Profiles'!$G$18=$B$17,14,0)+IF('Standard Profiles'!$G$18=$B$24,21,0),0)),0)</f>
        <v>18.393541155853203</v>
      </c>
      <c r="E2068" cm="1">
        <f t="array" ref="E2068">IFERROR(INDEX(Jesper!AI$2:AI$366,ROUNDDOWN($C2068/24,0)+1,1)*INDEX($D$3:$AA$30,INDEX(Jesper!$R$2:$R$366,ROW(INDEX(Jesper!AI$2:AI$366,ROUNDDOWN($C2068/24,0)+1,1))-1)+IF('Standard Profiles'!$G$19=$B$10,7,0)+IF('Standard Profiles'!$G$19=$B$17,14,0)+IF('Standard Profiles'!$G$19=$B$24,21,0),MOD($C2068,24)+1)/SUM(INDEX($D$3:$AA$30,INDEX(Jesper!$R$2:$R$366,ROW(INDEX(Jesper!AI$2:AI$366,ROUNDDOWN($C2068/24,0)+1,1))-1)+IF('Standard Profiles'!$G$19=$B$10,7,0)+IF('Standard Profiles'!$G$19=$B$17,14,0)+IF('Standard Profiles'!$G$19=$B$24,21,0),0)),0)</f>
        <v>0</v>
      </c>
      <c r="F2068" cm="1">
        <f t="array" ref="F2068">IFERROR(INDEX(Jesper!AJ$2:AJ$366,ROUNDDOWN($C2068/24,0)+1,1)*INDEX($D$3:$AA$30,INDEX(Jesper!$R$2:$R$366,ROW(INDEX(Jesper!AJ$2:AJ$366,ROUNDDOWN($C2068/24,0)+1,1))-1)+IF('Standard Profiles'!$G$20=$B$10,7,0)+IF('Standard Profiles'!$G$20=$B$17,14,0)+IF('Standard Profiles'!$G$20=$B$24,21,0),MOD($C2068,24)+1)/SUM(INDEX($D$3:$AA$30,INDEX(Jesper!$R$2:$R$366,ROW(INDEX(Jesper!AJ$2:AJ$366,ROUNDDOWN($C2068/24,0)+1,1))-1)+IF('Standard Profiles'!$G$20=$B$10,7,0)+IF('Standard Profiles'!$G$20=$B$17,14,0)+IF('Standard Profiles'!$G$20=$B$24,21,0),0)),0)</f>
        <v>0</v>
      </c>
      <c r="G2068" cm="1">
        <f t="array" ref="G2068">IFERROR(INDEX(Jesper!AK$2:AK$366,ROUNDDOWN($C2068/24,0)+1,1)*INDEX($D$3:$AA$30,INDEX(Jesper!$R$2:$R$366,ROW(INDEX(Jesper!AK$2:AK$366,ROUNDDOWN($C2068/24,0)+1,1))-1)+IF('Standard Profiles'!$G$21=$B$10,7,0)+IF('Standard Profiles'!$G$21=$B$17,14,0)+IF('Standard Profiles'!$G$21=$B$24,21,0),MOD($C2068,24)+1)/SUM(INDEX($D$3:$AA$30,INDEX(Jesper!$R$2:$R$366,ROW(INDEX(Jesper!AK$2:AK$366,ROUNDDOWN($C2068/24,0)+1,1))-1)+IF('Standard Profiles'!$G$21=$B$10,7,0)+IF('Standard Profiles'!$G$21=$B$17,14,0)+IF('Standard Profiles'!$G$21=$B$24,21,0),0)),0)</f>
        <v>0</v>
      </c>
      <c r="H2068" cm="1">
        <f t="array" ref="H2068">IFERROR(INDEX(Jesper!AL$2:AL$366,ROUNDDOWN($C2068/24,0)+1,1)*INDEX($D$3:$AA$30,INDEX(Jesper!$R$2:$R$366,ROW(INDEX(Jesper!AL$2:AL$366,ROUNDDOWN($C2068/24,0)+1,1))-1)+IF('Standard Profiles'!$G$22=$B$10,7,0)+IF('Standard Profiles'!$G$22=$B$17,14,0)+IF('Standard Profiles'!$G$22=$B$24,21,0),MOD($C2068,24)+1)/SUM(INDEX($D$3:$AA$30,INDEX(Jesper!$R$2:$R$366,ROW(INDEX(Jesper!AL$2:AL$366,ROUNDDOWN($C2068/24,0)+1,1))-1)+IF('Standard Profiles'!$G$22=$B$10,7,0)+IF('Standard Profiles'!$G$22=$B$17,14,0)+IF('Standard Profiles'!$G$22=$B$24,21,0),0)),0)</f>
        <v>0</v>
      </c>
      <c r="I2068">
        <f t="shared" si="237"/>
        <v>0.55180623467559609</v>
      </c>
      <c r="J2068">
        <f t="shared" si="238"/>
        <v>1.8393541155853204</v>
      </c>
      <c r="K2068">
        <f t="shared" si="239"/>
        <v>2.7590311733779802</v>
      </c>
      <c r="L2068">
        <f t="shared" si="240"/>
        <v>13.243349632214306</v>
      </c>
      <c r="M2068">
        <f t="shared" si="241"/>
        <v>0</v>
      </c>
      <c r="N2068" s="46">
        <f t="shared" si="242"/>
        <v>45376.749999995067</v>
      </c>
    </row>
    <row r="2069" spans="2:14" x14ac:dyDescent="0.3">
      <c r="B2069">
        <f t="shared" si="236"/>
        <v>1</v>
      </c>
      <c r="C2069" s="16">
        <v>2035</v>
      </c>
      <c r="D2069" cm="1">
        <f t="array" ref="D2069">IFERROR(INDEX(Jesper!AH$2:AH$366,ROUNDDOWN($C2069/24,0)+1,1)*INDEX($D$3:$AA$30,INDEX(Jesper!$R$2:$R$366,ROW(INDEX(Jesper!AH$2:AH$366,ROUNDDOWN($C2069/24,0)+1,1))-1)+IF('Standard Profiles'!$G$18=$B$10,7,0)+IF('Standard Profiles'!$G$18=$B$17,14,0)+IF('Standard Profiles'!$G$18=$B$24,21,0),MOD($C2069,24)+1)/SUM(INDEX($D$3:$AA$30,INDEX(Jesper!$R$2:$R$366,ROW(INDEX(Jesper!AH$2:AH$366,ROUNDDOWN($C2069/24,0)+1,1))-1)+IF('Standard Profiles'!$G$18=$B$10,7,0)+IF('Standard Profiles'!$G$18=$B$17,14,0)+IF('Standard Profiles'!$G$18=$B$24,21,0),0)),0)</f>
        <v>15.404590718027057</v>
      </c>
      <c r="E2069" cm="1">
        <f t="array" ref="E2069">IFERROR(INDEX(Jesper!AI$2:AI$366,ROUNDDOWN($C2069/24,0)+1,1)*INDEX($D$3:$AA$30,INDEX(Jesper!$R$2:$R$366,ROW(INDEX(Jesper!AI$2:AI$366,ROUNDDOWN($C2069/24,0)+1,1))-1)+IF('Standard Profiles'!$G$19=$B$10,7,0)+IF('Standard Profiles'!$G$19=$B$17,14,0)+IF('Standard Profiles'!$G$19=$B$24,21,0),MOD($C2069,24)+1)/SUM(INDEX($D$3:$AA$30,INDEX(Jesper!$R$2:$R$366,ROW(INDEX(Jesper!AI$2:AI$366,ROUNDDOWN($C2069/24,0)+1,1))-1)+IF('Standard Profiles'!$G$19=$B$10,7,0)+IF('Standard Profiles'!$G$19=$B$17,14,0)+IF('Standard Profiles'!$G$19=$B$24,21,0),0)),0)</f>
        <v>0</v>
      </c>
      <c r="F2069" cm="1">
        <f t="array" ref="F2069">IFERROR(INDEX(Jesper!AJ$2:AJ$366,ROUNDDOWN($C2069/24,0)+1,1)*INDEX($D$3:$AA$30,INDEX(Jesper!$R$2:$R$366,ROW(INDEX(Jesper!AJ$2:AJ$366,ROUNDDOWN($C2069/24,0)+1,1))-1)+IF('Standard Profiles'!$G$20=$B$10,7,0)+IF('Standard Profiles'!$G$20=$B$17,14,0)+IF('Standard Profiles'!$G$20=$B$24,21,0),MOD($C2069,24)+1)/SUM(INDEX($D$3:$AA$30,INDEX(Jesper!$R$2:$R$366,ROW(INDEX(Jesper!AJ$2:AJ$366,ROUNDDOWN($C2069/24,0)+1,1))-1)+IF('Standard Profiles'!$G$20=$B$10,7,0)+IF('Standard Profiles'!$G$20=$B$17,14,0)+IF('Standard Profiles'!$G$20=$B$24,21,0),0)),0)</f>
        <v>0</v>
      </c>
      <c r="G2069" cm="1">
        <f t="array" ref="G2069">IFERROR(INDEX(Jesper!AK$2:AK$366,ROUNDDOWN($C2069/24,0)+1,1)*INDEX($D$3:$AA$30,INDEX(Jesper!$R$2:$R$366,ROW(INDEX(Jesper!AK$2:AK$366,ROUNDDOWN($C2069/24,0)+1,1))-1)+IF('Standard Profiles'!$G$21=$B$10,7,0)+IF('Standard Profiles'!$G$21=$B$17,14,0)+IF('Standard Profiles'!$G$21=$B$24,21,0),MOD($C2069,24)+1)/SUM(INDEX($D$3:$AA$30,INDEX(Jesper!$R$2:$R$366,ROW(INDEX(Jesper!AK$2:AK$366,ROUNDDOWN($C2069/24,0)+1,1))-1)+IF('Standard Profiles'!$G$21=$B$10,7,0)+IF('Standard Profiles'!$G$21=$B$17,14,0)+IF('Standard Profiles'!$G$21=$B$24,21,0),0)),0)</f>
        <v>0</v>
      </c>
      <c r="H2069" cm="1">
        <f t="array" ref="H2069">IFERROR(INDEX(Jesper!AL$2:AL$366,ROUNDDOWN($C2069/24,0)+1,1)*INDEX($D$3:$AA$30,INDEX(Jesper!$R$2:$R$366,ROW(INDEX(Jesper!AL$2:AL$366,ROUNDDOWN($C2069/24,0)+1,1))-1)+IF('Standard Profiles'!$G$22=$B$10,7,0)+IF('Standard Profiles'!$G$22=$B$17,14,0)+IF('Standard Profiles'!$G$22=$B$24,21,0),MOD($C2069,24)+1)/SUM(INDEX($D$3:$AA$30,INDEX(Jesper!$R$2:$R$366,ROW(INDEX(Jesper!AL$2:AL$366,ROUNDDOWN($C2069/24,0)+1,1))-1)+IF('Standard Profiles'!$G$22=$B$10,7,0)+IF('Standard Profiles'!$G$22=$B$17,14,0)+IF('Standard Profiles'!$G$22=$B$24,21,0),0)),0)</f>
        <v>0</v>
      </c>
      <c r="I2069">
        <f t="shared" si="237"/>
        <v>0.46213772154081167</v>
      </c>
      <c r="J2069">
        <f t="shared" si="238"/>
        <v>1.5404590718027058</v>
      </c>
      <c r="K2069">
        <f t="shared" si="239"/>
        <v>2.3106886077040585</v>
      </c>
      <c r="L2069">
        <f t="shared" si="240"/>
        <v>11.091305316979481</v>
      </c>
      <c r="M2069">
        <f t="shared" si="241"/>
        <v>0</v>
      </c>
      <c r="N2069" s="46">
        <f t="shared" si="242"/>
        <v>45376.791666661731</v>
      </c>
    </row>
    <row r="2070" spans="2:14" x14ac:dyDescent="0.3">
      <c r="B2070">
        <f t="shared" si="236"/>
        <v>1</v>
      </c>
      <c r="C2070" s="16">
        <v>2036</v>
      </c>
      <c r="D2070" cm="1">
        <f t="array" ref="D2070">IFERROR(INDEX(Jesper!AH$2:AH$366,ROUNDDOWN($C2070/24,0)+1,1)*INDEX($D$3:$AA$30,INDEX(Jesper!$R$2:$R$366,ROW(INDEX(Jesper!AH$2:AH$366,ROUNDDOWN($C2070/24,0)+1,1))-1)+IF('Standard Profiles'!$G$18=$B$10,7,0)+IF('Standard Profiles'!$G$18=$B$17,14,0)+IF('Standard Profiles'!$G$18=$B$24,21,0),MOD($C2070,24)+1)/SUM(INDEX($D$3:$AA$30,INDEX(Jesper!$R$2:$R$366,ROW(INDEX(Jesper!AH$2:AH$366,ROUNDDOWN($C2070/24,0)+1,1))-1)+IF('Standard Profiles'!$G$18=$B$10,7,0)+IF('Standard Profiles'!$G$18=$B$17,14,0)+IF('Standard Profiles'!$G$18=$B$24,21,0),0)),0)</f>
        <v>12.645559544649076</v>
      </c>
      <c r="E2070" cm="1">
        <f t="array" ref="E2070">IFERROR(INDEX(Jesper!AI$2:AI$366,ROUNDDOWN($C2070/24,0)+1,1)*INDEX($D$3:$AA$30,INDEX(Jesper!$R$2:$R$366,ROW(INDEX(Jesper!AI$2:AI$366,ROUNDDOWN($C2070/24,0)+1,1))-1)+IF('Standard Profiles'!$G$19=$B$10,7,0)+IF('Standard Profiles'!$G$19=$B$17,14,0)+IF('Standard Profiles'!$G$19=$B$24,21,0),MOD($C2070,24)+1)/SUM(INDEX($D$3:$AA$30,INDEX(Jesper!$R$2:$R$366,ROW(INDEX(Jesper!AI$2:AI$366,ROUNDDOWN($C2070/24,0)+1,1))-1)+IF('Standard Profiles'!$G$19=$B$10,7,0)+IF('Standard Profiles'!$G$19=$B$17,14,0)+IF('Standard Profiles'!$G$19=$B$24,21,0),0)),0)</f>
        <v>0</v>
      </c>
      <c r="F2070" cm="1">
        <f t="array" ref="F2070">IFERROR(INDEX(Jesper!AJ$2:AJ$366,ROUNDDOWN($C2070/24,0)+1,1)*INDEX($D$3:$AA$30,INDEX(Jesper!$R$2:$R$366,ROW(INDEX(Jesper!AJ$2:AJ$366,ROUNDDOWN($C2070/24,0)+1,1))-1)+IF('Standard Profiles'!$G$20=$B$10,7,0)+IF('Standard Profiles'!$G$20=$B$17,14,0)+IF('Standard Profiles'!$G$20=$B$24,21,0),MOD($C2070,24)+1)/SUM(INDEX($D$3:$AA$30,INDEX(Jesper!$R$2:$R$366,ROW(INDEX(Jesper!AJ$2:AJ$366,ROUNDDOWN($C2070/24,0)+1,1))-1)+IF('Standard Profiles'!$G$20=$B$10,7,0)+IF('Standard Profiles'!$G$20=$B$17,14,0)+IF('Standard Profiles'!$G$20=$B$24,21,0),0)),0)</f>
        <v>0</v>
      </c>
      <c r="G2070" cm="1">
        <f t="array" ref="G2070">IFERROR(INDEX(Jesper!AK$2:AK$366,ROUNDDOWN($C2070/24,0)+1,1)*INDEX($D$3:$AA$30,INDEX(Jesper!$R$2:$R$366,ROW(INDEX(Jesper!AK$2:AK$366,ROUNDDOWN($C2070/24,0)+1,1))-1)+IF('Standard Profiles'!$G$21=$B$10,7,0)+IF('Standard Profiles'!$G$21=$B$17,14,0)+IF('Standard Profiles'!$G$21=$B$24,21,0),MOD($C2070,24)+1)/SUM(INDEX($D$3:$AA$30,INDEX(Jesper!$R$2:$R$366,ROW(INDEX(Jesper!AK$2:AK$366,ROUNDDOWN($C2070/24,0)+1,1))-1)+IF('Standard Profiles'!$G$21=$B$10,7,0)+IF('Standard Profiles'!$G$21=$B$17,14,0)+IF('Standard Profiles'!$G$21=$B$24,21,0),0)),0)</f>
        <v>0</v>
      </c>
      <c r="H2070" cm="1">
        <f t="array" ref="H2070">IFERROR(INDEX(Jesper!AL$2:AL$366,ROUNDDOWN($C2070/24,0)+1,1)*INDEX($D$3:$AA$30,INDEX(Jesper!$R$2:$R$366,ROW(INDEX(Jesper!AL$2:AL$366,ROUNDDOWN($C2070/24,0)+1,1))-1)+IF('Standard Profiles'!$G$22=$B$10,7,0)+IF('Standard Profiles'!$G$22=$B$17,14,0)+IF('Standard Profiles'!$G$22=$B$24,21,0),MOD($C2070,24)+1)/SUM(INDEX($D$3:$AA$30,INDEX(Jesper!$R$2:$R$366,ROW(INDEX(Jesper!AL$2:AL$366,ROUNDDOWN($C2070/24,0)+1,1))-1)+IF('Standard Profiles'!$G$22=$B$10,7,0)+IF('Standard Profiles'!$G$22=$B$17,14,0)+IF('Standard Profiles'!$G$22=$B$24,21,0),0)),0)</f>
        <v>0</v>
      </c>
      <c r="I2070">
        <f t="shared" si="237"/>
        <v>0.37936678633947229</v>
      </c>
      <c r="J2070">
        <f t="shared" si="238"/>
        <v>1.2645559544649076</v>
      </c>
      <c r="K2070">
        <f t="shared" si="239"/>
        <v>1.8968339316973615</v>
      </c>
      <c r="L2070">
        <f t="shared" si="240"/>
        <v>9.1048028721473351</v>
      </c>
      <c r="M2070">
        <f t="shared" si="241"/>
        <v>0</v>
      </c>
      <c r="N2070" s="46">
        <f t="shared" si="242"/>
        <v>45376.833333328395</v>
      </c>
    </row>
    <row r="2071" spans="2:14" x14ac:dyDescent="0.3">
      <c r="B2071">
        <f t="shared" si="236"/>
        <v>1</v>
      </c>
      <c r="C2071" s="16">
        <v>2037</v>
      </c>
      <c r="D2071" cm="1">
        <f t="array" ref="D2071">IFERROR(INDEX(Jesper!AH$2:AH$366,ROUNDDOWN($C2071/24,0)+1,1)*INDEX($D$3:$AA$30,INDEX(Jesper!$R$2:$R$366,ROW(INDEX(Jesper!AH$2:AH$366,ROUNDDOWN($C2071/24,0)+1,1))-1)+IF('Standard Profiles'!$G$18=$B$10,7,0)+IF('Standard Profiles'!$G$18=$B$17,14,0)+IF('Standard Profiles'!$G$18=$B$24,21,0),MOD($C2071,24)+1)/SUM(INDEX($D$3:$AA$30,INDEX(Jesper!$R$2:$R$366,ROW(INDEX(Jesper!AH$2:AH$366,ROUNDDOWN($C2071/24,0)+1,1))-1)+IF('Standard Profiles'!$G$18=$B$10,7,0)+IF('Standard Profiles'!$G$18=$B$17,14,0)+IF('Standard Profiles'!$G$18=$B$24,21,0),0)),0)</f>
        <v>9.1967705779266016</v>
      </c>
      <c r="E2071" cm="1">
        <f t="array" ref="E2071">IFERROR(INDEX(Jesper!AI$2:AI$366,ROUNDDOWN($C2071/24,0)+1,1)*INDEX($D$3:$AA$30,INDEX(Jesper!$R$2:$R$366,ROW(INDEX(Jesper!AI$2:AI$366,ROUNDDOWN($C2071/24,0)+1,1))-1)+IF('Standard Profiles'!$G$19=$B$10,7,0)+IF('Standard Profiles'!$G$19=$B$17,14,0)+IF('Standard Profiles'!$G$19=$B$24,21,0),MOD($C2071,24)+1)/SUM(INDEX($D$3:$AA$30,INDEX(Jesper!$R$2:$R$366,ROW(INDEX(Jesper!AI$2:AI$366,ROUNDDOWN($C2071/24,0)+1,1))-1)+IF('Standard Profiles'!$G$19=$B$10,7,0)+IF('Standard Profiles'!$G$19=$B$17,14,0)+IF('Standard Profiles'!$G$19=$B$24,21,0),0)),0)</f>
        <v>0</v>
      </c>
      <c r="F2071" cm="1">
        <f t="array" ref="F2071">IFERROR(INDEX(Jesper!AJ$2:AJ$366,ROUNDDOWN($C2071/24,0)+1,1)*INDEX($D$3:$AA$30,INDEX(Jesper!$R$2:$R$366,ROW(INDEX(Jesper!AJ$2:AJ$366,ROUNDDOWN($C2071/24,0)+1,1))-1)+IF('Standard Profiles'!$G$20=$B$10,7,0)+IF('Standard Profiles'!$G$20=$B$17,14,0)+IF('Standard Profiles'!$G$20=$B$24,21,0),MOD($C2071,24)+1)/SUM(INDEX($D$3:$AA$30,INDEX(Jesper!$R$2:$R$366,ROW(INDEX(Jesper!AJ$2:AJ$366,ROUNDDOWN($C2071/24,0)+1,1))-1)+IF('Standard Profiles'!$G$20=$B$10,7,0)+IF('Standard Profiles'!$G$20=$B$17,14,0)+IF('Standard Profiles'!$G$20=$B$24,21,0),0)),0)</f>
        <v>0</v>
      </c>
      <c r="G2071" cm="1">
        <f t="array" ref="G2071">IFERROR(INDEX(Jesper!AK$2:AK$366,ROUNDDOWN($C2071/24,0)+1,1)*INDEX($D$3:$AA$30,INDEX(Jesper!$R$2:$R$366,ROW(INDEX(Jesper!AK$2:AK$366,ROUNDDOWN($C2071/24,0)+1,1))-1)+IF('Standard Profiles'!$G$21=$B$10,7,0)+IF('Standard Profiles'!$G$21=$B$17,14,0)+IF('Standard Profiles'!$G$21=$B$24,21,0),MOD($C2071,24)+1)/SUM(INDEX($D$3:$AA$30,INDEX(Jesper!$R$2:$R$366,ROW(INDEX(Jesper!AK$2:AK$366,ROUNDDOWN($C2071/24,0)+1,1))-1)+IF('Standard Profiles'!$G$21=$B$10,7,0)+IF('Standard Profiles'!$G$21=$B$17,14,0)+IF('Standard Profiles'!$G$21=$B$24,21,0),0)),0)</f>
        <v>0</v>
      </c>
      <c r="H2071" cm="1">
        <f t="array" ref="H2071">IFERROR(INDEX(Jesper!AL$2:AL$366,ROUNDDOWN($C2071/24,0)+1,1)*INDEX($D$3:$AA$30,INDEX(Jesper!$R$2:$R$366,ROW(INDEX(Jesper!AL$2:AL$366,ROUNDDOWN($C2071/24,0)+1,1))-1)+IF('Standard Profiles'!$G$22=$B$10,7,0)+IF('Standard Profiles'!$G$22=$B$17,14,0)+IF('Standard Profiles'!$G$22=$B$24,21,0),MOD($C2071,24)+1)/SUM(INDEX($D$3:$AA$30,INDEX(Jesper!$R$2:$R$366,ROW(INDEX(Jesper!AL$2:AL$366,ROUNDDOWN($C2071/24,0)+1,1))-1)+IF('Standard Profiles'!$G$22=$B$10,7,0)+IF('Standard Profiles'!$G$22=$B$17,14,0)+IF('Standard Profiles'!$G$22=$B$24,21,0),0)),0)</f>
        <v>0</v>
      </c>
      <c r="I2071">
        <f t="shared" si="237"/>
        <v>0.27590311733779804</v>
      </c>
      <c r="J2071">
        <f t="shared" si="238"/>
        <v>0.91967705779266018</v>
      </c>
      <c r="K2071">
        <f t="shared" si="239"/>
        <v>1.3795155866889901</v>
      </c>
      <c r="L2071">
        <f t="shared" si="240"/>
        <v>6.621674816107153</v>
      </c>
      <c r="M2071">
        <f t="shared" si="241"/>
        <v>0</v>
      </c>
      <c r="N2071" s="46">
        <f t="shared" si="242"/>
        <v>45376.87499999506</v>
      </c>
    </row>
    <row r="2072" spans="2:14" x14ac:dyDescent="0.3">
      <c r="B2072">
        <f t="shared" si="236"/>
        <v>1</v>
      </c>
      <c r="C2072" s="16">
        <v>2038</v>
      </c>
      <c r="D2072" cm="1">
        <f t="array" ref="D2072">IFERROR(INDEX(Jesper!AH$2:AH$366,ROUNDDOWN($C2072/24,0)+1,1)*INDEX($D$3:$AA$30,INDEX(Jesper!$R$2:$R$366,ROW(INDEX(Jesper!AH$2:AH$366,ROUNDDOWN($C2072/24,0)+1,1))-1)+IF('Standard Profiles'!$G$18=$B$10,7,0)+IF('Standard Profiles'!$G$18=$B$17,14,0)+IF('Standard Profiles'!$G$18=$B$24,21,0),MOD($C2072,24)+1)/SUM(INDEX($D$3:$AA$30,INDEX(Jesper!$R$2:$R$366,ROW(INDEX(Jesper!AH$2:AH$366,ROUNDDOWN($C2072/24,0)+1,1))-1)+IF('Standard Profiles'!$G$18=$B$10,7,0)+IF('Standard Profiles'!$G$18=$B$17,14,0)+IF('Standard Profiles'!$G$18=$B$24,21,0),0)),0)</f>
        <v>8.7369320490302709</v>
      </c>
      <c r="E2072" cm="1">
        <f t="array" ref="E2072">IFERROR(INDEX(Jesper!AI$2:AI$366,ROUNDDOWN($C2072/24,0)+1,1)*INDEX($D$3:$AA$30,INDEX(Jesper!$R$2:$R$366,ROW(INDEX(Jesper!AI$2:AI$366,ROUNDDOWN($C2072/24,0)+1,1))-1)+IF('Standard Profiles'!$G$19=$B$10,7,0)+IF('Standard Profiles'!$G$19=$B$17,14,0)+IF('Standard Profiles'!$G$19=$B$24,21,0),MOD($C2072,24)+1)/SUM(INDEX($D$3:$AA$30,INDEX(Jesper!$R$2:$R$366,ROW(INDEX(Jesper!AI$2:AI$366,ROUNDDOWN($C2072/24,0)+1,1))-1)+IF('Standard Profiles'!$G$19=$B$10,7,0)+IF('Standard Profiles'!$G$19=$B$17,14,0)+IF('Standard Profiles'!$G$19=$B$24,21,0),0)),0)</f>
        <v>0</v>
      </c>
      <c r="F2072" cm="1">
        <f t="array" ref="F2072">IFERROR(INDEX(Jesper!AJ$2:AJ$366,ROUNDDOWN($C2072/24,0)+1,1)*INDEX($D$3:$AA$30,INDEX(Jesper!$R$2:$R$366,ROW(INDEX(Jesper!AJ$2:AJ$366,ROUNDDOWN($C2072/24,0)+1,1))-1)+IF('Standard Profiles'!$G$20=$B$10,7,0)+IF('Standard Profiles'!$G$20=$B$17,14,0)+IF('Standard Profiles'!$G$20=$B$24,21,0),MOD($C2072,24)+1)/SUM(INDEX($D$3:$AA$30,INDEX(Jesper!$R$2:$R$366,ROW(INDEX(Jesper!AJ$2:AJ$366,ROUNDDOWN($C2072/24,0)+1,1))-1)+IF('Standard Profiles'!$G$20=$B$10,7,0)+IF('Standard Profiles'!$G$20=$B$17,14,0)+IF('Standard Profiles'!$G$20=$B$24,21,0),0)),0)</f>
        <v>0</v>
      </c>
      <c r="G2072" cm="1">
        <f t="array" ref="G2072">IFERROR(INDEX(Jesper!AK$2:AK$366,ROUNDDOWN($C2072/24,0)+1,1)*INDEX($D$3:$AA$30,INDEX(Jesper!$R$2:$R$366,ROW(INDEX(Jesper!AK$2:AK$366,ROUNDDOWN($C2072/24,0)+1,1))-1)+IF('Standard Profiles'!$G$21=$B$10,7,0)+IF('Standard Profiles'!$G$21=$B$17,14,0)+IF('Standard Profiles'!$G$21=$B$24,21,0),MOD($C2072,24)+1)/SUM(INDEX($D$3:$AA$30,INDEX(Jesper!$R$2:$R$366,ROW(INDEX(Jesper!AK$2:AK$366,ROUNDDOWN($C2072/24,0)+1,1))-1)+IF('Standard Profiles'!$G$21=$B$10,7,0)+IF('Standard Profiles'!$G$21=$B$17,14,0)+IF('Standard Profiles'!$G$21=$B$24,21,0),0)),0)</f>
        <v>0</v>
      </c>
      <c r="H2072" cm="1">
        <f t="array" ref="H2072">IFERROR(INDEX(Jesper!AL$2:AL$366,ROUNDDOWN($C2072/24,0)+1,1)*INDEX($D$3:$AA$30,INDEX(Jesper!$R$2:$R$366,ROW(INDEX(Jesper!AL$2:AL$366,ROUNDDOWN($C2072/24,0)+1,1))-1)+IF('Standard Profiles'!$G$22=$B$10,7,0)+IF('Standard Profiles'!$G$22=$B$17,14,0)+IF('Standard Profiles'!$G$22=$B$24,21,0),MOD($C2072,24)+1)/SUM(INDEX($D$3:$AA$30,INDEX(Jesper!$R$2:$R$366,ROW(INDEX(Jesper!AL$2:AL$366,ROUNDDOWN($C2072/24,0)+1,1))-1)+IF('Standard Profiles'!$G$22=$B$10,7,0)+IF('Standard Profiles'!$G$22=$B$17,14,0)+IF('Standard Profiles'!$G$22=$B$24,21,0),0)),0)</f>
        <v>0</v>
      </c>
      <c r="I2072">
        <f t="shared" si="237"/>
        <v>0.26210796147090809</v>
      </c>
      <c r="J2072">
        <f t="shared" si="238"/>
        <v>0.87369320490302715</v>
      </c>
      <c r="K2072">
        <f t="shared" si="239"/>
        <v>1.3105398073545407</v>
      </c>
      <c r="L2072">
        <f t="shared" si="240"/>
        <v>6.2905910753017951</v>
      </c>
      <c r="M2072">
        <f t="shared" si="241"/>
        <v>0</v>
      </c>
      <c r="N2072" s="46">
        <f t="shared" si="242"/>
        <v>45376.916666661724</v>
      </c>
    </row>
    <row r="2073" spans="2:14" x14ac:dyDescent="0.3">
      <c r="B2073">
        <f t="shared" si="236"/>
        <v>1</v>
      </c>
      <c r="C2073" s="16">
        <v>2039</v>
      </c>
      <c r="D2073" cm="1">
        <f t="array" ref="D2073">IFERROR(INDEX(Jesper!AH$2:AH$366,ROUNDDOWN($C2073/24,0)+1,1)*INDEX($D$3:$AA$30,INDEX(Jesper!$R$2:$R$366,ROW(INDEX(Jesper!AH$2:AH$366,ROUNDDOWN($C2073/24,0)+1,1))-1)+IF('Standard Profiles'!$G$18=$B$10,7,0)+IF('Standard Profiles'!$G$18=$B$17,14,0)+IF('Standard Profiles'!$G$18=$B$24,21,0),MOD($C2073,24)+1)/SUM(INDEX($D$3:$AA$30,INDEX(Jesper!$R$2:$R$366,ROW(INDEX(Jesper!AH$2:AH$366,ROUNDDOWN($C2073/24,0)+1,1))-1)+IF('Standard Profiles'!$G$18=$B$10,7,0)+IF('Standard Profiles'!$G$18=$B$17,14,0)+IF('Standard Profiles'!$G$18=$B$24,21,0),0)),0)</f>
        <v>8.7369320490302709</v>
      </c>
      <c r="E2073" cm="1">
        <f t="array" ref="E2073">IFERROR(INDEX(Jesper!AI$2:AI$366,ROUNDDOWN($C2073/24,0)+1,1)*INDEX($D$3:$AA$30,INDEX(Jesper!$R$2:$R$366,ROW(INDEX(Jesper!AI$2:AI$366,ROUNDDOWN($C2073/24,0)+1,1))-1)+IF('Standard Profiles'!$G$19=$B$10,7,0)+IF('Standard Profiles'!$G$19=$B$17,14,0)+IF('Standard Profiles'!$G$19=$B$24,21,0),MOD($C2073,24)+1)/SUM(INDEX($D$3:$AA$30,INDEX(Jesper!$R$2:$R$366,ROW(INDEX(Jesper!AI$2:AI$366,ROUNDDOWN($C2073/24,0)+1,1))-1)+IF('Standard Profiles'!$G$19=$B$10,7,0)+IF('Standard Profiles'!$G$19=$B$17,14,0)+IF('Standard Profiles'!$G$19=$B$24,21,0),0)),0)</f>
        <v>0</v>
      </c>
      <c r="F2073" cm="1">
        <f t="array" ref="F2073">IFERROR(INDEX(Jesper!AJ$2:AJ$366,ROUNDDOWN($C2073/24,0)+1,1)*INDEX($D$3:$AA$30,INDEX(Jesper!$R$2:$R$366,ROW(INDEX(Jesper!AJ$2:AJ$366,ROUNDDOWN($C2073/24,0)+1,1))-1)+IF('Standard Profiles'!$G$20=$B$10,7,0)+IF('Standard Profiles'!$G$20=$B$17,14,0)+IF('Standard Profiles'!$G$20=$B$24,21,0),MOD($C2073,24)+1)/SUM(INDEX($D$3:$AA$30,INDEX(Jesper!$R$2:$R$366,ROW(INDEX(Jesper!AJ$2:AJ$366,ROUNDDOWN($C2073/24,0)+1,1))-1)+IF('Standard Profiles'!$G$20=$B$10,7,0)+IF('Standard Profiles'!$G$20=$B$17,14,0)+IF('Standard Profiles'!$G$20=$B$24,21,0),0)),0)</f>
        <v>0</v>
      </c>
      <c r="G2073" cm="1">
        <f t="array" ref="G2073">IFERROR(INDEX(Jesper!AK$2:AK$366,ROUNDDOWN($C2073/24,0)+1,1)*INDEX($D$3:$AA$30,INDEX(Jesper!$R$2:$R$366,ROW(INDEX(Jesper!AK$2:AK$366,ROUNDDOWN($C2073/24,0)+1,1))-1)+IF('Standard Profiles'!$G$21=$B$10,7,0)+IF('Standard Profiles'!$G$21=$B$17,14,0)+IF('Standard Profiles'!$G$21=$B$24,21,0),MOD($C2073,24)+1)/SUM(INDEX($D$3:$AA$30,INDEX(Jesper!$R$2:$R$366,ROW(INDEX(Jesper!AK$2:AK$366,ROUNDDOWN($C2073/24,0)+1,1))-1)+IF('Standard Profiles'!$G$21=$B$10,7,0)+IF('Standard Profiles'!$G$21=$B$17,14,0)+IF('Standard Profiles'!$G$21=$B$24,21,0),0)),0)</f>
        <v>0</v>
      </c>
      <c r="H2073" cm="1">
        <f t="array" ref="H2073">IFERROR(INDEX(Jesper!AL$2:AL$366,ROUNDDOWN($C2073/24,0)+1,1)*INDEX($D$3:$AA$30,INDEX(Jesper!$R$2:$R$366,ROW(INDEX(Jesper!AL$2:AL$366,ROUNDDOWN($C2073/24,0)+1,1))-1)+IF('Standard Profiles'!$G$22=$B$10,7,0)+IF('Standard Profiles'!$G$22=$B$17,14,0)+IF('Standard Profiles'!$G$22=$B$24,21,0),MOD($C2073,24)+1)/SUM(INDEX($D$3:$AA$30,INDEX(Jesper!$R$2:$R$366,ROW(INDEX(Jesper!AL$2:AL$366,ROUNDDOWN($C2073/24,0)+1,1))-1)+IF('Standard Profiles'!$G$22=$B$10,7,0)+IF('Standard Profiles'!$G$22=$B$17,14,0)+IF('Standard Profiles'!$G$22=$B$24,21,0),0)),0)</f>
        <v>0</v>
      </c>
      <c r="I2073">
        <f t="shared" si="237"/>
        <v>0.26210796147090809</v>
      </c>
      <c r="J2073">
        <f t="shared" si="238"/>
        <v>0.87369320490302715</v>
      </c>
      <c r="K2073">
        <f t="shared" si="239"/>
        <v>1.3105398073545407</v>
      </c>
      <c r="L2073">
        <f t="shared" si="240"/>
        <v>6.2905910753017951</v>
      </c>
      <c r="M2073">
        <f t="shared" si="241"/>
        <v>0</v>
      </c>
      <c r="N2073" s="46">
        <f t="shared" si="242"/>
        <v>45376.958333328388</v>
      </c>
    </row>
    <row r="2074" spans="2:14" x14ac:dyDescent="0.3">
      <c r="B2074">
        <f t="shared" si="236"/>
        <v>2</v>
      </c>
      <c r="C2074" s="16">
        <v>2040</v>
      </c>
      <c r="D2074" cm="1">
        <f t="array" ref="D2074">IFERROR(INDEX(Jesper!AH$2:AH$366,ROUNDDOWN($C2074/24,0)+1,1)*INDEX($D$3:$AA$30,INDEX(Jesper!$R$2:$R$366,ROW(INDEX(Jesper!AH$2:AH$366,ROUNDDOWN($C2074/24,0)+1,1))-1)+IF('Standard Profiles'!$G$18=$B$10,7,0)+IF('Standard Profiles'!$G$18=$B$17,14,0)+IF('Standard Profiles'!$G$18=$B$24,21,0),MOD($C2074,24)+1)/SUM(INDEX($D$3:$AA$30,INDEX(Jesper!$R$2:$R$366,ROW(INDEX(Jesper!AH$2:AH$366,ROUNDDOWN($C2074/24,0)+1,1))-1)+IF('Standard Profiles'!$G$18=$B$10,7,0)+IF('Standard Profiles'!$G$18=$B$17,14,0)+IF('Standard Profiles'!$G$18=$B$24,21,0),0)),0)</f>
        <v>8.1247798598388048</v>
      </c>
      <c r="E2074" cm="1">
        <f t="array" ref="E2074">IFERROR(INDEX(Jesper!AI$2:AI$366,ROUNDDOWN($C2074/24,0)+1,1)*INDEX($D$3:$AA$30,INDEX(Jesper!$R$2:$R$366,ROW(INDEX(Jesper!AI$2:AI$366,ROUNDDOWN($C2074/24,0)+1,1))-1)+IF('Standard Profiles'!$G$19=$B$10,7,0)+IF('Standard Profiles'!$G$19=$B$17,14,0)+IF('Standard Profiles'!$G$19=$B$24,21,0),MOD($C2074,24)+1)/SUM(INDEX($D$3:$AA$30,INDEX(Jesper!$R$2:$R$366,ROW(INDEX(Jesper!AI$2:AI$366,ROUNDDOWN($C2074/24,0)+1,1))-1)+IF('Standard Profiles'!$G$19=$B$10,7,0)+IF('Standard Profiles'!$G$19=$B$17,14,0)+IF('Standard Profiles'!$G$19=$B$24,21,0),0)),0)</f>
        <v>0</v>
      </c>
      <c r="F2074" cm="1">
        <f t="array" ref="F2074">IFERROR(INDEX(Jesper!AJ$2:AJ$366,ROUNDDOWN($C2074/24,0)+1,1)*INDEX($D$3:$AA$30,INDEX(Jesper!$R$2:$R$366,ROW(INDEX(Jesper!AJ$2:AJ$366,ROUNDDOWN($C2074/24,0)+1,1))-1)+IF('Standard Profiles'!$G$20=$B$10,7,0)+IF('Standard Profiles'!$G$20=$B$17,14,0)+IF('Standard Profiles'!$G$20=$B$24,21,0),MOD($C2074,24)+1)/SUM(INDEX($D$3:$AA$30,INDEX(Jesper!$R$2:$R$366,ROW(INDEX(Jesper!AJ$2:AJ$366,ROUNDDOWN($C2074/24,0)+1,1))-1)+IF('Standard Profiles'!$G$20=$B$10,7,0)+IF('Standard Profiles'!$G$20=$B$17,14,0)+IF('Standard Profiles'!$G$20=$B$24,21,0),0)),0)</f>
        <v>0</v>
      </c>
      <c r="G2074" cm="1">
        <f t="array" ref="G2074">IFERROR(INDEX(Jesper!AK$2:AK$366,ROUNDDOWN($C2074/24,0)+1,1)*INDEX($D$3:$AA$30,INDEX(Jesper!$R$2:$R$366,ROW(INDEX(Jesper!AK$2:AK$366,ROUNDDOWN($C2074/24,0)+1,1))-1)+IF('Standard Profiles'!$G$21=$B$10,7,0)+IF('Standard Profiles'!$G$21=$B$17,14,0)+IF('Standard Profiles'!$G$21=$B$24,21,0),MOD($C2074,24)+1)/SUM(INDEX($D$3:$AA$30,INDEX(Jesper!$R$2:$R$366,ROW(INDEX(Jesper!AK$2:AK$366,ROUNDDOWN($C2074/24,0)+1,1))-1)+IF('Standard Profiles'!$G$21=$B$10,7,0)+IF('Standard Profiles'!$G$21=$B$17,14,0)+IF('Standard Profiles'!$G$21=$B$24,21,0),0)),0)</f>
        <v>0</v>
      </c>
      <c r="H2074" cm="1">
        <f t="array" ref="H2074">IFERROR(INDEX(Jesper!AL$2:AL$366,ROUNDDOWN($C2074/24,0)+1,1)*INDEX($D$3:$AA$30,INDEX(Jesper!$R$2:$R$366,ROW(INDEX(Jesper!AL$2:AL$366,ROUNDDOWN($C2074/24,0)+1,1))-1)+IF('Standard Profiles'!$G$22=$B$10,7,0)+IF('Standard Profiles'!$G$22=$B$17,14,0)+IF('Standard Profiles'!$G$22=$B$24,21,0),MOD($C2074,24)+1)/SUM(INDEX($D$3:$AA$30,INDEX(Jesper!$R$2:$R$366,ROW(INDEX(Jesper!AL$2:AL$366,ROUNDDOWN($C2074/24,0)+1,1))-1)+IF('Standard Profiles'!$G$22=$B$10,7,0)+IF('Standard Profiles'!$G$22=$B$17,14,0)+IF('Standard Profiles'!$G$22=$B$24,21,0),0)),0)</f>
        <v>0</v>
      </c>
      <c r="I2074">
        <f t="shared" si="237"/>
        <v>0.24374339579516413</v>
      </c>
      <c r="J2074">
        <f t="shared" si="238"/>
        <v>0.81247798598388055</v>
      </c>
      <c r="K2074">
        <f t="shared" si="239"/>
        <v>1.2187169789758208</v>
      </c>
      <c r="L2074">
        <f t="shared" si="240"/>
        <v>5.8498414990839391</v>
      </c>
      <c r="M2074">
        <f t="shared" si="241"/>
        <v>0</v>
      </c>
      <c r="N2074" s="46">
        <f t="shared" si="242"/>
        <v>45376.999999995052</v>
      </c>
    </row>
    <row r="2075" spans="2:14" x14ac:dyDescent="0.3">
      <c r="B2075">
        <f t="shared" si="236"/>
        <v>2</v>
      </c>
      <c r="C2075" s="16">
        <v>2041</v>
      </c>
      <c r="D2075" cm="1">
        <f t="array" ref="D2075">IFERROR(INDEX(Jesper!AH$2:AH$366,ROUNDDOWN($C2075/24,0)+1,1)*INDEX($D$3:$AA$30,INDEX(Jesper!$R$2:$R$366,ROW(INDEX(Jesper!AH$2:AH$366,ROUNDDOWN($C2075/24,0)+1,1))-1)+IF('Standard Profiles'!$G$18=$B$10,7,0)+IF('Standard Profiles'!$G$18=$B$17,14,0)+IF('Standard Profiles'!$G$18=$B$24,21,0),MOD($C2075,24)+1)/SUM(INDEX($D$3:$AA$30,INDEX(Jesper!$R$2:$R$366,ROW(INDEX(Jesper!AH$2:AH$366,ROUNDDOWN($C2075/24,0)+1,1))-1)+IF('Standard Profiles'!$G$18=$B$10,7,0)+IF('Standard Profiles'!$G$18=$B$17,14,0)+IF('Standard Profiles'!$G$18=$B$24,21,0),0)),0)</f>
        <v>8.1247798598388048</v>
      </c>
      <c r="E2075" cm="1">
        <f t="array" ref="E2075">IFERROR(INDEX(Jesper!AI$2:AI$366,ROUNDDOWN($C2075/24,0)+1,1)*INDEX($D$3:$AA$30,INDEX(Jesper!$R$2:$R$366,ROW(INDEX(Jesper!AI$2:AI$366,ROUNDDOWN($C2075/24,0)+1,1))-1)+IF('Standard Profiles'!$G$19=$B$10,7,0)+IF('Standard Profiles'!$G$19=$B$17,14,0)+IF('Standard Profiles'!$G$19=$B$24,21,0),MOD($C2075,24)+1)/SUM(INDEX($D$3:$AA$30,INDEX(Jesper!$R$2:$R$366,ROW(INDEX(Jesper!AI$2:AI$366,ROUNDDOWN($C2075/24,0)+1,1))-1)+IF('Standard Profiles'!$G$19=$B$10,7,0)+IF('Standard Profiles'!$G$19=$B$17,14,0)+IF('Standard Profiles'!$G$19=$B$24,21,0),0)),0)</f>
        <v>0</v>
      </c>
      <c r="F2075" cm="1">
        <f t="array" ref="F2075">IFERROR(INDEX(Jesper!AJ$2:AJ$366,ROUNDDOWN($C2075/24,0)+1,1)*INDEX($D$3:$AA$30,INDEX(Jesper!$R$2:$R$366,ROW(INDEX(Jesper!AJ$2:AJ$366,ROUNDDOWN($C2075/24,0)+1,1))-1)+IF('Standard Profiles'!$G$20=$B$10,7,0)+IF('Standard Profiles'!$G$20=$B$17,14,0)+IF('Standard Profiles'!$G$20=$B$24,21,0),MOD($C2075,24)+1)/SUM(INDEX($D$3:$AA$30,INDEX(Jesper!$R$2:$R$366,ROW(INDEX(Jesper!AJ$2:AJ$366,ROUNDDOWN($C2075/24,0)+1,1))-1)+IF('Standard Profiles'!$G$20=$B$10,7,0)+IF('Standard Profiles'!$G$20=$B$17,14,0)+IF('Standard Profiles'!$G$20=$B$24,21,0),0)),0)</f>
        <v>0</v>
      </c>
      <c r="G2075" cm="1">
        <f t="array" ref="G2075">IFERROR(INDEX(Jesper!AK$2:AK$366,ROUNDDOWN($C2075/24,0)+1,1)*INDEX($D$3:$AA$30,INDEX(Jesper!$R$2:$R$366,ROW(INDEX(Jesper!AK$2:AK$366,ROUNDDOWN($C2075/24,0)+1,1))-1)+IF('Standard Profiles'!$G$21=$B$10,7,0)+IF('Standard Profiles'!$G$21=$B$17,14,0)+IF('Standard Profiles'!$G$21=$B$24,21,0),MOD($C2075,24)+1)/SUM(INDEX($D$3:$AA$30,INDEX(Jesper!$R$2:$R$366,ROW(INDEX(Jesper!AK$2:AK$366,ROUNDDOWN($C2075/24,0)+1,1))-1)+IF('Standard Profiles'!$G$21=$B$10,7,0)+IF('Standard Profiles'!$G$21=$B$17,14,0)+IF('Standard Profiles'!$G$21=$B$24,21,0),0)),0)</f>
        <v>0</v>
      </c>
      <c r="H2075" cm="1">
        <f t="array" ref="H2075">IFERROR(INDEX(Jesper!AL$2:AL$366,ROUNDDOWN($C2075/24,0)+1,1)*INDEX($D$3:$AA$30,INDEX(Jesper!$R$2:$R$366,ROW(INDEX(Jesper!AL$2:AL$366,ROUNDDOWN($C2075/24,0)+1,1))-1)+IF('Standard Profiles'!$G$22=$B$10,7,0)+IF('Standard Profiles'!$G$22=$B$17,14,0)+IF('Standard Profiles'!$G$22=$B$24,21,0),MOD($C2075,24)+1)/SUM(INDEX($D$3:$AA$30,INDEX(Jesper!$R$2:$R$366,ROW(INDEX(Jesper!AL$2:AL$366,ROUNDDOWN($C2075/24,0)+1,1))-1)+IF('Standard Profiles'!$G$22=$B$10,7,0)+IF('Standard Profiles'!$G$22=$B$17,14,0)+IF('Standard Profiles'!$G$22=$B$24,21,0),0)),0)</f>
        <v>0</v>
      </c>
      <c r="I2075">
        <f t="shared" si="237"/>
        <v>0.24374339579516413</v>
      </c>
      <c r="J2075">
        <f t="shared" si="238"/>
        <v>0.81247798598388055</v>
      </c>
      <c r="K2075">
        <f t="shared" si="239"/>
        <v>1.2187169789758208</v>
      </c>
      <c r="L2075">
        <f t="shared" si="240"/>
        <v>5.8498414990839391</v>
      </c>
      <c r="M2075">
        <f t="shared" si="241"/>
        <v>0</v>
      </c>
      <c r="N2075" s="46">
        <f t="shared" si="242"/>
        <v>45377.041666661717</v>
      </c>
    </row>
    <row r="2076" spans="2:14" x14ac:dyDescent="0.3">
      <c r="B2076">
        <f t="shared" si="236"/>
        <v>2</v>
      </c>
      <c r="C2076" s="16">
        <v>2042</v>
      </c>
      <c r="D2076" cm="1">
        <f t="array" ref="D2076">IFERROR(INDEX(Jesper!AH$2:AH$366,ROUNDDOWN($C2076/24,0)+1,1)*INDEX($D$3:$AA$30,INDEX(Jesper!$R$2:$R$366,ROW(INDEX(Jesper!AH$2:AH$366,ROUNDDOWN($C2076/24,0)+1,1))-1)+IF('Standard Profiles'!$G$18=$B$10,7,0)+IF('Standard Profiles'!$G$18=$B$17,14,0)+IF('Standard Profiles'!$G$18=$B$24,21,0),MOD($C2076,24)+1)/SUM(INDEX($D$3:$AA$30,INDEX(Jesper!$R$2:$R$366,ROW(INDEX(Jesper!AH$2:AH$366,ROUNDDOWN($C2076/24,0)+1,1))-1)+IF('Standard Profiles'!$G$18=$B$10,7,0)+IF('Standard Profiles'!$G$18=$B$17,14,0)+IF('Standard Profiles'!$G$18=$B$24,21,0),0)),0)</f>
        <v>8.1247798598388048</v>
      </c>
      <c r="E2076" cm="1">
        <f t="array" ref="E2076">IFERROR(INDEX(Jesper!AI$2:AI$366,ROUNDDOWN($C2076/24,0)+1,1)*INDEX($D$3:$AA$30,INDEX(Jesper!$R$2:$R$366,ROW(INDEX(Jesper!AI$2:AI$366,ROUNDDOWN($C2076/24,0)+1,1))-1)+IF('Standard Profiles'!$G$19=$B$10,7,0)+IF('Standard Profiles'!$G$19=$B$17,14,0)+IF('Standard Profiles'!$G$19=$B$24,21,0),MOD($C2076,24)+1)/SUM(INDEX($D$3:$AA$30,INDEX(Jesper!$R$2:$R$366,ROW(INDEX(Jesper!AI$2:AI$366,ROUNDDOWN($C2076/24,0)+1,1))-1)+IF('Standard Profiles'!$G$19=$B$10,7,0)+IF('Standard Profiles'!$G$19=$B$17,14,0)+IF('Standard Profiles'!$G$19=$B$24,21,0),0)),0)</f>
        <v>0</v>
      </c>
      <c r="F2076" cm="1">
        <f t="array" ref="F2076">IFERROR(INDEX(Jesper!AJ$2:AJ$366,ROUNDDOWN($C2076/24,0)+1,1)*INDEX($D$3:$AA$30,INDEX(Jesper!$R$2:$R$366,ROW(INDEX(Jesper!AJ$2:AJ$366,ROUNDDOWN($C2076/24,0)+1,1))-1)+IF('Standard Profiles'!$G$20=$B$10,7,0)+IF('Standard Profiles'!$G$20=$B$17,14,0)+IF('Standard Profiles'!$G$20=$B$24,21,0),MOD($C2076,24)+1)/SUM(INDEX($D$3:$AA$30,INDEX(Jesper!$R$2:$R$366,ROW(INDEX(Jesper!AJ$2:AJ$366,ROUNDDOWN($C2076/24,0)+1,1))-1)+IF('Standard Profiles'!$G$20=$B$10,7,0)+IF('Standard Profiles'!$G$20=$B$17,14,0)+IF('Standard Profiles'!$G$20=$B$24,21,0),0)),0)</f>
        <v>0</v>
      </c>
      <c r="G2076" cm="1">
        <f t="array" ref="G2076">IFERROR(INDEX(Jesper!AK$2:AK$366,ROUNDDOWN($C2076/24,0)+1,1)*INDEX($D$3:$AA$30,INDEX(Jesper!$R$2:$R$366,ROW(INDEX(Jesper!AK$2:AK$366,ROUNDDOWN($C2076/24,0)+1,1))-1)+IF('Standard Profiles'!$G$21=$B$10,7,0)+IF('Standard Profiles'!$G$21=$B$17,14,0)+IF('Standard Profiles'!$G$21=$B$24,21,0),MOD($C2076,24)+1)/SUM(INDEX($D$3:$AA$30,INDEX(Jesper!$R$2:$R$366,ROW(INDEX(Jesper!AK$2:AK$366,ROUNDDOWN($C2076/24,0)+1,1))-1)+IF('Standard Profiles'!$G$21=$B$10,7,0)+IF('Standard Profiles'!$G$21=$B$17,14,0)+IF('Standard Profiles'!$G$21=$B$24,21,0),0)),0)</f>
        <v>0</v>
      </c>
      <c r="H2076" cm="1">
        <f t="array" ref="H2076">IFERROR(INDEX(Jesper!AL$2:AL$366,ROUNDDOWN($C2076/24,0)+1,1)*INDEX($D$3:$AA$30,INDEX(Jesper!$R$2:$R$366,ROW(INDEX(Jesper!AL$2:AL$366,ROUNDDOWN($C2076/24,0)+1,1))-1)+IF('Standard Profiles'!$G$22=$B$10,7,0)+IF('Standard Profiles'!$G$22=$B$17,14,0)+IF('Standard Profiles'!$G$22=$B$24,21,0),MOD($C2076,24)+1)/SUM(INDEX($D$3:$AA$30,INDEX(Jesper!$R$2:$R$366,ROW(INDEX(Jesper!AL$2:AL$366,ROUNDDOWN($C2076/24,0)+1,1))-1)+IF('Standard Profiles'!$G$22=$B$10,7,0)+IF('Standard Profiles'!$G$22=$B$17,14,0)+IF('Standard Profiles'!$G$22=$B$24,21,0),0)),0)</f>
        <v>0</v>
      </c>
      <c r="I2076">
        <f t="shared" si="237"/>
        <v>0.24374339579516413</v>
      </c>
      <c r="J2076">
        <f t="shared" si="238"/>
        <v>0.81247798598388055</v>
      </c>
      <c r="K2076">
        <f t="shared" si="239"/>
        <v>1.2187169789758208</v>
      </c>
      <c r="L2076">
        <f t="shared" si="240"/>
        <v>5.8498414990839391</v>
      </c>
      <c r="M2076">
        <f t="shared" si="241"/>
        <v>0</v>
      </c>
      <c r="N2076" s="46">
        <f t="shared" si="242"/>
        <v>45377.083333328381</v>
      </c>
    </row>
    <row r="2077" spans="2:14" x14ac:dyDescent="0.3">
      <c r="B2077">
        <f t="shared" si="236"/>
        <v>2</v>
      </c>
      <c r="C2077" s="16">
        <v>2043</v>
      </c>
      <c r="D2077" cm="1">
        <f t="array" ref="D2077">IFERROR(INDEX(Jesper!AH$2:AH$366,ROUNDDOWN($C2077/24,0)+1,1)*INDEX($D$3:$AA$30,INDEX(Jesper!$R$2:$R$366,ROW(INDEX(Jesper!AH$2:AH$366,ROUNDDOWN($C2077/24,0)+1,1))-1)+IF('Standard Profiles'!$G$18=$B$10,7,0)+IF('Standard Profiles'!$G$18=$B$17,14,0)+IF('Standard Profiles'!$G$18=$B$24,21,0),MOD($C2077,24)+1)/SUM(INDEX($D$3:$AA$30,INDEX(Jesper!$R$2:$R$366,ROW(INDEX(Jesper!AH$2:AH$366,ROUNDDOWN($C2077/24,0)+1,1))-1)+IF('Standard Profiles'!$G$18=$B$10,7,0)+IF('Standard Profiles'!$G$18=$B$17,14,0)+IF('Standard Profiles'!$G$18=$B$24,21,0),0)),0)</f>
        <v>8.1247798598388048</v>
      </c>
      <c r="E2077" cm="1">
        <f t="array" ref="E2077">IFERROR(INDEX(Jesper!AI$2:AI$366,ROUNDDOWN($C2077/24,0)+1,1)*INDEX($D$3:$AA$30,INDEX(Jesper!$R$2:$R$366,ROW(INDEX(Jesper!AI$2:AI$366,ROUNDDOWN($C2077/24,0)+1,1))-1)+IF('Standard Profiles'!$G$19=$B$10,7,0)+IF('Standard Profiles'!$G$19=$B$17,14,0)+IF('Standard Profiles'!$G$19=$B$24,21,0),MOD($C2077,24)+1)/SUM(INDEX($D$3:$AA$30,INDEX(Jesper!$R$2:$R$366,ROW(INDEX(Jesper!AI$2:AI$366,ROUNDDOWN($C2077/24,0)+1,1))-1)+IF('Standard Profiles'!$G$19=$B$10,7,0)+IF('Standard Profiles'!$G$19=$B$17,14,0)+IF('Standard Profiles'!$G$19=$B$24,21,0),0)),0)</f>
        <v>0</v>
      </c>
      <c r="F2077" cm="1">
        <f t="array" ref="F2077">IFERROR(INDEX(Jesper!AJ$2:AJ$366,ROUNDDOWN($C2077/24,0)+1,1)*INDEX($D$3:$AA$30,INDEX(Jesper!$R$2:$R$366,ROW(INDEX(Jesper!AJ$2:AJ$366,ROUNDDOWN($C2077/24,0)+1,1))-1)+IF('Standard Profiles'!$G$20=$B$10,7,0)+IF('Standard Profiles'!$G$20=$B$17,14,0)+IF('Standard Profiles'!$G$20=$B$24,21,0),MOD($C2077,24)+1)/SUM(INDEX($D$3:$AA$30,INDEX(Jesper!$R$2:$R$366,ROW(INDEX(Jesper!AJ$2:AJ$366,ROUNDDOWN($C2077/24,0)+1,1))-1)+IF('Standard Profiles'!$G$20=$B$10,7,0)+IF('Standard Profiles'!$G$20=$B$17,14,0)+IF('Standard Profiles'!$G$20=$B$24,21,0),0)),0)</f>
        <v>0</v>
      </c>
      <c r="G2077" cm="1">
        <f t="array" ref="G2077">IFERROR(INDEX(Jesper!AK$2:AK$366,ROUNDDOWN($C2077/24,0)+1,1)*INDEX($D$3:$AA$30,INDEX(Jesper!$R$2:$R$366,ROW(INDEX(Jesper!AK$2:AK$366,ROUNDDOWN($C2077/24,0)+1,1))-1)+IF('Standard Profiles'!$G$21=$B$10,7,0)+IF('Standard Profiles'!$G$21=$B$17,14,0)+IF('Standard Profiles'!$G$21=$B$24,21,0),MOD($C2077,24)+1)/SUM(INDEX($D$3:$AA$30,INDEX(Jesper!$R$2:$R$366,ROW(INDEX(Jesper!AK$2:AK$366,ROUNDDOWN($C2077/24,0)+1,1))-1)+IF('Standard Profiles'!$G$21=$B$10,7,0)+IF('Standard Profiles'!$G$21=$B$17,14,0)+IF('Standard Profiles'!$G$21=$B$24,21,0),0)),0)</f>
        <v>0</v>
      </c>
      <c r="H2077" cm="1">
        <f t="array" ref="H2077">IFERROR(INDEX(Jesper!AL$2:AL$366,ROUNDDOWN($C2077/24,0)+1,1)*INDEX($D$3:$AA$30,INDEX(Jesper!$R$2:$R$366,ROW(INDEX(Jesper!AL$2:AL$366,ROUNDDOWN($C2077/24,0)+1,1))-1)+IF('Standard Profiles'!$G$22=$B$10,7,0)+IF('Standard Profiles'!$G$22=$B$17,14,0)+IF('Standard Profiles'!$G$22=$B$24,21,0),MOD($C2077,24)+1)/SUM(INDEX($D$3:$AA$30,INDEX(Jesper!$R$2:$R$366,ROW(INDEX(Jesper!AL$2:AL$366,ROUNDDOWN($C2077/24,0)+1,1))-1)+IF('Standard Profiles'!$G$22=$B$10,7,0)+IF('Standard Profiles'!$G$22=$B$17,14,0)+IF('Standard Profiles'!$G$22=$B$24,21,0),0)),0)</f>
        <v>0</v>
      </c>
      <c r="I2077">
        <f t="shared" si="237"/>
        <v>0.24374339579516413</v>
      </c>
      <c r="J2077">
        <f t="shared" si="238"/>
        <v>0.81247798598388055</v>
      </c>
      <c r="K2077">
        <f t="shared" si="239"/>
        <v>1.2187169789758208</v>
      </c>
      <c r="L2077">
        <f t="shared" si="240"/>
        <v>5.8498414990839391</v>
      </c>
      <c r="M2077">
        <f t="shared" si="241"/>
        <v>0</v>
      </c>
      <c r="N2077" s="46">
        <f t="shared" si="242"/>
        <v>45377.124999995045</v>
      </c>
    </row>
    <row r="2078" spans="2:14" x14ac:dyDescent="0.3">
      <c r="B2078">
        <f t="shared" si="236"/>
        <v>2</v>
      </c>
      <c r="C2078" s="16">
        <v>2044</v>
      </c>
      <c r="D2078" cm="1">
        <f t="array" ref="D2078">IFERROR(INDEX(Jesper!AH$2:AH$366,ROUNDDOWN($C2078/24,0)+1,1)*INDEX($D$3:$AA$30,INDEX(Jesper!$R$2:$R$366,ROW(INDEX(Jesper!AH$2:AH$366,ROUNDDOWN($C2078/24,0)+1,1))-1)+IF('Standard Profiles'!$G$18=$B$10,7,0)+IF('Standard Profiles'!$G$18=$B$17,14,0)+IF('Standard Profiles'!$G$18=$B$24,21,0),MOD($C2078,24)+1)/SUM(INDEX($D$3:$AA$30,INDEX(Jesper!$R$2:$R$366,ROW(INDEX(Jesper!AH$2:AH$366,ROUNDDOWN($C2078/24,0)+1,1))-1)+IF('Standard Profiles'!$G$18=$B$10,7,0)+IF('Standard Profiles'!$G$18=$B$17,14,0)+IF('Standard Profiles'!$G$18=$B$24,21,0),0)),0)</f>
        <v>8.1247798598388048</v>
      </c>
      <c r="E2078" cm="1">
        <f t="array" ref="E2078">IFERROR(INDEX(Jesper!AI$2:AI$366,ROUNDDOWN($C2078/24,0)+1,1)*INDEX($D$3:$AA$30,INDEX(Jesper!$R$2:$R$366,ROW(INDEX(Jesper!AI$2:AI$366,ROUNDDOWN($C2078/24,0)+1,1))-1)+IF('Standard Profiles'!$G$19=$B$10,7,0)+IF('Standard Profiles'!$G$19=$B$17,14,0)+IF('Standard Profiles'!$G$19=$B$24,21,0),MOD($C2078,24)+1)/SUM(INDEX($D$3:$AA$30,INDEX(Jesper!$R$2:$R$366,ROW(INDEX(Jesper!AI$2:AI$366,ROUNDDOWN($C2078/24,0)+1,1))-1)+IF('Standard Profiles'!$G$19=$B$10,7,0)+IF('Standard Profiles'!$G$19=$B$17,14,0)+IF('Standard Profiles'!$G$19=$B$24,21,0),0)),0)</f>
        <v>0</v>
      </c>
      <c r="F2078" cm="1">
        <f t="array" ref="F2078">IFERROR(INDEX(Jesper!AJ$2:AJ$366,ROUNDDOWN($C2078/24,0)+1,1)*INDEX($D$3:$AA$30,INDEX(Jesper!$R$2:$R$366,ROW(INDEX(Jesper!AJ$2:AJ$366,ROUNDDOWN($C2078/24,0)+1,1))-1)+IF('Standard Profiles'!$G$20=$B$10,7,0)+IF('Standard Profiles'!$G$20=$B$17,14,0)+IF('Standard Profiles'!$G$20=$B$24,21,0),MOD($C2078,24)+1)/SUM(INDEX($D$3:$AA$30,INDEX(Jesper!$R$2:$R$366,ROW(INDEX(Jesper!AJ$2:AJ$366,ROUNDDOWN($C2078/24,0)+1,1))-1)+IF('Standard Profiles'!$G$20=$B$10,7,0)+IF('Standard Profiles'!$G$20=$B$17,14,0)+IF('Standard Profiles'!$G$20=$B$24,21,0),0)),0)</f>
        <v>0</v>
      </c>
      <c r="G2078" cm="1">
        <f t="array" ref="G2078">IFERROR(INDEX(Jesper!AK$2:AK$366,ROUNDDOWN($C2078/24,0)+1,1)*INDEX($D$3:$AA$30,INDEX(Jesper!$R$2:$R$366,ROW(INDEX(Jesper!AK$2:AK$366,ROUNDDOWN($C2078/24,0)+1,1))-1)+IF('Standard Profiles'!$G$21=$B$10,7,0)+IF('Standard Profiles'!$G$21=$B$17,14,0)+IF('Standard Profiles'!$G$21=$B$24,21,0),MOD($C2078,24)+1)/SUM(INDEX($D$3:$AA$30,INDEX(Jesper!$R$2:$R$366,ROW(INDEX(Jesper!AK$2:AK$366,ROUNDDOWN($C2078/24,0)+1,1))-1)+IF('Standard Profiles'!$G$21=$B$10,7,0)+IF('Standard Profiles'!$G$21=$B$17,14,0)+IF('Standard Profiles'!$G$21=$B$24,21,0),0)),0)</f>
        <v>0</v>
      </c>
      <c r="H2078" cm="1">
        <f t="array" ref="H2078">IFERROR(INDEX(Jesper!AL$2:AL$366,ROUNDDOWN($C2078/24,0)+1,1)*INDEX($D$3:$AA$30,INDEX(Jesper!$R$2:$R$366,ROW(INDEX(Jesper!AL$2:AL$366,ROUNDDOWN($C2078/24,0)+1,1))-1)+IF('Standard Profiles'!$G$22=$B$10,7,0)+IF('Standard Profiles'!$G$22=$B$17,14,0)+IF('Standard Profiles'!$G$22=$B$24,21,0),MOD($C2078,24)+1)/SUM(INDEX($D$3:$AA$30,INDEX(Jesper!$R$2:$R$366,ROW(INDEX(Jesper!AL$2:AL$366,ROUNDDOWN($C2078/24,0)+1,1))-1)+IF('Standard Profiles'!$G$22=$B$10,7,0)+IF('Standard Profiles'!$G$22=$B$17,14,0)+IF('Standard Profiles'!$G$22=$B$24,21,0),0)),0)</f>
        <v>0</v>
      </c>
      <c r="I2078">
        <f t="shared" si="237"/>
        <v>0.24374339579516413</v>
      </c>
      <c r="J2078">
        <f t="shared" si="238"/>
        <v>0.81247798598388055</v>
      </c>
      <c r="K2078">
        <f t="shared" si="239"/>
        <v>1.2187169789758208</v>
      </c>
      <c r="L2078">
        <f t="shared" si="240"/>
        <v>5.8498414990839391</v>
      </c>
      <c r="M2078">
        <f t="shared" si="241"/>
        <v>0</v>
      </c>
      <c r="N2078" s="46">
        <f t="shared" si="242"/>
        <v>45377.166666661709</v>
      </c>
    </row>
    <row r="2079" spans="2:14" x14ac:dyDescent="0.3">
      <c r="B2079">
        <f t="shared" si="236"/>
        <v>2</v>
      </c>
      <c r="C2079" s="16">
        <v>2045</v>
      </c>
      <c r="D2079" cm="1">
        <f t="array" ref="D2079">IFERROR(INDEX(Jesper!AH$2:AH$366,ROUNDDOWN($C2079/24,0)+1,1)*INDEX($D$3:$AA$30,INDEX(Jesper!$R$2:$R$366,ROW(INDEX(Jesper!AH$2:AH$366,ROUNDDOWN($C2079/24,0)+1,1))-1)+IF('Standard Profiles'!$G$18=$B$10,7,0)+IF('Standard Profiles'!$G$18=$B$17,14,0)+IF('Standard Profiles'!$G$18=$B$24,21,0),MOD($C2079,24)+1)/SUM(INDEX($D$3:$AA$30,INDEX(Jesper!$R$2:$R$366,ROW(INDEX(Jesper!AH$2:AH$366,ROUNDDOWN($C2079/24,0)+1,1))-1)+IF('Standard Profiles'!$G$18=$B$10,7,0)+IF('Standard Profiles'!$G$18=$B$17,14,0)+IF('Standard Profiles'!$G$18=$B$24,21,0),0)),0)</f>
        <v>10.562213817790445</v>
      </c>
      <c r="E2079" cm="1">
        <f t="array" ref="E2079">IFERROR(INDEX(Jesper!AI$2:AI$366,ROUNDDOWN($C2079/24,0)+1,1)*INDEX($D$3:$AA$30,INDEX(Jesper!$R$2:$R$366,ROW(INDEX(Jesper!AI$2:AI$366,ROUNDDOWN($C2079/24,0)+1,1))-1)+IF('Standard Profiles'!$G$19=$B$10,7,0)+IF('Standard Profiles'!$G$19=$B$17,14,0)+IF('Standard Profiles'!$G$19=$B$24,21,0),MOD($C2079,24)+1)/SUM(INDEX($D$3:$AA$30,INDEX(Jesper!$R$2:$R$366,ROW(INDEX(Jesper!AI$2:AI$366,ROUNDDOWN($C2079/24,0)+1,1))-1)+IF('Standard Profiles'!$G$19=$B$10,7,0)+IF('Standard Profiles'!$G$19=$B$17,14,0)+IF('Standard Profiles'!$G$19=$B$24,21,0),0)),0)</f>
        <v>0</v>
      </c>
      <c r="F2079" cm="1">
        <f t="array" ref="F2079">IFERROR(INDEX(Jesper!AJ$2:AJ$366,ROUNDDOWN($C2079/24,0)+1,1)*INDEX($D$3:$AA$30,INDEX(Jesper!$R$2:$R$366,ROW(INDEX(Jesper!AJ$2:AJ$366,ROUNDDOWN($C2079/24,0)+1,1))-1)+IF('Standard Profiles'!$G$20=$B$10,7,0)+IF('Standard Profiles'!$G$20=$B$17,14,0)+IF('Standard Profiles'!$G$20=$B$24,21,0),MOD($C2079,24)+1)/SUM(INDEX($D$3:$AA$30,INDEX(Jesper!$R$2:$R$366,ROW(INDEX(Jesper!AJ$2:AJ$366,ROUNDDOWN($C2079/24,0)+1,1))-1)+IF('Standard Profiles'!$G$20=$B$10,7,0)+IF('Standard Profiles'!$G$20=$B$17,14,0)+IF('Standard Profiles'!$G$20=$B$24,21,0),0)),0)</f>
        <v>0</v>
      </c>
      <c r="G2079" cm="1">
        <f t="array" ref="G2079">IFERROR(INDEX(Jesper!AK$2:AK$366,ROUNDDOWN($C2079/24,0)+1,1)*INDEX($D$3:$AA$30,INDEX(Jesper!$R$2:$R$366,ROW(INDEX(Jesper!AK$2:AK$366,ROUNDDOWN($C2079/24,0)+1,1))-1)+IF('Standard Profiles'!$G$21=$B$10,7,0)+IF('Standard Profiles'!$G$21=$B$17,14,0)+IF('Standard Profiles'!$G$21=$B$24,21,0),MOD($C2079,24)+1)/SUM(INDEX($D$3:$AA$30,INDEX(Jesper!$R$2:$R$366,ROW(INDEX(Jesper!AK$2:AK$366,ROUNDDOWN($C2079/24,0)+1,1))-1)+IF('Standard Profiles'!$G$21=$B$10,7,0)+IF('Standard Profiles'!$G$21=$B$17,14,0)+IF('Standard Profiles'!$G$21=$B$24,21,0),0)),0)</f>
        <v>0</v>
      </c>
      <c r="H2079" cm="1">
        <f t="array" ref="H2079">IFERROR(INDEX(Jesper!AL$2:AL$366,ROUNDDOWN($C2079/24,0)+1,1)*INDEX($D$3:$AA$30,INDEX(Jesper!$R$2:$R$366,ROW(INDEX(Jesper!AL$2:AL$366,ROUNDDOWN($C2079/24,0)+1,1))-1)+IF('Standard Profiles'!$G$22=$B$10,7,0)+IF('Standard Profiles'!$G$22=$B$17,14,0)+IF('Standard Profiles'!$G$22=$B$24,21,0),MOD($C2079,24)+1)/SUM(INDEX($D$3:$AA$30,INDEX(Jesper!$R$2:$R$366,ROW(INDEX(Jesper!AL$2:AL$366,ROUNDDOWN($C2079/24,0)+1,1))-1)+IF('Standard Profiles'!$G$22=$B$10,7,0)+IF('Standard Profiles'!$G$22=$B$17,14,0)+IF('Standard Profiles'!$G$22=$B$24,21,0),0)),0)</f>
        <v>0</v>
      </c>
      <c r="I2079">
        <f t="shared" si="237"/>
        <v>0.31686641453371334</v>
      </c>
      <c r="J2079">
        <f t="shared" si="238"/>
        <v>1.0562213817790445</v>
      </c>
      <c r="K2079">
        <f t="shared" si="239"/>
        <v>1.5843320726685668</v>
      </c>
      <c r="L2079">
        <f t="shared" si="240"/>
        <v>7.6047939488091201</v>
      </c>
      <c r="M2079">
        <f t="shared" si="241"/>
        <v>0</v>
      </c>
      <c r="N2079" s="46">
        <f t="shared" si="242"/>
        <v>45377.208333328374</v>
      </c>
    </row>
    <row r="2080" spans="2:14" x14ac:dyDescent="0.3">
      <c r="B2080">
        <f t="shared" si="236"/>
        <v>2</v>
      </c>
      <c r="C2080" s="16">
        <v>2046</v>
      </c>
      <c r="D2080" cm="1">
        <f t="array" ref="D2080">IFERROR(INDEX(Jesper!AH$2:AH$366,ROUNDDOWN($C2080/24,0)+1,1)*INDEX($D$3:$AA$30,INDEX(Jesper!$R$2:$R$366,ROW(INDEX(Jesper!AH$2:AH$366,ROUNDDOWN($C2080/24,0)+1,1))-1)+IF('Standard Profiles'!$G$18=$B$10,7,0)+IF('Standard Profiles'!$G$18=$B$17,14,0)+IF('Standard Profiles'!$G$18=$B$24,21,0),MOD($C2080,24)+1)/SUM(INDEX($D$3:$AA$30,INDEX(Jesper!$R$2:$R$366,ROW(INDEX(Jesper!AH$2:AH$366,ROUNDDOWN($C2080/24,0)+1,1))-1)+IF('Standard Profiles'!$G$18=$B$10,7,0)+IF('Standard Profiles'!$G$18=$B$17,14,0)+IF('Standard Profiles'!$G$18=$B$24,21,0),0)),0)</f>
        <v>11.780930796766265</v>
      </c>
      <c r="E2080" cm="1">
        <f t="array" ref="E2080">IFERROR(INDEX(Jesper!AI$2:AI$366,ROUNDDOWN($C2080/24,0)+1,1)*INDEX($D$3:$AA$30,INDEX(Jesper!$R$2:$R$366,ROW(INDEX(Jesper!AI$2:AI$366,ROUNDDOWN($C2080/24,0)+1,1))-1)+IF('Standard Profiles'!$G$19=$B$10,7,0)+IF('Standard Profiles'!$G$19=$B$17,14,0)+IF('Standard Profiles'!$G$19=$B$24,21,0),MOD($C2080,24)+1)/SUM(INDEX($D$3:$AA$30,INDEX(Jesper!$R$2:$R$366,ROW(INDEX(Jesper!AI$2:AI$366,ROUNDDOWN($C2080/24,0)+1,1))-1)+IF('Standard Profiles'!$G$19=$B$10,7,0)+IF('Standard Profiles'!$G$19=$B$17,14,0)+IF('Standard Profiles'!$G$19=$B$24,21,0),0)),0)</f>
        <v>0</v>
      </c>
      <c r="F2080" cm="1">
        <f t="array" ref="F2080">IFERROR(INDEX(Jesper!AJ$2:AJ$366,ROUNDDOWN($C2080/24,0)+1,1)*INDEX($D$3:$AA$30,INDEX(Jesper!$R$2:$R$366,ROW(INDEX(Jesper!AJ$2:AJ$366,ROUNDDOWN($C2080/24,0)+1,1))-1)+IF('Standard Profiles'!$G$20=$B$10,7,0)+IF('Standard Profiles'!$G$20=$B$17,14,0)+IF('Standard Profiles'!$G$20=$B$24,21,0),MOD($C2080,24)+1)/SUM(INDEX($D$3:$AA$30,INDEX(Jesper!$R$2:$R$366,ROW(INDEX(Jesper!AJ$2:AJ$366,ROUNDDOWN($C2080/24,0)+1,1))-1)+IF('Standard Profiles'!$G$20=$B$10,7,0)+IF('Standard Profiles'!$G$20=$B$17,14,0)+IF('Standard Profiles'!$G$20=$B$24,21,0),0)),0)</f>
        <v>0</v>
      </c>
      <c r="G2080" cm="1">
        <f t="array" ref="G2080">IFERROR(INDEX(Jesper!AK$2:AK$366,ROUNDDOWN($C2080/24,0)+1,1)*INDEX($D$3:$AA$30,INDEX(Jesper!$R$2:$R$366,ROW(INDEX(Jesper!AK$2:AK$366,ROUNDDOWN($C2080/24,0)+1,1))-1)+IF('Standard Profiles'!$G$21=$B$10,7,0)+IF('Standard Profiles'!$G$21=$B$17,14,0)+IF('Standard Profiles'!$G$21=$B$24,21,0),MOD($C2080,24)+1)/SUM(INDEX($D$3:$AA$30,INDEX(Jesper!$R$2:$R$366,ROW(INDEX(Jesper!AK$2:AK$366,ROUNDDOWN($C2080/24,0)+1,1))-1)+IF('Standard Profiles'!$G$21=$B$10,7,0)+IF('Standard Profiles'!$G$21=$B$17,14,0)+IF('Standard Profiles'!$G$21=$B$24,21,0),0)),0)</f>
        <v>0</v>
      </c>
      <c r="H2080" cm="1">
        <f t="array" ref="H2080">IFERROR(INDEX(Jesper!AL$2:AL$366,ROUNDDOWN($C2080/24,0)+1,1)*INDEX($D$3:$AA$30,INDEX(Jesper!$R$2:$R$366,ROW(INDEX(Jesper!AL$2:AL$366,ROUNDDOWN($C2080/24,0)+1,1))-1)+IF('Standard Profiles'!$G$22=$B$10,7,0)+IF('Standard Profiles'!$G$22=$B$17,14,0)+IF('Standard Profiles'!$G$22=$B$24,21,0),MOD($C2080,24)+1)/SUM(INDEX($D$3:$AA$30,INDEX(Jesper!$R$2:$R$366,ROW(INDEX(Jesper!AL$2:AL$366,ROUNDDOWN($C2080/24,0)+1,1))-1)+IF('Standard Profiles'!$G$22=$B$10,7,0)+IF('Standard Profiles'!$G$22=$B$17,14,0)+IF('Standard Profiles'!$G$22=$B$24,21,0),0)),0)</f>
        <v>0</v>
      </c>
      <c r="I2080">
        <f t="shared" si="237"/>
        <v>0.35342792390298794</v>
      </c>
      <c r="J2080">
        <f t="shared" si="238"/>
        <v>1.1780930796766265</v>
      </c>
      <c r="K2080">
        <f t="shared" si="239"/>
        <v>1.7671396195149398</v>
      </c>
      <c r="L2080">
        <f t="shared" si="240"/>
        <v>8.4822701736717114</v>
      </c>
      <c r="M2080">
        <f t="shared" si="241"/>
        <v>0</v>
      </c>
      <c r="N2080" s="46">
        <f t="shared" si="242"/>
        <v>45377.249999995038</v>
      </c>
    </row>
    <row r="2081" spans="2:14" x14ac:dyDescent="0.3">
      <c r="B2081">
        <f t="shared" si="236"/>
        <v>2</v>
      </c>
      <c r="C2081" s="16">
        <v>2047</v>
      </c>
      <c r="D2081" cm="1">
        <f t="array" ref="D2081">IFERROR(INDEX(Jesper!AH$2:AH$366,ROUNDDOWN($C2081/24,0)+1,1)*INDEX($D$3:$AA$30,INDEX(Jesper!$R$2:$R$366,ROW(INDEX(Jesper!AH$2:AH$366,ROUNDDOWN($C2081/24,0)+1,1))-1)+IF('Standard Profiles'!$G$18=$B$10,7,0)+IF('Standard Profiles'!$G$18=$B$17,14,0)+IF('Standard Profiles'!$G$18=$B$24,21,0),MOD($C2081,24)+1)/SUM(INDEX($D$3:$AA$30,INDEX(Jesper!$R$2:$R$366,ROW(INDEX(Jesper!AH$2:AH$366,ROUNDDOWN($C2081/24,0)+1,1))-1)+IF('Standard Profiles'!$G$18=$B$10,7,0)+IF('Standard Profiles'!$G$18=$B$17,14,0)+IF('Standard Profiles'!$G$18=$B$24,21,0),0)),0)</f>
        <v>12.187169789758206</v>
      </c>
      <c r="E2081" cm="1">
        <f t="array" ref="E2081">IFERROR(INDEX(Jesper!AI$2:AI$366,ROUNDDOWN($C2081/24,0)+1,1)*INDEX($D$3:$AA$30,INDEX(Jesper!$R$2:$R$366,ROW(INDEX(Jesper!AI$2:AI$366,ROUNDDOWN($C2081/24,0)+1,1))-1)+IF('Standard Profiles'!$G$19=$B$10,7,0)+IF('Standard Profiles'!$G$19=$B$17,14,0)+IF('Standard Profiles'!$G$19=$B$24,21,0),MOD($C2081,24)+1)/SUM(INDEX($D$3:$AA$30,INDEX(Jesper!$R$2:$R$366,ROW(INDEX(Jesper!AI$2:AI$366,ROUNDDOWN($C2081/24,0)+1,1))-1)+IF('Standard Profiles'!$G$19=$B$10,7,0)+IF('Standard Profiles'!$G$19=$B$17,14,0)+IF('Standard Profiles'!$G$19=$B$24,21,0),0)),0)</f>
        <v>0</v>
      </c>
      <c r="F2081" cm="1">
        <f t="array" ref="F2081">IFERROR(INDEX(Jesper!AJ$2:AJ$366,ROUNDDOWN($C2081/24,0)+1,1)*INDEX($D$3:$AA$30,INDEX(Jesper!$R$2:$R$366,ROW(INDEX(Jesper!AJ$2:AJ$366,ROUNDDOWN($C2081/24,0)+1,1))-1)+IF('Standard Profiles'!$G$20=$B$10,7,0)+IF('Standard Profiles'!$G$20=$B$17,14,0)+IF('Standard Profiles'!$G$20=$B$24,21,0),MOD($C2081,24)+1)/SUM(INDEX($D$3:$AA$30,INDEX(Jesper!$R$2:$R$366,ROW(INDEX(Jesper!AJ$2:AJ$366,ROUNDDOWN($C2081/24,0)+1,1))-1)+IF('Standard Profiles'!$G$20=$B$10,7,0)+IF('Standard Profiles'!$G$20=$B$17,14,0)+IF('Standard Profiles'!$G$20=$B$24,21,0),0)),0)</f>
        <v>0</v>
      </c>
      <c r="G2081" cm="1">
        <f t="array" ref="G2081">IFERROR(INDEX(Jesper!AK$2:AK$366,ROUNDDOWN($C2081/24,0)+1,1)*INDEX($D$3:$AA$30,INDEX(Jesper!$R$2:$R$366,ROW(INDEX(Jesper!AK$2:AK$366,ROUNDDOWN($C2081/24,0)+1,1))-1)+IF('Standard Profiles'!$G$21=$B$10,7,0)+IF('Standard Profiles'!$G$21=$B$17,14,0)+IF('Standard Profiles'!$G$21=$B$24,21,0),MOD($C2081,24)+1)/SUM(INDEX($D$3:$AA$30,INDEX(Jesper!$R$2:$R$366,ROW(INDEX(Jesper!AK$2:AK$366,ROUNDDOWN($C2081/24,0)+1,1))-1)+IF('Standard Profiles'!$G$21=$B$10,7,0)+IF('Standard Profiles'!$G$21=$B$17,14,0)+IF('Standard Profiles'!$G$21=$B$24,21,0),0)),0)</f>
        <v>0</v>
      </c>
      <c r="H2081" cm="1">
        <f t="array" ref="H2081">IFERROR(INDEX(Jesper!AL$2:AL$366,ROUNDDOWN($C2081/24,0)+1,1)*INDEX($D$3:$AA$30,INDEX(Jesper!$R$2:$R$366,ROW(INDEX(Jesper!AL$2:AL$366,ROUNDDOWN($C2081/24,0)+1,1))-1)+IF('Standard Profiles'!$G$22=$B$10,7,0)+IF('Standard Profiles'!$G$22=$B$17,14,0)+IF('Standard Profiles'!$G$22=$B$24,21,0),MOD($C2081,24)+1)/SUM(INDEX($D$3:$AA$30,INDEX(Jesper!$R$2:$R$366,ROW(INDEX(Jesper!AL$2:AL$366,ROUNDDOWN($C2081/24,0)+1,1))-1)+IF('Standard Profiles'!$G$22=$B$10,7,0)+IF('Standard Profiles'!$G$22=$B$17,14,0)+IF('Standard Profiles'!$G$22=$B$24,21,0),0)),0)</f>
        <v>0</v>
      </c>
      <c r="I2081">
        <f t="shared" si="237"/>
        <v>0.3656150936927462</v>
      </c>
      <c r="J2081">
        <f t="shared" si="238"/>
        <v>1.2187169789758208</v>
      </c>
      <c r="K2081">
        <f t="shared" si="239"/>
        <v>1.8280754684637308</v>
      </c>
      <c r="L2081">
        <f t="shared" si="240"/>
        <v>8.7747622486259083</v>
      </c>
      <c r="M2081">
        <f t="shared" si="241"/>
        <v>0</v>
      </c>
      <c r="N2081" s="46">
        <f t="shared" si="242"/>
        <v>45377.291666661702</v>
      </c>
    </row>
    <row r="2082" spans="2:14" x14ac:dyDescent="0.3">
      <c r="B2082">
        <f t="shared" si="236"/>
        <v>2</v>
      </c>
      <c r="C2082" s="16">
        <v>2048</v>
      </c>
      <c r="D2082" cm="1">
        <f t="array" ref="D2082">IFERROR(INDEX(Jesper!AH$2:AH$366,ROUNDDOWN($C2082/24,0)+1,1)*INDEX($D$3:$AA$30,INDEX(Jesper!$R$2:$R$366,ROW(INDEX(Jesper!AH$2:AH$366,ROUNDDOWN($C2082/24,0)+1,1))-1)+IF('Standard Profiles'!$G$18=$B$10,7,0)+IF('Standard Profiles'!$G$18=$B$17,14,0)+IF('Standard Profiles'!$G$18=$B$24,21,0),MOD($C2082,24)+1)/SUM(INDEX($D$3:$AA$30,INDEX(Jesper!$R$2:$R$366,ROW(INDEX(Jesper!AH$2:AH$366,ROUNDDOWN($C2082/24,0)+1,1))-1)+IF('Standard Profiles'!$G$18=$B$10,7,0)+IF('Standard Profiles'!$G$18=$B$17,14,0)+IF('Standard Profiles'!$G$18=$B$24,21,0),0)),0)</f>
        <v>12.187169789758206</v>
      </c>
      <c r="E2082" cm="1">
        <f t="array" ref="E2082">IFERROR(INDEX(Jesper!AI$2:AI$366,ROUNDDOWN($C2082/24,0)+1,1)*INDEX($D$3:$AA$30,INDEX(Jesper!$R$2:$R$366,ROW(INDEX(Jesper!AI$2:AI$366,ROUNDDOWN($C2082/24,0)+1,1))-1)+IF('Standard Profiles'!$G$19=$B$10,7,0)+IF('Standard Profiles'!$G$19=$B$17,14,0)+IF('Standard Profiles'!$G$19=$B$24,21,0),MOD($C2082,24)+1)/SUM(INDEX($D$3:$AA$30,INDEX(Jesper!$R$2:$R$366,ROW(INDEX(Jesper!AI$2:AI$366,ROUNDDOWN($C2082/24,0)+1,1))-1)+IF('Standard Profiles'!$G$19=$B$10,7,0)+IF('Standard Profiles'!$G$19=$B$17,14,0)+IF('Standard Profiles'!$G$19=$B$24,21,0),0)),0)</f>
        <v>0</v>
      </c>
      <c r="F2082" cm="1">
        <f t="array" ref="F2082">IFERROR(INDEX(Jesper!AJ$2:AJ$366,ROUNDDOWN($C2082/24,0)+1,1)*INDEX($D$3:$AA$30,INDEX(Jesper!$R$2:$R$366,ROW(INDEX(Jesper!AJ$2:AJ$366,ROUNDDOWN($C2082/24,0)+1,1))-1)+IF('Standard Profiles'!$G$20=$B$10,7,0)+IF('Standard Profiles'!$G$20=$B$17,14,0)+IF('Standard Profiles'!$G$20=$B$24,21,0),MOD($C2082,24)+1)/SUM(INDEX($D$3:$AA$30,INDEX(Jesper!$R$2:$R$366,ROW(INDEX(Jesper!AJ$2:AJ$366,ROUNDDOWN($C2082/24,0)+1,1))-1)+IF('Standard Profiles'!$G$20=$B$10,7,0)+IF('Standard Profiles'!$G$20=$B$17,14,0)+IF('Standard Profiles'!$G$20=$B$24,21,0),0)),0)</f>
        <v>0</v>
      </c>
      <c r="G2082" cm="1">
        <f t="array" ref="G2082">IFERROR(INDEX(Jesper!AK$2:AK$366,ROUNDDOWN($C2082/24,0)+1,1)*INDEX($D$3:$AA$30,INDEX(Jesper!$R$2:$R$366,ROW(INDEX(Jesper!AK$2:AK$366,ROUNDDOWN($C2082/24,0)+1,1))-1)+IF('Standard Profiles'!$G$21=$B$10,7,0)+IF('Standard Profiles'!$G$21=$B$17,14,0)+IF('Standard Profiles'!$G$21=$B$24,21,0),MOD($C2082,24)+1)/SUM(INDEX($D$3:$AA$30,INDEX(Jesper!$R$2:$R$366,ROW(INDEX(Jesper!AK$2:AK$366,ROUNDDOWN($C2082/24,0)+1,1))-1)+IF('Standard Profiles'!$G$21=$B$10,7,0)+IF('Standard Profiles'!$G$21=$B$17,14,0)+IF('Standard Profiles'!$G$21=$B$24,21,0),0)),0)</f>
        <v>0</v>
      </c>
      <c r="H2082" cm="1">
        <f t="array" ref="H2082">IFERROR(INDEX(Jesper!AL$2:AL$366,ROUNDDOWN($C2082/24,0)+1,1)*INDEX($D$3:$AA$30,INDEX(Jesper!$R$2:$R$366,ROW(INDEX(Jesper!AL$2:AL$366,ROUNDDOWN($C2082/24,0)+1,1))-1)+IF('Standard Profiles'!$G$22=$B$10,7,0)+IF('Standard Profiles'!$G$22=$B$17,14,0)+IF('Standard Profiles'!$G$22=$B$24,21,0),MOD($C2082,24)+1)/SUM(INDEX($D$3:$AA$30,INDEX(Jesper!$R$2:$R$366,ROW(INDEX(Jesper!AL$2:AL$366,ROUNDDOWN($C2082/24,0)+1,1))-1)+IF('Standard Profiles'!$G$22=$B$10,7,0)+IF('Standard Profiles'!$G$22=$B$17,14,0)+IF('Standard Profiles'!$G$22=$B$24,21,0),0)),0)</f>
        <v>0</v>
      </c>
      <c r="I2082">
        <f t="shared" si="237"/>
        <v>0.3656150936927462</v>
      </c>
      <c r="J2082">
        <f t="shared" si="238"/>
        <v>1.2187169789758208</v>
      </c>
      <c r="K2082">
        <f t="shared" si="239"/>
        <v>1.8280754684637308</v>
      </c>
      <c r="L2082">
        <f t="shared" si="240"/>
        <v>8.7747622486259083</v>
      </c>
      <c r="M2082">
        <f t="shared" si="241"/>
        <v>0</v>
      </c>
      <c r="N2082" s="46">
        <f t="shared" si="242"/>
        <v>45377.333333328366</v>
      </c>
    </row>
    <row r="2083" spans="2:14" x14ac:dyDescent="0.3">
      <c r="B2083">
        <f t="shared" ref="B2083:B2146" si="243">WEEKDAY(N2083,2)</f>
        <v>2</v>
      </c>
      <c r="C2083" s="16">
        <v>2049</v>
      </c>
      <c r="D2083" cm="1">
        <f t="array" ref="D2083">IFERROR(INDEX(Jesper!AH$2:AH$366,ROUNDDOWN($C2083/24,0)+1,1)*INDEX($D$3:$AA$30,INDEX(Jesper!$R$2:$R$366,ROW(INDEX(Jesper!AH$2:AH$366,ROUNDDOWN($C2083/24,0)+1,1))-1)+IF('Standard Profiles'!$G$18=$B$10,7,0)+IF('Standard Profiles'!$G$18=$B$17,14,0)+IF('Standard Profiles'!$G$18=$B$24,21,0),MOD($C2083,24)+1)/SUM(INDEX($D$3:$AA$30,INDEX(Jesper!$R$2:$R$366,ROW(INDEX(Jesper!AH$2:AH$366,ROUNDDOWN($C2083/24,0)+1,1))-1)+IF('Standard Profiles'!$G$18=$B$10,7,0)+IF('Standard Profiles'!$G$18=$B$17,14,0)+IF('Standard Profiles'!$G$18=$B$24,21,0),0)),0)</f>
        <v>13.202767272238056</v>
      </c>
      <c r="E2083" cm="1">
        <f t="array" ref="E2083">IFERROR(INDEX(Jesper!AI$2:AI$366,ROUNDDOWN($C2083/24,0)+1,1)*INDEX($D$3:$AA$30,INDEX(Jesper!$R$2:$R$366,ROW(INDEX(Jesper!AI$2:AI$366,ROUNDDOWN($C2083/24,0)+1,1))-1)+IF('Standard Profiles'!$G$19=$B$10,7,0)+IF('Standard Profiles'!$G$19=$B$17,14,0)+IF('Standard Profiles'!$G$19=$B$24,21,0),MOD($C2083,24)+1)/SUM(INDEX($D$3:$AA$30,INDEX(Jesper!$R$2:$R$366,ROW(INDEX(Jesper!AI$2:AI$366,ROUNDDOWN($C2083/24,0)+1,1))-1)+IF('Standard Profiles'!$G$19=$B$10,7,0)+IF('Standard Profiles'!$G$19=$B$17,14,0)+IF('Standard Profiles'!$G$19=$B$24,21,0),0)),0)</f>
        <v>0</v>
      </c>
      <c r="F2083" cm="1">
        <f t="array" ref="F2083">IFERROR(INDEX(Jesper!AJ$2:AJ$366,ROUNDDOWN($C2083/24,0)+1,1)*INDEX($D$3:$AA$30,INDEX(Jesper!$R$2:$R$366,ROW(INDEX(Jesper!AJ$2:AJ$366,ROUNDDOWN($C2083/24,0)+1,1))-1)+IF('Standard Profiles'!$G$20=$B$10,7,0)+IF('Standard Profiles'!$G$20=$B$17,14,0)+IF('Standard Profiles'!$G$20=$B$24,21,0),MOD($C2083,24)+1)/SUM(INDEX($D$3:$AA$30,INDEX(Jesper!$R$2:$R$366,ROW(INDEX(Jesper!AJ$2:AJ$366,ROUNDDOWN($C2083/24,0)+1,1))-1)+IF('Standard Profiles'!$G$20=$B$10,7,0)+IF('Standard Profiles'!$G$20=$B$17,14,0)+IF('Standard Profiles'!$G$20=$B$24,21,0),0)),0)</f>
        <v>0</v>
      </c>
      <c r="G2083" cm="1">
        <f t="array" ref="G2083">IFERROR(INDEX(Jesper!AK$2:AK$366,ROUNDDOWN($C2083/24,0)+1,1)*INDEX($D$3:$AA$30,INDEX(Jesper!$R$2:$R$366,ROW(INDEX(Jesper!AK$2:AK$366,ROUNDDOWN($C2083/24,0)+1,1))-1)+IF('Standard Profiles'!$G$21=$B$10,7,0)+IF('Standard Profiles'!$G$21=$B$17,14,0)+IF('Standard Profiles'!$G$21=$B$24,21,0),MOD($C2083,24)+1)/SUM(INDEX($D$3:$AA$30,INDEX(Jesper!$R$2:$R$366,ROW(INDEX(Jesper!AK$2:AK$366,ROUNDDOWN($C2083/24,0)+1,1))-1)+IF('Standard Profiles'!$G$21=$B$10,7,0)+IF('Standard Profiles'!$G$21=$B$17,14,0)+IF('Standard Profiles'!$G$21=$B$24,21,0),0)),0)</f>
        <v>0</v>
      </c>
      <c r="H2083" cm="1">
        <f t="array" ref="H2083">IFERROR(INDEX(Jesper!AL$2:AL$366,ROUNDDOWN($C2083/24,0)+1,1)*INDEX($D$3:$AA$30,INDEX(Jesper!$R$2:$R$366,ROW(INDEX(Jesper!AL$2:AL$366,ROUNDDOWN($C2083/24,0)+1,1))-1)+IF('Standard Profiles'!$G$22=$B$10,7,0)+IF('Standard Profiles'!$G$22=$B$17,14,0)+IF('Standard Profiles'!$G$22=$B$24,21,0),MOD($C2083,24)+1)/SUM(INDEX($D$3:$AA$30,INDEX(Jesper!$R$2:$R$366,ROW(INDEX(Jesper!AL$2:AL$366,ROUNDDOWN($C2083/24,0)+1,1))-1)+IF('Standard Profiles'!$G$22=$B$10,7,0)+IF('Standard Profiles'!$G$22=$B$17,14,0)+IF('Standard Profiles'!$G$22=$B$24,21,0),0)),0)</f>
        <v>0</v>
      </c>
      <c r="I2083">
        <f t="shared" ref="I2083:I2146" si="244">IF($B2083&lt;6,AC$37*$D2083+AC$38*$E2083+AC$39*$F2083+AC$40*$G2083,AC$46*$D2083+AC$47*$E2083+AC$48*$F2083+AC$49*$G2083+AC$50*$H2083)</f>
        <v>0.39608301816714164</v>
      </c>
      <c r="J2083">
        <f t="shared" ref="J2083:J2146" si="245">IF($B2083&lt;6,AD$37*$D2083+AD$38*$E2083+AD$39*$F2083+AD$40*$G2083,AD$46*$D2083+AD$47*$E2083+AD$48*$F2083+AD$49*$G2083+AD$50*$H2083)</f>
        <v>1.3202767272238056</v>
      </c>
      <c r="K2083">
        <f t="shared" ref="K2083:K2146" si="246">IF($B2083&lt;6,AE$37*$D2083+AE$38*$E2083+AE$39*$F2083+AE$40*$G2083,AE$46*$D2083+AE$47*$E2083+AE$48*$F2083+AE$49*$G2083+AE$50*$H2083)</f>
        <v>1.9804150908357083</v>
      </c>
      <c r="L2083">
        <f t="shared" ref="L2083:L2146" si="247">IF($B2083&lt;6,AF$37*$D2083+AF$38*$E2083+AF$39*$F2083+AF$40*$G2083,AF$46*$D2083+AF$47*$E2083+AF$48*$F2083+AF$49*$G2083+AF$50*$H2083)</f>
        <v>9.5059924360114003</v>
      </c>
      <c r="M2083">
        <f t="shared" ref="M2083:M2146" si="248">IF($B2083&lt;6,AG$37*$D2083+AG$38*$E2083+AG$39*$F2083+AG$40*$G2083,AG$46*$D2083+AG$47*$E2083+AG$48*$F2083+AG$49*$G2083+AG$50*$H2083)</f>
        <v>0</v>
      </c>
      <c r="N2083" s="46">
        <f t="shared" si="242"/>
        <v>45377.374999995031</v>
      </c>
    </row>
    <row r="2084" spans="2:14" x14ac:dyDescent="0.3">
      <c r="B2084">
        <f t="shared" si="243"/>
        <v>2</v>
      </c>
      <c r="C2084" s="16">
        <v>2050</v>
      </c>
      <c r="D2084" cm="1">
        <f t="array" ref="D2084">IFERROR(INDEX(Jesper!AH$2:AH$366,ROUNDDOWN($C2084/24,0)+1,1)*INDEX($D$3:$AA$30,INDEX(Jesper!$R$2:$R$366,ROW(INDEX(Jesper!AH$2:AH$366,ROUNDDOWN($C2084/24,0)+1,1))-1)+IF('Standard Profiles'!$G$18=$B$10,7,0)+IF('Standard Profiles'!$G$18=$B$17,14,0)+IF('Standard Profiles'!$G$18=$B$24,21,0),MOD($C2084,24)+1)/SUM(INDEX($D$3:$AA$30,INDEX(Jesper!$R$2:$R$366,ROW(INDEX(Jesper!AH$2:AH$366,ROUNDDOWN($C2084/24,0)+1,1))-1)+IF('Standard Profiles'!$G$18=$B$10,7,0)+IF('Standard Profiles'!$G$18=$B$17,14,0)+IF('Standard Profiles'!$G$18=$B$24,21,0),0)),0)</f>
        <v>13.812125761725966</v>
      </c>
      <c r="E2084" cm="1">
        <f t="array" ref="E2084">IFERROR(INDEX(Jesper!AI$2:AI$366,ROUNDDOWN($C2084/24,0)+1,1)*INDEX($D$3:$AA$30,INDEX(Jesper!$R$2:$R$366,ROW(INDEX(Jesper!AI$2:AI$366,ROUNDDOWN($C2084/24,0)+1,1))-1)+IF('Standard Profiles'!$G$19=$B$10,7,0)+IF('Standard Profiles'!$G$19=$B$17,14,0)+IF('Standard Profiles'!$G$19=$B$24,21,0),MOD($C2084,24)+1)/SUM(INDEX($D$3:$AA$30,INDEX(Jesper!$R$2:$R$366,ROW(INDEX(Jesper!AI$2:AI$366,ROUNDDOWN($C2084/24,0)+1,1))-1)+IF('Standard Profiles'!$G$19=$B$10,7,0)+IF('Standard Profiles'!$G$19=$B$17,14,0)+IF('Standard Profiles'!$G$19=$B$24,21,0),0)),0)</f>
        <v>0</v>
      </c>
      <c r="F2084" cm="1">
        <f t="array" ref="F2084">IFERROR(INDEX(Jesper!AJ$2:AJ$366,ROUNDDOWN($C2084/24,0)+1,1)*INDEX($D$3:$AA$30,INDEX(Jesper!$R$2:$R$366,ROW(INDEX(Jesper!AJ$2:AJ$366,ROUNDDOWN($C2084/24,0)+1,1))-1)+IF('Standard Profiles'!$G$20=$B$10,7,0)+IF('Standard Profiles'!$G$20=$B$17,14,0)+IF('Standard Profiles'!$G$20=$B$24,21,0),MOD($C2084,24)+1)/SUM(INDEX($D$3:$AA$30,INDEX(Jesper!$R$2:$R$366,ROW(INDEX(Jesper!AJ$2:AJ$366,ROUNDDOWN($C2084/24,0)+1,1))-1)+IF('Standard Profiles'!$G$20=$B$10,7,0)+IF('Standard Profiles'!$G$20=$B$17,14,0)+IF('Standard Profiles'!$G$20=$B$24,21,0),0)),0)</f>
        <v>0</v>
      </c>
      <c r="G2084" cm="1">
        <f t="array" ref="G2084">IFERROR(INDEX(Jesper!AK$2:AK$366,ROUNDDOWN($C2084/24,0)+1,1)*INDEX($D$3:$AA$30,INDEX(Jesper!$R$2:$R$366,ROW(INDEX(Jesper!AK$2:AK$366,ROUNDDOWN($C2084/24,0)+1,1))-1)+IF('Standard Profiles'!$G$21=$B$10,7,0)+IF('Standard Profiles'!$G$21=$B$17,14,0)+IF('Standard Profiles'!$G$21=$B$24,21,0),MOD($C2084,24)+1)/SUM(INDEX($D$3:$AA$30,INDEX(Jesper!$R$2:$R$366,ROW(INDEX(Jesper!AK$2:AK$366,ROUNDDOWN($C2084/24,0)+1,1))-1)+IF('Standard Profiles'!$G$21=$B$10,7,0)+IF('Standard Profiles'!$G$21=$B$17,14,0)+IF('Standard Profiles'!$G$21=$B$24,21,0),0)),0)</f>
        <v>0</v>
      </c>
      <c r="H2084" cm="1">
        <f t="array" ref="H2084">IFERROR(INDEX(Jesper!AL$2:AL$366,ROUNDDOWN($C2084/24,0)+1,1)*INDEX($D$3:$AA$30,INDEX(Jesper!$R$2:$R$366,ROW(INDEX(Jesper!AL$2:AL$366,ROUNDDOWN($C2084/24,0)+1,1))-1)+IF('Standard Profiles'!$G$22=$B$10,7,0)+IF('Standard Profiles'!$G$22=$B$17,14,0)+IF('Standard Profiles'!$G$22=$B$24,21,0),MOD($C2084,24)+1)/SUM(INDEX($D$3:$AA$30,INDEX(Jesper!$R$2:$R$366,ROW(INDEX(Jesper!AL$2:AL$366,ROUNDDOWN($C2084/24,0)+1,1))-1)+IF('Standard Profiles'!$G$22=$B$10,7,0)+IF('Standard Profiles'!$G$22=$B$17,14,0)+IF('Standard Profiles'!$G$22=$B$24,21,0),0)),0)</f>
        <v>0</v>
      </c>
      <c r="I2084">
        <f t="shared" si="244"/>
        <v>0.41436377285177894</v>
      </c>
      <c r="J2084">
        <f t="shared" si="245"/>
        <v>1.3812125761725966</v>
      </c>
      <c r="K2084">
        <f t="shared" si="246"/>
        <v>2.0718188642588946</v>
      </c>
      <c r="L2084">
        <f t="shared" si="247"/>
        <v>9.9447305484426956</v>
      </c>
      <c r="M2084">
        <f t="shared" si="248"/>
        <v>0</v>
      </c>
      <c r="N2084" s="46">
        <f t="shared" ref="N2084:N2147" si="249">N2083+1/24</f>
        <v>45377.416666661695</v>
      </c>
    </row>
    <row r="2085" spans="2:14" x14ac:dyDescent="0.3">
      <c r="B2085">
        <f t="shared" si="243"/>
        <v>2</v>
      </c>
      <c r="C2085" s="16">
        <v>2051</v>
      </c>
      <c r="D2085" cm="1">
        <f t="array" ref="D2085">IFERROR(INDEX(Jesper!AH$2:AH$366,ROUNDDOWN($C2085/24,0)+1,1)*INDEX($D$3:$AA$30,INDEX(Jesper!$R$2:$R$366,ROW(INDEX(Jesper!AH$2:AH$366,ROUNDDOWN($C2085/24,0)+1,1))-1)+IF('Standard Profiles'!$G$18=$B$10,7,0)+IF('Standard Profiles'!$G$18=$B$17,14,0)+IF('Standard Profiles'!$G$18=$B$24,21,0),MOD($C2085,24)+1)/SUM(INDEX($D$3:$AA$30,INDEX(Jesper!$R$2:$R$366,ROW(INDEX(Jesper!AH$2:AH$366,ROUNDDOWN($C2085/24,0)+1,1))-1)+IF('Standard Profiles'!$G$18=$B$10,7,0)+IF('Standard Profiles'!$G$18=$B$17,14,0)+IF('Standard Profiles'!$G$18=$B$24,21,0),0)),0)</f>
        <v>16.24955971967761</v>
      </c>
      <c r="E2085" cm="1">
        <f t="array" ref="E2085">IFERROR(INDEX(Jesper!AI$2:AI$366,ROUNDDOWN($C2085/24,0)+1,1)*INDEX($D$3:$AA$30,INDEX(Jesper!$R$2:$R$366,ROW(INDEX(Jesper!AI$2:AI$366,ROUNDDOWN($C2085/24,0)+1,1))-1)+IF('Standard Profiles'!$G$19=$B$10,7,0)+IF('Standard Profiles'!$G$19=$B$17,14,0)+IF('Standard Profiles'!$G$19=$B$24,21,0),MOD($C2085,24)+1)/SUM(INDEX($D$3:$AA$30,INDEX(Jesper!$R$2:$R$366,ROW(INDEX(Jesper!AI$2:AI$366,ROUNDDOWN($C2085/24,0)+1,1))-1)+IF('Standard Profiles'!$G$19=$B$10,7,0)+IF('Standard Profiles'!$G$19=$B$17,14,0)+IF('Standard Profiles'!$G$19=$B$24,21,0),0)),0)</f>
        <v>0</v>
      </c>
      <c r="F2085" cm="1">
        <f t="array" ref="F2085">IFERROR(INDEX(Jesper!AJ$2:AJ$366,ROUNDDOWN($C2085/24,0)+1,1)*INDEX($D$3:$AA$30,INDEX(Jesper!$R$2:$R$366,ROW(INDEX(Jesper!AJ$2:AJ$366,ROUNDDOWN($C2085/24,0)+1,1))-1)+IF('Standard Profiles'!$G$20=$B$10,7,0)+IF('Standard Profiles'!$G$20=$B$17,14,0)+IF('Standard Profiles'!$G$20=$B$24,21,0),MOD($C2085,24)+1)/SUM(INDEX($D$3:$AA$30,INDEX(Jesper!$R$2:$R$366,ROW(INDEX(Jesper!AJ$2:AJ$366,ROUNDDOWN($C2085/24,0)+1,1))-1)+IF('Standard Profiles'!$G$20=$B$10,7,0)+IF('Standard Profiles'!$G$20=$B$17,14,0)+IF('Standard Profiles'!$G$20=$B$24,21,0),0)),0)</f>
        <v>0</v>
      </c>
      <c r="G2085" cm="1">
        <f t="array" ref="G2085">IFERROR(INDEX(Jesper!AK$2:AK$366,ROUNDDOWN($C2085/24,0)+1,1)*INDEX($D$3:$AA$30,INDEX(Jesper!$R$2:$R$366,ROW(INDEX(Jesper!AK$2:AK$366,ROUNDDOWN($C2085/24,0)+1,1))-1)+IF('Standard Profiles'!$G$21=$B$10,7,0)+IF('Standard Profiles'!$G$21=$B$17,14,0)+IF('Standard Profiles'!$G$21=$B$24,21,0),MOD($C2085,24)+1)/SUM(INDEX($D$3:$AA$30,INDEX(Jesper!$R$2:$R$366,ROW(INDEX(Jesper!AK$2:AK$366,ROUNDDOWN($C2085/24,0)+1,1))-1)+IF('Standard Profiles'!$G$21=$B$10,7,0)+IF('Standard Profiles'!$G$21=$B$17,14,0)+IF('Standard Profiles'!$G$21=$B$24,21,0),0)),0)</f>
        <v>0</v>
      </c>
      <c r="H2085" cm="1">
        <f t="array" ref="H2085">IFERROR(INDEX(Jesper!AL$2:AL$366,ROUNDDOWN($C2085/24,0)+1,1)*INDEX($D$3:$AA$30,INDEX(Jesper!$R$2:$R$366,ROW(INDEX(Jesper!AL$2:AL$366,ROUNDDOWN($C2085/24,0)+1,1))-1)+IF('Standard Profiles'!$G$22=$B$10,7,0)+IF('Standard Profiles'!$G$22=$B$17,14,0)+IF('Standard Profiles'!$G$22=$B$24,21,0),MOD($C2085,24)+1)/SUM(INDEX($D$3:$AA$30,INDEX(Jesper!$R$2:$R$366,ROW(INDEX(Jesper!AL$2:AL$366,ROUNDDOWN($C2085/24,0)+1,1))-1)+IF('Standard Profiles'!$G$22=$B$10,7,0)+IF('Standard Profiles'!$G$22=$B$17,14,0)+IF('Standard Profiles'!$G$22=$B$24,21,0),0)),0)</f>
        <v>0</v>
      </c>
      <c r="I2085">
        <f t="shared" si="244"/>
        <v>0.48748679159032826</v>
      </c>
      <c r="J2085">
        <f t="shared" si="245"/>
        <v>1.6249559719677611</v>
      </c>
      <c r="K2085">
        <f t="shared" si="246"/>
        <v>2.4374339579516415</v>
      </c>
      <c r="L2085">
        <f t="shared" si="247"/>
        <v>11.699682998167878</v>
      </c>
      <c r="M2085">
        <f t="shared" si="248"/>
        <v>0</v>
      </c>
      <c r="N2085" s="46">
        <f t="shared" si="249"/>
        <v>45377.458333328359</v>
      </c>
    </row>
    <row r="2086" spans="2:14" x14ac:dyDescent="0.3">
      <c r="B2086">
        <f t="shared" si="243"/>
        <v>2</v>
      </c>
      <c r="C2086" s="16">
        <v>2052</v>
      </c>
      <c r="D2086" cm="1">
        <f t="array" ref="D2086">IFERROR(INDEX(Jesper!AH$2:AH$366,ROUNDDOWN($C2086/24,0)+1,1)*INDEX($D$3:$AA$30,INDEX(Jesper!$R$2:$R$366,ROW(INDEX(Jesper!AH$2:AH$366,ROUNDDOWN($C2086/24,0)+1,1))-1)+IF('Standard Profiles'!$G$18=$B$10,7,0)+IF('Standard Profiles'!$G$18=$B$17,14,0)+IF('Standard Profiles'!$G$18=$B$24,21,0),MOD($C2086,24)+1)/SUM(INDEX($D$3:$AA$30,INDEX(Jesper!$R$2:$R$366,ROW(INDEX(Jesper!AH$2:AH$366,ROUNDDOWN($C2086/24,0)+1,1))-1)+IF('Standard Profiles'!$G$18=$B$10,7,0)+IF('Standard Profiles'!$G$18=$B$17,14,0)+IF('Standard Profiles'!$G$18=$B$24,21,0),0)),0)</f>
        <v>16.24955971967761</v>
      </c>
      <c r="E2086" cm="1">
        <f t="array" ref="E2086">IFERROR(INDEX(Jesper!AI$2:AI$366,ROUNDDOWN($C2086/24,0)+1,1)*INDEX($D$3:$AA$30,INDEX(Jesper!$R$2:$R$366,ROW(INDEX(Jesper!AI$2:AI$366,ROUNDDOWN($C2086/24,0)+1,1))-1)+IF('Standard Profiles'!$G$19=$B$10,7,0)+IF('Standard Profiles'!$G$19=$B$17,14,0)+IF('Standard Profiles'!$G$19=$B$24,21,0),MOD($C2086,24)+1)/SUM(INDEX($D$3:$AA$30,INDEX(Jesper!$R$2:$R$366,ROW(INDEX(Jesper!AI$2:AI$366,ROUNDDOWN($C2086/24,0)+1,1))-1)+IF('Standard Profiles'!$G$19=$B$10,7,0)+IF('Standard Profiles'!$G$19=$B$17,14,0)+IF('Standard Profiles'!$G$19=$B$24,21,0),0)),0)</f>
        <v>0</v>
      </c>
      <c r="F2086" cm="1">
        <f t="array" ref="F2086">IFERROR(INDEX(Jesper!AJ$2:AJ$366,ROUNDDOWN($C2086/24,0)+1,1)*INDEX($D$3:$AA$30,INDEX(Jesper!$R$2:$R$366,ROW(INDEX(Jesper!AJ$2:AJ$366,ROUNDDOWN($C2086/24,0)+1,1))-1)+IF('Standard Profiles'!$G$20=$B$10,7,0)+IF('Standard Profiles'!$G$20=$B$17,14,0)+IF('Standard Profiles'!$G$20=$B$24,21,0),MOD($C2086,24)+1)/SUM(INDEX($D$3:$AA$30,INDEX(Jesper!$R$2:$R$366,ROW(INDEX(Jesper!AJ$2:AJ$366,ROUNDDOWN($C2086/24,0)+1,1))-1)+IF('Standard Profiles'!$G$20=$B$10,7,0)+IF('Standard Profiles'!$G$20=$B$17,14,0)+IF('Standard Profiles'!$G$20=$B$24,21,0),0)),0)</f>
        <v>0</v>
      </c>
      <c r="G2086" cm="1">
        <f t="array" ref="G2086">IFERROR(INDEX(Jesper!AK$2:AK$366,ROUNDDOWN($C2086/24,0)+1,1)*INDEX($D$3:$AA$30,INDEX(Jesper!$R$2:$R$366,ROW(INDEX(Jesper!AK$2:AK$366,ROUNDDOWN($C2086/24,0)+1,1))-1)+IF('Standard Profiles'!$G$21=$B$10,7,0)+IF('Standard Profiles'!$G$21=$B$17,14,0)+IF('Standard Profiles'!$G$21=$B$24,21,0),MOD($C2086,24)+1)/SUM(INDEX($D$3:$AA$30,INDEX(Jesper!$R$2:$R$366,ROW(INDEX(Jesper!AK$2:AK$366,ROUNDDOWN($C2086/24,0)+1,1))-1)+IF('Standard Profiles'!$G$21=$B$10,7,0)+IF('Standard Profiles'!$G$21=$B$17,14,0)+IF('Standard Profiles'!$G$21=$B$24,21,0),0)),0)</f>
        <v>0</v>
      </c>
      <c r="H2086" cm="1">
        <f t="array" ref="H2086">IFERROR(INDEX(Jesper!AL$2:AL$366,ROUNDDOWN($C2086/24,0)+1,1)*INDEX($D$3:$AA$30,INDEX(Jesper!$R$2:$R$366,ROW(INDEX(Jesper!AL$2:AL$366,ROUNDDOWN($C2086/24,0)+1,1))-1)+IF('Standard Profiles'!$G$22=$B$10,7,0)+IF('Standard Profiles'!$G$22=$B$17,14,0)+IF('Standard Profiles'!$G$22=$B$24,21,0),MOD($C2086,24)+1)/SUM(INDEX($D$3:$AA$30,INDEX(Jesper!$R$2:$R$366,ROW(INDEX(Jesper!AL$2:AL$366,ROUNDDOWN($C2086/24,0)+1,1))-1)+IF('Standard Profiles'!$G$22=$B$10,7,0)+IF('Standard Profiles'!$G$22=$B$17,14,0)+IF('Standard Profiles'!$G$22=$B$24,21,0),0)),0)</f>
        <v>0</v>
      </c>
      <c r="I2086">
        <f t="shared" si="244"/>
        <v>0.48748679159032826</v>
      </c>
      <c r="J2086">
        <f t="shared" si="245"/>
        <v>1.6249559719677611</v>
      </c>
      <c r="K2086">
        <f t="shared" si="246"/>
        <v>2.4374339579516415</v>
      </c>
      <c r="L2086">
        <f t="shared" si="247"/>
        <v>11.699682998167878</v>
      </c>
      <c r="M2086">
        <f t="shared" si="248"/>
        <v>0</v>
      </c>
      <c r="N2086" s="46">
        <f t="shared" si="249"/>
        <v>45377.499999995023</v>
      </c>
    </row>
    <row r="2087" spans="2:14" x14ac:dyDescent="0.3">
      <c r="B2087">
        <f t="shared" si="243"/>
        <v>2</v>
      </c>
      <c r="C2087" s="16">
        <v>2053</v>
      </c>
      <c r="D2087" cm="1">
        <f t="array" ref="D2087">IFERROR(INDEX(Jesper!AH$2:AH$366,ROUNDDOWN($C2087/24,0)+1,1)*INDEX($D$3:$AA$30,INDEX(Jesper!$R$2:$R$366,ROW(INDEX(Jesper!AH$2:AH$366,ROUNDDOWN($C2087/24,0)+1,1))-1)+IF('Standard Profiles'!$G$18=$B$10,7,0)+IF('Standard Profiles'!$G$18=$B$17,14,0)+IF('Standard Profiles'!$G$18=$B$24,21,0),MOD($C2087,24)+1)/SUM(INDEX($D$3:$AA$30,INDEX(Jesper!$R$2:$R$366,ROW(INDEX(Jesper!AH$2:AH$366,ROUNDDOWN($C2087/24,0)+1,1))-1)+IF('Standard Profiles'!$G$18=$B$10,7,0)+IF('Standard Profiles'!$G$18=$B$17,14,0)+IF('Standard Profiles'!$G$18=$B$24,21,0),0)),0)</f>
        <v>16.24955971967761</v>
      </c>
      <c r="E2087" cm="1">
        <f t="array" ref="E2087">IFERROR(INDEX(Jesper!AI$2:AI$366,ROUNDDOWN($C2087/24,0)+1,1)*INDEX($D$3:$AA$30,INDEX(Jesper!$R$2:$R$366,ROW(INDEX(Jesper!AI$2:AI$366,ROUNDDOWN($C2087/24,0)+1,1))-1)+IF('Standard Profiles'!$G$19=$B$10,7,0)+IF('Standard Profiles'!$G$19=$B$17,14,0)+IF('Standard Profiles'!$G$19=$B$24,21,0),MOD($C2087,24)+1)/SUM(INDEX($D$3:$AA$30,INDEX(Jesper!$R$2:$R$366,ROW(INDEX(Jesper!AI$2:AI$366,ROUNDDOWN($C2087/24,0)+1,1))-1)+IF('Standard Profiles'!$G$19=$B$10,7,0)+IF('Standard Profiles'!$G$19=$B$17,14,0)+IF('Standard Profiles'!$G$19=$B$24,21,0),0)),0)</f>
        <v>0</v>
      </c>
      <c r="F2087" cm="1">
        <f t="array" ref="F2087">IFERROR(INDEX(Jesper!AJ$2:AJ$366,ROUNDDOWN($C2087/24,0)+1,1)*INDEX($D$3:$AA$30,INDEX(Jesper!$R$2:$R$366,ROW(INDEX(Jesper!AJ$2:AJ$366,ROUNDDOWN($C2087/24,0)+1,1))-1)+IF('Standard Profiles'!$G$20=$B$10,7,0)+IF('Standard Profiles'!$G$20=$B$17,14,0)+IF('Standard Profiles'!$G$20=$B$24,21,0),MOD($C2087,24)+1)/SUM(INDEX($D$3:$AA$30,INDEX(Jesper!$R$2:$R$366,ROW(INDEX(Jesper!AJ$2:AJ$366,ROUNDDOWN($C2087/24,0)+1,1))-1)+IF('Standard Profiles'!$G$20=$B$10,7,0)+IF('Standard Profiles'!$G$20=$B$17,14,0)+IF('Standard Profiles'!$G$20=$B$24,21,0),0)),0)</f>
        <v>0</v>
      </c>
      <c r="G2087" cm="1">
        <f t="array" ref="G2087">IFERROR(INDEX(Jesper!AK$2:AK$366,ROUNDDOWN($C2087/24,0)+1,1)*INDEX($D$3:$AA$30,INDEX(Jesper!$R$2:$R$366,ROW(INDEX(Jesper!AK$2:AK$366,ROUNDDOWN($C2087/24,0)+1,1))-1)+IF('Standard Profiles'!$G$21=$B$10,7,0)+IF('Standard Profiles'!$G$21=$B$17,14,0)+IF('Standard Profiles'!$G$21=$B$24,21,0),MOD($C2087,24)+1)/SUM(INDEX($D$3:$AA$30,INDEX(Jesper!$R$2:$R$366,ROW(INDEX(Jesper!AK$2:AK$366,ROUNDDOWN($C2087/24,0)+1,1))-1)+IF('Standard Profiles'!$G$21=$B$10,7,0)+IF('Standard Profiles'!$G$21=$B$17,14,0)+IF('Standard Profiles'!$G$21=$B$24,21,0),0)),0)</f>
        <v>0</v>
      </c>
      <c r="H2087" cm="1">
        <f t="array" ref="H2087">IFERROR(INDEX(Jesper!AL$2:AL$366,ROUNDDOWN($C2087/24,0)+1,1)*INDEX($D$3:$AA$30,INDEX(Jesper!$R$2:$R$366,ROW(INDEX(Jesper!AL$2:AL$366,ROUNDDOWN($C2087/24,0)+1,1))-1)+IF('Standard Profiles'!$G$22=$B$10,7,0)+IF('Standard Profiles'!$G$22=$B$17,14,0)+IF('Standard Profiles'!$G$22=$B$24,21,0),MOD($C2087,24)+1)/SUM(INDEX($D$3:$AA$30,INDEX(Jesper!$R$2:$R$366,ROW(INDEX(Jesper!AL$2:AL$366,ROUNDDOWN($C2087/24,0)+1,1))-1)+IF('Standard Profiles'!$G$22=$B$10,7,0)+IF('Standard Profiles'!$G$22=$B$17,14,0)+IF('Standard Profiles'!$G$22=$B$24,21,0),0)),0)</f>
        <v>0</v>
      </c>
      <c r="I2087">
        <f t="shared" si="244"/>
        <v>0.48748679159032826</v>
      </c>
      <c r="J2087">
        <f t="shared" si="245"/>
        <v>1.6249559719677611</v>
      </c>
      <c r="K2087">
        <f t="shared" si="246"/>
        <v>2.4374339579516415</v>
      </c>
      <c r="L2087">
        <f t="shared" si="247"/>
        <v>11.699682998167878</v>
      </c>
      <c r="M2087">
        <f t="shared" si="248"/>
        <v>0</v>
      </c>
      <c r="N2087" s="46">
        <f t="shared" si="249"/>
        <v>45377.541666661687</v>
      </c>
    </row>
    <row r="2088" spans="2:14" x14ac:dyDescent="0.3">
      <c r="B2088">
        <f t="shared" si="243"/>
        <v>2</v>
      </c>
      <c r="C2088" s="16">
        <v>2054</v>
      </c>
      <c r="D2088" cm="1">
        <f t="array" ref="D2088">IFERROR(INDEX(Jesper!AH$2:AH$366,ROUNDDOWN($C2088/24,0)+1,1)*INDEX($D$3:$AA$30,INDEX(Jesper!$R$2:$R$366,ROW(INDEX(Jesper!AH$2:AH$366,ROUNDDOWN($C2088/24,0)+1,1))-1)+IF('Standard Profiles'!$G$18=$B$10,7,0)+IF('Standard Profiles'!$G$18=$B$17,14,0)+IF('Standard Profiles'!$G$18=$B$24,21,0),MOD($C2088,24)+1)/SUM(INDEX($D$3:$AA$30,INDEX(Jesper!$R$2:$R$366,ROW(INDEX(Jesper!AH$2:AH$366,ROUNDDOWN($C2088/24,0)+1,1))-1)+IF('Standard Profiles'!$G$18=$B$10,7,0)+IF('Standard Profiles'!$G$18=$B$17,14,0)+IF('Standard Profiles'!$G$18=$B$24,21,0),0)),0)</f>
        <v>16.24955971967761</v>
      </c>
      <c r="E2088" cm="1">
        <f t="array" ref="E2088">IFERROR(INDEX(Jesper!AI$2:AI$366,ROUNDDOWN($C2088/24,0)+1,1)*INDEX($D$3:$AA$30,INDEX(Jesper!$R$2:$R$366,ROW(INDEX(Jesper!AI$2:AI$366,ROUNDDOWN($C2088/24,0)+1,1))-1)+IF('Standard Profiles'!$G$19=$B$10,7,0)+IF('Standard Profiles'!$G$19=$B$17,14,0)+IF('Standard Profiles'!$G$19=$B$24,21,0),MOD($C2088,24)+1)/SUM(INDEX($D$3:$AA$30,INDEX(Jesper!$R$2:$R$366,ROW(INDEX(Jesper!AI$2:AI$366,ROUNDDOWN($C2088/24,0)+1,1))-1)+IF('Standard Profiles'!$G$19=$B$10,7,0)+IF('Standard Profiles'!$G$19=$B$17,14,0)+IF('Standard Profiles'!$G$19=$B$24,21,0),0)),0)</f>
        <v>0</v>
      </c>
      <c r="F2088" cm="1">
        <f t="array" ref="F2088">IFERROR(INDEX(Jesper!AJ$2:AJ$366,ROUNDDOWN($C2088/24,0)+1,1)*INDEX($D$3:$AA$30,INDEX(Jesper!$R$2:$R$366,ROW(INDEX(Jesper!AJ$2:AJ$366,ROUNDDOWN($C2088/24,0)+1,1))-1)+IF('Standard Profiles'!$G$20=$B$10,7,0)+IF('Standard Profiles'!$G$20=$B$17,14,0)+IF('Standard Profiles'!$G$20=$B$24,21,0),MOD($C2088,24)+1)/SUM(INDEX($D$3:$AA$30,INDEX(Jesper!$R$2:$R$366,ROW(INDEX(Jesper!AJ$2:AJ$366,ROUNDDOWN($C2088/24,0)+1,1))-1)+IF('Standard Profiles'!$G$20=$B$10,7,0)+IF('Standard Profiles'!$G$20=$B$17,14,0)+IF('Standard Profiles'!$G$20=$B$24,21,0),0)),0)</f>
        <v>0</v>
      </c>
      <c r="G2088" cm="1">
        <f t="array" ref="G2088">IFERROR(INDEX(Jesper!AK$2:AK$366,ROUNDDOWN($C2088/24,0)+1,1)*INDEX($D$3:$AA$30,INDEX(Jesper!$R$2:$R$366,ROW(INDEX(Jesper!AK$2:AK$366,ROUNDDOWN($C2088/24,0)+1,1))-1)+IF('Standard Profiles'!$G$21=$B$10,7,0)+IF('Standard Profiles'!$G$21=$B$17,14,0)+IF('Standard Profiles'!$G$21=$B$24,21,0),MOD($C2088,24)+1)/SUM(INDEX($D$3:$AA$30,INDEX(Jesper!$R$2:$R$366,ROW(INDEX(Jesper!AK$2:AK$366,ROUNDDOWN($C2088/24,0)+1,1))-1)+IF('Standard Profiles'!$G$21=$B$10,7,0)+IF('Standard Profiles'!$G$21=$B$17,14,0)+IF('Standard Profiles'!$G$21=$B$24,21,0),0)),0)</f>
        <v>0</v>
      </c>
      <c r="H2088" cm="1">
        <f t="array" ref="H2088">IFERROR(INDEX(Jesper!AL$2:AL$366,ROUNDDOWN($C2088/24,0)+1,1)*INDEX($D$3:$AA$30,INDEX(Jesper!$R$2:$R$366,ROW(INDEX(Jesper!AL$2:AL$366,ROUNDDOWN($C2088/24,0)+1,1))-1)+IF('Standard Profiles'!$G$22=$B$10,7,0)+IF('Standard Profiles'!$G$22=$B$17,14,0)+IF('Standard Profiles'!$G$22=$B$24,21,0),MOD($C2088,24)+1)/SUM(INDEX($D$3:$AA$30,INDEX(Jesper!$R$2:$R$366,ROW(INDEX(Jesper!AL$2:AL$366,ROUNDDOWN($C2088/24,0)+1,1))-1)+IF('Standard Profiles'!$G$22=$B$10,7,0)+IF('Standard Profiles'!$G$22=$B$17,14,0)+IF('Standard Profiles'!$G$22=$B$24,21,0),0)),0)</f>
        <v>0</v>
      </c>
      <c r="I2088">
        <f t="shared" si="244"/>
        <v>0.48748679159032826</v>
      </c>
      <c r="J2088">
        <f t="shared" si="245"/>
        <v>1.6249559719677611</v>
      </c>
      <c r="K2088">
        <f t="shared" si="246"/>
        <v>2.4374339579516415</v>
      </c>
      <c r="L2088">
        <f t="shared" si="247"/>
        <v>11.699682998167878</v>
      </c>
      <c r="M2088">
        <f t="shared" si="248"/>
        <v>0</v>
      </c>
      <c r="N2088" s="46">
        <f t="shared" si="249"/>
        <v>45377.583333328352</v>
      </c>
    </row>
    <row r="2089" spans="2:14" x14ac:dyDescent="0.3">
      <c r="B2089">
        <f t="shared" si="243"/>
        <v>2</v>
      </c>
      <c r="C2089" s="16">
        <v>2055</v>
      </c>
      <c r="D2089" cm="1">
        <f t="array" ref="D2089">IFERROR(INDEX(Jesper!AH$2:AH$366,ROUNDDOWN($C2089/24,0)+1,1)*INDEX($D$3:$AA$30,INDEX(Jesper!$R$2:$R$366,ROW(INDEX(Jesper!AH$2:AH$366,ROUNDDOWN($C2089/24,0)+1,1))-1)+IF('Standard Profiles'!$G$18=$B$10,7,0)+IF('Standard Profiles'!$G$18=$B$17,14,0)+IF('Standard Profiles'!$G$18=$B$24,21,0),MOD($C2089,24)+1)/SUM(INDEX($D$3:$AA$30,INDEX(Jesper!$R$2:$R$366,ROW(INDEX(Jesper!AH$2:AH$366,ROUNDDOWN($C2089/24,0)+1,1))-1)+IF('Standard Profiles'!$G$18=$B$10,7,0)+IF('Standard Profiles'!$G$18=$B$17,14,0)+IF('Standard Profiles'!$G$18=$B$24,21,0),0)),0)</f>
        <v>16.24955971967761</v>
      </c>
      <c r="E2089" cm="1">
        <f t="array" ref="E2089">IFERROR(INDEX(Jesper!AI$2:AI$366,ROUNDDOWN($C2089/24,0)+1,1)*INDEX($D$3:$AA$30,INDEX(Jesper!$R$2:$R$366,ROW(INDEX(Jesper!AI$2:AI$366,ROUNDDOWN($C2089/24,0)+1,1))-1)+IF('Standard Profiles'!$G$19=$B$10,7,0)+IF('Standard Profiles'!$G$19=$B$17,14,0)+IF('Standard Profiles'!$G$19=$B$24,21,0),MOD($C2089,24)+1)/SUM(INDEX($D$3:$AA$30,INDEX(Jesper!$R$2:$R$366,ROW(INDEX(Jesper!AI$2:AI$366,ROUNDDOWN($C2089/24,0)+1,1))-1)+IF('Standard Profiles'!$G$19=$B$10,7,0)+IF('Standard Profiles'!$G$19=$B$17,14,0)+IF('Standard Profiles'!$G$19=$B$24,21,0),0)),0)</f>
        <v>0</v>
      </c>
      <c r="F2089" cm="1">
        <f t="array" ref="F2089">IFERROR(INDEX(Jesper!AJ$2:AJ$366,ROUNDDOWN($C2089/24,0)+1,1)*INDEX($D$3:$AA$30,INDEX(Jesper!$R$2:$R$366,ROW(INDEX(Jesper!AJ$2:AJ$366,ROUNDDOWN($C2089/24,0)+1,1))-1)+IF('Standard Profiles'!$G$20=$B$10,7,0)+IF('Standard Profiles'!$G$20=$B$17,14,0)+IF('Standard Profiles'!$G$20=$B$24,21,0),MOD($C2089,24)+1)/SUM(INDEX($D$3:$AA$30,INDEX(Jesper!$R$2:$R$366,ROW(INDEX(Jesper!AJ$2:AJ$366,ROUNDDOWN($C2089/24,0)+1,1))-1)+IF('Standard Profiles'!$G$20=$B$10,7,0)+IF('Standard Profiles'!$G$20=$B$17,14,0)+IF('Standard Profiles'!$G$20=$B$24,21,0),0)),0)</f>
        <v>0</v>
      </c>
      <c r="G2089" cm="1">
        <f t="array" ref="G2089">IFERROR(INDEX(Jesper!AK$2:AK$366,ROUNDDOWN($C2089/24,0)+1,1)*INDEX($D$3:$AA$30,INDEX(Jesper!$R$2:$R$366,ROW(INDEX(Jesper!AK$2:AK$366,ROUNDDOWN($C2089/24,0)+1,1))-1)+IF('Standard Profiles'!$G$21=$B$10,7,0)+IF('Standard Profiles'!$G$21=$B$17,14,0)+IF('Standard Profiles'!$G$21=$B$24,21,0),MOD($C2089,24)+1)/SUM(INDEX($D$3:$AA$30,INDEX(Jesper!$R$2:$R$366,ROW(INDEX(Jesper!AK$2:AK$366,ROUNDDOWN($C2089/24,0)+1,1))-1)+IF('Standard Profiles'!$G$21=$B$10,7,0)+IF('Standard Profiles'!$G$21=$B$17,14,0)+IF('Standard Profiles'!$G$21=$B$24,21,0),0)),0)</f>
        <v>0</v>
      </c>
      <c r="H2089" cm="1">
        <f t="array" ref="H2089">IFERROR(INDEX(Jesper!AL$2:AL$366,ROUNDDOWN($C2089/24,0)+1,1)*INDEX($D$3:$AA$30,INDEX(Jesper!$R$2:$R$366,ROW(INDEX(Jesper!AL$2:AL$366,ROUNDDOWN($C2089/24,0)+1,1))-1)+IF('Standard Profiles'!$G$22=$B$10,7,0)+IF('Standard Profiles'!$G$22=$B$17,14,0)+IF('Standard Profiles'!$G$22=$B$24,21,0),MOD($C2089,24)+1)/SUM(INDEX($D$3:$AA$30,INDEX(Jesper!$R$2:$R$366,ROW(INDEX(Jesper!AL$2:AL$366,ROUNDDOWN($C2089/24,0)+1,1))-1)+IF('Standard Profiles'!$G$22=$B$10,7,0)+IF('Standard Profiles'!$G$22=$B$17,14,0)+IF('Standard Profiles'!$G$22=$B$24,21,0),0)),0)</f>
        <v>0</v>
      </c>
      <c r="I2089">
        <f t="shared" si="244"/>
        <v>0.48748679159032826</v>
      </c>
      <c r="J2089">
        <f t="shared" si="245"/>
        <v>1.6249559719677611</v>
      </c>
      <c r="K2089">
        <f t="shared" si="246"/>
        <v>2.4374339579516415</v>
      </c>
      <c r="L2089">
        <f t="shared" si="247"/>
        <v>11.699682998167878</v>
      </c>
      <c r="M2089">
        <f t="shared" si="248"/>
        <v>0</v>
      </c>
      <c r="N2089" s="46">
        <f t="shared" si="249"/>
        <v>45377.624999995016</v>
      </c>
    </row>
    <row r="2090" spans="2:14" x14ac:dyDescent="0.3">
      <c r="B2090">
        <f t="shared" si="243"/>
        <v>2</v>
      </c>
      <c r="C2090" s="16">
        <v>2056</v>
      </c>
      <c r="D2090" cm="1">
        <f t="array" ref="D2090">IFERROR(INDEX(Jesper!AH$2:AH$366,ROUNDDOWN($C2090/24,0)+1,1)*INDEX($D$3:$AA$30,INDEX(Jesper!$R$2:$R$366,ROW(INDEX(Jesper!AH$2:AH$366,ROUNDDOWN($C2090/24,0)+1,1))-1)+IF('Standard Profiles'!$G$18=$B$10,7,0)+IF('Standard Profiles'!$G$18=$B$17,14,0)+IF('Standard Profiles'!$G$18=$B$24,21,0),MOD($C2090,24)+1)/SUM(INDEX($D$3:$AA$30,INDEX(Jesper!$R$2:$R$366,ROW(INDEX(Jesper!AH$2:AH$366,ROUNDDOWN($C2090/24,0)+1,1))-1)+IF('Standard Profiles'!$G$18=$B$10,7,0)+IF('Standard Profiles'!$G$18=$B$17,14,0)+IF('Standard Profiles'!$G$18=$B$24,21,0),0)),0)</f>
        <v>16.24955971967761</v>
      </c>
      <c r="E2090" cm="1">
        <f t="array" ref="E2090">IFERROR(INDEX(Jesper!AI$2:AI$366,ROUNDDOWN($C2090/24,0)+1,1)*INDEX($D$3:$AA$30,INDEX(Jesper!$R$2:$R$366,ROW(INDEX(Jesper!AI$2:AI$366,ROUNDDOWN($C2090/24,0)+1,1))-1)+IF('Standard Profiles'!$G$19=$B$10,7,0)+IF('Standard Profiles'!$G$19=$B$17,14,0)+IF('Standard Profiles'!$G$19=$B$24,21,0),MOD($C2090,24)+1)/SUM(INDEX($D$3:$AA$30,INDEX(Jesper!$R$2:$R$366,ROW(INDEX(Jesper!AI$2:AI$366,ROUNDDOWN($C2090/24,0)+1,1))-1)+IF('Standard Profiles'!$G$19=$B$10,7,0)+IF('Standard Profiles'!$G$19=$B$17,14,0)+IF('Standard Profiles'!$G$19=$B$24,21,0),0)),0)</f>
        <v>0</v>
      </c>
      <c r="F2090" cm="1">
        <f t="array" ref="F2090">IFERROR(INDEX(Jesper!AJ$2:AJ$366,ROUNDDOWN($C2090/24,0)+1,1)*INDEX($D$3:$AA$30,INDEX(Jesper!$R$2:$R$366,ROW(INDEX(Jesper!AJ$2:AJ$366,ROUNDDOWN($C2090/24,0)+1,1))-1)+IF('Standard Profiles'!$G$20=$B$10,7,0)+IF('Standard Profiles'!$G$20=$B$17,14,0)+IF('Standard Profiles'!$G$20=$B$24,21,0),MOD($C2090,24)+1)/SUM(INDEX($D$3:$AA$30,INDEX(Jesper!$R$2:$R$366,ROW(INDEX(Jesper!AJ$2:AJ$366,ROUNDDOWN($C2090/24,0)+1,1))-1)+IF('Standard Profiles'!$G$20=$B$10,7,0)+IF('Standard Profiles'!$G$20=$B$17,14,0)+IF('Standard Profiles'!$G$20=$B$24,21,0),0)),0)</f>
        <v>0</v>
      </c>
      <c r="G2090" cm="1">
        <f t="array" ref="G2090">IFERROR(INDEX(Jesper!AK$2:AK$366,ROUNDDOWN($C2090/24,0)+1,1)*INDEX($D$3:$AA$30,INDEX(Jesper!$R$2:$R$366,ROW(INDEX(Jesper!AK$2:AK$366,ROUNDDOWN($C2090/24,0)+1,1))-1)+IF('Standard Profiles'!$G$21=$B$10,7,0)+IF('Standard Profiles'!$G$21=$B$17,14,0)+IF('Standard Profiles'!$G$21=$B$24,21,0),MOD($C2090,24)+1)/SUM(INDEX($D$3:$AA$30,INDEX(Jesper!$R$2:$R$366,ROW(INDEX(Jesper!AK$2:AK$366,ROUNDDOWN($C2090/24,0)+1,1))-1)+IF('Standard Profiles'!$G$21=$B$10,7,0)+IF('Standard Profiles'!$G$21=$B$17,14,0)+IF('Standard Profiles'!$G$21=$B$24,21,0),0)),0)</f>
        <v>0</v>
      </c>
      <c r="H2090" cm="1">
        <f t="array" ref="H2090">IFERROR(INDEX(Jesper!AL$2:AL$366,ROUNDDOWN($C2090/24,0)+1,1)*INDEX($D$3:$AA$30,INDEX(Jesper!$R$2:$R$366,ROW(INDEX(Jesper!AL$2:AL$366,ROUNDDOWN($C2090/24,0)+1,1))-1)+IF('Standard Profiles'!$G$22=$B$10,7,0)+IF('Standard Profiles'!$G$22=$B$17,14,0)+IF('Standard Profiles'!$G$22=$B$24,21,0),MOD($C2090,24)+1)/SUM(INDEX($D$3:$AA$30,INDEX(Jesper!$R$2:$R$366,ROW(INDEX(Jesper!AL$2:AL$366,ROUNDDOWN($C2090/24,0)+1,1))-1)+IF('Standard Profiles'!$G$22=$B$10,7,0)+IF('Standard Profiles'!$G$22=$B$17,14,0)+IF('Standard Profiles'!$G$22=$B$24,21,0),0)),0)</f>
        <v>0</v>
      </c>
      <c r="I2090">
        <f t="shared" si="244"/>
        <v>0.48748679159032826</v>
      </c>
      <c r="J2090">
        <f t="shared" si="245"/>
        <v>1.6249559719677611</v>
      </c>
      <c r="K2090">
        <f t="shared" si="246"/>
        <v>2.4374339579516415</v>
      </c>
      <c r="L2090">
        <f t="shared" si="247"/>
        <v>11.699682998167878</v>
      </c>
      <c r="M2090">
        <f t="shared" si="248"/>
        <v>0</v>
      </c>
      <c r="N2090" s="46">
        <f t="shared" si="249"/>
        <v>45377.66666666168</v>
      </c>
    </row>
    <row r="2091" spans="2:14" x14ac:dyDescent="0.3">
      <c r="B2091">
        <f t="shared" si="243"/>
        <v>2</v>
      </c>
      <c r="C2091" s="16">
        <v>2057</v>
      </c>
      <c r="D2091" cm="1">
        <f t="array" ref="D2091">IFERROR(INDEX(Jesper!AH$2:AH$366,ROUNDDOWN($C2091/24,0)+1,1)*INDEX($D$3:$AA$30,INDEX(Jesper!$R$2:$R$366,ROW(INDEX(Jesper!AH$2:AH$366,ROUNDDOWN($C2091/24,0)+1,1))-1)+IF('Standard Profiles'!$G$18=$B$10,7,0)+IF('Standard Profiles'!$G$18=$B$17,14,0)+IF('Standard Profiles'!$G$18=$B$24,21,0),MOD($C2091,24)+1)/SUM(INDEX($D$3:$AA$30,INDEX(Jesper!$R$2:$R$366,ROW(INDEX(Jesper!AH$2:AH$366,ROUNDDOWN($C2091/24,0)+1,1))-1)+IF('Standard Profiles'!$G$18=$B$10,7,0)+IF('Standard Profiles'!$G$18=$B$17,14,0)+IF('Standard Profiles'!$G$18=$B$24,21,0),0)),0)</f>
        <v>16.24955971967761</v>
      </c>
      <c r="E2091" cm="1">
        <f t="array" ref="E2091">IFERROR(INDEX(Jesper!AI$2:AI$366,ROUNDDOWN($C2091/24,0)+1,1)*INDEX($D$3:$AA$30,INDEX(Jesper!$R$2:$R$366,ROW(INDEX(Jesper!AI$2:AI$366,ROUNDDOWN($C2091/24,0)+1,1))-1)+IF('Standard Profiles'!$G$19=$B$10,7,0)+IF('Standard Profiles'!$G$19=$B$17,14,0)+IF('Standard Profiles'!$G$19=$B$24,21,0),MOD($C2091,24)+1)/SUM(INDEX($D$3:$AA$30,INDEX(Jesper!$R$2:$R$366,ROW(INDEX(Jesper!AI$2:AI$366,ROUNDDOWN($C2091/24,0)+1,1))-1)+IF('Standard Profiles'!$G$19=$B$10,7,0)+IF('Standard Profiles'!$G$19=$B$17,14,0)+IF('Standard Profiles'!$G$19=$B$24,21,0),0)),0)</f>
        <v>0</v>
      </c>
      <c r="F2091" cm="1">
        <f t="array" ref="F2091">IFERROR(INDEX(Jesper!AJ$2:AJ$366,ROUNDDOWN($C2091/24,0)+1,1)*INDEX($D$3:$AA$30,INDEX(Jesper!$R$2:$R$366,ROW(INDEX(Jesper!AJ$2:AJ$366,ROUNDDOWN($C2091/24,0)+1,1))-1)+IF('Standard Profiles'!$G$20=$B$10,7,0)+IF('Standard Profiles'!$G$20=$B$17,14,0)+IF('Standard Profiles'!$G$20=$B$24,21,0),MOD($C2091,24)+1)/SUM(INDEX($D$3:$AA$30,INDEX(Jesper!$R$2:$R$366,ROW(INDEX(Jesper!AJ$2:AJ$366,ROUNDDOWN($C2091/24,0)+1,1))-1)+IF('Standard Profiles'!$G$20=$B$10,7,0)+IF('Standard Profiles'!$G$20=$B$17,14,0)+IF('Standard Profiles'!$G$20=$B$24,21,0),0)),0)</f>
        <v>0</v>
      </c>
      <c r="G2091" cm="1">
        <f t="array" ref="G2091">IFERROR(INDEX(Jesper!AK$2:AK$366,ROUNDDOWN($C2091/24,0)+1,1)*INDEX($D$3:$AA$30,INDEX(Jesper!$R$2:$R$366,ROW(INDEX(Jesper!AK$2:AK$366,ROUNDDOWN($C2091/24,0)+1,1))-1)+IF('Standard Profiles'!$G$21=$B$10,7,0)+IF('Standard Profiles'!$G$21=$B$17,14,0)+IF('Standard Profiles'!$G$21=$B$24,21,0),MOD($C2091,24)+1)/SUM(INDEX($D$3:$AA$30,INDEX(Jesper!$R$2:$R$366,ROW(INDEX(Jesper!AK$2:AK$366,ROUNDDOWN($C2091/24,0)+1,1))-1)+IF('Standard Profiles'!$G$21=$B$10,7,0)+IF('Standard Profiles'!$G$21=$B$17,14,0)+IF('Standard Profiles'!$G$21=$B$24,21,0),0)),0)</f>
        <v>0</v>
      </c>
      <c r="H2091" cm="1">
        <f t="array" ref="H2091">IFERROR(INDEX(Jesper!AL$2:AL$366,ROUNDDOWN($C2091/24,0)+1,1)*INDEX($D$3:$AA$30,INDEX(Jesper!$R$2:$R$366,ROW(INDEX(Jesper!AL$2:AL$366,ROUNDDOWN($C2091/24,0)+1,1))-1)+IF('Standard Profiles'!$G$22=$B$10,7,0)+IF('Standard Profiles'!$G$22=$B$17,14,0)+IF('Standard Profiles'!$G$22=$B$24,21,0),MOD($C2091,24)+1)/SUM(INDEX($D$3:$AA$30,INDEX(Jesper!$R$2:$R$366,ROW(INDEX(Jesper!AL$2:AL$366,ROUNDDOWN($C2091/24,0)+1,1))-1)+IF('Standard Profiles'!$G$22=$B$10,7,0)+IF('Standard Profiles'!$G$22=$B$17,14,0)+IF('Standard Profiles'!$G$22=$B$24,21,0),0)),0)</f>
        <v>0</v>
      </c>
      <c r="I2091">
        <f t="shared" si="244"/>
        <v>0.48748679159032826</v>
      </c>
      <c r="J2091">
        <f t="shared" si="245"/>
        <v>1.6249559719677611</v>
      </c>
      <c r="K2091">
        <f t="shared" si="246"/>
        <v>2.4374339579516415</v>
      </c>
      <c r="L2091">
        <f t="shared" si="247"/>
        <v>11.699682998167878</v>
      </c>
      <c r="M2091">
        <f t="shared" si="248"/>
        <v>0</v>
      </c>
      <c r="N2091" s="46">
        <f t="shared" si="249"/>
        <v>45377.708333328344</v>
      </c>
    </row>
    <row r="2092" spans="2:14" x14ac:dyDescent="0.3">
      <c r="B2092">
        <f t="shared" si="243"/>
        <v>2</v>
      </c>
      <c r="C2092" s="16">
        <v>2058</v>
      </c>
      <c r="D2092" cm="1">
        <f t="array" ref="D2092">IFERROR(INDEX(Jesper!AH$2:AH$366,ROUNDDOWN($C2092/24,0)+1,1)*INDEX($D$3:$AA$30,INDEX(Jesper!$R$2:$R$366,ROW(INDEX(Jesper!AH$2:AH$366,ROUNDDOWN($C2092/24,0)+1,1))-1)+IF('Standard Profiles'!$G$18=$B$10,7,0)+IF('Standard Profiles'!$G$18=$B$17,14,0)+IF('Standard Profiles'!$G$18=$B$24,21,0),MOD($C2092,24)+1)/SUM(INDEX($D$3:$AA$30,INDEX(Jesper!$R$2:$R$366,ROW(INDEX(Jesper!AH$2:AH$366,ROUNDDOWN($C2092/24,0)+1,1))-1)+IF('Standard Profiles'!$G$18=$B$10,7,0)+IF('Standard Profiles'!$G$18=$B$17,14,0)+IF('Standard Profiles'!$G$18=$B$24,21,0),0)),0)</f>
        <v>16.24955971967761</v>
      </c>
      <c r="E2092" cm="1">
        <f t="array" ref="E2092">IFERROR(INDEX(Jesper!AI$2:AI$366,ROUNDDOWN($C2092/24,0)+1,1)*INDEX($D$3:$AA$30,INDEX(Jesper!$R$2:$R$366,ROW(INDEX(Jesper!AI$2:AI$366,ROUNDDOWN($C2092/24,0)+1,1))-1)+IF('Standard Profiles'!$G$19=$B$10,7,0)+IF('Standard Profiles'!$G$19=$B$17,14,0)+IF('Standard Profiles'!$G$19=$B$24,21,0),MOD($C2092,24)+1)/SUM(INDEX($D$3:$AA$30,INDEX(Jesper!$R$2:$R$366,ROW(INDEX(Jesper!AI$2:AI$366,ROUNDDOWN($C2092/24,0)+1,1))-1)+IF('Standard Profiles'!$G$19=$B$10,7,0)+IF('Standard Profiles'!$G$19=$B$17,14,0)+IF('Standard Profiles'!$G$19=$B$24,21,0),0)),0)</f>
        <v>0</v>
      </c>
      <c r="F2092" cm="1">
        <f t="array" ref="F2092">IFERROR(INDEX(Jesper!AJ$2:AJ$366,ROUNDDOWN($C2092/24,0)+1,1)*INDEX($D$3:$AA$30,INDEX(Jesper!$R$2:$R$366,ROW(INDEX(Jesper!AJ$2:AJ$366,ROUNDDOWN($C2092/24,0)+1,1))-1)+IF('Standard Profiles'!$G$20=$B$10,7,0)+IF('Standard Profiles'!$G$20=$B$17,14,0)+IF('Standard Profiles'!$G$20=$B$24,21,0),MOD($C2092,24)+1)/SUM(INDEX($D$3:$AA$30,INDEX(Jesper!$R$2:$R$366,ROW(INDEX(Jesper!AJ$2:AJ$366,ROUNDDOWN($C2092/24,0)+1,1))-1)+IF('Standard Profiles'!$G$20=$B$10,7,0)+IF('Standard Profiles'!$G$20=$B$17,14,0)+IF('Standard Profiles'!$G$20=$B$24,21,0),0)),0)</f>
        <v>0</v>
      </c>
      <c r="G2092" cm="1">
        <f t="array" ref="G2092">IFERROR(INDEX(Jesper!AK$2:AK$366,ROUNDDOWN($C2092/24,0)+1,1)*INDEX($D$3:$AA$30,INDEX(Jesper!$R$2:$R$366,ROW(INDEX(Jesper!AK$2:AK$366,ROUNDDOWN($C2092/24,0)+1,1))-1)+IF('Standard Profiles'!$G$21=$B$10,7,0)+IF('Standard Profiles'!$G$21=$B$17,14,0)+IF('Standard Profiles'!$G$21=$B$24,21,0),MOD($C2092,24)+1)/SUM(INDEX($D$3:$AA$30,INDEX(Jesper!$R$2:$R$366,ROW(INDEX(Jesper!AK$2:AK$366,ROUNDDOWN($C2092/24,0)+1,1))-1)+IF('Standard Profiles'!$G$21=$B$10,7,0)+IF('Standard Profiles'!$G$21=$B$17,14,0)+IF('Standard Profiles'!$G$21=$B$24,21,0),0)),0)</f>
        <v>0</v>
      </c>
      <c r="H2092" cm="1">
        <f t="array" ref="H2092">IFERROR(INDEX(Jesper!AL$2:AL$366,ROUNDDOWN($C2092/24,0)+1,1)*INDEX($D$3:$AA$30,INDEX(Jesper!$R$2:$R$366,ROW(INDEX(Jesper!AL$2:AL$366,ROUNDDOWN($C2092/24,0)+1,1))-1)+IF('Standard Profiles'!$G$22=$B$10,7,0)+IF('Standard Profiles'!$G$22=$B$17,14,0)+IF('Standard Profiles'!$G$22=$B$24,21,0),MOD($C2092,24)+1)/SUM(INDEX($D$3:$AA$30,INDEX(Jesper!$R$2:$R$366,ROW(INDEX(Jesper!AL$2:AL$366,ROUNDDOWN($C2092/24,0)+1,1))-1)+IF('Standard Profiles'!$G$22=$B$10,7,0)+IF('Standard Profiles'!$G$22=$B$17,14,0)+IF('Standard Profiles'!$G$22=$B$24,21,0),0)),0)</f>
        <v>0</v>
      </c>
      <c r="I2092">
        <f t="shared" si="244"/>
        <v>0.48748679159032826</v>
      </c>
      <c r="J2092">
        <f t="shared" si="245"/>
        <v>1.6249559719677611</v>
      </c>
      <c r="K2092">
        <f t="shared" si="246"/>
        <v>2.4374339579516415</v>
      </c>
      <c r="L2092">
        <f t="shared" si="247"/>
        <v>11.699682998167878</v>
      </c>
      <c r="M2092">
        <f t="shared" si="248"/>
        <v>0</v>
      </c>
      <c r="N2092" s="46">
        <f t="shared" si="249"/>
        <v>45377.749999995009</v>
      </c>
    </row>
    <row r="2093" spans="2:14" x14ac:dyDescent="0.3">
      <c r="B2093">
        <f t="shared" si="243"/>
        <v>2</v>
      </c>
      <c r="C2093" s="16">
        <v>2059</v>
      </c>
      <c r="D2093" cm="1">
        <f t="array" ref="D2093">IFERROR(INDEX(Jesper!AH$2:AH$366,ROUNDDOWN($C2093/24,0)+1,1)*INDEX($D$3:$AA$30,INDEX(Jesper!$R$2:$R$366,ROW(INDEX(Jesper!AH$2:AH$366,ROUNDDOWN($C2093/24,0)+1,1))-1)+IF('Standard Profiles'!$G$18=$B$10,7,0)+IF('Standard Profiles'!$G$18=$B$17,14,0)+IF('Standard Profiles'!$G$18=$B$24,21,0),MOD($C2093,24)+1)/SUM(INDEX($D$3:$AA$30,INDEX(Jesper!$R$2:$R$366,ROW(INDEX(Jesper!AH$2:AH$366,ROUNDDOWN($C2093/24,0)+1,1))-1)+IF('Standard Profiles'!$G$18=$B$10,7,0)+IF('Standard Profiles'!$G$18=$B$17,14,0)+IF('Standard Profiles'!$G$18=$B$24,21,0),0)),0)</f>
        <v>13.609006265229999</v>
      </c>
      <c r="E2093" cm="1">
        <f t="array" ref="E2093">IFERROR(INDEX(Jesper!AI$2:AI$366,ROUNDDOWN($C2093/24,0)+1,1)*INDEX($D$3:$AA$30,INDEX(Jesper!$R$2:$R$366,ROW(INDEX(Jesper!AI$2:AI$366,ROUNDDOWN($C2093/24,0)+1,1))-1)+IF('Standard Profiles'!$G$19=$B$10,7,0)+IF('Standard Profiles'!$G$19=$B$17,14,0)+IF('Standard Profiles'!$G$19=$B$24,21,0),MOD($C2093,24)+1)/SUM(INDEX($D$3:$AA$30,INDEX(Jesper!$R$2:$R$366,ROW(INDEX(Jesper!AI$2:AI$366,ROUNDDOWN($C2093/24,0)+1,1))-1)+IF('Standard Profiles'!$G$19=$B$10,7,0)+IF('Standard Profiles'!$G$19=$B$17,14,0)+IF('Standard Profiles'!$G$19=$B$24,21,0),0)),0)</f>
        <v>0</v>
      </c>
      <c r="F2093" cm="1">
        <f t="array" ref="F2093">IFERROR(INDEX(Jesper!AJ$2:AJ$366,ROUNDDOWN($C2093/24,0)+1,1)*INDEX($D$3:$AA$30,INDEX(Jesper!$R$2:$R$366,ROW(INDEX(Jesper!AJ$2:AJ$366,ROUNDDOWN($C2093/24,0)+1,1))-1)+IF('Standard Profiles'!$G$20=$B$10,7,0)+IF('Standard Profiles'!$G$20=$B$17,14,0)+IF('Standard Profiles'!$G$20=$B$24,21,0),MOD($C2093,24)+1)/SUM(INDEX($D$3:$AA$30,INDEX(Jesper!$R$2:$R$366,ROW(INDEX(Jesper!AJ$2:AJ$366,ROUNDDOWN($C2093/24,0)+1,1))-1)+IF('Standard Profiles'!$G$20=$B$10,7,0)+IF('Standard Profiles'!$G$20=$B$17,14,0)+IF('Standard Profiles'!$G$20=$B$24,21,0),0)),0)</f>
        <v>0</v>
      </c>
      <c r="G2093" cm="1">
        <f t="array" ref="G2093">IFERROR(INDEX(Jesper!AK$2:AK$366,ROUNDDOWN($C2093/24,0)+1,1)*INDEX($D$3:$AA$30,INDEX(Jesper!$R$2:$R$366,ROW(INDEX(Jesper!AK$2:AK$366,ROUNDDOWN($C2093/24,0)+1,1))-1)+IF('Standard Profiles'!$G$21=$B$10,7,0)+IF('Standard Profiles'!$G$21=$B$17,14,0)+IF('Standard Profiles'!$G$21=$B$24,21,0),MOD($C2093,24)+1)/SUM(INDEX($D$3:$AA$30,INDEX(Jesper!$R$2:$R$366,ROW(INDEX(Jesper!AK$2:AK$366,ROUNDDOWN($C2093/24,0)+1,1))-1)+IF('Standard Profiles'!$G$21=$B$10,7,0)+IF('Standard Profiles'!$G$21=$B$17,14,0)+IF('Standard Profiles'!$G$21=$B$24,21,0),0)),0)</f>
        <v>0</v>
      </c>
      <c r="H2093" cm="1">
        <f t="array" ref="H2093">IFERROR(INDEX(Jesper!AL$2:AL$366,ROUNDDOWN($C2093/24,0)+1,1)*INDEX($D$3:$AA$30,INDEX(Jesper!$R$2:$R$366,ROW(INDEX(Jesper!AL$2:AL$366,ROUNDDOWN($C2093/24,0)+1,1))-1)+IF('Standard Profiles'!$G$22=$B$10,7,0)+IF('Standard Profiles'!$G$22=$B$17,14,0)+IF('Standard Profiles'!$G$22=$B$24,21,0),MOD($C2093,24)+1)/SUM(INDEX($D$3:$AA$30,INDEX(Jesper!$R$2:$R$366,ROW(INDEX(Jesper!AL$2:AL$366,ROUNDDOWN($C2093/24,0)+1,1))-1)+IF('Standard Profiles'!$G$22=$B$10,7,0)+IF('Standard Profiles'!$G$22=$B$17,14,0)+IF('Standard Profiles'!$G$22=$B$24,21,0),0)),0)</f>
        <v>0</v>
      </c>
      <c r="I2093">
        <f t="shared" si="244"/>
        <v>0.40827018795689995</v>
      </c>
      <c r="J2093">
        <f t="shared" si="245"/>
        <v>1.3609006265229999</v>
      </c>
      <c r="K2093">
        <f t="shared" si="246"/>
        <v>2.0413509397844996</v>
      </c>
      <c r="L2093">
        <f t="shared" si="247"/>
        <v>9.7984845109655989</v>
      </c>
      <c r="M2093">
        <f t="shared" si="248"/>
        <v>0</v>
      </c>
      <c r="N2093" s="46">
        <f t="shared" si="249"/>
        <v>45377.791666661673</v>
      </c>
    </row>
    <row r="2094" spans="2:14" x14ac:dyDescent="0.3">
      <c r="B2094">
        <f t="shared" si="243"/>
        <v>2</v>
      </c>
      <c r="C2094" s="16">
        <v>2060</v>
      </c>
      <c r="D2094" cm="1">
        <f t="array" ref="D2094">IFERROR(INDEX(Jesper!AH$2:AH$366,ROUNDDOWN($C2094/24,0)+1,1)*INDEX($D$3:$AA$30,INDEX(Jesper!$R$2:$R$366,ROW(INDEX(Jesper!AH$2:AH$366,ROUNDDOWN($C2094/24,0)+1,1))-1)+IF('Standard Profiles'!$G$18=$B$10,7,0)+IF('Standard Profiles'!$G$18=$B$17,14,0)+IF('Standard Profiles'!$G$18=$B$24,21,0),MOD($C2094,24)+1)/SUM(INDEX($D$3:$AA$30,INDEX(Jesper!$R$2:$R$366,ROW(INDEX(Jesper!AH$2:AH$366,ROUNDDOWN($C2094/24,0)+1,1))-1)+IF('Standard Profiles'!$G$18=$B$10,7,0)+IF('Standard Profiles'!$G$18=$B$17,14,0)+IF('Standard Profiles'!$G$18=$B$24,21,0),0)),0)</f>
        <v>11.171572307278355</v>
      </c>
      <c r="E2094" cm="1">
        <f t="array" ref="E2094">IFERROR(INDEX(Jesper!AI$2:AI$366,ROUNDDOWN($C2094/24,0)+1,1)*INDEX($D$3:$AA$30,INDEX(Jesper!$R$2:$R$366,ROW(INDEX(Jesper!AI$2:AI$366,ROUNDDOWN($C2094/24,0)+1,1))-1)+IF('Standard Profiles'!$G$19=$B$10,7,0)+IF('Standard Profiles'!$G$19=$B$17,14,0)+IF('Standard Profiles'!$G$19=$B$24,21,0),MOD($C2094,24)+1)/SUM(INDEX($D$3:$AA$30,INDEX(Jesper!$R$2:$R$366,ROW(INDEX(Jesper!AI$2:AI$366,ROUNDDOWN($C2094/24,0)+1,1))-1)+IF('Standard Profiles'!$G$19=$B$10,7,0)+IF('Standard Profiles'!$G$19=$B$17,14,0)+IF('Standard Profiles'!$G$19=$B$24,21,0),0)),0)</f>
        <v>0</v>
      </c>
      <c r="F2094" cm="1">
        <f t="array" ref="F2094">IFERROR(INDEX(Jesper!AJ$2:AJ$366,ROUNDDOWN($C2094/24,0)+1,1)*INDEX($D$3:$AA$30,INDEX(Jesper!$R$2:$R$366,ROW(INDEX(Jesper!AJ$2:AJ$366,ROUNDDOWN($C2094/24,0)+1,1))-1)+IF('Standard Profiles'!$G$20=$B$10,7,0)+IF('Standard Profiles'!$G$20=$B$17,14,0)+IF('Standard Profiles'!$G$20=$B$24,21,0),MOD($C2094,24)+1)/SUM(INDEX($D$3:$AA$30,INDEX(Jesper!$R$2:$R$366,ROW(INDEX(Jesper!AJ$2:AJ$366,ROUNDDOWN($C2094/24,0)+1,1))-1)+IF('Standard Profiles'!$G$20=$B$10,7,0)+IF('Standard Profiles'!$G$20=$B$17,14,0)+IF('Standard Profiles'!$G$20=$B$24,21,0),0)),0)</f>
        <v>0</v>
      </c>
      <c r="G2094" cm="1">
        <f t="array" ref="G2094">IFERROR(INDEX(Jesper!AK$2:AK$366,ROUNDDOWN($C2094/24,0)+1,1)*INDEX($D$3:$AA$30,INDEX(Jesper!$R$2:$R$366,ROW(INDEX(Jesper!AK$2:AK$366,ROUNDDOWN($C2094/24,0)+1,1))-1)+IF('Standard Profiles'!$G$21=$B$10,7,0)+IF('Standard Profiles'!$G$21=$B$17,14,0)+IF('Standard Profiles'!$G$21=$B$24,21,0),MOD($C2094,24)+1)/SUM(INDEX($D$3:$AA$30,INDEX(Jesper!$R$2:$R$366,ROW(INDEX(Jesper!AK$2:AK$366,ROUNDDOWN($C2094/24,0)+1,1))-1)+IF('Standard Profiles'!$G$21=$B$10,7,0)+IF('Standard Profiles'!$G$21=$B$17,14,0)+IF('Standard Profiles'!$G$21=$B$24,21,0),0)),0)</f>
        <v>0</v>
      </c>
      <c r="H2094" cm="1">
        <f t="array" ref="H2094">IFERROR(INDEX(Jesper!AL$2:AL$366,ROUNDDOWN($C2094/24,0)+1,1)*INDEX($D$3:$AA$30,INDEX(Jesper!$R$2:$R$366,ROW(INDEX(Jesper!AL$2:AL$366,ROUNDDOWN($C2094/24,0)+1,1))-1)+IF('Standard Profiles'!$G$22=$B$10,7,0)+IF('Standard Profiles'!$G$22=$B$17,14,0)+IF('Standard Profiles'!$G$22=$B$24,21,0),MOD($C2094,24)+1)/SUM(INDEX($D$3:$AA$30,INDEX(Jesper!$R$2:$R$366,ROW(INDEX(Jesper!AL$2:AL$366,ROUNDDOWN($C2094/24,0)+1,1))-1)+IF('Standard Profiles'!$G$22=$B$10,7,0)+IF('Standard Profiles'!$G$22=$B$17,14,0)+IF('Standard Profiles'!$G$22=$B$24,21,0),0)),0)</f>
        <v>0</v>
      </c>
      <c r="I2094">
        <f t="shared" si="244"/>
        <v>0.33514716921835064</v>
      </c>
      <c r="J2094">
        <f t="shared" si="245"/>
        <v>1.1171572307278355</v>
      </c>
      <c r="K2094">
        <f t="shared" si="246"/>
        <v>1.6757358460917533</v>
      </c>
      <c r="L2094">
        <f t="shared" si="247"/>
        <v>8.0435320612404162</v>
      </c>
      <c r="M2094">
        <f t="shared" si="248"/>
        <v>0</v>
      </c>
      <c r="N2094" s="46">
        <f t="shared" si="249"/>
        <v>45377.833333328337</v>
      </c>
    </row>
    <row r="2095" spans="2:14" x14ac:dyDescent="0.3">
      <c r="B2095">
        <f t="shared" si="243"/>
        <v>2</v>
      </c>
      <c r="C2095" s="16">
        <v>2061</v>
      </c>
      <c r="D2095" cm="1">
        <f t="array" ref="D2095">IFERROR(INDEX(Jesper!AH$2:AH$366,ROUNDDOWN($C2095/24,0)+1,1)*INDEX($D$3:$AA$30,INDEX(Jesper!$R$2:$R$366,ROW(INDEX(Jesper!AH$2:AH$366,ROUNDDOWN($C2095/24,0)+1,1))-1)+IF('Standard Profiles'!$G$18=$B$10,7,0)+IF('Standard Profiles'!$G$18=$B$17,14,0)+IF('Standard Profiles'!$G$18=$B$24,21,0),MOD($C2095,24)+1)/SUM(INDEX($D$3:$AA$30,INDEX(Jesper!$R$2:$R$366,ROW(INDEX(Jesper!AH$2:AH$366,ROUNDDOWN($C2095/24,0)+1,1))-1)+IF('Standard Profiles'!$G$18=$B$10,7,0)+IF('Standard Profiles'!$G$18=$B$17,14,0)+IF('Standard Profiles'!$G$18=$B$24,21,0),0)),0)</f>
        <v>8.1247798598388048</v>
      </c>
      <c r="E2095" cm="1">
        <f t="array" ref="E2095">IFERROR(INDEX(Jesper!AI$2:AI$366,ROUNDDOWN($C2095/24,0)+1,1)*INDEX($D$3:$AA$30,INDEX(Jesper!$R$2:$R$366,ROW(INDEX(Jesper!AI$2:AI$366,ROUNDDOWN($C2095/24,0)+1,1))-1)+IF('Standard Profiles'!$G$19=$B$10,7,0)+IF('Standard Profiles'!$G$19=$B$17,14,0)+IF('Standard Profiles'!$G$19=$B$24,21,0),MOD($C2095,24)+1)/SUM(INDEX($D$3:$AA$30,INDEX(Jesper!$R$2:$R$366,ROW(INDEX(Jesper!AI$2:AI$366,ROUNDDOWN($C2095/24,0)+1,1))-1)+IF('Standard Profiles'!$G$19=$B$10,7,0)+IF('Standard Profiles'!$G$19=$B$17,14,0)+IF('Standard Profiles'!$G$19=$B$24,21,0),0)),0)</f>
        <v>0</v>
      </c>
      <c r="F2095" cm="1">
        <f t="array" ref="F2095">IFERROR(INDEX(Jesper!AJ$2:AJ$366,ROUNDDOWN($C2095/24,0)+1,1)*INDEX($D$3:$AA$30,INDEX(Jesper!$R$2:$R$366,ROW(INDEX(Jesper!AJ$2:AJ$366,ROUNDDOWN($C2095/24,0)+1,1))-1)+IF('Standard Profiles'!$G$20=$B$10,7,0)+IF('Standard Profiles'!$G$20=$B$17,14,0)+IF('Standard Profiles'!$G$20=$B$24,21,0),MOD($C2095,24)+1)/SUM(INDEX($D$3:$AA$30,INDEX(Jesper!$R$2:$R$366,ROW(INDEX(Jesper!AJ$2:AJ$366,ROUNDDOWN($C2095/24,0)+1,1))-1)+IF('Standard Profiles'!$G$20=$B$10,7,0)+IF('Standard Profiles'!$G$20=$B$17,14,0)+IF('Standard Profiles'!$G$20=$B$24,21,0),0)),0)</f>
        <v>0</v>
      </c>
      <c r="G2095" cm="1">
        <f t="array" ref="G2095">IFERROR(INDEX(Jesper!AK$2:AK$366,ROUNDDOWN($C2095/24,0)+1,1)*INDEX($D$3:$AA$30,INDEX(Jesper!$R$2:$R$366,ROW(INDEX(Jesper!AK$2:AK$366,ROUNDDOWN($C2095/24,0)+1,1))-1)+IF('Standard Profiles'!$G$21=$B$10,7,0)+IF('Standard Profiles'!$G$21=$B$17,14,0)+IF('Standard Profiles'!$G$21=$B$24,21,0),MOD($C2095,24)+1)/SUM(INDEX($D$3:$AA$30,INDEX(Jesper!$R$2:$R$366,ROW(INDEX(Jesper!AK$2:AK$366,ROUNDDOWN($C2095/24,0)+1,1))-1)+IF('Standard Profiles'!$G$21=$B$10,7,0)+IF('Standard Profiles'!$G$21=$B$17,14,0)+IF('Standard Profiles'!$G$21=$B$24,21,0),0)),0)</f>
        <v>0</v>
      </c>
      <c r="H2095" cm="1">
        <f t="array" ref="H2095">IFERROR(INDEX(Jesper!AL$2:AL$366,ROUNDDOWN($C2095/24,0)+1,1)*INDEX($D$3:$AA$30,INDEX(Jesper!$R$2:$R$366,ROW(INDEX(Jesper!AL$2:AL$366,ROUNDDOWN($C2095/24,0)+1,1))-1)+IF('Standard Profiles'!$G$22=$B$10,7,0)+IF('Standard Profiles'!$G$22=$B$17,14,0)+IF('Standard Profiles'!$G$22=$B$24,21,0),MOD($C2095,24)+1)/SUM(INDEX($D$3:$AA$30,INDEX(Jesper!$R$2:$R$366,ROW(INDEX(Jesper!AL$2:AL$366,ROUNDDOWN($C2095/24,0)+1,1))-1)+IF('Standard Profiles'!$G$22=$B$10,7,0)+IF('Standard Profiles'!$G$22=$B$17,14,0)+IF('Standard Profiles'!$G$22=$B$24,21,0),0)),0)</f>
        <v>0</v>
      </c>
      <c r="I2095">
        <f t="shared" si="244"/>
        <v>0.24374339579516413</v>
      </c>
      <c r="J2095">
        <f t="shared" si="245"/>
        <v>0.81247798598388055</v>
      </c>
      <c r="K2095">
        <f t="shared" si="246"/>
        <v>1.2187169789758208</v>
      </c>
      <c r="L2095">
        <f t="shared" si="247"/>
        <v>5.8498414990839391</v>
      </c>
      <c r="M2095">
        <f t="shared" si="248"/>
        <v>0</v>
      </c>
      <c r="N2095" s="46">
        <f t="shared" si="249"/>
        <v>45377.874999995001</v>
      </c>
    </row>
    <row r="2096" spans="2:14" x14ac:dyDescent="0.3">
      <c r="B2096">
        <f t="shared" si="243"/>
        <v>2</v>
      </c>
      <c r="C2096" s="16">
        <v>2062</v>
      </c>
      <c r="D2096" cm="1">
        <f t="array" ref="D2096">IFERROR(INDEX(Jesper!AH$2:AH$366,ROUNDDOWN($C2096/24,0)+1,1)*INDEX($D$3:$AA$30,INDEX(Jesper!$R$2:$R$366,ROW(INDEX(Jesper!AH$2:AH$366,ROUNDDOWN($C2096/24,0)+1,1))-1)+IF('Standard Profiles'!$G$18=$B$10,7,0)+IF('Standard Profiles'!$G$18=$B$17,14,0)+IF('Standard Profiles'!$G$18=$B$24,21,0),MOD($C2096,24)+1)/SUM(INDEX($D$3:$AA$30,INDEX(Jesper!$R$2:$R$366,ROW(INDEX(Jesper!AH$2:AH$366,ROUNDDOWN($C2096/24,0)+1,1))-1)+IF('Standard Profiles'!$G$18=$B$10,7,0)+IF('Standard Profiles'!$G$18=$B$17,14,0)+IF('Standard Profiles'!$G$18=$B$24,21,0),0)),0)</f>
        <v>8.1247798598388048</v>
      </c>
      <c r="E2096" cm="1">
        <f t="array" ref="E2096">IFERROR(INDEX(Jesper!AI$2:AI$366,ROUNDDOWN($C2096/24,0)+1,1)*INDEX($D$3:$AA$30,INDEX(Jesper!$R$2:$R$366,ROW(INDEX(Jesper!AI$2:AI$366,ROUNDDOWN($C2096/24,0)+1,1))-1)+IF('Standard Profiles'!$G$19=$B$10,7,0)+IF('Standard Profiles'!$G$19=$B$17,14,0)+IF('Standard Profiles'!$G$19=$B$24,21,0),MOD($C2096,24)+1)/SUM(INDEX($D$3:$AA$30,INDEX(Jesper!$R$2:$R$366,ROW(INDEX(Jesper!AI$2:AI$366,ROUNDDOWN($C2096/24,0)+1,1))-1)+IF('Standard Profiles'!$G$19=$B$10,7,0)+IF('Standard Profiles'!$G$19=$B$17,14,0)+IF('Standard Profiles'!$G$19=$B$24,21,0),0)),0)</f>
        <v>0</v>
      </c>
      <c r="F2096" cm="1">
        <f t="array" ref="F2096">IFERROR(INDEX(Jesper!AJ$2:AJ$366,ROUNDDOWN($C2096/24,0)+1,1)*INDEX($D$3:$AA$30,INDEX(Jesper!$R$2:$R$366,ROW(INDEX(Jesper!AJ$2:AJ$366,ROUNDDOWN($C2096/24,0)+1,1))-1)+IF('Standard Profiles'!$G$20=$B$10,7,0)+IF('Standard Profiles'!$G$20=$B$17,14,0)+IF('Standard Profiles'!$G$20=$B$24,21,0),MOD($C2096,24)+1)/SUM(INDEX($D$3:$AA$30,INDEX(Jesper!$R$2:$R$366,ROW(INDEX(Jesper!AJ$2:AJ$366,ROUNDDOWN($C2096/24,0)+1,1))-1)+IF('Standard Profiles'!$G$20=$B$10,7,0)+IF('Standard Profiles'!$G$20=$B$17,14,0)+IF('Standard Profiles'!$G$20=$B$24,21,0),0)),0)</f>
        <v>0</v>
      </c>
      <c r="G2096" cm="1">
        <f t="array" ref="G2096">IFERROR(INDEX(Jesper!AK$2:AK$366,ROUNDDOWN($C2096/24,0)+1,1)*INDEX($D$3:$AA$30,INDEX(Jesper!$R$2:$R$366,ROW(INDEX(Jesper!AK$2:AK$366,ROUNDDOWN($C2096/24,0)+1,1))-1)+IF('Standard Profiles'!$G$21=$B$10,7,0)+IF('Standard Profiles'!$G$21=$B$17,14,0)+IF('Standard Profiles'!$G$21=$B$24,21,0),MOD($C2096,24)+1)/SUM(INDEX($D$3:$AA$30,INDEX(Jesper!$R$2:$R$366,ROW(INDEX(Jesper!AK$2:AK$366,ROUNDDOWN($C2096/24,0)+1,1))-1)+IF('Standard Profiles'!$G$21=$B$10,7,0)+IF('Standard Profiles'!$G$21=$B$17,14,0)+IF('Standard Profiles'!$G$21=$B$24,21,0),0)),0)</f>
        <v>0</v>
      </c>
      <c r="H2096" cm="1">
        <f t="array" ref="H2096">IFERROR(INDEX(Jesper!AL$2:AL$366,ROUNDDOWN($C2096/24,0)+1,1)*INDEX($D$3:$AA$30,INDEX(Jesper!$R$2:$R$366,ROW(INDEX(Jesper!AL$2:AL$366,ROUNDDOWN($C2096/24,0)+1,1))-1)+IF('Standard Profiles'!$G$22=$B$10,7,0)+IF('Standard Profiles'!$G$22=$B$17,14,0)+IF('Standard Profiles'!$G$22=$B$24,21,0),MOD($C2096,24)+1)/SUM(INDEX($D$3:$AA$30,INDEX(Jesper!$R$2:$R$366,ROW(INDEX(Jesper!AL$2:AL$366,ROUNDDOWN($C2096/24,0)+1,1))-1)+IF('Standard Profiles'!$G$22=$B$10,7,0)+IF('Standard Profiles'!$G$22=$B$17,14,0)+IF('Standard Profiles'!$G$22=$B$24,21,0),0)),0)</f>
        <v>0</v>
      </c>
      <c r="I2096">
        <f t="shared" si="244"/>
        <v>0.24374339579516413</v>
      </c>
      <c r="J2096">
        <f t="shared" si="245"/>
        <v>0.81247798598388055</v>
      </c>
      <c r="K2096">
        <f t="shared" si="246"/>
        <v>1.2187169789758208</v>
      </c>
      <c r="L2096">
        <f t="shared" si="247"/>
        <v>5.8498414990839391</v>
      </c>
      <c r="M2096">
        <f t="shared" si="248"/>
        <v>0</v>
      </c>
      <c r="N2096" s="46">
        <f t="shared" si="249"/>
        <v>45377.916666661666</v>
      </c>
    </row>
    <row r="2097" spans="2:14" x14ac:dyDescent="0.3">
      <c r="B2097">
        <f t="shared" si="243"/>
        <v>2</v>
      </c>
      <c r="C2097" s="16">
        <v>2063</v>
      </c>
      <c r="D2097" cm="1">
        <f t="array" ref="D2097">IFERROR(INDEX(Jesper!AH$2:AH$366,ROUNDDOWN($C2097/24,0)+1,1)*INDEX($D$3:$AA$30,INDEX(Jesper!$R$2:$R$366,ROW(INDEX(Jesper!AH$2:AH$366,ROUNDDOWN($C2097/24,0)+1,1))-1)+IF('Standard Profiles'!$G$18=$B$10,7,0)+IF('Standard Profiles'!$G$18=$B$17,14,0)+IF('Standard Profiles'!$G$18=$B$24,21,0),MOD($C2097,24)+1)/SUM(INDEX($D$3:$AA$30,INDEX(Jesper!$R$2:$R$366,ROW(INDEX(Jesper!AH$2:AH$366,ROUNDDOWN($C2097/24,0)+1,1))-1)+IF('Standard Profiles'!$G$18=$B$10,7,0)+IF('Standard Profiles'!$G$18=$B$17,14,0)+IF('Standard Profiles'!$G$18=$B$24,21,0),0)),0)</f>
        <v>8.1247798598388048</v>
      </c>
      <c r="E2097" cm="1">
        <f t="array" ref="E2097">IFERROR(INDEX(Jesper!AI$2:AI$366,ROUNDDOWN($C2097/24,0)+1,1)*INDEX($D$3:$AA$30,INDEX(Jesper!$R$2:$R$366,ROW(INDEX(Jesper!AI$2:AI$366,ROUNDDOWN($C2097/24,0)+1,1))-1)+IF('Standard Profiles'!$G$19=$B$10,7,0)+IF('Standard Profiles'!$G$19=$B$17,14,0)+IF('Standard Profiles'!$G$19=$B$24,21,0),MOD($C2097,24)+1)/SUM(INDEX($D$3:$AA$30,INDEX(Jesper!$R$2:$R$366,ROW(INDEX(Jesper!AI$2:AI$366,ROUNDDOWN($C2097/24,0)+1,1))-1)+IF('Standard Profiles'!$G$19=$B$10,7,0)+IF('Standard Profiles'!$G$19=$B$17,14,0)+IF('Standard Profiles'!$G$19=$B$24,21,0),0)),0)</f>
        <v>0</v>
      </c>
      <c r="F2097" cm="1">
        <f t="array" ref="F2097">IFERROR(INDEX(Jesper!AJ$2:AJ$366,ROUNDDOWN($C2097/24,0)+1,1)*INDEX($D$3:$AA$30,INDEX(Jesper!$R$2:$R$366,ROW(INDEX(Jesper!AJ$2:AJ$366,ROUNDDOWN($C2097/24,0)+1,1))-1)+IF('Standard Profiles'!$G$20=$B$10,7,0)+IF('Standard Profiles'!$G$20=$B$17,14,0)+IF('Standard Profiles'!$G$20=$B$24,21,0),MOD($C2097,24)+1)/SUM(INDEX($D$3:$AA$30,INDEX(Jesper!$R$2:$R$366,ROW(INDEX(Jesper!AJ$2:AJ$366,ROUNDDOWN($C2097/24,0)+1,1))-1)+IF('Standard Profiles'!$G$20=$B$10,7,0)+IF('Standard Profiles'!$G$20=$B$17,14,0)+IF('Standard Profiles'!$G$20=$B$24,21,0),0)),0)</f>
        <v>0</v>
      </c>
      <c r="G2097" cm="1">
        <f t="array" ref="G2097">IFERROR(INDEX(Jesper!AK$2:AK$366,ROUNDDOWN($C2097/24,0)+1,1)*INDEX($D$3:$AA$30,INDEX(Jesper!$R$2:$R$366,ROW(INDEX(Jesper!AK$2:AK$366,ROUNDDOWN($C2097/24,0)+1,1))-1)+IF('Standard Profiles'!$G$21=$B$10,7,0)+IF('Standard Profiles'!$G$21=$B$17,14,0)+IF('Standard Profiles'!$G$21=$B$24,21,0),MOD($C2097,24)+1)/SUM(INDEX($D$3:$AA$30,INDEX(Jesper!$R$2:$R$366,ROW(INDEX(Jesper!AK$2:AK$366,ROUNDDOWN($C2097/24,0)+1,1))-1)+IF('Standard Profiles'!$G$21=$B$10,7,0)+IF('Standard Profiles'!$G$21=$B$17,14,0)+IF('Standard Profiles'!$G$21=$B$24,21,0),0)),0)</f>
        <v>0</v>
      </c>
      <c r="H2097" cm="1">
        <f t="array" ref="H2097">IFERROR(INDEX(Jesper!AL$2:AL$366,ROUNDDOWN($C2097/24,0)+1,1)*INDEX($D$3:$AA$30,INDEX(Jesper!$R$2:$R$366,ROW(INDEX(Jesper!AL$2:AL$366,ROUNDDOWN($C2097/24,0)+1,1))-1)+IF('Standard Profiles'!$G$22=$B$10,7,0)+IF('Standard Profiles'!$G$22=$B$17,14,0)+IF('Standard Profiles'!$G$22=$B$24,21,0),MOD($C2097,24)+1)/SUM(INDEX($D$3:$AA$30,INDEX(Jesper!$R$2:$R$366,ROW(INDEX(Jesper!AL$2:AL$366,ROUNDDOWN($C2097/24,0)+1,1))-1)+IF('Standard Profiles'!$G$22=$B$10,7,0)+IF('Standard Profiles'!$G$22=$B$17,14,0)+IF('Standard Profiles'!$G$22=$B$24,21,0),0)),0)</f>
        <v>0</v>
      </c>
      <c r="I2097">
        <f t="shared" si="244"/>
        <v>0.24374339579516413</v>
      </c>
      <c r="J2097">
        <f t="shared" si="245"/>
        <v>0.81247798598388055</v>
      </c>
      <c r="K2097">
        <f t="shared" si="246"/>
        <v>1.2187169789758208</v>
      </c>
      <c r="L2097">
        <f t="shared" si="247"/>
        <v>5.8498414990839391</v>
      </c>
      <c r="M2097">
        <f t="shared" si="248"/>
        <v>0</v>
      </c>
      <c r="N2097" s="46">
        <f t="shared" si="249"/>
        <v>45377.95833332833</v>
      </c>
    </row>
    <row r="2098" spans="2:14" x14ac:dyDescent="0.3">
      <c r="B2098">
        <f t="shared" si="243"/>
        <v>3</v>
      </c>
      <c r="C2098" s="16">
        <v>2064</v>
      </c>
      <c r="D2098" cm="1">
        <f t="array" ref="D2098">IFERROR(INDEX(Jesper!AH$2:AH$366,ROUNDDOWN($C2098/24,0)+1,1)*INDEX($D$3:$AA$30,INDEX(Jesper!$R$2:$R$366,ROW(INDEX(Jesper!AH$2:AH$366,ROUNDDOWN($C2098/24,0)+1,1))-1)+IF('Standard Profiles'!$G$18=$B$10,7,0)+IF('Standard Profiles'!$G$18=$B$17,14,0)+IF('Standard Profiles'!$G$18=$B$24,21,0),MOD($C2098,24)+1)/SUM(INDEX($D$3:$AA$30,INDEX(Jesper!$R$2:$R$366,ROW(INDEX(Jesper!AH$2:AH$366,ROUNDDOWN($C2098/24,0)+1,1))-1)+IF('Standard Profiles'!$G$18=$B$10,7,0)+IF('Standard Profiles'!$G$18=$B$17,14,0)+IF('Standard Profiles'!$G$18=$B$24,21,0),0)),0)</f>
        <v>7.3616419794867669</v>
      </c>
      <c r="E2098" cm="1">
        <f t="array" ref="E2098">IFERROR(INDEX(Jesper!AI$2:AI$366,ROUNDDOWN($C2098/24,0)+1,1)*INDEX($D$3:$AA$30,INDEX(Jesper!$R$2:$R$366,ROW(INDEX(Jesper!AI$2:AI$366,ROUNDDOWN($C2098/24,0)+1,1))-1)+IF('Standard Profiles'!$G$19=$B$10,7,0)+IF('Standard Profiles'!$G$19=$B$17,14,0)+IF('Standard Profiles'!$G$19=$B$24,21,0),MOD($C2098,24)+1)/SUM(INDEX($D$3:$AA$30,INDEX(Jesper!$R$2:$R$366,ROW(INDEX(Jesper!AI$2:AI$366,ROUNDDOWN($C2098/24,0)+1,1))-1)+IF('Standard Profiles'!$G$19=$B$10,7,0)+IF('Standard Profiles'!$G$19=$B$17,14,0)+IF('Standard Profiles'!$G$19=$B$24,21,0),0)),0)</f>
        <v>0</v>
      </c>
      <c r="F2098" cm="1">
        <f t="array" ref="F2098">IFERROR(INDEX(Jesper!AJ$2:AJ$366,ROUNDDOWN($C2098/24,0)+1,1)*INDEX($D$3:$AA$30,INDEX(Jesper!$R$2:$R$366,ROW(INDEX(Jesper!AJ$2:AJ$366,ROUNDDOWN($C2098/24,0)+1,1))-1)+IF('Standard Profiles'!$G$20=$B$10,7,0)+IF('Standard Profiles'!$G$20=$B$17,14,0)+IF('Standard Profiles'!$G$20=$B$24,21,0),MOD($C2098,24)+1)/SUM(INDEX($D$3:$AA$30,INDEX(Jesper!$R$2:$R$366,ROW(INDEX(Jesper!AJ$2:AJ$366,ROUNDDOWN($C2098/24,0)+1,1))-1)+IF('Standard Profiles'!$G$20=$B$10,7,0)+IF('Standard Profiles'!$G$20=$B$17,14,0)+IF('Standard Profiles'!$G$20=$B$24,21,0),0)),0)</f>
        <v>0</v>
      </c>
      <c r="G2098" cm="1">
        <f t="array" ref="G2098">IFERROR(INDEX(Jesper!AK$2:AK$366,ROUNDDOWN($C2098/24,0)+1,1)*INDEX($D$3:$AA$30,INDEX(Jesper!$R$2:$R$366,ROW(INDEX(Jesper!AK$2:AK$366,ROUNDDOWN($C2098/24,0)+1,1))-1)+IF('Standard Profiles'!$G$21=$B$10,7,0)+IF('Standard Profiles'!$G$21=$B$17,14,0)+IF('Standard Profiles'!$G$21=$B$24,21,0),MOD($C2098,24)+1)/SUM(INDEX($D$3:$AA$30,INDEX(Jesper!$R$2:$R$366,ROW(INDEX(Jesper!AK$2:AK$366,ROUNDDOWN($C2098/24,0)+1,1))-1)+IF('Standard Profiles'!$G$21=$B$10,7,0)+IF('Standard Profiles'!$G$21=$B$17,14,0)+IF('Standard Profiles'!$G$21=$B$24,21,0),0)),0)</f>
        <v>0</v>
      </c>
      <c r="H2098" cm="1">
        <f t="array" ref="H2098">IFERROR(INDEX(Jesper!AL$2:AL$366,ROUNDDOWN($C2098/24,0)+1,1)*INDEX($D$3:$AA$30,INDEX(Jesper!$R$2:$R$366,ROW(INDEX(Jesper!AL$2:AL$366,ROUNDDOWN($C2098/24,0)+1,1))-1)+IF('Standard Profiles'!$G$22=$B$10,7,0)+IF('Standard Profiles'!$G$22=$B$17,14,0)+IF('Standard Profiles'!$G$22=$B$24,21,0),MOD($C2098,24)+1)/SUM(INDEX($D$3:$AA$30,INDEX(Jesper!$R$2:$R$366,ROW(INDEX(Jesper!AL$2:AL$366,ROUNDDOWN($C2098/24,0)+1,1))-1)+IF('Standard Profiles'!$G$22=$B$10,7,0)+IF('Standard Profiles'!$G$22=$B$17,14,0)+IF('Standard Profiles'!$G$22=$B$24,21,0),0)),0)</f>
        <v>0</v>
      </c>
      <c r="I2098">
        <f t="shared" si="244"/>
        <v>0.22084925938460301</v>
      </c>
      <c r="J2098">
        <f t="shared" si="245"/>
        <v>0.73616419794867671</v>
      </c>
      <c r="K2098">
        <f t="shared" si="246"/>
        <v>1.1042462969230149</v>
      </c>
      <c r="L2098">
        <f t="shared" si="247"/>
        <v>5.3003822252304715</v>
      </c>
      <c r="M2098">
        <f t="shared" si="248"/>
        <v>0</v>
      </c>
      <c r="N2098" s="46">
        <f t="shared" si="249"/>
        <v>45377.999999994994</v>
      </c>
    </row>
    <row r="2099" spans="2:14" x14ac:dyDescent="0.3">
      <c r="B2099">
        <f t="shared" si="243"/>
        <v>3</v>
      </c>
      <c r="C2099" s="16">
        <v>2065</v>
      </c>
      <c r="D2099" cm="1">
        <f t="array" ref="D2099">IFERROR(INDEX(Jesper!AH$2:AH$366,ROUNDDOWN($C2099/24,0)+1,1)*INDEX($D$3:$AA$30,INDEX(Jesper!$R$2:$R$366,ROW(INDEX(Jesper!AH$2:AH$366,ROUNDDOWN($C2099/24,0)+1,1))-1)+IF('Standard Profiles'!$G$18=$B$10,7,0)+IF('Standard Profiles'!$G$18=$B$17,14,0)+IF('Standard Profiles'!$G$18=$B$24,21,0),MOD($C2099,24)+1)/SUM(INDEX($D$3:$AA$30,INDEX(Jesper!$R$2:$R$366,ROW(INDEX(Jesper!AH$2:AH$366,ROUNDDOWN($C2099/24,0)+1,1))-1)+IF('Standard Profiles'!$G$18=$B$10,7,0)+IF('Standard Profiles'!$G$18=$B$17,14,0)+IF('Standard Profiles'!$G$18=$B$24,21,0),0)),0)</f>
        <v>8.2818472269226113</v>
      </c>
      <c r="E2099" cm="1">
        <f t="array" ref="E2099">IFERROR(INDEX(Jesper!AI$2:AI$366,ROUNDDOWN($C2099/24,0)+1,1)*INDEX($D$3:$AA$30,INDEX(Jesper!$R$2:$R$366,ROW(INDEX(Jesper!AI$2:AI$366,ROUNDDOWN($C2099/24,0)+1,1))-1)+IF('Standard Profiles'!$G$19=$B$10,7,0)+IF('Standard Profiles'!$G$19=$B$17,14,0)+IF('Standard Profiles'!$G$19=$B$24,21,0),MOD($C2099,24)+1)/SUM(INDEX($D$3:$AA$30,INDEX(Jesper!$R$2:$R$366,ROW(INDEX(Jesper!AI$2:AI$366,ROUNDDOWN($C2099/24,0)+1,1))-1)+IF('Standard Profiles'!$G$19=$B$10,7,0)+IF('Standard Profiles'!$G$19=$B$17,14,0)+IF('Standard Profiles'!$G$19=$B$24,21,0),0)),0)</f>
        <v>0</v>
      </c>
      <c r="F2099" cm="1">
        <f t="array" ref="F2099">IFERROR(INDEX(Jesper!AJ$2:AJ$366,ROUNDDOWN($C2099/24,0)+1,1)*INDEX($D$3:$AA$30,INDEX(Jesper!$R$2:$R$366,ROW(INDEX(Jesper!AJ$2:AJ$366,ROUNDDOWN($C2099/24,0)+1,1))-1)+IF('Standard Profiles'!$G$20=$B$10,7,0)+IF('Standard Profiles'!$G$20=$B$17,14,0)+IF('Standard Profiles'!$G$20=$B$24,21,0),MOD($C2099,24)+1)/SUM(INDEX($D$3:$AA$30,INDEX(Jesper!$R$2:$R$366,ROW(INDEX(Jesper!AJ$2:AJ$366,ROUNDDOWN($C2099/24,0)+1,1))-1)+IF('Standard Profiles'!$G$20=$B$10,7,0)+IF('Standard Profiles'!$G$20=$B$17,14,0)+IF('Standard Profiles'!$G$20=$B$24,21,0),0)),0)</f>
        <v>0</v>
      </c>
      <c r="G2099" cm="1">
        <f t="array" ref="G2099">IFERROR(INDEX(Jesper!AK$2:AK$366,ROUNDDOWN($C2099/24,0)+1,1)*INDEX($D$3:$AA$30,INDEX(Jesper!$R$2:$R$366,ROW(INDEX(Jesper!AK$2:AK$366,ROUNDDOWN($C2099/24,0)+1,1))-1)+IF('Standard Profiles'!$G$21=$B$10,7,0)+IF('Standard Profiles'!$G$21=$B$17,14,0)+IF('Standard Profiles'!$G$21=$B$24,21,0),MOD($C2099,24)+1)/SUM(INDEX($D$3:$AA$30,INDEX(Jesper!$R$2:$R$366,ROW(INDEX(Jesper!AK$2:AK$366,ROUNDDOWN($C2099/24,0)+1,1))-1)+IF('Standard Profiles'!$G$21=$B$10,7,0)+IF('Standard Profiles'!$G$21=$B$17,14,0)+IF('Standard Profiles'!$G$21=$B$24,21,0),0)),0)</f>
        <v>0</v>
      </c>
      <c r="H2099" cm="1">
        <f t="array" ref="H2099">IFERROR(INDEX(Jesper!AL$2:AL$366,ROUNDDOWN($C2099/24,0)+1,1)*INDEX($D$3:$AA$30,INDEX(Jesper!$R$2:$R$366,ROW(INDEX(Jesper!AL$2:AL$366,ROUNDDOWN($C2099/24,0)+1,1))-1)+IF('Standard Profiles'!$G$22=$B$10,7,0)+IF('Standard Profiles'!$G$22=$B$17,14,0)+IF('Standard Profiles'!$G$22=$B$24,21,0),MOD($C2099,24)+1)/SUM(INDEX($D$3:$AA$30,INDEX(Jesper!$R$2:$R$366,ROW(INDEX(Jesper!AL$2:AL$366,ROUNDDOWN($C2099/24,0)+1,1))-1)+IF('Standard Profiles'!$G$22=$B$10,7,0)+IF('Standard Profiles'!$G$22=$B$17,14,0)+IF('Standard Profiles'!$G$22=$B$24,21,0),0)),0)</f>
        <v>0</v>
      </c>
      <c r="I2099">
        <f t="shared" si="244"/>
        <v>0.24845541680767833</v>
      </c>
      <c r="J2099">
        <f t="shared" si="245"/>
        <v>0.82818472269226118</v>
      </c>
      <c r="K2099">
        <f t="shared" si="246"/>
        <v>1.2422770840383917</v>
      </c>
      <c r="L2099">
        <f t="shared" si="247"/>
        <v>5.9629300033842796</v>
      </c>
      <c r="M2099">
        <f t="shared" si="248"/>
        <v>0</v>
      </c>
      <c r="N2099" s="46">
        <f t="shared" si="249"/>
        <v>45378.041666661658</v>
      </c>
    </row>
    <row r="2100" spans="2:14" x14ac:dyDescent="0.3">
      <c r="B2100">
        <f t="shared" si="243"/>
        <v>3</v>
      </c>
      <c r="C2100" s="16">
        <v>2066</v>
      </c>
      <c r="D2100" cm="1">
        <f t="array" ref="D2100">IFERROR(INDEX(Jesper!AH$2:AH$366,ROUNDDOWN($C2100/24,0)+1,1)*INDEX($D$3:$AA$30,INDEX(Jesper!$R$2:$R$366,ROW(INDEX(Jesper!AH$2:AH$366,ROUNDDOWN($C2100/24,0)+1,1))-1)+IF('Standard Profiles'!$G$18=$B$10,7,0)+IF('Standard Profiles'!$G$18=$B$17,14,0)+IF('Standard Profiles'!$G$18=$B$24,21,0),MOD($C2100,24)+1)/SUM(INDEX($D$3:$AA$30,INDEX(Jesper!$R$2:$R$366,ROW(INDEX(Jesper!AH$2:AH$366,ROUNDDOWN($C2100/24,0)+1,1))-1)+IF('Standard Profiles'!$G$18=$B$10,7,0)+IF('Standard Profiles'!$G$18=$B$17,14,0)+IF('Standard Profiles'!$G$18=$B$24,21,0),0)),0)</f>
        <v>8.2818472269226113</v>
      </c>
      <c r="E2100" cm="1">
        <f t="array" ref="E2100">IFERROR(INDEX(Jesper!AI$2:AI$366,ROUNDDOWN($C2100/24,0)+1,1)*INDEX($D$3:$AA$30,INDEX(Jesper!$R$2:$R$366,ROW(INDEX(Jesper!AI$2:AI$366,ROUNDDOWN($C2100/24,0)+1,1))-1)+IF('Standard Profiles'!$G$19=$B$10,7,0)+IF('Standard Profiles'!$G$19=$B$17,14,0)+IF('Standard Profiles'!$G$19=$B$24,21,0),MOD($C2100,24)+1)/SUM(INDEX($D$3:$AA$30,INDEX(Jesper!$R$2:$R$366,ROW(INDEX(Jesper!AI$2:AI$366,ROUNDDOWN($C2100/24,0)+1,1))-1)+IF('Standard Profiles'!$G$19=$B$10,7,0)+IF('Standard Profiles'!$G$19=$B$17,14,0)+IF('Standard Profiles'!$G$19=$B$24,21,0),0)),0)</f>
        <v>0</v>
      </c>
      <c r="F2100" cm="1">
        <f t="array" ref="F2100">IFERROR(INDEX(Jesper!AJ$2:AJ$366,ROUNDDOWN($C2100/24,0)+1,1)*INDEX($D$3:$AA$30,INDEX(Jesper!$R$2:$R$366,ROW(INDEX(Jesper!AJ$2:AJ$366,ROUNDDOWN($C2100/24,0)+1,1))-1)+IF('Standard Profiles'!$G$20=$B$10,7,0)+IF('Standard Profiles'!$G$20=$B$17,14,0)+IF('Standard Profiles'!$G$20=$B$24,21,0),MOD($C2100,24)+1)/SUM(INDEX($D$3:$AA$30,INDEX(Jesper!$R$2:$R$366,ROW(INDEX(Jesper!AJ$2:AJ$366,ROUNDDOWN($C2100/24,0)+1,1))-1)+IF('Standard Profiles'!$G$20=$B$10,7,0)+IF('Standard Profiles'!$G$20=$B$17,14,0)+IF('Standard Profiles'!$G$20=$B$24,21,0),0)),0)</f>
        <v>0</v>
      </c>
      <c r="G2100" cm="1">
        <f t="array" ref="G2100">IFERROR(INDEX(Jesper!AK$2:AK$366,ROUNDDOWN($C2100/24,0)+1,1)*INDEX($D$3:$AA$30,INDEX(Jesper!$R$2:$R$366,ROW(INDEX(Jesper!AK$2:AK$366,ROUNDDOWN($C2100/24,0)+1,1))-1)+IF('Standard Profiles'!$G$21=$B$10,7,0)+IF('Standard Profiles'!$G$21=$B$17,14,0)+IF('Standard Profiles'!$G$21=$B$24,21,0),MOD($C2100,24)+1)/SUM(INDEX($D$3:$AA$30,INDEX(Jesper!$R$2:$R$366,ROW(INDEX(Jesper!AK$2:AK$366,ROUNDDOWN($C2100/24,0)+1,1))-1)+IF('Standard Profiles'!$G$21=$B$10,7,0)+IF('Standard Profiles'!$G$21=$B$17,14,0)+IF('Standard Profiles'!$G$21=$B$24,21,0),0)),0)</f>
        <v>0</v>
      </c>
      <c r="H2100" cm="1">
        <f t="array" ref="H2100">IFERROR(INDEX(Jesper!AL$2:AL$366,ROUNDDOWN($C2100/24,0)+1,1)*INDEX($D$3:$AA$30,INDEX(Jesper!$R$2:$R$366,ROW(INDEX(Jesper!AL$2:AL$366,ROUNDDOWN($C2100/24,0)+1,1))-1)+IF('Standard Profiles'!$G$22=$B$10,7,0)+IF('Standard Profiles'!$G$22=$B$17,14,0)+IF('Standard Profiles'!$G$22=$B$24,21,0),MOD($C2100,24)+1)/SUM(INDEX($D$3:$AA$30,INDEX(Jesper!$R$2:$R$366,ROW(INDEX(Jesper!AL$2:AL$366,ROUNDDOWN($C2100/24,0)+1,1))-1)+IF('Standard Profiles'!$G$22=$B$10,7,0)+IF('Standard Profiles'!$G$22=$B$17,14,0)+IF('Standard Profiles'!$G$22=$B$24,21,0),0)),0)</f>
        <v>0</v>
      </c>
      <c r="I2100">
        <f t="shared" si="244"/>
        <v>0.24845541680767833</v>
      </c>
      <c r="J2100">
        <f t="shared" si="245"/>
        <v>0.82818472269226118</v>
      </c>
      <c r="K2100">
        <f t="shared" si="246"/>
        <v>1.2422770840383917</v>
      </c>
      <c r="L2100">
        <f t="shared" si="247"/>
        <v>5.9629300033842796</v>
      </c>
      <c r="M2100">
        <f t="shared" si="248"/>
        <v>0</v>
      </c>
      <c r="N2100" s="46">
        <f t="shared" si="249"/>
        <v>45378.083333328323</v>
      </c>
    </row>
    <row r="2101" spans="2:14" x14ac:dyDescent="0.3">
      <c r="B2101">
        <f t="shared" si="243"/>
        <v>3</v>
      </c>
      <c r="C2101" s="16">
        <v>2067</v>
      </c>
      <c r="D2101" cm="1">
        <f t="array" ref="D2101">IFERROR(INDEX(Jesper!AH$2:AH$366,ROUNDDOWN($C2101/24,0)+1,1)*INDEX($D$3:$AA$30,INDEX(Jesper!$R$2:$R$366,ROW(INDEX(Jesper!AH$2:AH$366,ROUNDDOWN($C2101/24,0)+1,1))-1)+IF('Standard Profiles'!$G$18=$B$10,7,0)+IF('Standard Profiles'!$G$18=$B$17,14,0)+IF('Standard Profiles'!$G$18=$B$24,21,0),MOD($C2101,24)+1)/SUM(INDEX($D$3:$AA$30,INDEX(Jesper!$R$2:$R$366,ROW(INDEX(Jesper!AH$2:AH$366,ROUNDDOWN($C2101/24,0)+1,1))-1)+IF('Standard Profiles'!$G$18=$B$10,7,0)+IF('Standard Profiles'!$G$18=$B$17,14,0)+IF('Standard Profiles'!$G$18=$B$24,21,0),0)),0)</f>
        <v>8.2818472269226113</v>
      </c>
      <c r="E2101" cm="1">
        <f t="array" ref="E2101">IFERROR(INDEX(Jesper!AI$2:AI$366,ROUNDDOWN($C2101/24,0)+1,1)*INDEX($D$3:$AA$30,INDEX(Jesper!$R$2:$R$366,ROW(INDEX(Jesper!AI$2:AI$366,ROUNDDOWN($C2101/24,0)+1,1))-1)+IF('Standard Profiles'!$G$19=$B$10,7,0)+IF('Standard Profiles'!$G$19=$B$17,14,0)+IF('Standard Profiles'!$G$19=$B$24,21,0),MOD($C2101,24)+1)/SUM(INDEX($D$3:$AA$30,INDEX(Jesper!$R$2:$R$366,ROW(INDEX(Jesper!AI$2:AI$366,ROUNDDOWN($C2101/24,0)+1,1))-1)+IF('Standard Profiles'!$G$19=$B$10,7,0)+IF('Standard Profiles'!$G$19=$B$17,14,0)+IF('Standard Profiles'!$G$19=$B$24,21,0),0)),0)</f>
        <v>0</v>
      </c>
      <c r="F2101" cm="1">
        <f t="array" ref="F2101">IFERROR(INDEX(Jesper!AJ$2:AJ$366,ROUNDDOWN($C2101/24,0)+1,1)*INDEX($D$3:$AA$30,INDEX(Jesper!$R$2:$R$366,ROW(INDEX(Jesper!AJ$2:AJ$366,ROUNDDOWN($C2101/24,0)+1,1))-1)+IF('Standard Profiles'!$G$20=$B$10,7,0)+IF('Standard Profiles'!$G$20=$B$17,14,0)+IF('Standard Profiles'!$G$20=$B$24,21,0),MOD($C2101,24)+1)/SUM(INDEX($D$3:$AA$30,INDEX(Jesper!$R$2:$R$366,ROW(INDEX(Jesper!AJ$2:AJ$366,ROUNDDOWN($C2101/24,0)+1,1))-1)+IF('Standard Profiles'!$G$20=$B$10,7,0)+IF('Standard Profiles'!$G$20=$B$17,14,0)+IF('Standard Profiles'!$G$20=$B$24,21,0),0)),0)</f>
        <v>0</v>
      </c>
      <c r="G2101" cm="1">
        <f t="array" ref="G2101">IFERROR(INDEX(Jesper!AK$2:AK$366,ROUNDDOWN($C2101/24,0)+1,1)*INDEX($D$3:$AA$30,INDEX(Jesper!$R$2:$R$366,ROW(INDEX(Jesper!AK$2:AK$366,ROUNDDOWN($C2101/24,0)+1,1))-1)+IF('Standard Profiles'!$G$21=$B$10,7,0)+IF('Standard Profiles'!$G$21=$B$17,14,0)+IF('Standard Profiles'!$G$21=$B$24,21,0),MOD($C2101,24)+1)/SUM(INDEX($D$3:$AA$30,INDEX(Jesper!$R$2:$R$366,ROW(INDEX(Jesper!AK$2:AK$366,ROUNDDOWN($C2101/24,0)+1,1))-1)+IF('Standard Profiles'!$G$21=$B$10,7,0)+IF('Standard Profiles'!$G$21=$B$17,14,0)+IF('Standard Profiles'!$G$21=$B$24,21,0),0)),0)</f>
        <v>0</v>
      </c>
      <c r="H2101" cm="1">
        <f t="array" ref="H2101">IFERROR(INDEX(Jesper!AL$2:AL$366,ROUNDDOWN($C2101/24,0)+1,1)*INDEX($D$3:$AA$30,INDEX(Jesper!$R$2:$R$366,ROW(INDEX(Jesper!AL$2:AL$366,ROUNDDOWN($C2101/24,0)+1,1))-1)+IF('Standard Profiles'!$G$22=$B$10,7,0)+IF('Standard Profiles'!$G$22=$B$17,14,0)+IF('Standard Profiles'!$G$22=$B$24,21,0),MOD($C2101,24)+1)/SUM(INDEX($D$3:$AA$30,INDEX(Jesper!$R$2:$R$366,ROW(INDEX(Jesper!AL$2:AL$366,ROUNDDOWN($C2101/24,0)+1,1))-1)+IF('Standard Profiles'!$G$22=$B$10,7,0)+IF('Standard Profiles'!$G$22=$B$17,14,0)+IF('Standard Profiles'!$G$22=$B$24,21,0),0)),0)</f>
        <v>0</v>
      </c>
      <c r="I2101">
        <f t="shared" si="244"/>
        <v>0.24845541680767833</v>
      </c>
      <c r="J2101">
        <f t="shared" si="245"/>
        <v>0.82818472269226118</v>
      </c>
      <c r="K2101">
        <f t="shared" si="246"/>
        <v>1.2422770840383917</v>
      </c>
      <c r="L2101">
        <f t="shared" si="247"/>
        <v>5.9629300033842796</v>
      </c>
      <c r="M2101">
        <f t="shared" si="248"/>
        <v>0</v>
      </c>
      <c r="N2101" s="46">
        <f t="shared" si="249"/>
        <v>45378.124999994987</v>
      </c>
    </row>
    <row r="2102" spans="2:14" x14ac:dyDescent="0.3">
      <c r="B2102">
        <f t="shared" si="243"/>
        <v>3</v>
      </c>
      <c r="C2102" s="16">
        <v>2068</v>
      </c>
      <c r="D2102" cm="1">
        <f t="array" ref="D2102">IFERROR(INDEX(Jesper!AH$2:AH$366,ROUNDDOWN($C2102/24,0)+1,1)*INDEX($D$3:$AA$30,INDEX(Jesper!$R$2:$R$366,ROW(INDEX(Jesper!AH$2:AH$366,ROUNDDOWN($C2102/24,0)+1,1))-1)+IF('Standard Profiles'!$G$18=$B$10,7,0)+IF('Standard Profiles'!$G$18=$B$17,14,0)+IF('Standard Profiles'!$G$18=$B$24,21,0),MOD($C2102,24)+1)/SUM(INDEX($D$3:$AA$30,INDEX(Jesper!$R$2:$R$366,ROW(INDEX(Jesper!AH$2:AH$366,ROUNDDOWN($C2102/24,0)+1,1))-1)+IF('Standard Profiles'!$G$18=$B$10,7,0)+IF('Standard Profiles'!$G$18=$B$17,14,0)+IF('Standard Profiles'!$G$18=$B$24,21,0),0)),0)</f>
        <v>8.2818472269226113</v>
      </c>
      <c r="E2102" cm="1">
        <f t="array" ref="E2102">IFERROR(INDEX(Jesper!AI$2:AI$366,ROUNDDOWN($C2102/24,0)+1,1)*INDEX($D$3:$AA$30,INDEX(Jesper!$R$2:$R$366,ROW(INDEX(Jesper!AI$2:AI$366,ROUNDDOWN($C2102/24,0)+1,1))-1)+IF('Standard Profiles'!$G$19=$B$10,7,0)+IF('Standard Profiles'!$G$19=$B$17,14,0)+IF('Standard Profiles'!$G$19=$B$24,21,0),MOD($C2102,24)+1)/SUM(INDEX($D$3:$AA$30,INDEX(Jesper!$R$2:$R$366,ROW(INDEX(Jesper!AI$2:AI$366,ROUNDDOWN($C2102/24,0)+1,1))-1)+IF('Standard Profiles'!$G$19=$B$10,7,0)+IF('Standard Profiles'!$G$19=$B$17,14,0)+IF('Standard Profiles'!$G$19=$B$24,21,0),0)),0)</f>
        <v>0</v>
      </c>
      <c r="F2102" cm="1">
        <f t="array" ref="F2102">IFERROR(INDEX(Jesper!AJ$2:AJ$366,ROUNDDOWN($C2102/24,0)+1,1)*INDEX($D$3:$AA$30,INDEX(Jesper!$R$2:$R$366,ROW(INDEX(Jesper!AJ$2:AJ$366,ROUNDDOWN($C2102/24,0)+1,1))-1)+IF('Standard Profiles'!$G$20=$B$10,7,0)+IF('Standard Profiles'!$G$20=$B$17,14,0)+IF('Standard Profiles'!$G$20=$B$24,21,0),MOD($C2102,24)+1)/SUM(INDEX($D$3:$AA$30,INDEX(Jesper!$R$2:$R$366,ROW(INDEX(Jesper!AJ$2:AJ$366,ROUNDDOWN($C2102/24,0)+1,1))-1)+IF('Standard Profiles'!$G$20=$B$10,7,0)+IF('Standard Profiles'!$G$20=$B$17,14,0)+IF('Standard Profiles'!$G$20=$B$24,21,0),0)),0)</f>
        <v>0</v>
      </c>
      <c r="G2102" cm="1">
        <f t="array" ref="G2102">IFERROR(INDEX(Jesper!AK$2:AK$366,ROUNDDOWN($C2102/24,0)+1,1)*INDEX($D$3:$AA$30,INDEX(Jesper!$R$2:$R$366,ROW(INDEX(Jesper!AK$2:AK$366,ROUNDDOWN($C2102/24,0)+1,1))-1)+IF('Standard Profiles'!$G$21=$B$10,7,0)+IF('Standard Profiles'!$G$21=$B$17,14,0)+IF('Standard Profiles'!$G$21=$B$24,21,0),MOD($C2102,24)+1)/SUM(INDEX($D$3:$AA$30,INDEX(Jesper!$R$2:$R$366,ROW(INDEX(Jesper!AK$2:AK$366,ROUNDDOWN($C2102/24,0)+1,1))-1)+IF('Standard Profiles'!$G$21=$B$10,7,0)+IF('Standard Profiles'!$G$21=$B$17,14,0)+IF('Standard Profiles'!$G$21=$B$24,21,0),0)),0)</f>
        <v>0</v>
      </c>
      <c r="H2102" cm="1">
        <f t="array" ref="H2102">IFERROR(INDEX(Jesper!AL$2:AL$366,ROUNDDOWN($C2102/24,0)+1,1)*INDEX($D$3:$AA$30,INDEX(Jesper!$R$2:$R$366,ROW(INDEX(Jesper!AL$2:AL$366,ROUNDDOWN($C2102/24,0)+1,1))-1)+IF('Standard Profiles'!$G$22=$B$10,7,0)+IF('Standard Profiles'!$G$22=$B$17,14,0)+IF('Standard Profiles'!$G$22=$B$24,21,0),MOD($C2102,24)+1)/SUM(INDEX($D$3:$AA$30,INDEX(Jesper!$R$2:$R$366,ROW(INDEX(Jesper!AL$2:AL$366,ROUNDDOWN($C2102/24,0)+1,1))-1)+IF('Standard Profiles'!$G$22=$B$10,7,0)+IF('Standard Profiles'!$G$22=$B$17,14,0)+IF('Standard Profiles'!$G$22=$B$24,21,0),0)),0)</f>
        <v>0</v>
      </c>
      <c r="I2102">
        <f t="shared" si="244"/>
        <v>0.24845541680767833</v>
      </c>
      <c r="J2102">
        <f t="shared" si="245"/>
        <v>0.82818472269226118</v>
      </c>
      <c r="K2102">
        <f t="shared" si="246"/>
        <v>1.2422770840383917</v>
      </c>
      <c r="L2102">
        <f t="shared" si="247"/>
        <v>5.9629300033842796</v>
      </c>
      <c r="M2102">
        <f t="shared" si="248"/>
        <v>0</v>
      </c>
      <c r="N2102" s="46">
        <f t="shared" si="249"/>
        <v>45378.166666661651</v>
      </c>
    </row>
    <row r="2103" spans="2:14" x14ac:dyDescent="0.3">
      <c r="B2103">
        <f t="shared" si="243"/>
        <v>3</v>
      </c>
      <c r="C2103" s="16">
        <v>2069</v>
      </c>
      <c r="D2103" cm="1">
        <f t="array" ref="D2103">IFERROR(INDEX(Jesper!AH$2:AH$366,ROUNDDOWN($C2103/24,0)+1,1)*INDEX($D$3:$AA$30,INDEX(Jesper!$R$2:$R$366,ROW(INDEX(Jesper!AH$2:AH$366,ROUNDDOWN($C2103/24,0)+1,1))-1)+IF('Standard Profiles'!$G$18=$B$10,7,0)+IF('Standard Profiles'!$G$18=$B$17,14,0)+IF('Standard Profiles'!$G$18=$B$24,21,0),MOD($C2103,24)+1)/SUM(INDEX($D$3:$AA$30,INDEX(Jesper!$R$2:$R$366,ROW(INDEX(Jesper!AH$2:AH$366,ROUNDDOWN($C2103/24,0)+1,1))-1)+IF('Standard Profiles'!$G$18=$B$10,7,0)+IF('Standard Profiles'!$G$18=$B$17,14,0)+IF('Standard Profiles'!$G$18=$B$24,21,0),0)),0)</f>
        <v>10.674380870255812</v>
      </c>
      <c r="E2103" cm="1">
        <f t="array" ref="E2103">IFERROR(INDEX(Jesper!AI$2:AI$366,ROUNDDOWN($C2103/24,0)+1,1)*INDEX($D$3:$AA$30,INDEX(Jesper!$R$2:$R$366,ROW(INDEX(Jesper!AI$2:AI$366,ROUNDDOWN($C2103/24,0)+1,1))-1)+IF('Standard Profiles'!$G$19=$B$10,7,0)+IF('Standard Profiles'!$G$19=$B$17,14,0)+IF('Standard Profiles'!$G$19=$B$24,21,0),MOD($C2103,24)+1)/SUM(INDEX($D$3:$AA$30,INDEX(Jesper!$R$2:$R$366,ROW(INDEX(Jesper!AI$2:AI$366,ROUNDDOWN($C2103/24,0)+1,1))-1)+IF('Standard Profiles'!$G$19=$B$10,7,0)+IF('Standard Profiles'!$G$19=$B$17,14,0)+IF('Standard Profiles'!$G$19=$B$24,21,0),0)),0)</f>
        <v>0</v>
      </c>
      <c r="F2103" cm="1">
        <f t="array" ref="F2103">IFERROR(INDEX(Jesper!AJ$2:AJ$366,ROUNDDOWN($C2103/24,0)+1,1)*INDEX($D$3:$AA$30,INDEX(Jesper!$R$2:$R$366,ROW(INDEX(Jesper!AJ$2:AJ$366,ROUNDDOWN($C2103/24,0)+1,1))-1)+IF('Standard Profiles'!$G$20=$B$10,7,0)+IF('Standard Profiles'!$G$20=$B$17,14,0)+IF('Standard Profiles'!$G$20=$B$24,21,0),MOD($C2103,24)+1)/SUM(INDEX($D$3:$AA$30,INDEX(Jesper!$R$2:$R$366,ROW(INDEX(Jesper!AJ$2:AJ$366,ROUNDDOWN($C2103/24,0)+1,1))-1)+IF('Standard Profiles'!$G$20=$B$10,7,0)+IF('Standard Profiles'!$G$20=$B$17,14,0)+IF('Standard Profiles'!$G$20=$B$24,21,0),0)),0)</f>
        <v>0</v>
      </c>
      <c r="G2103" cm="1">
        <f t="array" ref="G2103">IFERROR(INDEX(Jesper!AK$2:AK$366,ROUNDDOWN($C2103/24,0)+1,1)*INDEX($D$3:$AA$30,INDEX(Jesper!$R$2:$R$366,ROW(INDEX(Jesper!AK$2:AK$366,ROUNDDOWN($C2103/24,0)+1,1))-1)+IF('Standard Profiles'!$G$21=$B$10,7,0)+IF('Standard Profiles'!$G$21=$B$17,14,0)+IF('Standard Profiles'!$G$21=$B$24,21,0),MOD($C2103,24)+1)/SUM(INDEX($D$3:$AA$30,INDEX(Jesper!$R$2:$R$366,ROW(INDEX(Jesper!AK$2:AK$366,ROUNDDOWN($C2103/24,0)+1,1))-1)+IF('Standard Profiles'!$G$21=$B$10,7,0)+IF('Standard Profiles'!$G$21=$B$17,14,0)+IF('Standard Profiles'!$G$21=$B$24,21,0),0)),0)</f>
        <v>0</v>
      </c>
      <c r="H2103" cm="1">
        <f t="array" ref="H2103">IFERROR(INDEX(Jesper!AL$2:AL$366,ROUNDDOWN($C2103/24,0)+1,1)*INDEX($D$3:$AA$30,INDEX(Jesper!$R$2:$R$366,ROW(INDEX(Jesper!AL$2:AL$366,ROUNDDOWN($C2103/24,0)+1,1))-1)+IF('Standard Profiles'!$G$22=$B$10,7,0)+IF('Standard Profiles'!$G$22=$B$17,14,0)+IF('Standard Profiles'!$G$22=$B$24,21,0),MOD($C2103,24)+1)/SUM(INDEX($D$3:$AA$30,INDEX(Jesper!$R$2:$R$366,ROW(INDEX(Jesper!AL$2:AL$366,ROUNDDOWN($C2103/24,0)+1,1))-1)+IF('Standard Profiles'!$G$22=$B$10,7,0)+IF('Standard Profiles'!$G$22=$B$17,14,0)+IF('Standard Profiles'!$G$22=$B$24,21,0),0)),0)</f>
        <v>0</v>
      </c>
      <c r="I2103">
        <f t="shared" si="244"/>
        <v>0.32023142610767436</v>
      </c>
      <c r="J2103">
        <f t="shared" si="245"/>
        <v>1.0674380870255813</v>
      </c>
      <c r="K2103">
        <f t="shared" si="246"/>
        <v>1.6011571305383716</v>
      </c>
      <c r="L2103">
        <f t="shared" si="247"/>
        <v>7.6855542265841841</v>
      </c>
      <c r="M2103">
        <f t="shared" si="248"/>
        <v>0</v>
      </c>
      <c r="N2103" s="46">
        <f t="shared" si="249"/>
        <v>45378.208333328315</v>
      </c>
    </row>
    <row r="2104" spans="2:14" x14ac:dyDescent="0.3">
      <c r="B2104">
        <f t="shared" si="243"/>
        <v>3</v>
      </c>
      <c r="C2104" s="16">
        <v>2070</v>
      </c>
      <c r="D2104" cm="1">
        <f t="array" ref="D2104">IFERROR(INDEX(Jesper!AH$2:AH$366,ROUNDDOWN($C2104/24,0)+1,1)*INDEX($D$3:$AA$30,INDEX(Jesper!$R$2:$R$366,ROW(INDEX(Jesper!AH$2:AH$366,ROUNDDOWN($C2104/24,0)+1,1))-1)+IF('Standard Profiles'!$G$18=$B$10,7,0)+IF('Standard Profiles'!$G$18=$B$17,14,0)+IF('Standard Profiles'!$G$18=$B$24,21,0),MOD($C2104,24)+1)/SUM(INDEX($D$3:$AA$30,INDEX(Jesper!$R$2:$R$366,ROW(INDEX(Jesper!AH$2:AH$366,ROUNDDOWN($C2104/24,0)+1,1))-1)+IF('Standard Profiles'!$G$18=$B$10,7,0)+IF('Standard Profiles'!$G$18=$B$17,14,0)+IF('Standard Profiles'!$G$18=$B$24,21,0),0)),0)</f>
        <v>12.330750315640335</v>
      </c>
      <c r="E2104" cm="1">
        <f t="array" ref="E2104">IFERROR(INDEX(Jesper!AI$2:AI$366,ROUNDDOWN($C2104/24,0)+1,1)*INDEX($D$3:$AA$30,INDEX(Jesper!$R$2:$R$366,ROW(INDEX(Jesper!AI$2:AI$366,ROUNDDOWN($C2104/24,0)+1,1))-1)+IF('Standard Profiles'!$G$19=$B$10,7,0)+IF('Standard Profiles'!$G$19=$B$17,14,0)+IF('Standard Profiles'!$G$19=$B$24,21,0),MOD($C2104,24)+1)/SUM(INDEX($D$3:$AA$30,INDEX(Jesper!$R$2:$R$366,ROW(INDEX(Jesper!AI$2:AI$366,ROUNDDOWN($C2104/24,0)+1,1))-1)+IF('Standard Profiles'!$G$19=$B$10,7,0)+IF('Standard Profiles'!$G$19=$B$17,14,0)+IF('Standard Profiles'!$G$19=$B$24,21,0),0)),0)</f>
        <v>0</v>
      </c>
      <c r="F2104" cm="1">
        <f t="array" ref="F2104">IFERROR(INDEX(Jesper!AJ$2:AJ$366,ROUNDDOWN($C2104/24,0)+1,1)*INDEX($D$3:$AA$30,INDEX(Jesper!$R$2:$R$366,ROW(INDEX(Jesper!AJ$2:AJ$366,ROUNDDOWN($C2104/24,0)+1,1))-1)+IF('Standard Profiles'!$G$20=$B$10,7,0)+IF('Standard Profiles'!$G$20=$B$17,14,0)+IF('Standard Profiles'!$G$20=$B$24,21,0),MOD($C2104,24)+1)/SUM(INDEX($D$3:$AA$30,INDEX(Jesper!$R$2:$R$366,ROW(INDEX(Jesper!AJ$2:AJ$366,ROUNDDOWN($C2104/24,0)+1,1))-1)+IF('Standard Profiles'!$G$20=$B$10,7,0)+IF('Standard Profiles'!$G$20=$B$17,14,0)+IF('Standard Profiles'!$G$20=$B$24,21,0),0)),0)</f>
        <v>0</v>
      </c>
      <c r="G2104" cm="1">
        <f t="array" ref="G2104">IFERROR(INDEX(Jesper!AK$2:AK$366,ROUNDDOWN($C2104/24,0)+1,1)*INDEX($D$3:$AA$30,INDEX(Jesper!$R$2:$R$366,ROW(INDEX(Jesper!AK$2:AK$366,ROUNDDOWN($C2104/24,0)+1,1))-1)+IF('Standard Profiles'!$G$21=$B$10,7,0)+IF('Standard Profiles'!$G$21=$B$17,14,0)+IF('Standard Profiles'!$G$21=$B$24,21,0),MOD($C2104,24)+1)/SUM(INDEX($D$3:$AA$30,INDEX(Jesper!$R$2:$R$366,ROW(INDEX(Jesper!AK$2:AK$366,ROUNDDOWN($C2104/24,0)+1,1))-1)+IF('Standard Profiles'!$G$21=$B$10,7,0)+IF('Standard Profiles'!$G$21=$B$17,14,0)+IF('Standard Profiles'!$G$21=$B$24,21,0),0)),0)</f>
        <v>0</v>
      </c>
      <c r="H2104" cm="1">
        <f t="array" ref="H2104">IFERROR(INDEX(Jesper!AL$2:AL$366,ROUNDDOWN($C2104/24,0)+1,1)*INDEX($D$3:$AA$30,INDEX(Jesper!$R$2:$R$366,ROW(INDEX(Jesper!AL$2:AL$366,ROUNDDOWN($C2104/24,0)+1,1))-1)+IF('Standard Profiles'!$G$22=$B$10,7,0)+IF('Standard Profiles'!$G$22=$B$17,14,0)+IF('Standard Profiles'!$G$22=$B$24,21,0),MOD($C2104,24)+1)/SUM(INDEX($D$3:$AA$30,INDEX(Jesper!$R$2:$R$366,ROW(INDEX(Jesper!AL$2:AL$366,ROUNDDOWN($C2104/24,0)+1,1))-1)+IF('Standard Profiles'!$G$22=$B$10,7,0)+IF('Standard Profiles'!$G$22=$B$17,14,0)+IF('Standard Profiles'!$G$22=$B$24,21,0),0)),0)</f>
        <v>0</v>
      </c>
      <c r="I2104">
        <f t="shared" si="244"/>
        <v>0.36992250946921007</v>
      </c>
      <c r="J2104">
        <f t="shared" si="245"/>
        <v>1.2330750315640335</v>
      </c>
      <c r="K2104">
        <f t="shared" si="246"/>
        <v>1.8496125473460503</v>
      </c>
      <c r="L2104">
        <f t="shared" si="247"/>
        <v>8.8781402272610404</v>
      </c>
      <c r="M2104">
        <f t="shared" si="248"/>
        <v>0</v>
      </c>
      <c r="N2104" s="46">
        <f t="shared" si="249"/>
        <v>45378.24999999498</v>
      </c>
    </row>
    <row r="2105" spans="2:14" x14ac:dyDescent="0.3">
      <c r="B2105">
        <f t="shared" si="243"/>
        <v>3</v>
      </c>
      <c r="C2105" s="16">
        <v>2071</v>
      </c>
      <c r="D2105" cm="1">
        <f t="array" ref="D2105">IFERROR(INDEX(Jesper!AH$2:AH$366,ROUNDDOWN($C2105/24,0)+1,1)*INDEX($D$3:$AA$30,INDEX(Jesper!$R$2:$R$366,ROW(INDEX(Jesper!AH$2:AH$366,ROUNDDOWN($C2105/24,0)+1,1))-1)+IF('Standard Profiles'!$G$18=$B$10,7,0)+IF('Standard Profiles'!$G$18=$B$17,14,0)+IF('Standard Profiles'!$G$18=$B$24,21,0),MOD($C2105,24)+1)/SUM(INDEX($D$3:$AA$30,INDEX(Jesper!$R$2:$R$366,ROW(INDEX(Jesper!AH$2:AH$366,ROUNDDOWN($C2105/24,0)+1,1))-1)+IF('Standard Profiles'!$G$18=$B$10,7,0)+IF('Standard Profiles'!$G$18=$B$17,14,0)+IF('Standard Profiles'!$G$18=$B$24,21,0),0)),0)</f>
        <v>12.330750315640335</v>
      </c>
      <c r="E2105" cm="1">
        <f t="array" ref="E2105">IFERROR(INDEX(Jesper!AI$2:AI$366,ROUNDDOWN($C2105/24,0)+1,1)*INDEX($D$3:$AA$30,INDEX(Jesper!$R$2:$R$366,ROW(INDEX(Jesper!AI$2:AI$366,ROUNDDOWN($C2105/24,0)+1,1))-1)+IF('Standard Profiles'!$G$19=$B$10,7,0)+IF('Standard Profiles'!$G$19=$B$17,14,0)+IF('Standard Profiles'!$G$19=$B$24,21,0),MOD($C2105,24)+1)/SUM(INDEX($D$3:$AA$30,INDEX(Jesper!$R$2:$R$366,ROW(INDEX(Jesper!AI$2:AI$366,ROUNDDOWN($C2105/24,0)+1,1))-1)+IF('Standard Profiles'!$G$19=$B$10,7,0)+IF('Standard Profiles'!$G$19=$B$17,14,0)+IF('Standard Profiles'!$G$19=$B$24,21,0),0)),0)</f>
        <v>0</v>
      </c>
      <c r="F2105" cm="1">
        <f t="array" ref="F2105">IFERROR(INDEX(Jesper!AJ$2:AJ$366,ROUNDDOWN($C2105/24,0)+1,1)*INDEX($D$3:$AA$30,INDEX(Jesper!$R$2:$R$366,ROW(INDEX(Jesper!AJ$2:AJ$366,ROUNDDOWN($C2105/24,0)+1,1))-1)+IF('Standard Profiles'!$G$20=$B$10,7,0)+IF('Standard Profiles'!$G$20=$B$17,14,0)+IF('Standard Profiles'!$G$20=$B$24,21,0),MOD($C2105,24)+1)/SUM(INDEX($D$3:$AA$30,INDEX(Jesper!$R$2:$R$366,ROW(INDEX(Jesper!AJ$2:AJ$366,ROUNDDOWN($C2105/24,0)+1,1))-1)+IF('Standard Profiles'!$G$20=$B$10,7,0)+IF('Standard Profiles'!$G$20=$B$17,14,0)+IF('Standard Profiles'!$G$20=$B$24,21,0),0)),0)</f>
        <v>0</v>
      </c>
      <c r="G2105" cm="1">
        <f t="array" ref="G2105">IFERROR(INDEX(Jesper!AK$2:AK$366,ROUNDDOWN($C2105/24,0)+1,1)*INDEX($D$3:$AA$30,INDEX(Jesper!$R$2:$R$366,ROW(INDEX(Jesper!AK$2:AK$366,ROUNDDOWN($C2105/24,0)+1,1))-1)+IF('Standard Profiles'!$G$21=$B$10,7,0)+IF('Standard Profiles'!$G$21=$B$17,14,0)+IF('Standard Profiles'!$G$21=$B$24,21,0),MOD($C2105,24)+1)/SUM(INDEX($D$3:$AA$30,INDEX(Jesper!$R$2:$R$366,ROW(INDEX(Jesper!AK$2:AK$366,ROUNDDOWN($C2105/24,0)+1,1))-1)+IF('Standard Profiles'!$G$21=$B$10,7,0)+IF('Standard Profiles'!$G$21=$B$17,14,0)+IF('Standard Profiles'!$G$21=$B$24,21,0),0)),0)</f>
        <v>0</v>
      </c>
      <c r="H2105" cm="1">
        <f t="array" ref="H2105">IFERROR(INDEX(Jesper!AL$2:AL$366,ROUNDDOWN($C2105/24,0)+1,1)*INDEX($D$3:$AA$30,INDEX(Jesper!$R$2:$R$366,ROW(INDEX(Jesper!AL$2:AL$366,ROUNDDOWN($C2105/24,0)+1,1))-1)+IF('Standard Profiles'!$G$22=$B$10,7,0)+IF('Standard Profiles'!$G$22=$B$17,14,0)+IF('Standard Profiles'!$G$22=$B$24,21,0),MOD($C2105,24)+1)/SUM(INDEX($D$3:$AA$30,INDEX(Jesper!$R$2:$R$366,ROW(INDEX(Jesper!AL$2:AL$366,ROUNDDOWN($C2105/24,0)+1,1))-1)+IF('Standard Profiles'!$G$22=$B$10,7,0)+IF('Standard Profiles'!$G$22=$B$17,14,0)+IF('Standard Profiles'!$G$22=$B$24,21,0),0)),0)</f>
        <v>0</v>
      </c>
      <c r="I2105">
        <f t="shared" si="244"/>
        <v>0.36992250946921007</v>
      </c>
      <c r="J2105">
        <f t="shared" si="245"/>
        <v>1.2330750315640335</v>
      </c>
      <c r="K2105">
        <f t="shared" si="246"/>
        <v>1.8496125473460503</v>
      </c>
      <c r="L2105">
        <f t="shared" si="247"/>
        <v>8.8781402272610404</v>
      </c>
      <c r="M2105">
        <f t="shared" si="248"/>
        <v>0</v>
      </c>
      <c r="N2105" s="46">
        <f t="shared" si="249"/>
        <v>45378.291666661644</v>
      </c>
    </row>
    <row r="2106" spans="2:14" x14ac:dyDescent="0.3">
      <c r="B2106">
        <f t="shared" si="243"/>
        <v>3</v>
      </c>
      <c r="C2106" s="16">
        <v>2072</v>
      </c>
      <c r="D2106" cm="1">
        <f t="array" ref="D2106">IFERROR(INDEX(Jesper!AH$2:AH$366,ROUNDDOWN($C2106/24,0)+1,1)*INDEX($D$3:$AA$30,INDEX(Jesper!$R$2:$R$366,ROW(INDEX(Jesper!AH$2:AH$366,ROUNDDOWN($C2106/24,0)+1,1))-1)+IF('Standard Profiles'!$G$18=$B$10,7,0)+IF('Standard Profiles'!$G$18=$B$17,14,0)+IF('Standard Profiles'!$G$18=$B$24,21,0),MOD($C2106,24)+1)/SUM(INDEX($D$3:$AA$30,INDEX(Jesper!$R$2:$R$366,ROW(INDEX(Jesper!AH$2:AH$366,ROUNDDOWN($C2106/24,0)+1,1))-1)+IF('Standard Profiles'!$G$18=$B$10,7,0)+IF('Standard Profiles'!$G$18=$B$17,14,0)+IF('Standard Profiles'!$G$18=$B$24,21,0),0)),0)</f>
        <v>12.330750315640335</v>
      </c>
      <c r="E2106" cm="1">
        <f t="array" ref="E2106">IFERROR(INDEX(Jesper!AI$2:AI$366,ROUNDDOWN($C2106/24,0)+1,1)*INDEX($D$3:$AA$30,INDEX(Jesper!$R$2:$R$366,ROW(INDEX(Jesper!AI$2:AI$366,ROUNDDOWN($C2106/24,0)+1,1))-1)+IF('Standard Profiles'!$G$19=$B$10,7,0)+IF('Standard Profiles'!$G$19=$B$17,14,0)+IF('Standard Profiles'!$G$19=$B$24,21,0),MOD($C2106,24)+1)/SUM(INDEX($D$3:$AA$30,INDEX(Jesper!$R$2:$R$366,ROW(INDEX(Jesper!AI$2:AI$366,ROUNDDOWN($C2106/24,0)+1,1))-1)+IF('Standard Profiles'!$G$19=$B$10,7,0)+IF('Standard Profiles'!$G$19=$B$17,14,0)+IF('Standard Profiles'!$G$19=$B$24,21,0),0)),0)</f>
        <v>0</v>
      </c>
      <c r="F2106" cm="1">
        <f t="array" ref="F2106">IFERROR(INDEX(Jesper!AJ$2:AJ$366,ROUNDDOWN($C2106/24,0)+1,1)*INDEX($D$3:$AA$30,INDEX(Jesper!$R$2:$R$366,ROW(INDEX(Jesper!AJ$2:AJ$366,ROUNDDOWN($C2106/24,0)+1,1))-1)+IF('Standard Profiles'!$G$20=$B$10,7,0)+IF('Standard Profiles'!$G$20=$B$17,14,0)+IF('Standard Profiles'!$G$20=$B$24,21,0),MOD($C2106,24)+1)/SUM(INDEX($D$3:$AA$30,INDEX(Jesper!$R$2:$R$366,ROW(INDEX(Jesper!AJ$2:AJ$366,ROUNDDOWN($C2106/24,0)+1,1))-1)+IF('Standard Profiles'!$G$20=$B$10,7,0)+IF('Standard Profiles'!$G$20=$B$17,14,0)+IF('Standard Profiles'!$G$20=$B$24,21,0),0)),0)</f>
        <v>0</v>
      </c>
      <c r="G2106" cm="1">
        <f t="array" ref="G2106">IFERROR(INDEX(Jesper!AK$2:AK$366,ROUNDDOWN($C2106/24,0)+1,1)*INDEX($D$3:$AA$30,INDEX(Jesper!$R$2:$R$366,ROW(INDEX(Jesper!AK$2:AK$366,ROUNDDOWN($C2106/24,0)+1,1))-1)+IF('Standard Profiles'!$G$21=$B$10,7,0)+IF('Standard Profiles'!$G$21=$B$17,14,0)+IF('Standard Profiles'!$G$21=$B$24,21,0),MOD($C2106,24)+1)/SUM(INDEX($D$3:$AA$30,INDEX(Jesper!$R$2:$R$366,ROW(INDEX(Jesper!AK$2:AK$366,ROUNDDOWN($C2106/24,0)+1,1))-1)+IF('Standard Profiles'!$G$21=$B$10,7,0)+IF('Standard Profiles'!$G$21=$B$17,14,0)+IF('Standard Profiles'!$G$21=$B$24,21,0),0)),0)</f>
        <v>0</v>
      </c>
      <c r="H2106" cm="1">
        <f t="array" ref="H2106">IFERROR(INDEX(Jesper!AL$2:AL$366,ROUNDDOWN($C2106/24,0)+1,1)*INDEX($D$3:$AA$30,INDEX(Jesper!$R$2:$R$366,ROW(INDEX(Jesper!AL$2:AL$366,ROUNDDOWN($C2106/24,0)+1,1))-1)+IF('Standard Profiles'!$G$22=$B$10,7,0)+IF('Standard Profiles'!$G$22=$B$17,14,0)+IF('Standard Profiles'!$G$22=$B$24,21,0),MOD($C2106,24)+1)/SUM(INDEX($D$3:$AA$30,INDEX(Jesper!$R$2:$R$366,ROW(INDEX(Jesper!AL$2:AL$366,ROUNDDOWN($C2106/24,0)+1,1))-1)+IF('Standard Profiles'!$G$22=$B$10,7,0)+IF('Standard Profiles'!$G$22=$B$17,14,0)+IF('Standard Profiles'!$G$22=$B$24,21,0),0)),0)</f>
        <v>0</v>
      </c>
      <c r="I2106">
        <f t="shared" si="244"/>
        <v>0.36992250946921007</v>
      </c>
      <c r="J2106">
        <f t="shared" si="245"/>
        <v>1.2330750315640335</v>
      </c>
      <c r="K2106">
        <f t="shared" si="246"/>
        <v>1.8496125473460503</v>
      </c>
      <c r="L2106">
        <f t="shared" si="247"/>
        <v>8.8781402272610404</v>
      </c>
      <c r="M2106">
        <f t="shared" si="248"/>
        <v>0</v>
      </c>
      <c r="N2106" s="46">
        <f t="shared" si="249"/>
        <v>45378.333333328308</v>
      </c>
    </row>
    <row r="2107" spans="2:14" x14ac:dyDescent="0.3">
      <c r="B2107">
        <f t="shared" si="243"/>
        <v>3</v>
      </c>
      <c r="C2107" s="16">
        <v>2073</v>
      </c>
      <c r="D2107" cm="1">
        <f t="array" ref="D2107">IFERROR(INDEX(Jesper!AH$2:AH$366,ROUNDDOWN($C2107/24,0)+1,1)*INDEX($D$3:$AA$30,INDEX(Jesper!$R$2:$R$366,ROW(INDEX(Jesper!AH$2:AH$366,ROUNDDOWN($C2107/24,0)+1,1))-1)+IF('Standard Profiles'!$G$18=$B$10,7,0)+IF('Standard Profiles'!$G$18=$B$17,14,0)+IF('Standard Profiles'!$G$18=$B$24,21,0),MOD($C2107,24)+1)/SUM(INDEX($D$3:$AA$30,INDEX(Jesper!$R$2:$R$366,ROW(INDEX(Jesper!AH$2:AH$366,ROUNDDOWN($C2107/24,0)+1,1))-1)+IF('Standard Profiles'!$G$18=$B$10,7,0)+IF('Standard Profiles'!$G$18=$B$17,14,0)+IF('Standard Profiles'!$G$18=$B$24,21,0),0)),0)</f>
        <v>13.250955563076181</v>
      </c>
      <c r="E2107" cm="1">
        <f t="array" ref="E2107">IFERROR(INDEX(Jesper!AI$2:AI$366,ROUNDDOWN($C2107/24,0)+1,1)*INDEX($D$3:$AA$30,INDEX(Jesper!$R$2:$R$366,ROW(INDEX(Jesper!AI$2:AI$366,ROUNDDOWN($C2107/24,0)+1,1))-1)+IF('Standard Profiles'!$G$19=$B$10,7,0)+IF('Standard Profiles'!$G$19=$B$17,14,0)+IF('Standard Profiles'!$G$19=$B$24,21,0),MOD($C2107,24)+1)/SUM(INDEX($D$3:$AA$30,INDEX(Jesper!$R$2:$R$366,ROW(INDEX(Jesper!AI$2:AI$366,ROUNDDOWN($C2107/24,0)+1,1))-1)+IF('Standard Profiles'!$G$19=$B$10,7,0)+IF('Standard Profiles'!$G$19=$B$17,14,0)+IF('Standard Profiles'!$G$19=$B$24,21,0),0)),0)</f>
        <v>0</v>
      </c>
      <c r="F2107" cm="1">
        <f t="array" ref="F2107">IFERROR(INDEX(Jesper!AJ$2:AJ$366,ROUNDDOWN($C2107/24,0)+1,1)*INDEX($D$3:$AA$30,INDEX(Jesper!$R$2:$R$366,ROW(INDEX(Jesper!AJ$2:AJ$366,ROUNDDOWN($C2107/24,0)+1,1))-1)+IF('Standard Profiles'!$G$20=$B$10,7,0)+IF('Standard Profiles'!$G$20=$B$17,14,0)+IF('Standard Profiles'!$G$20=$B$24,21,0),MOD($C2107,24)+1)/SUM(INDEX($D$3:$AA$30,INDEX(Jesper!$R$2:$R$366,ROW(INDEX(Jesper!AJ$2:AJ$366,ROUNDDOWN($C2107/24,0)+1,1))-1)+IF('Standard Profiles'!$G$20=$B$10,7,0)+IF('Standard Profiles'!$G$20=$B$17,14,0)+IF('Standard Profiles'!$G$20=$B$24,21,0),0)),0)</f>
        <v>0</v>
      </c>
      <c r="G2107" cm="1">
        <f t="array" ref="G2107">IFERROR(INDEX(Jesper!AK$2:AK$366,ROUNDDOWN($C2107/24,0)+1,1)*INDEX($D$3:$AA$30,INDEX(Jesper!$R$2:$R$366,ROW(INDEX(Jesper!AK$2:AK$366,ROUNDDOWN($C2107/24,0)+1,1))-1)+IF('Standard Profiles'!$G$21=$B$10,7,0)+IF('Standard Profiles'!$G$21=$B$17,14,0)+IF('Standard Profiles'!$G$21=$B$24,21,0),MOD($C2107,24)+1)/SUM(INDEX($D$3:$AA$30,INDEX(Jesper!$R$2:$R$366,ROW(INDEX(Jesper!AK$2:AK$366,ROUNDDOWN($C2107/24,0)+1,1))-1)+IF('Standard Profiles'!$G$21=$B$10,7,0)+IF('Standard Profiles'!$G$21=$B$17,14,0)+IF('Standard Profiles'!$G$21=$B$24,21,0),0)),0)</f>
        <v>0</v>
      </c>
      <c r="H2107" cm="1">
        <f t="array" ref="H2107">IFERROR(INDEX(Jesper!AL$2:AL$366,ROUNDDOWN($C2107/24,0)+1,1)*INDEX($D$3:$AA$30,INDEX(Jesper!$R$2:$R$366,ROW(INDEX(Jesper!AL$2:AL$366,ROUNDDOWN($C2107/24,0)+1,1))-1)+IF('Standard Profiles'!$G$22=$B$10,7,0)+IF('Standard Profiles'!$G$22=$B$17,14,0)+IF('Standard Profiles'!$G$22=$B$24,21,0),MOD($C2107,24)+1)/SUM(INDEX($D$3:$AA$30,INDEX(Jesper!$R$2:$R$366,ROW(INDEX(Jesper!AL$2:AL$366,ROUNDDOWN($C2107/24,0)+1,1))-1)+IF('Standard Profiles'!$G$22=$B$10,7,0)+IF('Standard Profiles'!$G$22=$B$17,14,0)+IF('Standard Profiles'!$G$22=$B$24,21,0),0)),0)</f>
        <v>0</v>
      </c>
      <c r="I2107">
        <f t="shared" si="244"/>
        <v>0.39752866689228539</v>
      </c>
      <c r="J2107">
        <f t="shared" si="245"/>
        <v>1.3250955563076181</v>
      </c>
      <c r="K2107">
        <f t="shared" si="246"/>
        <v>1.987643334461427</v>
      </c>
      <c r="L2107">
        <f t="shared" si="247"/>
        <v>9.5406880054148502</v>
      </c>
      <c r="M2107">
        <f t="shared" si="248"/>
        <v>0</v>
      </c>
      <c r="N2107" s="46">
        <f t="shared" si="249"/>
        <v>45378.374999994972</v>
      </c>
    </row>
    <row r="2108" spans="2:14" x14ac:dyDescent="0.3">
      <c r="B2108">
        <f t="shared" si="243"/>
        <v>3</v>
      </c>
      <c r="C2108" s="16">
        <v>2074</v>
      </c>
      <c r="D2108" cm="1">
        <f t="array" ref="D2108">IFERROR(INDEX(Jesper!AH$2:AH$366,ROUNDDOWN($C2108/24,0)+1,1)*INDEX($D$3:$AA$30,INDEX(Jesper!$R$2:$R$366,ROW(INDEX(Jesper!AH$2:AH$366,ROUNDDOWN($C2108/24,0)+1,1))-1)+IF('Standard Profiles'!$G$18=$B$10,7,0)+IF('Standard Profiles'!$G$18=$B$17,14,0)+IF('Standard Profiles'!$G$18=$B$24,21,0),MOD($C2108,24)+1)/SUM(INDEX($D$3:$AA$30,INDEX(Jesper!$R$2:$R$366,ROW(INDEX(Jesper!AH$2:AH$366,ROUNDDOWN($C2108/24,0)+1,1))-1)+IF('Standard Profiles'!$G$18=$B$10,7,0)+IF('Standard Profiles'!$G$18=$B$17,14,0)+IF('Standard Profiles'!$G$18=$B$24,21,0),0)),0)</f>
        <v>14.355201859999195</v>
      </c>
      <c r="E2108" cm="1">
        <f t="array" ref="E2108">IFERROR(INDEX(Jesper!AI$2:AI$366,ROUNDDOWN($C2108/24,0)+1,1)*INDEX($D$3:$AA$30,INDEX(Jesper!$R$2:$R$366,ROW(INDEX(Jesper!AI$2:AI$366,ROUNDDOWN($C2108/24,0)+1,1))-1)+IF('Standard Profiles'!$G$19=$B$10,7,0)+IF('Standard Profiles'!$G$19=$B$17,14,0)+IF('Standard Profiles'!$G$19=$B$24,21,0),MOD($C2108,24)+1)/SUM(INDEX($D$3:$AA$30,INDEX(Jesper!$R$2:$R$366,ROW(INDEX(Jesper!AI$2:AI$366,ROUNDDOWN($C2108/24,0)+1,1))-1)+IF('Standard Profiles'!$G$19=$B$10,7,0)+IF('Standard Profiles'!$G$19=$B$17,14,0)+IF('Standard Profiles'!$G$19=$B$24,21,0),0)),0)</f>
        <v>0</v>
      </c>
      <c r="F2108" cm="1">
        <f t="array" ref="F2108">IFERROR(INDEX(Jesper!AJ$2:AJ$366,ROUNDDOWN($C2108/24,0)+1,1)*INDEX($D$3:$AA$30,INDEX(Jesper!$R$2:$R$366,ROW(INDEX(Jesper!AJ$2:AJ$366,ROUNDDOWN($C2108/24,0)+1,1))-1)+IF('Standard Profiles'!$G$20=$B$10,7,0)+IF('Standard Profiles'!$G$20=$B$17,14,0)+IF('Standard Profiles'!$G$20=$B$24,21,0),MOD($C2108,24)+1)/SUM(INDEX($D$3:$AA$30,INDEX(Jesper!$R$2:$R$366,ROW(INDEX(Jesper!AJ$2:AJ$366,ROUNDDOWN($C2108/24,0)+1,1))-1)+IF('Standard Profiles'!$G$20=$B$10,7,0)+IF('Standard Profiles'!$G$20=$B$17,14,0)+IF('Standard Profiles'!$G$20=$B$24,21,0),0)),0)</f>
        <v>0</v>
      </c>
      <c r="G2108" cm="1">
        <f t="array" ref="G2108">IFERROR(INDEX(Jesper!AK$2:AK$366,ROUNDDOWN($C2108/24,0)+1,1)*INDEX($D$3:$AA$30,INDEX(Jesper!$R$2:$R$366,ROW(INDEX(Jesper!AK$2:AK$366,ROUNDDOWN($C2108/24,0)+1,1))-1)+IF('Standard Profiles'!$G$21=$B$10,7,0)+IF('Standard Profiles'!$G$21=$B$17,14,0)+IF('Standard Profiles'!$G$21=$B$24,21,0),MOD($C2108,24)+1)/SUM(INDEX($D$3:$AA$30,INDEX(Jesper!$R$2:$R$366,ROW(INDEX(Jesper!AK$2:AK$366,ROUNDDOWN($C2108/24,0)+1,1))-1)+IF('Standard Profiles'!$G$21=$B$10,7,0)+IF('Standard Profiles'!$G$21=$B$17,14,0)+IF('Standard Profiles'!$G$21=$B$24,21,0),0)),0)</f>
        <v>0</v>
      </c>
      <c r="H2108" cm="1">
        <f t="array" ref="H2108">IFERROR(INDEX(Jesper!AL$2:AL$366,ROUNDDOWN($C2108/24,0)+1,1)*INDEX($D$3:$AA$30,INDEX(Jesper!$R$2:$R$366,ROW(INDEX(Jesper!AL$2:AL$366,ROUNDDOWN($C2108/24,0)+1,1))-1)+IF('Standard Profiles'!$G$22=$B$10,7,0)+IF('Standard Profiles'!$G$22=$B$17,14,0)+IF('Standard Profiles'!$G$22=$B$24,21,0),MOD($C2108,24)+1)/SUM(INDEX($D$3:$AA$30,INDEX(Jesper!$R$2:$R$366,ROW(INDEX(Jesper!AL$2:AL$366,ROUNDDOWN($C2108/24,0)+1,1))-1)+IF('Standard Profiles'!$G$22=$B$10,7,0)+IF('Standard Profiles'!$G$22=$B$17,14,0)+IF('Standard Profiles'!$G$22=$B$24,21,0),0)),0)</f>
        <v>0</v>
      </c>
      <c r="I2108">
        <f t="shared" si="244"/>
        <v>0.43065605579997585</v>
      </c>
      <c r="J2108">
        <f t="shared" si="245"/>
        <v>1.4355201859999196</v>
      </c>
      <c r="K2108">
        <f t="shared" si="246"/>
        <v>2.1532802789998793</v>
      </c>
      <c r="L2108">
        <f t="shared" si="247"/>
        <v>10.33574533919942</v>
      </c>
      <c r="M2108">
        <f t="shared" si="248"/>
        <v>0</v>
      </c>
      <c r="N2108" s="46">
        <f t="shared" si="249"/>
        <v>45378.416666661637</v>
      </c>
    </row>
    <row r="2109" spans="2:14" x14ac:dyDescent="0.3">
      <c r="B2109">
        <f t="shared" si="243"/>
        <v>3</v>
      </c>
      <c r="C2109" s="16">
        <v>2075</v>
      </c>
      <c r="D2109" cm="1">
        <f t="array" ref="D2109">IFERROR(INDEX(Jesper!AH$2:AH$366,ROUNDDOWN($C2109/24,0)+1,1)*INDEX($D$3:$AA$30,INDEX(Jesper!$R$2:$R$366,ROW(INDEX(Jesper!AH$2:AH$366,ROUNDDOWN($C2109/24,0)+1,1))-1)+IF('Standard Profiles'!$G$18=$B$10,7,0)+IF('Standard Profiles'!$G$18=$B$17,14,0)+IF('Standard Profiles'!$G$18=$B$24,21,0),MOD($C2109,24)+1)/SUM(INDEX($D$3:$AA$30,INDEX(Jesper!$R$2:$R$366,ROW(INDEX(Jesper!AH$2:AH$366,ROUNDDOWN($C2109/24,0)+1,1))-1)+IF('Standard Profiles'!$G$18=$B$10,7,0)+IF('Standard Profiles'!$G$18=$B$17,14,0)+IF('Standard Profiles'!$G$18=$B$24,21,0),0)),0)</f>
        <v>16.563694453845223</v>
      </c>
      <c r="E2109" cm="1">
        <f t="array" ref="E2109">IFERROR(INDEX(Jesper!AI$2:AI$366,ROUNDDOWN($C2109/24,0)+1,1)*INDEX($D$3:$AA$30,INDEX(Jesper!$R$2:$R$366,ROW(INDEX(Jesper!AI$2:AI$366,ROUNDDOWN($C2109/24,0)+1,1))-1)+IF('Standard Profiles'!$G$19=$B$10,7,0)+IF('Standard Profiles'!$G$19=$B$17,14,0)+IF('Standard Profiles'!$G$19=$B$24,21,0),MOD($C2109,24)+1)/SUM(INDEX($D$3:$AA$30,INDEX(Jesper!$R$2:$R$366,ROW(INDEX(Jesper!AI$2:AI$366,ROUNDDOWN($C2109/24,0)+1,1))-1)+IF('Standard Profiles'!$G$19=$B$10,7,0)+IF('Standard Profiles'!$G$19=$B$17,14,0)+IF('Standard Profiles'!$G$19=$B$24,21,0),0)),0)</f>
        <v>0</v>
      </c>
      <c r="F2109" cm="1">
        <f t="array" ref="F2109">IFERROR(INDEX(Jesper!AJ$2:AJ$366,ROUNDDOWN($C2109/24,0)+1,1)*INDEX($D$3:$AA$30,INDEX(Jesper!$R$2:$R$366,ROW(INDEX(Jesper!AJ$2:AJ$366,ROUNDDOWN($C2109/24,0)+1,1))-1)+IF('Standard Profiles'!$G$20=$B$10,7,0)+IF('Standard Profiles'!$G$20=$B$17,14,0)+IF('Standard Profiles'!$G$20=$B$24,21,0),MOD($C2109,24)+1)/SUM(INDEX($D$3:$AA$30,INDEX(Jesper!$R$2:$R$366,ROW(INDEX(Jesper!AJ$2:AJ$366,ROUNDDOWN($C2109/24,0)+1,1))-1)+IF('Standard Profiles'!$G$20=$B$10,7,0)+IF('Standard Profiles'!$G$20=$B$17,14,0)+IF('Standard Profiles'!$G$20=$B$24,21,0),0)),0)</f>
        <v>0</v>
      </c>
      <c r="G2109" cm="1">
        <f t="array" ref="G2109">IFERROR(INDEX(Jesper!AK$2:AK$366,ROUNDDOWN($C2109/24,0)+1,1)*INDEX($D$3:$AA$30,INDEX(Jesper!$R$2:$R$366,ROW(INDEX(Jesper!AK$2:AK$366,ROUNDDOWN($C2109/24,0)+1,1))-1)+IF('Standard Profiles'!$G$21=$B$10,7,0)+IF('Standard Profiles'!$G$21=$B$17,14,0)+IF('Standard Profiles'!$G$21=$B$24,21,0),MOD($C2109,24)+1)/SUM(INDEX($D$3:$AA$30,INDEX(Jesper!$R$2:$R$366,ROW(INDEX(Jesper!AK$2:AK$366,ROUNDDOWN($C2109/24,0)+1,1))-1)+IF('Standard Profiles'!$G$21=$B$10,7,0)+IF('Standard Profiles'!$G$21=$B$17,14,0)+IF('Standard Profiles'!$G$21=$B$24,21,0),0)),0)</f>
        <v>0</v>
      </c>
      <c r="H2109" cm="1">
        <f t="array" ref="H2109">IFERROR(INDEX(Jesper!AL$2:AL$366,ROUNDDOWN($C2109/24,0)+1,1)*INDEX($D$3:$AA$30,INDEX(Jesper!$R$2:$R$366,ROW(INDEX(Jesper!AL$2:AL$366,ROUNDDOWN($C2109/24,0)+1,1))-1)+IF('Standard Profiles'!$G$22=$B$10,7,0)+IF('Standard Profiles'!$G$22=$B$17,14,0)+IF('Standard Profiles'!$G$22=$B$24,21,0),MOD($C2109,24)+1)/SUM(INDEX($D$3:$AA$30,INDEX(Jesper!$R$2:$R$366,ROW(INDEX(Jesper!AL$2:AL$366,ROUNDDOWN($C2109/24,0)+1,1))-1)+IF('Standard Profiles'!$G$22=$B$10,7,0)+IF('Standard Profiles'!$G$22=$B$17,14,0)+IF('Standard Profiles'!$G$22=$B$24,21,0),0)),0)</f>
        <v>0</v>
      </c>
      <c r="I2109">
        <f t="shared" si="244"/>
        <v>0.49691083361535665</v>
      </c>
      <c r="J2109">
        <f t="shared" si="245"/>
        <v>1.6563694453845224</v>
      </c>
      <c r="K2109">
        <f t="shared" si="246"/>
        <v>2.4845541680767833</v>
      </c>
      <c r="L2109">
        <f t="shared" si="247"/>
        <v>11.925860006768559</v>
      </c>
      <c r="M2109">
        <f t="shared" si="248"/>
        <v>0</v>
      </c>
      <c r="N2109" s="46">
        <f t="shared" si="249"/>
        <v>45378.458333328301</v>
      </c>
    </row>
    <row r="2110" spans="2:14" x14ac:dyDescent="0.3">
      <c r="B2110">
        <f t="shared" si="243"/>
        <v>3</v>
      </c>
      <c r="C2110" s="16">
        <v>2076</v>
      </c>
      <c r="D2110" cm="1">
        <f t="array" ref="D2110">IFERROR(INDEX(Jesper!AH$2:AH$366,ROUNDDOWN($C2110/24,0)+1,1)*INDEX($D$3:$AA$30,INDEX(Jesper!$R$2:$R$366,ROW(INDEX(Jesper!AH$2:AH$366,ROUNDDOWN($C2110/24,0)+1,1))-1)+IF('Standard Profiles'!$G$18=$B$10,7,0)+IF('Standard Profiles'!$G$18=$B$17,14,0)+IF('Standard Profiles'!$G$18=$B$24,21,0),MOD($C2110,24)+1)/SUM(INDEX($D$3:$AA$30,INDEX(Jesper!$R$2:$R$366,ROW(INDEX(Jesper!AH$2:AH$366,ROUNDDOWN($C2110/24,0)+1,1))-1)+IF('Standard Profiles'!$G$18=$B$10,7,0)+IF('Standard Profiles'!$G$18=$B$17,14,0)+IF('Standard Profiles'!$G$18=$B$24,21,0),0)),0)</f>
        <v>16.563694453845223</v>
      </c>
      <c r="E2110" cm="1">
        <f t="array" ref="E2110">IFERROR(INDEX(Jesper!AI$2:AI$366,ROUNDDOWN($C2110/24,0)+1,1)*INDEX($D$3:$AA$30,INDEX(Jesper!$R$2:$R$366,ROW(INDEX(Jesper!AI$2:AI$366,ROUNDDOWN($C2110/24,0)+1,1))-1)+IF('Standard Profiles'!$G$19=$B$10,7,0)+IF('Standard Profiles'!$G$19=$B$17,14,0)+IF('Standard Profiles'!$G$19=$B$24,21,0),MOD($C2110,24)+1)/SUM(INDEX($D$3:$AA$30,INDEX(Jesper!$R$2:$R$366,ROW(INDEX(Jesper!AI$2:AI$366,ROUNDDOWN($C2110/24,0)+1,1))-1)+IF('Standard Profiles'!$G$19=$B$10,7,0)+IF('Standard Profiles'!$G$19=$B$17,14,0)+IF('Standard Profiles'!$G$19=$B$24,21,0),0)),0)</f>
        <v>0</v>
      </c>
      <c r="F2110" cm="1">
        <f t="array" ref="F2110">IFERROR(INDEX(Jesper!AJ$2:AJ$366,ROUNDDOWN($C2110/24,0)+1,1)*INDEX($D$3:$AA$30,INDEX(Jesper!$R$2:$R$366,ROW(INDEX(Jesper!AJ$2:AJ$366,ROUNDDOWN($C2110/24,0)+1,1))-1)+IF('Standard Profiles'!$G$20=$B$10,7,0)+IF('Standard Profiles'!$G$20=$B$17,14,0)+IF('Standard Profiles'!$G$20=$B$24,21,0),MOD($C2110,24)+1)/SUM(INDEX($D$3:$AA$30,INDEX(Jesper!$R$2:$R$366,ROW(INDEX(Jesper!AJ$2:AJ$366,ROUNDDOWN($C2110/24,0)+1,1))-1)+IF('Standard Profiles'!$G$20=$B$10,7,0)+IF('Standard Profiles'!$G$20=$B$17,14,0)+IF('Standard Profiles'!$G$20=$B$24,21,0),0)),0)</f>
        <v>0</v>
      </c>
      <c r="G2110" cm="1">
        <f t="array" ref="G2110">IFERROR(INDEX(Jesper!AK$2:AK$366,ROUNDDOWN($C2110/24,0)+1,1)*INDEX($D$3:$AA$30,INDEX(Jesper!$R$2:$R$366,ROW(INDEX(Jesper!AK$2:AK$366,ROUNDDOWN($C2110/24,0)+1,1))-1)+IF('Standard Profiles'!$G$21=$B$10,7,0)+IF('Standard Profiles'!$G$21=$B$17,14,0)+IF('Standard Profiles'!$G$21=$B$24,21,0),MOD($C2110,24)+1)/SUM(INDEX($D$3:$AA$30,INDEX(Jesper!$R$2:$R$366,ROW(INDEX(Jesper!AK$2:AK$366,ROUNDDOWN($C2110/24,0)+1,1))-1)+IF('Standard Profiles'!$G$21=$B$10,7,0)+IF('Standard Profiles'!$G$21=$B$17,14,0)+IF('Standard Profiles'!$G$21=$B$24,21,0),0)),0)</f>
        <v>0</v>
      </c>
      <c r="H2110" cm="1">
        <f t="array" ref="H2110">IFERROR(INDEX(Jesper!AL$2:AL$366,ROUNDDOWN($C2110/24,0)+1,1)*INDEX($D$3:$AA$30,INDEX(Jesper!$R$2:$R$366,ROW(INDEX(Jesper!AL$2:AL$366,ROUNDDOWN($C2110/24,0)+1,1))-1)+IF('Standard Profiles'!$G$22=$B$10,7,0)+IF('Standard Profiles'!$G$22=$B$17,14,0)+IF('Standard Profiles'!$G$22=$B$24,21,0),MOD($C2110,24)+1)/SUM(INDEX($D$3:$AA$30,INDEX(Jesper!$R$2:$R$366,ROW(INDEX(Jesper!AL$2:AL$366,ROUNDDOWN($C2110/24,0)+1,1))-1)+IF('Standard Profiles'!$G$22=$B$10,7,0)+IF('Standard Profiles'!$G$22=$B$17,14,0)+IF('Standard Profiles'!$G$22=$B$24,21,0),0)),0)</f>
        <v>0</v>
      </c>
      <c r="I2110">
        <f t="shared" si="244"/>
        <v>0.49691083361535665</v>
      </c>
      <c r="J2110">
        <f t="shared" si="245"/>
        <v>1.6563694453845224</v>
      </c>
      <c r="K2110">
        <f t="shared" si="246"/>
        <v>2.4845541680767833</v>
      </c>
      <c r="L2110">
        <f t="shared" si="247"/>
        <v>11.925860006768559</v>
      </c>
      <c r="M2110">
        <f t="shared" si="248"/>
        <v>0</v>
      </c>
      <c r="N2110" s="46">
        <f t="shared" si="249"/>
        <v>45378.499999994965</v>
      </c>
    </row>
    <row r="2111" spans="2:14" x14ac:dyDescent="0.3">
      <c r="B2111">
        <f t="shared" si="243"/>
        <v>3</v>
      </c>
      <c r="C2111" s="16">
        <v>2077</v>
      </c>
      <c r="D2111" cm="1">
        <f t="array" ref="D2111">IFERROR(INDEX(Jesper!AH$2:AH$366,ROUNDDOWN($C2111/24,0)+1,1)*INDEX($D$3:$AA$30,INDEX(Jesper!$R$2:$R$366,ROW(INDEX(Jesper!AH$2:AH$366,ROUNDDOWN($C2111/24,0)+1,1))-1)+IF('Standard Profiles'!$G$18=$B$10,7,0)+IF('Standard Profiles'!$G$18=$B$17,14,0)+IF('Standard Profiles'!$G$18=$B$24,21,0),MOD($C2111,24)+1)/SUM(INDEX($D$3:$AA$30,INDEX(Jesper!$R$2:$R$366,ROW(INDEX(Jesper!AH$2:AH$366,ROUNDDOWN($C2111/24,0)+1,1))-1)+IF('Standard Profiles'!$G$18=$B$10,7,0)+IF('Standard Profiles'!$G$18=$B$17,14,0)+IF('Standard Profiles'!$G$18=$B$24,21,0),0)),0)</f>
        <v>16.563694453845223</v>
      </c>
      <c r="E2111" cm="1">
        <f t="array" ref="E2111">IFERROR(INDEX(Jesper!AI$2:AI$366,ROUNDDOWN($C2111/24,0)+1,1)*INDEX($D$3:$AA$30,INDEX(Jesper!$R$2:$R$366,ROW(INDEX(Jesper!AI$2:AI$366,ROUNDDOWN($C2111/24,0)+1,1))-1)+IF('Standard Profiles'!$G$19=$B$10,7,0)+IF('Standard Profiles'!$G$19=$B$17,14,0)+IF('Standard Profiles'!$G$19=$B$24,21,0),MOD($C2111,24)+1)/SUM(INDEX($D$3:$AA$30,INDEX(Jesper!$R$2:$R$366,ROW(INDEX(Jesper!AI$2:AI$366,ROUNDDOWN($C2111/24,0)+1,1))-1)+IF('Standard Profiles'!$G$19=$B$10,7,0)+IF('Standard Profiles'!$G$19=$B$17,14,0)+IF('Standard Profiles'!$G$19=$B$24,21,0),0)),0)</f>
        <v>0</v>
      </c>
      <c r="F2111" cm="1">
        <f t="array" ref="F2111">IFERROR(INDEX(Jesper!AJ$2:AJ$366,ROUNDDOWN($C2111/24,0)+1,1)*INDEX($D$3:$AA$30,INDEX(Jesper!$R$2:$R$366,ROW(INDEX(Jesper!AJ$2:AJ$366,ROUNDDOWN($C2111/24,0)+1,1))-1)+IF('Standard Profiles'!$G$20=$B$10,7,0)+IF('Standard Profiles'!$G$20=$B$17,14,0)+IF('Standard Profiles'!$G$20=$B$24,21,0),MOD($C2111,24)+1)/SUM(INDEX($D$3:$AA$30,INDEX(Jesper!$R$2:$R$366,ROW(INDEX(Jesper!AJ$2:AJ$366,ROUNDDOWN($C2111/24,0)+1,1))-1)+IF('Standard Profiles'!$G$20=$B$10,7,0)+IF('Standard Profiles'!$G$20=$B$17,14,0)+IF('Standard Profiles'!$G$20=$B$24,21,0),0)),0)</f>
        <v>0</v>
      </c>
      <c r="G2111" cm="1">
        <f t="array" ref="G2111">IFERROR(INDEX(Jesper!AK$2:AK$366,ROUNDDOWN($C2111/24,0)+1,1)*INDEX($D$3:$AA$30,INDEX(Jesper!$R$2:$R$366,ROW(INDEX(Jesper!AK$2:AK$366,ROUNDDOWN($C2111/24,0)+1,1))-1)+IF('Standard Profiles'!$G$21=$B$10,7,0)+IF('Standard Profiles'!$G$21=$B$17,14,0)+IF('Standard Profiles'!$G$21=$B$24,21,0),MOD($C2111,24)+1)/SUM(INDEX($D$3:$AA$30,INDEX(Jesper!$R$2:$R$366,ROW(INDEX(Jesper!AK$2:AK$366,ROUNDDOWN($C2111/24,0)+1,1))-1)+IF('Standard Profiles'!$G$21=$B$10,7,0)+IF('Standard Profiles'!$G$21=$B$17,14,0)+IF('Standard Profiles'!$G$21=$B$24,21,0),0)),0)</f>
        <v>0</v>
      </c>
      <c r="H2111" cm="1">
        <f t="array" ref="H2111">IFERROR(INDEX(Jesper!AL$2:AL$366,ROUNDDOWN($C2111/24,0)+1,1)*INDEX($D$3:$AA$30,INDEX(Jesper!$R$2:$R$366,ROW(INDEX(Jesper!AL$2:AL$366,ROUNDDOWN($C2111/24,0)+1,1))-1)+IF('Standard Profiles'!$G$22=$B$10,7,0)+IF('Standard Profiles'!$G$22=$B$17,14,0)+IF('Standard Profiles'!$G$22=$B$24,21,0),MOD($C2111,24)+1)/SUM(INDEX($D$3:$AA$30,INDEX(Jesper!$R$2:$R$366,ROW(INDEX(Jesper!AL$2:AL$366,ROUNDDOWN($C2111/24,0)+1,1))-1)+IF('Standard Profiles'!$G$22=$B$10,7,0)+IF('Standard Profiles'!$G$22=$B$17,14,0)+IF('Standard Profiles'!$G$22=$B$24,21,0),0)),0)</f>
        <v>0</v>
      </c>
      <c r="I2111">
        <f t="shared" si="244"/>
        <v>0.49691083361535665</v>
      </c>
      <c r="J2111">
        <f t="shared" si="245"/>
        <v>1.6563694453845224</v>
      </c>
      <c r="K2111">
        <f t="shared" si="246"/>
        <v>2.4845541680767833</v>
      </c>
      <c r="L2111">
        <f t="shared" si="247"/>
        <v>11.925860006768559</v>
      </c>
      <c r="M2111">
        <f t="shared" si="248"/>
        <v>0</v>
      </c>
      <c r="N2111" s="46">
        <f t="shared" si="249"/>
        <v>45378.541666661629</v>
      </c>
    </row>
    <row r="2112" spans="2:14" x14ac:dyDescent="0.3">
      <c r="B2112">
        <f t="shared" si="243"/>
        <v>3</v>
      </c>
      <c r="C2112" s="16">
        <v>2078</v>
      </c>
      <c r="D2112" cm="1">
        <f t="array" ref="D2112">IFERROR(INDEX(Jesper!AH$2:AH$366,ROUNDDOWN($C2112/24,0)+1,1)*INDEX($D$3:$AA$30,INDEX(Jesper!$R$2:$R$366,ROW(INDEX(Jesper!AH$2:AH$366,ROUNDDOWN($C2112/24,0)+1,1))-1)+IF('Standard Profiles'!$G$18=$B$10,7,0)+IF('Standard Profiles'!$G$18=$B$17,14,0)+IF('Standard Profiles'!$G$18=$B$24,21,0),MOD($C2112,24)+1)/SUM(INDEX($D$3:$AA$30,INDEX(Jesper!$R$2:$R$366,ROW(INDEX(Jesper!AH$2:AH$366,ROUNDDOWN($C2112/24,0)+1,1))-1)+IF('Standard Profiles'!$G$18=$B$10,7,0)+IF('Standard Profiles'!$G$18=$B$17,14,0)+IF('Standard Profiles'!$G$18=$B$24,21,0),0)),0)</f>
        <v>16.563694453845223</v>
      </c>
      <c r="E2112" cm="1">
        <f t="array" ref="E2112">IFERROR(INDEX(Jesper!AI$2:AI$366,ROUNDDOWN($C2112/24,0)+1,1)*INDEX($D$3:$AA$30,INDEX(Jesper!$R$2:$R$366,ROW(INDEX(Jesper!AI$2:AI$366,ROUNDDOWN($C2112/24,0)+1,1))-1)+IF('Standard Profiles'!$G$19=$B$10,7,0)+IF('Standard Profiles'!$G$19=$B$17,14,0)+IF('Standard Profiles'!$G$19=$B$24,21,0),MOD($C2112,24)+1)/SUM(INDEX($D$3:$AA$30,INDEX(Jesper!$R$2:$R$366,ROW(INDEX(Jesper!AI$2:AI$366,ROUNDDOWN($C2112/24,0)+1,1))-1)+IF('Standard Profiles'!$G$19=$B$10,7,0)+IF('Standard Profiles'!$G$19=$B$17,14,0)+IF('Standard Profiles'!$G$19=$B$24,21,0),0)),0)</f>
        <v>0</v>
      </c>
      <c r="F2112" cm="1">
        <f t="array" ref="F2112">IFERROR(INDEX(Jesper!AJ$2:AJ$366,ROUNDDOWN($C2112/24,0)+1,1)*INDEX($D$3:$AA$30,INDEX(Jesper!$R$2:$R$366,ROW(INDEX(Jesper!AJ$2:AJ$366,ROUNDDOWN($C2112/24,0)+1,1))-1)+IF('Standard Profiles'!$G$20=$B$10,7,0)+IF('Standard Profiles'!$G$20=$B$17,14,0)+IF('Standard Profiles'!$G$20=$B$24,21,0),MOD($C2112,24)+1)/SUM(INDEX($D$3:$AA$30,INDEX(Jesper!$R$2:$R$366,ROW(INDEX(Jesper!AJ$2:AJ$366,ROUNDDOWN($C2112/24,0)+1,1))-1)+IF('Standard Profiles'!$G$20=$B$10,7,0)+IF('Standard Profiles'!$G$20=$B$17,14,0)+IF('Standard Profiles'!$G$20=$B$24,21,0),0)),0)</f>
        <v>0</v>
      </c>
      <c r="G2112" cm="1">
        <f t="array" ref="G2112">IFERROR(INDEX(Jesper!AK$2:AK$366,ROUNDDOWN($C2112/24,0)+1,1)*INDEX($D$3:$AA$30,INDEX(Jesper!$R$2:$R$366,ROW(INDEX(Jesper!AK$2:AK$366,ROUNDDOWN($C2112/24,0)+1,1))-1)+IF('Standard Profiles'!$G$21=$B$10,7,0)+IF('Standard Profiles'!$G$21=$B$17,14,0)+IF('Standard Profiles'!$G$21=$B$24,21,0),MOD($C2112,24)+1)/SUM(INDEX($D$3:$AA$30,INDEX(Jesper!$R$2:$R$366,ROW(INDEX(Jesper!AK$2:AK$366,ROUNDDOWN($C2112/24,0)+1,1))-1)+IF('Standard Profiles'!$G$21=$B$10,7,0)+IF('Standard Profiles'!$G$21=$B$17,14,0)+IF('Standard Profiles'!$G$21=$B$24,21,0),0)),0)</f>
        <v>0</v>
      </c>
      <c r="H2112" cm="1">
        <f t="array" ref="H2112">IFERROR(INDEX(Jesper!AL$2:AL$366,ROUNDDOWN($C2112/24,0)+1,1)*INDEX($D$3:$AA$30,INDEX(Jesper!$R$2:$R$366,ROW(INDEX(Jesper!AL$2:AL$366,ROUNDDOWN($C2112/24,0)+1,1))-1)+IF('Standard Profiles'!$G$22=$B$10,7,0)+IF('Standard Profiles'!$G$22=$B$17,14,0)+IF('Standard Profiles'!$G$22=$B$24,21,0),MOD($C2112,24)+1)/SUM(INDEX($D$3:$AA$30,INDEX(Jesper!$R$2:$R$366,ROW(INDEX(Jesper!AL$2:AL$366,ROUNDDOWN($C2112/24,0)+1,1))-1)+IF('Standard Profiles'!$G$22=$B$10,7,0)+IF('Standard Profiles'!$G$22=$B$17,14,0)+IF('Standard Profiles'!$G$22=$B$24,21,0),0)),0)</f>
        <v>0</v>
      </c>
      <c r="I2112">
        <f t="shared" si="244"/>
        <v>0.49691083361535665</v>
      </c>
      <c r="J2112">
        <f t="shared" si="245"/>
        <v>1.6563694453845224</v>
      </c>
      <c r="K2112">
        <f t="shared" si="246"/>
        <v>2.4845541680767833</v>
      </c>
      <c r="L2112">
        <f t="shared" si="247"/>
        <v>11.925860006768559</v>
      </c>
      <c r="M2112">
        <f t="shared" si="248"/>
        <v>0</v>
      </c>
      <c r="N2112" s="46">
        <f t="shared" si="249"/>
        <v>45378.583333328294</v>
      </c>
    </row>
    <row r="2113" spans="2:14" x14ac:dyDescent="0.3">
      <c r="B2113">
        <f t="shared" si="243"/>
        <v>3</v>
      </c>
      <c r="C2113" s="16">
        <v>2079</v>
      </c>
      <c r="D2113" cm="1">
        <f t="array" ref="D2113">IFERROR(INDEX(Jesper!AH$2:AH$366,ROUNDDOWN($C2113/24,0)+1,1)*INDEX($D$3:$AA$30,INDEX(Jesper!$R$2:$R$366,ROW(INDEX(Jesper!AH$2:AH$366,ROUNDDOWN($C2113/24,0)+1,1))-1)+IF('Standard Profiles'!$G$18=$B$10,7,0)+IF('Standard Profiles'!$G$18=$B$17,14,0)+IF('Standard Profiles'!$G$18=$B$24,21,0),MOD($C2113,24)+1)/SUM(INDEX($D$3:$AA$30,INDEX(Jesper!$R$2:$R$366,ROW(INDEX(Jesper!AH$2:AH$366,ROUNDDOWN($C2113/24,0)+1,1))-1)+IF('Standard Profiles'!$G$18=$B$10,7,0)+IF('Standard Profiles'!$G$18=$B$17,14,0)+IF('Standard Profiles'!$G$18=$B$24,21,0),0)),0)</f>
        <v>16.563694453845223</v>
      </c>
      <c r="E2113" cm="1">
        <f t="array" ref="E2113">IFERROR(INDEX(Jesper!AI$2:AI$366,ROUNDDOWN($C2113/24,0)+1,1)*INDEX($D$3:$AA$30,INDEX(Jesper!$R$2:$R$366,ROW(INDEX(Jesper!AI$2:AI$366,ROUNDDOWN($C2113/24,0)+1,1))-1)+IF('Standard Profiles'!$G$19=$B$10,7,0)+IF('Standard Profiles'!$G$19=$B$17,14,0)+IF('Standard Profiles'!$G$19=$B$24,21,0),MOD($C2113,24)+1)/SUM(INDEX($D$3:$AA$30,INDEX(Jesper!$R$2:$R$366,ROW(INDEX(Jesper!AI$2:AI$366,ROUNDDOWN($C2113/24,0)+1,1))-1)+IF('Standard Profiles'!$G$19=$B$10,7,0)+IF('Standard Profiles'!$G$19=$B$17,14,0)+IF('Standard Profiles'!$G$19=$B$24,21,0),0)),0)</f>
        <v>0</v>
      </c>
      <c r="F2113" cm="1">
        <f t="array" ref="F2113">IFERROR(INDEX(Jesper!AJ$2:AJ$366,ROUNDDOWN($C2113/24,0)+1,1)*INDEX($D$3:$AA$30,INDEX(Jesper!$R$2:$R$366,ROW(INDEX(Jesper!AJ$2:AJ$366,ROUNDDOWN($C2113/24,0)+1,1))-1)+IF('Standard Profiles'!$G$20=$B$10,7,0)+IF('Standard Profiles'!$G$20=$B$17,14,0)+IF('Standard Profiles'!$G$20=$B$24,21,0),MOD($C2113,24)+1)/SUM(INDEX($D$3:$AA$30,INDEX(Jesper!$R$2:$R$366,ROW(INDEX(Jesper!AJ$2:AJ$366,ROUNDDOWN($C2113/24,0)+1,1))-1)+IF('Standard Profiles'!$G$20=$B$10,7,0)+IF('Standard Profiles'!$G$20=$B$17,14,0)+IF('Standard Profiles'!$G$20=$B$24,21,0),0)),0)</f>
        <v>0</v>
      </c>
      <c r="G2113" cm="1">
        <f t="array" ref="G2113">IFERROR(INDEX(Jesper!AK$2:AK$366,ROUNDDOWN($C2113/24,0)+1,1)*INDEX($D$3:$AA$30,INDEX(Jesper!$R$2:$R$366,ROW(INDEX(Jesper!AK$2:AK$366,ROUNDDOWN($C2113/24,0)+1,1))-1)+IF('Standard Profiles'!$G$21=$B$10,7,0)+IF('Standard Profiles'!$G$21=$B$17,14,0)+IF('Standard Profiles'!$G$21=$B$24,21,0),MOD($C2113,24)+1)/SUM(INDEX($D$3:$AA$30,INDEX(Jesper!$R$2:$R$366,ROW(INDEX(Jesper!AK$2:AK$366,ROUNDDOWN($C2113/24,0)+1,1))-1)+IF('Standard Profiles'!$G$21=$B$10,7,0)+IF('Standard Profiles'!$G$21=$B$17,14,0)+IF('Standard Profiles'!$G$21=$B$24,21,0),0)),0)</f>
        <v>0</v>
      </c>
      <c r="H2113" cm="1">
        <f t="array" ref="H2113">IFERROR(INDEX(Jesper!AL$2:AL$366,ROUNDDOWN($C2113/24,0)+1,1)*INDEX($D$3:$AA$30,INDEX(Jesper!$R$2:$R$366,ROW(INDEX(Jesper!AL$2:AL$366,ROUNDDOWN($C2113/24,0)+1,1))-1)+IF('Standard Profiles'!$G$22=$B$10,7,0)+IF('Standard Profiles'!$G$22=$B$17,14,0)+IF('Standard Profiles'!$G$22=$B$24,21,0),MOD($C2113,24)+1)/SUM(INDEX($D$3:$AA$30,INDEX(Jesper!$R$2:$R$366,ROW(INDEX(Jesper!AL$2:AL$366,ROUNDDOWN($C2113/24,0)+1,1))-1)+IF('Standard Profiles'!$G$22=$B$10,7,0)+IF('Standard Profiles'!$G$22=$B$17,14,0)+IF('Standard Profiles'!$G$22=$B$24,21,0),0)),0)</f>
        <v>0</v>
      </c>
      <c r="I2113">
        <f t="shared" si="244"/>
        <v>0.49691083361535665</v>
      </c>
      <c r="J2113">
        <f t="shared" si="245"/>
        <v>1.6563694453845224</v>
      </c>
      <c r="K2113">
        <f t="shared" si="246"/>
        <v>2.4845541680767833</v>
      </c>
      <c r="L2113">
        <f t="shared" si="247"/>
        <v>11.925860006768559</v>
      </c>
      <c r="M2113">
        <f t="shared" si="248"/>
        <v>0</v>
      </c>
      <c r="N2113" s="46">
        <f t="shared" si="249"/>
        <v>45378.624999994958</v>
      </c>
    </row>
    <row r="2114" spans="2:14" x14ac:dyDescent="0.3">
      <c r="B2114">
        <f t="shared" si="243"/>
        <v>3</v>
      </c>
      <c r="C2114" s="16">
        <v>2080</v>
      </c>
      <c r="D2114" cm="1">
        <f t="array" ref="D2114">IFERROR(INDEX(Jesper!AH$2:AH$366,ROUNDDOWN($C2114/24,0)+1,1)*INDEX($D$3:$AA$30,INDEX(Jesper!$R$2:$R$366,ROW(INDEX(Jesper!AH$2:AH$366,ROUNDDOWN($C2114/24,0)+1,1))-1)+IF('Standard Profiles'!$G$18=$B$10,7,0)+IF('Standard Profiles'!$G$18=$B$17,14,0)+IF('Standard Profiles'!$G$18=$B$24,21,0),MOD($C2114,24)+1)/SUM(INDEX($D$3:$AA$30,INDEX(Jesper!$R$2:$R$366,ROW(INDEX(Jesper!AH$2:AH$366,ROUNDDOWN($C2114/24,0)+1,1))-1)+IF('Standard Profiles'!$G$18=$B$10,7,0)+IF('Standard Profiles'!$G$18=$B$17,14,0)+IF('Standard Profiles'!$G$18=$B$24,21,0),0)),0)</f>
        <v>16.563694453845223</v>
      </c>
      <c r="E2114" cm="1">
        <f t="array" ref="E2114">IFERROR(INDEX(Jesper!AI$2:AI$366,ROUNDDOWN($C2114/24,0)+1,1)*INDEX($D$3:$AA$30,INDEX(Jesper!$R$2:$R$366,ROW(INDEX(Jesper!AI$2:AI$366,ROUNDDOWN($C2114/24,0)+1,1))-1)+IF('Standard Profiles'!$G$19=$B$10,7,0)+IF('Standard Profiles'!$G$19=$B$17,14,0)+IF('Standard Profiles'!$G$19=$B$24,21,0),MOD($C2114,24)+1)/SUM(INDEX($D$3:$AA$30,INDEX(Jesper!$R$2:$R$366,ROW(INDEX(Jesper!AI$2:AI$366,ROUNDDOWN($C2114/24,0)+1,1))-1)+IF('Standard Profiles'!$G$19=$B$10,7,0)+IF('Standard Profiles'!$G$19=$B$17,14,0)+IF('Standard Profiles'!$G$19=$B$24,21,0),0)),0)</f>
        <v>0</v>
      </c>
      <c r="F2114" cm="1">
        <f t="array" ref="F2114">IFERROR(INDEX(Jesper!AJ$2:AJ$366,ROUNDDOWN($C2114/24,0)+1,1)*INDEX($D$3:$AA$30,INDEX(Jesper!$R$2:$R$366,ROW(INDEX(Jesper!AJ$2:AJ$366,ROUNDDOWN($C2114/24,0)+1,1))-1)+IF('Standard Profiles'!$G$20=$B$10,7,0)+IF('Standard Profiles'!$G$20=$B$17,14,0)+IF('Standard Profiles'!$G$20=$B$24,21,0),MOD($C2114,24)+1)/SUM(INDEX($D$3:$AA$30,INDEX(Jesper!$R$2:$R$366,ROW(INDEX(Jesper!AJ$2:AJ$366,ROUNDDOWN($C2114/24,0)+1,1))-1)+IF('Standard Profiles'!$G$20=$B$10,7,0)+IF('Standard Profiles'!$G$20=$B$17,14,0)+IF('Standard Profiles'!$G$20=$B$24,21,0),0)),0)</f>
        <v>0</v>
      </c>
      <c r="G2114" cm="1">
        <f t="array" ref="G2114">IFERROR(INDEX(Jesper!AK$2:AK$366,ROUNDDOWN($C2114/24,0)+1,1)*INDEX($D$3:$AA$30,INDEX(Jesper!$R$2:$R$366,ROW(INDEX(Jesper!AK$2:AK$366,ROUNDDOWN($C2114/24,0)+1,1))-1)+IF('Standard Profiles'!$G$21=$B$10,7,0)+IF('Standard Profiles'!$G$21=$B$17,14,0)+IF('Standard Profiles'!$G$21=$B$24,21,0),MOD($C2114,24)+1)/SUM(INDEX($D$3:$AA$30,INDEX(Jesper!$R$2:$R$366,ROW(INDEX(Jesper!AK$2:AK$366,ROUNDDOWN($C2114/24,0)+1,1))-1)+IF('Standard Profiles'!$G$21=$B$10,7,0)+IF('Standard Profiles'!$G$21=$B$17,14,0)+IF('Standard Profiles'!$G$21=$B$24,21,0),0)),0)</f>
        <v>0</v>
      </c>
      <c r="H2114" cm="1">
        <f t="array" ref="H2114">IFERROR(INDEX(Jesper!AL$2:AL$366,ROUNDDOWN($C2114/24,0)+1,1)*INDEX($D$3:$AA$30,INDEX(Jesper!$R$2:$R$366,ROW(INDEX(Jesper!AL$2:AL$366,ROUNDDOWN($C2114/24,0)+1,1))-1)+IF('Standard Profiles'!$G$22=$B$10,7,0)+IF('Standard Profiles'!$G$22=$B$17,14,0)+IF('Standard Profiles'!$G$22=$B$24,21,0),MOD($C2114,24)+1)/SUM(INDEX($D$3:$AA$30,INDEX(Jesper!$R$2:$R$366,ROW(INDEX(Jesper!AL$2:AL$366,ROUNDDOWN($C2114/24,0)+1,1))-1)+IF('Standard Profiles'!$G$22=$B$10,7,0)+IF('Standard Profiles'!$G$22=$B$17,14,0)+IF('Standard Profiles'!$G$22=$B$24,21,0),0)),0)</f>
        <v>0</v>
      </c>
      <c r="I2114">
        <f t="shared" si="244"/>
        <v>0.49691083361535665</v>
      </c>
      <c r="J2114">
        <f t="shared" si="245"/>
        <v>1.6563694453845224</v>
      </c>
      <c r="K2114">
        <f t="shared" si="246"/>
        <v>2.4845541680767833</v>
      </c>
      <c r="L2114">
        <f t="shared" si="247"/>
        <v>11.925860006768559</v>
      </c>
      <c r="M2114">
        <f t="shared" si="248"/>
        <v>0</v>
      </c>
      <c r="N2114" s="46">
        <f t="shared" si="249"/>
        <v>45378.666666661622</v>
      </c>
    </row>
    <row r="2115" spans="2:14" x14ac:dyDescent="0.3">
      <c r="B2115">
        <f t="shared" si="243"/>
        <v>3</v>
      </c>
      <c r="C2115" s="16">
        <v>2081</v>
      </c>
      <c r="D2115" cm="1">
        <f t="array" ref="D2115">IFERROR(INDEX(Jesper!AH$2:AH$366,ROUNDDOWN($C2115/24,0)+1,1)*INDEX($D$3:$AA$30,INDEX(Jesper!$R$2:$R$366,ROW(INDEX(Jesper!AH$2:AH$366,ROUNDDOWN($C2115/24,0)+1,1))-1)+IF('Standard Profiles'!$G$18=$B$10,7,0)+IF('Standard Profiles'!$G$18=$B$17,14,0)+IF('Standard Profiles'!$G$18=$B$24,21,0),MOD($C2115,24)+1)/SUM(INDEX($D$3:$AA$30,INDEX(Jesper!$R$2:$R$366,ROW(INDEX(Jesper!AH$2:AH$366,ROUNDDOWN($C2115/24,0)+1,1))-1)+IF('Standard Profiles'!$G$18=$B$10,7,0)+IF('Standard Profiles'!$G$18=$B$17,14,0)+IF('Standard Profiles'!$G$18=$B$24,21,0),0)),0)</f>
        <v>16.563694453845223</v>
      </c>
      <c r="E2115" cm="1">
        <f t="array" ref="E2115">IFERROR(INDEX(Jesper!AI$2:AI$366,ROUNDDOWN($C2115/24,0)+1,1)*INDEX($D$3:$AA$30,INDEX(Jesper!$R$2:$R$366,ROW(INDEX(Jesper!AI$2:AI$366,ROUNDDOWN($C2115/24,0)+1,1))-1)+IF('Standard Profiles'!$G$19=$B$10,7,0)+IF('Standard Profiles'!$G$19=$B$17,14,0)+IF('Standard Profiles'!$G$19=$B$24,21,0),MOD($C2115,24)+1)/SUM(INDEX($D$3:$AA$30,INDEX(Jesper!$R$2:$R$366,ROW(INDEX(Jesper!AI$2:AI$366,ROUNDDOWN($C2115/24,0)+1,1))-1)+IF('Standard Profiles'!$G$19=$B$10,7,0)+IF('Standard Profiles'!$G$19=$B$17,14,0)+IF('Standard Profiles'!$G$19=$B$24,21,0),0)),0)</f>
        <v>0</v>
      </c>
      <c r="F2115" cm="1">
        <f t="array" ref="F2115">IFERROR(INDEX(Jesper!AJ$2:AJ$366,ROUNDDOWN($C2115/24,0)+1,1)*INDEX($D$3:$AA$30,INDEX(Jesper!$R$2:$R$366,ROW(INDEX(Jesper!AJ$2:AJ$366,ROUNDDOWN($C2115/24,0)+1,1))-1)+IF('Standard Profiles'!$G$20=$B$10,7,0)+IF('Standard Profiles'!$G$20=$B$17,14,0)+IF('Standard Profiles'!$G$20=$B$24,21,0),MOD($C2115,24)+1)/SUM(INDEX($D$3:$AA$30,INDEX(Jesper!$R$2:$R$366,ROW(INDEX(Jesper!AJ$2:AJ$366,ROUNDDOWN($C2115/24,0)+1,1))-1)+IF('Standard Profiles'!$G$20=$B$10,7,0)+IF('Standard Profiles'!$G$20=$B$17,14,0)+IF('Standard Profiles'!$G$20=$B$24,21,0),0)),0)</f>
        <v>0</v>
      </c>
      <c r="G2115" cm="1">
        <f t="array" ref="G2115">IFERROR(INDEX(Jesper!AK$2:AK$366,ROUNDDOWN($C2115/24,0)+1,1)*INDEX($D$3:$AA$30,INDEX(Jesper!$R$2:$R$366,ROW(INDEX(Jesper!AK$2:AK$366,ROUNDDOWN($C2115/24,0)+1,1))-1)+IF('Standard Profiles'!$G$21=$B$10,7,0)+IF('Standard Profiles'!$G$21=$B$17,14,0)+IF('Standard Profiles'!$G$21=$B$24,21,0),MOD($C2115,24)+1)/SUM(INDEX($D$3:$AA$30,INDEX(Jesper!$R$2:$R$366,ROW(INDEX(Jesper!AK$2:AK$366,ROUNDDOWN($C2115/24,0)+1,1))-1)+IF('Standard Profiles'!$G$21=$B$10,7,0)+IF('Standard Profiles'!$G$21=$B$17,14,0)+IF('Standard Profiles'!$G$21=$B$24,21,0),0)),0)</f>
        <v>0</v>
      </c>
      <c r="H2115" cm="1">
        <f t="array" ref="H2115">IFERROR(INDEX(Jesper!AL$2:AL$366,ROUNDDOWN($C2115/24,0)+1,1)*INDEX($D$3:$AA$30,INDEX(Jesper!$R$2:$R$366,ROW(INDEX(Jesper!AL$2:AL$366,ROUNDDOWN($C2115/24,0)+1,1))-1)+IF('Standard Profiles'!$G$22=$B$10,7,0)+IF('Standard Profiles'!$G$22=$B$17,14,0)+IF('Standard Profiles'!$G$22=$B$24,21,0),MOD($C2115,24)+1)/SUM(INDEX($D$3:$AA$30,INDEX(Jesper!$R$2:$R$366,ROW(INDEX(Jesper!AL$2:AL$366,ROUNDDOWN($C2115/24,0)+1,1))-1)+IF('Standard Profiles'!$G$22=$B$10,7,0)+IF('Standard Profiles'!$G$22=$B$17,14,0)+IF('Standard Profiles'!$G$22=$B$24,21,0),0)),0)</f>
        <v>0</v>
      </c>
      <c r="I2115">
        <f t="shared" si="244"/>
        <v>0.49691083361535665</v>
      </c>
      <c r="J2115">
        <f t="shared" si="245"/>
        <v>1.6563694453845224</v>
      </c>
      <c r="K2115">
        <f t="shared" si="246"/>
        <v>2.4845541680767833</v>
      </c>
      <c r="L2115">
        <f t="shared" si="247"/>
        <v>11.925860006768559</v>
      </c>
      <c r="M2115">
        <f t="shared" si="248"/>
        <v>0</v>
      </c>
      <c r="N2115" s="46">
        <f t="shared" si="249"/>
        <v>45378.708333328286</v>
      </c>
    </row>
    <row r="2116" spans="2:14" x14ac:dyDescent="0.3">
      <c r="B2116">
        <f t="shared" si="243"/>
        <v>3</v>
      </c>
      <c r="C2116" s="16">
        <v>2082</v>
      </c>
      <c r="D2116" cm="1">
        <f t="array" ref="D2116">IFERROR(INDEX(Jesper!AH$2:AH$366,ROUNDDOWN($C2116/24,0)+1,1)*INDEX($D$3:$AA$30,INDEX(Jesper!$R$2:$R$366,ROW(INDEX(Jesper!AH$2:AH$366,ROUNDDOWN($C2116/24,0)+1,1))-1)+IF('Standard Profiles'!$G$18=$B$10,7,0)+IF('Standard Profiles'!$G$18=$B$17,14,0)+IF('Standard Profiles'!$G$18=$B$24,21,0),MOD($C2116,24)+1)/SUM(INDEX($D$3:$AA$30,INDEX(Jesper!$R$2:$R$366,ROW(INDEX(Jesper!AH$2:AH$366,ROUNDDOWN($C2116/24,0)+1,1))-1)+IF('Standard Profiles'!$G$18=$B$10,7,0)+IF('Standard Profiles'!$G$18=$B$17,14,0)+IF('Standard Profiles'!$G$18=$B$24,21,0),0)),0)</f>
        <v>16.563694453845223</v>
      </c>
      <c r="E2116" cm="1">
        <f t="array" ref="E2116">IFERROR(INDEX(Jesper!AI$2:AI$366,ROUNDDOWN($C2116/24,0)+1,1)*INDEX($D$3:$AA$30,INDEX(Jesper!$R$2:$R$366,ROW(INDEX(Jesper!AI$2:AI$366,ROUNDDOWN($C2116/24,0)+1,1))-1)+IF('Standard Profiles'!$G$19=$B$10,7,0)+IF('Standard Profiles'!$G$19=$B$17,14,0)+IF('Standard Profiles'!$G$19=$B$24,21,0),MOD($C2116,24)+1)/SUM(INDEX($D$3:$AA$30,INDEX(Jesper!$R$2:$R$366,ROW(INDEX(Jesper!AI$2:AI$366,ROUNDDOWN($C2116/24,0)+1,1))-1)+IF('Standard Profiles'!$G$19=$B$10,7,0)+IF('Standard Profiles'!$G$19=$B$17,14,0)+IF('Standard Profiles'!$G$19=$B$24,21,0),0)),0)</f>
        <v>0</v>
      </c>
      <c r="F2116" cm="1">
        <f t="array" ref="F2116">IFERROR(INDEX(Jesper!AJ$2:AJ$366,ROUNDDOWN($C2116/24,0)+1,1)*INDEX($D$3:$AA$30,INDEX(Jesper!$R$2:$R$366,ROW(INDEX(Jesper!AJ$2:AJ$366,ROUNDDOWN($C2116/24,0)+1,1))-1)+IF('Standard Profiles'!$G$20=$B$10,7,0)+IF('Standard Profiles'!$G$20=$B$17,14,0)+IF('Standard Profiles'!$G$20=$B$24,21,0),MOD($C2116,24)+1)/SUM(INDEX($D$3:$AA$30,INDEX(Jesper!$R$2:$R$366,ROW(INDEX(Jesper!AJ$2:AJ$366,ROUNDDOWN($C2116/24,0)+1,1))-1)+IF('Standard Profiles'!$G$20=$B$10,7,0)+IF('Standard Profiles'!$G$20=$B$17,14,0)+IF('Standard Profiles'!$G$20=$B$24,21,0),0)),0)</f>
        <v>0</v>
      </c>
      <c r="G2116" cm="1">
        <f t="array" ref="G2116">IFERROR(INDEX(Jesper!AK$2:AK$366,ROUNDDOWN($C2116/24,0)+1,1)*INDEX($D$3:$AA$30,INDEX(Jesper!$R$2:$R$366,ROW(INDEX(Jesper!AK$2:AK$366,ROUNDDOWN($C2116/24,0)+1,1))-1)+IF('Standard Profiles'!$G$21=$B$10,7,0)+IF('Standard Profiles'!$G$21=$B$17,14,0)+IF('Standard Profiles'!$G$21=$B$24,21,0),MOD($C2116,24)+1)/SUM(INDEX($D$3:$AA$30,INDEX(Jesper!$R$2:$R$366,ROW(INDEX(Jesper!AK$2:AK$366,ROUNDDOWN($C2116/24,0)+1,1))-1)+IF('Standard Profiles'!$G$21=$B$10,7,0)+IF('Standard Profiles'!$G$21=$B$17,14,0)+IF('Standard Profiles'!$G$21=$B$24,21,0),0)),0)</f>
        <v>0</v>
      </c>
      <c r="H2116" cm="1">
        <f t="array" ref="H2116">IFERROR(INDEX(Jesper!AL$2:AL$366,ROUNDDOWN($C2116/24,0)+1,1)*INDEX($D$3:$AA$30,INDEX(Jesper!$R$2:$R$366,ROW(INDEX(Jesper!AL$2:AL$366,ROUNDDOWN($C2116/24,0)+1,1))-1)+IF('Standard Profiles'!$G$22=$B$10,7,0)+IF('Standard Profiles'!$G$22=$B$17,14,0)+IF('Standard Profiles'!$G$22=$B$24,21,0),MOD($C2116,24)+1)/SUM(INDEX($D$3:$AA$30,INDEX(Jesper!$R$2:$R$366,ROW(INDEX(Jesper!AL$2:AL$366,ROUNDDOWN($C2116/24,0)+1,1))-1)+IF('Standard Profiles'!$G$22=$B$10,7,0)+IF('Standard Profiles'!$G$22=$B$17,14,0)+IF('Standard Profiles'!$G$22=$B$24,21,0),0)),0)</f>
        <v>0</v>
      </c>
      <c r="I2116">
        <f t="shared" si="244"/>
        <v>0.49691083361535665</v>
      </c>
      <c r="J2116">
        <f t="shared" si="245"/>
        <v>1.6563694453845224</v>
      </c>
      <c r="K2116">
        <f t="shared" si="246"/>
        <v>2.4845541680767833</v>
      </c>
      <c r="L2116">
        <f t="shared" si="247"/>
        <v>11.925860006768559</v>
      </c>
      <c r="M2116">
        <f t="shared" si="248"/>
        <v>0</v>
      </c>
      <c r="N2116" s="46">
        <f t="shared" si="249"/>
        <v>45378.74999999495</v>
      </c>
    </row>
    <row r="2117" spans="2:14" x14ac:dyDescent="0.3">
      <c r="B2117">
        <f t="shared" si="243"/>
        <v>3</v>
      </c>
      <c r="C2117" s="16">
        <v>2083</v>
      </c>
      <c r="D2117" cm="1">
        <f t="array" ref="D2117">IFERROR(INDEX(Jesper!AH$2:AH$366,ROUNDDOWN($C2117/24,0)+1,1)*INDEX($D$3:$AA$30,INDEX(Jesper!$R$2:$R$366,ROW(INDEX(Jesper!AH$2:AH$366,ROUNDDOWN($C2117/24,0)+1,1))-1)+IF('Standard Profiles'!$G$18=$B$10,7,0)+IF('Standard Profiles'!$G$18=$B$17,14,0)+IF('Standard Profiles'!$G$18=$B$24,21,0),MOD($C2117,24)+1)/SUM(INDEX($D$3:$AA$30,INDEX(Jesper!$R$2:$R$366,ROW(INDEX(Jesper!AH$2:AH$366,ROUNDDOWN($C2117/24,0)+1,1))-1)+IF('Standard Profiles'!$G$18=$B$10,7,0)+IF('Standard Profiles'!$G$18=$B$17,14,0)+IF('Standard Profiles'!$G$18=$B$24,21,0),0)),0)</f>
        <v>13.803078711537689</v>
      </c>
      <c r="E2117" cm="1">
        <f t="array" ref="E2117">IFERROR(INDEX(Jesper!AI$2:AI$366,ROUNDDOWN($C2117/24,0)+1,1)*INDEX($D$3:$AA$30,INDEX(Jesper!$R$2:$R$366,ROW(INDEX(Jesper!AI$2:AI$366,ROUNDDOWN($C2117/24,0)+1,1))-1)+IF('Standard Profiles'!$G$19=$B$10,7,0)+IF('Standard Profiles'!$G$19=$B$17,14,0)+IF('Standard Profiles'!$G$19=$B$24,21,0),MOD($C2117,24)+1)/SUM(INDEX($D$3:$AA$30,INDEX(Jesper!$R$2:$R$366,ROW(INDEX(Jesper!AI$2:AI$366,ROUNDDOWN($C2117/24,0)+1,1))-1)+IF('Standard Profiles'!$G$19=$B$10,7,0)+IF('Standard Profiles'!$G$19=$B$17,14,0)+IF('Standard Profiles'!$G$19=$B$24,21,0),0)),0)</f>
        <v>0</v>
      </c>
      <c r="F2117" cm="1">
        <f t="array" ref="F2117">IFERROR(INDEX(Jesper!AJ$2:AJ$366,ROUNDDOWN($C2117/24,0)+1,1)*INDEX($D$3:$AA$30,INDEX(Jesper!$R$2:$R$366,ROW(INDEX(Jesper!AJ$2:AJ$366,ROUNDDOWN($C2117/24,0)+1,1))-1)+IF('Standard Profiles'!$G$20=$B$10,7,0)+IF('Standard Profiles'!$G$20=$B$17,14,0)+IF('Standard Profiles'!$G$20=$B$24,21,0),MOD($C2117,24)+1)/SUM(INDEX($D$3:$AA$30,INDEX(Jesper!$R$2:$R$366,ROW(INDEX(Jesper!AJ$2:AJ$366,ROUNDDOWN($C2117/24,0)+1,1))-1)+IF('Standard Profiles'!$G$20=$B$10,7,0)+IF('Standard Profiles'!$G$20=$B$17,14,0)+IF('Standard Profiles'!$G$20=$B$24,21,0),0)),0)</f>
        <v>0</v>
      </c>
      <c r="G2117" cm="1">
        <f t="array" ref="G2117">IFERROR(INDEX(Jesper!AK$2:AK$366,ROUNDDOWN($C2117/24,0)+1,1)*INDEX($D$3:$AA$30,INDEX(Jesper!$R$2:$R$366,ROW(INDEX(Jesper!AK$2:AK$366,ROUNDDOWN($C2117/24,0)+1,1))-1)+IF('Standard Profiles'!$G$21=$B$10,7,0)+IF('Standard Profiles'!$G$21=$B$17,14,0)+IF('Standard Profiles'!$G$21=$B$24,21,0),MOD($C2117,24)+1)/SUM(INDEX($D$3:$AA$30,INDEX(Jesper!$R$2:$R$366,ROW(INDEX(Jesper!AK$2:AK$366,ROUNDDOWN($C2117/24,0)+1,1))-1)+IF('Standard Profiles'!$G$21=$B$10,7,0)+IF('Standard Profiles'!$G$21=$B$17,14,0)+IF('Standard Profiles'!$G$21=$B$24,21,0),0)),0)</f>
        <v>0</v>
      </c>
      <c r="H2117" cm="1">
        <f t="array" ref="H2117">IFERROR(INDEX(Jesper!AL$2:AL$366,ROUNDDOWN($C2117/24,0)+1,1)*INDEX($D$3:$AA$30,INDEX(Jesper!$R$2:$R$366,ROW(INDEX(Jesper!AL$2:AL$366,ROUNDDOWN($C2117/24,0)+1,1))-1)+IF('Standard Profiles'!$G$22=$B$10,7,0)+IF('Standard Profiles'!$G$22=$B$17,14,0)+IF('Standard Profiles'!$G$22=$B$24,21,0),MOD($C2117,24)+1)/SUM(INDEX($D$3:$AA$30,INDEX(Jesper!$R$2:$R$366,ROW(INDEX(Jesper!AL$2:AL$366,ROUNDDOWN($C2117/24,0)+1,1))-1)+IF('Standard Profiles'!$G$22=$B$10,7,0)+IF('Standard Profiles'!$G$22=$B$17,14,0)+IF('Standard Profiles'!$G$22=$B$24,21,0),0)),0)</f>
        <v>0</v>
      </c>
      <c r="I2117">
        <f t="shared" si="244"/>
        <v>0.41409236134613064</v>
      </c>
      <c r="J2117">
        <f t="shared" si="245"/>
        <v>1.3803078711537689</v>
      </c>
      <c r="K2117">
        <f t="shared" si="246"/>
        <v>2.0704618067306533</v>
      </c>
      <c r="L2117">
        <f t="shared" si="247"/>
        <v>9.938216672307135</v>
      </c>
      <c r="M2117">
        <f t="shared" si="248"/>
        <v>0</v>
      </c>
      <c r="N2117" s="46">
        <f t="shared" si="249"/>
        <v>45378.791666661615</v>
      </c>
    </row>
    <row r="2118" spans="2:14" x14ac:dyDescent="0.3">
      <c r="B2118">
        <f t="shared" si="243"/>
        <v>3</v>
      </c>
      <c r="C2118" s="16">
        <v>2084</v>
      </c>
      <c r="D2118" cm="1">
        <f t="array" ref="D2118">IFERROR(INDEX(Jesper!AH$2:AH$366,ROUNDDOWN($C2118/24,0)+1,1)*INDEX($D$3:$AA$30,INDEX(Jesper!$R$2:$R$366,ROW(INDEX(Jesper!AH$2:AH$366,ROUNDDOWN($C2118/24,0)+1,1))-1)+IF('Standard Profiles'!$G$18=$B$10,7,0)+IF('Standard Profiles'!$G$18=$B$17,14,0)+IF('Standard Profiles'!$G$18=$B$24,21,0),MOD($C2118,24)+1)/SUM(INDEX($D$3:$AA$30,INDEX(Jesper!$R$2:$R$366,ROW(INDEX(Jesper!AH$2:AH$366,ROUNDDOWN($C2118/24,0)+1,1))-1)+IF('Standard Profiles'!$G$18=$B$10,7,0)+IF('Standard Profiles'!$G$18=$B$17,14,0)+IF('Standard Profiles'!$G$18=$B$24,21,0),0)),0)</f>
        <v>11.042462969230151</v>
      </c>
      <c r="E2118" cm="1">
        <f t="array" ref="E2118">IFERROR(INDEX(Jesper!AI$2:AI$366,ROUNDDOWN($C2118/24,0)+1,1)*INDEX($D$3:$AA$30,INDEX(Jesper!$R$2:$R$366,ROW(INDEX(Jesper!AI$2:AI$366,ROUNDDOWN($C2118/24,0)+1,1))-1)+IF('Standard Profiles'!$G$19=$B$10,7,0)+IF('Standard Profiles'!$G$19=$B$17,14,0)+IF('Standard Profiles'!$G$19=$B$24,21,0),MOD($C2118,24)+1)/SUM(INDEX($D$3:$AA$30,INDEX(Jesper!$R$2:$R$366,ROW(INDEX(Jesper!AI$2:AI$366,ROUNDDOWN($C2118/24,0)+1,1))-1)+IF('Standard Profiles'!$G$19=$B$10,7,0)+IF('Standard Profiles'!$G$19=$B$17,14,0)+IF('Standard Profiles'!$G$19=$B$24,21,0),0)),0)</f>
        <v>0</v>
      </c>
      <c r="F2118" cm="1">
        <f t="array" ref="F2118">IFERROR(INDEX(Jesper!AJ$2:AJ$366,ROUNDDOWN($C2118/24,0)+1,1)*INDEX($D$3:$AA$30,INDEX(Jesper!$R$2:$R$366,ROW(INDEX(Jesper!AJ$2:AJ$366,ROUNDDOWN($C2118/24,0)+1,1))-1)+IF('Standard Profiles'!$G$20=$B$10,7,0)+IF('Standard Profiles'!$G$20=$B$17,14,0)+IF('Standard Profiles'!$G$20=$B$24,21,0),MOD($C2118,24)+1)/SUM(INDEX($D$3:$AA$30,INDEX(Jesper!$R$2:$R$366,ROW(INDEX(Jesper!AJ$2:AJ$366,ROUNDDOWN($C2118/24,0)+1,1))-1)+IF('Standard Profiles'!$G$20=$B$10,7,0)+IF('Standard Profiles'!$G$20=$B$17,14,0)+IF('Standard Profiles'!$G$20=$B$24,21,0),0)),0)</f>
        <v>0</v>
      </c>
      <c r="G2118" cm="1">
        <f t="array" ref="G2118">IFERROR(INDEX(Jesper!AK$2:AK$366,ROUNDDOWN($C2118/24,0)+1,1)*INDEX($D$3:$AA$30,INDEX(Jesper!$R$2:$R$366,ROW(INDEX(Jesper!AK$2:AK$366,ROUNDDOWN($C2118/24,0)+1,1))-1)+IF('Standard Profiles'!$G$21=$B$10,7,0)+IF('Standard Profiles'!$G$21=$B$17,14,0)+IF('Standard Profiles'!$G$21=$B$24,21,0),MOD($C2118,24)+1)/SUM(INDEX($D$3:$AA$30,INDEX(Jesper!$R$2:$R$366,ROW(INDEX(Jesper!AK$2:AK$366,ROUNDDOWN($C2118/24,0)+1,1))-1)+IF('Standard Profiles'!$G$21=$B$10,7,0)+IF('Standard Profiles'!$G$21=$B$17,14,0)+IF('Standard Profiles'!$G$21=$B$24,21,0),0)),0)</f>
        <v>0</v>
      </c>
      <c r="H2118" cm="1">
        <f t="array" ref="H2118">IFERROR(INDEX(Jesper!AL$2:AL$366,ROUNDDOWN($C2118/24,0)+1,1)*INDEX($D$3:$AA$30,INDEX(Jesper!$R$2:$R$366,ROW(INDEX(Jesper!AL$2:AL$366,ROUNDDOWN($C2118/24,0)+1,1))-1)+IF('Standard Profiles'!$G$22=$B$10,7,0)+IF('Standard Profiles'!$G$22=$B$17,14,0)+IF('Standard Profiles'!$G$22=$B$24,21,0),MOD($C2118,24)+1)/SUM(INDEX($D$3:$AA$30,INDEX(Jesper!$R$2:$R$366,ROW(INDEX(Jesper!AL$2:AL$366,ROUNDDOWN($C2118/24,0)+1,1))-1)+IF('Standard Profiles'!$G$22=$B$10,7,0)+IF('Standard Profiles'!$G$22=$B$17,14,0)+IF('Standard Profiles'!$G$22=$B$24,21,0),0)),0)</f>
        <v>0</v>
      </c>
      <c r="I2118">
        <f t="shared" si="244"/>
        <v>0.33127388907690453</v>
      </c>
      <c r="J2118">
        <f t="shared" si="245"/>
        <v>1.1042462969230151</v>
      </c>
      <c r="K2118">
        <f t="shared" si="246"/>
        <v>1.6563694453845226</v>
      </c>
      <c r="L2118">
        <f t="shared" si="247"/>
        <v>7.9505733378457082</v>
      </c>
      <c r="M2118">
        <f t="shared" si="248"/>
        <v>0</v>
      </c>
      <c r="N2118" s="46">
        <f t="shared" si="249"/>
        <v>45378.833333328279</v>
      </c>
    </row>
    <row r="2119" spans="2:14" x14ac:dyDescent="0.3">
      <c r="B2119">
        <f t="shared" si="243"/>
        <v>3</v>
      </c>
      <c r="C2119" s="16">
        <v>2085</v>
      </c>
      <c r="D2119" cm="1">
        <f t="array" ref="D2119">IFERROR(INDEX(Jesper!AH$2:AH$366,ROUNDDOWN($C2119/24,0)+1,1)*INDEX($D$3:$AA$30,INDEX(Jesper!$R$2:$R$366,ROW(INDEX(Jesper!AH$2:AH$366,ROUNDDOWN($C2119/24,0)+1,1))-1)+IF('Standard Profiles'!$G$18=$B$10,7,0)+IF('Standard Profiles'!$G$18=$B$17,14,0)+IF('Standard Profiles'!$G$18=$B$24,21,0),MOD($C2119,24)+1)/SUM(INDEX($D$3:$AA$30,INDEX(Jesper!$R$2:$R$366,ROW(INDEX(Jesper!AH$2:AH$366,ROUNDDOWN($C2119/24,0)+1,1))-1)+IF('Standard Profiles'!$G$18=$B$10,7,0)+IF('Standard Profiles'!$G$18=$B$17,14,0)+IF('Standard Profiles'!$G$18=$B$24,21,0),0)),0)</f>
        <v>8.2818472269226113</v>
      </c>
      <c r="E2119" cm="1">
        <f t="array" ref="E2119">IFERROR(INDEX(Jesper!AI$2:AI$366,ROUNDDOWN($C2119/24,0)+1,1)*INDEX($D$3:$AA$30,INDEX(Jesper!$R$2:$R$366,ROW(INDEX(Jesper!AI$2:AI$366,ROUNDDOWN($C2119/24,0)+1,1))-1)+IF('Standard Profiles'!$G$19=$B$10,7,0)+IF('Standard Profiles'!$G$19=$B$17,14,0)+IF('Standard Profiles'!$G$19=$B$24,21,0),MOD($C2119,24)+1)/SUM(INDEX($D$3:$AA$30,INDEX(Jesper!$R$2:$R$366,ROW(INDEX(Jesper!AI$2:AI$366,ROUNDDOWN($C2119/24,0)+1,1))-1)+IF('Standard Profiles'!$G$19=$B$10,7,0)+IF('Standard Profiles'!$G$19=$B$17,14,0)+IF('Standard Profiles'!$G$19=$B$24,21,0),0)),0)</f>
        <v>0</v>
      </c>
      <c r="F2119" cm="1">
        <f t="array" ref="F2119">IFERROR(INDEX(Jesper!AJ$2:AJ$366,ROUNDDOWN($C2119/24,0)+1,1)*INDEX($D$3:$AA$30,INDEX(Jesper!$R$2:$R$366,ROW(INDEX(Jesper!AJ$2:AJ$366,ROUNDDOWN($C2119/24,0)+1,1))-1)+IF('Standard Profiles'!$G$20=$B$10,7,0)+IF('Standard Profiles'!$G$20=$B$17,14,0)+IF('Standard Profiles'!$G$20=$B$24,21,0),MOD($C2119,24)+1)/SUM(INDEX($D$3:$AA$30,INDEX(Jesper!$R$2:$R$366,ROW(INDEX(Jesper!AJ$2:AJ$366,ROUNDDOWN($C2119/24,0)+1,1))-1)+IF('Standard Profiles'!$G$20=$B$10,7,0)+IF('Standard Profiles'!$G$20=$B$17,14,0)+IF('Standard Profiles'!$G$20=$B$24,21,0),0)),0)</f>
        <v>0</v>
      </c>
      <c r="G2119" cm="1">
        <f t="array" ref="G2119">IFERROR(INDEX(Jesper!AK$2:AK$366,ROUNDDOWN($C2119/24,0)+1,1)*INDEX($D$3:$AA$30,INDEX(Jesper!$R$2:$R$366,ROW(INDEX(Jesper!AK$2:AK$366,ROUNDDOWN($C2119/24,0)+1,1))-1)+IF('Standard Profiles'!$G$21=$B$10,7,0)+IF('Standard Profiles'!$G$21=$B$17,14,0)+IF('Standard Profiles'!$G$21=$B$24,21,0),MOD($C2119,24)+1)/SUM(INDEX($D$3:$AA$30,INDEX(Jesper!$R$2:$R$366,ROW(INDEX(Jesper!AK$2:AK$366,ROUNDDOWN($C2119/24,0)+1,1))-1)+IF('Standard Profiles'!$G$21=$B$10,7,0)+IF('Standard Profiles'!$G$21=$B$17,14,0)+IF('Standard Profiles'!$G$21=$B$24,21,0),0)),0)</f>
        <v>0</v>
      </c>
      <c r="H2119" cm="1">
        <f t="array" ref="H2119">IFERROR(INDEX(Jesper!AL$2:AL$366,ROUNDDOWN($C2119/24,0)+1,1)*INDEX($D$3:$AA$30,INDEX(Jesper!$R$2:$R$366,ROW(INDEX(Jesper!AL$2:AL$366,ROUNDDOWN($C2119/24,0)+1,1))-1)+IF('Standard Profiles'!$G$22=$B$10,7,0)+IF('Standard Profiles'!$G$22=$B$17,14,0)+IF('Standard Profiles'!$G$22=$B$24,21,0),MOD($C2119,24)+1)/SUM(INDEX($D$3:$AA$30,INDEX(Jesper!$R$2:$R$366,ROW(INDEX(Jesper!AL$2:AL$366,ROUNDDOWN($C2119/24,0)+1,1))-1)+IF('Standard Profiles'!$G$22=$B$10,7,0)+IF('Standard Profiles'!$G$22=$B$17,14,0)+IF('Standard Profiles'!$G$22=$B$24,21,0),0)),0)</f>
        <v>0</v>
      </c>
      <c r="I2119">
        <f t="shared" si="244"/>
        <v>0.24845541680767833</v>
      </c>
      <c r="J2119">
        <f t="shared" si="245"/>
        <v>0.82818472269226118</v>
      </c>
      <c r="K2119">
        <f t="shared" si="246"/>
        <v>1.2422770840383917</v>
      </c>
      <c r="L2119">
        <f t="shared" si="247"/>
        <v>5.9629300033842796</v>
      </c>
      <c r="M2119">
        <f t="shared" si="248"/>
        <v>0</v>
      </c>
      <c r="N2119" s="46">
        <f t="shared" si="249"/>
        <v>45378.874999994943</v>
      </c>
    </row>
    <row r="2120" spans="2:14" x14ac:dyDescent="0.3">
      <c r="B2120">
        <f t="shared" si="243"/>
        <v>3</v>
      </c>
      <c r="C2120" s="16">
        <v>2086</v>
      </c>
      <c r="D2120" cm="1">
        <f t="array" ref="D2120">IFERROR(INDEX(Jesper!AH$2:AH$366,ROUNDDOWN($C2120/24,0)+1,1)*INDEX($D$3:$AA$30,INDEX(Jesper!$R$2:$R$366,ROW(INDEX(Jesper!AH$2:AH$366,ROUNDDOWN($C2120/24,0)+1,1))-1)+IF('Standard Profiles'!$G$18=$B$10,7,0)+IF('Standard Profiles'!$G$18=$B$17,14,0)+IF('Standard Profiles'!$G$18=$B$24,21,0),MOD($C2120,24)+1)/SUM(INDEX($D$3:$AA$30,INDEX(Jesper!$R$2:$R$366,ROW(INDEX(Jesper!AH$2:AH$366,ROUNDDOWN($C2120/24,0)+1,1))-1)+IF('Standard Profiles'!$G$18=$B$10,7,0)+IF('Standard Profiles'!$G$18=$B$17,14,0)+IF('Standard Profiles'!$G$18=$B$24,21,0),0)),0)</f>
        <v>8.2818472269226113</v>
      </c>
      <c r="E2120" cm="1">
        <f t="array" ref="E2120">IFERROR(INDEX(Jesper!AI$2:AI$366,ROUNDDOWN($C2120/24,0)+1,1)*INDEX($D$3:$AA$30,INDEX(Jesper!$R$2:$R$366,ROW(INDEX(Jesper!AI$2:AI$366,ROUNDDOWN($C2120/24,0)+1,1))-1)+IF('Standard Profiles'!$G$19=$B$10,7,0)+IF('Standard Profiles'!$G$19=$B$17,14,0)+IF('Standard Profiles'!$G$19=$B$24,21,0),MOD($C2120,24)+1)/SUM(INDEX($D$3:$AA$30,INDEX(Jesper!$R$2:$R$366,ROW(INDEX(Jesper!AI$2:AI$366,ROUNDDOWN($C2120/24,0)+1,1))-1)+IF('Standard Profiles'!$G$19=$B$10,7,0)+IF('Standard Profiles'!$G$19=$B$17,14,0)+IF('Standard Profiles'!$G$19=$B$24,21,0),0)),0)</f>
        <v>0</v>
      </c>
      <c r="F2120" cm="1">
        <f t="array" ref="F2120">IFERROR(INDEX(Jesper!AJ$2:AJ$366,ROUNDDOWN($C2120/24,0)+1,1)*INDEX($D$3:$AA$30,INDEX(Jesper!$R$2:$R$366,ROW(INDEX(Jesper!AJ$2:AJ$366,ROUNDDOWN($C2120/24,0)+1,1))-1)+IF('Standard Profiles'!$G$20=$B$10,7,0)+IF('Standard Profiles'!$G$20=$B$17,14,0)+IF('Standard Profiles'!$G$20=$B$24,21,0),MOD($C2120,24)+1)/SUM(INDEX($D$3:$AA$30,INDEX(Jesper!$R$2:$R$366,ROW(INDEX(Jesper!AJ$2:AJ$366,ROUNDDOWN($C2120/24,0)+1,1))-1)+IF('Standard Profiles'!$G$20=$B$10,7,0)+IF('Standard Profiles'!$G$20=$B$17,14,0)+IF('Standard Profiles'!$G$20=$B$24,21,0),0)),0)</f>
        <v>0</v>
      </c>
      <c r="G2120" cm="1">
        <f t="array" ref="G2120">IFERROR(INDEX(Jesper!AK$2:AK$366,ROUNDDOWN($C2120/24,0)+1,1)*INDEX($D$3:$AA$30,INDEX(Jesper!$R$2:$R$366,ROW(INDEX(Jesper!AK$2:AK$366,ROUNDDOWN($C2120/24,0)+1,1))-1)+IF('Standard Profiles'!$G$21=$B$10,7,0)+IF('Standard Profiles'!$G$21=$B$17,14,0)+IF('Standard Profiles'!$G$21=$B$24,21,0),MOD($C2120,24)+1)/SUM(INDEX($D$3:$AA$30,INDEX(Jesper!$R$2:$R$366,ROW(INDEX(Jesper!AK$2:AK$366,ROUNDDOWN($C2120/24,0)+1,1))-1)+IF('Standard Profiles'!$G$21=$B$10,7,0)+IF('Standard Profiles'!$G$21=$B$17,14,0)+IF('Standard Profiles'!$G$21=$B$24,21,0),0)),0)</f>
        <v>0</v>
      </c>
      <c r="H2120" cm="1">
        <f t="array" ref="H2120">IFERROR(INDEX(Jesper!AL$2:AL$366,ROUNDDOWN($C2120/24,0)+1,1)*INDEX($D$3:$AA$30,INDEX(Jesper!$R$2:$R$366,ROW(INDEX(Jesper!AL$2:AL$366,ROUNDDOWN($C2120/24,0)+1,1))-1)+IF('Standard Profiles'!$G$22=$B$10,7,0)+IF('Standard Profiles'!$G$22=$B$17,14,0)+IF('Standard Profiles'!$G$22=$B$24,21,0),MOD($C2120,24)+1)/SUM(INDEX($D$3:$AA$30,INDEX(Jesper!$R$2:$R$366,ROW(INDEX(Jesper!AL$2:AL$366,ROUNDDOWN($C2120/24,0)+1,1))-1)+IF('Standard Profiles'!$G$22=$B$10,7,0)+IF('Standard Profiles'!$G$22=$B$17,14,0)+IF('Standard Profiles'!$G$22=$B$24,21,0),0)),0)</f>
        <v>0</v>
      </c>
      <c r="I2120">
        <f t="shared" si="244"/>
        <v>0.24845541680767833</v>
      </c>
      <c r="J2120">
        <f t="shared" si="245"/>
        <v>0.82818472269226118</v>
      </c>
      <c r="K2120">
        <f t="shared" si="246"/>
        <v>1.2422770840383917</v>
      </c>
      <c r="L2120">
        <f t="shared" si="247"/>
        <v>5.9629300033842796</v>
      </c>
      <c r="M2120">
        <f t="shared" si="248"/>
        <v>0</v>
      </c>
      <c r="N2120" s="46">
        <f t="shared" si="249"/>
        <v>45378.916666661607</v>
      </c>
    </row>
    <row r="2121" spans="2:14" x14ac:dyDescent="0.3">
      <c r="B2121">
        <f t="shared" si="243"/>
        <v>3</v>
      </c>
      <c r="C2121" s="16">
        <v>2087</v>
      </c>
      <c r="D2121" cm="1">
        <f t="array" ref="D2121">IFERROR(INDEX(Jesper!AH$2:AH$366,ROUNDDOWN($C2121/24,0)+1,1)*INDEX($D$3:$AA$30,INDEX(Jesper!$R$2:$R$366,ROW(INDEX(Jesper!AH$2:AH$366,ROUNDDOWN($C2121/24,0)+1,1))-1)+IF('Standard Profiles'!$G$18=$B$10,7,0)+IF('Standard Profiles'!$G$18=$B$17,14,0)+IF('Standard Profiles'!$G$18=$B$24,21,0),MOD($C2121,24)+1)/SUM(INDEX($D$3:$AA$30,INDEX(Jesper!$R$2:$R$366,ROW(INDEX(Jesper!AH$2:AH$366,ROUNDDOWN($C2121/24,0)+1,1))-1)+IF('Standard Profiles'!$G$18=$B$10,7,0)+IF('Standard Profiles'!$G$18=$B$17,14,0)+IF('Standard Profiles'!$G$18=$B$24,21,0),0)),0)</f>
        <v>8.2818472269226113</v>
      </c>
      <c r="E2121" cm="1">
        <f t="array" ref="E2121">IFERROR(INDEX(Jesper!AI$2:AI$366,ROUNDDOWN($C2121/24,0)+1,1)*INDEX($D$3:$AA$30,INDEX(Jesper!$R$2:$R$366,ROW(INDEX(Jesper!AI$2:AI$366,ROUNDDOWN($C2121/24,0)+1,1))-1)+IF('Standard Profiles'!$G$19=$B$10,7,0)+IF('Standard Profiles'!$G$19=$B$17,14,0)+IF('Standard Profiles'!$G$19=$B$24,21,0),MOD($C2121,24)+1)/SUM(INDEX($D$3:$AA$30,INDEX(Jesper!$R$2:$R$366,ROW(INDEX(Jesper!AI$2:AI$366,ROUNDDOWN($C2121/24,0)+1,1))-1)+IF('Standard Profiles'!$G$19=$B$10,7,0)+IF('Standard Profiles'!$G$19=$B$17,14,0)+IF('Standard Profiles'!$G$19=$B$24,21,0),0)),0)</f>
        <v>0</v>
      </c>
      <c r="F2121" cm="1">
        <f t="array" ref="F2121">IFERROR(INDEX(Jesper!AJ$2:AJ$366,ROUNDDOWN($C2121/24,0)+1,1)*INDEX($D$3:$AA$30,INDEX(Jesper!$R$2:$R$366,ROW(INDEX(Jesper!AJ$2:AJ$366,ROUNDDOWN($C2121/24,0)+1,1))-1)+IF('Standard Profiles'!$G$20=$B$10,7,0)+IF('Standard Profiles'!$G$20=$B$17,14,0)+IF('Standard Profiles'!$G$20=$B$24,21,0),MOD($C2121,24)+1)/SUM(INDEX($D$3:$AA$30,INDEX(Jesper!$R$2:$R$366,ROW(INDEX(Jesper!AJ$2:AJ$366,ROUNDDOWN($C2121/24,0)+1,1))-1)+IF('Standard Profiles'!$G$20=$B$10,7,0)+IF('Standard Profiles'!$G$20=$B$17,14,0)+IF('Standard Profiles'!$G$20=$B$24,21,0),0)),0)</f>
        <v>0</v>
      </c>
      <c r="G2121" cm="1">
        <f t="array" ref="G2121">IFERROR(INDEX(Jesper!AK$2:AK$366,ROUNDDOWN($C2121/24,0)+1,1)*INDEX($D$3:$AA$30,INDEX(Jesper!$R$2:$R$366,ROW(INDEX(Jesper!AK$2:AK$366,ROUNDDOWN($C2121/24,0)+1,1))-1)+IF('Standard Profiles'!$G$21=$B$10,7,0)+IF('Standard Profiles'!$G$21=$B$17,14,0)+IF('Standard Profiles'!$G$21=$B$24,21,0),MOD($C2121,24)+1)/SUM(INDEX($D$3:$AA$30,INDEX(Jesper!$R$2:$R$366,ROW(INDEX(Jesper!AK$2:AK$366,ROUNDDOWN($C2121/24,0)+1,1))-1)+IF('Standard Profiles'!$G$21=$B$10,7,0)+IF('Standard Profiles'!$G$21=$B$17,14,0)+IF('Standard Profiles'!$G$21=$B$24,21,0),0)),0)</f>
        <v>0</v>
      </c>
      <c r="H2121" cm="1">
        <f t="array" ref="H2121">IFERROR(INDEX(Jesper!AL$2:AL$366,ROUNDDOWN($C2121/24,0)+1,1)*INDEX($D$3:$AA$30,INDEX(Jesper!$R$2:$R$366,ROW(INDEX(Jesper!AL$2:AL$366,ROUNDDOWN($C2121/24,0)+1,1))-1)+IF('Standard Profiles'!$G$22=$B$10,7,0)+IF('Standard Profiles'!$G$22=$B$17,14,0)+IF('Standard Profiles'!$G$22=$B$24,21,0),MOD($C2121,24)+1)/SUM(INDEX($D$3:$AA$30,INDEX(Jesper!$R$2:$R$366,ROW(INDEX(Jesper!AL$2:AL$366,ROUNDDOWN($C2121/24,0)+1,1))-1)+IF('Standard Profiles'!$G$22=$B$10,7,0)+IF('Standard Profiles'!$G$22=$B$17,14,0)+IF('Standard Profiles'!$G$22=$B$24,21,0),0)),0)</f>
        <v>0</v>
      </c>
      <c r="I2121">
        <f t="shared" si="244"/>
        <v>0.24845541680767833</v>
      </c>
      <c r="J2121">
        <f t="shared" si="245"/>
        <v>0.82818472269226118</v>
      </c>
      <c r="K2121">
        <f t="shared" si="246"/>
        <v>1.2422770840383917</v>
      </c>
      <c r="L2121">
        <f t="shared" si="247"/>
        <v>5.9629300033842796</v>
      </c>
      <c r="M2121">
        <f t="shared" si="248"/>
        <v>0</v>
      </c>
      <c r="N2121" s="46">
        <f t="shared" si="249"/>
        <v>45378.958333328272</v>
      </c>
    </row>
    <row r="2122" spans="2:14" x14ac:dyDescent="0.3">
      <c r="B2122">
        <f t="shared" si="243"/>
        <v>4</v>
      </c>
      <c r="C2122" s="16">
        <v>2088</v>
      </c>
      <c r="D2122" cm="1">
        <f t="array" ref="D2122">IFERROR(INDEX(Jesper!AH$2:AH$366,ROUNDDOWN($C2122/24,0)+1,1)*INDEX($D$3:$AA$30,INDEX(Jesper!$R$2:$R$366,ROW(INDEX(Jesper!AH$2:AH$366,ROUNDDOWN($C2122/24,0)+1,1))-1)+IF('Standard Profiles'!$G$18=$B$10,7,0)+IF('Standard Profiles'!$G$18=$B$17,14,0)+IF('Standard Profiles'!$G$18=$B$24,21,0),MOD($C2122,24)+1)/SUM(INDEX($D$3:$AA$30,INDEX(Jesper!$R$2:$R$366,ROW(INDEX(Jesper!AH$2:AH$366,ROUNDDOWN($C2122/24,0)+1,1))-1)+IF('Standard Profiles'!$G$18=$B$10,7,0)+IF('Standard Profiles'!$G$18=$B$17,14,0)+IF('Standard Profiles'!$G$18=$B$24,21,0),0)),0)</f>
        <v>8.2114619156580737</v>
      </c>
      <c r="E2122" cm="1">
        <f t="array" ref="E2122">IFERROR(INDEX(Jesper!AI$2:AI$366,ROUNDDOWN($C2122/24,0)+1,1)*INDEX($D$3:$AA$30,INDEX(Jesper!$R$2:$R$366,ROW(INDEX(Jesper!AI$2:AI$366,ROUNDDOWN($C2122/24,0)+1,1))-1)+IF('Standard Profiles'!$G$19=$B$10,7,0)+IF('Standard Profiles'!$G$19=$B$17,14,0)+IF('Standard Profiles'!$G$19=$B$24,21,0),MOD($C2122,24)+1)/SUM(INDEX($D$3:$AA$30,INDEX(Jesper!$R$2:$R$366,ROW(INDEX(Jesper!AI$2:AI$366,ROUNDDOWN($C2122/24,0)+1,1))-1)+IF('Standard Profiles'!$G$19=$B$10,7,0)+IF('Standard Profiles'!$G$19=$B$17,14,0)+IF('Standard Profiles'!$G$19=$B$24,21,0),0)),0)</f>
        <v>0</v>
      </c>
      <c r="F2122" cm="1">
        <f t="array" ref="F2122">IFERROR(INDEX(Jesper!AJ$2:AJ$366,ROUNDDOWN($C2122/24,0)+1,1)*INDEX($D$3:$AA$30,INDEX(Jesper!$R$2:$R$366,ROW(INDEX(Jesper!AJ$2:AJ$366,ROUNDDOWN($C2122/24,0)+1,1))-1)+IF('Standard Profiles'!$G$20=$B$10,7,0)+IF('Standard Profiles'!$G$20=$B$17,14,0)+IF('Standard Profiles'!$G$20=$B$24,21,0),MOD($C2122,24)+1)/SUM(INDEX($D$3:$AA$30,INDEX(Jesper!$R$2:$R$366,ROW(INDEX(Jesper!AJ$2:AJ$366,ROUNDDOWN($C2122/24,0)+1,1))-1)+IF('Standard Profiles'!$G$20=$B$10,7,0)+IF('Standard Profiles'!$G$20=$B$17,14,0)+IF('Standard Profiles'!$G$20=$B$24,21,0),0)),0)</f>
        <v>0</v>
      </c>
      <c r="G2122" cm="1">
        <f t="array" ref="G2122">IFERROR(INDEX(Jesper!AK$2:AK$366,ROUNDDOWN($C2122/24,0)+1,1)*INDEX($D$3:$AA$30,INDEX(Jesper!$R$2:$R$366,ROW(INDEX(Jesper!AK$2:AK$366,ROUNDDOWN($C2122/24,0)+1,1))-1)+IF('Standard Profiles'!$G$21=$B$10,7,0)+IF('Standard Profiles'!$G$21=$B$17,14,0)+IF('Standard Profiles'!$G$21=$B$24,21,0),MOD($C2122,24)+1)/SUM(INDEX($D$3:$AA$30,INDEX(Jesper!$R$2:$R$366,ROW(INDEX(Jesper!AK$2:AK$366,ROUNDDOWN($C2122/24,0)+1,1))-1)+IF('Standard Profiles'!$G$21=$B$10,7,0)+IF('Standard Profiles'!$G$21=$B$17,14,0)+IF('Standard Profiles'!$G$21=$B$24,21,0),0)),0)</f>
        <v>0</v>
      </c>
      <c r="H2122" cm="1">
        <f t="array" ref="H2122">IFERROR(INDEX(Jesper!AL$2:AL$366,ROUNDDOWN($C2122/24,0)+1,1)*INDEX($D$3:$AA$30,INDEX(Jesper!$R$2:$R$366,ROW(INDEX(Jesper!AL$2:AL$366,ROUNDDOWN($C2122/24,0)+1,1))-1)+IF('Standard Profiles'!$G$22=$B$10,7,0)+IF('Standard Profiles'!$G$22=$B$17,14,0)+IF('Standard Profiles'!$G$22=$B$24,21,0),MOD($C2122,24)+1)/SUM(INDEX($D$3:$AA$30,INDEX(Jesper!$R$2:$R$366,ROW(INDEX(Jesper!AL$2:AL$366,ROUNDDOWN($C2122/24,0)+1,1))-1)+IF('Standard Profiles'!$G$22=$B$10,7,0)+IF('Standard Profiles'!$G$22=$B$17,14,0)+IF('Standard Profiles'!$G$22=$B$24,21,0),0)),0)</f>
        <v>0</v>
      </c>
      <c r="I2122">
        <f t="shared" si="244"/>
        <v>0.24634385746974219</v>
      </c>
      <c r="J2122">
        <f t="shared" si="245"/>
        <v>0.82114619156580737</v>
      </c>
      <c r="K2122">
        <f t="shared" si="246"/>
        <v>1.2317192873487111</v>
      </c>
      <c r="L2122">
        <f t="shared" si="247"/>
        <v>5.9122525792738125</v>
      </c>
      <c r="M2122">
        <f t="shared" si="248"/>
        <v>0</v>
      </c>
      <c r="N2122" s="46">
        <f t="shared" si="249"/>
        <v>45378.999999994936</v>
      </c>
    </row>
    <row r="2123" spans="2:14" x14ac:dyDescent="0.3">
      <c r="B2123">
        <f t="shared" si="243"/>
        <v>4</v>
      </c>
      <c r="C2123" s="16">
        <v>2089</v>
      </c>
      <c r="D2123" cm="1">
        <f t="array" ref="D2123">IFERROR(INDEX(Jesper!AH$2:AH$366,ROUNDDOWN($C2123/24,0)+1,1)*INDEX($D$3:$AA$30,INDEX(Jesper!$R$2:$R$366,ROW(INDEX(Jesper!AH$2:AH$366,ROUNDDOWN($C2123/24,0)+1,1))-1)+IF('Standard Profiles'!$G$18=$B$10,7,0)+IF('Standard Profiles'!$G$18=$B$17,14,0)+IF('Standard Profiles'!$G$18=$B$24,21,0),MOD($C2123,24)+1)/SUM(INDEX($D$3:$AA$30,INDEX(Jesper!$R$2:$R$366,ROW(INDEX(Jesper!AH$2:AH$366,ROUNDDOWN($C2123/24,0)+1,1))-1)+IF('Standard Profiles'!$G$18=$B$10,7,0)+IF('Standard Profiles'!$G$18=$B$17,14,0)+IF('Standard Profiles'!$G$18=$B$24,21,0),0)),0)</f>
        <v>8.2114619156580737</v>
      </c>
      <c r="E2123" cm="1">
        <f t="array" ref="E2123">IFERROR(INDEX(Jesper!AI$2:AI$366,ROUNDDOWN($C2123/24,0)+1,1)*INDEX($D$3:$AA$30,INDEX(Jesper!$R$2:$R$366,ROW(INDEX(Jesper!AI$2:AI$366,ROUNDDOWN($C2123/24,0)+1,1))-1)+IF('Standard Profiles'!$G$19=$B$10,7,0)+IF('Standard Profiles'!$G$19=$B$17,14,0)+IF('Standard Profiles'!$G$19=$B$24,21,0),MOD($C2123,24)+1)/SUM(INDEX($D$3:$AA$30,INDEX(Jesper!$R$2:$R$366,ROW(INDEX(Jesper!AI$2:AI$366,ROUNDDOWN($C2123/24,0)+1,1))-1)+IF('Standard Profiles'!$G$19=$B$10,7,0)+IF('Standard Profiles'!$G$19=$B$17,14,0)+IF('Standard Profiles'!$G$19=$B$24,21,0),0)),0)</f>
        <v>0</v>
      </c>
      <c r="F2123" cm="1">
        <f t="array" ref="F2123">IFERROR(INDEX(Jesper!AJ$2:AJ$366,ROUNDDOWN($C2123/24,0)+1,1)*INDEX($D$3:$AA$30,INDEX(Jesper!$R$2:$R$366,ROW(INDEX(Jesper!AJ$2:AJ$366,ROUNDDOWN($C2123/24,0)+1,1))-1)+IF('Standard Profiles'!$G$20=$B$10,7,0)+IF('Standard Profiles'!$G$20=$B$17,14,0)+IF('Standard Profiles'!$G$20=$B$24,21,0),MOD($C2123,24)+1)/SUM(INDEX($D$3:$AA$30,INDEX(Jesper!$R$2:$R$366,ROW(INDEX(Jesper!AJ$2:AJ$366,ROUNDDOWN($C2123/24,0)+1,1))-1)+IF('Standard Profiles'!$G$20=$B$10,7,0)+IF('Standard Profiles'!$G$20=$B$17,14,0)+IF('Standard Profiles'!$G$20=$B$24,21,0),0)),0)</f>
        <v>0</v>
      </c>
      <c r="G2123" cm="1">
        <f t="array" ref="G2123">IFERROR(INDEX(Jesper!AK$2:AK$366,ROUNDDOWN($C2123/24,0)+1,1)*INDEX($D$3:$AA$30,INDEX(Jesper!$R$2:$R$366,ROW(INDEX(Jesper!AK$2:AK$366,ROUNDDOWN($C2123/24,0)+1,1))-1)+IF('Standard Profiles'!$G$21=$B$10,7,0)+IF('Standard Profiles'!$G$21=$B$17,14,0)+IF('Standard Profiles'!$G$21=$B$24,21,0),MOD($C2123,24)+1)/SUM(INDEX($D$3:$AA$30,INDEX(Jesper!$R$2:$R$366,ROW(INDEX(Jesper!AK$2:AK$366,ROUNDDOWN($C2123/24,0)+1,1))-1)+IF('Standard Profiles'!$G$21=$B$10,7,0)+IF('Standard Profiles'!$G$21=$B$17,14,0)+IF('Standard Profiles'!$G$21=$B$24,21,0),0)),0)</f>
        <v>0</v>
      </c>
      <c r="H2123" cm="1">
        <f t="array" ref="H2123">IFERROR(INDEX(Jesper!AL$2:AL$366,ROUNDDOWN($C2123/24,0)+1,1)*INDEX($D$3:$AA$30,INDEX(Jesper!$R$2:$R$366,ROW(INDEX(Jesper!AL$2:AL$366,ROUNDDOWN($C2123/24,0)+1,1))-1)+IF('Standard Profiles'!$G$22=$B$10,7,0)+IF('Standard Profiles'!$G$22=$B$17,14,0)+IF('Standard Profiles'!$G$22=$B$24,21,0),MOD($C2123,24)+1)/SUM(INDEX($D$3:$AA$30,INDEX(Jesper!$R$2:$R$366,ROW(INDEX(Jesper!AL$2:AL$366,ROUNDDOWN($C2123/24,0)+1,1))-1)+IF('Standard Profiles'!$G$22=$B$10,7,0)+IF('Standard Profiles'!$G$22=$B$17,14,0)+IF('Standard Profiles'!$G$22=$B$24,21,0),0)),0)</f>
        <v>0</v>
      </c>
      <c r="I2123">
        <f t="shared" si="244"/>
        <v>0.24634385746974219</v>
      </c>
      <c r="J2123">
        <f t="shared" si="245"/>
        <v>0.82114619156580737</v>
      </c>
      <c r="K2123">
        <f t="shared" si="246"/>
        <v>1.2317192873487111</v>
      </c>
      <c r="L2123">
        <f t="shared" si="247"/>
        <v>5.9122525792738125</v>
      </c>
      <c r="M2123">
        <f t="shared" si="248"/>
        <v>0</v>
      </c>
      <c r="N2123" s="46">
        <f t="shared" si="249"/>
        <v>45379.0416666616</v>
      </c>
    </row>
    <row r="2124" spans="2:14" x14ac:dyDescent="0.3">
      <c r="B2124">
        <f t="shared" si="243"/>
        <v>4</v>
      </c>
      <c r="C2124" s="16">
        <v>2090</v>
      </c>
      <c r="D2124" cm="1">
        <f t="array" ref="D2124">IFERROR(INDEX(Jesper!AH$2:AH$366,ROUNDDOWN($C2124/24,0)+1,1)*INDEX($D$3:$AA$30,INDEX(Jesper!$R$2:$R$366,ROW(INDEX(Jesper!AH$2:AH$366,ROUNDDOWN($C2124/24,0)+1,1))-1)+IF('Standard Profiles'!$G$18=$B$10,7,0)+IF('Standard Profiles'!$G$18=$B$17,14,0)+IF('Standard Profiles'!$G$18=$B$24,21,0),MOD($C2124,24)+1)/SUM(INDEX($D$3:$AA$30,INDEX(Jesper!$R$2:$R$366,ROW(INDEX(Jesper!AH$2:AH$366,ROUNDDOWN($C2124/24,0)+1,1))-1)+IF('Standard Profiles'!$G$18=$B$10,7,0)+IF('Standard Profiles'!$G$18=$B$17,14,0)+IF('Standard Profiles'!$G$18=$B$24,21,0),0)),0)</f>
        <v>8.2114619156580737</v>
      </c>
      <c r="E2124" cm="1">
        <f t="array" ref="E2124">IFERROR(INDEX(Jesper!AI$2:AI$366,ROUNDDOWN($C2124/24,0)+1,1)*INDEX($D$3:$AA$30,INDEX(Jesper!$R$2:$R$366,ROW(INDEX(Jesper!AI$2:AI$366,ROUNDDOWN($C2124/24,0)+1,1))-1)+IF('Standard Profiles'!$G$19=$B$10,7,0)+IF('Standard Profiles'!$G$19=$B$17,14,0)+IF('Standard Profiles'!$G$19=$B$24,21,0),MOD($C2124,24)+1)/SUM(INDEX($D$3:$AA$30,INDEX(Jesper!$R$2:$R$366,ROW(INDEX(Jesper!AI$2:AI$366,ROUNDDOWN($C2124/24,0)+1,1))-1)+IF('Standard Profiles'!$G$19=$B$10,7,0)+IF('Standard Profiles'!$G$19=$B$17,14,0)+IF('Standard Profiles'!$G$19=$B$24,21,0),0)),0)</f>
        <v>0</v>
      </c>
      <c r="F2124" cm="1">
        <f t="array" ref="F2124">IFERROR(INDEX(Jesper!AJ$2:AJ$366,ROUNDDOWN($C2124/24,0)+1,1)*INDEX($D$3:$AA$30,INDEX(Jesper!$R$2:$R$366,ROW(INDEX(Jesper!AJ$2:AJ$366,ROUNDDOWN($C2124/24,0)+1,1))-1)+IF('Standard Profiles'!$G$20=$B$10,7,0)+IF('Standard Profiles'!$G$20=$B$17,14,0)+IF('Standard Profiles'!$G$20=$B$24,21,0),MOD($C2124,24)+1)/SUM(INDEX($D$3:$AA$30,INDEX(Jesper!$R$2:$R$366,ROW(INDEX(Jesper!AJ$2:AJ$366,ROUNDDOWN($C2124/24,0)+1,1))-1)+IF('Standard Profiles'!$G$20=$B$10,7,0)+IF('Standard Profiles'!$G$20=$B$17,14,0)+IF('Standard Profiles'!$G$20=$B$24,21,0),0)),0)</f>
        <v>0</v>
      </c>
      <c r="G2124" cm="1">
        <f t="array" ref="G2124">IFERROR(INDEX(Jesper!AK$2:AK$366,ROUNDDOWN($C2124/24,0)+1,1)*INDEX($D$3:$AA$30,INDEX(Jesper!$R$2:$R$366,ROW(INDEX(Jesper!AK$2:AK$366,ROUNDDOWN($C2124/24,0)+1,1))-1)+IF('Standard Profiles'!$G$21=$B$10,7,0)+IF('Standard Profiles'!$G$21=$B$17,14,0)+IF('Standard Profiles'!$G$21=$B$24,21,0),MOD($C2124,24)+1)/SUM(INDEX($D$3:$AA$30,INDEX(Jesper!$R$2:$R$366,ROW(INDEX(Jesper!AK$2:AK$366,ROUNDDOWN($C2124/24,0)+1,1))-1)+IF('Standard Profiles'!$G$21=$B$10,7,0)+IF('Standard Profiles'!$G$21=$B$17,14,0)+IF('Standard Profiles'!$G$21=$B$24,21,0),0)),0)</f>
        <v>0</v>
      </c>
      <c r="H2124" cm="1">
        <f t="array" ref="H2124">IFERROR(INDEX(Jesper!AL$2:AL$366,ROUNDDOWN($C2124/24,0)+1,1)*INDEX($D$3:$AA$30,INDEX(Jesper!$R$2:$R$366,ROW(INDEX(Jesper!AL$2:AL$366,ROUNDDOWN($C2124/24,0)+1,1))-1)+IF('Standard Profiles'!$G$22=$B$10,7,0)+IF('Standard Profiles'!$G$22=$B$17,14,0)+IF('Standard Profiles'!$G$22=$B$24,21,0),MOD($C2124,24)+1)/SUM(INDEX($D$3:$AA$30,INDEX(Jesper!$R$2:$R$366,ROW(INDEX(Jesper!AL$2:AL$366,ROUNDDOWN($C2124/24,0)+1,1))-1)+IF('Standard Profiles'!$G$22=$B$10,7,0)+IF('Standard Profiles'!$G$22=$B$17,14,0)+IF('Standard Profiles'!$G$22=$B$24,21,0),0)),0)</f>
        <v>0</v>
      </c>
      <c r="I2124">
        <f t="shared" si="244"/>
        <v>0.24634385746974219</v>
      </c>
      <c r="J2124">
        <f t="shared" si="245"/>
        <v>0.82114619156580737</v>
      </c>
      <c r="K2124">
        <f t="shared" si="246"/>
        <v>1.2317192873487111</v>
      </c>
      <c r="L2124">
        <f t="shared" si="247"/>
        <v>5.9122525792738125</v>
      </c>
      <c r="M2124">
        <f t="shared" si="248"/>
        <v>0</v>
      </c>
      <c r="N2124" s="46">
        <f t="shared" si="249"/>
        <v>45379.083333328264</v>
      </c>
    </row>
    <row r="2125" spans="2:14" x14ac:dyDescent="0.3">
      <c r="B2125">
        <f t="shared" si="243"/>
        <v>4</v>
      </c>
      <c r="C2125" s="16">
        <v>2091</v>
      </c>
      <c r="D2125" cm="1">
        <f t="array" ref="D2125">IFERROR(INDEX(Jesper!AH$2:AH$366,ROUNDDOWN($C2125/24,0)+1,1)*INDEX($D$3:$AA$30,INDEX(Jesper!$R$2:$R$366,ROW(INDEX(Jesper!AH$2:AH$366,ROUNDDOWN($C2125/24,0)+1,1))-1)+IF('Standard Profiles'!$G$18=$B$10,7,0)+IF('Standard Profiles'!$G$18=$B$17,14,0)+IF('Standard Profiles'!$G$18=$B$24,21,0),MOD($C2125,24)+1)/SUM(INDEX($D$3:$AA$30,INDEX(Jesper!$R$2:$R$366,ROW(INDEX(Jesper!AH$2:AH$366,ROUNDDOWN($C2125/24,0)+1,1))-1)+IF('Standard Profiles'!$G$18=$B$10,7,0)+IF('Standard Profiles'!$G$18=$B$17,14,0)+IF('Standard Profiles'!$G$18=$B$24,21,0),0)),0)</f>
        <v>8.2114619156580737</v>
      </c>
      <c r="E2125" cm="1">
        <f t="array" ref="E2125">IFERROR(INDEX(Jesper!AI$2:AI$366,ROUNDDOWN($C2125/24,0)+1,1)*INDEX($D$3:$AA$30,INDEX(Jesper!$R$2:$R$366,ROW(INDEX(Jesper!AI$2:AI$366,ROUNDDOWN($C2125/24,0)+1,1))-1)+IF('Standard Profiles'!$G$19=$B$10,7,0)+IF('Standard Profiles'!$G$19=$B$17,14,0)+IF('Standard Profiles'!$G$19=$B$24,21,0),MOD($C2125,24)+1)/SUM(INDEX($D$3:$AA$30,INDEX(Jesper!$R$2:$R$366,ROW(INDEX(Jesper!AI$2:AI$366,ROUNDDOWN($C2125/24,0)+1,1))-1)+IF('Standard Profiles'!$G$19=$B$10,7,0)+IF('Standard Profiles'!$G$19=$B$17,14,0)+IF('Standard Profiles'!$G$19=$B$24,21,0),0)),0)</f>
        <v>0</v>
      </c>
      <c r="F2125" cm="1">
        <f t="array" ref="F2125">IFERROR(INDEX(Jesper!AJ$2:AJ$366,ROUNDDOWN($C2125/24,0)+1,1)*INDEX($D$3:$AA$30,INDEX(Jesper!$R$2:$R$366,ROW(INDEX(Jesper!AJ$2:AJ$366,ROUNDDOWN($C2125/24,0)+1,1))-1)+IF('Standard Profiles'!$G$20=$B$10,7,0)+IF('Standard Profiles'!$G$20=$B$17,14,0)+IF('Standard Profiles'!$G$20=$B$24,21,0),MOD($C2125,24)+1)/SUM(INDEX($D$3:$AA$30,INDEX(Jesper!$R$2:$R$366,ROW(INDEX(Jesper!AJ$2:AJ$366,ROUNDDOWN($C2125/24,0)+1,1))-1)+IF('Standard Profiles'!$G$20=$B$10,7,0)+IF('Standard Profiles'!$G$20=$B$17,14,0)+IF('Standard Profiles'!$G$20=$B$24,21,0),0)),0)</f>
        <v>0</v>
      </c>
      <c r="G2125" cm="1">
        <f t="array" ref="G2125">IFERROR(INDEX(Jesper!AK$2:AK$366,ROUNDDOWN($C2125/24,0)+1,1)*INDEX($D$3:$AA$30,INDEX(Jesper!$R$2:$R$366,ROW(INDEX(Jesper!AK$2:AK$366,ROUNDDOWN($C2125/24,0)+1,1))-1)+IF('Standard Profiles'!$G$21=$B$10,7,0)+IF('Standard Profiles'!$G$21=$B$17,14,0)+IF('Standard Profiles'!$G$21=$B$24,21,0),MOD($C2125,24)+1)/SUM(INDEX($D$3:$AA$30,INDEX(Jesper!$R$2:$R$366,ROW(INDEX(Jesper!AK$2:AK$366,ROUNDDOWN($C2125/24,0)+1,1))-1)+IF('Standard Profiles'!$G$21=$B$10,7,0)+IF('Standard Profiles'!$G$21=$B$17,14,0)+IF('Standard Profiles'!$G$21=$B$24,21,0),0)),0)</f>
        <v>0</v>
      </c>
      <c r="H2125" cm="1">
        <f t="array" ref="H2125">IFERROR(INDEX(Jesper!AL$2:AL$366,ROUNDDOWN($C2125/24,0)+1,1)*INDEX($D$3:$AA$30,INDEX(Jesper!$R$2:$R$366,ROW(INDEX(Jesper!AL$2:AL$366,ROUNDDOWN($C2125/24,0)+1,1))-1)+IF('Standard Profiles'!$G$22=$B$10,7,0)+IF('Standard Profiles'!$G$22=$B$17,14,0)+IF('Standard Profiles'!$G$22=$B$24,21,0),MOD($C2125,24)+1)/SUM(INDEX($D$3:$AA$30,INDEX(Jesper!$R$2:$R$366,ROW(INDEX(Jesper!AL$2:AL$366,ROUNDDOWN($C2125/24,0)+1,1))-1)+IF('Standard Profiles'!$G$22=$B$10,7,0)+IF('Standard Profiles'!$G$22=$B$17,14,0)+IF('Standard Profiles'!$G$22=$B$24,21,0),0)),0)</f>
        <v>0</v>
      </c>
      <c r="I2125">
        <f t="shared" si="244"/>
        <v>0.24634385746974219</v>
      </c>
      <c r="J2125">
        <f t="shared" si="245"/>
        <v>0.82114619156580737</v>
      </c>
      <c r="K2125">
        <f t="shared" si="246"/>
        <v>1.2317192873487111</v>
      </c>
      <c r="L2125">
        <f t="shared" si="247"/>
        <v>5.9122525792738125</v>
      </c>
      <c r="M2125">
        <f t="shared" si="248"/>
        <v>0</v>
      </c>
      <c r="N2125" s="46">
        <f t="shared" si="249"/>
        <v>45379.124999994929</v>
      </c>
    </row>
    <row r="2126" spans="2:14" x14ac:dyDescent="0.3">
      <c r="B2126">
        <f t="shared" si="243"/>
        <v>4</v>
      </c>
      <c r="C2126" s="16">
        <v>2092</v>
      </c>
      <c r="D2126" cm="1">
        <f t="array" ref="D2126">IFERROR(INDEX(Jesper!AH$2:AH$366,ROUNDDOWN($C2126/24,0)+1,1)*INDEX($D$3:$AA$30,INDEX(Jesper!$R$2:$R$366,ROW(INDEX(Jesper!AH$2:AH$366,ROUNDDOWN($C2126/24,0)+1,1))-1)+IF('Standard Profiles'!$G$18=$B$10,7,0)+IF('Standard Profiles'!$G$18=$B$17,14,0)+IF('Standard Profiles'!$G$18=$B$24,21,0),MOD($C2126,24)+1)/SUM(INDEX($D$3:$AA$30,INDEX(Jesper!$R$2:$R$366,ROW(INDEX(Jesper!AH$2:AH$366,ROUNDDOWN($C2126/24,0)+1,1))-1)+IF('Standard Profiles'!$G$18=$B$10,7,0)+IF('Standard Profiles'!$G$18=$B$17,14,0)+IF('Standard Profiles'!$G$18=$B$24,21,0),0)),0)</f>
        <v>8.2114619156580737</v>
      </c>
      <c r="E2126" cm="1">
        <f t="array" ref="E2126">IFERROR(INDEX(Jesper!AI$2:AI$366,ROUNDDOWN($C2126/24,0)+1,1)*INDEX($D$3:$AA$30,INDEX(Jesper!$R$2:$R$366,ROW(INDEX(Jesper!AI$2:AI$366,ROUNDDOWN($C2126/24,0)+1,1))-1)+IF('Standard Profiles'!$G$19=$B$10,7,0)+IF('Standard Profiles'!$G$19=$B$17,14,0)+IF('Standard Profiles'!$G$19=$B$24,21,0),MOD($C2126,24)+1)/SUM(INDEX($D$3:$AA$30,INDEX(Jesper!$R$2:$R$366,ROW(INDEX(Jesper!AI$2:AI$366,ROUNDDOWN($C2126/24,0)+1,1))-1)+IF('Standard Profiles'!$G$19=$B$10,7,0)+IF('Standard Profiles'!$G$19=$B$17,14,0)+IF('Standard Profiles'!$G$19=$B$24,21,0),0)),0)</f>
        <v>0</v>
      </c>
      <c r="F2126" cm="1">
        <f t="array" ref="F2126">IFERROR(INDEX(Jesper!AJ$2:AJ$366,ROUNDDOWN($C2126/24,0)+1,1)*INDEX($D$3:$AA$30,INDEX(Jesper!$R$2:$R$366,ROW(INDEX(Jesper!AJ$2:AJ$366,ROUNDDOWN($C2126/24,0)+1,1))-1)+IF('Standard Profiles'!$G$20=$B$10,7,0)+IF('Standard Profiles'!$G$20=$B$17,14,0)+IF('Standard Profiles'!$G$20=$B$24,21,0),MOD($C2126,24)+1)/SUM(INDEX($D$3:$AA$30,INDEX(Jesper!$R$2:$R$366,ROW(INDEX(Jesper!AJ$2:AJ$366,ROUNDDOWN($C2126/24,0)+1,1))-1)+IF('Standard Profiles'!$G$20=$B$10,7,0)+IF('Standard Profiles'!$G$20=$B$17,14,0)+IF('Standard Profiles'!$G$20=$B$24,21,0),0)),0)</f>
        <v>0</v>
      </c>
      <c r="G2126" cm="1">
        <f t="array" ref="G2126">IFERROR(INDEX(Jesper!AK$2:AK$366,ROUNDDOWN($C2126/24,0)+1,1)*INDEX($D$3:$AA$30,INDEX(Jesper!$R$2:$R$366,ROW(INDEX(Jesper!AK$2:AK$366,ROUNDDOWN($C2126/24,0)+1,1))-1)+IF('Standard Profiles'!$G$21=$B$10,7,0)+IF('Standard Profiles'!$G$21=$B$17,14,0)+IF('Standard Profiles'!$G$21=$B$24,21,0),MOD($C2126,24)+1)/SUM(INDEX($D$3:$AA$30,INDEX(Jesper!$R$2:$R$366,ROW(INDEX(Jesper!AK$2:AK$366,ROUNDDOWN($C2126/24,0)+1,1))-1)+IF('Standard Profiles'!$G$21=$B$10,7,0)+IF('Standard Profiles'!$G$21=$B$17,14,0)+IF('Standard Profiles'!$G$21=$B$24,21,0),0)),0)</f>
        <v>0</v>
      </c>
      <c r="H2126" cm="1">
        <f t="array" ref="H2126">IFERROR(INDEX(Jesper!AL$2:AL$366,ROUNDDOWN($C2126/24,0)+1,1)*INDEX($D$3:$AA$30,INDEX(Jesper!$R$2:$R$366,ROW(INDEX(Jesper!AL$2:AL$366,ROUNDDOWN($C2126/24,0)+1,1))-1)+IF('Standard Profiles'!$G$22=$B$10,7,0)+IF('Standard Profiles'!$G$22=$B$17,14,0)+IF('Standard Profiles'!$G$22=$B$24,21,0),MOD($C2126,24)+1)/SUM(INDEX($D$3:$AA$30,INDEX(Jesper!$R$2:$R$366,ROW(INDEX(Jesper!AL$2:AL$366,ROUNDDOWN($C2126/24,0)+1,1))-1)+IF('Standard Profiles'!$G$22=$B$10,7,0)+IF('Standard Profiles'!$G$22=$B$17,14,0)+IF('Standard Profiles'!$G$22=$B$24,21,0),0)),0)</f>
        <v>0</v>
      </c>
      <c r="I2126">
        <f t="shared" si="244"/>
        <v>0.24634385746974219</v>
      </c>
      <c r="J2126">
        <f t="shared" si="245"/>
        <v>0.82114619156580737</v>
      </c>
      <c r="K2126">
        <f t="shared" si="246"/>
        <v>1.2317192873487111</v>
      </c>
      <c r="L2126">
        <f t="shared" si="247"/>
        <v>5.9122525792738125</v>
      </c>
      <c r="M2126">
        <f t="shared" si="248"/>
        <v>0</v>
      </c>
      <c r="N2126" s="46">
        <f t="shared" si="249"/>
        <v>45379.166666661593</v>
      </c>
    </row>
    <row r="2127" spans="2:14" x14ac:dyDescent="0.3">
      <c r="B2127">
        <f t="shared" si="243"/>
        <v>4</v>
      </c>
      <c r="C2127" s="16">
        <v>2093</v>
      </c>
      <c r="D2127" cm="1">
        <f t="array" ref="D2127">IFERROR(INDEX(Jesper!AH$2:AH$366,ROUNDDOWN($C2127/24,0)+1,1)*INDEX($D$3:$AA$30,INDEX(Jesper!$R$2:$R$366,ROW(INDEX(Jesper!AH$2:AH$366,ROUNDDOWN($C2127/24,0)+1,1))-1)+IF('Standard Profiles'!$G$18=$B$10,7,0)+IF('Standard Profiles'!$G$18=$B$17,14,0)+IF('Standard Profiles'!$G$18=$B$24,21,0),MOD($C2127,24)+1)/SUM(INDEX($D$3:$AA$30,INDEX(Jesper!$R$2:$R$366,ROW(INDEX(Jesper!AH$2:AH$366,ROUNDDOWN($C2127/24,0)+1,1))-1)+IF('Standard Profiles'!$G$18=$B$10,7,0)+IF('Standard Profiles'!$G$18=$B$17,14,0)+IF('Standard Profiles'!$G$18=$B$24,21,0),0)),0)</f>
        <v>10.583662024625962</v>
      </c>
      <c r="E2127" cm="1">
        <f t="array" ref="E2127">IFERROR(INDEX(Jesper!AI$2:AI$366,ROUNDDOWN($C2127/24,0)+1,1)*INDEX($D$3:$AA$30,INDEX(Jesper!$R$2:$R$366,ROW(INDEX(Jesper!AI$2:AI$366,ROUNDDOWN($C2127/24,0)+1,1))-1)+IF('Standard Profiles'!$G$19=$B$10,7,0)+IF('Standard Profiles'!$G$19=$B$17,14,0)+IF('Standard Profiles'!$G$19=$B$24,21,0),MOD($C2127,24)+1)/SUM(INDEX($D$3:$AA$30,INDEX(Jesper!$R$2:$R$366,ROW(INDEX(Jesper!AI$2:AI$366,ROUNDDOWN($C2127/24,0)+1,1))-1)+IF('Standard Profiles'!$G$19=$B$10,7,0)+IF('Standard Profiles'!$G$19=$B$17,14,0)+IF('Standard Profiles'!$G$19=$B$24,21,0),0)),0)</f>
        <v>0</v>
      </c>
      <c r="F2127" cm="1">
        <f t="array" ref="F2127">IFERROR(INDEX(Jesper!AJ$2:AJ$366,ROUNDDOWN($C2127/24,0)+1,1)*INDEX($D$3:$AA$30,INDEX(Jesper!$R$2:$R$366,ROW(INDEX(Jesper!AJ$2:AJ$366,ROUNDDOWN($C2127/24,0)+1,1))-1)+IF('Standard Profiles'!$G$20=$B$10,7,0)+IF('Standard Profiles'!$G$20=$B$17,14,0)+IF('Standard Profiles'!$G$20=$B$24,21,0),MOD($C2127,24)+1)/SUM(INDEX($D$3:$AA$30,INDEX(Jesper!$R$2:$R$366,ROW(INDEX(Jesper!AJ$2:AJ$366,ROUNDDOWN($C2127/24,0)+1,1))-1)+IF('Standard Profiles'!$G$20=$B$10,7,0)+IF('Standard Profiles'!$G$20=$B$17,14,0)+IF('Standard Profiles'!$G$20=$B$24,21,0),0)),0)</f>
        <v>0</v>
      </c>
      <c r="G2127" cm="1">
        <f t="array" ref="G2127">IFERROR(INDEX(Jesper!AK$2:AK$366,ROUNDDOWN($C2127/24,0)+1,1)*INDEX($D$3:$AA$30,INDEX(Jesper!$R$2:$R$366,ROW(INDEX(Jesper!AK$2:AK$366,ROUNDDOWN($C2127/24,0)+1,1))-1)+IF('Standard Profiles'!$G$21=$B$10,7,0)+IF('Standard Profiles'!$G$21=$B$17,14,0)+IF('Standard Profiles'!$G$21=$B$24,21,0),MOD($C2127,24)+1)/SUM(INDEX($D$3:$AA$30,INDEX(Jesper!$R$2:$R$366,ROW(INDEX(Jesper!AK$2:AK$366,ROUNDDOWN($C2127/24,0)+1,1))-1)+IF('Standard Profiles'!$G$21=$B$10,7,0)+IF('Standard Profiles'!$G$21=$B$17,14,0)+IF('Standard Profiles'!$G$21=$B$24,21,0),0)),0)</f>
        <v>0</v>
      </c>
      <c r="H2127" cm="1">
        <f t="array" ref="H2127">IFERROR(INDEX(Jesper!AL$2:AL$366,ROUNDDOWN($C2127/24,0)+1,1)*INDEX($D$3:$AA$30,INDEX(Jesper!$R$2:$R$366,ROW(INDEX(Jesper!AL$2:AL$366,ROUNDDOWN($C2127/24,0)+1,1))-1)+IF('Standard Profiles'!$G$22=$B$10,7,0)+IF('Standard Profiles'!$G$22=$B$17,14,0)+IF('Standard Profiles'!$G$22=$B$24,21,0),MOD($C2127,24)+1)/SUM(INDEX($D$3:$AA$30,INDEX(Jesper!$R$2:$R$366,ROW(INDEX(Jesper!AL$2:AL$366,ROUNDDOWN($C2127/24,0)+1,1))-1)+IF('Standard Profiles'!$G$22=$B$10,7,0)+IF('Standard Profiles'!$G$22=$B$17,14,0)+IF('Standard Profiles'!$G$22=$B$24,21,0),0)),0)</f>
        <v>0</v>
      </c>
      <c r="I2127">
        <f t="shared" si="244"/>
        <v>0.31750986073877885</v>
      </c>
      <c r="J2127">
        <f t="shared" si="245"/>
        <v>1.0583662024625962</v>
      </c>
      <c r="K2127">
        <f t="shared" si="246"/>
        <v>1.5875493036938944</v>
      </c>
      <c r="L2127">
        <f t="shared" si="247"/>
        <v>7.6202366577306924</v>
      </c>
      <c r="M2127">
        <f t="shared" si="248"/>
        <v>0</v>
      </c>
      <c r="N2127" s="46">
        <f t="shared" si="249"/>
        <v>45379.208333328257</v>
      </c>
    </row>
    <row r="2128" spans="2:14" x14ac:dyDescent="0.3">
      <c r="B2128">
        <f t="shared" si="243"/>
        <v>4</v>
      </c>
      <c r="C2128" s="16">
        <v>2094</v>
      </c>
      <c r="D2128" cm="1">
        <f t="array" ref="D2128">IFERROR(INDEX(Jesper!AH$2:AH$366,ROUNDDOWN($C2128/24,0)+1,1)*INDEX($D$3:$AA$30,INDEX(Jesper!$R$2:$R$366,ROW(INDEX(Jesper!AH$2:AH$366,ROUNDDOWN($C2128/24,0)+1,1))-1)+IF('Standard Profiles'!$G$18=$B$10,7,0)+IF('Standard Profiles'!$G$18=$B$17,14,0)+IF('Standard Profiles'!$G$18=$B$24,21,0),MOD($C2128,24)+1)/SUM(INDEX($D$3:$AA$30,INDEX(Jesper!$R$2:$R$366,ROW(INDEX(Jesper!AH$2:AH$366,ROUNDDOWN($C2128/24,0)+1,1))-1)+IF('Standard Profiles'!$G$18=$B$10,7,0)+IF('Standard Profiles'!$G$18=$B$17,14,0)+IF('Standard Profiles'!$G$18=$B$24,21,0),0)),0)</f>
        <v>12.225954407757577</v>
      </c>
      <c r="E2128" cm="1">
        <f t="array" ref="E2128">IFERROR(INDEX(Jesper!AI$2:AI$366,ROUNDDOWN($C2128/24,0)+1,1)*INDEX($D$3:$AA$30,INDEX(Jesper!$R$2:$R$366,ROW(INDEX(Jesper!AI$2:AI$366,ROUNDDOWN($C2128/24,0)+1,1))-1)+IF('Standard Profiles'!$G$19=$B$10,7,0)+IF('Standard Profiles'!$G$19=$B$17,14,0)+IF('Standard Profiles'!$G$19=$B$24,21,0),MOD($C2128,24)+1)/SUM(INDEX($D$3:$AA$30,INDEX(Jesper!$R$2:$R$366,ROW(INDEX(Jesper!AI$2:AI$366,ROUNDDOWN($C2128/24,0)+1,1))-1)+IF('Standard Profiles'!$G$19=$B$10,7,0)+IF('Standard Profiles'!$G$19=$B$17,14,0)+IF('Standard Profiles'!$G$19=$B$24,21,0),0)),0)</f>
        <v>0</v>
      </c>
      <c r="F2128" cm="1">
        <f t="array" ref="F2128">IFERROR(INDEX(Jesper!AJ$2:AJ$366,ROUNDDOWN($C2128/24,0)+1,1)*INDEX($D$3:$AA$30,INDEX(Jesper!$R$2:$R$366,ROW(INDEX(Jesper!AJ$2:AJ$366,ROUNDDOWN($C2128/24,0)+1,1))-1)+IF('Standard Profiles'!$G$20=$B$10,7,0)+IF('Standard Profiles'!$G$20=$B$17,14,0)+IF('Standard Profiles'!$G$20=$B$24,21,0),MOD($C2128,24)+1)/SUM(INDEX($D$3:$AA$30,INDEX(Jesper!$R$2:$R$366,ROW(INDEX(Jesper!AJ$2:AJ$366,ROUNDDOWN($C2128/24,0)+1,1))-1)+IF('Standard Profiles'!$G$20=$B$10,7,0)+IF('Standard Profiles'!$G$20=$B$17,14,0)+IF('Standard Profiles'!$G$20=$B$24,21,0),0)),0)</f>
        <v>0</v>
      </c>
      <c r="G2128" cm="1">
        <f t="array" ref="G2128">IFERROR(INDEX(Jesper!AK$2:AK$366,ROUNDDOWN($C2128/24,0)+1,1)*INDEX($D$3:$AA$30,INDEX(Jesper!$R$2:$R$366,ROW(INDEX(Jesper!AK$2:AK$366,ROUNDDOWN($C2128/24,0)+1,1))-1)+IF('Standard Profiles'!$G$21=$B$10,7,0)+IF('Standard Profiles'!$G$21=$B$17,14,0)+IF('Standard Profiles'!$G$21=$B$24,21,0),MOD($C2128,24)+1)/SUM(INDEX($D$3:$AA$30,INDEX(Jesper!$R$2:$R$366,ROW(INDEX(Jesper!AK$2:AK$366,ROUNDDOWN($C2128/24,0)+1,1))-1)+IF('Standard Profiles'!$G$21=$B$10,7,0)+IF('Standard Profiles'!$G$21=$B$17,14,0)+IF('Standard Profiles'!$G$21=$B$24,21,0),0)),0)</f>
        <v>0</v>
      </c>
      <c r="H2128" cm="1">
        <f t="array" ref="H2128">IFERROR(INDEX(Jesper!AL$2:AL$366,ROUNDDOWN($C2128/24,0)+1,1)*INDEX($D$3:$AA$30,INDEX(Jesper!$R$2:$R$366,ROW(INDEX(Jesper!AL$2:AL$366,ROUNDDOWN($C2128/24,0)+1,1))-1)+IF('Standard Profiles'!$G$22=$B$10,7,0)+IF('Standard Profiles'!$G$22=$B$17,14,0)+IF('Standard Profiles'!$G$22=$B$24,21,0),MOD($C2128,24)+1)/SUM(INDEX($D$3:$AA$30,INDEX(Jesper!$R$2:$R$366,ROW(INDEX(Jesper!AL$2:AL$366,ROUNDDOWN($C2128/24,0)+1,1))-1)+IF('Standard Profiles'!$G$22=$B$10,7,0)+IF('Standard Profiles'!$G$22=$B$17,14,0)+IF('Standard Profiles'!$G$22=$B$24,21,0),0)),0)</f>
        <v>0</v>
      </c>
      <c r="I2128">
        <f t="shared" si="244"/>
        <v>0.36677863223272728</v>
      </c>
      <c r="J2128">
        <f t="shared" si="245"/>
        <v>1.2225954407757578</v>
      </c>
      <c r="K2128">
        <f t="shared" si="246"/>
        <v>1.8338931611636364</v>
      </c>
      <c r="L2128">
        <f t="shared" si="247"/>
        <v>8.8026871735854542</v>
      </c>
      <c r="M2128">
        <f t="shared" si="248"/>
        <v>0</v>
      </c>
      <c r="N2128" s="46">
        <f t="shared" si="249"/>
        <v>45379.249999994921</v>
      </c>
    </row>
    <row r="2129" spans="2:14" x14ac:dyDescent="0.3">
      <c r="B2129">
        <f t="shared" si="243"/>
        <v>4</v>
      </c>
      <c r="C2129" s="16">
        <v>2095</v>
      </c>
      <c r="D2129" cm="1">
        <f t="array" ref="D2129">IFERROR(INDEX(Jesper!AH$2:AH$366,ROUNDDOWN($C2129/24,0)+1,1)*INDEX($D$3:$AA$30,INDEX(Jesper!$R$2:$R$366,ROW(INDEX(Jesper!AH$2:AH$366,ROUNDDOWN($C2129/24,0)+1,1))-1)+IF('Standard Profiles'!$G$18=$B$10,7,0)+IF('Standard Profiles'!$G$18=$B$17,14,0)+IF('Standard Profiles'!$G$18=$B$24,21,0),MOD($C2129,24)+1)/SUM(INDEX($D$3:$AA$30,INDEX(Jesper!$R$2:$R$366,ROW(INDEX(Jesper!AH$2:AH$366,ROUNDDOWN($C2129/24,0)+1,1))-1)+IF('Standard Profiles'!$G$18=$B$10,7,0)+IF('Standard Profiles'!$G$18=$B$17,14,0)+IF('Standard Profiles'!$G$18=$B$24,21,0),0)),0)</f>
        <v>12.225954407757577</v>
      </c>
      <c r="E2129" cm="1">
        <f t="array" ref="E2129">IFERROR(INDEX(Jesper!AI$2:AI$366,ROUNDDOWN($C2129/24,0)+1,1)*INDEX($D$3:$AA$30,INDEX(Jesper!$R$2:$R$366,ROW(INDEX(Jesper!AI$2:AI$366,ROUNDDOWN($C2129/24,0)+1,1))-1)+IF('Standard Profiles'!$G$19=$B$10,7,0)+IF('Standard Profiles'!$G$19=$B$17,14,0)+IF('Standard Profiles'!$G$19=$B$24,21,0),MOD($C2129,24)+1)/SUM(INDEX($D$3:$AA$30,INDEX(Jesper!$R$2:$R$366,ROW(INDEX(Jesper!AI$2:AI$366,ROUNDDOWN($C2129/24,0)+1,1))-1)+IF('Standard Profiles'!$G$19=$B$10,7,0)+IF('Standard Profiles'!$G$19=$B$17,14,0)+IF('Standard Profiles'!$G$19=$B$24,21,0),0)),0)</f>
        <v>0</v>
      </c>
      <c r="F2129" cm="1">
        <f t="array" ref="F2129">IFERROR(INDEX(Jesper!AJ$2:AJ$366,ROUNDDOWN($C2129/24,0)+1,1)*INDEX($D$3:$AA$30,INDEX(Jesper!$R$2:$R$366,ROW(INDEX(Jesper!AJ$2:AJ$366,ROUNDDOWN($C2129/24,0)+1,1))-1)+IF('Standard Profiles'!$G$20=$B$10,7,0)+IF('Standard Profiles'!$G$20=$B$17,14,0)+IF('Standard Profiles'!$G$20=$B$24,21,0),MOD($C2129,24)+1)/SUM(INDEX($D$3:$AA$30,INDEX(Jesper!$R$2:$R$366,ROW(INDEX(Jesper!AJ$2:AJ$366,ROUNDDOWN($C2129/24,0)+1,1))-1)+IF('Standard Profiles'!$G$20=$B$10,7,0)+IF('Standard Profiles'!$G$20=$B$17,14,0)+IF('Standard Profiles'!$G$20=$B$24,21,0),0)),0)</f>
        <v>0</v>
      </c>
      <c r="G2129" cm="1">
        <f t="array" ref="G2129">IFERROR(INDEX(Jesper!AK$2:AK$366,ROUNDDOWN($C2129/24,0)+1,1)*INDEX($D$3:$AA$30,INDEX(Jesper!$R$2:$R$366,ROW(INDEX(Jesper!AK$2:AK$366,ROUNDDOWN($C2129/24,0)+1,1))-1)+IF('Standard Profiles'!$G$21=$B$10,7,0)+IF('Standard Profiles'!$G$21=$B$17,14,0)+IF('Standard Profiles'!$G$21=$B$24,21,0),MOD($C2129,24)+1)/SUM(INDEX($D$3:$AA$30,INDEX(Jesper!$R$2:$R$366,ROW(INDEX(Jesper!AK$2:AK$366,ROUNDDOWN($C2129/24,0)+1,1))-1)+IF('Standard Profiles'!$G$21=$B$10,7,0)+IF('Standard Profiles'!$G$21=$B$17,14,0)+IF('Standard Profiles'!$G$21=$B$24,21,0),0)),0)</f>
        <v>0</v>
      </c>
      <c r="H2129" cm="1">
        <f t="array" ref="H2129">IFERROR(INDEX(Jesper!AL$2:AL$366,ROUNDDOWN($C2129/24,0)+1,1)*INDEX($D$3:$AA$30,INDEX(Jesper!$R$2:$R$366,ROW(INDEX(Jesper!AL$2:AL$366,ROUNDDOWN($C2129/24,0)+1,1))-1)+IF('Standard Profiles'!$G$22=$B$10,7,0)+IF('Standard Profiles'!$G$22=$B$17,14,0)+IF('Standard Profiles'!$G$22=$B$24,21,0),MOD($C2129,24)+1)/SUM(INDEX($D$3:$AA$30,INDEX(Jesper!$R$2:$R$366,ROW(INDEX(Jesper!AL$2:AL$366,ROUNDDOWN($C2129/24,0)+1,1))-1)+IF('Standard Profiles'!$G$22=$B$10,7,0)+IF('Standard Profiles'!$G$22=$B$17,14,0)+IF('Standard Profiles'!$G$22=$B$24,21,0),0)),0)</f>
        <v>0</v>
      </c>
      <c r="I2129">
        <f t="shared" si="244"/>
        <v>0.36677863223272728</v>
      </c>
      <c r="J2129">
        <f t="shared" si="245"/>
        <v>1.2225954407757578</v>
      </c>
      <c r="K2129">
        <f t="shared" si="246"/>
        <v>1.8338931611636364</v>
      </c>
      <c r="L2129">
        <f t="shared" si="247"/>
        <v>8.8026871735854542</v>
      </c>
      <c r="M2129">
        <f t="shared" si="248"/>
        <v>0</v>
      </c>
      <c r="N2129" s="46">
        <f t="shared" si="249"/>
        <v>45379.291666661586</v>
      </c>
    </row>
    <row r="2130" spans="2:14" x14ac:dyDescent="0.3">
      <c r="B2130">
        <f t="shared" si="243"/>
        <v>4</v>
      </c>
      <c r="C2130" s="16">
        <v>2096</v>
      </c>
      <c r="D2130" cm="1">
        <f t="array" ref="D2130">IFERROR(INDEX(Jesper!AH$2:AH$366,ROUNDDOWN($C2130/24,0)+1,1)*INDEX($D$3:$AA$30,INDEX(Jesper!$R$2:$R$366,ROW(INDEX(Jesper!AH$2:AH$366,ROUNDDOWN($C2130/24,0)+1,1))-1)+IF('Standard Profiles'!$G$18=$B$10,7,0)+IF('Standard Profiles'!$G$18=$B$17,14,0)+IF('Standard Profiles'!$G$18=$B$24,21,0),MOD($C2130,24)+1)/SUM(INDEX($D$3:$AA$30,INDEX(Jesper!$R$2:$R$366,ROW(INDEX(Jesper!AH$2:AH$366,ROUNDDOWN($C2130/24,0)+1,1))-1)+IF('Standard Profiles'!$G$18=$B$10,7,0)+IF('Standard Profiles'!$G$18=$B$17,14,0)+IF('Standard Profiles'!$G$18=$B$24,21,0),0)),0)</f>
        <v>12.225954407757577</v>
      </c>
      <c r="E2130" cm="1">
        <f t="array" ref="E2130">IFERROR(INDEX(Jesper!AI$2:AI$366,ROUNDDOWN($C2130/24,0)+1,1)*INDEX($D$3:$AA$30,INDEX(Jesper!$R$2:$R$366,ROW(INDEX(Jesper!AI$2:AI$366,ROUNDDOWN($C2130/24,0)+1,1))-1)+IF('Standard Profiles'!$G$19=$B$10,7,0)+IF('Standard Profiles'!$G$19=$B$17,14,0)+IF('Standard Profiles'!$G$19=$B$24,21,0),MOD($C2130,24)+1)/SUM(INDEX($D$3:$AA$30,INDEX(Jesper!$R$2:$R$366,ROW(INDEX(Jesper!AI$2:AI$366,ROUNDDOWN($C2130/24,0)+1,1))-1)+IF('Standard Profiles'!$G$19=$B$10,7,0)+IF('Standard Profiles'!$G$19=$B$17,14,0)+IF('Standard Profiles'!$G$19=$B$24,21,0),0)),0)</f>
        <v>0</v>
      </c>
      <c r="F2130" cm="1">
        <f t="array" ref="F2130">IFERROR(INDEX(Jesper!AJ$2:AJ$366,ROUNDDOWN($C2130/24,0)+1,1)*INDEX($D$3:$AA$30,INDEX(Jesper!$R$2:$R$366,ROW(INDEX(Jesper!AJ$2:AJ$366,ROUNDDOWN($C2130/24,0)+1,1))-1)+IF('Standard Profiles'!$G$20=$B$10,7,0)+IF('Standard Profiles'!$G$20=$B$17,14,0)+IF('Standard Profiles'!$G$20=$B$24,21,0),MOD($C2130,24)+1)/SUM(INDEX($D$3:$AA$30,INDEX(Jesper!$R$2:$R$366,ROW(INDEX(Jesper!AJ$2:AJ$366,ROUNDDOWN($C2130/24,0)+1,1))-1)+IF('Standard Profiles'!$G$20=$B$10,7,0)+IF('Standard Profiles'!$G$20=$B$17,14,0)+IF('Standard Profiles'!$G$20=$B$24,21,0),0)),0)</f>
        <v>0</v>
      </c>
      <c r="G2130" cm="1">
        <f t="array" ref="G2130">IFERROR(INDEX(Jesper!AK$2:AK$366,ROUNDDOWN($C2130/24,0)+1,1)*INDEX($D$3:$AA$30,INDEX(Jesper!$R$2:$R$366,ROW(INDEX(Jesper!AK$2:AK$366,ROUNDDOWN($C2130/24,0)+1,1))-1)+IF('Standard Profiles'!$G$21=$B$10,7,0)+IF('Standard Profiles'!$G$21=$B$17,14,0)+IF('Standard Profiles'!$G$21=$B$24,21,0),MOD($C2130,24)+1)/SUM(INDEX($D$3:$AA$30,INDEX(Jesper!$R$2:$R$366,ROW(INDEX(Jesper!AK$2:AK$366,ROUNDDOWN($C2130/24,0)+1,1))-1)+IF('Standard Profiles'!$G$21=$B$10,7,0)+IF('Standard Profiles'!$G$21=$B$17,14,0)+IF('Standard Profiles'!$G$21=$B$24,21,0),0)),0)</f>
        <v>0</v>
      </c>
      <c r="H2130" cm="1">
        <f t="array" ref="H2130">IFERROR(INDEX(Jesper!AL$2:AL$366,ROUNDDOWN($C2130/24,0)+1,1)*INDEX($D$3:$AA$30,INDEX(Jesper!$R$2:$R$366,ROW(INDEX(Jesper!AL$2:AL$366,ROUNDDOWN($C2130/24,0)+1,1))-1)+IF('Standard Profiles'!$G$22=$B$10,7,0)+IF('Standard Profiles'!$G$22=$B$17,14,0)+IF('Standard Profiles'!$G$22=$B$24,21,0),MOD($C2130,24)+1)/SUM(INDEX($D$3:$AA$30,INDEX(Jesper!$R$2:$R$366,ROW(INDEX(Jesper!AL$2:AL$366,ROUNDDOWN($C2130/24,0)+1,1))-1)+IF('Standard Profiles'!$G$22=$B$10,7,0)+IF('Standard Profiles'!$G$22=$B$17,14,0)+IF('Standard Profiles'!$G$22=$B$24,21,0),0)),0)</f>
        <v>0</v>
      </c>
      <c r="I2130">
        <f t="shared" si="244"/>
        <v>0.36677863223272728</v>
      </c>
      <c r="J2130">
        <f t="shared" si="245"/>
        <v>1.2225954407757578</v>
      </c>
      <c r="K2130">
        <f t="shared" si="246"/>
        <v>1.8338931611636364</v>
      </c>
      <c r="L2130">
        <f t="shared" si="247"/>
        <v>8.8026871735854542</v>
      </c>
      <c r="M2130">
        <f t="shared" si="248"/>
        <v>0</v>
      </c>
      <c r="N2130" s="46">
        <f t="shared" si="249"/>
        <v>45379.33333332825</v>
      </c>
    </row>
    <row r="2131" spans="2:14" x14ac:dyDescent="0.3">
      <c r="B2131">
        <f t="shared" si="243"/>
        <v>4</v>
      </c>
      <c r="C2131" s="16">
        <v>2097</v>
      </c>
      <c r="D2131" cm="1">
        <f t="array" ref="D2131">IFERROR(INDEX(Jesper!AH$2:AH$366,ROUNDDOWN($C2131/24,0)+1,1)*INDEX($D$3:$AA$30,INDEX(Jesper!$R$2:$R$366,ROW(INDEX(Jesper!AH$2:AH$366,ROUNDDOWN($C2131/24,0)+1,1))-1)+IF('Standard Profiles'!$G$18=$B$10,7,0)+IF('Standard Profiles'!$G$18=$B$17,14,0)+IF('Standard Profiles'!$G$18=$B$24,21,0),MOD($C2131,24)+1)/SUM(INDEX($D$3:$AA$30,INDEX(Jesper!$R$2:$R$366,ROW(INDEX(Jesper!AH$2:AH$366,ROUNDDOWN($C2131/24,0)+1,1))-1)+IF('Standard Profiles'!$G$18=$B$10,7,0)+IF('Standard Profiles'!$G$18=$B$17,14,0)+IF('Standard Profiles'!$G$18=$B$24,21,0),0)),0)</f>
        <v>13.138339065052918</v>
      </c>
      <c r="E2131" cm="1">
        <f t="array" ref="E2131">IFERROR(INDEX(Jesper!AI$2:AI$366,ROUNDDOWN($C2131/24,0)+1,1)*INDEX($D$3:$AA$30,INDEX(Jesper!$R$2:$R$366,ROW(INDEX(Jesper!AI$2:AI$366,ROUNDDOWN($C2131/24,0)+1,1))-1)+IF('Standard Profiles'!$G$19=$B$10,7,0)+IF('Standard Profiles'!$G$19=$B$17,14,0)+IF('Standard Profiles'!$G$19=$B$24,21,0),MOD($C2131,24)+1)/SUM(INDEX($D$3:$AA$30,INDEX(Jesper!$R$2:$R$366,ROW(INDEX(Jesper!AI$2:AI$366,ROUNDDOWN($C2131/24,0)+1,1))-1)+IF('Standard Profiles'!$G$19=$B$10,7,0)+IF('Standard Profiles'!$G$19=$B$17,14,0)+IF('Standard Profiles'!$G$19=$B$24,21,0),0)),0)</f>
        <v>0</v>
      </c>
      <c r="F2131" cm="1">
        <f t="array" ref="F2131">IFERROR(INDEX(Jesper!AJ$2:AJ$366,ROUNDDOWN($C2131/24,0)+1,1)*INDEX($D$3:$AA$30,INDEX(Jesper!$R$2:$R$366,ROW(INDEX(Jesper!AJ$2:AJ$366,ROUNDDOWN($C2131/24,0)+1,1))-1)+IF('Standard Profiles'!$G$20=$B$10,7,0)+IF('Standard Profiles'!$G$20=$B$17,14,0)+IF('Standard Profiles'!$G$20=$B$24,21,0),MOD($C2131,24)+1)/SUM(INDEX($D$3:$AA$30,INDEX(Jesper!$R$2:$R$366,ROW(INDEX(Jesper!AJ$2:AJ$366,ROUNDDOWN($C2131/24,0)+1,1))-1)+IF('Standard Profiles'!$G$20=$B$10,7,0)+IF('Standard Profiles'!$G$20=$B$17,14,0)+IF('Standard Profiles'!$G$20=$B$24,21,0),0)),0)</f>
        <v>0</v>
      </c>
      <c r="G2131" cm="1">
        <f t="array" ref="G2131">IFERROR(INDEX(Jesper!AK$2:AK$366,ROUNDDOWN($C2131/24,0)+1,1)*INDEX($D$3:$AA$30,INDEX(Jesper!$R$2:$R$366,ROW(INDEX(Jesper!AK$2:AK$366,ROUNDDOWN($C2131/24,0)+1,1))-1)+IF('Standard Profiles'!$G$21=$B$10,7,0)+IF('Standard Profiles'!$G$21=$B$17,14,0)+IF('Standard Profiles'!$G$21=$B$24,21,0),MOD($C2131,24)+1)/SUM(INDEX($D$3:$AA$30,INDEX(Jesper!$R$2:$R$366,ROW(INDEX(Jesper!AK$2:AK$366,ROUNDDOWN($C2131/24,0)+1,1))-1)+IF('Standard Profiles'!$G$21=$B$10,7,0)+IF('Standard Profiles'!$G$21=$B$17,14,0)+IF('Standard Profiles'!$G$21=$B$24,21,0),0)),0)</f>
        <v>0</v>
      </c>
      <c r="H2131" cm="1">
        <f t="array" ref="H2131">IFERROR(INDEX(Jesper!AL$2:AL$366,ROUNDDOWN($C2131/24,0)+1,1)*INDEX($D$3:$AA$30,INDEX(Jesper!$R$2:$R$366,ROW(INDEX(Jesper!AL$2:AL$366,ROUNDDOWN($C2131/24,0)+1,1))-1)+IF('Standard Profiles'!$G$22=$B$10,7,0)+IF('Standard Profiles'!$G$22=$B$17,14,0)+IF('Standard Profiles'!$G$22=$B$24,21,0),MOD($C2131,24)+1)/SUM(INDEX($D$3:$AA$30,INDEX(Jesper!$R$2:$R$366,ROW(INDEX(Jesper!AL$2:AL$366,ROUNDDOWN($C2131/24,0)+1,1))-1)+IF('Standard Profiles'!$G$22=$B$10,7,0)+IF('Standard Profiles'!$G$22=$B$17,14,0)+IF('Standard Profiles'!$G$22=$B$24,21,0),0)),0)</f>
        <v>0</v>
      </c>
      <c r="I2131">
        <f t="shared" si="244"/>
        <v>0.39415017195158752</v>
      </c>
      <c r="J2131">
        <f t="shared" si="245"/>
        <v>1.313833906505292</v>
      </c>
      <c r="K2131">
        <f t="shared" si="246"/>
        <v>1.9707508597579375</v>
      </c>
      <c r="L2131">
        <f t="shared" si="247"/>
        <v>9.4596041268380997</v>
      </c>
      <c r="M2131">
        <f t="shared" si="248"/>
        <v>0</v>
      </c>
      <c r="N2131" s="46">
        <f t="shared" si="249"/>
        <v>45379.374999994914</v>
      </c>
    </row>
    <row r="2132" spans="2:14" x14ac:dyDescent="0.3">
      <c r="B2132">
        <f t="shared" si="243"/>
        <v>4</v>
      </c>
      <c r="C2132" s="16">
        <v>2098</v>
      </c>
      <c r="D2132" cm="1">
        <f t="array" ref="D2132">IFERROR(INDEX(Jesper!AH$2:AH$366,ROUNDDOWN($C2132/24,0)+1,1)*INDEX($D$3:$AA$30,INDEX(Jesper!$R$2:$R$366,ROW(INDEX(Jesper!AH$2:AH$366,ROUNDDOWN($C2132/24,0)+1,1))-1)+IF('Standard Profiles'!$G$18=$B$10,7,0)+IF('Standard Profiles'!$G$18=$B$17,14,0)+IF('Standard Profiles'!$G$18=$B$24,21,0),MOD($C2132,24)+1)/SUM(INDEX($D$3:$AA$30,INDEX(Jesper!$R$2:$R$366,ROW(INDEX(Jesper!AH$2:AH$366,ROUNDDOWN($C2132/24,0)+1,1))-1)+IF('Standard Profiles'!$G$18=$B$10,7,0)+IF('Standard Profiles'!$G$18=$B$17,14,0)+IF('Standard Profiles'!$G$18=$B$24,21,0),0)),0)</f>
        <v>14.233200653807328</v>
      </c>
      <c r="E2132" cm="1">
        <f t="array" ref="E2132">IFERROR(INDEX(Jesper!AI$2:AI$366,ROUNDDOWN($C2132/24,0)+1,1)*INDEX($D$3:$AA$30,INDEX(Jesper!$R$2:$R$366,ROW(INDEX(Jesper!AI$2:AI$366,ROUNDDOWN($C2132/24,0)+1,1))-1)+IF('Standard Profiles'!$G$19=$B$10,7,0)+IF('Standard Profiles'!$G$19=$B$17,14,0)+IF('Standard Profiles'!$G$19=$B$24,21,0),MOD($C2132,24)+1)/SUM(INDEX($D$3:$AA$30,INDEX(Jesper!$R$2:$R$366,ROW(INDEX(Jesper!AI$2:AI$366,ROUNDDOWN($C2132/24,0)+1,1))-1)+IF('Standard Profiles'!$G$19=$B$10,7,0)+IF('Standard Profiles'!$G$19=$B$17,14,0)+IF('Standard Profiles'!$G$19=$B$24,21,0),0)),0)</f>
        <v>0</v>
      </c>
      <c r="F2132" cm="1">
        <f t="array" ref="F2132">IFERROR(INDEX(Jesper!AJ$2:AJ$366,ROUNDDOWN($C2132/24,0)+1,1)*INDEX($D$3:$AA$30,INDEX(Jesper!$R$2:$R$366,ROW(INDEX(Jesper!AJ$2:AJ$366,ROUNDDOWN($C2132/24,0)+1,1))-1)+IF('Standard Profiles'!$G$20=$B$10,7,0)+IF('Standard Profiles'!$G$20=$B$17,14,0)+IF('Standard Profiles'!$G$20=$B$24,21,0),MOD($C2132,24)+1)/SUM(INDEX($D$3:$AA$30,INDEX(Jesper!$R$2:$R$366,ROW(INDEX(Jesper!AJ$2:AJ$366,ROUNDDOWN($C2132/24,0)+1,1))-1)+IF('Standard Profiles'!$G$20=$B$10,7,0)+IF('Standard Profiles'!$G$20=$B$17,14,0)+IF('Standard Profiles'!$G$20=$B$24,21,0),0)),0)</f>
        <v>0</v>
      </c>
      <c r="G2132" cm="1">
        <f t="array" ref="G2132">IFERROR(INDEX(Jesper!AK$2:AK$366,ROUNDDOWN($C2132/24,0)+1,1)*INDEX($D$3:$AA$30,INDEX(Jesper!$R$2:$R$366,ROW(INDEX(Jesper!AK$2:AK$366,ROUNDDOWN($C2132/24,0)+1,1))-1)+IF('Standard Profiles'!$G$21=$B$10,7,0)+IF('Standard Profiles'!$G$21=$B$17,14,0)+IF('Standard Profiles'!$G$21=$B$24,21,0),MOD($C2132,24)+1)/SUM(INDEX($D$3:$AA$30,INDEX(Jesper!$R$2:$R$366,ROW(INDEX(Jesper!AK$2:AK$366,ROUNDDOWN($C2132/24,0)+1,1))-1)+IF('Standard Profiles'!$G$21=$B$10,7,0)+IF('Standard Profiles'!$G$21=$B$17,14,0)+IF('Standard Profiles'!$G$21=$B$24,21,0),0)),0)</f>
        <v>0</v>
      </c>
      <c r="H2132" cm="1">
        <f t="array" ref="H2132">IFERROR(INDEX(Jesper!AL$2:AL$366,ROUNDDOWN($C2132/24,0)+1,1)*INDEX($D$3:$AA$30,INDEX(Jesper!$R$2:$R$366,ROW(INDEX(Jesper!AL$2:AL$366,ROUNDDOWN($C2132/24,0)+1,1))-1)+IF('Standard Profiles'!$G$22=$B$10,7,0)+IF('Standard Profiles'!$G$22=$B$17,14,0)+IF('Standard Profiles'!$G$22=$B$24,21,0),MOD($C2132,24)+1)/SUM(INDEX($D$3:$AA$30,INDEX(Jesper!$R$2:$R$366,ROW(INDEX(Jesper!AL$2:AL$366,ROUNDDOWN($C2132/24,0)+1,1))-1)+IF('Standard Profiles'!$G$22=$B$10,7,0)+IF('Standard Profiles'!$G$22=$B$17,14,0)+IF('Standard Profiles'!$G$22=$B$24,21,0),0)),0)</f>
        <v>0</v>
      </c>
      <c r="I2132">
        <f t="shared" si="244"/>
        <v>0.42699601961421985</v>
      </c>
      <c r="J2132">
        <f t="shared" si="245"/>
        <v>1.423320065380733</v>
      </c>
      <c r="K2132">
        <f t="shared" si="246"/>
        <v>2.1349800980710993</v>
      </c>
      <c r="L2132">
        <f t="shared" si="247"/>
        <v>10.247904470741275</v>
      </c>
      <c r="M2132">
        <f t="shared" si="248"/>
        <v>0</v>
      </c>
      <c r="N2132" s="46">
        <f t="shared" si="249"/>
        <v>45379.416666661578</v>
      </c>
    </row>
    <row r="2133" spans="2:14" x14ac:dyDescent="0.3">
      <c r="B2133">
        <f t="shared" si="243"/>
        <v>4</v>
      </c>
      <c r="C2133" s="16">
        <v>2099</v>
      </c>
      <c r="D2133" cm="1">
        <f t="array" ref="D2133">IFERROR(INDEX(Jesper!AH$2:AH$366,ROUNDDOWN($C2133/24,0)+1,1)*INDEX($D$3:$AA$30,INDEX(Jesper!$R$2:$R$366,ROW(INDEX(Jesper!AH$2:AH$366,ROUNDDOWN($C2133/24,0)+1,1))-1)+IF('Standard Profiles'!$G$18=$B$10,7,0)+IF('Standard Profiles'!$G$18=$B$17,14,0)+IF('Standard Profiles'!$G$18=$B$24,21,0),MOD($C2133,24)+1)/SUM(INDEX($D$3:$AA$30,INDEX(Jesper!$R$2:$R$366,ROW(INDEX(Jesper!AH$2:AH$366,ROUNDDOWN($C2133/24,0)+1,1))-1)+IF('Standard Profiles'!$G$18=$B$10,7,0)+IF('Standard Profiles'!$G$18=$B$17,14,0)+IF('Standard Profiles'!$G$18=$B$24,21,0),0)),0)</f>
        <v>16.422923831316147</v>
      </c>
      <c r="E2133" cm="1">
        <f t="array" ref="E2133">IFERROR(INDEX(Jesper!AI$2:AI$366,ROUNDDOWN($C2133/24,0)+1,1)*INDEX($D$3:$AA$30,INDEX(Jesper!$R$2:$R$366,ROW(INDEX(Jesper!AI$2:AI$366,ROUNDDOWN($C2133/24,0)+1,1))-1)+IF('Standard Profiles'!$G$19=$B$10,7,0)+IF('Standard Profiles'!$G$19=$B$17,14,0)+IF('Standard Profiles'!$G$19=$B$24,21,0),MOD($C2133,24)+1)/SUM(INDEX($D$3:$AA$30,INDEX(Jesper!$R$2:$R$366,ROW(INDEX(Jesper!AI$2:AI$366,ROUNDDOWN($C2133/24,0)+1,1))-1)+IF('Standard Profiles'!$G$19=$B$10,7,0)+IF('Standard Profiles'!$G$19=$B$17,14,0)+IF('Standard Profiles'!$G$19=$B$24,21,0),0)),0)</f>
        <v>0</v>
      </c>
      <c r="F2133" cm="1">
        <f t="array" ref="F2133">IFERROR(INDEX(Jesper!AJ$2:AJ$366,ROUNDDOWN($C2133/24,0)+1,1)*INDEX($D$3:$AA$30,INDEX(Jesper!$R$2:$R$366,ROW(INDEX(Jesper!AJ$2:AJ$366,ROUNDDOWN($C2133/24,0)+1,1))-1)+IF('Standard Profiles'!$G$20=$B$10,7,0)+IF('Standard Profiles'!$G$20=$B$17,14,0)+IF('Standard Profiles'!$G$20=$B$24,21,0),MOD($C2133,24)+1)/SUM(INDEX($D$3:$AA$30,INDEX(Jesper!$R$2:$R$366,ROW(INDEX(Jesper!AJ$2:AJ$366,ROUNDDOWN($C2133/24,0)+1,1))-1)+IF('Standard Profiles'!$G$20=$B$10,7,0)+IF('Standard Profiles'!$G$20=$B$17,14,0)+IF('Standard Profiles'!$G$20=$B$24,21,0),0)),0)</f>
        <v>0</v>
      </c>
      <c r="G2133" cm="1">
        <f t="array" ref="G2133">IFERROR(INDEX(Jesper!AK$2:AK$366,ROUNDDOWN($C2133/24,0)+1,1)*INDEX($D$3:$AA$30,INDEX(Jesper!$R$2:$R$366,ROW(INDEX(Jesper!AK$2:AK$366,ROUNDDOWN($C2133/24,0)+1,1))-1)+IF('Standard Profiles'!$G$21=$B$10,7,0)+IF('Standard Profiles'!$G$21=$B$17,14,0)+IF('Standard Profiles'!$G$21=$B$24,21,0),MOD($C2133,24)+1)/SUM(INDEX($D$3:$AA$30,INDEX(Jesper!$R$2:$R$366,ROW(INDEX(Jesper!AK$2:AK$366,ROUNDDOWN($C2133/24,0)+1,1))-1)+IF('Standard Profiles'!$G$21=$B$10,7,0)+IF('Standard Profiles'!$G$21=$B$17,14,0)+IF('Standard Profiles'!$G$21=$B$24,21,0),0)),0)</f>
        <v>0</v>
      </c>
      <c r="H2133" cm="1">
        <f t="array" ref="H2133">IFERROR(INDEX(Jesper!AL$2:AL$366,ROUNDDOWN($C2133/24,0)+1,1)*INDEX($D$3:$AA$30,INDEX(Jesper!$R$2:$R$366,ROW(INDEX(Jesper!AL$2:AL$366,ROUNDDOWN($C2133/24,0)+1,1))-1)+IF('Standard Profiles'!$G$22=$B$10,7,0)+IF('Standard Profiles'!$G$22=$B$17,14,0)+IF('Standard Profiles'!$G$22=$B$24,21,0),MOD($C2133,24)+1)/SUM(INDEX($D$3:$AA$30,INDEX(Jesper!$R$2:$R$366,ROW(INDEX(Jesper!AL$2:AL$366,ROUNDDOWN($C2133/24,0)+1,1))-1)+IF('Standard Profiles'!$G$22=$B$10,7,0)+IF('Standard Profiles'!$G$22=$B$17,14,0)+IF('Standard Profiles'!$G$22=$B$24,21,0),0)),0)</f>
        <v>0</v>
      </c>
      <c r="I2133">
        <f t="shared" si="244"/>
        <v>0.49268771493948438</v>
      </c>
      <c r="J2133">
        <f t="shared" si="245"/>
        <v>1.6422923831316147</v>
      </c>
      <c r="K2133">
        <f t="shared" si="246"/>
        <v>2.4634385746974221</v>
      </c>
      <c r="L2133">
        <f t="shared" si="247"/>
        <v>11.824505158547625</v>
      </c>
      <c r="M2133">
        <f t="shared" si="248"/>
        <v>0</v>
      </c>
      <c r="N2133" s="46">
        <f t="shared" si="249"/>
        <v>45379.458333328243</v>
      </c>
    </row>
    <row r="2134" spans="2:14" x14ac:dyDescent="0.3">
      <c r="B2134">
        <f t="shared" si="243"/>
        <v>4</v>
      </c>
      <c r="C2134" s="16">
        <v>2100</v>
      </c>
      <c r="D2134" cm="1">
        <f t="array" ref="D2134">IFERROR(INDEX(Jesper!AH$2:AH$366,ROUNDDOWN($C2134/24,0)+1,1)*INDEX($D$3:$AA$30,INDEX(Jesper!$R$2:$R$366,ROW(INDEX(Jesper!AH$2:AH$366,ROUNDDOWN($C2134/24,0)+1,1))-1)+IF('Standard Profiles'!$G$18=$B$10,7,0)+IF('Standard Profiles'!$G$18=$B$17,14,0)+IF('Standard Profiles'!$G$18=$B$24,21,0),MOD($C2134,24)+1)/SUM(INDEX($D$3:$AA$30,INDEX(Jesper!$R$2:$R$366,ROW(INDEX(Jesper!AH$2:AH$366,ROUNDDOWN($C2134/24,0)+1,1))-1)+IF('Standard Profiles'!$G$18=$B$10,7,0)+IF('Standard Profiles'!$G$18=$B$17,14,0)+IF('Standard Profiles'!$G$18=$B$24,21,0),0)),0)</f>
        <v>16.422923831316147</v>
      </c>
      <c r="E2134" cm="1">
        <f t="array" ref="E2134">IFERROR(INDEX(Jesper!AI$2:AI$366,ROUNDDOWN($C2134/24,0)+1,1)*INDEX($D$3:$AA$30,INDEX(Jesper!$R$2:$R$366,ROW(INDEX(Jesper!AI$2:AI$366,ROUNDDOWN($C2134/24,0)+1,1))-1)+IF('Standard Profiles'!$G$19=$B$10,7,0)+IF('Standard Profiles'!$G$19=$B$17,14,0)+IF('Standard Profiles'!$G$19=$B$24,21,0),MOD($C2134,24)+1)/SUM(INDEX($D$3:$AA$30,INDEX(Jesper!$R$2:$R$366,ROW(INDEX(Jesper!AI$2:AI$366,ROUNDDOWN($C2134/24,0)+1,1))-1)+IF('Standard Profiles'!$G$19=$B$10,7,0)+IF('Standard Profiles'!$G$19=$B$17,14,0)+IF('Standard Profiles'!$G$19=$B$24,21,0),0)),0)</f>
        <v>0</v>
      </c>
      <c r="F2134" cm="1">
        <f t="array" ref="F2134">IFERROR(INDEX(Jesper!AJ$2:AJ$366,ROUNDDOWN($C2134/24,0)+1,1)*INDEX($D$3:$AA$30,INDEX(Jesper!$R$2:$R$366,ROW(INDEX(Jesper!AJ$2:AJ$366,ROUNDDOWN($C2134/24,0)+1,1))-1)+IF('Standard Profiles'!$G$20=$B$10,7,0)+IF('Standard Profiles'!$G$20=$B$17,14,0)+IF('Standard Profiles'!$G$20=$B$24,21,0),MOD($C2134,24)+1)/SUM(INDEX($D$3:$AA$30,INDEX(Jesper!$R$2:$R$366,ROW(INDEX(Jesper!AJ$2:AJ$366,ROUNDDOWN($C2134/24,0)+1,1))-1)+IF('Standard Profiles'!$G$20=$B$10,7,0)+IF('Standard Profiles'!$G$20=$B$17,14,0)+IF('Standard Profiles'!$G$20=$B$24,21,0),0)),0)</f>
        <v>0</v>
      </c>
      <c r="G2134" cm="1">
        <f t="array" ref="G2134">IFERROR(INDEX(Jesper!AK$2:AK$366,ROUNDDOWN($C2134/24,0)+1,1)*INDEX($D$3:$AA$30,INDEX(Jesper!$R$2:$R$366,ROW(INDEX(Jesper!AK$2:AK$366,ROUNDDOWN($C2134/24,0)+1,1))-1)+IF('Standard Profiles'!$G$21=$B$10,7,0)+IF('Standard Profiles'!$G$21=$B$17,14,0)+IF('Standard Profiles'!$G$21=$B$24,21,0),MOD($C2134,24)+1)/SUM(INDEX($D$3:$AA$30,INDEX(Jesper!$R$2:$R$366,ROW(INDEX(Jesper!AK$2:AK$366,ROUNDDOWN($C2134/24,0)+1,1))-1)+IF('Standard Profiles'!$G$21=$B$10,7,0)+IF('Standard Profiles'!$G$21=$B$17,14,0)+IF('Standard Profiles'!$G$21=$B$24,21,0),0)),0)</f>
        <v>0</v>
      </c>
      <c r="H2134" cm="1">
        <f t="array" ref="H2134">IFERROR(INDEX(Jesper!AL$2:AL$366,ROUNDDOWN($C2134/24,0)+1,1)*INDEX($D$3:$AA$30,INDEX(Jesper!$R$2:$R$366,ROW(INDEX(Jesper!AL$2:AL$366,ROUNDDOWN($C2134/24,0)+1,1))-1)+IF('Standard Profiles'!$G$22=$B$10,7,0)+IF('Standard Profiles'!$G$22=$B$17,14,0)+IF('Standard Profiles'!$G$22=$B$24,21,0),MOD($C2134,24)+1)/SUM(INDEX($D$3:$AA$30,INDEX(Jesper!$R$2:$R$366,ROW(INDEX(Jesper!AL$2:AL$366,ROUNDDOWN($C2134/24,0)+1,1))-1)+IF('Standard Profiles'!$G$22=$B$10,7,0)+IF('Standard Profiles'!$G$22=$B$17,14,0)+IF('Standard Profiles'!$G$22=$B$24,21,0),0)),0)</f>
        <v>0</v>
      </c>
      <c r="I2134">
        <f t="shared" si="244"/>
        <v>0.49268771493948438</v>
      </c>
      <c r="J2134">
        <f t="shared" si="245"/>
        <v>1.6422923831316147</v>
      </c>
      <c r="K2134">
        <f t="shared" si="246"/>
        <v>2.4634385746974221</v>
      </c>
      <c r="L2134">
        <f t="shared" si="247"/>
        <v>11.824505158547625</v>
      </c>
      <c r="M2134">
        <f t="shared" si="248"/>
        <v>0</v>
      </c>
      <c r="N2134" s="46">
        <f t="shared" si="249"/>
        <v>45379.499999994907</v>
      </c>
    </row>
    <row r="2135" spans="2:14" x14ac:dyDescent="0.3">
      <c r="B2135">
        <f t="shared" si="243"/>
        <v>4</v>
      </c>
      <c r="C2135" s="16">
        <v>2101</v>
      </c>
      <c r="D2135" cm="1">
        <f t="array" ref="D2135">IFERROR(INDEX(Jesper!AH$2:AH$366,ROUNDDOWN($C2135/24,0)+1,1)*INDEX($D$3:$AA$30,INDEX(Jesper!$R$2:$R$366,ROW(INDEX(Jesper!AH$2:AH$366,ROUNDDOWN($C2135/24,0)+1,1))-1)+IF('Standard Profiles'!$G$18=$B$10,7,0)+IF('Standard Profiles'!$G$18=$B$17,14,0)+IF('Standard Profiles'!$G$18=$B$24,21,0),MOD($C2135,24)+1)/SUM(INDEX($D$3:$AA$30,INDEX(Jesper!$R$2:$R$366,ROW(INDEX(Jesper!AH$2:AH$366,ROUNDDOWN($C2135/24,0)+1,1))-1)+IF('Standard Profiles'!$G$18=$B$10,7,0)+IF('Standard Profiles'!$G$18=$B$17,14,0)+IF('Standard Profiles'!$G$18=$B$24,21,0),0)),0)</f>
        <v>16.422923831316147</v>
      </c>
      <c r="E2135" cm="1">
        <f t="array" ref="E2135">IFERROR(INDEX(Jesper!AI$2:AI$366,ROUNDDOWN($C2135/24,0)+1,1)*INDEX($D$3:$AA$30,INDEX(Jesper!$R$2:$R$366,ROW(INDEX(Jesper!AI$2:AI$366,ROUNDDOWN($C2135/24,0)+1,1))-1)+IF('Standard Profiles'!$G$19=$B$10,7,0)+IF('Standard Profiles'!$G$19=$B$17,14,0)+IF('Standard Profiles'!$G$19=$B$24,21,0),MOD($C2135,24)+1)/SUM(INDEX($D$3:$AA$30,INDEX(Jesper!$R$2:$R$366,ROW(INDEX(Jesper!AI$2:AI$366,ROUNDDOWN($C2135/24,0)+1,1))-1)+IF('Standard Profiles'!$G$19=$B$10,7,0)+IF('Standard Profiles'!$G$19=$B$17,14,0)+IF('Standard Profiles'!$G$19=$B$24,21,0),0)),0)</f>
        <v>0</v>
      </c>
      <c r="F2135" cm="1">
        <f t="array" ref="F2135">IFERROR(INDEX(Jesper!AJ$2:AJ$366,ROUNDDOWN($C2135/24,0)+1,1)*INDEX($D$3:$AA$30,INDEX(Jesper!$R$2:$R$366,ROW(INDEX(Jesper!AJ$2:AJ$366,ROUNDDOWN($C2135/24,0)+1,1))-1)+IF('Standard Profiles'!$G$20=$B$10,7,0)+IF('Standard Profiles'!$G$20=$B$17,14,0)+IF('Standard Profiles'!$G$20=$B$24,21,0),MOD($C2135,24)+1)/SUM(INDEX($D$3:$AA$30,INDEX(Jesper!$R$2:$R$366,ROW(INDEX(Jesper!AJ$2:AJ$366,ROUNDDOWN($C2135/24,0)+1,1))-1)+IF('Standard Profiles'!$G$20=$B$10,7,0)+IF('Standard Profiles'!$G$20=$B$17,14,0)+IF('Standard Profiles'!$G$20=$B$24,21,0),0)),0)</f>
        <v>0</v>
      </c>
      <c r="G2135" cm="1">
        <f t="array" ref="G2135">IFERROR(INDEX(Jesper!AK$2:AK$366,ROUNDDOWN($C2135/24,0)+1,1)*INDEX($D$3:$AA$30,INDEX(Jesper!$R$2:$R$366,ROW(INDEX(Jesper!AK$2:AK$366,ROUNDDOWN($C2135/24,0)+1,1))-1)+IF('Standard Profiles'!$G$21=$B$10,7,0)+IF('Standard Profiles'!$G$21=$B$17,14,0)+IF('Standard Profiles'!$G$21=$B$24,21,0),MOD($C2135,24)+1)/SUM(INDEX($D$3:$AA$30,INDEX(Jesper!$R$2:$R$366,ROW(INDEX(Jesper!AK$2:AK$366,ROUNDDOWN($C2135/24,0)+1,1))-1)+IF('Standard Profiles'!$G$21=$B$10,7,0)+IF('Standard Profiles'!$G$21=$B$17,14,0)+IF('Standard Profiles'!$G$21=$B$24,21,0),0)),0)</f>
        <v>0</v>
      </c>
      <c r="H2135" cm="1">
        <f t="array" ref="H2135">IFERROR(INDEX(Jesper!AL$2:AL$366,ROUNDDOWN($C2135/24,0)+1,1)*INDEX($D$3:$AA$30,INDEX(Jesper!$R$2:$R$366,ROW(INDEX(Jesper!AL$2:AL$366,ROUNDDOWN($C2135/24,0)+1,1))-1)+IF('Standard Profiles'!$G$22=$B$10,7,0)+IF('Standard Profiles'!$G$22=$B$17,14,0)+IF('Standard Profiles'!$G$22=$B$24,21,0),MOD($C2135,24)+1)/SUM(INDEX($D$3:$AA$30,INDEX(Jesper!$R$2:$R$366,ROW(INDEX(Jesper!AL$2:AL$366,ROUNDDOWN($C2135/24,0)+1,1))-1)+IF('Standard Profiles'!$G$22=$B$10,7,0)+IF('Standard Profiles'!$G$22=$B$17,14,0)+IF('Standard Profiles'!$G$22=$B$24,21,0),0)),0)</f>
        <v>0</v>
      </c>
      <c r="I2135">
        <f t="shared" si="244"/>
        <v>0.49268771493948438</v>
      </c>
      <c r="J2135">
        <f t="shared" si="245"/>
        <v>1.6422923831316147</v>
      </c>
      <c r="K2135">
        <f t="shared" si="246"/>
        <v>2.4634385746974221</v>
      </c>
      <c r="L2135">
        <f t="shared" si="247"/>
        <v>11.824505158547625</v>
      </c>
      <c r="M2135">
        <f t="shared" si="248"/>
        <v>0</v>
      </c>
      <c r="N2135" s="46">
        <f t="shared" si="249"/>
        <v>45379.541666661571</v>
      </c>
    </row>
    <row r="2136" spans="2:14" x14ac:dyDescent="0.3">
      <c r="B2136">
        <f t="shared" si="243"/>
        <v>4</v>
      </c>
      <c r="C2136" s="16">
        <v>2102</v>
      </c>
      <c r="D2136" cm="1">
        <f t="array" ref="D2136">IFERROR(INDEX(Jesper!AH$2:AH$366,ROUNDDOWN($C2136/24,0)+1,1)*INDEX($D$3:$AA$30,INDEX(Jesper!$R$2:$R$366,ROW(INDEX(Jesper!AH$2:AH$366,ROUNDDOWN($C2136/24,0)+1,1))-1)+IF('Standard Profiles'!$G$18=$B$10,7,0)+IF('Standard Profiles'!$G$18=$B$17,14,0)+IF('Standard Profiles'!$G$18=$B$24,21,0),MOD($C2136,24)+1)/SUM(INDEX($D$3:$AA$30,INDEX(Jesper!$R$2:$R$366,ROW(INDEX(Jesper!AH$2:AH$366,ROUNDDOWN($C2136/24,0)+1,1))-1)+IF('Standard Profiles'!$G$18=$B$10,7,0)+IF('Standard Profiles'!$G$18=$B$17,14,0)+IF('Standard Profiles'!$G$18=$B$24,21,0),0)),0)</f>
        <v>16.422923831316147</v>
      </c>
      <c r="E2136" cm="1">
        <f t="array" ref="E2136">IFERROR(INDEX(Jesper!AI$2:AI$366,ROUNDDOWN($C2136/24,0)+1,1)*INDEX($D$3:$AA$30,INDEX(Jesper!$R$2:$R$366,ROW(INDEX(Jesper!AI$2:AI$366,ROUNDDOWN($C2136/24,0)+1,1))-1)+IF('Standard Profiles'!$G$19=$B$10,7,0)+IF('Standard Profiles'!$G$19=$B$17,14,0)+IF('Standard Profiles'!$G$19=$B$24,21,0),MOD($C2136,24)+1)/SUM(INDEX($D$3:$AA$30,INDEX(Jesper!$R$2:$R$366,ROW(INDEX(Jesper!AI$2:AI$366,ROUNDDOWN($C2136/24,0)+1,1))-1)+IF('Standard Profiles'!$G$19=$B$10,7,0)+IF('Standard Profiles'!$G$19=$B$17,14,0)+IF('Standard Profiles'!$G$19=$B$24,21,0),0)),0)</f>
        <v>0</v>
      </c>
      <c r="F2136" cm="1">
        <f t="array" ref="F2136">IFERROR(INDEX(Jesper!AJ$2:AJ$366,ROUNDDOWN($C2136/24,0)+1,1)*INDEX($D$3:$AA$30,INDEX(Jesper!$R$2:$R$366,ROW(INDEX(Jesper!AJ$2:AJ$366,ROUNDDOWN($C2136/24,0)+1,1))-1)+IF('Standard Profiles'!$G$20=$B$10,7,0)+IF('Standard Profiles'!$G$20=$B$17,14,0)+IF('Standard Profiles'!$G$20=$B$24,21,0),MOD($C2136,24)+1)/SUM(INDEX($D$3:$AA$30,INDEX(Jesper!$R$2:$R$366,ROW(INDEX(Jesper!AJ$2:AJ$366,ROUNDDOWN($C2136/24,0)+1,1))-1)+IF('Standard Profiles'!$G$20=$B$10,7,0)+IF('Standard Profiles'!$G$20=$B$17,14,0)+IF('Standard Profiles'!$G$20=$B$24,21,0),0)),0)</f>
        <v>0</v>
      </c>
      <c r="G2136" cm="1">
        <f t="array" ref="G2136">IFERROR(INDEX(Jesper!AK$2:AK$366,ROUNDDOWN($C2136/24,0)+1,1)*INDEX($D$3:$AA$30,INDEX(Jesper!$R$2:$R$366,ROW(INDEX(Jesper!AK$2:AK$366,ROUNDDOWN($C2136/24,0)+1,1))-1)+IF('Standard Profiles'!$G$21=$B$10,7,0)+IF('Standard Profiles'!$G$21=$B$17,14,0)+IF('Standard Profiles'!$G$21=$B$24,21,0),MOD($C2136,24)+1)/SUM(INDEX($D$3:$AA$30,INDEX(Jesper!$R$2:$R$366,ROW(INDEX(Jesper!AK$2:AK$366,ROUNDDOWN($C2136/24,0)+1,1))-1)+IF('Standard Profiles'!$G$21=$B$10,7,0)+IF('Standard Profiles'!$G$21=$B$17,14,0)+IF('Standard Profiles'!$G$21=$B$24,21,0),0)),0)</f>
        <v>0</v>
      </c>
      <c r="H2136" cm="1">
        <f t="array" ref="H2136">IFERROR(INDEX(Jesper!AL$2:AL$366,ROUNDDOWN($C2136/24,0)+1,1)*INDEX($D$3:$AA$30,INDEX(Jesper!$R$2:$R$366,ROW(INDEX(Jesper!AL$2:AL$366,ROUNDDOWN($C2136/24,0)+1,1))-1)+IF('Standard Profiles'!$G$22=$B$10,7,0)+IF('Standard Profiles'!$G$22=$B$17,14,0)+IF('Standard Profiles'!$G$22=$B$24,21,0),MOD($C2136,24)+1)/SUM(INDEX($D$3:$AA$30,INDEX(Jesper!$R$2:$R$366,ROW(INDEX(Jesper!AL$2:AL$366,ROUNDDOWN($C2136/24,0)+1,1))-1)+IF('Standard Profiles'!$G$22=$B$10,7,0)+IF('Standard Profiles'!$G$22=$B$17,14,0)+IF('Standard Profiles'!$G$22=$B$24,21,0),0)),0)</f>
        <v>0</v>
      </c>
      <c r="I2136">
        <f t="shared" si="244"/>
        <v>0.49268771493948438</v>
      </c>
      <c r="J2136">
        <f t="shared" si="245"/>
        <v>1.6422923831316147</v>
      </c>
      <c r="K2136">
        <f t="shared" si="246"/>
        <v>2.4634385746974221</v>
      </c>
      <c r="L2136">
        <f t="shared" si="247"/>
        <v>11.824505158547625</v>
      </c>
      <c r="M2136">
        <f t="shared" si="248"/>
        <v>0</v>
      </c>
      <c r="N2136" s="46">
        <f t="shared" si="249"/>
        <v>45379.583333328235</v>
      </c>
    </row>
    <row r="2137" spans="2:14" x14ac:dyDescent="0.3">
      <c r="B2137">
        <f t="shared" si="243"/>
        <v>4</v>
      </c>
      <c r="C2137" s="16">
        <v>2103</v>
      </c>
      <c r="D2137" cm="1">
        <f t="array" ref="D2137">IFERROR(INDEX(Jesper!AH$2:AH$366,ROUNDDOWN($C2137/24,0)+1,1)*INDEX($D$3:$AA$30,INDEX(Jesper!$R$2:$R$366,ROW(INDEX(Jesper!AH$2:AH$366,ROUNDDOWN($C2137/24,0)+1,1))-1)+IF('Standard Profiles'!$G$18=$B$10,7,0)+IF('Standard Profiles'!$G$18=$B$17,14,0)+IF('Standard Profiles'!$G$18=$B$24,21,0),MOD($C2137,24)+1)/SUM(INDEX($D$3:$AA$30,INDEX(Jesper!$R$2:$R$366,ROW(INDEX(Jesper!AH$2:AH$366,ROUNDDOWN($C2137/24,0)+1,1))-1)+IF('Standard Profiles'!$G$18=$B$10,7,0)+IF('Standard Profiles'!$G$18=$B$17,14,0)+IF('Standard Profiles'!$G$18=$B$24,21,0),0)),0)</f>
        <v>16.422923831316147</v>
      </c>
      <c r="E2137" cm="1">
        <f t="array" ref="E2137">IFERROR(INDEX(Jesper!AI$2:AI$366,ROUNDDOWN($C2137/24,0)+1,1)*INDEX($D$3:$AA$30,INDEX(Jesper!$R$2:$R$366,ROW(INDEX(Jesper!AI$2:AI$366,ROUNDDOWN($C2137/24,0)+1,1))-1)+IF('Standard Profiles'!$G$19=$B$10,7,0)+IF('Standard Profiles'!$G$19=$B$17,14,0)+IF('Standard Profiles'!$G$19=$B$24,21,0),MOD($C2137,24)+1)/SUM(INDEX($D$3:$AA$30,INDEX(Jesper!$R$2:$R$366,ROW(INDEX(Jesper!AI$2:AI$366,ROUNDDOWN($C2137/24,0)+1,1))-1)+IF('Standard Profiles'!$G$19=$B$10,7,0)+IF('Standard Profiles'!$G$19=$B$17,14,0)+IF('Standard Profiles'!$G$19=$B$24,21,0),0)),0)</f>
        <v>0</v>
      </c>
      <c r="F2137" cm="1">
        <f t="array" ref="F2137">IFERROR(INDEX(Jesper!AJ$2:AJ$366,ROUNDDOWN($C2137/24,0)+1,1)*INDEX($D$3:$AA$30,INDEX(Jesper!$R$2:$R$366,ROW(INDEX(Jesper!AJ$2:AJ$366,ROUNDDOWN($C2137/24,0)+1,1))-1)+IF('Standard Profiles'!$G$20=$B$10,7,0)+IF('Standard Profiles'!$G$20=$B$17,14,0)+IF('Standard Profiles'!$G$20=$B$24,21,0),MOD($C2137,24)+1)/SUM(INDEX($D$3:$AA$30,INDEX(Jesper!$R$2:$R$366,ROW(INDEX(Jesper!AJ$2:AJ$366,ROUNDDOWN($C2137/24,0)+1,1))-1)+IF('Standard Profiles'!$G$20=$B$10,7,0)+IF('Standard Profiles'!$G$20=$B$17,14,0)+IF('Standard Profiles'!$G$20=$B$24,21,0),0)),0)</f>
        <v>0</v>
      </c>
      <c r="G2137" cm="1">
        <f t="array" ref="G2137">IFERROR(INDEX(Jesper!AK$2:AK$366,ROUNDDOWN($C2137/24,0)+1,1)*INDEX($D$3:$AA$30,INDEX(Jesper!$R$2:$R$366,ROW(INDEX(Jesper!AK$2:AK$366,ROUNDDOWN($C2137/24,0)+1,1))-1)+IF('Standard Profiles'!$G$21=$B$10,7,0)+IF('Standard Profiles'!$G$21=$B$17,14,0)+IF('Standard Profiles'!$G$21=$B$24,21,0),MOD($C2137,24)+1)/SUM(INDEX($D$3:$AA$30,INDEX(Jesper!$R$2:$R$366,ROW(INDEX(Jesper!AK$2:AK$366,ROUNDDOWN($C2137/24,0)+1,1))-1)+IF('Standard Profiles'!$G$21=$B$10,7,0)+IF('Standard Profiles'!$G$21=$B$17,14,0)+IF('Standard Profiles'!$G$21=$B$24,21,0),0)),0)</f>
        <v>0</v>
      </c>
      <c r="H2137" cm="1">
        <f t="array" ref="H2137">IFERROR(INDEX(Jesper!AL$2:AL$366,ROUNDDOWN($C2137/24,0)+1,1)*INDEX($D$3:$AA$30,INDEX(Jesper!$R$2:$R$366,ROW(INDEX(Jesper!AL$2:AL$366,ROUNDDOWN($C2137/24,0)+1,1))-1)+IF('Standard Profiles'!$G$22=$B$10,7,0)+IF('Standard Profiles'!$G$22=$B$17,14,0)+IF('Standard Profiles'!$G$22=$B$24,21,0),MOD($C2137,24)+1)/SUM(INDEX($D$3:$AA$30,INDEX(Jesper!$R$2:$R$366,ROW(INDEX(Jesper!AL$2:AL$366,ROUNDDOWN($C2137/24,0)+1,1))-1)+IF('Standard Profiles'!$G$22=$B$10,7,0)+IF('Standard Profiles'!$G$22=$B$17,14,0)+IF('Standard Profiles'!$G$22=$B$24,21,0),0)),0)</f>
        <v>0</v>
      </c>
      <c r="I2137">
        <f t="shared" si="244"/>
        <v>0.49268771493948438</v>
      </c>
      <c r="J2137">
        <f t="shared" si="245"/>
        <v>1.6422923831316147</v>
      </c>
      <c r="K2137">
        <f t="shared" si="246"/>
        <v>2.4634385746974221</v>
      </c>
      <c r="L2137">
        <f t="shared" si="247"/>
        <v>11.824505158547625</v>
      </c>
      <c r="M2137">
        <f t="shared" si="248"/>
        <v>0</v>
      </c>
      <c r="N2137" s="46">
        <f t="shared" si="249"/>
        <v>45379.6249999949</v>
      </c>
    </row>
    <row r="2138" spans="2:14" x14ac:dyDescent="0.3">
      <c r="B2138">
        <f t="shared" si="243"/>
        <v>4</v>
      </c>
      <c r="C2138" s="16">
        <v>2104</v>
      </c>
      <c r="D2138" cm="1">
        <f t="array" ref="D2138">IFERROR(INDEX(Jesper!AH$2:AH$366,ROUNDDOWN($C2138/24,0)+1,1)*INDEX($D$3:$AA$30,INDEX(Jesper!$R$2:$R$366,ROW(INDEX(Jesper!AH$2:AH$366,ROUNDDOWN($C2138/24,0)+1,1))-1)+IF('Standard Profiles'!$G$18=$B$10,7,0)+IF('Standard Profiles'!$G$18=$B$17,14,0)+IF('Standard Profiles'!$G$18=$B$24,21,0),MOD($C2138,24)+1)/SUM(INDEX($D$3:$AA$30,INDEX(Jesper!$R$2:$R$366,ROW(INDEX(Jesper!AH$2:AH$366,ROUNDDOWN($C2138/24,0)+1,1))-1)+IF('Standard Profiles'!$G$18=$B$10,7,0)+IF('Standard Profiles'!$G$18=$B$17,14,0)+IF('Standard Profiles'!$G$18=$B$24,21,0),0)),0)</f>
        <v>16.422923831316147</v>
      </c>
      <c r="E2138" cm="1">
        <f t="array" ref="E2138">IFERROR(INDEX(Jesper!AI$2:AI$366,ROUNDDOWN($C2138/24,0)+1,1)*INDEX($D$3:$AA$30,INDEX(Jesper!$R$2:$R$366,ROW(INDEX(Jesper!AI$2:AI$366,ROUNDDOWN($C2138/24,0)+1,1))-1)+IF('Standard Profiles'!$G$19=$B$10,7,0)+IF('Standard Profiles'!$G$19=$B$17,14,0)+IF('Standard Profiles'!$G$19=$B$24,21,0),MOD($C2138,24)+1)/SUM(INDEX($D$3:$AA$30,INDEX(Jesper!$R$2:$R$366,ROW(INDEX(Jesper!AI$2:AI$366,ROUNDDOWN($C2138/24,0)+1,1))-1)+IF('Standard Profiles'!$G$19=$B$10,7,0)+IF('Standard Profiles'!$G$19=$B$17,14,0)+IF('Standard Profiles'!$G$19=$B$24,21,0),0)),0)</f>
        <v>0</v>
      </c>
      <c r="F2138" cm="1">
        <f t="array" ref="F2138">IFERROR(INDEX(Jesper!AJ$2:AJ$366,ROUNDDOWN($C2138/24,0)+1,1)*INDEX($D$3:$AA$30,INDEX(Jesper!$R$2:$R$366,ROW(INDEX(Jesper!AJ$2:AJ$366,ROUNDDOWN($C2138/24,0)+1,1))-1)+IF('Standard Profiles'!$G$20=$B$10,7,0)+IF('Standard Profiles'!$G$20=$B$17,14,0)+IF('Standard Profiles'!$G$20=$B$24,21,0),MOD($C2138,24)+1)/SUM(INDEX($D$3:$AA$30,INDEX(Jesper!$R$2:$R$366,ROW(INDEX(Jesper!AJ$2:AJ$366,ROUNDDOWN($C2138/24,0)+1,1))-1)+IF('Standard Profiles'!$G$20=$B$10,7,0)+IF('Standard Profiles'!$G$20=$B$17,14,0)+IF('Standard Profiles'!$G$20=$B$24,21,0),0)),0)</f>
        <v>0</v>
      </c>
      <c r="G2138" cm="1">
        <f t="array" ref="G2138">IFERROR(INDEX(Jesper!AK$2:AK$366,ROUNDDOWN($C2138/24,0)+1,1)*INDEX($D$3:$AA$30,INDEX(Jesper!$R$2:$R$366,ROW(INDEX(Jesper!AK$2:AK$366,ROUNDDOWN($C2138/24,0)+1,1))-1)+IF('Standard Profiles'!$G$21=$B$10,7,0)+IF('Standard Profiles'!$G$21=$B$17,14,0)+IF('Standard Profiles'!$G$21=$B$24,21,0),MOD($C2138,24)+1)/SUM(INDEX($D$3:$AA$30,INDEX(Jesper!$R$2:$R$366,ROW(INDEX(Jesper!AK$2:AK$366,ROUNDDOWN($C2138/24,0)+1,1))-1)+IF('Standard Profiles'!$G$21=$B$10,7,0)+IF('Standard Profiles'!$G$21=$B$17,14,0)+IF('Standard Profiles'!$G$21=$B$24,21,0),0)),0)</f>
        <v>0</v>
      </c>
      <c r="H2138" cm="1">
        <f t="array" ref="H2138">IFERROR(INDEX(Jesper!AL$2:AL$366,ROUNDDOWN($C2138/24,0)+1,1)*INDEX($D$3:$AA$30,INDEX(Jesper!$R$2:$R$366,ROW(INDEX(Jesper!AL$2:AL$366,ROUNDDOWN($C2138/24,0)+1,1))-1)+IF('Standard Profiles'!$G$22=$B$10,7,0)+IF('Standard Profiles'!$G$22=$B$17,14,0)+IF('Standard Profiles'!$G$22=$B$24,21,0),MOD($C2138,24)+1)/SUM(INDEX($D$3:$AA$30,INDEX(Jesper!$R$2:$R$366,ROW(INDEX(Jesper!AL$2:AL$366,ROUNDDOWN($C2138/24,0)+1,1))-1)+IF('Standard Profiles'!$G$22=$B$10,7,0)+IF('Standard Profiles'!$G$22=$B$17,14,0)+IF('Standard Profiles'!$G$22=$B$24,21,0),0)),0)</f>
        <v>0</v>
      </c>
      <c r="I2138">
        <f t="shared" si="244"/>
        <v>0.49268771493948438</v>
      </c>
      <c r="J2138">
        <f t="shared" si="245"/>
        <v>1.6422923831316147</v>
      </c>
      <c r="K2138">
        <f t="shared" si="246"/>
        <v>2.4634385746974221</v>
      </c>
      <c r="L2138">
        <f t="shared" si="247"/>
        <v>11.824505158547625</v>
      </c>
      <c r="M2138">
        <f t="shared" si="248"/>
        <v>0</v>
      </c>
      <c r="N2138" s="46">
        <f t="shared" si="249"/>
        <v>45379.666666661564</v>
      </c>
    </row>
    <row r="2139" spans="2:14" x14ac:dyDescent="0.3">
      <c r="B2139">
        <f t="shared" si="243"/>
        <v>4</v>
      </c>
      <c r="C2139" s="16">
        <v>2105</v>
      </c>
      <c r="D2139" cm="1">
        <f t="array" ref="D2139">IFERROR(INDEX(Jesper!AH$2:AH$366,ROUNDDOWN($C2139/24,0)+1,1)*INDEX($D$3:$AA$30,INDEX(Jesper!$R$2:$R$366,ROW(INDEX(Jesper!AH$2:AH$366,ROUNDDOWN($C2139/24,0)+1,1))-1)+IF('Standard Profiles'!$G$18=$B$10,7,0)+IF('Standard Profiles'!$G$18=$B$17,14,0)+IF('Standard Profiles'!$G$18=$B$24,21,0),MOD($C2139,24)+1)/SUM(INDEX($D$3:$AA$30,INDEX(Jesper!$R$2:$R$366,ROW(INDEX(Jesper!AH$2:AH$366,ROUNDDOWN($C2139/24,0)+1,1))-1)+IF('Standard Profiles'!$G$18=$B$10,7,0)+IF('Standard Profiles'!$G$18=$B$17,14,0)+IF('Standard Profiles'!$G$18=$B$24,21,0),0)),0)</f>
        <v>16.422923831316147</v>
      </c>
      <c r="E2139" cm="1">
        <f t="array" ref="E2139">IFERROR(INDEX(Jesper!AI$2:AI$366,ROUNDDOWN($C2139/24,0)+1,1)*INDEX($D$3:$AA$30,INDEX(Jesper!$R$2:$R$366,ROW(INDEX(Jesper!AI$2:AI$366,ROUNDDOWN($C2139/24,0)+1,1))-1)+IF('Standard Profiles'!$G$19=$B$10,7,0)+IF('Standard Profiles'!$G$19=$B$17,14,0)+IF('Standard Profiles'!$G$19=$B$24,21,0),MOD($C2139,24)+1)/SUM(INDEX($D$3:$AA$30,INDEX(Jesper!$R$2:$R$366,ROW(INDEX(Jesper!AI$2:AI$366,ROUNDDOWN($C2139/24,0)+1,1))-1)+IF('Standard Profiles'!$G$19=$B$10,7,0)+IF('Standard Profiles'!$G$19=$B$17,14,0)+IF('Standard Profiles'!$G$19=$B$24,21,0),0)),0)</f>
        <v>0</v>
      </c>
      <c r="F2139" cm="1">
        <f t="array" ref="F2139">IFERROR(INDEX(Jesper!AJ$2:AJ$366,ROUNDDOWN($C2139/24,0)+1,1)*INDEX($D$3:$AA$30,INDEX(Jesper!$R$2:$R$366,ROW(INDEX(Jesper!AJ$2:AJ$366,ROUNDDOWN($C2139/24,0)+1,1))-1)+IF('Standard Profiles'!$G$20=$B$10,7,0)+IF('Standard Profiles'!$G$20=$B$17,14,0)+IF('Standard Profiles'!$G$20=$B$24,21,0),MOD($C2139,24)+1)/SUM(INDEX($D$3:$AA$30,INDEX(Jesper!$R$2:$R$366,ROW(INDEX(Jesper!AJ$2:AJ$366,ROUNDDOWN($C2139/24,0)+1,1))-1)+IF('Standard Profiles'!$G$20=$B$10,7,0)+IF('Standard Profiles'!$G$20=$B$17,14,0)+IF('Standard Profiles'!$G$20=$B$24,21,0),0)),0)</f>
        <v>0</v>
      </c>
      <c r="G2139" cm="1">
        <f t="array" ref="G2139">IFERROR(INDEX(Jesper!AK$2:AK$366,ROUNDDOWN($C2139/24,0)+1,1)*INDEX($D$3:$AA$30,INDEX(Jesper!$R$2:$R$366,ROW(INDEX(Jesper!AK$2:AK$366,ROUNDDOWN($C2139/24,0)+1,1))-1)+IF('Standard Profiles'!$G$21=$B$10,7,0)+IF('Standard Profiles'!$G$21=$B$17,14,0)+IF('Standard Profiles'!$G$21=$B$24,21,0),MOD($C2139,24)+1)/SUM(INDEX($D$3:$AA$30,INDEX(Jesper!$R$2:$R$366,ROW(INDEX(Jesper!AK$2:AK$366,ROUNDDOWN($C2139/24,0)+1,1))-1)+IF('Standard Profiles'!$G$21=$B$10,7,0)+IF('Standard Profiles'!$G$21=$B$17,14,0)+IF('Standard Profiles'!$G$21=$B$24,21,0),0)),0)</f>
        <v>0</v>
      </c>
      <c r="H2139" cm="1">
        <f t="array" ref="H2139">IFERROR(INDEX(Jesper!AL$2:AL$366,ROUNDDOWN($C2139/24,0)+1,1)*INDEX($D$3:$AA$30,INDEX(Jesper!$R$2:$R$366,ROW(INDEX(Jesper!AL$2:AL$366,ROUNDDOWN($C2139/24,0)+1,1))-1)+IF('Standard Profiles'!$G$22=$B$10,7,0)+IF('Standard Profiles'!$G$22=$B$17,14,0)+IF('Standard Profiles'!$G$22=$B$24,21,0),MOD($C2139,24)+1)/SUM(INDEX($D$3:$AA$30,INDEX(Jesper!$R$2:$R$366,ROW(INDEX(Jesper!AL$2:AL$366,ROUNDDOWN($C2139/24,0)+1,1))-1)+IF('Standard Profiles'!$G$22=$B$10,7,0)+IF('Standard Profiles'!$G$22=$B$17,14,0)+IF('Standard Profiles'!$G$22=$B$24,21,0),0)),0)</f>
        <v>0</v>
      </c>
      <c r="I2139">
        <f t="shared" si="244"/>
        <v>0.49268771493948438</v>
      </c>
      <c r="J2139">
        <f t="shared" si="245"/>
        <v>1.6422923831316147</v>
      </c>
      <c r="K2139">
        <f t="shared" si="246"/>
        <v>2.4634385746974221</v>
      </c>
      <c r="L2139">
        <f t="shared" si="247"/>
        <v>11.824505158547625</v>
      </c>
      <c r="M2139">
        <f t="shared" si="248"/>
        <v>0</v>
      </c>
      <c r="N2139" s="46">
        <f t="shared" si="249"/>
        <v>45379.708333328228</v>
      </c>
    </row>
    <row r="2140" spans="2:14" x14ac:dyDescent="0.3">
      <c r="B2140">
        <f t="shared" si="243"/>
        <v>4</v>
      </c>
      <c r="C2140" s="16">
        <v>2106</v>
      </c>
      <c r="D2140" cm="1">
        <f t="array" ref="D2140">IFERROR(INDEX(Jesper!AH$2:AH$366,ROUNDDOWN($C2140/24,0)+1,1)*INDEX($D$3:$AA$30,INDEX(Jesper!$R$2:$R$366,ROW(INDEX(Jesper!AH$2:AH$366,ROUNDDOWN($C2140/24,0)+1,1))-1)+IF('Standard Profiles'!$G$18=$B$10,7,0)+IF('Standard Profiles'!$G$18=$B$17,14,0)+IF('Standard Profiles'!$G$18=$B$24,21,0),MOD($C2140,24)+1)/SUM(INDEX($D$3:$AA$30,INDEX(Jesper!$R$2:$R$366,ROW(INDEX(Jesper!AH$2:AH$366,ROUNDDOWN($C2140/24,0)+1,1))-1)+IF('Standard Profiles'!$G$18=$B$10,7,0)+IF('Standard Profiles'!$G$18=$B$17,14,0)+IF('Standard Profiles'!$G$18=$B$24,21,0),0)),0)</f>
        <v>16.422923831316147</v>
      </c>
      <c r="E2140" cm="1">
        <f t="array" ref="E2140">IFERROR(INDEX(Jesper!AI$2:AI$366,ROUNDDOWN($C2140/24,0)+1,1)*INDEX($D$3:$AA$30,INDEX(Jesper!$R$2:$R$366,ROW(INDEX(Jesper!AI$2:AI$366,ROUNDDOWN($C2140/24,0)+1,1))-1)+IF('Standard Profiles'!$G$19=$B$10,7,0)+IF('Standard Profiles'!$G$19=$B$17,14,0)+IF('Standard Profiles'!$G$19=$B$24,21,0),MOD($C2140,24)+1)/SUM(INDEX($D$3:$AA$30,INDEX(Jesper!$R$2:$R$366,ROW(INDEX(Jesper!AI$2:AI$366,ROUNDDOWN($C2140/24,0)+1,1))-1)+IF('Standard Profiles'!$G$19=$B$10,7,0)+IF('Standard Profiles'!$G$19=$B$17,14,0)+IF('Standard Profiles'!$G$19=$B$24,21,0),0)),0)</f>
        <v>0</v>
      </c>
      <c r="F2140" cm="1">
        <f t="array" ref="F2140">IFERROR(INDEX(Jesper!AJ$2:AJ$366,ROUNDDOWN($C2140/24,0)+1,1)*INDEX($D$3:$AA$30,INDEX(Jesper!$R$2:$R$366,ROW(INDEX(Jesper!AJ$2:AJ$366,ROUNDDOWN($C2140/24,0)+1,1))-1)+IF('Standard Profiles'!$G$20=$B$10,7,0)+IF('Standard Profiles'!$G$20=$B$17,14,0)+IF('Standard Profiles'!$G$20=$B$24,21,0),MOD($C2140,24)+1)/SUM(INDEX($D$3:$AA$30,INDEX(Jesper!$R$2:$R$366,ROW(INDEX(Jesper!AJ$2:AJ$366,ROUNDDOWN($C2140/24,0)+1,1))-1)+IF('Standard Profiles'!$G$20=$B$10,7,0)+IF('Standard Profiles'!$G$20=$B$17,14,0)+IF('Standard Profiles'!$G$20=$B$24,21,0),0)),0)</f>
        <v>0</v>
      </c>
      <c r="G2140" cm="1">
        <f t="array" ref="G2140">IFERROR(INDEX(Jesper!AK$2:AK$366,ROUNDDOWN($C2140/24,0)+1,1)*INDEX($D$3:$AA$30,INDEX(Jesper!$R$2:$R$366,ROW(INDEX(Jesper!AK$2:AK$366,ROUNDDOWN($C2140/24,0)+1,1))-1)+IF('Standard Profiles'!$G$21=$B$10,7,0)+IF('Standard Profiles'!$G$21=$B$17,14,0)+IF('Standard Profiles'!$G$21=$B$24,21,0),MOD($C2140,24)+1)/SUM(INDEX($D$3:$AA$30,INDEX(Jesper!$R$2:$R$366,ROW(INDEX(Jesper!AK$2:AK$366,ROUNDDOWN($C2140/24,0)+1,1))-1)+IF('Standard Profiles'!$G$21=$B$10,7,0)+IF('Standard Profiles'!$G$21=$B$17,14,0)+IF('Standard Profiles'!$G$21=$B$24,21,0),0)),0)</f>
        <v>0</v>
      </c>
      <c r="H2140" cm="1">
        <f t="array" ref="H2140">IFERROR(INDEX(Jesper!AL$2:AL$366,ROUNDDOWN($C2140/24,0)+1,1)*INDEX($D$3:$AA$30,INDEX(Jesper!$R$2:$R$366,ROW(INDEX(Jesper!AL$2:AL$366,ROUNDDOWN($C2140/24,0)+1,1))-1)+IF('Standard Profiles'!$G$22=$B$10,7,0)+IF('Standard Profiles'!$G$22=$B$17,14,0)+IF('Standard Profiles'!$G$22=$B$24,21,0),MOD($C2140,24)+1)/SUM(INDEX($D$3:$AA$30,INDEX(Jesper!$R$2:$R$366,ROW(INDEX(Jesper!AL$2:AL$366,ROUNDDOWN($C2140/24,0)+1,1))-1)+IF('Standard Profiles'!$G$22=$B$10,7,0)+IF('Standard Profiles'!$G$22=$B$17,14,0)+IF('Standard Profiles'!$G$22=$B$24,21,0),0)),0)</f>
        <v>0</v>
      </c>
      <c r="I2140">
        <f t="shared" si="244"/>
        <v>0.49268771493948438</v>
      </c>
      <c r="J2140">
        <f t="shared" si="245"/>
        <v>1.6422923831316147</v>
      </c>
      <c r="K2140">
        <f t="shared" si="246"/>
        <v>2.4634385746974221</v>
      </c>
      <c r="L2140">
        <f t="shared" si="247"/>
        <v>11.824505158547625</v>
      </c>
      <c r="M2140">
        <f t="shared" si="248"/>
        <v>0</v>
      </c>
      <c r="N2140" s="46">
        <f t="shared" si="249"/>
        <v>45379.749999994892</v>
      </c>
    </row>
    <row r="2141" spans="2:14" x14ac:dyDescent="0.3">
      <c r="B2141">
        <f t="shared" si="243"/>
        <v>4</v>
      </c>
      <c r="C2141" s="16">
        <v>2107</v>
      </c>
      <c r="D2141" cm="1">
        <f t="array" ref="D2141">IFERROR(INDEX(Jesper!AH$2:AH$366,ROUNDDOWN($C2141/24,0)+1,1)*INDEX($D$3:$AA$30,INDEX(Jesper!$R$2:$R$366,ROW(INDEX(Jesper!AH$2:AH$366,ROUNDDOWN($C2141/24,0)+1,1))-1)+IF('Standard Profiles'!$G$18=$B$10,7,0)+IF('Standard Profiles'!$G$18=$B$17,14,0)+IF('Standard Profiles'!$G$18=$B$24,21,0),MOD($C2141,24)+1)/SUM(INDEX($D$3:$AA$30,INDEX(Jesper!$R$2:$R$366,ROW(INDEX(Jesper!AH$2:AH$366,ROUNDDOWN($C2141/24,0)+1,1))-1)+IF('Standard Profiles'!$G$18=$B$10,7,0)+IF('Standard Profiles'!$G$18=$B$17,14,0)+IF('Standard Profiles'!$G$18=$B$24,21,0),0)),0)</f>
        <v>13.685769859430124</v>
      </c>
      <c r="E2141" cm="1">
        <f t="array" ref="E2141">IFERROR(INDEX(Jesper!AI$2:AI$366,ROUNDDOWN($C2141/24,0)+1,1)*INDEX($D$3:$AA$30,INDEX(Jesper!$R$2:$R$366,ROW(INDEX(Jesper!AI$2:AI$366,ROUNDDOWN($C2141/24,0)+1,1))-1)+IF('Standard Profiles'!$G$19=$B$10,7,0)+IF('Standard Profiles'!$G$19=$B$17,14,0)+IF('Standard Profiles'!$G$19=$B$24,21,0),MOD($C2141,24)+1)/SUM(INDEX($D$3:$AA$30,INDEX(Jesper!$R$2:$R$366,ROW(INDEX(Jesper!AI$2:AI$366,ROUNDDOWN($C2141/24,0)+1,1))-1)+IF('Standard Profiles'!$G$19=$B$10,7,0)+IF('Standard Profiles'!$G$19=$B$17,14,0)+IF('Standard Profiles'!$G$19=$B$24,21,0),0)),0)</f>
        <v>0</v>
      </c>
      <c r="F2141" cm="1">
        <f t="array" ref="F2141">IFERROR(INDEX(Jesper!AJ$2:AJ$366,ROUNDDOWN($C2141/24,0)+1,1)*INDEX($D$3:$AA$30,INDEX(Jesper!$R$2:$R$366,ROW(INDEX(Jesper!AJ$2:AJ$366,ROUNDDOWN($C2141/24,0)+1,1))-1)+IF('Standard Profiles'!$G$20=$B$10,7,0)+IF('Standard Profiles'!$G$20=$B$17,14,0)+IF('Standard Profiles'!$G$20=$B$24,21,0),MOD($C2141,24)+1)/SUM(INDEX($D$3:$AA$30,INDEX(Jesper!$R$2:$R$366,ROW(INDEX(Jesper!AJ$2:AJ$366,ROUNDDOWN($C2141/24,0)+1,1))-1)+IF('Standard Profiles'!$G$20=$B$10,7,0)+IF('Standard Profiles'!$G$20=$B$17,14,0)+IF('Standard Profiles'!$G$20=$B$24,21,0),0)),0)</f>
        <v>0</v>
      </c>
      <c r="G2141" cm="1">
        <f t="array" ref="G2141">IFERROR(INDEX(Jesper!AK$2:AK$366,ROUNDDOWN($C2141/24,0)+1,1)*INDEX($D$3:$AA$30,INDEX(Jesper!$R$2:$R$366,ROW(INDEX(Jesper!AK$2:AK$366,ROUNDDOWN($C2141/24,0)+1,1))-1)+IF('Standard Profiles'!$G$21=$B$10,7,0)+IF('Standard Profiles'!$G$21=$B$17,14,0)+IF('Standard Profiles'!$G$21=$B$24,21,0),MOD($C2141,24)+1)/SUM(INDEX($D$3:$AA$30,INDEX(Jesper!$R$2:$R$366,ROW(INDEX(Jesper!AK$2:AK$366,ROUNDDOWN($C2141/24,0)+1,1))-1)+IF('Standard Profiles'!$G$21=$B$10,7,0)+IF('Standard Profiles'!$G$21=$B$17,14,0)+IF('Standard Profiles'!$G$21=$B$24,21,0),0)),0)</f>
        <v>0</v>
      </c>
      <c r="H2141" cm="1">
        <f t="array" ref="H2141">IFERROR(INDEX(Jesper!AL$2:AL$366,ROUNDDOWN($C2141/24,0)+1,1)*INDEX($D$3:$AA$30,INDEX(Jesper!$R$2:$R$366,ROW(INDEX(Jesper!AL$2:AL$366,ROUNDDOWN($C2141/24,0)+1,1))-1)+IF('Standard Profiles'!$G$22=$B$10,7,0)+IF('Standard Profiles'!$G$22=$B$17,14,0)+IF('Standard Profiles'!$G$22=$B$24,21,0),MOD($C2141,24)+1)/SUM(INDEX($D$3:$AA$30,INDEX(Jesper!$R$2:$R$366,ROW(INDEX(Jesper!AL$2:AL$366,ROUNDDOWN($C2141/24,0)+1,1))-1)+IF('Standard Profiles'!$G$22=$B$10,7,0)+IF('Standard Profiles'!$G$22=$B$17,14,0)+IF('Standard Profiles'!$G$22=$B$24,21,0),0)),0)</f>
        <v>0</v>
      </c>
      <c r="I2141">
        <f t="shared" si="244"/>
        <v>0.41057309578290369</v>
      </c>
      <c r="J2141">
        <f t="shared" si="245"/>
        <v>1.3685769859430126</v>
      </c>
      <c r="K2141">
        <f t="shared" si="246"/>
        <v>2.0528654789145184</v>
      </c>
      <c r="L2141">
        <f t="shared" si="247"/>
        <v>9.8537542987896884</v>
      </c>
      <c r="M2141">
        <f t="shared" si="248"/>
        <v>0</v>
      </c>
      <c r="N2141" s="46">
        <f t="shared" si="249"/>
        <v>45379.791666661557</v>
      </c>
    </row>
    <row r="2142" spans="2:14" x14ac:dyDescent="0.3">
      <c r="B2142">
        <f t="shared" si="243"/>
        <v>4</v>
      </c>
      <c r="C2142" s="16">
        <v>2108</v>
      </c>
      <c r="D2142" cm="1">
        <f t="array" ref="D2142">IFERROR(INDEX(Jesper!AH$2:AH$366,ROUNDDOWN($C2142/24,0)+1,1)*INDEX($D$3:$AA$30,INDEX(Jesper!$R$2:$R$366,ROW(INDEX(Jesper!AH$2:AH$366,ROUNDDOWN($C2142/24,0)+1,1))-1)+IF('Standard Profiles'!$G$18=$B$10,7,0)+IF('Standard Profiles'!$G$18=$B$17,14,0)+IF('Standard Profiles'!$G$18=$B$24,21,0),MOD($C2142,24)+1)/SUM(INDEX($D$3:$AA$30,INDEX(Jesper!$R$2:$R$366,ROW(INDEX(Jesper!AH$2:AH$366,ROUNDDOWN($C2142/24,0)+1,1))-1)+IF('Standard Profiles'!$G$18=$B$10,7,0)+IF('Standard Profiles'!$G$18=$B$17,14,0)+IF('Standard Profiles'!$G$18=$B$24,21,0),0)),0)</f>
        <v>10.948615887544099</v>
      </c>
      <c r="E2142" cm="1">
        <f t="array" ref="E2142">IFERROR(INDEX(Jesper!AI$2:AI$366,ROUNDDOWN($C2142/24,0)+1,1)*INDEX($D$3:$AA$30,INDEX(Jesper!$R$2:$R$366,ROW(INDEX(Jesper!AI$2:AI$366,ROUNDDOWN($C2142/24,0)+1,1))-1)+IF('Standard Profiles'!$G$19=$B$10,7,0)+IF('Standard Profiles'!$G$19=$B$17,14,0)+IF('Standard Profiles'!$G$19=$B$24,21,0),MOD($C2142,24)+1)/SUM(INDEX($D$3:$AA$30,INDEX(Jesper!$R$2:$R$366,ROW(INDEX(Jesper!AI$2:AI$366,ROUNDDOWN($C2142/24,0)+1,1))-1)+IF('Standard Profiles'!$G$19=$B$10,7,0)+IF('Standard Profiles'!$G$19=$B$17,14,0)+IF('Standard Profiles'!$G$19=$B$24,21,0),0)),0)</f>
        <v>0</v>
      </c>
      <c r="F2142" cm="1">
        <f t="array" ref="F2142">IFERROR(INDEX(Jesper!AJ$2:AJ$366,ROUNDDOWN($C2142/24,0)+1,1)*INDEX($D$3:$AA$30,INDEX(Jesper!$R$2:$R$366,ROW(INDEX(Jesper!AJ$2:AJ$366,ROUNDDOWN($C2142/24,0)+1,1))-1)+IF('Standard Profiles'!$G$20=$B$10,7,0)+IF('Standard Profiles'!$G$20=$B$17,14,0)+IF('Standard Profiles'!$G$20=$B$24,21,0),MOD($C2142,24)+1)/SUM(INDEX($D$3:$AA$30,INDEX(Jesper!$R$2:$R$366,ROW(INDEX(Jesper!AJ$2:AJ$366,ROUNDDOWN($C2142/24,0)+1,1))-1)+IF('Standard Profiles'!$G$20=$B$10,7,0)+IF('Standard Profiles'!$G$20=$B$17,14,0)+IF('Standard Profiles'!$G$20=$B$24,21,0),0)),0)</f>
        <v>0</v>
      </c>
      <c r="G2142" cm="1">
        <f t="array" ref="G2142">IFERROR(INDEX(Jesper!AK$2:AK$366,ROUNDDOWN($C2142/24,0)+1,1)*INDEX($D$3:$AA$30,INDEX(Jesper!$R$2:$R$366,ROW(INDEX(Jesper!AK$2:AK$366,ROUNDDOWN($C2142/24,0)+1,1))-1)+IF('Standard Profiles'!$G$21=$B$10,7,0)+IF('Standard Profiles'!$G$21=$B$17,14,0)+IF('Standard Profiles'!$G$21=$B$24,21,0),MOD($C2142,24)+1)/SUM(INDEX($D$3:$AA$30,INDEX(Jesper!$R$2:$R$366,ROW(INDEX(Jesper!AK$2:AK$366,ROUNDDOWN($C2142/24,0)+1,1))-1)+IF('Standard Profiles'!$G$21=$B$10,7,0)+IF('Standard Profiles'!$G$21=$B$17,14,0)+IF('Standard Profiles'!$G$21=$B$24,21,0),0)),0)</f>
        <v>0</v>
      </c>
      <c r="H2142" cm="1">
        <f t="array" ref="H2142">IFERROR(INDEX(Jesper!AL$2:AL$366,ROUNDDOWN($C2142/24,0)+1,1)*INDEX($D$3:$AA$30,INDEX(Jesper!$R$2:$R$366,ROW(INDEX(Jesper!AL$2:AL$366,ROUNDDOWN($C2142/24,0)+1,1))-1)+IF('Standard Profiles'!$G$22=$B$10,7,0)+IF('Standard Profiles'!$G$22=$B$17,14,0)+IF('Standard Profiles'!$G$22=$B$24,21,0),MOD($C2142,24)+1)/SUM(INDEX($D$3:$AA$30,INDEX(Jesper!$R$2:$R$366,ROW(INDEX(Jesper!AL$2:AL$366,ROUNDDOWN($C2142/24,0)+1,1))-1)+IF('Standard Profiles'!$G$22=$B$10,7,0)+IF('Standard Profiles'!$G$22=$B$17,14,0)+IF('Standard Profiles'!$G$22=$B$24,21,0),0)),0)</f>
        <v>0</v>
      </c>
      <c r="I2142">
        <f t="shared" si="244"/>
        <v>0.32845847662632294</v>
      </c>
      <c r="J2142">
        <f t="shared" si="245"/>
        <v>1.09486158875441</v>
      </c>
      <c r="K2142">
        <f t="shared" si="246"/>
        <v>1.6422923831316147</v>
      </c>
      <c r="L2142">
        <f t="shared" si="247"/>
        <v>7.8830034390317509</v>
      </c>
      <c r="M2142">
        <f t="shared" si="248"/>
        <v>0</v>
      </c>
      <c r="N2142" s="46">
        <f t="shared" si="249"/>
        <v>45379.833333328221</v>
      </c>
    </row>
    <row r="2143" spans="2:14" x14ac:dyDescent="0.3">
      <c r="B2143">
        <f t="shared" si="243"/>
        <v>4</v>
      </c>
      <c r="C2143" s="16">
        <v>2109</v>
      </c>
      <c r="D2143" cm="1">
        <f t="array" ref="D2143">IFERROR(INDEX(Jesper!AH$2:AH$366,ROUNDDOWN($C2143/24,0)+1,1)*INDEX($D$3:$AA$30,INDEX(Jesper!$R$2:$R$366,ROW(INDEX(Jesper!AH$2:AH$366,ROUNDDOWN($C2143/24,0)+1,1))-1)+IF('Standard Profiles'!$G$18=$B$10,7,0)+IF('Standard Profiles'!$G$18=$B$17,14,0)+IF('Standard Profiles'!$G$18=$B$24,21,0),MOD($C2143,24)+1)/SUM(INDEX($D$3:$AA$30,INDEX(Jesper!$R$2:$R$366,ROW(INDEX(Jesper!AH$2:AH$366,ROUNDDOWN($C2143/24,0)+1,1))-1)+IF('Standard Profiles'!$G$18=$B$10,7,0)+IF('Standard Profiles'!$G$18=$B$17,14,0)+IF('Standard Profiles'!$G$18=$B$24,21,0),0)),0)</f>
        <v>8.2114619156580737</v>
      </c>
      <c r="E2143" cm="1">
        <f t="array" ref="E2143">IFERROR(INDEX(Jesper!AI$2:AI$366,ROUNDDOWN($C2143/24,0)+1,1)*INDEX($D$3:$AA$30,INDEX(Jesper!$R$2:$R$366,ROW(INDEX(Jesper!AI$2:AI$366,ROUNDDOWN($C2143/24,0)+1,1))-1)+IF('Standard Profiles'!$G$19=$B$10,7,0)+IF('Standard Profiles'!$G$19=$B$17,14,0)+IF('Standard Profiles'!$G$19=$B$24,21,0),MOD($C2143,24)+1)/SUM(INDEX($D$3:$AA$30,INDEX(Jesper!$R$2:$R$366,ROW(INDEX(Jesper!AI$2:AI$366,ROUNDDOWN($C2143/24,0)+1,1))-1)+IF('Standard Profiles'!$G$19=$B$10,7,0)+IF('Standard Profiles'!$G$19=$B$17,14,0)+IF('Standard Profiles'!$G$19=$B$24,21,0),0)),0)</f>
        <v>0</v>
      </c>
      <c r="F2143" cm="1">
        <f t="array" ref="F2143">IFERROR(INDEX(Jesper!AJ$2:AJ$366,ROUNDDOWN($C2143/24,0)+1,1)*INDEX($D$3:$AA$30,INDEX(Jesper!$R$2:$R$366,ROW(INDEX(Jesper!AJ$2:AJ$366,ROUNDDOWN($C2143/24,0)+1,1))-1)+IF('Standard Profiles'!$G$20=$B$10,7,0)+IF('Standard Profiles'!$G$20=$B$17,14,0)+IF('Standard Profiles'!$G$20=$B$24,21,0),MOD($C2143,24)+1)/SUM(INDEX($D$3:$AA$30,INDEX(Jesper!$R$2:$R$366,ROW(INDEX(Jesper!AJ$2:AJ$366,ROUNDDOWN($C2143/24,0)+1,1))-1)+IF('Standard Profiles'!$G$20=$B$10,7,0)+IF('Standard Profiles'!$G$20=$B$17,14,0)+IF('Standard Profiles'!$G$20=$B$24,21,0),0)),0)</f>
        <v>0</v>
      </c>
      <c r="G2143" cm="1">
        <f t="array" ref="G2143">IFERROR(INDEX(Jesper!AK$2:AK$366,ROUNDDOWN($C2143/24,0)+1,1)*INDEX($D$3:$AA$30,INDEX(Jesper!$R$2:$R$366,ROW(INDEX(Jesper!AK$2:AK$366,ROUNDDOWN($C2143/24,0)+1,1))-1)+IF('Standard Profiles'!$G$21=$B$10,7,0)+IF('Standard Profiles'!$G$21=$B$17,14,0)+IF('Standard Profiles'!$G$21=$B$24,21,0),MOD($C2143,24)+1)/SUM(INDEX($D$3:$AA$30,INDEX(Jesper!$R$2:$R$366,ROW(INDEX(Jesper!AK$2:AK$366,ROUNDDOWN($C2143/24,0)+1,1))-1)+IF('Standard Profiles'!$G$21=$B$10,7,0)+IF('Standard Profiles'!$G$21=$B$17,14,0)+IF('Standard Profiles'!$G$21=$B$24,21,0),0)),0)</f>
        <v>0</v>
      </c>
      <c r="H2143" cm="1">
        <f t="array" ref="H2143">IFERROR(INDEX(Jesper!AL$2:AL$366,ROUNDDOWN($C2143/24,0)+1,1)*INDEX($D$3:$AA$30,INDEX(Jesper!$R$2:$R$366,ROW(INDEX(Jesper!AL$2:AL$366,ROUNDDOWN($C2143/24,0)+1,1))-1)+IF('Standard Profiles'!$G$22=$B$10,7,0)+IF('Standard Profiles'!$G$22=$B$17,14,0)+IF('Standard Profiles'!$G$22=$B$24,21,0),MOD($C2143,24)+1)/SUM(INDEX($D$3:$AA$30,INDEX(Jesper!$R$2:$R$366,ROW(INDEX(Jesper!AL$2:AL$366,ROUNDDOWN($C2143/24,0)+1,1))-1)+IF('Standard Profiles'!$G$22=$B$10,7,0)+IF('Standard Profiles'!$G$22=$B$17,14,0)+IF('Standard Profiles'!$G$22=$B$24,21,0),0)),0)</f>
        <v>0</v>
      </c>
      <c r="I2143">
        <f t="shared" si="244"/>
        <v>0.24634385746974219</v>
      </c>
      <c r="J2143">
        <f t="shared" si="245"/>
        <v>0.82114619156580737</v>
      </c>
      <c r="K2143">
        <f t="shared" si="246"/>
        <v>1.2317192873487111</v>
      </c>
      <c r="L2143">
        <f t="shared" si="247"/>
        <v>5.9122525792738125</v>
      </c>
      <c r="M2143">
        <f t="shared" si="248"/>
        <v>0</v>
      </c>
      <c r="N2143" s="46">
        <f t="shared" si="249"/>
        <v>45379.874999994885</v>
      </c>
    </row>
    <row r="2144" spans="2:14" x14ac:dyDescent="0.3">
      <c r="B2144">
        <f t="shared" si="243"/>
        <v>4</v>
      </c>
      <c r="C2144" s="16">
        <v>2110</v>
      </c>
      <c r="D2144" cm="1">
        <f t="array" ref="D2144">IFERROR(INDEX(Jesper!AH$2:AH$366,ROUNDDOWN($C2144/24,0)+1,1)*INDEX($D$3:$AA$30,INDEX(Jesper!$R$2:$R$366,ROW(INDEX(Jesper!AH$2:AH$366,ROUNDDOWN($C2144/24,0)+1,1))-1)+IF('Standard Profiles'!$G$18=$B$10,7,0)+IF('Standard Profiles'!$G$18=$B$17,14,0)+IF('Standard Profiles'!$G$18=$B$24,21,0),MOD($C2144,24)+1)/SUM(INDEX($D$3:$AA$30,INDEX(Jesper!$R$2:$R$366,ROW(INDEX(Jesper!AH$2:AH$366,ROUNDDOWN($C2144/24,0)+1,1))-1)+IF('Standard Profiles'!$G$18=$B$10,7,0)+IF('Standard Profiles'!$G$18=$B$17,14,0)+IF('Standard Profiles'!$G$18=$B$24,21,0),0)),0)</f>
        <v>8.2114619156580737</v>
      </c>
      <c r="E2144" cm="1">
        <f t="array" ref="E2144">IFERROR(INDEX(Jesper!AI$2:AI$366,ROUNDDOWN($C2144/24,0)+1,1)*INDEX($D$3:$AA$30,INDEX(Jesper!$R$2:$R$366,ROW(INDEX(Jesper!AI$2:AI$366,ROUNDDOWN($C2144/24,0)+1,1))-1)+IF('Standard Profiles'!$G$19=$B$10,7,0)+IF('Standard Profiles'!$G$19=$B$17,14,0)+IF('Standard Profiles'!$G$19=$B$24,21,0),MOD($C2144,24)+1)/SUM(INDEX($D$3:$AA$30,INDEX(Jesper!$R$2:$R$366,ROW(INDEX(Jesper!AI$2:AI$366,ROUNDDOWN($C2144/24,0)+1,1))-1)+IF('Standard Profiles'!$G$19=$B$10,7,0)+IF('Standard Profiles'!$G$19=$B$17,14,0)+IF('Standard Profiles'!$G$19=$B$24,21,0),0)),0)</f>
        <v>0</v>
      </c>
      <c r="F2144" cm="1">
        <f t="array" ref="F2144">IFERROR(INDEX(Jesper!AJ$2:AJ$366,ROUNDDOWN($C2144/24,0)+1,1)*INDEX($D$3:$AA$30,INDEX(Jesper!$R$2:$R$366,ROW(INDEX(Jesper!AJ$2:AJ$366,ROUNDDOWN($C2144/24,0)+1,1))-1)+IF('Standard Profiles'!$G$20=$B$10,7,0)+IF('Standard Profiles'!$G$20=$B$17,14,0)+IF('Standard Profiles'!$G$20=$B$24,21,0),MOD($C2144,24)+1)/SUM(INDEX($D$3:$AA$30,INDEX(Jesper!$R$2:$R$366,ROW(INDEX(Jesper!AJ$2:AJ$366,ROUNDDOWN($C2144/24,0)+1,1))-1)+IF('Standard Profiles'!$G$20=$B$10,7,0)+IF('Standard Profiles'!$G$20=$B$17,14,0)+IF('Standard Profiles'!$G$20=$B$24,21,0),0)),0)</f>
        <v>0</v>
      </c>
      <c r="G2144" cm="1">
        <f t="array" ref="G2144">IFERROR(INDEX(Jesper!AK$2:AK$366,ROUNDDOWN($C2144/24,0)+1,1)*INDEX($D$3:$AA$30,INDEX(Jesper!$R$2:$R$366,ROW(INDEX(Jesper!AK$2:AK$366,ROUNDDOWN($C2144/24,0)+1,1))-1)+IF('Standard Profiles'!$G$21=$B$10,7,0)+IF('Standard Profiles'!$G$21=$B$17,14,0)+IF('Standard Profiles'!$G$21=$B$24,21,0),MOD($C2144,24)+1)/SUM(INDEX($D$3:$AA$30,INDEX(Jesper!$R$2:$R$366,ROW(INDEX(Jesper!AK$2:AK$366,ROUNDDOWN($C2144/24,0)+1,1))-1)+IF('Standard Profiles'!$G$21=$B$10,7,0)+IF('Standard Profiles'!$G$21=$B$17,14,0)+IF('Standard Profiles'!$G$21=$B$24,21,0),0)),0)</f>
        <v>0</v>
      </c>
      <c r="H2144" cm="1">
        <f t="array" ref="H2144">IFERROR(INDEX(Jesper!AL$2:AL$366,ROUNDDOWN($C2144/24,0)+1,1)*INDEX($D$3:$AA$30,INDEX(Jesper!$R$2:$R$366,ROW(INDEX(Jesper!AL$2:AL$366,ROUNDDOWN($C2144/24,0)+1,1))-1)+IF('Standard Profiles'!$G$22=$B$10,7,0)+IF('Standard Profiles'!$G$22=$B$17,14,0)+IF('Standard Profiles'!$G$22=$B$24,21,0),MOD($C2144,24)+1)/SUM(INDEX($D$3:$AA$30,INDEX(Jesper!$R$2:$R$366,ROW(INDEX(Jesper!AL$2:AL$366,ROUNDDOWN($C2144/24,0)+1,1))-1)+IF('Standard Profiles'!$G$22=$B$10,7,0)+IF('Standard Profiles'!$G$22=$B$17,14,0)+IF('Standard Profiles'!$G$22=$B$24,21,0),0)),0)</f>
        <v>0</v>
      </c>
      <c r="I2144">
        <f t="shared" si="244"/>
        <v>0.24634385746974219</v>
      </c>
      <c r="J2144">
        <f t="shared" si="245"/>
        <v>0.82114619156580737</v>
      </c>
      <c r="K2144">
        <f t="shared" si="246"/>
        <v>1.2317192873487111</v>
      </c>
      <c r="L2144">
        <f t="shared" si="247"/>
        <v>5.9122525792738125</v>
      </c>
      <c r="M2144">
        <f t="shared" si="248"/>
        <v>0</v>
      </c>
      <c r="N2144" s="46">
        <f t="shared" si="249"/>
        <v>45379.916666661549</v>
      </c>
    </row>
    <row r="2145" spans="2:14" x14ac:dyDescent="0.3">
      <c r="B2145">
        <f t="shared" si="243"/>
        <v>4</v>
      </c>
      <c r="C2145" s="16">
        <v>2111</v>
      </c>
      <c r="D2145" cm="1">
        <f t="array" ref="D2145">IFERROR(INDEX(Jesper!AH$2:AH$366,ROUNDDOWN($C2145/24,0)+1,1)*INDEX($D$3:$AA$30,INDEX(Jesper!$R$2:$R$366,ROW(INDEX(Jesper!AH$2:AH$366,ROUNDDOWN($C2145/24,0)+1,1))-1)+IF('Standard Profiles'!$G$18=$B$10,7,0)+IF('Standard Profiles'!$G$18=$B$17,14,0)+IF('Standard Profiles'!$G$18=$B$24,21,0),MOD($C2145,24)+1)/SUM(INDEX($D$3:$AA$30,INDEX(Jesper!$R$2:$R$366,ROW(INDEX(Jesper!AH$2:AH$366,ROUNDDOWN($C2145/24,0)+1,1))-1)+IF('Standard Profiles'!$G$18=$B$10,7,0)+IF('Standard Profiles'!$G$18=$B$17,14,0)+IF('Standard Profiles'!$G$18=$B$24,21,0),0)),0)</f>
        <v>8.2114619156580737</v>
      </c>
      <c r="E2145" cm="1">
        <f t="array" ref="E2145">IFERROR(INDEX(Jesper!AI$2:AI$366,ROUNDDOWN($C2145/24,0)+1,1)*INDEX($D$3:$AA$30,INDEX(Jesper!$R$2:$R$366,ROW(INDEX(Jesper!AI$2:AI$366,ROUNDDOWN($C2145/24,0)+1,1))-1)+IF('Standard Profiles'!$G$19=$B$10,7,0)+IF('Standard Profiles'!$G$19=$B$17,14,0)+IF('Standard Profiles'!$G$19=$B$24,21,0),MOD($C2145,24)+1)/SUM(INDEX($D$3:$AA$30,INDEX(Jesper!$R$2:$R$366,ROW(INDEX(Jesper!AI$2:AI$366,ROUNDDOWN($C2145/24,0)+1,1))-1)+IF('Standard Profiles'!$G$19=$B$10,7,0)+IF('Standard Profiles'!$G$19=$B$17,14,0)+IF('Standard Profiles'!$G$19=$B$24,21,0),0)),0)</f>
        <v>0</v>
      </c>
      <c r="F2145" cm="1">
        <f t="array" ref="F2145">IFERROR(INDEX(Jesper!AJ$2:AJ$366,ROUNDDOWN($C2145/24,0)+1,1)*INDEX($D$3:$AA$30,INDEX(Jesper!$R$2:$R$366,ROW(INDEX(Jesper!AJ$2:AJ$366,ROUNDDOWN($C2145/24,0)+1,1))-1)+IF('Standard Profiles'!$G$20=$B$10,7,0)+IF('Standard Profiles'!$G$20=$B$17,14,0)+IF('Standard Profiles'!$G$20=$B$24,21,0),MOD($C2145,24)+1)/SUM(INDEX($D$3:$AA$30,INDEX(Jesper!$R$2:$R$366,ROW(INDEX(Jesper!AJ$2:AJ$366,ROUNDDOWN($C2145/24,0)+1,1))-1)+IF('Standard Profiles'!$G$20=$B$10,7,0)+IF('Standard Profiles'!$G$20=$B$17,14,0)+IF('Standard Profiles'!$G$20=$B$24,21,0),0)),0)</f>
        <v>0</v>
      </c>
      <c r="G2145" cm="1">
        <f t="array" ref="G2145">IFERROR(INDEX(Jesper!AK$2:AK$366,ROUNDDOWN($C2145/24,0)+1,1)*INDEX($D$3:$AA$30,INDEX(Jesper!$R$2:$R$366,ROW(INDEX(Jesper!AK$2:AK$366,ROUNDDOWN($C2145/24,0)+1,1))-1)+IF('Standard Profiles'!$G$21=$B$10,7,0)+IF('Standard Profiles'!$G$21=$B$17,14,0)+IF('Standard Profiles'!$G$21=$B$24,21,0),MOD($C2145,24)+1)/SUM(INDEX($D$3:$AA$30,INDEX(Jesper!$R$2:$R$366,ROW(INDEX(Jesper!AK$2:AK$366,ROUNDDOWN($C2145/24,0)+1,1))-1)+IF('Standard Profiles'!$G$21=$B$10,7,0)+IF('Standard Profiles'!$G$21=$B$17,14,0)+IF('Standard Profiles'!$G$21=$B$24,21,0),0)),0)</f>
        <v>0</v>
      </c>
      <c r="H2145" cm="1">
        <f t="array" ref="H2145">IFERROR(INDEX(Jesper!AL$2:AL$366,ROUNDDOWN($C2145/24,0)+1,1)*INDEX($D$3:$AA$30,INDEX(Jesper!$R$2:$R$366,ROW(INDEX(Jesper!AL$2:AL$366,ROUNDDOWN($C2145/24,0)+1,1))-1)+IF('Standard Profiles'!$G$22=$B$10,7,0)+IF('Standard Profiles'!$G$22=$B$17,14,0)+IF('Standard Profiles'!$G$22=$B$24,21,0),MOD($C2145,24)+1)/SUM(INDEX($D$3:$AA$30,INDEX(Jesper!$R$2:$R$366,ROW(INDEX(Jesper!AL$2:AL$366,ROUNDDOWN($C2145/24,0)+1,1))-1)+IF('Standard Profiles'!$G$22=$B$10,7,0)+IF('Standard Profiles'!$G$22=$B$17,14,0)+IF('Standard Profiles'!$G$22=$B$24,21,0),0)),0)</f>
        <v>0</v>
      </c>
      <c r="I2145">
        <f t="shared" si="244"/>
        <v>0.24634385746974219</v>
      </c>
      <c r="J2145">
        <f t="shared" si="245"/>
        <v>0.82114619156580737</v>
      </c>
      <c r="K2145">
        <f t="shared" si="246"/>
        <v>1.2317192873487111</v>
      </c>
      <c r="L2145">
        <f t="shared" si="247"/>
        <v>5.9122525792738125</v>
      </c>
      <c r="M2145">
        <f t="shared" si="248"/>
        <v>0</v>
      </c>
      <c r="N2145" s="46">
        <f t="shared" si="249"/>
        <v>45379.958333328213</v>
      </c>
    </row>
    <row r="2146" spans="2:14" x14ac:dyDescent="0.3">
      <c r="B2146">
        <f t="shared" si="243"/>
        <v>5</v>
      </c>
      <c r="C2146" s="16">
        <v>2112</v>
      </c>
      <c r="D2146" cm="1">
        <f t="array" ref="D2146">IFERROR(INDEX(Jesper!AH$2:AH$366,ROUNDDOWN($C2146/24,0)+1,1)*INDEX($D$3:$AA$30,INDEX(Jesper!$R$2:$R$366,ROW(INDEX(Jesper!AH$2:AH$366,ROUNDDOWN($C2146/24,0)+1,1))-1)+IF('Standard Profiles'!$G$18=$B$10,7,0)+IF('Standard Profiles'!$G$18=$B$17,14,0)+IF('Standard Profiles'!$G$18=$B$24,21,0),MOD($C2146,24)+1)/SUM(INDEX($D$3:$AA$30,INDEX(Jesper!$R$2:$R$366,ROW(INDEX(Jesper!AH$2:AH$366,ROUNDDOWN($C2146/24,0)+1,1))-1)+IF('Standard Profiles'!$G$18=$B$10,7,0)+IF('Standard Profiles'!$G$18=$B$17,14,0)+IF('Standard Profiles'!$G$18=$B$24,21,0),0)),0)</f>
        <v>8.9184554194134993</v>
      </c>
      <c r="E2146" cm="1">
        <f t="array" ref="E2146">IFERROR(INDEX(Jesper!AI$2:AI$366,ROUNDDOWN($C2146/24,0)+1,1)*INDEX($D$3:$AA$30,INDEX(Jesper!$R$2:$R$366,ROW(INDEX(Jesper!AI$2:AI$366,ROUNDDOWN($C2146/24,0)+1,1))-1)+IF('Standard Profiles'!$G$19=$B$10,7,0)+IF('Standard Profiles'!$G$19=$B$17,14,0)+IF('Standard Profiles'!$G$19=$B$24,21,0),MOD($C2146,24)+1)/SUM(INDEX($D$3:$AA$30,INDEX(Jesper!$R$2:$R$366,ROW(INDEX(Jesper!AI$2:AI$366,ROUNDDOWN($C2146/24,0)+1,1))-1)+IF('Standard Profiles'!$G$19=$B$10,7,0)+IF('Standard Profiles'!$G$19=$B$17,14,0)+IF('Standard Profiles'!$G$19=$B$24,21,0),0)),0)</f>
        <v>0</v>
      </c>
      <c r="F2146" cm="1">
        <f t="array" ref="F2146">IFERROR(INDEX(Jesper!AJ$2:AJ$366,ROUNDDOWN($C2146/24,0)+1,1)*INDEX($D$3:$AA$30,INDEX(Jesper!$R$2:$R$366,ROW(INDEX(Jesper!AJ$2:AJ$366,ROUNDDOWN($C2146/24,0)+1,1))-1)+IF('Standard Profiles'!$G$20=$B$10,7,0)+IF('Standard Profiles'!$G$20=$B$17,14,0)+IF('Standard Profiles'!$G$20=$B$24,21,0),MOD($C2146,24)+1)/SUM(INDEX($D$3:$AA$30,INDEX(Jesper!$R$2:$R$366,ROW(INDEX(Jesper!AJ$2:AJ$366,ROUNDDOWN($C2146/24,0)+1,1))-1)+IF('Standard Profiles'!$G$20=$B$10,7,0)+IF('Standard Profiles'!$G$20=$B$17,14,0)+IF('Standard Profiles'!$G$20=$B$24,21,0),0)),0)</f>
        <v>0</v>
      </c>
      <c r="G2146" cm="1">
        <f t="array" ref="G2146">IFERROR(INDEX(Jesper!AK$2:AK$366,ROUNDDOWN($C2146/24,0)+1,1)*INDEX($D$3:$AA$30,INDEX(Jesper!$R$2:$R$366,ROW(INDEX(Jesper!AK$2:AK$366,ROUNDDOWN($C2146/24,0)+1,1))-1)+IF('Standard Profiles'!$G$21=$B$10,7,0)+IF('Standard Profiles'!$G$21=$B$17,14,0)+IF('Standard Profiles'!$G$21=$B$24,21,0),MOD($C2146,24)+1)/SUM(INDEX($D$3:$AA$30,INDEX(Jesper!$R$2:$R$366,ROW(INDEX(Jesper!AK$2:AK$366,ROUNDDOWN($C2146/24,0)+1,1))-1)+IF('Standard Profiles'!$G$21=$B$10,7,0)+IF('Standard Profiles'!$G$21=$B$17,14,0)+IF('Standard Profiles'!$G$21=$B$24,21,0),0)),0)</f>
        <v>0</v>
      </c>
      <c r="H2146" cm="1">
        <f t="array" ref="H2146">IFERROR(INDEX(Jesper!AL$2:AL$366,ROUNDDOWN($C2146/24,0)+1,1)*INDEX($D$3:$AA$30,INDEX(Jesper!$R$2:$R$366,ROW(INDEX(Jesper!AL$2:AL$366,ROUNDDOWN($C2146/24,0)+1,1))-1)+IF('Standard Profiles'!$G$22=$B$10,7,0)+IF('Standard Profiles'!$G$22=$B$17,14,0)+IF('Standard Profiles'!$G$22=$B$24,21,0),MOD($C2146,24)+1)/SUM(INDEX($D$3:$AA$30,INDEX(Jesper!$R$2:$R$366,ROW(INDEX(Jesper!AL$2:AL$366,ROUNDDOWN($C2146/24,0)+1,1))-1)+IF('Standard Profiles'!$G$22=$B$10,7,0)+IF('Standard Profiles'!$G$22=$B$17,14,0)+IF('Standard Profiles'!$G$22=$B$24,21,0),0)),0)</f>
        <v>0</v>
      </c>
      <c r="I2146">
        <f t="shared" si="244"/>
        <v>0.26755366258240498</v>
      </c>
      <c r="J2146">
        <f t="shared" si="245"/>
        <v>0.89184554194135002</v>
      </c>
      <c r="K2146">
        <f t="shared" si="246"/>
        <v>1.3377683129120248</v>
      </c>
      <c r="L2146">
        <f t="shared" si="247"/>
        <v>6.4212879019777196</v>
      </c>
      <c r="M2146">
        <f t="shared" si="248"/>
        <v>0</v>
      </c>
      <c r="N2146" s="46">
        <f t="shared" si="249"/>
        <v>45379.999999994878</v>
      </c>
    </row>
    <row r="2147" spans="2:14" x14ac:dyDescent="0.3">
      <c r="B2147">
        <f t="shared" ref="B2147:B2210" si="250">WEEKDAY(N2147,2)</f>
        <v>5</v>
      </c>
      <c r="C2147" s="16">
        <v>2113</v>
      </c>
      <c r="D2147" cm="1">
        <f t="array" ref="D2147">IFERROR(INDEX(Jesper!AH$2:AH$366,ROUNDDOWN($C2147/24,0)+1,1)*INDEX($D$3:$AA$30,INDEX(Jesper!$R$2:$R$366,ROW(INDEX(Jesper!AH$2:AH$366,ROUNDDOWN($C2147/24,0)+1,1))-1)+IF('Standard Profiles'!$G$18=$B$10,7,0)+IF('Standard Profiles'!$G$18=$B$17,14,0)+IF('Standard Profiles'!$G$18=$B$24,21,0),MOD($C2147,24)+1)/SUM(INDEX($D$3:$AA$30,INDEX(Jesper!$R$2:$R$366,ROW(INDEX(Jesper!AH$2:AH$366,ROUNDDOWN($C2147/24,0)+1,1))-1)+IF('Standard Profiles'!$G$18=$B$10,7,0)+IF('Standard Profiles'!$G$18=$B$17,14,0)+IF('Standard Profiles'!$G$18=$B$24,21,0),0)),0)</f>
        <v>8.9184554194134993</v>
      </c>
      <c r="E2147" cm="1">
        <f t="array" ref="E2147">IFERROR(INDEX(Jesper!AI$2:AI$366,ROUNDDOWN($C2147/24,0)+1,1)*INDEX($D$3:$AA$30,INDEX(Jesper!$R$2:$R$366,ROW(INDEX(Jesper!AI$2:AI$366,ROUNDDOWN($C2147/24,0)+1,1))-1)+IF('Standard Profiles'!$G$19=$B$10,7,0)+IF('Standard Profiles'!$G$19=$B$17,14,0)+IF('Standard Profiles'!$G$19=$B$24,21,0),MOD($C2147,24)+1)/SUM(INDEX($D$3:$AA$30,INDEX(Jesper!$R$2:$R$366,ROW(INDEX(Jesper!AI$2:AI$366,ROUNDDOWN($C2147/24,0)+1,1))-1)+IF('Standard Profiles'!$G$19=$B$10,7,0)+IF('Standard Profiles'!$G$19=$B$17,14,0)+IF('Standard Profiles'!$G$19=$B$24,21,0),0)),0)</f>
        <v>0</v>
      </c>
      <c r="F2147" cm="1">
        <f t="array" ref="F2147">IFERROR(INDEX(Jesper!AJ$2:AJ$366,ROUNDDOWN($C2147/24,0)+1,1)*INDEX($D$3:$AA$30,INDEX(Jesper!$R$2:$R$366,ROW(INDEX(Jesper!AJ$2:AJ$366,ROUNDDOWN($C2147/24,0)+1,1))-1)+IF('Standard Profiles'!$G$20=$B$10,7,0)+IF('Standard Profiles'!$G$20=$B$17,14,0)+IF('Standard Profiles'!$G$20=$B$24,21,0),MOD($C2147,24)+1)/SUM(INDEX($D$3:$AA$30,INDEX(Jesper!$R$2:$R$366,ROW(INDEX(Jesper!AJ$2:AJ$366,ROUNDDOWN($C2147/24,0)+1,1))-1)+IF('Standard Profiles'!$G$20=$B$10,7,0)+IF('Standard Profiles'!$G$20=$B$17,14,0)+IF('Standard Profiles'!$G$20=$B$24,21,0),0)),0)</f>
        <v>0</v>
      </c>
      <c r="G2147" cm="1">
        <f t="array" ref="G2147">IFERROR(INDEX(Jesper!AK$2:AK$366,ROUNDDOWN($C2147/24,0)+1,1)*INDEX($D$3:$AA$30,INDEX(Jesper!$R$2:$R$366,ROW(INDEX(Jesper!AK$2:AK$366,ROUNDDOWN($C2147/24,0)+1,1))-1)+IF('Standard Profiles'!$G$21=$B$10,7,0)+IF('Standard Profiles'!$G$21=$B$17,14,0)+IF('Standard Profiles'!$G$21=$B$24,21,0),MOD($C2147,24)+1)/SUM(INDEX($D$3:$AA$30,INDEX(Jesper!$R$2:$R$366,ROW(INDEX(Jesper!AK$2:AK$366,ROUNDDOWN($C2147/24,0)+1,1))-1)+IF('Standard Profiles'!$G$21=$B$10,7,0)+IF('Standard Profiles'!$G$21=$B$17,14,0)+IF('Standard Profiles'!$G$21=$B$24,21,0),0)),0)</f>
        <v>0</v>
      </c>
      <c r="H2147" cm="1">
        <f t="array" ref="H2147">IFERROR(INDEX(Jesper!AL$2:AL$366,ROUNDDOWN($C2147/24,0)+1,1)*INDEX($D$3:$AA$30,INDEX(Jesper!$R$2:$R$366,ROW(INDEX(Jesper!AL$2:AL$366,ROUNDDOWN($C2147/24,0)+1,1))-1)+IF('Standard Profiles'!$G$22=$B$10,7,0)+IF('Standard Profiles'!$G$22=$B$17,14,0)+IF('Standard Profiles'!$G$22=$B$24,21,0),MOD($C2147,24)+1)/SUM(INDEX($D$3:$AA$30,INDEX(Jesper!$R$2:$R$366,ROW(INDEX(Jesper!AL$2:AL$366,ROUNDDOWN($C2147/24,0)+1,1))-1)+IF('Standard Profiles'!$G$22=$B$10,7,0)+IF('Standard Profiles'!$G$22=$B$17,14,0)+IF('Standard Profiles'!$G$22=$B$24,21,0),0)),0)</f>
        <v>0</v>
      </c>
      <c r="I2147">
        <f t="shared" ref="I2147:I2210" si="251">IF($B2147&lt;6,AC$37*$D2147+AC$38*$E2147+AC$39*$F2147+AC$40*$G2147,AC$46*$D2147+AC$47*$E2147+AC$48*$F2147+AC$49*$G2147+AC$50*$H2147)</f>
        <v>0.26755366258240498</v>
      </c>
      <c r="J2147">
        <f t="shared" ref="J2147:J2210" si="252">IF($B2147&lt;6,AD$37*$D2147+AD$38*$E2147+AD$39*$F2147+AD$40*$G2147,AD$46*$D2147+AD$47*$E2147+AD$48*$F2147+AD$49*$G2147+AD$50*$H2147)</f>
        <v>0.89184554194135002</v>
      </c>
      <c r="K2147">
        <f t="shared" ref="K2147:K2210" si="253">IF($B2147&lt;6,AE$37*$D2147+AE$38*$E2147+AE$39*$F2147+AE$40*$G2147,AE$46*$D2147+AE$47*$E2147+AE$48*$F2147+AE$49*$G2147+AE$50*$H2147)</f>
        <v>1.3377683129120248</v>
      </c>
      <c r="L2147">
        <f t="shared" ref="L2147:L2210" si="254">IF($B2147&lt;6,AF$37*$D2147+AF$38*$E2147+AF$39*$F2147+AF$40*$G2147,AF$46*$D2147+AF$47*$E2147+AF$48*$F2147+AF$49*$G2147+AF$50*$H2147)</f>
        <v>6.4212879019777196</v>
      </c>
      <c r="M2147">
        <f t="shared" ref="M2147:M2210" si="255">IF($B2147&lt;6,AG$37*$D2147+AG$38*$E2147+AG$39*$F2147+AG$40*$G2147,AG$46*$D2147+AG$47*$E2147+AG$48*$F2147+AG$49*$G2147+AG$50*$H2147)</f>
        <v>0</v>
      </c>
      <c r="N2147" s="46">
        <f t="shared" si="249"/>
        <v>45380.041666661542</v>
      </c>
    </row>
    <row r="2148" spans="2:14" x14ac:dyDescent="0.3">
      <c r="B2148">
        <f t="shared" si="250"/>
        <v>5</v>
      </c>
      <c r="C2148" s="16">
        <v>2114</v>
      </c>
      <c r="D2148" cm="1">
        <f t="array" ref="D2148">IFERROR(INDEX(Jesper!AH$2:AH$366,ROUNDDOWN($C2148/24,0)+1,1)*INDEX($D$3:$AA$30,INDEX(Jesper!$R$2:$R$366,ROW(INDEX(Jesper!AH$2:AH$366,ROUNDDOWN($C2148/24,0)+1,1))-1)+IF('Standard Profiles'!$G$18=$B$10,7,0)+IF('Standard Profiles'!$G$18=$B$17,14,0)+IF('Standard Profiles'!$G$18=$B$24,21,0),MOD($C2148,24)+1)/SUM(INDEX($D$3:$AA$30,INDEX(Jesper!$R$2:$R$366,ROW(INDEX(Jesper!AH$2:AH$366,ROUNDDOWN($C2148/24,0)+1,1))-1)+IF('Standard Profiles'!$G$18=$B$10,7,0)+IF('Standard Profiles'!$G$18=$B$17,14,0)+IF('Standard Profiles'!$G$18=$B$24,21,0),0)),0)</f>
        <v>8.9184554194134993</v>
      </c>
      <c r="E2148" cm="1">
        <f t="array" ref="E2148">IFERROR(INDEX(Jesper!AI$2:AI$366,ROUNDDOWN($C2148/24,0)+1,1)*INDEX($D$3:$AA$30,INDEX(Jesper!$R$2:$R$366,ROW(INDEX(Jesper!AI$2:AI$366,ROUNDDOWN($C2148/24,0)+1,1))-1)+IF('Standard Profiles'!$G$19=$B$10,7,0)+IF('Standard Profiles'!$G$19=$B$17,14,0)+IF('Standard Profiles'!$G$19=$B$24,21,0),MOD($C2148,24)+1)/SUM(INDEX($D$3:$AA$30,INDEX(Jesper!$R$2:$R$366,ROW(INDEX(Jesper!AI$2:AI$366,ROUNDDOWN($C2148/24,0)+1,1))-1)+IF('Standard Profiles'!$G$19=$B$10,7,0)+IF('Standard Profiles'!$G$19=$B$17,14,0)+IF('Standard Profiles'!$G$19=$B$24,21,0),0)),0)</f>
        <v>0</v>
      </c>
      <c r="F2148" cm="1">
        <f t="array" ref="F2148">IFERROR(INDEX(Jesper!AJ$2:AJ$366,ROUNDDOWN($C2148/24,0)+1,1)*INDEX($D$3:$AA$30,INDEX(Jesper!$R$2:$R$366,ROW(INDEX(Jesper!AJ$2:AJ$366,ROUNDDOWN($C2148/24,0)+1,1))-1)+IF('Standard Profiles'!$G$20=$B$10,7,0)+IF('Standard Profiles'!$G$20=$B$17,14,0)+IF('Standard Profiles'!$G$20=$B$24,21,0),MOD($C2148,24)+1)/SUM(INDEX($D$3:$AA$30,INDEX(Jesper!$R$2:$R$366,ROW(INDEX(Jesper!AJ$2:AJ$366,ROUNDDOWN($C2148/24,0)+1,1))-1)+IF('Standard Profiles'!$G$20=$B$10,7,0)+IF('Standard Profiles'!$G$20=$B$17,14,0)+IF('Standard Profiles'!$G$20=$B$24,21,0),0)),0)</f>
        <v>0</v>
      </c>
      <c r="G2148" cm="1">
        <f t="array" ref="G2148">IFERROR(INDEX(Jesper!AK$2:AK$366,ROUNDDOWN($C2148/24,0)+1,1)*INDEX($D$3:$AA$30,INDEX(Jesper!$R$2:$R$366,ROW(INDEX(Jesper!AK$2:AK$366,ROUNDDOWN($C2148/24,0)+1,1))-1)+IF('Standard Profiles'!$G$21=$B$10,7,0)+IF('Standard Profiles'!$G$21=$B$17,14,0)+IF('Standard Profiles'!$G$21=$B$24,21,0),MOD($C2148,24)+1)/SUM(INDEX($D$3:$AA$30,INDEX(Jesper!$R$2:$R$366,ROW(INDEX(Jesper!AK$2:AK$366,ROUNDDOWN($C2148/24,0)+1,1))-1)+IF('Standard Profiles'!$G$21=$B$10,7,0)+IF('Standard Profiles'!$G$21=$B$17,14,0)+IF('Standard Profiles'!$G$21=$B$24,21,0),0)),0)</f>
        <v>0</v>
      </c>
      <c r="H2148" cm="1">
        <f t="array" ref="H2148">IFERROR(INDEX(Jesper!AL$2:AL$366,ROUNDDOWN($C2148/24,0)+1,1)*INDEX($D$3:$AA$30,INDEX(Jesper!$R$2:$R$366,ROW(INDEX(Jesper!AL$2:AL$366,ROUNDDOWN($C2148/24,0)+1,1))-1)+IF('Standard Profiles'!$G$22=$B$10,7,0)+IF('Standard Profiles'!$G$22=$B$17,14,0)+IF('Standard Profiles'!$G$22=$B$24,21,0),MOD($C2148,24)+1)/SUM(INDEX($D$3:$AA$30,INDEX(Jesper!$R$2:$R$366,ROW(INDEX(Jesper!AL$2:AL$366,ROUNDDOWN($C2148/24,0)+1,1))-1)+IF('Standard Profiles'!$G$22=$B$10,7,0)+IF('Standard Profiles'!$G$22=$B$17,14,0)+IF('Standard Profiles'!$G$22=$B$24,21,0),0)),0)</f>
        <v>0</v>
      </c>
      <c r="I2148">
        <f t="shared" si="251"/>
        <v>0.26755366258240498</v>
      </c>
      <c r="J2148">
        <f t="shared" si="252"/>
        <v>0.89184554194135002</v>
      </c>
      <c r="K2148">
        <f t="shared" si="253"/>
        <v>1.3377683129120248</v>
      </c>
      <c r="L2148">
        <f t="shared" si="254"/>
        <v>6.4212879019777196</v>
      </c>
      <c r="M2148">
        <f t="shared" si="255"/>
        <v>0</v>
      </c>
      <c r="N2148" s="46">
        <f t="shared" ref="N2148:N2211" si="256">N2147+1/24</f>
        <v>45380.083333328206</v>
      </c>
    </row>
    <row r="2149" spans="2:14" x14ac:dyDescent="0.3">
      <c r="B2149">
        <f t="shared" si="250"/>
        <v>5</v>
      </c>
      <c r="C2149" s="16">
        <v>2115</v>
      </c>
      <c r="D2149" cm="1">
        <f t="array" ref="D2149">IFERROR(INDEX(Jesper!AH$2:AH$366,ROUNDDOWN($C2149/24,0)+1,1)*INDEX($D$3:$AA$30,INDEX(Jesper!$R$2:$R$366,ROW(INDEX(Jesper!AH$2:AH$366,ROUNDDOWN($C2149/24,0)+1,1))-1)+IF('Standard Profiles'!$G$18=$B$10,7,0)+IF('Standard Profiles'!$G$18=$B$17,14,0)+IF('Standard Profiles'!$G$18=$B$24,21,0),MOD($C2149,24)+1)/SUM(INDEX($D$3:$AA$30,INDEX(Jesper!$R$2:$R$366,ROW(INDEX(Jesper!AH$2:AH$366,ROUNDDOWN($C2149/24,0)+1,1))-1)+IF('Standard Profiles'!$G$18=$B$10,7,0)+IF('Standard Profiles'!$G$18=$B$17,14,0)+IF('Standard Profiles'!$G$18=$B$24,21,0),0)),0)</f>
        <v>8.9184554194134993</v>
      </c>
      <c r="E2149" cm="1">
        <f t="array" ref="E2149">IFERROR(INDEX(Jesper!AI$2:AI$366,ROUNDDOWN($C2149/24,0)+1,1)*INDEX($D$3:$AA$30,INDEX(Jesper!$R$2:$R$366,ROW(INDEX(Jesper!AI$2:AI$366,ROUNDDOWN($C2149/24,0)+1,1))-1)+IF('Standard Profiles'!$G$19=$B$10,7,0)+IF('Standard Profiles'!$G$19=$B$17,14,0)+IF('Standard Profiles'!$G$19=$B$24,21,0),MOD($C2149,24)+1)/SUM(INDEX($D$3:$AA$30,INDEX(Jesper!$R$2:$R$366,ROW(INDEX(Jesper!AI$2:AI$366,ROUNDDOWN($C2149/24,0)+1,1))-1)+IF('Standard Profiles'!$G$19=$B$10,7,0)+IF('Standard Profiles'!$G$19=$B$17,14,0)+IF('Standard Profiles'!$G$19=$B$24,21,0),0)),0)</f>
        <v>0</v>
      </c>
      <c r="F2149" cm="1">
        <f t="array" ref="F2149">IFERROR(INDEX(Jesper!AJ$2:AJ$366,ROUNDDOWN($C2149/24,0)+1,1)*INDEX($D$3:$AA$30,INDEX(Jesper!$R$2:$R$366,ROW(INDEX(Jesper!AJ$2:AJ$366,ROUNDDOWN($C2149/24,0)+1,1))-1)+IF('Standard Profiles'!$G$20=$B$10,7,0)+IF('Standard Profiles'!$G$20=$B$17,14,0)+IF('Standard Profiles'!$G$20=$B$24,21,0),MOD($C2149,24)+1)/SUM(INDEX($D$3:$AA$30,INDEX(Jesper!$R$2:$R$366,ROW(INDEX(Jesper!AJ$2:AJ$366,ROUNDDOWN($C2149/24,0)+1,1))-1)+IF('Standard Profiles'!$G$20=$B$10,7,0)+IF('Standard Profiles'!$G$20=$B$17,14,0)+IF('Standard Profiles'!$G$20=$B$24,21,0),0)),0)</f>
        <v>0</v>
      </c>
      <c r="G2149" cm="1">
        <f t="array" ref="G2149">IFERROR(INDEX(Jesper!AK$2:AK$366,ROUNDDOWN($C2149/24,0)+1,1)*INDEX($D$3:$AA$30,INDEX(Jesper!$R$2:$R$366,ROW(INDEX(Jesper!AK$2:AK$366,ROUNDDOWN($C2149/24,0)+1,1))-1)+IF('Standard Profiles'!$G$21=$B$10,7,0)+IF('Standard Profiles'!$G$21=$B$17,14,0)+IF('Standard Profiles'!$G$21=$B$24,21,0),MOD($C2149,24)+1)/SUM(INDEX($D$3:$AA$30,INDEX(Jesper!$R$2:$R$366,ROW(INDEX(Jesper!AK$2:AK$366,ROUNDDOWN($C2149/24,0)+1,1))-1)+IF('Standard Profiles'!$G$21=$B$10,7,0)+IF('Standard Profiles'!$G$21=$B$17,14,0)+IF('Standard Profiles'!$G$21=$B$24,21,0),0)),0)</f>
        <v>0</v>
      </c>
      <c r="H2149" cm="1">
        <f t="array" ref="H2149">IFERROR(INDEX(Jesper!AL$2:AL$366,ROUNDDOWN($C2149/24,0)+1,1)*INDEX($D$3:$AA$30,INDEX(Jesper!$R$2:$R$366,ROW(INDEX(Jesper!AL$2:AL$366,ROUNDDOWN($C2149/24,0)+1,1))-1)+IF('Standard Profiles'!$G$22=$B$10,7,0)+IF('Standard Profiles'!$G$22=$B$17,14,0)+IF('Standard Profiles'!$G$22=$B$24,21,0),MOD($C2149,24)+1)/SUM(INDEX($D$3:$AA$30,INDEX(Jesper!$R$2:$R$366,ROW(INDEX(Jesper!AL$2:AL$366,ROUNDDOWN($C2149/24,0)+1,1))-1)+IF('Standard Profiles'!$G$22=$B$10,7,0)+IF('Standard Profiles'!$G$22=$B$17,14,0)+IF('Standard Profiles'!$G$22=$B$24,21,0),0)),0)</f>
        <v>0</v>
      </c>
      <c r="I2149">
        <f t="shared" si="251"/>
        <v>0.26755366258240498</v>
      </c>
      <c r="J2149">
        <f t="shared" si="252"/>
        <v>0.89184554194135002</v>
      </c>
      <c r="K2149">
        <f t="shared" si="253"/>
        <v>1.3377683129120248</v>
      </c>
      <c r="L2149">
        <f t="shared" si="254"/>
        <v>6.4212879019777196</v>
      </c>
      <c r="M2149">
        <f t="shared" si="255"/>
        <v>0</v>
      </c>
      <c r="N2149" s="46">
        <f t="shared" si="256"/>
        <v>45380.12499999487</v>
      </c>
    </row>
    <row r="2150" spans="2:14" x14ac:dyDescent="0.3">
      <c r="B2150">
        <f t="shared" si="250"/>
        <v>5</v>
      </c>
      <c r="C2150" s="16">
        <v>2116</v>
      </c>
      <c r="D2150" cm="1">
        <f t="array" ref="D2150">IFERROR(INDEX(Jesper!AH$2:AH$366,ROUNDDOWN($C2150/24,0)+1,1)*INDEX($D$3:$AA$30,INDEX(Jesper!$R$2:$R$366,ROW(INDEX(Jesper!AH$2:AH$366,ROUNDDOWN($C2150/24,0)+1,1))-1)+IF('Standard Profiles'!$G$18=$B$10,7,0)+IF('Standard Profiles'!$G$18=$B$17,14,0)+IF('Standard Profiles'!$G$18=$B$24,21,0),MOD($C2150,24)+1)/SUM(INDEX($D$3:$AA$30,INDEX(Jesper!$R$2:$R$366,ROW(INDEX(Jesper!AH$2:AH$366,ROUNDDOWN($C2150/24,0)+1,1))-1)+IF('Standard Profiles'!$G$18=$B$10,7,0)+IF('Standard Profiles'!$G$18=$B$17,14,0)+IF('Standard Profiles'!$G$18=$B$24,21,0),0)),0)</f>
        <v>8.9184554194134993</v>
      </c>
      <c r="E2150" cm="1">
        <f t="array" ref="E2150">IFERROR(INDEX(Jesper!AI$2:AI$366,ROUNDDOWN($C2150/24,0)+1,1)*INDEX($D$3:$AA$30,INDEX(Jesper!$R$2:$R$366,ROW(INDEX(Jesper!AI$2:AI$366,ROUNDDOWN($C2150/24,0)+1,1))-1)+IF('Standard Profiles'!$G$19=$B$10,7,0)+IF('Standard Profiles'!$G$19=$B$17,14,0)+IF('Standard Profiles'!$G$19=$B$24,21,0),MOD($C2150,24)+1)/SUM(INDEX($D$3:$AA$30,INDEX(Jesper!$R$2:$R$366,ROW(INDEX(Jesper!AI$2:AI$366,ROUNDDOWN($C2150/24,0)+1,1))-1)+IF('Standard Profiles'!$G$19=$B$10,7,0)+IF('Standard Profiles'!$G$19=$B$17,14,0)+IF('Standard Profiles'!$G$19=$B$24,21,0),0)),0)</f>
        <v>0</v>
      </c>
      <c r="F2150" cm="1">
        <f t="array" ref="F2150">IFERROR(INDEX(Jesper!AJ$2:AJ$366,ROUNDDOWN($C2150/24,0)+1,1)*INDEX($D$3:$AA$30,INDEX(Jesper!$R$2:$R$366,ROW(INDEX(Jesper!AJ$2:AJ$366,ROUNDDOWN($C2150/24,0)+1,1))-1)+IF('Standard Profiles'!$G$20=$B$10,7,0)+IF('Standard Profiles'!$G$20=$B$17,14,0)+IF('Standard Profiles'!$G$20=$B$24,21,0),MOD($C2150,24)+1)/SUM(INDEX($D$3:$AA$30,INDEX(Jesper!$R$2:$R$366,ROW(INDEX(Jesper!AJ$2:AJ$366,ROUNDDOWN($C2150/24,0)+1,1))-1)+IF('Standard Profiles'!$G$20=$B$10,7,0)+IF('Standard Profiles'!$G$20=$B$17,14,0)+IF('Standard Profiles'!$G$20=$B$24,21,0),0)),0)</f>
        <v>0</v>
      </c>
      <c r="G2150" cm="1">
        <f t="array" ref="G2150">IFERROR(INDEX(Jesper!AK$2:AK$366,ROUNDDOWN($C2150/24,0)+1,1)*INDEX($D$3:$AA$30,INDEX(Jesper!$R$2:$R$366,ROW(INDEX(Jesper!AK$2:AK$366,ROUNDDOWN($C2150/24,0)+1,1))-1)+IF('Standard Profiles'!$G$21=$B$10,7,0)+IF('Standard Profiles'!$G$21=$B$17,14,0)+IF('Standard Profiles'!$G$21=$B$24,21,0),MOD($C2150,24)+1)/SUM(INDEX($D$3:$AA$30,INDEX(Jesper!$R$2:$R$366,ROW(INDEX(Jesper!AK$2:AK$366,ROUNDDOWN($C2150/24,0)+1,1))-1)+IF('Standard Profiles'!$G$21=$B$10,7,0)+IF('Standard Profiles'!$G$21=$B$17,14,0)+IF('Standard Profiles'!$G$21=$B$24,21,0),0)),0)</f>
        <v>0</v>
      </c>
      <c r="H2150" cm="1">
        <f t="array" ref="H2150">IFERROR(INDEX(Jesper!AL$2:AL$366,ROUNDDOWN($C2150/24,0)+1,1)*INDEX($D$3:$AA$30,INDEX(Jesper!$R$2:$R$366,ROW(INDEX(Jesper!AL$2:AL$366,ROUNDDOWN($C2150/24,0)+1,1))-1)+IF('Standard Profiles'!$G$22=$B$10,7,0)+IF('Standard Profiles'!$G$22=$B$17,14,0)+IF('Standard Profiles'!$G$22=$B$24,21,0),MOD($C2150,24)+1)/SUM(INDEX($D$3:$AA$30,INDEX(Jesper!$R$2:$R$366,ROW(INDEX(Jesper!AL$2:AL$366,ROUNDDOWN($C2150/24,0)+1,1))-1)+IF('Standard Profiles'!$G$22=$B$10,7,0)+IF('Standard Profiles'!$G$22=$B$17,14,0)+IF('Standard Profiles'!$G$22=$B$24,21,0),0)),0)</f>
        <v>0</v>
      </c>
      <c r="I2150">
        <f t="shared" si="251"/>
        <v>0.26755366258240498</v>
      </c>
      <c r="J2150">
        <f t="shared" si="252"/>
        <v>0.89184554194135002</v>
      </c>
      <c r="K2150">
        <f t="shared" si="253"/>
        <v>1.3377683129120248</v>
      </c>
      <c r="L2150">
        <f t="shared" si="254"/>
        <v>6.4212879019777196</v>
      </c>
      <c r="M2150">
        <f t="shared" si="255"/>
        <v>0</v>
      </c>
      <c r="N2150" s="46">
        <f t="shared" si="256"/>
        <v>45380.166666661535</v>
      </c>
    </row>
    <row r="2151" spans="2:14" x14ac:dyDescent="0.3">
      <c r="B2151">
        <f t="shared" si="250"/>
        <v>5</v>
      </c>
      <c r="C2151" s="16">
        <v>2117</v>
      </c>
      <c r="D2151" cm="1">
        <f t="array" ref="D2151">IFERROR(INDEX(Jesper!AH$2:AH$366,ROUNDDOWN($C2151/24,0)+1,1)*INDEX($D$3:$AA$30,INDEX(Jesper!$R$2:$R$366,ROW(INDEX(Jesper!AH$2:AH$366,ROUNDDOWN($C2151/24,0)+1,1))-1)+IF('Standard Profiles'!$G$18=$B$10,7,0)+IF('Standard Profiles'!$G$18=$B$17,14,0)+IF('Standard Profiles'!$G$18=$B$24,21,0),MOD($C2151,24)+1)/SUM(INDEX($D$3:$AA$30,INDEX(Jesper!$R$2:$R$366,ROW(INDEX(Jesper!AH$2:AH$366,ROUNDDOWN($C2151/24,0)+1,1))-1)+IF('Standard Profiles'!$G$18=$B$10,7,0)+IF('Standard Profiles'!$G$18=$B$17,14,0)+IF('Standard Profiles'!$G$18=$B$24,21,0),0)),0)</f>
        <v>11.494898096132955</v>
      </c>
      <c r="E2151" cm="1">
        <f t="array" ref="E2151">IFERROR(INDEX(Jesper!AI$2:AI$366,ROUNDDOWN($C2151/24,0)+1,1)*INDEX($D$3:$AA$30,INDEX(Jesper!$R$2:$R$366,ROW(INDEX(Jesper!AI$2:AI$366,ROUNDDOWN($C2151/24,0)+1,1))-1)+IF('Standard Profiles'!$G$19=$B$10,7,0)+IF('Standard Profiles'!$G$19=$B$17,14,0)+IF('Standard Profiles'!$G$19=$B$24,21,0),MOD($C2151,24)+1)/SUM(INDEX($D$3:$AA$30,INDEX(Jesper!$R$2:$R$366,ROW(INDEX(Jesper!AI$2:AI$366,ROUNDDOWN($C2151/24,0)+1,1))-1)+IF('Standard Profiles'!$G$19=$B$10,7,0)+IF('Standard Profiles'!$G$19=$B$17,14,0)+IF('Standard Profiles'!$G$19=$B$24,21,0),0)),0)</f>
        <v>0</v>
      </c>
      <c r="F2151" cm="1">
        <f t="array" ref="F2151">IFERROR(INDEX(Jesper!AJ$2:AJ$366,ROUNDDOWN($C2151/24,0)+1,1)*INDEX($D$3:$AA$30,INDEX(Jesper!$R$2:$R$366,ROW(INDEX(Jesper!AJ$2:AJ$366,ROUNDDOWN($C2151/24,0)+1,1))-1)+IF('Standard Profiles'!$G$20=$B$10,7,0)+IF('Standard Profiles'!$G$20=$B$17,14,0)+IF('Standard Profiles'!$G$20=$B$24,21,0),MOD($C2151,24)+1)/SUM(INDEX($D$3:$AA$30,INDEX(Jesper!$R$2:$R$366,ROW(INDEX(Jesper!AJ$2:AJ$366,ROUNDDOWN($C2151/24,0)+1,1))-1)+IF('Standard Profiles'!$G$20=$B$10,7,0)+IF('Standard Profiles'!$G$20=$B$17,14,0)+IF('Standard Profiles'!$G$20=$B$24,21,0),0)),0)</f>
        <v>0</v>
      </c>
      <c r="G2151" cm="1">
        <f t="array" ref="G2151">IFERROR(INDEX(Jesper!AK$2:AK$366,ROUNDDOWN($C2151/24,0)+1,1)*INDEX($D$3:$AA$30,INDEX(Jesper!$R$2:$R$366,ROW(INDEX(Jesper!AK$2:AK$366,ROUNDDOWN($C2151/24,0)+1,1))-1)+IF('Standard Profiles'!$G$21=$B$10,7,0)+IF('Standard Profiles'!$G$21=$B$17,14,0)+IF('Standard Profiles'!$G$21=$B$24,21,0),MOD($C2151,24)+1)/SUM(INDEX($D$3:$AA$30,INDEX(Jesper!$R$2:$R$366,ROW(INDEX(Jesper!AK$2:AK$366,ROUNDDOWN($C2151/24,0)+1,1))-1)+IF('Standard Profiles'!$G$21=$B$10,7,0)+IF('Standard Profiles'!$G$21=$B$17,14,0)+IF('Standard Profiles'!$G$21=$B$24,21,0),0)),0)</f>
        <v>0</v>
      </c>
      <c r="H2151" cm="1">
        <f t="array" ref="H2151">IFERROR(INDEX(Jesper!AL$2:AL$366,ROUNDDOWN($C2151/24,0)+1,1)*INDEX($D$3:$AA$30,INDEX(Jesper!$R$2:$R$366,ROW(INDEX(Jesper!AL$2:AL$366,ROUNDDOWN($C2151/24,0)+1,1))-1)+IF('Standard Profiles'!$G$22=$B$10,7,0)+IF('Standard Profiles'!$G$22=$B$17,14,0)+IF('Standard Profiles'!$G$22=$B$24,21,0),MOD($C2151,24)+1)/SUM(INDEX($D$3:$AA$30,INDEX(Jesper!$R$2:$R$366,ROW(INDEX(Jesper!AL$2:AL$366,ROUNDDOWN($C2151/24,0)+1,1))-1)+IF('Standard Profiles'!$G$22=$B$10,7,0)+IF('Standard Profiles'!$G$22=$B$17,14,0)+IF('Standard Profiles'!$G$22=$B$24,21,0),0)),0)</f>
        <v>0</v>
      </c>
      <c r="I2151">
        <f t="shared" si="251"/>
        <v>0.34484694288398865</v>
      </c>
      <c r="J2151">
        <f t="shared" si="252"/>
        <v>1.1494898096132955</v>
      </c>
      <c r="K2151">
        <f t="shared" si="253"/>
        <v>1.7242347144199432</v>
      </c>
      <c r="L2151">
        <f t="shared" si="254"/>
        <v>8.2763266292157276</v>
      </c>
      <c r="M2151">
        <f t="shared" si="255"/>
        <v>0</v>
      </c>
      <c r="N2151" s="46">
        <f t="shared" si="256"/>
        <v>45380.208333328199</v>
      </c>
    </row>
    <row r="2152" spans="2:14" x14ac:dyDescent="0.3">
      <c r="B2152">
        <f t="shared" si="250"/>
        <v>5</v>
      </c>
      <c r="C2152" s="16">
        <v>2118</v>
      </c>
      <c r="D2152" cm="1">
        <f t="array" ref="D2152">IFERROR(INDEX(Jesper!AH$2:AH$366,ROUNDDOWN($C2152/24,0)+1,1)*INDEX($D$3:$AA$30,INDEX(Jesper!$R$2:$R$366,ROW(INDEX(Jesper!AH$2:AH$366,ROUNDDOWN($C2152/24,0)+1,1))-1)+IF('Standard Profiles'!$G$18=$B$10,7,0)+IF('Standard Profiles'!$G$18=$B$17,14,0)+IF('Standard Profiles'!$G$18=$B$24,21,0),MOD($C2152,24)+1)/SUM(INDEX($D$3:$AA$30,INDEX(Jesper!$R$2:$R$366,ROW(INDEX(Jesper!AH$2:AH$366,ROUNDDOWN($C2152/24,0)+1,1))-1)+IF('Standard Profiles'!$G$18=$B$10,7,0)+IF('Standard Profiles'!$G$18=$B$17,14,0)+IF('Standard Profiles'!$G$18=$B$24,21,0),0)),0)</f>
        <v>13.873152874643223</v>
      </c>
      <c r="E2152" cm="1">
        <f t="array" ref="E2152">IFERROR(INDEX(Jesper!AI$2:AI$366,ROUNDDOWN($C2152/24,0)+1,1)*INDEX($D$3:$AA$30,INDEX(Jesper!$R$2:$R$366,ROW(INDEX(Jesper!AI$2:AI$366,ROUNDDOWN($C2152/24,0)+1,1))-1)+IF('Standard Profiles'!$G$19=$B$10,7,0)+IF('Standard Profiles'!$G$19=$B$17,14,0)+IF('Standard Profiles'!$G$19=$B$24,21,0),MOD($C2152,24)+1)/SUM(INDEX($D$3:$AA$30,INDEX(Jesper!$R$2:$R$366,ROW(INDEX(Jesper!AI$2:AI$366,ROUNDDOWN($C2152/24,0)+1,1))-1)+IF('Standard Profiles'!$G$19=$B$10,7,0)+IF('Standard Profiles'!$G$19=$B$17,14,0)+IF('Standard Profiles'!$G$19=$B$24,21,0),0)),0)</f>
        <v>0</v>
      </c>
      <c r="F2152" cm="1">
        <f t="array" ref="F2152">IFERROR(INDEX(Jesper!AJ$2:AJ$366,ROUNDDOWN($C2152/24,0)+1,1)*INDEX($D$3:$AA$30,INDEX(Jesper!$R$2:$R$366,ROW(INDEX(Jesper!AJ$2:AJ$366,ROUNDDOWN($C2152/24,0)+1,1))-1)+IF('Standard Profiles'!$G$20=$B$10,7,0)+IF('Standard Profiles'!$G$20=$B$17,14,0)+IF('Standard Profiles'!$G$20=$B$24,21,0),MOD($C2152,24)+1)/SUM(INDEX($D$3:$AA$30,INDEX(Jesper!$R$2:$R$366,ROW(INDEX(Jesper!AJ$2:AJ$366,ROUNDDOWN($C2152/24,0)+1,1))-1)+IF('Standard Profiles'!$G$20=$B$10,7,0)+IF('Standard Profiles'!$G$20=$B$17,14,0)+IF('Standard Profiles'!$G$20=$B$24,21,0),0)),0)</f>
        <v>0</v>
      </c>
      <c r="G2152" cm="1">
        <f t="array" ref="G2152">IFERROR(INDEX(Jesper!AK$2:AK$366,ROUNDDOWN($C2152/24,0)+1,1)*INDEX($D$3:$AA$30,INDEX(Jesper!$R$2:$R$366,ROW(INDEX(Jesper!AK$2:AK$366,ROUNDDOWN($C2152/24,0)+1,1))-1)+IF('Standard Profiles'!$G$21=$B$10,7,0)+IF('Standard Profiles'!$G$21=$B$17,14,0)+IF('Standard Profiles'!$G$21=$B$24,21,0),MOD($C2152,24)+1)/SUM(INDEX($D$3:$AA$30,INDEX(Jesper!$R$2:$R$366,ROW(INDEX(Jesper!AK$2:AK$366,ROUNDDOWN($C2152/24,0)+1,1))-1)+IF('Standard Profiles'!$G$21=$B$10,7,0)+IF('Standard Profiles'!$G$21=$B$17,14,0)+IF('Standard Profiles'!$G$21=$B$24,21,0),0)),0)</f>
        <v>0</v>
      </c>
      <c r="H2152" cm="1">
        <f t="array" ref="H2152">IFERROR(INDEX(Jesper!AL$2:AL$366,ROUNDDOWN($C2152/24,0)+1,1)*INDEX($D$3:$AA$30,INDEX(Jesper!$R$2:$R$366,ROW(INDEX(Jesper!AL$2:AL$366,ROUNDDOWN($C2152/24,0)+1,1))-1)+IF('Standard Profiles'!$G$22=$B$10,7,0)+IF('Standard Profiles'!$G$22=$B$17,14,0)+IF('Standard Profiles'!$G$22=$B$24,21,0),MOD($C2152,24)+1)/SUM(INDEX($D$3:$AA$30,INDEX(Jesper!$R$2:$R$366,ROW(INDEX(Jesper!AL$2:AL$366,ROUNDDOWN($C2152/24,0)+1,1))-1)+IF('Standard Profiles'!$G$22=$B$10,7,0)+IF('Standard Profiles'!$G$22=$B$17,14,0)+IF('Standard Profiles'!$G$22=$B$24,21,0),0)),0)</f>
        <v>0</v>
      </c>
      <c r="I2152">
        <f t="shared" si="251"/>
        <v>0.41619458623929667</v>
      </c>
      <c r="J2152">
        <f t="shared" si="252"/>
        <v>1.3873152874643224</v>
      </c>
      <c r="K2152">
        <f t="shared" si="253"/>
        <v>2.0809729311964835</v>
      </c>
      <c r="L2152">
        <f t="shared" si="254"/>
        <v>9.9886700697431205</v>
      </c>
      <c r="M2152">
        <f t="shared" si="255"/>
        <v>0</v>
      </c>
      <c r="N2152" s="46">
        <f t="shared" si="256"/>
        <v>45380.249999994863</v>
      </c>
    </row>
    <row r="2153" spans="2:14" x14ac:dyDescent="0.3">
      <c r="B2153">
        <f t="shared" si="250"/>
        <v>5</v>
      </c>
      <c r="C2153" s="16">
        <v>2119</v>
      </c>
      <c r="D2153" cm="1">
        <f t="array" ref="D2153">IFERROR(INDEX(Jesper!AH$2:AH$366,ROUNDDOWN($C2153/24,0)+1,1)*INDEX($D$3:$AA$30,INDEX(Jesper!$R$2:$R$366,ROW(INDEX(Jesper!AH$2:AH$366,ROUNDDOWN($C2153/24,0)+1,1))-1)+IF('Standard Profiles'!$G$18=$B$10,7,0)+IF('Standard Profiles'!$G$18=$B$17,14,0)+IF('Standard Profiles'!$G$18=$B$24,21,0),MOD($C2153,24)+1)/SUM(INDEX($D$3:$AA$30,INDEX(Jesper!$R$2:$R$366,ROW(INDEX(Jesper!AH$2:AH$366,ROUNDDOWN($C2153/24,0)+1,1))-1)+IF('Standard Profiles'!$G$18=$B$10,7,0)+IF('Standard Profiles'!$G$18=$B$17,14,0)+IF('Standard Profiles'!$G$18=$B$24,21,0),0)),0)</f>
        <v>13.873152874643223</v>
      </c>
      <c r="E2153" cm="1">
        <f t="array" ref="E2153">IFERROR(INDEX(Jesper!AI$2:AI$366,ROUNDDOWN($C2153/24,0)+1,1)*INDEX($D$3:$AA$30,INDEX(Jesper!$R$2:$R$366,ROW(INDEX(Jesper!AI$2:AI$366,ROUNDDOWN($C2153/24,0)+1,1))-1)+IF('Standard Profiles'!$G$19=$B$10,7,0)+IF('Standard Profiles'!$G$19=$B$17,14,0)+IF('Standard Profiles'!$G$19=$B$24,21,0),MOD($C2153,24)+1)/SUM(INDEX($D$3:$AA$30,INDEX(Jesper!$R$2:$R$366,ROW(INDEX(Jesper!AI$2:AI$366,ROUNDDOWN($C2153/24,0)+1,1))-1)+IF('Standard Profiles'!$G$19=$B$10,7,0)+IF('Standard Profiles'!$G$19=$B$17,14,0)+IF('Standard Profiles'!$G$19=$B$24,21,0),0)),0)</f>
        <v>0</v>
      </c>
      <c r="F2153" cm="1">
        <f t="array" ref="F2153">IFERROR(INDEX(Jesper!AJ$2:AJ$366,ROUNDDOWN($C2153/24,0)+1,1)*INDEX($D$3:$AA$30,INDEX(Jesper!$R$2:$R$366,ROW(INDEX(Jesper!AJ$2:AJ$366,ROUNDDOWN($C2153/24,0)+1,1))-1)+IF('Standard Profiles'!$G$20=$B$10,7,0)+IF('Standard Profiles'!$G$20=$B$17,14,0)+IF('Standard Profiles'!$G$20=$B$24,21,0),MOD($C2153,24)+1)/SUM(INDEX($D$3:$AA$30,INDEX(Jesper!$R$2:$R$366,ROW(INDEX(Jesper!AJ$2:AJ$366,ROUNDDOWN($C2153/24,0)+1,1))-1)+IF('Standard Profiles'!$G$20=$B$10,7,0)+IF('Standard Profiles'!$G$20=$B$17,14,0)+IF('Standard Profiles'!$G$20=$B$24,21,0),0)),0)</f>
        <v>0</v>
      </c>
      <c r="G2153" cm="1">
        <f t="array" ref="G2153">IFERROR(INDEX(Jesper!AK$2:AK$366,ROUNDDOWN($C2153/24,0)+1,1)*INDEX($D$3:$AA$30,INDEX(Jesper!$R$2:$R$366,ROW(INDEX(Jesper!AK$2:AK$366,ROUNDDOWN($C2153/24,0)+1,1))-1)+IF('Standard Profiles'!$G$21=$B$10,7,0)+IF('Standard Profiles'!$G$21=$B$17,14,0)+IF('Standard Profiles'!$G$21=$B$24,21,0),MOD($C2153,24)+1)/SUM(INDEX($D$3:$AA$30,INDEX(Jesper!$R$2:$R$366,ROW(INDEX(Jesper!AK$2:AK$366,ROUNDDOWN($C2153/24,0)+1,1))-1)+IF('Standard Profiles'!$G$21=$B$10,7,0)+IF('Standard Profiles'!$G$21=$B$17,14,0)+IF('Standard Profiles'!$G$21=$B$24,21,0),0)),0)</f>
        <v>0</v>
      </c>
      <c r="H2153" cm="1">
        <f t="array" ref="H2153">IFERROR(INDEX(Jesper!AL$2:AL$366,ROUNDDOWN($C2153/24,0)+1,1)*INDEX($D$3:$AA$30,INDEX(Jesper!$R$2:$R$366,ROW(INDEX(Jesper!AL$2:AL$366,ROUNDDOWN($C2153/24,0)+1,1))-1)+IF('Standard Profiles'!$G$22=$B$10,7,0)+IF('Standard Profiles'!$G$22=$B$17,14,0)+IF('Standard Profiles'!$G$22=$B$24,21,0),MOD($C2153,24)+1)/SUM(INDEX($D$3:$AA$30,INDEX(Jesper!$R$2:$R$366,ROW(INDEX(Jesper!AL$2:AL$366,ROUNDDOWN($C2153/24,0)+1,1))-1)+IF('Standard Profiles'!$G$22=$B$10,7,0)+IF('Standard Profiles'!$G$22=$B$17,14,0)+IF('Standard Profiles'!$G$22=$B$24,21,0),0)),0)</f>
        <v>0</v>
      </c>
      <c r="I2153">
        <f t="shared" si="251"/>
        <v>0.41619458623929667</v>
      </c>
      <c r="J2153">
        <f t="shared" si="252"/>
        <v>1.3873152874643224</v>
      </c>
      <c r="K2153">
        <f t="shared" si="253"/>
        <v>2.0809729311964835</v>
      </c>
      <c r="L2153">
        <f t="shared" si="254"/>
        <v>9.9886700697431205</v>
      </c>
      <c r="M2153">
        <f t="shared" si="255"/>
        <v>0</v>
      </c>
      <c r="N2153" s="46">
        <f t="shared" si="256"/>
        <v>45380.291666661527</v>
      </c>
    </row>
    <row r="2154" spans="2:14" x14ac:dyDescent="0.3">
      <c r="B2154">
        <f t="shared" si="250"/>
        <v>5</v>
      </c>
      <c r="C2154" s="16">
        <v>2120</v>
      </c>
      <c r="D2154" cm="1">
        <f t="array" ref="D2154">IFERROR(INDEX(Jesper!AH$2:AH$366,ROUNDDOWN($C2154/24,0)+1,1)*INDEX($D$3:$AA$30,INDEX(Jesper!$R$2:$R$366,ROW(INDEX(Jesper!AH$2:AH$366,ROUNDDOWN($C2154/24,0)+1,1))-1)+IF('Standard Profiles'!$G$18=$B$10,7,0)+IF('Standard Profiles'!$G$18=$B$17,14,0)+IF('Standard Profiles'!$G$18=$B$24,21,0),MOD($C2154,24)+1)/SUM(INDEX($D$3:$AA$30,INDEX(Jesper!$R$2:$R$366,ROW(INDEX(Jesper!AH$2:AH$366,ROUNDDOWN($C2154/24,0)+1,1))-1)+IF('Standard Profiles'!$G$18=$B$10,7,0)+IF('Standard Profiles'!$G$18=$B$17,14,0)+IF('Standard Profiles'!$G$18=$B$24,21,0),0)),0)</f>
        <v>13.873152874643223</v>
      </c>
      <c r="E2154" cm="1">
        <f t="array" ref="E2154">IFERROR(INDEX(Jesper!AI$2:AI$366,ROUNDDOWN($C2154/24,0)+1,1)*INDEX($D$3:$AA$30,INDEX(Jesper!$R$2:$R$366,ROW(INDEX(Jesper!AI$2:AI$366,ROUNDDOWN($C2154/24,0)+1,1))-1)+IF('Standard Profiles'!$G$19=$B$10,7,0)+IF('Standard Profiles'!$G$19=$B$17,14,0)+IF('Standard Profiles'!$G$19=$B$24,21,0),MOD($C2154,24)+1)/SUM(INDEX($D$3:$AA$30,INDEX(Jesper!$R$2:$R$366,ROW(INDEX(Jesper!AI$2:AI$366,ROUNDDOWN($C2154/24,0)+1,1))-1)+IF('Standard Profiles'!$G$19=$B$10,7,0)+IF('Standard Profiles'!$G$19=$B$17,14,0)+IF('Standard Profiles'!$G$19=$B$24,21,0),0)),0)</f>
        <v>0</v>
      </c>
      <c r="F2154" cm="1">
        <f t="array" ref="F2154">IFERROR(INDEX(Jesper!AJ$2:AJ$366,ROUNDDOWN($C2154/24,0)+1,1)*INDEX($D$3:$AA$30,INDEX(Jesper!$R$2:$R$366,ROW(INDEX(Jesper!AJ$2:AJ$366,ROUNDDOWN($C2154/24,0)+1,1))-1)+IF('Standard Profiles'!$G$20=$B$10,7,0)+IF('Standard Profiles'!$G$20=$B$17,14,0)+IF('Standard Profiles'!$G$20=$B$24,21,0),MOD($C2154,24)+1)/SUM(INDEX($D$3:$AA$30,INDEX(Jesper!$R$2:$R$366,ROW(INDEX(Jesper!AJ$2:AJ$366,ROUNDDOWN($C2154/24,0)+1,1))-1)+IF('Standard Profiles'!$G$20=$B$10,7,0)+IF('Standard Profiles'!$G$20=$B$17,14,0)+IF('Standard Profiles'!$G$20=$B$24,21,0),0)),0)</f>
        <v>0</v>
      </c>
      <c r="G2154" cm="1">
        <f t="array" ref="G2154">IFERROR(INDEX(Jesper!AK$2:AK$366,ROUNDDOWN($C2154/24,0)+1,1)*INDEX($D$3:$AA$30,INDEX(Jesper!$R$2:$R$366,ROW(INDEX(Jesper!AK$2:AK$366,ROUNDDOWN($C2154/24,0)+1,1))-1)+IF('Standard Profiles'!$G$21=$B$10,7,0)+IF('Standard Profiles'!$G$21=$B$17,14,0)+IF('Standard Profiles'!$G$21=$B$24,21,0),MOD($C2154,24)+1)/SUM(INDEX($D$3:$AA$30,INDEX(Jesper!$R$2:$R$366,ROW(INDEX(Jesper!AK$2:AK$366,ROUNDDOWN($C2154/24,0)+1,1))-1)+IF('Standard Profiles'!$G$21=$B$10,7,0)+IF('Standard Profiles'!$G$21=$B$17,14,0)+IF('Standard Profiles'!$G$21=$B$24,21,0),0)),0)</f>
        <v>0</v>
      </c>
      <c r="H2154" cm="1">
        <f t="array" ref="H2154">IFERROR(INDEX(Jesper!AL$2:AL$366,ROUNDDOWN($C2154/24,0)+1,1)*INDEX($D$3:$AA$30,INDEX(Jesper!$R$2:$R$366,ROW(INDEX(Jesper!AL$2:AL$366,ROUNDDOWN($C2154/24,0)+1,1))-1)+IF('Standard Profiles'!$G$22=$B$10,7,0)+IF('Standard Profiles'!$G$22=$B$17,14,0)+IF('Standard Profiles'!$G$22=$B$24,21,0),MOD($C2154,24)+1)/SUM(INDEX($D$3:$AA$30,INDEX(Jesper!$R$2:$R$366,ROW(INDEX(Jesper!AL$2:AL$366,ROUNDDOWN($C2154/24,0)+1,1))-1)+IF('Standard Profiles'!$G$22=$B$10,7,0)+IF('Standard Profiles'!$G$22=$B$17,14,0)+IF('Standard Profiles'!$G$22=$B$24,21,0),0)),0)</f>
        <v>0</v>
      </c>
      <c r="I2154">
        <f t="shared" si="251"/>
        <v>0.41619458623929667</v>
      </c>
      <c r="J2154">
        <f t="shared" si="252"/>
        <v>1.3873152874643224</v>
      </c>
      <c r="K2154">
        <f t="shared" si="253"/>
        <v>2.0809729311964835</v>
      </c>
      <c r="L2154">
        <f t="shared" si="254"/>
        <v>9.9886700697431205</v>
      </c>
      <c r="M2154">
        <f t="shared" si="255"/>
        <v>0</v>
      </c>
      <c r="N2154" s="46">
        <f t="shared" si="256"/>
        <v>45380.333333328192</v>
      </c>
    </row>
    <row r="2155" spans="2:14" x14ac:dyDescent="0.3">
      <c r="B2155">
        <f t="shared" si="250"/>
        <v>5</v>
      </c>
      <c r="C2155" s="16">
        <v>2121</v>
      </c>
      <c r="D2155" cm="1">
        <f t="array" ref="D2155">IFERROR(INDEX(Jesper!AH$2:AH$366,ROUNDDOWN($C2155/24,0)+1,1)*INDEX($D$3:$AA$30,INDEX(Jesper!$R$2:$R$366,ROW(INDEX(Jesper!AH$2:AH$366,ROUNDDOWN($C2155/24,0)+1,1))-1)+IF('Standard Profiles'!$G$18=$B$10,7,0)+IF('Standard Profiles'!$G$18=$B$17,14,0)+IF('Standard Profiles'!$G$18=$B$24,21,0),MOD($C2155,24)+1)/SUM(INDEX($D$3:$AA$30,INDEX(Jesper!$R$2:$R$366,ROW(INDEX(Jesper!AH$2:AH$366,ROUNDDOWN($C2155/24,0)+1,1))-1)+IF('Standard Profiles'!$G$18=$B$10,7,0)+IF('Standard Profiles'!$G$18=$B$17,14,0)+IF('Standard Profiles'!$G$18=$B$24,21,0),0)),0)</f>
        <v>14.864092365689167</v>
      </c>
      <c r="E2155" cm="1">
        <f t="array" ref="E2155">IFERROR(INDEX(Jesper!AI$2:AI$366,ROUNDDOWN($C2155/24,0)+1,1)*INDEX($D$3:$AA$30,INDEX(Jesper!$R$2:$R$366,ROW(INDEX(Jesper!AI$2:AI$366,ROUNDDOWN($C2155/24,0)+1,1))-1)+IF('Standard Profiles'!$G$19=$B$10,7,0)+IF('Standard Profiles'!$G$19=$B$17,14,0)+IF('Standard Profiles'!$G$19=$B$24,21,0),MOD($C2155,24)+1)/SUM(INDEX($D$3:$AA$30,INDEX(Jesper!$R$2:$R$366,ROW(INDEX(Jesper!AI$2:AI$366,ROUNDDOWN($C2155/24,0)+1,1))-1)+IF('Standard Profiles'!$G$19=$B$10,7,0)+IF('Standard Profiles'!$G$19=$B$17,14,0)+IF('Standard Profiles'!$G$19=$B$24,21,0),0)),0)</f>
        <v>0</v>
      </c>
      <c r="F2155" cm="1">
        <f t="array" ref="F2155">IFERROR(INDEX(Jesper!AJ$2:AJ$366,ROUNDDOWN($C2155/24,0)+1,1)*INDEX($D$3:$AA$30,INDEX(Jesper!$R$2:$R$366,ROW(INDEX(Jesper!AJ$2:AJ$366,ROUNDDOWN($C2155/24,0)+1,1))-1)+IF('Standard Profiles'!$G$20=$B$10,7,0)+IF('Standard Profiles'!$G$20=$B$17,14,0)+IF('Standard Profiles'!$G$20=$B$24,21,0),MOD($C2155,24)+1)/SUM(INDEX($D$3:$AA$30,INDEX(Jesper!$R$2:$R$366,ROW(INDEX(Jesper!AJ$2:AJ$366,ROUNDDOWN($C2155/24,0)+1,1))-1)+IF('Standard Profiles'!$G$20=$B$10,7,0)+IF('Standard Profiles'!$G$20=$B$17,14,0)+IF('Standard Profiles'!$G$20=$B$24,21,0),0)),0)</f>
        <v>0</v>
      </c>
      <c r="G2155" cm="1">
        <f t="array" ref="G2155">IFERROR(INDEX(Jesper!AK$2:AK$366,ROUNDDOWN($C2155/24,0)+1,1)*INDEX($D$3:$AA$30,INDEX(Jesper!$R$2:$R$366,ROW(INDEX(Jesper!AK$2:AK$366,ROUNDDOWN($C2155/24,0)+1,1))-1)+IF('Standard Profiles'!$G$21=$B$10,7,0)+IF('Standard Profiles'!$G$21=$B$17,14,0)+IF('Standard Profiles'!$G$21=$B$24,21,0),MOD($C2155,24)+1)/SUM(INDEX($D$3:$AA$30,INDEX(Jesper!$R$2:$R$366,ROW(INDEX(Jesper!AK$2:AK$366,ROUNDDOWN($C2155/24,0)+1,1))-1)+IF('Standard Profiles'!$G$21=$B$10,7,0)+IF('Standard Profiles'!$G$21=$B$17,14,0)+IF('Standard Profiles'!$G$21=$B$24,21,0),0)),0)</f>
        <v>0</v>
      </c>
      <c r="H2155" cm="1">
        <f t="array" ref="H2155">IFERROR(INDEX(Jesper!AL$2:AL$366,ROUNDDOWN($C2155/24,0)+1,1)*INDEX($D$3:$AA$30,INDEX(Jesper!$R$2:$R$366,ROW(INDEX(Jesper!AL$2:AL$366,ROUNDDOWN($C2155/24,0)+1,1))-1)+IF('Standard Profiles'!$G$22=$B$10,7,0)+IF('Standard Profiles'!$G$22=$B$17,14,0)+IF('Standard Profiles'!$G$22=$B$24,21,0),MOD($C2155,24)+1)/SUM(INDEX($D$3:$AA$30,INDEX(Jesper!$R$2:$R$366,ROW(INDEX(Jesper!AL$2:AL$366,ROUNDDOWN($C2155/24,0)+1,1))-1)+IF('Standard Profiles'!$G$22=$B$10,7,0)+IF('Standard Profiles'!$G$22=$B$17,14,0)+IF('Standard Profiles'!$G$22=$B$24,21,0),0)),0)</f>
        <v>0</v>
      </c>
      <c r="I2155">
        <f t="shared" si="251"/>
        <v>0.44592277097067501</v>
      </c>
      <c r="J2155">
        <f t="shared" si="252"/>
        <v>1.4864092365689168</v>
      </c>
      <c r="K2155">
        <f t="shared" si="253"/>
        <v>2.2296138548533748</v>
      </c>
      <c r="L2155">
        <f t="shared" si="254"/>
        <v>10.7021465032962</v>
      </c>
      <c r="M2155">
        <f t="shared" si="255"/>
        <v>0</v>
      </c>
      <c r="N2155" s="46">
        <f t="shared" si="256"/>
        <v>45380.374999994856</v>
      </c>
    </row>
    <row r="2156" spans="2:14" x14ac:dyDescent="0.3">
      <c r="B2156">
        <f t="shared" si="250"/>
        <v>5</v>
      </c>
      <c r="C2156" s="16">
        <v>2122</v>
      </c>
      <c r="D2156" cm="1">
        <f t="array" ref="D2156">IFERROR(INDEX(Jesper!AH$2:AH$366,ROUNDDOWN($C2156/24,0)+1,1)*INDEX($D$3:$AA$30,INDEX(Jesper!$R$2:$R$366,ROW(INDEX(Jesper!AH$2:AH$366,ROUNDDOWN($C2156/24,0)+1,1))-1)+IF('Standard Profiles'!$G$18=$B$10,7,0)+IF('Standard Profiles'!$G$18=$B$17,14,0)+IF('Standard Profiles'!$G$18=$B$24,21,0),MOD($C2156,24)+1)/SUM(INDEX($D$3:$AA$30,INDEX(Jesper!$R$2:$R$366,ROW(INDEX(Jesper!AH$2:AH$366,ROUNDDOWN($C2156/24,0)+1,1))-1)+IF('Standard Profiles'!$G$18=$B$10,7,0)+IF('Standard Profiles'!$G$18=$B$17,14,0)+IF('Standard Profiles'!$G$18=$B$24,21,0),0)),0)</f>
        <v>15.458656060316734</v>
      </c>
      <c r="E2156" cm="1">
        <f t="array" ref="E2156">IFERROR(INDEX(Jesper!AI$2:AI$366,ROUNDDOWN($C2156/24,0)+1,1)*INDEX($D$3:$AA$30,INDEX(Jesper!$R$2:$R$366,ROW(INDEX(Jesper!AI$2:AI$366,ROUNDDOWN($C2156/24,0)+1,1))-1)+IF('Standard Profiles'!$G$19=$B$10,7,0)+IF('Standard Profiles'!$G$19=$B$17,14,0)+IF('Standard Profiles'!$G$19=$B$24,21,0),MOD($C2156,24)+1)/SUM(INDEX($D$3:$AA$30,INDEX(Jesper!$R$2:$R$366,ROW(INDEX(Jesper!AI$2:AI$366,ROUNDDOWN($C2156/24,0)+1,1))-1)+IF('Standard Profiles'!$G$19=$B$10,7,0)+IF('Standard Profiles'!$G$19=$B$17,14,0)+IF('Standard Profiles'!$G$19=$B$24,21,0),0)),0)</f>
        <v>0</v>
      </c>
      <c r="F2156" cm="1">
        <f t="array" ref="F2156">IFERROR(INDEX(Jesper!AJ$2:AJ$366,ROUNDDOWN($C2156/24,0)+1,1)*INDEX($D$3:$AA$30,INDEX(Jesper!$R$2:$R$366,ROW(INDEX(Jesper!AJ$2:AJ$366,ROUNDDOWN($C2156/24,0)+1,1))-1)+IF('Standard Profiles'!$G$20=$B$10,7,0)+IF('Standard Profiles'!$G$20=$B$17,14,0)+IF('Standard Profiles'!$G$20=$B$24,21,0),MOD($C2156,24)+1)/SUM(INDEX($D$3:$AA$30,INDEX(Jesper!$R$2:$R$366,ROW(INDEX(Jesper!AJ$2:AJ$366,ROUNDDOWN($C2156/24,0)+1,1))-1)+IF('Standard Profiles'!$G$20=$B$10,7,0)+IF('Standard Profiles'!$G$20=$B$17,14,0)+IF('Standard Profiles'!$G$20=$B$24,21,0),0)),0)</f>
        <v>0</v>
      </c>
      <c r="G2156" cm="1">
        <f t="array" ref="G2156">IFERROR(INDEX(Jesper!AK$2:AK$366,ROUNDDOWN($C2156/24,0)+1,1)*INDEX($D$3:$AA$30,INDEX(Jesper!$R$2:$R$366,ROW(INDEX(Jesper!AK$2:AK$366,ROUNDDOWN($C2156/24,0)+1,1))-1)+IF('Standard Profiles'!$G$21=$B$10,7,0)+IF('Standard Profiles'!$G$21=$B$17,14,0)+IF('Standard Profiles'!$G$21=$B$24,21,0),MOD($C2156,24)+1)/SUM(INDEX($D$3:$AA$30,INDEX(Jesper!$R$2:$R$366,ROW(INDEX(Jesper!AK$2:AK$366,ROUNDDOWN($C2156/24,0)+1,1))-1)+IF('Standard Profiles'!$G$21=$B$10,7,0)+IF('Standard Profiles'!$G$21=$B$17,14,0)+IF('Standard Profiles'!$G$21=$B$24,21,0),0)),0)</f>
        <v>0</v>
      </c>
      <c r="H2156" cm="1">
        <f t="array" ref="H2156">IFERROR(INDEX(Jesper!AL$2:AL$366,ROUNDDOWN($C2156/24,0)+1,1)*INDEX($D$3:$AA$30,INDEX(Jesper!$R$2:$R$366,ROW(INDEX(Jesper!AL$2:AL$366,ROUNDDOWN($C2156/24,0)+1,1))-1)+IF('Standard Profiles'!$G$22=$B$10,7,0)+IF('Standard Profiles'!$G$22=$B$17,14,0)+IF('Standard Profiles'!$G$22=$B$24,21,0),MOD($C2156,24)+1)/SUM(INDEX($D$3:$AA$30,INDEX(Jesper!$R$2:$R$366,ROW(INDEX(Jesper!AL$2:AL$366,ROUNDDOWN($C2156/24,0)+1,1))-1)+IF('Standard Profiles'!$G$22=$B$10,7,0)+IF('Standard Profiles'!$G$22=$B$17,14,0)+IF('Standard Profiles'!$G$22=$B$24,21,0),0)),0)</f>
        <v>0</v>
      </c>
      <c r="I2156">
        <f t="shared" si="251"/>
        <v>0.463759681809502</v>
      </c>
      <c r="J2156">
        <f t="shared" si="252"/>
        <v>1.5458656060316736</v>
      </c>
      <c r="K2156">
        <f t="shared" si="253"/>
        <v>2.3187984090475102</v>
      </c>
      <c r="L2156">
        <f t="shared" si="254"/>
        <v>11.130232363428048</v>
      </c>
      <c r="M2156">
        <f t="shared" si="255"/>
        <v>0</v>
      </c>
      <c r="N2156" s="46">
        <f t="shared" si="256"/>
        <v>45380.41666666152</v>
      </c>
    </row>
    <row r="2157" spans="2:14" x14ac:dyDescent="0.3">
      <c r="B2157">
        <f t="shared" si="250"/>
        <v>5</v>
      </c>
      <c r="C2157" s="16">
        <v>2123</v>
      </c>
      <c r="D2157" cm="1">
        <f t="array" ref="D2157">IFERROR(INDEX(Jesper!AH$2:AH$366,ROUNDDOWN($C2157/24,0)+1,1)*INDEX($D$3:$AA$30,INDEX(Jesper!$R$2:$R$366,ROW(INDEX(Jesper!AH$2:AH$366,ROUNDDOWN($C2157/24,0)+1,1))-1)+IF('Standard Profiles'!$G$18=$B$10,7,0)+IF('Standard Profiles'!$G$18=$B$17,14,0)+IF('Standard Profiles'!$G$18=$B$24,21,0),MOD($C2157,24)+1)/SUM(INDEX($D$3:$AA$30,INDEX(Jesper!$R$2:$R$366,ROW(INDEX(Jesper!AH$2:AH$366,ROUNDDOWN($C2157/24,0)+1,1))-1)+IF('Standard Profiles'!$G$18=$B$10,7,0)+IF('Standard Profiles'!$G$18=$B$17,14,0)+IF('Standard Profiles'!$G$18=$B$24,21,0),0)),0)</f>
        <v>17.836910838826999</v>
      </c>
      <c r="E2157" cm="1">
        <f t="array" ref="E2157">IFERROR(INDEX(Jesper!AI$2:AI$366,ROUNDDOWN($C2157/24,0)+1,1)*INDEX($D$3:$AA$30,INDEX(Jesper!$R$2:$R$366,ROW(INDEX(Jesper!AI$2:AI$366,ROUNDDOWN($C2157/24,0)+1,1))-1)+IF('Standard Profiles'!$G$19=$B$10,7,0)+IF('Standard Profiles'!$G$19=$B$17,14,0)+IF('Standard Profiles'!$G$19=$B$24,21,0),MOD($C2157,24)+1)/SUM(INDEX($D$3:$AA$30,INDEX(Jesper!$R$2:$R$366,ROW(INDEX(Jesper!AI$2:AI$366,ROUNDDOWN($C2157/24,0)+1,1))-1)+IF('Standard Profiles'!$G$19=$B$10,7,0)+IF('Standard Profiles'!$G$19=$B$17,14,0)+IF('Standard Profiles'!$G$19=$B$24,21,0),0)),0)</f>
        <v>0</v>
      </c>
      <c r="F2157" cm="1">
        <f t="array" ref="F2157">IFERROR(INDEX(Jesper!AJ$2:AJ$366,ROUNDDOWN($C2157/24,0)+1,1)*INDEX($D$3:$AA$30,INDEX(Jesper!$R$2:$R$366,ROW(INDEX(Jesper!AJ$2:AJ$366,ROUNDDOWN($C2157/24,0)+1,1))-1)+IF('Standard Profiles'!$G$20=$B$10,7,0)+IF('Standard Profiles'!$G$20=$B$17,14,0)+IF('Standard Profiles'!$G$20=$B$24,21,0),MOD($C2157,24)+1)/SUM(INDEX($D$3:$AA$30,INDEX(Jesper!$R$2:$R$366,ROW(INDEX(Jesper!AJ$2:AJ$366,ROUNDDOWN($C2157/24,0)+1,1))-1)+IF('Standard Profiles'!$G$20=$B$10,7,0)+IF('Standard Profiles'!$G$20=$B$17,14,0)+IF('Standard Profiles'!$G$20=$B$24,21,0),0)),0)</f>
        <v>0</v>
      </c>
      <c r="G2157" cm="1">
        <f t="array" ref="G2157">IFERROR(INDEX(Jesper!AK$2:AK$366,ROUNDDOWN($C2157/24,0)+1,1)*INDEX($D$3:$AA$30,INDEX(Jesper!$R$2:$R$366,ROW(INDEX(Jesper!AK$2:AK$366,ROUNDDOWN($C2157/24,0)+1,1))-1)+IF('Standard Profiles'!$G$21=$B$10,7,0)+IF('Standard Profiles'!$G$21=$B$17,14,0)+IF('Standard Profiles'!$G$21=$B$24,21,0),MOD($C2157,24)+1)/SUM(INDEX($D$3:$AA$30,INDEX(Jesper!$R$2:$R$366,ROW(INDEX(Jesper!AK$2:AK$366,ROUNDDOWN($C2157/24,0)+1,1))-1)+IF('Standard Profiles'!$G$21=$B$10,7,0)+IF('Standard Profiles'!$G$21=$B$17,14,0)+IF('Standard Profiles'!$G$21=$B$24,21,0),0)),0)</f>
        <v>0</v>
      </c>
      <c r="H2157" cm="1">
        <f t="array" ref="H2157">IFERROR(INDEX(Jesper!AL$2:AL$366,ROUNDDOWN($C2157/24,0)+1,1)*INDEX($D$3:$AA$30,INDEX(Jesper!$R$2:$R$366,ROW(INDEX(Jesper!AL$2:AL$366,ROUNDDOWN($C2157/24,0)+1,1))-1)+IF('Standard Profiles'!$G$22=$B$10,7,0)+IF('Standard Profiles'!$G$22=$B$17,14,0)+IF('Standard Profiles'!$G$22=$B$24,21,0),MOD($C2157,24)+1)/SUM(INDEX($D$3:$AA$30,INDEX(Jesper!$R$2:$R$366,ROW(INDEX(Jesper!AL$2:AL$366,ROUNDDOWN($C2157/24,0)+1,1))-1)+IF('Standard Profiles'!$G$22=$B$10,7,0)+IF('Standard Profiles'!$G$22=$B$17,14,0)+IF('Standard Profiles'!$G$22=$B$24,21,0),0)),0)</f>
        <v>0</v>
      </c>
      <c r="I2157">
        <f t="shared" si="251"/>
        <v>0.53510732516480997</v>
      </c>
      <c r="J2157">
        <f t="shared" si="252"/>
        <v>1.7836910838827</v>
      </c>
      <c r="K2157">
        <f t="shared" si="253"/>
        <v>2.6755366258240496</v>
      </c>
      <c r="L2157">
        <f t="shared" si="254"/>
        <v>12.842575803955439</v>
      </c>
      <c r="M2157">
        <f t="shared" si="255"/>
        <v>0</v>
      </c>
      <c r="N2157" s="46">
        <f t="shared" si="256"/>
        <v>45380.458333328184</v>
      </c>
    </row>
    <row r="2158" spans="2:14" x14ac:dyDescent="0.3">
      <c r="B2158">
        <f t="shared" si="250"/>
        <v>5</v>
      </c>
      <c r="C2158" s="16">
        <v>2124</v>
      </c>
      <c r="D2158" cm="1">
        <f t="array" ref="D2158">IFERROR(INDEX(Jesper!AH$2:AH$366,ROUNDDOWN($C2158/24,0)+1,1)*INDEX($D$3:$AA$30,INDEX(Jesper!$R$2:$R$366,ROW(INDEX(Jesper!AH$2:AH$366,ROUNDDOWN($C2158/24,0)+1,1))-1)+IF('Standard Profiles'!$G$18=$B$10,7,0)+IF('Standard Profiles'!$G$18=$B$17,14,0)+IF('Standard Profiles'!$G$18=$B$24,21,0),MOD($C2158,24)+1)/SUM(INDEX($D$3:$AA$30,INDEX(Jesper!$R$2:$R$366,ROW(INDEX(Jesper!AH$2:AH$366,ROUNDDOWN($C2158/24,0)+1,1))-1)+IF('Standard Profiles'!$G$18=$B$10,7,0)+IF('Standard Profiles'!$G$18=$B$17,14,0)+IF('Standard Profiles'!$G$18=$B$24,21,0),0)),0)</f>
        <v>17.836910838826999</v>
      </c>
      <c r="E2158" cm="1">
        <f t="array" ref="E2158">IFERROR(INDEX(Jesper!AI$2:AI$366,ROUNDDOWN($C2158/24,0)+1,1)*INDEX($D$3:$AA$30,INDEX(Jesper!$R$2:$R$366,ROW(INDEX(Jesper!AI$2:AI$366,ROUNDDOWN($C2158/24,0)+1,1))-1)+IF('Standard Profiles'!$G$19=$B$10,7,0)+IF('Standard Profiles'!$G$19=$B$17,14,0)+IF('Standard Profiles'!$G$19=$B$24,21,0),MOD($C2158,24)+1)/SUM(INDEX($D$3:$AA$30,INDEX(Jesper!$R$2:$R$366,ROW(INDEX(Jesper!AI$2:AI$366,ROUNDDOWN($C2158/24,0)+1,1))-1)+IF('Standard Profiles'!$G$19=$B$10,7,0)+IF('Standard Profiles'!$G$19=$B$17,14,0)+IF('Standard Profiles'!$G$19=$B$24,21,0),0)),0)</f>
        <v>0</v>
      </c>
      <c r="F2158" cm="1">
        <f t="array" ref="F2158">IFERROR(INDEX(Jesper!AJ$2:AJ$366,ROUNDDOWN($C2158/24,0)+1,1)*INDEX($D$3:$AA$30,INDEX(Jesper!$R$2:$R$366,ROW(INDEX(Jesper!AJ$2:AJ$366,ROUNDDOWN($C2158/24,0)+1,1))-1)+IF('Standard Profiles'!$G$20=$B$10,7,0)+IF('Standard Profiles'!$G$20=$B$17,14,0)+IF('Standard Profiles'!$G$20=$B$24,21,0),MOD($C2158,24)+1)/SUM(INDEX($D$3:$AA$30,INDEX(Jesper!$R$2:$R$366,ROW(INDEX(Jesper!AJ$2:AJ$366,ROUNDDOWN($C2158/24,0)+1,1))-1)+IF('Standard Profiles'!$G$20=$B$10,7,0)+IF('Standard Profiles'!$G$20=$B$17,14,0)+IF('Standard Profiles'!$G$20=$B$24,21,0),0)),0)</f>
        <v>0</v>
      </c>
      <c r="G2158" cm="1">
        <f t="array" ref="G2158">IFERROR(INDEX(Jesper!AK$2:AK$366,ROUNDDOWN($C2158/24,0)+1,1)*INDEX($D$3:$AA$30,INDEX(Jesper!$R$2:$R$366,ROW(INDEX(Jesper!AK$2:AK$366,ROUNDDOWN($C2158/24,0)+1,1))-1)+IF('Standard Profiles'!$G$21=$B$10,7,0)+IF('Standard Profiles'!$G$21=$B$17,14,0)+IF('Standard Profiles'!$G$21=$B$24,21,0),MOD($C2158,24)+1)/SUM(INDEX($D$3:$AA$30,INDEX(Jesper!$R$2:$R$366,ROW(INDEX(Jesper!AK$2:AK$366,ROUNDDOWN($C2158/24,0)+1,1))-1)+IF('Standard Profiles'!$G$21=$B$10,7,0)+IF('Standard Profiles'!$G$21=$B$17,14,0)+IF('Standard Profiles'!$G$21=$B$24,21,0),0)),0)</f>
        <v>0</v>
      </c>
      <c r="H2158" cm="1">
        <f t="array" ref="H2158">IFERROR(INDEX(Jesper!AL$2:AL$366,ROUNDDOWN($C2158/24,0)+1,1)*INDEX($D$3:$AA$30,INDEX(Jesper!$R$2:$R$366,ROW(INDEX(Jesper!AL$2:AL$366,ROUNDDOWN($C2158/24,0)+1,1))-1)+IF('Standard Profiles'!$G$22=$B$10,7,0)+IF('Standard Profiles'!$G$22=$B$17,14,0)+IF('Standard Profiles'!$G$22=$B$24,21,0),MOD($C2158,24)+1)/SUM(INDEX($D$3:$AA$30,INDEX(Jesper!$R$2:$R$366,ROW(INDEX(Jesper!AL$2:AL$366,ROUNDDOWN($C2158/24,0)+1,1))-1)+IF('Standard Profiles'!$G$22=$B$10,7,0)+IF('Standard Profiles'!$G$22=$B$17,14,0)+IF('Standard Profiles'!$G$22=$B$24,21,0),0)),0)</f>
        <v>0</v>
      </c>
      <c r="I2158">
        <f t="shared" si="251"/>
        <v>0.53510732516480997</v>
      </c>
      <c r="J2158">
        <f t="shared" si="252"/>
        <v>1.7836910838827</v>
      </c>
      <c r="K2158">
        <f t="shared" si="253"/>
        <v>2.6755366258240496</v>
      </c>
      <c r="L2158">
        <f t="shared" si="254"/>
        <v>12.842575803955439</v>
      </c>
      <c r="M2158">
        <f t="shared" si="255"/>
        <v>0</v>
      </c>
      <c r="N2158" s="46">
        <f t="shared" si="256"/>
        <v>45380.499999994849</v>
      </c>
    </row>
    <row r="2159" spans="2:14" x14ac:dyDescent="0.3">
      <c r="B2159">
        <f t="shared" si="250"/>
        <v>5</v>
      </c>
      <c r="C2159" s="16">
        <v>2125</v>
      </c>
      <c r="D2159" cm="1">
        <f t="array" ref="D2159">IFERROR(INDEX(Jesper!AH$2:AH$366,ROUNDDOWN($C2159/24,0)+1,1)*INDEX($D$3:$AA$30,INDEX(Jesper!$R$2:$R$366,ROW(INDEX(Jesper!AH$2:AH$366,ROUNDDOWN($C2159/24,0)+1,1))-1)+IF('Standard Profiles'!$G$18=$B$10,7,0)+IF('Standard Profiles'!$G$18=$B$17,14,0)+IF('Standard Profiles'!$G$18=$B$24,21,0),MOD($C2159,24)+1)/SUM(INDEX($D$3:$AA$30,INDEX(Jesper!$R$2:$R$366,ROW(INDEX(Jesper!AH$2:AH$366,ROUNDDOWN($C2159/24,0)+1,1))-1)+IF('Standard Profiles'!$G$18=$B$10,7,0)+IF('Standard Profiles'!$G$18=$B$17,14,0)+IF('Standard Profiles'!$G$18=$B$24,21,0),0)),0)</f>
        <v>17.836910838826999</v>
      </c>
      <c r="E2159" cm="1">
        <f t="array" ref="E2159">IFERROR(INDEX(Jesper!AI$2:AI$366,ROUNDDOWN($C2159/24,0)+1,1)*INDEX($D$3:$AA$30,INDEX(Jesper!$R$2:$R$366,ROW(INDEX(Jesper!AI$2:AI$366,ROUNDDOWN($C2159/24,0)+1,1))-1)+IF('Standard Profiles'!$G$19=$B$10,7,0)+IF('Standard Profiles'!$G$19=$B$17,14,0)+IF('Standard Profiles'!$G$19=$B$24,21,0),MOD($C2159,24)+1)/SUM(INDEX($D$3:$AA$30,INDEX(Jesper!$R$2:$R$366,ROW(INDEX(Jesper!AI$2:AI$366,ROUNDDOWN($C2159/24,0)+1,1))-1)+IF('Standard Profiles'!$G$19=$B$10,7,0)+IF('Standard Profiles'!$G$19=$B$17,14,0)+IF('Standard Profiles'!$G$19=$B$24,21,0),0)),0)</f>
        <v>0</v>
      </c>
      <c r="F2159" cm="1">
        <f t="array" ref="F2159">IFERROR(INDEX(Jesper!AJ$2:AJ$366,ROUNDDOWN($C2159/24,0)+1,1)*INDEX($D$3:$AA$30,INDEX(Jesper!$R$2:$R$366,ROW(INDEX(Jesper!AJ$2:AJ$366,ROUNDDOWN($C2159/24,0)+1,1))-1)+IF('Standard Profiles'!$G$20=$B$10,7,0)+IF('Standard Profiles'!$G$20=$B$17,14,0)+IF('Standard Profiles'!$G$20=$B$24,21,0),MOD($C2159,24)+1)/SUM(INDEX($D$3:$AA$30,INDEX(Jesper!$R$2:$R$366,ROW(INDEX(Jesper!AJ$2:AJ$366,ROUNDDOWN($C2159/24,0)+1,1))-1)+IF('Standard Profiles'!$G$20=$B$10,7,0)+IF('Standard Profiles'!$G$20=$B$17,14,0)+IF('Standard Profiles'!$G$20=$B$24,21,0),0)),0)</f>
        <v>0</v>
      </c>
      <c r="G2159" cm="1">
        <f t="array" ref="G2159">IFERROR(INDEX(Jesper!AK$2:AK$366,ROUNDDOWN($C2159/24,0)+1,1)*INDEX($D$3:$AA$30,INDEX(Jesper!$R$2:$R$366,ROW(INDEX(Jesper!AK$2:AK$366,ROUNDDOWN($C2159/24,0)+1,1))-1)+IF('Standard Profiles'!$G$21=$B$10,7,0)+IF('Standard Profiles'!$G$21=$B$17,14,0)+IF('Standard Profiles'!$G$21=$B$24,21,0),MOD($C2159,24)+1)/SUM(INDEX($D$3:$AA$30,INDEX(Jesper!$R$2:$R$366,ROW(INDEX(Jesper!AK$2:AK$366,ROUNDDOWN($C2159/24,0)+1,1))-1)+IF('Standard Profiles'!$G$21=$B$10,7,0)+IF('Standard Profiles'!$G$21=$B$17,14,0)+IF('Standard Profiles'!$G$21=$B$24,21,0),0)),0)</f>
        <v>0</v>
      </c>
      <c r="H2159" cm="1">
        <f t="array" ref="H2159">IFERROR(INDEX(Jesper!AL$2:AL$366,ROUNDDOWN($C2159/24,0)+1,1)*INDEX($D$3:$AA$30,INDEX(Jesper!$R$2:$R$366,ROW(INDEX(Jesper!AL$2:AL$366,ROUNDDOWN($C2159/24,0)+1,1))-1)+IF('Standard Profiles'!$G$22=$B$10,7,0)+IF('Standard Profiles'!$G$22=$B$17,14,0)+IF('Standard Profiles'!$G$22=$B$24,21,0),MOD($C2159,24)+1)/SUM(INDEX($D$3:$AA$30,INDEX(Jesper!$R$2:$R$366,ROW(INDEX(Jesper!AL$2:AL$366,ROUNDDOWN($C2159/24,0)+1,1))-1)+IF('Standard Profiles'!$G$22=$B$10,7,0)+IF('Standard Profiles'!$G$22=$B$17,14,0)+IF('Standard Profiles'!$G$22=$B$24,21,0),0)),0)</f>
        <v>0</v>
      </c>
      <c r="I2159">
        <f t="shared" si="251"/>
        <v>0.53510732516480997</v>
      </c>
      <c r="J2159">
        <f t="shared" si="252"/>
        <v>1.7836910838827</v>
      </c>
      <c r="K2159">
        <f t="shared" si="253"/>
        <v>2.6755366258240496</v>
      </c>
      <c r="L2159">
        <f t="shared" si="254"/>
        <v>12.842575803955439</v>
      </c>
      <c r="M2159">
        <f t="shared" si="255"/>
        <v>0</v>
      </c>
      <c r="N2159" s="46">
        <f t="shared" si="256"/>
        <v>45380.541666661513</v>
      </c>
    </row>
    <row r="2160" spans="2:14" x14ac:dyDescent="0.3">
      <c r="B2160">
        <f t="shared" si="250"/>
        <v>5</v>
      </c>
      <c r="C2160" s="16">
        <v>2126</v>
      </c>
      <c r="D2160" cm="1">
        <f t="array" ref="D2160">IFERROR(INDEX(Jesper!AH$2:AH$366,ROUNDDOWN($C2160/24,0)+1,1)*INDEX($D$3:$AA$30,INDEX(Jesper!$R$2:$R$366,ROW(INDEX(Jesper!AH$2:AH$366,ROUNDDOWN($C2160/24,0)+1,1))-1)+IF('Standard Profiles'!$G$18=$B$10,7,0)+IF('Standard Profiles'!$G$18=$B$17,14,0)+IF('Standard Profiles'!$G$18=$B$24,21,0),MOD($C2160,24)+1)/SUM(INDEX($D$3:$AA$30,INDEX(Jesper!$R$2:$R$366,ROW(INDEX(Jesper!AH$2:AH$366,ROUNDDOWN($C2160/24,0)+1,1))-1)+IF('Standard Profiles'!$G$18=$B$10,7,0)+IF('Standard Profiles'!$G$18=$B$17,14,0)+IF('Standard Profiles'!$G$18=$B$24,21,0),0)),0)</f>
        <v>17.836910838826999</v>
      </c>
      <c r="E2160" cm="1">
        <f t="array" ref="E2160">IFERROR(INDEX(Jesper!AI$2:AI$366,ROUNDDOWN($C2160/24,0)+1,1)*INDEX($D$3:$AA$30,INDEX(Jesper!$R$2:$R$366,ROW(INDEX(Jesper!AI$2:AI$366,ROUNDDOWN($C2160/24,0)+1,1))-1)+IF('Standard Profiles'!$G$19=$B$10,7,0)+IF('Standard Profiles'!$G$19=$B$17,14,0)+IF('Standard Profiles'!$G$19=$B$24,21,0),MOD($C2160,24)+1)/SUM(INDEX($D$3:$AA$30,INDEX(Jesper!$R$2:$R$366,ROW(INDEX(Jesper!AI$2:AI$366,ROUNDDOWN($C2160/24,0)+1,1))-1)+IF('Standard Profiles'!$G$19=$B$10,7,0)+IF('Standard Profiles'!$G$19=$B$17,14,0)+IF('Standard Profiles'!$G$19=$B$24,21,0),0)),0)</f>
        <v>0</v>
      </c>
      <c r="F2160" cm="1">
        <f t="array" ref="F2160">IFERROR(INDEX(Jesper!AJ$2:AJ$366,ROUNDDOWN($C2160/24,0)+1,1)*INDEX($D$3:$AA$30,INDEX(Jesper!$R$2:$R$366,ROW(INDEX(Jesper!AJ$2:AJ$366,ROUNDDOWN($C2160/24,0)+1,1))-1)+IF('Standard Profiles'!$G$20=$B$10,7,0)+IF('Standard Profiles'!$G$20=$B$17,14,0)+IF('Standard Profiles'!$G$20=$B$24,21,0),MOD($C2160,24)+1)/SUM(INDEX($D$3:$AA$30,INDEX(Jesper!$R$2:$R$366,ROW(INDEX(Jesper!AJ$2:AJ$366,ROUNDDOWN($C2160/24,0)+1,1))-1)+IF('Standard Profiles'!$G$20=$B$10,7,0)+IF('Standard Profiles'!$G$20=$B$17,14,0)+IF('Standard Profiles'!$G$20=$B$24,21,0),0)),0)</f>
        <v>0</v>
      </c>
      <c r="G2160" cm="1">
        <f t="array" ref="G2160">IFERROR(INDEX(Jesper!AK$2:AK$366,ROUNDDOWN($C2160/24,0)+1,1)*INDEX($D$3:$AA$30,INDEX(Jesper!$R$2:$R$366,ROW(INDEX(Jesper!AK$2:AK$366,ROUNDDOWN($C2160/24,0)+1,1))-1)+IF('Standard Profiles'!$G$21=$B$10,7,0)+IF('Standard Profiles'!$G$21=$B$17,14,0)+IF('Standard Profiles'!$G$21=$B$24,21,0),MOD($C2160,24)+1)/SUM(INDEX($D$3:$AA$30,INDEX(Jesper!$R$2:$R$366,ROW(INDEX(Jesper!AK$2:AK$366,ROUNDDOWN($C2160/24,0)+1,1))-1)+IF('Standard Profiles'!$G$21=$B$10,7,0)+IF('Standard Profiles'!$G$21=$B$17,14,0)+IF('Standard Profiles'!$G$21=$B$24,21,0),0)),0)</f>
        <v>0</v>
      </c>
      <c r="H2160" cm="1">
        <f t="array" ref="H2160">IFERROR(INDEX(Jesper!AL$2:AL$366,ROUNDDOWN($C2160/24,0)+1,1)*INDEX($D$3:$AA$30,INDEX(Jesper!$R$2:$R$366,ROW(INDEX(Jesper!AL$2:AL$366,ROUNDDOWN($C2160/24,0)+1,1))-1)+IF('Standard Profiles'!$G$22=$B$10,7,0)+IF('Standard Profiles'!$G$22=$B$17,14,0)+IF('Standard Profiles'!$G$22=$B$24,21,0),MOD($C2160,24)+1)/SUM(INDEX($D$3:$AA$30,INDEX(Jesper!$R$2:$R$366,ROW(INDEX(Jesper!AL$2:AL$366,ROUNDDOWN($C2160/24,0)+1,1))-1)+IF('Standard Profiles'!$G$22=$B$10,7,0)+IF('Standard Profiles'!$G$22=$B$17,14,0)+IF('Standard Profiles'!$G$22=$B$24,21,0),0)),0)</f>
        <v>0</v>
      </c>
      <c r="I2160">
        <f t="shared" si="251"/>
        <v>0.53510732516480997</v>
      </c>
      <c r="J2160">
        <f t="shared" si="252"/>
        <v>1.7836910838827</v>
      </c>
      <c r="K2160">
        <f t="shared" si="253"/>
        <v>2.6755366258240496</v>
      </c>
      <c r="L2160">
        <f t="shared" si="254"/>
        <v>12.842575803955439</v>
      </c>
      <c r="M2160">
        <f t="shared" si="255"/>
        <v>0</v>
      </c>
      <c r="N2160" s="46">
        <f t="shared" si="256"/>
        <v>45380.583333328177</v>
      </c>
    </row>
    <row r="2161" spans="2:14" x14ac:dyDescent="0.3">
      <c r="B2161">
        <f t="shared" si="250"/>
        <v>5</v>
      </c>
      <c r="C2161" s="16">
        <v>2127</v>
      </c>
      <c r="D2161" cm="1">
        <f t="array" ref="D2161">IFERROR(INDEX(Jesper!AH$2:AH$366,ROUNDDOWN($C2161/24,0)+1,1)*INDEX($D$3:$AA$30,INDEX(Jesper!$R$2:$R$366,ROW(INDEX(Jesper!AH$2:AH$366,ROUNDDOWN($C2161/24,0)+1,1))-1)+IF('Standard Profiles'!$G$18=$B$10,7,0)+IF('Standard Profiles'!$G$18=$B$17,14,0)+IF('Standard Profiles'!$G$18=$B$24,21,0),MOD($C2161,24)+1)/SUM(INDEX($D$3:$AA$30,INDEX(Jesper!$R$2:$R$366,ROW(INDEX(Jesper!AH$2:AH$366,ROUNDDOWN($C2161/24,0)+1,1))-1)+IF('Standard Profiles'!$G$18=$B$10,7,0)+IF('Standard Profiles'!$G$18=$B$17,14,0)+IF('Standard Profiles'!$G$18=$B$24,21,0),0)),0)</f>
        <v>14.864092365689167</v>
      </c>
      <c r="E2161" cm="1">
        <f t="array" ref="E2161">IFERROR(INDEX(Jesper!AI$2:AI$366,ROUNDDOWN($C2161/24,0)+1,1)*INDEX($D$3:$AA$30,INDEX(Jesper!$R$2:$R$366,ROW(INDEX(Jesper!AI$2:AI$366,ROUNDDOWN($C2161/24,0)+1,1))-1)+IF('Standard Profiles'!$G$19=$B$10,7,0)+IF('Standard Profiles'!$G$19=$B$17,14,0)+IF('Standard Profiles'!$G$19=$B$24,21,0),MOD($C2161,24)+1)/SUM(INDEX($D$3:$AA$30,INDEX(Jesper!$R$2:$R$366,ROW(INDEX(Jesper!AI$2:AI$366,ROUNDDOWN($C2161/24,0)+1,1))-1)+IF('Standard Profiles'!$G$19=$B$10,7,0)+IF('Standard Profiles'!$G$19=$B$17,14,0)+IF('Standard Profiles'!$G$19=$B$24,21,0),0)),0)</f>
        <v>0</v>
      </c>
      <c r="F2161" cm="1">
        <f t="array" ref="F2161">IFERROR(INDEX(Jesper!AJ$2:AJ$366,ROUNDDOWN($C2161/24,0)+1,1)*INDEX($D$3:$AA$30,INDEX(Jesper!$R$2:$R$366,ROW(INDEX(Jesper!AJ$2:AJ$366,ROUNDDOWN($C2161/24,0)+1,1))-1)+IF('Standard Profiles'!$G$20=$B$10,7,0)+IF('Standard Profiles'!$G$20=$B$17,14,0)+IF('Standard Profiles'!$G$20=$B$24,21,0),MOD($C2161,24)+1)/SUM(INDEX($D$3:$AA$30,INDEX(Jesper!$R$2:$R$366,ROW(INDEX(Jesper!AJ$2:AJ$366,ROUNDDOWN($C2161/24,0)+1,1))-1)+IF('Standard Profiles'!$G$20=$B$10,7,0)+IF('Standard Profiles'!$G$20=$B$17,14,0)+IF('Standard Profiles'!$G$20=$B$24,21,0),0)),0)</f>
        <v>0</v>
      </c>
      <c r="G2161" cm="1">
        <f t="array" ref="G2161">IFERROR(INDEX(Jesper!AK$2:AK$366,ROUNDDOWN($C2161/24,0)+1,1)*INDEX($D$3:$AA$30,INDEX(Jesper!$R$2:$R$366,ROW(INDEX(Jesper!AK$2:AK$366,ROUNDDOWN($C2161/24,0)+1,1))-1)+IF('Standard Profiles'!$G$21=$B$10,7,0)+IF('Standard Profiles'!$G$21=$B$17,14,0)+IF('Standard Profiles'!$G$21=$B$24,21,0),MOD($C2161,24)+1)/SUM(INDEX($D$3:$AA$30,INDEX(Jesper!$R$2:$R$366,ROW(INDEX(Jesper!AK$2:AK$366,ROUNDDOWN($C2161/24,0)+1,1))-1)+IF('Standard Profiles'!$G$21=$B$10,7,0)+IF('Standard Profiles'!$G$21=$B$17,14,0)+IF('Standard Profiles'!$G$21=$B$24,21,0),0)),0)</f>
        <v>0</v>
      </c>
      <c r="H2161" cm="1">
        <f t="array" ref="H2161">IFERROR(INDEX(Jesper!AL$2:AL$366,ROUNDDOWN($C2161/24,0)+1,1)*INDEX($D$3:$AA$30,INDEX(Jesper!$R$2:$R$366,ROW(INDEX(Jesper!AL$2:AL$366,ROUNDDOWN($C2161/24,0)+1,1))-1)+IF('Standard Profiles'!$G$22=$B$10,7,0)+IF('Standard Profiles'!$G$22=$B$17,14,0)+IF('Standard Profiles'!$G$22=$B$24,21,0),MOD($C2161,24)+1)/SUM(INDEX($D$3:$AA$30,INDEX(Jesper!$R$2:$R$366,ROW(INDEX(Jesper!AL$2:AL$366,ROUNDDOWN($C2161/24,0)+1,1))-1)+IF('Standard Profiles'!$G$22=$B$10,7,0)+IF('Standard Profiles'!$G$22=$B$17,14,0)+IF('Standard Profiles'!$G$22=$B$24,21,0),0)),0)</f>
        <v>0</v>
      </c>
      <c r="I2161">
        <f t="shared" si="251"/>
        <v>0.44592277097067501</v>
      </c>
      <c r="J2161">
        <f t="shared" si="252"/>
        <v>1.4864092365689168</v>
      </c>
      <c r="K2161">
        <f t="shared" si="253"/>
        <v>2.2296138548533748</v>
      </c>
      <c r="L2161">
        <f t="shared" si="254"/>
        <v>10.7021465032962</v>
      </c>
      <c r="M2161">
        <f t="shared" si="255"/>
        <v>0</v>
      </c>
      <c r="N2161" s="46">
        <f t="shared" si="256"/>
        <v>45380.624999994841</v>
      </c>
    </row>
    <row r="2162" spans="2:14" x14ac:dyDescent="0.3">
      <c r="B2162">
        <f t="shared" si="250"/>
        <v>5</v>
      </c>
      <c r="C2162" s="16">
        <v>2128</v>
      </c>
      <c r="D2162" cm="1">
        <f t="array" ref="D2162">IFERROR(INDEX(Jesper!AH$2:AH$366,ROUNDDOWN($C2162/24,0)+1,1)*INDEX($D$3:$AA$30,INDEX(Jesper!$R$2:$R$366,ROW(INDEX(Jesper!AH$2:AH$366,ROUNDDOWN($C2162/24,0)+1,1))-1)+IF('Standard Profiles'!$G$18=$B$10,7,0)+IF('Standard Profiles'!$G$18=$B$17,14,0)+IF('Standard Profiles'!$G$18=$B$24,21,0),MOD($C2162,24)+1)/SUM(INDEX($D$3:$AA$30,INDEX(Jesper!$R$2:$R$366,ROW(INDEX(Jesper!AH$2:AH$366,ROUNDDOWN($C2162/24,0)+1,1))-1)+IF('Standard Profiles'!$G$18=$B$10,7,0)+IF('Standard Profiles'!$G$18=$B$17,14,0)+IF('Standard Profiles'!$G$18=$B$24,21,0),0)),0)</f>
        <v>14.071340772852412</v>
      </c>
      <c r="E2162" cm="1">
        <f t="array" ref="E2162">IFERROR(INDEX(Jesper!AI$2:AI$366,ROUNDDOWN($C2162/24,0)+1,1)*INDEX($D$3:$AA$30,INDEX(Jesper!$R$2:$R$366,ROW(INDEX(Jesper!AI$2:AI$366,ROUNDDOWN($C2162/24,0)+1,1))-1)+IF('Standard Profiles'!$G$19=$B$10,7,0)+IF('Standard Profiles'!$G$19=$B$17,14,0)+IF('Standard Profiles'!$G$19=$B$24,21,0),MOD($C2162,24)+1)/SUM(INDEX($D$3:$AA$30,INDEX(Jesper!$R$2:$R$366,ROW(INDEX(Jesper!AI$2:AI$366,ROUNDDOWN($C2162/24,0)+1,1))-1)+IF('Standard Profiles'!$G$19=$B$10,7,0)+IF('Standard Profiles'!$G$19=$B$17,14,0)+IF('Standard Profiles'!$G$19=$B$24,21,0),0)),0)</f>
        <v>0</v>
      </c>
      <c r="F2162" cm="1">
        <f t="array" ref="F2162">IFERROR(INDEX(Jesper!AJ$2:AJ$366,ROUNDDOWN($C2162/24,0)+1,1)*INDEX($D$3:$AA$30,INDEX(Jesper!$R$2:$R$366,ROW(INDEX(Jesper!AJ$2:AJ$366,ROUNDDOWN($C2162/24,0)+1,1))-1)+IF('Standard Profiles'!$G$20=$B$10,7,0)+IF('Standard Profiles'!$G$20=$B$17,14,0)+IF('Standard Profiles'!$G$20=$B$24,21,0),MOD($C2162,24)+1)/SUM(INDEX($D$3:$AA$30,INDEX(Jesper!$R$2:$R$366,ROW(INDEX(Jesper!AJ$2:AJ$366,ROUNDDOWN($C2162/24,0)+1,1))-1)+IF('Standard Profiles'!$G$20=$B$10,7,0)+IF('Standard Profiles'!$G$20=$B$17,14,0)+IF('Standard Profiles'!$G$20=$B$24,21,0),0)),0)</f>
        <v>0</v>
      </c>
      <c r="G2162" cm="1">
        <f t="array" ref="G2162">IFERROR(INDEX(Jesper!AK$2:AK$366,ROUNDDOWN($C2162/24,0)+1,1)*INDEX($D$3:$AA$30,INDEX(Jesper!$R$2:$R$366,ROW(INDEX(Jesper!AK$2:AK$366,ROUNDDOWN($C2162/24,0)+1,1))-1)+IF('Standard Profiles'!$G$21=$B$10,7,0)+IF('Standard Profiles'!$G$21=$B$17,14,0)+IF('Standard Profiles'!$G$21=$B$24,21,0),MOD($C2162,24)+1)/SUM(INDEX($D$3:$AA$30,INDEX(Jesper!$R$2:$R$366,ROW(INDEX(Jesper!AK$2:AK$366,ROUNDDOWN($C2162/24,0)+1,1))-1)+IF('Standard Profiles'!$G$21=$B$10,7,0)+IF('Standard Profiles'!$G$21=$B$17,14,0)+IF('Standard Profiles'!$G$21=$B$24,21,0),0)),0)</f>
        <v>0</v>
      </c>
      <c r="H2162" cm="1">
        <f t="array" ref="H2162">IFERROR(INDEX(Jesper!AL$2:AL$366,ROUNDDOWN($C2162/24,0)+1,1)*INDEX($D$3:$AA$30,INDEX(Jesper!$R$2:$R$366,ROW(INDEX(Jesper!AL$2:AL$366,ROUNDDOWN($C2162/24,0)+1,1))-1)+IF('Standard Profiles'!$G$22=$B$10,7,0)+IF('Standard Profiles'!$G$22=$B$17,14,0)+IF('Standard Profiles'!$G$22=$B$24,21,0),MOD($C2162,24)+1)/SUM(INDEX($D$3:$AA$30,INDEX(Jesper!$R$2:$R$366,ROW(INDEX(Jesper!AL$2:AL$366,ROUNDDOWN($C2162/24,0)+1,1))-1)+IF('Standard Profiles'!$G$22=$B$10,7,0)+IF('Standard Profiles'!$G$22=$B$17,14,0)+IF('Standard Profiles'!$G$22=$B$24,21,0),0)),0)</f>
        <v>0</v>
      </c>
      <c r="I2162">
        <f t="shared" si="251"/>
        <v>0.42214022318557237</v>
      </c>
      <c r="J2162">
        <f t="shared" si="252"/>
        <v>1.4071340772852414</v>
      </c>
      <c r="K2162">
        <f t="shared" si="253"/>
        <v>2.1107011159278617</v>
      </c>
      <c r="L2162">
        <f t="shared" si="254"/>
        <v>10.131365356453736</v>
      </c>
      <c r="M2162">
        <f t="shared" si="255"/>
        <v>0</v>
      </c>
      <c r="N2162" s="46">
        <f t="shared" si="256"/>
        <v>45380.666666661506</v>
      </c>
    </row>
    <row r="2163" spans="2:14" x14ac:dyDescent="0.3">
      <c r="B2163">
        <f t="shared" si="250"/>
        <v>5</v>
      </c>
      <c r="C2163" s="16">
        <v>2129</v>
      </c>
      <c r="D2163" cm="1">
        <f t="array" ref="D2163">IFERROR(INDEX(Jesper!AH$2:AH$366,ROUNDDOWN($C2163/24,0)+1,1)*INDEX($D$3:$AA$30,INDEX(Jesper!$R$2:$R$366,ROW(INDEX(Jesper!AH$2:AH$366,ROUNDDOWN($C2163/24,0)+1,1))-1)+IF('Standard Profiles'!$G$18=$B$10,7,0)+IF('Standard Profiles'!$G$18=$B$17,14,0)+IF('Standard Profiles'!$G$18=$B$24,21,0),MOD($C2163,24)+1)/SUM(INDEX($D$3:$AA$30,INDEX(Jesper!$R$2:$R$366,ROW(INDEX(Jesper!AH$2:AH$366,ROUNDDOWN($C2163/24,0)+1,1))-1)+IF('Standard Profiles'!$G$18=$B$10,7,0)+IF('Standard Profiles'!$G$18=$B$17,14,0)+IF('Standard Profiles'!$G$18=$B$24,21,0),0)),0)</f>
        <v>14.071340772852412</v>
      </c>
      <c r="E2163" cm="1">
        <f t="array" ref="E2163">IFERROR(INDEX(Jesper!AI$2:AI$366,ROUNDDOWN($C2163/24,0)+1,1)*INDEX($D$3:$AA$30,INDEX(Jesper!$R$2:$R$366,ROW(INDEX(Jesper!AI$2:AI$366,ROUNDDOWN($C2163/24,0)+1,1))-1)+IF('Standard Profiles'!$G$19=$B$10,7,0)+IF('Standard Profiles'!$G$19=$B$17,14,0)+IF('Standard Profiles'!$G$19=$B$24,21,0),MOD($C2163,24)+1)/SUM(INDEX($D$3:$AA$30,INDEX(Jesper!$R$2:$R$366,ROW(INDEX(Jesper!AI$2:AI$366,ROUNDDOWN($C2163/24,0)+1,1))-1)+IF('Standard Profiles'!$G$19=$B$10,7,0)+IF('Standard Profiles'!$G$19=$B$17,14,0)+IF('Standard Profiles'!$G$19=$B$24,21,0),0)),0)</f>
        <v>0</v>
      </c>
      <c r="F2163" cm="1">
        <f t="array" ref="F2163">IFERROR(INDEX(Jesper!AJ$2:AJ$366,ROUNDDOWN($C2163/24,0)+1,1)*INDEX($D$3:$AA$30,INDEX(Jesper!$R$2:$R$366,ROW(INDEX(Jesper!AJ$2:AJ$366,ROUNDDOWN($C2163/24,0)+1,1))-1)+IF('Standard Profiles'!$G$20=$B$10,7,0)+IF('Standard Profiles'!$G$20=$B$17,14,0)+IF('Standard Profiles'!$G$20=$B$24,21,0),MOD($C2163,24)+1)/SUM(INDEX($D$3:$AA$30,INDEX(Jesper!$R$2:$R$366,ROW(INDEX(Jesper!AJ$2:AJ$366,ROUNDDOWN($C2163/24,0)+1,1))-1)+IF('Standard Profiles'!$G$20=$B$10,7,0)+IF('Standard Profiles'!$G$20=$B$17,14,0)+IF('Standard Profiles'!$G$20=$B$24,21,0),0)),0)</f>
        <v>0</v>
      </c>
      <c r="G2163" cm="1">
        <f t="array" ref="G2163">IFERROR(INDEX(Jesper!AK$2:AK$366,ROUNDDOWN($C2163/24,0)+1,1)*INDEX($D$3:$AA$30,INDEX(Jesper!$R$2:$R$366,ROW(INDEX(Jesper!AK$2:AK$366,ROUNDDOWN($C2163/24,0)+1,1))-1)+IF('Standard Profiles'!$G$21=$B$10,7,0)+IF('Standard Profiles'!$G$21=$B$17,14,0)+IF('Standard Profiles'!$G$21=$B$24,21,0),MOD($C2163,24)+1)/SUM(INDEX($D$3:$AA$30,INDEX(Jesper!$R$2:$R$366,ROW(INDEX(Jesper!AK$2:AK$366,ROUNDDOWN($C2163/24,0)+1,1))-1)+IF('Standard Profiles'!$G$21=$B$10,7,0)+IF('Standard Profiles'!$G$21=$B$17,14,0)+IF('Standard Profiles'!$G$21=$B$24,21,0),0)),0)</f>
        <v>0</v>
      </c>
      <c r="H2163" cm="1">
        <f t="array" ref="H2163">IFERROR(INDEX(Jesper!AL$2:AL$366,ROUNDDOWN($C2163/24,0)+1,1)*INDEX($D$3:$AA$30,INDEX(Jesper!$R$2:$R$366,ROW(INDEX(Jesper!AL$2:AL$366,ROUNDDOWN($C2163/24,0)+1,1))-1)+IF('Standard Profiles'!$G$22=$B$10,7,0)+IF('Standard Profiles'!$G$22=$B$17,14,0)+IF('Standard Profiles'!$G$22=$B$24,21,0),MOD($C2163,24)+1)/SUM(INDEX($D$3:$AA$30,INDEX(Jesper!$R$2:$R$366,ROW(INDEX(Jesper!AL$2:AL$366,ROUNDDOWN($C2163/24,0)+1,1))-1)+IF('Standard Profiles'!$G$22=$B$10,7,0)+IF('Standard Profiles'!$G$22=$B$17,14,0)+IF('Standard Profiles'!$G$22=$B$24,21,0),0)),0)</f>
        <v>0</v>
      </c>
      <c r="I2163">
        <f t="shared" si="251"/>
        <v>0.42214022318557237</v>
      </c>
      <c r="J2163">
        <f t="shared" si="252"/>
        <v>1.4071340772852414</v>
      </c>
      <c r="K2163">
        <f t="shared" si="253"/>
        <v>2.1107011159278617</v>
      </c>
      <c r="L2163">
        <f t="shared" si="254"/>
        <v>10.131365356453736</v>
      </c>
      <c r="M2163">
        <f t="shared" si="255"/>
        <v>0</v>
      </c>
      <c r="N2163" s="46">
        <f t="shared" si="256"/>
        <v>45380.70833332817</v>
      </c>
    </row>
    <row r="2164" spans="2:14" x14ac:dyDescent="0.3">
      <c r="B2164">
        <f t="shared" si="250"/>
        <v>5</v>
      </c>
      <c r="C2164" s="16">
        <v>2130</v>
      </c>
      <c r="D2164" cm="1">
        <f t="array" ref="D2164">IFERROR(INDEX(Jesper!AH$2:AH$366,ROUNDDOWN($C2164/24,0)+1,1)*INDEX($D$3:$AA$30,INDEX(Jesper!$R$2:$R$366,ROW(INDEX(Jesper!AH$2:AH$366,ROUNDDOWN($C2164/24,0)+1,1))-1)+IF('Standard Profiles'!$G$18=$B$10,7,0)+IF('Standard Profiles'!$G$18=$B$17,14,0)+IF('Standard Profiles'!$G$18=$B$24,21,0),MOD($C2164,24)+1)/SUM(INDEX($D$3:$AA$30,INDEX(Jesper!$R$2:$R$366,ROW(INDEX(Jesper!AH$2:AH$366,ROUNDDOWN($C2164/24,0)+1,1))-1)+IF('Standard Profiles'!$G$18=$B$10,7,0)+IF('Standard Profiles'!$G$18=$B$17,14,0)+IF('Standard Profiles'!$G$18=$B$24,21,0),0)),0)</f>
        <v>14.071340772852412</v>
      </c>
      <c r="E2164" cm="1">
        <f t="array" ref="E2164">IFERROR(INDEX(Jesper!AI$2:AI$366,ROUNDDOWN($C2164/24,0)+1,1)*INDEX($D$3:$AA$30,INDEX(Jesper!$R$2:$R$366,ROW(INDEX(Jesper!AI$2:AI$366,ROUNDDOWN($C2164/24,0)+1,1))-1)+IF('Standard Profiles'!$G$19=$B$10,7,0)+IF('Standard Profiles'!$G$19=$B$17,14,0)+IF('Standard Profiles'!$G$19=$B$24,21,0),MOD($C2164,24)+1)/SUM(INDEX($D$3:$AA$30,INDEX(Jesper!$R$2:$R$366,ROW(INDEX(Jesper!AI$2:AI$366,ROUNDDOWN($C2164/24,0)+1,1))-1)+IF('Standard Profiles'!$G$19=$B$10,7,0)+IF('Standard Profiles'!$G$19=$B$17,14,0)+IF('Standard Profiles'!$G$19=$B$24,21,0),0)),0)</f>
        <v>0</v>
      </c>
      <c r="F2164" cm="1">
        <f t="array" ref="F2164">IFERROR(INDEX(Jesper!AJ$2:AJ$366,ROUNDDOWN($C2164/24,0)+1,1)*INDEX($D$3:$AA$30,INDEX(Jesper!$R$2:$R$366,ROW(INDEX(Jesper!AJ$2:AJ$366,ROUNDDOWN($C2164/24,0)+1,1))-1)+IF('Standard Profiles'!$G$20=$B$10,7,0)+IF('Standard Profiles'!$G$20=$B$17,14,0)+IF('Standard Profiles'!$G$20=$B$24,21,0),MOD($C2164,24)+1)/SUM(INDEX($D$3:$AA$30,INDEX(Jesper!$R$2:$R$366,ROW(INDEX(Jesper!AJ$2:AJ$366,ROUNDDOWN($C2164/24,0)+1,1))-1)+IF('Standard Profiles'!$G$20=$B$10,7,0)+IF('Standard Profiles'!$G$20=$B$17,14,0)+IF('Standard Profiles'!$G$20=$B$24,21,0),0)),0)</f>
        <v>0</v>
      </c>
      <c r="G2164" cm="1">
        <f t="array" ref="G2164">IFERROR(INDEX(Jesper!AK$2:AK$366,ROUNDDOWN($C2164/24,0)+1,1)*INDEX($D$3:$AA$30,INDEX(Jesper!$R$2:$R$366,ROW(INDEX(Jesper!AK$2:AK$366,ROUNDDOWN($C2164/24,0)+1,1))-1)+IF('Standard Profiles'!$G$21=$B$10,7,0)+IF('Standard Profiles'!$G$21=$B$17,14,0)+IF('Standard Profiles'!$G$21=$B$24,21,0),MOD($C2164,24)+1)/SUM(INDEX($D$3:$AA$30,INDEX(Jesper!$R$2:$R$366,ROW(INDEX(Jesper!AK$2:AK$366,ROUNDDOWN($C2164/24,0)+1,1))-1)+IF('Standard Profiles'!$G$21=$B$10,7,0)+IF('Standard Profiles'!$G$21=$B$17,14,0)+IF('Standard Profiles'!$G$21=$B$24,21,0),0)),0)</f>
        <v>0</v>
      </c>
      <c r="H2164" cm="1">
        <f t="array" ref="H2164">IFERROR(INDEX(Jesper!AL$2:AL$366,ROUNDDOWN($C2164/24,0)+1,1)*INDEX($D$3:$AA$30,INDEX(Jesper!$R$2:$R$366,ROW(INDEX(Jesper!AL$2:AL$366,ROUNDDOWN($C2164/24,0)+1,1))-1)+IF('Standard Profiles'!$G$22=$B$10,7,0)+IF('Standard Profiles'!$G$22=$B$17,14,0)+IF('Standard Profiles'!$G$22=$B$24,21,0),MOD($C2164,24)+1)/SUM(INDEX($D$3:$AA$30,INDEX(Jesper!$R$2:$R$366,ROW(INDEX(Jesper!AL$2:AL$366,ROUNDDOWN($C2164/24,0)+1,1))-1)+IF('Standard Profiles'!$G$22=$B$10,7,0)+IF('Standard Profiles'!$G$22=$B$17,14,0)+IF('Standard Profiles'!$G$22=$B$24,21,0),0)),0)</f>
        <v>0</v>
      </c>
      <c r="I2164">
        <f t="shared" si="251"/>
        <v>0.42214022318557237</v>
      </c>
      <c r="J2164">
        <f t="shared" si="252"/>
        <v>1.4071340772852414</v>
      </c>
      <c r="K2164">
        <f t="shared" si="253"/>
        <v>2.1107011159278617</v>
      </c>
      <c r="L2164">
        <f t="shared" si="254"/>
        <v>10.131365356453736</v>
      </c>
      <c r="M2164">
        <f t="shared" si="255"/>
        <v>0</v>
      </c>
      <c r="N2164" s="46">
        <f t="shared" si="256"/>
        <v>45380.749999994834</v>
      </c>
    </row>
    <row r="2165" spans="2:14" x14ac:dyDescent="0.3">
      <c r="B2165">
        <f t="shared" si="250"/>
        <v>5</v>
      </c>
      <c r="C2165" s="16">
        <v>2131</v>
      </c>
      <c r="D2165" cm="1">
        <f t="array" ref="D2165">IFERROR(INDEX(Jesper!AH$2:AH$366,ROUNDDOWN($C2165/24,0)+1,1)*INDEX($D$3:$AA$30,INDEX(Jesper!$R$2:$R$366,ROW(INDEX(Jesper!AH$2:AH$366,ROUNDDOWN($C2165/24,0)+1,1))-1)+IF('Standard Profiles'!$G$18=$B$10,7,0)+IF('Standard Profiles'!$G$18=$B$17,14,0)+IF('Standard Profiles'!$G$18=$B$24,21,0),MOD($C2165,24)+1)/SUM(INDEX($D$3:$AA$30,INDEX(Jesper!$R$2:$R$366,ROW(INDEX(Jesper!AH$2:AH$366,ROUNDDOWN($C2165/24,0)+1,1))-1)+IF('Standard Profiles'!$G$18=$B$10,7,0)+IF('Standard Profiles'!$G$18=$B$17,14,0)+IF('Standard Profiles'!$G$18=$B$24,21,0),0)),0)</f>
        <v>14.071340772852412</v>
      </c>
      <c r="E2165" cm="1">
        <f t="array" ref="E2165">IFERROR(INDEX(Jesper!AI$2:AI$366,ROUNDDOWN($C2165/24,0)+1,1)*INDEX($D$3:$AA$30,INDEX(Jesper!$R$2:$R$366,ROW(INDEX(Jesper!AI$2:AI$366,ROUNDDOWN($C2165/24,0)+1,1))-1)+IF('Standard Profiles'!$G$19=$B$10,7,0)+IF('Standard Profiles'!$G$19=$B$17,14,0)+IF('Standard Profiles'!$G$19=$B$24,21,0),MOD($C2165,24)+1)/SUM(INDEX($D$3:$AA$30,INDEX(Jesper!$R$2:$R$366,ROW(INDEX(Jesper!AI$2:AI$366,ROUNDDOWN($C2165/24,0)+1,1))-1)+IF('Standard Profiles'!$G$19=$B$10,7,0)+IF('Standard Profiles'!$G$19=$B$17,14,0)+IF('Standard Profiles'!$G$19=$B$24,21,0),0)),0)</f>
        <v>0</v>
      </c>
      <c r="F2165" cm="1">
        <f t="array" ref="F2165">IFERROR(INDEX(Jesper!AJ$2:AJ$366,ROUNDDOWN($C2165/24,0)+1,1)*INDEX($D$3:$AA$30,INDEX(Jesper!$R$2:$R$366,ROW(INDEX(Jesper!AJ$2:AJ$366,ROUNDDOWN($C2165/24,0)+1,1))-1)+IF('Standard Profiles'!$G$20=$B$10,7,0)+IF('Standard Profiles'!$G$20=$B$17,14,0)+IF('Standard Profiles'!$G$20=$B$24,21,0),MOD($C2165,24)+1)/SUM(INDEX($D$3:$AA$30,INDEX(Jesper!$R$2:$R$366,ROW(INDEX(Jesper!AJ$2:AJ$366,ROUNDDOWN($C2165/24,0)+1,1))-1)+IF('Standard Profiles'!$G$20=$B$10,7,0)+IF('Standard Profiles'!$G$20=$B$17,14,0)+IF('Standard Profiles'!$G$20=$B$24,21,0),0)),0)</f>
        <v>0</v>
      </c>
      <c r="G2165" cm="1">
        <f t="array" ref="G2165">IFERROR(INDEX(Jesper!AK$2:AK$366,ROUNDDOWN($C2165/24,0)+1,1)*INDEX($D$3:$AA$30,INDEX(Jesper!$R$2:$R$366,ROW(INDEX(Jesper!AK$2:AK$366,ROUNDDOWN($C2165/24,0)+1,1))-1)+IF('Standard Profiles'!$G$21=$B$10,7,0)+IF('Standard Profiles'!$G$21=$B$17,14,0)+IF('Standard Profiles'!$G$21=$B$24,21,0),MOD($C2165,24)+1)/SUM(INDEX($D$3:$AA$30,INDEX(Jesper!$R$2:$R$366,ROW(INDEX(Jesper!AK$2:AK$366,ROUNDDOWN($C2165/24,0)+1,1))-1)+IF('Standard Profiles'!$G$21=$B$10,7,0)+IF('Standard Profiles'!$G$21=$B$17,14,0)+IF('Standard Profiles'!$G$21=$B$24,21,0),0)),0)</f>
        <v>0</v>
      </c>
      <c r="H2165" cm="1">
        <f t="array" ref="H2165">IFERROR(INDEX(Jesper!AL$2:AL$366,ROUNDDOWN($C2165/24,0)+1,1)*INDEX($D$3:$AA$30,INDEX(Jesper!$R$2:$R$366,ROW(INDEX(Jesper!AL$2:AL$366,ROUNDDOWN($C2165/24,0)+1,1))-1)+IF('Standard Profiles'!$G$22=$B$10,7,0)+IF('Standard Profiles'!$G$22=$B$17,14,0)+IF('Standard Profiles'!$G$22=$B$24,21,0),MOD($C2165,24)+1)/SUM(INDEX($D$3:$AA$30,INDEX(Jesper!$R$2:$R$366,ROW(INDEX(Jesper!AL$2:AL$366,ROUNDDOWN($C2165/24,0)+1,1))-1)+IF('Standard Profiles'!$G$22=$B$10,7,0)+IF('Standard Profiles'!$G$22=$B$17,14,0)+IF('Standard Profiles'!$G$22=$B$24,21,0),0)),0)</f>
        <v>0</v>
      </c>
      <c r="I2165">
        <f t="shared" si="251"/>
        <v>0.42214022318557237</v>
      </c>
      <c r="J2165">
        <f t="shared" si="252"/>
        <v>1.4071340772852414</v>
      </c>
      <c r="K2165">
        <f t="shared" si="253"/>
        <v>2.1107011159278617</v>
      </c>
      <c r="L2165">
        <f t="shared" si="254"/>
        <v>10.131365356453736</v>
      </c>
      <c r="M2165">
        <f t="shared" si="255"/>
        <v>0</v>
      </c>
      <c r="N2165" s="46">
        <f t="shared" si="256"/>
        <v>45380.791666661498</v>
      </c>
    </row>
    <row r="2166" spans="2:14" x14ac:dyDescent="0.3">
      <c r="B2166">
        <f t="shared" si="250"/>
        <v>5</v>
      </c>
      <c r="C2166" s="16">
        <v>2132</v>
      </c>
      <c r="D2166" cm="1">
        <f t="array" ref="D2166">IFERROR(INDEX(Jesper!AH$2:AH$366,ROUNDDOWN($C2166/24,0)+1,1)*INDEX($D$3:$AA$30,INDEX(Jesper!$R$2:$R$366,ROW(INDEX(Jesper!AH$2:AH$366,ROUNDDOWN($C2166/24,0)+1,1))-1)+IF('Standard Profiles'!$G$18=$B$10,7,0)+IF('Standard Profiles'!$G$18=$B$17,14,0)+IF('Standard Profiles'!$G$18=$B$24,21,0),MOD($C2166,24)+1)/SUM(INDEX($D$3:$AA$30,INDEX(Jesper!$R$2:$R$366,ROW(INDEX(Jesper!AH$2:AH$366,ROUNDDOWN($C2166/24,0)+1,1))-1)+IF('Standard Profiles'!$G$18=$B$10,7,0)+IF('Standard Profiles'!$G$18=$B$17,14,0)+IF('Standard Profiles'!$G$18=$B$24,21,0),0)),0)</f>
        <v>10.90033440150539</v>
      </c>
      <c r="E2166" cm="1">
        <f t="array" ref="E2166">IFERROR(INDEX(Jesper!AI$2:AI$366,ROUNDDOWN($C2166/24,0)+1,1)*INDEX($D$3:$AA$30,INDEX(Jesper!$R$2:$R$366,ROW(INDEX(Jesper!AI$2:AI$366,ROUNDDOWN($C2166/24,0)+1,1))-1)+IF('Standard Profiles'!$G$19=$B$10,7,0)+IF('Standard Profiles'!$G$19=$B$17,14,0)+IF('Standard Profiles'!$G$19=$B$24,21,0),MOD($C2166,24)+1)/SUM(INDEX($D$3:$AA$30,INDEX(Jesper!$R$2:$R$366,ROW(INDEX(Jesper!AI$2:AI$366,ROUNDDOWN($C2166/24,0)+1,1))-1)+IF('Standard Profiles'!$G$19=$B$10,7,0)+IF('Standard Profiles'!$G$19=$B$17,14,0)+IF('Standard Profiles'!$G$19=$B$24,21,0),0)),0)</f>
        <v>0</v>
      </c>
      <c r="F2166" cm="1">
        <f t="array" ref="F2166">IFERROR(INDEX(Jesper!AJ$2:AJ$366,ROUNDDOWN($C2166/24,0)+1,1)*INDEX($D$3:$AA$30,INDEX(Jesper!$R$2:$R$366,ROW(INDEX(Jesper!AJ$2:AJ$366,ROUNDDOWN($C2166/24,0)+1,1))-1)+IF('Standard Profiles'!$G$20=$B$10,7,0)+IF('Standard Profiles'!$G$20=$B$17,14,0)+IF('Standard Profiles'!$G$20=$B$24,21,0),MOD($C2166,24)+1)/SUM(INDEX($D$3:$AA$30,INDEX(Jesper!$R$2:$R$366,ROW(INDEX(Jesper!AJ$2:AJ$366,ROUNDDOWN($C2166/24,0)+1,1))-1)+IF('Standard Profiles'!$G$20=$B$10,7,0)+IF('Standard Profiles'!$G$20=$B$17,14,0)+IF('Standard Profiles'!$G$20=$B$24,21,0),0)),0)</f>
        <v>0</v>
      </c>
      <c r="G2166" cm="1">
        <f t="array" ref="G2166">IFERROR(INDEX(Jesper!AK$2:AK$366,ROUNDDOWN($C2166/24,0)+1,1)*INDEX($D$3:$AA$30,INDEX(Jesper!$R$2:$R$366,ROW(INDEX(Jesper!AK$2:AK$366,ROUNDDOWN($C2166/24,0)+1,1))-1)+IF('Standard Profiles'!$G$21=$B$10,7,0)+IF('Standard Profiles'!$G$21=$B$17,14,0)+IF('Standard Profiles'!$G$21=$B$24,21,0),MOD($C2166,24)+1)/SUM(INDEX($D$3:$AA$30,INDEX(Jesper!$R$2:$R$366,ROW(INDEX(Jesper!AK$2:AK$366,ROUNDDOWN($C2166/24,0)+1,1))-1)+IF('Standard Profiles'!$G$21=$B$10,7,0)+IF('Standard Profiles'!$G$21=$B$17,14,0)+IF('Standard Profiles'!$G$21=$B$24,21,0),0)),0)</f>
        <v>0</v>
      </c>
      <c r="H2166" cm="1">
        <f t="array" ref="H2166">IFERROR(INDEX(Jesper!AL$2:AL$366,ROUNDDOWN($C2166/24,0)+1,1)*INDEX($D$3:$AA$30,INDEX(Jesper!$R$2:$R$366,ROW(INDEX(Jesper!AL$2:AL$366,ROUNDDOWN($C2166/24,0)+1,1))-1)+IF('Standard Profiles'!$G$22=$B$10,7,0)+IF('Standard Profiles'!$G$22=$B$17,14,0)+IF('Standard Profiles'!$G$22=$B$24,21,0),MOD($C2166,24)+1)/SUM(INDEX($D$3:$AA$30,INDEX(Jesper!$R$2:$R$366,ROW(INDEX(Jesper!AL$2:AL$366,ROUNDDOWN($C2166/24,0)+1,1))-1)+IF('Standard Profiles'!$G$22=$B$10,7,0)+IF('Standard Profiles'!$G$22=$B$17,14,0)+IF('Standard Profiles'!$G$22=$B$24,21,0),0)),0)</f>
        <v>0</v>
      </c>
      <c r="I2166">
        <f t="shared" si="251"/>
        <v>0.32701003204516166</v>
      </c>
      <c r="J2166">
        <f t="shared" si="252"/>
        <v>1.0900334401505389</v>
      </c>
      <c r="K2166">
        <f t="shared" si="253"/>
        <v>1.6350501602258085</v>
      </c>
      <c r="L2166">
        <f t="shared" si="254"/>
        <v>7.8482407690838807</v>
      </c>
      <c r="M2166">
        <f t="shared" si="255"/>
        <v>0</v>
      </c>
      <c r="N2166" s="46">
        <f t="shared" si="256"/>
        <v>45380.833333328163</v>
      </c>
    </row>
    <row r="2167" spans="2:14" x14ac:dyDescent="0.3">
      <c r="B2167">
        <f t="shared" si="250"/>
        <v>5</v>
      </c>
      <c r="C2167" s="16">
        <v>2133</v>
      </c>
      <c r="D2167" cm="1">
        <f t="array" ref="D2167">IFERROR(INDEX(Jesper!AH$2:AH$366,ROUNDDOWN($C2167/24,0)+1,1)*INDEX($D$3:$AA$30,INDEX(Jesper!$R$2:$R$366,ROW(INDEX(Jesper!AH$2:AH$366,ROUNDDOWN($C2167/24,0)+1,1))-1)+IF('Standard Profiles'!$G$18=$B$10,7,0)+IF('Standard Profiles'!$G$18=$B$17,14,0)+IF('Standard Profiles'!$G$18=$B$24,21,0),MOD($C2167,24)+1)/SUM(INDEX($D$3:$AA$30,INDEX(Jesper!$R$2:$R$366,ROW(INDEX(Jesper!AH$2:AH$366,ROUNDDOWN($C2167/24,0)+1,1))-1)+IF('Standard Profiles'!$G$18=$B$10,7,0)+IF('Standard Profiles'!$G$18=$B$17,14,0)+IF('Standard Profiles'!$G$18=$B$24,21,0),0)),0)</f>
        <v>4.161945862392967</v>
      </c>
      <c r="E2167" cm="1">
        <f t="array" ref="E2167">IFERROR(INDEX(Jesper!AI$2:AI$366,ROUNDDOWN($C2167/24,0)+1,1)*INDEX($D$3:$AA$30,INDEX(Jesper!$R$2:$R$366,ROW(INDEX(Jesper!AI$2:AI$366,ROUNDDOWN($C2167/24,0)+1,1))-1)+IF('Standard Profiles'!$G$19=$B$10,7,0)+IF('Standard Profiles'!$G$19=$B$17,14,0)+IF('Standard Profiles'!$G$19=$B$24,21,0),MOD($C2167,24)+1)/SUM(INDEX($D$3:$AA$30,INDEX(Jesper!$R$2:$R$366,ROW(INDEX(Jesper!AI$2:AI$366,ROUNDDOWN($C2167/24,0)+1,1))-1)+IF('Standard Profiles'!$G$19=$B$10,7,0)+IF('Standard Profiles'!$G$19=$B$17,14,0)+IF('Standard Profiles'!$G$19=$B$24,21,0),0)),0)</f>
        <v>0</v>
      </c>
      <c r="F2167" cm="1">
        <f t="array" ref="F2167">IFERROR(INDEX(Jesper!AJ$2:AJ$366,ROUNDDOWN($C2167/24,0)+1,1)*INDEX($D$3:$AA$30,INDEX(Jesper!$R$2:$R$366,ROW(INDEX(Jesper!AJ$2:AJ$366,ROUNDDOWN($C2167/24,0)+1,1))-1)+IF('Standard Profiles'!$G$20=$B$10,7,0)+IF('Standard Profiles'!$G$20=$B$17,14,0)+IF('Standard Profiles'!$G$20=$B$24,21,0),MOD($C2167,24)+1)/SUM(INDEX($D$3:$AA$30,INDEX(Jesper!$R$2:$R$366,ROW(INDEX(Jesper!AJ$2:AJ$366,ROUNDDOWN($C2167/24,0)+1,1))-1)+IF('Standard Profiles'!$G$20=$B$10,7,0)+IF('Standard Profiles'!$G$20=$B$17,14,0)+IF('Standard Profiles'!$G$20=$B$24,21,0),0)),0)</f>
        <v>0</v>
      </c>
      <c r="G2167" cm="1">
        <f t="array" ref="G2167">IFERROR(INDEX(Jesper!AK$2:AK$366,ROUNDDOWN($C2167/24,0)+1,1)*INDEX($D$3:$AA$30,INDEX(Jesper!$R$2:$R$366,ROW(INDEX(Jesper!AK$2:AK$366,ROUNDDOWN($C2167/24,0)+1,1))-1)+IF('Standard Profiles'!$G$21=$B$10,7,0)+IF('Standard Profiles'!$G$21=$B$17,14,0)+IF('Standard Profiles'!$G$21=$B$24,21,0),MOD($C2167,24)+1)/SUM(INDEX($D$3:$AA$30,INDEX(Jesper!$R$2:$R$366,ROW(INDEX(Jesper!AK$2:AK$366,ROUNDDOWN($C2167/24,0)+1,1))-1)+IF('Standard Profiles'!$G$21=$B$10,7,0)+IF('Standard Profiles'!$G$21=$B$17,14,0)+IF('Standard Profiles'!$G$21=$B$24,21,0),0)),0)</f>
        <v>0</v>
      </c>
      <c r="H2167" cm="1">
        <f t="array" ref="H2167">IFERROR(INDEX(Jesper!AL$2:AL$366,ROUNDDOWN($C2167/24,0)+1,1)*INDEX($D$3:$AA$30,INDEX(Jesper!$R$2:$R$366,ROW(INDEX(Jesper!AL$2:AL$366,ROUNDDOWN($C2167/24,0)+1,1))-1)+IF('Standard Profiles'!$G$22=$B$10,7,0)+IF('Standard Profiles'!$G$22=$B$17,14,0)+IF('Standard Profiles'!$G$22=$B$24,21,0),MOD($C2167,24)+1)/SUM(INDEX($D$3:$AA$30,INDEX(Jesper!$R$2:$R$366,ROW(INDEX(Jesper!AL$2:AL$366,ROUNDDOWN($C2167/24,0)+1,1))-1)+IF('Standard Profiles'!$G$22=$B$10,7,0)+IF('Standard Profiles'!$G$22=$B$17,14,0)+IF('Standard Profiles'!$G$22=$B$24,21,0),0)),0)</f>
        <v>0</v>
      </c>
      <c r="I2167">
        <f t="shared" si="251"/>
        <v>0.12485837587178901</v>
      </c>
      <c r="J2167">
        <f t="shared" si="252"/>
        <v>0.41619458623929673</v>
      </c>
      <c r="K2167">
        <f t="shared" si="253"/>
        <v>0.62429187935894503</v>
      </c>
      <c r="L2167">
        <f t="shared" si="254"/>
        <v>2.9966010209229363</v>
      </c>
      <c r="M2167">
        <f t="shared" si="255"/>
        <v>0</v>
      </c>
      <c r="N2167" s="46">
        <f t="shared" si="256"/>
        <v>45380.874999994827</v>
      </c>
    </row>
    <row r="2168" spans="2:14" x14ac:dyDescent="0.3">
      <c r="B2168">
        <f t="shared" si="250"/>
        <v>5</v>
      </c>
      <c r="C2168" s="16">
        <v>2134</v>
      </c>
      <c r="D2168" cm="1">
        <f t="array" ref="D2168">IFERROR(INDEX(Jesper!AH$2:AH$366,ROUNDDOWN($C2168/24,0)+1,1)*INDEX($D$3:$AA$30,INDEX(Jesper!$R$2:$R$366,ROW(INDEX(Jesper!AH$2:AH$366,ROUNDDOWN($C2168/24,0)+1,1))-1)+IF('Standard Profiles'!$G$18=$B$10,7,0)+IF('Standard Profiles'!$G$18=$B$17,14,0)+IF('Standard Profiles'!$G$18=$B$24,21,0),MOD($C2168,24)+1)/SUM(INDEX($D$3:$AA$30,INDEX(Jesper!$R$2:$R$366,ROW(INDEX(Jesper!AH$2:AH$366,ROUNDDOWN($C2168/24,0)+1,1))-1)+IF('Standard Profiles'!$G$18=$B$10,7,0)+IF('Standard Profiles'!$G$18=$B$17,14,0)+IF('Standard Profiles'!$G$18=$B$24,21,0),0)),0)</f>
        <v>4.161945862392967</v>
      </c>
      <c r="E2168" cm="1">
        <f t="array" ref="E2168">IFERROR(INDEX(Jesper!AI$2:AI$366,ROUNDDOWN($C2168/24,0)+1,1)*INDEX($D$3:$AA$30,INDEX(Jesper!$R$2:$R$366,ROW(INDEX(Jesper!AI$2:AI$366,ROUNDDOWN($C2168/24,0)+1,1))-1)+IF('Standard Profiles'!$G$19=$B$10,7,0)+IF('Standard Profiles'!$G$19=$B$17,14,0)+IF('Standard Profiles'!$G$19=$B$24,21,0),MOD($C2168,24)+1)/SUM(INDEX($D$3:$AA$30,INDEX(Jesper!$R$2:$R$366,ROW(INDEX(Jesper!AI$2:AI$366,ROUNDDOWN($C2168/24,0)+1,1))-1)+IF('Standard Profiles'!$G$19=$B$10,7,0)+IF('Standard Profiles'!$G$19=$B$17,14,0)+IF('Standard Profiles'!$G$19=$B$24,21,0),0)),0)</f>
        <v>0</v>
      </c>
      <c r="F2168" cm="1">
        <f t="array" ref="F2168">IFERROR(INDEX(Jesper!AJ$2:AJ$366,ROUNDDOWN($C2168/24,0)+1,1)*INDEX($D$3:$AA$30,INDEX(Jesper!$R$2:$R$366,ROW(INDEX(Jesper!AJ$2:AJ$366,ROUNDDOWN($C2168/24,0)+1,1))-1)+IF('Standard Profiles'!$G$20=$B$10,7,0)+IF('Standard Profiles'!$G$20=$B$17,14,0)+IF('Standard Profiles'!$G$20=$B$24,21,0),MOD($C2168,24)+1)/SUM(INDEX($D$3:$AA$30,INDEX(Jesper!$R$2:$R$366,ROW(INDEX(Jesper!AJ$2:AJ$366,ROUNDDOWN($C2168/24,0)+1,1))-1)+IF('Standard Profiles'!$G$20=$B$10,7,0)+IF('Standard Profiles'!$G$20=$B$17,14,0)+IF('Standard Profiles'!$G$20=$B$24,21,0),0)),0)</f>
        <v>0</v>
      </c>
      <c r="G2168" cm="1">
        <f t="array" ref="G2168">IFERROR(INDEX(Jesper!AK$2:AK$366,ROUNDDOWN($C2168/24,0)+1,1)*INDEX($D$3:$AA$30,INDEX(Jesper!$R$2:$R$366,ROW(INDEX(Jesper!AK$2:AK$366,ROUNDDOWN($C2168/24,0)+1,1))-1)+IF('Standard Profiles'!$G$21=$B$10,7,0)+IF('Standard Profiles'!$G$21=$B$17,14,0)+IF('Standard Profiles'!$G$21=$B$24,21,0),MOD($C2168,24)+1)/SUM(INDEX($D$3:$AA$30,INDEX(Jesper!$R$2:$R$366,ROW(INDEX(Jesper!AK$2:AK$366,ROUNDDOWN($C2168/24,0)+1,1))-1)+IF('Standard Profiles'!$G$21=$B$10,7,0)+IF('Standard Profiles'!$G$21=$B$17,14,0)+IF('Standard Profiles'!$G$21=$B$24,21,0),0)),0)</f>
        <v>0</v>
      </c>
      <c r="H2168" cm="1">
        <f t="array" ref="H2168">IFERROR(INDEX(Jesper!AL$2:AL$366,ROUNDDOWN($C2168/24,0)+1,1)*INDEX($D$3:$AA$30,INDEX(Jesper!$R$2:$R$366,ROW(INDEX(Jesper!AL$2:AL$366,ROUNDDOWN($C2168/24,0)+1,1))-1)+IF('Standard Profiles'!$G$22=$B$10,7,0)+IF('Standard Profiles'!$G$22=$B$17,14,0)+IF('Standard Profiles'!$G$22=$B$24,21,0),MOD($C2168,24)+1)/SUM(INDEX($D$3:$AA$30,INDEX(Jesper!$R$2:$R$366,ROW(INDEX(Jesper!AL$2:AL$366,ROUNDDOWN($C2168/24,0)+1,1))-1)+IF('Standard Profiles'!$G$22=$B$10,7,0)+IF('Standard Profiles'!$G$22=$B$17,14,0)+IF('Standard Profiles'!$G$22=$B$24,21,0),0)),0)</f>
        <v>0</v>
      </c>
      <c r="I2168">
        <f t="shared" si="251"/>
        <v>0.12485837587178901</v>
      </c>
      <c r="J2168">
        <f t="shared" si="252"/>
        <v>0.41619458623929673</v>
      </c>
      <c r="K2168">
        <f t="shared" si="253"/>
        <v>0.62429187935894503</v>
      </c>
      <c r="L2168">
        <f t="shared" si="254"/>
        <v>2.9966010209229363</v>
      </c>
      <c r="M2168">
        <f t="shared" si="255"/>
        <v>0</v>
      </c>
      <c r="N2168" s="46">
        <f t="shared" si="256"/>
        <v>45380.916666661491</v>
      </c>
    </row>
    <row r="2169" spans="2:14" x14ac:dyDescent="0.3">
      <c r="B2169">
        <f t="shared" si="250"/>
        <v>5</v>
      </c>
      <c r="C2169" s="16">
        <v>2135</v>
      </c>
      <c r="D2169" cm="1">
        <f t="array" ref="D2169">IFERROR(INDEX(Jesper!AH$2:AH$366,ROUNDDOWN($C2169/24,0)+1,1)*INDEX($D$3:$AA$30,INDEX(Jesper!$R$2:$R$366,ROW(INDEX(Jesper!AH$2:AH$366,ROUNDDOWN($C2169/24,0)+1,1))-1)+IF('Standard Profiles'!$G$18=$B$10,7,0)+IF('Standard Profiles'!$G$18=$B$17,14,0)+IF('Standard Profiles'!$G$18=$B$24,21,0),MOD($C2169,24)+1)/SUM(INDEX($D$3:$AA$30,INDEX(Jesper!$R$2:$R$366,ROW(INDEX(Jesper!AH$2:AH$366,ROUNDDOWN($C2169/24,0)+1,1))-1)+IF('Standard Profiles'!$G$18=$B$10,7,0)+IF('Standard Profiles'!$G$18=$B$17,14,0)+IF('Standard Profiles'!$G$18=$B$24,21,0),0)),0)</f>
        <v>4.161945862392967</v>
      </c>
      <c r="E2169" cm="1">
        <f t="array" ref="E2169">IFERROR(INDEX(Jesper!AI$2:AI$366,ROUNDDOWN($C2169/24,0)+1,1)*INDEX($D$3:$AA$30,INDEX(Jesper!$R$2:$R$366,ROW(INDEX(Jesper!AI$2:AI$366,ROUNDDOWN($C2169/24,0)+1,1))-1)+IF('Standard Profiles'!$G$19=$B$10,7,0)+IF('Standard Profiles'!$G$19=$B$17,14,0)+IF('Standard Profiles'!$G$19=$B$24,21,0),MOD($C2169,24)+1)/SUM(INDEX($D$3:$AA$30,INDEX(Jesper!$R$2:$R$366,ROW(INDEX(Jesper!AI$2:AI$366,ROUNDDOWN($C2169/24,0)+1,1))-1)+IF('Standard Profiles'!$G$19=$B$10,7,0)+IF('Standard Profiles'!$G$19=$B$17,14,0)+IF('Standard Profiles'!$G$19=$B$24,21,0),0)),0)</f>
        <v>0</v>
      </c>
      <c r="F2169" cm="1">
        <f t="array" ref="F2169">IFERROR(INDEX(Jesper!AJ$2:AJ$366,ROUNDDOWN($C2169/24,0)+1,1)*INDEX($D$3:$AA$30,INDEX(Jesper!$R$2:$R$366,ROW(INDEX(Jesper!AJ$2:AJ$366,ROUNDDOWN($C2169/24,0)+1,1))-1)+IF('Standard Profiles'!$G$20=$B$10,7,0)+IF('Standard Profiles'!$G$20=$B$17,14,0)+IF('Standard Profiles'!$G$20=$B$24,21,0),MOD($C2169,24)+1)/SUM(INDEX($D$3:$AA$30,INDEX(Jesper!$R$2:$R$366,ROW(INDEX(Jesper!AJ$2:AJ$366,ROUNDDOWN($C2169/24,0)+1,1))-1)+IF('Standard Profiles'!$G$20=$B$10,7,0)+IF('Standard Profiles'!$G$20=$B$17,14,0)+IF('Standard Profiles'!$G$20=$B$24,21,0),0)),0)</f>
        <v>0</v>
      </c>
      <c r="G2169" cm="1">
        <f t="array" ref="G2169">IFERROR(INDEX(Jesper!AK$2:AK$366,ROUNDDOWN($C2169/24,0)+1,1)*INDEX($D$3:$AA$30,INDEX(Jesper!$R$2:$R$366,ROW(INDEX(Jesper!AK$2:AK$366,ROUNDDOWN($C2169/24,0)+1,1))-1)+IF('Standard Profiles'!$G$21=$B$10,7,0)+IF('Standard Profiles'!$G$21=$B$17,14,0)+IF('Standard Profiles'!$G$21=$B$24,21,0),MOD($C2169,24)+1)/SUM(INDEX($D$3:$AA$30,INDEX(Jesper!$R$2:$R$366,ROW(INDEX(Jesper!AK$2:AK$366,ROUNDDOWN($C2169/24,0)+1,1))-1)+IF('Standard Profiles'!$G$21=$B$10,7,0)+IF('Standard Profiles'!$G$21=$B$17,14,0)+IF('Standard Profiles'!$G$21=$B$24,21,0),0)),0)</f>
        <v>0</v>
      </c>
      <c r="H2169" cm="1">
        <f t="array" ref="H2169">IFERROR(INDEX(Jesper!AL$2:AL$366,ROUNDDOWN($C2169/24,0)+1,1)*INDEX($D$3:$AA$30,INDEX(Jesper!$R$2:$R$366,ROW(INDEX(Jesper!AL$2:AL$366,ROUNDDOWN($C2169/24,0)+1,1))-1)+IF('Standard Profiles'!$G$22=$B$10,7,0)+IF('Standard Profiles'!$G$22=$B$17,14,0)+IF('Standard Profiles'!$G$22=$B$24,21,0),MOD($C2169,24)+1)/SUM(INDEX($D$3:$AA$30,INDEX(Jesper!$R$2:$R$366,ROW(INDEX(Jesper!AL$2:AL$366,ROUNDDOWN($C2169/24,0)+1,1))-1)+IF('Standard Profiles'!$G$22=$B$10,7,0)+IF('Standard Profiles'!$G$22=$B$17,14,0)+IF('Standard Profiles'!$G$22=$B$24,21,0),0)),0)</f>
        <v>0</v>
      </c>
      <c r="I2169">
        <f t="shared" si="251"/>
        <v>0.12485837587178901</v>
      </c>
      <c r="J2169">
        <f t="shared" si="252"/>
        <v>0.41619458623929673</v>
      </c>
      <c r="K2169">
        <f t="shared" si="253"/>
        <v>0.62429187935894503</v>
      </c>
      <c r="L2169">
        <f t="shared" si="254"/>
        <v>2.9966010209229363</v>
      </c>
      <c r="M2169">
        <f t="shared" si="255"/>
        <v>0</v>
      </c>
      <c r="N2169" s="46">
        <f t="shared" si="256"/>
        <v>45380.958333328155</v>
      </c>
    </row>
    <row r="2170" spans="2:14" x14ac:dyDescent="0.3">
      <c r="B2170">
        <f t="shared" si="250"/>
        <v>6</v>
      </c>
      <c r="C2170" s="16">
        <v>2136</v>
      </c>
      <c r="D2170" cm="1">
        <f t="array" ref="D2170">IFERROR(INDEX(Jesper!AH$2:AH$366,ROUNDDOWN($C2170/24,0)+1,1)*INDEX($D$3:$AA$30,INDEX(Jesper!$R$2:$R$366,ROW(INDEX(Jesper!AH$2:AH$366,ROUNDDOWN($C2170/24,0)+1,1))-1)+IF('Standard Profiles'!$G$18=$B$10,7,0)+IF('Standard Profiles'!$G$18=$B$17,14,0)+IF('Standard Profiles'!$G$18=$B$24,21,0),MOD($C2170,24)+1)/SUM(INDEX($D$3:$AA$30,INDEX(Jesper!$R$2:$R$366,ROW(INDEX(Jesper!AH$2:AH$366,ROUNDDOWN($C2170/24,0)+1,1))-1)+IF('Standard Profiles'!$G$18=$B$10,7,0)+IF('Standard Profiles'!$G$18=$B$17,14,0)+IF('Standard Profiles'!$G$18=$B$24,21,0),0)),0)</f>
        <v>4.3113418081373611</v>
      </c>
      <c r="E2170" cm="1">
        <f t="array" ref="E2170">IFERROR(INDEX(Jesper!AI$2:AI$366,ROUNDDOWN($C2170/24,0)+1,1)*INDEX($D$3:$AA$30,INDEX(Jesper!$R$2:$R$366,ROW(INDEX(Jesper!AI$2:AI$366,ROUNDDOWN($C2170/24,0)+1,1))-1)+IF('Standard Profiles'!$G$19=$B$10,7,0)+IF('Standard Profiles'!$G$19=$B$17,14,0)+IF('Standard Profiles'!$G$19=$B$24,21,0),MOD($C2170,24)+1)/SUM(INDEX($D$3:$AA$30,INDEX(Jesper!$R$2:$R$366,ROW(INDEX(Jesper!AI$2:AI$366,ROUNDDOWN($C2170/24,0)+1,1))-1)+IF('Standard Profiles'!$G$19=$B$10,7,0)+IF('Standard Profiles'!$G$19=$B$17,14,0)+IF('Standard Profiles'!$G$19=$B$24,21,0),0)),0)</f>
        <v>0.99528638525998347</v>
      </c>
      <c r="F2170" cm="1">
        <f t="array" ref="F2170">IFERROR(INDEX(Jesper!AJ$2:AJ$366,ROUNDDOWN($C2170/24,0)+1,1)*INDEX($D$3:$AA$30,INDEX(Jesper!$R$2:$R$366,ROW(INDEX(Jesper!AJ$2:AJ$366,ROUNDDOWN($C2170/24,0)+1,1))-1)+IF('Standard Profiles'!$G$20=$B$10,7,0)+IF('Standard Profiles'!$G$20=$B$17,14,0)+IF('Standard Profiles'!$G$20=$B$24,21,0),MOD($C2170,24)+1)/SUM(INDEX($D$3:$AA$30,INDEX(Jesper!$R$2:$R$366,ROW(INDEX(Jesper!AJ$2:AJ$366,ROUNDDOWN($C2170/24,0)+1,1))-1)+IF('Standard Profiles'!$G$20=$B$10,7,0)+IF('Standard Profiles'!$G$20=$B$17,14,0)+IF('Standard Profiles'!$G$20=$B$24,21,0),0)),0)</f>
        <v>0</v>
      </c>
      <c r="G2170" cm="1">
        <f t="array" ref="G2170">IFERROR(INDEX(Jesper!AK$2:AK$366,ROUNDDOWN($C2170/24,0)+1,1)*INDEX($D$3:$AA$30,INDEX(Jesper!$R$2:$R$366,ROW(INDEX(Jesper!AK$2:AK$366,ROUNDDOWN($C2170/24,0)+1,1))-1)+IF('Standard Profiles'!$G$21=$B$10,7,0)+IF('Standard Profiles'!$G$21=$B$17,14,0)+IF('Standard Profiles'!$G$21=$B$24,21,0),MOD($C2170,24)+1)/SUM(INDEX($D$3:$AA$30,INDEX(Jesper!$R$2:$R$366,ROW(INDEX(Jesper!AK$2:AK$366,ROUNDDOWN($C2170/24,0)+1,1))-1)+IF('Standard Profiles'!$G$21=$B$10,7,0)+IF('Standard Profiles'!$G$21=$B$17,14,0)+IF('Standard Profiles'!$G$21=$B$24,21,0),0)),0)</f>
        <v>0</v>
      </c>
      <c r="H2170" cm="1">
        <f t="array" ref="H2170">IFERROR(INDEX(Jesper!AL$2:AL$366,ROUNDDOWN($C2170/24,0)+1,1)*INDEX($D$3:$AA$30,INDEX(Jesper!$R$2:$R$366,ROW(INDEX(Jesper!AL$2:AL$366,ROUNDDOWN($C2170/24,0)+1,1))-1)+IF('Standard Profiles'!$G$22=$B$10,7,0)+IF('Standard Profiles'!$G$22=$B$17,14,0)+IF('Standard Profiles'!$G$22=$B$24,21,0),MOD($C2170,24)+1)/SUM(INDEX($D$3:$AA$30,INDEX(Jesper!$R$2:$R$366,ROW(INDEX(Jesper!AL$2:AL$366,ROUNDDOWN($C2170/24,0)+1,1))-1)+IF('Standard Profiles'!$G$22=$B$10,7,0)+IF('Standard Profiles'!$G$22=$B$17,14,0)+IF('Standard Profiles'!$G$22=$B$24,21,0),0)),0)</f>
        <v>0</v>
      </c>
      <c r="I2170">
        <f t="shared" si="251"/>
        <v>8.9665440113512046E-2</v>
      </c>
      <c r="J2170">
        <f t="shared" si="252"/>
        <v>0.29888480037837351</v>
      </c>
      <c r="K2170">
        <f t="shared" si="253"/>
        <v>0.44832720056756031</v>
      </c>
      <c r="L2170">
        <f t="shared" si="254"/>
        <v>4.469750752337899</v>
      </c>
      <c r="M2170">
        <f t="shared" si="255"/>
        <v>0</v>
      </c>
      <c r="N2170" s="46">
        <f t="shared" si="256"/>
        <v>45380.99999999482</v>
      </c>
    </row>
    <row r="2171" spans="2:14" x14ac:dyDescent="0.3">
      <c r="B2171">
        <f t="shared" si="250"/>
        <v>6</v>
      </c>
      <c r="C2171" s="16">
        <v>2137</v>
      </c>
      <c r="D2171" cm="1">
        <f t="array" ref="D2171">IFERROR(INDEX(Jesper!AH$2:AH$366,ROUNDDOWN($C2171/24,0)+1,1)*INDEX($D$3:$AA$30,INDEX(Jesper!$R$2:$R$366,ROW(INDEX(Jesper!AH$2:AH$366,ROUNDDOWN($C2171/24,0)+1,1))-1)+IF('Standard Profiles'!$G$18=$B$10,7,0)+IF('Standard Profiles'!$G$18=$B$17,14,0)+IF('Standard Profiles'!$G$18=$B$24,21,0),MOD($C2171,24)+1)/SUM(INDEX($D$3:$AA$30,INDEX(Jesper!$R$2:$R$366,ROW(INDEX(Jesper!AH$2:AH$366,ROUNDDOWN($C2171/24,0)+1,1))-1)+IF('Standard Profiles'!$G$18=$B$10,7,0)+IF('Standard Profiles'!$G$18=$B$17,14,0)+IF('Standard Profiles'!$G$18=$B$24,21,0),0)),0)</f>
        <v>8.417381625411041</v>
      </c>
      <c r="E2171" cm="1">
        <f t="array" ref="E2171">IFERROR(INDEX(Jesper!AI$2:AI$366,ROUNDDOWN($C2171/24,0)+1,1)*INDEX($D$3:$AA$30,INDEX(Jesper!$R$2:$R$366,ROW(INDEX(Jesper!AI$2:AI$366,ROUNDDOWN($C2171/24,0)+1,1))-1)+IF('Standard Profiles'!$G$19=$B$10,7,0)+IF('Standard Profiles'!$G$19=$B$17,14,0)+IF('Standard Profiles'!$G$19=$B$24,21,0),MOD($C2171,24)+1)/SUM(INDEX($D$3:$AA$30,INDEX(Jesper!$R$2:$R$366,ROW(INDEX(Jesper!AI$2:AI$366,ROUNDDOWN($C2171/24,0)+1,1))-1)+IF('Standard Profiles'!$G$19=$B$10,7,0)+IF('Standard Profiles'!$G$19=$B$17,14,0)+IF('Standard Profiles'!$G$19=$B$24,21,0),0)),0)</f>
        <v>1.9431781807456825</v>
      </c>
      <c r="F2171" cm="1">
        <f t="array" ref="F2171">IFERROR(INDEX(Jesper!AJ$2:AJ$366,ROUNDDOWN($C2171/24,0)+1,1)*INDEX($D$3:$AA$30,INDEX(Jesper!$R$2:$R$366,ROW(INDEX(Jesper!AJ$2:AJ$366,ROUNDDOWN($C2171/24,0)+1,1))-1)+IF('Standard Profiles'!$G$20=$B$10,7,0)+IF('Standard Profiles'!$G$20=$B$17,14,0)+IF('Standard Profiles'!$G$20=$B$24,21,0),MOD($C2171,24)+1)/SUM(INDEX($D$3:$AA$30,INDEX(Jesper!$R$2:$R$366,ROW(INDEX(Jesper!AJ$2:AJ$366,ROUNDDOWN($C2171/24,0)+1,1))-1)+IF('Standard Profiles'!$G$20=$B$10,7,0)+IF('Standard Profiles'!$G$20=$B$17,14,0)+IF('Standard Profiles'!$G$20=$B$24,21,0),0)),0)</f>
        <v>0</v>
      </c>
      <c r="G2171" cm="1">
        <f t="array" ref="G2171">IFERROR(INDEX(Jesper!AK$2:AK$366,ROUNDDOWN($C2171/24,0)+1,1)*INDEX($D$3:$AA$30,INDEX(Jesper!$R$2:$R$366,ROW(INDEX(Jesper!AK$2:AK$366,ROUNDDOWN($C2171/24,0)+1,1))-1)+IF('Standard Profiles'!$G$21=$B$10,7,0)+IF('Standard Profiles'!$G$21=$B$17,14,0)+IF('Standard Profiles'!$G$21=$B$24,21,0),MOD($C2171,24)+1)/SUM(INDEX($D$3:$AA$30,INDEX(Jesper!$R$2:$R$366,ROW(INDEX(Jesper!AK$2:AK$366,ROUNDDOWN($C2171/24,0)+1,1))-1)+IF('Standard Profiles'!$G$21=$B$10,7,0)+IF('Standard Profiles'!$G$21=$B$17,14,0)+IF('Standard Profiles'!$G$21=$B$24,21,0),0)),0)</f>
        <v>0</v>
      </c>
      <c r="H2171" cm="1">
        <f t="array" ref="H2171">IFERROR(INDEX(Jesper!AL$2:AL$366,ROUNDDOWN($C2171/24,0)+1,1)*INDEX($D$3:$AA$30,INDEX(Jesper!$R$2:$R$366,ROW(INDEX(Jesper!AL$2:AL$366,ROUNDDOWN($C2171/24,0)+1,1))-1)+IF('Standard Profiles'!$G$22=$B$10,7,0)+IF('Standard Profiles'!$G$22=$B$17,14,0)+IF('Standard Profiles'!$G$22=$B$24,21,0),MOD($C2171,24)+1)/SUM(INDEX($D$3:$AA$30,INDEX(Jesper!$R$2:$R$366,ROW(INDEX(Jesper!AL$2:AL$366,ROUNDDOWN($C2171/24,0)+1,1))-1)+IF('Standard Profiles'!$G$22=$B$10,7,0)+IF('Standard Profiles'!$G$22=$B$17,14,0)+IF('Standard Profiles'!$G$22=$B$24,21,0),0)),0)</f>
        <v>0</v>
      </c>
      <c r="I2171">
        <f t="shared" si="251"/>
        <v>0.17506109736447595</v>
      </c>
      <c r="J2171">
        <f t="shared" si="252"/>
        <v>0.58353699121491986</v>
      </c>
      <c r="K2171">
        <f t="shared" si="253"/>
        <v>0.87530548682237985</v>
      </c>
      <c r="L2171">
        <f t="shared" si="254"/>
        <v>8.7266562307549478</v>
      </c>
      <c r="M2171">
        <f t="shared" si="255"/>
        <v>0</v>
      </c>
      <c r="N2171" s="46">
        <f t="shared" si="256"/>
        <v>45381.041666661484</v>
      </c>
    </row>
    <row r="2172" spans="2:14" x14ac:dyDescent="0.3">
      <c r="B2172">
        <f t="shared" si="250"/>
        <v>6</v>
      </c>
      <c r="C2172" s="16">
        <v>2138</v>
      </c>
      <c r="D2172" cm="1">
        <f t="array" ref="D2172">IFERROR(INDEX(Jesper!AH$2:AH$366,ROUNDDOWN($C2172/24,0)+1,1)*INDEX($D$3:$AA$30,INDEX(Jesper!$R$2:$R$366,ROW(INDEX(Jesper!AH$2:AH$366,ROUNDDOWN($C2172/24,0)+1,1))-1)+IF('Standard Profiles'!$G$18=$B$10,7,0)+IF('Standard Profiles'!$G$18=$B$17,14,0)+IF('Standard Profiles'!$G$18=$B$24,21,0),MOD($C2172,24)+1)/SUM(INDEX($D$3:$AA$30,INDEX(Jesper!$R$2:$R$366,ROW(INDEX(Jesper!AH$2:AH$366,ROUNDDOWN($C2172/24,0)+1,1))-1)+IF('Standard Profiles'!$G$18=$B$10,7,0)+IF('Standard Profiles'!$G$18=$B$17,14,0)+IF('Standard Profiles'!$G$18=$B$24,21,0),0)),0)</f>
        <v>8.417381625411041</v>
      </c>
      <c r="E2172" cm="1">
        <f t="array" ref="E2172">IFERROR(INDEX(Jesper!AI$2:AI$366,ROUNDDOWN($C2172/24,0)+1,1)*INDEX($D$3:$AA$30,INDEX(Jesper!$R$2:$R$366,ROW(INDEX(Jesper!AI$2:AI$366,ROUNDDOWN($C2172/24,0)+1,1))-1)+IF('Standard Profiles'!$G$19=$B$10,7,0)+IF('Standard Profiles'!$G$19=$B$17,14,0)+IF('Standard Profiles'!$G$19=$B$24,21,0),MOD($C2172,24)+1)/SUM(INDEX($D$3:$AA$30,INDEX(Jesper!$R$2:$R$366,ROW(INDEX(Jesper!AI$2:AI$366,ROUNDDOWN($C2172/24,0)+1,1))-1)+IF('Standard Profiles'!$G$19=$B$10,7,0)+IF('Standard Profiles'!$G$19=$B$17,14,0)+IF('Standard Profiles'!$G$19=$B$24,21,0),0)),0)</f>
        <v>1.9431781807456825</v>
      </c>
      <c r="F2172" cm="1">
        <f t="array" ref="F2172">IFERROR(INDEX(Jesper!AJ$2:AJ$366,ROUNDDOWN($C2172/24,0)+1,1)*INDEX($D$3:$AA$30,INDEX(Jesper!$R$2:$R$366,ROW(INDEX(Jesper!AJ$2:AJ$366,ROUNDDOWN($C2172/24,0)+1,1))-1)+IF('Standard Profiles'!$G$20=$B$10,7,0)+IF('Standard Profiles'!$G$20=$B$17,14,0)+IF('Standard Profiles'!$G$20=$B$24,21,0),MOD($C2172,24)+1)/SUM(INDEX($D$3:$AA$30,INDEX(Jesper!$R$2:$R$366,ROW(INDEX(Jesper!AJ$2:AJ$366,ROUNDDOWN($C2172/24,0)+1,1))-1)+IF('Standard Profiles'!$G$20=$B$10,7,0)+IF('Standard Profiles'!$G$20=$B$17,14,0)+IF('Standard Profiles'!$G$20=$B$24,21,0),0)),0)</f>
        <v>0</v>
      </c>
      <c r="G2172" cm="1">
        <f t="array" ref="G2172">IFERROR(INDEX(Jesper!AK$2:AK$366,ROUNDDOWN($C2172/24,0)+1,1)*INDEX($D$3:$AA$30,INDEX(Jesper!$R$2:$R$366,ROW(INDEX(Jesper!AK$2:AK$366,ROUNDDOWN($C2172/24,0)+1,1))-1)+IF('Standard Profiles'!$G$21=$B$10,7,0)+IF('Standard Profiles'!$G$21=$B$17,14,0)+IF('Standard Profiles'!$G$21=$B$24,21,0),MOD($C2172,24)+1)/SUM(INDEX($D$3:$AA$30,INDEX(Jesper!$R$2:$R$366,ROW(INDEX(Jesper!AK$2:AK$366,ROUNDDOWN($C2172/24,0)+1,1))-1)+IF('Standard Profiles'!$G$21=$B$10,7,0)+IF('Standard Profiles'!$G$21=$B$17,14,0)+IF('Standard Profiles'!$G$21=$B$24,21,0),0)),0)</f>
        <v>0</v>
      </c>
      <c r="H2172" cm="1">
        <f t="array" ref="H2172">IFERROR(INDEX(Jesper!AL$2:AL$366,ROUNDDOWN($C2172/24,0)+1,1)*INDEX($D$3:$AA$30,INDEX(Jesper!$R$2:$R$366,ROW(INDEX(Jesper!AL$2:AL$366,ROUNDDOWN($C2172/24,0)+1,1))-1)+IF('Standard Profiles'!$G$22=$B$10,7,0)+IF('Standard Profiles'!$G$22=$B$17,14,0)+IF('Standard Profiles'!$G$22=$B$24,21,0),MOD($C2172,24)+1)/SUM(INDEX($D$3:$AA$30,INDEX(Jesper!$R$2:$R$366,ROW(INDEX(Jesper!AL$2:AL$366,ROUNDDOWN($C2172/24,0)+1,1))-1)+IF('Standard Profiles'!$G$22=$B$10,7,0)+IF('Standard Profiles'!$G$22=$B$17,14,0)+IF('Standard Profiles'!$G$22=$B$24,21,0),0)),0)</f>
        <v>0</v>
      </c>
      <c r="I2172">
        <f t="shared" si="251"/>
        <v>0.17506109736447595</v>
      </c>
      <c r="J2172">
        <f t="shared" si="252"/>
        <v>0.58353699121491986</v>
      </c>
      <c r="K2172">
        <f t="shared" si="253"/>
        <v>0.87530548682237985</v>
      </c>
      <c r="L2172">
        <f t="shared" si="254"/>
        <v>8.7266562307549478</v>
      </c>
      <c r="M2172">
        <f t="shared" si="255"/>
        <v>0</v>
      </c>
      <c r="N2172" s="46">
        <f t="shared" si="256"/>
        <v>45381.083333328148</v>
      </c>
    </row>
    <row r="2173" spans="2:14" x14ac:dyDescent="0.3">
      <c r="B2173">
        <f t="shared" si="250"/>
        <v>6</v>
      </c>
      <c r="C2173" s="16">
        <v>2139</v>
      </c>
      <c r="D2173" cm="1">
        <f t="array" ref="D2173">IFERROR(INDEX(Jesper!AH$2:AH$366,ROUNDDOWN($C2173/24,0)+1,1)*INDEX($D$3:$AA$30,INDEX(Jesper!$R$2:$R$366,ROW(INDEX(Jesper!AH$2:AH$366,ROUNDDOWN($C2173/24,0)+1,1))-1)+IF('Standard Profiles'!$G$18=$B$10,7,0)+IF('Standard Profiles'!$G$18=$B$17,14,0)+IF('Standard Profiles'!$G$18=$B$24,21,0),MOD($C2173,24)+1)/SUM(INDEX($D$3:$AA$30,INDEX(Jesper!$R$2:$R$366,ROW(INDEX(Jesper!AH$2:AH$366,ROUNDDOWN($C2173/24,0)+1,1))-1)+IF('Standard Profiles'!$G$18=$B$10,7,0)+IF('Standard Profiles'!$G$18=$B$17,14,0)+IF('Standard Profiles'!$G$18=$B$24,21,0),0)),0)</f>
        <v>8.417381625411041</v>
      </c>
      <c r="E2173" cm="1">
        <f t="array" ref="E2173">IFERROR(INDEX(Jesper!AI$2:AI$366,ROUNDDOWN($C2173/24,0)+1,1)*INDEX($D$3:$AA$30,INDEX(Jesper!$R$2:$R$366,ROW(INDEX(Jesper!AI$2:AI$366,ROUNDDOWN($C2173/24,0)+1,1))-1)+IF('Standard Profiles'!$G$19=$B$10,7,0)+IF('Standard Profiles'!$G$19=$B$17,14,0)+IF('Standard Profiles'!$G$19=$B$24,21,0),MOD($C2173,24)+1)/SUM(INDEX($D$3:$AA$30,INDEX(Jesper!$R$2:$R$366,ROW(INDEX(Jesper!AI$2:AI$366,ROUNDDOWN($C2173/24,0)+1,1))-1)+IF('Standard Profiles'!$G$19=$B$10,7,0)+IF('Standard Profiles'!$G$19=$B$17,14,0)+IF('Standard Profiles'!$G$19=$B$24,21,0),0)),0)</f>
        <v>1.9431781807456825</v>
      </c>
      <c r="F2173" cm="1">
        <f t="array" ref="F2173">IFERROR(INDEX(Jesper!AJ$2:AJ$366,ROUNDDOWN($C2173/24,0)+1,1)*INDEX($D$3:$AA$30,INDEX(Jesper!$R$2:$R$366,ROW(INDEX(Jesper!AJ$2:AJ$366,ROUNDDOWN($C2173/24,0)+1,1))-1)+IF('Standard Profiles'!$G$20=$B$10,7,0)+IF('Standard Profiles'!$G$20=$B$17,14,0)+IF('Standard Profiles'!$G$20=$B$24,21,0),MOD($C2173,24)+1)/SUM(INDEX($D$3:$AA$30,INDEX(Jesper!$R$2:$R$366,ROW(INDEX(Jesper!AJ$2:AJ$366,ROUNDDOWN($C2173/24,0)+1,1))-1)+IF('Standard Profiles'!$G$20=$B$10,7,0)+IF('Standard Profiles'!$G$20=$B$17,14,0)+IF('Standard Profiles'!$G$20=$B$24,21,0),0)),0)</f>
        <v>0</v>
      </c>
      <c r="G2173" cm="1">
        <f t="array" ref="G2173">IFERROR(INDEX(Jesper!AK$2:AK$366,ROUNDDOWN($C2173/24,0)+1,1)*INDEX($D$3:$AA$30,INDEX(Jesper!$R$2:$R$366,ROW(INDEX(Jesper!AK$2:AK$366,ROUNDDOWN($C2173/24,0)+1,1))-1)+IF('Standard Profiles'!$G$21=$B$10,7,0)+IF('Standard Profiles'!$G$21=$B$17,14,0)+IF('Standard Profiles'!$G$21=$B$24,21,0),MOD($C2173,24)+1)/SUM(INDEX($D$3:$AA$30,INDEX(Jesper!$R$2:$R$366,ROW(INDEX(Jesper!AK$2:AK$366,ROUNDDOWN($C2173/24,0)+1,1))-1)+IF('Standard Profiles'!$G$21=$B$10,7,0)+IF('Standard Profiles'!$G$21=$B$17,14,0)+IF('Standard Profiles'!$G$21=$B$24,21,0),0)),0)</f>
        <v>0</v>
      </c>
      <c r="H2173" cm="1">
        <f t="array" ref="H2173">IFERROR(INDEX(Jesper!AL$2:AL$366,ROUNDDOWN($C2173/24,0)+1,1)*INDEX($D$3:$AA$30,INDEX(Jesper!$R$2:$R$366,ROW(INDEX(Jesper!AL$2:AL$366,ROUNDDOWN($C2173/24,0)+1,1))-1)+IF('Standard Profiles'!$G$22=$B$10,7,0)+IF('Standard Profiles'!$G$22=$B$17,14,0)+IF('Standard Profiles'!$G$22=$B$24,21,0),MOD($C2173,24)+1)/SUM(INDEX($D$3:$AA$30,INDEX(Jesper!$R$2:$R$366,ROW(INDEX(Jesper!AL$2:AL$366,ROUNDDOWN($C2173/24,0)+1,1))-1)+IF('Standard Profiles'!$G$22=$B$10,7,0)+IF('Standard Profiles'!$G$22=$B$17,14,0)+IF('Standard Profiles'!$G$22=$B$24,21,0),0)),0)</f>
        <v>0</v>
      </c>
      <c r="I2173">
        <f t="shared" si="251"/>
        <v>0.17506109736447595</v>
      </c>
      <c r="J2173">
        <f t="shared" si="252"/>
        <v>0.58353699121491986</v>
      </c>
      <c r="K2173">
        <f t="shared" si="253"/>
        <v>0.87530548682237985</v>
      </c>
      <c r="L2173">
        <f t="shared" si="254"/>
        <v>8.7266562307549478</v>
      </c>
      <c r="M2173">
        <f t="shared" si="255"/>
        <v>0</v>
      </c>
      <c r="N2173" s="46">
        <f t="shared" si="256"/>
        <v>45381.124999994812</v>
      </c>
    </row>
    <row r="2174" spans="2:14" x14ac:dyDescent="0.3">
      <c r="B2174">
        <f t="shared" si="250"/>
        <v>6</v>
      </c>
      <c r="C2174" s="16">
        <v>2140</v>
      </c>
      <c r="D2174" cm="1">
        <f t="array" ref="D2174">IFERROR(INDEX(Jesper!AH$2:AH$366,ROUNDDOWN($C2174/24,0)+1,1)*INDEX($D$3:$AA$30,INDEX(Jesper!$R$2:$R$366,ROW(INDEX(Jesper!AH$2:AH$366,ROUNDDOWN($C2174/24,0)+1,1))-1)+IF('Standard Profiles'!$G$18=$B$10,7,0)+IF('Standard Profiles'!$G$18=$B$17,14,0)+IF('Standard Profiles'!$G$18=$B$24,21,0),MOD($C2174,24)+1)/SUM(INDEX($D$3:$AA$30,INDEX(Jesper!$R$2:$R$366,ROW(INDEX(Jesper!AH$2:AH$366,ROUNDDOWN($C2174/24,0)+1,1))-1)+IF('Standard Profiles'!$G$18=$B$10,7,0)+IF('Standard Profiles'!$G$18=$B$17,14,0)+IF('Standard Profiles'!$G$18=$B$24,21,0),0)),0)</f>
        <v>8.417381625411041</v>
      </c>
      <c r="E2174" cm="1">
        <f t="array" ref="E2174">IFERROR(INDEX(Jesper!AI$2:AI$366,ROUNDDOWN($C2174/24,0)+1,1)*INDEX($D$3:$AA$30,INDEX(Jesper!$R$2:$R$366,ROW(INDEX(Jesper!AI$2:AI$366,ROUNDDOWN($C2174/24,0)+1,1))-1)+IF('Standard Profiles'!$G$19=$B$10,7,0)+IF('Standard Profiles'!$G$19=$B$17,14,0)+IF('Standard Profiles'!$G$19=$B$24,21,0),MOD($C2174,24)+1)/SUM(INDEX($D$3:$AA$30,INDEX(Jesper!$R$2:$R$366,ROW(INDEX(Jesper!AI$2:AI$366,ROUNDDOWN($C2174/24,0)+1,1))-1)+IF('Standard Profiles'!$G$19=$B$10,7,0)+IF('Standard Profiles'!$G$19=$B$17,14,0)+IF('Standard Profiles'!$G$19=$B$24,21,0),0)),0)</f>
        <v>1.9431781807456825</v>
      </c>
      <c r="F2174" cm="1">
        <f t="array" ref="F2174">IFERROR(INDEX(Jesper!AJ$2:AJ$366,ROUNDDOWN($C2174/24,0)+1,1)*INDEX($D$3:$AA$30,INDEX(Jesper!$R$2:$R$366,ROW(INDEX(Jesper!AJ$2:AJ$366,ROUNDDOWN($C2174/24,0)+1,1))-1)+IF('Standard Profiles'!$G$20=$B$10,7,0)+IF('Standard Profiles'!$G$20=$B$17,14,0)+IF('Standard Profiles'!$G$20=$B$24,21,0),MOD($C2174,24)+1)/SUM(INDEX($D$3:$AA$30,INDEX(Jesper!$R$2:$R$366,ROW(INDEX(Jesper!AJ$2:AJ$366,ROUNDDOWN($C2174/24,0)+1,1))-1)+IF('Standard Profiles'!$G$20=$B$10,7,0)+IF('Standard Profiles'!$G$20=$B$17,14,0)+IF('Standard Profiles'!$G$20=$B$24,21,0),0)),0)</f>
        <v>0</v>
      </c>
      <c r="G2174" cm="1">
        <f t="array" ref="G2174">IFERROR(INDEX(Jesper!AK$2:AK$366,ROUNDDOWN($C2174/24,0)+1,1)*INDEX($D$3:$AA$30,INDEX(Jesper!$R$2:$R$366,ROW(INDEX(Jesper!AK$2:AK$366,ROUNDDOWN($C2174/24,0)+1,1))-1)+IF('Standard Profiles'!$G$21=$B$10,7,0)+IF('Standard Profiles'!$G$21=$B$17,14,0)+IF('Standard Profiles'!$G$21=$B$24,21,0),MOD($C2174,24)+1)/SUM(INDEX($D$3:$AA$30,INDEX(Jesper!$R$2:$R$366,ROW(INDEX(Jesper!AK$2:AK$366,ROUNDDOWN($C2174/24,0)+1,1))-1)+IF('Standard Profiles'!$G$21=$B$10,7,0)+IF('Standard Profiles'!$G$21=$B$17,14,0)+IF('Standard Profiles'!$G$21=$B$24,21,0),0)),0)</f>
        <v>0</v>
      </c>
      <c r="H2174" cm="1">
        <f t="array" ref="H2174">IFERROR(INDEX(Jesper!AL$2:AL$366,ROUNDDOWN($C2174/24,0)+1,1)*INDEX($D$3:$AA$30,INDEX(Jesper!$R$2:$R$366,ROW(INDEX(Jesper!AL$2:AL$366,ROUNDDOWN($C2174/24,0)+1,1))-1)+IF('Standard Profiles'!$G$22=$B$10,7,0)+IF('Standard Profiles'!$G$22=$B$17,14,0)+IF('Standard Profiles'!$G$22=$B$24,21,0),MOD($C2174,24)+1)/SUM(INDEX($D$3:$AA$30,INDEX(Jesper!$R$2:$R$366,ROW(INDEX(Jesper!AL$2:AL$366,ROUNDDOWN($C2174/24,0)+1,1))-1)+IF('Standard Profiles'!$G$22=$B$10,7,0)+IF('Standard Profiles'!$G$22=$B$17,14,0)+IF('Standard Profiles'!$G$22=$B$24,21,0),0)),0)</f>
        <v>0</v>
      </c>
      <c r="I2174">
        <f t="shared" si="251"/>
        <v>0.17506109736447595</v>
      </c>
      <c r="J2174">
        <f t="shared" si="252"/>
        <v>0.58353699121491986</v>
      </c>
      <c r="K2174">
        <f t="shared" si="253"/>
        <v>0.87530548682237985</v>
      </c>
      <c r="L2174">
        <f t="shared" si="254"/>
        <v>8.7266562307549478</v>
      </c>
      <c r="M2174">
        <f t="shared" si="255"/>
        <v>0</v>
      </c>
      <c r="N2174" s="46">
        <f t="shared" si="256"/>
        <v>45381.166666661476</v>
      </c>
    </row>
    <row r="2175" spans="2:14" x14ac:dyDescent="0.3">
      <c r="B2175">
        <f t="shared" si="250"/>
        <v>6</v>
      </c>
      <c r="C2175" s="16">
        <v>2141</v>
      </c>
      <c r="D2175" cm="1">
        <f t="array" ref="D2175">IFERROR(INDEX(Jesper!AH$2:AH$366,ROUNDDOWN($C2175/24,0)+1,1)*INDEX($D$3:$AA$30,INDEX(Jesper!$R$2:$R$366,ROW(INDEX(Jesper!AH$2:AH$366,ROUNDDOWN($C2175/24,0)+1,1))-1)+IF('Standard Profiles'!$G$18=$B$10,7,0)+IF('Standard Profiles'!$G$18=$B$17,14,0)+IF('Standard Profiles'!$G$18=$B$24,21,0),MOD($C2175,24)+1)/SUM(INDEX($D$3:$AA$30,INDEX(Jesper!$R$2:$R$366,ROW(INDEX(Jesper!AH$2:AH$366,ROUNDDOWN($C2175/24,0)+1,1))-1)+IF('Standard Profiles'!$G$18=$B$10,7,0)+IF('Standard Profiles'!$G$18=$B$17,14,0)+IF('Standard Profiles'!$G$18=$B$24,21,0),0)),0)</f>
        <v>10.47040153404788</v>
      </c>
      <c r="E2175" cm="1">
        <f t="array" ref="E2175">IFERROR(INDEX(Jesper!AI$2:AI$366,ROUNDDOWN($C2175/24,0)+1,1)*INDEX($D$3:$AA$30,INDEX(Jesper!$R$2:$R$366,ROW(INDEX(Jesper!AI$2:AI$366,ROUNDDOWN($C2175/24,0)+1,1))-1)+IF('Standard Profiles'!$G$19=$B$10,7,0)+IF('Standard Profiles'!$G$19=$B$17,14,0)+IF('Standard Profiles'!$G$19=$B$24,21,0),MOD($C2175,24)+1)/SUM(INDEX($D$3:$AA$30,INDEX(Jesper!$R$2:$R$366,ROW(INDEX(Jesper!AI$2:AI$366,ROUNDDOWN($C2175/24,0)+1,1))-1)+IF('Standard Profiles'!$G$19=$B$10,7,0)+IF('Standard Profiles'!$G$19=$B$17,14,0)+IF('Standard Profiles'!$G$19=$B$24,21,0),0)),0)</f>
        <v>2.4171240784885319</v>
      </c>
      <c r="F2175" cm="1">
        <f t="array" ref="F2175">IFERROR(INDEX(Jesper!AJ$2:AJ$366,ROUNDDOWN($C2175/24,0)+1,1)*INDEX($D$3:$AA$30,INDEX(Jesper!$R$2:$R$366,ROW(INDEX(Jesper!AJ$2:AJ$366,ROUNDDOWN($C2175/24,0)+1,1))-1)+IF('Standard Profiles'!$G$20=$B$10,7,0)+IF('Standard Profiles'!$G$20=$B$17,14,0)+IF('Standard Profiles'!$G$20=$B$24,21,0),MOD($C2175,24)+1)/SUM(INDEX($D$3:$AA$30,INDEX(Jesper!$R$2:$R$366,ROW(INDEX(Jesper!AJ$2:AJ$366,ROUNDDOWN($C2175/24,0)+1,1))-1)+IF('Standard Profiles'!$G$20=$B$10,7,0)+IF('Standard Profiles'!$G$20=$B$17,14,0)+IF('Standard Profiles'!$G$20=$B$24,21,0),0)),0)</f>
        <v>0</v>
      </c>
      <c r="G2175" cm="1">
        <f t="array" ref="G2175">IFERROR(INDEX(Jesper!AK$2:AK$366,ROUNDDOWN($C2175/24,0)+1,1)*INDEX($D$3:$AA$30,INDEX(Jesper!$R$2:$R$366,ROW(INDEX(Jesper!AK$2:AK$366,ROUNDDOWN($C2175/24,0)+1,1))-1)+IF('Standard Profiles'!$G$21=$B$10,7,0)+IF('Standard Profiles'!$G$21=$B$17,14,0)+IF('Standard Profiles'!$G$21=$B$24,21,0),MOD($C2175,24)+1)/SUM(INDEX($D$3:$AA$30,INDEX(Jesper!$R$2:$R$366,ROW(INDEX(Jesper!AK$2:AK$366,ROUNDDOWN($C2175/24,0)+1,1))-1)+IF('Standard Profiles'!$G$21=$B$10,7,0)+IF('Standard Profiles'!$G$21=$B$17,14,0)+IF('Standard Profiles'!$G$21=$B$24,21,0),0)),0)</f>
        <v>0</v>
      </c>
      <c r="H2175" cm="1">
        <f t="array" ref="H2175">IFERROR(INDEX(Jesper!AL$2:AL$366,ROUNDDOWN($C2175/24,0)+1,1)*INDEX($D$3:$AA$30,INDEX(Jesper!$R$2:$R$366,ROW(INDEX(Jesper!AL$2:AL$366,ROUNDDOWN($C2175/24,0)+1,1))-1)+IF('Standard Profiles'!$G$22=$B$10,7,0)+IF('Standard Profiles'!$G$22=$B$17,14,0)+IF('Standard Profiles'!$G$22=$B$24,21,0),MOD($C2175,24)+1)/SUM(INDEX($D$3:$AA$30,INDEX(Jesper!$R$2:$R$366,ROW(INDEX(Jesper!AL$2:AL$366,ROUNDDOWN($C2175/24,0)+1,1))-1)+IF('Standard Profiles'!$G$22=$B$10,7,0)+IF('Standard Profiles'!$G$22=$B$17,14,0)+IF('Standard Profiles'!$G$22=$B$24,21,0),0)),0)</f>
        <v>0</v>
      </c>
      <c r="I2175">
        <f t="shared" si="251"/>
        <v>0.21775892598995789</v>
      </c>
      <c r="J2175">
        <f t="shared" si="252"/>
        <v>0.7258630866331931</v>
      </c>
      <c r="K2175">
        <f t="shared" si="253"/>
        <v>1.0887946299497895</v>
      </c>
      <c r="L2175">
        <f t="shared" si="254"/>
        <v>10.855108969963473</v>
      </c>
      <c r="M2175">
        <f t="shared" si="255"/>
        <v>0</v>
      </c>
      <c r="N2175" s="46">
        <f t="shared" si="256"/>
        <v>45381.208333328141</v>
      </c>
    </row>
    <row r="2176" spans="2:14" x14ac:dyDescent="0.3">
      <c r="B2176">
        <f t="shared" si="250"/>
        <v>6</v>
      </c>
      <c r="C2176" s="16">
        <v>2142</v>
      </c>
      <c r="D2176" cm="1">
        <f t="array" ref="D2176">IFERROR(INDEX(Jesper!AH$2:AH$366,ROUNDDOWN($C2176/24,0)+1,1)*INDEX($D$3:$AA$30,INDEX(Jesper!$R$2:$R$366,ROW(INDEX(Jesper!AH$2:AH$366,ROUNDDOWN($C2176/24,0)+1,1))-1)+IF('Standard Profiles'!$G$18=$B$10,7,0)+IF('Standard Profiles'!$G$18=$B$17,14,0)+IF('Standard Profiles'!$G$18=$B$24,21,0),MOD($C2176,24)+1)/SUM(INDEX($D$3:$AA$30,INDEX(Jesper!$R$2:$R$366,ROW(INDEX(Jesper!AH$2:AH$366,ROUNDDOWN($C2176/24,0)+1,1))-1)+IF('Standard Profiles'!$G$18=$B$10,7,0)+IF('Standard Profiles'!$G$18=$B$17,14,0)+IF('Standard Profiles'!$G$18=$B$24,21,0),0)),0)</f>
        <v>13.139327415275771</v>
      </c>
      <c r="E2176" cm="1">
        <f t="array" ref="E2176">IFERROR(INDEX(Jesper!AI$2:AI$366,ROUNDDOWN($C2176/24,0)+1,1)*INDEX($D$3:$AA$30,INDEX(Jesper!$R$2:$R$366,ROW(INDEX(Jesper!AI$2:AI$366,ROUNDDOWN($C2176/24,0)+1,1))-1)+IF('Standard Profiles'!$G$19=$B$10,7,0)+IF('Standard Profiles'!$G$19=$B$17,14,0)+IF('Standard Profiles'!$G$19=$B$24,21,0),MOD($C2176,24)+1)/SUM(INDEX($D$3:$AA$30,INDEX(Jesper!$R$2:$R$366,ROW(INDEX(Jesper!AI$2:AI$366,ROUNDDOWN($C2176/24,0)+1,1))-1)+IF('Standard Profiles'!$G$19=$B$10,7,0)+IF('Standard Profiles'!$G$19=$B$17,14,0)+IF('Standard Profiles'!$G$19=$B$24,21,0),0)),0)</f>
        <v>3.0332537455542354</v>
      </c>
      <c r="F2176" cm="1">
        <f t="array" ref="F2176">IFERROR(INDEX(Jesper!AJ$2:AJ$366,ROUNDDOWN($C2176/24,0)+1,1)*INDEX($D$3:$AA$30,INDEX(Jesper!$R$2:$R$366,ROW(INDEX(Jesper!AJ$2:AJ$366,ROUNDDOWN($C2176/24,0)+1,1))-1)+IF('Standard Profiles'!$G$20=$B$10,7,0)+IF('Standard Profiles'!$G$20=$B$17,14,0)+IF('Standard Profiles'!$G$20=$B$24,21,0),MOD($C2176,24)+1)/SUM(INDEX($D$3:$AA$30,INDEX(Jesper!$R$2:$R$366,ROW(INDEX(Jesper!AJ$2:AJ$366,ROUNDDOWN($C2176/24,0)+1,1))-1)+IF('Standard Profiles'!$G$20=$B$10,7,0)+IF('Standard Profiles'!$G$20=$B$17,14,0)+IF('Standard Profiles'!$G$20=$B$24,21,0),0)),0)</f>
        <v>0</v>
      </c>
      <c r="G2176" cm="1">
        <f t="array" ref="G2176">IFERROR(INDEX(Jesper!AK$2:AK$366,ROUNDDOWN($C2176/24,0)+1,1)*INDEX($D$3:$AA$30,INDEX(Jesper!$R$2:$R$366,ROW(INDEX(Jesper!AK$2:AK$366,ROUNDDOWN($C2176/24,0)+1,1))-1)+IF('Standard Profiles'!$G$21=$B$10,7,0)+IF('Standard Profiles'!$G$21=$B$17,14,0)+IF('Standard Profiles'!$G$21=$B$24,21,0),MOD($C2176,24)+1)/SUM(INDEX($D$3:$AA$30,INDEX(Jesper!$R$2:$R$366,ROW(INDEX(Jesper!AK$2:AK$366,ROUNDDOWN($C2176/24,0)+1,1))-1)+IF('Standard Profiles'!$G$21=$B$10,7,0)+IF('Standard Profiles'!$G$21=$B$17,14,0)+IF('Standard Profiles'!$G$21=$B$24,21,0),0)),0)</f>
        <v>0</v>
      </c>
      <c r="H2176" cm="1">
        <f t="array" ref="H2176">IFERROR(INDEX(Jesper!AL$2:AL$366,ROUNDDOWN($C2176/24,0)+1,1)*INDEX($D$3:$AA$30,INDEX(Jesper!$R$2:$R$366,ROW(INDEX(Jesper!AL$2:AL$366,ROUNDDOWN($C2176/24,0)+1,1))-1)+IF('Standard Profiles'!$G$22=$B$10,7,0)+IF('Standard Profiles'!$G$22=$B$17,14,0)+IF('Standard Profiles'!$G$22=$B$24,21,0),MOD($C2176,24)+1)/SUM(INDEX($D$3:$AA$30,INDEX(Jesper!$R$2:$R$366,ROW(INDEX(Jesper!AL$2:AL$366,ROUNDDOWN($C2176/24,0)+1,1))-1)+IF('Standard Profiles'!$G$22=$B$10,7,0)+IF('Standard Profiles'!$G$22=$B$17,14,0)+IF('Standard Profiles'!$G$22=$B$24,21,0),0)),0)</f>
        <v>0</v>
      </c>
      <c r="I2176">
        <f t="shared" si="251"/>
        <v>0.27326610320308437</v>
      </c>
      <c r="J2176">
        <f t="shared" si="252"/>
        <v>0.91088701067694788</v>
      </c>
      <c r="K2176">
        <f t="shared" si="253"/>
        <v>1.366330516015422</v>
      </c>
      <c r="L2176">
        <f t="shared" si="254"/>
        <v>13.622097530934552</v>
      </c>
      <c r="M2176">
        <f t="shared" si="255"/>
        <v>0</v>
      </c>
      <c r="N2176" s="46">
        <f t="shared" si="256"/>
        <v>45381.249999994805</v>
      </c>
    </row>
    <row r="2177" spans="2:14" x14ac:dyDescent="0.3">
      <c r="B2177">
        <f t="shared" si="250"/>
        <v>6</v>
      </c>
      <c r="C2177" s="16">
        <v>2143</v>
      </c>
      <c r="D2177" cm="1">
        <f t="array" ref="D2177">IFERROR(INDEX(Jesper!AH$2:AH$366,ROUNDDOWN($C2177/24,0)+1,1)*INDEX($D$3:$AA$30,INDEX(Jesper!$R$2:$R$366,ROW(INDEX(Jesper!AH$2:AH$366,ROUNDDOWN($C2177/24,0)+1,1))-1)+IF('Standard Profiles'!$G$18=$B$10,7,0)+IF('Standard Profiles'!$G$18=$B$17,14,0)+IF('Standard Profiles'!$G$18=$B$24,21,0),MOD($C2177,24)+1)/SUM(INDEX($D$3:$AA$30,INDEX(Jesper!$R$2:$R$366,ROW(INDEX(Jesper!AH$2:AH$366,ROUNDDOWN($C2177/24,0)+1,1))-1)+IF('Standard Profiles'!$G$18=$B$10,7,0)+IF('Standard Profiles'!$G$18=$B$17,14,0)+IF('Standard Profiles'!$G$18=$B$24,21,0),0)),0)</f>
        <v>14.987045333048924</v>
      </c>
      <c r="E2177" cm="1">
        <f t="array" ref="E2177">IFERROR(INDEX(Jesper!AI$2:AI$366,ROUNDDOWN($C2177/24,0)+1,1)*INDEX($D$3:$AA$30,INDEX(Jesper!$R$2:$R$366,ROW(INDEX(Jesper!AI$2:AI$366,ROUNDDOWN($C2177/24,0)+1,1))-1)+IF('Standard Profiles'!$G$19=$B$10,7,0)+IF('Standard Profiles'!$G$19=$B$17,14,0)+IF('Standard Profiles'!$G$19=$B$24,21,0),MOD($C2177,24)+1)/SUM(INDEX($D$3:$AA$30,INDEX(Jesper!$R$2:$R$366,ROW(INDEX(Jesper!AI$2:AI$366,ROUNDDOWN($C2177/24,0)+1,1))-1)+IF('Standard Profiles'!$G$19=$B$10,7,0)+IF('Standard Profiles'!$G$19=$B$17,14,0)+IF('Standard Profiles'!$G$19=$B$24,21,0),0)),0)</f>
        <v>3.4598050535228002</v>
      </c>
      <c r="F2177" cm="1">
        <f t="array" ref="F2177">IFERROR(INDEX(Jesper!AJ$2:AJ$366,ROUNDDOWN($C2177/24,0)+1,1)*INDEX($D$3:$AA$30,INDEX(Jesper!$R$2:$R$366,ROW(INDEX(Jesper!AJ$2:AJ$366,ROUNDDOWN($C2177/24,0)+1,1))-1)+IF('Standard Profiles'!$G$20=$B$10,7,0)+IF('Standard Profiles'!$G$20=$B$17,14,0)+IF('Standard Profiles'!$G$20=$B$24,21,0),MOD($C2177,24)+1)/SUM(INDEX($D$3:$AA$30,INDEX(Jesper!$R$2:$R$366,ROW(INDEX(Jesper!AJ$2:AJ$366,ROUNDDOWN($C2177/24,0)+1,1))-1)+IF('Standard Profiles'!$G$20=$B$10,7,0)+IF('Standard Profiles'!$G$20=$B$17,14,0)+IF('Standard Profiles'!$G$20=$B$24,21,0),0)),0)</f>
        <v>0</v>
      </c>
      <c r="G2177" cm="1">
        <f t="array" ref="G2177">IFERROR(INDEX(Jesper!AK$2:AK$366,ROUNDDOWN($C2177/24,0)+1,1)*INDEX($D$3:$AA$30,INDEX(Jesper!$R$2:$R$366,ROW(INDEX(Jesper!AK$2:AK$366,ROUNDDOWN($C2177/24,0)+1,1))-1)+IF('Standard Profiles'!$G$21=$B$10,7,0)+IF('Standard Profiles'!$G$21=$B$17,14,0)+IF('Standard Profiles'!$G$21=$B$24,21,0),MOD($C2177,24)+1)/SUM(INDEX($D$3:$AA$30,INDEX(Jesper!$R$2:$R$366,ROW(INDEX(Jesper!AK$2:AK$366,ROUNDDOWN($C2177/24,0)+1,1))-1)+IF('Standard Profiles'!$G$21=$B$10,7,0)+IF('Standard Profiles'!$G$21=$B$17,14,0)+IF('Standard Profiles'!$G$21=$B$24,21,0),0)),0)</f>
        <v>0</v>
      </c>
      <c r="H2177" cm="1">
        <f t="array" ref="H2177">IFERROR(INDEX(Jesper!AL$2:AL$366,ROUNDDOWN($C2177/24,0)+1,1)*INDEX($D$3:$AA$30,INDEX(Jesper!$R$2:$R$366,ROW(INDEX(Jesper!AL$2:AL$366,ROUNDDOWN($C2177/24,0)+1,1))-1)+IF('Standard Profiles'!$G$22=$B$10,7,0)+IF('Standard Profiles'!$G$22=$B$17,14,0)+IF('Standard Profiles'!$G$22=$B$24,21,0),MOD($C2177,24)+1)/SUM(INDEX($D$3:$AA$30,INDEX(Jesper!$R$2:$R$366,ROW(INDEX(Jesper!AL$2:AL$366,ROUNDDOWN($C2177/24,0)+1,1))-1)+IF('Standard Profiles'!$G$22=$B$10,7,0)+IF('Standard Profiles'!$G$22=$B$17,14,0)+IF('Standard Profiles'!$G$22=$B$24,21,0),0)),0)</f>
        <v>0</v>
      </c>
      <c r="I2177">
        <f t="shared" si="251"/>
        <v>0.3116941489660181</v>
      </c>
      <c r="J2177">
        <f t="shared" si="252"/>
        <v>1.0389804965533938</v>
      </c>
      <c r="K2177">
        <f t="shared" si="253"/>
        <v>1.5584707448300907</v>
      </c>
      <c r="L2177">
        <f t="shared" si="254"/>
        <v>15.537704996222221</v>
      </c>
      <c r="M2177">
        <f t="shared" si="255"/>
        <v>0</v>
      </c>
      <c r="N2177" s="46">
        <f t="shared" si="256"/>
        <v>45381.291666661469</v>
      </c>
    </row>
    <row r="2178" spans="2:14" x14ac:dyDescent="0.3">
      <c r="B2178">
        <f t="shared" si="250"/>
        <v>6</v>
      </c>
      <c r="C2178" s="16">
        <v>2144</v>
      </c>
      <c r="D2178" cm="1">
        <f t="array" ref="D2178">IFERROR(INDEX(Jesper!AH$2:AH$366,ROUNDDOWN($C2178/24,0)+1,1)*INDEX($D$3:$AA$30,INDEX(Jesper!$R$2:$R$366,ROW(INDEX(Jesper!AH$2:AH$366,ROUNDDOWN($C2178/24,0)+1,1))-1)+IF('Standard Profiles'!$G$18=$B$10,7,0)+IF('Standard Profiles'!$G$18=$B$17,14,0)+IF('Standard Profiles'!$G$18=$B$24,21,0),MOD($C2178,24)+1)/SUM(INDEX($D$3:$AA$30,INDEX(Jesper!$R$2:$R$366,ROW(INDEX(Jesper!AH$2:AH$366,ROUNDDOWN($C2178/24,0)+1,1))-1)+IF('Standard Profiles'!$G$18=$B$10,7,0)+IF('Standard Profiles'!$G$18=$B$17,14,0)+IF('Standard Profiles'!$G$18=$B$24,21,0),0)),0)</f>
        <v>14.987045333048924</v>
      </c>
      <c r="E2178" cm="1">
        <f t="array" ref="E2178">IFERROR(INDEX(Jesper!AI$2:AI$366,ROUNDDOWN($C2178/24,0)+1,1)*INDEX($D$3:$AA$30,INDEX(Jesper!$R$2:$R$366,ROW(INDEX(Jesper!AI$2:AI$366,ROUNDDOWN($C2178/24,0)+1,1))-1)+IF('Standard Profiles'!$G$19=$B$10,7,0)+IF('Standard Profiles'!$G$19=$B$17,14,0)+IF('Standard Profiles'!$G$19=$B$24,21,0),MOD($C2178,24)+1)/SUM(INDEX($D$3:$AA$30,INDEX(Jesper!$R$2:$R$366,ROW(INDEX(Jesper!AI$2:AI$366,ROUNDDOWN($C2178/24,0)+1,1))-1)+IF('Standard Profiles'!$G$19=$B$10,7,0)+IF('Standard Profiles'!$G$19=$B$17,14,0)+IF('Standard Profiles'!$G$19=$B$24,21,0),0)),0)</f>
        <v>3.4598050535228002</v>
      </c>
      <c r="F2178" cm="1">
        <f t="array" ref="F2178">IFERROR(INDEX(Jesper!AJ$2:AJ$366,ROUNDDOWN($C2178/24,0)+1,1)*INDEX($D$3:$AA$30,INDEX(Jesper!$R$2:$R$366,ROW(INDEX(Jesper!AJ$2:AJ$366,ROUNDDOWN($C2178/24,0)+1,1))-1)+IF('Standard Profiles'!$G$20=$B$10,7,0)+IF('Standard Profiles'!$G$20=$B$17,14,0)+IF('Standard Profiles'!$G$20=$B$24,21,0),MOD($C2178,24)+1)/SUM(INDEX($D$3:$AA$30,INDEX(Jesper!$R$2:$R$366,ROW(INDEX(Jesper!AJ$2:AJ$366,ROUNDDOWN($C2178/24,0)+1,1))-1)+IF('Standard Profiles'!$G$20=$B$10,7,0)+IF('Standard Profiles'!$G$20=$B$17,14,0)+IF('Standard Profiles'!$G$20=$B$24,21,0),0)),0)</f>
        <v>0</v>
      </c>
      <c r="G2178" cm="1">
        <f t="array" ref="G2178">IFERROR(INDEX(Jesper!AK$2:AK$366,ROUNDDOWN($C2178/24,0)+1,1)*INDEX($D$3:$AA$30,INDEX(Jesper!$R$2:$R$366,ROW(INDEX(Jesper!AK$2:AK$366,ROUNDDOWN($C2178/24,0)+1,1))-1)+IF('Standard Profiles'!$G$21=$B$10,7,0)+IF('Standard Profiles'!$G$21=$B$17,14,0)+IF('Standard Profiles'!$G$21=$B$24,21,0),MOD($C2178,24)+1)/SUM(INDEX($D$3:$AA$30,INDEX(Jesper!$R$2:$R$366,ROW(INDEX(Jesper!AK$2:AK$366,ROUNDDOWN($C2178/24,0)+1,1))-1)+IF('Standard Profiles'!$G$21=$B$10,7,0)+IF('Standard Profiles'!$G$21=$B$17,14,0)+IF('Standard Profiles'!$G$21=$B$24,21,0),0)),0)</f>
        <v>0</v>
      </c>
      <c r="H2178" cm="1">
        <f t="array" ref="H2178">IFERROR(INDEX(Jesper!AL$2:AL$366,ROUNDDOWN($C2178/24,0)+1,1)*INDEX($D$3:$AA$30,INDEX(Jesper!$R$2:$R$366,ROW(INDEX(Jesper!AL$2:AL$366,ROUNDDOWN($C2178/24,0)+1,1))-1)+IF('Standard Profiles'!$G$22=$B$10,7,0)+IF('Standard Profiles'!$G$22=$B$17,14,0)+IF('Standard Profiles'!$G$22=$B$24,21,0),MOD($C2178,24)+1)/SUM(INDEX($D$3:$AA$30,INDEX(Jesper!$R$2:$R$366,ROW(INDEX(Jesper!AL$2:AL$366,ROUNDDOWN($C2178/24,0)+1,1))-1)+IF('Standard Profiles'!$G$22=$B$10,7,0)+IF('Standard Profiles'!$G$22=$B$17,14,0)+IF('Standard Profiles'!$G$22=$B$24,21,0),0)),0)</f>
        <v>0</v>
      </c>
      <c r="I2178">
        <f t="shared" si="251"/>
        <v>0.3116941489660181</v>
      </c>
      <c r="J2178">
        <f t="shared" si="252"/>
        <v>1.0389804965533938</v>
      </c>
      <c r="K2178">
        <f t="shared" si="253"/>
        <v>1.5584707448300907</v>
      </c>
      <c r="L2178">
        <f t="shared" si="254"/>
        <v>15.537704996222221</v>
      </c>
      <c r="M2178">
        <f t="shared" si="255"/>
        <v>0</v>
      </c>
      <c r="N2178" s="46">
        <f t="shared" si="256"/>
        <v>45381.333333328133</v>
      </c>
    </row>
    <row r="2179" spans="2:14" x14ac:dyDescent="0.3">
      <c r="B2179">
        <f t="shared" si="250"/>
        <v>6</v>
      </c>
      <c r="C2179" s="16">
        <v>2145</v>
      </c>
      <c r="D2179" cm="1">
        <f t="array" ref="D2179">IFERROR(INDEX(Jesper!AH$2:AH$366,ROUNDDOWN($C2179/24,0)+1,1)*INDEX($D$3:$AA$30,INDEX(Jesper!$R$2:$R$366,ROW(INDEX(Jesper!AH$2:AH$366,ROUNDDOWN($C2179/24,0)+1,1))-1)+IF('Standard Profiles'!$G$18=$B$10,7,0)+IF('Standard Profiles'!$G$18=$B$17,14,0)+IF('Standard Profiles'!$G$18=$B$24,21,0),MOD($C2179,24)+1)/SUM(INDEX($D$3:$AA$30,INDEX(Jesper!$R$2:$R$366,ROW(INDEX(Jesper!AH$2:AH$366,ROUNDDOWN($C2179/24,0)+1,1))-1)+IF('Standard Profiles'!$G$18=$B$10,7,0)+IF('Standard Profiles'!$G$18=$B$17,14,0)+IF('Standard Profiles'!$G$18=$B$24,21,0),0)),0)</f>
        <v>14.987045333048924</v>
      </c>
      <c r="E2179" cm="1">
        <f t="array" ref="E2179">IFERROR(INDEX(Jesper!AI$2:AI$366,ROUNDDOWN($C2179/24,0)+1,1)*INDEX($D$3:$AA$30,INDEX(Jesper!$R$2:$R$366,ROW(INDEX(Jesper!AI$2:AI$366,ROUNDDOWN($C2179/24,0)+1,1))-1)+IF('Standard Profiles'!$G$19=$B$10,7,0)+IF('Standard Profiles'!$G$19=$B$17,14,0)+IF('Standard Profiles'!$G$19=$B$24,21,0),MOD($C2179,24)+1)/SUM(INDEX($D$3:$AA$30,INDEX(Jesper!$R$2:$R$366,ROW(INDEX(Jesper!AI$2:AI$366,ROUNDDOWN($C2179/24,0)+1,1))-1)+IF('Standard Profiles'!$G$19=$B$10,7,0)+IF('Standard Profiles'!$G$19=$B$17,14,0)+IF('Standard Profiles'!$G$19=$B$24,21,0),0)),0)</f>
        <v>3.4598050535228002</v>
      </c>
      <c r="F2179" cm="1">
        <f t="array" ref="F2179">IFERROR(INDEX(Jesper!AJ$2:AJ$366,ROUNDDOWN($C2179/24,0)+1,1)*INDEX($D$3:$AA$30,INDEX(Jesper!$R$2:$R$366,ROW(INDEX(Jesper!AJ$2:AJ$366,ROUNDDOWN($C2179/24,0)+1,1))-1)+IF('Standard Profiles'!$G$20=$B$10,7,0)+IF('Standard Profiles'!$G$20=$B$17,14,0)+IF('Standard Profiles'!$G$20=$B$24,21,0),MOD($C2179,24)+1)/SUM(INDEX($D$3:$AA$30,INDEX(Jesper!$R$2:$R$366,ROW(INDEX(Jesper!AJ$2:AJ$366,ROUNDDOWN($C2179/24,0)+1,1))-1)+IF('Standard Profiles'!$G$20=$B$10,7,0)+IF('Standard Profiles'!$G$20=$B$17,14,0)+IF('Standard Profiles'!$G$20=$B$24,21,0),0)),0)</f>
        <v>0</v>
      </c>
      <c r="G2179" cm="1">
        <f t="array" ref="G2179">IFERROR(INDEX(Jesper!AK$2:AK$366,ROUNDDOWN($C2179/24,0)+1,1)*INDEX($D$3:$AA$30,INDEX(Jesper!$R$2:$R$366,ROW(INDEX(Jesper!AK$2:AK$366,ROUNDDOWN($C2179/24,0)+1,1))-1)+IF('Standard Profiles'!$G$21=$B$10,7,0)+IF('Standard Profiles'!$G$21=$B$17,14,0)+IF('Standard Profiles'!$G$21=$B$24,21,0),MOD($C2179,24)+1)/SUM(INDEX($D$3:$AA$30,INDEX(Jesper!$R$2:$R$366,ROW(INDEX(Jesper!AK$2:AK$366,ROUNDDOWN($C2179/24,0)+1,1))-1)+IF('Standard Profiles'!$G$21=$B$10,7,0)+IF('Standard Profiles'!$G$21=$B$17,14,0)+IF('Standard Profiles'!$G$21=$B$24,21,0),0)),0)</f>
        <v>0</v>
      </c>
      <c r="H2179" cm="1">
        <f t="array" ref="H2179">IFERROR(INDEX(Jesper!AL$2:AL$366,ROUNDDOWN($C2179/24,0)+1,1)*INDEX($D$3:$AA$30,INDEX(Jesper!$R$2:$R$366,ROW(INDEX(Jesper!AL$2:AL$366,ROUNDDOWN($C2179/24,0)+1,1))-1)+IF('Standard Profiles'!$G$22=$B$10,7,0)+IF('Standard Profiles'!$G$22=$B$17,14,0)+IF('Standard Profiles'!$G$22=$B$24,21,0),MOD($C2179,24)+1)/SUM(INDEX($D$3:$AA$30,INDEX(Jesper!$R$2:$R$366,ROW(INDEX(Jesper!AL$2:AL$366,ROUNDDOWN($C2179/24,0)+1,1))-1)+IF('Standard Profiles'!$G$22=$B$10,7,0)+IF('Standard Profiles'!$G$22=$B$17,14,0)+IF('Standard Profiles'!$G$22=$B$24,21,0),0)),0)</f>
        <v>0</v>
      </c>
      <c r="I2179">
        <f t="shared" si="251"/>
        <v>0.3116941489660181</v>
      </c>
      <c r="J2179">
        <f t="shared" si="252"/>
        <v>1.0389804965533938</v>
      </c>
      <c r="K2179">
        <f t="shared" si="253"/>
        <v>1.5584707448300907</v>
      </c>
      <c r="L2179">
        <f t="shared" si="254"/>
        <v>15.537704996222221</v>
      </c>
      <c r="M2179">
        <f t="shared" si="255"/>
        <v>0</v>
      </c>
      <c r="N2179" s="46">
        <f t="shared" si="256"/>
        <v>45381.374999994798</v>
      </c>
    </row>
    <row r="2180" spans="2:14" x14ac:dyDescent="0.3">
      <c r="B2180">
        <f t="shared" si="250"/>
        <v>6</v>
      </c>
      <c r="C2180" s="16">
        <v>2146</v>
      </c>
      <c r="D2180" cm="1">
        <f t="array" ref="D2180">IFERROR(INDEX(Jesper!AH$2:AH$366,ROUNDDOWN($C2180/24,0)+1,1)*INDEX($D$3:$AA$30,INDEX(Jesper!$R$2:$R$366,ROW(INDEX(Jesper!AH$2:AH$366,ROUNDDOWN($C2180/24,0)+1,1))-1)+IF('Standard Profiles'!$G$18=$B$10,7,0)+IF('Standard Profiles'!$G$18=$B$17,14,0)+IF('Standard Profiles'!$G$18=$B$24,21,0),MOD($C2180,24)+1)/SUM(INDEX($D$3:$AA$30,INDEX(Jesper!$R$2:$R$366,ROW(INDEX(Jesper!AH$2:AH$366,ROUNDDOWN($C2180/24,0)+1,1))-1)+IF('Standard Profiles'!$G$18=$B$10,7,0)+IF('Standard Profiles'!$G$18=$B$17,14,0)+IF('Standard Profiles'!$G$18=$B$24,21,0),0)),0)</f>
        <v>14.987045333048924</v>
      </c>
      <c r="E2180" cm="1">
        <f t="array" ref="E2180">IFERROR(INDEX(Jesper!AI$2:AI$366,ROUNDDOWN($C2180/24,0)+1,1)*INDEX($D$3:$AA$30,INDEX(Jesper!$R$2:$R$366,ROW(INDEX(Jesper!AI$2:AI$366,ROUNDDOWN($C2180/24,0)+1,1))-1)+IF('Standard Profiles'!$G$19=$B$10,7,0)+IF('Standard Profiles'!$G$19=$B$17,14,0)+IF('Standard Profiles'!$G$19=$B$24,21,0),MOD($C2180,24)+1)/SUM(INDEX($D$3:$AA$30,INDEX(Jesper!$R$2:$R$366,ROW(INDEX(Jesper!AI$2:AI$366,ROUNDDOWN($C2180/24,0)+1,1))-1)+IF('Standard Profiles'!$G$19=$B$10,7,0)+IF('Standard Profiles'!$G$19=$B$17,14,0)+IF('Standard Profiles'!$G$19=$B$24,21,0),0)),0)</f>
        <v>3.4598050535228002</v>
      </c>
      <c r="F2180" cm="1">
        <f t="array" ref="F2180">IFERROR(INDEX(Jesper!AJ$2:AJ$366,ROUNDDOWN($C2180/24,0)+1,1)*INDEX($D$3:$AA$30,INDEX(Jesper!$R$2:$R$366,ROW(INDEX(Jesper!AJ$2:AJ$366,ROUNDDOWN($C2180/24,0)+1,1))-1)+IF('Standard Profiles'!$G$20=$B$10,7,0)+IF('Standard Profiles'!$G$20=$B$17,14,0)+IF('Standard Profiles'!$G$20=$B$24,21,0),MOD($C2180,24)+1)/SUM(INDEX($D$3:$AA$30,INDEX(Jesper!$R$2:$R$366,ROW(INDEX(Jesper!AJ$2:AJ$366,ROUNDDOWN($C2180/24,0)+1,1))-1)+IF('Standard Profiles'!$G$20=$B$10,7,0)+IF('Standard Profiles'!$G$20=$B$17,14,0)+IF('Standard Profiles'!$G$20=$B$24,21,0),0)),0)</f>
        <v>0</v>
      </c>
      <c r="G2180" cm="1">
        <f t="array" ref="G2180">IFERROR(INDEX(Jesper!AK$2:AK$366,ROUNDDOWN($C2180/24,0)+1,1)*INDEX($D$3:$AA$30,INDEX(Jesper!$R$2:$R$366,ROW(INDEX(Jesper!AK$2:AK$366,ROUNDDOWN($C2180/24,0)+1,1))-1)+IF('Standard Profiles'!$G$21=$B$10,7,0)+IF('Standard Profiles'!$G$21=$B$17,14,0)+IF('Standard Profiles'!$G$21=$B$24,21,0),MOD($C2180,24)+1)/SUM(INDEX($D$3:$AA$30,INDEX(Jesper!$R$2:$R$366,ROW(INDEX(Jesper!AK$2:AK$366,ROUNDDOWN($C2180/24,0)+1,1))-1)+IF('Standard Profiles'!$G$21=$B$10,7,0)+IF('Standard Profiles'!$G$21=$B$17,14,0)+IF('Standard Profiles'!$G$21=$B$24,21,0),0)),0)</f>
        <v>0</v>
      </c>
      <c r="H2180" cm="1">
        <f t="array" ref="H2180">IFERROR(INDEX(Jesper!AL$2:AL$366,ROUNDDOWN($C2180/24,0)+1,1)*INDEX($D$3:$AA$30,INDEX(Jesper!$R$2:$R$366,ROW(INDEX(Jesper!AL$2:AL$366,ROUNDDOWN($C2180/24,0)+1,1))-1)+IF('Standard Profiles'!$G$22=$B$10,7,0)+IF('Standard Profiles'!$G$22=$B$17,14,0)+IF('Standard Profiles'!$G$22=$B$24,21,0),MOD($C2180,24)+1)/SUM(INDEX($D$3:$AA$30,INDEX(Jesper!$R$2:$R$366,ROW(INDEX(Jesper!AL$2:AL$366,ROUNDDOWN($C2180/24,0)+1,1))-1)+IF('Standard Profiles'!$G$22=$B$10,7,0)+IF('Standard Profiles'!$G$22=$B$17,14,0)+IF('Standard Profiles'!$G$22=$B$24,21,0),0)),0)</f>
        <v>0</v>
      </c>
      <c r="I2180">
        <f t="shared" si="251"/>
        <v>0.3116941489660181</v>
      </c>
      <c r="J2180">
        <f t="shared" si="252"/>
        <v>1.0389804965533938</v>
      </c>
      <c r="K2180">
        <f t="shared" si="253"/>
        <v>1.5584707448300907</v>
      </c>
      <c r="L2180">
        <f t="shared" si="254"/>
        <v>15.537704996222221</v>
      </c>
      <c r="M2180">
        <f t="shared" si="255"/>
        <v>0</v>
      </c>
      <c r="N2180" s="46">
        <f t="shared" si="256"/>
        <v>45381.416666661462</v>
      </c>
    </row>
    <row r="2181" spans="2:14" x14ac:dyDescent="0.3">
      <c r="B2181">
        <f t="shared" si="250"/>
        <v>6</v>
      </c>
      <c r="C2181" s="16">
        <v>2147</v>
      </c>
      <c r="D2181" cm="1">
        <f t="array" ref="D2181">IFERROR(INDEX(Jesper!AH$2:AH$366,ROUNDDOWN($C2181/24,0)+1,1)*INDEX($D$3:$AA$30,INDEX(Jesper!$R$2:$R$366,ROW(INDEX(Jesper!AH$2:AH$366,ROUNDDOWN($C2181/24,0)+1,1))-1)+IF('Standard Profiles'!$G$18=$B$10,7,0)+IF('Standard Profiles'!$G$18=$B$17,14,0)+IF('Standard Profiles'!$G$18=$B$24,21,0),MOD($C2181,24)+1)/SUM(INDEX($D$3:$AA$30,INDEX(Jesper!$R$2:$R$366,ROW(INDEX(Jesper!AH$2:AH$366,ROUNDDOWN($C2181/24,0)+1,1))-1)+IF('Standard Profiles'!$G$18=$B$10,7,0)+IF('Standard Profiles'!$G$18=$B$17,14,0)+IF('Standard Profiles'!$G$18=$B$24,21,0),0)),0)</f>
        <v>14.987045333048924</v>
      </c>
      <c r="E2181" cm="1">
        <f t="array" ref="E2181">IFERROR(INDEX(Jesper!AI$2:AI$366,ROUNDDOWN($C2181/24,0)+1,1)*INDEX($D$3:$AA$30,INDEX(Jesper!$R$2:$R$366,ROW(INDEX(Jesper!AI$2:AI$366,ROUNDDOWN($C2181/24,0)+1,1))-1)+IF('Standard Profiles'!$G$19=$B$10,7,0)+IF('Standard Profiles'!$G$19=$B$17,14,0)+IF('Standard Profiles'!$G$19=$B$24,21,0),MOD($C2181,24)+1)/SUM(INDEX($D$3:$AA$30,INDEX(Jesper!$R$2:$R$366,ROW(INDEX(Jesper!AI$2:AI$366,ROUNDDOWN($C2181/24,0)+1,1))-1)+IF('Standard Profiles'!$G$19=$B$10,7,0)+IF('Standard Profiles'!$G$19=$B$17,14,0)+IF('Standard Profiles'!$G$19=$B$24,21,0),0)),0)</f>
        <v>3.4598050535228002</v>
      </c>
      <c r="F2181" cm="1">
        <f t="array" ref="F2181">IFERROR(INDEX(Jesper!AJ$2:AJ$366,ROUNDDOWN($C2181/24,0)+1,1)*INDEX($D$3:$AA$30,INDEX(Jesper!$R$2:$R$366,ROW(INDEX(Jesper!AJ$2:AJ$366,ROUNDDOWN($C2181/24,0)+1,1))-1)+IF('Standard Profiles'!$G$20=$B$10,7,0)+IF('Standard Profiles'!$G$20=$B$17,14,0)+IF('Standard Profiles'!$G$20=$B$24,21,0),MOD($C2181,24)+1)/SUM(INDEX($D$3:$AA$30,INDEX(Jesper!$R$2:$R$366,ROW(INDEX(Jesper!AJ$2:AJ$366,ROUNDDOWN($C2181/24,0)+1,1))-1)+IF('Standard Profiles'!$G$20=$B$10,7,0)+IF('Standard Profiles'!$G$20=$B$17,14,0)+IF('Standard Profiles'!$G$20=$B$24,21,0),0)),0)</f>
        <v>0</v>
      </c>
      <c r="G2181" cm="1">
        <f t="array" ref="G2181">IFERROR(INDEX(Jesper!AK$2:AK$366,ROUNDDOWN($C2181/24,0)+1,1)*INDEX($D$3:$AA$30,INDEX(Jesper!$R$2:$R$366,ROW(INDEX(Jesper!AK$2:AK$366,ROUNDDOWN($C2181/24,0)+1,1))-1)+IF('Standard Profiles'!$G$21=$B$10,7,0)+IF('Standard Profiles'!$G$21=$B$17,14,0)+IF('Standard Profiles'!$G$21=$B$24,21,0),MOD($C2181,24)+1)/SUM(INDEX($D$3:$AA$30,INDEX(Jesper!$R$2:$R$366,ROW(INDEX(Jesper!AK$2:AK$366,ROUNDDOWN($C2181/24,0)+1,1))-1)+IF('Standard Profiles'!$G$21=$B$10,7,0)+IF('Standard Profiles'!$G$21=$B$17,14,0)+IF('Standard Profiles'!$G$21=$B$24,21,0),0)),0)</f>
        <v>0</v>
      </c>
      <c r="H2181" cm="1">
        <f t="array" ref="H2181">IFERROR(INDEX(Jesper!AL$2:AL$366,ROUNDDOWN($C2181/24,0)+1,1)*INDEX($D$3:$AA$30,INDEX(Jesper!$R$2:$R$366,ROW(INDEX(Jesper!AL$2:AL$366,ROUNDDOWN($C2181/24,0)+1,1))-1)+IF('Standard Profiles'!$G$22=$B$10,7,0)+IF('Standard Profiles'!$G$22=$B$17,14,0)+IF('Standard Profiles'!$G$22=$B$24,21,0),MOD($C2181,24)+1)/SUM(INDEX($D$3:$AA$30,INDEX(Jesper!$R$2:$R$366,ROW(INDEX(Jesper!AL$2:AL$366,ROUNDDOWN($C2181/24,0)+1,1))-1)+IF('Standard Profiles'!$G$22=$B$10,7,0)+IF('Standard Profiles'!$G$22=$B$17,14,0)+IF('Standard Profiles'!$G$22=$B$24,21,0),0)),0)</f>
        <v>0</v>
      </c>
      <c r="I2181">
        <f t="shared" si="251"/>
        <v>0.3116941489660181</v>
      </c>
      <c r="J2181">
        <f t="shared" si="252"/>
        <v>1.0389804965533938</v>
      </c>
      <c r="K2181">
        <f t="shared" si="253"/>
        <v>1.5584707448300907</v>
      </c>
      <c r="L2181">
        <f t="shared" si="254"/>
        <v>15.537704996222221</v>
      </c>
      <c r="M2181">
        <f t="shared" si="255"/>
        <v>0</v>
      </c>
      <c r="N2181" s="46">
        <f t="shared" si="256"/>
        <v>45381.458333328126</v>
      </c>
    </row>
    <row r="2182" spans="2:14" x14ac:dyDescent="0.3">
      <c r="B2182">
        <f t="shared" si="250"/>
        <v>6</v>
      </c>
      <c r="C2182" s="16">
        <v>2148</v>
      </c>
      <c r="D2182" cm="1">
        <f t="array" ref="D2182">IFERROR(INDEX(Jesper!AH$2:AH$366,ROUNDDOWN($C2182/24,0)+1,1)*INDEX($D$3:$AA$30,INDEX(Jesper!$R$2:$R$366,ROW(INDEX(Jesper!AH$2:AH$366,ROUNDDOWN($C2182/24,0)+1,1))-1)+IF('Standard Profiles'!$G$18=$B$10,7,0)+IF('Standard Profiles'!$G$18=$B$17,14,0)+IF('Standard Profiles'!$G$18=$B$24,21,0),MOD($C2182,24)+1)/SUM(INDEX($D$3:$AA$30,INDEX(Jesper!$R$2:$R$366,ROW(INDEX(Jesper!AH$2:AH$366,ROUNDDOWN($C2182/24,0)+1,1))-1)+IF('Standard Profiles'!$G$18=$B$10,7,0)+IF('Standard Profiles'!$G$18=$B$17,14,0)+IF('Standard Profiles'!$G$18=$B$24,21,0),0)),0)</f>
        <v>14.987045333048924</v>
      </c>
      <c r="E2182" cm="1">
        <f t="array" ref="E2182">IFERROR(INDEX(Jesper!AI$2:AI$366,ROUNDDOWN($C2182/24,0)+1,1)*INDEX($D$3:$AA$30,INDEX(Jesper!$R$2:$R$366,ROW(INDEX(Jesper!AI$2:AI$366,ROUNDDOWN($C2182/24,0)+1,1))-1)+IF('Standard Profiles'!$G$19=$B$10,7,0)+IF('Standard Profiles'!$G$19=$B$17,14,0)+IF('Standard Profiles'!$G$19=$B$24,21,0),MOD($C2182,24)+1)/SUM(INDEX($D$3:$AA$30,INDEX(Jesper!$R$2:$R$366,ROW(INDEX(Jesper!AI$2:AI$366,ROUNDDOWN($C2182/24,0)+1,1))-1)+IF('Standard Profiles'!$G$19=$B$10,7,0)+IF('Standard Profiles'!$G$19=$B$17,14,0)+IF('Standard Profiles'!$G$19=$B$24,21,0),0)),0)</f>
        <v>3.4598050535228002</v>
      </c>
      <c r="F2182" cm="1">
        <f t="array" ref="F2182">IFERROR(INDEX(Jesper!AJ$2:AJ$366,ROUNDDOWN($C2182/24,0)+1,1)*INDEX($D$3:$AA$30,INDEX(Jesper!$R$2:$R$366,ROW(INDEX(Jesper!AJ$2:AJ$366,ROUNDDOWN($C2182/24,0)+1,1))-1)+IF('Standard Profiles'!$G$20=$B$10,7,0)+IF('Standard Profiles'!$G$20=$B$17,14,0)+IF('Standard Profiles'!$G$20=$B$24,21,0),MOD($C2182,24)+1)/SUM(INDEX($D$3:$AA$30,INDEX(Jesper!$R$2:$R$366,ROW(INDEX(Jesper!AJ$2:AJ$366,ROUNDDOWN($C2182/24,0)+1,1))-1)+IF('Standard Profiles'!$G$20=$B$10,7,0)+IF('Standard Profiles'!$G$20=$B$17,14,0)+IF('Standard Profiles'!$G$20=$B$24,21,0),0)),0)</f>
        <v>0</v>
      </c>
      <c r="G2182" cm="1">
        <f t="array" ref="G2182">IFERROR(INDEX(Jesper!AK$2:AK$366,ROUNDDOWN($C2182/24,0)+1,1)*INDEX($D$3:$AA$30,INDEX(Jesper!$R$2:$R$366,ROW(INDEX(Jesper!AK$2:AK$366,ROUNDDOWN($C2182/24,0)+1,1))-1)+IF('Standard Profiles'!$G$21=$B$10,7,0)+IF('Standard Profiles'!$G$21=$B$17,14,0)+IF('Standard Profiles'!$G$21=$B$24,21,0),MOD($C2182,24)+1)/SUM(INDEX($D$3:$AA$30,INDEX(Jesper!$R$2:$R$366,ROW(INDEX(Jesper!AK$2:AK$366,ROUNDDOWN($C2182/24,0)+1,1))-1)+IF('Standard Profiles'!$G$21=$B$10,7,0)+IF('Standard Profiles'!$G$21=$B$17,14,0)+IF('Standard Profiles'!$G$21=$B$24,21,0),0)),0)</f>
        <v>0</v>
      </c>
      <c r="H2182" cm="1">
        <f t="array" ref="H2182">IFERROR(INDEX(Jesper!AL$2:AL$366,ROUNDDOWN($C2182/24,0)+1,1)*INDEX($D$3:$AA$30,INDEX(Jesper!$R$2:$R$366,ROW(INDEX(Jesper!AL$2:AL$366,ROUNDDOWN($C2182/24,0)+1,1))-1)+IF('Standard Profiles'!$G$22=$B$10,7,0)+IF('Standard Profiles'!$G$22=$B$17,14,0)+IF('Standard Profiles'!$G$22=$B$24,21,0),MOD($C2182,24)+1)/SUM(INDEX($D$3:$AA$30,INDEX(Jesper!$R$2:$R$366,ROW(INDEX(Jesper!AL$2:AL$366,ROUNDDOWN($C2182/24,0)+1,1))-1)+IF('Standard Profiles'!$G$22=$B$10,7,0)+IF('Standard Profiles'!$G$22=$B$17,14,0)+IF('Standard Profiles'!$G$22=$B$24,21,0),0)),0)</f>
        <v>0</v>
      </c>
      <c r="I2182">
        <f t="shared" si="251"/>
        <v>0.3116941489660181</v>
      </c>
      <c r="J2182">
        <f t="shared" si="252"/>
        <v>1.0389804965533938</v>
      </c>
      <c r="K2182">
        <f t="shared" si="253"/>
        <v>1.5584707448300907</v>
      </c>
      <c r="L2182">
        <f t="shared" si="254"/>
        <v>15.537704996222221</v>
      </c>
      <c r="M2182">
        <f t="shared" si="255"/>
        <v>0</v>
      </c>
      <c r="N2182" s="46">
        <f t="shared" si="256"/>
        <v>45381.49999999479</v>
      </c>
    </row>
    <row r="2183" spans="2:14" x14ac:dyDescent="0.3">
      <c r="B2183">
        <f t="shared" si="250"/>
        <v>6</v>
      </c>
      <c r="C2183" s="16">
        <v>2149</v>
      </c>
      <c r="D2183" cm="1">
        <f t="array" ref="D2183">IFERROR(INDEX(Jesper!AH$2:AH$366,ROUNDDOWN($C2183/24,0)+1,1)*INDEX($D$3:$AA$30,INDEX(Jesper!$R$2:$R$366,ROW(INDEX(Jesper!AH$2:AH$366,ROUNDDOWN($C2183/24,0)+1,1))-1)+IF('Standard Profiles'!$G$18=$B$10,7,0)+IF('Standard Profiles'!$G$18=$B$17,14,0)+IF('Standard Profiles'!$G$18=$B$24,21,0),MOD($C2183,24)+1)/SUM(INDEX($D$3:$AA$30,INDEX(Jesper!$R$2:$R$366,ROW(INDEX(Jesper!AH$2:AH$366,ROUNDDOWN($C2183/24,0)+1,1))-1)+IF('Standard Profiles'!$G$18=$B$10,7,0)+IF('Standard Profiles'!$G$18=$B$17,14,0)+IF('Standard Profiles'!$G$18=$B$24,21,0),0)),0)</f>
        <v>14.987045333048924</v>
      </c>
      <c r="E2183" cm="1">
        <f t="array" ref="E2183">IFERROR(INDEX(Jesper!AI$2:AI$366,ROUNDDOWN($C2183/24,0)+1,1)*INDEX($D$3:$AA$30,INDEX(Jesper!$R$2:$R$366,ROW(INDEX(Jesper!AI$2:AI$366,ROUNDDOWN($C2183/24,0)+1,1))-1)+IF('Standard Profiles'!$G$19=$B$10,7,0)+IF('Standard Profiles'!$G$19=$B$17,14,0)+IF('Standard Profiles'!$G$19=$B$24,21,0),MOD($C2183,24)+1)/SUM(INDEX($D$3:$AA$30,INDEX(Jesper!$R$2:$R$366,ROW(INDEX(Jesper!AI$2:AI$366,ROUNDDOWN($C2183/24,0)+1,1))-1)+IF('Standard Profiles'!$G$19=$B$10,7,0)+IF('Standard Profiles'!$G$19=$B$17,14,0)+IF('Standard Profiles'!$G$19=$B$24,21,0),0)),0)</f>
        <v>3.4598050535228002</v>
      </c>
      <c r="F2183" cm="1">
        <f t="array" ref="F2183">IFERROR(INDEX(Jesper!AJ$2:AJ$366,ROUNDDOWN($C2183/24,0)+1,1)*INDEX($D$3:$AA$30,INDEX(Jesper!$R$2:$R$366,ROW(INDEX(Jesper!AJ$2:AJ$366,ROUNDDOWN($C2183/24,0)+1,1))-1)+IF('Standard Profiles'!$G$20=$B$10,7,0)+IF('Standard Profiles'!$G$20=$B$17,14,0)+IF('Standard Profiles'!$G$20=$B$24,21,0),MOD($C2183,24)+1)/SUM(INDEX($D$3:$AA$30,INDEX(Jesper!$R$2:$R$366,ROW(INDEX(Jesper!AJ$2:AJ$366,ROUNDDOWN($C2183/24,0)+1,1))-1)+IF('Standard Profiles'!$G$20=$B$10,7,0)+IF('Standard Profiles'!$G$20=$B$17,14,0)+IF('Standard Profiles'!$G$20=$B$24,21,0),0)),0)</f>
        <v>0</v>
      </c>
      <c r="G2183" cm="1">
        <f t="array" ref="G2183">IFERROR(INDEX(Jesper!AK$2:AK$366,ROUNDDOWN($C2183/24,0)+1,1)*INDEX($D$3:$AA$30,INDEX(Jesper!$R$2:$R$366,ROW(INDEX(Jesper!AK$2:AK$366,ROUNDDOWN($C2183/24,0)+1,1))-1)+IF('Standard Profiles'!$G$21=$B$10,7,0)+IF('Standard Profiles'!$G$21=$B$17,14,0)+IF('Standard Profiles'!$G$21=$B$24,21,0),MOD($C2183,24)+1)/SUM(INDEX($D$3:$AA$30,INDEX(Jesper!$R$2:$R$366,ROW(INDEX(Jesper!AK$2:AK$366,ROUNDDOWN($C2183/24,0)+1,1))-1)+IF('Standard Profiles'!$G$21=$B$10,7,0)+IF('Standard Profiles'!$G$21=$B$17,14,0)+IF('Standard Profiles'!$G$21=$B$24,21,0),0)),0)</f>
        <v>0</v>
      </c>
      <c r="H2183" cm="1">
        <f t="array" ref="H2183">IFERROR(INDEX(Jesper!AL$2:AL$366,ROUNDDOWN($C2183/24,0)+1,1)*INDEX($D$3:$AA$30,INDEX(Jesper!$R$2:$R$366,ROW(INDEX(Jesper!AL$2:AL$366,ROUNDDOWN($C2183/24,0)+1,1))-1)+IF('Standard Profiles'!$G$22=$B$10,7,0)+IF('Standard Profiles'!$G$22=$B$17,14,0)+IF('Standard Profiles'!$G$22=$B$24,21,0),MOD($C2183,24)+1)/SUM(INDEX($D$3:$AA$30,INDEX(Jesper!$R$2:$R$366,ROW(INDEX(Jesper!AL$2:AL$366,ROUNDDOWN($C2183/24,0)+1,1))-1)+IF('Standard Profiles'!$G$22=$B$10,7,0)+IF('Standard Profiles'!$G$22=$B$17,14,0)+IF('Standard Profiles'!$G$22=$B$24,21,0),0)),0)</f>
        <v>0</v>
      </c>
      <c r="I2183">
        <f t="shared" si="251"/>
        <v>0.3116941489660181</v>
      </c>
      <c r="J2183">
        <f t="shared" si="252"/>
        <v>1.0389804965533938</v>
      </c>
      <c r="K2183">
        <f t="shared" si="253"/>
        <v>1.5584707448300907</v>
      </c>
      <c r="L2183">
        <f t="shared" si="254"/>
        <v>15.537704996222221</v>
      </c>
      <c r="M2183">
        <f t="shared" si="255"/>
        <v>0</v>
      </c>
      <c r="N2183" s="46">
        <f t="shared" si="256"/>
        <v>45381.541666661455</v>
      </c>
    </row>
    <row r="2184" spans="2:14" x14ac:dyDescent="0.3">
      <c r="B2184">
        <f t="shared" si="250"/>
        <v>6</v>
      </c>
      <c r="C2184" s="16">
        <v>2150</v>
      </c>
      <c r="D2184" cm="1">
        <f t="array" ref="D2184">IFERROR(INDEX(Jesper!AH$2:AH$366,ROUNDDOWN($C2184/24,0)+1,1)*INDEX($D$3:$AA$30,INDEX(Jesper!$R$2:$R$366,ROW(INDEX(Jesper!AH$2:AH$366,ROUNDDOWN($C2184/24,0)+1,1))-1)+IF('Standard Profiles'!$G$18=$B$10,7,0)+IF('Standard Profiles'!$G$18=$B$17,14,0)+IF('Standard Profiles'!$G$18=$B$24,21,0),MOD($C2184,24)+1)/SUM(INDEX($D$3:$AA$30,INDEX(Jesper!$R$2:$R$366,ROW(INDEX(Jesper!AH$2:AH$366,ROUNDDOWN($C2184/24,0)+1,1))-1)+IF('Standard Profiles'!$G$18=$B$10,7,0)+IF('Standard Profiles'!$G$18=$B$17,14,0)+IF('Standard Profiles'!$G$18=$B$24,21,0),0)),0)</f>
        <v>14.987045333048924</v>
      </c>
      <c r="E2184" cm="1">
        <f t="array" ref="E2184">IFERROR(INDEX(Jesper!AI$2:AI$366,ROUNDDOWN($C2184/24,0)+1,1)*INDEX($D$3:$AA$30,INDEX(Jesper!$R$2:$R$366,ROW(INDEX(Jesper!AI$2:AI$366,ROUNDDOWN($C2184/24,0)+1,1))-1)+IF('Standard Profiles'!$G$19=$B$10,7,0)+IF('Standard Profiles'!$G$19=$B$17,14,0)+IF('Standard Profiles'!$G$19=$B$24,21,0),MOD($C2184,24)+1)/SUM(INDEX($D$3:$AA$30,INDEX(Jesper!$R$2:$R$366,ROW(INDEX(Jesper!AI$2:AI$366,ROUNDDOWN($C2184/24,0)+1,1))-1)+IF('Standard Profiles'!$G$19=$B$10,7,0)+IF('Standard Profiles'!$G$19=$B$17,14,0)+IF('Standard Profiles'!$G$19=$B$24,21,0),0)),0)</f>
        <v>3.4598050535228002</v>
      </c>
      <c r="F2184" cm="1">
        <f t="array" ref="F2184">IFERROR(INDEX(Jesper!AJ$2:AJ$366,ROUNDDOWN($C2184/24,0)+1,1)*INDEX($D$3:$AA$30,INDEX(Jesper!$R$2:$R$366,ROW(INDEX(Jesper!AJ$2:AJ$366,ROUNDDOWN($C2184/24,0)+1,1))-1)+IF('Standard Profiles'!$G$20=$B$10,7,0)+IF('Standard Profiles'!$G$20=$B$17,14,0)+IF('Standard Profiles'!$G$20=$B$24,21,0),MOD($C2184,24)+1)/SUM(INDEX($D$3:$AA$30,INDEX(Jesper!$R$2:$R$366,ROW(INDEX(Jesper!AJ$2:AJ$366,ROUNDDOWN($C2184/24,0)+1,1))-1)+IF('Standard Profiles'!$G$20=$B$10,7,0)+IF('Standard Profiles'!$G$20=$B$17,14,0)+IF('Standard Profiles'!$G$20=$B$24,21,0),0)),0)</f>
        <v>0</v>
      </c>
      <c r="G2184" cm="1">
        <f t="array" ref="G2184">IFERROR(INDEX(Jesper!AK$2:AK$366,ROUNDDOWN($C2184/24,0)+1,1)*INDEX($D$3:$AA$30,INDEX(Jesper!$R$2:$R$366,ROW(INDEX(Jesper!AK$2:AK$366,ROUNDDOWN($C2184/24,0)+1,1))-1)+IF('Standard Profiles'!$G$21=$B$10,7,0)+IF('Standard Profiles'!$G$21=$B$17,14,0)+IF('Standard Profiles'!$G$21=$B$24,21,0),MOD($C2184,24)+1)/SUM(INDEX($D$3:$AA$30,INDEX(Jesper!$R$2:$R$366,ROW(INDEX(Jesper!AK$2:AK$366,ROUNDDOWN($C2184/24,0)+1,1))-1)+IF('Standard Profiles'!$G$21=$B$10,7,0)+IF('Standard Profiles'!$G$21=$B$17,14,0)+IF('Standard Profiles'!$G$21=$B$24,21,0),0)),0)</f>
        <v>0</v>
      </c>
      <c r="H2184" cm="1">
        <f t="array" ref="H2184">IFERROR(INDEX(Jesper!AL$2:AL$366,ROUNDDOWN($C2184/24,0)+1,1)*INDEX($D$3:$AA$30,INDEX(Jesper!$R$2:$R$366,ROW(INDEX(Jesper!AL$2:AL$366,ROUNDDOWN($C2184/24,0)+1,1))-1)+IF('Standard Profiles'!$G$22=$B$10,7,0)+IF('Standard Profiles'!$G$22=$B$17,14,0)+IF('Standard Profiles'!$G$22=$B$24,21,0),MOD($C2184,24)+1)/SUM(INDEX($D$3:$AA$30,INDEX(Jesper!$R$2:$R$366,ROW(INDEX(Jesper!AL$2:AL$366,ROUNDDOWN($C2184/24,0)+1,1))-1)+IF('Standard Profiles'!$G$22=$B$10,7,0)+IF('Standard Profiles'!$G$22=$B$17,14,0)+IF('Standard Profiles'!$G$22=$B$24,21,0),0)),0)</f>
        <v>0</v>
      </c>
      <c r="I2184">
        <f t="shared" si="251"/>
        <v>0.3116941489660181</v>
      </c>
      <c r="J2184">
        <f t="shared" si="252"/>
        <v>1.0389804965533938</v>
      </c>
      <c r="K2184">
        <f t="shared" si="253"/>
        <v>1.5584707448300907</v>
      </c>
      <c r="L2184">
        <f t="shared" si="254"/>
        <v>15.537704996222221</v>
      </c>
      <c r="M2184">
        <f t="shared" si="255"/>
        <v>0</v>
      </c>
      <c r="N2184" s="46">
        <f t="shared" si="256"/>
        <v>45381.583333328119</v>
      </c>
    </row>
    <row r="2185" spans="2:14" x14ac:dyDescent="0.3">
      <c r="B2185">
        <f t="shared" si="250"/>
        <v>6</v>
      </c>
      <c r="C2185" s="16">
        <v>2151</v>
      </c>
      <c r="D2185" cm="1">
        <f t="array" ref="D2185">IFERROR(INDEX(Jesper!AH$2:AH$366,ROUNDDOWN($C2185/24,0)+1,1)*INDEX($D$3:$AA$30,INDEX(Jesper!$R$2:$R$366,ROW(INDEX(Jesper!AH$2:AH$366,ROUNDDOWN($C2185/24,0)+1,1))-1)+IF('Standard Profiles'!$G$18=$B$10,7,0)+IF('Standard Profiles'!$G$18=$B$17,14,0)+IF('Standard Profiles'!$G$18=$B$24,21,0),MOD($C2185,24)+1)/SUM(INDEX($D$3:$AA$30,INDEX(Jesper!$R$2:$R$366,ROW(INDEX(Jesper!AH$2:AH$366,ROUNDDOWN($C2185/24,0)+1,1))-1)+IF('Standard Profiles'!$G$18=$B$10,7,0)+IF('Standard Profiles'!$G$18=$B$17,14,0)+IF('Standard Profiles'!$G$18=$B$24,21,0),0)),0)</f>
        <v>13.549931397003137</v>
      </c>
      <c r="E2185" cm="1">
        <f t="array" ref="E2185">IFERROR(INDEX(Jesper!AI$2:AI$366,ROUNDDOWN($C2185/24,0)+1,1)*INDEX($D$3:$AA$30,INDEX(Jesper!$R$2:$R$366,ROW(INDEX(Jesper!AI$2:AI$366,ROUNDDOWN($C2185/24,0)+1,1))-1)+IF('Standard Profiles'!$G$19=$B$10,7,0)+IF('Standard Profiles'!$G$19=$B$17,14,0)+IF('Standard Profiles'!$G$19=$B$24,21,0),MOD($C2185,24)+1)/SUM(INDEX($D$3:$AA$30,INDEX(Jesper!$R$2:$R$366,ROW(INDEX(Jesper!AI$2:AI$366,ROUNDDOWN($C2185/24,0)+1,1))-1)+IF('Standard Profiles'!$G$19=$B$10,7,0)+IF('Standard Profiles'!$G$19=$B$17,14,0)+IF('Standard Profiles'!$G$19=$B$24,21,0),0)),0)</f>
        <v>3.1280429251028052</v>
      </c>
      <c r="F2185" cm="1">
        <f t="array" ref="F2185">IFERROR(INDEX(Jesper!AJ$2:AJ$366,ROUNDDOWN($C2185/24,0)+1,1)*INDEX($D$3:$AA$30,INDEX(Jesper!$R$2:$R$366,ROW(INDEX(Jesper!AJ$2:AJ$366,ROUNDDOWN($C2185/24,0)+1,1))-1)+IF('Standard Profiles'!$G$20=$B$10,7,0)+IF('Standard Profiles'!$G$20=$B$17,14,0)+IF('Standard Profiles'!$G$20=$B$24,21,0),MOD($C2185,24)+1)/SUM(INDEX($D$3:$AA$30,INDEX(Jesper!$R$2:$R$366,ROW(INDEX(Jesper!AJ$2:AJ$366,ROUNDDOWN($C2185/24,0)+1,1))-1)+IF('Standard Profiles'!$G$20=$B$10,7,0)+IF('Standard Profiles'!$G$20=$B$17,14,0)+IF('Standard Profiles'!$G$20=$B$24,21,0),0)),0)</f>
        <v>0</v>
      </c>
      <c r="G2185" cm="1">
        <f t="array" ref="G2185">IFERROR(INDEX(Jesper!AK$2:AK$366,ROUNDDOWN($C2185/24,0)+1,1)*INDEX($D$3:$AA$30,INDEX(Jesper!$R$2:$R$366,ROW(INDEX(Jesper!AK$2:AK$366,ROUNDDOWN($C2185/24,0)+1,1))-1)+IF('Standard Profiles'!$G$21=$B$10,7,0)+IF('Standard Profiles'!$G$21=$B$17,14,0)+IF('Standard Profiles'!$G$21=$B$24,21,0),MOD($C2185,24)+1)/SUM(INDEX($D$3:$AA$30,INDEX(Jesper!$R$2:$R$366,ROW(INDEX(Jesper!AK$2:AK$366,ROUNDDOWN($C2185/24,0)+1,1))-1)+IF('Standard Profiles'!$G$21=$B$10,7,0)+IF('Standard Profiles'!$G$21=$B$17,14,0)+IF('Standard Profiles'!$G$21=$B$24,21,0),0)),0)</f>
        <v>0</v>
      </c>
      <c r="H2185" cm="1">
        <f t="array" ref="H2185">IFERROR(INDEX(Jesper!AL$2:AL$366,ROUNDDOWN($C2185/24,0)+1,1)*INDEX($D$3:$AA$30,INDEX(Jesper!$R$2:$R$366,ROW(INDEX(Jesper!AL$2:AL$366,ROUNDDOWN($C2185/24,0)+1,1))-1)+IF('Standard Profiles'!$G$22=$B$10,7,0)+IF('Standard Profiles'!$G$22=$B$17,14,0)+IF('Standard Profiles'!$G$22=$B$24,21,0),MOD($C2185,24)+1)/SUM(INDEX($D$3:$AA$30,INDEX(Jesper!$R$2:$R$366,ROW(INDEX(Jesper!AL$2:AL$366,ROUNDDOWN($C2185/24,0)+1,1))-1)+IF('Standard Profiles'!$G$22=$B$10,7,0)+IF('Standard Profiles'!$G$22=$B$17,14,0)+IF('Standard Profiles'!$G$22=$B$24,21,0),0)),0)</f>
        <v>0</v>
      </c>
      <c r="I2185">
        <f t="shared" si="251"/>
        <v>0.28180566892818071</v>
      </c>
      <c r="J2185">
        <f t="shared" si="252"/>
        <v>0.93935222976060251</v>
      </c>
      <c r="K2185">
        <f t="shared" si="253"/>
        <v>1.4090283446409038</v>
      </c>
      <c r="L2185">
        <f t="shared" si="254"/>
        <v>14.047788078776255</v>
      </c>
      <c r="M2185">
        <f t="shared" si="255"/>
        <v>0</v>
      </c>
      <c r="N2185" s="46">
        <f t="shared" si="256"/>
        <v>45381.624999994783</v>
      </c>
    </row>
    <row r="2186" spans="2:14" x14ac:dyDescent="0.3">
      <c r="B2186">
        <f t="shared" si="250"/>
        <v>6</v>
      </c>
      <c r="C2186" s="16">
        <v>2152</v>
      </c>
      <c r="D2186" cm="1">
        <f t="array" ref="D2186">IFERROR(INDEX(Jesper!AH$2:AH$366,ROUNDDOWN($C2186/24,0)+1,1)*INDEX($D$3:$AA$30,INDEX(Jesper!$R$2:$R$366,ROW(INDEX(Jesper!AH$2:AH$366,ROUNDDOWN($C2186/24,0)+1,1))-1)+IF('Standard Profiles'!$G$18=$B$10,7,0)+IF('Standard Profiles'!$G$18=$B$17,14,0)+IF('Standard Profiles'!$G$18=$B$24,21,0),MOD($C2186,24)+1)/SUM(INDEX($D$3:$AA$30,INDEX(Jesper!$R$2:$R$366,ROW(INDEX(Jesper!AH$2:AH$366,ROUNDDOWN($C2186/24,0)+1,1))-1)+IF('Standard Profiles'!$G$18=$B$10,7,0)+IF('Standard Profiles'!$G$18=$B$17,14,0)+IF('Standard Profiles'!$G$18=$B$24,21,0),0)),0)</f>
        <v>12.318119451821035</v>
      </c>
      <c r="E2186" cm="1">
        <f t="array" ref="E2186">IFERROR(INDEX(Jesper!AI$2:AI$366,ROUNDDOWN($C2186/24,0)+1,1)*INDEX($D$3:$AA$30,INDEX(Jesper!$R$2:$R$366,ROW(INDEX(Jesper!AI$2:AI$366,ROUNDDOWN($C2186/24,0)+1,1))-1)+IF('Standard Profiles'!$G$19=$B$10,7,0)+IF('Standard Profiles'!$G$19=$B$17,14,0)+IF('Standard Profiles'!$G$19=$B$24,21,0),MOD($C2186,24)+1)/SUM(INDEX($D$3:$AA$30,INDEX(Jesper!$R$2:$R$366,ROW(INDEX(Jesper!AI$2:AI$366,ROUNDDOWN($C2186/24,0)+1,1))-1)+IF('Standard Profiles'!$G$19=$B$10,7,0)+IF('Standard Profiles'!$G$19=$B$17,14,0)+IF('Standard Profiles'!$G$19=$B$24,21,0),0)),0)</f>
        <v>2.8436753864570958</v>
      </c>
      <c r="F2186" cm="1">
        <f t="array" ref="F2186">IFERROR(INDEX(Jesper!AJ$2:AJ$366,ROUNDDOWN($C2186/24,0)+1,1)*INDEX($D$3:$AA$30,INDEX(Jesper!$R$2:$R$366,ROW(INDEX(Jesper!AJ$2:AJ$366,ROUNDDOWN($C2186/24,0)+1,1))-1)+IF('Standard Profiles'!$G$20=$B$10,7,0)+IF('Standard Profiles'!$G$20=$B$17,14,0)+IF('Standard Profiles'!$G$20=$B$24,21,0),MOD($C2186,24)+1)/SUM(INDEX($D$3:$AA$30,INDEX(Jesper!$R$2:$R$366,ROW(INDEX(Jesper!AJ$2:AJ$366,ROUNDDOWN($C2186/24,0)+1,1))-1)+IF('Standard Profiles'!$G$20=$B$10,7,0)+IF('Standard Profiles'!$G$20=$B$17,14,0)+IF('Standard Profiles'!$G$20=$B$24,21,0),0)),0)</f>
        <v>0</v>
      </c>
      <c r="G2186" cm="1">
        <f t="array" ref="G2186">IFERROR(INDEX(Jesper!AK$2:AK$366,ROUNDDOWN($C2186/24,0)+1,1)*INDEX($D$3:$AA$30,INDEX(Jesper!$R$2:$R$366,ROW(INDEX(Jesper!AK$2:AK$366,ROUNDDOWN($C2186/24,0)+1,1))-1)+IF('Standard Profiles'!$G$21=$B$10,7,0)+IF('Standard Profiles'!$G$21=$B$17,14,0)+IF('Standard Profiles'!$G$21=$B$24,21,0),MOD($C2186,24)+1)/SUM(INDEX($D$3:$AA$30,INDEX(Jesper!$R$2:$R$366,ROW(INDEX(Jesper!AK$2:AK$366,ROUNDDOWN($C2186/24,0)+1,1))-1)+IF('Standard Profiles'!$G$21=$B$10,7,0)+IF('Standard Profiles'!$G$21=$B$17,14,0)+IF('Standard Profiles'!$G$21=$B$24,21,0),0)),0)</f>
        <v>0</v>
      </c>
      <c r="H2186" cm="1">
        <f t="array" ref="H2186">IFERROR(INDEX(Jesper!AL$2:AL$366,ROUNDDOWN($C2186/24,0)+1,1)*INDEX($D$3:$AA$30,INDEX(Jesper!$R$2:$R$366,ROW(INDEX(Jesper!AL$2:AL$366,ROUNDDOWN($C2186/24,0)+1,1))-1)+IF('Standard Profiles'!$G$22=$B$10,7,0)+IF('Standard Profiles'!$G$22=$B$17,14,0)+IF('Standard Profiles'!$G$22=$B$24,21,0),MOD($C2186,24)+1)/SUM(INDEX($D$3:$AA$30,INDEX(Jesper!$R$2:$R$366,ROW(INDEX(Jesper!AL$2:AL$366,ROUNDDOWN($C2186/24,0)+1,1))-1)+IF('Standard Profiles'!$G$22=$B$10,7,0)+IF('Standard Profiles'!$G$22=$B$17,14,0)+IF('Standard Profiles'!$G$22=$B$24,21,0),0)),0)</f>
        <v>0</v>
      </c>
      <c r="I2186">
        <f t="shared" si="251"/>
        <v>0.25618697175289157</v>
      </c>
      <c r="J2186">
        <f t="shared" si="252"/>
        <v>0.85395657250963874</v>
      </c>
      <c r="K2186">
        <f t="shared" si="253"/>
        <v>1.280934858764458</v>
      </c>
      <c r="L2186">
        <f t="shared" si="254"/>
        <v>12.770716435251142</v>
      </c>
      <c r="M2186">
        <f t="shared" si="255"/>
        <v>0</v>
      </c>
      <c r="N2186" s="46">
        <f t="shared" si="256"/>
        <v>45381.666666661447</v>
      </c>
    </row>
    <row r="2187" spans="2:14" x14ac:dyDescent="0.3">
      <c r="B2187">
        <f t="shared" si="250"/>
        <v>6</v>
      </c>
      <c r="C2187" s="16">
        <v>2153</v>
      </c>
      <c r="D2187" cm="1">
        <f t="array" ref="D2187">IFERROR(INDEX(Jesper!AH$2:AH$366,ROUNDDOWN($C2187/24,0)+1,1)*INDEX($D$3:$AA$30,INDEX(Jesper!$R$2:$R$366,ROW(INDEX(Jesper!AH$2:AH$366,ROUNDDOWN($C2187/24,0)+1,1))-1)+IF('Standard Profiles'!$G$18=$B$10,7,0)+IF('Standard Profiles'!$G$18=$B$17,14,0)+IF('Standard Profiles'!$G$18=$B$24,21,0),MOD($C2187,24)+1)/SUM(INDEX($D$3:$AA$30,INDEX(Jesper!$R$2:$R$366,ROW(INDEX(Jesper!AH$2:AH$366,ROUNDDOWN($C2187/24,0)+1,1))-1)+IF('Standard Profiles'!$G$18=$B$10,7,0)+IF('Standard Profiles'!$G$18=$B$17,14,0)+IF('Standard Profiles'!$G$18=$B$24,21,0),0)),0)</f>
        <v>11.08630750663893</v>
      </c>
      <c r="E2187" cm="1">
        <f t="array" ref="E2187">IFERROR(INDEX(Jesper!AI$2:AI$366,ROUNDDOWN($C2187/24,0)+1,1)*INDEX($D$3:$AA$30,INDEX(Jesper!$R$2:$R$366,ROW(INDEX(Jesper!AI$2:AI$366,ROUNDDOWN($C2187/24,0)+1,1))-1)+IF('Standard Profiles'!$G$19=$B$10,7,0)+IF('Standard Profiles'!$G$19=$B$17,14,0)+IF('Standard Profiles'!$G$19=$B$24,21,0),MOD($C2187,24)+1)/SUM(INDEX($D$3:$AA$30,INDEX(Jesper!$R$2:$R$366,ROW(INDEX(Jesper!AI$2:AI$366,ROUNDDOWN($C2187/24,0)+1,1))-1)+IF('Standard Profiles'!$G$19=$B$10,7,0)+IF('Standard Profiles'!$G$19=$B$17,14,0)+IF('Standard Profiles'!$G$19=$B$24,21,0),0)),0)</f>
        <v>2.5593078478113864</v>
      </c>
      <c r="F2187" cm="1">
        <f t="array" ref="F2187">IFERROR(INDEX(Jesper!AJ$2:AJ$366,ROUNDDOWN($C2187/24,0)+1,1)*INDEX($D$3:$AA$30,INDEX(Jesper!$R$2:$R$366,ROW(INDEX(Jesper!AJ$2:AJ$366,ROUNDDOWN($C2187/24,0)+1,1))-1)+IF('Standard Profiles'!$G$20=$B$10,7,0)+IF('Standard Profiles'!$G$20=$B$17,14,0)+IF('Standard Profiles'!$G$20=$B$24,21,0),MOD($C2187,24)+1)/SUM(INDEX($D$3:$AA$30,INDEX(Jesper!$R$2:$R$366,ROW(INDEX(Jesper!AJ$2:AJ$366,ROUNDDOWN($C2187/24,0)+1,1))-1)+IF('Standard Profiles'!$G$20=$B$10,7,0)+IF('Standard Profiles'!$G$20=$B$17,14,0)+IF('Standard Profiles'!$G$20=$B$24,21,0),0)),0)</f>
        <v>0</v>
      </c>
      <c r="G2187" cm="1">
        <f t="array" ref="G2187">IFERROR(INDEX(Jesper!AK$2:AK$366,ROUNDDOWN($C2187/24,0)+1,1)*INDEX($D$3:$AA$30,INDEX(Jesper!$R$2:$R$366,ROW(INDEX(Jesper!AK$2:AK$366,ROUNDDOWN($C2187/24,0)+1,1))-1)+IF('Standard Profiles'!$G$21=$B$10,7,0)+IF('Standard Profiles'!$G$21=$B$17,14,0)+IF('Standard Profiles'!$G$21=$B$24,21,0),MOD($C2187,24)+1)/SUM(INDEX($D$3:$AA$30,INDEX(Jesper!$R$2:$R$366,ROW(INDEX(Jesper!AK$2:AK$366,ROUNDDOWN($C2187/24,0)+1,1))-1)+IF('Standard Profiles'!$G$21=$B$10,7,0)+IF('Standard Profiles'!$G$21=$B$17,14,0)+IF('Standard Profiles'!$G$21=$B$24,21,0),0)),0)</f>
        <v>0</v>
      </c>
      <c r="H2187" cm="1">
        <f t="array" ref="H2187">IFERROR(INDEX(Jesper!AL$2:AL$366,ROUNDDOWN($C2187/24,0)+1,1)*INDEX($D$3:$AA$30,INDEX(Jesper!$R$2:$R$366,ROW(INDEX(Jesper!AL$2:AL$366,ROUNDDOWN($C2187/24,0)+1,1))-1)+IF('Standard Profiles'!$G$22=$B$10,7,0)+IF('Standard Profiles'!$G$22=$B$17,14,0)+IF('Standard Profiles'!$G$22=$B$24,21,0),MOD($C2187,24)+1)/SUM(INDEX($D$3:$AA$30,INDEX(Jesper!$R$2:$R$366,ROW(INDEX(Jesper!AL$2:AL$366,ROUNDDOWN($C2187/24,0)+1,1))-1)+IF('Standard Profiles'!$G$22=$B$10,7,0)+IF('Standard Profiles'!$G$22=$B$17,14,0)+IF('Standard Profiles'!$G$22=$B$24,21,0),0)),0)</f>
        <v>0</v>
      </c>
      <c r="I2187">
        <f t="shared" si="251"/>
        <v>0.23056827457760243</v>
      </c>
      <c r="J2187">
        <f t="shared" si="252"/>
        <v>0.76856091525867487</v>
      </c>
      <c r="K2187">
        <f t="shared" si="253"/>
        <v>1.1528413728880123</v>
      </c>
      <c r="L2187">
        <f t="shared" si="254"/>
        <v>11.493644791726027</v>
      </c>
      <c r="M2187">
        <f t="shared" si="255"/>
        <v>0</v>
      </c>
      <c r="N2187" s="46">
        <f t="shared" si="256"/>
        <v>45381.708333328112</v>
      </c>
    </row>
    <row r="2188" spans="2:14" x14ac:dyDescent="0.3">
      <c r="B2188">
        <f t="shared" si="250"/>
        <v>6</v>
      </c>
      <c r="C2188" s="16">
        <v>2154</v>
      </c>
      <c r="D2188" cm="1">
        <f t="array" ref="D2188">IFERROR(INDEX(Jesper!AH$2:AH$366,ROUNDDOWN($C2188/24,0)+1,1)*INDEX($D$3:$AA$30,INDEX(Jesper!$R$2:$R$366,ROW(INDEX(Jesper!AH$2:AH$366,ROUNDDOWN($C2188/24,0)+1,1))-1)+IF('Standard Profiles'!$G$18=$B$10,7,0)+IF('Standard Profiles'!$G$18=$B$17,14,0)+IF('Standard Profiles'!$G$18=$B$24,21,0),MOD($C2188,24)+1)/SUM(INDEX($D$3:$AA$30,INDEX(Jesper!$R$2:$R$366,ROW(INDEX(Jesper!AH$2:AH$366,ROUNDDOWN($C2188/24,0)+1,1))-1)+IF('Standard Profiles'!$G$18=$B$10,7,0)+IF('Standard Profiles'!$G$18=$B$17,14,0)+IF('Standard Profiles'!$G$18=$B$24,21,0),0)),0)</f>
        <v>10.675703524911562</v>
      </c>
      <c r="E2188" cm="1">
        <f t="array" ref="E2188">IFERROR(INDEX(Jesper!AI$2:AI$366,ROUNDDOWN($C2188/24,0)+1,1)*INDEX($D$3:$AA$30,INDEX(Jesper!$R$2:$R$366,ROW(INDEX(Jesper!AI$2:AI$366,ROUNDDOWN($C2188/24,0)+1,1))-1)+IF('Standard Profiles'!$G$19=$B$10,7,0)+IF('Standard Profiles'!$G$19=$B$17,14,0)+IF('Standard Profiles'!$G$19=$B$24,21,0),MOD($C2188,24)+1)/SUM(INDEX($D$3:$AA$30,INDEX(Jesper!$R$2:$R$366,ROW(INDEX(Jesper!AI$2:AI$366,ROUNDDOWN($C2188/24,0)+1,1))-1)+IF('Standard Profiles'!$G$19=$B$10,7,0)+IF('Standard Profiles'!$G$19=$B$17,14,0)+IF('Standard Profiles'!$G$19=$B$24,21,0),0)),0)</f>
        <v>2.4645186682628162</v>
      </c>
      <c r="F2188" cm="1">
        <f t="array" ref="F2188">IFERROR(INDEX(Jesper!AJ$2:AJ$366,ROUNDDOWN($C2188/24,0)+1,1)*INDEX($D$3:$AA$30,INDEX(Jesper!$R$2:$R$366,ROW(INDEX(Jesper!AJ$2:AJ$366,ROUNDDOWN($C2188/24,0)+1,1))-1)+IF('Standard Profiles'!$G$20=$B$10,7,0)+IF('Standard Profiles'!$G$20=$B$17,14,0)+IF('Standard Profiles'!$G$20=$B$24,21,0),MOD($C2188,24)+1)/SUM(INDEX($D$3:$AA$30,INDEX(Jesper!$R$2:$R$366,ROW(INDEX(Jesper!AJ$2:AJ$366,ROUNDDOWN($C2188/24,0)+1,1))-1)+IF('Standard Profiles'!$G$20=$B$10,7,0)+IF('Standard Profiles'!$G$20=$B$17,14,0)+IF('Standard Profiles'!$G$20=$B$24,21,0),0)),0)</f>
        <v>0</v>
      </c>
      <c r="G2188" cm="1">
        <f t="array" ref="G2188">IFERROR(INDEX(Jesper!AK$2:AK$366,ROUNDDOWN($C2188/24,0)+1,1)*INDEX($D$3:$AA$30,INDEX(Jesper!$R$2:$R$366,ROW(INDEX(Jesper!AK$2:AK$366,ROUNDDOWN($C2188/24,0)+1,1))-1)+IF('Standard Profiles'!$G$21=$B$10,7,0)+IF('Standard Profiles'!$G$21=$B$17,14,0)+IF('Standard Profiles'!$G$21=$B$24,21,0),MOD($C2188,24)+1)/SUM(INDEX($D$3:$AA$30,INDEX(Jesper!$R$2:$R$366,ROW(INDEX(Jesper!AK$2:AK$366,ROUNDDOWN($C2188/24,0)+1,1))-1)+IF('Standard Profiles'!$G$21=$B$10,7,0)+IF('Standard Profiles'!$G$21=$B$17,14,0)+IF('Standard Profiles'!$G$21=$B$24,21,0),0)),0)</f>
        <v>0</v>
      </c>
      <c r="H2188" cm="1">
        <f t="array" ref="H2188">IFERROR(INDEX(Jesper!AL$2:AL$366,ROUNDDOWN($C2188/24,0)+1,1)*INDEX($D$3:$AA$30,INDEX(Jesper!$R$2:$R$366,ROW(INDEX(Jesper!AL$2:AL$366,ROUNDDOWN($C2188/24,0)+1,1))-1)+IF('Standard Profiles'!$G$22=$B$10,7,0)+IF('Standard Profiles'!$G$22=$B$17,14,0)+IF('Standard Profiles'!$G$22=$B$24,21,0),MOD($C2188,24)+1)/SUM(INDEX($D$3:$AA$30,INDEX(Jesper!$R$2:$R$366,ROW(INDEX(Jesper!AL$2:AL$366,ROUNDDOWN($C2188/24,0)+1,1))-1)+IF('Standard Profiles'!$G$22=$B$10,7,0)+IF('Standard Profiles'!$G$22=$B$17,14,0)+IF('Standard Profiles'!$G$22=$B$24,21,0),0)),0)</f>
        <v>0</v>
      </c>
      <c r="I2188">
        <f t="shared" si="251"/>
        <v>0.22202870885250603</v>
      </c>
      <c r="J2188">
        <f t="shared" si="252"/>
        <v>0.74009569617502013</v>
      </c>
      <c r="K2188">
        <f t="shared" si="253"/>
        <v>1.1101435442625303</v>
      </c>
      <c r="L2188">
        <f t="shared" si="254"/>
        <v>11.067954243884321</v>
      </c>
      <c r="M2188">
        <f t="shared" si="255"/>
        <v>0</v>
      </c>
      <c r="N2188" s="46">
        <f t="shared" si="256"/>
        <v>45381.749999994776</v>
      </c>
    </row>
    <row r="2189" spans="2:14" x14ac:dyDescent="0.3">
      <c r="B2189">
        <f t="shared" si="250"/>
        <v>6</v>
      </c>
      <c r="C2189" s="16">
        <v>2155</v>
      </c>
      <c r="D2189" cm="1">
        <f t="array" ref="D2189">IFERROR(INDEX(Jesper!AH$2:AH$366,ROUNDDOWN($C2189/24,0)+1,1)*INDEX($D$3:$AA$30,INDEX(Jesper!$R$2:$R$366,ROW(INDEX(Jesper!AH$2:AH$366,ROUNDDOWN($C2189/24,0)+1,1))-1)+IF('Standard Profiles'!$G$18=$B$10,7,0)+IF('Standard Profiles'!$G$18=$B$17,14,0)+IF('Standard Profiles'!$G$18=$B$24,21,0),MOD($C2189,24)+1)/SUM(INDEX($D$3:$AA$30,INDEX(Jesper!$R$2:$R$366,ROW(INDEX(Jesper!AH$2:AH$366,ROUNDDOWN($C2189/24,0)+1,1))-1)+IF('Standard Profiles'!$G$18=$B$10,7,0)+IF('Standard Profiles'!$G$18=$B$17,14,0)+IF('Standard Profiles'!$G$18=$B$24,21,0),0)),0)</f>
        <v>8.6226836162747222</v>
      </c>
      <c r="E2189" cm="1">
        <f t="array" ref="E2189">IFERROR(INDEX(Jesper!AI$2:AI$366,ROUNDDOWN($C2189/24,0)+1,1)*INDEX($D$3:$AA$30,INDEX(Jesper!$R$2:$R$366,ROW(INDEX(Jesper!AI$2:AI$366,ROUNDDOWN($C2189/24,0)+1,1))-1)+IF('Standard Profiles'!$G$19=$B$10,7,0)+IF('Standard Profiles'!$G$19=$B$17,14,0)+IF('Standard Profiles'!$G$19=$B$24,21,0),MOD($C2189,24)+1)/SUM(INDEX($D$3:$AA$30,INDEX(Jesper!$R$2:$R$366,ROW(INDEX(Jesper!AI$2:AI$366,ROUNDDOWN($C2189/24,0)+1,1))-1)+IF('Standard Profiles'!$G$19=$B$10,7,0)+IF('Standard Profiles'!$G$19=$B$17,14,0)+IF('Standard Profiles'!$G$19=$B$24,21,0),0)),0)</f>
        <v>1.9905727705199669</v>
      </c>
      <c r="F2189" cm="1">
        <f t="array" ref="F2189">IFERROR(INDEX(Jesper!AJ$2:AJ$366,ROUNDDOWN($C2189/24,0)+1,1)*INDEX($D$3:$AA$30,INDEX(Jesper!$R$2:$R$366,ROW(INDEX(Jesper!AJ$2:AJ$366,ROUNDDOWN($C2189/24,0)+1,1))-1)+IF('Standard Profiles'!$G$20=$B$10,7,0)+IF('Standard Profiles'!$G$20=$B$17,14,0)+IF('Standard Profiles'!$G$20=$B$24,21,0),MOD($C2189,24)+1)/SUM(INDEX($D$3:$AA$30,INDEX(Jesper!$R$2:$R$366,ROW(INDEX(Jesper!AJ$2:AJ$366,ROUNDDOWN($C2189/24,0)+1,1))-1)+IF('Standard Profiles'!$G$20=$B$10,7,0)+IF('Standard Profiles'!$G$20=$B$17,14,0)+IF('Standard Profiles'!$G$20=$B$24,21,0),0)),0)</f>
        <v>0</v>
      </c>
      <c r="G2189" cm="1">
        <f t="array" ref="G2189">IFERROR(INDEX(Jesper!AK$2:AK$366,ROUNDDOWN($C2189/24,0)+1,1)*INDEX($D$3:$AA$30,INDEX(Jesper!$R$2:$R$366,ROW(INDEX(Jesper!AK$2:AK$366,ROUNDDOWN($C2189/24,0)+1,1))-1)+IF('Standard Profiles'!$G$21=$B$10,7,0)+IF('Standard Profiles'!$G$21=$B$17,14,0)+IF('Standard Profiles'!$G$21=$B$24,21,0),MOD($C2189,24)+1)/SUM(INDEX($D$3:$AA$30,INDEX(Jesper!$R$2:$R$366,ROW(INDEX(Jesper!AK$2:AK$366,ROUNDDOWN($C2189/24,0)+1,1))-1)+IF('Standard Profiles'!$G$21=$B$10,7,0)+IF('Standard Profiles'!$G$21=$B$17,14,0)+IF('Standard Profiles'!$G$21=$B$24,21,0),0)),0)</f>
        <v>0</v>
      </c>
      <c r="H2189" cm="1">
        <f t="array" ref="H2189">IFERROR(INDEX(Jesper!AL$2:AL$366,ROUNDDOWN($C2189/24,0)+1,1)*INDEX($D$3:$AA$30,INDEX(Jesper!$R$2:$R$366,ROW(INDEX(Jesper!AL$2:AL$366,ROUNDDOWN($C2189/24,0)+1,1))-1)+IF('Standard Profiles'!$G$22=$B$10,7,0)+IF('Standard Profiles'!$G$22=$B$17,14,0)+IF('Standard Profiles'!$G$22=$B$24,21,0),MOD($C2189,24)+1)/SUM(INDEX($D$3:$AA$30,INDEX(Jesper!$R$2:$R$366,ROW(INDEX(Jesper!AL$2:AL$366,ROUNDDOWN($C2189/24,0)+1,1))-1)+IF('Standard Profiles'!$G$22=$B$10,7,0)+IF('Standard Profiles'!$G$22=$B$17,14,0)+IF('Standard Profiles'!$G$22=$B$24,21,0),0)),0)</f>
        <v>0</v>
      </c>
      <c r="I2189">
        <f t="shared" si="251"/>
        <v>0.17933088022702409</v>
      </c>
      <c r="J2189">
        <f t="shared" si="252"/>
        <v>0.59776960075674701</v>
      </c>
      <c r="K2189">
        <f t="shared" si="253"/>
        <v>0.89665440113512063</v>
      </c>
      <c r="L2189">
        <f t="shared" si="254"/>
        <v>8.939501504675798</v>
      </c>
      <c r="M2189">
        <f t="shared" si="255"/>
        <v>0</v>
      </c>
      <c r="N2189" s="46">
        <f t="shared" si="256"/>
        <v>45381.79166666144</v>
      </c>
    </row>
    <row r="2190" spans="2:14" x14ac:dyDescent="0.3">
      <c r="B2190">
        <f t="shared" si="250"/>
        <v>6</v>
      </c>
      <c r="C2190" s="16">
        <v>2156</v>
      </c>
      <c r="D2190" cm="1">
        <f t="array" ref="D2190">IFERROR(INDEX(Jesper!AH$2:AH$366,ROUNDDOWN($C2190/24,0)+1,1)*INDEX($D$3:$AA$30,INDEX(Jesper!$R$2:$R$366,ROW(INDEX(Jesper!AH$2:AH$366,ROUNDDOWN($C2190/24,0)+1,1))-1)+IF('Standard Profiles'!$G$18=$B$10,7,0)+IF('Standard Profiles'!$G$18=$B$17,14,0)+IF('Standard Profiles'!$G$18=$B$24,21,0),MOD($C2190,24)+1)/SUM(INDEX($D$3:$AA$30,INDEX(Jesper!$R$2:$R$366,ROW(INDEX(Jesper!AH$2:AH$366,ROUNDDOWN($C2190/24,0)+1,1))-1)+IF('Standard Profiles'!$G$18=$B$10,7,0)+IF('Standard Profiles'!$G$18=$B$17,14,0)+IF('Standard Profiles'!$G$18=$B$24,21,0),0)),0)</f>
        <v>6.3643617167742006</v>
      </c>
      <c r="E2190" cm="1">
        <f t="array" ref="E2190">IFERROR(INDEX(Jesper!AI$2:AI$366,ROUNDDOWN($C2190/24,0)+1,1)*INDEX($D$3:$AA$30,INDEX(Jesper!$R$2:$R$366,ROW(INDEX(Jesper!AI$2:AI$366,ROUNDDOWN($C2190/24,0)+1,1))-1)+IF('Standard Profiles'!$G$19=$B$10,7,0)+IF('Standard Profiles'!$G$19=$B$17,14,0)+IF('Standard Profiles'!$G$19=$B$24,21,0),MOD($C2190,24)+1)/SUM(INDEX($D$3:$AA$30,INDEX(Jesper!$R$2:$R$366,ROW(INDEX(Jesper!AI$2:AI$366,ROUNDDOWN($C2190/24,0)+1,1))-1)+IF('Standard Profiles'!$G$19=$B$10,7,0)+IF('Standard Profiles'!$G$19=$B$17,14,0)+IF('Standard Profiles'!$G$19=$B$24,21,0),0)),0)</f>
        <v>1.4692322830028328</v>
      </c>
      <c r="F2190" cm="1">
        <f t="array" ref="F2190">IFERROR(INDEX(Jesper!AJ$2:AJ$366,ROUNDDOWN($C2190/24,0)+1,1)*INDEX($D$3:$AA$30,INDEX(Jesper!$R$2:$R$366,ROW(INDEX(Jesper!AJ$2:AJ$366,ROUNDDOWN($C2190/24,0)+1,1))-1)+IF('Standard Profiles'!$G$20=$B$10,7,0)+IF('Standard Profiles'!$G$20=$B$17,14,0)+IF('Standard Profiles'!$G$20=$B$24,21,0),MOD($C2190,24)+1)/SUM(INDEX($D$3:$AA$30,INDEX(Jesper!$R$2:$R$366,ROW(INDEX(Jesper!AJ$2:AJ$366,ROUNDDOWN($C2190/24,0)+1,1))-1)+IF('Standard Profiles'!$G$20=$B$10,7,0)+IF('Standard Profiles'!$G$20=$B$17,14,0)+IF('Standard Profiles'!$G$20=$B$24,21,0),0)),0)</f>
        <v>0</v>
      </c>
      <c r="G2190" cm="1">
        <f t="array" ref="G2190">IFERROR(INDEX(Jesper!AK$2:AK$366,ROUNDDOWN($C2190/24,0)+1,1)*INDEX($D$3:$AA$30,INDEX(Jesper!$R$2:$R$366,ROW(INDEX(Jesper!AK$2:AK$366,ROUNDDOWN($C2190/24,0)+1,1))-1)+IF('Standard Profiles'!$G$21=$B$10,7,0)+IF('Standard Profiles'!$G$21=$B$17,14,0)+IF('Standard Profiles'!$G$21=$B$24,21,0),MOD($C2190,24)+1)/SUM(INDEX($D$3:$AA$30,INDEX(Jesper!$R$2:$R$366,ROW(INDEX(Jesper!AK$2:AK$366,ROUNDDOWN($C2190/24,0)+1,1))-1)+IF('Standard Profiles'!$G$21=$B$10,7,0)+IF('Standard Profiles'!$G$21=$B$17,14,0)+IF('Standard Profiles'!$G$21=$B$24,21,0),0)),0)</f>
        <v>0</v>
      </c>
      <c r="H2190" cm="1">
        <f t="array" ref="H2190">IFERROR(INDEX(Jesper!AL$2:AL$366,ROUNDDOWN($C2190/24,0)+1,1)*INDEX($D$3:$AA$30,INDEX(Jesper!$R$2:$R$366,ROW(INDEX(Jesper!AL$2:AL$366,ROUNDDOWN($C2190/24,0)+1,1))-1)+IF('Standard Profiles'!$G$22=$B$10,7,0)+IF('Standard Profiles'!$G$22=$B$17,14,0)+IF('Standard Profiles'!$G$22=$B$24,21,0),MOD($C2190,24)+1)/SUM(INDEX($D$3:$AA$30,INDEX(Jesper!$R$2:$R$366,ROW(INDEX(Jesper!AL$2:AL$366,ROUNDDOWN($C2190/24,0)+1,1))-1)+IF('Standard Profiles'!$G$22=$B$10,7,0)+IF('Standard Profiles'!$G$22=$B$17,14,0)+IF('Standard Profiles'!$G$22=$B$24,21,0),0)),0)</f>
        <v>0</v>
      </c>
      <c r="I2190">
        <f t="shared" si="251"/>
        <v>0.13236326873899398</v>
      </c>
      <c r="J2190">
        <f t="shared" si="252"/>
        <v>0.44121089579664668</v>
      </c>
      <c r="K2190">
        <f t="shared" si="253"/>
        <v>0.66181634369497</v>
      </c>
      <c r="L2190">
        <f t="shared" si="254"/>
        <v>6.5982034915464229</v>
      </c>
      <c r="M2190">
        <f t="shared" si="255"/>
        <v>0</v>
      </c>
      <c r="N2190" s="46">
        <f t="shared" si="256"/>
        <v>45381.833333328104</v>
      </c>
    </row>
    <row r="2191" spans="2:14" x14ac:dyDescent="0.3">
      <c r="B2191">
        <f t="shared" si="250"/>
        <v>6</v>
      </c>
      <c r="C2191" s="16">
        <v>2157</v>
      </c>
      <c r="D2191" cm="1">
        <f t="array" ref="D2191">IFERROR(INDEX(Jesper!AH$2:AH$366,ROUNDDOWN($C2191/24,0)+1,1)*INDEX($D$3:$AA$30,INDEX(Jesper!$R$2:$R$366,ROW(INDEX(Jesper!AH$2:AH$366,ROUNDDOWN($C2191/24,0)+1,1))-1)+IF('Standard Profiles'!$G$18=$B$10,7,0)+IF('Standard Profiles'!$G$18=$B$17,14,0)+IF('Standard Profiles'!$G$18=$B$24,21,0),MOD($C2191,24)+1)/SUM(INDEX($D$3:$AA$30,INDEX(Jesper!$R$2:$R$366,ROW(INDEX(Jesper!AH$2:AH$366,ROUNDDOWN($C2191/24,0)+1,1))-1)+IF('Standard Profiles'!$G$18=$B$10,7,0)+IF('Standard Profiles'!$G$18=$B$17,14,0)+IF('Standard Profiles'!$G$18=$B$24,21,0),0)),0)</f>
        <v>6.3643617167742006</v>
      </c>
      <c r="E2191" cm="1">
        <f t="array" ref="E2191">IFERROR(INDEX(Jesper!AI$2:AI$366,ROUNDDOWN($C2191/24,0)+1,1)*INDEX($D$3:$AA$30,INDEX(Jesper!$R$2:$R$366,ROW(INDEX(Jesper!AI$2:AI$366,ROUNDDOWN($C2191/24,0)+1,1))-1)+IF('Standard Profiles'!$G$19=$B$10,7,0)+IF('Standard Profiles'!$G$19=$B$17,14,0)+IF('Standard Profiles'!$G$19=$B$24,21,0),MOD($C2191,24)+1)/SUM(INDEX($D$3:$AA$30,INDEX(Jesper!$R$2:$R$366,ROW(INDEX(Jesper!AI$2:AI$366,ROUNDDOWN($C2191/24,0)+1,1))-1)+IF('Standard Profiles'!$G$19=$B$10,7,0)+IF('Standard Profiles'!$G$19=$B$17,14,0)+IF('Standard Profiles'!$G$19=$B$24,21,0),0)),0)</f>
        <v>1.4692322830028328</v>
      </c>
      <c r="F2191" cm="1">
        <f t="array" ref="F2191">IFERROR(INDEX(Jesper!AJ$2:AJ$366,ROUNDDOWN($C2191/24,0)+1,1)*INDEX($D$3:$AA$30,INDEX(Jesper!$R$2:$R$366,ROW(INDEX(Jesper!AJ$2:AJ$366,ROUNDDOWN($C2191/24,0)+1,1))-1)+IF('Standard Profiles'!$G$20=$B$10,7,0)+IF('Standard Profiles'!$G$20=$B$17,14,0)+IF('Standard Profiles'!$G$20=$B$24,21,0),MOD($C2191,24)+1)/SUM(INDEX($D$3:$AA$30,INDEX(Jesper!$R$2:$R$366,ROW(INDEX(Jesper!AJ$2:AJ$366,ROUNDDOWN($C2191/24,0)+1,1))-1)+IF('Standard Profiles'!$G$20=$B$10,7,0)+IF('Standard Profiles'!$G$20=$B$17,14,0)+IF('Standard Profiles'!$G$20=$B$24,21,0),0)),0)</f>
        <v>0</v>
      </c>
      <c r="G2191" cm="1">
        <f t="array" ref="G2191">IFERROR(INDEX(Jesper!AK$2:AK$366,ROUNDDOWN($C2191/24,0)+1,1)*INDEX($D$3:$AA$30,INDEX(Jesper!$R$2:$R$366,ROW(INDEX(Jesper!AK$2:AK$366,ROUNDDOWN($C2191/24,0)+1,1))-1)+IF('Standard Profiles'!$G$21=$B$10,7,0)+IF('Standard Profiles'!$G$21=$B$17,14,0)+IF('Standard Profiles'!$G$21=$B$24,21,0),MOD($C2191,24)+1)/SUM(INDEX($D$3:$AA$30,INDEX(Jesper!$R$2:$R$366,ROW(INDEX(Jesper!AK$2:AK$366,ROUNDDOWN($C2191/24,0)+1,1))-1)+IF('Standard Profiles'!$G$21=$B$10,7,0)+IF('Standard Profiles'!$G$21=$B$17,14,0)+IF('Standard Profiles'!$G$21=$B$24,21,0),0)),0)</f>
        <v>0</v>
      </c>
      <c r="H2191" cm="1">
        <f t="array" ref="H2191">IFERROR(INDEX(Jesper!AL$2:AL$366,ROUNDDOWN($C2191/24,0)+1,1)*INDEX($D$3:$AA$30,INDEX(Jesper!$R$2:$R$366,ROW(INDEX(Jesper!AL$2:AL$366,ROUNDDOWN($C2191/24,0)+1,1))-1)+IF('Standard Profiles'!$G$22=$B$10,7,0)+IF('Standard Profiles'!$G$22=$B$17,14,0)+IF('Standard Profiles'!$G$22=$B$24,21,0),MOD($C2191,24)+1)/SUM(INDEX($D$3:$AA$30,INDEX(Jesper!$R$2:$R$366,ROW(INDEX(Jesper!AL$2:AL$366,ROUNDDOWN($C2191/24,0)+1,1))-1)+IF('Standard Profiles'!$G$22=$B$10,7,0)+IF('Standard Profiles'!$G$22=$B$17,14,0)+IF('Standard Profiles'!$G$22=$B$24,21,0),0)),0)</f>
        <v>0</v>
      </c>
      <c r="I2191">
        <f t="shared" si="251"/>
        <v>0.13236326873899398</v>
      </c>
      <c r="J2191">
        <f t="shared" si="252"/>
        <v>0.44121089579664668</v>
      </c>
      <c r="K2191">
        <f t="shared" si="253"/>
        <v>0.66181634369497</v>
      </c>
      <c r="L2191">
        <f t="shared" si="254"/>
        <v>6.5982034915464229</v>
      </c>
      <c r="M2191">
        <f t="shared" si="255"/>
        <v>0</v>
      </c>
      <c r="N2191" s="46">
        <f t="shared" si="256"/>
        <v>45381.874999994769</v>
      </c>
    </row>
    <row r="2192" spans="2:14" x14ac:dyDescent="0.3">
      <c r="B2192">
        <f t="shared" si="250"/>
        <v>6</v>
      </c>
      <c r="C2192" s="16">
        <v>2158</v>
      </c>
      <c r="D2192" cm="1">
        <f t="array" ref="D2192">IFERROR(INDEX(Jesper!AH$2:AH$366,ROUNDDOWN($C2192/24,0)+1,1)*INDEX($D$3:$AA$30,INDEX(Jesper!$R$2:$R$366,ROW(INDEX(Jesper!AH$2:AH$366,ROUNDDOWN($C2192/24,0)+1,1))-1)+IF('Standard Profiles'!$G$18=$B$10,7,0)+IF('Standard Profiles'!$G$18=$B$17,14,0)+IF('Standard Profiles'!$G$18=$B$24,21,0),MOD($C2192,24)+1)/SUM(INDEX($D$3:$AA$30,INDEX(Jesper!$R$2:$R$366,ROW(INDEX(Jesper!AH$2:AH$366,ROUNDDOWN($C2192/24,0)+1,1))-1)+IF('Standard Profiles'!$G$18=$B$10,7,0)+IF('Standard Profiles'!$G$18=$B$17,14,0)+IF('Standard Profiles'!$G$18=$B$24,21,0),0)),0)</f>
        <v>6.3643617167742006</v>
      </c>
      <c r="E2192" cm="1">
        <f t="array" ref="E2192">IFERROR(INDEX(Jesper!AI$2:AI$366,ROUNDDOWN($C2192/24,0)+1,1)*INDEX($D$3:$AA$30,INDEX(Jesper!$R$2:$R$366,ROW(INDEX(Jesper!AI$2:AI$366,ROUNDDOWN($C2192/24,0)+1,1))-1)+IF('Standard Profiles'!$G$19=$B$10,7,0)+IF('Standard Profiles'!$G$19=$B$17,14,0)+IF('Standard Profiles'!$G$19=$B$24,21,0),MOD($C2192,24)+1)/SUM(INDEX($D$3:$AA$30,INDEX(Jesper!$R$2:$R$366,ROW(INDEX(Jesper!AI$2:AI$366,ROUNDDOWN($C2192/24,0)+1,1))-1)+IF('Standard Profiles'!$G$19=$B$10,7,0)+IF('Standard Profiles'!$G$19=$B$17,14,0)+IF('Standard Profiles'!$G$19=$B$24,21,0),0)),0)</f>
        <v>1.4692322830028328</v>
      </c>
      <c r="F2192" cm="1">
        <f t="array" ref="F2192">IFERROR(INDEX(Jesper!AJ$2:AJ$366,ROUNDDOWN($C2192/24,0)+1,1)*INDEX($D$3:$AA$30,INDEX(Jesper!$R$2:$R$366,ROW(INDEX(Jesper!AJ$2:AJ$366,ROUNDDOWN($C2192/24,0)+1,1))-1)+IF('Standard Profiles'!$G$20=$B$10,7,0)+IF('Standard Profiles'!$G$20=$B$17,14,0)+IF('Standard Profiles'!$G$20=$B$24,21,0),MOD($C2192,24)+1)/SUM(INDEX($D$3:$AA$30,INDEX(Jesper!$R$2:$R$366,ROW(INDEX(Jesper!AJ$2:AJ$366,ROUNDDOWN($C2192/24,0)+1,1))-1)+IF('Standard Profiles'!$G$20=$B$10,7,0)+IF('Standard Profiles'!$G$20=$B$17,14,0)+IF('Standard Profiles'!$G$20=$B$24,21,0),0)),0)</f>
        <v>0</v>
      </c>
      <c r="G2192" cm="1">
        <f t="array" ref="G2192">IFERROR(INDEX(Jesper!AK$2:AK$366,ROUNDDOWN($C2192/24,0)+1,1)*INDEX($D$3:$AA$30,INDEX(Jesper!$R$2:$R$366,ROW(INDEX(Jesper!AK$2:AK$366,ROUNDDOWN($C2192/24,0)+1,1))-1)+IF('Standard Profiles'!$G$21=$B$10,7,0)+IF('Standard Profiles'!$G$21=$B$17,14,0)+IF('Standard Profiles'!$G$21=$B$24,21,0),MOD($C2192,24)+1)/SUM(INDEX($D$3:$AA$30,INDEX(Jesper!$R$2:$R$366,ROW(INDEX(Jesper!AK$2:AK$366,ROUNDDOWN($C2192/24,0)+1,1))-1)+IF('Standard Profiles'!$G$21=$B$10,7,0)+IF('Standard Profiles'!$G$21=$B$17,14,0)+IF('Standard Profiles'!$G$21=$B$24,21,0),0)),0)</f>
        <v>0</v>
      </c>
      <c r="H2192" cm="1">
        <f t="array" ref="H2192">IFERROR(INDEX(Jesper!AL$2:AL$366,ROUNDDOWN($C2192/24,0)+1,1)*INDEX($D$3:$AA$30,INDEX(Jesper!$R$2:$R$366,ROW(INDEX(Jesper!AL$2:AL$366,ROUNDDOWN($C2192/24,0)+1,1))-1)+IF('Standard Profiles'!$G$22=$B$10,7,0)+IF('Standard Profiles'!$G$22=$B$17,14,0)+IF('Standard Profiles'!$G$22=$B$24,21,0),MOD($C2192,24)+1)/SUM(INDEX($D$3:$AA$30,INDEX(Jesper!$R$2:$R$366,ROW(INDEX(Jesper!AL$2:AL$366,ROUNDDOWN($C2192/24,0)+1,1))-1)+IF('Standard Profiles'!$G$22=$B$10,7,0)+IF('Standard Profiles'!$G$22=$B$17,14,0)+IF('Standard Profiles'!$G$22=$B$24,21,0),0)),0)</f>
        <v>0</v>
      </c>
      <c r="I2192">
        <f t="shared" si="251"/>
        <v>0.13236326873899398</v>
      </c>
      <c r="J2192">
        <f t="shared" si="252"/>
        <v>0.44121089579664668</v>
      </c>
      <c r="K2192">
        <f t="shared" si="253"/>
        <v>0.66181634369497</v>
      </c>
      <c r="L2192">
        <f t="shared" si="254"/>
        <v>6.5982034915464229</v>
      </c>
      <c r="M2192">
        <f t="shared" si="255"/>
        <v>0</v>
      </c>
      <c r="N2192" s="46">
        <f t="shared" si="256"/>
        <v>45381.916666661433</v>
      </c>
    </row>
    <row r="2193" spans="2:14" x14ac:dyDescent="0.3">
      <c r="B2193">
        <f t="shared" si="250"/>
        <v>6</v>
      </c>
      <c r="C2193" s="16">
        <v>2159</v>
      </c>
      <c r="D2193" cm="1">
        <f t="array" ref="D2193">IFERROR(INDEX(Jesper!AH$2:AH$366,ROUNDDOWN($C2193/24,0)+1,1)*INDEX($D$3:$AA$30,INDEX(Jesper!$R$2:$R$366,ROW(INDEX(Jesper!AH$2:AH$366,ROUNDDOWN($C2193/24,0)+1,1))-1)+IF('Standard Profiles'!$G$18=$B$10,7,0)+IF('Standard Profiles'!$G$18=$B$17,14,0)+IF('Standard Profiles'!$G$18=$B$24,21,0),MOD($C2193,24)+1)/SUM(INDEX($D$3:$AA$30,INDEX(Jesper!$R$2:$R$366,ROW(INDEX(Jesper!AH$2:AH$366,ROUNDDOWN($C2193/24,0)+1,1))-1)+IF('Standard Profiles'!$G$18=$B$10,7,0)+IF('Standard Profiles'!$G$18=$B$17,14,0)+IF('Standard Profiles'!$G$18=$B$24,21,0),0)),0)</f>
        <v>6.3643617167742006</v>
      </c>
      <c r="E2193" cm="1">
        <f t="array" ref="E2193">IFERROR(INDEX(Jesper!AI$2:AI$366,ROUNDDOWN($C2193/24,0)+1,1)*INDEX($D$3:$AA$30,INDEX(Jesper!$R$2:$R$366,ROW(INDEX(Jesper!AI$2:AI$366,ROUNDDOWN($C2193/24,0)+1,1))-1)+IF('Standard Profiles'!$G$19=$B$10,7,0)+IF('Standard Profiles'!$G$19=$B$17,14,0)+IF('Standard Profiles'!$G$19=$B$24,21,0),MOD($C2193,24)+1)/SUM(INDEX($D$3:$AA$30,INDEX(Jesper!$R$2:$R$366,ROW(INDEX(Jesper!AI$2:AI$366,ROUNDDOWN($C2193/24,0)+1,1))-1)+IF('Standard Profiles'!$G$19=$B$10,7,0)+IF('Standard Profiles'!$G$19=$B$17,14,0)+IF('Standard Profiles'!$G$19=$B$24,21,0),0)),0)</f>
        <v>1.4692322830028328</v>
      </c>
      <c r="F2193" cm="1">
        <f t="array" ref="F2193">IFERROR(INDEX(Jesper!AJ$2:AJ$366,ROUNDDOWN($C2193/24,0)+1,1)*INDEX($D$3:$AA$30,INDEX(Jesper!$R$2:$R$366,ROW(INDEX(Jesper!AJ$2:AJ$366,ROUNDDOWN($C2193/24,0)+1,1))-1)+IF('Standard Profiles'!$G$20=$B$10,7,0)+IF('Standard Profiles'!$G$20=$B$17,14,0)+IF('Standard Profiles'!$G$20=$B$24,21,0),MOD($C2193,24)+1)/SUM(INDEX($D$3:$AA$30,INDEX(Jesper!$R$2:$R$366,ROW(INDEX(Jesper!AJ$2:AJ$366,ROUNDDOWN($C2193/24,0)+1,1))-1)+IF('Standard Profiles'!$G$20=$B$10,7,0)+IF('Standard Profiles'!$G$20=$B$17,14,0)+IF('Standard Profiles'!$G$20=$B$24,21,0),0)),0)</f>
        <v>0</v>
      </c>
      <c r="G2193" cm="1">
        <f t="array" ref="G2193">IFERROR(INDEX(Jesper!AK$2:AK$366,ROUNDDOWN($C2193/24,0)+1,1)*INDEX($D$3:$AA$30,INDEX(Jesper!$R$2:$R$366,ROW(INDEX(Jesper!AK$2:AK$366,ROUNDDOWN($C2193/24,0)+1,1))-1)+IF('Standard Profiles'!$G$21=$B$10,7,0)+IF('Standard Profiles'!$G$21=$B$17,14,0)+IF('Standard Profiles'!$G$21=$B$24,21,0),MOD($C2193,24)+1)/SUM(INDEX($D$3:$AA$30,INDEX(Jesper!$R$2:$R$366,ROW(INDEX(Jesper!AK$2:AK$366,ROUNDDOWN($C2193/24,0)+1,1))-1)+IF('Standard Profiles'!$G$21=$B$10,7,0)+IF('Standard Profiles'!$G$21=$B$17,14,0)+IF('Standard Profiles'!$G$21=$B$24,21,0),0)),0)</f>
        <v>0</v>
      </c>
      <c r="H2193" cm="1">
        <f t="array" ref="H2193">IFERROR(INDEX(Jesper!AL$2:AL$366,ROUNDDOWN($C2193/24,0)+1,1)*INDEX($D$3:$AA$30,INDEX(Jesper!$R$2:$R$366,ROW(INDEX(Jesper!AL$2:AL$366,ROUNDDOWN($C2193/24,0)+1,1))-1)+IF('Standard Profiles'!$G$22=$B$10,7,0)+IF('Standard Profiles'!$G$22=$B$17,14,0)+IF('Standard Profiles'!$G$22=$B$24,21,0),MOD($C2193,24)+1)/SUM(INDEX($D$3:$AA$30,INDEX(Jesper!$R$2:$R$366,ROW(INDEX(Jesper!AL$2:AL$366,ROUNDDOWN($C2193/24,0)+1,1))-1)+IF('Standard Profiles'!$G$22=$B$10,7,0)+IF('Standard Profiles'!$G$22=$B$17,14,0)+IF('Standard Profiles'!$G$22=$B$24,21,0),0)),0)</f>
        <v>0</v>
      </c>
      <c r="I2193">
        <f t="shared" si="251"/>
        <v>0.13236326873899398</v>
      </c>
      <c r="J2193">
        <f t="shared" si="252"/>
        <v>0.44121089579664668</v>
      </c>
      <c r="K2193">
        <f t="shared" si="253"/>
        <v>0.66181634369497</v>
      </c>
      <c r="L2193">
        <f t="shared" si="254"/>
        <v>6.5982034915464229</v>
      </c>
      <c r="M2193">
        <f t="shared" si="255"/>
        <v>0</v>
      </c>
      <c r="N2193" s="46">
        <f t="shared" si="256"/>
        <v>45381.958333328097</v>
      </c>
    </row>
    <row r="2194" spans="2:14" x14ac:dyDescent="0.3">
      <c r="B2194">
        <f t="shared" si="250"/>
        <v>7</v>
      </c>
      <c r="C2194" s="16">
        <v>2160</v>
      </c>
      <c r="D2194" cm="1">
        <f t="array" ref="D2194">IFERROR(INDEX(Jesper!AH$2:AH$366,ROUNDDOWN($C2194/24,0)+1,1)*INDEX($D$3:$AA$30,INDEX(Jesper!$R$2:$R$366,ROW(INDEX(Jesper!AH$2:AH$366,ROUNDDOWN($C2194/24,0)+1,1))-1)+IF('Standard Profiles'!$G$18=$B$10,7,0)+IF('Standard Profiles'!$G$18=$B$17,14,0)+IF('Standard Profiles'!$G$18=$B$24,21,0),MOD($C2194,24)+1)/SUM(INDEX($D$3:$AA$30,INDEX(Jesper!$R$2:$R$366,ROW(INDEX(Jesper!AH$2:AH$366,ROUNDDOWN($C2194/24,0)+1,1))-1)+IF('Standard Profiles'!$G$18=$B$10,7,0)+IF('Standard Profiles'!$G$18=$B$17,14,0)+IF('Standard Profiles'!$G$18=$B$24,21,0),0)),0)</f>
        <v>7.111968214141406</v>
      </c>
      <c r="E2194" cm="1">
        <f t="array" ref="E2194">IFERROR(INDEX(Jesper!AI$2:AI$366,ROUNDDOWN($C2194/24,0)+1,1)*INDEX($D$3:$AA$30,INDEX(Jesper!$R$2:$R$366,ROW(INDEX(Jesper!AI$2:AI$366,ROUNDDOWN($C2194/24,0)+1,1))-1)+IF('Standard Profiles'!$G$19=$B$10,7,0)+IF('Standard Profiles'!$G$19=$B$17,14,0)+IF('Standard Profiles'!$G$19=$B$24,21,0),MOD($C2194,24)+1)/SUM(INDEX($D$3:$AA$30,INDEX(Jesper!$R$2:$R$366,ROW(INDEX(Jesper!AI$2:AI$366,ROUNDDOWN($C2194/24,0)+1,1))-1)+IF('Standard Profiles'!$G$19=$B$10,7,0)+IF('Standard Profiles'!$G$19=$B$17,14,0)+IF('Standard Profiles'!$G$19=$B$24,21,0),0)),0)</f>
        <v>1.6050612470422243</v>
      </c>
      <c r="F2194" cm="1">
        <f t="array" ref="F2194">IFERROR(INDEX(Jesper!AJ$2:AJ$366,ROUNDDOWN($C2194/24,0)+1,1)*INDEX($D$3:$AA$30,INDEX(Jesper!$R$2:$R$366,ROW(INDEX(Jesper!AJ$2:AJ$366,ROUNDDOWN($C2194/24,0)+1,1))-1)+IF('Standard Profiles'!$G$20=$B$10,7,0)+IF('Standard Profiles'!$G$20=$B$17,14,0)+IF('Standard Profiles'!$G$20=$B$24,21,0),MOD($C2194,24)+1)/SUM(INDEX($D$3:$AA$30,INDEX(Jesper!$R$2:$R$366,ROW(INDEX(Jesper!AJ$2:AJ$366,ROUNDDOWN($C2194/24,0)+1,1))-1)+IF('Standard Profiles'!$G$20=$B$10,7,0)+IF('Standard Profiles'!$G$20=$B$17,14,0)+IF('Standard Profiles'!$G$20=$B$24,21,0),0)),0)</f>
        <v>0</v>
      </c>
      <c r="G2194" cm="1">
        <f t="array" ref="G2194">IFERROR(INDEX(Jesper!AK$2:AK$366,ROUNDDOWN($C2194/24,0)+1,1)*INDEX($D$3:$AA$30,INDEX(Jesper!$R$2:$R$366,ROW(INDEX(Jesper!AK$2:AK$366,ROUNDDOWN($C2194/24,0)+1,1))-1)+IF('Standard Profiles'!$G$21=$B$10,7,0)+IF('Standard Profiles'!$G$21=$B$17,14,0)+IF('Standard Profiles'!$G$21=$B$24,21,0),MOD($C2194,24)+1)/SUM(INDEX($D$3:$AA$30,INDEX(Jesper!$R$2:$R$366,ROW(INDEX(Jesper!AK$2:AK$366,ROUNDDOWN($C2194/24,0)+1,1))-1)+IF('Standard Profiles'!$G$21=$B$10,7,0)+IF('Standard Profiles'!$G$21=$B$17,14,0)+IF('Standard Profiles'!$G$21=$B$24,21,0),0)),0)</f>
        <v>0</v>
      </c>
      <c r="H2194" cm="1">
        <f t="array" ref="H2194">IFERROR(INDEX(Jesper!AL$2:AL$366,ROUNDDOWN($C2194/24,0)+1,1)*INDEX($D$3:$AA$30,INDEX(Jesper!$R$2:$R$366,ROW(INDEX(Jesper!AL$2:AL$366,ROUNDDOWN($C2194/24,0)+1,1))-1)+IF('Standard Profiles'!$G$22=$B$10,7,0)+IF('Standard Profiles'!$G$22=$B$17,14,0)+IF('Standard Profiles'!$G$22=$B$24,21,0),MOD($C2194,24)+1)/SUM(INDEX($D$3:$AA$30,INDEX(Jesper!$R$2:$R$366,ROW(INDEX(Jesper!AL$2:AL$366,ROUNDDOWN($C2194/24,0)+1,1))-1)+IF('Standard Profiles'!$G$22=$B$10,7,0)+IF('Standard Profiles'!$G$22=$B$17,14,0)+IF('Standard Profiles'!$G$22=$B$24,21,0),0)),0)</f>
        <v>0</v>
      </c>
      <c r="I2194">
        <f t="shared" si="251"/>
        <v>0.14460011234614636</v>
      </c>
      <c r="J2194">
        <f t="shared" si="252"/>
        <v>0.4820003744871546</v>
      </c>
      <c r="K2194">
        <f t="shared" si="253"/>
        <v>0.72300056173073191</v>
      </c>
      <c r="L2194">
        <f t="shared" si="254"/>
        <v>7.3674284126195975</v>
      </c>
      <c r="M2194">
        <f t="shared" si="255"/>
        <v>0</v>
      </c>
      <c r="N2194" s="46">
        <f t="shared" si="256"/>
        <v>45381.999999994761</v>
      </c>
    </row>
    <row r="2195" spans="2:14" x14ac:dyDescent="0.3">
      <c r="B2195">
        <f t="shared" si="250"/>
        <v>7</v>
      </c>
      <c r="C2195" s="16">
        <v>2161</v>
      </c>
      <c r="D2195" cm="1">
        <f t="array" ref="D2195">IFERROR(INDEX(Jesper!AH$2:AH$366,ROUNDDOWN($C2195/24,0)+1,1)*INDEX($D$3:$AA$30,INDEX(Jesper!$R$2:$R$366,ROW(INDEX(Jesper!AH$2:AH$366,ROUNDDOWN($C2195/24,0)+1,1))-1)+IF('Standard Profiles'!$G$18=$B$10,7,0)+IF('Standard Profiles'!$G$18=$B$17,14,0)+IF('Standard Profiles'!$G$18=$B$24,21,0),MOD($C2195,24)+1)/SUM(INDEX($D$3:$AA$30,INDEX(Jesper!$R$2:$R$366,ROW(INDEX(Jesper!AH$2:AH$366,ROUNDDOWN($C2195/24,0)+1,1))-1)+IF('Standard Profiles'!$G$18=$B$10,7,0)+IF('Standard Profiles'!$G$18=$B$17,14,0)+IF('Standard Profiles'!$G$18=$B$24,21,0),0)),0)</f>
        <v>8.2590598615835678</v>
      </c>
      <c r="E2195" cm="1">
        <f t="array" ref="E2195">IFERROR(INDEX(Jesper!AI$2:AI$366,ROUNDDOWN($C2195/24,0)+1,1)*INDEX($D$3:$AA$30,INDEX(Jesper!$R$2:$R$366,ROW(INDEX(Jesper!AI$2:AI$366,ROUNDDOWN($C2195/24,0)+1,1))-1)+IF('Standard Profiles'!$G$19=$B$10,7,0)+IF('Standard Profiles'!$G$19=$B$17,14,0)+IF('Standard Profiles'!$G$19=$B$24,21,0),MOD($C2195,24)+1)/SUM(INDEX($D$3:$AA$30,INDEX(Jesper!$R$2:$R$366,ROW(INDEX(Jesper!AI$2:AI$366,ROUNDDOWN($C2195/24,0)+1,1))-1)+IF('Standard Profiles'!$G$19=$B$10,7,0)+IF('Standard Profiles'!$G$19=$B$17,14,0)+IF('Standard Profiles'!$G$19=$B$24,21,0),0)),0)</f>
        <v>1.8639420933393573</v>
      </c>
      <c r="F2195" cm="1">
        <f t="array" ref="F2195">IFERROR(INDEX(Jesper!AJ$2:AJ$366,ROUNDDOWN($C2195/24,0)+1,1)*INDEX($D$3:$AA$30,INDEX(Jesper!$R$2:$R$366,ROW(INDEX(Jesper!AJ$2:AJ$366,ROUNDDOWN($C2195/24,0)+1,1))-1)+IF('Standard Profiles'!$G$20=$B$10,7,0)+IF('Standard Profiles'!$G$20=$B$17,14,0)+IF('Standard Profiles'!$G$20=$B$24,21,0),MOD($C2195,24)+1)/SUM(INDEX($D$3:$AA$30,INDEX(Jesper!$R$2:$R$366,ROW(INDEX(Jesper!AJ$2:AJ$366,ROUNDDOWN($C2195/24,0)+1,1))-1)+IF('Standard Profiles'!$G$20=$B$10,7,0)+IF('Standard Profiles'!$G$20=$B$17,14,0)+IF('Standard Profiles'!$G$20=$B$24,21,0),0)),0)</f>
        <v>0</v>
      </c>
      <c r="G2195" cm="1">
        <f t="array" ref="G2195">IFERROR(INDEX(Jesper!AK$2:AK$366,ROUNDDOWN($C2195/24,0)+1,1)*INDEX($D$3:$AA$30,INDEX(Jesper!$R$2:$R$366,ROW(INDEX(Jesper!AK$2:AK$366,ROUNDDOWN($C2195/24,0)+1,1))-1)+IF('Standard Profiles'!$G$21=$B$10,7,0)+IF('Standard Profiles'!$G$21=$B$17,14,0)+IF('Standard Profiles'!$G$21=$B$24,21,0),MOD($C2195,24)+1)/SUM(INDEX($D$3:$AA$30,INDEX(Jesper!$R$2:$R$366,ROW(INDEX(Jesper!AK$2:AK$366,ROUNDDOWN($C2195/24,0)+1,1))-1)+IF('Standard Profiles'!$G$21=$B$10,7,0)+IF('Standard Profiles'!$G$21=$B$17,14,0)+IF('Standard Profiles'!$G$21=$B$24,21,0),0)),0)</f>
        <v>0</v>
      </c>
      <c r="H2195" cm="1">
        <f t="array" ref="H2195">IFERROR(INDEX(Jesper!AL$2:AL$366,ROUNDDOWN($C2195/24,0)+1,1)*INDEX($D$3:$AA$30,INDEX(Jesper!$R$2:$R$366,ROW(INDEX(Jesper!AL$2:AL$366,ROUNDDOWN($C2195/24,0)+1,1))-1)+IF('Standard Profiles'!$G$22=$B$10,7,0)+IF('Standard Profiles'!$G$22=$B$17,14,0)+IF('Standard Profiles'!$G$22=$B$24,21,0),MOD($C2195,24)+1)/SUM(INDEX($D$3:$AA$30,INDEX(Jesper!$R$2:$R$366,ROW(INDEX(Jesper!AL$2:AL$366,ROUNDDOWN($C2195/24,0)+1,1))-1)+IF('Standard Profiles'!$G$22=$B$10,7,0)+IF('Standard Profiles'!$G$22=$B$17,14,0)+IF('Standard Profiles'!$G$22=$B$24,21,0),0)),0)</f>
        <v>0</v>
      </c>
      <c r="I2195">
        <f t="shared" si="251"/>
        <v>0.16792271111165386</v>
      </c>
      <c r="J2195">
        <f t="shared" si="252"/>
        <v>0.55974237037217955</v>
      </c>
      <c r="K2195">
        <f t="shared" si="253"/>
        <v>0.83961355555826944</v>
      </c>
      <c r="L2195">
        <f t="shared" si="254"/>
        <v>8.5557233178808225</v>
      </c>
      <c r="M2195">
        <f t="shared" si="255"/>
        <v>0</v>
      </c>
      <c r="N2195" s="46">
        <f t="shared" si="256"/>
        <v>45382.041666661426</v>
      </c>
    </row>
    <row r="2196" spans="2:14" x14ac:dyDescent="0.3">
      <c r="B2196">
        <f t="shared" si="250"/>
        <v>7</v>
      </c>
      <c r="C2196" s="16">
        <v>2162</v>
      </c>
      <c r="D2196" cm="1">
        <f t="array" ref="D2196">IFERROR(INDEX(Jesper!AH$2:AH$366,ROUNDDOWN($C2196/24,0)+1,1)*INDEX($D$3:$AA$30,INDEX(Jesper!$R$2:$R$366,ROW(INDEX(Jesper!AH$2:AH$366,ROUNDDOWN($C2196/24,0)+1,1))-1)+IF('Standard Profiles'!$G$18=$B$10,7,0)+IF('Standard Profiles'!$G$18=$B$17,14,0)+IF('Standard Profiles'!$G$18=$B$24,21,0),MOD($C2196,24)+1)/SUM(INDEX($D$3:$AA$30,INDEX(Jesper!$R$2:$R$366,ROW(INDEX(Jesper!AH$2:AH$366,ROUNDDOWN($C2196/24,0)+1,1))-1)+IF('Standard Profiles'!$G$18=$B$10,7,0)+IF('Standard Profiles'!$G$18=$B$17,14,0)+IF('Standard Profiles'!$G$18=$B$24,21,0),0)),0)</f>
        <v>8.2590598615835678</v>
      </c>
      <c r="E2196" cm="1">
        <f t="array" ref="E2196">IFERROR(INDEX(Jesper!AI$2:AI$366,ROUNDDOWN($C2196/24,0)+1,1)*INDEX($D$3:$AA$30,INDEX(Jesper!$R$2:$R$366,ROW(INDEX(Jesper!AI$2:AI$366,ROUNDDOWN($C2196/24,0)+1,1))-1)+IF('Standard Profiles'!$G$19=$B$10,7,0)+IF('Standard Profiles'!$G$19=$B$17,14,0)+IF('Standard Profiles'!$G$19=$B$24,21,0),MOD($C2196,24)+1)/SUM(INDEX($D$3:$AA$30,INDEX(Jesper!$R$2:$R$366,ROW(INDEX(Jesper!AI$2:AI$366,ROUNDDOWN($C2196/24,0)+1,1))-1)+IF('Standard Profiles'!$G$19=$B$10,7,0)+IF('Standard Profiles'!$G$19=$B$17,14,0)+IF('Standard Profiles'!$G$19=$B$24,21,0),0)),0)</f>
        <v>1.8639420933393573</v>
      </c>
      <c r="F2196" cm="1">
        <f t="array" ref="F2196">IFERROR(INDEX(Jesper!AJ$2:AJ$366,ROUNDDOWN($C2196/24,0)+1,1)*INDEX($D$3:$AA$30,INDEX(Jesper!$R$2:$R$366,ROW(INDEX(Jesper!AJ$2:AJ$366,ROUNDDOWN($C2196/24,0)+1,1))-1)+IF('Standard Profiles'!$G$20=$B$10,7,0)+IF('Standard Profiles'!$G$20=$B$17,14,0)+IF('Standard Profiles'!$G$20=$B$24,21,0),MOD($C2196,24)+1)/SUM(INDEX($D$3:$AA$30,INDEX(Jesper!$R$2:$R$366,ROW(INDEX(Jesper!AJ$2:AJ$366,ROUNDDOWN($C2196/24,0)+1,1))-1)+IF('Standard Profiles'!$G$20=$B$10,7,0)+IF('Standard Profiles'!$G$20=$B$17,14,0)+IF('Standard Profiles'!$G$20=$B$24,21,0),0)),0)</f>
        <v>0</v>
      </c>
      <c r="G2196" cm="1">
        <f t="array" ref="G2196">IFERROR(INDEX(Jesper!AK$2:AK$366,ROUNDDOWN($C2196/24,0)+1,1)*INDEX($D$3:$AA$30,INDEX(Jesper!$R$2:$R$366,ROW(INDEX(Jesper!AK$2:AK$366,ROUNDDOWN($C2196/24,0)+1,1))-1)+IF('Standard Profiles'!$G$21=$B$10,7,0)+IF('Standard Profiles'!$G$21=$B$17,14,0)+IF('Standard Profiles'!$G$21=$B$24,21,0),MOD($C2196,24)+1)/SUM(INDEX($D$3:$AA$30,INDEX(Jesper!$R$2:$R$366,ROW(INDEX(Jesper!AK$2:AK$366,ROUNDDOWN($C2196/24,0)+1,1))-1)+IF('Standard Profiles'!$G$21=$B$10,7,0)+IF('Standard Profiles'!$G$21=$B$17,14,0)+IF('Standard Profiles'!$G$21=$B$24,21,0),0)),0)</f>
        <v>0</v>
      </c>
      <c r="H2196" cm="1">
        <f t="array" ref="H2196">IFERROR(INDEX(Jesper!AL$2:AL$366,ROUNDDOWN($C2196/24,0)+1,1)*INDEX($D$3:$AA$30,INDEX(Jesper!$R$2:$R$366,ROW(INDEX(Jesper!AL$2:AL$366,ROUNDDOWN($C2196/24,0)+1,1))-1)+IF('Standard Profiles'!$G$22=$B$10,7,0)+IF('Standard Profiles'!$G$22=$B$17,14,0)+IF('Standard Profiles'!$G$22=$B$24,21,0),MOD($C2196,24)+1)/SUM(INDEX($D$3:$AA$30,INDEX(Jesper!$R$2:$R$366,ROW(INDEX(Jesper!AL$2:AL$366,ROUNDDOWN($C2196/24,0)+1,1))-1)+IF('Standard Profiles'!$G$22=$B$10,7,0)+IF('Standard Profiles'!$G$22=$B$17,14,0)+IF('Standard Profiles'!$G$22=$B$24,21,0),0)),0)</f>
        <v>0</v>
      </c>
      <c r="I2196">
        <f t="shared" si="251"/>
        <v>0.16792271111165386</v>
      </c>
      <c r="J2196">
        <f t="shared" si="252"/>
        <v>0.55974237037217955</v>
      </c>
      <c r="K2196">
        <f t="shared" si="253"/>
        <v>0.83961355555826944</v>
      </c>
      <c r="L2196">
        <f t="shared" si="254"/>
        <v>8.5557233178808225</v>
      </c>
      <c r="M2196">
        <f t="shared" si="255"/>
        <v>0</v>
      </c>
      <c r="N2196" s="46">
        <f t="shared" si="256"/>
        <v>45382.08333332809</v>
      </c>
    </row>
    <row r="2197" spans="2:14" x14ac:dyDescent="0.3">
      <c r="B2197">
        <f t="shared" si="250"/>
        <v>7</v>
      </c>
      <c r="C2197" s="16">
        <v>2163</v>
      </c>
      <c r="D2197" cm="1">
        <f t="array" ref="D2197">IFERROR(INDEX(Jesper!AH$2:AH$366,ROUNDDOWN($C2197/24,0)+1,1)*INDEX($D$3:$AA$30,INDEX(Jesper!$R$2:$R$366,ROW(INDEX(Jesper!AH$2:AH$366,ROUNDDOWN($C2197/24,0)+1,1))-1)+IF('Standard Profiles'!$G$18=$B$10,7,0)+IF('Standard Profiles'!$G$18=$B$17,14,0)+IF('Standard Profiles'!$G$18=$B$24,21,0),MOD($C2197,24)+1)/SUM(INDEX($D$3:$AA$30,INDEX(Jesper!$R$2:$R$366,ROW(INDEX(Jesper!AH$2:AH$366,ROUNDDOWN($C2197/24,0)+1,1))-1)+IF('Standard Profiles'!$G$18=$B$10,7,0)+IF('Standard Profiles'!$G$18=$B$17,14,0)+IF('Standard Profiles'!$G$18=$B$24,21,0),0)),0)</f>
        <v>8.2590598615835678</v>
      </c>
      <c r="E2197" cm="1">
        <f t="array" ref="E2197">IFERROR(INDEX(Jesper!AI$2:AI$366,ROUNDDOWN($C2197/24,0)+1,1)*INDEX($D$3:$AA$30,INDEX(Jesper!$R$2:$R$366,ROW(INDEX(Jesper!AI$2:AI$366,ROUNDDOWN($C2197/24,0)+1,1))-1)+IF('Standard Profiles'!$G$19=$B$10,7,0)+IF('Standard Profiles'!$G$19=$B$17,14,0)+IF('Standard Profiles'!$G$19=$B$24,21,0),MOD($C2197,24)+1)/SUM(INDEX($D$3:$AA$30,INDEX(Jesper!$R$2:$R$366,ROW(INDEX(Jesper!AI$2:AI$366,ROUNDDOWN($C2197/24,0)+1,1))-1)+IF('Standard Profiles'!$G$19=$B$10,7,0)+IF('Standard Profiles'!$G$19=$B$17,14,0)+IF('Standard Profiles'!$G$19=$B$24,21,0),0)),0)</f>
        <v>1.8639420933393573</v>
      </c>
      <c r="F2197" cm="1">
        <f t="array" ref="F2197">IFERROR(INDEX(Jesper!AJ$2:AJ$366,ROUNDDOWN($C2197/24,0)+1,1)*INDEX($D$3:$AA$30,INDEX(Jesper!$R$2:$R$366,ROW(INDEX(Jesper!AJ$2:AJ$366,ROUNDDOWN($C2197/24,0)+1,1))-1)+IF('Standard Profiles'!$G$20=$B$10,7,0)+IF('Standard Profiles'!$G$20=$B$17,14,0)+IF('Standard Profiles'!$G$20=$B$24,21,0),MOD($C2197,24)+1)/SUM(INDEX($D$3:$AA$30,INDEX(Jesper!$R$2:$R$366,ROW(INDEX(Jesper!AJ$2:AJ$366,ROUNDDOWN($C2197/24,0)+1,1))-1)+IF('Standard Profiles'!$G$20=$B$10,7,0)+IF('Standard Profiles'!$G$20=$B$17,14,0)+IF('Standard Profiles'!$G$20=$B$24,21,0),0)),0)</f>
        <v>0</v>
      </c>
      <c r="G2197" cm="1">
        <f t="array" ref="G2197">IFERROR(INDEX(Jesper!AK$2:AK$366,ROUNDDOWN($C2197/24,0)+1,1)*INDEX($D$3:$AA$30,INDEX(Jesper!$R$2:$R$366,ROW(INDEX(Jesper!AK$2:AK$366,ROUNDDOWN($C2197/24,0)+1,1))-1)+IF('Standard Profiles'!$G$21=$B$10,7,0)+IF('Standard Profiles'!$G$21=$B$17,14,0)+IF('Standard Profiles'!$G$21=$B$24,21,0),MOD($C2197,24)+1)/SUM(INDEX($D$3:$AA$30,INDEX(Jesper!$R$2:$R$366,ROW(INDEX(Jesper!AK$2:AK$366,ROUNDDOWN($C2197/24,0)+1,1))-1)+IF('Standard Profiles'!$G$21=$B$10,7,0)+IF('Standard Profiles'!$G$21=$B$17,14,0)+IF('Standard Profiles'!$G$21=$B$24,21,0),0)),0)</f>
        <v>0</v>
      </c>
      <c r="H2197" cm="1">
        <f t="array" ref="H2197">IFERROR(INDEX(Jesper!AL$2:AL$366,ROUNDDOWN($C2197/24,0)+1,1)*INDEX($D$3:$AA$30,INDEX(Jesper!$R$2:$R$366,ROW(INDEX(Jesper!AL$2:AL$366,ROUNDDOWN($C2197/24,0)+1,1))-1)+IF('Standard Profiles'!$G$22=$B$10,7,0)+IF('Standard Profiles'!$G$22=$B$17,14,0)+IF('Standard Profiles'!$G$22=$B$24,21,0),MOD($C2197,24)+1)/SUM(INDEX($D$3:$AA$30,INDEX(Jesper!$R$2:$R$366,ROW(INDEX(Jesper!AL$2:AL$366,ROUNDDOWN($C2197/24,0)+1,1))-1)+IF('Standard Profiles'!$G$22=$B$10,7,0)+IF('Standard Profiles'!$G$22=$B$17,14,0)+IF('Standard Profiles'!$G$22=$B$24,21,0),0)),0)</f>
        <v>0</v>
      </c>
      <c r="I2197">
        <f t="shared" si="251"/>
        <v>0.16792271111165386</v>
      </c>
      <c r="J2197">
        <f t="shared" si="252"/>
        <v>0.55974237037217955</v>
      </c>
      <c r="K2197">
        <f t="shared" si="253"/>
        <v>0.83961355555826944</v>
      </c>
      <c r="L2197">
        <f t="shared" si="254"/>
        <v>8.5557233178808225</v>
      </c>
      <c r="M2197">
        <f t="shared" si="255"/>
        <v>0</v>
      </c>
      <c r="N2197" s="46">
        <f t="shared" si="256"/>
        <v>45382.124999994754</v>
      </c>
    </row>
    <row r="2198" spans="2:14" x14ac:dyDescent="0.3">
      <c r="B2198">
        <f t="shared" si="250"/>
        <v>7</v>
      </c>
      <c r="C2198" s="16">
        <v>2164</v>
      </c>
      <c r="D2198" cm="1">
        <f t="array" ref="D2198">IFERROR(INDEX(Jesper!AH$2:AH$366,ROUNDDOWN($C2198/24,0)+1,1)*INDEX($D$3:$AA$30,INDEX(Jesper!$R$2:$R$366,ROW(INDEX(Jesper!AH$2:AH$366,ROUNDDOWN($C2198/24,0)+1,1))-1)+IF('Standard Profiles'!$G$18=$B$10,7,0)+IF('Standard Profiles'!$G$18=$B$17,14,0)+IF('Standard Profiles'!$G$18=$B$24,21,0),MOD($C2198,24)+1)/SUM(INDEX($D$3:$AA$30,INDEX(Jesper!$R$2:$R$366,ROW(INDEX(Jesper!AH$2:AH$366,ROUNDDOWN($C2198/24,0)+1,1))-1)+IF('Standard Profiles'!$G$18=$B$10,7,0)+IF('Standard Profiles'!$G$18=$B$17,14,0)+IF('Standard Profiles'!$G$18=$B$24,21,0),0)),0)</f>
        <v>8.2590598615835678</v>
      </c>
      <c r="E2198" cm="1">
        <f t="array" ref="E2198">IFERROR(INDEX(Jesper!AI$2:AI$366,ROUNDDOWN($C2198/24,0)+1,1)*INDEX($D$3:$AA$30,INDEX(Jesper!$R$2:$R$366,ROW(INDEX(Jesper!AI$2:AI$366,ROUNDDOWN($C2198/24,0)+1,1))-1)+IF('Standard Profiles'!$G$19=$B$10,7,0)+IF('Standard Profiles'!$G$19=$B$17,14,0)+IF('Standard Profiles'!$G$19=$B$24,21,0),MOD($C2198,24)+1)/SUM(INDEX($D$3:$AA$30,INDEX(Jesper!$R$2:$R$366,ROW(INDEX(Jesper!AI$2:AI$366,ROUNDDOWN($C2198/24,0)+1,1))-1)+IF('Standard Profiles'!$G$19=$B$10,7,0)+IF('Standard Profiles'!$G$19=$B$17,14,0)+IF('Standard Profiles'!$G$19=$B$24,21,0),0)),0)</f>
        <v>1.8639420933393573</v>
      </c>
      <c r="F2198" cm="1">
        <f t="array" ref="F2198">IFERROR(INDEX(Jesper!AJ$2:AJ$366,ROUNDDOWN($C2198/24,0)+1,1)*INDEX($D$3:$AA$30,INDEX(Jesper!$R$2:$R$366,ROW(INDEX(Jesper!AJ$2:AJ$366,ROUNDDOWN($C2198/24,0)+1,1))-1)+IF('Standard Profiles'!$G$20=$B$10,7,0)+IF('Standard Profiles'!$G$20=$B$17,14,0)+IF('Standard Profiles'!$G$20=$B$24,21,0),MOD($C2198,24)+1)/SUM(INDEX($D$3:$AA$30,INDEX(Jesper!$R$2:$R$366,ROW(INDEX(Jesper!AJ$2:AJ$366,ROUNDDOWN($C2198/24,0)+1,1))-1)+IF('Standard Profiles'!$G$20=$B$10,7,0)+IF('Standard Profiles'!$G$20=$B$17,14,0)+IF('Standard Profiles'!$G$20=$B$24,21,0),0)),0)</f>
        <v>0</v>
      </c>
      <c r="G2198" cm="1">
        <f t="array" ref="G2198">IFERROR(INDEX(Jesper!AK$2:AK$366,ROUNDDOWN($C2198/24,0)+1,1)*INDEX($D$3:$AA$30,INDEX(Jesper!$R$2:$R$366,ROW(INDEX(Jesper!AK$2:AK$366,ROUNDDOWN($C2198/24,0)+1,1))-1)+IF('Standard Profiles'!$G$21=$B$10,7,0)+IF('Standard Profiles'!$G$21=$B$17,14,0)+IF('Standard Profiles'!$G$21=$B$24,21,0),MOD($C2198,24)+1)/SUM(INDEX($D$3:$AA$30,INDEX(Jesper!$R$2:$R$366,ROW(INDEX(Jesper!AK$2:AK$366,ROUNDDOWN($C2198/24,0)+1,1))-1)+IF('Standard Profiles'!$G$21=$B$10,7,0)+IF('Standard Profiles'!$G$21=$B$17,14,0)+IF('Standard Profiles'!$G$21=$B$24,21,0),0)),0)</f>
        <v>0</v>
      </c>
      <c r="H2198" cm="1">
        <f t="array" ref="H2198">IFERROR(INDEX(Jesper!AL$2:AL$366,ROUNDDOWN($C2198/24,0)+1,1)*INDEX($D$3:$AA$30,INDEX(Jesper!$R$2:$R$366,ROW(INDEX(Jesper!AL$2:AL$366,ROUNDDOWN($C2198/24,0)+1,1))-1)+IF('Standard Profiles'!$G$22=$B$10,7,0)+IF('Standard Profiles'!$G$22=$B$17,14,0)+IF('Standard Profiles'!$G$22=$B$24,21,0),MOD($C2198,24)+1)/SUM(INDEX($D$3:$AA$30,INDEX(Jesper!$R$2:$R$366,ROW(INDEX(Jesper!AL$2:AL$366,ROUNDDOWN($C2198/24,0)+1,1))-1)+IF('Standard Profiles'!$G$22=$B$10,7,0)+IF('Standard Profiles'!$G$22=$B$17,14,0)+IF('Standard Profiles'!$G$22=$B$24,21,0),0)),0)</f>
        <v>0</v>
      </c>
      <c r="I2198">
        <f t="shared" si="251"/>
        <v>0.16792271111165386</v>
      </c>
      <c r="J2198">
        <f t="shared" si="252"/>
        <v>0.55974237037217955</v>
      </c>
      <c r="K2198">
        <f t="shared" si="253"/>
        <v>0.83961355555826944</v>
      </c>
      <c r="L2198">
        <f t="shared" si="254"/>
        <v>8.5557233178808225</v>
      </c>
      <c r="M2198">
        <f t="shared" si="255"/>
        <v>0</v>
      </c>
      <c r="N2198" s="46">
        <f t="shared" si="256"/>
        <v>45382.166666661418</v>
      </c>
    </row>
    <row r="2199" spans="2:14" x14ac:dyDescent="0.3">
      <c r="B2199">
        <f t="shared" si="250"/>
        <v>7</v>
      </c>
      <c r="C2199" s="16">
        <v>2165</v>
      </c>
      <c r="D2199" cm="1">
        <f t="array" ref="D2199">IFERROR(INDEX(Jesper!AH$2:AH$366,ROUNDDOWN($C2199/24,0)+1,1)*INDEX($D$3:$AA$30,INDEX(Jesper!$R$2:$R$366,ROW(INDEX(Jesper!AH$2:AH$366,ROUNDDOWN($C2199/24,0)+1,1))-1)+IF('Standard Profiles'!$G$18=$B$10,7,0)+IF('Standard Profiles'!$G$18=$B$17,14,0)+IF('Standard Profiles'!$G$18=$B$24,21,0),MOD($C2199,24)+1)/SUM(INDEX($D$3:$AA$30,INDEX(Jesper!$R$2:$R$366,ROW(INDEX(Jesper!AH$2:AH$366,ROUNDDOWN($C2199/24,0)+1,1))-1)+IF('Standard Profiles'!$G$18=$B$10,7,0)+IF('Standard Profiles'!$G$18=$B$17,14,0)+IF('Standard Profiles'!$G$18=$B$24,21,0),0)),0)</f>
        <v>10.323824826979461</v>
      </c>
      <c r="E2199" cm="1">
        <f t="array" ref="E2199">IFERROR(INDEX(Jesper!AI$2:AI$366,ROUNDDOWN($C2199/24,0)+1,1)*INDEX($D$3:$AA$30,INDEX(Jesper!$R$2:$R$366,ROW(INDEX(Jesper!AI$2:AI$366,ROUNDDOWN($C2199/24,0)+1,1))-1)+IF('Standard Profiles'!$G$19=$B$10,7,0)+IF('Standard Profiles'!$G$19=$B$17,14,0)+IF('Standard Profiles'!$G$19=$B$24,21,0),MOD($C2199,24)+1)/SUM(INDEX($D$3:$AA$30,INDEX(Jesper!$R$2:$R$366,ROW(INDEX(Jesper!AI$2:AI$366,ROUNDDOWN($C2199/24,0)+1,1))-1)+IF('Standard Profiles'!$G$19=$B$10,7,0)+IF('Standard Profiles'!$G$19=$B$17,14,0)+IF('Standard Profiles'!$G$19=$B$24,21,0),0)),0)</f>
        <v>2.3299276166741962</v>
      </c>
      <c r="F2199" cm="1">
        <f t="array" ref="F2199">IFERROR(INDEX(Jesper!AJ$2:AJ$366,ROUNDDOWN($C2199/24,0)+1,1)*INDEX($D$3:$AA$30,INDEX(Jesper!$R$2:$R$366,ROW(INDEX(Jesper!AJ$2:AJ$366,ROUNDDOWN($C2199/24,0)+1,1))-1)+IF('Standard Profiles'!$G$20=$B$10,7,0)+IF('Standard Profiles'!$G$20=$B$17,14,0)+IF('Standard Profiles'!$G$20=$B$24,21,0),MOD($C2199,24)+1)/SUM(INDEX($D$3:$AA$30,INDEX(Jesper!$R$2:$R$366,ROW(INDEX(Jesper!AJ$2:AJ$366,ROUNDDOWN($C2199/24,0)+1,1))-1)+IF('Standard Profiles'!$G$20=$B$10,7,0)+IF('Standard Profiles'!$G$20=$B$17,14,0)+IF('Standard Profiles'!$G$20=$B$24,21,0),0)),0)</f>
        <v>0</v>
      </c>
      <c r="G2199" cm="1">
        <f t="array" ref="G2199">IFERROR(INDEX(Jesper!AK$2:AK$366,ROUNDDOWN($C2199/24,0)+1,1)*INDEX($D$3:$AA$30,INDEX(Jesper!$R$2:$R$366,ROW(INDEX(Jesper!AK$2:AK$366,ROUNDDOWN($C2199/24,0)+1,1))-1)+IF('Standard Profiles'!$G$21=$B$10,7,0)+IF('Standard Profiles'!$G$21=$B$17,14,0)+IF('Standard Profiles'!$G$21=$B$24,21,0),MOD($C2199,24)+1)/SUM(INDEX($D$3:$AA$30,INDEX(Jesper!$R$2:$R$366,ROW(INDEX(Jesper!AK$2:AK$366,ROUNDDOWN($C2199/24,0)+1,1))-1)+IF('Standard Profiles'!$G$21=$B$10,7,0)+IF('Standard Profiles'!$G$21=$B$17,14,0)+IF('Standard Profiles'!$G$21=$B$24,21,0),0)),0)</f>
        <v>0</v>
      </c>
      <c r="H2199" cm="1">
        <f t="array" ref="H2199">IFERROR(INDEX(Jesper!AL$2:AL$366,ROUNDDOWN($C2199/24,0)+1,1)*INDEX($D$3:$AA$30,INDEX(Jesper!$R$2:$R$366,ROW(INDEX(Jesper!AL$2:AL$366,ROUNDDOWN($C2199/24,0)+1,1))-1)+IF('Standard Profiles'!$G$22=$B$10,7,0)+IF('Standard Profiles'!$G$22=$B$17,14,0)+IF('Standard Profiles'!$G$22=$B$24,21,0),MOD($C2199,24)+1)/SUM(INDEX($D$3:$AA$30,INDEX(Jesper!$R$2:$R$366,ROW(INDEX(Jesper!AL$2:AL$366,ROUNDDOWN($C2199/24,0)+1,1))-1)+IF('Standard Profiles'!$G$22=$B$10,7,0)+IF('Standard Profiles'!$G$22=$B$17,14,0)+IF('Standard Profiles'!$G$22=$B$24,21,0),0)),0)</f>
        <v>0</v>
      </c>
      <c r="I2199">
        <f t="shared" si="251"/>
        <v>0.20990338888956728</v>
      </c>
      <c r="J2199">
        <f t="shared" si="252"/>
        <v>0.69967796296522433</v>
      </c>
      <c r="K2199">
        <f t="shared" si="253"/>
        <v>1.0495169444478365</v>
      </c>
      <c r="L2199">
        <f t="shared" si="254"/>
        <v>10.694654147351029</v>
      </c>
      <c r="M2199">
        <f t="shared" si="255"/>
        <v>0</v>
      </c>
      <c r="N2199" s="46">
        <f t="shared" si="256"/>
        <v>45382.208333328083</v>
      </c>
    </row>
    <row r="2200" spans="2:14" x14ac:dyDescent="0.3">
      <c r="B2200">
        <f t="shared" si="250"/>
        <v>7</v>
      </c>
      <c r="C2200" s="16">
        <v>2166</v>
      </c>
      <c r="D2200" cm="1">
        <f t="array" ref="D2200">IFERROR(INDEX(Jesper!AH$2:AH$366,ROUNDDOWN($C2200/24,0)+1,1)*INDEX($D$3:$AA$30,INDEX(Jesper!$R$2:$R$366,ROW(INDEX(Jesper!AH$2:AH$366,ROUNDDOWN($C2200/24,0)+1,1))-1)+IF('Standard Profiles'!$G$18=$B$10,7,0)+IF('Standard Profiles'!$G$18=$B$17,14,0)+IF('Standard Profiles'!$G$18=$B$24,21,0),MOD($C2200,24)+1)/SUM(INDEX($D$3:$AA$30,INDEX(Jesper!$R$2:$R$366,ROW(INDEX(Jesper!AH$2:AH$366,ROUNDDOWN($C2200/24,0)+1,1))-1)+IF('Standard Profiles'!$G$18=$B$10,7,0)+IF('Standard Profiles'!$G$18=$B$17,14,0)+IF('Standard Profiles'!$G$18=$B$24,21,0),0)),0)</f>
        <v>12.159171462886921</v>
      </c>
      <c r="E2200" cm="1">
        <f t="array" ref="E2200">IFERROR(INDEX(Jesper!AI$2:AI$366,ROUNDDOWN($C2200/24,0)+1,1)*INDEX($D$3:$AA$30,INDEX(Jesper!$R$2:$R$366,ROW(INDEX(Jesper!AI$2:AI$366,ROUNDDOWN($C2200/24,0)+1,1))-1)+IF('Standard Profiles'!$G$19=$B$10,7,0)+IF('Standard Profiles'!$G$19=$B$17,14,0)+IF('Standard Profiles'!$G$19=$B$24,21,0),MOD($C2200,24)+1)/SUM(INDEX($D$3:$AA$30,INDEX(Jesper!$R$2:$R$366,ROW(INDEX(Jesper!AI$2:AI$366,ROUNDDOWN($C2200/24,0)+1,1))-1)+IF('Standard Profiles'!$G$19=$B$10,7,0)+IF('Standard Profiles'!$G$19=$B$17,14,0)+IF('Standard Profiles'!$G$19=$B$24,21,0),0)),0)</f>
        <v>2.7441369707496097</v>
      </c>
      <c r="F2200" cm="1">
        <f t="array" ref="F2200">IFERROR(INDEX(Jesper!AJ$2:AJ$366,ROUNDDOWN($C2200/24,0)+1,1)*INDEX($D$3:$AA$30,INDEX(Jesper!$R$2:$R$366,ROW(INDEX(Jesper!AJ$2:AJ$366,ROUNDDOWN($C2200/24,0)+1,1))-1)+IF('Standard Profiles'!$G$20=$B$10,7,0)+IF('Standard Profiles'!$G$20=$B$17,14,0)+IF('Standard Profiles'!$G$20=$B$24,21,0),MOD($C2200,24)+1)/SUM(INDEX($D$3:$AA$30,INDEX(Jesper!$R$2:$R$366,ROW(INDEX(Jesper!AJ$2:AJ$366,ROUNDDOWN($C2200/24,0)+1,1))-1)+IF('Standard Profiles'!$G$20=$B$10,7,0)+IF('Standard Profiles'!$G$20=$B$17,14,0)+IF('Standard Profiles'!$G$20=$B$24,21,0),0)),0)</f>
        <v>0</v>
      </c>
      <c r="G2200" cm="1">
        <f t="array" ref="G2200">IFERROR(INDEX(Jesper!AK$2:AK$366,ROUNDDOWN($C2200/24,0)+1,1)*INDEX($D$3:$AA$30,INDEX(Jesper!$R$2:$R$366,ROW(INDEX(Jesper!AK$2:AK$366,ROUNDDOWN($C2200/24,0)+1,1))-1)+IF('Standard Profiles'!$G$21=$B$10,7,0)+IF('Standard Profiles'!$G$21=$B$17,14,0)+IF('Standard Profiles'!$G$21=$B$24,21,0),MOD($C2200,24)+1)/SUM(INDEX($D$3:$AA$30,INDEX(Jesper!$R$2:$R$366,ROW(INDEX(Jesper!AK$2:AK$366,ROUNDDOWN($C2200/24,0)+1,1))-1)+IF('Standard Profiles'!$G$21=$B$10,7,0)+IF('Standard Profiles'!$G$21=$B$17,14,0)+IF('Standard Profiles'!$G$21=$B$24,21,0),0)),0)</f>
        <v>0</v>
      </c>
      <c r="H2200" cm="1">
        <f t="array" ref="H2200">IFERROR(INDEX(Jesper!AL$2:AL$366,ROUNDDOWN($C2200/24,0)+1,1)*INDEX($D$3:$AA$30,INDEX(Jesper!$R$2:$R$366,ROW(INDEX(Jesper!AL$2:AL$366,ROUNDDOWN($C2200/24,0)+1,1))-1)+IF('Standard Profiles'!$G$22=$B$10,7,0)+IF('Standard Profiles'!$G$22=$B$17,14,0)+IF('Standard Profiles'!$G$22=$B$24,21,0),MOD($C2200,24)+1)/SUM(INDEX($D$3:$AA$30,INDEX(Jesper!$R$2:$R$366,ROW(INDEX(Jesper!AL$2:AL$366,ROUNDDOWN($C2200/24,0)+1,1))-1)+IF('Standard Profiles'!$G$22=$B$10,7,0)+IF('Standard Profiles'!$G$22=$B$17,14,0)+IF('Standard Profiles'!$G$22=$B$24,21,0),0)),0)</f>
        <v>0</v>
      </c>
      <c r="I2200">
        <f t="shared" si="251"/>
        <v>0.24721954691437931</v>
      </c>
      <c r="J2200">
        <f t="shared" si="252"/>
        <v>0.82406515638126454</v>
      </c>
      <c r="K2200">
        <f t="shared" si="253"/>
        <v>1.2360977345718966</v>
      </c>
      <c r="L2200">
        <f t="shared" si="254"/>
        <v>12.59592599576899</v>
      </c>
      <c r="M2200">
        <f t="shared" si="255"/>
        <v>0</v>
      </c>
      <c r="N2200" s="46">
        <f t="shared" si="256"/>
        <v>45382.249999994747</v>
      </c>
    </row>
    <row r="2201" spans="2:14" x14ac:dyDescent="0.3">
      <c r="B2201">
        <f t="shared" si="250"/>
        <v>7</v>
      </c>
      <c r="C2201" s="16">
        <v>2167</v>
      </c>
      <c r="D2201" cm="1">
        <f t="array" ref="D2201">IFERROR(INDEX(Jesper!AH$2:AH$366,ROUNDDOWN($C2201/24,0)+1,1)*INDEX($D$3:$AA$30,INDEX(Jesper!$R$2:$R$366,ROW(INDEX(Jesper!AH$2:AH$366,ROUNDDOWN($C2201/24,0)+1,1))-1)+IF('Standard Profiles'!$G$18=$B$10,7,0)+IF('Standard Profiles'!$G$18=$B$17,14,0)+IF('Standard Profiles'!$G$18=$B$24,21,0),MOD($C2201,24)+1)/SUM(INDEX($D$3:$AA$30,INDEX(Jesper!$R$2:$R$366,ROW(INDEX(Jesper!AH$2:AH$366,ROUNDDOWN($C2201/24,0)+1,1))-1)+IF('Standard Profiles'!$G$18=$B$10,7,0)+IF('Standard Profiles'!$G$18=$B$17,14,0)+IF('Standard Profiles'!$G$18=$B$24,21,0),0)),0)</f>
        <v>14.453354757771244</v>
      </c>
      <c r="E2201" cm="1">
        <f t="array" ref="E2201">IFERROR(INDEX(Jesper!AI$2:AI$366,ROUNDDOWN($C2201/24,0)+1,1)*INDEX($D$3:$AA$30,INDEX(Jesper!$R$2:$R$366,ROW(INDEX(Jesper!AI$2:AI$366,ROUNDDOWN($C2201/24,0)+1,1))-1)+IF('Standard Profiles'!$G$19=$B$10,7,0)+IF('Standard Profiles'!$G$19=$B$17,14,0)+IF('Standard Profiles'!$G$19=$B$24,21,0),MOD($C2201,24)+1)/SUM(INDEX($D$3:$AA$30,INDEX(Jesper!$R$2:$R$366,ROW(INDEX(Jesper!AI$2:AI$366,ROUNDDOWN($C2201/24,0)+1,1))-1)+IF('Standard Profiles'!$G$19=$B$10,7,0)+IF('Standard Profiles'!$G$19=$B$17,14,0)+IF('Standard Profiles'!$G$19=$B$24,21,0),0)),0)</f>
        <v>3.2618986633438758</v>
      </c>
      <c r="F2201" cm="1">
        <f t="array" ref="F2201">IFERROR(INDEX(Jesper!AJ$2:AJ$366,ROUNDDOWN($C2201/24,0)+1,1)*INDEX($D$3:$AA$30,INDEX(Jesper!$R$2:$R$366,ROW(INDEX(Jesper!AJ$2:AJ$366,ROUNDDOWN($C2201/24,0)+1,1))-1)+IF('Standard Profiles'!$G$20=$B$10,7,0)+IF('Standard Profiles'!$G$20=$B$17,14,0)+IF('Standard Profiles'!$G$20=$B$24,21,0),MOD($C2201,24)+1)/SUM(INDEX($D$3:$AA$30,INDEX(Jesper!$R$2:$R$366,ROW(INDEX(Jesper!AJ$2:AJ$366,ROUNDDOWN($C2201/24,0)+1,1))-1)+IF('Standard Profiles'!$G$20=$B$10,7,0)+IF('Standard Profiles'!$G$20=$B$17,14,0)+IF('Standard Profiles'!$G$20=$B$24,21,0),0)),0)</f>
        <v>0</v>
      </c>
      <c r="G2201" cm="1">
        <f t="array" ref="G2201">IFERROR(INDEX(Jesper!AK$2:AK$366,ROUNDDOWN($C2201/24,0)+1,1)*INDEX($D$3:$AA$30,INDEX(Jesper!$R$2:$R$366,ROW(INDEX(Jesper!AK$2:AK$366,ROUNDDOWN($C2201/24,0)+1,1))-1)+IF('Standard Profiles'!$G$21=$B$10,7,0)+IF('Standard Profiles'!$G$21=$B$17,14,0)+IF('Standard Profiles'!$G$21=$B$24,21,0),MOD($C2201,24)+1)/SUM(INDEX($D$3:$AA$30,INDEX(Jesper!$R$2:$R$366,ROW(INDEX(Jesper!AK$2:AK$366,ROUNDDOWN($C2201/24,0)+1,1))-1)+IF('Standard Profiles'!$G$21=$B$10,7,0)+IF('Standard Profiles'!$G$21=$B$17,14,0)+IF('Standard Profiles'!$G$21=$B$24,21,0),0)),0)</f>
        <v>0</v>
      </c>
      <c r="H2201" cm="1">
        <f t="array" ref="H2201">IFERROR(INDEX(Jesper!AL$2:AL$366,ROUNDDOWN($C2201/24,0)+1,1)*INDEX($D$3:$AA$30,INDEX(Jesper!$R$2:$R$366,ROW(INDEX(Jesper!AL$2:AL$366,ROUNDDOWN($C2201/24,0)+1,1))-1)+IF('Standard Profiles'!$G$22=$B$10,7,0)+IF('Standard Profiles'!$G$22=$B$17,14,0)+IF('Standard Profiles'!$G$22=$B$24,21,0),MOD($C2201,24)+1)/SUM(INDEX($D$3:$AA$30,INDEX(Jesper!$R$2:$R$366,ROW(INDEX(Jesper!AL$2:AL$366,ROUNDDOWN($C2201/24,0)+1,1))-1)+IF('Standard Profiles'!$G$22=$B$10,7,0)+IF('Standard Profiles'!$G$22=$B$17,14,0)+IF('Standard Profiles'!$G$22=$B$24,21,0),0)),0)</f>
        <v>0</v>
      </c>
      <c r="I2201">
        <f t="shared" si="251"/>
        <v>0.29386474444539429</v>
      </c>
      <c r="J2201">
        <f t="shared" si="252"/>
        <v>0.97954914815131444</v>
      </c>
      <c r="K2201">
        <f t="shared" si="253"/>
        <v>1.4693237222269717</v>
      </c>
      <c r="L2201">
        <f t="shared" si="254"/>
        <v>14.97251580629144</v>
      </c>
      <c r="M2201">
        <f t="shared" si="255"/>
        <v>0</v>
      </c>
      <c r="N2201" s="46">
        <f t="shared" si="256"/>
        <v>45382.291666661411</v>
      </c>
    </row>
    <row r="2202" spans="2:14" x14ac:dyDescent="0.3">
      <c r="B2202">
        <f t="shared" si="250"/>
        <v>7</v>
      </c>
      <c r="C2202" s="16">
        <v>2168</v>
      </c>
      <c r="D2202" cm="1">
        <f t="array" ref="D2202">IFERROR(INDEX(Jesper!AH$2:AH$366,ROUNDDOWN($C2202/24,0)+1,1)*INDEX($D$3:$AA$30,INDEX(Jesper!$R$2:$R$366,ROW(INDEX(Jesper!AH$2:AH$366,ROUNDDOWN($C2202/24,0)+1,1))-1)+IF('Standard Profiles'!$G$18=$B$10,7,0)+IF('Standard Profiles'!$G$18=$B$17,14,0)+IF('Standard Profiles'!$G$18=$B$24,21,0),MOD($C2202,24)+1)/SUM(INDEX($D$3:$AA$30,INDEX(Jesper!$R$2:$R$366,ROW(INDEX(Jesper!AH$2:AH$366,ROUNDDOWN($C2202/24,0)+1,1))-1)+IF('Standard Profiles'!$G$18=$B$10,7,0)+IF('Standard Profiles'!$G$18=$B$17,14,0)+IF('Standard Profiles'!$G$18=$B$24,21,0),0)),0)</f>
        <v>14.453354757771244</v>
      </c>
      <c r="E2202" cm="1">
        <f t="array" ref="E2202">IFERROR(INDEX(Jesper!AI$2:AI$366,ROUNDDOWN($C2202/24,0)+1,1)*INDEX($D$3:$AA$30,INDEX(Jesper!$R$2:$R$366,ROW(INDEX(Jesper!AI$2:AI$366,ROUNDDOWN($C2202/24,0)+1,1))-1)+IF('Standard Profiles'!$G$19=$B$10,7,0)+IF('Standard Profiles'!$G$19=$B$17,14,0)+IF('Standard Profiles'!$G$19=$B$24,21,0),MOD($C2202,24)+1)/SUM(INDEX($D$3:$AA$30,INDEX(Jesper!$R$2:$R$366,ROW(INDEX(Jesper!AI$2:AI$366,ROUNDDOWN($C2202/24,0)+1,1))-1)+IF('Standard Profiles'!$G$19=$B$10,7,0)+IF('Standard Profiles'!$G$19=$B$17,14,0)+IF('Standard Profiles'!$G$19=$B$24,21,0),0)),0)</f>
        <v>3.2618986633438758</v>
      </c>
      <c r="F2202" cm="1">
        <f t="array" ref="F2202">IFERROR(INDEX(Jesper!AJ$2:AJ$366,ROUNDDOWN($C2202/24,0)+1,1)*INDEX($D$3:$AA$30,INDEX(Jesper!$R$2:$R$366,ROW(INDEX(Jesper!AJ$2:AJ$366,ROUNDDOWN($C2202/24,0)+1,1))-1)+IF('Standard Profiles'!$G$20=$B$10,7,0)+IF('Standard Profiles'!$G$20=$B$17,14,0)+IF('Standard Profiles'!$G$20=$B$24,21,0),MOD($C2202,24)+1)/SUM(INDEX($D$3:$AA$30,INDEX(Jesper!$R$2:$R$366,ROW(INDEX(Jesper!AJ$2:AJ$366,ROUNDDOWN($C2202/24,0)+1,1))-1)+IF('Standard Profiles'!$G$20=$B$10,7,0)+IF('Standard Profiles'!$G$20=$B$17,14,0)+IF('Standard Profiles'!$G$20=$B$24,21,0),0)),0)</f>
        <v>0</v>
      </c>
      <c r="G2202" cm="1">
        <f t="array" ref="G2202">IFERROR(INDEX(Jesper!AK$2:AK$366,ROUNDDOWN($C2202/24,0)+1,1)*INDEX($D$3:$AA$30,INDEX(Jesper!$R$2:$R$366,ROW(INDEX(Jesper!AK$2:AK$366,ROUNDDOWN($C2202/24,0)+1,1))-1)+IF('Standard Profiles'!$G$21=$B$10,7,0)+IF('Standard Profiles'!$G$21=$B$17,14,0)+IF('Standard Profiles'!$G$21=$B$24,21,0),MOD($C2202,24)+1)/SUM(INDEX($D$3:$AA$30,INDEX(Jesper!$R$2:$R$366,ROW(INDEX(Jesper!AK$2:AK$366,ROUNDDOWN($C2202/24,0)+1,1))-1)+IF('Standard Profiles'!$G$21=$B$10,7,0)+IF('Standard Profiles'!$G$21=$B$17,14,0)+IF('Standard Profiles'!$G$21=$B$24,21,0),0)),0)</f>
        <v>0</v>
      </c>
      <c r="H2202" cm="1">
        <f t="array" ref="H2202">IFERROR(INDEX(Jesper!AL$2:AL$366,ROUNDDOWN($C2202/24,0)+1,1)*INDEX($D$3:$AA$30,INDEX(Jesper!$R$2:$R$366,ROW(INDEX(Jesper!AL$2:AL$366,ROUNDDOWN($C2202/24,0)+1,1))-1)+IF('Standard Profiles'!$G$22=$B$10,7,0)+IF('Standard Profiles'!$G$22=$B$17,14,0)+IF('Standard Profiles'!$G$22=$B$24,21,0),MOD($C2202,24)+1)/SUM(INDEX($D$3:$AA$30,INDEX(Jesper!$R$2:$R$366,ROW(INDEX(Jesper!AL$2:AL$366,ROUNDDOWN($C2202/24,0)+1,1))-1)+IF('Standard Profiles'!$G$22=$B$10,7,0)+IF('Standard Profiles'!$G$22=$B$17,14,0)+IF('Standard Profiles'!$G$22=$B$24,21,0),0)),0)</f>
        <v>0</v>
      </c>
      <c r="I2202">
        <f t="shared" si="251"/>
        <v>0.29386474444539429</v>
      </c>
      <c r="J2202">
        <f t="shared" si="252"/>
        <v>0.97954914815131444</v>
      </c>
      <c r="K2202">
        <f t="shared" si="253"/>
        <v>1.4693237222269717</v>
      </c>
      <c r="L2202">
        <f t="shared" si="254"/>
        <v>14.97251580629144</v>
      </c>
      <c r="M2202">
        <f t="shared" si="255"/>
        <v>0</v>
      </c>
      <c r="N2202" s="46">
        <f t="shared" si="256"/>
        <v>45382.333333328075</v>
      </c>
    </row>
    <row r="2203" spans="2:14" x14ac:dyDescent="0.3">
      <c r="B2203">
        <f t="shared" si="250"/>
        <v>7</v>
      </c>
      <c r="C2203" s="16">
        <v>2169</v>
      </c>
      <c r="D2203" cm="1">
        <f t="array" ref="D2203">IFERROR(INDEX(Jesper!AH$2:AH$366,ROUNDDOWN($C2203/24,0)+1,1)*INDEX($D$3:$AA$30,INDEX(Jesper!$R$2:$R$366,ROW(INDEX(Jesper!AH$2:AH$366,ROUNDDOWN($C2203/24,0)+1,1))-1)+IF('Standard Profiles'!$G$18=$B$10,7,0)+IF('Standard Profiles'!$G$18=$B$17,14,0)+IF('Standard Profiles'!$G$18=$B$24,21,0),MOD($C2203,24)+1)/SUM(INDEX($D$3:$AA$30,INDEX(Jesper!$R$2:$R$366,ROW(INDEX(Jesper!AH$2:AH$366,ROUNDDOWN($C2203/24,0)+1,1))-1)+IF('Standard Profiles'!$G$18=$B$10,7,0)+IF('Standard Profiles'!$G$18=$B$17,14,0)+IF('Standard Profiles'!$G$18=$B$24,21,0),0)),0)</f>
        <v>14.453354757771244</v>
      </c>
      <c r="E2203" cm="1">
        <f t="array" ref="E2203">IFERROR(INDEX(Jesper!AI$2:AI$366,ROUNDDOWN($C2203/24,0)+1,1)*INDEX($D$3:$AA$30,INDEX(Jesper!$R$2:$R$366,ROW(INDEX(Jesper!AI$2:AI$366,ROUNDDOWN($C2203/24,0)+1,1))-1)+IF('Standard Profiles'!$G$19=$B$10,7,0)+IF('Standard Profiles'!$G$19=$B$17,14,0)+IF('Standard Profiles'!$G$19=$B$24,21,0),MOD($C2203,24)+1)/SUM(INDEX($D$3:$AA$30,INDEX(Jesper!$R$2:$R$366,ROW(INDEX(Jesper!AI$2:AI$366,ROUNDDOWN($C2203/24,0)+1,1))-1)+IF('Standard Profiles'!$G$19=$B$10,7,0)+IF('Standard Profiles'!$G$19=$B$17,14,0)+IF('Standard Profiles'!$G$19=$B$24,21,0),0)),0)</f>
        <v>3.2618986633438758</v>
      </c>
      <c r="F2203" cm="1">
        <f t="array" ref="F2203">IFERROR(INDEX(Jesper!AJ$2:AJ$366,ROUNDDOWN($C2203/24,0)+1,1)*INDEX($D$3:$AA$30,INDEX(Jesper!$R$2:$R$366,ROW(INDEX(Jesper!AJ$2:AJ$366,ROUNDDOWN($C2203/24,0)+1,1))-1)+IF('Standard Profiles'!$G$20=$B$10,7,0)+IF('Standard Profiles'!$G$20=$B$17,14,0)+IF('Standard Profiles'!$G$20=$B$24,21,0),MOD($C2203,24)+1)/SUM(INDEX($D$3:$AA$30,INDEX(Jesper!$R$2:$R$366,ROW(INDEX(Jesper!AJ$2:AJ$366,ROUNDDOWN($C2203/24,0)+1,1))-1)+IF('Standard Profiles'!$G$20=$B$10,7,0)+IF('Standard Profiles'!$G$20=$B$17,14,0)+IF('Standard Profiles'!$G$20=$B$24,21,0),0)),0)</f>
        <v>0</v>
      </c>
      <c r="G2203" cm="1">
        <f t="array" ref="G2203">IFERROR(INDEX(Jesper!AK$2:AK$366,ROUNDDOWN($C2203/24,0)+1,1)*INDEX($D$3:$AA$30,INDEX(Jesper!$R$2:$R$366,ROW(INDEX(Jesper!AK$2:AK$366,ROUNDDOWN($C2203/24,0)+1,1))-1)+IF('Standard Profiles'!$G$21=$B$10,7,0)+IF('Standard Profiles'!$G$21=$B$17,14,0)+IF('Standard Profiles'!$G$21=$B$24,21,0),MOD($C2203,24)+1)/SUM(INDEX($D$3:$AA$30,INDEX(Jesper!$R$2:$R$366,ROW(INDEX(Jesper!AK$2:AK$366,ROUNDDOWN($C2203/24,0)+1,1))-1)+IF('Standard Profiles'!$G$21=$B$10,7,0)+IF('Standard Profiles'!$G$21=$B$17,14,0)+IF('Standard Profiles'!$G$21=$B$24,21,0),0)),0)</f>
        <v>0</v>
      </c>
      <c r="H2203" cm="1">
        <f t="array" ref="H2203">IFERROR(INDEX(Jesper!AL$2:AL$366,ROUNDDOWN($C2203/24,0)+1,1)*INDEX($D$3:$AA$30,INDEX(Jesper!$R$2:$R$366,ROW(INDEX(Jesper!AL$2:AL$366,ROUNDDOWN($C2203/24,0)+1,1))-1)+IF('Standard Profiles'!$G$22=$B$10,7,0)+IF('Standard Profiles'!$G$22=$B$17,14,0)+IF('Standard Profiles'!$G$22=$B$24,21,0),MOD($C2203,24)+1)/SUM(INDEX($D$3:$AA$30,INDEX(Jesper!$R$2:$R$366,ROW(INDEX(Jesper!AL$2:AL$366,ROUNDDOWN($C2203/24,0)+1,1))-1)+IF('Standard Profiles'!$G$22=$B$10,7,0)+IF('Standard Profiles'!$G$22=$B$17,14,0)+IF('Standard Profiles'!$G$22=$B$24,21,0),0)),0)</f>
        <v>0</v>
      </c>
      <c r="I2203">
        <f t="shared" si="251"/>
        <v>0.29386474444539429</v>
      </c>
      <c r="J2203">
        <f t="shared" si="252"/>
        <v>0.97954914815131444</v>
      </c>
      <c r="K2203">
        <f t="shared" si="253"/>
        <v>1.4693237222269717</v>
      </c>
      <c r="L2203">
        <f t="shared" si="254"/>
        <v>14.97251580629144</v>
      </c>
      <c r="M2203">
        <f t="shared" si="255"/>
        <v>0</v>
      </c>
      <c r="N2203" s="46">
        <f t="shared" si="256"/>
        <v>45382.374999994739</v>
      </c>
    </row>
    <row r="2204" spans="2:14" x14ac:dyDescent="0.3">
      <c r="B2204">
        <f t="shared" si="250"/>
        <v>7</v>
      </c>
      <c r="C2204" s="16">
        <v>2170</v>
      </c>
      <c r="D2204" cm="1">
        <f t="array" ref="D2204">IFERROR(INDEX(Jesper!AH$2:AH$366,ROUNDDOWN($C2204/24,0)+1,1)*INDEX($D$3:$AA$30,INDEX(Jesper!$R$2:$R$366,ROW(INDEX(Jesper!AH$2:AH$366,ROUNDDOWN($C2204/24,0)+1,1))-1)+IF('Standard Profiles'!$G$18=$B$10,7,0)+IF('Standard Profiles'!$G$18=$B$17,14,0)+IF('Standard Profiles'!$G$18=$B$24,21,0),MOD($C2204,24)+1)/SUM(INDEX($D$3:$AA$30,INDEX(Jesper!$R$2:$R$366,ROW(INDEX(Jesper!AH$2:AH$366,ROUNDDOWN($C2204/24,0)+1,1))-1)+IF('Standard Profiles'!$G$18=$B$10,7,0)+IF('Standard Profiles'!$G$18=$B$17,14,0)+IF('Standard Profiles'!$G$18=$B$24,21,0),0)),0)</f>
        <v>14.453354757771244</v>
      </c>
      <c r="E2204" cm="1">
        <f t="array" ref="E2204">IFERROR(INDEX(Jesper!AI$2:AI$366,ROUNDDOWN($C2204/24,0)+1,1)*INDEX($D$3:$AA$30,INDEX(Jesper!$R$2:$R$366,ROW(INDEX(Jesper!AI$2:AI$366,ROUNDDOWN($C2204/24,0)+1,1))-1)+IF('Standard Profiles'!$G$19=$B$10,7,0)+IF('Standard Profiles'!$G$19=$B$17,14,0)+IF('Standard Profiles'!$G$19=$B$24,21,0),MOD($C2204,24)+1)/SUM(INDEX($D$3:$AA$30,INDEX(Jesper!$R$2:$R$366,ROW(INDEX(Jesper!AI$2:AI$366,ROUNDDOWN($C2204/24,0)+1,1))-1)+IF('Standard Profiles'!$G$19=$B$10,7,0)+IF('Standard Profiles'!$G$19=$B$17,14,0)+IF('Standard Profiles'!$G$19=$B$24,21,0),0)),0)</f>
        <v>3.2618986633438758</v>
      </c>
      <c r="F2204" cm="1">
        <f t="array" ref="F2204">IFERROR(INDEX(Jesper!AJ$2:AJ$366,ROUNDDOWN($C2204/24,0)+1,1)*INDEX($D$3:$AA$30,INDEX(Jesper!$R$2:$R$366,ROW(INDEX(Jesper!AJ$2:AJ$366,ROUNDDOWN($C2204/24,0)+1,1))-1)+IF('Standard Profiles'!$G$20=$B$10,7,0)+IF('Standard Profiles'!$G$20=$B$17,14,0)+IF('Standard Profiles'!$G$20=$B$24,21,0),MOD($C2204,24)+1)/SUM(INDEX($D$3:$AA$30,INDEX(Jesper!$R$2:$R$366,ROW(INDEX(Jesper!AJ$2:AJ$366,ROUNDDOWN($C2204/24,0)+1,1))-1)+IF('Standard Profiles'!$G$20=$B$10,7,0)+IF('Standard Profiles'!$G$20=$B$17,14,0)+IF('Standard Profiles'!$G$20=$B$24,21,0),0)),0)</f>
        <v>0</v>
      </c>
      <c r="G2204" cm="1">
        <f t="array" ref="G2204">IFERROR(INDEX(Jesper!AK$2:AK$366,ROUNDDOWN($C2204/24,0)+1,1)*INDEX($D$3:$AA$30,INDEX(Jesper!$R$2:$R$366,ROW(INDEX(Jesper!AK$2:AK$366,ROUNDDOWN($C2204/24,0)+1,1))-1)+IF('Standard Profiles'!$G$21=$B$10,7,0)+IF('Standard Profiles'!$G$21=$B$17,14,0)+IF('Standard Profiles'!$G$21=$B$24,21,0),MOD($C2204,24)+1)/SUM(INDEX($D$3:$AA$30,INDEX(Jesper!$R$2:$R$366,ROW(INDEX(Jesper!AK$2:AK$366,ROUNDDOWN($C2204/24,0)+1,1))-1)+IF('Standard Profiles'!$G$21=$B$10,7,0)+IF('Standard Profiles'!$G$21=$B$17,14,0)+IF('Standard Profiles'!$G$21=$B$24,21,0),0)),0)</f>
        <v>0</v>
      </c>
      <c r="H2204" cm="1">
        <f t="array" ref="H2204">IFERROR(INDEX(Jesper!AL$2:AL$366,ROUNDDOWN($C2204/24,0)+1,1)*INDEX($D$3:$AA$30,INDEX(Jesper!$R$2:$R$366,ROW(INDEX(Jesper!AL$2:AL$366,ROUNDDOWN($C2204/24,0)+1,1))-1)+IF('Standard Profiles'!$G$22=$B$10,7,0)+IF('Standard Profiles'!$G$22=$B$17,14,0)+IF('Standard Profiles'!$G$22=$B$24,21,0),MOD($C2204,24)+1)/SUM(INDEX($D$3:$AA$30,INDEX(Jesper!$R$2:$R$366,ROW(INDEX(Jesper!AL$2:AL$366,ROUNDDOWN($C2204/24,0)+1,1))-1)+IF('Standard Profiles'!$G$22=$B$10,7,0)+IF('Standard Profiles'!$G$22=$B$17,14,0)+IF('Standard Profiles'!$G$22=$B$24,21,0),0)),0)</f>
        <v>0</v>
      </c>
      <c r="I2204">
        <f t="shared" si="251"/>
        <v>0.29386474444539429</v>
      </c>
      <c r="J2204">
        <f t="shared" si="252"/>
        <v>0.97954914815131444</v>
      </c>
      <c r="K2204">
        <f t="shared" si="253"/>
        <v>1.4693237222269717</v>
      </c>
      <c r="L2204">
        <f t="shared" si="254"/>
        <v>14.97251580629144</v>
      </c>
      <c r="M2204">
        <f t="shared" si="255"/>
        <v>0</v>
      </c>
      <c r="N2204" s="46">
        <f t="shared" si="256"/>
        <v>45382.416666661404</v>
      </c>
    </row>
    <row r="2205" spans="2:14" x14ac:dyDescent="0.3">
      <c r="B2205">
        <f t="shared" si="250"/>
        <v>7</v>
      </c>
      <c r="C2205" s="16">
        <v>2171</v>
      </c>
      <c r="D2205" cm="1">
        <f t="array" ref="D2205">IFERROR(INDEX(Jesper!AH$2:AH$366,ROUNDDOWN($C2205/24,0)+1,1)*INDEX($D$3:$AA$30,INDEX(Jesper!$R$2:$R$366,ROW(INDEX(Jesper!AH$2:AH$366,ROUNDDOWN($C2205/24,0)+1,1))-1)+IF('Standard Profiles'!$G$18=$B$10,7,0)+IF('Standard Profiles'!$G$18=$B$17,14,0)+IF('Standard Profiles'!$G$18=$B$24,21,0),MOD($C2205,24)+1)/SUM(INDEX($D$3:$AA$30,INDEX(Jesper!$R$2:$R$366,ROW(INDEX(Jesper!AH$2:AH$366,ROUNDDOWN($C2205/24,0)+1,1))-1)+IF('Standard Profiles'!$G$18=$B$10,7,0)+IF('Standard Profiles'!$G$18=$B$17,14,0)+IF('Standard Profiles'!$G$18=$B$24,21,0),0)),0)</f>
        <v>14.453354757771244</v>
      </c>
      <c r="E2205" cm="1">
        <f t="array" ref="E2205">IFERROR(INDEX(Jesper!AI$2:AI$366,ROUNDDOWN($C2205/24,0)+1,1)*INDEX($D$3:$AA$30,INDEX(Jesper!$R$2:$R$366,ROW(INDEX(Jesper!AI$2:AI$366,ROUNDDOWN($C2205/24,0)+1,1))-1)+IF('Standard Profiles'!$G$19=$B$10,7,0)+IF('Standard Profiles'!$G$19=$B$17,14,0)+IF('Standard Profiles'!$G$19=$B$24,21,0),MOD($C2205,24)+1)/SUM(INDEX($D$3:$AA$30,INDEX(Jesper!$R$2:$R$366,ROW(INDEX(Jesper!AI$2:AI$366,ROUNDDOWN($C2205/24,0)+1,1))-1)+IF('Standard Profiles'!$G$19=$B$10,7,0)+IF('Standard Profiles'!$G$19=$B$17,14,0)+IF('Standard Profiles'!$G$19=$B$24,21,0),0)),0)</f>
        <v>3.2618986633438758</v>
      </c>
      <c r="F2205" cm="1">
        <f t="array" ref="F2205">IFERROR(INDEX(Jesper!AJ$2:AJ$366,ROUNDDOWN($C2205/24,0)+1,1)*INDEX($D$3:$AA$30,INDEX(Jesper!$R$2:$R$366,ROW(INDEX(Jesper!AJ$2:AJ$366,ROUNDDOWN($C2205/24,0)+1,1))-1)+IF('Standard Profiles'!$G$20=$B$10,7,0)+IF('Standard Profiles'!$G$20=$B$17,14,0)+IF('Standard Profiles'!$G$20=$B$24,21,0),MOD($C2205,24)+1)/SUM(INDEX($D$3:$AA$30,INDEX(Jesper!$R$2:$R$366,ROW(INDEX(Jesper!AJ$2:AJ$366,ROUNDDOWN($C2205/24,0)+1,1))-1)+IF('Standard Profiles'!$G$20=$B$10,7,0)+IF('Standard Profiles'!$G$20=$B$17,14,0)+IF('Standard Profiles'!$G$20=$B$24,21,0),0)),0)</f>
        <v>0</v>
      </c>
      <c r="G2205" cm="1">
        <f t="array" ref="G2205">IFERROR(INDEX(Jesper!AK$2:AK$366,ROUNDDOWN($C2205/24,0)+1,1)*INDEX($D$3:$AA$30,INDEX(Jesper!$R$2:$R$366,ROW(INDEX(Jesper!AK$2:AK$366,ROUNDDOWN($C2205/24,0)+1,1))-1)+IF('Standard Profiles'!$G$21=$B$10,7,0)+IF('Standard Profiles'!$G$21=$B$17,14,0)+IF('Standard Profiles'!$G$21=$B$24,21,0),MOD($C2205,24)+1)/SUM(INDEX($D$3:$AA$30,INDEX(Jesper!$R$2:$R$366,ROW(INDEX(Jesper!AK$2:AK$366,ROUNDDOWN($C2205/24,0)+1,1))-1)+IF('Standard Profiles'!$G$21=$B$10,7,0)+IF('Standard Profiles'!$G$21=$B$17,14,0)+IF('Standard Profiles'!$G$21=$B$24,21,0),0)),0)</f>
        <v>0</v>
      </c>
      <c r="H2205" cm="1">
        <f t="array" ref="H2205">IFERROR(INDEX(Jesper!AL$2:AL$366,ROUNDDOWN($C2205/24,0)+1,1)*INDEX($D$3:$AA$30,INDEX(Jesper!$R$2:$R$366,ROW(INDEX(Jesper!AL$2:AL$366,ROUNDDOWN($C2205/24,0)+1,1))-1)+IF('Standard Profiles'!$G$22=$B$10,7,0)+IF('Standard Profiles'!$G$22=$B$17,14,0)+IF('Standard Profiles'!$G$22=$B$24,21,0),MOD($C2205,24)+1)/SUM(INDEX($D$3:$AA$30,INDEX(Jesper!$R$2:$R$366,ROW(INDEX(Jesper!AL$2:AL$366,ROUNDDOWN($C2205/24,0)+1,1))-1)+IF('Standard Profiles'!$G$22=$B$10,7,0)+IF('Standard Profiles'!$G$22=$B$17,14,0)+IF('Standard Profiles'!$G$22=$B$24,21,0),0)),0)</f>
        <v>0</v>
      </c>
      <c r="I2205">
        <f t="shared" si="251"/>
        <v>0.29386474444539429</v>
      </c>
      <c r="J2205">
        <f t="shared" si="252"/>
        <v>0.97954914815131444</v>
      </c>
      <c r="K2205">
        <f t="shared" si="253"/>
        <v>1.4693237222269717</v>
      </c>
      <c r="L2205">
        <f t="shared" si="254"/>
        <v>14.97251580629144</v>
      </c>
      <c r="M2205">
        <f t="shared" si="255"/>
        <v>0</v>
      </c>
      <c r="N2205" s="46">
        <f t="shared" si="256"/>
        <v>45382.458333328068</v>
      </c>
    </row>
    <row r="2206" spans="2:14" x14ac:dyDescent="0.3">
      <c r="B2206">
        <f t="shared" si="250"/>
        <v>7</v>
      </c>
      <c r="C2206" s="16">
        <v>2172</v>
      </c>
      <c r="D2206" cm="1">
        <f t="array" ref="D2206">IFERROR(INDEX(Jesper!AH$2:AH$366,ROUNDDOWN($C2206/24,0)+1,1)*INDEX($D$3:$AA$30,INDEX(Jesper!$R$2:$R$366,ROW(INDEX(Jesper!AH$2:AH$366,ROUNDDOWN($C2206/24,0)+1,1))-1)+IF('Standard Profiles'!$G$18=$B$10,7,0)+IF('Standard Profiles'!$G$18=$B$17,14,0)+IF('Standard Profiles'!$G$18=$B$24,21,0),MOD($C2206,24)+1)/SUM(INDEX($D$3:$AA$30,INDEX(Jesper!$R$2:$R$366,ROW(INDEX(Jesper!AH$2:AH$366,ROUNDDOWN($C2206/24,0)+1,1))-1)+IF('Standard Profiles'!$G$18=$B$10,7,0)+IF('Standard Profiles'!$G$18=$B$17,14,0)+IF('Standard Profiles'!$G$18=$B$24,21,0),0)),0)</f>
        <v>14.453354757771244</v>
      </c>
      <c r="E2206" cm="1">
        <f t="array" ref="E2206">IFERROR(INDEX(Jesper!AI$2:AI$366,ROUNDDOWN($C2206/24,0)+1,1)*INDEX($D$3:$AA$30,INDEX(Jesper!$R$2:$R$366,ROW(INDEX(Jesper!AI$2:AI$366,ROUNDDOWN($C2206/24,0)+1,1))-1)+IF('Standard Profiles'!$G$19=$B$10,7,0)+IF('Standard Profiles'!$G$19=$B$17,14,0)+IF('Standard Profiles'!$G$19=$B$24,21,0),MOD($C2206,24)+1)/SUM(INDEX($D$3:$AA$30,INDEX(Jesper!$R$2:$R$366,ROW(INDEX(Jesper!AI$2:AI$366,ROUNDDOWN($C2206/24,0)+1,1))-1)+IF('Standard Profiles'!$G$19=$B$10,7,0)+IF('Standard Profiles'!$G$19=$B$17,14,0)+IF('Standard Profiles'!$G$19=$B$24,21,0),0)),0)</f>
        <v>3.2618986633438758</v>
      </c>
      <c r="F2206" cm="1">
        <f t="array" ref="F2206">IFERROR(INDEX(Jesper!AJ$2:AJ$366,ROUNDDOWN($C2206/24,0)+1,1)*INDEX($D$3:$AA$30,INDEX(Jesper!$R$2:$R$366,ROW(INDEX(Jesper!AJ$2:AJ$366,ROUNDDOWN($C2206/24,0)+1,1))-1)+IF('Standard Profiles'!$G$20=$B$10,7,0)+IF('Standard Profiles'!$G$20=$B$17,14,0)+IF('Standard Profiles'!$G$20=$B$24,21,0),MOD($C2206,24)+1)/SUM(INDEX($D$3:$AA$30,INDEX(Jesper!$R$2:$R$366,ROW(INDEX(Jesper!AJ$2:AJ$366,ROUNDDOWN($C2206/24,0)+1,1))-1)+IF('Standard Profiles'!$G$20=$B$10,7,0)+IF('Standard Profiles'!$G$20=$B$17,14,0)+IF('Standard Profiles'!$G$20=$B$24,21,0),0)),0)</f>
        <v>0</v>
      </c>
      <c r="G2206" cm="1">
        <f t="array" ref="G2206">IFERROR(INDEX(Jesper!AK$2:AK$366,ROUNDDOWN($C2206/24,0)+1,1)*INDEX($D$3:$AA$30,INDEX(Jesper!$R$2:$R$366,ROW(INDEX(Jesper!AK$2:AK$366,ROUNDDOWN($C2206/24,0)+1,1))-1)+IF('Standard Profiles'!$G$21=$B$10,7,0)+IF('Standard Profiles'!$G$21=$B$17,14,0)+IF('Standard Profiles'!$G$21=$B$24,21,0),MOD($C2206,24)+1)/SUM(INDEX($D$3:$AA$30,INDEX(Jesper!$R$2:$R$366,ROW(INDEX(Jesper!AK$2:AK$366,ROUNDDOWN($C2206/24,0)+1,1))-1)+IF('Standard Profiles'!$G$21=$B$10,7,0)+IF('Standard Profiles'!$G$21=$B$17,14,0)+IF('Standard Profiles'!$G$21=$B$24,21,0),0)),0)</f>
        <v>0</v>
      </c>
      <c r="H2206" cm="1">
        <f t="array" ref="H2206">IFERROR(INDEX(Jesper!AL$2:AL$366,ROUNDDOWN($C2206/24,0)+1,1)*INDEX($D$3:$AA$30,INDEX(Jesper!$R$2:$R$366,ROW(INDEX(Jesper!AL$2:AL$366,ROUNDDOWN($C2206/24,0)+1,1))-1)+IF('Standard Profiles'!$G$22=$B$10,7,0)+IF('Standard Profiles'!$G$22=$B$17,14,0)+IF('Standard Profiles'!$G$22=$B$24,21,0),MOD($C2206,24)+1)/SUM(INDEX($D$3:$AA$30,INDEX(Jesper!$R$2:$R$366,ROW(INDEX(Jesper!AL$2:AL$366,ROUNDDOWN($C2206/24,0)+1,1))-1)+IF('Standard Profiles'!$G$22=$B$10,7,0)+IF('Standard Profiles'!$G$22=$B$17,14,0)+IF('Standard Profiles'!$G$22=$B$24,21,0),0)),0)</f>
        <v>0</v>
      </c>
      <c r="I2206">
        <f t="shared" si="251"/>
        <v>0.29386474444539429</v>
      </c>
      <c r="J2206">
        <f t="shared" si="252"/>
        <v>0.97954914815131444</v>
      </c>
      <c r="K2206">
        <f t="shared" si="253"/>
        <v>1.4693237222269717</v>
      </c>
      <c r="L2206">
        <f t="shared" si="254"/>
        <v>14.97251580629144</v>
      </c>
      <c r="M2206">
        <f t="shared" si="255"/>
        <v>0</v>
      </c>
      <c r="N2206" s="46">
        <f t="shared" si="256"/>
        <v>45382.499999994732</v>
      </c>
    </row>
    <row r="2207" spans="2:14" x14ac:dyDescent="0.3">
      <c r="B2207">
        <f t="shared" si="250"/>
        <v>7</v>
      </c>
      <c r="C2207" s="16">
        <v>2173</v>
      </c>
      <c r="D2207" cm="1">
        <f t="array" ref="D2207">IFERROR(INDEX(Jesper!AH$2:AH$366,ROUNDDOWN($C2207/24,0)+1,1)*INDEX($D$3:$AA$30,INDEX(Jesper!$R$2:$R$366,ROW(INDEX(Jesper!AH$2:AH$366,ROUNDDOWN($C2207/24,0)+1,1))-1)+IF('Standard Profiles'!$G$18=$B$10,7,0)+IF('Standard Profiles'!$G$18=$B$17,14,0)+IF('Standard Profiles'!$G$18=$B$24,21,0),MOD($C2207,24)+1)/SUM(INDEX($D$3:$AA$30,INDEX(Jesper!$R$2:$R$366,ROW(INDEX(Jesper!AH$2:AH$366,ROUNDDOWN($C2207/24,0)+1,1))-1)+IF('Standard Profiles'!$G$18=$B$10,7,0)+IF('Standard Profiles'!$G$18=$B$17,14,0)+IF('Standard Profiles'!$G$18=$B$24,21,0),0)),0)</f>
        <v>14.453354757771244</v>
      </c>
      <c r="E2207" cm="1">
        <f t="array" ref="E2207">IFERROR(INDEX(Jesper!AI$2:AI$366,ROUNDDOWN($C2207/24,0)+1,1)*INDEX($D$3:$AA$30,INDEX(Jesper!$R$2:$R$366,ROW(INDEX(Jesper!AI$2:AI$366,ROUNDDOWN($C2207/24,0)+1,1))-1)+IF('Standard Profiles'!$G$19=$B$10,7,0)+IF('Standard Profiles'!$G$19=$B$17,14,0)+IF('Standard Profiles'!$G$19=$B$24,21,0),MOD($C2207,24)+1)/SUM(INDEX($D$3:$AA$30,INDEX(Jesper!$R$2:$R$366,ROW(INDEX(Jesper!AI$2:AI$366,ROUNDDOWN($C2207/24,0)+1,1))-1)+IF('Standard Profiles'!$G$19=$B$10,7,0)+IF('Standard Profiles'!$G$19=$B$17,14,0)+IF('Standard Profiles'!$G$19=$B$24,21,0),0)),0)</f>
        <v>3.2618986633438758</v>
      </c>
      <c r="F2207" cm="1">
        <f t="array" ref="F2207">IFERROR(INDEX(Jesper!AJ$2:AJ$366,ROUNDDOWN($C2207/24,0)+1,1)*INDEX($D$3:$AA$30,INDEX(Jesper!$R$2:$R$366,ROW(INDEX(Jesper!AJ$2:AJ$366,ROUNDDOWN($C2207/24,0)+1,1))-1)+IF('Standard Profiles'!$G$20=$B$10,7,0)+IF('Standard Profiles'!$G$20=$B$17,14,0)+IF('Standard Profiles'!$G$20=$B$24,21,0),MOD($C2207,24)+1)/SUM(INDEX($D$3:$AA$30,INDEX(Jesper!$R$2:$R$366,ROW(INDEX(Jesper!AJ$2:AJ$366,ROUNDDOWN($C2207/24,0)+1,1))-1)+IF('Standard Profiles'!$G$20=$B$10,7,0)+IF('Standard Profiles'!$G$20=$B$17,14,0)+IF('Standard Profiles'!$G$20=$B$24,21,0),0)),0)</f>
        <v>0</v>
      </c>
      <c r="G2207" cm="1">
        <f t="array" ref="G2207">IFERROR(INDEX(Jesper!AK$2:AK$366,ROUNDDOWN($C2207/24,0)+1,1)*INDEX($D$3:$AA$30,INDEX(Jesper!$R$2:$R$366,ROW(INDEX(Jesper!AK$2:AK$366,ROUNDDOWN($C2207/24,0)+1,1))-1)+IF('Standard Profiles'!$G$21=$B$10,7,0)+IF('Standard Profiles'!$G$21=$B$17,14,0)+IF('Standard Profiles'!$G$21=$B$24,21,0),MOD($C2207,24)+1)/SUM(INDEX($D$3:$AA$30,INDEX(Jesper!$R$2:$R$366,ROW(INDEX(Jesper!AK$2:AK$366,ROUNDDOWN($C2207/24,0)+1,1))-1)+IF('Standard Profiles'!$G$21=$B$10,7,0)+IF('Standard Profiles'!$G$21=$B$17,14,0)+IF('Standard Profiles'!$G$21=$B$24,21,0),0)),0)</f>
        <v>0</v>
      </c>
      <c r="H2207" cm="1">
        <f t="array" ref="H2207">IFERROR(INDEX(Jesper!AL$2:AL$366,ROUNDDOWN($C2207/24,0)+1,1)*INDEX($D$3:$AA$30,INDEX(Jesper!$R$2:$R$366,ROW(INDEX(Jesper!AL$2:AL$366,ROUNDDOWN($C2207/24,0)+1,1))-1)+IF('Standard Profiles'!$G$22=$B$10,7,0)+IF('Standard Profiles'!$G$22=$B$17,14,0)+IF('Standard Profiles'!$G$22=$B$24,21,0),MOD($C2207,24)+1)/SUM(INDEX($D$3:$AA$30,INDEX(Jesper!$R$2:$R$366,ROW(INDEX(Jesper!AL$2:AL$366,ROUNDDOWN($C2207/24,0)+1,1))-1)+IF('Standard Profiles'!$G$22=$B$10,7,0)+IF('Standard Profiles'!$G$22=$B$17,14,0)+IF('Standard Profiles'!$G$22=$B$24,21,0),0)),0)</f>
        <v>0</v>
      </c>
      <c r="I2207">
        <f t="shared" si="251"/>
        <v>0.29386474444539429</v>
      </c>
      <c r="J2207">
        <f t="shared" si="252"/>
        <v>0.97954914815131444</v>
      </c>
      <c r="K2207">
        <f t="shared" si="253"/>
        <v>1.4693237222269717</v>
      </c>
      <c r="L2207">
        <f t="shared" si="254"/>
        <v>14.97251580629144</v>
      </c>
      <c r="M2207">
        <f t="shared" si="255"/>
        <v>0</v>
      </c>
      <c r="N2207" s="46">
        <f t="shared" si="256"/>
        <v>45382.541666661396</v>
      </c>
    </row>
    <row r="2208" spans="2:14" x14ac:dyDescent="0.3">
      <c r="B2208">
        <f t="shared" si="250"/>
        <v>7</v>
      </c>
      <c r="C2208" s="16">
        <v>2174</v>
      </c>
      <c r="D2208" cm="1">
        <f t="array" ref="D2208">IFERROR(INDEX(Jesper!AH$2:AH$366,ROUNDDOWN($C2208/24,0)+1,1)*INDEX($D$3:$AA$30,INDEX(Jesper!$R$2:$R$366,ROW(INDEX(Jesper!AH$2:AH$366,ROUNDDOWN($C2208/24,0)+1,1))-1)+IF('Standard Profiles'!$G$18=$B$10,7,0)+IF('Standard Profiles'!$G$18=$B$17,14,0)+IF('Standard Profiles'!$G$18=$B$24,21,0),MOD($C2208,24)+1)/SUM(INDEX($D$3:$AA$30,INDEX(Jesper!$R$2:$R$366,ROW(INDEX(Jesper!AH$2:AH$366,ROUNDDOWN($C2208/24,0)+1,1))-1)+IF('Standard Profiles'!$G$18=$B$10,7,0)+IF('Standard Profiles'!$G$18=$B$17,14,0)+IF('Standard Profiles'!$G$18=$B$24,21,0),0)),0)</f>
        <v>14.453354757771244</v>
      </c>
      <c r="E2208" cm="1">
        <f t="array" ref="E2208">IFERROR(INDEX(Jesper!AI$2:AI$366,ROUNDDOWN($C2208/24,0)+1,1)*INDEX($D$3:$AA$30,INDEX(Jesper!$R$2:$R$366,ROW(INDEX(Jesper!AI$2:AI$366,ROUNDDOWN($C2208/24,0)+1,1))-1)+IF('Standard Profiles'!$G$19=$B$10,7,0)+IF('Standard Profiles'!$G$19=$B$17,14,0)+IF('Standard Profiles'!$G$19=$B$24,21,0),MOD($C2208,24)+1)/SUM(INDEX($D$3:$AA$30,INDEX(Jesper!$R$2:$R$366,ROW(INDEX(Jesper!AI$2:AI$366,ROUNDDOWN($C2208/24,0)+1,1))-1)+IF('Standard Profiles'!$G$19=$B$10,7,0)+IF('Standard Profiles'!$G$19=$B$17,14,0)+IF('Standard Profiles'!$G$19=$B$24,21,0),0)),0)</f>
        <v>3.2618986633438758</v>
      </c>
      <c r="F2208" cm="1">
        <f t="array" ref="F2208">IFERROR(INDEX(Jesper!AJ$2:AJ$366,ROUNDDOWN($C2208/24,0)+1,1)*INDEX($D$3:$AA$30,INDEX(Jesper!$R$2:$R$366,ROW(INDEX(Jesper!AJ$2:AJ$366,ROUNDDOWN($C2208/24,0)+1,1))-1)+IF('Standard Profiles'!$G$20=$B$10,7,0)+IF('Standard Profiles'!$G$20=$B$17,14,0)+IF('Standard Profiles'!$G$20=$B$24,21,0),MOD($C2208,24)+1)/SUM(INDEX($D$3:$AA$30,INDEX(Jesper!$R$2:$R$366,ROW(INDEX(Jesper!AJ$2:AJ$366,ROUNDDOWN($C2208/24,0)+1,1))-1)+IF('Standard Profiles'!$G$20=$B$10,7,0)+IF('Standard Profiles'!$G$20=$B$17,14,0)+IF('Standard Profiles'!$G$20=$B$24,21,0),0)),0)</f>
        <v>0</v>
      </c>
      <c r="G2208" cm="1">
        <f t="array" ref="G2208">IFERROR(INDEX(Jesper!AK$2:AK$366,ROUNDDOWN($C2208/24,0)+1,1)*INDEX($D$3:$AA$30,INDEX(Jesper!$R$2:$R$366,ROW(INDEX(Jesper!AK$2:AK$366,ROUNDDOWN($C2208/24,0)+1,1))-1)+IF('Standard Profiles'!$G$21=$B$10,7,0)+IF('Standard Profiles'!$G$21=$B$17,14,0)+IF('Standard Profiles'!$G$21=$B$24,21,0),MOD($C2208,24)+1)/SUM(INDEX($D$3:$AA$30,INDEX(Jesper!$R$2:$R$366,ROW(INDEX(Jesper!AK$2:AK$366,ROUNDDOWN($C2208/24,0)+1,1))-1)+IF('Standard Profiles'!$G$21=$B$10,7,0)+IF('Standard Profiles'!$G$21=$B$17,14,0)+IF('Standard Profiles'!$G$21=$B$24,21,0),0)),0)</f>
        <v>0</v>
      </c>
      <c r="H2208" cm="1">
        <f t="array" ref="H2208">IFERROR(INDEX(Jesper!AL$2:AL$366,ROUNDDOWN($C2208/24,0)+1,1)*INDEX($D$3:$AA$30,INDEX(Jesper!$R$2:$R$366,ROW(INDEX(Jesper!AL$2:AL$366,ROUNDDOWN($C2208/24,0)+1,1))-1)+IF('Standard Profiles'!$G$22=$B$10,7,0)+IF('Standard Profiles'!$G$22=$B$17,14,0)+IF('Standard Profiles'!$G$22=$B$24,21,0),MOD($C2208,24)+1)/SUM(INDEX($D$3:$AA$30,INDEX(Jesper!$R$2:$R$366,ROW(INDEX(Jesper!AL$2:AL$366,ROUNDDOWN($C2208/24,0)+1,1))-1)+IF('Standard Profiles'!$G$22=$B$10,7,0)+IF('Standard Profiles'!$G$22=$B$17,14,0)+IF('Standard Profiles'!$G$22=$B$24,21,0),0)),0)</f>
        <v>0</v>
      </c>
      <c r="I2208">
        <f t="shared" si="251"/>
        <v>0.29386474444539429</v>
      </c>
      <c r="J2208">
        <f t="shared" si="252"/>
        <v>0.97954914815131444</v>
      </c>
      <c r="K2208">
        <f t="shared" si="253"/>
        <v>1.4693237222269717</v>
      </c>
      <c r="L2208">
        <f t="shared" si="254"/>
        <v>14.97251580629144</v>
      </c>
      <c r="M2208">
        <f t="shared" si="255"/>
        <v>0</v>
      </c>
      <c r="N2208" s="46">
        <f t="shared" si="256"/>
        <v>45382.583333328061</v>
      </c>
    </row>
    <row r="2209" spans="2:14" x14ac:dyDescent="0.3">
      <c r="B2209">
        <f t="shared" si="250"/>
        <v>7</v>
      </c>
      <c r="C2209" s="16">
        <v>2175</v>
      </c>
      <c r="D2209" cm="1">
        <f t="array" ref="D2209">IFERROR(INDEX(Jesper!AH$2:AH$366,ROUNDDOWN($C2209/24,0)+1,1)*INDEX($D$3:$AA$30,INDEX(Jesper!$R$2:$R$366,ROW(INDEX(Jesper!AH$2:AH$366,ROUNDDOWN($C2209/24,0)+1,1))-1)+IF('Standard Profiles'!$G$18=$B$10,7,0)+IF('Standard Profiles'!$G$18=$B$17,14,0)+IF('Standard Profiles'!$G$18=$B$24,21,0),MOD($C2209,24)+1)/SUM(INDEX($D$3:$AA$30,INDEX(Jesper!$R$2:$R$366,ROW(INDEX(Jesper!AH$2:AH$366,ROUNDDOWN($C2209/24,0)+1,1))-1)+IF('Standard Profiles'!$G$18=$B$10,7,0)+IF('Standard Profiles'!$G$18=$B$17,14,0)+IF('Standard Profiles'!$G$18=$B$24,21,0),0)),0)</f>
        <v>12.847426451352217</v>
      </c>
      <c r="E2209" cm="1">
        <f t="array" ref="E2209">IFERROR(INDEX(Jesper!AI$2:AI$366,ROUNDDOWN($C2209/24,0)+1,1)*INDEX($D$3:$AA$30,INDEX(Jesper!$R$2:$R$366,ROW(INDEX(Jesper!AI$2:AI$366,ROUNDDOWN($C2209/24,0)+1,1))-1)+IF('Standard Profiles'!$G$19=$B$10,7,0)+IF('Standard Profiles'!$G$19=$B$17,14,0)+IF('Standard Profiles'!$G$19=$B$24,21,0),MOD($C2209,24)+1)/SUM(INDEX($D$3:$AA$30,INDEX(Jesper!$R$2:$R$366,ROW(INDEX(Jesper!AI$2:AI$366,ROUNDDOWN($C2209/24,0)+1,1))-1)+IF('Standard Profiles'!$G$19=$B$10,7,0)+IF('Standard Profiles'!$G$19=$B$17,14,0)+IF('Standard Profiles'!$G$19=$B$24,21,0),0)),0)</f>
        <v>2.8994654785278891</v>
      </c>
      <c r="F2209" cm="1">
        <f t="array" ref="F2209">IFERROR(INDEX(Jesper!AJ$2:AJ$366,ROUNDDOWN($C2209/24,0)+1,1)*INDEX($D$3:$AA$30,INDEX(Jesper!$R$2:$R$366,ROW(INDEX(Jesper!AJ$2:AJ$366,ROUNDDOWN($C2209/24,0)+1,1))-1)+IF('Standard Profiles'!$G$20=$B$10,7,0)+IF('Standard Profiles'!$G$20=$B$17,14,0)+IF('Standard Profiles'!$G$20=$B$24,21,0),MOD($C2209,24)+1)/SUM(INDEX($D$3:$AA$30,INDEX(Jesper!$R$2:$R$366,ROW(INDEX(Jesper!AJ$2:AJ$366,ROUNDDOWN($C2209/24,0)+1,1))-1)+IF('Standard Profiles'!$G$20=$B$10,7,0)+IF('Standard Profiles'!$G$20=$B$17,14,0)+IF('Standard Profiles'!$G$20=$B$24,21,0),0)),0)</f>
        <v>0</v>
      </c>
      <c r="G2209" cm="1">
        <f t="array" ref="G2209">IFERROR(INDEX(Jesper!AK$2:AK$366,ROUNDDOWN($C2209/24,0)+1,1)*INDEX($D$3:$AA$30,INDEX(Jesper!$R$2:$R$366,ROW(INDEX(Jesper!AK$2:AK$366,ROUNDDOWN($C2209/24,0)+1,1))-1)+IF('Standard Profiles'!$G$21=$B$10,7,0)+IF('Standard Profiles'!$G$21=$B$17,14,0)+IF('Standard Profiles'!$G$21=$B$24,21,0),MOD($C2209,24)+1)/SUM(INDEX($D$3:$AA$30,INDEX(Jesper!$R$2:$R$366,ROW(INDEX(Jesper!AK$2:AK$366,ROUNDDOWN($C2209/24,0)+1,1))-1)+IF('Standard Profiles'!$G$21=$B$10,7,0)+IF('Standard Profiles'!$G$21=$B$17,14,0)+IF('Standard Profiles'!$G$21=$B$24,21,0),0)),0)</f>
        <v>0</v>
      </c>
      <c r="H2209" cm="1">
        <f t="array" ref="H2209">IFERROR(INDEX(Jesper!AL$2:AL$366,ROUNDDOWN($C2209/24,0)+1,1)*INDEX($D$3:$AA$30,INDEX(Jesper!$R$2:$R$366,ROW(INDEX(Jesper!AL$2:AL$366,ROUNDDOWN($C2209/24,0)+1,1))-1)+IF('Standard Profiles'!$G$22=$B$10,7,0)+IF('Standard Profiles'!$G$22=$B$17,14,0)+IF('Standard Profiles'!$G$22=$B$24,21,0),MOD($C2209,24)+1)/SUM(INDEX($D$3:$AA$30,INDEX(Jesper!$R$2:$R$366,ROW(INDEX(Jesper!AL$2:AL$366,ROUNDDOWN($C2209/24,0)+1,1))-1)+IF('Standard Profiles'!$G$22=$B$10,7,0)+IF('Standard Profiles'!$G$22=$B$17,14,0)+IF('Standard Profiles'!$G$22=$B$24,21,0),0)),0)</f>
        <v>0</v>
      </c>
      <c r="I2209">
        <f t="shared" si="251"/>
        <v>0.26121310617368376</v>
      </c>
      <c r="J2209">
        <f t="shared" si="252"/>
        <v>0.87071035391227936</v>
      </c>
      <c r="K2209">
        <f t="shared" si="253"/>
        <v>1.306065530868419</v>
      </c>
      <c r="L2209">
        <f t="shared" si="254"/>
        <v>13.308902938925725</v>
      </c>
      <c r="M2209">
        <f t="shared" si="255"/>
        <v>0</v>
      </c>
      <c r="N2209" s="46">
        <f t="shared" si="256"/>
        <v>45382.624999994725</v>
      </c>
    </row>
    <row r="2210" spans="2:14" x14ac:dyDescent="0.3">
      <c r="B2210">
        <f t="shared" si="250"/>
        <v>7</v>
      </c>
      <c r="C2210" s="16">
        <v>2176</v>
      </c>
      <c r="D2210" cm="1">
        <f t="array" ref="D2210">IFERROR(INDEX(Jesper!AH$2:AH$366,ROUNDDOWN($C2210/24,0)+1,1)*INDEX($D$3:$AA$30,INDEX(Jesper!$R$2:$R$366,ROW(INDEX(Jesper!AH$2:AH$366,ROUNDDOWN($C2210/24,0)+1,1))-1)+IF('Standard Profiles'!$G$18=$B$10,7,0)+IF('Standard Profiles'!$G$18=$B$17,14,0)+IF('Standard Profiles'!$G$18=$B$24,21,0),MOD($C2210,24)+1)/SUM(INDEX($D$3:$AA$30,INDEX(Jesper!$R$2:$R$366,ROW(INDEX(Jesper!AH$2:AH$366,ROUNDDOWN($C2210/24,0)+1,1))-1)+IF('Standard Profiles'!$G$18=$B$10,7,0)+IF('Standard Profiles'!$G$18=$B$17,14,0)+IF('Standard Profiles'!$G$18=$B$24,21,0),0)),0)</f>
        <v>12.618008121863785</v>
      </c>
      <c r="E2210" cm="1">
        <f t="array" ref="E2210">IFERROR(INDEX(Jesper!AI$2:AI$366,ROUNDDOWN($C2210/24,0)+1,1)*INDEX($D$3:$AA$30,INDEX(Jesper!$R$2:$R$366,ROW(INDEX(Jesper!AI$2:AI$366,ROUNDDOWN($C2210/24,0)+1,1))-1)+IF('Standard Profiles'!$G$19=$B$10,7,0)+IF('Standard Profiles'!$G$19=$B$17,14,0)+IF('Standard Profiles'!$G$19=$B$24,21,0),MOD($C2210,24)+1)/SUM(INDEX($D$3:$AA$30,INDEX(Jesper!$R$2:$R$366,ROW(INDEX(Jesper!AI$2:AI$366,ROUNDDOWN($C2210/24,0)+1,1))-1)+IF('Standard Profiles'!$G$19=$B$10,7,0)+IF('Standard Profiles'!$G$19=$B$17,14,0)+IF('Standard Profiles'!$G$19=$B$24,21,0),0)),0)</f>
        <v>2.8476893092684623</v>
      </c>
      <c r="F2210" cm="1">
        <f t="array" ref="F2210">IFERROR(INDEX(Jesper!AJ$2:AJ$366,ROUNDDOWN($C2210/24,0)+1,1)*INDEX($D$3:$AA$30,INDEX(Jesper!$R$2:$R$366,ROW(INDEX(Jesper!AJ$2:AJ$366,ROUNDDOWN($C2210/24,0)+1,1))-1)+IF('Standard Profiles'!$G$20=$B$10,7,0)+IF('Standard Profiles'!$G$20=$B$17,14,0)+IF('Standard Profiles'!$G$20=$B$24,21,0),MOD($C2210,24)+1)/SUM(INDEX($D$3:$AA$30,INDEX(Jesper!$R$2:$R$366,ROW(INDEX(Jesper!AJ$2:AJ$366,ROUNDDOWN($C2210/24,0)+1,1))-1)+IF('Standard Profiles'!$G$20=$B$10,7,0)+IF('Standard Profiles'!$G$20=$B$17,14,0)+IF('Standard Profiles'!$G$20=$B$24,21,0),0)),0)</f>
        <v>0</v>
      </c>
      <c r="G2210" cm="1">
        <f t="array" ref="G2210">IFERROR(INDEX(Jesper!AK$2:AK$366,ROUNDDOWN($C2210/24,0)+1,1)*INDEX($D$3:$AA$30,INDEX(Jesper!$R$2:$R$366,ROW(INDEX(Jesper!AK$2:AK$366,ROUNDDOWN($C2210/24,0)+1,1))-1)+IF('Standard Profiles'!$G$21=$B$10,7,0)+IF('Standard Profiles'!$G$21=$B$17,14,0)+IF('Standard Profiles'!$G$21=$B$24,21,0),MOD($C2210,24)+1)/SUM(INDEX($D$3:$AA$30,INDEX(Jesper!$R$2:$R$366,ROW(INDEX(Jesper!AK$2:AK$366,ROUNDDOWN($C2210/24,0)+1,1))-1)+IF('Standard Profiles'!$G$21=$B$10,7,0)+IF('Standard Profiles'!$G$21=$B$17,14,0)+IF('Standard Profiles'!$G$21=$B$24,21,0),0)),0)</f>
        <v>0</v>
      </c>
      <c r="H2210" cm="1">
        <f t="array" ref="H2210">IFERROR(INDEX(Jesper!AL$2:AL$366,ROUNDDOWN($C2210/24,0)+1,1)*INDEX($D$3:$AA$30,INDEX(Jesper!$R$2:$R$366,ROW(INDEX(Jesper!AL$2:AL$366,ROUNDDOWN($C2210/24,0)+1,1))-1)+IF('Standard Profiles'!$G$22=$B$10,7,0)+IF('Standard Profiles'!$G$22=$B$17,14,0)+IF('Standard Profiles'!$G$22=$B$24,21,0),MOD($C2210,24)+1)/SUM(INDEX($D$3:$AA$30,INDEX(Jesper!$R$2:$R$366,ROW(INDEX(Jesper!AL$2:AL$366,ROUNDDOWN($C2210/24,0)+1,1))-1)+IF('Standard Profiles'!$G$22=$B$10,7,0)+IF('Standard Profiles'!$G$22=$B$17,14,0)+IF('Standard Profiles'!$G$22=$B$24,21,0),0)),0)</f>
        <v>0</v>
      </c>
      <c r="I2210">
        <f t="shared" si="251"/>
        <v>0.25654858642058226</v>
      </c>
      <c r="J2210">
        <f t="shared" si="252"/>
        <v>0.85516195473527434</v>
      </c>
      <c r="K2210">
        <f t="shared" si="253"/>
        <v>1.2827429321029113</v>
      </c>
      <c r="L2210">
        <f t="shared" si="254"/>
        <v>13.071243957873479</v>
      </c>
      <c r="M2210">
        <f t="shared" si="255"/>
        <v>0</v>
      </c>
      <c r="N2210" s="46">
        <f t="shared" si="256"/>
        <v>45382.666666661389</v>
      </c>
    </row>
    <row r="2211" spans="2:14" x14ac:dyDescent="0.3">
      <c r="B2211">
        <f t="shared" ref="B2211:B2274" si="257">WEEKDAY(N2211,2)</f>
        <v>7</v>
      </c>
      <c r="C2211" s="16">
        <v>2177</v>
      </c>
      <c r="D2211" cm="1">
        <f t="array" ref="D2211">IFERROR(INDEX(Jesper!AH$2:AH$366,ROUNDDOWN($C2211/24,0)+1,1)*INDEX($D$3:$AA$30,INDEX(Jesper!$R$2:$R$366,ROW(INDEX(Jesper!AH$2:AH$366,ROUNDDOWN($C2211/24,0)+1,1))-1)+IF('Standard Profiles'!$G$18=$B$10,7,0)+IF('Standard Profiles'!$G$18=$B$17,14,0)+IF('Standard Profiles'!$G$18=$B$24,21,0),MOD($C2211,24)+1)/SUM(INDEX($D$3:$AA$30,INDEX(Jesper!$R$2:$R$366,ROW(INDEX(Jesper!AH$2:AH$366,ROUNDDOWN($C2211/24,0)+1,1))-1)+IF('Standard Profiles'!$G$18=$B$10,7,0)+IF('Standard Profiles'!$G$18=$B$17,14,0)+IF('Standard Profiles'!$G$18=$B$24,21,0),0)),0)</f>
        <v>10.782661485956327</v>
      </c>
      <c r="E2211" cm="1">
        <f t="array" ref="E2211">IFERROR(INDEX(Jesper!AI$2:AI$366,ROUNDDOWN($C2211/24,0)+1,1)*INDEX($D$3:$AA$30,INDEX(Jesper!$R$2:$R$366,ROW(INDEX(Jesper!AI$2:AI$366,ROUNDDOWN($C2211/24,0)+1,1))-1)+IF('Standard Profiles'!$G$19=$B$10,7,0)+IF('Standard Profiles'!$G$19=$B$17,14,0)+IF('Standard Profiles'!$G$19=$B$24,21,0),MOD($C2211,24)+1)/SUM(INDEX($D$3:$AA$30,INDEX(Jesper!$R$2:$R$366,ROW(INDEX(Jesper!AI$2:AI$366,ROUNDDOWN($C2211/24,0)+1,1))-1)+IF('Standard Profiles'!$G$19=$B$10,7,0)+IF('Standard Profiles'!$G$19=$B$17,14,0)+IF('Standard Profiles'!$G$19=$B$24,21,0),0)),0)</f>
        <v>2.4334799551930502</v>
      </c>
      <c r="F2211" cm="1">
        <f t="array" ref="F2211">IFERROR(INDEX(Jesper!AJ$2:AJ$366,ROUNDDOWN($C2211/24,0)+1,1)*INDEX($D$3:$AA$30,INDEX(Jesper!$R$2:$R$366,ROW(INDEX(Jesper!AJ$2:AJ$366,ROUNDDOWN($C2211/24,0)+1,1))-1)+IF('Standard Profiles'!$G$20=$B$10,7,0)+IF('Standard Profiles'!$G$20=$B$17,14,0)+IF('Standard Profiles'!$G$20=$B$24,21,0),MOD($C2211,24)+1)/SUM(INDEX($D$3:$AA$30,INDEX(Jesper!$R$2:$R$366,ROW(INDEX(Jesper!AJ$2:AJ$366,ROUNDDOWN($C2211/24,0)+1,1))-1)+IF('Standard Profiles'!$G$20=$B$10,7,0)+IF('Standard Profiles'!$G$20=$B$17,14,0)+IF('Standard Profiles'!$G$20=$B$24,21,0),0)),0)</f>
        <v>0</v>
      </c>
      <c r="G2211" cm="1">
        <f t="array" ref="G2211">IFERROR(INDEX(Jesper!AK$2:AK$366,ROUNDDOWN($C2211/24,0)+1,1)*INDEX($D$3:$AA$30,INDEX(Jesper!$R$2:$R$366,ROW(INDEX(Jesper!AK$2:AK$366,ROUNDDOWN($C2211/24,0)+1,1))-1)+IF('Standard Profiles'!$G$21=$B$10,7,0)+IF('Standard Profiles'!$G$21=$B$17,14,0)+IF('Standard Profiles'!$G$21=$B$24,21,0),MOD($C2211,24)+1)/SUM(INDEX($D$3:$AA$30,INDEX(Jesper!$R$2:$R$366,ROW(INDEX(Jesper!AK$2:AK$366,ROUNDDOWN($C2211/24,0)+1,1))-1)+IF('Standard Profiles'!$G$21=$B$10,7,0)+IF('Standard Profiles'!$G$21=$B$17,14,0)+IF('Standard Profiles'!$G$21=$B$24,21,0),0)),0)</f>
        <v>0</v>
      </c>
      <c r="H2211" cm="1">
        <f t="array" ref="H2211">IFERROR(INDEX(Jesper!AL$2:AL$366,ROUNDDOWN($C2211/24,0)+1,1)*INDEX($D$3:$AA$30,INDEX(Jesper!$R$2:$R$366,ROW(INDEX(Jesper!AL$2:AL$366,ROUNDDOWN($C2211/24,0)+1,1))-1)+IF('Standard Profiles'!$G$22=$B$10,7,0)+IF('Standard Profiles'!$G$22=$B$17,14,0)+IF('Standard Profiles'!$G$22=$B$24,21,0),MOD($C2211,24)+1)/SUM(INDEX($D$3:$AA$30,INDEX(Jesper!$R$2:$R$366,ROW(INDEX(Jesper!AL$2:AL$366,ROUNDDOWN($C2211/24,0)+1,1))-1)+IF('Standard Profiles'!$G$22=$B$10,7,0)+IF('Standard Profiles'!$G$22=$B$17,14,0)+IF('Standard Profiles'!$G$22=$B$24,21,0),0)),0)</f>
        <v>0</v>
      </c>
      <c r="I2211">
        <f t="shared" ref="I2211:I2274" si="258">IF($B2211&lt;6,AC$37*$D2211+AC$38*$E2211+AC$39*$F2211+AC$40*$G2211,AC$46*$D2211+AC$47*$E2211+AC$48*$F2211+AC$49*$G2211+AC$50*$H2211)</f>
        <v>0.21923242839577034</v>
      </c>
      <c r="J2211">
        <f t="shared" ref="J2211:J2274" si="259">IF($B2211&lt;6,AD$37*$D2211+AD$38*$E2211+AD$39*$F2211+AD$40*$G2211,AD$46*$D2211+AD$47*$E2211+AD$48*$F2211+AD$49*$G2211+AD$50*$H2211)</f>
        <v>0.73077476131923458</v>
      </c>
      <c r="K2211">
        <f t="shared" ref="K2211:K2274" si="260">IF($B2211&lt;6,AE$37*$D2211+AE$38*$E2211+AE$39*$F2211+AE$40*$G2211,AE$46*$D2211+AE$47*$E2211+AE$48*$F2211+AE$49*$G2211+AE$50*$H2211)</f>
        <v>1.0961621419788519</v>
      </c>
      <c r="L2211">
        <f t="shared" ref="L2211:L2274" si="261">IF($B2211&lt;6,AF$37*$D2211+AF$38*$E2211+AF$39*$F2211+AF$40*$G2211,AF$46*$D2211+AF$47*$E2211+AF$48*$F2211+AF$49*$G2211+AF$50*$H2211)</f>
        <v>11.16997210945552</v>
      </c>
      <c r="M2211">
        <f t="shared" ref="M2211:M2274" si="262">IF($B2211&lt;6,AG$37*$D2211+AG$38*$E2211+AG$39*$F2211+AG$40*$G2211,AG$46*$D2211+AG$47*$E2211+AG$48*$F2211+AG$49*$G2211+AG$50*$H2211)</f>
        <v>0</v>
      </c>
      <c r="N2211" s="46">
        <f t="shared" si="256"/>
        <v>45382.708333328053</v>
      </c>
    </row>
    <row r="2212" spans="2:14" x14ac:dyDescent="0.3">
      <c r="B2212">
        <f t="shared" si="257"/>
        <v>7</v>
      </c>
      <c r="C2212" s="16">
        <v>2178</v>
      </c>
      <c r="D2212" cm="1">
        <f t="array" ref="D2212">IFERROR(INDEX(Jesper!AH$2:AH$366,ROUNDDOWN($C2212/24,0)+1,1)*INDEX($D$3:$AA$30,INDEX(Jesper!$R$2:$R$366,ROW(INDEX(Jesper!AH$2:AH$366,ROUNDDOWN($C2212/24,0)+1,1))-1)+IF('Standard Profiles'!$G$18=$B$10,7,0)+IF('Standard Profiles'!$G$18=$B$17,14,0)+IF('Standard Profiles'!$G$18=$B$24,21,0),MOD($C2212,24)+1)/SUM(INDEX($D$3:$AA$30,INDEX(Jesper!$R$2:$R$366,ROW(INDEX(Jesper!AH$2:AH$366,ROUNDDOWN($C2212/24,0)+1,1))-1)+IF('Standard Profiles'!$G$18=$B$10,7,0)+IF('Standard Profiles'!$G$18=$B$17,14,0)+IF('Standard Profiles'!$G$18=$B$24,21,0),0)),0)</f>
        <v>10.094406497491029</v>
      </c>
      <c r="E2212" cm="1">
        <f t="array" ref="E2212">IFERROR(INDEX(Jesper!AI$2:AI$366,ROUNDDOWN($C2212/24,0)+1,1)*INDEX($D$3:$AA$30,INDEX(Jesper!$R$2:$R$366,ROW(INDEX(Jesper!AI$2:AI$366,ROUNDDOWN($C2212/24,0)+1,1))-1)+IF('Standard Profiles'!$G$19=$B$10,7,0)+IF('Standard Profiles'!$G$19=$B$17,14,0)+IF('Standard Profiles'!$G$19=$B$24,21,0),MOD($C2212,24)+1)/SUM(INDEX($D$3:$AA$30,INDEX(Jesper!$R$2:$R$366,ROW(INDEX(Jesper!AI$2:AI$366,ROUNDDOWN($C2212/24,0)+1,1))-1)+IF('Standard Profiles'!$G$19=$B$10,7,0)+IF('Standard Profiles'!$G$19=$B$17,14,0)+IF('Standard Profiles'!$G$19=$B$24,21,0),0)),0)</f>
        <v>2.2781514474147704</v>
      </c>
      <c r="F2212" cm="1">
        <f t="array" ref="F2212">IFERROR(INDEX(Jesper!AJ$2:AJ$366,ROUNDDOWN($C2212/24,0)+1,1)*INDEX($D$3:$AA$30,INDEX(Jesper!$R$2:$R$366,ROW(INDEX(Jesper!AJ$2:AJ$366,ROUNDDOWN($C2212/24,0)+1,1))-1)+IF('Standard Profiles'!$G$20=$B$10,7,0)+IF('Standard Profiles'!$G$20=$B$17,14,0)+IF('Standard Profiles'!$G$20=$B$24,21,0),MOD($C2212,24)+1)/SUM(INDEX($D$3:$AA$30,INDEX(Jesper!$R$2:$R$366,ROW(INDEX(Jesper!AJ$2:AJ$366,ROUNDDOWN($C2212/24,0)+1,1))-1)+IF('Standard Profiles'!$G$20=$B$10,7,0)+IF('Standard Profiles'!$G$20=$B$17,14,0)+IF('Standard Profiles'!$G$20=$B$24,21,0),0)),0)</f>
        <v>0</v>
      </c>
      <c r="G2212" cm="1">
        <f t="array" ref="G2212">IFERROR(INDEX(Jesper!AK$2:AK$366,ROUNDDOWN($C2212/24,0)+1,1)*INDEX($D$3:$AA$30,INDEX(Jesper!$R$2:$R$366,ROW(INDEX(Jesper!AK$2:AK$366,ROUNDDOWN($C2212/24,0)+1,1))-1)+IF('Standard Profiles'!$G$21=$B$10,7,0)+IF('Standard Profiles'!$G$21=$B$17,14,0)+IF('Standard Profiles'!$G$21=$B$24,21,0),MOD($C2212,24)+1)/SUM(INDEX($D$3:$AA$30,INDEX(Jesper!$R$2:$R$366,ROW(INDEX(Jesper!AK$2:AK$366,ROUNDDOWN($C2212/24,0)+1,1))-1)+IF('Standard Profiles'!$G$21=$B$10,7,0)+IF('Standard Profiles'!$G$21=$B$17,14,0)+IF('Standard Profiles'!$G$21=$B$24,21,0),0)),0)</f>
        <v>0</v>
      </c>
      <c r="H2212" cm="1">
        <f t="array" ref="H2212">IFERROR(INDEX(Jesper!AL$2:AL$366,ROUNDDOWN($C2212/24,0)+1,1)*INDEX($D$3:$AA$30,INDEX(Jesper!$R$2:$R$366,ROW(INDEX(Jesper!AL$2:AL$366,ROUNDDOWN($C2212/24,0)+1,1))-1)+IF('Standard Profiles'!$G$22=$B$10,7,0)+IF('Standard Profiles'!$G$22=$B$17,14,0)+IF('Standard Profiles'!$G$22=$B$24,21,0),MOD($C2212,24)+1)/SUM(INDEX($D$3:$AA$30,INDEX(Jesper!$R$2:$R$366,ROW(INDEX(Jesper!AL$2:AL$366,ROUNDDOWN($C2212/24,0)+1,1))-1)+IF('Standard Profiles'!$G$22=$B$10,7,0)+IF('Standard Profiles'!$G$22=$B$17,14,0)+IF('Standard Profiles'!$G$22=$B$24,21,0),0)),0)</f>
        <v>0</v>
      </c>
      <c r="I2212">
        <f t="shared" si="258"/>
        <v>0.20523886913646586</v>
      </c>
      <c r="J2212">
        <f t="shared" si="259"/>
        <v>0.68412956378821954</v>
      </c>
      <c r="K2212">
        <f t="shared" si="260"/>
        <v>1.0261943456823295</v>
      </c>
      <c r="L2212">
        <f t="shared" si="261"/>
        <v>10.456995166298785</v>
      </c>
      <c r="M2212">
        <f t="shared" si="262"/>
        <v>0</v>
      </c>
      <c r="N2212" s="46">
        <f t="shared" ref="N2212:N2275" si="263">N2211+1/24</f>
        <v>45382.749999994718</v>
      </c>
    </row>
    <row r="2213" spans="2:14" x14ac:dyDescent="0.3">
      <c r="B2213">
        <f t="shared" si="257"/>
        <v>7</v>
      </c>
      <c r="C2213" s="16">
        <v>2179</v>
      </c>
      <c r="D2213" cm="1">
        <f t="array" ref="D2213">IFERROR(INDEX(Jesper!AH$2:AH$366,ROUNDDOWN($C2213/24,0)+1,1)*INDEX($D$3:$AA$30,INDEX(Jesper!$R$2:$R$366,ROW(INDEX(Jesper!AH$2:AH$366,ROUNDDOWN($C2213/24,0)+1,1))-1)+IF('Standard Profiles'!$G$18=$B$10,7,0)+IF('Standard Profiles'!$G$18=$B$17,14,0)+IF('Standard Profiles'!$G$18=$B$24,21,0),MOD($C2213,24)+1)/SUM(INDEX($D$3:$AA$30,INDEX(Jesper!$R$2:$R$366,ROW(INDEX(Jesper!AH$2:AH$366,ROUNDDOWN($C2213/24,0)+1,1))-1)+IF('Standard Profiles'!$G$18=$B$10,7,0)+IF('Standard Profiles'!$G$18=$B$17,14,0)+IF('Standard Profiles'!$G$18=$B$24,21,0),0)),0)</f>
        <v>8.4884781910720015</v>
      </c>
      <c r="E2213" cm="1">
        <f t="array" ref="E2213">IFERROR(INDEX(Jesper!AI$2:AI$366,ROUNDDOWN($C2213/24,0)+1,1)*INDEX($D$3:$AA$30,INDEX(Jesper!$R$2:$R$366,ROW(INDEX(Jesper!AI$2:AI$366,ROUNDDOWN($C2213/24,0)+1,1))-1)+IF('Standard Profiles'!$G$19=$B$10,7,0)+IF('Standard Profiles'!$G$19=$B$17,14,0)+IF('Standard Profiles'!$G$19=$B$24,21,0),MOD($C2213,24)+1)/SUM(INDEX($D$3:$AA$30,INDEX(Jesper!$R$2:$R$366,ROW(INDEX(Jesper!AI$2:AI$366,ROUNDDOWN($C2213/24,0)+1,1))-1)+IF('Standard Profiles'!$G$19=$B$10,7,0)+IF('Standard Profiles'!$G$19=$B$17,14,0)+IF('Standard Profiles'!$G$19=$B$24,21,0),0)),0)</f>
        <v>1.9157182625987841</v>
      </c>
      <c r="F2213" cm="1">
        <f t="array" ref="F2213">IFERROR(INDEX(Jesper!AJ$2:AJ$366,ROUNDDOWN($C2213/24,0)+1,1)*INDEX($D$3:$AA$30,INDEX(Jesper!$R$2:$R$366,ROW(INDEX(Jesper!AJ$2:AJ$366,ROUNDDOWN($C2213/24,0)+1,1))-1)+IF('Standard Profiles'!$G$20=$B$10,7,0)+IF('Standard Profiles'!$G$20=$B$17,14,0)+IF('Standard Profiles'!$G$20=$B$24,21,0),MOD($C2213,24)+1)/SUM(INDEX($D$3:$AA$30,INDEX(Jesper!$R$2:$R$366,ROW(INDEX(Jesper!AJ$2:AJ$366,ROUNDDOWN($C2213/24,0)+1,1))-1)+IF('Standard Profiles'!$G$20=$B$10,7,0)+IF('Standard Profiles'!$G$20=$B$17,14,0)+IF('Standard Profiles'!$G$20=$B$24,21,0),0)),0)</f>
        <v>0</v>
      </c>
      <c r="G2213" cm="1">
        <f t="array" ref="G2213">IFERROR(INDEX(Jesper!AK$2:AK$366,ROUNDDOWN($C2213/24,0)+1,1)*INDEX($D$3:$AA$30,INDEX(Jesper!$R$2:$R$366,ROW(INDEX(Jesper!AK$2:AK$366,ROUNDDOWN($C2213/24,0)+1,1))-1)+IF('Standard Profiles'!$G$21=$B$10,7,0)+IF('Standard Profiles'!$G$21=$B$17,14,0)+IF('Standard Profiles'!$G$21=$B$24,21,0),MOD($C2213,24)+1)/SUM(INDEX($D$3:$AA$30,INDEX(Jesper!$R$2:$R$366,ROW(INDEX(Jesper!AK$2:AK$366,ROUNDDOWN($C2213/24,0)+1,1))-1)+IF('Standard Profiles'!$G$21=$B$10,7,0)+IF('Standard Profiles'!$G$21=$B$17,14,0)+IF('Standard Profiles'!$G$21=$B$24,21,0),0)),0)</f>
        <v>0</v>
      </c>
      <c r="H2213" cm="1">
        <f t="array" ref="H2213">IFERROR(INDEX(Jesper!AL$2:AL$366,ROUNDDOWN($C2213/24,0)+1,1)*INDEX($D$3:$AA$30,INDEX(Jesper!$R$2:$R$366,ROW(INDEX(Jesper!AL$2:AL$366,ROUNDDOWN($C2213/24,0)+1,1))-1)+IF('Standard Profiles'!$G$22=$B$10,7,0)+IF('Standard Profiles'!$G$22=$B$17,14,0)+IF('Standard Profiles'!$G$22=$B$24,21,0),MOD($C2213,24)+1)/SUM(INDEX($D$3:$AA$30,INDEX(Jesper!$R$2:$R$366,ROW(INDEX(Jesper!AL$2:AL$366,ROUNDDOWN($C2213/24,0)+1,1))-1)+IF('Standard Profiles'!$G$22=$B$10,7,0)+IF('Standard Profiles'!$G$22=$B$17,14,0)+IF('Standard Profiles'!$G$22=$B$24,21,0),0)),0)</f>
        <v>0</v>
      </c>
      <c r="I2213">
        <f t="shared" si="258"/>
        <v>0.17258723086475536</v>
      </c>
      <c r="J2213">
        <f t="shared" si="259"/>
        <v>0.57529076954918468</v>
      </c>
      <c r="K2213">
        <f t="shared" si="260"/>
        <v>0.8629361543237769</v>
      </c>
      <c r="L2213">
        <f t="shared" si="261"/>
        <v>8.7933822989330697</v>
      </c>
      <c r="M2213">
        <f t="shared" si="262"/>
        <v>0</v>
      </c>
      <c r="N2213" s="46">
        <f t="shared" si="263"/>
        <v>45382.791666661382</v>
      </c>
    </row>
    <row r="2214" spans="2:14" x14ac:dyDescent="0.3">
      <c r="B2214">
        <f t="shared" si="257"/>
        <v>7</v>
      </c>
      <c r="C2214" s="16">
        <v>2180</v>
      </c>
      <c r="D2214" cm="1">
        <f t="array" ref="D2214">IFERROR(INDEX(Jesper!AH$2:AH$366,ROUNDDOWN($C2214/24,0)+1,1)*INDEX($D$3:$AA$30,INDEX(Jesper!$R$2:$R$366,ROW(INDEX(Jesper!AH$2:AH$366,ROUNDDOWN($C2214/24,0)+1,1))-1)+IF('Standard Profiles'!$G$18=$B$10,7,0)+IF('Standard Profiles'!$G$18=$B$17,14,0)+IF('Standard Profiles'!$G$18=$B$24,21,0),MOD($C2214,24)+1)/SUM(INDEX($D$3:$AA$30,INDEX(Jesper!$R$2:$R$366,ROW(INDEX(Jesper!AH$2:AH$366,ROUNDDOWN($C2214/24,0)+1,1))-1)+IF('Standard Profiles'!$G$18=$B$10,7,0)+IF('Standard Profiles'!$G$18=$B$17,14,0)+IF('Standard Profiles'!$G$18=$B$24,21,0),0)),0)</f>
        <v>7.111968214141406</v>
      </c>
      <c r="E2214" cm="1">
        <f t="array" ref="E2214">IFERROR(INDEX(Jesper!AI$2:AI$366,ROUNDDOWN($C2214/24,0)+1,1)*INDEX($D$3:$AA$30,INDEX(Jesper!$R$2:$R$366,ROW(INDEX(Jesper!AI$2:AI$366,ROUNDDOWN($C2214/24,0)+1,1))-1)+IF('Standard Profiles'!$G$19=$B$10,7,0)+IF('Standard Profiles'!$G$19=$B$17,14,0)+IF('Standard Profiles'!$G$19=$B$24,21,0),MOD($C2214,24)+1)/SUM(INDEX($D$3:$AA$30,INDEX(Jesper!$R$2:$R$366,ROW(INDEX(Jesper!AI$2:AI$366,ROUNDDOWN($C2214/24,0)+1,1))-1)+IF('Standard Profiles'!$G$19=$B$10,7,0)+IF('Standard Profiles'!$G$19=$B$17,14,0)+IF('Standard Profiles'!$G$19=$B$24,21,0),0)),0)</f>
        <v>1.6050612470422243</v>
      </c>
      <c r="F2214" cm="1">
        <f t="array" ref="F2214">IFERROR(INDEX(Jesper!AJ$2:AJ$366,ROUNDDOWN($C2214/24,0)+1,1)*INDEX($D$3:$AA$30,INDEX(Jesper!$R$2:$R$366,ROW(INDEX(Jesper!AJ$2:AJ$366,ROUNDDOWN($C2214/24,0)+1,1))-1)+IF('Standard Profiles'!$G$20=$B$10,7,0)+IF('Standard Profiles'!$G$20=$B$17,14,0)+IF('Standard Profiles'!$G$20=$B$24,21,0),MOD($C2214,24)+1)/SUM(INDEX($D$3:$AA$30,INDEX(Jesper!$R$2:$R$366,ROW(INDEX(Jesper!AJ$2:AJ$366,ROUNDDOWN($C2214/24,0)+1,1))-1)+IF('Standard Profiles'!$G$20=$B$10,7,0)+IF('Standard Profiles'!$G$20=$B$17,14,0)+IF('Standard Profiles'!$G$20=$B$24,21,0),0)),0)</f>
        <v>0</v>
      </c>
      <c r="G2214" cm="1">
        <f t="array" ref="G2214">IFERROR(INDEX(Jesper!AK$2:AK$366,ROUNDDOWN($C2214/24,0)+1,1)*INDEX($D$3:$AA$30,INDEX(Jesper!$R$2:$R$366,ROW(INDEX(Jesper!AK$2:AK$366,ROUNDDOWN($C2214/24,0)+1,1))-1)+IF('Standard Profiles'!$G$21=$B$10,7,0)+IF('Standard Profiles'!$G$21=$B$17,14,0)+IF('Standard Profiles'!$G$21=$B$24,21,0),MOD($C2214,24)+1)/SUM(INDEX($D$3:$AA$30,INDEX(Jesper!$R$2:$R$366,ROW(INDEX(Jesper!AK$2:AK$366,ROUNDDOWN($C2214/24,0)+1,1))-1)+IF('Standard Profiles'!$G$21=$B$10,7,0)+IF('Standard Profiles'!$G$21=$B$17,14,0)+IF('Standard Profiles'!$G$21=$B$24,21,0),0)),0)</f>
        <v>0</v>
      </c>
      <c r="H2214" cm="1">
        <f t="array" ref="H2214">IFERROR(INDEX(Jesper!AL$2:AL$366,ROUNDDOWN($C2214/24,0)+1,1)*INDEX($D$3:$AA$30,INDEX(Jesper!$R$2:$R$366,ROW(INDEX(Jesper!AL$2:AL$366,ROUNDDOWN($C2214/24,0)+1,1))-1)+IF('Standard Profiles'!$G$22=$B$10,7,0)+IF('Standard Profiles'!$G$22=$B$17,14,0)+IF('Standard Profiles'!$G$22=$B$24,21,0),MOD($C2214,24)+1)/SUM(INDEX($D$3:$AA$30,INDEX(Jesper!$R$2:$R$366,ROW(INDEX(Jesper!AL$2:AL$366,ROUNDDOWN($C2214/24,0)+1,1))-1)+IF('Standard Profiles'!$G$22=$B$10,7,0)+IF('Standard Profiles'!$G$22=$B$17,14,0)+IF('Standard Profiles'!$G$22=$B$24,21,0),0)),0)</f>
        <v>0</v>
      </c>
      <c r="I2214">
        <f t="shared" si="258"/>
        <v>0.14460011234614636</v>
      </c>
      <c r="J2214">
        <f t="shared" si="259"/>
        <v>0.4820003744871546</v>
      </c>
      <c r="K2214">
        <f t="shared" si="260"/>
        <v>0.72300056173073191</v>
      </c>
      <c r="L2214">
        <f t="shared" si="261"/>
        <v>7.3674284126195975</v>
      </c>
      <c r="M2214">
        <f t="shared" si="262"/>
        <v>0</v>
      </c>
      <c r="N2214" s="46">
        <f t="shared" si="263"/>
        <v>45382.833333328046</v>
      </c>
    </row>
    <row r="2215" spans="2:14" x14ac:dyDescent="0.3">
      <c r="B2215">
        <f t="shared" si="257"/>
        <v>7</v>
      </c>
      <c r="C2215" s="16">
        <v>2181</v>
      </c>
      <c r="D2215" cm="1">
        <f t="array" ref="D2215">IFERROR(INDEX(Jesper!AH$2:AH$366,ROUNDDOWN($C2215/24,0)+1,1)*INDEX($D$3:$AA$30,INDEX(Jesper!$R$2:$R$366,ROW(INDEX(Jesper!AH$2:AH$366,ROUNDDOWN($C2215/24,0)+1,1))-1)+IF('Standard Profiles'!$G$18=$B$10,7,0)+IF('Standard Profiles'!$G$18=$B$17,14,0)+IF('Standard Profiles'!$G$18=$B$24,21,0),MOD($C2215,24)+1)/SUM(INDEX($D$3:$AA$30,INDEX(Jesper!$R$2:$R$366,ROW(INDEX(Jesper!AH$2:AH$366,ROUNDDOWN($C2215/24,0)+1,1))-1)+IF('Standard Profiles'!$G$18=$B$10,7,0)+IF('Standard Profiles'!$G$18=$B$17,14,0)+IF('Standard Profiles'!$G$18=$B$24,21,0),0)),0)</f>
        <v>6.1942948961876763</v>
      </c>
      <c r="E2215" cm="1">
        <f t="array" ref="E2215">IFERROR(INDEX(Jesper!AI$2:AI$366,ROUNDDOWN($C2215/24,0)+1,1)*INDEX($D$3:$AA$30,INDEX(Jesper!$R$2:$R$366,ROW(INDEX(Jesper!AI$2:AI$366,ROUNDDOWN($C2215/24,0)+1,1))-1)+IF('Standard Profiles'!$G$19=$B$10,7,0)+IF('Standard Profiles'!$G$19=$B$17,14,0)+IF('Standard Profiles'!$G$19=$B$24,21,0),MOD($C2215,24)+1)/SUM(INDEX($D$3:$AA$30,INDEX(Jesper!$R$2:$R$366,ROW(INDEX(Jesper!AI$2:AI$366,ROUNDDOWN($C2215/24,0)+1,1))-1)+IF('Standard Profiles'!$G$19=$B$10,7,0)+IF('Standard Profiles'!$G$19=$B$17,14,0)+IF('Standard Profiles'!$G$19=$B$24,21,0),0)),0)</f>
        <v>1.397956570004518</v>
      </c>
      <c r="F2215" cm="1">
        <f t="array" ref="F2215">IFERROR(INDEX(Jesper!AJ$2:AJ$366,ROUNDDOWN($C2215/24,0)+1,1)*INDEX($D$3:$AA$30,INDEX(Jesper!$R$2:$R$366,ROW(INDEX(Jesper!AJ$2:AJ$366,ROUNDDOWN($C2215/24,0)+1,1))-1)+IF('Standard Profiles'!$G$20=$B$10,7,0)+IF('Standard Profiles'!$G$20=$B$17,14,0)+IF('Standard Profiles'!$G$20=$B$24,21,0),MOD($C2215,24)+1)/SUM(INDEX($D$3:$AA$30,INDEX(Jesper!$R$2:$R$366,ROW(INDEX(Jesper!AJ$2:AJ$366,ROUNDDOWN($C2215/24,0)+1,1))-1)+IF('Standard Profiles'!$G$20=$B$10,7,0)+IF('Standard Profiles'!$G$20=$B$17,14,0)+IF('Standard Profiles'!$G$20=$B$24,21,0),0)),0)</f>
        <v>0</v>
      </c>
      <c r="G2215" cm="1">
        <f t="array" ref="G2215">IFERROR(INDEX(Jesper!AK$2:AK$366,ROUNDDOWN($C2215/24,0)+1,1)*INDEX($D$3:$AA$30,INDEX(Jesper!$R$2:$R$366,ROW(INDEX(Jesper!AK$2:AK$366,ROUNDDOWN($C2215/24,0)+1,1))-1)+IF('Standard Profiles'!$G$21=$B$10,7,0)+IF('Standard Profiles'!$G$21=$B$17,14,0)+IF('Standard Profiles'!$G$21=$B$24,21,0),MOD($C2215,24)+1)/SUM(INDEX($D$3:$AA$30,INDEX(Jesper!$R$2:$R$366,ROW(INDEX(Jesper!AK$2:AK$366,ROUNDDOWN($C2215/24,0)+1,1))-1)+IF('Standard Profiles'!$G$21=$B$10,7,0)+IF('Standard Profiles'!$G$21=$B$17,14,0)+IF('Standard Profiles'!$G$21=$B$24,21,0),0)),0)</f>
        <v>0</v>
      </c>
      <c r="H2215" cm="1">
        <f t="array" ref="H2215">IFERROR(INDEX(Jesper!AL$2:AL$366,ROUNDDOWN($C2215/24,0)+1,1)*INDEX($D$3:$AA$30,INDEX(Jesper!$R$2:$R$366,ROW(INDEX(Jesper!AL$2:AL$366,ROUNDDOWN($C2215/24,0)+1,1))-1)+IF('Standard Profiles'!$G$22=$B$10,7,0)+IF('Standard Profiles'!$G$22=$B$17,14,0)+IF('Standard Profiles'!$G$22=$B$24,21,0),MOD($C2215,24)+1)/SUM(INDEX($D$3:$AA$30,INDEX(Jesper!$R$2:$R$366,ROW(INDEX(Jesper!AL$2:AL$366,ROUNDDOWN($C2215/24,0)+1,1))-1)+IF('Standard Profiles'!$G$22=$B$10,7,0)+IF('Standard Profiles'!$G$22=$B$17,14,0)+IF('Standard Profiles'!$G$22=$B$24,21,0),0)),0)</f>
        <v>0</v>
      </c>
      <c r="I2215">
        <f t="shared" si="258"/>
        <v>0.12594203333374041</v>
      </c>
      <c r="J2215">
        <f t="shared" si="259"/>
        <v>0.41980677777913472</v>
      </c>
      <c r="K2215">
        <f t="shared" si="260"/>
        <v>0.62971016666870205</v>
      </c>
      <c r="L2215">
        <f t="shared" si="261"/>
        <v>6.4167924884106169</v>
      </c>
      <c r="M2215">
        <f t="shared" si="262"/>
        <v>0</v>
      </c>
      <c r="N2215" s="46">
        <f t="shared" si="263"/>
        <v>45382.87499999471</v>
      </c>
    </row>
    <row r="2216" spans="2:14" x14ac:dyDescent="0.3">
      <c r="B2216">
        <f t="shared" si="257"/>
        <v>7</v>
      </c>
      <c r="C2216" s="16">
        <v>2182</v>
      </c>
      <c r="D2216" cm="1">
        <f t="array" ref="D2216">IFERROR(INDEX(Jesper!AH$2:AH$366,ROUNDDOWN($C2216/24,0)+1,1)*INDEX($D$3:$AA$30,INDEX(Jesper!$R$2:$R$366,ROW(INDEX(Jesper!AH$2:AH$366,ROUNDDOWN($C2216/24,0)+1,1))-1)+IF('Standard Profiles'!$G$18=$B$10,7,0)+IF('Standard Profiles'!$G$18=$B$17,14,0)+IF('Standard Profiles'!$G$18=$B$24,21,0),MOD($C2216,24)+1)/SUM(INDEX($D$3:$AA$30,INDEX(Jesper!$R$2:$R$366,ROW(INDEX(Jesper!AH$2:AH$366,ROUNDDOWN($C2216/24,0)+1,1))-1)+IF('Standard Profiles'!$G$18=$B$10,7,0)+IF('Standard Profiles'!$G$18=$B$17,14,0)+IF('Standard Profiles'!$G$18=$B$24,21,0),0)),0)</f>
        <v>6.1942948961876763</v>
      </c>
      <c r="E2216" cm="1">
        <f t="array" ref="E2216">IFERROR(INDEX(Jesper!AI$2:AI$366,ROUNDDOWN($C2216/24,0)+1,1)*INDEX($D$3:$AA$30,INDEX(Jesper!$R$2:$R$366,ROW(INDEX(Jesper!AI$2:AI$366,ROUNDDOWN($C2216/24,0)+1,1))-1)+IF('Standard Profiles'!$G$19=$B$10,7,0)+IF('Standard Profiles'!$G$19=$B$17,14,0)+IF('Standard Profiles'!$G$19=$B$24,21,0),MOD($C2216,24)+1)/SUM(INDEX($D$3:$AA$30,INDEX(Jesper!$R$2:$R$366,ROW(INDEX(Jesper!AI$2:AI$366,ROUNDDOWN($C2216/24,0)+1,1))-1)+IF('Standard Profiles'!$G$19=$B$10,7,0)+IF('Standard Profiles'!$G$19=$B$17,14,0)+IF('Standard Profiles'!$G$19=$B$24,21,0),0)),0)</f>
        <v>1.397956570004518</v>
      </c>
      <c r="F2216" cm="1">
        <f t="array" ref="F2216">IFERROR(INDEX(Jesper!AJ$2:AJ$366,ROUNDDOWN($C2216/24,0)+1,1)*INDEX($D$3:$AA$30,INDEX(Jesper!$R$2:$R$366,ROW(INDEX(Jesper!AJ$2:AJ$366,ROUNDDOWN($C2216/24,0)+1,1))-1)+IF('Standard Profiles'!$G$20=$B$10,7,0)+IF('Standard Profiles'!$G$20=$B$17,14,0)+IF('Standard Profiles'!$G$20=$B$24,21,0),MOD($C2216,24)+1)/SUM(INDEX($D$3:$AA$30,INDEX(Jesper!$R$2:$R$366,ROW(INDEX(Jesper!AJ$2:AJ$366,ROUNDDOWN($C2216/24,0)+1,1))-1)+IF('Standard Profiles'!$G$20=$B$10,7,0)+IF('Standard Profiles'!$G$20=$B$17,14,0)+IF('Standard Profiles'!$G$20=$B$24,21,0),0)),0)</f>
        <v>0</v>
      </c>
      <c r="G2216" cm="1">
        <f t="array" ref="G2216">IFERROR(INDEX(Jesper!AK$2:AK$366,ROUNDDOWN($C2216/24,0)+1,1)*INDEX($D$3:$AA$30,INDEX(Jesper!$R$2:$R$366,ROW(INDEX(Jesper!AK$2:AK$366,ROUNDDOWN($C2216/24,0)+1,1))-1)+IF('Standard Profiles'!$G$21=$B$10,7,0)+IF('Standard Profiles'!$G$21=$B$17,14,0)+IF('Standard Profiles'!$G$21=$B$24,21,0),MOD($C2216,24)+1)/SUM(INDEX($D$3:$AA$30,INDEX(Jesper!$R$2:$R$366,ROW(INDEX(Jesper!AK$2:AK$366,ROUNDDOWN($C2216/24,0)+1,1))-1)+IF('Standard Profiles'!$G$21=$B$10,7,0)+IF('Standard Profiles'!$G$21=$B$17,14,0)+IF('Standard Profiles'!$G$21=$B$24,21,0),0)),0)</f>
        <v>0</v>
      </c>
      <c r="H2216" cm="1">
        <f t="array" ref="H2216">IFERROR(INDEX(Jesper!AL$2:AL$366,ROUNDDOWN($C2216/24,0)+1,1)*INDEX($D$3:$AA$30,INDEX(Jesper!$R$2:$R$366,ROW(INDEX(Jesper!AL$2:AL$366,ROUNDDOWN($C2216/24,0)+1,1))-1)+IF('Standard Profiles'!$G$22=$B$10,7,0)+IF('Standard Profiles'!$G$22=$B$17,14,0)+IF('Standard Profiles'!$G$22=$B$24,21,0),MOD($C2216,24)+1)/SUM(INDEX($D$3:$AA$30,INDEX(Jesper!$R$2:$R$366,ROW(INDEX(Jesper!AL$2:AL$366,ROUNDDOWN($C2216/24,0)+1,1))-1)+IF('Standard Profiles'!$G$22=$B$10,7,0)+IF('Standard Profiles'!$G$22=$B$17,14,0)+IF('Standard Profiles'!$G$22=$B$24,21,0),0)),0)</f>
        <v>0</v>
      </c>
      <c r="I2216">
        <f t="shared" si="258"/>
        <v>0.12594203333374041</v>
      </c>
      <c r="J2216">
        <f t="shared" si="259"/>
        <v>0.41980677777913472</v>
      </c>
      <c r="K2216">
        <f t="shared" si="260"/>
        <v>0.62971016666870205</v>
      </c>
      <c r="L2216">
        <f t="shared" si="261"/>
        <v>6.4167924884106169</v>
      </c>
      <c r="M2216">
        <f t="shared" si="262"/>
        <v>0</v>
      </c>
      <c r="N2216" s="46">
        <f t="shared" si="263"/>
        <v>45382.916666661375</v>
      </c>
    </row>
    <row r="2217" spans="2:14" x14ac:dyDescent="0.3">
      <c r="B2217">
        <f t="shared" si="257"/>
        <v>7</v>
      </c>
      <c r="C2217" s="16">
        <v>2183</v>
      </c>
      <c r="D2217" cm="1">
        <f t="array" ref="D2217">IFERROR(INDEX(Jesper!AH$2:AH$366,ROUNDDOWN($C2217/24,0)+1,1)*INDEX($D$3:$AA$30,INDEX(Jesper!$R$2:$R$366,ROW(INDEX(Jesper!AH$2:AH$366,ROUNDDOWN($C2217/24,0)+1,1))-1)+IF('Standard Profiles'!$G$18=$B$10,7,0)+IF('Standard Profiles'!$G$18=$B$17,14,0)+IF('Standard Profiles'!$G$18=$B$24,21,0),MOD($C2217,24)+1)/SUM(INDEX($D$3:$AA$30,INDEX(Jesper!$R$2:$R$366,ROW(INDEX(Jesper!AH$2:AH$366,ROUNDDOWN($C2217/24,0)+1,1))-1)+IF('Standard Profiles'!$G$18=$B$10,7,0)+IF('Standard Profiles'!$G$18=$B$17,14,0)+IF('Standard Profiles'!$G$18=$B$24,21,0),0)),0)</f>
        <v>6.1942948961876763</v>
      </c>
      <c r="E2217" cm="1">
        <f t="array" ref="E2217">IFERROR(INDEX(Jesper!AI$2:AI$366,ROUNDDOWN($C2217/24,0)+1,1)*INDEX($D$3:$AA$30,INDEX(Jesper!$R$2:$R$366,ROW(INDEX(Jesper!AI$2:AI$366,ROUNDDOWN($C2217/24,0)+1,1))-1)+IF('Standard Profiles'!$G$19=$B$10,7,0)+IF('Standard Profiles'!$G$19=$B$17,14,0)+IF('Standard Profiles'!$G$19=$B$24,21,0),MOD($C2217,24)+1)/SUM(INDEX($D$3:$AA$30,INDEX(Jesper!$R$2:$R$366,ROW(INDEX(Jesper!AI$2:AI$366,ROUNDDOWN($C2217/24,0)+1,1))-1)+IF('Standard Profiles'!$G$19=$B$10,7,0)+IF('Standard Profiles'!$G$19=$B$17,14,0)+IF('Standard Profiles'!$G$19=$B$24,21,0),0)),0)</f>
        <v>1.397956570004518</v>
      </c>
      <c r="F2217" cm="1">
        <f t="array" ref="F2217">IFERROR(INDEX(Jesper!AJ$2:AJ$366,ROUNDDOWN($C2217/24,0)+1,1)*INDEX($D$3:$AA$30,INDEX(Jesper!$R$2:$R$366,ROW(INDEX(Jesper!AJ$2:AJ$366,ROUNDDOWN($C2217/24,0)+1,1))-1)+IF('Standard Profiles'!$G$20=$B$10,7,0)+IF('Standard Profiles'!$G$20=$B$17,14,0)+IF('Standard Profiles'!$G$20=$B$24,21,0),MOD($C2217,24)+1)/SUM(INDEX($D$3:$AA$30,INDEX(Jesper!$R$2:$R$366,ROW(INDEX(Jesper!AJ$2:AJ$366,ROUNDDOWN($C2217/24,0)+1,1))-1)+IF('Standard Profiles'!$G$20=$B$10,7,0)+IF('Standard Profiles'!$G$20=$B$17,14,0)+IF('Standard Profiles'!$G$20=$B$24,21,0),0)),0)</f>
        <v>0</v>
      </c>
      <c r="G2217" cm="1">
        <f t="array" ref="G2217">IFERROR(INDEX(Jesper!AK$2:AK$366,ROUNDDOWN($C2217/24,0)+1,1)*INDEX($D$3:$AA$30,INDEX(Jesper!$R$2:$R$366,ROW(INDEX(Jesper!AK$2:AK$366,ROUNDDOWN($C2217/24,0)+1,1))-1)+IF('Standard Profiles'!$G$21=$B$10,7,0)+IF('Standard Profiles'!$G$21=$B$17,14,0)+IF('Standard Profiles'!$G$21=$B$24,21,0),MOD($C2217,24)+1)/SUM(INDEX($D$3:$AA$30,INDEX(Jesper!$R$2:$R$366,ROW(INDEX(Jesper!AK$2:AK$366,ROUNDDOWN($C2217/24,0)+1,1))-1)+IF('Standard Profiles'!$G$21=$B$10,7,0)+IF('Standard Profiles'!$G$21=$B$17,14,0)+IF('Standard Profiles'!$G$21=$B$24,21,0),0)),0)</f>
        <v>0</v>
      </c>
      <c r="H2217" cm="1">
        <f t="array" ref="H2217">IFERROR(INDEX(Jesper!AL$2:AL$366,ROUNDDOWN($C2217/24,0)+1,1)*INDEX($D$3:$AA$30,INDEX(Jesper!$R$2:$R$366,ROW(INDEX(Jesper!AL$2:AL$366,ROUNDDOWN($C2217/24,0)+1,1))-1)+IF('Standard Profiles'!$G$22=$B$10,7,0)+IF('Standard Profiles'!$G$22=$B$17,14,0)+IF('Standard Profiles'!$G$22=$B$24,21,0),MOD($C2217,24)+1)/SUM(INDEX($D$3:$AA$30,INDEX(Jesper!$R$2:$R$366,ROW(INDEX(Jesper!AL$2:AL$366,ROUNDDOWN($C2217/24,0)+1,1))-1)+IF('Standard Profiles'!$G$22=$B$10,7,0)+IF('Standard Profiles'!$G$22=$B$17,14,0)+IF('Standard Profiles'!$G$22=$B$24,21,0),0)),0)</f>
        <v>0</v>
      </c>
      <c r="I2217">
        <f t="shared" si="258"/>
        <v>0.12594203333374041</v>
      </c>
      <c r="J2217">
        <f t="shared" si="259"/>
        <v>0.41980677777913472</v>
      </c>
      <c r="K2217">
        <f t="shared" si="260"/>
        <v>0.62971016666870205</v>
      </c>
      <c r="L2217">
        <f t="shared" si="261"/>
        <v>6.4167924884106169</v>
      </c>
      <c r="M2217">
        <f t="shared" si="262"/>
        <v>0</v>
      </c>
      <c r="N2217" s="46">
        <f t="shared" si="263"/>
        <v>45382.958333328039</v>
      </c>
    </row>
    <row r="2218" spans="2:14" x14ac:dyDescent="0.3">
      <c r="B2218">
        <f t="shared" si="257"/>
        <v>1</v>
      </c>
      <c r="C2218" s="16">
        <v>2184</v>
      </c>
      <c r="D2218" cm="1">
        <f t="array" ref="D2218">IFERROR(INDEX(Jesper!AH$2:AH$366,ROUNDDOWN($C2218/24,0)+1,1)*INDEX($D$3:$AA$30,INDEX(Jesper!$R$2:$R$366,ROW(INDEX(Jesper!AH$2:AH$366,ROUNDDOWN($C2218/24,0)+1,1))-1)+IF('Standard Profiles'!$G$18=$B$10,7,0)+IF('Standard Profiles'!$G$18=$B$17,14,0)+IF('Standard Profiles'!$G$18=$B$24,21,0),MOD($C2218,24)+1)/SUM(INDEX($D$3:$AA$30,INDEX(Jesper!$R$2:$R$366,ROW(INDEX(Jesper!AH$2:AH$366,ROUNDDOWN($C2218/24,0)+1,1))-1)+IF('Standard Profiles'!$G$18=$B$10,7,0)+IF('Standard Profiles'!$G$18=$B$17,14,0)+IF('Standard Profiles'!$G$18=$B$24,21,0),0)),0)</f>
        <v>2.628516096063291</v>
      </c>
      <c r="E2218" cm="1">
        <f t="array" ref="E2218">IFERROR(INDEX(Jesper!AI$2:AI$366,ROUNDDOWN($C2218/24,0)+1,1)*INDEX($D$3:$AA$30,INDEX(Jesper!$R$2:$R$366,ROW(INDEX(Jesper!AI$2:AI$366,ROUNDDOWN($C2218/24,0)+1,1))-1)+IF('Standard Profiles'!$G$19=$B$10,7,0)+IF('Standard Profiles'!$G$19=$B$17,14,0)+IF('Standard Profiles'!$G$19=$B$24,21,0),MOD($C2218,24)+1)/SUM(INDEX($D$3:$AA$30,INDEX(Jesper!$R$2:$R$366,ROW(INDEX(Jesper!AI$2:AI$366,ROUNDDOWN($C2218/24,0)+1,1))-1)+IF('Standard Profiles'!$G$19=$B$10,7,0)+IF('Standard Profiles'!$G$19=$B$17,14,0)+IF('Standard Profiles'!$G$19=$B$24,21,0),0)),0)</f>
        <v>0</v>
      </c>
      <c r="F2218" cm="1">
        <f t="array" ref="F2218">IFERROR(INDEX(Jesper!AJ$2:AJ$366,ROUNDDOWN($C2218/24,0)+1,1)*INDEX($D$3:$AA$30,INDEX(Jesper!$R$2:$R$366,ROW(INDEX(Jesper!AJ$2:AJ$366,ROUNDDOWN($C2218/24,0)+1,1))-1)+IF('Standard Profiles'!$G$20=$B$10,7,0)+IF('Standard Profiles'!$G$20=$B$17,14,0)+IF('Standard Profiles'!$G$20=$B$24,21,0),MOD($C2218,24)+1)/SUM(INDEX($D$3:$AA$30,INDEX(Jesper!$R$2:$R$366,ROW(INDEX(Jesper!AJ$2:AJ$366,ROUNDDOWN($C2218/24,0)+1,1))-1)+IF('Standard Profiles'!$G$20=$B$10,7,0)+IF('Standard Profiles'!$G$20=$B$17,14,0)+IF('Standard Profiles'!$G$20=$B$24,21,0),0)),0)</f>
        <v>0</v>
      </c>
      <c r="G2218" cm="1">
        <f t="array" ref="G2218">IFERROR(INDEX(Jesper!AK$2:AK$366,ROUNDDOWN($C2218/24,0)+1,1)*INDEX($D$3:$AA$30,INDEX(Jesper!$R$2:$R$366,ROW(INDEX(Jesper!AK$2:AK$366,ROUNDDOWN($C2218/24,0)+1,1))-1)+IF('Standard Profiles'!$G$21=$B$10,7,0)+IF('Standard Profiles'!$G$21=$B$17,14,0)+IF('Standard Profiles'!$G$21=$B$24,21,0),MOD($C2218,24)+1)/SUM(INDEX($D$3:$AA$30,INDEX(Jesper!$R$2:$R$366,ROW(INDEX(Jesper!AK$2:AK$366,ROUNDDOWN($C2218/24,0)+1,1))-1)+IF('Standard Profiles'!$G$21=$B$10,7,0)+IF('Standard Profiles'!$G$21=$B$17,14,0)+IF('Standard Profiles'!$G$21=$B$24,21,0),0)),0)</f>
        <v>0</v>
      </c>
      <c r="H2218" cm="1">
        <f t="array" ref="H2218">IFERROR(INDEX(Jesper!AL$2:AL$366,ROUNDDOWN($C2218/24,0)+1,1)*INDEX($D$3:$AA$30,INDEX(Jesper!$R$2:$R$366,ROW(INDEX(Jesper!AL$2:AL$366,ROUNDDOWN($C2218/24,0)+1,1))-1)+IF('Standard Profiles'!$G$22=$B$10,7,0)+IF('Standard Profiles'!$G$22=$B$17,14,0)+IF('Standard Profiles'!$G$22=$B$24,21,0),MOD($C2218,24)+1)/SUM(INDEX($D$3:$AA$30,INDEX(Jesper!$R$2:$R$366,ROW(INDEX(Jesper!AL$2:AL$366,ROUNDDOWN($C2218/24,0)+1,1))-1)+IF('Standard Profiles'!$G$22=$B$10,7,0)+IF('Standard Profiles'!$G$22=$B$17,14,0)+IF('Standard Profiles'!$G$22=$B$24,21,0),0)),0)</f>
        <v>0</v>
      </c>
      <c r="I2218">
        <f t="shared" si="258"/>
        <v>7.8855482881898725E-2</v>
      </c>
      <c r="J2218">
        <f t="shared" si="259"/>
        <v>0.26285160960632908</v>
      </c>
      <c r="K2218">
        <f t="shared" si="260"/>
        <v>0.39427741440949365</v>
      </c>
      <c r="L2218">
        <f t="shared" si="261"/>
        <v>1.8925315891655694</v>
      </c>
      <c r="M2218">
        <f t="shared" si="262"/>
        <v>0</v>
      </c>
      <c r="N2218" s="46">
        <f t="shared" si="263"/>
        <v>45382.999999994703</v>
      </c>
    </row>
    <row r="2219" spans="2:14" x14ac:dyDescent="0.3">
      <c r="B2219">
        <f t="shared" si="257"/>
        <v>1</v>
      </c>
      <c r="C2219" s="16">
        <v>2185</v>
      </c>
      <c r="D2219" cm="1">
        <f t="array" ref="D2219">IFERROR(INDEX(Jesper!AH$2:AH$366,ROUNDDOWN($C2219/24,0)+1,1)*INDEX($D$3:$AA$30,INDEX(Jesper!$R$2:$R$366,ROW(INDEX(Jesper!AH$2:AH$366,ROUNDDOWN($C2219/24,0)+1,1))-1)+IF('Standard Profiles'!$G$18=$B$10,7,0)+IF('Standard Profiles'!$G$18=$B$17,14,0)+IF('Standard Profiles'!$G$18=$B$24,21,0),MOD($C2219,24)+1)/SUM(INDEX($D$3:$AA$30,INDEX(Jesper!$R$2:$R$366,ROW(INDEX(Jesper!AH$2:AH$366,ROUNDDOWN($C2219/24,0)+1,1))-1)+IF('Standard Profiles'!$G$18=$B$10,7,0)+IF('Standard Profiles'!$G$18=$B$17,14,0)+IF('Standard Profiles'!$G$18=$B$24,21,0),0)),0)</f>
        <v>2.628516096063291</v>
      </c>
      <c r="E2219" cm="1">
        <f t="array" ref="E2219">IFERROR(INDEX(Jesper!AI$2:AI$366,ROUNDDOWN($C2219/24,0)+1,1)*INDEX($D$3:$AA$30,INDEX(Jesper!$R$2:$R$366,ROW(INDEX(Jesper!AI$2:AI$366,ROUNDDOWN($C2219/24,0)+1,1))-1)+IF('Standard Profiles'!$G$19=$B$10,7,0)+IF('Standard Profiles'!$G$19=$B$17,14,0)+IF('Standard Profiles'!$G$19=$B$24,21,0),MOD($C2219,24)+1)/SUM(INDEX($D$3:$AA$30,INDEX(Jesper!$R$2:$R$366,ROW(INDEX(Jesper!AI$2:AI$366,ROUNDDOWN($C2219/24,0)+1,1))-1)+IF('Standard Profiles'!$G$19=$B$10,7,0)+IF('Standard Profiles'!$G$19=$B$17,14,0)+IF('Standard Profiles'!$G$19=$B$24,21,0),0)),0)</f>
        <v>0</v>
      </c>
      <c r="F2219" cm="1">
        <f t="array" ref="F2219">IFERROR(INDEX(Jesper!AJ$2:AJ$366,ROUNDDOWN($C2219/24,0)+1,1)*INDEX($D$3:$AA$30,INDEX(Jesper!$R$2:$R$366,ROW(INDEX(Jesper!AJ$2:AJ$366,ROUNDDOWN($C2219/24,0)+1,1))-1)+IF('Standard Profiles'!$G$20=$B$10,7,0)+IF('Standard Profiles'!$G$20=$B$17,14,0)+IF('Standard Profiles'!$G$20=$B$24,21,0),MOD($C2219,24)+1)/SUM(INDEX($D$3:$AA$30,INDEX(Jesper!$R$2:$R$366,ROW(INDEX(Jesper!AJ$2:AJ$366,ROUNDDOWN($C2219/24,0)+1,1))-1)+IF('Standard Profiles'!$G$20=$B$10,7,0)+IF('Standard Profiles'!$G$20=$B$17,14,0)+IF('Standard Profiles'!$G$20=$B$24,21,0),0)),0)</f>
        <v>0</v>
      </c>
      <c r="G2219" cm="1">
        <f t="array" ref="G2219">IFERROR(INDEX(Jesper!AK$2:AK$366,ROUNDDOWN($C2219/24,0)+1,1)*INDEX($D$3:$AA$30,INDEX(Jesper!$R$2:$R$366,ROW(INDEX(Jesper!AK$2:AK$366,ROUNDDOWN($C2219/24,0)+1,1))-1)+IF('Standard Profiles'!$G$21=$B$10,7,0)+IF('Standard Profiles'!$G$21=$B$17,14,0)+IF('Standard Profiles'!$G$21=$B$24,21,0),MOD($C2219,24)+1)/SUM(INDEX($D$3:$AA$30,INDEX(Jesper!$R$2:$R$366,ROW(INDEX(Jesper!AK$2:AK$366,ROUNDDOWN($C2219/24,0)+1,1))-1)+IF('Standard Profiles'!$G$21=$B$10,7,0)+IF('Standard Profiles'!$G$21=$B$17,14,0)+IF('Standard Profiles'!$G$21=$B$24,21,0),0)),0)</f>
        <v>0</v>
      </c>
      <c r="H2219" cm="1">
        <f t="array" ref="H2219">IFERROR(INDEX(Jesper!AL$2:AL$366,ROUNDDOWN($C2219/24,0)+1,1)*INDEX($D$3:$AA$30,INDEX(Jesper!$R$2:$R$366,ROW(INDEX(Jesper!AL$2:AL$366,ROUNDDOWN($C2219/24,0)+1,1))-1)+IF('Standard Profiles'!$G$22=$B$10,7,0)+IF('Standard Profiles'!$G$22=$B$17,14,0)+IF('Standard Profiles'!$G$22=$B$24,21,0),MOD($C2219,24)+1)/SUM(INDEX($D$3:$AA$30,INDEX(Jesper!$R$2:$R$366,ROW(INDEX(Jesper!AL$2:AL$366,ROUNDDOWN($C2219/24,0)+1,1))-1)+IF('Standard Profiles'!$G$22=$B$10,7,0)+IF('Standard Profiles'!$G$22=$B$17,14,0)+IF('Standard Profiles'!$G$22=$B$24,21,0),0)),0)</f>
        <v>0</v>
      </c>
      <c r="I2219">
        <f t="shared" si="258"/>
        <v>7.8855482881898725E-2</v>
      </c>
      <c r="J2219">
        <f t="shared" si="259"/>
        <v>0.26285160960632908</v>
      </c>
      <c r="K2219">
        <f t="shared" si="260"/>
        <v>0.39427741440949365</v>
      </c>
      <c r="L2219">
        <f t="shared" si="261"/>
        <v>1.8925315891655694</v>
      </c>
      <c r="M2219">
        <f t="shared" si="262"/>
        <v>0</v>
      </c>
      <c r="N2219" s="46">
        <f t="shared" si="263"/>
        <v>45383.041666661367</v>
      </c>
    </row>
    <row r="2220" spans="2:14" x14ac:dyDescent="0.3">
      <c r="B2220">
        <f t="shared" si="257"/>
        <v>1</v>
      </c>
      <c r="C2220" s="16">
        <v>2186</v>
      </c>
      <c r="D2220" cm="1">
        <f t="array" ref="D2220">IFERROR(INDEX(Jesper!AH$2:AH$366,ROUNDDOWN($C2220/24,0)+1,1)*INDEX($D$3:$AA$30,INDEX(Jesper!$R$2:$R$366,ROW(INDEX(Jesper!AH$2:AH$366,ROUNDDOWN($C2220/24,0)+1,1))-1)+IF('Standard Profiles'!$G$18=$B$10,7,0)+IF('Standard Profiles'!$G$18=$B$17,14,0)+IF('Standard Profiles'!$G$18=$B$24,21,0),MOD($C2220,24)+1)/SUM(INDEX($D$3:$AA$30,INDEX(Jesper!$R$2:$R$366,ROW(INDEX(Jesper!AH$2:AH$366,ROUNDDOWN($C2220/24,0)+1,1))-1)+IF('Standard Profiles'!$G$18=$B$10,7,0)+IF('Standard Profiles'!$G$18=$B$17,14,0)+IF('Standard Profiles'!$G$18=$B$24,21,0),0)),0)</f>
        <v>2.628516096063291</v>
      </c>
      <c r="E2220" cm="1">
        <f t="array" ref="E2220">IFERROR(INDEX(Jesper!AI$2:AI$366,ROUNDDOWN($C2220/24,0)+1,1)*INDEX($D$3:$AA$30,INDEX(Jesper!$R$2:$R$366,ROW(INDEX(Jesper!AI$2:AI$366,ROUNDDOWN($C2220/24,0)+1,1))-1)+IF('Standard Profiles'!$G$19=$B$10,7,0)+IF('Standard Profiles'!$G$19=$B$17,14,0)+IF('Standard Profiles'!$G$19=$B$24,21,0),MOD($C2220,24)+1)/SUM(INDEX($D$3:$AA$30,INDEX(Jesper!$R$2:$R$366,ROW(INDEX(Jesper!AI$2:AI$366,ROUNDDOWN($C2220/24,0)+1,1))-1)+IF('Standard Profiles'!$G$19=$B$10,7,0)+IF('Standard Profiles'!$G$19=$B$17,14,0)+IF('Standard Profiles'!$G$19=$B$24,21,0),0)),0)</f>
        <v>0</v>
      </c>
      <c r="F2220" cm="1">
        <f t="array" ref="F2220">IFERROR(INDEX(Jesper!AJ$2:AJ$366,ROUNDDOWN($C2220/24,0)+1,1)*INDEX($D$3:$AA$30,INDEX(Jesper!$R$2:$R$366,ROW(INDEX(Jesper!AJ$2:AJ$366,ROUNDDOWN($C2220/24,0)+1,1))-1)+IF('Standard Profiles'!$G$20=$B$10,7,0)+IF('Standard Profiles'!$G$20=$B$17,14,0)+IF('Standard Profiles'!$G$20=$B$24,21,0),MOD($C2220,24)+1)/SUM(INDEX($D$3:$AA$30,INDEX(Jesper!$R$2:$R$366,ROW(INDEX(Jesper!AJ$2:AJ$366,ROUNDDOWN($C2220/24,0)+1,1))-1)+IF('Standard Profiles'!$G$20=$B$10,7,0)+IF('Standard Profiles'!$G$20=$B$17,14,0)+IF('Standard Profiles'!$G$20=$B$24,21,0),0)),0)</f>
        <v>0</v>
      </c>
      <c r="G2220" cm="1">
        <f t="array" ref="G2220">IFERROR(INDEX(Jesper!AK$2:AK$366,ROUNDDOWN($C2220/24,0)+1,1)*INDEX($D$3:$AA$30,INDEX(Jesper!$R$2:$R$366,ROW(INDEX(Jesper!AK$2:AK$366,ROUNDDOWN($C2220/24,0)+1,1))-1)+IF('Standard Profiles'!$G$21=$B$10,7,0)+IF('Standard Profiles'!$G$21=$B$17,14,0)+IF('Standard Profiles'!$G$21=$B$24,21,0),MOD($C2220,24)+1)/SUM(INDEX($D$3:$AA$30,INDEX(Jesper!$R$2:$R$366,ROW(INDEX(Jesper!AK$2:AK$366,ROUNDDOWN($C2220/24,0)+1,1))-1)+IF('Standard Profiles'!$G$21=$B$10,7,0)+IF('Standard Profiles'!$G$21=$B$17,14,0)+IF('Standard Profiles'!$G$21=$B$24,21,0),0)),0)</f>
        <v>0</v>
      </c>
      <c r="H2220" cm="1">
        <f t="array" ref="H2220">IFERROR(INDEX(Jesper!AL$2:AL$366,ROUNDDOWN($C2220/24,0)+1,1)*INDEX($D$3:$AA$30,INDEX(Jesper!$R$2:$R$366,ROW(INDEX(Jesper!AL$2:AL$366,ROUNDDOWN($C2220/24,0)+1,1))-1)+IF('Standard Profiles'!$G$22=$B$10,7,0)+IF('Standard Profiles'!$G$22=$B$17,14,0)+IF('Standard Profiles'!$G$22=$B$24,21,0),MOD($C2220,24)+1)/SUM(INDEX($D$3:$AA$30,INDEX(Jesper!$R$2:$R$366,ROW(INDEX(Jesper!AL$2:AL$366,ROUNDDOWN($C2220/24,0)+1,1))-1)+IF('Standard Profiles'!$G$22=$B$10,7,0)+IF('Standard Profiles'!$G$22=$B$17,14,0)+IF('Standard Profiles'!$G$22=$B$24,21,0),0)),0)</f>
        <v>0</v>
      </c>
      <c r="I2220">
        <f t="shared" si="258"/>
        <v>7.8855482881898725E-2</v>
      </c>
      <c r="J2220">
        <f t="shared" si="259"/>
        <v>0.26285160960632908</v>
      </c>
      <c r="K2220">
        <f t="shared" si="260"/>
        <v>0.39427741440949365</v>
      </c>
      <c r="L2220">
        <f t="shared" si="261"/>
        <v>1.8925315891655694</v>
      </c>
      <c r="M2220">
        <f t="shared" si="262"/>
        <v>0</v>
      </c>
      <c r="N2220" s="46">
        <f t="shared" si="263"/>
        <v>45383.083333328032</v>
      </c>
    </row>
    <row r="2221" spans="2:14" x14ac:dyDescent="0.3">
      <c r="B2221">
        <f t="shared" si="257"/>
        <v>1</v>
      </c>
      <c r="C2221" s="16">
        <v>2187</v>
      </c>
      <c r="D2221" cm="1">
        <f t="array" ref="D2221">IFERROR(INDEX(Jesper!AH$2:AH$366,ROUNDDOWN($C2221/24,0)+1,1)*INDEX($D$3:$AA$30,INDEX(Jesper!$R$2:$R$366,ROW(INDEX(Jesper!AH$2:AH$366,ROUNDDOWN($C2221/24,0)+1,1))-1)+IF('Standard Profiles'!$G$18=$B$10,7,0)+IF('Standard Profiles'!$G$18=$B$17,14,0)+IF('Standard Profiles'!$G$18=$B$24,21,0),MOD($C2221,24)+1)/SUM(INDEX($D$3:$AA$30,INDEX(Jesper!$R$2:$R$366,ROW(INDEX(Jesper!AH$2:AH$366,ROUNDDOWN($C2221/24,0)+1,1))-1)+IF('Standard Profiles'!$G$18=$B$10,7,0)+IF('Standard Profiles'!$G$18=$B$17,14,0)+IF('Standard Profiles'!$G$18=$B$24,21,0),0)),0)</f>
        <v>2.628516096063291</v>
      </c>
      <c r="E2221" cm="1">
        <f t="array" ref="E2221">IFERROR(INDEX(Jesper!AI$2:AI$366,ROUNDDOWN($C2221/24,0)+1,1)*INDEX($D$3:$AA$30,INDEX(Jesper!$R$2:$R$366,ROW(INDEX(Jesper!AI$2:AI$366,ROUNDDOWN($C2221/24,0)+1,1))-1)+IF('Standard Profiles'!$G$19=$B$10,7,0)+IF('Standard Profiles'!$G$19=$B$17,14,0)+IF('Standard Profiles'!$G$19=$B$24,21,0),MOD($C2221,24)+1)/SUM(INDEX($D$3:$AA$30,INDEX(Jesper!$R$2:$R$366,ROW(INDEX(Jesper!AI$2:AI$366,ROUNDDOWN($C2221/24,0)+1,1))-1)+IF('Standard Profiles'!$G$19=$B$10,7,0)+IF('Standard Profiles'!$G$19=$B$17,14,0)+IF('Standard Profiles'!$G$19=$B$24,21,0),0)),0)</f>
        <v>0</v>
      </c>
      <c r="F2221" cm="1">
        <f t="array" ref="F2221">IFERROR(INDEX(Jesper!AJ$2:AJ$366,ROUNDDOWN($C2221/24,0)+1,1)*INDEX($D$3:$AA$30,INDEX(Jesper!$R$2:$R$366,ROW(INDEX(Jesper!AJ$2:AJ$366,ROUNDDOWN($C2221/24,0)+1,1))-1)+IF('Standard Profiles'!$G$20=$B$10,7,0)+IF('Standard Profiles'!$G$20=$B$17,14,0)+IF('Standard Profiles'!$G$20=$B$24,21,0),MOD($C2221,24)+1)/SUM(INDEX($D$3:$AA$30,INDEX(Jesper!$R$2:$R$366,ROW(INDEX(Jesper!AJ$2:AJ$366,ROUNDDOWN($C2221/24,0)+1,1))-1)+IF('Standard Profiles'!$G$20=$B$10,7,0)+IF('Standard Profiles'!$G$20=$B$17,14,0)+IF('Standard Profiles'!$G$20=$B$24,21,0),0)),0)</f>
        <v>0</v>
      </c>
      <c r="G2221" cm="1">
        <f t="array" ref="G2221">IFERROR(INDEX(Jesper!AK$2:AK$366,ROUNDDOWN($C2221/24,0)+1,1)*INDEX($D$3:$AA$30,INDEX(Jesper!$R$2:$R$366,ROW(INDEX(Jesper!AK$2:AK$366,ROUNDDOWN($C2221/24,0)+1,1))-1)+IF('Standard Profiles'!$G$21=$B$10,7,0)+IF('Standard Profiles'!$G$21=$B$17,14,0)+IF('Standard Profiles'!$G$21=$B$24,21,0),MOD($C2221,24)+1)/SUM(INDEX($D$3:$AA$30,INDEX(Jesper!$R$2:$R$366,ROW(INDEX(Jesper!AK$2:AK$366,ROUNDDOWN($C2221/24,0)+1,1))-1)+IF('Standard Profiles'!$G$21=$B$10,7,0)+IF('Standard Profiles'!$G$21=$B$17,14,0)+IF('Standard Profiles'!$G$21=$B$24,21,0),0)),0)</f>
        <v>0</v>
      </c>
      <c r="H2221" cm="1">
        <f t="array" ref="H2221">IFERROR(INDEX(Jesper!AL$2:AL$366,ROUNDDOWN($C2221/24,0)+1,1)*INDEX($D$3:$AA$30,INDEX(Jesper!$R$2:$R$366,ROW(INDEX(Jesper!AL$2:AL$366,ROUNDDOWN($C2221/24,0)+1,1))-1)+IF('Standard Profiles'!$G$22=$B$10,7,0)+IF('Standard Profiles'!$G$22=$B$17,14,0)+IF('Standard Profiles'!$G$22=$B$24,21,0),MOD($C2221,24)+1)/SUM(INDEX($D$3:$AA$30,INDEX(Jesper!$R$2:$R$366,ROW(INDEX(Jesper!AL$2:AL$366,ROUNDDOWN($C2221/24,0)+1,1))-1)+IF('Standard Profiles'!$G$22=$B$10,7,0)+IF('Standard Profiles'!$G$22=$B$17,14,0)+IF('Standard Profiles'!$G$22=$B$24,21,0),0)),0)</f>
        <v>0</v>
      </c>
      <c r="I2221">
        <f t="shared" si="258"/>
        <v>7.8855482881898725E-2</v>
      </c>
      <c r="J2221">
        <f t="shared" si="259"/>
        <v>0.26285160960632908</v>
      </c>
      <c r="K2221">
        <f t="shared" si="260"/>
        <v>0.39427741440949365</v>
      </c>
      <c r="L2221">
        <f t="shared" si="261"/>
        <v>1.8925315891655694</v>
      </c>
      <c r="M2221">
        <f t="shared" si="262"/>
        <v>0</v>
      </c>
      <c r="N2221" s="46">
        <f t="shared" si="263"/>
        <v>45383.124999994696</v>
      </c>
    </row>
    <row r="2222" spans="2:14" x14ac:dyDescent="0.3">
      <c r="B2222">
        <f t="shared" si="257"/>
        <v>1</v>
      </c>
      <c r="C2222" s="16">
        <v>2188</v>
      </c>
      <c r="D2222" cm="1">
        <f t="array" ref="D2222">IFERROR(INDEX(Jesper!AH$2:AH$366,ROUNDDOWN($C2222/24,0)+1,1)*INDEX($D$3:$AA$30,INDEX(Jesper!$R$2:$R$366,ROW(INDEX(Jesper!AH$2:AH$366,ROUNDDOWN($C2222/24,0)+1,1))-1)+IF('Standard Profiles'!$G$18=$B$10,7,0)+IF('Standard Profiles'!$G$18=$B$17,14,0)+IF('Standard Profiles'!$G$18=$B$24,21,0),MOD($C2222,24)+1)/SUM(INDEX($D$3:$AA$30,INDEX(Jesper!$R$2:$R$366,ROW(INDEX(Jesper!AH$2:AH$366,ROUNDDOWN($C2222/24,0)+1,1))-1)+IF('Standard Profiles'!$G$18=$B$10,7,0)+IF('Standard Profiles'!$G$18=$B$17,14,0)+IF('Standard Profiles'!$G$18=$B$24,21,0),0)),0)</f>
        <v>2.628516096063291</v>
      </c>
      <c r="E2222" cm="1">
        <f t="array" ref="E2222">IFERROR(INDEX(Jesper!AI$2:AI$366,ROUNDDOWN($C2222/24,0)+1,1)*INDEX($D$3:$AA$30,INDEX(Jesper!$R$2:$R$366,ROW(INDEX(Jesper!AI$2:AI$366,ROUNDDOWN($C2222/24,0)+1,1))-1)+IF('Standard Profiles'!$G$19=$B$10,7,0)+IF('Standard Profiles'!$G$19=$B$17,14,0)+IF('Standard Profiles'!$G$19=$B$24,21,0),MOD($C2222,24)+1)/SUM(INDEX($D$3:$AA$30,INDEX(Jesper!$R$2:$R$366,ROW(INDEX(Jesper!AI$2:AI$366,ROUNDDOWN($C2222/24,0)+1,1))-1)+IF('Standard Profiles'!$G$19=$B$10,7,0)+IF('Standard Profiles'!$G$19=$B$17,14,0)+IF('Standard Profiles'!$G$19=$B$24,21,0),0)),0)</f>
        <v>0</v>
      </c>
      <c r="F2222" cm="1">
        <f t="array" ref="F2222">IFERROR(INDEX(Jesper!AJ$2:AJ$366,ROUNDDOWN($C2222/24,0)+1,1)*INDEX($D$3:$AA$30,INDEX(Jesper!$R$2:$R$366,ROW(INDEX(Jesper!AJ$2:AJ$366,ROUNDDOWN($C2222/24,0)+1,1))-1)+IF('Standard Profiles'!$G$20=$B$10,7,0)+IF('Standard Profiles'!$G$20=$B$17,14,0)+IF('Standard Profiles'!$G$20=$B$24,21,0),MOD($C2222,24)+1)/SUM(INDEX($D$3:$AA$30,INDEX(Jesper!$R$2:$R$366,ROW(INDEX(Jesper!AJ$2:AJ$366,ROUNDDOWN($C2222/24,0)+1,1))-1)+IF('Standard Profiles'!$G$20=$B$10,7,0)+IF('Standard Profiles'!$G$20=$B$17,14,0)+IF('Standard Profiles'!$G$20=$B$24,21,0),0)),0)</f>
        <v>0</v>
      </c>
      <c r="G2222" cm="1">
        <f t="array" ref="G2222">IFERROR(INDEX(Jesper!AK$2:AK$366,ROUNDDOWN($C2222/24,0)+1,1)*INDEX($D$3:$AA$30,INDEX(Jesper!$R$2:$R$366,ROW(INDEX(Jesper!AK$2:AK$366,ROUNDDOWN($C2222/24,0)+1,1))-1)+IF('Standard Profiles'!$G$21=$B$10,7,0)+IF('Standard Profiles'!$G$21=$B$17,14,0)+IF('Standard Profiles'!$G$21=$B$24,21,0),MOD($C2222,24)+1)/SUM(INDEX($D$3:$AA$30,INDEX(Jesper!$R$2:$R$366,ROW(INDEX(Jesper!AK$2:AK$366,ROUNDDOWN($C2222/24,0)+1,1))-1)+IF('Standard Profiles'!$G$21=$B$10,7,0)+IF('Standard Profiles'!$G$21=$B$17,14,0)+IF('Standard Profiles'!$G$21=$B$24,21,0),0)),0)</f>
        <v>0</v>
      </c>
      <c r="H2222" cm="1">
        <f t="array" ref="H2222">IFERROR(INDEX(Jesper!AL$2:AL$366,ROUNDDOWN($C2222/24,0)+1,1)*INDEX($D$3:$AA$30,INDEX(Jesper!$R$2:$R$366,ROW(INDEX(Jesper!AL$2:AL$366,ROUNDDOWN($C2222/24,0)+1,1))-1)+IF('Standard Profiles'!$G$22=$B$10,7,0)+IF('Standard Profiles'!$G$22=$B$17,14,0)+IF('Standard Profiles'!$G$22=$B$24,21,0),MOD($C2222,24)+1)/SUM(INDEX($D$3:$AA$30,INDEX(Jesper!$R$2:$R$366,ROW(INDEX(Jesper!AL$2:AL$366,ROUNDDOWN($C2222/24,0)+1,1))-1)+IF('Standard Profiles'!$G$22=$B$10,7,0)+IF('Standard Profiles'!$G$22=$B$17,14,0)+IF('Standard Profiles'!$G$22=$B$24,21,0),0)),0)</f>
        <v>0</v>
      </c>
      <c r="I2222">
        <f t="shared" si="258"/>
        <v>7.8855482881898725E-2</v>
      </c>
      <c r="J2222">
        <f t="shared" si="259"/>
        <v>0.26285160960632908</v>
      </c>
      <c r="K2222">
        <f t="shared" si="260"/>
        <v>0.39427741440949365</v>
      </c>
      <c r="L2222">
        <f t="shared" si="261"/>
        <v>1.8925315891655694</v>
      </c>
      <c r="M2222">
        <f t="shared" si="262"/>
        <v>0</v>
      </c>
      <c r="N2222" s="46">
        <f t="shared" si="263"/>
        <v>45383.16666666136</v>
      </c>
    </row>
    <row r="2223" spans="2:14" x14ac:dyDescent="0.3">
      <c r="B2223">
        <f t="shared" si="257"/>
        <v>1</v>
      </c>
      <c r="C2223" s="16">
        <v>2189</v>
      </c>
      <c r="D2223" cm="1">
        <f t="array" ref="D2223">IFERROR(INDEX(Jesper!AH$2:AH$366,ROUNDDOWN($C2223/24,0)+1,1)*INDEX($D$3:$AA$30,INDEX(Jesper!$R$2:$R$366,ROW(INDEX(Jesper!AH$2:AH$366,ROUNDDOWN($C2223/24,0)+1,1))-1)+IF('Standard Profiles'!$G$18=$B$10,7,0)+IF('Standard Profiles'!$G$18=$B$17,14,0)+IF('Standard Profiles'!$G$18=$B$24,21,0),MOD($C2223,24)+1)/SUM(INDEX($D$3:$AA$30,INDEX(Jesper!$R$2:$R$366,ROW(INDEX(Jesper!AH$2:AH$366,ROUNDDOWN($C2223/24,0)+1,1))-1)+IF('Standard Profiles'!$G$18=$B$10,7,0)+IF('Standard Profiles'!$G$18=$B$17,14,0)+IF('Standard Profiles'!$G$18=$B$24,21,0),0)),0)</f>
        <v>11.390236416274259</v>
      </c>
      <c r="E2223" cm="1">
        <f t="array" ref="E2223">IFERROR(INDEX(Jesper!AI$2:AI$366,ROUNDDOWN($C2223/24,0)+1,1)*INDEX($D$3:$AA$30,INDEX(Jesper!$R$2:$R$366,ROW(INDEX(Jesper!AI$2:AI$366,ROUNDDOWN($C2223/24,0)+1,1))-1)+IF('Standard Profiles'!$G$19=$B$10,7,0)+IF('Standard Profiles'!$G$19=$B$17,14,0)+IF('Standard Profiles'!$G$19=$B$24,21,0),MOD($C2223,24)+1)/SUM(INDEX($D$3:$AA$30,INDEX(Jesper!$R$2:$R$366,ROW(INDEX(Jesper!AI$2:AI$366,ROUNDDOWN($C2223/24,0)+1,1))-1)+IF('Standard Profiles'!$G$19=$B$10,7,0)+IF('Standard Profiles'!$G$19=$B$17,14,0)+IF('Standard Profiles'!$G$19=$B$24,21,0),0)),0)</f>
        <v>0</v>
      </c>
      <c r="F2223" cm="1">
        <f t="array" ref="F2223">IFERROR(INDEX(Jesper!AJ$2:AJ$366,ROUNDDOWN($C2223/24,0)+1,1)*INDEX($D$3:$AA$30,INDEX(Jesper!$R$2:$R$366,ROW(INDEX(Jesper!AJ$2:AJ$366,ROUNDDOWN($C2223/24,0)+1,1))-1)+IF('Standard Profiles'!$G$20=$B$10,7,0)+IF('Standard Profiles'!$G$20=$B$17,14,0)+IF('Standard Profiles'!$G$20=$B$24,21,0),MOD($C2223,24)+1)/SUM(INDEX($D$3:$AA$30,INDEX(Jesper!$R$2:$R$366,ROW(INDEX(Jesper!AJ$2:AJ$366,ROUNDDOWN($C2223/24,0)+1,1))-1)+IF('Standard Profiles'!$G$20=$B$10,7,0)+IF('Standard Profiles'!$G$20=$B$17,14,0)+IF('Standard Profiles'!$G$20=$B$24,21,0),0)),0)</f>
        <v>0</v>
      </c>
      <c r="G2223" cm="1">
        <f t="array" ref="G2223">IFERROR(INDEX(Jesper!AK$2:AK$366,ROUNDDOWN($C2223/24,0)+1,1)*INDEX($D$3:$AA$30,INDEX(Jesper!$R$2:$R$366,ROW(INDEX(Jesper!AK$2:AK$366,ROUNDDOWN($C2223/24,0)+1,1))-1)+IF('Standard Profiles'!$G$21=$B$10,7,0)+IF('Standard Profiles'!$G$21=$B$17,14,0)+IF('Standard Profiles'!$G$21=$B$24,21,0),MOD($C2223,24)+1)/SUM(INDEX($D$3:$AA$30,INDEX(Jesper!$R$2:$R$366,ROW(INDEX(Jesper!AK$2:AK$366,ROUNDDOWN($C2223/24,0)+1,1))-1)+IF('Standard Profiles'!$G$21=$B$10,7,0)+IF('Standard Profiles'!$G$21=$B$17,14,0)+IF('Standard Profiles'!$G$21=$B$24,21,0),0)),0)</f>
        <v>0</v>
      </c>
      <c r="H2223" cm="1">
        <f t="array" ref="H2223">IFERROR(INDEX(Jesper!AL$2:AL$366,ROUNDDOWN($C2223/24,0)+1,1)*INDEX($D$3:$AA$30,INDEX(Jesper!$R$2:$R$366,ROW(INDEX(Jesper!AL$2:AL$366,ROUNDDOWN($C2223/24,0)+1,1))-1)+IF('Standard Profiles'!$G$22=$B$10,7,0)+IF('Standard Profiles'!$G$22=$B$17,14,0)+IF('Standard Profiles'!$G$22=$B$24,21,0),MOD($C2223,24)+1)/SUM(INDEX($D$3:$AA$30,INDEX(Jesper!$R$2:$R$366,ROW(INDEX(Jesper!AL$2:AL$366,ROUNDDOWN($C2223/24,0)+1,1))-1)+IF('Standard Profiles'!$G$22=$B$10,7,0)+IF('Standard Profiles'!$G$22=$B$17,14,0)+IF('Standard Profiles'!$G$22=$B$24,21,0),0)),0)</f>
        <v>0</v>
      </c>
      <c r="I2223">
        <f t="shared" si="258"/>
        <v>0.34170709248822778</v>
      </c>
      <c r="J2223">
        <f t="shared" si="259"/>
        <v>1.139023641627426</v>
      </c>
      <c r="K2223">
        <f t="shared" si="260"/>
        <v>1.7085354624411389</v>
      </c>
      <c r="L2223">
        <f t="shared" si="261"/>
        <v>8.2009702197174672</v>
      </c>
      <c r="M2223">
        <f t="shared" si="262"/>
        <v>0</v>
      </c>
      <c r="N2223" s="46">
        <f t="shared" si="263"/>
        <v>45383.208333328024</v>
      </c>
    </row>
    <row r="2224" spans="2:14" x14ac:dyDescent="0.3">
      <c r="B2224">
        <f t="shared" si="257"/>
        <v>1</v>
      </c>
      <c r="C2224" s="16">
        <v>2190</v>
      </c>
      <c r="D2224" cm="1">
        <f t="array" ref="D2224">IFERROR(INDEX(Jesper!AH$2:AH$366,ROUNDDOWN($C2224/24,0)+1,1)*INDEX($D$3:$AA$30,INDEX(Jesper!$R$2:$R$366,ROW(INDEX(Jesper!AH$2:AH$366,ROUNDDOWN($C2224/24,0)+1,1))-1)+IF('Standard Profiles'!$G$18=$B$10,7,0)+IF('Standard Profiles'!$G$18=$B$17,14,0)+IF('Standard Profiles'!$G$18=$B$24,21,0),MOD($C2224,24)+1)/SUM(INDEX($D$3:$AA$30,INDEX(Jesper!$R$2:$R$366,ROW(INDEX(Jesper!AH$2:AH$366,ROUNDDOWN($C2224/24,0)+1,1))-1)+IF('Standard Profiles'!$G$18=$B$10,7,0)+IF('Standard Profiles'!$G$18=$B$17,14,0)+IF('Standard Profiles'!$G$18=$B$24,21,0),0)),0)</f>
        <v>12.92353747231118</v>
      </c>
      <c r="E2224" cm="1">
        <f t="array" ref="E2224">IFERROR(INDEX(Jesper!AI$2:AI$366,ROUNDDOWN($C2224/24,0)+1,1)*INDEX($D$3:$AA$30,INDEX(Jesper!$R$2:$R$366,ROW(INDEX(Jesper!AI$2:AI$366,ROUNDDOWN($C2224/24,0)+1,1))-1)+IF('Standard Profiles'!$G$19=$B$10,7,0)+IF('Standard Profiles'!$G$19=$B$17,14,0)+IF('Standard Profiles'!$G$19=$B$24,21,0),MOD($C2224,24)+1)/SUM(INDEX($D$3:$AA$30,INDEX(Jesper!$R$2:$R$366,ROW(INDEX(Jesper!AI$2:AI$366,ROUNDDOWN($C2224/24,0)+1,1))-1)+IF('Standard Profiles'!$G$19=$B$10,7,0)+IF('Standard Profiles'!$G$19=$B$17,14,0)+IF('Standard Profiles'!$G$19=$B$24,21,0),0)),0)</f>
        <v>0</v>
      </c>
      <c r="F2224" cm="1">
        <f t="array" ref="F2224">IFERROR(INDEX(Jesper!AJ$2:AJ$366,ROUNDDOWN($C2224/24,0)+1,1)*INDEX($D$3:$AA$30,INDEX(Jesper!$R$2:$R$366,ROW(INDEX(Jesper!AJ$2:AJ$366,ROUNDDOWN($C2224/24,0)+1,1))-1)+IF('Standard Profiles'!$G$20=$B$10,7,0)+IF('Standard Profiles'!$G$20=$B$17,14,0)+IF('Standard Profiles'!$G$20=$B$24,21,0),MOD($C2224,24)+1)/SUM(INDEX($D$3:$AA$30,INDEX(Jesper!$R$2:$R$366,ROW(INDEX(Jesper!AJ$2:AJ$366,ROUNDDOWN($C2224/24,0)+1,1))-1)+IF('Standard Profiles'!$G$20=$B$10,7,0)+IF('Standard Profiles'!$G$20=$B$17,14,0)+IF('Standard Profiles'!$G$20=$B$24,21,0),0)),0)</f>
        <v>0</v>
      </c>
      <c r="G2224" cm="1">
        <f t="array" ref="G2224">IFERROR(INDEX(Jesper!AK$2:AK$366,ROUNDDOWN($C2224/24,0)+1,1)*INDEX($D$3:$AA$30,INDEX(Jesper!$R$2:$R$366,ROW(INDEX(Jesper!AK$2:AK$366,ROUNDDOWN($C2224/24,0)+1,1))-1)+IF('Standard Profiles'!$G$21=$B$10,7,0)+IF('Standard Profiles'!$G$21=$B$17,14,0)+IF('Standard Profiles'!$G$21=$B$24,21,0),MOD($C2224,24)+1)/SUM(INDEX($D$3:$AA$30,INDEX(Jesper!$R$2:$R$366,ROW(INDEX(Jesper!AK$2:AK$366,ROUNDDOWN($C2224/24,0)+1,1))-1)+IF('Standard Profiles'!$G$21=$B$10,7,0)+IF('Standard Profiles'!$G$21=$B$17,14,0)+IF('Standard Profiles'!$G$21=$B$24,21,0),0)),0)</f>
        <v>0</v>
      </c>
      <c r="H2224" cm="1">
        <f t="array" ref="H2224">IFERROR(INDEX(Jesper!AL$2:AL$366,ROUNDDOWN($C2224/24,0)+1,1)*INDEX($D$3:$AA$30,INDEX(Jesper!$R$2:$R$366,ROW(INDEX(Jesper!AL$2:AL$366,ROUNDDOWN($C2224/24,0)+1,1))-1)+IF('Standard Profiles'!$G$22=$B$10,7,0)+IF('Standard Profiles'!$G$22=$B$17,14,0)+IF('Standard Profiles'!$G$22=$B$24,21,0),MOD($C2224,24)+1)/SUM(INDEX($D$3:$AA$30,INDEX(Jesper!$R$2:$R$366,ROW(INDEX(Jesper!AL$2:AL$366,ROUNDDOWN($C2224/24,0)+1,1))-1)+IF('Standard Profiles'!$G$22=$B$10,7,0)+IF('Standard Profiles'!$G$22=$B$17,14,0)+IF('Standard Profiles'!$G$22=$B$24,21,0),0)),0)</f>
        <v>0</v>
      </c>
      <c r="I2224">
        <f t="shared" si="258"/>
        <v>0.38770612416933536</v>
      </c>
      <c r="J2224">
        <f t="shared" si="259"/>
        <v>1.2923537472311182</v>
      </c>
      <c r="K2224">
        <f t="shared" si="260"/>
        <v>1.9385306208466768</v>
      </c>
      <c r="L2224">
        <f t="shared" si="261"/>
        <v>9.3049469800640487</v>
      </c>
      <c r="M2224">
        <f t="shared" si="262"/>
        <v>0</v>
      </c>
      <c r="N2224" s="46">
        <f t="shared" si="263"/>
        <v>45383.249999994689</v>
      </c>
    </row>
    <row r="2225" spans="2:14" x14ac:dyDescent="0.3">
      <c r="B2225">
        <f t="shared" si="257"/>
        <v>1</v>
      </c>
      <c r="C2225" s="16">
        <v>2191</v>
      </c>
      <c r="D2225" cm="1">
        <f t="array" ref="D2225">IFERROR(INDEX(Jesper!AH$2:AH$366,ROUNDDOWN($C2225/24,0)+1,1)*INDEX($D$3:$AA$30,INDEX(Jesper!$R$2:$R$366,ROW(INDEX(Jesper!AH$2:AH$366,ROUNDDOWN($C2225/24,0)+1,1))-1)+IF('Standard Profiles'!$G$18=$B$10,7,0)+IF('Standard Profiles'!$G$18=$B$17,14,0)+IF('Standard Profiles'!$G$18=$B$24,21,0),MOD($C2225,24)+1)/SUM(INDEX($D$3:$AA$30,INDEX(Jesper!$R$2:$R$366,ROW(INDEX(Jesper!AH$2:AH$366,ROUNDDOWN($C2225/24,0)+1,1))-1)+IF('Standard Profiles'!$G$18=$B$10,7,0)+IF('Standard Profiles'!$G$18=$B$17,14,0)+IF('Standard Profiles'!$G$18=$B$24,21,0),0)),0)</f>
        <v>12.92353747231118</v>
      </c>
      <c r="E2225" cm="1">
        <f t="array" ref="E2225">IFERROR(INDEX(Jesper!AI$2:AI$366,ROUNDDOWN($C2225/24,0)+1,1)*INDEX($D$3:$AA$30,INDEX(Jesper!$R$2:$R$366,ROW(INDEX(Jesper!AI$2:AI$366,ROUNDDOWN($C2225/24,0)+1,1))-1)+IF('Standard Profiles'!$G$19=$B$10,7,0)+IF('Standard Profiles'!$G$19=$B$17,14,0)+IF('Standard Profiles'!$G$19=$B$24,21,0),MOD($C2225,24)+1)/SUM(INDEX($D$3:$AA$30,INDEX(Jesper!$R$2:$R$366,ROW(INDEX(Jesper!AI$2:AI$366,ROUNDDOWN($C2225/24,0)+1,1))-1)+IF('Standard Profiles'!$G$19=$B$10,7,0)+IF('Standard Profiles'!$G$19=$B$17,14,0)+IF('Standard Profiles'!$G$19=$B$24,21,0),0)),0)</f>
        <v>0</v>
      </c>
      <c r="F2225" cm="1">
        <f t="array" ref="F2225">IFERROR(INDEX(Jesper!AJ$2:AJ$366,ROUNDDOWN($C2225/24,0)+1,1)*INDEX($D$3:$AA$30,INDEX(Jesper!$R$2:$R$366,ROW(INDEX(Jesper!AJ$2:AJ$366,ROUNDDOWN($C2225/24,0)+1,1))-1)+IF('Standard Profiles'!$G$20=$B$10,7,0)+IF('Standard Profiles'!$G$20=$B$17,14,0)+IF('Standard Profiles'!$G$20=$B$24,21,0),MOD($C2225,24)+1)/SUM(INDEX($D$3:$AA$30,INDEX(Jesper!$R$2:$R$366,ROW(INDEX(Jesper!AJ$2:AJ$366,ROUNDDOWN($C2225/24,0)+1,1))-1)+IF('Standard Profiles'!$G$20=$B$10,7,0)+IF('Standard Profiles'!$G$20=$B$17,14,0)+IF('Standard Profiles'!$G$20=$B$24,21,0),0)),0)</f>
        <v>0</v>
      </c>
      <c r="G2225" cm="1">
        <f t="array" ref="G2225">IFERROR(INDEX(Jesper!AK$2:AK$366,ROUNDDOWN($C2225/24,0)+1,1)*INDEX($D$3:$AA$30,INDEX(Jesper!$R$2:$R$366,ROW(INDEX(Jesper!AK$2:AK$366,ROUNDDOWN($C2225/24,0)+1,1))-1)+IF('Standard Profiles'!$G$21=$B$10,7,0)+IF('Standard Profiles'!$G$21=$B$17,14,0)+IF('Standard Profiles'!$G$21=$B$24,21,0),MOD($C2225,24)+1)/SUM(INDEX($D$3:$AA$30,INDEX(Jesper!$R$2:$R$366,ROW(INDEX(Jesper!AK$2:AK$366,ROUNDDOWN($C2225/24,0)+1,1))-1)+IF('Standard Profiles'!$G$21=$B$10,7,0)+IF('Standard Profiles'!$G$21=$B$17,14,0)+IF('Standard Profiles'!$G$21=$B$24,21,0),0)),0)</f>
        <v>0</v>
      </c>
      <c r="H2225" cm="1">
        <f t="array" ref="H2225">IFERROR(INDEX(Jesper!AL$2:AL$366,ROUNDDOWN($C2225/24,0)+1,1)*INDEX($D$3:$AA$30,INDEX(Jesper!$R$2:$R$366,ROW(INDEX(Jesper!AL$2:AL$366,ROUNDDOWN($C2225/24,0)+1,1))-1)+IF('Standard Profiles'!$G$22=$B$10,7,0)+IF('Standard Profiles'!$G$22=$B$17,14,0)+IF('Standard Profiles'!$G$22=$B$24,21,0),MOD($C2225,24)+1)/SUM(INDEX($D$3:$AA$30,INDEX(Jesper!$R$2:$R$366,ROW(INDEX(Jesper!AL$2:AL$366,ROUNDDOWN($C2225/24,0)+1,1))-1)+IF('Standard Profiles'!$G$22=$B$10,7,0)+IF('Standard Profiles'!$G$22=$B$17,14,0)+IF('Standard Profiles'!$G$22=$B$24,21,0),0)),0)</f>
        <v>0</v>
      </c>
      <c r="I2225">
        <f t="shared" si="258"/>
        <v>0.38770612416933536</v>
      </c>
      <c r="J2225">
        <f t="shared" si="259"/>
        <v>1.2923537472311182</v>
      </c>
      <c r="K2225">
        <f t="shared" si="260"/>
        <v>1.9385306208466768</v>
      </c>
      <c r="L2225">
        <f t="shared" si="261"/>
        <v>9.3049469800640487</v>
      </c>
      <c r="M2225">
        <f t="shared" si="262"/>
        <v>0</v>
      </c>
      <c r="N2225" s="46">
        <f t="shared" si="263"/>
        <v>45383.291666661353</v>
      </c>
    </row>
    <row r="2226" spans="2:14" x14ac:dyDescent="0.3">
      <c r="B2226">
        <f t="shared" si="257"/>
        <v>1</v>
      </c>
      <c r="C2226" s="16">
        <v>2192</v>
      </c>
      <c r="D2226" cm="1">
        <f t="array" ref="D2226">IFERROR(INDEX(Jesper!AH$2:AH$366,ROUNDDOWN($C2226/24,0)+1,1)*INDEX($D$3:$AA$30,INDEX(Jesper!$R$2:$R$366,ROW(INDEX(Jesper!AH$2:AH$366,ROUNDDOWN($C2226/24,0)+1,1))-1)+IF('Standard Profiles'!$G$18=$B$10,7,0)+IF('Standard Profiles'!$G$18=$B$17,14,0)+IF('Standard Profiles'!$G$18=$B$24,21,0),MOD($C2226,24)+1)/SUM(INDEX($D$3:$AA$30,INDEX(Jesper!$R$2:$R$366,ROW(INDEX(Jesper!AH$2:AH$366,ROUNDDOWN($C2226/24,0)+1,1))-1)+IF('Standard Profiles'!$G$18=$B$10,7,0)+IF('Standard Profiles'!$G$18=$B$17,14,0)+IF('Standard Profiles'!$G$18=$B$24,21,0),0)),0)</f>
        <v>12.92353747231118</v>
      </c>
      <c r="E2226" cm="1">
        <f t="array" ref="E2226">IFERROR(INDEX(Jesper!AI$2:AI$366,ROUNDDOWN($C2226/24,0)+1,1)*INDEX($D$3:$AA$30,INDEX(Jesper!$R$2:$R$366,ROW(INDEX(Jesper!AI$2:AI$366,ROUNDDOWN($C2226/24,0)+1,1))-1)+IF('Standard Profiles'!$G$19=$B$10,7,0)+IF('Standard Profiles'!$G$19=$B$17,14,0)+IF('Standard Profiles'!$G$19=$B$24,21,0),MOD($C2226,24)+1)/SUM(INDEX($D$3:$AA$30,INDEX(Jesper!$R$2:$R$366,ROW(INDEX(Jesper!AI$2:AI$366,ROUNDDOWN($C2226/24,0)+1,1))-1)+IF('Standard Profiles'!$G$19=$B$10,7,0)+IF('Standard Profiles'!$G$19=$B$17,14,0)+IF('Standard Profiles'!$G$19=$B$24,21,0),0)),0)</f>
        <v>0</v>
      </c>
      <c r="F2226" cm="1">
        <f t="array" ref="F2226">IFERROR(INDEX(Jesper!AJ$2:AJ$366,ROUNDDOWN($C2226/24,0)+1,1)*INDEX($D$3:$AA$30,INDEX(Jesper!$R$2:$R$366,ROW(INDEX(Jesper!AJ$2:AJ$366,ROUNDDOWN($C2226/24,0)+1,1))-1)+IF('Standard Profiles'!$G$20=$B$10,7,0)+IF('Standard Profiles'!$G$20=$B$17,14,0)+IF('Standard Profiles'!$G$20=$B$24,21,0),MOD($C2226,24)+1)/SUM(INDEX($D$3:$AA$30,INDEX(Jesper!$R$2:$R$366,ROW(INDEX(Jesper!AJ$2:AJ$366,ROUNDDOWN($C2226/24,0)+1,1))-1)+IF('Standard Profiles'!$G$20=$B$10,7,0)+IF('Standard Profiles'!$G$20=$B$17,14,0)+IF('Standard Profiles'!$G$20=$B$24,21,0),0)),0)</f>
        <v>0</v>
      </c>
      <c r="G2226" cm="1">
        <f t="array" ref="G2226">IFERROR(INDEX(Jesper!AK$2:AK$366,ROUNDDOWN($C2226/24,0)+1,1)*INDEX($D$3:$AA$30,INDEX(Jesper!$R$2:$R$366,ROW(INDEX(Jesper!AK$2:AK$366,ROUNDDOWN($C2226/24,0)+1,1))-1)+IF('Standard Profiles'!$G$21=$B$10,7,0)+IF('Standard Profiles'!$G$21=$B$17,14,0)+IF('Standard Profiles'!$G$21=$B$24,21,0),MOD($C2226,24)+1)/SUM(INDEX($D$3:$AA$30,INDEX(Jesper!$R$2:$R$366,ROW(INDEX(Jesper!AK$2:AK$366,ROUNDDOWN($C2226/24,0)+1,1))-1)+IF('Standard Profiles'!$G$21=$B$10,7,0)+IF('Standard Profiles'!$G$21=$B$17,14,0)+IF('Standard Profiles'!$G$21=$B$24,21,0),0)),0)</f>
        <v>0</v>
      </c>
      <c r="H2226" cm="1">
        <f t="array" ref="H2226">IFERROR(INDEX(Jesper!AL$2:AL$366,ROUNDDOWN($C2226/24,0)+1,1)*INDEX($D$3:$AA$30,INDEX(Jesper!$R$2:$R$366,ROW(INDEX(Jesper!AL$2:AL$366,ROUNDDOWN($C2226/24,0)+1,1))-1)+IF('Standard Profiles'!$G$22=$B$10,7,0)+IF('Standard Profiles'!$G$22=$B$17,14,0)+IF('Standard Profiles'!$G$22=$B$24,21,0),MOD($C2226,24)+1)/SUM(INDEX($D$3:$AA$30,INDEX(Jesper!$R$2:$R$366,ROW(INDEX(Jesper!AL$2:AL$366,ROUNDDOWN($C2226/24,0)+1,1))-1)+IF('Standard Profiles'!$G$22=$B$10,7,0)+IF('Standard Profiles'!$G$22=$B$17,14,0)+IF('Standard Profiles'!$G$22=$B$24,21,0),0)),0)</f>
        <v>0</v>
      </c>
      <c r="I2226">
        <f t="shared" si="258"/>
        <v>0.38770612416933536</v>
      </c>
      <c r="J2226">
        <f t="shared" si="259"/>
        <v>1.2923537472311182</v>
      </c>
      <c r="K2226">
        <f t="shared" si="260"/>
        <v>1.9385306208466768</v>
      </c>
      <c r="L2226">
        <f t="shared" si="261"/>
        <v>9.3049469800640487</v>
      </c>
      <c r="M2226">
        <f t="shared" si="262"/>
        <v>0</v>
      </c>
      <c r="N2226" s="46">
        <f t="shared" si="263"/>
        <v>45383.333333328017</v>
      </c>
    </row>
    <row r="2227" spans="2:14" x14ac:dyDescent="0.3">
      <c r="B2227">
        <f t="shared" si="257"/>
        <v>1</v>
      </c>
      <c r="C2227" s="16">
        <v>2193</v>
      </c>
      <c r="D2227" cm="1">
        <f t="array" ref="D2227">IFERROR(INDEX(Jesper!AH$2:AH$366,ROUNDDOWN($C2227/24,0)+1,1)*INDEX($D$3:$AA$30,INDEX(Jesper!$R$2:$R$366,ROW(INDEX(Jesper!AH$2:AH$366,ROUNDDOWN($C2227/24,0)+1,1))-1)+IF('Standard Profiles'!$G$18=$B$10,7,0)+IF('Standard Profiles'!$G$18=$B$17,14,0)+IF('Standard Profiles'!$G$18=$B$24,21,0),MOD($C2227,24)+1)/SUM(INDEX($D$3:$AA$30,INDEX(Jesper!$R$2:$R$366,ROW(INDEX(Jesper!AH$2:AH$366,ROUNDDOWN($C2227/24,0)+1,1))-1)+IF('Standard Profiles'!$G$18=$B$10,7,0)+IF('Standard Profiles'!$G$18=$B$17,14,0)+IF('Standard Profiles'!$G$18=$B$24,21,0),0)),0)</f>
        <v>13.799709504332277</v>
      </c>
      <c r="E2227" cm="1">
        <f t="array" ref="E2227">IFERROR(INDEX(Jesper!AI$2:AI$366,ROUNDDOWN($C2227/24,0)+1,1)*INDEX($D$3:$AA$30,INDEX(Jesper!$R$2:$R$366,ROW(INDEX(Jesper!AI$2:AI$366,ROUNDDOWN($C2227/24,0)+1,1))-1)+IF('Standard Profiles'!$G$19=$B$10,7,0)+IF('Standard Profiles'!$G$19=$B$17,14,0)+IF('Standard Profiles'!$G$19=$B$24,21,0),MOD($C2227,24)+1)/SUM(INDEX($D$3:$AA$30,INDEX(Jesper!$R$2:$R$366,ROW(INDEX(Jesper!AI$2:AI$366,ROUNDDOWN($C2227/24,0)+1,1))-1)+IF('Standard Profiles'!$G$19=$B$10,7,0)+IF('Standard Profiles'!$G$19=$B$17,14,0)+IF('Standard Profiles'!$G$19=$B$24,21,0),0)),0)</f>
        <v>0</v>
      </c>
      <c r="F2227" cm="1">
        <f t="array" ref="F2227">IFERROR(INDEX(Jesper!AJ$2:AJ$366,ROUNDDOWN($C2227/24,0)+1,1)*INDEX($D$3:$AA$30,INDEX(Jesper!$R$2:$R$366,ROW(INDEX(Jesper!AJ$2:AJ$366,ROUNDDOWN($C2227/24,0)+1,1))-1)+IF('Standard Profiles'!$G$20=$B$10,7,0)+IF('Standard Profiles'!$G$20=$B$17,14,0)+IF('Standard Profiles'!$G$20=$B$24,21,0),MOD($C2227,24)+1)/SUM(INDEX($D$3:$AA$30,INDEX(Jesper!$R$2:$R$366,ROW(INDEX(Jesper!AJ$2:AJ$366,ROUNDDOWN($C2227/24,0)+1,1))-1)+IF('Standard Profiles'!$G$20=$B$10,7,0)+IF('Standard Profiles'!$G$20=$B$17,14,0)+IF('Standard Profiles'!$G$20=$B$24,21,0),0)),0)</f>
        <v>0</v>
      </c>
      <c r="G2227" cm="1">
        <f t="array" ref="G2227">IFERROR(INDEX(Jesper!AK$2:AK$366,ROUNDDOWN($C2227/24,0)+1,1)*INDEX($D$3:$AA$30,INDEX(Jesper!$R$2:$R$366,ROW(INDEX(Jesper!AK$2:AK$366,ROUNDDOWN($C2227/24,0)+1,1))-1)+IF('Standard Profiles'!$G$21=$B$10,7,0)+IF('Standard Profiles'!$G$21=$B$17,14,0)+IF('Standard Profiles'!$G$21=$B$24,21,0),MOD($C2227,24)+1)/SUM(INDEX($D$3:$AA$30,INDEX(Jesper!$R$2:$R$366,ROW(INDEX(Jesper!AK$2:AK$366,ROUNDDOWN($C2227/24,0)+1,1))-1)+IF('Standard Profiles'!$G$21=$B$10,7,0)+IF('Standard Profiles'!$G$21=$B$17,14,0)+IF('Standard Profiles'!$G$21=$B$24,21,0),0)),0)</f>
        <v>0</v>
      </c>
      <c r="H2227" cm="1">
        <f t="array" ref="H2227">IFERROR(INDEX(Jesper!AL$2:AL$366,ROUNDDOWN($C2227/24,0)+1,1)*INDEX($D$3:$AA$30,INDEX(Jesper!$R$2:$R$366,ROW(INDEX(Jesper!AL$2:AL$366,ROUNDDOWN($C2227/24,0)+1,1))-1)+IF('Standard Profiles'!$G$22=$B$10,7,0)+IF('Standard Profiles'!$G$22=$B$17,14,0)+IF('Standard Profiles'!$G$22=$B$24,21,0),MOD($C2227,24)+1)/SUM(INDEX($D$3:$AA$30,INDEX(Jesper!$R$2:$R$366,ROW(INDEX(Jesper!AL$2:AL$366,ROUNDDOWN($C2227/24,0)+1,1))-1)+IF('Standard Profiles'!$G$22=$B$10,7,0)+IF('Standard Profiles'!$G$22=$B$17,14,0)+IF('Standard Profiles'!$G$22=$B$24,21,0),0)),0)</f>
        <v>0</v>
      </c>
      <c r="I2227">
        <f t="shared" si="258"/>
        <v>0.4139912851299683</v>
      </c>
      <c r="J2227">
        <f t="shared" si="259"/>
        <v>1.3799709504332278</v>
      </c>
      <c r="K2227">
        <f t="shared" si="260"/>
        <v>2.0699564256498415</v>
      </c>
      <c r="L2227">
        <f t="shared" si="261"/>
        <v>9.9357908431192392</v>
      </c>
      <c r="M2227">
        <f t="shared" si="262"/>
        <v>0</v>
      </c>
      <c r="N2227" s="46">
        <f t="shared" si="263"/>
        <v>45383.374999994681</v>
      </c>
    </row>
    <row r="2228" spans="2:14" x14ac:dyDescent="0.3">
      <c r="B2228">
        <f t="shared" si="257"/>
        <v>1</v>
      </c>
      <c r="C2228" s="16">
        <v>2194</v>
      </c>
      <c r="D2228" cm="1">
        <f t="array" ref="D2228">IFERROR(INDEX(Jesper!AH$2:AH$366,ROUNDDOWN($C2228/24,0)+1,1)*INDEX($D$3:$AA$30,INDEX(Jesper!$R$2:$R$366,ROW(INDEX(Jesper!AH$2:AH$366,ROUNDDOWN($C2228/24,0)+1,1))-1)+IF('Standard Profiles'!$G$18=$B$10,7,0)+IF('Standard Profiles'!$G$18=$B$17,14,0)+IF('Standard Profiles'!$G$18=$B$24,21,0),MOD($C2228,24)+1)/SUM(INDEX($D$3:$AA$30,INDEX(Jesper!$R$2:$R$366,ROW(INDEX(Jesper!AH$2:AH$366,ROUNDDOWN($C2228/24,0)+1,1))-1)+IF('Standard Profiles'!$G$18=$B$10,7,0)+IF('Standard Profiles'!$G$18=$B$17,14,0)+IF('Standard Profiles'!$G$18=$B$24,21,0),0)),0)</f>
        <v>13.799709504332277</v>
      </c>
      <c r="E2228" cm="1">
        <f t="array" ref="E2228">IFERROR(INDEX(Jesper!AI$2:AI$366,ROUNDDOWN($C2228/24,0)+1,1)*INDEX($D$3:$AA$30,INDEX(Jesper!$R$2:$R$366,ROW(INDEX(Jesper!AI$2:AI$366,ROUNDDOWN($C2228/24,0)+1,1))-1)+IF('Standard Profiles'!$G$19=$B$10,7,0)+IF('Standard Profiles'!$G$19=$B$17,14,0)+IF('Standard Profiles'!$G$19=$B$24,21,0),MOD($C2228,24)+1)/SUM(INDEX($D$3:$AA$30,INDEX(Jesper!$R$2:$R$366,ROW(INDEX(Jesper!AI$2:AI$366,ROUNDDOWN($C2228/24,0)+1,1))-1)+IF('Standard Profiles'!$G$19=$B$10,7,0)+IF('Standard Profiles'!$G$19=$B$17,14,0)+IF('Standard Profiles'!$G$19=$B$24,21,0),0)),0)</f>
        <v>0</v>
      </c>
      <c r="F2228" cm="1">
        <f t="array" ref="F2228">IFERROR(INDEX(Jesper!AJ$2:AJ$366,ROUNDDOWN($C2228/24,0)+1,1)*INDEX($D$3:$AA$30,INDEX(Jesper!$R$2:$R$366,ROW(INDEX(Jesper!AJ$2:AJ$366,ROUNDDOWN($C2228/24,0)+1,1))-1)+IF('Standard Profiles'!$G$20=$B$10,7,0)+IF('Standard Profiles'!$G$20=$B$17,14,0)+IF('Standard Profiles'!$G$20=$B$24,21,0),MOD($C2228,24)+1)/SUM(INDEX($D$3:$AA$30,INDEX(Jesper!$R$2:$R$366,ROW(INDEX(Jesper!AJ$2:AJ$366,ROUNDDOWN($C2228/24,0)+1,1))-1)+IF('Standard Profiles'!$G$20=$B$10,7,0)+IF('Standard Profiles'!$G$20=$B$17,14,0)+IF('Standard Profiles'!$G$20=$B$24,21,0),0)),0)</f>
        <v>0</v>
      </c>
      <c r="G2228" cm="1">
        <f t="array" ref="G2228">IFERROR(INDEX(Jesper!AK$2:AK$366,ROUNDDOWN($C2228/24,0)+1,1)*INDEX($D$3:$AA$30,INDEX(Jesper!$R$2:$R$366,ROW(INDEX(Jesper!AK$2:AK$366,ROUNDDOWN($C2228/24,0)+1,1))-1)+IF('Standard Profiles'!$G$21=$B$10,7,0)+IF('Standard Profiles'!$G$21=$B$17,14,0)+IF('Standard Profiles'!$G$21=$B$24,21,0),MOD($C2228,24)+1)/SUM(INDEX($D$3:$AA$30,INDEX(Jesper!$R$2:$R$366,ROW(INDEX(Jesper!AK$2:AK$366,ROUNDDOWN($C2228/24,0)+1,1))-1)+IF('Standard Profiles'!$G$21=$B$10,7,0)+IF('Standard Profiles'!$G$21=$B$17,14,0)+IF('Standard Profiles'!$G$21=$B$24,21,0),0)),0)</f>
        <v>0</v>
      </c>
      <c r="H2228" cm="1">
        <f t="array" ref="H2228">IFERROR(INDEX(Jesper!AL$2:AL$366,ROUNDDOWN($C2228/24,0)+1,1)*INDEX($D$3:$AA$30,INDEX(Jesper!$R$2:$R$366,ROW(INDEX(Jesper!AL$2:AL$366,ROUNDDOWN($C2228/24,0)+1,1))-1)+IF('Standard Profiles'!$G$22=$B$10,7,0)+IF('Standard Profiles'!$G$22=$B$17,14,0)+IF('Standard Profiles'!$G$22=$B$24,21,0),MOD($C2228,24)+1)/SUM(INDEX($D$3:$AA$30,INDEX(Jesper!$R$2:$R$366,ROW(INDEX(Jesper!AL$2:AL$366,ROUNDDOWN($C2228/24,0)+1,1))-1)+IF('Standard Profiles'!$G$22=$B$10,7,0)+IF('Standard Profiles'!$G$22=$B$17,14,0)+IF('Standard Profiles'!$G$22=$B$24,21,0),0)),0)</f>
        <v>0</v>
      </c>
      <c r="I2228">
        <f t="shared" si="258"/>
        <v>0.4139912851299683</v>
      </c>
      <c r="J2228">
        <f t="shared" si="259"/>
        <v>1.3799709504332278</v>
      </c>
      <c r="K2228">
        <f t="shared" si="260"/>
        <v>2.0699564256498415</v>
      </c>
      <c r="L2228">
        <f t="shared" si="261"/>
        <v>9.9357908431192392</v>
      </c>
      <c r="M2228">
        <f t="shared" si="262"/>
        <v>0</v>
      </c>
      <c r="N2228" s="46">
        <f t="shared" si="263"/>
        <v>45383.416666661346</v>
      </c>
    </row>
    <row r="2229" spans="2:14" x14ac:dyDescent="0.3">
      <c r="B2229">
        <f t="shared" si="257"/>
        <v>1</v>
      </c>
      <c r="C2229" s="16">
        <v>2195</v>
      </c>
      <c r="D2229" cm="1">
        <f t="array" ref="D2229">IFERROR(INDEX(Jesper!AH$2:AH$366,ROUNDDOWN($C2229/24,0)+1,1)*INDEX($D$3:$AA$30,INDEX(Jesper!$R$2:$R$366,ROW(INDEX(Jesper!AH$2:AH$366,ROUNDDOWN($C2229/24,0)+1,1))-1)+IF('Standard Profiles'!$G$18=$B$10,7,0)+IF('Standard Profiles'!$G$18=$B$17,14,0)+IF('Standard Profiles'!$G$18=$B$24,21,0),MOD($C2229,24)+1)/SUM(INDEX($D$3:$AA$30,INDEX(Jesper!$R$2:$R$366,ROW(INDEX(Jesper!AH$2:AH$366,ROUNDDOWN($C2229/24,0)+1,1))-1)+IF('Standard Profiles'!$G$18=$B$10,7,0)+IF('Standard Profiles'!$G$18=$B$17,14,0)+IF('Standard Profiles'!$G$18=$B$24,21,0),0)),0)</f>
        <v>17.523440640421942</v>
      </c>
      <c r="E2229" cm="1">
        <f t="array" ref="E2229">IFERROR(INDEX(Jesper!AI$2:AI$366,ROUNDDOWN($C2229/24,0)+1,1)*INDEX($D$3:$AA$30,INDEX(Jesper!$R$2:$R$366,ROW(INDEX(Jesper!AI$2:AI$366,ROUNDDOWN($C2229/24,0)+1,1))-1)+IF('Standard Profiles'!$G$19=$B$10,7,0)+IF('Standard Profiles'!$G$19=$B$17,14,0)+IF('Standard Profiles'!$G$19=$B$24,21,0),MOD($C2229,24)+1)/SUM(INDEX($D$3:$AA$30,INDEX(Jesper!$R$2:$R$366,ROW(INDEX(Jesper!AI$2:AI$366,ROUNDDOWN($C2229/24,0)+1,1))-1)+IF('Standard Profiles'!$G$19=$B$10,7,0)+IF('Standard Profiles'!$G$19=$B$17,14,0)+IF('Standard Profiles'!$G$19=$B$24,21,0),0)),0)</f>
        <v>0</v>
      </c>
      <c r="F2229" cm="1">
        <f t="array" ref="F2229">IFERROR(INDEX(Jesper!AJ$2:AJ$366,ROUNDDOWN($C2229/24,0)+1,1)*INDEX($D$3:$AA$30,INDEX(Jesper!$R$2:$R$366,ROW(INDEX(Jesper!AJ$2:AJ$366,ROUNDDOWN($C2229/24,0)+1,1))-1)+IF('Standard Profiles'!$G$20=$B$10,7,0)+IF('Standard Profiles'!$G$20=$B$17,14,0)+IF('Standard Profiles'!$G$20=$B$24,21,0),MOD($C2229,24)+1)/SUM(INDEX($D$3:$AA$30,INDEX(Jesper!$R$2:$R$366,ROW(INDEX(Jesper!AJ$2:AJ$366,ROUNDDOWN($C2229/24,0)+1,1))-1)+IF('Standard Profiles'!$G$20=$B$10,7,0)+IF('Standard Profiles'!$G$20=$B$17,14,0)+IF('Standard Profiles'!$G$20=$B$24,21,0),0)),0)</f>
        <v>0</v>
      </c>
      <c r="G2229" cm="1">
        <f t="array" ref="G2229">IFERROR(INDEX(Jesper!AK$2:AK$366,ROUNDDOWN($C2229/24,0)+1,1)*INDEX($D$3:$AA$30,INDEX(Jesper!$R$2:$R$366,ROW(INDEX(Jesper!AK$2:AK$366,ROUNDDOWN($C2229/24,0)+1,1))-1)+IF('Standard Profiles'!$G$21=$B$10,7,0)+IF('Standard Profiles'!$G$21=$B$17,14,0)+IF('Standard Profiles'!$G$21=$B$24,21,0),MOD($C2229,24)+1)/SUM(INDEX($D$3:$AA$30,INDEX(Jesper!$R$2:$R$366,ROW(INDEX(Jesper!AK$2:AK$366,ROUNDDOWN($C2229/24,0)+1,1))-1)+IF('Standard Profiles'!$G$21=$B$10,7,0)+IF('Standard Profiles'!$G$21=$B$17,14,0)+IF('Standard Profiles'!$G$21=$B$24,21,0),0)),0)</f>
        <v>0</v>
      </c>
      <c r="H2229" cm="1">
        <f t="array" ref="H2229">IFERROR(INDEX(Jesper!AL$2:AL$366,ROUNDDOWN($C2229/24,0)+1,1)*INDEX($D$3:$AA$30,INDEX(Jesper!$R$2:$R$366,ROW(INDEX(Jesper!AL$2:AL$366,ROUNDDOWN($C2229/24,0)+1,1))-1)+IF('Standard Profiles'!$G$22=$B$10,7,0)+IF('Standard Profiles'!$G$22=$B$17,14,0)+IF('Standard Profiles'!$G$22=$B$24,21,0),MOD($C2229,24)+1)/SUM(INDEX($D$3:$AA$30,INDEX(Jesper!$R$2:$R$366,ROW(INDEX(Jesper!AL$2:AL$366,ROUNDDOWN($C2229/24,0)+1,1))-1)+IF('Standard Profiles'!$G$22=$B$10,7,0)+IF('Standard Profiles'!$G$22=$B$17,14,0)+IF('Standard Profiles'!$G$22=$B$24,21,0),0)),0)</f>
        <v>0</v>
      </c>
      <c r="I2229">
        <f t="shared" si="258"/>
        <v>0.52570321921265828</v>
      </c>
      <c r="J2229">
        <f t="shared" si="259"/>
        <v>1.7523440640421943</v>
      </c>
      <c r="K2229">
        <f t="shared" si="260"/>
        <v>2.6285160960632914</v>
      </c>
      <c r="L2229">
        <f t="shared" si="261"/>
        <v>12.616877261103797</v>
      </c>
      <c r="M2229">
        <f t="shared" si="262"/>
        <v>0</v>
      </c>
      <c r="N2229" s="46">
        <f t="shared" si="263"/>
        <v>45383.45833332801</v>
      </c>
    </row>
    <row r="2230" spans="2:14" x14ac:dyDescent="0.3">
      <c r="B2230">
        <f t="shared" si="257"/>
        <v>1</v>
      </c>
      <c r="C2230" s="16">
        <v>2196</v>
      </c>
      <c r="D2230" cm="1">
        <f t="array" ref="D2230">IFERROR(INDEX(Jesper!AH$2:AH$366,ROUNDDOWN($C2230/24,0)+1,1)*INDEX($D$3:$AA$30,INDEX(Jesper!$R$2:$R$366,ROW(INDEX(Jesper!AH$2:AH$366,ROUNDDOWN($C2230/24,0)+1,1))-1)+IF('Standard Profiles'!$G$18=$B$10,7,0)+IF('Standard Profiles'!$G$18=$B$17,14,0)+IF('Standard Profiles'!$G$18=$B$24,21,0),MOD($C2230,24)+1)/SUM(INDEX($D$3:$AA$30,INDEX(Jesper!$R$2:$R$366,ROW(INDEX(Jesper!AH$2:AH$366,ROUNDDOWN($C2230/24,0)+1,1))-1)+IF('Standard Profiles'!$G$18=$B$10,7,0)+IF('Standard Profiles'!$G$18=$B$17,14,0)+IF('Standard Profiles'!$G$18=$B$24,21,0),0)),0)</f>
        <v>17.523440640421942</v>
      </c>
      <c r="E2230" cm="1">
        <f t="array" ref="E2230">IFERROR(INDEX(Jesper!AI$2:AI$366,ROUNDDOWN($C2230/24,0)+1,1)*INDEX($D$3:$AA$30,INDEX(Jesper!$R$2:$R$366,ROW(INDEX(Jesper!AI$2:AI$366,ROUNDDOWN($C2230/24,0)+1,1))-1)+IF('Standard Profiles'!$G$19=$B$10,7,0)+IF('Standard Profiles'!$G$19=$B$17,14,0)+IF('Standard Profiles'!$G$19=$B$24,21,0),MOD($C2230,24)+1)/SUM(INDEX($D$3:$AA$30,INDEX(Jesper!$R$2:$R$366,ROW(INDEX(Jesper!AI$2:AI$366,ROUNDDOWN($C2230/24,0)+1,1))-1)+IF('Standard Profiles'!$G$19=$B$10,7,0)+IF('Standard Profiles'!$G$19=$B$17,14,0)+IF('Standard Profiles'!$G$19=$B$24,21,0),0)),0)</f>
        <v>0</v>
      </c>
      <c r="F2230" cm="1">
        <f t="array" ref="F2230">IFERROR(INDEX(Jesper!AJ$2:AJ$366,ROUNDDOWN($C2230/24,0)+1,1)*INDEX($D$3:$AA$30,INDEX(Jesper!$R$2:$R$366,ROW(INDEX(Jesper!AJ$2:AJ$366,ROUNDDOWN($C2230/24,0)+1,1))-1)+IF('Standard Profiles'!$G$20=$B$10,7,0)+IF('Standard Profiles'!$G$20=$B$17,14,0)+IF('Standard Profiles'!$G$20=$B$24,21,0),MOD($C2230,24)+1)/SUM(INDEX($D$3:$AA$30,INDEX(Jesper!$R$2:$R$366,ROW(INDEX(Jesper!AJ$2:AJ$366,ROUNDDOWN($C2230/24,0)+1,1))-1)+IF('Standard Profiles'!$G$20=$B$10,7,0)+IF('Standard Profiles'!$G$20=$B$17,14,0)+IF('Standard Profiles'!$G$20=$B$24,21,0),0)),0)</f>
        <v>0</v>
      </c>
      <c r="G2230" cm="1">
        <f t="array" ref="G2230">IFERROR(INDEX(Jesper!AK$2:AK$366,ROUNDDOWN($C2230/24,0)+1,1)*INDEX($D$3:$AA$30,INDEX(Jesper!$R$2:$R$366,ROW(INDEX(Jesper!AK$2:AK$366,ROUNDDOWN($C2230/24,0)+1,1))-1)+IF('Standard Profiles'!$G$21=$B$10,7,0)+IF('Standard Profiles'!$G$21=$B$17,14,0)+IF('Standard Profiles'!$G$21=$B$24,21,0),MOD($C2230,24)+1)/SUM(INDEX($D$3:$AA$30,INDEX(Jesper!$R$2:$R$366,ROW(INDEX(Jesper!AK$2:AK$366,ROUNDDOWN($C2230/24,0)+1,1))-1)+IF('Standard Profiles'!$G$21=$B$10,7,0)+IF('Standard Profiles'!$G$21=$B$17,14,0)+IF('Standard Profiles'!$G$21=$B$24,21,0),0)),0)</f>
        <v>0</v>
      </c>
      <c r="H2230" cm="1">
        <f t="array" ref="H2230">IFERROR(INDEX(Jesper!AL$2:AL$366,ROUNDDOWN($C2230/24,0)+1,1)*INDEX($D$3:$AA$30,INDEX(Jesper!$R$2:$R$366,ROW(INDEX(Jesper!AL$2:AL$366,ROUNDDOWN($C2230/24,0)+1,1))-1)+IF('Standard Profiles'!$G$22=$B$10,7,0)+IF('Standard Profiles'!$G$22=$B$17,14,0)+IF('Standard Profiles'!$G$22=$B$24,21,0),MOD($C2230,24)+1)/SUM(INDEX($D$3:$AA$30,INDEX(Jesper!$R$2:$R$366,ROW(INDEX(Jesper!AL$2:AL$366,ROUNDDOWN($C2230/24,0)+1,1))-1)+IF('Standard Profiles'!$G$22=$B$10,7,0)+IF('Standard Profiles'!$G$22=$B$17,14,0)+IF('Standard Profiles'!$G$22=$B$24,21,0),0)),0)</f>
        <v>0</v>
      </c>
      <c r="I2230">
        <f t="shared" si="258"/>
        <v>0.52570321921265828</v>
      </c>
      <c r="J2230">
        <f t="shared" si="259"/>
        <v>1.7523440640421943</v>
      </c>
      <c r="K2230">
        <f t="shared" si="260"/>
        <v>2.6285160960632914</v>
      </c>
      <c r="L2230">
        <f t="shared" si="261"/>
        <v>12.616877261103797</v>
      </c>
      <c r="M2230">
        <f t="shared" si="262"/>
        <v>0</v>
      </c>
      <c r="N2230" s="46">
        <f t="shared" si="263"/>
        <v>45383.499999994674</v>
      </c>
    </row>
    <row r="2231" spans="2:14" x14ac:dyDescent="0.3">
      <c r="B2231">
        <f t="shared" si="257"/>
        <v>1</v>
      </c>
      <c r="C2231" s="16">
        <v>2197</v>
      </c>
      <c r="D2231" cm="1">
        <f t="array" ref="D2231">IFERROR(INDEX(Jesper!AH$2:AH$366,ROUNDDOWN($C2231/24,0)+1,1)*INDEX($D$3:$AA$30,INDEX(Jesper!$R$2:$R$366,ROW(INDEX(Jesper!AH$2:AH$366,ROUNDDOWN($C2231/24,0)+1,1))-1)+IF('Standard Profiles'!$G$18=$B$10,7,0)+IF('Standard Profiles'!$G$18=$B$17,14,0)+IF('Standard Profiles'!$G$18=$B$24,21,0),MOD($C2231,24)+1)/SUM(INDEX($D$3:$AA$30,INDEX(Jesper!$R$2:$R$366,ROW(INDEX(Jesper!AH$2:AH$366,ROUNDDOWN($C2231/24,0)+1,1))-1)+IF('Standard Profiles'!$G$18=$B$10,7,0)+IF('Standard Profiles'!$G$18=$B$17,14,0)+IF('Standard Profiles'!$G$18=$B$24,21,0),0)),0)</f>
        <v>11.609279424279535</v>
      </c>
      <c r="E2231" cm="1">
        <f t="array" ref="E2231">IFERROR(INDEX(Jesper!AI$2:AI$366,ROUNDDOWN($C2231/24,0)+1,1)*INDEX($D$3:$AA$30,INDEX(Jesper!$R$2:$R$366,ROW(INDEX(Jesper!AI$2:AI$366,ROUNDDOWN($C2231/24,0)+1,1))-1)+IF('Standard Profiles'!$G$19=$B$10,7,0)+IF('Standard Profiles'!$G$19=$B$17,14,0)+IF('Standard Profiles'!$G$19=$B$24,21,0),MOD($C2231,24)+1)/SUM(INDEX($D$3:$AA$30,INDEX(Jesper!$R$2:$R$366,ROW(INDEX(Jesper!AI$2:AI$366,ROUNDDOWN($C2231/24,0)+1,1))-1)+IF('Standard Profiles'!$G$19=$B$10,7,0)+IF('Standard Profiles'!$G$19=$B$17,14,0)+IF('Standard Profiles'!$G$19=$B$24,21,0),0)),0)</f>
        <v>0</v>
      </c>
      <c r="F2231" cm="1">
        <f t="array" ref="F2231">IFERROR(INDEX(Jesper!AJ$2:AJ$366,ROUNDDOWN($C2231/24,0)+1,1)*INDEX($D$3:$AA$30,INDEX(Jesper!$R$2:$R$366,ROW(INDEX(Jesper!AJ$2:AJ$366,ROUNDDOWN($C2231/24,0)+1,1))-1)+IF('Standard Profiles'!$G$20=$B$10,7,0)+IF('Standard Profiles'!$G$20=$B$17,14,0)+IF('Standard Profiles'!$G$20=$B$24,21,0),MOD($C2231,24)+1)/SUM(INDEX($D$3:$AA$30,INDEX(Jesper!$R$2:$R$366,ROW(INDEX(Jesper!AJ$2:AJ$366,ROUNDDOWN($C2231/24,0)+1,1))-1)+IF('Standard Profiles'!$G$20=$B$10,7,0)+IF('Standard Profiles'!$G$20=$B$17,14,0)+IF('Standard Profiles'!$G$20=$B$24,21,0),0)),0)</f>
        <v>0</v>
      </c>
      <c r="G2231" cm="1">
        <f t="array" ref="G2231">IFERROR(INDEX(Jesper!AK$2:AK$366,ROUNDDOWN($C2231/24,0)+1,1)*INDEX($D$3:$AA$30,INDEX(Jesper!$R$2:$R$366,ROW(INDEX(Jesper!AK$2:AK$366,ROUNDDOWN($C2231/24,0)+1,1))-1)+IF('Standard Profiles'!$G$21=$B$10,7,0)+IF('Standard Profiles'!$G$21=$B$17,14,0)+IF('Standard Profiles'!$G$21=$B$24,21,0),MOD($C2231,24)+1)/SUM(INDEX($D$3:$AA$30,INDEX(Jesper!$R$2:$R$366,ROW(INDEX(Jesper!AK$2:AK$366,ROUNDDOWN($C2231/24,0)+1,1))-1)+IF('Standard Profiles'!$G$21=$B$10,7,0)+IF('Standard Profiles'!$G$21=$B$17,14,0)+IF('Standard Profiles'!$G$21=$B$24,21,0),0)),0)</f>
        <v>0</v>
      </c>
      <c r="H2231" cm="1">
        <f t="array" ref="H2231">IFERROR(INDEX(Jesper!AL$2:AL$366,ROUNDDOWN($C2231/24,0)+1,1)*INDEX($D$3:$AA$30,INDEX(Jesper!$R$2:$R$366,ROW(INDEX(Jesper!AL$2:AL$366,ROUNDDOWN($C2231/24,0)+1,1))-1)+IF('Standard Profiles'!$G$22=$B$10,7,0)+IF('Standard Profiles'!$G$22=$B$17,14,0)+IF('Standard Profiles'!$G$22=$B$24,21,0),MOD($C2231,24)+1)/SUM(INDEX($D$3:$AA$30,INDEX(Jesper!$R$2:$R$366,ROW(INDEX(Jesper!AL$2:AL$366,ROUNDDOWN($C2231/24,0)+1,1))-1)+IF('Standard Profiles'!$G$22=$B$10,7,0)+IF('Standard Profiles'!$G$22=$B$17,14,0)+IF('Standard Profiles'!$G$22=$B$24,21,0),0)),0)</f>
        <v>0</v>
      </c>
      <c r="I2231">
        <f t="shared" si="258"/>
        <v>0.34827838272838602</v>
      </c>
      <c r="J2231">
        <f t="shared" si="259"/>
        <v>1.1609279424279535</v>
      </c>
      <c r="K2231">
        <f t="shared" si="260"/>
        <v>1.7413919136419302</v>
      </c>
      <c r="L2231">
        <f t="shared" si="261"/>
        <v>8.3586811854812648</v>
      </c>
      <c r="M2231">
        <f t="shared" si="262"/>
        <v>0</v>
      </c>
      <c r="N2231" s="46">
        <f t="shared" si="263"/>
        <v>45383.541666661338</v>
      </c>
    </row>
    <row r="2232" spans="2:14" x14ac:dyDescent="0.3">
      <c r="B2232">
        <f t="shared" si="257"/>
        <v>1</v>
      </c>
      <c r="C2232" s="16">
        <v>2198</v>
      </c>
      <c r="D2232" cm="1">
        <f t="array" ref="D2232">IFERROR(INDEX(Jesper!AH$2:AH$366,ROUNDDOWN($C2232/24,0)+1,1)*INDEX($D$3:$AA$30,INDEX(Jesper!$R$2:$R$366,ROW(INDEX(Jesper!AH$2:AH$366,ROUNDDOWN($C2232/24,0)+1,1))-1)+IF('Standard Profiles'!$G$18=$B$10,7,0)+IF('Standard Profiles'!$G$18=$B$17,14,0)+IF('Standard Profiles'!$G$18=$B$24,21,0),MOD($C2232,24)+1)/SUM(INDEX($D$3:$AA$30,INDEX(Jesper!$R$2:$R$366,ROW(INDEX(Jesper!AH$2:AH$366,ROUNDDOWN($C2232/24,0)+1,1))-1)+IF('Standard Profiles'!$G$18=$B$10,7,0)+IF('Standard Profiles'!$G$18=$B$17,14,0)+IF('Standard Profiles'!$G$18=$B$24,21,0),0)),0)</f>
        <v>17.523440640421942</v>
      </c>
      <c r="E2232" cm="1">
        <f t="array" ref="E2232">IFERROR(INDEX(Jesper!AI$2:AI$366,ROUNDDOWN($C2232/24,0)+1,1)*INDEX($D$3:$AA$30,INDEX(Jesper!$R$2:$R$366,ROW(INDEX(Jesper!AI$2:AI$366,ROUNDDOWN($C2232/24,0)+1,1))-1)+IF('Standard Profiles'!$G$19=$B$10,7,0)+IF('Standard Profiles'!$G$19=$B$17,14,0)+IF('Standard Profiles'!$G$19=$B$24,21,0),MOD($C2232,24)+1)/SUM(INDEX($D$3:$AA$30,INDEX(Jesper!$R$2:$R$366,ROW(INDEX(Jesper!AI$2:AI$366,ROUNDDOWN($C2232/24,0)+1,1))-1)+IF('Standard Profiles'!$G$19=$B$10,7,0)+IF('Standard Profiles'!$G$19=$B$17,14,0)+IF('Standard Profiles'!$G$19=$B$24,21,0),0)),0)</f>
        <v>0</v>
      </c>
      <c r="F2232" cm="1">
        <f t="array" ref="F2232">IFERROR(INDEX(Jesper!AJ$2:AJ$366,ROUNDDOWN($C2232/24,0)+1,1)*INDEX($D$3:$AA$30,INDEX(Jesper!$R$2:$R$366,ROW(INDEX(Jesper!AJ$2:AJ$366,ROUNDDOWN($C2232/24,0)+1,1))-1)+IF('Standard Profiles'!$G$20=$B$10,7,0)+IF('Standard Profiles'!$G$20=$B$17,14,0)+IF('Standard Profiles'!$G$20=$B$24,21,0),MOD($C2232,24)+1)/SUM(INDEX($D$3:$AA$30,INDEX(Jesper!$R$2:$R$366,ROW(INDEX(Jesper!AJ$2:AJ$366,ROUNDDOWN($C2232/24,0)+1,1))-1)+IF('Standard Profiles'!$G$20=$B$10,7,0)+IF('Standard Profiles'!$G$20=$B$17,14,0)+IF('Standard Profiles'!$G$20=$B$24,21,0),0)),0)</f>
        <v>0</v>
      </c>
      <c r="G2232" cm="1">
        <f t="array" ref="G2232">IFERROR(INDEX(Jesper!AK$2:AK$366,ROUNDDOWN($C2232/24,0)+1,1)*INDEX($D$3:$AA$30,INDEX(Jesper!$R$2:$R$366,ROW(INDEX(Jesper!AK$2:AK$366,ROUNDDOWN($C2232/24,0)+1,1))-1)+IF('Standard Profiles'!$G$21=$B$10,7,0)+IF('Standard Profiles'!$G$21=$B$17,14,0)+IF('Standard Profiles'!$G$21=$B$24,21,0),MOD($C2232,24)+1)/SUM(INDEX($D$3:$AA$30,INDEX(Jesper!$R$2:$R$366,ROW(INDEX(Jesper!AK$2:AK$366,ROUNDDOWN($C2232/24,0)+1,1))-1)+IF('Standard Profiles'!$G$21=$B$10,7,0)+IF('Standard Profiles'!$G$21=$B$17,14,0)+IF('Standard Profiles'!$G$21=$B$24,21,0),0)),0)</f>
        <v>0</v>
      </c>
      <c r="H2232" cm="1">
        <f t="array" ref="H2232">IFERROR(INDEX(Jesper!AL$2:AL$366,ROUNDDOWN($C2232/24,0)+1,1)*INDEX($D$3:$AA$30,INDEX(Jesper!$R$2:$R$366,ROW(INDEX(Jesper!AL$2:AL$366,ROUNDDOWN($C2232/24,0)+1,1))-1)+IF('Standard Profiles'!$G$22=$B$10,7,0)+IF('Standard Profiles'!$G$22=$B$17,14,0)+IF('Standard Profiles'!$G$22=$B$24,21,0),MOD($C2232,24)+1)/SUM(INDEX($D$3:$AA$30,INDEX(Jesper!$R$2:$R$366,ROW(INDEX(Jesper!AL$2:AL$366,ROUNDDOWN($C2232/24,0)+1,1))-1)+IF('Standard Profiles'!$G$22=$B$10,7,0)+IF('Standard Profiles'!$G$22=$B$17,14,0)+IF('Standard Profiles'!$G$22=$B$24,21,0),0)),0)</f>
        <v>0</v>
      </c>
      <c r="I2232">
        <f t="shared" si="258"/>
        <v>0.52570321921265828</v>
      </c>
      <c r="J2232">
        <f t="shared" si="259"/>
        <v>1.7523440640421943</v>
      </c>
      <c r="K2232">
        <f t="shared" si="260"/>
        <v>2.6285160960632914</v>
      </c>
      <c r="L2232">
        <f t="shared" si="261"/>
        <v>12.616877261103797</v>
      </c>
      <c r="M2232">
        <f t="shared" si="262"/>
        <v>0</v>
      </c>
      <c r="N2232" s="46">
        <f t="shared" si="263"/>
        <v>45383.583333328002</v>
      </c>
    </row>
    <row r="2233" spans="2:14" x14ac:dyDescent="0.3">
      <c r="B2233">
        <f t="shared" si="257"/>
        <v>1</v>
      </c>
      <c r="C2233" s="16">
        <v>2199</v>
      </c>
      <c r="D2233" cm="1">
        <f t="array" ref="D2233">IFERROR(INDEX(Jesper!AH$2:AH$366,ROUNDDOWN($C2233/24,0)+1,1)*INDEX($D$3:$AA$30,INDEX(Jesper!$R$2:$R$366,ROW(INDEX(Jesper!AH$2:AH$366,ROUNDDOWN($C2233/24,0)+1,1))-1)+IF('Standard Profiles'!$G$18=$B$10,7,0)+IF('Standard Profiles'!$G$18=$B$17,14,0)+IF('Standard Profiles'!$G$18=$B$24,21,0),MOD($C2233,24)+1)/SUM(INDEX($D$3:$AA$30,INDEX(Jesper!$R$2:$R$366,ROW(INDEX(Jesper!AH$2:AH$366,ROUNDDOWN($C2233/24,0)+1,1))-1)+IF('Standard Profiles'!$G$18=$B$10,7,0)+IF('Standard Profiles'!$G$18=$B$17,14,0)+IF('Standard Profiles'!$G$18=$B$24,21,0),0)),0)</f>
        <v>17.523440640421942</v>
      </c>
      <c r="E2233" cm="1">
        <f t="array" ref="E2233">IFERROR(INDEX(Jesper!AI$2:AI$366,ROUNDDOWN($C2233/24,0)+1,1)*INDEX($D$3:$AA$30,INDEX(Jesper!$R$2:$R$366,ROW(INDEX(Jesper!AI$2:AI$366,ROUNDDOWN($C2233/24,0)+1,1))-1)+IF('Standard Profiles'!$G$19=$B$10,7,0)+IF('Standard Profiles'!$G$19=$B$17,14,0)+IF('Standard Profiles'!$G$19=$B$24,21,0),MOD($C2233,24)+1)/SUM(INDEX($D$3:$AA$30,INDEX(Jesper!$R$2:$R$366,ROW(INDEX(Jesper!AI$2:AI$366,ROUNDDOWN($C2233/24,0)+1,1))-1)+IF('Standard Profiles'!$G$19=$B$10,7,0)+IF('Standard Profiles'!$G$19=$B$17,14,0)+IF('Standard Profiles'!$G$19=$B$24,21,0),0)),0)</f>
        <v>0</v>
      </c>
      <c r="F2233" cm="1">
        <f t="array" ref="F2233">IFERROR(INDEX(Jesper!AJ$2:AJ$366,ROUNDDOWN($C2233/24,0)+1,1)*INDEX($D$3:$AA$30,INDEX(Jesper!$R$2:$R$366,ROW(INDEX(Jesper!AJ$2:AJ$366,ROUNDDOWN($C2233/24,0)+1,1))-1)+IF('Standard Profiles'!$G$20=$B$10,7,0)+IF('Standard Profiles'!$G$20=$B$17,14,0)+IF('Standard Profiles'!$G$20=$B$24,21,0),MOD($C2233,24)+1)/SUM(INDEX($D$3:$AA$30,INDEX(Jesper!$R$2:$R$366,ROW(INDEX(Jesper!AJ$2:AJ$366,ROUNDDOWN($C2233/24,0)+1,1))-1)+IF('Standard Profiles'!$G$20=$B$10,7,0)+IF('Standard Profiles'!$G$20=$B$17,14,0)+IF('Standard Profiles'!$G$20=$B$24,21,0),0)),0)</f>
        <v>0</v>
      </c>
      <c r="G2233" cm="1">
        <f t="array" ref="G2233">IFERROR(INDEX(Jesper!AK$2:AK$366,ROUNDDOWN($C2233/24,0)+1,1)*INDEX($D$3:$AA$30,INDEX(Jesper!$R$2:$R$366,ROW(INDEX(Jesper!AK$2:AK$366,ROUNDDOWN($C2233/24,0)+1,1))-1)+IF('Standard Profiles'!$G$21=$B$10,7,0)+IF('Standard Profiles'!$G$21=$B$17,14,0)+IF('Standard Profiles'!$G$21=$B$24,21,0),MOD($C2233,24)+1)/SUM(INDEX($D$3:$AA$30,INDEX(Jesper!$R$2:$R$366,ROW(INDEX(Jesper!AK$2:AK$366,ROUNDDOWN($C2233/24,0)+1,1))-1)+IF('Standard Profiles'!$G$21=$B$10,7,0)+IF('Standard Profiles'!$G$21=$B$17,14,0)+IF('Standard Profiles'!$G$21=$B$24,21,0),0)),0)</f>
        <v>0</v>
      </c>
      <c r="H2233" cm="1">
        <f t="array" ref="H2233">IFERROR(INDEX(Jesper!AL$2:AL$366,ROUNDDOWN($C2233/24,0)+1,1)*INDEX($D$3:$AA$30,INDEX(Jesper!$R$2:$R$366,ROW(INDEX(Jesper!AL$2:AL$366,ROUNDDOWN($C2233/24,0)+1,1))-1)+IF('Standard Profiles'!$G$22=$B$10,7,0)+IF('Standard Profiles'!$G$22=$B$17,14,0)+IF('Standard Profiles'!$G$22=$B$24,21,0),MOD($C2233,24)+1)/SUM(INDEX($D$3:$AA$30,INDEX(Jesper!$R$2:$R$366,ROW(INDEX(Jesper!AL$2:AL$366,ROUNDDOWN($C2233/24,0)+1,1))-1)+IF('Standard Profiles'!$G$22=$B$10,7,0)+IF('Standard Profiles'!$G$22=$B$17,14,0)+IF('Standard Profiles'!$G$22=$B$24,21,0),0)),0)</f>
        <v>0</v>
      </c>
      <c r="I2233">
        <f t="shared" si="258"/>
        <v>0.52570321921265828</v>
      </c>
      <c r="J2233">
        <f t="shared" si="259"/>
        <v>1.7523440640421943</v>
      </c>
      <c r="K2233">
        <f t="shared" si="260"/>
        <v>2.6285160960632914</v>
      </c>
      <c r="L2233">
        <f t="shared" si="261"/>
        <v>12.616877261103797</v>
      </c>
      <c r="M2233">
        <f t="shared" si="262"/>
        <v>0</v>
      </c>
      <c r="N2233" s="46">
        <f t="shared" si="263"/>
        <v>45383.624999994667</v>
      </c>
    </row>
    <row r="2234" spans="2:14" x14ac:dyDescent="0.3">
      <c r="B2234">
        <f t="shared" si="257"/>
        <v>1</v>
      </c>
      <c r="C2234" s="16">
        <v>2200</v>
      </c>
      <c r="D2234" cm="1">
        <f t="array" ref="D2234">IFERROR(INDEX(Jesper!AH$2:AH$366,ROUNDDOWN($C2234/24,0)+1,1)*INDEX($D$3:$AA$30,INDEX(Jesper!$R$2:$R$366,ROW(INDEX(Jesper!AH$2:AH$366,ROUNDDOWN($C2234/24,0)+1,1))-1)+IF('Standard Profiles'!$G$18=$B$10,7,0)+IF('Standard Profiles'!$G$18=$B$17,14,0)+IF('Standard Profiles'!$G$18=$B$24,21,0),MOD($C2234,24)+1)/SUM(INDEX($D$3:$AA$30,INDEX(Jesper!$R$2:$R$366,ROW(INDEX(Jesper!AH$2:AH$366,ROUNDDOWN($C2234/24,0)+1,1))-1)+IF('Standard Profiles'!$G$18=$B$10,7,0)+IF('Standard Profiles'!$G$18=$B$17,14,0)+IF('Standard Profiles'!$G$18=$B$24,21,0),0)),0)</f>
        <v>17.523440640421942</v>
      </c>
      <c r="E2234" cm="1">
        <f t="array" ref="E2234">IFERROR(INDEX(Jesper!AI$2:AI$366,ROUNDDOWN($C2234/24,0)+1,1)*INDEX($D$3:$AA$30,INDEX(Jesper!$R$2:$R$366,ROW(INDEX(Jesper!AI$2:AI$366,ROUNDDOWN($C2234/24,0)+1,1))-1)+IF('Standard Profiles'!$G$19=$B$10,7,0)+IF('Standard Profiles'!$G$19=$B$17,14,0)+IF('Standard Profiles'!$G$19=$B$24,21,0),MOD($C2234,24)+1)/SUM(INDEX($D$3:$AA$30,INDEX(Jesper!$R$2:$R$366,ROW(INDEX(Jesper!AI$2:AI$366,ROUNDDOWN($C2234/24,0)+1,1))-1)+IF('Standard Profiles'!$G$19=$B$10,7,0)+IF('Standard Profiles'!$G$19=$B$17,14,0)+IF('Standard Profiles'!$G$19=$B$24,21,0),0)),0)</f>
        <v>0</v>
      </c>
      <c r="F2234" cm="1">
        <f t="array" ref="F2234">IFERROR(INDEX(Jesper!AJ$2:AJ$366,ROUNDDOWN($C2234/24,0)+1,1)*INDEX($D$3:$AA$30,INDEX(Jesper!$R$2:$R$366,ROW(INDEX(Jesper!AJ$2:AJ$366,ROUNDDOWN($C2234/24,0)+1,1))-1)+IF('Standard Profiles'!$G$20=$B$10,7,0)+IF('Standard Profiles'!$G$20=$B$17,14,0)+IF('Standard Profiles'!$G$20=$B$24,21,0),MOD($C2234,24)+1)/SUM(INDEX($D$3:$AA$30,INDEX(Jesper!$R$2:$R$366,ROW(INDEX(Jesper!AJ$2:AJ$366,ROUNDDOWN($C2234/24,0)+1,1))-1)+IF('Standard Profiles'!$G$20=$B$10,7,0)+IF('Standard Profiles'!$G$20=$B$17,14,0)+IF('Standard Profiles'!$G$20=$B$24,21,0),0)),0)</f>
        <v>0</v>
      </c>
      <c r="G2234" cm="1">
        <f t="array" ref="G2234">IFERROR(INDEX(Jesper!AK$2:AK$366,ROUNDDOWN($C2234/24,0)+1,1)*INDEX($D$3:$AA$30,INDEX(Jesper!$R$2:$R$366,ROW(INDEX(Jesper!AK$2:AK$366,ROUNDDOWN($C2234/24,0)+1,1))-1)+IF('Standard Profiles'!$G$21=$B$10,7,0)+IF('Standard Profiles'!$G$21=$B$17,14,0)+IF('Standard Profiles'!$G$21=$B$24,21,0),MOD($C2234,24)+1)/SUM(INDEX($D$3:$AA$30,INDEX(Jesper!$R$2:$R$366,ROW(INDEX(Jesper!AK$2:AK$366,ROUNDDOWN($C2234/24,0)+1,1))-1)+IF('Standard Profiles'!$G$21=$B$10,7,0)+IF('Standard Profiles'!$G$21=$B$17,14,0)+IF('Standard Profiles'!$G$21=$B$24,21,0),0)),0)</f>
        <v>0</v>
      </c>
      <c r="H2234" cm="1">
        <f t="array" ref="H2234">IFERROR(INDEX(Jesper!AL$2:AL$366,ROUNDDOWN($C2234/24,0)+1,1)*INDEX($D$3:$AA$30,INDEX(Jesper!$R$2:$R$366,ROW(INDEX(Jesper!AL$2:AL$366,ROUNDDOWN($C2234/24,0)+1,1))-1)+IF('Standard Profiles'!$G$22=$B$10,7,0)+IF('Standard Profiles'!$G$22=$B$17,14,0)+IF('Standard Profiles'!$G$22=$B$24,21,0),MOD($C2234,24)+1)/SUM(INDEX($D$3:$AA$30,INDEX(Jesper!$R$2:$R$366,ROW(INDEX(Jesper!AL$2:AL$366,ROUNDDOWN($C2234/24,0)+1,1))-1)+IF('Standard Profiles'!$G$22=$B$10,7,0)+IF('Standard Profiles'!$G$22=$B$17,14,0)+IF('Standard Profiles'!$G$22=$B$24,21,0),0)),0)</f>
        <v>0</v>
      </c>
      <c r="I2234">
        <f t="shared" si="258"/>
        <v>0.52570321921265828</v>
      </c>
      <c r="J2234">
        <f t="shared" si="259"/>
        <v>1.7523440640421943</v>
      </c>
      <c r="K2234">
        <f t="shared" si="260"/>
        <v>2.6285160960632914</v>
      </c>
      <c r="L2234">
        <f t="shared" si="261"/>
        <v>12.616877261103797</v>
      </c>
      <c r="M2234">
        <f t="shared" si="262"/>
        <v>0</v>
      </c>
      <c r="N2234" s="46">
        <f t="shared" si="263"/>
        <v>45383.666666661331</v>
      </c>
    </row>
    <row r="2235" spans="2:14" x14ac:dyDescent="0.3">
      <c r="B2235">
        <f t="shared" si="257"/>
        <v>1</v>
      </c>
      <c r="C2235" s="16">
        <v>2201</v>
      </c>
      <c r="D2235" cm="1">
        <f t="array" ref="D2235">IFERROR(INDEX(Jesper!AH$2:AH$366,ROUNDDOWN($C2235/24,0)+1,1)*INDEX($D$3:$AA$30,INDEX(Jesper!$R$2:$R$366,ROW(INDEX(Jesper!AH$2:AH$366,ROUNDDOWN($C2235/24,0)+1,1))-1)+IF('Standard Profiles'!$G$18=$B$10,7,0)+IF('Standard Profiles'!$G$18=$B$17,14,0)+IF('Standard Profiles'!$G$18=$B$24,21,0),MOD($C2235,24)+1)/SUM(INDEX($D$3:$AA$30,INDEX(Jesper!$R$2:$R$366,ROW(INDEX(Jesper!AH$2:AH$366,ROUNDDOWN($C2235/24,0)+1,1))-1)+IF('Standard Profiles'!$G$18=$B$10,7,0)+IF('Standard Profiles'!$G$18=$B$17,14,0)+IF('Standard Profiles'!$G$18=$B$24,21,0),0)),0)</f>
        <v>17.523440640421942</v>
      </c>
      <c r="E2235" cm="1">
        <f t="array" ref="E2235">IFERROR(INDEX(Jesper!AI$2:AI$366,ROUNDDOWN($C2235/24,0)+1,1)*INDEX($D$3:$AA$30,INDEX(Jesper!$R$2:$R$366,ROW(INDEX(Jesper!AI$2:AI$366,ROUNDDOWN($C2235/24,0)+1,1))-1)+IF('Standard Profiles'!$G$19=$B$10,7,0)+IF('Standard Profiles'!$G$19=$B$17,14,0)+IF('Standard Profiles'!$G$19=$B$24,21,0),MOD($C2235,24)+1)/SUM(INDEX($D$3:$AA$30,INDEX(Jesper!$R$2:$R$366,ROW(INDEX(Jesper!AI$2:AI$366,ROUNDDOWN($C2235/24,0)+1,1))-1)+IF('Standard Profiles'!$G$19=$B$10,7,0)+IF('Standard Profiles'!$G$19=$B$17,14,0)+IF('Standard Profiles'!$G$19=$B$24,21,0),0)),0)</f>
        <v>0</v>
      </c>
      <c r="F2235" cm="1">
        <f t="array" ref="F2235">IFERROR(INDEX(Jesper!AJ$2:AJ$366,ROUNDDOWN($C2235/24,0)+1,1)*INDEX($D$3:$AA$30,INDEX(Jesper!$R$2:$R$366,ROW(INDEX(Jesper!AJ$2:AJ$366,ROUNDDOWN($C2235/24,0)+1,1))-1)+IF('Standard Profiles'!$G$20=$B$10,7,0)+IF('Standard Profiles'!$G$20=$B$17,14,0)+IF('Standard Profiles'!$G$20=$B$24,21,0),MOD($C2235,24)+1)/SUM(INDEX($D$3:$AA$30,INDEX(Jesper!$R$2:$R$366,ROW(INDEX(Jesper!AJ$2:AJ$366,ROUNDDOWN($C2235/24,0)+1,1))-1)+IF('Standard Profiles'!$G$20=$B$10,7,0)+IF('Standard Profiles'!$G$20=$B$17,14,0)+IF('Standard Profiles'!$G$20=$B$24,21,0),0)),0)</f>
        <v>0</v>
      </c>
      <c r="G2235" cm="1">
        <f t="array" ref="G2235">IFERROR(INDEX(Jesper!AK$2:AK$366,ROUNDDOWN($C2235/24,0)+1,1)*INDEX($D$3:$AA$30,INDEX(Jesper!$R$2:$R$366,ROW(INDEX(Jesper!AK$2:AK$366,ROUNDDOWN($C2235/24,0)+1,1))-1)+IF('Standard Profiles'!$G$21=$B$10,7,0)+IF('Standard Profiles'!$G$21=$B$17,14,0)+IF('Standard Profiles'!$G$21=$B$24,21,0),MOD($C2235,24)+1)/SUM(INDEX($D$3:$AA$30,INDEX(Jesper!$R$2:$R$366,ROW(INDEX(Jesper!AK$2:AK$366,ROUNDDOWN($C2235/24,0)+1,1))-1)+IF('Standard Profiles'!$G$21=$B$10,7,0)+IF('Standard Profiles'!$G$21=$B$17,14,0)+IF('Standard Profiles'!$G$21=$B$24,21,0),0)),0)</f>
        <v>0</v>
      </c>
      <c r="H2235" cm="1">
        <f t="array" ref="H2235">IFERROR(INDEX(Jesper!AL$2:AL$366,ROUNDDOWN($C2235/24,0)+1,1)*INDEX($D$3:$AA$30,INDEX(Jesper!$R$2:$R$366,ROW(INDEX(Jesper!AL$2:AL$366,ROUNDDOWN($C2235/24,0)+1,1))-1)+IF('Standard Profiles'!$G$22=$B$10,7,0)+IF('Standard Profiles'!$G$22=$B$17,14,0)+IF('Standard Profiles'!$G$22=$B$24,21,0),MOD($C2235,24)+1)/SUM(INDEX($D$3:$AA$30,INDEX(Jesper!$R$2:$R$366,ROW(INDEX(Jesper!AL$2:AL$366,ROUNDDOWN($C2235/24,0)+1,1))-1)+IF('Standard Profiles'!$G$22=$B$10,7,0)+IF('Standard Profiles'!$G$22=$B$17,14,0)+IF('Standard Profiles'!$G$22=$B$24,21,0),0)),0)</f>
        <v>0</v>
      </c>
      <c r="I2235">
        <f t="shared" si="258"/>
        <v>0.52570321921265828</v>
      </c>
      <c r="J2235">
        <f t="shared" si="259"/>
        <v>1.7523440640421943</v>
      </c>
      <c r="K2235">
        <f t="shared" si="260"/>
        <v>2.6285160960632914</v>
      </c>
      <c r="L2235">
        <f t="shared" si="261"/>
        <v>12.616877261103797</v>
      </c>
      <c r="M2235">
        <f t="shared" si="262"/>
        <v>0</v>
      </c>
      <c r="N2235" s="46">
        <f t="shared" si="263"/>
        <v>45383.708333327995</v>
      </c>
    </row>
    <row r="2236" spans="2:14" x14ac:dyDescent="0.3">
      <c r="B2236">
        <f t="shared" si="257"/>
        <v>1</v>
      </c>
      <c r="C2236" s="16">
        <v>2202</v>
      </c>
      <c r="D2236" cm="1">
        <f t="array" ref="D2236">IFERROR(INDEX(Jesper!AH$2:AH$366,ROUNDDOWN($C2236/24,0)+1,1)*INDEX($D$3:$AA$30,INDEX(Jesper!$R$2:$R$366,ROW(INDEX(Jesper!AH$2:AH$366,ROUNDDOWN($C2236/24,0)+1,1))-1)+IF('Standard Profiles'!$G$18=$B$10,7,0)+IF('Standard Profiles'!$G$18=$B$17,14,0)+IF('Standard Profiles'!$G$18=$B$24,21,0),MOD($C2236,24)+1)/SUM(INDEX($D$3:$AA$30,INDEX(Jesper!$R$2:$R$366,ROW(INDEX(Jesper!AH$2:AH$366,ROUNDDOWN($C2236/24,0)+1,1))-1)+IF('Standard Profiles'!$G$18=$B$10,7,0)+IF('Standard Profiles'!$G$18=$B$17,14,0)+IF('Standard Profiles'!$G$18=$B$24,21,0),0)),0)</f>
        <v>17.523440640421942</v>
      </c>
      <c r="E2236" cm="1">
        <f t="array" ref="E2236">IFERROR(INDEX(Jesper!AI$2:AI$366,ROUNDDOWN($C2236/24,0)+1,1)*INDEX($D$3:$AA$30,INDEX(Jesper!$R$2:$R$366,ROW(INDEX(Jesper!AI$2:AI$366,ROUNDDOWN($C2236/24,0)+1,1))-1)+IF('Standard Profiles'!$G$19=$B$10,7,0)+IF('Standard Profiles'!$G$19=$B$17,14,0)+IF('Standard Profiles'!$G$19=$B$24,21,0),MOD($C2236,24)+1)/SUM(INDEX($D$3:$AA$30,INDEX(Jesper!$R$2:$R$366,ROW(INDEX(Jesper!AI$2:AI$366,ROUNDDOWN($C2236/24,0)+1,1))-1)+IF('Standard Profiles'!$G$19=$B$10,7,0)+IF('Standard Profiles'!$G$19=$B$17,14,0)+IF('Standard Profiles'!$G$19=$B$24,21,0),0)),0)</f>
        <v>0</v>
      </c>
      <c r="F2236" cm="1">
        <f t="array" ref="F2236">IFERROR(INDEX(Jesper!AJ$2:AJ$366,ROUNDDOWN($C2236/24,0)+1,1)*INDEX($D$3:$AA$30,INDEX(Jesper!$R$2:$R$366,ROW(INDEX(Jesper!AJ$2:AJ$366,ROUNDDOWN($C2236/24,0)+1,1))-1)+IF('Standard Profiles'!$G$20=$B$10,7,0)+IF('Standard Profiles'!$G$20=$B$17,14,0)+IF('Standard Profiles'!$G$20=$B$24,21,0),MOD($C2236,24)+1)/SUM(INDEX($D$3:$AA$30,INDEX(Jesper!$R$2:$R$366,ROW(INDEX(Jesper!AJ$2:AJ$366,ROUNDDOWN($C2236/24,0)+1,1))-1)+IF('Standard Profiles'!$G$20=$B$10,7,0)+IF('Standard Profiles'!$G$20=$B$17,14,0)+IF('Standard Profiles'!$G$20=$B$24,21,0),0)),0)</f>
        <v>0</v>
      </c>
      <c r="G2236" cm="1">
        <f t="array" ref="G2236">IFERROR(INDEX(Jesper!AK$2:AK$366,ROUNDDOWN($C2236/24,0)+1,1)*INDEX($D$3:$AA$30,INDEX(Jesper!$R$2:$R$366,ROW(INDEX(Jesper!AK$2:AK$366,ROUNDDOWN($C2236/24,0)+1,1))-1)+IF('Standard Profiles'!$G$21=$B$10,7,0)+IF('Standard Profiles'!$G$21=$B$17,14,0)+IF('Standard Profiles'!$G$21=$B$24,21,0),MOD($C2236,24)+1)/SUM(INDEX($D$3:$AA$30,INDEX(Jesper!$R$2:$R$366,ROW(INDEX(Jesper!AK$2:AK$366,ROUNDDOWN($C2236/24,0)+1,1))-1)+IF('Standard Profiles'!$G$21=$B$10,7,0)+IF('Standard Profiles'!$G$21=$B$17,14,0)+IF('Standard Profiles'!$G$21=$B$24,21,0),0)),0)</f>
        <v>0</v>
      </c>
      <c r="H2236" cm="1">
        <f t="array" ref="H2236">IFERROR(INDEX(Jesper!AL$2:AL$366,ROUNDDOWN($C2236/24,0)+1,1)*INDEX($D$3:$AA$30,INDEX(Jesper!$R$2:$R$366,ROW(INDEX(Jesper!AL$2:AL$366,ROUNDDOWN($C2236/24,0)+1,1))-1)+IF('Standard Profiles'!$G$22=$B$10,7,0)+IF('Standard Profiles'!$G$22=$B$17,14,0)+IF('Standard Profiles'!$G$22=$B$24,21,0),MOD($C2236,24)+1)/SUM(INDEX($D$3:$AA$30,INDEX(Jesper!$R$2:$R$366,ROW(INDEX(Jesper!AL$2:AL$366,ROUNDDOWN($C2236/24,0)+1,1))-1)+IF('Standard Profiles'!$G$22=$B$10,7,0)+IF('Standard Profiles'!$G$22=$B$17,14,0)+IF('Standard Profiles'!$G$22=$B$24,21,0),0)),0)</f>
        <v>0</v>
      </c>
      <c r="I2236">
        <f t="shared" si="258"/>
        <v>0.52570321921265828</v>
      </c>
      <c r="J2236">
        <f t="shared" si="259"/>
        <v>1.7523440640421943</v>
      </c>
      <c r="K2236">
        <f t="shared" si="260"/>
        <v>2.6285160960632914</v>
      </c>
      <c r="L2236">
        <f t="shared" si="261"/>
        <v>12.616877261103797</v>
      </c>
      <c r="M2236">
        <f t="shared" si="262"/>
        <v>0</v>
      </c>
      <c r="N2236" s="46">
        <f t="shared" si="263"/>
        <v>45383.749999994659</v>
      </c>
    </row>
    <row r="2237" spans="2:14" x14ac:dyDescent="0.3">
      <c r="B2237">
        <f t="shared" si="257"/>
        <v>1</v>
      </c>
      <c r="C2237" s="16">
        <v>2203</v>
      </c>
      <c r="D2237" cm="1">
        <f t="array" ref="D2237">IFERROR(INDEX(Jesper!AH$2:AH$366,ROUNDDOWN($C2237/24,0)+1,1)*INDEX($D$3:$AA$30,INDEX(Jesper!$R$2:$R$366,ROW(INDEX(Jesper!AH$2:AH$366,ROUNDDOWN($C2237/24,0)+1,1))-1)+IF('Standard Profiles'!$G$18=$B$10,7,0)+IF('Standard Profiles'!$G$18=$B$17,14,0)+IF('Standard Profiles'!$G$18=$B$24,21,0),MOD($C2237,24)+1)/SUM(INDEX($D$3:$AA$30,INDEX(Jesper!$R$2:$R$366,ROW(INDEX(Jesper!AH$2:AH$366,ROUNDDOWN($C2237/24,0)+1,1))-1)+IF('Standard Profiles'!$G$18=$B$10,7,0)+IF('Standard Profiles'!$G$18=$B$17,14,0)+IF('Standard Profiles'!$G$18=$B$24,21,0),0)),0)</f>
        <v>14.675881536353376</v>
      </c>
      <c r="E2237" cm="1">
        <f t="array" ref="E2237">IFERROR(INDEX(Jesper!AI$2:AI$366,ROUNDDOWN($C2237/24,0)+1,1)*INDEX($D$3:$AA$30,INDEX(Jesper!$R$2:$R$366,ROW(INDEX(Jesper!AI$2:AI$366,ROUNDDOWN($C2237/24,0)+1,1))-1)+IF('Standard Profiles'!$G$19=$B$10,7,0)+IF('Standard Profiles'!$G$19=$B$17,14,0)+IF('Standard Profiles'!$G$19=$B$24,21,0),MOD($C2237,24)+1)/SUM(INDEX($D$3:$AA$30,INDEX(Jesper!$R$2:$R$366,ROW(INDEX(Jesper!AI$2:AI$366,ROUNDDOWN($C2237/24,0)+1,1))-1)+IF('Standard Profiles'!$G$19=$B$10,7,0)+IF('Standard Profiles'!$G$19=$B$17,14,0)+IF('Standard Profiles'!$G$19=$B$24,21,0),0)),0)</f>
        <v>0</v>
      </c>
      <c r="F2237" cm="1">
        <f t="array" ref="F2237">IFERROR(INDEX(Jesper!AJ$2:AJ$366,ROUNDDOWN($C2237/24,0)+1,1)*INDEX($D$3:$AA$30,INDEX(Jesper!$R$2:$R$366,ROW(INDEX(Jesper!AJ$2:AJ$366,ROUNDDOWN($C2237/24,0)+1,1))-1)+IF('Standard Profiles'!$G$20=$B$10,7,0)+IF('Standard Profiles'!$G$20=$B$17,14,0)+IF('Standard Profiles'!$G$20=$B$24,21,0),MOD($C2237,24)+1)/SUM(INDEX($D$3:$AA$30,INDEX(Jesper!$R$2:$R$366,ROW(INDEX(Jesper!AJ$2:AJ$366,ROUNDDOWN($C2237/24,0)+1,1))-1)+IF('Standard Profiles'!$G$20=$B$10,7,0)+IF('Standard Profiles'!$G$20=$B$17,14,0)+IF('Standard Profiles'!$G$20=$B$24,21,0),0)),0)</f>
        <v>0</v>
      </c>
      <c r="G2237" cm="1">
        <f t="array" ref="G2237">IFERROR(INDEX(Jesper!AK$2:AK$366,ROUNDDOWN($C2237/24,0)+1,1)*INDEX($D$3:$AA$30,INDEX(Jesper!$R$2:$R$366,ROW(INDEX(Jesper!AK$2:AK$366,ROUNDDOWN($C2237/24,0)+1,1))-1)+IF('Standard Profiles'!$G$21=$B$10,7,0)+IF('Standard Profiles'!$G$21=$B$17,14,0)+IF('Standard Profiles'!$G$21=$B$24,21,0),MOD($C2237,24)+1)/SUM(INDEX($D$3:$AA$30,INDEX(Jesper!$R$2:$R$366,ROW(INDEX(Jesper!AK$2:AK$366,ROUNDDOWN($C2237/24,0)+1,1))-1)+IF('Standard Profiles'!$G$21=$B$10,7,0)+IF('Standard Profiles'!$G$21=$B$17,14,0)+IF('Standard Profiles'!$G$21=$B$24,21,0),0)),0)</f>
        <v>0</v>
      </c>
      <c r="H2237" cm="1">
        <f t="array" ref="H2237">IFERROR(INDEX(Jesper!AL$2:AL$366,ROUNDDOWN($C2237/24,0)+1,1)*INDEX($D$3:$AA$30,INDEX(Jesper!$R$2:$R$366,ROW(INDEX(Jesper!AL$2:AL$366,ROUNDDOWN($C2237/24,0)+1,1))-1)+IF('Standard Profiles'!$G$22=$B$10,7,0)+IF('Standard Profiles'!$G$22=$B$17,14,0)+IF('Standard Profiles'!$G$22=$B$24,21,0),MOD($C2237,24)+1)/SUM(INDEX($D$3:$AA$30,INDEX(Jesper!$R$2:$R$366,ROW(INDEX(Jesper!AL$2:AL$366,ROUNDDOWN($C2237/24,0)+1,1))-1)+IF('Standard Profiles'!$G$22=$B$10,7,0)+IF('Standard Profiles'!$G$22=$B$17,14,0)+IF('Standard Profiles'!$G$22=$B$24,21,0),0)),0)</f>
        <v>0</v>
      </c>
      <c r="I2237">
        <f t="shared" si="258"/>
        <v>0.44027644609060129</v>
      </c>
      <c r="J2237">
        <f t="shared" si="259"/>
        <v>1.4675881536353377</v>
      </c>
      <c r="K2237">
        <f t="shared" si="260"/>
        <v>2.2013822304530062</v>
      </c>
      <c r="L2237">
        <f t="shared" si="261"/>
        <v>10.56663470617443</v>
      </c>
      <c r="M2237">
        <f t="shared" si="262"/>
        <v>0</v>
      </c>
      <c r="N2237" s="46">
        <f t="shared" si="263"/>
        <v>45383.791666661324</v>
      </c>
    </row>
    <row r="2238" spans="2:14" x14ac:dyDescent="0.3">
      <c r="B2238">
        <f t="shared" si="257"/>
        <v>1</v>
      </c>
      <c r="C2238" s="16">
        <v>2204</v>
      </c>
      <c r="D2238" cm="1">
        <f t="array" ref="D2238">IFERROR(INDEX(Jesper!AH$2:AH$366,ROUNDDOWN($C2238/24,0)+1,1)*INDEX($D$3:$AA$30,INDEX(Jesper!$R$2:$R$366,ROW(INDEX(Jesper!AH$2:AH$366,ROUNDDOWN($C2238/24,0)+1,1))-1)+IF('Standard Profiles'!$G$18=$B$10,7,0)+IF('Standard Profiles'!$G$18=$B$17,14,0)+IF('Standard Profiles'!$G$18=$B$24,21,0),MOD($C2238,24)+1)/SUM(INDEX($D$3:$AA$30,INDEX(Jesper!$R$2:$R$366,ROW(INDEX(Jesper!AH$2:AH$366,ROUNDDOWN($C2238/24,0)+1,1))-1)+IF('Standard Profiles'!$G$18=$B$10,7,0)+IF('Standard Profiles'!$G$18=$B$17,14,0)+IF('Standard Profiles'!$G$18=$B$24,21,0),0)),0)</f>
        <v>12.047365440290083</v>
      </c>
      <c r="E2238" cm="1">
        <f t="array" ref="E2238">IFERROR(INDEX(Jesper!AI$2:AI$366,ROUNDDOWN($C2238/24,0)+1,1)*INDEX($D$3:$AA$30,INDEX(Jesper!$R$2:$R$366,ROW(INDEX(Jesper!AI$2:AI$366,ROUNDDOWN($C2238/24,0)+1,1))-1)+IF('Standard Profiles'!$G$19=$B$10,7,0)+IF('Standard Profiles'!$G$19=$B$17,14,0)+IF('Standard Profiles'!$G$19=$B$24,21,0),MOD($C2238,24)+1)/SUM(INDEX($D$3:$AA$30,INDEX(Jesper!$R$2:$R$366,ROW(INDEX(Jesper!AI$2:AI$366,ROUNDDOWN($C2238/24,0)+1,1))-1)+IF('Standard Profiles'!$G$19=$B$10,7,0)+IF('Standard Profiles'!$G$19=$B$17,14,0)+IF('Standard Profiles'!$G$19=$B$24,21,0),0)),0)</f>
        <v>0</v>
      </c>
      <c r="F2238" cm="1">
        <f t="array" ref="F2238">IFERROR(INDEX(Jesper!AJ$2:AJ$366,ROUNDDOWN($C2238/24,0)+1,1)*INDEX($D$3:$AA$30,INDEX(Jesper!$R$2:$R$366,ROW(INDEX(Jesper!AJ$2:AJ$366,ROUNDDOWN($C2238/24,0)+1,1))-1)+IF('Standard Profiles'!$G$20=$B$10,7,0)+IF('Standard Profiles'!$G$20=$B$17,14,0)+IF('Standard Profiles'!$G$20=$B$24,21,0),MOD($C2238,24)+1)/SUM(INDEX($D$3:$AA$30,INDEX(Jesper!$R$2:$R$366,ROW(INDEX(Jesper!AJ$2:AJ$366,ROUNDDOWN($C2238/24,0)+1,1))-1)+IF('Standard Profiles'!$G$20=$B$10,7,0)+IF('Standard Profiles'!$G$20=$B$17,14,0)+IF('Standard Profiles'!$G$20=$B$24,21,0),0)),0)</f>
        <v>0</v>
      </c>
      <c r="G2238" cm="1">
        <f t="array" ref="G2238">IFERROR(INDEX(Jesper!AK$2:AK$366,ROUNDDOWN($C2238/24,0)+1,1)*INDEX($D$3:$AA$30,INDEX(Jesper!$R$2:$R$366,ROW(INDEX(Jesper!AK$2:AK$366,ROUNDDOWN($C2238/24,0)+1,1))-1)+IF('Standard Profiles'!$G$21=$B$10,7,0)+IF('Standard Profiles'!$G$21=$B$17,14,0)+IF('Standard Profiles'!$G$21=$B$24,21,0),MOD($C2238,24)+1)/SUM(INDEX($D$3:$AA$30,INDEX(Jesper!$R$2:$R$366,ROW(INDEX(Jesper!AK$2:AK$366,ROUNDDOWN($C2238/24,0)+1,1))-1)+IF('Standard Profiles'!$G$21=$B$10,7,0)+IF('Standard Profiles'!$G$21=$B$17,14,0)+IF('Standard Profiles'!$G$21=$B$24,21,0),0)),0)</f>
        <v>0</v>
      </c>
      <c r="H2238" cm="1">
        <f t="array" ref="H2238">IFERROR(INDEX(Jesper!AL$2:AL$366,ROUNDDOWN($C2238/24,0)+1,1)*INDEX($D$3:$AA$30,INDEX(Jesper!$R$2:$R$366,ROW(INDEX(Jesper!AL$2:AL$366,ROUNDDOWN($C2238/24,0)+1,1))-1)+IF('Standard Profiles'!$G$22=$B$10,7,0)+IF('Standard Profiles'!$G$22=$B$17,14,0)+IF('Standard Profiles'!$G$22=$B$24,21,0),MOD($C2238,24)+1)/SUM(INDEX($D$3:$AA$30,INDEX(Jesper!$R$2:$R$366,ROW(INDEX(Jesper!AL$2:AL$366,ROUNDDOWN($C2238/24,0)+1,1))-1)+IF('Standard Profiles'!$G$22=$B$10,7,0)+IF('Standard Profiles'!$G$22=$B$17,14,0)+IF('Standard Profiles'!$G$22=$B$24,21,0),0)),0)</f>
        <v>0</v>
      </c>
      <c r="I2238">
        <f t="shared" si="258"/>
        <v>0.36142096320870248</v>
      </c>
      <c r="J2238">
        <f t="shared" si="259"/>
        <v>1.2047365440290083</v>
      </c>
      <c r="K2238">
        <f t="shared" si="260"/>
        <v>1.8071048160435124</v>
      </c>
      <c r="L2238">
        <f t="shared" si="261"/>
        <v>8.6741031170088601</v>
      </c>
      <c r="M2238">
        <f t="shared" si="262"/>
        <v>0</v>
      </c>
      <c r="N2238" s="46">
        <f t="shared" si="263"/>
        <v>45383.833333327988</v>
      </c>
    </row>
    <row r="2239" spans="2:14" x14ac:dyDescent="0.3">
      <c r="B2239">
        <f t="shared" si="257"/>
        <v>1</v>
      </c>
      <c r="C2239" s="16">
        <v>2205</v>
      </c>
      <c r="D2239" cm="1">
        <f t="array" ref="D2239">IFERROR(INDEX(Jesper!AH$2:AH$366,ROUNDDOWN($C2239/24,0)+1,1)*INDEX($D$3:$AA$30,INDEX(Jesper!$R$2:$R$366,ROW(INDEX(Jesper!AH$2:AH$366,ROUNDDOWN($C2239/24,0)+1,1))-1)+IF('Standard Profiles'!$G$18=$B$10,7,0)+IF('Standard Profiles'!$G$18=$B$17,14,0)+IF('Standard Profiles'!$G$18=$B$24,21,0),MOD($C2239,24)+1)/SUM(INDEX($D$3:$AA$30,INDEX(Jesper!$R$2:$R$366,ROW(INDEX(Jesper!AH$2:AH$366,ROUNDDOWN($C2239/24,0)+1,1))-1)+IF('Standard Profiles'!$G$18=$B$10,7,0)+IF('Standard Profiles'!$G$18=$B$17,14,0)+IF('Standard Profiles'!$G$18=$B$24,21,0),0)),0)</f>
        <v>8.761720320210971</v>
      </c>
      <c r="E2239" cm="1">
        <f t="array" ref="E2239">IFERROR(INDEX(Jesper!AI$2:AI$366,ROUNDDOWN($C2239/24,0)+1,1)*INDEX($D$3:$AA$30,INDEX(Jesper!$R$2:$R$366,ROW(INDEX(Jesper!AI$2:AI$366,ROUNDDOWN($C2239/24,0)+1,1))-1)+IF('Standard Profiles'!$G$19=$B$10,7,0)+IF('Standard Profiles'!$G$19=$B$17,14,0)+IF('Standard Profiles'!$G$19=$B$24,21,0),MOD($C2239,24)+1)/SUM(INDEX($D$3:$AA$30,INDEX(Jesper!$R$2:$R$366,ROW(INDEX(Jesper!AI$2:AI$366,ROUNDDOWN($C2239/24,0)+1,1))-1)+IF('Standard Profiles'!$G$19=$B$10,7,0)+IF('Standard Profiles'!$G$19=$B$17,14,0)+IF('Standard Profiles'!$G$19=$B$24,21,0),0)),0)</f>
        <v>0</v>
      </c>
      <c r="F2239" cm="1">
        <f t="array" ref="F2239">IFERROR(INDEX(Jesper!AJ$2:AJ$366,ROUNDDOWN($C2239/24,0)+1,1)*INDEX($D$3:$AA$30,INDEX(Jesper!$R$2:$R$366,ROW(INDEX(Jesper!AJ$2:AJ$366,ROUNDDOWN($C2239/24,0)+1,1))-1)+IF('Standard Profiles'!$G$20=$B$10,7,0)+IF('Standard Profiles'!$G$20=$B$17,14,0)+IF('Standard Profiles'!$G$20=$B$24,21,0),MOD($C2239,24)+1)/SUM(INDEX($D$3:$AA$30,INDEX(Jesper!$R$2:$R$366,ROW(INDEX(Jesper!AJ$2:AJ$366,ROUNDDOWN($C2239/24,0)+1,1))-1)+IF('Standard Profiles'!$G$20=$B$10,7,0)+IF('Standard Profiles'!$G$20=$B$17,14,0)+IF('Standard Profiles'!$G$20=$B$24,21,0),0)),0)</f>
        <v>0</v>
      </c>
      <c r="G2239" cm="1">
        <f t="array" ref="G2239">IFERROR(INDEX(Jesper!AK$2:AK$366,ROUNDDOWN($C2239/24,0)+1,1)*INDEX($D$3:$AA$30,INDEX(Jesper!$R$2:$R$366,ROW(INDEX(Jesper!AK$2:AK$366,ROUNDDOWN($C2239/24,0)+1,1))-1)+IF('Standard Profiles'!$G$21=$B$10,7,0)+IF('Standard Profiles'!$G$21=$B$17,14,0)+IF('Standard Profiles'!$G$21=$B$24,21,0),MOD($C2239,24)+1)/SUM(INDEX($D$3:$AA$30,INDEX(Jesper!$R$2:$R$366,ROW(INDEX(Jesper!AK$2:AK$366,ROUNDDOWN($C2239/24,0)+1,1))-1)+IF('Standard Profiles'!$G$21=$B$10,7,0)+IF('Standard Profiles'!$G$21=$B$17,14,0)+IF('Standard Profiles'!$G$21=$B$24,21,0),0)),0)</f>
        <v>0</v>
      </c>
      <c r="H2239" cm="1">
        <f t="array" ref="H2239">IFERROR(INDEX(Jesper!AL$2:AL$366,ROUNDDOWN($C2239/24,0)+1,1)*INDEX($D$3:$AA$30,INDEX(Jesper!$R$2:$R$366,ROW(INDEX(Jesper!AL$2:AL$366,ROUNDDOWN($C2239/24,0)+1,1))-1)+IF('Standard Profiles'!$G$22=$B$10,7,0)+IF('Standard Profiles'!$G$22=$B$17,14,0)+IF('Standard Profiles'!$G$22=$B$24,21,0),MOD($C2239,24)+1)/SUM(INDEX($D$3:$AA$30,INDEX(Jesper!$R$2:$R$366,ROW(INDEX(Jesper!AL$2:AL$366,ROUNDDOWN($C2239/24,0)+1,1))-1)+IF('Standard Profiles'!$G$22=$B$10,7,0)+IF('Standard Profiles'!$G$22=$B$17,14,0)+IF('Standard Profiles'!$G$22=$B$24,21,0),0)),0)</f>
        <v>0</v>
      </c>
      <c r="I2239">
        <f t="shared" si="258"/>
        <v>0.26285160960632914</v>
      </c>
      <c r="J2239">
        <f t="shared" si="259"/>
        <v>0.87617203202109717</v>
      </c>
      <c r="K2239">
        <f t="shared" si="260"/>
        <v>1.3142580480316457</v>
      </c>
      <c r="L2239">
        <f t="shared" si="261"/>
        <v>6.3084386305518985</v>
      </c>
      <c r="M2239">
        <f t="shared" si="262"/>
        <v>0</v>
      </c>
      <c r="N2239" s="46">
        <f t="shared" si="263"/>
        <v>45383.874999994652</v>
      </c>
    </row>
    <row r="2240" spans="2:14" x14ac:dyDescent="0.3">
      <c r="B2240">
        <f t="shared" si="257"/>
        <v>1</v>
      </c>
      <c r="C2240" s="16">
        <v>2206</v>
      </c>
      <c r="D2240" cm="1">
        <f t="array" ref="D2240">IFERROR(INDEX(Jesper!AH$2:AH$366,ROUNDDOWN($C2240/24,0)+1,1)*INDEX($D$3:$AA$30,INDEX(Jesper!$R$2:$R$366,ROW(INDEX(Jesper!AH$2:AH$366,ROUNDDOWN($C2240/24,0)+1,1))-1)+IF('Standard Profiles'!$G$18=$B$10,7,0)+IF('Standard Profiles'!$G$18=$B$17,14,0)+IF('Standard Profiles'!$G$18=$B$24,21,0),MOD($C2240,24)+1)/SUM(INDEX($D$3:$AA$30,INDEX(Jesper!$R$2:$R$366,ROW(INDEX(Jesper!AH$2:AH$366,ROUNDDOWN($C2240/24,0)+1,1))-1)+IF('Standard Profiles'!$G$18=$B$10,7,0)+IF('Standard Profiles'!$G$18=$B$17,14,0)+IF('Standard Profiles'!$G$18=$B$24,21,0),0)),0)</f>
        <v>8.3236343042004215</v>
      </c>
      <c r="E2240" cm="1">
        <f t="array" ref="E2240">IFERROR(INDEX(Jesper!AI$2:AI$366,ROUNDDOWN($C2240/24,0)+1,1)*INDEX($D$3:$AA$30,INDEX(Jesper!$R$2:$R$366,ROW(INDEX(Jesper!AI$2:AI$366,ROUNDDOWN($C2240/24,0)+1,1))-1)+IF('Standard Profiles'!$G$19=$B$10,7,0)+IF('Standard Profiles'!$G$19=$B$17,14,0)+IF('Standard Profiles'!$G$19=$B$24,21,0),MOD($C2240,24)+1)/SUM(INDEX($D$3:$AA$30,INDEX(Jesper!$R$2:$R$366,ROW(INDEX(Jesper!AI$2:AI$366,ROUNDDOWN($C2240/24,0)+1,1))-1)+IF('Standard Profiles'!$G$19=$B$10,7,0)+IF('Standard Profiles'!$G$19=$B$17,14,0)+IF('Standard Profiles'!$G$19=$B$24,21,0),0)),0)</f>
        <v>0</v>
      </c>
      <c r="F2240" cm="1">
        <f t="array" ref="F2240">IFERROR(INDEX(Jesper!AJ$2:AJ$366,ROUNDDOWN($C2240/24,0)+1,1)*INDEX($D$3:$AA$30,INDEX(Jesper!$R$2:$R$366,ROW(INDEX(Jesper!AJ$2:AJ$366,ROUNDDOWN($C2240/24,0)+1,1))-1)+IF('Standard Profiles'!$G$20=$B$10,7,0)+IF('Standard Profiles'!$G$20=$B$17,14,0)+IF('Standard Profiles'!$G$20=$B$24,21,0),MOD($C2240,24)+1)/SUM(INDEX($D$3:$AA$30,INDEX(Jesper!$R$2:$R$366,ROW(INDEX(Jesper!AJ$2:AJ$366,ROUNDDOWN($C2240/24,0)+1,1))-1)+IF('Standard Profiles'!$G$20=$B$10,7,0)+IF('Standard Profiles'!$G$20=$B$17,14,0)+IF('Standard Profiles'!$G$20=$B$24,21,0),0)),0)</f>
        <v>0</v>
      </c>
      <c r="G2240" cm="1">
        <f t="array" ref="G2240">IFERROR(INDEX(Jesper!AK$2:AK$366,ROUNDDOWN($C2240/24,0)+1,1)*INDEX($D$3:$AA$30,INDEX(Jesper!$R$2:$R$366,ROW(INDEX(Jesper!AK$2:AK$366,ROUNDDOWN($C2240/24,0)+1,1))-1)+IF('Standard Profiles'!$G$21=$B$10,7,0)+IF('Standard Profiles'!$G$21=$B$17,14,0)+IF('Standard Profiles'!$G$21=$B$24,21,0),MOD($C2240,24)+1)/SUM(INDEX($D$3:$AA$30,INDEX(Jesper!$R$2:$R$366,ROW(INDEX(Jesper!AK$2:AK$366,ROUNDDOWN($C2240/24,0)+1,1))-1)+IF('Standard Profiles'!$G$21=$B$10,7,0)+IF('Standard Profiles'!$G$21=$B$17,14,0)+IF('Standard Profiles'!$G$21=$B$24,21,0),0)),0)</f>
        <v>0</v>
      </c>
      <c r="H2240" cm="1">
        <f t="array" ref="H2240">IFERROR(INDEX(Jesper!AL$2:AL$366,ROUNDDOWN($C2240/24,0)+1,1)*INDEX($D$3:$AA$30,INDEX(Jesper!$R$2:$R$366,ROW(INDEX(Jesper!AL$2:AL$366,ROUNDDOWN($C2240/24,0)+1,1))-1)+IF('Standard Profiles'!$G$22=$B$10,7,0)+IF('Standard Profiles'!$G$22=$B$17,14,0)+IF('Standard Profiles'!$G$22=$B$24,21,0),MOD($C2240,24)+1)/SUM(INDEX($D$3:$AA$30,INDEX(Jesper!$R$2:$R$366,ROW(INDEX(Jesper!AL$2:AL$366,ROUNDDOWN($C2240/24,0)+1,1))-1)+IF('Standard Profiles'!$G$22=$B$10,7,0)+IF('Standard Profiles'!$G$22=$B$17,14,0)+IF('Standard Profiles'!$G$22=$B$24,21,0),0)),0)</f>
        <v>0</v>
      </c>
      <c r="I2240">
        <f t="shared" si="258"/>
        <v>0.24970902912601264</v>
      </c>
      <c r="J2240">
        <f t="shared" si="259"/>
        <v>0.83236343042004224</v>
      </c>
      <c r="K2240">
        <f t="shared" si="260"/>
        <v>1.2485451456300631</v>
      </c>
      <c r="L2240">
        <f t="shared" si="261"/>
        <v>5.9930166990243032</v>
      </c>
      <c r="M2240">
        <f t="shared" si="262"/>
        <v>0</v>
      </c>
      <c r="N2240" s="46">
        <f t="shared" si="263"/>
        <v>45383.916666661316</v>
      </c>
    </row>
    <row r="2241" spans="2:14" x14ac:dyDescent="0.3">
      <c r="B2241">
        <f t="shared" si="257"/>
        <v>1</v>
      </c>
      <c r="C2241" s="16">
        <v>2207</v>
      </c>
      <c r="D2241" cm="1">
        <f t="array" ref="D2241">IFERROR(INDEX(Jesper!AH$2:AH$366,ROUNDDOWN($C2241/24,0)+1,1)*INDEX($D$3:$AA$30,INDEX(Jesper!$R$2:$R$366,ROW(INDEX(Jesper!AH$2:AH$366,ROUNDDOWN($C2241/24,0)+1,1))-1)+IF('Standard Profiles'!$G$18=$B$10,7,0)+IF('Standard Profiles'!$G$18=$B$17,14,0)+IF('Standard Profiles'!$G$18=$B$24,21,0),MOD($C2241,24)+1)/SUM(INDEX($D$3:$AA$30,INDEX(Jesper!$R$2:$R$366,ROW(INDEX(Jesper!AH$2:AH$366,ROUNDDOWN($C2241/24,0)+1,1))-1)+IF('Standard Profiles'!$G$18=$B$10,7,0)+IF('Standard Profiles'!$G$18=$B$17,14,0)+IF('Standard Profiles'!$G$18=$B$24,21,0),0)),0)</f>
        <v>8.3236343042004215</v>
      </c>
      <c r="E2241" cm="1">
        <f t="array" ref="E2241">IFERROR(INDEX(Jesper!AI$2:AI$366,ROUNDDOWN($C2241/24,0)+1,1)*INDEX($D$3:$AA$30,INDEX(Jesper!$R$2:$R$366,ROW(INDEX(Jesper!AI$2:AI$366,ROUNDDOWN($C2241/24,0)+1,1))-1)+IF('Standard Profiles'!$G$19=$B$10,7,0)+IF('Standard Profiles'!$G$19=$B$17,14,0)+IF('Standard Profiles'!$G$19=$B$24,21,0),MOD($C2241,24)+1)/SUM(INDEX($D$3:$AA$30,INDEX(Jesper!$R$2:$R$366,ROW(INDEX(Jesper!AI$2:AI$366,ROUNDDOWN($C2241/24,0)+1,1))-1)+IF('Standard Profiles'!$G$19=$B$10,7,0)+IF('Standard Profiles'!$G$19=$B$17,14,0)+IF('Standard Profiles'!$G$19=$B$24,21,0),0)),0)</f>
        <v>0</v>
      </c>
      <c r="F2241" cm="1">
        <f t="array" ref="F2241">IFERROR(INDEX(Jesper!AJ$2:AJ$366,ROUNDDOWN($C2241/24,0)+1,1)*INDEX($D$3:$AA$30,INDEX(Jesper!$R$2:$R$366,ROW(INDEX(Jesper!AJ$2:AJ$366,ROUNDDOWN($C2241/24,0)+1,1))-1)+IF('Standard Profiles'!$G$20=$B$10,7,0)+IF('Standard Profiles'!$G$20=$B$17,14,0)+IF('Standard Profiles'!$G$20=$B$24,21,0),MOD($C2241,24)+1)/SUM(INDEX($D$3:$AA$30,INDEX(Jesper!$R$2:$R$366,ROW(INDEX(Jesper!AJ$2:AJ$366,ROUNDDOWN($C2241/24,0)+1,1))-1)+IF('Standard Profiles'!$G$20=$B$10,7,0)+IF('Standard Profiles'!$G$20=$B$17,14,0)+IF('Standard Profiles'!$G$20=$B$24,21,0),0)),0)</f>
        <v>0</v>
      </c>
      <c r="G2241" cm="1">
        <f t="array" ref="G2241">IFERROR(INDEX(Jesper!AK$2:AK$366,ROUNDDOWN($C2241/24,0)+1,1)*INDEX($D$3:$AA$30,INDEX(Jesper!$R$2:$R$366,ROW(INDEX(Jesper!AK$2:AK$366,ROUNDDOWN($C2241/24,0)+1,1))-1)+IF('Standard Profiles'!$G$21=$B$10,7,0)+IF('Standard Profiles'!$G$21=$B$17,14,0)+IF('Standard Profiles'!$G$21=$B$24,21,0),MOD($C2241,24)+1)/SUM(INDEX($D$3:$AA$30,INDEX(Jesper!$R$2:$R$366,ROW(INDEX(Jesper!AK$2:AK$366,ROUNDDOWN($C2241/24,0)+1,1))-1)+IF('Standard Profiles'!$G$21=$B$10,7,0)+IF('Standard Profiles'!$G$21=$B$17,14,0)+IF('Standard Profiles'!$G$21=$B$24,21,0),0)),0)</f>
        <v>0</v>
      </c>
      <c r="H2241" cm="1">
        <f t="array" ref="H2241">IFERROR(INDEX(Jesper!AL$2:AL$366,ROUNDDOWN($C2241/24,0)+1,1)*INDEX($D$3:$AA$30,INDEX(Jesper!$R$2:$R$366,ROW(INDEX(Jesper!AL$2:AL$366,ROUNDDOWN($C2241/24,0)+1,1))-1)+IF('Standard Profiles'!$G$22=$B$10,7,0)+IF('Standard Profiles'!$G$22=$B$17,14,0)+IF('Standard Profiles'!$G$22=$B$24,21,0),MOD($C2241,24)+1)/SUM(INDEX($D$3:$AA$30,INDEX(Jesper!$R$2:$R$366,ROW(INDEX(Jesper!AL$2:AL$366,ROUNDDOWN($C2241/24,0)+1,1))-1)+IF('Standard Profiles'!$G$22=$B$10,7,0)+IF('Standard Profiles'!$G$22=$B$17,14,0)+IF('Standard Profiles'!$G$22=$B$24,21,0),0)),0)</f>
        <v>0</v>
      </c>
      <c r="I2241">
        <f t="shared" si="258"/>
        <v>0.24970902912601264</v>
      </c>
      <c r="J2241">
        <f t="shared" si="259"/>
        <v>0.83236343042004224</v>
      </c>
      <c r="K2241">
        <f t="shared" si="260"/>
        <v>1.2485451456300631</v>
      </c>
      <c r="L2241">
        <f t="shared" si="261"/>
        <v>5.9930166990243032</v>
      </c>
      <c r="M2241">
        <f t="shared" si="262"/>
        <v>0</v>
      </c>
      <c r="N2241" s="46">
        <f t="shared" si="263"/>
        <v>45383.958333327981</v>
      </c>
    </row>
    <row r="2242" spans="2:14" x14ac:dyDescent="0.3">
      <c r="B2242">
        <f t="shared" si="257"/>
        <v>2</v>
      </c>
      <c r="C2242" s="16">
        <v>2208</v>
      </c>
      <c r="D2242" cm="1">
        <f t="array" ref="D2242">IFERROR(INDEX(Jesper!AH$2:AH$366,ROUNDDOWN($C2242/24,0)+1,1)*INDEX($D$3:$AA$30,INDEX(Jesper!$R$2:$R$366,ROW(INDEX(Jesper!AH$2:AH$366,ROUNDDOWN($C2242/24,0)+1,1))-1)+IF('Standard Profiles'!$G$18=$B$10,7,0)+IF('Standard Profiles'!$G$18=$B$17,14,0)+IF('Standard Profiles'!$G$18=$B$24,21,0),MOD($C2242,24)+1)/SUM(INDEX($D$3:$AA$30,INDEX(Jesper!$R$2:$R$366,ROW(INDEX(Jesper!AH$2:AH$366,ROUNDDOWN($C2242/24,0)+1,1))-1)+IF('Standard Profiles'!$G$18=$B$10,7,0)+IF('Standard Profiles'!$G$18=$B$17,14,0)+IF('Standard Profiles'!$G$18=$B$24,21,0),0)),0)</f>
        <v>7.4963817094487082</v>
      </c>
      <c r="E2242" cm="1">
        <f t="array" ref="E2242">IFERROR(INDEX(Jesper!AI$2:AI$366,ROUNDDOWN($C2242/24,0)+1,1)*INDEX($D$3:$AA$30,INDEX(Jesper!$R$2:$R$366,ROW(INDEX(Jesper!AI$2:AI$366,ROUNDDOWN($C2242/24,0)+1,1))-1)+IF('Standard Profiles'!$G$19=$B$10,7,0)+IF('Standard Profiles'!$G$19=$B$17,14,0)+IF('Standard Profiles'!$G$19=$B$24,21,0),MOD($C2242,24)+1)/SUM(INDEX($D$3:$AA$30,INDEX(Jesper!$R$2:$R$366,ROW(INDEX(Jesper!AI$2:AI$366,ROUNDDOWN($C2242/24,0)+1,1))-1)+IF('Standard Profiles'!$G$19=$B$10,7,0)+IF('Standard Profiles'!$G$19=$B$17,14,0)+IF('Standard Profiles'!$G$19=$B$24,21,0),0)),0)</f>
        <v>0</v>
      </c>
      <c r="F2242" cm="1">
        <f t="array" ref="F2242">IFERROR(INDEX(Jesper!AJ$2:AJ$366,ROUNDDOWN($C2242/24,0)+1,1)*INDEX($D$3:$AA$30,INDEX(Jesper!$R$2:$R$366,ROW(INDEX(Jesper!AJ$2:AJ$366,ROUNDDOWN($C2242/24,0)+1,1))-1)+IF('Standard Profiles'!$G$20=$B$10,7,0)+IF('Standard Profiles'!$G$20=$B$17,14,0)+IF('Standard Profiles'!$G$20=$B$24,21,0),MOD($C2242,24)+1)/SUM(INDEX($D$3:$AA$30,INDEX(Jesper!$R$2:$R$366,ROW(INDEX(Jesper!AJ$2:AJ$366,ROUNDDOWN($C2242/24,0)+1,1))-1)+IF('Standard Profiles'!$G$20=$B$10,7,0)+IF('Standard Profiles'!$G$20=$B$17,14,0)+IF('Standard Profiles'!$G$20=$B$24,21,0),0)),0)</f>
        <v>0</v>
      </c>
      <c r="G2242" cm="1">
        <f t="array" ref="G2242">IFERROR(INDEX(Jesper!AK$2:AK$366,ROUNDDOWN($C2242/24,0)+1,1)*INDEX($D$3:$AA$30,INDEX(Jesper!$R$2:$R$366,ROW(INDEX(Jesper!AK$2:AK$366,ROUNDDOWN($C2242/24,0)+1,1))-1)+IF('Standard Profiles'!$G$21=$B$10,7,0)+IF('Standard Profiles'!$G$21=$B$17,14,0)+IF('Standard Profiles'!$G$21=$B$24,21,0),MOD($C2242,24)+1)/SUM(INDEX($D$3:$AA$30,INDEX(Jesper!$R$2:$R$366,ROW(INDEX(Jesper!AK$2:AK$366,ROUNDDOWN($C2242/24,0)+1,1))-1)+IF('Standard Profiles'!$G$21=$B$10,7,0)+IF('Standard Profiles'!$G$21=$B$17,14,0)+IF('Standard Profiles'!$G$21=$B$24,21,0),0)),0)</f>
        <v>0</v>
      </c>
      <c r="H2242" cm="1">
        <f t="array" ref="H2242">IFERROR(INDEX(Jesper!AL$2:AL$366,ROUNDDOWN($C2242/24,0)+1,1)*INDEX($D$3:$AA$30,INDEX(Jesper!$R$2:$R$366,ROW(INDEX(Jesper!AL$2:AL$366,ROUNDDOWN($C2242/24,0)+1,1))-1)+IF('Standard Profiles'!$G$22=$B$10,7,0)+IF('Standard Profiles'!$G$22=$B$17,14,0)+IF('Standard Profiles'!$G$22=$B$24,21,0),MOD($C2242,24)+1)/SUM(INDEX($D$3:$AA$30,INDEX(Jesper!$R$2:$R$366,ROW(INDEX(Jesper!AL$2:AL$366,ROUNDDOWN($C2242/24,0)+1,1))-1)+IF('Standard Profiles'!$G$22=$B$10,7,0)+IF('Standard Profiles'!$G$22=$B$17,14,0)+IF('Standard Profiles'!$G$22=$B$24,21,0),0)),0)</f>
        <v>0</v>
      </c>
      <c r="I2242">
        <f t="shared" si="258"/>
        <v>0.22489145128346125</v>
      </c>
      <c r="J2242">
        <f t="shared" si="259"/>
        <v>0.74963817094487084</v>
      </c>
      <c r="K2242">
        <f t="shared" si="260"/>
        <v>1.1244572564173061</v>
      </c>
      <c r="L2242">
        <f t="shared" si="261"/>
        <v>5.3973948308030693</v>
      </c>
      <c r="M2242">
        <f t="shared" si="262"/>
        <v>0</v>
      </c>
      <c r="N2242" s="46">
        <f t="shared" si="263"/>
        <v>45383.999999994645</v>
      </c>
    </row>
    <row r="2243" spans="2:14" x14ac:dyDescent="0.3">
      <c r="B2243">
        <f t="shared" si="257"/>
        <v>2</v>
      </c>
      <c r="C2243" s="16">
        <v>2209</v>
      </c>
      <c r="D2243" cm="1">
        <f t="array" ref="D2243">IFERROR(INDEX(Jesper!AH$2:AH$366,ROUNDDOWN($C2243/24,0)+1,1)*INDEX($D$3:$AA$30,INDEX(Jesper!$R$2:$R$366,ROW(INDEX(Jesper!AH$2:AH$366,ROUNDDOWN($C2243/24,0)+1,1))-1)+IF('Standard Profiles'!$G$18=$B$10,7,0)+IF('Standard Profiles'!$G$18=$B$17,14,0)+IF('Standard Profiles'!$G$18=$B$24,21,0),MOD($C2243,24)+1)/SUM(INDEX($D$3:$AA$30,INDEX(Jesper!$R$2:$R$366,ROW(INDEX(Jesper!AH$2:AH$366,ROUNDDOWN($C2243/24,0)+1,1))-1)+IF('Standard Profiles'!$G$18=$B$10,7,0)+IF('Standard Profiles'!$G$18=$B$17,14,0)+IF('Standard Profiles'!$G$18=$B$24,21,0),0)),0)</f>
        <v>7.4963817094487082</v>
      </c>
      <c r="E2243" cm="1">
        <f t="array" ref="E2243">IFERROR(INDEX(Jesper!AI$2:AI$366,ROUNDDOWN($C2243/24,0)+1,1)*INDEX($D$3:$AA$30,INDEX(Jesper!$R$2:$R$366,ROW(INDEX(Jesper!AI$2:AI$366,ROUNDDOWN($C2243/24,0)+1,1))-1)+IF('Standard Profiles'!$G$19=$B$10,7,0)+IF('Standard Profiles'!$G$19=$B$17,14,0)+IF('Standard Profiles'!$G$19=$B$24,21,0),MOD($C2243,24)+1)/SUM(INDEX($D$3:$AA$30,INDEX(Jesper!$R$2:$R$366,ROW(INDEX(Jesper!AI$2:AI$366,ROUNDDOWN($C2243/24,0)+1,1))-1)+IF('Standard Profiles'!$G$19=$B$10,7,0)+IF('Standard Profiles'!$G$19=$B$17,14,0)+IF('Standard Profiles'!$G$19=$B$24,21,0),0)),0)</f>
        <v>0</v>
      </c>
      <c r="F2243" cm="1">
        <f t="array" ref="F2243">IFERROR(INDEX(Jesper!AJ$2:AJ$366,ROUNDDOWN($C2243/24,0)+1,1)*INDEX($D$3:$AA$30,INDEX(Jesper!$R$2:$R$366,ROW(INDEX(Jesper!AJ$2:AJ$366,ROUNDDOWN($C2243/24,0)+1,1))-1)+IF('Standard Profiles'!$G$20=$B$10,7,0)+IF('Standard Profiles'!$G$20=$B$17,14,0)+IF('Standard Profiles'!$G$20=$B$24,21,0),MOD($C2243,24)+1)/SUM(INDEX($D$3:$AA$30,INDEX(Jesper!$R$2:$R$366,ROW(INDEX(Jesper!AJ$2:AJ$366,ROUNDDOWN($C2243/24,0)+1,1))-1)+IF('Standard Profiles'!$G$20=$B$10,7,0)+IF('Standard Profiles'!$G$20=$B$17,14,0)+IF('Standard Profiles'!$G$20=$B$24,21,0),0)),0)</f>
        <v>0</v>
      </c>
      <c r="G2243" cm="1">
        <f t="array" ref="G2243">IFERROR(INDEX(Jesper!AK$2:AK$366,ROUNDDOWN($C2243/24,0)+1,1)*INDEX($D$3:$AA$30,INDEX(Jesper!$R$2:$R$366,ROW(INDEX(Jesper!AK$2:AK$366,ROUNDDOWN($C2243/24,0)+1,1))-1)+IF('Standard Profiles'!$G$21=$B$10,7,0)+IF('Standard Profiles'!$G$21=$B$17,14,0)+IF('Standard Profiles'!$G$21=$B$24,21,0),MOD($C2243,24)+1)/SUM(INDEX($D$3:$AA$30,INDEX(Jesper!$R$2:$R$366,ROW(INDEX(Jesper!AK$2:AK$366,ROUNDDOWN($C2243/24,0)+1,1))-1)+IF('Standard Profiles'!$G$21=$B$10,7,0)+IF('Standard Profiles'!$G$21=$B$17,14,0)+IF('Standard Profiles'!$G$21=$B$24,21,0),0)),0)</f>
        <v>0</v>
      </c>
      <c r="H2243" cm="1">
        <f t="array" ref="H2243">IFERROR(INDEX(Jesper!AL$2:AL$366,ROUNDDOWN($C2243/24,0)+1,1)*INDEX($D$3:$AA$30,INDEX(Jesper!$R$2:$R$366,ROW(INDEX(Jesper!AL$2:AL$366,ROUNDDOWN($C2243/24,0)+1,1))-1)+IF('Standard Profiles'!$G$22=$B$10,7,0)+IF('Standard Profiles'!$G$22=$B$17,14,0)+IF('Standard Profiles'!$G$22=$B$24,21,0),MOD($C2243,24)+1)/SUM(INDEX($D$3:$AA$30,INDEX(Jesper!$R$2:$R$366,ROW(INDEX(Jesper!AL$2:AL$366,ROUNDDOWN($C2243/24,0)+1,1))-1)+IF('Standard Profiles'!$G$22=$B$10,7,0)+IF('Standard Profiles'!$G$22=$B$17,14,0)+IF('Standard Profiles'!$G$22=$B$24,21,0),0)),0)</f>
        <v>0</v>
      </c>
      <c r="I2243">
        <f t="shared" si="258"/>
        <v>0.22489145128346125</v>
      </c>
      <c r="J2243">
        <f t="shared" si="259"/>
        <v>0.74963817094487084</v>
      </c>
      <c r="K2243">
        <f t="shared" si="260"/>
        <v>1.1244572564173061</v>
      </c>
      <c r="L2243">
        <f t="shared" si="261"/>
        <v>5.3973948308030693</v>
      </c>
      <c r="M2243">
        <f t="shared" si="262"/>
        <v>0</v>
      </c>
      <c r="N2243" s="46">
        <f t="shared" si="263"/>
        <v>45384.041666661309</v>
      </c>
    </row>
    <row r="2244" spans="2:14" x14ac:dyDescent="0.3">
      <c r="B2244">
        <f t="shared" si="257"/>
        <v>2</v>
      </c>
      <c r="C2244" s="16">
        <v>2210</v>
      </c>
      <c r="D2244" cm="1">
        <f t="array" ref="D2244">IFERROR(INDEX(Jesper!AH$2:AH$366,ROUNDDOWN($C2244/24,0)+1,1)*INDEX($D$3:$AA$30,INDEX(Jesper!$R$2:$R$366,ROW(INDEX(Jesper!AH$2:AH$366,ROUNDDOWN($C2244/24,0)+1,1))-1)+IF('Standard Profiles'!$G$18=$B$10,7,0)+IF('Standard Profiles'!$G$18=$B$17,14,0)+IF('Standard Profiles'!$G$18=$B$24,21,0),MOD($C2244,24)+1)/SUM(INDEX($D$3:$AA$30,INDEX(Jesper!$R$2:$R$366,ROW(INDEX(Jesper!AH$2:AH$366,ROUNDDOWN($C2244/24,0)+1,1))-1)+IF('Standard Profiles'!$G$18=$B$10,7,0)+IF('Standard Profiles'!$G$18=$B$17,14,0)+IF('Standard Profiles'!$G$18=$B$24,21,0),0)),0)</f>
        <v>7.4963817094487082</v>
      </c>
      <c r="E2244" cm="1">
        <f t="array" ref="E2244">IFERROR(INDEX(Jesper!AI$2:AI$366,ROUNDDOWN($C2244/24,0)+1,1)*INDEX($D$3:$AA$30,INDEX(Jesper!$R$2:$R$366,ROW(INDEX(Jesper!AI$2:AI$366,ROUNDDOWN($C2244/24,0)+1,1))-1)+IF('Standard Profiles'!$G$19=$B$10,7,0)+IF('Standard Profiles'!$G$19=$B$17,14,0)+IF('Standard Profiles'!$G$19=$B$24,21,0),MOD($C2244,24)+1)/SUM(INDEX($D$3:$AA$30,INDEX(Jesper!$R$2:$R$366,ROW(INDEX(Jesper!AI$2:AI$366,ROUNDDOWN($C2244/24,0)+1,1))-1)+IF('Standard Profiles'!$G$19=$B$10,7,0)+IF('Standard Profiles'!$G$19=$B$17,14,0)+IF('Standard Profiles'!$G$19=$B$24,21,0),0)),0)</f>
        <v>0</v>
      </c>
      <c r="F2244" cm="1">
        <f t="array" ref="F2244">IFERROR(INDEX(Jesper!AJ$2:AJ$366,ROUNDDOWN($C2244/24,0)+1,1)*INDEX($D$3:$AA$30,INDEX(Jesper!$R$2:$R$366,ROW(INDEX(Jesper!AJ$2:AJ$366,ROUNDDOWN($C2244/24,0)+1,1))-1)+IF('Standard Profiles'!$G$20=$B$10,7,0)+IF('Standard Profiles'!$G$20=$B$17,14,0)+IF('Standard Profiles'!$G$20=$B$24,21,0),MOD($C2244,24)+1)/SUM(INDEX($D$3:$AA$30,INDEX(Jesper!$R$2:$R$366,ROW(INDEX(Jesper!AJ$2:AJ$366,ROUNDDOWN($C2244/24,0)+1,1))-1)+IF('Standard Profiles'!$G$20=$B$10,7,0)+IF('Standard Profiles'!$G$20=$B$17,14,0)+IF('Standard Profiles'!$G$20=$B$24,21,0),0)),0)</f>
        <v>0</v>
      </c>
      <c r="G2244" cm="1">
        <f t="array" ref="G2244">IFERROR(INDEX(Jesper!AK$2:AK$366,ROUNDDOWN($C2244/24,0)+1,1)*INDEX($D$3:$AA$30,INDEX(Jesper!$R$2:$R$366,ROW(INDEX(Jesper!AK$2:AK$366,ROUNDDOWN($C2244/24,0)+1,1))-1)+IF('Standard Profiles'!$G$21=$B$10,7,0)+IF('Standard Profiles'!$G$21=$B$17,14,0)+IF('Standard Profiles'!$G$21=$B$24,21,0),MOD($C2244,24)+1)/SUM(INDEX($D$3:$AA$30,INDEX(Jesper!$R$2:$R$366,ROW(INDEX(Jesper!AK$2:AK$366,ROUNDDOWN($C2244/24,0)+1,1))-1)+IF('Standard Profiles'!$G$21=$B$10,7,0)+IF('Standard Profiles'!$G$21=$B$17,14,0)+IF('Standard Profiles'!$G$21=$B$24,21,0),0)),0)</f>
        <v>0</v>
      </c>
      <c r="H2244" cm="1">
        <f t="array" ref="H2244">IFERROR(INDEX(Jesper!AL$2:AL$366,ROUNDDOWN($C2244/24,0)+1,1)*INDEX($D$3:$AA$30,INDEX(Jesper!$R$2:$R$366,ROW(INDEX(Jesper!AL$2:AL$366,ROUNDDOWN($C2244/24,0)+1,1))-1)+IF('Standard Profiles'!$G$22=$B$10,7,0)+IF('Standard Profiles'!$G$22=$B$17,14,0)+IF('Standard Profiles'!$G$22=$B$24,21,0),MOD($C2244,24)+1)/SUM(INDEX($D$3:$AA$30,INDEX(Jesper!$R$2:$R$366,ROW(INDEX(Jesper!AL$2:AL$366,ROUNDDOWN($C2244/24,0)+1,1))-1)+IF('Standard Profiles'!$G$22=$B$10,7,0)+IF('Standard Profiles'!$G$22=$B$17,14,0)+IF('Standard Profiles'!$G$22=$B$24,21,0),0)),0)</f>
        <v>0</v>
      </c>
      <c r="I2244">
        <f t="shared" si="258"/>
        <v>0.22489145128346125</v>
      </c>
      <c r="J2244">
        <f t="shared" si="259"/>
        <v>0.74963817094487084</v>
      </c>
      <c r="K2244">
        <f t="shared" si="260"/>
        <v>1.1244572564173061</v>
      </c>
      <c r="L2244">
        <f t="shared" si="261"/>
        <v>5.3973948308030693</v>
      </c>
      <c r="M2244">
        <f t="shared" si="262"/>
        <v>0</v>
      </c>
      <c r="N2244" s="46">
        <f t="shared" si="263"/>
        <v>45384.083333327973</v>
      </c>
    </row>
    <row r="2245" spans="2:14" x14ac:dyDescent="0.3">
      <c r="B2245">
        <f t="shared" si="257"/>
        <v>2</v>
      </c>
      <c r="C2245" s="16">
        <v>2211</v>
      </c>
      <c r="D2245" cm="1">
        <f t="array" ref="D2245">IFERROR(INDEX(Jesper!AH$2:AH$366,ROUNDDOWN($C2245/24,0)+1,1)*INDEX($D$3:$AA$30,INDEX(Jesper!$R$2:$R$366,ROW(INDEX(Jesper!AH$2:AH$366,ROUNDDOWN($C2245/24,0)+1,1))-1)+IF('Standard Profiles'!$G$18=$B$10,7,0)+IF('Standard Profiles'!$G$18=$B$17,14,0)+IF('Standard Profiles'!$G$18=$B$24,21,0),MOD($C2245,24)+1)/SUM(INDEX($D$3:$AA$30,INDEX(Jesper!$R$2:$R$366,ROW(INDEX(Jesper!AH$2:AH$366,ROUNDDOWN($C2245/24,0)+1,1))-1)+IF('Standard Profiles'!$G$18=$B$10,7,0)+IF('Standard Profiles'!$G$18=$B$17,14,0)+IF('Standard Profiles'!$G$18=$B$24,21,0),0)),0)</f>
        <v>7.4963817094487082</v>
      </c>
      <c r="E2245" cm="1">
        <f t="array" ref="E2245">IFERROR(INDEX(Jesper!AI$2:AI$366,ROUNDDOWN($C2245/24,0)+1,1)*INDEX($D$3:$AA$30,INDEX(Jesper!$R$2:$R$366,ROW(INDEX(Jesper!AI$2:AI$366,ROUNDDOWN($C2245/24,0)+1,1))-1)+IF('Standard Profiles'!$G$19=$B$10,7,0)+IF('Standard Profiles'!$G$19=$B$17,14,0)+IF('Standard Profiles'!$G$19=$B$24,21,0),MOD($C2245,24)+1)/SUM(INDEX($D$3:$AA$30,INDEX(Jesper!$R$2:$R$366,ROW(INDEX(Jesper!AI$2:AI$366,ROUNDDOWN($C2245/24,0)+1,1))-1)+IF('Standard Profiles'!$G$19=$B$10,7,0)+IF('Standard Profiles'!$G$19=$B$17,14,0)+IF('Standard Profiles'!$G$19=$B$24,21,0),0)),0)</f>
        <v>0</v>
      </c>
      <c r="F2245" cm="1">
        <f t="array" ref="F2245">IFERROR(INDEX(Jesper!AJ$2:AJ$366,ROUNDDOWN($C2245/24,0)+1,1)*INDEX($D$3:$AA$30,INDEX(Jesper!$R$2:$R$366,ROW(INDEX(Jesper!AJ$2:AJ$366,ROUNDDOWN($C2245/24,0)+1,1))-1)+IF('Standard Profiles'!$G$20=$B$10,7,0)+IF('Standard Profiles'!$G$20=$B$17,14,0)+IF('Standard Profiles'!$G$20=$B$24,21,0),MOD($C2245,24)+1)/SUM(INDEX($D$3:$AA$30,INDEX(Jesper!$R$2:$R$366,ROW(INDEX(Jesper!AJ$2:AJ$366,ROUNDDOWN($C2245/24,0)+1,1))-1)+IF('Standard Profiles'!$G$20=$B$10,7,0)+IF('Standard Profiles'!$G$20=$B$17,14,0)+IF('Standard Profiles'!$G$20=$B$24,21,0),0)),0)</f>
        <v>0</v>
      </c>
      <c r="G2245" cm="1">
        <f t="array" ref="G2245">IFERROR(INDEX(Jesper!AK$2:AK$366,ROUNDDOWN($C2245/24,0)+1,1)*INDEX($D$3:$AA$30,INDEX(Jesper!$R$2:$R$366,ROW(INDEX(Jesper!AK$2:AK$366,ROUNDDOWN($C2245/24,0)+1,1))-1)+IF('Standard Profiles'!$G$21=$B$10,7,0)+IF('Standard Profiles'!$G$21=$B$17,14,0)+IF('Standard Profiles'!$G$21=$B$24,21,0),MOD($C2245,24)+1)/SUM(INDEX($D$3:$AA$30,INDEX(Jesper!$R$2:$R$366,ROW(INDEX(Jesper!AK$2:AK$366,ROUNDDOWN($C2245/24,0)+1,1))-1)+IF('Standard Profiles'!$G$21=$B$10,7,0)+IF('Standard Profiles'!$G$21=$B$17,14,0)+IF('Standard Profiles'!$G$21=$B$24,21,0),0)),0)</f>
        <v>0</v>
      </c>
      <c r="H2245" cm="1">
        <f t="array" ref="H2245">IFERROR(INDEX(Jesper!AL$2:AL$366,ROUNDDOWN($C2245/24,0)+1,1)*INDEX($D$3:$AA$30,INDEX(Jesper!$R$2:$R$366,ROW(INDEX(Jesper!AL$2:AL$366,ROUNDDOWN($C2245/24,0)+1,1))-1)+IF('Standard Profiles'!$G$22=$B$10,7,0)+IF('Standard Profiles'!$G$22=$B$17,14,0)+IF('Standard Profiles'!$G$22=$B$24,21,0),MOD($C2245,24)+1)/SUM(INDEX($D$3:$AA$30,INDEX(Jesper!$R$2:$R$366,ROW(INDEX(Jesper!AL$2:AL$366,ROUNDDOWN($C2245/24,0)+1,1))-1)+IF('Standard Profiles'!$G$22=$B$10,7,0)+IF('Standard Profiles'!$G$22=$B$17,14,0)+IF('Standard Profiles'!$G$22=$B$24,21,0),0)),0)</f>
        <v>0</v>
      </c>
      <c r="I2245">
        <f t="shared" si="258"/>
        <v>0.22489145128346125</v>
      </c>
      <c r="J2245">
        <f t="shared" si="259"/>
        <v>0.74963817094487084</v>
      </c>
      <c r="K2245">
        <f t="shared" si="260"/>
        <v>1.1244572564173061</v>
      </c>
      <c r="L2245">
        <f t="shared" si="261"/>
        <v>5.3973948308030693</v>
      </c>
      <c r="M2245">
        <f t="shared" si="262"/>
        <v>0</v>
      </c>
      <c r="N2245" s="46">
        <f t="shared" si="263"/>
        <v>45384.124999994638</v>
      </c>
    </row>
    <row r="2246" spans="2:14" x14ac:dyDescent="0.3">
      <c r="B2246">
        <f t="shared" si="257"/>
        <v>2</v>
      </c>
      <c r="C2246" s="16">
        <v>2212</v>
      </c>
      <c r="D2246" cm="1">
        <f t="array" ref="D2246">IFERROR(INDEX(Jesper!AH$2:AH$366,ROUNDDOWN($C2246/24,0)+1,1)*INDEX($D$3:$AA$30,INDEX(Jesper!$R$2:$R$366,ROW(INDEX(Jesper!AH$2:AH$366,ROUNDDOWN($C2246/24,0)+1,1))-1)+IF('Standard Profiles'!$G$18=$B$10,7,0)+IF('Standard Profiles'!$G$18=$B$17,14,0)+IF('Standard Profiles'!$G$18=$B$24,21,0),MOD($C2246,24)+1)/SUM(INDEX($D$3:$AA$30,INDEX(Jesper!$R$2:$R$366,ROW(INDEX(Jesper!AH$2:AH$366,ROUNDDOWN($C2246/24,0)+1,1))-1)+IF('Standard Profiles'!$G$18=$B$10,7,0)+IF('Standard Profiles'!$G$18=$B$17,14,0)+IF('Standard Profiles'!$G$18=$B$24,21,0),0)),0)</f>
        <v>7.4963817094487082</v>
      </c>
      <c r="E2246" cm="1">
        <f t="array" ref="E2246">IFERROR(INDEX(Jesper!AI$2:AI$366,ROUNDDOWN($C2246/24,0)+1,1)*INDEX($D$3:$AA$30,INDEX(Jesper!$R$2:$R$366,ROW(INDEX(Jesper!AI$2:AI$366,ROUNDDOWN($C2246/24,0)+1,1))-1)+IF('Standard Profiles'!$G$19=$B$10,7,0)+IF('Standard Profiles'!$G$19=$B$17,14,0)+IF('Standard Profiles'!$G$19=$B$24,21,0),MOD($C2246,24)+1)/SUM(INDEX($D$3:$AA$30,INDEX(Jesper!$R$2:$R$366,ROW(INDEX(Jesper!AI$2:AI$366,ROUNDDOWN($C2246/24,0)+1,1))-1)+IF('Standard Profiles'!$G$19=$B$10,7,0)+IF('Standard Profiles'!$G$19=$B$17,14,0)+IF('Standard Profiles'!$G$19=$B$24,21,0),0)),0)</f>
        <v>0</v>
      </c>
      <c r="F2246" cm="1">
        <f t="array" ref="F2246">IFERROR(INDEX(Jesper!AJ$2:AJ$366,ROUNDDOWN($C2246/24,0)+1,1)*INDEX($D$3:$AA$30,INDEX(Jesper!$R$2:$R$366,ROW(INDEX(Jesper!AJ$2:AJ$366,ROUNDDOWN($C2246/24,0)+1,1))-1)+IF('Standard Profiles'!$G$20=$B$10,7,0)+IF('Standard Profiles'!$G$20=$B$17,14,0)+IF('Standard Profiles'!$G$20=$B$24,21,0),MOD($C2246,24)+1)/SUM(INDEX($D$3:$AA$30,INDEX(Jesper!$R$2:$R$366,ROW(INDEX(Jesper!AJ$2:AJ$366,ROUNDDOWN($C2246/24,0)+1,1))-1)+IF('Standard Profiles'!$G$20=$B$10,7,0)+IF('Standard Profiles'!$G$20=$B$17,14,0)+IF('Standard Profiles'!$G$20=$B$24,21,0),0)),0)</f>
        <v>0</v>
      </c>
      <c r="G2246" cm="1">
        <f t="array" ref="G2246">IFERROR(INDEX(Jesper!AK$2:AK$366,ROUNDDOWN($C2246/24,0)+1,1)*INDEX($D$3:$AA$30,INDEX(Jesper!$R$2:$R$366,ROW(INDEX(Jesper!AK$2:AK$366,ROUNDDOWN($C2246/24,0)+1,1))-1)+IF('Standard Profiles'!$G$21=$B$10,7,0)+IF('Standard Profiles'!$G$21=$B$17,14,0)+IF('Standard Profiles'!$G$21=$B$24,21,0),MOD($C2246,24)+1)/SUM(INDEX($D$3:$AA$30,INDEX(Jesper!$R$2:$R$366,ROW(INDEX(Jesper!AK$2:AK$366,ROUNDDOWN($C2246/24,0)+1,1))-1)+IF('Standard Profiles'!$G$21=$B$10,7,0)+IF('Standard Profiles'!$G$21=$B$17,14,0)+IF('Standard Profiles'!$G$21=$B$24,21,0),0)),0)</f>
        <v>0</v>
      </c>
      <c r="H2246" cm="1">
        <f t="array" ref="H2246">IFERROR(INDEX(Jesper!AL$2:AL$366,ROUNDDOWN($C2246/24,0)+1,1)*INDEX($D$3:$AA$30,INDEX(Jesper!$R$2:$R$366,ROW(INDEX(Jesper!AL$2:AL$366,ROUNDDOWN($C2246/24,0)+1,1))-1)+IF('Standard Profiles'!$G$22=$B$10,7,0)+IF('Standard Profiles'!$G$22=$B$17,14,0)+IF('Standard Profiles'!$G$22=$B$24,21,0),MOD($C2246,24)+1)/SUM(INDEX($D$3:$AA$30,INDEX(Jesper!$R$2:$R$366,ROW(INDEX(Jesper!AL$2:AL$366,ROUNDDOWN($C2246/24,0)+1,1))-1)+IF('Standard Profiles'!$G$22=$B$10,7,0)+IF('Standard Profiles'!$G$22=$B$17,14,0)+IF('Standard Profiles'!$G$22=$B$24,21,0),0)),0)</f>
        <v>0</v>
      </c>
      <c r="I2246">
        <f t="shared" si="258"/>
        <v>0.22489145128346125</v>
      </c>
      <c r="J2246">
        <f t="shared" si="259"/>
        <v>0.74963817094487084</v>
      </c>
      <c r="K2246">
        <f t="shared" si="260"/>
        <v>1.1244572564173061</v>
      </c>
      <c r="L2246">
        <f t="shared" si="261"/>
        <v>5.3973948308030693</v>
      </c>
      <c r="M2246">
        <f t="shared" si="262"/>
        <v>0</v>
      </c>
      <c r="N2246" s="46">
        <f t="shared" si="263"/>
        <v>45384.166666661302</v>
      </c>
    </row>
    <row r="2247" spans="2:14" x14ac:dyDescent="0.3">
      <c r="B2247">
        <f t="shared" si="257"/>
        <v>2</v>
      </c>
      <c r="C2247" s="16">
        <v>2213</v>
      </c>
      <c r="D2247" cm="1">
        <f t="array" ref="D2247">IFERROR(INDEX(Jesper!AH$2:AH$366,ROUNDDOWN($C2247/24,0)+1,1)*INDEX($D$3:$AA$30,INDEX(Jesper!$R$2:$R$366,ROW(INDEX(Jesper!AH$2:AH$366,ROUNDDOWN($C2247/24,0)+1,1))-1)+IF('Standard Profiles'!$G$18=$B$10,7,0)+IF('Standard Profiles'!$G$18=$B$17,14,0)+IF('Standard Profiles'!$G$18=$B$24,21,0),MOD($C2247,24)+1)/SUM(INDEX($D$3:$AA$30,INDEX(Jesper!$R$2:$R$366,ROW(INDEX(Jesper!AH$2:AH$366,ROUNDDOWN($C2247/24,0)+1,1))-1)+IF('Standard Profiles'!$G$18=$B$10,7,0)+IF('Standard Profiles'!$G$18=$B$17,14,0)+IF('Standard Profiles'!$G$18=$B$24,21,0),0)),0)</f>
        <v>9.7452962222833204</v>
      </c>
      <c r="E2247" cm="1">
        <f t="array" ref="E2247">IFERROR(INDEX(Jesper!AI$2:AI$366,ROUNDDOWN($C2247/24,0)+1,1)*INDEX($D$3:$AA$30,INDEX(Jesper!$R$2:$R$366,ROW(INDEX(Jesper!AI$2:AI$366,ROUNDDOWN($C2247/24,0)+1,1))-1)+IF('Standard Profiles'!$G$19=$B$10,7,0)+IF('Standard Profiles'!$G$19=$B$17,14,0)+IF('Standard Profiles'!$G$19=$B$24,21,0),MOD($C2247,24)+1)/SUM(INDEX($D$3:$AA$30,INDEX(Jesper!$R$2:$R$366,ROW(INDEX(Jesper!AI$2:AI$366,ROUNDDOWN($C2247/24,0)+1,1))-1)+IF('Standard Profiles'!$G$19=$B$10,7,0)+IF('Standard Profiles'!$G$19=$B$17,14,0)+IF('Standard Profiles'!$G$19=$B$24,21,0),0)),0)</f>
        <v>0</v>
      </c>
      <c r="F2247" cm="1">
        <f t="array" ref="F2247">IFERROR(INDEX(Jesper!AJ$2:AJ$366,ROUNDDOWN($C2247/24,0)+1,1)*INDEX($D$3:$AA$30,INDEX(Jesper!$R$2:$R$366,ROW(INDEX(Jesper!AJ$2:AJ$366,ROUNDDOWN($C2247/24,0)+1,1))-1)+IF('Standard Profiles'!$G$20=$B$10,7,0)+IF('Standard Profiles'!$G$20=$B$17,14,0)+IF('Standard Profiles'!$G$20=$B$24,21,0),MOD($C2247,24)+1)/SUM(INDEX($D$3:$AA$30,INDEX(Jesper!$R$2:$R$366,ROW(INDEX(Jesper!AJ$2:AJ$366,ROUNDDOWN($C2247/24,0)+1,1))-1)+IF('Standard Profiles'!$G$20=$B$10,7,0)+IF('Standard Profiles'!$G$20=$B$17,14,0)+IF('Standard Profiles'!$G$20=$B$24,21,0),0)),0)</f>
        <v>0</v>
      </c>
      <c r="G2247" cm="1">
        <f t="array" ref="G2247">IFERROR(INDEX(Jesper!AK$2:AK$366,ROUNDDOWN($C2247/24,0)+1,1)*INDEX($D$3:$AA$30,INDEX(Jesper!$R$2:$R$366,ROW(INDEX(Jesper!AK$2:AK$366,ROUNDDOWN($C2247/24,0)+1,1))-1)+IF('Standard Profiles'!$G$21=$B$10,7,0)+IF('Standard Profiles'!$G$21=$B$17,14,0)+IF('Standard Profiles'!$G$21=$B$24,21,0),MOD($C2247,24)+1)/SUM(INDEX($D$3:$AA$30,INDEX(Jesper!$R$2:$R$366,ROW(INDEX(Jesper!AK$2:AK$366,ROUNDDOWN($C2247/24,0)+1,1))-1)+IF('Standard Profiles'!$G$21=$B$10,7,0)+IF('Standard Profiles'!$G$21=$B$17,14,0)+IF('Standard Profiles'!$G$21=$B$24,21,0),0)),0)</f>
        <v>0</v>
      </c>
      <c r="H2247" cm="1">
        <f t="array" ref="H2247">IFERROR(INDEX(Jesper!AL$2:AL$366,ROUNDDOWN($C2247/24,0)+1,1)*INDEX($D$3:$AA$30,INDEX(Jesper!$R$2:$R$366,ROW(INDEX(Jesper!AL$2:AL$366,ROUNDDOWN($C2247/24,0)+1,1))-1)+IF('Standard Profiles'!$G$22=$B$10,7,0)+IF('Standard Profiles'!$G$22=$B$17,14,0)+IF('Standard Profiles'!$G$22=$B$24,21,0),MOD($C2247,24)+1)/SUM(INDEX($D$3:$AA$30,INDEX(Jesper!$R$2:$R$366,ROW(INDEX(Jesper!AL$2:AL$366,ROUNDDOWN($C2247/24,0)+1,1))-1)+IF('Standard Profiles'!$G$22=$B$10,7,0)+IF('Standard Profiles'!$G$22=$B$17,14,0)+IF('Standard Profiles'!$G$22=$B$24,21,0),0)),0)</f>
        <v>0</v>
      </c>
      <c r="I2247">
        <f t="shared" si="258"/>
        <v>0.29235888666849957</v>
      </c>
      <c r="J2247">
        <f t="shared" si="259"/>
        <v>0.97452962222833206</v>
      </c>
      <c r="K2247">
        <f t="shared" si="260"/>
        <v>1.4617944333424979</v>
      </c>
      <c r="L2247">
        <f t="shared" si="261"/>
        <v>7.0166132800439902</v>
      </c>
      <c r="M2247">
        <f t="shared" si="262"/>
        <v>0</v>
      </c>
      <c r="N2247" s="46">
        <f t="shared" si="263"/>
        <v>45384.208333327966</v>
      </c>
    </row>
    <row r="2248" spans="2:14" x14ac:dyDescent="0.3">
      <c r="B2248">
        <f t="shared" si="257"/>
        <v>2</v>
      </c>
      <c r="C2248" s="16">
        <v>2214</v>
      </c>
      <c r="D2248" cm="1">
        <f t="array" ref="D2248">IFERROR(INDEX(Jesper!AH$2:AH$366,ROUNDDOWN($C2248/24,0)+1,1)*INDEX($D$3:$AA$30,INDEX(Jesper!$R$2:$R$366,ROW(INDEX(Jesper!AH$2:AH$366,ROUNDDOWN($C2248/24,0)+1,1))-1)+IF('Standard Profiles'!$G$18=$B$10,7,0)+IF('Standard Profiles'!$G$18=$B$17,14,0)+IF('Standard Profiles'!$G$18=$B$24,21,0),MOD($C2248,24)+1)/SUM(INDEX($D$3:$AA$30,INDEX(Jesper!$R$2:$R$366,ROW(INDEX(Jesper!AH$2:AH$366,ROUNDDOWN($C2248/24,0)+1,1))-1)+IF('Standard Profiles'!$G$18=$B$10,7,0)+IF('Standard Profiles'!$G$18=$B$17,14,0)+IF('Standard Profiles'!$G$18=$B$24,21,0),0)),0)</f>
        <v>10.869753478700625</v>
      </c>
      <c r="E2248" cm="1">
        <f t="array" ref="E2248">IFERROR(INDEX(Jesper!AI$2:AI$366,ROUNDDOWN($C2248/24,0)+1,1)*INDEX($D$3:$AA$30,INDEX(Jesper!$R$2:$R$366,ROW(INDEX(Jesper!AI$2:AI$366,ROUNDDOWN($C2248/24,0)+1,1))-1)+IF('Standard Profiles'!$G$19=$B$10,7,0)+IF('Standard Profiles'!$G$19=$B$17,14,0)+IF('Standard Profiles'!$G$19=$B$24,21,0),MOD($C2248,24)+1)/SUM(INDEX($D$3:$AA$30,INDEX(Jesper!$R$2:$R$366,ROW(INDEX(Jesper!AI$2:AI$366,ROUNDDOWN($C2248/24,0)+1,1))-1)+IF('Standard Profiles'!$G$19=$B$10,7,0)+IF('Standard Profiles'!$G$19=$B$17,14,0)+IF('Standard Profiles'!$G$19=$B$24,21,0),0)),0)</f>
        <v>0</v>
      </c>
      <c r="F2248" cm="1">
        <f t="array" ref="F2248">IFERROR(INDEX(Jesper!AJ$2:AJ$366,ROUNDDOWN($C2248/24,0)+1,1)*INDEX($D$3:$AA$30,INDEX(Jesper!$R$2:$R$366,ROW(INDEX(Jesper!AJ$2:AJ$366,ROUNDDOWN($C2248/24,0)+1,1))-1)+IF('Standard Profiles'!$G$20=$B$10,7,0)+IF('Standard Profiles'!$G$20=$B$17,14,0)+IF('Standard Profiles'!$G$20=$B$24,21,0),MOD($C2248,24)+1)/SUM(INDEX($D$3:$AA$30,INDEX(Jesper!$R$2:$R$366,ROW(INDEX(Jesper!AJ$2:AJ$366,ROUNDDOWN($C2248/24,0)+1,1))-1)+IF('Standard Profiles'!$G$20=$B$10,7,0)+IF('Standard Profiles'!$G$20=$B$17,14,0)+IF('Standard Profiles'!$G$20=$B$24,21,0),0)),0)</f>
        <v>0</v>
      </c>
      <c r="G2248" cm="1">
        <f t="array" ref="G2248">IFERROR(INDEX(Jesper!AK$2:AK$366,ROUNDDOWN($C2248/24,0)+1,1)*INDEX($D$3:$AA$30,INDEX(Jesper!$R$2:$R$366,ROW(INDEX(Jesper!AK$2:AK$366,ROUNDDOWN($C2248/24,0)+1,1))-1)+IF('Standard Profiles'!$G$21=$B$10,7,0)+IF('Standard Profiles'!$G$21=$B$17,14,0)+IF('Standard Profiles'!$G$21=$B$24,21,0),MOD($C2248,24)+1)/SUM(INDEX($D$3:$AA$30,INDEX(Jesper!$R$2:$R$366,ROW(INDEX(Jesper!AK$2:AK$366,ROUNDDOWN($C2248/24,0)+1,1))-1)+IF('Standard Profiles'!$G$21=$B$10,7,0)+IF('Standard Profiles'!$G$21=$B$17,14,0)+IF('Standard Profiles'!$G$21=$B$24,21,0),0)),0)</f>
        <v>0</v>
      </c>
      <c r="H2248" cm="1">
        <f t="array" ref="H2248">IFERROR(INDEX(Jesper!AL$2:AL$366,ROUNDDOWN($C2248/24,0)+1,1)*INDEX($D$3:$AA$30,INDEX(Jesper!$R$2:$R$366,ROW(INDEX(Jesper!AL$2:AL$366,ROUNDDOWN($C2248/24,0)+1,1))-1)+IF('Standard Profiles'!$G$22=$B$10,7,0)+IF('Standard Profiles'!$G$22=$B$17,14,0)+IF('Standard Profiles'!$G$22=$B$24,21,0),MOD($C2248,24)+1)/SUM(INDEX($D$3:$AA$30,INDEX(Jesper!$R$2:$R$366,ROW(INDEX(Jesper!AL$2:AL$366,ROUNDDOWN($C2248/24,0)+1,1))-1)+IF('Standard Profiles'!$G$22=$B$10,7,0)+IF('Standard Profiles'!$G$22=$B$17,14,0)+IF('Standard Profiles'!$G$22=$B$24,21,0),0)),0)</f>
        <v>0</v>
      </c>
      <c r="I2248">
        <f t="shared" si="258"/>
        <v>0.32609260436101872</v>
      </c>
      <c r="J2248">
        <f t="shared" si="259"/>
        <v>1.0869753478700626</v>
      </c>
      <c r="K2248">
        <f t="shared" si="260"/>
        <v>1.6304630218050937</v>
      </c>
      <c r="L2248">
        <f t="shared" si="261"/>
        <v>7.8262225046644502</v>
      </c>
      <c r="M2248">
        <f t="shared" si="262"/>
        <v>0</v>
      </c>
      <c r="N2248" s="46">
        <f t="shared" si="263"/>
        <v>45384.24999999463</v>
      </c>
    </row>
    <row r="2249" spans="2:14" x14ac:dyDescent="0.3">
      <c r="B2249">
        <f t="shared" si="257"/>
        <v>2</v>
      </c>
      <c r="C2249" s="16">
        <v>2215</v>
      </c>
      <c r="D2249" cm="1">
        <f t="array" ref="D2249">IFERROR(INDEX(Jesper!AH$2:AH$366,ROUNDDOWN($C2249/24,0)+1,1)*INDEX($D$3:$AA$30,INDEX(Jesper!$R$2:$R$366,ROW(INDEX(Jesper!AH$2:AH$366,ROUNDDOWN($C2249/24,0)+1,1))-1)+IF('Standard Profiles'!$G$18=$B$10,7,0)+IF('Standard Profiles'!$G$18=$B$17,14,0)+IF('Standard Profiles'!$G$18=$B$24,21,0),MOD($C2249,24)+1)/SUM(INDEX($D$3:$AA$30,INDEX(Jesper!$R$2:$R$366,ROW(INDEX(Jesper!AH$2:AH$366,ROUNDDOWN($C2249/24,0)+1,1))-1)+IF('Standard Profiles'!$G$18=$B$10,7,0)+IF('Standard Profiles'!$G$18=$B$17,14,0)+IF('Standard Profiles'!$G$18=$B$24,21,0),0)),0)</f>
        <v>11.244572564173062</v>
      </c>
      <c r="E2249" cm="1">
        <f t="array" ref="E2249">IFERROR(INDEX(Jesper!AI$2:AI$366,ROUNDDOWN($C2249/24,0)+1,1)*INDEX($D$3:$AA$30,INDEX(Jesper!$R$2:$R$366,ROW(INDEX(Jesper!AI$2:AI$366,ROUNDDOWN($C2249/24,0)+1,1))-1)+IF('Standard Profiles'!$G$19=$B$10,7,0)+IF('Standard Profiles'!$G$19=$B$17,14,0)+IF('Standard Profiles'!$G$19=$B$24,21,0),MOD($C2249,24)+1)/SUM(INDEX($D$3:$AA$30,INDEX(Jesper!$R$2:$R$366,ROW(INDEX(Jesper!AI$2:AI$366,ROUNDDOWN($C2249/24,0)+1,1))-1)+IF('Standard Profiles'!$G$19=$B$10,7,0)+IF('Standard Profiles'!$G$19=$B$17,14,0)+IF('Standard Profiles'!$G$19=$B$24,21,0),0)),0)</f>
        <v>0</v>
      </c>
      <c r="F2249" cm="1">
        <f t="array" ref="F2249">IFERROR(INDEX(Jesper!AJ$2:AJ$366,ROUNDDOWN($C2249/24,0)+1,1)*INDEX($D$3:$AA$30,INDEX(Jesper!$R$2:$R$366,ROW(INDEX(Jesper!AJ$2:AJ$366,ROUNDDOWN($C2249/24,0)+1,1))-1)+IF('Standard Profiles'!$G$20=$B$10,7,0)+IF('Standard Profiles'!$G$20=$B$17,14,0)+IF('Standard Profiles'!$G$20=$B$24,21,0),MOD($C2249,24)+1)/SUM(INDEX($D$3:$AA$30,INDEX(Jesper!$R$2:$R$366,ROW(INDEX(Jesper!AJ$2:AJ$366,ROUNDDOWN($C2249/24,0)+1,1))-1)+IF('Standard Profiles'!$G$20=$B$10,7,0)+IF('Standard Profiles'!$G$20=$B$17,14,0)+IF('Standard Profiles'!$G$20=$B$24,21,0),0)),0)</f>
        <v>0</v>
      </c>
      <c r="G2249" cm="1">
        <f t="array" ref="G2249">IFERROR(INDEX(Jesper!AK$2:AK$366,ROUNDDOWN($C2249/24,0)+1,1)*INDEX($D$3:$AA$30,INDEX(Jesper!$R$2:$R$366,ROW(INDEX(Jesper!AK$2:AK$366,ROUNDDOWN($C2249/24,0)+1,1))-1)+IF('Standard Profiles'!$G$21=$B$10,7,0)+IF('Standard Profiles'!$G$21=$B$17,14,0)+IF('Standard Profiles'!$G$21=$B$24,21,0),MOD($C2249,24)+1)/SUM(INDEX($D$3:$AA$30,INDEX(Jesper!$R$2:$R$366,ROW(INDEX(Jesper!AK$2:AK$366,ROUNDDOWN($C2249/24,0)+1,1))-1)+IF('Standard Profiles'!$G$21=$B$10,7,0)+IF('Standard Profiles'!$G$21=$B$17,14,0)+IF('Standard Profiles'!$G$21=$B$24,21,0),0)),0)</f>
        <v>0</v>
      </c>
      <c r="H2249" cm="1">
        <f t="array" ref="H2249">IFERROR(INDEX(Jesper!AL$2:AL$366,ROUNDDOWN($C2249/24,0)+1,1)*INDEX($D$3:$AA$30,INDEX(Jesper!$R$2:$R$366,ROW(INDEX(Jesper!AL$2:AL$366,ROUNDDOWN($C2249/24,0)+1,1))-1)+IF('Standard Profiles'!$G$22=$B$10,7,0)+IF('Standard Profiles'!$G$22=$B$17,14,0)+IF('Standard Profiles'!$G$22=$B$24,21,0),MOD($C2249,24)+1)/SUM(INDEX($D$3:$AA$30,INDEX(Jesper!$R$2:$R$366,ROW(INDEX(Jesper!AL$2:AL$366,ROUNDDOWN($C2249/24,0)+1,1))-1)+IF('Standard Profiles'!$G$22=$B$10,7,0)+IF('Standard Profiles'!$G$22=$B$17,14,0)+IF('Standard Profiles'!$G$22=$B$24,21,0),0)),0)</f>
        <v>0</v>
      </c>
      <c r="I2249">
        <f t="shared" si="258"/>
        <v>0.33733717692519183</v>
      </c>
      <c r="J2249">
        <f t="shared" si="259"/>
        <v>1.1244572564173063</v>
      </c>
      <c r="K2249">
        <f t="shared" si="260"/>
        <v>1.6866858846259591</v>
      </c>
      <c r="L2249">
        <f t="shared" si="261"/>
        <v>8.0960922462046039</v>
      </c>
      <c r="M2249">
        <f t="shared" si="262"/>
        <v>0</v>
      </c>
      <c r="N2249" s="46">
        <f t="shared" si="263"/>
        <v>45384.291666661295</v>
      </c>
    </row>
    <row r="2250" spans="2:14" x14ac:dyDescent="0.3">
      <c r="B2250">
        <f t="shared" si="257"/>
        <v>2</v>
      </c>
      <c r="C2250" s="16">
        <v>2216</v>
      </c>
      <c r="D2250" cm="1">
        <f t="array" ref="D2250">IFERROR(INDEX(Jesper!AH$2:AH$366,ROUNDDOWN($C2250/24,0)+1,1)*INDEX($D$3:$AA$30,INDEX(Jesper!$R$2:$R$366,ROW(INDEX(Jesper!AH$2:AH$366,ROUNDDOWN($C2250/24,0)+1,1))-1)+IF('Standard Profiles'!$G$18=$B$10,7,0)+IF('Standard Profiles'!$G$18=$B$17,14,0)+IF('Standard Profiles'!$G$18=$B$24,21,0),MOD($C2250,24)+1)/SUM(INDEX($D$3:$AA$30,INDEX(Jesper!$R$2:$R$366,ROW(INDEX(Jesper!AH$2:AH$366,ROUNDDOWN($C2250/24,0)+1,1))-1)+IF('Standard Profiles'!$G$18=$B$10,7,0)+IF('Standard Profiles'!$G$18=$B$17,14,0)+IF('Standard Profiles'!$G$18=$B$24,21,0),0)),0)</f>
        <v>11.244572564173062</v>
      </c>
      <c r="E2250" cm="1">
        <f t="array" ref="E2250">IFERROR(INDEX(Jesper!AI$2:AI$366,ROUNDDOWN($C2250/24,0)+1,1)*INDEX($D$3:$AA$30,INDEX(Jesper!$R$2:$R$366,ROW(INDEX(Jesper!AI$2:AI$366,ROUNDDOWN($C2250/24,0)+1,1))-1)+IF('Standard Profiles'!$G$19=$B$10,7,0)+IF('Standard Profiles'!$G$19=$B$17,14,0)+IF('Standard Profiles'!$G$19=$B$24,21,0),MOD($C2250,24)+1)/SUM(INDEX($D$3:$AA$30,INDEX(Jesper!$R$2:$R$366,ROW(INDEX(Jesper!AI$2:AI$366,ROUNDDOWN($C2250/24,0)+1,1))-1)+IF('Standard Profiles'!$G$19=$B$10,7,0)+IF('Standard Profiles'!$G$19=$B$17,14,0)+IF('Standard Profiles'!$G$19=$B$24,21,0),0)),0)</f>
        <v>0</v>
      </c>
      <c r="F2250" cm="1">
        <f t="array" ref="F2250">IFERROR(INDEX(Jesper!AJ$2:AJ$366,ROUNDDOWN($C2250/24,0)+1,1)*INDEX($D$3:$AA$30,INDEX(Jesper!$R$2:$R$366,ROW(INDEX(Jesper!AJ$2:AJ$366,ROUNDDOWN($C2250/24,0)+1,1))-1)+IF('Standard Profiles'!$G$20=$B$10,7,0)+IF('Standard Profiles'!$G$20=$B$17,14,0)+IF('Standard Profiles'!$G$20=$B$24,21,0),MOD($C2250,24)+1)/SUM(INDEX($D$3:$AA$30,INDEX(Jesper!$R$2:$R$366,ROW(INDEX(Jesper!AJ$2:AJ$366,ROUNDDOWN($C2250/24,0)+1,1))-1)+IF('Standard Profiles'!$G$20=$B$10,7,0)+IF('Standard Profiles'!$G$20=$B$17,14,0)+IF('Standard Profiles'!$G$20=$B$24,21,0),0)),0)</f>
        <v>0</v>
      </c>
      <c r="G2250" cm="1">
        <f t="array" ref="G2250">IFERROR(INDEX(Jesper!AK$2:AK$366,ROUNDDOWN($C2250/24,0)+1,1)*INDEX($D$3:$AA$30,INDEX(Jesper!$R$2:$R$366,ROW(INDEX(Jesper!AK$2:AK$366,ROUNDDOWN($C2250/24,0)+1,1))-1)+IF('Standard Profiles'!$G$21=$B$10,7,0)+IF('Standard Profiles'!$G$21=$B$17,14,0)+IF('Standard Profiles'!$G$21=$B$24,21,0),MOD($C2250,24)+1)/SUM(INDEX($D$3:$AA$30,INDEX(Jesper!$R$2:$R$366,ROW(INDEX(Jesper!AK$2:AK$366,ROUNDDOWN($C2250/24,0)+1,1))-1)+IF('Standard Profiles'!$G$21=$B$10,7,0)+IF('Standard Profiles'!$G$21=$B$17,14,0)+IF('Standard Profiles'!$G$21=$B$24,21,0),0)),0)</f>
        <v>0</v>
      </c>
      <c r="H2250" cm="1">
        <f t="array" ref="H2250">IFERROR(INDEX(Jesper!AL$2:AL$366,ROUNDDOWN($C2250/24,0)+1,1)*INDEX($D$3:$AA$30,INDEX(Jesper!$R$2:$R$366,ROW(INDEX(Jesper!AL$2:AL$366,ROUNDDOWN($C2250/24,0)+1,1))-1)+IF('Standard Profiles'!$G$22=$B$10,7,0)+IF('Standard Profiles'!$G$22=$B$17,14,0)+IF('Standard Profiles'!$G$22=$B$24,21,0),MOD($C2250,24)+1)/SUM(INDEX($D$3:$AA$30,INDEX(Jesper!$R$2:$R$366,ROW(INDEX(Jesper!AL$2:AL$366,ROUNDDOWN($C2250/24,0)+1,1))-1)+IF('Standard Profiles'!$G$22=$B$10,7,0)+IF('Standard Profiles'!$G$22=$B$17,14,0)+IF('Standard Profiles'!$G$22=$B$24,21,0),0)),0)</f>
        <v>0</v>
      </c>
      <c r="I2250">
        <f t="shared" si="258"/>
        <v>0.33733717692519183</v>
      </c>
      <c r="J2250">
        <f t="shared" si="259"/>
        <v>1.1244572564173063</v>
      </c>
      <c r="K2250">
        <f t="shared" si="260"/>
        <v>1.6866858846259591</v>
      </c>
      <c r="L2250">
        <f t="shared" si="261"/>
        <v>8.0960922462046039</v>
      </c>
      <c r="M2250">
        <f t="shared" si="262"/>
        <v>0</v>
      </c>
      <c r="N2250" s="46">
        <f t="shared" si="263"/>
        <v>45384.333333327959</v>
      </c>
    </row>
    <row r="2251" spans="2:14" x14ac:dyDescent="0.3">
      <c r="B2251">
        <f t="shared" si="257"/>
        <v>2</v>
      </c>
      <c r="C2251" s="16">
        <v>2217</v>
      </c>
      <c r="D2251" cm="1">
        <f t="array" ref="D2251">IFERROR(INDEX(Jesper!AH$2:AH$366,ROUNDDOWN($C2251/24,0)+1,1)*INDEX($D$3:$AA$30,INDEX(Jesper!$R$2:$R$366,ROW(INDEX(Jesper!AH$2:AH$366,ROUNDDOWN($C2251/24,0)+1,1))-1)+IF('Standard Profiles'!$G$18=$B$10,7,0)+IF('Standard Profiles'!$G$18=$B$17,14,0)+IF('Standard Profiles'!$G$18=$B$24,21,0),MOD($C2251,24)+1)/SUM(INDEX($D$3:$AA$30,INDEX(Jesper!$R$2:$R$366,ROW(INDEX(Jesper!AH$2:AH$366,ROUNDDOWN($C2251/24,0)+1,1))-1)+IF('Standard Profiles'!$G$18=$B$10,7,0)+IF('Standard Profiles'!$G$18=$B$17,14,0)+IF('Standard Profiles'!$G$18=$B$24,21,0),0)),0)</f>
        <v>12.181620277854151</v>
      </c>
      <c r="E2251" cm="1">
        <f t="array" ref="E2251">IFERROR(INDEX(Jesper!AI$2:AI$366,ROUNDDOWN($C2251/24,0)+1,1)*INDEX($D$3:$AA$30,INDEX(Jesper!$R$2:$R$366,ROW(INDEX(Jesper!AI$2:AI$366,ROUNDDOWN($C2251/24,0)+1,1))-1)+IF('Standard Profiles'!$G$19=$B$10,7,0)+IF('Standard Profiles'!$G$19=$B$17,14,0)+IF('Standard Profiles'!$G$19=$B$24,21,0),MOD($C2251,24)+1)/SUM(INDEX($D$3:$AA$30,INDEX(Jesper!$R$2:$R$366,ROW(INDEX(Jesper!AI$2:AI$366,ROUNDDOWN($C2251/24,0)+1,1))-1)+IF('Standard Profiles'!$G$19=$B$10,7,0)+IF('Standard Profiles'!$G$19=$B$17,14,0)+IF('Standard Profiles'!$G$19=$B$24,21,0),0)),0)</f>
        <v>0</v>
      </c>
      <c r="F2251" cm="1">
        <f t="array" ref="F2251">IFERROR(INDEX(Jesper!AJ$2:AJ$366,ROUNDDOWN($C2251/24,0)+1,1)*INDEX($D$3:$AA$30,INDEX(Jesper!$R$2:$R$366,ROW(INDEX(Jesper!AJ$2:AJ$366,ROUNDDOWN($C2251/24,0)+1,1))-1)+IF('Standard Profiles'!$G$20=$B$10,7,0)+IF('Standard Profiles'!$G$20=$B$17,14,0)+IF('Standard Profiles'!$G$20=$B$24,21,0),MOD($C2251,24)+1)/SUM(INDEX($D$3:$AA$30,INDEX(Jesper!$R$2:$R$366,ROW(INDEX(Jesper!AJ$2:AJ$366,ROUNDDOWN($C2251/24,0)+1,1))-1)+IF('Standard Profiles'!$G$20=$B$10,7,0)+IF('Standard Profiles'!$G$20=$B$17,14,0)+IF('Standard Profiles'!$G$20=$B$24,21,0),0)),0)</f>
        <v>0</v>
      </c>
      <c r="G2251" cm="1">
        <f t="array" ref="G2251">IFERROR(INDEX(Jesper!AK$2:AK$366,ROUNDDOWN($C2251/24,0)+1,1)*INDEX($D$3:$AA$30,INDEX(Jesper!$R$2:$R$366,ROW(INDEX(Jesper!AK$2:AK$366,ROUNDDOWN($C2251/24,0)+1,1))-1)+IF('Standard Profiles'!$G$21=$B$10,7,0)+IF('Standard Profiles'!$G$21=$B$17,14,0)+IF('Standard Profiles'!$G$21=$B$24,21,0),MOD($C2251,24)+1)/SUM(INDEX($D$3:$AA$30,INDEX(Jesper!$R$2:$R$366,ROW(INDEX(Jesper!AK$2:AK$366,ROUNDDOWN($C2251/24,0)+1,1))-1)+IF('Standard Profiles'!$G$21=$B$10,7,0)+IF('Standard Profiles'!$G$21=$B$17,14,0)+IF('Standard Profiles'!$G$21=$B$24,21,0),0)),0)</f>
        <v>0</v>
      </c>
      <c r="H2251" cm="1">
        <f t="array" ref="H2251">IFERROR(INDEX(Jesper!AL$2:AL$366,ROUNDDOWN($C2251/24,0)+1,1)*INDEX($D$3:$AA$30,INDEX(Jesper!$R$2:$R$366,ROW(INDEX(Jesper!AL$2:AL$366,ROUNDDOWN($C2251/24,0)+1,1))-1)+IF('Standard Profiles'!$G$22=$B$10,7,0)+IF('Standard Profiles'!$G$22=$B$17,14,0)+IF('Standard Profiles'!$G$22=$B$24,21,0),MOD($C2251,24)+1)/SUM(INDEX($D$3:$AA$30,INDEX(Jesper!$R$2:$R$366,ROW(INDEX(Jesper!AL$2:AL$366,ROUNDDOWN($C2251/24,0)+1,1))-1)+IF('Standard Profiles'!$G$22=$B$10,7,0)+IF('Standard Profiles'!$G$22=$B$17,14,0)+IF('Standard Profiles'!$G$22=$B$24,21,0),0)),0)</f>
        <v>0</v>
      </c>
      <c r="I2251">
        <f t="shared" si="258"/>
        <v>0.36544860833562454</v>
      </c>
      <c r="J2251">
        <f t="shared" si="259"/>
        <v>1.2181620277854153</v>
      </c>
      <c r="K2251">
        <f t="shared" si="260"/>
        <v>1.8272430416781225</v>
      </c>
      <c r="L2251">
        <f t="shared" si="261"/>
        <v>8.7707666000549889</v>
      </c>
      <c r="M2251">
        <f t="shared" si="262"/>
        <v>0</v>
      </c>
      <c r="N2251" s="46">
        <f t="shared" si="263"/>
        <v>45384.374999994623</v>
      </c>
    </row>
    <row r="2252" spans="2:14" x14ac:dyDescent="0.3">
      <c r="B2252">
        <f t="shared" si="257"/>
        <v>2</v>
      </c>
      <c r="C2252" s="16">
        <v>2218</v>
      </c>
      <c r="D2252" cm="1">
        <f t="array" ref="D2252">IFERROR(INDEX(Jesper!AH$2:AH$366,ROUNDDOWN($C2252/24,0)+1,1)*INDEX($D$3:$AA$30,INDEX(Jesper!$R$2:$R$366,ROW(INDEX(Jesper!AH$2:AH$366,ROUNDDOWN($C2252/24,0)+1,1))-1)+IF('Standard Profiles'!$G$18=$B$10,7,0)+IF('Standard Profiles'!$G$18=$B$17,14,0)+IF('Standard Profiles'!$G$18=$B$24,21,0),MOD($C2252,24)+1)/SUM(INDEX($D$3:$AA$30,INDEX(Jesper!$R$2:$R$366,ROW(INDEX(Jesper!AH$2:AH$366,ROUNDDOWN($C2252/24,0)+1,1))-1)+IF('Standard Profiles'!$G$18=$B$10,7,0)+IF('Standard Profiles'!$G$18=$B$17,14,0)+IF('Standard Profiles'!$G$18=$B$24,21,0),0)),0)</f>
        <v>12.743848906062803</v>
      </c>
      <c r="E2252" cm="1">
        <f t="array" ref="E2252">IFERROR(INDEX(Jesper!AI$2:AI$366,ROUNDDOWN($C2252/24,0)+1,1)*INDEX($D$3:$AA$30,INDEX(Jesper!$R$2:$R$366,ROW(INDEX(Jesper!AI$2:AI$366,ROUNDDOWN($C2252/24,0)+1,1))-1)+IF('Standard Profiles'!$G$19=$B$10,7,0)+IF('Standard Profiles'!$G$19=$B$17,14,0)+IF('Standard Profiles'!$G$19=$B$24,21,0),MOD($C2252,24)+1)/SUM(INDEX($D$3:$AA$30,INDEX(Jesper!$R$2:$R$366,ROW(INDEX(Jesper!AI$2:AI$366,ROUNDDOWN($C2252/24,0)+1,1))-1)+IF('Standard Profiles'!$G$19=$B$10,7,0)+IF('Standard Profiles'!$G$19=$B$17,14,0)+IF('Standard Profiles'!$G$19=$B$24,21,0),0)),0)</f>
        <v>0</v>
      </c>
      <c r="F2252" cm="1">
        <f t="array" ref="F2252">IFERROR(INDEX(Jesper!AJ$2:AJ$366,ROUNDDOWN($C2252/24,0)+1,1)*INDEX($D$3:$AA$30,INDEX(Jesper!$R$2:$R$366,ROW(INDEX(Jesper!AJ$2:AJ$366,ROUNDDOWN($C2252/24,0)+1,1))-1)+IF('Standard Profiles'!$G$20=$B$10,7,0)+IF('Standard Profiles'!$G$20=$B$17,14,0)+IF('Standard Profiles'!$G$20=$B$24,21,0),MOD($C2252,24)+1)/SUM(INDEX($D$3:$AA$30,INDEX(Jesper!$R$2:$R$366,ROW(INDEX(Jesper!AJ$2:AJ$366,ROUNDDOWN($C2252/24,0)+1,1))-1)+IF('Standard Profiles'!$G$20=$B$10,7,0)+IF('Standard Profiles'!$G$20=$B$17,14,0)+IF('Standard Profiles'!$G$20=$B$24,21,0),0)),0)</f>
        <v>0</v>
      </c>
      <c r="G2252" cm="1">
        <f t="array" ref="G2252">IFERROR(INDEX(Jesper!AK$2:AK$366,ROUNDDOWN($C2252/24,0)+1,1)*INDEX($D$3:$AA$30,INDEX(Jesper!$R$2:$R$366,ROW(INDEX(Jesper!AK$2:AK$366,ROUNDDOWN($C2252/24,0)+1,1))-1)+IF('Standard Profiles'!$G$21=$B$10,7,0)+IF('Standard Profiles'!$G$21=$B$17,14,0)+IF('Standard Profiles'!$G$21=$B$24,21,0),MOD($C2252,24)+1)/SUM(INDEX($D$3:$AA$30,INDEX(Jesper!$R$2:$R$366,ROW(INDEX(Jesper!AK$2:AK$366,ROUNDDOWN($C2252/24,0)+1,1))-1)+IF('Standard Profiles'!$G$21=$B$10,7,0)+IF('Standard Profiles'!$G$21=$B$17,14,0)+IF('Standard Profiles'!$G$21=$B$24,21,0),0)),0)</f>
        <v>0</v>
      </c>
      <c r="H2252" cm="1">
        <f t="array" ref="H2252">IFERROR(INDEX(Jesper!AL$2:AL$366,ROUNDDOWN($C2252/24,0)+1,1)*INDEX($D$3:$AA$30,INDEX(Jesper!$R$2:$R$366,ROW(INDEX(Jesper!AL$2:AL$366,ROUNDDOWN($C2252/24,0)+1,1))-1)+IF('Standard Profiles'!$G$22=$B$10,7,0)+IF('Standard Profiles'!$G$22=$B$17,14,0)+IF('Standard Profiles'!$G$22=$B$24,21,0),MOD($C2252,24)+1)/SUM(INDEX($D$3:$AA$30,INDEX(Jesper!$R$2:$R$366,ROW(INDEX(Jesper!AL$2:AL$366,ROUNDDOWN($C2252/24,0)+1,1))-1)+IF('Standard Profiles'!$G$22=$B$10,7,0)+IF('Standard Profiles'!$G$22=$B$17,14,0)+IF('Standard Profiles'!$G$22=$B$24,21,0),0)),0)</f>
        <v>0</v>
      </c>
      <c r="I2252">
        <f t="shared" si="258"/>
        <v>0.38231546718188408</v>
      </c>
      <c r="J2252">
        <f t="shared" si="259"/>
        <v>1.2743848906062805</v>
      </c>
      <c r="K2252">
        <f t="shared" si="260"/>
        <v>1.9115773359094204</v>
      </c>
      <c r="L2252">
        <f t="shared" si="261"/>
        <v>9.1755712123652184</v>
      </c>
      <c r="M2252">
        <f t="shared" si="262"/>
        <v>0</v>
      </c>
      <c r="N2252" s="46">
        <f t="shared" si="263"/>
        <v>45384.416666661287</v>
      </c>
    </row>
    <row r="2253" spans="2:14" x14ac:dyDescent="0.3">
      <c r="B2253">
        <f t="shared" si="257"/>
        <v>2</v>
      </c>
      <c r="C2253" s="16">
        <v>2219</v>
      </c>
      <c r="D2253" cm="1">
        <f t="array" ref="D2253">IFERROR(INDEX(Jesper!AH$2:AH$366,ROUNDDOWN($C2253/24,0)+1,1)*INDEX($D$3:$AA$30,INDEX(Jesper!$R$2:$R$366,ROW(INDEX(Jesper!AH$2:AH$366,ROUNDDOWN($C2253/24,0)+1,1))-1)+IF('Standard Profiles'!$G$18=$B$10,7,0)+IF('Standard Profiles'!$G$18=$B$17,14,0)+IF('Standard Profiles'!$G$18=$B$24,21,0),MOD($C2253,24)+1)/SUM(INDEX($D$3:$AA$30,INDEX(Jesper!$R$2:$R$366,ROW(INDEX(Jesper!AH$2:AH$366,ROUNDDOWN($C2253/24,0)+1,1))-1)+IF('Standard Profiles'!$G$18=$B$10,7,0)+IF('Standard Profiles'!$G$18=$B$17,14,0)+IF('Standard Profiles'!$G$18=$B$24,21,0),0)),0)</f>
        <v>14.992763418897416</v>
      </c>
      <c r="E2253" cm="1">
        <f t="array" ref="E2253">IFERROR(INDEX(Jesper!AI$2:AI$366,ROUNDDOWN($C2253/24,0)+1,1)*INDEX($D$3:$AA$30,INDEX(Jesper!$R$2:$R$366,ROW(INDEX(Jesper!AI$2:AI$366,ROUNDDOWN($C2253/24,0)+1,1))-1)+IF('Standard Profiles'!$G$19=$B$10,7,0)+IF('Standard Profiles'!$G$19=$B$17,14,0)+IF('Standard Profiles'!$G$19=$B$24,21,0),MOD($C2253,24)+1)/SUM(INDEX($D$3:$AA$30,INDEX(Jesper!$R$2:$R$366,ROW(INDEX(Jesper!AI$2:AI$366,ROUNDDOWN($C2253/24,0)+1,1))-1)+IF('Standard Profiles'!$G$19=$B$10,7,0)+IF('Standard Profiles'!$G$19=$B$17,14,0)+IF('Standard Profiles'!$G$19=$B$24,21,0),0)),0)</f>
        <v>0</v>
      </c>
      <c r="F2253" cm="1">
        <f t="array" ref="F2253">IFERROR(INDEX(Jesper!AJ$2:AJ$366,ROUNDDOWN($C2253/24,0)+1,1)*INDEX($D$3:$AA$30,INDEX(Jesper!$R$2:$R$366,ROW(INDEX(Jesper!AJ$2:AJ$366,ROUNDDOWN($C2253/24,0)+1,1))-1)+IF('Standard Profiles'!$G$20=$B$10,7,0)+IF('Standard Profiles'!$G$20=$B$17,14,0)+IF('Standard Profiles'!$G$20=$B$24,21,0),MOD($C2253,24)+1)/SUM(INDEX($D$3:$AA$30,INDEX(Jesper!$R$2:$R$366,ROW(INDEX(Jesper!AJ$2:AJ$366,ROUNDDOWN($C2253/24,0)+1,1))-1)+IF('Standard Profiles'!$G$20=$B$10,7,0)+IF('Standard Profiles'!$G$20=$B$17,14,0)+IF('Standard Profiles'!$G$20=$B$24,21,0),0)),0)</f>
        <v>0</v>
      </c>
      <c r="G2253" cm="1">
        <f t="array" ref="G2253">IFERROR(INDEX(Jesper!AK$2:AK$366,ROUNDDOWN($C2253/24,0)+1,1)*INDEX($D$3:$AA$30,INDEX(Jesper!$R$2:$R$366,ROW(INDEX(Jesper!AK$2:AK$366,ROUNDDOWN($C2253/24,0)+1,1))-1)+IF('Standard Profiles'!$G$21=$B$10,7,0)+IF('Standard Profiles'!$G$21=$B$17,14,0)+IF('Standard Profiles'!$G$21=$B$24,21,0),MOD($C2253,24)+1)/SUM(INDEX($D$3:$AA$30,INDEX(Jesper!$R$2:$R$366,ROW(INDEX(Jesper!AK$2:AK$366,ROUNDDOWN($C2253/24,0)+1,1))-1)+IF('Standard Profiles'!$G$21=$B$10,7,0)+IF('Standard Profiles'!$G$21=$B$17,14,0)+IF('Standard Profiles'!$G$21=$B$24,21,0),0)),0)</f>
        <v>0</v>
      </c>
      <c r="H2253" cm="1">
        <f t="array" ref="H2253">IFERROR(INDEX(Jesper!AL$2:AL$366,ROUNDDOWN($C2253/24,0)+1,1)*INDEX($D$3:$AA$30,INDEX(Jesper!$R$2:$R$366,ROW(INDEX(Jesper!AL$2:AL$366,ROUNDDOWN($C2253/24,0)+1,1))-1)+IF('Standard Profiles'!$G$22=$B$10,7,0)+IF('Standard Profiles'!$G$22=$B$17,14,0)+IF('Standard Profiles'!$G$22=$B$24,21,0),MOD($C2253,24)+1)/SUM(INDEX($D$3:$AA$30,INDEX(Jesper!$R$2:$R$366,ROW(INDEX(Jesper!AL$2:AL$366,ROUNDDOWN($C2253/24,0)+1,1))-1)+IF('Standard Profiles'!$G$22=$B$10,7,0)+IF('Standard Profiles'!$G$22=$B$17,14,0)+IF('Standard Profiles'!$G$22=$B$24,21,0),0)),0)</f>
        <v>0</v>
      </c>
      <c r="I2253">
        <f t="shared" si="258"/>
        <v>0.44978290256692249</v>
      </c>
      <c r="J2253">
        <f t="shared" si="259"/>
        <v>1.4992763418897417</v>
      </c>
      <c r="K2253">
        <f t="shared" si="260"/>
        <v>2.2489145128346122</v>
      </c>
      <c r="L2253">
        <f t="shared" si="261"/>
        <v>10.794789661606139</v>
      </c>
      <c r="M2253">
        <f t="shared" si="262"/>
        <v>0</v>
      </c>
      <c r="N2253" s="46">
        <f t="shared" si="263"/>
        <v>45384.458333327952</v>
      </c>
    </row>
    <row r="2254" spans="2:14" x14ac:dyDescent="0.3">
      <c r="B2254">
        <f t="shared" si="257"/>
        <v>2</v>
      </c>
      <c r="C2254" s="16">
        <v>2220</v>
      </c>
      <c r="D2254" cm="1">
        <f t="array" ref="D2254">IFERROR(INDEX(Jesper!AH$2:AH$366,ROUNDDOWN($C2254/24,0)+1,1)*INDEX($D$3:$AA$30,INDEX(Jesper!$R$2:$R$366,ROW(INDEX(Jesper!AH$2:AH$366,ROUNDDOWN($C2254/24,0)+1,1))-1)+IF('Standard Profiles'!$G$18=$B$10,7,0)+IF('Standard Profiles'!$G$18=$B$17,14,0)+IF('Standard Profiles'!$G$18=$B$24,21,0),MOD($C2254,24)+1)/SUM(INDEX($D$3:$AA$30,INDEX(Jesper!$R$2:$R$366,ROW(INDEX(Jesper!AH$2:AH$366,ROUNDDOWN($C2254/24,0)+1,1))-1)+IF('Standard Profiles'!$G$18=$B$10,7,0)+IF('Standard Profiles'!$G$18=$B$17,14,0)+IF('Standard Profiles'!$G$18=$B$24,21,0),0)),0)</f>
        <v>14.992763418897416</v>
      </c>
      <c r="E2254" cm="1">
        <f t="array" ref="E2254">IFERROR(INDEX(Jesper!AI$2:AI$366,ROUNDDOWN($C2254/24,0)+1,1)*INDEX($D$3:$AA$30,INDEX(Jesper!$R$2:$R$366,ROW(INDEX(Jesper!AI$2:AI$366,ROUNDDOWN($C2254/24,0)+1,1))-1)+IF('Standard Profiles'!$G$19=$B$10,7,0)+IF('Standard Profiles'!$G$19=$B$17,14,0)+IF('Standard Profiles'!$G$19=$B$24,21,0),MOD($C2254,24)+1)/SUM(INDEX($D$3:$AA$30,INDEX(Jesper!$R$2:$R$366,ROW(INDEX(Jesper!AI$2:AI$366,ROUNDDOWN($C2254/24,0)+1,1))-1)+IF('Standard Profiles'!$G$19=$B$10,7,0)+IF('Standard Profiles'!$G$19=$B$17,14,0)+IF('Standard Profiles'!$G$19=$B$24,21,0),0)),0)</f>
        <v>0</v>
      </c>
      <c r="F2254" cm="1">
        <f t="array" ref="F2254">IFERROR(INDEX(Jesper!AJ$2:AJ$366,ROUNDDOWN($C2254/24,0)+1,1)*INDEX($D$3:$AA$30,INDEX(Jesper!$R$2:$R$366,ROW(INDEX(Jesper!AJ$2:AJ$366,ROUNDDOWN($C2254/24,0)+1,1))-1)+IF('Standard Profiles'!$G$20=$B$10,7,0)+IF('Standard Profiles'!$G$20=$B$17,14,0)+IF('Standard Profiles'!$G$20=$B$24,21,0),MOD($C2254,24)+1)/SUM(INDEX($D$3:$AA$30,INDEX(Jesper!$R$2:$R$366,ROW(INDEX(Jesper!AJ$2:AJ$366,ROUNDDOWN($C2254/24,0)+1,1))-1)+IF('Standard Profiles'!$G$20=$B$10,7,0)+IF('Standard Profiles'!$G$20=$B$17,14,0)+IF('Standard Profiles'!$G$20=$B$24,21,0),0)),0)</f>
        <v>0</v>
      </c>
      <c r="G2254" cm="1">
        <f t="array" ref="G2254">IFERROR(INDEX(Jesper!AK$2:AK$366,ROUNDDOWN($C2254/24,0)+1,1)*INDEX($D$3:$AA$30,INDEX(Jesper!$R$2:$R$366,ROW(INDEX(Jesper!AK$2:AK$366,ROUNDDOWN($C2254/24,0)+1,1))-1)+IF('Standard Profiles'!$G$21=$B$10,7,0)+IF('Standard Profiles'!$G$21=$B$17,14,0)+IF('Standard Profiles'!$G$21=$B$24,21,0),MOD($C2254,24)+1)/SUM(INDEX($D$3:$AA$30,INDEX(Jesper!$R$2:$R$366,ROW(INDEX(Jesper!AK$2:AK$366,ROUNDDOWN($C2254/24,0)+1,1))-1)+IF('Standard Profiles'!$G$21=$B$10,7,0)+IF('Standard Profiles'!$G$21=$B$17,14,0)+IF('Standard Profiles'!$G$21=$B$24,21,0),0)),0)</f>
        <v>0</v>
      </c>
      <c r="H2254" cm="1">
        <f t="array" ref="H2254">IFERROR(INDEX(Jesper!AL$2:AL$366,ROUNDDOWN($C2254/24,0)+1,1)*INDEX($D$3:$AA$30,INDEX(Jesper!$R$2:$R$366,ROW(INDEX(Jesper!AL$2:AL$366,ROUNDDOWN($C2254/24,0)+1,1))-1)+IF('Standard Profiles'!$G$22=$B$10,7,0)+IF('Standard Profiles'!$G$22=$B$17,14,0)+IF('Standard Profiles'!$G$22=$B$24,21,0),MOD($C2254,24)+1)/SUM(INDEX($D$3:$AA$30,INDEX(Jesper!$R$2:$R$366,ROW(INDEX(Jesper!AL$2:AL$366,ROUNDDOWN($C2254/24,0)+1,1))-1)+IF('Standard Profiles'!$G$22=$B$10,7,0)+IF('Standard Profiles'!$G$22=$B$17,14,0)+IF('Standard Profiles'!$G$22=$B$24,21,0),0)),0)</f>
        <v>0</v>
      </c>
      <c r="I2254">
        <f t="shared" si="258"/>
        <v>0.44978290256692249</v>
      </c>
      <c r="J2254">
        <f t="shared" si="259"/>
        <v>1.4992763418897417</v>
      </c>
      <c r="K2254">
        <f t="shared" si="260"/>
        <v>2.2489145128346122</v>
      </c>
      <c r="L2254">
        <f t="shared" si="261"/>
        <v>10.794789661606139</v>
      </c>
      <c r="M2254">
        <f t="shared" si="262"/>
        <v>0</v>
      </c>
      <c r="N2254" s="46">
        <f t="shared" si="263"/>
        <v>45384.499999994616</v>
      </c>
    </row>
    <row r="2255" spans="2:14" x14ac:dyDescent="0.3">
      <c r="B2255">
        <f t="shared" si="257"/>
        <v>2</v>
      </c>
      <c r="C2255" s="16">
        <v>2221</v>
      </c>
      <c r="D2255" cm="1">
        <f t="array" ref="D2255">IFERROR(INDEX(Jesper!AH$2:AH$366,ROUNDDOWN($C2255/24,0)+1,1)*INDEX($D$3:$AA$30,INDEX(Jesper!$R$2:$R$366,ROW(INDEX(Jesper!AH$2:AH$366,ROUNDDOWN($C2255/24,0)+1,1))-1)+IF('Standard Profiles'!$G$18=$B$10,7,0)+IF('Standard Profiles'!$G$18=$B$17,14,0)+IF('Standard Profiles'!$G$18=$B$24,21,0),MOD($C2255,24)+1)/SUM(INDEX($D$3:$AA$30,INDEX(Jesper!$R$2:$R$366,ROW(INDEX(Jesper!AH$2:AH$366,ROUNDDOWN($C2255/24,0)+1,1))-1)+IF('Standard Profiles'!$G$18=$B$10,7,0)+IF('Standard Profiles'!$G$18=$B$17,14,0)+IF('Standard Profiles'!$G$18=$B$24,21,0),0)),0)</f>
        <v>14.992763418897416</v>
      </c>
      <c r="E2255" cm="1">
        <f t="array" ref="E2255">IFERROR(INDEX(Jesper!AI$2:AI$366,ROUNDDOWN($C2255/24,0)+1,1)*INDEX($D$3:$AA$30,INDEX(Jesper!$R$2:$R$366,ROW(INDEX(Jesper!AI$2:AI$366,ROUNDDOWN($C2255/24,0)+1,1))-1)+IF('Standard Profiles'!$G$19=$B$10,7,0)+IF('Standard Profiles'!$G$19=$B$17,14,0)+IF('Standard Profiles'!$G$19=$B$24,21,0),MOD($C2255,24)+1)/SUM(INDEX($D$3:$AA$30,INDEX(Jesper!$R$2:$R$366,ROW(INDEX(Jesper!AI$2:AI$366,ROUNDDOWN($C2255/24,0)+1,1))-1)+IF('Standard Profiles'!$G$19=$B$10,7,0)+IF('Standard Profiles'!$G$19=$B$17,14,0)+IF('Standard Profiles'!$G$19=$B$24,21,0),0)),0)</f>
        <v>0</v>
      </c>
      <c r="F2255" cm="1">
        <f t="array" ref="F2255">IFERROR(INDEX(Jesper!AJ$2:AJ$366,ROUNDDOWN($C2255/24,0)+1,1)*INDEX($D$3:$AA$30,INDEX(Jesper!$R$2:$R$366,ROW(INDEX(Jesper!AJ$2:AJ$366,ROUNDDOWN($C2255/24,0)+1,1))-1)+IF('Standard Profiles'!$G$20=$B$10,7,0)+IF('Standard Profiles'!$G$20=$B$17,14,0)+IF('Standard Profiles'!$G$20=$B$24,21,0),MOD($C2255,24)+1)/SUM(INDEX($D$3:$AA$30,INDEX(Jesper!$R$2:$R$366,ROW(INDEX(Jesper!AJ$2:AJ$366,ROUNDDOWN($C2255/24,0)+1,1))-1)+IF('Standard Profiles'!$G$20=$B$10,7,0)+IF('Standard Profiles'!$G$20=$B$17,14,0)+IF('Standard Profiles'!$G$20=$B$24,21,0),0)),0)</f>
        <v>0</v>
      </c>
      <c r="G2255" cm="1">
        <f t="array" ref="G2255">IFERROR(INDEX(Jesper!AK$2:AK$366,ROUNDDOWN($C2255/24,0)+1,1)*INDEX($D$3:$AA$30,INDEX(Jesper!$R$2:$R$366,ROW(INDEX(Jesper!AK$2:AK$366,ROUNDDOWN($C2255/24,0)+1,1))-1)+IF('Standard Profiles'!$G$21=$B$10,7,0)+IF('Standard Profiles'!$G$21=$B$17,14,0)+IF('Standard Profiles'!$G$21=$B$24,21,0),MOD($C2255,24)+1)/SUM(INDEX($D$3:$AA$30,INDEX(Jesper!$R$2:$R$366,ROW(INDEX(Jesper!AK$2:AK$366,ROUNDDOWN($C2255/24,0)+1,1))-1)+IF('Standard Profiles'!$G$21=$B$10,7,0)+IF('Standard Profiles'!$G$21=$B$17,14,0)+IF('Standard Profiles'!$G$21=$B$24,21,0),0)),0)</f>
        <v>0</v>
      </c>
      <c r="H2255" cm="1">
        <f t="array" ref="H2255">IFERROR(INDEX(Jesper!AL$2:AL$366,ROUNDDOWN($C2255/24,0)+1,1)*INDEX($D$3:$AA$30,INDEX(Jesper!$R$2:$R$366,ROW(INDEX(Jesper!AL$2:AL$366,ROUNDDOWN($C2255/24,0)+1,1))-1)+IF('Standard Profiles'!$G$22=$B$10,7,0)+IF('Standard Profiles'!$G$22=$B$17,14,0)+IF('Standard Profiles'!$G$22=$B$24,21,0),MOD($C2255,24)+1)/SUM(INDEX($D$3:$AA$30,INDEX(Jesper!$R$2:$R$366,ROW(INDEX(Jesper!AL$2:AL$366,ROUNDDOWN($C2255/24,0)+1,1))-1)+IF('Standard Profiles'!$G$22=$B$10,7,0)+IF('Standard Profiles'!$G$22=$B$17,14,0)+IF('Standard Profiles'!$G$22=$B$24,21,0),0)),0)</f>
        <v>0</v>
      </c>
      <c r="I2255">
        <f t="shared" si="258"/>
        <v>0.44978290256692249</v>
      </c>
      <c r="J2255">
        <f t="shared" si="259"/>
        <v>1.4992763418897417</v>
      </c>
      <c r="K2255">
        <f t="shared" si="260"/>
        <v>2.2489145128346122</v>
      </c>
      <c r="L2255">
        <f t="shared" si="261"/>
        <v>10.794789661606139</v>
      </c>
      <c r="M2255">
        <f t="shared" si="262"/>
        <v>0</v>
      </c>
      <c r="N2255" s="46">
        <f t="shared" si="263"/>
        <v>45384.54166666128</v>
      </c>
    </row>
    <row r="2256" spans="2:14" x14ac:dyDescent="0.3">
      <c r="B2256">
        <f t="shared" si="257"/>
        <v>2</v>
      </c>
      <c r="C2256" s="16">
        <v>2222</v>
      </c>
      <c r="D2256" cm="1">
        <f t="array" ref="D2256">IFERROR(INDEX(Jesper!AH$2:AH$366,ROUNDDOWN($C2256/24,0)+1,1)*INDEX($D$3:$AA$30,INDEX(Jesper!$R$2:$R$366,ROW(INDEX(Jesper!AH$2:AH$366,ROUNDDOWN($C2256/24,0)+1,1))-1)+IF('Standard Profiles'!$G$18=$B$10,7,0)+IF('Standard Profiles'!$G$18=$B$17,14,0)+IF('Standard Profiles'!$G$18=$B$24,21,0),MOD($C2256,24)+1)/SUM(INDEX($D$3:$AA$30,INDEX(Jesper!$R$2:$R$366,ROW(INDEX(Jesper!AH$2:AH$366,ROUNDDOWN($C2256/24,0)+1,1))-1)+IF('Standard Profiles'!$G$18=$B$10,7,0)+IF('Standard Profiles'!$G$18=$B$17,14,0)+IF('Standard Profiles'!$G$18=$B$24,21,0),0)),0)</f>
        <v>14.992763418897416</v>
      </c>
      <c r="E2256" cm="1">
        <f t="array" ref="E2256">IFERROR(INDEX(Jesper!AI$2:AI$366,ROUNDDOWN($C2256/24,0)+1,1)*INDEX($D$3:$AA$30,INDEX(Jesper!$R$2:$R$366,ROW(INDEX(Jesper!AI$2:AI$366,ROUNDDOWN($C2256/24,0)+1,1))-1)+IF('Standard Profiles'!$G$19=$B$10,7,0)+IF('Standard Profiles'!$G$19=$B$17,14,0)+IF('Standard Profiles'!$G$19=$B$24,21,0),MOD($C2256,24)+1)/SUM(INDEX($D$3:$AA$30,INDEX(Jesper!$R$2:$R$366,ROW(INDEX(Jesper!AI$2:AI$366,ROUNDDOWN($C2256/24,0)+1,1))-1)+IF('Standard Profiles'!$G$19=$B$10,7,0)+IF('Standard Profiles'!$G$19=$B$17,14,0)+IF('Standard Profiles'!$G$19=$B$24,21,0),0)),0)</f>
        <v>0</v>
      </c>
      <c r="F2256" cm="1">
        <f t="array" ref="F2256">IFERROR(INDEX(Jesper!AJ$2:AJ$366,ROUNDDOWN($C2256/24,0)+1,1)*INDEX($D$3:$AA$30,INDEX(Jesper!$R$2:$R$366,ROW(INDEX(Jesper!AJ$2:AJ$366,ROUNDDOWN($C2256/24,0)+1,1))-1)+IF('Standard Profiles'!$G$20=$B$10,7,0)+IF('Standard Profiles'!$G$20=$B$17,14,0)+IF('Standard Profiles'!$G$20=$B$24,21,0),MOD($C2256,24)+1)/SUM(INDEX($D$3:$AA$30,INDEX(Jesper!$R$2:$R$366,ROW(INDEX(Jesper!AJ$2:AJ$366,ROUNDDOWN($C2256/24,0)+1,1))-1)+IF('Standard Profiles'!$G$20=$B$10,7,0)+IF('Standard Profiles'!$G$20=$B$17,14,0)+IF('Standard Profiles'!$G$20=$B$24,21,0),0)),0)</f>
        <v>0</v>
      </c>
      <c r="G2256" cm="1">
        <f t="array" ref="G2256">IFERROR(INDEX(Jesper!AK$2:AK$366,ROUNDDOWN($C2256/24,0)+1,1)*INDEX($D$3:$AA$30,INDEX(Jesper!$R$2:$R$366,ROW(INDEX(Jesper!AK$2:AK$366,ROUNDDOWN($C2256/24,0)+1,1))-1)+IF('Standard Profiles'!$G$21=$B$10,7,0)+IF('Standard Profiles'!$G$21=$B$17,14,0)+IF('Standard Profiles'!$G$21=$B$24,21,0),MOD($C2256,24)+1)/SUM(INDEX($D$3:$AA$30,INDEX(Jesper!$R$2:$R$366,ROW(INDEX(Jesper!AK$2:AK$366,ROUNDDOWN($C2256/24,0)+1,1))-1)+IF('Standard Profiles'!$G$21=$B$10,7,0)+IF('Standard Profiles'!$G$21=$B$17,14,0)+IF('Standard Profiles'!$G$21=$B$24,21,0),0)),0)</f>
        <v>0</v>
      </c>
      <c r="H2256" cm="1">
        <f t="array" ref="H2256">IFERROR(INDEX(Jesper!AL$2:AL$366,ROUNDDOWN($C2256/24,0)+1,1)*INDEX($D$3:$AA$30,INDEX(Jesper!$R$2:$R$366,ROW(INDEX(Jesper!AL$2:AL$366,ROUNDDOWN($C2256/24,0)+1,1))-1)+IF('Standard Profiles'!$G$22=$B$10,7,0)+IF('Standard Profiles'!$G$22=$B$17,14,0)+IF('Standard Profiles'!$G$22=$B$24,21,0),MOD($C2256,24)+1)/SUM(INDEX($D$3:$AA$30,INDEX(Jesper!$R$2:$R$366,ROW(INDEX(Jesper!AL$2:AL$366,ROUNDDOWN($C2256/24,0)+1,1))-1)+IF('Standard Profiles'!$G$22=$B$10,7,0)+IF('Standard Profiles'!$G$22=$B$17,14,0)+IF('Standard Profiles'!$G$22=$B$24,21,0),0)),0)</f>
        <v>0</v>
      </c>
      <c r="I2256">
        <f t="shared" si="258"/>
        <v>0.44978290256692249</v>
      </c>
      <c r="J2256">
        <f t="shared" si="259"/>
        <v>1.4992763418897417</v>
      </c>
      <c r="K2256">
        <f t="shared" si="260"/>
        <v>2.2489145128346122</v>
      </c>
      <c r="L2256">
        <f t="shared" si="261"/>
        <v>10.794789661606139</v>
      </c>
      <c r="M2256">
        <f t="shared" si="262"/>
        <v>0</v>
      </c>
      <c r="N2256" s="46">
        <f t="shared" si="263"/>
        <v>45384.583333327944</v>
      </c>
    </row>
    <row r="2257" spans="2:14" x14ac:dyDescent="0.3">
      <c r="B2257">
        <f t="shared" si="257"/>
        <v>2</v>
      </c>
      <c r="C2257" s="16">
        <v>2223</v>
      </c>
      <c r="D2257" cm="1">
        <f t="array" ref="D2257">IFERROR(INDEX(Jesper!AH$2:AH$366,ROUNDDOWN($C2257/24,0)+1,1)*INDEX($D$3:$AA$30,INDEX(Jesper!$R$2:$R$366,ROW(INDEX(Jesper!AH$2:AH$366,ROUNDDOWN($C2257/24,0)+1,1))-1)+IF('Standard Profiles'!$G$18=$B$10,7,0)+IF('Standard Profiles'!$G$18=$B$17,14,0)+IF('Standard Profiles'!$G$18=$B$24,21,0),MOD($C2257,24)+1)/SUM(INDEX($D$3:$AA$30,INDEX(Jesper!$R$2:$R$366,ROW(INDEX(Jesper!AH$2:AH$366,ROUNDDOWN($C2257/24,0)+1,1))-1)+IF('Standard Profiles'!$G$18=$B$10,7,0)+IF('Standard Profiles'!$G$18=$B$17,14,0)+IF('Standard Profiles'!$G$18=$B$24,21,0),0)),0)</f>
        <v>14.992763418897416</v>
      </c>
      <c r="E2257" cm="1">
        <f t="array" ref="E2257">IFERROR(INDEX(Jesper!AI$2:AI$366,ROUNDDOWN($C2257/24,0)+1,1)*INDEX($D$3:$AA$30,INDEX(Jesper!$R$2:$R$366,ROW(INDEX(Jesper!AI$2:AI$366,ROUNDDOWN($C2257/24,0)+1,1))-1)+IF('Standard Profiles'!$G$19=$B$10,7,0)+IF('Standard Profiles'!$G$19=$B$17,14,0)+IF('Standard Profiles'!$G$19=$B$24,21,0),MOD($C2257,24)+1)/SUM(INDEX($D$3:$AA$30,INDEX(Jesper!$R$2:$R$366,ROW(INDEX(Jesper!AI$2:AI$366,ROUNDDOWN($C2257/24,0)+1,1))-1)+IF('Standard Profiles'!$G$19=$B$10,7,0)+IF('Standard Profiles'!$G$19=$B$17,14,0)+IF('Standard Profiles'!$G$19=$B$24,21,0),0)),0)</f>
        <v>0</v>
      </c>
      <c r="F2257" cm="1">
        <f t="array" ref="F2257">IFERROR(INDEX(Jesper!AJ$2:AJ$366,ROUNDDOWN($C2257/24,0)+1,1)*INDEX($D$3:$AA$30,INDEX(Jesper!$R$2:$R$366,ROW(INDEX(Jesper!AJ$2:AJ$366,ROUNDDOWN($C2257/24,0)+1,1))-1)+IF('Standard Profiles'!$G$20=$B$10,7,0)+IF('Standard Profiles'!$G$20=$B$17,14,0)+IF('Standard Profiles'!$G$20=$B$24,21,0),MOD($C2257,24)+1)/SUM(INDEX($D$3:$AA$30,INDEX(Jesper!$R$2:$R$366,ROW(INDEX(Jesper!AJ$2:AJ$366,ROUNDDOWN($C2257/24,0)+1,1))-1)+IF('Standard Profiles'!$G$20=$B$10,7,0)+IF('Standard Profiles'!$G$20=$B$17,14,0)+IF('Standard Profiles'!$G$20=$B$24,21,0),0)),0)</f>
        <v>0</v>
      </c>
      <c r="G2257" cm="1">
        <f t="array" ref="G2257">IFERROR(INDEX(Jesper!AK$2:AK$366,ROUNDDOWN($C2257/24,0)+1,1)*INDEX($D$3:$AA$30,INDEX(Jesper!$R$2:$R$366,ROW(INDEX(Jesper!AK$2:AK$366,ROUNDDOWN($C2257/24,0)+1,1))-1)+IF('Standard Profiles'!$G$21=$B$10,7,0)+IF('Standard Profiles'!$G$21=$B$17,14,0)+IF('Standard Profiles'!$G$21=$B$24,21,0),MOD($C2257,24)+1)/SUM(INDEX($D$3:$AA$30,INDEX(Jesper!$R$2:$R$366,ROW(INDEX(Jesper!AK$2:AK$366,ROUNDDOWN($C2257/24,0)+1,1))-1)+IF('Standard Profiles'!$G$21=$B$10,7,0)+IF('Standard Profiles'!$G$21=$B$17,14,0)+IF('Standard Profiles'!$G$21=$B$24,21,0),0)),0)</f>
        <v>0</v>
      </c>
      <c r="H2257" cm="1">
        <f t="array" ref="H2257">IFERROR(INDEX(Jesper!AL$2:AL$366,ROUNDDOWN($C2257/24,0)+1,1)*INDEX($D$3:$AA$30,INDEX(Jesper!$R$2:$R$366,ROW(INDEX(Jesper!AL$2:AL$366,ROUNDDOWN($C2257/24,0)+1,1))-1)+IF('Standard Profiles'!$G$22=$B$10,7,0)+IF('Standard Profiles'!$G$22=$B$17,14,0)+IF('Standard Profiles'!$G$22=$B$24,21,0),MOD($C2257,24)+1)/SUM(INDEX($D$3:$AA$30,INDEX(Jesper!$R$2:$R$366,ROW(INDEX(Jesper!AL$2:AL$366,ROUNDDOWN($C2257/24,0)+1,1))-1)+IF('Standard Profiles'!$G$22=$B$10,7,0)+IF('Standard Profiles'!$G$22=$B$17,14,0)+IF('Standard Profiles'!$G$22=$B$24,21,0),0)),0)</f>
        <v>0</v>
      </c>
      <c r="I2257">
        <f t="shared" si="258"/>
        <v>0.44978290256692249</v>
      </c>
      <c r="J2257">
        <f t="shared" si="259"/>
        <v>1.4992763418897417</v>
      </c>
      <c r="K2257">
        <f t="shared" si="260"/>
        <v>2.2489145128346122</v>
      </c>
      <c r="L2257">
        <f t="shared" si="261"/>
        <v>10.794789661606139</v>
      </c>
      <c r="M2257">
        <f t="shared" si="262"/>
        <v>0</v>
      </c>
      <c r="N2257" s="46">
        <f t="shared" si="263"/>
        <v>45384.624999994609</v>
      </c>
    </row>
    <row r="2258" spans="2:14" x14ac:dyDescent="0.3">
      <c r="B2258">
        <f t="shared" si="257"/>
        <v>2</v>
      </c>
      <c r="C2258" s="16">
        <v>2224</v>
      </c>
      <c r="D2258" cm="1">
        <f t="array" ref="D2258">IFERROR(INDEX(Jesper!AH$2:AH$366,ROUNDDOWN($C2258/24,0)+1,1)*INDEX($D$3:$AA$30,INDEX(Jesper!$R$2:$R$366,ROW(INDEX(Jesper!AH$2:AH$366,ROUNDDOWN($C2258/24,0)+1,1))-1)+IF('Standard Profiles'!$G$18=$B$10,7,0)+IF('Standard Profiles'!$G$18=$B$17,14,0)+IF('Standard Profiles'!$G$18=$B$24,21,0),MOD($C2258,24)+1)/SUM(INDEX($D$3:$AA$30,INDEX(Jesper!$R$2:$R$366,ROW(INDEX(Jesper!AH$2:AH$366,ROUNDDOWN($C2258/24,0)+1,1))-1)+IF('Standard Profiles'!$G$18=$B$10,7,0)+IF('Standard Profiles'!$G$18=$B$17,14,0)+IF('Standard Profiles'!$G$18=$B$24,21,0),0)),0)</f>
        <v>14.992763418897416</v>
      </c>
      <c r="E2258" cm="1">
        <f t="array" ref="E2258">IFERROR(INDEX(Jesper!AI$2:AI$366,ROUNDDOWN($C2258/24,0)+1,1)*INDEX($D$3:$AA$30,INDEX(Jesper!$R$2:$R$366,ROW(INDEX(Jesper!AI$2:AI$366,ROUNDDOWN($C2258/24,0)+1,1))-1)+IF('Standard Profiles'!$G$19=$B$10,7,0)+IF('Standard Profiles'!$G$19=$B$17,14,0)+IF('Standard Profiles'!$G$19=$B$24,21,0),MOD($C2258,24)+1)/SUM(INDEX($D$3:$AA$30,INDEX(Jesper!$R$2:$R$366,ROW(INDEX(Jesper!AI$2:AI$366,ROUNDDOWN($C2258/24,0)+1,1))-1)+IF('Standard Profiles'!$G$19=$B$10,7,0)+IF('Standard Profiles'!$G$19=$B$17,14,0)+IF('Standard Profiles'!$G$19=$B$24,21,0),0)),0)</f>
        <v>0</v>
      </c>
      <c r="F2258" cm="1">
        <f t="array" ref="F2258">IFERROR(INDEX(Jesper!AJ$2:AJ$366,ROUNDDOWN($C2258/24,0)+1,1)*INDEX($D$3:$AA$30,INDEX(Jesper!$R$2:$R$366,ROW(INDEX(Jesper!AJ$2:AJ$366,ROUNDDOWN($C2258/24,0)+1,1))-1)+IF('Standard Profiles'!$G$20=$B$10,7,0)+IF('Standard Profiles'!$G$20=$B$17,14,0)+IF('Standard Profiles'!$G$20=$B$24,21,0),MOD($C2258,24)+1)/SUM(INDEX($D$3:$AA$30,INDEX(Jesper!$R$2:$R$366,ROW(INDEX(Jesper!AJ$2:AJ$366,ROUNDDOWN($C2258/24,0)+1,1))-1)+IF('Standard Profiles'!$G$20=$B$10,7,0)+IF('Standard Profiles'!$G$20=$B$17,14,0)+IF('Standard Profiles'!$G$20=$B$24,21,0),0)),0)</f>
        <v>0</v>
      </c>
      <c r="G2258" cm="1">
        <f t="array" ref="G2258">IFERROR(INDEX(Jesper!AK$2:AK$366,ROUNDDOWN($C2258/24,0)+1,1)*INDEX($D$3:$AA$30,INDEX(Jesper!$R$2:$R$366,ROW(INDEX(Jesper!AK$2:AK$366,ROUNDDOWN($C2258/24,0)+1,1))-1)+IF('Standard Profiles'!$G$21=$B$10,7,0)+IF('Standard Profiles'!$G$21=$B$17,14,0)+IF('Standard Profiles'!$G$21=$B$24,21,0),MOD($C2258,24)+1)/SUM(INDEX($D$3:$AA$30,INDEX(Jesper!$R$2:$R$366,ROW(INDEX(Jesper!AK$2:AK$366,ROUNDDOWN($C2258/24,0)+1,1))-1)+IF('Standard Profiles'!$G$21=$B$10,7,0)+IF('Standard Profiles'!$G$21=$B$17,14,0)+IF('Standard Profiles'!$G$21=$B$24,21,0),0)),0)</f>
        <v>0</v>
      </c>
      <c r="H2258" cm="1">
        <f t="array" ref="H2258">IFERROR(INDEX(Jesper!AL$2:AL$366,ROUNDDOWN($C2258/24,0)+1,1)*INDEX($D$3:$AA$30,INDEX(Jesper!$R$2:$R$366,ROW(INDEX(Jesper!AL$2:AL$366,ROUNDDOWN($C2258/24,0)+1,1))-1)+IF('Standard Profiles'!$G$22=$B$10,7,0)+IF('Standard Profiles'!$G$22=$B$17,14,0)+IF('Standard Profiles'!$G$22=$B$24,21,0),MOD($C2258,24)+1)/SUM(INDEX($D$3:$AA$30,INDEX(Jesper!$R$2:$R$366,ROW(INDEX(Jesper!AL$2:AL$366,ROUNDDOWN($C2258/24,0)+1,1))-1)+IF('Standard Profiles'!$G$22=$B$10,7,0)+IF('Standard Profiles'!$G$22=$B$17,14,0)+IF('Standard Profiles'!$G$22=$B$24,21,0),0)),0)</f>
        <v>0</v>
      </c>
      <c r="I2258">
        <f t="shared" si="258"/>
        <v>0.44978290256692249</v>
      </c>
      <c r="J2258">
        <f t="shared" si="259"/>
        <v>1.4992763418897417</v>
      </c>
      <c r="K2258">
        <f t="shared" si="260"/>
        <v>2.2489145128346122</v>
      </c>
      <c r="L2258">
        <f t="shared" si="261"/>
        <v>10.794789661606139</v>
      </c>
      <c r="M2258">
        <f t="shared" si="262"/>
        <v>0</v>
      </c>
      <c r="N2258" s="46">
        <f t="shared" si="263"/>
        <v>45384.666666661273</v>
      </c>
    </row>
    <row r="2259" spans="2:14" x14ac:dyDescent="0.3">
      <c r="B2259">
        <f t="shared" si="257"/>
        <v>2</v>
      </c>
      <c r="C2259" s="16">
        <v>2225</v>
      </c>
      <c r="D2259" cm="1">
        <f t="array" ref="D2259">IFERROR(INDEX(Jesper!AH$2:AH$366,ROUNDDOWN($C2259/24,0)+1,1)*INDEX($D$3:$AA$30,INDEX(Jesper!$R$2:$R$366,ROW(INDEX(Jesper!AH$2:AH$366,ROUNDDOWN($C2259/24,0)+1,1))-1)+IF('Standard Profiles'!$G$18=$B$10,7,0)+IF('Standard Profiles'!$G$18=$B$17,14,0)+IF('Standard Profiles'!$G$18=$B$24,21,0),MOD($C2259,24)+1)/SUM(INDEX($D$3:$AA$30,INDEX(Jesper!$R$2:$R$366,ROW(INDEX(Jesper!AH$2:AH$366,ROUNDDOWN($C2259/24,0)+1,1))-1)+IF('Standard Profiles'!$G$18=$B$10,7,0)+IF('Standard Profiles'!$G$18=$B$17,14,0)+IF('Standard Profiles'!$G$18=$B$24,21,0),0)),0)</f>
        <v>14.992763418897416</v>
      </c>
      <c r="E2259" cm="1">
        <f t="array" ref="E2259">IFERROR(INDEX(Jesper!AI$2:AI$366,ROUNDDOWN($C2259/24,0)+1,1)*INDEX($D$3:$AA$30,INDEX(Jesper!$R$2:$R$366,ROW(INDEX(Jesper!AI$2:AI$366,ROUNDDOWN($C2259/24,0)+1,1))-1)+IF('Standard Profiles'!$G$19=$B$10,7,0)+IF('Standard Profiles'!$G$19=$B$17,14,0)+IF('Standard Profiles'!$G$19=$B$24,21,0),MOD($C2259,24)+1)/SUM(INDEX($D$3:$AA$30,INDEX(Jesper!$R$2:$R$366,ROW(INDEX(Jesper!AI$2:AI$366,ROUNDDOWN($C2259/24,0)+1,1))-1)+IF('Standard Profiles'!$G$19=$B$10,7,0)+IF('Standard Profiles'!$G$19=$B$17,14,0)+IF('Standard Profiles'!$G$19=$B$24,21,0),0)),0)</f>
        <v>0</v>
      </c>
      <c r="F2259" cm="1">
        <f t="array" ref="F2259">IFERROR(INDEX(Jesper!AJ$2:AJ$366,ROUNDDOWN($C2259/24,0)+1,1)*INDEX($D$3:$AA$30,INDEX(Jesper!$R$2:$R$366,ROW(INDEX(Jesper!AJ$2:AJ$366,ROUNDDOWN($C2259/24,0)+1,1))-1)+IF('Standard Profiles'!$G$20=$B$10,7,0)+IF('Standard Profiles'!$G$20=$B$17,14,0)+IF('Standard Profiles'!$G$20=$B$24,21,0),MOD($C2259,24)+1)/SUM(INDEX($D$3:$AA$30,INDEX(Jesper!$R$2:$R$366,ROW(INDEX(Jesper!AJ$2:AJ$366,ROUNDDOWN($C2259/24,0)+1,1))-1)+IF('Standard Profiles'!$G$20=$B$10,7,0)+IF('Standard Profiles'!$G$20=$B$17,14,0)+IF('Standard Profiles'!$G$20=$B$24,21,0),0)),0)</f>
        <v>0</v>
      </c>
      <c r="G2259" cm="1">
        <f t="array" ref="G2259">IFERROR(INDEX(Jesper!AK$2:AK$366,ROUNDDOWN($C2259/24,0)+1,1)*INDEX($D$3:$AA$30,INDEX(Jesper!$R$2:$R$366,ROW(INDEX(Jesper!AK$2:AK$366,ROUNDDOWN($C2259/24,0)+1,1))-1)+IF('Standard Profiles'!$G$21=$B$10,7,0)+IF('Standard Profiles'!$G$21=$B$17,14,0)+IF('Standard Profiles'!$G$21=$B$24,21,0),MOD($C2259,24)+1)/SUM(INDEX($D$3:$AA$30,INDEX(Jesper!$R$2:$R$366,ROW(INDEX(Jesper!AK$2:AK$366,ROUNDDOWN($C2259/24,0)+1,1))-1)+IF('Standard Profiles'!$G$21=$B$10,7,0)+IF('Standard Profiles'!$G$21=$B$17,14,0)+IF('Standard Profiles'!$G$21=$B$24,21,0),0)),0)</f>
        <v>0</v>
      </c>
      <c r="H2259" cm="1">
        <f t="array" ref="H2259">IFERROR(INDEX(Jesper!AL$2:AL$366,ROUNDDOWN($C2259/24,0)+1,1)*INDEX($D$3:$AA$30,INDEX(Jesper!$R$2:$R$366,ROW(INDEX(Jesper!AL$2:AL$366,ROUNDDOWN($C2259/24,0)+1,1))-1)+IF('Standard Profiles'!$G$22=$B$10,7,0)+IF('Standard Profiles'!$G$22=$B$17,14,0)+IF('Standard Profiles'!$G$22=$B$24,21,0),MOD($C2259,24)+1)/SUM(INDEX($D$3:$AA$30,INDEX(Jesper!$R$2:$R$366,ROW(INDEX(Jesper!AL$2:AL$366,ROUNDDOWN($C2259/24,0)+1,1))-1)+IF('Standard Profiles'!$G$22=$B$10,7,0)+IF('Standard Profiles'!$G$22=$B$17,14,0)+IF('Standard Profiles'!$G$22=$B$24,21,0),0)),0)</f>
        <v>0</v>
      </c>
      <c r="I2259">
        <f t="shared" si="258"/>
        <v>0.44978290256692249</v>
      </c>
      <c r="J2259">
        <f t="shared" si="259"/>
        <v>1.4992763418897417</v>
      </c>
      <c r="K2259">
        <f t="shared" si="260"/>
        <v>2.2489145128346122</v>
      </c>
      <c r="L2259">
        <f t="shared" si="261"/>
        <v>10.794789661606139</v>
      </c>
      <c r="M2259">
        <f t="shared" si="262"/>
        <v>0</v>
      </c>
      <c r="N2259" s="46">
        <f t="shared" si="263"/>
        <v>45384.708333327937</v>
      </c>
    </row>
    <row r="2260" spans="2:14" x14ac:dyDescent="0.3">
      <c r="B2260">
        <f t="shared" si="257"/>
        <v>2</v>
      </c>
      <c r="C2260" s="16">
        <v>2226</v>
      </c>
      <c r="D2260" cm="1">
        <f t="array" ref="D2260">IFERROR(INDEX(Jesper!AH$2:AH$366,ROUNDDOWN($C2260/24,0)+1,1)*INDEX($D$3:$AA$30,INDEX(Jesper!$R$2:$R$366,ROW(INDEX(Jesper!AH$2:AH$366,ROUNDDOWN($C2260/24,0)+1,1))-1)+IF('Standard Profiles'!$G$18=$B$10,7,0)+IF('Standard Profiles'!$G$18=$B$17,14,0)+IF('Standard Profiles'!$G$18=$B$24,21,0),MOD($C2260,24)+1)/SUM(INDEX($D$3:$AA$30,INDEX(Jesper!$R$2:$R$366,ROW(INDEX(Jesper!AH$2:AH$366,ROUNDDOWN($C2260/24,0)+1,1))-1)+IF('Standard Profiles'!$G$18=$B$10,7,0)+IF('Standard Profiles'!$G$18=$B$17,14,0)+IF('Standard Profiles'!$G$18=$B$24,21,0),0)),0)</f>
        <v>14.992763418897416</v>
      </c>
      <c r="E2260" cm="1">
        <f t="array" ref="E2260">IFERROR(INDEX(Jesper!AI$2:AI$366,ROUNDDOWN($C2260/24,0)+1,1)*INDEX($D$3:$AA$30,INDEX(Jesper!$R$2:$R$366,ROW(INDEX(Jesper!AI$2:AI$366,ROUNDDOWN($C2260/24,0)+1,1))-1)+IF('Standard Profiles'!$G$19=$B$10,7,0)+IF('Standard Profiles'!$G$19=$B$17,14,0)+IF('Standard Profiles'!$G$19=$B$24,21,0),MOD($C2260,24)+1)/SUM(INDEX($D$3:$AA$30,INDEX(Jesper!$R$2:$R$366,ROW(INDEX(Jesper!AI$2:AI$366,ROUNDDOWN($C2260/24,0)+1,1))-1)+IF('Standard Profiles'!$G$19=$B$10,7,0)+IF('Standard Profiles'!$G$19=$B$17,14,0)+IF('Standard Profiles'!$G$19=$B$24,21,0),0)),0)</f>
        <v>0</v>
      </c>
      <c r="F2260" cm="1">
        <f t="array" ref="F2260">IFERROR(INDEX(Jesper!AJ$2:AJ$366,ROUNDDOWN($C2260/24,0)+1,1)*INDEX($D$3:$AA$30,INDEX(Jesper!$R$2:$R$366,ROW(INDEX(Jesper!AJ$2:AJ$366,ROUNDDOWN($C2260/24,0)+1,1))-1)+IF('Standard Profiles'!$G$20=$B$10,7,0)+IF('Standard Profiles'!$G$20=$B$17,14,0)+IF('Standard Profiles'!$G$20=$B$24,21,0),MOD($C2260,24)+1)/SUM(INDEX($D$3:$AA$30,INDEX(Jesper!$R$2:$R$366,ROW(INDEX(Jesper!AJ$2:AJ$366,ROUNDDOWN($C2260/24,0)+1,1))-1)+IF('Standard Profiles'!$G$20=$B$10,7,0)+IF('Standard Profiles'!$G$20=$B$17,14,0)+IF('Standard Profiles'!$G$20=$B$24,21,0),0)),0)</f>
        <v>0</v>
      </c>
      <c r="G2260" cm="1">
        <f t="array" ref="G2260">IFERROR(INDEX(Jesper!AK$2:AK$366,ROUNDDOWN($C2260/24,0)+1,1)*INDEX($D$3:$AA$30,INDEX(Jesper!$R$2:$R$366,ROW(INDEX(Jesper!AK$2:AK$366,ROUNDDOWN($C2260/24,0)+1,1))-1)+IF('Standard Profiles'!$G$21=$B$10,7,0)+IF('Standard Profiles'!$G$21=$B$17,14,0)+IF('Standard Profiles'!$G$21=$B$24,21,0),MOD($C2260,24)+1)/SUM(INDEX($D$3:$AA$30,INDEX(Jesper!$R$2:$R$366,ROW(INDEX(Jesper!AK$2:AK$366,ROUNDDOWN($C2260/24,0)+1,1))-1)+IF('Standard Profiles'!$G$21=$B$10,7,0)+IF('Standard Profiles'!$G$21=$B$17,14,0)+IF('Standard Profiles'!$G$21=$B$24,21,0),0)),0)</f>
        <v>0</v>
      </c>
      <c r="H2260" cm="1">
        <f t="array" ref="H2260">IFERROR(INDEX(Jesper!AL$2:AL$366,ROUNDDOWN($C2260/24,0)+1,1)*INDEX($D$3:$AA$30,INDEX(Jesper!$R$2:$R$366,ROW(INDEX(Jesper!AL$2:AL$366,ROUNDDOWN($C2260/24,0)+1,1))-1)+IF('Standard Profiles'!$G$22=$B$10,7,0)+IF('Standard Profiles'!$G$22=$B$17,14,0)+IF('Standard Profiles'!$G$22=$B$24,21,0),MOD($C2260,24)+1)/SUM(INDEX($D$3:$AA$30,INDEX(Jesper!$R$2:$R$366,ROW(INDEX(Jesper!AL$2:AL$366,ROUNDDOWN($C2260/24,0)+1,1))-1)+IF('Standard Profiles'!$G$22=$B$10,7,0)+IF('Standard Profiles'!$G$22=$B$17,14,0)+IF('Standard Profiles'!$G$22=$B$24,21,0),0)),0)</f>
        <v>0</v>
      </c>
      <c r="I2260">
        <f t="shared" si="258"/>
        <v>0.44978290256692249</v>
      </c>
      <c r="J2260">
        <f t="shared" si="259"/>
        <v>1.4992763418897417</v>
      </c>
      <c r="K2260">
        <f t="shared" si="260"/>
        <v>2.2489145128346122</v>
      </c>
      <c r="L2260">
        <f t="shared" si="261"/>
        <v>10.794789661606139</v>
      </c>
      <c r="M2260">
        <f t="shared" si="262"/>
        <v>0</v>
      </c>
      <c r="N2260" s="46">
        <f t="shared" si="263"/>
        <v>45384.749999994601</v>
      </c>
    </row>
    <row r="2261" spans="2:14" x14ac:dyDescent="0.3">
      <c r="B2261">
        <f t="shared" si="257"/>
        <v>2</v>
      </c>
      <c r="C2261" s="16">
        <v>2227</v>
      </c>
      <c r="D2261" cm="1">
        <f t="array" ref="D2261">IFERROR(INDEX(Jesper!AH$2:AH$366,ROUNDDOWN($C2261/24,0)+1,1)*INDEX($D$3:$AA$30,INDEX(Jesper!$R$2:$R$366,ROW(INDEX(Jesper!AH$2:AH$366,ROUNDDOWN($C2261/24,0)+1,1))-1)+IF('Standard Profiles'!$G$18=$B$10,7,0)+IF('Standard Profiles'!$G$18=$B$17,14,0)+IF('Standard Profiles'!$G$18=$B$24,21,0),MOD($C2261,24)+1)/SUM(INDEX($D$3:$AA$30,INDEX(Jesper!$R$2:$R$366,ROW(INDEX(Jesper!AH$2:AH$366,ROUNDDOWN($C2261/24,0)+1,1))-1)+IF('Standard Profiles'!$G$18=$B$10,7,0)+IF('Standard Profiles'!$G$18=$B$17,14,0)+IF('Standard Profiles'!$G$18=$B$24,21,0),0)),0)</f>
        <v>12.556439363326588</v>
      </c>
      <c r="E2261" cm="1">
        <f t="array" ref="E2261">IFERROR(INDEX(Jesper!AI$2:AI$366,ROUNDDOWN($C2261/24,0)+1,1)*INDEX($D$3:$AA$30,INDEX(Jesper!$R$2:$R$366,ROW(INDEX(Jesper!AI$2:AI$366,ROUNDDOWN($C2261/24,0)+1,1))-1)+IF('Standard Profiles'!$G$19=$B$10,7,0)+IF('Standard Profiles'!$G$19=$B$17,14,0)+IF('Standard Profiles'!$G$19=$B$24,21,0),MOD($C2261,24)+1)/SUM(INDEX($D$3:$AA$30,INDEX(Jesper!$R$2:$R$366,ROW(INDEX(Jesper!AI$2:AI$366,ROUNDDOWN($C2261/24,0)+1,1))-1)+IF('Standard Profiles'!$G$19=$B$10,7,0)+IF('Standard Profiles'!$G$19=$B$17,14,0)+IF('Standard Profiles'!$G$19=$B$24,21,0),0)),0)</f>
        <v>0</v>
      </c>
      <c r="F2261" cm="1">
        <f t="array" ref="F2261">IFERROR(INDEX(Jesper!AJ$2:AJ$366,ROUNDDOWN($C2261/24,0)+1,1)*INDEX($D$3:$AA$30,INDEX(Jesper!$R$2:$R$366,ROW(INDEX(Jesper!AJ$2:AJ$366,ROUNDDOWN($C2261/24,0)+1,1))-1)+IF('Standard Profiles'!$G$20=$B$10,7,0)+IF('Standard Profiles'!$G$20=$B$17,14,0)+IF('Standard Profiles'!$G$20=$B$24,21,0),MOD($C2261,24)+1)/SUM(INDEX($D$3:$AA$30,INDEX(Jesper!$R$2:$R$366,ROW(INDEX(Jesper!AJ$2:AJ$366,ROUNDDOWN($C2261/24,0)+1,1))-1)+IF('Standard Profiles'!$G$20=$B$10,7,0)+IF('Standard Profiles'!$G$20=$B$17,14,0)+IF('Standard Profiles'!$G$20=$B$24,21,0),0)),0)</f>
        <v>0</v>
      </c>
      <c r="G2261" cm="1">
        <f t="array" ref="G2261">IFERROR(INDEX(Jesper!AK$2:AK$366,ROUNDDOWN($C2261/24,0)+1,1)*INDEX($D$3:$AA$30,INDEX(Jesper!$R$2:$R$366,ROW(INDEX(Jesper!AK$2:AK$366,ROUNDDOWN($C2261/24,0)+1,1))-1)+IF('Standard Profiles'!$G$21=$B$10,7,0)+IF('Standard Profiles'!$G$21=$B$17,14,0)+IF('Standard Profiles'!$G$21=$B$24,21,0),MOD($C2261,24)+1)/SUM(INDEX($D$3:$AA$30,INDEX(Jesper!$R$2:$R$366,ROW(INDEX(Jesper!AK$2:AK$366,ROUNDDOWN($C2261/24,0)+1,1))-1)+IF('Standard Profiles'!$G$21=$B$10,7,0)+IF('Standard Profiles'!$G$21=$B$17,14,0)+IF('Standard Profiles'!$G$21=$B$24,21,0),0)),0)</f>
        <v>0</v>
      </c>
      <c r="H2261" cm="1">
        <f t="array" ref="H2261">IFERROR(INDEX(Jesper!AL$2:AL$366,ROUNDDOWN($C2261/24,0)+1,1)*INDEX($D$3:$AA$30,INDEX(Jesper!$R$2:$R$366,ROW(INDEX(Jesper!AL$2:AL$366,ROUNDDOWN($C2261/24,0)+1,1))-1)+IF('Standard Profiles'!$G$22=$B$10,7,0)+IF('Standard Profiles'!$G$22=$B$17,14,0)+IF('Standard Profiles'!$G$22=$B$24,21,0),MOD($C2261,24)+1)/SUM(INDEX($D$3:$AA$30,INDEX(Jesper!$R$2:$R$366,ROW(INDEX(Jesper!AL$2:AL$366,ROUNDDOWN($C2261/24,0)+1,1))-1)+IF('Standard Profiles'!$G$22=$B$10,7,0)+IF('Standard Profiles'!$G$22=$B$17,14,0)+IF('Standard Profiles'!$G$22=$B$24,21,0),0)),0)</f>
        <v>0</v>
      </c>
      <c r="I2261">
        <f t="shared" si="258"/>
        <v>0.37669318089979764</v>
      </c>
      <c r="J2261">
        <f t="shared" si="259"/>
        <v>1.2556439363326588</v>
      </c>
      <c r="K2261">
        <f t="shared" si="260"/>
        <v>1.8834659044989881</v>
      </c>
      <c r="L2261">
        <f t="shared" si="261"/>
        <v>9.0406363415951425</v>
      </c>
      <c r="M2261">
        <f t="shared" si="262"/>
        <v>0</v>
      </c>
      <c r="N2261" s="46">
        <f t="shared" si="263"/>
        <v>45384.791666661265</v>
      </c>
    </row>
    <row r="2262" spans="2:14" x14ac:dyDescent="0.3">
      <c r="B2262">
        <f t="shared" si="257"/>
        <v>2</v>
      </c>
      <c r="C2262" s="16">
        <v>2228</v>
      </c>
      <c r="D2262" cm="1">
        <f t="array" ref="D2262">IFERROR(INDEX(Jesper!AH$2:AH$366,ROUNDDOWN($C2262/24,0)+1,1)*INDEX($D$3:$AA$30,INDEX(Jesper!$R$2:$R$366,ROW(INDEX(Jesper!AH$2:AH$366,ROUNDDOWN($C2262/24,0)+1,1))-1)+IF('Standard Profiles'!$G$18=$B$10,7,0)+IF('Standard Profiles'!$G$18=$B$17,14,0)+IF('Standard Profiles'!$G$18=$B$24,21,0),MOD($C2262,24)+1)/SUM(INDEX($D$3:$AA$30,INDEX(Jesper!$R$2:$R$366,ROW(INDEX(Jesper!AH$2:AH$366,ROUNDDOWN($C2262/24,0)+1,1))-1)+IF('Standard Profiles'!$G$18=$B$10,7,0)+IF('Standard Profiles'!$G$18=$B$17,14,0)+IF('Standard Profiles'!$G$18=$B$24,21,0),0)),0)</f>
        <v>10.307524850491973</v>
      </c>
      <c r="E2262" cm="1">
        <f t="array" ref="E2262">IFERROR(INDEX(Jesper!AI$2:AI$366,ROUNDDOWN($C2262/24,0)+1,1)*INDEX($D$3:$AA$30,INDEX(Jesper!$R$2:$R$366,ROW(INDEX(Jesper!AI$2:AI$366,ROUNDDOWN($C2262/24,0)+1,1))-1)+IF('Standard Profiles'!$G$19=$B$10,7,0)+IF('Standard Profiles'!$G$19=$B$17,14,0)+IF('Standard Profiles'!$G$19=$B$24,21,0),MOD($C2262,24)+1)/SUM(INDEX($D$3:$AA$30,INDEX(Jesper!$R$2:$R$366,ROW(INDEX(Jesper!AI$2:AI$366,ROUNDDOWN($C2262/24,0)+1,1))-1)+IF('Standard Profiles'!$G$19=$B$10,7,0)+IF('Standard Profiles'!$G$19=$B$17,14,0)+IF('Standard Profiles'!$G$19=$B$24,21,0),0)),0)</f>
        <v>0</v>
      </c>
      <c r="F2262" cm="1">
        <f t="array" ref="F2262">IFERROR(INDEX(Jesper!AJ$2:AJ$366,ROUNDDOWN($C2262/24,0)+1,1)*INDEX($D$3:$AA$30,INDEX(Jesper!$R$2:$R$366,ROW(INDEX(Jesper!AJ$2:AJ$366,ROUNDDOWN($C2262/24,0)+1,1))-1)+IF('Standard Profiles'!$G$20=$B$10,7,0)+IF('Standard Profiles'!$G$20=$B$17,14,0)+IF('Standard Profiles'!$G$20=$B$24,21,0),MOD($C2262,24)+1)/SUM(INDEX($D$3:$AA$30,INDEX(Jesper!$R$2:$R$366,ROW(INDEX(Jesper!AJ$2:AJ$366,ROUNDDOWN($C2262/24,0)+1,1))-1)+IF('Standard Profiles'!$G$20=$B$10,7,0)+IF('Standard Profiles'!$G$20=$B$17,14,0)+IF('Standard Profiles'!$G$20=$B$24,21,0),0)),0)</f>
        <v>0</v>
      </c>
      <c r="G2262" cm="1">
        <f t="array" ref="G2262">IFERROR(INDEX(Jesper!AK$2:AK$366,ROUNDDOWN($C2262/24,0)+1,1)*INDEX($D$3:$AA$30,INDEX(Jesper!$R$2:$R$366,ROW(INDEX(Jesper!AK$2:AK$366,ROUNDDOWN($C2262/24,0)+1,1))-1)+IF('Standard Profiles'!$G$21=$B$10,7,0)+IF('Standard Profiles'!$G$21=$B$17,14,0)+IF('Standard Profiles'!$G$21=$B$24,21,0),MOD($C2262,24)+1)/SUM(INDEX($D$3:$AA$30,INDEX(Jesper!$R$2:$R$366,ROW(INDEX(Jesper!AK$2:AK$366,ROUNDDOWN($C2262/24,0)+1,1))-1)+IF('Standard Profiles'!$G$21=$B$10,7,0)+IF('Standard Profiles'!$G$21=$B$17,14,0)+IF('Standard Profiles'!$G$21=$B$24,21,0),0)),0)</f>
        <v>0</v>
      </c>
      <c r="H2262" cm="1">
        <f t="array" ref="H2262">IFERROR(INDEX(Jesper!AL$2:AL$366,ROUNDDOWN($C2262/24,0)+1,1)*INDEX($D$3:$AA$30,INDEX(Jesper!$R$2:$R$366,ROW(INDEX(Jesper!AL$2:AL$366,ROUNDDOWN($C2262/24,0)+1,1))-1)+IF('Standard Profiles'!$G$22=$B$10,7,0)+IF('Standard Profiles'!$G$22=$B$17,14,0)+IF('Standard Profiles'!$G$22=$B$24,21,0),MOD($C2262,24)+1)/SUM(INDEX($D$3:$AA$30,INDEX(Jesper!$R$2:$R$366,ROW(INDEX(Jesper!AL$2:AL$366,ROUNDDOWN($C2262/24,0)+1,1))-1)+IF('Standard Profiles'!$G$22=$B$10,7,0)+IF('Standard Profiles'!$G$22=$B$17,14,0)+IF('Standard Profiles'!$G$22=$B$24,21,0),0)),0)</f>
        <v>0</v>
      </c>
      <c r="I2262">
        <f t="shared" si="258"/>
        <v>0.30922574551475918</v>
      </c>
      <c r="J2262">
        <f t="shared" si="259"/>
        <v>1.0307524850491974</v>
      </c>
      <c r="K2262">
        <f t="shared" si="260"/>
        <v>1.5461287275737958</v>
      </c>
      <c r="L2262">
        <f t="shared" si="261"/>
        <v>7.4214178923542198</v>
      </c>
      <c r="M2262">
        <f t="shared" si="262"/>
        <v>0</v>
      </c>
      <c r="N2262" s="46">
        <f t="shared" si="263"/>
        <v>45384.83333332793</v>
      </c>
    </row>
    <row r="2263" spans="2:14" x14ac:dyDescent="0.3">
      <c r="B2263">
        <f t="shared" si="257"/>
        <v>2</v>
      </c>
      <c r="C2263" s="16">
        <v>2229</v>
      </c>
      <c r="D2263" cm="1">
        <f t="array" ref="D2263">IFERROR(INDEX(Jesper!AH$2:AH$366,ROUNDDOWN($C2263/24,0)+1,1)*INDEX($D$3:$AA$30,INDEX(Jesper!$R$2:$R$366,ROW(INDEX(Jesper!AH$2:AH$366,ROUNDDOWN($C2263/24,0)+1,1))-1)+IF('Standard Profiles'!$G$18=$B$10,7,0)+IF('Standard Profiles'!$G$18=$B$17,14,0)+IF('Standard Profiles'!$G$18=$B$24,21,0),MOD($C2263,24)+1)/SUM(INDEX($D$3:$AA$30,INDEX(Jesper!$R$2:$R$366,ROW(INDEX(Jesper!AH$2:AH$366,ROUNDDOWN($C2263/24,0)+1,1))-1)+IF('Standard Profiles'!$G$18=$B$10,7,0)+IF('Standard Profiles'!$G$18=$B$17,14,0)+IF('Standard Profiles'!$G$18=$B$24,21,0),0)),0)</f>
        <v>7.4963817094487082</v>
      </c>
      <c r="E2263" cm="1">
        <f t="array" ref="E2263">IFERROR(INDEX(Jesper!AI$2:AI$366,ROUNDDOWN($C2263/24,0)+1,1)*INDEX($D$3:$AA$30,INDEX(Jesper!$R$2:$R$366,ROW(INDEX(Jesper!AI$2:AI$366,ROUNDDOWN($C2263/24,0)+1,1))-1)+IF('Standard Profiles'!$G$19=$B$10,7,0)+IF('Standard Profiles'!$G$19=$B$17,14,0)+IF('Standard Profiles'!$G$19=$B$24,21,0),MOD($C2263,24)+1)/SUM(INDEX($D$3:$AA$30,INDEX(Jesper!$R$2:$R$366,ROW(INDEX(Jesper!AI$2:AI$366,ROUNDDOWN($C2263/24,0)+1,1))-1)+IF('Standard Profiles'!$G$19=$B$10,7,0)+IF('Standard Profiles'!$G$19=$B$17,14,0)+IF('Standard Profiles'!$G$19=$B$24,21,0),0)),0)</f>
        <v>0</v>
      </c>
      <c r="F2263" cm="1">
        <f t="array" ref="F2263">IFERROR(INDEX(Jesper!AJ$2:AJ$366,ROUNDDOWN($C2263/24,0)+1,1)*INDEX($D$3:$AA$30,INDEX(Jesper!$R$2:$R$366,ROW(INDEX(Jesper!AJ$2:AJ$366,ROUNDDOWN($C2263/24,0)+1,1))-1)+IF('Standard Profiles'!$G$20=$B$10,7,0)+IF('Standard Profiles'!$G$20=$B$17,14,0)+IF('Standard Profiles'!$G$20=$B$24,21,0),MOD($C2263,24)+1)/SUM(INDEX($D$3:$AA$30,INDEX(Jesper!$R$2:$R$366,ROW(INDEX(Jesper!AJ$2:AJ$366,ROUNDDOWN($C2263/24,0)+1,1))-1)+IF('Standard Profiles'!$G$20=$B$10,7,0)+IF('Standard Profiles'!$G$20=$B$17,14,0)+IF('Standard Profiles'!$G$20=$B$24,21,0),0)),0)</f>
        <v>0</v>
      </c>
      <c r="G2263" cm="1">
        <f t="array" ref="G2263">IFERROR(INDEX(Jesper!AK$2:AK$366,ROUNDDOWN($C2263/24,0)+1,1)*INDEX($D$3:$AA$30,INDEX(Jesper!$R$2:$R$366,ROW(INDEX(Jesper!AK$2:AK$366,ROUNDDOWN($C2263/24,0)+1,1))-1)+IF('Standard Profiles'!$G$21=$B$10,7,0)+IF('Standard Profiles'!$G$21=$B$17,14,0)+IF('Standard Profiles'!$G$21=$B$24,21,0),MOD($C2263,24)+1)/SUM(INDEX($D$3:$AA$30,INDEX(Jesper!$R$2:$R$366,ROW(INDEX(Jesper!AK$2:AK$366,ROUNDDOWN($C2263/24,0)+1,1))-1)+IF('Standard Profiles'!$G$21=$B$10,7,0)+IF('Standard Profiles'!$G$21=$B$17,14,0)+IF('Standard Profiles'!$G$21=$B$24,21,0),0)),0)</f>
        <v>0</v>
      </c>
      <c r="H2263" cm="1">
        <f t="array" ref="H2263">IFERROR(INDEX(Jesper!AL$2:AL$366,ROUNDDOWN($C2263/24,0)+1,1)*INDEX($D$3:$AA$30,INDEX(Jesper!$R$2:$R$366,ROW(INDEX(Jesper!AL$2:AL$366,ROUNDDOWN($C2263/24,0)+1,1))-1)+IF('Standard Profiles'!$G$22=$B$10,7,0)+IF('Standard Profiles'!$G$22=$B$17,14,0)+IF('Standard Profiles'!$G$22=$B$24,21,0),MOD($C2263,24)+1)/SUM(INDEX($D$3:$AA$30,INDEX(Jesper!$R$2:$R$366,ROW(INDEX(Jesper!AL$2:AL$366,ROUNDDOWN($C2263/24,0)+1,1))-1)+IF('Standard Profiles'!$G$22=$B$10,7,0)+IF('Standard Profiles'!$G$22=$B$17,14,0)+IF('Standard Profiles'!$G$22=$B$24,21,0),0)),0)</f>
        <v>0</v>
      </c>
      <c r="I2263">
        <f t="shared" si="258"/>
        <v>0.22489145128346125</v>
      </c>
      <c r="J2263">
        <f t="shared" si="259"/>
        <v>0.74963817094487084</v>
      </c>
      <c r="K2263">
        <f t="shared" si="260"/>
        <v>1.1244572564173061</v>
      </c>
      <c r="L2263">
        <f t="shared" si="261"/>
        <v>5.3973948308030693</v>
      </c>
      <c r="M2263">
        <f t="shared" si="262"/>
        <v>0</v>
      </c>
      <c r="N2263" s="46">
        <f t="shared" si="263"/>
        <v>45384.874999994594</v>
      </c>
    </row>
    <row r="2264" spans="2:14" x14ac:dyDescent="0.3">
      <c r="B2264">
        <f t="shared" si="257"/>
        <v>2</v>
      </c>
      <c r="C2264" s="16">
        <v>2230</v>
      </c>
      <c r="D2264" cm="1">
        <f t="array" ref="D2264">IFERROR(INDEX(Jesper!AH$2:AH$366,ROUNDDOWN($C2264/24,0)+1,1)*INDEX($D$3:$AA$30,INDEX(Jesper!$R$2:$R$366,ROW(INDEX(Jesper!AH$2:AH$366,ROUNDDOWN($C2264/24,0)+1,1))-1)+IF('Standard Profiles'!$G$18=$B$10,7,0)+IF('Standard Profiles'!$G$18=$B$17,14,0)+IF('Standard Profiles'!$G$18=$B$24,21,0),MOD($C2264,24)+1)/SUM(INDEX($D$3:$AA$30,INDEX(Jesper!$R$2:$R$366,ROW(INDEX(Jesper!AH$2:AH$366,ROUNDDOWN($C2264/24,0)+1,1))-1)+IF('Standard Profiles'!$G$18=$B$10,7,0)+IF('Standard Profiles'!$G$18=$B$17,14,0)+IF('Standard Profiles'!$G$18=$B$24,21,0),0)),0)</f>
        <v>7.4963817094487082</v>
      </c>
      <c r="E2264" cm="1">
        <f t="array" ref="E2264">IFERROR(INDEX(Jesper!AI$2:AI$366,ROUNDDOWN($C2264/24,0)+1,1)*INDEX($D$3:$AA$30,INDEX(Jesper!$R$2:$R$366,ROW(INDEX(Jesper!AI$2:AI$366,ROUNDDOWN($C2264/24,0)+1,1))-1)+IF('Standard Profiles'!$G$19=$B$10,7,0)+IF('Standard Profiles'!$G$19=$B$17,14,0)+IF('Standard Profiles'!$G$19=$B$24,21,0),MOD($C2264,24)+1)/SUM(INDEX($D$3:$AA$30,INDEX(Jesper!$R$2:$R$366,ROW(INDEX(Jesper!AI$2:AI$366,ROUNDDOWN($C2264/24,0)+1,1))-1)+IF('Standard Profiles'!$G$19=$B$10,7,0)+IF('Standard Profiles'!$G$19=$B$17,14,0)+IF('Standard Profiles'!$G$19=$B$24,21,0),0)),0)</f>
        <v>0</v>
      </c>
      <c r="F2264" cm="1">
        <f t="array" ref="F2264">IFERROR(INDEX(Jesper!AJ$2:AJ$366,ROUNDDOWN($C2264/24,0)+1,1)*INDEX($D$3:$AA$30,INDEX(Jesper!$R$2:$R$366,ROW(INDEX(Jesper!AJ$2:AJ$366,ROUNDDOWN($C2264/24,0)+1,1))-1)+IF('Standard Profiles'!$G$20=$B$10,7,0)+IF('Standard Profiles'!$G$20=$B$17,14,0)+IF('Standard Profiles'!$G$20=$B$24,21,0),MOD($C2264,24)+1)/SUM(INDEX($D$3:$AA$30,INDEX(Jesper!$R$2:$R$366,ROW(INDEX(Jesper!AJ$2:AJ$366,ROUNDDOWN($C2264/24,0)+1,1))-1)+IF('Standard Profiles'!$G$20=$B$10,7,0)+IF('Standard Profiles'!$G$20=$B$17,14,0)+IF('Standard Profiles'!$G$20=$B$24,21,0),0)),0)</f>
        <v>0</v>
      </c>
      <c r="G2264" cm="1">
        <f t="array" ref="G2264">IFERROR(INDEX(Jesper!AK$2:AK$366,ROUNDDOWN($C2264/24,0)+1,1)*INDEX($D$3:$AA$30,INDEX(Jesper!$R$2:$R$366,ROW(INDEX(Jesper!AK$2:AK$366,ROUNDDOWN($C2264/24,0)+1,1))-1)+IF('Standard Profiles'!$G$21=$B$10,7,0)+IF('Standard Profiles'!$G$21=$B$17,14,0)+IF('Standard Profiles'!$G$21=$B$24,21,0),MOD($C2264,24)+1)/SUM(INDEX($D$3:$AA$30,INDEX(Jesper!$R$2:$R$366,ROW(INDEX(Jesper!AK$2:AK$366,ROUNDDOWN($C2264/24,0)+1,1))-1)+IF('Standard Profiles'!$G$21=$B$10,7,0)+IF('Standard Profiles'!$G$21=$B$17,14,0)+IF('Standard Profiles'!$G$21=$B$24,21,0),0)),0)</f>
        <v>0</v>
      </c>
      <c r="H2264" cm="1">
        <f t="array" ref="H2264">IFERROR(INDEX(Jesper!AL$2:AL$366,ROUNDDOWN($C2264/24,0)+1,1)*INDEX($D$3:$AA$30,INDEX(Jesper!$R$2:$R$366,ROW(INDEX(Jesper!AL$2:AL$366,ROUNDDOWN($C2264/24,0)+1,1))-1)+IF('Standard Profiles'!$G$22=$B$10,7,0)+IF('Standard Profiles'!$G$22=$B$17,14,0)+IF('Standard Profiles'!$G$22=$B$24,21,0),MOD($C2264,24)+1)/SUM(INDEX($D$3:$AA$30,INDEX(Jesper!$R$2:$R$366,ROW(INDEX(Jesper!AL$2:AL$366,ROUNDDOWN($C2264/24,0)+1,1))-1)+IF('Standard Profiles'!$G$22=$B$10,7,0)+IF('Standard Profiles'!$G$22=$B$17,14,0)+IF('Standard Profiles'!$G$22=$B$24,21,0),0)),0)</f>
        <v>0</v>
      </c>
      <c r="I2264">
        <f t="shared" si="258"/>
        <v>0.22489145128346125</v>
      </c>
      <c r="J2264">
        <f t="shared" si="259"/>
        <v>0.74963817094487084</v>
      </c>
      <c r="K2264">
        <f t="shared" si="260"/>
        <v>1.1244572564173061</v>
      </c>
      <c r="L2264">
        <f t="shared" si="261"/>
        <v>5.3973948308030693</v>
      </c>
      <c r="M2264">
        <f t="shared" si="262"/>
        <v>0</v>
      </c>
      <c r="N2264" s="46">
        <f t="shared" si="263"/>
        <v>45384.916666661258</v>
      </c>
    </row>
    <row r="2265" spans="2:14" x14ac:dyDescent="0.3">
      <c r="B2265">
        <f t="shared" si="257"/>
        <v>2</v>
      </c>
      <c r="C2265" s="16">
        <v>2231</v>
      </c>
      <c r="D2265" cm="1">
        <f t="array" ref="D2265">IFERROR(INDEX(Jesper!AH$2:AH$366,ROUNDDOWN($C2265/24,0)+1,1)*INDEX($D$3:$AA$30,INDEX(Jesper!$R$2:$R$366,ROW(INDEX(Jesper!AH$2:AH$366,ROUNDDOWN($C2265/24,0)+1,1))-1)+IF('Standard Profiles'!$G$18=$B$10,7,0)+IF('Standard Profiles'!$G$18=$B$17,14,0)+IF('Standard Profiles'!$G$18=$B$24,21,0),MOD($C2265,24)+1)/SUM(INDEX($D$3:$AA$30,INDEX(Jesper!$R$2:$R$366,ROW(INDEX(Jesper!AH$2:AH$366,ROUNDDOWN($C2265/24,0)+1,1))-1)+IF('Standard Profiles'!$G$18=$B$10,7,0)+IF('Standard Profiles'!$G$18=$B$17,14,0)+IF('Standard Profiles'!$G$18=$B$24,21,0),0)),0)</f>
        <v>7.4963817094487082</v>
      </c>
      <c r="E2265" cm="1">
        <f t="array" ref="E2265">IFERROR(INDEX(Jesper!AI$2:AI$366,ROUNDDOWN($C2265/24,0)+1,1)*INDEX($D$3:$AA$30,INDEX(Jesper!$R$2:$R$366,ROW(INDEX(Jesper!AI$2:AI$366,ROUNDDOWN($C2265/24,0)+1,1))-1)+IF('Standard Profiles'!$G$19=$B$10,7,0)+IF('Standard Profiles'!$G$19=$B$17,14,0)+IF('Standard Profiles'!$G$19=$B$24,21,0),MOD($C2265,24)+1)/SUM(INDEX($D$3:$AA$30,INDEX(Jesper!$R$2:$R$366,ROW(INDEX(Jesper!AI$2:AI$366,ROUNDDOWN($C2265/24,0)+1,1))-1)+IF('Standard Profiles'!$G$19=$B$10,7,0)+IF('Standard Profiles'!$G$19=$B$17,14,0)+IF('Standard Profiles'!$G$19=$B$24,21,0),0)),0)</f>
        <v>0</v>
      </c>
      <c r="F2265" cm="1">
        <f t="array" ref="F2265">IFERROR(INDEX(Jesper!AJ$2:AJ$366,ROUNDDOWN($C2265/24,0)+1,1)*INDEX($D$3:$AA$30,INDEX(Jesper!$R$2:$R$366,ROW(INDEX(Jesper!AJ$2:AJ$366,ROUNDDOWN($C2265/24,0)+1,1))-1)+IF('Standard Profiles'!$G$20=$B$10,7,0)+IF('Standard Profiles'!$G$20=$B$17,14,0)+IF('Standard Profiles'!$G$20=$B$24,21,0),MOD($C2265,24)+1)/SUM(INDEX($D$3:$AA$30,INDEX(Jesper!$R$2:$R$366,ROW(INDEX(Jesper!AJ$2:AJ$366,ROUNDDOWN($C2265/24,0)+1,1))-1)+IF('Standard Profiles'!$G$20=$B$10,7,0)+IF('Standard Profiles'!$G$20=$B$17,14,0)+IF('Standard Profiles'!$G$20=$B$24,21,0),0)),0)</f>
        <v>0</v>
      </c>
      <c r="G2265" cm="1">
        <f t="array" ref="G2265">IFERROR(INDEX(Jesper!AK$2:AK$366,ROUNDDOWN($C2265/24,0)+1,1)*INDEX($D$3:$AA$30,INDEX(Jesper!$R$2:$R$366,ROW(INDEX(Jesper!AK$2:AK$366,ROUNDDOWN($C2265/24,0)+1,1))-1)+IF('Standard Profiles'!$G$21=$B$10,7,0)+IF('Standard Profiles'!$G$21=$B$17,14,0)+IF('Standard Profiles'!$G$21=$B$24,21,0),MOD($C2265,24)+1)/SUM(INDEX($D$3:$AA$30,INDEX(Jesper!$R$2:$R$366,ROW(INDEX(Jesper!AK$2:AK$366,ROUNDDOWN($C2265/24,0)+1,1))-1)+IF('Standard Profiles'!$G$21=$B$10,7,0)+IF('Standard Profiles'!$G$21=$B$17,14,0)+IF('Standard Profiles'!$G$21=$B$24,21,0),0)),0)</f>
        <v>0</v>
      </c>
      <c r="H2265" cm="1">
        <f t="array" ref="H2265">IFERROR(INDEX(Jesper!AL$2:AL$366,ROUNDDOWN($C2265/24,0)+1,1)*INDEX($D$3:$AA$30,INDEX(Jesper!$R$2:$R$366,ROW(INDEX(Jesper!AL$2:AL$366,ROUNDDOWN($C2265/24,0)+1,1))-1)+IF('Standard Profiles'!$G$22=$B$10,7,0)+IF('Standard Profiles'!$G$22=$B$17,14,0)+IF('Standard Profiles'!$G$22=$B$24,21,0),MOD($C2265,24)+1)/SUM(INDEX($D$3:$AA$30,INDEX(Jesper!$R$2:$R$366,ROW(INDEX(Jesper!AL$2:AL$366,ROUNDDOWN($C2265/24,0)+1,1))-1)+IF('Standard Profiles'!$G$22=$B$10,7,0)+IF('Standard Profiles'!$G$22=$B$17,14,0)+IF('Standard Profiles'!$G$22=$B$24,21,0),0)),0)</f>
        <v>0</v>
      </c>
      <c r="I2265">
        <f t="shared" si="258"/>
        <v>0.22489145128346125</v>
      </c>
      <c r="J2265">
        <f t="shared" si="259"/>
        <v>0.74963817094487084</v>
      </c>
      <c r="K2265">
        <f t="shared" si="260"/>
        <v>1.1244572564173061</v>
      </c>
      <c r="L2265">
        <f t="shared" si="261"/>
        <v>5.3973948308030693</v>
      </c>
      <c r="M2265">
        <f t="shared" si="262"/>
        <v>0</v>
      </c>
      <c r="N2265" s="46">
        <f t="shared" si="263"/>
        <v>45384.958333327922</v>
      </c>
    </row>
    <row r="2266" spans="2:14" x14ac:dyDescent="0.3">
      <c r="B2266">
        <f t="shared" si="257"/>
        <v>3</v>
      </c>
      <c r="C2266" s="16">
        <v>2232</v>
      </c>
      <c r="D2266" cm="1">
        <f t="array" ref="D2266">IFERROR(INDEX(Jesper!AH$2:AH$366,ROUNDDOWN($C2266/24,0)+1,1)*INDEX($D$3:$AA$30,INDEX(Jesper!$R$2:$R$366,ROW(INDEX(Jesper!AH$2:AH$366,ROUNDDOWN($C2266/24,0)+1,1))-1)+IF('Standard Profiles'!$G$18=$B$10,7,0)+IF('Standard Profiles'!$G$18=$B$17,14,0)+IF('Standard Profiles'!$G$18=$B$24,21,0),MOD($C2266,24)+1)/SUM(INDEX($D$3:$AA$30,INDEX(Jesper!$R$2:$R$366,ROW(INDEX(Jesper!AH$2:AH$366,ROUNDDOWN($C2266/24,0)+1,1))-1)+IF('Standard Profiles'!$G$18=$B$10,7,0)+IF('Standard Profiles'!$G$18=$B$17,14,0)+IF('Standard Profiles'!$G$18=$B$24,21,0),0)),0)</f>
        <v>6.6217566372627141</v>
      </c>
      <c r="E2266" cm="1">
        <f t="array" ref="E2266">IFERROR(INDEX(Jesper!AI$2:AI$366,ROUNDDOWN($C2266/24,0)+1,1)*INDEX($D$3:$AA$30,INDEX(Jesper!$R$2:$R$366,ROW(INDEX(Jesper!AI$2:AI$366,ROUNDDOWN($C2266/24,0)+1,1))-1)+IF('Standard Profiles'!$G$19=$B$10,7,0)+IF('Standard Profiles'!$G$19=$B$17,14,0)+IF('Standard Profiles'!$G$19=$B$24,21,0),MOD($C2266,24)+1)/SUM(INDEX($D$3:$AA$30,INDEX(Jesper!$R$2:$R$366,ROW(INDEX(Jesper!AI$2:AI$366,ROUNDDOWN($C2266/24,0)+1,1))-1)+IF('Standard Profiles'!$G$19=$B$10,7,0)+IF('Standard Profiles'!$G$19=$B$17,14,0)+IF('Standard Profiles'!$G$19=$B$24,21,0),0)),0)</f>
        <v>0</v>
      </c>
      <c r="F2266" cm="1">
        <f t="array" ref="F2266">IFERROR(INDEX(Jesper!AJ$2:AJ$366,ROUNDDOWN($C2266/24,0)+1,1)*INDEX($D$3:$AA$30,INDEX(Jesper!$R$2:$R$366,ROW(INDEX(Jesper!AJ$2:AJ$366,ROUNDDOWN($C2266/24,0)+1,1))-1)+IF('Standard Profiles'!$G$20=$B$10,7,0)+IF('Standard Profiles'!$G$20=$B$17,14,0)+IF('Standard Profiles'!$G$20=$B$24,21,0),MOD($C2266,24)+1)/SUM(INDEX($D$3:$AA$30,INDEX(Jesper!$R$2:$R$366,ROW(INDEX(Jesper!AJ$2:AJ$366,ROUNDDOWN($C2266/24,0)+1,1))-1)+IF('Standard Profiles'!$G$20=$B$10,7,0)+IF('Standard Profiles'!$G$20=$B$17,14,0)+IF('Standard Profiles'!$G$20=$B$24,21,0),0)),0)</f>
        <v>0</v>
      </c>
      <c r="G2266" cm="1">
        <f t="array" ref="G2266">IFERROR(INDEX(Jesper!AK$2:AK$366,ROUNDDOWN($C2266/24,0)+1,1)*INDEX($D$3:$AA$30,INDEX(Jesper!$R$2:$R$366,ROW(INDEX(Jesper!AK$2:AK$366,ROUNDDOWN($C2266/24,0)+1,1))-1)+IF('Standard Profiles'!$G$21=$B$10,7,0)+IF('Standard Profiles'!$G$21=$B$17,14,0)+IF('Standard Profiles'!$G$21=$B$24,21,0),MOD($C2266,24)+1)/SUM(INDEX($D$3:$AA$30,INDEX(Jesper!$R$2:$R$366,ROW(INDEX(Jesper!AK$2:AK$366,ROUNDDOWN($C2266/24,0)+1,1))-1)+IF('Standard Profiles'!$G$21=$B$10,7,0)+IF('Standard Profiles'!$G$21=$B$17,14,0)+IF('Standard Profiles'!$G$21=$B$24,21,0),0)),0)</f>
        <v>0</v>
      </c>
      <c r="H2266" cm="1">
        <f t="array" ref="H2266">IFERROR(INDEX(Jesper!AL$2:AL$366,ROUNDDOWN($C2266/24,0)+1,1)*INDEX($D$3:$AA$30,INDEX(Jesper!$R$2:$R$366,ROW(INDEX(Jesper!AL$2:AL$366,ROUNDDOWN($C2266/24,0)+1,1))-1)+IF('Standard Profiles'!$G$22=$B$10,7,0)+IF('Standard Profiles'!$G$22=$B$17,14,0)+IF('Standard Profiles'!$G$22=$B$24,21,0),MOD($C2266,24)+1)/SUM(INDEX($D$3:$AA$30,INDEX(Jesper!$R$2:$R$366,ROW(INDEX(Jesper!AL$2:AL$366,ROUNDDOWN($C2266/24,0)+1,1))-1)+IF('Standard Profiles'!$G$22=$B$10,7,0)+IF('Standard Profiles'!$G$22=$B$17,14,0)+IF('Standard Profiles'!$G$22=$B$24,21,0),0)),0)</f>
        <v>0</v>
      </c>
      <c r="I2266">
        <f t="shared" si="258"/>
        <v>0.19865269911788141</v>
      </c>
      <c r="J2266">
        <f t="shared" si="259"/>
        <v>0.66217566372627146</v>
      </c>
      <c r="K2266">
        <f t="shared" si="260"/>
        <v>0.99326349558940707</v>
      </c>
      <c r="L2266">
        <f t="shared" si="261"/>
        <v>4.767664778829154</v>
      </c>
      <c r="M2266">
        <f t="shared" si="262"/>
        <v>0</v>
      </c>
      <c r="N2266" s="46">
        <f t="shared" si="263"/>
        <v>45384.999999994587</v>
      </c>
    </row>
    <row r="2267" spans="2:14" x14ac:dyDescent="0.3">
      <c r="B2267">
        <f t="shared" si="257"/>
        <v>3</v>
      </c>
      <c r="C2267" s="16">
        <v>2233</v>
      </c>
      <c r="D2267" cm="1">
        <f t="array" ref="D2267">IFERROR(INDEX(Jesper!AH$2:AH$366,ROUNDDOWN($C2267/24,0)+1,1)*INDEX($D$3:$AA$30,INDEX(Jesper!$R$2:$R$366,ROW(INDEX(Jesper!AH$2:AH$366,ROUNDDOWN($C2267/24,0)+1,1))-1)+IF('Standard Profiles'!$G$18=$B$10,7,0)+IF('Standard Profiles'!$G$18=$B$17,14,0)+IF('Standard Profiles'!$G$18=$B$24,21,0),MOD($C2267,24)+1)/SUM(INDEX($D$3:$AA$30,INDEX(Jesper!$R$2:$R$366,ROW(INDEX(Jesper!AH$2:AH$366,ROUNDDOWN($C2267/24,0)+1,1))-1)+IF('Standard Profiles'!$G$18=$B$10,7,0)+IF('Standard Profiles'!$G$18=$B$17,14,0)+IF('Standard Profiles'!$G$18=$B$24,21,0),0)),0)</f>
        <v>7.4494762169205524</v>
      </c>
      <c r="E2267" cm="1">
        <f t="array" ref="E2267">IFERROR(INDEX(Jesper!AI$2:AI$366,ROUNDDOWN($C2267/24,0)+1,1)*INDEX($D$3:$AA$30,INDEX(Jesper!$R$2:$R$366,ROW(INDEX(Jesper!AI$2:AI$366,ROUNDDOWN($C2267/24,0)+1,1))-1)+IF('Standard Profiles'!$G$19=$B$10,7,0)+IF('Standard Profiles'!$G$19=$B$17,14,0)+IF('Standard Profiles'!$G$19=$B$24,21,0),MOD($C2267,24)+1)/SUM(INDEX($D$3:$AA$30,INDEX(Jesper!$R$2:$R$366,ROW(INDEX(Jesper!AI$2:AI$366,ROUNDDOWN($C2267/24,0)+1,1))-1)+IF('Standard Profiles'!$G$19=$B$10,7,0)+IF('Standard Profiles'!$G$19=$B$17,14,0)+IF('Standard Profiles'!$G$19=$B$24,21,0),0)),0)</f>
        <v>0</v>
      </c>
      <c r="F2267" cm="1">
        <f t="array" ref="F2267">IFERROR(INDEX(Jesper!AJ$2:AJ$366,ROUNDDOWN($C2267/24,0)+1,1)*INDEX($D$3:$AA$30,INDEX(Jesper!$R$2:$R$366,ROW(INDEX(Jesper!AJ$2:AJ$366,ROUNDDOWN($C2267/24,0)+1,1))-1)+IF('Standard Profiles'!$G$20=$B$10,7,0)+IF('Standard Profiles'!$G$20=$B$17,14,0)+IF('Standard Profiles'!$G$20=$B$24,21,0),MOD($C2267,24)+1)/SUM(INDEX($D$3:$AA$30,INDEX(Jesper!$R$2:$R$366,ROW(INDEX(Jesper!AJ$2:AJ$366,ROUNDDOWN($C2267/24,0)+1,1))-1)+IF('Standard Profiles'!$G$20=$B$10,7,0)+IF('Standard Profiles'!$G$20=$B$17,14,0)+IF('Standard Profiles'!$G$20=$B$24,21,0),0)),0)</f>
        <v>0</v>
      </c>
      <c r="G2267" cm="1">
        <f t="array" ref="G2267">IFERROR(INDEX(Jesper!AK$2:AK$366,ROUNDDOWN($C2267/24,0)+1,1)*INDEX($D$3:$AA$30,INDEX(Jesper!$R$2:$R$366,ROW(INDEX(Jesper!AK$2:AK$366,ROUNDDOWN($C2267/24,0)+1,1))-1)+IF('Standard Profiles'!$G$21=$B$10,7,0)+IF('Standard Profiles'!$G$21=$B$17,14,0)+IF('Standard Profiles'!$G$21=$B$24,21,0),MOD($C2267,24)+1)/SUM(INDEX($D$3:$AA$30,INDEX(Jesper!$R$2:$R$366,ROW(INDEX(Jesper!AK$2:AK$366,ROUNDDOWN($C2267/24,0)+1,1))-1)+IF('Standard Profiles'!$G$21=$B$10,7,0)+IF('Standard Profiles'!$G$21=$B$17,14,0)+IF('Standard Profiles'!$G$21=$B$24,21,0),0)),0)</f>
        <v>0</v>
      </c>
      <c r="H2267" cm="1">
        <f t="array" ref="H2267">IFERROR(INDEX(Jesper!AL$2:AL$366,ROUNDDOWN($C2267/24,0)+1,1)*INDEX($D$3:$AA$30,INDEX(Jesper!$R$2:$R$366,ROW(INDEX(Jesper!AL$2:AL$366,ROUNDDOWN($C2267/24,0)+1,1))-1)+IF('Standard Profiles'!$G$22=$B$10,7,0)+IF('Standard Profiles'!$G$22=$B$17,14,0)+IF('Standard Profiles'!$G$22=$B$24,21,0),MOD($C2267,24)+1)/SUM(INDEX($D$3:$AA$30,INDEX(Jesper!$R$2:$R$366,ROW(INDEX(Jesper!AL$2:AL$366,ROUNDDOWN($C2267/24,0)+1,1))-1)+IF('Standard Profiles'!$G$22=$B$10,7,0)+IF('Standard Profiles'!$G$22=$B$17,14,0)+IF('Standard Profiles'!$G$22=$B$24,21,0),0)),0)</f>
        <v>0</v>
      </c>
      <c r="I2267">
        <f t="shared" si="258"/>
        <v>0.22348428650761656</v>
      </c>
      <c r="J2267">
        <f t="shared" si="259"/>
        <v>0.74494762169205531</v>
      </c>
      <c r="K2267">
        <f t="shared" si="260"/>
        <v>1.1174214325380829</v>
      </c>
      <c r="L2267">
        <f t="shared" si="261"/>
        <v>5.3636228761827978</v>
      </c>
      <c r="M2267">
        <f t="shared" si="262"/>
        <v>0</v>
      </c>
      <c r="N2267" s="46">
        <f t="shared" si="263"/>
        <v>45385.041666661251</v>
      </c>
    </row>
    <row r="2268" spans="2:14" x14ac:dyDescent="0.3">
      <c r="B2268">
        <f t="shared" si="257"/>
        <v>3</v>
      </c>
      <c r="C2268" s="16">
        <v>2234</v>
      </c>
      <c r="D2268" cm="1">
        <f t="array" ref="D2268">IFERROR(INDEX(Jesper!AH$2:AH$366,ROUNDDOWN($C2268/24,0)+1,1)*INDEX($D$3:$AA$30,INDEX(Jesper!$R$2:$R$366,ROW(INDEX(Jesper!AH$2:AH$366,ROUNDDOWN($C2268/24,0)+1,1))-1)+IF('Standard Profiles'!$G$18=$B$10,7,0)+IF('Standard Profiles'!$G$18=$B$17,14,0)+IF('Standard Profiles'!$G$18=$B$24,21,0),MOD($C2268,24)+1)/SUM(INDEX($D$3:$AA$30,INDEX(Jesper!$R$2:$R$366,ROW(INDEX(Jesper!AH$2:AH$366,ROUNDDOWN($C2268/24,0)+1,1))-1)+IF('Standard Profiles'!$G$18=$B$10,7,0)+IF('Standard Profiles'!$G$18=$B$17,14,0)+IF('Standard Profiles'!$G$18=$B$24,21,0),0)),0)</f>
        <v>7.4494762169205524</v>
      </c>
      <c r="E2268" cm="1">
        <f t="array" ref="E2268">IFERROR(INDEX(Jesper!AI$2:AI$366,ROUNDDOWN($C2268/24,0)+1,1)*INDEX($D$3:$AA$30,INDEX(Jesper!$R$2:$R$366,ROW(INDEX(Jesper!AI$2:AI$366,ROUNDDOWN($C2268/24,0)+1,1))-1)+IF('Standard Profiles'!$G$19=$B$10,7,0)+IF('Standard Profiles'!$G$19=$B$17,14,0)+IF('Standard Profiles'!$G$19=$B$24,21,0),MOD($C2268,24)+1)/SUM(INDEX($D$3:$AA$30,INDEX(Jesper!$R$2:$R$366,ROW(INDEX(Jesper!AI$2:AI$366,ROUNDDOWN($C2268/24,0)+1,1))-1)+IF('Standard Profiles'!$G$19=$B$10,7,0)+IF('Standard Profiles'!$G$19=$B$17,14,0)+IF('Standard Profiles'!$G$19=$B$24,21,0),0)),0)</f>
        <v>0</v>
      </c>
      <c r="F2268" cm="1">
        <f t="array" ref="F2268">IFERROR(INDEX(Jesper!AJ$2:AJ$366,ROUNDDOWN($C2268/24,0)+1,1)*INDEX($D$3:$AA$30,INDEX(Jesper!$R$2:$R$366,ROW(INDEX(Jesper!AJ$2:AJ$366,ROUNDDOWN($C2268/24,0)+1,1))-1)+IF('Standard Profiles'!$G$20=$B$10,7,0)+IF('Standard Profiles'!$G$20=$B$17,14,0)+IF('Standard Profiles'!$G$20=$B$24,21,0),MOD($C2268,24)+1)/SUM(INDEX($D$3:$AA$30,INDEX(Jesper!$R$2:$R$366,ROW(INDEX(Jesper!AJ$2:AJ$366,ROUNDDOWN($C2268/24,0)+1,1))-1)+IF('Standard Profiles'!$G$20=$B$10,7,0)+IF('Standard Profiles'!$G$20=$B$17,14,0)+IF('Standard Profiles'!$G$20=$B$24,21,0),0)),0)</f>
        <v>0</v>
      </c>
      <c r="G2268" cm="1">
        <f t="array" ref="G2268">IFERROR(INDEX(Jesper!AK$2:AK$366,ROUNDDOWN($C2268/24,0)+1,1)*INDEX($D$3:$AA$30,INDEX(Jesper!$R$2:$R$366,ROW(INDEX(Jesper!AK$2:AK$366,ROUNDDOWN($C2268/24,0)+1,1))-1)+IF('Standard Profiles'!$G$21=$B$10,7,0)+IF('Standard Profiles'!$G$21=$B$17,14,0)+IF('Standard Profiles'!$G$21=$B$24,21,0),MOD($C2268,24)+1)/SUM(INDEX($D$3:$AA$30,INDEX(Jesper!$R$2:$R$366,ROW(INDEX(Jesper!AK$2:AK$366,ROUNDDOWN($C2268/24,0)+1,1))-1)+IF('Standard Profiles'!$G$21=$B$10,7,0)+IF('Standard Profiles'!$G$21=$B$17,14,0)+IF('Standard Profiles'!$G$21=$B$24,21,0),0)),0)</f>
        <v>0</v>
      </c>
      <c r="H2268" cm="1">
        <f t="array" ref="H2268">IFERROR(INDEX(Jesper!AL$2:AL$366,ROUNDDOWN($C2268/24,0)+1,1)*INDEX($D$3:$AA$30,INDEX(Jesper!$R$2:$R$366,ROW(INDEX(Jesper!AL$2:AL$366,ROUNDDOWN($C2268/24,0)+1,1))-1)+IF('Standard Profiles'!$G$22=$B$10,7,0)+IF('Standard Profiles'!$G$22=$B$17,14,0)+IF('Standard Profiles'!$G$22=$B$24,21,0),MOD($C2268,24)+1)/SUM(INDEX($D$3:$AA$30,INDEX(Jesper!$R$2:$R$366,ROW(INDEX(Jesper!AL$2:AL$366,ROUNDDOWN($C2268/24,0)+1,1))-1)+IF('Standard Profiles'!$G$22=$B$10,7,0)+IF('Standard Profiles'!$G$22=$B$17,14,0)+IF('Standard Profiles'!$G$22=$B$24,21,0),0)),0)</f>
        <v>0</v>
      </c>
      <c r="I2268">
        <f t="shared" si="258"/>
        <v>0.22348428650761656</v>
      </c>
      <c r="J2268">
        <f t="shared" si="259"/>
        <v>0.74494762169205531</v>
      </c>
      <c r="K2268">
        <f t="shared" si="260"/>
        <v>1.1174214325380829</v>
      </c>
      <c r="L2268">
        <f t="shared" si="261"/>
        <v>5.3636228761827978</v>
      </c>
      <c r="M2268">
        <f t="shared" si="262"/>
        <v>0</v>
      </c>
      <c r="N2268" s="46">
        <f t="shared" si="263"/>
        <v>45385.083333327915</v>
      </c>
    </row>
    <row r="2269" spans="2:14" x14ac:dyDescent="0.3">
      <c r="B2269">
        <f t="shared" si="257"/>
        <v>3</v>
      </c>
      <c r="C2269" s="16">
        <v>2235</v>
      </c>
      <c r="D2269" cm="1">
        <f t="array" ref="D2269">IFERROR(INDEX(Jesper!AH$2:AH$366,ROUNDDOWN($C2269/24,0)+1,1)*INDEX($D$3:$AA$30,INDEX(Jesper!$R$2:$R$366,ROW(INDEX(Jesper!AH$2:AH$366,ROUNDDOWN($C2269/24,0)+1,1))-1)+IF('Standard Profiles'!$G$18=$B$10,7,0)+IF('Standard Profiles'!$G$18=$B$17,14,0)+IF('Standard Profiles'!$G$18=$B$24,21,0),MOD($C2269,24)+1)/SUM(INDEX($D$3:$AA$30,INDEX(Jesper!$R$2:$R$366,ROW(INDEX(Jesper!AH$2:AH$366,ROUNDDOWN($C2269/24,0)+1,1))-1)+IF('Standard Profiles'!$G$18=$B$10,7,0)+IF('Standard Profiles'!$G$18=$B$17,14,0)+IF('Standard Profiles'!$G$18=$B$24,21,0),0)),0)</f>
        <v>7.4494762169205524</v>
      </c>
      <c r="E2269" cm="1">
        <f t="array" ref="E2269">IFERROR(INDEX(Jesper!AI$2:AI$366,ROUNDDOWN($C2269/24,0)+1,1)*INDEX($D$3:$AA$30,INDEX(Jesper!$R$2:$R$366,ROW(INDEX(Jesper!AI$2:AI$366,ROUNDDOWN($C2269/24,0)+1,1))-1)+IF('Standard Profiles'!$G$19=$B$10,7,0)+IF('Standard Profiles'!$G$19=$B$17,14,0)+IF('Standard Profiles'!$G$19=$B$24,21,0),MOD($C2269,24)+1)/SUM(INDEX($D$3:$AA$30,INDEX(Jesper!$R$2:$R$366,ROW(INDEX(Jesper!AI$2:AI$366,ROUNDDOWN($C2269/24,0)+1,1))-1)+IF('Standard Profiles'!$G$19=$B$10,7,0)+IF('Standard Profiles'!$G$19=$B$17,14,0)+IF('Standard Profiles'!$G$19=$B$24,21,0),0)),0)</f>
        <v>0</v>
      </c>
      <c r="F2269" cm="1">
        <f t="array" ref="F2269">IFERROR(INDEX(Jesper!AJ$2:AJ$366,ROUNDDOWN($C2269/24,0)+1,1)*INDEX($D$3:$AA$30,INDEX(Jesper!$R$2:$R$366,ROW(INDEX(Jesper!AJ$2:AJ$366,ROUNDDOWN($C2269/24,0)+1,1))-1)+IF('Standard Profiles'!$G$20=$B$10,7,0)+IF('Standard Profiles'!$G$20=$B$17,14,0)+IF('Standard Profiles'!$G$20=$B$24,21,0),MOD($C2269,24)+1)/SUM(INDEX($D$3:$AA$30,INDEX(Jesper!$R$2:$R$366,ROW(INDEX(Jesper!AJ$2:AJ$366,ROUNDDOWN($C2269/24,0)+1,1))-1)+IF('Standard Profiles'!$G$20=$B$10,7,0)+IF('Standard Profiles'!$G$20=$B$17,14,0)+IF('Standard Profiles'!$G$20=$B$24,21,0),0)),0)</f>
        <v>0</v>
      </c>
      <c r="G2269" cm="1">
        <f t="array" ref="G2269">IFERROR(INDEX(Jesper!AK$2:AK$366,ROUNDDOWN($C2269/24,0)+1,1)*INDEX($D$3:$AA$30,INDEX(Jesper!$R$2:$R$366,ROW(INDEX(Jesper!AK$2:AK$366,ROUNDDOWN($C2269/24,0)+1,1))-1)+IF('Standard Profiles'!$G$21=$B$10,7,0)+IF('Standard Profiles'!$G$21=$B$17,14,0)+IF('Standard Profiles'!$G$21=$B$24,21,0),MOD($C2269,24)+1)/SUM(INDEX($D$3:$AA$30,INDEX(Jesper!$R$2:$R$366,ROW(INDEX(Jesper!AK$2:AK$366,ROUNDDOWN($C2269/24,0)+1,1))-1)+IF('Standard Profiles'!$G$21=$B$10,7,0)+IF('Standard Profiles'!$G$21=$B$17,14,0)+IF('Standard Profiles'!$G$21=$B$24,21,0),0)),0)</f>
        <v>0</v>
      </c>
      <c r="H2269" cm="1">
        <f t="array" ref="H2269">IFERROR(INDEX(Jesper!AL$2:AL$366,ROUNDDOWN($C2269/24,0)+1,1)*INDEX($D$3:$AA$30,INDEX(Jesper!$R$2:$R$366,ROW(INDEX(Jesper!AL$2:AL$366,ROUNDDOWN($C2269/24,0)+1,1))-1)+IF('Standard Profiles'!$G$22=$B$10,7,0)+IF('Standard Profiles'!$G$22=$B$17,14,0)+IF('Standard Profiles'!$G$22=$B$24,21,0),MOD($C2269,24)+1)/SUM(INDEX($D$3:$AA$30,INDEX(Jesper!$R$2:$R$366,ROW(INDEX(Jesper!AL$2:AL$366,ROUNDDOWN($C2269/24,0)+1,1))-1)+IF('Standard Profiles'!$G$22=$B$10,7,0)+IF('Standard Profiles'!$G$22=$B$17,14,0)+IF('Standard Profiles'!$G$22=$B$24,21,0),0)),0)</f>
        <v>0</v>
      </c>
      <c r="I2269">
        <f t="shared" si="258"/>
        <v>0.22348428650761656</v>
      </c>
      <c r="J2269">
        <f t="shared" si="259"/>
        <v>0.74494762169205531</v>
      </c>
      <c r="K2269">
        <f t="shared" si="260"/>
        <v>1.1174214325380829</v>
      </c>
      <c r="L2269">
        <f t="shared" si="261"/>
        <v>5.3636228761827978</v>
      </c>
      <c r="M2269">
        <f t="shared" si="262"/>
        <v>0</v>
      </c>
      <c r="N2269" s="46">
        <f t="shared" si="263"/>
        <v>45385.124999994579</v>
      </c>
    </row>
    <row r="2270" spans="2:14" x14ac:dyDescent="0.3">
      <c r="B2270">
        <f t="shared" si="257"/>
        <v>3</v>
      </c>
      <c r="C2270" s="16">
        <v>2236</v>
      </c>
      <c r="D2270" cm="1">
        <f t="array" ref="D2270">IFERROR(INDEX(Jesper!AH$2:AH$366,ROUNDDOWN($C2270/24,0)+1,1)*INDEX($D$3:$AA$30,INDEX(Jesper!$R$2:$R$366,ROW(INDEX(Jesper!AH$2:AH$366,ROUNDDOWN($C2270/24,0)+1,1))-1)+IF('Standard Profiles'!$G$18=$B$10,7,0)+IF('Standard Profiles'!$G$18=$B$17,14,0)+IF('Standard Profiles'!$G$18=$B$24,21,0),MOD($C2270,24)+1)/SUM(INDEX($D$3:$AA$30,INDEX(Jesper!$R$2:$R$366,ROW(INDEX(Jesper!AH$2:AH$366,ROUNDDOWN($C2270/24,0)+1,1))-1)+IF('Standard Profiles'!$G$18=$B$10,7,0)+IF('Standard Profiles'!$G$18=$B$17,14,0)+IF('Standard Profiles'!$G$18=$B$24,21,0),0)),0)</f>
        <v>7.4494762169205524</v>
      </c>
      <c r="E2270" cm="1">
        <f t="array" ref="E2270">IFERROR(INDEX(Jesper!AI$2:AI$366,ROUNDDOWN($C2270/24,0)+1,1)*INDEX($D$3:$AA$30,INDEX(Jesper!$R$2:$R$366,ROW(INDEX(Jesper!AI$2:AI$366,ROUNDDOWN($C2270/24,0)+1,1))-1)+IF('Standard Profiles'!$G$19=$B$10,7,0)+IF('Standard Profiles'!$G$19=$B$17,14,0)+IF('Standard Profiles'!$G$19=$B$24,21,0),MOD($C2270,24)+1)/SUM(INDEX($D$3:$AA$30,INDEX(Jesper!$R$2:$R$366,ROW(INDEX(Jesper!AI$2:AI$366,ROUNDDOWN($C2270/24,0)+1,1))-1)+IF('Standard Profiles'!$G$19=$B$10,7,0)+IF('Standard Profiles'!$G$19=$B$17,14,0)+IF('Standard Profiles'!$G$19=$B$24,21,0),0)),0)</f>
        <v>0</v>
      </c>
      <c r="F2270" cm="1">
        <f t="array" ref="F2270">IFERROR(INDEX(Jesper!AJ$2:AJ$366,ROUNDDOWN($C2270/24,0)+1,1)*INDEX($D$3:$AA$30,INDEX(Jesper!$R$2:$R$366,ROW(INDEX(Jesper!AJ$2:AJ$366,ROUNDDOWN($C2270/24,0)+1,1))-1)+IF('Standard Profiles'!$G$20=$B$10,7,0)+IF('Standard Profiles'!$G$20=$B$17,14,0)+IF('Standard Profiles'!$G$20=$B$24,21,0),MOD($C2270,24)+1)/SUM(INDEX($D$3:$AA$30,INDEX(Jesper!$R$2:$R$366,ROW(INDEX(Jesper!AJ$2:AJ$366,ROUNDDOWN($C2270/24,0)+1,1))-1)+IF('Standard Profiles'!$G$20=$B$10,7,0)+IF('Standard Profiles'!$G$20=$B$17,14,0)+IF('Standard Profiles'!$G$20=$B$24,21,0),0)),0)</f>
        <v>0</v>
      </c>
      <c r="G2270" cm="1">
        <f t="array" ref="G2270">IFERROR(INDEX(Jesper!AK$2:AK$366,ROUNDDOWN($C2270/24,0)+1,1)*INDEX($D$3:$AA$30,INDEX(Jesper!$R$2:$R$366,ROW(INDEX(Jesper!AK$2:AK$366,ROUNDDOWN($C2270/24,0)+1,1))-1)+IF('Standard Profiles'!$G$21=$B$10,7,0)+IF('Standard Profiles'!$G$21=$B$17,14,0)+IF('Standard Profiles'!$G$21=$B$24,21,0),MOD($C2270,24)+1)/SUM(INDEX($D$3:$AA$30,INDEX(Jesper!$R$2:$R$366,ROW(INDEX(Jesper!AK$2:AK$366,ROUNDDOWN($C2270/24,0)+1,1))-1)+IF('Standard Profiles'!$G$21=$B$10,7,0)+IF('Standard Profiles'!$G$21=$B$17,14,0)+IF('Standard Profiles'!$G$21=$B$24,21,0),0)),0)</f>
        <v>0</v>
      </c>
      <c r="H2270" cm="1">
        <f t="array" ref="H2270">IFERROR(INDEX(Jesper!AL$2:AL$366,ROUNDDOWN($C2270/24,0)+1,1)*INDEX($D$3:$AA$30,INDEX(Jesper!$R$2:$R$366,ROW(INDEX(Jesper!AL$2:AL$366,ROUNDDOWN($C2270/24,0)+1,1))-1)+IF('Standard Profiles'!$G$22=$B$10,7,0)+IF('Standard Profiles'!$G$22=$B$17,14,0)+IF('Standard Profiles'!$G$22=$B$24,21,0),MOD($C2270,24)+1)/SUM(INDEX($D$3:$AA$30,INDEX(Jesper!$R$2:$R$366,ROW(INDEX(Jesper!AL$2:AL$366,ROUNDDOWN($C2270/24,0)+1,1))-1)+IF('Standard Profiles'!$G$22=$B$10,7,0)+IF('Standard Profiles'!$G$22=$B$17,14,0)+IF('Standard Profiles'!$G$22=$B$24,21,0),0)),0)</f>
        <v>0</v>
      </c>
      <c r="I2270">
        <f t="shared" si="258"/>
        <v>0.22348428650761656</v>
      </c>
      <c r="J2270">
        <f t="shared" si="259"/>
        <v>0.74494762169205531</v>
      </c>
      <c r="K2270">
        <f t="shared" si="260"/>
        <v>1.1174214325380829</v>
      </c>
      <c r="L2270">
        <f t="shared" si="261"/>
        <v>5.3636228761827978</v>
      </c>
      <c r="M2270">
        <f t="shared" si="262"/>
        <v>0</v>
      </c>
      <c r="N2270" s="46">
        <f t="shared" si="263"/>
        <v>45385.166666661244</v>
      </c>
    </row>
    <row r="2271" spans="2:14" x14ac:dyDescent="0.3">
      <c r="B2271">
        <f t="shared" si="257"/>
        <v>3</v>
      </c>
      <c r="C2271" s="16">
        <v>2237</v>
      </c>
      <c r="D2271" cm="1">
        <f t="array" ref="D2271">IFERROR(INDEX(Jesper!AH$2:AH$366,ROUNDDOWN($C2271/24,0)+1,1)*INDEX($D$3:$AA$30,INDEX(Jesper!$R$2:$R$366,ROW(INDEX(Jesper!AH$2:AH$366,ROUNDDOWN($C2271/24,0)+1,1))-1)+IF('Standard Profiles'!$G$18=$B$10,7,0)+IF('Standard Profiles'!$G$18=$B$17,14,0)+IF('Standard Profiles'!$G$18=$B$24,21,0),MOD($C2271,24)+1)/SUM(INDEX($D$3:$AA$30,INDEX(Jesper!$R$2:$R$366,ROW(INDEX(Jesper!AH$2:AH$366,ROUNDDOWN($C2271/24,0)+1,1))-1)+IF('Standard Profiles'!$G$18=$B$10,7,0)+IF('Standard Profiles'!$G$18=$B$17,14,0)+IF('Standard Profiles'!$G$18=$B$24,21,0),0)),0)</f>
        <v>9.6015471240309349</v>
      </c>
      <c r="E2271" cm="1">
        <f t="array" ref="E2271">IFERROR(INDEX(Jesper!AI$2:AI$366,ROUNDDOWN($C2271/24,0)+1,1)*INDEX($D$3:$AA$30,INDEX(Jesper!$R$2:$R$366,ROW(INDEX(Jesper!AI$2:AI$366,ROUNDDOWN($C2271/24,0)+1,1))-1)+IF('Standard Profiles'!$G$19=$B$10,7,0)+IF('Standard Profiles'!$G$19=$B$17,14,0)+IF('Standard Profiles'!$G$19=$B$24,21,0),MOD($C2271,24)+1)/SUM(INDEX($D$3:$AA$30,INDEX(Jesper!$R$2:$R$366,ROW(INDEX(Jesper!AI$2:AI$366,ROUNDDOWN($C2271/24,0)+1,1))-1)+IF('Standard Profiles'!$G$19=$B$10,7,0)+IF('Standard Profiles'!$G$19=$B$17,14,0)+IF('Standard Profiles'!$G$19=$B$24,21,0),0)),0)</f>
        <v>0</v>
      </c>
      <c r="F2271" cm="1">
        <f t="array" ref="F2271">IFERROR(INDEX(Jesper!AJ$2:AJ$366,ROUNDDOWN($C2271/24,0)+1,1)*INDEX($D$3:$AA$30,INDEX(Jesper!$R$2:$R$366,ROW(INDEX(Jesper!AJ$2:AJ$366,ROUNDDOWN($C2271/24,0)+1,1))-1)+IF('Standard Profiles'!$G$20=$B$10,7,0)+IF('Standard Profiles'!$G$20=$B$17,14,0)+IF('Standard Profiles'!$G$20=$B$24,21,0),MOD($C2271,24)+1)/SUM(INDEX($D$3:$AA$30,INDEX(Jesper!$R$2:$R$366,ROW(INDEX(Jesper!AJ$2:AJ$366,ROUNDDOWN($C2271/24,0)+1,1))-1)+IF('Standard Profiles'!$G$20=$B$10,7,0)+IF('Standard Profiles'!$G$20=$B$17,14,0)+IF('Standard Profiles'!$G$20=$B$24,21,0),0)),0)</f>
        <v>0</v>
      </c>
      <c r="G2271" cm="1">
        <f t="array" ref="G2271">IFERROR(INDEX(Jesper!AK$2:AK$366,ROUNDDOWN($C2271/24,0)+1,1)*INDEX($D$3:$AA$30,INDEX(Jesper!$R$2:$R$366,ROW(INDEX(Jesper!AK$2:AK$366,ROUNDDOWN($C2271/24,0)+1,1))-1)+IF('Standard Profiles'!$G$21=$B$10,7,0)+IF('Standard Profiles'!$G$21=$B$17,14,0)+IF('Standard Profiles'!$G$21=$B$24,21,0),MOD($C2271,24)+1)/SUM(INDEX($D$3:$AA$30,INDEX(Jesper!$R$2:$R$366,ROW(INDEX(Jesper!AK$2:AK$366,ROUNDDOWN($C2271/24,0)+1,1))-1)+IF('Standard Profiles'!$G$21=$B$10,7,0)+IF('Standard Profiles'!$G$21=$B$17,14,0)+IF('Standard Profiles'!$G$21=$B$24,21,0),0)),0)</f>
        <v>0</v>
      </c>
      <c r="H2271" cm="1">
        <f t="array" ref="H2271">IFERROR(INDEX(Jesper!AL$2:AL$366,ROUNDDOWN($C2271/24,0)+1,1)*INDEX($D$3:$AA$30,INDEX(Jesper!$R$2:$R$366,ROW(INDEX(Jesper!AL$2:AL$366,ROUNDDOWN($C2271/24,0)+1,1))-1)+IF('Standard Profiles'!$G$22=$B$10,7,0)+IF('Standard Profiles'!$G$22=$B$17,14,0)+IF('Standard Profiles'!$G$22=$B$24,21,0),MOD($C2271,24)+1)/SUM(INDEX($D$3:$AA$30,INDEX(Jesper!$R$2:$R$366,ROW(INDEX(Jesper!AL$2:AL$366,ROUNDDOWN($C2271/24,0)+1,1))-1)+IF('Standard Profiles'!$G$22=$B$10,7,0)+IF('Standard Profiles'!$G$22=$B$17,14,0)+IF('Standard Profiles'!$G$22=$B$24,21,0),0)),0)</f>
        <v>0</v>
      </c>
      <c r="I2271">
        <f t="shared" si="258"/>
        <v>0.28804641372092804</v>
      </c>
      <c r="J2271">
        <f t="shared" si="259"/>
        <v>0.96015471240309358</v>
      </c>
      <c r="K2271">
        <f t="shared" si="260"/>
        <v>1.4402320686046401</v>
      </c>
      <c r="L2271">
        <f t="shared" si="261"/>
        <v>6.9131139293022725</v>
      </c>
      <c r="M2271">
        <f t="shared" si="262"/>
        <v>0</v>
      </c>
      <c r="N2271" s="46">
        <f t="shared" si="263"/>
        <v>45385.208333327908</v>
      </c>
    </row>
    <row r="2272" spans="2:14" x14ac:dyDescent="0.3">
      <c r="B2272">
        <f t="shared" si="257"/>
        <v>3</v>
      </c>
      <c r="C2272" s="16">
        <v>2238</v>
      </c>
      <c r="D2272" cm="1">
        <f t="array" ref="D2272">IFERROR(INDEX(Jesper!AH$2:AH$366,ROUNDDOWN($C2272/24,0)+1,1)*INDEX($D$3:$AA$30,INDEX(Jesper!$R$2:$R$366,ROW(INDEX(Jesper!AH$2:AH$366,ROUNDDOWN($C2272/24,0)+1,1))-1)+IF('Standard Profiles'!$G$18=$B$10,7,0)+IF('Standard Profiles'!$G$18=$B$17,14,0)+IF('Standard Profiles'!$G$18=$B$24,21,0),MOD($C2272,24)+1)/SUM(INDEX($D$3:$AA$30,INDEX(Jesper!$R$2:$R$366,ROW(INDEX(Jesper!AH$2:AH$366,ROUNDDOWN($C2272/24,0)+1,1))-1)+IF('Standard Profiles'!$G$18=$B$10,7,0)+IF('Standard Profiles'!$G$18=$B$17,14,0)+IF('Standard Profiles'!$G$18=$B$24,21,0),0)),0)</f>
        <v>11.091442367415047</v>
      </c>
      <c r="E2272" cm="1">
        <f t="array" ref="E2272">IFERROR(INDEX(Jesper!AI$2:AI$366,ROUNDDOWN($C2272/24,0)+1,1)*INDEX($D$3:$AA$30,INDEX(Jesper!$R$2:$R$366,ROW(INDEX(Jesper!AI$2:AI$366,ROUNDDOWN($C2272/24,0)+1,1))-1)+IF('Standard Profiles'!$G$19=$B$10,7,0)+IF('Standard Profiles'!$G$19=$B$17,14,0)+IF('Standard Profiles'!$G$19=$B$24,21,0),MOD($C2272,24)+1)/SUM(INDEX($D$3:$AA$30,INDEX(Jesper!$R$2:$R$366,ROW(INDEX(Jesper!AI$2:AI$366,ROUNDDOWN($C2272/24,0)+1,1))-1)+IF('Standard Profiles'!$G$19=$B$10,7,0)+IF('Standard Profiles'!$G$19=$B$17,14,0)+IF('Standard Profiles'!$G$19=$B$24,21,0),0)),0)</f>
        <v>0</v>
      </c>
      <c r="F2272" cm="1">
        <f t="array" ref="F2272">IFERROR(INDEX(Jesper!AJ$2:AJ$366,ROUNDDOWN($C2272/24,0)+1,1)*INDEX($D$3:$AA$30,INDEX(Jesper!$R$2:$R$366,ROW(INDEX(Jesper!AJ$2:AJ$366,ROUNDDOWN($C2272/24,0)+1,1))-1)+IF('Standard Profiles'!$G$20=$B$10,7,0)+IF('Standard Profiles'!$G$20=$B$17,14,0)+IF('Standard Profiles'!$G$20=$B$24,21,0),MOD($C2272,24)+1)/SUM(INDEX($D$3:$AA$30,INDEX(Jesper!$R$2:$R$366,ROW(INDEX(Jesper!AJ$2:AJ$366,ROUNDDOWN($C2272/24,0)+1,1))-1)+IF('Standard Profiles'!$G$20=$B$10,7,0)+IF('Standard Profiles'!$G$20=$B$17,14,0)+IF('Standard Profiles'!$G$20=$B$24,21,0),0)),0)</f>
        <v>0</v>
      </c>
      <c r="G2272" cm="1">
        <f t="array" ref="G2272">IFERROR(INDEX(Jesper!AK$2:AK$366,ROUNDDOWN($C2272/24,0)+1,1)*INDEX($D$3:$AA$30,INDEX(Jesper!$R$2:$R$366,ROW(INDEX(Jesper!AK$2:AK$366,ROUNDDOWN($C2272/24,0)+1,1))-1)+IF('Standard Profiles'!$G$21=$B$10,7,0)+IF('Standard Profiles'!$G$21=$B$17,14,0)+IF('Standard Profiles'!$G$21=$B$24,21,0),MOD($C2272,24)+1)/SUM(INDEX($D$3:$AA$30,INDEX(Jesper!$R$2:$R$366,ROW(INDEX(Jesper!AK$2:AK$366,ROUNDDOWN($C2272/24,0)+1,1))-1)+IF('Standard Profiles'!$G$21=$B$10,7,0)+IF('Standard Profiles'!$G$21=$B$17,14,0)+IF('Standard Profiles'!$G$21=$B$24,21,0),0)),0)</f>
        <v>0</v>
      </c>
      <c r="H2272" cm="1">
        <f t="array" ref="H2272">IFERROR(INDEX(Jesper!AL$2:AL$366,ROUNDDOWN($C2272/24,0)+1,1)*INDEX($D$3:$AA$30,INDEX(Jesper!$R$2:$R$366,ROW(INDEX(Jesper!AL$2:AL$366,ROUNDDOWN($C2272/24,0)+1,1))-1)+IF('Standard Profiles'!$G$22=$B$10,7,0)+IF('Standard Profiles'!$G$22=$B$17,14,0)+IF('Standard Profiles'!$G$22=$B$24,21,0),MOD($C2272,24)+1)/SUM(INDEX($D$3:$AA$30,INDEX(Jesper!$R$2:$R$366,ROW(INDEX(Jesper!AL$2:AL$366,ROUNDDOWN($C2272/24,0)+1,1))-1)+IF('Standard Profiles'!$G$22=$B$10,7,0)+IF('Standard Profiles'!$G$22=$B$17,14,0)+IF('Standard Profiles'!$G$22=$B$24,21,0),0)),0)</f>
        <v>0</v>
      </c>
      <c r="I2272">
        <f t="shared" si="258"/>
        <v>0.33274327102245138</v>
      </c>
      <c r="J2272">
        <f t="shared" si="259"/>
        <v>1.1091442367415048</v>
      </c>
      <c r="K2272">
        <f t="shared" si="260"/>
        <v>1.6637163551122569</v>
      </c>
      <c r="L2272">
        <f t="shared" si="261"/>
        <v>7.9858385045388331</v>
      </c>
      <c r="M2272">
        <f t="shared" si="262"/>
        <v>0</v>
      </c>
      <c r="N2272" s="46">
        <f t="shared" si="263"/>
        <v>45385.249999994572</v>
      </c>
    </row>
    <row r="2273" spans="2:14" x14ac:dyDescent="0.3">
      <c r="B2273">
        <f t="shared" si="257"/>
        <v>3</v>
      </c>
      <c r="C2273" s="16">
        <v>2239</v>
      </c>
      <c r="D2273" cm="1">
        <f t="array" ref="D2273">IFERROR(INDEX(Jesper!AH$2:AH$366,ROUNDDOWN($C2273/24,0)+1,1)*INDEX($D$3:$AA$30,INDEX(Jesper!$R$2:$R$366,ROW(INDEX(Jesper!AH$2:AH$366,ROUNDDOWN($C2273/24,0)+1,1))-1)+IF('Standard Profiles'!$G$18=$B$10,7,0)+IF('Standard Profiles'!$G$18=$B$17,14,0)+IF('Standard Profiles'!$G$18=$B$24,21,0),MOD($C2273,24)+1)/SUM(INDEX($D$3:$AA$30,INDEX(Jesper!$R$2:$R$366,ROW(INDEX(Jesper!AH$2:AH$366,ROUNDDOWN($C2273/24,0)+1,1))-1)+IF('Standard Profiles'!$G$18=$B$10,7,0)+IF('Standard Profiles'!$G$18=$B$17,14,0)+IF('Standard Profiles'!$G$18=$B$24,21,0),0)),0)</f>
        <v>11.091442367415047</v>
      </c>
      <c r="E2273" cm="1">
        <f t="array" ref="E2273">IFERROR(INDEX(Jesper!AI$2:AI$366,ROUNDDOWN($C2273/24,0)+1,1)*INDEX($D$3:$AA$30,INDEX(Jesper!$R$2:$R$366,ROW(INDEX(Jesper!AI$2:AI$366,ROUNDDOWN($C2273/24,0)+1,1))-1)+IF('Standard Profiles'!$G$19=$B$10,7,0)+IF('Standard Profiles'!$G$19=$B$17,14,0)+IF('Standard Profiles'!$G$19=$B$24,21,0),MOD($C2273,24)+1)/SUM(INDEX($D$3:$AA$30,INDEX(Jesper!$R$2:$R$366,ROW(INDEX(Jesper!AI$2:AI$366,ROUNDDOWN($C2273/24,0)+1,1))-1)+IF('Standard Profiles'!$G$19=$B$10,7,0)+IF('Standard Profiles'!$G$19=$B$17,14,0)+IF('Standard Profiles'!$G$19=$B$24,21,0),0)),0)</f>
        <v>0</v>
      </c>
      <c r="F2273" cm="1">
        <f t="array" ref="F2273">IFERROR(INDEX(Jesper!AJ$2:AJ$366,ROUNDDOWN($C2273/24,0)+1,1)*INDEX($D$3:$AA$30,INDEX(Jesper!$R$2:$R$366,ROW(INDEX(Jesper!AJ$2:AJ$366,ROUNDDOWN($C2273/24,0)+1,1))-1)+IF('Standard Profiles'!$G$20=$B$10,7,0)+IF('Standard Profiles'!$G$20=$B$17,14,0)+IF('Standard Profiles'!$G$20=$B$24,21,0),MOD($C2273,24)+1)/SUM(INDEX($D$3:$AA$30,INDEX(Jesper!$R$2:$R$366,ROW(INDEX(Jesper!AJ$2:AJ$366,ROUNDDOWN($C2273/24,0)+1,1))-1)+IF('Standard Profiles'!$G$20=$B$10,7,0)+IF('Standard Profiles'!$G$20=$B$17,14,0)+IF('Standard Profiles'!$G$20=$B$24,21,0),0)),0)</f>
        <v>0</v>
      </c>
      <c r="G2273" cm="1">
        <f t="array" ref="G2273">IFERROR(INDEX(Jesper!AK$2:AK$366,ROUNDDOWN($C2273/24,0)+1,1)*INDEX($D$3:$AA$30,INDEX(Jesper!$R$2:$R$366,ROW(INDEX(Jesper!AK$2:AK$366,ROUNDDOWN($C2273/24,0)+1,1))-1)+IF('Standard Profiles'!$G$21=$B$10,7,0)+IF('Standard Profiles'!$G$21=$B$17,14,0)+IF('Standard Profiles'!$G$21=$B$24,21,0),MOD($C2273,24)+1)/SUM(INDEX($D$3:$AA$30,INDEX(Jesper!$R$2:$R$366,ROW(INDEX(Jesper!AK$2:AK$366,ROUNDDOWN($C2273/24,0)+1,1))-1)+IF('Standard Profiles'!$G$21=$B$10,7,0)+IF('Standard Profiles'!$G$21=$B$17,14,0)+IF('Standard Profiles'!$G$21=$B$24,21,0),0)),0)</f>
        <v>0</v>
      </c>
      <c r="H2273" cm="1">
        <f t="array" ref="H2273">IFERROR(INDEX(Jesper!AL$2:AL$366,ROUNDDOWN($C2273/24,0)+1,1)*INDEX($D$3:$AA$30,INDEX(Jesper!$R$2:$R$366,ROW(INDEX(Jesper!AL$2:AL$366,ROUNDDOWN($C2273/24,0)+1,1))-1)+IF('Standard Profiles'!$G$22=$B$10,7,0)+IF('Standard Profiles'!$G$22=$B$17,14,0)+IF('Standard Profiles'!$G$22=$B$24,21,0),MOD($C2273,24)+1)/SUM(INDEX($D$3:$AA$30,INDEX(Jesper!$R$2:$R$366,ROW(INDEX(Jesper!AL$2:AL$366,ROUNDDOWN($C2273/24,0)+1,1))-1)+IF('Standard Profiles'!$G$22=$B$10,7,0)+IF('Standard Profiles'!$G$22=$B$17,14,0)+IF('Standard Profiles'!$G$22=$B$24,21,0),0)),0)</f>
        <v>0</v>
      </c>
      <c r="I2273">
        <f t="shared" si="258"/>
        <v>0.33274327102245138</v>
      </c>
      <c r="J2273">
        <f t="shared" si="259"/>
        <v>1.1091442367415048</v>
      </c>
      <c r="K2273">
        <f t="shared" si="260"/>
        <v>1.6637163551122569</v>
      </c>
      <c r="L2273">
        <f t="shared" si="261"/>
        <v>7.9858385045388331</v>
      </c>
      <c r="M2273">
        <f t="shared" si="262"/>
        <v>0</v>
      </c>
      <c r="N2273" s="46">
        <f t="shared" si="263"/>
        <v>45385.291666661236</v>
      </c>
    </row>
    <row r="2274" spans="2:14" x14ac:dyDescent="0.3">
      <c r="B2274">
        <f t="shared" si="257"/>
        <v>3</v>
      </c>
      <c r="C2274" s="16">
        <v>2240</v>
      </c>
      <c r="D2274" cm="1">
        <f t="array" ref="D2274">IFERROR(INDEX(Jesper!AH$2:AH$366,ROUNDDOWN($C2274/24,0)+1,1)*INDEX($D$3:$AA$30,INDEX(Jesper!$R$2:$R$366,ROW(INDEX(Jesper!AH$2:AH$366,ROUNDDOWN($C2274/24,0)+1,1))-1)+IF('Standard Profiles'!$G$18=$B$10,7,0)+IF('Standard Profiles'!$G$18=$B$17,14,0)+IF('Standard Profiles'!$G$18=$B$24,21,0),MOD($C2274,24)+1)/SUM(INDEX($D$3:$AA$30,INDEX(Jesper!$R$2:$R$366,ROW(INDEX(Jesper!AH$2:AH$366,ROUNDDOWN($C2274/24,0)+1,1))-1)+IF('Standard Profiles'!$G$18=$B$10,7,0)+IF('Standard Profiles'!$G$18=$B$17,14,0)+IF('Standard Profiles'!$G$18=$B$24,21,0),0)),0)</f>
        <v>11.091442367415047</v>
      </c>
      <c r="E2274" cm="1">
        <f t="array" ref="E2274">IFERROR(INDEX(Jesper!AI$2:AI$366,ROUNDDOWN($C2274/24,0)+1,1)*INDEX($D$3:$AA$30,INDEX(Jesper!$R$2:$R$366,ROW(INDEX(Jesper!AI$2:AI$366,ROUNDDOWN($C2274/24,0)+1,1))-1)+IF('Standard Profiles'!$G$19=$B$10,7,0)+IF('Standard Profiles'!$G$19=$B$17,14,0)+IF('Standard Profiles'!$G$19=$B$24,21,0),MOD($C2274,24)+1)/SUM(INDEX($D$3:$AA$30,INDEX(Jesper!$R$2:$R$366,ROW(INDEX(Jesper!AI$2:AI$366,ROUNDDOWN($C2274/24,0)+1,1))-1)+IF('Standard Profiles'!$G$19=$B$10,7,0)+IF('Standard Profiles'!$G$19=$B$17,14,0)+IF('Standard Profiles'!$G$19=$B$24,21,0),0)),0)</f>
        <v>0</v>
      </c>
      <c r="F2274" cm="1">
        <f t="array" ref="F2274">IFERROR(INDEX(Jesper!AJ$2:AJ$366,ROUNDDOWN($C2274/24,0)+1,1)*INDEX($D$3:$AA$30,INDEX(Jesper!$R$2:$R$366,ROW(INDEX(Jesper!AJ$2:AJ$366,ROUNDDOWN($C2274/24,0)+1,1))-1)+IF('Standard Profiles'!$G$20=$B$10,7,0)+IF('Standard Profiles'!$G$20=$B$17,14,0)+IF('Standard Profiles'!$G$20=$B$24,21,0),MOD($C2274,24)+1)/SUM(INDEX($D$3:$AA$30,INDEX(Jesper!$R$2:$R$366,ROW(INDEX(Jesper!AJ$2:AJ$366,ROUNDDOWN($C2274/24,0)+1,1))-1)+IF('Standard Profiles'!$G$20=$B$10,7,0)+IF('Standard Profiles'!$G$20=$B$17,14,0)+IF('Standard Profiles'!$G$20=$B$24,21,0),0)),0)</f>
        <v>0</v>
      </c>
      <c r="G2274" cm="1">
        <f t="array" ref="G2274">IFERROR(INDEX(Jesper!AK$2:AK$366,ROUNDDOWN($C2274/24,0)+1,1)*INDEX($D$3:$AA$30,INDEX(Jesper!$R$2:$R$366,ROW(INDEX(Jesper!AK$2:AK$366,ROUNDDOWN($C2274/24,0)+1,1))-1)+IF('Standard Profiles'!$G$21=$B$10,7,0)+IF('Standard Profiles'!$G$21=$B$17,14,0)+IF('Standard Profiles'!$G$21=$B$24,21,0),MOD($C2274,24)+1)/SUM(INDEX($D$3:$AA$30,INDEX(Jesper!$R$2:$R$366,ROW(INDEX(Jesper!AK$2:AK$366,ROUNDDOWN($C2274/24,0)+1,1))-1)+IF('Standard Profiles'!$G$21=$B$10,7,0)+IF('Standard Profiles'!$G$21=$B$17,14,0)+IF('Standard Profiles'!$G$21=$B$24,21,0),0)),0)</f>
        <v>0</v>
      </c>
      <c r="H2274" cm="1">
        <f t="array" ref="H2274">IFERROR(INDEX(Jesper!AL$2:AL$366,ROUNDDOWN($C2274/24,0)+1,1)*INDEX($D$3:$AA$30,INDEX(Jesper!$R$2:$R$366,ROW(INDEX(Jesper!AL$2:AL$366,ROUNDDOWN($C2274/24,0)+1,1))-1)+IF('Standard Profiles'!$G$22=$B$10,7,0)+IF('Standard Profiles'!$G$22=$B$17,14,0)+IF('Standard Profiles'!$G$22=$B$24,21,0),MOD($C2274,24)+1)/SUM(INDEX($D$3:$AA$30,INDEX(Jesper!$R$2:$R$366,ROW(INDEX(Jesper!AL$2:AL$366,ROUNDDOWN($C2274/24,0)+1,1))-1)+IF('Standard Profiles'!$G$22=$B$10,7,0)+IF('Standard Profiles'!$G$22=$B$17,14,0)+IF('Standard Profiles'!$G$22=$B$24,21,0),0)),0)</f>
        <v>0</v>
      </c>
      <c r="I2274">
        <f t="shared" si="258"/>
        <v>0.33274327102245138</v>
      </c>
      <c r="J2274">
        <f t="shared" si="259"/>
        <v>1.1091442367415048</v>
      </c>
      <c r="K2274">
        <f t="shared" si="260"/>
        <v>1.6637163551122569</v>
      </c>
      <c r="L2274">
        <f t="shared" si="261"/>
        <v>7.9858385045388331</v>
      </c>
      <c r="M2274">
        <f t="shared" si="262"/>
        <v>0</v>
      </c>
      <c r="N2274" s="46">
        <f t="shared" si="263"/>
        <v>45385.333333327901</v>
      </c>
    </row>
    <row r="2275" spans="2:14" x14ac:dyDescent="0.3">
      <c r="B2275">
        <f t="shared" ref="B2275:B2338" si="264">WEEKDAY(N2275,2)</f>
        <v>3</v>
      </c>
      <c r="C2275" s="16">
        <v>2241</v>
      </c>
      <c r="D2275" cm="1">
        <f t="array" ref="D2275">IFERROR(INDEX(Jesper!AH$2:AH$366,ROUNDDOWN($C2275/24,0)+1,1)*INDEX($D$3:$AA$30,INDEX(Jesper!$R$2:$R$366,ROW(INDEX(Jesper!AH$2:AH$366,ROUNDDOWN($C2275/24,0)+1,1))-1)+IF('Standard Profiles'!$G$18=$B$10,7,0)+IF('Standard Profiles'!$G$18=$B$17,14,0)+IF('Standard Profiles'!$G$18=$B$24,21,0),MOD($C2275,24)+1)/SUM(INDEX($D$3:$AA$30,INDEX(Jesper!$R$2:$R$366,ROW(INDEX(Jesper!AH$2:AH$366,ROUNDDOWN($C2275/24,0)+1,1))-1)+IF('Standard Profiles'!$G$18=$B$10,7,0)+IF('Standard Profiles'!$G$18=$B$17,14,0)+IF('Standard Profiles'!$G$18=$B$24,21,0),0)),0)</f>
        <v>11.919161947072885</v>
      </c>
      <c r="E2275" cm="1">
        <f t="array" ref="E2275">IFERROR(INDEX(Jesper!AI$2:AI$366,ROUNDDOWN($C2275/24,0)+1,1)*INDEX($D$3:$AA$30,INDEX(Jesper!$R$2:$R$366,ROW(INDEX(Jesper!AI$2:AI$366,ROUNDDOWN($C2275/24,0)+1,1))-1)+IF('Standard Profiles'!$G$19=$B$10,7,0)+IF('Standard Profiles'!$G$19=$B$17,14,0)+IF('Standard Profiles'!$G$19=$B$24,21,0),MOD($C2275,24)+1)/SUM(INDEX($D$3:$AA$30,INDEX(Jesper!$R$2:$R$366,ROW(INDEX(Jesper!AI$2:AI$366,ROUNDDOWN($C2275/24,0)+1,1))-1)+IF('Standard Profiles'!$G$19=$B$10,7,0)+IF('Standard Profiles'!$G$19=$B$17,14,0)+IF('Standard Profiles'!$G$19=$B$24,21,0),0)),0)</f>
        <v>0</v>
      </c>
      <c r="F2275" cm="1">
        <f t="array" ref="F2275">IFERROR(INDEX(Jesper!AJ$2:AJ$366,ROUNDDOWN($C2275/24,0)+1,1)*INDEX($D$3:$AA$30,INDEX(Jesper!$R$2:$R$366,ROW(INDEX(Jesper!AJ$2:AJ$366,ROUNDDOWN($C2275/24,0)+1,1))-1)+IF('Standard Profiles'!$G$20=$B$10,7,0)+IF('Standard Profiles'!$G$20=$B$17,14,0)+IF('Standard Profiles'!$G$20=$B$24,21,0),MOD($C2275,24)+1)/SUM(INDEX($D$3:$AA$30,INDEX(Jesper!$R$2:$R$366,ROW(INDEX(Jesper!AJ$2:AJ$366,ROUNDDOWN($C2275/24,0)+1,1))-1)+IF('Standard Profiles'!$G$20=$B$10,7,0)+IF('Standard Profiles'!$G$20=$B$17,14,0)+IF('Standard Profiles'!$G$20=$B$24,21,0),0)),0)</f>
        <v>0</v>
      </c>
      <c r="G2275" cm="1">
        <f t="array" ref="G2275">IFERROR(INDEX(Jesper!AK$2:AK$366,ROUNDDOWN($C2275/24,0)+1,1)*INDEX($D$3:$AA$30,INDEX(Jesper!$R$2:$R$366,ROW(INDEX(Jesper!AK$2:AK$366,ROUNDDOWN($C2275/24,0)+1,1))-1)+IF('Standard Profiles'!$G$21=$B$10,7,0)+IF('Standard Profiles'!$G$21=$B$17,14,0)+IF('Standard Profiles'!$G$21=$B$24,21,0),MOD($C2275,24)+1)/SUM(INDEX($D$3:$AA$30,INDEX(Jesper!$R$2:$R$366,ROW(INDEX(Jesper!AK$2:AK$366,ROUNDDOWN($C2275/24,0)+1,1))-1)+IF('Standard Profiles'!$G$21=$B$10,7,0)+IF('Standard Profiles'!$G$21=$B$17,14,0)+IF('Standard Profiles'!$G$21=$B$24,21,0),0)),0)</f>
        <v>0</v>
      </c>
      <c r="H2275" cm="1">
        <f t="array" ref="H2275">IFERROR(INDEX(Jesper!AL$2:AL$366,ROUNDDOWN($C2275/24,0)+1,1)*INDEX($D$3:$AA$30,INDEX(Jesper!$R$2:$R$366,ROW(INDEX(Jesper!AL$2:AL$366,ROUNDDOWN($C2275/24,0)+1,1))-1)+IF('Standard Profiles'!$G$22=$B$10,7,0)+IF('Standard Profiles'!$G$22=$B$17,14,0)+IF('Standard Profiles'!$G$22=$B$24,21,0),MOD($C2275,24)+1)/SUM(INDEX($D$3:$AA$30,INDEX(Jesper!$R$2:$R$366,ROW(INDEX(Jesper!AL$2:AL$366,ROUNDDOWN($C2275/24,0)+1,1))-1)+IF('Standard Profiles'!$G$22=$B$10,7,0)+IF('Standard Profiles'!$G$22=$B$17,14,0)+IF('Standard Profiles'!$G$22=$B$24,21,0),0)),0)</f>
        <v>0</v>
      </c>
      <c r="I2275">
        <f t="shared" ref="I2275:I2338" si="265">IF($B2275&lt;6,AC$37*$D2275+AC$38*$E2275+AC$39*$F2275+AC$40*$G2275,AC$46*$D2275+AC$47*$E2275+AC$48*$F2275+AC$49*$G2275+AC$50*$H2275)</f>
        <v>0.35757485841218656</v>
      </c>
      <c r="J2275">
        <f t="shared" ref="J2275:J2338" si="266">IF($B2275&lt;6,AD$37*$D2275+AD$38*$E2275+AD$39*$F2275+AD$40*$G2275,AD$46*$D2275+AD$47*$E2275+AD$48*$F2275+AD$49*$G2275+AD$50*$H2275)</f>
        <v>1.1919161947072885</v>
      </c>
      <c r="K2275">
        <f t="shared" ref="K2275:K2338" si="267">IF($B2275&lt;6,AE$37*$D2275+AE$38*$E2275+AE$39*$F2275+AE$40*$G2275,AE$46*$D2275+AE$47*$E2275+AE$48*$F2275+AE$49*$G2275+AE$50*$H2275)</f>
        <v>1.7878742920609327</v>
      </c>
      <c r="L2275">
        <f t="shared" ref="L2275:L2338" si="268">IF($B2275&lt;6,AF$37*$D2275+AF$38*$E2275+AF$39*$F2275+AF$40*$G2275,AF$46*$D2275+AF$47*$E2275+AF$48*$F2275+AF$49*$G2275+AF$50*$H2275)</f>
        <v>8.5817966018924761</v>
      </c>
      <c r="M2275">
        <f t="shared" ref="M2275:M2338" si="269">IF($B2275&lt;6,AG$37*$D2275+AG$38*$E2275+AG$39*$F2275+AG$40*$G2275,AG$46*$D2275+AG$47*$E2275+AG$48*$F2275+AG$49*$G2275+AG$50*$H2275)</f>
        <v>0</v>
      </c>
      <c r="N2275" s="46">
        <f t="shared" si="263"/>
        <v>45385.374999994565</v>
      </c>
    </row>
    <row r="2276" spans="2:14" x14ac:dyDescent="0.3">
      <c r="B2276">
        <f t="shared" si="264"/>
        <v>3</v>
      </c>
      <c r="C2276" s="16">
        <v>2242</v>
      </c>
      <c r="D2276" cm="1">
        <f t="array" ref="D2276">IFERROR(INDEX(Jesper!AH$2:AH$366,ROUNDDOWN($C2276/24,0)+1,1)*INDEX($D$3:$AA$30,INDEX(Jesper!$R$2:$R$366,ROW(INDEX(Jesper!AH$2:AH$366,ROUNDDOWN($C2276/24,0)+1,1))-1)+IF('Standard Profiles'!$G$18=$B$10,7,0)+IF('Standard Profiles'!$G$18=$B$17,14,0)+IF('Standard Profiles'!$G$18=$B$24,21,0),MOD($C2276,24)+1)/SUM(INDEX($D$3:$AA$30,INDEX(Jesper!$R$2:$R$366,ROW(INDEX(Jesper!AH$2:AH$366,ROUNDDOWN($C2276/24,0)+1,1))-1)+IF('Standard Profiles'!$G$18=$B$10,7,0)+IF('Standard Profiles'!$G$18=$B$17,14,0)+IF('Standard Profiles'!$G$18=$B$24,21,0),0)),0)</f>
        <v>12.91242544266229</v>
      </c>
      <c r="E2276" cm="1">
        <f t="array" ref="E2276">IFERROR(INDEX(Jesper!AI$2:AI$366,ROUNDDOWN($C2276/24,0)+1,1)*INDEX($D$3:$AA$30,INDEX(Jesper!$R$2:$R$366,ROW(INDEX(Jesper!AI$2:AI$366,ROUNDDOWN($C2276/24,0)+1,1))-1)+IF('Standard Profiles'!$G$19=$B$10,7,0)+IF('Standard Profiles'!$G$19=$B$17,14,0)+IF('Standard Profiles'!$G$19=$B$24,21,0),MOD($C2276,24)+1)/SUM(INDEX($D$3:$AA$30,INDEX(Jesper!$R$2:$R$366,ROW(INDEX(Jesper!AI$2:AI$366,ROUNDDOWN($C2276/24,0)+1,1))-1)+IF('Standard Profiles'!$G$19=$B$10,7,0)+IF('Standard Profiles'!$G$19=$B$17,14,0)+IF('Standard Profiles'!$G$19=$B$24,21,0),0)),0)</f>
        <v>0</v>
      </c>
      <c r="F2276" cm="1">
        <f t="array" ref="F2276">IFERROR(INDEX(Jesper!AJ$2:AJ$366,ROUNDDOWN($C2276/24,0)+1,1)*INDEX($D$3:$AA$30,INDEX(Jesper!$R$2:$R$366,ROW(INDEX(Jesper!AJ$2:AJ$366,ROUNDDOWN($C2276/24,0)+1,1))-1)+IF('Standard Profiles'!$G$20=$B$10,7,0)+IF('Standard Profiles'!$G$20=$B$17,14,0)+IF('Standard Profiles'!$G$20=$B$24,21,0),MOD($C2276,24)+1)/SUM(INDEX($D$3:$AA$30,INDEX(Jesper!$R$2:$R$366,ROW(INDEX(Jesper!AJ$2:AJ$366,ROUNDDOWN($C2276/24,0)+1,1))-1)+IF('Standard Profiles'!$G$20=$B$10,7,0)+IF('Standard Profiles'!$G$20=$B$17,14,0)+IF('Standard Profiles'!$G$20=$B$24,21,0),0)),0)</f>
        <v>0</v>
      </c>
      <c r="G2276" cm="1">
        <f t="array" ref="G2276">IFERROR(INDEX(Jesper!AK$2:AK$366,ROUNDDOWN($C2276/24,0)+1,1)*INDEX($D$3:$AA$30,INDEX(Jesper!$R$2:$R$366,ROW(INDEX(Jesper!AK$2:AK$366,ROUNDDOWN($C2276/24,0)+1,1))-1)+IF('Standard Profiles'!$G$21=$B$10,7,0)+IF('Standard Profiles'!$G$21=$B$17,14,0)+IF('Standard Profiles'!$G$21=$B$24,21,0),MOD($C2276,24)+1)/SUM(INDEX($D$3:$AA$30,INDEX(Jesper!$R$2:$R$366,ROW(INDEX(Jesper!AK$2:AK$366,ROUNDDOWN($C2276/24,0)+1,1))-1)+IF('Standard Profiles'!$G$21=$B$10,7,0)+IF('Standard Profiles'!$G$21=$B$17,14,0)+IF('Standard Profiles'!$G$21=$B$24,21,0),0)),0)</f>
        <v>0</v>
      </c>
      <c r="H2276" cm="1">
        <f t="array" ref="H2276">IFERROR(INDEX(Jesper!AL$2:AL$366,ROUNDDOWN($C2276/24,0)+1,1)*INDEX($D$3:$AA$30,INDEX(Jesper!$R$2:$R$366,ROW(INDEX(Jesper!AL$2:AL$366,ROUNDDOWN($C2276/24,0)+1,1))-1)+IF('Standard Profiles'!$G$22=$B$10,7,0)+IF('Standard Profiles'!$G$22=$B$17,14,0)+IF('Standard Profiles'!$G$22=$B$24,21,0),MOD($C2276,24)+1)/SUM(INDEX($D$3:$AA$30,INDEX(Jesper!$R$2:$R$366,ROW(INDEX(Jesper!AL$2:AL$366,ROUNDDOWN($C2276/24,0)+1,1))-1)+IF('Standard Profiles'!$G$22=$B$10,7,0)+IF('Standard Profiles'!$G$22=$B$17,14,0)+IF('Standard Profiles'!$G$22=$B$24,21,0),0)),0)</f>
        <v>0</v>
      </c>
      <c r="I2276">
        <f t="shared" si="265"/>
        <v>0.38737276327986869</v>
      </c>
      <c r="J2276">
        <f t="shared" si="266"/>
        <v>1.291242544266229</v>
      </c>
      <c r="K2276">
        <f t="shared" si="267"/>
        <v>1.9368638163993435</v>
      </c>
      <c r="L2276">
        <f t="shared" si="268"/>
        <v>9.2969463187168486</v>
      </c>
      <c r="M2276">
        <f t="shared" si="269"/>
        <v>0</v>
      </c>
      <c r="N2276" s="46">
        <f t="shared" ref="N2276:N2339" si="270">N2275+1/24</f>
        <v>45385.416666661229</v>
      </c>
    </row>
    <row r="2277" spans="2:14" x14ac:dyDescent="0.3">
      <c r="B2277">
        <f t="shared" si="264"/>
        <v>3</v>
      </c>
      <c r="C2277" s="16">
        <v>2243</v>
      </c>
      <c r="D2277" cm="1">
        <f t="array" ref="D2277">IFERROR(INDEX(Jesper!AH$2:AH$366,ROUNDDOWN($C2277/24,0)+1,1)*INDEX($D$3:$AA$30,INDEX(Jesper!$R$2:$R$366,ROW(INDEX(Jesper!AH$2:AH$366,ROUNDDOWN($C2277/24,0)+1,1))-1)+IF('Standard Profiles'!$G$18=$B$10,7,0)+IF('Standard Profiles'!$G$18=$B$17,14,0)+IF('Standard Profiles'!$G$18=$B$24,21,0),MOD($C2277,24)+1)/SUM(INDEX($D$3:$AA$30,INDEX(Jesper!$R$2:$R$366,ROW(INDEX(Jesper!AH$2:AH$366,ROUNDDOWN($C2277/24,0)+1,1))-1)+IF('Standard Profiles'!$G$18=$B$10,7,0)+IF('Standard Profiles'!$G$18=$B$17,14,0)+IF('Standard Profiles'!$G$18=$B$24,21,0),0)),0)</f>
        <v>14.898952433841105</v>
      </c>
      <c r="E2277" cm="1">
        <f t="array" ref="E2277">IFERROR(INDEX(Jesper!AI$2:AI$366,ROUNDDOWN($C2277/24,0)+1,1)*INDEX($D$3:$AA$30,INDEX(Jesper!$R$2:$R$366,ROW(INDEX(Jesper!AI$2:AI$366,ROUNDDOWN($C2277/24,0)+1,1))-1)+IF('Standard Profiles'!$G$19=$B$10,7,0)+IF('Standard Profiles'!$G$19=$B$17,14,0)+IF('Standard Profiles'!$G$19=$B$24,21,0),MOD($C2277,24)+1)/SUM(INDEX($D$3:$AA$30,INDEX(Jesper!$R$2:$R$366,ROW(INDEX(Jesper!AI$2:AI$366,ROUNDDOWN($C2277/24,0)+1,1))-1)+IF('Standard Profiles'!$G$19=$B$10,7,0)+IF('Standard Profiles'!$G$19=$B$17,14,0)+IF('Standard Profiles'!$G$19=$B$24,21,0),0)),0)</f>
        <v>0</v>
      </c>
      <c r="F2277" cm="1">
        <f t="array" ref="F2277">IFERROR(INDEX(Jesper!AJ$2:AJ$366,ROUNDDOWN($C2277/24,0)+1,1)*INDEX($D$3:$AA$30,INDEX(Jesper!$R$2:$R$366,ROW(INDEX(Jesper!AJ$2:AJ$366,ROUNDDOWN($C2277/24,0)+1,1))-1)+IF('Standard Profiles'!$G$20=$B$10,7,0)+IF('Standard Profiles'!$G$20=$B$17,14,0)+IF('Standard Profiles'!$G$20=$B$24,21,0),MOD($C2277,24)+1)/SUM(INDEX($D$3:$AA$30,INDEX(Jesper!$R$2:$R$366,ROW(INDEX(Jesper!AJ$2:AJ$366,ROUNDDOWN($C2277/24,0)+1,1))-1)+IF('Standard Profiles'!$G$20=$B$10,7,0)+IF('Standard Profiles'!$G$20=$B$17,14,0)+IF('Standard Profiles'!$G$20=$B$24,21,0),0)),0)</f>
        <v>0</v>
      </c>
      <c r="G2277" cm="1">
        <f t="array" ref="G2277">IFERROR(INDEX(Jesper!AK$2:AK$366,ROUNDDOWN($C2277/24,0)+1,1)*INDEX($D$3:$AA$30,INDEX(Jesper!$R$2:$R$366,ROW(INDEX(Jesper!AK$2:AK$366,ROUNDDOWN($C2277/24,0)+1,1))-1)+IF('Standard Profiles'!$G$21=$B$10,7,0)+IF('Standard Profiles'!$G$21=$B$17,14,0)+IF('Standard Profiles'!$G$21=$B$24,21,0),MOD($C2277,24)+1)/SUM(INDEX($D$3:$AA$30,INDEX(Jesper!$R$2:$R$366,ROW(INDEX(Jesper!AK$2:AK$366,ROUNDDOWN($C2277/24,0)+1,1))-1)+IF('Standard Profiles'!$G$21=$B$10,7,0)+IF('Standard Profiles'!$G$21=$B$17,14,0)+IF('Standard Profiles'!$G$21=$B$24,21,0),0)),0)</f>
        <v>0</v>
      </c>
      <c r="H2277" cm="1">
        <f t="array" ref="H2277">IFERROR(INDEX(Jesper!AL$2:AL$366,ROUNDDOWN($C2277/24,0)+1,1)*INDEX($D$3:$AA$30,INDEX(Jesper!$R$2:$R$366,ROW(INDEX(Jesper!AL$2:AL$366,ROUNDDOWN($C2277/24,0)+1,1))-1)+IF('Standard Profiles'!$G$22=$B$10,7,0)+IF('Standard Profiles'!$G$22=$B$17,14,0)+IF('Standard Profiles'!$G$22=$B$24,21,0),MOD($C2277,24)+1)/SUM(INDEX($D$3:$AA$30,INDEX(Jesper!$R$2:$R$366,ROW(INDEX(Jesper!AL$2:AL$366,ROUNDDOWN($C2277/24,0)+1,1))-1)+IF('Standard Profiles'!$G$22=$B$10,7,0)+IF('Standard Profiles'!$G$22=$B$17,14,0)+IF('Standard Profiles'!$G$22=$B$24,21,0),0)),0)</f>
        <v>0</v>
      </c>
      <c r="I2277">
        <f t="shared" si="265"/>
        <v>0.44696857301523313</v>
      </c>
      <c r="J2277">
        <f t="shared" si="266"/>
        <v>1.4898952433841106</v>
      </c>
      <c r="K2277">
        <f t="shared" si="267"/>
        <v>2.2348428650761658</v>
      </c>
      <c r="L2277">
        <f t="shared" si="268"/>
        <v>10.727245752365596</v>
      </c>
      <c r="M2277">
        <f t="shared" si="269"/>
        <v>0</v>
      </c>
      <c r="N2277" s="46">
        <f t="shared" si="270"/>
        <v>45385.458333327893</v>
      </c>
    </row>
    <row r="2278" spans="2:14" x14ac:dyDescent="0.3">
      <c r="B2278">
        <f t="shared" si="264"/>
        <v>3</v>
      </c>
      <c r="C2278" s="16">
        <v>2244</v>
      </c>
      <c r="D2278" cm="1">
        <f t="array" ref="D2278">IFERROR(INDEX(Jesper!AH$2:AH$366,ROUNDDOWN($C2278/24,0)+1,1)*INDEX($D$3:$AA$30,INDEX(Jesper!$R$2:$R$366,ROW(INDEX(Jesper!AH$2:AH$366,ROUNDDOWN($C2278/24,0)+1,1))-1)+IF('Standard Profiles'!$G$18=$B$10,7,0)+IF('Standard Profiles'!$G$18=$B$17,14,0)+IF('Standard Profiles'!$G$18=$B$24,21,0),MOD($C2278,24)+1)/SUM(INDEX($D$3:$AA$30,INDEX(Jesper!$R$2:$R$366,ROW(INDEX(Jesper!AH$2:AH$366,ROUNDDOWN($C2278/24,0)+1,1))-1)+IF('Standard Profiles'!$G$18=$B$10,7,0)+IF('Standard Profiles'!$G$18=$B$17,14,0)+IF('Standard Profiles'!$G$18=$B$24,21,0),0)),0)</f>
        <v>14.898952433841105</v>
      </c>
      <c r="E2278" cm="1">
        <f t="array" ref="E2278">IFERROR(INDEX(Jesper!AI$2:AI$366,ROUNDDOWN($C2278/24,0)+1,1)*INDEX($D$3:$AA$30,INDEX(Jesper!$R$2:$R$366,ROW(INDEX(Jesper!AI$2:AI$366,ROUNDDOWN($C2278/24,0)+1,1))-1)+IF('Standard Profiles'!$G$19=$B$10,7,0)+IF('Standard Profiles'!$G$19=$B$17,14,0)+IF('Standard Profiles'!$G$19=$B$24,21,0),MOD($C2278,24)+1)/SUM(INDEX($D$3:$AA$30,INDEX(Jesper!$R$2:$R$366,ROW(INDEX(Jesper!AI$2:AI$366,ROUNDDOWN($C2278/24,0)+1,1))-1)+IF('Standard Profiles'!$G$19=$B$10,7,0)+IF('Standard Profiles'!$G$19=$B$17,14,0)+IF('Standard Profiles'!$G$19=$B$24,21,0),0)),0)</f>
        <v>0</v>
      </c>
      <c r="F2278" cm="1">
        <f t="array" ref="F2278">IFERROR(INDEX(Jesper!AJ$2:AJ$366,ROUNDDOWN($C2278/24,0)+1,1)*INDEX($D$3:$AA$30,INDEX(Jesper!$R$2:$R$366,ROW(INDEX(Jesper!AJ$2:AJ$366,ROUNDDOWN($C2278/24,0)+1,1))-1)+IF('Standard Profiles'!$G$20=$B$10,7,0)+IF('Standard Profiles'!$G$20=$B$17,14,0)+IF('Standard Profiles'!$G$20=$B$24,21,0),MOD($C2278,24)+1)/SUM(INDEX($D$3:$AA$30,INDEX(Jesper!$R$2:$R$366,ROW(INDEX(Jesper!AJ$2:AJ$366,ROUNDDOWN($C2278/24,0)+1,1))-1)+IF('Standard Profiles'!$G$20=$B$10,7,0)+IF('Standard Profiles'!$G$20=$B$17,14,0)+IF('Standard Profiles'!$G$20=$B$24,21,0),0)),0)</f>
        <v>0</v>
      </c>
      <c r="G2278" cm="1">
        <f t="array" ref="G2278">IFERROR(INDEX(Jesper!AK$2:AK$366,ROUNDDOWN($C2278/24,0)+1,1)*INDEX($D$3:$AA$30,INDEX(Jesper!$R$2:$R$366,ROW(INDEX(Jesper!AK$2:AK$366,ROUNDDOWN($C2278/24,0)+1,1))-1)+IF('Standard Profiles'!$G$21=$B$10,7,0)+IF('Standard Profiles'!$G$21=$B$17,14,0)+IF('Standard Profiles'!$G$21=$B$24,21,0),MOD($C2278,24)+1)/SUM(INDEX($D$3:$AA$30,INDEX(Jesper!$R$2:$R$366,ROW(INDEX(Jesper!AK$2:AK$366,ROUNDDOWN($C2278/24,0)+1,1))-1)+IF('Standard Profiles'!$G$21=$B$10,7,0)+IF('Standard Profiles'!$G$21=$B$17,14,0)+IF('Standard Profiles'!$G$21=$B$24,21,0),0)),0)</f>
        <v>0</v>
      </c>
      <c r="H2278" cm="1">
        <f t="array" ref="H2278">IFERROR(INDEX(Jesper!AL$2:AL$366,ROUNDDOWN($C2278/24,0)+1,1)*INDEX($D$3:$AA$30,INDEX(Jesper!$R$2:$R$366,ROW(INDEX(Jesper!AL$2:AL$366,ROUNDDOWN($C2278/24,0)+1,1))-1)+IF('Standard Profiles'!$G$22=$B$10,7,0)+IF('Standard Profiles'!$G$22=$B$17,14,0)+IF('Standard Profiles'!$G$22=$B$24,21,0),MOD($C2278,24)+1)/SUM(INDEX($D$3:$AA$30,INDEX(Jesper!$R$2:$R$366,ROW(INDEX(Jesper!AL$2:AL$366,ROUNDDOWN($C2278/24,0)+1,1))-1)+IF('Standard Profiles'!$G$22=$B$10,7,0)+IF('Standard Profiles'!$G$22=$B$17,14,0)+IF('Standard Profiles'!$G$22=$B$24,21,0),0)),0)</f>
        <v>0</v>
      </c>
      <c r="I2278">
        <f t="shared" si="265"/>
        <v>0.44696857301523313</v>
      </c>
      <c r="J2278">
        <f t="shared" si="266"/>
        <v>1.4898952433841106</v>
      </c>
      <c r="K2278">
        <f t="shared" si="267"/>
        <v>2.2348428650761658</v>
      </c>
      <c r="L2278">
        <f t="shared" si="268"/>
        <v>10.727245752365596</v>
      </c>
      <c r="M2278">
        <f t="shared" si="269"/>
        <v>0</v>
      </c>
      <c r="N2278" s="46">
        <f t="shared" si="270"/>
        <v>45385.499999994558</v>
      </c>
    </row>
    <row r="2279" spans="2:14" x14ac:dyDescent="0.3">
      <c r="B2279">
        <f t="shared" si="264"/>
        <v>3</v>
      </c>
      <c r="C2279" s="16">
        <v>2245</v>
      </c>
      <c r="D2279" cm="1">
        <f t="array" ref="D2279">IFERROR(INDEX(Jesper!AH$2:AH$366,ROUNDDOWN($C2279/24,0)+1,1)*INDEX($D$3:$AA$30,INDEX(Jesper!$R$2:$R$366,ROW(INDEX(Jesper!AH$2:AH$366,ROUNDDOWN($C2279/24,0)+1,1))-1)+IF('Standard Profiles'!$G$18=$B$10,7,0)+IF('Standard Profiles'!$G$18=$B$17,14,0)+IF('Standard Profiles'!$G$18=$B$24,21,0),MOD($C2279,24)+1)/SUM(INDEX($D$3:$AA$30,INDEX(Jesper!$R$2:$R$366,ROW(INDEX(Jesper!AH$2:AH$366,ROUNDDOWN($C2279/24,0)+1,1))-1)+IF('Standard Profiles'!$G$18=$B$10,7,0)+IF('Standard Profiles'!$G$18=$B$17,14,0)+IF('Standard Profiles'!$G$18=$B$24,21,0),0)),0)</f>
        <v>14.898952433841105</v>
      </c>
      <c r="E2279" cm="1">
        <f t="array" ref="E2279">IFERROR(INDEX(Jesper!AI$2:AI$366,ROUNDDOWN($C2279/24,0)+1,1)*INDEX($D$3:$AA$30,INDEX(Jesper!$R$2:$R$366,ROW(INDEX(Jesper!AI$2:AI$366,ROUNDDOWN($C2279/24,0)+1,1))-1)+IF('Standard Profiles'!$G$19=$B$10,7,0)+IF('Standard Profiles'!$G$19=$B$17,14,0)+IF('Standard Profiles'!$G$19=$B$24,21,0),MOD($C2279,24)+1)/SUM(INDEX($D$3:$AA$30,INDEX(Jesper!$R$2:$R$366,ROW(INDEX(Jesper!AI$2:AI$366,ROUNDDOWN($C2279/24,0)+1,1))-1)+IF('Standard Profiles'!$G$19=$B$10,7,0)+IF('Standard Profiles'!$G$19=$B$17,14,0)+IF('Standard Profiles'!$G$19=$B$24,21,0),0)),0)</f>
        <v>0</v>
      </c>
      <c r="F2279" cm="1">
        <f t="array" ref="F2279">IFERROR(INDEX(Jesper!AJ$2:AJ$366,ROUNDDOWN($C2279/24,0)+1,1)*INDEX($D$3:$AA$30,INDEX(Jesper!$R$2:$R$366,ROW(INDEX(Jesper!AJ$2:AJ$366,ROUNDDOWN($C2279/24,0)+1,1))-1)+IF('Standard Profiles'!$G$20=$B$10,7,0)+IF('Standard Profiles'!$G$20=$B$17,14,0)+IF('Standard Profiles'!$G$20=$B$24,21,0),MOD($C2279,24)+1)/SUM(INDEX($D$3:$AA$30,INDEX(Jesper!$R$2:$R$366,ROW(INDEX(Jesper!AJ$2:AJ$366,ROUNDDOWN($C2279/24,0)+1,1))-1)+IF('Standard Profiles'!$G$20=$B$10,7,0)+IF('Standard Profiles'!$G$20=$B$17,14,0)+IF('Standard Profiles'!$G$20=$B$24,21,0),0)),0)</f>
        <v>0</v>
      </c>
      <c r="G2279" cm="1">
        <f t="array" ref="G2279">IFERROR(INDEX(Jesper!AK$2:AK$366,ROUNDDOWN($C2279/24,0)+1,1)*INDEX($D$3:$AA$30,INDEX(Jesper!$R$2:$R$366,ROW(INDEX(Jesper!AK$2:AK$366,ROUNDDOWN($C2279/24,0)+1,1))-1)+IF('Standard Profiles'!$G$21=$B$10,7,0)+IF('Standard Profiles'!$G$21=$B$17,14,0)+IF('Standard Profiles'!$G$21=$B$24,21,0),MOD($C2279,24)+1)/SUM(INDEX($D$3:$AA$30,INDEX(Jesper!$R$2:$R$366,ROW(INDEX(Jesper!AK$2:AK$366,ROUNDDOWN($C2279/24,0)+1,1))-1)+IF('Standard Profiles'!$G$21=$B$10,7,0)+IF('Standard Profiles'!$G$21=$B$17,14,0)+IF('Standard Profiles'!$G$21=$B$24,21,0),0)),0)</f>
        <v>0</v>
      </c>
      <c r="H2279" cm="1">
        <f t="array" ref="H2279">IFERROR(INDEX(Jesper!AL$2:AL$366,ROUNDDOWN($C2279/24,0)+1,1)*INDEX($D$3:$AA$30,INDEX(Jesper!$R$2:$R$366,ROW(INDEX(Jesper!AL$2:AL$366,ROUNDDOWN($C2279/24,0)+1,1))-1)+IF('Standard Profiles'!$G$22=$B$10,7,0)+IF('Standard Profiles'!$G$22=$B$17,14,0)+IF('Standard Profiles'!$G$22=$B$24,21,0),MOD($C2279,24)+1)/SUM(INDEX($D$3:$AA$30,INDEX(Jesper!$R$2:$R$366,ROW(INDEX(Jesper!AL$2:AL$366,ROUNDDOWN($C2279/24,0)+1,1))-1)+IF('Standard Profiles'!$G$22=$B$10,7,0)+IF('Standard Profiles'!$G$22=$B$17,14,0)+IF('Standard Profiles'!$G$22=$B$24,21,0),0)),0)</f>
        <v>0</v>
      </c>
      <c r="I2279">
        <f t="shared" si="265"/>
        <v>0.44696857301523313</v>
      </c>
      <c r="J2279">
        <f t="shared" si="266"/>
        <v>1.4898952433841106</v>
      </c>
      <c r="K2279">
        <f t="shared" si="267"/>
        <v>2.2348428650761658</v>
      </c>
      <c r="L2279">
        <f t="shared" si="268"/>
        <v>10.727245752365596</v>
      </c>
      <c r="M2279">
        <f t="shared" si="269"/>
        <v>0</v>
      </c>
      <c r="N2279" s="46">
        <f t="shared" si="270"/>
        <v>45385.541666661222</v>
      </c>
    </row>
    <row r="2280" spans="2:14" x14ac:dyDescent="0.3">
      <c r="B2280">
        <f t="shared" si="264"/>
        <v>3</v>
      </c>
      <c r="C2280" s="16">
        <v>2246</v>
      </c>
      <c r="D2280" cm="1">
        <f t="array" ref="D2280">IFERROR(INDEX(Jesper!AH$2:AH$366,ROUNDDOWN($C2280/24,0)+1,1)*INDEX($D$3:$AA$30,INDEX(Jesper!$R$2:$R$366,ROW(INDEX(Jesper!AH$2:AH$366,ROUNDDOWN($C2280/24,0)+1,1))-1)+IF('Standard Profiles'!$G$18=$B$10,7,0)+IF('Standard Profiles'!$G$18=$B$17,14,0)+IF('Standard Profiles'!$G$18=$B$24,21,0),MOD($C2280,24)+1)/SUM(INDEX($D$3:$AA$30,INDEX(Jesper!$R$2:$R$366,ROW(INDEX(Jesper!AH$2:AH$366,ROUNDDOWN($C2280/24,0)+1,1))-1)+IF('Standard Profiles'!$G$18=$B$10,7,0)+IF('Standard Profiles'!$G$18=$B$17,14,0)+IF('Standard Profiles'!$G$18=$B$24,21,0),0)),0)</f>
        <v>14.898952433841105</v>
      </c>
      <c r="E2280" cm="1">
        <f t="array" ref="E2280">IFERROR(INDEX(Jesper!AI$2:AI$366,ROUNDDOWN($C2280/24,0)+1,1)*INDEX($D$3:$AA$30,INDEX(Jesper!$R$2:$R$366,ROW(INDEX(Jesper!AI$2:AI$366,ROUNDDOWN($C2280/24,0)+1,1))-1)+IF('Standard Profiles'!$G$19=$B$10,7,0)+IF('Standard Profiles'!$G$19=$B$17,14,0)+IF('Standard Profiles'!$G$19=$B$24,21,0),MOD($C2280,24)+1)/SUM(INDEX($D$3:$AA$30,INDEX(Jesper!$R$2:$R$366,ROW(INDEX(Jesper!AI$2:AI$366,ROUNDDOWN($C2280/24,0)+1,1))-1)+IF('Standard Profiles'!$G$19=$B$10,7,0)+IF('Standard Profiles'!$G$19=$B$17,14,0)+IF('Standard Profiles'!$G$19=$B$24,21,0),0)),0)</f>
        <v>0</v>
      </c>
      <c r="F2280" cm="1">
        <f t="array" ref="F2280">IFERROR(INDEX(Jesper!AJ$2:AJ$366,ROUNDDOWN($C2280/24,0)+1,1)*INDEX($D$3:$AA$30,INDEX(Jesper!$R$2:$R$366,ROW(INDEX(Jesper!AJ$2:AJ$366,ROUNDDOWN($C2280/24,0)+1,1))-1)+IF('Standard Profiles'!$G$20=$B$10,7,0)+IF('Standard Profiles'!$G$20=$B$17,14,0)+IF('Standard Profiles'!$G$20=$B$24,21,0),MOD($C2280,24)+1)/SUM(INDEX($D$3:$AA$30,INDEX(Jesper!$R$2:$R$366,ROW(INDEX(Jesper!AJ$2:AJ$366,ROUNDDOWN($C2280/24,0)+1,1))-1)+IF('Standard Profiles'!$G$20=$B$10,7,0)+IF('Standard Profiles'!$G$20=$B$17,14,0)+IF('Standard Profiles'!$G$20=$B$24,21,0),0)),0)</f>
        <v>0</v>
      </c>
      <c r="G2280" cm="1">
        <f t="array" ref="G2280">IFERROR(INDEX(Jesper!AK$2:AK$366,ROUNDDOWN($C2280/24,0)+1,1)*INDEX($D$3:$AA$30,INDEX(Jesper!$R$2:$R$366,ROW(INDEX(Jesper!AK$2:AK$366,ROUNDDOWN($C2280/24,0)+1,1))-1)+IF('Standard Profiles'!$G$21=$B$10,7,0)+IF('Standard Profiles'!$G$21=$B$17,14,0)+IF('Standard Profiles'!$G$21=$B$24,21,0),MOD($C2280,24)+1)/SUM(INDEX($D$3:$AA$30,INDEX(Jesper!$R$2:$R$366,ROW(INDEX(Jesper!AK$2:AK$366,ROUNDDOWN($C2280/24,0)+1,1))-1)+IF('Standard Profiles'!$G$21=$B$10,7,0)+IF('Standard Profiles'!$G$21=$B$17,14,0)+IF('Standard Profiles'!$G$21=$B$24,21,0),0)),0)</f>
        <v>0</v>
      </c>
      <c r="H2280" cm="1">
        <f t="array" ref="H2280">IFERROR(INDEX(Jesper!AL$2:AL$366,ROUNDDOWN($C2280/24,0)+1,1)*INDEX($D$3:$AA$30,INDEX(Jesper!$R$2:$R$366,ROW(INDEX(Jesper!AL$2:AL$366,ROUNDDOWN($C2280/24,0)+1,1))-1)+IF('Standard Profiles'!$G$22=$B$10,7,0)+IF('Standard Profiles'!$G$22=$B$17,14,0)+IF('Standard Profiles'!$G$22=$B$24,21,0),MOD($C2280,24)+1)/SUM(INDEX($D$3:$AA$30,INDEX(Jesper!$R$2:$R$366,ROW(INDEX(Jesper!AL$2:AL$366,ROUNDDOWN($C2280/24,0)+1,1))-1)+IF('Standard Profiles'!$G$22=$B$10,7,0)+IF('Standard Profiles'!$G$22=$B$17,14,0)+IF('Standard Profiles'!$G$22=$B$24,21,0),0)),0)</f>
        <v>0</v>
      </c>
      <c r="I2280">
        <f t="shared" si="265"/>
        <v>0.44696857301523313</v>
      </c>
      <c r="J2280">
        <f t="shared" si="266"/>
        <v>1.4898952433841106</v>
      </c>
      <c r="K2280">
        <f t="shared" si="267"/>
        <v>2.2348428650761658</v>
      </c>
      <c r="L2280">
        <f t="shared" si="268"/>
        <v>10.727245752365596</v>
      </c>
      <c r="M2280">
        <f t="shared" si="269"/>
        <v>0</v>
      </c>
      <c r="N2280" s="46">
        <f t="shared" si="270"/>
        <v>45385.583333327886</v>
      </c>
    </row>
    <row r="2281" spans="2:14" x14ac:dyDescent="0.3">
      <c r="B2281">
        <f t="shared" si="264"/>
        <v>3</v>
      </c>
      <c r="C2281" s="16">
        <v>2247</v>
      </c>
      <c r="D2281" cm="1">
        <f t="array" ref="D2281">IFERROR(INDEX(Jesper!AH$2:AH$366,ROUNDDOWN($C2281/24,0)+1,1)*INDEX($D$3:$AA$30,INDEX(Jesper!$R$2:$R$366,ROW(INDEX(Jesper!AH$2:AH$366,ROUNDDOWN($C2281/24,0)+1,1))-1)+IF('Standard Profiles'!$G$18=$B$10,7,0)+IF('Standard Profiles'!$G$18=$B$17,14,0)+IF('Standard Profiles'!$G$18=$B$24,21,0),MOD($C2281,24)+1)/SUM(INDEX($D$3:$AA$30,INDEX(Jesper!$R$2:$R$366,ROW(INDEX(Jesper!AH$2:AH$366,ROUNDDOWN($C2281/24,0)+1,1))-1)+IF('Standard Profiles'!$G$18=$B$10,7,0)+IF('Standard Profiles'!$G$18=$B$17,14,0)+IF('Standard Profiles'!$G$18=$B$24,21,0),0)),0)</f>
        <v>14.898952433841105</v>
      </c>
      <c r="E2281" cm="1">
        <f t="array" ref="E2281">IFERROR(INDEX(Jesper!AI$2:AI$366,ROUNDDOWN($C2281/24,0)+1,1)*INDEX($D$3:$AA$30,INDEX(Jesper!$R$2:$R$366,ROW(INDEX(Jesper!AI$2:AI$366,ROUNDDOWN($C2281/24,0)+1,1))-1)+IF('Standard Profiles'!$G$19=$B$10,7,0)+IF('Standard Profiles'!$G$19=$B$17,14,0)+IF('Standard Profiles'!$G$19=$B$24,21,0),MOD($C2281,24)+1)/SUM(INDEX($D$3:$AA$30,INDEX(Jesper!$R$2:$R$366,ROW(INDEX(Jesper!AI$2:AI$366,ROUNDDOWN($C2281/24,0)+1,1))-1)+IF('Standard Profiles'!$G$19=$B$10,7,0)+IF('Standard Profiles'!$G$19=$B$17,14,0)+IF('Standard Profiles'!$G$19=$B$24,21,0),0)),0)</f>
        <v>0</v>
      </c>
      <c r="F2281" cm="1">
        <f t="array" ref="F2281">IFERROR(INDEX(Jesper!AJ$2:AJ$366,ROUNDDOWN($C2281/24,0)+1,1)*INDEX($D$3:$AA$30,INDEX(Jesper!$R$2:$R$366,ROW(INDEX(Jesper!AJ$2:AJ$366,ROUNDDOWN($C2281/24,0)+1,1))-1)+IF('Standard Profiles'!$G$20=$B$10,7,0)+IF('Standard Profiles'!$G$20=$B$17,14,0)+IF('Standard Profiles'!$G$20=$B$24,21,0),MOD($C2281,24)+1)/SUM(INDEX($D$3:$AA$30,INDEX(Jesper!$R$2:$R$366,ROW(INDEX(Jesper!AJ$2:AJ$366,ROUNDDOWN($C2281/24,0)+1,1))-1)+IF('Standard Profiles'!$G$20=$B$10,7,0)+IF('Standard Profiles'!$G$20=$B$17,14,0)+IF('Standard Profiles'!$G$20=$B$24,21,0),0)),0)</f>
        <v>0</v>
      </c>
      <c r="G2281" cm="1">
        <f t="array" ref="G2281">IFERROR(INDEX(Jesper!AK$2:AK$366,ROUNDDOWN($C2281/24,0)+1,1)*INDEX($D$3:$AA$30,INDEX(Jesper!$R$2:$R$366,ROW(INDEX(Jesper!AK$2:AK$366,ROUNDDOWN($C2281/24,0)+1,1))-1)+IF('Standard Profiles'!$G$21=$B$10,7,0)+IF('Standard Profiles'!$G$21=$B$17,14,0)+IF('Standard Profiles'!$G$21=$B$24,21,0),MOD($C2281,24)+1)/SUM(INDEX($D$3:$AA$30,INDEX(Jesper!$R$2:$R$366,ROW(INDEX(Jesper!AK$2:AK$366,ROUNDDOWN($C2281/24,0)+1,1))-1)+IF('Standard Profiles'!$G$21=$B$10,7,0)+IF('Standard Profiles'!$G$21=$B$17,14,0)+IF('Standard Profiles'!$G$21=$B$24,21,0),0)),0)</f>
        <v>0</v>
      </c>
      <c r="H2281" cm="1">
        <f t="array" ref="H2281">IFERROR(INDEX(Jesper!AL$2:AL$366,ROUNDDOWN($C2281/24,0)+1,1)*INDEX($D$3:$AA$30,INDEX(Jesper!$R$2:$R$366,ROW(INDEX(Jesper!AL$2:AL$366,ROUNDDOWN($C2281/24,0)+1,1))-1)+IF('Standard Profiles'!$G$22=$B$10,7,0)+IF('Standard Profiles'!$G$22=$B$17,14,0)+IF('Standard Profiles'!$G$22=$B$24,21,0),MOD($C2281,24)+1)/SUM(INDEX($D$3:$AA$30,INDEX(Jesper!$R$2:$R$366,ROW(INDEX(Jesper!AL$2:AL$366,ROUNDDOWN($C2281/24,0)+1,1))-1)+IF('Standard Profiles'!$G$22=$B$10,7,0)+IF('Standard Profiles'!$G$22=$B$17,14,0)+IF('Standard Profiles'!$G$22=$B$24,21,0),0)),0)</f>
        <v>0</v>
      </c>
      <c r="I2281">
        <f t="shared" si="265"/>
        <v>0.44696857301523313</v>
      </c>
      <c r="J2281">
        <f t="shared" si="266"/>
        <v>1.4898952433841106</v>
      </c>
      <c r="K2281">
        <f t="shared" si="267"/>
        <v>2.2348428650761658</v>
      </c>
      <c r="L2281">
        <f t="shared" si="268"/>
        <v>10.727245752365596</v>
      </c>
      <c r="M2281">
        <f t="shared" si="269"/>
        <v>0</v>
      </c>
      <c r="N2281" s="46">
        <f t="shared" si="270"/>
        <v>45385.62499999455</v>
      </c>
    </row>
    <row r="2282" spans="2:14" x14ac:dyDescent="0.3">
      <c r="B2282">
        <f t="shared" si="264"/>
        <v>3</v>
      </c>
      <c r="C2282" s="16">
        <v>2248</v>
      </c>
      <c r="D2282" cm="1">
        <f t="array" ref="D2282">IFERROR(INDEX(Jesper!AH$2:AH$366,ROUNDDOWN($C2282/24,0)+1,1)*INDEX($D$3:$AA$30,INDEX(Jesper!$R$2:$R$366,ROW(INDEX(Jesper!AH$2:AH$366,ROUNDDOWN($C2282/24,0)+1,1))-1)+IF('Standard Profiles'!$G$18=$B$10,7,0)+IF('Standard Profiles'!$G$18=$B$17,14,0)+IF('Standard Profiles'!$G$18=$B$24,21,0),MOD($C2282,24)+1)/SUM(INDEX($D$3:$AA$30,INDEX(Jesper!$R$2:$R$366,ROW(INDEX(Jesper!AH$2:AH$366,ROUNDDOWN($C2282/24,0)+1,1))-1)+IF('Standard Profiles'!$G$18=$B$10,7,0)+IF('Standard Profiles'!$G$18=$B$17,14,0)+IF('Standard Profiles'!$G$18=$B$24,21,0),0)),0)</f>
        <v>14.898952433841105</v>
      </c>
      <c r="E2282" cm="1">
        <f t="array" ref="E2282">IFERROR(INDEX(Jesper!AI$2:AI$366,ROUNDDOWN($C2282/24,0)+1,1)*INDEX($D$3:$AA$30,INDEX(Jesper!$R$2:$R$366,ROW(INDEX(Jesper!AI$2:AI$366,ROUNDDOWN($C2282/24,0)+1,1))-1)+IF('Standard Profiles'!$G$19=$B$10,7,0)+IF('Standard Profiles'!$G$19=$B$17,14,0)+IF('Standard Profiles'!$G$19=$B$24,21,0),MOD($C2282,24)+1)/SUM(INDEX($D$3:$AA$30,INDEX(Jesper!$R$2:$R$366,ROW(INDEX(Jesper!AI$2:AI$366,ROUNDDOWN($C2282/24,0)+1,1))-1)+IF('Standard Profiles'!$G$19=$B$10,7,0)+IF('Standard Profiles'!$G$19=$B$17,14,0)+IF('Standard Profiles'!$G$19=$B$24,21,0),0)),0)</f>
        <v>0</v>
      </c>
      <c r="F2282" cm="1">
        <f t="array" ref="F2282">IFERROR(INDEX(Jesper!AJ$2:AJ$366,ROUNDDOWN($C2282/24,0)+1,1)*INDEX($D$3:$AA$30,INDEX(Jesper!$R$2:$R$366,ROW(INDEX(Jesper!AJ$2:AJ$366,ROUNDDOWN($C2282/24,0)+1,1))-1)+IF('Standard Profiles'!$G$20=$B$10,7,0)+IF('Standard Profiles'!$G$20=$B$17,14,0)+IF('Standard Profiles'!$G$20=$B$24,21,0),MOD($C2282,24)+1)/SUM(INDEX($D$3:$AA$30,INDEX(Jesper!$R$2:$R$366,ROW(INDEX(Jesper!AJ$2:AJ$366,ROUNDDOWN($C2282/24,0)+1,1))-1)+IF('Standard Profiles'!$G$20=$B$10,7,0)+IF('Standard Profiles'!$G$20=$B$17,14,0)+IF('Standard Profiles'!$G$20=$B$24,21,0),0)),0)</f>
        <v>0</v>
      </c>
      <c r="G2282" cm="1">
        <f t="array" ref="G2282">IFERROR(INDEX(Jesper!AK$2:AK$366,ROUNDDOWN($C2282/24,0)+1,1)*INDEX($D$3:$AA$30,INDEX(Jesper!$R$2:$R$366,ROW(INDEX(Jesper!AK$2:AK$366,ROUNDDOWN($C2282/24,0)+1,1))-1)+IF('Standard Profiles'!$G$21=$B$10,7,0)+IF('Standard Profiles'!$G$21=$B$17,14,0)+IF('Standard Profiles'!$G$21=$B$24,21,0),MOD($C2282,24)+1)/SUM(INDEX($D$3:$AA$30,INDEX(Jesper!$R$2:$R$366,ROW(INDEX(Jesper!AK$2:AK$366,ROUNDDOWN($C2282/24,0)+1,1))-1)+IF('Standard Profiles'!$G$21=$B$10,7,0)+IF('Standard Profiles'!$G$21=$B$17,14,0)+IF('Standard Profiles'!$G$21=$B$24,21,0),0)),0)</f>
        <v>0</v>
      </c>
      <c r="H2282" cm="1">
        <f t="array" ref="H2282">IFERROR(INDEX(Jesper!AL$2:AL$366,ROUNDDOWN($C2282/24,0)+1,1)*INDEX($D$3:$AA$30,INDEX(Jesper!$R$2:$R$366,ROW(INDEX(Jesper!AL$2:AL$366,ROUNDDOWN($C2282/24,0)+1,1))-1)+IF('Standard Profiles'!$G$22=$B$10,7,0)+IF('Standard Profiles'!$G$22=$B$17,14,0)+IF('Standard Profiles'!$G$22=$B$24,21,0),MOD($C2282,24)+1)/SUM(INDEX($D$3:$AA$30,INDEX(Jesper!$R$2:$R$366,ROW(INDEX(Jesper!AL$2:AL$366,ROUNDDOWN($C2282/24,0)+1,1))-1)+IF('Standard Profiles'!$G$22=$B$10,7,0)+IF('Standard Profiles'!$G$22=$B$17,14,0)+IF('Standard Profiles'!$G$22=$B$24,21,0),0)),0)</f>
        <v>0</v>
      </c>
      <c r="I2282">
        <f t="shared" si="265"/>
        <v>0.44696857301523313</v>
      </c>
      <c r="J2282">
        <f t="shared" si="266"/>
        <v>1.4898952433841106</v>
      </c>
      <c r="K2282">
        <f t="shared" si="267"/>
        <v>2.2348428650761658</v>
      </c>
      <c r="L2282">
        <f t="shared" si="268"/>
        <v>10.727245752365596</v>
      </c>
      <c r="M2282">
        <f t="shared" si="269"/>
        <v>0</v>
      </c>
      <c r="N2282" s="46">
        <f t="shared" si="270"/>
        <v>45385.666666661215</v>
      </c>
    </row>
    <row r="2283" spans="2:14" x14ac:dyDescent="0.3">
      <c r="B2283">
        <f t="shared" si="264"/>
        <v>3</v>
      </c>
      <c r="C2283" s="16">
        <v>2249</v>
      </c>
      <c r="D2283" cm="1">
        <f t="array" ref="D2283">IFERROR(INDEX(Jesper!AH$2:AH$366,ROUNDDOWN($C2283/24,0)+1,1)*INDEX($D$3:$AA$30,INDEX(Jesper!$R$2:$R$366,ROW(INDEX(Jesper!AH$2:AH$366,ROUNDDOWN($C2283/24,0)+1,1))-1)+IF('Standard Profiles'!$G$18=$B$10,7,0)+IF('Standard Profiles'!$G$18=$B$17,14,0)+IF('Standard Profiles'!$G$18=$B$24,21,0),MOD($C2283,24)+1)/SUM(INDEX($D$3:$AA$30,INDEX(Jesper!$R$2:$R$366,ROW(INDEX(Jesper!AH$2:AH$366,ROUNDDOWN($C2283/24,0)+1,1))-1)+IF('Standard Profiles'!$G$18=$B$10,7,0)+IF('Standard Profiles'!$G$18=$B$17,14,0)+IF('Standard Profiles'!$G$18=$B$24,21,0),0)),0)</f>
        <v>14.898952433841105</v>
      </c>
      <c r="E2283" cm="1">
        <f t="array" ref="E2283">IFERROR(INDEX(Jesper!AI$2:AI$366,ROUNDDOWN($C2283/24,0)+1,1)*INDEX($D$3:$AA$30,INDEX(Jesper!$R$2:$R$366,ROW(INDEX(Jesper!AI$2:AI$366,ROUNDDOWN($C2283/24,0)+1,1))-1)+IF('Standard Profiles'!$G$19=$B$10,7,0)+IF('Standard Profiles'!$G$19=$B$17,14,0)+IF('Standard Profiles'!$G$19=$B$24,21,0),MOD($C2283,24)+1)/SUM(INDEX($D$3:$AA$30,INDEX(Jesper!$R$2:$R$366,ROW(INDEX(Jesper!AI$2:AI$366,ROUNDDOWN($C2283/24,0)+1,1))-1)+IF('Standard Profiles'!$G$19=$B$10,7,0)+IF('Standard Profiles'!$G$19=$B$17,14,0)+IF('Standard Profiles'!$G$19=$B$24,21,0),0)),0)</f>
        <v>0</v>
      </c>
      <c r="F2283" cm="1">
        <f t="array" ref="F2283">IFERROR(INDEX(Jesper!AJ$2:AJ$366,ROUNDDOWN($C2283/24,0)+1,1)*INDEX($D$3:$AA$30,INDEX(Jesper!$R$2:$R$366,ROW(INDEX(Jesper!AJ$2:AJ$366,ROUNDDOWN($C2283/24,0)+1,1))-1)+IF('Standard Profiles'!$G$20=$B$10,7,0)+IF('Standard Profiles'!$G$20=$B$17,14,0)+IF('Standard Profiles'!$G$20=$B$24,21,0),MOD($C2283,24)+1)/SUM(INDEX($D$3:$AA$30,INDEX(Jesper!$R$2:$R$366,ROW(INDEX(Jesper!AJ$2:AJ$366,ROUNDDOWN($C2283/24,0)+1,1))-1)+IF('Standard Profiles'!$G$20=$B$10,7,0)+IF('Standard Profiles'!$G$20=$B$17,14,0)+IF('Standard Profiles'!$G$20=$B$24,21,0),0)),0)</f>
        <v>0</v>
      </c>
      <c r="G2283" cm="1">
        <f t="array" ref="G2283">IFERROR(INDEX(Jesper!AK$2:AK$366,ROUNDDOWN($C2283/24,0)+1,1)*INDEX($D$3:$AA$30,INDEX(Jesper!$R$2:$R$366,ROW(INDEX(Jesper!AK$2:AK$366,ROUNDDOWN($C2283/24,0)+1,1))-1)+IF('Standard Profiles'!$G$21=$B$10,7,0)+IF('Standard Profiles'!$G$21=$B$17,14,0)+IF('Standard Profiles'!$G$21=$B$24,21,0),MOD($C2283,24)+1)/SUM(INDEX($D$3:$AA$30,INDEX(Jesper!$R$2:$R$366,ROW(INDEX(Jesper!AK$2:AK$366,ROUNDDOWN($C2283/24,0)+1,1))-1)+IF('Standard Profiles'!$G$21=$B$10,7,0)+IF('Standard Profiles'!$G$21=$B$17,14,0)+IF('Standard Profiles'!$G$21=$B$24,21,0),0)),0)</f>
        <v>0</v>
      </c>
      <c r="H2283" cm="1">
        <f t="array" ref="H2283">IFERROR(INDEX(Jesper!AL$2:AL$366,ROUNDDOWN($C2283/24,0)+1,1)*INDEX($D$3:$AA$30,INDEX(Jesper!$R$2:$R$366,ROW(INDEX(Jesper!AL$2:AL$366,ROUNDDOWN($C2283/24,0)+1,1))-1)+IF('Standard Profiles'!$G$22=$B$10,7,0)+IF('Standard Profiles'!$G$22=$B$17,14,0)+IF('Standard Profiles'!$G$22=$B$24,21,0),MOD($C2283,24)+1)/SUM(INDEX($D$3:$AA$30,INDEX(Jesper!$R$2:$R$366,ROW(INDEX(Jesper!AL$2:AL$366,ROUNDDOWN($C2283/24,0)+1,1))-1)+IF('Standard Profiles'!$G$22=$B$10,7,0)+IF('Standard Profiles'!$G$22=$B$17,14,0)+IF('Standard Profiles'!$G$22=$B$24,21,0),0)),0)</f>
        <v>0</v>
      </c>
      <c r="I2283">
        <f t="shared" si="265"/>
        <v>0.44696857301523313</v>
      </c>
      <c r="J2283">
        <f t="shared" si="266"/>
        <v>1.4898952433841106</v>
      </c>
      <c r="K2283">
        <f t="shared" si="267"/>
        <v>2.2348428650761658</v>
      </c>
      <c r="L2283">
        <f t="shared" si="268"/>
        <v>10.727245752365596</v>
      </c>
      <c r="M2283">
        <f t="shared" si="269"/>
        <v>0</v>
      </c>
      <c r="N2283" s="46">
        <f t="shared" si="270"/>
        <v>45385.708333327879</v>
      </c>
    </row>
    <row r="2284" spans="2:14" x14ac:dyDescent="0.3">
      <c r="B2284">
        <f t="shared" si="264"/>
        <v>3</v>
      </c>
      <c r="C2284" s="16">
        <v>2250</v>
      </c>
      <c r="D2284" cm="1">
        <f t="array" ref="D2284">IFERROR(INDEX(Jesper!AH$2:AH$366,ROUNDDOWN($C2284/24,0)+1,1)*INDEX($D$3:$AA$30,INDEX(Jesper!$R$2:$R$366,ROW(INDEX(Jesper!AH$2:AH$366,ROUNDDOWN($C2284/24,0)+1,1))-1)+IF('Standard Profiles'!$G$18=$B$10,7,0)+IF('Standard Profiles'!$G$18=$B$17,14,0)+IF('Standard Profiles'!$G$18=$B$24,21,0),MOD($C2284,24)+1)/SUM(INDEX($D$3:$AA$30,INDEX(Jesper!$R$2:$R$366,ROW(INDEX(Jesper!AH$2:AH$366,ROUNDDOWN($C2284/24,0)+1,1))-1)+IF('Standard Profiles'!$G$18=$B$10,7,0)+IF('Standard Profiles'!$G$18=$B$17,14,0)+IF('Standard Profiles'!$G$18=$B$24,21,0),0)),0)</f>
        <v>14.898952433841105</v>
      </c>
      <c r="E2284" cm="1">
        <f t="array" ref="E2284">IFERROR(INDEX(Jesper!AI$2:AI$366,ROUNDDOWN($C2284/24,0)+1,1)*INDEX($D$3:$AA$30,INDEX(Jesper!$R$2:$R$366,ROW(INDEX(Jesper!AI$2:AI$366,ROUNDDOWN($C2284/24,0)+1,1))-1)+IF('Standard Profiles'!$G$19=$B$10,7,0)+IF('Standard Profiles'!$G$19=$B$17,14,0)+IF('Standard Profiles'!$G$19=$B$24,21,0),MOD($C2284,24)+1)/SUM(INDEX($D$3:$AA$30,INDEX(Jesper!$R$2:$R$366,ROW(INDEX(Jesper!AI$2:AI$366,ROUNDDOWN($C2284/24,0)+1,1))-1)+IF('Standard Profiles'!$G$19=$B$10,7,0)+IF('Standard Profiles'!$G$19=$B$17,14,0)+IF('Standard Profiles'!$G$19=$B$24,21,0),0)),0)</f>
        <v>0</v>
      </c>
      <c r="F2284" cm="1">
        <f t="array" ref="F2284">IFERROR(INDEX(Jesper!AJ$2:AJ$366,ROUNDDOWN($C2284/24,0)+1,1)*INDEX($D$3:$AA$30,INDEX(Jesper!$R$2:$R$366,ROW(INDEX(Jesper!AJ$2:AJ$366,ROUNDDOWN($C2284/24,0)+1,1))-1)+IF('Standard Profiles'!$G$20=$B$10,7,0)+IF('Standard Profiles'!$G$20=$B$17,14,0)+IF('Standard Profiles'!$G$20=$B$24,21,0),MOD($C2284,24)+1)/SUM(INDEX($D$3:$AA$30,INDEX(Jesper!$R$2:$R$366,ROW(INDEX(Jesper!AJ$2:AJ$366,ROUNDDOWN($C2284/24,0)+1,1))-1)+IF('Standard Profiles'!$G$20=$B$10,7,0)+IF('Standard Profiles'!$G$20=$B$17,14,0)+IF('Standard Profiles'!$G$20=$B$24,21,0),0)),0)</f>
        <v>0</v>
      </c>
      <c r="G2284" cm="1">
        <f t="array" ref="G2284">IFERROR(INDEX(Jesper!AK$2:AK$366,ROUNDDOWN($C2284/24,0)+1,1)*INDEX($D$3:$AA$30,INDEX(Jesper!$R$2:$R$366,ROW(INDEX(Jesper!AK$2:AK$366,ROUNDDOWN($C2284/24,0)+1,1))-1)+IF('Standard Profiles'!$G$21=$B$10,7,0)+IF('Standard Profiles'!$G$21=$B$17,14,0)+IF('Standard Profiles'!$G$21=$B$24,21,0),MOD($C2284,24)+1)/SUM(INDEX($D$3:$AA$30,INDEX(Jesper!$R$2:$R$366,ROW(INDEX(Jesper!AK$2:AK$366,ROUNDDOWN($C2284/24,0)+1,1))-1)+IF('Standard Profiles'!$G$21=$B$10,7,0)+IF('Standard Profiles'!$G$21=$B$17,14,0)+IF('Standard Profiles'!$G$21=$B$24,21,0),0)),0)</f>
        <v>0</v>
      </c>
      <c r="H2284" cm="1">
        <f t="array" ref="H2284">IFERROR(INDEX(Jesper!AL$2:AL$366,ROUNDDOWN($C2284/24,0)+1,1)*INDEX($D$3:$AA$30,INDEX(Jesper!$R$2:$R$366,ROW(INDEX(Jesper!AL$2:AL$366,ROUNDDOWN($C2284/24,0)+1,1))-1)+IF('Standard Profiles'!$G$22=$B$10,7,0)+IF('Standard Profiles'!$G$22=$B$17,14,0)+IF('Standard Profiles'!$G$22=$B$24,21,0),MOD($C2284,24)+1)/SUM(INDEX($D$3:$AA$30,INDEX(Jesper!$R$2:$R$366,ROW(INDEX(Jesper!AL$2:AL$366,ROUNDDOWN($C2284/24,0)+1,1))-1)+IF('Standard Profiles'!$G$22=$B$10,7,0)+IF('Standard Profiles'!$G$22=$B$17,14,0)+IF('Standard Profiles'!$G$22=$B$24,21,0),0)),0)</f>
        <v>0</v>
      </c>
      <c r="I2284">
        <f t="shared" si="265"/>
        <v>0.44696857301523313</v>
      </c>
      <c r="J2284">
        <f t="shared" si="266"/>
        <v>1.4898952433841106</v>
      </c>
      <c r="K2284">
        <f t="shared" si="267"/>
        <v>2.2348428650761658</v>
      </c>
      <c r="L2284">
        <f t="shared" si="268"/>
        <v>10.727245752365596</v>
      </c>
      <c r="M2284">
        <f t="shared" si="269"/>
        <v>0</v>
      </c>
      <c r="N2284" s="46">
        <f t="shared" si="270"/>
        <v>45385.749999994543</v>
      </c>
    </row>
    <row r="2285" spans="2:14" x14ac:dyDescent="0.3">
      <c r="B2285">
        <f t="shared" si="264"/>
        <v>3</v>
      </c>
      <c r="C2285" s="16">
        <v>2251</v>
      </c>
      <c r="D2285" cm="1">
        <f t="array" ref="D2285">IFERROR(INDEX(Jesper!AH$2:AH$366,ROUNDDOWN($C2285/24,0)+1,1)*INDEX($D$3:$AA$30,INDEX(Jesper!$R$2:$R$366,ROW(INDEX(Jesper!AH$2:AH$366,ROUNDDOWN($C2285/24,0)+1,1))-1)+IF('Standard Profiles'!$G$18=$B$10,7,0)+IF('Standard Profiles'!$G$18=$B$17,14,0)+IF('Standard Profiles'!$G$18=$B$24,21,0),MOD($C2285,24)+1)/SUM(INDEX($D$3:$AA$30,INDEX(Jesper!$R$2:$R$366,ROW(INDEX(Jesper!AH$2:AH$366,ROUNDDOWN($C2285/24,0)+1,1))-1)+IF('Standard Profiles'!$G$18=$B$10,7,0)+IF('Standard Profiles'!$G$18=$B$17,14,0)+IF('Standard Profiles'!$G$18=$B$24,21,0),0)),0)</f>
        <v>12.41579369486759</v>
      </c>
      <c r="E2285" cm="1">
        <f t="array" ref="E2285">IFERROR(INDEX(Jesper!AI$2:AI$366,ROUNDDOWN($C2285/24,0)+1,1)*INDEX($D$3:$AA$30,INDEX(Jesper!$R$2:$R$366,ROW(INDEX(Jesper!AI$2:AI$366,ROUNDDOWN($C2285/24,0)+1,1))-1)+IF('Standard Profiles'!$G$19=$B$10,7,0)+IF('Standard Profiles'!$G$19=$B$17,14,0)+IF('Standard Profiles'!$G$19=$B$24,21,0),MOD($C2285,24)+1)/SUM(INDEX($D$3:$AA$30,INDEX(Jesper!$R$2:$R$366,ROW(INDEX(Jesper!AI$2:AI$366,ROUNDDOWN($C2285/24,0)+1,1))-1)+IF('Standard Profiles'!$G$19=$B$10,7,0)+IF('Standard Profiles'!$G$19=$B$17,14,0)+IF('Standard Profiles'!$G$19=$B$24,21,0),0)),0)</f>
        <v>0</v>
      </c>
      <c r="F2285" cm="1">
        <f t="array" ref="F2285">IFERROR(INDEX(Jesper!AJ$2:AJ$366,ROUNDDOWN($C2285/24,0)+1,1)*INDEX($D$3:$AA$30,INDEX(Jesper!$R$2:$R$366,ROW(INDEX(Jesper!AJ$2:AJ$366,ROUNDDOWN($C2285/24,0)+1,1))-1)+IF('Standard Profiles'!$G$20=$B$10,7,0)+IF('Standard Profiles'!$G$20=$B$17,14,0)+IF('Standard Profiles'!$G$20=$B$24,21,0),MOD($C2285,24)+1)/SUM(INDEX($D$3:$AA$30,INDEX(Jesper!$R$2:$R$366,ROW(INDEX(Jesper!AJ$2:AJ$366,ROUNDDOWN($C2285/24,0)+1,1))-1)+IF('Standard Profiles'!$G$20=$B$10,7,0)+IF('Standard Profiles'!$G$20=$B$17,14,0)+IF('Standard Profiles'!$G$20=$B$24,21,0),0)),0)</f>
        <v>0</v>
      </c>
      <c r="G2285" cm="1">
        <f t="array" ref="G2285">IFERROR(INDEX(Jesper!AK$2:AK$366,ROUNDDOWN($C2285/24,0)+1,1)*INDEX($D$3:$AA$30,INDEX(Jesper!$R$2:$R$366,ROW(INDEX(Jesper!AK$2:AK$366,ROUNDDOWN($C2285/24,0)+1,1))-1)+IF('Standard Profiles'!$G$21=$B$10,7,0)+IF('Standard Profiles'!$G$21=$B$17,14,0)+IF('Standard Profiles'!$G$21=$B$24,21,0),MOD($C2285,24)+1)/SUM(INDEX($D$3:$AA$30,INDEX(Jesper!$R$2:$R$366,ROW(INDEX(Jesper!AK$2:AK$366,ROUNDDOWN($C2285/24,0)+1,1))-1)+IF('Standard Profiles'!$G$21=$B$10,7,0)+IF('Standard Profiles'!$G$21=$B$17,14,0)+IF('Standard Profiles'!$G$21=$B$24,21,0),0)),0)</f>
        <v>0</v>
      </c>
      <c r="H2285" cm="1">
        <f t="array" ref="H2285">IFERROR(INDEX(Jesper!AL$2:AL$366,ROUNDDOWN($C2285/24,0)+1,1)*INDEX($D$3:$AA$30,INDEX(Jesper!$R$2:$R$366,ROW(INDEX(Jesper!AL$2:AL$366,ROUNDDOWN($C2285/24,0)+1,1))-1)+IF('Standard Profiles'!$G$22=$B$10,7,0)+IF('Standard Profiles'!$G$22=$B$17,14,0)+IF('Standard Profiles'!$G$22=$B$24,21,0),MOD($C2285,24)+1)/SUM(INDEX($D$3:$AA$30,INDEX(Jesper!$R$2:$R$366,ROW(INDEX(Jesper!AL$2:AL$366,ROUNDDOWN($C2285/24,0)+1,1))-1)+IF('Standard Profiles'!$G$22=$B$10,7,0)+IF('Standard Profiles'!$G$22=$B$17,14,0)+IF('Standard Profiles'!$G$22=$B$24,21,0),0)),0)</f>
        <v>0</v>
      </c>
      <c r="I2285">
        <f t="shared" si="265"/>
        <v>0.37247381084602771</v>
      </c>
      <c r="J2285">
        <f t="shared" si="266"/>
        <v>1.2415793694867592</v>
      </c>
      <c r="K2285">
        <f t="shared" si="267"/>
        <v>1.8623690542301383</v>
      </c>
      <c r="L2285">
        <f t="shared" si="268"/>
        <v>8.939371460304665</v>
      </c>
      <c r="M2285">
        <f t="shared" si="269"/>
        <v>0</v>
      </c>
      <c r="N2285" s="46">
        <f t="shared" si="270"/>
        <v>45385.791666661207</v>
      </c>
    </row>
    <row r="2286" spans="2:14" x14ac:dyDescent="0.3">
      <c r="B2286">
        <f t="shared" si="264"/>
        <v>3</v>
      </c>
      <c r="C2286" s="16">
        <v>2252</v>
      </c>
      <c r="D2286" cm="1">
        <f t="array" ref="D2286">IFERROR(INDEX(Jesper!AH$2:AH$366,ROUNDDOWN($C2286/24,0)+1,1)*INDEX($D$3:$AA$30,INDEX(Jesper!$R$2:$R$366,ROW(INDEX(Jesper!AH$2:AH$366,ROUNDDOWN($C2286/24,0)+1,1))-1)+IF('Standard Profiles'!$G$18=$B$10,7,0)+IF('Standard Profiles'!$G$18=$B$17,14,0)+IF('Standard Profiles'!$G$18=$B$24,21,0),MOD($C2286,24)+1)/SUM(INDEX($D$3:$AA$30,INDEX(Jesper!$R$2:$R$366,ROW(INDEX(Jesper!AH$2:AH$366,ROUNDDOWN($C2286/24,0)+1,1))-1)+IF('Standard Profiles'!$G$18=$B$10,7,0)+IF('Standard Profiles'!$G$18=$B$17,14,0)+IF('Standard Profiles'!$G$18=$B$24,21,0),0)),0)</f>
        <v>9.9326349558940716</v>
      </c>
      <c r="E2286" cm="1">
        <f t="array" ref="E2286">IFERROR(INDEX(Jesper!AI$2:AI$366,ROUNDDOWN($C2286/24,0)+1,1)*INDEX($D$3:$AA$30,INDEX(Jesper!$R$2:$R$366,ROW(INDEX(Jesper!AI$2:AI$366,ROUNDDOWN($C2286/24,0)+1,1))-1)+IF('Standard Profiles'!$G$19=$B$10,7,0)+IF('Standard Profiles'!$G$19=$B$17,14,0)+IF('Standard Profiles'!$G$19=$B$24,21,0),MOD($C2286,24)+1)/SUM(INDEX($D$3:$AA$30,INDEX(Jesper!$R$2:$R$366,ROW(INDEX(Jesper!AI$2:AI$366,ROUNDDOWN($C2286/24,0)+1,1))-1)+IF('Standard Profiles'!$G$19=$B$10,7,0)+IF('Standard Profiles'!$G$19=$B$17,14,0)+IF('Standard Profiles'!$G$19=$B$24,21,0),0)),0)</f>
        <v>0</v>
      </c>
      <c r="F2286" cm="1">
        <f t="array" ref="F2286">IFERROR(INDEX(Jesper!AJ$2:AJ$366,ROUNDDOWN($C2286/24,0)+1,1)*INDEX($D$3:$AA$30,INDEX(Jesper!$R$2:$R$366,ROW(INDEX(Jesper!AJ$2:AJ$366,ROUNDDOWN($C2286/24,0)+1,1))-1)+IF('Standard Profiles'!$G$20=$B$10,7,0)+IF('Standard Profiles'!$G$20=$B$17,14,0)+IF('Standard Profiles'!$G$20=$B$24,21,0),MOD($C2286,24)+1)/SUM(INDEX($D$3:$AA$30,INDEX(Jesper!$R$2:$R$366,ROW(INDEX(Jesper!AJ$2:AJ$366,ROUNDDOWN($C2286/24,0)+1,1))-1)+IF('Standard Profiles'!$G$20=$B$10,7,0)+IF('Standard Profiles'!$G$20=$B$17,14,0)+IF('Standard Profiles'!$G$20=$B$24,21,0),0)),0)</f>
        <v>0</v>
      </c>
      <c r="G2286" cm="1">
        <f t="array" ref="G2286">IFERROR(INDEX(Jesper!AK$2:AK$366,ROUNDDOWN($C2286/24,0)+1,1)*INDEX($D$3:$AA$30,INDEX(Jesper!$R$2:$R$366,ROW(INDEX(Jesper!AK$2:AK$366,ROUNDDOWN($C2286/24,0)+1,1))-1)+IF('Standard Profiles'!$G$21=$B$10,7,0)+IF('Standard Profiles'!$G$21=$B$17,14,0)+IF('Standard Profiles'!$G$21=$B$24,21,0),MOD($C2286,24)+1)/SUM(INDEX($D$3:$AA$30,INDEX(Jesper!$R$2:$R$366,ROW(INDEX(Jesper!AK$2:AK$366,ROUNDDOWN($C2286/24,0)+1,1))-1)+IF('Standard Profiles'!$G$21=$B$10,7,0)+IF('Standard Profiles'!$G$21=$B$17,14,0)+IF('Standard Profiles'!$G$21=$B$24,21,0),0)),0)</f>
        <v>0</v>
      </c>
      <c r="H2286" cm="1">
        <f t="array" ref="H2286">IFERROR(INDEX(Jesper!AL$2:AL$366,ROUNDDOWN($C2286/24,0)+1,1)*INDEX($D$3:$AA$30,INDEX(Jesper!$R$2:$R$366,ROW(INDEX(Jesper!AL$2:AL$366,ROUNDDOWN($C2286/24,0)+1,1))-1)+IF('Standard Profiles'!$G$22=$B$10,7,0)+IF('Standard Profiles'!$G$22=$B$17,14,0)+IF('Standard Profiles'!$G$22=$B$24,21,0),MOD($C2286,24)+1)/SUM(INDEX($D$3:$AA$30,INDEX(Jesper!$R$2:$R$366,ROW(INDEX(Jesper!AL$2:AL$366,ROUNDDOWN($C2286/24,0)+1,1))-1)+IF('Standard Profiles'!$G$22=$B$10,7,0)+IF('Standard Profiles'!$G$22=$B$17,14,0)+IF('Standard Profiles'!$G$22=$B$24,21,0),0)),0)</f>
        <v>0</v>
      </c>
      <c r="I2286">
        <f t="shared" si="265"/>
        <v>0.29797904867682212</v>
      </c>
      <c r="J2286">
        <f t="shared" si="266"/>
        <v>0.99326349558940719</v>
      </c>
      <c r="K2286">
        <f t="shared" si="267"/>
        <v>1.4898952433841106</v>
      </c>
      <c r="L2286">
        <f t="shared" si="268"/>
        <v>7.1514971682437309</v>
      </c>
      <c r="M2286">
        <f t="shared" si="269"/>
        <v>0</v>
      </c>
      <c r="N2286" s="46">
        <f t="shared" si="270"/>
        <v>45385.833333327872</v>
      </c>
    </row>
    <row r="2287" spans="2:14" x14ac:dyDescent="0.3">
      <c r="B2287">
        <f t="shared" si="264"/>
        <v>3</v>
      </c>
      <c r="C2287" s="16">
        <v>2253</v>
      </c>
      <c r="D2287" cm="1">
        <f t="array" ref="D2287">IFERROR(INDEX(Jesper!AH$2:AH$366,ROUNDDOWN($C2287/24,0)+1,1)*INDEX($D$3:$AA$30,INDEX(Jesper!$R$2:$R$366,ROW(INDEX(Jesper!AH$2:AH$366,ROUNDDOWN($C2287/24,0)+1,1))-1)+IF('Standard Profiles'!$G$18=$B$10,7,0)+IF('Standard Profiles'!$G$18=$B$17,14,0)+IF('Standard Profiles'!$G$18=$B$24,21,0),MOD($C2287,24)+1)/SUM(INDEX($D$3:$AA$30,INDEX(Jesper!$R$2:$R$366,ROW(INDEX(Jesper!AH$2:AH$366,ROUNDDOWN($C2287/24,0)+1,1))-1)+IF('Standard Profiles'!$G$18=$B$10,7,0)+IF('Standard Profiles'!$G$18=$B$17,14,0)+IF('Standard Profiles'!$G$18=$B$24,21,0),0)),0)</f>
        <v>7.4494762169205524</v>
      </c>
      <c r="E2287" cm="1">
        <f t="array" ref="E2287">IFERROR(INDEX(Jesper!AI$2:AI$366,ROUNDDOWN($C2287/24,0)+1,1)*INDEX($D$3:$AA$30,INDEX(Jesper!$R$2:$R$366,ROW(INDEX(Jesper!AI$2:AI$366,ROUNDDOWN($C2287/24,0)+1,1))-1)+IF('Standard Profiles'!$G$19=$B$10,7,0)+IF('Standard Profiles'!$G$19=$B$17,14,0)+IF('Standard Profiles'!$G$19=$B$24,21,0),MOD($C2287,24)+1)/SUM(INDEX($D$3:$AA$30,INDEX(Jesper!$R$2:$R$366,ROW(INDEX(Jesper!AI$2:AI$366,ROUNDDOWN($C2287/24,0)+1,1))-1)+IF('Standard Profiles'!$G$19=$B$10,7,0)+IF('Standard Profiles'!$G$19=$B$17,14,0)+IF('Standard Profiles'!$G$19=$B$24,21,0),0)),0)</f>
        <v>0</v>
      </c>
      <c r="F2287" cm="1">
        <f t="array" ref="F2287">IFERROR(INDEX(Jesper!AJ$2:AJ$366,ROUNDDOWN($C2287/24,0)+1,1)*INDEX($D$3:$AA$30,INDEX(Jesper!$R$2:$R$366,ROW(INDEX(Jesper!AJ$2:AJ$366,ROUNDDOWN($C2287/24,0)+1,1))-1)+IF('Standard Profiles'!$G$20=$B$10,7,0)+IF('Standard Profiles'!$G$20=$B$17,14,0)+IF('Standard Profiles'!$G$20=$B$24,21,0),MOD($C2287,24)+1)/SUM(INDEX($D$3:$AA$30,INDEX(Jesper!$R$2:$R$366,ROW(INDEX(Jesper!AJ$2:AJ$366,ROUNDDOWN($C2287/24,0)+1,1))-1)+IF('Standard Profiles'!$G$20=$B$10,7,0)+IF('Standard Profiles'!$G$20=$B$17,14,0)+IF('Standard Profiles'!$G$20=$B$24,21,0),0)),0)</f>
        <v>0</v>
      </c>
      <c r="G2287" cm="1">
        <f t="array" ref="G2287">IFERROR(INDEX(Jesper!AK$2:AK$366,ROUNDDOWN($C2287/24,0)+1,1)*INDEX($D$3:$AA$30,INDEX(Jesper!$R$2:$R$366,ROW(INDEX(Jesper!AK$2:AK$366,ROUNDDOWN($C2287/24,0)+1,1))-1)+IF('Standard Profiles'!$G$21=$B$10,7,0)+IF('Standard Profiles'!$G$21=$B$17,14,0)+IF('Standard Profiles'!$G$21=$B$24,21,0),MOD($C2287,24)+1)/SUM(INDEX($D$3:$AA$30,INDEX(Jesper!$R$2:$R$366,ROW(INDEX(Jesper!AK$2:AK$366,ROUNDDOWN($C2287/24,0)+1,1))-1)+IF('Standard Profiles'!$G$21=$B$10,7,0)+IF('Standard Profiles'!$G$21=$B$17,14,0)+IF('Standard Profiles'!$G$21=$B$24,21,0),0)),0)</f>
        <v>0</v>
      </c>
      <c r="H2287" cm="1">
        <f t="array" ref="H2287">IFERROR(INDEX(Jesper!AL$2:AL$366,ROUNDDOWN($C2287/24,0)+1,1)*INDEX($D$3:$AA$30,INDEX(Jesper!$R$2:$R$366,ROW(INDEX(Jesper!AL$2:AL$366,ROUNDDOWN($C2287/24,0)+1,1))-1)+IF('Standard Profiles'!$G$22=$B$10,7,0)+IF('Standard Profiles'!$G$22=$B$17,14,0)+IF('Standard Profiles'!$G$22=$B$24,21,0),MOD($C2287,24)+1)/SUM(INDEX($D$3:$AA$30,INDEX(Jesper!$R$2:$R$366,ROW(INDEX(Jesper!AL$2:AL$366,ROUNDDOWN($C2287/24,0)+1,1))-1)+IF('Standard Profiles'!$G$22=$B$10,7,0)+IF('Standard Profiles'!$G$22=$B$17,14,0)+IF('Standard Profiles'!$G$22=$B$24,21,0),0)),0)</f>
        <v>0</v>
      </c>
      <c r="I2287">
        <f t="shared" si="265"/>
        <v>0.22348428650761656</v>
      </c>
      <c r="J2287">
        <f t="shared" si="266"/>
        <v>0.74494762169205531</v>
      </c>
      <c r="K2287">
        <f t="shared" si="267"/>
        <v>1.1174214325380829</v>
      </c>
      <c r="L2287">
        <f t="shared" si="268"/>
        <v>5.3636228761827978</v>
      </c>
      <c r="M2287">
        <f t="shared" si="269"/>
        <v>0</v>
      </c>
      <c r="N2287" s="46">
        <f t="shared" si="270"/>
        <v>45385.874999994536</v>
      </c>
    </row>
    <row r="2288" spans="2:14" x14ac:dyDescent="0.3">
      <c r="B2288">
        <f t="shared" si="264"/>
        <v>3</v>
      </c>
      <c r="C2288" s="16">
        <v>2254</v>
      </c>
      <c r="D2288" cm="1">
        <f t="array" ref="D2288">IFERROR(INDEX(Jesper!AH$2:AH$366,ROUNDDOWN($C2288/24,0)+1,1)*INDEX($D$3:$AA$30,INDEX(Jesper!$R$2:$R$366,ROW(INDEX(Jesper!AH$2:AH$366,ROUNDDOWN($C2288/24,0)+1,1))-1)+IF('Standard Profiles'!$G$18=$B$10,7,0)+IF('Standard Profiles'!$G$18=$B$17,14,0)+IF('Standard Profiles'!$G$18=$B$24,21,0),MOD($C2288,24)+1)/SUM(INDEX($D$3:$AA$30,INDEX(Jesper!$R$2:$R$366,ROW(INDEX(Jesper!AH$2:AH$366,ROUNDDOWN($C2288/24,0)+1,1))-1)+IF('Standard Profiles'!$G$18=$B$10,7,0)+IF('Standard Profiles'!$G$18=$B$17,14,0)+IF('Standard Profiles'!$G$18=$B$24,21,0),0)),0)</f>
        <v>7.4494762169205524</v>
      </c>
      <c r="E2288" cm="1">
        <f t="array" ref="E2288">IFERROR(INDEX(Jesper!AI$2:AI$366,ROUNDDOWN($C2288/24,0)+1,1)*INDEX($D$3:$AA$30,INDEX(Jesper!$R$2:$R$366,ROW(INDEX(Jesper!AI$2:AI$366,ROUNDDOWN($C2288/24,0)+1,1))-1)+IF('Standard Profiles'!$G$19=$B$10,7,0)+IF('Standard Profiles'!$G$19=$B$17,14,0)+IF('Standard Profiles'!$G$19=$B$24,21,0),MOD($C2288,24)+1)/SUM(INDEX($D$3:$AA$30,INDEX(Jesper!$R$2:$R$366,ROW(INDEX(Jesper!AI$2:AI$366,ROUNDDOWN($C2288/24,0)+1,1))-1)+IF('Standard Profiles'!$G$19=$B$10,7,0)+IF('Standard Profiles'!$G$19=$B$17,14,0)+IF('Standard Profiles'!$G$19=$B$24,21,0),0)),0)</f>
        <v>0</v>
      </c>
      <c r="F2288" cm="1">
        <f t="array" ref="F2288">IFERROR(INDEX(Jesper!AJ$2:AJ$366,ROUNDDOWN($C2288/24,0)+1,1)*INDEX($D$3:$AA$30,INDEX(Jesper!$R$2:$R$366,ROW(INDEX(Jesper!AJ$2:AJ$366,ROUNDDOWN($C2288/24,0)+1,1))-1)+IF('Standard Profiles'!$G$20=$B$10,7,0)+IF('Standard Profiles'!$G$20=$B$17,14,0)+IF('Standard Profiles'!$G$20=$B$24,21,0),MOD($C2288,24)+1)/SUM(INDEX($D$3:$AA$30,INDEX(Jesper!$R$2:$R$366,ROW(INDEX(Jesper!AJ$2:AJ$366,ROUNDDOWN($C2288/24,0)+1,1))-1)+IF('Standard Profiles'!$G$20=$B$10,7,0)+IF('Standard Profiles'!$G$20=$B$17,14,0)+IF('Standard Profiles'!$G$20=$B$24,21,0),0)),0)</f>
        <v>0</v>
      </c>
      <c r="G2288" cm="1">
        <f t="array" ref="G2288">IFERROR(INDEX(Jesper!AK$2:AK$366,ROUNDDOWN($C2288/24,0)+1,1)*INDEX($D$3:$AA$30,INDEX(Jesper!$R$2:$R$366,ROW(INDEX(Jesper!AK$2:AK$366,ROUNDDOWN($C2288/24,0)+1,1))-1)+IF('Standard Profiles'!$G$21=$B$10,7,0)+IF('Standard Profiles'!$G$21=$B$17,14,0)+IF('Standard Profiles'!$G$21=$B$24,21,0),MOD($C2288,24)+1)/SUM(INDEX($D$3:$AA$30,INDEX(Jesper!$R$2:$R$366,ROW(INDEX(Jesper!AK$2:AK$366,ROUNDDOWN($C2288/24,0)+1,1))-1)+IF('Standard Profiles'!$G$21=$B$10,7,0)+IF('Standard Profiles'!$G$21=$B$17,14,0)+IF('Standard Profiles'!$G$21=$B$24,21,0),0)),0)</f>
        <v>0</v>
      </c>
      <c r="H2288" cm="1">
        <f t="array" ref="H2288">IFERROR(INDEX(Jesper!AL$2:AL$366,ROUNDDOWN($C2288/24,0)+1,1)*INDEX($D$3:$AA$30,INDEX(Jesper!$R$2:$R$366,ROW(INDEX(Jesper!AL$2:AL$366,ROUNDDOWN($C2288/24,0)+1,1))-1)+IF('Standard Profiles'!$G$22=$B$10,7,0)+IF('Standard Profiles'!$G$22=$B$17,14,0)+IF('Standard Profiles'!$G$22=$B$24,21,0),MOD($C2288,24)+1)/SUM(INDEX($D$3:$AA$30,INDEX(Jesper!$R$2:$R$366,ROW(INDEX(Jesper!AL$2:AL$366,ROUNDDOWN($C2288/24,0)+1,1))-1)+IF('Standard Profiles'!$G$22=$B$10,7,0)+IF('Standard Profiles'!$G$22=$B$17,14,0)+IF('Standard Profiles'!$G$22=$B$24,21,0),0)),0)</f>
        <v>0</v>
      </c>
      <c r="I2288">
        <f t="shared" si="265"/>
        <v>0.22348428650761656</v>
      </c>
      <c r="J2288">
        <f t="shared" si="266"/>
        <v>0.74494762169205531</v>
      </c>
      <c r="K2288">
        <f t="shared" si="267"/>
        <v>1.1174214325380829</v>
      </c>
      <c r="L2288">
        <f t="shared" si="268"/>
        <v>5.3636228761827978</v>
      </c>
      <c r="M2288">
        <f t="shared" si="269"/>
        <v>0</v>
      </c>
      <c r="N2288" s="46">
        <f t="shared" si="270"/>
        <v>45385.9166666612</v>
      </c>
    </row>
    <row r="2289" spans="2:14" x14ac:dyDescent="0.3">
      <c r="B2289">
        <f t="shared" si="264"/>
        <v>3</v>
      </c>
      <c r="C2289" s="16">
        <v>2255</v>
      </c>
      <c r="D2289" cm="1">
        <f t="array" ref="D2289">IFERROR(INDEX(Jesper!AH$2:AH$366,ROUNDDOWN($C2289/24,0)+1,1)*INDEX($D$3:$AA$30,INDEX(Jesper!$R$2:$R$366,ROW(INDEX(Jesper!AH$2:AH$366,ROUNDDOWN($C2289/24,0)+1,1))-1)+IF('Standard Profiles'!$G$18=$B$10,7,0)+IF('Standard Profiles'!$G$18=$B$17,14,0)+IF('Standard Profiles'!$G$18=$B$24,21,0),MOD($C2289,24)+1)/SUM(INDEX($D$3:$AA$30,INDEX(Jesper!$R$2:$R$366,ROW(INDEX(Jesper!AH$2:AH$366,ROUNDDOWN($C2289/24,0)+1,1))-1)+IF('Standard Profiles'!$G$18=$B$10,7,0)+IF('Standard Profiles'!$G$18=$B$17,14,0)+IF('Standard Profiles'!$G$18=$B$24,21,0),0)),0)</f>
        <v>7.4494762169205524</v>
      </c>
      <c r="E2289" cm="1">
        <f t="array" ref="E2289">IFERROR(INDEX(Jesper!AI$2:AI$366,ROUNDDOWN($C2289/24,0)+1,1)*INDEX($D$3:$AA$30,INDEX(Jesper!$R$2:$R$366,ROW(INDEX(Jesper!AI$2:AI$366,ROUNDDOWN($C2289/24,0)+1,1))-1)+IF('Standard Profiles'!$G$19=$B$10,7,0)+IF('Standard Profiles'!$G$19=$B$17,14,0)+IF('Standard Profiles'!$G$19=$B$24,21,0),MOD($C2289,24)+1)/SUM(INDEX($D$3:$AA$30,INDEX(Jesper!$R$2:$R$366,ROW(INDEX(Jesper!AI$2:AI$366,ROUNDDOWN($C2289/24,0)+1,1))-1)+IF('Standard Profiles'!$G$19=$B$10,7,0)+IF('Standard Profiles'!$G$19=$B$17,14,0)+IF('Standard Profiles'!$G$19=$B$24,21,0),0)),0)</f>
        <v>0</v>
      </c>
      <c r="F2289" cm="1">
        <f t="array" ref="F2289">IFERROR(INDEX(Jesper!AJ$2:AJ$366,ROUNDDOWN($C2289/24,0)+1,1)*INDEX($D$3:$AA$30,INDEX(Jesper!$R$2:$R$366,ROW(INDEX(Jesper!AJ$2:AJ$366,ROUNDDOWN($C2289/24,0)+1,1))-1)+IF('Standard Profiles'!$G$20=$B$10,7,0)+IF('Standard Profiles'!$G$20=$B$17,14,0)+IF('Standard Profiles'!$G$20=$B$24,21,0),MOD($C2289,24)+1)/SUM(INDEX($D$3:$AA$30,INDEX(Jesper!$R$2:$R$366,ROW(INDEX(Jesper!AJ$2:AJ$366,ROUNDDOWN($C2289/24,0)+1,1))-1)+IF('Standard Profiles'!$G$20=$B$10,7,0)+IF('Standard Profiles'!$G$20=$B$17,14,0)+IF('Standard Profiles'!$G$20=$B$24,21,0),0)),0)</f>
        <v>0</v>
      </c>
      <c r="G2289" cm="1">
        <f t="array" ref="G2289">IFERROR(INDEX(Jesper!AK$2:AK$366,ROUNDDOWN($C2289/24,0)+1,1)*INDEX($D$3:$AA$30,INDEX(Jesper!$R$2:$R$366,ROW(INDEX(Jesper!AK$2:AK$366,ROUNDDOWN($C2289/24,0)+1,1))-1)+IF('Standard Profiles'!$G$21=$B$10,7,0)+IF('Standard Profiles'!$G$21=$B$17,14,0)+IF('Standard Profiles'!$G$21=$B$24,21,0),MOD($C2289,24)+1)/SUM(INDEX($D$3:$AA$30,INDEX(Jesper!$R$2:$R$366,ROW(INDEX(Jesper!AK$2:AK$366,ROUNDDOWN($C2289/24,0)+1,1))-1)+IF('Standard Profiles'!$G$21=$B$10,7,0)+IF('Standard Profiles'!$G$21=$B$17,14,0)+IF('Standard Profiles'!$G$21=$B$24,21,0),0)),0)</f>
        <v>0</v>
      </c>
      <c r="H2289" cm="1">
        <f t="array" ref="H2289">IFERROR(INDEX(Jesper!AL$2:AL$366,ROUNDDOWN($C2289/24,0)+1,1)*INDEX($D$3:$AA$30,INDEX(Jesper!$R$2:$R$366,ROW(INDEX(Jesper!AL$2:AL$366,ROUNDDOWN($C2289/24,0)+1,1))-1)+IF('Standard Profiles'!$G$22=$B$10,7,0)+IF('Standard Profiles'!$G$22=$B$17,14,0)+IF('Standard Profiles'!$G$22=$B$24,21,0),MOD($C2289,24)+1)/SUM(INDEX($D$3:$AA$30,INDEX(Jesper!$R$2:$R$366,ROW(INDEX(Jesper!AL$2:AL$366,ROUNDDOWN($C2289/24,0)+1,1))-1)+IF('Standard Profiles'!$G$22=$B$10,7,0)+IF('Standard Profiles'!$G$22=$B$17,14,0)+IF('Standard Profiles'!$G$22=$B$24,21,0),0)),0)</f>
        <v>0</v>
      </c>
      <c r="I2289">
        <f t="shared" si="265"/>
        <v>0.22348428650761656</v>
      </c>
      <c r="J2289">
        <f t="shared" si="266"/>
        <v>0.74494762169205531</v>
      </c>
      <c r="K2289">
        <f t="shared" si="267"/>
        <v>1.1174214325380829</v>
      </c>
      <c r="L2289">
        <f t="shared" si="268"/>
        <v>5.3636228761827978</v>
      </c>
      <c r="M2289">
        <f t="shared" si="269"/>
        <v>0</v>
      </c>
      <c r="N2289" s="46">
        <f t="shared" si="270"/>
        <v>45385.958333327864</v>
      </c>
    </row>
    <row r="2290" spans="2:14" x14ac:dyDescent="0.3">
      <c r="B2290">
        <f t="shared" si="264"/>
        <v>4</v>
      </c>
      <c r="C2290" s="16">
        <v>2256</v>
      </c>
      <c r="D2290" cm="1">
        <f t="array" ref="D2290">IFERROR(INDEX(Jesper!AH$2:AH$366,ROUNDDOWN($C2290/24,0)+1,1)*INDEX($D$3:$AA$30,INDEX(Jesper!$R$2:$R$366,ROW(INDEX(Jesper!AH$2:AH$366,ROUNDDOWN($C2290/24,0)+1,1))-1)+IF('Standard Profiles'!$G$18=$B$10,7,0)+IF('Standard Profiles'!$G$18=$B$17,14,0)+IF('Standard Profiles'!$G$18=$B$24,21,0),MOD($C2290,24)+1)/SUM(INDEX($D$3:$AA$30,INDEX(Jesper!$R$2:$R$366,ROW(INDEX(Jesper!AH$2:AH$366,ROUNDDOWN($C2290/24,0)+1,1))-1)+IF('Standard Profiles'!$G$18=$B$10,7,0)+IF('Standard Profiles'!$G$18=$B$17,14,0)+IF('Standard Profiles'!$G$18=$B$24,21,0),0)),0)</f>
        <v>7.3595108436760723</v>
      </c>
      <c r="E2290" cm="1">
        <f t="array" ref="E2290">IFERROR(INDEX(Jesper!AI$2:AI$366,ROUNDDOWN($C2290/24,0)+1,1)*INDEX($D$3:$AA$30,INDEX(Jesper!$R$2:$R$366,ROW(INDEX(Jesper!AI$2:AI$366,ROUNDDOWN($C2290/24,0)+1,1))-1)+IF('Standard Profiles'!$G$19=$B$10,7,0)+IF('Standard Profiles'!$G$19=$B$17,14,0)+IF('Standard Profiles'!$G$19=$B$24,21,0),MOD($C2290,24)+1)/SUM(INDEX($D$3:$AA$30,INDEX(Jesper!$R$2:$R$366,ROW(INDEX(Jesper!AI$2:AI$366,ROUNDDOWN($C2290/24,0)+1,1))-1)+IF('Standard Profiles'!$G$19=$B$10,7,0)+IF('Standard Profiles'!$G$19=$B$17,14,0)+IF('Standard Profiles'!$G$19=$B$24,21,0),0)),0)</f>
        <v>0</v>
      </c>
      <c r="F2290" cm="1">
        <f t="array" ref="F2290">IFERROR(INDEX(Jesper!AJ$2:AJ$366,ROUNDDOWN($C2290/24,0)+1,1)*INDEX($D$3:$AA$30,INDEX(Jesper!$R$2:$R$366,ROW(INDEX(Jesper!AJ$2:AJ$366,ROUNDDOWN($C2290/24,0)+1,1))-1)+IF('Standard Profiles'!$G$20=$B$10,7,0)+IF('Standard Profiles'!$G$20=$B$17,14,0)+IF('Standard Profiles'!$G$20=$B$24,21,0),MOD($C2290,24)+1)/SUM(INDEX($D$3:$AA$30,INDEX(Jesper!$R$2:$R$366,ROW(INDEX(Jesper!AJ$2:AJ$366,ROUNDDOWN($C2290/24,0)+1,1))-1)+IF('Standard Profiles'!$G$20=$B$10,7,0)+IF('Standard Profiles'!$G$20=$B$17,14,0)+IF('Standard Profiles'!$G$20=$B$24,21,0),0)),0)</f>
        <v>0</v>
      </c>
      <c r="G2290" cm="1">
        <f t="array" ref="G2290">IFERROR(INDEX(Jesper!AK$2:AK$366,ROUNDDOWN($C2290/24,0)+1,1)*INDEX($D$3:$AA$30,INDEX(Jesper!$R$2:$R$366,ROW(INDEX(Jesper!AK$2:AK$366,ROUNDDOWN($C2290/24,0)+1,1))-1)+IF('Standard Profiles'!$G$21=$B$10,7,0)+IF('Standard Profiles'!$G$21=$B$17,14,0)+IF('Standard Profiles'!$G$21=$B$24,21,0),MOD($C2290,24)+1)/SUM(INDEX($D$3:$AA$30,INDEX(Jesper!$R$2:$R$366,ROW(INDEX(Jesper!AK$2:AK$366,ROUNDDOWN($C2290/24,0)+1,1))-1)+IF('Standard Profiles'!$G$21=$B$10,7,0)+IF('Standard Profiles'!$G$21=$B$17,14,0)+IF('Standard Profiles'!$G$21=$B$24,21,0),0)),0)</f>
        <v>0</v>
      </c>
      <c r="H2290" cm="1">
        <f t="array" ref="H2290">IFERROR(INDEX(Jesper!AL$2:AL$366,ROUNDDOWN($C2290/24,0)+1,1)*INDEX($D$3:$AA$30,INDEX(Jesper!$R$2:$R$366,ROW(INDEX(Jesper!AL$2:AL$366,ROUNDDOWN($C2290/24,0)+1,1))-1)+IF('Standard Profiles'!$G$22=$B$10,7,0)+IF('Standard Profiles'!$G$22=$B$17,14,0)+IF('Standard Profiles'!$G$22=$B$24,21,0),MOD($C2290,24)+1)/SUM(INDEX($D$3:$AA$30,INDEX(Jesper!$R$2:$R$366,ROW(INDEX(Jesper!AL$2:AL$366,ROUNDDOWN($C2290/24,0)+1,1))-1)+IF('Standard Profiles'!$G$22=$B$10,7,0)+IF('Standard Profiles'!$G$22=$B$17,14,0)+IF('Standard Profiles'!$G$22=$B$24,21,0),0)),0)</f>
        <v>0</v>
      </c>
      <c r="I2290">
        <f t="shared" si="265"/>
        <v>0.22078532531028217</v>
      </c>
      <c r="J2290">
        <f t="shared" si="266"/>
        <v>0.73595108436760726</v>
      </c>
      <c r="K2290">
        <f t="shared" si="267"/>
        <v>1.1039266265514107</v>
      </c>
      <c r="L2290">
        <f t="shared" si="268"/>
        <v>5.298847807446772</v>
      </c>
      <c r="M2290">
        <f t="shared" si="269"/>
        <v>0</v>
      </c>
      <c r="N2290" s="46">
        <f t="shared" si="270"/>
        <v>45385.999999994528</v>
      </c>
    </row>
    <row r="2291" spans="2:14" x14ac:dyDescent="0.3">
      <c r="B2291">
        <f t="shared" si="264"/>
        <v>4</v>
      </c>
      <c r="C2291" s="16">
        <v>2257</v>
      </c>
      <c r="D2291" cm="1">
        <f t="array" ref="D2291">IFERROR(INDEX(Jesper!AH$2:AH$366,ROUNDDOWN($C2291/24,0)+1,1)*INDEX($D$3:$AA$30,INDEX(Jesper!$R$2:$R$366,ROW(INDEX(Jesper!AH$2:AH$366,ROUNDDOWN($C2291/24,0)+1,1))-1)+IF('Standard Profiles'!$G$18=$B$10,7,0)+IF('Standard Profiles'!$G$18=$B$17,14,0)+IF('Standard Profiles'!$G$18=$B$24,21,0),MOD($C2291,24)+1)/SUM(INDEX($D$3:$AA$30,INDEX(Jesper!$R$2:$R$366,ROW(INDEX(Jesper!AH$2:AH$366,ROUNDDOWN($C2291/24,0)+1,1))-1)+IF('Standard Profiles'!$G$18=$B$10,7,0)+IF('Standard Profiles'!$G$18=$B$17,14,0)+IF('Standard Profiles'!$G$18=$B$24,21,0),0)),0)</f>
        <v>7.3595108436760723</v>
      </c>
      <c r="E2291" cm="1">
        <f t="array" ref="E2291">IFERROR(INDEX(Jesper!AI$2:AI$366,ROUNDDOWN($C2291/24,0)+1,1)*INDEX($D$3:$AA$30,INDEX(Jesper!$R$2:$R$366,ROW(INDEX(Jesper!AI$2:AI$366,ROUNDDOWN($C2291/24,0)+1,1))-1)+IF('Standard Profiles'!$G$19=$B$10,7,0)+IF('Standard Profiles'!$G$19=$B$17,14,0)+IF('Standard Profiles'!$G$19=$B$24,21,0),MOD($C2291,24)+1)/SUM(INDEX($D$3:$AA$30,INDEX(Jesper!$R$2:$R$366,ROW(INDEX(Jesper!AI$2:AI$366,ROUNDDOWN($C2291/24,0)+1,1))-1)+IF('Standard Profiles'!$G$19=$B$10,7,0)+IF('Standard Profiles'!$G$19=$B$17,14,0)+IF('Standard Profiles'!$G$19=$B$24,21,0),0)),0)</f>
        <v>0</v>
      </c>
      <c r="F2291" cm="1">
        <f t="array" ref="F2291">IFERROR(INDEX(Jesper!AJ$2:AJ$366,ROUNDDOWN($C2291/24,0)+1,1)*INDEX($D$3:$AA$30,INDEX(Jesper!$R$2:$R$366,ROW(INDEX(Jesper!AJ$2:AJ$366,ROUNDDOWN($C2291/24,0)+1,1))-1)+IF('Standard Profiles'!$G$20=$B$10,7,0)+IF('Standard Profiles'!$G$20=$B$17,14,0)+IF('Standard Profiles'!$G$20=$B$24,21,0),MOD($C2291,24)+1)/SUM(INDEX($D$3:$AA$30,INDEX(Jesper!$R$2:$R$366,ROW(INDEX(Jesper!AJ$2:AJ$366,ROUNDDOWN($C2291/24,0)+1,1))-1)+IF('Standard Profiles'!$G$20=$B$10,7,0)+IF('Standard Profiles'!$G$20=$B$17,14,0)+IF('Standard Profiles'!$G$20=$B$24,21,0),0)),0)</f>
        <v>0</v>
      </c>
      <c r="G2291" cm="1">
        <f t="array" ref="G2291">IFERROR(INDEX(Jesper!AK$2:AK$366,ROUNDDOWN($C2291/24,0)+1,1)*INDEX($D$3:$AA$30,INDEX(Jesper!$R$2:$R$366,ROW(INDEX(Jesper!AK$2:AK$366,ROUNDDOWN($C2291/24,0)+1,1))-1)+IF('Standard Profiles'!$G$21=$B$10,7,0)+IF('Standard Profiles'!$G$21=$B$17,14,0)+IF('Standard Profiles'!$G$21=$B$24,21,0),MOD($C2291,24)+1)/SUM(INDEX($D$3:$AA$30,INDEX(Jesper!$R$2:$R$366,ROW(INDEX(Jesper!AK$2:AK$366,ROUNDDOWN($C2291/24,0)+1,1))-1)+IF('Standard Profiles'!$G$21=$B$10,7,0)+IF('Standard Profiles'!$G$21=$B$17,14,0)+IF('Standard Profiles'!$G$21=$B$24,21,0),0)),0)</f>
        <v>0</v>
      </c>
      <c r="H2291" cm="1">
        <f t="array" ref="H2291">IFERROR(INDEX(Jesper!AL$2:AL$366,ROUNDDOWN($C2291/24,0)+1,1)*INDEX($D$3:$AA$30,INDEX(Jesper!$R$2:$R$366,ROW(INDEX(Jesper!AL$2:AL$366,ROUNDDOWN($C2291/24,0)+1,1))-1)+IF('Standard Profiles'!$G$22=$B$10,7,0)+IF('Standard Profiles'!$G$22=$B$17,14,0)+IF('Standard Profiles'!$G$22=$B$24,21,0),MOD($C2291,24)+1)/SUM(INDEX($D$3:$AA$30,INDEX(Jesper!$R$2:$R$366,ROW(INDEX(Jesper!AL$2:AL$366,ROUNDDOWN($C2291/24,0)+1,1))-1)+IF('Standard Profiles'!$G$22=$B$10,7,0)+IF('Standard Profiles'!$G$22=$B$17,14,0)+IF('Standard Profiles'!$G$22=$B$24,21,0),0)),0)</f>
        <v>0</v>
      </c>
      <c r="I2291">
        <f t="shared" si="265"/>
        <v>0.22078532531028217</v>
      </c>
      <c r="J2291">
        <f t="shared" si="266"/>
        <v>0.73595108436760726</v>
      </c>
      <c r="K2291">
        <f t="shared" si="267"/>
        <v>1.1039266265514107</v>
      </c>
      <c r="L2291">
        <f t="shared" si="268"/>
        <v>5.298847807446772</v>
      </c>
      <c r="M2291">
        <f t="shared" si="269"/>
        <v>0</v>
      </c>
      <c r="N2291" s="46">
        <f t="shared" si="270"/>
        <v>45386.041666661193</v>
      </c>
    </row>
    <row r="2292" spans="2:14" x14ac:dyDescent="0.3">
      <c r="B2292">
        <f t="shared" si="264"/>
        <v>4</v>
      </c>
      <c r="C2292" s="16">
        <v>2258</v>
      </c>
      <c r="D2292" cm="1">
        <f t="array" ref="D2292">IFERROR(INDEX(Jesper!AH$2:AH$366,ROUNDDOWN($C2292/24,0)+1,1)*INDEX($D$3:$AA$30,INDEX(Jesper!$R$2:$R$366,ROW(INDEX(Jesper!AH$2:AH$366,ROUNDDOWN($C2292/24,0)+1,1))-1)+IF('Standard Profiles'!$G$18=$B$10,7,0)+IF('Standard Profiles'!$G$18=$B$17,14,0)+IF('Standard Profiles'!$G$18=$B$24,21,0),MOD($C2292,24)+1)/SUM(INDEX($D$3:$AA$30,INDEX(Jesper!$R$2:$R$366,ROW(INDEX(Jesper!AH$2:AH$366,ROUNDDOWN($C2292/24,0)+1,1))-1)+IF('Standard Profiles'!$G$18=$B$10,7,0)+IF('Standard Profiles'!$G$18=$B$17,14,0)+IF('Standard Profiles'!$G$18=$B$24,21,0),0)),0)</f>
        <v>7.3595108436760723</v>
      </c>
      <c r="E2292" cm="1">
        <f t="array" ref="E2292">IFERROR(INDEX(Jesper!AI$2:AI$366,ROUNDDOWN($C2292/24,0)+1,1)*INDEX($D$3:$AA$30,INDEX(Jesper!$R$2:$R$366,ROW(INDEX(Jesper!AI$2:AI$366,ROUNDDOWN($C2292/24,0)+1,1))-1)+IF('Standard Profiles'!$G$19=$B$10,7,0)+IF('Standard Profiles'!$G$19=$B$17,14,0)+IF('Standard Profiles'!$G$19=$B$24,21,0),MOD($C2292,24)+1)/SUM(INDEX($D$3:$AA$30,INDEX(Jesper!$R$2:$R$366,ROW(INDEX(Jesper!AI$2:AI$366,ROUNDDOWN($C2292/24,0)+1,1))-1)+IF('Standard Profiles'!$G$19=$B$10,7,0)+IF('Standard Profiles'!$G$19=$B$17,14,0)+IF('Standard Profiles'!$G$19=$B$24,21,0),0)),0)</f>
        <v>0</v>
      </c>
      <c r="F2292" cm="1">
        <f t="array" ref="F2292">IFERROR(INDEX(Jesper!AJ$2:AJ$366,ROUNDDOWN($C2292/24,0)+1,1)*INDEX($D$3:$AA$30,INDEX(Jesper!$R$2:$R$366,ROW(INDEX(Jesper!AJ$2:AJ$366,ROUNDDOWN($C2292/24,0)+1,1))-1)+IF('Standard Profiles'!$G$20=$B$10,7,0)+IF('Standard Profiles'!$G$20=$B$17,14,0)+IF('Standard Profiles'!$G$20=$B$24,21,0),MOD($C2292,24)+1)/SUM(INDEX($D$3:$AA$30,INDEX(Jesper!$R$2:$R$366,ROW(INDEX(Jesper!AJ$2:AJ$366,ROUNDDOWN($C2292/24,0)+1,1))-1)+IF('Standard Profiles'!$G$20=$B$10,7,0)+IF('Standard Profiles'!$G$20=$B$17,14,0)+IF('Standard Profiles'!$G$20=$B$24,21,0),0)),0)</f>
        <v>0</v>
      </c>
      <c r="G2292" cm="1">
        <f t="array" ref="G2292">IFERROR(INDEX(Jesper!AK$2:AK$366,ROUNDDOWN($C2292/24,0)+1,1)*INDEX($D$3:$AA$30,INDEX(Jesper!$R$2:$R$366,ROW(INDEX(Jesper!AK$2:AK$366,ROUNDDOWN($C2292/24,0)+1,1))-1)+IF('Standard Profiles'!$G$21=$B$10,7,0)+IF('Standard Profiles'!$G$21=$B$17,14,0)+IF('Standard Profiles'!$G$21=$B$24,21,0),MOD($C2292,24)+1)/SUM(INDEX($D$3:$AA$30,INDEX(Jesper!$R$2:$R$366,ROW(INDEX(Jesper!AK$2:AK$366,ROUNDDOWN($C2292/24,0)+1,1))-1)+IF('Standard Profiles'!$G$21=$B$10,7,0)+IF('Standard Profiles'!$G$21=$B$17,14,0)+IF('Standard Profiles'!$G$21=$B$24,21,0),0)),0)</f>
        <v>0</v>
      </c>
      <c r="H2292" cm="1">
        <f t="array" ref="H2292">IFERROR(INDEX(Jesper!AL$2:AL$366,ROUNDDOWN($C2292/24,0)+1,1)*INDEX($D$3:$AA$30,INDEX(Jesper!$R$2:$R$366,ROW(INDEX(Jesper!AL$2:AL$366,ROUNDDOWN($C2292/24,0)+1,1))-1)+IF('Standard Profiles'!$G$22=$B$10,7,0)+IF('Standard Profiles'!$G$22=$B$17,14,0)+IF('Standard Profiles'!$G$22=$B$24,21,0),MOD($C2292,24)+1)/SUM(INDEX($D$3:$AA$30,INDEX(Jesper!$R$2:$R$366,ROW(INDEX(Jesper!AL$2:AL$366,ROUNDDOWN($C2292/24,0)+1,1))-1)+IF('Standard Profiles'!$G$22=$B$10,7,0)+IF('Standard Profiles'!$G$22=$B$17,14,0)+IF('Standard Profiles'!$G$22=$B$24,21,0),0)),0)</f>
        <v>0</v>
      </c>
      <c r="I2292">
        <f t="shared" si="265"/>
        <v>0.22078532531028217</v>
      </c>
      <c r="J2292">
        <f t="shared" si="266"/>
        <v>0.73595108436760726</v>
      </c>
      <c r="K2292">
        <f t="shared" si="267"/>
        <v>1.1039266265514107</v>
      </c>
      <c r="L2292">
        <f t="shared" si="268"/>
        <v>5.298847807446772</v>
      </c>
      <c r="M2292">
        <f t="shared" si="269"/>
        <v>0</v>
      </c>
      <c r="N2292" s="46">
        <f t="shared" si="270"/>
        <v>45386.083333327857</v>
      </c>
    </row>
    <row r="2293" spans="2:14" x14ac:dyDescent="0.3">
      <c r="B2293">
        <f t="shared" si="264"/>
        <v>4</v>
      </c>
      <c r="C2293" s="16">
        <v>2259</v>
      </c>
      <c r="D2293" cm="1">
        <f t="array" ref="D2293">IFERROR(INDEX(Jesper!AH$2:AH$366,ROUNDDOWN($C2293/24,0)+1,1)*INDEX($D$3:$AA$30,INDEX(Jesper!$R$2:$R$366,ROW(INDEX(Jesper!AH$2:AH$366,ROUNDDOWN($C2293/24,0)+1,1))-1)+IF('Standard Profiles'!$G$18=$B$10,7,0)+IF('Standard Profiles'!$G$18=$B$17,14,0)+IF('Standard Profiles'!$G$18=$B$24,21,0),MOD($C2293,24)+1)/SUM(INDEX($D$3:$AA$30,INDEX(Jesper!$R$2:$R$366,ROW(INDEX(Jesper!AH$2:AH$366,ROUNDDOWN($C2293/24,0)+1,1))-1)+IF('Standard Profiles'!$G$18=$B$10,7,0)+IF('Standard Profiles'!$G$18=$B$17,14,0)+IF('Standard Profiles'!$G$18=$B$24,21,0),0)),0)</f>
        <v>7.3595108436760723</v>
      </c>
      <c r="E2293" cm="1">
        <f t="array" ref="E2293">IFERROR(INDEX(Jesper!AI$2:AI$366,ROUNDDOWN($C2293/24,0)+1,1)*INDEX($D$3:$AA$30,INDEX(Jesper!$R$2:$R$366,ROW(INDEX(Jesper!AI$2:AI$366,ROUNDDOWN($C2293/24,0)+1,1))-1)+IF('Standard Profiles'!$G$19=$B$10,7,0)+IF('Standard Profiles'!$G$19=$B$17,14,0)+IF('Standard Profiles'!$G$19=$B$24,21,0),MOD($C2293,24)+1)/SUM(INDEX($D$3:$AA$30,INDEX(Jesper!$R$2:$R$366,ROW(INDEX(Jesper!AI$2:AI$366,ROUNDDOWN($C2293/24,0)+1,1))-1)+IF('Standard Profiles'!$G$19=$B$10,7,0)+IF('Standard Profiles'!$G$19=$B$17,14,0)+IF('Standard Profiles'!$G$19=$B$24,21,0),0)),0)</f>
        <v>0</v>
      </c>
      <c r="F2293" cm="1">
        <f t="array" ref="F2293">IFERROR(INDEX(Jesper!AJ$2:AJ$366,ROUNDDOWN($C2293/24,0)+1,1)*INDEX($D$3:$AA$30,INDEX(Jesper!$R$2:$R$366,ROW(INDEX(Jesper!AJ$2:AJ$366,ROUNDDOWN($C2293/24,0)+1,1))-1)+IF('Standard Profiles'!$G$20=$B$10,7,0)+IF('Standard Profiles'!$G$20=$B$17,14,0)+IF('Standard Profiles'!$G$20=$B$24,21,0),MOD($C2293,24)+1)/SUM(INDEX($D$3:$AA$30,INDEX(Jesper!$R$2:$R$366,ROW(INDEX(Jesper!AJ$2:AJ$366,ROUNDDOWN($C2293/24,0)+1,1))-1)+IF('Standard Profiles'!$G$20=$B$10,7,0)+IF('Standard Profiles'!$G$20=$B$17,14,0)+IF('Standard Profiles'!$G$20=$B$24,21,0),0)),0)</f>
        <v>0</v>
      </c>
      <c r="G2293" cm="1">
        <f t="array" ref="G2293">IFERROR(INDEX(Jesper!AK$2:AK$366,ROUNDDOWN($C2293/24,0)+1,1)*INDEX($D$3:$AA$30,INDEX(Jesper!$R$2:$R$366,ROW(INDEX(Jesper!AK$2:AK$366,ROUNDDOWN($C2293/24,0)+1,1))-1)+IF('Standard Profiles'!$G$21=$B$10,7,0)+IF('Standard Profiles'!$G$21=$B$17,14,0)+IF('Standard Profiles'!$G$21=$B$24,21,0),MOD($C2293,24)+1)/SUM(INDEX($D$3:$AA$30,INDEX(Jesper!$R$2:$R$366,ROW(INDEX(Jesper!AK$2:AK$366,ROUNDDOWN($C2293/24,0)+1,1))-1)+IF('Standard Profiles'!$G$21=$B$10,7,0)+IF('Standard Profiles'!$G$21=$B$17,14,0)+IF('Standard Profiles'!$G$21=$B$24,21,0),0)),0)</f>
        <v>0</v>
      </c>
      <c r="H2293" cm="1">
        <f t="array" ref="H2293">IFERROR(INDEX(Jesper!AL$2:AL$366,ROUNDDOWN($C2293/24,0)+1,1)*INDEX($D$3:$AA$30,INDEX(Jesper!$R$2:$R$366,ROW(INDEX(Jesper!AL$2:AL$366,ROUNDDOWN($C2293/24,0)+1,1))-1)+IF('Standard Profiles'!$G$22=$B$10,7,0)+IF('Standard Profiles'!$G$22=$B$17,14,0)+IF('Standard Profiles'!$G$22=$B$24,21,0),MOD($C2293,24)+1)/SUM(INDEX($D$3:$AA$30,INDEX(Jesper!$R$2:$R$366,ROW(INDEX(Jesper!AL$2:AL$366,ROUNDDOWN($C2293/24,0)+1,1))-1)+IF('Standard Profiles'!$G$22=$B$10,7,0)+IF('Standard Profiles'!$G$22=$B$17,14,0)+IF('Standard Profiles'!$G$22=$B$24,21,0),0)),0)</f>
        <v>0</v>
      </c>
      <c r="I2293">
        <f t="shared" si="265"/>
        <v>0.22078532531028217</v>
      </c>
      <c r="J2293">
        <f t="shared" si="266"/>
        <v>0.73595108436760726</v>
      </c>
      <c r="K2293">
        <f t="shared" si="267"/>
        <v>1.1039266265514107</v>
      </c>
      <c r="L2293">
        <f t="shared" si="268"/>
        <v>5.298847807446772</v>
      </c>
      <c r="M2293">
        <f t="shared" si="269"/>
        <v>0</v>
      </c>
      <c r="N2293" s="46">
        <f t="shared" si="270"/>
        <v>45386.124999994521</v>
      </c>
    </row>
    <row r="2294" spans="2:14" x14ac:dyDescent="0.3">
      <c r="B2294">
        <f t="shared" si="264"/>
        <v>4</v>
      </c>
      <c r="C2294" s="16">
        <v>2260</v>
      </c>
      <c r="D2294" cm="1">
        <f t="array" ref="D2294">IFERROR(INDEX(Jesper!AH$2:AH$366,ROUNDDOWN($C2294/24,0)+1,1)*INDEX($D$3:$AA$30,INDEX(Jesper!$R$2:$R$366,ROW(INDEX(Jesper!AH$2:AH$366,ROUNDDOWN($C2294/24,0)+1,1))-1)+IF('Standard Profiles'!$G$18=$B$10,7,0)+IF('Standard Profiles'!$G$18=$B$17,14,0)+IF('Standard Profiles'!$G$18=$B$24,21,0),MOD($C2294,24)+1)/SUM(INDEX($D$3:$AA$30,INDEX(Jesper!$R$2:$R$366,ROW(INDEX(Jesper!AH$2:AH$366,ROUNDDOWN($C2294/24,0)+1,1))-1)+IF('Standard Profiles'!$G$18=$B$10,7,0)+IF('Standard Profiles'!$G$18=$B$17,14,0)+IF('Standard Profiles'!$G$18=$B$24,21,0),0)),0)</f>
        <v>7.3595108436760723</v>
      </c>
      <c r="E2294" cm="1">
        <f t="array" ref="E2294">IFERROR(INDEX(Jesper!AI$2:AI$366,ROUNDDOWN($C2294/24,0)+1,1)*INDEX($D$3:$AA$30,INDEX(Jesper!$R$2:$R$366,ROW(INDEX(Jesper!AI$2:AI$366,ROUNDDOWN($C2294/24,0)+1,1))-1)+IF('Standard Profiles'!$G$19=$B$10,7,0)+IF('Standard Profiles'!$G$19=$B$17,14,0)+IF('Standard Profiles'!$G$19=$B$24,21,0),MOD($C2294,24)+1)/SUM(INDEX($D$3:$AA$30,INDEX(Jesper!$R$2:$R$366,ROW(INDEX(Jesper!AI$2:AI$366,ROUNDDOWN($C2294/24,0)+1,1))-1)+IF('Standard Profiles'!$G$19=$B$10,7,0)+IF('Standard Profiles'!$G$19=$B$17,14,0)+IF('Standard Profiles'!$G$19=$B$24,21,0),0)),0)</f>
        <v>0</v>
      </c>
      <c r="F2294" cm="1">
        <f t="array" ref="F2294">IFERROR(INDEX(Jesper!AJ$2:AJ$366,ROUNDDOWN($C2294/24,0)+1,1)*INDEX($D$3:$AA$30,INDEX(Jesper!$R$2:$R$366,ROW(INDEX(Jesper!AJ$2:AJ$366,ROUNDDOWN($C2294/24,0)+1,1))-1)+IF('Standard Profiles'!$G$20=$B$10,7,0)+IF('Standard Profiles'!$G$20=$B$17,14,0)+IF('Standard Profiles'!$G$20=$B$24,21,0),MOD($C2294,24)+1)/SUM(INDEX($D$3:$AA$30,INDEX(Jesper!$R$2:$R$366,ROW(INDEX(Jesper!AJ$2:AJ$366,ROUNDDOWN($C2294/24,0)+1,1))-1)+IF('Standard Profiles'!$G$20=$B$10,7,0)+IF('Standard Profiles'!$G$20=$B$17,14,0)+IF('Standard Profiles'!$G$20=$B$24,21,0),0)),0)</f>
        <v>0</v>
      </c>
      <c r="G2294" cm="1">
        <f t="array" ref="G2294">IFERROR(INDEX(Jesper!AK$2:AK$366,ROUNDDOWN($C2294/24,0)+1,1)*INDEX($D$3:$AA$30,INDEX(Jesper!$R$2:$R$366,ROW(INDEX(Jesper!AK$2:AK$366,ROUNDDOWN($C2294/24,0)+1,1))-1)+IF('Standard Profiles'!$G$21=$B$10,7,0)+IF('Standard Profiles'!$G$21=$B$17,14,0)+IF('Standard Profiles'!$G$21=$B$24,21,0),MOD($C2294,24)+1)/SUM(INDEX($D$3:$AA$30,INDEX(Jesper!$R$2:$R$366,ROW(INDEX(Jesper!AK$2:AK$366,ROUNDDOWN($C2294/24,0)+1,1))-1)+IF('Standard Profiles'!$G$21=$B$10,7,0)+IF('Standard Profiles'!$G$21=$B$17,14,0)+IF('Standard Profiles'!$G$21=$B$24,21,0),0)),0)</f>
        <v>0</v>
      </c>
      <c r="H2294" cm="1">
        <f t="array" ref="H2294">IFERROR(INDEX(Jesper!AL$2:AL$366,ROUNDDOWN($C2294/24,0)+1,1)*INDEX($D$3:$AA$30,INDEX(Jesper!$R$2:$R$366,ROW(INDEX(Jesper!AL$2:AL$366,ROUNDDOWN($C2294/24,0)+1,1))-1)+IF('Standard Profiles'!$G$22=$B$10,7,0)+IF('Standard Profiles'!$G$22=$B$17,14,0)+IF('Standard Profiles'!$G$22=$B$24,21,0),MOD($C2294,24)+1)/SUM(INDEX($D$3:$AA$30,INDEX(Jesper!$R$2:$R$366,ROW(INDEX(Jesper!AL$2:AL$366,ROUNDDOWN($C2294/24,0)+1,1))-1)+IF('Standard Profiles'!$G$22=$B$10,7,0)+IF('Standard Profiles'!$G$22=$B$17,14,0)+IF('Standard Profiles'!$G$22=$B$24,21,0),0)),0)</f>
        <v>0</v>
      </c>
      <c r="I2294">
        <f t="shared" si="265"/>
        <v>0.22078532531028217</v>
      </c>
      <c r="J2294">
        <f t="shared" si="266"/>
        <v>0.73595108436760726</v>
      </c>
      <c r="K2294">
        <f t="shared" si="267"/>
        <v>1.1039266265514107</v>
      </c>
      <c r="L2294">
        <f t="shared" si="268"/>
        <v>5.298847807446772</v>
      </c>
      <c r="M2294">
        <f t="shared" si="269"/>
        <v>0</v>
      </c>
      <c r="N2294" s="46">
        <f t="shared" si="270"/>
        <v>45386.166666661185</v>
      </c>
    </row>
    <row r="2295" spans="2:14" x14ac:dyDescent="0.3">
      <c r="B2295">
        <f t="shared" si="264"/>
        <v>4</v>
      </c>
      <c r="C2295" s="16">
        <v>2261</v>
      </c>
      <c r="D2295" cm="1">
        <f t="array" ref="D2295">IFERROR(INDEX(Jesper!AH$2:AH$366,ROUNDDOWN($C2295/24,0)+1,1)*INDEX($D$3:$AA$30,INDEX(Jesper!$R$2:$R$366,ROW(INDEX(Jesper!AH$2:AH$366,ROUNDDOWN($C2295/24,0)+1,1))-1)+IF('Standard Profiles'!$G$18=$B$10,7,0)+IF('Standard Profiles'!$G$18=$B$17,14,0)+IF('Standard Profiles'!$G$18=$B$24,21,0),MOD($C2295,24)+1)/SUM(INDEX($D$3:$AA$30,INDEX(Jesper!$R$2:$R$366,ROW(INDEX(Jesper!AH$2:AH$366,ROUNDDOWN($C2295/24,0)+1,1))-1)+IF('Standard Profiles'!$G$18=$B$10,7,0)+IF('Standard Profiles'!$G$18=$B$17,14,0)+IF('Standard Profiles'!$G$18=$B$24,21,0),0)),0)</f>
        <v>9.4855917540713826</v>
      </c>
      <c r="E2295" cm="1">
        <f t="array" ref="E2295">IFERROR(INDEX(Jesper!AI$2:AI$366,ROUNDDOWN($C2295/24,0)+1,1)*INDEX($D$3:$AA$30,INDEX(Jesper!$R$2:$R$366,ROW(INDEX(Jesper!AI$2:AI$366,ROUNDDOWN($C2295/24,0)+1,1))-1)+IF('Standard Profiles'!$G$19=$B$10,7,0)+IF('Standard Profiles'!$G$19=$B$17,14,0)+IF('Standard Profiles'!$G$19=$B$24,21,0),MOD($C2295,24)+1)/SUM(INDEX($D$3:$AA$30,INDEX(Jesper!$R$2:$R$366,ROW(INDEX(Jesper!AI$2:AI$366,ROUNDDOWN($C2295/24,0)+1,1))-1)+IF('Standard Profiles'!$G$19=$B$10,7,0)+IF('Standard Profiles'!$G$19=$B$17,14,0)+IF('Standard Profiles'!$G$19=$B$24,21,0),0)),0)</f>
        <v>0</v>
      </c>
      <c r="F2295" cm="1">
        <f t="array" ref="F2295">IFERROR(INDEX(Jesper!AJ$2:AJ$366,ROUNDDOWN($C2295/24,0)+1,1)*INDEX($D$3:$AA$30,INDEX(Jesper!$R$2:$R$366,ROW(INDEX(Jesper!AJ$2:AJ$366,ROUNDDOWN($C2295/24,0)+1,1))-1)+IF('Standard Profiles'!$G$20=$B$10,7,0)+IF('Standard Profiles'!$G$20=$B$17,14,0)+IF('Standard Profiles'!$G$20=$B$24,21,0),MOD($C2295,24)+1)/SUM(INDEX($D$3:$AA$30,INDEX(Jesper!$R$2:$R$366,ROW(INDEX(Jesper!AJ$2:AJ$366,ROUNDDOWN($C2295/24,0)+1,1))-1)+IF('Standard Profiles'!$G$20=$B$10,7,0)+IF('Standard Profiles'!$G$20=$B$17,14,0)+IF('Standard Profiles'!$G$20=$B$24,21,0),0)),0)</f>
        <v>0</v>
      </c>
      <c r="G2295" cm="1">
        <f t="array" ref="G2295">IFERROR(INDEX(Jesper!AK$2:AK$366,ROUNDDOWN($C2295/24,0)+1,1)*INDEX($D$3:$AA$30,INDEX(Jesper!$R$2:$R$366,ROW(INDEX(Jesper!AK$2:AK$366,ROUNDDOWN($C2295/24,0)+1,1))-1)+IF('Standard Profiles'!$G$21=$B$10,7,0)+IF('Standard Profiles'!$G$21=$B$17,14,0)+IF('Standard Profiles'!$G$21=$B$24,21,0),MOD($C2295,24)+1)/SUM(INDEX($D$3:$AA$30,INDEX(Jesper!$R$2:$R$366,ROW(INDEX(Jesper!AK$2:AK$366,ROUNDDOWN($C2295/24,0)+1,1))-1)+IF('Standard Profiles'!$G$21=$B$10,7,0)+IF('Standard Profiles'!$G$21=$B$17,14,0)+IF('Standard Profiles'!$G$21=$B$24,21,0),0)),0)</f>
        <v>0</v>
      </c>
      <c r="H2295" cm="1">
        <f t="array" ref="H2295">IFERROR(INDEX(Jesper!AL$2:AL$366,ROUNDDOWN($C2295/24,0)+1,1)*INDEX($D$3:$AA$30,INDEX(Jesper!$R$2:$R$366,ROW(INDEX(Jesper!AL$2:AL$366,ROUNDDOWN($C2295/24,0)+1,1))-1)+IF('Standard Profiles'!$G$22=$B$10,7,0)+IF('Standard Profiles'!$G$22=$B$17,14,0)+IF('Standard Profiles'!$G$22=$B$24,21,0),MOD($C2295,24)+1)/SUM(INDEX($D$3:$AA$30,INDEX(Jesper!$R$2:$R$366,ROW(INDEX(Jesper!AL$2:AL$366,ROUNDDOWN($C2295/24,0)+1,1))-1)+IF('Standard Profiles'!$G$22=$B$10,7,0)+IF('Standard Profiles'!$G$22=$B$17,14,0)+IF('Standard Profiles'!$G$22=$B$24,21,0),0)),0)</f>
        <v>0</v>
      </c>
      <c r="I2295">
        <f t="shared" si="265"/>
        <v>0.28456775262214146</v>
      </c>
      <c r="J2295">
        <f t="shared" si="266"/>
        <v>0.9485591754071383</v>
      </c>
      <c r="K2295">
        <f t="shared" si="267"/>
        <v>1.4228387631107073</v>
      </c>
      <c r="L2295">
        <f t="shared" si="268"/>
        <v>6.8296260629313954</v>
      </c>
      <c r="M2295">
        <f t="shared" si="269"/>
        <v>0</v>
      </c>
      <c r="N2295" s="46">
        <f t="shared" si="270"/>
        <v>45386.20833332785</v>
      </c>
    </row>
    <row r="2296" spans="2:14" x14ac:dyDescent="0.3">
      <c r="B2296">
        <f t="shared" si="264"/>
        <v>4</v>
      </c>
      <c r="C2296" s="16">
        <v>2262</v>
      </c>
      <c r="D2296" cm="1">
        <f t="array" ref="D2296">IFERROR(INDEX(Jesper!AH$2:AH$366,ROUNDDOWN($C2296/24,0)+1,1)*INDEX($D$3:$AA$30,INDEX(Jesper!$R$2:$R$366,ROW(INDEX(Jesper!AH$2:AH$366,ROUNDDOWN($C2296/24,0)+1,1))-1)+IF('Standard Profiles'!$G$18=$B$10,7,0)+IF('Standard Profiles'!$G$18=$B$17,14,0)+IF('Standard Profiles'!$G$18=$B$24,21,0),MOD($C2296,24)+1)/SUM(INDEX($D$3:$AA$30,INDEX(Jesper!$R$2:$R$366,ROW(INDEX(Jesper!AH$2:AH$366,ROUNDDOWN($C2296/24,0)+1,1))-1)+IF('Standard Profiles'!$G$18=$B$10,7,0)+IF('Standard Profiles'!$G$18=$B$17,14,0)+IF('Standard Profiles'!$G$18=$B$24,21,0),0)),0)</f>
        <v>10.957493922806599</v>
      </c>
      <c r="E2296" cm="1">
        <f t="array" ref="E2296">IFERROR(INDEX(Jesper!AI$2:AI$366,ROUNDDOWN($C2296/24,0)+1,1)*INDEX($D$3:$AA$30,INDEX(Jesper!$R$2:$R$366,ROW(INDEX(Jesper!AI$2:AI$366,ROUNDDOWN($C2296/24,0)+1,1))-1)+IF('Standard Profiles'!$G$19=$B$10,7,0)+IF('Standard Profiles'!$G$19=$B$17,14,0)+IF('Standard Profiles'!$G$19=$B$24,21,0),MOD($C2296,24)+1)/SUM(INDEX($D$3:$AA$30,INDEX(Jesper!$R$2:$R$366,ROW(INDEX(Jesper!AI$2:AI$366,ROUNDDOWN($C2296/24,0)+1,1))-1)+IF('Standard Profiles'!$G$19=$B$10,7,0)+IF('Standard Profiles'!$G$19=$B$17,14,0)+IF('Standard Profiles'!$G$19=$B$24,21,0),0)),0)</f>
        <v>0</v>
      </c>
      <c r="F2296" cm="1">
        <f t="array" ref="F2296">IFERROR(INDEX(Jesper!AJ$2:AJ$366,ROUNDDOWN($C2296/24,0)+1,1)*INDEX($D$3:$AA$30,INDEX(Jesper!$R$2:$R$366,ROW(INDEX(Jesper!AJ$2:AJ$366,ROUNDDOWN($C2296/24,0)+1,1))-1)+IF('Standard Profiles'!$G$20=$B$10,7,0)+IF('Standard Profiles'!$G$20=$B$17,14,0)+IF('Standard Profiles'!$G$20=$B$24,21,0),MOD($C2296,24)+1)/SUM(INDEX($D$3:$AA$30,INDEX(Jesper!$R$2:$R$366,ROW(INDEX(Jesper!AJ$2:AJ$366,ROUNDDOWN($C2296/24,0)+1,1))-1)+IF('Standard Profiles'!$G$20=$B$10,7,0)+IF('Standard Profiles'!$G$20=$B$17,14,0)+IF('Standard Profiles'!$G$20=$B$24,21,0),0)),0)</f>
        <v>0</v>
      </c>
      <c r="G2296" cm="1">
        <f t="array" ref="G2296">IFERROR(INDEX(Jesper!AK$2:AK$366,ROUNDDOWN($C2296/24,0)+1,1)*INDEX($D$3:$AA$30,INDEX(Jesper!$R$2:$R$366,ROW(INDEX(Jesper!AK$2:AK$366,ROUNDDOWN($C2296/24,0)+1,1))-1)+IF('Standard Profiles'!$G$21=$B$10,7,0)+IF('Standard Profiles'!$G$21=$B$17,14,0)+IF('Standard Profiles'!$G$21=$B$24,21,0),MOD($C2296,24)+1)/SUM(INDEX($D$3:$AA$30,INDEX(Jesper!$R$2:$R$366,ROW(INDEX(Jesper!AK$2:AK$366,ROUNDDOWN($C2296/24,0)+1,1))-1)+IF('Standard Profiles'!$G$21=$B$10,7,0)+IF('Standard Profiles'!$G$21=$B$17,14,0)+IF('Standard Profiles'!$G$21=$B$24,21,0),0)),0)</f>
        <v>0</v>
      </c>
      <c r="H2296" cm="1">
        <f t="array" ref="H2296">IFERROR(INDEX(Jesper!AL$2:AL$366,ROUNDDOWN($C2296/24,0)+1,1)*INDEX($D$3:$AA$30,INDEX(Jesper!$R$2:$R$366,ROW(INDEX(Jesper!AL$2:AL$366,ROUNDDOWN($C2296/24,0)+1,1))-1)+IF('Standard Profiles'!$G$22=$B$10,7,0)+IF('Standard Profiles'!$G$22=$B$17,14,0)+IF('Standard Profiles'!$G$22=$B$24,21,0),MOD($C2296,24)+1)/SUM(INDEX($D$3:$AA$30,INDEX(Jesper!$R$2:$R$366,ROW(INDEX(Jesper!AL$2:AL$366,ROUNDDOWN($C2296/24,0)+1,1))-1)+IF('Standard Profiles'!$G$22=$B$10,7,0)+IF('Standard Profiles'!$G$22=$B$17,14,0)+IF('Standard Profiles'!$G$22=$B$24,21,0),0)),0)</f>
        <v>0</v>
      </c>
      <c r="I2296">
        <f t="shared" si="265"/>
        <v>0.32872481768419792</v>
      </c>
      <c r="J2296">
        <f t="shared" si="266"/>
        <v>1.0957493922806598</v>
      </c>
      <c r="K2296">
        <f t="shared" si="267"/>
        <v>1.6436240884209898</v>
      </c>
      <c r="L2296">
        <f t="shared" si="268"/>
        <v>7.889395624420751</v>
      </c>
      <c r="M2296">
        <f t="shared" si="269"/>
        <v>0</v>
      </c>
      <c r="N2296" s="46">
        <f t="shared" si="270"/>
        <v>45386.249999994514</v>
      </c>
    </row>
    <row r="2297" spans="2:14" x14ac:dyDescent="0.3">
      <c r="B2297">
        <f t="shared" si="264"/>
        <v>4</v>
      </c>
      <c r="C2297" s="16">
        <v>2263</v>
      </c>
      <c r="D2297" cm="1">
        <f t="array" ref="D2297">IFERROR(INDEX(Jesper!AH$2:AH$366,ROUNDDOWN($C2297/24,0)+1,1)*INDEX($D$3:$AA$30,INDEX(Jesper!$R$2:$R$366,ROW(INDEX(Jesper!AH$2:AH$366,ROUNDDOWN($C2297/24,0)+1,1))-1)+IF('Standard Profiles'!$G$18=$B$10,7,0)+IF('Standard Profiles'!$G$18=$B$17,14,0)+IF('Standard Profiles'!$G$18=$B$24,21,0),MOD($C2297,24)+1)/SUM(INDEX($D$3:$AA$30,INDEX(Jesper!$R$2:$R$366,ROW(INDEX(Jesper!AH$2:AH$366,ROUNDDOWN($C2297/24,0)+1,1))-1)+IF('Standard Profiles'!$G$18=$B$10,7,0)+IF('Standard Profiles'!$G$18=$B$17,14,0)+IF('Standard Profiles'!$G$18=$B$24,21,0),0)),0)</f>
        <v>10.957493922806599</v>
      </c>
      <c r="E2297" cm="1">
        <f t="array" ref="E2297">IFERROR(INDEX(Jesper!AI$2:AI$366,ROUNDDOWN($C2297/24,0)+1,1)*INDEX($D$3:$AA$30,INDEX(Jesper!$R$2:$R$366,ROW(INDEX(Jesper!AI$2:AI$366,ROUNDDOWN($C2297/24,0)+1,1))-1)+IF('Standard Profiles'!$G$19=$B$10,7,0)+IF('Standard Profiles'!$G$19=$B$17,14,0)+IF('Standard Profiles'!$G$19=$B$24,21,0),MOD($C2297,24)+1)/SUM(INDEX($D$3:$AA$30,INDEX(Jesper!$R$2:$R$366,ROW(INDEX(Jesper!AI$2:AI$366,ROUNDDOWN($C2297/24,0)+1,1))-1)+IF('Standard Profiles'!$G$19=$B$10,7,0)+IF('Standard Profiles'!$G$19=$B$17,14,0)+IF('Standard Profiles'!$G$19=$B$24,21,0),0)),0)</f>
        <v>0</v>
      </c>
      <c r="F2297" cm="1">
        <f t="array" ref="F2297">IFERROR(INDEX(Jesper!AJ$2:AJ$366,ROUNDDOWN($C2297/24,0)+1,1)*INDEX($D$3:$AA$30,INDEX(Jesper!$R$2:$R$366,ROW(INDEX(Jesper!AJ$2:AJ$366,ROUNDDOWN($C2297/24,0)+1,1))-1)+IF('Standard Profiles'!$G$20=$B$10,7,0)+IF('Standard Profiles'!$G$20=$B$17,14,0)+IF('Standard Profiles'!$G$20=$B$24,21,0),MOD($C2297,24)+1)/SUM(INDEX($D$3:$AA$30,INDEX(Jesper!$R$2:$R$366,ROW(INDEX(Jesper!AJ$2:AJ$366,ROUNDDOWN($C2297/24,0)+1,1))-1)+IF('Standard Profiles'!$G$20=$B$10,7,0)+IF('Standard Profiles'!$G$20=$B$17,14,0)+IF('Standard Profiles'!$G$20=$B$24,21,0),0)),0)</f>
        <v>0</v>
      </c>
      <c r="G2297" cm="1">
        <f t="array" ref="G2297">IFERROR(INDEX(Jesper!AK$2:AK$366,ROUNDDOWN($C2297/24,0)+1,1)*INDEX($D$3:$AA$30,INDEX(Jesper!$R$2:$R$366,ROW(INDEX(Jesper!AK$2:AK$366,ROUNDDOWN($C2297/24,0)+1,1))-1)+IF('Standard Profiles'!$G$21=$B$10,7,0)+IF('Standard Profiles'!$G$21=$B$17,14,0)+IF('Standard Profiles'!$G$21=$B$24,21,0),MOD($C2297,24)+1)/SUM(INDEX($D$3:$AA$30,INDEX(Jesper!$R$2:$R$366,ROW(INDEX(Jesper!AK$2:AK$366,ROUNDDOWN($C2297/24,0)+1,1))-1)+IF('Standard Profiles'!$G$21=$B$10,7,0)+IF('Standard Profiles'!$G$21=$B$17,14,0)+IF('Standard Profiles'!$G$21=$B$24,21,0),0)),0)</f>
        <v>0</v>
      </c>
      <c r="H2297" cm="1">
        <f t="array" ref="H2297">IFERROR(INDEX(Jesper!AL$2:AL$366,ROUNDDOWN($C2297/24,0)+1,1)*INDEX($D$3:$AA$30,INDEX(Jesper!$R$2:$R$366,ROW(INDEX(Jesper!AL$2:AL$366,ROUNDDOWN($C2297/24,0)+1,1))-1)+IF('Standard Profiles'!$G$22=$B$10,7,0)+IF('Standard Profiles'!$G$22=$B$17,14,0)+IF('Standard Profiles'!$G$22=$B$24,21,0),MOD($C2297,24)+1)/SUM(INDEX($D$3:$AA$30,INDEX(Jesper!$R$2:$R$366,ROW(INDEX(Jesper!AL$2:AL$366,ROUNDDOWN($C2297/24,0)+1,1))-1)+IF('Standard Profiles'!$G$22=$B$10,7,0)+IF('Standard Profiles'!$G$22=$B$17,14,0)+IF('Standard Profiles'!$G$22=$B$24,21,0),0)),0)</f>
        <v>0</v>
      </c>
      <c r="I2297">
        <f t="shared" si="265"/>
        <v>0.32872481768419792</v>
      </c>
      <c r="J2297">
        <f t="shared" si="266"/>
        <v>1.0957493922806598</v>
      </c>
      <c r="K2297">
        <f t="shared" si="267"/>
        <v>1.6436240884209898</v>
      </c>
      <c r="L2297">
        <f t="shared" si="268"/>
        <v>7.889395624420751</v>
      </c>
      <c r="M2297">
        <f t="shared" si="269"/>
        <v>0</v>
      </c>
      <c r="N2297" s="46">
        <f t="shared" si="270"/>
        <v>45386.291666661178</v>
      </c>
    </row>
    <row r="2298" spans="2:14" x14ac:dyDescent="0.3">
      <c r="B2298">
        <f t="shared" si="264"/>
        <v>4</v>
      </c>
      <c r="C2298" s="16">
        <v>2264</v>
      </c>
      <c r="D2298" cm="1">
        <f t="array" ref="D2298">IFERROR(INDEX(Jesper!AH$2:AH$366,ROUNDDOWN($C2298/24,0)+1,1)*INDEX($D$3:$AA$30,INDEX(Jesper!$R$2:$R$366,ROW(INDEX(Jesper!AH$2:AH$366,ROUNDDOWN($C2298/24,0)+1,1))-1)+IF('Standard Profiles'!$G$18=$B$10,7,0)+IF('Standard Profiles'!$G$18=$B$17,14,0)+IF('Standard Profiles'!$G$18=$B$24,21,0),MOD($C2298,24)+1)/SUM(INDEX($D$3:$AA$30,INDEX(Jesper!$R$2:$R$366,ROW(INDEX(Jesper!AH$2:AH$366,ROUNDDOWN($C2298/24,0)+1,1))-1)+IF('Standard Profiles'!$G$18=$B$10,7,0)+IF('Standard Profiles'!$G$18=$B$17,14,0)+IF('Standard Profiles'!$G$18=$B$24,21,0),0)),0)</f>
        <v>10.957493922806599</v>
      </c>
      <c r="E2298" cm="1">
        <f t="array" ref="E2298">IFERROR(INDEX(Jesper!AI$2:AI$366,ROUNDDOWN($C2298/24,0)+1,1)*INDEX($D$3:$AA$30,INDEX(Jesper!$R$2:$R$366,ROW(INDEX(Jesper!AI$2:AI$366,ROUNDDOWN($C2298/24,0)+1,1))-1)+IF('Standard Profiles'!$G$19=$B$10,7,0)+IF('Standard Profiles'!$G$19=$B$17,14,0)+IF('Standard Profiles'!$G$19=$B$24,21,0),MOD($C2298,24)+1)/SUM(INDEX($D$3:$AA$30,INDEX(Jesper!$R$2:$R$366,ROW(INDEX(Jesper!AI$2:AI$366,ROUNDDOWN($C2298/24,0)+1,1))-1)+IF('Standard Profiles'!$G$19=$B$10,7,0)+IF('Standard Profiles'!$G$19=$B$17,14,0)+IF('Standard Profiles'!$G$19=$B$24,21,0),0)),0)</f>
        <v>0</v>
      </c>
      <c r="F2298" cm="1">
        <f t="array" ref="F2298">IFERROR(INDEX(Jesper!AJ$2:AJ$366,ROUNDDOWN($C2298/24,0)+1,1)*INDEX($D$3:$AA$30,INDEX(Jesper!$R$2:$R$366,ROW(INDEX(Jesper!AJ$2:AJ$366,ROUNDDOWN($C2298/24,0)+1,1))-1)+IF('Standard Profiles'!$G$20=$B$10,7,0)+IF('Standard Profiles'!$G$20=$B$17,14,0)+IF('Standard Profiles'!$G$20=$B$24,21,0),MOD($C2298,24)+1)/SUM(INDEX($D$3:$AA$30,INDEX(Jesper!$R$2:$R$366,ROW(INDEX(Jesper!AJ$2:AJ$366,ROUNDDOWN($C2298/24,0)+1,1))-1)+IF('Standard Profiles'!$G$20=$B$10,7,0)+IF('Standard Profiles'!$G$20=$B$17,14,0)+IF('Standard Profiles'!$G$20=$B$24,21,0),0)),0)</f>
        <v>0</v>
      </c>
      <c r="G2298" cm="1">
        <f t="array" ref="G2298">IFERROR(INDEX(Jesper!AK$2:AK$366,ROUNDDOWN($C2298/24,0)+1,1)*INDEX($D$3:$AA$30,INDEX(Jesper!$R$2:$R$366,ROW(INDEX(Jesper!AK$2:AK$366,ROUNDDOWN($C2298/24,0)+1,1))-1)+IF('Standard Profiles'!$G$21=$B$10,7,0)+IF('Standard Profiles'!$G$21=$B$17,14,0)+IF('Standard Profiles'!$G$21=$B$24,21,0),MOD($C2298,24)+1)/SUM(INDEX($D$3:$AA$30,INDEX(Jesper!$R$2:$R$366,ROW(INDEX(Jesper!AK$2:AK$366,ROUNDDOWN($C2298/24,0)+1,1))-1)+IF('Standard Profiles'!$G$21=$B$10,7,0)+IF('Standard Profiles'!$G$21=$B$17,14,0)+IF('Standard Profiles'!$G$21=$B$24,21,0),0)),0)</f>
        <v>0</v>
      </c>
      <c r="H2298" cm="1">
        <f t="array" ref="H2298">IFERROR(INDEX(Jesper!AL$2:AL$366,ROUNDDOWN($C2298/24,0)+1,1)*INDEX($D$3:$AA$30,INDEX(Jesper!$R$2:$R$366,ROW(INDEX(Jesper!AL$2:AL$366,ROUNDDOWN($C2298/24,0)+1,1))-1)+IF('Standard Profiles'!$G$22=$B$10,7,0)+IF('Standard Profiles'!$G$22=$B$17,14,0)+IF('Standard Profiles'!$G$22=$B$24,21,0),MOD($C2298,24)+1)/SUM(INDEX($D$3:$AA$30,INDEX(Jesper!$R$2:$R$366,ROW(INDEX(Jesper!AL$2:AL$366,ROUNDDOWN($C2298/24,0)+1,1))-1)+IF('Standard Profiles'!$G$22=$B$10,7,0)+IF('Standard Profiles'!$G$22=$B$17,14,0)+IF('Standard Profiles'!$G$22=$B$24,21,0),0)),0)</f>
        <v>0</v>
      </c>
      <c r="I2298">
        <f t="shared" si="265"/>
        <v>0.32872481768419792</v>
      </c>
      <c r="J2298">
        <f t="shared" si="266"/>
        <v>1.0957493922806598</v>
      </c>
      <c r="K2298">
        <f t="shared" si="267"/>
        <v>1.6436240884209898</v>
      </c>
      <c r="L2298">
        <f t="shared" si="268"/>
        <v>7.889395624420751</v>
      </c>
      <c r="M2298">
        <f t="shared" si="269"/>
        <v>0</v>
      </c>
      <c r="N2298" s="46">
        <f t="shared" si="270"/>
        <v>45386.333333327842</v>
      </c>
    </row>
    <row r="2299" spans="2:14" x14ac:dyDescent="0.3">
      <c r="B2299">
        <f t="shared" si="264"/>
        <v>4</v>
      </c>
      <c r="C2299" s="16">
        <v>2265</v>
      </c>
      <c r="D2299" cm="1">
        <f t="array" ref="D2299">IFERROR(INDEX(Jesper!AH$2:AH$366,ROUNDDOWN($C2299/24,0)+1,1)*INDEX($D$3:$AA$30,INDEX(Jesper!$R$2:$R$366,ROW(INDEX(Jesper!AH$2:AH$366,ROUNDDOWN($C2299/24,0)+1,1))-1)+IF('Standard Profiles'!$G$18=$B$10,7,0)+IF('Standard Profiles'!$G$18=$B$17,14,0)+IF('Standard Profiles'!$G$18=$B$24,21,0),MOD($C2299,24)+1)/SUM(INDEX($D$3:$AA$30,INDEX(Jesper!$R$2:$R$366,ROW(INDEX(Jesper!AH$2:AH$366,ROUNDDOWN($C2299/24,0)+1,1))-1)+IF('Standard Profiles'!$G$18=$B$10,7,0)+IF('Standard Profiles'!$G$18=$B$17,14,0)+IF('Standard Profiles'!$G$18=$B$24,21,0),0)),0)</f>
        <v>11.775217349881718</v>
      </c>
      <c r="E2299" cm="1">
        <f t="array" ref="E2299">IFERROR(INDEX(Jesper!AI$2:AI$366,ROUNDDOWN($C2299/24,0)+1,1)*INDEX($D$3:$AA$30,INDEX(Jesper!$R$2:$R$366,ROW(INDEX(Jesper!AI$2:AI$366,ROUNDDOWN($C2299/24,0)+1,1))-1)+IF('Standard Profiles'!$G$19=$B$10,7,0)+IF('Standard Profiles'!$G$19=$B$17,14,0)+IF('Standard Profiles'!$G$19=$B$24,21,0),MOD($C2299,24)+1)/SUM(INDEX($D$3:$AA$30,INDEX(Jesper!$R$2:$R$366,ROW(INDEX(Jesper!AI$2:AI$366,ROUNDDOWN($C2299/24,0)+1,1))-1)+IF('Standard Profiles'!$G$19=$B$10,7,0)+IF('Standard Profiles'!$G$19=$B$17,14,0)+IF('Standard Profiles'!$G$19=$B$24,21,0),0)),0)</f>
        <v>0</v>
      </c>
      <c r="F2299" cm="1">
        <f t="array" ref="F2299">IFERROR(INDEX(Jesper!AJ$2:AJ$366,ROUNDDOWN($C2299/24,0)+1,1)*INDEX($D$3:$AA$30,INDEX(Jesper!$R$2:$R$366,ROW(INDEX(Jesper!AJ$2:AJ$366,ROUNDDOWN($C2299/24,0)+1,1))-1)+IF('Standard Profiles'!$G$20=$B$10,7,0)+IF('Standard Profiles'!$G$20=$B$17,14,0)+IF('Standard Profiles'!$G$20=$B$24,21,0),MOD($C2299,24)+1)/SUM(INDEX($D$3:$AA$30,INDEX(Jesper!$R$2:$R$366,ROW(INDEX(Jesper!AJ$2:AJ$366,ROUNDDOWN($C2299/24,0)+1,1))-1)+IF('Standard Profiles'!$G$20=$B$10,7,0)+IF('Standard Profiles'!$G$20=$B$17,14,0)+IF('Standard Profiles'!$G$20=$B$24,21,0),0)),0)</f>
        <v>0</v>
      </c>
      <c r="G2299" cm="1">
        <f t="array" ref="G2299">IFERROR(INDEX(Jesper!AK$2:AK$366,ROUNDDOWN($C2299/24,0)+1,1)*INDEX($D$3:$AA$30,INDEX(Jesper!$R$2:$R$366,ROW(INDEX(Jesper!AK$2:AK$366,ROUNDDOWN($C2299/24,0)+1,1))-1)+IF('Standard Profiles'!$G$21=$B$10,7,0)+IF('Standard Profiles'!$G$21=$B$17,14,0)+IF('Standard Profiles'!$G$21=$B$24,21,0),MOD($C2299,24)+1)/SUM(INDEX($D$3:$AA$30,INDEX(Jesper!$R$2:$R$366,ROW(INDEX(Jesper!AK$2:AK$366,ROUNDDOWN($C2299/24,0)+1,1))-1)+IF('Standard Profiles'!$G$21=$B$10,7,0)+IF('Standard Profiles'!$G$21=$B$17,14,0)+IF('Standard Profiles'!$G$21=$B$24,21,0),0)),0)</f>
        <v>0</v>
      </c>
      <c r="H2299" cm="1">
        <f t="array" ref="H2299">IFERROR(INDEX(Jesper!AL$2:AL$366,ROUNDDOWN($C2299/24,0)+1,1)*INDEX($D$3:$AA$30,INDEX(Jesper!$R$2:$R$366,ROW(INDEX(Jesper!AL$2:AL$366,ROUNDDOWN($C2299/24,0)+1,1))-1)+IF('Standard Profiles'!$G$22=$B$10,7,0)+IF('Standard Profiles'!$G$22=$B$17,14,0)+IF('Standard Profiles'!$G$22=$B$24,21,0),MOD($C2299,24)+1)/SUM(INDEX($D$3:$AA$30,INDEX(Jesper!$R$2:$R$366,ROW(INDEX(Jesper!AL$2:AL$366,ROUNDDOWN($C2299/24,0)+1,1))-1)+IF('Standard Profiles'!$G$22=$B$10,7,0)+IF('Standard Profiles'!$G$22=$B$17,14,0)+IF('Standard Profiles'!$G$22=$B$24,21,0),0)),0)</f>
        <v>0</v>
      </c>
      <c r="I2299">
        <f t="shared" si="265"/>
        <v>0.35325652049645151</v>
      </c>
      <c r="J2299">
        <f t="shared" si="266"/>
        <v>1.1775217349881719</v>
      </c>
      <c r="K2299">
        <f t="shared" si="267"/>
        <v>1.7662826024822575</v>
      </c>
      <c r="L2299">
        <f t="shared" si="268"/>
        <v>8.4781564919148362</v>
      </c>
      <c r="M2299">
        <f t="shared" si="269"/>
        <v>0</v>
      </c>
      <c r="N2299" s="46">
        <f t="shared" si="270"/>
        <v>45386.374999994507</v>
      </c>
    </row>
    <row r="2300" spans="2:14" x14ac:dyDescent="0.3">
      <c r="B2300">
        <f t="shared" si="264"/>
        <v>4</v>
      </c>
      <c r="C2300" s="16">
        <v>2266</v>
      </c>
      <c r="D2300" cm="1">
        <f t="array" ref="D2300">IFERROR(INDEX(Jesper!AH$2:AH$366,ROUNDDOWN($C2300/24,0)+1,1)*INDEX($D$3:$AA$30,INDEX(Jesper!$R$2:$R$366,ROW(INDEX(Jesper!AH$2:AH$366,ROUNDDOWN($C2300/24,0)+1,1))-1)+IF('Standard Profiles'!$G$18=$B$10,7,0)+IF('Standard Profiles'!$G$18=$B$17,14,0)+IF('Standard Profiles'!$G$18=$B$24,21,0),MOD($C2300,24)+1)/SUM(INDEX($D$3:$AA$30,INDEX(Jesper!$R$2:$R$366,ROW(INDEX(Jesper!AH$2:AH$366,ROUNDDOWN($C2300/24,0)+1,1))-1)+IF('Standard Profiles'!$G$18=$B$10,7,0)+IF('Standard Profiles'!$G$18=$B$17,14,0)+IF('Standard Profiles'!$G$18=$B$24,21,0),0)),0)</f>
        <v>12.75648546237186</v>
      </c>
      <c r="E2300" cm="1">
        <f t="array" ref="E2300">IFERROR(INDEX(Jesper!AI$2:AI$366,ROUNDDOWN($C2300/24,0)+1,1)*INDEX($D$3:$AA$30,INDEX(Jesper!$R$2:$R$366,ROW(INDEX(Jesper!AI$2:AI$366,ROUNDDOWN($C2300/24,0)+1,1))-1)+IF('Standard Profiles'!$G$19=$B$10,7,0)+IF('Standard Profiles'!$G$19=$B$17,14,0)+IF('Standard Profiles'!$G$19=$B$24,21,0),MOD($C2300,24)+1)/SUM(INDEX($D$3:$AA$30,INDEX(Jesper!$R$2:$R$366,ROW(INDEX(Jesper!AI$2:AI$366,ROUNDDOWN($C2300/24,0)+1,1))-1)+IF('Standard Profiles'!$G$19=$B$10,7,0)+IF('Standard Profiles'!$G$19=$B$17,14,0)+IF('Standard Profiles'!$G$19=$B$24,21,0),0)),0)</f>
        <v>0</v>
      </c>
      <c r="F2300" cm="1">
        <f t="array" ref="F2300">IFERROR(INDEX(Jesper!AJ$2:AJ$366,ROUNDDOWN($C2300/24,0)+1,1)*INDEX($D$3:$AA$30,INDEX(Jesper!$R$2:$R$366,ROW(INDEX(Jesper!AJ$2:AJ$366,ROUNDDOWN($C2300/24,0)+1,1))-1)+IF('Standard Profiles'!$G$20=$B$10,7,0)+IF('Standard Profiles'!$G$20=$B$17,14,0)+IF('Standard Profiles'!$G$20=$B$24,21,0),MOD($C2300,24)+1)/SUM(INDEX($D$3:$AA$30,INDEX(Jesper!$R$2:$R$366,ROW(INDEX(Jesper!AJ$2:AJ$366,ROUNDDOWN($C2300/24,0)+1,1))-1)+IF('Standard Profiles'!$G$20=$B$10,7,0)+IF('Standard Profiles'!$G$20=$B$17,14,0)+IF('Standard Profiles'!$G$20=$B$24,21,0),0)),0)</f>
        <v>0</v>
      </c>
      <c r="G2300" cm="1">
        <f t="array" ref="G2300">IFERROR(INDEX(Jesper!AK$2:AK$366,ROUNDDOWN($C2300/24,0)+1,1)*INDEX($D$3:$AA$30,INDEX(Jesper!$R$2:$R$366,ROW(INDEX(Jesper!AK$2:AK$366,ROUNDDOWN($C2300/24,0)+1,1))-1)+IF('Standard Profiles'!$G$21=$B$10,7,0)+IF('Standard Profiles'!$G$21=$B$17,14,0)+IF('Standard Profiles'!$G$21=$B$24,21,0),MOD($C2300,24)+1)/SUM(INDEX($D$3:$AA$30,INDEX(Jesper!$R$2:$R$366,ROW(INDEX(Jesper!AK$2:AK$366,ROUNDDOWN($C2300/24,0)+1,1))-1)+IF('Standard Profiles'!$G$21=$B$10,7,0)+IF('Standard Profiles'!$G$21=$B$17,14,0)+IF('Standard Profiles'!$G$21=$B$24,21,0),0)),0)</f>
        <v>0</v>
      </c>
      <c r="H2300" cm="1">
        <f t="array" ref="H2300">IFERROR(INDEX(Jesper!AL$2:AL$366,ROUNDDOWN($C2300/24,0)+1,1)*INDEX($D$3:$AA$30,INDEX(Jesper!$R$2:$R$366,ROW(INDEX(Jesper!AL$2:AL$366,ROUNDDOWN($C2300/24,0)+1,1))-1)+IF('Standard Profiles'!$G$22=$B$10,7,0)+IF('Standard Profiles'!$G$22=$B$17,14,0)+IF('Standard Profiles'!$G$22=$B$24,21,0),MOD($C2300,24)+1)/SUM(INDEX($D$3:$AA$30,INDEX(Jesper!$R$2:$R$366,ROW(INDEX(Jesper!AL$2:AL$366,ROUNDDOWN($C2300/24,0)+1,1))-1)+IF('Standard Profiles'!$G$22=$B$10,7,0)+IF('Standard Profiles'!$G$22=$B$17,14,0)+IF('Standard Profiles'!$G$22=$B$24,21,0),0)),0)</f>
        <v>0</v>
      </c>
      <c r="I2300">
        <f t="shared" si="265"/>
        <v>0.38269456387115575</v>
      </c>
      <c r="J2300">
        <f t="shared" si="266"/>
        <v>1.275648546237186</v>
      </c>
      <c r="K2300">
        <f t="shared" si="267"/>
        <v>1.9134728193557788</v>
      </c>
      <c r="L2300">
        <f t="shared" si="268"/>
        <v>9.1846695329077388</v>
      </c>
      <c r="M2300">
        <f t="shared" si="269"/>
        <v>0</v>
      </c>
      <c r="N2300" s="46">
        <f t="shared" si="270"/>
        <v>45386.416666661171</v>
      </c>
    </row>
    <row r="2301" spans="2:14" x14ac:dyDescent="0.3">
      <c r="B2301">
        <f t="shared" si="264"/>
        <v>4</v>
      </c>
      <c r="C2301" s="16">
        <v>2267</v>
      </c>
      <c r="D2301" cm="1">
        <f t="array" ref="D2301">IFERROR(INDEX(Jesper!AH$2:AH$366,ROUNDDOWN($C2301/24,0)+1,1)*INDEX($D$3:$AA$30,INDEX(Jesper!$R$2:$R$366,ROW(INDEX(Jesper!AH$2:AH$366,ROUNDDOWN($C2301/24,0)+1,1))-1)+IF('Standard Profiles'!$G$18=$B$10,7,0)+IF('Standard Profiles'!$G$18=$B$17,14,0)+IF('Standard Profiles'!$G$18=$B$24,21,0),MOD($C2301,24)+1)/SUM(INDEX($D$3:$AA$30,INDEX(Jesper!$R$2:$R$366,ROW(INDEX(Jesper!AH$2:AH$366,ROUNDDOWN($C2301/24,0)+1,1))-1)+IF('Standard Profiles'!$G$18=$B$10,7,0)+IF('Standard Profiles'!$G$18=$B$17,14,0)+IF('Standard Profiles'!$G$18=$B$24,21,0),0)),0)</f>
        <v>14.719021687352145</v>
      </c>
      <c r="E2301" cm="1">
        <f t="array" ref="E2301">IFERROR(INDEX(Jesper!AI$2:AI$366,ROUNDDOWN($C2301/24,0)+1,1)*INDEX($D$3:$AA$30,INDEX(Jesper!$R$2:$R$366,ROW(INDEX(Jesper!AI$2:AI$366,ROUNDDOWN($C2301/24,0)+1,1))-1)+IF('Standard Profiles'!$G$19=$B$10,7,0)+IF('Standard Profiles'!$G$19=$B$17,14,0)+IF('Standard Profiles'!$G$19=$B$24,21,0),MOD($C2301,24)+1)/SUM(INDEX($D$3:$AA$30,INDEX(Jesper!$R$2:$R$366,ROW(INDEX(Jesper!AI$2:AI$366,ROUNDDOWN($C2301/24,0)+1,1))-1)+IF('Standard Profiles'!$G$19=$B$10,7,0)+IF('Standard Profiles'!$G$19=$B$17,14,0)+IF('Standard Profiles'!$G$19=$B$24,21,0),0)),0)</f>
        <v>0</v>
      </c>
      <c r="F2301" cm="1">
        <f t="array" ref="F2301">IFERROR(INDEX(Jesper!AJ$2:AJ$366,ROUNDDOWN($C2301/24,0)+1,1)*INDEX($D$3:$AA$30,INDEX(Jesper!$R$2:$R$366,ROW(INDEX(Jesper!AJ$2:AJ$366,ROUNDDOWN($C2301/24,0)+1,1))-1)+IF('Standard Profiles'!$G$20=$B$10,7,0)+IF('Standard Profiles'!$G$20=$B$17,14,0)+IF('Standard Profiles'!$G$20=$B$24,21,0),MOD($C2301,24)+1)/SUM(INDEX($D$3:$AA$30,INDEX(Jesper!$R$2:$R$366,ROW(INDEX(Jesper!AJ$2:AJ$366,ROUNDDOWN($C2301/24,0)+1,1))-1)+IF('Standard Profiles'!$G$20=$B$10,7,0)+IF('Standard Profiles'!$G$20=$B$17,14,0)+IF('Standard Profiles'!$G$20=$B$24,21,0),0)),0)</f>
        <v>0</v>
      </c>
      <c r="G2301" cm="1">
        <f t="array" ref="G2301">IFERROR(INDEX(Jesper!AK$2:AK$366,ROUNDDOWN($C2301/24,0)+1,1)*INDEX($D$3:$AA$30,INDEX(Jesper!$R$2:$R$366,ROW(INDEX(Jesper!AK$2:AK$366,ROUNDDOWN($C2301/24,0)+1,1))-1)+IF('Standard Profiles'!$G$21=$B$10,7,0)+IF('Standard Profiles'!$G$21=$B$17,14,0)+IF('Standard Profiles'!$G$21=$B$24,21,0),MOD($C2301,24)+1)/SUM(INDEX($D$3:$AA$30,INDEX(Jesper!$R$2:$R$366,ROW(INDEX(Jesper!AK$2:AK$366,ROUNDDOWN($C2301/24,0)+1,1))-1)+IF('Standard Profiles'!$G$21=$B$10,7,0)+IF('Standard Profiles'!$G$21=$B$17,14,0)+IF('Standard Profiles'!$G$21=$B$24,21,0),0)),0)</f>
        <v>0</v>
      </c>
      <c r="H2301" cm="1">
        <f t="array" ref="H2301">IFERROR(INDEX(Jesper!AL$2:AL$366,ROUNDDOWN($C2301/24,0)+1,1)*INDEX($D$3:$AA$30,INDEX(Jesper!$R$2:$R$366,ROW(INDEX(Jesper!AL$2:AL$366,ROUNDDOWN($C2301/24,0)+1,1))-1)+IF('Standard Profiles'!$G$22=$B$10,7,0)+IF('Standard Profiles'!$G$22=$B$17,14,0)+IF('Standard Profiles'!$G$22=$B$24,21,0),MOD($C2301,24)+1)/SUM(INDEX($D$3:$AA$30,INDEX(Jesper!$R$2:$R$366,ROW(INDEX(Jesper!AL$2:AL$366,ROUNDDOWN($C2301/24,0)+1,1))-1)+IF('Standard Profiles'!$G$22=$B$10,7,0)+IF('Standard Profiles'!$G$22=$B$17,14,0)+IF('Standard Profiles'!$G$22=$B$24,21,0),0)),0)</f>
        <v>0</v>
      </c>
      <c r="I2301">
        <f t="shared" si="265"/>
        <v>0.44157065062056433</v>
      </c>
      <c r="J2301">
        <f t="shared" si="266"/>
        <v>1.4719021687352145</v>
      </c>
      <c r="K2301">
        <f t="shared" si="267"/>
        <v>2.2078532531028214</v>
      </c>
      <c r="L2301">
        <f t="shared" si="268"/>
        <v>10.597695614893544</v>
      </c>
      <c r="M2301">
        <f t="shared" si="269"/>
        <v>0</v>
      </c>
      <c r="N2301" s="46">
        <f t="shared" si="270"/>
        <v>45386.458333327835</v>
      </c>
    </row>
    <row r="2302" spans="2:14" x14ac:dyDescent="0.3">
      <c r="B2302">
        <f t="shared" si="264"/>
        <v>4</v>
      </c>
      <c r="C2302" s="16">
        <v>2268</v>
      </c>
      <c r="D2302" cm="1">
        <f t="array" ref="D2302">IFERROR(INDEX(Jesper!AH$2:AH$366,ROUNDDOWN($C2302/24,0)+1,1)*INDEX($D$3:$AA$30,INDEX(Jesper!$R$2:$R$366,ROW(INDEX(Jesper!AH$2:AH$366,ROUNDDOWN($C2302/24,0)+1,1))-1)+IF('Standard Profiles'!$G$18=$B$10,7,0)+IF('Standard Profiles'!$G$18=$B$17,14,0)+IF('Standard Profiles'!$G$18=$B$24,21,0),MOD($C2302,24)+1)/SUM(INDEX($D$3:$AA$30,INDEX(Jesper!$R$2:$R$366,ROW(INDEX(Jesper!AH$2:AH$366,ROUNDDOWN($C2302/24,0)+1,1))-1)+IF('Standard Profiles'!$G$18=$B$10,7,0)+IF('Standard Profiles'!$G$18=$B$17,14,0)+IF('Standard Profiles'!$G$18=$B$24,21,0),0)),0)</f>
        <v>14.719021687352145</v>
      </c>
      <c r="E2302" cm="1">
        <f t="array" ref="E2302">IFERROR(INDEX(Jesper!AI$2:AI$366,ROUNDDOWN($C2302/24,0)+1,1)*INDEX($D$3:$AA$30,INDEX(Jesper!$R$2:$R$366,ROW(INDEX(Jesper!AI$2:AI$366,ROUNDDOWN($C2302/24,0)+1,1))-1)+IF('Standard Profiles'!$G$19=$B$10,7,0)+IF('Standard Profiles'!$G$19=$B$17,14,0)+IF('Standard Profiles'!$G$19=$B$24,21,0),MOD($C2302,24)+1)/SUM(INDEX($D$3:$AA$30,INDEX(Jesper!$R$2:$R$366,ROW(INDEX(Jesper!AI$2:AI$366,ROUNDDOWN($C2302/24,0)+1,1))-1)+IF('Standard Profiles'!$G$19=$B$10,7,0)+IF('Standard Profiles'!$G$19=$B$17,14,0)+IF('Standard Profiles'!$G$19=$B$24,21,0),0)),0)</f>
        <v>0</v>
      </c>
      <c r="F2302" cm="1">
        <f t="array" ref="F2302">IFERROR(INDEX(Jesper!AJ$2:AJ$366,ROUNDDOWN($C2302/24,0)+1,1)*INDEX($D$3:$AA$30,INDEX(Jesper!$R$2:$R$366,ROW(INDEX(Jesper!AJ$2:AJ$366,ROUNDDOWN($C2302/24,0)+1,1))-1)+IF('Standard Profiles'!$G$20=$B$10,7,0)+IF('Standard Profiles'!$G$20=$B$17,14,0)+IF('Standard Profiles'!$G$20=$B$24,21,0),MOD($C2302,24)+1)/SUM(INDEX($D$3:$AA$30,INDEX(Jesper!$R$2:$R$366,ROW(INDEX(Jesper!AJ$2:AJ$366,ROUNDDOWN($C2302/24,0)+1,1))-1)+IF('Standard Profiles'!$G$20=$B$10,7,0)+IF('Standard Profiles'!$G$20=$B$17,14,0)+IF('Standard Profiles'!$G$20=$B$24,21,0),0)),0)</f>
        <v>0</v>
      </c>
      <c r="G2302" cm="1">
        <f t="array" ref="G2302">IFERROR(INDEX(Jesper!AK$2:AK$366,ROUNDDOWN($C2302/24,0)+1,1)*INDEX($D$3:$AA$30,INDEX(Jesper!$R$2:$R$366,ROW(INDEX(Jesper!AK$2:AK$366,ROUNDDOWN($C2302/24,0)+1,1))-1)+IF('Standard Profiles'!$G$21=$B$10,7,0)+IF('Standard Profiles'!$G$21=$B$17,14,0)+IF('Standard Profiles'!$G$21=$B$24,21,0),MOD($C2302,24)+1)/SUM(INDEX($D$3:$AA$30,INDEX(Jesper!$R$2:$R$366,ROW(INDEX(Jesper!AK$2:AK$366,ROUNDDOWN($C2302/24,0)+1,1))-1)+IF('Standard Profiles'!$G$21=$B$10,7,0)+IF('Standard Profiles'!$G$21=$B$17,14,0)+IF('Standard Profiles'!$G$21=$B$24,21,0),0)),0)</f>
        <v>0</v>
      </c>
      <c r="H2302" cm="1">
        <f t="array" ref="H2302">IFERROR(INDEX(Jesper!AL$2:AL$366,ROUNDDOWN($C2302/24,0)+1,1)*INDEX($D$3:$AA$30,INDEX(Jesper!$R$2:$R$366,ROW(INDEX(Jesper!AL$2:AL$366,ROUNDDOWN($C2302/24,0)+1,1))-1)+IF('Standard Profiles'!$G$22=$B$10,7,0)+IF('Standard Profiles'!$G$22=$B$17,14,0)+IF('Standard Profiles'!$G$22=$B$24,21,0),MOD($C2302,24)+1)/SUM(INDEX($D$3:$AA$30,INDEX(Jesper!$R$2:$R$366,ROW(INDEX(Jesper!AL$2:AL$366,ROUNDDOWN($C2302/24,0)+1,1))-1)+IF('Standard Profiles'!$G$22=$B$10,7,0)+IF('Standard Profiles'!$G$22=$B$17,14,0)+IF('Standard Profiles'!$G$22=$B$24,21,0),0)),0)</f>
        <v>0</v>
      </c>
      <c r="I2302">
        <f t="shared" si="265"/>
        <v>0.44157065062056433</v>
      </c>
      <c r="J2302">
        <f t="shared" si="266"/>
        <v>1.4719021687352145</v>
      </c>
      <c r="K2302">
        <f t="shared" si="267"/>
        <v>2.2078532531028214</v>
      </c>
      <c r="L2302">
        <f t="shared" si="268"/>
        <v>10.597695614893544</v>
      </c>
      <c r="M2302">
        <f t="shared" si="269"/>
        <v>0</v>
      </c>
      <c r="N2302" s="46">
        <f t="shared" si="270"/>
        <v>45386.499999994499</v>
      </c>
    </row>
    <row r="2303" spans="2:14" x14ac:dyDescent="0.3">
      <c r="B2303">
        <f t="shared" si="264"/>
        <v>4</v>
      </c>
      <c r="C2303" s="16">
        <v>2269</v>
      </c>
      <c r="D2303" cm="1">
        <f t="array" ref="D2303">IFERROR(INDEX(Jesper!AH$2:AH$366,ROUNDDOWN($C2303/24,0)+1,1)*INDEX($D$3:$AA$30,INDEX(Jesper!$R$2:$R$366,ROW(INDEX(Jesper!AH$2:AH$366,ROUNDDOWN($C2303/24,0)+1,1))-1)+IF('Standard Profiles'!$G$18=$B$10,7,0)+IF('Standard Profiles'!$G$18=$B$17,14,0)+IF('Standard Profiles'!$G$18=$B$24,21,0),MOD($C2303,24)+1)/SUM(INDEX($D$3:$AA$30,INDEX(Jesper!$R$2:$R$366,ROW(INDEX(Jesper!AH$2:AH$366,ROUNDDOWN($C2303/24,0)+1,1))-1)+IF('Standard Profiles'!$G$18=$B$10,7,0)+IF('Standard Profiles'!$G$18=$B$17,14,0)+IF('Standard Profiles'!$G$18=$B$24,21,0),0)),0)</f>
        <v>14.719021687352145</v>
      </c>
      <c r="E2303" cm="1">
        <f t="array" ref="E2303">IFERROR(INDEX(Jesper!AI$2:AI$366,ROUNDDOWN($C2303/24,0)+1,1)*INDEX($D$3:$AA$30,INDEX(Jesper!$R$2:$R$366,ROW(INDEX(Jesper!AI$2:AI$366,ROUNDDOWN($C2303/24,0)+1,1))-1)+IF('Standard Profiles'!$G$19=$B$10,7,0)+IF('Standard Profiles'!$G$19=$B$17,14,0)+IF('Standard Profiles'!$G$19=$B$24,21,0),MOD($C2303,24)+1)/SUM(INDEX($D$3:$AA$30,INDEX(Jesper!$R$2:$R$366,ROW(INDEX(Jesper!AI$2:AI$366,ROUNDDOWN($C2303/24,0)+1,1))-1)+IF('Standard Profiles'!$G$19=$B$10,7,0)+IF('Standard Profiles'!$G$19=$B$17,14,0)+IF('Standard Profiles'!$G$19=$B$24,21,0),0)),0)</f>
        <v>0</v>
      </c>
      <c r="F2303" cm="1">
        <f t="array" ref="F2303">IFERROR(INDEX(Jesper!AJ$2:AJ$366,ROUNDDOWN($C2303/24,0)+1,1)*INDEX($D$3:$AA$30,INDEX(Jesper!$R$2:$R$366,ROW(INDEX(Jesper!AJ$2:AJ$366,ROUNDDOWN($C2303/24,0)+1,1))-1)+IF('Standard Profiles'!$G$20=$B$10,7,0)+IF('Standard Profiles'!$G$20=$B$17,14,0)+IF('Standard Profiles'!$G$20=$B$24,21,0),MOD($C2303,24)+1)/SUM(INDEX($D$3:$AA$30,INDEX(Jesper!$R$2:$R$366,ROW(INDEX(Jesper!AJ$2:AJ$366,ROUNDDOWN($C2303/24,0)+1,1))-1)+IF('Standard Profiles'!$G$20=$B$10,7,0)+IF('Standard Profiles'!$G$20=$B$17,14,0)+IF('Standard Profiles'!$G$20=$B$24,21,0),0)),0)</f>
        <v>0</v>
      </c>
      <c r="G2303" cm="1">
        <f t="array" ref="G2303">IFERROR(INDEX(Jesper!AK$2:AK$366,ROUNDDOWN($C2303/24,0)+1,1)*INDEX($D$3:$AA$30,INDEX(Jesper!$R$2:$R$366,ROW(INDEX(Jesper!AK$2:AK$366,ROUNDDOWN($C2303/24,0)+1,1))-1)+IF('Standard Profiles'!$G$21=$B$10,7,0)+IF('Standard Profiles'!$G$21=$B$17,14,0)+IF('Standard Profiles'!$G$21=$B$24,21,0),MOD($C2303,24)+1)/SUM(INDEX($D$3:$AA$30,INDEX(Jesper!$R$2:$R$366,ROW(INDEX(Jesper!AK$2:AK$366,ROUNDDOWN($C2303/24,0)+1,1))-1)+IF('Standard Profiles'!$G$21=$B$10,7,0)+IF('Standard Profiles'!$G$21=$B$17,14,0)+IF('Standard Profiles'!$G$21=$B$24,21,0),0)),0)</f>
        <v>0</v>
      </c>
      <c r="H2303" cm="1">
        <f t="array" ref="H2303">IFERROR(INDEX(Jesper!AL$2:AL$366,ROUNDDOWN($C2303/24,0)+1,1)*INDEX($D$3:$AA$30,INDEX(Jesper!$R$2:$R$366,ROW(INDEX(Jesper!AL$2:AL$366,ROUNDDOWN($C2303/24,0)+1,1))-1)+IF('Standard Profiles'!$G$22=$B$10,7,0)+IF('Standard Profiles'!$G$22=$B$17,14,0)+IF('Standard Profiles'!$G$22=$B$24,21,0),MOD($C2303,24)+1)/SUM(INDEX($D$3:$AA$30,INDEX(Jesper!$R$2:$R$366,ROW(INDEX(Jesper!AL$2:AL$366,ROUNDDOWN($C2303/24,0)+1,1))-1)+IF('Standard Profiles'!$G$22=$B$10,7,0)+IF('Standard Profiles'!$G$22=$B$17,14,0)+IF('Standard Profiles'!$G$22=$B$24,21,0),0)),0)</f>
        <v>0</v>
      </c>
      <c r="I2303">
        <f t="shared" si="265"/>
        <v>0.44157065062056433</v>
      </c>
      <c r="J2303">
        <f t="shared" si="266"/>
        <v>1.4719021687352145</v>
      </c>
      <c r="K2303">
        <f t="shared" si="267"/>
        <v>2.2078532531028214</v>
      </c>
      <c r="L2303">
        <f t="shared" si="268"/>
        <v>10.597695614893544</v>
      </c>
      <c r="M2303">
        <f t="shared" si="269"/>
        <v>0</v>
      </c>
      <c r="N2303" s="46">
        <f t="shared" si="270"/>
        <v>45386.541666661164</v>
      </c>
    </row>
    <row r="2304" spans="2:14" x14ac:dyDescent="0.3">
      <c r="B2304">
        <f t="shared" si="264"/>
        <v>4</v>
      </c>
      <c r="C2304" s="16">
        <v>2270</v>
      </c>
      <c r="D2304" cm="1">
        <f t="array" ref="D2304">IFERROR(INDEX(Jesper!AH$2:AH$366,ROUNDDOWN($C2304/24,0)+1,1)*INDEX($D$3:$AA$30,INDEX(Jesper!$R$2:$R$366,ROW(INDEX(Jesper!AH$2:AH$366,ROUNDDOWN($C2304/24,0)+1,1))-1)+IF('Standard Profiles'!$G$18=$B$10,7,0)+IF('Standard Profiles'!$G$18=$B$17,14,0)+IF('Standard Profiles'!$G$18=$B$24,21,0),MOD($C2304,24)+1)/SUM(INDEX($D$3:$AA$30,INDEX(Jesper!$R$2:$R$366,ROW(INDEX(Jesper!AH$2:AH$366,ROUNDDOWN($C2304/24,0)+1,1))-1)+IF('Standard Profiles'!$G$18=$B$10,7,0)+IF('Standard Profiles'!$G$18=$B$17,14,0)+IF('Standard Profiles'!$G$18=$B$24,21,0),0)),0)</f>
        <v>14.719021687352145</v>
      </c>
      <c r="E2304" cm="1">
        <f t="array" ref="E2304">IFERROR(INDEX(Jesper!AI$2:AI$366,ROUNDDOWN($C2304/24,0)+1,1)*INDEX($D$3:$AA$30,INDEX(Jesper!$R$2:$R$366,ROW(INDEX(Jesper!AI$2:AI$366,ROUNDDOWN($C2304/24,0)+1,1))-1)+IF('Standard Profiles'!$G$19=$B$10,7,0)+IF('Standard Profiles'!$G$19=$B$17,14,0)+IF('Standard Profiles'!$G$19=$B$24,21,0),MOD($C2304,24)+1)/SUM(INDEX($D$3:$AA$30,INDEX(Jesper!$R$2:$R$366,ROW(INDEX(Jesper!AI$2:AI$366,ROUNDDOWN($C2304/24,0)+1,1))-1)+IF('Standard Profiles'!$G$19=$B$10,7,0)+IF('Standard Profiles'!$G$19=$B$17,14,0)+IF('Standard Profiles'!$G$19=$B$24,21,0),0)),0)</f>
        <v>0</v>
      </c>
      <c r="F2304" cm="1">
        <f t="array" ref="F2304">IFERROR(INDEX(Jesper!AJ$2:AJ$366,ROUNDDOWN($C2304/24,0)+1,1)*INDEX($D$3:$AA$30,INDEX(Jesper!$R$2:$R$366,ROW(INDEX(Jesper!AJ$2:AJ$366,ROUNDDOWN($C2304/24,0)+1,1))-1)+IF('Standard Profiles'!$G$20=$B$10,7,0)+IF('Standard Profiles'!$G$20=$B$17,14,0)+IF('Standard Profiles'!$G$20=$B$24,21,0),MOD($C2304,24)+1)/SUM(INDEX($D$3:$AA$30,INDEX(Jesper!$R$2:$R$366,ROW(INDEX(Jesper!AJ$2:AJ$366,ROUNDDOWN($C2304/24,0)+1,1))-1)+IF('Standard Profiles'!$G$20=$B$10,7,0)+IF('Standard Profiles'!$G$20=$B$17,14,0)+IF('Standard Profiles'!$G$20=$B$24,21,0),0)),0)</f>
        <v>0</v>
      </c>
      <c r="G2304" cm="1">
        <f t="array" ref="G2304">IFERROR(INDEX(Jesper!AK$2:AK$366,ROUNDDOWN($C2304/24,0)+1,1)*INDEX($D$3:$AA$30,INDEX(Jesper!$R$2:$R$366,ROW(INDEX(Jesper!AK$2:AK$366,ROUNDDOWN($C2304/24,0)+1,1))-1)+IF('Standard Profiles'!$G$21=$B$10,7,0)+IF('Standard Profiles'!$G$21=$B$17,14,0)+IF('Standard Profiles'!$G$21=$B$24,21,0),MOD($C2304,24)+1)/SUM(INDEX($D$3:$AA$30,INDEX(Jesper!$R$2:$R$366,ROW(INDEX(Jesper!AK$2:AK$366,ROUNDDOWN($C2304/24,0)+1,1))-1)+IF('Standard Profiles'!$G$21=$B$10,7,0)+IF('Standard Profiles'!$G$21=$B$17,14,0)+IF('Standard Profiles'!$G$21=$B$24,21,0),0)),0)</f>
        <v>0</v>
      </c>
      <c r="H2304" cm="1">
        <f t="array" ref="H2304">IFERROR(INDEX(Jesper!AL$2:AL$366,ROUNDDOWN($C2304/24,0)+1,1)*INDEX($D$3:$AA$30,INDEX(Jesper!$R$2:$R$366,ROW(INDEX(Jesper!AL$2:AL$366,ROUNDDOWN($C2304/24,0)+1,1))-1)+IF('Standard Profiles'!$G$22=$B$10,7,0)+IF('Standard Profiles'!$G$22=$B$17,14,0)+IF('Standard Profiles'!$G$22=$B$24,21,0),MOD($C2304,24)+1)/SUM(INDEX($D$3:$AA$30,INDEX(Jesper!$R$2:$R$366,ROW(INDEX(Jesper!AL$2:AL$366,ROUNDDOWN($C2304/24,0)+1,1))-1)+IF('Standard Profiles'!$G$22=$B$10,7,0)+IF('Standard Profiles'!$G$22=$B$17,14,0)+IF('Standard Profiles'!$G$22=$B$24,21,0),0)),0)</f>
        <v>0</v>
      </c>
      <c r="I2304">
        <f t="shared" si="265"/>
        <v>0.44157065062056433</v>
      </c>
      <c r="J2304">
        <f t="shared" si="266"/>
        <v>1.4719021687352145</v>
      </c>
      <c r="K2304">
        <f t="shared" si="267"/>
        <v>2.2078532531028214</v>
      </c>
      <c r="L2304">
        <f t="shared" si="268"/>
        <v>10.597695614893544</v>
      </c>
      <c r="M2304">
        <f t="shared" si="269"/>
        <v>0</v>
      </c>
      <c r="N2304" s="46">
        <f t="shared" si="270"/>
        <v>45386.583333327828</v>
      </c>
    </row>
    <row r="2305" spans="2:14" x14ac:dyDescent="0.3">
      <c r="B2305">
        <f t="shared" si="264"/>
        <v>4</v>
      </c>
      <c r="C2305" s="16">
        <v>2271</v>
      </c>
      <c r="D2305" cm="1">
        <f t="array" ref="D2305">IFERROR(INDEX(Jesper!AH$2:AH$366,ROUNDDOWN($C2305/24,0)+1,1)*INDEX($D$3:$AA$30,INDEX(Jesper!$R$2:$R$366,ROW(INDEX(Jesper!AH$2:AH$366,ROUNDDOWN($C2305/24,0)+1,1))-1)+IF('Standard Profiles'!$G$18=$B$10,7,0)+IF('Standard Profiles'!$G$18=$B$17,14,0)+IF('Standard Profiles'!$G$18=$B$24,21,0),MOD($C2305,24)+1)/SUM(INDEX($D$3:$AA$30,INDEX(Jesper!$R$2:$R$366,ROW(INDEX(Jesper!AH$2:AH$366,ROUNDDOWN($C2305/24,0)+1,1))-1)+IF('Standard Profiles'!$G$18=$B$10,7,0)+IF('Standard Profiles'!$G$18=$B$17,14,0)+IF('Standard Profiles'!$G$18=$B$24,21,0),0)),0)</f>
        <v>14.719021687352145</v>
      </c>
      <c r="E2305" cm="1">
        <f t="array" ref="E2305">IFERROR(INDEX(Jesper!AI$2:AI$366,ROUNDDOWN($C2305/24,0)+1,1)*INDEX($D$3:$AA$30,INDEX(Jesper!$R$2:$R$366,ROW(INDEX(Jesper!AI$2:AI$366,ROUNDDOWN($C2305/24,0)+1,1))-1)+IF('Standard Profiles'!$G$19=$B$10,7,0)+IF('Standard Profiles'!$G$19=$B$17,14,0)+IF('Standard Profiles'!$G$19=$B$24,21,0),MOD($C2305,24)+1)/SUM(INDEX($D$3:$AA$30,INDEX(Jesper!$R$2:$R$366,ROW(INDEX(Jesper!AI$2:AI$366,ROUNDDOWN($C2305/24,0)+1,1))-1)+IF('Standard Profiles'!$G$19=$B$10,7,0)+IF('Standard Profiles'!$G$19=$B$17,14,0)+IF('Standard Profiles'!$G$19=$B$24,21,0),0)),0)</f>
        <v>0</v>
      </c>
      <c r="F2305" cm="1">
        <f t="array" ref="F2305">IFERROR(INDEX(Jesper!AJ$2:AJ$366,ROUNDDOWN($C2305/24,0)+1,1)*INDEX($D$3:$AA$30,INDEX(Jesper!$R$2:$R$366,ROW(INDEX(Jesper!AJ$2:AJ$366,ROUNDDOWN($C2305/24,0)+1,1))-1)+IF('Standard Profiles'!$G$20=$B$10,7,0)+IF('Standard Profiles'!$G$20=$B$17,14,0)+IF('Standard Profiles'!$G$20=$B$24,21,0),MOD($C2305,24)+1)/SUM(INDEX($D$3:$AA$30,INDEX(Jesper!$R$2:$R$366,ROW(INDEX(Jesper!AJ$2:AJ$366,ROUNDDOWN($C2305/24,0)+1,1))-1)+IF('Standard Profiles'!$G$20=$B$10,7,0)+IF('Standard Profiles'!$G$20=$B$17,14,0)+IF('Standard Profiles'!$G$20=$B$24,21,0),0)),0)</f>
        <v>0</v>
      </c>
      <c r="G2305" cm="1">
        <f t="array" ref="G2305">IFERROR(INDEX(Jesper!AK$2:AK$366,ROUNDDOWN($C2305/24,0)+1,1)*INDEX($D$3:$AA$30,INDEX(Jesper!$R$2:$R$366,ROW(INDEX(Jesper!AK$2:AK$366,ROUNDDOWN($C2305/24,0)+1,1))-1)+IF('Standard Profiles'!$G$21=$B$10,7,0)+IF('Standard Profiles'!$G$21=$B$17,14,0)+IF('Standard Profiles'!$G$21=$B$24,21,0),MOD($C2305,24)+1)/SUM(INDEX($D$3:$AA$30,INDEX(Jesper!$R$2:$R$366,ROW(INDEX(Jesper!AK$2:AK$366,ROUNDDOWN($C2305/24,0)+1,1))-1)+IF('Standard Profiles'!$G$21=$B$10,7,0)+IF('Standard Profiles'!$G$21=$B$17,14,0)+IF('Standard Profiles'!$G$21=$B$24,21,0),0)),0)</f>
        <v>0</v>
      </c>
      <c r="H2305" cm="1">
        <f t="array" ref="H2305">IFERROR(INDEX(Jesper!AL$2:AL$366,ROUNDDOWN($C2305/24,0)+1,1)*INDEX($D$3:$AA$30,INDEX(Jesper!$R$2:$R$366,ROW(INDEX(Jesper!AL$2:AL$366,ROUNDDOWN($C2305/24,0)+1,1))-1)+IF('Standard Profiles'!$G$22=$B$10,7,0)+IF('Standard Profiles'!$G$22=$B$17,14,0)+IF('Standard Profiles'!$G$22=$B$24,21,0),MOD($C2305,24)+1)/SUM(INDEX($D$3:$AA$30,INDEX(Jesper!$R$2:$R$366,ROW(INDEX(Jesper!AL$2:AL$366,ROUNDDOWN($C2305/24,0)+1,1))-1)+IF('Standard Profiles'!$G$22=$B$10,7,0)+IF('Standard Profiles'!$G$22=$B$17,14,0)+IF('Standard Profiles'!$G$22=$B$24,21,0),0)),0)</f>
        <v>0</v>
      </c>
      <c r="I2305">
        <f t="shared" si="265"/>
        <v>0.44157065062056433</v>
      </c>
      <c r="J2305">
        <f t="shared" si="266"/>
        <v>1.4719021687352145</v>
      </c>
      <c r="K2305">
        <f t="shared" si="267"/>
        <v>2.2078532531028214</v>
      </c>
      <c r="L2305">
        <f t="shared" si="268"/>
        <v>10.597695614893544</v>
      </c>
      <c r="M2305">
        <f t="shared" si="269"/>
        <v>0</v>
      </c>
      <c r="N2305" s="46">
        <f t="shared" si="270"/>
        <v>45386.624999994492</v>
      </c>
    </row>
    <row r="2306" spans="2:14" x14ac:dyDescent="0.3">
      <c r="B2306">
        <f t="shared" si="264"/>
        <v>4</v>
      </c>
      <c r="C2306" s="16">
        <v>2272</v>
      </c>
      <c r="D2306" cm="1">
        <f t="array" ref="D2306">IFERROR(INDEX(Jesper!AH$2:AH$366,ROUNDDOWN($C2306/24,0)+1,1)*INDEX($D$3:$AA$30,INDEX(Jesper!$R$2:$R$366,ROW(INDEX(Jesper!AH$2:AH$366,ROUNDDOWN($C2306/24,0)+1,1))-1)+IF('Standard Profiles'!$G$18=$B$10,7,0)+IF('Standard Profiles'!$G$18=$B$17,14,0)+IF('Standard Profiles'!$G$18=$B$24,21,0),MOD($C2306,24)+1)/SUM(INDEX($D$3:$AA$30,INDEX(Jesper!$R$2:$R$366,ROW(INDEX(Jesper!AH$2:AH$366,ROUNDDOWN($C2306/24,0)+1,1))-1)+IF('Standard Profiles'!$G$18=$B$10,7,0)+IF('Standard Profiles'!$G$18=$B$17,14,0)+IF('Standard Profiles'!$G$18=$B$24,21,0),0)),0)</f>
        <v>14.719021687352145</v>
      </c>
      <c r="E2306" cm="1">
        <f t="array" ref="E2306">IFERROR(INDEX(Jesper!AI$2:AI$366,ROUNDDOWN($C2306/24,0)+1,1)*INDEX($D$3:$AA$30,INDEX(Jesper!$R$2:$R$366,ROW(INDEX(Jesper!AI$2:AI$366,ROUNDDOWN($C2306/24,0)+1,1))-1)+IF('Standard Profiles'!$G$19=$B$10,7,0)+IF('Standard Profiles'!$G$19=$B$17,14,0)+IF('Standard Profiles'!$G$19=$B$24,21,0),MOD($C2306,24)+1)/SUM(INDEX($D$3:$AA$30,INDEX(Jesper!$R$2:$R$366,ROW(INDEX(Jesper!AI$2:AI$366,ROUNDDOWN($C2306/24,0)+1,1))-1)+IF('Standard Profiles'!$G$19=$B$10,7,0)+IF('Standard Profiles'!$G$19=$B$17,14,0)+IF('Standard Profiles'!$G$19=$B$24,21,0),0)),0)</f>
        <v>0</v>
      </c>
      <c r="F2306" cm="1">
        <f t="array" ref="F2306">IFERROR(INDEX(Jesper!AJ$2:AJ$366,ROUNDDOWN($C2306/24,0)+1,1)*INDEX($D$3:$AA$30,INDEX(Jesper!$R$2:$R$366,ROW(INDEX(Jesper!AJ$2:AJ$366,ROUNDDOWN($C2306/24,0)+1,1))-1)+IF('Standard Profiles'!$G$20=$B$10,7,0)+IF('Standard Profiles'!$G$20=$B$17,14,0)+IF('Standard Profiles'!$G$20=$B$24,21,0),MOD($C2306,24)+1)/SUM(INDEX($D$3:$AA$30,INDEX(Jesper!$R$2:$R$366,ROW(INDEX(Jesper!AJ$2:AJ$366,ROUNDDOWN($C2306/24,0)+1,1))-1)+IF('Standard Profiles'!$G$20=$B$10,7,0)+IF('Standard Profiles'!$G$20=$B$17,14,0)+IF('Standard Profiles'!$G$20=$B$24,21,0),0)),0)</f>
        <v>0</v>
      </c>
      <c r="G2306" cm="1">
        <f t="array" ref="G2306">IFERROR(INDEX(Jesper!AK$2:AK$366,ROUNDDOWN($C2306/24,0)+1,1)*INDEX($D$3:$AA$30,INDEX(Jesper!$R$2:$R$366,ROW(INDEX(Jesper!AK$2:AK$366,ROUNDDOWN($C2306/24,0)+1,1))-1)+IF('Standard Profiles'!$G$21=$B$10,7,0)+IF('Standard Profiles'!$G$21=$B$17,14,0)+IF('Standard Profiles'!$G$21=$B$24,21,0),MOD($C2306,24)+1)/SUM(INDEX($D$3:$AA$30,INDEX(Jesper!$R$2:$R$366,ROW(INDEX(Jesper!AK$2:AK$366,ROUNDDOWN($C2306/24,0)+1,1))-1)+IF('Standard Profiles'!$G$21=$B$10,7,0)+IF('Standard Profiles'!$G$21=$B$17,14,0)+IF('Standard Profiles'!$G$21=$B$24,21,0),0)),0)</f>
        <v>0</v>
      </c>
      <c r="H2306" cm="1">
        <f t="array" ref="H2306">IFERROR(INDEX(Jesper!AL$2:AL$366,ROUNDDOWN($C2306/24,0)+1,1)*INDEX($D$3:$AA$30,INDEX(Jesper!$R$2:$R$366,ROW(INDEX(Jesper!AL$2:AL$366,ROUNDDOWN($C2306/24,0)+1,1))-1)+IF('Standard Profiles'!$G$22=$B$10,7,0)+IF('Standard Profiles'!$G$22=$B$17,14,0)+IF('Standard Profiles'!$G$22=$B$24,21,0),MOD($C2306,24)+1)/SUM(INDEX($D$3:$AA$30,INDEX(Jesper!$R$2:$R$366,ROW(INDEX(Jesper!AL$2:AL$366,ROUNDDOWN($C2306/24,0)+1,1))-1)+IF('Standard Profiles'!$G$22=$B$10,7,0)+IF('Standard Profiles'!$G$22=$B$17,14,0)+IF('Standard Profiles'!$G$22=$B$24,21,0),0)),0)</f>
        <v>0</v>
      </c>
      <c r="I2306">
        <f t="shared" si="265"/>
        <v>0.44157065062056433</v>
      </c>
      <c r="J2306">
        <f t="shared" si="266"/>
        <v>1.4719021687352145</v>
      </c>
      <c r="K2306">
        <f t="shared" si="267"/>
        <v>2.2078532531028214</v>
      </c>
      <c r="L2306">
        <f t="shared" si="268"/>
        <v>10.597695614893544</v>
      </c>
      <c r="M2306">
        <f t="shared" si="269"/>
        <v>0</v>
      </c>
      <c r="N2306" s="46">
        <f t="shared" si="270"/>
        <v>45386.666666661156</v>
      </c>
    </row>
    <row r="2307" spans="2:14" x14ac:dyDescent="0.3">
      <c r="B2307">
        <f t="shared" si="264"/>
        <v>4</v>
      </c>
      <c r="C2307" s="16">
        <v>2273</v>
      </c>
      <c r="D2307" cm="1">
        <f t="array" ref="D2307">IFERROR(INDEX(Jesper!AH$2:AH$366,ROUNDDOWN($C2307/24,0)+1,1)*INDEX($D$3:$AA$30,INDEX(Jesper!$R$2:$R$366,ROW(INDEX(Jesper!AH$2:AH$366,ROUNDDOWN($C2307/24,0)+1,1))-1)+IF('Standard Profiles'!$G$18=$B$10,7,0)+IF('Standard Profiles'!$G$18=$B$17,14,0)+IF('Standard Profiles'!$G$18=$B$24,21,0),MOD($C2307,24)+1)/SUM(INDEX($D$3:$AA$30,INDEX(Jesper!$R$2:$R$366,ROW(INDEX(Jesper!AH$2:AH$366,ROUNDDOWN($C2307/24,0)+1,1))-1)+IF('Standard Profiles'!$G$18=$B$10,7,0)+IF('Standard Profiles'!$G$18=$B$17,14,0)+IF('Standard Profiles'!$G$18=$B$24,21,0),0)),0)</f>
        <v>14.719021687352145</v>
      </c>
      <c r="E2307" cm="1">
        <f t="array" ref="E2307">IFERROR(INDEX(Jesper!AI$2:AI$366,ROUNDDOWN($C2307/24,0)+1,1)*INDEX($D$3:$AA$30,INDEX(Jesper!$R$2:$R$366,ROW(INDEX(Jesper!AI$2:AI$366,ROUNDDOWN($C2307/24,0)+1,1))-1)+IF('Standard Profiles'!$G$19=$B$10,7,0)+IF('Standard Profiles'!$G$19=$B$17,14,0)+IF('Standard Profiles'!$G$19=$B$24,21,0),MOD($C2307,24)+1)/SUM(INDEX($D$3:$AA$30,INDEX(Jesper!$R$2:$R$366,ROW(INDEX(Jesper!AI$2:AI$366,ROUNDDOWN($C2307/24,0)+1,1))-1)+IF('Standard Profiles'!$G$19=$B$10,7,0)+IF('Standard Profiles'!$G$19=$B$17,14,0)+IF('Standard Profiles'!$G$19=$B$24,21,0),0)),0)</f>
        <v>0</v>
      </c>
      <c r="F2307" cm="1">
        <f t="array" ref="F2307">IFERROR(INDEX(Jesper!AJ$2:AJ$366,ROUNDDOWN($C2307/24,0)+1,1)*INDEX($D$3:$AA$30,INDEX(Jesper!$R$2:$R$366,ROW(INDEX(Jesper!AJ$2:AJ$366,ROUNDDOWN($C2307/24,0)+1,1))-1)+IF('Standard Profiles'!$G$20=$B$10,7,0)+IF('Standard Profiles'!$G$20=$B$17,14,0)+IF('Standard Profiles'!$G$20=$B$24,21,0),MOD($C2307,24)+1)/SUM(INDEX($D$3:$AA$30,INDEX(Jesper!$R$2:$R$366,ROW(INDEX(Jesper!AJ$2:AJ$366,ROUNDDOWN($C2307/24,0)+1,1))-1)+IF('Standard Profiles'!$G$20=$B$10,7,0)+IF('Standard Profiles'!$G$20=$B$17,14,0)+IF('Standard Profiles'!$G$20=$B$24,21,0),0)),0)</f>
        <v>0</v>
      </c>
      <c r="G2307" cm="1">
        <f t="array" ref="G2307">IFERROR(INDEX(Jesper!AK$2:AK$366,ROUNDDOWN($C2307/24,0)+1,1)*INDEX($D$3:$AA$30,INDEX(Jesper!$R$2:$R$366,ROW(INDEX(Jesper!AK$2:AK$366,ROUNDDOWN($C2307/24,0)+1,1))-1)+IF('Standard Profiles'!$G$21=$B$10,7,0)+IF('Standard Profiles'!$G$21=$B$17,14,0)+IF('Standard Profiles'!$G$21=$B$24,21,0),MOD($C2307,24)+1)/SUM(INDEX($D$3:$AA$30,INDEX(Jesper!$R$2:$R$366,ROW(INDEX(Jesper!AK$2:AK$366,ROUNDDOWN($C2307/24,0)+1,1))-1)+IF('Standard Profiles'!$G$21=$B$10,7,0)+IF('Standard Profiles'!$G$21=$B$17,14,0)+IF('Standard Profiles'!$G$21=$B$24,21,0),0)),0)</f>
        <v>0</v>
      </c>
      <c r="H2307" cm="1">
        <f t="array" ref="H2307">IFERROR(INDEX(Jesper!AL$2:AL$366,ROUNDDOWN($C2307/24,0)+1,1)*INDEX($D$3:$AA$30,INDEX(Jesper!$R$2:$R$366,ROW(INDEX(Jesper!AL$2:AL$366,ROUNDDOWN($C2307/24,0)+1,1))-1)+IF('Standard Profiles'!$G$22=$B$10,7,0)+IF('Standard Profiles'!$G$22=$B$17,14,0)+IF('Standard Profiles'!$G$22=$B$24,21,0),MOD($C2307,24)+1)/SUM(INDEX($D$3:$AA$30,INDEX(Jesper!$R$2:$R$366,ROW(INDEX(Jesper!AL$2:AL$366,ROUNDDOWN($C2307/24,0)+1,1))-1)+IF('Standard Profiles'!$G$22=$B$10,7,0)+IF('Standard Profiles'!$G$22=$B$17,14,0)+IF('Standard Profiles'!$G$22=$B$24,21,0),0)),0)</f>
        <v>0</v>
      </c>
      <c r="I2307">
        <f t="shared" si="265"/>
        <v>0.44157065062056433</v>
      </c>
      <c r="J2307">
        <f t="shared" si="266"/>
        <v>1.4719021687352145</v>
      </c>
      <c r="K2307">
        <f t="shared" si="267"/>
        <v>2.2078532531028214</v>
      </c>
      <c r="L2307">
        <f t="shared" si="268"/>
        <v>10.597695614893544</v>
      </c>
      <c r="M2307">
        <f t="shared" si="269"/>
        <v>0</v>
      </c>
      <c r="N2307" s="46">
        <f t="shared" si="270"/>
        <v>45386.708333327821</v>
      </c>
    </row>
    <row r="2308" spans="2:14" x14ac:dyDescent="0.3">
      <c r="B2308">
        <f t="shared" si="264"/>
        <v>4</v>
      </c>
      <c r="C2308" s="16">
        <v>2274</v>
      </c>
      <c r="D2308" cm="1">
        <f t="array" ref="D2308">IFERROR(INDEX(Jesper!AH$2:AH$366,ROUNDDOWN($C2308/24,0)+1,1)*INDEX($D$3:$AA$30,INDEX(Jesper!$R$2:$R$366,ROW(INDEX(Jesper!AH$2:AH$366,ROUNDDOWN($C2308/24,0)+1,1))-1)+IF('Standard Profiles'!$G$18=$B$10,7,0)+IF('Standard Profiles'!$G$18=$B$17,14,0)+IF('Standard Profiles'!$G$18=$B$24,21,0),MOD($C2308,24)+1)/SUM(INDEX($D$3:$AA$30,INDEX(Jesper!$R$2:$R$366,ROW(INDEX(Jesper!AH$2:AH$366,ROUNDDOWN($C2308/24,0)+1,1))-1)+IF('Standard Profiles'!$G$18=$B$10,7,0)+IF('Standard Profiles'!$G$18=$B$17,14,0)+IF('Standard Profiles'!$G$18=$B$24,21,0),0)),0)</f>
        <v>14.719021687352145</v>
      </c>
      <c r="E2308" cm="1">
        <f t="array" ref="E2308">IFERROR(INDEX(Jesper!AI$2:AI$366,ROUNDDOWN($C2308/24,0)+1,1)*INDEX($D$3:$AA$30,INDEX(Jesper!$R$2:$R$366,ROW(INDEX(Jesper!AI$2:AI$366,ROUNDDOWN($C2308/24,0)+1,1))-1)+IF('Standard Profiles'!$G$19=$B$10,7,0)+IF('Standard Profiles'!$G$19=$B$17,14,0)+IF('Standard Profiles'!$G$19=$B$24,21,0),MOD($C2308,24)+1)/SUM(INDEX($D$3:$AA$30,INDEX(Jesper!$R$2:$R$366,ROW(INDEX(Jesper!AI$2:AI$366,ROUNDDOWN($C2308/24,0)+1,1))-1)+IF('Standard Profiles'!$G$19=$B$10,7,0)+IF('Standard Profiles'!$G$19=$B$17,14,0)+IF('Standard Profiles'!$G$19=$B$24,21,0),0)),0)</f>
        <v>0</v>
      </c>
      <c r="F2308" cm="1">
        <f t="array" ref="F2308">IFERROR(INDEX(Jesper!AJ$2:AJ$366,ROUNDDOWN($C2308/24,0)+1,1)*INDEX($D$3:$AA$30,INDEX(Jesper!$R$2:$R$366,ROW(INDEX(Jesper!AJ$2:AJ$366,ROUNDDOWN($C2308/24,0)+1,1))-1)+IF('Standard Profiles'!$G$20=$B$10,7,0)+IF('Standard Profiles'!$G$20=$B$17,14,0)+IF('Standard Profiles'!$G$20=$B$24,21,0),MOD($C2308,24)+1)/SUM(INDEX($D$3:$AA$30,INDEX(Jesper!$R$2:$R$366,ROW(INDEX(Jesper!AJ$2:AJ$366,ROUNDDOWN($C2308/24,0)+1,1))-1)+IF('Standard Profiles'!$G$20=$B$10,7,0)+IF('Standard Profiles'!$G$20=$B$17,14,0)+IF('Standard Profiles'!$G$20=$B$24,21,0),0)),0)</f>
        <v>0</v>
      </c>
      <c r="G2308" cm="1">
        <f t="array" ref="G2308">IFERROR(INDEX(Jesper!AK$2:AK$366,ROUNDDOWN($C2308/24,0)+1,1)*INDEX($D$3:$AA$30,INDEX(Jesper!$R$2:$R$366,ROW(INDEX(Jesper!AK$2:AK$366,ROUNDDOWN($C2308/24,0)+1,1))-1)+IF('Standard Profiles'!$G$21=$B$10,7,0)+IF('Standard Profiles'!$G$21=$B$17,14,0)+IF('Standard Profiles'!$G$21=$B$24,21,0),MOD($C2308,24)+1)/SUM(INDEX($D$3:$AA$30,INDEX(Jesper!$R$2:$R$366,ROW(INDEX(Jesper!AK$2:AK$366,ROUNDDOWN($C2308/24,0)+1,1))-1)+IF('Standard Profiles'!$G$21=$B$10,7,0)+IF('Standard Profiles'!$G$21=$B$17,14,0)+IF('Standard Profiles'!$G$21=$B$24,21,0),0)),0)</f>
        <v>0</v>
      </c>
      <c r="H2308" cm="1">
        <f t="array" ref="H2308">IFERROR(INDEX(Jesper!AL$2:AL$366,ROUNDDOWN($C2308/24,0)+1,1)*INDEX($D$3:$AA$30,INDEX(Jesper!$R$2:$R$366,ROW(INDEX(Jesper!AL$2:AL$366,ROUNDDOWN($C2308/24,0)+1,1))-1)+IF('Standard Profiles'!$G$22=$B$10,7,0)+IF('Standard Profiles'!$G$22=$B$17,14,0)+IF('Standard Profiles'!$G$22=$B$24,21,0),MOD($C2308,24)+1)/SUM(INDEX($D$3:$AA$30,INDEX(Jesper!$R$2:$R$366,ROW(INDEX(Jesper!AL$2:AL$366,ROUNDDOWN($C2308/24,0)+1,1))-1)+IF('Standard Profiles'!$G$22=$B$10,7,0)+IF('Standard Profiles'!$G$22=$B$17,14,0)+IF('Standard Profiles'!$G$22=$B$24,21,0),0)),0)</f>
        <v>0</v>
      </c>
      <c r="I2308">
        <f t="shared" si="265"/>
        <v>0.44157065062056433</v>
      </c>
      <c r="J2308">
        <f t="shared" si="266"/>
        <v>1.4719021687352145</v>
      </c>
      <c r="K2308">
        <f t="shared" si="267"/>
        <v>2.2078532531028214</v>
      </c>
      <c r="L2308">
        <f t="shared" si="268"/>
        <v>10.597695614893544</v>
      </c>
      <c r="M2308">
        <f t="shared" si="269"/>
        <v>0</v>
      </c>
      <c r="N2308" s="46">
        <f t="shared" si="270"/>
        <v>45386.749999994485</v>
      </c>
    </row>
    <row r="2309" spans="2:14" x14ac:dyDescent="0.3">
      <c r="B2309">
        <f t="shared" si="264"/>
        <v>4</v>
      </c>
      <c r="C2309" s="16">
        <v>2275</v>
      </c>
      <c r="D2309" cm="1">
        <f t="array" ref="D2309">IFERROR(INDEX(Jesper!AH$2:AH$366,ROUNDDOWN($C2309/24,0)+1,1)*INDEX($D$3:$AA$30,INDEX(Jesper!$R$2:$R$366,ROW(INDEX(Jesper!AH$2:AH$366,ROUNDDOWN($C2309/24,0)+1,1))-1)+IF('Standard Profiles'!$G$18=$B$10,7,0)+IF('Standard Profiles'!$G$18=$B$17,14,0)+IF('Standard Profiles'!$G$18=$B$24,21,0),MOD($C2309,24)+1)/SUM(INDEX($D$3:$AA$30,INDEX(Jesper!$R$2:$R$366,ROW(INDEX(Jesper!AH$2:AH$366,ROUNDDOWN($C2309/24,0)+1,1))-1)+IF('Standard Profiles'!$G$18=$B$10,7,0)+IF('Standard Profiles'!$G$18=$B$17,14,0)+IF('Standard Profiles'!$G$18=$B$24,21,0),0)),0)</f>
        <v>12.265851406126789</v>
      </c>
      <c r="E2309" cm="1">
        <f t="array" ref="E2309">IFERROR(INDEX(Jesper!AI$2:AI$366,ROUNDDOWN($C2309/24,0)+1,1)*INDEX($D$3:$AA$30,INDEX(Jesper!$R$2:$R$366,ROW(INDEX(Jesper!AI$2:AI$366,ROUNDDOWN($C2309/24,0)+1,1))-1)+IF('Standard Profiles'!$G$19=$B$10,7,0)+IF('Standard Profiles'!$G$19=$B$17,14,0)+IF('Standard Profiles'!$G$19=$B$24,21,0),MOD($C2309,24)+1)/SUM(INDEX($D$3:$AA$30,INDEX(Jesper!$R$2:$R$366,ROW(INDEX(Jesper!AI$2:AI$366,ROUNDDOWN($C2309/24,0)+1,1))-1)+IF('Standard Profiles'!$G$19=$B$10,7,0)+IF('Standard Profiles'!$G$19=$B$17,14,0)+IF('Standard Profiles'!$G$19=$B$24,21,0),0)),0)</f>
        <v>0</v>
      </c>
      <c r="F2309" cm="1">
        <f t="array" ref="F2309">IFERROR(INDEX(Jesper!AJ$2:AJ$366,ROUNDDOWN($C2309/24,0)+1,1)*INDEX($D$3:$AA$30,INDEX(Jesper!$R$2:$R$366,ROW(INDEX(Jesper!AJ$2:AJ$366,ROUNDDOWN($C2309/24,0)+1,1))-1)+IF('Standard Profiles'!$G$20=$B$10,7,0)+IF('Standard Profiles'!$G$20=$B$17,14,0)+IF('Standard Profiles'!$G$20=$B$24,21,0),MOD($C2309,24)+1)/SUM(INDEX($D$3:$AA$30,INDEX(Jesper!$R$2:$R$366,ROW(INDEX(Jesper!AJ$2:AJ$366,ROUNDDOWN($C2309/24,0)+1,1))-1)+IF('Standard Profiles'!$G$20=$B$10,7,0)+IF('Standard Profiles'!$G$20=$B$17,14,0)+IF('Standard Profiles'!$G$20=$B$24,21,0),0)),0)</f>
        <v>0</v>
      </c>
      <c r="G2309" cm="1">
        <f t="array" ref="G2309">IFERROR(INDEX(Jesper!AK$2:AK$366,ROUNDDOWN($C2309/24,0)+1,1)*INDEX($D$3:$AA$30,INDEX(Jesper!$R$2:$R$366,ROW(INDEX(Jesper!AK$2:AK$366,ROUNDDOWN($C2309/24,0)+1,1))-1)+IF('Standard Profiles'!$G$21=$B$10,7,0)+IF('Standard Profiles'!$G$21=$B$17,14,0)+IF('Standard Profiles'!$G$21=$B$24,21,0),MOD($C2309,24)+1)/SUM(INDEX($D$3:$AA$30,INDEX(Jesper!$R$2:$R$366,ROW(INDEX(Jesper!AK$2:AK$366,ROUNDDOWN($C2309/24,0)+1,1))-1)+IF('Standard Profiles'!$G$21=$B$10,7,0)+IF('Standard Profiles'!$G$21=$B$17,14,0)+IF('Standard Profiles'!$G$21=$B$24,21,0),0)),0)</f>
        <v>0</v>
      </c>
      <c r="H2309" cm="1">
        <f t="array" ref="H2309">IFERROR(INDEX(Jesper!AL$2:AL$366,ROUNDDOWN($C2309/24,0)+1,1)*INDEX($D$3:$AA$30,INDEX(Jesper!$R$2:$R$366,ROW(INDEX(Jesper!AL$2:AL$366,ROUNDDOWN($C2309/24,0)+1,1))-1)+IF('Standard Profiles'!$G$22=$B$10,7,0)+IF('Standard Profiles'!$G$22=$B$17,14,0)+IF('Standard Profiles'!$G$22=$B$24,21,0),MOD($C2309,24)+1)/SUM(INDEX($D$3:$AA$30,INDEX(Jesper!$R$2:$R$366,ROW(INDEX(Jesper!AL$2:AL$366,ROUNDDOWN($C2309/24,0)+1,1))-1)+IF('Standard Profiles'!$G$22=$B$10,7,0)+IF('Standard Profiles'!$G$22=$B$17,14,0)+IF('Standard Profiles'!$G$22=$B$24,21,0),0)),0)</f>
        <v>0</v>
      </c>
      <c r="I2309">
        <f t="shared" si="265"/>
        <v>0.36797554218380363</v>
      </c>
      <c r="J2309">
        <f t="shared" si="266"/>
        <v>1.2265851406126789</v>
      </c>
      <c r="K2309">
        <f t="shared" si="267"/>
        <v>1.8398777109190183</v>
      </c>
      <c r="L2309">
        <f t="shared" si="268"/>
        <v>8.8314130124112875</v>
      </c>
      <c r="M2309">
        <f t="shared" si="269"/>
        <v>0</v>
      </c>
      <c r="N2309" s="46">
        <f t="shared" si="270"/>
        <v>45386.791666661149</v>
      </c>
    </row>
    <row r="2310" spans="2:14" x14ac:dyDescent="0.3">
      <c r="B2310">
        <f t="shared" si="264"/>
        <v>4</v>
      </c>
      <c r="C2310" s="16">
        <v>2276</v>
      </c>
      <c r="D2310" cm="1">
        <f t="array" ref="D2310">IFERROR(INDEX(Jesper!AH$2:AH$366,ROUNDDOWN($C2310/24,0)+1,1)*INDEX($D$3:$AA$30,INDEX(Jesper!$R$2:$R$366,ROW(INDEX(Jesper!AH$2:AH$366,ROUNDDOWN($C2310/24,0)+1,1))-1)+IF('Standard Profiles'!$G$18=$B$10,7,0)+IF('Standard Profiles'!$G$18=$B$17,14,0)+IF('Standard Profiles'!$G$18=$B$24,21,0),MOD($C2310,24)+1)/SUM(INDEX($D$3:$AA$30,INDEX(Jesper!$R$2:$R$366,ROW(INDEX(Jesper!AH$2:AH$366,ROUNDDOWN($C2310/24,0)+1,1))-1)+IF('Standard Profiles'!$G$18=$B$10,7,0)+IF('Standard Profiles'!$G$18=$B$17,14,0)+IF('Standard Profiles'!$G$18=$B$24,21,0),0)),0)</f>
        <v>9.812681124901431</v>
      </c>
      <c r="E2310" cm="1">
        <f t="array" ref="E2310">IFERROR(INDEX(Jesper!AI$2:AI$366,ROUNDDOWN($C2310/24,0)+1,1)*INDEX($D$3:$AA$30,INDEX(Jesper!$R$2:$R$366,ROW(INDEX(Jesper!AI$2:AI$366,ROUNDDOWN($C2310/24,0)+1,1))-1)+IF('Standard Profiles'!$G$19=$B$10,7,0)+IF('Standard Profiles'!$G$19=$B$17,14,0)+IF('Standard Profiles'!$G$19=$B$24,21,0),MOD($C2310,24)+1)/SUM(INDEX($D$3:$AA$30,INDEX(Jesper!$R$2:$R$366,ROW(INDEX(Jesper!AI$2:AI$366,ROUNDDOWN($C2310/24,0)+1,1))-1)+IF('Standard Profiles'!$G$19=$B$10,7,0)+IF('Standard Profiles'!$G$19=$B$17,14,0)+IF('Standard Profiles'!$G$19=$B$24,21,0),0)),0)</f>
        <v>0</v>
      </c>
      <c r="F2310" cm="1">
        <f t="array" ref="F2310">IFERROR(INDEX(Jesper!AJ$2:AJ$366,ROUNDDOWN($C2310/24,0)+1,1)*INDEX($D$3:$AA$30,INDEX(Jesper!$R$2:$R$366,ROW(INDEX(Jesper!AJ$2:AJ$366,ROUNDDOWN($C2310/24,0)+1,1))-1)+IF('Standard Profiles'!$G$20=$B$10,7,0)+IF('Standard Profiles'!$G$20=$B$17,14,0)+IF('Standard Profiles'!$G$20=$B$24,21,0),MOD($C2310,24)+1)/SUM(INDEX($D$3:$AA$30,INDEX(Jesper!$R$2:$R$366,ROW(INDEX(Jesper!AJ$2:AJ$366,ROUNDDOWN($C2310/24,0)+1,1))-1)+IF('Standard Profiles'!$G$20=$B$10,7,0)+IF('Standard Profiles'!$G$20=$B$17,14,0)+IF('Standard Profiles'!$G$20=$B$24,21,0),0)),0)</f>
        <v>0</v>
      </c>
      <c r="G2310" cm="1">
        <f t="array" ref="G2310">IFERROR(INDEX(Jesper!AK$2:AK$366,ROUNDDOWN($C2310/24,0)+1,1)*INDEX($D$3:$AA$30,INDEX(Jesper!$R$2:$R$366,ROW(INDEX(Jesper!AK$2:AK$366,ROUNDDOWN($C2310/24,0)+1,1))-1)+IF('Standard Profiles'!$G$21=$B$10,7,0)+IF('Standard Profiles'!$G$21=$B$17,14,0)+IF('Standard Profiles'!$G$21=$B$24,21,0),MOD($C2310,24)+1)/SUM(INDEX($D$3:$AA$30,INDEX(Jesper!$R$2:$R$366,ROW(INDEX(Jesper!AK$2:AK$366,ROUNDDOWN($C2310/24,0)+1,1))-1)+IF('Standard Profiles'!$G$21=$B$10,7,0)+IF('Standard Profiles'!$G$21=$B$17,14,0)+IF('Standard Profiles'!$G$21=$B$24,21,0),0)),0)</f>
        <v>0</v>
      </c>
      <c r="H2310" cm="1">
        <f t="array" ref="H2310">IFERROR(INDEX(Jesper!AL$2:AL$366,ROUNDDOWN($C2310/24,0)+1,1)*INDEX($D$3:$AA$30,INDEX(Jesper!$R$2:$R$366,ROW(INDEX(Jesper!AL$2:AL$366,ROUNDDOWN($C2310/24,0)+1,1))-1)+IF('Standard Profiles'!$G$22=$B$10,7,0)+IF('Standard Profiles'!$G$22=$B$17,14,0)+IF('Standard Profiles'!$G$22=$B$24,21,0),MOD($C2310,24)+1)/SUM(INDEX($D$3:$AA$30,INDEX(Jesper!$R$2:$R$366,ROW(INDEX(Jesper!AL$2:AL$366,ROUNDDOWN($C2310/24,0)+1,1))-1)+IF('Standard Profiles'!$G$22=$B$10,7,0)+IF('Standard Profiles'!$G$22=$B$17,14,0)+IF('Standard Profiles'!$G$22=$B$24,21,0),0)),0)</f>
        <v>0</v>
      </c>
      <c r="I2310">
        <f t="shared" si="265"/>
        <v>0.29438043374704292</v>
      </c>
      <c r="J2310">
        <f t="shared" si="266"/>
        <v>0.98126811249014312</v>
      </c>
      <c r="K2310">
        <f t="shared" si="267"/>
        <v>1.4719021687352145</v>
      </c>
      <c r="L2310">
        <f t="shared" si="268"/>
        <v>7.0651304099290302</v>
      </c>
      <c r="M2310">
        <f t="shared" si="269"/>
        <v>0</v>
      </c>
      <c r="N2310" s="46">
        <f t="shared" si="270"/>
        <v>45386.833333327813</v>
      </c>
    </row>
    <row r="2311" spans="2:14" x14ac:dyDescent="0.3">
      <c r="B2311">
        <f t="shared" si="264"/>
        <v>4</v>
      </c>
      <c r="C2311" s="16">
        <v>2277</v>
      </c>
      <c r="D2311" cm="1">
        <f t="array" ref="D2311">IFERROR(INDEX(Jesper!AH$2:AH$366,ROUNDDOWN($C2311/24,0)+1,1)*INDEX($D$3:$AA$30,INDEX(Jesper!$R$2:$R$366,ROW(INDEX(Jesper!AH$2:AH$366,ROUNDDOWN($C2311/24,0)+1,1))-1)+IF('Standard Profiles'!$G$18=$B$10,7,0)+IF('Standard Profiles'!$G$18=$B$17,14,0)+IF('Standard Profiles'!$G$18=$B$24,21,0),MOD($C2311,24)+1)/SUM(INDEX($D$3:$AA$30,INDEX(Jesper!$R$2:$R$366,ROW(INDEX(Jesper!AH$2:AH$366,ROUNDDOWN($C2311/24,0)+1,1))-1)+IF('Standard Profiles'!$G$18=$B$10,7,0)+IF('Standard Profiles'!$G$18=$B$17,14,0)+IF('Standard Profiles'!$G$18=$B$24,21,0),0)),0)</f>
        <v>7.3595108436760723</v>
      </c>
      <c r="E2311" cm="1">
        <f t="array" ref="E2311">IFERROR(INDEX(Jesper!AI$2:AI$366,ROUNDDOWN($C2311/24,0)+1,1)*INDEX($D$3:$AA$30,INDEX(Jesper!$R$2:$R$366,ROW(INDEX(Jesper!AI$2:AI$366,ROUNDDOWN($C2311/24,0)+1,1))-1)+IF('Standard Profiles'!$G$19=$B$10,7,0)+IF('Standard Profiles'!$G$19=$B$17,14,0)+IF('Standard Profiles'!$G$19=$B$24,21,0),MOD($C2311,24)+1)/SUM(INDEX($D$3:$AA$30,INDEX(Jesper!$R$2:$R$366,ROW(INDEX(Jesper!AI$2:AI$366,ROUNDDOWN($C2311/24,0)+1,1))-1)+IF('Standard Profiles'!$G$19=$B$10,7,0)+IF('Standard Profiles'!$G$19=$B$17,14,0)+IF('Standard Profiles'!$G$19=$B$24,21,0),0)),0)</f>
        <v>0</v>
      </c>
      <c r="F2311" cm="1">
        <f t="array" ref="F2311">IFERROR(INDEX(Jesper!AJ$2:AJ$366,ROUNDDOWN($C2311/24,0)+1,1)*INDEX($D$3:$AA$30,INDEX(Jesper!$R$2:$R$366,ROW(INDEX(Jesper!AJ$2:AJ$366,ROUNDDOWN($C2311/24,0)+1,1))-1)+IF('Standard Profiles'!$G$20=$B$10,7,0)+IF('Standard Profiles'!$G$20=$B$17,14,0)+IF('Standard Profiles'!$G$20=$B$24,21,0),MOD($C2311,24)+1)/SUM(INDEX($D$3:$AA$30,INDEX(Jesper!$R$2:$R$366,ROW(INDEX(Jesper!AJ$2:AJ$366,ROUNDDOWN($C2311/24,0)+1,1))-1)+IF('Standard Profiles'!$G$20=$B$10,7,0)+IF('Standard Profiles'!$G$20=$B$17,14,0)+IF('Standard Profiles'!$G$20=$B$24,21,0),0)),0)</f>
        <v>0</v>
      </c>
      <c r="G2311" cm="1">
        <f t="array" ref="G2311">IFERROR(INDEX(Jesper!AK$2:AK$366,ROUNDDOWN($C2311/24,0)+1,1)*INDEX($D$3:$AA$30,INDEX(Jesper!$R$2:$R$366,ROW(INDEX(Jesper!AK$2:AK$366,ROUNDDOWN($C2311/24,0)+1,1))-1)+IF('Standard Profiles'!$G$21=$B$10,7,0)+IF('Standard Profiles'!$G$21=$B$17,14,0)+IF('Standard Profiles'!$G$21=$B$24,21,0),MOD($C2311,24)+1)/SUM(INDEX($D$3:$AA$30,INDEX(Jesper!$R$2:$R$366,ROW(INDEX(Jesper!AK$2:AK$366,ROUNDDOWN($C2311/24,0)+1,1))-1)+IF('Standard Profiles'!$G$21=$B$10,7,0)+IF('Standard Profiles'!$G$21=$B$17,14,0)+IF('Standard Profiles'!$G$21=$B$24,21,0),0)),0)</f>
        <v>0</v>
      </c>
      <c r="H2311" cm="1">
        <f t="array" ref="H2311">IFERROR(INDEX(Jesper!AL$2:AL$366,ROUNDDOWN($C2311/24,0)+1,1)*INDEX($D$3:$AA$30,INDEX(Jesper!$R$2:$R$366,ROW(INDEX(Jesper!AL$2:AL$366,ROUNDDOWN($C2311/24,0)+1,1))-1)+IF('Standard Profiles'!$G$22=$B$10,7,0)+IF('Standard Profiles'!$G$22=$B$17,14,0)+IF('Standard Profiles'!$G$22=$B$24,21,0),MOD($C2311,24)+1)/SUM(INDEX($D$3:$AA$30,INDEX(Jesper!$R$2:$R$366,ROW(INDEX(Jesper!AL$2:AL$366,ROUNDDOWN($C2311/24,0)+1,1))-1)+IF('Standard Profiles'!$G$22=$B$10,7,0)+IF('Standard Profiles'!$G$22=$B$17,14,0)+IF('Standard Profiles'!$G$22=$B$24,21,0),0)),0)</f>
        <v>0</v>
      </c>
      <c r="I2311">
        <f t="shared" si="265"/>
        <v>0.22078532531028217</v>
      </c>
      <c r="J2311">
        <f t="shared" si="266"/>
        <v>0.73595108436760726</v>
      </c>
      <c r="K2311">
        <f t="shared" si="267"/>
        <v>1.1039266265514107</v>
      </c>
      <c r="L2311">
        <f t="shared" si="268"/>
        <v>5.298847807446772</v>
      </c>
      <c r="M2311">
        <f t="shared" si="269"/>
        <v>0</v>
      </c>
      <c r="N2311" s="46">
        <f t="shared" si="270"/>
        <v>45386.874999994478</v>
      </c>
    </row>
    <row r="2312" spans="2:14" x14ac:dyDescent="0.3">
      <c r="B2312">
        <f t="shared" si="264"/>
        <v>4</v>
      </c>
      <c r="C2312" s="16">
        <v>2278</v>
      </c>
      <c r="D2312" cm="1">
        <f t="array" ref="D2312">IFERROR(INDEX(Jesper!AH$2:AH$366,ROUNDDOWN($C2312/24,0)+1,1)*INDEX($D$3:$AA$30,INDEX(Jesper!$R$2:$R$366,ROW(INDEX(Jesper!AH$2:AH$366,ROUNDDOWN($C2312/24,0)+1,1))-1)+IF('Standard Profiles'!$G$18=$B$10,7,0)+IF('Standard Profiles'!$G$18=$B$17,14,0)+IF('Standard Profiles'!$G$18=$B$24,21,0),MOD($C2312,24)+1)/SUM(INDEX($D$3:$AA$30,INDEX(Jesper!$R$2:$R$366,ROW(INDEX(Jesper!AH$2:AH$366,ROUNDDOWN($C2312/24,0)+1,1))-1)+IF('Standard Profiles'!$G$18=$B$10,7,0)+IF('Standard Profiles'!$G$18=$B$17,14,0)+IF('Standard Profiles'!$G$18=$B$24,21,0),0)),0)</f>
        <v>7.3595108436760723</v>
      </c>
      <c r="E2312" cm="1">
        <f t="array" ref="E2312">IFERROR(INDEX(Jesper!AI$2:AI$366,ROUNDDOWN($C2312/24,0)+1,1)*INDEX($D$3:$AA$30,INDEX(Jesper!$R$2:$R$366,ROW(INDEX(Jesper!AI$2:AI$366,ROUNDDOWN($C2312/24,0)+1,1))-1)+IF('Standard Profiles'!$G$19=$B$10,7,0)+IF('Standard Profiles'!$G$19=$B$17,14,0)+IF('Standard Profiles'!$G$19=$B$24,21,0),MOD($C2312,24)+1)/SUM(INDEX($D$3:$AA$30,INDEX(Jesper!$R$2:$R$366,ROW(INDEX(Jesper!AI$2:AI$366,ROUNDDOWN($C2312/24,0)+1,1))-1)+IF('Standard Profiles'!$G$19=$B$10,7,0)+IF('Standard Profiles'!$G$19=$B$17,14,0)+IF('Standard Profiles'!$G$19=$B$24,21,0),0)),0)</f>
        <v>0</v>
      </c>
      <c r="F2312" cm="1">
        <f t="array" ref="F2312">IFERROR(INDEX(Jesper!AJ$2:AJ$366,ROUNDDOWN($C2312/24,0)+1,1)*INDEX($D$3:$AA$30,INDEX(Jesper!$R$2:$R$366,ROW(INDEX(Jesper!AJ$2:AJ$366,ROUNDDOWN($C2312/24,0)+1,1))-1)+IF('Standard Profiles'!$G$20=$B$10,7,0)+IF('Standard Profiles'!$G$20=$B$17,14,0)+IF('Standard Profiles'!$G$20=$B$24,21,0),MOD($C2312,24)+1)/SUM(INDEX($D$3:$AA$30,INDEX(Jesper!$R$2:$R$366,ROW(INDEX(Jesper!AJ$2:AJ$366,ROUNDDOWN($C2312/24,0)+1,1))-1)+IF('Standard Profiles'!$G$20=$B$10,7,0)+IF('Standard Profiles'!$G$20=$B$17,14,0)+IF('Standard Profiles'!$G$20=$B$24,21,0),0)),0)</f>
        <v>0</v>
      </c>
      <c r="G2312" cm="1">
        <f t="array" ref="G2312">IFERROR(INDEX(Jesper!AK$2:AK$366,ROUNDDOWN($C2312/24,0)+1,1)*INDEX($D$3:$AA$30,INDEX(Jesper!$R$2:$R$366,ROW(INDEX(Jesper!AK$2:AK$366,ROUNDDOWN($C2312/24,0)+1,1))-1)+IF('Standard Profiles'!$G$21=$B$10,7,0)+IF('Standard Profiles'!$G$21=$B$17,14,0)+IF('Standard Profiles'!$G$21=$B$24,21,0),MOD($C2312,24)+1)/SUM(INDEX($D$3:$AA$30,INDEX(Jesper!$R$2:$R$366,ROW(INDEX(Jesper!AK$2:AK$366,ROUNDDOWN($C2312/24,0)+1,1))-1)+IF('Standard Profiles'!$G$21=$B$10,7,0)+IF('Standard Profiles'!$G$21=$B$17,14,0)+IF('Standard Profiles'!$G$21=$B$24,21,0),0)),0)</f>
        <v>0</v>
      </c>
      <c r="H2312" cm="1">
        <f t="array" ref="H2312">IFERROR(INDEX(Jesper!AL$2:AL$366,ROUNDDOWN($C2312/24,0)+1,1)*INDEX($D$3:$AA$30,INDEX(Jesper!$R$2:$R$366,ROW(INDEX(Jesper!AL$2:AL$366,ROUNDDOWN($C2312/24,0)+1,1))-1)+IF('Standard Profiles'!$G$22=$B$10,7,0)+IF('Standard Profiles'!$G$22=$B$17,14,0)+IF('Standard Profiles'!$G$22=$B$24,21,0),MOD($C2312,24)+1)/SUM(INDEX($D$3:$AA$30,INDEX(Jesper!$R$2:$R$366,ROW(INDEX(Jesper!AL$2:AL$366,ROUNDDOWN($C2312/24,0)+1,1))-1)+IF('Standard Profiles'!$G$22=$B$10,7,0)+IF('Standard Profiles'!$G$22=$B$17,14,0)+IF('Standard Profiles'!$G$22=$B$24,21,0),0)),0)</f>
        <v>0</v>
      </c>
      <c r="I2312">
        <f t="shared" si="265"/>
        <v>0.22078532531028217</v>
      </c>
      <c r="J2312">
        <f t="shared" si="266"/>
        <v>0.73595108436760726</v>
      </c>
      <c r="K2312">
        <f t="shared" si="267"/>
        <v>1.1039266265514107</v>
      </c>
      <c r="L2312">
        <f t="shared" si="268"/>
        <v>5.298847807446772</v>
      </c>
      <c r="M2312">
        <f t="shared" si="269"/>
        <v>0</v>
      </c>
      <c r="N2312" s="46">
        <f t="shared" si="270"/>
        <v>45386.916666661142</v>
      </c>
    </row>
    <row r="2313" spans="2:14" x14ac:dyDescent="0.3">
      <c r="B2313">
        <f t="shared" si="264"/>
        <v>4</v>
      </c>
      <c r="C2313" s="16">
        <v>2279</v>
      </c>
      <c r="D2313" cm="1">
        <f t="array" ref="D2313">IFERROR(INDEX(Jesper!AH$2:AH$366,ROUNDDOWN($C2313/24,0)+1,1)*INDEX($D$3:$AA$30,INDEX(Jesper!$R$2:$R$366,ROW(INDEX(Jesper!AH$2:AH$366,ROUNDDOWN($C2313/24,0)+1,1))-1)+IF('Standard Profiles'!$G$18=$B$10,7,0)+IF('Standard Profiles'!$G$18=$B$17,14,0)+IF('Standard Profiles'!$G$18=$B$24,21,0),MOD($C2313,24)+1)/SUM(INDEX($D$3:$AA$30,INDEX(Jesper!$R$2:$R$366,ROW(INDEX(Jesper!AH$2:AH$366,ROUNDDOWN($C2313/24,0)+1,1))-1)+IF('Standard Profiles'!$G$18=$B$10,7,0)+IF('Standard Profiles'!$G$18=$B$17,14,0)+IF('Standard Profiles'!$G$18=$B$24,21,0),0)),0)</f>
        <v>7.3595108436760723</v>
      </c>
      <c r="E2313" cm="1">
        <f t="array" ref="E2313">IFERROR(INDEX(Jesper!AI$2:AI$366,ROUNDDOWN($C2313/24,0)+1,1)*INDEX($D$3:$AA$30,INDEX(Jesper!$R$2:$R$366,ROW(INDEX(Jesper!AI$2:AI$366,ROUNDDOWN($C2313/24,0)+1,1))-1)+IF('Standard Profiles'!$G$19=$B$10,7,0)+IF('Standard Profiles'!$G$19=$B$17,14,0)+IF('Standard Profiles'!$G$19=$B$24,21,0),MOD($C2313,24)+1)/SUM(INDEX($D$3:$AA$30,INDEX(Jesper!$R$2:$R$366,ROW(INDEX(Jesper!AI$2:AI$366,ROUNDDOWN($C2313/24,0)+1,1))-1)+IF('Standard Profiles'!$G$19=$B$10,7,0)+IF('Standard Profiles'!$G$19=$B$17,14,0)+IF('Standard Profiles'!$G$19=$B$24,21,0),0)),0)</f>
        <v>0</v>
      </c>
      <c r="F2313" cm="1">
        <f t="array" ref="F2313">IFERROR(INDEX(Jesper!AJ$2:AJ$366,ROUNDDOWN($C2313/24,0)+1,1)*INDEX($D$3:$AA$30,INDEX(Jesper!$R$2:$R$366,ROW(INDEX(Jesper!AJ$2:AJ$366,ROUNDDOWN($C2313/24,0)+1,1))-1)+IF('Standard Profiles'!$G$20=$B$10,7,0)+IF('Standard Profiles'!$G$20=$B$17,14,0)+IF('Standard Profiles'!$G$20=$B$24,21,0),MOD($C2313,24)+1)/SUM(INDEX($D$3:$AA$30,INDEX(Jesper!$R$2:$R$366,ROW(INDEX(Jesper!AJ$2:AJ$366,ROUNDDOWN($C2313/24,0)+1,1))-1)+IF('Standard Profiles'!$G$20=$B$10,7,0)+IF('Standard Profiles'!$G$20=$B$17,14,0)+IF('Standard Profiles'!$G$20=$B$24,21,0),0)),0)</f>
        <v>0</v>
      </c>
      <c r="G2313" cm="1">
        <f t="array" ref="G2313">IFERROR(INDEX(Jesper!AK$2:AK$366,ROUNDDOWN($C2313/24,0)+1,1)*INDEX($D$3:$AA$30,INDEX(Jesper!$R$2:$R$366,ROW(INDEX(Jesper!AK$2:AK$366,ROUNDDOWN($C2313/24,0)+1,1))-1)+IF('Standard Profiles'!$G$21=$B$10,7,0)+IF('Standard Profiles'!$G$21=$B$17,14,0)+IF('Standard Profiles'!$G$21=$B$24,21,0),MOD($C2313,24)+1)/SUM(INDEX($D$3:$AA$30,INDEX(Jesper!$R$2:$R$366,ROW(INDEX(Jesper!AK$2:AK$366,ROUNDDOWN($C2313/24,0)+1,1))-1)+IF('Standard Profiles'!$G$21=$B$10,7,0)+IF('Standard Profiles'!$G$21=$B$17,14,0)+IF('Standard Profiles'!$G$21=$B$24,21,0),0)),0)</f>
        <v>0</v>
      </c>
      <c r="H2313" cm="1">
        <f t="array" ref="H2313">IFERROR(INDEX(Jesper!AL$2:AL$366,ROUNDDOWN($C2313/24,0)+1,1)*INDEX($D$3:$AA$30,INDEX(Jesper!$R$2:$R$366,ROW(INDEX(Jesper!AL$2:AL$366,ROUNDDOWN($C2313/24,0)+1,1))-1)+IF('Standard Profiles'!$G$22=$B$10,7,0)+IF('Standard Profiles'!$G$22=$B$17,14,0)+IF('Standard Profiles'!$G$22=$B$24,21,0),MOD($C2313,24)+1)/SUM(INDEX($D$3:$AA$30,INDEX(Jesper!$R$2:$R$366,ROW(INDEX(Jesper!AL$2:AL$366,ROUNDDOWN($C2313/24,0)+1,1))-1)+IF('Standard Profiles'!$G$22=$B$10,7,0)+IF('Standard Profiles'!$G$22=$B$17,14,0)+IF('Standard Profiles'!$G$22=$B$24,21,0),0)),0)</f>
        <v>0</v>
      </c>
      <c r="I2313">
        <f t="shared" si="265"/>
        <v>0.22078532531028217</v>
      </c>
      <c r="J2313">
        <f t="shared" si="266"/>
        <v>0.73595108436760726</v>
      </c>
      <c r="K2313">
        <f t="shared" si="267"/>
        <v>1.1039266265514107</v>
      </c>
      <c r="L2313">
        <f t="shared" si="268"/>
        <v>5.298847807446772</v>
      </c>
      <c r="M2313">
        <f t="shared" si="269"/>
        <v>0</v>
      </c>
      <c r="N2313" s="46">
        <f t="shared" si="270"/>
        <v>45386.958333327806</v>
      </c>
    </row>
    <row r="2314" spans="2:14" x14ac:dyDescent="0.3">
      <c r="B2314">
        <f t="shared" si="264"/>
        <v>5</v>
      </c>
      <c r="C2314" s="16">
        <v>2280</v>
      </c>
      <c r="D2314" cm="1">
        <f t="array" ref="D2314">IFERROR(INDEX(Jesper!AH$2:AH$366,ROUNDDOWN($C2314/24,0)+1,1)*INDEX($D$3:$AA$30,INDEX(Jesper!$R$2:$R$366,ROW(INDEX(Jesper!AH$2:AH$366,ROUNDDOWN($C2314/24,0)+1,1))-1)+IF('Standard Profiles'!$G$18=$B$10,7,0)+IF('Standard Profiles'!$G$18=$B$17,14,0)+IF('Standard Profiles'!$G$18=$B$24,21,0),MOD($C2314,24)+1)/SUM(INDEX($D$3:$AA$30,INDEX(Jesper!$R$2:$R$366,ROW(INDEX(Jesper!AH$2:AH$366,ROUNDDOWN($C2314/24,0)+1,1))-1)+IF('Standard Profiles'!$G$18=$B$10,7,0)+IF('Standard Profiles'!$G$18=$B$17,14,0)+IF('Standard Profiles'!$G$18=$B$24,21,0),0)),0)</f>
        <v>8.1778088603165298</v>
      </c>
      <c r="E2314" cm="1">
        <f t="array" ref="E2314">IFERROR(INDEX(Jesper!AI$2:AI$366,ROUNDDOWN($C2314/24,0)+1,1)*INDEX($D$3:$AA$30,INDEX(Jesper!$R$2:$R$366,ROW(INDEX(Jesper!AI$2:AI$366,ROUNDDOWN($C2314/24,0)+1,1))-1)+IF('Standard Profiles'!$G$19=$B$10,7,0)+IF('Standard Profiles'!$G$19=$B$17,14,0)+IF('Standard Profiles'!$G$19=$B$24,21,0),MOD($C2314,24)+1)/SUM(INDEX($D$3:$AA$30,INDEX(Jesper!$R$2:$R$366,ROW(INDEX(Jesper!AI$2:AI$366,ROUNDDOWN($C2314/24,0)+1,1))-1)+IF('Standard Profiles'!$G$19=$B$10,7,0)+IF('Standard Profiles'!$G$19=$B$17,14,0)+IF('Standard Profiles'!$G$19=$B$24,21,0),0)),0)</f>
        <v>0</v>
      </c>
      <c r="F2314" cm="1">
        <f t="array" ref="F2314">IFERROR(INDEX(Jesper!AJ$2:AJ$366,ROUNDDOWN($C2314/24,0)+1,1)*INDEX($D$3:$AA$30,INDEX(Jesper!$R$2:$R$366,ROW(INDEX(Jesper!AJ$2:AJ$366,ROUNDDOWN($C2314/24,0)+1,1))-1)+IF('Standard Profiles'!$G$20=$B$10,7,0)+IF('Standard Profiles'!$G$20=$B$17,14,0)+IF('Standard Profiles'!$G$20=$B$24,21,0),MOD($C2314,24)+1)/SUM(INDEX($D$3:$AA$30,INDEX(Jesper!$R$2:$R$366,ROW(INDEX(Jesper!AJ$2:AJ$366,ROUNDDOWN($C2314/24,0)+1,1))-1)+IF('Standard Profiles'!$G$20=$B$10,7,0)+IF('Standard Profiles'!$G$20=$B$17,14,0)+IF('Standard Profiles'!$G$20=$B$24,21,0),0)),0)</f>
        <v>0</v>
      </c>
      <c r="G2314" cm="1">
        <f t="array" ref="G2314">IFERROR(INDEX(Jesper!AK$2:AK$366,ROUNDDOWN($C2314/24,0)+1,1)*INDEX($D$3:$AA$30,INDEX(Jesper!$R$2:$R$366,ROW(INDEX(Jesper!AK$2:AK$366,ROUNDDOWN($C2314/24,0)+1,1))-1)+IF('Standard Profiles'!$G$21=$B$10,7,0)+IF('Standard Profiles'!$G$21=$B$17,14,0)+IF('Standard Profiles'!$G$21=$B$24,21,0),MOD($C2314,24)+1)/SUM(INDEX($D$3:$AA$30,INDEX(Jesper!$R$2:$R$366,ROW(INDEX(Jesper!AK$2:AK$366,ROUNDDOWN($C2314/24,0)+1,1))-1)+IF('Standard Profiles'!$G$21=$B$10,7,0)+IF('Standard Profiles'!$G$21=$B$17,14,0)+IF('Standard Profiles'!$G$21=$B$24,21,0),0)),0)</f>
        <v>0</v>
      </c>
      <c r="H2314" cm="1">
        <f t="array" ref="H2314">IFERROR(INDEX(Jesper!AL$2:AL$366,ROUNDDOWN($C2314/24,0)+1,1)*INDEX($D$3:$AA$30,INDEX(Jesper!$R$2:$R$366,ROW(INDEX(Jesper!AL$2:AL$366,ROUNDDOWN($C2314/24,0)+1,1))-1)+IF('Standard Profiles'!$G$22=$B$10,7,0)+IF('Standard Profiles'!$G$22=$B$17,14,0)+IF('Standard Profiles'!$G$22=$B$24,21,0),MOD($C2314,24)+1)/SUM(INDEX($D$3:$AA$30,INDEX(Jesper!$R$2:$R$366,ROW(INDEX(Jesper!AL$2:AL$366,ROUNDDOWN($C2314/24,0)+1,1))-1)+IF('Standard Profiles'!$G$22=$B$10,7,0)+IF('Standard Profiles'!$G$22=$B$17,14,0)+IF('Standard Profiles'!$G$22=$B$24,21,0),0)),0)</f>
        <v>0</v>
      </c>
      <c r="I2314">
        <f t="shared" si="265"/>
        <v>0.24533426580949588</v>
      </c>
      <c r="J2314">
        <f t="shared" si="266"/>
        <v>0.817780886031653</v>
      </c>
      <c r="K2314">
        <f t="shared" si="267"/>
        <v>1.2266713290474793</v>
      </c>
      <c r="L2314">
        <f t="shared" si="268"/>
        <v>5.888022379427901</v>
      </c>
      <c r="M2314">
        <f t="shared" si="269"/>
        <v>0</v>
      </c>
      <c r="N2314" s="46">
        <f t="shared" si="270"/>
        <v>45386.99999999447</v>
      </c>
    </row>
    <row r="2315" spans="2:14" x14ac:dyDescent="0.3">
      <c r="B2315">
        <f t="shared" si="264"/>
        <v>5</v>
      </c>
      <c r="C2315" s="16">
        <v>2281</v>
      </c>
      <c r="D2315" cm="1">
        <f t="array" ref="D2315">IFERROR(INDEX(Jesper!AH$2:AH$366,ROUNDDOWN($C2315/24,0)+1,1)*INDEX($D$3:$AA$30,INDEX(Jesper!$R$2:$R$366,ROW(INDEX(Jesper!AH$2:AH$366,ROUNDDOWN($C2315/24,0)+1,1))-1)+IF('Standard Profiles'!$G$18=$B$10,7,0)+IF('Standard Profiles'!$G$18=$B$17,14,0)+IF('Standard Profiles'!$G$18=$B$24,21,0),MOD($C2315,24)+1)/SUM(INDEX($D$3:$AA$30,INDEX(Jesper!$R$2:$R$366,ROW(INDEX(Jesper!AH$2:AH$366,ROUNDDOWN($C2315/24,0)+1,1))-1)+IF('Standard Profiles'!$G$18=$B$10,7,0)+IF('Standard Profiles'!$G$18=$B$17,14,0)+IF('Standard Profiles'!$G$18=$B$24,21,0),0)),0)</f>
        <v>8.1778088603165298</v>
      </c>
      <c r="E2315" cm="1">
        <f t="array" ref="E2315">IFERROR(INDEX(Jesper!AI$2:AI$366,ROUNDDOWN($C2315/24,0)+1,1)*INDEX($D$3:$AA$30,INDEX(Jesper!$R$2:$R$366,ROW(INDEX(Jesper!AI$2:AI$366,ROUNDDOWN($C2315/24,0)+1,1))-1)+IF('Standard Profiles'!$G$19=$B$10,7,0)+IF('Standard Profiles'!$G$19=$B$17,14,0)+IF('Standard Profiles'!$G$19=$B$24,21,0),MOD($C2315,24)+1)/SUM(INDEX($D$3:$AA$30,INDEX(Jesper!$R$2:$R$366,ROW(INDEX(Jesper!AI$2:AI$366,ROUNDDOWN($C2315/24,0)+1,1))-1)+IF('Standard Profiles'!$G$19=$B$10,7,0)+IF('Standard Profiles'!$G$19=$B$17,14,0)+IF('Standard Profiles'!$G$19=$B$24,21,0),0)),0)</f>
        <v>0</v>
      </c>
      <c r="F2315" cm="1">
        <f t="array" ref="F2315">IFERROR(INDEX(Jesper!AJ$2:AJ$366,ROUNDDOWN($C2315/24,0)+1,1)*INDEX($D$3:$AA$30,INDEX(Jesper!$R$2:$R$366,ROW(INDEX(Jesper!AJ$2:AJ$366,ROUNDDOWN($C2315/24,0)+1,1))-1)+IF('Standard Profiles'!$G$20=$B$10,7,0)+IF('Standard Profiles'!$G$20=$B$17,14,0)+IF('Standard Profiles'!$G$20=$B$24,21,0),MOD($C2315,24)+1)/SUM(INDEX($D$3:$AA$30,INDEX(Jesper!$R$2:$R$366,ROW(INDEX(Jesper!AJ$2:AJ$366,ROUNDDOWN($C2315/24,0)+1,1))-1)+IF('Standard Profiles'!$G$20=$B$10,7,0)+IF('Standard Profiles'!$G$20=$B$17,14,0)+IF('Standard Profiles'!$G$20=$B$24,21,0),0)),0)</f>
        <v>0</v>
      </c>
      <c r="G2315" cm="1">
        <f t="array" ref="G2315">IFERROR(INDEX(Jesper!AK$2:AK$366,ROUNDDOWN($C2315/24,0)+1,1)*INDEX($D$3:$AA$30,INDEX(Jesper!$R$2:$R$366,ROW(INDEX(Jesper!AK$2:AK$366,ROUNDDOWN($C2315/24,0)+1,1))-1)+IF('Standard Profiles'!$G$21=$B$10,7,0)+IF('Standard Profiles'!$G$21=$B$17,14,0)+IF('Standard Profiles'!$G$21=$B$24,21,0),MOD($C2315,24)+1)/SUM(INDEX($D$3:$AA$30,INDEX(Jesper!$R$2:$R$366,ROW(INDEX(Jesper!AK$2:AK$366,ROUNDDOWN($C2315/24,0)+1,1))-1)+IF('Standard Profiles'!$G$21=$B$10,7,0)+IF('Standard Profiles'!$G$21=$B$17,14,0)+IF('Standard Profiles'!$G$21=$B$24,21,0),0)),0)</f>
        <v>0</v>
      </c>
      <c r="H2315" cm="1">
        <f t="array" ref="H2315">IFERROR(INDEX(Jesper!AL$2:AL$366,ROUNDDOWN($C2315/24,0)+1,1)*INDEX($D$3:$AA$30,INDEX(Jesper!$R$2:$R$366,ROW(INDEX(Jesper!AL$2:AL$366,ROUNDDOWN($C2315/24,0)+1,1))-1)+IF('Standard Profiles'!$G$22=$B$10,7,0)+IF('Standard Profiles'!$G$22=$B$17,14,0)+IF('Standard Profiles'!$G$22=$B$24,21,0),MOD($C2315,24)+1)/SUM(INDEX($D$3:$AA$30,INDEX(Jesper!$R$2:$R$366,ROW(INDEX(Jesper!AL$2:AL$366,ROUNDDOWN($C2315/24,0)+1,1))-1)+IF('Standard Profiles'!$G$22=$B$10,7,0)+IF('Standard Profiles'!$G$22=$B$17,14,0)+IF('Standard Profiles'!$G$22=$B$24,21,0),0)),0)</f>
        <v>0</v>
      </c>
      <c r="I2315">
        <f t="shared" si="265"/>
        <v>0.24533426580949588</v>
      </c>
      <c r="J2315">
        <f t="shared" si="266"/>
        <v>0.817780886031653</v>
      </c>
      <c r="K2315">
        <f t="shared" si="267"/>
        <v>1.2266713290474793</v>
      </c>
      <c r="L2315">
        <f t="shared" si="268"/>
        <v>5.888022379427901</v>
      </c>
      <c r="M2315">
        <f t="shared" si="269"/>
        <v>0</v>
      </c>
      <c r="N2315" s="46">
        <f t="shared" si="270"/>
        <v>45387.041666661135</v>
      </c>
    </row>
    <row r="2316" spans="2:14" x14ac:dyDescent="0.3">
      <c r="B2316">
        <f t="shared" si="264"/>
        <v>5</v>
      </c>
      <c r="C2316" s="16">
        <v>2282</v>
      </c>
      <c r="D2316" cm="1">
        <f t="array" ref="D2316">IFERROR(INDEX(Jesper!AH$2:AH$366,ROUNDDOWN($C2316/24,0)+1,1)*INDEX($D$3:$AA$30,INDEX(Jesper!$R$2:$R$366,ROW(INDEX(Jesper!AH$2:AH$366,ROUNDDOWN($C2316/24,0)+1,1))-1)+IF('Standard Profiles'!$G$18=$B$10,7,0)+IF('Standard Profiles'!$G$18=$B$17,14,0)+IF('Standard Profiles'!$G$18=$B$24,21,0),MOD($C2316,24)+1)/SUM(INDEX($D$3:$AA$30,INDEX(Jesper!$R$2:$R$366,ROW(INDEX(Jesper!AH$2:AH$366,ROUNDDOWN($C2316/24,0)+1,1))-1)+IF('Standard Profiles'!$G$18=$B$10,7,0)+IF('Standard Profiles'!$G$18=$B$17,14,0)+IF('Standard Profiles'!$G$18=$B$24,21,0),0)),0)</f>
        <v>8.1778088603165298</v>
      </c>
      <c r="E2316" cm="1">
        <f t="array" ref="E2316">IFERROR(INDEX(Jesper!AI$2:AI$366,ROUNDDOWN($C2316/24,0)+1,1)*INDEX($D$3:$AA$30,INDEX(Jesper!$R$2:$R$366,ROW(INDEX(Jesper!AI$2:AI$366,ROUNDDOWN($C2316/24,0)+1,1))-1)+IF('Standard Profiles'!$G$19=$B$10,7,0)+IF('Standard Profiles'!$G$19=$B$17,14,0)+IF('Standard Profiles'!$G$19=$B$24,21,0),MOD($C2316,24)+1)/SUM(INDEX($D$3:$AA$30,INDEX(Jesper!$R$2:$R$366,ROW(INDEX(Jesper!AI$2:AI$366,ROUNDDOWN($C2316/24,0)+1,1))-1)+IF('Standard Profiles'!$G$19=$B$10,7,0)+IF('Standard Profiles'!$G$19=$B$17,14,0)+IF('Standard Profiles'!$G$19=$B$24,21,0),0)),0)</f>
        <v>0</v>
      </c>
      <c r="F2316" cm="1">
        <f t="array" ref="F2316">IFERROR(INDEX(Jesper!AJ$2:AJ$366,ROUNDDOWN($C2316/24,0)+1,1)*INDEX($D$3:$AA$30,INDEX(Jesper!$R$2:$R$366,ROW(INDEX(Jesper!AJ$2:AJ$366,ROUNDDOWN($C2316/24,0)+1,1))-1)+IF('Standard Profiles'!$G$20=$B$10,7,0)+IF('Standard Profiles'!$G$20=$B$17,14,0)+IF('Standard Profiles'!$G$20=$B$24,21,0),MOD($C2316,24)+1)/SUM(INDEX($D$3:$AA$30,INDEX(Jesper!$R$2:$R$366,ROW(INDEX(Jesper!AJ$2:AJ$366,ROUNDDOWN($C2316/24,0)+1,1))-1)+IF('Standard Profiles'!$G$20=$B$10,7,0)+IF('Standard Profiles'!$G$20=$B$17,14,0)+IF('Standard Profiles'!$G$20=$B$24,21,0),0)),0)</f>
        <v>0</v>
      </c>
      <c r="G2316" cm="1">
        <f t="array" ref="G2316">IFERROR(INDEX(Jesper!AK$2:AK$366,ROUNDDOWN($C2316/24,0)+1,1)*INDEX($D$3:$AA$30,INDEX(Jesper!$R$2:$R$366,ROW(INDEX(Jesper!AK$2:AK$366,ROUNDDOWN($C2316/24,0)+1,1))-1)+IF('Standard Profiles'!$G$21=$B$10,7,0)+IF('Standard Profiles'!$G$21=$B$17,14,0)+IF('Standard Profiles'!$G$21=$B$24,21,0),MOD($C2316,24)+1)/SUM(INDEX($D$3:$AA$30,INDEX(Jesper!$R$2:$R$366,ROW(INDEX(Jesper!AK$2:AK$366,ROUNDDOWN($C2316/24,0)+1,1))-1)+IF('Standard Profiles'!$G$21=$B$10,7,0)+IF('Standard Profiles'!$G$21=$B$17,14,0)+IF('Standard Profiles'!$G$21=$B$24,21,0),0)),0)</f>
        <v>0</v>
      </c>
      <c r="H2316" cm="1">
        <f t="array" ref="H2316">IFERROR(INDEX(Jesper!AL$2:AL$366,ROUNDDOWN($C2316/24,0)+1,1)*INDEX($D$3:$AA$30,INDEX(Jesper!$R$2:$R$366,ROW(INDEX(Jesper!AL$2:AL$366,ROUNDDOWN($C2316/24,0)+1,1))-1)+IF('Standard Profiles'!$G$22=$B$10,7,0)+IF('Standard Profiles'!$G$22=$B$17,14,0)+IF('Standard Profiles'!$G$22=$B$24,21,0),MOD($C2316,24)+1)/SUM(INDEX($D$3:$AA$30,INDEX(Jesper!$R$2:$R$366,ROW(INDEX(Jesper!AL$2:AL$366,ROUNDDOWN($C2316/24,0)+1,1))-1)+IF('Standard Profiles'!$G$22=$B$10,7,0)+IF('Standard Profiles'!$G$22=$B$17,14,0)+IF('Standard Profiles'!$G$22=$B$24,21,0),0)),0)</f>
        <v>0</v>
      </c>
      <c r="I2316">
        <f t="shared" si="265"/>
        <v>0.24533426580949588</v>
      </c>
      <c r="J2316">
        <f t="shared" si="266"/>
        <v>0.817780886031653</v>
      </c>
      <c r="K2316">
        <f t="shared" si="267"/>
        <v>1.2266713290474793</v>
      </c>
      <c r="L2316">
        <f t="shared" si="268"/>
        <v>5.888022379427901</v>
      </c>
      <c r="M2316">
        <f t="shared" si="269"/>
        <v>0</v>
      </c>
      <c r="N2316" s="46">
        <f t="shared" si="270"/>
        <v>45387.083333327799</v>
      </c>
    </row>
    <row r="2317" spans="2:14" x14ac:dyDescent="0.3">
      <c r="B2317">
        <f t="shared" si="264"/>
        <v>5</v>
      </c>
      <c r="C2317" s="16">
        <v>2283</v>
      </c>
      <c r="D2317" cm="1">
        <f t="array" ref="D2317">IFERROR(INDEX(Jesper!AH$2:AH$366,ROUNDDOWN($C2317/24,0)+1,1)*INDEX($D$3:$AA$30,INDEX(Jesper!$R$2:$R$366,ROW(INDEX(Jesper!AH$2:AH$366,ROUNDDOWN($C2317/24,0)+1,1))-1)+IF('Standard Profiles'!$G$18=$B$10,7,0)+IF('Standard Profiles'!$G$18=$B$17,14,0)+IF('Standard Profiles'!$G$18=$B$24,21,0),MOD($C2317,24)+1)/SUM(INDEX($D$3:$AA$30,INDEX(Jesper!$R$2:$R$366,ROW(INDEX(Jesper!AH$2:AH$366,ROUNDDOWN($C2317/24,0)+1,1))-1)+IF('Standard Profiles'!$G$18=$B$10,7,0)+IF('Standard Profiles'!$G$18=$B$17,14,0)+IF('Standard Profiles'!$G$18=$B$24,21,0),0)),0)</f>
        <v>8.1778088603165298</v>
      </c>
      <c r="E2317" cm="1">
        <f t="array" ref="E2317">IFERROR(INDEX(Jesper!AI$2:AI$366,ROUNDDOWN($C2317/24,0)+1,1)*INDEX($D$3:$AA$30,INDEX(Jesper!$R$2:$R$366,ROW(INDEX(Jesper!AI$2:AI$366,ROUNDDOWN($C2317/24,0)+1,1))-1)+IF('Standard Profiles'!$G$19=$B$10,7,0)+IF('Standard Profiles'!$G$19=$B$17,14,0)+IF('Standard Profiles'!$G$19=$B$24,21,0),MOD($C2317,24)+1)/SUM(INDEX($D$3:$AA$30,INDEX(Jesper!$R$2:$R$366,ROW(INDEX(Jesper!AI$2:AI$366,ROUNDDOWN($C2317/24,0)+1,1))-1)+IF('Standard Profiles'!$G$19=$B$10,7,0)+IF('Standard Profiles'!$G$19=$B$17,14,0)+IF('Standard Profiles'!$G$19=$B$24,21,0),0)),0)</f>
        <v>0</v>
      </c>
      <c r="F2317" cm="1">
        <f t="array" ref="F2317">IFERROR(INDEX(Jesper!AJ$2:AJ$366,ROUNDDOWN($C2317/24,0)+1,1)*INDEX($D$3:$AA$30,INDEX(Jesper!$R$2:$R$366,ROW(INDEX(Jesper!AJ$2:AJ$366,ROUNDDOWN($C2317/24,0)+1,1))-1)+IF('Standard Profiles'!$G$20=$B$10,7,0)+IF('Standard Profiles'!$G$20=$B$17,14,0)+IF('Standard Profiles'!$G$20=$B$24,21,0),MOD($C2317,24)+1)/SUM(INDEX($D$3:$AA$30,INDEX(Jesper!$R$2:$R$366,ROW(INDEX(Jesper!AJ$2:AJ$366,ROUNDDOWN($C2317/24,0)+1,1))-1)+IF('Standard Profiles'!$G$20=$B$10,7,0)+IF('Standard Profiles'!$G$20=$B$17,14,0)+IF('Standard Profiles'!$G$20=$B$24,21,0),0)),0)</f>
        <v>0</v>
      </c>
      <c r="G2317" cm="1">
        <f t="array" ref="G2317">IFERROR(INDEX(Jesper!AK$2:AK$366,ROUNDDOWN($C2317/24,0)+1,1)*INDEX($D$3:$AA$30,INDEX(Jesper!$R$2:$R$366,ROW(INDEX(Jesper!AK$2:AK$366,ROUNDDOWN($C2317/24,0)+1,1))-1)+IF('Standard Profiles'!$G$21=$B$10,7,0)+IF('Standard Profiles'!$G$21=$B$17,14,0)+IF('Standard Profiles'!$G$21=$B$24,21,0),MOD($C2317,24)+1)/SUM(INDEX($D$3:$AA$30,INDEX(Jesper!$R$2:$R$366,ROW(INDEX(Jesper!AK$2:AK$366,ROUNDDOWN($C2317/24,0)+1,1))-1)+IF('Standard Profiles'!$G$21=$B$10,7,0)+IF('Standard Profiles'!$G$21=$B$17,14,0)+IF('Standard Profiles'!$G$21=$B$24,21,0),0)),0)</f>
        <v>0</v>
      </c>
      <c r="H2317" cm="1">
        <f t="array" ref="H2317">IFERROR(INDEX(Jesper!AL$2:AL$366,ROUNDDOWN($C2317/24,0)+1,1)*INDEX($D$3:$AA$30,INDEX(Jesper!$R$2:$R$366,ROW(INDEX(Jesper!AL$2:AL$366,ROUNDDOWN($C2317/24,0)+1,1))-1)+IF('Standard Profiles'!$G$22=$B$10,7,0)+IF('Standard Profiles'!$G$22=$B$17,14,0)+IF('Standard Profiles'!$G$22=$B$24,21,0),MOD($C2317,24)+1)/SUM(INDEX($D$3:$AA$30,INDEX(Jesper!$R$2:$R$366,ROW(INDEX(Jesper!AL$2:AL$366,ROUNDDOWN($C2317/24,0)+1,1))-1)+IF('Standard Profiles'!$G$22=$B$10,7,0)+IF('Standard Profiles'!$G$22=$B$17,14,0)+IF('Standard Profiles'!$G$22=$B$24,21,0),0)),0)</f>
        <v>0</v>
      </c>
      <c r="I2317">
        <f t="shared" si="265"/>
        <v>0.24533426580949588</v>
      </c>
      <c r="J2317">
        <f t="shared" si="266"/>
        <v>0.817780886031653</v>
      </c>
      <c r="K2317">
        <f t="shared" si="267"/>
        <v>1.2266713290474793</v>
      </c>
      <c r="L2317">
        <f t="shared" si="268"/>
        <v>5.888022379427901</v>
      </c>
      <c r="M2317">
        <f t="shared" si="269"/>
        <v>0</v>
      </c>
      <c r="N2317" s="46">
        <f t="shared" si="270"/>
        <v>45387.124999994463</v>
      </c>
    </row>
    <row r="2318" spans="2:14" x14ac:dyDescent="0.3">
      <c r="B2318">
        <f t="shared" si="264"/>
        <v>5</v>
      </c>
      <c r="C2318" s="16">
        <v>2284</v>
      </c>
      <c r="D2318" cm="1">
        <f t="array" ref="D2318">IFERROR(INDEX(Jesper!AH$2:AH$366,ROUNDDOWN($C2318/24,0)+1,1)*INDEX($D$3:$AA$30,INDEX(Jesper!$R$2:$R$366,ROW(INDEX(Jesper!AH$2:AH$366,ROUNDDOWN($C2318/24,0)+1,1))-1)+IF('Standard Profiles'!$G$18=$B$10,7,0)+IF('Standard Profiles'!$G$18=$B$17,14,0)+IF('Standard Profiles'!$G$18=$B$24,21,0),MOD($C2318,24)+1)/SUM(INDEX($D$3:$AA$30,INDEX(Jesper!$R$2:$R$366,ROW(INDEX(Jesper!AH$2:AH$366,ROUNDDOWN($C2318/24,0)+1,1))-1)+IF('Standard Profiles'!$G$18=$B$10,7,0)+IF('Standard Profiles'!$G$18=$B$17,14,0)+IF('Standard Profiles'!$G$18=$B$24,21,0),0)),0)</f>
        <v>8.1778088603165298</v>
      </c>
      <c r="E2318" cm="1">
        <f t="array" ref="E2318">IFERROR(INDEX(Jesper!AI$2:AI$366,ROUNDDOWN($C2318/24,0)+1,1)*INDEX($D$3:$AA$30,INDEX(Jesper!$R$2:$R$366,ROW(INDEX(Jesper!AI$2:AI$366,ROUNDDOWN($C2318/24,0)+1,1))-1)+IF('Standard Profiles'!$G$19=$B$10,7,0)+IF('Standard Profiles'!$G$19=$B$17,14,0)+IF('Standard Profiles'!$G$19=$B$24,21,0),MOD($C2318,24)+1)/SUM(INDEX($D$3:$AA$30,INDEX(Jesper!$R$2:$R$366,ROW(INDEX(Jesper!AI$2:AI$366,ROUNDDOWN($C2318/24,0)+1,1))-1)+IF('Standard Profiles'!$G$19=$B$10,7,0)+IF('Standard Profiles'!$G$19=$B$17,14,0)+IF('Standard Profiles'!$G$19=$B$24,21,0),0)),0)</f>
        <v>0</v>
      </c>
      <c r="F2318" cm="1">
        <f t="array" ref="F2318">IFERROR(INDEX(Jesper!AJ$2:AJ$366,ROUNDDOWN($C2318/24,0)+1,1)*INDEX($D$3:$AA$30,INDEX(Jesper!$R$2:$R$366,ROW(INDEX(Jesper!AJ$2:AJ$366,ROUNDDOWN($C2318/24,0)+1,1))-1)+IF('Standard Profiles'!$G$20=$B$10,7,0)+IF('Standard Profiles'!$G$20=$B$17,14,0)+IF('Standard Profiles'!$G$20=$B$24,21,0),MOD($C2318,24)+1)/SUM(INDEX($D$3:$AA$30,INDEX(Jesper!$R$2:$R$366,ROW(INDEX(Jesper!AJ$2:AJ$366,ROUNDDOWN($C2318/24,0)+1,1))-1)+IF('Standard Profiles'!$G$20=$B$10,7,0)+IF('Standard Profiles'!$G$20=$B$17,14,0)+IF('Standard Profiles'!$G$20=$B$24,21,0),0)),0)</f>
        <v>0</v>
      </c>
      <c r="G2318" cm="1">
        <f t="array" ref="G2318">IFERROR(INDEX(Jesper!AK$2:AK$366,ROUNDDOWN($C2318/24,0)+1,1)*INDEX($D$3:$AA$30,INDEX(Jesper!$R$2:$R$366,ROW(INDEX(Jesper!AK$2:AK$366,ROUNDDOWN($C2318/24,0)+1,1))-1)+IF('Standard Profiles'!$G$21=$B$10,7,0)+IF('Standard Profiles'!$G$21=$B$17,14,0)+IF('Standard Profiles'!$G$21=$B$24,21,0),MOD($C2318,24)+1)/SUM(INDEX($D$3:$AA$30,INDEX(Jesper!$R$2:$R$366,ROW(INDEX(Jesper!AK$2:AK$366,ROUNDDOWN($C2318/24,0)+1,1))-1)+IF('Standard Profiles'!$G$21=$B$10,7,0)+IF('Standard Profiles'!$G$21=$B$17,14,0)+IF('Standard Profiles'!$G$21=$B$24,21,0),0)),0)</f>
        <v>0</v>
      </c>
      <c r="H2318" cm="1">
        <f t="array" ref="H2318">IFERROR(INDEX(Jesper!AL$2:AL$366,ROUNDDOWN($C2318/24,0)+1,1)*INDEX($D$3:$AA$30,INDEX(Jesper!$R$2:$R$366,ROW(INDEX(Jesper!AL$2:AL$366,ROUNDDOWN($C2318/24,0)+1,1))-1)+IF('Standard Profiles'!$G$22=$B$10,7,0)+IF('Standard Profiles'!$G$22=$B$17,14,0)+IF('Standard Profiles'!$G$22=$B$24,21,0),MOD($C2318,24)+1)/SUM(INDEX($D$3:$AA$30,INDEX(Jesper!$R$2:$R$366,ROW(INDEX(Jesper!AL$2:AL$366,ROUNDDOWN($C2318/24,0)+1,1))-1)+IF('Standard Profiles'!$G$22=$B$10,7,0)+IF('Standard Profiles'!$G$22=$B$17,14,0)+IF('Standard Profiles'!$G$22=$B$24,21,0),0)),0)</f>
        <v>0</v>
      </c>
      <c r="I2318">
        <f t="shared" si="265"/>
        <v>0.24533426580949588</v>
      </c>
      <c r="J2318">
        <f t="shared" si="266"/>
        <v>0.817780886031653</v>
      </c>
      <c r="K2318">
        <f t="shared" si="267"/>
        <v>1.2266713290474793</v>
      </c>
      <c r="L2318">
        <f t="shared" si="268"/>
        <v>5.888022379427901</v>
      </c>
      <c r="M2318">
        <f t="shared" si="269"/>
        <v>0</v>
      </c>
      <c r="N2318" s="46">
        <f t="shared" si="270"/>
        <v>45387.166666661127</v>
      </c>
    </row>
    <row r="2319" spans="2:14" x14ac:dyDescent="0.3">
      <c r="B2319">
        <f t="shared" si="264"/>
        <v>5</v>
      </c>
      <c r="C2319" s="16">
        <v>2285</v>
      </c>
      <c r="D2319" cm="1">
        <f t="array" ref="D2319">IFERROR(INDEX(Jesper!AH$2:AH$366,ROUNDDOWN($C2319/24,0)+1,1)*INDEX($D$3:$AA$30,INDEX(Jesper!$R$2:$R$366,ROW(INDEX(Jesper!AH$2:AH$366,ROUNDDOWN($C2319/24,0)+1,1))-1)+IF('Standard Profiles'!$G$18=$B$10,7,0)+IF('Standard Profiles'!$G$18=$B$17,14,0)+IF('Standard Profiles'!$G$18=$B$24,21,0),MOD($C2319,24)+1)/SUM(INDEX($D$3:$AA$30,INDEX(Jesper!$R$2:$R$366,ROW(INDEX(Jesper!AH$2:AH$366,ROUNDDOWN($C2319/24,0)+1,1))-1)+IF('Standard Profiles'!$G$18=$B$10,7,0)+IF('Standard Profiles'!$G$18=$B$17,14,0)+IF('Standard Profiles'!$G$18=$B$24,21,0),0)),0)</f>
        <v>10.540286975519082</v>
      </c>
      <c r="E2319" cm="1">
        <f t="array" ref="E2319">IFERROR(INDEX(Jesper!AI$2:AI$366,ROUNDDOWN($C2319/24,0)+1,1)*INDEX($D$3:$AA$30,INDEX(Jesper!$R$2:$R$366,ROW(INDEX(Jesper!AI$2:AI$366,ROUNDDOWN($C2319/24,0)+1,1))-1)+IF('Standard Profiles'!$G$19=$B$10,7,0)+IF('Standard Profiles'!$G$19=$B$17,14,0)+IF('Standard Profiles'!$G$19=$B$24,21,0),MOD($C2319,24)+1)/SUM(INDEX($D$3:$AA$30,INDEX(Jesper!$R$2:$R$366,ROW(INDEX(Jesper!AI$2:AI$366,ROUNDDOWN($C2319/24,0)+1,1))-1)+IF('Standard Profiles'!$G$19=$B$10,7,0)+IF('Standard Profiles'!$G$19=$B$17,14,0)+IF('Standard Profiles'!$G$19=$B$24,21,0),0)),0)</f>
        <v>0</v>
      </c>
      <c r="F2319" cm="1">
        <f t="array" ref="F2319">IFERROR(INDEX(Jesper!AJ$2:AJ$366,ROUNDDOWN($C2319/24,0)+1,1)*INDEX($D$3:$AA$30,INDEX(Jesper!$R$2:$R$366,ROW(INDEX(Jesper!AJ$2:AJ$366,ROUNDDOWN($C2319/24,0)+1,1))-1)+IF('Standard Profiles'!$G$20=$B$10,7,0)+IF('Standard Profiles'!$G$20=$B$17,14,0)+IF('Standard Profiles'!$G$20=$B$24,21,0),MOD($C2319,24)+1)/SUM(INDEX($D$3:$AA$30,INDEX(Jesper!$R$2:$R$366,ROW(INDEX(Jesper!AJ$2:AJ$366,ROUNDDOWN($C2319/24,0)+1,1))-1)+IF('Standard Profiles'!$G$20=$B$10,7,0)+IF('Standard Profiles'!$G$20=$B$17,14,0)+IF('Standard Profiles'!$G$20=$B$24,21,0),0)),0)</f>
        <v>0</v>
      </c>
      <c r="G2319" cm="1">
        <f t="array" ref="G2319">IFERROR(INDEX(Jesper!AK$2:AK$366,ROUNDDOWN($C2319/24,0)+1,1)*INDEX($D$3:$AA$30,INDEX(Jesper!$R$2:$R$366,ROW(INDEX(Jesper!AK$2:AK$366,ROUNDDOWN($C2319/24,0)+1,1))-1)+IF('Standard Profiles'!$G$21=$B$10,7,0)+IF('Standard Profiles'!$G$21=$B$17,14,0)+IF('Standard Profiles'!$G$21=$B$24,21,0),MOD($C2319,24)+1)/SUM(INDEX($D$3:$AA$30,INDEX(Jesper!$R$2:$R$366,ROW(INDEX(Jesper!AK$2:AK$366,ROUNDDOWN($C2319/24,0)+1,1))-1)+IF('Standard Profiles'!$G$21=$B$10,7,0)+IF('Standard Profiles'!$G$21=$B$17,14,0)+IF('Standard Profiles'!$G$21=$B$24,21,0),0)),0)</f>
        <v>0</v>
      </c>
      <c r="H2319" cm="1">
        <f t="array" ref="H2319">IFERROR(INDEX(Jesper!AL$2:AL$366,ROUNDDOWN($C2319/24,0)+1,1)*INDEX($D$3:$AA$30,INDEX(Jesper!$R$2:$R$366,ROW(INDEX(Jesper!AL$2:AL$366,ROUNDDOWN($C2319/24,0)+1,1))-1)+IF('Standard Profiles'!$G$22=$B$10,7,0)+IF('Standard Profiles'!$G$22=$B$17,14,0)+IF('Standard Profiles'!$G$22=$B$24,21,0),MOD($C2319,24)+1)/SUM(INDEX($D$3:$AA$30,INDEX(Jesper!$R$2:$R$366,ROW(INDEX(Jesper!AL$2:AL$366,ROUNDDOWN($C2319/24,0)+1,1))-1)+IF('Standard Profiles'!$G$22=$B$10,7,0)+IF('Standard Profiles'!$G$22=$B$17,14,0)+IF('Standard Profiles'!$G$22=$B$24,21,0),0)),0)</f>
        <v>0</v>
      </c>
      <c r="I2319">
        <f t="shared" si="265"/>
        <v>0.31620860926557248</v>
      </c>
      <c r="J2319">
        <f t="shared" si="266"/>
        <v>1.0540286975519082</v>
      </c>
      <c r="K2319">
        <f t="shared" si="267"/>
        <v>1.5810430463278624</v>
      </c>
      <c r="L2319">
        <f t="shared" si="268"/>
        <v>7.5890066223737387</v>
      </c>
      <c r="M2319">
        <f t="shared" si="269"/>
        <v>0</v>
      </c>
      <c r="N2319" s="46">
        <f t="shared" si="270"/>
        <v>45387.208333327791</v>
      </c>
    </row>
    <row r="2320" spans="2:14" x14ac:dyDescent="0.3">
      <c r="B2320">
        <f t="shared" si="264"/>
        <v>5</v>
      </c>
      <c r="C2320" s="16">
        <v>2286</v>
      </c>
      <c r="D2320" cm="1">
        <f t="array" ref="D2320">IFERROR(INDEX(Jesper!AH$2:AH$366,ROUNDDOWN($C2320/24,0)+1,1)*INDEX($D$3:$AA$30,INDEX(Jesper!$R$2:$R$366,ROW(INDEX(Jesper!AH$2:AH$366,ROUNDDOWN($C2320/24,0)+1,1))-1)+IF('Standard Profiles'!$G$18=$B$10,7,0)+IF('Standard Profiles'!$G$18=$B$17,14,0)+IF('Standard Profiles'!$G$18=$B$24,21,0),MOD($C2320,24)+1)/SUM(INDEX($D$3:$AA$30,INDEX(Jesper!$R$2:$R$366,ROW(INDEX(Jesper!AH$2:AH$366,ROUNDDOWN($C2320/24,0)+1,1))-1)+IF('Standard Profiles'!$G$18=$B$10,7,0)+IF('Standard Profiles'!$G$18=$B$17,14,0)+IF('Standard Profiles'!$G$18=$B$24,21,0),0)),0)</f>
        <v>12.721036004936824</v>
      </c>
      <c r="E2320" cm="1">
        <f t="array" ref="E2320">IFERROR(INDEX(Jesper!AI$2:AI$366,ROUNDDOWN($C2320/24,0)+1,1)*INDEX($D$3:$AA$30,INDEX(Jesper!$R$2:$R$366,ROW(INDEX(Jesper!AI$2:AI$366,ROUNDDOWN($C2320/24,0)+1,1))-1)+IF('Standard Profiles'!$G$19=$B$10,7,0)+IF('Standard Profiles'!$G$19=$B$17,14,0)+IF('Standard Profiles'!$G$19=$B$24,21,0),MOD($C2320,24)+1)/SUM(INDEX($D$3:$AA$30,INDEX(Jesper!$R$2:$R$366,ROW(INDEX(Jesper!AI$2:AI$366,ROUNDDOWN($C2320/24,0)+1,1))-1)+IF('Standard Profiles'!$G$19=$B$10,7,0)+IF('Standard Profiles'!$G$19=$B$17,14,0)+IF('Standard Profiles'!$G$19=$B$24,21,0),0)),0)</f>
        <v>0</v>
      </c>
      <c r="F2320" cm="1">
        <f t="array" ref="F2320">IFERROR(INDEX(Jesper!AJ$2:AJ$366,ROUNDDOWN($C2320/24,0)+1,1)*INDEX($D$3:$AA$30,INDEX(Jesper!$R$2:$R$366,ROW(INDEX(Jesper!AJ$2:AJ$366,ROUNDDOWN($C2320/24,0)+1,1))-1)+IF('Standard Profiles'!$G$20=$B$10,7,0)+IF('Standard Profiles'!$G$20=$B$17,14,0)+IF('Standard Profiles'!$G$20=$B$24,21,0),MOD($C2320,24)+1)/SUM(INDEX($D$3:$AA$30,INDEX(Jesper!$R$2:$R$366,ROW(INDEX(Jesper!AJ$2:AJ$366,ROUNDDOWN($C2320/24,0)+1,1))-1)+IF('Standard Profiles'!$G$20=$B$10,7,0)+IF('Standard Profiles'!$G$20=$B$17,14,0)+IF('Standard Profiles'!$G$20=$B$24,21,0),0)),0)</f>
        <v>0</v>
      </c>
      <c r="G2320" cm="1">
        <f t="array" ref="G2320">IFERROR(INDEX(Jesper!AK$2:AK$366,ROUNDDOWN($C2320/24,0)+1,1)*INDEX($D$3:$AA$30,INDEX(Jesper!$R$2:$R$366,ROW(INDEX(Jesper!AK$2:AK$366,ROUNDDOWN($C2320/24,0)+1,1))-1)+IF('Standard Profiles'!$G$21=$B$10,7,0)+IF('Standard Profiles'!$G$21=$B$17,14,0)+IF('Standard Profiles'!$G$21=$B$24,21,0),MOD($C2320,24)+1)/SUM(INDEX($D$3:$AA$30,INDEX(Jesper!$R$2:$R$366,ROW(INDEX(Jesper!AK$2:AK$366,ROUNDDOWN($C2320/24,0)+1,1))-1)+IF('Standard Profiles'!$G$21=$B$10,7,0)+IF('Standard Profiles'!$G$21=$B$17,14,0)+IF('Standard Profiles'!$G$21=$B$24,21,0),0)),0)</f>
        <v>0</v>
      </c>
      <c r="H2320" cm="1">
        <f t="array" ref="H2320">IFERROR(INDEX(Jesper!AL$2:AL$366,ROUNDDOWN($C2320/24,0)+1,1)*INDEX($D$3:$AA$30,INDEX(Jesper!$R$2:$R$366,ROW(INDEX(Jesper!AL$2:AL$366,ROUNDDOWN($C2320/24,0)+1,1))-1)+IF('Standard Profiles'!$G$22=$B$10,7,0)+IF('Standard Profiles'!$G$22=$B$17,14,0)+IF('Standard Profiles'!$G$22=$B$24,21,0),MOD($C2320,24)+1)/SUM(INDEX($D$3:$AA$30,INDEX(Jesper!$R$2:$R$366,ROW(INDEX(Jesper!AL$2:AL$366,ROUNDDOWN($C2320/24,0)+1,1))-1)+IF('Standard Profiles'!$G$22=$B$10,7,0)+IF('Standard Profiles'!$G$22=$B$17,14,0)+IF('Standard Profiles'!$G$22=$B$24,21,0),0)),0)</f>
        <v>0</v>
      </c>
      <c r="I2320">
        <f t="shared" si="265"/>
        <v>0.38163108014810471</v>
      </c>
      <c r="J2320">
        <f t="shared" si="266"/>
        <v>1.2721036004936825</v>
      </c>
      <c r="K2320">
        <f t="shared" si="267"/>
        <v>1.9081554007405235</v>
      </c>
      <c r="L2320">
        <f t="shared" si="268"/>
        <v>9.1591459235545134</v>
      </c>
      <c r="M2320">
        <f t="shared" si="269"/>
        <v>0</v>
      </c>
      <c r="N2320" s="46">
        <f t="shared" si="270"/>
        <v>45387.249999994456</v>
      </c>
    </row>
    <row r="2321" spans="2:14" x14ac:dyDescent="0.3">
      <c r="B2321">
        <f t="shared" si="264"/>
        <v>5</v>
      </c>
      <c r="C2321" s="16">
        <v>2287</v>
      </c>
      <c r="D2321" cm="1">
        <f t="array" ref="D2321">IFERROR(INDEX(Jesper!AH$2:AH$366,ROUNDDOWN($C2321/24,0)+1,1)*INDEX($D$3:$AA$30,INDEX(Jesper!$R$2:$R$366,ROW(INDEX(Jesper!AH$2:AH$366,ROUNDDOWN($C2321/24,0)+1,1))-1)+IF('Standard Profiles'!$G$18=$B$10,7,0)+IF('Standard Profiles'!$G$18=$B$17,14,0)+IF('Standard Profiles'!$G$18=$B$24,21,0),MOD($C2321,24)+1)/SUM(INDEX($D$3:$AA$30,INDEX(Jesper!$R$2:$R$366,ROW(INDEX(Jesper!AH$2:AH$366,ROUNDDOWN($C2321/24,0)+1,1))-1)+IF('Standard Profiles'!$G$18=$B$10,7,0)+IF('Standard Profiles'!$G$18=$B$17,14,0)+IF('Standard Profiles'!$G$18=$B$24,21,0),0)),0)</f>
        <v>12.721036004936824</v>
      </c>
      <c r="E2321" cm="1">
        <f t="array" ref="E2321">IFERROR(INDEX(Jesper!AI$2:AI$366,ROUNDDOWN($C2321/24,0)+1,1)*INDEX($D$3:$AA$30,INDEX(Jesper!$R$2:$R$366,ROW(INDEX(Jesper!AI$2:AI$366,ROUNDDOWN($C2321/24,0)+1,1))-1)+IF('Standard Profiles'!$G$19=$B$10,7,0)+IF('Standard Profiles'!$G$19=$B$17,14,0)+IF('Standard Profiles'!$G$19=$B$24,21,0),MOD($C2321,24)+1)/SUM(INDEX($D$3:$AA$30,INDEX(Jesper!$R$2:$R$366,ROW(INDEX(Jesper!AI$2:AI$366,ROUNDDOWN($C2321/24,0)+1,1))-1)+IF('Standard Profiles'!$G$19=$B$10,7,0)+IF('Standard Profiles'!$G$19=$B$17,14,0)+IF('Standard Profiles'!$G$19=$B$24,21,0),0)),0)</f>
        <v>0</v>
      </c>
      <c r="F2321" cm="1">
        <f t="array" ref="F2321">IFERROR(INDEX(Jesper!AJ$2:AJ$366,ROUNDDOWN($C2321/24,0)+1,1)*INDEX($D$3:$AA$30,INDEX(Jesper!$R$2:$R$366,ROW(INDEX(Jesper!AJ$2:AJ$366,ROUNDDOWN($C2321/24,0)+1,1))-1)+IF('Standard Profiles'!$G$20=$B$10,7,0)+IF('Standard Profiles'!$G$20=$B$17,14,0)+IF('Standard Profiles'!$G$20=$B$24,21,0),MOD($C2321,24)+1)/SUM(INDEX($D$3:$AA$30,INDEX(Jesper!$R$2:$R$366,ROW(INDEX(Jesper!AJ$2:AJ$366,ROUNDDOWN($C2321/24,0)+1,1))-1)+IF('Standard Profiles'!$G$20=$B$10,7,0)+IF('Standard Profiles'!$G$20=$B$17,14,0)+IF('Standard Profiles'!$G$20=$B$24,21,0),0)),0)</f>
        <v>0</v>
      </c>
      <c r="G2321" cm="1">
        <f t="array" ref="G2321">IFERROR(INDEX(Jesper!AK$2:AK$366,ROUNDDOWN($C2321/24,0)+1,1)*INDEX($D$3:$AA$30,INDEX(Jesper!$R$2:$R$366,ROW(INDEX(Jesper!AK$2:AK$366,ROUNDDOWN($C2321/24,0)+1,1))-1)+IF('Standard Profiles'!$G$21=$B$10,7,0)+IF('Standard Profiles'!$G$21=$B$17,14,0)+IF('Standard Profiles'!$G$21=$B$24,21,0),MOD($C2321,24)+1)/SUM(INDEX($D$3:$AA$30,INDEX(Jesper!$R$2:$R$366,ROW(INDEX(Jesper!AK$2:AK$366,ROUNDDOWN($C2321/24,0)+1,1))-1)+IF('Standard Profiles'!$G$21=$B$10,7,0)+IF('Standard Profiles'!$G$21=$B$17,14,0)+IF('Standard Profiles'!$G$21=$B$24,21,0),0)),0)</f>
        <v>0</v>
      </c>
      <c r="H2321" cm="1">
        <f t="array" ref="H2321">IFERROR(INDEX(Jesper!AL$2:AL$366,ROUNDDOWN($C2321/24,0)+1,1)*INDEX($D$3:$AA$30,INDEX(Jesper!$R$2:$R$366,ROW(INDEX(Jesper!AL$2:AL$366,ROUNDDOWN($C2321/24,0)+1,1))-1)+IF('Standard Profiles'!$G$22=$B$10,7,0)+IF('Standard Profiles'!$G$22=$B$17,14,0)+IF('Standard Profiles'!$G$22=$B$24,21,0),MOD($C2321,24)+1)/SUM(INDEX($D$3:$AA$30,INDEX(Jesper!$R$2:$R$366,ROW(INDEX(Jesper!AL$2:AL$366,ROUNDDOWN($C2321/24,0)+1,1))-1)+IF('Standard Profiles'!$G$22=$B$10,7,0)+IF('Standard Profiles'!$G$22=$B$17,14,0)+IF('Standard Profiles'!$G$22=$B$24,21,0),0)),0)</f>
        <v>0</v>
      </c>
      <c r="I2321">
        <f t="shared" si="265"/>
        <v>0.38163108014810471</v>
      </c>
      <c r="J2321">
        <f t="shared" si="266"/>
        <v>1.2721036004936825</v>
      </c>
      <c r="K2321">
        <f t="shared" si="267"/>
        <v>1.9081554007405235</v>
      </c>
      <c r="L2321">
        <f t="shared" si="268"/>
        <v>9.1591459235545134</v>
      </c>
      <c r="M2321">
        <f t="shared" si="269"/>
        <v>0</v>
      </c>
      <c r="N2321" s="46">
        <f t="shared" si="270"/>
        <v>45387.29166666112</v>
      </c>
    </row>
    <row r="2322" spans="2:14" x14ac:dyDescent="0.3">
      <c r="B2322">
        <f t="shared" si="264"/>
        <v>5</v>
      </c>
      <c r="C2322" s="16">
        <v>2288</v>
      </c>
      <c r="D2322" cm="1">
        <f t="array" ref="D2322">IFERROR(INDEX(Jesper!AH$2:AH$366,ROUNDDOWN($C2322/24,0)+1,1)*INDEX($D$3:$AA$30,INDEX(Jesper!$R$2:$R$366,ROW(INDEX(Jesper!AH$2:AH$366,ROUNDDOWN($C2322/24,0)+1,1))-1)+IF('Standard Profiles'!$G$18=$B$10,7,0)+IF('Standard Profiles'!$G$18=$B$17,14,0)+IF('Standard Profiles'!$G$18=$B$24,21,0),MOD($C2322,24)+1)/SUM(INDEX($D$3:$AA$30,INDEX(Jesper!$R$2:$R$366,ROW(INDEX(Jesper!AH$2:AH$366,ROUNDDOWN($C2322/24,0)+1,1))-1)+IF('Standard Profiles'!$G$18=$B$10,7,0)+IF('Standard Profiles'!$G$18=$B$17,14,0)+IF('Standard Profiles'!$G$18=$B$24,21,0),0)),0)</f>
        <v>12.721036004936824</v>
      </c>
      <c r="E2322" cm="1">
        <f t="array" ref="E2322">IFERROR(INDEX(Jesper!AI$2:AI$366,ROUNDDOWN($C2322/24,0)+1,1)*INDEX($D$3:$AA$30,INDEX(Jesper!$R$2:$R$366,ROW(INDEX(Jesper!AI$2:AI$366,ROUNDDOWN($C2322/24,0)+1,1))-1)+IF('Standard Profiles'!$G$19=$B$10,7,0)+IF('Standard Profiles'!$G$19=$B$17,14,0)+IF('Standard Profiles'!$G$19=$B$24,21,0),MOD($C2322,24)+1)/SUM(INDEX($D$3:$AA$30,INDEX(Jesper!$R$2:$R$366,ROW(INDEX(Jesper!AI$2:AI$366,ROUNDDOWN($C2322/24,0)+1,1))-1)+IF('Standard Profiles'!$G$19=$B$10,7,0)+IF('Standard Profiles'!$G$19=$B$17,14,0)+IF('Standard Profiles'!$G$19=$B$24,21,0),0)),0)</f>
        <v>0</v>
      </c>
      <c r="F2322" cm="1">
        <f t="array" ref="F2322">IFERROR(INDEX(Jesper!AJ$2:AJ$366,ROUNDDOWN($C2322/24,0)+1,1)*INDEX($D$3:$AA$30,INDEX(Jesper!$R$2:$R$366,ROW(INDEX(Jesper!AJ$2:AJ$366,ROUNDDOWN($C2322/24,0)+1,1))-1)+IF('Standard Profiles'!$G$20=$B$10,7,0)+IF('Standard Profiles'!$G$20=$B$17,14,0)+IF('Standard Profiles'!$G$20=$B$24,21,0),MOD($C2322,24)+1)/SUM(INDEX($D$3:$AA$30,INDEX(Jesper!$R$2:$R$366,ROW(INDEX(Jesper!AJ$2:AJ$366,ROUNDDOWN($C2322/24,0)+1,1))-1)+IF('Standard Profiles'!$G$20=$B$10,7,0)+IF('Standard Profiles'!$G$20=$B$17,14,0)+IF('Standard Profiles'!$G$20=$B$24,21,0),0)),0)</f>
        <v>0</v>
      </c>
      <c r="G2322" cm="1">
        <f t="array" ref="G2322">IFERROR(INDEX(Jesper!AK$2:AK$366,ROUNDDOWN($C2322/24,0)+1,1)*INDEX($D$3:$AA$30,INDEX(Jesper!$R$2:$R$366,ROW(INDEX(Jesper!AK$2:AK$366,ROUNDDOWN($C2322/24,0)+1,1))-1)+IF('Standard Profiles'!$G$21=$B$10,7,0)+IF('Standard Profiles'!$G$21=$B$17,14,0)+IF('Standard Profiles'!$G$21=$B$24,21,0),MOD($C2322,24)+1)/SUM(INDEX($D$3:$AA$30,INDEX(Jesper!$R$2:$R$366,ROW(INDEX(Jesper!AK$2:AK$366,ROUNDDOWN($C2322/24,0)+1,1))-1)+IF('Standard Profiles'!$G$21=$B$10,7,0)+IF('Standard Profiles'!$G$21=$B$17,14,0)+IF('Standard Profiles'!$G$21=$B$24,21,0),0)),0)</f>
        <v>0</v>
      </c>
      <c r="H2322" cm="1">
        <f t="array" ref="H2322">IFERROR(INDEX(Jesper!AL$2:AL$366,ROUNDDOWN($C2322/24,0)+1,1)*INDEX($D$3:$AA$30,INDEX(Jesper!$R$2:$R$366,ROW(INDEX(Jesper!AL$2:AL$366,ROUNDDOWN($C2322/24,0)+1,1))-1)+IF('Standard Profiles'!$G$22=$B$10,7,0)+IF('Standard Profiles'!$G$22=$B$17,14,0)+IF('Standard Profiles'!$G$22=$B$24,21,0),MOD($C2322,24)+1)/SUM(INDEX($D$3:$AA$30,INDEX(Jesper!$R$2:$R$366,ROW(INDEX(Jesper!AL$2:AL$366,ROUNDDOWN($C2322/24,0)+1,1))-1)+IF('Standard Profiles'!$G$22=$B$10,7,0)+IF('Standard Profiles'!$G$22=$B$17,14,0)+IF('Standard Profiles'!$G$22=$B$24,21,0),0)),0)</f>
        <v>0</v>
      </c>
      <c r="I2322">
        <f t="shared" si="265"/>
        <v>0.38163108014810471</v>
      </c>
      <c r="J2322">
        <f t="shared" si="266"/>
        <v>1.2721036004936825</v>
      </c>
      <c r="K2322">
        <f t="shared" si="267"/>
        <v>1.9081554007405235</v>
      </c>
      <c r="L2322">
        <f t="shared" si="268"/>
        <v>9.1591459235545134</v>
      </c>
      <c r="M2322">
        <f t="shared" si="269"/>
        <v>0</v>
      </c>
      <c r="N2322" s="46">
        <f t="shared" si="270"/>
        <v>45387.333333327784</v>
      </c>
    </row>
    <row r="2323" spans="2:14" x14ac:dyDescent="0.3">
      <c r="B2323">
        <f t="shared" si="264"/>
        <v>5</v>
      </c>
      <c r="C2323" s="16">
        <v>2289</v>
      </c>
      <c r="D2323" cm="1">
        <f t="array" ref="D2323">IFERROR(INDEX(Jesper!AH$2:AH$366,ROUNDDOWN($C2323/24,0)+1,1)*INDEX($D$3:$AA$30,INDEX(Jesper!$R$2:$R$366,ROW(INDEX(Jesper!AH$2:AH$366,ROUNDDOWN($C2323/24,0)+1,1))-1)+IF('Standard Profiles'!$G$18=$B$10,7,0)+IF('Standard Profiles'!$G$18=$B$17,14,0)+IF('Standard Profiles'!$G$18=$B$24,21,0),MOD($C2323,24)+1)/SUM(INDEX($D$3:$AA$30,INDEX(Jesper!$R$2:$R$366,ROW(INDEX(Jesper!AH$2:AH$366,ROUNDDOWN($C2323/24,0)+1,1))-1)+IF('Standard Profiles'!$G$18=$B$10,7,0)+IF('Standard Profiles'!$G$18=$B$17,14,0)+IF('Standard Profiles'!$G$18=$B$24,21,0),0)),0)</f>
        <v>13.629681433860885</v>
      </c>
      <c r="E2323" cm="1">
        <f t="array" ref="E2323">IFERROR(INDEX(Jesper!AI$2:AI$366,ROUNDDOWN($C2323/24,0)+1,1)*INDEX($D$3:$AA$30,INDEX(Jesper!$R$2:$R$366,ROW(INDEX(Jesper!AI$2:AI$366,ROUNDDOWN($C2323/24,0)+1,1))-1)+IF('Standard Profiles'!$G$19=$B$10,7,0)+IF('Standard Profiles'!$G$19=$B$17,14,0)+IF('Standard Profiles'!$G$19=$B$24,21,0),MOD($C2323,24)+1)/SUM(INDEX($D$3:$AA$30,INDEX(Jesper!$R$2:$R$366,ROW(INDEX(Jesper!AI$2:AI$366,ROUNDDOWN($C2323/24,0)+1,1))-1)+IF('Standard Profiles'!$G$19=$B$10,7,0)+IF('Standard Profiles'!$G$19=$B$17,14,0)+IF('Standard Profiles'!$G$19=$B$24,21,0),0)),0)</f>
        <v>0</v>
      </c>
      <c r="F2323" cm="1">
        <f t="array" ref="F2323">IFERROR(INDEX(Jesper!AJ$2:AJ$366,ROUNDDOWN($C2323/24,0)+1,1)*INDEX($D$3:$AA$30,INDEX(Jesper!$R$2:$R$366,ROW(INDEX(Jesper!AJ$2:AJ$366,ROUNDDOWN($C2323/24,0)+1,1))-1)+IF('Standard Profiles'!$G$20=$B$10,7,0)+IF('Standard Profiles'!$G$20=$B$17,14,0)+IF('Standard Profiles'!$G$20=$B$24,21,0),MOD($C2323,24)+1)/SUM(INDEX($D$3:$AA$30,INDEX(Jesper!$R$2:$R$366,ROW(INDEX(Jesper!AJ$2:AJ$366,ROUNDDOWN($C2323/24,0)+1,1))-1)+IF('Standard Profiles'!$G$20=$B$10,7,0)+IF('Standard Profiles'!$G$20=$B$17,14,0)+IF('Standard Profiles'!$G$20=$B$24,21,0),0)),0)</f>
        <v>0</v>
      </c>
      <c r="G2323" cm="1">
        <f t="array" ref="G2323">IFERROR(INDEX(Jesper!AK$2:AK$366,ROUNDDOWN($C2323/24,0)+1,1)*INDEX($D$3:$AA$30,INDEX(Jesper!$R$2:$R$366,ROW(INDEX(Jesper!AK$2:AK$366,ROUNDDOWN($C2323/24,0)+1,1))-1)+IF('Standard Profiles'!$G$21=$B$10,7,0)+IF('Standard Profiles'!$G$21=$B$17,14,0)+IF('Standard Profiles'!$G$21=$B$24,21,0),MOD($C2323,24)+1)/SUM(INDEX($D$3:$AA$30,INDEX(Jesper!$R$2:$R$366,ROW(INDEX(Jesper!AK$2:AK$366,ROUNDDOWN($C2323/24,0)+1,1))-1)+IF('Standard Profiles'!$G$21=$B$10,7,0)+IF('Standard Profiles'!$G$21=$B$17,14,0)+IF('Standard Profiles'!$G$21=$B$24,21,0),0)),0)</f>
        <v>0</v>
      </c>
      <c r="H2323" cm="1">
        <f t="array" ref="H2323">IFERROR(INDEX(Jesper!AL$2:AL$366,ROUNDDOWN($C2323/24,0)+1,1)*INDEX($D$3:$AA$30,INDEX(Jesper!$R$2:$R$366,ROW(INDEX(Jesper!AL$2:AL$366,ROUNDDOWN($C2323/24,0)+1,1))-1)+IF('Standard Profiles'!$G$22=$B$10,7,0)+IF('Standard Profiles'!$G$22=$B$17,14,0)+IF('Standard Profiles'!$G$22=$B$24,21,0),MOD($C2323,24)+1)/SUM(INDEX($D$3:$AA$30,INDEX(Jesper!$R$2:$R$366,ROW(INDEX(Jesper!AL$2:AL$366,ROUNDDOWN($C2323/24,0)+1,1))-1)+IF('Standard Profiles'!$G$22=$B$10,7,0)+IF('Standard Profiles'!$G$22=$B$17,14,0)+IF('Standard Profiles'!$G$22=$B$24,21,0),0)),0)</f>
        <v>0</v>
      </c>
      <c r="I2323">
        <f t="shared" si="265"/>
        <v>0.4088904430158265</v>
      </c>
      <c r="J2323">
        <f t="shared" si="266"/>
        <v>1.3629681433860885</v>
      </c>
      <c r="K2323">
        <f t="shared" si="267"/>
        <v>2.0444522150791324</v>
      </c>
      <c r="L2323">
        <f t="shared" si="268"/>
        <v>9.8133706323798364</v>
      </c>
      <c r="M2323">
        <f t="shared" si="269"/>
        <v>0</v>
      </c>
      <c r="N2323" s="46">
        <f t="shared" si="270"/>
        <v>45387.374999994448</v>
      </c>
    </row>
    <row r="2324" spans="2:14" x14ac:dyDescent="0.3">
      <c r="B2324">
        <f t="shared" si="264"/>
        <v>5</v>
      </c>
      <c r="C2324" s="16">
        <v>2290</v>
      </c>
      <c r="D2324" cm="1">
        <f t="array" ref="D2324">IFERROR(INDEX(Jesper!AH$2:AH$366,ROUNDDOWN($C2324/24,0)+1,1)*INDEX($D$3:$AA$30,INDEX(Jesper!$R$2:$R$366,ROW(INDEX(Jesper!AH$2:AH$366,ROUNDDOWN($C2324/24,0)+1,1))-1)+IF('Standard Profiles'!$G$18=$B$10,7,0)+IF('Standard Profiles'!$G$18=$B$17,14,0)+IF('Standard Profiles'!$G$18=$B$24,21,0),MOD($C2324,24)+1)/SUM(INDEX($D$3:$AA$30,INDEX(Jesper!$R$2:$R$366,ROW(INDEX(Jesper!AH$2:AH$366,ROUNDDOWN($C2324/24,0)+1,1))-1)+IF('Standard Profiles'!$G$18=$B$10,7,0)+IF('Standard Profiles'!$G$18=$B$17,14,0)+IF('Standard Profiles'!$G$18=$B$24,21,0),0)),0)</f>
        <v>14.17486869121532</v>
      </c>
      <c r="E2324" cm="1">
        <f t="array" ref="E2324">IFERROR(INDEX(Jesper!AI$2:AI$366,ROUNDDOWN($C2324/24,0)+1,1)*INDEX($D$3:$AA$30,INDEX(Jesper!$R$2:$R$366,ROW(INDEX(Jesper!AI$2:AI$366,ROUNDDOWN($C2324/24,0)+1,1))-1)+IF('Standard Profiles'!$G$19=$B$10,7,0)+IF('Standard Profiles'!$G$19=$B$17,14,0)+IF('Standard Profiles'!$G$19=$B$24,21,0),MOD($C2324,24)+1)/SUM(INDEX($D$3:$AA$30,INDEX(Jesper!$R$2:$R$366,ROW(INDEX(Jesper!AI$2:AI$366,ROUNDDOWN($C2324/24,0)+1,1))-1)+IF('Standard Profiles'!$G$19=$B$10,7,0)+IF('Standard Profiles'!$G$19=$B$17,14,0)+IF('Standard Profiles'!$G$19=$B$24,21,0),0)),0)</f>
        <v>0</v>
      </c>
      <c r="F2324" cm="1">
        <f t="array" ref="F2324">IFERROR(INDEX(Jesper!AJ$2:AJ$366,ROUNDDOWN($C2324/24,0)+1,1)*INDEX($D$3:$AA$30,INDEX(Jesper!$R$2:$R$366,ROW(INDEX(Jesper!AJ$2:AJ$366,ROUNDDOWN($C2324/24,0)+1,1))-1)+IF('Standard Profiles'!$G$20=$B$10,7,0)+IF('Standard Profiles'!$G$20=$B$17,14,0)+IF('Standard Profiles'!$G$20=$B$24,21,0),MOD($C2324,24)+1)/SUM(INDEX($D$3:$AA$30,INDEX(Jesper!$R$2:$R$366,ROW(INDEX(Jesper!AJ$2:AJ$366,ROUNDDOWN($C2324/24,0)+1,1))-1)+IF('Standard Profiles'!$G$20=$B$10,7,0)+IF('Standard Profiles'!$G$20=$B$17,14,0)+IF('Standard Profiles'!$G$20=$B$24,21,0),0)),0)</f>
        <v>0</v>
      </c>
      <c r="G2324" cm="1">
        <f t="array" ref="G2324">IFERROR(INDEX(Jesper!AK$2:AK$366,ROUNDDOWN($C2324/24,0)+1,1)*INDEX($D$3:$AA$30,INDEX(Jesper!$R$2:$R$366,ROW(INDEX(Jesper!AK$2:AK$366,ROUNDDOWN($C2324/24,0)+1,1))-1)+IF('Standard Profiles'!$G$21=$B$10,7,0)+IF('Standard Profiles'!$G$21=$B$17,14,0)+IF('Standard Profiles'!$G$21=$B$24,21,0),MOD($C2324,24)+1)/SUM(INDEX($D$3:$AA$30,INDEX(Jesper!$R$2:$R$366,ROW(INDEX(Jesper!AK$2:AK$366,ROUNDDOWN($C2324/24,0)+1,1))-1)+IF('Standard Profiles'!$G$21=$B$10,7,0)+IF('Standard Profiles'!$G$21=$B$17,14,0)+IF('Standard Profiles'!$G$21=$B$24,21,0),0)),0)</f>
        <v>0</v>
      </c>
      <c r="H2324" cm="1">
        <f t="array" ref="H2324">IFERROR(INDEX(Jesper!AL$2:AL$366,ROUNDDOWN($C2324/24,0)+1,1)*INDEX($D$3:$AA$30,INDEX(Jesper!$R$2:$R$366,ROW(INDEX(Jesper!AL$2:AL$366,ROUNDDOWN($C2324/24,0)+1,1))-1)+IF('Standard Profiles'!$G$22=$B$10,7,0)+IF('Standard Profiles'!$G$22=$B$17,14,0)+IF('Standard Profiles'!$G$22=$B$24,21,0),MOD($C2324,24)+1)/SUM(INDEX($D$3:$AA$30,INDEX(Jesper!$R$2:$R$366,ROW(INDEX(Jesper!AL$2:AL$366,ROUNDDOWN($C2324/24,0)+1,1))-1)+IF('Standard Profiles'!$G$22=$B$10,7,0)+IF('Standard Profiles'!$G$22=$B$17,14,0)+IF('Standard Profiles'!$G$22=$B$24,21,0),0)),0)</f>
        <v>0</v>
      </c>
      <c r="I2324">
        <f t="shared" si="265"/>
        <v>0.4252460607364596</v>
      </c>
      <c r="J2324">
        <f t="shared" si="266"/>
        <v>1.4174868691215321</v>
      </c>
      <c r="K2324">
        <f t="shared" si="267"/>
        <v>2.126230303682298</v>
      </c>
      <c r="L2324">
        <f t="shared" si="268"/>
        <v>10.20590545767503</v>
      </c>
      <c r="M2324">
        <f t="shared" si="269"/>
        <v>0</v>
      </c>
      <c r="N2324" s="46">
        <f t="shared" si="270"/>
        <v>45387.416666661113</v>
      </c>
    </row>
    <row r="2325" spans="2:14" x14ac:dyDescent="0.3">
      <c r="B2325">
        <f t="shared" si="264"/>
        <v>5</v>
      </c>
      <c r="C2325" s="16">
        <v>2291</v>
      </c>
      <c r="D2325" cm="1">
        <f t="array" ref="D2325">IFERROR(INDEX(Jesper!AH$2:AH$366,ROUNDDOWN($C2325/24,0)+1,1)*INDEX($D$3:$AA$30,INDEX(Jesper!$R$2:$R$366,ROW(INDEX(Jesper!AH$2:AH$366,ROUNDDOWN($C2325/24,0)+1,1))-1)+IF('Standard Profiles'!$G$18=$B$10,7,0)+IF('Standard Profiles'!$G$18=$B$17,14,0)+IF('Standard Profiles'!$G$18=$B$24,21,0),MOD($C2325,24)+1)/SUM(INDEX($D$3:$AA$30,INDEX(Jesper!$R$2:$R$366,ROW(INDEX(Jesper!AH$2:AH$366,ROUNDDOWN($C2325/24,0)+1,1))-1)+IF('Standard Profiles'!$G$18=$B$10,7,0)+IF('Standard Profiles'!$G$18=$B$17,14,0)+IF('Standard Profiles'!$G$18=$B$24,21,0),0)),0)</f>
        <v>16.35561772063306</v>
      </c>
      <c r="E2325" cm="1">
        <f t="array" ref="E2325">IFERROR(INDEX(Jesper!AI$2:AI$366,ROUNDDOWN($C2325/24,0)+1,1)*INDEX($D$3:$AA$30,INDEX(Jesper!$R$2:$R$366,ROW(INDEX(Jesper!AI$2:AI$366,ROUNDDOWN($C2325/24,0)+1,1))-1)+IF('Standard Profiles'!$G$19=$B$10,7,0)+IF('Standard Profiles'!$G$19=$B$17,14,0)+IF('Standard Profiles'!$G$19=$B$24,21,0),MOD($C2325,24)+1)/SUM(INDEX($D$3:$AA$30,INDEX(Jesper!$R$2:$R$366,ROW(INDEX(Jesper!AI$2:AI$366,ROUNDDOWN($C2325/24,0)+1,1))-1)+IF('Standard Profiles'!$G$19=$B$10,7,0)+IF('Standard Profiles'!$G$19=$B$17,14,0)+IF('Standard Profiles'!$G$19=$B$24,21,0),0)),0)</f>
        <v>0</v>
      </c>
      <c r="F2325" cm="1">
        <f t="array" ref="F2325">IFERROR(INDEX(Jesper!AJ$2:AJ$366,ROUNDDOWN($C2325/24,0)+1,1)*INDEX($D$3:$AA$30,INDEX(Jesper!$R$2:$R$366,ROW(INDEX(Jesper!AJ$2:AJ$366,ROUNDDOWN($C2325/24,0)+1,1))-1)+IF('Standard Profiles'!$G$20=$B$10,7,0)+IF('Standard Profiles'!$G$20=$B$17,14,0)+IF('Standard Profiles'!$G$20=$B$24,21,0),MOD($C2325,24)+1)/SUM(INDEX($D$3:$AA$30,INDEX(Jesper!$R$2:$R$366,ROW(INDEX(Jesper!AJ$2:AJ$366,ROUNDDOWN($C2325/24,0)+1,1))-1)+IF('Standard Profiles'!$G$20=$B$10,7,0)+IF('Standard Profiles'!$G$20=$B$17,14,0)+IF('Standard Profiles'!$G$20=$B$24,21,0),0)),0)</f>
        <v>0</v>
      </c>
      <c r="G2325" cm="1">
        <f t="array" ref="G2325">IFERROR(INDEX(Jesper!AK$2:AK$366,ROUNDDOWN($C2325/24,0)+1,1)*INDEX($D$3:$AA$30,INDEX(Jesper!$R$2:$R$366,ROW(INDEX(Jesper!AK$2:AK$366,ROUNDDOWN($C2325/24,0)+1,1))-1)+IF('Standard Profiles'!$G$21=$B$10,7,0)+IF('Standard Profiles'!$G$21=$B$17,14,0)+IF('Standard Profiles'!$G$21=$B$24,21,0),MOD($C2325,24)+1)/SUM(INDEX($D$3:$AA$30,INDEX(Jesper!$R$2:$R$366,ROW(INDEX(Jesper!AK$2:AK$366,ROUNDDOWN($C2325/24,0)+1,1))-1)+IF('Standard Profiles'!$G$21=$B$10,7,0)+IF('Standard Profiles'!$G$21=$B$17,14,0)+IF('Standard Profiles'!$G$21=$B$24,21,0),0)),0)</f>
        <v>0</v>
      </c>
      <c r="H2325" cm="1">
        <f t="array" ref="H2325">IFERROR(INDEX(Jesper!AL$2:AL$366,ROUNDDOWN($C2325/24,0)+1,1)*INDEX($D$3:$AA$30,INDEX(Jesper!$R$2:$R$366,ROW(INDEX(Jesper!AL$2:AL$366,ROUNDDOWN($C2325/24,0)+1,1))-1)+IF('Standard Profiles'!$G$22=$B$10,7,0)+IF('Standard Profiles'!$G$22=$B$17,14,0)+IF('Standard Profiles'!$G$22=$B$24,21,0),MOD($C2325,24)+1)/SUM(INDEX($D$3:$AA$30,INDEX(Jesper!$R$2:$R$366,ROW(INDEX(Jesper!AL$2:AL$366,ROUNDDOWN($C2325/24,0)+1,1))-1)+IF('Standard Profiles'!$G$22=$B$10,7,0)+IF('Standard Profiles'!$G$22=$B$17,14,0)+IF('Standard Profiles'!$G$22=$B$24,21,0),0)),0)</f>
        <v>0</v>
      </c>
      <c r="I2325">
        <f t="shared" si="265"/>
        <v>0.49066853161899177</v>
      </c>
      <c r="J2325">
        <f t="shared" si="266"/>
        <v>1.635561772063306</v>
      </c>
      <c r="K2325">
        <f t="shared" si="267"/>
        <v>2.4533426580949587</v>
      </c>
      <c r="L2325">
        <f t="shared" si="268"/>
        <v>11.776044758855802</v>
      </c>
      <c r="M2325">
        <f t="shared" si="269"/>
        <v>0</v>
      </c>
      <c r="N2325" s="46">
        <f t="shared" si="270"/>
        <v>45387.458333327777</v>
      </c>
    </row>
    <row r="2326" spans="2:14" x14ac:dyDescent="0.3">
      <c r="B2326">
        <f t="shared" si="264"/>
        <v>5</v>
      </c>
      <c r="C2326" s="16">
        <v>2292</v>
      </c>
      <c r="D2326" cm="1">
        <f t="array" ref="D2326">IFERROR(INDEX(Jesper!AH$2:AH$366,ROUNDDOWN($C2326/24,0)+1,1)*INDEX($D$3:$AA$30,INDEX(Jesper!$R$2:$R$366,ROW(INDEX(Jesper!AH$2:AH$366,ROUNDDOWN($C2326/24,0)+1,1))-1)+IF('Standard Profiles'!$G$18=$B$10,7,0)+IF('Standard Profiles'!$G$18=$B$17,14,0)+IF('Standard Profiles'!$G$18=$B$24,21,0),MOD($C2326,24)+1)/SUM(INDEX($D$3:$AA$30,INDEX(Jesper!$R$2:$R$366,ROW(INDEX(Jesper!AH$2:AH$366,ROUNDDOWN($C2326/24,0)+1,1))-1)+IF('Standard Profiles'!$G$18=$B$10,7,0)+IF('Standard Profiles'!$G$18=$B$17,14,0)+IF('Standard Profiles'!$G$18=$B$24,21,0),0)),0)</f>
        <v>16.35561772063306</v>
      </c>
      <c r="E2326" cm="1">
        <f t="array" ref="E2326">IFERROR(INDEX(Jesper!AI$2:AI$366,ROUNDDOWN($C2326/24,0)+1,1)*INDEX($D$3:$AA$30,INDEX(Jesper!$R$2:$R$366,ROW(INDEX(Jesper!AI$2:AI$366,ROUNDDOWN($C2326/24,0)+1,1))-1)+IF('Standard Profiles'!$G$19=$B$10,7,0)+IF('Standard Profiles'!$G$19=$B$17,14,0)+IF('Standard Profiles'!$G$19=$B$24,21,0),MOD($C2326,24)+1)/SUM(INDEX($D$3:$AA$30,INDEX(Jesper!$R$2:$R$366,ROW(INDEX(Jesper!AI$2:AI$366,ROUNDDOWN($C2326/24,0)+1,1))-1)+IF('Standard Profiles'!$G$19=$B$10,7,0)+IF('Standard Profiles'!$G$19=$B$17,14,0)+IF('Standard Profiles'!$G$19=$B$24,21,0),0)),0)</f>
        <v>0</v>
      </c>
      <c r="F2326" cm="1">
        <f t="array" ref="F2326">IFERROR(INDEX(Jesper!AJ$2:AJ$366,ROUNDDOWN($C2326/24,0)+1,1)*INDEX($D$3:$AA$30,INDEX(Jesper!$R$2:$R$366,ROW(INDEX(Jesper!AJ$2:AJ$366,ROUNDDOWN($C2326/24,0)+1,1))-1)+IF('Standard Profiles'!$G$20=$B$10,7,0)+IF('Standard Profiles'!$G$20=$B$17,14,0)+IF('Standard Profiles'!$G$20=$B$24,21,0),MOD($C2326,24)+1)/SUM(INDEX($D$3:$AA$30,INDEX(Jesper!$R$2:$R$366,ROW(INDEX(Jesper!AJ$2:AJ$366,ROUNDDOWN($C2326/24,0)+1,1))-1)+IF('Standard Profiles'!$G$20=$B$10,7,0)+IF('Standard Profiles'!$G$20=$B$17,14,0)+IF('Standard Profiles'!$G$20=$B$24,21,0),0)),0)</f>
        <v>0</v>
      </c>
      <c r="G2326" cm="1">
        <f t="array" ref="G2326">IFERROR(INDEX(Jesper!AK$2:AK$366,ROUNDDOWN($C2326/24,0)+1,1)*INDEX($D$3:$AA$30,INDEX(Jesper!$R$2:$R$366,ROW(INDEX(Jesper!AK$2:AK$366,ROUNDDOWN($C2326/24,0)+1,1))-1)+IF('Standard Profiles'!$G$21=$B$10,7,0)+IF('Standard Profiles'!$G$21=$B$17,14,0)+IF('Standard Profiles'!$G$21=$B$24,21,0),MOD($C2326,24)+1)/SUM(INDEX($D$3:$AA$30,INDEX(Jesper!$R$2:$R$366,ROW(INDEX(Jesper!AK$2:AK$366,ROUNDDOWN($C2326/24,0)+1,1))-1)+IF('Standard Profiles'!$G$21=$B$10,7,0)+IF('Standard Profiles'!$G$21=$B$17,14,0)+IF('Standard Profiles'!$G$21=$B$24,21,0),0)),0)</f>
        <v>0</v>
      </c>
      <c r="H2326" cm="1">
        <f t="array" ref="H2326">IFERROR(INDEX(Jesper!AL$2:AL$366,ROUNDDOWN($C2326/24,0)+1,1)*INDEX($D$3:$AA$30,INDEX(Jesper!$R$2:$R$366,ROW(INDEX(Jesper!AL$2:AL$366,ROUNDDOWN($C2326/24,0)+1,1))-1)+IF('Standard Profiles'!$G$22=$B$10,7,0)+IF('Standard Profiles'!$G$22=$B$17,14,0)+IF('Standard Profiles'!$G$22=$B$24,21,0),MOD($C2326,24)+1)/SUM(INDEX($D$3:$AA$30,INDEX(Jesper!$R$2:$R$366,ROW(INDEX(Jesper!AL$2:AL$366,ROUNDDOWN($C2326/24,0)+1,1))-1)+IF('Standard Profiles'!$G$22=$B$10,7,0)+IF('Standard Profiles'!$G$22=$B$17,14,0)+IF('Standard Profiles'!$G$22=$B$24,21,0),0)),0)</f>
        <v>0</v>
      </c>
      <c r="I2326">
        <f t="shared" si="265"/>
        <v>0.49066853161899177</v>
      </c>
      <c r="J2326">
        <f t="shared" si="266"/>
        <v>1.635561772063306</v>
      </c>
      <c r="K2326">
        <f t="shared" si="267"/>
        <v>2.4533426580949587</v>
      </c>
      <c r="L2326">
        <f t="shared" si="268"/>
        <v>11.776044758855802</v>
      </c>
      <c r="M2326">
        <f t="shared" si="269"/>
        <v>0</v>
      </c>
      <c r="N2326" s="46">
        <f t="shared" si="270"/>
        <v>45387.499999994441</v>
      </c>
    </row>
    <row r="2327" spans="2:14" x14ac:dyDescent="0.3">
      <c r="B2327">
        <f t="shared" si="264"/>
        <v>5</v>
      </c>
      <c r="C2327" s="16">
        <v>2293</v>
      </c>
      <c r="D2327" cm="1">
        <f t="array" ref="D2327">IFERROR(INDEX(Jesper!AH$2:AH$366,ROUNDDOWN($C2327/24,0)+1,1)*INDEX($D$3:$AA$30,INDEX(Jesper!$R$2:$R$366,ROW(INDEX(Jesper!AH$2:AH$366,ROUNDDOWN($C2327/24,0)+1,1))-1)+IF('Standard Profiles'!$G$18=$B$10,7,0)+IF('Standard Profiles'!$G$18=$B$17,14,0)+IF('Standard Profiles'!$G$18=$B$24,21,0),MOD($C2327,24)+1)/SUM(INDEX($D$3:$AA$30,INDEX(Jesper!$R$2:$R$366,ROW(INDEX(Jesper!AH$2:AH$366,ROUNDDOWN($C2327/24,0)+1,1))-1)+IF('Standard Profiles'!$G$18=$B$10,7,0)+IF('Standard Profiles'!$G$18=$B$17,14,0)+IF('Standard Profiles'!$G$18=$B$24,21,0),0)),0)</f>
        <v>16.35561772063306</v>
      </c>
      <c r="E2327" cm="1">
        <f t="array" ref="E2327">IFERROR(INDEX(Jesper!AI$2:AI$366,ROUNDDOWN($C2327/24,0)+1,1)*INDEX($D$3:$AA$30,INDEX(Jesper!$R$2:$R$366,ROW(INDEX(Jesper!AI$2:AI$366,ROUNDDOWN($C2327/24,0)+1,1))-1)+IF('Standard Profiles'!$G$19=$B$10,7,0)+IF('Standard Profiles'!$G$19=$B$17,14,0)+IF('Standard Profiles'!$G$19=$B$24,21,0),MOD($C2327,24)+1)/SUM(INDEX($D$3:$AA$30,INDEX(Jesper!$R$2:$R$366,ROW(INDEX(Jesper!AI$2:AI$366,ROUNDDOWN($C2327/24,0)+1,1))-1)+IF('Standard Profiles'!$G$19=$B$10,7,0)+IF('Standard Profiles'!$G$19=$B$17,14,0)+IF('Standard Profiles'!$G$19=$B$24,21,0),0)),0)</f>
        <v>0</v>
      </c>
      <c r="F2327" cm="1">
        <f t="array" ref="F2327">IFERROR(INDEX(Jesper!AJ$2:AJ$366,ROUNDDOWN($C2327/24,0)+1,1)*INDEX($D$3:$AA$30,INDEX(Jesper!$R$2:$R$366,ROW(INDEX(Jesper!AJ$2:AJ$366,ROUNDDOWN($C2327/24,0)+1,1))-1)+IF('Standard Profiles'!$G$20=$B$10,7,0)+IF('Standard Profiles'!$G$20=$B$17,14,0)+IF('Standard Profiles'!$G$20=$B$24,21,0),MOD($C2327,24)+1)/SUM(INDEX($D$3:$AA$30,INDEX(Jesper!$R$2:$R$366,ROW(INDEX(Jesper!AJ$2:AJ$366,ROUNDDOWN($C2327/24,0)+1,1))-1)+IF('Standard Profiles'!$G$20=$B$10,7,0)+IF('Standard Profiles'!$G$20=$B$17,14,0)+IF('Standard Profiles'!$G$20=$B$24,21,0),0)),0)</f>
        <v>0</v>
      </c>
      <c r="G2327" cm="1">
        <f t="array" ref="G2327">IFERROR(INDEX(Jesper!AK$2:AK$366,ROUNDDOWN($C2327/24,0)+1,1)*INDEX($D$3:$AA$30,INDEX(Jesper!$R$2:$R$366,ROW(INDEX(Jesper!AK$2:AK$366,ROUNDDOWN($C2327/24,0)+1,1))-1)+IF('Standard Profiles'!$G$21=$B$10,7,0)+IF('Standard Profiles'!$G$21=$B$17,14,0)+IF('Standard Profiles'!$G$21=$B$24,21,0),MOD($C2327,24)+1)/SUM(INDEX($D$3:$AA$30,INDEX(Jesper!$R$2:$R$366,ROW(INDEX(Jesper!AK$2:AK$366,ROUNDDOWN($C2327/24,0)+1,1))-1)+IF('Standard Profiles'!$G$21=$B$10,7,0)+IF('Standard Profiles'!$G$21=$B$17,14,0)+IF('Standard Profiles'!$G$21=$B$24,21,0),0)),0)</f>
        <v>0</v>
      </c>
      <c r="H2327" cm="1">
        <f t="array" ref="H2327">IFERROR(INDEX(Jesper!AL$2:AL$366,ROUNDDOWN($C2327/24,0)+1,1)*INDEX($D$3:$AA$30,INDEX(Jesper!$R$2:$R$366,ROW(INDEX(Jesper!AL$2:AL$366,ROUNDDOWN($C2327/24,0)+1,1))-1)+IF('Standard Profiles'!$G$22=$B$10,7,0)+IF('Standard Profiles'!$G$22=$B$17,14,0)+IF('Standard Profiles'!$G$22=$B$24,21,0),MOD($C2327,24)+1)/SUM(INDEX($D$3:$AA$30,INDEX(Jesper!$R$2:$R$366,ROW(INDEX(Jesper!AL$2:AL$366,ROUNDDOWN($C2327/24,0)+1,1))-1)+IF('Standard Profiles'!$G$22=$B$10,7,0)+IF('Standard Profiles'!$G$22=$B$17,14,0)+IF('Standard Profiles'!$G$22=$B$24,21,0),0)),0)</f>
        <v>0</v>
      </c>
      <c r="I2327">
        <f t="shared" si="265"/>
        <v>0.49066853161899177</v>
      </c>
      <c r="J2327">
        <f t="shared" si="266"/>
        <v>1.635561772063306</v>
      </c>
      <c r="K2327">
        <f t="shared" si="267"/>
        <v>2.4533426580949587</v>
      </c>
      <c r="L2327">
        <f t="shared" si="268"/>
        <v>11.776044758855802</v>
      </c>
      <c r="M2327">
        <f t="shared" si="269"/>
        <v>0</v>
      </c>
      <c r="N2327" s="46">
        <f t="shared" si="270"/>
        <v>45387.541666661105</v>
      </c>
    </row>
    <row r="2328" spans="2:14" x14ac:dyDescent="0.3">
      <c r="B2328">
        <f t="shared" si="264"/>
        <v>5</v>
      </c>
      <c r="C2328" s="16">
        <v>2294</v>
      </c>
      <c r="D2328" cm="1">
        <f t="array" ref="D2328">IFERROR(INDEX(Jesper!AH$2:AH$366,ROUNDDOWN($C2328/24,0)+1,1)*INDEX($D$3:$AA$30,INDEX(Jesper!$R$2:$R$366,ROW(INDEX(Jesper!AH$2:AH$366,ROUNDDOWN($C2328/24,0)+1,1))-1)+IF('Standard Profiles'!$G$18=$B$10,7,0)+IF('Standard Profiles'!$G$18=$B$17,14,0)+IF('Standard Profiles'!$G$18=$B$24,21,0),MOD($C2328,24)+1)/SUM(INDEX($D$3:$AA$30,INDEX(Jesper!$R$2:$R$366,ROW(INDEX(Jesper!AH$2:AH$366,ROUNDDOWN($C2328/24,0)+1,1))-1)+IF('Standard Profiles'!$G$18=$B$10,7,0)+IF('Standard Profiles'!$G$18=$B$17,14,0)+IF('Standard Profiles'!$G$18=$B$24,21,0),0)),0)</f>
        <v>16.35561772063306</v>
      </c>
      <c r="E2328" cm="1">
        <f t="array" ref="E2328">IFERROR(INDEX(Jesper!AI$2:AI$366,ROUNDDOWN($C2328/24,0)+1,1)*INDEX($D$3:$AA$30,INDEX(Jesper!$R$2:$R$366,ROW(INDEX(Jesper!AI$2:AI$366,ROUNDDOWN($C2328/24,0)+1,1))-1)+IF('Standard Profiles'!$G$19=$B$10,7,0)+IF('Standard Profiles'!$G$19=$B$17,14,0)+IF('Standard Profiles'!$G$19=$B$24,21,0),MOD($C2328,24)+1)/SUM(INDEX($D$3:$AA$30,INDEX(Jesper!$R$2:$R$366,ROW(INDEX(Jesper!AI$2:AI$366,ROUNDDOWN($C2328/24,0)+1,1))-1)+IF('Standard Profiles'!$G$19=$B$10,7,0)+IF('Standard Profiles'!$G$19=$B$17,14,0)+IF('Standard Profiles'!$G$19=$B$24,21,0),0)),0)</f>
        <v>0</v>
      </c>
      <c r="F2328" cm="1">
        <f t="array" ref="F2328">IFERROR(INDEX(Jesper!AJ$2:AJ$366,ROUNDDOWN($C2328/24,0)+1,1)*INDEX($D$3:$AA$30,INDEX(Jesper!$R$2:$R$366,ROW(INDEX(Jesper!AJ$2:AJ$366,ROUNDDOWN($C2328/24,0)+1,1))-1)+IF('Standard Profiles'!$G$20=$B$10,7,0)+IF('Standard Profiles'!$G$20=$B$17,14,0)+IF('Standard Profiles'!$G$20=$B$24,21,0),MOD($C2328,24)+1)/SUM(INDEX($D$3:$AA$30,INDEX(Jesper!$R$2:$R$366,ROW(INDEX(Jesper!AJ$2:AJ$366,ROUNDDOWN($C2328/24,0)+1,1))-1)+IF('Standard Profiles'!$G$20=$B$10,7,0)+IF('Standard Profiles'!$G$20=$B$17,14,0)+IF('Standard Profiles'!$G$20=$B$24,21,0),0)),0)</f>
        <v>0</v>
      </c>
      <c r="G2328" cm="1">
        <f t="array" ref="G2328">IFERROR(INDEX(Jesper!AK$2:AK$366,ROUNDDOWN($C2328/24,0)+1,1)*INDEX($D$3:$AA$30,INDEX(Jesper!$R$2:$R$366,ROW(INDEX(Jesper!AK$2:AK$366,ROUNDDOWN($C2328/24,0)+1,1))-1)+IF('Standard Profiles'!$G$21=$B$10,7,0)+IF('Standard Profiles'!$G$21=$B$17,14,0)+IF('Standard Profiles'!$G$21=$B$24,21,0),MOD($C2328,24)+1)/SUM(INDEX($D$3:$AA$30,INDEX(Jesper!$R$2:$R$366,ROW(INDEX(Jesper!AK$2:AK$366,ROUNDDOWN($C2328/24,0)+1,1))-1)+IF('Standard Profiles'!$G$21=$B$10,7,0)+IF('Standard Profiles'!$G$21=$B$17,14,0)+IF('Standard Profiles'!$G$21=$B$24,21,0),0)),0)</f>
        <v>0</v>
      </c>
      <c r="H2328" cm="1">
        <f t="array" ref="H2328">IFERROR(INDEX(Jesper!AL$2:AL$366,ROUNDDOWN($C2328/24,0)+1,1)*INDEX($D$3:$AA$30,INDEX(Jesper!$R$2:$R$366,ROW(INDEX(Jesper!AL$2:AL$366,ROUNDDOWN($C2328/24,0)+1,1))-1)+IF('Standard Profiles'!$G$22=$B$10,7,0)+IF('Standard Profiles'!$G$22=$B$17,14,0)+IF('Standard Profiles'!$G$22=$B$24,21,0),MOD($C2328,24)+1)/SUM(INDEX($D$3:$AA$30,INDEX(Jesper!$R$2:$R$366,ROW(INDEX(Jesper!AL$2:AL$366,ROUNDDOWN($C2328/24,0)+1,1))-1)+IF('Standard Profiles'!$G$22=$B$10,7,0)+IF('Standard Profiles'!$G$22=$B$17,14,0)+IF('Standard Profiles'!$G$22=$B$24,21,0),0)),0)</f>
        <v>0</v>
      </c>
      <c r="I2328">
        <f t="shared" si="265"/>
        <v>0.49066853161899177</v>
      </c>
      <c r="J2328">
        <f t="shared" si="266"/>
        <v>1.635561772063306</v>
      </c>
      <c r="K2328">
        <f t="shared" si="267"/>
        <v>2.4533426580949587</v>
      </c>
      <c r="L2328">
        <f t="shared" si="268"/>
        <v>11.776044758855802</v>
      </c>
      <c r="M2328">
        <f t="shared" si="269"/>
        <v>0</v>
      </c>
      <c r="N2328" s="46">
        <f t="shared" si="270"/>
        <v>45387.58333332777</v>
      </c>
    </row>
    <row r="2329" spans="2:14" x14ac:dyDescent="0.3">
      <c r="B2329">
        <f t="shared" si="264"/>
        <v>5</v>
      </c>
      <c r="C2329" s="16">
        <v>2295</v>
      </c>
      <c r="D2329" cm="1">
        <f t="array" ref="D2329">IFERROR(INDEX(Jesper!AH$2:AH$366,ROUNDDOWN($C2329/24,0)+1,1)*INDEX($D$3:$AA$30,INDEX(Jesper!$R$2:$R$366,ROW(INDEX(Jesper!AH$2:AH$366,ROUNDDOWN($C2329/24,0)+1,1))-1)+IF('Standard Profiles'!$G$18=$B$10,7,0)+IF('Standard Profiles'!$G$18=$B$17,14,0)+IF('Standard Profiles'!$G$18=$B$24,21,0),MOD($C2329,24)+1)/SUM(INDEX($D$3:$AA$30,INDEX(Jesper!$R$2:$R$366,ROW(INDEX(Jesper!AH$2:AH$366,ROUNDDOWN($C2329/24,0)+1,1))-1)+IF('Standard Profiles'!$G$18=$B$10,7,0)+IF('Standard Profiles'!$G$18=$B$17,14,0)+IF('Standard Profiles'!$G$18=$B$24,21,0),0)),0)</f>
        <v>13.629681433860885</v>
      </c>
      <c r="E2329" cm="1">
        <f t="array" ref="E2329">IFERROR(INDEX(Jesper!AI$2:AI$366,ROUNDDOWN($C2329/24,0)+1,1)*INDEX($D$3:$AA$30,INDEX(Jesper!$R$2:$R$366,ROW(INDEX(Jesper!AI$2:AI$366,ROUNDDOWN($C2329/24,0)+1,1))-1)+IF('Standard Profiles'!$G$19=$B$10,7,0)+IF('Standard Profiles'!$G$19=$B$17,14,0)+IF('Standard Profiles'!$G$19=$B$24,21,0),MOD($C2329,24)+1)/SUM(INDEX($D$3:$AA$30,INDEX(Jesper!$R$2:$R$366,ROW(INDEX(Jesper!AI$2:AI$366,ROUNDDOWN($C2329/24,0)+1,1))-1)+IF('Standard Profiles'!$G$19=$B$10,7,0)+IF('Standard Profiles'!$G$19=$B$17,14,0)+IF('Standard Profiles'!$G$19=$B$24,21,0),0)),0)</f>
        <v>0</v>
      </c>
      <c r="F2329" cm="1">
        <f t="array" ref="F2329">IFERROR(INDEX(Jesper!AJ$2:AJ$366,ROUNDDOWN($C2329/24,0)+1,1)*INDEX($D$3:$AA$30,INDEX(Jesper!$R$2:$R$366,ROW(INDEX(Jesper!AJ$2:AJ$366,ROUNDDOWN($C2329/24,0)+1,1))-1)+IF('Standard Profiles'!$G$20=$B$10,7,0)+IF('Standard Profiles'!$G$20=$B$17,14,0)+IF('Standard Profiles'!$G$20=$B$24,21,0),MOD($C2329,24)+1)/SUM(INDEX($D$3:$AA$30,INDEX(Jesper!$R$2:$R$366,ROW(INDEX(Jesper!AJ$2:AJ$366,ROUNDDOWN($C2329/24,0)+1,1))-1)+IF('Standard Profiles'!$G$20=$B$10,7,0)+IF('Standard Profiles'!$G$20=$B$17,14,0)+IF('Standard Profiles'!$G$20=$B$24,21,0),0)),0)</f>
        <v>0</v>
      </c>
      <c r="G2329" cm="1">
        <f t="array" ref="G2329">IFERROR(INDEX(Jesper!AK$2:AK$366,ROUNDDOWN($C2329/24,0)+1,1)*INDEX($D$3:$AA$30,INDEX(Jesper!$R$2:$R$366,ROW(INDEX(Jesper!AK$2:AK$366,ROUNDDOWN($C2329/24,0)+1,1))-1)+IF('Standard Profiles'!$G$21=$B$10,7,0)+IF('Standard Profiles'!$G$21=$B$17,14,0)+IF('Standard Profiles'!$G$21=$B$24,21,0),MOD($C2329,24)+1)/SUM(INDEX($D$3:$AA$30,INDEX(Jesper!$R$2:$R$366,ROW(INDEX(Jesper!AK$2:AK$366,ROUNDDOWN($C2329/24,0)+1,1))-1)+IF('Standard Profiles'!$G$21=$B$10,7,0)+IF('Standard Profiles'!$G$21=$B$17,14,0)+IF('Standard Profiles'!$G$21=$B$24,21,0),0)),0)</f>
        <v>0</v>
      </c>
      <c r="H2329" cm="1">
        <f t="array" ref="H2329">IFERROR(INDEX(Jesper!AL$2:AL$366,ROUNDDOWN($C2329/24,0)+1,1)*INDEX($D$3:$AA$30,INDEX(Jesper!$R$2:$R$366,ROW(INDEX(Jesper!AL$2:AL$366,ROUNDDOWN($C2329/24,0)+1,1))-1)+IF('Standard Profiles'!$G$22=$B$10,7,0)+IF('Standard Profiles'!$G$22=$B$17,14,0)+IF('Standard Profiles'!$G$22=$B$24,21,0),MOD($C2329,24)+1)/SUM(INDEX($D$3:$AA$30,INDEX(Jesper!$R$2:$R$366,ROW(INDEX(Jesper!AL$2:AL$366,ROUNDDOWN($C2329/24,0)+1,1))-1)+IF('Standard Profiles'!$G$22=$B$10,7,0)+IF('Standard Profiles'!$G$22=$B$17,14,0)+IF('Standard Profiles'!$G$22=$B$24,21,0),0)),0)</f>
        <v>0</v>
      </c>
      <c r="I2329">
        <f t="shared" si="265"/>
        <v>0.4088904430158265</v>
      </c>
      <c r="J2329">
        <f t="shared" si="266"/>
        <v>1.3629681433860885</v>
      </c>
      <c r="K2329">
        <f t="shared" si="267"/>
        <v>2.0444522150791324</v>
      </c>
      <c r="L2329">
        <f t="shared" si="268"/>
        <v>9.8133706323798364</v>
      </c>
      <c r="M2329">
        <f t="shared" si="269"/>
        <v>0</v>
      </c>
      <c r="N2329" s="46">
        <f t="shared" si="270"/>
        <v>45387.624999994434</v>
      </c>
    </row>
    <row r="2330" spans="2:14" x14ac:dyDescent="0.3">
      <c r="B2330">
        <f t="shared" si="264"/>
        <v>5</v>
      </c>
      <c r="C2330" s="16">
        <v>2296</v>
      </c>
      <c r="D2330" cm="1">
        <f t="array" ref="D2330">IFERROR(INDEX(Jesper!AH$2:AH$366,ROUNDDOWN($C2330/24,0)+1,1)*INDEX($D$3:$AA$30,INDEX(Jesper!$R$2:$R$366,ROW(INDEX(Jesper!AH$2:AH$366,ROUNDDOWN($C2330/24,0)+1,1))-1)+IF('Standard Profiles'!$G$18=$B$10,7,0)+IF('Standard Profiles'!$G$18=$B$17,14,0)+IF('Standard Profiles'!$G$18=$B$24,21,0),MOD($C2330,24)+1)/SUM(INDEX($D$3:$AA$30,INDEX(Jesper!$R$2:$R$366,ROW(INDEX(Jesper!AH$2:AH$366,ROUNDDOWN($C2330/24,0)+1,1))-1)+IF('Standard Profiles'!$G$18=$B$10,7,0)+IF('Standard Profiles'!$G$18=$B$17,14,0)+IF('Standard Profiles'!$G$18=$B$24,21,0),0)),0)</f>
        <v>12.902765090721637</v>
      </c>
      <c r="E2330" cm="1">
        <f t="array" ref="E2330">IFERROR(INDEX(Jesper!AI$2:AI$366,ROUNDDOWN($C2330/24,0)+1,1)*INDEX($D$3:$AA$30,INDEX(Jesper!$R$2:$R$366,ROW(INDEX(Jesper!AI$2:AI$366,ROUNDDOWN($C2330/24,0)+1,1))-1)+IF('Standard Profiles'!$G$19=$B$10,7,0)+IF('Standard Profiles'!$G$19=$B$17,14,0)+IF('Standard Profiles'!$G$19=$B$24,21,0),MOD($C2330,24)+1)/SUM(INDEX($D$3:$AA$30,INDEX(Jesper!$R$2:$R$366,ROW(INDEX(Jesper!AI$2:AI$366,ROUNDDOWN($C2330/24,0)+1,1))-1)+IF('Standard Profiles'!$G$19=$B$10,7,0)+IF('Standard Profiles'!$G$19=$B$17,14,0)+IF('Standard Profiles'!$G$19=$B$24,21,0),0)),0)</f>
        <v>0</v>
      </c>
      <c r="F2330" cm="1">
        <f t="array" ref="F2330">IFERROR(INDEX(Jesper!AJ$2:AJ$366,ROUNDDOWN($C2330/24,0)+1,1)*INDEX($D$3:$AA$30,INDEX(Jesper!$R$2:$R$366,ROW(INDEX(Jesper!AJ$2:AJ$366,ROUNDDOWN($C2330/24,0)+1,1))-1)+IF('Standard Profiles'!$G$20=$B$10,7,0)+IF('Standard Profiles'!$G$20=$B$17,14,0)+IF('Standard Profiles'!$G$20=$B$24,21,0),MOD($C2330,24)+1)/SUM(INDEX($D$3:$AA$30,INDEX(Jesper!$R$2:$R$366,ROW(INDEX(Jesper!AJ$2:AJ$366,ROUNDDOWN($C2330/24,0)+1,1))-1)+IF('Standard Profiles'!$G$20=$B$10,7,0)+IF('Standard Profiles'!$G$20=$B$17,14,0)+IF('Standard Profiles'!$G$20=$B$24,21,0),0)),0)</f>
        <v>0</v>
      </c>
      <c r="G2330" cm="1">
        <f t="array" ref="G2330">IFERROR(INDEX(Jesper!AK$2:AK$366,ROUNDDOWN($C2330/24,0)+1,1)*INDEX($D$3:$AA$30,INDEX(Jesper!$R$2:$R$366,ROW(INDEX(Jesper!AK$2:AK$366,ROUNDDOWN($C2330/24,0)+1,1))-1)+IF('Standard Profiles'!$G$21=$B$10,7,0)+IF('Standard Profiles'!$G$21=$B$17,14,0)+IF('Standard Profiles'!$G$21=$B$24,21,0),MOD($C2330,24)+1)/SUM(INDEX($D$3:$AA$30,INDEX(Jesper!$R$2:$R$366,ROW(INDEX(Jesper!AK$2:AK$366,ROUNDDOWN($C2330/24,0)+1,1))-1)+IF('Standard Profiles'!$G$21=$B$10,7,0)+IF('Standard Profiles'!$G$21=$B$17,14,0)+IF('Standard Profiles'!$G$21=$B$24,21,0),0)),0)</f>
        <v>0</v>
      </c>
      <c r="H2330" cm="1">
        <f t="array" ref="H2330">IFERROR(INDEX(Jesper!AL$2:AL$366,ROUNDDOWN($C2330/24,0)+1,1)*INDEX($D$3:$AA$30,INDEX(Jesper!$R$2:$R$366,ROW(INDEX(Jesper!AL$2:AL$366,ROUNDDOWN($C2330/24,0)+1,1))-1)+IF('Standard Profiles'!$G$22=$B$10,7,0)+IF('Standard Profiles'!$G$22=$B$17,14,0)+IF('Standard Profiles'!$G$22=$B$24,21,0),MOD($C2330,24)+1)/SUM(INDEX($D$3:$AA$30,INDEX(Jesper!$R$2:$R$366,ROW(INDEX(Jesper!AL$2:AL$366,ROUNDDOWN($C2330/24,0)+1,1))-1)+IF('Standard Profiles'!$G$22=$B$10,7,0)+IF('Standard Profiles'!$G$22=$B$17,14,0)+IF('Standard Profiles'!$G$22=$B$24,21,0),0)),0)</f>
        <v>0</v>
      </c>
      <c r="I2330">
        <f t="shared" si="265"/>
        <v>0.38708295272164911</v>
      </c>
      <c r="J2330">
        <f t="shared" si="266"/>
        <v>1.2902765090721637</v>
      </c>
      <c r="K2330">
        <f t="shared" si="267"/>
        <v>1.9354147636082455</v>
      </c>
      <c r="L2330">
        <f t="shared" si="268"/>
        <v>9.2899908653195791</v>
      </c>
      <c r="M2330">
        <f t="shared" si="269"/>
        <v>0</v>
      </c>
      <c r="N2330" s="46">
        <f t="shared" si="270"/>
        <v>45387.666666661098</v>
      </c>
    </row>
    <row r="2331" spans="2:14" x14ac:dyDescent="0.3">
      <c r="B2331">
        <f t="shared" si="264"/>
        <v>5</v>
      </c>
      <c r="C2331" s="16">
        <v>2297</v>
      </c>
      <c r="D2331" cm="1">
        <f t="array" ref="D2331">IFERROR(INDEX(Jesper!AH$2:AH$366,ROUNDDOWN($C2331/24,0)+1,1)*INDEX($D$3:$AA$30,INDEX(Jesper!$R$2:$R$366,ROW(INDEX(Jesper!AH$2:AH$366,ROUNDDOWN($C2331/24,0)+1,1))-1)+IF('Standard Profiles'!$G$18=$B$10,7,0)+IF('Standard Profiles'!$G$18=$B$17,14,0)+IF('Standard Profiles'!$G$18=$B$24,21,0),MOD($C2331,24)+1)/SUM(INDEX($D$3:$AA$30,INDEX(Jesper!$R$2:$R$366,ROW(INDEX(Jesper!AH$2:AH$366,ROUNDDOWN($C2331/24,0)+1,1))-1)+IF('Standard Profiles'!$G$18=$B$10,7,0)+IF('Standard Profiles'!$G$18=$B$17,14,0)+IF('Standard Profiles'!$G$18=$B$24,21,0),0)),0)</f>
        <v>12.902765090721637</v>
      </c>
      <c r="E2331" cm="1">
        <f t="array" ref="E2331">IFERROR(INDEX(Jesper!AI$2:AI$366,ROUNDDOWN($C2331/24,0)+1,1)*INDEX($D$3:$AA$30,INDEX(Jesper!$R$2:$R$366,ROW(INDEX(Jesper!AI$2:AI$366,ROUNDDOWN($C2331/24,0)+1,1))-1)+IF('Standard Profiles'!$G$19=$B$10,7,0)+IF('Standard Profiles'!$G$19=$B$17,14,0)+IF('Standard Profiles'!$G$19=$B$24,21,0),MOD($C2331,24)+1)/SUM(INDEX($D$3:$AA$30,INDEX(Jesper!$R$2:$R$366,ROW(INDEX(Jesper!AI$2:AI$366,ROUNDDOWN($C2331/24,0)+1,1))-1)+IF('Standard Profiles'!$G$19=$B$10,7,0)+IF('Standard Profiles'!$G$19=$B$17,14,0)+IF('Standard Profiles'!$G$19=$B$24,21,0),0)),0)</f>
        <v>0</v>
      </c>
      <c r="F2331" cm="1">
        <f t="array" ref="F2331">IFERROR(INDEX(Jesper!AJ$2:AJ$366,ROUNDDOWN($C2331/24,0)+1,1)*INDEX($D$3:$AA$30,INDEX(Jesper!$R$2:$R$366,ROW(INDEX(Jesper!AJ$2:AJ$366,ROUNDDOWN($C2331/24,0)+1,1))-1)+IF('Standard Profiles'!$G$20=$B$10,7,0)+IF('Standard Profiles'!$G$20=$B$17,14,0)+IF('Standard Profiles'!$G$20=$B$24,21,0),MOD($C2331,24)+1)/SUM(INDEX($D$3:$AA$30,INDEX(Jesper!$R$2:$R$366,ROW(INDEX(Jesper!AJ$2:AJ$366,ROUNDDOWN($C2331/24,0)+1,1))-1)+IF('Standard Profiles'!$G$20=$B$10,7,0)+IF('Standard Profiles'!$G$20=$B$17,14,0)+IF('Standard Profiles'!$G$20=$B$24,21,0),0)),0)</f>
        <v>0</v>
      </c>
      <c r="G2331" cm="1">
        <f t="array" ref="G2331">IFERROR(INDEX(Jesper!AK$2:AK$366,ROUNDDOWN($C2331/24,0)+1,1)*INDEX($D$3:$AA$30,INDEX(Jesper!$R$2:$R$366,ROW(INDEX(Jesper!AK$2:AK$366,ROUNDDOWN($C2331/24,0)+1,1))-1)+IF('Standard Profiles'!$G$21=$B$10,7,0)+IF('Standard Profiles'!$G$21=$B$17,14,0)+IF('Standard Profiles'!$G$21=$B$24,21,0),MOD($C2331,24)+1)/SUM(INDEX($D$3:$AA$30,INDEX(Jesper!$R$2:$R$366,ROW(INDEX(Jesper!AK$2:AK$366,ROUNDDOWN($C2331/24,0)+1,1))-1)+IF('Standard Profiles'!$G$21=$B$10,7,0)+IF('Standard Profiles'!$G$21=$B$17,14,0)+IF('Standard Profiles'!$G$21=$B$24,21,0),0)),0)</f>
        <v>0</v>
      </c>
      <c r="H2331" cm="1">
        <f t="array" ref="H2331">IFERROR(INDEX(Jesper!AL$2:AL$366,ROUNDDOWN($C2331/24,0)+1,1)*INDEX($D$3:$AA$30,INDEX(Jesper!$R$2:$R$366,ROW(INDEX(Jesper!AL$2:AL$366,ROUNDDOWN($C2331/24,0)+1,1))-1)+IF('Standard Profiles'!$G$22=$B$10,7,0)+IF('Standard Profiles'!$G$22=$B$17,14,0)+IF('Standard Profiles'!$G$22=$B$24,21,0),MOD($C2331,24)+1)/SUM(INDEX($D$3:$AA$30,INDEX(Jesper!$R$2:$R$366,ROW(INDEX(Jesper!AL$2:AL$366,ROUNDDOWN($C2331/24,0)+1,1))-1)+IF('Standard Profiles'!$G$22=$B$10,7,0)+IF('Standard Profiles'!$G$22=$B$17,14,0)+IF('Standard Profiles'!$G$22=$B$24,21,0),0)),0)</f>
        <v>0</v>
      </c>
      <c r="I2331">
        <f t="shared" si="265"/>
        <v>0.38708295272164911</v>
      </c>
      <c r="J2331">
        <f t="shared" si="266"/>
        <v>1.2902765090721637</v>
      </c>
      <c r="K2331">
        <f t="shared" si="267"/>
        <v>1.9354147636082455</v>
      </c>
      <c r="L2331">
        <f t="shared" si="268"/>
        <v>9.2899908653195791</v>
      </c>
      <c r="M2331">
        <f t="shared" si="269"/>
        <v>0</v>
      </c>
      <c r="N2331" s="46">
        <f t="shared" si="270"/>
        <v>45387.708333327762</v>
      </c>
    </row>
    <row r="2332" spans="2:14" x14ac:dyDescent="0.3">
      <c r="B2332">
        <f t="shared" si="264"/>
        <v>5</v>
      </c>
      <c r="C2332" s="16">
        <v>2298</v>
      </c>
      <c r="D2332" cm="1">
        <f t="array" ref="D2332">IFERROR(INDEX(Jesper!AH$2:AH$366,ROUNDDOWN($C2332/24,0)+1,1)*INDEX($D$3:$AA$30,INDEX(Jesper!$R$2:$R$366,ROW(INDEX(Jesper!AH$2:AH$366,ROUNDDOWN($C2332/24,0)+1,1))-1)+IF('Standard Profiles'!$G$18=$B$10,7,0)+IF('Standard Profiles'!$G$18=$B$17,14,0)+IF('Standard Profiles'!$G$18=$B$24,21,0),MOD($C2332,24)+1)/SUM(INDEX($D$3:$AA$30,INDEX(Jesper!$R$2:$R$366,ROW(INDEX(Jesper!AH$2:AH$366,ROUNDDOWN($C2332/24,0)+1,1))-1)+IF('Standard Profiles'!$G$18=$B$10,7,0)+IF('Standard Profiles'!$G$18=$B$17,14,0)+IF('Standard Profiles'!$G$18=$B$24,21,0),0)),0)</f>
        <v>12.902765090721637</v>
      </c>
      <c r="E2332" cm="1">
        <f t="array" ref="E2332">IFERROR(INDEX(Jesper!AI$2:AI$366,ROUNDDOWN($C2332/24,0)+1,1)*INDEX($D$3:$AA$30,INDEX(Jesper!$R$2:$R$366,ROW(INDEX(Jesper!AI$2:AI$366,ROUNDDOWN($C2332/24,0)+1,1))-1)+IF('Standard Profiles'!$G$19=$B$10,7,0)+IF('Standard Profiles'!$G$19=$B$17,14,0)+IF('Standard Profiles'!$G$19=$B$24,21,0),MOD($C2332,24)+1)/SUM(INDEX($D$3:$AA$30,INDEX(Jesper!$R$2:$R$366,ROW(INDEX(Jesper!AI$2:AI$366,ROUNDDOWN($C2332/24,0)+1,1))-1)+IF('Standard Profiles'!$G$19=$B$10,7,0)+IF('Standard Profiles'!$G$19=$B$17,14,0)+IF('Standard Profiles'!$G$19=$B$24,21,0),0)),0)</f>
        <v>0</v>
      </c>
      <c r="F2332" cm="1">
        <f t="array" ref="F2332">IFERROR(INDEX(Jesper!AJ$2:AJ$366,ROUNDDOWN($C2332/24,0)+1,1)*INDEX($D$3:$AA$30,INDEX(Jesper!$R$2:$R$366,ROW(INDEX(Jesper!AJ$2:AJ$366,ROUNDDOWN($C2332/24,0)+1,1))-1)+IF('Standard Profiles'!$G$20=$B$10,7,0)+IF('Standard Profiles'!$G$20=$B$17,14,0)+IF('Standard Profiles'!$G$20=$B$24,21,0),MOD($C2332,24)+1)/SUM(INDEX($D$3:$AA$30,INDEX(Jesper!$R$2:$R$366,ROW(INDEX(Jesper!AJ$2:AJ$366,ROUNDDOWN($C2332/24,0)+1,1))-1)+IF('Standard Profiles'!$G$20=$B$10,7,0)+IF('Standard Profiles'!$G$20=$B$17,14,0)+IF('Standard Profiles'!$G$20=$B$24,21,0),0)),0)</f>
        <v>0</v>
      </c>
      <c r="G2332" cm="1">
        <f t="array" ref="G2332">IFERROR(INDEX(Jesper!AK$2:AK$366,ROUNDDOWN($C2332/24,0)+1,1)*INDEX($D$3:$AA$30,INDEX(Jesper!$R$2:$R$366,ROW(INDEX(Jesper!AK$2:AK$366,ROUNDDOWN($C2332/24,0)+1,1))-1)+IF('Standard Profiles'!$G$21=$B$10,7,0)+IF('Standard Profiles'!$G$21=$B$17,14,0)+IF('Standard Profiles'!$G$21=$B$24,21,0),MOD($C2332,24)+1)/SUM(INDEX($D$3:$AA$30,INDEX(Jesper!$R$2:$R$366,ROW(INDEX(Jesper!AK$2:AK$366,ROUNDDOWN($C2332/24,0)+1,1))-1)+IF('Standard Profiles'!$G$21=$B$10,7,0)+IF('Standard Profiles'!$G$21=$B$17,14,0)+IF('Standard Profiles'!$G$21=$B$24,21,0),0)),0)</f>
        <v>0</v>
      </c>
      <c r="H2332" cm="1">
        <f t="array" ref="H2332">IFERROR(INDEX(Jesper!AL$2:AL$366,ROUNDDOWN($C2332/24,0)+1,1)*INDEX($D$3:$AA$30,INDEX(Jesper!$R$2:$R$366,ROW(INDEX(Jesper!AL$2:AL$366,ROUNDDOWN($C2332/24,0)+1,1))-1)+IF('Standard Profiles'!$G$22=$B$10,7,0)+IF('Standard Profiles'!$G$22=$B$17,14,0)+IF('Standard Profiles'!$G$22=$B$24,21,0),MOD($C2332,24)+1)/SUM(INDEX($D$3:$AA$30,INDEX(Jesper!$R$2:$R$366,ROW(INDEX(Jesper!AL$2:AL$366,ROUNDDOWN($C2332/24,0)+1,1))-1)+IF('Standard Profiles'!$G$22=$B$10,7,0)+IF('Standard Profiles'!$G$22=$B$17,14,0)+IF('Standard Profiles'!$G$22=$B$24,21,0),0)),0)</f>
        <v>0</v>
      </c>
      <c r="I2332">
        <f t="shared" si="265"/>
        <v>0.38708295272164911</v>
      </c>
      <c r="J2332">
        <f t="shared" si="266"/>
        <v>1.2902765090721637</v>
      </c>
      <c r="K2332">
        <f t="shared" si="267"/>
        <v>1.9354147636082455</v>
      </c>
      <c r="L2332">
        <f t="shared" si="268"/>
        <v>9.2899908653195791</v>
      </c>
      <c r="M2332">
        <f t="shared" si="269"/>
        <v>0</v>
      </c>
      <c r="N2332" s="46">
        <f t="shared" si="270"/>
        <v>45387.749999994427</v>
      </c>
    </row>
    <row r="2333" spans="2:14" x14ac:dyDescent="0.3">
      <c r="B2333">
        <f t="shared" si="264"/>
        <v>5</v>
      </c>
      <c r="C2333" s="16">
        <v>2299</v>
      </c>
      <c r="D2333" cm="1">
        <f t="array" ref="D2333">IFERROR(INDEX(Jesper!AH$2:AH$366,ROUNDDOWN($C2333/24,0)+1,1)*INDEX($D$3:$AA$30,INDEX(Jesper!$R$2:$R$366,ROW(INDEX(Jesper!AH$2:AH$366,ROUNDDOWN($C2333/24,0)+1,1))-1)+IF('Standard Profiles'!$G$18=$B$10,7,0)+IF('Standard Profiles'!$G$18=$B$17,14,0)+IF('Standard Profiles'!$G$18=$B$24,21,0),MOD($C2333,24)+1)/SUM(INDEX($D$3:$AA$30,INDEX(Jesper!$R$2:$R$366,ROW(INDEX(Jesper!AH$2:AH$366,ROUNDDOWN($C2333/24,0)+1,1))-1)+IF('Standard Profiles'!$G$18=$B$10,7,0)+IF('Standard Profiles'!$G$18=$B$17,14,0)+IF('Standard Profiles'!$G$18=$B$24,21,0),0)),0)</f>
        <v>12.902765090721637</v>
      </c>
      <c r="E2333" cm="1">
        <f t="array" ref="E2333">IFERROR(INDEX(Jesper!AI$2:AI$366,ROUNDDOWN($C2333/24,0)+1,1)*INDEX($D$3:$AA$30,INDEX(Jesper!$R$2:$R$366,ROW(INDEX(Jesper!AI$2:AI$366,ROUNDDOWN($C2333/24,0)+1,1))-1)+IF('Standard Profiles'!$G$19=$B$10,7,0)+IF('Standard Profiles'!$G$19=$B$17,14,0)+IF('Standard Profiles'!$G$19=$B$24,21,0),MOD($C2333,24)+1)/SUM(INDEX($D$3:$AA$30,INDEX(Jesper!$R$2:$R$366,ROW(INDEX(Jesper!AI$2:AI$366,ROUNDDOWN($C2333/24,0)+1,1))-1)+IF('Standard Profiles'!$G$19=$B$10,7,0)+IF('Standard Profiles'!$G$19=$B$17,14,0)+IF('Standard Profiles'!$G$19=$B$24,21,0),0)),0)</f>
        <v>0</v>
      </c>
      <c r="F2333" cm="1">
        <f t="array" ref="F2333">IFERROR(INDEX(Jesper!AJ$2:AJ$366,ROUNDDOWN($C2333/24,0)+1,1)*INDEX($D$3:$AA$30,INDEX(Jesper!$R$2:$R$366,ROW(INDEX(Jesper!AJ$2:AJ$366,ROUNDDOWN($C2333/24,0)+1,1))-1)+IF('Standard Profiles'!$G$20=$B$10,7,0)+IF('Standard Profiles'!$G$20=$B$17,14,0)+IF('Standard Profiles'!$G$20=$B$24,21,0),MOD($C2333,24)+1)/SUM(INDEX($D$3:$AA$30,INDEX(Jesper!$R$2:$R$366,ROW(INDEX(Jesper!AJ$2:AJ$366,ROUNDDOWN($C2333/24,0)+1,1))-1)+IF('Standard Profiles'!$G$20=$B$10,7,0)+IF('Standard Profiles'!$G$20=$B$17,14,0)+IF('Standard Profiles'!$G$20=$B$24,21,0),0)),0)</f>
        <v>0</v>
      </c>
      <c r="G2333" cm="1">
        <f t="array" ref="G2333">IFERROR(INDEX(Jesper!AK$2:AK$366,ROUNDDOWN($C2333/24,0)+1,1)*INDEX($D$3:$AA$30,INDEX(Jesper!$R$2:$R$366,ROW(INDEX(Jesper!AK$2:AK$366,ROUNDDOWN($C2333/24,0)+1,1))-1)+IF('Standard Profiles'!$G$21=$B$10,7,0)+IF('Standard Profiles'!$G$21=$B$17,14,0)+IF('Standard Profiles'!$G$21=$B$24,21,0),MOD($C2333,24)+1)/SUM(INDEX($D$3:$AA$30,INDEX(Jesper!$R$2:$R$366,ROW(INDEX(Jesper!AK$2:AK$366,ROUNDDOWN($C2333/24,0)+1,1))-1)+IF('Standard Profiles'!$G$21=$B$10,7,0)+IF('Standard Profiles'!$G$21=$B$17,14,0)+IF('Standard Profiles'!$G$21=$B$24,21,0),0)),0)</f>
        <v>0</v>
      </c>
      <c r="H2333" cm="1">
        <f t="array" ref="H2333">IFERROR(INDEX(Jesper!AL$2:AL$366,ROUNDDOWN($C2333/24,0)+1,1)*INDEX($D$3:$AA$30,INDEX(Jesper!$R$2:$R$366,ROW(INDEX(Jesper!AL$2:AL$366,ROUNDDOWN($C2333/24,0)+1,1))-1)+IF('Standard Profiles'!$G$22=$B$10,7,0)+IF('Standard Profiles'!$G$22=$B$17,14,0)+IF('Standard Profiles'!$G$22=$B$24,21,0),MOD($C2333,24)+1)/SUM(INDEX($D$3:$AA$30,INDEX(Jesper!$R$2:$R$366,ROW(INDEX(Jesper!AL$2:AL$366,ROUNDDOWN($C2333/24,0)+1,1))-1)+IF('Standard Profiles'!$G$22=$B$10,7,0)+IF('Standard Profiles'!$G$22=$B$17,14,0)+IF('Standard Profiles'!$G$22=$B$24,21,0),0)),0)</f>
        <v>0</v>
      </c>
      <c r="I2333">
        <f t="shared" si="265"/>
        <v>0.38708295272164911</v>
      </c>
      <c r="J2333">
        <f t="shared" si="266"/>
        <v>1.2902765090721637</v>
      </c>
      <c r="K2333">
        <f t="shared" si="267"/>
        <v>1.9354147636082455</v>
      </c>
      <c r="L2333">
        <f t="shared" si="268"/>
        <v>9.2899908653195791</v>
      </c>
      <c r="M2333">
        <f t="shared" si="269"/>
        <v>0</v>
      </c>
      <c r="N2333" s="46">
        <f t="shared" si="270"/>
        <v>45387.791666661091</v>
      </c>
    </row>
    <row r="2334" spans="2:14" x14ac:dyDescent="0.3">
      <c r="B2334">
        <f t="shared" si="264"/>
        <v>5</v>
      </c>
      <c r="C2334" s="16">
        <v>2300</v>
      </c>
      <c r="D2334" cm="1">
        <f t="array" ref="D2334">IFERROR(INDEX(Jesper!AH$2:AH$366,ROUNDDOWN($C2334/24,0)+1,1)*INDEX($D$3:$AA$30,INDEX(Jesper!$R$2:$R$366,ROW(INDEX(Jesper!AH$2:AH$366,ROUNDDOWN($C2334/24,0)+1,1))-1)+IF('Standard Profiles'!$G$18=$B$10,7,0)+IF('Standard Profiles'!$G$18=$B$17,14,0)+IF('Standard Profiles'!$G$18=$B$24,21,0),MOD($C2334,24)+1)/SUM(INDEX($D$3:$AA$30,INDEX(Jesper!$R$2:$R$366,ROW(INDEX(Jesper!AH$2:AH$366,ROUNDDOWN($C2334/24,0)+1,1))-1)+IF('Standard Profiles'!$G$18=$B$10,7,0)+IF('Standard Profiles'!$G$18=$B$17,14,0)+IF('Standard Profiles'!$G$18=$B$24,21,0),0)),0)</f>
        <v>9.9950997181646475</v>
      </c>
      <c r="E2334" cm="1">
        <f t="array" ref="E2334">IFERROR(INDEX(Jesper!AI$2:AI$366,ROUNDDOWN($C2334/24,0)+1,1)*INDEX($D$3:$AA$30,INDEX(Jesper!$R$2:$R$366,ROW(INDEX(Jesper!AI$2:AI$366,ROUNDDOWN($C2334/24,0)+1,1))-1)+IF('Standard Profiles'!$G$19=$B$10,7,0)+IF('Standard Profiles'!$G$19=$B$17,14,0)+IF('Standard Profiles'!$G$19=$B$24,21,0),MOD($C2334,24)+1)/SUM(INDEX($D$3:$AA$30,INDEX(Jesper!$R$2:$R$366,ROW(INDEX(Jesper!AI$2:AI$366,ROUNDDOWN($C2334/24,0)+1,1))-1)+IF('Standard Profiles'!$G$19=$B$10,7,0)+IF('Standard Profiles'!$G$19=$B$17,14,0)+IF('Standard Profiles'!$G$19=$B$24,21,0),0)),0)</f>
        <v>0</v>
      </c>
      <c r="F2334" cm="1">
        <f t="array" ref="F2334">IFERROR(INDEX(Jesper!AJ$2:AJ$366,ROUNDDOWN($C2334/24,0)+1,1)*INDEX($D$3:$AA$30,INDEX(Jesper!$R$2:$R$366,ROW(INDEX(Jesper!AJ$2:AJ$366,ROUNDDOWN($C2334/24,0)+1,1))-1)+IF('Standard Profiles'!$G$20=$B$10,7,0)+IF('Standard Profiles'!$G$20=$B$17,14,0)+IF('Standard Profiles'!$G$20=$B$24,21,0),MOD($C2334,24)+1)/SUM(INDEX($D$3:$AA$30,INDEX(Jesper!$R$2:$R$366,ROW(INDEX(Jesper!AJ$2:AJ$366,ROUNDDOWN($C2334/24,0)+1,1))-1)+IF('Standard Profiles'!$G$20=$B$10,7,0)+IF('Standard Profiles'!$G$20=$B$17,14,0)+IF('Standard Profiles'!$G$20=$B$24,21,0),0)),0)</f>
        <v>0</v>
      </c>
      <c r="G2334" cm="1">
        <f t="array" ref="G2334">IFERROR(INDEX(Jesper!AK$2:AK$366,ROUNDDOWN($C2334/24,0)+1,1)*INDEX($D$3:$AA$30,INDEX(Jesper!$R$2:$R$366,ROW(INDEX(Jesper!AK$2:AK$366,ROUNDDOWN($C2334/24,0)+1,1))-1)+IF('Standard Profiles'!$G$21=$B$10,7,0)+IF('Standard Profiles'!$G$21=$B$17,14,0)+IF('Standard Profiles'!$G$21=$B$24,21,0),MOD($C2334,24)+1)/SUM(INDEX($D$3:$AA$30,INDEX(Jesper!$R$2:$R$366,ROW(INDEX(Jesper!AK$2:AK$366,ROUNDDOWN($C2334/24,0)+1,1))-1)+IF('Standard Profiles'!$G$21=$B$10,7,0)+IF('Standard Profiles'!$G$21=$B$17,14,0)+IF('Standard Profiles'!$G$21=$B$24,21,0),0)),0)</f>
        <v>0</v>
      </c>
      <c r="H2334" cm="1">
        <f t="array" ref="H2334">IFERROR(INDEX(Jesper!AL$2:AL$366,ROUNDDOWN($C2334/24,0)+1,1)*INDEX($D$3:$AA$30,INDEX(Jesper!$R$2:$R$366,ROW(INDEX(Jesper!AL$2:AL$366,ROUNDDOWN($C2334/24,0)+1,1))-1)+IF('Standard Profiles'!$G$22=$B$10,7,0)+IF('Standard Profiles'!$G$22=$B$17,14,0)+IF('Standard Profiles'!$G$22=$B$24,21,0),MOD($C2334,24)+1)/SUM(INDEX($D$3:$AA$30,INDEX(Jesper!$R$2:$R$366,ROW(INDEX(Jesper!AL$2:AL$366,ROUNDDOWN($C2334/24,0)+1,1))-1)+IF('Standard Profiles'!$G$22=$B$10,7,0)+IF('Standard Profiles'!$G$22=$B$17,14,0)+IF('Standard Profiles'!$G$22=$B$24,21,0),0)),0)</f>
        <v>0</v>
      </c>
      <c r="I2334">
        <f t="shared" si="265"/>
        <v>0.29985299154493944</v>
      </c>
      <c r="J2334">
        <f t="shared" si="266"/>
        <v>0.99950997181646484</v>
      </c>
      <c r="K2334">
        <f t="shared" si="267"/>
        <v>1.499264957724697</v>
      </c>
      <c r="L2334">
        <f t="shared" si="268"/>
        <v>7.1964717970785461</v>
      </c>
      <c r="M2334">
        <f t="shared" si="269"/>
        <v>0</v>
      </c>
      <c r="N2334" s="46">
        <f t="shared" si="270"/>
        <v>45387.833333327755</v>
      </c>
    </row>
    <row r="2335" spans="2:14" x14ac:dyDescent="0.3">
      <c r="B2335">
        <f t="shared" si="264"/>
        <v>5</v>
      </c>
      <c r="C2335" s="16">
        <v>2301</v>
      </c>
      <c r="D2335" cm="1">
        <f t="array" ref="D2335">IFERROR(INDEX(Jesper!AH$2:AH$366,ROUNDDOWN($C2335/24,0)+1,1)*INDEX($D$3:$AA$30,INDEX(Jesper!$R$2:$R$366,ROW(INDEX(Jesper!AH$2:AH$366,ROUNDDOWN($C2335/24,0)+1,1))-1)+IF('Standard Profiles'!$G$18=$B$10,7,0)+IF('Standard Profiles'!$G$18=$B$17,14,0)+IF('Standard Profiles'!$G$18=$B$24,21,0),MOD($C2335,24)+1)/SUM(INDEX($D$3:$AA$30,INDEX(Jesper!$R$2:$R$366,ROW(INDEX(Jesper!AH$2:AH$366,ROUNDDOWN($C2335/24,0)+1,1))-1)+IF('Standard Profiles'!$G$18=$B$10,7,0)+IF('Standard Profiles'!$G$18=$B$17,14,0)+IF('Standard Profiles'!$G$18=$B$24,21,0),0)),0)</f>
        <v>3.816310801481047</v>
      </c>
      <c r="E2335" cm="1">
        <f t="array" ref="E2335">IFERROR(INDEX(Jesper!AI$2:AI$366,ROUNDDOWN($C2335/24,0)+1,1)*INDEX($D$3:$AA$30,INDEX(Jesper!$R$2:$R$366,ROW(INDEX(Jesper!AI$2:AI$366,ROUNDDOWN($C2335/24,0)+1,1))-1)+IF('Standard Profiles'!$G$19=$B$10,7,0)+IF('Standard Profiles'!$G$19=$B$17,14,0)+IF('Standard Profiles'!$G$19=$B$24,21,0),MOD($C2335,24)+1)/SUM(INDEX($D$3:$AA$30,INDEX(Jesper!$R$2:$R$366,ROW(INDEX(Jesper!AI$2:AI$366,ROUNDDOWN($C2335/24,0)+1,1))-1)+IF('Standard Profiles'!$G$19=$B$10,7,0)+IF('Standard Profiles'!$G$19=$B$17,14,0)+IF('Standard Profiles'!$G$19=$B$24,21,0),0)),0)</f>
        <v>0</v>
      </c>
      <c r="F2335" cm="1">
        <f t="array" ref="F2335">IFERROR(INDEX(Jesper!AJ$2:AJ$366,ROUNDDOWN($C2335/24,0)+1,1)*INDEX($D$3:$AA$30,INDEX(Jesper!$R$2:$R$366,ROW(INDEX(Jesper!AJ$2:AJ$366,ROUNDDOWN($C2335/24,0)+1,1))-1)+IF('Standard Profiles'!$G$20=$B$10,7,0)+IF('Standard Profiles'!$G$20=$B$17,14,0)+IF('Standard Profiles'!$G$20=$B$24,21,0),MOD($C2335,24)+1)/SUM(INDEX($D$3:$AA$30,INDEX(Jesper!$R$2:$R$366,ROW(INDEX(Jesper!AJ$2:AJ$366,ROUNDDOWN($C2335/24,0)+1,1))-1)+IF('Standard Profiles'!$G$20=$B$10,7,0)+IF('Standard Profiles'!$G$20=$B$17,14,0)+IF('Standard Profiles'!$G$20=$B$24,21,0),0)),0)</f>
        <v>0</v>
      </c>
      <c r="G2335" cm="1">
        <f t="array" ref="G2335">IFERROR(INDEX(Jesper!AK$2:AK$366,ROUNDDOWN($C2335/24,0)+1,1)*INDEX($D$3:$AA$30,INDEX(Jesper!$R$2:$R$366,ROW(INDEX(Jesper!AK$2:AK$366,ROUNDDOWN($C2335/24,0)+1,1))-1)+IF('Standard Profiles'!$G$21=$B$10,7,0)+IF('Standard Profiles'!$G$21=$B$17,14,0)+IF('Standard Profiles'!$G$21=$B$24,21,0),MOD($C2335,24)+1)/SUM(INDEX($D$3:$AA$30,INDEX(Jesper!$R$2:$R$366,ROW(INDEX(Jesper!AK$2:AK$366,ROUNDDOWN($C2335/24,0)+1,1))-1)+IF('Standard Profiles'!$G$21=$B$10,7,0)+IF('Standard Profiles'!$G$21=$B$17,14,0)+IF('Standard Profiles'!$G$21=$B$24,21,0),0)),0)</f>
        <v>0</v>
      </c>
      <c r="H2335" cm="1">
        <f t="array" ref="H2335">IFERROR(INDEX(Jesper!AL$2:AL$366,ROUNDDOWN($C2335/24,0)+1,1)*INDEX($D$3:$AA$30,INDEX(Jesper!$R$2:$R$366,ROW(INDEX(Jesper!AL$2:AL$366,ROUNDDOWN($C2335/24,0)+1,1))-1)+IF('Standard Profiles'!$G$22=$B$10,7,0)+IF('Standard Profiles'!$G$22=$B$17,14,0)+IF('Standard Profiles'!$G$22=$B$24,21,0),MOD($C2335,24)+1)/SUM(INDEX($D$3:$AA$30,INDEX(Jesper!$R$2:$R$366,ROW(INDEX(Jesper!AL$2:AL$366,ROUNDDOWN($C2335/24,0)+1,1))-1)+IF('Standard Profiles'!$G$22=$B$10,7,0)+IF('Standard Profiles'!$G$22=$B$17,14,0)+IF('Standard Profiles'!$G$22=$B$24,21,0),0)),0)</f>
        <v>0</v>
      </c>
      <c r="I2335">
        <f t="shared" si="265"/>
        <v>0.11448932404443141</v>
      </c>
      <c r="J2335">
        <f t="shared" si="266"/>
        <v>0.38163108014810471</v>
      </c>
      <c r="K2335">
        <f t="shared" si="267"/>
        <v>0.57244662022215698</v>
      </c>
      <c r="L2335">
        <f t="shared" si="268"/>
        <v>2.7477437770663538</v>
      </c>
      <c r="M2335">
        <f t="shared" si="269"/>
        <v>0</v>
      </c>
      <c r="N2335" s="46">
        <f t="shared" si="270"/>
        <v>45387.874999994419</v>
      </c>
    </row>
    <row r="2336" spans="2:14" x14ac:dyDescent="0.3">
      <c r="B2336">
        <f t="shared" si="264"/>
        <v>5</v>
      </c>
      <c r="C2336" s="16">
        <v>2302</v>
      </c>
      <c r="D2336" cm="1">
        <f t="array" ref="D2336">IFERROR(INDEX(Jesper!AH$2:AH$366,ROUNDDOWN($C2336/24,0)+1,1)*INDEX($D$3:$AA$30,INDEX(Jesper!$R$2:$R$366,ROW(INDEX(Jesper!AH$2:AH$366,ROUNDDOWN($C2336/24,0)+1,1))-1)+IF('Standard Profiles'!$G$18=$B$10,7,0)+IF('Standard Profiles'!$G$18=$B$17,14,0)+IF('Standard Profiles'!$G$18=$B$24,21,0),MOD($C2336,24)+1)/SUM(INDEX($D$3:$AA$30,INDEX(Jesper!$R$2:$R$366,ROW(INDEX(Jesper!AH$2:AH$366,ROUNDDOWN($C2336/24,0)+1,1))-1)+IF('Standard Profiles'!$G$18=$B$10,7,0)+IF('Standard Profiles'!$G$18=$B$17,14,0)+IF('Standard Profiles'!$G$18=$B$24,21,0),0)),0)</f>
        <v>3.816310801481047</v>
      </c>
      <c r="E2336" cm="1">
        <f t="array" ref="E2336">IFERROR(INDEX(Jesper!AI$2:AI$366,ROUNDDOWN($C2336/24,0)+1,1)*INDEX($D$3:$AA$30,INDEX(Jesper!$R$2:$R$366,ROW(INDEX(Jesper!AI$2:AI$366,ROUNDDOWN($C2336/24,0)+1,1))-1)+IF('Standard Profiles'!$G$19=$B$10,7,0)+IF('Standard Profiles'!$G$19=$B$17,14,0)+IF('Standard Profiles'!$G$19=$B$24,21,0),MOD($C2336,24)+1)/SUM(INDEX($D$3:$AA$30,INDEX(Jesper!$R$2:$R$366,ROW(INDEX(Jesper!AI$2:AI$366,ROUNDDOWN($C2336/24,0)+1,1))-1)+IF('Standard Profiles'!$G$19=$B$10,7,0)+IF('Standard Profiles'!$G$19=$B$17,14,0)+IF('Standard Profiles'!$G$19=$B$24,21,0),0)),0)</f>
        <v>0</v>
      </c>
      <c r="F2336" cm="1">
        <f t="array" ref="F2336">IFERROR(INDEX(Jesper!AJ$2:AJ$366,ROUNDDOWN($C2336/24,0)+1,1)*INDEX($D$3:$AA$30,INDEX(Jesper!$R$2:$R$366,ROW(INDEX(Jesper!AJ$2:AJ$366,ROUNDDOWN($C2336/24,0)+1,1))-1)+IF('Standard Profiles'!$G$20=$B$10,7,0)+IF('Standard Profiles'!$G$20=$B$17,14,0)+IF('Standard Profiles'!$G$20=$B$24,21,0),MOD($C2336,24)+1)/SUM(INDEX($D$3:$AA$30,INDEX(Jesper!$R$2:$R$366,ROW(INDEX(Jesper!AJ$2:AJ$366,ROUNDDOWN($C2336/24,0)+1,1))-1)+IF('Standard Profiles'!$G$20=$B$10,7,0)+IF('Standard Profiles'!$G$20=$B$17,14,0)+IF('Standard Profiles'!$G$20=$B$24,21,0),0)),0)</f>
        <v>0</v>
      </c>
      <c r="G2336" cm="1">
        <f t="array" ref="G2336">IFERROR(INDEX(Jesper!AK$2:AK$366,ROUNDDOWN($C2336/24,0)+1,1)*INDEX($D$3:$AA$30,INDEX(Jesper!$R$2:$R$366,ROW(INDEX(Jesper!AK$2:AK$366,ROUNDDOWN($C2336/24,0)+1,1))-1)+IF('Standard Profiles'!$G$21=$B$10,7,0)+IF('Standard Profiles'!$G$21=$B$17,14,0)+IF('Standard Profiles'!$G$21=$B$24,21,0),MOD($C2336,24)+1)/SUM(INDEX($D$3:$AA$30,INDEX(Jesper!$R$2:$R$366,ROW(INDEX(Jesper!AK$2:AK$366,ROUNDDOWN($C2336/24,0)+1,1))-1)+IF('Standard Profiles'!$G$21=$B$10,7,0)+IF('Standard Profiles'!$G$21=$B$17,14,0)+IF('Standard Profiles'!$G$21=$B$24,21,0),0)),0)</f>
        <v>0</v>
      </c>
      <c r="H2336" cm="1">
        <f t="array" ref="H2336">IFERROR(INDEX(Jesper!AL$2:AL$366,ROUNDDOWN($C2336/24,0)+1,1)*INDEX($D$3:$AA$30,INDEX(Jesper!$R$2:$R$366,ROW(INDEX(Jesper!AL$2:AL$366,ROUNDDOWN($C2336/24,0)+1,1))-1)+IF('Standard Profiles'!$G$22=$B$10,7,0)+IF('Standard Profiles'!$G$22=$B$17,14,0)+IF('Standard Profiles'!$G$22=$B$24,21,0),MOD($C2336,24)+1)/SUM(INDEX($D$3:$AA$30,INDEX(Jesper!$R$2:$R$366,ROW(INDEX(Jesper!AL$2:AL$366,ROUNDDOWN($C2336/24,0)+1,1))-1)+IF('Standard Profiles'!$G$22=$B$10,7,0)+IF('Standard Profiles'!$G$22=$B$17,14,0)+IF('Standard Profiles'!$G$22=$B$24,21,0),0)),0)</f>
        <v>0</v>
      </c>
      <c r="I2336">
        <f t="shared" si="265"/>
        <v>0.11448932404443141</v>
      </c>
      <c r="J2336">
        <f t="shared" si="266"/>
        <v>0.38163108014810471</v>
      </c>
      <c r="K2336">
        <f t="shared" si="267"/>
        <v>0.57244662022215698</v>
      </c>
      <c r="L2336">
        <f t="shared" si="268"/>
        <v>2.7477437770663538</v>
      </c>
      <c r="M2336">
        <f t="shared" si="269"/>
        <v>0</v>
      </c>
      <c r="N2336" s="46">
        <f t="shared" si="270"/>
        <v>45387.916666661084</v>
      </c>
    </row>
    <row r="2337" spans="2:14" x14ac:dyDescent="0.3">
      <c r="B2337">
        <f t="shared" si="264"/>
        <v>5</v>
      </c>
      <c r="C2337" s="16">
        <v>2303</v>
      </c>
      <c r="D2337" cm="1">
        <f t="array" ref="D2337">IFERROR(INDEX(Jesper!AH$2:AH$366,ROUNDDOWN($C2337/24,0)+1,1)*INDEX($D$3:$AA$30,INDEX(Jesper!$R$2:$R$366,ROW(INDEX(Jesper!AH$2:AH$366,ROUNDDOWN($C2337/24,0)+1,1))-1)+IF('Standard Profiles'!$G$18=$B$10,7,0)+IF('Standard Profiles'!$G$18=$B$17,14,0)+IF('Standard Profiles'!$G$18=$B$24,21,0),MOD($C2337,24)+1)/SUM(INDEX($D$3:$AA$30,INDEX(Jesper!$R$2:$R$366,ROW(INDEX(Jesper!AH$2:AH$366,ROUNDDOWN($C2337/24,0)+1,1))-1)+IF('Standard Profiles'!$G$18=$B$10,7,0)+IF('Standard Profiles'!$G$18=$B$17,14,0)+IF('Standard Profiles'!$G$18=$B$24,21,0),0)),0)</f>
        <v>3.816310801481047</v>
      </c>
      <c r="E2337" cm="1">
        <f t="array" ref="E2337">IFERROR(INDEX(Jesper!AI$2:AI$366,ROUNDDOWN($C2337/24,0)+1,1)*INDEX($D$3:$AA$30,INDEX(Jesper!$R$2:$R$366,ROW(INDEX(Jesper!AI$2:AI$366,ROUNDDOWN($C2337/24,0)+1,1))-1)+IF('Standard Profiles'!$G$19=$B$10,7,0)+IF('Standard Profiles'!$G$19=$B$17,14,0)+IF('Standard Profiles'!$G$19=$B$24,21,0),MOD($C2337,24)+1)/SUM(INDEX($D$3:$AA$30,INDEX(Jesper!$R$2:$R$366,ROW(INDEX(Jesper!AI$2:AI$366,ROUNDDOWN($C2337/24,0)+1,1))-1)+IF('Standard Profiles'!$G$19=$B$10,7,0)+IF('Standard Profiles'!$G$19=$B$17,14,0)+IF('Standard Profiles'!$G$19=$B$24,21,0),0)),0)</f>
        <v>0</v>
      </c>
      <c r="F2337" cm="1">
        <f t="array" ref="F2337">IFERROR(INDEX(Jesper!AJ$2:AJ$366,ROUNDDOWN($C2337/24,0)+1,1)*INDEX($D$3:$AA$30,INDEX(Jesper!$R$2:$R$366,ROW(INDEX(Jesper!AJ$2:AJ$366,ROUNDDOWN($C2337/24,0)+1,1))-1)+IF('Standard Profiles'!$G$20=$B$10,7,0)+IF('Standard Profiles'!$G$20=$B$17,14,0)+IF('Standard Profiles'!$G$20=$B$24,21,0),MOD($C2337,24)+1)/SUM(INDEX($D$3:$AA$30,INDEX(Jesper!$R$2:$R$366,ROW(INDEX(Jesper!AJ$2:AJ$366,ROUNDDOWN($C2337/24,0)+1,1))-1)+IF('Standard Profiles'!$G$20=$B$10,7,0)+IF('Standard Profiles'!$G$20=$B$17,14,0)+IF('Standard Profiles'!$G$20=$B$24,21,0),0)),0)</f>
        <v>0</v>
      </c>
      <c r="G2337" cm="1">
        <f t="array" ref="G2337">IFERROR(INDEX(Jesper!AK$2:AK$366,ROUNDDOWN($C2337/24,0)+1,1)*INDEX($D$3:$AA$30,INDEX(Jesper!$R$2:$R$366,ROW(INDEX(Jesper!AK$2:AK$366,ROUNDDOWN($C2337/24,0)+1,1))-1)+IF('Standard Profiles'!$G$21=$B$10,7,0)+IF('Standard Profiles'!$G$21=$B$17,14,0)+IF('Standard Profiles'!$G$21=$B$24,21,0),MOD($C2337,24)+1)/SUM(INDEX($D$3:$AA$30,INDEX(Jesper!$R$2:$R$366,ROW(INDEX(Jesper!AK$2:AK$366,ROUNDDOWN($C2337/24,0)+1,1))-1)+IF('Standard Profiles'!$G$21=$B$10,7,0)+IF('Standard Profiles'!$G$21=$B$17,14,0)+IF('Standard Profiles'!$G$21=$B$24,21,0),0)),0)</f>
        <v>0</v>
      </c>
      <c r="H2337" cm="1">
        <f t="array" ref="H2337">IFERROR(INDEX(Jesper!AL$2:AL$366,ROUNDDOWN($C2337/24,0)+1,1)*INDEX($D$3:$AA$30,INDEX(Jesper!$R$2:$R$366,ROW(INDEX(Jesper!AL$2:AL$366,ROUNDDOWN($C2337/24,0)+1,1))-1)+IF('Standard Profiles'!$G$22=$B$10,7,0)+IF('Standard Profiles'!$G$22=$B$17,14,0)+IF('Standard Profiles'!$G$22=$B$24,21,0),MOD($C2337,24)+1)/SUM(INDEX($D$3:$AA$30,INDEX(Jesper!$R$2:$R$366,ROW(INDEX(Jesper!AL$2:AL$366,ROUNDDOWN($C2337/24,0)+1,1))-1)+IF('Standard Profiles'!$G$22=$B$10,7,0)+IF('Standard Profiles'!$G$22=$B$17,14,0)+IF('Standard Profiles'!$G$22=$B$24,21,0),0)),0)</f>
        <v>0</v>
      </c>
      <c r="I2337">
        <f t="shared" si="265"/>
        <v>0.11448932404443141</v>
      </c>
      <c r="J2337">
        <f t="shared" si="266"/>
        <v>0.38163108014810471</v>
      </c>
      <c r="K2337">
        <f t="shared" si="267"/>
        <v>0.57244662022215698</v>
      </c>
      <c r="L2337">
        <f t="shared" si="268"/>
        <v>2.7477437770663538</v>
      </c>
      <c r="M2337">
        <f t="shared" si="269"/>
        <v>0</v>
      </c>
      <c r="N2337" s="46">
        <f t="shared" si="270"/>
        <v>45387.958333327748</v>
      </c>
    </row>
    <row r="2338" spans="2:14" x14ac:dyDescent="0.3">
      <c r="B2338">
        <f t="shared" si="264"/>
        <v>6</v>
      </c>
      <c r="C2338" s="16">
        <v>2304</v>
      </c>
      <c r="D2338" cm="1">
        <f t="array" ref="D2338">IFERROR(INDEX(Jesper!AH$2:AH$366,ROUNDDOWN($C2338/24,0)+1,1)*INDEX($D$3:$AA$30,INDEX(Jesper!$R$2:$R$366,ROW(INDEX(Jesper!AH$2:AH$366,ROUNDDOWN($C2338/24,0)+1,1))-1)+IF('Standard Profiles'!$G$18=$B$10,7,0)+IF('Standard Profiles'!$G$18=$B$17,14,0)+IF('Standard Profiles'!$G$18=$B$24,21,0),MOD($C2338,24)+1)/SUM(INDEX($D$3:$AA$30,INDEX(Jesper!$R$2:$R$366,ROW(INDEX(Jesper!AH$2:AH$366,ROUNDDOWN($C2338/24,0)+1,1))-1)+IF('Standard Profiles'!$G$18=$B$10,7,0)+IF('Standard Profiles'!$G$18=$B$17,14,0)+IF('Standard Profiles'!$G$18=$B$24,21,0),0)),0)</f>
        <v>4.028196720502466</v>
      </c>
      <c r="E2338" cm="1">
        <f t="array" ref="E2338">IFERROR(INDEX(Jesper!AI$2:AI$366,ROUNDDOWN($C2338/24,0)+1,1)*INDEX($D$3:$AA$30,INDEX(Jesper!$R$2:$R$366,ROW(INDEX(Jesper!AI$2:AI$366,ROUNDDOWN($C2338/24,0)+1,1))-1)+IF('Standard Profiles'!$G$19=$B$10,7,0)+IF('Standard Profiles'!$G$19=$B$17,14,0)+IF('Standard Profiles'!$G$19=$B$24,21,0),MOD($C2338,24)+1)/SUM(INDEX($D$3:$AA$30,INDEX(Jesper!$R$2:$R$366,ROW(INDEX(Jesper!AI$2:AI$366,ROUNDDOWN($C2338/24,0)+1,1))-1)+IF('Standard Profiles'!$G$19=$B$10,7,0)+IF('Standard Profiles'!$G$19=$B$17,14,0)+IF('Standard Profiles'!$G$19=$B$24,21,0),0)),0)</f>
        <v>0.84410901404039729</v>
      </c>
      <c r="F2338" cm="1">
        <f t="array" ref="F2338">IFERROR(INDEX(Jesper!AJ$2:AJ$366,ROUNDDOWN($C2338/24,0)+1,1)*INDEX($D$3:$AA$30,INDEX(Jesper!$R$2:$R$366,ROW(INDEX(Jesper!AJ$2:AJ$366,ROUNDDOWN($C2338/24,0)+1,1))-1)+IF('Standard Profiles'!$G$20=$B$10,7,0)+IF('Standard Profiles'!$G$20=$B$17,14,0)+IF('Standard Profiles'!$G$20=$B$24,21,0),MOD($C2338,24)+1)/SUM(INDEX($D$3:$AA$30,INDEX(Jesper!$R$2:$R$366,ROW(INDEX(Jesper!AJ$2:AJ$366,ROUNDDOWN($C2338/24,0)+1,1))-1)+IF('Standard Profiles'!$G$20=$B$10,7,0)+IF('Standard Profiles'!$G$20=$B$17,14,0)+IF('Standard Profiles'!$G$20=$B$24,21,0),0)),0)</f>
        <v>0</v>
      </c>
      <c r="G2338" cm="1">
        <f t="array" ref="G2338">IFERROR(INDEX(Jesper!AK$2:AK$366,ROUNDDOWN($C2338/24,0)+1,1)*INDEX($D$3:$AA$30,INDEX(Jesper!$R$2:$R$366,ROW(INDEX(Jesper!AK$2:AK$366,ROUNDDOWN($C2338/24,0)+1,1))-1)+IF('Standard Profiles'!$G$21=$B$10,7,0)+IF('Standard Profiles'!$G$21=$B$17,14,0)+IF('Standard Profiles'!$G$21=$B$24,21,0),MOD($C2338,24)+1)/SUM(INDEX($D$3:$AA$30,INDEX(Jesper!$R$2:$R$366,ROW(INDEX(Jesper!AK$2:AK$366,ROUNDDOWN($C2338/24,0)+1,1))-1)+IF('Standard Profiles'!$G$21=$B$10,7,0)+IF('Standard Profiles'!$G$21=$B$17,14,0)+IF('Standard Profiles'!$G$21=$B$24,21,0),0)),0)</f>
        <v>0</v>
      </c>
      <c r="H2338" cm="1">
        <f t="array" ref="H2338">IFERROR(INDEX(Jesper!AL$2:AL$366,ROUNDDOWN($C2338/24,0)+1,1)*INDEX($D$3:$AA$30,INDEX(Jesper!$R$2:$R$366,ROW(INDEX(Jesper!AL$2:AL$366,ROUNDDOWN($C2338/24,0)+1,1))-1)+IF('Standard Profiles'!$G$22=$B$10,7,0)+IF('Standard Profiles'!$G$22=$B$17,14,0)+IF('Standard Profiles'!$G$22=$B$24,21,0),MOD($C2338,24)+1)/SUM(INDEX($D$3:$AA$30,INDEX(Jesper!$R$2:$R$366,ROW(INDEX(Jesper!AL$2:AL$366,ROUNDDOWN($C2338/24,0)+1,1))-1)+IF('Standard Profiles'!$G$22=$B$10,7,0)+IF('Standard Profiles'!$G$22=$B$17,14,0)+IF('Standard Profiles'!$G$22=$B$24,21,0),0)),0)</f>
        <v>0</v>
      </c>
      <c r="I2338">
        <f t="shared" si="265"/>
        <v>7.6045857120756538E-2</v>
      </c>
      <c r="J2338">
        <f t="shared" si="266"/>
        <v>0.25348619040252179</v>
      </c>
      <c r="K2338">
        <f t="shared" si="267"/>
        <v>0.38022928560378272</v>
      </c>
      <c r="L2338">
        <f t="shared" si="268"/>
        <v>4.1625444014158024</v>
      </c>
      <c r="M2338">
        <f t="shared" si="269"/>
        <v>0</v>
      </c>
      <c r="N2338" s="46">
        <f t="shared" si="270"/>
        <v>45387.999999994412</v>
      </c>
    </row>
    <row r="2339" spans="2:14" x14ac:dyDescent="0.3">
      <c r="B2339">
        <f t="shared" ref="B2339:B2402" si="271">WEEKDAY(N2339,2)</f>
        <v>6</v>
      </c>
      <c r="C2339" s="16">
        <v>2305</v>
      </c>
      <c r="D2339" cm="1">
        <f t="array" ref="D2339">IFERROR(INDEX(Jesper!AH$2:AH$366,ROUNDDOWN($C2339/24,0)+1,1)*INDEX($D$3:$AA$30,INDEX(Jesper!$R$2:$R$366,ROW(INDEX(Jesper!AH$2:AH$366,ROUNDDOWN($C2339/24,0)+1,1))-1)+IF('Standard Profiles'!$G$18=$B$10,7,0)+IF('Standard Profiles'!$G$18=$B$17,14,0)+IF('Standard Profiles'!$G$18=$B$24,21,0),MOD($C2339,24)+1)/SUM(INDEX($D$3:$AA$30,INDEX(Jesper!$R$2:$R$366,ROW(INDEX(Jesper!AH$2:AH$366,ROUNDDOWN($C2339/24,0)+1,1))-1)+IF('Standard Profiles'!$G$18=$B$10,7,0)+IF('Standard Profiles'!$G$18=$B$17,14,0)+IF('Standard Profiles'!$G$18=$B$24,21,0),0)),0)</f>
        <v>7.8645745495524348</v>
      </c>
      <c r="E2339" cm="1">
        <f t="array" ref="E2339">IFERROR(INDEX(Jesper!AI$2:AI$366,ROUNDDOWN($C2339/24,0)+1,1)*INDEX($D$3:$AA$30,INDEX(Jesper!$R$2:$R$366,ROW(INDEX(Jesper!AI$2:AI$366,ROUNDDOWN($C2339/24,0)+1,1))-1)+IF('Standard Profiles'!$G$19=$B$10,7,0)+IF('Standard Profiles'!$G$19=$B$17,14,0)+IF('Standard Profiles'!$G$19=$B$24,21,0),MOD($C2339,24)+1)/SUM(INDEX($D$3:$AA$30,INDEX(Jesper!$R$2:$R$366,ROW(INDEX(Jesper!AI$2:AI$366,ROUNDDOWN($C2339/24,0)+1,1))-1)+IF('Standard Profiles'!$G$19=$B$10,7,0)+IF('Standard Profiles'!$G$19=$B$17,14,0)+IF('Standard Profiles'!$G$19=$B$24,21,0),0)),0)</f>
        <v>1.6480223607455378</v>
      </c>
      <c r="F2339" cm="1">
        <f t="array" ref="F2339">IFERROR(INDEX(Jesper!AJ$2:AJ$366,ROUNDDOWN($C2339/24,0)+1,1)*INDEX($D$3:$AA$30,INDEX(Jesper!$R$2:$R$366,ROW(INDEX(Jesper!AJ$2:AJ$366,ROUNDDOWN($C2339/24,0)+1,1))-1)+IF('Standard Profiles'!$G$20=$B$10,7,0)+IF('Standard Profiles'!$G$20=$B$17,14,0)+IF('Standard Profiles'!$G$20=$B$24,21,0),MOD($C2339,24)+1)/SUM(INDEX($D$3:$AA$30,INDEX(Jesper!$R$2:$R$366,ROW(INDEX(Jesper!AJ$2:AJ$366,ROUNDDOWN($C2339/24,0)+1,1))-1)+IF('Standard Profiles'!$G$20=$B$10,7,0)+IF('Standard Profiles'!$G$20=$B$17,14,0)+IF('Standard Profiles'!$G$20=$B$24,21,0),0)),0)</f>
        <v>0</v>
      </c>
      <c r="G2339" cm="1">
        <f t="array" ref="G2339">IFERROR(INDEX(Jesper!AK$2:AK$366,ROUNDDOWN($C2339/24,0)+1,1)*INDEX($D$3:$AA$30,INDEX(Jesper!$R$2:$R$366,ROW(INDEX(Jesper!AK$2:AK$366,ROUNDDOWN($C2339/24,0)+1,1))-1)+IF('Standard Profiles'!$G$21=$B$10,7,0)+IF('Standard Profiles'!$G$21=$B$17,14,0)+IF('Standard Profiles'!$G$21=$B$24,21,0),MOD($C2339,24)+1)/SUM(INDEX($D$3:$AA$30,INDEX(Jesper!$R$2:$R$366,ROW(INDEX(Jesper!AK$2:AK$366,ROUNDDOWN($C2339/24,0)+1,1))-1)+IF('Standard Profiles'!$G$21=$B$10,7,0)+IF('Standard Profiles'!$G$21=$B$17,14,0)+IF('Standard Profiles'!$G$21=$B$24,21,0),0)),0)</f>
        <v>0</v>
      </c>
      <c r="H2339" cm="1">
        <f t="array" ref="H2339">IFERROR(INDEX(Jesper!AL$2:AL$366,ROUNDDOWN($C2339/24,0)+1,1)*INDEX($D$3:$AA$30,INDEX(Jesper!$R$2:$R$366,ROW(INDEX(Jesper!AL$2:AL$366,ROUNDDOWN($C2339/24,0)+1,1))-1)+IF('Standard Profiles'!$G$22=$B$10,7,0)+IF('Standard Profiles'!$G$22=$B$17,14,0)+IF('Standard Profiles'!$G$22=$B$24,21,0),MOD($C2339,24)+1)/SUM(INDEX($D$3:$AA$30,INDEX(Jesper!$R$2:$R$366,ROW(INDEX(Jesper!AL$2:AL$366,ROUNDDOWN($C2339/24,0)+1,1))-1)+IF('Standard Profiles'!$G$22=$B$10,7,0)+IF('Standard Profiles'!$G$22=$B$17,14,0)+IF('Standard Profiles'!$G$22=$B$24,21,0),0)),0)</f>
        <v>0</v>
      </c>
      <c r="I2339">
        <f t="shared" ref="I2339:I2402" si="272">IF($B2339&lt;6,AC$37*$D2339+AC$38*$E2339+AC$39*$F2339+AC$40*$G2339,AC$46*$D2339+AC$47*$E2339+AC$48*$F2339+AC$49*$G2339+AC$50*$H2339)</f>
        <v>0.1484704829500485</v>
      </c>
      <c r="J2339">
        <f t="shared" ref="J2339:J2402" si="273">IF($B2339&lt;6,AD$37*$D2339+AD$38*$E2339+AD$39*$F2339+AD$40*$G2339,AD$46*$D2339+AD$47*$E2339+AD$48*$F2339+AD$49*$G2339+AD$50*$H2339)</f>
        <v>0.49490160983349502</v>
      </c>
      <c r="K2339">
        <f t="shared" ref="K2339:K2402" si="274">IF($B2339&lt;6,AE$37*$D2339+AE$38*$E2339+AE$39*$F2339+AE$40*$G2339,AE$46*$D2339+AE$47*$E2339+AE$48*$F2339+AE$49*$G2339+AE$50*$H2339)</f>
        <v>0.7423524147502425</v>
      </c>
      <c r="L2339">
        <f t="shared" ref="L2339:L2402" si="275">IF($B2339&lt;6,AF$37*$D2339+AF$38*$E2339+AF$39*$F2339+AF$40*$G2339,AF$46*$D2339+AF$47*$E2339+AF$48*$F2339+AF$49*$G2339+AF$50*$H2339)</f>
        <v>8.126872402764187</v>
      </c>
      <c r="M2339">
        <f t="shared" ref="M2339:M2402" si="276">IF($B2339&lt;6,AG$37*$D2339+AG$38*$E2339+AG$39*$F2339+AG$40*$G2339,AG$46*$D2339+AG$47*$E2339+AG$48*$F2339+AG$49*$G2339+AG$50*$H2339)</f>
        <v>0</v>
      </c>
      <c r="N2339" s="46">
        <f t="shared" si="270"/>
        <v>45388.041666661076</v>
      </c>
    </row>
    <row r="2340" spans="2:14" x14ac:dyDescent="0.3">
      <c r="B2340">
        <f t="shared" si="271"/>
        <v>6</v>
      </c>
      <c r="C2340" s="16">
        <v>2306</v>
      </c>
      <c r="D2340" cm="1">
        <f t="array" ref="D2340">IFERROR(INDEX(Jesper!AH$2:AH$366,ROUNDDOWN($C2340/24,0)+1,1)*INDEX($D$3:$AA$30,INDEX(Jesper!$R$2:$R$366,ROW(INDEX(Jesper!AH$2:AH$366,ROUNDDOWN($C2340/24,0)+1,1))-1)+IF('Standard Profiles'!$G$18=$B$10,7,0)+IF('Standard Profiles'!$G$18=$B$17,14,0)+IF('Standard Profiles'!$G$18=$B$24,21,0),MOD($C2340,24)+1)/SUM(INDEX($D$3:$AA$30,INDEX(Jesper!$R$2:$R$366,ROW(INDEX(Jesper!AH$2:AH$366,ROUNDDOWN($C2340/24,0)+1,1))-1)+IF('Standard Profiles'!$G$18=$B$10,7,0)+IF('Standard Profiles'!$G$18=$B$17,14,0)+IF('Standard Profiles'!$G$18=$B$24,21,0),0)),0)</f>
        <v>7.8645745495524348</v>
      </c>
      <c r="E2340" cm="1">
        <f t="array" ref="E2340">IFERROR(INDEX(Jesper!AI$2:AI$366,ROUNDDOWN($C2340/24,0)+1,1)*INDEX($D$3:$AA$30,INDEX(Jesper!$R$2:$R$366,ROW(INDEX(Jesper!AI$2:AI$366,ROUNDDOWN($C2340/24,0)+1,1))-1)+IF('Standard Profiles'!$G$19=$B$10,7,0)+IF('Standard Profiles'!$G$19=$B$17,14,0)+IF('Standard Profiles'!$G$19=$B$24,21,0),MOD($C2340,24)+1)/SUM(INDEX($D$3:$AA$30,INDEX(Jesper!$R$2:$R$366,ROW(INDEX(Jesper!AI$2:AI$366,ROUNDDOWN($C2340/24,0)+1,1))-1)+IF('Standard Profiles'!$G$19=$B$10,7,0)+IF('Standard Profiles'!$G$19=$B$17,14,0)+IF('Standard Profiles'!$G$19=$B$24,21,0),0)),0)</f>
        <v>1.6480223607455378</v>
      </c>
      <c r="F2340" cm="1">
        <f t="array" ref="F2340">IFERROR(INDEX(Jesper!AJ$2:AJ$366,ROUNDDOWN($C2340/24,0)+1,1)*INDEX($D$3:$AA$30,INDEX(Jesper!$R$2:$R$366,ROW(INDEX(Jesper!AJ$2:AJ$366,ROUNDDOWN($C2340/24,0)+1,1))-1)+IF('Standard Profiles'!$G$20=$B$10,7,0)+IF('Standard Profiles'!$G$20=$B$17,14,0)+IF('Standard Profiles'!$G$20=$B$24,21,0),MOD($C2340,24)+1)/SUM(INDEX($D$3:$AA$30,INDEX(Jesper!$R$2:$R$366,ROW(INDEX(Jesper!AJ$2:AJ$366,ROUNDDOWN($C2340/24,0)+1,1))-1)+IF('Standard Profiles'!$G$20=$B$10,7,0)+IF('Standard Profiles'!$G$20=$B$17,14,0)+IF('Standard Profiles'!$G$20=$B$24,21,0),0)),0)</f>
        <v>0</v>
      </c>
      <c r="G2340" cm="1">
        <f t="array" ref="G2340">IFERROR(INDEX(Jesper!AK$2:AK$366,ROUNDDOWN($C2340/24,0)+1,1)*INDEX($D$3:$AA$30,INDEX(Jesper!$R$2:$R$366,ROW(INDEX(Jesper!AK$2:AK$366,ROUNDDOWN($C2340/24,0)+1,1))-1)+IF('Standard Profiles'!$G$21=$B$10,7,0)+IF('Standard Profiles'!$G$21=$B$17,14,0)+IF('Standard Profiles'!$G$21=$B$24,21,0),MOD($C2340,24)+1)/SUM(INDEX($D$3:$AA$30,INDEX(Jesper!$R$2:$R$366,ROW(INDEX(Jesper!AK$2:AK$366,ROUNDDOWN($C2340/24,0)+1,1))-1)+IF('Standard Profiles'!$G$21=$B$10,7,0)+IF('Standard Profiles'!$G$21=$B$17,14,0)+IF('Standard Profiles'!$G$21=$B$24,21,0),0)),0)</f>
        <v>0</v>
      </c>
      <c r="H2340" cm="1">
        <f t="array" ref="H2340">IFERROR(INDEX(Jesper!AL$2:AL$366,ROUNDDOWN($C2340/24,0)+1,1)*INDEX($D$3:$AA$30,INDEX(Jesper!$R$2:$R$366,ROW(INDEX(Jesper!AL$2:AL$366,ROUNDDOWN($C2340/24,0)+1,1))-1)+IF('Standard Profiles'!$G$22=$B$10,7,0)+IF('Standard Profiles'!$G$22=$B$17,14,0)+IF('Standard Profiles'!$G$22=$B$24,21,0),MOD($C2340,24)+1)/SUM(INDEX($D$3:$AA$30,INDEX(Jesper!$R$2:$R$366,ROW(INDEX(Jesper!AL$2:AL$366,ROUNDDOWN($C2340/24,0)+1,1))-1)+IF('Standard Profiles'!$G$22=$B$10,7,0)+IF('Standard Profiles'!$G$22=$B$17,14,0)+IF('Standard Profiles'!$G$22=$B$24,21,0),0)),0)</f>
        <v>0</v>
      </c>
      <c r="I2340">
        <f t="shared" si="272"/>
        <v>0.1484704829500485</v>
      </c>
      <c r="J2340">
        <f t="shared" si="273"/>
        <v>0.49490160983349502</v>
      </c>
      <c r="K2340">
        <f t="shared" si="274"/>
        <v>0.7423524147502425</v>
      </c>
      <c r="L2340">
        <f t="shared" si="275"/>
        <v>8.126872402764187</v>
      </c>
      <c r="M2340">
        <f t="shared" si="276"/>
        <v>0</v>
      </c>
      <c r="N2340" s="46">
        <f t="shared" ref="N2340:N2403" si="277">N2339+1/24</f>
        <v>45388.083333327741</v>
      </c>
    </row>
    <row r="2341" spans="2:14" x14ac:dyDescent="0.3">
      <c r="B2341">
        <f t="shared" si="271"/>
        <v>6</v>
      </c>
      <c r="C2341" s="16">
        <v>2307</v>
      </c>
      <c r="D2341" cm="1">
        <f t="array" ref="D2341">IFERROR(INDEX(Jesper!AH$2:AH$366,ROUNDDOWN($C2341/24,0)+1,1)*INDEX($D$3:$AA$30,INDEX(Jesper!$R$2:$R$366,ROW(INDEX(Jesper!AH$2:AH$366,ROUNDDOWN($C2341/24,0)+1,1))-1)+IF('Standard Profiles'!$G$18=$B$10,7,0)+IF('Standard Profiles'!$G$18=$B$17,14,0)+IF('Standard Profiles'!$G$18=$B$24,21,0),MOD($C2341,24)+1)/SUM(INDEX($D$3:$AA$30,INDEX(Jesper!$R$2:$R$366,ROW(INDEX(Jesper!AH$2:AH$366,ROUNDDOWN($C2341/24,0)+1,1))-1)+IF('Standard Profiles'!$G$18=$B$10,7,0)+IF('Standard Profiles'!$G$18=$B$17,14,0)+IF('Standard Profiles'!$G$18=$B$24,21,0),0)),0)</f>
        <v>7.8645745495524348</v>
      </c>
      <c r="E2341" cm="1">
        <f t="array" ref="E2341">IFERROR(INDEX(Jesper!AI$2:AI$366,ROUNDDOWN($C2341/24,0)+1,1)*INDEX($D$3:$AA$30,INDEX(Jesper!$R$2:$R$366,ROW(INDEX(Jesper!AI$2:AI$366,ROUNDDOWN($C2341/24,0)+1,1))-1)+IF('Standard Profiles'!$G$19=$B$10,7,0)+IF('Standard Profiles'!$G$19=$B$17,14,0)+IF('Standard Profiles'!$G$19=$B$24,21,0),MOD($C2341,24)+1)/SUM(INDEX($D$3:$AA$30,INDEX(Jesper!$R$2:$R$366,ROW(INDEX(Jesper!AI$2:AI$366,ROUNDDOWN($C2341/24,0)+1,1))-1)+IF('Standard Profiles'!$G$19=$B$10,7,0)+IF('Standard Profiles'!$G$19=$B$17,14,0)+IF('Standard Profiles'!$G$19=$B$24,21,0),0)),0)</f>
        <v>1.6480223607455378</v>
      </c>
      <c r="F2341" cm="1">
        <f t="array" ref="F2341">IFERROR(INDEX(Jesper!AJ$2:AJ$366,ROUNDDOWN($C2341/24,0)+1,1)*INDEX($D$3:$AA$30,INDEX(Jesper!$R$2:$R$366,ROW(INDEX(Jesper!AJ$2:AJ$366,ROUNDDOWN($C2341/24,0)+1,1))-1)+IF('Standard Profiles'!$G$20=$B$10,7,0)+IF('Standard Profiles'!$G$20=$B$17,14,0)+IF('Standard Profiles'!$G$20=$B$24,21,0),MOD($C2341,24)+1)/SUM(INDEX($D$3:$AA$30,INDEX(Jesper!$R$2:$R$366,ROW(INDEX(Jesper!AJ$2:AJ$366,ROUNDDOWN($C2341/24,0)+1,1))-1)+IF('Standard Profiles'!$G$20=$B$10,7,0)+IF('Standard Profiles'!$G$20=$B$17,14,0)+IF('Standard Profiles'!$G$20=$B$24,21,0),0)),0)</f>
        <v>0</v>
      </c>
      <c r="G2341" cm="1">
        <f t="array" ref="G2341">IFERROR(INDEX(Jesper!AK$2:AK$366,ROUNDDOWN($C2341/24,0)+1,1)*INDEX($D$3:$AA$30,INDEX(Jesper!$R$2:$R$366,ROW(INDEX(Jesper!AK$2:AK$366,ROUNDDOWN($C2341/24,0)+1,1))-1)+IF('Standard Profiles'!$G$21=$B$10,7,0)+IF('Standard Profiles'!$G$21=$B$17,14,0)+IF('Standard Profiles'!$G$21=$B$24,21,0),MOD($C2341,24)+1)/SUM(INDEX($D$3:$AA$30,INDEX(Jesper!$R$2:$R$366,ROW(INDEX(Jesper!AK$2:AK$366,ROUNDDOWN($C2341/24,0)+1,1))-1)+IF('Standard Profiles'!$G$21=$B$10,7,0)+IF('Standard Profiles'!$G$21=$B$17,14,0)+IF('Standard Profiles'!$G$21=$B$24,21,0),0)),0)</f>
        <v>0</v>
      </c>
      <c r="H2341" cm="1">
        <f t="array" ref="H2341">IFERROR(INDEX(Jesper!AL$2:AL$366,ROUNDDOWN($C2341/24,0)+1,1)*INDEX($D$3:$AA$30,INDEX(Jesper!$R$2:$R$366,ROW(INDEX(Jesper!AL$2:AL$366,ROUNDDOWN($C2341/24,0)+1,1))-1)+IF('Standard Profiles'!$G$22=$B$10,7,0)+IF('Standard Profiles'!$G$22=$B$17,14,0)+IF('Standard Profiles'!$G$22=$B$24,21,0),MOD($C2341,24)+1)/SUM(INDEX($D$3:$AA$30,INDEX(Jesper!$R$2:$R$366,ROW(INDEX(Jesper!AL$2:AL$366,ROUNDDOWN($C2341/24,0)+1,1))-1)+IF('Standard Profiles'!$G$22=$B$10,7,0)+IF('Standard Profiles'!$G$22=$B$17,14,0)+IF('Standard Profiles'!$G$22=$B$24,21,0),0)),0)</f>
        <v>0</v>
      </c>
      <c r="I2341">
        <f t="shared" si="272"/>
        <v>0.1484704829500485</v>
      </c>
      <c r="J2341">
        <f t="shared" si="273"/>
        <v>0.49490160983349502</v>
      </c>
      <c r="K2341">
        <f t="shared" si="274"/>
        <v>0.7423524147502425</v>
      </c>
      <c r="L2341">
        <f t="shared" si="275"/>
        <v>8.126872402764187</v>
      </c>
      <c r="M2341">
        <f t="shared" si="276"/>
        <v>0</v>
      </c>
      <c r="N2341" s="46">
        <f t="shared" si="277"/>
        <v>45388.124999994405</v>
      </c>
    </row>
    <row r="2342" spans="2:14" x14ac:dyDescent="0.3">
      <c r="B2342">
        <f t="shared" si="271"/>
        <v>6</v>
      </c>
      <c r="C2342" s="16">
        <v>2308</v>
      </c>
      <c r="D2342" cm="1">
        <f t="array" ref="D2342">IFERROR(INDEX(Jesper!AH$2:AH$366,ROUNDDOWN($C2342/24,0)+1,1)*INDEX($D$3:$AA$30,INDEX(Jesper!$R$2:$R$366,ROW(INDEX(Jesper!AH$2:AH$366,ROUNDDOWN($C2342/24,0)+1,1))-1)+IF('Standard Profiles'!$G$18=$B$10,7,0)+IF('Standard Profiles'!$G$18=$B$17,14,0)+IF('Standard Profiles'!$G$18=$B$24,21,0),MOD($C2342,24)+1)/SUM(INDEX($D$3:$AA$30,INDEX(Jesper!$R$2:$R$366,ROW(INDEX(Jesper!AH$2:AH$366,ROUNDDOWN($C2342/24,0)+1,1))-1)+IF('Standard Profiles'!$G$18=$B$10,7,0)+IF('Standard Profiles'!$G$18=$B$17,14,0)+IF('Standard Profiles'!$G$18=$B$24,21,0),0)),0)</f>
        <v>7.8645745495524348</v>
      </c>
      <c r="E2342" cm="1">
        <f t="array" ref="E2342">IFERROR(INDEX(Jesper!AI$2:AI$366,ROUNDDOWN($C2342/24,0)+1,1)*INDEX($D$3:$AA$30,INDEX(Jesper!$R$2:$R$366,ROW(INDEX(Jesper!AI$2:AI$366,ROUNDDOWN($C2342/24,0)+1,1))-1)+IF('Standard Profiles'!$G$19=$B$10,7,0)+IF('Standard Profiles'!$G$19=$B$17,14,0)+IF('Standard Profiles'!$G$19=$B$24,21,0),MOD($C2342,24)+1)/SUM(INDEX($D$3:$AA$30,INDEX(Jesper!$R$2:$R$366,ROW(INDEX(Jesper!AI$2:AI$366,ROUNDDOWN($C2342/24,0)+1,1))-1)+IF('Standard Profiles'!$G$19=$B$10,7,0)+IF('Standard Profiles'!$G$19=$B$17,14,0)+IF('Standard Profiles'!$G$19=$B$24,21,0),0)),0)</f>
        <v>1.6480223607455378</v>
      </c>
      <c r="F2342" cm="1">
        <f t="array" ref="F2342">IFERROR(INDEX(Jesper!AJ$2:AJ$366,ROUNDDOWN($C2342/24,0)+1,1)*INDEX($D$3:$AA$30,INDEX(Jesper!$R$2:$R$366,ROW(INDEX(Jesper!AJ$2:AJ$366,ROUNDDOWN($C2342/24,0)+1,1))-1)+IF('Standard Profiles'!$G$20=$B$10,7,0)+IF('Standard Profiles'!$G$20=$B$17,14,0)+IF('Standard Profiles'!$G$20=$B$24,21,0),MOD($C2342,24)+1)/SUM(INDEX($D$3:$AA$30,INDEX(Jesper!$R$2:$R$366,ROW(INDEX(Jesper!AJ$2:AJ$366,ROUNDDOWN($C2342/24,0)+1,1))-1)+IF('Standard Profiles'!$G$20=$B$10,7,0)+IF('Standard Profiles'!$G$20=$B$17,14,0)+IF('Standard Profiles'!$G$20=$B$24,21,0),0)),0)</f>
        <v>0</v>
      </c>
      <c r="G2342" cm="1">
        <f t="array" ref="G2342">IFERROR(INDEX(Jesper!AK$2:AK$366,ROUNDDOWN($C2342/24,0)+1,1)*INDEX($D$3:$AA$30,INDEX(Jesper!$R$2:$R$366,ROW(INDEX(Jesper!AK$2:AK$366,ROUNDDOWN($C2342/24,0)+1,1))-1)+IF('Standard Profiles'!$G$21=$B$10,7,0)+IF('Standard Profiles'!$G$21=$B$17,14,0)+IF('Standard Profiles'!$G$21=$B$24,21,0),MOD($C2342,24)+1)/SUM(INDEX($D$3:$AA$30,INDEX(Jesper!$R$2:$R$366,ROW(INDEX(Jesper!AK$2:AK$366,ROUNDDOWN($C2342/24,0)+1,1))-1)+IF('Standard Profiles'!$G$21=$B$10,7,0)+IF('Standard Profiles'!$G$21=$B$17,14,0)+IF('Standard Profiles'!$G$21=$B$24,21,0),0)),0)</f>
        <v>0</v>
      </c>
      <c r="H2342" cm="1">
        <f t="array" ref="H2342">IFERROR(INDEX(Jesper!AL$2:AL$366,ROUNDDOWN($C2342/24,0)+1,1)*INDEX($D$3:$AA$30,INDEX(Jesper!$R$2:$R$366,ROW(INDEX(Jesper!AL$2:AL$366,ROUNDDOWN($C2342/24,0)+1,1))-1)+IF('Standard Profiles'!$G$22=$B$10,7,0)+IF('Standard Profiles'!$G$22=$B$17,14,0)+IF('Standard Profiles'!$G$22=$B$24,21,0),MOD($C2342,24)+1)/SUM(INDEX($D$3:$AA$30,INDEX(Jesper!$R$2:$R$366,ROW(INDEX(Jesper!AL$2:AL$366,ROUNDDOWN($C2342/24,0)+1,1))-1)+IF('Standard Profiles'!$G$22=$B$10,7,0)+IF('Standard Profiles'!$G$22=$B$17,14,0)+IF('Standard Profiles'!$G$22=$B$24,21,0),0)),0)</f>
        <v>0</v>
      </c>
      <c r="I2342">
        <f t="shared" si="272"/>
        <v>0.1484704829500485</v>
      </c>
      <c r="J2342">
        <f t="shared" si="273"/>
        <v>0.49490160983349502</v>
      </c>
      <c r="K2342">
        <f t="shared" si="274"/>
        <v>0.7423524147502425</v>
      </c>
      <c r="L2342">
        <f t="shared" si="275"/>
        <v>8.126872402764187</v>
      </c>
      <c r="M2342">
        <f t="shared" si="276"/>
        <v>0</v>
      </c>
      <c r="N2342" s="46">
        <f t="shared" si="277"/>
        <v>45388.166666661069</v>
      </c>
    </row>
    <row r="2343" spans="2:14" x14ac:dyDescent="0.3">
      <c r="B2343">
        <f t="shared" si="271"/>
        <v>6</v>
      </c>
      <c r="C2343" s="16">
        <v>2309</v>
      </c>
      <c r="D2343" cm="1">
        <f t="array" ref="D2343">IFERROR(INDEX(Jesper!AH$2:AH$366,ROUNDDOWN($C2343/24,0)+1,1)*INDEX($D$3:$AA$30,INDEX(Jesper!$R$2:$R$366,ROW(INDEX(Jesper!AH$2:AH$366,ROUNDDOWN($C2343/24,0)+1,1))-1)+IF('Standard Profiles'!$G$18=$B$10,7,0)+IF('Standard Profiles'!$G$18=$B$17,14,0)+IF('Standard Profiles'!$G$18=$B$24,21,0),MOD($C2343,24)+1)/SUM(INDEX($D$3:$AA$30,INDEX(Jesper!$R$2:$R$366,ROW(INDEX(Jesper!AH$2:AH$366,ROUNDDOWN($C2343/24,0)+1,1))-1)+IF('Standard Profiles'!$G$18=$B$10,7,0)+IF('Standard Profiles'!$G$18=$B$17,14,0)+IF('Standard Profiles'!$G$18=$B$24,21,0),0)),0)</f>
        <v>9.7827634640774193</v>
      </c>
      <c r="E2343" cm="1">
        <f t="array" ref="E2343">IFERROR(INDEX(Jesper!AI$2:AI$366,ROUNDDOWN($C2343/24,0)+1,1)*INDEX($D$3:$AA$30,INDEX(Jesper!$R$2:$R$366,ROW(INDEX(Jesper!AI$2:AI$366,ROUNDDOWN($C2343/24,0)+1,1))-1)+IF('Standard Profiles'!$G$19=$B$10,7,0)+IF('Standard Profiles'!$G$19=$B$17,14,0)+IF('Standard Profiles'!$G$19=$B$24,21,0),MOD($C2343,24)+1)/SUM(INDEX($D$3:$AA$30,INDEX(Jesper!$R$2:$R$366,ROW(INDEX(Jesper!AI$2:AI$366,ROUNDDOWN($C2343/24,0)+1,1))-1)+IF('Standard Profiles'!$G$19=$B$10,7,0)+IF('Standard Profiles'!$G$19=$B$17,14,0)+IF('Standard Profiles'!$G$19=$B$24,21,0),0)),0)</f>
        <v>2.0499790340981083</v>
      </c>
      <c r="F2343" cm="1">
        <f t="array" ref="F2343">IFERROR(INDEX(Jesper!AJ$2:AJ$366,ROUNDDOWN($C2343/24,0)+1,1)*INDEX($D$3:$AA$30,INDEX(Jesper!$R$2:$R$366,ROW(INDEX(Jesper!AJ$2:AJ$366,ROUNDDOWN($C2343/24,0)+1,1))-1)+IF('Standard Profiles'!$G$20=$B$10,7,0)+IF('Standard Profiles'!$G$20=$B$17,14,0)+IF('Standard Profiles'!$G$20=$B$24,21,0),MOD($C2343,24)+1)/SUM(INDEX($D$3:$AA$30,INDEX(Jesper!$R$2:$R$366,ROW(INDEX(Jesper!AJ$2:AJ$366,ROUNDDOWN($C2343/24,0)+1,1))-1)+IF('Standard Profiles'!$G$20=$B$10,7,0)+IF('Standard Profiles'!$G$20=$B$17,14,0)+IF('Standard Profiles'!$G$20=$B$24,21,0),0)),0)</f>
        <v>0</v>
      </c>
      <c r="G2343" cm="1">
        <f t="array" ref="G2343">IFERROR(INDEX(Jesper!AK$2:AK$366,ROUNDDOWN($C2343/24,0)+1,1)*INDEX($D$3:$AA$30,INDEX(Jesper!$R$2:$R$366,ROW(INDEX(Jesper!AK$2:AK$366,ROUNDDOWN($C2343/24,0)+1,1))-1)+IF('Standard Profiles'!$G$21=$B$10,7,0)+IF('Standard Profiles'!$G$21=$B$17,14,0)+IF('Standard Profiles'!$G$21=$B$24,21,0),MOD($C2343,24)+1)/SUM(INDEX($D$3:$AA$30,INDEX(Jesper!$R$2:$R$366,ROW(INDEX(Jesper!AK$2:AK$366,ROUNDDOWN($C2343/24,0)+1,1))-1)+IF('Standard Profiles'!$G$21=$B$10,7,0)+IF('Standard Profiles'!$G$21=$B$17,14,0)+IF('Standard Profiles'!$G$21=$B$24,21,0),0)),0)</f>
        <v>0</v>
      </c>
      <c r="H2343" cm="1">
        <f t="array" ref="H2343">IFERROR(INDEX(Jesper!AL$2:AL$366,ROUNDDOWN($C2343/24,0)+1,1)*INDEX($D$3:$AA$30,INDEX(Jesper!$R$2:$R$366,ROW(INDEX(Jesper!AL$2:AL$366,ROUNDDOWN($C2343/24,0)+1,1))-1)+IF('Standard Profiles'!$G$22=$B$10,7,0)+IF('Standard Profiles'!$G$22=$B$17,14,0)+IF('Standard Profiles'!$G$22=$B$24,21,0),MOD($C2343,24)+1)/SUM(INDEX($D$3:$AA$30,INDEX(Jesper!$R$2:$R$366,ROW(INDEX(Jesper!AL$2:AL$366,ROUNDDOWN($C2343/24,0)+1,1))-1)+IF('Standard Profiles'!$G$22=$B$10,7,0)+IF('Standard Profiles'!$G$22=$B$17,14,0)+IF('Standard Profiles'!$G$22=$B$24,21,0),0)),0)</f>
        <v>0</v>
      </c>
      <c r="I2343">
        <f t="shared" si="272"/>
        <v>0.18468279586469449</v>
      </c>
      <c r="J2343">
        <f t="shared" si="273"/>
        <v>0.61560931954898168</v>
      </c>
      <c r="K2343">
        <f t="shared" si="274"/>
        <v>0.92341397932347258</v>
      </c>
      <c r="L2343">
        <f t="shared" si="275"/>
        <v>10.109036403438379</v>
      </c>
      <c r="M2343">
        <f t="shared" si="276"/>
        <v>0</v>
      </c>
      <c r="N2343" s="46">
        <f t="shared" si="277"/>
        <v>45388.208333327733</v>
      </c>
    </row>
    <row r="2344" spans="2:14" x14ac:dyDescent="0.3">
      <c r="B2344">
        <f t="shared" si="271"/>
        <v>6</v>
      </c>
      <c r="C2344" s="16">
        <v>2310</v>
      </c>
      <c r="D2344" cm="1">
        <f t="array" ref="D2344">IFERROR(INDEX(Jesper!AH$2:AH$366,ROUNDDOWN($C2344/24,0)+1,1)*INDEX($D$3:$AA$30,INDEX(Jesper!$R$2:$R$366,ROW(INDEX(Jesper!AH$2:AH$366,ROUNDDOWN($C2344/24,0)+1,1))-1)+IF('Standard Profiles'!$G$18=$B$10,7,0)+IF('Standard Profiles'!$G$18=$B$17,14,0)+IF('Standard Profiles'!$G$18=$B$24,21,0),MOD($C2344,24)+1)/SUM(INDEX($D$3:$AA$30,INDEX(Jesper!$R$2:$R$366,ROW(INDEX(Jesper!AH$2:AH$366,ROUNDDOWN($C2344/24,0)+1,1))-1)+IF('Standard Profiles'!$G$18=$B$10,7,0)+IF('Standard Profiles'!$G$18=$B$17,14,0)+IF('Standard Profiles'!$G$18=$B$24,21,0),0)),0)</f>
        <v>12.276409052959897</v>
      </c>
      <c r="E2344" cm="1">
        <f t="array" ref="E2344">IFERROR(INDEX(Jesper!AI$2:AI$366,ROUNDDOWN($C2344/24,0)+1,1)*INDEX($D$3:$AA$30,INDEX(Jesper!$R$2:$R$366,ROW(INDEX(Jesper!AI$2:AI$366,ROUNDDOWN($C2344/24,0)+1,1))-1)+IF('Standard Profiles'!$G$19=$B$10,7,0)+IF('Standard Profiles'!$G$19=$B$17,14,0)+IF('Standard Profiles'!$G$19=$B$24,21,0),MOD($C2344,24)+1)/SUM(INDEX($D$3:$AA$30,INDEX(Jesper!$R$2:$R$366,ROW(INDEX(Jesper!AI$2:AI$366,ROUNDDOWN($C2344/24,0)+1,1))-1)+IF('Standard Profiles'!$G$19=$B$10,7,0)+IF('Standard Profiles'!$G$19=$B$17,14,0)+IF('Standard Profiles'!$G$19=$B$24,21,0),0)),0)</f>
        <v>2.5725227094564493</v>
      </c>
      <c r="F2344" cm="1">
        <f t="array" ref="F2344">IFERROR(INDEX(Jesper!AJ$2:AJ$366,ROUNDDOWN($C2344/24,0)+1,1)*INDEX($D$3:$AA$30,INDEX(Jesper!$R$2:$R$366,ROW(INDEX(Jesper!AJ$2:AJ$366,ROUNDDOWN($C2344/24,0)+1,1))-1)+IF('Standard Profiles'!$G$20=$B$10,7,0)+IF('Standard Profiles'!$G$20=$B$17,14,0)+IF('Standard Profiles'!$G$20=$B$24,21,0),MOD($C2344,24)+1)/SUM(INDEX($D$3:$AA$30,INDEX(Jesper!$R$2:$R$366,ROW(INDEX(Jesper!AJ$2:AJ$366,ROUNDDOWN($C2344/24,0)+1,1))-1)+IF('Standard Profiles'!$G$20=$B$10,7,0)+IF('Standard Profiles'!$G$20=$B$17,14,0)+IF('Standard Profiles'!$G$20=$B$24,21,0),0)),0)</f>
        <v>0</v>
      </c>
      <c r="G2344" cm="1">
        <f t="array" ref="G2344">IFERROR(INDEX(Jesper!AK$2:AK$366,ROUNDDOWN($C2344/24,0)+1,1)*INDEX($D$3:$AA$30,INDEX(Jesper!$R$2:$R$366,ROW(INDEX(Jesper!AK$2:AK$366,ROUNDDOWN($C2344/24,0)+1,1))-1)+IF('Standard Profiles'!$G$21=$B$10,7,0)+IF('Standard Profiles'!$G$21=$B$17,14,0)+IF('Standard Profiles'!$G$21=$B$24,21,0),MOD($C2344,24)+1)/SUM(INDEX($D$3:$AA$30,INDEX(Jesper!$R$2:$R$366,ROW(INDEX(Jesper!AK$2:AK$366,ROUNDDOWN($C2344/24,0)+1,1))-1)+IF('Standard Profiles'!$G$21=$B$10,7,0)+IF('Standard Profiles'!$G$21=$B$17,14,0)+IF('Standard Profiles'!$G$21=$B$24,21,0),0)),0)</f>
        <v>0</v>
      </c>
      <c r="H2344" cm="1">
        <f t="array" ref="H2344">IFERROR(INDEX(Jesper!AL$2:AL$366,ROUNDDOWN($C2344/24,0)+1,1)*INDEX($D$3:$AA$30,INDEX(Jesper!$R$2:$R$366,ROW(INDEX(Jesper!AL$2:AL$366,ROUNDDOWN($C2344/24,0)+1,1))-1)+IF('Standard Profiles'!$G$22=$B$10,7,0)+IF('Standard Profiles'!$G$22=$B$17,14,0)+IF('Standard Profiles'!$G$22=$B$24,21,0),MOD($C2344,24)+1)/SUM(INDEX($D$3:$AA$30,INDEX(Jesper!$R$2:$R$366,ROW(INDEX(Jesper!AL$2:AL$366,ROUNDDOWN($C2344/24,0)+1,1))-1)+IF('Standard Profiles'!$G$22=$B$10,7,0)+IF('Standard Profiles'!$G$22=$B$17,14,0)+IF('Standard Profiles'!$G$22=$B$24,21,0),0)),0)</f>
        <v>0</v>
      </c>
      <c r="I2344">
        <f t="shared" si="272"/>
        <v>0.23175880265373425</v>
      </c>
      <c r="J2344">
        <f t="shared" si="273"/>
        <v>0.77252934217911418</v>
      </c>
      <c r="K2344">
        <f t="shared" si="274"/>
        <v>1.1587940132686714</v>
      </c>
      <c r="L2344">
        <f t="shared" si="275"/>
        <v>12.685849604314827</v>
      </c>
      <c r="M2344">
        <f t="shared" si="276"/>
        <v>0</v>
      </c>
      <c r="N2344" s="46">
        <f t="shared" si="277"/>
        <v>45388.249999994398</v>
      </c>
    </row>
    <row r="2345" spans="2:14" x14ac:dyDescent="0.3">
      <c r="B2345">
        <f t="shared" si="271"/>
        <v>6</v>
      </c>
      <c r="C2345" s="16">
        <v>2311</v>
      </c>
      <c r="D2345" cm="1">
        <f t="array" ref="D2345">IFERROR(INDEX(Jesper!AH$2:AH$366,ROUNDDOWN($C2345/24,0)+1,1)*INDEX($D$3:$AA$30,INDEX(Jesper!$R$2:$R$366,ROW(INDEX(Jesper!AH$2:AH$366,ROUNDDOWN($C2345/24,0)+1,1))-1)+IF('Standard Profiles'!$G$18=$B$10,7,0)+IF('Standard Profiles'!$G$18=$B$17,14,0)+IF('Standard Profiles'!$G$18=$B$24,21,0),MOD($C2345,24)+1)/SUM(INDEX($D$3:$AA$30,INDEX(Jesper!$R$2:$R$366,ROW(INDEX(Jesper!AH$2:AH$366,ROUNDDOWN($C2345/24,0)+1,1))-1)+IF('Standard Profiles'!$G$18=$B$10,7,0)+IF('Standard Profiles'!$G$18=$B$17,14,0)+IF('Standard Profiles'!$G$18=$B$24,21,0),0)),0)</f>
        <v>14.002779076032382</v>
      </c>
      <c r="E2345" cm="1">
        <f t="array" ref="E2345">IFERROR(INDEX(Jesper!AI$2:AI$366,ROUNDDOWN($C2345/24,0)+1,1)*INDEX($D$3:$AA$30,INDEX(Jesper!$R$2:$R$366,ROW(INDEX(Jesper!AI$2:AI$366,ROUNDDOWN($C2345/24,0)+1,1))-1)+IF('Standard Profiles'!$G$19=$B$10,7,0)+IF('Standard Profiles'!$G$19=$B$17,14,0)+IF('Standard Profiles'!$G$19=$B$24,21,0),MOD($C2345,24)+1)/SUM(INDEX($D$3:$AA$30,INDEX(Jesper!$R$2:$R$366,ROW(INDEX(Jesper!AI$2:AI$366,ROUNDDOWN($C2345/24,0)+1,1))-1)+IF('Standard Profiles'!$G$19=$B$10,7,0)+IF('Standard Profiles'!$G$19=$B$17,14,0)+IF('Standard Profiles'!$G$19=$B$24,21,0),0)),0)</f>
        <v>2.9342837154737627</v>
      </c>
      <c r="F2345" cm="1">
        <f t="array" ref="F2345">IFERROR(INDEX(Jesper!AJ$2:AJ$366,ROUNDDOWN($C2345/24,0)+1,1)*INDEX($D$3:$AA$30,INDEX(Jesper!$R$2:$R$366,ROW(INDEX(Jesper!AJ$2:AJ$366,ROUNDDOWN($C2345/24,0)+1,1))-1)+IF('Standard Profiles'!$G$20=$B$10,7,0)+IF('Standard Profiles'!$G$20=$B$17,14,0)+IF('Standard Profiles'!$G$20=$B$24,21,0),MOD($C2345,24)+1)/SUM(INDEX($D$3:$AA$30,INDEX(Jesper!$R$2:$R$366,ROW(INDEX(Jesper!AJ$2:AJ$366,ROUNDDOWN($C2345/24,0)+1,1))-1)+IF('Standard Profiles'!$G$20=$B$10,7,0)+IF('Standard Profiles'!$G$20=$B$17,14,0)+IF('Standard Profiles'!$G$20=$B$24,21,0),0)),0)</f>
        <v>0</v>
      </c>
      <c r="G2345" cm="1">
        <f t="array" ref="G2345">IFERROR(INDEX(Jesper!AK$2:AK$366,ROUNDDOWN($C2345/24,0)+1,1)*INDEX($D$3:$AA$30,INDEX(Jesper!$R$2:$R$366,ROW(INDEX(Jesper!AK$2:AK$366,ROUNDDOWN($C2345/24,0)+1,1))-1)+IF('Standard Profiles'!$G$21=$B$10,7,0)+IF('Standard Profiles'!$G$21=$B$17,14,0)+IF('Standard Profiles'!$G$21=$B$24,21,0),MOD($C2345,24)+1)/SUM(INDEX($D$3:$AA$30,INDEX(Jesper!$R$2:$R$366,ROW(INDEX(Jesper!AK$2:AK$366,ROUNDDOWN($C2345/24,0)+1,1))-1)+IF('Standard Profiles'!$G$21=$B$10,7,0)+IF('Standard Profiles'!$G$21=$B$17,14,0)+IF('Standard Profiles'!$G$21=$B$24,21,0),0)),0)</f>
        <v>0</v>
      </c>
      <c r="H2345" cm="1">
        <f t="array" ref="H2345">IFERROR(INDEX(Jesper!AL$2:AL$366,ROUNDDOWN($C2345/24,0)+1,1)*INDEX($D$3:$AA$30,INDEX(Jesper!$R$2:$R$366,ROW(INDEX(Jesper!AL$2:AL$366,ROUNDDOWN($C2345/24,0)+1,1))-1)+IF('Standard Profiles'!$G$22=$B$10,7,0)+IF('Standard Profiles'!$G$22=$B$17,14,0)+IF('Standard Profiles'!$G$22=$B$24,21,0),MOD($C2345,24)+1)/SUM(INDEX($D$3:$AA$30,INDEX(Jesper!$R$2:$R$366,ROW(INDEX(Jesper!AL$2:AL$366,ROUNDDOWN($C2345/24,0)+1,1))-1)+IF('Standard Profiles'!$G$22=$B$10,7,0)+IF('Standard Profiles'!$G$22=$B$17,14,0)+IF('Standard Profiles'!$G$22=$B$24,21,0),0)),0)</f>
        <v>0</v>
      </c>
      <c r="I2345">
        <f t="shared" si="272"/>
        <v>0.26434988427691564</v>
      </c>
      <c r="J2345">
        <f t="shared" si="273"/>
        <v>0.88116628092305216</v>
      </c>
      <c r="K2345">
        <f t="shared" si="274"/>
        <v>1.3217494213845782</v>
      </c>
      <c r="L2345">
        <f t="shared" si="275"/>
        <v>14.469797204921599</v>
      </c>
      <c r="M2345">
        <f t="shared" si="276"/>
        <v>0</v>
      </c>
      <c r="N2345" s="46">
        <f t="shared" si="277"/>
        <v>45388.291666661062</v>
      </c>
    </row>
    <row r="2346" spans="2:14" x14ac:dyDescent="0.3">
      <c r="B2346">
        <f t="shared" si="271"/>
        <v>6</v>
      </c>
      <c r="C2346" s="16">
        <v>2312</v>
      </c>
      <c r="D2346" cm="1">
        <f t="array" ref="D2346">IFERROR(INDEX(Jesper!AH$2:AH$366,ROUNDDOWN($C2346/24,0)+1,1)*INDEX($D$3:$AA$30,INDEX(Jesper!$R$2:$R$366,ROW(INDEX(Jesper!AH$2:AH$366,ROUNDDOWN($C2346/24,0)+1,1))-1)+IF('Standard Profiles'!$G$18=$B$10,7,0)+IF('Standard Profiles'!$G$18=$B$17,14,0)+IF('Standard Profiles'!$G$18=$B$24,21,0),MOD($C2346,24)+1)/SUM(INDEX($D$3:$AA$30,INDEX(Jesper!$R$2:$R$366,ROW(INDEX(Jesper!AH$2:AH$366,ROUNDDOWN($C2346/24,0)+1,1))-1)+IF('Standard Profiles'!$G$18=$B$10,7,0)+IF('Standard Profiles'!$G$18=$B$17,14,0)+IF('Standard Profiles'!$G$18=$B$24,21,0),0)),0)</f>
        <v>14.002779076032382</v>
      </c>
      <c r="E2346" cm="1">
        <f t="array" ref="E2346">IFERROR(INDEX(Jesper!AI$2:AI$366,ROUNDDOWN($C2346/24,0)+1,1)*INDEX($D$3:$AA$30,INDEX(Jesper!$R$2:$R$366,ROW(INDEX(Jesper!AI$2:AI$366,ROUNDDOWN($C2346/24,0)+1,1))-1)+IF('Standard Profiles'!$G$19=$B$10,7,0)+IF('Standard Profiles'!$G$19=$B$17,14,0)+IF('Standard Profiles'!$G$19=$B$24,21,0),MOD($C2346,24)+1)/SUM(INDEX($D$3:$AA$30,INDEX(Jesper!$R$2:$R$366,ROW(INDEX(Jesper!AI$2:AI$366,ROUNDDOWN($C2346/24,0)+1,1))-1)+IF('Standard Profiles'!$G$19=$B$10,7,0)+IF('Standard Profiles'!$G$19=$B$17,14,0)+IF('Standard Profiles'!$G$19=$B$24,21,0),0)),0)</f>
        <v>2.9342837154737627</v>
      </c>
      <c r="F2346" cm="1">
        <f t="array" ref="F2346">IFERROR(INDEX(Jesper!AJ$2:AJ$366,ROUNDDOWN($C2346/24,0)+1,1)*INDEX($D$3:$AA$30,INDEX(Jesper!$R$2:$R$366,ROW(INDEX(Jesper!AJ$2:AJ$366,ROUNDDOWN($C2346/24,0)+1,1))-1)+IF('Standard Profiles'!$G$20=$B$10,7,0)+IF('Standard Profiles'!$G$20=$B$17,14,0)+IF('Standard Profiles'!$G$20=$B$24,21,0),MOD($C2346,24)+1)/SUM(INDEX($D$3:$AA$30,INDEX(Jesper!$R$2:$R$366,ROW(INDEX(Jesper!AJ$2:AJ$366,ROUNDDOWN($C2346/24,0)+1,1))-1)+IF('Standard Profiles'!$G$20=$B$10,7,0)+IF('Standard Profiles'!$G$20=$B$17,14,0)+IF('Standard Profiles'!$G$20=$B$24,21,0),0)),0)</f>
        <v>0</v>
      </c>
      <c r="G2346" cm="1">
        <f t="array" ref="G2346">IFERROR(INDEX(Jesper!AK$2:AK$366,ROUNDDOWN($C2346/24,0)+1,1)*INDEX($D$3:$AA$30,INDEX(Jesper!$R$2:$R$366,ROW(INDEX(Jesper!AK$2:AK$366,ROUNDDOWN($C2346/24,0)+1,1))-1)+IF('Standard Profiles'!$G$21=$B$10,7,0)+IF('Standard Profiles'!$G$21=$B$17,14,0)+IF('Standard Profiles'!$G$21=$B$24,21,0),MOD($C2346,24)+1)/SUM(INDEX($D$3:$AA$30,INDEX(Jesper!$R$2:$R$366,ROW(INDEX(Jesper!AK$2:AK$366,ROUNDDOWN($C2346/24,0)+1,1))-1)+IF('Standard Profiles'!$G$21=$B$10,7,0)+IF('Standard Profiles'!$G$21=$B$17,14,0)+IF('Standard Profiles'!$G$21=$B$24,21,0),0)),0)</f>
        <v>0</v>
      </c>
      <c r="H2346" cm="1">
        <f t="array" ref="H2346">IFERROR(INDEX(Jesper!AL$2:AL$366,ROUNDDOWN($C2346/24,0)+1,1)*INDEX($D$3:$AA$30,INDEX(Jesper!$R$2:$R$366,ROW(INDEX(Jesper!AL$2:AL$366,ROUNDDOWN($C2346/24,0)+1,1))-1)+IF('Standard Profiles'!$G$22=$B$10,7,0)+IF('Standard Profiles'!$G$22=$B$17,14,0)+IF('Standard Profiles'!$G$22=$B$24,21,0),MOD($C2346,24)+1)/SUM(INDEX($D$3:$AA$30,INDEX(Jesper!$R$2:$R$366,ROW(INDEX(Jesper!AL$2:AL$366,ROUNDDOWN($C2346/24,0)+1,1))-1)+IF('Standard Profiles'!$G$22=$B$10,7,0)+IF('Standard Profiles'!$G$22=$B$17,14,0)+IF('Standard Profiles'!$G$22=$B$24,21,0),0)),0)</f>
        <v>0</v>
      </c>
      <c r="I2346">
        <f t="shared" si="272"/>
        <v>0.26434988427691564</v>
      </c>
      <c r="J2346">
        <f t="shared" si="273"/>
        <v>0.88116628092305216</v>
      </c>
      <c r="K2346">
        <f t="shared" si="274"/>
        <v>1.3217494213845782</v>
      </c>
      <c r="L2346">
        <f t="shared" si="275"/>
        <v>14.469797204921599</v>
      </c>
      <c r="M2346">
        <f t="shared" si="276"/>
        <v>0</v>
      </c>
      <c r="N2346" s="46">
        <f t="shared" si="277"/>
        <v>45388.333333327726</v>
      </c>
    </row>
    <row r="2347" spans="2:14" x14ac:dyDescent="0.3">
      <c r="B2347">
        <f t="shared" si="271"/>
        <v>6</v>
      </c>
      <c r="C2347" s="16">
        <v>2313</v>
      </c>
      <c r="D2347" cm="1">
        <f t="array" ref="D2347">IFERROR(INDEX(Jesper!AH$2:AH$366,ROUNDDOWN($C2347/24,0)+1,1)*INDEX($D$3:$AA$30,INDEX(Jesper!$R$2:$R$366,ROW(INDEX(Jesper!AH$2:AH$366,ROUNDDOWN($C2347/24,0)+1,1))-1)+IF('Standard Profiles'!$G$18=$B$10,7,0)+IF('Standard Profiles'!$G$18=$B$17,14,0)+IF('Standard Profiles'!$G$18=$B$24,21,0),MOD($C2347,24)+1)/SUM(INDEX($D$3:$AA$30,INDEX(Jesper!$R$2:$R$366,ROW(INDEX(Jesper!AH$2:AH$366,ROUNDDOWN($C2347/24,0)+1,1))-1)+IF('Standard Profiles'!$G$18=$B$10,7,0)+IF('Standard Profiles'!$G$18=$B$17,14,0)+IF('Standard Profiles'!$G$18=$B$24,21,0),0)),0)</f>
        <v>14.002779076032382</v>
      </c>
      <c r="E2347" cm="1">
        <f t="array" ref="E2347">IFERROR(INDEX(Jesper!AI$2:AI$366,ROUNDDOWN($C2347/24,0)+1,1)*INDEX($D$3:$AA$30,INDEX(Jesper!$R$2:$R$366,ROW(INDEX(Jesper!AI$2:AI$366,ROUNDDOWN($C2347/24,0)+1,1))-1)+IF('Standard Profiles'!$G$19=$B$10,7,0)+IF('Standard Profiles'!$G$19=$B$17,14,0)+IF('Standard Profiles'!$G$19=$B$24,21,0),MOD($C2347,24)+1)/SUM(INDEX($D$3:$AA$30,INDEX(Jesper!$R$2:$R$366,ROW(INDEX(Jesper!AI$2:AI$366,ROUNDDOWN($C2347/24,0)+1,1))-1)+IF('Standard Profiles'!$G$19=$B$10,7,0)+IF('Standard Profiles'!$G$19=$B$17,14,0)+IF('Standard Profiles'!$G$19=$B$24,21,0),0)),0)</f>
        <v>2.9342837154737627</v>
      </c>
      <c r="F2347" cm="1">
        <f t="array" ref="F2347">IFERROR(INDEX(Jesper!AJ$2:AJ$366,ROUNDDOWN($C2347/24,0)+1,1)*INDEX($D$3:$AA$30,INDEX(Jesper!$R$2:$R$366,ROW(INDEX(Jesper!AJ$2:AJ$366,ROUNDDOWN($C2347/24,0)+1,1))-1)+IF('Standard Profiles'!$G$20=$B$10,7,0)+IF('Standard Profiles'!$G$20=$B$17,14,0)+IF('Standard Profiles'!$G$20=$B$24,21,0),MOD($C2347,24)+1)/SUM(INDEX($D$3:$AA$30,INDEX(Jesper!$R$2:$R$366,ROW(INDEX(Jesper!AJ$2:AJ$366,ROUNDDOWN($C2347/24,0)+1,1))-1)+IF('Standard Profiles'!$G$20=$B$10,7,0)+IF('Standard Profiles'!$G$20=$B$17,14,0)+IF('Standard Profiles'!$G$20=$B$24,21,0),0)),0)</f>
        <v>0</v>
      </c>
      <c r="G2347" cm="1">
        <f t="array" ref="G2347">IFERROR(INDEX(Jesper!AK$2:AK$366,ROUNDDOWN($C2347/24,0)+1,1)*INDEX($D$3:$AA$30,INDEX(Jesper!$R$2:$R$366,ROW(INDEX(Jesper!AK$2:AK$366,ROUNDDOWN($C2347/24,0)+1,1))-1)+IF('Standard Profiles'!$G$21=$B$10,7,0)+IF('Standard Profiles'!$G$21=$B$17,14,0)+IF('Standard Profiles'!$G$21=$B$24,21,0),MOD($C2347,24)+1)/SUM(INDEX($D$3:$AA$30,INDEX(Jesper!$R$2:$R$366,ROW(INDEX(Jesper!AK$2:AK$366,ROUNDDOWN($C2347/24,0)+1,1))-1)+IF('Standard Profiles'!$G$21=$B$10,7,0)+IF('Standard Profiles'!$G$21=$B$17,14,0)+IF('Standard Profiles'!$G$21=$B$24,21,0),0)),0)</f>
        <v>0</v>
      </c>
      <c r="H2347" cm="1">
        <f t="array" ref="H2347">IFERROR(INDEX(Jesper!AL$2:AL$366,ROUNDDOWN($C2347/24,0)+1,1)*INDEX($D$3:$AA$30,INDEX(Jesper!$R$2:$R$366,ROW(INDEX(Jesper!AL$2:AL$366,ROUNDDOWN($C2347/24,0)+1,1))-1)+IF('Standard Profiles'!$G$22=$B$10,7,0)+IF('Standard Profiles'!$G$22=$B$17,14,0)+IF('Standard Profiles'!$G$22=$B$24,21,0),MOD($C2347,24)+1)/SUM(INDEX($D$3:$AA$30,INDEX(Jesper!$R$2:$R$366,ROW(INDEX(Jesper!AL$2:AL$366,ROUNDDOWN($C2347/24,0)+1,1))-1)+IF('Standard Profiles'!$G$22=$B$10,7,0)+IF('Standard Profiles'!$G$22=$B$17,14,0)+IF('Standard Profiles'!$G$22=$B$24,21,0),0)),0)</f>
        <v>0</v>
      </c>
      <c r="I2347">
        <f t="shared" si="272"/>
        <v>0.26434988427691564</v>
      </c>
      <c r="J2347">
        <f t="shared" si="273"/>
        <v>0.88116628092305216</v>
      </c>
      <c r="K2347">
        <f t="shared" si="274"/>
        <v>1.3217494213845782</v>
      </c>
      <c r="L2347">
        <f t="shared" si="275"/>
        <v>14.469797204921599</v>
      </c>
      <c r="M2347">
        <f t="shared" si="276"/>
        <v>0</v>
      </c>
      <c r="N2347" s="46">
        <f t="shared" si="277"/>
        <v>45388.37499999439</v>
      </c>
    </row>
    <row r="2348" spans="2:14" x14ac:dyDescent="0.3">
      <c r="B2348">
        <f t="shared" si="271"/>
        <v>6</v>
      </c>
      <c r="C2348" s="16">
        <v>2314</v>
      </c>
      <c r="D2348" cm="1">
        <f t="array" ref="D2348">IFERROR(INDEX(Jesper!AH$2:AH$366,ROUNDDOWN($C2348/24,0)+1,1)*INDEX($D$3:$AA$30,INDEX(Jesper!$R$2:$R$366,ROW(INDEX(Jesper!AH$2:AH$366,ROUNDDOWN($C2348/24,0)+1,1))-1)+IF('Standard Profiles'!$G$18=$B$10,7,0)+IF('Standard Profiles'!$G$18=$B$17,14,0)+IF('Standard Profiles'!$G$18=$B$24,21,0),MOD($C2348,24)+1)/SUM(INDEX($D$3:$AA$30,INDEX(Jesper!$R$2:$R$366,ROW(INDEX(Jesper!AH$2:AH$366,ROUNDDOWN($C2348/24,0)+1,1))-1)+IF('Standard Profiles'!$G$18=$B$10,7,0)+IF('Standard Profiles'!$G$18=$B$17,14,0)+IF('Standard Profiles'!$G$18=$B$24,21,0),0)),0)</f>
        <v>14.002779076032382</v>
      </c>
      <c r="E2348" cm="1">
        <f t="array" ref="E2348">IFERROR(INDEX(Jesper!AI$2:AI$366,ROUNDDOWN($C2348/24,0)+1,1)*INDEX($D$3:$AA$30,INDEX(Jesper!$R$2:$R$366,ROW(INDEX(Jesper!AI$2:AI$366,ROUNDDOWN($C2348/24,0)+1,1))-1)+IF('Standard Profiles'!$G$19=$B$10,7,0)+IF('Standard Profiles'!$G$19=$B$17,14,0)+IF('Standard Profiles'!$G$19=$B$24,21,0),MOD($C2348,24)+1)/SUM(INDEX($D$3:$AA$30,INDEX(Jesper!$R$2:$R$366,ROW(INDEX(Jesper!AI$2:AI$366,ROUNDDOWN($C2348/24,0)+1,1))-1)+IF('Standard Profiles'!$G$19=$B$10,7,0)+IF('Standard Profiles'!$G$19=$B$17,14,0)+IF('Standard Profiles'!$G$19=$B$24,21,0),0)),0)</f>
        <v>2.9342837154737627</v>
      </c>
      <c r="F2348" cm="1">
        <f t="array" ref="F2348">IFERROR(INDEX(Jesper!AJ$2:AJ$366,ROUNDDOWN($C2348/24,0)+1,1)*INDEX($D$3:$AA$30,INDEX(Jesper!$R$2:$R$366,ROW(INDEX(Jesper!AJ$2:AJ$366,ROUNDDOWN($C2348/24,0)+1,1))-1)+IF('Standard Profiles'!$G$20=$B$10,7,0)+IF('Standard Profiles'!$G$20=$B$17,14,0)+IF('Standard Profiles'!$G$20=$B$24,21,0),MOD($C2348,24)+1)/SUM(INDEX($D$3:$AA$30,INDEX(Jesper!$R$2:$R$366,ROW(INDEX(Jesper!AJ$2:AJ$366,ROUNDDOWN($C2348/24,0)+1,1))-1)+IF('Standard Profiles'!$G$20=$B$10,7,0)+IF('Standard Profiles'!$G$20=$B$17,14,0)+IF('Standard Profiles'!$G$20=$B$24,21,0),0)),0)</f>
        <v>0</v>
      </c>
      <c r="G2348" cm="1">
        <f t="array" ref="G2348">IFERROR(INDEX(Jesper!AK$2:AK$366,ROUNDDOWN($C2348/24,0)+1,1)*INDEX($D$3:$AA$30,INDEX(Jesper!$R$2:$R$366,ROW(INDEX(Jesper!AK$2:AK$366,ROUNDDOWN($C2348/24,0)+1,1))-1)+IF('Standard Profiles'!$G$21=$B$10,7,0)+IF('Standard Profiles'!$G$21=$B$17,14,0)+IF('Standard Profiles'!$G$21=$B$24,21,0),MOD($C2348,24)+1)/SUM(INDEX($D$3:$AA$30,INDEX(Jesper!$R$2:$R$366,ROW(INDEX(Jesper!AK$2:AK$366,ROUNDDOWN($C2348/24,0)+1,1))-1)+IF('Standard Profiles'!$G$21=$B$10,7,0)+IF('Standard Profiles'!$G$21=$B$17,14,0)+IF('Standard Profiles'!$G$21=$B$24,21,0),0)),0)</f>
        <v>0</v>
      </c>
      <c r="H2348" cm="1">
        <f t="array" ref="H2348">IFERROR(INDEX(Jesper!AL$2:AL$366,ROUNDDOWN($C2348/24,0)+1,1)*INDEX($D$3:$AA$30,INDEX(Jesper!$R$2:$R$366,ROW(INDEX(Jesper!AL$2:AL$366,ROUNDDOWN($C2348/24,0)+1,1))-1)+IF('Standard Profiles'!$G$22=$B$10,7,0)+IF('Standard Profiles'!$G$22=$B$17,14,0)+IF('Standard Profiles'!$G$22=$B$24,21,0),MOD($C2348,24)+1)/SUM(INDEX($D$3:$AA$30,INDEX(Jesper!$R$2:$R$366,ROW(INDEX(Jesper!AL$2:AL$366,ROUNDDOWN($C2348/24,0)+1,1))-1)+IF('Standard Profiles'!$G$22=$B$10,7,0)+IF('Standard Profiles'!$G$22=$B$17,14,0)+IF('Standard Profiles'!$G$22=$B$24,21,0),0)),0)</f>
        <v>0</v>
      </c>
      <c r="I2348">
        <f t="shared" si="272"/>
        <v>0.26434988427691564</v>
      </c>
      <c r="J2348">
        <f t="shared" si="273"/>
        <v>0.88116628092305216</v>
      </c>
      <c r="K2348">
        <f t="shared" si="274"/>
        <v>1.3217494213845782</v>
      </c>
      <c r="L2348">
        <f t="shared" si="275"/>
        <v>14.469797204921599</v>
      </c>
      <c r="M2348">
        <f t="shared" si="276"/>
        <v>0</v>
      </c>
      <c r="N2348" s="46">
        <f t="shared" si="277"/>
        <v>45388.416666661054</v>
      </c>
    </row>
    <row r="2349" spans="2:14" x14ac:dyDescent="0.3">
      <c r="B2349">
        <f t="shared" si="271"/>
        <v>6</v>
      </c>
      <c r="C2349" s="16">
        <v>2315</v>
      </c>
      <c r="D2349" cm="1">
        <f t="array" ref="D2349">IFERROR(INDEX(Jesper!AH$2:AH$366,ROUNDDOWN($C2349/24,0)+1,1)*INDEX($D$3:$AA$30,INDEX(Jesper!$R$2:$R$366,ROW(INDEX(Jesper!AH$2:AH$366,ROUNDDOWN($C2349/24,0)+1,1))-1)+IF('Standard Profiles'!$G$18=$B$10,7,0)+IF('Standard Profiles'!$G$18=$B$17,14,0)+IF('Standard Profiles'!$G$18=$B$24,21,0),MOD($C2349,24)+1)/SUM(INDEX($D$3:$AA$30,INDEX(Jesper!$R$2:$R$366,ROW(INDEX(Jesper!AH$2:AH$366,ROUNDDOWN($C2349/24,0)+1,1))-1)+IF('Standard Profiles'!$G$18=$B$10,7,0)+IF('Standard Profiles'!$G$18=$B$17,14,0)+IF('Standard Profiles'!$G$18=$B$24,21,0),0)),0)</f>
        <v>14.002779076032382</v>
      </c>
      <c r="E2349" cm="1">
        <f t="array" ref="E2349">IFERROR(INDEX(Jesper!AI$2:AI$366,ROUNDDOWN($C2349/24,0)+1,1)*INDEX($D$3:$AA$30,INDEX(Jesper!$R$2:$R$366,ROW(INDEX(Jesper!AI$2:AI$366,ROUNDDOWN($C2349/24,0)+1,1))-1)+IF('Standard Profiles'!$G$19=$B$10,7,0)+IF('Standard Profiles'!$G$19=$B$17,14,0)+IF('Standard Profiles'!$G$19=$B$24,21,0),MOD($C2349,24)+1)/SUM(INDEX($D$3:$AA$30,INDEX(Jesper!$R$2:$R$366,ROW(INDEX(Jesper!AI$2:AI$366,ROUNDDOWN($C2349/24,0)+1,1))-1)+IF('Standard Profiles'!$G$19=$B$10,7,0)+IF('Standard Profiles'!$G$19=$B$17,14,0)+IF('Standard Profiles'!$G$19=$B$24,21,0),0)),0)</f>
        <v>2.9342837154737627</v>
      </c>
      <c r="F2349" cm="1">
        <f t="array" ref="F2349">IFERROR(INDEX(Jesper!AJ$2:AJ$366,ROUNDDOWN($C2349/24,0)+1,1)*INDEX($D$3:$AA$30,INDEX(Jesper!$R$2:$R$366,ROW(INDEX(Jesper!AJ$2:AJ$366,ROUNDDOWN($C2349/24,0)+1,1))-1)+IF('Standard Profiles'!$G$20=$B$10,7,0)+IF('Standard Profiles'!$G$20=$B$17,14,0)+IF('Standard Profiles'!$G$20=$B$24,21,0),MOD($C2349,24)+1)/SUM(INDEX($D$3:$AA$30,INDEX(Jesper!$R$2:$R$366,ROW(INDEX(Jesper!AJ$2:AJ$366,ROUNDDOWN($C2349/24,0)+1,1))-1)+IF('Standard Profiles'!$G$20=$B$10,7,0)+IF('Standard Profiles'!$G$20=$B$17,14,0)+IF('Standard Profiles'!$G$20=$B$24,21,0),0)),0)</f>
        <v>0</v>
      </c>
      <c r="G2349" cm="1">
        <f t="array" ref="G2349">IFERROR(INDEX(Jesper!AK$2:AK$366,ROUNDDOWN($C2349/24,0)+1,1)*INDEX($D$3:$AA$30,INDEX(Jesper!$R$2:$R$366,ROW(INDEX(Jesper!AK$2:AK$366,ROUNDDOWN($C2349/24,0)+1,1))-1)+IF('Standard Profiles'!$G$21=$B$10,7,0)+IF('Standard Profiles'!$G$21=$B$17,14,0)+IF('Standard Profiles'!$G$21=$B$24,21,0),MOD($C2349,24)+1)/SUM(INDEX($D$3:$AA$30,INDEX(Jesper!$R$2:$R$366,ROW(INDEX(Jesper!AK$2:AK$366,ROUNDDOWN($C2349/24,0)+1,1))-1)+IF('Standard Profiles'!$G$21=$B$10,7,0)+IF('Standard Profiles'!$G$21=$B$17,14,0)+IF('Standard Profiles'!$G$21=$B$24,21,0),0)),0)</f>
        <v>0</v>
      </c>
      <c r="H2349" cm="1">
        <f t="array" ref="H2349">IFERROR(INDEX(Jesper!AL$2:AL$366,ROUNDDOWN($C2349/24,0)+1,1)*INDEX($D$3:$AA$30,INDEX(Jesper!$R$2:$R$366,ROW(INDEX(Jesper!AL$2:AL$366,ROUNDDOWN($C2349/24,0)+1,1))-1)+IF('Standard Profiles'!$G$22=$B$10,7,0)+IF('Standard Profiles'!$G$22=$B$17,14,0)+IF('Standard Profiles'!$G$22=$B$24,21,0),MOD($C2349,24)+1)/SUM(INDEX($D$3:$AA$30,INDEX(Jesper!$R$2:$R$366,ROW(INDEX(Jesper!AL$2:AL$366,ROUNDDOWN($C2349/24,0)+1,1))-1)+IF('Standard Profiles'!$G$22=$B$10,7,0)+IF('Standard Profiles'!$G$22=$B$17,14,0)+IF('Standard Profiles'!$G$22=$B$24,21,0),0)),0)</f>
        <v>0</v>
      </c>
      <c r="I2349">
        <f t="shared" si="272"/>
        <v>0.26434988427691564</v>
      </c>
      <c r="J2349">
        <f t="shared" si="273"/>
        <v>0.88116628092305216</v>
      </c>
      <c r="K2349">
        <f t="shared" si="274"/>
        <v>1.3217494213845782</v>
      </c>
      <c r="L2349">
        <f t="shared" si="275"/>
        <v>14.469797204921599</v>
      </c>
      <c r="M2349">
        <f t="shared" si="276"/>
        <v>0</v>
      </c>
      <c r="N2349" s="46">
        <f t="shared" si="277"/>
        <v>45388.458333327719</v>
      </c>
    </row>
    <row r="2350" spans="2:14" x14ac:dyDescent="0.3">
      <c r="B2350">
        <f t="shared" si="271"/>
        <v>6</v>
      </c>
      <c r="C2350" s="16">
        <v>2316</v>
      </c>
      <c r="D2350" cm="1">
        <f t="array" ref="D2350">IFERROR(INDEX(Jesper!AH$2:AH$366,ROUNDDOWN($C2350/24,0)+1,1)*INDEX($D$3:$AA$30,INDEX(Jesper!$R$2:$R$366,ROW(INDEX(Jesper!AH$2:AH$366,ROUNDDOWN($C2350/24,0)+1,1))-1)+IF('Standard Profiles'!$G$18=$B$10,7,0)+IF('Standard Profiles'!$G$18=$B$17,14,0)+IF('Standard Profiles'!$G$18=$B$24,21,0),MOD($C2350,24)+1)/SUM(INDEX($D$3:$AA$30,INDEX(Jesper!$R$2:$R$366,ROW(INDEX(Jesper!AH$2:AH$366,ROUNDDOWN($C2350/24,0)+1,1))-1)+IF('Standard Profiles'!$G$18=$B$10,7,0)+IF('Standard Profiles'!$G$18=$B$17,14,0)+IF('Standard Profiles'!$G$18=$B$24,21,0),0)),0)</f>
        <v>14.002779076032382</v>
      </c>
      <c r="E2350" cm="1">
        <f t="array" ref="E2350">IFERROR(INDEX(Jesper!AI$2:AI$366,ROUNDDOWN($C2350/24,0)+1,1)*INDEX($D$3:$AA$30,INDEX(Jesper!$R$2:$R$366,ROW(INDEX(Jesper!AI$2:AI$366,ROUNDDOWN($C2350/24,0)+1,1))-1)+IF('Standard Profiles'!$G$19=$B$10,7,0)+IF('Standard Profiles'!$G$19=$B$17,14,0)+IF('Standard Profiles'!$G$19=$B$24,21,0),MOD($C2350,24)+1)/SUM(INDEX($D$3:$AA$30,INDEX(Jesper!$R$2:$R$366,ROW(INDEX(Jesper!AI$2:AI$366,ROUNDDOWN($C2350/24,0)+1,1))-1)+IF('Standard Profiles'!$G$19=$B$10,7,0)+IF('Standard Profiles'!$G$19=$B$17,14,0)+IF('Standard Profiles'!$G$19=$B$24,21,0),0)),0)</f>
        <v>2.9342837154737627</v>
      </c>
      <c r="F2350" cm="1">
        <f t="array" ref="F2350">IFERROR(INDEX(Jesper!AJ$2:AJ$366,ROUNDDOWN($C2350/24,0)+1,1)*INDEX($D$3:$AA$30,INDEX(Jesper!$R$2:$R$366,ROW(INDEX(Jesper!AJ$2:AJ$366,ROUNDDOWN($C2350/24,0)+1,1))-1)+IF('Standard Profiles'!$G$20=$B$10,7,0)+IF('Standard Profiles'!$G$20=$B$17,14,0)+IF('Standard Profiles'!$G$20=$B$24,21,0),MOD($C2350,24)+1)/SUM(INDEX($D$3:$AA$30,INDEX(Jesper!$R$2:$R$366,ROW(INDEX(Jesper!AJ$2:AJ$366,ROUNDDOWN($C2350/24,0)+1,1))-1)+IF('Standard Profiles'!$G$20=$B$10,7,0)+IF('Standard Profiles'!$G$20=$B$17,14,0)+IF('Standard Profiles'!$G$20=$B$24,21,0),0)),0)</f>
        <v>0</v>
      </c>
      <c r="G2350" cm="1">
        <f t="array" ref="G2350">IFERROR(INDEX(Jesper!AK$2:AK$366,ROUNDDOWN($C2350/24,0)+1,1)*INDEX($D$3:$AA$30,INDEX(Jesper!$R$2:$R$366,ROW(INDEX(Jesper!AK$2:AK$366,ROUNDDOWN($C2350/24,0)+1,1))-1)+IF('Standard Profiles'!$G$21=$B$10,7,0)+IF('Standard Profiles'!$G$21=$B$17,14,0)+IF('Standard Profiles'!$G$21=$B$24,21,0),MOD($C2350,24)+1)/SUM(INDEX($D$3:$AA$30,INDEX(Jesper!$R$2:$R$366,ROW(INDEX(Jesper!AK$2:AK$366,ROUNDDOWN($C2350/24,0)+1,1))-1)+IF('Standard Profiles'!$G$21=$B$10,7,0)+IF('Standard Profiles'!$G$21=$B$17,14,0)+IF('Standard Profiles'!$G$21=$B$24,21,0),0)),0)</f>
        <v>0</v>
      </c>
      <c r="H2350" cm="1">
        <f t="array" ref="H2350">IFERROR(INDEX(Jesper!AL$2:AL$366,ROUNDDOWN($C2350/24,0)+1,1)*INDEX($D$3:$AA$30,INDEX(Jesper!$R$2:$R$366,ROW(INDEX(Jesper!AL$2:AL$366,ROUNDDOWN($C2350/24,0)+1,1))-1)+IF('Standard Profiles'!$G$22=$B$10,7,0)+IF('Standard Profiles'!$G$22=$B$17,14,0)+IF('Standard Profiles'!$G$22=$B$24,21,0),MOD($C2350,24)+1)/SUM(INDEX($D$3:$AA$30,INDEX(Jesper!$R$2:$R$366,ROW(INDEX(Jesper!AL$2:AL$366,ROUNDDOWN($C2350/24,0)+1,1))-1)+IF('Standard Profiles'!$G$22=$B$10,7,0)+IF('Standard Profiles'!$G$22=$B$17,14,0)+IF('Standard Profiles'!$G$22=$B$24,21,0),0)),0)</f>
        <v>0</v>
      </c>
      <c r="I2350">
        <f t="shared" si="272"/>
        <v>0.26434988427691564</v>
      </c>
      <c r="J2350">
        <f t="shared" si="273"/>
        <v>0.88116628092305216</v>
      </c>
      <c r="K2350">
        <f t="shared" si="274"/>
        <v>1.3217494213845782</v>
      </c>
      <c r="L2350">
        <f t="shared" si="275"/>
        <v>14.469797204921599</v>
      </c>
      <c r="M2350">
        <f t="shared" si="276"/>
        <v>0</v>
      </c>
      <c r="N2350" s="46">
        <f t="shared" si="277"/>
        <v>45388.499999994383</v>
      </c>
    </row>
    <row r="2351" spans="2:14" x14ac:dyDescent="0.3">
      <c r="B2351">
        <f t="shared" si="271"/>
        <v>6</v>
      </c>
      <c r="C2351" s="16">
        <v>2317</v>
      </c>
      <c r="D2351" cm="1">
        <f t="array" ref="D2351">IFERROR(INDEX(Jesper!AH$2:AH$366,ROUNDDOWN($C2351/24,0)+1,1)*INDEX($D$3:$AA$30,INDEX(Jesper!$R$2:$R$366,ROW(INDEX(Jesper!AH$2:AH$366,ROUNDDOWN($C2351/24,0)+1,1))-1)+IF('Standard Profiles'!$G$18=$B$10,7,0)+IF('Standard Profiles'!$G$18=$B$17,14,0)+IF('Standard Profiles'!$G$18=$B$24,21,0),MOD($C2351,24)+1)/SUM(INDEX($D$3:$AA$30,INDEX(Jesper!$R$2:$R$366,ROW(INDEX(Jesper!AH$2:AH$366,ROUNDDOWN($C2351/24,0)+1,1))-1)+IF('Standard Profiles'!$G$18=$B$10,7,0)+IF('Standard Profiles'!$G$18=$B$17,14,0)+IF('Standard Profiles'!$G$18=$B$24,21,0),0)),0)</f>
        <v>14.002779076032382</v>
      </c>
      <c r="E2351" cm="1">
        <f t="array" ref="E2351">IFERROR(INDEX(Jesper!AI$2:AI$366,ROUNDDOWN($C2351/24,0)+1,1)*INDEX($D$3:$AA$30,INDEX(Jesper!$R$2:$R$366,ROW(INDEX(Jesper!AI$2:AI$366,ROUNDDOWN($C2351/24,0)+1,1))-1)+IF('Standard Profiles'!$G$19=$B$10,7,0)+IF('Standard Profiles'!$G$19=$B$17,14,0)+IF('Standard Profiles'!$G$19=$B$24,21,0),MOD($C2351,24)+1)/SUM(INDEX($D$3:$AA$30,INDEX(Jesper!$R$2:$R$366,ROW(INDEX(Jesper!AI$2:AI$366,ROUNDDOWN($C2351/24,0)+1,1))-1)+IF('Standard Profiles'!$G$19=$B$10,7,0)+IF('Standard Profiles'!$G$19=$B$17,14,0)+IF('Standard Profiles'!$G$19=$B$24,21,0),0)),0)</f>
        <v>2.9342837154737627</v>
      </c>
      <c r="F2351" cm="1">
        <f t="array" ref="F2351">IFERROR(INDEX(Jesper!AJ$2:AJ$366,ROUNDDOWN($C2351/24,0)+1,1)*INDEX($D$3:$AA$30,INDEX(Jesper!$R$2:$R$366,ROW(INDEX(Jesper!AJ$2:AJ$366,ROUNDDOWN($C2351/24,0)+1,1))-1)+IF('Standard Profiles'!$G$20=$B$10,7,0)+IF('Standard Profiles'!$G$20=$B$17,14,0)+IF('Standard Profiles'!$G$20=$B$24,21,0),MOD($C2351,24)+1)/SUM(INDEX($D$3:$AA$30,INDEX(Jesper!$R$2:$R$366,ROW(INDEX(Jesper!AJ$2:AJ$366,ROUNDDOWN($C2351/24,0)+1,1))-1)+IF('Standard Profiles'!$G$20=$B$10,7,0)+IF('Standard Profiles'!$G$20=$B$17,14,0)+IF('Standard Profiles'!$G$20=$B$24,21,0),0)),0)</f>
        <v>0</v>
      </c>
      <c r="G2351" cm="1">
        <f t="array" ref="G2351">IFERROR(INDEX(Jesper!AK$2:AK$366,ROUNDDOWN($C2351/24,0)+1,1)*INDEX($D$3:$AA$30,INDEX(Jesper!$R$2:$R$366,ROW(INDEX(Jesper!AK$2:AK$366,ROUNDDOWN($C2351/24,0)+1,1))-1)+IF('Standard Profiles'!$G$21=$B$10,7,0)+IF('Standard Profiles'!$G$21=$B$17,14,0)+IF('Standard Profiles'!$G$21=$B$24,21,0),MOD($C2351,24)+1)/SUM(INDEX($D$3:$AA$30,INDEX(Jesper!$R$2:$R$366,ROW(INDEX(Jesper!AK$2:AK$366,ROUNDDOWN($C2351/24,0)+1,1))-1)+IF('Standard Profiles'!$G$21=$B$10,7,0)+IF('Standard Profiles'!$G$21=$B$17,14,0)+IF('Standard Profiles'!$G$21=$B$24,21,0),0)),0)</f>
        <v>0</v>
      </c>
      <c r="H2351" cm="1">
        <f t="array" ref="H2351">IFERROR(INDEX(Jesper!AL$2:AL$366,ROUNDDOWN($C2351/24,0)+1,1)*INDEX($D$3:$AA$30,INDEX(Jesper!$R$2:$R$366,ROW(INDEX(Jesper!AL$2:AL$366,ROUNDDOWN($C2351/24,0)+1,1))-1)+IF('Standard Profiles'!$G$22=$B$10,7,0)+IF('Standard Profiles'!$G$22=$B$17,14,0)+IF('Standard Profiles'!$G$22=$B$24,21,0),MOD($C2351,24)+1)/SUM(INDEX($D$3:$AA$30,INDEX(Jesper!$R$2:$R$366,ROW(INDEX(Jesper!AL$2:AL$366,ROUNDDOWN($C2351/24,0)+1,1))-1)+IF('Standard Profiles'!$G$22=$B$10,7,0)+IF('Standard Profiles'!$G$22=$B$17,14,0)+IF('Standard Profiles'!$G$22=$B$24,21,0),0)),0)</f>
        <v>0</v>
      </c>
      <c r="I2351">
        <f t="shared" si="272"/>
        <v>0.26434988427691564</v>
      </c>
      <c r="J2351">
        <f t="shared" si="273"/>
        <v>0.88116628092305216</v>
      </c>
      <c r="K2351">
        <f t="shared" si="274"/>
        <v>1.3217494213845782</v>
      </c>
      <c r="L2351">
        <f t="shared" si="275"/>
        <v>14.469797204921599</v>
      </c>
      <c r="M2351">
        <f t="shared" si="276"/>
        <v>0</v>
      </c>
      <c r="N2351" s="46">
        <f t="shared" si="277"/>
        <v>45388.541666661047</v>
      </c>
    </row>
    <row r="2352" spans="2:14" x14ac:dyDescent="0.3">
      <c r="B2352">
        <f t="shared" si="271"/>
        <v>6</v>
      </c>
      <c r="C2352" s="16">
        <v>2318</v>
      </c>
      <c r="D2352" cm="1">
        <f t="array" ref="D2352">IFERROR(INDEX(Jesper!AH$2:AH$366,ROUNDDOWN($C2352/24,0)+1,1)*INDEX($D$3:$AA$30,INDEX(Jesper!$R$2:$R$366,ROW(INDEX(Jesper!AH$2:AH$366,ROUNDDOWN($C2352/24,0)+1,1))-1)+IF('Standard Profiles'!$G$18=$B$10,7,0)+IF('Standard Profiles'!$G$18=$B$17,14,0)+IF('Standard Profiles'!$G$18=$B$24,21,0),MOD($C2352,24)+1)/SUM(INDEX($D$3:$AA$30,INDEX(Jesper!$R$2:$R$366,ROW(INDEX(Jesper!AH$2:AH$366,ROUNDDOWN($C2352/24,0)+1,1))-1)+IF('Standard Profiles'!$G$18=$B$10,7,0)+IF('Standard Profiles'!$G$18=$B$17,14,0)+IF('Standard Profiles'!$G$18=$B$24,21,0),0)),0)</f>
        <v>14.002779076032382</v>
      </c>
      <c r="E2352" cm="1">
        <f t="array" ref="E2352">IFERROR(INDEX(Jesper!AI$2:AI$366,ROUNDDOWN($C2352/24,0)+1,1)*INDEX($D$3:$AA$30,INDEX(Jesper!$R$2:$R$366,ROW(INDEX(Jesper!AI$2:AI$366,ROUNDDOWN($C2352/24,0)+1,1))-1)+IF('Standard Profiles'!$G$19=$B$10,7,0)+IF('Standard Profiles'!$G$19=$B$17,14,0)+IF('Standard Profiles'!$G$19=$B$24,21,0),MOD($C2352,24)+1)/SUM(INDEX($D$3:$AA$30,INDEX(Jesper!$R$2:$R$366,ROW(INDEX(Jesper!AI$2:AI$366,ROUNDDOWN($C2352/24,0)+1,1))-1)+IF('Standard Profiles'!$G$19=$B$10,7,0)+IF('Standard Profiles'!$G$19=$B$17,14,0)+IF('Standard Profiles'!$G$19=$B$24,21,0),0)),0)</f>
        <v>2.9342837154737627</v>
      </c>
      <c r="F2352" cm="1">
        <f t="array" ref="F2352">IFERROR(INDEX(Jesper!AJ$2:AJ$366,ROUNDDOWN($C2352/24,0)+1,1)*INDEX($D$3:$AA$30,INDEX(Jesper!$R$2:$R$366,ROW(INDEX(Jesper!AJ$2:AJ$366,ROUNDDOWN($C2352/24,0)+1,1))-1)+IF('Standard Profiles'!$G$20=$B$10,7,0)+IF('Standard Profiles'!$G$20=$B$17,14,0)+IF('Standard Profiles'!$G$20=$B$24,21,0),MOD($C2352,24)+1)/SUM(INDEX($D$3:$AA$30,INDEX(Jesper!$R$2:$R$366,ROW(INDEX(Jesper!AJ$2:AJ$366,ROUNDDOWN($C2352/24,0)+1,1))-1)+IF('Standard Profiles'!$G$20=$B$10,7,0)+IF('Standard Profiles'!$G$20=$B$17,14,0)+IF('Standard Profiles'!$G$20=$B$24,21,0),0)),0)</f>
        <v>0</v>
      </c>
      <c r="G2352" cm="1">
        <f t="array" ref="G2352">IFERROR(INDEX(Jesper!AK$2:AK$366,ROUNDDOWN($C2352/24,0)+1,1)*INDEX($D$3:$AA$30,INDEX(Jesper!$R$2:$R$366,ROW(INDEX(Jesper!AK$2:AK$366,ROUNDDOWN($C2352/24,0)+1,1))-1)+IF('Standard Profiles'!$G$21=$B$10,7,0)+IF('Standard Profiles'!$G$21=$B$17,14,0)+IF('Standard Profiles'!$G$21=$B$24,21,0),MOD($C2352,24)+1)/SUM(INDEX($D$3:$AA$30,INDEX(Jesper!$R$2:$R$366,ROW(INDEX(Jesper!AK$2:AK$366,ROUNDDOWN($C2352/24,0)+1,1))-1)+IF('Standard Profiles'!$G$21=$B$10,7,0)+IF('Standard Profiles'!$G$21=$B$17,14,0)+IF('Standard Profiles'!$G$21=$B$24,21,0),0)),0)</f>
        <v>0</v>
      </c>
      <c r="H2352" cm="1">
        <f t="array" ref="H2352">IFERROR(INDEX(Jesper!AL$2:AL$366,ROUNDDOWN($C2352/24,0)+1,1)*INDEX($D$3:$AA$30,INDEX(Jesper!$R$2:$R$366,ROW(INDEX(Jesper!AL$2:AL$366,ROUNDDOWN($C2352/24,0)+1,1))-1)+IF('Standard Profiles'!$G$22=$B$10,7,0)+IF('Standard Profiles'!$G$22=$B$17,14,0)+IF('Standard Profiles'!$G$22=$B$24,21,0),MOD($C2352,24)+1)/SUM(INDEX($D$3:$AA$30,INDEX(Jesper!$R$2:$R$366,ROW(INDEX(Jesper!AL$2:AL$366,ROUNDDOWN($C2352/24,0)+1,1))-1)+IF('Standard Profiles'!$G$22=$B$10,7,0)+IF('Standard Profiles'!$G$22=$B$17,14,0)+IF('Standard Profiles'!$G$22=$B$24,21,0),0)),0)</f>
        <v>0</v>
      </c>
      <c r="I2352">
        <f t="shared" si="272"/>
        <v>0.26434988427691564</v>
      </c>
      <c r="J2352">
        <f t="shared" si="273"/>
        <v>0.88116628092305216</v>
      </c>
      <c r="K2352">
        <f t="shared" si="274"/>
        <v>1.3217494213845782</v>
      </c>
      <c r="L2352">
        <f t="shared" si="275"/>
        <v>14.469797204921599</v>
      </c>
      <c r="M2352">
        <f t="shared" si="276"/>
        <v>0</v>
      </c>
      <c r="N2352" s="46">
        <f t="shared" si="277"/>
        <v>45388.583333327711</v>
      </c>
    </row>
    <row r="2353" spans="2:14" x14ac:dyDescent="0.3">
      <c r="B2353">
        <f t="shared" si="271"/>
        <v>6</v>
      </c>
      <c r="C2353" s="16">
        <v>2319</v>
      </c>
      <c r="D2353" cm="1">
        <f t="array" ref="D2353">IFERROR(INDEX(Jesper!AH$2:AH$366,ROUNDDOWN($C2353/24,0)+1,1)*INDEX($D$3:$AA$30,INDEX(Jesper!$R$2:$R$366,ROW(INDEX(Jesper!AH$2:AH$366,ROUNDDOWN($C2353/24,0)+1,1))-1)+IF('Standard Profiles'!$G$18=$B$10,7,0)+IF('Standard Profiles'!$G$18=$B$17,14,0)+IF('Standard Profiles'!$G$18=$B$24,21,0),MOD($C2353,24)+1)/SUM(INDEX($D$3:$AA$30,INDEX(Jesper!$R$2:$R$366,ROW(INDEX(Jesper!AH$2:AH$366,ROUNDDOWN($C2353/24,0)+1,1))-1)+IF('Standard Profiles'!$G$18=$B$10,7,0)+IF('Standard Profiles'!$G$18=$B$17,14,0)+IF('Standard Profiles'!$G$18=$B$24,21,0),0)),0)</f>
        <v>12.660046835864893</v>
      </c>
      <c r="E2353" cm="1">
        <f t="array" ref="E2353">IFERROR(INDEX(Jesper!AI$2:AI$366,ROUNDDOWN($C2353/24,0)+1,1)*INDEX($D$3:$AA$30,INDEX(Jesper!$R$2:$R$366,ROW(INDEX(Jesper!AI$2:AI$366,ROUNDDOWN($C2353/24,0)+1,1))-1)+IF('Standard Profiles'!$G$19=$B$10,7,0)+IF('Standard Profiles'!$G$19=$B$17,14,0)+IF('Standard Profiles'!$G$19=$B$24,21,0),MOD($C2353,24)+1)/SUM(INDEX($D$3:$AA$30,INDEX(Jesper!$R$2:$R$366,ROW(INDEX(Jesper!AI$2:AI$366,ROUNDDOWN($C2353/24,0)+1,1))-1)+IF('Standard Profiles'!$G$19=$B$10,7,0)+IF('Standard Profiles'!$G$19=$B$17,14,0)+IF('Standard Profiles'!$G$19=$B$24,21,0),0)),0)</f>
        <v>2.652914044126963</v>
      </c>
      <c r="F2353" cm="1">
        <f t="array" ref="F2353">IFERROR(INDEX(Jesper!AJ$2:AJ$366,ROUNDDOWN($C2353/24,0)+1,1)*INDEX($D$3:$AA$30,INDEX(Jesper!$R$2:$R$366,ROW(INDEX(Jesper!AJ$2:AJ$366,ROUNDDOWN($C2353/24,0)+1,1))-1)+IF('Standard Profiles'!$G$20=$B$10,7,0)+IF('Standard Profiles'!$G$20=$B$17,14,0)+IF('Standard Profiles'!$G$20=$B$24,21,0),MOD($C2353,24)+1)/SUM(INDEX($D$3:$AA$30,INDEX(Jesper!$R$2:$R$366,ROW(INDEX(Jesper!AJ$2:AJ$366,ROUNDDOWN($C2353/24,0)+1,1))-1)+IF('Standard Profiles'!$G$20=$B$10,7,0)+IF('Standard Profiles'!$G$20=$B$17,14,0)+IF('Standard Profiles'!$G$20=$B$24,21,0),0)),0)</f>
        <v>0</v>
      </c>
      <c r="G2353" cm="1">
        <f t="array" ref="G2353">IFERROR(INDEX(Jesper!AK$2:AK$366,ROUNDDOWN($C2353/24,0)+1,1)*INDEX($D$3:$AA$30,INDEX(Jesper!$R$2:$R$366,ROW(INDEX(Jesper!AK$2:AK$366,ROUNDDOWN($C2353/24,0)+1,1))-1)+IF('Standard Profiles'!$G$21=$B$10,7,0)+IF('Standard Profiles'!$G$21=$B$17,14,0)+IF('Standard Profiles'!$G$21=$B$24,21,0),MOD($C2353,24)+1)/SUM(INDEX($D$3:$AA$30,INDEX(Jesper!$R$2:$R$366,ROW(INDEX(Jesper!AK$2:AK$366,ROUNDDOWN($C2353/24,0)+1,1))-1)+IF('Standard Profiles'!$G$21=$B$10,7,0)+IF('Standard Profiles'!$G$21=$B$17,14,0)+IF('Standard Profiles'!$G$21=$B$24,21,0),0)),0)</f>
        <v>0</v>
      </c>
      <c r="H2353" cm="1">
        <f t="array" ref="H2353">IFERROR(INDEX(Jesper!AL$2:AL$366,ROUNDDOWN($C2353/24,0)+1,1)*INDEX($D$3:$AA$30,INDEX(Jesper!$R$2:$R$366,ROW(INDEX(Jesper!AL$2:AL$366,ROUNDDOWN($C2353/24,0)+1,1))-1)+IF('Standard Profiles'!$G$22=$B$10,7,0)+IF('Standard Profiles'!$G$22=$B$17,14,0)+IF('Standard Profiles'!$G$22=$B$24,21,0),MOD($C2353,24)+1)/SUM(INDEX($D$3:$AA$30,INDEX(Jesper!$R$2:$R$366,ROW(INDEX(Jesper!AL$2:AL$366,ROUNDDOWN($C2353/24,0)+1,1))-1)+IF('Standard Profiles'!$G$22=$B$10,7,0)+IF('Standard Profiles'!$G$22=$B$17,14,0)+IF('Standard Profiles'!$G$22=$B$24,21,0),0)),0)</f>
        <v>0</v>
      </c>
      <c r="I2353">
        <f t="shared" si="272"/>
        <v>0.2390012652366634</v>
      </c>
      <c r="J2353">
        <f t="shared" si="273"/>
        <v>0.79667088412221143</v>
      </c>
      <c r="K2353">
        <f t="shared" si="274"/>
        <v>1.195006326183317</v>
      </c>
      <c r="L2353">
        <f t="shared" si="275"/>
        <v>13.082282404449664</v>
      </c>
      <c r="M2353">
        <f t="shared" si="276"/>
        <v>0</v>
      </c>
      <c r="N2353" s="46">
        <f t="shared" si="277"/>
        <v>45388.624999994376</v>
      </c>
    </row>
    <row r="2354" spans="2:14" x14ac:dyDescent="0.3">
      <c r="B2354">
        <f t="shared" si="271"/>
        <v>6</v>
      </c>
      <c r="C2354" s="16">
        <v>2320</v>
      </c>
      <c r="D2354" cm="1">
        <f t="array" ref="D2354">IFERROR(INDEX(Jesper!AH$2:AH$366,ROUNDDOWN($C2354/24,0)+1,1)*INDEX($D$3:$AA$30,INDEX(Jesper!$R$2:$R$366,ROW(INDEX(Jesper!AH$2:AH$366,ROUNDDOWN($C2354/24,0)+1,1))-1)+IF('Standard Profiles'!$G$18=$B$10,7,0)+IF('Standard Profiles'!$G$18=$B$17,14,0)+IF('Standard Profiles'!$G$18=$B$24,21,0),MOD($C2354,24)+1)/SUM(INDEX($D$3:$AA$30,INDEX(Jesper!$R$2:$R$366,ROW(INDEX(Jesper!AH$2:AH$366,ROUNDDOWN($C2354/24,0)+1,1))-1)+IF('Standard Profiles'!$G$18=$B$10,7,0)+IF('Standard Profiles'!$G$18=$B$17,14,0)+IF('Standard Profiles'!$G$18=$B$24,21,0),0)),0)</f>
        <v>11.509133487149905</v>
      </c>
      <c r="E2354" cm="1">
        <f t="array" ref="E2354">IFERROR(INDEX(Jesper!AI$2:AI$366,ROUNDDOWN($C2354/24,0)+1,1)*INDEX($D$3:$AA$30,INDEX(Jesper!$R$2:$R$366,ROW(INDEX(Jesper!AI$2:AI$366,ROUNDDOWN($C2354/24,0)+1,1))-1)+IF('Standard Profiles'!$G$19=$B$10,7,0)+IF('Standard Profiles'!$G$19=$B$17,14,0)+IF('Standard Profiles'!$G$19=$B$24,21,0),MOD($C2354,24)+1)/SUM(INDEX($D$3:$AA$30,INDEX(Jesper!$R$2:$R$366,ROW(INDEX(Jesper!AI$2:AI$366,ROUNDDOWN($C2354/24,0)+1,1))-1)+IF('Standard Profiles'!$G$19=$B$10,7,0)+IF('Standard Profiles'!$G$19=$B$17,14,0)+IF('Standard Profiles'!$G$19=$B$24,21,0),0)),0)</f>
        <v>2.4117400401154208</v>
      </c>
      <c r="F2354" cm="1">
        <f t="array" ref="F2354">IFERROR(INDEX(Jesper!AJ$2:AJ$366,ROUNDDOWN($C2354/24,0)+1,1)*INDEX($D$3:$AA$30,INDEX(Jesper!$R$2:$R$366,ROW(INDEX(Jesper!AJ$2:AJ$366,ROUNDDOWN($C2354/24,0)+1,1))-1)+IF('Standard Profiles'!$G$20=$B$10,7,0)+IF('Standard Profiles'!$G$20=$B$17,14,0)+IF('Standard Profiles'!$G$20=$B$24,21,0),MOD($C2354,24)+1)/SUM(INDEX($D$3:$AA$30,INDEX(Jesper!$R$2:$R$366,ROW(INDEX(Jesper!AJ$2:AJ$366,ROUNDDOWN($C2354/24,0)+1,1))-1)+IF('Standard Profiles'!$G$20=$B$10,7,0)+IF('Standard Profiles'!$G$20=$B$17,14,0)+IF('Standard Profiles'!$G$20=$B$24,21,0),0)),0)</f>
        <v>0</v>
      </c>
      <c r="G2354" cm="1">
        <f t="array" ref="G2354">IFERROR(INDEX(Jesper!AK$2:AK$366,ROUNDDOWN($C2354/24,0)+1,1)*INDEX($D$3:$AA$30,INDEX(Jesper!$R$2:$R$366,ROW(INDEX(Jesper!AK$2:AK$366,ROUNDDOWN($C2354/24,0)+1,1))-1)+IF('Standard Profiles'!$G$21=$B$10,7,0)+IF('Standard Profiles'!$G$21=$B$17,14,0)+IF('Standard Profiles'!$G$21=$B$24,21,0),MOD($C2354,24)+1)/SUM(INDEX($D$3:$AA$30,INDEX(Jesper!$R$2:$R$366,ROW(INDEX(Jesper!AK$2:AK$366,ROUNDDOWN($C2354/24,0)+1,1))-1)+IF('Standard Profiles'!$G$21=$B$10,7,0)+IF('Standard Profiles'!$G$21=$B$17,14,0)+IF('Standard Profiles'!$G$21=$B$24,21,0),0)),0)</f>
        <v>0</v>
      </c>
      <c r="H2354" cm="1">
        <f t="array" ref="H2354">IFERROR(INDEX(Jesper!AL$2:AL$366,ROUNDDOWN($C2354/24,0)+1,1)*INDEX($D$3:$AA$30,INDEX(Jesper!$R$2:$R$366,ROW(INDEX(Jesper!AL$2:AL$366,ROUNDDOWN($C2354/24,0)+1,1))-1)+IF('Standard Profiles'!$G$22=$B$10,7,0)+IF('Standard Profiles'!$G$22=$B$17,14,0)+IF('Standard Profiles'!$G$22=$B$24,21,0),MOD($C2354,24)+1)/SUM(INDEX($D$3:$AA$30,INDEX(Jesper!$R$2:$R$366,ROW(INDEX(Jesper!AL$2:AL$366,ROUNDDOWN($C2354/24,0)+1,1))-1)+IF('Standard Profiles'!$G$22=$B$10,7,0)+IF('Standard Profiles'!$G$22=$B$17,14,0)+IF('Standard Profiles'!$G$22=$B$24,21,0),0)),0)</f>
        <v>0</v>
      </c>
      <c r="I2354">
        <f t="shared" si="272"/>
        <v>0.2172738774878758</v>
      </c>
      <c r="J2354">
        <f t="shared" si="273"/>
        <v>0.72424625829291944</v>
      </c>
      <c r="K2354">
        <f t="shared" si="274"/>
        <v>1.0863693874393792</v>
      </c>
      <c r="L2354">
        <f t="shared" si="275"/>
        <v>11.892984004045152</v>
      </c>
      <c r="M2354">
        <f t="shared" si="276"/>
        <v>0</v>
      </c>
      <c r="N2354" s="46">
        <f t="shared" si="277"/>
        <v>45388.66666666104</v>
      </c>
    </row>
    <row r="2355" spans="2:14" x14ac:dyDescent="0.3">
      <c r="B2355">
        <f t="shared" si="271"/>
        <v>6</v>
      </c>
      <c r="C2355" s="16">
        <v>2321</v>
      </c>
      <c r="D2355" cm="1">
        <f t="array" ref="D2355">IFERROR(INDEX(Jesper!AH$2:AH$366,ROUNDDOWN($C2355/24,0)+1,1)*INDEX($D$3:$AA$30,INDEX(Jesper!$R$2:$R$366,ROW(INDEX(Jesper!AH$2:AH$366,ROUNDDOWN($C2355/24,0)+1,1))-1)+IF('Standard Profiles'!$G$18=$B$10,7,0)+IF('Standard Profiles'!$G$18=$B$17,14,0)+IF('Standard Profiles'!$G$18=$B$24,21,0),MOD($C2355,24)+1)/SUM(INDEX($D$3:$AA$30,INDEX(Jesper!$R$2:$R$366,ROW(INDEX(Jesper!AH$2:AH$366,ROUNDDOWN($C2355/24,0)+1,1))-1)+IF('Standard Profiles'!$G$18=$B$10,7,0)+IF('Standard Profiles'!$G$18=$B$17,14,0)+IF('Standard Profiles'!$G$18=$B$24,21,0),0)),0)</f>
        <v>10.358220138434913</v>
      </c>
      <c r="E2355" cm="1">
        <f t="array" ref="E2355">IFERROR(INDEX(Jesper!AI$2:AI$366,ROUNDDOWN($C2355/24,0)+1,1)*INDEX($D$3:$AA$30,INDEX(Jesper!$R$2:$R$366,ROW(INDEX(Jesper!AI$2:AI$366,ROUNDDOWN($C2355/24,0)+1,1))-1)+IF('Standard Profiles'!$G$19=$B$10,7,0)+IF('Standard Profiles'!$G$19=$B$17,14,0)+IF('Standard Profiles'!$G$19=$B$24,21,0),MOD($C2355,24)+1)/SUM(INDEX($D$3:$AA$30,INDEX(Jesper!$R$2:$R$366,ROW(INDEX(Jesper!AI$2:AI$366,ROUNDDOWN($C2355/24,0)+1,1))-1)+IF('Standard Profiles'!$G$19=$B$10,7,0)+IF('Standard Profiles'!$G$19=$B$17,14,0)+IF('Standard Profiles'!$G$19=$B$24,21,0),0)),0)</f>
        <v>2.170566036103879</v>
      </c>
      <c r="F2355" cm="1">
        <f t="array" ref="F2355">IFERROR(INDEX(Jesper!AJ$2:AJ$366,ROUNDDOWN($C2355/24,0)+1,1)*INDEX($D$3:$AA$30,INDEX(Jesper!$R$2:$R$366,ROW(INDEX(Jesper!AJ$2:AJ$366,ROUNDDOWN($C2355/24,0)+1,1))-1)+IF('Standard Profiles'!$G$20=$B$10,7,0)+IF('Standard Profiles'!$G$20=$B$17,14,0)+IF('Standard Profiles'!$G$20=$B$24,21,0),MOD($C2355,24)+1)/SUM(INDEX($D$3:$AA$30,INDEX(Jesper!$R$2:$R$366,ROW(INDEX(Jesper!AJ$2:AJ$366,ROUNDDOWN($C2355/24,0)+1,1))-1)+IF('Standard Profiles'!$G$20=$B$10,7,0)+IF('Standard Profiles'!$G$20=$B$17,14,0)+IF('Standard Profiles'!$G$20=$B$24,21,0),0)),0)</f>
        <v>0</v>
      </c>
      <c r="G2355" cm="1">
        <f t="array" ref="G2355">IFERROR(INDEX(Jesper!AK$2:AK$366,ROUNDDOWN($C2355/24,0)+1,1)*INDEX($D$3:$AA$30,INDEX(Jesper!$R$2:$R$366,ROW(INDEX(Jesper!AK$2:AK$366,ROUNDDOWN($C2355/24,0)+1,1))-1)+IF('Standard Profiles'!$G$21=$B$10,7,0)+IF('Standard Profiles'!$G$21=$B$17,14,0)+IF('Standard Profiles'!$G$21=$B$24,21,0),MOD($C2355,24)+1)/SUM(INDEX($D$3:$AA$30,INDEX(Jesper!$R$2:$R$366,ROW(INDEX(Jesper!AK$2:AK$366,ROUNDDOWN($C2355/24,0)+1,1))-1)+IF('Standard Profiles'!$G$21=$B$10,7,0)+IF('Standard Profiles'!$G$21=$B$17,14,0)+IF('Standard Profiles'!$G$21=$B$24,21,0),0)),0)</f>
        <v>0</v>
      </c>
      <c r="H2355" cm="1">
        <f t="array" ref="H2355">IFERROR(INDEX(Jesper!AL$2:AL$366,ROUNDDOWN($C2355/24,0)+1,1)*INDEX($D$3:$AA$30,INDEX(Jesper!$R$2:$R$366,ROW(INDEX(Jesper!AL$2:AL$366,ROUNDDOWN($C2355/24,0)+1,1))-1)+IF('Standard Profiles'!$G$22=$B$10,7,0)+IF('Standard Profiles'!$G$22=$B$17,14,0)+IF('Standard Profiles'!$G$22=$B$24,21,0),MOD($C2355,24)+1)/SUM(INDEX($D$3:$AA$30,INDEX(Jesper!$R$2:$R$366,ROW(INDEX(Jesper!AL$2:AL$366,ROUNDDOWN($C2355/24,0)+1,1))-1)+IF('Standard Profiles'!$G$22=$B$10,7,0)+IF('Standard Profiles'!$G$22=$B$17,14,0)+IF('Standard Profiles'!$G$22=$B$24,21,0),0)),0)</f>
        <v>0</v>
      </c>
      <c r="I2355">
        <f t="shared" si="272"/>
        <v>0.19554648973908825</v>
      </c>
      <c r="J2355">
        <f t="shared" si="273"/>
        <v>0.65182163246362756</v>
      </c>
      <c r="K2355">
        <f t="shared" si="274"/>
        <v>0.9777324486954414</v>
      </c>
      <c r="L2355">
        <f t="shared" si="275"/>
        <v>10.703685603640634</v>
      </c>
      <c r="M2355">
        <f t="shared" si="276"/>
        <v>0</v>
      </c>
      <c r="N2355" s="46">
        <f t="shared" si="277"/>
        <v>45388.708333327704</v>
      </c>
    </row>
    <row r="2356" spans="2:14" x14ac:dyDescent="0.3">
      <c r="B2356">
        <f t="shared" si="271"/>
        <v>6</v>
      </c>
      <c r="C2356" s="16">
        <v>2322</v>
      </c>
      <c r="D2356" cm="1">
        <f t="array" ref="D2356">IFERROR(INDEX(Jesper!AH$2:AH$366,ROUNDDOWN($C2356/24,0)+1,1)*INDEX($D$3:$AA$30,INDEX(Jesper!$R$2:$R$366,ROW(INDEX(Jesper!AH$2:AH$366,ROUNDDOWN($C2356/24,0)+1,1))-1)+IF('Standard Profiles'!$G$18=$B$10,7,0)+IF('Standard Profiles'!$G$18=$B$17,14,0)+IF('Standard Profiles'!$G$18=$B$24,21,0),MOD($C2356,24)+1)/SUM(INDEX($D$3:$AA$30,INDEX(Jesper!$R$2:$R$366,ROW(INDEX(Jesper!AH$2:AH$366,ROUNDDOWN($C2356/24,0)+1,1))-1)+IF('Standard Profiles'!$G$18=$B$10,7,0)+IF('Standard Profiles'!$G$18=$B$17,14,0)+IF('Standard Profiles'!$G$18=$B$24,21,0),0)),0)</f>
        <v>9.9745823555299165</v>
      </c>
      <c r="E2356" cm="1">
        <f t="array" ref="E2356">IFERROR(INDEX(Jesper!AI$2:AI$366,ROUNDDOWN($C2356/24,0)+1,1)*INDEX($D$3:$AA$30,INDEX(Jesper!$R$2:$R$366,ROW(INDEX(Jesper!AI$2:AI$366,ROUNDDOWN($C2356/24,0)+1,1))-1)+IF('Standard Profiles'!$G$19=$B$10,7,0)+IF('Standard Profiles'!$G$19=$B$17,14,0)+IF('Standard Profiles'!$G$19=$B$24,21,0),MOD($C2356,24)+1)/SUM(INDEX($D$3:$AA$30,INDEX(Jesper!$R$2:$R$366,ROW(INDEX(Jesper!AI$2:AI$366,ROUNDDOWN($C2356/24,0)+1,1))-1)+IF('Standard Profiles'!$G$19=$B$10,7,0)+IF('Standard Profiles'!$G$19=$B$17,14,0)+IF('Standard Profiles'!$G$19=$B$24,21,0),0)),0)</f>
        <v>2.0901747014333649</v>
      </c>
      <c r="F2356" cm="1">
        <f t="array" ref="F2356">IFERROR(INDEX(Jesper!AJ$2:AJ$366,ROUNDDOWN($C2356/24,0)+1,1)*INDEX($D$3:$AA$30,INDEX(Jesper!$R$2:$R$366,ROW(INDEX(Jesper!AJ$2:AJ$366,ROUNDDOWN($C2356/24,0)+1,1))-1)+IF('Standard Profiles'!$G$20=$B$10,7,0)+IF('Standard Profiles'!$G$20=$B$17,14,0)+IF('Standard Profiles'!$G$20=$B$24,21,0),MOD($C2356,24)+1)/SUM(INDEX($D$3:$AA$30,INDEX(Jesper!$R$2:$R$366,ROW(INDEX(Jesper!AJ$2:AJ$366,ROUNDDOWN($C2356/24,0)+1,1))-1)+IF('Standard Profiles'!$G$20=$B$10,7,0)+IF('Standard Profiles'!$G$20=$B$17,14,0)+IF('Standard Profiles'!$G$20=$B$24,21,0),0)),0)</f>
        <v>0</v>
      </c>
      <c r="G2356" cm="1">
        <f t="array" ref="G2356">IFERROR(INDEX(Jesper!AK$2:AK$366,ROUNDDOWN($C2356/24,0)+1,1)*INDEX($D$3:$AA$30,INDEX(Jesper!$R$2:$R$366,ROW(INDEX(Jesper!AK$2:AK$366,ROUNDDOWN($C2356/24,0)+1,1))-1)+IF('Standard Profiles'!$G$21=$B$10,7,0)+IF('Standard Profiles'!$G$21=$B$17,14,0)+IF('Standard Profiles'!$G$21=$B$24,21,0),MOD($C2356,24)+1)/SUM(INDEX($D$3:$AA$30,INDEX(Jesper!$R$2:$R$366,ROW(INDEX(Jesper!AK$2:AK$366,ROUNDDOWN($C2356/24,0)+1,1))-1)+IF('Standard Profiles'!$G$21=$B$10,7,0)+IF('Standard Profiles'!$G$21=$B$17,14,0)+IF('Standard Profiles'!$G$21=$B$24,21,0),0)),0)</f>
        <v>0</v>
      </c>
      <c r="H2356" cm="1">
        <f t="array" ref="H2356">IFERROR(INDEX(Jesper!AL$2:AL$366,ROUNDDOWN($C2356/24,0)+1,1)*INDEX($D$3:$AA$30,INDEX(Jesper!$R$2:$R$366,ROW(INDEX(Jesper!AL$2:AL$366,ROUNDDOWN($C2356/24,0)+1,1))-1)+IF('Standard Profiles'!$G$22=$B$10,7,0)+IF('Standard Profiles'!$G$22=$B$17,14,0)+IF('Standard Profiles'!$G$22=$B$24,21,0),MOD($C2356,24)+1)/SUM(INDEX($D$3:$AA$30,INDEX(Jesper!$R$2:$R$366,ROW(INDEX(Jesper!AL$2:AL$366,ROUNDDOWN($C2356/24,0)+1,1))-1)+IF('Standard Profiles'!$G$22=$B$10,7,0)+IF('Standard Profiles'!$G$22=$B$17,14,0)+IF('Standard Profiles'!$G$22=$B$24,21,0),0)),0)</f>
        <v>0</v>
      </c>
      <c r="I2356">
        <f t="shared" si="272"/>
        <v>0.18830402715615904</v>
      </c>
      <c r="J2356">
        <f t="shared" si="273"/>
        <v>0.6276800905205302</v>
      </c>
      <c r="K2356">
        <f t="shared" si="274"/>
        <v>0.94152013578079541</v>
      </c>
      <c r="L2356">
        <f t="shared" si="275"/>
        <v>10.307252803505797</v>
      </c>
      <c r="M2356">
        <f t="shared" si="276"/>
        <v>0</v>
      </c>
      <c r="N2356" s="46">
        <f t="shared" si="277"/>
        <v>45388.749999994368</v>
      </c>
    </row>
    <row r="2357" spans="2:14" x14ac:dyDescent="0.3">
      <c r="B2357">
        <f t="shared" si="271"/>
        <v>6</v>
      </c>
      <c r="C2357" s="16">
        <v>2323</v>
      </c>
      <c r="D2357" cm="1">
        <f t="array" ref="D2357">IFERROR(INDEX(Jesper!AH$2:AH$366,ROUNDDOWN($C2357/24,0)+1,1)*INDEX($D$3:$AA$30,INDEX(Jesper!$R$2:$R$366,ROW(INDEX(Jesper!AH$2:AH$366,ROUNDDOWN($C2357/24,0)+1,1))-1)+IF('Standard Profiles'!$G$18=$B$10,7,0)+IF('Standard Profiles'!$G$18=$B$17,14,0)+IF('Standard Profiles'!$G$18=$B$24,21,0),MOD($C2357,24)+1)/SUM(INDEX($D$3:$AA$30,INDEX(Jesper!$R$2:$R$366,ROW(INDEX(Jesper!AH$2:AH$366,ROUNDDOWN($C2357/24,0)+1,1))-1)+IF('Standard Profiles'!$G$18=$B$10,7,0)+IF('Standard Profiles'!$G$18=$B$17,14,0)+IF('Standard Profiles'!$G$18=$B$24,21,0),0)),0)</f>
        <v>8.056393441004932</v>
      </c>
      <c r="E2357" cm="1">
        <f t="array" ref="E2357">IFERROR(INDEX(Jesper!AI$2:AI$366,ROUNDDOWN($C2357/24,0)+1,1)*INDEX($D$3:$AA$30,INDEX(Jesper!$R$2:$R$366,ROW(INDEX(Jesper!AI$2:AI$366,ROUNDDOWN($C2357/24,0)+1,1))-1)+IF('Standard Profiles'!$G$19=$B$10,7,0)+IF('Standard Profiles'!$G$19=$B$17,14,0)+IF('Standard Profiles'!$G$19=$B$24,21,0),MOD($C2357,24)+1)/SUM(INDEX($D$3:$AA$30,INDEX(Jesper!$R$2:$R$366,ROW(INDEX(Jesper!AI$2:AI$366,ROUNDDOWN($C2357/24,0)+1,1))-1)+IF('Standard Profiles'!$G$19=$B$10,7,0)+IF('Standard Profiles'!$G$19=$B$17,14,0)+IF('Standard Profiles'!$G$19=$B$24,21,0),0)),0)</f>
        <v>1.6882180280807946</v>
      </c>
      <c r="F2357" cm="1">
        <f t="array" ref="F2357">IFERROR(INDEX(Jesper!AJ$2:AJ$366,ROUNDDOWN($C2357/24,0)+1,1)*INDEX($D$3:$AA$30,INDEX(Jesper!$R$2:$R$366,ROW(INDEX(Jesper!AJ$2:AJ$366,ROUNDDOWN($C2357/24,0)+1,1))-1)+IF('Standard Profiles'!$G$20=$B$10,7,0)+IF('Standard Profiles'!$G$20=$B$17,14,0)+IF('Standard Profiles'!$G$20=$B$24,21,0),MOD($C2357,24)+1)/SUM(INDEX($D$3:$AA$30,INDEX(Jesper!$R$2:$R$366,ROW(INDEX(Jesper!AJ$2:AJ$366,ROUNDDOWN($C2357/24,0)+1,1))-1)+IF('Standard Profiles'!$G$20=$B$10,7,0)+IF('Standard Profiles'!$G$20=$B$17,14,0)+IF('Standard Profiles'!$G$20=$B$24,21,0),0)),0)</f>
        <v>0</v>
      </c>
      <c r="G2357" cm="1">
        <f t="array" ref="G2357">IFERROR(INDEX(Jesper!AK$2:AK$366,ROUNDDOWN($C2357/24,0)+1,1)*INDEX($D$3:$AA$30,INDEX(Jesper!$R$2:$R$366,ROW(INDEX(Jesper!AK$2:AK$366,ROUNDDOWN($C2357/24,0)+1,1))-1)+IF('Standard Profiles'!$G$21=$B$10,7,0)+IF('Standard Profiles'!$G$21=$B$17,14,0)+IF('Standard Profiles'!$G$21=$B$24,21,0),MOD($C2357,24)+1)/SUM(INDEX($D$3:$AA$30,INDEX(Jesper!$R$2:$R$366,ROW(INDEX(Jesper!AK$2:AK$366,ROUNDDOWN($C2357/24,0)+1,1))-1)+IF('Standard Profiles'!$G$21=$B$10,7,0)+IF('Standard Profiles'!$G$21=$B$17,14,0)+IF('Standard Profiles'!$G$21=$B$24,21,0),0)),0)</f>
        <v>0</v>
      </c>
      <c r="H2357" cm="1">
        <f t="array" ref="H2357">IFERROR(INDEX(Jesper!AL$2:AL$366,ROUNDDOWN($C2357/24,0)+1,1)*INDEX($D$3:$AA$30,INDEX(Jesper!$R$2:$R$366,ROW(INDEX(Jesper!AL$2:AL$366,ROUNDDOWN($C2357/24,0)+1,1))-1)+IF('Standard Profiles'!$G$22=$B$10,7,0)+IF('Standard Profiles'!$G$22=$B$17,14,0)+IF('Standard Profiles'!$G$22=$B$24,21,0),MOD($C2357,24)+1)/SUM(INDEX($D$3:$AA$30,INDEX(Jesper!$R$2:$R$366,ROW(INDEX(Jesper!AL$2:AL$366,ROUNDDOWN($C2357/24,0)+1,1))-1)+IF('Standard Profiles'!$G$22=$B$10,7,0)+IF('Standard Profiles'!$G$22=$B$17,14,0)+IF('Standard Profiles'!$G$22=$B$24,21,0),0)),0)</f>
        <v>0</v>
      </c>
      <c r="I2357">
        <f t="shared" si="272"/>
        <v>0.15209171424151308</v>
      </c>
      <c r="J2357">
        <f t="shared" si="273"/>
        <v>0.50697238080504359</v>
      </c>
      <c r="K2357">
        <f t="shared" si="274"/>
        <v>0.76045857120756544</v>
      </c>
      <c r="L2357">
        <f t="shared" si="275"/>
        <v>8.3250888028316048</v>
      </c>
      <c r="M2357">
        <f t="shared" si="276"/>
        <v>0</v>
      </c>
      <c r="N2357" s="46">
        <f t="shared" si="277"/>
        <v>45388.791666661033</v>
      </c>
    </row>
    <row r="2358" spans="2:14" x14ac:dyDescent="0.3">
      <c r="B2358">
        <f t="shared" si="271"/>
        <v>6</v>
      </c>
      <c r="C2358" s="16">
        <v>2324</v>
      </c>
      <c r="D2358" cm="1">
        <f t="array" ref="D2358">IFERROR(INDEX(Jesper!AH$2:AH$366,ROUNDDOWN($C2358/24,0)+1,1)*INDEX($D$3:$AA$30,INDEX(Jesper!$R$2:$R$366,ROW(INDEX(Jesper!AH$2:AH$366,ROUNDDOWN($C2358/24,0)+1,1))-1)+IF('Standard Profiles'!$G$18=$B$10,7,0)+IF('Standard Profiles'!$G$18=$B$17,14,0)+IF('Standard Profiles'!$G$18=$B$24,21,0),MOD($C2358,24)+1)/SUM(INDEX($D$3:$AA$30,INDEX(Jesper!$R$2:$R$366,ROW(INDEX(Jesper!AH$2:AH$366,ROUNDDOWN($C2358/24,0)+1,1))-1)+IF('Standard Profiles'!$G$18=$B$10,7,0)+IF('Standard Profiles'!$G$18=$B$17,14,0)+IF('Standard Profiles'!$G$18=$B$24,21,0),0)),0)</f>
        <v>5.9463856350274495</v>
      </c>
      <c r="E2358" cm="1">
        <f t="array" ref="E2358">IFERROR(INDEX(Jesper!AI$2:AI$366,ROUNDDOWN($C2358/24,0)+1,1)*INDEX($D$3:$AA$30,INDEX(Jesper!$R$2:$R$366,ROW(INDEX(Jesper!AI$2:AI$366,ROUNDDOWN($C2358/24,0)+1,1))-1)+IF('Standard Profiles'!$G$19=$B$10,7,0)+IF('Standard Profiles'!$G$19=$B$17,14,0)+IF('Standard Profiles'!$G$19=$B$24,21,0),MOD($C2358,24)+1)/SUM(INDEX($D$3:$AA$30,INDEX(Jesper!$R$2:$R$366,ROW(INDEX(Jesper!AI$2:AI$366,ROUNDDOWN($C2358/24,0)+1,1))-1)+IF('Standard Profiles'!$G$19=$B$10,7,0)+IF('Standard Profiles'!$G$19=$B$17,14,0)+IF('Standard Profiles'!$G$19=$B$24,21,0),0)),0)</f>
        <v>1.2460656873929674</v>
      </c>
      <c r="F2358" cm="1">
        <f t="array" ref="F2358">IFERROR(INDEX(Jesper!AJ$2:AJ$366,ROUNDDOWN($C2358/24,0)+1,1)*INDEX($D$3:$AA$30,INDEX(Jesper!$R$2:$R$366,ROW(INDEX(Jesper!AJ$2:AJ$366,ROUNDDOWN($C2358/24,0)+1,1))-1)+IF('Standard Profiles'!$G$20=$B$10,7,0)+IF('Standard Profiles'!$G$20=$B$17,14,0)+IF('Standard Profiles'!$G$20=$B$24,21,0),MOD($C2358,24)+1)/SUM(INDEX($D$3:$AA$30,INDEX(Jesper!$R$2:$R$366,ROW(INDEX(Jesper!AJ$2:AJ$366,ROUNDDOWN($C2358/24,0)+1,1))-1)+IF('Standard Profiles'!$G$20=$B$10,7,0)+IF('Standard Profiles'!$G$20=$B$17,14,0)+IF('Standard Profiles'!$G$20=$B$24,21,0),0)),0)</f>
        <v>0</v>
      </c>
      <c r="G2358" cm="1">
        <f t="array" ref="G2358">IFERROR(INDEX(Jesper!AK$2:AK$366,ROUNDDOWN($C2358/24,0)+1,1)*INDEX($D$3:$AA$30,INDEX(Jesper!$R$2:$R$366,ROW(INDEX(Jesper!AK$2:AK$366,ROUNDDOWN($C2358/24,0)+1,1))-1)+IF('Standard Profiles'!$G$21=$B$10,7,0)+IF('Standard Profiles'!$G$21=$B$17,14,0)+IF('Standard Profiles'!$G$21=$B$24,21,0),MOD($C2358,24)+1)/SUM(INDEX($D$3:$AA$30,INDEX(Jesper!$R$2:$R$366,ROW(INDEX(Jesper!AK$2:AK$366,ROUNDDOWN($C2358/24,0)+1,1))-1)+IF('Standard Profiles'!$G$21=$B$10,7,0)+IF('Standard Profiles'!$G$21=$B$17,14,0)+IF('Standard Profiles'!$G$21=$B$24,21,0),0)),0)</f>
        <v>0</v>
      </c>
      <c r="H2358" cm="1">
        <f t="array" ref="H2358">IFERROR(INDEX(Jesper!AL$2:AL$366,ROUNDDOWN($C2358/24,0)+1,1)*INDEX($D$3:$AA$30,INDEX(Jesper!$R$2:$R$366,ROW(INDEX(Jesper!AL$2:AL$366,ROUNDDOWN($C2358/24,0)+1,1))-1)+IF('Standard Profiles'!$G$22=$B$10,7,0)+IF('Standard Profiles'!$G$22=$B$17,14,0)+IF('Standard Profiles'!$G$22=$B$24,21,0),MOD($C2358,24)+1)/SUM(INDEX($D$3:$AA$30,INDEX(Jesper!$R$2:$R$366,ROW(INDEX(Jesper!AL$2:AL$366,ROUNDDOWN($C2358/24,0)+1,1))-1)+IF('Standard Profiles'!$G$22=$B$10,7,0)+IF('Standard Profiles'!$G$22=$B$17,14,0)+IF('Standard Profiles'!$G$22=$B$24,21,0),0)),0)</f>
        <v>0</v>
      </c>
      <c r="I2358">
        <f t="shared" si="272"/>
        <v>0.1122581700354025</v>
      </c>
      <c r="J2358">
        <f t="shared" si="273"/>
        <v>0.37419390011800835</v>
      </c>
      <c r="K2358">
        <f t="shared" si="274"/>
        <v>0.56129085017701252</v>
      </c>
      <c r="L2358">
        <f t="shared" si="275"/>
        <v>6.1447084020899938</v>
      </c>
      <c r="M2358">
        <f t="shared" si="276"/>
        <v>0</v>
      </c>
      <c r="N2358" s="46">
        <f t="shared" si="277"/>
        <v>45388.833333327697</v>
      </c>
    </row>
    <row r="2359" spans="2:14" x14ac:dyDescent="0.3">
      <c r="B2359">
        <f t="shared" si="271"/>
        <v>6</v>
      </c>
      <c r="C2359" s="16">
        <v>2325</v>
      </c>
      <c r="D2359" cm="1">
        <f t="array" ref="D2359">IFERROR(INDEX(Jesper!AH$2:AH$366,ROUNDDOWN($C2359/24,0)+1,1)*INDEX($D$3:$AA$30,INDEX(Jesper!$R$2:$R$366,ROW(INDEX(Jesper!AH$2:AH$366,ROUNDDOWN($C2359/24,0)+1,1))-1)+IF('Standard Profiles'!$G$18=$B$10,7,0)+IF('Standard Profiles'!$G$18=$B$17,14,0)+IF('Standard Profiles'!$G$18=$B$24,21,0),MOD($C2359,24)+1)/SUM(INDEX($D$3:$AA$30,INDEX(Jesper!$R$2:$R$366,ROW(INDEX(Jesper!AH$2:AH$366,ROUNDDOWN($C2359/24,0)+1,1))-1)+IF('Standard Profiles'!$G$18=$B$10,7,0)+IF('Standard Profiles'!$G$18=$B$17,14,0)+IF('Standard Profiles'!$G$18=$B$24,21,0),0)),0)</f>
        <v>5.9463856350274495</v>
      </c>
      <c r="E2359" cm="1">
        <f t="array" ref="E2359">IFERROR(INDEX(Jesper!AI$2:AI$366,ROUNDDOWN($C2359/24,0)+1,1)*INDEX($D$3:$AA$30,INDEX(Jesper!$R$2:$R$366,ROW(INDEX(Jesper!AI$2:AI$366,ROUNDDOWN($C2359/24,0)+1,1))-1)+IF('Standard Profiles'!$G$19=$B$10,7,0)+IF('Standard Profiles'!$G$19=$B$17,14,0)+IF('Standard Profiles'!$G$19=$B$24,21,0),MOD($C2359,24)+1)/SUM(INDEX($D$3:$AA$30,INDEX(Jesper!$R$2:$R$366,ROW(INDEX(Jesper!AI$2:AI$366,ROUNDDOWN($C2359/24,0)+1,1))-1)+IF('Standard Profiles'!$G$19=$B$10,7,0)+IF('Standard Profiles'!$G$19=$B$17,14,0)+IF('Standard Profiles'!$G$19=$B$24,21,0),0)),0)</f>
        <v>1.2460656873929674</v>
      </c>
      <c r="F2359" cm="1">
        <f t="array" ref="F2359">IFERROR(INDEX(Jesper!AJ$2:AJ$366,ROUNDDOWN($C2359/24,0)+1,1)*INDEX($D$3:$AA$30,INDEX(Jesper!$R$2:$R$366,ROW(INDEX(Jesper!AJ$2:AJ$366,ROUNDDOWN($C2359/24,0)+1,1))-1)+IF('Standard Profiles'!$G$20=$B$10,7,0)+IF('Standard Profiles'!$G$20=$B$17,14,0)+IF('Standard Profiles'!$G$20=$B$24,21,0),MOD($C2359,24)+1)/SUM(INDEX($D$3:$AA$30,INDEX(Jesper!$R$2:$R$366,ROW(INDEX(Jesper!AJ$2:AJ$366,ROUNDDOWN($C2359/24,0)+1,1))-1)+IF('Standard Profiles'!$G$20=$B$10,7,0)+IF('Standard Profiles'!$G$20=$B$17,14,0)+IF('Standard Profiles'!$G$20=$B$24,21,0),0)),0)</f>
        <v>0</v>
      </c>
      <c r="G2359" cm="1">
        <f t="array" ref="G2359">IFERROR(INDEX(Jesper!AK$2:AK$366,ROUNDDOWN($C2359/24,0)+1,1)*INDEX($D$3:$AA$30,INDEX(Jesper!$R$2:$R$366,ROW(INDEX(Jesper!AK$2:AK$366,ROUNDDOWN($C2359/24,0)+1,1))-1)+IF('Standard Profiles'!$G$21=$B$10,7,0)+IF('Standard Profiles'!$G$21=$B$17,14,0)+IF('Standard Profiles'!$G$21=$B$24,21,0),MOD($C2359,24)+1)/SUM(INDEX($D$3:$AA$30,INDEX(Jesper!$R$2:$R$366,ROW(INDEX(Jesper!AK$2:AK$366,ROUNDDOWN($C2359/24,0)+1,1))-1)+IF('Standard Profiles'!$G$21=$B$10,7,0)+IF('Standard Profiles'!$G$21=$B$17,14,0)+IF('Standard Profiles'!$G$21=$B$24,21,0),0)),0)</f>
        <v>0</v>
      </c>
      <c r="H2359" cm="1">
        <f t="array" ref="H2359">IFERROR(INDEX(Jesper!AL$2:AL$366,ROUNDDOWN($C2359/24,0)+1,1)*INDEX($D$3:$AA$30,INDEX(Jesper!$R$2:$R$366,ROW(INDEX(Jesper!AL$2:AL$366,ROUNDDOWN($C2359/24,0)+1,1))-1)+IF('Standard Profiles'!$G$22=$B$10,7,0)+IF('Standard Profiles'!$G$22=$B$17,14,0)+IF('Standard Profiles'!$G$22=$B$24,21,0),MOD($C2359,24)+1)/SUM(INDEX($D$3:$AA$30,INDEX(Jesper!$R$2:$R$366,ROW(INDEX(Jesper!AL$2:AL$366,ROUNDDOWN($C2359/24,0)+1,1))-1)+IF('Standard Profiles'!$G$22=$B$10,7,0)+IF('Standard Profiles'!$G$22=$B$17,14,0)+IF('Standard Profiles'!$G$22=$B$24,21,0),0)),0)</f>
        <v>0</v>
      </c>
      <c r="I2359">
        <f t="shared" si="272"/>
        <v>0.1122581700354025</v>
      </c>
      <c r="J2359">
        <f t="shared" si="273"/>
        <v>0.37419390011800835</v>
      </c>
      <c r="K2359">
        <f t="shared" si="274"/>
        <v>0.56129085017701252</v>
      </c>
      <c r="L2359">
        <f t="shared" si="275"/>
        <v>6.1447084020899938</v>
      </c>
      <c r="M2359">
        <f t="shared" si="276"/>
        <v>0</v>
      </c>
      <c r="N2359" s="46">
        <f t="shared" si="277"/>
        <v>45388.874999994361</v>
      </c>
    </row>
    <row r="2360" spans="2:14" x14ac:dyDescent="0.3">
      <c r="B2360">
        <f t="shared" si="271"/>
        <v>6</v>
      </c>
      <c r="C2360" s="16">
        <v>2326</v>
      </c>
      <c r="D2360" cm="1">
        <f t="array" ref="D2360">IFERROR(INDEX(Jesper!AH$2:AH$366,ROUNDDOWN($C2360/24,0)+1,1)*INDEX($D$3:$AA$30,INDEX(Jesper!$R$2:$R$366,ROW(INDEX(Jesper!AH$2:AH$366,ROUNDDOWN($C2360/24,0)+1,1))-1)+IF('Standard Profiles'!$G$18=$B$10,7,0)+IF('Standard Profiles'!$G$18=$B$17,14,0)+IF('Standard Profiles'!$G$18=$B$24,21,0),MOD($C2360,24)+1)/SUM(INDEX($D$3:$AA$30,INDEX(Jesper!$R$2:$R$366,ROW(INDEX(Jesper!AH$2:AH$366,ROUNDDOWN($C2360/24,0)+1,1))-1)+IF('Standard Profiles'!$G$18=$B$10,7,0)+IF('Standard Profiles'!$G$18=$B$17,14,0)+IF('Standard Profiles'!$G$18=$B$24,21,0),0)),0)</f>
        <v>5.9463856350274495</v>
      </c>
      <c r="E2360" cm="1">
        <f t="array" ref="E2360">IFERROR(INDEX(Jesper!AI$2:AI$366,ROUNDDOWN($C2360/24,0)+1,1)*INDEX($D$3:$AA$30,INDEX(Jesper!$R$2:$R$366,ROW(INDEX(Jesper!AI$2:AI$366,ROUNDDOWN($C2360/24,0)+1,1))-1)+IF('Standard Profiles'!$G$19=$B$10,7,0)+IF('Standard Profiles'!$G$19=$B$17,14,0)+IF('Standard Profiles'!$G$19=$B$24,21,0),MOD($C2360,24)+1)/SUM(INDEX($D$3:$AA$30,INDEX(Jesper!$R$2:$R$366,ROW(INDEX(Jesper!AI$2:AI$366,ROUNDDOWN($C2360/24,0)+1,1))-1)+IF('Standard Profiles'!$G$19=$B$10,7,0)+IF('Standard Profiles'!$G$19=$B$17,14,0)+IF('Standard Profiles'!$G$19=$B$24,21,0),0)),0)</f>
        <v>1.2460656873929674</v>
      </c>
      <c r="F2360" cm="1">
        <f t="array" ref="F2360">IFERROR(INDEX(Jesper!AJ$2:AJ$366,ROUNDDOWN($C2360/24,0)+1,1)*INDEX($D$3:$AA$30,INDEX(Jesper!$R$2:$R$366,ROW(INDEX(Jesper!AJ$2:AJ$366,ROUNDDOWN($C2360/24,0)+1,1))-1)+IF('Standard Profiles'!$G$20=$B$10,7,0)+IF('Standard Profiles'!$G$20=$B$17,14,0)+IF('Standard Profiles'!$G$20=$B$24,21,0),MOD($C2360,24)+1)/SUM(INDEX($D$3:$AA$30,INDEX(Jesper!$R$2:$R$366,ROW(INDEX(Jesper!AJ$2:AJ$366,ROUNDDOWN($C2360/24,0)+1,1))-1)+IF('Standard Profiles'!$G$20=$B$10,7,0)+IF('Standard Profiles'!$G$20=$B$17,14,0)+IF('Standard Profiles'!$G$20=$B$24,21,0),0)),0)</f>
        <v>0</v>
      </c>
      <c r="G2360" cm="1">
        <f t="array" ref="G2360">IFERROR(INDEX(Jesper!AK$2:AK$366,ROUNDDOWN($C2360/24,0)+1,1)*INDEX($D$3:$AA$30,INDEX(Jesper!$R$2:$R$366,ROW(INDEX(Jesper!AK$2:AK$366,ROUNDDOWN($C2360/24,0)+1,1))-1)+IF('Standard Profiles'!$G$21=$B$10,7,0)+IF('Standard Profiles'!$G$21=$B$17,14,0)+IF('Standard Profiles'!$G$21=$B$24,21,0),MOD($C2360,24)+1)/SUM(INDEX($D$3:$AA$30,INDEX(Jesper!$R$2:$R$366,ROW(INDEX(Jesper!AK$2:AK$366,ROUNDDOWN($C2360/24,0)+1,1))-1)+IF('Standard Profiles'!$G$21=$B$10,7,0)+IF('Standard Profiles'!$G$21=$B$17,14,0)+IF('Standard Profiles'!$G$21=$B$24,21,0),0)),0)</f>
        <v>0</v>
      </c>
      <c r="H2360" cm="1">
        <f t="array" ref="H2360">IFERROR(INDEX(Jesper!AL$2:AL$366,ROUNDDOWN($C2360/24,0)+1,1)*INDEX($D$3:$AA$30,INDEX(Jesper!$R$2:$R$366,ROW(INDEX(Jesper!AL$2:AL$366,ROUNDDOWN($C2360/24,0)+1,1))-1)+IF('Standard Profiles'!$G$22=$B$10,7,0)+IF('Standard Profiles'!$G$22=$B$17,14,0)+IF('Standard Profiles'!$G$22=$B$24,21,0),MOD($C2360,24)+1)/SUM(INDEX($D$3:$AA$30,INDEX(Jesper!$R$2:$R$366,ROW(INDEX(Jesper!AL$2:AL$366,ROUNDDOWN($C2360/24,0)+1,1))-1)+IF('Standard Profiles'!$G$22=$B$10,7,0)+IF('Standard Profiles'!$G$22=$B$17,14,0)+IF('Standard Profiles'!$G$22=$B$24,21,0),0)),0)</f>
        <v>0</v>
      </c>
      <c r="I2360">
        <f t="shared" si="272"/>
        <v>0.1122581700354025</v>
      </c>
      <c r="J2360">
        <f t="shared" si="273"/>
        <v>0.37419390011800835</v>
      </c>
      <c r="K2360">
        <f t="shared" si="274"/>
        <v>0.56129085017701252</v>
      </c>
      <c r="L2360">
        <f t="shared" si="275"/>
        <v>6.1447084020899938</v>
      </c>
      <c r="M2360">
        <f t="shared" si="276"/>
        <v>0</v>
      </c>
      <c r="N2360" s="46">
        <f t="shared" si="277"/>
        <v>45388.916666661025</v>
      </c>
    </row>
    <row r="2361" spans="2:14" x14ac:dyDescent="0.3">
      <c r="B2361">
        <f t="shared" si="271"/>
        <v>6</v>
      </c>
      <c r="C2361" s="16">
        <v>2327</v>
      </c>
      <c r="D2361" cm="1">
        <f t="array" ref="D2361">IFERROR(INDEX(Jesper!AH$2:AH$366,ROUNDDOWN($C2361/24,0)+1,1)*INDEX($D$3:$AA$30,INDEX(Jesper!$R$2:$R$366,ROW(INDEX(Jesper!AH$2:AH$366,ROUNDDOWN($C2361/24,0)+1,1))-1)+IF('Standard Profiles'!$G$18=$B$10,7,0)+IF('Standard Profiles'!$G$18=$B$17,14,0)+IF('Standard Profiles'!$G$18=$B$24,21,0),MOD($C2361,24)+1)/SUM(INDEX($D$3:$AA$30,INDEX(Jesper!$R$2:$R$366,ROW(INDEX(Jesper!AH$2:AH$366,ROUNDDOWN($C2361/24,0)+1,1))-1)+IF('Standard Profiles'!$G$18=$B$10,7,0)+IF('Standard Profiles'!$G$18=$B$17,14,0)+IF('Standard Profiles'!$G$18=$B$24,21,0),0)),0)</f>
        <v>5.9463856350274495</v>
      </c>
      <c r="E2361" cm="1">
        <f t="array" ref="E2361">IFERROR(INDEX(Jesper!AI$2:AI$366,ROUNDDOWN($C2361/24,0)+1,1)*INDEX($D$3:$AA$30,INDEX(Jesper!$R$2:$R$366,ROW(INDEX(Jesper!AI$2:AI$366,ROUNDDOWN($C2361/24,0)+1,1))-1)+IF('Standard Profiles'!$G$19=$B$10,7,0)+IF('Standard Profiles'!$G$19=$B$17,14,0)+IF('Standard Profiles'!$G$19=$B$24,21,0),MOD($C2361,24)+1)/SUM(INDEX($D$3:$AA$30,INDEX(Jesper!$R$2:$R$366,ROW(INDEX(Jesper!AI$2:AI$366,ROUNDDOWN($C2361/24,0)+1,1))-1)+IF('Standard Profiles'!$G$19=$B$10,7,0)+IF('Standard Profiles'!$G$19=$B$17,14,0)+IF('Standard Profiles'!$G$19=$B$24,21,0),0)),0)</f>
        <v>1.2460656873929674</v>
      </c>
      <c r="F2361" cm="1">
        <f t="array" ref="F2361">IFERROR(INDEX(Jesper!AJ$2:AJ$366,ROUNDDOWN($C2361/24,0)+1,1)*INDEX($D$3:$AA$30,INDEX(Jesper!$R$2:$R$366,ROW(INDEX(Jesper!AJ$2:AJ$366,ROUNDDOWN($C2361/24,0)+1,1))-1)+IF('Standard Profiles'!$G$20=$B$10,7,0)+IF('Standard Profiles'!$G$20=$B$17,14,0)+IF('Standard Profiles'!$G$20=$B$24,21,0),MOD($C2361,24)+1)/SUM(INDEX($D$3:$AA$30,INDEX(Jesper!$R$2:$R$366,ROW(INDEX(Jesper!AJ$2:AJ$366,ROUNDDOWN($C2361/24,0)+1,1))-1)+IF('Standard Profiles'!$G$20=$B$10,7,0)+IF('Standard Profiles'!$G$20=$B$17,14,0)+IF('Standard Profiles'!$G$20=$B$24,21,0),0)),0)</f>
        <v>0</v>
      </c>
      <c r="G2361" cm="1">
        <f t="array" ref="G2361">IFERROR(INDEX(Jesper!AK$2:AK$366,ROUNDDOWN($C2361/24,0)+1,1)*INDEX($D$3:$AA$30,INDEX(Jesper!$R$2:$R$366,ROW(INDEX(Jesper!AK$2:AK$366,ROUNDDOWN($C2361/24,0)+1,1))-1)+IF('Standard Profiles'!$G$21=$B$10,7,0)+IF('Standard Profiles'!$G$21=$B$17,14,0)+IF('Standard Profiles'!$G$21=$B$24,21,0),MOD($C2361,24)+1)/SUM(INDEX($D$3:$AA$30,INDEX(Jesper!$R$2:$R$366,ROW(INDEX(Jesper!AK$2:AK$366,ROUNDDOWN($C2361/24,0)+1,1))-1)+IF('Standard Profiles'!$G$21=$B$10,7,0)+IF('Standard Profiles'!$G$21=$B$17,14,0)+IF('Standard Profiles'!$G$21=$B$24,21,0),0)),0)</f>
        <v>0</v>
      </c>
      <c r="H2361" cm="1">
        <f t="array" ref="H2361">IFERROR(INDEX(Jesper!AL$2:AL$366,ROUNDDOWN($C2361/24,0)+1,1)*INDEX($D$3:$AA$30,INDEX(Jesper!$R$2:$R$366,ROW(INDEX(Jesper!AL$2:AL$366,ROUNDDOWN($C2361/24,0)+1,1))-1)+IF('Standard Profiles'!$G$22=$B$10,7,0)+IF('Standard Profiles'!$G$22=$B$17,14,0)+IF('Standard Profiles'!$G$22=$B$24,21,0),MOD($C2361,24)+1)/SUM(INDEX($D$3:$AA$30,INDEX(Jesper!$R$2:$R$366,ROW(INDEX(Jesper!AL$2:AL$366,ROUNDDOWN($C2361/24,0)+1,1))-1)+IF('Standard Profiles'!$G$22=$B$10,7,0)+IF('Standard Profiles'!$G$22=$B$17,14,0)+IF('Standard Profiles'!$G$22=$B$24,21,0),0)),0)</f>
        <v>0</v>
      </c>
      <c r="I2361">
        <f t="shared" si="272"/>
        <v>0.1122581700354025</v>
      </c>
      <c r="J2361">
        <f t="shared" si="273"/>
        <v>0.37419390011800835</v>
      </c>
      <c r="K2361">
        <f t="shared" si="274"/>
        <v>0.56129085017701252</v>
      </c>
      <c r="L2361">
        <f t="shared" si="275"/>
        <v>6.1447084020899938</v>
      </c>
      <c r="M2361">
        <f t="shared" si="276"/>
        <v>0</v>
      </c>
      <c r="N2361" s="46">
        <f t="shared" si="277"/>
        <v>45388.95833332769</v>
      </c>
    </row>
    <row r="2362" spans="2:14" x14ac:dyDescent="0.3">
      <c r="B2362">
        <f t="shared" si="271"/>
        <v>7</v>
      </c>
      <c r="C2362" s="16">
        <v>2328</v>
      </c>
      <c r="D2362" cm="1">
        <f t="array" ref="D2362">IFERROR(INDEX(Jesper!AH$2:AH$366,ROUNDDOWN($C2362/24,0)+1,1)*INDEX($D$3:$AA$30,INDEX(Jesper!$R$2:$R$366,ROW(INDEX(Jesper!AH$2:AH$366,ROUNDDOWN($C2362/24,0)+1,1))-1)+IF('Standard Profiles'!$G$18=$B$10,7,0)+IF('Standard Profiles'!$G$18=$B$17,14,0)+IF('Standard Profiles'!$G$18=$B$24,21,0),MOD($C2362,24)+1)/SUM(INDEX($D$3:$AA$30,INDEX(Jesper!$R$2:$R$366,ROW(INDEX(Jesper!AH$2:AH$366,ROUNDDOWN($C2362/24,0)+1,1))-1)+IF('Standard Profiles'!$G$18=$B$10,7,0)+IF('Standard Profiles'!$G$18=$B$17,14,0)+IF('Standard Profiles'!$G$18=$B$24,21,0),0)),0)</f>
        <v>6.566177355020308</v>
      </c>
      <c r="E2362" cm="1">
        <f t="array" ref="E2362">IFERROR(INDEX(Jesper!AI$2:AI$366,ROUNDDOWN($C2362/24,0)+1,1)*INDEX($D$3:$AA$30,INDEX(Jesper!$R$2:$R$366,ROW(INDEX(Jesper!AI$2:AI$366,ROUNDDOWN($C2362/24,0)+1,1))-1)+IF('Standard Profiles'!$G$19=$B$10,7,0)+IF('Standard Profiles'!$G$19=$B$17,14,0)+IF('Standard Profiles'!$G$19=$B$24,21,0),MOD($C2362,24)+1)/SUM(INDEX($D$3:$AA$30,INDEX(Jesper!$R$2:$R$366,ROW(INDEX(Jesper!AI$2:AI$366,ROUNDDOWN($C2362/24,0)+1,1))-1)+IF('Standard Profiles'!$G$19=$B$10,7,0)+IF('Standard Profiles'!$G$19=$B$17,14,0)+IF('Standard Profiles'!$G$19=$B$24,21,0),0)),0)</f>
        <v>1.3136515390129542</v>
      </c>
      <c r="F2362" cm="1">
        <f t="array" ref="F2362">IFERROR(INDEX(Jesper!AJ$2:AJ$366,ROUNDDOWN($C2362/24,0)+1,1)*INDEX($D$3:$AA$30,INDEX(Jesper!$R$2:$R$366,ROW(INDEX(Jesper!AJ$2:AJ$366,ROUNDDOWN($C2362/24,0)+1,1))-1)+IF('Standard Profiles'!$G$20=$B$10,7,0)+IF('Standard Profiles'!$G$20=$B$17,14,0)+IF('Standard Profiles'!$G$20=$B$24,21,0),MOD($C2362,24)+1)/SUM(INDEX($D$3:$AA$30,INDEX(Jesper!$R$2:$R$366,ROW(INDEX(Jesper!AJ$2:AJ$366,ROUNDDOWN($C2362/24,0)+1,1))-1)+IF('Standard Profiles'!$G$20=$B$10,7,0)+IF('Standard Profiles'!$G$20=$B$17,14,0)+IF('Standard Profiles'!$G$20=$B$24,21,0),0)),0)</f>
        <v>0</v>
      </c>
      <c r="G2362" cm="1">
        <f t="array" ref="G2362">IFERROR(INDEX(Jesper!AK$2:AK$366,ROUNDDOWN($C2362/24,0)+1,1)*INDEX($D$3:$AA$30,INDEX(Jesper!$R$2:$R$366,ROW(INDEX(Jesper!AK$2:AK$366,ROUNDDOWN($C2362/24,0)+1,1))-1)+IF('Standard Profiles'!$G$21=$B$10,7,0)+IF('Standard Profiles'!$G$21=$B$17,14,0)+IF('Standard Profiles'!$G$21=$B$24,21,0),MOD($C2362,24)+1)/SUM(INDEX($D$3:$AA$30,INDEX(Jesper!$R$2:$R$366,ROW(INDEX(Jesper!AK$2:AK$366,ROUNDDOWN($C2362/24,0)+1,1))-1)+IF('Standard Profiles'!$G$21=$B$10,7,0)+IF('Standard Profiles'!$G$21=$B$17,14,0)+IF('Standard Profiles'!$G$21=$B$24,21,0),0)),0)</f>
        <v>0</v>
      </c>
      <c r="H2362" cm="1">
        <f t="array" ref="H2362">IFERROR(INDEX(Jesper!AL$2:AL$366,ROUNDDOWN($C2362/24,0)+1,1)*INDEX($D$3:$AA$30,INDEX(Jesper!$R$2:$R$366,ROW(INDEX(Jesper!AL$2:AL$366,ROUNDDOWN($C2362/24,0)+1,1))-1)+IF('Standard Profiles'!$G$22=$B$10,7,0)+IF('Standard Profiles'!$G$22=$B$17,14,0)+IF('Standard Profiles'!$G$22=$B$24,21,0),MOD($C2362,24)+1)/SUM(INDEX($D$3:$AA$30,INDEX(Jesper!$R$2:$R$366,ROW(INDEX(Jesper!AL$2:AL$366,ROUNDDOWN($C2362/24,0)+1,1))-1)+IF('Standard Profiles'!$G$22=$B$10,7,0)+IF('Standard Profiles'!$G$22=$B$17,14,0)+IF('Standard Profiles'!$G$22=$B$24,21,0),0)),0)</f>
        <v>0</v>
      </c>
      <c r="I2362">
        <f t="shared" si="272"/>
        <v>0.11834698549666257</v>
      </c>
      <c r="J2362">
        <f t="shared" si="273"/>
        <v>0.39448995165554196</v>
      </c>
      <c r="K2362">
        <f t="shared" si="274"/>
        <v>0.59173492748331291</v>
      </c>
      <c r="L2362">
        <f t="shared" si="275"/>
        <v>6.7752570293977445</v>
      </c>
      <c r="M2362">
        <f t="shared" si="276"/>
        <v>0</v>
      </c>
      <c r="N2362" s="46">
        <f t="shared" si="277"/>
        <v>45388.999999994354</v>
      </c>
    </row>
    <row r="2363" spans="2:14" x14ac:dyDescent="0.3">
      <c r="B2363">
        <f t="shared" si="271"/>
        <v>7</v>
      </c>
      <c r="C2363" s="16">
        <v>2329</v>
      </c>
      <c r="D2363" cm="1">
        <f t="array" ref="D2363">IFERROR(INDEX(Jesper!AH$2:AH$366,ROUNDDOWN($C2363/24,0)+1,1)*INDEX($D$3:$AA$30,INDEX(Jesper!$R$2:$R$366,ROW(INDEX(Jesper!AH$2:AH$366,ROUNDDOWN($C2363/24,0)+1,1))-1)+IF('Standard Profiles'!$G$18=$B$10,7,0)+IF('Standard Profiles'!$G$18=$B$17,14,0)+IF('Standard Profiles'!$G$18=$B$24,21,0),MOD($C2363,24)+1)/SUM(INDEX($D$3:$AA$30,INDEX(Jesper!$R$2:$R$366,ROW(INDEX(Jesper!AH$2:AH$366,ROUNDDOWN($C2363/24,0)+1,1))-1)+IF('Standard Profiles'!$G$18=$B$10,7,0)+IF('Standard Profiles'!$G$18=$B$17,14,0)+IF('Standard Profiles'!$G$18=$B$24,21,0),0)),0)</f>
        <v>7.6252382187332612</v>
      </c>
      <c r="E2363" cm="1">
        <f t="array" ref="E2363">IFERROR(INDEX(Jesper!AI$2:AI$366,ROUNDDOWN($C2363/24,0)+1,1)*INDEX($D$3:$AA$30,INDEX(Jesper!$R$2:$R$366,ROW(INDEX(Jesper!AI$2:AI$366,ROUNDDOWN($C2363/24,0)+1,1))-1)+IF('Standard Profiles'!$G$19=$B$10,7,0)+IF('Standard Profiles'!$G$19=$B$17,14,0)+IF('Standard Profiles'!$G$19=$B$24,21,0),MOD($C2363,24)+1)/SUM(INDEX($D$3:$AA$30,INDEX(Jesper!$R$2:$R$366,ROW(INDEX(Jesper!AI$2:AI$366,ROUNDDOWN($C2363/24,0)+1,1))-1)+IF('Standard Profiles'!$G$19=$B$10,7,0)+IF('Standard Profiles'!$G$19=$B$17,14,0)+IF('Standard Profiles'!$G$19=$B$24,21,0),0)),0)</f>
        <v>1.5255308194989148</v>
      </c>
      <c r="F2363" cm="1">
        <f t="array" ref="F2363">IFERROR(INDEX(Jesper!AJ$2:AJ$366,ROUNDDOWN($C2363/24,0)+1,1)*INDEX($D$3:$AA$30,INDEX(Jesper!$R$2:$R$366,ROW(INDEX(Jesper!AJ$2:AJ$366,ROUNDDOWN($C2363/24,0)+1,1))-1)+IF('Standard Profiles'!$G$20=$B$10,7,0)+IF('Standard Profiles'!$G$20=$B$17,14,0)+IF('Standard Profiles'!$G$20=$B$24,21,0),MOD($C2363,24)+1)/SUM(INDEX($D$3:$AA$30,INDEX(Jesper!$R$2:$R$366,ROW(INDEX(Jesper!AJ$2:AJ$366,ROUNDDOWN($C2363/24,0)+1,1))-1)+IF('Standard Profiles'!$G$20=$B$10,7,0)+IF('Standard Profiles'!$G$20=$B$17,14,0)+IF('Standard Profiles'!$G$20=$B$24,21,0),0)),0)</f>
        <v>0</v>
      </c>
      <c r="G2363" cm="1">
        <f t="array" ref="G2363">IFERROR(INDEX(Jesper!AK$2:AK$366,ROUNDDOWN($C2363/24,0)+1,1)*INDEX($D$3:$AA$30,INDEX(Jesper!$R$2:$R$366,ROW(INDEX(Jesper!AK$2:AK$366,ROUNDDOWN($C2363/24,0)+1,1))-1)+IF('Standard Profiles'!$G$21=$B$10,7,0)+IF('Standard Profiles'!$G$21=$B$17,14,0)+IF('Standard Profiles'!$G$21=$B$24,21,0),MOD($C2363,24)+1)/SUM(INDEX($D$3:$AA$30,INDEX(Jesper!$R$2:$R$366,ROW(INDEX(Jesper!AK$2:AK$366,ROUNDDOWN($C2363/24,0)+1,1))-1)+IF('Standard Profiles'!$G$21=$B$10,7,0)+IF('Standard Profiles'!$G$21=$B$17,14,0)+IF('Standard Profiles'!$G$21=$B$24,21,0),0)),0)</f>
        <v>0</v>
      </c>
      <c r="H2363" cm="1">
        <f t="array" ref="H2363">IFERROR(INDEX(Jesper!AL$2:AL$366,ROUNDDOWN($C2363/24,0)+1,1)*INDEX($D$3:$AA$30,INDEX(Jesper!$R$2:$R$366,ROW(INDEX(Jesper!AL$2:AL$366,ROUNDDOWN($C2363/24,0)+1,1))-1)+IF('Standard Profiles'!$G$22=$B$10,7,0)+IF('Standard Profiles'!$G$22=$B$17,14,0)+IF('Standard Profiles'!$G$22=$B$24,21,0),MOD($C2363,24)+1)/SUM(INDEX($D$3:$AA$30,INDEX(Jesper!$R$2:$R$366,ROW(INDEX(Jesper!AL$2:AL$366,ROUNDDOWN($C2363/24,0)+1,1))-1)+IF('Standard Profiles'!$G$22=$B$10,7,0)+IF('Standard Profiles'!$G$22=$B$17,14,0)+IF('Standard Profiles'!$G$22=$B$24,21,0),0)),0)</f>
        <v>0</v>
      </c>
      <c r="I2363">
        <f t="shared" si="272"/>
        <v>0.13743520896386624</v>
      </c>
      <c r="J2363">
        <f t="shared" si="273"/>
        <v>0.45811736321288749</v>
      </c>
      <c r="K2363">
        <f t="shared" si="274"/>
        <v>0.68717604481933126</v>
      </c>
      <c r="L2363">
        <f t="shared" si="275"/>
        <v>7.868040421236091</v>
      </c>
      <c r="M2363">
        <f t="shared" si="276"/>
        <v>0</v>
      </c>
      <c r="N2363" s="46">
        <f t="shared" si="277"/>
        <v>45389.041666661018</v>
      </c>
    </row>
    <row r="2364" spans="2:14" x14ac:dyDescent="0.3">
      <c r="B2364">
        <f t="shared" si="271"/>
        <v>7</v>
      </c>
      <c r="C2364" s="16">
        <v>2330</v>
      </c>
      <c r="D2364" cm="1">
        <f t="array" ref="D2364">IFERROR(INDEX(Jesper!AH$2:AH$366,ROUNDDOWN($C2364/24,0)+1,1)*INDEX($D$3:$AA$30,INDEX(Jesper!$R$2:$R$366,ROW(INDEX(Jesper!AH$2:AH$366,ROUNDDOWN($C2364/24,0)+1,1))-1)+IF('Standard Profiles'!$G$18=$B$10,7,0)+IF('Standard Profiles'!$G$18=$B$17,14,0)+IF('Standard Profiles'!$G$18=$B$24,21,0),MOD($C2364,24)+1)/SUM(INDEX($D$3:$AA$30,INDEX(Jesper!$R$2:$R$366,ROW(INDEX(Jesper!AH$2:AH$366,ROUNDDOWN($C2364/24,0)+1,1))-1)+IF('Standard Profiles'!$G$18=$B$10,7,0)+IF('Standard Profiles'!$G$18=$B$17,14,0)+IF('Standard Profiles'!$G$18=$B$24,21,0),0)),0)</f>
        <v>7.6252382187332612</v>
      </c>
      <c r="E2364" cm="1">
        <f t="array" ref="E2364">IFERROR(INDEX(Jesper!AI$2:AI$366,ROUNDDOWN($C2364/24,0)+1,1)*INDEX($D$3:$AA$30,INDEX(Jesper!$R$2:$R$366,ROW(INDEX(Jesper!AI$2:AI$366,ROUNDDOWN($C2364/24,0)+1,1))-1)+IF('Standard Profiles'!$G$19=$B$10,7,0)+IF('Standard Profiles'!$G$19=$B$17,14,0)+IF('Standard Profiles'!$G$19=$B$24,21,0),MOD($C2364,24)+1)/SUM(INDEX($D$3:$AA$30,INDEX(Jesper!$R$2:$R$366,ROW(INDEX(Jesper!AI$2:AI$366,ROUNDDOWN($C2364/24,0)+1,1))-1)+IF('Standard Profiles'!$G$19=$B$10,7,0)+IF('Standard Profiles'!$G$19=$B$17,14,0)+IF('Standard Profiles'!$G$19=$B$24,21,0),0)),0)</f>
        <v>1.5255308194989148</v>
      </c>
      <c r="F2364" cm="1">
        <f t="array" ref="F2364">IFERROR(INDEX(Jesper!AJ$2:AJ$366,ROUNDDOWN($C2364/24,0)+1,1)*INDEX($D$3:$AA$30,INDEX(Jesper!$R$2:$R$366,ROW(INDEX(Jesper!AJ$2:AJ$366,ROUNDDOWN($C2364/24,0)+1,1))-1)+IF('Standard Profiles'!$G$20=$B$10,7,0)+IF('Standard Profiles'!$G$20=$B$17,14,0)+IF('Standard Profiles'!$G$20=$B$24,21,0),MOD($C2364,24)+1)/SUM(INDEX($D$3:$AA$30,INDEX(Jesper!$R$2:$R$366,ROW(INDEX(Jesper!AJ$2:AJ$366,ROUNDDOWN($C2364/24,0)+1,1))-1)+IF('Standard Profiles'!$G$20=$B$10,7,0)+IF('Standard Profiles'!$G$20=$B$17,14,0)+IF('Standard Profiles'!$G$20=$B$24,21,0),0)),0)</f>
        <v>0</v>
      </c>
      <c r="G2364" cm="1">
        <f t="array" ref="G2364">IFERROR(INDEX(Jesper!AK$2:AK$366,ROUNDDOWN($C2364/24,0)+1,1)*INDEX($D$3:$AA$30,INDEX(Jesper!$R$2:$R$366,ROW(INDEX(Jesper!AK$2:AK$366,ROUNDDOWN($C2364/24,0)+1,1))-1)+IF('Standard Profiles'!$G$21=$B$10,7,0)+IF('Standard Profiles'!$G$21=$B$17,14,0)+IF('Standard Profiles'!$G$21=$B$24,21,0),MOD($C2364,24)+1)/SUM(INDEX($D$3:$AA$30,INDEX(Jesper!$R$2:$R$366,ROW(INDEX(Jesper!AK$2:AK$366,ROUNDDOWN($C2364/24,0)+1,1))-1)+IF('Standard Profiles'!$G$21=$B$10,7,0)+IF('Standard Profiles'!$G$21=$B$17,14,0)+IF('Standard Profiles'!$G$21=$B$24,21,0),0)),0)</f>
        <v>0</v>
      </c>
      <c r="H2364" cm="1">
        <f t="array" ref="H2364">IFERROR(INDEX(Jesper!AL$2:AL$366,ROUNDDOWN($C2364/24,0)+1,1)*INDEX($D$3:$AA$30,INDEX(Jesper!$R$2:$R$366,ROW(INDEX(Jesper!AL$2:AL$366,ROUNDDOWN($C2364/24,0)+1,1))-1)+IF('Standard Profiles'!$G$22=$B$10,7,0)+IF('Standard Profiles'!$G$22=$B$17,14,0)+IF('Standard Profiles'!$G$22=$B$24,21,0),MOD($C2364,24)+1)/SUM(INDEX($D$3:$AA$30,INDEX(Jesper!$R$2:$R$366,ROW(INDEX(Jesper!AL$2:AL$366,ROUNDDOWN($C2364/24,0)+1,1))-1)+IF('Standard Profiles'!$G$22=$B$10,7,0)+IF('Standard Profiles'!$G$22=$B$17,14,0)+IF('Standard Profiles'!$G$22=$B$24,21,0),0)),0)</f>
        <v>0</v>
      </c>
      <c r="I2364">
        <f t="shared" si="272"/>
        <v>0.13743520896386624</v>
      </c>
      <c r="J2364">
        <f t="shared" si="273"/>
        <v>0.45811736321288749</v>
      </c>
      <c r="K2364">
        <f t="shared" si="274"/>
        <v>0.68717604481933126</v>
      </c>
      <c r="L2364">
        <f t="shared" si="275"/>
        <v>7.868040421236091</v>
      </c>
      <c r="M2364">
        <f t="shared" si="276"/>
        <v>0</v>
      </c>
      <c r="N2364" s="46">
        <f t="shared" si="277"/>
        <v>45389.083333327682</v>
      </c>
    </row>
    <row r="2365" spans="2:14" x14ac:dyDescent="0.3">
      <c r="B2365">
        <f t="shared" si="271"/>
        <v>7</v>
      </c>
      <c r="C2365" s="16">
        <v>2331</v>
      </c>
      <c r="D2365" cm="1">
        <f t="array" ref="D2365">IFERROR(INDEX(Jesper!AH$2:AH$366,ROUNDDOWN($C2365/24,0)+1,1)*INDEX($D$3:$AA$30,INDEX(Jesper!$R$2:$R$366,ROW(INDEX(Jesper!AH$2:AH$366,ROUNDDOWN($C2365/24,0)+1,1))-1)+IF('Standard Profiles'!$G$18=$B$10,7,0)+IF('Standard Profiles'!$G$18=$B$17,14,0)+IF('Standard Profiles'!$G$18=$B$24,21,0),MOD($C2365,24)+1)/SUM(INDEX($D$3:$AA$30,INDEX(Jesper!$R$2:$R$366,ROW(INDEX(Jesper!AH$2:AH$366,ROUNDDOWN($C2365/24,0)+1,1))-1)+IF('Standard Profiles'!$G$18=$B$10,7,0)+IF('Standard Profiles'!$G$18=$B$17,14,0)+IF('Standard Profiles'!$G$18=$B$24,21,0),0)),0)</f>
        <v>7.6252382187332612</v>
      </c>
      <c r="E2365" cm="1">
        <f t="array" ref="E2365">IFERROR(INDEX(Jesper!AI$2:AI$366,ROUNDDOWN($C2365/24,0)+1,1)*INDEX($D$3:$AA$30,INDEX(Jesper!$R$2:$R$366,ROW(INDEX(Jesper!AI$2:AI$366,ROUNDDOWN($C2365/24,0)+1,1))-1)+IF('Standard Profiles'!$G$19=$B$10,7,0)+IF('Standard Profiles'!$G$19=$B$17,14,0)+IF('Standard Profiles'!$G$19=$B$24,21,0),MOD($C2365,24)+1)/SUM(INDEX($D$3:$AA$30,INDEX(Jesper!$R$2:$R$366,ROW(INDEX(Jesper!AI$2:AI$366,ROUNDDOWN($C2365/24,0)+1,1))-1)+IF('Standard Profiles'!$G$19=$B$10,7,0)+IF('Standard Profiles'!$G$19=$B$17,14,0)+IF('Standard Profiles'!$G$19=$B$24,21,0),0)),0)</f>
        <v>1.5255308194989148</v>
      </c>
      <c r="F2365" cm="1">
        <f t="array" ref="F2365">IFERROR(INDEX(Jesper!AJ$2:AJ$366,ROUNDDOWN($C2365/24,0)+1,1)*INDEX($D$3:$AA$30,INDEX(Jesper!$R$2:$R$366,ROW(INDEX(Jesper!AJ$2:AJ$366,ROUNDDOWN($C2365/24,0)+1,1))-1)+IF('Standard Profiles'!$G$20=$B$10,7,0)+IF('Standard Profiles'!$G$20=$B$17,14,0)+IF('Standard Profiles'!$G$20=$B$24,21,0),MOD($C2365,24)+1)/SUM(INDEX($D$3:$AA$30,INDEX(Jesper!$R$2:$R$366,ROW(INDEX(Jesper!AJ$2:AJ$366,ROUNDDOWN($C2365/24,0)+1,1))-1)+IF('Standard Profiles'!$G$20=$B$10,7,0)+IF('Standard Profiles'!$G$20=$B$17,14,0)+IF('Standard Profiles'!$G$20=$B$24,21,0),0)),0)</f>
        <v>0</v>
      </c>
      <c r="G2365" cm="1">
        <f t="array" ref="G2365">IFERROR(INDEX(Jesper!AK$2:AK$366,ROUNDDOWN($C2365/24,0)+1,1)*INDEX($D$3:$AA$30,INDEX(Jesper!$R$2:$R$366,ROW(INDEX(Jesper!AK$2:AK$366,ROUNDDOWN($C2365/24,0)+1,1))-1)+IF('Standard Profiles'!$G$21=$B$10,7,0)+IF('Standard Profiles'!$G$21=$B$17,14,0)+IF('Standard Profiles'!$G$21=$B$24,21,0),MOD($C2365,24)+1)/SUM(INDEX($D$3:$AA$30,INDEX(Jesper!$R$2:$R$366,ROW(INDEX(Jesper!AK$2:AK$366,ROUNDDOWN($C2365/24,0)+1,1))-1)+IF('Standard Profiles'!$G$21=$B$10,7,0)+IF('Standard Profiles'!$G$21=$B$17,14,0)+IF('Standard Profiles'!$G$21=$B$24,21,0),0)),0)</f>
        <v>0</v>
      </c>
      <c r="H2365" cm="1">
        <f t="array" ref="H2365">IFERROR(INDEX(Jesper!AL$2:AL$366,ROUNDDOWN($C2365/24,0)+1,1)*INDEX($D$3:$AA$30,INDEX(Jesper!$R$2:$R$366,ROW(INDEX(Jesper!AL$2:AL$366,ROUNDDOWN($C2365/24,0)+1,1))-1)+IF('Standard Profiles'!$G$22=$B$10,7,0)+IF('Standard Profiles'!$G$22=$B$17,14,0)+IF('Standard Profiles'!$G$22=$B$24,21,0),MOD($C2365,24)+1)/SUM(INDEX($D$3:$AA$30,INDEX(Jesper!$R$2:$R$366,ROW(INDEX(Jesper!AL$2:AL$366,ROUNDDOWN($C2365/24,0)+1,1))-1)+IF('Standard Profiles'!$G$22=$B$10,7,0)+IF('Standard Profiles'!$G$22=$B$17,14,0)+IF('Standard Profiles'!$G$22=$B$24,21,0),0)),0)</f>
        <v>0</v>
      </c>
      <c r="I2365">
        <f t="shared" si="272"/>
        <v>0.13743520896386624</v>
      </c>
      <c r="J2365">
        <f t="shared" si="273"/>
        <v>0.45811736321288749</v>
      </c>
      <c r="K2365">
        <f t="shared" si="274"/>
        <v>0.68717604481933126</v>
      </c>
      <c r="L2365">
        <f t="shared" si="275"/>
        <v>7.868040421236091</v>
      </c>
      <c r="M2365">
        <f t="shared" si="276"/>
        <v>0</v>
      </c>
      <c r="N2365" s="46">
        <f t="shared" si="277"/>
        <v>45389.124999994347</v>
      </c>
    </row>
    <row r="2366" spans="2:14" x14ac:dyDescent="0.3">
      <c r="B2366">
        <f t="shared" si="271"/>
        <v>7</v>
      </c>
      <c r="C2366" s="16">
        <v>2332</v>
      </c>
      <c r="D2366" cm="1">
        <f t="array" ref="D2366">IFERROR(INDEX(Jesper!AH$2:AH$366,ROUNDDOWN($C2366/24,0)+1,1)*INDEX($D$3:$AA$30,INDEX(Jesper!$R$2:$R$366,ROW(INDEX(Jesper!AH$2:AH$366,ROUNDDOWN($C2366/24,0)+1,1))-1)+IF('Standard Profiles'!$G$18=$B$10,7,0)+IF('Standard Profiles'!$G$18=$B$17,14,0)+IF('Standard Profiles'!$G$18=$B$24,21,0),MOD($C2366,24)+1)/SUM(INDEX($D$3:$AA$30,INDEX(Jesper!$R$2:$R$366,ROW(INDEX(Jesper!AH$2:AH$366,ROUNDDOWN($C2366/24,0)+1,1))-1)+IF('Standard Profiles'!$G$18=$B$10,7,0)+IF('Standard Profiles'!$G$18=$B$17,14,0)+IF('Standard Profiles'!$G$18=$B$24,21,0),0)),0)</f>
        <v>7.6252382187332612</v>
      </c>
      <c r="E2366" cm="1">
        <f t="array" ref="E2366">IFERROR(INDEX(Jesper!AI$2:AI$366,ROUNDDOWN($C2366/24,0)+1,1)*INDEX($D$3:$AA$30,INDEX(Jesper!$R$2:$R$366,ROW(INDEX(Jesper!AI$2:AI$366,ROUNDDOWN($C2366/24,0)+1,1))-1)+IF('Standard Profiles'!$G$19=$B$10,7,0)+IF('Standard Profiles'!$G$19=$B$17,14,0)+IF('Standard Profiles'!$G$19=$B$24,21,0),MOD($C2366,24)+1)/SUM(INDEX($D$3:$AA$30,INDEX(Jesper!$R$2:$R$366,ROW(INDEX(Jesper!AI$2:AI$366,ROUNDDOWN($C2366/24,0)+1,1))-1)+IF('Standard Profiles'!$G$19=$B$10,7,0)+IF('Standard Profiles'!$G$19=$B$17,14,0)+IF('Standard Profiles'!$G$19=$B$24,21,0),0)),0)</f>
        <v>1.5255308194989148</v>
      </c>
      <c r="F2366" cm="1">
        <f t="array" ref="F2366">IFERROR(INDEX(Jesper!AJ$2:AJ$366,ROUNDDOWN($C2366/24,0)+1,1)*INDEX($D$3:$AA$30,INDEX(Jesper!$R$2:$R$366,ROW(INDEX(Jesper!AJ$2:AJ$366,ROUNDDOWN($C2366/24,0)+1,1))-1)+IF('Standard Profiles'!$G$20=$B$10,7,0)+IF('Standard Profiles'!$G$20=$B$17,14,0)+IF('Standard Profiles'!$G$20=$B$24,21,0),MOD($C2366,24)+1)/SUM(INDEX($D$3:$AA$30,INDEX(Jesper!$R$2:$R$366,ROW(INDEX(Jesper!AJ$2:AJ$366,ROUNDDOWN($C2366/24,0)+1,1))-1)+IF('Standard Profiles'!$G$20=$B$10,7,0)+IF('Standard Profiles'!$G$20=$B$17,14,0)+IF('Standard Profiles'!$G$20=$B$24,21,0),0)),0)</f>
        <v>0</v>
      </c>
      <c r="G2366" cm="1">
        <f t="array" ref="G2366">IFERROR(INDEX(Jesper!AK$2:AK$366,ROUNDDOWN($C2366/24,0)+1,1)*INDEX($D$3:$AA$30,INDEX(Jesper!$R$2:$R$366,ROW(INDEX(Jesper!AK$2:AK$366,ROUNDDOWN($C2366/24,0)+1,1))-1)+IF('Standard Profiles'!$G$21=$B$10,7,0)+IF('Standard Profiles'!$G$21=$B$17,14,0)+IF('Standard Profiles'!$G$21=$B$24,21,0),MOD($C2366,24)+1)/SUM(INDEX($D$3:$AA$30,INDEX(Jesper!$R$2:$R$366,ROW(INDEX(Jesper!AK$2:AK$366,ROUNDDOWN($C2366/24,0)+1,1))-1)+IF('Standard Profiles'!$G$21=$B$10,7,0)+IF('Standard Profiles'!$G$21=$B$17,14,0)+IF('Standard Profiles'!$G$21=$B$24,21,0),0)),0)</f>
        <v>0</v>
      </c>
      <c r="H2366" cm="1">
        <f t="array" ref="H2366">IFERROR(INDEX(Jesper!AL$2:AL$366,ROUNDDOWN($C2366/24,0)+1,1)*INDEX($D$3:$AA$30,INDEX(Jesper!$R$2:$R$366,ROW(INDEX(Jesper!AL$2:AL$366,ROUNDDOWN($C2366/24,0)+1,1))-1)+IF('Standard Profiles'!$G$22=$B$10,7,0)+IF('Standard Profiles'!$G$22=$B$17,14,0)+IF('Standard Profiles'!$G$22=$B$24,21,0),MOD($C2366,24)+1)/SUM(INDEX($D$3:$AA$30,INDEX(Jesper!$R$2:$R$366,ROW(INDEX(Jesper!AL$2:AL$366,ROUNDDOWN($C2366/24,0)+1,1))-1)+IF('Standard Profiles'!$G$22=$B$10,7,0)+IF('Standard Profiles'!$G$22=$B$17,14,0)+IF('Standard Profiles'!$G$22=$B$24,21,0),0)),0)</f>
        <v>0</v>
      </c>
      <c r="I2366">
        <f t="shared" si="272"/>
        <v>0.13743520896386624</v>
      </c>
      <c r="J2366">
        <f t="shared" si="273"/>
        <v>0.45811736321288749</v>
      </c>
      <c r="K2366">
        <f t="shared" si="274"/>
        <v>0.68717604481933126</v>
      </c>
      <c r="L2366">
        <f t="shared" si="275"/>
        <v>7.868040421236091</v>
      </c>
      <c r="M2366">
        <f t="shared" si="276"/>
        <v>0</v>
      </c>
      <c r="N2366" s="46">
        <f t="shared" si="277"/>
        <v>45389.166666661011</v>
      </c>
    </row>
    <row r="2367" spans="2:14" x14ac:dyDescent="0.3">
      <c r="B2367">
        <f t="shared" si="271"/>
        <v>7</v>
      </c>
      <c r="C2367" s="16">
        <v>2333</v>
      </c>
      <c r="D2367" cm="1">
        <f t="array" ref="D2367">IFERROR(INDEX(Jesper!AH$2:AH$366,ROUNDDOWN($C2367/24,0)+1,1)*INDEX($D$3:$AA$30,INDEX(Jesper!$R$2:$R$366,ROW(INDEX(Jesper!AH$2:AH$366,ROUNDDOWN($C2367/24,0)+1,1))-1)+IF('Standard Profiles'!$G$18=$B$10,7,0)+IF('Standard Profiles'!$G$18=$B$17,14,0)+IF('Standard Profiles'!$G$18=$B$24,21,0),MOD($C2367,24)+1)/SUM(INDEX($D$3:$AA$30,INDEX(Jesper!$R$2:$R$366,ROW(INDEX(Jesper!AH$2:AH$366,ROUNDDOWN($C2367/24,0)+1,1))-1)+IF('Standard Profiles'!$G$18=$B$10,7,0)+IF('Standard Profiles'!$G$18=$B$17,14,0)+IF('Standard Profiles'!$G$18=$B$24,21,0),0)),0)</f>
        <v>9.5315477734165768</v>
      </c>
      <c r="E2367" cm="1">
        <f t="array" ref="E2367">IFERROR(INDEX(Jesper!AI$2:AI$366,ROUNDDOWN($C2367/24,0)+1,1)*INDEX($D$3:$AA$30,INDEX(Jesper!$R$2:$R$366,ROW(INDEX(Jesper!AI$2:AI$366,ROUNDDOWN($C2367/24,0)+1,1))-1)+IF('Standard Profiles'!$G$19=$B$10,7,0)+IF('Standard Profiles'!$G$19=$B$17,14,0)+IF('Standard Profiles'!$G$19=$B$24,21,0),MOD($C2367,24)+1)/SUM(INDEX($D$3:$AA$30,INDEX(Jesper!$R$2:$R$366,ROW(INDEX(Jesper!AI$2:AI$366,ROUNDDOWN($C2367/24,0)+1,1))-1)+IF('Standard Profiles'!$G$19=$B$10,7,0)+IF('Standard Profiles'!$G$19=$B$17,14,0)+IF('Standard Profiles'!$G$19=$B$24,21,0),0)),0)</f>
        <v>1.9069135243736433</v>
      </c>
      <c r="F2367" cm="1">
        <f t="array" ref="F2367">IFERROR(INDEX(Jesper!AJ$2:AJ$366,ROUNDDOWN($C2367/24,0)+1,1)*INDEX($D$3:$AA$30,INDEX(Jesper!$R$2:$R$366,ROW(INDEX(Jesper!AJ$2:AJ$366,ROUNDDOWN($C2367/24,0)+1,1))-1)+IF('Standard Profiles'!$G$20=$B$10,7,0)+IF('Standard Profiles'!$G$20=$B$17,14,0)+IF('Standard Profiles'!$G$20=$B$24,21,0),MOD($C2367,24)+1)/SUM(INDEX($D$3:$AA$30,INDEX(Jesper!$R$2:$R$366,ROW(INDEX(Jesper!AJ$2:AJ$366,ROUNDDOWN($C2367/24,0)+1,1))-1)+IF('Standard Profiles'!$G$20=$B$10,7,0)+IF('Standard Profiles'!$G$20=$B$17,14,0)+IF('Standard Profiles'!$G$20=$B$24,21,0),0)),0)</f>
        <v>0</v>
      </c>
      <c r="G2367" cm="1">
        <f t="array" ref="G2367">IFERROR(INDEX(Jesper!AK$2:AK$366,ROUNDDOWN($C2367/24,0)+1,1)*INDEX($D$3:$AA$30,INDEX(Jesper!$R$2:$R$366,ROW(INDEX(Jesper!AK$2:AK$366,ROUNDDOWN($C2367/24,0)+1,1))-1)+IF('Standard Profiles'!$G$21=$B$10,7,0)+IF('Standard Profiles'!$G$21=$B$17,14,0)+IF('Standard Profiles'!$G$21=$B$24,21,0),MOD($C2367,24)+1)/SUM(INDEX($D$3:$AA$30,INDEX(Jesper!$R$2:$R$366,ROW(INDEX(Jesper!AK$2:AK$366,ROUNDDOWN($C2367/24,0)+1,1))-1)+IF('Standard Profiles'!$G$21=$B$10,7,0)+IF('Standard Profiles'!$G$21=$B$17,14,0)+IF('Standard Profiles'!$G$21=$B$24,21,0),0)),0)</f>
        <v>0</v>
      </c>
      <c r="H2367" cm="1">
        <f t="array" ref="H2367">IFERROR(INDEX(Jesper!AL$2:AL$366,ROUNDDOWN($C2367/24,0)+1,1)*INDEX($D$3:$AA$30,INDEX(Jesper!$R$2:$R$366,ROW(INDEX(Jesper!AL$2:AL$366,ROUNDDOWN($C2367/24,0)+1,1))-1)+IF('Standard Profiles'!$G$22=$B$10,7,0)+IF('Standard Profiles'!$G$22=$B$17,14,0)+IF('Standard Profiles'!$G$22=$B$24,21,0),MOD($C2367,24)+1)/SUM(INDEX($D$3:$AA$30,INDEX(Jesper!$R$2:$R$366,ROW(INDEX(Jesper!AL$2:AL$366,ROUNDDOWN($C2367/24,0)+1,1))-1)+IF('Standard Profiles'!$G$22=$B$10,7,0)+IF('Standard Profiles'!$G$22=$B$17,14,0)+IF('Standard Profiles'!$G$22=$B$24,21,0),0)),0)</f>
        <v>0</v>
      </c>
      <c r="I2367">
        <f t="shared" si="272"/>
        <v>0.17179401120483276</v>
      </c>
      <c r="J2367">
        <f t="shared" si="273"/>
        <v>0.57264670401610929</v>
      </c>
      <c r="K2367">
        <f t="shared" si="274"/>
        <v>0.85897005602416399</v>
      </c>
      <c r="L2367">
        <f t="shared" si="275"/>
        <v>9.835050526545114</v>
      </c>
      <c r="M2367">
        <f t="shared" si="276"/>
        <v>0</v>
      </c>
      <c r="N2367" s="46">
        <f t="shared" si="277"/>
        <v>45389.208333327675</v>
      </c>
    </row>
    <row r="2368" spans="2:14" x14ac:dyDescent="0.3">
      <c r="B2368">
        <f t="shared" si="271"/>
        <v>7</v>
      </c>
      <c r="C2368" s="16">
        <v>2334</v>
      </c>
      <c r="D2368" cm="1">
        <f t="array" ref="D2368">IFERROR(INDEX(Jesper!AH$2:AH$366,ROUNDDOWN($C2368/24,0)+1,1)*INDEX($D$3:$AA$30,INDEX(Jesper!$R$2:$R$366,ROW(INDEX(Jesper!AH$2:AH$366,ROUNDDOWN($C2368/24,0)+1,1))-1)+IF('Standard Profiles'!$G$18=$B$10,7,0)+IF('Standard Profiles'!$G$18=$B$17,14,0)+IF('Standard Profiles'!$G$18=$B$24,21,0),MOD($C2368,24)+1)/SUM(INDEX($D$3:$AA$30,INDEX(Jesper!$R$2:$R$366,ROW(INDEX(Jesper!AH$2:AH$366,ROUNDDOWN($C2368/24,0)+1,1))-1)+IF('Standard Profiles'!$G$18=$B$10,7,0)+IF('Standard Profiles'!$G$18=$B$17,14,0)+IF('Standard Profiles'!$G$18=$B$24,21,0),0)),0)</f>
        <v>11.226045155357301</v>
      </c>
      <c r="E2368" cm="1">
        <f t="array" ref="E2368">IFERROR(INDEX(Jesper!AI$2:AI$366,ROUNDDOWN($C2368/24,0)+1,1)*INDEX($D$3:$AA$30,INDEX(Jesper!$R$2:$R$366,ROW(INDEX(Jesper!AI$2:AI$366,ROUNDDOWN($C2368/24,0)+1,1))-1)+IF('Standard Profiles'!$G$19=$B$10,7,0)+IF('Standard Profiles'!$G$19=$B$17,14,0)+IF('Standard Profiles'!$G$19=$B$24,21,0),MOD($C2368,24)+1)/SUM(INDEX($D$3:$AA$30,INDEX(Jesper!$R$2:$R$366,ROW(INDEX(Jesper!AI$2:AI$366,ROUNDDOWN($C2368/24,0)+1,1))-1)+IF('Standard Profiles'!$G$19=$B$10,7,0)+IF('Standard Profiles'!$G$19=$B$17,14,0)+IF('Standard Profiles'!$G$19=$B$24,21,0),0)),0)</f>
        <v>2.2459203731511801</v>
      </c>
      <c r="F2368" cm="1">
        <f t="array" ref="F2368">IFERROR(INDEX(Jesper!AJ$2:AJ$366,ROUNDDOWN($C2368/24,0)+1,1)*INDEX($D$3:$AA$30,INDEX(Jesper!$R$2:$R$366,ROW(INDEX(Jesper!AJ$2:AJ$366,ROUNDDOWN($C2368/24,0)+1,1))-1)+IF('Standard Profiles'!$G$20=$B$10,7,0)+IF('Standard Profiles'!$G$20=$B$17,14,0)+IF('Standard Profiles'!$G$20=$B$24,21,0),MOD($C2368,24)+1)/SUM(INDEX($D$3:$AA$30,INDEX(Jesper!$R$2:$R$366,ROW(INDEX(Jesper!AJ$2:AJ$366,ROUNDDOWN($C2368/24,0)+1,1))-1)+IF('Standard Profiles'!$G$20=$B$10,7,0)+IF('Standard Profiles'!$G$20=$B$17,14,0)+IF('Standard Profiles'!$G$20=$B$24,21,0),0)),0)</f>
        <v>0</v>
      </c>
      <c r="G2368" cm="1">
        <f t="array" ref="G2368">IFERROR(INDEX(Jesper!AK$2:AK$366,ROUNDDOWN($C2368/24,0)+1,1)*INDEX($D$3:$AA$30,INDEX(Jesper!$R$2:$R$366,ROW(INDEX(Jesper!AK$2:AK$366,ROUNDDOWN($C2368/24,0)+1,1))-1)+IF('Standard Profiles'!$G$21=$B$10,7,0)+IF('Standard Profiles'!$G$21=$B$17,14,0)+IF('Standard Profiles'!$G$21=$B$24,21,0),MOD($C2368,24)+1)/SUM(INDEX($D$3:$AA$30,INDEX(Jesper!$R$2:$R$366,ROW(INDEX(Jesper!AK$2:AK$366,ROUNDDOWN($C2368/24,0)+1,1))-1)+IF('Standard Profiles'!$G$21=$B$10,7,0)+IF('Standard Profiles'!$G$21=$B$17,14,0)+IF('Standard Profiles'!$G$21=$B$24,21,0),0)),0)</f>
        <v>0</v>
      </c>
      <c r="H2368" cm="1">
        <f t="array" ref="H2368">IFERROR(INDEX(Jesper!AL$2:AL$366,ROUNDDOWN($C2368/24,0)+1,1)*INDEX($D$3:$AA$30,INDEX(Jesper!$R$2:$R$366,ROW(INDEX(Jesper!AL$2:AL$366,ROUNDDOWN($C2368/24,0)+1,1))-1)+IF('Standard Profiles'!$G$22=$B$10,7,0)+IF('Standard Profiles'!$G$22=$B$17,14,0)+IF('Standard Profiles'!$G$22=$B$24,21,0),MOD($C2368,24)+1)/SUM(INDEX($D$3:$AA$30,INDEX(Jesper!$R$2:$R$366,ROW(INDEX(Jesper!AL$2:AL$366,ROUNDDOWN($C2368/24,0)+1,1))-1)+IF('Standard Profiles'!$G$22=$B$10,7,0)+IF('Standard Profiles'!$G$22=$B$17,14,0)+IF('Standard Profiles'!$G$22=$B$24,21,0),0)),0)</f>
        <v>0</v>
      </c>
      <c r="I2368">
        <f t="shared" si="272"/>
        <v>0.20233516875235863</v>
      </c>
      <c r="J2368">
        <f t="shared" si="273"/>
        <v>0.67445056250786217</v>
      </c>
      <c r="K2368">
        <f t="shared" si="274"/>
        <v>1.0116758437617932</v>
      </c>
      <c r="L2368">
        <f t="shared" si="275"/>
        <v>11.583503953486467</v>
      </c>
      <c r="M2368">
        <f t="shared" si="276"/>
        <v>0</v>
      </c>
      <c r="N2368" s="46">
        <f t="shared" si="277"/>
        <v>45389.249999994339</v>
      </c>
    </row>
    <row r="2369" spans="2:14" x14ac:dyDescent="0.3">
      <c r="B2369">
        <f t="shared" si="271"/>
        <v>7</v>
      </c>
      <c r="C2369" s="16">
        <v>2335</v>
      </c>
      <c r="D2369" cm="1">
        <f t="array" ref="D2369">IFERROR(INDEX(Jesper!AH$2:AH$366,ROUNDDOWN($C2369/24,0)+1,1)*INDEX($D$3:$AA$30,INDEX(Jesper!$R$2:$R$366,ROW(INDEX(Jesper!AH$2:AH$366,ROUNDDOWN($C2369/24,0)+1,1))-1)+IF('Standard Profiles'!$G$18=$B$10,7,0)+IF('Standard Profiles'!$G$18=$B$17,14,0)+IF('Standard Profiles'!$G$18=$B$24,21,0),MOD($C2369,24)+1)/SUM(INDEX($D$3:$AA$30,INDEX(Jesper!$R$2:$R$366,ROW(INDEX(Jesper!AH$2:AH$366,ROUNDDOWN($C2369/24,0)+1,1))-1)+IF('Standard Profiles'!$G$18=$B$10,7,0)+IF('Standard Profiles'!$G$18=$B$17,14,0)+IF('Standard Profiles'!$G$18=$B$24,21,0),0)),0)</f>
        <v>13.344166882783206</v>
      </c>
      <c r="E2369" cm="1">
        <f t="array" ref="E2369">IFERROR(INDEX(Jesper!AI$2:AI$366,ROUNDDOWN($C2369/24,0)+1,1)*INDEX($D$3:$AA$30,INDEX(Jesper!$R$2:$R$366,ROW(INDEX(Jesper!AI$2:AI$366,ROUNDDOWN($C2369/24,0)+1,1))-1)+IF('Standard Profiles'!$G$19=$B$10,7,0)+IF('Standard Profiles'!$G$19=$B$17,14,0)+IF('Standard Profiles'!$G$19=$B$24,21,0),MOD($C2369,24)+1)/SUM(INDEX($D$3:$AA$30,INDEX(Jesper!$R$2:$R$366,ROW(INDEX(Jesper!AI$2:AI$366,ROUNDDOWN($C2369/24,0)+1,1))-1)+IF('Standard Profiles'!$G$19=$B$10,7,0)+IF('Standard Profiles'!$G$19=$B$17,14,0)+IF('Standard Profiles'!$G$19=$B$24,21,0),0)),0)</f>
        <v>2.6696789341231009</v>
      </c>
      <c r="F2369" cm="1">
        <f t="array" ref="F2369">IFERROR(INDEX(Jesper!AJ$2:AJ$366,ROUNDDOWN($C2369/24,0)+1,1)*INDEX($D$3:$AA$30,INDEX(Jesper!$R$2:$R$366,ROW(INDEX(Jesper!AJ$2:AJ$366,ROUNDDOWN($C2369/24,0)+1,1))-1)+IF('Standard Profiles'!$G$20=$B$10,7,0)+IF('Standard Profiles'!$G$20=$B$17,14,0)+IF('Standard Profiles'!$G$20=$B$24,21,0),MOD($C2369,24)+1)/SUM(INDEX($D$3:$AA$30,INDEX(Jesper!$R$2:$R$366,ROW(INDEX(Jesper!AJ$2:AJ$366,ROUNDDOWN($C2369/24,0)+1,1))-1)+IF('Standard Profiles'!$G$20=$B$10,7,0)+IF('Standard Profiles'!$G$20=$B$17,14,0)+IF('Standard Profiles'!$G$20=$B$24,21,0),0)),0)</f>
        <v>0</v>
      </c>
      <c r="G2369" cm="1">
        <f t="array" ref="G2369">IFERROR(INDEX(Jesper!AK$2:AK$366,ROUNDDOWN($C2369/24,0)+1,1)*INDEX($D$3:$AA$30,INDEX(Jesper!$R$2:$R$366,ROW(INDEX(Jesper!AK$2:AK$366,ROUNDDOWN($C2369/24,0)+1,1))-1)+IF('Standard Profiles'!$G$21=$B$10,7,0)+IF('Standard Profiles'!$G$21=$B$17,14,0)+IF('Standard Profiles'!$G$21=$B$24,21,0),MOD($C2369,24)+1)/SUM(INDEX($D$3:$AA$30,INDEX(Jesper!$R$2:$R$366,ROW(INDEX(Jesper!AK$2:AK$366,ROUNDDOWN($C2369/24,0)+1,1))-1)+IF('Standard Profiles'!$G$21=$B$10,7,0)+IF('Standard Profiles'!$G$21=$B$17,14,0)+IF('Standard Profiles'!$G$21=$B$24,21,0),0)),0)</f>
        <v>0</v>
      </c>
      <c r="H2369" cm="1">
        <f t="array" ref="H2369">IFERROR(INDEX(Jesper!AL$2:AL$366,ROUNDDOWN($C2369/24,0)+1,1)*INDEX($D$3:$AA$30,INDEX(Jesper!$R$2:$R$366,ROW(INDEX(Jesper!AL$2:AL$366,ROUNDDOWN($C2369/24,0)+1,1))-1)+IF('Standard Profiles'!$G$22=$B$10,7,0)+IF('Standard Profiles'!$G$22=$B$17,14,0)+IF('Standard Profiles'!$G$22=$B$24,21,0),MOD($C2369,24)+1)/SUM(INDEX($D$3:$AA$30,INDEX(Jesper!$R$2:$R$366,ROW(INDEX(Jesper!AL$2:AL$366,ROUNDDOWN($C2369/24,0)+1,1))-1)+IF('Standard Profiles'!$G$22=$B$10,7,0)+IF('Standard Profiles'!$G$22=$B$17,14,0)+IF('Standard Profiles'!$G$22=$B$24,21,0),0)),0)</f>
        <v>0</v>
      </c>
      <c r="I2369">
        <f t="shared" si="272"/>
        <v>0.24051161568676591</v>
      </c>
      <c r="J2369">
        <f t="shared" si="273"/>
        <v>0.80170538562255311</v>
      </c>
      <c r="K2369">
        <f t="shared" si="274"/>
        <v>1.2025580784338297</v>
      </c>
      <c r="L2369">
        <f t="shared" si="275"/>
        <v>13.769070737163158</v>
      </c>
      <c r="M2369">
        <f t="shared" si="276"/>
        <v>0</v>
      </c>
      <c r="N2369" s="46">
        <f t="shared" si="277"/>
        <v>45389.291666661004</v>
      </c>
    </row>
    <row r="2370" spans="2:14" x14ac:dyDescent="0.3">
      <c r="B2370">
        <f t="shared" si="271"/>
        <v>7</v>
      </c>
      <c r="C2370" s="16">
        <v>2336</v>
      </c>
      <c r="D2370" cm="1">
        <f t="array" ref="D2370">IFERROR(INDEX(Jesper!AH$2:AH$366,ROUNDDOWN($C2370/24,0)+1,1)*INDEX($D$3:$AA$30,INDEX(Jesper!$R$2:$R$366,ROW(INDEX(Jesper!AH$2:AH$366,ROUNDDOWN($C2370/24,0)+1,1))-1)+IF('Standard Profiles'!$G$18=$B$10,7,0)+IF('Standard Profiles'!$G$18=$B$17,14,0)+IF('Standard Profiles'!$G$18=$B$24,21,0),MOD($C2370,24)+1)/SUM(INDEX($D$3:$AA$30,INDEX(Jesper!$R$2:$R$366,ROW(INDEX(Jesper!AH$2:AH$366,ROUNDDOWN($C2370/24,0)+1,1))-1)+IF('Standard Profiles'!$G$18=$B$10,7,0)+IF('Standard Profiles'!$G$18=$B$17,14,0)+IF('Standard Profiles'!$G$18=$B$24,21,0),0)),0)</f>
        <v>13.344166882783206</v>
      </c>
      <c r="E2370" cm="1">
        <f t="array" ref="E2370">IFERROR(INDEX(Jesper!AI$2:AI$366,ROUNDDOWN($C2370/24,0)+1,1)*INDEX($D$3:$AA$30,INDEX(Jesper!$R$2:$R$366,ROW(INDEX(Jesper!AI$2:AI$366,ROUNDDOWN($C2370/24,0)+1,1))-1)+IF('Standard Profiles'!$G$19=$B$10,7,0)+IF('Standard Profiles'!$G$19=$B$17,14,0)+IF('Standard Profiles'!$G$19=$B$24,21,0),MOD($C2370,24)+1)/SUM(INDEX($D$3:$AA$30,INDEX(Jesper!$R$2:$R$366,ROW(INDEX(Jesper!AI$2:AI$366,ROUNDDOWN($C2370/24,0)+1,1))-1)+IF('Standard Profiles'!$G$19=$B$10,7,0)+IF('Standard Profiles'!$G$19=$B$17,14,0)+IF('Standard Profiles'!$G$19=$B$24,21,0),0)),0)</f>
        <v>2.6696789341231009</v>
      </c>
      <c r="F2370" cm="1">
        <f t="array" ref="F2370">IFERROR(INDEX(Jesper!AJ$2:AJ$366,ROUNDDOWN($C2370/24,0)+1,1)*INDEX($D$3:$AA$30,INDEX(Jesper!$R$2:$R$366,ROW(INDEX(Jesper!AJ$2:AJ$366,ROUNDDOWN($C2370/24,0)+1,1))-1)+IF('Standard Profiles'!$G$20=$B$10,7,0)+IF('Standard Profiles'!$G$20=$B$17,14,0)+IF('Standard Profiles'!$G$20=$B$24,21,0),MOD($C2370,24)+1)/SUM(INDEX($D$3:$AA$30,INDEX(Jesper!$R$2:$R$366,ROW(INDEX(Jesper!AJ$2:AJ$366,ROUNDDOWN($C2370/24,0)+1,1))-1)+IF('Standard Profiles'!$G$20=$B$10,7,0)+IF('Standard Profiles'!$G$20=$B$17,14,0)+IF('Standard Profiles'!$G$20=$B$24,21,0),0)),0)</f>
        <v>0</v>
      </c>
      <c r="G2370" cm="1">
        <f t="array" ref="G2370">IFERROR(INDEX(Jesper!AK$2:AK$366,ROUNDDOWN($C2370/24,0)+1,1)*INDEX($D$3:$AA$30,INDEX(Jesper!$R$2:$R$366,ROW(INDEX(Jesper!AK$2:AK$366,ROUNDDOWN($C2370/24,0)+1,1))-1)+IF('Standard Profiles'!$G$21=$B$10,7,0)+IF('Standard Profiles'!$G$21=$B$17,14,0)+IF('Standard Profiles'!$G$21=$B$24,21,0),MOD($C2370,24)+1)/SUM(INDEX($D$3:$AA$30,INDEX(Jesper!$R$2:$R$366,ROW(INDEX(Jesper!AK$2:AK$366,ROUNDDOWN($C2370/24,0)+1,1))-1)+IF('Standard Profiles'!$G$21=$B$10,7,0)+IF('Standard Profiles'!$G$21=$B$17,14,0)+IF('Standard Profiles'!$G$21=$B$24,21,0),0)),0)</f>
        <v>0</v>
      </c>
      <c r="H2370" cm="1">
        <f t="array" ref="H2370">IFERROR(INDEX(Jesper!AL$2:AL$366,ROUNDDOWN($C2370/24,0)+1,1)*INDEX($D$3:$AA$30,INDEX(Jesper!$R$2:$R$366,ROW(INDEX(Jesper!AL$2:AL$366,ROUNDDOWN($C2370/24,0)+1,1))-1)+IF('Standard Profiles'!$G$22=$B$10,7,0)+IF('Standard Profiles'!$G$22=$B$17,14,0)+IF('Standard Profiles'!$G$22=$B$24,21,0),MOD($C2370,24)+1)/SUM(INDEX($D$3:$AA$30,INDEX(Jesper!$R$2:$R$366,ROW(INDEX(Jesper!AL$2:AL$366,ROUNDDOWN($C2370/24,0)+1,1))-1)+IF('Standard Profiles'!$G$22=$B$10,7,0)+IF('Standard Profiles'!$G$22=$B$17,14,0)+IF('Standard Profiles'!$G$22=$B$24,21,0),0)),0)</f>
        <v>0</v>
      </c>
      <c r="I2370">
        <f t="shared" si="272"/>
        <v>0.24051161568676591</v>
      </c>
      <c r="J2370">
        <f t="shared" si="273"/>
        <v>0.80170538562255311</v>
      </c>
      <c r="K2370">
        <f t="shared" si="274"/>
        <v>1.2025580784338297</v>
      </c>
      <c r="L2370">
        <f t="shared" si="275"/>
        <v>13.769070737163158</v>
      </c>
      <c r="M2370">
        <f t="shared" si="276"/>
        <v>0</v>
      </c>
      <c r="N2370" s="46">
        <f t="shared" si="277"/>
        <v>45389.333333327668</v>
      </c>
    </row>
    <row r="2371" spans="2:14" x14ac:dyDescent="0.3">
      <c r="B2371">
        <f t="shared" si="271"/>
        <v>7</v>
      </c>
      <c r="C2371" s="16">
        <v>2337</v>
      </c>
      <c r="D2371" cm="1">
        <f t="array" ref="D2371">IFERROR(INDEX(Jesper!AH$2:AH$366,ROUNDDOWN($C2371/24,0)+1,1)*INDEX($D$3:$AA$30,INDEX(Jesper!$R$2:$R$366,ROW(INDEX(Jesper!AH$2:AH$366,ROUNDDOWN($C2371/24,0)+1,1))-1)+IF('Standard Profiles'!$G$18=$B$10,7,0)+IF('Standard Profiles'!$G$18=$B$17,14,0)+IF('Standard Profiles'!$G$18=$B$24,21,0),MOD($C2371,24)+1)/SUM(INDEX($D$3:$AA$30,INDEX(Jesper!$R$2:$R$366,ROW(INDEX(Jesper!AH$2:AH$366,ROUNDDOWN($C2371/24,0)+1,1))-1)+IF('Standard Profiles'!$G$18=$B$10,7,0)+IF('Standard Profiles'!$G$18=$B$17,14,0)+IF('Standard Profiles'!$G$18=$B$24,21,0),0)),0)</f>
        <v>13.344166882783206</v>
      </c>
      <c r="E2371" cm="1">
        <f t="array" ref="E2371">IFERROR(INDEX(Jesper!AI$2:AI$366,ROUNDDOWN($C2371/24,0)+1,1)*INDEX($D$3:$AA$30,INDEX(Jesper!$R$2:$R$366,ROW(INDEX(Jesper!AI$2:AI$366,ROUNDDOWN($C2371/24,0)+1,1))-1)+IF('Standard Profiles'!$G$19=$B$10,7,0)+IF('Standard Profiles'!$G$19=$B$17,14,0)+IF('Standard Profiles'!$G$19=$B$24,21,0),MOD($C2371,24)+1)/SUM(INDEX($D$3:$AA$30,INDEX(Jesper!$R$2:$R$366,ROW(INDEX(Jesper!AI$2:AI$366,ROUNDDOWN($C2371/24,0)+1,1))-1)+IF('Standard Profiles'!$G$19=$B$10,7,0)+IF('Standard Profiles'!$G$19=$B$17,14,0)+IF('Standard Profiles'!$G$19=$B$24,21,0),0)),0)</f>
        <v>2.6696789341231009</v>
      </c>
      <c r="F2371" cm="1">
        <f t="array" ref="F2371">IFERROR(INDEX(Jesper!AJ$2:AJ$366,ROUNDDOWN($C2371/24,0)+1,1)*INDEX($D$3:$AA$30,INDEX(Jesper!$R$2:$R$366,ROW(INDEX(Jesper!AJ$2:AJ$366,ROUNDDOWN($C2371/24,0)+1,1))-1)+IF('Standard Profiles'!$G$20=$B$10,7,0)+IF('Standard Profiles'!$G$20=$B$17,14,0)+IF('Standard Profiles'!$G$20=$B$24,21,0),MOD($C2371,24)+1)/SUM(INDEX($D$3:$AA$30,INDEX(Jesper!$R$2:$R$366,ROW(INDEX(Jesper!AJ$2:AJ$366,ROUNDDOWN($C2371/24,0)+1,1))-1)+IF('Standard Profiles'!$G$20=$B$10,7,0)+IF('Standard Profiles'!$G$20=$B$17,14,0)+IF('Standard Profiles'!$G$20=$B$24,21,0),0)),0)</f>
        <v>0</v>
      </c>
      <c r="G2371" cm="1">
        <f t="array" ref="G2371">IFERROR(INDEX(Jesper!AK$2:AK$366,ROUNDDOWN($C2371/24,0)+1,1)*INDEX($D$3:$AA$30,INDEX(Jesper!$R$2:$R$366,ROW(INDEX(Jesper!AK$2:AK$366,ROUNDDOWN($C2371/24,0)+1,1))-1)+IF('Standard Profiles'!$G$21=$B$10,7,0)+IF('Standard Profiles'!$G$21=$B$17,14,0)+IF('Standard Profiles'!$G$21=$B$24,21,0),MOD($C2371,24)+1)/SUM(INDEX($D$3:$AA$30,INDEX(Jesper!$R$2:$R$366,ROW(INDEX(Jesper!AK$2:AK$366,ROUNDDOWN($C2371/24,0)+1,1))-1)+IF('Standard Profiles'!$G$21=$B$10,7,0)+IF('Standard Profiles'!$G$21=$B$17,14,0)+IF('Standard Profiles'!$G$21=$B$24,21,0),0)),0)</f>
        <v>0</v>
      </c>
      <c r="H2371" cm="1">
        <f t="array" ref="H2371">IFERROR(INDEX(Jesper!AL$2:AL$366,ROUNDDOWN($C2371/24,0)+1,1)*INDEX($D$3:$AA$30,INDEX(Jesper!$R$2:$R$366,ROW(INDEX(Jesper!AL$2:AL$366,ROUNDDOWN($C2371/24,0)+1,1))-1)+IF('Standard Profiles'!$G$22=$B$10,7,0)+IF('Standard Profiles'!$G$22=$B$17,14,0)+IF('Standard Profiles'!$G$22=$B$24,21,0),MOD($C2371,24)+1)/SUM(INDEX($D$3:$AA$30,INDEX(Jesper!$R$2:$R$366,ROW(INDEX(Jesper!AL$2:AL$366,ROUNDDOWN($C2371/24,0)+1,1))-1)+IF('Standard Profiles'!$G$22=$B$10,7,0)+IF('Standard Profiles'!$G$22=$B$17,14,0)+IF('Standard Profiles'!$G$22=$B$24,21,0),0)),0)</f>
        <v>0</v>
      </c>
      <c r="I2371">
        <f t="shared" si="272"/>
        <v>0.24051161568676591</v>
      </c>
      <c r="J2371">
        <f t="shared" si="273"/>
        <v>0.80170538562255311</v>
      </c>
      <c r="K2371">
        <f t="shared" si="274"/>
        <v>1.2025580784338297</v>
      </c>
      <c r="L2371">
        <f t="shared" si="275"/>
        <v>13.769070737163158</v>
      </c>
      <c r="M2371">
        <f t="shared" si="276"/>
        <v>0</v>
      </c>
      <c r="N2371" s="46">
        <f t="shared" si="277"/>
        <v>45389.374999994332</v>
      </c>
    </row>
    <row r="2372" spans="2:14" x14ac:dyDescent="0.3">
      <c r="B2372">
        <f t="shared" si="271"/>
        <v>7</v>
      </c>
      <c r="C2372" s="16">
        <v>2338</v>
      </c>
      <c r="D2372" cm="1">
        <f t="array" ref="D2372">IFERROR(INDEX(Jesper!AH$2:AH$366,ROUNDDOWN($C2372/24,0)+1,1)*INDEX($D$3:$AA$30,INDEX(Jesper!$R$2:$R$366,ROW(INDEX(Jesper!AH$2:AH$366,ROUNDDOWN($C2372/24,0)+1,1))-1)+IF('Standard Profiles'!$G$18=$B$10,7,0)+IF('Standard Profiles'!$G$18=$B$17,14,0)+IF('Standard Profiles'!$G$18=$B$24,21,0),MOD($C2372,24)+1)/SUM(INDEX($D$3:$AA$30,INDEX(Jesper!$R$2:$R$366,ROW(INDEX(Jesper!AH$2:AH$366,ROUNDDOWN($C2372/24,0)+1,1))-1)+IF('Standard Profiles'!$G$18=$B$10,7,0)+IF('Standard Profiles'!$G$18=$B$17,14,0)+IF('Standard Profiles'!$G$18=$B$24,21,0),0)),0)</f>
        <v>13.344166882783206</v>
      </c>
      <c r="E2372" cm="1">
        <f t="array" ref="E2372">IFERROR(INDEX(Jesper!AI$2:AI$366,ROUNDDOWN($C2372/24,0)+1,1)*INDEX($D$3:$AA$30,INDEX(Jesper!$R$2:$R$366,ROW(INDEX(Jesper!AI$2:AI$366,ROUNDDOWN($C2372/24,0)+1,1))-1)+IF('Standard Profiles'!$G$19=$B$10,7,0)+IF('Standard Profiles'!$G$19=$B$17,14,0)+IF('Standard Profiles'!$G$19=$B$24,21,0),MOD($C2372,24)+1)/SUM(INDEX($D$3:$AA$30,INDEX(Jesper!$R$2:$R$366,ROW(INDEX(Jesper!AI$2:AI$366,ROUNDDOWN($C2372/24,0)+1,1))-1)+IF('Standard Profiles'!$G$19=$B$10,7,0)+IF('Standard Profiles'!$G$19=$B$17,14,0)+IF('Standard Profiles'!$G$19=$B$24,21,0),0)),0)</f>
        <v>2.6696789341231009</v>
      </c>
      <c r="F2372" cm="1">
        <f t="array" ref="F2372">IFERROR(INDEX(Jesper!AJ$2:AJ$366,ROUNDDOWN($C2372/24,0)+1,1)*INDEX($D$3:$AA$30,INDEX(Jesper!$R$2:$R$366,ROW(INDEX(Jesper!AJ$2:AJ$366,ROUNDDOWN($C2372/24,0)+1,1))-1)+IF('Standard Profiles'!$G$20=$B$10,7,0)+IF('Standard Profiles'!$G$20=$B$17,14,0)+IF('Standard Profiles'!$G$20=$B$24,21,0),MOD($C2372,24)+1)/SUM(INDEX($D$3:$AA$30,INDEX(Jesper!$R$2:$R$366,ROW(INDEX(Jesper!AJ$2:AJ$366,ROUNDDOWN($C2372/24,0)+1,1))-1)+IF('Standard Profiles'!$G$20=$B$10,7,0)+IF('Standard Profiles'!$G$20=$B$17,14,0)+IF('Standard Profiles'!$G$20=$B$24,21,0),0)),0)</f>
        <v>0</v>
      </c>
      <c r="G2372" cm="1">
        <f t="array" ref="G2372">IFERROR(INDEX(Jesper!AK$2:AK$366,ROUNDDOWN($C2372/24,0)+1,1)*INDEX($D$3:$AA$30,INDEX(Jesper!$R$2:$R$366,ROW(INDEX(Jesper!AK$2:AK$366,ROUNDDOWN($C2372/24,0)+1,1))-1)+IF('Standard Profiles'!$G$21=$B$10,7,0)+IF('Standard Profiles'!$G$21=$B$17,14,0)+IF('Standard Profiles'!$G$21=$B$24,21,0),MOD($C2372,24)+1)/SUM(INDEX($D$3:$AA$30,INDEX(Jesper!$R$2:$R$366,ROW(INDEX(Jesper!AK$2:AK$366,ROUNDDOWN($C2372/24,0)+1,1))-1)+IF('Standard Profiles'!$G$21=$B$10,7,0)+IF('Standard Profiles'!$G$21=$B$17,14,0)+IF('Standard Profiles'!$G$21=$B$24,21,0),0)),0)</f>
        <v>0</v>
      </c>
      <c r="H2372" cm="1">
        <f t="array" ref="H2372">IFERROR(INDEX(Jesper!AL$2:AL$366,ROUNDDOWN($C2372/24,0)+1,1)*INDEX($D$3:$AA$30,INDEX(Jesper!$R$2:$R$366,ROW(INDEX(Jesper!AL$2:AL$366,ROUNDDOWN($C2372/24,0)+1,1))-1)+IF('Standard Profiles'!$G$22=$B$10,7,0)+IF('Standard Profiles'!$G$22=$B$17,14,0)+IF('Standard Profiles'!$G$22=$B$24,21,0),MOD($C2372,24)+1)/SUM(INDEX($D$3:$AA$30,INDEX(Jesper!$R$2:$R$366,ROW(INDEX(Jesper!AL$2:AL$366,ROUNDDOWN($C2372/24,0)+1,1))-1)+IF('Standard Profiles'!$G$22=$B$10,7,0)+IF('Standard Profiles'!$G$22=$B$17,14,0)+IF('Standard Profiles'!$G$22=$B$24,21,0),0)),0)</f>
        <v>0</v>
      </c>
      <c r="I2372">
        <f t="shared" si="272"/>
        <v>0.24051161568676591</v>
      </c>
      <c r="J2372">
        <f t="shared" si="273"/>
        <v>0.80170538562255311</v>
      </c>
      <c r="K2372">
        <f t="shared" si="274"/>
        <v>1.2025580784338297</v>
      </c>
      <c r="L2372">
        <f t="shared" si="275"/>
        <v>13.769070737163158</v>
      </c>
      <c r="M2372">
        <f t="shared" si="276"/>
        <v>0</v>
      </c>
      <c r="N2372" s="46">
        <f t="shared" si="277"/>
        <v>45389.416666660996</v>
      </c>
    </row>
    <row r="2373" spans="2:14" x14ac:dyDescent="0.3">
      <c r="B2373">
        <f t="shared" si="271"/>
        <v>7</v>
      </c>
      <c r="C2373" s="16">
        <v>2339</v>
      </c>
      <c r="D2373" cm="1">
        <f t="array" ref="D2373">IFERROR(INDEX(Jesper!AH$2:AH$366,ROUNDDOWN($C2373/24,0)+1,1)*INDEX($D$3:$AA$30,INDEX(Jesper!$R$2:$R$366,ROW(INDEX(Jesper!AH$2:AH$366,ROUNDDOWN($C2373/24,0)+1,1))-1)+IF('Standard Profiles'!$G$18=$B$10,7,0)+IF('Standard Profiles'!$G$18=$B$17,14,0)+IF('Standard Profiles'!$G$18=$B$24,21,0),MOD($C2373,24)+1)/SUM(INDEX($D$3:$AA$30,INDEX(Jesper!$R$2:$R$366,ROW(INDEX(Jesper!AH$2:AH$366,ROUNDDOWN($C2373/24,0)+1,1))-1)+IF('Standard Profiles'!$G$18=$B$10,7,0)+IF('Standard Profiles'!$G$18=$B$17,14,0)+IF('Standard Profiles'!$G$18=$B$24,21,0),0)),0)</f>
        <v>13.344166882783206</v>
      </c>
      <c r="E2373" cm="1">
        <f t="array" ref="E2373">IFERROR(INDEX(Jesper!AI$2:AI$366,ROUNDDOWN($C2373/24,0)+1,1)*INDEX($D$3:$AA$30,INDEX(Jesper!$R$2:$R$366,ROW(INDEX(Jesper!AI$2:AI$366,ROUNDDOWN($C2373/24,0)+1,1))-1)+IF('Standard Profiles'!$G$19=$B$10,7,0)+IF('Standard Profiles'!$G$19=$B$17,14,0)+IF('Standard Profiles'!$G$19=$B$24,21,0),MOD($C2373,24)+1)/SUM(INDEX($D$3:$AA$30,INDEX(Jesper!$R$2:$R$366,ROW(INDEX(Jesper!AI$2:AI$366,ROUNDDOWN($C2373/24,0)+1,1))-1)+IF('Standard Profiles'!$G$19=$B$10,7,0)+IF('Standard Profiles'!$G$19=$B$17,14,0)+IF('Standard Profiles'!$G$19=$B$24,21,0),0)),0)</f>
        <v>2.6696789341231009</v>
      </c>
      <c r="F2373" cm="1">
        <f t="array" ref="F2373">IFERROR(INDEX(Jesper!AJ$2:AJ$366,ROUNDDOWN($C2373/24,0)+1,1)*INDEX($D$3:$AA$30,INDEX(Jesper!$R$2:$R$366,ROW(INDEX(Jesper!AJ$2:AJ$366,ROUNDDOWN($C2373/24,0)+1,1))-1)+IF('Standard Profiles'!$G$20=$B$10,7,0)+IF('Standard Profiles'!$G$20=$B$17,14,0)+IF('Standard Profiles'!$G$20=$B$24,21,0),MOD($C2373,24)+1)/SUM(INDEX($D$3:$AA$30,INDEX(Jesper!$R$2:$R$366,ROW(INDEX(Jesper!AJ$2:AJ$366,ROUNDDOWN($C2373/24,0)+1,1))-1)+IF('Standard Profiles'!$G$20=$B$10,7,0)+IF('Standard Profiles'!$G$20=$B$17,14,0)+IF('Standard Profiles'!$G$20=$B$24,21,0),0)),0)</f>
        <v>0</v>
      </c>
      <c r="G2373" cm="1">
        <f t="array" ref="G2373">IFERROR(INDEX(Jesper!AK$2:AK$366,ROUNDDOWN($C2373/24,0)+1,1)*INDEX($D$3:$AA$30,INDEX(Jesper!$R$2:$R$366,ROW(INDEX(Jesper!AK$2:AK$366,ROUNDDOWN($C2373/24,0)+1,1))-1)+IF('Standard Profiles'!$G$21=$B$10,7,0)+IF('Standard Profiles'!$G$21=$B$17,14,0)+IF('Standard Profiles'!$G$21=$B$24,21,0),MOD($C2373,24)+1)/SUM(INDEX($D$3:$AA$30,INDEX(Jesper!$R$2:$R$366,ROW(INDEX(Jesper!AK$2:AK$366,ROUNDDOWN($C2373/24,0)+1,1))-1)+IF('Standard Profiles'!$G$21=$B$10,7,0)+IF('Standard Profiles'!$G$21=$B$17,14,0)+IF('Standard Profiles'!$G$21=$B$24,21,0),0)),0)</f>
        <v>0</v>
      </c>
      <c r="H2373" cm="1">
        <f t="array" ref="H2373">IFERROR(INDEX(Jesper!AL$2:AL$366,ROUNDDOWN($C2373/24,0)+1,1)*INDEX($D$3:$AA$30,INDEX(Jesper!$R$2:$R$366,ROW(INDEX(Jesper!AL$2:AL$366,ROUNDDOWN($C2373/24,0)+1,1))-1)+IF('Standard Profiles'!$G$22=$B$10,7,0)+IF('Standard Profiles'!$G$22=$B$17,14,0)+IF('Standard Profiles'!$G$22=$B$24,21,0),MOD($C2373,24)+1)/SUM(INDEX($D$3:$AA$30,INDEX(Jesper!$R$2:$R$366,ROW(INDEX(Jesper!AL$2:AL$366,ROUNDDOWN($C2373/24,0)+1,1))-1)+IF('Standard Profiles'!$G$22=$B$10,7,0)+IF('Standard Profiles'!$G$22=$B$17,14,0)+IF('Standard Profiles'!$G$22=$B$24,21,0),0)),0)</f>
        <v>0</v>
      </c>
      <c r="I2373">
        <f t="shared" si="272"/>
        <v>0.24051161568676591</v>
      </c>
      <c r="J2373">
        <f t="shared" si="273"/>
        <v>0.80170538562255311</v>
      </c>
      <c r="K2373">
        <f t="shared" si="274"/>
        <v>1.2025580784338297</v>
      </c>
      <c r="L2373">
        <f t="shared" si="275"/>
        <v>13.769070737163158</v>
      </c>
      <c r="M2373">
        <f t="shared" si="276"/>
        <v>0</v>
      </c>
      <c r="N2373" s="46">
        <f t="shared" si="277"/>
        <v>45389.458333327661</v>
      </c>
    </row>
    <row r="2374" spans="2:14" x14ac:dyDescent="0.3">
      <c r="B2374">
        <f t="shared" si="271"/>
        <v>7</v>
      </c>
      <c r="C2374" s="16">
        <v>2340</v>
      </c>
      <c r="D2374" cm="1">
        <f t="array" ref="D2374">IFERROR(INDEX(Jesper!AH$2:AH$366,ROUNDDOWN($C2374/24,0)+1,1)*INDEX($D$3:$AA$30,INDEX(Jesper!$R$2:$R$366,ROW(INDEX(Jesper!AH$2:AH$366,ROUNDDOWN($C2374/24,0)+1,1))-1)+IF('Standard Profiles'!$G$18=$B$10,7,0)+IF('Standard Profiles'!$G$18=$B$17,14,0)+IF('Standard Profiles'!$G$18=$B$24,21,0),MOD($C2374,24)+1)/SUM(INDEX($D$3:$AA$30,INDEX(Jesper!$R$2:$R$366,ROW(INDEX(Jesper!AH$2:AH$366,ROUNDDOWN($C2374/24,0)+1,1))-1)+IF('Standard Profiles'!$G$18=$B$10,7,0)+IF('Standard Profiles'!$G$18=$B$17,14,0)+IF('Standard Profiles'!$G$18=$B$24,21,0),0)),0)</f>
        <v>13.344166882783206</v>
      </c>
      <c r="E2374" cm="1">
        <f t="array" ref="E2374">IFERROR(INDEX(Jesper!AI$2:AI$366,ROUNDDOWN($C2374/24,0)+1,1)*INDEX($D$3:$AA$30,INDEX(Jesper!$R$2:$R$366,ROW(INDEX(Jesper!AI$2:AI$366,ROUNDDOWN($C2374/24,0)+1,1))-1)+IF('Standard Profiles'!$G$19=$B$10,7,0)+IF('Standard Profiles'!$G$19=$B$17,14,0)+IF('Standard Profiles'!$G$19=$B$24,21,0),MOD($C2374,24)+1)/SUM(INDEX($D$3:$AA$30,INDEX(Jesper!$R$2:$R$366,ROW(INDEX(Jesper!AI$2:AI$366,ROUNDDOWN($C2374/24,0)+1,1))-1)+IF('Standard Profiles'!$G$19=$B$10,7,0)+IF('Standard Profiles'!$G$19=$B$17,14,0)+IF('Standard Profiles'!$G$19=$B$24,21,0),0)),0)</f>
        <v>2.6696789341231009</v>
      </c>
      <c r="F2374" cm="1">
        <f t="array" ref="F2374">IFERROR(INDEX(Jesper!AJ$2:AJ$366,ROUNDDOWN($C2374/24,0)+1,1)*INDEX($D$3:$AA$30,INDEX(Jesper!$R$2:$R$366,ROW(INDEX(Jesper!AJ$2:AJ$366,ROUNDDOWN($C2374/24,0)+1,1))-1)+IF('Standard Profiles'!$G$20=$B$10,7,0)+IF('Standard Profiles'!$G$20=$B$17,14,0)+IF('Standard Profiles'!$G$20=$B$24,21,0),MOD($C2374,24)+1)/SUM(INDEX($D$3:$AA$30,INDEX(Jesper!$R$2:$R$366,ROW(INDEX(Jesper!AJ$2:AJ$366,ROUNDDOWN($C2374/24,0)+1,1))-1)+IF('Standard Profiles'!$G$20=$B$10,7,0)+IF('Standard Profiles'!$G$20=$B$17,14,0)+IF('Standard Profiles'!$G$20=$B$24,21,0),0)),0)</f>
        <v>0</v>
      </c>
      <c r="G2374" cm="1">
        <f t="array" ref="G2374">IFERROR(INDEX(Jesper!AK$2:AK$366,ROUNDDOWN($C2374/24,0)+1,1)*INDEX($D$3:$AA$30,INDEX(Jesper!$R$2:$R$366,ROW(INDEX(Jesper!AK$2:AK$366,ROUNDDOWN($C2374/24,0)+1,1))-1)+IF('Standard Profiles'!$G$21=$B$10,7,0)+IF('Standard Profiles'!$G$21=$B$17,14,0)+IF('Standard Profiles'!$G$21=$B$24,21,0),MOD($C2374,24)+1)/SUM(INDEX($D$3:$AA$30,INDEX(Jesper!$R$2:$R$366,ROW(INDEX(Jesper!AK$2:AK$366,ROUNDDOWN($C2374/24,0)+1,1))-1)+IF('Standard Profiles'!$G$21=$B$10,7,0)+IF('Standard Profiles'!$G$21=$B$17,14,0)+IF('Standard Profiles'!$G$21=$B$24,21,0),0)),0)</f>
        <v>0</v>
      </c>
      <c r="H2374" cm="1">
        <f t="array" ref="H2374">IFERROR(INDEX(Jesper!AL$2:AL$366,ROUNDDOWN($C2374/24,0)+1,1)*INDEX($D$3:$AA$30,INDEX(Jesper!$R$2:$R$366,ROW(INDEX(Jesper!AL$2:AL$366,ROUNDDOWN($C2374/24,0)+1,1))-1)+IF('Standard Profiles'!$G$22=$B$10,7,0)+IF('Standard Profiles'!$G$22=$B$17,14,0)+IF('Standard Profiles'!$G$22=$B$24,21,0),MOD($C2374,24)+1)/SUM(INDEX($D$3:$AA$30,INDEX(Jesper!$R$2:$R$366,ROW(INDEX(Jesper!AL$2:AL$366,ROUNDDOWN($C2374/24,0)+1,1))-1)+IF('Standard Profiles'!$G$22=$B$10,7,0)+IF('Standard Profiles'!$G$22=$B$17,14,0)+IF('Standard Profiles'!$G$22=$B$24,21,0),0)),0)</f>
        <v>0</v>
      </c>
      <c r="I2374">
        <f t="shared" si="272"/>
        <v>0.24051161568676591</v>
      </c>
      <c r="J2374">
        <f t="shared" si="273"/>
        <v>0.80170538562255311</v>
      </c>
      <c r="K2374">
        <f t="shared" si="274"/>
        <v>1.2025580784338297</v>
      </c>
      <c r="L2374">
        <f t="shared" si="275"/>
        <v>13.769070737163158</v>
      </c>
      <c r="M2374">
        <f t="shared" si="276"/>
        <v>0</v>
      </c>
      <c r="N2374" s="46">
        <f t="shared" si="277"/>
        <v>45389.499999994325</v>
      </c>
    </row>
    <row r="2375" spans="2:14" x14ac:dyDescent="0.3">
      <c r="B2375">
        <f t="shared" si="271"/>
        <v>7</v>
      </c>
      <c r="C2375" s="16">
        <v>2341</v>
      </c>
      <c r="D2375" cm="1">
        <f t="array" ref="D2375">IFERROR(INDEX(Jesper!AH$2:AH$366,ROUNDDOWN($C2375/24,0)+1,1)*INDEX($D$3:$AA$30,INDEX(Jesper!$R$2:$R$366,ROW(INDEX(Jesper!AH$2:AH$366,ROUNDDOWN($C2375/24,0)+1,1))-1)+IF('Standard Profiles'!$G$18=$B$10,7,0)+IF('Standard Profiles'!$G$18=$B$17,14,0)+IF('Standard Profiles'!$G$18=$B$24,21,0),MOD($C2375,24)+1)/SUM(INDEX($D$3:$AA$30,INDEX(Jesper!$R$2:$R$366,ROW(INDEX(Jesper!AH$2:AH$366,ROUNDDOWN($C2375/24,0)+1,1))-1)+IF('Standard Profiles'!$G$18=$B$10,7,0)+IF('Standard Profiles'!$G$18=$B$17,14,0)+IF('Standard Profiles'!$G$18=$B$24,21,0),0)),0)</f>
        <v>13.344166882783206</v>
      </c>
      <c r="E2375" cm="1">
        <f t="array" ref="E2375">IFERROR(INDEX(Jesper!AI$2:AI$366,ROUNDDOWN($C2375/24,0)+1,1)*INDEX($D$3:$AA$30,INDEX(Jesper!$R$2:$R$366,ROW(INDEX(Jesper!AI$2:AI$366,ROUNDDOWN($C2375/24,0)+1,1))-1)+IF('Standard Profiles'!$G$19=$B$10,7,0)+IF('Standard Profiles'!$G$19=$B$17,14,0)+IF('Standard Profiles'!$G$19=$B$24,21,0),MOD($C2375,24)+1)/SUM(INDEX($D$3:$AA$30,INDEX(Jesper!$R$2:$R$366,ROW(INDEX(Jesper!AI$2:AI$366,ROUNDDOWN($C2375/24,0)+1,1))-1)+IF('Standard Profiles'!$G$19=$B$10,7,0)+IF('Standard Profiles'!$G$19=$B$17,14,0)+IF('Standard Profiles'!$G$19=$B$24,21,0),0)),0)</f>
        <v>2.6696789341231009</v>
      </c>
      <c r="F2375" cm="1">
        <f t="array" ref="F2375">IFERROR(INDEX(Jesper!AJ$2:AJ$366,ROUNDDOWN($C2375/24,0)+1,1)*INDEX($D$3:$AA$30,INDEX(Jesper!$R$2:$R$366,ROW(INDEX(Jesper!AJ$2:AJ$366,ROUNDDOWN($C2375/24,0)+1,1))-1)+IF('Standard Profiles'!$G$20=$B$10,7,0)+IF('Standard Profiles'!$G$20=$B$17,14,0)+IF('Standard Profiles'!$G$20=$B$24,21,0),MOD($C2375,24)+1)/SUM(INDEX($D$3:$AA$30,INDEX(Jesper!$R$2:$R$366,ROW(INDEX(Jesper!AJ$2:AJ$366,ROUNDDOWN($C2375/24,0)+1,1))-1)+IF('Standard Profiles'!$G$20=$B$10,7,0)+IF('Standard Profiles'!$G$20=$B$17,14,0)+IF('Standard Profiles'!$G$20=$B$24,21,0),0)),0)</f>
        <v>0</v>
      </c>
      <c r="G2375" cm="1">
        <f t="array" ref="G2375">IFERROR(INDEX(Jesper!AK$2:AK$366,ROUNDDOWN($C2375/24,0)+1,1)*INDEX($D$3:$AA$30,INDEX(Jesper!$R$2:$R$366,ROW(INDEX(Jesper!AK$2:AK$366,ROUNDDOWN($C2375/24,0)+1,1))-1)+IF('Standard Profiles'!$G$21=$B$10,7,0)+IF('Standard Profiles'!$G$21=$B$17,14,0)+IF('Standard Profiles'!$G$21=$B$24,21,0),MOD($C2375,24)+1)/SUM(INDEX($D$3:$AA$30,INDEX(Jesper!$R$2:$R$366,ROW(INDEX(Jesper!AK$2:AK$366,ROUNDDOWN($C2375/24,0)+1,1))-1)+IF('Standard Profiles'!$G$21=$B$10,7,0)+IF('Standard Profiles'!$G$21=$B$17,14,0)+IF('Standard Profiles'!$G$21=$B$24,21,0),0)),0)</f>
        <v>0</v>
      </c>
      <c r="H2375" cm="1">
        <f t="array" ref="H2375">IFERROR(INDEX(Jesper!AL$2:AL$366,ROUNDDOWN($C2375/24,0)+1,1)*INDEX($D$3:$AA$30,INDEX(Jesper!$R$2:$R$366,ROW(INDEX(Jesper!AL$2:AL$366,ROUNDDOWN($C2375/24,0)+1,1))-1)+IF('Standard Profiles'!$G$22=$B$10,7,0)+IF('Standard Profiles'!$G$22=$B$17,14,0)+IF('Standard Profiles'!$G$22=$B$24,21,0),MOD($C2375,24)+1)/SUM(INDEX($D$3:$AA$30,INDEX(Jesper!$R$2:$R$366,ROW(INDEX(Jesper!AL$2:AL$366,ROUNDDOWN($C2375/24,0)+1,1))-1)+IF('Standard Profiles'!$G$22=$B$10,7,0)+IF('Standard Profiles'!$G$22=$B$17,14,0)+IF('Standard Profiles'!$G$22=$B$24,21,0),0)),0)</f>
        <v>0</v>
      </c>
      <c r="I2375">
        <f t="shared" si="272"/>
        <v>0.24051161568676591</v>
      </c>
      <c r="J2375">
        <f t="shared" si="273"/>
        <v>0.80170538562255311</v>
      </c>
      <c r="K2375">
        <f t="shared" si="274"/>
        <v>1.2025580784338297</v>
      </c>
      <c r="L2375">
        <f t="shared" si="275"/>
        <v>13.769070737163158</v>
      </c>
      <c r="M2375">
        <f t="shared" si="276"/>
        <v>0</v>
      </c>
      <c r="N2375" s="46">
        <f t="shared" si="277"/>
        <v>45389.541666660989</v>
      </c>
    </row>
    <row r="2376" spans="2:14" x14ac:dyDescent="0.3">
      <c r="B2376">
        <f t="shared" si="271"/>
        <v>7</v>
      </c>
      <c r="C2376" s="16">
        <v>2342</v>
      </c>
      <c r="D2376" cm="1">
        <f t="array" ref="D2376">IFERROR(INDEX(Jesper!AH$2:AH$366,ROUNDDOWN($C2376/24,0)+1,1)*INDEX($D$3:$AA$30,INDEX(Jesper!$R$2:$R$366,ROW(INDEX(Jesper!AH$2:AH$366,ROUNDDOWN($C2376/24,0)+1,1))-1)+IF('Standard Profiles'!$G$18=$B$10,7,0)+IF('Standard Profiles'!$G$18=$B$17,14,0)+IF('Standard Profiles'!$G$18=$B$24,21,0),MOD($C2376,24)+1)/SUM(INDEX($D$3:$AA$30,INDEX(Jesper!$R$2:$R$366,ROW(INDEX(Jesper!AH$2:AH$366,ROUNDDOWN($C2376/24,0)+1,1))-1)+IF('Standard Profiles'!$G$18=$B$10,7,0)+IF('Standard Profiles'!$G$18=$B$17,14,0)+IF('Standard Profiles'!$G$18=$B$24,21,0),0)),0)</f>
        <v>13.344166882783206</v>
      </c>
      <c r="E2376" cm="1">
        <f t="array" ref="E2376">IFERROR(INDEX(Jesper!AI$2:AI$366,ROUNDDOWN($C2376/24,0)+1,1)*INDEX($D$3:$AA$30,INDEX(Jesper!$R$2:$R$366,ROW(INDEX(Jesper!AI$2:AI$366,ROUNDDOWN($C2376/24,0)+1,1))-1)+IF('Standard Profiles'!$G$19=$B$10,7,0)+IF('Standard Profiles'!$G$19=$B$17,14,0)+IF('Standard Profiles'!$G$19=$B$24,21,0),MOD($C2376,24)+1)/SUM(INDEX($D$3:$AA$30,INDEX(Jesper!$R$2:$R$366,ROW(INDEX(Jesper!AI$2:AI$366,ROUNDDOWN($C2376/24,0)+1,1))-1)+IF('Standard Profiles'!$G$19=$B$10,7,0)+IF('Standard Profiles'!$G$19=$B$17,14,0)+IF('Standard Profiles'!$G$19=$B$24,21,0),0)),0)</f>
        <v>2.6696789341231009</v>
      </c>
      <c r="F2376" cm="1">
        <f t="array" ref="F2376">IFERROR(INDEX(Jesper!AJ$2:AJ$366,ROUNDDOWN($C2376/24,0)+1,1)*INDEX($D$3:$AA$30,INDEX(Jesper!$R$2:$R$366,ROW(INDEX(Jesper!AJ$2:AJ$366,ROUNDDOWN($C2376/24,0)+1,1))-1)+IF('Standard Profiles'!$G$20=$B$10,7,0)+IF('Standard Profiles'!$G$20=$B$17,14,0)+IF('Standard Profiles'!$G$20=$B$24,21,0),MOD($C2376,24)+1)/SUM(INDEX($D$3:$AA$30,INDEX(Jesper!$R$2:$R$366,ROW(INDEX(Jesper!AJ$2:AJ$366,ROUNDDOWN($C2376/24,0)+1,1))-1)+IF('Standard Profiles'!$G$20=$B$10,7,0)+IF('Standard Profiles'!$G$20=$B$17,14,0)+IF('Standard Profiles'!$G$20=$B$24,21,0),0)),0)</f>
        <v>0</v>
      </c>
      <c r="G2376" cm="1">
        <f t="array" ref="G2376">IFERROR(INDEX(Jesper!AK$2:AK$366,ROUNDDOWN($C2376/24,0)+1,1)*INDEX($D$3:$AA$30,INDEX(Jesper!$R$2:$R$366,ROW(INDEX(Jesper!AK$2:AK$366,ROUNDDOWN($C2376/24,0)+1,1))-1)+IF('Standard Profiles'!$G$21=$B$10,7,0)+IF('Standard Profiles'!$G$21=$B$17,14,0)+IF('Standard Profiles'!$G$21=$B$24,21,0),MOD($C2376,24)+1)/SUM(INDEX($D$3:$AA$30,INDEX(Jesper!$R$2:$R$366,ROW(INDEX(Jesper!AK$2:AK$366,ROUNDDOWN($C2376/24,0)+1,1))-1)+IF('Standard Profiles'!$G$21=$B$10,7,0)+IF('Standard Profiles'!$G$21=$B$17,14,0)+IF('Standard Profiles'!$G$21=$B$24,21,0),0)),0)</f>
        <v>0</v>
      </c>
      <c r="H2376" cm="1">
        <f t="array" ref="H2376">IFERROR(INDEX(Jesper!AL$2:AL$366,ROUNDDOWN($C2376/24,0)+1,1)*INDEX($D$3:$AA$30,INDEX(Jesper!$R$2:$R$366,ROW(INDEX(Jesper!AL$2:AL$366,ROUNDDOWN($C2376/24,0)+1,1))-1)+IF('Standard Profiles'!$G$22=$B$10,7,0)+IF('Standard Profiles'!$G$22=$B$17,14,0)+IF('Standard Profiles'!$G$22=$B$24,21,0),MOD($C2376,24)+1)/SUM(INDEX($D$3:$AA$30,INDEX(Jesper!$R$2:$R$366,ROW(INDEX(Jesper!AL$2:AL$366,ROUNDDOWN($C2376/24,0)+1,1))-1)+IF('Standard Profiles'!$G$22=$B$10,7,0)+IF('Standard Profiles'!$G$22=$B$17,14,0)+IF('Standard Profiles'!$G$22=$B$24,21,0),0)),0)</f>
        <v>0</v>
      </c>
      <c r="I2376">
        <f t="shared" si="272"/>
        <v>0.24051161568676591</v>
      </c>
      <c r="J2376">
        <f t="shared" si="273"/>
        <v>0.80170538562255311</v>
      </c>
      <c r="K2376">
        <f t="shared" si="274"/>
        <v>1.2025580784338297</v>
      </c>
      <c r="L2376">
        <f t="shared" si="275"/>
        <v>13.769070737163158</v>
      </c>
      <c r="M2376">
        <f t="shared" si="276"/>
        <v>0</v>
      </c>
      <c r="N2376" s="46">
        <f t="shared" si="277"/>
        <v>45389.583333327653</v>
      </c>
    </row>
    <row r="2377" spans="2:14" x14ac:dyDescent="0.3">
      <c r="B2377">
        <f t="shared" si="271"/>
        <v>7</v>
      </c>
      <c r="C2377" s="16">
        <v>2343</v>
      </c>
      <c r="D2377" cm="1">
        <f t="array" ref="D2377">IFERROR(INDEX(Jesper!AH$2:AH$366,ROUNDDOWN($C2377/24,0)+1,1)*INDEX($D$3:$AA$30,INDEX(Jesper!$R$2:$R$366,ROW(INDEX(Jesper!AH$2:AH$366,ROUNDDOWN($C2377/24,0)+1,1))-1)+IF('Standard Profiles'!$G$18=$B$10,7,0)+IF('Standard Profiles'!$G$18=$B$17,14,0)+IF('Standard Profiles'!$G$18=$B$24,21,0),MOD($C2377,24)+1)/SUM(INDEX($D$3:$AA$30,INDEX(Jesper!$R$2:$R$366,ROW(INDEX(Jesper!AH$2:AH$366,ROUNDDOWN($C2377/24,0)+1,1))-1)+IF('Standard Profiles'!$G$18=$B$10,7,0)+IF('Standard Profiles'!$G$18=$B$17,14,0)+IF('Standard Profiles'!$G$18=$B$24,21,0),0)),0)</f>
        <v>11.861481673585072</v>
      </c>
      <c r="E2377" cm="1">
        <f t="array" ref="E2377">IFERROR(INDEX(Jesper!AI$2:AI$366,ROUNDDOWN($C2377/24,0)+1,1)*INDEX($D$3:$AA$30,INDEX(Jesper!$R$2:$R$366,ROW(INDEX(Jesper!AI$2:AI$366,ROUNDDOWN($C2377/24,0)+1,1))-1)+IF('Standard Profiles'!$G$19=$B$10,7,0)+IF('Standard Profiles'!$G$19=$B$17,14,0)+IF('Standard Profiles'!$G$19=$B$24,21,0),MOD($C2377,24)+1)/SUM(INDEX($D$3:$AA$30,INDEX(Jesper!$R$2:$R$366,ROW(INDEX(Jesper!AI$2:AI$366,ROUNDDOWN($C2377/24,0)+1,1))-1)+IF('Standard Profiles'!$G$19=$B$10,7,0)+IF('Standard Profiles'!$G$19=$B$17,14,0)+IF('Standard Profiles'!$G$19=$B$24,21,0),0)),0)</f>
        <v>2.3730479414427563</v>
      </c>
      <c r="F2377" cm="1">
        <f t="array" ref="F2377">IFERROR(INDEX(Jesper!AJ$2:AJ$366,ROUNDDOWN($C2377/24,0)+1,1)*INDEX($D$3:$AA$30,INDEX(Jesper!$R$2:$R$366,ROW(INDEX(Jesper!AJ$2:AJ$366,ROUNDDOWN($C2377/24,0)+1,1))-1)+IF('Standard Profiles'!$G$20=$B$10,7,0)+IF('Standard Profiles'!$G$20=$B$17,14,0)+IF('Standard Profiles'!$G$20=$B$24,21,0),MOD($C2377,24)+1)/SUM(INDEX($D$3:$AA$30,INDEX(Jesper!$R$2:$R$366,ROW(INDEX(Jesper!AJ$2:AJ$366,ROUNDDOWN($C2377/24,0)+1,1))-1)+IF('Standard Profiles'!$G$20=$B$10,7,0)+IF('Standard Profiles'!$G$20=$B$17,14,0)+IF('Standard Profiles'!$G$20=$B$24,21,0),0)),0)</f>
        <v>0</v>
      </c>
      <c r="G2377" cm="1">
        <f t="array" ref="G2377">IFERROR(INDEX(Jesper!AK$2:AK$366,ROUNDDOWN($C2377/24,0)+1,1)*INDEX($D$3:$AA$30,INDEX(Jesper!$R$2:$R$366,ROW(INDEX(Jesper!AK$2:AK$366,ROUNDDOWN($C2377/24,0)+1,1))-1)+IF('Standard Profiles'!$G$21=$B$10,7,0)+IF('Standard Profiles'!$G$21=$B$17,14,0)+IF('Standard Profiles'!$G$21=$B$24,21,0),MOD($C2377,24)+1)/SUM(INDEX($D$3:$AA$30,INDEX(Jesper!$R$2:$R$366,ROW(INDEX(Jesper!AK$2:AK$366,ROUNDDOWN($C2377/24,0)+1,1))-1)+IF('Standard Profiles'!$G$21=$B$10,7,0)+IF('Standard Profiles'!$G$21=$B$17,14,0)+IF('Standard Profiles'!$G$21=$B$24,21,0),0)),0)</f>
        <v>0</v>
      </c>
      <c r="H2377" cm="1">
        <f t="array" ref="H2377">IFERROR(INDEX(Jesper!AL$2:AL$366,ROUNDDOWN($C2377/24,0)+1,1)*INDEX($D$3:$AA$30,INDEX(Jesper!$R$2:$R$366,ROW(INDEX(Jesper!AL$2:AL$366,ROUNDDOWN($C2377/24,0)+1,1))-1)+IF('Standard Profiles'!$G$22=$B$10,7,0)+IF('Standard Profiles'!$G$22=$B$17,14,0)+IF('Standard Profiles'!$G$22=$B$24,21,0),MOD($C2377,24)+1)/SUM(INDEX($D$3:$AA$30,INDEX(Jesper!$R$2:$R$366,ROW(INDEX(Jesper!AL$2:AL$366,ROUNDDOWN($C2377/24,0)+1,1))-1)+IF('Standard Profiles'!$G$22=$B$10,7,0)+IF('Standard Profiles'!$G$22=$B$17,14,0)+IF('Standard Profiles'!$G$22=$B$24,21,0),0)),0)</f>
        <v>0</v>
      </c>
      <c r="I2377">
        <f t="shared" si="272"/>
        <v>0.21378810283268079</v>
      </c>
      <c r="J2377">
        <f t="shared" si="273"/>
        <v>0.71262700944226942</v>
      </c>
      <c r="K2377">
        <f t="shared" si="274"/>
        <v>1.0689405141634041</v>
      </c>
      <c r="L2377">
        <f t="shared" si="275"/>
        <v>12.239173988589474</v>
      </c>
      <c r="M2377">
        <f t="shared" si="276"/>
        <v>0</v>
      </c>
      <c r="N2377" s="46">
        <f t="shared" si="277"/>
        <v>45389.624999994317</v>
      </c>
    </row>
    <row r="2378" spans="2:14" x14ac:dyDescent="0.3">
      <c r="B2378">
        <f t="shared" si="271"/>
        <v>7</v>
      </c>
      <c r="C2378" s="16">
        <v>2344</v>
      </c>
      <c r="D2378" cm="1">
        <f t="array" ref="D2378">IFERROR(INDEX(Jesper!AH$2:AH$366,ROUNDDOWN($C2378/24,0)+1,1)*INDEX($D$3:$AA$30,INDEX(Jesper!$R$2:$R$366,ROW(INDEX(Jesper!AH$2:AH$366,ROUNDDOWN($C2378/24,0)+1,1))-1)+IF('Standard Profiles'!$G$18=$B$10,7,0)+IF('Standard Profiles'!$G$18=$B$17,14,0)+IF('Standard Profiles'!$G$18=$B$24,21,0),MOD($C2378,24)+1)/SUM(INDEX($D$3:$AA$30,INDEX(Jesper!$R$2:$R$366,ROW(INDEX(Jesper!AH$2:AH$366,ROUNDDOWN($C2378/24,0)+1,1))-1)+IF('Standard Profiles'!$G$18=$B$10,7,0)+IF('Standard Profiles'!$G$18=$B$17,14,0)+IF('Standard Profiles'!$G$18=$B$24,21,0),0)),0)</f>
        <v>11.649669500842482</v>
      </c>
      <c r="E2378" cm="1">
        <f t="array" ref="E2378">IFERROR(INDEX(Jesper!AI$2:AI$366,ROUNDDOWN($C2378/24,0)+1,1)*INDEX($D$3:$AA$30,INDEX(Jesper!$R$2:$R$366,ROW(INDEX(Jesper!AI$2:AI$366,ROUNDDOWN($C2378/24,0)+1,1))-1)+IF('Standard Profiles'!$G$19=$B$10,7,0)+IF('Standard Profiles'!$G$19=$B$17,14,0)+IF('Standard Profiles'!$G$19=$B$24,21,0),MOD($C2378,24)+1)/SUM(INDEX($D$3:$AA$30,INDEX(Jesper!$R$2:$R$366,ROW(INDEX(Jesper!AI$2:AI$366,ROUNDDOWN($C2378/24,0)+1,1))-1)+IF('Standard Profiles'!$G$19=$B$10,7,0)+IF('Standard Profiles'!$G$19=$B$17,14,0)+IF('Standard Profiles'!$G$19=$B$24,21,0),0)),0)</f>
        <v>2.3306720853455638</v>
      </c>
      <c r="F2378" cm="1">
        <f t="array" ref="F2378">IFERROR(INDEX(Jesper!AJ$2:AJ$366,ROUNDDOWN($C2378/24,0)+1,1)*INDEX($D$3:$AA$30,INDEX(Jesper!$R$2:$R$366,ROW(INDEX(Jesper!AJ$2:AJ$366,ROUNDDOWN($C2378/24,0)+1,1))-1)+IF('Standard Profiles'!$G$20=$B$10,7,0)+IF('Standard Profiles'!$G$20=$B$17,14,0)+IF('Standard Profiles'!$G$20=$B$24,21,0),MOD($C2378,24)+1)/SUM(INDEX($D$3:$AA$30,INDEX(Jesper!$R$2:$R$366,ROW(INDEX(Jesper!AJ$2:AJ$366,ROUNDDOWN($C2378/24,0)+1,1))-1)+IF('Standard Profiles'!$G$20=$B$10,7,0)+IF('Standard Profiles'!$G$20=$B$17,14,0)+IF('Standard Profiles'!$G$20=$B$24,21,0),0)),0)</f>
        <v>0</v>
      </c>
      <c r="G2378" cm="1">
        <f t="array" ref="G2378">IFERROR(INDEX(Jesper!AK$2:AK$366,ROUNDDOWN($C2378/24,0)+1,1)*INDEX($D$3:$AA$30,INDEX(Jesper!$R$2:$R$366,ROW(INDEX(Jesper!AK$2:AK$366,ROUNDDOWN($C2378/24,0)+1,1))-1)+IF('Standard Profiles'!$G$21=$B$10,7,0)+IF('Standard Profiles'!$G$21=$B$17,14,0)+IF('Standard Profiles'!$G$21=$B$24,21,0),MOD($C2378,24)+1)/SUM(INDEX($D$3:$AA$30,INDEX(Jesper!$R$2:$R$366,ROW(INDEX(Jesper!AK$2:AK$366,ROUNDDOWN($C2378/24,0)+1,1))-1)+IF('Standard Profiles'!$G$21=$B$10,7,0)+IF('Standard Profiles'!$G$21=$B$17,14,0)+IF('Standard Profiles'!$G$21=$B$24,21,0),0)),0)</f>
        <v>0</v>
      </c>
      <c r="H2378" cm="1">
        <f t="array" ref="H2378">IFERROR(INDEX(Jesper!AL$2:AL$366,ROUNDDOWN($C2378/24,0)+1,1)*INDEX($D$3:$AA$30,INDEX(Jesper!$R$2:$R$366,ROW(INDEX(Jesper!AL$2:AL$366,ROUNDDOWN($C2378/24,0)+1,1))-1)+IF('Standard Profiles'!$G$22=$B$10,7,0)+IF('Standard Profiles'!$G$22=$B$17,14,0)+IF('Standard Profiles'!$G$22=$B$24,21,0),MOD($C2378,24)+1)/SUM(INDEX($D$3:$AA$30,INDEX(Jesper!$R$2:$R$366,ROW(INDEX(Jesper!AL$2:AL$366,ROUNDDOWN($C2378/24,0)+1,1))-1)+IF('Standard Profiles'!$G$22=$B$10,7,0)+IF('Standard Profiles'!$G$22=$B$17,14,0)+IF('Standard Profiles'!$G$22=$B$24,21,0),0)),0)</f>
        <v>0</v>
      </c>
      <c r="I2378">
        <f t="shared" si="272"/>
        <v>0.20997045813924003</v>
      </c>
      <c r="J2378">
        <f t="shared" si="273"/>
        <v>0.69990152713080023</v>
      </c>
      <c r="K2378">
        <f t="shared" si="274"/>
        <v>1.0498522906962002</v>
      </c>
      <c r="L2378">
        <f t="shared" si="275"/>
        <v>12.020617310221805</v>
      </c>
      <c r="M2378">
        <f t="shared" si="276"/>
        <v>0</v>
      </c>
      <c r="N2378" s="46">
        <f t="shared" si="277"/>
        <v>45389.666666660982</v>
      </c>
    </row>
    <row r="2379" spans="2:14" x14ac:dyDescent="0.3">
      <c r="B2379">
        <f t="shared" si="271"/>
        <v>7</v>
      </c>
      <c r="C2379" s="16">
        <v>2345</v>
      </c>
      <c r="D2379" cm="1">
        <f t="array" ref="D2379">IFERROR(INDEX(Jesper!AH$2:AH$366,ROUNDDOWN($C2379/24,0)+1,1)*INDEX($D$3:$AA$30,INDEX(Jesper!$R$2:$R$366,ROW(INDEX(Jesper!AH$2:AH$366,ROUNDDOWN($C2379/24,0)+1,1))-1)+IF('Standard Profiles'!$G$18=$B$10,7,0)+IF('Standard Profiles'!$G$18=$B$17,14,0)+IF('Standard Profiles'!$G$18=$B$24,21,0),MOD($C2379,24)+1)/SUM(INDEX($D$3:$AA$30,INDEX(Jesper!$R$2:$R$366,ROW(INDEX(Jesper!AH$2:AH$366,ROUNDDOWN($C2379/24,0)+1,1))-1)+IF('Standard Profiles'!$G$18=$B$10,7,0)+IF('Standard Profiles'!$G$18=$B$17,14,0)+IF('Standard Profiles'!$G$18=$B$24,21,0),0)),0)</f>
        <v>9.9551721189017588</v>
      </c>
      <c r="E2379" cm="1">
        <f t="array" ref="E2379">IFERROR(INDEX(Jesper!AI$2:AI$366,ROUNDDOWN($C2379/24,0)+1,1)*INDEX($D$3:$AA$30,INDEX(Jesper!$R$2:$R$366,ROW(INDEX(Jesper!AI$2:AI$366,ROUNDDOWN($C2379/24,0)+1,1))-1)+IF('Standard Profiles'!$G$19=$B$10,7,0)+IF('Standard Profiles'!$G$19=$B$17,14,0)+IF('Standard Profiles'!$G$19=$B$24,21,0),MOD($C2379,24)+1)/SUM(INDEX($D$3:$AA$30,INDEX(Jesper!$R$2:$R$366,ROW(INDEX(Jesper!AI$2:AI$366,ROUNDDOWN($C2379/24,0)+1,1))-1)+IF('Standard Profiles'!$G$19=$B$10,7,0)+IF('Standard Profiles'!$G$19=$B$17,14,0)+IF('Standard Profiles'!$G$19=$B$24,21,0),0)),0)</f>
        <v>1.9916652365680276</v>
      </c>
      <c r="F2379" cm="1">
        <f t="array" ref="F2379">IFERROR(INDEX(Jesper!AJ$2:AJ$366,ROUNDDOWN($C2379/24,0)+1,1)*INDEX($D$3:$AA$30,INDEX(Jesper!$R$2:$R$366,ROW(INDEX(Jesper!AJ$2:AJ$366,ROUNDDOWN($C2379/24,0)+1,1))-1)+IF('Standard Profiles'!$G$20=$B$10,7,0)+IF('Standard Profiles'!$G$20=$B$17,14,0)+IF('Standard Profiles'!$G$20=$B$24,21,0),MOD($C2379,24)+1)/SUM(INDEX($D$3:$AA$30,INDEX(Jesper!$R$2:$R$366,ROW(INDEX(Jesper!AJ$2:AJ$366,ROUNDDOWN($C2379/24,0)+1,1))-1)+IF('Standard Profiles'!$G$20=$B$10,7,0)+IF('Standard Profiles'!$G$20=$B$17,14,0)+IF('Standard Profiles'!$G$20=$B$24,21,0),0)),0)</f>
        <v>0</v>
      </c>
      <c r="G2379" cm="1">
        <f t="array" ref="G2379">IFERROR(INDEX(Jesper!AK$2:AK$366,ROUNDDOWN($C2379/24,0)+1,1)*INDEX($D$3:$AA$30,INDEX(Jesper!$R$2:$R$366,ROW(INDEX(Jesper!AK$2:AK$366,ROUNDDOWN($C2379/24,0)+1,1))-1)+IF('Standard Profiles'!$G$21=$B$10,7,0)+IF('Standard Profiles'!$G$21=$B$17,14,0)+IF('Standard Profiles'!$G$21=$B$24,21,0),MOD($C2379,24)+1)/SUM(INDEX($D$3:$AA$30,INDEX(Jesper!$R$2:$R$366,ROW(INDEX(Jesper!AK$2:AK$366,ROUNDDOWN($C2379/24,0)+1,1))-1)+IF('Standard Profiles'!$G$21=$B$10,7,0)+IF('Standard Profiles'!$G$21=$B$17,14,0)+IF('Standard Profiles'!$G$21=$B$24,21,0),0)),0)</f>
        <v>0</v>
      </c>
      <c r="H2379" cm="1">
        <f t="array" ref="H2379">IFERROR(INDEX(Jesper!AL$2:AL$366,ROUNDDOWN($C2379/24,0)+1,1)*INDEX($D$3:$AA$30,INDEX(Jesper!$R$2:$R$366,ROW(INDEX(Jesper!AL$2:AL$366,ROUNDDOWN($C2379/24,0)+1,1))-1)+IF('Standard Profiles'!$G$22=$B$10,7,0)+IF('Standard Profiles'!$G$22=$B$17,14,0)+IF('Standard Profiles'!$G$22=$B$24,21,0),MOD($C2379,24)+1)/SUM(INDEX($D$3:$AA$30,INDEX(Jesper!$R$2:$R$366,ROW(INDEX(Jesper!AL$2:AL$366,ROUNDDOWN($C2379/24,0)+1,1))-1)+IF('Standard Profiles'!$G$22=$B$10,7,0)+IF('Standard Profiles'!$G$22=$B$17,14,0)+IF('Standard Profiles'!$G$22=$B$24,21,0),0)),0)</f>
        <v>0</v>
      </c>
      <c r="I2379">
        <f t="shared" si="272"/>
        <v>0.17942930059171425</v>
      </c>
      <c r="J2379">
        <f t="shared" si="273"/>
        <v>0.59809766863904756</v>
      </c>
      <c r="K2379">
        <f t="shared" si="274"/>
        <v>0.89714650295857135</v>
      </c>
      <c r="L2379">
        <f t="shared" si="275"/>
        <v>10.272163883280454</v>
      </c>
      <c r="M2379">
        <f t="shared" si="276"/>
        <v>0</v>
      </c>
      <c r="N2379" s="46">
        <f t="shared" si="277"/>
        <v>45389.708333327646</v>
      </c>
    </row>
    <row r="2380" spans="2:14" x14ac:dyDescent="0.3">
      <c r="B2380">
        <f t="shared" si="271"/>
        <v>7</v>
      </c>
      <c r="C2380" s="16">
        <v>2346</v>
      </c>
      <c r="D2380" cm="1">
        <f t="array" ref="D2380">IFERROR(INDEX(Jesper!AH$2:AH$366,ROUNDDOWN($C2380/24,0)+1,1)*INDEX($D$3:$AA$30,INDEX(Jesper!$R$2:$R$366,ROW(INDEX(Jesper!AH$2:AH$366,ROUNDDOWN($C2380/24,0)+1,1))-1)+IF('Standard Profiles'!$G$18=$B$10,7,0)+IF('Standard Profiles'!$G$18=$B$17,14,0)+IF('Standard Profiles'!$G$18=$B$24,21,0),MOD($C2380,24)+1)/SUM(INDEX($D$3:$AA$30,INDEX(Jesper!$R$2:$R$366,ROW(INDEX(Jesper!AH$2:AH$366,ROUNDDOWN($C2380/24,0)+1,1))-1)+IF('Standard Profiles'!$G$18=$B$10,7,0)+IF('Standard Profiles'!$G$18=$B$17,14,0)+IF('Standard Profiles'!$G$18=$B$24,21,0),0)),0)</f>
        <v>9.3197356006739867</v>
      </c>
      <c r="E2380" cm="1">
        <f t="array" ref="E2380">IFERROR(INDEX(Jesper!AI$2:AI$366,ROUNDDOWN($C2380/24,0)+1,1)*INDEX($D$3:$AA$30,INDEX(Jesper!$R$2:$R$366,ROW(INDEX(Jesper!AI$2:AI$366,ROUNDDOWN($C2380/24,0)+1,1))-1)+IF('Standard Profiles'!$G$19=$B$10,7,0)+IF('Standard Profiles'!$G$19=$B$17,14,0)+IF('Standard Profiles'!$G$19=$B$24,21,0),MOD($C2380,24)+1)/SUM(INDEX($D$3:$AA$30,INDEX(Jesper!$R$2:$R$366,ROW(INDEX(Jesper!AI$2:AI$366,ROUNDDOWN($C2380/24,0)+1,1))-1)+IF('Standard Profiles'!$G$19=$B$10,7,0)+IF('Standard Profiles'!$G$19=$B$17,14,0)+IF('Standard Profiles'!$G$19=$B$24,21,0),0)),0)</f>
        <v>1.8645376682764516</v>
      </c>
      <c r="F2380" cm="1">
        <f t="array" ref="F2380">IFERROR(INDEX(Jesper!AJ$2:AJ$366,ROUNDDOWN($C2380/24,0)+1,1)*INDEX($D$3:$AA$30,INDEX(Jesper!$R$2:$R$366,ROW(INDEX(Jesper!AJ$2:AJ$366,ROUNDDOWN($C2380/24,0)+1,1))-1)+IF('Standard Profiles'!$G$20=$B$10,7,0)+IF('Standard Profiles'!$G$20=$B$17,14,0)+IF('Standard Profiles'!$G$20=$B$24,21,0),MOD($C2380,24)+1)/SUM(INDEX($D$3:$AA$30,INDEX(Jesper!$R$2:$R$366,ROW(INDEX(Jesper!AJ$2:AJ$366,ROUNDDOWN($C2380/24,0)+1,1))-1)+IF('Standard Profiles'!$G$20=$B$10,7,0)+IF('Standard Profiles'!$G$20=$B$17,14,0)+IF('Standard Profiles'!$G$20=$B$24,21,0),0)),0)</f>
        <v>0</v>
      </c>
      <c r="G2380" cm="1">
        <f t="array" ref="G2380">IFERROR(INDEX(Jesper!AK$2:AK$366,ROUNDDOWN($C2380/24,0)+1,1)*INDEX($D$3:$AA$30,INDEX(Jesper!$R$2:$R$366,ROW(INDEX(Jesper!AK$2:AK$366,ROUNDDOWN($C2380/24,0)+1,1))-1)+IF('Standard Profiles'!$G$21=$B$10,7,0)+IF('Standard Profiles'!$G$21=$B$17,14,0)+IF('Standard Profiles'!$G$21=$B$24,21,0),MOD($C2380,24)+1)/SUM(INDEX($D$3:$AA$30,INDEX(Jesper!$R$2:$R$366,ROW(INDEX(Jesper!AK$2:AK$366,ROUNDDOWN($C2380/24,0)+1,1))-1)+IF('Standard Profiles'!$G$21=$B$10,7,0)+IF('Standard Profiles'!$G$21=$B$17,14,0)+IF('Standard Profiles'!$G$21=$B$24,21,0),0)),0)</f>
        <v>0</v>
      </c>
      <c r="H2380" cm="1">
        <f t="array" ref="H2380">IFERROR(INDEX(Jesper!AL$2:AL$366,ROUNDDOWN($C2380/24,0)+1,1)*INDEX($D$3:$AA$30,INDEX(Jesper!$R$2:$R$366,ROW(INDEX(Jesper!AL$2:AL$366,ROUNDDOWN($C2380/24,0)+1,1))-1)+IF('Standard Profiles'!$G$22=$B$10,7,0)+IF('Standard Profiles'!$G$22=$B$17,14,0)+IF('Standard Profiles'!$G$22=$B$24,21,0),MOD($C2380,24)+1)/SUM(INDEX($D$3:$AA$30,INDEX(Jesper!$R$2:$R$366,ROW(INDEX(Jesper!AL$2:AL$366,ROUNDDOWN($C2380/24,0)+1,1))-1)+IF('Standard Profiles'!$G$22=$B$10,7,0)+IF('Standard Profiles'!$G$22=$B$17,14,0)+IF('Standard Profiles'!$G$22=$B$24,21,0),0)),0)</f>
        <v>0</v>
      </c>
      <c r="I2380">
        <f t="shared" si="272"/>
        <v>0.16797636651139208</v>
      </c>
      <c r="J2380">
        <f t="shared" si="273"/>
        <v>0.55992122170464032</v>
      </c>
      <c r="K2380">
        <f t="shared" si="274"/>
        <v>0.83988183255696047</v>
      </c>
      <c r="L2380">
        <f t="shared" si="275"/>
        <v>9.6164938481774449</v>
      </c>
      <c r="M2380">
        <f t="shared" si="276"/>
        <v>0</v>
      </c>
      <c r="N2380" s="46">
        <f t="shared" si="277"/>
        <v>45389.74999999431</v>
      </c>
    </row>
    <row r="2381" spans="2:14" x14ac:dyDescent="0.3">
      <c r="B2381">
        <f t="shared" si="271"/>
        <v>7</v>
      </c>
      <c r="C2381" s="16">
        <v>2347</v>
      </c>
      <c r="D2381" cm="1">
        <f t="array" ref="D2381">IFERROR(INDEX(Jesper!AH$2:AH$366,ROUNDDOWN($C2381/24,0)+1,1)*INDEX($D$3:$AA$30,INDEX(Jesper!$R$2:$R$366,ROW(INDEX(Jesper!AH$2:AH$366,ROUNDDOWN($C2381/24,0)+1,1))-1)+IF('Standard Profiles'!$G$18=$B$10,7,0)+IF('Standard Profiles'!$G$18=$B$17,14,0)+IF('Standard Profiles'!$G$18=$B$24,21,0),MOD($C2381,24)+1)/SUM(INDEX($D$3:$AA$30,INDEX(Jesper!$R$2:$R$366,ROW(INDEX(Jesper!AH$2:AH$366,ROUNDDOWN($C2381/24,0)+1,1))-1)+IF('Standard Profiles'!$G$18=$B$10,7,0)+IF('Standard Profiles'!$G$18=$B$17,14,0)+IF('Standard Profiles'!$G$18=$B$24,21,0),0)),0)</f>
        <v>7.8370503914758523</v>
      </c>
      <c r="E2381" cm="1">
        <f t="array" ref="E2381">IFERROR(INDEX(Jesper!AI$2:AI$366,ROUNDDOWN($C2381/24,0)+1,1)*INDEX($D$3:$AA$30,INDEX(Jesper!$R$2:$R$366,ROW(INDEX(Jesper!AI$2:AI$366,ROUNDDOWN($C2381/24,0)+1,1))-1)+IF('Standard Profiles'!$G$19=$B$10,7,0)+IF('Standard Profiles'!$G$19=$B$17,14,0)+IF('Standard Profiles'!$G$19=$B$24,21,0),MOD($C2381,24)+1)/SUM(INDEX($D$3:$AA$30,INDEX(Jesper!$R$2:$R$366,ROW(INDEX(Jesper!AI$2:AI$366,ROUNDDOWN($C2381/24,0)+1,1))-1)+IF('Standard Profiles'!$G$19=$B$10,7,0)+IF('Standard Profiles'!$G$19=$B$17,14,0)+IF('Standard Profiles'!$G$19=$B$24,21,0),0)),0)</f>
        <v>1.5679066755961071</v>
      </c>
      <c r="F2381" cm="1">
        <f t="array" ref="F2381">IFERROR(INDEX(Jesper!AJ$2:AJ$366,ROUNDDOWN($C2381/24,0)+1,1)*INDEX($D$3:$AA$30,INDEX(Jesper!$R$2:$R$366,ROW(INDEX(Jesper!AJ$2:AJ$366,ROUNDDOWN($C2381/24,0)+1,1))-1)+IF('Standard Profiles'!$G$20=$B$10,7,0)+IF('Standard Profiles'!$G$20=$B$17,14,0)+IF('Standard Profiles'!$G$20=$B$24,21,0),MOD($C2381,24)+1)/SUM(INDEX($D$3:$AA$30,INDEX(Jesper!$R$2:$R$366,ROW(INDEX(Jesper!AJ$2:AJ$366,ROUNDDOWN($C2381/24,0)+1,1))-1)+IF('Standard Profiles'!$G$20=$B$10,7,0)+IF('Standard Profiles'!$G$20=$B$17,14,0)+IF('Standard Profiles'!$G$20=$B$24,21,0),0)),0)</f>
        <v>0</v>
      </c>
      <c r="G2381" cm="1">
        <f t="array" ref="G2381">IFERROR(INDEX(Jesper!AK$2:AK$366,ROUNDDOWN($C2381/24,0)+1,1)*INDEX($D$3:$AA$30,INDEX(Jesper!$R$2:$R$366,ROW(INDEX(Jesper!AK$2:AK$366,ROUNDDOWN($C2381/24,0)+1,1))-1)+IF('Standard Profiles'!$G$21=$B$10,7,0)+IF('Standard Profiles'!$G$21=$B$17,14,0)+IF('Standard Profiles'!$G$21=$B$24,21,0),MOD($C2381,24)+1)/SUM(INDEX($D$3:$AA$30,INDEX(Jesper!$R$2:$R$366,ROW(INDEX(Jesper!AK$2:AK$366,ROUNDDOWN($C2381/24,0)+1,1))-1)+IF('Standard Profiles'!$G$21=$B$10,7,0)+IF('Standard Profiles'!$G$21=$B$17,14,0)+IF('Standard Profiles'!$G$21=$B$24,21,0),0)),0)</f>
        <v>0</v>
      </c>
      <c r="H2381" cm="1">
        <f t="array" ref="H2381">IFERROR(INDEX(Jesper!AL$2:AL$366,ROUNDDOWN($C2381/24,0)+1,1)*INDEX($D$3:$AA$30,INDEX(Jesper!$R$2:$R$366,ROW(INDEX(Jesper!AL$2:AL$366,ROUNDDOWN($C2381/24,0)+1,1))-1)+IF('Standard Profiles'!$G$22=$B$10,7,0)+IF('Standard Profiles'!$G$22=$B$17,14,0)+IF('Standard Profiles'!$G$22=$B$24,21,0),MOD($C2381,24)+1)/SUM(INDEX($D$3:$AA$30,INDEX(Jesper!$R$2:$R$366,ROW(INDEX(Jesper!AL$2:AL$366,ROUNDDOWN($C2381/24,0)+1,1))-1)+IF('Standard Profiles'!$G$22=$B$10,7,0)+IF('Standard Profiles'!$G$22=$B$17,14,0)+IF('Standard Profiles'!$G$22=$B$24,21,0),0)),0)</f>
        <v>0</v>
      </c>
      <c r="I2381">
        <f t="shared" si="272"/>
        <v>0.14125285365730697</v>
      </c>
      <c r="J2381">
        <f t="shared" si="273"/>
        <v>0.47084284552435668</v>
      </c>
      <c r="K2381">
        <f t="shared" si="274"/>
        <v>0.70626426828653499</v>
      </c>
      <c r="L2381">
        <f t="shared" si="275"/>
        <v>8.0865970996037611</v>
      </c>
      <c r="M2381">
        <f t="shared" si="276"/>
        <v>0</v>
      </c>
      <c r="N2381" s="46">
        <f t="shared" si="277"/>
        <v>45389.791666660974</v>
      </c>
    </row>
    <row r="2382" spans="2:14" x14ac:dyDescent="0.3">
      <c r="B2382">
        <f t="shared" si="271"/>
        <v>7</v>
      </c>
      <c r="C2382" s="16">
        <v>2348</v>
      </c>
      <c r="D2382" cm="1">
        <f t="array" ref="D2382">IFERROR(INDEX(Jesper!AH$2:AH$366,ROUNDDOWN($C2382/24,0)+1,1)*INDEX($D$3:$AA$30,INDEX(Jesper!$R$2:$R$366,ROW(INDEX(Jesper!AH$2:AH$366,ROUNDDOWN($C2382/24,0)+1,1))-1)+IF('Standard Profiles'!$G$18=$B$10,7,0)+IF('Standard Profiles'!$G$18=$B$17,14,0)+IF('Standard Profiles'!$G$18=$B$24,21,0),MOD($C2382,24)+1)/SUM(INDEX($D$3:$AA$30,INDEX(Jesper!$R$2:$R$366,ROW(INDEX(Jesper!AH$2:AH$366,ROUNDDOWN($C2382/24,0)+1,1))-1)+IF('Standard Profiles'!$G$18=$B$10,7,0)+IF('Standard Profiles'!$G$18=$B$17,14,0)+IF('Standard Profiles'!$G$18=$B$24,21,0),0)),0)</f>
        <v>6.566177355020308</v>
      </c>
      <c r="E2382" cm="1">
        <f t="array" ref="E2382">IFERROR(INDEX(Jesper!AI$2:AI$366,ROUNDDOWN($C2382/24,0)+1,1)*INDEX($D$3:$AA$30,INDEX(Jesper!$R$2:$R$366,ROW(INDEX(Jesper!AI$2:AI$366,ROUNDDOWN($C2382/24,0)+1,1))-1)+IF('Standard Profiles'!$G$19=$B$10,7,0)+IF('Standard Profiles'!$G$19=$B$17,14,0)+IF('Standard Profiles'!$G$19=$B$24,21,0),MOD($C2382,24)+1)/SUM(INDEX($D$3:$AA$30,INDEX(Jesper!$R$2:$R$366,ROW(INDEX(Jesper!AI$2:AI$366,ROUNDDOWN($C2382/24,0)+1,1))-1)+IF('Standard Profiles'!$G$19=$B$10,7,0)+IF('Standard Profiles'!$G$19=$B$17,14,0)+IF('Standard Profiles'!$G$19=$B$24,21,0),0)),0)</f>
        <v>1.3136515390129542</v>
      </c>
      <c r="F2382" cm="1">
        <f t="array" ref="F2382">IFERROR(INDEX(Jesper!AJ$2:AJ$366,ROUNDDOWN($C2382/24,0)+1,1)*INDEX($D$3:$AA$30,INDEX(Jesper!$R$2:$R$366,ROW(INDEX(Jesper!AJ$2:AJ$366,ROUNDDOWN($C2382/24,0)+1,1))-1)+IF('Standard Profiles'!$G$20=$B$10,7,0)+IF('Standard Profiles'!$G$20=$B$17,14,0)+IF('Standard Profiles'!$G$20=$B$24,21,0),MOD($C2382,24)+1)/SUM(INDEX($D$3:$AA$30,INDEX(Jesper!$R$2:$R$366,ROW(INDEX(Jesper!AJ$2:AJ$366,ROUNDDOWN($C2382/24,0)+1,1))-1)+IF('Standard Profiles'!$G$20=$B$10,7,0)+IF('Standard Profiles'!$G$20=$B$17,14,0)+IF('Standard Profiles'!$G$20=$B$24,21,0),0)),0)</f>
        <v>0</v>
      </c>
      <c r="G2382" cm="1">
        <f t="array" ref="G2382">IFERROR(INDEX(Jesper!AK$2:AK$366,ROUNDDOWN($C2382/24,0)+1,1)*INDEX($D$3:$AA$30,INDEX(Jesper!$R$2:$R$366,ROW(INDEX(Jesper!AK$2:AK$366,ROUNDDOWN($C2382/24,0)+1,1))-1)+IF('Standard Profiles'!$G$21=$B$10,7,0)+IF('Standard Profiles'!$G$21=$B$17,14,0)+IF('Standard Profiles'!$G$21=$B$24,21,0),MOD($C2382,24)+1)/SUM(INDEX($D$3:$AA$30,INDEX(Jesper!$R$2:$R$366,ROW(INDEX(Jesper!AK$2:AK$366,ROUNDDOWN($C2382/24,0)+1,1))-1)+IF('Standard Profiles'!$G$21=$B$10,7,0)+IF('Standard Profiles'!$G$21=$B$17,14,0)+IF('Standard Profiles'!$G$21=$B$24,21,0),0)),0)</f>
        <v>0</v>
      </c>
      <c r="H2382" cm="1">
        <f t="array" ref="H2382">IFERROR(INDEX(Jesper!AL$2:AL$366,ROUNDDOWN($C2382/24,0)+1,1)*INDEX($D$3:$AA$30,INDEX(Jesper!$R$2:$R$366,ROW(INDEX(Jesper!AL$2:AL$366,ROUNDDOWN($C2382/24,0)+1,1))-1)+IF('Standard Profiles'!$G$22=$B$10,7,0)+IF('Standard Profiles'!$G$22=$B$17,14,0)+IF('Standard Profiles'!$G$22=$B$24,21,0),MOD($C2382,24)+1)/SUM(INDEX($D$3:$AA$30,INDEX(Jesper!$R$2:$R$366,ROW(INDEX(Jesper!AL$2:AL$366,ROUNDDOWN($C2382/24,0)+1,1))-1)+IF('Standard Profiles'!$G$22=$B$10,7,0)+IF('Standard Profiles'!$G$22=$B$17,14,0)+IF('Standard Profiles'!$G$22=$B$24,21,0),0)),0)</f>
        <v>0</v>
      </c>
      <c r="I2382">
        <f t="shared" si="272"/>
        <v>0.11834698549666257</v>
      </c>
      <c r="J2382">
        <f t="shared" si="273"/>
        <v>0.39448995165554196</v>
      </c>
      <c r="K2382">
        <f t="shared" si="274"/>
        <v>0.59173492748331291</v>
      </c>
      <c r="L2382">
        <f t="shared" si="275"/>
        <v>6.7752570293977445</v>
      </c>
      <c r="M2382">
        <f t="shared" si="276"/>
        <v>0</v>
      </c>
      <c r="N2382" s="46">
        <f t="shared" si="277"/>
        <v>45389.833333327639</v>
      </c>
    </row>
    <row r="2383" spans="2:14" x14ac:dyDescent="0.3">
      <c r="B2383">
        <f t="shared" si="271"/>
        <v>7</v>
      </c>
      <c r="C2383" s="16">
        <v>2349</v>
      </c>
      <c r="D2383" cm="1">
        <f t="array" ref="D2383">IFERROR(INDEX(Jesper!AH$2:AH$366,ROUNDDOWN($C2383/24,0)+1,1)*INDEX($D$3:$AA$30,INDEX(Jesper!$R$2:$R$366,ROW(INDEX(Jesper!AH$2:AH$366,ROUNDDOWN($C2383/24,0)+1,1))-1)+IF('Standard Profiles'!$G$18=$B$10,7,0)+IF('Standard Profiles'!$G$18=$B$17,14,0)+IF('Standard Profiles'!$G$18=$B$24,21,0),MOD($C2383,24)+1)/SUM(INDEX($D$3:$AA$30,INDEX(Jesper!$R$2:$R$366,ROW(INDEX(Jesper!AH$2:AH$366,ROUNDDOWN($C2383/24,0)+1,1))-1)+IF('Standard Profiles'!$G$18=$B$10,7,0)+IF('Standard Profiles'!$G$18=$B$17,14,0)+IF('Standard Profiles'!$G$18=$B$24,21,0),0)),0)</f>
        <v>5.7189286640499457</v>
      </c>
      <c r="E2383" cm="1">
        <f t="array" ref="E2383">IFERROR(INDEX(Jesper!AI$2:AI$366,ROUNDDOWN($C2383/24,0)+1,1)*INDEX($D$3:$AA$30,INDEX(Jesper!$R$2:$R$366,ROW(INDEX(Jesper!AI$2:AI$366,ROUNDDOWN($C2383/24,0)+1,1))-1)+IF('Standard Profiles'!$G$19=$B$10,7,0)+IF('Standard Profiles'!$G$19=$B$17,14,0)+IF('Standard Profiles'!$G$19=$B$24,21,0),MOD($C2383,24)+1)/SUM(INDEX($D$3:$AA$30,INDEX(Jesper!$R$2:$R$366,ROW(INDEX(Jesper!AI$2:AI$366,ROUNDDOWN($C2383/24,0)+1,1))-1)+IF('Standard Profiles'!$G$19=$B$10,7,0)+IF('Standard Profiles'!$G$19=$B$17,14,0)+IF('Standard Profiles'!$G$19=$B$24,21,0),0)),0)</f>
        <v>1.1441481146241861</v>
      </c>
      <c r="F2383" cm="1">
        <f t="array" ref="F2383">IFERROR(INDEX(Jesper!AJ$2:AJ$366,ROUNDDOWN($C2383/24,0)+1,1)*INDEX($D$3:$AA$30,INDEX(Jesper!$R$2:$R$366,ROW(INDEX(Jesper!AJ$2:AJ$366,ROUNDDOWN($C2383/24,0)+1,1))-1)+IF('Standard Profiles'!$G$20=$B$10,7,0)+IF('Standard Profiles'!$G$20=$B$17,14,0)+IF('Standard Profiles'!$G$20=$B$24,21,0),MOD($C2383,24)+1)/SUM(INDEX($D$3:$AA$30,INDEX(Jesper!$R$2:$R$366,ROW(INDEX(Jesper!AJ$2:AJ$366,ROUNDDOWN($C2383/24,0)+1,1))-1)+IF('Standard Profiles'!$G$20=$B$10,7,0)+IF('Standard Profiles'!$G$20=$B$17,14,0)+IF('Standard Profiles'!$G$20=$B$24,21,0),0)),0)</f>
        <v>0</v>
      </c>
      <c r="G2383" cm="1">
        <f t="array" ref="G2383">IFERROR(INDEX(Jesper!AK$2:AK$366,ROUNDDOWN($C2383/24,0)+1,1)*INDEX($D$3:$AA$30,INDEX(Jesper!$R$2:$R$366,ROW(INDEX(Jesper!AK$2:AK$366,ROUNDDOWN($C2383/24,0)+1,1))-1)+IF('Standard Profiles'!$G$21=$B$10,7,0)+IF('Standard Profiles'!$G$21=$B$17,14,0)+IF('Standard Profiles'!$G$21=$B$24,21,0),MOD($C2383,24)+1)/SUM(INDEX($D$3:$AA$30,INDEX(Jesper!$R$2:$R$366,ROW(INDEX(Jesper!AK$2:AK$366,ROUNDDOWN($C2383/24,0)+1,1))-1)+IF('Standard Profiles'!$G$21=$B$10,7,0)+IF('Standard Profiles'!$G$21=$B$17,14,0)+IF('Standard Profiles'!$G$21=$B$24,21,0),0)),0)</f>
        <v>0</v>
      </c>
      <c r="H2383" cm="1">
        <f t="array" ref="H2383">IFERROR(INDEX(Jesper!AL$2:AL$366,ROUNDDOWN($C2383/24,0)+1,1)*INDEX($D$3:$AA$30,INDEX(Jesper!$R$2:$R$366,ROW(INDEX(Jesper!AL$2:AL$366,ROUNDDOWN($C2383/24,0)+1,1))-1)+IF('Standard Profiles'!$G$22=$B$10,7,0)+IF('Standard Profiles'!$G$22=$B$17,14,0)+IF('Standard Profiles'!$G$22=$B$24,21,0),MOD($C2383,24)+1)/SUM(INDEX($D$3:$AA$30,INDEX(Jesper!$R$2:$R$366,ROW(INDEX(Jesper!AL$2:AL$366,ROUNDDOWN($C2383/24,0)+1,1))-1)+IF('Standard Profiles'!$G$22=$B$10,7,0)+IF('Standard Profiles'!$G$22=$B$17,14,0)+IF('Standard Profiles'!$G$22=$B$24,21,0),0)),0)</f>
        <v>0</v>
      </c>
      <c r="I2383">
        <f t="shared" si="272"/>
        <v>0.10307640672289968</v>
      </c>
      <c r="J2383">
        <f t="shared" si="273"/>
        <v>0.34358802240966563</v>
      </c>
      <c r="K2383">
        <f t="shared" si="274"/>
        <v>0.51538203361449841</v>
      </c>
      <c r="L2383">
        <f t="shared" si="275"/>
        <v>5.9010303159270681</v>
      </c>
      <c r="M2383">
        <f t="shared" si="276"/>
        <v>0</v>
      </c>
      <c r="N2383" s="46">
        <f t="shared" si="277"/>
        <v>45389.874999994303</v>
      </c>
    </row>
    <row r="2384" spans="2:14" x14ac:dyDescent="0.3">
      <c r="B2384">
        <f t="shared" si="271"/>
        <v>7</v>
      </c>
      <c r="C2384" s="16">
        <v>2350</v>
      </c>
      <c r="D2384" cm="1">
        <f t="array" ref="D2384">IFERROR(INDEX(Jesper!AH$2:AH$366,ROUNDDOWN($C2384/24,0)+1,1)*INDEX($D$3:$AA$30,INDEX(Jesper!$R$2:$R$366,ROW(INDEX(Jesper!AH$2:AH$366,ROUNDDOWN($C2384/24,0)+1,1))-1)+IF('Standard Profiles'!$G$18=$B$10,7,0)+IF('Standard Profiles'!$G$18=$B$17,14,0)+IF('Standard Profiles'!$G$18=$B$24,21,0),MOD($C2384,24)+1)/SUM(INDEX($D$3:$AA$30,INDEX(Jesper!$R$2:$R$366,ROW(INDEX(Jesper!AH$2:AH$366,ROUNDDOWN($C2384/24,0)+1,1))-1)+IF('Standard Profiles'!$G$18=$B$10,7,0)+IF('Standard Profiles'!$G$18=$B$17,14,0)+IF('Standard Profiles'!$G$18=$B$24,21,0),0)),0)</f>
        <v>5.7189286640499457</v>
      </c>
      <c r="E2384" cm="1">
        <f t="array" ref="E2384">IFERROR(INDEX(Jesper!AI$2:AI$366,ROUNDDOWN($C2384/24,0)+1,1)*INDEX($D$3:$AA$30,INDEX(Jesper!$R$2:$R$366,ROW(INDEX(Jesper!AI$2:AI$366,ROUNDDOWN($C2384/24,0)+1,1))-1)+IF('Standard Profiles'!$G$19=$B$10,7,0)+IF('Standard Profiles'!$G$19=$B$17,14,0)+IF('Standard Profiles'!$G$19=$B$24,21,0),MOD($C2384,24)+1)/SUM(INDEX($D$3:$AA$30,INDEX(Jesper!$R$2:$R$366,ROW(INDEX(Jesper!AI$2:AI$366,ROUNDDOWN($C2384/24,0)+1,1))-1)+IF('Standard Profiles'!$G$19=$B$10,7,0)+IF('Standard Profiles'!$G$19=$B$17,14,0)+IF('Standard Profiles'!$G$19=$B$24,21,0),0)),0)</f>
        <v>1.1441481146241861</v>
      </c>
      <c r="F2384" cm="1">
        <f t="array" ref="F2384">IFERROR(INDEX(Jesper!AJ$2:AJ$366,ROUNDDOWN($C2384/24,0)+1,1)*INDEX($D$3:$AA$30,INDEX(Jesper!$R$2:$R$366,ROW(INDEX(Jesper!AJ$2:AJ$366,ROUNDDOWN($C2384/24,0)+1,1))-1)+IF('Standard Profiles'!$G$20=$B$10,7,0)+IF('Standard Profiles'!$G$20=$B$17,14,0)+IF('Standard Profiles'!$G$20=$B$24,21,0),MOD($C2384,24)+1)/SUM(INDEX($D$3:$AA$30,INDEX(Jesper!$R$2:$R$366,ROW(INDEX(Jesper!AJ$2:AJ$366,ROUNDDOWN($C2384/24,0)+1,1))-1)+IF('Standard Profiles'!$G$20=$B$10,7,0)+IF('Standard Profiles'!$G$20=$B$17,14,0)+IF('Standard Profiles'!$G$20=$B$24,21,0),0)),0)</f>
        <v>0</v>
      </c>
      <c r="G2384" cm="1">
        <f t="array" ref="G2384">IFERROR(INDEX(Jesper!AK$2:AK$366,ROUNDDOWN($C2384/24,0)+1,1)*INDEX($D$3:$AA$30,INDEX(Jesper!$R$2:$R$366,ROW(INDEX(Jesper!AK$2:AK$366,ROUNDDOWN($C2384/24,0)+1,1))-1)+IF('Standard Profiles'!$G$21=$B$10,7,0)+IF('Standard Profiles'!$G$21=$B$17,14,0)+IF('Standard Profiles'!$G$21=$B$24,21,0),MOD($C2384,24)+1)/SUM(INDEX($D$3:$AA$30,INDEX(Jesper!$R$2:$R$366,ROW(INDEX(Jesper!AK$2:AK$366,ROUNDDOWN($C2384/24,0)+1,1))-1)+IF('Standard Profiles'!$G$21=$B$10,7,0)+IF('Standard Profiles'!$G$21=$B$17,14,0)+IF('Standard Profiles'!$G$21=$B$24,21,0),0)),0)</f>
        <v>0</v>
      </c>
      <c r="H2384" cm="1">
        <f t="array" ref="H2384">IFERROR(INDEX(Jesper!AL$2:AL$366,ROUNDDOWN($C2384/24,0)+1,1)*INDEX($D$3:$AA$30,INDEX(Jesper!$R$2:$R$366,ROW(INDEX(Jesper!AL$2:AL$366,ROUNDDOWN($C2384/24,0)+1,1))-1)+IF('Standard Profiles'!$G$22=$B$10,7,0)+IF('Standard Profiles'!$G$22=$B$17,14,0)+IF('Standard Profiles'!$G$22=$B$24,21,0),MOD($C2384,24)+1)/SUM(INDEX($D$3:$AA$30,INDEX(Jesper!$R$2:$R$366,ROW(INDEX(Jesper!AL$2:AL$366,ROUNDDOWN($C2384/24,0)+1,1))-1)+IF('Standard Profiles'!$G$22=$B$10,7,0)+IF('Standard Profiles'!$G$22=$B$17,14,0)+IF('Standard Profiles'!$G$22=$B$24,21,0),0)),0)</f>
        <v>0</v>
      </c>
      <c r="I2384">
        <f t="shared" si="272"/>
        <v>0.10307640672289968</v>
      </c>
      <c r="J2384">
        <f t="shared" si="273"/>
        <v>0.34358802240966563</v>
      </c>
      <c r="K2384">
        <f t="shared" si="274"/>
        <v>0.51538203361449841</v>
      </c>
      <c r="L2384">
        <f t="shared" si="275"/>
        <v>5.9010303159270681</v>
      </c>
      <c r="M2384">
        <f t="shared" si="276"/>
        <v>0</v>
      </c>
      <c r="N2384" s="46">
        <f t="shared" si="277"/>
        <v>45389.916666660967</v>
      </c>
    </row>
    <row r="2385" spans="2:14" x14ac:dyDescent="0.3">
      <c r="B2385">
        <f t="shared" si="271"/>
        <v>7</v>
      </c>
      <c r="C2385" s="16">
        <v>2351</v>
      </c>
      <c r="D2385" cm="1">
        <f t="array" ref="D2385">IFERROR(INDEX(Jesper!AH$2:AH$366,ROUNDDOWN($C2385/24,0)+1,1)*INDEX($D$3:$AA$30,INDEX(Jesper!$R$2:$R$366,ROW(INDEX(Jesper!AH$2:AH$366,ROUNDDOWN($C2385/24,0)+1,1))-1)+IF('Standard Profiles'!$G$18=$B$10,7,0)+IF('Standard Profiles'!$G$18=$B$17,14,0)+IF('Standard Profiles'!$G$18=$B$24,21,0),MOD($C2385,24)+1)/SUM(INDEX($D$3:$AA$30,INDEX(Jesper!$R$2:$R$366,ROW(INDEX(Jesper!AH$2:AH$366,ROUNDDOWN($C2385/24,0)+1,1))-1)+IF('Standard Profiles'!$G$18=$B$10,7,0)+IF('Standard Profiles'!$G$18=$B$17,14,0)+IF('Standard Profiles'!$G$18=$B$24,21,0),0)),0)</f>
        <v>5.7189286640499457</v>
      </c>
      <c r="E2385" cm="1">
        <f t="array" ref="E2385">IFERROR(INDEX(Jesper!AI$2:AI$366,ROUNDDOWN($C2385/24,0)+1,1)*INDEX($D$3:$AA$30,INDEX(Jesper!$R$2:$R$366,ROW(INDEX(Jesper!AI$2:AI$366,ROUNDDOWN($C2385/24,0)+1,1))-1)+IF('Standard Profiles'!$G$19=$B$10,7,0)+IF('Standard Profiles'!$G$19=$B$17,14,0)+IF('Standard Profiles'!$G$19=$B$24,21,0),MOD($C2385,24)+1)/SUM(INDEX($D$3:$AA$30,INDEX(Jesper!$R$2:$R$366,ROW(INDEX(Jesper!AI$2:AI$366,ROUNDDOWN($C2385/24,0)+1,1))-1)+IF('Standard Profiles'!$G$19=$B$10,7,0)+IF('Standard Profiles'!$G$19=$B$17,14,0)+IF('Standard Profiles'!$G$19=$B$24,21,0),0)),0)</f>
        <v>1.1441481146241861</v>
      </c>
      <c r="F2385" cm="1">
        <f t="array" ref="F2385">IFERROR(INDEX(Jesper!AJ$2:AJ$366,ROUNDDOWN($C2385/24,0)+1,1)*INDEX($D$3:$AA$30,INDEX(Jesper!$R$2:$R$366,ROW(INDEX(Jesper!AJ$2:AJ$366,ROUNDDOWN($C2385/24,0)+1,1))-1)+IF('Standard Profiles'!$G$20=$B$10,7,0)+IF('Standard Profiles'!$G$20=$B$17,14,0)+IF('Standard Profiles'!$G$20=$B$24,21,0),MOD($C2385,24)+1)/SUM(INDEX($D$3:$AA$30,INDEX(Jesper!$R$2:$R$366,ROW(INDEX(Jesper!AJ$2:AJ$366,ROUNDDOWN($C2385/24,0)+1,1))-1)+IF('Standard Profiles'!$G$20=$B$10,7,0)+IF('Standard Profiles'!$G$20=$B$17,14,0)+IF('Standard Profiles'!$G$20=$B$24,21,0),0)),0)</f>
        <v>0</v>
      </c>
      <c r="G2385" cm="1">
        <f t="array" ref="G2385">IFERROR(INDEX(Jesper!AK$2:AK$366,ROUNDDOWN($C2385/24,0)+1,1)*INDEX($D$3:$AA$30,INDEX(Jesper!$R$2:$R$366,ROW(INDEX(Jesper!AK$2:AK$366,ROUNDDOWN($C2385/24,0)+1,1))-1)+IF('Standard Profiles'!$G$21=$B$10,7,0)+IF('Standard Profiles'!$G$21=$B$17,14,0)+IF('Standard Profiles'!$G$21=$B$24,21,0),MOD($C2385,24)+1)/SUM(INDEX($D$3:$AA$30,INDEX(Jesper!$R$2:$R$366,ROW(INDEX(Jesper!AK$2:AK$366,ROUNDDOWN($C2385/24,0)+1,1))-1)+IF('Standard Profiles'!$G$21=$B$10,7,0)+IF('Standard Profiles'!$G$21=$B$17,14,0)+IF('Standard Profiles'!$G$21=$B$24,21,0),0)),0)</f>
        <v>0</v>
      </c>
      <c r="H2385" cm="1">
        <f t="array" ref="H2385">IFERROR(INDEX(Jesper!AL$2:AL$366,ROUNDDOWN($C2385/24,0)+1,1)*INDEX($D$3:$AA$30,INDEX(Jesper!$R$2:$R$366,ROW(INDEX(Jesper!AL$2:AL$366,ROUNDDOWN($C2385/24,0)+1,1))-1)+IF('Standard Profiles'!$G$22=$B$10,7,0)+IF('Standard Profiles'!$G$22=$B$17,14,0)+IF('Standard Profiles'!$G$22=$B$24,21,0),MOD($C2385,24)+1)/SUM(INDEX($D$3:$AA$30,INDEX(Jesper!$R$2:$R$366,ROW(INDEX(Jesper!AL$2:AL$366,ROUNDDOWN($C2385/24,0)+1,1))-1)+IF('Standard Profiles'!$G$22=$B$10,7,0)+IF('Standard Profiles'!$G$22=$B$17,14,0)+IF('Standard Profiles'!$G$22=$B$24,21,0),0)),0)</f>
        <v>0</v>
      </c>
      <c r="I2385">
        <f t="shared" si="272"/>
        <v>0.10307640672289968</v>
      </c>
      <c r="J2385">
        <f t="shared" si="273"/>
        <v>0.34358802240966563</v>
      </c>
      <c r="K2385">
        <f t="shared" si="274"/>
        <v>0.51538203361449841</v>
      </c>
      <c r="L2385">
        <f t="shared" si="275"/>
        <v>5.9010303159270681</v>
      </c>
      <c r="M2385">
        <f t="shared" si="276"/>
        <v>0</v>
      </c>
      <c r="N2385" s="46">
        <f t="shared" si="277"/>
        <v>45389.958333327631</v>
      </c>
    </row>
    <row r="2386" spans="2:14" x14ac:dyDescent="0.3">
      <c r="B2386">
        <f t="shared" si="271"/>
        <v>1</v>
      </c>
      <c r="C2386" s="16">
        <v>2352</v>
      </c>
      <c r="D2386" cm="1">
        <f t="array" ref="D2386">IFERROR(INDEX(Jesper!AH$2:AH$366,ROUNDDOWN($C2386/24,0)+1,1)*INDEX($D$3:$AA$30,INDEX(Jesper!$R$2:$R$366,ROW(INDEX(Jesper!AH$2:AH$366,ROUNDDOWN($C2386/24,0)+1,1))-1)+IF('Standard Profiles'!$G$18=$B$10,7,0)+IF('Standard Profiles'!$G$18=$B$17,14,0)+IF('Standard Profiles'!$G$18=$B$24,21,0),MOD($C2386,24)+1)/SUM(INDEX($D$3:$AA$30,INDEX(Jesper!$R$2:$R$366,ROW(INDEX(Jesper!AH$2:AH$366,ROUNDDOWN($C2386/24,0)+1,1))-1)+IF('Standard Profiles'!$G$18=$B$10,7,0)+IF('Standard Profiles'!$G$18=$B$17,14,0)+IF('Standard Profiles'!$G$18=$B$24,21,0),0)),0)</f>
        <v>2.5351408722377529</v>
      </c>
      <c r="E2386" cm="1">
        <f t="array" ref="E2386">IFERROR(INDEX(Jesper!AI$2:AI$366,ROUNDDOWN($C2386/24,0)+1,1)*INDEX($D$3:$AA$30,INDEX(Jesper!$R$2:$R$366,ROW(INDEX(Jesper!AI$2:AI$366,ROUNDDOWN($C2386/24,0)+1,1))-1)+IF('Standard Profiles'!$G$19=$B$10,7,0)+IF('Standard Profiles'!$G$19=$B$17,14,0)+IF('Standard Profiles'!$G$19=$B$24,21,0),MOD($C2386,24)+1)/SUM(INDEX($D$3:$AA$30,INDEX(Jesper!$R$2:$R$366,ROW(INDEX(Jesper!AI$2:AI$366,ROUNDDOWN($C2386/24,0)+1,1))-1)+IF('Standard Profiles'!$G$19=$B$10,7,0)+IF('Standard Profiles'!$G$19=$B$17,14,0)+IF('Standard Profiles'!$G$19=$B$24,21,0),0)),0)</f>
        <v>0</v>
      </c>
      <c r="F2386" cm="1">
        <f t="array" ref="F2386">IFERROR(INDEX(Jesper!AJ$2:AJ$366,ROUNDDOWN($C2386/24,0)+1,1)*INDEX($D$3:$AA$30,INDEX(Jesper!$R$2:$R$366,ROW(INDEX(Jesper!AJ$2:AJ$366,ROUNDDOWN($C2386/24,0)+1,1))-1)+IF('Standard Profiles'!$G$20=$B$10,7,0)+IF('Standard Profiles'!$G$20=$B$17,14,0)+IF('Standard Profiles'!$G$20=$B$24,21,0),MOD($C2386,24)+1)/SUM(INDEX($D$3:$AA$30,INDEX(Jesper!$R$2:$R$366,ROW(INDEX(Jesper!AJ$2:AJ$366,ROUNDDOWN($C2386/24,0)+1,1))-1)+IF('Standard Profiles'!$G$20=$B$10,7,0)+IF('Standard Profiles'!$G$20=$B$17,14,0)+IF('Standard Profiles'!$G$20=$B$24,21,0),0)),0)</f>
        <v>0</v>
      </c>
      <c r="G2386" cm="1">
        <f t="array" ref="G2386">IFERROR(INDEX(Jesper!AK$2:AK$366,ROUNDDOWN($C2386/24,0)+1,1)*INDEX($D$3:$AA$30,INDEX(Jesper!$R$2:$R$366,ROW(INDEX(Jesper!AK$2:AK$366,ROUNDDOWN($C2386/24,0)+1,1))-1)+IF('Standard Profiles'!$G$21=$B$10,7,0)+IF('Standard Profiles'!$G$21=$B$17,14,0)+IF('Standard Profiles'!$G$21=$B$24,21,0),MOD($C2386,24)+1)/SUM(INDEX($D$3:$AA$30,INDEX(Jesper!$R$2:$R$366,ROW(INDEX(Jesper!AK$2:AK$366,ROUNDDOWN($C2386/24,0)+1,1))-1)+IF('Standard Profiles'!$G$21=$B$10,7,0)+IF('Standard Profiles'!$G$21=$B$17,14,0)+IF('Standard Profiles'!$G$21=$B$24,21,0),0)),0)</f>
        <v>0</v>
      </c>
      <c r="H2386" cm="1">
        <f t="array" ref="H2386">IFERROR(INDEX(Jesper!AL$2:AL$366,ROUNDDOWN($C2386/24,0)+1,1)*INDEX($D$3:$AA$30,INDEX(Jesper!$R$2:$R$366,ROW(INDEX(Jesper!AL$2:AL$366,ROUNDDOWN($C2386/24,0)+1,1))-1)+IF('Standard Profiles'!$G$22=$B$10,7,0)+IF('Standard Profiles'!$G$22=$B$17,14,0)+IF('Standard Profiles'!$G$22=$B$24,21,0),MOD($C2386,24)+1)/SUM(INDEX($D$3:$AA$30,INDEX(Jesper!$R$2:$R$366,ROW(INDEX(Jesper!AL$2:AL$366,ROUNDDOWN($C2386/24,0)+1,1))-1)+IF('Standard Profiles'!$G$22=$B$10,7,0)+IF('Standard Profiles'!$G$22=$B$17,14,0)+IF('Standard Profiles'!$G$22=$B$24,21,0),0)),0)</f>
        <v>0</v>
      </c>
      <c r="I2386">
        <f t="shared" si="272"/>
        <v>7.6054226167132588E-2</v>
      </c>
      <c r="J2386">
        <f t="shared" si="273"/>
        <v>0.25351408722377528</v>
      </c>
      <c r="K2386">
        <f t="shared" si="274"/>
        <v>0.38027113083566294</v>
      </c>
      <c r="L2386">
        <f t="shared" si="275"/>
        <v>1.8253014280111819</v>
      </c>
      <c r="M2386">
        <f t="shared" si="276"/>
        <v>0</v>
      </c>
      <c r="N2386" s="46">
        <f t="shared" si="277"/>
        <v>45389.999999994296</v>
      </c>
    </row>
    <row r="2387" spans="2:14" x14ac:dyDescent="0.3">
      <c r="B2387">
        <f t="shared" si="271"/>
        <v>1</v>
      </c>
      <c r="C2387" s="16">
        <v>2353</v>
      </c>
      <c r="D2387" cm="1">
        <f t="array" ref="D2387">IFERROR(INDEX(Jesper!AH$2:AH$366,ROUNDDOWN($C2387/24,0)+1,1)*INDEX($D$3:$AA$30,INDEX(Jesper!$R$2:$R$366,ROW(INDEX(Jesper!AH$2:AH$366,ROUNDDOWN($C2387/24,0)+1,1))-1)+IF('Standard Profiles'!$G$18=$B$10,7,0)+IF('Standard Profiles'!$G$18=$B$17,14,0)+IF('Standard Profiles'!$G$18=$B$24,21,0),MOD($C2387,24)+1)/SUM(INDEX($D$3:$AA$30,INDEX(Jesper!$R$2:$R$366,ROW(INDEX(Jesper!AH$2:AH$366,ROUNDDOWN($C2387/24,0)+1,1))-1)+IF('Standard Profiles'!$G$18=$B$10,7,0)+IF('Standard Profiles'!$G$18=$B$17,14,0)+IF('Standard Profiles'!$G$18=$B$24,21,0),0)),0)</f>
        <v>2.5351408722377529</v>
      </c>
      <c r="E2387" cm="1">
        <f t="array" ref="E2387">IFERROR(INDEX(Jesper!AI$2:AI$366,ROUNDDOWN($C2387/24,0)+1,1)*INDEX($D$3:$AA$30,INDEX(Jesper!$R$2:$R$366,ROW(INDEX(Jesper!AI$2:AI$366,ROUNDDOWN($C2387/24,0)+1,1))-1)+IF('Standard Profiles'!$G$19=$B$10,7,0)+IF('Standard Profiles'!$G$19=$B$17,14,0)+IF('Standard Profiles'!$G$19=$B$24,21,0),MOD($C2387,24)+1)/SUM(INDEX($D$3:$AA$30,INDEX(Jesper!$R$2:$R$366,ROW(INDEX(Jesper!AI$2:AI$366,ROUNDDOWN($C2387/24,0)+1,1))-1)+IF('Standard Profiles'!$G$19=$B$10,7,0)+IF('Standard Profiles'!$G$19=$B$17,14,0)+IF('Standard Profiles'!$G$19=$B$24,21,0),0)),0)</f>
        <v>0</v>
      </c>
      <c r="F2387" cm="1">
        <f t="array" ref="F2387">IFERROR(INDEX(Jesper!AJ$2:AJ$366,ROUNDDOWN($C2387/24,0)+1,1)*INDEX($D$3:$AA$30,INDEX(Jesper!$R$2:$R$366,ROW(INDEX(Jesper!AJ$2:AJ$366,ROUNDDOWN($C2387/24,0)+1,1))-1)+IF('Standard Profiles'!$G$20=$B$10,7,0)+IF('Standard Profiles'!$G$20=$B$17,14,0)+IF('Standard Profiles'!$G$20=$B$24,21,0),MOD($C2387,24)+1)/SUM(INDEX($D$3:$AA$30,INDEX(Jesper!$R$2:$R$366,ROW(INDEX(Jesper!AJ$2:AJ$366,ROUNDDOWN($C2387/24,0)+1,1))-1)+IF('Standard Profiles'!$G$20=$B$10,7,0)+IF('Standard Profiles'!$G$20=$B$17,14,0)+IF('Standard Profiles'!$G$20=$B$24,21,0),0)),0)</f>
        <v>0</v>
      </c>
      <c r="G2387" cm="1">
        <f t="array" ref="G2387">IFERROR(INDEX(Jesper!AK$2:AK$366,ROUNDDOWN($C2387/24,0)+1,1)*INDEX($D$3:$AA$30,INDEX(Jesper!$R$2:$R$366,ROW(INDEX(Jesper!AK$2:AK$366,ROUNDDOWN($C2387/24,0)+1,1))-1)+IF('Standard Profiles'!$G$21=$B$10,7,0)+IF('Standard Profiles'!$G$21=$B$17,14,0)+IF('Standard Profiles'!$G$21=$B$24,21,0),MOD($C2387,24)+1)/SUM(INDEX($D$3:$AA$30,INDEX(Jesper!$R$2:$R$366,ROW(INDEX(Jesper!AK$2:AK$366,ROUNDDOWN($C2387/24,0)+1,1))-1)+IF('Standard Profiles'!$G$21=$B$10,7,0)+IF('Standard Profiles'!$G$21=$B$17,14,0)+IF('Standard Profiles'!$G$21=$B$24,21,0),0)),0)</f>
        <v>0</v>
      </c>
      <c r="H2387" cm="1">
        <f t="array" ref="H2387">IFERROR(INDEX(Jesper!AL$2:AL$366,ROUNDDOWN($C2387/24,0)+1,1)*INDEX($D$3:$AA$30,INDEX(Jesper!$R$2:$R$366,ROW(INDEX(Jesper!AL$2:AL$366,ROUNDDOWN($C2387/24,0)+1,1))-1)+IF('Standard Profiles'!$G$22=$B$10,7,0)+IF('Standard Profiles'!$G$22=$B$17,14,0)+IF('Standard Profiles'!$G$22=$B$24,21,0),MOD($C2387,24)+1)/SUM(INDEX($D$3:$AA$30,INDEX(Jesper!$R$2:$R$366,ROW(INDEX(Jesper!AL$2:AL$366,ROUNDDOWN($C2387/24,0)+1,1))-1)+IF('Standard Profiles'!$G$22=$B$10,7,0)+IF('Standard Profiles'!$G$22=$B$17,14,0)+IF('Standard Profiles'!$G$22=$B$24,21,0),0)),0)</f>
        <v>0</v>
      </c>
      <c r="I2387">
        <f t="shared" si="272"/>
        <v>7.6054226167132588E-2</v>
      </c>
      <c r="J2387">
        <f t="shared" si="273"/>
        <v>0.25351408722377528</v>
      </c>
      <c r="K2387">
        <f t="shared" si="274"/>
        <v>0.38027113083566294</v>
      </c>
      <c r="L2387">
        <f t="shared" si="275"/>
        <v>1.8253014280111819</v>
      </c>
      <c r="M2387">
        <f t="shared" si="276"/>
        <v>0</v>
      </c>
      <c r="N2387" s="46">
        <f t="shared" si="277"/>
        <v>45390.04166666096</v>
      </c>
    </row>
    <row r="2388" spans="2:14" x14ac:dyDescent="0.3">
      <c r="B2388">
        <f t="shared" si="271"/>
        <v>1</v>
      </c>
      <c r="C2388" s="16">
        <v>2354</v>
      </c>
      <c r="D2388" cm="1">
        <f t="array" ref="D2388">IFERROR(INDEX(Jesper!AH$2:AH$366,ROUNDDOWN($C2388/24,0)+1,1)*INDEX($D$3:$AA$30,INDEX(Jesper!$R$2:$R$366,ROW(INDEX(Jesper!AH$2:AH$366,ROUNDDOWN($C2388/24,0)+1,1))-1)+IF('Standard Profiles'!$G$18=$B$10,7,0)+IF('Standard Profiles'!$G$18=$B$17,14,0)+IF('Standard Profiles'!$G$18=$B$24,21,0),MOD($C2388,24)+1)/SUM(INDEX($D$3:$AA$30,INDEX(Jesper!$R$2:$R$366,ROW(INDEX(Jesper!AH$2:AH$366,ROUNDDOWN($C2388/24,0)+1,1))-1)+IF('Standard Profiles'!$G$18=$B$10,7,0)+IF('Standard Profiles'!$G$18=$B$17,14,0)+IF('Standard Profiles'!$G$18=$B$24,21,0),0)),0)</f>
        <v>2.5351408722377529</v>
      </c>
      <c r="E2388" cm="1">
        <f t="array" ref="E2388">IFERROR(INDEX(Jesper!AI$2:AI$366,ROUNDDOWN($C2388/24,0)+1,1)*INDEX($D$3:$AA$30,INDEX(Jesper!$R$2:$R$366,ROW(INDEX(Jesper!AI$2:AI$366,ROUNDDOWN($C2388/24,0)+1,1))-1)+IF('Standard Profiles'!$G$19=$B$10,7,0)+IF('Standard Profiles'!$G$19=$B$17,14,0)+IF('Standard Profiles'!$G$19=$B$24,21,0),MOD($C2388,24)+1)/SUM(INDEX($D$3:$AA$30,INDEX(Jesper!$R$2:$R$366,ROW(INDEX(Jesper!AI$2:AI$366,ROUNDDOWN($C2388/24,0)+1,1))-1)+IF('Standard Profiles'!$G$19=$B$10,7,0)+IF('Standard Profiles'!$G$19=$B$17,14,0)+IF('Standard Profiles'!$G$19=$B$24,21,0),0)),0)</f>
        <v>0</v>
      </c>
      <c r="F2388" cm="1">
        <f t="array" ref="F2388">IFERROR(INDEX(Jesper!AJ$2:AJ$366,ROUNDDOWN($C2388/24,0)+1,1)*INDEX($D$3:$AA$30,INDEX(Jesper!$R$2:$R$366,ROW(INDEX(Jesper!AJ$2:AJ$366,ROUNDDOWN($C2388/24,0)+1,1))-1)+IF('Standard Profiles'!$G$20=$B$10,7,0)+IF('Standard Profiles'!$G$20=$B$17,14,0)+IF('Standard Profiles'!$G$20=$B$24,21,0),MOD($C2388,24)+1)/SUM(INDEX($D$3:$AA$30,INDEX(Jesper!$R$2:$R$366,ROW(INDEX(Jesper!AJ$2:AJ$366,ROUNDDOWN($C2388/24,0)+1,1))-1)+IF('Standard Profiles'!$G$20=$B$10,7,0)+IF('Standard Profiles'!$G$20=$B$17,14,0)+IF('Standard Profiles'!$G$20=$B$24,21,0),0)),0)</f>
        <v>0</v>
      </c>
      <c r="G2388" cm="1">
        <f t="array" ref="G2388">IFERROR(INDEX(Jesper!AK$2:AK$366,ROUNDDOWN($C2388/24,0)+1,1)*INDEX($D$3:$AA$30,INDEX(Jesper!$R$2:$R$366,ROW(INDEX(Jesper!AK$2:AK$366,ROUNDDOWN($C2388/24,0)+1,1))-1)+IF('Standard Profiles'!$G$21=$B$10,7,0)+IF('Standard Profiles'!$G$21=$B$17,14,0)+IF('Standard Profiles'!$G$21=$B$24,21,0),MOD($C2388,24)+1)/SUM(INDEX($D$3:$AA$30,INDEX(Jesper!$R$2:$R$366,ROW(INDEX(Jesper!AK$2:AK$366,ROUNDDOWN($C2388/24,0)+1,1))-1)+IF('Standard Profiles'!$G$21=$B$10,7,0)+IF('Standard Profiles'!$G$21=$B$17,14,0)+IF('Standard Profiles'!$G$21=$B$24,21,0),0)),0)</f>
        <v>0</v>
      </c>
      <c r="H2388" cm="1">
        <f t="array" ref="H2388">IFERROR(INDEX(Jesper!AL$2:AL$366,ROUNDDOWN($C2388/24,0)+1,1)*INDEX($D$3:$AA$30,INDEX(Jesper!$R$2:$R$366,ROW(INDEX(Jesper!AL$2:AL$366,ROUNDDOWN($C2388/24,0)+1,1))-1)+IF('Standard Profiles'!$G$22=$B$10,7,0)+IF('Standard Profiles'!$G$22=$B$17,14,0)+IF('Standard Profiles'!$G$22=$B$24,21,0),MOD($C2388,24)+1)/SUM(INDEX($D$3:$AA$30,INDEX(Jesper!$R$2:$R$366,ROW(INDEX(Jesper!AL$2:AL$366,ROUNDDOWN($C2388/24,0)+1,1))-1)+IF('Standard Profiles'!$G$22=$B$10,7,0)+IF('Standard Profiles'!$G$22=$B$17,14,0)+IF('Standard Profiles'!$G$22=$B$24,21,0),0)),0)</f>
        <v>0</v>
      </c>
      <c r="I2388">
        <f t="shared" si="272"/>
        <v>7.6054226167132588E-2</v>
      </c>
      <c r="J2388">
        <f t="shared" si="273"/>
        <v>0.25351408722377528</v>
      </c>
      <c r="K2388">
        <f t="shared" si="274"/>
        <v>0.38027113083566294</v>
      </c>
      <c r="L2388">
        <f t="shared" si="275"/>
        <v>1.8253014280111819</v>
      </c>
      <c r="M2388">
        <f t="shared" si="276"/>
        <v>0</v>
      </c>
      <c r="N2388" s="46">
        <f t="shared" si="277"/>
        <v>45390.083333327624</v>
      </c>
    </row>
    <row r="2389" spans="2:14" x14ac:dyDescent="0.3">
      <c r="B2389">
        <f t="shared" si="271"/>
        <v>1</v>
      </c>
      <c r="C2389" s="16">
        <v>2355</v>
      </c>
      <c r="D2389" cm="1">
        <f t="array" ref="D2389">IFERROR(INDEX(Jesper!AH$2:AH$366,ROUNDDOWN($C2389/24,0)+1,1)*INDEX($D$3:$AA$30,INDEX(Jesper!$R$2:$R$366,ROW(INDEX(Jesper!AH$2:AH$366,ROUNDDOWN($C2389/24,0)+1,1))-1)+IF('Standard Profiles'!$G$18=$B$10,7,0)+IF('Standard Profiles'!$G$18=$B$17,14,0)+IF('Standard Profiles'!$G$18=$B$24,21,0),MOD($C2389,24)+1)/SUM(INDEX($D$3:$AA$30,INDEX(Jesper!$R$2:$R$366,ROW(INDEX(Jesper!AH$2:AH$366,ROUNDDOWN($C2389/24,0)+1,1))-1)+IF('Standard Profiles'!$G$18=$B$10,7,0)+IF('Standard Profiles'!$G$18=$B$17,14,0)+IF('Standard Profiles'!$G$18=$B$24,21,0),0)),0)</f>
        <v>2.5351408722377529</v>
      </c>
      <c r="E2389" cm="1">
        <f t="array" ref="E2389">IFERROR(INDEX(Jesper!AI$2:AI$366,ROUNDDOWN($C2389/24,0)+1,1)*INDEX($D$3:$AA$30,INDEX(Jesper!$R$2:$R$366,ROW(INDEX(Jesper!AI$2:AI$366,ROUNDDOWN($C2389/24,0)+1,1))-1)+IF('Standard Profiles'!$G$19=$B$10,7,0)+IF('Standard Profiles'!$G$19=$B$17,14,0)+IF('Standard Profiles'!$G$19=$B$24,21,0),MOD($C2389,24)+1)/SUM(INDEX($D$3:$AA$30,INDEX(Jesper!$R$2:$R$366,ROW(INDEX(Jesper!AI$2:AI$366,ROUNDDOWN($C2389/24,0)+1,1))-1)+IF('Standard Profiles'!$G$19=$B$10,7,0)+IF('Standard Profiles'!$G$19=$B$17,14,0)+IF('Standard Profiles'!$G$19=$B$24,21,0),0)),0)</f>
        <v>0</v>
      </c>
      <c r="F2389" cm="1">
        <f t="array" ref="F2389">IFERROR(INDEX(Jesper!AJ$2:AJ$366,ROUNDDOWN($C2389/24,0)+1,1)*INDEX($D$3:$AA$30,INDEX(Jesper!$R$2:$R$366,ROW(INDEX(Jesper!AJ$2:AJ$366,ROUNDDOWN($C2389/24,0)+1,1))-1)+IF('Standard Profiles'!$G$20=$B$10,7,0)+IF('Standard Profiles'!$G$20=$B$17,14,0)+IF('Standard Profiles'!$G$20=$B$24,21,0),MOD($C2389,24)+1)/SUM(INDEX($D$3:$AA$30,INDEX(Jesper!$R$2:$R$366,ROW(INDEX(Jesper!AJ$2:AJ$366,ROUNDDOWN($C2389/24,0)+1,1))-1)+IF('Standard Profiles'!$G$20=$B$10,7,0)+IF('Standard Profiles'!$G$20=$B$17,14,0)+IF('Standard Profiles'!$G$20=$B$24,21,0),0)),0)</f>
        <v>0</v>
      </c>
      <c r="G2389" cm="1">
        <f t="array" ref="G2389">IFERROR(INDEX(Jesper!AK$2:AK$366,ROUNDDOWN($C2389/24,0)+1,1)*INDEX($D$3:$AA$30,INDEX(Jesper!$R$2:$R$366,ROW(INDEX(Jesper!AK$2:AK$366,ROUNDDOWN($C2389/24,0)+1,1))-1)+IF('Standard Profiles'!$G$21=$B$10,7,0)+IF('Standard Profiles'!$G$21=$B$17,14,0)+IF('Standard Profiles'!$G$21=$B$24,21,0),MOD($C2389,24)+1)/SUM(INDEX($D$3:$AA$30,INDEX(Jesper!$R$2:$R$366,ROW(INDEX(Jesper!AK$2:AK$366,ROUNDDOWN($C2389/24,0)+1,1))-1)+IF('Standard Profiles'!$G$21=$B$10,7,0)+IF('Standard Profiles'!$G$21=$B$17,14,0)+IF('Standard Profiles'!$G$21=$B$24,21,0),0)),0)</f>
        <v>0</v>
      </c>
      <c r="H2389" cm="1">
        <f t="array" ref="H2389">IFERROR(INDEX(Jesper!AL$2:AL$366,ROUNDDOWN($C2389/24,0)+1,1)*INDEX($D$3:$AA$30,INDEX(Jesper!$R$2:$R$366,ROW(INDEX(Jesper!AL$2:AL$366,ROUNDDOWN($C2389/24,0)+1,1))-1)+IF('Standard Profiles'!$G$22=$B$10,7,0)+IF('Standard Profiles'!$G$22=$B$17,14,0)+IF('Standard Profiles'!$G$22=$B$24,21,0),MOD($C2389,24)+1)/SUM(INDEX($D$3:$AA$30,INDEX(Jesper!$R$2:$R$366,ROW(INDEX(Jesper!AL$2:AL$366,ROUNDDOWN($C2389/24,0)+1,1))-1)+IF('Standard Profiles'!$G$22=$B$10,7,0)+IF('Standard Profiles'!$G$22=$B$17,14,0)+IF('Standard Profiles'!$G$22=$B$24,21,0),0)),0)</f>
        <v>0</v>
      </c>
      <c r="I2389">
        <f t="shared" si="272"/>
        <v>7.6054226167132588E-2</v>
      </c>
      <c r="J2389">
        <f t="shared" si="273"/>
        <v>0.25351408722377528</v>
      </c>
      <c r="K2389">
        <f t="shared" si="274"/>
        <v>0.38027113083566294</v>
      </c>
      <c r="L2389">
        <f t="shared" si="275"/>
        <v>1.8253014280111819</v>
      </c>
      <c r="M2389">
        <f t="shared" si="276"/>
        <v>0</v>
      </c>
      <c r="N2389" s="46">
        <f t="shared" si="277"/>
        <v>45390.124999994288</v>
      </c>
    </row>
    <row r="2390" spans="2:14" x14ac:dyDescent="0.3">
      <c r="B2390">
        <f t="shared" si="271"/>
        <v>1</v>
      </c>
      <c r="C2390" s="16">
        <v>2356</v>
      </c>
      <c r="D2390" cm="1">
        <f t="array" ref="D2390">IFERROR(INDEX(Jesper!AH$2:AH$366,ROUNDDOWN($C2390/24,0)+1,1)*INDEX($D$3:$AA$30,INDEX(Jesper!$R$2:$R$366,ROW(INDEX(Jesper!AH$2:AH$366,ROUNDDOWN($C2390/24,0)+1,1))-1)+IF('Standard Profiles'!$G$18=$B$10,7,0)+IF('Standard Profiles'!$G$18=$B$17,14,0)+IF('Standard Profiles'!$G$18=$B$24,21,0),MOD($C2390,24)+1)/SUM(INDEX($D$3:$AA$30,INDEX(Jesper!$R$2:$R$366,ROW(INDEX(Jesper!AH$2:AH$366,ROUNDDOWN($C2390/24,0)+1,1))-1)+IF('Standard Profiles'!$G$18=$B$10,7,0)+IF('Standard Profiles'!$G$18=$B$17,14,0)+IF('Standard Profiles'!$G$18=$B$24,21,0),0)),0)</f>
        <v>2.5351408722377529</v>
      </c>
      <c r="E2390" cm="1">
        <f t="array" ref="E2390">IFERROR(INDEX(Jesper!AI$2:AI$366,ROUNDDOWN($C2390/24,0)+1,1)*INDEX($D$3:$AA$30,INDEX(Jesper!$R$2:$R$366,ROW(INDEX(Jesper!AI$2:AI$366,ROUNDDOWN($C2390/24,0)+1,1))-1)+IF('Standard Profiles'!$G$19=$B$10,7,0)+IF('Standard Profiles'!$G$19=$B$17,14,0)+IF('Standard Profiles'!$G$19=$B$24,21,0),MOD($C2390,24)+1)/SUM(INDEX($D$3:$AA$30,INDEX(Jesper!$R$2:$R$366,ROW(INDEX(Jesper!AI$2:AI$366,ROUNDDOWN($C2390/24,0)+1,1))-1)+IF('Standard Profiles'!$G$19=$B$10,7,0)+IF('Standard Profiles'!$G$19=$B$17,14,0)+IF('Standard Profiles'!$G$19=$B$24,21,0),0)),0)</f>
        <v>0</v>
      </c>
      <c r="F2390" cm="1">
        <f t="array" ref="F2390">IFERROR(INDEX(Jesper!AJ$2:AJ$366,ROUNDDOWN($C2390/24,0)+1,1)*INDEX($D$3:$AA$30,INDEX(Jesper!$R$2:$R$366,ROW(INDEX(Jesper!AJ$2:AJ$366,ROUNDDOWN($C2390/24,0)+1,1))-1)+IF('Standard Profiles'!$G$20=$B$10,7,0)+IF('Standard Profiles'!$G$20=$B$17,14,0)+IF('Standard Profiles'!$G$20=$B$24,21,0),MOD($C2390,24)+1)/SUM(INDEX($D$3:$AA$30,INDEX(Jesper!$R$2:$R$366,ROW(INDEX(Jesper!AJ$2:AJ$366,ROUNDDOWN($C2390/24,0)+1,1))-1)+IF('Standard Profiles'!$G$20=$B$10,7,0)+IF('Standard Profiles'!$G$20=$B$17,14,0)+IF('Standard Profiles'!$G$20=$B$24,21,0),0)),0)</f>
        <v>0</v>
      </c>
      <c r="G2390" cm="1">
        <f t="array" ref="G2390">IFERROR(INDEX(Jesper!AK$2:AK$366,ROUNDDOWN($C2390/24,0)+1,1)*INDEX($D$3:$AA$30,INDEX(Jesper!$R$2:$R$366,ROW(INDEX(Jesper!AK$2:AK$366,ROUNDDOWN($C2390/24,0)+1,1))-1)+IF('Standard Profiles'!$G$21=$B$10,7,0)+IF('Standard Profiles'!$G$21=$B$17,14,0)+IF('Standard Profiles'!$G$21=$B$24,21,0),MOD($C2390,24)+1)/SUM(INDEX($D$3:$AA$30,INDEX(Jesper!$R$2:$R$366,ROW(INDEX(Jesper!AK$2:AK$366,ROUNDDOWN($C2390/24,0)+1,1))-1)+IF('Standard Profiles'!$G$21=$B$10,7,0)+IF('Standard Profiles'!$G$21=$B$17,14,0)+IF('Standard Profiles'!$G$21=$B$24,21,0),0)),0)</f>
        <v>0</v>
      </c>
      <c r="H2390" cm="1">
        <f t="array" ref="H2390">IFERROR(INDEX(Jesper!AL$2:AL$366,ROUNDDOWN($C2390/24,0)+1,1)*INDEX($D$3:$AA$30,INDEX(Jesper!$R$2:$R$366,ROW(INDEX(Jesper!AL$2:AL$366,ROUNDDOWN($C2390/24,0)+1,1))-1)+IF('Standard Profiles'!$G$22=$B$10,7,0)+IF('Standard Profiles'!$G$22=$B$17,14,0)+IF('Standard Profiles'!$G$22=$B$24,21,0),MOD($C2390,24)+1)/SUM(INDEX($D$3:$AA$30,INDEX(Jesper!$R$2:$R$366,ROW(INDEX(Jesper!AL$2:AL$366,ROUNDDOWN($C2390/24,0)+1,1))-1)+IF('Standard Profiles'!$G$22=$B$10,7,0)+IF('Standard Profiles'!$G$22=$B$17,14,0)+IF('Standard Profiles'!$G$22=$B$24,21,0),0)),0)</f>
        <v>0</v>
      </c>
      <c r="I2390">
        <f t="shared" si="272"/>
        <v>7.6054226167132588E-2</v>
      </c>
      <c r="J2390">
        <f t="shared" si="273"/>
        <v>0.25351408722377528</v>
      </c>
      <c r="K2390">
        <f t="shared" si="274"/>
        <v>0.38027113083566294</v>
      </c>
      <c r="L2390">
        <f t="shared" si="275"/>
        <v>1.8253014280111819</v>
      </c>
      <c r="M2390">
        <f t="shared" si="276"/>
        <v>0</v>
      </c>
      <c r="N2390" s="46">
        <f t="shared" si="277"/>
        <v>45390.166666660953</v>
      </c>
    </row>
    <row r="2391" spans="2:14" x14ac:dyDescent="0.3">
      <c r="B2391">
        <f t="shared" si="271"/>
        <v>1</v>
      </c>
      <c r="C2391" s="16">
        <v>2357</v>
      </c>
      <c r="D2391" cm="1">
        <f t="array" ref="D2391">IFERROR(INDEX(Jesper!AH$2:AH$366,ROUNDDOWN($C2391/24,0)+1,1)*INDEX($D$3:$AA$30,INDEX(Jesper!$R$2:$R$366,ROW(INDEX(Jesper!AH$2:AH$366,ROUNDDOWN($C2391/24,0)+1,1))-1)+IF('Standard Profiles'!$G$18=$B$10,7,0)+IF('Standard Profiles'!$G$18=$B$17,14,0)+IF('Standard Profiles'!$G$18=$B$24,21,0),MOD($C2391,24)+1)/SUM(INDEX($D$3:$AA$30,INDEX(Jesper!$R$2:$R$366,ROW(INDEX(Jesper!AH$2:AH$366,ROUNDDOWN($C2391/24,0)+1,1))-1)+IF('Standard Profiles'!$G$18=$B$10,7,0)+IF('Standard Profiles'!$G$18=$B$17,14,0)+IF('Standard Profiles'!$G$18=$B$24,21,0),0)),0)</f>
        <v>10.985610446363596</v>
      </c>
      <c r="E2391" cm="1">
        <f t="array" ref="E2391">IFERROR(INDEX(Jesper!AI$2:AI$366,ROUNDDOWN($C2391/24,0)+1,1)*INDEX($D$3:$AA$30,INDEX(Jesper!$R$2:$R$366,ROW(INDEX(Jesper!AI$2:AI$366,ROUNDDOWN($C2391/24,0)+1,1))-1)+IF('Standard Profiles'!$G$19=$B$10,7,0)+IF('Standard Profiles'!$G$19=$B$17,14,0)+IF('Standard Profiles'!$G$19=$B$24,21,0),MOD($C2391,24)+1)/SUM(INDEX($D$3:$AA$30,INDEX(Jesper!$R$2:$R$366,ROW(INDEX(Jesper!AI$2:AI$366,ROUNDDOWN($C2391/24,0)+1,1))-1)+IF('Standard Profiles'!$G$19=$B$10,7,0)+IF('Standard Profiles'!$G$19=$B$17,14,0)+IF('Standard Profiles'!$G$19=$B$24,21,0),0)),0)</f>
        <v>0</v>
      </c>
      <c r="F2391" cm="1">
        <f t="array" ref="F2391">IFERROR(INDEX(Jesper!AJ$2:AJ$366,ROUNDDOWN($C2391/24,0)+1,1)*INDEX($D$3:$AA$30,INDEX(Jesper!$R$2:$R$366,ROW(INDEX(Jesper!AJ$2:AJ$366,ROUNDDOWN($C2391/24,0)+1,1))-1)+IF('Standard Profiles'!$G$20=$B$10,7,0)+IF('Standard Profiles'!$G$20=$B$17,14,0)+IF('Standard Profiles'!$G$20=$B$24,21,0),MOD($C2391,24)+1)/SUM(INDEX($D$3:$AA$30,INDEX(Jesper!$R$2:$R$366,ROW(INDEX(Jesper!AJ$2:AJ$366,ROUNDDOWN($C2391/24,0)+1,1))-1)+IF('Standard Profiles'!$G$20=$B$10,7,0)+IF('Standard Profiles'!$G$20=$B$17,14,0)+IF('Standard Profiles'!$G$20=$B$24,21,0),0)),0)</f>
        <v>0</v>
      </c>
      <c r="G2391" cm="1">
        <f t="array" ref="G2391">IFERROR(INDEX(Jesper!AK$2:AK$366,ROUNDDOWN($C2391/24,0)+1,1)*INDEX($D$3:$AA$30,INDEX(Jesper!$R$2:$R$366,ROW(INDEX(Jesper!AK$2:AK$366,ROUNDDOWN($C2391/24,0)+1,1))-1)+IF('Standard Profiles'!$G$21=$B$10,7,0)+IF('Standard Profiles'!$G$21=$B$17,14,0)+IF('Standard Profiles'!$G$21=$B$24,21,0),MOD($C2391,24)+1)/SUM(INDEX($D$3:$AA$30,INDEX(Jesper!$R$2:$R$366,ROW(INDEX(Jesper!AK$2:AK$366,ROUNDDOWN($C2391/24,0)+1,1))-1)+IF('Standard Profiles'!$G$21=$B$10,7,0)+IF('Standard Profiles'!$G$21=$B$17,14,0)+IF('Standard Profiles'!$G$21=$B$24,21,0),0)),0)</f>
        <v>0</v>
      </c>
      <c r="H2391" cm="1">
        <f t="array" ref="H2391">IFERROR(INDEX(Jesper!AL$2:AL$366,ROUNDDOWN($C2391/24,0)+1,1)*INDEX($D$3:$AA$30,INDEX(Jesper!$R$2:$R$366,ROW(INDEX(Jesper!AL$2:AL$366,ROUNDDOWN($C2391/24,0)+1,1))-1)+IF('Standard Profiles'!$G$22=$B$10,7,0)+IF('Standard Profiles'!$G$22=$B$17,14,0)+IF('Standard Profiles'!$G$22=$B$24,21,0),MOD($C2391,24)+1)/SUM(INDEX($D$3:$AA$30,INDEX(Jesper!$R$2:$R$366,ROW(INDEX(Jesper!AL$2:AL$366,ROUNDDOWN($C2391/24,0)+1,1))-1)+IF('Standard Profiles'!$G$22=$B$10,7,0)+IF('Standard Profiles'!$G$22=$B$17,14,0)+IF('Standard Profiles'!$G$22=$B$24,21,0),0)),0)</f>
        <v>0</v>
      </c>
      <c r="I2391">
        <f t="shared" si="272"/>
        <v>0.32956831339090786</v>
      </c>
      <c r="J2391">
        <f t="shared" si="273"/>
        <v>1.0985610446363596</v>
      </c>
      <c r="K2391">
        <f t="shared" si="274"/>
        <v>1.6478415669545394</v>
      </c>
      <c r="L2391">
        <f t="shared" si="275"/>
        <v>7.9096395213817887</v>
      </c>
      <c r="M2391">
        <f t="shared" si="276"/>
        <v>0</v>
      </c>
      <c r="N2391" s="46">
        <f t="shared" si="277"/>
        <v>45390.208333327617</v>
      </c>
    </row>
    <row r="2392" spans="2:14" x14ac:dyDescent="0.3">
      <c r="B2392">
        <f t="shared" si="271"/>
        <v>1</v>
      </c>
      <c r="C2392" s="16">
        <v>2358</v>
      </c>
      <c r="D2392" cm="1">
        <f t="array" ref="D2392">IFERROR(INDEX(Jesper!AH$2:AH$366,ROUNDDOWN($C2392/24,0)+1,1)*INDEX($D$3:$AA$30,INDEX(Jesper!$R$2:$R$366,ROW(INDEX(Jesper!AH$2:AH$366,ROUNDDOWN($C2392/24,0)+1,1))-1)+IF('Standard Profiles'!$G$18=$B$10,7,0)+IF('Standard Profiles'!$G$18=$B$17,14,0)+IF('Standard Profiles'!$G$18=$B$24,21,0),MOD($C2392,24)+1)/SUM(INDEX($D$3:$AA$30,INDEX(Jesper!$R$2:$R$366,ROW(INDEX(Jesper!AH$2:AH$366,ROUNDDOWN($C2392/24,0)+1,1))-1)+IF('Standard Profiles'!$G$18=$B$10,7,0)+IF('Standard Profiles'!$G$18=$B$17,14,0)+IF('Standard Profiles'!$G$18=$B$24,21,0),0)),0)</f>
        <v>12.464442621835619</v>
      </c>
      <c r="E2392" cm="1">
        <f t="array" ref="E2392">IFERROR(INDEX(Jesper!AI$2:AI$366,ROUNDDOWN($C2392/24,0)+1,1)*INDEX($D$3:$AA$30,INDEX(Jesper!$R$2:$R$366,ROW(INDEX(Jesper!AI$2:AI$366,ROUNDDOWN($C2392/24,0)+1,1))-1)+IF('Standard Profiles'!$G$19=$B$10,7,0)+IF('Standard Profiles'!$G$19=$B$17,14,0)+IF('Standard Profiles'!$G$19=$B$24,21,0),MOD($C2392,24)+1)/SUM(INDEX($D$3:$AA$30,INDEX(Jesper!$R$2:$R$366,ROW(INDEX(Jesper!AI$2:AI$366,ROUNDDOWN($C2392/24,0)+1,1))-1)+IF('Standard Profiles'!$G$19=$B$10,7,0)+IF('Standard Profiles'!$G$19=$B$17,14,0)+IF('Standard Profiles'!$G$19=$B$24,21,0),0)),0)</f>
        <v>0</v>
      </c>
      <c r="F2392" cm="1">
        <f t="array" ref="F2392">IFERROR(INDEX(Jesper!AJ$2:AJ$366,ROUNDDOWN($C2392/24,0)+1,1)*INDEX($D$3:$AA$30,INDEX(Jesper!$R$2:$R$366,ROW(INDEX(Jesper!AJ$2:AJ$366,ROUNDDOWN($C2392/24,0)+1,1))-1)+IF('Standard Profiles'!$G$20=$B$10,7,0)+IF('Standard Profiles'!$G$20=$B$17,14,0)+IF('Standard Profiles'!$G$20=$B$24,21,0),MOD($C2392,24)+1)/SUM(INDEX($D$3:$AA$30,INDEX(Jesper!$R$2:$R$366,ROW(INDEX(Jesper!AJ$2:AJ$366,ROUNDDOWN($C2392/24,0)+1,1))-1)+IF('Standard Profiles'!$G$20=$B$10,7,0)+IF('Standard Profiles'!$G$20=$B$17,14,0)+IF('Standard Profiles'!$G$20=$B$24,21,0),0)),0)</f>
        <v>0</v>
      </c>
      <c r="G2392" cm="1">
        <f t="array" ref="G2392">IFERROR(INDEX(Jesper!AK$2:AK$366,ROUNDDOWN($C2392/24,0)+1,1)*INDEX($D$3:$AA$30,INDEX(Jesper!$R$2:$R$366,ROW(INDEX(Jesper!AK$2:AK$366,ROUNDDOWN($C2392/24,0)+1,1))-1)+IF('Standard Profiles'!$G$21=$B$10,7,0)+IF('Standard Profiles'!$G$21=$B$17,14,0)+IF('Standard Profiles'!$G$21=$B$24,21,0),MOD($C2392,24)+1)/SUM(INDEX($D$3:$AA$30,INDEX(Jesper!$R$2:$R$366,ROW(INDEX(Jesper!AK$2:AK$366,ROUNDDOWN($C2392/24,0)+1,1))-1)+IF('Standard Profiles'!$G$21=$B$10,7,0)+IF('Standard Profiles'!$G$21=$B$17,14,0)+IF('Standard Profiles'!$G$21=$B$24,21,0),0)),0)</f>
        <v>0</v>
      </c>
      <c r="H2392" cm="1">
        <f t="array" ref="H2392">IFERROR(INDEX(Jesper!AL$2:AL$366,ROUNDDOWN($C2392/24,0)+1,1)*INDEX($D$3:$AA$30,INDEX(Jesper!$R$2:$R$366,ROW(INDEX(Jesper!AL$2:AL$366,ROUNDDOWN($C2392/24,0)+1,1))-1)+IF('Standard Profiles'!$G$22=$B$10,7,0)+IF('Standard Profiles'!$G$22=$B$17,14,0)+IF('Standard Profiles'!$G$22=$B$24,21,0),MOD($C2392,24)+1)/SUM(INDEX($D$3:$AA$30,INDEX(Jesper!$R$2:$R$366,ROW(INDEX(Jesper!AL$2:AL$366,ROUNDDOWN($C2392/24,0)+1,1))-1)+IF('Standard Profiles'!$G$22=$B$10,7,0)+IF('Standard Profiles'!$G$22=$B$17,14,0)+IF('Standard Profiles'!$G$22=$B$24,21,0),0)),0)</f>
        <v>0</v>
      </c>
      <c r="I2392">
        <f t="shared" si="272"/>
        <v>0.37393327865506859</v>
      </c>
      <c r="J2392">
        <f t="shared" si="273"/>
        <v>1.2464442621835621</v>
      </c>
      <c r="K2392">
        <f t="shared" si="274"/>
        <v>1.8696663932753428</v>
      </c>
      <c r="L2392">
        <f t="shared" si="275"/>
        <v>8.9743986877216457</v>
      </c>
      <c r="M2392">
        <f t="shared" si="276"/>
        <v>0</v>
      </c>
      <c r="N2392" s="46">
        <f t="shared" si="277"/>
        <v>45390.249999994281</v>
      </c>
    </row>
    <row r="2393" spans="2:14" x14ac:dyDescent="0.3">
      <c r="B2393">
        <f t="shared" si="271"/>
        <v>1</v>
      </c>
      <c r="C2393" s="16">
        <v>2359</v>
      </c>
      <c r="D2393" cm="1">
        <f t="array" ref="D2393">IFERROR(INDEX(Jesper!AH$2:AH$366,ROUNDDOWN($C2393/24,0)+1,1)*INDEX($D$3:$AA$30,INDEX(Jesper!$R$2:$R$366,ROW(INDEX(Jesper!AH$2:AH$366,ROUNDDOWN($C2393/24,0)+1,1))-1)+IF('Standard Profiles'!$G$18=$B$10,7,0)+IF('Standard Profiles'!$G$18=$B$17,14,0)+IF('Standard Profiles'!$G$18=$B$24,21,0),MOD($C2393,24)+1)/SUM(INDEX($D$3:$AA$30,INDEX(Jesper!$R$2:$R$366,ROW(INDEX(Jesper!AH$2:AH$366,ROUNDDOWN($C2393/24,0)+1,1))-1)+IF('Standard Profiles'!$G$18=$B$10,7,0)+IF('Standard Profiles'!$G$18=$B$17,14,0)+IF('Standard Profiles'!$G$18=$B$24,21,0),0)),0)</f>
        <v>12.464442621835619</v>
      </c>
      <c r="E2393" cm="1">
        <f t="array" ref="E2393">IFERROR(INDEX(Jesper!AI$2:AI$366,ROUNDDOWN($C2393/24,0)+1,1)*INDEX($D$3:$AA$30,INDEX(Jesper!$R$2:$R$366,ROW(INDEX(Jesper!AI$2:AI$366,ROUNDDOWN($C2393/24,0)+1,1))-1)+IF('Standard Profiles'!$G$19=$B$10,7,0)+IF('Standard Profiles'!$G$19=$B$17,14,0)+IF('Standard Profiles'!$G$19=$B$24,21,0),MOD($C2393,24)+1)/SUM(INDEX($D$3:$AA$30,INDEX(Jesper!$R$2:$R$366,ROW(INDEX(Jesper!AI$2:AI$366,ROUNDDOWN($C2393/24,0)+1,1))-1)+IF('Standard Profiles'!$G$19=$B$10,7,0)+IF('Standard Profiles'!$G$19=$B$17,14,0)+IF('Standard Profiles'!$G$19=$B$24,21,0),0)),0)</f>
        <v>0</v>
      </c>
      <c r="F2393" cm="1">
        <f t="array" ref="F2393">IFERROR(INDEX(Jesper!AJ$2:AJ$366,ROUNDDOWN($C2393/24,0)+1,1)*INDEX($D$3:$AA$30,INDEX(Jesper!$R$2:$R$366,ROW(INDEX(Jesper!AJ$2:AJ$366,ROUNDDOWN($C2393/24,0)+1,1))-1)+IF('Standard Profiles'!$G$20=$B$10,7,0)+IF('Standard Profiles'!$G$20=$B$17,14,0)+IF('Standard Profiles'!$G$20=$B$24,21,0),MOD($C2393,24)+1)/SUM(INDEX($D$3:$AA$30,INDEX(Jesper!$R$2:$R$366,ROW(INDEX(Jesper!AJ$2:AJ$366,ROUNDDOWN($C2393/24,0)+1,1))-1)+IF('Standard Profiles'!$G$20=$B$10,7,0)+IF('Standard Profiles'!$G$20=$B$17,14,0)+IF('Standard Profiles'!$G$20=$B$24,21,0),0)),0)</f>
        <v>0</v>
      </c>
      <c r="G2393" cm="1">
        <f t="array" ref="G2393">IFERROR(INDEX(Jesper!AK$2:AK$366,ROUNDDOWN($C2393/24,0)+1,1)*INDEX($D$3:$AA$30,INDEX(Jesper!$R$2:$R$366,ROW(INDEX(Jesper!AK$2:AK$366,ROUNDDOWN($C2393/24,0)+1,1))-1)+IF('Standard Profiles'!$G$21=$B$10,7,0)+IF('Standard Profiles'!$G$21=$B$17,14,0)+IF('Standard Profiles'!$G$21=$B$24,21,0),MOD($C2393,24)+1)/SUM(INDEX($D$3:$AA$30,INDEX(Jesper!$R$2:$R$366,ROW(INDEX(Jesper!AK$2:AK$366,ROUNDDOWN($C2393/24,0)+1,1))-1)+IF('Standard Profiles'!$G$21=$B$10,7,0)+IF('Standard Profiles'!$G$21=$B$17,14,0)+IF('Standard Profiles'!$G$21=$B$24,21,0),0)),0)</f>
        <v>0</v>
      </c>
      <c r="H2393" cm="1">
        <f t="array" ref="H2393">IFERROR(INDEX(Jesper!AL$2:AL$366,ROUNDDOWN($C2393/24,0)+1,1)*INDEX($D$3:$AA$30,INDEX(Jesper!$R$2:$R$366,ROW(INDEX(Jesper!AL$2:AL$366,ROUNDDOWN($C2393/24,0)+1,1))-1)+IF('Standard Profiles'!$G$22=$B$10,7,0)+IF('Standard Profiles'!$G$22=$B$17,14,0)+IF('Standard Profiles'!$G$22=$B$24,21,0),MOD($C2393,24)+1)/SUM(INDEX($D$3:$AA$30,INDEX(Jesper!$R$2:$R$366,ROW(INDEX(Jesper!AL$2:AL$366,ROUNDDOWN($C2393/24,0)+1,1))-1)+IF('Standard Profiles'!$G$22=$B$10,7,0)+IF('Standard Profiles'!$G$22=$B$17,14,0)+IF('Standard Profiles'!$G$22=$B$24,21,0),0)),0)</f>
        <v>0</v>
      </c>
      <c r="I2393">
        <f t="shared" si="272"/>
        <v>0.37393327865506859</v>
      </c>
      <c r="J2393">
        <f t="shared" si="273"/>
        <v>1.2464442621835621</v>
      </c>
      <c r="K2393">
        <f t="shared" si="274"/>
        <v>1.8696663932753428</v>
      </c>
      <c r="L2393">
        <f t="shared" si="275"/>
        <v>8.9743986877216457</v>
      </c>
      <c r="M2393">
        <f t="shared" si="276"/>
        <v>0</v>
      </c>
      <c r="N2393" s="46">
        <f t="shared" si="277"/>
        <v>45390.291666660945</v>
      </c>
    </row>
    <row r="2394" spans="2:14" x14ac:dyDescent="0.3">
      <c r="B2394">
        <f t="shared" si="271"/>
        <v>1</v>
      </c>
      <c r="C2394" s="16">
        <v>2360</v>
      </c>
      <c r="D2394" cm="1">
        <f t="array" ref="D2394">IFERROR(INDEX(Jesper!AH$2:AH$366,ROUNDDOWN($C2394/24,0)+1,1)*INDEX($D$3:$AA$30,INDEX(Jesper!$R$2:$R$366,ROW(INDEX(Jesper!AH$2:AH$366,ROUNDDOWN($C2394/24,0)+1,1))-1)+IF('Standard Profiles'!$G$18=$B$10,7,0)+IF('Standard Profiles'!$G$18=$B$17,14,0)+IF('Standard Profiles'!$G$18=$B$24,21,0),MOD($C2394,24)+1)/SUM(INDEX($D$3:$AA$30,INDEX(Jesper!$R$2:$R$366,ROW(INDEX(Jesper!AH$2:AH$366,ROUNDDOWN($C2394/24,0)+1,1))-1)+IF('Standard Profiles'!$G$18=$B$10,7,0)+IF('Standard Profiles'!$G$18=$B$17,14,0)+IF('Standard Profiles'!$G$18=$B$24,21,0),0)),0)</f>
        <v>12.464442621835619</v>
      </c>
      <c r="E2394" cm="1">
        <f t="array" ref="E2394">IFERROR(INDEX(Jesper!AI$2:AI$366,ROUNDDOWN($C2394/24,0)+1,1)*INDEX($D$3:$AA$30,INDEX(Jesper!$R$2:$R$366,ROW(INDEX(Jesper!AI$2:AI$366,ROUNDDOWN($C2394/24,0)+1,1))-1)+IF('Standard Profiles'!$G$19=$B$10,7,0)+IF('Standard Profiles'!$G$19=$B$17,14,0)+IF('Standard Profiles'!$G$19=$B$24,21,0),MOD($C2394,24)+1)/SUM(INDEX($D$3:$AA$30,INDEX(Jesper!$R$2:$R$366,ROW(INDEX(Jesper!AI$2:AI$366,ROUNDDOWN($C2394/24,0)+1,1))-1)+IF('Standard Profiles'!$G$19=$B$10,7,0)+IF('Standard Profiles'!$G$19=$B$17,14,0)+IF('Standard Profiles'!$G$19=$B$24,21,0),0)),0)</f>
        <v>0</v>
      </c>
      <c r="F2394" cm="1">
        <f t="array" ref="F2394">IFERROR(INDEX(Jesper!AJ$2:AJ$366,ROUNDDOWN($C2394/24,0)+1,1)*INDEX($D$3:$AA$30,INDEX(Jesper!$R$2:$R$366,ROW(INDEX(Jesper!AJ$2:AJ$366,ROUNDDOWN($C2394/24,0)+1,1))-1)+IF('Standard Profiles'!$G$20=$B$10,7,0)+IF('Standard Profiles'!$G$20=$B$17,14,0)+IF('Standard Profiles'!$G$20=$B$24,21,0),MOD($C2394,24)+1)/SUM(INDEX($D$3:$AA$30,INDEX(Jesper!$R$2:$R$366,ROW(INDEX(Jesper!AJ$2:AJ$366,ROUNDDOWN($C2394/24,0)+1,1))-1)+IF('Standard Profiles'!$G$20=$B$10,7,0)+IF('Standard Profiles'!$G$20=$B$17,14,0)+IF('Standard Profiles'!$G$20=$B$24,21,0),0)),0)</f>
        <v>0</v>
      </c>
      <c r="G2394" cm="1">
        <f t="array" ref="G2394">IFERROR(INDEX(Jesper!AK$2:AK$366,ROUNDDOWN($C2394/24,0)+1,1)*INDEX($D$3:$AA$30,INDEX(Jesper!$R$2:$R$366,ROW(INDEX(Jesper!AK$2:AK$366,ROUNDDOWN($C2394/24,0)+1,1))-1)+IF('Standard Profiles'!$G$21=$B$10,7,0)+IF('Standard Profiles'!$G$21=$B$17,14,0)+IF('Standard Profiles'!$G$21=$B$24,21,0),MOD($C2394,24)+1)/SUM(INDEX($D$3:$AA$30,INDEX(Jesper!$R$2:$R$366,ROW(INDEX(Jesper!AK$2:AK$366,ROUNDDOWN($C2394/24,0)+1,1))-1)+IF('Standard Profiles'!$G$21=$B$10,7,0)+IF('Standard Profiles'!$G$21=$B$17,14,0)+IF('Standard Profiles'!$G$21=$B$24,21,0),0)),0)</f>
        <v>0</v>
      </c>
      <c r="H2394" cm="1">
        <f t="array" ref="H2394">IFERROR(INDEX(Jesper!AL$2:AL$366,ROUNDDOWN($C2394/24,0)+1,1)*INDEX($D$3:$AA$30,INDEX(Jesper!$R$2:$R$366,ROW(INDEX(Jesper!AL$2:AL$366,ROUNDDOWN($C2394/24,0)+1,1))-1)+IF('Standard Profiles'!$G$22=$B$10,7,0)+IF('Standard Profiles'!$G$22=$B$17,14,0)+IF('Standard Profiles'!$G$22=$B$24,21,0),MOD($C2394,24)+1)/SUM(INDEX($D$3:$AA$30,INDEX(Jesper!$R$2:$R$366,ROW(INDEX(Jesper!AL$2:AL$366,ROUNDDOWN($C2394/24,0)+1,1))-1)+IF('Standard Profiles'!$G$22=$B$10,7,0)+IF('Standard Profiles'!$G$22=$B$17,14,0)+IF('Standard Profiles'!$G$22=$B$24,21,0),0)),0)</f>
        <v>0</v>
      </c>
      <c r="I2394">
        <f t="shared" si="272"/>
        <v>0.37393327865506859</v>
      </c>
      <c r="J2394">
        <f t="shared" si="273"/>
        <v>1.2464442621835621</v>
      </c>
      <c r="K2394">
        <f t="shared" si="274"/>
        <v>1.8696663932753428</v>
      </c>
      <c r="L2394">
        <f t="shared" si="275"/>
        <v>8.9743986877216457</v>
      </c>
      <c r="M2394">
        <f t="shared" si="276"/>
        <v>0</v>
      </c>
      <c r="N2394" s="46">
        <f t="shared" si="277"/>
        <v>45390.33333332761</v>
      </c>
    </row>
    <row r="2395" spans="2:14" x14ac:dyDescent="0.3">
      <c r="B2395">
        <f t="shared" si="271"/>
        <v>1</v>
      </c>
      <c r="C2395" s="16">
        <v>2361</v>
      </c>
      <c r="D2395" cm="1">
        <f t="array" ref="D2395">IFERROR(INDEX(Jesper!AH$2:AH$366,ROUNDDOWN($C2395/24,0)+1,1)*INDEX($D$3:$AA$30,INDEX(Jesper!$R$2:$R$366,ROW(INDEX(Jesper!AH$2:AH$366,ROUNDDOWN($C2395/24,0)+1,1))-1)+IF('Standard Profiles'!$G$18=$B$10,7,0)+IF('Standard Profiles'!$G$18=$B$17,14,0)+IF('Standard Profiles'!$G$18=$B$24,21,0),MOD($C2395,24)+1)/SUM(INDEX($D$3:$AA$30,INDEX(Jesper!$R$2:$R$366,ROW(INDEX(Jesper!AH$2:AH$366,ROUNDDOWN($C2395/24,0)+1,1))-1)+IF('Standard Profiles'!$G$18=$B$10,7,0)+IF('Standard Profiles'!$G$18=$B$17,14,0)+IF('Standard Profiles'!$G$18=$B$24,21,0),0)),0)</f>
        <v>13.309489579248202</v>
      </c>
      <c r="E2395" cm="1">
        <f t="array" ref="E2395">IFERROR(INDEX(Jesper!AI$2:AI$366,ROUNDDOWN($C2395/24,0)+1,1)*INDEX($D$3:$AA$30,INDEX(Jesper!$R$2:$R$366,ROW(INDEX(Jesper!AI$2:AI$366,ROUNDDOWN($C2395/24,0)+1,1))-1)+IF('Standard Profiles'!$G$19=$B$10,7,0)+IF('Standard Profiles'!$G$19=$B$17,14,0)+IF('Standard Profiles'!$G$19=$B$24,21,0),MOD($C2395,24)+1)/SUM(INDEX($D$3:$AA$30,INDEX(Jesper!$R$2:$R$366,ROW(INDEX(Jesper!AI$2:AI$366,ROUNDDOWN($C2395/24,0)+1,1))-1)+IF('Standard Profiles'!$G$19=$B$10,7,0)+IF('Standard Profiles'!$G$19=$B$17,14,0)+IF('Standard Profiles'!$G$19=$B$24,21,0),0)),0)</f>
        <v>0</v>
      </c>
      <c r="F2395" cm="1">
        <f t="array" ref="F2395">IFERROR(INDEX(Jesper!AJ$2:AJ$366,ROUNDDOWN($C2395/24,0)+1,1)*INDEX($D$3:$AA$30,INDEX(Jesper!$R$2:$R$366,ROW(INDEX(Jesper!AJ$2:AJ$366,ROUNDDOWN($C2395/24,0)+1,1))-1)+IF('Standard Profiles'!$G$20=$B$10,7,0)+IF('Standard Profiles'!$G$20=$B$17,14,0)+IF('Standard Profiles'!$G$20=$B$24,21,0),MOD($C2395,24)+1)/SUM(INDEX($D$3:$AA$30,INDEX(Jesper!$R$2:$R$366,ROW(INDEX(Jesper!AJ$2:AJ$366,ROUNDDOWN($C2395/24,0)+1,1))-1)+IF('Standard Profiles'!$G$20=$B$10,7,0)+IF('Standard Profiles'!$G$20=$B$17,14,0)+IF('Standard Profiles'!$G$20=$B$24,21,0),0)),0)</f>
        <v>0</v>
      </c>
      <c r="G2395" cm="1">
        <f t="array" ref="G2395">IFERROR(INDEX(Jesper!AK$2:AK$366,ROUNDDOWN($C2395/24,0)+1,1)*INDEX($D$3:$AA$30,INDEX(Jesper!$R$2:$R$366,ROW(INDEX(Jesper!AK$2:AK$366,ROUNDDOWN($C2395/24,0)+1,1))-1)+IF('Standard Profiles'!$G$21=$B$10,7,0)+IF('Standard Profiles'!$G$21=$B$17,14,0)+IF('Standard Profiles'!$G$21=$B$24,21,0),MOD($C2395,24)+1)/SUM(INDEX($D$3:$AA$30,INDEX(Jesper!$R$2:$R$366,ROW(INDEX(Jesper!AK$2:AK$366,ROUNDDOWN($C2395/24,0)+1,1))-1)+IF('Standard Profiles'!$G$21=$B$10,7,0)+IF('Standard Profiles'!$G$21=$B$17,14,0)+IF('Standard Profiles'!$G$21=$B$24,21,0),0)),0)</f>
        <v>0</v>
      </c>
      <c r="H2395" cm="1">
        <f t="array" ref="H2395">IFERROR(INDEX(Jesper!AL$2:AL$366,ROUNDDOWN($C2395/24,0)+1,1)*INDEX($D$3:$AA$30,INDEX(Jesper!$R$2:$R$366,ROW(INDEX(Jesper!AL$2:AL$366,ROUNDDOWN($C2395/24,0)+1,1))-1)+IF('Standard Profiles'!$G$22=$B$10,7,0)+IF('Standard Profiles'!$G$22=$B$17,14,0)+IF('Standard Profiles'!$G$22=$B$24,21,0),MOD($C2395,24)+1)/SUM(INDEX($D$3:$AA$30,INDEX(Jesper!$R$2:$R$366,ROW(INDEX(Jesper!AL$2:AL$366,ROUNDDOWN($C2395/24,0)+1,1))-1)+IF('Standard Profiles'!$G$22=$B$10,7,0)+IF('Standard Profiles'!$G$22=$B$17,14,0)+IF('Standard Profiles'!$G$22=$B$24,21,0),0)),0)</f>
        <v>0</v>
      </c>
      <c r="I2395">
        <f t="shared" si="272"/>
        <v>0.39928468737744605</v>
      </c>
      <c r="J2395">
        <f t="shared" si="273"/>
        <v>1.3309489579248204</v>
      </c>
      <c r="K2395">
        <f t="shared" si="274"/>
        <v>1.9964234368872302</v>
      </c>
      <c r="L2395">
        <f t="shared" si="275"/>
        <v>9.5828324970587051</v>
      </c>
      <c r="M2395">
        <f t="shared" si="276"/>
        <v>0</v>
      </c>
      <c r="N2395" s="46">
        <f t="shared" si="277"/>
        <v>45390.374999994274</v>
      </c>
    </row>
    <row r="2396" spans="2:14" x14ac:dyDescent="0.3">
      <c r="B2396">
        <f t="shared" si="271"/>
        <v>1</v>
      </c>
      <c r="C2396" s="16">
        <v>2362</v>
      </c>
      <c r="D2396" cm="1">
        <f t="array" ref="D2396">IFERROR(INDEX(Jesper!AH$2:AH$366,ROUNDDOWN($C2396/24,0)+1,1)*INDEX($D$3:$AA$30,INDEX(Jesper!$R$2:$R$366,ROW(INDEX(Jesper!AH$2:AH$366,ROUNDDOWN($C2396/24,0)+1,1))-1)+IF('Standard Profiles'!$G$18=$B$10,7,0)+IF('Standard Profiles'!$G$18=$B$17,14,0)+IF('Standard Profiles'!$G$18=$B$24,21,0),MOD($C2396,24)+1)/SUM(INDEX($D$3:$AA$30,INDEX(Jesper!$R$2:$R$366,ROW(INDEX(Jesper!AH$2:AH$366,ROUNDDOWN($C2396/24,0)+1,1))-1)+IF('Standard Profiles'!$G$18=$B$10,7,0)+IF('Standard Profiles'!$G$18=$B$17,14,0)+IF('Standard Profiles'!$G$18=$B$24,21,0),0)),0)</f>
        <v>13.309489579248202</v>
      </c>
      <c r="E2396" cm="1">
        <f t="array" ref="E2396">IFERROR(INDEX(Jesper!AI$2:AI$366,ROUNDDOWN($C2396/24,0)+1,1)*INDEX($D$3:$AA$30,INDEX(Jesper!$R$2:$R$366,ROW(INDEX(Jesper!AI$2:AI$366,ROUNDDOWN($C2396/24,0)+1,1))-1)+IF('Standard Profiles'!$G$19=$B$10,7,0)+IF('Standard Profiles'!$G$19=$B$17,14,0)+IF('Standard Profiles'!$G$19=$B$24,21,0),MOD($C2396,24)+1)/SUM(INDEX($D$3:$AA$30,INDEX(Jesper!$R$2:$R$366,ROW(INDEX(Jesper!AI$2:AI$366,ROUNDDOWN($C2396/24,0)+1,1))-1)+IF('Standard Profiles'!$G$19=$B$10,7,0)+IF('Standard Profiles'!$G$19=$B$17,14,0)+IF('Standard Profiles'!$G$19=$B$24,21,0),0)),0)</f>
        <v>0</v>
      </c>
      <c r="F2396" cm="1">
        <f t="array" ref="F2396">IFERROR(INDEX(Jesper!AJ$2:AJ$366,ROUNDDOWN($C2396/24,0)+1,1)*INDEX($D$3:$AA$30,INDEX(Jesper!$R$2:$R$366,ROW(INDEX(Jesper!AJ$2:AJ$366,ROUNDDOWN($C2396/24,0)+1,1))-1)+IF('Standard Profiles'!$G$20=$B$10,7,0)+IF('Standard Profiles'!$G$20=$B$17,14,0)+IF('Standard Profiles'!$G$20=$B$24,21,0),MOD($C2396,24)+1)/SUM(INDEX($D$3:$AA$30,INDEX(Jesper!$R$2:$R$366,ROW(INDEX(Jesper!AJ$2:AJ$366,ROUNDDOWN($C2396/24,0)+1,1))-1)+IF('Standard Profiles'!$G$20=$B$10,7,0)+IF('Standard Profiles'!$G$20=$B$17,14,0)+IF('Standard Profiles'!$G$20=$B$24,21,0),0)),0)</f>
        <v>0</v>
      </c>
      <c r="G2396" cm="1">
        <f t="array" ref="G2396">IFERROR(INDEX(Jesper!AK$2:AK$366,ROUNDDOWN($C2396/24,0)+1,1)*INDEX($D$3:$AA$30,INDEX(Jesper!$R$2:$R$366,ROW(INDEX(Jesper!AK$2:AK$366,ROUNDDOWN($C2396/24,0)+1,1))-1)+IF('Standard Profiles'!$G$21=$B$10,7,0)+IF('Standard Profiles'!$G$21=$B$17,14,0)+IF('Standard Profiles'!$G$21=$B$24,21,0),MOD($C2396,24)+1)/SUM(INDEX($D$3:$AA$30,INDEX(Jesper!$R$2:$R$366,ROW(INDEX(Jesper!AK$2:AK$366,ROUNDDOWN($C2396/24,0)+1,1))-1)+IF('Standard Profiles'!$G$21=$B$10,7,0)+IF('Standard Profiles'!$G$21=$B$17,14,0)+IF('Standard Profiles'!$G$21=$B$24,21,0),0)),0)</f>
        <v>0</v>
      </c>
      <c r="H2396" cm="1">
        <f t="array" ref="H2396">IFERROR(INDEX(Jesper!AL$2:AL$366,ROUNDDOWN($C2396/24,0)+1,1)*INDEX($D$3:$AA$30,INDEX(Jesper!$R$2:$R$366,ROW(INDEX(Jesper!AL$2:AL$366,ROUNDDOWN($C2396/24,0)+1,1))-1)+IF('Standard Profiles'!$G$22=$B$10,7,0)+IF('Standard Profiles'!$G$22=$B$17,14,0)+IF('Standard Profiles'!$G$22=$B$24,21,0),MOD($C2396,24)+1)/SUM(INDEX($D$3:$AA$30,INDEX(Jesper!$R$2:$R$366,ROW(INDEX(Jesper!AL$2:AL$366,ROUNDDOWN($C2396/24,0)+1,1))-1)+IF('Standard Profiles'!$G$22=$B$10,7,0)+IF('Standard Profiles'!$G$22=$B$17,14,0)+IF('Standard Profiles'!$G$22=$B$24,21,0),0)),0)</f>
        <v>0</v>
      </c>
      <c r="I2396">
        <f t="shared" si="272"/>
        <v>0.39928468737744605</v>
      </c>
      <c r="J2396">
        <f t="shared" si="273"/>
        <v>1.3309489579248204</v>
      </c>
      <c r="K2396">
        <f t="shared" si="274"/>
        <v>1.9964234368872302</v>
      </c>
      <c r="L2396">
        <f t="shared" si="275"/>
        <v>9.5828324970587051</v>
      </c>
      <c r="M2396">
        <f t="shared" si="276"/>
        <v>0</v>
      </c>
      <c r="N2396" s="46">
        <f t="shared" si="277"/>
        <v>45390.416666660938</v>
      </c>
    </row>
    <row r="2397" spans="2:14" x14ac:dyDescent="0.3">
      <c r="B2397">
        <f t="shared" si="271"/>
        <v>1</v>
      </c>
      <c r="C2397" s="16">
        <v>2363</v>
      </c>
      <c r="D2397" cm="1">
        <f t="array" ref="D2397">IFERROR(INDEX(Jesper!AH$2:AH$366,ROUNDDOWN($C2397/24,0)+1,1)*INDEX($D$3:$AA$30,INDEX(Jesper!$R$2:$R$366,ROW(INDEX(Jesper!AH$2:AH$366,ROUNDDOWN($C2397/24,0)+1,1))-1)+IF('Standard Profiles'!$G$18=$B$10,7,0)+IF('Standard Profiles'!$G$18=$B$17,14,0)+IF('Standard Profiles'!$G$18=$B$24,21,0),MOD($C2397,24)+1)/SUM(INDEX($D$3:$AA$30,INDEX(Jesper!$R$2:$R$366,ROW(INDEX(Jesper!AH$2:AH$366,ROUNDDOWN($C2397/24,0)+1,1))-1)+IF('Standard Profiles'!$G$18=$B$10,7,0)+IF('Standard Profiles'!$G$18=$B$17,14,0)+IF('Standard Profiles'!$G$18=$B$24,21,0),0)),0)</f>
        <v>16.900939148251688</v>
      </c>
      <c r="E2397" cm="1">
        <f t="array" ref="E2397">IFERROR(INDEX(Jesper!AI$2:AI$366,ROUNDDOWN($C2397/24,0)+1,1)*INDEX($D$3:$AA$30,INDEX(Jesper!$R$2:$R$366,ROW(INDEX(Jesper!AI$2:AI$366,ROUNDDOWN($C2397/24,0)+1,1))-1)+IF('Standard Profiles'!$G$19=$B$10,7,0)+IF('Standard Profiles'!$G$19=$B$17,14,0)+IF('Standard Profiles'!$G$19=$B$24,21,0),MOD($C2397,24)+1)/SUM(INDEX($D$3:$AA$30,INDEX(Jesper!$R$2:$R$366,ROW(INDEX(Jesper!AI$2:AI$366,ROUNDDOWN($C2397/24,0)+1,1))-1)+IF('Standard Profiles'!$G$19=$B$10,7,0)+IF('Standard Profiles'!$G$19=$B$17,14,0)+IF('Standard Profiles'!$G$19=$B$24,21,0),0)),0)</f>
        <v>0</v>
      </c>
      <c r="F2397" cm="1">
        <f t="array" ref="F2397">IFERROR(INDEX(Jesper!AJ$2:AJ$366,ROUNDDOWN($C2397/24,0)+1,1)*INDEX($D$3:$AA$30,INDEX(Jesper!$R$2:$R$366,ROW(INDEX(Jesper!AJ$2:AJ$366,ROUNDDOWN($C2397/24,0)+1,1))-1)+IF('Standard Profiles'!$G$20=$B$10,7,0)+IF('Standard Profiles'!$G$20=$B$17,14,0)+IF('Standard Profiles'!$G$20=$B$24,21,0),MOD($C2397,24)+1)/SUM(INDEX($D$3:$AA$30,INDEX(Jesper!$R$2:$R$366,ROW(INDEX(Jesper!AJ$2:AJ$366,ROUNDDOWN($C2397/24,0)+1,1))-1)+IF('Standard Profiles'!$G$20=$B$10,7,0)+IF('Standard Profiles'!$G$20=$B$17,14,0)+IF('Standard Profiles'!$G$20=$B$24,21,0),0)),0)</f>
        <v>0</v>
      </c>
      <c r="G2397" cm="1">
        <f t="array" ref="G2397">IFERROR(INDEX(Jesper!AK$2:AK$366,ROUNDDOWN($C2397/24,0)+1,1)*INDEX($D$3:$AA$30,INDEX(Jesper!$R$2:$R$366,ROW(INDEX(Jesper!AK$2:AK$366,ROUNDDOWN($C2397/24,0)+1,1))-1)+IF('Standard Profiles'!$G$21=$B$10,7,0)+IF('Standard Profiles'!$G$21=$B$17,14,0)+IF('Standard Profiles'!$G$21=$B$24,21,0),MOD($C2397,24)+1)/SUM(INDEX($D$3:$AA$30,INDEX(Jesper!$R$2:$R$366,ROW(INDEX(Jesper!AK$2:AK$366,ROUNDDOWN($C2397/24,0)+1,1))-1)+IF('Standard Profiles'!$G$21=$B$10,7,0)+IF('Standard Profiles'!$G$21=$B$17,14,0)+IF('Standard Profiles'!$G$21=$B$24,21,0),0)),0)</f>
        <v>0</v>
      </c>
      <c r="H2397" cm="1">
        <f t="array" ref="H2397">IFERROR(INDEX(Jesper!AL$2:AL$366,ROUNDDOWN($C2397/24,0)+1,1)*INDEX($D$3:$AA$30,INDEX(Jesper!$R$2:$R$366,ROW(INDEX(Jesper!AL$2:AL$366,ROUNDDOWN($C2397/24,0)+1,1))-1)+IF('Standard Profiles'!$G$22=$B$10,7,0)+IF('Standard Profiles'!$G$22=$B$17,14,0)+IF('Standard Profiles'!$G$22=$B$24,21,0),MOD($C2397,24)+1)/SUM(INDEX($D$3:$AA$30,INDEX(Jesper!$R$2:$R$366,ROW(INDEX(Jesper!AL$2:AL$366,ROUNDDOWN($C2397/24,0)+1,1))-1)+IF('Standard Profiles'!$G$22=$B$10,7,0)+IF('Standard Profiles'!$G$22=$B$17,14,0)+IF('Standard Profiles'!$G$22=$B$24,21,0),0)),0)</f>
        <v>0</v>
      </c>
      <c r="I2397">
        <f t="shared" si="272"/>
        <v>0.50702817444755066</v>
      </c>
      <c r="J2397">
        <f t="shared" si="273"/>
        <v>1.6900939148251688</v>
      </c>
      <c r="K2397">
        <f t="shared" si="274"/>
        <v>2.5351408722377529</v>
      </c>
      <c r="L2397">
        <f t="shared" si="275"/>
        <v>12.168676186741214</v>
      </c>
      <c r="M2397">
        <f t="shared" si="276"/>
        <v>0</v>
      </c>
      <c r="N2397" s="46">
        <f t="shared" si="277"/>
        <v>45390.458333327602</v>
      </c>
    </row>
    <row r="2398" spans="2:14" x14ac:dyDescent="0.3">
      <c r="B2398">
        <f t="shared" si="271"/>
        <v>1</v>
      </c>
      <c r="C2398" s="16">
        <v>2364</v>
      </c>
      <c r="D2398" cm="1">
        <f t="array" ref="D2398">IFERROR(INDEX(Jesper!AH$2:AH$366,ROUNDDOWN($C2398/24,0)+1,1)*INDEX($D$3:$AA$30,INDEX(Jesper!$R$2:$R$366,ROW(INDEX(Jesper!AH$2:AH$366,ROUNDDOWN($C2398/24,0)+1,1))-1)+IF('Standard Profiles'!$G$18=$B$10,7,0)+IF('Standard Profiles'!$G$18=$B$17,14,0)+IF('Standard Profiles'!$G$18=$B$24,21,0),MOD($C2398,24)+1)/SUM(INDEX($D$3:$AA$30,INDEX(Jesper!$R$2:$R$366,ROW(INDEX(Jesper!AH$2:AH$366,ROUNDDOWN($C2398/24,0)+1,1))-1)+IF('Standard Profiles'!$G$18=$B$10,7,0)+IF('Standard Profiles'!$G$18=$B$17,14,0)+IF('Standard Profiles'!$G$18=$B$24,21,0),0)),0)</f>
        <v>16.900939148251688</v>
      </c>
      <c r="E2398" cm="1">
        <f t="array" ref="E2398">IFERROR(INDEX(Jesper!AI$2:AI$366,ROUNDDOWN($C2398/24,0)+1,1)*INDEX($D$3:$AA$30,INDEX(Jesper!$R$2:$R$366,ROW(INDEX(Jesper!AI$2:AI$366,ROUNDDOWN($C2398/24,0)+1,1))-1)+IF('Standard Profiles'!$G$19=$B$10,7,0)+IF('Standard Profiles'!$G$19=$B$17,14,0)+IF('Standard Profiles'!$G$19=$B$24,21,0),MOD($C2398,24)+1)/SUM(INDEX($D$3:$AA$30,INDEX(Jesper!$R$2:$R$366,ROW(INDEX(Jesper!AI$2:AI$366,ROUNDDOWN($C2398/24,0)+1,1))-1)+IF('Standard Profiles'!$G$19=$B$10,7,0)+IF('Standard Profiles'!$G$19=$B$17,14,0)+IF('Standard Profiles'!$G$19=$B$24,21,0),0)),0)</f>
        <v>0</v>
      </c>
      <c r="F2398" cm="1">
        <f t="array" ref="F2398">IFERROR(INDEX(Jesper!AJ$2:AJ$366,ROUNDDOWN($C2398/24,0)+1,1)*INDEX($D$3:$AA$30,INDEX(Jesper!$R$2:$R$366,ROW(INDEX(Jesper!AJ$2:AJ$366,ROUNDDOWN($C2398/24,0)+1,1))-1)+IF('Standard Profiles'!$G$20=$B$10,7,0)+IF('Standard Profiles'!$G$20=$B$17,14,0)+IF('Standard Profiles'!$G$20=$B$24,21,0),MOD($C2398,24)+1)/SUM(INDEX($D$3:$AA$30,INDEX(Jesper!$R$2:$R$366,ROW(INDEX(Jesper!AJ$2:AJ$366,ROUNDDOWN($C2398/24,0)+1,1))-1)+IF('Standard Profiles'!$G$20=$B$10,7,0)+IF('Standard Profiles'!$G$20=$B$17,14,0)+IF('Standard Profiles'!$G$20=$B$24,21,0),0)),0)</f>
        <v>0</v>
      </c>
      <c r="G2398" cm="1">
        <f t="array" ref="G2398">IFERROR(INDEX(Jesper!AK$2:AK$366,ROUNDDOWN($C2398/24,0)+1,1)*INDEX($D$3:$AA$30,INDEX(Jesper!$R$2:$R$366,ROW(INDEX(Jesper!AK$2:AK$366,ROUNDDOWN($C2398/24,0)+1,1))-1)+IF('Standard Profiles'!$G$21=$B$10,7,0)+IF('Standard Profiles'!$G$21=$B$17,14,0)+IF('Standard Profiles'!$G$21=$B$24,21,0),MOD($C2398,24)+1)/SUM(INDEX($D$3:$AA$30,INDEX(Jesper!$R$2:$R$366,ROW(INDEX(Jesper!AK$2:AK$366,ROUNDDOWN($C2398/24,0)+1,1))-1)+IF('Standard Profiles'!$G$21=$B$10,7,0)+IF('Standard Profiles'!$G$21=$B$17,14,0)+IF('Standard Profiles'!$G$21=$B$24,21,0),0)),0)</f>
        <v>0</v>
      </c>
      <c r="H2398" cm="1">
        <f t="array" ref="H2398">IFERROR(INDEX(Jesper!AL$2:AL$366,ROUNDDOWN($C2398/24,0)+1,1)*INDEX($D$3:$AA$30,INDEX(Jesper!$R$2:$R$366,ROW(INDEX(Jesper!AL$2:AL$366,ROUNDDOWN($C2398/24,0)+1,1))-1)+IF('Standard Profiles'!$G$22=$B$10,7,0)+IF('Standard Profiles'!$G$22=$B$17,14,0)+IF('Standard Profiles'!$G$22=$B$24,21,0),MOD($C2398,24)+1)/SUM(INDEX($D$3:$AA$30,INDEX(Jesper!$R$2:$R$366,ROW(INDEX(Jesper!AL$2:AL$366,ROUNDDOWN($C2398/24,0)+1,1))-1)+IF('Standard Profiles'!$G$22=$B$10,7,0)+IF('Standard Profiles'!$G$22=$B$17,14,0)+IF('Standard Profiles'!$G$22=$B$24,21,0),0)),0)</f>
        <v>0</v>
      </c>
      <c r="I2398">
        <f t="shared" si="272"/>
        <v>0.50702817444755066</v>
      </c>
      <c r="J2398">
        <f t="shared" si="273"/>
        <v>1.6900939148251688</v>
      </c>
      <c r="K2398">
        <f t="shared" si="274"/>
        <v>2.5351408722377529</v>
      </c>
      <c r="L2398">
        <f t="shared" si="275"/>
        <v>12.168676186741214</v>
      </c>
      <c r="M2398">
        <f t="shared" si="276"/>
        <v>0</v>
      </c>
      <c r="N2398" s="46">
        <f t="shared" si="277"/>
        <v>45390.499999994267</v>
      </c>
    </row>
    <row r="2399" spans="2:14" x14ac:dyDescent="0.3">
      <c r="B2399">
        <f t="shared" si="271"/>
        <v>1</v>
      </c>
      <c r="C2399" s="16">
        <v>2365</v>
      </c>
      <c r="D2399" cm="1">
        <f t="array" ref="D2399">IFERROR(INDEX(Jesper!AH$2:AH$366,ROUNDDOWN($C2399/24,0)+1,1)*INDEX($D$3:$AA$30,INDEX(Jesper!$R$2:$R$366,ROW(INDEX(Jesper!AH$2:AH$366,ROUNDDOWN($C2399/24,0)+1,1))-1)+IF('Standard Profiles'!$G$18=$B$10,7,0)+IF('Standard Profiles'!$G$18=$B$17,14,0)+IF('Standard Profiles'!$G$18=$B$24,21,0),MOD($C2399,24)+1)/SUM(INDEX($D$3:$AA$30,INDEX(Jesper!$R$2:$R$366,ROW(INDEX(Jesper!AH$2:AH$366,ROUNDDOWN($C2399/24,0)+1,1))-1)+IF('Standard Profiles'!$G$18=$B$10,7,0)+IF('Standard Profiles'!$G$18=$B$17,14,0)+IF('Standard Profiles'!$G$18=$B$24,21,0),0)),0)</f>
        <v>11.196872185716742</v>
      </c>
      <c r="E2399" cm="1">
        <f t="array" ref="E2399">IFERROR(INDEX(Jesper!AI$2:AI$366,ROUNDDOWN($C2399/24,0)+1,1)*INDEX($D$3:$AA$30,INDEX(Jesper!$R$2:$R$366,ROW(INDEX(Jesper!AI$2:AI$366,ROUNDDOWN($C2399/24,0)+1,1))-1)+IF('Standard Profiles'!$G$19=$B$10,7,0)+IF('Standard Profiles'!$G$19=$B$17,14,0)+IF('Standard Profiles'!$G$19=$B$24,21,0),MOD($C2399,24)+1)/SUM(INDEX($D$3:$AA$30,INDEX(Jesper!$R$2:$R$366,ROW(INDEX(Jesper!AI$2:AI$366,ROUNDDOWN($C2399/24,0)+1,1))-1)+IF('Standard Profiles'!$G$19=$B$10,7,0)+IF('Standard Profiles'!$G$19=$B$17,14,0)+IF('Standard Profiles'!$G$19=$B$24,21,0),0)),0)</f>
        <v>0</v>
      </c>
      <c r="F2399" cm="1">
        <f t="array" ref="F2399">IFERROR(INDEX(Jesper!AJ$2:AJ$366,ROUNDDOWN($C2399/24,0)+1,1)*INDEX($D$3:$AA$30,INDEX(Jesper!$R$2:$R$366,ROW(INDEX(Jesper!AJ$2:AJ$366,ROUNDDOWN($C2399/24,0)+1,1))-1)+IF('Standard Profiles'!$G$20=$B$10,7,0)+IF('Standard Profiles'!$G$20=$B$17,14,0)+IF('Standard Profiles'!$G$20=$B$24,21,0),MOD($C2399,24)+1)/SUM(INDEX($D$3:$AA$30,INDEX(Jesper!$R$2:$R$366,ROW(INDEX(Jesper!AJ$2:AJ$366,ROUNDDOWN($C2399/24,0)+1,1))-1)+IF('Standard Profiles'!$G$20=$B$10,7,0)+IF('Standard Profiles'!$G$20=$B$17,14,0)+IF('Standard Profiles'!$G$20=$B$24,21,0),0)),0)</f>
        <v>0</v>
      </c>
      <c r="G2399" cm="1">
        <f t="array" ref="G2399">IFERROR(INDEX(Jesper!AK$2:AK$366,ROUNDDOWN($C2399/24,0)+1,1)*INDEX($D$3:$AA$30,INDEX(Jesper!$R$2:$R$366,ROW(INDEX(Jesper!AK$2:AK$366,ROUNDDOWN($C2399/24,0)+1,1))-1)+IF('Standard Profiles'!$G$21=$B$10,7,0)+IF('Standard Profiles'!$G$21=$B$17,14,0)+IF('Standard Profiles'!$G$21=$B$24,21,0),MOD($C2399,24)+1)/SUM(INDEX($D$3:$AA$30,INDEX(Jesper!$R$2:$R$366,ROW(INDEX(Jesper!AK$2:AK$366,ROUNDDOWN($C2399/24,0)+1,1))-1)+IF('Standard Profiles'!$G$21=$B$10,7,0)+IF('Standard Profiles'!$G$21=$B$17,14,0)+IF('Standard Profiles'!$G$21=$B$24,21,0),0)),0)</f>
        <v>0</v>
      </c>
      <c r="H2399" cm="1">
        <f t="array" ref="H2399">IFERROR(INDEX(Jesper!AL$2:AL$366,ROUNDDOWN($C2399/24,0)+1,1)*INDEX($D$3:$AA$30,INDEX(Jesper!$R$2:$R$366,ROW(INDEX(Jesper!AL$2:AL$366,ROUNDDOWN($C2399/24,0)+1,1))-1)+IF('Standard Profiles'!$G$22=$B$10,7,0)+IF('Standard Profiles'!$G$22=$B$17,14,0)+IF('Standard Profiles'!$G$22=$B$24,21,0),MOD($C2399,24)+1)/SUM(INDEX($D$3:$AA$30,INDEX(Jesper!$R$2:$R$366,ROW(INDEX(Jesper!AL$2:AL$366,ROUNDDOWN($C2399/24,0)+1,1))-1)+IF('Standard Profiles'!$G$22=$B$10,7,0)+IF('Standard Profiles'!$G$22=$B$17,14,0)+IF('Standard Profiles'!$G$22=$B$24,21,0),0)),0)</f>
        <v>0</v>
      </c>
      <c r="I2399">
        <f t="shared" si="272"/>
        <v>0.33590616557150227</v>
      </c>
      <c r="J2399">
        <f t="shared" si="273"/>
        <v>1.1196872185716742</v>
      </c>
      <c r="K2399">
        <f t="shared" si="274"/>
        <v>1.6795308278575114</v>
      </c>
      <c r="L2399">
        <f t="shared" si="275"/>
        <v>8.061747973716054</v>
      </c>
      <c r="M2399">
        <f t="shared" si="276"/>
        <v>0</v>
      </c>
      <c r="N2399" s="46">
        <f t="shared" si="277"/>
        <v>45390.541666660931</v>
      </c>
    </row>
    <row r="2400" spans="2:14" x14ac:dyDescent="0.3">
      <c r="B2400">
        <f t="shared" si="271"/>
        <v>1</v>
      </c>
      <c r="C2400" s="16">
        <v>2366</v>
      </c>
      <c r="D2400" cm="1">
        <f t="array" ref="D2400">IFERROR(INDEX(Jesper!AH$2:AH$366,ROUNDDOWN($C2400/24,0)+1,1)*INDEX($D$3:$AA$30,INDEX(Jesper!$R$2:$R$366,ROW(INDEX(Jesper!AH$2:AH$366,ROUNDDOWN($C2400/24,0)+1,1))-1)+IF('Standard Profiles'!$G$18=$B$10,7,0)+IF('Standard Profiles'!$G$18=$B$17,14,0)+IF('Standard Profiles'!$G$18=$B$24,21,0),MOD($C2400,24)+1)/SUM(INDEX($D$3:$AA$30,INDEX(Jesper!$R$2:$R$366,ROW(INDEX(Jesper!AH$2:AH$366,ROUNDDOWN($C2400/24,0)+1,1))-1)+IF('Standard Profiles'!$G$18=$B$10,7,0)+IF('Standard Profiles'!$G$18=$B$17,14,0)+IF('Standard Profiles'!$G$18=$B$24,21,0),0)),0)</f>
        <v>16.900939148251688</v>
      </c>
      <c r="E2400" cm="1">
        <f t="array" ref="E2400">IFERROR(INDEX(Jesper!AI$2:AI$366,ROUNDDOWN($C2400/24,0)+1,1)*INDEX($D$3:$AA$30,INDEX(Jesper!$R$2:$R$366,ROW(INDEX(Jesper!AI$2:AI$366,ROUNDDOWN($C2400/24,0)+1,1))-1)+IF('Standard Profiles'!$G$19=$B$10,7,0)+IF('Standard Profiles'!$G$19=$B$17,14,0)+IF('Standard Profiles'!$G$19=$B$24,21,0),MOD($C2400,24)+1)/SUM(INDEX($D$3:$AA$30,INDEX(Jesper!$R$2:$R$366,ROW(INDEX(Jesper!AI$2:AI$366,ROUNDDOWN($C2400/24,0)+1,1))-1)+IF('Standard Profiles'!$G$19=$B$10,7,0)+IF('Standard Profiles'!$G$19=$B$17,14,0)+IF('Standard Profiles'!$G$19=$B$24,21,0),0)),0)</f>
        <v>0</v>
      </c>
      <c r="F2400" cm="1">
        <f t="array" ref="F2400">IFERROR(INDEX(Jesper!AJ$2:AJ$366,ROUNDDOWN($C2400/24,0)+1,1)*INDEX($D$3:$AA$30,INDEX(Jesper!$R$2:$R$366,ROW(INDEX(Jesper!AJ$2:AJ$366,ROUNDDOWN($C2400/24,0)+1,1))-1)+IF('Standard Profiles'!$G$20=$B$10,7,0)+IF('Standard Profiles'!$G$20=$B$17,14,0)+IF('Standard Profiles'!$G$20=$B$24,21,0),MOD($C2400,24)+1)/SUM(INDEX($D$3:$AA$30,INDEX(Jesper!$R$2:$R$366,ROW(INDEX(Jesper!AJ$2:AJ$366,ROUNDDOWN($C2400/24,0)+1,1))-1)+IF('Standard Profiles'!$G$20=$B$10,7,0)+IF('Standard Profiles'!$G$20=$B$17,14,0)+IF('Standard Profiles'!$G$20=$B$24,21,0),0)),0)</f>
        <v>0</v>
      </c>
      <c r="G2400" cm="1">
        <f t="array" ref="G2400">IFERROR(INDEX(Jesper!AK$2:AK$366,ROUNDDOWN($C2400/24,0)+1,1)*INDEX($D$3:$AA$30,INDEX(Jesper!$R$2:$R$366,ROW(INDEX(Jesper!AK$2:AK$366,ROUNDDOWN($C2400/24,0)+1,1))-1)+IF('Standard Profiles'!$G$21=$B$10,7,0)+IF('Standard Profiles'!$G$21=$B$17,14,0)+IF('Standard Profiles'!$G$21=$B$24,21,0),MOD($C2400,24)+1)/SUM(INDEX($D$3:$AA$30,INDEX(Jesper!$R$2:$R$366,ROW(INDEX(Jesper!AK$2:AK$366,ROUNDDOWN($C2400/24,0)+1,1))-1)+IF('Standard Profiles'!$G$21=$B$10,7,0)+IF('Standard Profiles'!$G$21=$B$17,14,0)+IF('Standard Profiles'!$G$21=$B$24,21,0),0)),0)</f>
        <v>0</v>
      </c>
      <c r="H2400" cm="1">
        <f t="array" ref="H2400">IFERROR(INDEX(Jesper!AL$2:AL$366,ROUNDDOWN($C2400/24,0)+1,1)*INDEX($D$3:$AA$30,INDEX(Jesper!$R$2:$R$366,ROW(INDEX(Jesper!AL$2:AL$366,ROUNDDOWN($C2400/24,0)+1,1))-1)+IF('Standard Profiles'!$G$22=$B$10,7,0)+IF('Standard Profiles'!$G$22=$B$17,14,0)+IF('Standard Profiles'!$G$22=$B$24,21,0),MOD($C2400,24)+1)/SUM(INDEX($D$3:$AA$30,INDEX(Jesper!$R$2:$R$366,ROW(INDEX(Jesper!AL$2:AL$366,ROUNDDOWN($C2400/24,0)+1,1))-1)+IF('Standard Profiles'!$G$22=$B$10,7,0)+IF('Standard Profiles'!$G$22=$B$17,14,0)+IF('Standard Profiles'!$G$22=$B$24,21,0),0)),0)</f>
        <v>0</v>
      </c>
      <c r="I2400">
        <f t="shared" si="272"/>
        <v>0.50702817444755066</v>
      </c>
      <c r="J2400">
        <f t="shared" si="273"/>
        <v>1.6900939148251688</v>
      </c>
      <c r="K2400">
        <f t="shared" si="274"/>
        <v>2.5351408722377529</v>
      </c>
      <c r="L2400">
        <f t="shared" si="275"/>
        <v>12.168676186741214</v>
      </c>
      <c r="M2400">
        <f t="shared" si="276"/>
        <v>0</v>
      </c>
      <c r="N2400" s="46">
        <f t="shared" si="277"/>
        <v>45390.583333327595</v>
      </c>
    </row>
    <row r="2401" spans="2:14" x14ac:dyDescent="0.3">
      <c r="B2401">
        <f t="shared" si="271"/>
        <v>1</v>
      </c>
      <c r="C2401" s="16">
        <v>2367</v>
      </c>
      <c r="D2401" cm="1">
        <f t="array" ref="D2401">IFERROR(INDEX(Jesper!AH$2:AH$366,ROUNDDOWN($C2401/24,0)+1,1)*INDEX($D$3:$AA$30,INDEX(Jesper!$R$2:$R$366,ROW(INDEX(Jesper!AH$2:AH$366,ROUNDDOWN($C2401/24,0)+1,1))-1)+IF('Standard Profiles'!$G$18=$B$10,7,0)+IF('Standard Profiles'!$G$18=$B$17,14,0)+IF('Standard Profiles'!$G$18=$B$24,21,0),MOD($C2401,24)+1)/SUM(INDEX($D$3:$AA$30,INDEX(Jesper!$R$2:$R$366,ROW(INDEX(Jesper!AH$2:AH$366,ROUNDDOWN($C2401/24,0)+1,1))-1)+IF('Standard Profiles'!$G$18=$B$10,7,0)+IF('Standard Profiles'!$G$18=$B$17,14,0)+IF('Standard Profiles'!$G$18=$B$24,21,0),0)),0)</f>
        <v>16.900939148251688</v>
      </c>
      <c r="E2401" cm="1">
        <f t="array" ref="E2401">IFERROR(INDEX(Jesper!AI$2:AI$366,ROUNDDOWN($C2401/24,0)+1,1)*INDEX($D$3:$AA$30,INDEX(Jesper!$R$2:$R$366,ROW(INDEX(Jesper!AI$2:AI$366,ROUNDDOWN($C2401/24,0)+1,1))-1)+IF('Standard Profiles'!$G$19=$B$10,7,0)+IF('Standard Profiles'!$G$19=$B$17,14,0)+IF('Standard Profiles'!$G$19=$B$24,21,0),MOD($C2401,24)+1)/SUM(INDEX($D$3:$AA$30,INDEX(Jesper!$R$2:$R$366,ROW(INDEX(Jesper!AI$2:AI$366,ROUNDDOWN($C2401/24,0)+1,1))-1)+IF('Standard Profiles'!$G$19=$B$10,7,0)+IF('Standard Profiles'!$G$19=$B$17,14,0)+IF('Standard Profiles'!$G$19=$B$24,21,0),0)),0)</f>
        <v>0</v>
      </c>
      <c r="F2401" cm="1">
        <f t="array" ref="F2401">IFERROR(INDEX(Jesper!AJ$2:AJ$366,ROUNDDOWN($C2401/24,0)+1,1)*INDEX($D$3:$AA$30,INDEX(Jesper!$R$2:$R$366,ROW(INDEX(Jesper!AJ$2:AJ$366,ROUNDDOWN($C2401/24,0)+1,1))-1)+IF('Standard Profiles'!$G$20=$B$10,7,0)+IF('Standard Profiles'!$G$20=$B$17,14,0)+IF('Standard Profiles'!$G$20=$B$24,21,0),MOD($C2401,24)+1)/SUM(INDEX($D$3:$AA$30,INDEX(Jesper!$R$2:$R$366,ROW(INDEX(Jesper!AJ$2:AJ$366,ROUNDDOWN($C2401/24,0)+1,1))-1)+IF('Standard Profiles'!$G$20=$B$10,7,0)+IF('Standard Profiles'!$G$20=$B$17,14,0)+IF('Standard Profiles'!$G$20=$B$24,21,0),0)),0)</f>
        <v>0</v>
      </c>
      <c r="G2401" cm="1">
        <f t="array" ref="G2401">IFERROR(INDEX(Jesper!AK$2:AK$366,ROUNDDOWN($C2401/24,0)+1,1)*INDEX($D$3:$AA$30,INDEX(Jesper!$R$2:$R$366,ROW(INDEX(Jesper!AK$2:AK$366,ROUNDDOWN($C2401/24,0)+1,1))-1)+IF('Standard Profiles'!$G$21=$B$10,7,0)+IF('Standard Profiles'!$G$21=$B$17,14,0)+IF('Standard Profiles'!$G$21=$B$24,21,0),MOD($C2401,24)+1)/SUM(INDEX($D$3:$AA$30,INDEX(Jesper!$R$2:$R$366,ROW(INDEX(Jesper!AK$2:AK$366,ROUNDDOWN($C2401/24,0)+1,1))-1)+IF('Standard Profiles'!$G$21=$B$10,7,0)+IF('Standard Profiles'!$G$21=$B$17,14,0)+IF('Standard Profiles'!$G$21=$B$24,21,0),0)),0)</f>
        <v>0</v>
      </c>
      <c r="H2401" cm="1">
        <f t="array" ref="H2401">IFERROR(INDEX(Jesper!AL$2:AL$366,ROUNDDOWN($C2401/24,0)+1,1)*INDEX($D$3:$AA$30,INDEX(Jesper!$R$2:$R$366,ROW(INDEX(Jesper!AL$2:AL$366,ROUNDDOWN($C2401/24,0)+1,1))-1)+IF('Standard Profiles'!$G$22=$B$10,7,0)+IF('Standard Profiles'!$G$22=$B$17,14,0)+IF('Standard Profiles'!$G$22=$B$24,21,0),MOD($C2401,24)+1)/SUM(INDEX($D$3:$AA$30,INDEX(Jesper!$R$2:$R$366,ROW(INDEX(Jesper!AL$2:AL$366,ROUNDDOWN($C2401/24,0)+1,1))-1)+IF('Standard Profiles'!$G$22=$B$10,7,0)+IF('Standard Profiles'!$G$22=$B$17,14,0)+IF('Standard Profiles'!$G$22=$B$24,21,0),0)),0)</f>
        <v>0</v>
      </c>
      <c r="I2401">
        <f t="shared" si="272"/>
        <v>0.50702817444755066</v>
      </c>
      <c r="J2401">
        <f t="shared" si="273"/>
        <v>1.6900939148251688</v>
      </c>
      <c r="K2401">
        <f t="shared" si="274"/>
        <v>2.5351408722377529</v>
      </c>
      <c r="L2401">
        <f t="shared" si="275"/>
        <v>12.168676186741214</v>
      </c>
      <c r="M2401">
        <f t="shared" si="276"/>
        <v>0</v>
      </c>
      <c r="N2401" s="46">
        <f t="shared" si="277"/>
        <v>45390.624999994259</v>
      </c>
    </row>
    <row r="2402" spans="2:14" x14ac:dyDescent="0.3">
      <c r="B2402">
        <f t="shared" si="271"/>
        <v>1</v>
      </c>
      <c r="C2402" s="16">
        <v>2368</v>
      </c>
      <c r="D2402" cm="1">
        <f t="array" ref="D2402">IFERROR(INDEX(Jesper!AH$2:AH$366,ROUNDDOWN($C2402/24,0)+1,1)*INDEX($D$3:$AA$30,INDEX(Jesper!$R$2:$R$366,ROW(INDEX(Jesper!AH$2:AH$366,ROUNDDOWN($C2402/24,0)+1,1))-1)+IF('Standard Profiles'!$G$18=$B$10,7,0)+IF('Standard Profiles'!$G$18=$B$17,14,0)+IF('Standard Profiles'!$G$18=$B$24,21,0),MOD($C2402,24)+1)/SUM(INDEX($D$3:$AA$30,INDEX(Jesper!$R$2:$R$366,ROW(INDEX(Jesper!AH$2:AH$366,ROUNDDOWN($C2402/24,0)+1,1))-1)+IF('Standard Profiles'!$G$18=$B$10,7,0)+IF('Standard Profiles'!$G$18=$B$17,14,0)+IF('Standard Profiles'!$G$18=$B$24,21,0),0)),0)</f>
        <v>16.900939148251688</v>
      </c>
      <c r="E2402" cm="1">
        <f t="array" ref="E2402">IFERROR(INDEX(Jesper!AI$2:AI$366,ROUNDDOWN($C2402/24,0)+1,1)*INDEX($D$3:$AA$30,INDEX(Jesper!$R$2:$R$366,ROW(INDEX(Jesper!AI$2:AI$366,ROUNDDOWN($C2402/24,0)+1,1))-1)+IF('Standard Profiles'!$G$19=$B$10,7,0)+IF('Standard Profiles'!$G$19=$B$17,14,0)+IF('Standard Profiles'!$G$19=$B$24,21,0),MOD($C2402,24)+1)/SUM(INDEX($D$3:$AA$30,INDEX(Jesper!$R$2:$R$366,ROW(INDEX(Jesper!AI$2:AI$366,ROUNDDOWN($C2402/24,0)+1,1))-1)+IF('Standard Profiles'!$G$19=$B$10,7,0)+IF('Standard Profiles'!$G$19=$B$17,14,0)+IF('Standard Profiles'!$G$19=$B$24,21,0),0)),0)</f>
        <v>0</v>
      </c>
      <c r="F2402" cm="1">
        <f t="array" ref="F2402">IFERROR(INDEX(Jesper!AJ$2:AJ$366,ROUNDDOWN($C2402/24,0)+1,1)*INDEX($D$3:$AA$30,INDEX(Jesper!$R$2:$R$366,ROW(INDEX(Jesper!AJ$2:AJ$366,ROUNDDOWN($C2402/24,0)+1,1))-1)+IF('Standard Profiles'!$G$20=$B$10,7,0)+IF('Standard Profiles'!$G$20=$B$17,14,0)+IF('Standard Profiles'!$G$20=$B$24,21,0),MOD($C2402,24)+1)/SUM(INDEX($D$3:$AA$30,INDEX(Jesper!$R$2:$R$366,ROW(INDEX(Jesper!AJ$2:AJ$366,ROUNDDOWN($C2402/24,0)+1,1))-1)+IF('Standard Profiles'!$G$20=$B$10,7,0)+IF('Standard Profiles'!$G$20=$B$17,14,0)+IF('Standard Profiles'!$G$20=$B$24,21,0),0)),0)</f>
        <v>0</v>
      </c>
      <c r="G2402" cm="1">
        <f t="array" ref="G2402">IFERROR(INDEX(Jesper!AK$2:AK$366,ROUNDDOWN($C2402/24,0)+1,1)*INDEX($D$3:$AA$30,INDEX(Jesper!$R$2:$R$366,ROW(INDEX(Jesper!AK$2:AK$366,ROUNDDOWN($C2402/24,0)+1,1))-1)+IF('Standard Profiles'!$G$21=$B$10,7,0)+IF('Standard Profiles'!$G$21=$B$17,14,0)+IF('Standard Profiles'!$G$21=$B$24,21,0),MOD($C2402,24)+1)/SUM(INDEX($D$3:$AA$30,INDEX(Jesper!$R$2:$R$366,ROW(INDEX(Jesper!AK$2:AK$366,ROUNDDOWN($C2402/24,0)+1,1))-1)+IF('Standard Profiles'!$G$21=$B$10,7,0)+IF('Standard Profiles'!$G$21=$B$17,14,0)+IF('Standard Profiles'!$G$21=$B$24,21,0),0)),0)</f>
        <v>0</v>
      </c>
      <c r="H2402" cm="1">
        <f t="array" ref="H2402">IFERROR(INDEX(Jesper!AL$2:AL$366,ROUNDDOWN($C2402/24,0)+1,1)*INDEX($D$3:$AA$30,INDEX(Jesper!$R$2:$R$366,ROW(INDEX(Jesper!AL$2:AL$366,ROUNDDOWN($C2402/24,0)+1,1))-1)+IF('Standard Profiles'!$G$22=$B$10,7,0)+IF('Standard Profiles'!$G$22=$B$17,14,0)+IF('Standard Profiles'!$G$22=$B$24,21,0),MOD($C2402,24)+1)/SUM(INDEX($D$3:$AA$30,INDEX(Jesper!$R$2:$R$366,ROW(INDEX(Jesper!AL$2:AL$366,ROUNDDOWN($C2402/24,0)+1,1))-1)+IF('Standard Profiles'!$G$22=$B$10,7,0)+IF('Standard Profiles'!$G$22=$B$17,14,0)+IF('Standard Profiles'!$G$22=$B$24,21,0),0)),0)</f>
        <v>0</v>
      </c>
      <c r="I2402">
        <f t="shared" si="272"/>
        <v>0.50702817444755066</v>
      </c>
      <c r="J2402">
        <f t="shared" si="273"/>
        <v>1.6900939148251688</v>
      </c>
      <c r="K2402">
        <f t="shared" si="274"/>
        <v>2.5351408722377529</v>
      </c>
      <c r="L2402">
        <f t="shared" si="275"/>
        <v>12.168676186741214</v>
      </c>
      <c r="M2402">
        <f t="shared" si="276"/>
        <v>0</v>
      </c>
      <c r="N2402" s="46">
        <f t="shared" si="277"/>
        <v>45390.666666660924</v>
      </c>
    </row>
    <row r="2403" spans="2:14" x14ac:dyDescent="0.3">
      <c r="B2403">
        <f t="shared" ref="B2403:B2466" si="278">WEEKDAY(N2403,2)</f>
        <v>1</v>
      </c>
      <c r="C2403" s="16">
        <v>2369</v>
      </c>
      <c r="D2403" cm="1">
        <f t="array" ref="D2403">IFERROR(INDEX(Jesper!AH$2:AH$366,ROUNDDOWN($C2403/24,0)+1,1)*INDEX($D$3:$AA$30,INDEX(Jesper!$R$2:$R$366,ROW(INDEX(Jesper!AH$2:AH$366,ROUNDDOWN($C2403/24,0)+1,1))-1)+IF('Standard Profiles'!$G$18=$B$10,7,0)+IF('Standard Profiles'!$G$18=$B$17,14,0)+IF('Standard Profiles'!$G$18=$B$24,21,0),MOD($C2403,24)+1)/SUM(INDEX($D$3:$AA$30,INDEX(Jesper!$R$2:$R$366,ROW(INDEX(Jesper!AH$2:AH$366,ROUNDDOWN($C2403/24,0)+1,1))-1)+IF('Standard Profiles'!$G$18=$B$10,7,0)+IF('Standard Profiles'!$G$18=$B$17,14,0)+IF('Standard Profiles'!$G$18=$B$24,21,0),0)),0)</f>
        <v>16.900939148251688</v>
      </c>
      <c r="E2403" cm="1">
        <f t="array" ref="E2403">IFERROR(INDEX(Jesper!AI$2:AI$366,ROUNDDOWN($C2403/24,0)+1,1)*INDEX($D$3:$AA$30,INDEX(Jesper!$R$2:$R$366,ROW(INDEX(Jesper!AI$2:AI$366,ROUNDDOWN($C2403/24,0)+1,1))-1)+IF('Standard Profiles'!$G$19=$B$10,7,0)+IF('Standard Profiles'!$G$19=$B$17,14,0)+IF('Standard Profiles'!$G$19=$B$24,21,0),MOD($C2403,24)+1)/SUM(INDEX($D$3:$AA$30,INDEX(Jesper!$R$2:$R$366,ROW(INDEX(Jesper!AI$2:AI$366,ROUNDDOWN($C2403/24,0)+1,1))-1)+IF('Standard Profiles'!$G$19=$B$10,7,0)+IF('Standard Profiles'!$G$19=$B$17,14,0)+IF('Standard Profiles'!$G$19=$B$24,21,0),0)),0)</f>
        <v>0</v>
      </c>
      <c r="F2403" cm="1">
        <f t="array" ref="F2403">IFERROR(INDEX(Jesper!AJ$2:AJ$366,ROUNDDOWN($C2403/24,0)+1,1)*INDEX($D$3:$AA$30,INDEX(Jesper!$R$2:$R$366,ROW(INDEX(Jesper!AJ$2:AJ$366,ROUNDDOWN($C2403/24,0)+1,1))-1)+IF('Standard Profiles'!$G$20=$B$10,7,0)+IF('Standard Profiles'!$G$20=$B$17,14,0)+IF('Standard Profiles'!$G$20=$B$24,21,0),MOD($C2403,24)+1)/SUM(INDEX($D$3:$AA$30,INDEX(Jesper!$R$2:$R$366,ROW(INDEX(Jesper!AJ$2:AJ$366,ROUNDDOWN($C2403/24,0)+1,1))-1)+IF('Standard Profiles'!$G$20=$B$10,7,0)+IF('Standard Profiles'!$G$20=$B$17,14,0)+IF('Standard Profiles'!$G$20=$B$24,21,0),0)),0)</f>
        <v>0</v>
      </c>
      <c r="G2403" cm="1">
        <f t="array" ref="G2403">IFERROR(INDEX(Jesper!AK$2:AK$366,ROUNDDOWN($C2403/24,0)+1,1)*INDEX($D$3:$AA$30,INDEX(Jesper!$R$2:$R$366,ROW(INDEX(Jesper!AK$2:AK$366,ROUNDDOWN($C2403/24,0)+1,1))-1)+IF('Standard Profiles'!$G$21=$B$10,7,0)+IF('Standard Profiles'!$G$21=$B$17,14,0)+IF('Standard Profiles'!$G$21=$B$24,21,0),MOD($C2403,24)+1)/SUM(INDEX($D$3:$AA$30,INDEX(Jesper!$R$2:$R$366,ROW(INDEX(Jesper!AK$2:AK$366,ROUNDDOWN($C2403/24,0)+1,1))-1)+IF('Standard Profiles'!$G$21=$B$10,7,0)+IF('Standard Profiles'!$G$21=$B$17,14,0)+IF('Standard Profiles'!$G$21=$B$24,21,0),0)),0)</f>
        <v>0</v>
      </c>
      <c r="H2403" cm="1">
        <f t="array" ref="H2403">IFERROR(INDEX(Jesper!AL$2:AL$366,ROUNDDOWN($C2403/24,0)+1,1)*INDEX($D$3:$AA$30,INDEX(Jesper!$R$2:$R$366,ROW(INDEX(Jesper!AL$2:AL$366,ROUNDDOWN($C2403/24,0)+1,1))-1)+IF('Standard Profiles'!$G$22=$B$10,7,0)+IF('Standard Profiles'!$G$22=$B$17,14,0)+IF('Standard Profiles'!$G$22=$B$24,21,0),MOD($C2403,24)+1)/SUM(INDEX($D$3:$AA$30,INDEX(Jesper!$R$2:$R$366,ROW(INDEX(Jesper!AL$2:AL$366,ROUNDDOWN($C2403/24,0)+1,1))-1)+IF('Standard Profiles'!$G$22=$B$10,7,0)+IF('Standard Profiles'!$G$22=$B$17,14,0)+IF('Standard Profiles'!$G$22=$B$24,21,0),0)),0)</f>
        <v>0</v>
      </c>
      <c r="I2403">
        <f t="shared" ref="I2403:I2466" si="279">IF($B2403&lt;6,AC$37*$D2403+AC$38*$E2403+AC$39*$F2403+AC$40*$G2403,AC$46*$D2403+AC$47*$E2403+AC$48*$F2403+AC$49*$G2403+AC$50*$H2403)</f>
        <v>0.50702817444755066</v>
      </c>
      <c r="J2403">
        <f t="shared" ref="J2403:J2466" si="280">IF($B2403&lt;6,AD$37*$D2403+AD$38*$E2403+AD$39*$F2403+AD$40*$G2403,AD$46*$D2403+AD$47*$E2403+AD$48*$F2403+AD$49*$G2403+AD$50*$H2403)</f>
        <v>1.6900939148251688</v>
      </c>
      <c r="K2403">
        <f t="shared" ref="K2403:K2466" si="281">IF($B2403&lt;6,AE$37*$D2403+AE$38*$E2403+AE$39*$F2403+AE$40*$G2403,AE$46*$D2403+AE$47*$E2403+AE$48*$F2403+AE$49*$G2403+AE$50*$H2403)</f>
        <v>2.5351408722377529</v>
      </c>
      <c r="L2403">
        <f t="shared" ref="L2403:L2466" si="282">IF($B2403&lt;6,AF$37*$D2403+AF$38*$E2403+AF$39*$F2403+AF$40*$G2403,AF$46*$D2403+AF$47*$E2403+AF$48*$F2403+AF$49*$G2403+AF$50*$H2403)</f>
        <v>12.168676186741214</v>
      </c>
      <c r="M2403">
        <f t="shared" ref="M2403:M2466" si="283">IF($B2403&lt;6,AG$37*$D2403+AG$38*$E2403+AG$39*$F2403+AG$40*$G2403,AG$46*$D2403+AG$47*$E2403+AG$48*$F2403+AG$49*$G2403+AG$50*$H2403)</f>
        <v>0</v>
      </c>
      <c r="N2403" s="46">
        <f t="shared" si="277"/>
        <v>45390.708333327588</v>
      </c>
    </row>
    <row r="2404" spans="2:14" x14ac:dyDescent="0.3">
      <c r="B2404">
        <f t="shared" si="278"/>
        <v>1</v>
      </c>
      <c r="C2404" s="16">
        <v>2370</v>
      </c>
      <c r="D2404" cm="1">
        <f t="array" ref="D2404">IFERROR(INDEX(Jesper!AH$2:AH$366,ROUNDDOWN($C2404/24,0)+1,1)*INDEX($D$3:$AA$30,INDEX(Jesper!$R$2:$R$366,ROW(INDEX(Jesper!AH$2:AH$366,ROUNDDOWN($C2404/24,0)+1,1))-1)+IF('Standard Profiles'!$G$18=$B$10,7,0)+IF('Standard Profiles'!$G$18=$B$17,14,0)+IF('Standard Profiles'!$G$18=$B$24,21,0),MOD($C2404,24)+1)/SUM(INDEX($D$3:$AA$30,INDEX(Jesper!$R$2:$R$366,ROW(INDEX(Jesper!AH$2:AH$366,ROUNDDOWN($C2404/24,0)+1,1))-1)+IF('Standard Profiles'!$G$18=$B$10,7,0)+IF('Standard Profiles'!$G$18=$B$17,14,0)+IF('Standard Profiles'!$G$18=$B$24,21,0),0)),0)</f>
        <v>16.900939148251688</v>
      </c>
      <c r="E2404" cm="1">
        <f t="array" ref="E2404">IFERROR(INDEX(Jesper!AI$2:AI$366,ROUNDDOWN($C2404/24,0)+1,1)*INDEX($D$3:$AA$30,INDEX(Jesper!$R$2:$R$366,ROW(INDEX(Jesper!AI$2:AI$366,ROUNDDOWN($C2404/24,0)+1,1))-1)+IF('Standard Profiles'!$G$19=$B$10,7,0)+IF('Standard Profiles'!$G$19=$B$17,14,0)+IF('Standard Profiles'!$G$19=$B$24,21,0),MOD($C2404,24)+1)/SUM(INDEX($D$3:$AA$30,INDEX(Jesper!$R$2:$R$366,ROW(INDEX(Jesper!AI$2:AI$366,ROUNDDOWN($C2404/24,0)+1,1))-1)+IF('Standard Profiles'!$G$19=$B$10,7,0)+IF('Standard Profiles'!$G$19=$B$17,14,0)+IF('Standard Profiles'!$G$19=$B$24,21,0),0)),0)</f>
        <v>0</v>
      </c>
      <c r="F2404" cm="1">
        <f t="array" ref="F2404">IFERROR(INDEX(Jesper!AJ$2:AJ$366,ROUNDDOWN($C2404/24,0)+1,1)*INDEX($D$3:$AA$30,INDEX(Jesper!$R$2:$R$366,ROW(INDEX(Jesper!AJ$2:AJ$366,ROUNDDOWN($C2404/24,0)+1,1))-1)+IF('Standard Profiles'!$G$20=$B$10,7,0)+IF('Standard Profiles'!$G$20=$B$17,14,0)+IF('Standard Profiles'!$G$20=$B$24,21,0),MOD($C2404,24)+1)/SUM(INDEX($D$3:$AA$30,INDEX(Jesper!$R$2:$R$366,ROW(INDEX(Jesper!AJ$2:AJ$366,ROUNDDOWN($C2404/24,0)+1,1))-1)+IF('Standard Profiles'!$G$20=$B$10,7,0)+IF('Standard Profiles'!$G$20=$B$17,14,0)+IF('Standard Profiles'!$G$20=$B$24,21,0),0)),0)</f>
        <v>0</v>
      </c>
      <c r="G2404" cm="1">
        <f t="array" ref="G2404">IFERROR(INDEX(Jesper!AK$2:AK$366,ROUNDDOWN($C2404/24,0)+1,1)*INDEX($D$3:$AA$30,INDEX(Jesper!$R$2:$R$366,ROW(INDEX(Jesper!AK$2:AK$366,ROUNDDOWN($C2404/24,0)+1,1))-1)+IF('Standard Profiles'!$G$21=$B$10,7,0)+IF('Standard Profiles'!$G$21=$B$17,14,0)+IF('Standard Profiles'!$G$21=$B$24,21,0),MOD($C2404,24)+1)/SUM(INDEX($D$3:$AA$30,INDEX(Jesper!$R$2:$R$366,ROW(INDEX(Jesper!AK$2:AK$366,ROUNDDOWN($C2404/24,0)+1,1))-1)+IF('Standard Profiles'!$G$21=$B$10,7,0)+IF('Standard Profiles'!$G$21=$B$17,14,0)+IF('Standard Profiles'!$G$21=$B$24,21,0),0)),0)</f>
        <v>0</v>
      </c>
      <c r="H2404" cm="1">
        <f t="array" ref="H2404">IFERROR(INDEX(Jesper!AL$2:AL$366,ROUNDDOWN($C2404/24,0)+1,1)*INDEX($D$3:$AA$30,INDEX(Jesper!$R$2:$R$366,ROW(INDEX(Jesper!AL$2:AL$366,ROUNDDOWN($C2404/24,0)+1,1))-1)+IF('Standard Profiles'!$G$22=$B$10,7,0)+IF('Standard Profiles'!$G$22=$B$17,14,0)+IF('Standard Profiles'!$G$22=$B$24,21,0),MOD($C2404,24)+1)/SUM(INDEX($D$3:$AA$30,INDEX(Jesper!$R$2:$R$366,ROW(INDEX(Jesper!AL$2:AL$366,ROUNDDOWN($C2404/24,0)+1,1))-1)+IF('Standard Profiles'!$G$22=$B$10,7,0)+IF('Standard Profiles'!$G$22=$B$17,14,0)+IF('Standard Profiles'!$G$22=$B$24,21,0),0)),0)</f>
        <v>0</v>
      </c>
      <c r="I2404">
        <f t="shared" si="279"/>
        <v>0.50702817444755066</v>
      </c>
      <c r="J2404">
        <f t="shared" si="280"/>
        <v>1.6900939148251688</v>
      </c>
      <c r="K2404">
        <f t="shared" si="281"/>
        <v>2.5351408722377529</v>
      </c>
      <c r="L2404">
        <f t="shared" si="282"/>
        <v>12.168676186741214</v>
      </c>
      <c r="M2404">
        <f t="shared" si="283"/>
        <v>0</v>
      </c>
      <c r="N2404" s="46">
        <f t="shared" ref="N2404:N2467" si="284">N2403+1/24</f>
        <v>45390.749999994252</v>
      </c>
    </row>
    <row r="2405" spans="2:14" x14ac:dyDescent="0.3">
      <c r="B2405">
        <f t="shared" si="278"/>
        <v>1</v>
      </c>
      <c r="C2405" s="16">
        <v>2371</v>
      </c>
      <c r="D2405" cm="1">
        <f t="array" ref="D2405">IFERROR(INDEX(Jesper!AH$2:AH$366,ROUNDDOWN($C2405/24,0)+1,1)*INDEX($D$3:$AA$30,INDEX(Jesper!$R$2:$R$366,ROW(INDEX(Jesper!AH$2:AH$366,ROUNDDOWN($C2405/24,0)+1,1))-1)+IF('Standard Profiles'!$G$18=$B$10,7,0)+IF('Standard Profiles'!$G$18=$B$17,14,0)+IF('Standard Profiles'!$G$18=$B$24,21,0),MOD($C2405,24)+1)/SUM(INDEX($D$3:$AA$30,INDEX(Jesper!$R$2:$R$366,ROW(INDEX(Jesper!AH$2:AH$366,ROUNDDOWN($C2405/24,0)+1,1))-1)+IF('Standard Profiles'!$G$18=$B$10,7,0)+IF('Standard Profiles'!$G$18=$B$17,14,0)+IF('Standard Profiles'!$G$18=$B$24,21,0),0)),0)</f>
        <v>14.154536536660789</v>
      </c>
      <c r="E2405" cm="1">
        <f t="array" ref="E2405">IFERROR(INDEX(Jesper!AI$2:AI$366,ROUNDDOWN($C2405/24,0)+1,1)*INDEX($D$3:$AA$30,INDEX(Jesper!$R$2:$R$366,ROW(INDEX(Jesper!AI$2:AI$366,ROUNDDOWN($C2405/24,0)+1,1))-1)+IF('Standard Profiles'!$G$19=$B$10,7,0)+IF('Standard Profiles'!$G$19=$B$17,14,0)+IF('Standard Profiles'!$G$19=$B$24,21,0),MOD($C2405,24)+1)/SUM(INDEX($D$3:$AA$30,INDEX(Jesper!$R$2:$R$366,ROW(INDEX(Jesper!AI$2:AI$366,ROUNDDOWN($C2405/24,0)+1,1))-1)+IF('Standard Profiles'!$G$19=$B$10,7,0)+IF('Standard Profiles'!$G$19=$B$17,14,0)+IF('Standard Profiles'!$G$19=$B$24,21,0),0)),0)</f>
        <v>0</v>
      </c>
      <c r="F2405" cm="1">
        <f t="array" ref="F2405">IFERROR(INDEX(Jesper!AJ$2:AJ$366,ROUNDDOWN($C2405/24,0)+1,1)*INDEX($D$3:$AA$30,INDEX(Jesper!$R$2:$R$366,ROW(INDEX(Jesper!AJ$2:AJ$366,ROUNDDOWN($C2405/24,0)+1,1))-1)+IF('Standard Profiles'!$G$20=$B$10,7,0)+IF('Standard Profiles'!$G$20=$B$17,14,0)+IF('Standard Profiles'!$G$20=$B$24,21,0),MOD($C2405,24)+1)/SUM(INDEX($D$3:$AA$30,INDEX(Jesper!$R$2:$R$366,ROW(INDEX(Jesper!AJ$2:AJ$366,ROUNDDOWN($C2405/24,0)+1,1))-1)+IF('Standard Profiles'!$G$20=$B$10,7,0)+IF('Standard Profiles'!$G$20=$B$17,14,0)+IF('Standard Profiles'!$G$20=$B$24,21,0),0)),0)</f>
        <v>0</v>
      </c>
      <c r="G2405" cm="1">
        <f t="array" ref="G2405">IFERROR(INDEX(Jesper!AK$2:AK$366,ROUNDDOWN($C2405/24,0)+1,1)*INDEX($D$3:$AA$30,INDEX(Jesper!$R$2:$R$366,ROW(INDEX(Jesper!AK$2:AK$366,ROUNDDOWN($C2405/24,0)+1,1))-1)+IF('Standard Profiles'!$G$21=$B$10,7,0)+IF('Standard Profiles'!$G$21=$B$17,14,0)+IF('Standard Profiles'!$G$21=$B$24,21,0),MOD($C2405,24)+1)/SUM(INDEX($D$3:$AA$30,INDEX(Jesper!$R$2:$R$366,ROW(INDEX(Jesper!AK$2:AK$366,ROUNDDOWN($C2405/24,0)+1,1))-1)+IF('Standard Profiles'!$G$21=$B$10,7,0)+IF('Standard Profiles'!$G$21=$B$17,14,0)+IF('Standard Profiles'!$G$21=$B$24,21,0),0)),0)</f>
        <v>0</v>
      </c>
      <c r="H2405" cm="1">
        <f t="array" ref="H2405">IFERROR(INDEX(Jesper!AL$2:AL$366,ROUNDDOWN($C2405/24,0)+1,1)*INDEX($D$3:$AA$30,INDEX(Jesper!$R$2:$R$366,ROW(INDEX(Jesper!AL$2:AL$366,ROUNDDOWN($C2405/24,0)+1,1))-1)+IF('Standard Profiles'!$G$22=$B$10,7,0)+IF('Standard Profiles'!$G$22=$B$17,14,0)+IF('Standard Profiles'!$G$22=$B$24,21,0),MOD($C2405,24)+1)/SUM(INDEX($D$3:$AA$30,INDEX(Jesper!$R$2:$R$366,ROW(INDEX(Jesper!AL$2:AL$366,ROUNDDOWN($C2405/24,0)+1,1))-1)+IF('Standard Profiles'!$G$22=$B$10,7,0)+IF('Standard Profiles'!$G$22=$B$17,14,0)+IF('Standard Profiles'!$G$22=$B$24,21,0),0)),0)</f>
        <v>0</v>
      </c>
      <c r="I2405">
        <f t="shared" si="279"/>
        <v>0.42463609609982367</v>
      </c>
      <c r="J2405">
        <f t="shared" si="280"/>
        <v>1.4154536536660789</v>
      </c>
      <c r="K2405">
        <f t="shared" si="281"/>
        <v>2.1231804804991183</v>
      </c>
      <c r="L2405">
        <f t="shared" si="282"/>
        <v>10.191266306395768</v>
      </c>
      <c r="M2405">
        <f t="shared" si="283"/>
        <v>0</v>
      </c>
      <c r="N2405" s="46">
        <f t="shared" si="284"/>
        <v>45390.791666660916</v>
      </c>
    </row>
    <row r="2406" spans="2:14" x14ac:dyDescent="0.3">
      <c r="B2406">
        <f t="shared" si="278"/>
        <v>1</v>
      </c>
      <c r="C2406" s="16">
        <v>2372</v>
      </c>
      <c r="D2406" cm="1">
        <f t="array" ref="D2406">IFERROR(INDEX(Jesper!AH$2:AH$366,ROUNDDOWN($C2406/24,0)+1,1)*INDEX($D$3:$AA$30,INDEX(Jesper!$R$2:$R$366,ROW(INDEX(Jesper!AH$2:AH$366,ROUNDDOWN($C2406/24,0)+1,1))-1)+IF('Standard Profiles'!$G$18=$B$10,7,0)+IF('Standard Profiles'!$G$18=$B$17,14,0)+IF('Standard Profiles'!$G$18=$B$24,21,0),MOD($C2406,24)+1)/SUM(INDEX($D$3:$AA$30,INDEX(Jesper!$R$2:$R$366,ROW(INDEX(Jesper!AH$2:AH$366,ROUNDDOWN($C2406/24,0)+1,1))-1)+IF('Standard Profiles'!$G$18=$B$10,7,0)+IF('Standard Profiles'!$G$18=$B$17,14,0)+IF('Standard Profiles'!$G$18=$B$24,21,0),0)),0)</f>
        <v>11.619395664423035</v>
      </c>
      <c r="E2406" cm="1">
        <f t="array" ref="E2406">IFERROR(INDEX(Jesper!AI$2:AI$366,ROUNDDOWN($C2406/24,0)+1,1)*INDEX($D$3:$AA$30,INDEX(Jesper!$R$2:$R$366,ROW(INDEX(Jesper!AI$2:AI$366,ROUNDDOWN($C2406/24,0)+1,1))-1)+IF('Standard Profiles'!$G$19=$B$10,7,0)+IF('Standard Profiles'!$G$19=$B$17,14,0)+IF('Standard Profiles'!$G$19=$B$24,21,0),MOD($C2406,24)+1)/SUM(INDEX($D$3:$AA$30,INDEX(Jesper!$R$2:$R$366,ROW(INDEX(Jesper!AI$2:AI$366,ROUNDDOWN($C2406/24,0)+1,1))-1)+IF('Standard Profiles'!$G$19=$B$10,7,0)+IF('Standard Profiles'!$G$19=$B$17,14,0)+IF('Standard Profiles'!$G$19=$B$24,21,0),0)),0)</f>
        <v>0</v>
      </c>
      <c r="F2406" cm="1">
        <f t="array" ref="F2406">IFERROR(INDEX(Jesper!AJ$2:AJ$366,ROUNDDOWN($C2406/24,0)+1,1)*INDEX($D$3:$AA$30,INDEX(Jesper!$R$2:$R$366,ROW(INDEX(Jesper!AJ$2:AJ$366,ROUNDDOWN($C2406/24,0)+1,1))-1)+IF('Standard Profiles'!$G$20=$B$10,7,0)+IF('Standard Profiles'!$G$20=$B$17,14,0)+IF('Standard Profiles'!$G$20=$B$24,21,0),MOD($C2406,24)+1)/SUM(INDEX($D$3:$AA$30,INDEX(Jesper!$R$2:$R$366,ROW(INDEX(Jesper!AJ$2:AJ$366,ROUNDDOWN($C2406/24,0)+1,1))-1)+IF('Standard Profiles'!$G$20=$B$10,7,0)+IF('Standard Profiles'!$G$20=$B$17,14,0)+IF('Standard Profiles'!$G$20=$B$24,21,0),0)),0)</f>
        <v>0</v>
      </c>
      <c r="G2406" cm="1">
        <f t="array" ref="G2406">IFERROR(INDEX(Jesper!AK$2:AK$366,ROUNDDOWN($C2406/24,0)+1,1)*INDEX($D$3:$AA$30,INDEX(Jesper!$R$2:$R$366,ROW(INDEX(Jesper!AK$2:AK$366,ROUNDDOWN($C2406/24,0)+1,1))-1)+IF('Standard Profiles'!$G$21=$B$10,7,0)+IF('Standard Profiles'!$G$21=$B$17,14,0)+IF('Standard Profiles'!$G$21=$B$24,21,0),MOD($C2406,24)+1)/SUM(INDEX($D$3:$AA$30,INDEX(Jesper!$R$2:$R$366,ROW(INDEX(Jesper!AK$2:AK$366,ROUNDDOWN($C2406/24,0)+1,1))-1)+IF('Standard Profiles'!$G$21=$B$10,7,0)+IF('Standard Profiles'!$G$21=$B$17,14,0)+IF('Standard Profiles'!$G$21=$B$24,21,0),0)),0)</f>
        <v>0</v>
      </c>
      <c r="H2406" cm="1">
        <f t="array" ref="H2406">IFERROR(INDEX(Jesper!AL$2:AL$366,ROUNDDOWN($C2406/24,0)+1,1)*INDEX($D$3:$AA$30,INDEX(Jesper!$R$2:$R$366,ROW(INDEX(Jesper!AL$2:AL$366,ROUNDDOWN($C2406/24,0)+1,1))-1)+IF('Standard Profiles'!$G$22=$B$10,7,0)+IF('Standard Profiles'!$G$22=$B$17,14,0)+IF('Standard Profiles'!$G$22=$B$24,21,0),MOD($C2406,24)+1)/SUM(INDEX($D$3:$AA$30,INDEX(Jesper!$R$2:$R$366,ROW(INDEX(Jesper!AL$2:AL$366,ROUNDDOWN($C2406/24,0)+1,1))-1)+IF('Standard Profiles'!$G$22=$B$10,7,0)+IF('Standard Profiles'!$G$22=$B$17,14,0)+IF('Standard Profiles'!$G$22=$B$24,21,0),0)),0)</f>
        <v>0</v>
      </c>
      <c r="I2406">
        <f t="shared" si="279"/>
        <v>0.34858186993269102</v>
      </c>
      <c r="J2406">
        <f t="shared" si="280"/>
        <v>1.1619395664423036</v>
      </c>
      <c r="K2406">
        <f t="shared" si="281"/>
        <v>1.7429093496634551</v>
      </c>
      <c r="L2406">
        <f t="shared" si="282"/>
        <v>8.3659648783845846</v>
      </c>
      <c r="M2406">
        <f t="shared" si="283"/>
        <v>0</v>
      </c>
      <c r="N2406" s="46">
        <f t="shared" si="284"/>
        <v>45390.83333332758</v>
      </c>
    </row>
    <row r="2407" spans="2:14" x14ac:dyDescent="0.3">
      <c r="B2407">
        <f t="shared" si="278"/>
        <v>1</v>
      </c>
      <c r="C2407" s="16">
        <v>2373</v>
      </c>
      <c r="D2407" cm="1">
        <f t="array" ref="D2407">IFERROR(INDEX(Jesper!AH$2:AH$366,ROUNDDOWN($C2407/24,0)+1,1)*INDEX($D$3:$AA$30,INDEX(Jesper!$R$2:$R$366,ROW(INDEX(Jesper!AH$2:AH$366,ROUNDDOWN($C2407/24,0)+1,1))-1)+IF('Standard Profiles'!$G$18=$B$10,7,0)+IF('Standard Profiles'!$G$18=$B$17,14,0)+IF('Standard Profiles'!$G$18=$B$24,21,0),MOD($C2407,24)+1)/SUM(INDEX($D$3:$AA$30,INDEX(Jesper!$R$2:$R$366,ROW(INDEX(Jesper!AH$2:AH$366,ROUNDDOWN($C2407/24,0)+1,1))-1)+IF('Standard Profiles'!$G$18=$B$10,7,0)+IF('Standard Profiles'!$G$18=$B$17,14,0)+IF('Standard Profiles'!$G$18=$B$24,21,0),0)),0)</f>
        <v>8.4504695741258438</v>
      </c>
      <c r="E2407" cm="1">
        <f t="array" ref="E2407">IFERROR(INDEX(Jesper!AI$2:AI$366,ROUNDDOWN($C2407/24,0)+1,1)*INDEX($D$3:$AA$30,INDEX(Jesper!$R$2:$R$366,ROW(INDEX(Jesper!AI$2:AI$366,ROUNDDOWN($C2407/24,0)+1,1))-1)+IF('Standard Profiles'!$G$19=$B$10,7,0)+IF('Standard Profiles'!$G$19=$B$17,14,0)+IF('Standard Profiles'!$G$19=$B$24,21,0),MOD($C2407,24)+1)/SUM(INDEX($D$3:$AA$30,INDEX(Jesper!$R$2:$R$366,ROW(INDEX(Jesper!AI$2:AI$366,ROUNDDOWN($C2407/24,0)+1,1))-1)+IF('Standard Profiles'!$G$19=$B$10,7,0)+IF('Standard Profiles'!$G$19=$B$17,14,0)+IF('Standard Profiles'!$G$19=$B$24,21,0),0)),0)</f>
        <v>0</v>
      </c>
      <c r="F2407" cm="1">
        <f t="array" ref="F2407">IFERROR(INDEX(Jesper!AJ$2:AJ$366,ROUNDDOWN($C2407/24,0)+1,1)*INDEX($D$3:$AA$30,INDEX(Jesper!$R$2:$R$366,ROW(INDEX(Jesper!AJ$2:AJ$366,ROUNDDOWN($C2407/24,0)+1,1))-1)+IF('Standard Profiles'!$G$20=$B$10,7,0)+IF('Standard Profiles'!$G$20=$B$17,14,0)+IF('Standard Profiles'!$G$20=$B$24,21,0),MOD($C2407,24)+1)/SUM(INDEX($D$3:$AA$30,INDEX(Jesper!$R$2:$R$366,ROW(INDEX(Jesper!AJ$2:AJ$366,ROUNDDOWN($C2407/24,0)+1,1))-1)+IF('Standard Profiles'!$G$20=$B$10,7,0)+IF('Standard Profiles'!$G$20=$B$17,14,0)+IF('Standard Profiles'!$G$20=$B$24,21,0),0)),0)</f>
        <v>0</v>
      </c>
      <c r="G2407" cm="1">
        <f t="array" ref="G2407">IFERROR(INDEX(Jesper!AK$2:AK$366,ROUNDDOWN($C2407/24,0)+1,1)*INDEX($D$3:$AA$30,INDEX(Jesper!$R$2:$R$366,ROW(INDEX(Jesper!AK$2:AK$366,ROUNDDOWN($C2407/24,0)+1,1))-1)+IF('Standard Profiles'!$G$21=$B$10,7,0)+IF('Standard Profiles'!$G$21=$B$17,14,0)+IF('Standard Profiles'!$G$21=$B$24,21,0),MOD($C2407,24)+1)/SUM(INDEX($D$3:$AA$30,INDEX(Jesper!$R$2:$R$366,ROW(INDEX(Jesper!AK$2:AK$366,ROUNDDOWN($C2407/24,0)+1,1))-1)+IF('Standard Profiles'!$G$21=$B$10,7,0)+IF('Standard Profiles'!$G$21=$B$17,14,0)+IF('Standard Profiles'!$G$21=$B$24,21,0),0)),0)</f>
        <v>0</v>
      </c>
      <c r="H2407" cm="1">
        <f t="array" ref="H2407">IFERROR(INDEX(Jesper!AL$2:AL$366,ROUNDDOWN($C2407/24,0)+1,1)*INDEX($D$3:$AA$30,INDEX(Jesper!$R$2:$R$366,ROW(INDEX(Jesper!AL$2:AL$366,ROUNDDOWN($C2407/24,0)+1,1))-1)+IF('Standard Profiles'!$G$22=$B$10,7,0)+IF('Standard Profiles'!$G$22=$B$17,14,0)+IF('Standard Profiles'!$G$22=$B$24,21,0),MOD($C2407,24)+1)/SUM(INDEX($D$3:$AA$30,INDEX(Jesper!$R$2:$R$366,ROW(INDEX(Jesper!AL$2:AL$366,ROUNDDOWN($C2407/24,0)+1,1))-1)+IF('Standard Profiles'!$G$22=$B$10,7,0)+IF('Standard Profiles'!$G$22=$B$17,14,0)+IF('Standard Profiles'!$G$22=$B$24,21,0),0)),0)</f>
        <v>0</v>
      </c>
      <c r="I2407">
        <f t="shared" si="279"/>
        <v>0.25351408722377533</v>
      </c>
      <c r="J2407">
        <f t="shared" si="280"/>
        <v>0.8450469574125844</v>
      </c>
      <c r="K2407">
        <f t="shared" si="281"/>
        <v>1.2675704361188764</v>
      </c>
      <c r="L2407">
        <f t="shared" si="282"/>
        <v>6.084338093370607</v>
      </c>
      <c r="M2407">
        <f t="shared" si="283"/>
        <v>0</v>
      </c>
      <c r="N2407" s="46">
        <f t="shared" si="284"/>
        <v>45390.874999994245</v>
      </c>
    </row>
    <row r="2408" spans="2:14" x14ac:dyDescent="0.3">
      <c r="B2408">
        <f t="shared" si="278"/>
        <v>1</v>
      </c>
      <c r="C2408" s="16">
        <v>2374</v>
      </c>
      <c r="D2408" cm="1">
        <f t="array" ref="D2408">IFERROR(INDEX(Jesper!AH$2:AH$366,ROUNDDOWN($C2408/24,0)+1,1)*INDEX($D$3:$AA$30,INDEX(Jesper!$R$2:$R$366,ROW(INDEX(Jesper!AH$2:AH$366,ROUNDDOWN($C2408/24,0)+1,1))-1)+IF('Standard Profiles'!$G$18=$B$10,7,0)+IF('Standard Profiles'!$G$18=$B$17,14,0)+IF('Standard Profiles'!$G$18=$B$24,21,0),MOD($C2408,24)+1)/SUM(INDEX($D$3:$AA$30,INDEX(Jesper!$R$2:$R$366,ROW(INDEX(Jesper!AH$2:AH$366,ROUNDDOWN($C2408/24,0)+1,1))-1)+IF('Standard Profiles'!$G$18=$B$10,7,0)+IF('Standard Profiles'!$G$18=$B$17,14,0)+IF('Standard Profiles'!$G$18=$B$24,21,0),0)),0)</f>
        <v>8.0279460954195514</v>
      </c>
      <c r="E2408" cm="1">
        <f t="array" ref="E2408">IFERROR(INDEX(Jesper!AI$2:AI$366,ROUNDDOWN($C2408/24,0)+1,1)*INDEX($D$3:$AA$30,INDEX(Jesper!$R$2:$R$366,ROW(INDEX(Jesper!AI$2:AI$366,ROUNDDOWN($C2408/24,0)+1,1))-1)+IF('Standard Profiles'!$G$19=$B$10,7,0)+IF('Standard Profiles'!$G$19=$B$17,14,0)+IF('Standard Profiles'!$G$19=$B$24,21,0),MOD($C2408,24)+1)/SUM(INDEX($D$3:$AA$30,INDEX(Jesper!$R$2:$R$366,ROW(INDEX(Jesper!AI$2:AI$366,ROUNDDOWN($C2408/24,0)+1,1))-1)+IF('Standard Profiles'!$G$19=$B$10,7,0)+IF('Standard Profiles'!$G$19=$B$17,14,0)+IF('Standard Profiles'!$G$19=$B$24,21,0),0)),0)</f>
        <v>0</v>
      </c>
      <c r="F2408" cm="1">
        <f t="array" ref="F2408">IFERROR(INDEX(Jesper!AJ$2:AJ$366,ROUNDDOWN($C2408/24,0)+1,1)*INDEX($D$3:$AA$30,INDEX(Jesper!$R$2:$R$366,ROW(INDEX(Jesper!AJ$2:AJ$366,ROUNDDOWN($C2408/24,0)+1,1))-1)+IF('Standard Profiles'!$G$20=$B$10,7,0)+IF('Standard Profiles'!$G$20=$B$17,14,0)+IF('Standard Profiles'!$G$20=$B$24,21,0),MOD($C2408,24)+1)/SUM(INDEX($D$3:$AA$30,INDEX(Jesper!$R$2:$R$366,ROW(INDEX(Jesper!AJ$2:AJ$366,ROUNDDOWN($C2408/24,0)+1,1))-1)+IF('Standard Profiles'!$G$20=$B$10,7,0)+IF('Standard Profiles'!$G$20=$B$17,14,0)+IF('Standard Profiles'!$G$20=$B$24,21,0),0)),0)</f>
        <v>0</v>
      </c>
      <c r="G2408" cm="1">
        <f t="array" ref="G2408">IFERROR(INDEX(Jesper!AK$2:AK$366,ROUNDDOWN($C2408/24,0)+1,1)*INDEX($D$3:$AA$30,INDEX(Jesper!$R$2:$R$366,ROW(INDEX(Jesper!AK$2:AK$366,ROUNDDOWN($C2408/24,0)+1,1))-1)+IF('Standard Profiles'!$G$21=$B$10,7,0)+IF('Standard Profiles'!$G$21=$B$17,14,0)+IF('Standard Profiles'!$G$21=$B$24,21,0),MOD($C2408,24)+1)/SUM(INDEX($D$3:$AA$30,INDEX(Jesper!$R$2:$R$366,ROW(INDEX(Jesper!AK$2:AK$366,ROUNDDOWN($C2408/24,0)+1,1))-1)+IF('Standard Profiles'!$G$21=$B$10,7,0)+IF('Standard Profiles'!$G$21=$B$17,14,0)+IF('Standard Profiles'!$G$21=$B$24,21,0),0)),0)</f>
        <v>0</v>
      </c>
      <c r="H2408" cm="1">
        <f t="array" ref="H2408">IFERROR(INDEX(Jesper!AL$2:AL$366,ROUNDDOWN($C2408/24,0)+1,1)*INDEX($D$3:$AA$30,INDEX(Jesper!$R$2:$R$366,ROW(INDEX(Jesper!AL$2:AL$366,ROUNDDOWN($C2408/24,0)+1,1))-1)+IF('Standard Profiles'!$G$22=$B$10,7,0)+IF('Standard Profiles'!$G$22=$B$17,14,0)+IF('Standard Profiles'!$G$22=$B$24,21,0),MOD($C2408,24)+1)/SUM(INDEX($D$3:$AA$30,INDEX(Jesper!$R$2:$R$366,ROW(INDEX(Jesper!AL$2:AL$366,ROUNDDOWN($C2408/24,0)+1,1))-1)+IF('Standard Profiles'!$G$22=$B$10,7,0)+IF('Standard Profiles'!$G$22=$B$17,14,0)+IF('Standard Profiles'!$G$22=$B$24,21,0),0)),0)</f>
        <v>0</v>
      </c>
      <c r="I2408">
        <f t="shared" si="279"/>
        <v>0.24083838286258652</v>
      </c>
      <c r="J2408">
        <f t="shared" si="280"/>
        <v>0.80279460954195514</v>
      </c>
      <c r="K2408">
        <f t="shared" si="281"/>
        <v>1.2041919143129327</v>
      </c>
      <c r="L2408">
        <f t="shared" si="282"/>
        <v>5.7801211887020765</v>
      </c>
      <c r="M2408">
        <f t="shared" si="283"/>
        <v>0</v>
      </c>
      <c r="N2408" s="46">
        <f t="shared" si="284"/>
        <v>45390.916666660909</v>
      </c>
    </row>
    <row r="2409" spans="2:14" x14ac:dyDescent="0.3">
      <c r="B2409">
        <f t="shared" si="278"/>
        <v>1</v>
      </c>
      <c r="C2409" s="16">
        <v>2375</v>
      </c>
      <c r="D2409" cm="1">
        <f t="array" ref="D2409">IFERROR(INDEX(Jesper!AH$2:AH$366,ROUNDDOWN($C2409/24,0)+1,1)*INDEX($D$3:$AA$30,INDEX(Jesper!$R$2:$R$366,ROW(INDEX(Jesper!AH$2:AH$366,ROUNDDOWN($C2409/24,0)+1,1))-1)+IF('Standard Profiles'!$G$18=$B$10,7,0)+IF('Standard Profiles'!$G$18=$B$17,14,0)+IF('Standard Profiles'!$G$18=$B$24,21,0),MOD($C2409,24)+1)/SUM(INDEX($D$3:$AA$30,INDEX(Jesper!$R$2:$R$366,ROW(INDEX(Jesper!AH$2:AH$366,ROUNDDOWN($C2409/24,0)+1,1))-1)+IF('Standard Profiles'!$G$18=$B$10,7,0)+IF('Standard Profiles'!$G$18=$B$17,14,0)+IF('Standard Profiles'!$G$18=$B$24,21,0),0)),0)</f>
        <v>8.0279460954195514</v>
      </c>
      <c r="E2409" cm="1">
        <f t="array" ref="E2409">IFERROR(INDEX(Jesper!AI$2:AI$366,ROUNDDOWN($C2409/24,0)+1,1)*INDEX($D$3:$AA$30,INDEX(Jesper!$R$2:$R$366,ROW(INDEX(Jesper!AI$2:AI$366,ROUNDDOWN($C2409/24,0)+1,1))-1)+IF('Standard Profiles'!$G$19=$B$10,7,0)+IF('Standard Profiles'!$G$19=$B$17,14,0)+IF('Standard Profiles'!$G$19=$B$24,21,0),MOD($C2409,24)+1)/SUM(INDEX($D$3:$AA$30,INDEX(Jesper!$R$2:$R$366,ROW(INDEX(Jesper!AI$2:AI$366,ROUNDDOWN($C2409/24,0)+1,1))-1)+IF('Standard Profiles'!$G$19=$B$10,7,0)+IF('Standard Profiles'!$G$19=$B$17,14,0)+IF('Standard Profiles'!$G$19=$B$24,21,0),0)),0)</f>
        <v>0</v>
      </c>
      <c r="F2409" cm="1">
        <f t="array" ref="F2409">IFERROR(INDEX(Jesper!AJ$2:AJ$366,ROUNDDOWN($C2409/24,0)+1,1)*INDEX($D$3:$AA$30,INDEX(Jesper!$R$2:$R$366,ROW(INDEX(Jesper!AJ$2:AJ$366,ROUNDDOWN($C2409/24,0)+1,1))-1)+IF('Standard Profiles'!$G$20=$B$10,7,0)+IF('Standard Profiles'!$G$20=$B$17,14,0)+IF('Standard Profiles'!$G$20=$B$24,21,0),MOD($C2409,24)+1)/SUM(INDEX($D$3:$AA$30,INDEX(Jesper!$R$2:$R$366,ROW(INDEX(Jesper!AJ$2:AJ$366,ROUNDDOWN($C2409/24,0)+1,1))-1)+IF('Standard Profiles'!$G$20=$B$10,7,0)+IF('Standard Profiles'!$G$20=$B$17,14,0)+IF('Standard Profiles'!$G$20=$B$24,21,0),0)),0)</f>
        <v>0</v>
      </c>
      <c r="G2409" cm="1">
        <f t="array" ref="G2409">IFERROR(INDEX(Jesper!AK$2:AK$366,ROUNDDOWN($C2409/24,0)+1,1)*INDEX($D$3:$AA$30,INDEX(Jesper!$R$2:$R$366,ROW(INDEX(Jesper!AK$2:AK$366,ROUNDDOWN($C2409/24,0)+1,1))-1)+IF('Standard Profiles'!$G$21=$B$10,7,0)+IF('Standard Profiles'!$G$21=$B$17,14,0)+IF('Standard Profiles'!$G$21=$B$24,21,0),MOD($C2409,24)+1)/SUM(INDEX($D$3:$AA$30,INDEX(Jesper!$R$2:$R$366,ROW(INDEX(Jesper!AK$2:AK$366,ROUNDDOWN($C2409/24,0)+1,1))-1)+IF('Standard Profiles'!$G$21=$B$10,7,0)+IF('Standard Profiles'!$G$21=$B$17,14,0)+IF('Standard Profiles'!$G$21=$B$24,21,0),0)),0)</f>
        <v>0</v>
      </c>
      <c r="H2409" cm="1">
        <f t="array" ref="H2409">IFERROR(INDEX(Jesper!AL$2:AL$366,ROUNDDOWN($C2409/24,0)+1,1)*INDEX($D$3:$AA$30,INDEX(Jesper!$R$2:$R$366,ROW(INDEX(Jesper!AL$2:AL$366,ROUNDDOWN($C2409/24,0)+1,1))-1)+IF('Standard Profiles'!$G$22=$B$10,7,0)+IF('Standard Profiles'!$G$22=$B$17,14,0)+IF('Standard Profiles'!$G$22=$B$24,21,0),MOD($C2409,24)+1)/SUM(INDEX($D$3:$AA$30,INDEX(Jesper!$R$2:$R$366,ROW(INDEX(Jesper!AL$2:AL$366,ROUNDDOWN($C2409/24,0)+1,1))-1)+IF('Standard Profiles'!$G$22=$B$10,7,0)+IF('Standard Profiles'!$G$22=$B$17,14,0)+IF('Standard Profiles'!$G$22=$B$24,21,0),0)),0)</f>
        <v>0</v>
      </c>
      <c r="I2409">
        <f t="shared" si="279"/>
        <v>0.24083838286258652</v>
      </c>
      <c r="J2409">
        <f t="shared" si="280"/>
        <v>0.80279460954195514</v>
      </c>
      <c r="K2409">
        <f t="shared" si="281"/>
        <v>1.2041919143129327</v>
      </c>
      <c r="L2409">
        <f t="shared" si="282"/>
        <v>5.7801211887020765</v>
      </c>
      <c r="M2409">
        <f t="shared" si="283"/>
        <v>0</v>
      </c>
      <c r="N2409" s="46">
        <f t="shared" si="284"/>
        <v>45390.958333327573</v>
      </c>
    </row>
    <row r="2410" spans="2:14" x14ac:dyDescent="0.3">
      <c r="B2410">
        <f t="shared" si="278"/>
        <v>2</v>
      </c>
      <c r="C2410" s="16">
        <v>2376</v>
      </c>
      <c r="D2410" cm="1">
        <f t="array" ref="D2410">IFERROR(INDEX(Jesper!AH$2:AH$366,ROUNDDOWN($C2410/24,0)+1,1)*INDEX($D$3:$AA$30,INDEX(Jesper!$R$2:$R$366,ROW(INDEX(Jesper!AH$2:AH$366,ROUNDDOWN($C2410/24,0)+1,1))-1)+IF('Standard Profiles'!$G$18=$B$10,7,0)+IF('Standard Profiles'!$G$18=$B$17,14,0)+IF('Standard Profiles'!$G$18=$B$24,21,0),MOD($C2410,24)+1)/SUM(INDEX($D$3:$AA$30,INDEX(Jesper!$R$2:$R$366,ROW(INDEX(Jesper!AH$2:AH$366,ROUNDDOWN($C2410/24,0)+1,1))-1)+IF('Standard Profiles'!$G$18=$B$10,7,0)+IF('Standard Profiles'!$G$18=$B$17,14,0)+IF('Standard Profiles'!$G$18=$B$24,21,0),0)),0)</f>
        <v>7.3006443240668313</v>
      </c>
      <c r="E2410" cm="1">
        <f t="array" ref="E2410">IFERROR(INDEX(Jesper!AI$2:AI$366,ROUNDDOWN($C2410/24,0)+1,1)*INDEX($D$3:$AA$30,INDEX(Jesper!$R$2:$R$366,ROW(INDEX(Jesper!AI$2:AI$366,ROUNDDOWN($C2410/24,0)+1,1))-1)+IF('Standard Profiles'!$G$19=$B$10,7,0)+IF('Standard Profiles'!$G$19=$B$17,14,0)+IF('Standard Profiles'!$G$19=$B$24,21,0),MOD($C2410,24)+1)/SUM(INDEX($D$3:$AA$30,INDEX(Jesper!$R$2:$R$366,ROW(INDEX(Jesper!AI$2:AI$366,ROUNDDOWN($C2410/24,0)+1,1))-1)+IF('Standard Profiles'!$G$19=$B$10,7,0)+IF('Standard Profiles'!$G$19=$B$17,14,0)+IF('Standard Profiles'!$G$19=$B$24,21,0),0)),0)</f>
        <v>0</v>
      </c>
      <c r="F2410" cm="1">
        <f t="array" ref="F2410">IFERROR(INDEX(Jesper!AJ$2:AJ$366,ROUNDDOWN($C2410/24,0)+1,1)*INDEX($D$3:$AA$30,INDEX(Jesper!$R$2:$R$366,ROW(INDEX(Jesper!AJ$2:AJ$366,ROUNDDOWN($C2410/24,0)+1,1))-1)+IF('Standard Profiles'!$G$20=$B$10,7,0)+IF('Standard Profiles'!$G$20=$B$17,14,0)+IF('Standard Profiles'!$G$20=$B$24,21,0),MOD($C2410,24)+1)/SUM(INDEX($D$3:$AA$30,INDEX(Jesper!$R$2:$R$366,ROW(INDEX(Jesper!AJ$2:AJ$366,ROUNDDOWN($C2410/24,0)+1,1))-1)+IF('Standard Profiles'!$G$20=$B$10,7,0)+IF('Standard Profiles'!$G$20=$B$17,14,0)+IF('Standard Profiles'!$G$20=$B$24,21,0),0)),0)</f>
        <v>0</v>
      </c>
      <c r="G2410" cm="1">
        <f t="array" ref="G2410">IFERROR(INDEX(Jesper!AK$2:AK$366,ROUNDDOWN($C2410/24,0)+1,1)*INDEX($D$3:$AA$30,INDEX(Jesper!$R$2:$R$366,ROW(INDEX(Jesper!AK$2:AK$366,ROUNDDOWN($C2410/24,0)+1,1))-1)+IF('Standard Profiles'!$G$21=$B$10,7,0)+IF('Standard Profiles'!$G$21=$B$17,14,0)+IF('Standard Profiles'!$G$21=$B$24,21,0),MOD($C2410,24)+1)/SUM(INDEX($D$3:$AA$30,INDEX(Jesper!$R$2:$R$366,ROW(INDEX(Jesper!AK$2:AK$366,ROUNDDOWN($C2410/24,0)+1,1))-1)+IF('Standard Profiles'!$G$21=$B$10,7,0)+IF('Standard Profiles'!$G$21=$B$17,14,0)+IF('Standard Profiles'!$G$21=$B$24,21,0),0)),0)</f>
        <v>0</v>
      </c>
      <c r="H2410" cm="1">
        <f t="array" ref="H2410">IFERROR(INDEX(Jesper!AL$2:AL$366,ROUNDDOWN($C2410/24,0)+1,1)*INDEX($D$3:$AA$30,INDEX(Jesper!$R$2:$R$366,ROW(INDEX(Jesper!AL$2:AL$366,ROUNDDOWN($C2410/24,0)+1,1))-1)+IF('Standard Profiles'!$G$22=$B$10,7,0)+IF('Standard Profiles'!$G$22=$B$17,14,0)+IF('Standard Profiles'!$G$22=$B$24,21,0),MOD($C2410,24)+1)/SUM(INDEX($D$3:$AA$30,INDEX(Jesper!$R$2:$R$366,ROW(INDEX(Jesper!AL$2:AL$366,ROUNDDOWN($C2410/24,0)+1,1))-1)+IF('Standard Profiles'!$G$22=$B$10,7,0)+IF('Standard Profiles'!$G$22=$B$17,14,0)+IF('Standard Profiles'!$G$22=$B$24,21,0),0)),0)</f>
        <v>0</v>
      </c>
      <c r="I2410">
        <f t="shared" si="279"/>
        <v>0.21901932972200494</v>
      </c>
      <c r="J2410">
        <f t="shared" si="280"/>
        <v>0.73006443240668317</v>
      </c>
      <c r="K2410">
        <f t="shared" si="281"/>
        <v>1.0950966486100246</v>
      </c>
      <c r="L2410">
        <f t="shared" si="282"/>
        <v>5.2564639133281181</v>
      </c>
      <c r="M2410">
        <f t="shared" si="283"/>
        <v>0</v>
      </c>
      <c r="N2410" s="46">
        <f t="shared" si="284"/>
        <v>45390.999999994237</v>
      </c>
    </row>
    <row r="2411" spans="2:14" x14ac:dyDescent="0.3">
      <c r="B2411">
        <f t="shared" si="278"/>
        <v>2</v>
      </c>
      <c r="C2411" s="16">
        <v>2377</v>
      </c>
      <c r="D2411" cm="1">
        <f t="array" ref="D2411">IFERROR(INDEX(Jesper!AH$2:AH$366,ROUNDDOWN($C2411/24,0)+1,1)*INDEX($D$3:$AA$30,INDEX(Jesper!$R$2:$R$366,ROW(INDEX(Jesper!AH$2:AH$366,ROUNDDOWN($C2411/24,0)+1,1))-1)+IF('Standard Profiles'!$G$18=$B$10,7,0)+IF('Standard Profiles'!$G$18=$B$17,14,0)+IF('Standard Profiles'!$G$18=$B$24,21,0),MOD($C2411,24)+1)/SUM(INDEX($D$3:$AA$30,INDEX(Jesper!$R$2:$R$366,ROW(INDEX(Jesper!AH$2:AH$366,ROUNDDOWN($C2411/24,0)+1,1))-1)+IF('Standard Profiles'!$G$18=$B$10,7,0)+IF('Standard Profiles'!$G$18=$B$17,14,0)+IF('Standard Profiles'!$G$18=$B$24,21,0),0)),0)</f>
        <v>7.3006443240668313</v>
      </c>
      <c r="E2411" cm="1">
        <f t="array" ref="E2411">IFERROR(INDEX(Jesper!AI$2:AI$366,ROUNDDOWN($C2411/24,0)+1,1)*INDEX($D$3:$AA$30,INDEX(Jesper!$R$2:$R$366,ROW(INDEX(Jesper!AI$2:AI$366,ROUNDDOWN($C2411/24,0)+1,1))-1)+IF('Standard Profiles'!$G$19=$B$10,7,0)+IF('Standard Profiles'!$G$19=$B$17,14,0)+IF('Standard Profiles'!$G$19=$B$24,21,0),MOD($C2411,24)+1)/SUM(INDEX($D$3:$AA$30,INDEX(Jesper!$R$2:$R$366,ROW(INDEX(Jesper!AI$2:AI$366,ROUNDDOWN($C2411/24,0)+1,1))-1)+IF('Standard Profiles'!$G$19=$B$10,7,0)+IF('Standard Profiles'!$G$19=$B$17,14,0)+IF('Standard Profiles'!$G$19=$B$24,21,0),0)),0)</f>
        <v>0</v>
      </c>
      <c r="F2411" cm="1">
        <f t="array" ref="F2411">IFERROR(INDEX(Jesper!AJ$2:AJ$366,ROUNDDOWN($C2411/24,0)+1,1)*INDEX($D$3:$AA$30,INDEX(Jesper!$R$2:$R$366,ROW(INDEX(Jesper!AJ$2:AJ$366,ROUNDDOWN($C2411/24,0)+1,1))-1)+IF('Standard Profiles'!$G$20=$B$10,7,0)+IF('Standard Profiles'!$G$20=$B$17,14,0)+IF('Standard Profiles'!$G$20=$B$24,21,0),MOD($C2411,24)+1)/SUM(INDEX($D$3:$AA$30,INDEX(Jesper!$R$2:$R$366,ROW(INDEX(Jesper!AJ$2:AJ$366,ROUNDDOWN($C2411/24,0)+1,1))-1)+IF('Standard Profiles'!$G$20=$B$10,7,0)+IF('Standard Profiles'!$G$20=$B$17,14,0)+IF('Standard Profiles'!$G$20=$B$24,21,0),0)),0)</f>
        <v>0</v>
      </c>
      <c r="G2411" cm="1">
        <f t="array" ref="G2411">IFERROR(INDEX(Jesper!AK$2:AK$366,ROUNDDOWN($C2411/24,0)+1,1)*INDEX($D$3:$AA$30,INDEX(Jesper!$R$2:$R$366,ROW(INDEX(Jesper!AK$2:AK$366,ROUNDDOWN($C2411/24,0)+1,1))-1)+IF('Standard Profiles'!$G$21=$B$10,7,0)+IF('Standard Profiles'!$G$21=$B$17,14,0)+IF('Standard Profiles'!$G$21=$B$24,21,0),MOD($C2411,24)+1)/SUM(INDEX($D$3:$AA$30,INDEX(Jesper!$R$2:$R$366,ROW(INDEX(Jesper!AK$2:AK$366,ROUNDDOWN($C2411/24,0)+1,1))-1)+IF('Standard Profiles'!$G$21=$B$10,7,0)+IF('Standard Profiles'!$G$21=$B$17,14,0)+IF('Standard Profiles'!$G$21=$B$24,21,0),0)),0)</f>
        <v>0</v>
      </c>
      <c r="H2411" cm="1">
        <f t="array" ref="H2411">IFERROR(INDEX(Jesper!AL$2:AL$366,ROUNDDOWN($C2411/24,0)+1,1)*INDEX($D$3:$AA$30,INDEX(Jesper!$R$2:$R$366,ROW(INDEX(Jesper!AL$2:AL$366,ROUNDDOWN($C2411/24,0)+1,1))-1)+IF('Standard Profiles'!$G$22=$B$10,7,0)+IF('Standard Profiles'!$G$22=$B$17,14,0)+IF('Standard Profiles'!$G$22=$B$24,21,0),MOD($C2411,24)+1)/SUM(INDEX($D$3:$AA$30,INDEX(Jesper!$R$2:$R$366,ROW(INDEX(Jesper!AL$2:AL$366,ROUNDDOWN($C2411/24,0)+1,1))-1)+IF('Standard Profiles'!$G$22=$B$10,7,0)+IF('Standard Profiles'!$G$22=$B$17,14,0)+IF('Standard Profiles'!$G$22=$B$24,21,0),0)),0)</f>
        <v>0</v>
      </c>
      <c r="I2411">
        <f t="shared" si="279"/>
        <v>0.21901932972200494</v>
      </c>
      <c r="J2411">
        <f t="shared" si="280"/>
        <v>0.73006443240668317</v>
      </c>
      <c r="K2411">
        <f t="shared" si="281"/>
        <v>1.0950966486100246</v>
      </c>
      <c r="L2411">
        <f t="shared" si="282"/>
        <v>5.2564639133281181</v>
      </c>
      <c r="M2411">
        <f t="shared" si="283"/>
        <v>0</v>
      </c>
      <c r="N2411" s="46">
        <f t="shared" si="284"/>
        <v>45391.041666660902</v>
      </c>
    </row>
    <row r="2412" spans="2:14" x14ac:dyDescent="0.3">
      <c r="B2412">
        <f t="shared" si="278"/>
        <v>2</v>
      </c>
      <c r="C2412" s="16">
        <v>2378</v>
      </c>
      <c r="D2412" cm="1">
        <f t="array" ref="D2412">IFERROR(INDEX(Jesper!AH$2:AH$366,ROUNDDOWN($C2412/24,0)+1,1)*INDEX($D$3:$AA$30,INDEX(Jesper!$R$2:$R$366,ROW(INDEX(Jesper!AH$2:AH$366,ROUNDDOWN($C2412/24,0)+1,1))-1)+IF('Standard Profiles'!$G$18=$B$10,7,0)+IF('Standard Profiles'!$G$18=$B$17,14,0)+IF('Standard Profiles'!$G$18=$B$24,21,0),MOD($C2412,24)+1)/SUM(INDEX($D$3:$AA$30,INDEX(Jesper!$R$2:$R$366,ROW(INDEX(Jesper!AH$2:AH$366,ROUNDDOWN($C2412/24,0)+1,1))-1)+IF('Standard Profiles'!$G$18=$B$10,7,0)+IF('Standard Profiles'!$G$18=$B$17,14,0)+IF('Standard Profiles'!$G$18=$B$24,21,0),0)),0)</f>
        <v>7.3006443240668313</v>
      </c>
      <c r="E2412" cm="1">
        <f t="array" ref="E2412">IFERROR(INDEX(Jesper!AI$2:AI$366,ROUNDDOWN($C2412/24,0)+1,1)*INDEX($D$3:$AA$30,INDEX(Jesper!$R$2:$R$366,ROW(INDEX(Jesper!AI$2:AI$366,ROUNDDOWN($C2412/24,0)+1,1))-1)+IF('Standard Profiles'!$G$19=$B$10,7,0)+IF('Standard Profiles'!$G$19=$B$17,14,0)+IF('Standard Profiles'!$G$19=$B$24,21,0),MOD($C2412,24)+1)/SUM(INDEX($D$3:$AA$30,INDEX(Jesper!$R$2:$R$366,ROW(INDEX(Jesper!AI$2:AI$366,ROUNDDOWN($C2412/24,0)+1,1))-1)+IF('Standard Profiles'!$G$19=$B$10,7,0)+IF('Standard Profiles'!$G$19=$B$17,14,0)+IF('Standard Profiles'!$G$19=$B$24,21,0),0)),0)</f>
        <v>0</v>
      </c>
      <c r="F2412" cm="1">
        <f t="array" ref="F2412">IFERROR(INDEX(Jesper!AJ$2:AJ$366,ROUNDDOWN($C2412/24,0)+1,1)*INDEX($D$3:$AA$30,INDEX(Jesper!$R$2:$R$366,ROW(INDEX(Jesper!AJ$2:AJ$366,ROUNDDOWN($C2412/24,0)+1,1))-1)+IF('Standard Profiles'!$G$20=$B$10,7,0)+IF('Standard Profiles'!$G$20=$B$17,14,0)+IF('Standard Profiles'!$G$20=$B$24,21,0),MOD($C2412,24)+1)/SUM(INDEX($D$3:$AA$30,INDEX(Jesper!$R$2:$R$366,ROW(INDEX(Jesper!AJ$2:AJ$366,ROUNDDOWN($C2412/24,0)+1,1))-1)+IF('Standard Profiles'!$G$20=$B$10,7,0)+IF('Standard Profiles'!$G$20=$B$17,14,0)+IF('Standard Profiles'!$G$20=$B$24,21,0),0)),0)</f>
        <v>0</v>
      </c>
      <c r="G2412" cm="1">
        <f t="array" ref="G2412">IFERROR(INDEX(Jesper!AK$2:AK$366,ROUNDDOWN($C2412/24,0)+1,1)*INDEX($D$3:$AA$30,INDEX(Jesper!$R$2:$R$366,ROW(INDEX(Jesper!AK$2:AK$366,ROUNDDOWN($C2412/24,0)+1,1))-1)+IF('Standard Profiles'!$G$21=$B$10,7,0)+IF('Standard Profiles'!$G$21=$B$17,14,0)+IF('Standard Profiles'!$G$21=$B$24,21,0),MOD($C2412,24)+1)/SUM(INDEX($D$3:$AA$30,INDEX(Jesper!$R$2:$R$366,ROW(INDEX(Jesper!AK$2:AK$366,ROUNDDOWN($C2412/24,0)+1,1))-1)+IF('Standard Profiles'!$G$21=$B$10,7,0)+IF('Standard Profiles'!$G$21=$B$17,14,0)+IF('Standard Profiles'!$G$21=$B$24,21,0),0)),0)</f>
        <v>0</v>
      </c>
      <c r="H2412" cm="1">
        <f t="array" ref="H2412">IFERROR(INDEX(Jesper!AL$2:AL$366,ROUNDDOWN($C2412/24,0)+1,1)*INDEX($D$3:$AA$30,INDEX(Jesper!$R$2:$R$366,ROW(INDEX(Jesper!AL$2:AL$366,ROUNDDOWN($C2412/24,0)+1,1))-1)+IF('Standard Profiles'!$G$22=$B$10,7,0)+IF('Standard Profiles'!$G$22=$B$17,14,0)+IF('Standard Profiles'!$G$22=$B$24,21,0),MOD($C2412,24)+1)/SUM(INDEX($D$3:$AA$30,INDEX(Jesper!$R$2:$R$366,ROW(INDEX(Jesper!AL$2:AL$366,ROUNDDOWN($C2412/24,0)+1,1))-1)+IF('Standard Profiles'!$G$22=$B$10,7,0)+IF('Standard Profiles'!$G$22=$B$17,14,0)+IF('Standard Profiles'!$G$22=$B$24,21,0),0)),0)</f>
        <v>0</v>
      </c>
      <c r="I2412">
        <f t="shared" si="279"/>
        <v>0.21901932972200494</v>
      </c>
      <c r="J2412">
        <f t="shared" si="280"/>
        <v>0.73006443240668317</v>
      </c>
      <c r="K2412">
        <f t="shared" si="281"/>
        <v>1.0950966486100246</v>
      </c>
      <c r="L2412">
        <f t="shared" si="282"/>
        <v>5.2564639133281181</v>
      </c>
      <c r="M2412">
        <f t="shared" si="283"/>
        <v>0</v>
      </c>
      <c r="N2412" s="46">
        <f t="shared" si="284"/>
        <v>45391.083333327566</v>
      </c>
    </row>
    <row r="2413" spans="2:14" x14ac:dyDescent="0.3">
      <c r="B2413">
        <f t="shared" si="278"/>
        <v>2</v>
      </c>
      <c r="C2413" s="16">
        <v>2379</v>
      </c>
      <c r="D2413" cm="1">
        <f t="array" ref="D2413">IFERROR(INDEX(Jesper!AH$2:AH$366,ROUNDDOWN($C2413/24,0)+1,1)*INDEX($D$3:$AA$30,INDEX(Jesper!$R$2:$R$366,ROW(INDEX(Jesper!AH$2:AH$366,ROUNDDOWN($C2413/24,0)+1,1))-1)+IF('Standard Profiles'!$G$18=$B$10,7,0)+IF('Standard Profiles'!$G$18=$B$17,14,0)+IF('Standard Profiles'!$G$18=$B$24,21,0),MOD($C2413,24)+1)/SUM(INDEX($D$3:$AA$30,INDEX(Jesper!$R$2:$R$366,ROW(INDEX(Jesper!AH$2:AH$366,ROUNDDOWN($C2413/24,0)+1,1))-1)+IF('Standard Profiles'!$G$18=$B$10,7,0)+IF('Standard Profiles'!$G$18=$B$17,14,0)+IF('Standard Profiles'!$G$18=$B$24,21,0),0)),0)</f>
        <v>7.3006443240668313</v>
      </c>
      <c r="E2413" cm="1">
        <f t="array" ref="E2413">IFERROR(INDEX(Jesper!AI$2:AI$366,ROUNDDOWN($C2413/24,0)+1,1)*INDEX($D$3:$AA$30,INDEX(Jesper!$R$2:$R$366,ROW(INDEX(Jesper!AI$2:AI$366,ROUNDDOWN($C2413/24,0)+1,1))-1)+IF('Standard Profiles'!$G$19=$B$10,7,0)+IF('Standard Profiles'!$G$19=$B$17,14,0)+IF('Standard Profiles'!$G$19=$B$24,21,0),MOD($C2413,24)+1)/SUM(INDEX($D$3:$AA$30,INDEX(Jesper!$R$2:$R$366,ROW(INDEX(Jesper!AI$2:AI$366,ROUNDDOWN($C2413/24,0)+1,1))-1)+IF('Standard Profiles'!$G$19=$B$10,7,0)+IF('Standard Profiles'!$G$19=$B$17,14,0)+IF('Standard Profiles'!$G$19=$B$24,21,0),0)),0)</f>
        <v>0</v>
      </c>
      <c r="F2413" cm="1">
        <f t="array" ref="F2413">IFERROR(INDEX(Jesper!AJ$2:AJ$366,ROUNDDOWN($C2413/24,0)+1,1)*INDEX($D$3:$AA$30,INDEX(Jesper!$R$2:$R$366,ROW(INDEX(Jesper!AJ$2:AJ$366,ROUNDDOWN($C2413/24,0)+1,1))-1)+IF('Standard Profiles'!$G$20=$B$10,7,0)+IF('Standard Profiles'!$G$20=$B$17,14,0)+IF('Standard Profiles'!$G$20=$B$24,21,0),MOD($C2413,24)+1)/SUM(INDEX($D$3:$AA$30,INDEX(Jesper!$R$2:$R$366,ROW(INDEX(Jesper!AJ$2:AJ$366,ROUNDDOWN($C2413/24,0)+1,1))-1)+IF('Standard Profiles'!$G$20=$B$10,7,0)+IF('Standard Profiles'!$G$20=$B$17,14,0)+IF('Standard Profiles'!$G$20=$B$24,21,0),0)),0)</f>
        <v>0</v>
      </c>
      <c r="G2413" cm="1">
        <f t="array" ref="G2413">IFERROR(INDEX(Jesper!AK$2:AK$366,ROUNDDOWN($C2413/24,0)+1,1)*INDEX($D$3:$AA$30,INDEX(Jesper!$R$2:$R$366,ROW(INDEX(Jesper!AK$2:AK$366,ROUNDDOWN($C2413/24,0)+1,1))-1)+IF('Standard Profiles'!$G$21=$B$10,7,0)+IF('Standard Profiles'!$G$21=$B$17,14,0)+IF('Standard Profiles'!$G$21=$B$24,21,0),MOD($C2413,24)+1)/SUM(INDEX($D$3:$AA$30,INDEX(Jesper!$R$2:$R$366,ROW(INDEX(Jesper!AK$2:AK$366,ROUNDDOWN($C2413/24,0)+1,1))-1)+IF('Standard Profiles'!$G$21=$B$10,7,0)+IF('Standard Profiles'!$G$21=$B$17,14,0)+IF('Standard Profiles'!$G$21=$B$24,21,0),0)),0)</f>
        <v>0</v>
      </c>
      <c r="H2413" cm="1">
        <f t="array" ref="H2413">IFERROR(INDEX(Jesper!AL$2:AL$366,ROUNDDOWN($C2413/24,0)+1,1)*INDEX($D$3:$AA$30,INDEX(Jesper!$R$2:$R$366,ROW(INDEX(Jesper!AL$2:AL$366,ROUNDDOWN($C2413/24,0)+1,1))-1)+IF('Standard Profiles'!$G$22=$B$10,7,0)+IF('Standard Profiles'!$G$22=$B$17,14,0)+IF('Standard Profiles'!$G$22=$B$24,21,0),MOD($C2413,24)+1)/SUM(INDEX($D$3:$AA$30,INDEX(Jesper!$R$2:$R$366,ROW(INDEX(Jesper!AL$2:AL$366,ROUNDDOWN($C2413/24,0)+1,1))-1)+IF('Standard Profiles'!$G$22=$B$10,7,0)+IF('Standard Profiles'!$G$22=$B$17,14,0)+IF('Standard Profiles'!$G$22=$B$24,21,0),0)),0)</f>
        <v>0</v>
      </c>
      <c r="I2413">
        <f t="shared" si="279"/>
        <v>0.21901932972200494</v>
      </c>
      <c r="J2413">
        <f t="shared" si="280"/>
        <v>0.73006443240668317</v>
      </c>
      <c r="K2413">
        <f t="shared" si="281"/>
        <v>1.0950966486100246</v>
      </c>
      <c r="L2413">
        <f t="shared" si="282"/>
        <v>5.2564639133281181</v>
      </c>
      <c r="M2413">
        <f t="shared" si="283"/>
        <v>0</v>
      </c>
      <c r="N2413" s="46">
        <f t="shared" si="284"/>
        <v>45391.12499999423</v>
      </c>
    </row>
    <row r="2414" spans="2:14" x14ac:dyDescent="0.3">
      <c r="B2414">
        <f t="shared" si="278"/>
        <v>2</v>
      </c>
      <c r="C2414" s="16">
        <v>2380</v>
      </c>
      <c r="D2414" cm="1">
        <f t="array" ref="D2414">IFERROR(INDEX(Jesper!AH$2:AH$366,ROUNDDOWN($C2414/24,0)+1,1)*INDEX($D$3:$AA$30,INDEX(Jesper!$R$2:$R$366,ROW(INDEX(Jesper!AH$2:AH$366,ROUNDDOWN($C2414/24,0)+1,1))-1)+IF('Standard Profiles'!$G$18=$B$10,7,0)+IF('Standard Profiles'!$G$18=$B$17,14,0)+IF('Standard Profiles'!$G$18=$B$24,21,0),MOD($C2414,24)+1)/SUM(INDEX($D$3:$AA$30,INDEX(Jesper!$R$2:$R$366,ROW(INDEX(Jesper!AH$2:AH$366,ROUNDDOWN($C2414/24,0)+1,1))-1)+IF('Standard Profiles'!$G$18=$B$10,7,0)+IF('Standard Profiles'!$G$18=$B$17,14,0)+IF('Standard Profiles'!$G$18=$B$24,21,0),0)),0)</f>
        <v>7.3006443240668313</v>
      </c>
      <c r="E2414" cm="1">
        <f t="array" ref="E2414">IFERROR(INDEX(Jesper!AI$2:AI$366,ROUNDDOWN($C2414/24,0)+1,1)*INDEX($D$3:$AA$30,INDEX(Jesper!$R$2:$R$366,ROW(INDEX(Jesper!AI$2:AI$366,ROUNDDOWN($C2414/24,0)+1,1))-1)+IF('Standard Profiles'!$G$19=$B$10,7,0)+IF('Standard Profiles'!$G$19=$B$17,14,0)+IF('Standard Profiles'!$G$19=$B$24,21,0),MOD($C2414,24)+1)/SUM(INDEX($D$3:$AA$30,INDEX(Jesper!$R$2:$R$366,ROW(INDEX(Jesper!AI$2:AI$366,ROUNDDOWN($C2414/24,0)+1,1))-1)+IF('Standard Profiles'!$G$19=$B$10,7,0)+IF('Standard Profiles'!$G$19=$B$17,14,0)+IF('Standard Profiles'!$G$19=$B$24,21,0),0)),0)</f>
        <v>0</v>
      </c>
      <c r="F2414" cm="1">
        <f t="array" ref="F2414">IFERROR(INDEX(Jesper!AJ$2:AJ$366,ROUNDDOWN($C2414/24,0)+1,1)*INDEX($D$3:$AA$30,INDEX(Jesper!$R$2:$R$366,ROW(INDEX(Jesper!AJ$2:AJ$366,ROUNDDOWN($C2414/24,0)+1,1))-1)+IF('Standard Profiles'!$G$20=$B$10,7,0)+IF('Standard Profiles'!$G$20=$B$17,14,0)+IF('Standard Profiles'!$G$20=$B$24,21,0),MOD($C2414,24)+1)/SUM(INDEX($D$3:$AA$30,INDEX(Jesper!$R$2:$R$366,ROW(INDEX(Jesper!AJ$2:AJ$366,ROUNDDOWN($C2414/24,0)+1,1))-1)+IF('Standard Profiles'!$G$20=$B$10,7,0)+IF('Standard Profiles'!$G$20=$B$17,14,0)+IF('Standard Profiles'!$G$20=$B$24,21,0),0)),0)</f>
        <v>0</v>
      </c>
      <c r="G2414" cm="1">
        <f t="array" ref="G2414">IFERROR(INDEX(Jesper!AK$2:AK$366,ROUNDDOWN($C2414/24,0)+1,1)*INDEX($D$3:$AA$30,INDEX(Jesper!$R$2:$R$366,ROW(INDEX(Jesper!AK$2:AK$366,ROUNDDOWN($C2414/24,0)+1,1))-1)+IF('Standard Profiles'!$G$21=$B$10,7,0)+IF('Standard Profiles'!$G$21=$B$17,14,0)+IF('Standard Profiles'!$G$21=$B$24,21,0),MOD($C2414,24)+1)/SUM(INDEX($D$3:$AA$30,INDEX(Jesper!$R$2:$R$366,ROW(INDEX(Jesper!AK$2:AK$366,ROUNDDOWN($C2414/24,0)+1,1))-1)+IF('Standard Profiles'!$G$21=$B$10,7,0)+IF('Standard Profiles'!$G$21=$B$17,14,0)+IF('Standard Profiles'!$G$21=$B$24,21,0),0)),0)</f>
        <v>0</v>
      </c>
      <c r="H2414" cm="1">
        <f t="array" ref="H2414">IFERROR(INDEX(Jesper!AL$2:AL$366,ROUNDDOWN($C2414/24,0)+1,1)*INDEX($D$3:$AA$30,INDEX(Jesper!$R$2:$R$366,ROW(INDEX(Jesper!AL$2:AL$366,ROUNDDOWN($C2414/24,0)+1,1))-1)+IF('Standard Profiles'!$G$22=$B$10,7,0)+IF('Standard Profiles'!$G$22=$B$17,14,0)+IF('Standard Profiles'!$G$22=$B$24,21,0),MOD($C2414,24)+1)/SUM(INDEX($D$3:$AA$30,INDEX(Jesper!$R$2:$R$366,ROW(INDEX(Jesper!AL$2:AL$366,ROUNDDOWN($C2414/24,0)+1,1))-1)+IF('Standard Profiles'!$G$22=$B$10,7,0)+IF('Standard Profiles'!$G$22=$B$17,14,0)+IF('Standard Profiles'!$G$22=$B$24,21,0),0)),0)</f>
        <v>0</v>
      </c>
      <c r="I2414">
        <f t="shared" si="279"/>
        <v>0.21901932972200494</v>
      </c>
      <c r="J2414">
        <f t="shared" si="280"/>
        <v>0.73006443240668317</v>
      </c>
      <c r="K2414">
        <f t="shared" si="281"/>
        <v>1.0950966486100246</v>
      </c>
      <c r="L2414">
        <f t="shared" si="282"/>
        <v>5.2564639133281181</v>
      </c>
      <c r="M2414">
        <f t="shared" si="283"/>
        <v>0</v>
      </c>
      <c r="N2414" s="46">
        <f t="shared" si="284"/>
        <v>45391.166666660894</v>
      </c>
    </row>
    <row r="2415" spans="2:14" x14ac:dyDescent="0.3">
      <c r="B2415">
        <f t="shared" si="278"/>
        <v>2</v>
      </c>
      <c r="C2415" s="16">
        <v>2381</v>
      </c>
      <c r="D2415" cm="1">
        <f t="array" ref="D2415">IFERROR(INDEX(Jesper!AH$2:AH$366,ROUNDDOWN($C2415/24,0)+1,1)*INDEX($D$3:$AA$30,INDEX(Jesper!$R$2:$R$366,ROW(INDEX(Jesper!AH$2:AH$366,ROUNDDOWN($C2415/24,0)+1,1))-1)+IF('Standard Profiles'!$G$18=$B$10,7,0)+IF('Standard Profiles'!$G$18=$B$17,14,0)+IF('Standard Profiles'!$G$18=$B$24,21,0),MOD($C2415,24)+1)/SUM(INDEX($D$3:$AA$30,INDEX(Jesper!$R$2:$R$366,ROW(INDEX(Jesper!AH$2:AH$366,ROUNDDOWN($C2415/24,0)+1,1))-1)+IF('Standard Profiles'!$G$18=$B$10,7,0)+IF('Standard Profiles'!$G$18=$B$17,14,0)+IF('Standard Profiles'!$G$18=$B$24,21,0),0)),0)</f>
        <v>9.4908376212868806</v>
      </c>
      <c r="E2415" cm="1">
        <f t="array" ref="E2415">IFERROR(INDEX(Jesper!AI$2:AI$366,ROUNDDOWN($C2415/24,0)+1,1)*INDEX($D$3:$AA$30,INDEX(Jesper!$R$2:$R$366,ROW(INDEX(Jesper!AI$2:AI$366,ROUNDDOWN($C2415/24,0)+1,1))-1)+IF('Standard Profiles'!$G$19=$B$10,7,0)+IF('Standard Profiles'!$G$19=$B$17,14,0)+IF('Standard Profiles'!$G$19=$B$24,21,0),MOD($C2415,24)+1)/SUM(INDEX($D$3:$AA$30,INDEX(Jesper!$R$2:$R$366,ROW(INDEX(Jesper!AI$2:AI$366,ROUNDDOWN($C2415/24,0)+1,1))-1)+IF('Standard Profiles'!$G$19=$B$10,7,0)+IF('Standard Profiles'!$G$19=$B$17,14,0)+IF('Standard Profiles'!$G$19=$B$24,21,0),0)),0)</f>
        <v>0</v>
      </c>
      <c r="F2415" cm="1">
        <f t="array" ref="F2415">IFERROR(INDEX(Jesper!AJ$2:AJ$366,ROUNDDOWN($C2415/24,0)+1,1)*INDEX($D$3:$AA$30,INDEX(Jesper!$R$2:$R$366,ROW(INDEX(Jesper!AJ$2:AJ$366,ROUNDDOWN($C2415/24,0)+1,1))-1)+IF('Standard Profiles'!$G$20=$B$10,7,0)+IF('Standard Profiles'!$G$20=$B$17,14,0)+IF('Standard Profiles'!$G$20=$B$24,21,0),MOD($C2415,24)+1)/SUM(INDEX($D$3:$AA$30,INDEX(Jesper!$R$2:$R$366,ROW(INDEX(Jesper!AJ$2:AJ$366,ROUNDDOWN($C2415/24,0)+1,1))-1)+IF('Standard Profiles'!$G$20=$B$10,7,0)+IF('Standard Profiles'!$G$20=$B$17,14,0)+IF('Standard Profiles'!$G$20=$B$24,21,0),0)),0)</f>
        <v>0</v>
      </c>
      <c r="G2415" cm="1">
        <f t="array" ref="G2415">IFERROR(INDEX(Jesper!AK$2:AK$366,ROUNDDOWN($C2415/24,0)+1,1)*INDEX($D$3:$AA$30,INDEX(Jesper!$R$2:$R$366,ROW(INDEX(Jesper!AK$2:AK$366,ROUNDDOWN($C2415/24,0)+1,1))-1)+IF('Standard Profiles'!$G$21=$B$10,7,0)+IF('Standard Profiles'!$G$21=$B$17,14,0)+IF('Standard Profiles'!$G$21=$B$24,21,0),MOD($C2415,24)+1)/SUM(INDEX($D$3:$AA$30,INDEX(Jesper!$R$2:$R$366,ROW(INDEX(Jesper!AK$2:AK$366,ROUNDDOWN($C2415/24,0)+1,1))-1)+IF('Standard Profiles'!$G$21=$B$10,7,0)+IF('Standard Profiles'!$G$21=$B$17,14,0)+IF('Standard Profiles'!$G$21=$B$24,21,0),0)),0)</f>
        <v>0</v>
      </c>
      <c r="H2415" cm="1">
        <f t="array" ref="H2415">IFERROR(INDEX(Jesper!AL$2:AL$366,ROUNDDOWN($C2415/24,0)+1,1)*INDEX($D$3:$AA$30,INDEX(Jesper!$R$2:$R$366,ROW(INDEX(Jesper!AL$2:AL$366,ROUNDDOWN($C2415/24,0)+1,1))-1)+IF('Standard Profiles'!$G$22=$B$10,7,0)+IF('Standard Profiles'!$G$22=$B$17,14,0)+IF('Standard Profiles'!$G$22=$B$24,21,0),MOD($C2415,24)+1)/SUM(INDEX($D$3:$AA$30,INDEX(Jesper!$R$2:$R$366,ROW(INDEX(Jesper!AL$2:AL$366,ROUNDDOWN($C2415/24,0)+1,1))-1)+IF('Standard Profiles'!$G$22=$B$10,7,0)+IF('Standard Profiles'!$G$22=$B$17,14,0)+IF('Standard Profiles'!$G$22=$B$24,21,0),0)),0)</f>
        <v>0</v>
      </c>
      <c r="I2415">
        <f t="shared" si="279"/>
        <v>0.28472512863860638</v>
      </c>
      <c r="J2415">
        <f t="shared" si="280"/>
        <v>0.94908376212868806</v>
      </c>
      <c r="K2415">
        <f t="shared" si="281"/>
        <v>1.4236256431930321</v>
      </c>
      <c r="L2415">
        <f t="shared" si="282"/>
        <v>6.8334030873265537</v>
      </c>
      <c r="M2415">
        <f t="shared" si="283"/>
        <v>0</v>
      </c>
      <c r="N2415" s="46">
        <f t="shared" si="284"/>
        <v>45391.208333327559</v>
      </c>
    </row>
    <row r="2416" spans="2:14" x14ac:dyDescent="0.3">
      <c r="B2416">
        <f t="shared" si="278"/>
        <v>2</v>
      </c>
      <c r="C2416" s="16">
        <v>2382</v>
      </c>
      <c r="D2416" cm="1">
        <f t="array" ref="D2416">IFERROR(INDEX(Jesper!AH$2:AH$366,ROUNDDOWN($C2416/24,0)+1,1)*INDEX($D$3:$AA$30,INDEX(Jesper!$R$2:$R$366,ROW(INDEX(Jesper!AH$2:AH$366,ROUNDDOWN($C2416/24,0)+1,1))-1)+IF('Standard Profiles'!$G$18=$B$10,7,0)+IF('Standard Profiles'!$G$18=$B$17,14,0)+IF('Standard Profiles'!$G$18=$B$24,21,0),MOD($C2416,24)+1)/SUM(INDEX($D$3:$AA$30,INDEX(Jesper!$R$2:$R$366,ROW(INDEX(Jesper!AH$2:AH$366,ROUNDDOWN($C2416/24,0)+1,1))-1)+IF('Standard Profiles'!$G$18=$B$10,7,0)+IF('Standard Profiles'!$G$18=$B$17,14,0)+IF('Standard Profiles'!$G$18=$B$24,21,0),0)),0)</f>
        <v>10.585934269896903</v>
      </c>
      <c r="E2416" cm="1">
        <f t="array" ref="E2416">IFERROR(INDEX(Jesper!AI$2:AI$366,ROUNDDOWN($C2416/24,0)+1,1)*INDEX($D$3:$AA$30,INDEX(Jesper!$R$2:$R$366,ROW(INDEX(Jesper!AI$2:AI$366,ROUNDDOWN($C2416/24,0)+1,1))-1)+IF('Standard Profiles'!$G$19=$B$10,7,0)+IF('Standard Profiles'!$G$19=$B$17,14,0)+IF('Standard Profiles'!$G$19=$B$24,21,0),MOD($C2416,24)+1)/SUM(INDEX($D$3:$AA$30,INDEX(Jesper!$R$2:$R$366,ROW(INDEX(Jesper!AI$2:AI$366,ROUNDDOWN($C2416/24,0)+1,1))-1)+IF('Standard Profiles'!$G$19=$B$10,7,0)+IF('Standard Profiles'!$G$19=$B$17,14,0)+IF('Standard Profiles'!$G$19=$B$24,21,0),0)),0)</f>
        <v>0</v>
      </c>
      <c r="F2416" cm="1">
        <f t="array" ref="F2416">IFERROR(INDEX(Jesper!AJ$2:AJ$366,ROUNDDOWN($C2416/24,0)+1,1)*INDEX($D$3:$AA$30,INDEX(Jesper!$R$2:$R$366,ROW(INDEX(Jesper!AJ$2:AJ$366,ROUNDDOWN($C2416/24,0)+1,1))-1)+IF('Standard Profiles'!$G$20=$B$10,7,0)+IF('Standard Profiles'!$G$20=$B$17,14,0)+IF('Standard Profiles'!$G$20=$B$24,21,0),MOD($C2416,24)+1)/SUM(INDEX($D$3:$AA$30,INDEX(Jesper!$R$2:$R$366,ROW(INDEX(Jesper!AJ$2:AJ$366,ROUNDDOWN($C2416/24,0)+1,1))-1)+IF('Standard Profiles'!$G$20=$B$10,7,0)+IF('Standard Profiles'!$G$20=$B$17,14,0)+IF('Standard Profiles'!$G$20=$B$24,21,0),0)),0)</f>
        <v>0</v>
      </c>
      <c r="G2416" cm="1">
        <f t="array" ref="G2416">IFERROR(INDEX(Jesper!AK$2:AK$366,ROUNDDOWN($C2416/24,0)+1,1)*INDEX($D$3:$AA$30,INDEX(Jesper!$R$2:$R$366,ROW(INDEX(Jesper!AK$2:AK$366,ROUNDDOWN($C2416/24,0)+1,1))-1)+IF('Standard Profiles'!$G$21=$B$10,7,0)+IF('Standard Profiles'!$G$21=$B$17,14,0)+IF('Standard Profiles'!$G$21=$B$24,21,0),MOD($C2416,24)+1)/SUM(INDEX($D$3:$AA$30,INDEX(Jesper!$R$2:$R$366,ROW(INDEX(Jesper!AK$2:AK$366,ROUNDDOWN($C2416/24,0)+1,1))-1)+IF('Standard Profiles'!$G$21=$B$10,7,0)+IF('Standard Profiles'!$G$21=$B$17,14,0)+IF('Standard Profiles'!$G$21=$B$24,21,0),0)),0)</f>
        <v>0</v>
      </c>
      <c r="H2416" cm="1">
        <f t="array" ref="H2416">IFERROR(INDEX(Jesper!AL$2:AL$366,ROUNDDOWN($C2416/24,0)+1,1)*INDEX($D$3:$AA$30,INDEX(Jesper!$R$2:$R$366,ROW(INDEX(Jesper!AL$2:AL$366,ROUNDDOWN($C2416/24,0)+1,1))-1)+IF('Standard Profiles'!$G$22=$B$10,7,0)+IF('Standard Profiles'!$G$22=$B$17,14,0)+IF('Standard Profiles'!$G$22=$B$24,21,0),MOD($C2416,24)+1)/SUM(INDEX($D$3:$AA$30,INDEX(Jesper!$R$2:$R$366,ROW(INDEX(Jesper!AL$2:AL$366,ROUNDDOWN($C2416/24,0)+1,1))-1)+IF('Standard Profiles'!$G$22=$B$10,7,0)+IF('Standard Profiles'!$G$22=$B$17,14,0)+IF('Standard Profiles'!$G$22=$B$24,21,0),0)),0)</f>
        <v>0</v>
      </c>
      <c r="I2416">
        <f t="shared" si="279"/>
        <v>0.31757802809690711</v>
      </c>
      <c r="J2416">
        <f t="shared" si="280"/>
        <v>1.0585934269896904</v>
      </c>
      <c r="K2416">
        <f t="shared" si="281"/>
        <v>1.5878901404845354</v>
      </c>
      <c r="L2416">
        <f t="shared" si="282"/>
        <v>7.6218726743257701</v>
      </c>
      <c r="M2416">
        <f t="shared" si="283"/>
        <v>0</v>
      </c>
      <c r="N2416" s="46">
        <f t="shared" si="284"/>
        <v>45391.249999994223</v>
      </c>
    </row>
    <row r="2417" spans="2:14" x14ac:dyDescent="0.3">
      <c r="B2417">
        <f t="shared" si="278"/>
        <v>2</v>
      </c>
      <c r="C2417" s="16">
        <v>2383</v>
      </c>
      <c r="D2417" cm="1">
        <f t="array" ref="D2417">IFERROR(INDEX(Jesper!AH$2:AH$366,ROUNDDOWN($C2417/24,0)+1,1)*INDEX($D$3:$AA$30,INDEX(Jesper!$R$2:$R$366,ROW(INDEX(Jesper!AH$2:AH$366,ROUNDDOWN($C2417/24,0)+1,1))-1)+IF('Standard Profiles'!$G$18=$B$10,7,0)+IF('Standard Profiles'!$G$18=$B$17,14,0)+IF('Standard Profiles'!$G$18=$B$24,21,0),MOD($C2417,24)+1)/SUM(INDEX($D$3:$AA$30,INDEX(Jesper!$R$2:$R$366,ROW(INDEX(Jesper!AH$2:AH$366,ROUNDDOWN($C2417/24,0)+1,1))-1)+IF('Standard Profiles'!$G$18=$B$10,7,0)+IF('Standard Profiles'!$G$18=$B$17,14,0)+IF('Standard Profiles'!$G$18=$B$24,21,0),0)),0)</f>
        <v>10.950966486100247</v>
      </c>
      <c r="E2417" cm="1">
        <f t="array" ref="E2417">IFERROR(INDEX(Jesper!AI$2:AI$366,ROUNDDOWN($C2417/24,0)+1,1)*INDEX($D$3:$AA$30,INDEX(Jesper!$R$2:$R$366,ROW(INDEX(Jesper!AI$2:AI$366,ROUNDDOWN($C2417/24,0)+1,1))-1)+IF('Standard Profiles'!$G$19=$B$10,7,0)+IF('Standard Profiles'!$G$19=$B$17,14,0)+IF('Standard Profiles'!$G$19=$B$24,21,0),MOD($C2417,24)+1)/SUM(INDEX($D$3:$AA$30,INDEX(Jesper!$R$2:$R$366,ROW(INDEX(Jesper!AI$2:AI$366,ROUNDDOWN($C2417/24,0)+1,1))-1)+IF('Standard Profiles'!$G$19=$B$10,7,0)+IF('Standard Profiles'!$G$19=$B$17,14,0)+IF('Standard Profiles'!$G$19=$B$24,21,0),0)),0)</f>
        <v>0</v>
      </c>
      <c r="F2417" cm="1">
        <f t="array" ref="F2417">IFERROR(INDEX(Jesper!AJ$2:AJ$366,ROUNDDOWN($C2417/24,0)+1,1)*INDEX($D$3:$AA$30,INDEX(Jesper!$R$2:$R$366,ROW(INDEX(Jesper!AJ$2:AJ$366,ROUNDDOWN($C2417/24,0)+1,1))-1)+IF('Standard Profiles'!$G$20=$B$10,7,0)+IF('Standard Profiles'!$G$20=$B$17,14,0)+IF('Standard Profiles'!$G$20=$B$24,21,0),MOD($C2417,24)+1)/SUM(INDEX($D$3:$AA$30,INDEX(Jesper!$R$2:$R$366,ROW(INDEX(Jesper!AJ$2:AJ$366,ROUNDDOWN($C2417/24,0)+1,1))-1)+IF('Standard Profiles'!$G$20=$B$10,7,0)+IF('Standard Profiles'!$G$20=$B$17,14,0)+IF('Standard Profiles'!$G$20=$B$24,21,0),0)),0)</f>
        <v>0</v>
      </c>
      <c r="G2417" cm="1">
        <f t="array" ref="G2417">IFERROR(INDEX(Jesper!AK$2:AK$366,ROUNDDOWN($C2417/24,0)+1,1)*INDEX($D$3:$AA$30,INDEX(Jesper!$R$2:$R$366,ROW(INDEX(Jesper!AK$2:AK$366,ROUNDDOWN($C2417/24,0)+1,1))-1)+IF('Standard Profiles'!$G$21=$B$10,7,0)+IF('Standard Profiles'!$G$21=$B$17,14,0)+IF('Standard Profiles'!$G$21=$B$24,21,0),MOD($C2417,24)+1)/SUM(INDEX($D$3:$AA$30,INDEX(Jesper!$R$2:$R$366,ROW(INDEX(Jesper!AK$2:AK$366,ROUNDDOWN($C2417/24,0)+1,1))-1)+IF('Standard Profiles'!$G$21=$B$10,7,0)+IF('Standard Profiles'!$G$21=$B$17,14,0)+IF('Standard Profiles'!$G$21=$B$24,21,0),0)),0)</f>
        <v>0</v>
      </c>
      <c r="H2417" cm="1">
        <f t="array" ref="H2417">IFERROR(INDEX(Jesper!AL$2:AL$366,ROUNDDOWN($C2417/24,0)+1,1)*INDEX($D$3:$AA$30,INDEX(Jesper!$R$2:$R$366,ROW(INDEX(Jesper!AL$2:AL$366,ROUNDDOWN($C2417/24,0)+1,1))-1)+IF('Standard Profiles'!$G$22=$B$10,7,0)+IF('Standard Profiles'!$G$22=$B$17,14,0)+IF('Standard Profiles'!$G$22=$B$24,21,0),MOD($C2417,24)+1)/SUM(INDEX($D$3:$AA$30,INDEX(Jesper!$R$2:$R$366,ROW(INDEX(Jesper!AL$2:AL$366,ROUNDDOWN($C2417/24,0)+1,1))-1)+IF('Standard Profiles'!$G$22=$B$10,7,0)+IF('Standard Profiles'!$G$22=$B$17,14,0)+IF('Standard Profiles'!$G$22=$B$24,21,0),0)),0)</f>
        <v>0</v>
      </c>
      <c r="I2417">
        <f t="shared" si="279"/>
        <v>0.32852899458300738</v>
      </c>
      <c r="J2417">
        <f t="shared" si="280"/>
        <v>1.0950966486100249</v>
      </c>
      <c r="K2417">
        <f t="shared" si="281"/>
        <v>1.642644972915037</v>
      </c>
      <c r="L2417">
        <f t="shared" si="282"/>
        <v>7.8846958699921776</v>
      </c>
      <c r="M2417">
        <f t="shared" si="283"/>
        <v>0</v>
      </c>
      <c r="N2417" s="46">
        <f t="shared" si="284"/>
        <v>45391.291666660887</v>
      </c>
    </row>
    <row r="2418" spans="2:14" x14ac:dyDescent="0.3">
      <c r="B2418">
        <f t="shared" si="278"/>
        <v>2</v>
      </c>
      <c r="C2418" s="16">
        <v>2384</v>
      </c>
      <c r="D2418" cm="1">
        <f t="array" ref="D2418">IFERROR(INDEX(Jesper!AH$2:AH$366,ROUNDDOWN($C2418/24,0)+1,1)*INDEX($D$3:$AA$30,INDEX(Jesper!$R$2:$R$366,ROW(INDEX(Jesper!AH$2:AH$366,ROUNDDOWN($C2418/24,0)+1,1))-1)+IF('Standard Profiles'!$G$18=$B$10,7,0)+IF('Standard Profiles'!$G$18=$B$17,14,0)+IF('Standard Profiles'!$G$18=$B$24,21,0),MOD($C2418,24)+1)/SUM(INDEX($D$3:$AA$30,INDEX(Jesper!$R$2:$R$366,ROW(INDEX(Jesper!AH$2:AH$366,ROUNDDOWN($C2418/24,0)+1,1))-1)+IF('Standard Profiles'!$G$18=$B$10,7,0)+IF('Standard Profiles'!$G$18=$B$17,14,0)+IF('Standard Profiles'!$G$18=$B$24,21,0),0)),0)</f>
        <v>10.950966486100247</v>
      </c>
      <c r="E2418" cm="1">
        <f t="array" ref="E2418">IFERROR(INDEX(Jesper!AI$2:AI$366,ROUNDDOWN($C2418/24,0)+1,1)*INDEX($D$3:$AA$30,INDEX(Jesper!$R$2:$R$366,ROW(INDEX(Jesper!AI$2:AI$366,ROUNDDOWN($C2418/24,0)+1,1))-1)+IF('Standard Profiles'!$G$19=$B$10,7,0)+IF('Standard Profiles'!$G$19=$B$17,14,0)+IF('Standard Profiles'!$G$19=$B$24,21,0),MOD($C2418,24)+1)/SUM(INDEX($D$3:$AA$30,INDEX(Jesper!$R$2:$R$366,ROW(INDEX(Jesper!AI$2:AI$366,ROUNDDOWN($C2418/24,0)+1,1))-1)+IF('Standard Profiles'!$G$19=$B$10,7,0)+IF('Standard Profiles'!$G$19=$B$17,14,0)+IF('Standard Profiles'!$G$19=$B$24,21,0),0)),0)</f>
        <v>0</v>
      </c>
      <c r="F2418" cm="1">
        <f t="array" ref="F2418">IFERROR(INDEX(Jesper!AJ$2:AJ$366,ROUNDDOWN($C2418/24,0)+1,1)*INDEX($D$3:$AA$30,INDEX(Jesper!$R$2:$R$366,ROW(INDEX(Jesper!AJ$2:AJ$366,ROUNDDOWN($C2418/24,0)+1,1))-1)+IF('Standard Profiles'!$G$20=$B$10,7,0)+IF('Standard Profiles'!$G$20=$B$17,14,0)+IF('Standard Profiles'!$G$20=$B$24,21,0),MOD($C2418,24)+1)/SUM(INDEX($D$3:$AA$30,INDEX(Jesper!$R$2:$R$366,ROW(INDEX(Jesper!AJ$2:AJ$366,ROUNDDOWN($C2418/24,0)+1,1))-1)+IF('Standard Profiles'!$G$20=$B$10,7,0)+IF('Standard Profiles'!$G$20=$B$17,14,0)+IF('Standard Profiles'!$G$20=$B$24,21,0),0)),0)</f>
        <v>0</v>
      </c>
      <c r="G2418" cm="1">
        <f t="array" ref="G2418">IFERROR(INDEX(Jesper!AK$2:AK$366,ROUNDDOWN($C2418/24,0)+1,1)*INDEX($D$3:$AA$30,INDEX(Jesper!$R$2:$R$366,ROW(INDEX(Jesper!AK$2:AK$366,ROUNDDOWN($C2418/24,0)+1,1))-1)+IF('Standard Profiles'!$G$21=$B$10,7,0)+IF('Standard Profiles'!$G$21=$B$17,14,0)+IF('Standard Profiles'!$G$21=$B$24,21,0),MOD($C2418,24)+1)/SUM(INDEX($D$3:$AA$30,INDEX(Jesper!$R$2:$R$366,ROW(INDEX(Jesper!AK$2:AK$366,ROUNDDOWN($C2418/24,0)+1,1))-1)+IF('Standard Profiles'!$G$21=$B$10,7,0)+IF('Standard Profiles'!$G$21=$B$17,14,0)+IF('Standard Profiles'!$G$21=$B$24,21,0),0)),0)</f>
        <v>0</v>
      </c>
      <c r="H2418" cm="1">
        <f t="array" ref="H2418">IFERROR(INDEX(Jesper!AL$2:AL$366,ROUNDDOWN($C2418/24,0)+1,1)*INDEX($D$3:$AA$30,INDEX(Jesper!$R$2:$R$366,ROW(INDEX(Jesper!AL$2:AL$366,ROUNDDOWN($C2418/24,0)+1,1))-1)+IF('Standard Profiles'!$G$22=$B$10,7,0)+IF('Standard Profiles'!$G$22=$B$17,14,0)+IF('Standard Profiles'!$G$22=$B$24,21,0),MOD($C2418,24)+1)/SUM(INDEX($D$3:$AA$30,INDEX(Jesper!$R$2:$R$366,ROW(INDEX(Jesper!AL$2:AL$366,ROUNDDOWN($C2418/24,0)+1,1))-1)+IF('Standard Profiles'!$G$22=$B$10,7,0)+IF('Standard Profiles'!$G$22=$B$17,14,0)+IF('Standard Profiles'!$G$22=$B$24,21,0),0)),0)</f>
        <v>0</v>
      </c>
      <c r="I2418">
        <f t="shared" si="279"/>
        <v>0.32852899458300738</v>
      </c>
      <c r="J2418">
        <f t="shared" si="280"/>
        <v>1.0950966486100249</v>
      </c>
      <c r="K2418">
        <f t="shared" si="281"/>
        <v>1.642644972915037</v>
      </c>
      <c r="L2418">
        <f t="shared" si="282"/>
        <v>7.8846958699921776</v>
      </c>
      <c r="M2418">
        <f t="shared" si="283"/>
        <v>0</v>
      </c>
      <c r="N2418" s="46">
        <f t="shared" si="284"/>
        <v>45391.333333327551</v>
      </c>
    </row>
    <row r="2419" spans="2:14" x14ac:dyDescent="0.3">
      <c r="B2419">
        <f t="shared" si="278"/>
        <v>2</v>
      </c>
      <c r="C2419" s="16">
        <v>2385</v>
      </c>
      <c r="D2419" cm="1">
        <f t="array" ref="D2419">IFERROR(INDEX(Jesper!AH$2:AH$366,ROUNDDOWN($C2419/24,0)+1,1)*INDEX($D$3:$AA$30,INDEX(Jesper!$R$2:$R$366,ROW(INDEX(Jesper!AH$2:AH$366,ROUNDDOWN($C2419/24,0)+1,1))-1)+IF('Standard Profiles'!$G$18=$B$10,7,0)+IF('Standard Profiles'!$G$18=$B$17,14,0)+IF('Standard Profiles'!$G$18=$B$24,21,0),MOD($C2419,24)+1)/SUM(INDEX($D$3:$AA$30,INDEX(Jesper!$R$2:$R$366,ROW(INDEX(Jesper!AH$2:AH$366,ROUNDDOWN($C2419/24,0)+1,1))-1)+IF('Standard Profiles'!$G$18=$B$10,7,0)+IF('Standard Profiles'!$G$18=$B$17,14,0)+IF('Standard Profiles'!$G$18=$B$24,21,0),0)),0)</f>
        <v>11.8635470266086</v>
      </c>
      <c r="E2419" cm="1">
        <f t="array" ref="E2419">IFERROR(INDEX(Jesper!AI$2:AI$366,ROUNDDOWN($C2419/24,0)+1,1)*INDEX($D$3:$AA$30,INDEX(Jesper!$R$2:$R$366,ROW(INDEX(Jesper!AI$2:AI$366,ROUNDDOWN($C2419/24,0)+1,1))-1)+IF('Standard Profiles'!$G$19=$B$10,7,0)+IF('Standard Profiles'!$G$19=$B$17,14,0)+IF('Standard Profiles'!$G$19=$B$24,21,0),MOD($C2419,24)+1)/SUM(INDEX($D$3:$AA$30,INDEX(Jesper!$R$2:$R$366,ROW(INDEX(Jesper!AI$2:AI$366,ROUNDDOWN($C2419/24,0)+1,1))-1)+IF('Standard Profiles'!$G$19=$B$10,7,0)+IF('Standard Profiles'!$G$19=$B$17,14,0)+IF('Standard Profiles'!$G$19=$B$24,21,0),0)),0)</f>
        <v>0</v>
      </c>
      <c r="F2419" cm="1">
        <f t="array" ref="F2419">IFERROR(INDEX(Jesper!AJ$2:AJ$366,ROUNDDOWN($C2419/24,0)+1,1)*INDEX($D$3:$AA$30,INDEX(Jesper!$R$2:$R$366,ROW(INDEX(Jesper!AJ$2:AJ$366,ROUNDDOWN($C2419/24,0)+1,1))-1)+IF('Standard Profiles'!$G$20=$B$10,7,0)+IF('Standard Profiles'!$G$20=$B$17,14,0)+IF('Standard Profiles'!$G$20=$B$24,21,0),MOD($C2419,24)+1)/SUM(INDEX($D$3:$AA$30,INDEX(Jesper!$R$2:$R$366,ROW(INDEX(Jesper!AJ$2:AJ$366,ROUNDDOWN($C2419/24,0)+1,1))-1)+IF('Standard Profiles'!$G$20=$B$10,7,0)+IF('Standard Profiles'!$G$20=$B$17,14,0)+IF('Standard Profiles'!$G$20=$B$24,21,0),0)),0)</f>
        <v>0</v>
      </c>
      <c r="G2419" cm="1">
        <f t="array" ref="G2419">IFERROR(INDEX(Jesper!AK$2:AK$366,ROUNDDOWN($C2419/24,0)+1,1)*INDEX($D$3:$AA$30,INDEX(Jesper!$R$2:$R$366,ROW(INDEX(Jesper!AK$2:AK$366,ROUNDDOWN($C2419/24,0)+1,1))-1)+IF('Standard Profiles'!$G$21=$B$10,7,0)+IF('Standard Profiles'!$G$21=$B$17,14,0)+IF('Standard Profiles'!$G$21=$B$24,21,0),MOD($C2419,24)+1)/SUM(INDEX($D$3:$AA$30,INDEX(Jesper!$R$2:$R$366,ROW(INDEX(Jesper!AK$2:AK$366,ROUNDDOWN($C2419/24,0)+1,1))-1)+IF('Standard Profiles'!$G$21=$B$10,7,0)+IF('Standard Profiles'!$G$21=$B$17,14,0)+IF('Standard Profiles'!$G$21=$B$24,21,0),0)),0)</f>
        <v>0</v>
      </c>
      <c r="H2419" cm="1">
        <f t="array" ref="H2419">IFERROR(INDEX(Jesper!AL$2:AL$366,ROUNDDOWN($C2419/24,0)+1,1)*INDEX($D$3:$AA$30,INDEX(Jesper!$R$2:$R$366,ROW(INDEX(Jesper!AL$2:AL$366,ROUNDDOWN($C2419/24,0)+1,1))-1)+IF('Standard Profiles'!$G$22=$B$10,7,0)+IF('Standard Profiles'!$G$22=$B$17,14,0)+IF('Standard Profiles'!$G$22=$B$24,21,0),MOD($C2419,24)+1)/SUM(INDEX($D$3:$AA$30,INDEX(Jesper!$R$2:$R$366,ROW(INDEX(Jesper!AL$2:AL$366,ROUNDDOWN($C2419/24,0)+1,1))-1)+IF('Standard Profiles'!$G$22=$B$10,7,0)+IF('Standard Profiles'!$G$22=$B$17,14,0)+IF('Standard Profiles'!$G$22=$B$24,21,0),0)),0)</f>
        <v>0</v>
      </c>
      <c r="I2419">
        <f t="shared" si="279"/>
        <v>0.35590641079825802</v>
      </c>
      <c r="J2419">
        <f t="shared" si="280"/>
        <v>1.1863547026608601</v>
      </c>
      <c r="K2419">
        <f t="shared" si="281"/>
        <v>1.77953205399129</v>
      </c>
      <c r="L2419">
        <f t="shared" si="282"/>
        <v>8.5417538591581916</v>
      </c>
      <c r="M2419">
        <f t="shared" si="283"/>
        <v>0</v>
      </c>
      <c r="N2419" s="46">
        <f t="shared" si="284"/>
        <v>45391.374999994216</v>
      </c>
    </row>
    <row r="2420" spans="2:14" x14ac:dyDescent="0.3">
      <c r="B2420">
        <f t="shared" si="278"/>
        <v>2</v>
      </c>
      <c r="C2420" s="16">
        <v>2386</v>
      </c>
      <c r="D2420" cm="1">
        <f t="array" ref="D2420">IFERROR(INDEX(Jesper!AH$2:AH$366,ROUNDDOWN($C2420/24,0)+1,1)*INDEX($D$3:$AA$30,INDEX(Jesper!$R$2:$R$366,ROW(INDEX(Jesper!AH$2:AH$366,ROUNDDOWN($C2420/24,0)+1,1))-1)+IF('Standard Profiles'!$G$18=$B$10,7,0)+IF('Standard Profiles'!$G$18=$B$17,14,0)+IF('Standard Profiles'!$G$18=$B$24,21,0),MOD($C2420,24)+1)/SUM(INDEX($D$3:$AA$30,INDEX(Jesper!$R$2:$R$366,ROW(INDEX(Jesper!AH$2:AH$366,ROUNDDOWN($C2420/24,0)+1,1))-1)+IF('Standard Profiles'!$G$18=$B$10,7,0)+IF('Standard Profiles'!$G$18=$B$17,14,0)+IF('Standard Profiles'!$G$18=$B$24,21,0),0)),0)</f>
        <v>12.411095350913612</v>
      </c>
      <c r="E2420" cm="1">
        <f t="array" ref="E2420">IFERROR(INDEX(Jesper!AI$2:AI$366,ROUNDDOWN($C2420/24,0)+1,1)*INDEX($D$3:$AA$30,INDEX(Jesper!$R$2:$R$366,ROW(INDEX(Jesper!AI$2:AI$366,ROUNDDOWN($C2420/24,0)+1,1))-1)+IF('Standard Profiles'!$G$19=$B$10,7,0)+IF('Standard Profiles'!$G$19=$B$17,14,0)+IF('Standard Profiles'!$G$19=$B$24,21,0),MOD($C2420,24)+1)/SUM(INDEX($D$3:$AA$30,INDEX(Jesper!$R$2:$R$366,ROW(INDEX(Jesper!AI$2:AI$366,ROUNDDOWN($C2420/24,0)+1,1))-1)+IF('Standard Profiles'!$G$19=$B$10,7,0)+IF('Standard Profiles'!$G$19=$B$17,14,0)+IF('Standard Profiles'!$G$19=$B$24,21,0),0)),0)</f>
        <v>0</v>
      </c>
      <c r="F2420" cm="1">
        <f t="array" ref="F2420">IFERROR(INDEX(Jesper!AJ$2:AJ$366,ROUNDDOWN($C2420/24,0)+1,1)*INDEX($D$3:$AA$30,INDEX(Jesper!$R$2:$R$366,ROW(INDEX(Jesper!AJ$2:AJ$366,ROUNDDOWN($C2420/24,0)+1,1))-1)+IF('Standard Profiles'!$G$20=$B$10,7,0)+IF('Standard Profiles'!$G$20=$B$17,14,0)+IF('Standard Profiles'!$G$20=$B$24,21,0),MOD($C2420,24)+1)/SUM(INDEX($D$3:$AA$30,INDEX(Jesper!$R$2:$R$366,ROW(INDEX(Jesper!AJ$2:AJ$366,ROUNDDOWN($C2420/24,0)+1,1))-1)+IF('Standard Profiles'!$G$20=$B$10,7,0)+IF('Standard Profiles'!$G$20=$B$17,14,0)+IF('Standard Profiles'!$G$20=$B$24,21,0),0)),0)</f>
        <v>0</v>
      </c>
      <c r="G2420" cm="1">
        <f t="array" ref="G2420">IFERROR(INDEX(Jesper!AK$2:AK$366,ROUNDDOWN($C2420/24,0)+1,1)*INDEX($D$3:$AA$30,INDEX(Jesper!$R$2:$R$366,ROW(INDEX(Jesper!AK$2:AK$366,ROUNDDOWN($C2420/24,0)+1,1))-1)+IF('Standard Profiles'!$G$21=$B$10,7,0)+IF('Standard Profiles'!$G$21=$B$17,14,0)+IF('Standard Profiles'!$G$21=$B$24,21,0),MOD($C2420,24)+1)/SUM(INDEX($D$3:$AA$30,INDEX(Jesper!$R$2:$R$366,ROW(INDEX(Jesper!AK$2:AK$366,ROUNDDOWN($C2420/24,0)+1,1))-1)+IF('Standard Profiles'!$G$21=$B$10,7,0)+IF('Standard Profiles'!$G$21=$B$17,14,0)+IF('Standard Profiles'!$G$21=$B$24,21,0),0)),0)</f>
        <v>0</v>
      </c>
      <c r="H2420" cm="1">
        <f t="array" ref="H2420">IFERROR(INDEX(Jesper!AL$2:AL$366,ROUNDDOWN($C2420/24,0)+1,1)*INDEX($D$3:$AA$30,INDEX(Jesper!$R$2:$R$366,ROW(INDEX(Jesper!AL$2:AL$366,ROUNDDOWN($C2420/24,0)+1,1))-1)+IF('Standard Profiles'!$G$22=$B$10,7,0)+IF('Standard Profiles'!$G$22=$B$17,14,0)+IF('Standard Profiles'!$G$22=$B$24,21,0),MOD($C2420,24)+1)/SUM(INDEX($D$3:$AA$30,INDEX(Jesper!$R$2:$R$366,ROW(INDEX(Jesper!AL$2:AL$366,ROUNDDOWN($C2420/24,0)+1,1))-1)+IF('Standard Profiles'!$G$22=$B$10,7,0)+IF('Standard Profiles'!$G$22=$B$17,14,0)+IF('Standard Profiles'!$G$22=$B$24,21,0),0)),0)</f>
        <v>0</v>
      </c>
      <c r="I2420">
        <f t="shared" si="279"/>
        <v>0.37233286052740838</v>
      </c>
      <c r="J2420">
        <f t="shared" si="280"/>
        <v>1.2411095350913612</v>
      </c>
      <c r="K2420">
        <f t="shared" si="281"/>
        <v>1.8616643026370419</v>
      </c>
      <c r="L2420">
        <f t="shared" si="282"/>
        <v>8.9359886526577998</v>
      </c>
      <c r="M2420">
        <f t="shared" si="283"/>
        <v>0</v>
      </c>
      <c r="N2420" s="46">
        <f t="shared" si="284"/>
        <v>45391.41666666088</v>
      </c>
    </row>
    <row r="2421" spans="2:14" x14ac:dyDescent="0.3">
      <c r="B2421">
        <f t="shared" si="278"/>
        <v>2</v>
      </c>
      <c r="C2421" s="16">
        <v>2387</v>
      </c>
      <c r="D2421" cm="1">
        <f t="array" ref="D2421">IFERROR(INDEX(Jesper!AH$2:AH$366,ROUNDDOWN($C2421/24,0)+1,1)*INDEX($D$3:$AA$30,INDEX(Jesper!$R$2:$R$366,ROW(INDEX(Jesper!AH$2:AH$366,ROUNDDOWN($C2421/24,0)+1,1))-1)+IF('Standard Profiles'!$G$18=$B$10,7,0)+IF('Standard Profiles'!$G$18=$B$17,14,0)+IF('Standard Profiles'!$G$18=$B$24,21,0),MOD($C2421,24)+1)/SUM(INDEX($D$3:$AA$30,INDEX(Jesper!$R$2:$R$366,ROW(INDEX(Jesper!AH$2:AH$366,ROUNDDOWN($C2421/24,0)+1,1))-1)+IF('Standard Profiles'!$G$18=$B$10,7,0)+IF('Standard Profiles'!$G$18=$B$17,14,0)+IF('Standard Profiles'!$G$18=$B$24,21,0),0)),0)</f>
        <v>14.601288648133663</v>
      </c>
      <c r="E2421" cm="1">
        <f t="array" ref="E2421">IFERROR(INDEX(Jesper!AI$2:AI$366,ROUNDDOWN($C2421/24,0)+1,1)*INDEX($D$3:$AA$30,INDEX(Jesper!$R$2:$R$366,ROW(INDEX(Jesper!AI$2:AI$366,ROUNDDOWN($C2421/24,0)+1,1))-1)+IF('Standard Profiles'!$G$19=$B$10,7,0)+IF('Standard Profiles'!$G$19=$B$17,14,0)+IF('Standard Profiles'!$G$19=$B$24,21,0),MOD($C2421,24)+1)/SUM(INDEX($D$3:$AA$30,INDEX(Jesper!$R$2:$R$366,ROW(INDEX(Jesper!AI$2:AI$366,ROUNDDOWN($C2421/24,0)+1,1))-1)+IF('Standard Profiles'!$G$19=$B$10,7,0)+IF('Standard Profiles'!$G$19=$B$17,14,0)+IF('Standard Profiles'!$G$19=$B$24,21,0),0)),0)</f>
        <v>0</v>
      </c>
      <c r="F2421" cm="1">
        <f t="array" ref="F2421">IFERROR(INDEX(Jesper!AJ$2:AJ$366,ROUNDDOWN($C2421/24,0)+1,1)*INDEX($D$3:$AA$30,INDEX(Jesper!$R$2:$R$366,ROW(INDEX(Jesper!AJ$2:AJ$366,ROUNDDOWN($C2421/24,0)+1,1))-1)+IF('Standard Profiles'!$G$20=$B$10,7,0)+IF('Standard Profiles'!$G$20=$B$17,14,0)+IF('Standard Profiles'!$G$20=$B$24,21,0),MOD($C2421,24)+1)/SUM(INDEX($D$3:$AA$30,INDEX(Jesper!$R$2:$R$366,ROW(INDEX(Jesper!AJ$2:AJ$366,ROUNDDOWN($C2421/24,0)+1,1))-1)+IF('Standard Profiles'!$G$20=$B$10,7,0)+IF('Standard Profiles'!$G$20=$B$17,14,0)+IF('Standard Profiles'!$G$20=$B$24,21,0),0)),0)</f>
        <v>0</v>
      </c>
      <c r="G2421" cm="1">
        <f t="array" ref="G2421">IFERROR(INDEX(Jesper!AK$2:AK$366,ROUNDDOWN($C2421/24,0)+1,1)*INDEX($D$3:$AA$30,INDEX(Jesper!$R$2:$R$366,ROW(INDEX(Jesper!AK$2:AK$366,ROUNDDOWN($C2421/24,0)+1,1))-1)+IF('Standard Profiles'!$G$21=$B$10,7,0)+IF('Standard Profiles'!$G$21=$B$17,14,0)+IF('Standard Profiles'!$G$21=$B$24,21,0),MOD($C2421,24)+1)/SUM(INDEX($D$3:$AA$30,INDEX(Jesper!$R$2:$R$366,ROW(INDEX(Jesper!AK$2:AK$366,ROUNDDOWN($C2421/24,0)+1,1))-1)+IF('Standard Profiles'!$G$21=$B$10,7,0)+IF('Standard Profiles'!$G$21=$B$17,14,0)+IF('Standard Profiles'!$G$21=$B$24,21,0),0)),0)</f>
        <v>0</v>
      </c>
      <c r="H2421" cm="1">
        <f t="array" ref="H2421">IFERROR(INDEX(Jesper!AL$2:AL$366,ROUNDDOWN($C2421/24,0)+1,1)*INDEX($D$3:$AA$30,INDEX(Jesper!$R$2:$R$366,ROW(INDEX(Jesper!AL$2:AL$366,ROUNDDOWN($C2421/24,0)+1,1))-1)+IF('Standard Profiles'!$G$22=$B$10,7,0)+IF('Standard Profiles'!$G$22=$B$17,14,0)+IF('Standard Profiles'!$G$22=$B$24,21,0),MOD($C2421,24)+1)/SUM(INDEX($D$3:$AA$30,INDEX(Jesper!$R$2:$R$366,ROW(INDEX(Jesper!AL$2:AL$366,ROUNDDOWN($C2421/24,0)+1,1))-1)+IF('Standard Profiles'!$G$22=$B$10,7,0)+IF('Standard Profiles'!$G$22=$B$17,14,0)+IF('Standard Profiles'!$G$22=$B$24,21,0),0)),0)</f>
        <v>0</v>
      </c>
      <c r="I2421">
        <f t="shared" si="279"/>
        <v>0.43803865944400988</v>
      </c>
      <c r="J2421">
        <f t="shared" si="280"/>
        <v>1.4601288648133663</v>
      </c>
      <c r="K2421">
        <f t="shared" si="281"/>
        <v>2.1901932972200493</v>
      </c>
      <c r="L2421">
        <f t="shared" si="282"/>
        <v>10.512927826656236</v>
      </c>
      <c r="M2421">
        <f t="shared" si="283"/>
        <v>0</v>
      </c>
      <c r="N2421" s="46">
        <f t="shared" si="284"/>
        <v>45391.458333327544</v>
      </c>
    </row>
    <row r="2422" spans="2:14" x14ac:dyDescent="0.3">
      <c r="B2422">
        <f t="shared" si="278"/>
        <v>2</v>
      </c>
      <c r="C2422" s="16">
        <v>2388</v>
      </c>
      <c r="D2422" cm="1">
        <f t="array" ref="D2422">IFERROR(INDEX(Jesper!AH$2:AH$366,ROUNDDOWN($C2422/24,0)+1,1)*INDEX($D$3:$AA$30,INDEX(Jesper!$R$2:$R$366,ROW(INDEX(Jesper!AH$2:AH$366,ROUNDDOWN($C2422/24,0)+1,1))-1)+IF('Standard Profiles'!$G$18=$B$10,7,0)+IF('Standard Profiles'!$G$18=$B$17,14,0)+IF('Standard Profiles'!$G$18=$B$24,21,0),MOD($C2422,24)+1)/SUM(INDEX($D$3:$AA$30,INDEX(Jesper!$R$2:$R$366,ROW(INDEX(Jesper!AH$2:AH$366,ROUNDDOWN($C2422/24,0)+1,1))-1)+IF('Standard Profiles'!$G$18=$B$10,7,0)+IF('Standard Profiles'!$G$18=$B$17,14,0)+IF('Standard Profiles'!$G$18=$B$24,21,0),0)),0)</f>
        <v>14.601288648133663</v>
      </c>
      <c r="E2422" cm="1">
        <f t="array" ref="E2422">IFERROR(INDEX(Jesper!AI$2:AI$366,ROUNDDOWN($C2422/24,0)+1,1)*INDEX($D$3:$AA$30,INDEX(Jesper!$R$2:$R$366,ROW(INDEX(Jesper!AI$2:AI$366,ROUNDDOWN($C2422/24,0)+1,1))-1)+IF('Standard Profiles'!$G$19=$B$10,7,0)+IF('Standard Profiles'!$G$19=$B$17,14,0)+IF('Standard Profiles'!$G$19=$B$24,21,0),MOD($C2422,24)+1)/SUM(INDEX($D$3:$AA$30,INDEX(Jesper!$R$2:$R$366,ROW(INDEX(Jesper!AI$2:AI$366,ROUNDDOWN($C2422/24,0)+1,1))-1)+IF('Standard Profiles'!$G$19=$B$10,7,0)+IF('Standard Profiles'!$G$19=$B$17,14,0)+IF('Standard Profiles'!$G$19=$B$24,21,0),0)),0)</f>
        <v>0</v>
      </c>
      <c r="F2422" cm="1">
        <f t="array" ref="F2422">IFERROR(INDEX(Jesper!AJ$2:AJ$366,ROUNDDOWN($C2422/24,0)+1,1)*INDEX($D$3:$AA$30,INDEX(Jesper!$R$2:$R$366,ROW(INDEX(Jesper!AJ$2:AJ$366,ROUNDDOWN($C2422/24,0)+1,1))-1)+IF('Standard Profiles'!$G$20=$B$10,7,0)+IF('Standard Profiles'!$G$20=$B$17,14,0)+IF('Standard Profiles'!$G$20=$B$24,21,0),MOD($C2422,24)+1)/SUM(INDEX($D$3:$AA$30,INDEX(Jesper!$R$2:$R$366,ROW(INDEX(Jesper!AJ$2:AJ$366,ROUNDDOWN($C2422/24,0)+1,1))-1)+IF('Standard Profiles'!$G$20=$B$10,7,0)+IF('Standard Profiles'!$G$20=$B$17,14,0)+IF('Standard Profiles'!$G$20=$B$24,21,0),0)),0)</f>
        <v>0</v>
      </c>
      <c r="G2422" cm="1">
        <f t="array" ref="G2422">IFERROR(INDEX(Jesper!AK$2:AK$366,ROUNDDOWN($C2422/24,0)+1,1)*INDEX($D$3:$AA$30,INDEX(Jesper!$R$2:$R$366,ROW(INDEX(Jesper!AK$2:AK$366,ROUNDDOWN($C2422/24,0)+1,1))-1)+IF('Standard Profiles'!$G$21=$B$10,7,0)+IF('Standard Profiles'!$G$21=$B$17,14,0)+IF('Standard Profiles'!$G$21=$B$24,21,0),MOD($C2422,24)+1)/SUM(INDEX($D$3:$AA$30,INDEX(Jesper!$R$2:$R$366,ROW(INDEX(Jesper!AK$2:AK$366,ROUNDDOWN($C2422/24,0)+1,1))-1)+IF('Standard Profiles'!$G$21=$B$10,7,0)+IF('Standard Profiles'!$G$21=$B$17,14,0)+IF('Standard Profiles'!$G$21=$B$24,21,0),0)),0)</f>
        <v>0</v>
      </c>
      <c r="H2422" cm="1">
        <f t="array" ref="H2422">IFERROR(INDEX(Jesper!AL$2:AL$366,ROUNDDOWN($C2422/24,0)+1,1)*INDEX($D$3:$AA$30,INDEX(Jesper!$R$2:$R$366,ROW(INDEX(Jesper!AL$2:AL$366,ROUNDDOWN($C2422/24,0)+1,1))-1)+IF('Standard Profiles'!$G$22=$B$10,7,0)+IF('Standard Profiles'!$G$22=$B$17,14,0)+IF('Standard Profiles'!$G$22=$B$24,21,0),MOD($C2422,24)+1)/SUM(INDEX($D$3:$AA$30,INDEX(Jesper!$R$2:$R$366,ROW(INDEX(Jesper!AL$2:AL$366,ROUNDDOWN($C2422/24,0)+1,1))-1)+IF('Standard Profiles'!$G$22=$B$10,7,0)+IF('Standard Profiles'!$G$22=$B$17,14,0)+IF('Standard Profiles'!$G$22=$B$24,21,0),0)),0)</f>
        <v>0</v>
      </c>
      <c r="I2422">
        <f t="shared" si="279"/>
        <v>0.43803865944400988</v>
      </c>
      <c r="J2422">
        <f t="shared" si="280"/>
        <v>1.4601288648133663</v>
      </c>
      <c r="K2422">
        <f t="shared" si="281"/>
        <v>2.1901932972200493</v>
      </c>
      <c r="L2422">
        <f t="shared" si="282"/>
        <v>10.512927826656236</v>
      </c>
      <c r="M2422">
        <f t="shared" si="283"/>
        <v>0</v>
      </c>
      <c r="N2422" s="46">
        <f t="shared" si="284"/>
        <v>45391.499999994208</v>
      </c>
    </row>
    <row r="2423" spans="2:14" x14ac:dyDescent="0.3">
      <c r="B2423">
        <f t="shared" si="278"/>
        <v>2</v>
      </c>
      <c r="C2423" s="16">
        <v>2389</v>
      </c>
      <c r="D2423" cm="1">
        <f t="array" ref="D2423">IFERROR(INDEX(Jesper!AH$2:AH$366,ROUNDDOWN($C2423/24,0)+1,1)*INDEX($D$3:$AA$30,INDEX(Jesper!$R$2:$R$366,ROW(INDEX(Jesper!AH$2:AH$366,ROUNDDOWN($C2423/24,0)+1,1))-1)+IF('Standard Profiles'!$G$18=$B$10,7,0)+IF('Standard Profiles'!$G$18=$B$17,14,0)+IF('Standard Profiles'!$G$18=$B$24,21,0),MOD($C2423,24)+1)/SUM(INDEX($D$3:$AA$30,INDEX(Jesper!$R$2:$R$366,ROW(INDEX(Jesper!AH$2:AH$366,ROUNDDOWN($C2423/24,0)+1,1))-1)+IF('Standard Profiles'!$G$18=$B$10,7,0)+IF('Standard Profiles'!$G$18=$B$17,14,0)+IF('Standard Profiles'!$G$18=$B$24,21,0),0)),0)</f>
        <v>14.601288648133663</v>
      </c>
      <c r="E2423" cm="1">
        <f t="array" ref="E2423">IFERROR(INDEX(Jesper!AI$2:AI$366,ROUNDDOWN($C2423/24,0)+1,1)*INDEX($D$3:$AA$30,INDEX(Jesper!$R$2:$R$366,ROW(INDEX(Jesper!AI$2:AI$366,ROUNDDOWN($C2423/24,0)+1,1))-1)+IF('Standard Profiles'!$G$19=$B$10,7,0)+IF('Standard Profiles'!$G$19=$B$17,14,0)+IF('Standard Profiles'!$G$19=$B$24,21,0),MOD($C2423,24)+1)/SUM(INDEX($D$3:$AA$30,INDEX(Jesper!$R$2:$R$366,ROW(INDEX(Jesper!AI$2:AI$366,ROUNDDOWN($C2423/24,0)+1,1))-1)+IF('Standard Profiles'!$G$19=$B$10,7,0)+IF('Standard Profiles'!$G$19=$B$17,14,0)+IF('Standard Profiles'!$G$19=$B$24,21,0),0)),0)</f>
        <v>0</v>
      </c>
      <c r="F2423" cm="1">
        <f t="array" ref="F2423">IFERROR(INDEX(Jesper!AJ$2:AJ$366,ROUNDDOWN($C2423/24,0)+1,1)*INDEX($D$3:$AA$30,INDEX(Jesper!$R$2:$R$366,ROW(INDEX(Jesper!AJ$2:AJ$366,ROUNDDOWN($C2423/24,0)+1,1))-1)+IF('Standard Profiles'!$G$20=$B$10,7,0)+IF('Standard Profiles'!$G$20=$B$17,14,0)+IF('Standard Profiles'!$G$20=$B$24,21,0),MOD($C2423,24)+1)/SUM(INDEX($D$3:$AA$30,INDEX(Jesper!$R$2:$R$366,ROW(INDEX(Jesper!AJ$2:AJ$366,ROUNDDOWN($C2423/24,0)+1,1))-1)+IF('Standard Profiles'!$G$20=$B$10,7,0)+IF('Standard Profiles'!$G$20=$B$17,14,0)+IF('Standard Profiles'!$G$20=$B$24,21,0),0)),0)</f>
        <v>0</v>
      </c>
      <c r="G2423" cm="1">
        <f t="array" ref="G2423">IFERROR(INDEX(Jesper!AK$2:AK$366,ROUNDDOWN($C2423/24,0)+1,1)*INDEX($D$3:$AA$30,INDEX(Jesper!$R$2:$R$366,ROW(INDEX(Jesper!AK$2:AK$366,ROUNDDOWN($C2423/24,0)+1,1))-1)+IF('Standard Profiles'!$G$21=$B$10,7,0)+IF('Standard Profiles'!$G$21=$B$17,14,0)+IF('Standard Profiles'!$G$21=$B$24,21,0),MOD($C2423,24)+1)/SUM(INDEX($D$3:$AA$30,INDEX(Jesper!$R$2:$R$366,ROW(INDEX(Jesper!AK$2:AK$366,ROUNDDOWN($C2423/24,0)+1,1))-1)+IF('Standard Profiles'!$G$21=$B$10,7,0)+IF('Standard Profiles'!$G$21=$B$17,14,0)+IF('Standard Profiles'!$G$21=$B$24,21,0),0)),0)</f>
        <v>0</v>
      </c>
      <c r="H2423" cm="1">
        <f t="array" ref="H2423">IFERROR(INDEX(Jesper!AL$2:AL$366,ROUNDDOWN($C2423/24,0)+1,1)*INDEX($D$3:$AA$30,INDEX(Jesper!$R$2:$R$366,ROW(INDEX(Jesper!AL$2:AL$366,ROUNDDOWN($C2423/24,0)+1,1))-1)+IF('Standard Profiles'!$G$22=$B$10,7,0)+IF('Standard Profiles'!$G$22=$B$17,14,0)+IF('Standard Profiles'!$G$22=$B$24,21,0),MOD($C2423,24)+1)/SUM(INDEX($D$3:$AA$30,INDEX(Jesper!$R$2:$R$366,ROW(INDEX(Jesper!AL$2:AL$366,ROUNDDOWN($C2423/24,0)+1,1))-1)+IF('Standard Profiles'!$G$22=$B$10,7,0)+IF('Standard Profiles'!$G$22=$B$17,14,0)+IF('Standard Profiles'!$G$22=$B$24,21,0),0)),0)</f>
        <v>0</v>
      </c>
      <c r="I2423">
        <f t="shared" si="279"/>
        <v>0.43803865944400988</v>
      </c>
      <c r="J2423">
        <f t="shared" si="280"/>
        <v>1.4601288648133663</v>
      </c>
      <c r="K2423">
        <f t="shared" si="281"/>
        <v>2.1901932972200493</v>
      </c>
      <c r="L2423">
        <f t="shared" si="282"/>
        <v>10.512927826656236</v>
      </c>
      <c r="M2423">
        <f t="shared" si="283"/>
        <v>0</v>
      </c>
      <c r="N2423" s="46">
        <f t="shared" si="284"/>
        <v>45391.541666660873</v>
      </c>
    </row>
    <row r="2424" spans="2:14" x14ac:dyDescent="0.3">
      <c r="B2424">
        <f t="shared" si="278"/>
        <v>2</v>
      </c>
      <c r="C2424" s="16">
        <v>2390</v>
      </c>
      <c r="D2424" cm="1">
        <f t="array" ref="D2424">IFERROR(INDEX(Jesper!AH$2:AH$366,ROUNDDOWN($C2424/24,0)+1,1)*INDEX($D$3:$AA$30,INDEX(Jesper!$R$2:$R$366,ROW(INDEX(Jesper!AH$2:AH$366,ROUNDDOWN($C2424/24,0)+1,1))-1)+IF('Standard Profiles'!$G$18=$B$10,7,0)+IF('Standard Profiles'!$G$18=$B$17,14,0)+IF('Standard Profiles'!$G$18=$B$24,21,0),MOD($C2424,24)+1)/SUM(INDEX($D$3:$AA$30,INDEX(Jesper!$R$2:$R$366,ROW(INDEX(Jesper!AH$2:AH$366,ROUNDDOWN($C2424/24,0)+1,1))-1)+IF('Standard Profiles'!$G$18=$B$10,7,0)+IF('Standard Profiles'!$G$18=$B$17,14,0)+IF('Standard Profiles'!$G$18=$B$24,21,0),0)),0)</f>
        <v>14.601288648133663</v>
      </c>
      <c r="E2424" cm="1">
        <f t="array" ref="E2424">IFERROR(INDEX(Jesper!AI$2:AI$366,ROUNDDOWN($C2424/24,0)+1,1)*INDEX($D$3:$AA$30,INDEX(Jesper!$R$2:$R$366,ROW(INDEX(Jesper!AI$2:AI$366,ROUNDDOWN($C2424/24,0)+1,1))-1)+IF('Standard Profiles'!$G$19=$B$10,7,0)+IF('Standard Profiles'!$G$19=$B$17,14,0)+IF('Standard Profiles'!$G$19=$B$24,21,0),MOD($C2424,24)+1)/SUM(INDEX($D$3:$AA$30,INDEX(Jesper!$R$2:$R$366,ROW(INDEX(Jesper!AI$2:AI$366,ROUNDDOWN($C2424/24,0)+1,1))-1)+IF('Standard Profiles'!$G$19=$B$10,7,0)+IF('Standard Profiles'!$G$19=$B$17,14,0)+IF('Standard Profiles'!$G$19=$B$24,21,0),0)),0)</f>
        <v>0</v>
      </c>
      <c r="F2424" cm="1">
        <f t="array" ref="F2424">IFERROR(INDEX(Jesper!AJ$2:AJ$366,ROUNDDOWN($C2424/24,0)+1,1)*INDEX($D$3:$AA$30,INDEX(Jesper!$R$2:$R$366,ROW(INDEX(Jesper!AJ$2:AJ$366,ROUNDDOWN($C2424/24,0)+1,1))-1)+IF('Standard Profiles'!$G$20=$B$10,7,0)+IF('Standard Profiles'!$G$20=$B$17,14,0)+IF('Standard Profiles'!$G$20=$B$24,21,0),MOD($C2424,24)+1)/SUM(INDEX($D$3:$AA$30,INDEX(Jesper!$R$2:$R$366,ROW(INDEX(Jesper!AJ$2:AJ$366,ROUNDDOWN($C2424/24,0)+1,1))-1)+IF('Standard Profiles'!$G$20=$B$10,7,0)+IF('Standard Profiles'!$G$20=$B$17,14,0)+IF('Standard Profiles'!$G$20=$B$24,21,0),0)),0)</f>
        <v>0</v>
      </c>
      <c r="G2424" cm="1">
        <f t="array" ref="G2424">IFERROR(INDEX(Jesper!AK$2:AK$366,ROUNDDOWN($C2424/24,0)+1,1)*INDEX($D$3:$AA$30,INDEX(Jesper!$R$2:$R$366,ROW(INDEX(Jesper!AK$2:AK$366,ROUNDDOWN($C2424/24,0)+1,1))-1)+IF('Standard Profiles'!$G$21=$B$10,7,0)+IF('Standard Profiles'!$G$21=$B$17,14,0)+IF('Standard Profiles'!$G$21=$B$24,21,0),MOD($C2424,24)+1)/SUM(INDEX($D$3:$AA$30,INDEX(Jesper!$R$2:$R$366,ROW(INDEX(Jesper!AK$2:AK$366,ROUNDDOWN($C2424/24,0)+1,1))-1)+IF('Standard Profiles'!$G$21=$B$10,7,0)+IF('Standard Profiles'!$G$21=$B$17,14,0)+IF('Standard Profiles'!$G$21=$B$24,21,0),0)),0)</f>
        <v>0</v>
      </c>
      <c r="H2424" cm="1">
        <f t="array" ref="H2424">IFERROR(INDEX(Jesper!AL$2:AL$366,ROUNDDOWN($C2424/24,0)+1,1)*INDEX($D$3:$AA$30,INDEX(Jesper!$R$2:$R$366,ROW(INDEX(Jesper!AL$2:AL$366,ROUNDDOWN($C2424/24,0)+1,1))-1)+IF('Standard Profiles'!$G$22=$B$10,7,0)+IF('Standard Profiles'!$G$22=$B$17,14,0)+IF('Standard Profiles'!$G$22=$B$24,21,0),MOD($C2424,24)+1)/SUM(INDEX($D$3:$AA$30,INDEX(Jesper!$R$2:$R$366,ROW(INDEX(Jesper!AL$2:AL$366,ROUNDDOWN($C2424/24,0)+1,1))-1)+IF('Standard Profiles'!$G$22=$B$10,7,0)+IF('Standard Profiles'!$G$22=$B$17,14,0)+IF('Standard Profiles'!$G$22=$B$24,21,0),0)),0)</f>
        <v>0</v>
      </c>
      <c r="I2424">
        <f t="shared" si="279"/>
        <v>0.43803865944400988</v>
      </c>
      <c r="J2424">
        <f t="shared" si="280"/>
        <v>1.4601288648133663</v>
      </c>
      <c r="K2424">
        <f t="shared" si="281"/>
        <v>2.1901932972200493</v>
      </c>
      <c r="L2424">
        <f t="shared" si="282"/>
        <v>10.512927826656236</v>
      </c>
      <c r="M2424">
        <f t="shared" si="283"/>
        <v>0</v>
      </c>
      <c r="N2424" s="46">
        <f t="shared" si="284"/>
        <v>45391.583333327537</v>
      </c>
    </row>
    <row r="2425" spans="2:14" x14ac:dyDescent="0.3">
      <c r="B2425">
        <f t="shared" si="278"/>
        <v>2</v>
      </c>
      <c r="C2425" s="16">
        <v>2391</v>
      </c>
      <c r="D2425" cm="1">
        <f t="array" ref="D2425">IFERROR(INDEX(Jesper!AH$2:AH$366,ROUNDDOWN($C2425/24,0)+1,1)*INDEX($D$3:$AA$30,INDEX(Jesper!$R$2:$R$366,ROW(INDEX(Jesper!AH$2:AH$366,ROUNDDOWN($C2425/24,0)+1,1))-1)+IF('Standard Profiles'!$G$18=$B$10,7,0)+IF('Standard Profiles'!$G$18=$B$17,14,0)+IF('Standard Profiles'!$G$18=$B$24,21,0),MOD($C2425,24)+1)/SUM(INDEX($D$3:$AA$30,INDEX(Jesper!$R$2:$R$366,ROW(INDEX(Jesper!AH$2:AH$366,ROUNDDOWN($C2425/24,0)+1,1))-1)+IF('Standard Profiles'!$G$18=$B$10,7,0)+IF('Standard Profiles'!$G$18=$B$17,14,0)+IF('Standard Profiles'!$G$18=$B$24,21,0),0)),0)</f>
        <v>14.601288648133663</v>
      </c>
      <c r="E2425" cm="1">
        <f t="array" ref="E2425">IFERROR(INDEX(Jesper!AI$2:AI$366,ROUNDDOWN($C2425/24,0)+1,1)*INDEX($D$3:$AA$30,INDEX(Jesper!$R$2:$R$366,ROW(INDEX(Jesper!AI$2:AI$366,ROUNDDOWN($C2425/24,0)+1,1))-1)+IF('Standard Profiles'!$G$19=$B$10,7,0)+IF('Standard Profiles'!$G$19=$B$17,14,0)+IF('Standard Profiles'!$G$19=$B$24,21,0),MOD($C2425,24)+1)/SUM(INDEX($D$3:$AA$30,INDEX(Jesper!$R$2:$R$366,ROW(INDEX(Jesper!AI$2:AI$366,ROUNDDOWN($C2425/24,0)+1,1))-1)+IF('Standard Profiles'!$G$19=$B$10,7,0)+IF('Standard Profiles'!$G$19=$B$17,14,0)+IF('Standard Profiles'!$G$19=$B$24,21,0),0)),0)</f>
        <v>0</v>
      </c>
      <c r="F2425" cm="1">
        <f t="array" ref="F2425">IFERROR(INDEX(Jesper!AJ$2:AJ$366,ROUNDDOWN($C2425/24,0)+1,1)*INDEX($D$3:$AA$30,INDEX(Jesper!$R$2:$R$366,ROW(INDEX(Jesper!AJ$2:AJ$366,ROUNDDOWN($C2425/24,0)+1,1))-1)+IF('Standard Profiles'!$G$20=$B$10,7,0)+IF('Standard Profiles'!$G$20=$B$17,14,0)+IF('Standard Profiles'!$G$20=$B$24,21,0),MOD($C2425,24)+1)/SUM(INDEX($D$3:$AA$30,INDEX(Jesper!$R$2:$R$366,ROW(INDEX(Jesper!AJ$2:AJ$366,ROUNDDOWN($C2425/24,0)+1,1))-1)+IF('Standard Profiles'!$G$20=$B$10,7,0)+IF('Standard Profiles'!$G$20=$B$17,14,0)+IF('Standard Profiles'!$G$20=$B$24,21,0),0)),0)</f>
        <v>0</v>
      </c>
      <c r="G2425" cm="1">
        <f t="array" ref="G2425">IFERROR(INDEX(Jesper!AK$2:AK$366,ROUNDDOWN($C2425/24,0)+1,1)*INDEX($D$3:$AA$30,INDEX(Jesper!$R$2:$R$366,ROW(INDEX(Jesper!AK$2:AK$366,ROUNDDOWN($C2425/24,0)+1,1))-1)+IF('Standard Profiles'!$G$21=$B$10,7,0)+IF('Standard Profiles'!$G$21=$B$17,14,0)+IF('Standard Profiles'!$G$21=$B$24,21,0),MOD($C2425,24)+1)/SUM(INDEX($D$3:$AA$30,INDEX(Jesper!$R$2:$R$366,ROW(INDEX(Jesper!AK$2:AK$366,ROUNDDOWN($C2425/24,0)+1,1))-1)+IF('Standard Profiles'!$G$21=$B$10,7,0)+IF('Standard Profiles'!$G$21=$B$17,14,0)+IF('Standard Profiles'!$G$21=$B$24,21,0),0)),0)</f>
        <v>0</v>
      </c>
      <c r="H2425" cm="1">
        <f t="array" ref="H2425">IFERROR(INDEX(Jesper!AL$2:AL$366,ROUNDDOWN($C2425/24,0)+1,1)*INDEX($D$3:$AA$30,INDEX(Jesper!$R$2:$R$366,ROW(INDEX(Jesper!AL$2:AL$366,ROUNDDOWN($C2425/24,0)+1,1))-1)+IF('Standard Profiles'!$G$22=$B$10,7,0)+IF('Standard Profiles'!$G$22=$B$17,14,0)+IF('Standard Profiles'!$G$22=$B$24,21,0),MOD($C2425,24)+1)/SUM(INDEX($D$3:$AA$30,INDEX(Jesper!$R$2:$R$366,ROW(INDEX(Jesper!AL$2:AL$366,ROUNDDOWN($C2425/24,0)+1,1))-1)+IF('Standard Profiles'!$G$22=$B$10,7,0)+IF('Standard Profiles'!$G$22=$B$17,14,0)+IF('Standard Profiles'!$G$22=$B$24,21,0),0)),0)</f>
        <v>0</v>
      </c>
      <c r="I2425">
        <f t="shared" si="279"/>
        <v>0.43803865944400988</v>
      </c>
      <c r="J2425">
        <f t="shared" si="280"/>
        <v>1.4601288648133663</v>
      </c>
      <c r="K2425">
        <f t="shared" si="281"/>
        <v>2.1901932972200493</v>
      </c>
      <c r="L2425">
        <f t="shared" si="282"/>
        <v>10.512927826656236</v>
      </c>
      <c r="M2425">
        <f t="shared" si="283"/>
        <v>0</v>
      </c>
      <c r="N2425" s="46">
        <f t="shared" si="284"/>
        <v>45391.624999994201</v>
      </c>
    </row>
    <row r="2426" spans="2:14" x14ac:dyDescent="0.3">
      <c r="B2426">
        <f t="shared" si="278"/>
        <v>2</v>
      </c>
      <c r="C2426" s="16">
        <v>2392</v>
      </c>
      <c r="D2426" cm="1">
        <f t="array" ref="D2426">IFERROR(INDEX(Jesper!AH$2:AH$366,ROUNDDOWN($C2426/24,0)+1,1)*INDEX($D$3:$AA$30,INDEX(Jesper!$R$2:$R$366,ROW(INDEX(Jesper!AH$2:AH$366,ROUNDDOWN($C2426/24,0)+1,1))-1)+IF('Standard Profiles'!$G$18=$B$10,7,0)+IF('Standard Profiles'!$G$18=$B$17,14,0)+IF('Standard Profiles'!$G$18=$B$24,21,0),MOD($C2426,24)+1)/SUM(INDEX($D$3:$AA$30,INDEX(Jesper!$R$2:$R$366,ROW(INDEX(Jesper!AH$2:AH$366,ROUNDDOWN($C2426/24,0)+1,1))-1)+IF('Standard Profiles'!$G$18=$B$10,7,0)+IF('Standard Profiles'!$G$18=$B$17,14,0)+IF('Standard Profiles'!$G$18=$B$24,21,0),0)),0)</f>
        <v>14.601288648133663</v>
      </c>
      <c r="E2426" cm="1">
        <f t="array" ref="E2426">IFERROR(INDEX(Jesper!AI$2:AI$366,ROUNDDOWN($C2426/24,0)+1,1)*INDEX($D$3:$AA$30,INDEX(Jesper!$R$2:$R$366,ROW(INDEX(Jesper!AI$2:AI$366,ROUNDDOWN($C2426/24,0)+1,1))-1)+IF('Standard Profiles'!$G$19=$B$10,7,0)+IF('Standard Profiles'!$G$19=$B$17,14,0)+IF('Standard Profiles'!$G$19=$B$24,21,0),MOD($C2426,24)+1)/SUM(INDEX($D$3:$AA$30,INDEX(Jesper!$R$2:$R$366,ROW(INDEX(Jesper!AI$2:AI$366,ROUNDDOWN($C2426/24,0)+1,1))-1)+IF('Standard Profiles'!$G$19=$B$10,7,0)+IF('Standard Profiles'!$G$19=$B$17,14,0)+IF('Standard Profiles'!$G$19=$B$24,21,0),0)),0)</f>
        <v>0</v>
      </c>
      <c r="F2426" cm="1">
        <f t="array" ref="F2426">IFERROR(INDEX(Jesper!AJ$2:AJ$366,ROUNDDOWN($C2426/24,0)+1,1)*INDEX($D$3:$AA$30,INDEX(Jesper!$R$2:$R$366,ROW(INDEX(Jesper!AJ$2:AJ$366,ROUNDDOWN($C2426/24,0)+1,1))-1)+IF('Standard Profiles'!$G$20=$B$10,7,0)+IF('Standard Profiles'!$G$20=$B$17,14,0)+IF('Standard Profiles'!$G$20=$B$24,21,0),MOD($C2426,24)+1)/SUM(INDEX($D$3:$AA$30,INDEX(Jesper!$R$2:$R$366,ROW(INDEX(Jesper!AJ$2:AJ$366,ROUNDDOWN($C2426/24,0)+1,1))-1)+IF('Standard Profiles'!$G$20=$B$10,7,0)+IF('Standard Profiles'!$G$20=$B$17,14,0)+IF('Standard Profiles'!$G$20=$B$24,21,0),0)),0)</f>
        <v>0</v>
      </c>
      <c r="G2426" cm="1">
        <f t="array" ref="G2426">IFERROR(INDEX(Jesper!AK$2:AK$366,ROUNDDOWN($C2426/24,0)+1,1)*INDEX($D$3:$AA$30,INDEX(Jesper!$R$2:$R$366,ROW(INDEX(Jesper!AK$2:AK$366,ROUNDDOWN($C2426/24,0)+1,1))-1)+IF('Standard Profiles'!$G$21=$B$10,7,0)+IF('Standard Profiles'!$G$21=$B$17,14,0)+IF('Standard Profiles'!$G$21=$B$24,21,0),MOD($C2426,24)+1)/SUM(INDEX($D$3:$AA$30,INDEX(Jesper!$R$2:$R$366,ROW(INDEX(Jesper!AK$2:AK$366,ROUNDDOWN($C2426/24,0)+1,1))-1)+IF('Standard Profiles'!$G$21=$B$10,7,0)+IF('Standard Profiles'!$G$21=$B$17,14,0)+IF('Standard Profiles'!$G$21=$B$24,21,0),0)),0)</f>
        <v>0</v>
      </c>
      <c r="H2426" cm="1">
        <f t="array" ref="H2426">IFERROR(INDEX(Jesper!AL$2:AL$366,ROUNDDOWN($C2426/24,0)+1,1)*INDEX($D$3:$AA$30,INDEX(Jesper!$R$2:$R$366,ROW(INDEX(Jesper!AL$2:AL$366,ROUNDDOWN($C2426/24,0)+1,1))-1)+IF('Standard Profiles'!$G$22=$B$10,7,0)+IF('Standard Profiles'!$G$22=$B$17,14,0)+IF('Standard Profiles'!$G$22=$B$24,21,0),MOD($C2426,24)+1)/SUM(INDEX($D$3:$AA$30,INDEX(Jesper!$R$2:$R$366,ROW(INDEX(Jesper!AL$2:AL$366,ROUNDDOWN($C2426/24,0)+1,1))-1)+IF('Standard Profiles'!$G$22=$B$10,7,0)+IF('Standard Profiles'!$G$22=$B$17,14,0)+IF('Standard Profiles'!$G$22=$B$24,21,0),0)),0)</f>
        <v>0</v>
      </c>
      <c r="I2426">
        <f t="shared" si="279"/>
        <v>0.43803865944400988</v>
      </c>
      <c r="J2426">
        <f t="shared" si="280"/>
        <v>1.4601288648133663</v>
      </c>
      <c r="K2426">
        <f t="shared" si="281"/>
        <v>2.1901932972200493</v>
      </c>
      <c r="L2426">
        <f t="shared" si="282"/>
        <v>10.512927826656236</v>
      </c>
      <c r="M2426">
        <f t="shared" si="283"/>
        <v>0</v>
      </c>
      <c r="N2426" s="46">
        <f t="shared" si="284"/>
        <v>45391.666666660865</v>
      </c>
    </row>
    <row r="2427" spans="2:14" x14ac:dyDescent="0.3">
      <c r="B2427">
        <f t="shared" si="278"/>
        <v>2</v>
      </c>
      <c r="C2427" s="16">
        <v>2393</v>
      </c>
      <c r="D2427" cm="1">
        <f t="array" ref="D2427">IFERROR(INDEX(Jesper!AH$2:AH$366,ROUNDDOWN($C2427/24,0)+1,1)*INDEX($D$3:$AA$30,INDEX(Jesper!$R$2:$R$366,ROW(INDEX(Jesper!AH$2:AH$366,ROUNDDOWN($C2427/24,0)+1,1))-1)+IF('Standard Profiles'!$G$18=$B$10,7,0)+IF('Standard Profiles'!$G$18=$B$17,14,0)+IF('Standard Profiles'!$G$18=$B$24,21,0),MOD($C2427,24)+1)/SUM(INDEX($D$3:$AA$30,INDEX(Jesper!$R$2:$R$366,ROW(INDEX(Jesper!AH$2:AH$366,ROUNDDOWN($C2427/24,0)+1,1))-1)+IF('Standard Profiles'!$G$18=$B$10,7,0)+IF('Standard Profiles'!$G$18=$B$17,14,0)+IF('Standard Profiles'!$G$18=$B$24,21,0),0)),0)</f>
        <v>14.601288648133663</v>
      </c>
      <c r="E2427" cm="1">
        <f t="array" ref="E2427">IFERROR(INDEX(Jesper!AI$2:AI$366,ROUNDDOWN($C2427/24,0)+1,1)*INDEX($D$3:$AA$30,INDEX(Jesper!$R$2:$R$366,ROW(INDEX(Jesper!AI$2:AI$366,ROUNDDOWN($C2427/24,0)+1,1))-1)+IF('Standard Profiles'!$G$19=$B$10,7,0)+IF('Standard Profiles'!$G$19=$B$17,14,0)+IF('Standard Profiles'!$G$19=$B$24,21,0),MOD($C2427,24)+1)/SUM(INDEX($D$3:$AA$30,INDEX(Jesper!$R$2:$R$366,ROW(INDEX(Jesper!AI$2:AI$366,ROUNDDOWN($C2427/24,0)+1,1))-1)+IF('Standard Profiles'!$G$19=$B$10,7,0)+IF('Standard Profiles'!$G$19=$B$17,14,0)+IF('Standard Profiles'!$G$19=$B$24,21,0),0)),0)</f>
        <v>0</v>
      </c>
      <c r="F2427" cm="1">
        <f t="array" ref="F2427">IFERROR(INDEX(Jesper!AJ$2:AJ$366,ROUNDDOWN($C2427/24,0)+1,1)*INDEX($D$3:$AA$30,INDEX(Jesper!$R$2:$R$366,ROW(INDEX(Jesper!AJ$2:AJ$366,ROUNDDOWN($C2427/24,0)+1,1))-1)+IF('Standard Profiles'!$G$20=$B$10,7,0)+IF('Standard Profiles'!$G$20=$B$17,14,0)+IF('Standard Profiles'!$G$20=$B$24,21,0),MOD($C2427,24)+1)/SUM(INDEX($D$3:$AA$30,INDEX(Jesper!$R$2:$R$366,ROW(INDEX(Jesper!AJ$2:AJ$366,ROUNDDOWN($C2427/24,0)+1,1))-1)+IF('Standard Profiles'!$G$20=$B$10,7,0)+IF('Standard Profiles'!$G$20=$B$17,14,0)+IF('Standard Profiles'!$G$20=$B$24,21,0),0)),0)</f>
        <v>0</v>
      </c>
      <c r="G2427" cm="1">
        <f t="array" ref="G2427">IFERROR(INDEX(Jesper!AK$2:AK$366,ROUNDDOWN($C2427/24,0)+1,1)*INDEX($D$3:$AA$30,INDEX(Jesper!$R$2:$R$366,ROW(INDEX(Jesper!AK$2:AK$366,ROUNDDOWN($C2427/24,0)+1,1))-1)+IF('Standard Profiles'!$G$21=$B$10,7,0)+IF('Standard Profiles'!$G$21=$B$17,14,0)+IF('Standard Profiles'!$G$21=$B$24,21,0),MOD($C2427,24)+1)/SUM(INDEX($D$3:$AA$30,INDEX(Jesper!$R$2:$R$366,ROW(INDEX(Jesper!AK$2:AK$366,ROUNDDOWN($C2427/24,0)+1,1))-1)+IF('Standard Profiles'!$G$21=$B$10,7,0)+IF('Standard Profiles'!$G$21=$B$17,14,0)+IF('Standard Profiles'!$G$21=$B$24,21,0),0)),0)</f>
        <v>0</v>
      </c>
      <c r="H2427" cm="1">
        <f t="array" ref="H2427">IFERROR(INDEX(Jesper!AL$2:AL$366,ROUNDDOWN($C2427/24,0)+1,1)*INDEX($D$3:$AA$30,INDEX(Jesper!$R$2:$R$366,ROW(INDEX(Jesper!AL$2:AL$366,ROUNDDOWN($C2427/24,0)+1,1))-1)+IF('Standard Profiles'!$G$22=$B$10,7,0)+IF('Standard Profiles'!$G$22=$B$17,14,0)+IF('Standard Profiles'!$G$22=$B$24,21,0),MOD($C2427,24)+1)/SUM(INDEX($D$3:$AA$30,INDEX(Jesper!$R$2:$R$366,ROW(INDEX(Jesper!AL$2:AL$366,ROUNDDOWN($C2427/24,0)+1,1))-1)+IF('Standard Profiles'!$G$22=$B$10,7,0)+IF('Standard Profiles'!$G$22=$B$17,14,0)+IF('Standard Profiles'!$G$22=$B$24,21,0),0)),0)</f>
        <v>0</v>
      </c>
      <c r="I2427">
        <f t="shared" si="279"/>
        <v>0.43803865944400988</v>
      </c>
      <c r="J2427">
        <f t="shared" si="280"/>
        <v>1.4601288648133663</v>
      </c>
      <c r="K2427">
        <f t="shared" si="281"/>
        <v>2.1901932972200493</v>
      </c>
      <c r="L2427">
        <f t="shared" si="282"/>
        <v>10.512927826656236</v>
      </c>
      <c r="M2427">
        <f t="shared" si="283"/>
        <v>0</v>
      </c>
      <c r="N2427" s="46">
        <f t="shared" si="284"/>
        <v>45391.70833332753</v>
      </c>
    </row>
    <row r="2428" spans="2:14" x14ac:dyDescent="0.3">
      <c r="B2428">
        <f t="shared" si="278"/>
        <v>2</v>
      </c>
      <c r="C2428" s="16">
        <v>2394</v>
      </c>
      <c r="D2428" cm="1">
        <f t="array" ref="D2428">IFERROR(INDEX(Jesper!AH$2:AH$366,ROUNDDOWN($C2428/24,0)+1,1)*INDEX($D$3:$AA$30,INDEX(Jesper!$R$2:$R$366,ROW(INDEX(Jesper!AH$2:AH$366,ROUNDDOWN($C2428/24,0)+1,1))-1)+IF('Standard Profiles'!$G$18=$B$10,7,0)+IF('Standard Profiles'!$G$18=$B$17,14,0)+IF('Standard Profiles'!$G$18=$B$24,21,0),MOD($C2428,24)+1)/SUM(INDEX($D$3:$AA$30,INDEX(Jesper!$R$2:$R$366,ROW(INDEX(Jesper!AH$2:AH$366,ROUNDDOWN($C2428/24,0)+1,1))-1)+IF('Standard Profiles'!$G$18=$B$10,7,0)+IF('Standard Profiles'!$G$18=$B$17,14,0)+IF('Standard Profiles'!$G$18=$B$24,21,0),0)),0)</f>
        <v>14.601288648133663</v>
      </c>
      <c r="E2428" cm="1">
        <f t="array" ref="E2428">IFERROR(INDEX(Jesper!AI$2:AI$366,ROUNDDOWN($C2428/24,0)+1,1)*INDEX($D$3:$AA$30,INDEX(Jesper!$R$2:$R$366,ROW(INDEX(Jesper!AI$2:AI$366,ROUNDDOWN($C2428/24,0)+1,1))-1)+IF('Standard Profiles'!$G$19=$B$10,7,0)+IF('Standard Profiles'!$G$19=$B$17,14,0)+IF('Standard Profiles'!$G$19=$B$24,21,0),MOD($C2428,24)+1)/SUM(INDEX($D$3:$AA$30,INDEX(Jesper!$R$2:$R$366,ROW(INDEX(Jesper!AI$2:AI$366,ROUNDDOWN($C2428/24,0)+1,1))-1)+IF('Standard Profiles'!$G$19=$B$10,7,0)+IF('Standard Profiles'!$G$19=$B$17,14,0)+IF('Standard Profiles'!$G$19=$B$24,21,0),0)),0)</f>
        <v>0</v>
      </c>
      <c r="F2428" cm="1">
        <f t="array" ref="F2428">IFERROR(INDEX(Jesper!AJ$2:AJ$366,ROUNDDOWN($C2428/24,0)+1,1)*INDEX($D$3:$AA$30,INDEX(Jesper!$R$2:$R$366,ROW(INDEX(Jesper!AJ$2:AJ$366,ROUNDDOWN($C2428/24,0)+1,1))-1)+IF('Standard Profiles'!$G$20=$B$10,7,0)+IF('Standard Profiles'!$G$20=$B$17,14,0)+IF('Standard Profiles'!$G$20=$B$24,21,0),MOD($C2428,24)+1)/SUM(INDEX($D$3:$AA$30,INDEX(Jesper!$R$2:$R$366,ROW(INDEX(Jesper!AJ$2:AJ$366,ROUNDDOWN($C2428/24,0)+1,1))-1)+IF('Standard Profiles'!$G$20=$B$10,7,0)+IF('Standard Profiles'!$G$20=$B$17,14,0)+IF('Standard Profiles'!$G$20=$B$24,21,0),0)),0)</f>
        <v>0</v>
      </c>
      <c r="G2428" cm="1">
        <f t="array" ref="G2428">IFERROR(INDEX(Jesper!AK$2:AK$366,ROUNDDOWN($C2428/24,0)+1,1)*INDEX($D$3:$AA$30,INDEX(Jesper!$R$2:$R$366,ROW(INDEX(Jesper!AK$2:AK$366,ROUNDDOWN($C2428/24,0)+1,1))-1)+IF('Standard Profiles'!$G$21=$B$10,7,0)+IF('Standard Profiles'!$G$21=$B$17,14,0)+IF('Standard Profiles'!$G$21=$B$24,21,0),MOD($C2428,24)+1)/SUM(INDEX($D$3:$AA$30,INDEX(Jesper!$R$2:$R$366,ROW(INDEX(Jesper!AK$2:AK$366,ROUNDDOWN($C2428/24,0)+1,1))-1)+IF('Standard Profiles'!$G$21=$B$10,7,0)+IF('Standard Profiles'!$G$21=$B$17,14,0)+IF('Standard Profiles'!$G$21=$B$24,21,0),0)),0)</f>
        <v>0</v>
      </c>
      <c r="H2428" cm="1">
        <f t="array" ref="H2428">IFERROR(INDEX(Jesper!AL$2:AL$366,ROUNDDOWN($C2428/24,0)+1,1)*INDEX($D$3:$AA$30,INDEX(Jesper!$R$2:$R$366,ROW(INDEX(Jesper!AL$2:AL$366,ROUNDDOWN($C2428/24,0)+1,1))-1)+IF('Standard Profiles'!$G$22=$B$10,7,0)+IF('Standard Profiles'!$G$22=$B$17,14,0)+IF('Standard Profiles'!$G$22=$B$24,21,0),MOD($C2428,24)+1)/SUM(INDEX($D$3:$AA$30,INDEX(Jesper!$R$2:$R$366,ROW(INDEX(Jesper!AL$2:AL$366,ROUNDDOWN($C2428/24,0)+1,1))-1)+IF('Standard Profiles'!$G$22=$B$10,7,0)+IF('Standard Profiles'!$G$22=$B$17,14,0)+IF('Standard Profiles'!$G$22=$B$24,21,0),0)),0)</f>
        <v>0</v>
      </c>
      <c r="I2428">
        <f t="shared" si="279"/>
        <v>0.43803865944400988</v>
      </c>
      <c r="J2428">
        <f t="shared" si="280"/>
        <v>1.4601288648133663</v>
      </c>
      <c r="K2428">
        <f t="shared" si="281"/>
        <v>2.1901932972200493</v>
      </c>
      <c r="L2428">
        <f t="shared" si="282"/>
        <v>10.512927826656236</v>
      </c>
      <c r="M2428">
        <f t="shared" si="283"/>
        <v>0</v>
      </c>
      <c r="N2428" s="46">
        <f t="shared" si="284"/>
        <v>45391.749999994194</v>
      </c>
    </row>
    <row r="2429" spans="2:14" x14ac:dyDescent="0.3">
      <c r="B2429">
        <f t="shared" si="278"/>
        <v>2</v>
      </c>
      <c r="C2429" s="16">
        <v>2395</v>
      </c>
      <c r="D2429" cm="1">
        <f t="array" ref="D2429">IFERROR(INDEX(Jesper!AH$2:AH$366,ROUNDDOWN($C2429/24,0)+1,1)*INDEX($D$3:$AA$30,INDEX(Jesper!$R$2:$R$366,ROW(INDEX(Jesper!AH$2:AH$366,ROUNDDOWN($C2429/24,0)+1,1))-1)+IF('Standard Profiles'!$G$18=$B$10,7,0)+IF('Standard Profiles'!$G$18=$B$17,14,0)+IF('Standard Profiles'!$G$18=$B$24,21,0),MOD($C2429,24)+1)/SUM(INDEX($D$3:$AA$30,INDEX(Jesper!$R$2:$R$366,ROW(INDEX(Jesper!AH$2:AH$366,ROUNDDOWN($C2429/24,0)+1,1))-1)+IF('Standard Profiles'!$G$18=$B$10,7,0)+IF('Standard Profiles'!$G$18=$B$17,14,0)+IF('Standard Profiles'!$G$18=$B$24,21,0),0)),0)</f>
        <v>12.228579242811943</v>
      </c>
      <c r="E2429" cm="1">
        <f t="array" ref="E2429">IFERROR(INDEX(Jesper!AI$2:AI$366,ROUNDDOWN($C2429/24,0)+1,1)*INDEX($D$3:$AA$30,INDEX(Jesper!$R$2:$R$366,ROW(INDEX(Jesper!AI$2:AI$366,ROUNDDOWN($C2429/24,0)+1,1))-1)+IF('Standard Profiles'!$G$19=$B$10,7,0)+IF('Standard Profiles'!$G$19=$B$17,14,0)+IF('Standard Profiles'!$G$19=$B$24,21,0),MOD($C2429,24)+1)/SUM(INDEX($D$3:$AA$30,INDEX(Jesper!$R$2:$R$366,ROW(INDEX(Jesper!AI$2:AI$366,ROUNDDOWN($C2429/24,0)+1,1))-1)+IF('Standard Profiles'!$G$19=$B$10,7,0)+IF('Standard Profiles'!$G$19=$B$17,14,0)+IF('Standard Profiles'!$G$19=$B$24,21,0),0)),0)</f>
        <v>0</v>
      </c>
      <c r="F2429" cm="1">
        <f t="array" ref="F2429">IFERROR(INDEX(Jesper!AJ$2:AJ$366,ROUNDDOWN($C2429/24,0)+1,1)*INDEX($D$3:$AA$30,INDEX(Jesper!$R$2:$R$366,ROW(INDEX(Jesper!AJ$2:AJ$366,ROUNDDOWN($C2429/24,0)+1,1))-1)+IF('Standard Profiles'!$G$20=$B$10,7,0)+IF('Standard Profiles'!$G$20=$B$17,14,0)+IF('Standard Profiles'!$G$20=$B$24,21,0),MOD($C2429,24)+1)/SUM(INDEX($D$3:$AA$30,INDEX(Jesper!$R$2:$R$366,ROW(INDEX(Jesper!AJ$2:AJ$366,ROUNDDOWN($C2429/24,0)+1,1))-1)+IF('Standard Profiles'!$G$20=$B$10,7,0)+IF('Standard Profiles'!$G$20=$B$17,14,0)+IF('Standard Profiles'!$G$20=$B$24,21,0),0)),0)</f>
        <v>0</v>
      </c>
      <c r="G2429" cm="1">
        <f t="array" ref="G2429">IFERROR(INDEX(Jesper!AK$2:AK$366,ROUNDDOWN($C2429/24,0)+1,1)*INDEX($D$3:$AA$30,INDEX(Jesper!$R$2:$R$366,ROW(INDEX(Jesper!AK$2:AK$366,ROUNDDOWN($C2429/24,0)+1,1))-1)+IF('Standard Profiles'!$G$21=$B$10,7,0)+IF('Standard Profiles'!$G$21=$B$17,14,0)+IF('Standard Profiles'!$G$21=$B$24,21,0),MOD($C2429,24)+1)/SUM(INDEX($D$3:$AA$30,INDEX(Jesper!$R$2:$R$366,ROW(INDEX(Jesper!AK$2:AK$366,ROUNDDOWN($C2429/24,0)+1,1))-1)+IF('Standard Profiles'!$G$21=$B$10,7,0)+IF('Standard Profiles'!$G$21=$B$17,14,0)+IF('Standard Profiles'!$G$21=$B$24,21,0),0)),0)</f>
        <v>0</v>
      </c>
      <c r="H2429" cm="1">
        <f t="array" ref="H2429">IFERROR(INDEX(Jesper!AL$2:AL$366,ROUNDDOWN($C2429/24,0)+1,1)*INDEX($D$3:$AA$30,INDEX(Jesper!$R$2:$R$366,ROW(INDEX(Jesper!AL$2:AL$366,ROUNDDOWN($C2429/24,0)+1,1))-1)+IF('Standard Profiles'!$G$22=$B$10,7,0)+IF('Standard Profiles'!$G$22=$B$17,14,0)+IF('Standard Profiles'!$G$22=$B$24,21,0),MOD($C2429,24)+1)/SUM(INDEX($D$3:$AA$30,INDEX(Jesper!$R$2:$R$366,ROW(INDEX(Jesper!AL$2:AL$366,ROUNDDOWN($C2429/24,0)+1,1))-1)+IF('Standard Profiles'!$G$22=$B$10,7,0)+IF('Standard Profiles'!$G$22=$B$17,14,0)+IF('Standard Profiles'!$G$22=$B$24,21,0),0)),0)</f>
        <v>0</v>
      </c>
      <c r="I2429">
        <f t="shared" si="279"/>
        <v>0.3668573772843583</v>
      </c>
      <c r="J2429">
        <f t="shared" si="280"/>
        <v>1.2228579242811943</v>
      </c>
      <c r="K2429">
        <f t="shared" si="281"/>
        <v>1.8342868864217914</v>
      </c>
      <c r="L2429">
        <f t="shared" si="282"/>
        <v>8.8045770548245983</v>
      </c>
      <c r="M2429">
        <f t="shared" si="283"/>
        <v>0</v>
      </c>
      <c r="N2429" s="46">
        <f t="shared" si="284"/>
        <v>45391.791666660858</v>
      </c>
    </row>
    <row r="2430" spans="2:14" x14ac:dyDescent="0.3">
      <c r="B2430">
        <f t="shared" si="278"/>
        <v>2</v>
      </c>
      <c r="C2430" s="16">
        <v>2396</v>
      </c>
      <c r="D2430" cm="1">
        <f t="array" ref="D2430">IFERROR(INDEX(Jesper!AH$2:AH$366,ROUNDDOWN($C2430/24,0)+1,1)*INDEX($D$3:$AA$30,INDEX(Jesper!$R$2:$R$366,ROW(INDEX(Jesper!AH$2:AH$366,ROUNDDOWN($C2430/24,0)+1,1))-1)+IF('Standard Profiles'!$G$18=$B$10,7,0)+IF('Standard Profiles'!$G$18=$B$17,14,0)+IF('Standard Profiles'!$G$18=$B$24,21,0),MOD($C2430,24)+1)/SUM(INDEX($D$3:$AA$30,INDEX(Jesper!$R$2:$R$366,ROW(INDEX(Jesper!AH$2:AH$366,ROUNDDOWN($C2430/24,0)+1,1))-1)+IF('Standard Profiles'!$G$18=$B$10,7,0)+IF('Standard Profiles'!$G$18=$B$17,14,0)+IF('Standard Profiles'!$G$18=$B$24,21,0),0)),0)</f>
        <v>10.038385945591893</v>
      </c>
      <c r="E2430" cm="1">
        <f t="array" ref="E2430">IFERROR(INDEX(Jesper!AI$2:AI$366,ROUNDDOWN($C2430/24,0)+1,1)*INDEX($D$3:$AA$30,INDEX(Jesper!$R$2:$R$366,ROW(INDEX(Jesper!AI$2:AI$366,ROUNDDOWN($C2430/24,0)+1,1))-1)+IF('Standard Profiles'!$G$19=$B$10,7,0)+IF('Standard Profiles'!$G$19=$B$17,14,0)+IF('Standard Profiles'!$G$19=$B$24,21,0),MOD($C2430,24)+1)/SUM(INDEX($D$3:$AA$30,INDEX(Jesper!$R$2:$R$366,ROW(INDEX(Jesper!AI$2:AI$366,ROUNDDOWN($C2430/24,0)+1,1))-1)+IF('Standard Profiles'!$G$19=$B$10,7,0)+IF('Standard Profiles'!$G$19=$B$17,14,0)+IF('Standard Profiles'!$G$19=$B$24,21,0),0)),0)</f>
        <v>0</v>
      </c>
      <c r="F2430" cm="1">
        <f t="array" ref="F2430">IFERROR(INDEX(Jesper!AJ$2:AJ$366,ROUNDDOWN($C2430/24,0)+1,1)*INDEX($D$3:$AA$30,INDEX(Jesper!$R$2:$R$366,ROW(INDEX(Jesper!AJ$2:AJ$366,ROUNDDOWN($C2430/24,0)+1,1))-1)+IF('Standard Profiles'!$G$20=$B$10,7,0)+IF('Standard Profiles'!$G$20=$B$17,14,0)+IF('Standard Profiles'!$G$20=$B$24,21,0),MOD($C2430,24)+1)/SUM(INDEX($D$3:$AA$30,INDEX(Jesper!$R$2:$R$366,ROW(INDEX(Jesper!AJ$2:AJ$366,ROUNDDOWN($C2430/24,0)+1,1))-1)+IF('Standard Profiles'!$G$20=$B$10,7,0)+IF('Standard Profiles'!$G$20=$B$17,14,0)+IF('Standard Profiles'!$G$20=$B$24,21,0),0)),0)</f>
        <v>0</v>
      </c>
      <c r="G2430" cm="1">
        <f t="array" ref="G2430">IFERROR(INDEX(Jesper!AK$2:AK$366,ROUNDDOWN($C2430/24,0)+1,1)*INDEX($D$3:$AA$30,INDEX(Jesper!$R$2:$R$366,ROW(INDEX(Jesper!AK$2:AK$366,ROUNDDOWN($C2430/24,0)+1,1))-1)+IF('Standard Profiles'!$G$21=$B$10,7,0)+IF('Standard Profiles'!$G$21=$B$17,14,0)+IF('Standard Profiles'!$G$21=$B$24,21,0),MOD($C2430,24)+1)/SUM(INDEX($D$3:$AA$30,INDEX(Jesper!$R$2:$R$366,ROW(INDEX(Jesper!AK$2:AK$366,ROUNDDOWN($C2430/24,0)+1,1))-1)+IF('Standard Profiles'!$G$21=$B$10,7,0)+IF('Standard Profiles'!$G$21=$B$17,14,0)+IF('Standard Profiles'!$G$21=$B$24,21,0),0)),0)</f>
        <v>0</v>
      </c>
      <c r="H2430" cm="1">
        <f t="array" ref="H2430">IFERROR(INDEX(Jesper!AL$2:AL$366,ROUNDDOWN($C2430/24,0)+1,1)*INDEX($D$3:$AA$30,INDEX(Jesper!$R$2:$R$366,ROW(INDEX(Jesper!AL$2:AL$366,ROUNDDOWN($C2430/24,0)+1,1))-1)+IF('Standard Profiles'!$G$22=$B$10,7,0)+IF('Standard Profiles'!$G$22=$B$17,14,0)+IF('Standard Profiles'!$G$22=$B$24,21,0),MOD($C2430,24)+1)/SUM(INDEX($D$3:$AA$30,INDEX(Jesper!$R$2:$R$366,ROW(INDEX(Jesper!AL$2:AL$366,ROUNDDOWN($C2430/24,0)+1,1))-1)+IF('Standard Profiles'!$G$22=$B$10,7,0)+IF('Standard Profiles'!$G$22=$B$17,14,0)+IF('Standard Profiles'!$G$22=$B$24,21,0),0)),0)</f>
        <v>0</v>
      </c>
      <c r="I2430">
        <f t="shared" si="279"/>
        <v>0.30115157836775674</v>
      </c>
      <c r="J2430">
        <f t="shared" si="280"/>
        <v>1.0038385945591892</v>
      </c>
      <c r="K2430">
        <f t="shared" si="281"/>
        <v>1.5057578918387839</v>
      </c>
      <c r="L2430">
        <f t="shared" si="282"/>
        <v>7.2276378808261628</v>
      </c>
      <c r="M2430">
        <f t="shared" si="283"/>
        <v>0</v>
      </c>
      <c r="N2430" s="46">
        <f t="shared" si="284"/>
        <v>45391.833333327522</v>
      </c>
    </row>
    <row r="2431" spans="2:14" x14ac:dyDescent="0.3">
      <c r="B2431">
        <f t="shared" si="278"/>
        <v>2</v>
      </c>
      <c r="C2431" s="16">
        <v>2397</v>
      </c>
      <c r="D2431" cm="1">
        <f t="array" ref="D2431">IFERROR(INDEX(Jesper!AH$2:AH$366,ROUNDDOWN($C2431/24,0)+1,1)*INDEX($D$3:$AA$30,INDEX(Jesper!$R$2:$R$366,ROW(INDEX(Jesper!AH$2:AH$366,ROUNDDOWN($C2431/24,0)+1,1))-1)+IF('Standard Profiles'!$G$18=$B$10,7,0)+IF('Standard Profiles'!$G$18=$B$17,14,0)+IF('Standard Profiles'!$G$18=$B$24,21,0),MOD($C2431,24)+1)/SUM(INDEX($D$3:$AA$30,INDEX(Jesper!$R$2:$R$366,ROW(INDEX(Jesper!AH$2:AH$366,ROUNDDOWN($C2431/24,0)+1,1))-1)+IF('Standard Profiles'!$G$18=$B$10,7,0)+IF('Standard Profiles'!$G$18=$B$17,14,0)+IF('Standard Profiles'!$G$18=$B$24,21,0),0)),0)</f>
        <v>7.3006443240668313</v>
      </c>
      <c r="E2431" cm="1">
        <f t="array" ref="E2431">IFERROR(INDEX(Jesper!AI$2:AI$366,ROUNDDOWN($C2431/24,0)+1,1)*INDEX($D$3:$AA$30,INDEX(Jesper!$R$2:$R$366,ROW(INDEX(Jesper!AI$2:AI$366,ROUNDDOWN($C2431/24,0)+1,1))-1)+IF('Standard Profiles'!$G$19=$B$10,7,0)+IF('Standard Profiles'!$G$19=$B$17,14,0)+IF('Standard Profiles'!$G$19=$B$24,21,0),MOD($C2431,24)+1)/SUM(INDEX($D$3:$AA$30,INDEX(Jesper!$R$2:$R$366,ROW(INDEX(Jesper!AI$2:AI$366,ROUNDDOWN($C2431/24,0)+1,1))-1)+IF('Standard Profiles'!$G$19=$B$10,7,0)+IF('Standard Profiles'!$G$19=$B$17,14,0)+IF('Standard Profiles'!$G$19=$B$24,21,0),0)),0)</f>
        <v>0</v>
      </c>
      <c r="F2431" cm="1">
        <f t="array" ref="F2431">IFERROR(INDEX(Jesper!AJ$2:AJ$366,ROUNDDOWN($C2431/24,0)+1,1)*INDEX($D$3:$AA$30,INDEX(Jesper!$R$2:$R$366,ROW(INDEX(Jesper!AJ$2:AJ$366,ROUNDDOWN($C2431/24,0)+1,1))-1)+IF('Standard Profiles'!$G$20=$B$10,7,0)+IF('Standard Profiles'!$G$20=$B$17,14,0)+IF('Standard Profiles'!$G$20=$B$24,21,0),MOD($C2431,24)+1)/SUM(INDEX($D$3:$AA$30,INDEX(Jesper!$R$2:$R$366,ROW(INDEX(Jesper!AJ$2:AJ$366,ROUNDDOWN($C2431/24,0)+1,1))-1)+IF('Standard Profiles'!$G$20=$B$10,7,0)+IF('Standard Profiles'!$G$20=$B$17,14,0)+IF('Standard Profiles'!$G$20=$B$24,21,0),0)),0)</f>
        <v>0</v>
      </c>
      <c r="G2431" cm="1">
        <f t="array" ref="G2431">IFERROR(INDEX(Jesper!AK$2:AK$366,ROUNDDOWN($C2431/24,0)+1,1)*INDEX($D$3:$AA$30,INDEX(Jesper!$R$2:$R$366,ROW(INDEX(Jesper!AK$2:AK$366,ROUNDDOWN($C2431/24,0)+1,1))-1)+IF('Standard Profiles'!$G$21=$B$10,7,0)+IF('Standard Profiles'!$G$21=$B$17,14,0)+IF('Standard Profiles'!$G$21=$B$24,21,0),MOD($C2431,24)+1)/SUM(INDEX($D$3:$AA$30,INDEX(Jesper!$R$2:$R$366,ROW(INDEX(Jesper!AK$2:AK$366,ROUNDDOWN($C2431/24,0)+1,1))-1)+IF('Standard Profiles'!$G$21=$B$10,7,0)+IF('Standard Profiles'!$G$21=$B$17,14,0)+IF('Standard Profiles'!$G$21=$B$24,21,0),0)),0)</f>
        <v>0</v>
      </c>
      <c r="H2431" cm="1">
        <f t="array" ref="H2431">IFERROR(INDEX(Jesper!AL$2:AL$366,ROUNDDOWN($C2431/24,0)+1,1)*INDEX($D$3:$AA$30,INDEX(Jesper!$R$2:$R$366,ROW(INDEX(Jesper!AL$2:AL$366,ROUNDDOWN($C2431/24,0)+1,1))-1)+IF('Standard Profiles'!$G$22=$B$10,7,0)+IF('Standard Profiles'!$G$22=$B$17,14,0)+IF('Standard Profiles'!$G$22=$B$24,21,0),MOD($C2431,24)+1)/SUM(INDEX($D$3:$AA$30,INDEX(Jesper!$R$2:$R$366,ROW(INDEX(Jesper!AL$2:AL$366,ROUNDDOWN($C2431/24,0)+1,1))-1)+IF('Standard Profiles'!$G$22=$B$10,7,0)+IF('Standard Profiles'!$G$22=$B$17,14,0)+IF('Standard Profiles'!$G$22=$B$24,21,0),0)),0)</f>
        <v>0</v>
      </c>
      <c r="I2431">
        <f t="shared" si="279"/>
        <v>0.21901932972200494</v>
      </c>
      <c r="J2431">
        <f t="shared" si="280"/>
        <v>0.73006443240668317</v>
      </c>
      <c r="K2431">
        <f t="shared" si="281"/>
        <v>1.0950966486100246</v>
      </c>
      <c r="L2431">
        <f t="shared" si="282"/>
        <v>5.2564639133281181</v>
      </c>
      <c r="M2431">
        <f t="shared" si="283"/>
        <v>0</v>
      </c>
      <c r="N2431" s="46">
        <f t="shared" si="284"/>
        <v>45391.874999994187</v>
      </c>
    </row>
    <row r="2432" spans="2:14" x14ac:dyDescent="0.3">
      <c r="B2432">
        <f t="shared" si="278"/>
        <v>2</v>
      </c>
      <c r="C2432" s="16">
        <v>2398</v>
      </c>
      <c r="D2432" cm="1">
        <f t="array" ref="D2432">IFERROR(INDEX(Jesper!AH$2:AH$366,ROUNDDOWN($C2432/24,0)+1,1)*INDEX($D$3:$AA$30,INDEX(Jesper!$R$2:$R$366,ROW(INDEX(Jesper!AH$2:AH$366,ROUNDDOWN($C2432/24,0)+1,1))-1)+IF('Standard Profiles'!$G$18=$B$10,7,0)+IF('Standard Profiles'!$G$18=$B$17,14,0)+IF('Standard Profiles'!$G$18=$B$24,21,0),MOD($C2432,24)+1)/SUM(INDEX($D$3:$AA$30,INDEX(Jesper!$R$2:$R$366,ROW(INDEX(Jesper!AH$2:AH$366,ROUNDDOWN($C2432/24,0)+1,1))-1)+IF('Standard Profiles'!$G$18=$B$10,7,0)+IF('Standard Profiles'!$G$18=$B$17,14,0)+IF('Standard Profiles'!$G$18=$B$24,21,0),0)),0)</f>
        <v>7.3006443240668313</v>
      </c>
      <c r="E2432" cm="1">
        <f t="array" ref="E2432">IFERROR(INDEX(Jesper!AI$2:AI$366,ROUNDDOWN($C2432/24,0)+1,1)*INDEX($D$3:$AA$30,INDEX(Jesper!$R$2:$R$366,ROW(INDEX(Jesper!AI$2:AI$366,ROUNDDOWN($C2432/24,0)+1,1))-1)+IF('Standard Profiles'!$G$19=$B$10,7,0)+IF('Standard Profiles'!$G$19=$B$17,14,0)+IF('Standard Profiles'!$G$19=$B$24,21,0),MOD($C2432,24)+1)/SUM(INDEX($D$3:$AA$30,INDEX(Jesper!$R$2:$R$366,ROW(INDEX(Jesper!AI$2:AI$366,ROUNDDOWN($C2432/24,0)+1,1))-1)+IF('Standard Profiles'!$G$19=$B$10,7,0)+IF('Standard Profiles'!$G$19=$B$17,14,0)+IF('Standard Profiles'!$G$19=$B$24,21,0),0)),0)</f>
        <v>0</v>
      </c>
      <c r="F2432" cm="1">
        <f t="array" ref="F2432">IFERROR(INDEX(Jesper!AJ$2:AJ$366,ROUNDDOWN($C2432/24,0)+1,1)*INDEX($D$3:$AA$30,INDEX(Jesper!$R$2:$R$366,ROW(INDEX(Jesper!AJ$2:AJ$366,ROUNDDOWN($C2432/24,0)+1,1))-1)+IF('Standard Profiles'!$G$20=$B$10,7,0)+IF('Standard Profiles'!$G$20=$B$17,14,0)+IF('Standard Profiles'!$G$20=$B$24,21,0),MOD($C2432,24)+1)/SUM(INDEX($D$3:$AA$30,INDEX(Jesper!$R$2:$R$366,ROW(INDEX(Jesper!AJ$2:AJ$366,ROUNDDOWN($C2432/24,0)+1,1))-1)+IF('Standard Profiles'!$G$20=$B$10,7,0)+IF('Standard Profiles'!$G$20=$B$17,14,0)+IF('Standard Profiles'!$G$20=$B$24,21,0),0)),0)</f>
        <v>0</v>
      </c>
      <c r="G2432" cm="1">
        <f t="array" ref="G2432">IFERROR(INDEX(Jesper!AK$2:AK$366,ROUNDDOWN($C2432/24,0)+1,1)*INDEX($D$3:$AA$30,INDEX(Jesper!$R$2:$R$366,ROW(INDEX(Jesper!AK$2:AK$366,ROUNDDOWN($C2432/24,0)+1,1))-1)+IF('Standard Profiles'!$G$21=$B$10,7,0)+IF('Standard Profiles'!$G$21=$B$17,14,0)+IF('Standard Profiles'!$G$21=$B$24,21,0),MOD($C2432,24)+1)/SUM(INDEX($D$3:$AA$30,INDEX(Jesper!$R$2:$R$366,ROW(INDEX(Jesper!AK$2:AK$366,ROUNDDOWN($C2432/24,0)+1,1))-1)+IF('Standard Profiles'!$G$21=$B$10,7,0)+IF('Standard Profiles'!$G$21=$B$17,14,0)+IF('Standard Profiles'!$G$21=$B$24,21,0),0)),0)</f>
        <v>0</v>
      </c>
      <c r="H2432" cm="1">
        <f t="array" ref="H2432">IFERROR(INDEX(Jesper!AL$2:AL$366,ROUNDDOWN($C2432/24,0)+1,1)*INDEX($D$3:$AA$30,INDEX(Jesper!$R$2:$R$366,ROW(INDEX(Jesper!AL$2:AL$366,ROUNDDOWN($C2432/24,0)+1,1))-1)+IF('Standard Profiles'!$G$22=$B$10,7,0)+IF('Standard Profiles'!$G$22=$B$17,14,0)+IF('Standard Profiles'!$G$22=$B$24,21,0),MOD($C2432,24)+1)/SUM(INDEX($D$3:$AA$30,INDEX(Jesper!$R$2:$R$366,ROW(INDEX(Jesper!AL$2:AL$366,ROUNDDOWN($C2432/24,0)+1,1))-1)+IF('Standard Profiles'!$G$22=$B$10,7,0)+IF('Standard Profiles'!$G$22=$B$17,14,0)+IF('Standard Profiles'!$G$22=$B$24,21,0),0)),0)</f>
        <v>0</v>
      </c>
      <c r="I2432">
        <f t="shared" si="279"/>
        <v>0.21901932972200494</v>
      </c>
      <c r="J2432">
        <f t="shared" si="280"/>
        <v>0.73006443240668317</v>
      </c>
      <c r="K2432">
        <f t="shared" si="281"/>
        <v>1.0950966486100246</v>
      </c>
      <c r="L2432">
        <f t="shared" si="282"/>
        <v>5.2564639133281181</v>
      </c>
      <c r="M2432">
        <f t="shared" si="283"/>
        <v>0</v>
      </c>
      <c r="N2432" s="46">
        <f t="shared" si="284"/>
        <v>45391.916666660851</v>
      </c>
    </row>
    <row r="2433" spans="2:14" x14ac:dyDescent="0.3">
      <c r="B2433">
        <f t="shared" si="278"/>
        <v>2</v>
      </c>
      <c r="C2433" s="16">
        <v>2399</v>
      </c>
      <c r="D2433" cm="1">
        <f t="array" ref="D2433">IFERROR(INDEX(Jesper!AH$2:AH$366,ROUNDDOWN($C2433/24,0)+1,1)*INDEX($D$3:$AA$30,INDEX(Jesper!$R$2:$R$366,ROW(INDEX(Jesper!AH$2:AH$366,ROUNDDOWN($C2433/24,0)+1,1))-1)+IF('Standard Profiles'!$G$18=$B$10,7,0)+IF('Standard Profiles'!$G$18=$B$17,14,0)+IF('Standard Profiles'!$G$18=$B$24,21,0),MOD($C2433,24)+1)/SUM(INDEX($D$3:$AA$30,INDEX(Jesper!$R$2:$R$366,ROW(INDEX(Jesper!AH$2:AH$366,ROUNDDOWN($C2433/24,0)+1,1))-1)+IF('Standard Profiles'!$G$18=$B$10,7,0)+IF('Standard Profiles'!$G$18=$B$17,14,0)+IF('Standard Profiles'!$G$18=$B$24,21,0),0)),0)</f>
        <v>7.3006443240668313</v>
      </c>
      <c r="E2433" cm="1">
        <f t="array" ref="E2433">IFERROR(INDEX(Jesper!AI$2:AI$366,ROUNDDOWN($C2433/24,0)+1,1)*INDEX($D$3:$AA$30,INDEX(Jesper!$R$2:$R$366,ROW(INDEX(Jesper!AI$2:AI$366,ROUNDDOWN($C2433/24,0)+1,1))-1)+IF('Standard Profiles'!$G$19=$B$10,7,0)+IF('Standard Profiles'!$G$19=$B$17,14,0)+IF('Standard Profiles'!$G$19=$B$24,21,0),MOD($C2433,24)+1)/SUM(INDEX($D$3:$AA$30,INDEX(Jesper!$R$2:$R$366,ROW(INDEX(Jesper!AI$2:AI$366,ROUNDDOWN($C2433/24,0)+1,1))-1)+IF('Standard Profiles'!$G$19=$B$10,7,0)+IF('Standard Profiles'!$G$19=$B$17,14,0)+IF('Standard Profiles'!$G$19=$B$24,21,0),0)),0)</f>
        <v>0</v>
      </c>
      <c r="F2433" cm="1">
        <f t="array" ref="F2433">IFERROR(INDEX(Jesper!AJ$2:AJ$366,ROUNDDOWN($C2433/24,0)+1,1)*INDEX($D$3:$AA$30,INDEX(Jesper!$R$2:$R$366,ROW(INDEX(Jesper!AJ$2:AJ$366,ROUNDDOWN($C2433/24,0)+1,1))-1)+IF('Standard Profiles'!$G$20=$B$10,7,0)+IF('Standard Profiles'!$G$20=$B$17,14,0)+IF('Standard Profiles'!$G$20=$B$24,21,0),MOD($C2433,24)+1)/SUM(INDEX($D$3:$AA$30,INDEX(Jesper!$R$2:$R$366,ROW(INDEX(Jesper!AJ$2:AJ$366,ROUNDDOWN($C2433/24,0)+1,1))-1)+IF('Standard Profiles'!$G$20=$B$10,7,0)+IF('Standard Profiles'!$G$20=$B$17,14,0)+IF('Standard Profiles'!$G$20=$B$24,21,0),0)),0)</f>
        <v>0</v>
      </c>
      <c r="G2433" cm="1">
        <f t="array" ref="G2433">IFERROR(INDEX(Jesper!AK$2:AK$366,ROUNDDOWN($C2433/24,0)+1,1)*INDEX($D$3:$AA$30,INDEX(Jesper!$R$2:$R$366,ROW(INDEX(Jesper!AK$2:AK$366,ROUNDDOWN($C2433/24,0)+1,1))-1)+IF('Standard Profiles'!$G$21=$B$10,7,0)+IF('Standard Profiles'!$G$21=$B$17,14,0)+IF('Standard Profiles'!$G$21=$B$24,21,0),MOD($C2433,24)+1)/SUM(INDEX($D$3:$AA$30,INDEX(Jesper!$R$2:$R$366,ROW(INDEX(Jesper!AK$2:AK$366,ROUNDDOWN($C2433/24,0)+1,1))-1)+IF('Standard Profiles'!$G$21=$B$10,7,0)+IF('Standard Profiles'!$G$21=$B$17,14,0)+IF('Standard Profiles'!$G$21=$B$24,21,0),0)),0)</f>
        <v>0</v>
      </c>
      <c r="H2433" cm="1">
        <f t="array" ref="H2433">IFERROR(INDEX(Jesper!AL$2:AL$366,ROUNDDOWN($C2433/24,0)+1,1)*INDEX($D$3:$AA$30,INDEX(Jesper!$R$2:$R$366,ROW(INDEX(Jesper!AL$2:AL$366,ROUNDDOWN($C2433/24,0)+1,1))-1)+IF('Standard Profiles'!$G$22=$B$10,7,0)+IF('Standard Profiles'!$G$22=$B$17,14,0)+IF('Standard Profiles'!$G$22=$B$24,21,0),MOD($C2433,24)+1)/SUM(INDEX($D$3:$AA$30,INDEX(Jesper!$R$2:$R$366,ROW(INDEX(Jesper!AL$2:AL$366,ROUNDDOWN($C2433/24,0)+1,1))-1)+IF('Standard Profiles'!$G$22=$B$10,7,0)+IF('Standard Profiles'!$G$22=$B$17,14,0)+IF('Standard Profiles'!$G$22=$B$24,21,0),0)),0)</f>
        <v>0</v>
      </c>
      <c r="I2433">
        <f t="shared" si="279"/>
        <v>0.21901932972200494</v>
      </c>
      <c r="J2433">
        <f t="shared" si="280"/>
        <v>0.73006443240668317</v>
      </c>
      <c r="K2433">
        <f t="shared" si="281"/>
        <v>1.0950966486100246</v>
      </c>
      <c r="L2433">
        <f t="shared" si="282"/>
        <v>5.2564639133281181</v>
      </c>
      <c r="M2433">
        <f t="shared" si="283"/>
        <v>0</v>
      </c>
      <c r="N2433" s="46">
        <f t="shared" si="284"/>
        <v>45391.958333327515</v>
      </c>
    </row>
    <row r="2434" spans="2:14" x14ac:dyDescent="0.3">
      <c r="B2434">
        <f t="shared" si="278"/>
        <v>3</v>
      </c>
      <c r="C2434" s="16">
        <v>2400</v>
      </c>
      <c r="D2434" cm="1">
        <f t="array" ref="D2434">IFERROR(INDEX(Jesper!AH$2:AH$366,ROUNDDOWN($C2434/24,0)+1,1)*INDEX($D$3:$AA$30,INDEX(Jesper!$R$2:$R$366,ROW(INDEX(Jesper!AH$2:AH$366,ROUNDDOWN($C2434/24,0)+1,1))-1)+IF('Standard Profiles'!$G$18=$B$10,7,0)+IF('Standard Profiles'!$G$18=$B$17,14,0)+IF('Standard Profiles'!$G$18=$B$24,21,0),MOD($C2434,24)+1)/SUM(INDEX($D$3:$AA$30,INDEX(Jesper!$R$2:$R$366,ROW(INDEX(Jesper!AH$2:AH$366,ROUNDDOWN($C2434/24,0)+1,1))-1)+IF('Standard Profiles'!$G$18=$B$10,7,0)+IF('Standard Profiles'!$G$18=$B$17,14,0)+IF('Standard Profiles'!$G$18=$B$24,21,0),0)),0)</f>
        <v>6.47464021224308</v>
      </c>
      <c r="E2434" cm="1">
        <f t="array" ref="E2434">IFERROR(INDEX(Jesper!AI$2:AI$366,ROUNDDOWN($C2434/24,0)+1,1)*INDEX($D$3:$AA$30,INDEX(Jesper!$R$2:$R$366,ROW(INDEX(Jesper!AI$2:AI$366,ROUNDDOWN($C2434/24,0)+1,1))-1)+IF('Standard Profiles'!$G$19=$B$10,7,0)+IF('Standard Profiles'!$G$19=$B$17,14,0)+IF('Standard Profiles'!$G$19=$B$24,21,0),MOD($C2434,24)+1)/SUM(INDEX($D$3:$AA$30,INDEX(Jesper!$R$2:$R$366,ROW(INDEX(Jesper!AI$2:AI$366,ROUNDDOWN($C2434/24,0)+1,1))-1)+IF('Standard Profiles'!$G$19=$B$10,7,0)+IF('Standard Profiles'!$G$19=$B$17,14,0)+IF('Standard Profiles'!$G$19=$B$24,21,0),0)),0)</f>
        <v>0</v>
      </c>
      <c r="F2434" cm="1">
        <f t="array" ref="F2434">IFERROR(INDEX(Jesper!AJ$2:AJ$366,ROUNDDOWN($C2434/24,0)+1,1)*INDEX($D$3:$AA$30,INDEX(Jesper!$R$2:$R$366,ROW(INDEX(Jesper!AJ$2:AJ$366,ROUNDDOWN($C2434/24,0)+1,1))-1)+IF('Standard Profiles'!$G$20=$B$10,7,0)+IF('Standard Profiles'!$G$20=$B$17,14,0)+IF('Standard Profiles'!$G$20=$B$24,21,0),MOD($C2434,24)+1)/SUM(INDEX($D$3:$AA$30,INDEX(Jesper!$R$2:$R$366,ROW(INDEX(Jesper!AJ$2:AJ$366,ROUNDDOWN($C2434/24,0)+1,1))-1)+IF('Standard Profiles'!$G$20=$B$10,7,0)+IF('Standard Profiles'!$G$20=$B$17,14,0)+IF('Standard Profiles'!$G$20=$B$24,21,0),0)),0)</f>
        <v>0</v>
      </c>
      <c r="G2434" cm="1">
        <f t="array" ref="G2434">IFERROR(INDEX(Jesper!AK$2:AK$366,ROUNDDOWN($C2434/24,0)+1,1)*INDEX($D$3:$AA$30,INDEX(Jesper!$R$2:$R$366,ROW(INDEX(Jesper!AK$2:AK$366,ROUNDDOWN($C2434/24,0)+1,1))-1)+IF('Standard Profiles'!$G$21=$B$10,7,0)+IF('Standard Profiles'!$G$21=$B$17,14,0)+IF('Standard Profiles'!$G$21=$B$24,21,0),MOD($C2434,24)+1)/SUM(INDEX($D$3:$AA$30,INDEX(Jesper!$R$2:$R$366,ROW(INDEX(Jesper!AK$2:AK$366,ROUNDDOWN($C2434/24,0)+1,1))-1)+IF('Standard Profiles'!$G$21=$B$10,7,0)+IF('Standard Profiles'!$G$21=$B$17,14,0)+IF('Standard Profiles'!$G$21=$B$24,21,0),0)),0)</f>
        <v>0</v>
      </c>
      <c r="H2434" cm="1">
        <f t="array" ref="H2434">IFERROR(INDEX(Jesper!AL$2:AL$366,ROUNDDOWN($C2434/24,0)+1,1)*INDEX($D$3:$AA$30,INDEX(Jesper!$R$2:$R$366,ROW(INDEX(Jesper!AL$2:AL$366,ROUNDDOWN($C2434/24,0)+1,1))-1)+IF('Standard Profiles'!$G$22=$B$10,7,0)+IF('Standard Profiles'!$G$22=$B$17,14,0)+IF('Standard Profiles'!$G$22=$B$24,21,0),MOD($C2434,24)+1)/SUM(INDEX($D$3:$AA$30,INDEX(Jesper!$R$2:$R$366,ROW(INDEX(Jesper!AL$2:AL$366,ROUNDDOWN($C2434/24,0)+1,1))-1)+IF('Standard Profiles'!$G$22=$B$10,7,0)+IF('Standard Profiles'!$G$22=$B$17,14,0)+IF('Standard Profiles'!$G$22=$B$24,21,0),0)),0)</f>
        <v>0</v>
      </c>
      <c r="I2434">
        <f t="shared" si="279"/>
        <v>0.19423920636729239</v>
      </c>
      <c r="J2434">
        <f t="shared" si="280"/>
        <v>0.64746402122430802</v>
      </c>
      <c r="K2434">
        <f t="shared" si="281"/>
        <v>0.97119603183646197</v>
      </c>
      <c r="L2434">
        <f t="shared" si="282"/>
        <v>4.6617409528150171</v>
      </c>
      <c r="M2434">
        <f t="shared" si="283"/>
        <v>0</v>
      </c>
      <c r="N2434" s="46">
        <f t="shared" si="284"/>
        <v>45391.999999994179</v>
      </c>
    </row>
    <row r="2435" spans="2:14" x14ac:dyDescent="0.3">
      <c r="B2435">
        <f t="shared" si="278"/>
        <v>3</v>
      </c>
      <c r="C2435" s="16">
        <v>2401</v>
      </c>
      <c r="D2435" cm="1">
        <f t="array" ref="D2435">IFERROR(INDEX(Jesper!AH$2:AH$366,ROUNDDOWN($C2435/24,0)+1,1)*INDEX($D$3:$AA$30,INDEX(Jesper!$R$2:$R$366,ROW(INDEX(Jesper!AH$2:AH$366,ROUNDDOWN($C2435/24,0)+1,1))-1)+IF('Standard Profiles'!$G$18=$B$10,7,0)+IF('Standard Profiles'!$G$18=$B$17,14,0)+IF('Standard Profiles'!$G$18=$B$24,21,0),MOD($C2435,24)+1)/SUM(INDEX($D$3:$AA$30,INDEX(Jesper!$R$2:$R$366,ROW(INDEX(Jesper!AH$2:AH$366,ROUNDDOWN($C2435/24,0)+1,1))-1)+IF('Standard Profiles'!$G$18=$B$10,7,0)+IF('Standard Profiles'!$G$18=$B$17,14,0)+IF('Standard Profiles'!$G$18=$B$24,21,0),0)),0)</f>
        <v>7.2839702387734633</v>
      </c>
      <c r="E2435" cm="1">
        <f t="array" ref="E2435">IFERROR(INDEX(Jesper!AI$2:AI$366,ROUNDDOWN($C2435/24,0)+1,1)*INDEX($D$3:$AA$30,INDEX(Jesper!$R$2:$R$366,ROW(INDEX(Jesper!AI$2:AI$366,ROUNDDOWN($C2435/24,0)+1,1))-1)+IF('Standard Profiles'!$G$19=$B$10,7,0)+IF('Standard Profiles'!$G$19=$B$17,14,0)+IF('Standard Profiles'!$G$19=$B$24,21,0),MOD($C2435,24)+1)/SUM(INDEX($D$3:$AA$30,INDEX(Jesper!$R$2:$R$366,ROW(INDEX(Jesper!AI$2:AI$366,ROUNDDOWN($C2435/24,0)+1,1))-1)+IF('Standard Profiles'!$G$19=$B$10,7,0)+IF('Standard Profiles'!$G$19=$B$17,14,0)+IF('Standard Profiles'!$G$19=$B$24,21,0),0)),0)</f>
        <v>0</v>
      </c>
      <c r="F2435" cm="1">
        <f t="array" ref="F2435">IFERROR(INDEX(Jesper!AJ$2:AJ$366,ROUNDDOWN($C2435/24,0)+1,1)*INDEX($D$3:$AA$30,INDEX(Jesper!$R$2:$R$366,ROW(INDEX(Jesper!AJ$2:AJ$366,ROUNDDOWN($C2435/24,0)+1,1))-1)+IF('Standard Profiles'!$G$20=$B$10,7,0)+IF('Standard Profiles'!$G$20=$B$17,14,0)+IF('Standard Profiles'!$G$20=$B$24,21,0),MOD($C2435,24)+1)/SUM(INDEX($D$3:$AA$30,INDEX(Jesper!$R$2:$R$366,ROW(INDEX(Jesper!AJ$2:AJ$366,ROUNDDOWN($C2435/24,0)+1,1))-1)+IF('Standard Profiles'!$G$20=$B$10,7,0)+IF('Standard Profiles'!$G$20=$B$17,14,0)+IF('Standard Profiles'!$G$20=$B$24,21,0),0)),0)</f>
        <v>0</v>
      </c>
      <c r="G2435" cm="1">
        <f t="array" ref="G2435">IFERROR(INDEX(Jesper!AK$2:AK$366,ROUNDDOWN($C2435/24,0)+1,1)*INDEX($D$3:$AA$30,INDEX(Jesper!$R$2:$R$366,ROW(INDEX(Jesper!AK$2:AK$366,ROUNDDOWN($C2435/24,0)+1,1))-1)+IF('Standard Profiles'!$G$21=$B$10,7,0)+IF('Standard Profiles'!$G$21=$B$17,14,0)+IF('Standard Profiles'!$G$21=$B$24,21,0),MOD($C2435,24)+1)/SUM(INDEX($D$3:$AA$30,INDEX(Jesper!$R$2:$R$366,ROW(INDEX(Jesper!AK$2:AK$366,ROUNDDOWN($C2435/24,0)+1,1))-1)+IF('Standard Profiles'!$G$21=$B$10,7,0)+IF('Standard Profiles'!$G$21=$B$17,14,0)+IF('Standard Profiles'!$G$21=$B$24,21,0),0)),0)</f>
        <v>0</v>
      </c>
      <c r="H2435" cm="1">
        <f t="array" ref="H2435">IFERROR(INDEX(Jesper!AL$2:AL$366,ROUNDDOWN($C2435/24,0)+1,1)*INDEX($D$3:$AA$30,INDEX(Jesper!$R$2:$R$366,ROW(INDEX(Jesper!AL$2:AL$366,ROUNDDOWN($C2435/24,0)+1,1))-1)+IF('Standard Profiles'!$G$22=$B$10,7,0)+IF('Standard Profiles'!$G$22=$B$17,14,0)+IF('Standard Profiles'!$G$22=$B$24,21,0),MOD($C2435,24)+1)/SUM(INDEX($D$3:$AA$30,INDEX(Jesper!$R$2:$R$366,ROW(INDEX(Jesper!AL$2:AL$366,ROUNDDOWN($C2435/24,0)+1,1))-1)+IF('Standard Profiles'!$G$22=$B$10,7,0)+IF('Standard Profiles'!$G$22=$B$17,14,0)+IF('Standard Profiles'!$G$22=$B$24,21,0),0)),0)</f>
        <v>0</v>
      </c>
      <c r="I2435">
        <f t="shared" si="279"/>
        <v>0.21851910716320389</v>
      </c>
      <c r="J2435">
        <f t="shared" si="280"/>
        <v>0.72839702387734639</v>
      </c>
      <c r="K2435">
        <f t="shared" si="281"/>
        <v>1.0925955358160195</v>
      </c>
      <c r="L2435">
        <f t="shared" si="282"/>
        <v>5.2444585719168932</v>
      </c>
      <c r="M2435">
        <f t="shared" si="283"/>
        <v>0</v>
      </c>
      <c r="N2435" s="46">
        <f t="shared" si="284"/>
        <v>45392.041666660843</v>
      </c>
    </row>
    <row r="2436" spans="2:14" x14ac:dyDescent="0.3">
      <c r="B2436">
        <f t="shared" si="278"/>
        <v>3</v>
      </c>
      <c r="C2436" s="16">
        <v>2402</v>
      </c>
      <c r="D2436" cm="1">
        <f t="array" ref="D2436">IFERROR(INDEX(Jesper!AH$2:AH$366,ROUNDDOWN($C2436/24,0)+1,1)*INDEX($D$3:$AA$30,INDEX(Jesper!$R$2:$R$366,ROW(INDEX(Jesper!AH$2:AH$366,ROUNDDOWN($C2436/24,0)+1,1))-1)+IF('Standard Profiles'!$G$18=$B$10,7,0)+IF('Standard Profiles'!$G$18=$B$17,14,0)+IF('Standard Profiles'!$G$18=$B$24,21,0),MOD($C2436,24)+1)/SUM(INDEX($D$3:$AA$30,INDEX(Jesper!$R$2:$R$366,ROW(INDEX(Jesper!AH$2:AH$366,ROUNDDOWN($C2436/24,0)+1,1))-1)+IF('Standard Profiles'!$G$18=$B$10,7,0)+IF('Standard Profiles'!$G$18=$B$17,14,0)+IF('Standard Profiles'!$G$18=$B$24,21,0),0)),0)</f>
        <v>7.2839702387734633</v>
      </c>
      <c r="E2436" cm="1">
        <f t="array" ref="E2436">IFERROR(INDEX(Jesper!AI$2:AI$366,ROUNDDOWN($C2436/24,0)+1,1)*INDEX($D$3:$AA$30,INDEX(Jesper!$R$2:$R$366,ROW(INDEX(Jesper!AI$2:AI$366,ROUNDDOWN($C2436/24,0)+1,1))-1)+IF('Standard Profiles'!$G$19=$B$10,7,0)+IF('Standard Profiles'!$G$19=$B$17,14,0)+IF('Standard Profiles'!$G$19=$B$24,21,0),MOD($C2436,24)+1)/SUM(INDEX($D$3:$AA$30,INDEX(Jesper!$R$2:$R$366,ROW(INDEX(Jesper!AI$2:AI$366,ROUNDDOWN($C2436/24,0)+1,1))-1)+IF('Standard Profiles'!$G$19=$B$10,7,0)+IF('Standard Profiles'!$G$19=$B$17,14,0)+IF('Standard Profiles'!$G$19=$B$24,21,0),0)),0)</f>
        <v>0</v>
      </c>
      <c r="F2436" cm="1">
        <f t="array" ref="F2436">IFERROR(INDEX(Jesper!AJ$2:AJ$366,ROUNDDOWN($C2436/24,0)+1,1)*INDEX($D$3:$AA$30,INDEX(Jesper!$R$2:$R$366,ROW(INDEX(Jesper!AJ$2:AJ$366,ROUNDDOWN($C2436/24,0)+1,1))-1)+IF('Standard Profiles'!$G$20=$B$10,7,0)+IF('Standard Profiles'!$G$20=$B$17,14,0)+IF('Standard Profiles'!$G$20=$B$24,21,0),MOD($C2436,24)+1)/SUM(INDEX($D$3:$AA$30,INDEX(Jesper!$R$2:$R$366,ROW(INDEX(Jesper!AJ$2:AJ$366,ROUNDDOWN($C2436/24,0)+1,1))-1)+IF('Standard Profiles'!$G$20=$B$10,7,0)+IF('Standard Profiles'!$G$20=$B$17,14,0)+IF('Standard Profiles'!$G$20=$B$24,21,0),0)),0)</f>
        <v>0</v>
      </c>
      <c r="G2436" cm="1">
        <f t="array" ref="G2436">IFERROR(INDEX(Jesper!AK$2:AK$366,ROUNDDOWN($C2436/24,0)+1,1)*INDEX($D$3:$AA$30,INDEX(Jesper!$R$2:$R$366,ROW(INDEX(Jesper!AK$2:AK$366,ROUNDDOWN($C2436/24,0)+1,1))-1)+IF('Standard Profiles'!$G$21=$B$10,7,0)+IF('Standard Profiles'!$G$21=$B$17,14,0)+IF('Standard Profiles'!$G$21=$B$24,21,0),MOD($C2436,24)+1)/SUM(INDEX($D$3:$AA$30,INDEX(Jesper!$R$2:$R$366,ROW(INDEX(Jesper!AK$2:AK$366,ROUNDDOWN($C2436/24,0)+1,1))-1)+IF('Standard Profiles'!$G$21=$B$10,7,0)+IF('Standard Profiles'!$G$21=$B$17,14,0)+IF('Standard Profiles'!$G$21=$B$24,21,0),0)),0)</f>
        <v>0</v>
      </c>
      <c r="H2436" cm="1">
        <f t="array" ref="H2436">IFERROR(INDEX(Jesper!AL$2:AL$366,ROUNDDOWN($C2436/24,0)+1,1)*INDEX($D$3:$AA$30,INDEX(Jesper!$R$2:$R$366,ROW(INDEX(Jesper!AL$2:AL$366,ROUNDDOWN($C2436/24,0)+1,1))-1)+IF('Standard Profiles'!$G$22=$B$10,7,0)+IF('Standard Profiles'!$G$22=$B$17,14,0)+IF('Standard Profiles'!$G$22=$B$24,21,0),MOD($C2436,24)+1)/SUM(INDEX($D$3:$AA$30,INDEX(Jesper!$R$2:$R$366,ROW(INDEX(Jesper!AL$2:AL$366,ROUNDDOWN($C2436/24,0)+1,1))-1)+IF('Standard Profiles'!$G$22=$B$10,7,0)+IF('Standard Profiles'!$G$22=$B$17,14,0)+IF('Standard Profiles'!$G$22=$B$24,21,0),0)),0)</f>
        <v>0</v>
      </c>
      <c r="I2436">
        <f t="shared" si="279"/>
        <v>0.21851910716320389</v>
      </c>
      <c r="J2436">
        <f t="shared" si="280"/>
        <v>0.72839702387734639</v>
      </c>
      <c r="K2436">
        <f t="shared" si="281"/>
        <v>1.0925955358160195</v>
      </c>
      <c r="L2436">
        <f t="shared" si="282"/>
        <v>5.2444585719168932</v>
      </c>
      <c r="M2436">
        <f t="shared" si="283"/>
        <v>0</v>
      </c>
      <c r="N2436" s="46">
        <f t="shared" si="284"/>
        <v>45392.083333327508</v>
      </c>
    </row>
    <row r="2437" spans="2:14" x14ac:dyDescent="0.3">
      <c r="B2437">
        <f t="shared" si="278"/>
        <v>3</v>
      </c>
      <c r="C2437" s="16">
        <v>2403</v>
      </c>
      <c r="D2437" cm="1">
        <f t="array" ref="D2437">IFERROR(INDEX(Jesper!AH$2:AH$366,ROUNDDOWN($C2437/24,0)+1,1)*INDEX($D$3:$AA$30,INDEX(Jesper!$R$2:$R$366,ROW(INDEX(Jesper!AH$2:AH$366,ROUNDDOWN($C2437/24,0)+1,1))-1)+IF('Standard Profiles'!$G$18=$B$10,7,0)+IF('Standard Profiles'!$G$18=$B$17,14,0)+IF('Standard Profiles'!$G$18=$B$24,21,0),MOD($C2437,24)+1)/SUM(INDEX($D$3:$AA$30,INDEX(Jesper!$R$2:$R$366,ROW(INDEX(Jesper!AH$2:AH$366,ROUNDDOWN($C2437/24,0)+1,1))-1)+IF('Standard Profiles'!$G$18=$B$10,7,0)+IF('Standard Profiles'!$G$18=$B$17,14,0)+IF('Standard Profiles'!$G$18=$B$24,21,0),0)),0)</f>
        <v>7.2839702387734633</v>
      </c>
      <c r="E2437" cm="1">
        <f t="array" ref="E2437">IFERROR(INDEX(Jesper!AI$2:AI$366,ROUNDDOWN($C2437/24,0)+1,1)*INDEX($D$3:$AA$30,INDEX(Jesper!$R$2:$R$366,ROW(INDEX(Jesper!AI$2:AI$366,ROUNDDOWN($C2437/24,0)+1,1))-1)+IF('Standard Profiles'!$G$19=$B$10,7,0)+IF('Standard Profiles'!$G$19=$B$17,14,0)+IF('Standard Profiles'!$G$19=$B$24,21,0),MOD($C2437,24)+1)/SUM(INDEX($D$3:$AA$30,INDEX(Jesper!$R$2:$R$366,ROW(INDEX(Jesper!AI$2:AI$366,ROUNDDOWN($C2437/24,0)+1,1))-1)+IF('Standard Profiles'!$G$19=$B$10,7,0)+IF('Standard Profiles'!$G$19=$B$17,14,0)+IF('Standard Profiles'!$G$19=$B$24,21,0),0)),0)</f>
        <v>0</v>
      </c>
      <c r="F2437" cm="1">
        <f t="array" ref="F2437">IFERROR(INDEX(Jesper!AJ$2:AJ$366,ROUNDDOWN($C2437/24,0)+1,1)*INDEX($D$3:$AA$30,INDEX(Jesper!$R$2:$R$366,ROW(INDEX(Jesper!AJ$2:AJ$366,ROUNDDOWN($C2437/24,0)+1,1))-1)+IF('Standard Profiles'!$G$20=$B$10,7,0)+IF('Standard Profiles'!$G$20=$B$17,14,0)+IF('Standard Profiles'!$G$20=$B$24,21,0),MOD($C2437,24)+1)/SUM(INDEX($D$3:$AA$30,INDEX(Jesper!$R$2:$R$366,ROW(INDEX(Jesper!AJ$2:AJ$366,ROUNDDOWN($C2437/24,0)+1,1))-1)+IF('Standard Profiles'!$G$20=$B$10,7,0)+IF('Standard Profiles'!$G$20=$B$17,14,0)+IF('Standard Profiles'!$G$20=$B$24,21,0),0)),0)</f>
        <v>0</v>
      </c>
      <c r="G2437" cm="1">
        <f t="array" ref="G2437">IFERROR(INDEX(Jesper!AK$2:AK$366,ROUNDDOWN($C2437/24,0)+1,1)*INDEX($D$3:$AA$30,INDEX(Jesper!$R$2:$R$366,ROW(INDEX(Jesper!AK$2:AK$366,ROUNDDOWN($C2437/24,0)+1,1))-1)+IF('Standard Profiles'!$G$21=$B$10,7,0)+IF('Standard Profiles'!$G$21=$B$17,14,0)+IF('Standard Profiles'!$G$21=$B$24,21,0),MOD($C2437,24)+1)/SUM(INDEX($D$3:$AA$30,INDEX(Jesper!$R$2:$R$366,ROW(INDEX(Jesper!AK$2:AK$366,ROUNDDOWN($C2437/24,0)+1,1))-1)+IF('Standard Profiles'!$G$21=$B$10,7,0)+IF('Standard Profiles'!$G$21=$B$17,14,0)+IF('Standard Profiles'!$G$21=$B$24,21,0),0)),0)</f>
        <v>0</v>
      </c>
      <c r="H2437" cm="1">
        <f t="array" ref="H2437">IFERROR(INDEX(Jesper!AL$2:AL$366,ROUNDDOWN($C2437/24,0)+1,1)*INDEX($D$3:$AA$30,INDEX(Jesper!$R$2:$R$366,ROW(INDEX(Jesper!AL$2:AL$366,ROUNDDOWN($C2437/24,0)+1,1))-1)+IF('Standard Profiles'!$G$22=$B$10,7,0)+IF('Standard Profiles'!$G$22=$B$17,14,0)+IF('Standard Profiles'!$G$22=$B$24,21,0),MOD($C2437,24)+1)/SUM(INDEX($D$3:$AA$30,INDEX(Jesper!$R$2:$R$366,ROW(INDEX(Jesper!AL$2:AL$366,ROUNDDOWN($C2437/24,0)+1,1))-1)+IF('Standard Profiles'!$G$22=$B$10,7,0)+IF('Standard Profiles'!$G$22=$B$17,14,0)+IF('Standard Profiles'!$G$22=$B$24,21,0),0)),0)</f>
        <v>0</v>
      </c>
      <c r="I2437">
        <f t="shared" si="279"/>
        <v>0.21851910716320389</v>
      </c>
      <c r="J2437">
        <f t="shared" si="280"/>
        <v>0.72839702387734639</v>
      </c>
      <c r="K2437">
        <f t="shared" si="281"/>
        <v>1.0925955358160195</v>
      </c>
      <c r="L2437">
        <f t="shared" si="282"/>
        <v>5.2444585719168932</v>
      </c>
      <c r="M2437">
        <f t="shared" si="283"/>
        <v>0</v>
      </c>
      <c r="N2437" s="46">
        <f t="shared" si="284"/>
        <v>45392.124999994172</v>
      </c>
    </row>
    <row r="2438" spans="2:14" x14ac:dyDescent="0.3">
      <c r="B2438">
        <f t="shared" si="278"/>
        <v>3</v>
      </c>
      <c r="C2438" s="16">
        <v>2404</v>
      </c>
      <c r="D2438" cm="1">
        <f t="array" ref="D2438">IFERROR(INDEX(Jesper!AH$2:AH$366,ROUNDDOWN($C2438/24,0)+1,1)*INDEX($D$3:$AA$30,INDEX(Jesper!$R$2:$R$366,ROW(INDEX(Jesper!AH$2:AH$366,ROUNDDOWN($C2438/24,0)+1,1))-1)+IF('Standard Profiles'!$G$18=$B$10,7,0)+IF('Standard Profiles'!$G$18=$B$17,14,0)+IF('Standard Profiles'!$G$18=$B$24,21,0),MOD($C2438,24)+1)/SUM(INDEX($D$3:$AA$30,INDEX(Jesper!$R$2:$R$366,ROW(INDEX(Jesper!AH$2:AH$366,ROUNDDOWN($C2438/24,0)+1,1))-1)+IF('Standard Profiles'!$G$18=$B$10,7,0)+IF('Standard Profiles'!$G$18=$B$17,14,0)+IF('Standard Profiles'!$G$18=$B$24,21,0),0)),0)</f>
        <v>7.2839702387734633</v>
      </c>
      <c r="E2438" cm="1">
        <f t="array" ref="E2438">IFERROR(INDEX(Jesper!AI$2:AI$366,ROUNDDOWN($C2438/24,0)+1,1)*INDEX($D$3:$AA$30,INDEX(Jesper!$R$2:$R$366,ROW(INDEX(Jesper!AI$2:AI$366,ROUNDDOWN($C2438/24,0)+1,1))-1)+IF('Standard Profiles'!$G$19=$B$10,7,0)+IF('Standard Profiles'!$G$19=$B$17,14,0)+IF('Standard Profiles'!$G$19=$B$24,21,0),MOD($C2438,24)+1)/SUM(INDEX($D$3:$AA$30,INDEX(Jesper!$R$2:$R$366,ROW(INDEX(Jesper!AI$2:AI$366,ROUNDDOWN($C2438/24,0)+1,1))-1)+IF('Standard Profiles'!$G$19=$B$10,7,0)+IF('Standard Profiles'!$G$19=$B$17,14,0)+IF('Standard Profiles'!$G$19=$B$24,21,0),0)),0)</f>
        <v>0</v>
      </c>
      <c r="F2438" cm="1">
        <f t="array" ref="F2438">IFERROR(INDEX(Jesper!AJ$2:AJ$366,ROUNDDOWN($C2438/24,0)+1,1)*INDEX($D$3:$AA$30,INDEX(Jesper!$R$2:$R$366,ROW(INDEX(Jesper!AJ$2:AJ$366,ROUNDDOWN($C2438/24,0)+1,1))-1)+IF('Standard Profiles'!$G$20=$B$10,7,0)+IF('Standard Profiles'!$G$20=$B$17,14,0)+IF('Standard Profiles'!$G$20=$B$24,21,0),MOD($C2438,24)+1)/SUM(INDEX($D$3:$AA$30,INDEX(Jesper!$R$2:$R$366,ROW(INDEX(Jesper!AJ$2:AJ$366,ROUNDDOWN($C2438/24,0)+1,1))-1)+IF('Standard Profiles'!$G$20=$B$10,7,0)+IF('Standard Profiles'!$G$20=$B$17,14,0)+IF('Standard Profiles'!$G$20=$B$24,21,0),0)),0)</f>
        <v>0</v>
      </c>
      <c r="G2438" cm="1">
        <f t="array" ref="G2438">IFERROR(INDEX(Jesper!AK$2:AK$366,ROUNDDOWN($C2438/24,0)+1,1)*INDEX($D$3:$AA$30,INDEX(Jesper!$R$2:$R$366,ROW(INDEX(Jesper!AK$2:AK$366,ROUNDDOWN($C2438/24,0)+1,1))-1)+IF('Standard Profiles'!$G$21=$B$10,7,0)+IF('Standard Profiles'!$G$21=$B$17,14,0)+IF('Standard Profiles'!$G$21=$B$24,21,0),MOD($C2438,24)+1)/SUM(INDEX($D$3:$AA$30,INDEX(Jesper!$R$2:$R$366,ROW(INDEX(Jesper!AK$2:AK$366,ROUNDDOWN($C2438/24,0)+1,1))-1)+IF('Standard Profiles'!$G$21=$B$10,7,0)+IF('Standard Profiles'!$G$21=$B$17,14,0)+IF('Standard Profiles'!$G$21=$B$24,21,0),0)),0)</f>
        <v>0</v>
      </c>
      <c r="H2438" cm="1">
        <f t="array" ref="H2438">IFERROR(INDEX(Jesper!AL$2:AL$366,ROUNDDOWN($C2438/24,0)+1,1)*INDEX($D$3:$AA$30,INDEX(Jesper!$R$2:$R$366,ROW(INDEX(Jesper!AL$2:AL$366,ROUNDDOWN($C2438/24,0)+1,1))-1)+IF('Standard Profiles'!$G$22=$B$10,7,0)+IF('Standard Profiles'!$G$22=$B$17,14,0)+IF('Standard Profiles'!$G$22=$B$24,21,0),MOD($C2438,24)+1)/SUM(INDEX($D$3:$AA$30,INDEX(Jesper!$R$2:$R$366,ROW(INDEX(Jesper!AL$2:AL$366,ROUNDDOWN($C2438/24,0)+1,1))-1)+IF('Standard Profiles'!$G$22=$B$10,7,0)+IF('Standard Profiles'!$G$22=$B$17,14,0)+IF('Standard Profiles'!$G$22=$B$24,21,0),0)),0)</f>
        <v>0</v>
      </c>
      <c r="I2438">
        <f t="shared" si="279"/>
        <v>0.21851910716320389</v>
      </c>
      <c r="J2438">
        <f t="shared" si="280"/>
        <v>0.72839702387734639</v>
      </c>
      <c r="K2438">
        <f t="shared" si="281"/>
        <v>1.0925955358160195</v>
      </c>
      <c r="L2438">
        <f t="shared" si="282"/>
        <v>5.2444585719168932</v>
      </c>
      <c r="M2438">
        <f t="shared" si="283"/>
        <v>0</v>
      </c>
      <c r="N2438" s="46">
        <f t="shared" si="284"/>
        <v>45392.166666660836</v>
      </c>
    </row>
    <row r="2439" spans="2:14" x14ac:dyDescent="0.3">
      <c r="B2439">
        <f t="shared" si="278"/>
        <v>3</v>
      </c>
      <c r="C2439" s="16">
        <v>2405</v>
      </c>
      <c r="D2439" cm="1">
        <f t="array" ref="D2439">IFERROR(INDEX(Jesper!AH$2:AH$366,ROUNDDOWN($C2439/24,0)+1,1)*INDEX($D$3:$AA$30,INDEX(Jesper!$R$2:$R$366,ROW(INDEX(Jesper!AH$2:AH$366,ROUNDDOWN($C2439/24,0)+1,1))-1)+IF('Standard Profiles'!$G$18=$B$10,7,0)+IF('Standard Profiles'!$G$18=$B$17,14,0)+IF('Standard Profiles'!$G$18=$B$24,21,0),MOD($C2439,24)+1)/SUM(INDEX($D$3:$AA$30,INDEX(Jesper!$R$2:$R$366,ROW(INDEX(Jesper!AH$2:AH$366,ROUNDDOWN($C2439/24,0)+1,1))-1)+IF('Standard Profiles'!$G$18=$B$10,7,0)+IF('Standard Profiles'!$G$18=$B$17,14,0)+IF('Standard Profiles'!$G$18=$B$24,21,0),0)),0)</f>
        <v>9.3882283077524633</v>
      </c>
      <c r="E2439" cm="1">
        <f t="array" ref="E2439">IFERROR(INDEX(Jesper!AI$2:AI$366,ROUNDDOWN($C2439/24,0)+1,1)*INDEX($D$3:$AA$30,INDEX(Jesper!$R$2:$R$366,ROW(INDEX(Jesper!AI$2:AI$366,ROUNDDOWN($C2439/24,0)+1,1))-1)+IF('Standard Profiles'!$G$19=$B$10,7,0)+IF('Standard Profiles'!$G$19=$B$17,14,0)+IF('Standard Profiles'!$G$19=$B$24,21,0),MOD($C2439,24)+1)/SUM(INDEX($D$3:$AA$30,INDEX(Jesper!$R$2:$R$366,ROW(INDEX(Jesper!AI$2:AI$366,ROUNDDOWN($C2439/24,0)+1,1))-1)+IF('Standard Profiles'!$G$19=$B$10,7,0)+IF('Standard Profiles'!$G$19=$B$17,14,0)+IF('Standard Profiles'!$G$19=$B$24,21,0),0)),0)</f>
        <v>0</v>
      </c>
      <c r="F2439" cm="1">
        <f t="array" ref="F2439">IFERROR(INDEX(Jesper!AJ$2:AJ$366,ROUNDDOWN($C2439/24,0)+1,1)*INDEX($D$3:$AA$30,INDEX(Jesper!$R$2:$R$366,ROW(INDEX(Jesper!AJ$2:AJ$366,ROUNDDOWN($C2439/24,0)+1,1))-1)+IF('Standard Profiles'!$G$20=$B$10,7,0)+IF('Standard Profiles'!$G$20=$B$17,14,0)+IF('Standard Profiles'!$G$20=$B$24,21,0),MOD($C2439,24)+1)/SUM(INDEX($D$3:$AA$30,INDEX(Jesper!$R$2:$R$366,ROW(INDEX(Jesper!AJ$2:AJ$366,ROUNDDOWN($C2439/24,0)+1,1))-1)+IF('Standard Profiles'!$G$20=$B$10,7,0)+IF('Standard Profiles'!$G$20=$B$17,14,0)+IF('Standard Profiles'!$G$20=$B$24,21,0),0)),0)</f>
        <v>0</v>
      </c>
      <c r="G2439" cm="1">
        <f t="array" ref="G2439">IFERROR(INDEX(Jesper!AK$2:AK$366,ROUNDDOWN($C2439/24,0)+1,1)*INDEX($D$3:$AA$30,INDEX(Jesper!$R$2:$R$366,ROW(INDEX(Jesper!AK$2:AK$366,ROUNDDOWN($C2439/24,0)+1,1))-1)+IF('Standard Profiles'!$G$21=$B$10,7,0)+IF('Standard Profiles'!$G$21=$B$17,14,0)+IF('Standard Profiles'!$G$21=$B$24,21,0),MOD($C2439,24)+1)/SUM(INDEX($D$3:$AA$30,INDEX(Jesper!$R$2:$R$366,ROW(INDEX(Jesper!AK$2:AK$366,ROUNDDOWN($C2439/24,0)+1,1))-1)+IF('Standard Profiles'!$G$21=$B$10,7,0)+IF('Standard Profiles'!$G$21=$B$17,14,0)+IF('Standard Profiles'!$G$21=$B$24,21,0),0)),0)</f>
        <v>0</v>
      </c>
      <c r="H2439" cm="1">
        <f t="array" ref="H2439">IFERROR(INDEX(Jesper!AL$2:AL$366,ROUNDDOWN($C2439/24,0)+1,1)*INDEX($D$3:$AA$30,INDEX(Jesper!$R$2:$R$366,ROW(INDEX(Jesper!AL$2:AL$366,ROUNDDOWN($C2439/24,0)+1,1))-1)+IF('Standard Profiles'!$G$22=$B$10,7,0)+IF('Standard Profiles'!$G$22=$B$17,14,0)+IF('Standard Profiles'!$G$22=$B$24,21,0),MOD($C2439,24)+1)/SUM(INDEX($D$3:$AA$30,INDEX(Jesper!$R$2:$R$366,ROW(INDEX(Jesper!AL$2:AL$366,ROUNDDOWN($C2439/24,0)+1,1))-1)+IF('Standard Profiles'!$G$22=$B$10,7,0)+IF('Standard Profiles'!$G$22=$B$17,14,0)+IF('Standard Profiles'!$G$22=$B$24,21,0),0)),0)</f>
        <v>0</v>
      </c>
      <c r="I2439">
        <f t="shared" si="279"/>
        <v>0.28164684923257388</v>
      </c>
      <c r="J2439">
        <f t="shared" si="280"/>
        <v>0.93882283077524642</v>
      </c>
      <c r="K2439">
        <f t="shared" si="281"/>
        <v>1.4082342461628694</v>
      </c>
      <c r="L2439">
        <f t="shared" si="282"/>
        <v>6.7595243815817732</v>
      </c>
      <c r="M2439">
        <f t="shared" si="283"/>
        <v>0</v>
      </c>
      <c r="N2439" s="46">
        <f t="shared" si="284"/>
        <v>45392.2083333275</v>
      </c>
    </row>
    <row r="2440" spans="2:14" x14ac:dyDescent="0.3">
      <c r="B2440">
        <f t="shared" si="278"/>
        <v>3</v>
      </c>
      <c r="C2440" s="16">
        <v>2406</v>
      </c>
      <c r="D2440" cm="1">
        <f t="array" ref="D2440">IFERROR(INDEX(Jesper!AH$2:AH$366,ROUNDDOWN($C2440/24,0)+1,1)*INDEX($D$3:$AA$30,INDEX(Jesper!$R$2:$R$366,ROW(INDEX(Jesper!AH$2:AH$366,ROUNDDOWN($C2440/24,0)+1,1))-1)+IF('Standard Profiles'!$G$18=$B$10,7,0)+IF('Standard Profiles'!$G$18=$B$17,14,0)+IF('Standard Profiles'!$G$18=$B$24,21,0),MOD($C2440,24)+1)/SUM(INDEX($D$3:$AA$30,INDEX(Jesper!$R$2:$R$366,ROW(INDEX(Jesper!AH$2:AH$366,ROUNDDOWN($C2440/24,0)+1,1))-1)+IF('Standard Profiles'!$G$18=$B$10,7,0)+IF('Standard Profiles'!$G$18=$B$17,14,0)+IF('Standard Profiles'!$G$18=$B$24,21,0),0)),0)</f>
        <v>10.845022355507158</v>
      </c>
      <c r="E2440" cm="1">
        <f t="array" ref="E2440">IFERROR(INDEX(Jesper!AI$2:AI$366,ROUNDDOWN($C2440/24,0)+1,1)*INDEX($D$3:$AA$30,INDEX(Jesper!$R$2:$R$366,ROW(INDEX(Jesper!AI$2:AI$366,ROUNDDOWN($C2440/24,0)+1,1))-1)+IF('Standard Profiles'!$G$19=$B$10,7,0)+IF('Standard Profiles'!$G$19=$B$17,14,0)+IF('Standard Profiles'!$G$19=$B$24,21,0),MOD($C2440,24)+1)/SUM(INDEX($D$3:$AA$30,INDEX(Jesper!$R$2:$R$366,ROW(INDEX(Jesper!AI$2:AI$366,ROUNDDOWN($C2440/24,0)+1,1))-1)+IF('Standard Profiles'!$G$19=$B$10,7,0)+IF('Standard Profiles'!$G$19=$B$17,14,0)+IF('Standard Profiles'!$G$19=$B$24,21,0),0)),0)</f>
        <v>0</v>
      </c>
      <c r="F2440" cm="1">
        <f t="array" ref="F2440">IFERROR(INDEX(Jesper!AJ$2:AJ$366,ROUNDDOWN($C2440/24,0)+1,1)*INDEX($D$3:$AA$30,INDEX(Jesper!$R$2:$R$366,ROW(INDEX(Jesper!AJ$2:AJ$366,ROUNDDOWN($C2440/24,0)+1,1))-1)+IF('Standard Profiles'!$G$20=$B$10,7,0)+IF('Standard Profiles'!$G$20=$B$17,14,0)+IF('Standard Profiles'!$G$20=$B$24,21,0),MOD($C2440,24)+1)/SUM(INDEX($D$3:$AA$30,INDEX(Jesper!$R$2:$R$366,ROW(INDEX(Jesper!AJ$2:AJ$366,ROUNDDOWN($C2440/24,0)+1,1))-1)+IF('Standard Profiles'!$G$20=$B$10,7,0)+IF('Standard Profiles'!$G$20=$B$17,14,0)+IF('Standard Profiles'!$G$20=$B$24,21,0),0)),0)</f>
        <v>0</v>
      </c>
      <c r="G2440" cm="1">
        <f t="array" ref="G2440">IFERROR(INDEX(Jesper!AK$2:AK$366,ROUNDDOWN($C2440/24,0)+1,1)*INDEX($D$3:$AA$30,INDEX(Jesper!$R$2:$R$366,ROW(INDEX(Jesper!AK$2:AK$366,ROUNDDOWN($C2440/24,0)+1,1))-1)+IF('Standard Profiles'!$G$21=$B$10,7,0)+IF('Standard Profiles'!$G$21=$B$17,14,0)+IF('Standard Profiles'!$G$21=$B$24,21,0),MOD($C2440,24)+1)/SUM(INDEX($D$3:$AA$30,INDEX(Jesper!$R$2:$R$366,ROW(INDEX(Jesper!AK$2:AK$366,ROUNDDOWN($C2440/24,0)+1,1))-1)+IF('Standard Profiles'!$G$21=$B$10,7,0)+IF('Standard Profiles'!$G$21=$B$17,14,0)+IF('Standard Profiles'!$G$21=$B$24,21,0),0)),0)</f>
        <v>0</v>
      </c>
      <c r="H2440" cm="1">
        <f t="array" ref="H2440">IFERROR(INDEX(Jesper!AL$2:AL$366,ROUNDDOWN($C2440/24,0)+1,1)*INDEX($D$3:$AA$30,INDEX(Jesper!$R$2:$R$366,ROW(INDEX(Jesper!AL$2:AL$366,ROUNDDOWN($C2440/24,0)+1,1))-1)+IF('Standard Profiles'!$G$22=$B$10,7,0)+IF('Standard Profiles'!$G$22=$B$17,14,0)+IF('Standard Profiles'!$G$22=$B$24,21,0),MOD($C2440,24)+1)/SUM(INDEX($D$3:$AA$30,INDEX(Jesper!$R$2:$R$366,ROW(INDEX(Jesper!AL$2:AL$366,ROUNDDOWN($C2440/24,0)+1,1))-1)+IF('Standard Profiles'!$G$22=$B$10,7,0)+IF('Standard Profiles'!$G$22=$B$17,14,0)+IF('Standard Profiles'!$G$22=$B$24,21,0),0)),0)</f>
        <v>0</v>
      </c>
      <c r="I2440">
        <f t="shared" si="279"/>
        <v>0.32535067066521473</v>
      </c>
      <c r="J2440">
        <f t="shared" si="280"/>
        <v>1.0845022355507159</v>
      </c>
      <c r="K2440">
        <f t="shared" si="281"/>
        <v>1.6267533533260736</v>
      </c>
      <c r="L2440">
        <f t="shared" si="282"/>
        <v>7.8084160959651534</v>
      </c>
      <c r="M2440">
        <f t="shared" si="283"/>
        <v>0</v>
      </c>
      <c r="N2440" s="46">
        <f t="shared" si="284"/>
        <v>45392.249999994165</v>
      </c>
    </row>
    <row r="2441" spans="2:14" x14ac:dyDescent="0.3">
      <c r="B2441">
        <f t="shared" si="278"/>
        <v>3</v>
      </c>
      <c r="C2441" s="16">
        <v>2407</v>
      </c>
      <c r="D2441" cm="1">
        <f t="array" ref="D2441">IFERROR(INDEX(Jesper!AH$2:AH$366,ROUNDDOWN($C2441/24,0)+1,1)*INDEX($D$3:$AA$30,INDEX(Jesper!$R$2:$R$366,ROW(INDEX(Jesper!AH$2:AH$366,ROUNDDOWN($C2441/24,0)+1,1))-1)+IF('Standard Profiles'!$G$18=$B$10,7,0)+IF('Standard Profiles'!$G$18=$B$17,14,0)+IF('Standard Profiles'!$G$18=$B$24,21,0),MOD($C2441,24)+1)/SUM(INDEX($D$3:$AA$30,INDEX(Jesper!$R$2:$R$366,ROW(INDEX(Jesper!AH$2:AH$366,ROUNDDOWN($C2441/24,0)+1,1))-1)+IF('Standard Profiles'!$G$18=$B$10,7,0)+IF('Standard Profiles'!$G$18=$B$17,14,0)+IF('Standard Profiles'!$G$18=$B$24,21,0),0)),0)</f>
        <v>10.845022355507158</v>
      </c>
      <c r="E2441" cm="1">
        <f t="array" ref="E2441">IFERROR(INDEX(Jesper!AI$2:AI$366,ROUNDDOWN($C2441/24,0)+1,1)*INDEX($D$3:$AA$30,INDEX(Jesper!$R$2:$R$366,ROW(INDEX(Jesper!AI$2:AI$366,ROUNDDOWN($C2441/24,0)+1,1))-1)+IF('Standard Profiles'!$G$19=$B$10,7,0)+IF('Standard Profiles'!$G$19=$B$17,14,0)+IF('Standard Profiles'!$G$19=$B$24,21,0),MOD($C2441,24)+1)/SUM(INDEX($D$3:$AA$30,INDEX(Jesper!$R$2:$R$366,ROW(INDEX(Jesper!AI$2:AI$366,ROUNDDOWN($C2441/24,0)+1,1))-1)+IF('Standard Profiles'!$G$19=$B$10,7,0)+IF('Standard Profiles'!$G$19=$B$17,14,0)+IF('Standard Profiles'!$G$19=$B$24,21,0),0)),0)</f>
        <v>0</v>
      </c>
      <c r="F2441" cm="1">
        <f t="array" ref="F2441">IFERROR(INDEX(Jesper!AJ$2:AJ$366,ROUNDDOWN($C2441/24,0)+1,1)*INDEX($D$3:$AA$30,INDEX(Jesper!$R$2:$R$366,ROW(INDEX(Jesper!AJ$2:AJ$366,ROUNDDOWN($C2441/24,0)+1,1))-1)+IF('Standard Profiles'!$G$20=$B$10,7,0)+IF('Standard Profiles'!$G$20=$B$17,14,0)+IF('Standard Profiles'!$G$20=$B$24,21,0),MOD($C2441,24)+1)/SUM(INDEX($D$3:$AA$30,INDEX(Jesper!$R$2:$R$366,ROW(INDEX(Jesper!AJ$2:AJ$366,ROUNDDOWN($C2441/24,0)+1,1))-1)+IF('Standard Profiles'!$G$20=$B$10,7,0)+IF('Standard Profiles'!$G$20=$B$17,14,0)+IF('Standard Profiles'!$G$20=$B$24,21,0),0)),0)</f>
        <v>0</v>
      </c>
      <c r="G2441" cm="1">
        <f t="array" ref="G2441">IFERROR(INDEX(Jesper!AK$2:AK$366,ROUNDDOWN($C2441/24,0)+1,1)*INDEX($D$3:$AA$30,INDEX(Jesper!$R$2:$R$366,ROW(INDEX(Jesper!AK$2:AK$366,ROUNDDOWN($C2441/24,0)+1,1))-1)+IF('Standard Profiles'!$G$21=$B$10,7,0)+IF('Standard Profiles'!$G$21=$B$17,14,0)+IF('Standard Profiles'!$G$21=$B$24,21,0),MOD($C2441,24)+1)/SUM(INDEX($D$3:$AA$30,INDEX(Jesper!$R$2:$R$366,ROW(INDEX(Jesper!AK$2:AK$366,ROUNDDOWN($C2441/24,0)+1,1))-1)+IF('Standard Profiles'!$G$21=$B$10,7,0)+IF('Standard Profiles'!$G$21=$B$17,14,0)+IF('Standard Profiles'!$G$21=$B$24,21,0),0)),0)</f>
        <v>0</v>
      </c>
      <c r="H2441" cm="1">
        <f t="array" ref="H2441">IFERROR(INDEX(Jesper!AL$2:AL$366,ROUNDDOWN($C2441/24,0)+1,1)*INDEX($D$3:$AA$30,INDEX(Jesper!$R$2:$R$366,ROW(INDEX(Jesper!AL$2:AL$366,ROUNDDOWN($C2441/24,0)+1,1))-1)+IF('Standard Profiles'!$G$22=$B$10,7,0)+IF('Standard Profiles'!$G$22=$B$17,14,0)+IF('Standard Profiles'!$G$22=$B$24,21,0),MOD($C2441,24)+1)/SUM(INDEX($D$3:$AA$30,INDEX(Jesper!$R$2:$R$366,ROW(INDEX(Jesper!AL$2:AL$366,ROUNDDOWN($C2441/24,0)+1,1))-1)+IF('Standard Profiles'!$G$22=$B$10,7,0)+IF('Standard Profiles'!$G$22=$B$17,14,0)+IF('Standard Profiles'!$G$22=$B$24,21,0),0)),0)</f>
        <v>0</v>
      </c>
      <c r="I2441">
        <f t="shared" si="279"/>
        <v>0.32535067066521473</v>
      </c>
      <c r="J2441">
        <f t="shared" si="280"/>
        <v>1.0845022355507159</v>
      </c>
      <c r="K2441">
        <f t="shared" si="281"/>
        <v>1.6267533533260736</v>
      </c>
      <c r="L2441">
        <f t="shared" si="282"/>
        <v>7.8084160959651534</v>
      </c>
      <c r="M2441">
        <f t="shared" si="283"/>
        <v>0</v>
      </c>
      <c r="N2441" s="46">
        <f t="shared" si="284"/>
        <v>45392.291666660829</v>
      </c>
    </row>
    <row r="2442" spans="2:14" x14ac:dyDescent="0.3">
      <c r="B2442">
        <f t="shared" si="278"/>
        <v>3</v>
      </c>
      <c r="C2442" s="16">
        <v>2408</v>
      </c>
      <c r="D2442" cm="1">
        <f t="array" ref="D2442">IFERROR(INDEX(Jesper!AH$2:AH$366,ROUNDDOWN($C2442/24,0)+1,1)*INDEX($D$3:$AA$30,INDEX(Jesper!$R$2:$R$366,ROW(INDEX(Jesper!AH$2:AH$366,ROUNDDOWN($C2442/24,0)+1,1))-1)+IF('Standard Profiles'!$G$18=$B$10,7,0)+IF('Standard Profiles'!$G$18=$B$17,14,0)+IF('Standard Profiles'!$G$18=$B$24,21,0),MOD($C2442,24)+1)/SUM(INDEX($D$3:$AA$30,INDEX(Jesper!$R$2:$R$366,ROW(INDEX(Jesper!AH$2:AH$366,ROUNDDOWN($C2442/24,0)+1,1))-1)+IF('Standard Profiles'!$G$18=$B$10,7,0)+IF('Standard Profiles'!$G$18=$B$17,14,0)+IF('Standard Profiles'!$G$18=$B$24,21,0),0)),0)</f>
        <v>10.845022355507158</v>
      </c>
      <c r="E2442" cm="1">
        <f t="array" ref="E2442">IFERROR(INDEX(Jesper!AI$2:AI$366,ROUNDDOWN($C2442/24,0)+1,1)*INDEX($D$3:$AA$30,INDEX(Jesper!$R$2:$R$366,ROW(INDEX(Jesper!AI$2:AI$366,ROUNDDOWN($C2442/24,0)+1,1))-1)+IF('Standard Profiles'!$G$19=$B$10,7,0)+IF('Standard Profiles'!$G$19=$B$17,14,0)+IF('Standard Profiles'!$G$19=$B$24,21,0),MOD($C2442,24)+1)/SUM(INDEX($D$3:$AA$30,INDEX(Jesper!$R$2:$R$366,ROW(INDEX(Jesper!AI$2:AI$366,ROUNDDOWN($C2442/24,0)+1,1))-1)+IF('Standard Profiles'!$G$19=$B$10,7,0)+IF('Standard Profiles'!$G$19=$B$17,14,0)+IF('Standard Profiles'!$G$19=$B$24,21,0),0)),0)</f>
        <v>0</v>
      </c>
      <c r="F2442" cm="1">
        <f t="array" ref="F2442">IFERROR(INDEX(Jesper!AJ$2:AJ$366,ROUNDDOWN($C2442/24,0)+1,1)*INDEX($D$3:$AA$30,INDEX(Jesper!$R$2:$R$366,ROW(INDEX(Jesper!AJ$2:AJ$366,ROUNDDOWN($C2442/24,0)+1,1))-1)+IF('Standard Profiles'!$G$20=$B$10,7,0)+IF('Standard Profiles'!$G$20=$B$17,14,0)+IF('Standard Profiles'!$G$20=$B$24,21,0),MOD($C2442,24)+1)/SUM(INDEX($D$3:$AA$30,INDEX(Jesper!$R$2:$R$366,ROW(INDEX(Jesper!AJ$2:AJ$366,ROUNDDOWN($C2442/24,0)+1,1))-1)+IF('Standard Profiles'!$G$20=$B$10,7,0)+IF('Standard Profiles'!$G$20=$B$17,14,0)+IF('Standard Profiles'!$G$20=$B$24,21,0),0)),0)</f>
        <v>0</v>
      </c>
      <c r="G2442" cm="1">
        <f t="array" ref="G2442">IFERROR(INDEX(Jesper!AK$2:AK$366,ROUNDDOWN($C2442/24,0)+1,1)*INDEX($D$3:$AA$30,INDEX(Jesper!$R$2:$R$366,ROW(INDEX(Jesper!AK$2:AK$366,ROUNDDOWN($C2442/24,0)+1,1))-1)+IF('Standard Profiles'!$G$21=$B$10,7,0)+IF('Standard Profiles'!$G$21=$B$17,14,0)+IF('Standard Profiles'!$G$21=$B$24,21,0),MOD($C2442,24)+1)/SUM(INDEX($D$3:$AA$30,INDEX(Jesper!$R$2:$R$366,ROW(INDEX(Jesper!AK$2:AK$366,ROUNDDOWN($C2442/24,0)+1,1))-1)+IF('Standard Profiles'!$G$21=$B$10,7,0)+IF('Standard Profiles'!$G$21=$B$17,14,0)+IF('Standard Profiles'!$G$21=$B$24,21,0),0)),0)</f>
        <v>0</v>
      </c>
      <c r="H2442" cm="1">
        <f t="array" ref="H2442">IFERROR(INDEX(Jesper!AL$2:AL$366,ROUNDDOWN($C2442/24,0)+1,1)*INDEX($D$3:$AA$30,INDEX(Jesper!$R$2:$R$366,ROW(INDEX(Jesper!AL$2:AL$366,ROUNDDOWN($C2442/24,0)+1,1))-1)+IF('Standard Profiles'!$G$22=$B$10,7,0)+IF('Standard Profiles'!$G$22=$B$17,14,0)+IF('Standard Profiles'!$G$22=$B$24,21,0),MOD($C2442,24)+1)/SUM(INDEX($D$3:$AA$30,INDEX(Jesper!$R$2:$R$366,ROW(INDEX(Jesper!AL$2:AL$366,ROUNDDOWN($C2442/24,0)+1,1))-1)+IF('Standard Profiles'!$G$22=$B$10,7,0)+IF('Standard Profiles'!$G$22=$B$17,14,0)+IF('Standard Profiles'!$G$22=$B$24,21,0),0)),0)</f>
        <v>0</v>
      </c>
      <c r="I2442">
        <f t="shared" si="279"/>
        <v>0.32535067066521473</v>
      </c>
      <c r="J2442">
        <f t="shared" si="280"/>
        <v>1.0845022355507159</v>
      </c>
      <c r="K2442">
        <f t="shared" si="281"/>
        <v>1.6267533533260736</v>
      </c>
      <c r="L2442">
        <f t="shared" si="282"/>
        <v>7.8084160959651534</v>
      </c>
      <c r="M2442">
        <f t="shared" si="283"/>
        <v>0</v>
      </c>
      <c r="N2442" s="46">
        <f t="shared" si="284"/>
        <v>45392.333333327493</v>
      </c>
    </row>
    <row r="2443" spans="2:14" x14ac:dyDescent="0.3">
      <c r="B2443">
        <f t="shared" si="278"/>
        <v>3</v>
      </c>
      <c r="C2443" s="16">
        <v>2409</v>
      </c>
      <c r="D2443" cm="1">
        <f t="array" ref="D2443">IFERROR(INDEX(Jesper!AH$2:AH$366,ROUNDDOWN($C2443/24,0)+1,1)*INDEX($D$3:$AA$30,INDEX(Jesper!$R$2:$R$366,ROW(INDEX(Jesper!AH$2:AH$366,ROUNDDOWN($C2443/24,0)+1,1))-1)+IF('Standard Profiles'!$G$18=$B$10,7,0)+IF('Standard Profiles'!$G$18=$B$17,14,0)+IF('Standard Profiles'!$G$18=$B$24,21,0),MOD($C2443,24)+1)/SUM(INDEX($D$3:$AA$30,INDEX(Jesper!$R$2:$R$366,ROW(INDEX(Jesper!AH$2:AH$366,ROUNDDOWN($C2443/24,0)+1,1))-1)+IF('Standard Profiles'!$G$18=$B$10,7,0)+IF('Standard Profiles'!$G$18=$B$17,14,0)+IF('Standard Profiles'!$G$18=$B$24,21,0),0)),0)</f>
        <v>11.654352382037542</v>
      </c>
      <c r="E2443" cm="1">
        <f t="array" ref="E2443">IFERROR(INDEX(Jesper!AI$2:AI$366,ROUNDDOWN($C2443/24,0)+1,1)*INDEX($D$3:$AA$30,INDEX(Jesper!$R$2:$R$366,ROW(INDEX(Jesper!AI$2:AI$366,ROUNDDOWN($C2443/24,0)+1,1))-1)+IF('Standard Profiles'!$G$19=$B$10,7,0)+IF('Standard Profiles'!$G$19=$B$17,14,0)+IF('Standard Profiles'!$G$19=$B$24,21,0),MOD($C2443,24)+1)/SUM(INDEX($D$3:$AA$30,INDEX(Jesper!$R$2:$R$366,ROW(INDEX(Jesper!AI$2:AI$366,ROUNDDOWN($C2443/24,0)+1,1))-1)+IF('Standard Profiles'!$G$19=$B$10,7,0)+IF('Standard Profiles'!$G$19=$B$17,14,0)+IF('Standard Profiles'!$G$19=$B$24,21,0),0)),0)</f>
        <v>0</v>
      </c>
      <c r="F2443" cm="1">
        <f t="array" ref="F2443">IFERROR(INDEX(Jesper!AJ$2:AJ$366,ROUNDDOWN($C2443/24,0)+1,1)*INDEX($D$3:$AA$30,INDEX(Jesper!$R$2:$R$366,ROW(INDEX(Jesper!AJ$2:AJ$366,ROUNDDOWN($C2443/24,0)+1,1))-1)+IF('Standard Profiles'!$G$20=$B$10,7,0)+IF('Standard Profiles'!$G$20=$B$17,14,0)+IF('Standard Profiles'!$G$20=$B$24,21,0),MOD($C2443,24)+1)/SUM(INDEX($D$3:$AA$30,INDEX(Jesper!$R$2:$R$366,ROW(INDEX(Jesper!AJ$2:AJ$366,ROUNDDOWN($C2443/24,0)+1,1))-1)+IF('Standard Profiles'!$G$20=$B$10,7,0)+IF('Standard Profiles'!$G$20=$B$17,14,0)+IF('Standard Profiles'!$G$20=$B$24,21,0),0)),0)</f>
        <v>0</v>
      </c>
      <c r="G2443" cm="1">
        <f t="array" ref="G2443">IFERROR(INDEX(Jesper!AK$2:AK$366,ROUNDDOWN($C2443/24,0)+1,1)*INDEX($D$3:$AA$30,INDEX(Jesper!$R$2:$R$366,ROW(INDEX(Jesper!AK$2:AK$366,ROUNDDOWN($C2443/24,0)+1,1))-1)+IF('Standard Profiles'!$G$21=$B$10,7,0)+IF('Standard Profiles'!$G$21=$B$17,14,0)+IF('Standard Profiles'!$G$21=$B$24,21,0),MOD($C2443,24)+1)/SUM(INDEX($D$3:$AA$30,INDEX(Jesper!$R$2:$R$366,ROW(INDEX(Jesper!AK$2:AK$366,ROUNDDOWN($C2443/24,0)+1,1))-1)+IF('Standard Profiles'!$G$21=$B$10,7,0)+IF('Standard Profiles'!$G$21=$B$17,14,0)+IF('Standard Profiles'!$G$21=$B$24,21,0),0)),0)</f>
        <v>0</v>
      </c>
      <c r="H2443" cm="1">
        <f t="array" ref="H2443">IFERROR(INDEX(Jesper!AL$2:AL$366,ROUNDDOWN($C2443/24,0)+1,1)*INDEX($D$3:$AA$30,INDEX(Jesper!$R$2:$R$366,ROW(INDEX(Jesper!AL$2:AL$366,ROUNDDOWN($C2443/24,0)+1,1))-1)+IF('Standard Profiles'!$G$22=$B$10,7,0)+IF('Standard Profiles'!$G$22=$B$17,14,0)+IF('Standard Profiles'!$G$22=$B$24,21,0),MOD($C2443,24)+1)/SUM(INDEX($D$3:$AA$30,INDEX(Jesper!$R$2:$R$366,ROW(INDEX(Jesper!AL$2:AL$366,ROUNDDOWN($C2443/24,0)+1,1))-1)+IF('Standard Profiles'!$G$22=$B$10,7,0)+IF('Standard Profiles'!$G$22=$B$17,14,0)+IF('Standard Profiles'!$G$22=$B$24,21,0),0)),0)</f>
        <v>0</v>
      </c>
      <c r="I2443">
        <f t="shared" si="279"/>
        <v>0.34963057146112625</v>
      </c>
      <c r="J2443">
        <f t="shared" si="280"/>
        <v>1.1654352382037543</v>
      </c>
      <c r="K2443">
        <f t="shared" si="281"/>
        <v>1.7481528573056313</v>
      </c>
      <c r="L2443">
        <f t="shared" si="282"/>
        <v>8.3911337150670295</v>
      </c>
      <c r="M2443">
        <f t="shared" si="283"/>
        <v>0</v>
      </c>
      <c r="N2443" s="46">
        <f t="shared" si="284"/>
        <v>45392.374999994157</v>
      </c>
    </row>
    <row r="2444" spans="2:14" x14ac:dyDescent="0.3">
      <c r="B2444">
        <f t="shared" si="278"/>
        <v>3</v>
      </c>
      <c r="C2444" s="16">
        <v>2410</v>
      </c>
      <c r="D2444" cm="1">
        <f t="array" ref="D2444">IFERROR(INDEX(Jesper!AH$2:AH$366,ROUNDDOWN($C2444/24,0)+1,1)*INDEX($D$3:$AA$30,INDEX(Jesper!$R$2:$R$366,ROW(INDEX(Jesper!AH$2:AH$366,ROUNDDOWN($C2444/24,0)+1,1))-1)+IF('Standard Profiles'!$G$18=$B$10,7,0)+IF('Standard Profiles'!$G$18=$B$17,14,0)+IF('Standard Profiles'!$G$18=$B$24,21,0),MOD($C2444,24)+1)/SUM(INDEX($D$3:$AA$30,INDEX(Jesper!$R$2:$R$366,ROW(INDEX(Jesper!AH$2:AH$366,ROUNDDOWN($C2444/24,0)+1,1))-1)+IF('Standard Profiles'!$G$18=$B$10,7,0)+IF('Standard Profiles'!$G$18=$B$17,14,0)+IF('Standard Profiles'!$G$18=$B$24,21,0),0)),0)</f>
        <v>12.625548413874004</v>
      </c>
      <c r="E2444" cm="1">
        <f t="array" ref="E2444">IFERROR(INDEX(Jesper!AI$2:AI$366,ROUNDDOWN($C2444/24,0)+1,1)*INDEX($D$3:$AA$30,INDEX(Jesper!$R$2:$R$366,ROW(INDEX(Jesper!AI$2:AI$366,ROUNDDOWN($C2444/24,0)+1,1))-1)+IF('Standard Profiles'!$G$19=$B$10,7,0)+IF('Standard Profiles'!$G$19=$B$17,14,0)+IF('Standard Profiles'!$G$19=$B$24,21,0),MOD($C2444,24)+1)/SUM(INDEX($D$3:$AA$30,INDEX(Jesper!$R$2:$R$366,ROW(INDEX(Jesper!AI$2:AI$366,ROUNDDOWN($C2444/24,0)+1,1))-1)+IF('Standard Profiles'!$G$19=$B$10,7,0)+IF('Standard Profiles'!$G$19=$B$17,14,0)+IF('Standard Profiles'!$G$19=$B$24,21,0),0)),0)</f>
        <v>0</v>
      </c>
      <c r="F2444" cm="1">
        <f t="array" ref="F2444">IFERROR(INDEX(Jesper!AJ$2:AJ$366,ROUNDDOWN($C2444/24,0)+1,1)*INDEX($D$3:$AA$30,INDEX(Jesper!$R$2:$R$366,ROW(INDEX(Jesper!AJ$2:AJ$366,ROUNDDOWN($C2444/24,0)+1,1))-1)+IF('Standard Profiles'!$G$20=$B$10,7,0)+IF('Standard Profiles'!$G$20=$B$17,14,0)+IF('Standard Profiles'!$G$20=$B$24,21,0),MOD($C2444,24)+1)/SUM(INDEX($D$3:$AA$30,INDEX(Jesper!$R$2:$R$366,ROW(INDEX(Jesper!AJ$2:AJ$366,ROUNDDOWN($C2444/24,0)+1,1))-1)+IF('Standard Profiles'!$G$20=$B$10,7,0)+IF('Standard Profiles'!$G$20=$B$17,14,0)+IF('Standard Profiles'!$G$20=$B$24,21,0),0)),0)</f>
        <v>0</v>
      </c>
      <c r="G2444" cm="1">
        <f t="array" ref="G2444">IFERROR(INDEX(Jesper!AK$2:AK$366,ROUNDDOWN($C2444/24,0)+1,1)*INDEX($D$3:$AA$30,INDEX(Jesper!$R$2:$R$366,ROW(INDEX(Jesper!AK$2:AK$366,ROUNDDOWN($C2444/24,0)+1,1))-1)+IF('Standard Profiles'!$G$21=$B$10,7,0)+IF('Standard Profiles'!$G$21=$B$17,14,0)+IF('Standard Profiles'!$G$21=$B$24,21,0),MOD($C2444,24)+1)/SUM(INDEX($D$3:$AA$30,INDEX(Jesper!$R$2:$R$366,ROW(INDEX(Jesper!AK$2:AK$366,ROUNDDOWN($C2444/24,0)+1,1))-1)+IF('Standard Profiles'!$G$21=$B$10,7,0)+IF('Standard Profiles'!$G$21=$B$17,14,0)+IF('Standard Profiles'!$G$21=$B$24,21,0),0)),0)</f>
        <v>0</v>
      </c>
      <c r="H2444" cm="1">
        <f t="array" ref="H2444">IFERROR(INDEX(Jesper!AL$2:AL$366,ROUNDDOWN($C2444/24,0)+1,1)*INDEX($D$3:$AA$30,INDEX(Jesper!$R$2:$R$366,ROW(INDEX(Jesper!AL$2:AL$366,ROUNDDOWN($C2444/24,0)+1,1))-1)+IF('Standard Profiles'!$G$22=$B$10,7,0)+IF('Standard Profiles'!$G$22=$B$17,14,0)+IF('Standard Profiles'!$G$22=$B$24,21,0),MOD($C2444,24)+1)/SUM(INDEX($D$3:$AA$30,INDEX(Jesper!$R$2:$R$366,ROW(INDEX(Jesper!AL$2:AL$366,ROUNDDOWN($C2444/24,0)+1,1))-1)+IF('Standard Profiles'!$G$22=$B$10,7,0)+IF('Standard Profiles'!$G$22=$B$17,14,0)+IF('Standard Profiles'!$G$22=$B$24,21,0),0)),0)</f>
        <v>0</v>
      </c>
      <c r="I2444">
        <f t="shared" si="279"/>
        <v>0.37876645241622009</v>
      </c>
      <c r="J2444">
        <f t="shared" si="280"/>
        <v>1.2625548413874004</v>
      </c>
      <c r="K2444">
        <f t="shared" si="281"/>
        <v>1.8938322620811006</v>
      </c>
      <c r="L2444">
        <f t="shared" si="282"/>
        <v>9.090394857989283</v>
      </c>
      <c r="M2444">
        <f t="shared" si="283"/>
        <v>0</v>
      </c>
      <c r="N2444" s="46">
        <f t="shared" si="284"/>
        <v>45392.416666660822</v>
      </c>
    </row>
    <row r="2445" spans="2:14" x14ac:dyDescent="0.3">
      <c r="B2445">
        <f t="shared" si="278"/>
        <v>3</v>
      </c>
      <c r="C2445" s="16">
        <v>2411</v>
      </c>
      <c r="D2445" cm="1">
        <f t="array" ref="D2445">IFERROR(INDEX(Jesper!AH$2:AH$366,ROUNDDOWN($C2445/24,0)+1,1)*INDEX($D$3:$AA$30,INDEX(Jesper!$R$2:$R$366,ROW(INDEX(Jesper!AH$2:AH$366,ROUNDDOWN($C2445/24,0)+1,1))-1)+IF('Standard Profiles'!$G$18=$B$10,7,0)+IF('Standard Profiles'!$G$18=$B$17,14,0)+IF('Standard Profiles'!$G$18=$B$24,21,0),MOD($C2445,24)+1)/SUM(INDEX($D$3:$AA$30,INDEX(Jesper!$R$2:$R$366,ROW(INDEX(Jesper!AH$2:AH$366,ROUNDDOWN($C2445/24,0)+1,1))-1)+IF('Standard Profiles'!$G$18=$B$10,7,0)+IF('Standard Profiles'!$G$18=$B$17,14,0)+IF('Standard Profiles'!$G$18=$B$24,21,0),0)),0)</f>
        <v>14.567940477546927</v>
      </c>
      <c r="E2445" cm="1">
        <f t="array" ref="E2445">IFERROR(INDEX(Jesper!AI$2:AI$366,ROUNDDOWN($C2445/24,0)+1,1)*INDEX($D$3:$AA$30,INDEX(Jesper!$R$2:$R$366,ROW(INDEX(Jesper!AI$2:AI$366,ROUNDDOWN($C2445/24,0)+1,1))-1)+IF('Standard Profiles'!$G$19=$B$10,7,0)+IF('Standard Profiles'!$G$19=$B$17,14,0)+IF('Standard Profiles'!$G$19=$B$24,21,0),MOD($C2445,24)+1)/SUM(INDEX($D$3:$AA$30,INDEX(Jesper!$R$2:$R$366,ROW(INDEX(Jesper!AI$2:AI$366,ROUNDDOWN($C2445/24,0)+1,1))-1)+IF('Standard Profiles'!$G$19=$B$10,7,0)+IF('Standard Profiles'!$G$19=$B$17,14,0)+IF('Standard Profiles'!$G$19=$B$24,21,0),0)),0)</f>
        <v>0</v>
      </c>
      <c r="F2445" cm="1">
        <f t="array" ref="F2445">IFERROR(INDEX(Jesper!AJ$2:AJ$366,ROUNDDOWN($C2445/24,0)+1,1)*INDEX($D$3:$AA$30,INDEX(Jesper!$R$2:$R$366,ROW(INDEX(Jesper!AJ$2:AJ$366,ROUNDDOWN($C2445/24,0)+1,1))-1)+IF('Standard Profiles'!$G$20=$B$10,7,0)+IF('Standard Profiles'!$G$20=$B$17,14,0)+IF('Standard Profiles'!$G$20=$B$24,21,0),MOD($C2445,24)+1)/SUM(INDEX($D$3:$AA$30,INDEX(Jesper!$R$2:$R$366,ROW(INDEX(Jesper!AJ$2:AJ$366,ROUNDDOWN($C2445/24,0)+1,1))-1)+IF('Standard Profiles'!$G$20=$B$10,7,0)+IF('Standard Profiles'!$G$20=$B$17,14,0)+IF('Standard Profiles'!$G$20=$B$24,21,0),0)),0)</f>
        <v>0</v>
      </c>
      <c r="G2445" cm="1">
        <f t="array" ref="G2445">IFERROR(INDEX(Jesper!AK$2:AK$366,ROUNDDOWN($C2445/24,0)+1,1)*INDEX($D$3:$AA$30,INDEX(Jesper!$R$2:$R$366,ROW(INDEX(Jesper!AK$2:AK$366,ROUNDDOWN($C2445/24,0)+1,1))-1)+IF('Standard Profiles'!$G$21=$B$10,7,0)+IF('Standard Profiles'!$G$21=$B$17,14,0)+IF('Standard Profiles'!$G$21=$B$24,21,0),MOD($C2445,24)+1)/SUM(INDEX($D$3:$AA$30,INDEX(Jesper!$R$2:$R$366,ROW(INDEX(Jesper!AK$2:AK$366,ROUNDDOWN($C2445/24,0)+1,1))-1)+IF('Standard Profiles'!$G$21=$B$10,7,0)+IF('Standard Profiles'!$G$21=$B$17,14,0)+IF('Standard Profiles'!$G$21=$B$24,21,0),0)),0)</f>
        <v>0</v>
      </c>
      <c r="H2445" cm="1">
        <f t="array" ref="H2445">IFERROR(INDEX(Jesper!AL$2:AL$366,ROUNDDOWN($C2445/24,0)+1,1)*INDEX($D$3:$AA$30,INDEX(Jesper!$R$2:$R$366,ROW(INDEX(Jesper!AL$2:AL$366,ROUNDDOWN($C2445/24,0)+1,1))-1)+IF('Standard Profiles'!$G$22=$B$10,7,0)+IF('Standard Profiles'!$G$22=$B$17,14,0)+IF('Standard Profiles'!$G$22=$B$24,21,0),MOD($C2445,24)+1)/SUM(INDEX($D$3:$AA$30,INDEX(Jesper!$R$2:$R$366,ROW(INDEX(Jesper!AL$2:AL$366,ROUNDDOWN($C2445/24,0)+1,1))-1)+IF('Standard Profiles'!$G$22=$B$10,7,0)+IF('Standard Profiles'!$G$22=$B$17,14,0)+IF('Standard Profiles'!$G$22=$B$24,21,0),0)),0)</f>
        <v>0</v>
      </c>
      <c r="I2445">
        <f t="shared" si="279"/>
        <v>0.43703821432640777</v>
      </c>
      <c r="J2445">
        <f t="shared" si="280"/>
        <v>1.4567940477546928</v>
      </c>
      <c r="K2445">
        <f t="shared" si="281"/>
        <v>2.1851910716320391</v>
      </c>
      <c r="L2445">
        <f t="shared" si="282"/>
        <v>10.488917143833786</v>
      </c>
      <c r="M2445">
        <f t="shared" si="283"/>
        <v>0</v>
      </c>
      <c r="N2445" s="46">
        <f t="shared" si="284"/>
        <v>45392.458333327486</v>
      </c>
    </row>
    <row r="2446" spans="2:14" x14ac:dyDescent="0.3">
      <c r="B2446">
        <f t="shared" si="278"/>
        <v>3</v>
      </c>
      <c r="C2446" s="16">
        <v>2412</v>
      </c>
      <c r="D2446" cm="1">
        <f t="array" ref="D2446">IFERROR(INDEX(Jesper!AH$2:AH$366,ROUNDDOWN($C2446/24,0)+1,1)*INDEX($D$3:$AA$30,INDEX(Jesper!$R$2:$R$366,ROW(INDEX(Jesper!AH$2:AH$366,ROUNDDOWN($C2446/24,0)+1,1))-1)+IF('Standard Profiles'!$G$18=$B$10,7,0)+IF('Standard Profiles'!$G$18=$B$17,14,0)+IF('Standard Profiles'!$G$18=$B$24,21,0),MOD($C2446,24)+1)/SUM(INDEX($D$3:$AA$30,INDEX(Jesper!$R$2:$R$366,ROW(INDEX(Jesper!AH$2:AH$366,ROUNDDOWN($C2446/24,0)+1,1))-1)+IF('Standard Profiles'!$G$18=$B$10,7,0)+IF('Standard Profiles'!$G$18=$B$17,14,0)+IF('Standard Profiles'!$G$18=$B$24,21,0),0)),0)</f>
        <v>14.567940477546927</v>
      </c>
      <c r="E2446" cm="1">
        <f t="array" ref="E2446">IFERROR(INDEX(Jesper!AI$2:AI$366,ROUNDDOWN($C2446/24,0)+1,1)*INDEX($D$3:$AA$30,INDEX(Jesper!$R$2:$R$366,ROW(INDEX(Jesper!AI$2:AI$366,ROUNDDOWN($C2446/24,0)+1,1))-1)+IF('Standard Profiles'!$G$19=$B$10,7,0)+IF('Standard Profiles'!$G$19=$B$17,14,0)+IF('Standard Profiles'!$G$19=$B$24,21,0),MOD($C2446,24)+1)/SUM(INDEX($D$3:$AA$30,INDEX(Jesper!$R$2:$R$366,ROW(INDEX(Jesper!AI$2:AI$366,ROUNDDOWN($C2446/24,0)+1,1))-1)+IF('Standard Profiles'!$G$19=$B$10,7,0)+IF('Standard Profiles'!$G$19=$B$17,14,0)+IF('Standard Profiles'!$G$19=$B$24,21,0),0)),0)</f>
        <v>0</v>
      </c>
      <c r="F2446" cm="1">
        <f t="array" ref="F2446">IFERROR(INDEX(Jesper!AJ$2:AJ$366,ROUNDDOWN($C2446/24,0)+1,1)*INDEX($D$3:$AA$30,INDEX(Jesper!$R$2:$R$366,ROW(INDEX(Jesper!AJ$2:AJ$366,ROUNDDOWN($C2446/24,0)+1,1))-1)+IF('Standard Profiles'!$G$20=$B$10,7,0)+IF('Standard Profiles'!$G$20=$B$17,14,0)+IF('Standard Profiles'!$G$20=$B$24,21,0),MOD($C2446,24)+1)/SUM(INDEX($D$3:$AA$30,INDEX(Jesper!$R$2:$R$366,ROW(INDEX(Jesper!AJ$2:AJ$366,ROUNDDOWN($C2446/24,0)+1,1))-1)+IF('Standard Profiles'!$G$20=$B$10,7,0)+IF('Standard Profiles'!$G$20=$B$17,14,0)+IF('Standard Profiles'!$G$20=$B$24,21,0),0)),0)</f>
        <v>0</v>
      </c>
      <c r="G2446" cm="1">
        <f t="array" ref="G2446">IFERROR(INDEX(Jesper!AK$2:AK$366,ROUNDDOWN($C2446/24,0)+1,1)*INDEX($D$3:$AA$30,INDEX(Jesper!$R$2:$R$366,ROW(INDEX(Jesper!AK$2:AK$366,ROUNDDOWN($C2446/24,0)+1,1))-1)+IF('Standard Profiles'!$G$21=$B$10,7,0)+IF('Standard Profiles'!$G$21=$B$17,14,0)+IF('Standard Profiles'!$G$21=$B$24,21,0),MOD($C2446,24)+1)/SUM(INDEX($D$3:$AA$30,INDEX(Jesper!$R$2:$R$366,ROW(INDEX(Jesper!AK$2:AK$366,ROUNDDOWN($C2446/24,0)+1,1))-1)+IF('Standard Profiles'!$G$21=$B$10,7,0)+IF('Standard Profiles'!$G$21=$B$17,14,0)+IF('Standard Profiles'!$G$21=$B$24,21,0),0)),0)</f>
        <v>0</v>
      </c>
      <c r="H2446" cm="1">
        <f t="array" ref="H2446">IFERROR(INDEX(Jesper!AL$2:AL$366,ROUNDDOWN($C2446/24,0)+1,1)*INDEX($D$3:$AA$30,INDEX(Jesper!$R$2:$R$366,ROW(INDEX(Jesper!AL$2:AL$366,ROUNDDOWN($C2446/24,0)+1,1))-1)+IF('Standard Profiles'!$G$22=$B$10,7,0)+IF('Standard Profiles'!$G$22=$B$17,14,0)+IF('Standard Profiles'!$G$22=$B$24,21,0),MOD($C2446,24)+1)/SUM(INDEX($D$3:$AA$30,INDEX(Jesper!$R$2:$R$366,ROW(INDEX(Jesper!AL$2:AL$366,ROUNDDOWN($C2446/24,0)+1,1))-1)+IF('Standard Profiles'!$G$22=$B$10,7,0)+IF('Standard Profiles'!$G$22=$B$17,14,0)+IF('Standard Profiles'!$G$22=$B$24,21,0),0)),0)</f>
        <v>0</v>
      </c>
      <c r="I2446">
        <f t="shared" si="279"/>
        <v>0.43703821432640777</v>
      </c>
      <c r="J2446">
        <f t="shared" si="280"/>
        <v>1.4567940477546928</v>
      </c>
      <c r="K2446">
        <f t="shared" si="281"/>
        <v>2.1851910716320391</v>
      </c>
      <c r="L2446">
        <f t="shared" si="282"/>
        <v>10.488917143833786</v>
      </c>
      <c r="M2446">
        <f t="shared" si="283"/>
        <v>0</v>
      </c>
      <c r="N2446" s="46">
        <f t="shared" si="284"/>
        <v>45392.49999999415</v>
      </c>
    </row>
    <row r="2447" spans="2:14" x14ac:dyDescent="0.3">
      <c r="B2447">
        <f t="shared" si="278"/>
        <v>3</v>
      </c>
      <c r="C2447" s="16">
        <v>2413</v>
      </c>
      <c r="D2447" cm="1">
        <f t="array" ref="D2447">IFERROR(INDEX(Jesper!AH$2:AH$366,ROUNDDOWN($C2447/24,0)+1,1)*INDEX($D$3:$AA$30,INDEX(Jesper!$R$2:$R$366,ROW(INDEX(Jesper!AH$2:AH$366,ROUNDDOWN($C2447/24,0)+1,1))-1)+IF('Standard Profiles'!$G$18=$B$10,7,0)+IF('Standard Profiles'!$G$18=$B$17,14,0)+IF('Standard Profiles'!$G$18=$B$24,21,0),MOD($C2447,24)+1)/SUM(INDEX($D$3:$AA$30,INDEX(Jesper!$R$2:$R$366,ROW(INDEX(Jesper!AH$2:AH$366,ROUNDDOWN($C2447/24,0)+1,1))-1)+IF('Standard Profiles'!$G$18=$B$10,7,0)+IF('Standard Profiles'!$G$18=$B$17,14,0)+IF('Standard Profiles'!$G$18=$B$24,21,0),0)),0)</f>
        <v>14.567940477546927</v>
      </c>
      <c r="E2447" cm="1">
        <f t="array" ref="E2447">IFERROR(INDEX(Jesper!AI$2:AI$366,ROUNDDOWN($C2447/24,0)+1,1)*INDEX($D$3:$AA$30,INDEX(Jesper!$R$2:$R$366,ROW(INDEX(Jesper!AI$2:AI$366,ROUNDDOWN($C2447/24,0)+1,1))-1)+IF('Standard Profiles'!$G$19=$B$10,7,0)+IF('Standard Profiles'!$G$19=$B$17,14,0)+IF('Standard Profiles'!$G$19=$B$24,21,0),MOD($C2447,24)+1)/SUM(INDEX($D$3:$AA$30,INDEX(Jesper!$R$2:$R$366,ROW(INDEX(Jesper!AI$2:AI$366,ROUNDDOWN($C2447/24,0)+1,1))-1)+IF('Standard Profiles'!$G$19=$B$10,7,0)+IF('Standard Profiles'!$G$19=$B$17,14,0)+IF('Standard Profiles'!$G$19=$B$24,21,0),0)),0)</f>
        <v>0</v>
      </c>
      <c r="F2447" cm="1">
        <f t="array" ref="F2447">IFERROR(INDEX(Jesper!AJ$2:AJ$366,ROUNDDOWN($C2447/24,0)+1,1)*INDEX($D$3:$AA$30,INDEX(Jesper!$R$2:$R$366,ROW(INDEX(Jesper!AJ$2:AJ$366,ROUNDDOWN($C2447/24,0)+1,1))-1)+IF('Standard Profiles'!$G$20=$B$10,7,0)+IF('Standard Profiles'!$G$20=$B$17,14,0)+IF('Standard Profiles'!$G$20=$B$24,21,0),MOD($C2447,24)+1)/SUM(INDEX($D$3:$AA$30,INDEX(Jesper!$R$2:$R$366,ROW(INDEX(Jesper!AJ$2:AJ$366,ROUNDDOWN($C2447/24,0)+1,1))-1)+IF('Standard Profiles'!$G$20=$B$10,7,0)+IF('Standard Profiles'!$G$20=$B$17,14,0)+IF('Standard Profiles'!$G$20=$B$24,21,0),0)),0)</f>
        <v>0</v>
      </c>
      <c r="G2447" cm="1">
        <f t="array" ref="G2447">IFERROR(INDEX(Jesper!AK$2:AK$366,ROUNDDOWN($C2447/24,0)+1,1)*INDEX($D$3:$AA$30,INDEX(Jesper!$R$2:$R$366,ROW(INDEX(Jesper!AK$2:AK$366,ROUNDDOWN($C2447/24,0)+1,1))-1)+IF('Standard Profiles'!$G$21=$B$10,7,0)+IF('Standard Profiles'!$G$21=$B$17,14,0)+IF('Standard Profiles'!$G$21=$B$24,21,0),MOD($C2447,24)+1)/SUM(INDEX($D$3:$AA$30,INDEX(Jesper!$R$2:$R$366,ROW(INDEX(Jesper!AK$2:AK$366,ROUNDDOWN($C2447/24,0)+1,1))-1)+IF('Standard Profiles'!$G$21=$B$10,7,0)+IF('Standard Profiles'!$G$21=$B$17,14,0)+IF('Standard Profiles'!$G$21=$B$24,21,0),0)),0)</f>
        <v>0</v>
      </c>
      <c r="H2447" cm="1">
        <f t="array" ref="H2447">IFERROR(INDEX(Jesper!AL$2:AL$366,ROUNDDOWN($C2447/24,0)+1,1)*INDEX($D$3:$AA$30,INDEX(Jesper!$R$2:$R$366,ROW(INDEX(Jesper!AL$2:AL$366,ROUNDDOWN($C2447/24,0)+1,1))-1)+IF('Standard Profiles'!$G$22=$B$10,7,0)+IF('Standard Profiles'!$G$22=$B$17,14,0)+IF('Standard Profiles'!$G$22=$B$24,21,0),MOD($C2447,24)+1)/SUM(INDEX($D$3:$AA$30,INDEX(Jesper!$R$2:$R$366,ROW(INDEX(Jesper!AL$2:AL$366,ROUNDDOWN($C2447/24,0)+1,1))-1)+IF('Standard Profiles'!$G$22=$B$10,7,0)+IF('Standard Profiles'!$G$22=$B$17,14,0)+IF('Standard Profiles'!$G$22=$B$24,21,0),0)),0)</f>
        <v>0</v>
      </c>
      <c r="I2447">
        <f t="shared" si="279"/>
        <v>0.43703821432640777</v>
      </c>
      <c r="J2447">
        <f t="shared" si="280"/>
        <v>1.4567940477546928</v>
      </c>
      <c r="K2447">
        <f t="shared" si="281"/>
        <v>2.1851910716320391</v>
      </c>
      <c r="L2447">
        <f t="shared" si="282"/>
        <v>10.488917143833786</v>
      </c>
      <c r="M2447">
        <f t="shared" si="283"/>
        <v>0</v>
      </c>
      <c r="N2447" s="46">
        <f t="shared" si="284"/>
        <v>45392.541666660814</v>
      </c>
    </row>
    <row r="2448" spans="2:14" x14ac:dyDescent="0.3">
      <c r="B2448">
        <f t="shared" si="278"/>
        <v>3</v>
      </c>
      <c r="C2448" s="16">
        <v>2414</v>
      </c>
      <c r="D2448" cm="1">
        <f t="array" ref="D2448">IFERROR(INDEX(Jesper!AH$2:AH$366,ROUNDDOWN($C2448/24,0)+1,1)*INDEX($D$3:$AA$30,INDEX(Jesper!$R$2:$R$366,ROW(INDEX(Jesper!AH$2:AH$366,ROUNDDOWN($C2448/24,0)+1,1))-1)+IF('Standard Profiles'!$G$18=$B$10,7,0)+IF('Standard Profiles'!$G$18=$B$17,14,0)+IF('Standard Profiles'!$G$18=$B$24,21,0),MOD($C2448,24)+1)/SUM(INDEX($D$3:$AA$30,INDEX(Jesper!$R$2:$R$366,ROW(INDEX(Jesper!AH$2:AH$366,ROUNDDOWN($C2448/24,0)+1,1))-1)+IF('Standard Profiles'!$G$18=$B$10,7,0)+IF('Standard Profiles'!$G$18=$B$17,14,0)+IF('Standard Profiles'!$G$18=$B$24,21,0),0)),0)</f>
        <v>14.567940477546927</v>
      </c>
      <c r="E2448" cm="1">
        <f t="array" ref="E2448">IFERROR(INDEX(Jesper!AI$2:AI$366,ROUNDDOWN($C2448/24,0)+1,1)*INDEX($D$3:$AA$30,INDEX(Jesper!$R$2:$R$366,ROW(INDEX(Jesper!AI$2:AI$366,ROUNDDOWN($C2448/24,0)+1,1))-1)+IF('Standard Profiles'!$G$19=$B$10,7,0)+IF('Standard Profiles'!$G$19=$B$17,14,0)+IF('Standard Profiles'!$G$19=$B$24,21,0),MOD($C2448,24)+1)/SUM(INDEX($D$3:$AA$30,INDEX(Jesper!$R$2:$R$366,ROW(INDEX(Jesper!AI$2:AI$366,ROUNDDOWN($C2448/24,0)+1,1))-1)+IF('Standard Profiles'!$G$19=$B$10,7,0)+IF('Standard Profiles'!$G$19=$B$17,14,0)+IF('Standard Profiles'!$G$19=$B$24,21,0),0)),0)</f>
        <v>0</v>
      </c>
      <c r="F2448" cm="1">
        <f t="array" ref="F2448">IFERROR(INDEX(Jesper!AJ$2:AJ$366,ROUNDDOWN($C2448/24,0)+1,1)*INDEX($D$3:$AA$30,INDEX(Jesper!$R$2:$R$366,ROW(INDEX(Jesper!AJ$2:AJ$366,ROUNDDOWN($C2448/24,0)+1,1))-1)+IF('Standard Profiles'!$G$20=$B$10,7,0)+IF('Standard Profiles'!$G$20=$B$17,14,0)+IF('Standard Profiles'!$G$20=$B$24,21,0),MOD($C2448,24)+1)/SUM(INDEX($D$3:$AA$30,INDEX(Jesper!$R$2:$R$366,ROW(INDEX(Jesper!AJ$2:AJ$366,ROUNDDOWN($C2448/24,0)+1,1))-1)+IF('Standard Profiles'!$G$20=$B$10,7,0)+IF('Standard Profiles'!$G$20=$B$17,14,0)+IF('Standard Profiles'!$G$20=$B$24,21,0),0)),0)</f>
        <v>0</v>
      </c>
      <c r="G2448" cm="1">
        <f t="array" ref="G2448">IFERROR(INDEX(Jesper!AK$2:AK$366,ROUNDDOWN($C2448/24,0)+1,1)*INDEX($D$3:$AA$30,INDEX(Jesper!$R$2:$R$366,ROW(INDEX(Jesper!AK$2:AK$366,ROUNDDOWN($C2448/24,0)+1,1))-1)+IF('Standard Profiles'!$G$21=$B$10,7,0)+IF('Standard Profiles'!$G$21=$B$17,14,0)+IF('Standard Profiles'!$G$21=$B$24,21,0),MOD($C2448,24)+1)/SUM(INDEX($D$3:$AA$30,INDEX(Jesper!$R$2:$R$366,ROW(INDEX(Jesper!AK$2:AK$366,ROUNDDOWN($C2448/24,0)+1,1))-1)+IF('Standard Profiles'!$G$21=$B$10,7,0)+IF('Standard Profiles'!$G$21=$B$17,14,0)+IF('Standard Profiles'!$G$21=$B$24,21,0),0)),0)</f>
        <v>0</v>
      </c>
      <c r="H2448" cm="1">
        <f t="array" ref="H2448">IFERROR(INDEX(Jesper!AL$2:AL$366,ROUNDDOWN($C2448/24,0)+1,1)*INDEX($D$3:$AA$30,INDEX(Jesper!$R$2:$R$366,ROW(INDEX(Jesper!AL$2:AL$366,ROUNDDOWN($C2448/24,0)+1,1))-1)+IF('Standard Profiles'!$G$22=$B$10,7,0)+IF('Standard Profiles'!$G$22=$B$17,14,0)+IF('Standard Profiles'!$G$22=$B$24,21,0),MOD($C2448,24)+1)/SUM(INDEX($D$3:$AA$30,INDEX(Jesper!$R$2:$R$366,ROW(INDEX(Jesper!AL$2:AL$366,ROUNDDOWN($C2448/24,0)+1,1))-1)+IF('Standard Profiles'!$G$22=$B$10,7,0)+IF('Standard Profiles'!$G$22=$B$17,14,0)+IF('Standard Profiles'!$G$22=$B$24,21,0),0)),0)</f>
        <v>0</v>
      </c>
      <c r="I2448">
        <f t="shared" si="279"/>
        <v>0.43703821432640777</v>
      </c>
      <c r="J2448">
        <f t="shared" si="280"/>
        <v>1.4567940477546928</v>
      </c>
      <c r="K2448">
        <f t="shared" si="281"/>
        <v>2.1851910716320391</v>
      </c>
      <c r="L2448">
        <f t="shared" si="282"/>
        <v>10.488917143833786</v>
      </c>
      <c r="M2448">
        <f t="shared" si="283"/>
        <v>0</v>
      </c>
      <c r="N2448" s="46">
        <f t="shared" si="284"/>
        <v>45392.583333327479</v>
      </c>
    </row>
    <row r="2449" spans="2:14" x14ac:dyDescent="0.3">
      <c r="B2449">
        <f t="shared" si="278"/>
        <v>3</v>
      </c>
      <c r="C2449" s="16">
        <v>2415</v>
      </c>
      <c r="D2449" cm="1">
        <f t="array" ref="D2449">IFERROR(INDEX(Jesper!AH$2:AH$366,ROUNDDOWN($C2449/24,0)+1,1)*INDEX($D$3:$AA$30,INDEX(Jesper!$R$2:$R$366,ROW(INDEX(Jesper!AH$2:AH$366,ROUNDDOWN($C2449/24,0)+1,1))-1)+IF('Standard Profiles'!$G$18=$B$10,7,0)+IF('Standard Profiles'!$G$18=$B$17,14,0)+IF('Standard Profiles'!$G$18=$B$24,21,0),MOD($C2449,24)+1)/SUM(INDEX($D$3:$AA$30,INDEX(Jesper!$R$2:$R$366,ROW(INDEX(Jesper!AH$2:AH$366,ROUNDDOWN($C2449/24,0)+1,1))-1)+IF('Standard Profiles'!$G$18=$B$10,7,0)+IF('Standard Profiles'!$G$18=$B$17,14,0)+IF('Standard Profiles'!$G$18=$B$24,21,0),0)),0)</f>
        <v>14.567940477546927</v>
      </c>
      <c r="E2449" cm="1">
        <f t="array" ref="E2449">IFERROR(INDEX(Jesper!AI$2:AI$366,ROUNDDOWN($C2449/24,0)+1,1)*INDEX($D$3:$AA$30,INDEX(Jesper!$R$2:$R$366,ROW(INDEX(Jesper!AI$2:AI$366,ROUNDDOWN($C2449/24,0)+1,1))-1)+IF('Standard Profiles'!$G$19=$B$10,7,0)+IF('Standard Profiles'!$G$19=$B$17,14,0)+IF('Standard Profiles'!$G$19=$B$24,21,0),MOD($C2449,24)+1)/SUM(INDEX($D$3:$AA$30,INDEX(Jesper!$R$2:$R$366,ROW(INDEX(Jesper!AI$2:AI$366,ROUNDDOWN($C2449/24,0)+1,1))-1)+IF('Standard Profiles'!$G$19=$B$10,7,0)+IF('Standard Profiles'!$G$19=$B$17,14,0)+IF('Standard Profiles'!$G$19=$B$24,21,0),0)),0)</f>
        <v>0</v>
      </c>
      <c r="F2449" cm="1">
        <f t="array" ref="F2449">IFERROR(INDEX(Jesper!AJ$2:AJ$366,ROUNDDOWN($C2449/24,0)+1,1)*INDEX($D$3:$AA$30,INDEX(Jesper!$R$2:$R$366,ROW(INDEX(Jesper!AJ$2:AJ$366,ROUNDDOWN($C2449/24,0)+1,1))-1)+IF('Standard Profiles'!$G$20=$B$10,7,0)+IF('Standard Profiles'!$G$20=$B$17,14,0)+IF('Standard Profiles'!$G$20=$B$24,21,0),MOD($C2449,24)+1)/SUM(INDEX($D$3:$AA$30,INDEX(Jesper!$R$2:$R$366,ROW(INDEX(Jesper!AJ$2:AJ$366,ROUNDDOWN($C2449/24,0)+1,1))-1)+IF('Standard Profiles'!$G$20=$B$10,7,0)+IF('Standard Profiles'!$G$20=$B$17,14,0)+IF('Standard Profiles'!$G$20=$B$24,21,0),0)),0)</f>
        <v>0</v>
      </c>
      <c r="G2449" cm="1">
        <f t="array" ref="G2449">IFERROR(INDEX(Jesper!AK$2:AK$366,ROUNDDOWN($C2449/24,0)+1,1)*INDEX($D$3:$AA$30,INDEX(Jesper!$R$2:$R$366,ROW(INDEX(Jesper!AK$2:AK$366,ROUNDDOWN($C2449/24,0)+1,1))-1)+IF('Standard Profiles'!$G$21=$B$10,7,0)+IF('Standard Profiles'!$G$21=$B$17,14,0)+IF('Standard Profiles'!$G$21=$B$24,21,0),MOD($C2449,24)+1)/SUM(INDEX($D$3:$AA$30,INDEX(Jesper!$R$2:$R$366,ROW(INDEX(Jesper!AK$2:AK$366,ROUNDDOWN($C2449/24,0)+1,1))-1)+IF('Standard Profiles'!$G$21=$B$10,7,0)+IF('Standard Profiles'!$G$21=$B$17,14,0)+IF('Standard Profiles'!$G$21=$B$24,21,0),0)),0)</f>
        <v>0</v>
      </c>
      <c r="H2449" cm="1">
        <f t="array" ref="H2449">IFERROR(INDEX(Jesper!AL$2:AL$366,ROUNDDOWN($C2449/24,0)+1,1)*INDEX($D$3:$AA$30,INDEX(Jesper!$R$2:$R$366,ROW(INDEX(Jesper!AL$2:AL$366,ROUNDDOWN($C2449/24,0)+1,1))-1)+IF('Standard Profiles'!$G$22=$B$10,7,0)+IF('Standard Profiles'!$G$22=$B$17,14,0)+IF('Standard Profiles'!$G$22=$B$24,21,0),MOD($C2449,24)+1)/SUM(INDEX($D$3:$AA$30,INDEX(Jesper!$R$2:$R$366,ROW(INDEX(Jesper!AL$2:AL$366,ROUNDDOWN($C2449/24,0)+1,1))-1)+IF('Standard Profiles'!$G$22=$B$10,7,0)+IF('Standard Profiles'!$G$22=$B$17,14,0)+IF('Standard Profiles'!$G$22=$B$24,21,0),0)),0)</f>
        <v>0</v>
      </c>
      <c r="I2449">
        <f t="shared" si="279"/>
        <v>0.43703821432640777</v>
      </c>
      <c r="J2449">
        <f t="shared" si="280"/>
        <v>1.4567940477546928</v>
      </c>
      <c r="K2449">
        <f t="shared" si="281"/>
        <v>2.1851910716320391</v>
      </c>
      <c r="L2449">
        <f t="shared" si="282"/>
        <v>10.488917143833786</v>
      </c>
      <c r="M2449">
        <f t="shared" si="283"/>
        <v>0</v>
      </c>
      <c r="N2449" s="46">
        <f t="shared" si="284"/>
        <v>45392.624999994143</v>
      </c>
    </row>
    <row r="2450" spans="2:14" x14ac:dyDescent="0.3">
      <c r="B2450">
        <f t="shared" si="278"/>
        <v>3</v>
      </c>
      <c r="C2450" s="16">
        <v>2416</v>
      </c>
      <c r="D2450" cm="1">
        <f t="array" ref="D2450">IFERROR(INDEX(Jesper!AH$2:AH$366,ROUNDDOWN($C2450/24,0)+1,1)*INDEX($D$3:$AA$30,INDEX(Jesper!$R$2:$R$366,ROW(INDEX(Jesper!AH$2:AH$366,ROUNDDOWN($C2450/24,0)+1,1))-1)+IF('Standard Profiles'!$G$18=$B$10,7,0)+IF('Standard Profiles'!$G$18=$B$17,14,0)+IF('Standard Profiles'!$G$18=$B$24,21,0),MOD($C2450,24)+1)/SUM(INDEX($D$3:$AA$30,INDEX(Jesper!$R$2:$R$366,ROW(INDEX(Jesper!AH$2:AH$366,ROUNDDOWN($C2450/24,0)+1,1))-1)+IF('Standard Profiles'!$G$18=$B$10,7,0)+IF('Standard Profiles'!$G$18=$B$17,14,0)+IF('Standard Profiles'!$G$18=$B$24,21,0),0)),0)</f>
        <v>14.567940477546927</v>
      </c>
      <c r="E2450" cm="1">
        <f t="array" ref="E2450">IFERROR(INDEX(Jesper!AI$2:AI$366,ROUNDDOWN($C2450/24,0)+1,1)*INDEX($D$3:$AA$30,INDEX(Jesper!$R$2:$R$366,ROW(INDEX(Jesper!AI$2:AI$366,ROUNDDOWN($C2450/24,0)+1,1))-1)+IF('Standard Profiles'!$G$19=$B$10,7,0)+IF('Standard Profiles'!$G$19=$B$17,14,0)+IF('Standard Profiles'!$G$19=$B$24,21,0),MOD($C2450,24)+1)/SUM(INDEX($D$3:$AA$30,INDEX(Jesper!$R$2:$R$366,ROW(INDEX(Jesper!AI$2:AI$366,ROUNDDOWN($C2450/24,0)+1,1))-1)+IF('Standard Profiles'!$G$19=$B$10,7,0)+IF('Standard Profiles'!$G$19=$B$17,14,0)+IF('Standard Profiles'!$G$19=$B$24,21,0),0)),0)</f>
        <v>0</v>
      </c>
      <c r="F2450" cm="1">
        <f t="array" ref="F2450">IFERROR(INDEX(Jesper!AJ$2:AJ$366,ROUNDDOWN($C2450/24,0)+1,1)*INDEX($D$3:$AA$30,INDEX(Jesper!$R$2:$R$366,ROW(INDEX(Jesper!AJ$2:AJ$366,ROUNDDOWN($C2450/24,0)+1,1))-1)+IF('Standard Profiles'!$G$20=$B$10,7,0)+IF('Standard Profiles'!$G$20=$B$17,14,0)+IF('Standard Profiles'!$G$20=$B$24,21,0),MOD($C2450,24)+1)/SUM(INDEX($D$3:$AA$30,INDEX(Jesper!$R$2:$R$366,ROW(INDEX(Jesper!AJ$2:AJ$366,ROUNDDOWN($C2450/24,0)+1,1))-1)+IF('Standard Profiles'!$G$20=$B$10,7,0)+IF('Standard Profiles'!$G$20=$B$17,14,0)+IF('Standard Profiles'!$G$20=$B$24,21,0),0)),0)</f>
        <v>0</v>
      </c>
      <c r="G2450" cm="1">
        <f t="array" ref="G2450">IFERROR(INDEX(Jesper!AK$2:AK$366,ROUNDDOWN($C2450/24,0)+1,1)*INDEX($D$3:$AA$30,INDEX(Jesper!$R$2:$R$366,ROW(INDEX(Jesper!AK$2:AK$366,ROUNDDOWN($C2450/24,0)+1,1))-1)+IF('Standard Profiles'!$G$21=$B$10,7,0)+IF('Standard Profiles'!$G$21=$B$17,14,0)+IF('Standard Profiles'!$G$21=$B$24,21,0),MOD($C2450,24)+1)/SUM(INDEX($D$3:$AA$30,INDEX(Jesper!$R$2:$R$366,ROW(INDEX(Jesper!AK$2:AK$366,ROUNDDOWN($C2450/24,0)+1,1))-1)+IF('Standard Profiles'!$G$21=$B$10,7,0)+IF('Standard Profiles'!$G$21=$B$17,14,0)+IF('Standard Profiles'!$G$21=$B$24,21,0),0)),0)</f>
        <v>0</v>
      </c>
      <c r="H2450" cm="1">
        <f t="array" ref="H2450">IFERROR(INDEX(Jesper!AL$2:AL$366,ROUNDDOWN($C2450/24,0)+1,1)*INDEX($D$3:$AA$30,INDEX(Jesper!$R$2:$R$366,ROW(INDEX(Jesper!AL$2:AL$366,ROUNDDOWN($C2450/24,0)+1,1))-1)+IF('Standard Profiles'!$G$22=$B$10,7,0)+IF('Standard Profiles'!$G$22=$B$17,14,0)+IF('Standard Profiles'!$G$22=$B$24,21,0),MOD($C2450,24)+1)/SUM(INDEX($D$3:$AA$30,INDEX(Jesper!$R$2:$R$366,ROW(INDEX(Jesper!AL$2:AL$366,ROUNDDOWN($C2450/24,0)+1,1))-1)+IF('Standard Profiles'!$G$22=$B$10,7,0)+IF('Standard Profiles'!$G$22=$B$17,14,0)+IF('Standard Profiles'!$G$22=$B$24,21,0),0)),0)</f>
        <v>0</v>
      </c>
      <c r="I2450">
        <f t="shared" si="279"/>
        <v>0.43703821432640777</v>
      </c>
      <c r="J2450">
        <f t="shared" si="280"/>
        <v>1.4567940477546928</v>
      </c>
      <c r="K2450">
        <f t="shared" si="281"/>
        <v>2.1851910716320391</v>
      </c>
      <c r="L2450">
        <f t="shared" si="282"/>
        <v>10.488917143833786</v>
      </c>
      <c r="M2450">
        <f t="shared" si="283"/>
        <v>0</v>
      </c>
      <c r="N2450" s="46">
        <f t="shared" si="284"/>
        <v>45392.666666660807</v>
      </c>
    </row>
    <row r="2451" spans="2:14" x14ac:dyDescent="0.3">
      <c r="B2451">
        <f t="shared" si="278"/>
        <v>3</v>
      </c>
      <c r="C2451" s="16">
        <v>2417</v>
      </c>
      <c r="D2451" cm="1">
        <f t="array" ref="D2451">IFERROR(INDEX(Jesper!AH$2:AH$366,ROUNDDOWN($C2451/24,0)+1,1)*INDEX($D$3:$AA$30,INDEX(Jesper!$R$2:$R$366,ROW(INDEX(Jesper!AH$2:AH$366,ROUNDDOWN($C2451/24,0)+1,1))-1)+IF('Standard Profiles'!$G$18=$B$10,7,0)+IF('Standard Profiles'!$G$18=$B$17,14,0)+IF('Standard Profiles'!$G$18=$B$24,21,0),MOD($C2451,24)+1)/SUM(INDEX($D$3:$AA$30,INDEX(Jesper!$R$2:$R$366,ROW(INDEX(Jesper!AH$2:AH$366,ROUNDDOWN($C2451/24,0)+1,1))-1)+IF('Standard Profiles'!$G$18=$B$10,7,0)+IF('Standard Profiles'!$G$18=$B$17,14,0)+IF('Standard Profiles'!$G$18=$B$24,21,0),0)),0)</f>
        <v>14.567940477546927</v>
      </c>
      <c r="E2451" cm="1">
        <f t="array" ref="E2451">IFERROR(INDEX(Jesper!AI$2:AI$366,ROUNDDOWN($C2451/24,0)+1,1)*INDEX($D$3:$AA$30,INDEX(Jesper!$R$2:$R$366,ROW(INDEX(Jesper!AI$2:AI$366,ROUNDDOWN($C2451/24,0)+1,1))-1)+IF('Standard Profiles'!$G$19=$B$10,7,0)+IF('Standard Profiles'!$G$19=$B$17,14,0)+IF('Standard Profiles'!$G$19=$B$24,21,0),MOD($C2451,24)+1)/SUM(INDEX($D$3:$AA$30,INDEX(Jesper!$R$2:$R$366,ROW(INDEX(Jesper!AI$2:AI$366,ROUNDDOWN($C2451/24,0)+1,1))-1)+IF('Standard Profiles'!$G$19=$B$10,7,0)+IF('Standard Profiles'!$G$19=$B$17,14,0)+IF('Standard Profiles'!$G$19=$B$24,21,0),0)),0)</f>
        <v>0</v>
      </c>
      <c r="F2451" cm="1">
        <f t="array" ref="F2451">IFERROR(INDEX(Jesper!AJ$2:AJ$366,ROUNDDOWN($C2451/24,0)+1,1)*INDEX($D$3:$AA$30,INDEX(Jesper!$R$2:$R$366,ROW(INDEX(Jesper!AJ$2:AJ$366,ROUNDDOWN($C2451/24,0)+1,1))-1)+IF('Standard Profiles'!$G$20=$B$10,7,0)+IF('Standard Profiles'!$G$20=$B$17,14,0)+IF('Standard Profiles'!$G$20=$B$24,21,0),MOD($C2451,24)+1)/SUM(INDEX($D$3:$AA$30,INDEX(Jesper!$R$2:$R$366,ROW(INDEX(Jesper!AJ$2:AJ$366,ROUNDDOWN($C2451/24,0)+1,1))-1)+IF('Standard Profiles'!$G$20=$B$10,7,0)+IF('Standard Profiles'!$G$20=$B$17,14,0)+IF('Standard Profiles'!$G$20=$B$24,21,0),0)),0)</f>
        <v>0</v>
      </c>
      <c r="G2451" cm="1">
        <f t="array" ref="G2451">IFERROR(INDEX(Jesper!AK$2:AK$366,ROUNDDOWN($C2451/24,0)+1,1)*INDEX($D$3:$AA$30,INDEX(Jesper!$R$2:$R$366,ROW(INDEX(Jesper!AK$2:AK$366,ROUNDDOWN($C2451/24,0)+1,1))-1)+IF('Standard Profiles'!$G$21=$B$10,7,0)+IF('Standard Profiles'!$G$21=$B$17,14,0)+IF('Standard Profiles'!$G$21=$B$24,21,0),MOD($C2451,24)+1)/SUM(INDEX($D$3:$AA$30,INDEX(Jesper!$R$2:$R$366,ROW(INDEX(Jesper!AK$2:AK$366,ROUNDDOWN($C2451/24,0)+1,1))-1)+IF('Standard Profiles'!$G$21=$B$10,7,0)+IF('Standard Profiles'!$G$21=$B$17,14,0)+IF('Standard Profiles'!$G$21=$B$24,21,0),0)),0)</f>
        <v>0</v>
      </c>
      <c r="H2451" cm="1">
        <f t="array" ref="H2451">IFERROR(INDEX(Jesper!AL$2:AL$366,ROUNDDOWN($C2451/24,0)+1,1)*INDEX($D$3:$AA$30,INDEX(Jesper!$R$2:$R$366,ROW(INDEX(Jesper!AL$2:AL$366,ROUNDDOWN($C2451/24,0)+1,1))-1)+IF('Standard Profiles'!$G$22=$B$10,7,0)+IF('Standard Profiles'!$G$22=$B$17,14,0)+IF('Standard Profiles'!$G$22=$B$24,21,0),MOD($C2451,24)+1)/SUM(INDEX($D$3:$AA$30,INDEX(Jesper!$R$2:$R$366,ROW(INDEX(Jesper!AL$2:AL$366,ROUNDDOWN($C2451/24,0)+1,1))-1)+IF('Standard Profiles'!$G$22=$B$10,7,0)+IF('Standard Profiles'!$G$22=$B$17,14,0)+IF('Standard Profiles'!$G$22=$B$24,21,0),0)),0)</f>
        <v>0</v>
      </c>
      <c r="I2451">
        <f t="shared" si="279"/>
        <v>0.43703821432640777</v>
      </c>
      <c r="J2451">
        <f t="shared" si="280"/>
        <v>1.4567940477546928</v>
      </c>
      <c r="K2451">
        <f t="shared" si="281"/>
        <v>2.1851910716320391</v>
      </c>
      <c r="L2451">
        <f t="shared" si="282"/>
        <v>10.488917143833786</v>
      </c>
      <c r="M2451">
        <f t="shared" si="283"/>
        <v>0</v>
      </c>
      <c r="N2451" s="46">
        <f t="shared" si="284"/>
        <v>45392.708333327471</v>
      </c>
    </row>
    <row r="2452" spans="2:14" x14ac:dyDescent="0.3">
      <c r="B2452">
        <f t="shared" si="278"/>
        <v>3</v>
      </c>
      <c r="C2452" s="16">
        <v>2418</v>
      </c>
      <c r="D2452" cm="1">
        <f t="array" ref="D2452">IFERROR(INDEX(Jesper!AH$2:AH$366,ROUNDDOWN($C2452/24,0)+1,1)*INDEX($D$3:$AA$30,INDEX(Jesper!$R$2:$R$366,ROW(INDEX(Jesper!AH$2:AH$366,ROUNDDOWN($C2452/24,0)+1,1))-1)+IF('Standard Profiles'!$G$18=$B$10,7,0)+IF('Standard Profiles'!$G$18=$B$17,14,0)+IF('Standard Profiles'!$G$18=$B$24,21,0),MOD($C2452,24)+1)/SUM(INDEX($D$3:$AA$30,INDEX(Jesper!$R$2:$R$366,ROW(INDEX(Jesper!AH$2:AH$366,ROUNDDOWN($C2452/24,0)+1,1))-1)+IF('Standard Profiles'!$G$18=$B$10,7,0)+IF('Standard Profiles'!$G$18=$B$17,14,0)+IF('Standard Profiles'!$G$18=$B$24,21,0),0)),0)</f>
        <v>14.567940477546927</v>
      </c>
      <c r="E2452" cm="1">
        <f t="array" ref="E2452">IFERROR(INDEX(Jesper!AI$2:AI$366,ROUNDDOWN($C2452/24,0)+1,1)*INDEX($D$3:$AA$30,INDEX(Jesper!$R$2:$R$366,ROW(INDEX(Jesper!AI$2:AI$366,ROUNDDOWN($C2452/24,0)+1,1))-1)+IF('Standard Profiles'!$G$19=$B$10,7,0)+IF('Standard Profiles'!$G$19=$B$17,14,0)+IF('Standard Profiles'!$G$19=$B$24,21,0),MOD($C2452,24)+1)/SUM(INDEX($D$3:$AA$30,INDEX(Jesper!$R$2:$R$366,ROW(INDEX(Jesper!AI$2:AI$366,ROUNDDOWN($C2452/24,0)+1,1))-1)+IF('Standard Profiles'!$G$19=$B$10,7,0)+IF('Standard Profiles'!$G$19=$B$17,14,0)+IF('Standard Profiles'!$G$19=$B$24,21,0),0)),0)</f>
        <v>0</v>
      </c>
      <c r="F2452" cm="1">
        <f t="array" ref="F2452">IFERROR(INDEX(Jesper!AJ$2:AJ$366,ROUNDDOWN($C2452/24,0)+1,1)*INDEX($D$3:$AA$30,INDEX(Jesper!$R$2:$R$366,ROW(INDEX(Jesper!AJ$2:AJ$366,ROUNDDOWN($C2452/24,0)+1,1))-1)+IF('Standard Profiles'!$G$20=$B$10,7,0)+IF('Standard Profiles'!$G$20=$B$17,14,0)+IF('Standard Profiles'!$G$20=$B$24,21,0),MOD($C2452,24)+1)/SUM(INDEX($D$3:$AA$30,INDEX(Jesper!$R$2:$R$366,ROW(INDEX(Jesper!AJ$2:AJ$366,ROUNDDOWN($C2452/24,0)+1,1))-1)+IF('Standard Profiles'!$G$20=$B$10,7,0)+IF('Standard Profiles'!$G$20=$B$17,14,0)+IF('Standard Profiles'!$G$20=$B$24,21,0),0)),0)</f>
        <v>0</v>
      </c>
      <c r="G2452" cm="1">
        <f t="array" ref="G2452">IFERROR(INDEX(Jesper!AK$2:AK$366,ROUNDDOWN($C2452/24,0)+1,1)*INDEX($D$3:$AA$30,INDEX(Jesper!$R$2:$R$366,ROW(INDEX(Jesper!AK$2:AK$366,ROUNDDOWN($C2452/24,0)+1,1))-1)+IF('Standard Profiles'!$G$21=$B$10,7,0)+IF('Standard Profiles'!$G$21=$B$17,14,0)+IF('Standard Profiles'!$G$21=$B$24,21,0),MOD($C2452,24)+1)/SUM(INDEX($D$3:$AA$30,INDEX(Jesper!$R$2:$R$366,ROW(INDEX(Jesper!AK$2:AK$366,ROUNDDOWN($C2452/24,0)+1,1))-1)+IF('Standard Profiles'!$G$21=$B$10,7,0)+IF('Standard Profiles'!$G$21=$B$17,14,0)+IF('Standard Profiles'!$G$21=$B$24,21,0),0)),0)</f>
        <v>0</v>
      </c>
      <c r="H2452" cm="1">
        <f t="array" ref="H2452">IFERROR(INDEX(Jesper!AL$2:AL$366,ROUNDDOWN($C2452/24,0)+1,1)*INDEX($D$3:$AA$30,INDEX(Jesper!$R$2:$R$366,ROW(INDEX(Jesper!AL$2:AL$366,ROUNDDOWN($C2452/24,0)+1,1))-1)+IF('Standard Profiles'!$G$22=$B$10,7,0)+IF('Standard Profiles'!$G$22=$B$17,14,0)+IF('Standard Profiles'!$G$22=$B$24,21,0),MOD($C2452,24)+1)/SUM(INDEX($D$3:$AA$30,INDEX(Jesper!$R$2:$R$366,ROW(INDEX(Jesper!AL$2:AL$366,ROUNDDOWN($C2452/24,0)+1,1))-1)+IF('Standard Profiles'!$G$22=$B$10,7,0)+IF('Standard Profiles'!$G$22=$B$17,14,0)+IF('Standard Profiles'!$G$22=$B$24,21,0),0)),0)</f>
        <v>0</v>
      </c>
      <c r="I2452">
        <f t="shared" si="279"/>
        <v>0.43703821432640777</v>
      </c>
      <c r="J2452">
        <f t="shared" si="280"/>
        <v>1.4567940477546928</v>
      </c>
      <c r="K2452">
        <f t="shared" si="281"/>
        <v>2.1851910716320391</v>
      </c>
      <c r="L2452">
        <f t="shared" si="282"/>
        <v>10.488917143833786</v>
      </c>
      <c r="M2452">
        <f t="shared" si="283"/>
        <v>0</v>
      </c>
      <c r="N2452" s="46">
        <f t="shared" si="284"/>
        <v>45392.749999994136</v>
      </c>
    </row>
    <row r="2453" spans="2:14" x14ac:dyDescent="0.3">
      <c r="B2453">
        <f t="shared" si="278"/>
        <v>3</v>
      </c>
      <c r="C2453" s="16">
        <v>2419</v>
      </c>
      <c r="D2453" cm="1">
        <f t="array" ref="D2453">IFERROR(INDEX(Jesper!AH$2:AH$366,ROUNDDOWN($C2453/24,0)+1,1)*INDEX($D$3:$AA$30,INDEX(Jesper!$R$2:$R$366,ROW(INDEX(Jesper!AH$2:AH$366,ROUNDDOWN($C2453/24,0)+1,1))-1)+IF('Standard Profiles'!$G$18=$B$10,7,0)+IF('Standard Profiles'!$G$18=$B$17,14,0)+IF('Standard Profiles'!$G$18=$B$24,21,0),MOD($C2453,24)+1)/SUM(INDEX($D$3:$AA$30,INDEX(Jesper!$R$2:$R$366,ROW(INDEX(Jesper!AH$2:AH$366,ROUNDDOWN($C2453/24,0)+1,1))-1)+IF('Standard Profiles'!$G$18=$B$10,7,0)+IF('Standard Profiles'!$G$18=$B$17,14,0)+IF('Standard Profiles'!$G$18=$B$24,21,0),0)),0)</f>
        <v>12.139950397955772</v>
      </c>
      <c r="E2453" cm="1">
        <f t="array" ref="E2453">IFERROR(INDEX(Jesper!AI$2:AI$366,ROUNDDOWN($C2453/24,0)+1,1)*INDEX($D$3:$AA$30,INDEX(Jesper!$R$2:$R$366,ROW(INDEX(Jesper!AI$2:AI$366,ROUNDDOWN($C2453/24,0)+1,1))-1)+IF('Standard Profiles'!$G$19=$B$10,7,0)+IF('Standard Profiles'!$G$19=$B$17,14,0)+IF('Standard Profiles'!$G$19=$B$24,21,0),MOD($C2453,24)+1)/SUM(INDEX($D$3:$AA$30,INDEX(Jesper!$R$2:$R$366,ROW(INDEX(Jesper!AI$2:AI$366,ROUNDDOWN($C2453/24,0)+1,1))-1)+IF('Standard Profiles'!$G$19=$B$10,7,0)+IF('Standard Profiles'!$G$19=$B$17,14,0)+IF('Standard Profiles'!$G$19=$B$24,21,0),0)),0)</f>
        <v>0</v>
      </c>
      <c r="F2453" cm="1">
        <f t="array" ref="F2453">IFERROR(INDEX(Jesper!AJ$2:AJ$366,ROUNDDOWN($C2453/24,0)+1,1)*INDEX($D$3:$AA$30,INDEX(Jesper!$R$2:$R$366,ROW(INDEX(Jesper!AJ$2:AJ$366,ROUNDDOWN($C2453/24,0)+1,1))-1)+IF('Standard Profiles'!$G$20=$B$10,7,0)+IF('Standard Profiles'!$G$20=$B$17,14,0)+IF('Standard Profiles'!$G$20=$B$24,21,0),MOD($C2453,24)+1)/SUM(INDEX($D$3:$AA$30,INDEX(Jesper!$R$2:$R$366,ROW(INDEX(Jesper!AJ$2:AJ$366,ROUNDDOWN($C2453/24,0)+1,1))-1)+IF('Standard Profiles'!$G$20=$B$10,7,0)+IF('Standard Profiles'!$G$20=$B$17,14,0)+IF('Standard Profiles'!$G$20=$B$24,21,0),0)),0)</f>
        <v>0</v>
      </c>
      <c r="G2453" cm="1">
        <f t="array" ref="G2453">IFERROR(INDEX(Jesper!AK$2:AK$366,ROUNDDOWN($C2453/24,0)+1,1)*INDEX($D$3:$AA$30,INDEX(Jesper!$R$2:$R$366,ROW(INDEX(Jesper!AK$2:AK$366,ROUNDDOWN($C2453/24,0)+1,1))-1)+IF('Standard Profiles'!$G$21=$B$10,7,0)+IF('Standard Profiles'!$G$21=$B$17,14,0)+IF('Standard Profiles'!$G$21=$B$24,21,0),MOD($C2453,24)+1)/SUM(INDEX($D$3:$AA$30,INDEX(Jesper!$R$2:$R$366,ROW(INDEX(Jesper!AK$2:AK$366,ROUNDDOWN($C2453/24,0)+1,1))-1)+IF('Standard Profiles'!$G$21=$B$10,7,0)+IF('Standard Profiles'!$G$21=$B$17,14,0)+IF('Standard Profiles'!$G$21=$B$24,21,0),0)),0)</f>
        <v>0</v>
      </c>
      <c r="H2453" cm="1">
        <f t="array" ref="H2453">IFERROR(INDEX(Jesper!AL$2:AL$366,ROUNDDOWN($C2453/24,0)+1,1)*INDEX($D$3:$AA$30,INDEX(Jesper!$R$2:$R$366,ROW(INDEX(Jesper!AL$2:AL$366,ROUNDDOWN($C2453/24,0)+1,1))-1)+IF('Standard Profiles'!$G$22=$B$10,7,0)+IF('Standard Profiles'!$G$22=$B$17,14,0)+IF('Standard Profiles'!$G$22=$B$24,21,0),MOD($C2453,24)+1)/SUM(INDEX($D$3:$AA$30,INDEX(Jesper!$R$2:$R$366,ROW(INDEX(Jesper!AL$2:AL$366,ROUNDDOWN($C2453/24,0)+1,1))-1)+IF('Standard Profiles'!$G$22=$B$10,7,0)+IF('Standard Profiles'!$G$22=$B$17,14,0)+IF('Standard Profiles'!$G$22=$B$24,21,0),0)),0)</f>
        <v>0</v>
      </c>
      <c r="I2453">
        <f t="shared" si="279"/>
        <v>0.36419851193867314</v>
      </c>
      <c r="J2453">
        <f t="shared" si="280"/>
        <v>1.2139950397955772</v>
      </c>
      <c r="K2453">
        <f t="shared" si="281"/>
        <v>1.8209925596933658</v>
      </c>
      <c r="L2453">
        <f t="shared" si="282"/>
        <v>8.7407642865281563</v>
      </c>
      <c r="M2453">
        <f t="shared" si="283"/>
        <v>0</v>
      </c>
      <c r="N2453" s="46">
        <f t="shared" si="284"/>
        <v>45392.7916666608</v>
      </c>
    </row>
    <row r="2454" spans="2:14" x14ac:dyDescent="0.3">
      <c r="B2454">
        <f t="shared" si="278"/>
        <v>3</v>
      </c>
      <c r="C2454" s="16">
        <v>2420</v>
      </c>
      <c r="D2454" cm="1">
        <f t="array" ref="D2454">IFERROR(INDEX(Jesper!AH$2:AH$366,ROUNDDOWN($C2454/24,0)+1,1)*INDEX($D$3:$AA$30,INDEX(Jesper!$R$2:$R$366,ROW(INDEX(Jesper!AH$2:AH$366,ROUNDDOWN($C2454/24,0)+1,1))-1)+IF('Standard Profiles'!$G$18=$B$10,7,0)+IF('Standard Profiles'!$G$18=$B$17,14,0)+IF('Standard Profiles'!$G$18=$B$24,21,0),MOD($C2454,24)+1)/SUM(INDEX($D$3:$AA$30,INDEX(Jesper!$R$2:$R$366,ROW(INDEX(Jesper!AH$2:AH$366,ROUNDDOWN($C2454/24,0)+1,1))-1)+IF('Standard Profiles'!$G$18=$B$10,7,0)+IF('Standard Profiles'!$G$18=$B$17,14,0)+IF('Standard Profiles'!$G$18=$B$24,21,0),0)),0)</f>
        <v>9.7119603183646177</v>
      </c>
      <c r="E2454" cm="1">
        <f t="array" ref="E2454">IFERROR(INDEX(Jesper!AI$2:AI$366,ROUNDDOWN($C2454/24,0)+1,1)*INDEX($D$3:$AA$30,INDEX(Jesper!$R$2:$R$366,ROW(INDEX(Jesper!AI$2:AI$366,ROUNDDOWN($C2454/24,0)+1,1))-1)+IF('Standard Profiles'!$G$19=$B$10,7,0)+IF('Standard Profiles'!$G$19=$B$17,14,0)+IF('Standard Profiles'!$G$19=$B$24,21,0),MOD($C2454,24)+1)/SUM(INDEX($D$3:$AA$30,INDEX(Jesper!$R$2:$R$366,ROW(INDEX(Jesper!AI$2:AI$366,ROUNDDOWN($C2454/24,0)+1,1))-1)+IF('Standard Profiles'!$G$19=$B$10,7,0)+IF('Standard Profiles'!$G$19=$B$17,14,0)+IF('Standard Profiles'!$G$19=$B$24,21,0),0)),0)</f>
        <v>0</v>
      </c>
      <c r="F2454" cm="1">
        <f t="array" ref="F2454">IFERROR(INDEX(Jesper!AJ$2:AJ$366,ROUNDDOWN($C2454/24,0)+1,1)*INDEX($D$3:$AA$30,INDEX(Jesper!$R$2:$R$366,ROW(INDEX(Jesper!AJ$2:AJ$366,ROUNDDOWN($C2454/24,0)+1,1))-1)+IF('Standard Profiles'!$G$20=$B$10,7,0)+IF('Standard Profiles'!$G$20=$B$17,14,0)+IF('Standard Profiles'!$G$20=$B$24,21,0),MOD($C2454,24)+1)/SUM(INDEX($D$3:$AA$30,INDEX(Jesper!$R$2:$R$366,ROW(INDEX(Jesper!AJ$2:AJ$366,ROUNDDOWN($C2454/24,0)+1,1))-1)+IF('Standard Profiles'!$G$20=$B$10,7,0)+IF('Standard Profiles'!$G$20=$B$17,14,0)+IF('Standard Profiles'!$G$20=$B$24,21,0),0)),0)</f>
        <v>0</v>
      </c>
      <c r="G2454" cm="1">
        <f t="array" ref="G2454">IFERROR(INDEX(Jesper!AK$2:AK$366,ROUNDDOWN($C2454/24,0)+1,1)*INDEX($D$3:$AA$30,INDEX(Jesper!$R$2:$R$366,ROW(INDEX(Jesper!AK$2:AK$366,ROUNDDOWN($C2454/24,0)+1,1))-1)+IF('Standard Profiles'!$G$21=$B$10,7,0)+IF('Standard Profiles'!$G$21=$B$17,14,0)+IF('Standard Profiles'!$G$21=$B$24,21,0),MOD($C2454,24)+1)/SUM(INDEX($D$3:$AA$30,INDEX(Jesper!$R$2:$R$366,ROW(INDEX(Jesper!AK$2:AK$366,ROUNDDOWN($C2454/24,0)+1,1))-1)+IF('Standard Profiles'!$G$21=$B$10,7,0)+IF('Standard Profiles'!$G$21=$B$17,14,0)+IF('Standard Profiles'!$G$21=$B$24,21,0),0)),0)</f>
        <v>0</v>
      </c>
      <c r="H2454" cm="1">
        <f t="array" ref="H2454">IFERROR(INDEX(Jesper!AL$2:AL$366,ROUNDDOWN($C2454/24,0)+1,1)*INDEX($D$3:$AA$30,INDEX(Jesper!$R$2:$R$366,ROW(INDEX(Jesper!AL$2:AL$366,ROUNDDOWN($C2454/24,0)+1,1))-1)+IF('Standard Profiles'!$G$22=$B$10,7,0)+IF('Standard Profiles'!$G$22=$B$17,14,0)+IF('Standard Profiles'!$G$22=$B$24,21,0),MOD($C2454,24)+1)/SUM(INDEX($D$3:$AA$30,INDEX(Jesper!$R$2:$R$366,ROW(INDEX(Jesper!AL$2:AL$366,ROUNDDOWN($C2454/24,0)+1,1))-1)+IF('Standard Profiles'!$G$22=$B$10,7,0)+IF('Standard Profiles'!$G$22=$B$17,14,0)+IF('Standard Profiles'!$G$22=$B$24,21,0),0)),0)</f>
        <v>0</v>
      </c>
      <c r="I2454">
        <f t="shared" si="279"/>
        <v>0.29135880955093851</v>
      </c>
      <c r="J2454">
        <f t="shared" si="280"/>
        <v>0.97119603183646186</v>
      </c>
      <c r="K2454">
        <f t="shared" si="281"/>
        <v>1.4567940477546926</v>
      </c>
      <c r="L2454">
        <f t="shared" si="282"/>
        <v>6.9926114292225243</v>
      </c>
      <c r="M2454">
        <f t="shared" si="283"/>
        <v>0</v>
      </c>
      <c r="N2454" s="46">
        <f t="shared" si="284"/>
        <v>45392.833333327464</v>
      </c>
    </row>
    <row r="2455" spans="2:14" x14ac:dyDescent="0.3">
      <c r="B2455">
        <f t="shared" si="278"/>
        <v>3</v>
      </c>
      <c r="C2455" s="16">
        <v>2421</v>
      </c>
      <c r="D2455" cm="1">
        <f t="array" ref="D2455">IFERROR(INDEX(Jesper!AH$2:AH$366,ROUNDDOWN($C2455/24,0)+1,1)*INDEX($D$3:$AA$30,INDEX(Jesper!$R$2:$R$366,ROW(INDEX(Jesper!AH$2:AH$366,ROUNDDOWN($C2455/24,0)+1,1))-1)+IF('Standard Profiles'!$G$18=$B$10,7,0)+IF('Standard Profiles'!$G$18=$B$17,14,0)+IF('Standard Profiles'!$G$18=$B$24,21,0),MOD($C2455,24)+1)/SUM(INDEX($D$3:$AA$30,INDEX(Jesper!$R$2:$R$366,ROW(INDEX(Jesper!AH$2:AH$366,ROUNDDOWN($C2455/24,0)+1,1))-1)+IF('Standard Profiles'!$G$18=$B$10,7,0)+IF('Standard Profiles'!$G$18=$B$17,14,0)+IF('Standard Profiles'!$G$18=$B$24,21,0),0)),0)</f>
        <v>7.2839702387734633</v>
      </c>
      <c r="E2455" cm="1">
        <f t="array" ref="E2455">IFERROR(INDEX(Jesper!AI$2:AI$366,ROUNDDOWN($C2455/24,0)+1,1)*INDEX($D$3:$AA$30,INDEX(Jesper!$R$2:$R$366,ROW(INDEX(Jesper!AI$2:AI$366,ROUNDDOWN($C2455/24,0)+1,1))-1)+IF('Standard Profiles'!$G$19=$B$10,7,0)+IF('Standard Profiles'!$G$19=$B$17,14,0)+IF('Standard Profiles'!$G$19=$B$24,21,0),MOD($C2455,24)+1)/SUM(INDEX($D$3:$AA$30,INDEX(Jesper!$R$2:$R$366,ROW(INDEX(Jesper!AI$2:AI$366,ROUNDDOWN($C2455/24,0)+1,1))-1)+IF('Standard Profiles'!$G$19=$B$10,7,0)+IF('Standard Profiles'!$G$19=$B$17,14,0)+IF('Standard Profiles'!$G$19=$B$24,21,0),0)),0)</f>
        <v>0</v>
      </c>
      <c r="F2455" cm="1">
        <f t="array" ref="F2455">IFERROR(INDEX(Jesper!AJ$2:AJ$366,ROUNDDOWN($C2455/24,0)+1,1)*INDEX($D$3:$AA$30,INDEX(Jesper!$R$2:$R$366,ROW(INDEX(Jesper!AJ$2:AJ$366,ROUNDDOWN($C2455/24,0)+1,1))-1)+IF('Standard Profiles'!$G$20=$B$10,7,0)+IF('Standard Profiles'!$G$20=$B$17,14,0)+IF('Standard Profiles'!$G$20=$B$24,21,0),MOD($C2455,24)+1)/SUM(INDEX($D$3:$AA$30,INDEX(Jesper!$R$2:$R$366,ROW(INDEX(Jesper!AJ$2:AJ$366,ROUNDDOWN($C2455/24,0)+1,1))-1)+IF('Standard Profiles'!$G$20=$B$10,7,0)+IF('Standard Profiles'!$G$20=$B$17,14,0)+IF('Standard Profiles'!$G$20=$B$24,21,0),0)),0)</f>
        <v>0</v>
      </c>
      <c r="G2455" cm="1">
        <f t="array" ref="G2455">IFERROR(INDEX(Jesper!AK$2:AK$366,ROUNDDOWN($C2455/24,0)+1,1)*INDEX($D$3:$AA$30,INDEX(Jesper!$R$2:$R$366,ROW(INDEX(Jesper!AK$2:AK$366,ROUNDDOWN($C2455/24,0)+1,1))-1)+IF('Standard Profiles'!$G$21=$B$10,7,0)+IF('Standard Profiles'!$G$21=$B$17,14,0)+IF('Standard Profiles'!$G$21=$B$24,21,0),MOD($C2455,24)+1)/SUM(INDEX($D$3:$AA$30,INDEX(Jesper!$R$2:$R$366,ROW(INDEX(Jesper!AK$2:AK$366,ROUNDDOWN($C2455/24,0)+1,1))-1)+IF('Standard Profiles'!$G$21=$B$10,7,0)+IF('Standard Profiles'!$G$21=$B$17,14,0)+IF('Standard Profiles'!$G$21=$B$24,21,0),0)),0)</f>
        <v>0</v>
      </c>
      <c r="H2455" cm="1">
        <f t="array" ref="H2455">IFERROR(INDEX(Jesper!AL$2:AL$366,ROUNDDOWN($C2455/24,0)+1,1)*INDEX($D$3:$AA$30,INDEX(Jesper!$R$2:$R$366,ROW(INDEX(Jesper!AL$2:AL$366,ROUNDDOWN($C2455/24,0)+1,1))-1)+IF('Standard Profiles'!$G$22=$B$10,7,0)+IF('Standard Profiles'!$G$22=$B$17,14,0)+IF('Standard Profiles'!$G$22=$B$24,21,0),MOD($C2455,24)+1)/SUM(INDEX($D$3:$AA$30,INDEX(Jesper!$R$2:$R$366,ROW(INDEX(Jesper!AL$2:AL$366,ROUNDDOWN($C2455/24,0)+1,1))-1)+IF('Standard Profiles'!$G$22=$B$10,7,0)+IF('Standard Profiles'!$G$22=$B$17,14,0)+IF('Standard Profiles'!$G$22=$B$24,21,0),0)),0)</f>
        <v>0</v>
      </c>
      <c r="I2455">
        <f t="shared" si="279"/>
        <v>0.21851910716320389</v>
      </c>
      <c r="J2455">
        <f t="shared" si="280"/>
        <v>0.72839702387734639</v>
      </c>
      <c r="K2455">
        <f t="shared" si="281"/>
        <v>1.0925955358160195</v>
      </c>
      <c r="L2455">
        <f t="shared" si="282"/>
        <v>5.2444585719168932</v>
      </c>
      <c r="M2455">
        <f t="shared" si="283"/>
        <v>0</v>
      </c>
      <c r="N2455" s="46">
        <f t="shared" si="284"/>
        <v>45392.874999994128</v>
      </c>
    </row>
    <row r="2456" spans="2:14" x14ac:dyDescent="0.3">
      <c r="B2456">
        <f t="shared" si="278"/>
        <v>3</v>
      </c>
      <c r="C2456" s="16">
        <v>2422</v>
      </c>
      <c r="D2456" cm="1">
        <f t="array" ref="D2456">IFERROR(INDEX(Jesper!AH$2:AH$366,ROUNDDOWN($C2456/24,0)+1,1)*INDEX($D$3:$AA$30,INDEX(Jesper!$R$2:$R$366,ROW(INDEX(Jesper!AH$2:AH$366,ROUNDDOWN($C2456/24,0)+1,1))-1)+IF('Standard Profiles'!$G$18=$B$10,7,0)+IF('Standard Profiles'!$G$18=$B$17,14,0)+IF('Standard Profiles'!$G$18=$B$24,21,0),MOD($C2456,24)+1)/SUM(INDEX($D$3:$AA$30,INDEX(Jesper!$R$2:$R$366,ROW(INDEX(Jesper!AH$2:AH$366,ROUNDDOWN($C2456/24,0)+1,1))-1)+IF('Standard Profiles'!$G$18=$B$10,7,0)+IF('Standard Profiles'!$G$18=$B$17,14,0)+IF('Standard Profiles'!$G$18=$B$24,21,0),0)),0)</f>
        <v>7.2839702387734633</v>
      </c>
      <c r="E2456" cm="1">
        <f t="array" ref="E2456">IFERROR(INDEX(Jesper!AI$2:AI$366,ROUNDDOWN($C2456/24,0)+1,1)*INDEX($D$3:$AA$30,INDEX(Jesper!$R$2:$R$366,ROW(INDEX(Jesper!AI$2:AI$366,ROUNDDOWN($C2456/24,0)+1,1))-1)+IF('Standard Profiles'!$G$19=$B$10,7,0)+IF('Standard Profiles'!$G$19=$B$17,14,0)+IF('Standard Profiles'!$G$19=$B$24,21,0),MOD($C2456,24)+1)/SUM(INDEX($D$3:$AA$30,INDEX(Jesper!$R$2:$R$366,ROW(INDEX(Jesper!AI$2:AI$366,ROUNDDOWN($C2456/24,0)+1,1))-1)+IF('Standard Profiles'!$G$19=$B$10,7,0)+IF('Standard Profiles'!$G$19=$B$17,14,0)+IF('Standard Profiles'!$G$19=$B$24,21,0),0)),0)</f>
        <v>0</v>
      </c>
      <c r="F2456" cm="1">
        <f t="array" ref="F2456">IFERROR(INDEX(Jesper!AJ$2:AJ$366,ROUNDDOWN($C2456/24,0)+1,1)*INDEX($D$3:$AA$30,INDEX(Jesper!$R$2:$R$366,ROW(INDEX(Jesper!AJ$2:AJ$366,ROUNDDOWN($C2456/24,0)+1,1))-1)+IF('Standard Profiles'!$G$20=$B$10,7,0)+IF('Standard Profiles'!$G$20=$B$17,14,0)+IF('Standard Profiles'!$G$20=$B$24,21,0),MOD($C2456,24)+1)/SUM(INDEX($D$3:$AA$30,INDEX(Jesper!$R$2:$R$366,ROW(INDEX(Jesper!AJ$2:AJ$366,ROUNDDOWN($C2456/24,0)+1,1))-1)+IF('Standard Profiles'!$G$20=$B$10,7,0)+IF('Standard Profiles'!$G$20=$B$17,14,0)+IF('Standard Profiles'!$G$20=$B$24,21,0),0)),0)</f>
        <v>0</v>
      </c>
      <c r="G2456" cm="1">
        <f t="array" ref="G2456">IFERROR(INDEX(Jesper!AK$2:AK$366,ROUNDDOWN($C2456/24,0)+1,1)*INDEX($D$3:$AA$30,INDEX(Jesper!$R$2:$R$366,ROW(INDEX(Jesper!AK$2:AK$366,ROUNDDOWN($C2456/24,0)+1,1))-1)+IF('Standard Profiles'!$G$21=$B$10,7,0)+IF('Standard Profiles'!$G$21=$B$17,14,0)+IF('Standard Profiles'!$G$21=$B$24,21,0),MOD($C2456,24)+1)/SUM(INDEX($D$3:$AA$30,INDEX(Jesper!$R$2:$R$366,ROW(INDEX(Jesper!AK$2:AK$366,ROUNDDOWN($C2456/24,0)+1,1))-1)+IF('Standard Profiles'!$G$21=$B$10,7,0)+IF('Standard Profiles'!$G$21=$B$17,14,0)+IF('Standard Profiles'!$G$21=$B$24,21,0),0)),0)</f>
        <v>0</v>
      </c>
      <c r="H2456" cm="1">
        <f t="array" ref="H2456">IFERROR(INDEX(Jesper!AL$2:AL$366,ROUNDDOWN($C2456/24,0)+1,1)*INDEX($D$3:$AA$30,INDEX(Jesper!$R$2:$R$366,ROW(INDEX(Jesper!AL$2:AL$366,ROUNDDOWN($C2456/24,0)+1,1))-1)+IF('Standard Profiles'!$G$22=$B$10,7,0)+IF('Standard Profiles'!$G$22=$B$17,14,0)+IF('Standard Profiles'!$G$22=$B$24,21,0),MOD($C2456,24)+1)/SUM(INDEX($D$3:$AA$30,INDEX(Jesper!$R$2:$R$366,ROW(INDEX(Jesper!AL$2:AL$366,ROUNDDOWN($C2456/24,0)+1,1))-1)+IF('Standard Profiles'!$G$22=$B$10,7,0)+IF('Standard Profiles'!$G$22=$B$17,14,0)+IF('Standard Profiles'!$G$22=$B$24,21,0),0)),0)</f>
        <v>0</v>
      </c>
      <c r="I2456">
        <f t="shared" si="279"/>
        <v>0.21851910716320389</v>
      </c>
      <c r="J2456">
        <f t="shared" si="280"/>
        <v>0.72839702387734639</v>
      </c>
      <c r="K2456">
        <f t="shared" si="281"/>
        <v>1.0925955358160195</v>
      </c>
      <c r="L2456">
        <f t="shared" si="282"/>
        <v>5.2444585719168932</v>
      </c>
      <c r="M2456">
        <f t="shared" si="283"/>
        <v>0</v>
      </c>
      <c r="N2456" s="46">
        <f t="shared" si="284"/>
        <v>45392.916666660793</v>
      </c>
    </row>
    <row r="2457" spans="2:14" x14ac:dyDescent="0.3">
      <c r="B2457">
        <f t="shared" si="278"/>
        <v>3</v>
      </c>
      <c r="C2457" s="16">
        <v>2423</v>
      </c>
      <c r="D2457" cm="1">
        <f t="array" ref="D2457">IFERROR(INDEX(Jesper!AH$2:AH$366,ROUNDDOWN($C2457/24,0)+1,1)*INDEX($D$3:$AA$30,INDEX(Jesper!$R$2:$R$366,ROW(INDEX(Jesper!AH$2:AH$366,ROUNDDOWN($C2457/24,0)+1,1))-1)+IF('Standard Profiles'!$G$18=$B$10,7,0)+IF('Standard Profiles'!$G$18=$B$17,14,0)+IF('Standard Profiles'!$G$18=$B$24,21,0),MOD($C2457,24)+1)/SUM(INDEX($D$3:$AA$30,INDEX(Jesper!$R$2:$R$366,ROW(INDEX(Jesper!AH$2:AH$366,ROUNDDOWN($C2457/24,0)+1,1))-1)+IF('Standard Profiles'!$G$18=$B$10,7,0)+IF('Standard Profiles'!$G$18=$B$17,14,0)+IF('Standard Profiles'!$G$18=$B$24,21,0),0)),0)</f>
        <v>7.2839702387734633</v>
      </c>
      <c r="E2457" cm="1">
        <f t="array" ref="E2457">IFERROR(INDEX(Jesper!AI$2:AI$366,ROUNDDOWN($C2457/24,0)+1,1)*INDEX($D$3:$AA$30,INDEX(Jesper!$R$2:$R$366,ROW(INDEX(Jesper!AI$2:AI$366,ROUNDDOWN($C2457/24,0)+1,1))-1)+IF('Standard Profiles'!$G$19=$B$10,7,0)+IF('Standard Profiles'!$G$19=$B$17,14,0)+IF('Standard Profiles'!$G$19=$B$24,21,0),MOD($C2457,24)+1)/SUM(INDEX($D$3:$AA$30,INDEX(Jesper!$R$2:$R$366,ROW(INDEX(Jesper!AI$2:AI$366,ROUNDDOWN($C2457/24,0)+1,1))-1)+IF('Standard Profiles'!$G$19=$B$10,7,0)+IF('Standard Profiles'!$G$19=$B$17,14,0)+IF('Standard Profiles'!$G$19=$B$24,21,0),0)),0)</f>
        <v>0</v>
      </c>
      <c r="F2457" cm="1">
        <f t="array" ref="F2457">IFERROR(INDEX(Jesper!AJ$2:AJ$366,ROUNDDOWN($C2457/24,0)+1,1)*INDEX($D$3:$AA$30,INDEX(Jesper!$R$2:$R$366,ROW(INDEX(Jesper!AJ$2:AJ$366,ROUNDDOWN($C2457/24,0)+1,1))-1)+IF('Standard Profiles'!$G$20=$B$10,7,0)+IF('Standard Profiles'!$G$20=$B$17,14,0)+IF('Standard Profiles'!$G$20=$B$24,21,0),MOD($C2457,24)+1)/SUM(INDEX($D$3:$AA$30,INDEX(Jesper!$R$2:$R$366,ROW(INDEX(Jesper!AJ$2:AJ$366,ROUNDDOWN($C2457/24,0)+1,1))-1)+IF('Standard Profiles'!$G$20=$B$10,7,0)+IF('Standard Profiles'!$G$20=$B$17,14,0)+IF('Standard Profiles'!$G$20=$B$24,21,0),0)),0)</f>
        <v>0</v>
      </c>
      <c r="G2457" cm="1">
        <f t="array" ref="G2457">IFERROR(INDEX(Jesper!AK$2:AK$366,ROUNDDOWN($C2457/24,0)+1,1)*INDEX($D$3:$AA$30,INDEX(Jesper!$R$2:$R$366,ROW(INDEX(Jesper!AK$2:AK$366,ROUNDDOWN($C2457/24,0)+1,1))-1)+IF('Standard Profiles'!$G$21=$B$10,7,0)+IF('Standard Profiles'!$G$21=$B$17,14,0)+IF('Standard Profiles'!$G$21=$B$24,21,0),MOD($C2457,24)+1)/SUM(INDEX($D$3:$AA$30,INDEX(Jesper!$R$2:$R$366,ROW(INDEX(Jesper!AK$2:AK$366,ROUNDDOWN($C2457/24,0)+1,1))-1)+IF('Standard Profiles'!$G$21=$B$10,7,0)+IF('Standard Profiles'!$G$21=$B$17,14,0)+IF('Standard Profiles'!$G$21=$B$24,21,0),0)),0)</f>
        <v>0</v>
      </c>
      <c r="H2457" cm="1">
        <f t="array" ref="H2457">IFERROR(INDEX(Jesper!AL$2:AL$366,ROUNDDOWN($C2457/24,0)+1,1)*INDEX($D$3:$AA$30,INDEX(Jesper!$R$2:$R$366,ROW(INDEX(Jesper!AL$2:AL$366,ROUNDDOWN($C2457/24,0)+1,1))-1)+IF('Standard Profiles'!$G$22=$B$10,7,0)+IF('Standard Profiles'!$G$22=$B$17,14,0)+IF('Standard Profiles'!$G$22=$B$24,21,0),MOD($C2457,24)+1)/SUM(INDEX($D$3:$AA$30,INDEX(Jesper!$R$2:$R$366,ROW(INDEX(Jesper!AL$2:AL$366,ROUNDDOWN($C2457/24,0)+1,1))-1)+IF('Standard Profiles'!$G$22=$B$10,7,0)+IF('Standard Profiles'!$G$22=$B$17,14,0)+IF('Standard Profiles'!$G$22=$B$24,21,0),0)),0)</f>
        <v>0</v>
      </c>
      <c r="I2457">
        <f t="shared" si="279"/>
        <v>0.21851910716320389</v>
      </c>
      <c r="J2457">
        <f t="shared" si="280"/>
        <v>0.72839702387734639</v>
      </c>
      <c r="K2457">
        <f t="shared" si="281"/>
        <v>1.0925955358160195</v>
      </c>
      <c r="L2457">
        <f t="shared" si="282"/>
        <v>5.2444585719168932</v>
      </c>
      <c r="M2457">
        <f t="shared" si="283"/>
        <v>0</v>
      </c>
      <c r="N2457" s="46">
        <f t="shared" si="284"/>
        <v>45392.958333327457</v>
      </c>
    </row>
    <row r="2458" spans="2:14" x14ac:dyDescent="0.3">
      <c r="B2458">
        <f t="shared" si="278"/>
        <v>4</v>
      </c>
      <c r="C2458" s="16">
        <v>2424</v>
      </c>
      <c r="D2458" cm="1">
        <f t="array" ref="D2458">IFERROR(INDEX(Jesper!AH$2:AH$366,ROUNDDOWN($C2458/24,0)+1,1)*INDEX($D$3:$AA$30,INDEX(Jesper!$R$2:$R$366,ROW(INDEX(Jesper!AH$2:AH$366,ROUNDDOWN($C2458/24,0)+1,1))-1)+IF('Standard Profiles'!$G$18=$B$10,7,0)+IF('Standard Profiles'!$G$18=$B$17,14,0)+IF('Standard Profiles'!$G$18=$B$24,21,0),MOD($C2458,24)+1)/SUM(INDEX($D$3:$AA$30,INDEX(Jesper!$R$2:$R$366,ROW(INDEX(Jesper!AH$2:AH$366,ROUNDDOWN($C2458/24,0)+1,1))-1)+IF('Standard Profiles'!$G$18=$B$10,7,0)+IF('Standard Profiles'!$G$18=$B$17,14,0)+IF('Standard Profiles'!$G$18=$B$24,21,0),0)),0)</f>
        <v>7.2254512561583004</v>
      </c>
      <c r="E2458" cm="1">
        <f t="array" ref="E2458">IFERROR(INDEX(Jesper!AI$2:AI$366,ROUNDDOWN($C2458/24,0)+1,1)*INDEX($D$3:$AA$30,INDEX(Jesper!$R$2:$R$366,ROW(INDEX(Jesper!AI$2:AI$366,ROUNDDOWN($C2458/24,0)+1,1))-1)+IF('Standard Profiles'!$G$19=$B$10,7,0)+IF('Standard Profiles'!$G$19=$B$17,14,0)+IF('Standard Profiles'!$G$19=$B$24,21,0),MOD($C2458,24)+1)/SUM(INDEX($D$3:$AA$30,INDEX(Jesper!$R$2:$R$366,ROW(INDEX(Jesper!AI$2:AI$366,ROUNDDOWN($C2458/24,0)+1,1))-1)+IF('Standard Profiles'!$G$19=$B$10,7,0)+IF('Standard Profiles'!$G$19=$B$17,14,0)+IF('Standard Profiles'!$G$19=$B$24,21,0),0)),0)</f>
        <v>0</v>
      </c>
      <c r="F2458" cm="1">
        <f t="array" ref="F2458">IFERROR(INDEX(Jesper!AJ$2:AJ$366,ROUNDDOWN($C2458/24,0)+1,1)*INDEX($D$3:$AA$30,INDEX(Jesper!$R$2:$R$366,ROW(INDEX(Jesper!AJ$2:AJ$366,ROUNDDOWN($C2458/24,0)+1,1))-1)+IF('Standard Profiles'!$G$20=$B$10,7,0)+IF('Standard Profiles'!$G$20=$B$17,14,0)+IF('Standard Profiles'!$G$20=$B$24,21,0),MOD($C2458,24)+1)/SUM(INDEX($D$3:$AA$30,INDEX(Jesper!$R$2:$R$366,ROW(INDEX(Jesper!AJ$2:AJ$366,ROUNDDOWN($C2458/24,0)+1,1))-1)+IF('Standard Profiles'!$G$20=$B$10,7,0)+IF('Standard Profiles'!$G$20=$B$17,14,0)+IF('Standard Profiles'!$G$20=$B$24,21,0),0)),0)</f>
        <v>0</v>
      </c>
      <c r="G2458" cm="1">
        <f t="array" ref="G2458">IFERROR(INDEX(Jesper!AK$2:AK$366,ROUNDDOWN($C2458/24,0)+1,1)*INDEX($D$3:$AA$30,INDEX(Jesper!$R$2:$R$366,ROW(INDEX(Jesper!AK$2:AK$366,ROUNDDOWN($C2458/24,0)+1,1))-1)+IF('Standard Profiles'!$G$21=$B$10,7,0)+IF('Standard Profiles'!$G$21=$B$17,14,0)+IF('Standard Profiles'!$G$21=$B$24,21,0),MOD($C2458,24)+1)/SUM(INDEX($D$3:$AA$30,INDEX(Jesper!$R$2:$R$366,ROW(INDEX(Jesper!AK$2:AK$366,ROUNDDOWN($C2458/24,0)+1,1))-1)+IF('Standard Profiles'!$G$21=$B$10,7,0)+IF('Standard Profiles'!$G$21=$B$17,14,0)+IF('Standard Profiles'!$G$21=$B$24,21,0),0)),0)</f>
        <v>0</v>
      </c>
      <c r="H2458" cm="1">
        <f t="array" ref="H2458">IFERROR(INDEX(Jesper!AL$2:AL$366,ROUNDDOWN($C2458/24,0)+1,1)*INDEX($D$3:$AA$30,INDEX(Jesper!$R$2:$R$366,ROW(INDEX(Jesper!AL$2:AL$366,ROUNDDOWN($C2458/24,0)+1,1))-1)+IF('Standard Profiles'!$G$22=$B$10,7,0)+IF('Standard Profiles'!$G$22=$B$17,14,0)+IF('Standard Profiles'!$G$22=$B$24,21,0),MOD($C2458,24)+1)/SUM(INDEX($D$3:$AA$30,INDEX(Jesper!$R$2:$R$366,ROW(INDEX(Jesper!AL$2:AL$366,ROUNDDOWN($C2458/24,0)+1,1))-1)+IF('Standard Profiles'!$G$22=$B$10,7,0)+IF('Standard Profiles'!$G$22=$B$17,14,0)+IF('Standard Profiles'!$G$22=$B$24,21,0),0)),0)</f>
        <v>0</v>
      </c>
      <c r="I2458">
        <f t="shared" si="279"/>
        <v>0.21676353768474901</v>
      </c>
      <c r="J2458">
        <f t="shared" si="280"/>
        <v>0.72254512561583006</v>
      </c>
      <c r="K2458">
        <f t="shared" si="281"/>
        <v>1.0838176884237449</v>
      </c>
      <c r="L2458">
        <f t="shared" si="282"/>
        <v>5.2023249044339765</v>
      </c>
      <c r="M2458">
        <f t="shared" si="283"/>
        <v>0</v>
      </c>
      <c r="N2458" s="46">
        <f t="shared" si="284"/>
        <v>45392.999999994121</v>
      </c>
    </row>
    <row r="2459" spans="2:14" x14ac:dyDescent="0.3">
      <c r="B2459">
        <f t="shared" si="278"/>
        <v>4</v>
      </c>
      <c r="C2459" s="16">
        <v>2425</v>
      </c>
      <c r="D2459" cm="1">
        <f t="array" ref="D2459">IFERROR(INDEX(Jesper!AH$2:AH$366,ROUNDDOWN($C2459/24,0)+1,1)*INDEX($D$3:$AA$30,INDEX(Jesper!$R$2:$R$366,ROW(INDEX(Jesper!AH$2:AH$366,ROUNDDOWN($C2459/24,0)+1,1))-1)+IF('Standard Profiles'!$G$18=$B$10,7,0)+IF('Standard Profiles'!$G$18=$B$17,14,0)+IF('Standard Profiles'!$G$18=$B$24,21,0),MOD($C2459,24)+1)/SUM(INDEX($D$3:$AA$30,INDEX(Jesper!$R$2:$R$366,ROW(INDEX(Jesper!AH$2:AH$366,ROUNDDOWN($C2459/24,0)+1,1))-1)+IF('Standard Profiles'!$G$18=$B$10,7,0)+IF('Standard Profiles'!$G$18=$B$17,14,0)+IF('Standard Profiles'!$G$18=$B$24,21,0),0)),0)</f>
        <v>7.2254512561583004</v>
      </c>
      <c r="E2459" cm="1">
        <f t="array" ref="E2459">IFERROR(INDEX(Jesper!AI$2:AI$366,ROUNDDOWN($C2459/24,0)+1,1)*INDEX($D$3:$AA$30,INDEX(Jesper!$R$2:$R$366,ROW(INDEX(Jesper!AI$2:AI$366,ROUNDDOWN($C2459/24,0)+1,1))-1)+IF('Standard Profiles'!$G$19=$B$10,7,0)+IF('Standard Profiles'!$G$19=$B$17,14,0)+IF('Standard Profiles'!$G$19=$B$24,21,0),MOD($C2459,24)+1)/SUM(INDEX($D$3:$AA$30,INDEX(Jesper!$R$2:$R$366,ROW(INDEX(Jesper!AI$2:AI$366,ROUNDDOWN($C2459/24,0)+1,1))-1)+IF('Standard Profiles'!$G$19=$B$10,7,0)+IF('Standard Profiles'!$G$19=$B$17,14,0)+IF('Standard Profiles'!$G$19=$B$24,21,0),0)),0)</f>
        <v>0</v>
      </c>
      <c r="F2459" cm="1">
        <f t="array" ref="F2459">IFERROR(INDEX(Jesper!AJ$2:AJ$366,ROUNDDOWN($C2459/24,0)+1,1)*INDEX($D$3:$AA$30,INDEX(Jesper!$R$2:$R$366,ROW(INDEX(Jesper!AJ$2:AJ$366,ROUNDDOWN($C2459/24,0)+1,1))-1)+IF('Standard Profiles'!$G$20=$B$10,7,0)+IF('Standard Profiles'!$G$20=$B$17,14,0)+IF('Standard Profiles'!$G$20=$B$24,21,0),MOD($C2459,24)+1)/SUM(INDEX($D$3:$AA$30,INDEX(Jesper!$R$2:$R$366,ROW(INDEX(Jesper!AJ$2:AJ$366,ROUNDDOWN($C2459/24,0)+1,1))-1)+IF('Standard Profiles'!$G$20=$B$10,7,0)+IF('Standard Profiles'!$G$20=$B$17,14,0)+IF('Standard Profiles'!$G$20=$B$24,21,0),0)),0)</f>
        <v>0</v>
      </c>
      <c r="G2459" cm="1">
        <f t="array" ref="G2459">IFERROR(INDEX(Jesper!AK$2:AK$366,ROUNDDOWN($C2459/24,0)+1,1)*INDEX($D$3:$AA$30,INDEX(Jesper!$R$2:$R$366,ROW(INDEX(Jesper!AK$2:AK$366,ROUNDDOWN($C2459/24,0)+1,1))-1)+IF('Standard Profiles'!$G$21=$B$10,7,0)+IF('Standard Profiles'!$G$21=$B$17,14,0)+IF('Standard Profiles'!$G$21=$B$24,21,0),MOD($C2459,24)+1)/SUM(INDEX($D$3:$AA$30,INDEX(Jesper!$R$2:$R$366,ROW(INDEX(Jesper!AK$2:AK$366,ROUNDDOWN($C2459/24,0)+1,1))-1)+IF('Standard Profiles'!$G$21=$B$10,7,0)+IF('Standard Profiles'!$G$21=$B$17,14,0)+IF('Standard Profiles'!$G$21=$B$24,21,0),0)),0)</f>
        <v>0</v>
      </c>
      <c r="H2459" cm="1">
        <f t="array" ref="H2459">IFERROR(INDEX(Jesper!AL$2:AL$366,ROUNDDOWN($C2459/24,0)+1,1)*INDEX($D$3:$AA$30,INDEX(Jesper!$R$2:$R$366,ROW(INDEX(Jesper!AL$2:AL$366,ROUNDDOWN($C2459/24,0)+1,1))-1)+IF('Standard Profiles'!$G$22=$B$10,7,0)+IF('Standard Profiles'!$G$22=$B$17,14,0)+IF('Standard Profiles'!$G$22=$B$24,21,0),MOD($C2459,24)+1)/SUM(INDEX($D$3:$AA$30,INDEX(Jesper!$R$2:$R$366,ROW(INDEX(Jesper!AL$2:AL$366,ROUNDDOWN($C2459/24,0)+1,1))-1)+IF('Standard Profiles'!$G$22=$B$10,7,0)+IF('Standard Profiles'!$G$22=$B$17,14,0)+IF('Standard Profiles'!$G$22=$B$24,21,0),0)),0)</f>
        <v>0</v>
      </c>
      <c r="I2459">
        <f t="shared" si="279"/>
        <v>0.21676353768474901</v>
      </c>
      <c r="J2459">
        <f t="shared" si="280"/>
        <v>0.72254512561583006</v>
      </c>
      <c r="K2459">
        <f t="shared" si="281"/>
        <v>1.0838176884237449</v>
      </c>
      <c r="L2459">
        <f t="shared" si="282"/>
        <v>5.2023249044339765</v>
      </c>
      <c r="M2459">
        <f t="shared" si="283"/>
        <v>0</v>
      </c>
      <c r="N2459" s="46">
        <f t="shared" si="284"/>
        <v>45393.041666660785</v>
      </c>
    </row>
    <row r="2460" spans="2:14" x14ac:dyDescent="0.3">
      <c r="B2460">
        <f t="shared" si="278"/>
        <v>4</v>
      </c>
      <c r="C2460" s="16">
        <v>2426</v>
      </c>
      <c r="D2460" cm="1">
        <f t="array" ref="D2460">IFERROR(INDEX(Jesper!AH$2:AH$366,ROUNDDOWN($C2460/24,0)+1,1)*INDEX($D$3:$AA$30,INDEX(Jesper!$R$2:$R$366,ROW(INDEX(Jesper!AH$2:AH$366,ROUNDDOWN($C2460/24,0)+1,1))-1)+IF('Standard Profiles'!$G$18=$B$10,7,0)+IF('Standard Profiles'!$G$18=$B$17,14,0)+IF('Standard Profiles'!$G$18=$B$24,21,0),MOD($C2460,24)+1)/SUM(INDEX($D$3:$AA$30,INDEX(Jesper!$R$2:$R$366,ROW(INDEX(Jesper!AH$2:AH$366,ROUNDDOWN($C2460/24,0)+1,1))-1)+IF('Standard Profiles'!$G$18=$B$10,7,0)+IF('Standard Profiles'!$G$18=$B$17,14,0)+IF('Standard Profiles'!$G$18=$B$24,21,0),0)),0)</f>
        <v>7.2254512561583004</v>
      </c>
      <c r="E2460" cm="1">
        <f t="array" ref="E2460">IFERROR(INDEX(Jesper!AI$2:AI$366,ROUNDDOWN($C2460/24,0)+1,1)*INDEX($D$3:$AA$30,INDEX(Jesper!$R$2:$R$366,ROW(INDEX(Jesper!AI$2:AI$366,ROUNDDOWN($C2460/24,0)+1,1))-1)+IF('Standard Profiles'!$G$19=$B$10,7,0)+IF('Standard Profiles'!$G$19=$B$17,14,0)+IF('Standard Profiles'!$G$19=$B$24,21,0),MOD($C2460,24)+1)/SUM(INDEX($D$3:$AA$30,INDEX(Jesper!$R$2:$R$366,ROW(INDEX(Jesper!AI$2:AI$366,ROUNDDOWN($C2460/24,0)+1,1))-1)+IF('Standard Profiles'!$G$19=$B$10,7,0)+IF('Standard Profiles'!$G$19=$B$17,14,0)+IF('Standard Profiles'!$G$19=$B$24,21,0),0)),0)</f>
        <v>0</v>
      </c>
      <c r="F2460" cm="1">
        <f t="array" ref="F2460">IFERROR(INDEX(Jesper!AJ$2:AJ$366,ROUNDDOWN($C2460/24,0)+1,1)*INDEX($D$3:$AA$30,INDEX(Jesper!$R$2:$R$366,ROW(INDEX(Jesper!AJ$2:AJ$366,ROUNDDOWN($C2460/24,0)+1,1))-1)+IF('Standard Profiles'!$G$20=$B$10,7,0)+IF('Standard Profiles'!$G$20=$B$17,14,0)+IF('Standard Profiles'!$G$20=$B$24,21,0),MOD($C2460,24)+1)/SUM(INDEX($D$3:$AA$30,INDEX(Jesper!$R$2:$R$366,ROW(INDEX(Jesper!AJ$2:AJ$366,ROUNDDOWN($C2460/24,0)+1,1))-1)+IF('Standard Profiles'!$G$20=$B$10,7,0)+IF('Standard Profiles'!$G$20=$B$17,14,0)+IF('Standard Profiles'!$G$20=$B$24,21,0),0)),0)</f>
        <v>0</v>
      </c>
      <c r="G2460" cm="1">
        <f t="array" ref="G2460">IFERROR(INDEX(Jesper!AK$2:AK$366,ROUNDDOWN($C2460/24,0)+1,1)*INDEX($D$3:$AA$30,INDEX(Jesper!$R$2:$R$366,ROW(INDEX(Jesper!AK$2:AK$366,ROUNDDOWN($C2460/24,0)+1,1))-1)+IF('Standard Profiles'!$G$21=$B$10,7,0)+IF('Standard Profiles'!$G$21=$B$17,14,0)+IF('Standard Profiles'!$G$21=$B$24,21,0),MOD($C2460,24)+1)/SUM(INDEX($D$3:$AA$30,INDEX(Jesper!$R$2:$R$366,ROW(INDEX(Jesper!AK$2:AK$366,ROUNDDOWN($C2460/24,0)+1,1))-1)+IF('Standard Profiles'!$G$21=$B$10,7,0)+IF('Standard Profiles'!$G$21=$B$17,14,0)+IF('Standard Profiles'!$G$21=$B$24,21,0),0)),0)</f>
        <v>0</v>
      </c>
      <c r="H2460" cm="1">
        <f t="array" ref="H2460">IFERROR(INDEX(Jesper!AL$2:AL$366,ROUNDDOWN($C2460/24,0)+1,1)*INDEX($D$3:$AA$30,INDEX(Jesper!$R$2:$R$366,ROW(INDEX(Jesper!AL$2:AL$366,ROUNDDOWN($C2460/24,0)+1,1))-1)+IF('Standard Profiles'!$G$22=$B$10,7,0)+IF('Standard Profiles'!$G$22=$B$17,14,0)+IF('Standard Profiles'!$G$22=$B$24,21,0),MOD($C2460,24)+1)/SUM(INDEX($D$3:$AA$30,INDEX(Jesper!$R$2:$R$366,ROW(INDEX(Jesper!AL$2:AL$366,ROUNDDOWN($C2460/24,0)+1,1))-1)+IF('Standard Profiles'!$G$22=$B$10,7,0)+IF('Standard Profiles'!$G$22=$B$17,14,0)+IF('Standard Profiles'!$G$22=$B$24,21,0),0)),0)</f>
        <v>0</v>
      </c>
      <c r="I2460">
        <f t="shared" si="279"/>
        <v>0.21676353768474901</v>
      </c>
      <c r="J2460">
        <f t="shared" si="280"/>
        <v>0.72254512561583006</v>
      </c>
      <c r="K2460">
        <f t="shared" si="281"/>
        <v>1.0838176884237449</v>
      </c>
      <c r="L2460">
        <f t="shared" si="282"/>
        <v>5.2023249044339765</v>
      </c>
      <c r="M2460">
        <f t="shared" si="283"/>
        <v>0</v>
      </c>
      <c r="N2460" s="46">
        <f t="shared" si="284"/>
        <v>45393.08333332745</v>
      </c>
    </row>
    <row r="2461" spans="2:14" x14ac:dyDescent="0.3">
      <c r="B2461">
        <f t="shared" si="278"/>
        <v>4</v>
      </c>
      <c r="C2461" s="16">
        <v>2427</v>
      </c>
      <c r="D2461" cm="1">
        <f t="array" ref="D2461">IFERROR(INDEX(Jesper!AH$2:AH$366,ROUNDDOWN($C2461/24,0)+1,1)*INDEX($D$3:$AA$30,INDEX(Jesper!$R$2:$R$366,ROW(INDEX(Jesper!AH$2:AH$366,ROUNDDOWN($C2461/24,0)+1,1))-1)+IF('Standard Profiles'!$G$18=$B$10,7,0)+IF('Standard Profiles'!$G$18=$B$17,14,0)+IF('Standard Profiles'!$G$18=$B$24,21,0),MOD($C2461,24)+1)/SUM(INDEX($D$3:$AA$30,INDEX(Jesper!$R$2:$R$366,ROW(INDEX(Jesper!AH$2:AH$366,ROUNDDOWN($C2461/24,0)+1,1))-1)+IF('Standard Profiles'!$G$18=$B$10,7,0)+IF('Standard Profiles'!$G$18=$B$17,14,0)+IF('Standard Profiles'!$G$18=$B$24,21,0),0)),0)</f>
        <v>7.2254512561583004</v>
      </c>
      <c r="E2461" cm="1">
        <f t="array" ref="E2461">IFERROR(INDEX(Jesper!AI$2:AI$366,ROUNDDOWN($C2461/24,0)+1,1)*INDEX($D$3:$AA$30,INDEX(Jesper!$R$2:$R$366,ROW(INDEX(Jesper!AI$2:AI$366,ROUNDDOWN($C2461/24,0)+1,1))-1)+IF('Standard Profiles'!$G$19=$B$10,7,0)+IF('Standard Profiles'!$G$19=$B$17,14,0)+IF('Standard Profiles'!$G$19=$B$24,21,0),MOD($C2461,24)+1)/SUM(INDEX($D$3:$AA$30,INDEX(Jesper!$R$2:$R$366,ROW(INDEX(Jesper!AI$2:AI$366,ROUNDDOWN($C2461/24,0)+1,1))-1)+IF('Standard Profiles'!$G$19=$B$10,7,0)+IF('Standard Profiles'!$G$19=$B$17,14,0)+IF('Standard Profiles'!$G$19=$B$24,21,0),0)),0)</f>
        <v>0</v>
      </c>
      <c r="F2461" cm="1">
        <f t="array" ref="F2461">IFERROR(INDEX(Jesper!AJ$2:AJ$366,ROUNDDOWN($C2461/24,0)+1,1)*INDEX($D$3:$AA$30,INDEX(Jesper!$R$2:$R$366,ROW(INDEX(Jesper!AJ$2:AJ$366,ROUNDDOWN($C2461/24,0)+1,1))-1)+IF('Standard Profiles'!$G$20=$B$10,7,0)+IF('Standard Profiles'!$G$20=$B$17,14,0)+IF('Standard Profiles'!$G$20=$B$24,21,0),MOD($C2461,24)+1)/SUM(INDEX($D$3:$AA$30,INDEX(Jesper!$R$2:$R$366,ROW(INDEX(Jesper!AJ$2:AJ$366,ROUNDDOWN($C2461/24,0)+1,1))-1)+IF('Standard Profiles'!$G$20=$B$10,7,0)+IF('Standard Profiles'!$G$20=$B$17,14,0)+IF('Standard Profiles'!$G$20=$B$24,21,0),0)),0)</f>
        <v>0</v>
      </c>
      <c r="G2461" cm="1">
        <f t="array" ref="G2461">IFERROR(INDEX(Jesper!AK$2:AK$366,ROUNDDOWN($C2461/24,0)+1,1)*INDEX($D$3:$AA$30,INDEX(Jesper!$R$2:$R$366,ROW(INDEX(Jesper!AK$2:AK$366,ROUNDDOWN($C2461/24,0)+1,1))-1)+IF('Standard Profiles'!$G$21=$B$10,7,0)+IF('Standard Profiles'!$G$21=$B$17,14,0)+IF('Standard Profiles'!$G$21=$B$24,21,0),MOD($C2461,24)+1)/SUM(INDEX($D$3:$AA$30,INDEX(Jesper!$R$2:$R$366,ROW(INDEX(Jesper!AK$2:AK$366,ROUNDDOWN($C2461/24,0)+1,1))-1)+IF('Standard Profiles'!$G$21=$B$10,7,0)+IF('Standard Profiles'!$G$21=$B$17,14,0)+IF('Standard Profiles'!$G$21=$B$24,21,0),0)),0)</f>
        <v>0</v>
      </c>
      <c r="H2461" cm="1">
        <f t="array" ref="H2461">IFERROR(INDEX(Jesper!AL$2:AL$366,ROUNDDOWN($C2461/24,0)+1,1)*INDEX($D$3:$AA$30,INDEX(Jesper!$R$2:$R$366,ROW(INDEX(Jesper!AL$2:AL$366,ROUNDDOWN($C2461/24,0)+1,1))-1)+IF('Standard Profiles'!$G$22=$B$10,7,0)+IF('Standard Profiles'!$G$22=$B$17,14,0)+IF('Standard Profiles'!$G$22=$B$24,21,0),MOD($C2461,24)+1)/SUM(INDEX($D$3:$AA$30,INDEX(Jesper!$R$2:$R$366,ROW(INDEX(Jesper!AL$2:AL$366,ROUNDDOWN($C2461/24,0)+1,1))-1)+IF('Standard Profiles'!$G$22=$B$10,7,0)+IF('Standard Profiles'!$G$22=$B$17,14,0)+IF('Standard Profiles'!$G$22=$B$24,21,0),0)),0)</f>
        <v>0</v>
      </c>
      <c r="I2461">
        <f t="shared" si="279"/>
        <v>0.21676353768474901</v>
      </c>
      <c r="J2461">
        <f t="shared" si="280"/>
        <v>0.72254512561583006</v>
      </c>
      <c r="K2461">
        <f t="shared" si="281"/>
        <v>1.0838176884237449</v>
      </c>
      <c r="L2461">
        <f t="shared" si="282"/>
        <v>5.2023249044339765</v>
      </c>
      <c r="M2461">
        <f t="shared" si="283"/>
        <v>0</v>
      </c>
      <c r="N2461" s="46">
        <f t="shared" si="284"/>
        <v>45393.124999994114</v>
      </c>
    </row>
    <row r="2462" spans="2:14" x14ac:dyDescent="0.3">
      <c r="B2462">
        <f t="shared" si="278"/>
        <v>4</v>
      </c>
      <c r="C2462" s="16">
        <v>2428</v>
      </c>
      <c r="D2462" cm="1">
        <f t="array" ref="D2462">IFERROR(INDEX(Jesper!AH$2:AH$366,ROUNDDOWN($C2462/24,0)+1,1)*INDEX($D$3:$AA$30,INDEX(Jesper!$R$2:$R$366,ROW(INDEX(Jesper!AH$2:AH$366,ROUNDDOWN($C2462/24,0)+1,1))-1)+IF('Standard Profiles'!$G$18=$B$10,7,0)+IF('Standard Profiles'!$G$18=$B$17,14,0)+IF('Standard Profiles'!$G$18=$B$24,21,0),MOD($C2462,24)+1)/SUM(INDEX($D$3:$AA$30,INDEX(Jesper!$R$2:$R$366,ROW(INDEX(Jesper!AH$2:AH$366,ROUNDDOWN($C2462/24,0)+1,1))-1)+IF('Standard Profiles'!$G$18=$B$10,7,0)+IF('Standard Profiles'!$G$18=$B$17,14,0)+IF('Standard Profiles'!$G$18=$B$24,21,0),0)),0)</f>
        <v>7.2254512561583004</v>
      </c>
      <c r="E2462" cm="1">
        <f t="array" ref="E2462">IFERROR(INDEX(Jesper!AI$2:AI$366,ROUNDDOWN($C2462/24,0)+1,1)*INDEX($D$3:$AA$30,INDEX(Jesper!$R$2:$R$366,ROW(INDEX(Jesper!AI$2:AI$366,ROUNDDOWN($C2462/24,0)+1,1))-1)+IF('Standard Profiles'!$G$19=$B$10,7,0)+IF('Standard Profiles'!$G$19=$B$17,14,0)+IF('Standard Profiles'!$G$19=$B$24,21,0),MOD($C2462,24)+1)/SUM(INDEX($D$3:$AA$30,INDEX(Jesper!$R$2:$R$366,ROW(INDEX(Jesper!AI$2:AI$366,ROUNDDOWN($C2462/24,0)+1,1))-1)+IF('Standard Profiles'!$G$19=$B$10,7,0)+IF('Standard Profiles'!$G$19=$B$17,14,0)+IF('Standard Profiles'!$G$19=$B$24,21,0),0)),0)</f>
        <v>0</v>
      </c>
      <c r="F2462" cm="1">
        <f t="array" ref="F2462">IFERROR(INDEX(Jesper!AJ$2:AJ$366,ROUNDDOWN($C2462/24,0)+1,1)*INDEX($D$3:$AA$30,INDEX(Jesper!$R$2:$R$366,ROW(INDEX(Jesper!AJ$2:AJ$366,ROUNDDOWN($C2462/24,0)+1,1))-1)+IF('Standard Profiles'!$G$20=$B$10,7,0)+IF('Standard Profiles'!$G$20=$B$17,14,0)+IF('Standard Profiles'!$G$20=$B$24,21,0),MOD($C2462,24)+1)/SUM(INDEX($D$3:$AA$30,INDEX(Jesper!$R$2:$R$366,ROW(INDEX(Jesper!AJ$2:AJ$366,ROUNDDOWN($C2462/24,0)+1,1))-1)+IF('Standard Profiles'!$G$20=$B$10,7,0)+IF('Standard Profiles'!$G$20=$B$17,14,0)+IF('Standard Profiles'!$G$20=$B$24,21,0),0)),0)</f>
        <v>0</v>
      </c>
      <c r="G2462" cm="1">
        <f t="array" ref="G2462">IFERROR(INDEX(Jesper!AK$2:AK$366,ROUNDDOWN($C2462/24,0)+1,1)*INDEX($D$3:$AA$30,INDEX(Jesper!$R$2:$R$366,ROW(INDEX(Jesper!AK$2:AK$366,ROUNDDOWN($C2462/24,0)+1,1))-1)+IF('Standard Profiles'!$G$21=$B$10,7,0)+IF('Standard Profiles'!$G$21=$B$17,14,0)+IF('Standard Profiles'!$G$21=$B$24,21,0),MOD($C2462,24)+1)/SUM(INDEX($D$3:$AA$30,INDEX(Jesper!$R$2:$R$366,ROW(INDEX(Jesper!AK$2:AK$366,ROUNDDOWN($C2462/24,0)+1,1))-1)+IF('Standard Profiles'!$G$21=$B$10,7,0)+IF('Standard Profiles'!$G$21=$B$17,14,0)+IF('Standard Profiles'!$G$21=$B$24,21,0),0)),0)</f>
        <v>0</v>
      </c>
      <c r="H2462" cm="1">
        <f t="array" ref="H2462">IFERROR(INDEX(Jesper!AL$2:AL$366,ROUNDDOWN($C2462/24,0)+1,1)*INDEX($D$3:$AA$30,INDEX(Jesper!$R$2:$R$366,ROW(INDEX(Jesper!AL$2:AL$366,ROUNDDOWN($C2462/24,0)+1,1))-1)+IF('Standard Profiles'!$G$22=$B$10,7,0)+IF('Standard Profiles'!$G$22=$B$17,14,0)+IF('Standard Profiles'!$G$22=$B$24,21,0),MOD($C2462,24)+1)/SUM(INDEX($D$3:$AA$30,INDEX(Jesper!$R$2:$R$366,ROW(INDEX(Jesper!AL$2:AL$366,ROUNDDOWN($C2462/24,0)+1,1))-1)+IF('Standard Profiles'!$G$22=$B$10,7,0)+IF('Standard Profiles'!$G$22=$B$17,14,0)+IF('Standard Profiles'!$G$22=$B$24,21,0),0)),0)</f>
        <v>0</v>
      </c>
      <c r="I2462">
        <f t="shared" si="279"/>
        <v>0.21676353768474901</v>
      </c>
      <c r="J2462">
        <f t="shared" si="280"/>
        <v>0.72254512561583006</v>
      </c>
      <c r="K2462">
        <f t="shared" si="281"/>
        <v>1.0838176884237449</v>
      </c>
      <c r="L2462">
        <f t="shared" si="282"/>
        <v>5.2023249044339765</v>
      </c>
      <c r="M2462">
        <f t="shared" si="283"/>
        <v>0</v>
      </c>
      <c r="N2462" s="46">
        <f t="shared" si="284"/>
        <v>45393.166666660778</v>
      </c>
    </row>
    <row r="2463" spans="2:14" x14ac:dyDescent="0.3">
      <c r="B2463">
        <f t="shared" si="278"/>
        <v>4</v>
      </c>
      <c r="C2463" s="16">
        <v>2429</v>
      </c>
      <c r="D2463" cm="1">
        <f t="array" ref="D2463">IFERROR(INDEX(Jesper!AH$2:AH$366,ROUNDDOWN($C2463/24,0)+1,1)*INDEX($D$3:$AA$30,INDEX(Jesper!$R$2:$R$366,ROW(INDEX(Jesper!AH$2:AH$366,ROUNDDOWN($C2463/24,0)+1,1))-1)+IF('Standard Profiles'!$G$18=$B$10,7,0)+IF('Standard Profiles'!$G$18=$B$17,14,0)+IF('Standard Profiles'!$G$18=$B$24,21,0),MOD($C2463,24)+1)/SUM(INDEX($D$3:$AA$30,INDEX(Jesper!$R$2:$R$366,ROW(INDEX(Jesper!AH$2:AH$366,ROUNDDOWN($C2463/24,0)+1,1))-1)+IF('Standard Profiles'!$G$18=$B$10,7,0)+IF('Standard Profiles'!$G$18=$B$17,14,0)+IF('Standard Profiles'!$G$18=$B$24,21,0),0)),0)</f>
        <v>9.3128038412706982</v>
      </c>
      <c r="E2463" cm="1">
        <f t="array" ref="E2463">IFERROR(INDEX(Jesper!AI$2:AI$366,ROUNDDOWN($C2463/24,0)+1,1)*INDEX($D$3:$AA$30,INDEX(Jesper!$R$2:$R$366,ROW(INDEX(Jesper!AI$2:AI$366,ROUNDDOWN($C2463/24,0)+1,1))-1)+IF('Standard Profiles'!$G$19=$B$10,7,0)+IF('Standard Profiles'!$G$19=$B$17,14,0)+IF('Standard Profiles'!$G$19=$B$24,21,0),MOD($C2463,24)+1)/SUM(INDEX($D$3:$AA$30,INDEX(Jesper!$R$2:$R$366,ROW(INDEX(Jesper!AI$2:AI$366,ROUNDDOWN($C2463/24,0)+1,1))-1)+IF('Standard Profiles'!$G$19=$B$10,7,0)+IF('Standard Profiles'!$G$19=$B$17,14,0)+IF('Standard Profiles'!$G$19=$B$24,21,0),0)),0)</f>
        <v>0</v>
      </c>
      <c r="F2463" cm="1">
        <f t="array" ref="F2463">IFERROR(INDEX(Jesper!AJ$2:AJ$366,ROUNDDOWN($C2463/24,0)+1,1)*INDEX($D$3:$AA$30,INDEX(Jesper!$R$2:$R$366,ROW(INDEX(Jesper!AJ$2:AJ$366,ROUNDDOWN($C2463/24,0)+1,1))-1)+IF('Standard Profiles'!$G$20=$B$10,7,0)+IF('Standard Profiles'!$G$20=$B$17,14,0)+IF('Standard Profiles'!$G$20=$B$24,21,0),MOD($C2463,24)+1)/SUM(INDEX($D$3:$AA$30,INDEX(Jesper!$R$2:$R$366,ROW(INDEX(Jesper!AJ$2:AJ$366,ROUNDDOWN($C2463/24,0)+1,1))-1)+IF('Standard Profiles'!$G$20=$B$10,7,0)+IF('Standard Profiles'!$G$20=$B$17,14,0)+IF('Standard Profiles'!$G$20=$B$24,21,0),0)),0)</f>
        <v>0</v>
      </c>
      <c r="G2463" cm="1">
        <f t="array" ref="G2463">IFERROR(INDEX(Jesper!AK$2:AK$366,ROUNDDOWN($C2463/24,0)+1,1)*INDEX($D$3:$AA$30,INDEX(Jesper!$R$2:$R$366,ROW(INDEX(Jesper!AK$2:AK$366,ROUNDDOWN($C2463/24,0)+1,1))-1)+IF('Standard Profiles'!$G$21=$B$10,7,0)+IF('Standard Profiles'!$G$21=$B$17,14,0)+IF('Standard Profiles'!$G$21=$B$24,21,0),MOD($C2463,24)+1)/SUM(INDEX($D$3:$AA$30,INDEX(Jesper!$R$2:$R$366,ROW(INDEX(Jesper!AK$2:AK$366,ROUNDDOWN($C2463/24,0)+1,1))-1)+IF('Standard Profiles'!$G$21=$B$10,7,0)+IF('Standard Profiles'!$G$21=$B$17,14,0)+IF('Standard Profiles'!$G$21=$B$24,21,0),0)),0)</f>
        <v>0</v>
      </c>
      <c r="H2463" cm="1">
        <f t="array" ref="H2463">IFERROR(INDEX(Jesper!AL$2:AL$366,ROUNDDOWN($C2463/24,0)+1,1)*INDEX($D$3:$AA$30,INDEX(Jesper!$R$2:$R$366,ROW(INDEX(Jesper!AL$2:AL$366,ROUNDDOWN($C2463/24,0)+1,1))-1)+IF('Standard Profiles'!$G$22=$B$10,7,0)+IF('Standard Profiles'!$G$22=$B$17,14,0)+IF('Standard Profiles'!$G$22=$B$24,21,0),MOD($C2463,24)+1)/SUM(INDEX($D$3:$AA$30,INDEX(Jesper!$R$2:$R$366,ROW(INDEX(Jesper!AL$2:AL$366,ROUNDDOWN($C2463/24,0)+1,1))-1)+IF('Standard Profiles'!$G$22=$B$10,7,0)+IF('Standard Profiles'!$G$22=$B$17,14,0)+IF('Standard Profiles'!$G$22=$B$24,21,0),0)),0)</f>
        <v>0</v>
      </c>
      <c r="I2463">
        <f t="shared" si="279"/>
        <v>0.27938411523812096</v>
      </c>
      <c r="J2463">
        <f t="shared" si="280"/>
        <v>0.93128038412706982</v>
      </c>
      <c r="K2463">
        <f t="shared" si="281"/>
        <v>1.3969205761906047</v>
      </c>
      <c r="L2463">
        <f t="shared" si="282"/>
        <v>6.7052187657149025</v>
      </c>
      <c r="M2463">
        <f t="shared" si="283"/>
        <v>0</v>
      </c>
      <c r="N2463" s="46">
        <f t="shared" si="284"/>
        <v>45393.208333327442</v>
      </c>
    </row>
    <row r="2464" spans="2:14" x14ac:dyDescent="0.3">
      <c r="B2464">
        <f t="shared" si="278"/>
        <v>4</v>
      </c>
      <c r="C2464" s="16">
        <v>2430</v>
      </c>
      <c r="D2464" cm="1">
        <f t="array" ref="D2464">IFERROR(INDEX(Jesper!AH$2:AH$366,ROUNDDOWN($C2464/24,0)+1,1)*INDEX($D$3:$AA$30,INDEX(Jesper!$R$2:$R$366,ROW(INDEX(Jesper!AH$2:AH$366,ROUNDDOWN($C2464/24,0)+1,1))-1)+IF('Standard Profiles'!$G$18=$B$10,7,0)+IF('Standard Profiles'!$G$18=$B$17,14,0)+IF('Standard Profiles'!$G$18=$B$24,21,0),MOD($C2464,24)+1)/SUM(INDEX($D$3:$AA$30,INDEX(Jesper!$R$2:$R$366,ROW(INDEX(Jesper!AH$2:AH$366,ROUNDDOWN($C2464/24,0)+1,1))-1)+IF('Standard Profiles'!$G$18=$B$10,7,0)+IF('Standard Profiles'!$G$18=$B$17,14,0)+IF('Standard Profiles'!$G$18=$B$24,21,0),0)),0)</f>
        <v>10.757894092502362</v>
      </c>
      <c r="E2464" cm="1">
        <f t="array" ref="E2464">IFERROR(INDEX(Jesper!AI$2:AI$366,ROUNDDOWN($C2464/24,0)+1,1)*INDEX($D$3:$AA$30,INDEX(Jesper!$R$2:$R$366,ROW(INDEX(Jesper!AI$2:AI$366,ROUNDDOWN($C2464/24,0)+1,1))-1)+IF('Standard Profiles'!$G$19=$B$10,7,0)+IF('Standard Profiles'!$G$19=$B$17,14,0)+IF('Standard Profiles'!$G$19=$B$24,21,0),MOD($C2464,24)+1)/SUM(INDEX($D$3:$AA$30,INDEX(Jesper!$R$2:$R$366,ROW(INDEX(Jesper!AI$2:AI$366,ROUNDDOWN($C2464/24,0)+1,1))-1)+IF('Standard Profiles'!$G$19=$B$10,7,0)+IF('Standard Profiles'!$G$19=$B$17,14,0)+IF('Standard Profiles'!$G$19=$B$24,21,0),0)),0)</f>
        <v>0</v>
      </c>
      <c r="F2464" cm="1">
        <f t="array" ref="F2464">IFERROR(INDEX(Jesper!AJ$2:AJ$366,ROUNDDOWN($C2464/24,0)+1,1)*INDEX($D$3:$AA$30,INDEX(Jesper!$R$2:$R$366,ROW(INDEX(Jesper!AJ$2:AJ$366,ROUNDDOWN($C2464/24,0)+1,1))-1)+IF('Standard Profiles'!$G$20=$B$10,7,0)+IF('Standard Profiles'!$G$20=$B$17,14,0)+IF('Standard Profiles'!$G$20=$B$24,21,0),MOD($C2464,24)+1)/SUM(INDEX($D$3:$AA$30,INDEX(Jesper!$R$2:$R$366,ROW(INDEX(Jesper!AJ$2:AJ$366,ROUNDDOWN($C2464/24,0)+1,1))-1)+IF('Standard Profiles'!$G$20=$B$10,7,0)+IF('Standard Profiles'!$G$20=$B$17,14,0)+IF('Standard Profiles'!$G$20=$B$24,21,0),0)),0)</f>
        <v>0</v>
      </c>
      <c r="G2464" cm="1">
        <f t="array" ref="G2464">IFERROR(INDEX(Jesper!AK$2:AK$366,ROUNDDOWN($C2464/24,0)+1,1)*INDEX($D$3:$AA$30,INDEX(Jesper!$R$2:$R$366,ROW(INDEX(Jesper!AK$2:AK$366,ROUNDDOWN($C2464/24,0)+1,1))-1)+IF('Standard Profiles'!$G$21=$B$10,7,0)+IF('Standard Profiles'!$G$21=$B$17,14,0)+IF('Standard Profiles'!$G$21=$B$24,21,0),MOD($C2464,24)+1)/SUM(INDEX($D$3:$AA$30,INDEX(Jesper!$R$2:$R$366,ROW(INDEX(Jesper!AK$2:AK$366,ROUNDDOWN($C2464/24,0)+1,1))-1)+IF('Standard Profiles'!$G$21=$B$10,7,0)+IF('Standard Profiles'!$G$21=$B$17,14,0)+IF('Standard Profiles'!$G$21=$B$24,21,0),0)),0)</f>
        <v>0</v>
      </c>
      <c r="H2464" cm="1">
        <f t="array" ref="H2464">IFERROR(INDEX(Jesper!AL$2:AL$366,ROUNDDOWN($C2464/24,0)+1,1)*INDEX($D$3:$AA$30,INDEX(Jesper!$R$2:$R$366,ROW(INDEX(Jesper!AL$2:AL$366,ROUNDDOWN($C2464/24,0)+1,1))-1)+IF('Standard Profiles'!$G$22=$B$10,7,0)+IF('Standard Profiles'!$G$22=$B$17,14,0)+IF('Standard Profiles'!$G$22=$B$24,21,0),MOD($C2464,24)+1)/SUM(INDEX($D$3:$AA$30,INDEX(Jesper!$R$2:$R$366,ROW(INDEX(Jesper!AL$2:AL$366,ROUNDDOWN($C2464/24,0)+1,1))-1)+IF('Standard Profiles'!$G$22=$B$10,7,0)+IF('Standard Profiles'!$G$22=$B$17,14,0)+IF('Standard Profiles'!$G$22=$B$24,21,0),0)),0)</f>
        <v>0</v>
      </c>
      <c r="I2464">
        <f t="shared" si="279"/>
        <v>0.32273682277507082</v>
      </c>
      <c r="J2464">
        <f t="shared" si="280"/>
        <v>1.0757894092502363</v>
      </c>
      <c r="K2464">
        <f t="shared" si="281"/>
        <v>1.6136841138753542</v>
      </c>
      <c r="L2464">
        <f t="shared" si="282"/>
        <v>7.7456837466017001</v>
      </c>
      <c r="M2464">
        <f t="shared" si="283"/>
        <v>0</v>
      </c>
      <c r="N2464" s="46">
        <f t="shared" si="284"/>
        <v>45393.249999994106</v>
      </c>
    </row>
    <row r="2465" spans="2:14" x14ac:dyDescent="0.3">
      <c r="B2465">
        <f t="shared" si="278"/>
        <v>4</v>
      </c>
      <c r="C2465" s="16">
        <v>2431</v>
      </c>
      <c r="D2465" cm="1">
        <f t="array" ref="D2465">IFERROR(INDEX(Jesper!AH$2:AH$366,ROUNDDOWN($C2465/24,0)+1,1)*INDEX($D$3:$AA$30,INDEX(Jesper!$R$2:$R$366,ROW(INDEX(Jesper!AH$2:AH$366,ROUNDDOWN($C2465/24,0)+1,1))-1)+IF('Standard Profiles'!$G$18=$B$10,7,0)+IF('Standard Profiles'!$G$18=$B$17,14,0)+IF('Standard Profiles'!$G$18=$B$24,21,0),MOD($C2465,24)+1)/SUM(INDEX($D$3:$AA$30,INDEX(Jesper!$R$2:$R$366,ROW(INDEX(Jesper!AH$2:AH$366,ROUNDDOWN($C2465/24,0)+1,1))-1)+IF('Standard Profiles'!$G$18=$B$10,7,0)+IF('Standard Profiles'!$G$18=$B$17,14,0)+IF('Standard Profiles'!$G$18=$B$24,21,0),0)),0)</f>
        <v>10.757894092502362</v>
      </c>
      <c r="E2465" cm="1">
        <f t="array" ref="E2465">IFERROR(INDEX(Jesper!AI$2:AI$366,ROUNDDOWN($C2465/24,0)+1,1)*INDEX($D$3:$AA$30,INDEX(Jesper!$R$2:$R$366,ROW(INDEX(Jesper!AI$2:AI$366,ROUNDDOWN($C2465/24,0)+1,1))-1)+IF('Standard Profiles'!$G$19=$B$10,7,0)+IF('Standard Profiles'!$G$19=$B$17,14,0)+IF('Standard Profiles'!$G$19=$B$24,21,0),MOD($C2465,24)+1)/SUM(INDEX($D$3:$AA$30,INDEX(Jesper!$R$2:$R$366,ROW(INDEX(Jesper!AI$2:AI$366,ROUNDDOWN($C2465/24,0)+1,1))-1)+IF('Standard Profiles'!$G$19=$B$10,7,0)+IF('Standard Profiles'!$G$19=$B$17,14,0)+IF('Standard Profiles'!$G$19=$B$24,21,0),0)),0)</f>
        <v>0</v>
      </c>
      <c r="F2465" cm="1">
        <f t="array" ref="F2465">IFERROR(INDEX(Jesper!AJ$2:AJ$366,ROUNDDOWN($C2465/24,0)+1,1)*INDEX($D$3:$AA$30,INDEX(Jesper!$R$2:$R$366,ROW(INDEX(Jesper!AJ$2:AJ$366,ROUNDDOWN($C2465/24,0)+1,1))-1)+IF('Standard Profiles'!$G$20=$B$10,7,0)+IF('Standard Profiles'!$G$20=$B$17,14,0)+IF('Standard Profiles'!$G$20=$B$24,21,0),MOD($C2465,24)+1)/SUM(INDEX($D$3:$AA$30,INDEX(Jesper!$R$2:$R$366,ROW(INDEX(Jesper!AJ$2:AJ$366,ROUNDDOWN($C2465/24,0)+1,1))-1)+IF('Standard Profiles'!$G$20=$B$10,7,0)+IF('Standard Profiles'!$G$20=$B$17,14,0)+IF('Standard Profiles'!$G$20=$B$24,21,0),0)),0)</f>
        <v>0</v>
      </c>
      <c r="G2465" cm="1">
        <f t="array" ref="G2465">IFERROR(INDEX(Jesper!AK$2:AK$366,ROUNDDOWN($C2465/24,0)+1,1)*INDEX($D$3:$AA$30,INDEX(Jesper!$R$2:$R$366,ROW(INDEX(Jesper!AK$2:AK$366,ROUNDDOWN($C2465/24,0)+1,1))-1)+IF('Standard Profiles'!$G$21=$B$10,7,0)+IF('Standard Profiles'!$G$21=$B$17,14,0)+IF('Standard Profiles'!$G$21=$B$24,21,0),MOD($C2465,24)+1)/SUM(INDEX($D$3:$AA$30,INDEX(Jesper!$R$2:$R$366,ROW(INDEX(Jesper!AK$2:AK$366,ROUNDDOWN($C2465/24,0)+1,1))-1)+IF('Standard Profiles'!$G$21=$B$10,7,0)+IF('Standard Profiles'!$G$21=$B$17,14,0)+IF('Standard Profiles'!$G$21=$B$24,21,0),0)),0)</f>
        <v>0</v>
      </c>
      <c r="H2465" cm="1">
        <f t="array" ref="H2465">IFERROR(INDEX(Jesper!AL$2:AL$366,ROUNDDOWN($C2465/24,0)+1,1)*INDEX($D$3:$AA$30,INDEX(Jesper!$R$2:$R$366,ROW(INDEX(Jesper!AL$2:AL$366,ROUNDDOWN($C2465/24,0)+1,1))-1)+IF('Standard Profiles'!$G$22=$B$10,7,0)+IF('Standard Profiles'!$G$22=$B$17,14,0)+IF('Standard Profiles'!$G$22=$B$24,21,0),MOD($C2465,24)+1)/SUM(INDEX($D$3:$AA$30,INDEX(Jesper!$R$2:$R$366,ROW(INDEX(Jesper!AL$2:AL$366,ROUNDDOWN($C2465/24,0)+1,1))-1)+IF('Standard Profiles'!$G$22=$B$10,7,0)+IF('Standard Profiles'!$G$22=$B$17,14,0)+IF('Standard Profiles'!$G$22=$B$24,21,0),0)),0)</f>
        <v>0</v>
      </c>
      <c r="I2465">
        <f t="shared" si="279"/>
        <v>0.32273682277507082</v>
      </c>
      <c r="J2465">
        <f t="shared" si="280"/>
        <v>1.0757894092502363</v>
      </c>
      <c r="K2465">
        <f t="shared" si="281"/>
        <v>1.6136841138753542</v>
      </c>
      <c r="L2465">
        <f t="shared" si="282"/>
        <v>7.7456837466017001</v>
      </c>
      <c r="M2465">
        <f t="shared" si="283"/>
        <v>0</v>
      </c>
      <c r="N2465" s="46">
        <f t="shared" si="284"/>
        <v>45393.291666660771</v>
      </c>
    </row>
    <row r="2466" spans="2:14" x14ac:dyDescent="0.3">
      <c r="B2466">
        <f t="shared" si="278"/>
        <v>4</v>
      </c>
      <c r="C2466" s="16">
        <v>2432</v>
      </c>
      <c r="D2466" cm="1">
        <f t="array" ref="D2466">IFERROR(INDEX(Jesper!AH$2:AH$366,ROUNDDOWN($C2466/24,0)+1,1)*INDEX($D$3:$AA$30,INDEX(Jesper!$R$2:$R$366,ROW(INDEX(Jesper!AH$2:AH$366,ROUNDDOWN($C2466/24,0)+1,1))-1)+IF('Standard Profiles'!$G$18=$B$10,7,0)+IF('Standard Profiles'!$G$18=$B$17,14,0)+IF('Standard Profiles'!$G$18=$B$24,21,0),MOD($C2466,24)+1)/SUM(INDEX($D$3:$AA$30,INDEX(Jesper!$R$2:$R$366,ROW(INDEX(Jesper!AH$2:AH$366,ROUNDDOWN($C2466/24,0)+1,1))-1)+IF('Standard Profiles'!$G$18=$B$10,7,0)+IF('Standard Profiles'!$G$18=$B$17,14,0)+IF('Standard Profiles'!$G$18=$B$24,21,0),0)),0)</f>
        <v>10.757894092502362</v>
      </c>
      <c r="E2466" cm="1">
        <f t="array" ref="E2466">IFERROR(INDEX(Jesper!AI$2:AI$366,ROUNDDOWN($C2466/24,0)+1,1)*INDEX($D$3:$AA$30,INDEX(Jesper!$R$2:$R$366,ROW(INDEX(Jesper!AI$2:AI$366,ROUNDDOWN($C2466/24,0)+1,1))-1)+IF('Standard Profiles'!$G$19=$B$10,7,0)+IF('Standard Profiles'!$G$19=$B$17,14,0)+IF('Standard Profiles'!$G$19=$B$24,21,0),MOD($C2466,24)+1)/SUM(INDEX($D$3:$AA$30,INDEX(Jesper!$R$2:$R$366,ROW(INDEX(Jesper!AI$2:AI$366,ROUNDDOWN($C2466/24,0)+1,1))-1)+IF('Standard Profiles'!$G$19=$B$10,7,0)+IF('Standard Profiles'!$G$19=$B$17,14,0)+IF('Standard Profiles'!$G$19=$B$24,21,0),0)),0)</f>
        <v>0</v>
      </c>
      <c r="F2466" cm="1">
        <f t="array" ref="F2466">IFERROR(INDEX(Jesper!AJ$2:AJ$366,ROUNDDOWN($C2466/24,0)+1,1)*INDEX($D$3:$AA$30,INDEX(Jesper!$R$2:$R$366,ROW(INDEX(Jesper!AJ$2:AJ$366,ROUNDDOWN($C2466/24,0)+1,1))-1)+IF('Standard Profiles'!$G$20=$B$10,7,0)+IF('Standard Profiles'!$G$20=$B$17,14,0)+IF('Standard Profiles'!$G$20=$B$24,21,0),MOD($C2466,24)+1)/SUM(INDEX($D$3:$AA$30,INDEX(Jesper!$R$2:$R$366,ROW(INDEX(Jesper!AJ$2:AJ$366,ROUNDDOWN($C2466/24,0)+1,1))-1)+IF('Standard Profiles'!$G$20=$B$10,7,0)+IF('Standard Profiles'!$G$20=$B$17,14,0)+IF('Standard Profiles'!$G$20=$B$24,21,0),0)),0)</f>
        <v>0</v>
      </c>
      <c r="G2466" cm="1">
        <f t="array" ref="G2466">IFERROR(INDEX(Jesper!AK$2:AK$366,ROUNDDOWN($C2466/24,0)+1,1)*INDEX($D$3:$AA$30,INDEX(Jesper!$R$2:$R$366,ROW(INDEX(Jesper!AK$2:AK$366,ROUNDDOWN($C2466/24,0)+1,1))-1)+IF('Standard Profiles'!$G$21=$B$10,7,0)+IF('Standard Profiles'!$G$21=$B$17,14,0)+IF('Standard Profiles'!$G$21=$B$24,21,0),MOD($C2466,24)+1)/SUM(INDEX($D$3:$AA$30,INDEX(Jesper!$R$2:$R$366,ROW(INDEX(Jesper!AK$2:AK$366,ROUNDDOWN($C2466/24,0)+1,1))-1)+IF('Standard Profiles'!$G$21=$B$10,7,0)+IF('Standard Profiles'!$G$21=$B$17,14,0)+IF('Standard Profiles'!$G$21=$B$24,21,0),0)),0)</f>
        <v>0</v>
      </c>
      <c r="H2466" cm="1">
        <f t="array" ref="H2466">IFERROR(INDEX(Jesper!AL$2:AL$366,ROUNDDOWN($C2466/24,0)+1,1)*INDEX($D$3:$AA$30,INDEX(Jesper!$R$2:$R$366,ROW(INDEX(Jesper!AL$2:AL$366,ROUNDDOWN($C2466/24,0)+1,1))-1)+IF('Standard Profiles'!$G$22=$B$10,7,0)+IF('Standard Profiles'!$G$22=$B$17,14,0)+IF('Standard Profiles'!$G$22=$B$24,21,0),MOD($C2466,24)+1)/SUM(INDEX($D$3:$AA$30,INDEX(Jesper!$R$2:$R$366,ROW(INDEX(Jesper!AL$2:AL$366,ROUNDDOWN($C2466/24,0)+1,1))-1)+IF('Standard Profiles'!$G$22=$B$10,7,0)+IF('Standard Profiles'!$G$22=$B$17,14,0)+IF('Standard Profiles'!$G$22=$B$24,21,0),0)),0)</f>
        <v>0</v>
      </c>
      <c r="I2466">
        <f t="shared" si="279"/>
        <v>0.32273682277507082</v>
      </c>
      <c r="J2466">
        <f t="shared" si="280"/>
        <v>1.0757894092502363</v>
      </c>
      <c r="K2466">
        <f t="shared" si="281"/>
        <v>1.6136841138753542</v>
      </c>
      <c r="L2466">
        <f t="shared" si="282"/>
        <v>7.7456837466017001</v>
      </c>
      <c r="M2466">
        <f t="shared" si="283"/>
        <v>0</v>
      </c>
      <c r="N2466" s="46">
        <f t="shared" si="284"/>
        <v>45393.333333327435</v>
      </c>
    </row>
    <row r="2467" spans="2:14" x14ac:dyDescent="0.3">
      <c r="B2467">
        <f t="shared" ref="B2467:B2530" si="285">WEEKDAY(N2467,2)</f>
        <v>4</v>
      </c>
      <c r="C2467" s="16">
        <v>2433</v>
      </c>
      <c r="D2467" cm="1">
        <f t="array" ref="D2467">IFERROR(INDEX(Jesper!AH$2:AH$366,ROUNDDOWN($C2467/24,0)+1,1)*INDEX($D$3:$AA$30,INDEX(Jesper!$R$2:$R$366,ROW(INDEX(Jesper!AH$2:AH$366,ROUNDDOWN($C2467/24,0)+1,1))-1)+IF('Standard Profiles'!$G$18=$B$10,7,0)+IF('Standard Profiles'!$G$18=$B$17,14,0)+IF('Standard Profiles'!$G$18=$B$24,21,0),MOD($C2467,24)+1)/SUM(INDEX($D$3:$AA$30,INDEX(Jesper!$R$2:$R$366,ROW(INDEX(Jesper!AH$2:AH$366,ROUNDDOWN($C2467/24,0)+1,1))-1)+IF('Standard Profiles'!$G$18=$B$10,7,0)+IF('Standard Profiles'!$G$18=$B$17,14,0)+IF('Standard Profiles'!$G$18=$B$24,21,0),0)),0)</f>
        <v>11.560722009853281</v>
      </c>
      <c r="E2467" cm="1">
        <f t="array" ref="E2467">IFERROR(INDEX(Jesper!AI$2:AI$366,ROUNDDOWN($C2467/24,0)+1,1)*INDEX($D$3:$AA$30,INDEX(Jesper!$R$2:$R$366,ROW(INDEX(Jesper!AI$2:AI$366,ROUNDDOWN($C2467/24,0)+1,1))-1)+IF('Standard Profiles'!$G$19=$B$10,7,0)+IF('Standard Profiles'!$G$19=$B$17,14,0)+IF('Standard Profiles'!$G$19=$B$24,21,0),MOD($C2467,24)+1)/SUM(INDEX($D$3:$AA$30,INDEX(Jesper!$R$2:$R$366,ROW(INDEX(Jesper!AI$2:AI$366,ROUNDDOWN($C2467/24,0)+1,1))-1)+IF('Standard Profiles'!$G$19=$B$10,7,0)+IF('Standard Profiles'!$G$19=$B$17,14,0)+IF('Standard Profiles'!$G$19=$B$24,21,0),0)),0)</f>
        <v>0</v>
      </c>
      <c r="F2467" cm="1">
        <f t="array" ref="F2467">IFERROR(INDEX(Jesper!AJ$2:AJ$366,ROUNDDOWN($C2467/24,0)+1,1)*INDEX($D$3:$AA$30,INDEX(Jesper!$R$2:$R$366,ROW(INDEX(Jesper!AJ$2:AJ$366,ROUNDDOWN($C2467/24,0)+1,1))-1)+IF('Standard Profiles'!$G$20=$B$10,7,0)+IF('Standard Profiles'!$G$20=$B$17,14,0)+IF('Standard Profiles'!$G$20=$B$24,21,0),MOD($C2467,24)+1)/SUM(INDEX($D$3:$AA$30,INDEX(Jesper!$R$2:$R$366,ROW(INDEX(Jesper!AJ$2:AJ$366,ROUNDDOWN($C2467/24,0)+1,1))-1)+IF('Standard Profiles'!$G$20=$B$10,7,0)+IF('Standard Profiles'!$G$20=$B$17,14,0)+IF('Standard Profiles'!$G$20=$B$24,21,0),0)),0)</f>
        <v>0</v>
      </c>
      <c r="G2467" cm="1">
        <f t="array" ref="G2467">IFERROR(INDEX(Jesper!AK$2:AK$366,ROUNDDOWN($C2467/24,0)+1,1)*INDEX($D$3:$AA$30,INDEX(Jesper!$R$2:$R$366,ROW(INDEX(Jesper!AK$2:AK$366,ROUNDDOWN($C2467/24,0)+1,1))-1)+IF('Standard Profiles'!$G$21=$B$10,7,0)+IF('Standard Profiles'!$G$21=$B$17,14,0)+IF('Standard Profiles'!$G$21=$B$24,21,0),MOD($C2467,24)+1)/SUM(INDEX($D$3:$AA$30,INDEX(Jesper!$R$2:$R$366,ROW(INDEX(Jesper!AK$2:AK$366,ROUNDDOWN($C2467/24,0)+1,1))-1)+IF('Standard Profiles'!$G$21=$B$10,7,0)+IF('Standard Profiles'!$G$21=$B$17,14,0)+IF('Standard Profiles'!$G$21=$B$24,21,0),0)),0)</f>
        <v>0</v>
      </c>
      <c r="H2467" cm="1">
        <f t="array" ref="H2467">IFERROR(INDEX(Jesper!AL$2:AL$366,ROUNDDOWN($C2467/24,0)+1,1)*INDEX($D$3:$AA$30,INDEX(Jesper!$R$2:$R$366,ROW(INDEX(Jesper!AL$2:AL$366,ROUNDDOWN($C2467/24,0)+1,1))-1)+IF('Standard Profiles'!$G$22=$B$10,7,0)+IF('Standard Profiles'!$G$22=$B$17,14,0)+IF('Standard Profiles'!$G$22=$B$24,21,0),MOD($C2467,24)+1)/SUM(INDEX($D$3:$AA$30,INDEX(Jesper!$R$2:$R$366,ROW(INDEX(Jesper!AL$2:AL$366,ROUNDDOWN($C2467/24,0)+1,1))-1)+IF('Standard Profiles'!$G$22=$B$10,7,0)+IF('Standard Profiles'!$G$22=$B$17,14,0)+IF('Standard Profiles'!$G$22=$B$24,21,0),0)),0)</f>
        <v>0</v>
      </c>
      <c r="I2467">
        <f t="shared" ref="I2467:I2530" si="286">IF($B2467&lt;6,AC$37*$D2467+AC$38*$E2467+AC$39*$F2467+AC$40*$G2467,AC$46*$D2467+AC$47*$E2467+AC$48*$F2467+AC$49*$G2467+AC$50*$H2467)</f>
        <v>0.34682166029559841</v>
      </c>
      <c r="J2467">
        <f t="shared" ref="J2467:J2530" si="287">IF($B2467&lt;6,AD$37*$D2467+AD$38*$E2467+AD$39*$F2467+AD$40*$G2467,AD$46*$D2467+AD$47*$E2467+AD$48*$F2467+AD$49*$G2467+AD$50*$H2467)</f>
        <v>1.1560722009853281</v>
      </c>
      <c r="K2467">
        <f t="shared" ref="K2467:K2530" si="288">IF($B2467&lt;6,AE$37*$D2467+AE$38*$E2467+AE$39*$F2467+AE$40*$G2467,AE$46*$D2467+AE$47*$E2467+AE$48*$F2467+AE$49*$G2467+AE$50*$H2467)</f>
        <v>1.7341083014779921</v>
      </c>
      <c r="L2467">
        <f t="shared" ref="L2467:L2530" si="289">IF($B2467&lt;6,AF$37*$D2467+AF$38*$E2467+AF$39*$F2467+AF$40*$G2467,AF$46*$D2467+AF$47*$E2467+AF$48*$F2467+AF$49*$G2467+AF$50*$H2467)</f>
        <v>8.3237198470943614</v>
      </c>
      <c r="M2467">
        <f t="shared" ref="M2467:M2530" si="290">IF($B2467&lt;6,AG$37*$D2467+AG$38*$E2467+AG$39*$F2467+AG$40*$G2467,AG$46*$D2467+AG$47*$E2467+AG$48*$F2467+AG$49*$G2467+AG$50*$H2467)</f>
        <v>0</v>
      </c>
      <c r="N2467" s="46">
        <f t="shared" si="284"/>
        <v>45393.374999994099</v>
      </c>
    </row>
    <row r="2468" spans="2:14" x14ac:dyDescent="0.3">
      <c r="B2468">
        <f t="shared" si="285"/>
        <v>4</v>
      </c>
      <c r="C2468" s="16">
        <v>2434</v>
      </c>
      <c r="D2468" cm="1">
        <f t="array" ref="D2468">IFERROR(INDEX(Jesper!AH$2:AH$366,ROUNDDOWN($C2468/24,0)+1,1)*INDEX($D$3:$AA$30,INDEX(Jesper!$R$2:$R$366,ROW(INDEX(Jesper!AH$2:AH$366,ROUNDDOWN($C2468/24,0)+1,1))-1)+IF('Standard Profiles'!$G$18=$B$10,7,0)+IF('Standard Profiles'!$G$18=$B$17,14,0)+IF('Standard Profiles'!$G$18=$B$24,21,0),MOD($C2468,24)+1)/SUM(INDEX($D$3:$AA$30,INDEX(Jesper!$R$2:$R$366,ROW(INDEX(Jesper!AH$2:AH$366,ROUNDDOWN($C2468/24,0)+1,1))-1)+IF('Standard Profiles'!$G$18=$B$10,7,0)+IF('Standard Profiles'!$G$18=$B$17,14,0)+IF('Standard Profiles'!$G$18=$B$24,21,0),0)),0)</f>
        <v>12.52411551067439</v>
      </c>
      <c r="E2468" cm="1">
        <f t="array" ref="E2468">IFERROR(INDEX(Jesper!AI$2:AI$366,ROUNDDOWN($C2468/24,0)+1,1)*INDEX($D$3:$AA$30,INDEX(Jesper!$R$2:$R$366,ROW(INDEX(Jesper!AI$2:AI$366,ROUNDDOWN($C2468/24,0)+1,1))-1)+IF('Standard Profiles'!$G$19=$B$10,7,0)+IF('Standard Profiles'!$G$19=$B$17,14,0)+IF('Standard Profiles'!$G$19=$B$24,21,0),MOD($C2468,24)+1)/SUM(INDEX($D$3:$AA$30,INDEX(Jesper!$R$2:$R$366,ROW(INDEX(Jesper!AI$2:AI$366,ROUNDDOWN($C2468/24,0)+1,1))-1)+IF('Standard Profiles'!$G$19=$B$10,7,0)+IF('Standard Profiles'!$G$19=$B$17,14,0)+IF('Standard Profiles'!$G$19=$B$24,21,0),0)),0)</f>
        <v>0</v>
      </c>
      <c r="F2468" cm="1">
        <f t="array" ref="F2468">IFERROR(INDEX(Jesper!AJ$2:AJ$366,ROUNDDOWN($C2468/24,0)+1,1)*INDEX($D$3:$AA$30,INDEX(Jesper!$R$2:$R$366,ROW(INDEX(Jesper!AJ$2:AJ$366,ROUNDDOWN($C2468/24,0)+1,1))-1)+IF('Standard Profiles'!$G$20=$B$10,7,0)+IF('Standard Profiles'!$G$20=$B$17,14,0)+IF('Standard Profiles'!$G$20=$B$24,21,0),MOD($C2468,24)+1)/SUM(INDEX($D$3:$AA$30,INDEX(Jesper!$R$2:$R$366,ROW(INDEX(Jesper!AJ$2:AJ$366,ROUNDDOWN($C2468/24,0)+1,1))-1)+IF('Standard Profiles'!$G$20=$B$10,7,0)+IF('Standard Profiles'!$G$20=$B$17,14,0)+IF('Standard Profiles'!$G$20=$B$24,21,0),0)),0)</f>
        <v>0</v>
      </c>
      <c r="G2468" cm="1">
        <f t="array" ref="G2468">IFERROR(INDEX(Jesper!AK$2:AK$366,ROUNDDOWN($C2468/24,0)+1,1)*INDEX($D$3:$AA$30,INDEX(Jesper!$R$2:$R$366,ROW(INDEX(Jesper!AK$2:AK$366,ROUNDDOWN($C2468/24,0)+1,1))-1)+IF('Standard Profiles'!$G$21=$B$10,7,0)+IF('Standard Profiles'!$G$21=$B$17,14,0)+IF('Standard Profiles'!$G$21=$B$24,21,0),MOD($C2468,24)+1)/SUM(INDEX($D$3:$AA$30,INDEX(Jesper!$R$2:$R$366,ROW(INDEX(Jesper!AK$2:AK$366,ROUNDDOWN($C2468/24,0)+1,1))-1)+IF('Standard Profiles'!$G$21=$B$10,7,0)+IF('Standard Profiles'!$G$21=$B$17,14,0)+IF('Standard Profiles'!$G$21=$B$24,21,0),0)),0)</f>
        <v>0</v>
      </c>
      <c r="H2468" cm="1">
        <f t="array" ref="H2468">IFERROR(INDEX(Jesper!AL$2:AL$366,ROUNDDOWN($C2468/24,0)+1,1)*INDEX($D$3:$AA$30,INDEX(Jesper!$R$2:$R$366,ROW(INDEX(Jesper!AL$2:AL$366,ROUNDDOWN($C2468/24,0)+1,1))-1)+IF('Standard Profiles'!$G$22=$B$10,7,0)+IF('Standard Profiles'!$G$22=$B$17,14,0)+IF('Standard Profiles'!$G$22=$B$24,21,0),MOD($C2468,24)+1)/SUM(INDEX($D$3:$AA$30,INDEX(Jesper!$R$2:$R$366,ROW(INDEX(Jesper!AL$2:AL$366,ROUNDDOWN($C2468/24,0)+1,1))-1)+IF('Standard Profiles'!$G$22=$B$10,7,0)+IF('Standard Profiles'!$G$22=$B$17,14,0)+IF('Standard Profiles'!$G$22=$B$24,21,0),0)),0)</f>
        <v>0</v>
      </c>
      <c r="I2468">
        <f t="shared" si="286"/>
        <v>0.37572346532023171</v>
      </c>
      <c r="J2468">
        <f t="shared" si="287"/>
        <v>1.2524115510674392</v>
      </c>
      <c r="K2468">
        <f t="shared" si="288"/>
        <v>1.8786173266011583</v>
      </c>
      <c r="L2468">
        <f t="shared" si="289"/>
        <v>9.017363167685561</v>
      </c>
      <c r="M2468">
        <f t="shared" si="290"/>
        <v>0</v>
      </c>
      <c r="N2468" s="46">
        <f t="shared" ref="N2468:N2531" si="291">N2467+1/24</f>
        <v>45393.416666660763</v>
      </c>
    </row>
    <row r="2469" spans="2:14" x14ac:dyDescent="0.3">
      <c r="B2469">
        <f t="shared" si="285"/>
        <v>4</v>
      </c>
      <c r="C2469" s="16">
        <v>2435</v>
      </c>
      <c r="D2469" cm="1">
        <f t="array" ref="D2469">IFERROR(INDEX(Jesper!AH$2:AH$366,ROUNDDOWN($C2469/24,0)+1,1)*INDEX($D$3:$AA$30,INDEX(Jesper!$R$2:$R$366,ROW(INDEX(Jesper!AH$2:AH$366,ROUNDDOWN($C2469/24,0)+1,1))-1)+IF('Standard Profiles'!$G$18=$B$10,7,0)+IF('Standard Profiles'!$G$18=$B$17,14,0)+IF('Standard Profiles'!$G$18=$B$24,21,0),MOD($C2469,24)+1)/SUM(INDEX($D$3:$AA$30,INDEX(Jesper!$R$2:$R$366,ROW(INDEX(Jesper!AH$2:AH$366,ROUNDDOWN($C2469/24,0)+1,1))-1)+IF('Standard Profiles'!$G$18=$B$10,7,0)+IF('Standard Profiles'!$G$18=$B$17,14,0)+IF('Standard Profiles'!$G$18=$B$24,21,0),0)),0)</f>
        <v>14.450902512316601</v>
      </c>
      <c r="E2469" cm="1">
        <f t="array" ref="E2469">IFERROR(INDEX(Jesper!AI$2:AI$366,ROUNDDOWN($C2469/24,0)+1,1)*INDEX($D$3:$AA$30,INDEX(Jesper!$R$2:$R$366,ROW(INDEX(Jesper!AI$2:AI$366,ROUNDDOWN($C2469/24,0)+1,1))-1)+IF('Standard Profiles'!$G$19=$B$10,7,0)+IF('Standard Profiles'!$G$19=$B$17,14,0)+IF('Standard Profiles'!$G$19=$B$24,21,0),MOD($C2469,24)+1)/SUM(INDEX($D$3:$AA$30,INDEX(Jesper!$R$2:$R$366,ROW(INDEX(Jesper!AI$2:AI$366,ROUNDDOWN($C2469/24,0)+1,1))-1)+IF('Standard Profiles'!$G$19=$B$10,7,0)+IF('Standard Profiles'!$G$19=$B$17,14,0)+IF('Standard Profiles'!$G$19=$B$24,21,0),0)),0)</f>
        <v>0</v>
      </c>
      <c r="F2469" cm="1">
        <f t="array" ref="F2469">IFERROR(INDEX(Jesper!AJ$2:AJ$366,ROUNDDOWN($C2469/24,0)+1,1)*INDEX($D$3:$AA$30,INDEX(Jesper!$R$2:$R$366,ROW(INDEX(Jesper!AJ$2:AJ$366,ROUNDDOWN($C2469/24,0)+1,1))-1)+IF('Standard Profiles'!$G$20=$B$10,7,0)+IF('Standard Profiles'!$G$20=$B$17,14,0)+IF('Standard Profiles'!$G$20=$B$24,21,0),MOD($C2469,24)+1)/SUM(INDEX($D$3:$AA$30,INDEX(Jesper!$R$2:$R$366,ROW(INDEX(Jesper!AJ$2:AJ$366,ROUNDDOWN($C2469/24,0)+1,1))-1)+IF('Standard Profiles'!$G$20=$B$10,7,0)+IF('Standard Profiles'!$G$20=$B$17,14,0)+IF('Standard Profiles'!$G$20=$B$24,21,0),0)),0)</f>
        <v>0</v>
      </c>
      <c r="G2469" cm="1">
        <f t="array" ref="G2469">IFERROR(INDEX(Jesper!AK$2:AK$366,ROUNDDOWN($C2469/24,0)+1,1)*INDEX($D$3:$AA$30,INDEX(Jesper!$R$2:$R$366,ROW(INDEX(Jesper!AK$2:AK$366,ROUNDDOWN($C2469/24,0)+1,1))-1)+IF('Standard Profiles'!$G$21=$B$10,7,0)+IF('Standard Profiles'!$G$21=$B$17,14,0)+IF('Standard Profiles'!$G$21=$B$24,21,0),MOD($C2469,24)+1)/SUM(INDEX($D$3:$AA$30,INDEX(Jesper!$R$2:$R$366,ROW(INDEX(Jesper!AK$2:AK$366,ROUNDDOWN($C2469/24,0)+1,1))-1)+IF('Standard Profiles'!$G$21=$B$10,7,0)+IF('Standard Profiles'!$G$21=$B$17,14,0)+IF('Standard Profiles'!$G$21=$B$24,21,0),0)),0)</f>
        <v>0</v>
      </c>
      <c r="H2469" cm="1">
        <f t="array" ref="H2469">IFERROR(INDEX(Jesper!AL$2:AL$366,ROUNDDOWN($C2469/24,0)+1,1)*INDEX($D$3:$AA$30,INDEX(Jesper!$R$2:$R$366,ROW(INDEX(Jesper!AL$2:AL$366,ROUNDDOWN($C2469/24,0)+1,1))-1)+IF('Standard Profiles'!$G$22=$B$10,7,0)+IF('Standard Profiles'!$G$22=$B$17,14,0)+IF('Standard Profiles'!$G$22=$B$24,21,0),MOD($C2469,24)+1)/SUM(INDEX($D$3:$AA$30,INDEX(Jesper!$R$2:$R$366,ROW(INDEX(Jesper!AL$2:AL$366,ROUNDDOWN($C2469/24,0)+1,1))-1)+IF('Standard Profiles'!$G$22=$B$10,7,0)+IF('Standard Profiles'!$G$22=$B$17,14,0)+IF('Standard Profiles'!$G$22=$B$24,21,0),0)),0)</f>
        <v>0</v>
      </c>
      <c r="I2469">
        <f t="shared" si="286"/>
        <v>0.43352707536949803</v>
      </c>
      <c r="J2469">
        <f t="shared" si="287"/>
        <v>1.4450902512316601</v>
      </c>
      <c r="K2469">
        <f t="shared" si="288"/>
        <v>2.1676353768474899</v>
      </c>
      <c r="L2469">
        <f t="shared" si="289"/>
        <v>10.404649808867953</v>
      </c>
      <c r="M2469">
        <f t="shared" si="290"/>
        <v>0</v>
      </c>
      <c r="N2469" s="46">
        <f t="shared" si="291"/>
        <v>45393.458333327428</v>
      </c>
    </row>
    <row r="2470" spans="2:14" x14ac:dyDescent="0.3">
      <c r="B2470">
        <f t="shared" si="285"/>
        <v>4</v>
      </c>
      <c r="C2470" s="16">
        <v>2436</v>
      </c>
      <c r="D2470" cm="1">
        <f t="array" ref="D2470">IFERROR(INDEX(Jesper!AH$2:AH$366,ROUNDDOWN($C2470/24,0)+1,1)*INDEX($D$3:$AA$30,INDEX(Jesper!$R$2:$R$366,ROW(INDEX(Jesper!AH$2:AH$366,ROUNDDOWN($C2470/24,0)+1,1))-1)+IF('Standard Profiles'!$G$18=$B$10,7,0)+IF('Standard Profiles'!$G$18=$B$17,14,0)+IF('Standard Profiles'!$G$18=$B$24,21,0),MOD($C2470,24)+1)/SUM(INDEX($D$3:$AA$30,INDEX(Jesper!$R$2:$R$366,ROW(INDEX(Jesper!AH$2:AH$366,ROUNDDOWN($C2470/24,0)+1,1))-1)+IF('Standard Profiles'!$G$18=$B$10,7,0)+IF('Standard Profiles'!$G$18=$B$17,14,0)+IF('Standard Profiles'!$G$18=$B$24,21,0),0)),0)</f>
        <v>14.450902512316601</v>
      </c>
      <c r="E2470" cm="1">
        <f t="array" ref="E2470">IFERROR(INDEX(Jesper!AI$2:AI$366,ROUNDDOWN($C2470/24,0)+1,1)*INDEX($D$3:$AA$30,INDEX(Jesper!$R$2:$R$366,ROW(INDEX(Jesper!AI$2:AI$366,ROUNDDOWN($C2470/24,0)+1,1))-1)+IF('Standard Profiles'!$G$19=$B$10,7,0)+IF('Standard Profiles'!$G$19=$B$17,14,0)+IF('Standard Profiles'!$G$19=$B$24,21,0),MOD($C2470,24)+1)/SUM(INDEX($D$3:$AA$30,INDEX(Jesper!$R$2:$R$366,ROW(INDEX(Jesper!AI$2:AI$366,ROUNDDOWN($C2470/24,0)+1,1))-1)+IF('Standard Profiles'!$G$19=$B$10,7,0)+IF('Standard Profiles'!$G$19=$B$17,14,0)+IF('Standard Profiles'!$G$19=$B$24,21,0),0)),0)</f>
        <v>0</v>
      </c>
      <c r="F2470" cm="1">
        <f t="array" ref="F2470">IFERROR(INDEX(Jesper!AJ$2:AJ$366,ROUNDDOWN($C2470/24,0)+1,1)*INDEX($D$3:$AA$30,INDEX(Jesper!$R$2:$R$366,ROW(INDEX(Jesper!AJ$2:AJ$366,ROUNDDOWN($C2470/24,0)+1,1))-1)+IF('Standard Profiles'!$G$20=$B$10,7,0)+IF('Standard Profiles'!$G$20=$B$17,14,0)+IF('Standard Profiles'!$G$20=$B$24,21,0),MOD($C2470,24)+1)/SUM(INDEX($D$3:$AA$30,INDEX(Jesper!$R$2:$R$366,ROW(INDEX(Jesper!AJ$2:AJ$366,ROUNDDOWN($C2470/24,0)+1,1))-1)+IF('Standard Profiles'!$G$20=$B$10,7,0)+IF('Standard Profiles'!$G$20=$B$17,14,0)+IF('Standard Profiles'!$G$20=$B$24,21,0),0)),0)</f>
        <v>0</v>
      </c>
      <c r="G2470" cm="1">
        <f t="array" ref="G2470">IFERROR(INDEX(Jesper!AK$2:AK$366,ROUNDDOWN($C2470/24,0)+1,1)*INDEX($D$3:$AA$30,INDEX(Jesper!$R$2:$R$366,ROW(INDEX(Jesper!AK$2:AK$366,ROUNDDOWN($C2470/24,0)+1,1))-1)+IF('Standard Profiles'!$G$21=$B$10,7,0)+IF('Standard Profiles'!$G$21=$B$17,14,0)+IF('Standard Profiles'!$G$21=$B$24,21,0),MOD($C2470,24)+1)/SUM(INDEX($D$3:$AA$30,INDEX(Jesper!$R$2:$R$366,ROW(INDEX(Jesper!AK$2:AK$366,ROUNDDOWN($C2470/24,0)+1,1))-1)+IF('Standard Profiles'!$G$21=$B$10,7,0)+IF('Standard Profiles'!$G$21=$B$17,14,0)+IF('Standard Profiles'!$G$21=$B$24,21,0),0)),0)</f>
        <v>0</v>
      </c>
      <c r="H2470" cm="1">
        <f t="array" ref="H2470">IFERROR(INDEX(Jesper!AL$2:AL$366,ROUNDDOWN($C2470/24,0)+1,1)*INDEX($D$3:$AA$30,INDEX(Jesper!$R$2:$R$366,ROW(INDEX(Jesper!AL$2:AL$366,ROUNDDOWN($C2470/24,0)+1,1))-1)+IF('Standard Profiles'!$G$22=$B$10,7,0)+IF('Standard Profiles'!$G$22=$B$17,14,0)+IF('Standard Profiles'!$G$22=$B$24,21,0),MOD($C2470,24)+1)/SUM(INDEX($D$3:$AA$30,INDEX(Jesper!$R$2:$R$366,ROW(INDEX(Jesper!AL$2:AL$366,ROUNDDOWN($C2470/24,0)+1,1))-1)+IF('Standard Profiles'!$G$22=$B$10,7,0)+IF('Standard Profiles'!$G$22=$B$17,14,0)+IF('Standard Profiles'!$G$22=$B$24,21,0),0)),0)</f>
        <v>0</v>
      </c>
      <c r="I2470">
        <f t="shared" si="286"/>
        <v>0.43352707536949803</v>
      </c>
      <c r="J2470">
        <f t="shared" si="287"/>
        <v>1.4450902512316601</v>
      </c>
      <c r="K2470">
        <f t="shared" si="288"/>
        <v>2.1676353768474899</v>
      </c>
      <c r="L2470">
        <f t="shared" si="289"/>
        <v>10.404649808867953</v>
      </c>
      <c r="M2470">
        <f t="shared" si="290"/>
        <v>0</v>
      </c>
      <c r="N2470" s="46">
        <f t="shared" si="291"/>
        <v>45393.499999994092</v>
      </c>
    </row>
    <row r="2471" spans="2:14" x14ac:dyDescent="0.3">
      <c r="B2471">
        <f t="shared" si="285"/>
        <v>4</v>
      </c>
      <c r="C2471" s="16">
        <v>2437</v>
      </c>
      <c r="D2471" cm="1">
        <f t="array" ref="D2471">IFERROR(INDEX(Jesper!AH$2:AH$366,ROUNDDOWN($C2471/24,0)+1,1)*INDEX($D$3:$AA$30,INDEX(Jesper!$R$2:$R$366,ROW(INDEX(Jesper!AH$2:AH$366,ROUNDDOWN($C2471/24,0)+1,1))-1)+IF('Standard Profiles'!$G$18=$B$10,7,0)+IF('Standard Profiles'!$G$18=$B$17,14,0)+IF('Standard Profiles'!$G$18=$B$24,21,0),MOD($C2471,24)+1)/SUM(INDEX($D$3:$AA$30,INDEX(Jesper!$R$2:$R$366,ROW(INDEX(Jesper!AH$2:AH$366,ROUNDDOWN($C2471/24,0)+1,1))-1)+IF('Standard Profiles'!$G$18=$B$10,7,0)+IF('Standard Profiles'!$G$18=$B$17,14,0)+IF('Standard Profiles'!$G$18=$B$24,21,0),0)),0)</f>
        <v>14.450902512316601</v>
      </c>
      <c r="E2471" cm="1">
        <f t="array" ref="E2471">IFERROR(INDEX(Jesper!AI$2:AI$366,ROUNDDOWN($C2471/24,0)+1,1)*INDEX($D$3:$AA$30,INDEX(Jesper!$R$2:$R$366,ROW(INDEX(Jesper!AI$2:AI$366,ROUNDDOWN($C2471/24,0)+1,1))-1)+IF('Standard Profiles'!$G$19=$B$10,7,0)+IF('Standard Profiles'!$G$19=$B$17,14,0)+IF('Standard Profiles'!$G$19=$B$24,21,0),MOD($C2471,24)+1)/SUM(INDEX($D$3:$AA$30,INDEX(Jesper!$R$2:$R$366,ROW(INDEX(Jesper!AI$2:AI$366,ROUNDDOWN($C2471/24,0)+1,1))-1)+IF('Standard Profiles'!$G$19=$B$10,7,0)+IF('Standard Profiles'!$G$19=$B$17,14,0)+IF('Standard Profiles'!$G$19=$B$24,21,0),0)),0)</f>
        <v>0</v>
      </c>
      <c r="F2471" cm="1">
        <f t="array" ref="F2471">IFERROR(INDEX(Jesper!AJ$2:AJ$366,ROUNDDOWN($C2471/24,0)+1,1)*INDEX($D$3:$AA$30,INDEX(Jesper!$R$2:$R$366,ROW(INDEX(Jesper!AJ$2:AJ$366,ROUNDDOWN($C2471/24,0)+1,1))-1)+IF('Standard Profiles'!$G$20=$B$10,7,0)+IF('Standard Profiles'!$G$20=$B$17,14,0)+IF('Standard Profiles'!$G$20=$B$24,21,0),MOD($C2471,24)+1)/SUM(INDEX($D$3:$AA$30,INDEX(Jesper!$R$2:$R$366,ROW(INDEX(Jesper!AJ$2:AJ$366,ROUNDDOWN($C2471/24,0)+1,1))-1)+IF('Standard Profiles'!$G$20=$B$10,7,0)+IF('Standard Profiles'!$G$20=$B$17,14,0)+IF('Standard Profiles'!$G$20=$B$24,21,0),0)),0)</f>
        <v>0</v>
      </c>
      <c r="G2471" cm="1">
        <f t="array" ref="G2471">IFERROR(INDEX(Jesper!AK$2:AK$366,ROUNDDOWN($C2471/24,0)+1,1)*INDEX($D$3:$AA$30,INDEX(Jesper!$R$2:$R$366,ROW(INDEX(Jesper!AK$2:AK$366,ROUNDDOWN($C2471/24,0)+1,1))-1)+IF('Standard Profiles'!$G$21=$B$10,7,0)+IF('Standard Profiles'!$G$21=$B$17,14,0)+IF('Standard Profiles'!$G$21=$B$24,21,0),MOD($C2471,24)+1)/SUM(INDEX($D$3:$AA$30,INDEX(Jesper!$R$2:$R$366,ROW(INDEX(Jesper!AK$2:AK$366,ROUNDDOWN($C2471/24,0)+1,1))-1)+IF('Standard Profiles'!$G$21=$B$10,7,0)+IF('Standard Profiles'!$G$21=$B$17,14,0)+IF('Standard Profiles'!$G$21=$B$24,21,0),0)),0)</f>
        <v>0</v>
      </c>
      <c r="H2471" cm="1">
        <f t="array" ref="H2471">IFERROR(INDEX(Jesper!AL$2:AL$366,ROUNDDOWN($C2471/24,0)+1,1)*INDEX($D$3:$AA$30,INDEX(Jesper!$R$2:$R$366,ROW(INDEX(Jesper!AL$2:AL$366,ROUNDDOWN($C2471/24,0)+1,1))-1)+IF('Standard Profiles'!$G$22=$B$10,7,0)+IF('Standard Profiles'!$G$22=$B$17,14,0)+IF('Standard Profiles'!$G$22=$B$24,21,0),MOD($C2471,24)+1)/SUM(INDEX($D$3:$AA$30,INDEX(Jesper!$R$2:$R$366,ROW(INDEX(Jesper!AL$2:AL$366,ROUNDDOWN($C2471/24,0)+1,1))-1)+IF('Standard Profiles'!$G$22=$B$10,7,0)+IF('Standard Profiles'!$G$22=$B$17,14,0)+IF('Standard Profiles'!$G$22=$B$24,21,0),0)),0)</f>
        <v>0</v>
      </c>
      <c r="I2471">
        <f t="shared" si="286"/>
        <v>0.43352707536949803</v>
      </c>
      <c r="J2471">
        <f t="shared" si="287"/>
        <v>1.4450902512316601</v>
      </c>
      <c r="K2471">
        <f t="shared" si="288"/>
        <v>2.1676353768474899</v>
      </c>
      <c r="L2471">
        <f t="shared" si="289"/>
        <v>10.404649808867953</v>
      </c>
      <c r="M2471">
        <f t="shared" si="290"/>
        <v>0</v>
      </c>
      <c r="N2471" s="46">
        <f t="shared" si="291"/>
        <v>45393.541666660756</v>
      </c>
    </row>
    <row r="2472" spans="2:14" x14ac:dyDescent="0.3">
      <c r="B2472">
        <f t="shared" si="285"/>
        <v>4</v>
      </c>
      <c r="C2472" s="16">
        <v>2438</v>
      </c>
      <c r="D2472" cm="1">
        <f t="array" ref="D2472">IFERROR(INDEX(Jesper!AH$2:AH$366,ROUNDDOWN($C2472/24,0)+1,1)*INDEX($D$3:$AA$30,INDEX(Jesper!$R$2:$R$366,ROW(INDEX(Jesper!AH$2:AH$366,ROUNDDOWN($C2472/24,0)+1,1))-1)+IF('Standard Profiles'!$G$18=$B$10,7,0)+IF('Standard Profiles'!$G$18=$B$17,14,0)+IF('Standard Profiles'!$G$18=$B$24,21,0),MOD($C2472,24)+1)/SUM(INDEX($D$3:$AA$30,INDEX(Jesper!$R$2:$R$366,ROW(INDEX(Jesper!AH$2:AH$366,ROUNDDOWN($C2472/24,0)+1,1))-1)+IF('Standard Profiles'!$G$18=$B$10,7,0)+IF('Standard Profiles'!$G$18=$B$17,14,0)+IF('Standard Profiles'!$G$18=$B$24,21,0),0)),0)</f>
        <v>14.450902512316601</v>
      </c>
      <c r="E2472" cm="1">
        <f t="array" ref="E2472">IFERROR(INDEX(Jesper!AI$2:AI$366,ROUNDDOWN($C2472/24,0)+1,1)*INDEX($D$3:$AA$30,INDEX(Jesper!$R$2:$R$366,ROW(INDEX(Jesper!AI$2:AI$366,ROUNDDOWN($C2472/24,0)+1,1))-1)+IF('Standard Profiles'!$G$19=$B$10,7,0)+IF('Standard Profiles'!$G$19=$B$17,14,0)+IF('Standard Profiles'!$G$19=$B$24,21,0),MOD($C2472,24)+1)/SUM(INDEX($D$3:$AA$30,INDEX(Jesper!$R$2:$R$366,ROW(INDEX(Jesper!AI$2:AI$366,ROUNDDOWN($C2472/24,0)+1,1))-1)+IF('Standard Profiles'!$G$19=$B$10,7,0)+IF('Standard Profiles'!$G$19=$B$17,14,0)+IF('Standard Profiles'!$G$19=$B$24,21,0),0)),0)</f>
        <v>0</v>
      </c>
      <c r="F2472" cm="1">
        <f t="array" ref="F2472">IFERROR(INDEX(Jesper!AJ$2:AJ$366,ROUNDDOWN($C2472/24,0)+1,1)*INDEX($D$3:$AA$30,INDEX(Jesper!$R$2:$R$366,ROW(INDEX(Jesper!AJ$2:AJ$366,ROUNDDOWN($C2472/24,0)+1,1))-1)+IF('Standard Profiles'!$G$20=$B$10,7,0)+IF('Standard Profiles'!$G$20=$B$17,14,0)+IF('Standard Profiles'!$G$20=$B$24,21,0),MOD($C2472,24)+1)/SUM(INDEX($D$3:$AA$30,INDEX(Jesper!$R$2:$R$366,ROW(INDEX(Jesper!AJ$2:AJ$366,ROUNDDOWN($C2472/24,0)+1,1))-1)+IF('Standard Profiles'!$G$20=$B$10,7,0)+IF('Standard Profiles'!$G$20=$B$17,14,0)+IF('Standard Profiles'!$G$20=$B$24,21,0),0)),0)</f>
        <v>0</v>
      </c>
      <c r="G2472" cm="1">
        <f t="array" ref="G2472">IFERROR(INDEX(Jesper!AK$2:AK$366,ROUNDDOWN($C2472/24,0)+1,1)*INDEX($D$3:$AA$30,INDEX(Jesper!$R$2:$R$366,ROW(INDEX(Jesper!AK$2:AK$366,ROUNDDOWN($C2472/24,0)+1,1))-1)+IF('Standard Profiles'!$G$21=$B$10,7,0)+IF('Standard Profiles'!$G$21=$B$17,14,0)+IF('Standard Profiles'!$G$21=$B$24,21,0),MOD($C2472,24)+1)/SUM(INDEX($D$3:$AA$30,INDEX(Jesper!$R$2:$R$366,ROW(INDEX(Jesper!AK$2:AK$366,ROUNDDOWN($C2472/24,0)+1,1))-1)+IF('Standard Profiles'!$G$21=$B$10,7,0)+IF('Standard Profiles'!$G$21=$B$17,14,0)+IF('Standard Profiles'!$G$21=$B$24,21,0),0)),0)</f>
        <v>0</v>
      </c>
      <c r="H2472" cm="1">
        <f t="array" ref="H2472">IFERROR(INDEX(Jesper!AL$2:AL$366,ROUNDDOWN($C2472/24,0)+1,1)*INDEX($D$3:$AA$30,INDEX(Jesper!$R$2:$R$366,ROW(INDEX(Jesper!AL$2:AL$366,ROUNDDOWN($C2472/24,0)+1,1))-1)+IF('Standard Profiles'!$G$22=$B$10,7,0)+IF('Standard Profiles'!$G$22=$B$17,14,0)+IF('Standard Profiles'!$G$22=$B$24,21,0),MOD($C2472,24)+1)/SUM(INDEX($D$3:$AA$30,INDEX(Jesper!$R$2:$R$366,ROW(INDEX(Jesper!AL$2:AL$366,ROUNDDOWN($C2472/24,0)+1,1))-1)+IF('Standard Profiles'!$G$22=$B$10,7,0)+IF('Standard Profiles'!$G$22=$B$17,14,0)+IF('Standard Profiles'!$G$22=$B$24,21,0),0)),0)</f>
        <v>0</v>
      </c>
      <c r="I2472">
        <f t="shared" si="286"/>
        <v>0.43352707536949803</v>
      </c>
      <c r="J2472">
        <f t="shared" si="287"/>
        <v>1.4450902512316601</v>
      </c>
      <c r="K2472">
        <f t="shared" si="288"/>
        <v>2.1676353768474899</v>
      </c>
      <c r="L2472">
        <f t="shared" si="289"/>
        <v>10.404649808867953</v>
      </c>
      <c r="M2472">
        <f t="shared" si="290"/>
        <v>0</v>
      </c>
      <c r="N2472" s="46">
        <f t="shared" si="291"/>
        <v>45393.58333332742</v>
      </c>
    </row>
    <row r="2473" spans="2:14" x14ac:dyDescent="0.3">
      <c r="B2473">
        <f t="shared" si="285"/>
        <v>4</v>
      </c>
      <c r="C2473" s="16">
        <v>2439</v>
      </c>
      <c r="D2473" cm="1">
        <f t="array" ref="D2473">IFERROR(INDEX(Jesper!AH$2:AH$366,ROUNDDOWN($C2473/24,0)+1,1)*INDEX($D$3:$AA$30,INDEX(Jesper!$R$2:$R$366,ROW(INDEX(Jesper!AH$2:AH$366,ROUNDDOWN($C2473/24,0)+1,1))-1)+IF('Standard Profiles'!$G$18=$B$10,7,0)+IF('Standard Profiles'!$G$18=$B$17,14,0)+IF('Standard Profiles'!$G$18=$B$24,21,0),MOD($C2473,24)+1)/SUM(INDEX($D$3:$AA$30,INDEX(Jesper!$R$2:$R$366,ROW(INDEX(Jesper!AH$2:AH$366,ROUNDDOWN($C2473/24,0)+1,1))-1)+IF('Standard Profiles'!$G$18=$B$10,7,0)+IF('Standard Profiles'!$G$18=$B$17,14,0)+IF('Standard Profiles'!$G$18=$B$24,21,0),0)),0)</f>
        <v>14.450902512316601</v>
      </c>
      <c r="E2473" cm="1">
        <f t="array" ref="E2473">IFERROR(INDEX(Jesper!AI$2:AI$366,ROUNDDOWN($C2473/24,0)+1,1)*INDEX($D$3:$AA$30,INDEX(Jesper!$R$2:$R$366,ROW(INDEX(Jesper!AI$2:AI$366,ROUNDDOWN($C2473/24,0)+1,1))-1)+IF('Standard Profiles'!$G$19=$B$10,7,0)+IF('Standard Profiles'!$G$19=$B$17,14,0)+IF('Standard Profiles'!$G$19=$B$24,21,0),MOD($C2473,24)+1)/SUM(INDEX($D$3:$AA$30,INDEX(Jesper!$R$2:$R$366,ROW(INDEX(Jesper!AI$2:AI$366,ROUNDDOWN($C2473/24,0)+1,1))-1)+IF('Standard Profiles'!$G$19=$B$10,7,0)+IF('Standard Profiles'!$G$19=$B$17,14,0)+IF('Standard Profiles'!$G$19=$B$24,21,0),0)),0)</f>
        <v>0</v>
      </c>
      <c r="F2473" cm="1">
        <f t="array" ref="F2473">IFERROR(INDEX(Jesper!AJ$2:AJ$366,ROUNDDOWN($C2473/24,0)+1,1)*INDEX($D$3:$AA$30,INDEX(Jesper!$R$2:$R$366,ROW(INDEX(Jesper!AJ$2:AJ$366,ROUNDDOWN($C2473/24,0)+1,1))-1)+IF('Standard Profiles'!$G$20=$B$10,7,0)+IF('Standard Profiles'!$G$20=$B$17,14,0)+IF('Standard Profiles'!$G$20=$B$24,21,0),MOD($C2473,24)+1)/SUM(INDEX($D$3:$AA$30,INDEX(Jesper!$R$2:$R$366,ROW(INDEX(Jesper!AJ$2:AJ$366,ROUNDDOWN($C2473/24,0)+1,1))-1)+IF('Standard Profiles'!$G$20=$B$10,7,0)+IF('Standard Profiles'!$G$20=$B$17,14,0)+IF('Standard Profiles'!$G$20=$B$24,21,0),0)),0)</f>
        <v>0</v>
      </c>
      <c r="G2473" cm="1">
        <f t="array" ref="G2473">IFERROR(INDEX(Jesper!AK$2:AK$366,ROUNDDOWN($C2473/24,0)+1,1)*INDEX($D$3:$AA$30,INDEX(Jesper!$R$2:$R$366,ROW(INDEX(Jesper!AK$2:AK$366,ROUNDDOWN($C2473/24,0)+1,1))-1)+IF('Standard Profiles'!$G$21=$B$10,7,0)+IF('Standard Profiles'!$G$21=$B$17,14,0)+IF('Standard Profiles'!$G$21=$B$24,21,0),MOD($C2473,24)+1)/SUM(INDEX($D$3:$AA$30,INDEX(Jesper!$R$2:$R$366,ROW(INDEX(Jesper!AK$2:AK$366,ROUNDDOWN($C2473/24,0)+1,1))-1)+IF('Standard Profiles'!$G$21=$B$10,7,0)+IF('Standard Profiles'!$G$21=$B$17,14,0)+IF('Standard Profiles'!$G$21=$B$24,21,0),0)),0)</f>
        <v>0</v>
      </c>
      <c r="H2473" cm="1">
        <f t="array" ref="H2473">IFERROR(INDEX(Jesper!AL$2:AL$366,ROUNDDOWN($C2473/24,0)+1,1)*INDEX($D$3:$AA$30,INDEX(Jesper!$R$2:$R$366,ROW(INDEX(Jesper!AL$2:AL$366,ROUNDDOWN($C2473/24,0)+1,1))-1)+IF('Standard Profiles'!$G$22=$B$10,7,0)+IF('Standard Profiles'!$G$22=$B$17,14,0)+IF('Standard Profiles'!$G$22=$B$24,21,0),MOD($C2473,24)+1)/SUM(INDEX($D$3:$AA$30,INDEX(Jesper!$R$2:$R$366,ROW(INDEX(Jesper!AL$2:AL$366,ROUNDDOWN($C2473/24,0)+1,1))-1)+IF('Standard Profiles'!$G$22=$B$10,7,0)+IF('Standard Profiles'!$G$22=$B$17,14,0)+IF('Standard Profiles'!$G$22=$B$24,21,0),0)),0)</f>
        <v>0</v>
      </c>
      <c r="I2473">
        <f t="shared" si="286"/>
        <v>0.43352707536949803</v>
      </c>
      <c r="J2473">
        <f t="shared" si="287"/>
        <v>1.4450902512316601</v>
      </c>
      <c r="K2473">
        <f t="shared" si="288"/>
        <v>2.1676353768474899</v>
      </c>
      <c r="L2473">
        <f t="shared" si="289"/>
        <v>10.404649808867953</v>
      </c>
      <c r="M2473">
        <f t="shared" si="290"/>
        <v>0</v>
      </c>
      <c r="N2473" s="46">
        <f t="shared" si="291"/>
        <v>45393.624999994085</v>
      </c>
    </row>
    <row r="2474" spans="2:14" x14ac:dyDescent="0.3">
      <c r="B2474">
        <f t="shared" si="285"/>
        <v>4</v>
      </c>
      <c r="C2474" s="16">
        <v>2440</v>
      </c>
      <c r="D2474" cm="1">
        <f t="array" ref="D2474">IFERROR(INDEX(Jesper!AH$2:AH$366,ROUNDDOWN($C2474/24,0)+1,1)*INDEX($D$3:$AA$30,INDEX(Jesper!$R$2:$R$366,ROW(INDEX(Jesper!AH$2:AH$366,ROUNDDOWN($C2474/24,0)+1,1))-1)+IF('Standard Profiles'!$G$18=$B$10,7,0)+IF('Standard Profiles'!$G$18=$B$17,14,0)+IF('Standard Profiles'!$G$18=$B$24,21,0),MOD($C2474,24)+1)/SUM(INDEX($D$3:$AA$30,INDEX(Jesper!$R$2:$R$366,ROW(INDEX(Jesper!AH$2:AH$366,ROUNDDOWN($C2474/24,0)+1,1))-1)+IF('Standard Profiles'!$G$18=$B$10,7,0)+IF('Standard Profiles'!$G$18=$B$17,14,0)+IF('Standard Profiles'!$G$18=$B$24,21,0),0)),0)</f>
        <v>14.450902512316601</v>
      </c>
      <c r="E2474" cm="1">
        <f t="array" ref="E2474">IFERROR(INDEX(Jesper!AI$2:AI$366,ROUNDDOWN($C2474/24,0)+1,1)*INDEX($D$3:$AA$30,INDEX(Jesper!$R$2:$R$366,ROW(INDEX(Jesper!AI$2:AI$366,ROUNDDOWN($C2474/24,0)+1,1))-1)+IF('Standard Profiles'!$G$19=$B$10,7,0)+IF('Standard Profiles'!$G$19=$B$17,14,0)+IF('Standard Profiles'!$G$19=$B$24,21,0),MOD($C2474,24)+1)/SUM(INDEX($D$3:$AA$30,INDEX(Jesper!$R$2:$R$366,ROW(INDEX(Jesper!AI$2:AI$366,ROUNDDOWN($C2474/24,0)+1,1))-1)+IF('Standard Profiles'!$G$19=$B$10,7,0)+IF('Standard Profiles'!$G$19=$B$17,14,0)+IF('Standard Profiles'!$G$19=$B$24,21,0),0)),0)</f>
        <v>0</v>
      </c>
      <c r="F2474" cm="1">
        <f t="array" ref="F2474">IFERROR(INDEX(Jesper!AJ$2:AJ$366,ROUNDDOWN($C2474/24,0)+1,1)*INDEX($D$3:$AA$30,INDEX(Jesper!$R$2:$R$366,ROW(INDEX(Jesper!AJ$2:AJ$366,ROUNDDOWN($C2474/24,0)+1,1))-1)+IF('Standard Profiles'!$G$20=$B$10,7,0)+IF('Standard Profiles'!$G$20=$B$17,14,0)+IF('Standard Profiles'!$G$20=$B$24,21,0),MOD($C2474,24)+1)/SUM(INDEX($D$3:$AA$30,INDEX(Jesper!$R$2:$R$366,ROW(INDEX(Jesper!AJ$2:AJ$366,ROUNDDOWN($C2474/24,0)+1,1))-1)+IF('Standard Profiles'!$G$20=$B$10,7,0)+IF('Standard Profiles'!$G$20=$B$17,14,0)+IF('Standard Profiles'!$G$20=$B$24,21,0),0)),0)</f>
        <v>0</v>
      </c>
      <c r="G2474" cm="1">
        <f t="array" ref="G2474">IFERROR(INDEX(Jesper!AK$2:AK$366,ROUNDDOWN($C2474/24,0)+1,1)*INDEX($D$3:$AA$30,INDEX(Jesper!$R$2:$R$366,ROW(INDEX(Jesper!AK$2:AK$366,ROUNDDOWN($C2474/24,0)+1,1))-1)+IF('Standard Profiles'!$G$21=$B$10,7,0)+IF('Standard Profiles'!$G$21=$B$17,14,0)+IF('Standard Profiles'!$G$21=$B$24,21,0),MOD($C2474,24)+1)/SUM(INDEX($D$3:$AA$30,INDEX(Jesper!$R$2:$R$366,ROW(INDEX(Jesper!AK$2:AK$366,ROUNDDOWN($C2474/24,0)+1,1))-1)+IF('Standard Profiles'!$G$21=$B$10,7,0)+IF('Standard Profiles'!$G$21=$B$17,14,0)+IF('Standard Profiles'!$G$21=$B$24,21,0),0)),0)</f>
        <v>0</v>
      </c>
      <c r="H2474" cm="1">
        <f t="array" ref="H2474">IFERROR(INDEX(Jesper!AL$2:AL$366,ROUNDDOWN($C2474/24,0)+1,1)*INDEX($D$3:$AA$30,INDEX(Jesper!$R$2:$R$366,ROW(INDEX(Jesper!AL$2:AL$366,ROUNDDOWN($C2474/24,0)+1,1))-1)+IF('Standard Profiles'!$G$22=$B$10,7,0)+IF('Standard Profiles'!$G$22=$B$17,14,0)+IF('Standard Profiles'!$G$22=$B$24,21,0),MOD($C2474,24)+1)/SUM(INDEX($D$3:$AA$30,INDEX(Jesper!$R$2:$R$366,ROW(INDEX(Jesper!AL$2:AL$366,ROUNDDOWN($C2474/24,0)+1,1))-1)+IF('Standard Profiles'!$G$22=$B$10,7,0)+IF('Standard Profiles'!$G$22=$B$17,14,0)+IF('Standard Profiles'!$G$22=$B$24,21,0),0)),0)</f>
        <v>0</v>
      </c>
      <c r="I2474">
        <f t="shared" si="286"/>
        <v>0.43352707536949803</v>
      </c>
      <c r="J2474">
        <f t="shared" si="287"/>
        <v>1.4450902512316601</v>
      </c>
      <c r="K2474">
        <f t="shared" si="288"/>
        <v>2.1676353768474899</v>
      </c>
      <c r="L2474">
        <f t="shared" si="289"/>
        <v>10.404649808867953</v>
      </c>
      <c r="M2474">
        <f t="shared" si="290"/>
        <v>0</v>
      </c>
      <c r="N2474" s="46">
        <f t="shared" si="291"/>
        <v>45393.666666660749</v>
      </c>
    </row>
    <row r="2475" spans="2:14" x14ac:dyDescent="0.3">
      <c r="B2475">
        <f t="shared" si="285"/>
        <v>4</v>
      </c>
      <c r="C2475" s="16">
        <v>2441</v>
      </c>
      <c r="D2475" cm="1">
        <f t="array" ref="D2475">IFERROR(INDEX(Jesper!AH$2:AH$366,ROUNDDOWN($C2475/24,0)+1,1)*INDEX($D$3:$AA$30,INDEX(Jesper!$R$2:$R$366,ROW(INDEX(Jesper!AH$2:AH$366,ROUNDDOWN($C2475/24,0)+1,1))-1)+IF('Standard Profiles'!$G$18=$B$10,7,0)+IF('Standard Profiles'!$G$18=$B$17,14,0)+IF('Standard Profiles'!$G$18=$B$24,21,0),MOD($C2475,24)+1)/SUM(INDEX($D$3:$AA$30,INDEX(Jesper!$R$2:$R$366,ROW(INDEX(Jesper!AH$2:AH$366,ROUNDDOWN($C2475/24,0)+1,1))-1)+IF('Standard Profiles'!$G$18=$B$10,7,0)+IF('Standard Profiles'!$G$18=$B$17,14,0)+IF('Standard Profiles'!$G$18=$B$24,21,0),0)),0)</f>
        <v>14.450902512316601</v>
      </c>
      <c r="E2475" cm="1">
        <f t="array" ref="E2475">IFERROR(INDEX(Jesper!AI$2:AI$366,ROUNDDOWN($C2475/24,0)+1,1)*INDEX($D$3:$AA$30,INDEX(Jesper!$R$2:$R$366,ROW(INDEX(Jesper!AI$2:AI$366,ROUNDDOWN($C2475/24,0)+1,1))-1)+IF('Standard Profiles'!$G$19=$B$10,7,0)+IF('Standard Profiles'!$G$19=$B$17,14,0)+IF('Standard Profiles'!$G$19=$B$24,21,0),MOD($C2475,24)+1)/SUM(INDEX($D$3:$AA$30,INDEX(Jesper!$R$2:$R$366,ROW(INDEX(Jesper!AI$2:AI$366,ROUNDDOWN($C2475/24,0)+1,1))-1)+IF('Standard Profiles'!$G$19=$B$10,7,0)+IF('Standard Profiles'!$G$19=$B$17,14,0)+IF('Standard Profiles'!$G$19=$B$24,21,0),0)),0)</f>
        <v>0</v>
      </c>
      <c r="F2475" cm="1">
        <f t="array" ref="F2475">IFERROR(INDEX(Jesper!AJ$2:AJ$366,ROUNDDOWN($C2475/24,0)+1,1)*INDEX($D$3:$AA$30,INDEX(Jesper!$R$2:$R$366,ROW(INDEX(Jesper!AJ$2:AJ$366,ROUNDDOWN($C2475/24,0)+1,1))-1)+IF('Standard Profiles'!$G$20=$B$10,7,0)+IF('Standard Profiles'!$G$20=$B$17,14,0)+IF('Standard Profiles'!$G$20=$B$24,21,0),MOD($C2475,24)+1)/SUM(INDEX($D$3:$AA$30,INDEX(Jesper!$R$2:$R$366,ROW(INDEX(Jesper!AJ$2:AJ$366,ROUNDDOWN($C2475/24,0)+1,1))-1)+IF('Standard Profiles'!$G$20=$B$10,7,0)+IF('Standard Profiles'!$G$20=$B$17,14,0)+IF('Standard Profiles'!$G$20=$B$24,21,0),0)),0)</f>
        <v>0</v>
      </c>
      <c r="G2475" cm="1">
        <f t="array" ref="G2475">IFERROR(INDEX(Jesper!AK$2:AK$366,ROUNDDOWN($C2475/24,0)+1,1)*INDEX($D$3:$AA$30,INDEX(Jesper!$R$2:$R$366,ROW(INDEX(Jesper!AK$2:AK$366,ROUNDDOWN($C2475/24,0)+1,1))-1)+IF('Standard Profiles'!$G$21=$B$10,7,0)+IF('Standard Profiles'!$G$21=$B$17,14,0)+IF('Standard Profiles'!$G$21=$B$24,21,0),MOD($C2475,24)+1)/SUM(INDEX($D$3:$AA$30,INDEX(Jesper!$R$2:$R$366,ROW(INDEX(Jesper!AK$2:AK$366,ROUNDDOWN($C2475/24,0)+1,1))-1)+IF('Standard Profiles'!$G$21=$B$10,7,0)+IF('Standard Profiles'!$G$21=$B$17,14,0)+IF('Standard Profiles'!$G$21=$B$24,21,0),0)),0)</f>
        <v>0</v>
      </c>
      <c r="H2475" cm="1">
        <f t="array" ref="H2475">IFERROR(INDEX(Jesper!AL$2:AL$366,ROUNDDOWN($C2475/24,0)+1,1)*INDEX($D$3:$AA$30,INDEX(Jesper!$R$2:$R$366,ROW(INDEX(Jesper!AL$2:AL$366,ROUNDDOWN($C2475/24,0)+1,1))-1)+IF('Standard Profiles'!$G$22=$B$10,7,0)+IF('Standard Profiles'!$G$22=$B$17,14,0)+IF('Standard Profiles'!$G$22=$B$24,21,0),MOD($C2475,24)+1)/SUM(INDEX($D$3:$AA$30,INDEX(Jesper!$R$2:$R$366,ROW(INDEX(Jesper!AL$2:AL$366,ROUNDDOWN($C2475/24,0)+1,1))-1)+IF('Standard Profiles'!$G$22=$B$10,7,0)+IF('Standard Profiles'!$G$22=$B$17,14,0)+IF('Standard Profiles'!$G$22=$B$24,21,0),0)),0)</f>
        <v>0</v>
      </c>
      <c r="I2475">
        <f t="shared" si="286"/>
        <v>0.43352707536949803</v>
      </c>
      <c r="J2475">
        <f t="shared" si="287"/>
        <v>1.4450902512316601</v>
      </c>
      <c r="K2475">
        <f t="shared" si="288"/>
        <v>2.1676353768474899</v>
      </c>
      <c r="L2475">
        <f t="shared" si="289"/>
        <v>10.404649808867953</v>
      </c>
      <c r="M2475">
        <f t="shared" si="290"/>
        <v>0</v>
      </c>
      <c r="N2475" s="46">
        <f t="shared" si="291"/>
        <v>45393.708333327413</v>
      </c>
    </row>
    <row r="2476" spans="2:14" x14ac:dyDescent="0.3">
      <c r="B2476">
        <f t="shared" si="285"/>
        <v>4</v>
      </c>
      <c r="C2476" s="16">
        <v>2442</v>
      </c>
      <c r="D2476" cm="1">
        <f t="array" ref="D2476">IFERROR(INDEX(Jesper!AH$2:AH$366,ROUNDDOWN($C2476/24,0)+1,1)*INDEX($D$3:$AA$30,INDEX(Jesper!$R$2:$R$366,ROW(INDEX(Jesper!AH$2:AH$366,ROUNDDOWN($C2476/24,0)+1,1))-1)+IF('Standard Profiles'!$G$18=$B$10,7,0)+IF('Standard Profiles'!$G$18=$B$17,14,0)+IF('Standard Profiles'!$G$18=$B$24,21,0),MOD($C2476,24)+1)/SUM(INDEX($D$3:$AA$30,INDEX(Jesper!$R$2:$R$366,ROW(INDEX(Jesper!AH$2:AH$366,ROUNDDOWN($C2476/24,0)+1,1))-1)+IF('Standard Profiles'!$G$18=$B$10,7,0)+IF('Standard Profiles'!$G$18=$B$17,14,0)+IF('Standard Profiles'!$G$18=$B$24,21,0),0)),0)</f>
        <v>14.450902512316601</v>
      </c>
      <c r="E2476" cm="1">
        <f t="array" ref="E2476">IFERROR(INDEX(Jesper!AI$2:AI$366,ROUNDDOWN($C2476/24,0)+1,1)*INDEX($D$3:$AA$30,INDEX(Jesper!$R$2:$R$366,ROW(INDEX(Jesper!AI$2:AI$366,ROUNDDOWN($C2476/24,0)+1,1))-1)+IF('Standard Profiles'!$G$19=$B$10,7,0)+IF('Standard Profiles'!$G$19=$B$17,14,0)+IF('Standard Profiles'!$G$19=$B$24,21,0),MOD($C2476,24)+1)/SUM(INDEX($D$3:$AA$30,INDEX(Jesper!$R$2:$R$366,ROW(INDEX(Jesper!AI$2:AI$366,ROUNDDOWN($C2476/24,0)+1,1))-1)+IF('Standard Profiles'!$G$19=$B$10,7,0)+IF('Standard Profiles'!$G$19=$B$17,14,0)+IF('Standard Profiles'!$G$19=$B$24,21,0),0)),0)</f>
        <v>0</v>
      </c>
      <c r="F2476" cm="1">
        <f t="array" ref="F2476">IFERROR(INDEX(Jesper!AJ$2:AJ$366,ROUNDDOWN($C2476/24,0)+1,1)*INDEX($D$3:$AA$30,INDEX(Jesper!$R$2:$R$366,ROW(INDEX(Jesper!AJ$2:AJ$366,ROUNDDOWN($C2476/24,0)+1,1))-1)+IF('Standard Profiles'!$G$20=$B$10,7,0)+IF('Standard Profiles'!$G$20=$B$17,14,0)+IF('Standard Profiles'!$G$20=$B$24,21,0),MOD($C2476,24)+1)/SUM(INDEX($D$3:$AA$30,INDEX(Jesper!$R$2:$R$366,ROW(INDEX(Jesper!AJ$2:AJ$366,ROUNDDOWN($C2476/24,0)+1,1))-1)+IF('Standard Profiles'!$G$20=$B$10,7,0)+IF('Standard Profiles'!$G$20=$B$17,14,0)+IF('Standard Profiles'!$G$20=$B$24,21,0),0)),0)</f>
        <v>0</v>
      </c>
      <c r="G2476" cm="1">
        <f t="array" ref="G2476">IFERROR(INDEX(Jesper!AK$2:AK$366,ROUNDDOWN($C2476/24,0)+1,1)*INDEX($D$3:$AA$30,INDEX(Jesper!$R$2:$R$366,ROW(INDEX(Jesper!AK$2:AK$366,ROUNDDOWN($C2476/24,0)+1,1))-1)+IF('Standard Profiles'!$G$21=$B$10,7,0)+IF('Standard Profiles'!$G$21=$B$17,14,0)+IF('Standard Profiles'!$G$21=$B$24,21,0),MOD($C2476,24)+1)/SUM(INDEX($D$3:$AA$30,INDEX(Jesper!$R$2:$R$366,ROW(INDEX(Jesper!AK$2:AK$366,ROUNDDOWN($C2476/24,0)+1,1))-1)+IF('Standard Profiles'!$G$21=$B$10,7,0)+IF('Standard Profiles'!$G$21=$B$17,14,0)+IF('Standard Profiles'!$G$21=$B$24,21,0),0)),0)</f>
        <v>0</v>
      </c>
      <c r="H2476" cm="1">
        <f t="array" ref="H2476">IFERROR(INDEX(Jesper!AL$2:AL$366,ROUNDDOWN($C2476/24,0)+1,1)*INDEX($D$3:$AA$30,INDEX(Jesper!$R$2:$R$366,ROW(INDEX(Jesper!AL$2:AL$366,ROUNDDOWN($C2476/24,0)+1,1))-1)+IF('Standard Profiles'!$G$22=$B$10,7,0)+IF('Standard Profiles'!$G$22=$B$17,14,0)+IF('Standard Profiles'!$G$22=$B$24,21,0),MOD($C2476,24)+1)/SUM(INDEX($D$3:$AA$30,INDEX(Jesper!$R$2:$R$366,ROW(INDEX(Jesper!AL$2:AL$366,ROUNDDOWN($C2476/24,0)+1,1))-1)+IF('Standard Profiles'!$G$22=$B$10,7,0)+IF('Standard Profiles'!$G$22=$B$17,14,0)+IF('Standard Profiles'!$G$22=$B$24,21,0),0)),0)</f>
        <v>0</v>
      </c>
      <c r="I2476">
        <f t="shared" si="286"/>
        <v>0.43352707536949803</v>
      </c>
      <c r="J2476">
        <f t="shared" si="287"/>
        <v>1.4450902512316601</v>
      </c>
      <c r="K2476">
        <f t="shared" si="288"/>
        <v>2.1676353768474899</v>
      </c>
      <c r="L2476">
        <f t="shared" si="289"/>
        <v>10.404649808867953</v>
      </c>
      <c r="M2476">
        <f t="shared" si="290"/>
        <v>0</v>
      </c>
      <c r="N2476" s="46">
        <f t="shared" si="291"/>
        <v>45393.749999994077</v>
      </c>
    </row>
    <row r="2477" spans="2:14" x14ac:dyDescent="0.3">
      <c r="B2477">
        <f t="shared" si="285"/>
        <v>4</v>
      </c>
      <c r="C2477" s="16">
        <v>2443</v>
      </c>
      <c r="D2477" cm="1">
        <f t="array" ref="D2477">IFERROR(INDEX(Jesper!AH$2:AH$366,ROUNDDOWN($C2477/24,0)+1,1)*INDEX($D$3:$AA$30,INDEX(Jesper!$R$2:$R$366,ROW(INDEX(Jesper!AH$2:AH$366,ROUNDDOWN($C2477/24,0)+1,1))-1)+IF('Standard Profiles'!$G$18=$B$10,7,0)+IF('Standard Profiles'!$G$18=$B$17,14,0)+IF('Standard Profiles'!$G$18=$B$24,21,0),MOD($C2477,24)+1)/SUM(INDEX($D$3:$AA$30,INDEX(Jesper!$R$2:$R$366,ROW(INDEX(Jesper!AH$2:AH$366,ROUNDDOWN($C2477/24,0)+1,1))-1)+IF('Standard Profiles'!$G$18=$B$10,7,0)+IF('Standard Profiles'!$G$18=$B$17,14,0)+IF('Standard Profiles'!$G$18=$B$24,21,0),0)),0)</f>
        <v>12.042418760263836</v>
      </c>
      <c r="E2477" cm="1">
        <f t="array" ref="E2477">IFERROR(INDEX(Jesper!AI$2:AI$366,ROUNDDOWN($C2477/24,0)+1,1)*INDEX($D$3:$AA$30,INDEX(Jesper!$R$2:$R$366,ROW(INDEX(Jesper!AI$2:AI$366,ROUNDDOWN($C2477/24,0)+1,1))-1)+IF('Standard Profiles'!$G$19=$B$10,7,0)+IF('Standard Profiles'!$G$19=$B$17,14,0)+IF('Standard Profiles'!$G$19=$B$24,21,0),MOD($C2477,24)+1)/SUM(INDEX($D$3:$AA$30,INDEX(Jesper!$R$2:$R$366,ROW(INDEX(Jesper!AI$2:AI$366,ROUNDDOWN($C2477/24,0)+1,1))-1)+IF('Standard Profiles'!$G$19=$B$10,7,0)+IF('Standard Profiles'!$G$19=$B$17,14,0)+IF('Standard Profiles'!$G$19=$B$24,21,0),0)),0)</f>
        <v>0</v>
      </c>
      <c r="F2477" cm="1">
        <f t="array" ref="F2477">IFERROR(INDEX(Jesper!AJ$2:AJ$366,ROUNDDOWN($C2477/24,0)+1,1)*INDEX($D$3:$AA$30,INDEX(Jesper!$R$2:$R$366,ROW(INDEX(Jesper!AJ$2:AJ$366,ROUNDDOWN($C2477/24,0)+1,1))-1)+IF('Standard Profiles'!$G$20=$B$10,7,0)+IF('Standard Profiles'!$G$20=$B$17,14,0)+IF('Standard Profiles'!$G$20=$B$24,21,0),MOD($C2477,24)+1)/SUM(INDEX($D$3:$AA$30,INDEX(Jesper!$R$2:$R$366,ROW(INDEX(Jesper!AJ$2:AJ$366,ROUNDDOWN($C2477/24,0)+1,1))-1)+IF('Standard Profiles'!$G$20=$B$10,7,0)+IF('Standard Profiles'!$G$20=$B$17,14,0)+IF('Standard Profiles'!$G$20=$B$24,21,0),0)),0)</f>
        <v>0</v>
      </c>
      <c r="G2477" cm="1">
        <f t="array" ref="G2477">IFERROR(INDEX(Jesper!AK$2:AK$366,ROUNDDOWN($C2477/24,0)+1,1)*INDEX($D$3:$AA$30,INDEX(Jesper!$R$2:$R$366,ROW(INDEX(Jesper!AK$2:AK$366,ROUNDDOWN($C2477/24,0)+1,1))-1)+IF('Standard Profiles'!$G$21=$B$10,7,0)+IF('Standard Profiles'!$G$21=$B$17,14,0)+IF('Standard Profiles'!$G$21=$B$24,21,0),MOD($C2477,24)+1)/SUM(INDEX($D$3:$AA$30,INDEX(Jesper!$R$2:$R$366,ROW(INDEX(Jesper!AK$2:AK$366,ROUNDDOWN($C2477/24,0)+1,1))-1)+IF('Standard Profiles'!$G$21=$B$10,7,0)+IF('Standard Profiles'!$G$21=$B$17,14,0)+IF('Standard Profiles'!$G$21=$B$24,21,0),0)),0)</f>
        <v>0</v>
      </c>
      <c r="H2477" cm="1">
        <f t="array" ref="H2477">IFERROR(INDEX(Jesper!AL$2:AL$366,ROUNDDOWN($C2477/24,0)+1,1)*INDEX($D$3:$AA$30,INDEX(Jesper!$R$2:$R$366,ROW(INDEX(Jesper!AL$2:AL$366,ROUNDDOWN($C2477/24,0)+1,1))-1)+IF('Standard Profiles'!$G$22=$B$10,7,0)+IF('Standard Profiles'!$G$22=$B$17,14,0)+IF('Standard Profiles'!$G$22=$B$24,21,0),MOD($C2477,24)+1)/SUM(INDEX($D$3:$AA$30,INDEX(Jesper!$R$2:$R$366,ROW(INDEX(Jesper!AL$2:AL$366,ROUNDDOWN($C2477/24,0)+1,1))-1)+IF('Standard Profiles'!$G$22=$B$10,7,0)+IF('Standard Profiles'!$G$22=$B$17,14,0)+IF('Standard Profiles'!$G$22=$B$24,21,0),0)),0)</f>
        <v>0</v>
      </c>
      <c r="I2477">
        <f t="shared" si="286"/>
        <v>0.36127256280791503</v>
      </c>
      <c r="J2477">
        <f t="shared" si="287"/>
        <v>1.2042418760263836</v>
      </c>
      <c r="K2477">
        <f t="shared" si="288"/>
        <v>1.8063628140395753</v>
      </c>
      <c r="L2477">
        <f t="shared" si="289"/>
        <v>8.6705415073899612</v>
      </c>
      <c r="M2477">
        <f t="shared" si="290"/>
        <v>0</v>
      </c>
      <c r="N2477" s="46">
        <f t="shared" si="291"/>
        <v>45393.791666660742</v>
      </c>
    </row>
    <row r="2478" spans="2:14" x14ac:dyDescent="0.3">
      <c r="B2478">
        <f t="shared" si="285"/>
        <v>4</v>
      </c>
      <c r="C2478" s="16">
        <v>2444</v>
      </c>
      <c r="D2478" cm="1">
        <f t="array" ref="D2478">IFERROR(INDEX(Jesper!AH$2:AH$366,ROUNDDOWN($C2478/24,0)+1,1)*INDEX($D$3:$AA$30,INDEX(Jesper!$R$2:$R$366,ROW(INDEX(Jesper!AH$2:AH$366,ROUNDDOWN($C2478/24,0)+1,1))-1)+IF('Standard Profiles'!$G$18=$B$10,7,0)+IF('Standard Profiles'!$G$18=$B$17,14,0)+IF('Standard Profiles'!$G$18=$B$24,21,0),MOD($C2478,24)+1)/SUM(INDEX($D$3:$AA$30,INDEX(Jesper!$R$2:$R$366,ROW(INDEX(Jesper!AH$2:AH$366,ROUNDDOWN($C2478/24,0)+1,1))-1)+IF('Standard Profiles'!$G$18=$B$10,7,0)+IF('Standard Profiles'!$G$18=$B$17,14,0)+IF('Standard Profiles'!$G$18=$B$24,21,0),0)),0)</f>
        <v>9.6339350082110684</v>
      </c>
      <c r="E2478" cm="1">
        <f t="array" ref="E2478">IFERROR(INDEX(Jesper!AI$2:AI$366,ROUNDDOWN($C2478/24,0)+1,1)*INDEX($D$3:$AA$30,INDEX(Jesper!$R$2:$R$366,ROW(INDEX(Jesper!AI$2:AI$366,ROUNDDOWN($C2478/24,0)+1,1))-1)+IF('Standard Profiles'!$G$19=$B$10,7,0)+IF('Standard Profiles'!$G$19=$B$17,14,0)+IF('Standard Profiles'!$G$19=$B$24,21,0),MOD($C2478,24)+1)/SUM(INDEX($D$3:$AA$30,INDEX(Jesper!$R$2:$R$366,ROW(INDEX(Jesper!AI$2:AI$366,ROUNDDOWN($C2478/24,0)+1,1))-1)+IF('Standard Profiles'!$G$19=$B$10,7,0)+IF('Standard Profiles'!$G$19=$B$17,14,0)+IF('Standard Profiles'!$G$19=$B$24,21,0),0)),0)</f>
        <v>0</v>
      </c>
      <c r="F2478" cm="1">
        <f t="array" ref="F2478">IFERROR(INDEX(Jesper!AJ$2:AJ$366,ROUNDDOWN($C2478/24,0)+1,1)*INDEX($D$3:$AA$30,INDEX(Jesper!$R$2:$R$366,ROW(INDEX(Jesper!AJ$2:AJ$366,ROUNDDOWN($C2478/24,0)+1,1))-1)+IF('Standard Profiles'!$G$20=$B$10,7,0)+IF('Standard Profiles'!$G$20=$B$17,14,0)+IF('Standard Profiles'!$G$20=$B$24,21,0),MOD($C2478,24)+1)/SUM(INDEX($D$3:$AA$30,INDEX(Jesper!$R$2:$R$366,ROW(INDEX(Jesper!AJ$2:AJ$366,ROUNDDOWN($C2478/24,0)+1,1))-1)+IF('Standard Profiles'!$G$20=$B$10,7,0)+IF('Standard Profiles'!$G$20=$B$17,14,0)+IF('Standard Profiles'!$G$20=$B$24,21,0),0)),0)</f>
        <v>0</v>
      </c>
      <c r="G2478" cm="1">
        <f t="array" ref="G2478">IFERROR(INDEX(Jesper!AK$2:AK$366,ROUNDDOWN($C2478/24,0)+1,1)*INDEX($D$3:$AA$30,INDEX(Jesper!$R$2:$R$366,ROW(INDEX(Jesper!AK$2:AK$366,ROUNDDOWN($C2478/24,0)+1,1))-1)+IF('Standard Profiles'!$G$21=$B$10,7,0)+IF('Standard Profiles'!$G$21=$B$17,14,0)+IF('Standard Profiles'!$G$21=$B$24,21,0),MOD($C2478,24)+1)/SUM(INDEX($D$3:$AA$30,INDEX(Jesper!$R$2:$R$366,ROW(INDEX(Jesper!AK$2:AK$366,ROUNDDOWN($C2478/24,0)+1,1))-1)+IF('Standard Profiles'!$G$21=$B$10,7,0)+IF('Standard Profiles'!$G$21=$B$17,14,0)+IF('Standard Profiles'!$G$21=$B$24,21,0),0)),0)</f>
        <v>0</v>
      </c>
      <c r="H2478" cm="1">
        <f t="array" ref="H2478">IFERROR(INDEX(Jesper!AL$2:AL$366,ROUNDDOWN($C2478/24,0)+1,1)*INDEX($D$3:$AA$30,INDEX(Jesper!$R$2:$R$366,ROW(INDEX(Jesper!AL$2:AL$366,ROUNDDOWN($C2478/24,0)+1,1))-1)+IF('Standard Profiles'!$G$22=$B$10,7,0)+IF('Standard Profiles'!$G$22=$B$17,14,0)+IF('Standard Profiles'!$G$22=$B$24,21,0),MOD($C2478,24)+1)/SUM(INDEX($D$3:$AA$30,INDEX(Jesper!$R$2:$R$366,ROW(INDEX(Jesper!AL$2:AL$366,ROUNDDOWN($C2478/24,0)+1,1))-1)+IF('Standard Profiles'!$G$22=$B$10,7,0)+IF('Standard Profiles'!$G$22=$B$17,14,0)+IF('Standard Profiles'!$G$22=$B$24,21,0),0)),0)</f>
        <v>0</v>
      </c>
      <c r="I2478">
        <f t="shared" si="286"/>
        <v>0.28901805024633204</v>
      </c>
      <c r="J2478">
        <f t="shared" si="287"/>
        <v>0.96339350082110686</v>
      </c>
      <c r="K2478">
        <f t="shared" si="288"/>
        <v>1.4450902512316601</v>
      </c>
      <c r="L2478">
        <f t="shared" si="289"/>
        <v>6.9364332059119693</v>
      </c>
      <c r="M2478">
        <f t="shared" si="290"/>
        <v>0</v>
      </c>
      <c r="N2478" s="46">
        <f t="shared" si="291"/>
        <v>45393.833333327406</v>
      </c>
    </row>
    <row r="2479" spans="2:14" x14ac:dyDescent="0.3">
      <c r="B2479">
        <f t="shared" si="285"/>
        <v>4</v>
      </c>
      <c r="C2479" s="16">
        <v>2445</v>
      </c>
      <c r="D2479" cm="1">
        <f t="array" ref="D2479">IFERROR(INDEX(Jesper!AH$2:AH$366,ROUNDDOWN($C2479/24,0)+1,1)*INDEX($D$3:$AA$30,INDEX(Jesper!$R$2:$R$366,ROW(INDEX(Jesper!AH$2:AH$366,ROUNDDOWN($C2479/24,0)+1,1))-1)+IF('Standard Profiles'!$G$18=$B$10,7,0)+IF('Standard Profiles'!$G$18=$B$17,14,0)+IF('Standard Profiles'!$G$18=$B$24,21,0),MOD($C2479,24)+1)/SUM(INDEX($D$3:$AA$30,INDEX(Jesper!$R$2:$R$366,ROW(INDEX(Jesper!AH$2:AH$366,ROUNDDOWN($C2479/24,0)+1,1))-1)+IF('Standard Profiles'!$G$18=$B$10,7,0)+IF('Standard Profiles'!$G$18=$B$17,14,0)+IF('Standard Profiles'!$G$18=$B$24,21,0),0)),0)</f>
        <v>7.2254512561583004</v>
      </c>
      <c r="E2479" cm="1">
        <f t="array" ref="E2479">IFERROR(INDEX(Jesper!AI$2:AI$366,ROUNDDOWN($C2479/24,0)+1,1)*INDEX($D$3:$AA$30,INDEX(Jesper!$R$2:$R$366,ROW(INDEX(Jesper!AI$2:AI$366,ROUNDDOWN($C2479/24,0)+1,1))-1)+IF('Standard Profiles'!$G$19=$B$10,7,0)+IF('Standard Profiles'!$G$19=$B$17,14,0)+IF('Standard Profiles'!$G$19=$B$24,21,0),MOD($C2479,24)+1)/SUM(INDEX($D$3:$AA$30,INDEX(Jesper!$R$2:$R$366,ROW(INDEX(Jesper!AI$2:AI$366,ROUNDDOWN($C2479/24,0)+1,1))-1)+IF('Standard Profiles'!$G$19=$B$10,7,0)+IF('Standard Profiles'!$G$19=$B$17,14,0)+IF('Standard Profiles'!$G$19=$B$24,21,0),0)),0)</f>
        <v>0</v>
      </c>
      <c r="F2479" cm="1">
        <f t="array" ref="F2479">IFERROR(INDEX(Jesper!AJ$2:AJ$366,ROUNDDOWN($C2479/24,0)+1,1)*INDEX($D$3:$AA$30,INDEX(Jesper!$R$2:$R$366,ROW(INDEX(Jesper!AJ$2:AJ$366,ROUNDDOWN($C2479/24,0)+1,1))-1)+IF('Standard Profiles'!$G$20=$B$10,7,0)+IF('Standard Profiles'!$G$20=$B$17,14,0)+IF('Standard Profiles'!$G$20=$B$24,21,0),MOD($C2479,24)+1)/SUM(INDEX($D$3:$AA$30,INDEX(Jesper!$R$2:$R$366,ROW(INDEX(Jesper!AJ$2:AJ$366,ROUNDDOWN($C2479/24,0)+1,1))-1)+IF('Standard Profiles'!$G$20=$B$10,7,0)+IF('Standard Profiles'!$G$20=$B$17,14,0)+IF('Standard Profiles'!$G$20=$B$24,21,0),0)),0)</f>
        <v>0</v>
      </c>
      <c r="G2479" cm="1">
        <f t="array" ref="G2479">IFERROR(INDEX(Jesper!AK$2:AK$366,ROUNDDOWN($C2479/24,0)+1,1)*INDEX($D$3:$AA$30,INDEX(Jesper!$R$2:$R$366,ROW(INDEX(Jesper!AK$2:AK$366,ROUNDDOWN($C2479/24,0)+1,1))-1)+IF('Standard Profiles'!$G$21=$B$10,7,0)+IF('Standard Profiles'!$G$21=$B$17,14,0)+IF('Standard Profiles'!$G$21=$B$24,21,0),MOD($C2479,24)+1)/SUM(INDEX($D$3:$AA$30,INDEX(Jesper!$R$2:$R$366,ROW(INDEX(Jesper!AK$2:AK$366,ROUNDDOWN($C2479/24,0)+1,1))-1)+IF('Standard Profiles'!$G$21=$B$10,7,0)+IF('Standard Profiles'!$G$21=$B$17,14,0)+IF('Standard Profiles'!$G$21=$B$24,21,0),0)),0)</f>
        <v>0</v>
      </c>
      <c r="H2479" cm="1">
        <f t="array" ref="H2479">IFERROR(INDEX(Jesper!AL$2:AL$366,ROUNDDOWN($C2479/24,0)+1,1)*INDEX($D$3:$AA$30,INDEX(Jesper!$R$2:$R$366,ROW(INDEX(Jesper!AL$2:AL$366,ROUNDDOWN($C2479/24,0)+1,1))-1)+IF('Standard Profiles'!$G$22=$B$10,7,0)+IF('Standard Profiles'!$G$22=$B$17,14,0)+IF('Standard Profiles'!$G$22=$B$24,21,0),MOD($C2479,24)+1)/SUM(INDEX($D$3:$AA$30,INDEX(Jesper!$R$2:$R$366,ROW(INDEX(Jesper!AL$2:AL$366,ROUNDDOWN($C2479/24,0)+1,1))-1)+IF('Standard Profiles'!$G$22=$B$10,7,0)+IF('Standard Profiles'!$G$22=$B$17,14,0)+IF('Standard Profiles'!$G$22=$B$24,21,0),0)),0)</f>
        <v>0</v>
      </c>
      <c r="I2479">
        <f t="shared" si="286"/>
        <v>0.21676353768474901</v>
      </c>
      <c r="J2479">
        <f t="shared" si="287"/>
        <v>0.72254512561583006</v>
      </c>
      <c r="K2479">
        <f t="shared" si="288"/>
        <v>1.0838176884237449</v>
      </c>
      <c r="L2479">
        <f t="shared" si="289"/>
        <v>5.2023249044339765</v>
      </c>
      <c r="M2479">
        <f t="shared" si="290"/>
        <v>0</v>
      </c>
      <c r="N2479" s="46">
        <f t="shared" si="291"/>
        <v>45393.87499999407</v>
      </c>
    </row>
    <row r="2480" spans="2:14" x14ac:dyDescent="0.3">
      <c r="B2480">
        <f t="shared" si="285"/>
        <v>4</v>
      </c>
      <c r="C2480" s="16">
        <v>2446</v>
      </c>
      <c r="D2480" cm="1">
        <f t="array" ref="D2480">IFERROR(INDEX(Jesper!AH$2:AH$366,ROUNDDOWN($C2480/24,0)+1,1)*INDEX($D$3:$AA$30,INDEX(Jesper!$R$2:$R$366,ROW(INDEX(Jesper!AH$2:AH$366,ROUNDDOWN($C2480/24,0)+1,1))-1)+IF('Standard Profiles'!$G$18=$B$10,7,0)+IF('Standard Profiles'!$G$18=$B$17,14,0)+IF('Standard Profiles'!$G$18=$B$24,21,0),MOD($C2480,24)+1)/SUM(INDEX($D$3:$AA$30,INDEX(Jesper!$R$2:$R$366,ROW(INDEX(Jesper!AH$2:AH$366,ROUNDDOWN($C2480/24,0)+1,1))-1)+IF('Standard Profiles'!$G$18=$B$10,7,0)+IF('Standard Profiles'!$G$18=$B$17,14,0)+IF('Standard Profiles'!$G$18=$B$24,21,0),0)),0)</f>
        <v>7.2254512561583004</v>
      </c>
      <c r="E2480" cm="1">
        <f t="array" ref="E2480">IFERROR(INDEX(Jesper!AI$2:AI$366,ROUNDDOWN($C2480/24,0)+1,1)*INDEX($D$3:$AA$30,INDEX(Jesper!$R$2:$R$366,ROW(INDEX(Jesper!AI$2:AI$366,ROUNDDOWN($C2480/24,0)+1,1))-1)+IF('Standard Profiles'!$G$19=$B$10,7,0)+IF('Standard Profiles'!$G$19=$B$17,14,0)+IF('Standard Profiles'!$G$19=$B$24,21,0),MOD($C2480,24)+1)/SUM(INDEX($D$3:$AA$30,INDEX(Jesper!$R$2:$R$366,ROW(INDEX(Jesper!AI$2:AI$366,ROUNDDOWN($C2480/24,0)+1,1))-1)+IF('Standard Profiles'!$G$19=$B$10,7,0)+IF('Standard Profiles'!$G$19=$B$17,14,0)+IF('Standard Profiles'!$G$19=$B$24,21,0),0)),0)</f>
        <v>0</v>
      </c>
      <c r="F2480" cm="1">
        <f t="array" ref="F2480">IFERROR(INDEX(Jesper!AJ$2:AJ$366,ROUNDDOWN($C2480/24,0)+1,1)*INDEX($D$3:$AA$30,INDEX(Jesper!$R$2:$R$366,ROW(INDEX(Jesper!AJ$2:AJ$366,ROUNDDOWN($C2480/24,0)+1,1))-1)+IF('Standard Profiles'!$G$20=$B$10,7,0)+IF('Standard Profiles'!$G$20=$B$17,14,0)+IF('Standard Profiles'!$G$20=$B$24,21,0),MOD($C2480,24)+1)/SUM(INDEX($D$3:$AA$30,INDEX(Jesper!$R$2:$R$366,ROW(INDEX(Jesper!AJ$2:AJ$366,ROUNDDOWN($C2480/24,0)+1,1))-1)+IF('Standard Profiles'!$G$20=$B$10,7,0)+IF('Standard Profiles'!$G$20=$B$17,14,0)+IF('Standard Profiles'!$G$20=$B$24,21,0),0)),0)</f>
        <v>0</v>
      </c>
      <c r="G2480" cm="1">
        <f t="array" ref="G2480">IFERROR(INDEX(Jesper!AK$2:AK$366,ROUNDDOWN($C2480/24,0)+1,1)*INDEX($D$3:$AA$30,INDEX(Jesper!$R$2:$R$366,ROW(INDEX(Jesper!AK$2:AK$366,ROUNDDOWN($C2480/24,0)+1,1))-1)+IF('Standard Profiles'!$G$21=$B$10,7,0)+IF('Standard Profiles'!$G$21=$B$17,14,0)+IF('Standard Profiles'!$G$21=$B$24,21,0),MOD($C2480,24)+1)/SUM(INDEX($D$3:$AA$30,INDEX(Jesper!$R$2:$R$366,ROW(INDEX(Jesper!AK$2:AK$366,ROUNDDOWN($C2480/24,0)+1,1))-1)+IF('Standard Profiles'!$G$21=$B$10,7,0)+IF('Standard Profiles'!$G$21=$B$17,14,0)+IF('Standard Profiles'!$G$21=$B$24,21,0),0)),0)</f>
        <v>0</v>
      </c>
      <c r="H2480" cm="1">
        <f t="array" ref="H2480">IFERROR(INDEX(Jesper!AL$2:AL$366,ROUNDDOWN($C2480/24,0)+1,1)*INDEX($D$3:$AA$30,INDEX(Jesper!$R$2:$R$366,ROW(INDEX(Jesper!AL$2:AL$366,ROUNDDOWN($C2480/24,0)+1,1))-1)+IF('Standard Profiles'!$G$22=$B$10,7,0)+IF('Standard Profiles'!$G$22=$B$17,14,0)+IF('Standard Profiles'!$G$22=$B$24,21,0),MOD($C2480,24)+1)/SUM(INDEX($D$3:$AA$30,INDEX(Jesper!$R$2:$R$366,ROW(INDEX(Jesper!AL$2:AL$366,ROUNDDOWN($C2480/24,0)+1,1))-1)+IF('Standard Profiles'!$G$22=$B$10,7,0)+IF('Standard Profiles'!$G$22=$B$17,14,0)+IF('Standard Profiles'!$G$22=$B$24,21,0),0)),0)</f>
        <v>0</v>
      </c>
      <c r="I2480">
        <f t="shared" si="286"/>
        <v>0.21676353768474901</v>
      </c>
      <c r="J2480">
        <f t="shared" si="287"/>
        <v>0.72254512561583006</v>
      </c>
      <c r="K2480">
        <f t="shared" si="288"/>
        <v>1.0838176884237449</v>
      </c>
      <c r="L2480">
        <f t="shared" si="289"/>
        <v>5.2023249044339765</v>
      </c>
      <c r="M2480">
        <f t="shared" si="290"/>
        <v>0</v>
      </c>
      <c r="N2480" s="46">
        <f t="shared" si="291"/>
        <v>45393.916666660734</v>
      </c>
    </row>
    <row r="2481" spans="2:14" x14ac:dyDescent="0.3">
      <c r="B2481">
        <f t="shared" si="285"/>
        <v>4</v>
      </c>
      <c r="C2481" s="16">
        <v>2447</v>
      </c>
      <c r="D2481" cm="1">
        <f t="array" ref="D2481">IFERROR(INDEX(Jesper!AH$2:AH$366,ROUNDDOWN($C2481/24,0)+1,1)*INDEX($D$3:$AA$30,INDEX(Jesper!$R$2:$R$366,ROW(INDEX(Jesper!AH$2:AH$366,ROUNDDOWN($C2481/24,0)+1,1))-1)+IF('Standard Profiles'!$G$18=$B$10,7,0)+IF('Standard Profiles'!$G$18=$B$17,14,0)+IF('Standard Profiles'!$G$18=$B$24,21,0),MOD($C2481,24)+1)/SUM(INDEX($D$3:$AA$30,INDEX(Jesper!$R$2:$R$366,ROW(INDEX(Jesper!AH$2:AH$366,ROUNDDOWN($C2481/24,0)+1,1))-1)+IF('Standard Profiles'!$G$18=$B$10,7,0)+IF('Standard Profiles'!$G$18=$B$17,14,0)+IF('Standard Profiles'!$G$18=$B$24,21,0),0)),0)</f>
        <v>7.2254512561583004</v>
      </c>
      <c r="E2481" cm="1">
        <f t="array" ref="E2481">IFERROR(INDEX(Jesper!AI$2:AI$366,ROUNDDOWN($C2481/24,0)+1,1)*INDEX($D$3:$AA$30,INDEX(Jesper!$R$2:$R$366,ROW(INDEX(Jesper!AI$2:AI$366,ROUNDDOWN($C2481/24,0)+1,1))-1)+IF('Standard Profiles'!$G$19=$B$10,7,0)+IF('Standard Profiles'!$G$19=$B$17,14,0)+IF('Standard Profiles'!$G$19=$B$24,21,0),MOD($C2481,24)+1)/SUM(INDEX($D$3:$AA$30,INDEX(Jesper!$R$2:$R$366,ROW(INDEX(Jesper!AI$2:AI$366,ROUNDDOWN($C2481/24,0)+1,1))-1)+IF('Standard Profiles'!$G$19=$B$10,7,0)+IF('Standard Profiles'!$G$19=$B$17,14,0)+IF('Standard Profiles'!$G$19=$B$24,21,0),0)),0)</f>
        <v>0</v>
      </c>
      <c r="F2481" cm="1">
        <f t="array" ref="F2481">IFERROR(INDEX(Jesper!AJ$2:AJ$366,ROUNDDOWN($C2481/24,0)+1,1)*INDEX($D$3:$AA$30,INDEX(Jesper!$R$2:$R$366,ROW(INDEX(Jesper!AJ$2:AJ$366,ROUNDDOWN($C2481/24,0)+1,1))-1)+IF('Standard Profiles'!$G$20=$B$10,7,0)+IF('Standard Profiles'!$G$20=$B$17,14,0)+IF('Standard Profiles'!$G$20=$B$24,21,0),MOD($C2481,24)+1)/SUM(INDEX($D$3:$AA$30,INDEX(Jesper!$R$2:$R$366,ROW(INDEX(Jesper!AJ$2:AJ$366,ROUNDDOWN($C2481/24,0)+1,1))-1)+IF('Standard Profiles'!$G$20=$B$10,7,0)+IF('Standard Profiles'!$G$20=$B$17,14,0)+IF('Standard Profiles'!$G$20=$B$24,21,0),0)),0)</f>
        <v>0</v>
      </c>
      <c r="G2481" cm="1">
        <f t="array" ref="G2481">IFERROR(INDEX(Jesper!AK$2:AK$366,ROUNDDOWN($C2481/24,0)+1,1)*INDEX($D$3:$AA$30,INDEX(Jesper!$R$2:$R$366,ROW(INDEX(Jesper!AK$2:AK$366,ROUNDDOWN($C2481/24,0)+1,1))-1)+IF('Standard Profiles'!$G$21=$B$10,7,0)+IF('Standard Profiles'!$G$21=$B$17,14,0)+IF('Standard Profiles'!$G$21=$B$24,21,0),MOD($C2481,24)+1)/SUM(INDEX($D$3:$AA$30,INDEX(Jesper!$R$2:$R$366,ROW(INDEX(Jesper!AK$2:AK$366,ROUNDDOWN($C2481/24,0)+1,1))-1)+IF('Standard Profiles'!$G$21=$B$10,7,0)+IF('Standard Profiles'!$G$21=$B$17,14,0)+IF('Standard Profiles'!$G$21=$B$24,21,0),0)),0)</f>
        <v>0</v>
      </c>
      <c r="H2481" cm="1">
        <f t="array" ref="H2481">IFERROR(INDEX(Jesper!AL$2:AL$366,ROUNDDOWN($C2481/24,0)+1,1)*INDEX($D$3:$AA$30,INDEX(Jesper!$R$2:$R$366,ROW(INDEX(Jesper!AL$2:AL$366,ROUNDDOWN($C2481/24,0)+1,1))-1)+IF('Standard Profiles'!$G$22=$B$10,7,0)+IF('Standard Profiles'!$G$22=$B$17,14,0)+IF('Standard Profiles'!$G$22=$B$24,21,0),MOD($C2481,24)+1)/SUM(INDEX($D$3:$AA$30,INDEX(Jesper!$R$2:$R$366,ROW(INDEX(Jesper!AL$2:AL$366,ROUNDDOWN($C2481/24,0)+1,1))-1)+IF('Standard Profiles'!$G$22=$B$10,7,0)+IF('Standard Profiles'!$G$22=$B$17,14,0)+IF('Standard Profiles'!$G$22=$B$24,21,0),0)),0)</f>
        <v>0</v>
      </c>
      <c r="I2481">
        <f t="shared" si="286"/>
        <v>0.21676353768474901</v>
      </c>
      <c r="J2481">
        <f t="shared" si="287"/>
        <v>0.72254512561583006</v>
      </c>
      <c r="K2481">
        <f t="shared" si="288"/>
        <v>1.0838176884237449</v>
      </c>
      <c r="L2481">
        <f t="shared" si="289"/>
        <v>5.2023249044339765</v>
      </c>
      <c r="M2481">
        <f t="shared" si="290"/>
        <v>0</v>
      </c>
      <c r="N2481" s="46">
        <f t="shared" si="291"/>
        <v>45393.958333327399</v>
      </c>
    </row>
    <row r="2482" spans="2:14" x14ac:dyDescent="0.3">
      <c r="B2482">
        <f t="shared" si="285"/>
        <v>5</v>
      </c>
      <c r="C2482" s="16">
        <v>2448</v>
      </c>
      <c r="D2482" cm="1">
        <f t="array" ref="D2482">IFERROR(INDEX(Jesper!AH$2:AH$366,ROUNDDOWN($C2482/24,0)+1,1)*INDEX($D$3:$AA$30,INDEX(Jesper!$R$2:$R$366,ROW(INDEX(Jesper!AH$2:AH$366,ROUNDDOWN($C2482/24,0)+1,1))-1)+IF('Standard Profiles'!$G$18=$B$10,7,0)+IF('Standard Profiles'!$G$18=$B$17,14,0)+IF('Standard Profiles'!$G$18=$B$24,21,0),MOD($C2482,24)+1)/SUM(INDEX($D$3:$AA$30,INDEX(Jesper!$R$2:$R$366,ROW(INDEX(Jesper!AH$2:AH$366,ROUNDDOWN($C2482/24,0)+1,1))-1)+IF('Standard Profiles'!$G$18=$B$10,7,0)+IF('Standard Profiles'!$G$18=$B$17,14,0)+IF('Standard Profiles'!$G$18=$B$24,21,0),0)),0)</f>
        <v>7.9406612814635755</v>
      </c>
      <c r="E2482" cm="1">
        <f t="array" ref="E2482">IFERROR(INDEX(Jesper!AI$2:AI$366,ROUNDDOWN($C2482/24,0)+1,1)*INDEX($D$3:$AA$30,INDEX(Jesper!$R$2:$R$366,ROW(INDEX(Jesper!AI$2:AI$366,ROUNDDOWN($C2482/24,0)+1,1))-1)+IF('Standard Profiles'!$G$19=$B$10,7,0)+IF('Standard Profiles'!$G$19=$B$17,14,0)+IF('Standard Profiles'!$G$19=$B$24,21,0),MOD($C2482,24)+1)/SUM(INDEX($D$3:$AA$30,INDEX(Jesper!$R$2:$R$366,ROW(INDEX(Jesper!AI$2:AI$366,ROUNDDOWN($C2482/24,0)+1,1))-1)+IF('Standard Profiles'!$G$19=$B$10,7,0)+IF('Standard Profiles'!$G$19=$B$17,14,0)+IF('Standard Profiles'!$G$19=$B$24,21,0),0)),0)</f>
        <v>0</v>
      </c>
      <c r="F2482" cm="1">
        <f t="array" ref="F2482">IFERROR(INDEX(Jesper!AJ$2:AJ$366,ROUNDDOWN($C2482/24,0)+1,1)*INDEX($D$3:$AA$30,INDEX(Jesper!$R$2:$R$366,ROW(INDEX(Jesper!AJ$2:AJ$366,ROUNDDOWN($C2482/24,0)+1,1))-1)+IF('Standard Profiles'!$G$20=$B$10,7,0)+IF('Standard Profiles'!$G$20=$B$17,14,0)+IF('Standard Profiles'!$G$20=$B$24,21,0),MOD($C2482,24)+1)/SUM(INDEX($D$3:$AA$30,INDEX(Jesper!$R$2:$R$366,ROW(INDEX(Jesper!AJ$2:AJ$366,ROUNDDOWN($C2482/24,0)+1,1))-1)+IF('Standard Profiles'!$G$20=$B$10,7,0)+IF('Standard Profiles'!$G$20=$B$17,14,0)+IF('Standard Profiles'!$G$20=$B$24,21,0),0)),0)</f>
        <v>0</v>
      </c>
      <c r="G2482" cm="1">
        <f t="array" ref="G2482">IFERROR(INDEX(Jesper!AK$2:AK$366,ROUNDDOWN($C2482/24,0)+1,1)*INDEX($D$3:$AA$30,INDEX(Jesper!$R$2:$R$366,ROW(INDEX(Jesper!AK$2:AK$366,ROUNDDOWN($C2482/24,0)+1,1))-1)+IF('Standard Profiles'!$G$21=$B$10,7,0)+IF('Standard Profiles'!$G$21=$B$17,14,0)+IF('Standard Profiles'!$G$21=$B$24,21,0),MOD($C2482,24)+1)/SUM(INDEX($D$3:$AA$30,INDEX(Jesper!$R$2:$R$366,ROW(INDEX(Jesper!AK$2:AK$366,ROUNDDOWN($C2482/24,0)+1,1))-1)+IF('Standard Profiles'!$G$21=$B$10,7,0)+IF('Standard Profiles'!$G$21=$B$17,14,0)+IF('Standard Profiles'!$G$21=$B$24,21,0),0)),0)</f>
        <v>0</v>
      </c>
      <c r="H2482" cm="1">
        <f t="array" ref="H2482">IFERROR(INDEX(Jesper!AL$2:AL$366,ROUNDDOWN($C2482/24,0)+1,1)*INDEX($D$3:$AA$30,INDEX(Jesper!$R$2:$R$366,ROW(INDEX(Jesper!AL$2:AL$366,ROUNDDOWN($C2482/24,0)+1,1))-1)+IF('Standard Profiles'!$G$22=$B$10,7,0)+IF('Standard Profiles'!$G$22=$B$17,14,0)+IF('Standard Profiles'!$G$22=$B$24,21,0),MOD($C2482,24)+1)/SUM(INDEX($D$3:$AA$30,INDEX(Jesper!$R$2:$R$366,ROW(INDEX(Jesper!AL$2:AL$366,ROUNDDOWN($C2482/24,0)+1,1))-1)+IF('Standard Profiles'!$G$22=$B$10,7,0)+IF('Standard Profiles'!$G$22=$B$17,14,0)+IF('Standard Profiles'!$G$22=$B$24,21,0),0)),0)</f>
        <v>0</v>
      </c>
      <c r="I2482">
        <f t="shared" si="286"/>
        <v>0.23821983844390726</v>
      </c>
      <c r="J2482">
        <f t="shared" si="287"/>
        <v>0.79406612814635757</v>
      </c>
      <c r="K2482">
        <f t="shared" si="288"/>
        <v>1.1910991922195362</v>
      </c>
      <c r="L2482">
        <f t="shared" si="289"/>
        <v>5.7172761226537743</v>
      </c>
      <c r="M2482">
        <f t="shared" si="290"/>
        <v>0</v>
      </c>
      <c r="N2482" s="46">
        <f t="shared" si="291"/>
        <v>45393.999999994063</v>
      </c>
    </row>
    <row r="2483" spans="2:14" x14ac:dyDescent="0.3">
      <c r="B2483">
        <f t="shared" si="285"/>
        <v>5</v>
      </c>
      <c r="C2483" s="16">
        <v>2449</v>
      </c>
      <c r="D2483" cm="1">
        <f t="array" ref="D2483">IFERROR(INDEX(Jesper!AH$2:AH$366,ROUNDDOWN($C2483/24,0)+1,1)*INDEX($D$3:$AA$30,INDEX(Jesper!$R$2:$R$366,ROW(INDEX(Jesper!AH$2:AH$366,ROUNDDOWN($C2483/24,0)+1,1))-1)+IF('Standard Profiles'!$G$18=$B$10,7,0)+IF('Standard Profiles'!$G$18=$B$17,14,0)+IF('Standard Profiles'!$G$18=$B$24,21,0),MOD($C2483,24)+1)/SUM(INDEX($D$3:$AA$30,INDEX(Jesper!$R$2:$R$366,ROW(INDEX(Jesper!AH$2:AH$366,ROUNDDOWN($C2483/24,0)+1,1))-1)+IF('Standard Profiles'!$G$18=$B$10,7,0)+IF('Standard Profiles'!$G$18=$B$17,14,0)+IF('Standard Profiles'!$G$18=$B$24,21,0),0)),0)</f>
        <v>7.9406612814635755</v>
      </c>
      <c r="E2483" cm="1">
        <f t="array" ref="E2483">IFERROR(INDEX(Jesper!AI$2:AI$366,ROUNDDOWN($C2483/24,0)+1,1)*INDEX($D$3:$AA$30,INDEX(Jesper!$R$2:$R$366,ROW(INDEX(Jesper!AI$2:AI$366,ROUNDDOWN($C2483/24,0)+1,1))-1)+IF('Standard Profiles'!$G$19=$B$10,7,0)+IF('Standard Profiles'!$G$19=$B$17,14,0)+IF('Standard Profiles'!$G$19=$B$24,21,0),MOD($C2483,24)+1)/SUM(INDEX($D$3:$AA$30,INDEX(Jesper!$R$2:$R$366,ROW(INDEX(Jesper!AI$2:AI$366,ROUNDDOWN($C2483/24,0)+1,1))-1)+IF('Standard Profiles'!$G$19=$B$10,7,0)+IF('Standard Profiles'!$G$19=$B$17,14,0)+IF('Standard Profiles'!$G$19=$B$24,21,0),0)),0)</f>
        <v>0</v>
      </c>
      <c r="F2483" cm="1">
        <f t="array" ref="F2483">IFERROR(INDEX(Jesper!AJ$2:AJ$366,ROUNDDOWN($C2483/24,0)+1,1)*INDEX($D$3:$AA$30,INDEX(Jesper!$R$2:$R$366,ROW(INDEX(Jesper!AJ$2:AJ$366,ROUNDDOWN($C2483/24,0)+1,1))-1)+IF('Standard Profiles'!$G$20=$B$10,7,0)+IF('Standard Profiles'!$G$20=$B$17,14,0)+IF('Standard Profiles'!$G$20=$B$24,21,0),MOD($C2483,24)+1)/SUM(INDEX($D$3:$AA$30,INDEX(Jesper!$R$2:$R$366,ROW(INDEX(Jesper!AJ$2:AJ$366,ROUNDDOWN($C2483/24,0)+1,1))-1)+IF('Standard Profiles'!$G$20=$B$10,7,0)+IF('Standard Profiles'!$G$20=$B$17,14,0)+IF('Standard Profiles'!$G$20=$B$24,21,0),0)),0)</f>
        <v>0</v>
      </c>
      <c r="G2483" cm="1">
        <f t="array" ref="G2483">IFERROR(INDEX(Jesper!AK$2:AK$366,ROUNDDOWN($C2483/24,0)+1,1)*INDEX($D$3:$AA$30,INDEX(Jesper!$R$2:$R$366,ROW(INDEX(Jesper!AK$2:AK$366,ROUNDDOWN($C2483/24,0)+1,1))-1)+IF('Standard Profiles'!$G$21=$B$10,7,0)+IF('Standard Profiles'!$G$21=$B$17,14,0)+IF('Standard Profiles'!$G$21=$B$24,21,0),MOD($C2483,24)+1)/SUM(INDEX($D$3:$AA$30,INDEX(Jesper!$R$2:$R$366,ROW(INDEX(Jesper!AK$2:AK$366,ROUNDDOWN($C2483/24,0)+1,1))-1)+IF('Standard Profiles'!$G$21=$B$10,7,0)+IF('Standard Profiles'!$G$21=$B$17,14,0)+IF('Standard Profiles'!$G$21=$B$24,21,0),0)),0)</f>
        <v>0</v>
      </c>
      <c r="H2483" cm="1">
        <f t="array" ref="H2483">IFERROR(INDEX(Jesper!AL$2:AL$366,ROUNDDOWN($C2483/24,0)+1,1)*INDEX($D$3:$AA$30,INDEX(Jesper!$R$2:$R$366,ROW(INDEX(Jesper!AL$2:AL$366,ROUNDDOWN($C2483/24,0)+1,1))-1)+IF('Standard Profiles'!$G$22=$B$10,7,0)+IF('Standard Profiles'!$G$22=$B$17,14,0)+IF('Standard Profiles'!$G$22=$B$24,21,0),MOD($C2483,24)+1)/SUM(INDEX($D$3:$AA$30,INDEX(Jesper!$R$2:$R$366,ROW(INDEX(Jesper!AL$2:AL$366,ROUNDDOWN($C2483/24,0)+1,1))-1)+IF('Standard Profiles'!$G$22=$B$10,7,0)+IF('Standard Profiles'!$G$22=$B$17,14,0)+IF('Standard Profiles'!$G$22=$B$24,21,0),0)),0)</f>
        <v>0</v>
      </c>
      <c r="I2483">
        <f t="shared" si="286"/>
        <v>0.23821983844390726</v>
      </c>
      <c r="J2483">
        <f t="shared" si="287"/>
        <v>0.79406612814635757</v>
      </c>
      <c r="K2483">
        <f t="shared" si="288"/>
        <v>1.1910991922195362</v>
      </c>
      <c r="L2483">
        <f t="shared" si="289"/>
        <v>5.7172761226537743</v>
      </c>
      <c r="M2483">
        <f t="shared" si="290"/>
        <v>0</v>
      </c>
      <c r="N2483" s="46">
        <f t="shared" si="291"/>
        <v>45394.041666660727</v>
      </c>
    </row>
    <row r="2484" spans="2:14" x14ac:dyDescent="0.3">
      <c r="B2484">
        <f t="shared" si="285"/>
        <v>5</v>
      </c>
      <c r="C2484" s="16">
        <v>2450</v>
      </c>
      <c r="D2484" cm="1">
        <f t="array" ref="D2484">IFERROR(INDEX(Jesper!AH$2:AH$366,ROUNDDOWN($C2484/24,0)+1,1)*INDEX($D$3:$AA$30,INDEX(Jesper!$R$2:$R$366,ROW(INDEX(Jesper!AH$2:AH$366,ROUNDDOWN($C2484/24,0)+1,1))-1)+IF('Standard Profiles'!$G$18=$B$10,7,0)+IF('Standard Profiles'!$G$18=$B$17,14,0)+IF('Standard Profiles'!$G$18=$B$24,21,0),MOD($C2484,24)+1)/SUM(INDEX($D$3:$AA$30,INDEX(Jesper!$R$2:$R$366,ROW(INDEX(Jesper!AH$2:AH$366,ROUNDDOWN($C2484/24,0)+1,1))-1)+IF('Standard Profiles'!$G$18=$B$10,7,0)+IF('Standard Profiles'!$G$18=$B$17,14,0)+IF('Standard Profiles'!$G$18=$B$24,21,0),0)),0)</f>
        <v>7.9406612814635755</v>
      </c>
      <c r="E2484" cm="1">
        <f t="array" ref="E2484">IFERROR(INDEX(Jesper!AI$2:AI$366,ROUNDDOWN($C2484/24,0)+1,1)*INDEX($D$3:$AA$30,INDEX(Jesper!$R$2:$R$366,ROW(INDEX(Jesper!AI$2:AI$366,ROUNDDOWN($C2484/24,0)+1,1))-1)+IF('Standard Profiles'!$G$19=$B$10,7,0)+IF('Standard Profiles'!$G$19=$B$17,14,0)+IF('Standard Profiles'!$G$19=$B$24,21,0),MOD($C2484,24)+1)/SUM(INDEX($D$3:$AA$30,INDEX(Jesper!$R$2:$R$366,ROW(INDEX(Jesper!AI$2:AI$366,ROUNDDOWN($C2484/24,0)+1,1))-1)+IF('Standard Profiles'!$G$19=$B$10,7,0)+IF('Standard Profiles'!$G$19=$B$17,14,0)+IF('Standard Profiles'!$G$19=$B$24,21,0),0)),0)</f>
        <v>0</v>
      </c>
      <c r="F2484" cm="1">
        <f t="array" ref="F2484">IFERROR(INDEX(Jesper!AJ$2:AJ$366,ROUNDDOWN($C2484/24,0)+1,1)*INDEX($D$3:$AA$30,INDEX(Jesper!$R$2:$R$366,ROW(INDEX(Jesper!AJ$2:AJ$366,ROUNDDOWN($C2484/24,0)+1,1))-1)+IF('Standard Profiles'!$G$20=$B$10,7,0)+IF('Standard Profiles'!$G$20=$B$17,14,0)+IF('Standard Profiles'!$G$20=$B$24,21,0),MOD($C2484,24)+1)/SUM(INDEX($D$3:$AA$30,INDEX(Jesper!$R$2:$R$366,ROW(INDEX(Jesper!AJ$2:AJ$366,ROUNDDOWN($C2484/24,0)+1,1))-1)+IF('Standard Profiles'!$G$20=$B$10,7,0)+IF('Standard Profiles'!$G$20=$B$17,14,0)+IF('Standard Profiles'!$G$20=$B$24,21,0),0)),0)</f>
        <v>0</v>
      </c>
      <c r="G2484" cm="1">
        <f t="array" ref="G2484">IFERROR(INDEX(Jesper!AK$2:AK$366,ROUNDDOWN($C2484/24,0)+1,1)*INDEX($D$3:$AA$30,INDEX(Jesper!$R$2:$R$366,ROW(INDEX(Jesper!AK$2:AK$366,ROUNDDOWN($C2484/24,0)+1,1))-1)+IF('Standard Profiles'!$G$21=$B$10,7,0)+IF('Standard Profiles'!$G$21=$B$17,14,0)+IF('Standard Profiles'!$G$21=$B$24,21,0),MOD($C2484,24)+1)/SUM(INDEX($D$3:$AA$30,INDEX(Jesper!$R$2:$R$366,ROW(INDEX(Jesper!AK$2:AK$366,ROUNDDOWN($C2484/24,0)+1,1))-1)+IF('Standard Profiles'!$G$21=$B$10,7,0)+IF('Standard Profiles'!$G$21=$B$17,14,0)+IF('Standard Profiles'!$G$21=$B$24,21,0),0)),0)</f>
        <v>0</v>
      </c>
      <c r="H2484" cm="1">
        <f t="array" ref="H2484">IFERROR(INDEX(Jesper!AL$2:AL$366,ROUNDDOWN($C2484/24,0)+1,1)*INDEX($D$3:$AA$30,INDEX(Jesper!$R$2:$R$366,ROW(INDEX(Jesper!AL$2:AL$366,ROUNDDOWN($C2484/24,0)+1,1))-1)+IF('Standard Profiles'!$G$22=$B$10,7,0)+IF('Standard Profiles'!$G$22=$B$17,14,0)+IF('Standard Profiles'!$G$22=$B$24,21,0),MOD($C2484,24)+1)/SUM(INDEX($D$3:$AA$30,INDEX(Jesper!$R$2:$R$366,ROW(INDEX(Jesper!AL$2:AL$366,ROUNDDOWN($C2484/24,0)+1,1))-1)+IF('Standard Profiles'!$G$22=$B$10,7,0)+IF('Standard Profiles'!$G$22=$B$17,14,0)+IF('Standard Profiles'!$G$22=$B$24,21,0),0)),0)</f>
        <v>0</v>
      </c>
      <c r="I2484">
        <f t="shared" si="286"/>
        <v>0.23821983844390726</v>
      </c>
      <c r="J2484">
        <f t="shared" si="287"/>
        <v>0.79406612814635757</v>
      </c>
      <c r="K2484">
        <f t="shared" si="288"/>
        <v>1.1910991922195362</v>
      </c>
      <c r="L2484">
        <f t="shared" si="289"/>
        <v>5.7172761226537743</v>
      </c>
      <c r="M2484">
        <f t="shared" si="290"/>
        <v>0</v>
      </c>
      <c r="N2484" s="46">
        <f t="shared" si="291"/>
        <v>45394.083333327391</v>
      </c>
    </row>
    <row r="2485" spans="2:14" x14ac:dyDescent="0.3">
      <c r="B2485">
        <f t="shared" si="285"/>
        <v>5</v>
      </c>
      <c r="C2485" s="16">
        <v>2451</v>
      </c>
      <c r="D2485" cm="1">
        <f t="array" ref="D2485">IFERROR(INDEX(Jesper!AH$2:AH$366,ROUNDDOWN($C2485/24,0)+1,1)*INDEX($D$3:$AA$30,INDEX(Jesper!$R$2:$R$366,ROW(INDEX(Jesper!AH$2:AH$366,ROUNDDOWN($C2485/24,0)+1,1))-1)+IF('Standard Profiles'!$G$18=$B$10,7,0)+IF('Standard Profiles'!$G$18=$B$17,14,0)+IF('Standard Profiles'!$G$18=$B$24,21,0),MOD($C2485,24)+1)/SUM(INDEX($D$3:$AA$30,INDEX(Jesper!$R$2:$R$366,ROW(INDEX(Jesper!AH$2:AH$366,ROUNDDOWN($C2485/24,0)+1,1))-1)+IF('Standard Profiles'!$G$18=$B$10,7,0)+IF('Standard Profiles'!$G$18=$B$17,14,0)+IF('Standard Profiles'!$G$18=$B$24,21,0),0)),0)</f>
        <v>7.9406612814635755</v>
      </c>
      <c r="E2485" cm="1">
        <f t="array" ref="E2485">IFERROR(INDEX(Jesper!AI$2:AI$366,ROUNDDOWN($C2485/24,0)+1,1)*INDEX($D$3:$AA$30,INDEX(Jesper!$R$2:$R$366,ROW(INDEX(Jesper!AI$2:AI$366,ROUNDDOWN($C2485/24,0)+1,1))-1)+IF('Standard Profiles'!$G$19=$B$10,7,0)+IF('Standard Profiles'!$G$19=$B$17,14,0)+IF('Standard Profiles'!$G$19=$B$24,21,0),MOD($C2485,24)+1)/SUM(INDEX($D$3:$AA$30,INDEX(Jesper!$R$2:$R$366,ROW(INDEX(Jesper!AI$2:AI$366,ROUNDDOWN($C2485/24,0)+1,1))-1)+IF('Standard Profiles'!$G$19=$B$10,7,0)+IF('Standard Profiles'!$G$19=$B$17,14,0)+IF('Standard Profiles'!$G$19=$B$24,21,0),0)),0)</f>
        <v>0</v>
      </c>
      <c r="F2485" cm="1">
        <f t="array" ref="F2485">IFERROR(INDEX(Jesper!AJ$2:AJ$366,ROUNDDOWN($C2485/24,0)+1,1)*INDEX($D$3:$AA$30,INDEX(Jesper!$R$2:$R$366,ROW(INDEX(Jesper!AJ$2:AJ$366,ROUNDDOWN($C2485/24,0)+1,1))-1)+IF('Standard Profiles'!$G$20=$B$10,7,0)+IF('Standard Profiles'!$G$20=$B$17,14,0)+IF('Standard Profiles'!$G$20=$B$24,21,0),MOD($C2485,24)+1)/SUM(INDEX($D$3:$AA$30,INDEX(Jesper!$R$2:$R$366,ROW(INDEX(Jesper!AJ$2:AJ$366,ROUNDDOWN($C2485/24,0)+1,1))-1)+IF('Standard Profiles'!$G$20=$B$10,7,0)+IF('Standard Profiles'!$G$20=$B$17,14,0)+IF('Standard Profiles'!$G$20=$B$24,21,0),0)),0)</f>
        <v>0</v>
      </c>
      <c r="G2485" cm="1">
        <f t="array" ref="G2485">IFERROR(INDEX(Jesper!AK$2:AK$366,ROUNDDOWN($C2485/24,0)+1,1)*INDEX($D$3:$AA$30,INDEX(Jesper!$R$2:$R$366,ROW(INDEX(Jesper!AK$2:AK$366,ROUNDDOWN($C2485/24,0)+1,1))-1)+IF('Standard Profiles'!$G$21=$B$10,7,0)+IF('Standard Profiles'!$G$21=$B$17,14,0)+IF('Standard Profiles'!$G$21=$B$24,21,0),MOD($C2485,24)+1)/SUM(INDEX($D$3:$AA$30,INDEX(Jesper!$R$2:$R$366,ROW(INDEX(Jesper!AK$2:AK$366,ROUNDDOWN($C2485/24,0)+1,1))-1)+IF('Standard Profiles'!$G$21=$B$10,7,0)+IF('Standard Profiles'!$G$21=$B$17,14,0)+IF('Standard Profiles'!$G$21=$B$24,21,0),0)),0)</f>
        <v>0</v>
      </c>
      <c r="H2485" cm="1">
        <f t="array" ref="H2485">IFERROR(INDEX(Jesper!AL$2:AL$366,ROUNDDOWN($C2485/24,0)+1,1)*INDEX($D$3:$AA$30,INDEX(Jesper!$R$2:$R$366,ROW(INDEX(Jesper!AL$2:AL$366,ROUNDDOWN($C2485/24,0)+1,1))-1)+IF('Standard Profiles'!$G$22=$B$10,7,0)+IF('Standard Profiles'!$G$22=$B$17,14,0)+IF('Standard Profiles'!$G$22=$B$24,21,0),MOD($C2485,24)+1)/SUM(INDEX($D$3:$AA$30,INDEX(Jesper!$R$2:$R$366,ROW(INDEX(Jesper!AL$2:AL$366,ROUNDDOWN($C2485/24,0)+1,1))-1)+IF('Standard Profiles'!$G$22=$B$10,7,0)+IF('Standard Profiles'!$G$22=$B$17,14,0)+IF('Standard Profiles'!$G$22=$B$24,21,0),0)),0)</f>
        <v>0</v>
      </c>
      <c r="I2485">
        <f t="shared" si="286"/>
        <v>0.23821983844390726</v>
      </c>
      <c r="J2485">
        <f t="shared" si="287"/>
        <v>0.79406612814635757</v>
      </c>
      <c r="K2485">
        <f t="shared" si="288"/>
        <v>1.1910991922195362</v>
      </c>
      <c r="L2485">
        <f t="shared" si="289"/>
        <v>5.7172761226537743</v>
      </c>
      <c r="M2485">
        <f t="shared" si="290"/>
        <v>0</v>
      </c>
      <c r="N2485" s="46">
        <f t="shared" si="291"/>
        <v>45394.124999994056</v>
      </c>
    </row>
    <row r="2486" spans="2:14" x14ac:dyDescent="0.3">
      <c r="B2486">
        <f t="shared" si="285"/>
        <v>5</v>
      </c>
      <c r="C2486" s="16">
        <v>2452</v>
      </c>
      <c r="D2486" cm="1">
        <f t="array" ref="D2486">IFERROR(INDEX(Jesper!AH$2:AH$366,ROUNDDOWN($C2486/24,0)+1,1)*INDEX($D$3:$AA$30,INDEX(Jesper!$R$2:$R$366,ROW(INDEX(Jesper!AH$2:AH$366,ROUNDDOWN($C2486/24,0)+1,1))-1)+IF('Standard Profiles'!$G$18=$B$10,7,0)+IF('Standard Profiles'!$G$18=$B$17,14,0)+IF('Standard Profiles'!$G$18=$B$24,21,0),MOD($C2486,24)+1)/SUM(INDEX($D$3:$AA$30,INDEX(Jesper!$R$2:$R$366,ROW(INDEX(Jesper!AH$2:AH$366,ROUNDDOWN($C2486/24,0)+1,1))-1)+IF('Standard Profiles'!$G$18=$B$10,7,0)+IF('Standard Profiles'!$G$18=$B$17,14,0)+IF('Standard Profiles'!$G$18=$B$24,21,0),0)),0)</f>
        <v>7.9406612814635755</v>
      </c>
      <c r="E2486" cm="1">
        <f t="array" ref="E2486">IFERROR(INDEX(Jesper!AI$2:AI$366,ROUNDDOWN($C2486/24,0)+1,1)*INDEX($D$3:$AA$30,INDEX(Jesper!$R$2:$R$366,ROW(INDEX(Jesper!AI$2:AI$366,ROUNDDOWN($C2486/24,0)+1,1))-1)+IF('Standard Profiles'!$G$19=$B$10,7,0)+IF('Standard Profiles'!$G$19=$B$17,14,0)+IF('Standard Profiles'!$G$19=$B$24,21,0),MOD($C2486,24)+1)/SUM(INDEX($D$3:$AA$30,INDEX(Jesper!$R$2:$R$366,ROW(INDEX(Jesper!AI$2:AI$366,ROUNDDOWN($C2486/24,0)+1,1))-1)+IF('Standard Profiles'!$G$19=$B$10,7,0)+IF('Standard Profiles'!$G$19=$B$17,14,0)+IF('Standard Profiles'!$G$19=$B$24,21,0),0)),0)</f>
        <v>0</v>
      </c>
      <c r="F2486" cm="1">
        <f t="array" ref="F2486">IFERROR(INDEX(Jesper!AJ$2:AJ$366,ROUNDDOWN($C2486/24,0)+1,1)*INDEX($D$3:$AA$30,INDEX(Jesper!$R$2:$R$366,ROW(INDEX(Jesper!AJ$2:AJ$366,ROUNDDOWN($C2486/24,0)+1,1))-1)+IF('Standard Profiles'!$G$20=$B$10,7,0)+IF('Standard Profiles'!$G$20=$B$17,14,0)+IF('Standard Profiles'!$G$20=$B$24,21,0),MOD($C2486,24)+1)/SUM(INDEX($D$3:$AA$30,INDEX(Jesper!$R$2:$R$366,ROW(INDEX(Jesper!AJ$2:AJ$366,ROUNDDOWN($C2486/24,0)+1,1))-1)+IF('Standard Profiles'!$G$20=$B$10,7,0)+IF('Standard Profiles'!$G$20=$B$17,14,0)+IF('Standard Profiles'!$G$20=$B$24,21,0),0)),0)</f>
        <v>0</v>
      </c>
      <c r="G2486" cm="1">
        <f t="array" ref="G2486">IFERROR(INDEX(Jesper!AK$2:AK$366,ROUNDDOWN($C2486/24,0)+1,1)*INDEX($D$3:$AA$30,INDEX(Jesper!$R$2:$R$366,ROW(INDEX(Jesper!AK$2:AK$366,ROUNDDOWN($C2486/24,0)+1,1))-1)+IF('Standard Profiles'!$G$21=$B$10,7,0)+IF('Standard Profiles'!$G$21=$B$17,14,0)+IF('Standard Profiles'!$G$21=$B$24,21,0),MOD($C2486,24)+1)/SUM(INDEX($D$3:$AA$30,INDEX(Jesper!$R$2:$R$366,ROW(INDEX(Jesper!AK$2:AK$366,ROUNDDOWN($C2486/24,0)+1,1))-1)+IF('Standard Profiles'!$G$21=$B$10,7,0)+IF('Standard Profiles'!$G$21=$B$17,14,0)+IF('Standard Profiles'!$G$21=$B$24,21,0),0)),0)</f>
        <v>0</v>
      </c>
      <c r="H2486" cm="1">
        <f t="array" ref="H2486">IFERROR(INDEX(Jesper!AL$2:AL$366,ROUNDDOWN($C2486/24,0)+1,1)*INDEX($D$3:$AA$30,INDEX(Jesper!$R$2:$R$366,ROW(INDEX(Jesper!AL$2:AL$366,ROUNDDOWN($C2486/24,0)+1,1))-1)+IF('Standard Profiles'!$G$22=$B$10,7,0)+IF('Standard Profiles'!$G$22=$B$17,14,0)+IF('Standard Profiles'!$G$22=$B$24,21,0),MOD($C2486,24)+1)/SUM(INDEX($D$3:$AA$30,INDEX(Jesper!$R$2:$R$366,ROW(INDEX(Jesper!AL$2:AL$366,ROUNDDOWN($C2486/24,0)+1,1))-1)+IF('Standard Profiles'!$G$22=$B$10,7,0)+IF('Standard Profiles'!$G$22=$B$17,14,0)+IF('Standard Profiles'!$G$22=$B$24,21,0),0)),0)</f>
        <v>0</v>
      </c>
      <c r="I2486">
        <f t="shared" si="286"/>
        <v>0.23821983844390726</v>
      </c>
      <c r="J2486">
        <f t="shared" si="287"/>
        <v>0.79406612814635757</v>
      </c>
      <c r="K2486">
        <f t="shared" si="288"/>
        <v>1.1910991922195362</v>
      </c>
      <c r="L2486">
        <f t="shared" si="289"/>
        <v>5.7172761226537743</v>
      </c>
      <c r="M2486">
        <f t="shared" si="290"/>
        <v>0</v>
      </c>
      <c r="N2486" s="46">
        <f t="shared" si="291"/>
        <v>45394.16666666072</v>
      </c>
    </row>
    <row r="2487" spans="2:14" x14ac:dyDescent="0.3">
      <c r="B2487">
        <f t="shared" si="285"/>
        <v>5</v>
      </c>
      <c r="C2487" s="16">
        <v>2453</v>
      </c>
      <c r="D2487" cm="1">
        <f t="array" ref="D2487">IFERROR(INDEX(Jesper!AH$2:AH$366,ROUNDDOWN($C2487/24,0)+1,1)*INDEX($D$3:$AA$30,INDEX(Jesper!$R$2:$R$366,ROW(INDEX(Jesper!AH$2:AH$366,ROUNDDOWN($C2487/24,0)+1,1))-1)+IF('Standard Profiles'!$G$18=$B$10,7,0)+IF('Standard Profiles'!$G$18=$B$17,14,0)+IF('Standard Profiles'!$G$18=$B$24,21,0),MOD($C2487,24)+1)/SUM(INDEX($D$3:$AA$30,INDEX(Jesper!$R$2:$R$366,ROW(INDEX(Jesper!AH$2:AH$366,ROUNDDOWN($C2487/24,0)+1,1))-1)+IF('Standard Profiles'!$G$18=$B$10,7,0)+IF('Standard Profiles'!$G$18=$B$17,14,0)+IF('Standard Profiles'!$G$18=$B$24,21,0),0)),0)</f>
        <v>10.234630096108608</v>
      </c>
      <c r="E2487" cm="1">
        <f t="array" ref="E2487">IFERROR(INDEX(Jesper!AI$2:AI$366,ROUNDDOWN($C2487/24,0)+1,1)*INDEX($D$3:$AA$30,INDEX(Jesper!$R$2:$R$366,ROW(INDEX(Jesper!AI$2:AI$366,ROUNDDOWN($C2487/24,0)+1,1))-1)+IF('Standard Profiles'!$G$19=$B$10,7,0)+IF('Standard Profiles'!$G$19=$B$17,14,0)+IF('Standard Profiles'!$G$19=$B$24,21,0),MOD($C2487,24)+1)/SUM(INDEX($D$3:$AA$30,INDEX(Jesper!$R$2:$R$366,ROW(INDEX(Jesper!AI$2:AI$366,ROUNDDOWN($C2487/24,0)+1,1))-1)+IF('Standard Profiles'!$G$19=$B$10,7,0)+IF('Standard Profiles'!$G$19=$B$17,14,0)+IF('Standard Profiles'!$G$19=$B$24,21,0),0)),0)</f>
        <v>0</v>
      </c>
      <c r="F2487" cm="1">
        <f t="array" ref="F2487">IFERROR(INDEX(Jesper!AJ$2:AJ$366,ROUNDDOWN($C2487/24,0)+1,1)*INDEX($D$3:$AA$30,INDEX(Jesper!$R$2:$R$366,ROW(INDEX(Jesper!AJ$2:AJ$366,ROUNDDOWN($C2487/24,0)+1,1))-1)+IF('Standard Profiles'!$G$20=$B$10,7,0)+IF('Standard Profiles'!$G$20=$B$17,14,0)+IF('Standard Profiles'!$G$20=$B$24,21,0),MOD($C2487,24)+1)/SUM(INDEX($D$3:$AA$30,INDEX(Jesper!$R$2:$R$366,ROW(INDEX(Jesper!AJ$2:AJ$366,ROUNDDOWN($C2487/24,0)+1,1))-1)+IF('Standard Profiles'!$G$20=$B$10,7,0)+IF('Standard Profiles'!$G$20=$B$17,14,0)+IF('Standard Profiles'!$G$20=$B$24,21,0),0)),0)</f>
        <v>0</v>
      </c>
      <c r="G2487" cm="1">
        <f t="array" ref="G2487">IFERROR(INDEX(Jesper!AK$2:AK$366,ROUNDDOWN($C2487/24,0)+1,1)*INDEX($D$3:$AA$30,INDEX(Jesper!$R$2:$R$366,ROW(INDEX(Jesper!AK$2:AK$366,ROUNDDOWN($C2487/24,0)+1,1))-1)+IF('Standard Profiles'!$G$21=$B$10,7,0)+IF('Standard Profiles'!$G$21=$B$17,14,0)+IF('Standard Profiles'!$G$21=$B$24,21,0),MOD($C2487,24)+1)/SUM(INDEX($D$3:$AA$30,INDEX(Jesper!$R$2:$R$366,ROW(INDEX(Jesper!AK$2:AK$366,ROUNDDOWN($C2487/24,0)+1,1))-1)+IF('Standard Profiles'!$G$21=$B$10,7,0)+IF('Standard Profiles'!$G$21=$B$17,14,0)+IF('Standard Profiles'!$G$21=$B$24,21,0),0)),0)</f>
        <v>0</v>
      </c>
      <c r="H2487" cm="1">
        <f t="array" ref="H2487">IFERROR(INDEX(Jesper!AL$2:AL$366,ROUNDDOWN($C2487/24,0)+1,1)*INDEX($D$3:$AA$30,INDEX(Jesper!$R$2:$R$366,ROW(INDEX(Jesper!AL$2:AL$366,ROUNDDOWN($C2487/24,0)+1,1))-1)+IF('Standard Profiles'!$G$22=$B$10,7,0)+IF('Standard Profiles'!$G$22=$B$17,14,0)+IF('Standard Profiles'!$G$22=$B$24,21,0),MOD($C2487,24)+1)/SUM(INDEX($D$3:$AA$30,INDEX(Jesper!$R$2:$R$366,ROW(INDEX(Jesper!AL$2:AL$366,ROUNDDOWN($C2487/24,0)+1,1))-1)+IF('Standard Profiles'!$G$22=$B$10,7,0)+IF('Standard Profiles'!$G$22=$B$17,14,0)+IF('Standard Profiles'!$G$22=$B$24,21,0),0)),0)</f>
        <v>0</v>
      </c>
      <c r="I2487">
        <f t="shared" si="286"/>
        <v>0.30703890288325825</v>
      </c>
      <c r="J2487">
        <f t="shared" si="287"/>
        <v>1.0234630096108608</v>
      </c>
      <c r="K2487">
        <f t="shared" si="288"/>
        <v>1.5351945144162913</v>
      </c>
      <c r="L2487">
        <f t="shared" si="289"/>
        <v>7.3689336691981975</v>
      </c>
      <c r="M2487">
        <f t="shared" si="290"/>
        <v>0</v>
      </c>
      <c r="N2487" s="46">
        <f t="shared" si="291"/>
        <v>45394.208333327384</v>
      </c>
    </row>
    <row r="2488" spans="2:14" x14ac:dyDescent="0.3">
      <c r="B2488">
        <f t="shared" si="285"/>
        <v>5</v>
      </c>
      <c r="C2488" s="16">
        <v>2454</v>
      </c>
      <c r="D2488" cm="1">
        <f t="array" ref="D2488">IFERROR(INDEX(Jesper!AH$2:AH$366,ROUNDDOWN($C2488/24,0)+1,1)*INDEX($D$3:$AA$30,INDEX(Jesper!$R$2:$R$366,ROW(INDEX(Jesper!AH$2:AH$366,ROUNDDOWN($C2488/24,0)+1,1))-1)+IF('Standard Profiles'!$G$18=$B$10,7,0)+IF('Standard Profiles'!$G$18=$B$17,14,0)+IF('Standard Profiles'!$G$18=$B$24,21,0),MOD($C2488,24)+1)/SUM(INDEX($D$3:$AA$30,INDEX(Jesper!$R$2:$R$366,ROW(INDEX(Jesper!AH$2:AH$366,ROUNDDOWN($C2488/24,0)+1,1))-1)+IF('Standard Profiles'!$G$18=$B$10,7,0)+IF('Standard Profiles'!$G$18=$B$17,14,0)+IF('Standard Profiles'!$G$18=$B$24,21,0),0)),0)</f>
        <v>12.352139771165561</v>
      </c>
      <c r="E2488" cm="1">
        <f t="array" ref="E2488">IFERROR(INDEX(Jesper!AI$2:AI$366,ROUNDDOWN($C2488/24,0)+1,1)*INDEX($D$3:$AA$30,INDEX(Jesper!$R$2:$R$366,ROW(INDEX(Jesper!AI$2:AI$366,ROUNDDOWN($C2488/24,0)+1,1))-1)+IF('Standard Profiles'!$G$19=$B$10,7,0)+IF('Standard Profiles'!$G$19=$B$17,14,0)+IF('Standard Profiles'!$G$19=$B$24,21,0),MOD($C2488,24)+1)/SUM(INDEX($D$3:$AA$30,INDEX(Jesper!$R$2:$R$366,ROW(INDEX(Jesper!AI$2:AI$366,ROUNDDOWN($C2488/24,0)+1,1))-1)+IF('Standard Profiles'!$G$19=$B$10,7,0)+IF('Standard Profiles'!$G$19=$B$17,14,0)+IF('Standard Profiles'!$G$19=$B$24,21,0),0)),0)</f>
        <v>0</v>
      </c>
      <c r="F2488" cm="1">
        <f t="array" ref="F2488">IFERROR(INDEX(Jesper!AJ$2:AJ$366,ROUNDDOWN($C2488/24,0)+1,1)*INDEX($D$3:$AA$30,INDEX(Jesper!$R$2:$R$366,ROW(INDEX(Jesper!AJ$2:AJ$366,ROUNDDOWN($C2488/24,0)+1,1))-1)+IF('Standard Profiles'!$G$20=$B$10,7,0)+IF('Standard Profiles'!$G$20=$B$17,14,0)+IF('Standard Profiles'!$G$20=$B$24,21,0),MOD($C2488,24)+1)/SUM(INDEX($D$3:$AA$30,INDEX(Jesper!$R$2:$R$366,ROW(INDEX(Jesper!AJ$2:AJ$366,ROUNDDOWN($C2488/24,0)+1,1))-1)+IF('Standard Profiles'!$G$20=$B$10,7,0)+IF('Standard Profiles'!$G$20=$B$17,14,0)+IF('Standard Profiles'!$G$20=$B$24,21,0),0)),0)</f>
        <v>0</v>
      </c>
      <c r="G2488" cm="1">
        <f t="array" ref="G2488">IFERROR(INDEX(Jesper!AK$2:AK$366,ROUNDDOWN($C2488/24,0)+1,1)*INDEX($D$3:$AA$30,INDEX(Jesper!$R$2:$R$366,ROW(INDEX(Jesper!AK$2:AK$366,ROUNDDOWN($C2488/24,0)+1,1))-1)+IF('Standard Profiles'!$G$21=$B$10,7,0)+IF('Standard Profiles'!$G$21=$B$17,14,0)+IF('Standard Profiles'!$G$21=$B$24,21,0),MOD($C2488,24)+1)/SUM(INDEX($D$3:$AA$30,INDEX(Jesper!$R$2:$R$366,ROW(INDEX(Jesper!AK$2:AK$366,ROUNDDOWN($C2488/24,0)+1,1))-1)+IF('Standard Profiles'!$G$21=$B$10,7,0)+IF('Standard Profiles'!$G$21=$B$17,14,0)+IF('Standard Profiles'!$G$21=$B$24,21,0),0)),0)</f>
        <v>0</v>
      </c>
      <c r="H2488" cm="1">
        <f t="array" ref="H2488">IFERROR(INDEX(Jesper!AL$2:AL$366,ROUNDDOWN($C2488/24,0)+1,1)*INDEX($D$3:$AA$30,INDEX(Jesper!$R$2:$R$366,ROW(INDEX(Jesper!AL$2:AL$366,ROUNDDOWN($C2488/24,0)+1,1))-1)+IF('Standard Profiles'!$G$22=$B$10,7,0)+IF('Standard Profiles'!$G$22=$B$17,14,0)+IF('Standard Profiles'!$G$22=$B$24,21,0),MOD($C2488,24)+1)/SUM(INDEX($D$3:$AA$30,INDEX(Jesper!$R$2:$R$366,ROW(INDEX(Jesper!AL$2:AL$366,ROUNDDOWN($C2488/24,0)+1,1))-1)+IF('Standard Profiles'!$G$22=$B$10,7,0)+IF('Standard Profiles'!$G$22=$B$17,14,0)+IF('Standard Profiles'!$G$22=$B$24,21,0),0)),0)</f>
        <v>0</v>
      </c>
      <c r="I2488">
        <f t="shared" si="286"/>
        <v>0.3705641931349668</v>
      </c>
      <c r="J2488">
        <f t="shared" si="287"/>
        <v>1.2352139771165562</v>
      </c>
      <c r="K2488">
        <f t="shared" si="288"/>
        <v>1.852820965674834</v>
      </c>
      <c r="L2488">
        <f t="shared" si="289"/>
        <v>8.8935406352392032</v>
      </c>
      <c r="M2488">
        <f t="shared" si="290"/>
        <v>0</v>
      </c>
      <c r="N2488" s="46">
        <f t="shared" si="291"/>
        <v>45394.249999994048</v>
      </c>
    </row>
    <row r="2489" spans="2:14" x14ac:dyDescent="0.3">
      <c r="B2489">
        <f t="shared" si="285"/>
        <v>5</v>
      </c>
      <c r="C2489" s="16">
        <v>2455</v>
      </c>
      <c r="D2489" cm="1">
        <f t="array" ref="D2489">IFERROR(INDEX(Jesper!AH$2:AH$366,ROUNDDOWN($C2489/24,0)+1,1)*INDEX($D$3:$AA$30,INDEX(Jesper!$R$2:$R$366,ROW(INDEX(Jesper!AH$2:AH$366,ROUNDDOWN($C2489/24,0)+1,1))-1)+IF('Standard Profiles'!$G$18=$B$10,7,0)+IF('Standard Profiles'!$G$18=$B$17,14,0)+IF('Standard Profiles'!$G$18=$B$24,21,0),MOD($C2489,24)+1)/SUM(INDEX($D$3:$AA$30,INDEX(Jesper!$R$2:$R$366,ROW(INDEX(Jesper!AH$2:AH$366,ROUNDDOWN($C2489/24,0)+1,1))-1)+IF('Standard Profiles'!$G$18=$B$10,7,0)+IF('Standard Profiles'!$G$18=$B$17,14,0)+IF('Standard Profiles'!$G$18=$B$24,21,0),0)),0)</f>
        <v>12.352139771165561</v>
      </c>
      <c r="E2489" cm="1">
        <f t="array" ref="E2489">IFERROR(INDEX(Jesper!AI$2:AI$366,ROUNDDOWN($C2489/24,0)+1,1)*INDEX($D$3:$AA$30,INDEX(Jesper!$R$2:$R$366,ROW(INDEX(Jesper!AI$2:AI$366,ROUNDDOWN($C2489/24,0)+1,1))-1)+IF('Standard Profiles'!$G$19=$B$10,7,0)+IF('Standard Profiles'!$G$19=$B$17,14,0)+IF('Standard Profiles'!$G$19=$B$24,21,0),MOD($C2489,24)+1)/SUM(INDEX($D$3:$AA$30,INDEX(Jesper!$R$2:$R$366,ROW(INDEX(Jesper!AI$2:AI$366,ROUNDDOWN($C2489/24,0)+1,1))-1)+IF('Standard Profiles'!$G$19=$B$10,7,0)+IF('Standard Profiles'!$G$19=$B$17,14,0)+IF('Standard Profiles'!$G$19=$B$24,21,0),0)),0)</f>
        <v>0</v>
      </c>
      <c r="F2489" cm="1">
        <f t="array" ref="F2489">IFERROR(INDEX(Jesper!AJ$2:AJ$366,ROUNDDOWN($C2489/24,0)+1,1)*INDEX($D$3:$AA$30,INDEX(Jesper!$R$2:$R$366,ROW(INDEX(Jesper!AJ$2:AJ$366,ROUNDDOWN($C2489/24,0)+1,1))-1)+IF('Standard Profiles'!$G$20=$B$10,7,0)+IF('Standard Profiles'!$G$20=$B$17,14,0)+IF('Standard Profiles'!$G$20=$B$24,21,0),MOD($C2489,24)+1)/SUM(INDEX($D$3:$AA$30,INDEX(Jesper!$R$2:$R$366,ROW(INDEX(Jesper!AJ$2:AJ$366,ROUNDDOWN($C2489/24,0)+1,1))-1)+IF('Standard Profiles'!$G$20=$B$10,7,0)+IF('Standard Profiles'!$G$20=$B$17,14,0)+IF('Standard Profiles'!$G$20=$B$24,21,0),0)),0)</f>
        <v>0</v>
      </c>
      <c r="G2489" cm="1">
        <f t="array" ref="G2489">IFERROR(INDEX(Jesper!AK$2:AK$366,ROUNDDOWN($C2489/24,0)+1,1)*INDEX($D$3:$AA$30,INDEX(Jesper!$R$2:$R$366,ROW(INDEX(Jesper!AK$2:AK$366,ROUNDDOWN($C2489/24,0)+1,1))-1)+IF('Standard Profiles'!$G$21=$B$10,7,0)+IF('Standard Profiles'!$G$21=$B$17,14,0)+IF('Standard Profiles'!$G$21=$B$24,21,0),MOD($C2489,24)+1)/SUM(INDEX($D$3:$AA$30,INDEX(Jesper!$R$2:$R$366,ROW(INDEX(Jesper!AK$2:AK$366,ROUNDDOWN($C2489/24,0)+1,1))-1)+IF('Standard Profiles'!$G$21=$B$10,7,0)+IF('Standard Profiles'!$G$21=$B$17,14,0)+IF('Standard Profiles'!$G$21=$B$24,21,0),0)),0)</f>
        <v>0</v>
      </c>
      <c r="H2489" cm="1">
        <f t="array" ref="H2489">IFERROR(INDEX(Jesper!AL$2:AL$366,ROUNDDOWN($C2489/24,0)+1,1)*INDEX($D$3:$AA$30,INDEX(Jesper!$R$2:$R$366,ROW(INDEX(Jesper!AL$2:AL$366,ROUNDDOWN($C2489/24,0)+1,1))-1)+IF('Standard Profiles'!$G$22=$B$10,7,0)+IF('Standard Profiles'!$G$22=$B$17,14,0)+IF('Standard Profiles'!$G$22=$B$24,21,0),MOD($C2489,24)+1)/SUM(INDEX($D$3:$AA$30,INDEX(Jesper!$R$2:$R$366,ROW(INDEX(Jesper!AL$2:AL$366,ROUNDDOWN($C2489/24,0)+1,1))-1)+IF('Standard Profiles'!$G$22=$B$10,7,0)+IF('Standard Profiles'!$G$22=$B$17,14,0)+IF('Standard Profiles'!$G$22=$B$24,21,0),0)),0)</f>
        <v>0</v>
      </c>
      <c r="I2489">
        <f t="shared" si="286"/>
        <v>0.3705641931349668</v>
      </c>
      <c r="J2489">
        <f t="shared" si="287"/>
        <v>1.2352139771165562</v>
      </c>
      <c r="K2489">
        <f t="shared" si="288"/>
        <v>1.852820965674834</v>
      </c>
      <c r="L2489">
        <f t="shared" si="289"/>
        <v>8.8935406352392032</v>
      </c>
      <c r="M2489">
        <f t="shared" si="290"/>
        <v>0</v>
      </c>
      <c r="N2489" s="46">
        <f t="shared" si="291"/>
        <v>45394.291666660713</v>
      </c>
    </row>
    <row r="2490" spans="2:14" x14ac:dyDescent="0.3">
      <c r="B2490">
        <f t="shared" si="285"/>
        <v>5</v>
      </c>
      <c r="C2490" s="16">
        <v>2456</v>
      </c>
      <c r="D2490" cm="1">
        <f t="array" ref="D2490">IFERROR(INDEX(Jesper!AH$2:AH$366,ROUNDDOWN($C2490/24,0)+1,1)*INDEX($D$3:$AA$30,INDEX(Jesper!$R$2:$R$366,ROW(INDEX(Jesper!AH$2:AH$366,ROUNDDOWN($C2490/24,0)+1,1))-1)+IF('Standard Profiles'!$G$18=$B$10,7,0)+IF('Standard Profiles'!$G$18=$B$17,14,0)+IF('Standard Profiles'!$G$18=$B$24,21,0),MOD($C2490,24)+1)/SUM(INDEX($D$3:$AA$30,INDEX(Jesper!$R$2:$R$366,ROW(INDEX(Jesper!AH$2:AH$366,ROUNDDOWN($C2490/24,0)+1,1))-1)+IF('Standard Profiles'!$G$18=$B$10,7,0)+IF('Standard Profiles'!$G$18=$B$17,14,0)+IF('Standard Profiles'!$G$18=$B$24,21,0),0)),0)</f>
        <v>12.352139771165561</v>
      </c>
      <c r="E2490" cm="1">
        <f t="array" ref="E2490">IFERROR(INDEX(Jesper!AI$2:AI$366,ROUNDDOWN($C2490/24,0)+1,1)*INDEX($D$3:$AA$30,INDEX(Jesper!$R$2:$R$366,ROW(INDEX(Jesper!AI$2:AI$366,ROUNDDOWN($C2490/24,0)+1,1))-1)+IF('Standard Profiles'!$G$19=$B$10,7,0)+IF('Standard Profiles'!$G$19=$B$17,14,0)+IF('Standard Profiles'!$G$19=$B$24,21,0),MOD($C2490,24)+1)/SUM(INDEX($D$3:$AA$30,INDEX(Jesper!$R$2:$R$366,ROW(INDEX(Jesper!AI$2:AI$366,ROUNDDOWN($C2490/24,0)+1,1))-1)+IF('Standard Profiles'!$G$19=$B$10,7,0)+IF('Standard Profiles'!$G$19=$B$17,14,0)+IF('Standard Profiles'!$G$19=$B$24,21,0),0)),0)</f>
        <v>0</v>
      </c>
      <c r="F2490" cm="1">
        <f t="array" ref="F2490">IFERROR(INDEX(Jesper!AJ$2:AJ$366,ROUNDDOWN($C2490/24,0)+1,1)*INDEX($D$3:$AA$30,INDEX(Jesper!$R$2:$R$366,ROW(INDEX(Jesper!AJ$2:AJ$366,ROUNDDOWN($C2490/24,0)+1,1))-1)+IF('Standard Profiles'!$G$20=$B$10,7,0)+IF('Standard Profiles'!$G$20=$B$17,14,0)+IF('Standard Profiles'!$G$20=$B$24,21,0),MOD($C2490,24)+1)/SUM(INDEX($D$3:$AA$30,INDEX(Jesper!$R$2:$R$366,ROW(INDEX(Jesper!AJ$2:AJ$366,ROUNDDOWN($C2490/24,0)+1,1))-1)+IF('Standard Profiles'!$G$20=$B$10,7,0)+IF('Standard Profiles'!$G$20=$B$17,14,0)+IF('Standard Profiles'!$G$20=$B$24,21,0),0)),0)</f>
        <v>0</v>
      </c>
      <c r="G2490" cm="1">
        <f t="array" ref="G2490">IFERROR(INDEX(Jesper!AK$2:AK$366,ROUNDDOWN($C2490/24,0)+1,1)*INDEX($D$3:$AA$30,INDEX(Jesper!$R$2:$R$366,ROW(INDEX(Jesper!AK$2:AK$366,ROUNDDOWN($C2490/24,0)+1,1))-1)+IF('Standard Profiles'!$G$21=$B$10,7,0)+IF('Standard Profiles'!$G$21=$B$17,14,0)+IF('Standard Profiles'!$G$21=$B$24,21,0),MOD($C2490,24)+1)/SUM(INDEX($D$3:$AA$30,INDEX(Jesper!$R$2:$R$366,ROW(INDEX(Jesper!AK$2:AK$366,ROUNDDOWN($C2490/24,0)+1,1))-1)+IF('Standard Profiles'!$G$21=$B$10,7,0)+IF('Standard Profiles'!$G$21=$B$17,14,0)+IF('Standard Profiles'!$G$21=$B$24,21,0),0)),0)</f>
        <v>0</v>
      </c>
      <c r="H2490" cm="1">
        <f t="array" ref="H2490">IFERROR(INDEX(Jesper!AL$2:AL$366,ROUNDDOWN($C2490/24,0)+1,1)*INDEX($D$3:$AA$30,INDEX(Jesper!$R$2:$R$366,ROW(INDEX(Jesper!AL$2:AL$366,ROUNDDOWN($C2490/24,0)+1,1))-1)+IF('Standard Profiles'!$G$22=$B$10,7,0)+IF('Standard Profiles'!$G$22=$B$17,14,0)+IF('Standard Profiles'!$G$22=$B$24,21,0),MOD($C2490,24)+1)/SUM(INDEX($D$3:$AA$30,INDEX(Jesper!$R$2:$R$366,ROW(INDEX(Jesper!AL$2:AL$366,ROUNDDOWN($C2490/24,0)+1,1))-1)+IF('Standard Profiles'!$G$22=$B$10,7,0)+IF('Standard Profiles'!$G$22=$B$17,14,0)+IF('Standard Profiles'!$G$22=$B$24,21,0),0)),0)</f>
        <v>0</v>
      </c>
      <c r="I2490">
        <f t="shared" si="286"/>
        <v>0.3705641931349668</v>
      </c>
      <c r="J2490">
        <f t="shared" si="287"/>
        <v>1.2352139771165562</v>
      </c>
      <c r="K2490">
        <f t="shared" si="288"/>
        <v>1.852820965674834</v>
      </c>
      <c r="L2490">
        <f t="shared" si="289"/>
        <v>8.8935406352392032</v>
      </c>
      <c r="M2490">
        <f t="shared" si="290"/>
        <v>0</v>
      </c>
      <c r="N2490" s="46">
        <f t="shared" si="291"/>
        <v>45394.333333327377</v>
      </c>
    </row>
    <row r="2491" spans="2:14" x14ac:dyDescent="0.3">
      <c r="B2491">
        <f t="shared" si="285"/>
        <v>5</v>
      </c>
      <c r="C2491" s="16">
        <v>2457</v>
      </c>
      <c r="D2491" cm="1">
        <f t="array" ref="D2491">IFERROR(INDEX(Jesper!AH$2:AH$366,ROUNDDOWN($C2491/24,0)+1,1)*INDEX($D$3:$AA$30,INDEX(Jesper!$R$2:$R$366,ROW(INDEX(Jesper!AH$2:AH$366,ROUNDDOWN($C2491/24,0)+1,1))-1)+IF('Standard Profiles'!$G$18=$B$10,7,0)+IF('Standard Profiles'!$G$18=$B$17,14,0)+IF('Standard Profiles'!$G$18=$B$24,21,0),MOD($C2491,24)+1)/SUM(INDEX($D$3:$AA$30,INDEX(Jesper!$R$2:$R$366,ROW(INDEX(Jesper!AH$2:AH$366,ROUNDDOWN($C2491/24,0)+1,1))-1)+IF('Standard Profiles'!$G$18=$B$10,7,0)+IF('Standard Profiles'!$G$18=$B$17,14,0)+IF('Standard Profiles'!$G$18=$B$24,21,0),0)),0)</f>
        <v>13.234435469105959</v>
      </c>
      <c r="E2491" cm="1">
        <f t="array" ref="E2491">IFERROR(INDEX(Jesper!AI$2:AI$366,ROUNDDOWN($C2491/24,0)+1,1)*INDEX($D$3:$AA$30,INDEX(Jesper!$R$2:$R$366,ROW(INDEX(Jesper!AI$2:AI$366,ROUNDDOWN($C2491/24,0)+1,1))-1)+IF('Standard Profiles'!$G$19=$B$10,7,0)+IF('Standard Profiles'!$G$19=$B$17,14,0)+IF('Standard Profiles'!$G$19=$B$24,21,0),MOD($C2491,24)+1)/SUM(INDEX($D$3:$AA$30,INDEX(Jesper!$R$2:$R$366,ROW(INDEX(Jesper!AI$2:AI$366,ROUNDDOWN($C2491/24,0)+1,1))-1)+IF('Standard Profiles'!$G$19=$B$10,7,0)+IF('Standard Profiles'!$G$19=$B$17,14,0)+IF('Standard Profiles'!$G$19=$B$24,21,0),0)),0)</f>
        <v>0</v>
      </c>
      <c r="F2491" cm="1">
        <f t="array" ref="F2491">IFERROR(INDEX(Jesper!AJ$2:AJ$366,ROUNDDOWN($C2491/24,0)+1,1)*INDEX($D$3:$AA$30,INDEX(Jesper!$R$2:$R$366,ROW(INDEX(Jesper!AJ$2:AJ$366,ROUNDDOWN($C2491/24,0)+1,1))-1)+IF('Standard Profiles'!$G$20=$B$10,7,0)+IF('Standard Profiles'!$G$20=$B$17,14,0)+IF('Standard Profiles'!$G$20=$B$24,21,0),MOD($C2491,24)+1)/SUM(INDEX($D$3:$AA$30,INDEX(Jesper!$R$2:$R$366,ROW(INDEX(Jesper!AJ$2:AJ$366,ROUNDDOWN($C2491/24,0)+1,1))-1)+IF('Standard Profiles'!$G$20=$B$10,7,0)+IF('Standard Profiles'!$G$20=$B$17,14,0)+IF('Standard Profiles'!$G$20=$B$24,21,0),0)),0)</f>
        <v>0</v>
      </c>
      <c r="G2491" cm="1">
        <f t="array" ref="G2491">IFERROR(INDEX(Jesper!AK$2:AK$366,ROUNDDOWN($C2491/24,0)+1,1)*INDEX($D$3:$AA$30,INDEX(Jesper!$R$2:$R$366,ROW(INDEX(Jesper!AK$2:AK$366,ROUNDDOWN($C2491/24,0)+1,1))-1)+IF('Standard Profiles'!$G$21=$B$10,7,0)+IF('Standard Profiles'!$G$21=$B$17,14,0)+IF('Standard Profiles'!$G$21=$B$24,21,0),MOD($C2491,24)+1)/SUM(INDEX($D$3:$AA$30,INDEX(Jesper!$R$2:$R$366,ROW(INDEX(Jesper!AK$2:AK$366,ROUNDDOWN($C2491/24,0)+1,1))-1)+IF('Standard Profiles'!$G$21=$B$10,7,0)+IF('Standard Profiles'!$G$21=$B$17,14,0)+IF('Standard Profiles'!$G$21=$B$24,21,0),0)),0)</f>
        <v>0</v>
      </c>
      <c r="H2491" cm="1">
        <f t="array" ref="H2491">IFERROR(INDEX(Jesper!AL$2:AL$366,ROUNDDOWN($C2491/24,0)+1,1)*INDEX($D$3:$AA$30,INDEX(Jesper!$R$2:$R$366,ROW(INDEX(Jesper!AL$2:AL$366,ROUNDDOWN($C2491/24,0)+1,1))-1)+IF('Standard Profiles'!$G$22=$B$10,7,0)+IF('Standard Profiles'!$G$22=$B$17,14,0)+IF('Standard Profiles'!$G$22=$B$24,21,0),MOD($C2491,24)+1)/SUM(INDEX($D$3:$AA$30,INDEX(Jesper!$R$2:$R$366,ROW(INDEX(Jesper!AL$2:AL$366,ROUNDDOWN($C2491/24,0)+1,1))-1)+IF('Standard Profiles'!$G$22=$B$10,7,0)+IF('Standard Profiles'!$G$22=$B$17,14,0)+IF('Standard Profiles'!$G$22=$B$24,21,0),0)),0)</f>
        <v>0</v>
      </c>
      <c r="I2491">
        <f t="shared" si="286"/>
        <v>0.39703306407317873</v>
      </c>
      <c r="J2491">
        <f t="shared" si="287"/>
        <v>1.3234435469105961</v>
      </c>
      <c r="K2491">
        <f t="shared" si="288"/>
        <v>1.9851653203658937</v>
      </c>
      <c r="L2491">
        <f t="shared" si="289"/>
        <v>9.5287935377562896</v>
      </c>
      <c r="M2491">
        <f t="shared" si="290"/>
        <v>0</v>
      </c>
      <c r="N2491" s="46">
        <f t="shared" si="291"/>
        <v>45394.374999994041</v>
      </c>
    </row>
    <row r="2492" spans="2:14" x14ac:dyDescent="0.3">
      <c r="B2492">
        <f t="shared" si="285"/>
        <v>5</v>
      </c>
      <c r="C2492" s="16">
        <v>2458</v>
      </c>
      <c r="D2492" cm="1">
        <f t="array" ref="D2492">IFERROR(INDEX(Jesper!AH$2:AH$366,ROUNDDOWN($C2492/24,0)+1,1)*INDEX($D$3:$AA$30,INDEX(Jesper!$R$2:$R$366,ROW(INDEX(Jesper!AH$2:AH$366,ROUNDDOWN($C2492/24,0)+1,1))-1)+IF('Standard Profiles'!$G$18=$B$10,7,0)+IF('Standard Profiles'!$G$18=$B$17,14,0)+IF('Standard Profiles'!$G$18=$B$24,21,0),MOD($C2492,24)+1)/SUM(INDEX($D$3:$AA$30,INDEX(Jesper!$R$2:$R$366,ROW(INDEX(Jesper!AH$2:AH$366,ROUNDDOWN($C2492/24,0)+1,1))-1)+IF('Standard Profiles'!$G$18=$B$10,7,0)+IF('Standard Profiles'!$G$18=$B$17,14,0)+IF('Standard Profiles'!$G$18=$B$24,21,0),0)),0)</f>
        <v>13.763812887870195</v>
      </c>
      <c r="E2492" cm="1">
        <f t="array" ref="E2492">IFERROR(INDEX(Jesper!AI$2:AI$366,ROUNDDOWN($C2492/24,0)+1,1)*INDEX($D$3:$AA$30,INDEX(Jesper!$R$2:$R$366,ROW(INDEX(Jesper!AI$2:AI$366,ROUNDDOWN($C2492/24,0)+1,1))-1)+IF('Standard Profiles'!$G$19=$B$10,7,0)+IF('Standard Profiles'!$G$19=$B$17,14,0)+IF('Standard Profiles'!$G$19=$B$24,21,0),MOD($C2492,24)+1)/SUM(INDEX($D$3:$AA$30,INDEX(Jesper!$R$2:$R$366,ROW(INDEX(Jesper!AI$2:AI$366,ROUNDDOWN($C2492/24,0)+1,1))-1)+IF('Standard Profiles'!$G$19=$B$10,7,0)+IF('Standard Profiles'!$G$19=$B$17,14,0)+IF('Standard Profiles'!$G$19=$B$24,21,0),0)),0)</f>
        <v>0</v>
      </c>
      <c r="F2492" cm="1">
        <f t="array" ref="F2492">IFERROR(INDEX(Jesper!AJ$2:AJ$366,ROUNDDOWN($C2492/24,0)+1,1)*INDEX($D$3:$AA$30,INDEX(Jesper!$R$2:$R$366,ROW(INDEX(Jesper!AJ$2:AJ$366,ROUNDDOWN($C2492/24,0)+1,1))-1)+IF('Standard Profiles'!$G$20=$B$10,7,0)+IF('Standard Profiles'!$G$20=$B$17,14,0)+IF('Standard Profiles'!$G$20=$B$24,21,0),MOD($C2492,24)+1)/SUM(INDEX($D$3:$AA$30,INDEX(Jesper!$R$2:$R$366,ROW(INDEX(Jesper!AJ$2:AJ$366,ROUNDDOWN($C2492/24,0)+1,1))-1)+IF('Standard Profiles'!$G$20=$B$10,7,0)+IF('Standard Profiles'!$G$20=$B$17,14,0)+IF('Standard Profiles'!$G$20=$B$24,21,0),0)),0)</f>
        <v>0</v>
      </c>
      <c r="G2492" cm="1">
        <f t="array" ref="G2492">IFERROR(INDEX(Jesper!AK$2:AK$366,ROUNDDOWN($C2492/24,0)+1,1)*INDEX($D$3:$AA$30,INDEX(Jesper!$R$2:$R$366,ROW(INDEX(Jesper!AK$2:AK$366,ROUNDDOWN($C2492/24,0)+1,1))-1)+IF('Standard Profiles'!$G$21=$B$10,7,0)+IF('Standard Profiles'!$G$21=$B$17,14,0)+IF('Standard Profiles'!$G$21=$B$24,21,0),MOD($C2492,24)+1)/SUM(INDEX($D$3:$AA$30,INDEX(Jesper!$R$2:$R$366,ROW(INDEX(Jesper!AK$2:AK$366,ROUNDDOWN($C2492/24,0)+1,1))-1)+IF('Standard Profiles'!$G$21=$B$10,7,0)+IF('Standard Profiles'!$G$21=$B$17,14,0)+IF('Standard Profiles'!$G$21=$B$24,21,0),0)),0)</f>
        <v>0</v>
      </c>
      <c r="H2492" cm="1">
        <f t="array" ref="H2492">IFERROR(INDEX(Jesper!AL$2:AL$366,ROUNDDOWN($C2492/24,0)+1,1)*INDEX($D$3:$AA$30,INDEX(Jesper!$R$2:$R$366,ROW(INDEX(Jesper!AL$2:AL$366,ROUNDDOWN($C2492/24,0)+1,1))-1)+IF('Standard Profiles'!$G$22=$B$10,7,0)+IF('Standard Profiles'!$G$22=$B$17,14,0)+IF('Standard Profiles'!$G$22=$B$24,21,0),MOD($C2492,24)+1)/SUM(INDEX($D$3:$AA$30,INDEX(Jesper!$R$2:$R$366,ROW(INDEX(Jesper!AL$2:AL$366,ROUNDDOWN($C2492/24,0)+1,1))-1)+IF('Standard Profiles'!$G$22=$B$10,7,0)+IF('Standard Profiles'!$G$22=$B$17,14,0)+IF('Standard Profiles'!$G$22=$B$24,21,0),0)),0)</f>
        <v>0</v>
      </c>
      <c r="I2492">
        <f t="shared" si="286"/>
        <v>0.41291438663610586</v>
      </c>
      <c r="J2492">
        <f t="shared" si="287"/>
        <v>1.3763812887870195</v>
      </c>
      <c r="K2492">
        <f t="shared" si="288"/>
        <v>2.0645719331805292</v>
      </c>
      <c r="L2492">
        <f t="shared" si="289"/>
        <v>9.9099452792665392</v>
      </c>
      <c r="M2492">
        <f t="shared" si="290"/>
        <v>0</v>
      </c>
      <c r="N2492" s="46">
        <f t="shared" si="291"/>
        <v>45394.416666660705</v>
      </c>
    </row>
    <row r="2493" spans="2:14" x14ac:dyDescent="0.3">
      <c r="B2493">
        <f t="shared" si="285"/>
        <v>5</v>
      </c>
      <c r="C2493" s="16">
        <v>2459</v>
      </c>
      <c r="D2493" cm="1">
        <f t="array" ref="D2493">IFERROR(INDEX(Jesper!AH$2:AH$366,ROUNDDOWN($C2493/24,0)+1,1)*INDEX($D$3:$AA$30,INDEX(Jesper!$R$2:$R$366,ROW(INDEX(Jesper!AH$2:AH$366,ROUNDDOWN($C2493/24,0)+1,1))-1)+IF('Standard Profiles'!$G$18=$B$10,7,0)+IF('Standard Profiles'!$G$18=$B$17,14,0)+IF('Standard Profiles'!$G$18=$B$24,21,0),MOD($C2493,24)+1)/SUM(INDEX($D$3:$AA$30,INDEX(Jesper!$R$2:$R$366,ROW(INDEX(Jesper!AH$2:AH$366,ROUNDDOWN($C2493/24,0)+1,1))-1)+IF('Standard Profiles'!$G$18=$B$10,7,0)+IF('Standard Profiles'!$G$18=$B$17,14,0)+IF('Standard Profiles'!$G$18=$B$24,21,0),0)),0)</f>
        <v>15.881322562927151</v>
      </c>
      <c r="E2493" cm="1">
        <f t="array" ref="E2493">IFERROR(INDEX(Jesper!AI$2:AI$366,ROUNDDOWN($C2493/24,0)+1,1)*INDEX($D$3:$AA$30,INDEX(Jesper!$R$2:$R$366,ROW(INDEX(Jesper!AI$2:AI$366,ROUNDDOWN($C2493/24,0)+1,1))-1)+IF('Standard Profiles'!$G$19=$B$10,7,0)+IF('Standard Profiles'!$G$19=$B$17,14,0)+IF('Standard Profiles'!$G$19=$B$24,21,0),MOD($C2493,24)+1)/SUM(INDEX($D$3:$AA$30,INDEX(Jesper!$R$2:$R$366,ROW(INDEX(Jesper!AI$2:AI$366,ROUNDDOWN($C2493/24,0)+1,1))-1)+IF('Standard Profiles'!$G$19=$B$10,7,0)+IF('Standard Profiles'!$G$19=$B$17,14,0)+IF('Standard Profiles'!$G$19=$B$24,21,0),0)),0)</f>
        <v>0</v>
      </c>
      <c r="F2493" cm="1">
        <f t="array" ref="F2493">IFERROR(INDEX(Jesper!AJ$2:AJ$366,ROUNDDOWN($C2493/24,0)+1,1)*INDEX($D$3:$AA$30,INDEX(Jesper!$R$2:$R$366,ROW(INDEX(Jesper!AJ$2:AJ$366,ROUNDDOWN($C2493/24,0)+1,1))-1)+IF('Standard Profiles'!$G$20=$B$10,7,0)+IF('Standard Profiles'!$G$20=$B$17,14,0)+IF('Standard Profiles'!$G$20=$B$24,21,0),MOD($C2493,24)+1)/SUM(INDEX($D$3:$AA$30,INDEX(Jesper!$R$2:$R$366,ROW(INDEX(Jesper!AJ$2:AJ$366,ROUNDDOWN($C2493/24,0)+1,1))-1)+IF('Standard Profiles'!$G$20=$B$10,7,0)+IF('Standard Profiles'!$G$20=$B$17,14,0)+IF('Standard Profiles'!$G$20=$B$24,21,0),0)),0)</f>
        <v>0</v>
      </c>
      <c r="G2493" cm="1">
        <f t="array" ref="G2493">IFERROR(INDEX(Jesper!AK$2:AK$366,ROUNDDOWN($C2493/24,0)+1,1)*INDEX($D$3:$AA$30,INDEX(Jesper!$R$2:$R$366,ROW(INDEX(Jesper!AK$2:AK$366,ROUNDDOWN($C2493/24,0)+1,1))-1)+IF('Standard Profiles'!$G$21=$B$10,7,0)+IF('Standard Profiles'!$G$21=$B$17,14,0)+IF('Standard Profiles'!$G$21=$B$24,21,0),MOD($C2493,24)+1)/SUM(INDEX($D$3:$AA$30,INDEX(Jesper!$R$2:$R$366,ROW(INDEX(Jesper!AK$2:AK$366,ROUNDDOWN($C2493/24,0)+1,1))-1)+IF('Standard Profiles'!$G$21=$B$10,7,0)+IF('Standard Profiles'!$G$21=$B$17,14,0)+IF('Standard Profiles'!$G$21=$B$24,21,0),0)),0)</f>
        <v>0</v>
      </c>
      <c r="H2493" cm="1">
        <f t="array" ref="H2493">IFERROR(INDEX(Jesper!AL$2:AL$366,ROUNDDOWN($C2493/24,0)+1,1)*INDEX($D$3:$AA$30,INDEX(Jesper!$R$2:$R$366,ROW(INDEX(Jesper!AL$2:AL$366,ROUNDDOWN($C2493/24,0)+1,1))-1)+IF('Standard Profiles'!$G$22=$B$10,7,0)+IF('Standard Profiles'!$G$22=$B$17,14,0)+IF('Standard Profiles'!$G$22=$B$24,21,0),MOD($C2493,24)+1)/SUM(INDEX($D$3:$AA$30,INDEX(Jesper!$R$2:$R$366,ROW(INDEX(Jesper!AL$2:AL$366,ROUNDDOWN($C2493/24,0)+1,1))-1)+IF('Standard Profiles'!$G$22=$B$10,7,0)+IF('Standard Profiles'!$G$22=$B$17,14,0)+IF('Standard Profiles'!$G$22=$B$24,21,0),0)),0)</f>
        <v>0</v>
      </c>
      <c r="I2493">
        <f t="shared" si="286"/>
        <v>0.47643967688781452</v>
      </c>
      <c r="J2493">
        <f t="shared" si="287"/>
        <v>1.5881322562927151</v>
      </c>
      <c r="K2493">
        <f t="shared" si="288"/>
        <v>2.3821983844390724</v>
      </c>
      <c r="L2493">
        <f t="shared" si="289"/>
        <v>11.434552245307549</v>
      </c>
      <c r="M2493">
        <f t="shared" si="290"/>
        <v>0</v>
      </c>
      <c r="N2493" s="46">
        <f t="shared" si="291"/>
        <v>45394.458333327369</v>
      </c>
    </row>
    <row r="2494" spans="2:14" x14ac:dyDescent="0.3">
      <c r="B2494">
        <f t="shared" si="285"/>
        <v>5</v>
      </c>
      <c r="C2494" s="16">
        <v>2460</v>
      </c>
      <c r="D2494" cm="1">
        <f t="array" ref="D2494">IFERROR(INDEX(Jesper!AH$2:AH$366,ROUNDDOWN($C2494/24,0)+1,1)*INDEX($D$3:$AA$30,INDEX(Jesper!$R$2:$R$366,ROW(INDEX(Jesper!AH$2:AH$366,ROUNDDOWN($C2494/24,0)+1,1))-1)+IF('Standard Profiles'!$G$18=$B$10,7,0)+IF('Standard Profiles'!$G$18=$B$17,14,0)+IF('Standard Profiles'!$G$18=$B$24,21,0),MOD($C2494,24)+1)/SUM(INDEX($D$3:$AA$30,INDEX(Jesper!$R$2:$R$366,ROW(INDEX(Jesper!AH$2:AH$366,ROUNDDOWN($C2494/24,0)+1,1))-1)+IF('Standard Profiles'!$G$18=$B$10,7,0)+IF('Standard Profiles'!$G$18=$B$17,14,0)+IF('Standard Profiles'!$G$18=$B$24,21,0),0)),0)</f>
        <v>15.881322562927151</v>
      </c>
      <c r="E2494" cm="1">
        <f t="array" ref="E2494">IFERROR(INDEX(Jesper!AI$2:AI$366,ROUNDDOWN($C2494/24,0)+1,1)*INDEX($D$3:$AA$30,INDEX(Jesper!$R$2:$R$366,ROW(INDEX(Jesper!AI$2:AI$366,ROUNDDOWN($C2494/24,0)+1,1))-1)+IF('Standard Profiles'!$G$19=$B$10,7,0)+IF('Standard Profiles'!$G$19=$B$17,14,0)+IF('Standard Profiles'!$G$19=$B$24,21,0),MOD($C2494,24)+1)/SUM(INDEX($D$3:$AA$30,INDEX(Jesper!$R$2:$R$366,ROW(INDEX(Jesper!AI$2:AI$366,ROUNDDOWN($C2494/24,0)+1,1))-1)+IF('Standard Profiles'!$G$19=$B$10,7,0)+IF('Standard Profiles'!$G$19=$B$17,14,0)+IF('Standard Profiles'!$G$19=$B$24,21,0),0)),0)</f>
        <v>0</v>
      </c>
      <c r="F2494" cm="1">
        <f t="array" ref="F2494">IFERROR(INDEX(Jesper!AJ$2:AJ$366,ROUNDDOWN($C2494/24,0)+1,1)*INDEX($D$3:$AA$30,INDEX(Jesper!$R$2:$R$366,ROW(INDEX(Jesper!AJ$2:AJ$366,ROUNDDOWN($C2494/24,0)+1,1))-1)+IF('Standard Profiles'!$G$20=$B$10,7,0)+IF('Standard Profiles'!$G$20=$B$17,14,0)+IF('Standard Profiles'!$G$20=$B$24,21,0),MOD($C2494,24)+1)/SUM(INDEX($D$3:$AA$30,INDEX(Jesper!$R$2:$R$366,ROW(INDEX(Jesper!AJ$2:AJ$366,ROUNDDOWN($C2494/24,0)+1,1))-1)+IF('Standard Profiles'!$G$20=$B$10,7,0)+IF('Standard Profiles'!$G$20=$B$17,14,0)+IF('Standard Profiles'!$G$20=$B$24,21,0),0)),0)</f>
        <v>0</v>
      </c>
      <c r="G2494" cm="1">
        <f t="array" ref="G2494">IFERROR(INDEX(Jesper!AK$2:AK$366,ROUNDDOWN($C2494/24,0)+1,1)*INDEX($D$3:$AA$30,INDEX(Jesper!$R$2:$R$366,ROW(INDEX(Jesper!AK$2:AK$366,ROUNDDOWN($C2494/24,0)+1,1))-1)+IF('Standard Profiles'!$G$21=$B$10,7,0)+IF('Standard Profiles'!$G$21=$B$17,14,0)+IF('Standard Profiles'!$G$21=$B$24,21,0),MOD($C2494,24)+1)/SUM(INDEX($D$3:$AA$30,INDEX(Jesper!$R$2:$R$366,ROW(INDEX(Jesper!AK$2:AK$366,ROUNDDOWN($C2494/24,0)+1,1))-1)+IF('Standard Profiles'!$G$21=$B$10,7,0)+IF('Standard Profiles'!$G$21=$B$17,14,0)+IF('Standard Profiles'!$G$21=$B$24,21,0),0)),0)</f>
        <v>0</v>
      </c>
      <c r="H2494" cm="1">
        <f t="array" ref="H2494">IFERROR(INDEX(Jesper!AL$2:AL$366,ROUNDDOWN($C2494/24,0)+1,1)*INDEX($D$3:$AA$30,INDEX(Jesper!$R$2:$R$366,ROW(INDEX(Jesper!AL$2:AL$366,ROUNDDOWN($C2494/24,0)+1,1))-1)+IF('Standard Profiles'!$G$22=$B$10,7,0)+IF('Standard Profiles'!$G$22=$B$17,14,0)+IF('Standard Profiles'!$G$22=$B$24,21,0),MOD($C2494,24)+1)/SUM(INDEX($D$3:$AA$30,INDEX(Jesper!$R$2:$R$366,ROW(INDEX(Jesper!AL$2:AL$366,ROUNDDOWN($C2494/24,0)+1,1))-1)+IF('Standard Profiles'!$G$22=$B$10,7,0)+IF('Standard Profiles'!$G$22=$B$17,14,0)+IF('Standard Profiles'!$G$22=$B$24,21,0),0)),0)</f>
        <v>0</v>
      </c>
      <c r="I2494">
        <f t="shared" si="286"/>
        <v>0.47643967688781452</v>
      </c>
      <c r="J2494">
        <f t="shared" si="287"/>
        <v>1.5881322562927151</v>
      </c>
      <c r="K2494">
        <f t="shared" si="288"/>
        <v>2.3821983844390724</v>
      </c>
      <c r="L2494">
        <f t="shared" si="289"/>
        <v>11.434552245307549</v>
      </c>
      <c r="M2494">
        <f t="shared" si="290"/>
        <v>0</v>
      </c>
      <c r="N2494" s="46">
        <f t="shared" si="291"/>
        <v>45394.499999994034</v>
      </c>
    </row>
    <row r="2495" spans="2:14" x14ac:dyDescent="0.3">
      <c r="B2495">
        <f t="shared" si="285"/>
        <v>5</v>
      </c>
      <c r="C2495" s="16">
        <v>2461</v>
      </c>
      <c r="D2495" cm="1">
        <f t="array" ref="D2495">IFERROR(INDEX(Jesper!AH$2:AH$366,ROUNDDOWN($C2495/24,0)+1,1)*INDEX($D$3:$AA$30,INDEX(Jesper!$R$2:$R$366,ROW(INDEX(Jesper!AH$2:AH$366,ROUNDDOWN($C2495/24,0)+1,1))-1)+IF('Standard Profiles'!$G$18=$B$10,7,0)+IF('Standard Profiles'!$G$18=$B$17,14,0)+IF('Standard Profiles'!$G$18=$B$24,21,0),MOD($C2495,24)+1)/SUM(INDEX($D$3:$AA$30,INDEX(Jesper!$R$2:$R$366,ROW(INDEX(Jesper!AH$2:AH$366,ROUNDDOWN($C2495/24,0)+1,1))-1)+IF('Standard Profiles'!$G$18=$B$10,7,0)+IF('Standard Profiles'!$G$18=$B$17,14,0)+IF('Standard Profiles'!$G$18=$B$24,21,0),0)),0)</f>
        <v>15.881322562927151</v>
      </c>
      <c r="E2495" cm="1">
        <f t="array" ref="E2495">IFERROR(INDEX(Jesper!AI$2:AI$366,ROUNDDOWN($C2495/24,0)+1,1)*INDEX($D$3:$AA$30,INDEX(Jesper!$R$2:$R$366,ROW(INDEX(Jesper!AI$2:AI$366,ROUNDDOWN($C2495/24,0)+1,1))-1)+IF('Standard Profiles'!$G$19=$B$10,7,0)+IF('Standard Profiles'!$G$19=$B$17,14,0)+IF('Standard Profiles'!$G$19=$B$24,21,0),MOD($C2495,24)+1)/SUM(INDEX($D$3:$AA$30,INDEX(Jesper!$R$2:$R$366,ROW(INDEX(Jesper!AI$2:AI$366,ROUNDDOWN($C2495/24,0)+1,1))-1)+IF('Standard Profiles'!$G$19=$B$10,7,0)+IF('Standard Profiles'!$G$19=$B$17,14,0)+IF('Standard Profiles'!$G$19=$B$24,21,0),0)),0)</f>
        <v>0</v>
      </c>
      <c r="F2495" cm="1">
        <f t="array" ref="F2495">IFERROR(INDEX(Jesper!AJ$2:AJ$366,ROUNDDOWN($C2495/24,0)+1,1)*INDEX($D$3:$AA$30,INDEX(Jesper!$R$2:$R$366,ROW(INDEX(Jesper!AJ$2:AJ$366,ROUNDDOWN($C2495/24,0)+1,1))-1)+IF('Standard Profiles'!$G$20=$B$10,7,0)+IF('Standard Profiles'!$G$20=$B$17,14,0)+IF('Standard Profiles'!$G$20=$B$24,21,0),MOD($C2495,24)+1)/SUM(INDEX($D$3:$AA$30,INDEX(Jesper!$R$2:$R$366,ROW(INDEX(Jesper!AJ$2:AJ$366,ROUNDDOWN($C2495/24,0)+1,1))-1)+IF('Standard Profiles'!$G$20=$B$10,7,0)+IF('Standard Profiles'!$G$20=$B$17,14,0)+IF('Standard Profiles'!$G$20=$B$24,21,0),0)),0)</f>
        <v>0</v>
      </c>
      <c r="G2495" cm="1">
        <f t="array" ref="G2495">IFERROR(INDEX(Jesper!AK$2:AK$366,ROUNDDOWN($C2495/24,0)+1,1)*INDEX($D$3:$AA$30,INDEX(Jesper!$R$2:$R$366,ROW(INDEX(Jesper!AK$2:AK$366,ROUNDDOWN($C2495/24,0)+1,1))-1)+IF('Standard Profiles'!$G$21=$B$10,7,0)+IF('Standard Profiles'!$G$21=$B$17,14,0)+IF('Standard Profiles'!$G$21=$B$24,21,0),MOD($C2495,24)+1)/SUM(INDEX($D$3:$AA$30,INDEX(Jesper!$R$2:$R$366,ROW(INDEX(Jesper!AK$2:AK$366,ROUNDDOWN($C2495/24,0)+1,1))-1)+IF('Standard Profiles'!$G$21=$B$10,7,0)+IF('Standard Profiles'!$G$21=$B$17,14,0)+IF('Standard Profiles'!$G$21=$B$24,21,0),0)),0)</f>
        <v>0</v>
      </c>
      <c r="H2495" cm="1">
        <f t="array" ref="H2495">IFERROR(INDEX(Jesper!AL$2:AL$366,ROUNDDOWN($C2495/24,0)+1,1)*INDEX($D$3:$AA$30,INDEX(Jesper!$R$2:$R$366,ROW(INDEX(Jesper!AL$2:AL$366,ROUNDDOWN($C2495/24,0)+1,1))-1)+IF('Standard Profiles'!$G$22=$B$10,7,0)+IF('Standard Profiles'!$G$22=$B$17,14,0)+IF('Standard Profiles'!$G$22=$B$24,21,0),MOD($C2495,24)+1)/SUM(INDEX($D$3:$AA$30,INDEX(Jesper!$R$2:$R$366,ROW(INDEX(Jesper!AL$2:AL$366,ROUNDDOWN($C2495/24,0)+1,1))-1)+IF('Standard Profiles'!$G$22=$B$10,7,0)+IF('Standard Profiles'!$G$22=$B$17,14,0)+IF('Standard Profiles'!$G$22=$B$24,21,0),0)),0)</f>
        <v>0</v>
      </c>
      <c r="I2495">
        <f t="shared" si="286"/>
        <v>0.47643967688781452</v>
      </c>
      <c r="J2495">
        <f t="shared" si="287"/>
        <v>1.5881322562927151</v>
      </c>
      <c r="K2495">
        <f t="shared" si="288"/>
        <v>2.3821983844390724</v>
      </c>
      <c r="L2495">
        <f t="shared" si="289"/>
        <v>11.434552245307549</v>
      </c>
      <c r="M2495">
        <f t="shared" si="290"/>
        <v>0</v>
      </c>
      <c r="N2495" s="46">
        <f t="shared" si="291"/>
        <v>45394.541666660698</v>
      </c>
    </row>
    <row r="2496" spans="2:14" x14ac:dyDescent="0.3">
      <c r="B2496">
        <f t="shared" si="285"/>
        <v>5</v>
      </c>
      <c r="C2496" s="16">
        <v>2462</v>
      </c>
      <c r="D2496" cm="1">
        <f t="array" ref="D2496">IFERROR(INDEX(Jesper!AH$2:AH$366,ROUNDDOWN($C2496/24,0)+1,1)*INDEX($D$3:$AA$30,INDEX(Jesper!$R$2:$R$366,ROW(INDEX(Jesper!AH$2:AH$366,ROUNDDOWN($C2496/24,0)+1,1))-1)+IF('Standard Profiles'!$G$18=$B$10,7,0)+IF('Standard Profiles'!$G$18=$B$17,14,0)+IF('Standard Profiles'!$G$18=$B$24,21,0),MOD($C2496,24)+1)/SUM(INDEX($D$3:$AA$30,INDEX(Jesper!$R$2:$R$366,ROW(INDEX(Jesper!AH$2:AH$366,ROUNDDOWN($C2496/24,0)+1,1))-1)+IF('Standard Profiles'!$G$18=$B$10,7,0)+IF('Standard Profiles'!$G$18=$B$17,14,0)+IF('Standard Profiles'!$G$18=$B$24,21,0),0)),0)</f>
        <v>15.881322562927151</v>
      </c>
      <c r="E2496" cm="1">
        <f t="array" ref="E2496">IFERROR(INDEX(Jesper!AI$2:AI$366,ROUNDDOWN($C2496/24,0)+1,1)*INDEX($D$3:$AA$30,INDEX(Jesper!$R$2:$R$366,ROW(INDEX(Jesper!AI$2:AI$366,ROUNDDOWN($C2496/24,0)+1,1))-1)+IF('Standard Profiles'!$G$19=$B$10,7,0)+IF('Standard Profiles'!$G$19=$B$17,14,0)+IF('Standard Profiles'!$G$19=$B$24,21,0),MOD($C2496,24)+1)/SUM(INDEX($D$3:$AA$30,INDEX(Jesper!$R$2:$R$366,ROW(INDEX(Jesper!AI$2:AI$366,ROUNDDOWN($C2496/24,0)+1,1))-1)+IF('Standard Profiles'!$G$19=$B$10,7,0)+IF('Standard Profiles'!$G$19=$B$17,14,0)+IF('Standard Profiles'!$G$19=$B$24,21,0),0)),0)</f>
        <v>0</v>
      </c>
      <c r="F2496" cm="1">
        <f t="array" ref="F2496">IFERROR(INDEX(Jesper!AJ$2:AJ$366,ROUNDDOWN($C2496/24,0)+1,1)*INDEX($D$3:$AA$30,INDEX(Jesper!$R$2:$R$366,ROW(INDEX(Jesper!AJ$2:AJ$366,ROUNDDOWN($C2496/24,0)+1,1))-1)+IF('Standard Profiles'!$G$20=$B$10,7,0)+IF('Standard Profiles'!$G$20=$B$17,14,0)+IF('Standard Profiles'!$G$20=$B$24,21,0),MOD($C2496,24)+1)/SUM(INDEX($D$3:$AA$30,INDEX(Jesper!$R$2:$R$366,ROW(INDEX(Jesper!AJ$2:AJ$366,ROUNDDOWN($C2496/24,0)+1,1))-1)+IF('Standard Profiles'!$G$20=$B$10,7,0)+IF('Standard Profiles'!$G$20=$B$17,14,0)+IF('Standard Profiles'!$G$20=$B$24,21,0),0)),0)</f>
        <v>0</v>
      </c>
      <c r="G2496" cm="1">
        <f t="array" ref="G2496">IFERROR(INDEX(Jesper!AK$2:AK$366,ROUNDDOWN($C2496/24,0)+1,1)*INDEX($D$3:$AA$30,INDEX(Jesper!$R$2:$R$366,ROW(INDEX(Jesper!AK$2:AK$366,ROUNDDOWN($C2496/24,0)+1,1))-1)+IF('Standard Profiles'!$G$21=$B$10,7,0)+IF('Standard Profiles'!$G$21=$B$17,14,0)+IF('Standard Profiles'!$G$21=$B$24,21,0),MOD($C2496,24)+1)/SUM(INDEX($D$3:$AA$30,INDEX(Jesper!$R$2:$R$366,ROW(INDEX(Jesper!AK$2:AK$366,ROUNDDOWN($C2496/24,0)+1,1))-1)+IF('Standard Profiles'!$G$21=$B$10,7,0)+IF('Standard Profiles'!$G$21=$B$17,14,0)+IF('Standard Profiles'!$G$21=$B$24,21,0),0)),0)</f>
        <v>0</v>
      </c>
      <c r="H2496" cm="1">
        <f t="array" ref="H2496">IFERROR(INDEX(Jesper!AL$2:AL$366,ROUNDDOWN($C2496/24,0)+1,1)*INDEX($D$3:$AA$30,INDEX(Jesper!$R$2:$R$366,ROW(INDEX(Jesper!AL$2:AL$366,ROUNDDOWN($C2496/24,0)+1,1))-1)+IF('Standard Profiles'!$G$22=$B$10,7,0)+IF('Standard Profiles'!$G$22=$B$17,14,0)+IF('Standard Profiles'!$G$22=$B$24,21,0),MOD($C2496,24)+1)/SUM(INDEX($D$3:$AA$30,INDEX(Jesper!$R$2:$R$366,ROW(INDEX(Jesper!AL$2:AL$366,ROUNDDOWN($C2496/24,0)+1,1))-1)+IF('Standard Profiles'!$G$22=$B$10,7,0)+IF('Standard Profiles'!$G$22=$B$17,14,0)+IF('Standard Profiles'!$G$22=$B$24,21,0),0)),0)</f>
        <v>0</v>
      </c>
      <c r="I2496">
        <f t="shared" si="286"/>
        <v>0.47643967688781452</v>
      </c>
      <c r="J2496">
        <f t="shared" si="287"/>
        <v>1.5881322562927151</v>
      </c>
      <c r="K2496">
        <f t="shared" si="288"/>
        <v>2.3821983844390724</v>
      </c>
      <c r="L2496">
        <f t="shared" si="289"/>
        <v>11.434552245307549</v>
      </c>
      <c r="M2496">
        <f t="shared" si="290"/>
        <v>0</v>
      </c>
      <c r="N2496" s="46">
        <f t="shared" si="291"/>
        <v>45394.583333327362</v>
      </c>
    </row>
    <row r="2497" spans="2:14" x14ac:dyDescent="0.3">
      <c r="B2497">
        <f t="shared" si="285"/>
        <v>5</v>
      </c>
      <c r="C2497" s="16">
        <v>2463</v>
      </c>
      <c r="D2497" cm="1">
        <f t="array" ref="D2497">IFERROR(INDEX(Jesper!AH$2:AH$366,ROUNDDOWN($C2497/24,0)+1,1)*INDEX($D$3:$AA$30,INDEX(Jesper!$R$2:$R$366,ROW(INDEX(Jesper!AH$2:AH$366,ROUNDDOWN($C2497/24,0)+1,1))-1)+IF('Standard Profiles'!$G$18=$B$10,7,0)+IF('Standard Profiles'!$G$18=$B$17,14,0)+IF('Standard Profiles'!$G$18=$B$24,21,0),MOD($C2497,24)+1)/SUM(INDEX($D$3:$AA$30,INDEX(Jesper!$R$2:$R$366,ROW(INDEX(Jesper!AH$2:AH$366,ROUNDDOWN($C2497/24,0)+1,1))-1)+IF('Standard Profiles'!$G$18=$B$10,7,0)+IF('Standard Profiles'!$G$18=$B$17,14,0)+IF('Standard Profiles'!$G$18=$B$24,21,0),0)),0)</f>
        <v>13.234435469105959</v>
      </c>
      <c r="E2497" cm="1">
        <f t="array" ref="E2497">IFERROR(INDEX(Jesper!AI$2:AI$366,ROUNDDOWN($C2497/24,0)+1,1)*INDEX($D$3:$AA$30,INDEX(Jesper!$R$2:$R$366,ROW(INDEX(Jesper!AI$2:AI$366,ROUNDDOWN($C2497/24,0)+1,1))-1)+IF('Standard Profiles'!$G$19=$B$10,7,0)+IF('Standard Profiles'!$G$19=$B$17,14,0)+IF('Standard Profiles'!$G$19=$B$24,21,0),MOD($C2497,24)+1)/SUM(INDEX($D$3:$AA$30,INDEX(Jesper!$R$2:$R$366,ROW(INDEX(Jesper!AI$2:AI$366,ROUNDDOWN($C2497/24,0)+1,1))-1)+IF('Standard Profiles'!$G$19=$B$10,7,0)+IF('Standard Profiles'!$G$19=$B$17,14,0)+IF('Standard Profiles'!$G$19=$B$24,21,0),0)),0)</f>
        <v>0</v>
      </c>
      <c r="F2497" cm="1">
        <f t="array" ref="F2497">IFERROR(INDEX(Jesper!AJ$2:AJ$366,ROUNDDOWN($C2497/24,0)+1,1)*INDEX($D$3:$AA$30,INDEX(Jesper!$R$2:$R$366,ROW(INDEX(Jesper!AJ$2:AJ$366,ROUNDDOWN($C2497/24,0)+1,1))-1)+IF('Standard Profiles'!$G$20=$B$10,7,0)+IF('Standard Profiles'!$G$20=$B$17,14,0)+IF('Standard Profiles'!$G$20=$B$24,21,0),MOD($C2497,24)+1)/SUM(INDEX($D$3:$AA$30,INDEX(Jesper!$R$2:$R$366,ROW(INDEX(Jesper!AJ$2:AJ$366,ROUNDDOWN($C2497/24,0)+1,1))-1)+IF('Standard Profiles'!$G$20=$B$10,7,0)+IF('Standard Profiles'!$G$20=$B$17,14,0)+IF('Standard Profiles'!$G$20=$B$24,21,0),0)),0)</f>
        <v>0</v>
      </c>
      <c r="G2497" cm="1">
        <f t="array" ref="G2497">IFERROR(INDEX(Jesper!AK$2:AK$366,ROUNDDOWN($C2497/24,0)+1,1)*INDEX($D$3:$AA$30,INDEX(Jesper!$R$2:$R$366,ROW(INDEX(Jesper!AK$2:AK$366,ROUNDDOWN($C2497/24,0)+1,1))-1)+IF('Standard Profiles'!$G$21=$B$10,7,0)+IF('Standard Profiles'!$G$21=$B$17,14,0)+IF('Standard Profiles'!$G$21=$B$24,21,0),MOD($C2497,24)+1)/SUM(INDEX($D$3:$AA$30,INDEX(Jesper!$R$2:$R$366,ROW(INDEX(Jesper!AK$2:AK$366,ROUNDDOWN($C2497/24,0)+1,1))-1)+IF('Standard Profiles'!$G$21=$B$10,7,0)+IF('Standard Profiles'!$G$21=$B$17,14,0)+IF('Standard Profiles'!$G$21=$B$24,21,0),0)),0)</f>
        <v>0</v>
      </c>
      <c r="H2497" cm="1">
        <f t="array" ref="H2497">IFERROR(INDEX(Jesper!AL$2:AL$366,ROUNDDOWN($C2497/24,0)+1,1)*INDEX($D$3:$AA$30,INDEX(Jesper!$R$2:$R$366,ROW(INDEX(Jesper!AL$2:AL$366,ROUNDDOWN($C2497/24,0)+1,1))-1)+IF('Standard Profiles'!$G$22=$B$10,7,0)+IF('Standard Profiles'!$G$22=$B$17,14,0)+IF('Standard Profiles'!$G$22=$B$24,21,0),MOD($C2497,24)+1)/SUM(INDEX($D$3:$AA$30,INDEX(Jesper!$R$2:$R$366,ROW(INDEX(Jesper!AL$2:AL$366,ROUNDDOWN($C2497/24,0)+1,1))-1)+IF('Standard Profiles'!$G$22=$B$10,7,0)+IF('Standard Profiles'!$G$22=$B$17,14,0)+IF('Standard Profiles'!$G$22=$B$24,21,0),0)),0)</f>
        <v>0</v>
      </c>
      <c r="I2497">
        <f t="shared" si="286"/>
        <v>0.39703306407317873</v>
      </c>
      <c r="J2497">
        <f t="shared" si="287"/>
        <v>1.3234435469105961</v>
      </c>
      <c r="K2497">
        <f t="shared" si="288"/>
        <v>1.9851653203658937</v>
      </c>
      <c r="L2497">
        <f t="shared" si="289"/>
        <v>9.5287935377562896</v>
      </c>
      <c r="M2497">
        <f t="shared" si="290"/>
        <v>0</v>
      </c>
      <c r="N2497" s="46">
        <f t="shared" si="291"/>
        <v>45394.624999994026</v>
      </c>
    </row>
    <row r="2498" spans="2:14" x14ac:dyDescent="0.3">
      <c r="B2498">
        <f t="shared" si="285"/>
        <v>5</v>
      </c>
      <c r="C2498" s="16">
        <v>2464</v>
      </c>
      <c r="D2498" cm="1">
        <f t="array" ref="D2498">IFERROR(INDEX(Jesper!AH$2:AH$366,ROUNDDOWN($C2498/24,0)+1,1)*INDEX($D$3:$AA$30,INDEX(Jesper!$R$2:$R$366,ROW(INDEX(Jesper!AH$2:AH$366,ROUNDDOWN($C2498/24,0)+1,1))-1)+IF('Standard Profiles'!$G$18=$B$10,7,0)+IF('Standard Profiles'!$G$18=$B$17,14,0)+IF('Standard Profiles'!$G$18=$B$24,21,0),MOD($C2498,24)+1)/SUM(INDEX($D$3:$AA$30,INDEX(Jesper!$R$2:$R$366,ROW(INDEX(Jesper!AH$2:AH$366,ROUNDDOWN($C2498/24,0)+1,1))-1)+IF('Standard Profiles'!$G$18=$B$10,7,0)+IF('Standard Profiles'!$G$18=$B$17,14,0)+IF('Standard Profiles'!$G$18=$B$24,21,0),0)),0)</f>
        <v>12.528598910753642</v>
      </c>
      <c r="E2498" cm="1">
        <f t="array" ref="E2498">IFERROR(INDEX(Jesper!AI$2:AI$366,ROUNDDOWN($C2498/24,0)+1,1)*INDEX($D$3:$AA$30,INDEX(Jesper!$R$2:$R$366,ROW(INDEX(Jesper!AI$2:AI$366,ROUNDDOWN($C2498/24,0)+1,1))-1)+IF('Standard Profiles'!$G$19=$B$10,7,0)+IF('Standard Profiles'!$G$19=$B$17,14,0)+IF('Standard Profiles'!$G$19=$B$24,21,0),MOD($C2498,24)+1)/SUM(INDEX($D$3:$AA$30,INDEX(Jesper!$R$2:$R$366,ROW(INDEX(Jesper!AI$2:AI$366,ROUNDDOWN($C2498/24,0)+1,1))-1)+IF('Standard Profiles'!$G$19=$B$10,7,0)+IF('Standard Profiles'!$G$19=$B$17,14,0)+IF('Standard Profiles'!$G$19=$B$24,21,0),0)),0)</f>
        <v>0</v>
      </c>
      <c r="F2498" cm="1">
        <f t="array" ref="F2498">IFERROR(INDEX(Jesper!AJ$2:AJ$366,ROUNDDOWN($C2498/24,0)+1,1)*INDEX($D$3:$AA$30,INDEX(Jesper!$R$2:$R$366,ROW(INDEX(Jesper!AJ$2:AJ$366,ROUNDDOWN($C2498/24,0)+1,1))-1)+IF('Standard Profiles'!$G$20=$B$10,7,0)+IF('Standard Profiles'!$G$20=$B$17,14,0)+IF('Standard Profiles'!$G$20=$B$24,21,0),MOD($C2498,24)+1)/SUM(INDEX($D$3:$AA$30,INDEX(Jesper!$R$2:$R$366,ROW(INDEX(Jesper!AJ$2:AJ$366,ROUNDDOWN($C2498/24,0)+1,1))-1)+IF('Standard Profiles'!$G$20=$B$10,7,0)+IF('Standard Profiles'!$G$20=$B$17,14,0)+IF('Standard Profiles'!$G$20=$B$24,21,0),0)),0)</f>
        <v>0</v>
      </c>
      <c r="G2498" cm="1">
        <f t="array" ref="G2498">IFERROR(INDEX(Jesper!AK$2:AK$366,ROUNDDOWN($C2498/24,0)+1,1)*INDEX($D$3:$AA$30,INDEX(Jesper!$R$2:$R$366,ROW(INDEX(Jesper!AK$2:AK$366,ROUNDDOWN($C2498/24,0)+1,1))-1)+IF('Standard Profiles'!$G$21=$B$10,7,0)+IF('Standard Profiles'!$G$21=$B$17,14,0)+IF('Standard Profiles'!$G$21=$B$24,21,0),MOD($C2498,24)+1)/SUM(INDEX($D$3:$AA$30,INDEX(Jesper!$R$2:$R$366,ROW(INDEX(Jesper!AK$2:AK$366,ROUNDDOWN($C2498/24,0)+1,1))-1)+IF('Standard Profiles'!$G$21=$B$10,7,0)+IF('Standard Profiles'!$G$21=$B$17,14,0)+IF('Standard Profiles'!$G$21=$B$24,21,0),0)),0)</f>
        <v>0</v>
      </c>
      <c r="H2498" cm="1">
        <f t="array" ref="H2498">IFERROR(INDEX(Jesper!AL$2:AL$366,ROUNDDOWN($C2498/24,0)+1,1)*INDEX($D$3:$AA$30,INDEX(Jesper!$R$2:$R$366,ROW(INDEX(Jesper!AL$2:AL$366,ROUNDDOWN($C2498/24,0)+1,1))-1)+IF('Standard Profiles'!$G$22=$B$10,7,0)+IF('Standard Profiles'!$G$22=$B$17,14,0)+IF('Standard Profiles'!$G$22=$B$24,21,0),MOD($C2498,24)+1)/SUM(INDEX($D$3:$AA$30,INDEX(Jesper!$R$2:$R$366,ROW(INDEX(Jesper!AL$2:AL$366,ROUNDDOWN($C2498/24,0)+1,1))-1)+IF('Standard Profiles'!$G$22=$B$10,7,0)+IF('Standard Profiles'!$G$22=$B$17,14,0)+IF('Standard Profiles'!$G$22=$B$24,21,0),0)),0)</f>
        <v>0</v>
      </c>
      <c r="I2498">
        <f t="shared" si="286"/>
        <v>0.37585796732260923</v>
      </c>
      <c r="J2498">
        <f t="shared" si="287"/>
        <v>1.2528598910753643</v>
      </c>
      <c r="K2498">
        <f t="shared" si="288"/>
        <v>1.8792898366130462</v>
      </c>
      <c r="L2498">
        <f t="shared" si="289"/>
        <v>9.0205912157426216</v>
      </c>
      <c r="M2498">
        <f t="shared" si="290"/>
        <v>0</v>
      </c>
      <c r="N2498" s="46">
        <f t="shared" si="291"/>
        <v>45394.666666660691</v>
      </c>
    </row>
    <row r="2499" spans="2:14" x14ac:dyDescent="0.3">
      <c r="B2499">
        <f t="shared" si="285"/>
        <v>5</v>
      </c>
      <c r="C2499" s="16">
        <v>2465</v>
      </c>
      <c r="D2499" cm="1">
        <f t="array" ref="D2499">IFERROR(INDEX(Jesper!AH$2:AH$366,ROUNDDOWN($C2499/24,0)+1,1)*INDEX($D$3:$AA$30,INDEX(Jesper!$R$2:$R$366,ROW(INDEX(Jesper!AH$2:AH$366,ROUNDDOWN($C2499/24,0)+1,1))-1)+IF('Standard Profiles'!$G$18=$B$10,7,0)+IF('Standard Profiles'!$G$18=$B$17,14,0)+IF('Standard Profiles'!$G$18=$B$24,21,0),MOD($C2499,24)+1)/SUM(INDEX($D$3:$AA$30,INDEX(Jesper!$R$2:$R$366,ROW(INDEX(Jesper!AH$2:AH$366,ROUNDDOWN($C2499/24,0)+1,1))-1)+IF('Standard Profiles'!$G$18=$B$10,7,0)+IF('Standard Profiles'!$G$18=$B$17,14,0)+IF('Standard Profiles'!$G$18=$B$24,21,0),0)),0)</f>
        <v>12.528598910753642</v>
      </c>
      <c r="E2499" cm="1">
        <f t="array" ref="E2499">IFERROR(INDEX(Jesper!AI$2:AI$366,ROUNDDOWN($C2499/24,0)+1,1)*INDEX($D$3:$AA$30,INDEX(Jesper!$R$2:$R$366,ROW(INDEX(Jesper!AI$2:AI$366,ROUNDDOWN($C2499/24,0)+1,1))-1)+IF('Standard Profiles'!$G$19=$B$10,7,0)+IF('Standard Profiles'!$G$19=$B$17,14,0)+IF('Standard Profiles'!$G$19=$B$24,21,0),MOD($C2499,24)+1)/SUM(INDEX($D$3:$AA$30,INDEX(Jesper!$R$2:$R$366,ROW(INDEX(Jesper!AI$2:AI$366,ROUNDDOWN($C2499/24,0)+1,1))-1)+IF('Standard Profiles'!$G$19=$B$10,7,0)+IF('Standard Profiles'!$G$19=$B$17,14,0)+IF('Standard Profiles'!$G$19=$B$24,21,0),0)),0)</f>
        <v>0</v>
      </c>
      <c r="F2499" cm="1">
        <f t="array" ref="F2499">IFERROR(INDEX(Jesper!AJ$2:AJ$366,ROUNDDOWN($C2499/24,0)+1,1)*INDEX($D$3:$AA$30,INDEX(Jesper!$R$2:$R$366,ROW(INDEX(Jesper!AJ$2:AJ$366,ROUNDDOWN($C2499/24,0)+1,1))-1)+IF('Standard Profiles'!$G$20=$B$10,7,0)+IF('Standard Profiles'!$G$20=$B$17,14,0)+IF('Standard Profiles'!$G$20=$B$24,21,0),MOD($C2499,24)+1)/SUM(INDEX($D$3:$AA$30,INDEX(Jesper!$R$2:$R$366,ROW(INDEX(Jesper!AJ$2:AJ$366,ROUNDDOWN($C2499/24,0)+1,1))-1)+IF('Standard Profiles'!$G$20=$B$10,7,0)+IF('Standard Profiles'!$G$20=$B$17,14,0)+IF('Standard Profiles'!$G$20=$B$24,21,0),0)),0)</f>
        <v>0</v>
      </c>
      <c r="G2499" cm="1">
        <f t="array" ref="G2499">IFERROR(INDEX(Jesper!AK$2:AK$366,ROUNDDOWN($C2499/24,0)+1,1)*INDEX($D$3:$AA$30,INDEX(Jesper!$R$2:$R$366,ROW(INDEX(Jesper!AK$2:AK$366,ROUNDDOWN($C2499/24,0)+1,1))-1)+IF('Standard Profiles'!$G$21=$B$10,7,0)+IF('Standard Profiles'!$G$21=$B$17,14,0)+IF('Standard Profiles'!$G$21=$B$24,21,0),MOD($C2499,24)+1)/SUM(INDEX($D$3:$AA$30,INDEX(Jesper!$R$2:$R$366,ROW(INDEX(Jesper!AK$2:AK$366,ROUNDDOWN($C2499/24,0)+1,1))-1)+IF('Standard Profiles'!$G$21=$B$10,7,0)+IF('Standard Profiles'!$G$21=$B$17,14,0)+IF('Standard Profiles'!$G$21=$B$24,21,0),0)),0)</f>
        <v>0</v>
      </c>
      <c r="H2499" cm="1">
        <f t="array" ref="H2499">IFERROR(INDEX(Jesper!AL$2:AL$366,ROUNDDOWN($C2499/24,0)+1,1)*INDEX($D$3:$AA$30,INDEX(Jesper!$R$2:$R$366,ROW(INDEX(Jesper!AL$2:AL$366,ROUNDDOWN($C2499/24,0)+1,1))-1)+IF('Standard Profiles'!$G$22=$B$10,7,0)+IF('Standard Profiles'!$G$22=$B$17,14,0)+IF('Standard Profiles'!$G$22=$B$24,21,0),MOD($C2499,24)+1)/SUM(INDEX($D$3:$AA$30,INDEX(Jesper!$R$2:$R$366,ROW(INDEX(Jesper!AL$2:AL$366,ROUNDDOWN($C2499/24,0)+1,1))-1)+IF('Standard Profiles'!$G$22=$B$10,7,0)+IF('Standard Profiles'!$G$22=$B$17,14,0)+IF('Standard Profiles'!$G$22=$B$24,21,0),0)),0)</f>
        <v>0</v>
      </c>
      <c r="I2499">
        <f t="shared" si="286"/>
        <v>0.37585796732260923</v>
      </c>
      <c r="J2499">
        <f t="shared" si="287"/>
        <v>1.2528598910753643</v>
      </c>
      <c r="K2499">
        <f t="shared" si="288"/>
        <v>1.8792898366130462</v>
      </c>
      <c r="L2499">
        <f t="shared" si="289"/>
        <v>9.0205912157426216</v>
      </c>
      <c r="M2499">
        <f t="shared" si="290"/>
        <v>0</v>
      </c>
      <c r="N2499" s="46">
        <f t="shared" si="291"/>
        <v>45394.708333327355</v>
      </c>
    </row>
    <row r="2500" spans="2:14" x14ac:dyDescent="0.3">
      <c r="B2500">
        <f t="shared" si="285"/>
        <v>5</v>
      </c>
      <c r="C2500" s="16">
        <v>2466</v>
      </c>
      <c r="D2500" cm="1">
        <f t="array" ref="D2500">IFERROR(INDEX(Jesper!AH$2:AH$366,ROUNDDOWN($C2500/24,0)+1,1)*INDEX($D$3:$AA$30,INDEX(Jesper!$R$2:$R$366,ROW(INDEX(Jesper!AH$2:AH$366,ROUNDDOWN($C2500/24,0)+1,1))-1)+IF('Standard Profiles'!$G$18=$B$10,7,0)+IF('Standard Profiles'!$G$18=$B$17,14,0)+IF('Standard Profiles'!$G$18=$B$24,21,0),MOD($C2500,24)+1)/SUM(INDEX($D$3:$AA$30,INDEX(Jesper!$R$2:$R$366,ROW(INDEX(Jesper!AH$2:AH$366,ROUNDDOWN($C2500/24,0)+1,1))-1)+IF('Standard Profiles'!$G$18=$B$10,7,0)+IF('Standard Profiles'!$G$18=$B$17,14,0)+IF('Standard Profiles'!$G$18=$B$24,21,0),0)),0)</f>
        <v>12.528598910753642</v>
      </c>
      <c r="E2500" cm="1">
        <f t="array" ref="E2500">IFERROR(INDEX(Jesper!AI$2:AI$366,ROUNDDOWN($C2500/24,0)+1,1)*INDEX($D$3:$AA$30,INDEX(Jesper!$R$2:$R$366,ROW(INDEX(Jesper!AI$2:AI$366,ROUNDDOWN($C2500/24,0)+1,1))-1)+IF('Standard Profiles'!$G$19=$B$10,7,0)+IF('Standard Profiles'!$G$19=$B$17,14,0)+IF('Standard Profiles'!$G$19=$B$24,21,0),MOD($C2500,24)+1)/SUM(INDEX($D$3:$AA$30,INDEX(Jesper!$R$2:$R$366,ROW(INDEX(Jesper!AI$2:AI$366,ROUNDDOWN($C2500/24,0)+1,1))-1)+IF('Standard Profiles'!$G$19=$B$10,7,0)+IF('Standard Profiles'!$G$19=$B$17,14,0)+IF('Standard Profiles'!$G$19=$B$24,21,0),0)),0)</f>
        <v>0</v>
      </c>
      <c r="F2500" cm="1">
        <f t="array" ref="F2500">IFERROR(INDEX(Jesper!AJ$2:AJ$366,ROUNDDOWN($C2500/24,0)+1,1)*INDEX($D$3:$AA$30,INDEX(Jesper!$R$2:$R$366,ROW(INDEX(Jesper!AJ$2:AJ$366,ROUNDDOWN($C2500/24,0)+1,1))-1)+IF('Standard Profiles'!$G$20=$B$10,7,0)+IF('Standard Profiles'!$G$20=$B$17,14,0)+IF('Standard Profiles'!$G$20=$B$24,21,0),MOD($C2500,24)+1)/SUM(INDEX($D$3:$AA$30,INDEX(Jesper!$R$2:$R$366,ROW(INDEX(Jesper!AJ$2:AJ$366,ROUNDDOWN($C2500/24,0)+1,1))-1)+IF('Standard Profiles'!$G$20=$B$10,7,0)+IF('Standard Profiles'!$G$20=$B$17,14,0)+IF('Standard Profiles'!$G$20=$B$24,21,0),0)),0)</f>
        <v>0</v>
      </c>
      <c r="G2500" cm="1">
        <f t="array" ref="G2500">IFERROR(INDEX(Jesper!AK$2:AK$366,ROUNDDOWN($C2500/24,0)+1,1)*INDEX($D$3:$AA$30,INDEX(Jesper!$R$2:$R$366,ROW(INDEX(Jesper!AK$2:AK$366,ROUNDDOWN($C2500/24,0)+1,1))-1)+IF('Standard Profiles'!$G$21=$B$10,7,0)+IF('Standard Profiles'!$G$21=$B$17,14,0)+IF('Standard Profiles'!$G$21=$B$24,21,0),MOD($C2500,24)+1)/SUM(INDEX($D$3:$AA$30,INDEX(Jesper!$R$2:$R$366,ROW(INDEX(Jesper!AK$2:AK$366,ROUNDDOWN($C2500/24,0)+1,1))-1)+IF('Standard Profiles'!$G$21=$B$10,7,0)+IF('Standard Profiles'!$G$21=$B$17,14,0)+IF('Standard Profiles'!$G$21=$B$24,21,0),0)),0)</f>
        <v>0</v>
      </c>
      <c r="H2500" cm="1">
        <f t="array" ref="H2500">IFERROR(INDEX(Jesper!AL$2:AL$366,ROUNDDOWN($C2500/24,0)+1,1)*INDEX($D$3:$AA$30,INDEX(Jesper!$R$2:$R$366,ROW(INDEX(Jesper!AL$2:AL$366,ROUNDDOWN($C2500/24,0)+1,1))-1)+IF('Standard Profiles'!$G$22=$B$10,7,0)+IF('Standard Profiles'!$G$22=$B$17,14,0)+IF('Standard Profiles'!$G$22=$B$24,21,0),MOD($C2500,24)+1)/SUM(INDEX($D$3:$AA$30,INDEX(Jesper!$R$2:$R$366,ROW(INDEX(Jesper!AL$2:AL$366,ROUNDDOWN($C2500/24,0)+1,1))-1)+IF('Standard Profiles'!$G$22=$B$10,7,0)+IF('Standard Profiles'!$G$22=$B$17,14,0)+IF('Standard Profiles'!$G$22=$B$24,21,0),0)),0)</f>
        <v>0</v>
      </c>
      <c r="I2500">
        <f t="shared" si="286"/>
        <v>0.37585796732260923</v>
      </c>
      <c r="J2500">
        <f t="shared" si="287"/>
        <v>1.2528598910753643</v>
      </c>
      <c r="K2500">
        <f t="shared" si="288"/>
        <v>1.8792898366130462</v>
      </c>
      <c r="L2500">
        <f t="shared" si="289"/>
        <v>9.0205912157426216</v>
      </c>
      <c r="M2500">
        <f t="shared" si="290"/>
        <v>0</v>
      </c>
      <c r="N2500" s="46">
        <f t="shared" si="291"/>
        <v>45394.749999994019</v>
      </c>
    </row>
    <row r="2501" spans="2:14" x14ac:dyDescent="0.3">
      <c r="B2501">
        <f t="shared" si="285"/>
        <v>5</v>
      </c>
      <c r="C2501" s="16">
        <v>2467</v>
      </c>
      <c r="D2501" cm="1">
        <f t="array" ref="D2501">IFERROR(INDEX(Jesper!AH$2:AH$366,ROUNDDOWN($C2501/24,0)+1,1)*INDEX($D$3:$AA$30,INDEX(Jesper!$R$2:$R$366,ROW(INDEX(Jesper!AH$2:AH$366,ROUNDDOWN($C2501/24,0)+1,1))-1)+IF('Standard Profiles'!$G$18=$B$10,7,0)+IF('Standard Profiles'!$G$18=$B$17,14,0)+IF('Standard Profiles'!$G$18=$B$24,21,0),MOD($C2501,24)+1)/SUM(INDEX($D$3:$AA$30,INDEX(Jesper!$R$2:$R$366,ROW(INDEX(Jesper!AH$2:AH$366,ROUNDDOWN($C2501/24,0)+1,1))-1)+IF('Standard Profiles'!$G$18=$B$10,7,0)+IF('Standard Profiles'!$G$18=$B$17,14,0)+IF('Standard Profiles'!$G$18=$B$24,21,0),0)),0)</f>
        <v>12.528598910753642</v>
      </c>
      <c r="E2501" cm="1">
        <f t="array" ref="E2501">IFERROR(INDEX(Jesper!AI$2:AI$366,ROUNDDOWN($C2501/24,0)+1,1)*INDEX($D$3:$AA$30,INDEX(Jesper!$R$2:$R$366,ROW(INDEX(Jesper!AI$2:AI$366,ROUNDDOWN($C2501/24,0)+1,1))-1)+IF('Standard Profiles'!$G$19=$B$10,7,0)+IF('Standard Profiles'!$G$19=$B$17,14,0)+IF('Standard Profiles'!$G$19=$B$24,21,0),MOD($C2501,24)+1)/SUM(INDEX($D$3:$AA$30,INDEX(Jesper!$R$2:$R$366,ROW(INDEX(Jesper!AI$2:AI$366,ROUNDDOWN($C2501/24,0)+1,1))-1)+IF('Standard Profiles'!$G$19=$B$10,7,0)+IF('Standard Profiles'!$G$19=$B$17,14,0)+IF('Standard Profiles'!$G$19=$B$24,21,0),0)),0)</f>
        <v>0</v>
      </c>
      <c r="F2501" cm="1">
        <f t="array" ref="F2501">IFERROR(INDEX(Jesper!AJ$2:AJ$366,ROUNDDOWN($C2501/24,0)+1,1)*INDEX($D$3:$AA$30,INDEX(Jesper!$R$2:$R$366,ROW(INDEX(Jesper!AJ$2:AJ$366,ROUNDDOWN($C2501/24,0)+1,1))-1)+IF('Standard Profiles'!$G$20=$B$10,7,0)+IF('Standard Profiles'!$G$20=$B$17,14,0)+IF('Standard Profiles'!$G$20=$B$24,21,0),MOD($C2501,24)+1)/SUM(INDEX($D$3:$AA$30,INDEX(Jesper!$R$2:$R$366,ROW(INDEX(Jesper!AJ$2:AJ$366,ROUNDDOWN($C2501/24,0)+1,1))-1)+IF('Standard Profiles'!$G$20=$B$10,7,0)+IF('Standard Profiles'!$G$20=$B$17,14,0)+IF('Standard Profiles'!$G$20=$B$24,21,0),0)),0)</f>
        <v>0</v>
      </c>
      <c r="G2501" cm="1">
        <f t="array" ref="G2501">IFERROR(INDEX(Jesper!AK$2:AK$366,ROUNDDOWN($C2501/24,0)+1,1)*INDEX($D$3:$AA$30,INDEX(Jesper!$R$2:$R$366,ROW(INDEX(Jesper!AK$2:AK$366,ROUNDDOWN($C2501/24,0)+1,1))-1)+IF('Standard Profiles'!$G$21=$B$10,7,0)+IF('Standard Profiles'!$G$21=$B$17,14,0)+IF('Standard Profiles'!$G$21=$B$24,21,0),MOD($C2501,24)+1)/SUM(INDEX($D$3:$AA$30,INDEX(Jesper!$R$2:$R$366,ROW(INDEX(Jesper!AK$2:AK$366,ROUNDDOWN($C2501/24,0)+1,1))-1)+IF('Standard Profiles'!$G$21=$B$10,7,0)+IF('Standard Profiles'!$G$21=$B$17,14,0)+IF('Standard Profiles'!$G$21=$B$24,21,0),0)),0)</f>
        <v>0</v>
      </c>
      <c r="H2501" cm="1">
        <f t="array" ref="H2501">IFERROR(INDEX(Jesper!AL$2:AL$366,ROUNDDOWN($C2501/24,0)+1,1)*INDEX($D$3:$AA$30,INDEX(Jesper!$R$2:$R$366,ROW(INDEX(Jesper!AL$2:AL$366,ROUNDDOWN($C2501/24,0)+1,1))-1)+IF('Standard Profiles'!$G$22=$B$10,7,0)+IF('Standard Profiles'!$G$22=$B$17,14,0)+IF('Standard Profiles'!$G$22=$B$24,21,0),MOD($C2501,24)+1)/SUM(INDEX($D$3:$AA$30,INDEX(Jesper!$R$2:$R$366,ROW(INDEX(Jesper!AL$2:AL$366,ROUNDDOWN($C2501/24,0)+1,1))-1)+IF('Standard Profiles'!$G$22=$B$10,7,0)+IF('Standard Profiles'!$G$22=$B$17,14,0)+IF('Standard Profiles'!$G$22=$B$24,21,0),0)),0)</f>
        <v>0</v>
      </c>
      <c r="I2501">
        <f t="shared" si="286"/>
        <v>0.37585796732260923</v>
      </c>
      <c r="J2501">
        <f t="shared" si="287"/>
        <v>1.2528598910753643</v>
      </c>
      <c r="K2501">
        <f t="shared" si="288"/>
        <v>1.8792898366130462</v>
      </c>
      <c r="L2501">
        <f t="shared" si="289"/>
        <v>9.0205912157426216</v>
      </c>
      <c r="M2501">
        <f t="shared" si="290"/>
        <v>0</v>
      </c>
      <c r="N2501" s="46">
        <f t="shared" si="291"/>
        <v>45394.791666660683</v>
      </c>
    </row>
    <row r="2502" spans="2:14" x14ac:dyDescent="0.3">
      <c r="B2502">
        <f t="shared" si="285"/>
        <v>5</v>
      </c>
      <c r="C2502" s="16">
        <v>2468</v>
      </c>
      <c r="D2502" cm="1">
        <f t="array" ref="D2502">IFERROR(INDEX(Jesper!AH$2:AH$366,ROUNDDOWN($C2502/24,0)+1,1)*INDEX($D$3:$AA$30,INDEX(Jesper!$R$2:$R$366,ROW(INDEX(Jesper!AH$2:AH$366,ROUNDDOWN($C2502/24,0)+1,1))-1)+IF('Standard Profiles'!$G$18=$B$10,7,0)+IF('Standard Profiles'!$G$18=$B$17,14,0)+IF('Standard Profiles'!$G$18=$B$24,21,0),MOD($C2502,24)+1)/SUM(INDEX($D$3:$AA$30,INDEX(Jesper!$R$2:$R$366,ROW(INDEX(Jesper!AH$2:AH$366,ROUNDDOWN($C2502/24,0)+1,1))-1)+IF('Standard Profiles'!$G$18=$B$10,7,0)+IF('Standard Profiles'!$G$18=$B$17,14,0)+IF('Standard Profiles'!$G$18=$B$24,21,0),0)),0)</f>
        <v>9.7052526773443706</v>
      </c>
      <c r="E2502" cm="1">
        <f t="array" ref="E2502">IFERROR(INDEX(Jesper!AI$2:AI$366,ROUNDDOWN($C2502/24,0)+1,1)*INDEX($D$3:$AA$30,INDEX(Jesper!$R$2:$R$366,ROW(INDEX(Jesper!AI$2:AI$366,ROUNDDOWN($C2502/24,0)+1,1))-1)+IF('Standard Profiles'!$G$19=$B$10,7,0)+IF('Standard Profiles'!$G$19=$B$17,14,0)+IF('Standard Profiles'!$G$19=$B$24,21,0),MOD($C2502,24)+1)/SUM(INDEX($D$3:$AA$30,INDEX(Jesper!$R$2:$R$366,ROW(INDEX(Jesper!AI$2:AI$366,ROUNDDOWN($C2502/24,0)+1,1))-1)+IF('Standard Profiles'!$G$19=$B$10,7,0)+IF('Standard Profiles'!$G$19=$B$17,14,0)+IF('Standard Profiles'!$G$19=$B$24,21,0),0)),0)</f>
        <v>0</v>
      </c>
      <c r="F2502" cm="1">
        <f t="array" ref="F2502">IFERROR(INDEX(Jesper!AJ$2:AJ$366,ROUNDDOWN($C2502/24,0)+1,1)*INDEX($D$3:$AA$30,INDEX(Jesper!$R$2:$R$366,ROW(INDEX(Jesper!AJ$2:AJ$366,ROUNDDOWN($C2502/24,0)+1,1))-1)+IF('Standard Profiles'!$G$20=$B$10,7,0)+IF('Standard Profiles'!$G$20=$B$17,14,0)+IF('Standard Profiles'!$G$20=$B$24,21,0),MOD($C2502,24)+1)/SUM(INDEX($D$3:$AA$30,INDEX(Jesper!$R$2:$R$366,ROW(INDEX(Jesper!AJ$2:AJ$366,ROUNDDOWN($C2502/24,0)+1,1))-1)+IF('Standard Profiles'!$G$20=$B$10,7,0)+IF('Standard Profiles'!$G$20=$B$17,14,0)+IF('Standard Profiles'!$G$20=$B$24,21,0),0)),0)</f>
        <v>0</v>
      </c>
      <c r="G2502" cm="1">
        <f t="array" ref="G2502">IFERROR(INDEX(Jesper!AK$2:AK$366,ROUNDDOWN($C2502/24,0)+1,1)*INDEX($D$3:$AA$30,INDEX(Jesper!$R$2:$R$366,ROW(INDEX(Jesper!AK$2:AK$366,ROUNDDOWN($C2502/24,0)+1,1))-1)+IF('Standard Profiles'!$G$21=$B$10,7,0)+IF('Standard Profiles'!$G$21=$B$17,14,0)+IF('Standard Profiles'!$G$21=$B$24,21,0),MOD($C2502,24)+1)/SUM(INDEX($D$3:$AA$30,INDEX(Jesper!$R$2:$R$366,ROW(INDEX(Jesper!AK$2:AK$366,ROUNDDOWN($C2502/24,0)+1,1))-1)+IF('Standard Profiles'!$G$21=$B$10,7,0)+IF('Standard Profiles'!$G$21=$B$17,14,0)+IF('Standard Profiles'!$G$21=$B$24,21,0),0)),0)</f>
        <v>0</v>
      </c>
      <c r="H2502" cm="1">
        <f t="array" ref="H2502">IFERROR(INDEX(Jesper!AL$2:AL$366,ROUNDDOWN($C2502/24,0)+1,1)*INDEX($D$3:$AA$30,INDEX(Jesper!$R$2:$R$366,ROW(INDEX(Jesper!AL$2:AL$366,ROUNDDOWN($C2502/24,0)+1,1))-1)+IF('Standard Profiles'!$G$22=$B$10,7,0)+IF('Standard Profiles'!$G$22=$B$17,14,0)+IF('Standard Profiles'!$G$22=$B$24,21,0),MOD($C2502,24)+1)/SUM(INDEX($D$3:$AA$30,INDEX(Jesper!$R$2:$R$366,ROW(INDEX(Jesper!AL$2:AL$366,ROUNDDOWN($C2502/24,0)+1,1))-1)+IF('Standard Profiles'!$G$22=$B$10,7,0)+IF('Standard Profiles'!$G$22=$B$17,14,0)+IF('Standard Profiles'!$G$22=$B$24,21,0),0)),0)</f>
        <v>0</v>
      </c>
      <c r="I2502">
        <f t="shared" si="286"/>
        <v>0.29115758032033112</v>
      </c>
      <c r="J2502">
        <f t="shared" si="287"/>
        <v>0.97052526773443715</v>
      </c>
      <c r="K2502">
        <f t="shared" si="288"/>
        <v>1.4557879016016555</v>
      </c>
      <c r="L2502">
        <f t="shared" si="289"/>
        <v>6.9877819276879469</v>
      </c>
      <c r="M2502">
        <f t="shared" si="290"/>
        <v>0</v>
      </c>
      <c r="N2502" s="46">
        <f t="shared" si="291"/>
        <v>45394.833333327348</v>
      </c>
    </row>
    <row r="2503" spans="2:14" x14ac:dyDescent="0.3">
      <c r="B2503">
        <f t="shared" si="285"/>
        <v>5</v>
      </c>
      <c r="C2503" s="16">
        <v>2469</v>
      </c>
      <c r="D2503" cm="1">
        <f t="array" ref="D2503">IFERROR(INDEX(Jesper!AH$2:AH$366,ROUNDDOWN($C2503/24,0)+1,1)*INDEX($D$3:$AA$30,INDEX(Jesper!$R$2:$R$366,ROW(INDEX(Jesper!AH$2:AH$366,ROUNDDOWN($C2503/24,0)+1,1))-1)+IF('Standard Profiles'!$G$18=$B$10,7,0)+IF('Standard Profiles'!$G$18=$B$17,14,0)+IF('Standard Profiles'!$G$18=$B$24,21,0),MOD($C2503,24)+1)/SUM(INDEX($D$3:$AA$30,INDEX(Jesper!$R$2:$R$366,ROW(INDEX(Jesper!AH$2:AH$366,ROUNDDOWN($C2503/24,0)+1,1))-1)+IF('Standard Profiles'!$G$18=$B$10,7,0)+IF('Standard Profiles'!$G$18=$B$17,14,0)+IF('Standard Profiles'!$G$18=$B$24,21,0),0)),0)</f>
        <v>3.705641931349668</v>
      </c>
      <c r="E2503" cm="1">
        <f t="array" ref="E2503">IFERROR(INDEX(Jesper!AI$2:AI$366,ROUNDDOWN($C2503/24,0)+1,1)*INDEX($D$3:$AA$30,INDEX(Jesper!$R$2:$R$366,ROW(INDEX(Jesper!AI$2:AI$366,ROUNDDOWN($C2503/24,0)+1,1))-1)+IF('Standard Profiles'!$G$19=$B$10,7,0)+IF('Standard Profiles'!$G$19=$B$17,14,0)+IF('Standard Profiles'!$G$19=$B$24,21,0),MOD($C2503,24)+1)/SUM(INDEX($D$3:$AA$30,INDEX(Jesper!$R$2:$R$366,ROW(INDEX(Jesper!AI$2:AI$366,ROUNDDOWN($C2503/24,0)+1,1))-1)+IF('Standard Profiles'!$G$19=$B$10,7,0)+IF('Standard Profiles'!$G$19=$B$17,14,0)+IF('Standard Profiles'!$G$19=$B$24,21,0),0)),0)</f>
        <v>0</v>
      </c>
      <c r="F2503" cm="1">
        <f t="array" ref="F2503">IFERROR(INDEX(Jesper!AJ$2:AJ$366,ROUNDDOWN($C2503/24,0)+1,1)*INDEX($D$3:$AA$30,INDEX(Jesper!$R$2:$R$366,ROW(INDEX(Jesper!AJ$2:AJ$366,ROUNDDOWN($C2503/24,0)+1,1))-1)+IF('Standard Profiles'!$G$20=$B$10,7,0)+IF('Standard Profiles'!$G$20=$B$17,14,0)+IF('Standard Profiles'!$G$20=$B$24,21,0),MOD($C2503,24)+1)/SUM(INDEX($D$3:$AA$30,INDEX(Jesper!$R$2:$R$366,ROW(INDEX(Jesper!AJ$2:AJ$366,ROUNDDOWN($C2503/24,0)+1,1))-1)+IF('Standard Profiles'!$G$20=$B$10,7,0)+IF('Standard Profiles'!$G$20=$B$17,14,0)+IF('Standard Profiles'!$G$20=$B$24,21,0),0)),0)</f>
        <v>0</v>
      </c>
      <c r="G2503" cm="1">
        <f t="array" ref="G2503">IFERROR(INDEX(Jesper!AK$2:AK$366,ROUNDDOWN($C2503/24,0)+1,1)*INDEX($D$3:$AA$30,INDEX(Jesper!$R$2:$R$366,ROW(INDEX(Jesper!AK$2:AK$366,ROUNDDOWN($C2503/24,0)+1,1))-1)+IF('Standard Profiles'!$G$21=$B$10,7,0)+IF('Standard Profiles'!$G$21=$B$17,14,0)+IF('Standard Profiles'!$G$21=$B$24,21,0),MOD($C2503,24)+1)/SUM(INDEX($D$3:$AA$30,INDEX(Jesper!$R$2:$R$366,ROW(INDEX(Jesper!AK$2:AK$366,ROUNDDOWN($C2503/24,0)+1,1))-1)+IF('Standard Profiles'!$G$21=$B$10,7,0)+IF('Standard Profiles'!$G$21=$B$17,14,0)+IF('Standard Profiles'!$G$21=$B$24,21,0),0)),0)</f>
        <v>0</v>
      </c>
      <c r="H2503" cm="1">
        <f t="array" ref="H2503">IFERROR(INDEX(Jesper!AL$2:AL$366,ROUNDDOWN($C2503/24,0)+1,1)*INDEX($D$3:$AA$30,INDEX(Jesper!$R$2:$R$366,ROW(INDEX(Jesper!AL$2:AL$366,ROUNDDOWN($C2503/24,0)+1,1))-1)+IF('Standard Profiles'!$G$22=$B$10,7,0)+IF('Standard Profiles'!$G$22=$B$17,14,0)+IF('Standard Profiles'!$G$22=$B$24,21,0),MOD($C2503,24)+1)/SUM(INDEX($D$3:$AA$30,INDEX(Jesper!$R$2:$R$366,ROW(INDEX(Jesper!AL$2:AL$366,ROUNDDOWN($C2503/24,0)+1,1))-1)+IF('Standard Profiles'!$G$22=$B$10,7,0)+IF('Standard Profiles'!$G$22=$B$17,14,0)+IF('Standard Profiles'!$G$22=$B$24,21,0),0)),0)</f>
        <v>0</v>
      </c>
      <c r="I2503">
        <f t="shared" si="286"/>
        <v>0.11116925794049004</v>
      </c>
      <c r="J2503">
        <f t="shared" si="287"/>
        <v>0.3705641931349668</v>
      </c>
      <c r="K2503">
        <f t="shared" si="288"/>
        <v>0.5558462897024502</v>
      </c>
      <c r="L2503">
        <f t="shared" si="289"/>
        <v>2.668062190571761</v>
      </c>
      <c r="M2503">
        <f t="shared" si="290"/>
        <v>0</v>
      </c>
      <c r="N2503" s="46">
        <f t="shared" si="291"/>
        <v>45394.874999994012</v>
      </c>
    </row>
    <row r="2504" spans="2:14" x14ac:dyDescent="0.3">
      <c r="B2504">
        <f t="shared" si="285"/>
        <v>5</v>
      </c>
      <c r="C2504" s="16">
        <v>2470</v>
      </c>
      <c r="D2504" cm="1">
        <f t="array" ref="D2504">IFERROR(INDEX(Jesper!AH$2:AH$366,ROUNDDOWN($C2504/24,0)+1,1)*INDEX($D$3:$AA$30,INDEX(Jesper!$R$2:$R$366,ROW(INDEX(Jesper!AH$2:AH$366,ROUNDDOWN($C2504/24,0)+1,1))-1)+IF('Standard Profiles'!$G$18=$B$10,7,0)+IF('Standard Profiles'!$G$18=$B$17,14,0)+IF('Standard Profiles'!$G$18=$B$24,21,0),MOD($C2504,24)+1)/SUM(INDEX($D$3:$AA$30,INDEX(Jesper!$R$2:$R$366,ROW(INDEX(Jesper!AH$2:AH$366,ROUNDDOWN($C2504/24,0)+1,1))-1)+IF('Standard Profiles'!$G$18=$B$10,7,0)+IF('Standard Profiles'!$G$18=$B$17,14,0)+IF('Standard Profiles'!$G$18=$B$24,21,0),0)),0)</f>
        <v>3.705641931349668</v>
      </c>
      <c r="E2504" cm="1">
        <f t="array" ref="E2504">IFERROR(INDEX(Jesper!AI$2:AI$366,ROUNDDOWN($C2504/24,0)+1,1)*INDEX($D$3:$AA$30,INDEX(Jesper!$R$2:$R$366,ROW(INDEX(Jesper!AI$2:AI$366,ROUNDDOWN($C2504/24,0)+1,1))-1)+IF('Standard Profiles'!$G$19=$B$10,7,0)+IF('Standard Profiles'!$G$19=$B$17,14,0)+IF('Standard Profiles'!$G$19=$B$24,21,0),MOD($C2504,24)+1)/SUM(INDEX($D$3:$AA$30,INDEX(Jesper!$R$2:$R$366,ROW(INDEX(Jesper!AI$2:AI$366,ROUNDDOWN($C2504/24,0)+1,1))-1)+IF('Standard Profiles'!$G$19=$B$10,7,0)+IF('Standard Profiles'!$G$19=$B$17,14,0)+IF('Standard Profiles'!$G$19=$B$24,21,0),0)),0)</f>
        <v>0</v>
      </c>
      <c r="F2504" cm="1">
        <f t="array" ref="F2504">IFERROR(INDEX(Jesper!AJ$2:AJ$366,ROUNDDOWN($C2504/24,0)+1,1)*INDEX($D$3:$AA$30,INDEX(Jesper!$R$2:$R$366,ROW(INDEX(Jesper!AJ$2:AJ$366,ROUNDDOWN($C2504/24,0)+1,1))-1)+IF('Standard Profiles'!$G$20=$B$10,7,0)+IF('Standard Profiles'!$G$20=$B$17,14,0)+IF('Standard Profiles'!$G$20=$B$24,21,0),MOD($C2504,24)+1)/SUM(INDEX($D$3:$AA$30,INDEX(Jesper!$R$2:$R$366,ROW(INDEX(Jesper!AJ$2:AJ$366,ROUNDDOWN($C2504/24,0)+1,1))-1)+IF('Standard Profiles'!$G$20=$B$10,7,0)+IF('Standard Profiles'!$G$20=$B$17,14,0)+IF('Standard Profiles'!$G$20=$B$24,21,0),0)),0)</f>
        <v>0</v>
      </c>
      <c r="G2504" cm="1">
        <f t="array" ref="G2504">IFERROR(INDEX(Jesper!AK$2:AK$366,ROUNDDOWN($C2504/24,0)+1,1)*INDEX($D$3:$AA$30,INDEX(Jesper!$R$2:$R$366,ROW(INDEX(Jesper!AK$2:AK$366,ROUNDDOWN($C2504/24,0)+1,1))-1)+IF('Standard Profiles'!$G$21=$B$10,7,0)+IF('Standard Profiles'!$G$21=$B$17,14,0)+IF('Standard Profiles'!$G$21=$B$24,21,0),MOD($C2504,24)+1)/SUM(INDEX($D$3:$AA$30,INDEX(Jesper!$R$2:$R$366,ROW(INDEX(Jesper!AK$2:AK$366,ROUNDDOWN($C2504/24,0)+1,1))-1)+IF('Standard Profiles'!$G$21=$B$10,7,0)+IF('Standard Profiles'!$G$21=$B$17,14,0)+IF('Standard Profiles'!$G$21=$B$24,21,0),0)),0)</f>
        <v>0</v>
      </c>
      <c r="H2504" cm="1">
        <f t="array" ref="H2504">IFERROR(INDEX(Jesper!AL$2:AL$366,ROUNDDOWN($C2504/24,0)+1,1)*INDEX($D$3:$AA$30,INDEX(Jesper!$R$2:$R$366,ROW(INDEX(Jesper!AL$2:AL$366,ROUNDDOWN($C2504/24,0)+1,1))-1)+IF('Standard Profiles'!$G$22=$B$10,7,0)+IF('Standard Profiles'!$G$22=$B$17,14,0)+IF('Standard Profiles'!$G$22=$B$24,21,0),MOD($C2504,24)+1)/SUM(INDEX($D$3:$AA$30,INDEX(Jesper!$R$2:$R$366,ROW(INDEX(Jesper!AL$2:AL$366,ROUNDDOWN($C2504/24,0)+1,1))-1)+IF('Standard Profiles'!$G$22=$B$10,7,0)+IF('Standard Profiles'!$G$22=$B$17,14,0)+IF('Standard Profiles'!$G$22=$B$24,21,0),0)),0)</f>
        <v>0</v>
      </c>
      <c r="I2504">
        <f t="shared" si="286"/>
        <v>0.11116925794049004</v>
      </c>
      <c r="J2504">
        <f t="shared" si="287"/>
        <v>0.3705641931349668</v>
      </c>
      <c r="K2504">
        <f t="shared" si="288"/>
        <v>0.5558462897024502</v>
      </c>
      <c r="L2504">
        <f t="shared" si="289"/>
        <v>2.668062190571761</v>
      </c>
      <c r="M2504">
        <f t="shared" si="290"/>
        <v>0</v>
      </c>
      <c r="N2504" s="46">
        <f t="shared" si="291"/>
        <v>45394.916666660676</v>
      </c>
    </row>
    <row r="2505" spans="2:14" x14ac:dyDescent="0.3">
      <c r="B2505">
        <f t="shared" si="285"/>
        <v>5</v>
      </c>
      <c r="C2505" s="16">
        <v>2471</v>
      </c>
      <c r="D2505" cm="1">
        <f t="array" ref="D2505">IFERROR(INDEX(Jesper!AH$2:AH$366,ROUNDDOWN($C2505/24,0)+1,1)*INDEX($D$3:$AA$30,INDEX(Jesper!$R$2:$R$366,ROW(INDEX(Jesper!AH$2:AH$366,ROUNDDOWN($C2505/24,0)+1,1))-1)+IF('Standard Profiles'!$G$18=$B$10,7,0)+IF('Standard Profiles'!$G$18=$B$17,14,0)+IF('Standard Profiles'!$G$18=$B$24,21,0),MOD($C2505,24)+1)/SUM(INDEX($D$3:$AA$30,INDEX(Jesper!$R$2:$R$366,ROW(INDEX(Jesper!AH$2:AH$366,ROUNDDOWN($C2505/24,0)+1,1))-1)+IF('Standard Profiles'!$G$18=$B$10,7,0)+IF('Standard Profiles'!$G$18=$B$17,14,0)+IF('Standard Profiles'!$G$18=$B$24,21,0),0)),0)</f>
        <v>3.705641931349668</v>
      </c>
      <c r="E2505" cm="1">
        <f t="array" ref="E2505">IFERROR(INDEX(Jesper!AI$2:AI$366,ROUNDDOWN($C2505/24,0)+1,1)*INDEX($D$3:$AA$30,INDEX(Jesper!$R$2:$R$366,ROW(INDEX(Jesper!AI$2:AI$366,ROUNDDOWN($C2505/24,0)+1,1))-1)+IF('Standard Profiles'!$G$19=$B$10,7,0)+IF('Standard Profiles'!$G$19=$B$17,14,0)+IF('Standard Profiles'!$G$19=$B$24,21,0),MOD($C2505,24)+1)/SUM(INDEX($D$3:$AA$30,INDEX(Jesper!$R$2:$R$366,ROW(INDEX(Jesper!AI$2:AI$366,ROUNDDOWN($C2505/24,0)+1,1))-1)+IF('Standard Profiles'!$G$19=$B$10,7,0)+IF('Standard Profiles'!$G$19=$B$17,14,0)+IF('Standard Profiles'!$G$19=$B$24,21,0),0)),0)</f>
        <v>0</v>
      </c>
      <c r="F2505" cm="1">
        <f t="array" ref="F2505">IFERROR(INDEX(Jesper!AJ$2:AJ$366,ROUNDDOWN($C2505/24,0)+1,1)*INDEX($D$3:$AA$30,INDEX(Jesper!$R$2:$R$366,ROW(INDEX(Jesper!AJ$2:AJ$366,ROUNDDOWN($C2505/24,0)+1,1))-1)+IF('Standard Profiles'!$G$20=$B$10,7,0)+IF('Standard Profiles'!$G$20=$B$17,14,0)+IF('Standard Profiles'!$G$20=$B$24,21,0),MOD($C2505,24)+1)/SUM(INDEX($D$3:$AA$30,INDEX(Jesper!$R$2:$R$366,ROW(INDEX(Jesper!AJ$2:AJ$366,ROUNDDOWN($C2505/24,0)+1,1))-1)+IF('Standard Profiles'!$G$20=$B$10,7,0)+IF('Standard Profiles'!$G$20=$B$17,14,0)+IF('Standard Profiles'!$G$20=$B$24,21,0),0)),0)</f>
        <v>0</v>
      </c>
      <c r="G2505" cm="1">
        <f t="array" ref="G2505">IFERROR(INDEX(Jesper!AK$2:AK$366,ROUNDDOWN($C2505/24,0)+1,1)*INDEX($D$3:$AA$30,INDEX(Jesper!$R$2:$R$366,ROW(INDEX(Jesper!AK$2:AK$366,ROUNDDOWN($C2505/24,0)+1,1))-1)+IF('Standard Profiles'!$G$21=$B$10,7,0)+IF('Standard Profiles'!$G$21=$B$17,14,0)+IF('Standard Profiles'!$G$21=$B$24,21,0),MOD($C2505,24)+1)/SUM(INDEX($D$3:$AA$30,INDEX(Jesper!$R$2:$R$366,ROW(INDEX(Jesper!AK$2:AK$366,ROUNDDOWN($C2505/24,0)+1,1))-1)+IF('Standard Profiles'!$G$21=$B$10,7,0)+IF('Standard Profiles'!$G$21=$B$17,14,0)+IF('Standard Profiles'!$G$21=$B$24,21,0),0)),0)</f>
        <v>0</v>
      </c>
      <c r="H2505" cm="1">
        <f t="array" ref="H2505">IFERROR(INDEX(Jesper!AL$2:AL$366,ROUNDDOWN($C2505/24,0)+1,1)*INDEX($D$3:$AA$30,INDEX(Jesper!$R$2:$R$366,ROW(INDEX(Jesper!AL$2:AL$366,ROUNDDOWN($C2505/24,0)+1,1))-1)+IF('Standard Profiles'!$G$22=$B$10,7,0)+IF('Standard Profiles'!$G$22=$B$17,14,0)+IF('Standard Profiles'!$G$22=$B$24,21,0),MOD($C2505,24)+1)/SUM(INDEX($D$3:$AA$30,INDEX(Jesper!$R$2:$R$366,ROW(INDEX(Jesper!AL$2:AL$366,ROUNDDOWN($C2505/24,0)+1,1))-1)+IF('Standard Profiles'!$G$22=$B$10,7,0)+IF('Standard Profiles'!$G$22=$B$17,14,0)+IF('Standard Profiles'!$G$22=$B$24,21,0),0)),0)</f>
        <v>0</v>
      </c>
      <c r="I2505">
        <f t="shared" si="286"/>
        <v>0.11116925794049004</v>
      </c>
      <c r="J2505">
        <f t="shared" si="287"/>
        <v>0.3705641931349668</v>
      </c>
      <c r="K2505">
        <f t="shared" si="288"/>
        <v>0.5558462897024502</v>
      </c>
      <c r="L2505">
        <f t="shared" si="289"/>
        <v>2.668062190571761</v>
      </c>
      <c r="M2505">
        <f t="shared" si="290"/>
        <v>0</v>
      </c>
      <c r="N2505" s="46">
        <f t="shared" si="291"/>
        <v>45394.95833332734</v>
      </c>
    </row>
    <row r="2506" spans="2:14" x14ac:dyDescent="0.3">
      <c r="B2506">
        <f t="shared" si="285"/>
        <v>6</v>
      </c>
      <c r="C2506" s="16">
        <v>2472</v>
      </c>
      <c r="D2506" cm="1">
        <f t="array" ref="D2506">IFERROR(INDEX(Jesper!AH$2:AH$366,ROUNDDOWN($C2506/24,0)+1,1)*INDEX($D$3:$AA$30,INDEX(Jesper!$R$2:$R$366,ROW(INDEX(Jesper!AH$2:AH$366,ROUNDDOWN($C2506/24,0)+1,1))-1)+IF('Standard Profiles'!$G$18=$B$10,7,0)+IF('Standard Profiles'!$G$18=$B$17,14,0)+IF('Standard Profiles'!$G$18=$B$24,21,0),MOD($C2506,24)+1)/SUM(INDEX($D$3:$AA$30,INDEX(Jesper!$R$2:$R$366,ROW(INDEX(Jesper!AH$2:AH$366,ROUNDDOWN($C2506/24,0)+1,1))-1)+IF('Standard Profiles'!$G$18=$B$10,7,0)+IF('Standard Profiles'!$G$18=$B$17,14,0)+IF('Standard Profiles'!$G$18=$B$24,21,0),0)),0)</f>
        <v>3.8655389042015678</v>
      </c>
      <c r="E2506" cm="1">
        <f t="array" ref="E2506">IFERROR(INDEX(Jesper!AI$2:AI$366,ROUNDDOWN($C2506/24,0)+1,1)*INDEX($D$3:$AA$30,INDEX(Jesper!$R$2:$R$366,ROW(INDEX(Jesper!AI$2:AI$366,ROUNDDOWN($C2506/24,0)+1,1))-1)+IF('Standard Profiles'!$G$19=$B$10,7,0)+IF('Standard Profiles'!$G$19=$B$17,14,0)+IF('Standard Profiles'!$G$19=$B$24,21,0),MOD($C2506,24)+1)/SUM(INDEX($D$3:$AA$30,INDEX(Jesper!$R$2:$R$366,ROW(INDEX(Jesper!AI$2:AI$366,ROUNDDOWN($C2506/24,0)+1,1))-1)+IF('Standard Profiles'!$G$19=$B$10,7,0)+IF('Standard Profiles'!$G$19=$B$17,14,0)+IF('Standard Profiles'!$G$19=$B$24,21,0),0)),0)</f>
        <v>0.75726243908446478</v>
      </c>
      <c r="F2506" cm="1">
        <f t="array" ref="F2506">IFERROR(INDEX(Jesper!AJ$2:AJ$366,ROUNDDOWN($C2506/24,0)+1,1)*INDEX($D$3:$AA$30,INDEX(Jesper!$R$2:$R$366,ROW(INDEX(Jesper!AJ$2:AJ$366,ROUNDDOWN($C2506/24,0)+1,1))-1)+IF('Standard Profiles'!$G$20=$B$10,7,0)+IF('Standard Profiles'!$G$20=$B$17,14,0)+IF('Standard Profiles'!$G$20=$B$24,21,0),MOD($C2506,24)+1)/SUM(INDEX($D$3:$AA$30,INDEX(Jesper!$R$2:$R$366,ROW(INDEX(Jesper!AJ$2:AJ$366,ROUNDDOWN($C2506/24,0)+1,1))-1)+IF('Standard Profiles'!$G$20=$B$10,7,0)+IF('Standard Profiles'!$G$20=$B$17,14,0)+IF('Standard Profiles'!$G$20=$B$24,21,0),0)),0)</f>
        <v>0</v>
      </c>
      <c r="G2506" cm="1">
        <f t="array" ref="G2506">IFERROR(INDEX(Jesper!AK$2:AK$366,ROUNDDOWN($C2506/24,0)+1,1)*INDEX($D$3:$AA$30,INDEX(Jesper!$R$2:$R$366,ROW(INDEX(Jesper!AK$2:AK$366,ROUNDDOWN($C2506/24,0)+1,1))-1)+IF('Standard Profiles'!$G$21=$B$10,7,0)+IF('Standard Profiles'!$G$21=$B$17,14,0)+IF('Standard Profiles'!$G$21=$B$24,21,0),MOD($C2506,24)+1)/SUM(INDEX($D$3:$AA$30,INDEX(Jesper!$R$2:$R$366,ROW(INDEX(Jesper!AK$2:AK$366,ROUNDDOWN($C2506/24,0)+1,1))-1)+IF('Standard Profiles'!$G$21=$B$10,7,0)+IF('Standard Profiles'!$G$21=$B$17,14,0)+IF('Standard Profiles'!$G$21=$B$24,21,0),0)),0)</f>
        <v>0</v>
      </c>
      <c r="H2506" cm="1">
        <f t="array" ref="H2506">IFERROR(INDEX(Jesper!AL$2:AL$366,ROUNDDOWN($C2506/24,0)+1,1)*INDEX($D$3:$AA$30,INDEX(Jesper!$R$2:$R$366,ROW(INDEX(Jesper!AL$2:AL$366,ROUNDDOWN($C2506/24,0)+1,1))-1)+IF('Standard Profiles'!$G$22=$B$10,7,0)+IF('Standard Profiles'!$G$22=$B$17,14,0)+IF('Standard Profiles'!$G$22=$B$24,21,0),MOD($C2506,24)+1)/SUM(INDEX($D$3:$AA$30,INDEX(Jesper!$R$2:$R$366,ROW(INDEX(Jesper!AL$2:AL$366,ROUNDDOWN($C2506/24,0)+1,1))-1)+IF('Standard Profiles'!$G$22=$B$10,7,0)+IF('Standard Profiles'!$G$22=$B$17,14,0)+IF('Standard Profiles'!$G$22=$B$24,21,0),0)),0)</f>
        <v>0</v>
      </c>
      <c r="I2506">
        <f t="shared" si="286"/>
        <v>6.8221841358960811E-2</v>
      </c>
      <c r="J2506">
        <f t="shared" si="287"/>
        <v>0.22740613786320271</v>
      </c>
      <c r="K2506">
        <f t="shared" si="288"/>
        <v>0.34110920679480411</v>
      </c>
      <c r="L2506">
        <f t="shared" si="289"/>
        <v>3.9860641572690652</v>
      </c>
      <c r="M2506">
        <f t="shared" si="290"/>
        <v>0</v>
      </c>
      <c r="N2506" s="46">
        <f t="shared" si="291"/>
        <v>45394.999999994005</v>
      </c>
    </row>
    <row r="2507" spans="2:14" x14ac:dyDescent="0.3">
      <c r="B2507">
        <f t="shared" si="285"/>
        <v>6</v>
      </c>
      <c r="C2507" s="16">
        <v>2473</v>
      </c>
      <c r="D2507" cm="1">
        <f t="array" ref="D2507">IFERROR(INDEX(Jesper!AH$2:AH$366,ROUNDDOWN($C2507/24,0)+1,1)*INDEX($D$3:$AA$30,INDEX(Jesper!$R$2:$R$366,ROW(INDEX(Jesper!AH$2:AH$366,ROUNDDOWN($C2507/24,0)+1,1))-1)+IF('Standard Profiles'!$G$18=$B$10,7,0)+IF('Standard Profiles'!$G$18=$B$17,14,0)+IF('Standard Profiles'!$G$18=$B$24,21,0),MOD($C2507,24)+1)/SUM(INDEX($D$3:$AA$30,INDEX(Jesper!$R$2:$R$366,ROW(INDEX(Jesper!AH$2:AH$366,ROUNDDOWN($C2507/24,0)+1,1))-1)+IF('Standard Profiles'!$G$18=$B$10,7,0)+IF('Standard Profiles'!$G$18=$B$17,14,0)+IF('Standard Profiles'!$G$18=$B$24,21,0),0)),0)</f>
        <v>7.5470045272506807</v>
      </c>
      <c r="E2507" cm="1">
        <f t="array" ref="E2507">IFERROR(INDEX(Jesper!AI$2:AI$366,ROUNDDOWN($C2507/24,0)+1,1)*INDEX($D$3:$AA$30,INDEX(Jesper!$R$2:$R$366,ROW(INDEX(Jesper!AI$2:AI$366,ROUNDDOWN($C2507/24,0)+1,1))-1)+IF('Standard Profiles'!$G$19=$B$10,7,0)+IF('Standard Profiles'!$G$19=$B$17,14,0)+IF('Standard Profiles'!$G$19=$B$24,21,0),MOD($C2507,24)+1)/SUM(INDEX($D$3:$AA$30,INDEX(Jesper!$R$2:$R$366,ROW(INDEX(Jesper!AI$2:AI$366,ROUNDDOWN($C2507/24,0)+1,1))-1)+IF('Standard Profiles'!$G$19=$B$10,7,0)+IF('Standard Profiles'!$G$19=$B$17,14,0)+IF('Standard Profiles'!$G$19=$B$24,21,0),0)),0)</f>
        <v>1.4784647620220506</v>
      </c>
      <c r="F2507" cm="1">
        <f t="array" ref="F2507">IFERROR(INDEX(Jesper!AJ$2:AJ$366,ROUNDDOWN($C2507/24,0)+1,1)*INDEX($D$3:$AA$30,INDEX(Jesper!$R$2:$R$366,ROW(INDEX(Jesper!AJ$2:AJ$366,ROUNDDOWN($C2507/24,0)+1,1))-1)+IF('Standard Profiles'!$G$20=$B$10,7,0)+IF('Standard Profiles'!$G$20=$B$17,14,0)+IF('Standard Profiles'!$G$20=$B$24,21,0),MOD($C2507,24)+1)/SUM(INDEX($D$3:$AA$30,INDEX(Jesper!$R$2:$R$366,ROW(INDEX(Jesper!AJ$2:AJ$366,ROUNDDOWN($C2507/24,0)+1,1))-1)+IF('Standard Profiles'!$G$20=$B$10,7,0)+IF('Standard Profiles'!$G$20=$B$17,14,0)+IF('Standard Profiles'!$G$20=$B$24,21,0),0)),0)</f>
        <v>0</v>
      </c>
      <c r="G2507" cm="1">
        <f t="array" ref="G2507">IFERROR(INDEX(Jesper!AK$2:AK$366,ROUNDDOWN($C2507/24,0)+1,1)*INDEX($D$3:$AA$30,INDEX(Jesper!$R$2:$R$366,ROW(INDEX(Jesper!AK$2:AK$366,ROUNDDOWN($C2507/24,0)+1,1))-1)+IF('Standard Profiles'!$G$21=$B$10,7,0)+IF('Standard Profiles'!$G$21=$B$17,14,0)+IF('Standard Profiles'!$G$21=$B$24,21,0),MOD($C2507,24)+1)/SUM(INDEX($D$3:$AA$30,INDEX(Jesper!$R$2:$R$366,ROW(INDEX(Jesper!AK$2:AK$366,ROUNDDOWN($C2507/24,0)+1,1))-1)+IF('Standard Profiles'!$G$21=$B$10,7,0)+IF('Standard Profiles'!$G$21=$B$17,14,0)+IF('Standard Profiles'!$G$21=$B$24,21,0),0)),0)</f>
        <v>0</v>
      </c>
      <c r="H2507" cm="1">
        <f t="array" ref="H2507">IFERROR(INDEX(Jesper!AL$2:AL$366,ROUNDDOWN($C2507/24,0)+1,1)*INDEX($D$3:$AA$30,INDEX(Jesper!$R$2:$R$366,ROW(INDEX(Jesper!AL$2:AL$366,ROUNDDOWN($C2507/24,0)+1,1))-1)+IF('Standard Profiles'!$G$22=$B$10,7,0)+IF('Standard Profiles'!$G$22=$B$17,14,0)+IF('Standard Profiles'!$G$22=$B$24,21,0),MOD($C2507,24)+1)/SUM(INDEX($D$3:$AA$30,INDEX(Jesper!$R$2:$R$366,ROW(INDEX(Jesper!AL$2:AL$366,ROUNDDOWN($C2507/24,0)+1,1))-1)+IF('Standard Profiles'!$G$22=$B$10,7,0)+IF('Standard Profiles'!$G$22=$B$17,14,0)+IF('Standard Profiles'!$G$22=$B$24,21,0),0)),0)</f>
        <v>0</v>
      </c>
      <c r="I2507">
        <f t="shared" si="286"/>
        <v>0.13319502360559018</v>
      </c>
      <c r="J2507">
        <f t="shared" si="287"/>
        <v>0.44398341201863395</v>
      </c>
      <c r="K2507">
        <f t="shared" si="288"/>
        <v>0.66597511802795095</v>
      </c>
      <c r="L2507">
        <f t="shared" si="289"/>
        <v>7.7823157356205561</v>
      </c>
      <c r="M2507">
        <f t="shared" si="290"/>
        <v>0</v>
      </c>
      <c r="N2507" s="46">
        <f t="shared" si="291"/>
        <v>45395.041666660669</v>
      </c>
    </row>
    <row r="2508" spans="2:14" x14ac:dyDescent="0.3">
      <c r="B2508">
        <f t="shared" si="285"/>
        <v>6</v>
      </c>
      <c r="C2508" s="16">
        <v>2474</v>
      </c>
      <c r="D2508" cm="1">
        <f t="array" ref="D2508">IFERROR(INDEX(Jesper!AH$2:AH$366,ROUNDDOWN($C2508/24,0)+1,1)*INDEX($D$3:$AA$30,INDEX(Jesper!$R$2:$R$366,ROW(INDEX(Jesper!AH$2:AH$366,ROUNDDOWN($C2508/24,0)+1,1))-1)+IF('Standard Profiles'!$G$18=$B$10,7,0)+IF('Standard Profiles'!$G$18=$B$17,14,0)+IF('Standard Profiles'!$G$18=$B$24,21,0),MOD($C2508,24)+1)/SUM(INDEX($D$3:$AA$30,INDEX(Jesper!$R$2:$R$366,ROW(INDEX(Jesper!AH$2:AH$366,ROUNDDOWN($C2508/24,0)+1,1))-1)+IF('Standard Profiles'!$G$18=$B$10,7,0)+IF('Standard Profiles'!$G$18=$B$17,14,0)+IF('Standard Profiles'!$G$18=$B$24,21,0),0)),0)</f>
        <v>7.5470045272506807</v>
      </c>
      <c r="E2508" cm="1">
        <f t="array" ref="E2508">IFERROR(INDEX(Jesper!AI$2:AI$366,ROUNDDOWN($C2508/24,0)+1,1)*INDEX($D$3:$AA$30,INDEX(Jesper!$R$2:$R$366,ROW(INDEX(Jesper!AI$2:AI$366,ROUNDDOWN($C2508/24,0)+1,1))-1)+IF('Standard Profiles'!$G$19=$B$10,7,0)+IF('Standard Profiles'!$G$19=$B$17,14,0)+IF('Standard Profiles'!$G$19=$B$24,21,0),MOD($C2508,24)+1)/SUM(INDEX($D$3:$AA$30,INDEX(Jesper!$R$2:$R$366,ROW(INDEX(Jesper!AI$2:AI$366,ROUNDDOWN($C2508/24,0)+1,1))-1)+IF('Standard Profiles'!$G$19=$B$10,7,0)+IF('Standard Profiles'!$G$19=$B$17,14,0)+IF('Standard Profiles'!$G$19=$B$24,21,0),0)),0)</f>
        <v>1.4784647620220506</v>
      </c>
      <c r="F2508" cm="1">
        <f t="array" ref="F2508">IFERROR(INDEX(Jesper!AJ$2:AJ$366,ROUNDDOWN($C2508/24,0)+1,1)*INDEX($D$3:$AA$30,INDEX(Jesper!$R$2:$R$366,ROW(INDEX(Jesper!AJ$2:AJ$366,ROUNDDOWN($C2508/24,0)+1,1))-1)+IF('Standard Profiles'!$G$20=$B$10,7,0)+IF('Standard Profiles'!$G$20=$B$17,14,0)+IF('Standard Profiles'!$G$20=$B$24,21,0),MOD($C2508,24)+1)/SUM(INDEX($D$3:$AA$30,INDEX(Jesper!$R$2:$R$366,ROW(INDEX(Jesper!AJ$2:AJ$366,ROUNDDOWN($C2508/24,0)+1,1))-1)+IF('Standard Profiles'!$G$20=$B$10,7,0)+IF('Standard Profiles'!$G$20=$B$17,14,0)+IF('Standard Profiles'!$G$20=$B$24,21,0),0)),0)</f>
        <v>0</v>
      </c>
      <c r="G2508" cm="1">
        <f t="array" ref="G2508">IFERROR(INDEX(Jesper!AK$2:AK$366,ROUNDDOWN($C2508/24,0)+1,1)*INDEX($D$3:$AA$30,INDEX(Jesper!$R$2:$R$366,ROW(INDEX(Jesper!AK$2:AK$366,ROUNDDOWN($C2508/24,0)+1,1))-1)+IF('Standard Profiles'!$G$21=$B$10,7,0)+IF('Standard Profiles'!$G$21=$B$17,14,0)+IF('Standard Profiles'!$G$21=$B$24,21,0),MOD($C2508,24)+1)/SUM(INDEX($D$3:$AA$30,INDEX(Jesper!$R$2:$R$366,ROW(INDEX(Jesper!AK$2:AK$366,ROUNDDOWN($C2508/24,0)+1,1))-1)+IF('Standard Profiles'!$G$21=$B$10,7,0)+IF('Standard Profiles'!$G$21=$B$17,14,0)+IF('Standard Profiles'!$G$21=$B$24,21,0),0)),0)</f>
        <v>0</v>
      </c>
      <c r="H2508" cm="1">
        <f t="array" ref="H2508">IFERROR(INDEX(Jesper!AL$2:AL$366,ROUNDDOWN($C2508/24,0)+1,1)*INDEX($D$3:$AA$30,INDEX(Jesper!$R$2:$R$366,ROW(INDEX(Jesper!AL$2:AL$366,ROUNDDOWN($C2508/24,0)+1,1))-1)+IF('Standard Profiles'!$G$22=$B$10,7,0)+IF('Standard Profiles'!$G$22=$B$17,14,0)+IF('Standard Profiles'!$G$22=$B$24,21,0),MOD($C2508,24)+1)/SUM(INDEX($D$3:$AA$30,INDEX(Jesper!$R$2:$R$366,ROW(INDEX(Jesper!AL$2:AL$366,ROUNDDOWN($C2508/24,0)+1,1))-1)+IF('Standard Profiles'!$G$22=$B$10,7,0)+IF('Standard Profiles'!$G$22=$B$17,14,0)+IF('Standard Profiles'!$G$22=$B$24,21,0),0)),0)</f>
        <v>0</v>
      </c>
      <c r="I2508">
        <f t="shared" si="286"/>
        <v>0.13319502360559018</v>
      </c>
      <c r="J2508">
        <f t="shared" si="287"/>
        <v>0.44398341201863395</v>
      </c>
      <c r="K2508">
        <f t="shared" si="288"/>
        <v>0.66597511802795095</v>
      </c>
      <c r="L2508">
        <f t="shared" si="289"/>
        <v>7.7823157356205561</v>
      </c>
      <c r="M2508">
        <f t="shared" si="290"/>
        <v>0</v>
      </c>
      <c r="N2508" s="46">
        <f t="shared" si="291"/>
        <v>45395.083333327333</v>
      </c>
    </row>
    <row r="2509" spans="2:14" x14ac:dyDescent="0.3">
      <c r="B2509">
        <f t="shared" si="285"/>
        <v>6</v>
      </c>
      <c r="C2509" s="16">
        <v>2475</v>
      </c>
      <c r="D2509" cm="1">
        <f t="array" ref="D2509">IFERROR(INDEX(Jesper!AH$2:AH$366,ROUNDDOWN($C2509/24,0)+1,1)*INDEX($D$3:$AA$30,INDEX(Jesper!$R$2:$R$366,ROW(INDEX(Jesper!AH$2:AH$366,ROUNDDOWN($C2509/24,0)+1,1))-1)+IF('Standard Profiles'!$G$18=$B$10,7,0)+IF('Standard Profiles'!$G$18=$B$17,14,0)+IF('Standard Profiles'!$G$18=$B$24,21,0),MOD($C2509,24)+1)/SUM(INDEX($D$3:$AA$30,INDEX(Jesper!$R$2:$R$366,ROW(INDEX(Jesper!AH$2:AH$366,ROUNDDOWN($C2509/24,0)+1,1))-1)+IF('Standard Profiles'!$G$18=$B$10,7,0)+IF('Standard Profiles'!$G$18=$B$17,14,0)+IF('Standard Profiles'!$G$18=$B$24,21,0),0)),0)</f>
        <v>7.5470045272506807</v>
      </c>
      <c r="E2509" cm="1">
        <f t="array" ref="E2509">IFERROR(INDEX(Jesper!AI$2:AI$366,ROUNDDOWN($C2509/24,0)+1,1)*INDEX($D$3:$AA$30,INDEX(Jesper!$R$2:$R$366,ROW(INDEX(Jesper!AI$2:AI$366,ROUNDDOWN($C2509/24,0)+1,1))-1)+IF('Standard Profiles'!$G$19=$B$10,7,0)+IF('Standard Profiles'!$G$19=$B$17,14,0)+IF('Standard Profiles'!$G$19=$B$24,21,0),MOD($C2509,24)+1)/SUM(INDEX($D$3:$AA$30,INDEX(Jesper!$R$2:$R$366,ROW(INDEX(Jesper!AI$2:AI$366,ROUNDDOWN($C2509/24,0)+1,1))-1)+IF('Standard Profiles'!$G$19=$B$10,7,0)+IF('Standard Profiles'!$G$19=$B$17,14,0)+IF('Standard Profiles'!$G$19=$B$24,21,0),0)),0)</f>
        <v>1.4784647620220506</v>
      </c>
      <c r="F2509" cm="1">
        <f t="array" ref="F2509">IFERROR(INDEX(Jesper!AJ$2:AJ$366,ROUNDDOWN($C2509/24,0)+1,1)*INDEX($D$3:$AA$30,INDEX(Jesper!$R$2:$R$366,ROW(INDEX(Jesper!AJ$2:AJ$366,ROUNDDOWN($C2509/24,0)+1,1))-1)+IF('Standard Profiles'!$G$20=$B$10,7,0)+IF('Standard Profiles'!$G$20=$B$17,14,0)+IF('Standard Profiles'!$G$20=$B$24,21,0),MOD($C2509,24)+1)/SUM(INDEX($D$3:$AA$30,INDEX(Jesper!$R$2:$R$366,ROW(INDEX(Jesper!AJ$2:AJ$366,ROUNDDOWN($C2509/24,0)+1,1))-1)+IF('Standard Profiles'!$G$20=$B$10,7,0)+IF('Standard Profiles'!$G$20=$B$17,14,0)+IF('Standard Profiles'!$G$20=$B$24,21,0),0)),0)</f>
        <v>0</v>
      </c>
      <c r="G2509" cm="1">
        <f t="array" ref="G2509">IFERROR(INDEX(Jesper!AK$2:AK$366,ROUNDDOWN($C2509/24,0)+1,1)*INDEX($D$3:$AA$30,INDEX(Jesper!$R$2:$R$366,ROW(INDEX(Jesper!AK$2:AK$366,ROUNDDOWN($C2509/24,0)+1,1))-1)+IF('Standard Profiles'!$G$21=$B$10,7,0)+IF('Standard Profiles'!$G$21=$B$17,14,0)+IF('Standard Profiles'!$G$21=$B$24,21,0),MOD($C2509,24)+1)/SUM(INDEX($D$3:$AA$30,INDEX(Jesper!$R$2:$R$366,ROW(INDEX(Jesper!AK$2:AK$366,ROUNDDOWN($C2509/24,0)+1,1))-1)+IF('Standard Profiles'!$G$21=$B$10,7,0)+IF('Standard Profiles'!$G$21=$B$17,14,0)+IF('Standard Profiles'!$G$21=$B$24,21,0),0)),0)</f>
        <v>0</v>
      </c>
      <c r="H2509" cm="1">
        <f t="array" ref="H2509">IFERROR(INDEX(Jesper!AL$2:AL$366,ROUNDDOWN($C2509/24,0)+1,1)*INDEX($D$3:$AA$30,INDEX(Jesper!$R$2:$R$366,ROW(INDEX(Jesper!AL$2:AL$366,ROUNDDOWN($C2509/24,0)+1,1))-1)+IF('Standard Profiles'!$G$22=$B$10,7,0)+IF('Standard Profiles'!$G$22=$B$17,14,0)+IF('Standard Profiles'!$G$22=$B$24,21,0),MOD($C2509,24)+1)/SUM(INDEX($D$3:$AA$30,INDEX(Jesper!$R$2:$R$366,ROW(INDEX(Jesper!AL$2:AL$366,ROUNDDOWN($C2509/24,0)+1,1))-1)+IF('Standard Profiles'!$G$22=$B$10,7,0)+IF('Standard Profiles'!$G$22=$B$17,14,0)+IF('Standard Profiles'!$G$22=$B$24,21,0),0)),0)</f>
        <v>0</v>
      </c>
      <c r="I2509">
        <f t="shared" si="286"/>
        <v>0.13319502360559018</v>
      </c>
      <c r="J2509">
        <f t="shared" si="287"/>
        <v>0.44398341201863395</v>
      </c>
      <c r="K2509">
        <f t="shared" si="288"/>
        <v>0.66597511802795095</v>
      </c>
      <c r="L2509">
        <f t="shared" si="289"/>
        <v>7.7823157356205561</v>
      </c>
      <c r="M2509">
        <f t="shared" si="290"/>
        <v>0</v>
      </c>
      <c r="N2509" s="46">
        <f t="shared" si="291"/>
        <v>45395.124999993997</v>
      </c>
    </row>
    <row r="2510" spans="2:14" x14ac:dyDescent="0.3">
      <c r="B2510">
        <f t="shared" si="285"/>
        <v>6</v>
      </c>
      <c r="C2510" s="16">
        <v>2476</v>
      </c>
      <c r="D2510" cm="1">
        <f t="array" ref="D2510">IFERROR(INDEX(Jesper!AH$2:AH$366,ROUNDDOWN($C2510/24,0)+1,1)*INDEX($D$3:$AA$30,INDEX(Jesper!$R$2:$R$366,ROW(INDEX(Jesper!AH$2:AH$366,ROUNDDOWN($C2510/24,0)+1,1))-1)+IF('Standard Profiles'!$G$18=$B$10,7,0)+IF('Standard Profiles'!$G$18=$B$17,14,0)+IF('Standard Profiles'!$G$18=$B$24,21,0),MOD($C2510,24)+1)/SUM(INDEX($D$3:$AA$30,INDEX(Jesper!$R$2:$R$366,ROW(INDEX(Jesper!AH$2:AH$366,ROUNDDOWN($C2510/24,0)+1,1))-1)+IF('Standard Profiles'!$G$18=$B$10,7,0)+IF('Standard Profiles'!$G$18=$B$17,14,0)+IF('Standard Profiles'!$G$18=$B$24,21,0),0)),0)</f>
        <v>7.5470045272506807</v>
      </c>
      <c r="E2510" cm="1">
        <f t="array" ref="E2510">IFERROR(INDEX(Jesper!AI$2:AI$366,ROUNDDOWN($C2510/24,0)+1,1)*INDEX($D$3:$AA$30,INDEX(Jesper!$R$2:$R$366,ROW(INDEX(Jesper!AI$2:AI$366,ROUNDDOWN($C2510/24,0)+1,1))-1)+IF('Standard Profiles'!$G$19=$B$10,7,0)+IF('Standard Profiles'!$G$19=$B$17,14,0)+IF('Standard Profiles'!$G$19=$B$24,21,0),MOD($C2510,24)+1)/SUM(INDEX($D$3:$AA$30,INDEX(Jesper!$R$2:$R$366,ROW(INDEX(Jesper!AI$2:AI$366,ROUNDDOWN($C2510/24,0)+1,1))-1)+IF('Standard Profiles'!$G$19=$B$10,7,0)+IF('Standard Profiles'!$G$19=$B$17,14,0)+IF('Standard Profiles'!$G$19=$B$24,21,0),0)),0)</f>
        <v>1.4784647620220506</v>
      </c>
      <c r="F2510" cm="1">
        <f t="array" ref="F2510">IFERROR(INDEX(Jesper!AJ$2:AJ$366,ROUNDDOWN($C2510/24,0)+1,1)*INDEX($D$3:$AA$30,INDEX(Jesper!$R$2:$R$366,ROW(INDEX(Jesper!AJ$2:AJ$366,ROUNDDOWN($C2510/24,0)+1,1))-1)+IF('Standard Profiles'!$G$20=$B$10,7,0)+IF('Standard Profiles'!$G$20=$B$17,14,0)+IF('Standard Profiles'!$G$20=$B$24,21,0),MOD($C2510,24)+1)/SUM(INDEX($D$3:$AA$30,INDEX(Jesper!$R$2:$R$366,ROW(INDEX(Jesper!AJ$2:AJ$366,ROUNDDOWN($C2510/24,0)+1,1))-1)+IF('Standard Profiles'!$G$20=$B$10,7,0)+IF('Standard Profiles'!$G$20=$B$17,14,0)+IF('Standard Profiles'!$G$20=$B$24,21,0),0)),0)</f>
        <v>0</v>
      </c>
      <c r="G2510" cm="1">
        <f t="array" ref="G2510">IFERROR(INDEX(Jesper!AK$2:AK$366,ROUNDDOWN($C2510/24,0)+1,1)*INDEX($D$3:$AA$30,INDEX(Jesper!$R$2:$R$366,ROW(INDEX(Jesper!AK$2:AK$366,ROUNDDOWN($C2510/24,0)+1,1))-1)+IF('Standard Profiles'!$G$21=$B$10,7,0)+IF('Standard Profiles'!$G$21=$B$17,14,0)+IF('Standard Profiles'!$G$21=$B$24,21,0),MOD($C2510,24)+1)/SUM(INDEX($D$3:$AA$30,INDEX(Jesper!$R$2:$R$366,ROW(INDEX(Jesper!AK$2:AK$366,ROUNDDOWN($C2510/24,0)+1,1))-1)+IF('Standard Profiles'!$G$21=$B$10,7,0)+IF('Standard Profiles'!$G$21=$B$17,14,0)+IF('Standard Profiles'!$G$21=$B$24,21,0),0)),0)</f>
        <v>0</v>
      </c>
      <c r="H2510" cm="1">
        <f t="array" ref="H2510">IFERROR(INDEX(Jesper!AL$2:AL$366,ROUNDDOWN($C2510/24,0)+1,1)*INDEX($D$3:$AA$30,INDEX(Jesper!$R$2:$R$366,ROW(INDEX(Jesper!AL$2:AL$366,ROUNDDOWN($C2510/24,0)+1,1))-1)+IF('Standard Profiles'!$G$22=$B$10,7,0)+IF('Standard Profiles'!$G$22=$B$17,14,0)+IF('Standard Profiles'!$G$22=$B$24,21,0),MOD($C2510,24)+1)/SUM(INDEX($D$3:$AA$30,INDEX(Jesper!$R$2:$R$366,ROW(INDEX(Jesper!AL$2:AL$366,ROUNDDOWN($C2510/24,0)+1,1))-1)+IF('Standard Profiles'!$G$22=$B$10,7,0)+IF('Standard Profiles'!$G$22=$B$17,14,0)+IF('Standard Profiles'!$G$22=$B$24,21,0),0)),0)</f>
        <v>0</v>
      </c>
      <c r="I2510">
        <f t="shared" si="286"/>
        <v>0.13319502360559018</v>
      </c>
      <c r="J2510">
        <f t="shared" si="287"/>
        <v>0.44398341201863395</v>
      </c>
      <c r="K2510">
        <f t="shared" si="288"/>
        <v>0.66597511802795095</v>
      </c>
      <c r="L2510">
        <f t="shared" si="289"/>
        <v>7.7823157356205561</v>
      </c>
      <c r="M2510">
        <f t="shared" si="290"/>
        <v>0</v>
      </c>
      <c r="N2510" s="46">
        <f t="shared" si="291"/>
        <v>45395.166666660662</v>
      </c>
    </row>
    <row r="2511" spans="2:14" x14ac:dyDescent="0.3">
      <c r="B2511">
        <f t="shared" si="285"/>
        <v>6</v>
      </c>
      <c r="C2511" s="16">
        <v>2477</v>
      </c>
      <c r="D2511" cm="1">
        <f t="array" ref="D2511">IFERROR(INDEX(Jesper!AH$2:AH$366,ROUNDDOWN($C2511/24,0)+1,1)*INDEX($D$3:$AA$30,INDEX(Jesper!$R$2:$R$366,ROW(INDEX(Jesper!AH$2:AH$366,ROUNDDOWN($C2511/24,0)+1,1))-1)+IF('Standard Profiles'!$G$18=$B$10,7,0)+IF('Standard Profiles'!$G$18=$B$17,14,0)+IF('Standard Profiles'!$G$18=$B$24,21,0),MOD($C2511,24)+1)/SUM(INDEX($D$3:$AA$30,INDEX(Jesper!$R$2:$R$366,ROW(INDEX(Jesper!AH$2:AH$366,ROUNDDOWN($C2511/24,0)+1,1))-1)+IF('Standard Profiles'!$G$18=$B$10,7,0)+IF('Standard Profiles'!$G$18=$B$17,14,0)+IF('Standard Profiles'!$G$18=$B$24,21,0),0)),0)</f>
        <v>9.3877373387752368</v>
      </c>
      <c r="E2511" cm="1">
        <f t="array" ref="E2511">IFERROR(INDEX(Jesper!AI$2:AI$366,ROUNDDOWN($C2511/24,0)+1,1)*INDEX($D$3:$AA$30,INDEX(Jesper!$R$2:$R$366,ROW(INDEX(Jesper!AI$2:AI$366,ROUNDDOWN($C2511/24,0)+1,1))-1)+IF('Standard Profiles'!$G$19=$B$10,7,0)+IF('Standard Profiles'!$G$19=$B$17,14,0)+IF('Standard Profiles'!$G$19=$B$24,21,0),MOD($C2511,24)+1)/SUM(INDEX($D$3:$AA$30,INDEX(Jesper!$R$2:$R$366,ROW(INDEX(Jesper!AI$2:AI$366,ROUNDDOWN($C2511/24,0)+1,1))-1)+IF('Standard Profiles'!$G$19=$B$10,7,0)+IF('Standard Profiles'!$G$19=$B$17,14,0)+IF('Standard Profiles'!$G$19=$B$24,21,0),0)),0)</f>
        <v>1.8390659234908433</v>
      </c>
      <c r="F2511" cm="1">
        <f t="array" ref="F2511">IFERROR(INDEX(Jesper!AJ$2:AJ$366,ROUNDDOWN($C2511/24,0)+1,1)*INDEX($D$3:$AA$30,INDEX(Jesper!$R$2:$R$366,ROW(INDEX(Jesper!AJ$2:AJ$366,ROUNDDOWN($C2511/24,0)+1,1))-1)+IF('Standard Profiles'!$G$20=$B$10,7,0)+IF('Standard Profiles'!$G$20=$B$17,14,0)+IF('Standard Profiles'!$G$20=$B$24,21,0),MOD($C2511,24)+1)/SUM(INDEX($D$3:$AA$30,INDEX(Jesper!$R$2:$R$366,ROW(INDEX(Jesper!AJ$2:AJ$366,ROUNDDOWN($C2511/24,0)+1,1))-1)+IF('Standard Profiles'!$G$20=$B$10,7,0)+IF('Standard Profiles'!$G$20=$B$17,14,0)+IF('Standard Profiles'!$G$20=$B$24,21,0),0)),0)</f>
        <v>0</v>
      </c>
      <c r="G2511" cm="1">
        <f t="array" ref="G2511">IFERROR(INDEX(Jesper!AK$2:AK$366,ROUNDDOWN($C2511/24,0)+1,1)*INDEX($D$3:$AA$30,INDEX(Jesper!$R$2:$R$366,ROW(INDEX(Jesper!AK$2:AK$366,ROUNDDOWN($C2511/24,0)+1,1))-1)+IF('Standard Profiles'!$G$21=$B$10,7,0)+IF('Standard Profiles'!$G$21=$B$17,14,0)+IF('Standard Profiles'!$G$21=$B$24,21,0),MOD($C2511,24)+1)/SUM(INDEX($D$3:$AA$30,INDEX(Jesper!$R$2:$R$366,ROW(INDEX(Jesper!AK$2:AK$366,ROUNDDOWN($C2511/24,0)+1,1))-1)+IF('Standard Profiles'!$G$21=$B$10,7,0)+IF('Standard Profiles'!$G$21=$B$17,14,0)+IF('Standard Profiles'!$G$21=$B$24,21,0),0)),0)</f>
        <v>0</v>
      </c>
      <c r="H2511" cm="1">
        <f t="array" ref="H2511">IFERROR(INDEX(Jesper!AL$2:AL$366,ROUNDDOWN($C2511/24,0)+1,1)*INDEX($D$3:$AA$30,INDEX(Jesper!$R$2:$R$366,ROW(INDEX(Jesper!AL$2:AL$366,ROUNDDOWN($C2511/24,0)+1,1))-1)+IF('Standard Profiles'!$G$22=$B$10,7,0)+IF('Standard Profiles'!$G$22=$B$17,14,0)+IF('Standard Profiles'!$G$22=$B$24,21,0),MOD($C2511,24)+1)/SUM(INDEX($D$3:$AA$30,INDEX(Jesper!$R$2:$R$366,ROW(INDEX(Jesper!AL$2:AL$366,ROUNDDOWN($C2511/24,0)+1,1))-1)+IF('Standard Profiles'!$G$22=$B$10,7,0)+IF('Standard Profiles'!$G$22=$B$17,14,0)+IF('Standard Profiles'!$G$22=$B$24,21,0),0)),0)</f>
        <v>0</v>
      </c>
      <c r="I2511">
        <f t="shared" si="286"/>
        <v>0.16568161472890486</v>
      </c>
      <c r="J2511">
        <f t="shared" si="287"/>
        <v>0.55227204909634953</v>
      </c>
      <c r="K2511">
        <f t="shared" si="288"/>
        <v>0.82840807364452429</v>
      </c>
      <c r="L2511">
        <f t="shared" si="289"/>
        <v>9.6804415247963007</v>
      </c>
      <c r="M2511">
        <f t="shared" si="290"/>
        <v>0</v>
      </c>
      <c r="N2511" s="46">
        <f t="shared" si="291"/>
        <v>45395.208333327326</v>
      </c>
    </row>
    <row r="2512" spans="2:14" x14ac:dyDescent="0.3">
      <c r="B2512">
        <f t="shared" si="285"/>
        <v>6</v>
      </c>
      <c r="C2512" s="16">
        <v>2478</v>
      </c>
      <c r="D2512" cm="1">
        <f t="array" ref="D2512">IFERROR(INDEX(Jesper!AH$2:AH$366,ROUNDDOWN($C2512/24,0)+1,1)*INDEX($D$3:$AA$30,INDEX(Jesper!$R$2:$R$366,ROW(INDEX(Jesper!AH$2:AH$366,ROUNDDOWN($C2512/24,0)+1,1))-1)+IF('Standard Profiles'!$G$18=$B$10,7,0)+IF('Standard Profiles'!$G$18=$B$17,14,0)+IF('Standard Profiles'!$G$18=$B$24,21,0),MOD($C2512,24)+1)/SUM(INDEX($D$3:$AA$30,INDEX(Jesper!$R$2:$R$366,ROW(INDEX(Jesper!AH$2:AH$366,ROUNDDOWN($C2512/24,0)+1,1))-1)+IF('Standard Profiles'!$G$18=$B$10,7,0)+IF('Standard Profiles'!$G$18=$B$17,14,0)+IF('Standard Profiles'!$G$18=$B$24,21,0),0)),0)</f>
        <v>11.780689993757159</v>
      </c>
      <c r="E2512" cm="1">
        <f t="array" ref="E2512">IFERROR(INDEX(Jesper!AI$2:AI$366,ROUNDDOWN($C2512/24,0)+1,1)*INDEX($D$3:$AA$30,INDEX(Jesper!$R$2:$R$366,ROW(INDEX(Jesper!AI$2:AI$366,ROUNDDOWN($C2512/24,0)+1,1))-1)+IF('Standard Profiles'!$G$19=$B$10,7,0)+IF('Standard Profiles'!$G$19=$B$17,14,0)+IF('Standard Profiles'!$G$19=$B$24,21,0),MOD($C2512,24)+1)/SUM(INDEX($D$3:$AA$30,INDEX(Jesper!$R$2:$R$366,ROW(INDEX(Jesper!AI$2:AI$366,ROUNDDOWN($C2512/24,0)+1,1))-1)+IF('Standard Profiles'!$G$19=$B$10,7,0)+IF('Standard Profiles'!$G$19=$B$17,14,0)+IF('Standard Profiles'!$G$19=$B$24,21,0),0)),0)</f>
        <v>2.3078474334002741</v>
      </c>
      <c r="F2512" cm="1">
        <f t="array" ref="F2512">IFERROR(INDEX(Jesper!AJ$2:AJ$366,ROUNDDOWN($C2512/24,0)+1,1)*INDEX($D$3:$AA$30,INDEX(Jesper!$R$2:$R$366,ROW(INDEX(Jesper!AJ$2:AJ$366,ROUNDDOWN($C2512/24,0)+1,1))-1)+IF('Standard Profiles'!$G$20=$B$10,7,0)+IF('Standard Profiles'!$G$20=$B$17,14,0)+IF('Standard Profiles'!$G$20=$B$24,21,0),MOD($C2512,24)+1)/SUM(INDEX($D$3:$AA$30,INDEX(Jesper!$R$2:$R$366,ROW(INDEX(Jesper!AJ$2:AJ$366,ROUNDDOWN($C2512/24,0)+1,1))-1)+IF('Standard Profiles'!$G$20=$B$10,7,0)+IF('Standard Profiles'!$G$20=$B$17,14,0)+IF('Standard Profiles'!$G$20=$B$24,21,0),0)),0)</f>
        <v>0</v>
      </c>
      <c r="G2512" cm="1">
        <f t="array" ref="G2512">IFERROR(INDEX(Jesper!AK$2:AK$366,ROUNDDOWN($C2512/24,0)+1,1)*INDEX($D$3:$AA$30,INDEX(Jesper!$R$2:$R$366,ROW(INDEX(Jesper!AK$2:AK$366,ROUNDDOWN($C2512/24,0)+1,1))-1)+IF('Standard Profiles'!$G$21=$B$10,7,0)+IF('Standard Profiles'!$G$21=$B$17,14,0)+IF('Standard Profiles'!$G$21=$B$24,21,0),MOD($C2512,24)+1)/SUM(INDEX($D$3:$AA$30,INDEX(Jesper!$R$2:$R$366,ROW(INDEX(Jesper!AK$2:AK$366,ROUNDDOWN($C2512/24,0)+1,1))-1)+IF('Standard Profiles'!$G$21=$B$10,7,0)+IF('Standard Profiles'!$G$21=$B$17,14,0)+IF('Standard Profiles'!$G$21=$B$24,21,0),0)),0)</f>
        <v>0</v>
      </c>
      <c r="H2512" cm="1">
        <f t="array" ref="H2512">IFERROR(INDEX(Jesper!AL$2:AL$366,ROUNDDOWN($C2512/24,0)+1,1)*INDEX($D$3:$AA$30,INDEX(Jesper!$R$2:$R$366,ROW(INDEX(Jesper!AL$2:AL$366,ROUNDDOWN($C2512/24,0)+1,1))-1)+IF('Standard Profiles'!$G$22=$B$10,7,0)+IF('Standard Profiles'!$G$22=$B$17,14,0)+IF('Standard Profiles'!$G$22=$B$24,21,0),MOD($C2512,24)+1)/SUM(INDEX($D$3:$AA$30,INDEX(Jesper!$R$2:$R$366,ROW(INDEX(Jesper!AL$2:AL$366,ROUNDDOWN($C2512/24,0)+1,1))-1)+IF('Standard Profiles'!$G$22=$B$10,7,0)+IF('Standard Profiles'!$G$22=$B$17,14,0)+IF('Standard Profiles'!$G$22=$B$24,21,0),0)),0)</f>
        <v>0</v>
      </c>
      <c r="I2512">
        <f t="shared" si="286"/>
        <v>0.20791418318921392</v>
      </c>
      <c r="J2512">
        <f t="shared" si="287"/>
        <v>0.69304727729737992</v>
      </c>
      <c r="K2512">
        <f t="shared" si="288"/>
        <v>1.0395709159460698</v>
      </c>
      <c r="L2512">
        <f t="shared" si="289"/>
        <v>12.14800505072477</v>
      </c>
      <c r="M2512">
        <f t="shared" si="290"/>
        <v>0</v>
      </c>
      <c r="N2512" s="46">
        <f t="shared" si="291"/>
        <v>45395.24999999399</v>
      </c>
    </row>
    <row r="2513" spans="2:14" x14ac:dyDescent="0.3">
      <c r="B2513">
        <f t="shared" si="285"/>
        <v>6</v>
      </c>
      <c r="C2513" s="16">
        <v>2479</v>
      </c>
      <c r="D2513" cm="1">
        <f t="array" ref="D2513">IFERROR(INDEX(Jesper!AH$2:AH$366,ROUNDDOWN($C2513/24,0)+1,1)*INDEX($D$3:$AA$30,INDEX(Jesper!$R$2:$R$366,ROW(INDEX(Jesper!AH$2:AH$366,ROUNDDOWN($C2513/24,0)+1,1))-1)+IF('Standard Profiles'!$G$18=$B$10,7,0)+IF('Standard Profiles'!$G$18=$B$17,14,0)+IF('Standard Profiles'!$G$18=$B$24,21,0),MOD($C2513,24)+1)/SUM(INDEX($D$3:$AA$30,INDEX(Jesper!$R$2:$R$366,ROW(INDEX(Jesper!AH$2:AH$366,ROUNDDOWN($C2513/24,0)+1,1))-1)+IF('Standard Profiles'!$G$18=$B$10,7,0)+IF('Standard Profiles'!$G$18=$B$17,14,0)+IF('Standard Profiles'!$G$18=$B$24,21,0),0)),0)</f>
        <v>13.437349524129258</v>
      </c>
      <c r="E2513" cm="1">
        <f t="array" ref="E2513">IFERROR(INDEX(Jesper!AI$2:AI$366,ROUNDDOWN($C2513/24,0)+1,1)*INDEX($D$3:$AA$30,INDEX(Jesper!$R$2:$R$366,ROW(INDEX(Jesper!AI$2:AI$366,ROUNDDOWN($C2513/24,0)+1,1))-1)+IF('Standard Profiles'!$G$19=$B$10,7,0)+IF('Standard Profiles'!$G$19=$B$17,14,0)+IF('Standard Profiles'!$G$19=$B$24,21,0),MOD($C2513,24)+1)/SUM(INDEX($D$3:$AA$30,INDEX(Jesper!$R$2:$R$366,ROW(INDEX(Jesper!AI$2:AI$366,ROUNDDOWN($C2513/24,0)+1,1))-1)+IF('Standard Profiles'!$G$19=$B$10,7,0)+IF('Standard Profiles'!$G$19=$B$17,14,0)+IF('Standard Profiles'!$G$19=$B$24,21,0),0)),0)</f>
        <v>2.6323884787221874</v>
      </c>
      <c r="F2513" cm="1">
        <f t="array" ref="F2513">IFERROR(INDEX(Jesper!AJ$2:AJ$366,ROUNDDOWN($C2513/24,0)+1,1)*INDEX($D$3:$AA$30,INDEX(Jesper!$R$2:$R$366,ROW(INDEX(Jesper!AJ$2:AJ$366,ROUNDDOWN($C2513/24,0)+1,1))-1)+IF('Standard Profiles'!$G$20=$B$10,7,0)+IF('Standard Profiles'!$G$20=$B$17,14,0)+IF('Standard Profiles'!$G$20=$B$24,21,0),MOD($C2513,24)+1)/SUM(INDEX($D$3:$AA$30,INDEX(Jesper!$R$2:$R$366,ROW(INDEX(Jesper!AJ$2:AJ$366,ROUNDDOWN($C2513/24,0)+1,1))-1)+IF('Standard Profiles'!$G$20=$B$10,7,0)+IF('Standard Profiles'!$G$20=$B$17,14,0)+IF('Standard Profiles'!$G$20=$B$24,21,0),0)),0)</f>
        <v>0</v>
      </c>
      <c r="G2513" cm="1">
        <f t="array" ref="G2513">IFERROR(INDEX(Jesper!AK$2:AK$366,ROUNDDOWN($C2513/24,0)+1,1)*INDEX($D$3:$AA$30,INDEX(Jesper!$R$2:$R$366,ROW(INDEX(Jesper!AK$2:AK$366,ROUNDDOWN($C2513/24,0)+1,1))-1)+IF('Standard Profiles'!$G$21=$B$10,7,0)+IF('Standard Profiles'!$G$21=$B$17,14,0)+IF('Standard Profiles'!$G$21=$B$24,21,0),MOD($C2513,24)+1)/SUM(INDEX($D$3:$AA$30,INDEX(Jesper!$R$2:$R$366,ROW(INDEX(Jesper!AK$2:AK$366,ROUNDDOWN($C2513/24,0)+1,1))-1)+IF('Standard Profiles'!$G$21=$B$10,7,0)+IF('Standard Profiles'!$G$21=$B$17,14,0)+IF('Standard Profiles'!$G$21=$B$24,21,0),0)),0)</f>
        <v>0</v>
      </c>
      <c r="H2513" cm="1">
        <f t="array" ref="H2513">IFERROR(INDEX(Jesper!AL$2:AL$366,ROUNDDOWN($C2513/24,0)+1,1)*INDEX($D$3:$AA$30,INDEX(Jesper!$R$2:$R$366,ROW(INDEX(Jesper!AL$2:AL$366,ROUNDDOWN($C2513/24,0)+1,1))-1)+IF('Standard Profiles'!$G$22=$B$10,7,0)+IF('Standard Profiles'!$G$22=$B$17,14,0)+IF('Standard Profiles'!$G$22=$B$24,21,0),MOD($C2513,24)+1)/SUM(INDEX($D$3:$AA$30,INDEX(Jesper!$R$2:$R$366,ROW(INDEX(Jesper!AL$2:AL$366,ROUNDDOWN($C2513/24,0)+1,1))-1)+IF('Standard Profiles'!$G$22=$B$10,7,0)+IF('Standard Profiles'!$G$22=$B$17,14,0)+IF('Standard Profiles'!$G$22=$B$24,21,0),0)),0)</f>
        <v>0</v>
      </c>
      <c r="I2513">
        <f t="shared" si="286"/>
        <v>0.23715211520019713</v>
      </c>
      <c r="J2513">
        <f t="shared" si="287"/>
        <v>0.79050705066732385</v>
      </c>
      <c r="K2513">
        <f t="shared" si="288"/>
        <v>1.1857605760009857</v>
      </c>
      <c r="L2513">
        <f t="shared" si="289"/>
        <v>13.85631826098294</v>
      </c>
      <c r="M2513">
        <f t="shared" si="290"/>
        <v>0</v>
      </c>
      <c r="N2513" s="46">
        <f t="shared" si="291"/>
        <v>45395.291666660654</v>
      </c>
    </row>
    <row r="2514" spans="2:14" x14ac:dyDescent="0.3">
      <c r="B2514">
        <f t="shared" si="285"/>
        <v>6</v>
      </c>
      <c r="C2514" s="16">
        <v>2480</v>
      </c>
      <c r="D2514" cm="1">
        <f t="array" ref="D2514">IFERROR(INDEX(Jesper!AH$2:AH$366,ROUNDDOWN($C2514/24,0)+1,1)*INDEX($D$3:$AA$30,INDEX(Jesper!$R$2:$R$366,ROW(INDEX(Jesper!AH$2:AH$366,ROUNDDOWN($C2514/24,0)+1,1))-1)+IF('Standard Profiles'!$G$18=$B$10,7,0)+IF('Standard Profiles'!$G$18=$B$17,14,0)+IF('Standard Profiles'!$G$18=$B$24,21,0),MOD($C2514,24)+1)/SUM(INDEX($D$3:$AA$30,INDEX(Jesper!$R$2:$R$366,ROW(INDEX(Jesper!AH$2:AH$366,ROUNDDOWN($C2514/24,0)+1,1))-1)+IF('Standard Profiles'!$G$18=$B$10,7,0)+IF('Standard Profiles'!$G$18=$B$17,14,0)+IF('Standard Profiles'!$G$18=$B$24,21,0),0)),0)</f>
        <v>13.437349524129258</v>
      </c>
      <c r="E2514" cm="1">
        <f t="array" ref="E2514">IFERROR(INDEX(Jesper!AI$2:AI$366,ROUNDDOWN($C2514/24,0)+1,1)*INDEX($D$3:$AA$30,INDEX(Jesper!$R$2:$R$366,ROW(INDEX(Jesper!AI$2:AI$366,ROUNDDOWN($C2514/24,0)+1,1))-1)+IF('Standard Profiles'!$G$19=$B$10,7,0)+IF('Standard Profiles'!$G$19=$B$17,14,0)+IF('Standard Profiles'!$G$19=$B$24,21,0),MOD($C2514,24)+1)/SUM(INDEX($D$3:$AA$30,INDEX(Jesper!$R$2:$R$366,ROW(INDEX(Jesper!AI$2:AI$366,ROUNDDOWN($C2514/24,0)+1,1))-1)+IF('Standard Profiles'!$G$19=$B$10,7,0)+IF('Standard Profiles'!$G$19=$B$17,14,0)+IF('Standard Profiles'!$G$19=$B$24,21,0),0)),0)</f>
        <v>2.6323884787221874</v>
      </c>
      <c r="F2514" cm="1">
        <f t="array" ref="F2514">IFERROR(INDEX(Jesper!AJ$2:AJ$366,ROUNDDOWN($C2514/24,0)+1,1)*INDEX($D$3:$AA$30,INDEX(Jesper!$R$2:$R$366,ROW(INDEX(Jesper!AJ$2:AJ$366,ROUNDDOWN($C2514/24,0)+1,1))-1)+IF('Standard Profiles'!$G$20=$B$10,7,0)+IF('Standard Profiles'!$G$20=$B$17,14,0)+IF('Standard Profiles'!$G$20=$B$24,21,0),MOD($C2514,24)+1)/SUM(INDEX($D$3:$AA$30,INDEX(Jesper!$R$2:$R$366,ROW(INDEX(Jesper!AJ$2:AJ$366,ROUNDDOWN($C2514/24,0)+1,1))-1)+IF('Standard Profiles'!$G$20=$B$10,7,0)+IF('Standard Profiles'!$G$20=$B$17,14,0)+IF('Standard Profiles'!$G$20=$B$24,21,0),0)),0)</f>
        <v>0</v>
      </c>
      <c r="G2514" cm="1">
        <f t="array" ref="G2514">IFERROR(INDEX(Jesper!AK$2:AK$366,ROUNDDOWN($C2514/24,0)+1,1)*INDEX($D$3:$AA$30,INDEX(Jesper!$R$2:$R$366,ROW(INDEX(Jesper!AK$2:AK$366,ROUNDDOWN($C2514/24,0)+1,1))-1)+IF('Standard Profiles'!$G$21=$B$10,7,0)+IF('Standard Profiles'!$G$21=$B$17,14,0)+IF('Standard Profiles'!$G$21=$B$24,21,0),MOD($C2514,24)+1)/SUM(INDEX($D$3:$AA$30,INDEX(Jesper!$R$2:$R$366,ROW(INDEX(Jesper!AK$2:AK$366,ROUNDDOWN($C2514/24,0)+1,1))-1)+IF('Standard Profiles'!$G$21=$B$10,7,0)+IF('Standard Profiles'!$G$21=$B$17,14,0)+IF('Standard Profiles'!$G$21=$B$24,21,0),0)),0)</f>
        <v>0</v>
      </c>
      <c r="H2514" cm="1">
        <f t="array" ref="H2514">IFERROR(INDEX(Jesper!AL$2:AL$366,ROUNDDOWN($C2514/24,0)+1,1)*INDEX($D$3:$AA$30,INDEX(Jesper!$R$2:$R$366,ROW(INDEX(Jesper!AL$2:AL$366,ROUNDDOWN($C2514/24,0)+1,1))-1)+IF('Standard Profiles'!$G$22=$B$10,7,0)+IF('Standard Profiles'!$G$22=$B$17,14,0)+IF('Standard Profiles'!$G$22=$B$24,21,0),MOD($C2514,24)+1)/SUM(INDEX($D$3:$AA$30,INDEX(Jesper!$R$2:$R$366,ROW(INDEX(Jesper!AL$2:AL$366,ROUNDDOWN($C2514/24,0)+1,1))-1)+IF('Standard Profiles'!$G$22=$B$10,7,0)+IF('Standard Profiles'!$G$22=$B$17,14,0)+IF('Standard Profiles'!$G$22=$B$24,21,0),0)),0)</f>
        <v>0</v>
      </c>
      <c r="I2514">
        <f t="shared" si="286"/>
        <v>0.23715211520019713</v>
      </c>
      <c r="J2514">
        <f t="shared" si="287"/>
        <v>0.79050705066732385</v>
      </c>
      <c r="K2514">
        <f t="shared" si="288"/>
        <v>1.1857605760009857</v>
      </c>
      <c r="L2514">
        <f t="shared" si="289"/>
        <v>13.85631826098294</v>
      </c>
      <c r="M2514">
        <f t="shared" si="290"/>
        <v>0</v>
      </c>
      <c r="N2514" s="46">
        <f t="shared" si="291"/>
        <v>45395.333333327319</v>
      </c>
    </row>
    <row r="2515" spans="2:14" x14ac:dyDescent="0.3">
      <c r="B2515">
        <f t="shared" si="285"/>
        <v>6</v>
      </c>
      <c r="C2515" s="16">
        <v>2481</v>
      </c>
      <c r="D2515" cm="1">
        <f t="array" ref="D2515">IFERROR(INDEX(Jesper!AH$2:AH$366,ROUNDDOWN($C2515/24,0)+1,1)*INDEX($D$3:$AA$30,INDEX(Jesper!$R$2:$R$366,ROW(INDEX(Jesper!AH$2:AH$366,ROUNDDOWN($C2515/24,0)+1,1))-1)+IF('Standard Profiles'!$G$18=$B$10,7,0)+IF('Standard Profiles'!$G$18=$B$17,14,0)+IF('Standard Profiles'!$G$18=$B$24,21,0),MOD($C2515,24)+1)/SUM(INDEX($D$3:$AA$30,INDEX(Jesper!$R$2:$R$366,ROW(INDEX(Jesper!AH$2:AH$366,ROUNDDOWN($C2515/24,0)+1,1))-1)+IF('Standard Profiles'!$G$18=$B$10,7,0)+IF('Standard Profiles'!$G$18=$B$17,14,0)+IF('Standard Profiles'!$G$18=$B$24,21,0),0)),0)</f>
        <v>13.437349524129258</v>
      </c>
      <c r="E2515" cm="1">
        <f t="array" ref="E2515">IFERROR(INDEX(Jesper!AI$2:AI$366,ROUNDDOWN($C2515/24,0)+1,1)*INDEX($D$3:$AA$30,INDEX(Jesper!$R$2:$R$366,ROW(INDEX(Jesper!AI$2:AI$366,ROUNDDOWN($C2515/24,0)+1,1))-1)+IF('Standard Profiles'!$G$19=$B$10,7,0)+IF('Standard Profiles'!$G$19=$B$17,14,0)+IF('Standard Profiles'!$G$19=$B$24,21,0),MOD($C2515,24)+1)/SUM(INDEX($D$3:$AA$30,INDEX(Jesper!$R$2:$R$366,ROW(INDEX(Jesper!AI$2:AI$366,ROUNDDOWN($C2515/24,0)+1,1))-1)+IF('Standard Profiles'!$G$19=$B$10,7,0)+IF('Standard Profiles'!$G$19=$B$17,14,0)+IF('Standard Profiles'!$G$19=$B$24,21,0),0)),0)</f>
        <v>2.6323884787221874</v>
      </c>
      <c r="F2515" cm="1">
        <f t="array" ref="F2515">IFERROR(INDEX(Jesper!AJ$2:AJ$366,ROUNDDOWN($C2515/24,0)+1,1)*INDEX($D$3:$AA$30,INDEX(Jesper!$R$2:$R$366,ROW(INDEX(Jesper!AJ$2:AJ$366,ROUNDDOWN($C2515/24,0)+1,1))-1)+IF('Standard Profiles'!$G$20=$B$10,7,0)+IF('Standard Profiles'!$G$20=$B$17,14,0)+IF('Standard Profiles'!$G$20=$B$24,21,0),MOD($C2515,24)+1)/SUM(INDEX($D$3:$AA$30,INDEX(Jesper!$R$2:$R$366,ROW(INDEX(Jesper!AJ$2:AJ$366,ROUNDDOWN($C2515/24,0)+1,1))-1)+IF('Standard Profiles'!$G$20=$B$10,7,0)+IF('Standard Profiles'!$G$20=$B$17,14,0)+IF('Standard Profiles'!$G$20=$B$24,21,0),0)),0)</f>
        <v>0</v>
      </c>
      <c r="G2515" cm="1">
        <f t="array" ref="G2515">IFERROR(INDEX(Jesper!AK$2:AK$366,ROUNDDOWN($C2515/24,0)+1,1)*INDEX($D$3:$AA$30,INDEX(Jesper!$R$2:$R$366,ROW(INDEX(Jesper!AK$2:AK$366,ROUNDDOWN($C2515/24,0)+1,1))-1)+IF('Standard Profiles'!$G$21=$B$10,7,0)+IF('Standard Profiles'!$G$21=$B$17,14,0)+IF('Standard Profiles'!$G$21=$B$24,21,0),MOD($C2515,24)+1)/SUM(INDEX($D$3:$AA$30,INDEX(Jesper!$R$2:$R$366,ROW(INDEX(Jesper!AK$2:AK$366,ROUNDDOWN($C2515/24,0)+1,1))-1)+IF('Standard Profiles'!$G$21=$B$10,7,0)+IF('Standard Profiles'!$G$21=$B$17,14,0)+IF('Standard Profiles'!$G$21=$B$24,21,0),0)),0)</f>
        <v>0</v>
      </c>
      <c r="H2515" cm="1">
        <f t="array" ref="H2515">IFERROR(INDEX(Jesper!AL$2:AL$366,ROUNDDOWN($C2515/24,0)+1,1)*INDEX($D$3:$AA$30,INDEX(Jesper!$R$2:$R$366,ROW(INDEX(Jesper!AL$2:AL$366,ROUNDDOWN($C2515/24,0)+1,1))-1)+IF('Standard Profiles'!$G$22=$B$10,7,0)+IF('Standard Profiles'!$G$22=$B$17,14,0)+IF('Standard Profiles'!$G$22=$B$24,21,0),MOD($C2515,24)+1)/SUM(INDEX($D$3:$AA$30,INDEX(Jesper!$R$2:$R$366,ROW(INDEX(Jesper!AL$2:AL$366,ROUNDDOWN($C2515/24,0)+1,1))-1)+IF('Standard Profiles'!$G$22=$B$10,7,0)+IF('Standard Profiles'!$G$22=$B$17,14,0)+IF('Standard Profiles'!$G$22=$B$24,21,0),0)),0)</f>
        <v>0</v>
      </c>
      <c r="I2515">
        <f t="shared" si="286"/>
        <v>0.23715211520019713</v>
      </c>
      <c r="J2515">
        <f t="shared" si="287"/>
        <v>0.79050705066732385</v>
      </c>
      <c r="K2515">
        <f t="shared" si="288"/>
        <v>1.1857605760009857</v>
      </c>
      <c r="L2515">
        <f t="shared" si="289"/>
        <v>13.85631826098294</v>
      </c>
      <c r="M2515">
        <f t="shared" si="290"/>
        <v>0</v>
      </c>
      <c r="N2515" s="46">
        <f t="shared" si="291"/>
        <v>45395.374999993983</v>
      </c>
    </row>
    <row r="2516" spans="2:14" x14ac:dyDescent="0.3">
      <c r="B2516">
        <f t="shared" si="285"/>
        <v>6</v>
      </c>
      <c r="C2516" s="16">
        <v>2482</v>
      </c>
      <c r="D2516" cm="1">
        <f t="array" ref="D2516">IFERROR(INDEX(Jesper!AH$2:AH$366,ROUNDDOWN($C2516/24,0)+1,1)*INDEX($D$3:$AA$30,INDEX(Jesper!$R$2:$R$366,ROW(INDEX(Jesper!AH$2:AH$366,ROUNDDOWN($C2516/24,0)+1,1))-1)+IF('Standard Profiles'!$G$18=$B$10,7,0)+IF('Standard Profiles'!$G$18=$B$17,14,0)+IF('Standard Profiles'!$G$18=$B$24,21,0),MOD($C2516,24)+1)/SUM(INDEX($D$3:$AA$30,INDEX(Jesper!$R$2:$R$366,ROW(INDEX(Jesper!AH$2:AH$366,ROUNDDOWN($C2516/24,0)+1,1))-1)+IF('Standard Profiles'!$G$18=$B$10,7,0)+IF('Standard Profiles'!$G$18=$B$17,14,0)+IF('Standard Profiles'!$G$18=$B$24,21,0),0)),0)</f>
        <v>13.437349524129258</v>
      </c>
      <c r="E2516" cm="1">
        <f t="array" ref="E2516">IFERROR(INDEX(Jesper!AI$2:AI$366,ROUNDDOWN($C2516/24,0)+1,1)*INDEX($D$3:$AA$30,INDEX(Jesper!$R$2:$R$366,ROW(INDEX(Jesper!AI$2:AI$366,ROUNDDOWN($C2516/24,0)+1,1))-1)+IF('Standard Profiles'!$G$19=$B$10,7,0)+IF('Standard Profiles'!$G$19=$B$17,14,0)+IF('Standard Profiles'!$G$19=$B$24,21,0),MOD($C2516,24)+1)/SUM(INDEX($D$3:$AA$30,INDEX(Jesper!$R$2:$R$366,ROW(INDEX(Jesper!AI$2:AI$366,ROUNDDOWN($C2516/24,0)+1,1))-1)+IF('Standard Profiles'!$G$19=$B$10,7,0)+IF('Standard Profiles'!$G$19=$B$17,14,0)+IF('Standard Profiles'!$G$19=$B$24,21,0),0)),0)</f>
        <v>2.6323884787221874</v>
      </c>
      <c r="F2516" cm="1">
        <f t="array" ref="F2516">IFERROR(INDEX(Jesper!AJ$2:AJ$366,ROUNDDOWN($C2516/24,0)+1,1)*INDEX($D$3:$AA$30,INDEX(Jesper!$R$2:$R$366,ROW(INDEX(Jesper!AJ$2:AJ$366,ROUNDDOWN($C2516/24,0)+1,1))-1)+IF('Standard Profiles'!$G$20=$B$10,7,0)+IF('Standard Profiles'!$G$20=$B$17,14,0)+IF('Standard Profiles'!$G$20=$B$24,21,0),MOD($C2516,24)+1)/SUM(INDEX($D$3:$AA$30,INDEX(Jesper!$R$2:$R$366,ROW(INDEX(Jesper!AJ$2:AJ$366,ROUNDDOWN($C2516/24,0)+1,1))-1)+IF('Standard Profiles'!$G$20=$B$10,7,0)+IF('Standard Profiles'!$G$20=$B$17,14,0)+IF('Standard Profiles'!$G$20=$B$24,21,0),0)),0)</f>
        <v>0</v>
      </c>
      <c r="G2516" cm="1">
        <f t="array" ref="G2516">IFERROR(INDEX(Jesper!AK$2:AK$366,ROUNDDOWN($C2516/24,0)+1,1)*INDEX($D$3:$AA$30,INDEX(Jesper!$R$2:$R$366,ROW(INDEX(Jesper!AK$2:AK$366,ROUNDDOWN($C2516/24,0)+1,1))-1)+IF('Standard Profiles'!$G$21=$B$10,7,0)+IF('Standard Profiles'!$G$21=$B$17,14,0)+IF('Standard Profiles'!$G$21=$B$24,21,0),MOD($C2516,24)+1)/SUM(INDEX($D$3:$AA$30,INDEX(Jesper!$R$2:$R$366,ROW(INDEX(Jesper!AK$2:AK$366,ROUNDDOWN($C2516/24,0)+1,1))-1)+IF('Standard Profiles'!$G$21=$B$10,7,0)+IF('Standard Profiles'!$G$21=$B$17,14,0)+IF('Standard Profiles'!$G$21=$B$24,21,0),0)),0)</f>
        <v>0</v>
      </c>
      <c r="H2516" cm="1">
        <f t="array" ref="H2516">IFERROR(INDEX(Jesper!AL$2:AL$366,ROUNDDOWN($C2516/24,0)+1,1)*INDEX($D$3:$AA$30,INDEX(Jesper!$R$2:$R$366,ROW(INDEX(Jesper!AL$2:AL$366,ROUNDDOWN($C2516/24,0)+1,1))-1)+IF('Standard Profiles'!$G$22=$B$10,7,0)+IF('Standard Profiles'!$G$22=$B$17,14,0)+IF('Standard Profiles'!$G$22=$B$24,21,0),MOD($C2516,24)+1)/SUM(INDEX($D$3:$AA$30,INDEX(Jesper!$R$2:$R$366,ROW(INDEX(Jesper!AL$2:AL$366,ROUNDDOWN($C2516/24,0)+1,1))-1)+IF('Standard Profiles'!$G$22=$B$10,7,0)+IF('Standard Profiles'!$G$22=$B$17,14,0)+IF('Standard Profiles'!$G$22=$B$24,21,0),0)),0)</f>
        <v>0</v>
      </c>
      <c r="I2516">
        <f t="shared" si="286"/>
        <v>0.23715211520019713</v>
      </c>
      <c r="J2516">
        <f t="shared" si="287"/>
        <v>0.79050705066732385</v>
      </c>
      <c r="K2516">
        <f t="shared" si="288"/>
        <v>1.1857605760009857</v>
      </c>
      <c r="L2516">
        <f t="shared" si="289"/>
        <v>13.85631826098294</v>
      </c>
      <c r="M2516">
        <f t="shared" si="290"/>
        <v>0</v>
      </c>
      <c r="N2516" s="46">
        <f t="shared" si="291"/>
        <v>45395.416666660647</v>
      </c>
    </row>
    <row r="2517" spans="2:14" x14ac:dyDescent="0.3">
      <c r="B2517">
        <f t="shared" si="285"/>
        <v>6</v>
      </c>
      <c r="C2517" s="16">
        <v>2483</v>
      </c>
      <c r="D2517" cm="1">
        <f t="array" ref="D2517">IFERROR(INDEX(Jesper!AH$2:AH$366,ROUNDDOWN($C2517/24,0)+1,1)*INDEX($D$3:$AA$30,INDEX(Jesper!$R$2:$R$366,ROW(INDEX(Jesper!AH$2:AH$366,ROUNDDOWN($C2517/24,0)+1,1))-1)+IF('Standard Profiles'!$G$18=$B$10,7,0)+IF('Standard Profiles'!$G$18=$B$17,14,0)+IF('Standard Profiles'!$G$18=$B$24,21,0),MOD($C2517,24)+1)/SUM(INDEX($D$3:$AA$30,INDEX(Jesper!$R$2:$R$366,ROW(INDEX(Jesper!AH$2:AH$366,ROUNDDOWN($C2517/24,0)+1,1))-1)+IF('Standard Profiles'!$G$18=$B$10,7,0)+IF('Standard Profiles'!$G$18=$B$17,14,0)+IF('Standard Profiles'!$G$18=$B$24,21,0),0)),0)</f>
        <v>13.437349524129258</v>
      </c>
      <c r="E2517" cm="1">
        <f t="array" ref="E2517">IFERROR(INDEX(Jesper!AI$2:AI$366,ROUNDDOWN($C2517/24,0)+1,1)*INDEX($D$3:$AA$30,INDEX(Jesper!$R$2:$R$366,ROW(INDEX(Jesper!AI$2:AI$366,ROUNDDOWN($C2517/24,0)+1,1))-1)+IF('Standard Profiles'!$G$19=$B$10,7,0)+IF('Standard Profiles'!$G$19=$B$17,14,0)+IF('Standard Profiles'!$G$19=$B$24,21,0),MOD($C2517,24)+1)/SUM(INDEX($D$3:$AA$30,INDEX(Jesper!$R$2:$R$366,ROW(INDEX(Jesper!AI$2:AI$366,ROUNDDOWN($C2517/24,0)+1,1))-1)+IF('Standard Profiles'!$G$19=$B$10,7,0)+IF('Standard Profiles'!$G$19=$B$17,14,0)+IF('Standard Profiles'!$G$19=$B$24,21,0),0)),0)</f>
        <v>2.6323884787221874</v>
      </c>
      <c r="F2517" cm="1">
        <f t="array" ref="F2517">IFERROR(INDEX(Jesper!AJ$2:AJ$366,ROUNDDOWN($C2517/24,0)+1,1)*INDEX($D$3:$AA$30,INDEX(Jesper!$R$2:$R$366,ROW(INDEX(Jesper!AJ$2:AJ$366,ROUNDDOWN($C2517/24,0)+1,1))-1)+IF('Standard Profiles'!$G$20=$B$10,7,0)+IF('Standard Profiles'!$G$20=$B$17,14,0)+IF('Standard Profiles'!$G$20=$B$24,21,0),MOD($C2517,24)+1)/SUM(INDEX($D$3:$AA$30,INDEX(Jesper!$R$2:$R$366,ROW(INDEX(Jesper!AJ$2:AJ$366,ROUNDDOWN($C2517/24,0)+1,1))-1)+IF('Standard Profiles'!$G$20=$B$10,7,0)+IF('Standard Profiles'!$G$20=$B$17,14,0)+IF('Standard Profiles'!$G$20=$B$24,21,0),0)),0)</f>
        <v>0</v>
      </c>
      <c r="G2517" cm="1">
        <f t="array" ref="G2517">IFERROR(INDEX(Jesper!AK$2:AK$366,ROUNDDOWN($C2517/24,0)+1,1)*INDEX($D$3:$AA$30,INDEX(Jesper!$R$2:$R$366,ROW(INDEX(Jesper!AK$2:AK$366,ROUNDDOWN($C2517/24,0)+1,1))-1)+IF('Standard Profiles'!$G$21=$B$10,7,0)+IF('Standard Profiles'!$G$21=$B$17,14,0)+IF('Standard Profiles'!$G$21=$B$24,21,0),MOD($C2517,24)+1)/SUM(INDEX($D$3:$AA$30,INDEX(Jesper!$R$2:$R$366,ROW(INDEX(Jesper!AK$2:AK$366,ROUNDDOWN($C2517/24,0)+1,1))-1)+IF('Standard Profiles'!$G$21=$B$10,7,0)+IF('Standard Profiles'!$G$21=$B$17,14,0)+IF('Standard Profiles'!$G$21=$B$24,21,0),0)),0)</f>
        <v>0</v>
      </c>
      <c r="H2517" cm="1">
        <f t="array" ref="H2517">IFERROR(INDEX(Jesper!AL$2:AL$366,ROUNDDOWN($C2517/24,0)+1,1)*INDEX($D$3:$AA$30,INDEX(Jesper!$R$2:$R$366,ROW(INDEX(Jesper!AL$2:AL$366,ROUNDDOWN($C2517/24,0)+1,1))-1)+IF('Standard Profiles'!$G$22=$B$10,7,0)+IF('Standard Profiles'!$G$22=$B$17,14,0)+IF('Standard Profiles'!$G$22=$B$24,21,0),MOD($C2517,24)+1)/SUM(INDEX($D$3:$AA$30,INDEX(Jesper!$R$2:$R$366,ROW(INDEX(Jesper!AL$2:AL$366,ROUNDDOWN($C2517/24,0)+1,1))-1)+IF('Standard Profiles'!$G$22=$B$10,7,0)+IF('Standard Profiles'!$G$22=$B$17,14,0)+IF('Standard Profiles'!$G$22=$B$24,21,0),0)),0)</f>
        <v>0</v>
      </c>
      <c r="I2517">
        <f t="shared" si="286"/>
        <v>0.23715211520019713</v>
      </c>
      <c r="J2517">
        <f t="shared" si="287"/>
        <v>0.79050705066732385</v>
      </c>
      <c r="K2517">
        <f t="shared" si="288"/>
        <v>1.1857605760009857</v>
      </c>
      <c r="L2517">
        <f t="shared" si="289"/>
        <v>13.85631826098294</v>
      </c>
      <c r="M2517">
        <f t="shared" si="290"/>
        <v>0</v>
      </c>
      <c r="N2517" s="46">
        <f t="shared" si="291"/>
        <v>45395.458333327311</v>
      </c>
    </row>
    <row r="2518" spans="2:14" x14ac:dyDescent="0.3">
      <c r="B2518">
        <f t="shared" si="285"/>
        <v>6</v>
      </c>
      <c r="C2518" s="16">
        <v>2484</v>
      </c>
      <c r="D2518" cm="1">
        <f t="array" ref="D2518">IFERROR(INDEX(Jesper!AH$2:AH$366,ROUNDDOWN($C2518/24,0)+1,1)*INDEX($D$3:$AA$30,INDEX(Jesper!$R$2:$R$366,ROW(INDEX(Jesper!AH$2:AH$366,ROUNDDOWN($C2518/24,0)+1,1))-1)+IF('Standard Profiles'!$G$18=$B$10,7,0)+IF('Standard Profiles'!$G$18=$B$17,14,0)+IF('Standard Profiles'!$G$18=$B$24,21,0),MOD($C2518,24)+1)/SUM(INDEX($D$3:$AA$30,INDEX(Jesper!$R$2:$R$366,ROW(INDEX(Jesper!AH$2:AH$366,ROUNDDOWN($C2518/24,0)+1,1))-1)+IF('Standard Profiles'!$G$18=$B$10,7,0)+IF('Standard Profiles'!$G$18=$B$17,14,0)+IF('Standard Profiles'!$G$18=$B$24,21,0),0)),0)</f>
        <v>13.437349524129258</v>
      </c>
      <c r="E2518" cm="1">
        <f t="array" ref="E2518">IFERROR(INDEX(Jesper!AI$2:AI$366,ROUNDDOWN($C2518/24,0)+1,1)*INDEX($D$3:$AA$30,INDEX(Jesper!$R$2:$R$366,ROW(INDEX(Jesper!AI$2:AI$366,ROUNDDOWN($C2518/24,0)+1,1))-1)+IF('Standard Profiles'!$G$19=$B$10,7,0)+IF('Standard Profiles'!$G$19=$B$17,14,0)+IF('Standard Profiles'!$G$19=$B$24,21,0),MOD($C2518,24)+1)/SUM(INDEX($D$3:$AA$30,INDEX(Jesper!$R$2:$R$366,ROW(INDEX(Jesper!AI$2:AI$366,ROUNDDOWN($C2518/24,0)+1,1))-1)+IF('Standard Profiles'!$G$19=$B$10,7,0)+IF('Standard Profiles'!$G$19=$B$17,14,0)+IF('Standard Profiles'!$G$19=$B$24,21,0),0)),0)</f>
        <v>2.6323884787221874</v>
      </c>
      <c r="F2518" cm="1">
        <f t="array" ref="F2518">IFERROR(INDEX(Jesper!AJ$2:AJ$366,ROUNDDOWN($C2518/24,0)+1,1)*INDEX($D$3:$AA$30,INDEX(Jesper!$R$2:$R$366,ROW(INDEX(Jesper!AJ$2:AJ$366,ROUNDDOWN($C2518/24,0)+1,1))-1)+IF('Standard Profiles'!$G$20=$B$10,7,0)+IF('Standard Profiles'!$G$20=$B$17,14,0)+IF('Standard Profiles'!$G$20=$B$24,21,0),MOD($C2518,24)+1)/SUM(INDEX($D$3:$AA$30,INDEX(Jesper!$R$2:$R$366,ROW(INDEX(Jesper!AJ$2:AJ$366,ROUNDDOWN($C2518/24,0)+1,1))-1)+IF('Standard Profiles'!$G$20=$B$10,7,0)+IF('Standard Profiles'!$G$20=$B$17,14,0)+IF('Standard Profiles'!$G$20=$B$24,21,0),0)),0)</f>
        <v>0</v>
      </c>
      <c r="G2518" cm="1">
        <f t="array" ref="G2518">IFERROR(INDEX(Jesper!AK$2:AK$366,ROUNDDOWN($C2518/24,0)+1,1)*INDEX($D$3:$AA$30,INDEX(Jesper!$R$2:$R$366,ROW(INDEX(Jesper!AK$2:AK$366,ROUNDDOWN($C2518/24,0)+1,1))-1)+IF('Standard Profiles'!$G$21=$B$10,7,0)+IF('Standard Profiles'!$G$21=$B$17,14,0)+IF('Standard Profiles'!$G$21=$B$24,21,0),MOD($C2518,24)+1)/SUM(INDEX($D$3:$AA$30,INDEX(Jesper!$R$2:$R$366,ROW(INDEX(Jesper!AK$2:AK$366,ROUNDDOWN($C2518/24,0)+1,1))-1)+IF('Standard Profiles'!$G$21=$B$10,7,0)+IF('Standard Profiles'!$G$21=$B$17,14,0)+IF('Standard Profiles'!$G$21=$B$24,21,0),0)),0)</f>
        <v>0</v>
      </c>
      <c r="H2518" cm="1">
        <f t="array" ref="H2518">IFERROR(INDEX(Jesper!AL$2:AL$366,ROUNDDOWN($C2518/24,0)+1,1)*INDEX($D$3:$AA$30,INDEX(Jesper!$R$2:$R$366,ROW(INDEX(Jesper!AL$2:AL$366,ROUNDDOWN($C2518/24,0)+1,1))-1)+IF('Standard Profiles'!$G$22=$B$10,7,0)+IF('Standard Profiles'!$G$22=$B$17,14,0)+IF('Standard Profiles'!$G$22=$B$24,21,0),MOD($C2518,24)+1)/SUM(INDEX($D$3:$AA$30,INDEX(Jesper!$R$2:$R$366,ROW(INDEX(Jesper!AL$2:AL$366,ROUNDDOWN($C2518/24,0)+1,1))-1)+IF('Standard Profiles'!$G$22=$B$10,7,0)+IF('Standard Profiles'!$G$22=$B$17,14,0)+IF('Standard Profiles'!$G$22=$B$24,21,0),0)),0)</f>
        <v>0</v>
      </c>
      <c r="I2518">
        <f t="shared" si="286"/>
        <v>0.23715211520019713</v>
      </c>
      <c r="J2518">
        <f t="shared" si="287"/>
        <v>0.79050705066732385</v>
      </c>
      <c r="K2518">
        <f t="shared" si="288"/>
        <v>1.1857605760009857</v>
      </c>
      <c r="L2518">
        <f t="shared" si="289"/>
        <v>13.85631826098294</v>
      </c>
      <c r="M2518">
        <f t="shared" si="290"/>
        <v>0</v>
      </c>
      <c r="N2518" s="46">
        <f t="shared" si="291"/>
        <v>45395.499999993976</v>
      </c>
    </row>
    <row r="2519" spans="2:14" x14ac:dyDescent="0.3">
      <c r="B2519">
        <f t="shared" si="285"/>
        <v>6</v>
      </c>
      <c r="C2519" s="16">
        <v>2485</v>
      </c>
      <c r="D2519" cm="1">
        <f t="array" ref="D2519">IFERROR(INDEX(Jesper!AH$2:AH$366,ROUNDDOWN($C2519/24,0)+1,1)*INDEX($D$3:$AA$30,INDEX(Jesper!$R$2:$R$366,ROW(INDEX(Jesper!AH$2:AH$366,ROUNDDOWN($C2519/24,0)+1,1))-1)+IF('Standard Profiles'!$G$18=$B$10,7,0)+IF('Standard Profiles'!$G$18=$B$17,14,0)+IF('Standard Profiles'!$G$18=$B$24,21,0),MOD($C2519,24)+1)/SUM(INDEX($D$3:$AA$30,INDEX(Jesper!$R$2:$R$366,ROW(INDEX(Jesper!AH$2:AH$366,ROUNDDOWN($C2519/24,0)+1,1))-1)+IF('Standard Profiles'!$G$18=$B$10,7,0)+IF('Standard Profiles'!$G$18=$B$17,14,0)+IF('Standard Profiles'!$G$18=$B$24,21,0),0)),0)</f>
        <v>13.437349524129258</v>
      </c>
      <c r="E2519" cm="1">
        <f t="array" ref="E2519">IFERROR(INDEX(Jesper!AI$2:AI$366,ROUNDDOWN($C2519/24,0)+1,1)*INDEX($D$3:$AA$30,INDEX(Jesper!$R$2:$R$366,ROW(INDEX(Jesper!AI$2:AI$366,ROUNDDOWN($C2519/24,0)+1,1))-1)+IF('Standard Profiles'!$G$19=$B$10,7,0)+IF('Standard Profiles'!$G$19=$B$17,14,0)+IF('Standard Profiles'!$G$19=$B$24,21,0),MOD($C2519,24)+1)/SUM(INDEX($D$3:$AA$30,INDEX(Jesper!$R$2:$R$366,ROW(INDEX(Jesper!AI$2:AI$366,ROUNDDOWN($C2519/24,0)+1,1))-1)+IF('Standard Profiles'!$G$19=$B$10,7,0)+IF('Standard Profiles'!$G$19=$B$17,14,0)+IF('Standard Profiles'!$G$19=$B$24,21,0),0)),0)</f>
        <v>2.6323884787221874</v>
      </c>
      <c r="F2519" cm="1">
        <f t="array" ref="F2519">IFERROR(INDEX(Jesper!AJ$2:AJ$366,ROUNDDOWN($C2519/24,0)+1,1)*INDEX($D$3:$AA$30,INDEX(Jesper!$R$2:$R$366,ROW(INDEX(Jesper!AJ$2:AJ$366,ROUNDDOWN($C2519/24,0)+1,1))-1)+IF('Standard Profiles'!$G$20=$B$10,7,0)+IF('Standard Profiles'!$G$20=$B$17,14,0)+IF('Standard Profiles'!$G$20=$B$24,21,0),MOD($C2519,24)+1)/SUM(INDEX($D$3:$AA$30,INDEX(Jesper!$R$2:$R$366,ROW(INDEX(Jesper!AJ$2:AJ$366,ROUNDDOWN($C2519/24,0)+1,1))-1)+IF('Standard Profiles'!$G$20=$B$10,7,0)+IF('Standard Profiles'!$G$20=$B$17,14,0)+IF('Standard Profiles'!$G$20=$B$24,21,0),0)),0)</f>
        <v>0</v>
      </c>
      <c r="G2519" cm="1">
        <f t="array" ref="G2519">IFERROR(INDEX(Jesper!AK$2:AK$366,ROUNDDOWN($C2519/24,0)+1,1)*INDEX($D$3:$AA$30,INDEX(Jesper!$R$2:$R$366,ROW(INDEX(Jesper!AK$2:AK$366,ROUNDDOWN($C2519/24,0)+1,1))-1)+IF('Standard Profiles'!$G$21=$B$10,7,0)+IF('Standard Profiles'!$G$21=$B$17,14,0)+IF('Standard Profiles'!$G$21=$B$24,21,0),MOD($C2519,24)+1)/SUM(INDEX($D$3:$AA$30,INDEX(Jesper!$R$2:$R$366,ROW(INDEX(Jesper!AK$2:AK$366,ROUNDDOWN($C2519/24,0)+1,1))-1)+IF('Standard Profiles'!$G$21=$B$10,7,0)+IF('Standard Profiles'!$G$21=$B$17,14,0)+IF('Standard Profiles'!$G$21=$B$24,21,0),0)),0)</f>
        <v>0</v>
      </c>
      <c r="H2519" cm="1">
        <f t="array" ref="H2519">IFERROR(INDEX(Jesper!AL$2:AL$366,ROUNDDOWN($C2519/24,0)+1,1)*INDEX($D$3:$AA$30,INDEX(Jesper!$R$2:$R$366,ROW(INDEX(Jesper!AL$2:AL$366,ROUNDDOWN($C2519/24,0)+1,1))-1)+IF('Standard Profiles'!$G$22=$B$10,7,0)+IF('Standard Profiles'!$G$22=$B$17,14,0)+IF('Standard Profiles'!$G$22=$B$24,21,0),MOD($C2519,24)+1)/SUM(INDEX($D$3:$AA$30,INDEX(Jesper!$R$2:$R$366,ROW(INDEX(Jesper!AL$2:AL$366,ROUNDDOWN($C2519/24,0)+1,1))-1)+IF('Standard Profiles'!$G$22=$B$10,7,0)+IF('Standard Profiles'!$G$22=$B$17,14,0)+IF('Standard Profiles'!$G$22=$B$24,21,0),0)),0)</f>
        <v>0</v>
      </c>
      <c r="I2519">
        <f t="shared" si="286"/>
        <v>0.23715211520019713</v>
      </c>
      <c r="J2519">
        <f t="shared" si="287"/>
        <v>0.79050705066732385</v>
      </c>
      <c r="K2519">
        <f t="shared" si="288"/>
        <v>1.1857605760009857</v>
      </c>
      <c r="L2519">
        <f t="shared" si="289"/>
        <v>13.85631826098294</v>
      </c>
      <c r="M2519">
        <f t="shared" si="290"/>
        <v>0</v>
      </c>
      <c r="N2519" s="46">
        <f t="shared" si="291"/>
        <v>45395.54166666064</v>
      </c>
    </row>
    <row r="2520" spans="2:14" x14ac:dyDescent="0.3">
      <c r="B2520">
        <f t="shared" si="285"/>
        <v>6</v>
      </c>
      <c r="C2520" s="16">
        <v>2486</v>
      </c>
      <c r="D2520" cm="1">
        <f t="array" ref="D2520">IFERROR(INDEX(Jesper!AH$2:AH$366,ROUNDDOWN($C2520/24,0)+1,1)*INDEX($D$3:$AA$30,INDEX(Jesper!$R$2:$R$366,ROW(INDEX(Jesper!AH$2:AH$366,ROUNDDOWN($C2520/24,0)+1,1))-1)+IF('Standard Profiles'!$G$18=$B$10,7,0)+IF('Standard Profiles'!$G$18=$B$17,14,0)+IF('Standard Profiles'!$G$18=$B$24,21,0),MOD($C2520,24)+1)/SUM(INDEX($D$3:$AA$30,INDEX(Jesper!$R$2:$R$366,ROW(INDEX(Jesper!AH$2:AH$366,ROUNDDOWN($C2520/24,0)+1,1))-1)+IF('Standard Profiles'!$G$18=$B$10,7,0)+IF('Standard Profiles'!$G$18=$B$17,14,0)+IF('Standard Profiles'!$G$18=$B$24,21,0),0)),0)</f>
        <v>13.437349524129258</v>
      </c>
      <c r="E2520" cm="1">
        <f t="array" ref="E2520">IFERROR(INDEX(Jesper!AI$2:AI$366,ROUNDDOWN($C2520/24,0)+1,1)*INDEX($D$3:$AA$30,INDEX(Jesper!$R$2:$R$366,ROW(INDEX(Jesper!AI$2:AI$366,ROUNDDOWN($C2520/24,0)+1,1))-1)+IF('Standard Profiles'!$G$19=$B$10,7,0)+IF('Standard Profiles'!$G$19=$B$17,14,0)+IF('Standard Profiles'!$G$19=$B$24,21,0),MOD($C2520,24)+1)/SUM(INDEX($D$3:$AA$30,INDEX(Jesper!$R$2:$R$366,ROW(INDEX(Jesper!AI$2:AI$366,ROUNDDOWN($C2520/24,0)+1,1))-1)+IF('Standard Profiles'!$G$19=$B$10,7,0)+IF('Standard Profiles'!$G$19=$B$17,14,0)+IF('Standard Profiles'!$G$19=$B$24,21,0),0)),0)</f>
        <v>2.6323884787221874</v>
      </c>
      <c r="F2520" cm="1">
        <f t="array" ref="F2520">IFERROR(INDEX(Jesper!AJ$2:AJ$366,ROUNDDOWN($C2520/24,0)+1,1)*INDEX($D$3:$AA$30,INDEX(Jesper!$R$2:$R$366,ROW(INDEX(Jesper!AJ$2:AJ$366,ROUNDDOWN($C2520/24,0)+1,1))-1)+IF('Standard Profiles'!$G$20=$B$10,7,0)+IF('Standard Profiles'!$G$20=$B$17,14,0)+IF('Standard Profiles'!$G$20=$B$24,21,0),MOD($C2520,24)+1)/SUM(INDEX($D$3:$AA$30,INDEX(Jesper!$R$2:$R$366,ROW(INDEX(Jesper!AJ$2:AJ$366,ROUNDDOWN($C2520/24,0)+1,1))-1)+IF('Standard Profiles'!$G$20=$B$10,7,0)+IF('Standard Profiles'!$G$20=$B$17,14,0)+IF('Standard Profiles'!$G$20=$B$24,21,0),0)),0)</f>
        <v>0</v>
      </c>
      <c r="G2520" cm="1">
        <f t="array" ref="G2520">IFERROR(INDEX(Jesper!AK$2:AK$366,ROUNDDOWN($C2520/24,0)+1,1)*INDEX($D$3:$AA$30,INDEX(Jesper!$R$2:$R$366,ROW(INDEX(Jesper!AK$2:AK$366,ROUNDDOWN($C2520/24,0)+1,1))-1)+IF('Standard Profiles'!$G$21=$B$10,7,0)+IF('Standard Profiles'!$G$21=$B$17,14,0)+IF('Standard Profiles'!$G$21=$B$24,21,0),MOD($C2520,24)+1)/SUM(INDEX($D$3:$AA$30,INDEX(Jesper!$R$2:$R$366,ROW(INDEX(Jesper!AK$2:AK$366,ROUNDDOWN($C2520/24,0)+1,1))-1)+IF('Standard Profiles'!$G$21=$B$10,7,0)+IF('Standard Profiles'!$G$21=$B$17,14,0)+IF('Standard Profiles'!$G$21=$B$24,21,0),0)),0)</f>
        <v>0</v>
      </c>
      <c r="H2520" cm="1">
        <f t="array" ref="H2520">IFERROR(INDEX(Jesper!AL$2:AL$366,ROUNDDOWN($C2520/24,0)+1,1)*INDEX($D$3:$AA$30,INDEX(Jesper!$R$2:$R$366,ROW(INDEX(Jesper!AL$2:AL$366,ROUNDDOWN($C2520/24,0)+1,1))-1)+IF('Standard Profiles'!$G$22=$B$10,7,0)+IF('Standard Profiles'!$G$22=$B$17,14,0)+IF('Standard Profiles'!$G$22=$B$24,21,0),MOD($C2520,24)+1)/SUM(INDEX($D$3:$AA$30,INDEX(Jesper!$R$2:$R$366,ROW(INDEX(Jesper!AL$2:AL$366,ROUNDDOWN($C2520/24,0)+1,1))-1)+IF('Standard Profiles'!$G$22=$B$10,7,0)+IF('Standard Profiles'!$G$22=$B$17,14,0)+IF('Standard Profiles'!$G$22=$B$24,21,0),0)),0)</f>
        <v>0</v>
      </c>
      <c r="I2520">
        <f t="shared" si="286"/>
        <v>0.23715211520019713</v>
      </c>
      <c r="J2520">
        <f t="shared" si="287"/>
        <v>0.79050705066732385</v>
      </c>
      <c r="K2520">
        <f t="shared" si="288"/>
        <v>1.1857605760009857</v>
      </c>
      <c r="L2520">
        <f t="shared" si="289"/>
        <v>13.85631826098294</v>
      </c>
      <c r="M2520">
        <f t="shared" si="290"/>
        <v>0</v>
      </c>
      <c r="N2520" s="46">
        <f t="shared" si="291"/>
        <v>45395.583333327304</v>
      </c>
    </row>
    <row r="2521" spans="2:14" x14ac:dyDescent="0.3">
      <c r="B2521">
        <f t="shared" si="285"/>
        <v>6</v>
      </c>
      <c r="C2521" s="16">
        <v>2487</v>
      </c>
      <c r="D2521" cm="1">
        <f t="array" ref="D2521">IFERROR(INDEX(Jesper!AH$2:AH$366,ROUNDDOWN($C2521/24,0)+1,1)*INDEX($D$3:$AA$30,INDEX(Jesper!$R$2:$R$366,ROW(INDEX(Jesper!AH$2:AH$366,ROUNDDOWN($C2521/24,0)+1,1))-1)+IF('Standard Profiles'!$G$18=$B$10,7,0)+IF('Standard Profiles'!$G$18=$B$17,14,0)+IF('Standard Profiles'!$G$18=$B$24,21,0),MOD($C2521,24)+1)/SUM(INDEX($D$3:$AA$30,INDEX(Jesper!$R$2:$R$366,ROW(INDEX(Jesper!AH$2:AH$366,ROUNDDOWN($C2521/24,0)+1,1))-1)+IF('Standard Profiles'!$G$18=$B$10,7,0)+IF('Standard Profiles'!$G$18=$B$17,14,0)+IF('Standard Profiles'!$G$18=$B$24,21,0),0)),0)</f>
        <v>12.14883655606207</v>
      </c>
      <c r="E2521" cm="1">
        <f t="array" ref="E2521">IFERROR(INDEX(Jesper!AI$2:AI$366,ROUNDDOWN($C2521/24,0)+1,1)*INDEX($D$3:$AA$30,INDEX(Jesper!$R$2:$R$366,ROW(INDEX(Jesper!AI$2:AI$366,ROUNDDOWN($C2521/24,0)+1,1))-1)+IF('Standard Profiles'!$G$19=$B$10,7,0)+IF('Standard Profiles'!$G$19=$B$17,14,0)+IF('Standard Profiles'!$G$19=$B$24,21,0),MOD($C2521,24)+1)/SUM(INDEX($D$3:$AA$30,INDEX(Jesper!$R$2:$R$366,ROW(INDEX(Jesper!AI$2:AI$366,ROUNDDOWN($C2521/24,0)+1,1))-1)+IF('Standard Profiles'!$G$19=$B$10,7,0)+IF('Standard Profiles'!$G$19=$B$17,14,0)+IF('Standard Profiles'!$G$19=$B$24,21,0),0)),0)</f>
        <v>2.3799676656940325</v>
      </c>
      <c r="F2521" cm="1">
        <f t="array" ref="F2521">IFERROR(INDEX(Jesper!AJ$2:AJ$366,ROUNDDOWN($C2521/24,0)+1,1)*INDEX($D$3:$AA$30,INDEX(Jesper!$R$2:$R$366,ROW(INDEX(Jesper!AJ$2:AJ$366,ROUNDDOWN($C2521/24,0)+1,1))-1)+IF('Standard Profiles'!$G$20=$B$10,7,0)+IF('Standard Profiles'!$G$20=$B$17,14,0)+IF('Standard Profiles'!$G$20=$B$24,21,0),MOD($C2521,24)+1)/SUM(INDEX($D$3:$AA$30,INDEX(Jesper!$R$2:$R$366,ROW(INDEX(Jesper!AJ$2:AJ$366,ROUNDDOWN($C2521/24,0)+1,1))-1)+IF('Standard Profiles'!$G$20=$B$10,7,0)+IF('Standard Profiles'!$G$20=$B$17,14,0)+IF('Standard Profiles'!$G$20=$B$24,21,0),0)),0)</f>
        <v>0</v>
      </c>
      <c r="G2521" cm="1">
        <f t="array" ref="G2521">IFERROR(INDEX(Jesper!AK$2:AK$366,ROUNDDOWN($C2521/24,0)+1,1)*INDEX($D$3:$AA$30,INDEX(Jesper!$R$2:$R$366,ROW(INDEX(Jesper!AK$2:AK$366,ROUNDDOWN($C2521/24,0)+1,1))-1)+IF('Standard Profiles'!$G$21=$B$10,7,0)+IF('Standard Profiles'!$G$21=$B$17,14,0)+IF('Standard Profiles'!$G$21=$B$24,21,0),MOD($C2521,24)+1)/SUM(INDEX($D$3:$AA$30,INDEX(Jesper!$R$2:$R$366,ROW(INDEX(Jesper!AK$2:AK$366,ROUNDDOWN($C2521/24,0)+1,1))-1)+IF('Standard Profiles'!$G$21=$B$10,7,0)+IF('Standard Profiles'!$G$21=$B$17,14,0)+IF('Standard Profiles'!$G$21=$B$24,21,0),0)),0)</f>
        <v>0</v>
      </c>
      <c r="H2521" cm="1">
        <f t="array" ref="H2521">IFERROR(INDEX(Jesper!AL$2:AL$366,ROUNDDOWN($C2521/24,0)+1,1)*INDEX($D$3:$AA$30,INDEX(Jesper!$R$2:$R$366,ROW(INDEX(Jesper!AL$2:AL$366,ROUNDDOWN($C2521/24,0)+1,1))-1)+IF('Standard Profiles'!$G$22=$B$10,7,0)+IF('Standard Profiles'!$G$22=$B$17,14,0)+IF('Standard Profiles'!$G$22=$B$24,21,0),MOD($C2521,24)+1)/SUM(INDEX($D$3:$AA$30,INDEX(Jesper!$R$2:$R$366,ROW(INDEX(Jesper!AL$2:AL$366,ROUNDDOWN($C2521/24,0)+1,1))-1)+IF('Standard Profiles'!$G$22=$B$10,7,0)+IF('Standard Profiles'!$G$22=$B$17,14,0)+IF('Standard Profiles'!$G$22=$B$24,21,0),0)),0)</f>
        <v>0</v>
      </c>
      <c r="I2521">
        <f t="shared" si="286"/>
        <v>0.21441150141387685</v>
      </c>
      <c r="J2521">
        <f t="shared" si="287"/>
        <v>0.71470500471292298</v>
      </c>
      <c r="K2521">
        <f t="shared" si="288"/>
        <v>1.0720575070693845</v>
      </c>
      <c r="L2521">
        <f t="shared" si="289"/>
        <v>12.527630208559918</v>
      </c>
      <c r="M2521">
        <f t="shared" si="290"/>
        <v>0</v>
      </c>
      <c r="N2521" s="46">
        <f t="shared" si="291"/>
        <v>45395.624999993968</v>
      </c>
    </row>
    <row r="2522" spans="2:14" x14ac:dyDescent="0.3">
      <c r="B2522">
        <f t="shared" si="285"/>
        <v>6</v>
      </c>
      <c r="C2522" s="16">
        <v>2488</v>
      </c>
      <c r="D2522" cm="1">
        <f t="array" ref="D2522">IFERROR(INDEX(Jesper!AH$2:AH$366,ROUNDDOWN($C2522/24,0)+1,1)*INDEX($D$3:$AA$30,INDEX(Jesper!$R$2:$R$366,ROW(INDEX(Jesper!AH$2:AH$366,ROUNDDOWN($C2522/24,0)+1,1))-1)+IF('Standard Profiles'!$G$18=$B$10,7,0)+IF('Standard Profiles'!$G$18=$B$17,14,0)+IF('Standard Profiles'!$G$18=$B$24,21,0),MOD($C2522,24)+1)/SUM(INDEX($D$3:$AA$30,INDEX(Jesper!$R$2:$R$366,ROW(INDEX(Jesper!AH$2:AH$366,ROUNDDOWN($C2522/24,0)+1,1))-1)+IF('Standard Profiles'!$G$18=$B$10,7,0)+IF('Standard Profiles'!$G$18=$B$17,14,0)+IF('Standard Profiles'!$G$18=$B$24,21,0),0)),0)</f>
        <v>11.044396869147336</v>
      </c>
      <c r="E2522" cm="1">
        <f t="array" ref="E2522">IFERROR(INDEX(Jesper!AI$2:AI$366,ROUNDDOWN($C2522/24,0)+1,1)*INDEX($D$3:$AA$30,INDEX(Jesper!$R$2:$R$366,ROW(INDEX(Jesper!AI$2:AI$366,ROUNDDOWN($C2522/24,0)+1,1))-1)+IF('Standard Profiles'!$G$19=$B$10,7,0)+IF('Standard Profiles'!$G$19=$B$17,14,0)+IF('Standard Profiles'!$G$19=$B$24,21,0),MOD($C2522,24)+1)/SUM(INDEX($D$3:$AA$30,INDEX(Jesper!$R$2:$R$366,ROW(INDEX(Jesper!AI$2:AI$366,ROUNDDOWN($C2522/24,0)+1,1))-1)+IF('Standard Profiles'!$G$19=$B$10,7,0)+IF('Standard Profiles'!$G$19=$B$17,14,0)+IF('Standard Profiles'!$G$19=$B$24,21,0),0)),0)</f>
        <v>2.1636069688127568</v>
      </c>
      <c r="F2522" cm="1">
        <f t="array" ref="F2522">IFERROR(INDEX(Jesper!AJ$2:AJ$366,ROUNDDOWN($C2522/24,0)+1,1)*INDEX($D$3:$AA$30,INDEX(Jesper!$R$2:$R$366,ROW(INDEX(Jesper!AJ$2:AJ$366,ROUNDDOWN($C2522/24,0)+1,1))-1)+IF('Standard Profiles'!$G$20=$B$10,7,0)+IF('Standard Profiles'!$G$20=$B$17,14,0)+IF('Standard Profiles'!$G$20=$B$24,21,0),MOD($C2522,24)+1)/SUM(INDEX($D$3:$AA$30,INDEX(Jesper!$R$2:$R$366,ROW(INDEX(Jesper!AJ$2:AJ$366,ROUNDDOWN($C2522/24,0)+1,1))-1)+IF('Standard Profiles'!$G$20=$B$10,7,0)+IF('Standard Profiles'!$G$20=$B$17,14,0)+IF('Standard Profiles'!$G$20=$B$24,21,0),0)),0)</f>
        <v>0</v>
      </c>
      <c r="G2522" cm="1">
        <f t="array" ref="G2522">IFERROR(INDEX(Jesper!AK$2:AK$366,ROUNDDOWN($C2522/24,0)+1,1)*INDEX($D$3:$AA$30,INDEX(Jesper!$R$2:$R$366,ROW(INDEX(Jesper!AK$2:AK$366,ROUNDDOWN($C2522/24,0)+1,1))-1)+IF('Standard Profiles'!$G$21=$B$10,7,0)+IF('Standard Profiles'!$G$21=$B$17,14,0)+IF('Standard Profiles'!$G$21=$B$24,21,0),MOD($C2522,24)+1)/SUM(INDEX($D$3:$AA$30,INDEX(Jesper!$R$2:$R$366,ROW(INDEX(Jesper!AK$2:AK$366,ROUNDDOWN($C2522/24,0)+1,1))-1)+IF('Standard Profiles'!$G$21=$B$10,7,0)+IF('Standard Profiles'!$G$21=$B$17,14,0)+IF('Standard Profiles'!$G$21=$B$24,21,0),0)),0)</f>
        <v>0</v>
      </c>
      <c r="H2522" cm="1">
        <f t="array" ref="H2522">IFERROR(INDEX(Jesper!AL$2:AL$366,ROUNDDOWN($C2522/24,0)+1,1)*INDEX($D$3:$AA$30,INDEX(Jesper!$R$2:$R$366,ROW(INDEX(Jesper!AL$2:AL$366,ROUNDDOWN($C2522/24,0)+1,1))-1)+IF('Standard Profiles'!$G$22=$B$10,7,0)+IF('Standard Profiles'!$G$22=$B$17,14,0)+IF('Standard Profiles'!$G$22=$B$24,21,0),MOD($C2522,24)+1)/SUM(INDEX($D$3:$AA$30,INDEX(Jesper!$R$2:$R$366,ROW(INDEX(Jesper!AL$2:AL$366,ROUNDDOWN($C2522/24,0)+1,1))-1)+IF('Standard Profiles'!$G$22=$B$10,7,0)+IF('Standard Profiles'!$G$22=$B$17,14,0)+IF('Standard Profiles'!$G$22=$B$24,21,0),0)),0)</f>
        <v>0</v>
      </c>
      <c r="I2522">
        <f t="shared" si="286"/>
        <v>0.19491954673988807</v>
      </c>
      <c r="J2522">
        <f t="shared" si="287"/>
        <v>0.64973182246629357</v>
      </c>
      <c r="K2522">
        <f t="shared" si="288"/>
        <v>0.97459773369944036</v>
      </c>
      <c r="L2522">
        <f t="shared" si="289"/>
        <v>11.388754735054471</v>
      </c>
      <c r="M2522">
        <f t="shared" si="290"/>
        <v>0</v>
      </c>
      <c r="N2522" s="46">
        <f t="shared" si="291"/>
        <v>45395.666666660632</v>
      </c>
    </row>
    <row r="2523" spans="2:14" x14ac:dyDescent="0.3">
      <c r="B2523">
        <f t="shared" si="285"/>
        <v>6</v>
      </c>
      <c r="C2523" s="16">
        <v>2489</v>
      </c>
      <c r="D2523" cm="1">
        <f t="array" ref="D2523">IFERROR(INDEX(Jesper!AH$2:AH$366,ROUNDDOWN($C2523/24,0)+1,1)*INDEX($D$3:$AA$30,INDEX(Jesper!$R$2:$R$366,ROW(INDEX(Jesper!AH$2:AH$366,ROUNDDOWN($C2523/24,0)+1,1))-1)+IF('Standard Profiles'!$G$18=$B$10,7,0)+IF('Standard Profiles'!$G$18=$B$17,14,0)+IF('Standard Profiles'!$G$18=$B$24,21,0),MOD($C2523,24)+1)/SUM(INDEX($D$3:$AA$30,INDEX(Jesper!$R$2:$R$366,ROW(INDEX(Jesper!AH$2:AH$366,ROUNDDOWN($C2523/24,0)+1,1))-1)+IF('Standard Profiles'!$G$18=$B$10,7,0)+IF('Standard Profiles'!$G$18=$B$17,14,0)+IF('Standard Profiles'!$G$18=$B$24,21,0),0)),0)</f>
        <v>9.9399571822326038</v>
      </c>
      <c r="E2523" cm="1">
        <f t="array" ref="E2523">IFERROR(INDEX(Jesper!AI$2:AI$366,ROUNDDOWN($C2523/24,0)+1,1)*INDEX($D$3:$AA$30,INDEX(Jesper!$R$2:$R$366,ROW(INDEX(Jesper!AI$2:AI$366,ROUNDDOWN($C2523/24,0)+1,1))-1)+IF('Standard Profiles'!$G$19=$B$10,7,0)+IF('Standard Profiles'!$G$19=$B$17,14,0)+IF('Standard Profiles'!$G$19=$B$24,21,0),MOD($C2523,24)+1)/SUM(INDEX($D$3:$AA$30,INDEX(Jesper!$R$2:$R$366,ROW(INDEX(Jesper!AI$2:AI$366,ROUNDDOWN($C2523/24,0)+1,1))-1)+IF('Standard Profiles'!$G$19=$B$10,7,0)+IF('Standard Profiles'!$G$19=$B$17,14,0)+IF('Standard Profiles'!$G$19=$B$24,21,0),0)),0)</f>
        <v>1.9472462719314814</v>
      </c>
      <c r="F2523" cm="1">
        <f t="array" ref="F2523">IFERROR(INDEX(Jesper!AJ$2:AJ$366,ROUNDDOWN($C2523/24,0)+1,1)*INDEX($D$3:$AA$30,INDEX(Jesper!$R$2:$R$366,ROW(INDEX(Jesper!AJ$2:AJ$366,ROUNDDOWN($C2523/24,0)+1,1))-1)+IF('Standard Profiles'!$G$20=$B$10,7,0)+IF('Standard Profiles'!$G$20=$B$17,14,0)+IF('Standard Profiles'!$G$20=$B$24,21,0),MOD($C2523,24)+1)/SUM(INDEX($D$3:$AA$30,INDEX(Jesper!$R$2:$R$366,ROW(INDEX(Jesper!AJ$2:AJ$366,ROUNDDOWN($C2523/24,0)+1,1))-1)+IF('Standard Profiles'!$G$20=$B$10,7,0)+IF('Standard Profiles'!$G$20=$B$17,14,0)+IF('Standard Profiles'!$G$20=$B$24,21,0),0)),0)</f>
        <v>0</v>
      </c>
      <c r="G2523" cm="1">
        <f t="array" ref="G2523">IFERROR(INDEX(Jesper!AK$2:AK$366,ROUNDDOWN($C2523/24,0)+1,1)*INDEX($D$3:$AA$30,INDEX(Jesper!$R$2:$R$366,ROW(INDEX(Jesper!AK$2:AK$366,ROUNDDOWN($C2523/24,0)+1,1))-1)+IF('Standard Profiles'!$G$21=$B$10,7,0)+IF('Standard Profiles'!$G$21=$B$17,14,0)+IF('Standard Profiles'!$G$21=$B$24,21,0),MOD($C2523,24)+1)/SUM(INDEX($D$3:$AA$30,INDEX(Jesper!$R$2:$R$366,ROW(INDEX(Jesper!AK$2:AK$366,ROUNDDOWN($C2523/24,0)+1,1))-1)+IF('Standard Profiles'!$G$21=$B$10,7,0)+IF('Standard Profiles'!$G$21=$B$17,14,0)+IF('Standard Profiles'!$G$21=$B$24,21,0),0)),0)</f>
        <v>0</v>
      </c>
      <c r="H2523" cm="1">
        <f t="array" ref="H2523">IFERROR(INDEX(Jesper!AL$2:AL$366,ROUNDDOWN($C2523/24,0)+1,1)*INDEX($D$3:$AA$30,INDEX(Jesper!$R$2:$R$366,ROW(INDEX(Jesper!AL$2:AL$366,ROUNDDOWN($C2523/24,0)+1,1))-1)+IF('Standard Profiles'!$G$22=$B$10,7,0)+IF('Standard Profiles'!$G$22=$B$17,14,0)+IF('Standard Profiles'!$G$22=$B$24,21,0),MOD($C2523,24)+1)/SUM(INDEX($D$3:$AA$30,INDEX(Jesper!$R$2:$R$366,ROW(INDEX(Jesper!AL$2:AL$366,ROUNDDOWN($C2523/24,0)+1,1))-1)+IF('Standard Profiles'!$G$22=$B$10,7,0)+IF('Standard Profiles'!$G$22=$B$17,14,0)+IF('Standard Profiles'!$G$22=$B$24,21,0),0)),0)</f>
        <v>0</v>
      </c>
      <c r="I2523">
        <f t="shared" si="286"/>
        <v>0.17542759206589928</v>
      </c>
      <c r="J2523">
        <f t="shared" si="287"/>
        <v>0.58475864021966428</v>
      </c>
      <c r="K2523">
        <f t="shared" si="288"/>
        <v>0.87713796032949642</v>
      </c>
      <c r="L2523">
        <f t="shared" si="289"/>
        <v>10.249879261549026</v>
      </c>
      <c r="M2523">
        <f t="shared" si="290"/>
        <v>0</v>
      </c>
      <c r="N2523" s="46">
        <f t="shared" si="291"/>
        <v>45395.708333327297</v>
      </c>
    </row>
    <row r="2524" spans="2:14" x14ac:dyDescent="0.3">
      <c r="B2524">
        <f t="shared" si="285"/>
        <v>6</v>
      </c>
      <c r="C2524" s="16">
        <v>2490</v>
      </c>
      <c r="D2524" cm="1">
        <f t="array" ref="D2524">IFERROR(INDEX(Jesper!AH$2:AH$366,ROUNDDOWN($C2524/24,0)+1,1)*INDEX($D$3:$AA$30,INDEX(Jesper!$R$2:$R$366,ROW(INDEX(Jesper!AH$2:AH$366,ROUNDDOWN($C2524/24,0)+1,1))-1)+IF('Standard Profiles'!$G$18=$B$10,7,0)+IF('Standard Profiles'!$G$18=$B$17,14,0)+IF('Standard Profiles'!$G$18=$B$24,21,0),MOD($C2524,24)+1)/SUM(INDEX($D$3:$AA$30,INDEX(Jesper!$R$2:$R$366,ROW(INDEX(Jesper!AH$2:AH$366,ROUNDDOWN($C2524/24,0)+1,1))-1)+IF('Standard Profiles'!$G$18=$B$10,7,0)+IF('Standard Profiles'!$G$18=$B$17,14,0)+IF('Standard Profiles'!$G$18=$B$24,21,0),0)),0)</f>
        <v>9.5718106199276907</v>
      </c>
      <c r="E2524" cm="1">
        <f t="array" ref="E2524">IFERROR(INDEX(Jesper!AI$2:AI$366,ROUNDDOWN($C2524/24,0)+1,1)*INDEX($D$3:$AA$30,INDEX(Jesper!$R$2:$R$366,ROW(INDEX(Jesper!AI$2:AI$366,ROUNDDOWN($C2524/24,0)+1,1))-1)+IF('Standard Profiles'!$G$19=$B$10,7,0)+IF('Standard Profiles'!$G$19=$B$17,14,0)+IF('Standard Profiles'!$G$19=$B$24,21,0),MOD($C2524,24)+1)/SUM(INDEX($D$3:$AA$30,INDEX(Jesper!$R$2:$R$366,ROW(INDEX(Jesper!AI$2:AI$366,ROUNDDOWN($C2524/24,0)+1,1))-1)+IF('Standard Profiles'!$G$19=$B$10,7,0)+IF('Standard Profiles'!$G$19=$B$17,14,0)+IF('Standard Profiles'!$G$19=$B$24,21,0),0)),0)</f>
        <v>1.8751260396377223</v>
      </c>
      <c r="F2524" cm="1">
        <f t="array" ref="F2524">IFERROR(INDEX(Jesper!AJ$2:AJ$366,ROUNDDOWN($C2524/24,0)+1,1)*INDEX($D$3:$AA$30,INDEX(Jesper!$R$2:$R$366,ROW(INDEX(Jesper!AJ$2:AJ$366,ROUNDDOWN($C2524/24,0)+1,1))-1)+IF('Standard Profiles'!$G$20=$B$10,7,0)+IF('Standard Profiles'!$G$20=$B$17,14,0)+IF('Standard Profiles'!$G$20=$B$24,21,0),MOD($C2524,24)+1)/SUM(INDEX($D$3:$AA$30,INDEX(Jesper!$R$2:$R$366,ROW(INDEX(Jesper!AJ$2:AJ$366,ROUNDDOWN($C2524/24,0)+1,1))-1)+IF('Standard Profiles'!$G$20=$B$10,7,0)+IF('Standard Profiles'!$G$20=$B$17,14,0)+IF('Standard Profiles'!$G$20=$B$24,21,0),0)),0)</f>
        <v>0</v>
      </c>
      <c r="G2524" cm="1">
        <f t="array" ref="G2524">IFERROR(INDEX(Jesper!AK$2:AK$366,ROUNDDOWN($C2524/24,0)+1,1)*INDEX($D$3:$AA$30,INDEX(Jesper!$R$2:$R$366,ROW(INDEX(Jesper!AK$2:AK$366,ROUNDDOWN($C2524/24,0)+1,1))-1)+IF('Standard Profiles'!$G$21=$B$10,7,0)+IF('Standard Profiles'!$G$21=$B$17,14,0)+IF('Standard Profiles'!$G$21=$B$24,21,0),MOD($C2524,24)+1)/SUM(INDEX($D$3:$AA$30,INDEX(Jesper!$R$2:$R$366,ROW(INDEX(Jesper!AK$2:AK$366,ROUNDDOWN($C2524/24,0)+1,1))-1)+IF('Standard Profiles'!$G$21=$B$10,7,0)+IF('Standard Profiles'!$G$21=$B$17,14,0)+IF('Standard Profiles'!$G$21=$B$24,21,0),0)),0)</f>
        <v>0</v>
      </c>
      <c r="H2524" cm="1">
        <f t="array" ref="H2524">IFERROR(INDEX(Jesper!AL$2:AL$366,ROUNDDOWN($C2524/24,0)+1,1)*INDEX($D$3:$AA$30,INDEX(Jesper!$R$2:$R$366,ROW(INDEX(Jesper!AL$2:AL$366,ROUNDDOWN($C2524/24,0)+1,1))-1)+IF('Standard Profiles'!$G$22=$B$10,7,0)+IF('Standard Profiles'!$G$22=$B$17,14,0)+IF('Standard Profiles'!$G$22=$B$24,21,0),MOD($C2524,24)+1)/SUM(INDEX($D$3:$AA$30,INDEX(Jesper!$R$2:$R$366,ROW(INDEX(Jesper!AL$2:AL$366,ROUNDDOWN($C2524/24,0)+1,1))-1)+IF('Standard Profiles'!$G$22=$B$10,7,0)+IF('Standard Profiles'!$G$22=$B$17,14,0)+IF('Standard Profiles'!$G$22=$B$24,21,0),0)),0)</f>
        <v>0</v>
      </c>
      <c r="I2524">
        <f t="shared" si="286"/>
        <v>0.16893027384123629</v>
      </c>
      <c r="J2524">
        <f t="shared" si="287"/>
        <v>0.563100912804121</v>
      </c>
      <c r="K2524">
        <f t="shared" si="288"/>
        <v>0.84465136920618156</v>
      </c>
      <c r="L2524">
        <f t="shared" si="289"/>
        <v>9.870254103713874</v>
      </c>
      <c r="M2524">
        <f t="shared" si="290"/>
        <v>0</v>
      </c>
      <c r="N2524" s="46">
        <f t="shared" si="291"/>
        <v>45395.749999993961</v>
      </c>
    </row>
    <row r="2525" spans="2:14" x14ac:dyDescent="0.3">
      <c r="B2525">
        <f t="shared" si="285"/>
        <v>6</v>
      </c>
      <c r="C2525" s="16">
        <v>2491</v>
      </c>
      <c r="D2525" cm="1">
        <f t="array" ref="D2525">IFERROR(INDEX(Jesper!AH$2:AH$366,ROUNDDOWN($C2525/24,0)+1,1)*INDEX($D$3:$AA$30,INDEX(Jesper!$R$2:$R$366,ROW(INDEX(Jesper!AH$2:AH$366,ROUNDDOWN($C2525/24,0)+1,1))-1)+IF('Standard Profiles'!$G$18=$B$10,7,0)+IF('Standard Profiles'!$G$18=$B$17,14,0)+IF('Standard Profiles'!$G$18=$B$24,21,0),MOD($C2525,24)+1)/SUM(INDEX($D$3:$AA$30,INDEX(Jesper!$R$2:$R$366,ROW(INDEX(Jesper!AH$2:AH$366,ROUNDDOWN($C2525/24,0)+1,1))-1)+IF('Standard Profiles'!$G$18=$B$10,7,0)+IF('Standard Profiles'!$G$18=$B$17,14,0)+IF('Standard Profiles'!$G$18=$B$24,21,0),0)),0)</f>
        <v>7.7310778084031355</v>
      </c>
      <c r="E2525" cm="1">
        <f t="array" ref="E2525">IFERROR(INDEX(Jesper!AI$2:AI$366,ROUNDDOWN($C2525/24,0)+1,1)*INDEX($D$3:$AA$30,INDEX(Jesper!$R$2:$R$366,ROW(INDEX(Jesper!AI$2:AI$366,ROUNDDOWN($C2525/24,0)+1,1))-1)+IF('Standard Profiles'!$G$19=$B$10,7,0)+IF('Standard Profiles'!$G$19=$B$17,14,0)+IF('Standard Profiles'!$G$19=$B$24,21,0),MOD($C2525,24)+1)/SUM(INDEX($D$3:$AA$30,INDEX(Jesper!$R$2:$R$366,ROW(INDEX(Jesper!AI$2:AI$366,ROUNDDOWN($C2525/24,0)+1,1))-1)+IF('Standard Profiles'!$G$19=$B$10,7,0)+IF('Standard Profiles'!$G$19=$B$17,14,0)+IF('Standard Profiles'!$G$19=$B$24,21,0),0)),0)</f>
        <v>1.5145248781689296</v>
      </c>
      <c r="F2525" cm="1">
        <f t="array" ref="F2525">IFERROR(INDEX(Jesper!AJ$2:AJ$366,ROUNDDOWN($C2525/24,0)+1,1)*INDEX($D$3:$AA$30,INDEX(Jesper!$R$2:$R$366,ROW(INDEX(Jesper!AJ$2:AJ$366,ROUNDDOWN($C2525/24,0)+1,1))-1)+IF('Standard Profiles'!$G$20=$B$10,7,0)+IF('Standard Profiles'!$G$20=$B$17,14,0)+IF('Standard Profiles'!$G$20=$B$24,21,0),MOD($C2525,24)+1)/SUM(INDEX($D$3:$AA$30,INDEX(Jesper!$R$2:$R$366,ROW(INDEX(Jesper!AJ$2:AJ$366,ROUNDDOWN($C2525/24,0)+1,1))-1)+IF('Standard Profiles'!$G$20=$B$10,7,0)+IF('Standard Profiles'!$G$20=$B$17,14,0)+IF('Standard Profiles'!$G$20=$B$24,21,0),0)),0)</f>
        <v>0</v>
      </c>
      <c r="G2525" cm="1">
        <f t="array" ref="G2525">IFERROR(INDEX(Jesper!AK$2:AK$366,ROUNDDOWN($C2525/24,0)+1,1)*INDEX($D$3:$AA$30,INDEX(Jesper!$R$2:$R$366,ROW(INDEX(Jesper!AK$2:AK$366,ROUNDDOWN($C2525/24,0)+1,1))-1)+IF('Standard Profiles'!$G$21=$B$10,7,0)+IF('Standard Profiles'!$G$21=$B$17,14,0)+IF('Standard Profiles'!$G$21=$B$24,21,0),MOD($C2525,24)+1)/SUM(INDEX($D$3:$AA$30,INDEX(Jesper!$R$2:$R$366,ROW(INDEX(Jesper!AK$2:AK$366,ROUNDDOWN($C2525/24,0)+1,1))-1)+IF('Standard Profiles'!$G$21=$B$10,7,0)+IF('Standard Profiles'!$G$21=$B$17,14,0)+IF('Standard Profiles'!$G$21=$B$24,21,0),0)),0)</f>
        <v>0</v>
      </c>
      <c r="H2525" cm="1">
        <f t="array" ref="H2525">IFERROR(INDEX(Jesper!AL$2:AL$366,ROUNDDOWN($C2525/24,0)+1,1)*INDEX($D$3:$AA$30,INDEX(Jesper!$R$2:$R$366,ROW(INDEX(Jesper!AL$2:AL$366,ROUNDDOWN($C2525/24,0)+1,1))-1)+IF('Standard Profiles'!$G$22=$B$10,7,0)+IF('Standard Profiles'!$G$22=$B$17,14,0)+IF('Standard Profiles'!$G$22=$B$24,21,0),MOD($C2525,24)+1)/SUM(INDEX($D$3:$AA$30,INDEX(Jesper!$R$2:$R$366,ROW(INDEX(Jesper!AL$2:AL$366,ROUNDDOWN($C2525/24,0)+1,1))-1)+IF('Standard Profiles'!$G$22=$B$10,7,0)+IF('Standard Profiles'!$G$22=$B$17,14,0)+IF('Standard Profiles'!$G$22=$B$24,21,0),0)),0)</f>
        <v>0</v>
      </c>
      <c r="I2525">
        <f t="shared" si="286"/>
        <v>0.13644368271792162</v>
      </c>
      <c r="J2525">
        <f t="shared" si="287"/>
        <v>0.45481227572640542</v>
      </c>
      <c r="K2525">
        <f t="shared" si="288"/>
        <v>0.68221841358960822</v>
      </c>
      <c r="L2525">
        <f t="shared" si="289"/>
        <v>7.9721283145381303</v>
      </c>
      <c r="M2525">
        <f t="shared" si="290"/>
        <v>0</v>
      </c>
      <c r="N2525" s="46">
        <f t="shared" si="291"/>
        <v>45395.791666660625</v>
      </c>
    </row>
    <row r="2526" spans="2:14" x14ac:dyDescent="0.3">
      <c r="B2526">
        <f t="shared" si="285"/>
        <v>6</v>
      </c>
      <c r="C2526" s="16">
        <v>2492</v>
      </c>
      <c r="D2526" cm="1">
        <f t="array" ref="D2526">IFERROR(INDEX(Jesper!AH$2:AH$366,ROUNDDOWN($C2526/24,0)+1,1)*INDEX($D$3:$AA$30,INDEX(Jesper!$R$2:$R$366,ROW(INDEX(Jesper!AH$2:AH$366,ROUNDDOWN($C2526/24,0)+1,1))-1)+IF('Standard Profiles'!$G$18=$B$10,7,0)+IF('Standard Profiles'!$G$18=$B$17,14,0)+IF('Standard Profiles'!$G$18=$B$24,21,0),MOD($C2526,24)+1)/SUM(INDEX($D$3:$AA$30,INDEX(Jesper!$R$2:$R$366,ROW(INDEX(Jesper!AH$2:AH$366,ROUNDDOWN($C2526/24,0)+1,1))-1)+IF('Standard Profiles'!$G$18=$B$10,7,0)+IF('Standard Profiles'!$G$18=$B$17,14,0)+IF('Standard Profiles'!$G$18=$B$24,21,0),0)),0)</f>
        <v>5.7062717157261238</v>
      </c>
      <c r="E2526" cm="1">
        <f t="array" ref="E2526">IFERROR(INDEX(Jesper!AI$2:AI$366,ROUNDDOWN($C2526/24,0)+1,1)*INDEX($D$3:$AA$30,INDEX(Jesper!$R$2:$R$366,ROW(INDEX(Jesper!AI$2:AI$366,ROUNDDOWN($C2526/24,0)+1,1))-1)+IF('Standard Profiles'!$G$19=$B$10,7,0)+IF('Standard Profiles'!$G$19=$B$17,14,0)+IF('Standard Profiles'!$G$19=$B$24,21,0),MOD($C2526,24)+1)/SUM(INDEX($D$3:$AA$30,INDEX(Jesper!$R$2:$R$366,ROW(INDEX(Jesper!AI$2:AI$366,ROUNDDOWN($C2526/24,0)+1,1))-1)+IF('Standard Profiles'!$G$19=$B$10,7,0)+IF('Standard Profiles'!$G$19=$B$17,14,0)+IF('Standard Profiles'!$G$19=$B$24,21,0),0)),0)</f>
        <v>1.1178636005532576</v>
      </c>
      <c r="F2526" cm="1">
        <f t="array" ref="F2526">IFERROR(INDEX(Jesper!AJ$2:AJ$366,ROUNDDOWN($C2526/24,0)+1,1)*INDEX($D$3:$AA$30,INDEX(Jesper!$R$2:$R$366,ROW(INDEX(Jesper!AJ$2:AJ$366,ROUNDDOWN($C2526/24,0)+1,1))-1)+IF('Standard Profiles'!$G$20=$B$10,7,0)+IF('Standard Profiles'!$G$20=$B$17,14,0)+IF('Standard Profiles'!$G$20=$B$24,21,0),MOD($C2526,24)+1)/SUM(INDEX($D$3:$AA$30,INDEX(Jesper!$R$2:$R$366,ROW(INDEX(Jesper!AJ$2:AJ$366,ROUNDDOWN($C2526/24,0)+1,1))-1)+IF('Standard Profiles'!$G$20=$B$10,7,0)+IF('Standard Profiles'!$G$20=$B$17,14,0)+IF('Standard Profiles'!$G$20=$B$24,21,0),0)),0)</f>
        <v>0</v>
      </c>
      <c r="G2526" cm="1">
        <f t="array" ref="G2526">IFERROR(INDEX(Jesper!AK$2:AK$366,ROUNDDOWN($C2526/24,0)+1,1)*INDEX($D$3:$AA$30,INDEX(Jesper!$R$2:$R$366,ROW(INDEX(Jesper!AK$2:AK$366,ROUNDDOWN($C2526/24,0)+1,1))-1)+IF('Standard Profiles'!$G$21=$B$10,7,0)+IF('Standard Profiles'!$G$21=$B$17,14,0)+IF('Standard Profiles'!$G$21=$B$24,21,0),MOD($C2526,24)+1)/SUM(INDEX($D$3:$AA$30,INDEX(Jesper!$R$2:$R$366,ROW(INDEX(Jesper!AK$2:AK$366,ROUNDDOWN($C2526/24,0)+1,1))-1)+IF('Standard Profiles'!$G$21=$B$10,7,0)+IF('Standard Profiles'!$G$21=$B$17,14,0)+IF('Standard Profiles'!$G$21=$B$24,21,0),0)),0)</f>
        <v>0</v>
      </c>
      <c r="H2526" cm="1">
        <f t="array" ref="H2526">IFERROR(INDEX(Jesper!AL$2:AL$366,ROUNDDOWN($C2526/24,0)+1,1)*INDEX($D$3:$AA$30,INDEX(Jesper!$R$2:$R$366,ROW(INDEX(Jesper!AL$2:AL$366,ROUNDDOWN($C2526/24,0)+1,1))-1)+IF('Standard Profiles'!$G$22=$B$10,7,0)+IF('Standard Profiles'!$G$22=$B$17,14,0)+IF('Standard Profiles'!$G$22=$B$24,21,0),MOD($C2526,24)+1)/SUM(INDEX($D$3:$AA$30,INDEX(Jesper!$R$2:$R$366,ROW(INDEX(Jesper!AL$2:AL$366,ROUNDDOWN($C2526/24,0)+1,1))-1)+IF('Standard Profiles'!$G$22=$B$10,7,0)+IF('Standard Profiles'!$G$22=$B$17,14,0)+IF('Standard Profiles'!$G$22=$B$24,21,0),0)),0)</f>
        <v>0</v>
      </c>
      <c r="I2526">
        <f t="shared" si="286"/>
        <v>0.10070843248227548</v>
      </c>
      <c r="J2526">
        <f t="shared" si="287"/>
        <v>0.33569477494091832</v>
      </c>
      <c r="K2526">
        <f t="shared" si="288"/>
        <v>0.5035421624113775</v>
      </c>
      <c r="L2526">
        <f t="shared" si="289"/>
        <v>5.8841899464448097</v>
      </c>
      <c r="M2526">
        <f t="shared" si="290"/>
        <v>0</v>
      </c>
      <c r="N2526" s="46">
        <f t="shared" si="291"/>
        <v>45395.833333327289</v>
      </c>
    </row>
    <row r="2527" spans="2:14" x14ac:dyDescent="0.3">
      <c r="B2527">
        <f t="shared" si="285"/>
        <v>6</v>
      </c>
      <c r="C2527" s="16">
        <v>2493</v>
      </c>
      <c r="D2527" cm="1">
        <f t="array" ref="D2527">IFERROR(INDEX(Jesper!AH$2:AH$366,ROUNDDOWN($C2527/24,0)+1,1)*INDEX($D$3:$AA$30,INDEX(Jesper!$R$2:$R$366,ROW(INDEX(Jesper!AH$2:AH$366,ROUNDDOWN($C2527/24,0)+1,1))-1)+IF('Standard Profiles'!$G$18=$B$10,7,0)+IF('Standard Profiles'!$G$18=$B$17,14,0)+IF('Standard Profiles'!$G$18=$B$24,21,0),MOD($C2527,24)+1)/SUM(INDEX($D$3:$AA$30,INDEX(Jesper!$R$2:$R$366,ROW(INDEX(Jesper!AH$2:AH$366,ROUNDDOWN($C2527/24,0)+1,1))-1)+IF('Standard Profiles'!$G$18=$B$10,7,0)+IF('Standard Profiles'!$G$18=$B$17,14,0)+IF('Standard Profiles'!$G$18=$B$24,21,0),0)),0)</f>
        <v>5.7062717157261238</v>
      </c>
      <c r="E2527" cm="1">
        <f t="array" ref="E2527">IFERROR(INDEX(Jesper!AI$2:AI$366,ROUNDDOWN($C2527/24,0)+1,1)*INDEX($D$3:$AA$30,INDEX(Jesper!$R$2:$R$366,ROW(INDEX(Jesper!AI$2:AI$366,ROUNDDOWN($C2527/24,0)+1,1))-1)+IF('Standard Profiles'!$G$19=$B$10,7,0)+IF('Standard Profiles'!$G$19=$B$17,14,0)+IF('Standard Profiles'!$G$19=$B$24,21,0),MOD($C2527,24)+1)/SUM(INDEX($D$3:$AA$30,INDEX(Jesper!$R$2:$R$366,ROW(INDEX(Jesper!AI$2:AI$366,ROUNDDOWN($C2527/24,0)+1,1))-1)+IF('Standard Profiles'!$G$19=$B$10,7,0)+IF('Standard Profiles'!$G$19=$B$17,14,0)+IF('Standard Profiles'!$G$19=$B$24,21,0),0)),0)</f>
        <v>1.1178636005532576</v>
      </c>
      <c r="F2527" cm="1">
        <f t="array" ref="F2527">IFERROR(INDEX(Jesper!AJ$2:AJ$366,ROUNDDOWN($C2527/24,0)+1,1)*INDEX($D$3:$AA$30,INDEX(Jesper!$R$2:$R$366,ROW(INDEX(Jesper!AJ$2:AJ$366,ROUNDDOWN($C2527/24,0)+1,1))-1)+IF('Standard Profiles'!$G$20=$B$10,7,0)+IF('Standard Profiles'!$G$20=$B$17,14,0)+IF('Standard Profiles'!$G$20=$B$24,21,0),MOD($C2527,24)+1)/SUM(INDEX($D$3:$AA$30,INDEX(Jesper!$R$2:$R$366,ROW(INDEX(Jesper!AJ$2:AJ$366,ROUNDDOWN($C2527/24,0)+1,1))-1)+IF('Standard Profiles'!$G$20=$B$10,7,0)+IF('Standard Profiles'!$G$20=$B$17,14,0)+IF('Standard Profiles'!$G$20=$B$24,21,0),0)),0)</f>
        <v>0</v>
      </c>
      <c r="G2527" cm="1">
        <f t="array" ref="G2527">IFERROR(INDEX(Jesper!AK$2:AK$366,ROUNDDOWN($C2527/24,0)+1,1)*INDEX($D$3:$AA$30,INDEX(Jesper!$R$2:$R$366,ROW(INDEX(Jesper!AK$2:AK$366,ROUNDDOWN($C2527/24,0)+1,1))-1)+IF('Standard Profiles'!$G$21=$B$10,7,0)+IF('Standard Profiles'!$G$21=$B$17,14,0)+IF('Standard Profiles'!$G$21=$B$24,21,0),MOD($C2527,24)+1)/SUM(INDEX($D$3:$AA$30,INDEX(Jesper!$R$2:$R$366,ROW(INDEX(Jesper!AK$2:AK$366,ROUNDDOWN($C2527/24,0)+1,1))-1)+IF('Standard Profiles'!$G$21=$B$10,7,0)+IF('Standard Profiles'!$G$21=$B$17,14,0)+IF('Standard Profiles'!$G$21=$B$24,21,0),0)),0)</f>
        <v>0</v>
      </c>
      <c r="H2527" cm="1">
        <f t="array" ref="H2527">IFERROR(INDEX(Jesper!AL$2:AL$366,ROUNDDOWN($C2527/24,0)+1,1)*INDEX($D$3:$AA$30,INDEX(Jesper!$R$2:$R$366,ROW(INDEX(Jesper!AL$2:AL$366,ROUNDDOWN($C2527/24,0)+1,1))-1)+IF('Standard Profiles'!$G$22=$B$10,7,0)+IF('Standard Profiles'!$G$22=$B$17,14,0)+IF('Standard Profiles'!$G$22=$B$24,21,0),MOD($C2527,24)+1)/SUM(INDEX($D$3:$AA$30,INDEX(Jesper!$R$2:$R$366,ROW(INDEX(Jesper!AL$2:AL$366,ROUNDDOWN($C2527/24,0)+1,1))-1)+IF('Standard Profiles'!$G$22=$B$10,7,0)+IF('Standard Profiles'!$G$22=$B$17,14,0)+IF('Standard Profiles'!$G$22=$B$24,21,0),0)),0)</f>
        <v>0</v>
      </c>
      <c r="I2527">
        <f t="shared" si="286"/>
        <v>0.10070843248227548</v>
      </c>
      <c r="J2527">
        <f t="shared" si="287"/>
        <v>0.33569477494091832</v>
      </c>
      <c r="K2527">
        <f t="shared" si="288"/>
        <v>0.5035421624113775</v>
      </c>
      <c r="L2527">
        <f t="shared" si="289"/>
        <v>5.8841899464448097</v>
      </c>
      <c r="M2527">
        <f t="shared" si="290"/>
        <v>0</v>
      </c>
      <c r="N2527" s="46">
        <f t="shared" si="291"/>
        <v>45395.874999993954</v>
      </c>
    </row>
    <row r="2528" spans="2:14" x14ac:dyDescent="0.3">
      <c r="B2528">
        <f t="shared" si="285"/>
        <v>6</v>
      </c>
      <c r="C2528" s="16">
        <v>2494</v>
      </c>
      <c r="D2528" cm="1">
        <f t="array" ref="D2528">IFERROR(INDEX(Jesper!AH$2:AH$366,ROUNDDOWN($C2528/24,0)+1,1)*INDEX($D$3:$AA$30,INDEX(Jesper!$R$2:$R$366,ROW(INDEX(Jesper!AH$2:AH$366,ROUNDDOWN($C2528/24,0)+1,1))-1)+IF('Standard Profiles'!$G$18=$B$10,7,0)+IF('Standard Profiles'!$G$18=$B$17,14,0)+IF('Standard Profiles'!$G$18=$B$24,21,0),MOD($C2528,24)+1)/SUM(INDEX($D$3:$AA$30,INDEX(Jesper!$R$2:$R$366,ROW(INDEX(Jesper!AH$2:AH$366,ROUNDDOWN($C2528/24,0)+1,1))-1)+IF('Standard Profiles'!$G$18=$B$10,7,0)+IF('Standard Profiles'!$G$18=$B$17,14,0)+IF('Standard Profiles'!$G$18=$B$24,21,0),0)),0)</f>
        <v>5.7062717157261238</v>
      </c>
      <c r="E2528" cm="1">
        <f t="array" ref="E2528">IFERROR(INDEX(Jesper!AI$2:AI$366,ROUNDDOWN($C2528/24,0)+1,1)*INDEX($D$3:$AA$30,INDEX(Jesper!$R$2:$R$366,ROW(INDEX(Jesper!AI$2:AI$366,ROUNDDOWN($C2528/24,0)+1,1))-1)+IF('Standard Profiles'!$G$19=$B$10,7,0)+IF('Standard Profiles'!$G$19=$B$17,14,0)+IF('Standard Profiles'!$G$19=$B$24,21,0),MOD($C2528,24)+1)/SUM(INDEX($D$3:$AA$30,INDEX(Jesper!$R$2:$R$366,ROW(INDEX(Jesper!AI$2:AI$366,ROUNDDOWN($C2528/24,0)+1,1))-1)+IF('Standard Profiles'!$G$19=$B$10,7,0)+IF('Standard Profiles'!$G$19=$B$17,14,0)+IF('Standard Profiles'!$G$19=$B$24,21,0),0)),0)</f>
        <v>1.1178636005532576</v>
      </c>
      <c r="F2528" cm="1">
        <f t="array" ref="F2528">IFERROR(INDEX(Jesper!AJ$2:AJ$366,ROUNDDOWN($C2528/24,0)+1,1)*INDEX($D$3:$AA$30,INDEX(Jesper!$R$2:$R$366,ROW(INDEX(Jesper!AJ$2:AJ$366,ROUNDDOWN($C2528/24,0)+1,1))-1)+IF('Standard Profiles'!$G$20=$B$10,7,0)+IF('Standard Profiles'!$G$20=$B$17,14,0)+IF('Standard Profiles'!$G$20=$B$24,21,0),MOD($C2528,24)+1)/SUM(INDEX($D$3:$AA$30,INDEX(Jesper!$R$2:$R$366,ROW(INDEX(Jesper!AJ$2:AJ$366,ROUNDDOWN($C2528/24,0)+1,1))-1)+IF('Standard Profiles'!$G$20=$B$10,7,0)+IF('Standard Profiles'!$G$20=$B$17,14,0)+IF('Standard Profiles'!$G$20=$B$24,21,0),0)),0)</f>
        <v>0</v>
      </c>
      <c r="G2528" cm="1">
        <f t="array" ref="G2528">IFERROR(INDEX(Jesper!AK$2:AK$366,ROUNDDOWN($C2528/24,0)+1,1)*INDEX($D$3:$AA$30,INDEX(Jesper!$R$2:$R$366,ROW(INDEX(Jesper!AK$2:AK$366,ROUNDDOWN($C2528/24,0)+1,1))-1)+IF('Standard Profiles'!$G$21=$B$10,7,0)+IF('Standard Profiles'!$G$21=$B$17,14,0)+IF('Standard Profiles'!$G$21=$B$24,21,0),MOD($C2528,24)+1)/SUM(INDEX($D$3:$AA$30,INDEX(Jesper!$R$2:$R$366,ROW(INDEX(Jesper!AK$2:AK$366,ROUNDDOWN($C2528/24,0)+1,1))-1)+IF('Standard Profiles'!$G$21=$B$10,7,0)+IF('Standard Profiles'!$G$21=$B$17,14,0)+IF('Standard Profiles'!$G$21=$B$24,21,0),0)),0)</f>
        <v>0</v>
      </c>
      <c r="H2528" cm="1">
        <f t="array" ref="H2528">IFERROR(INDEX(Jesper!AL$2:AL$366,ROUNDDOWN($C2528/24,0)+1,1)*INDEX($D$3:$AA$30,INDEX(Jesper!$R$2:$R$366,ROW(INDEX(Jesper!AL$2:AL$366,ROUNDDOWN($C2528/24,0)+1,1))-1)+IF('Standard Profiles'!$G$22=$B$10,7,0)+IF('Standard Profiles'!$G$22=$B$17,14,0)+IF('Standard Profiles'!$G$22=$B$24,21,0),MOD($C2528,24)+1)/SUM(INDEX($D$3:$AA$30,INDEX(Jesper!$R$2:$R$366,ROW(INDEX(Jesper!AL$2:AL$366,ROUNDDOWN($C2528/24,0)+1,1))-1)+IF('Standard Profiles'!$G$22=$B$10,7,0)+IF('Standard Profiles'!$G$22=$B$17,14,0)+IF('Standard Profiles'!$G$22=$B$24,21,0),0)),0)</f>
        <v>0</v>
      </c>
      <c r="I2528">
        <f t="shared" si="286"/>
        <v>0.10070843248227548</v>
      </c>
      <c r="J2528">
        <f t="shared" si="287"/>
        <v>0.33569477494091832</v>
      </c>
      <c r="K2528">
        <f t="shared" si="288"/>
        <v>0.5035421624113775</v>
      </c>
      <c r="L2528">
        <f t="shared" si="289"/>
        <v>5.8841899464448097</v>
      </c>
      <c r="M2528">
        <f t="shared" si="290"/>
        <v>0</v>
      </c>
      <c r="N2528" s="46">
        <f t="shared" si="291"/>
        <v>45395.916666660618</v>
      </c>
    </row>
    <row r="2529" spans="2:14" x14ac:dyDescent="0.3">
      <c r="B2529">
        <f t="shared" si="285"/>
        <v>6</v>
      </c>
      <c r="C2529" s="16">
        <v>2495</v>
      </c>
      <c r="D2529" cm="1">
        <f t="array" ref="D2529">IFERROR(INDEX(Jesper!AH$2:AH$366,ROUNDDOWN($C2529/24,0)+1,1)*INDEX($D$3:$AA$30,INDEX(Jesper!$R$2:$R$366,ROW(INDEX(Jesper!AH$2:AH$366,ROUNDDOWN($C2529/24,0)+1,1))-1)+IF('Standard Profiles'!$G$18=$B$10,7,0)+IF('Standard Profiles'!$G$18=$B$17,14,0)+IF('Standard Profiles'!$G$18=$B$24,21,0),MOD($C2529,24)+1)/SUM(INDEX($D$3:$AA$30,INDEX(Jesper!$R$2:$R$366,ROW(INDEX(Jesper!AH$2:AH$366,ROUNDDOWN($C2529/24,0)+1,1))-1)+IF('Standard Profiles'!$G$18=$B$10,7,0)+IF('Standard Profiles'!$G$18=$B$17,14,0)+IF('Standard Profiles'!$G$18=$B$24,21,0),0)),0)</f>
        <v>5.7062717157261238</v>
      </c>
      <c r="E2529" cm="1">
        <f t="array" ref="E2529">IFERROR(INDEX(Jesper!AI$2:AI$366,ROUNDDOWN($C2529/24,0)+1,1)*INDEX($D$3:$AA$30,INDEX(Jesper!$R$2:$R$366,ROW(INDEX(Jesper!AI$2:AI$366,ROUNDDOWN($C2529/24,0)+1,1))-1)+IF('Standard Profiles'!$G$19=$B$10,7,0)+IF('Standard Profiles'!$G$19=$B$17,14,0)+IF('Standard Profiles'!$G$19=$B$24,21,0),MOD($C2529,24)+1)/SUM(INDEX($D$3:$AA$30,INDEX(Jesper!$R$2:$R$366,ROW(INDEX(Jesper!AI$2:AI$366,ROUNDDOWN($C2529/24,0)+1,1))-1)+IF('Standard Profiles'!$G$19=$B$10,7,0)+IF('Standard Profiles'!$G$19=$B$17,14,0)+IF('Standard Profiles'!$G$19=$B$24,21,0),0)),0)</f>
        <v>1.1178636005532576</v>
      </c>
      <c r="F2529" cm="1">
        <f t="array" ref="F2529">IFERROR(INDEX(Jesper!AJ$2:AJ$366,ROUNDDOWN($C2529/24,0)+1,1)*INDEX($D$3:$AA$30,INDEX(Jesper!$R$2:$R$366,ROW(INDEX(Jesper!AJ$2:AJ$366,ROUNDDOWN($C2529/24,0)+1,1))-1)+IF('Standard Profiles'!$G$20=$B$10,7,0)+IF('Standard Profiles'!$G$20=$B$17,14,0)+IF('Standard Profiles'!$G$20=$B$24,21,0),MOD($C2529,24)+1)/SUM(INDEX($D$3:$AA$30,INDEX(Jesper!$R$2:$R$366,ROW(INDEX(Jesper!AJ$2:AJ$366,ROUNDDOWN($C2529/24,0)+1,1))-1)+IF('Standard Profiles'!$G$20=$B$10,7,0)+IF('Standard Profiles'!$G$20=$B$17,14,0)+IF('Standard Profiles'!$G$20=$B$24,21,0),0)),0)</f>
        <v>0</v>
      </c>
      <c r="G2529" cm="1">
        <f t="array" ref="G2529">IFERROR(INDEX(Jesper!AK$2:AK$366,ROUNDDOWN($C2529/24,0)+1,1)*INDEX($D$3:$AA$30,INDEX(Jesper!$R$2:$R$366,ROW(INDEX(Jesper!AK$2:AK$366,ROUNDDOWN($C2529/24,0)+1,1))-1)+IF('Standard Profiles'!$G$21=$B$10,7,0)+IF('Standard Profiles'!$G$21=$B$17,14,0)+IF('Standard Profiles'!$G$21=$B$24,21,0),MOD($C2529,24)+1)/SUM(INDEX($D$3:$AA$30,INDEX(Jesper!$R$2:$R$366,ROW(INDEX(Jesper!AK$2:AK$366,ROUNDDOWN($C2529/24,0)+1,1))-1)+IF('Standard Profiles'!$G$21=$B$10,7,0)+IF('Standard Profiles'!$G$21=$B$17,14,0)+IF('Standard Profiles'!$G$21=$B$24,21,0),0)),0)</f>
        <v>0</v>
      </c>
      <c r="H2529" cm="1">
        <f t="array" ref="H2529">IFERROR(INDEX(Jesper!AL$2:AL$366,ROUNDDOWN($C2529/24,0)+1,1)*INDEX($D$3:$AA$30,INDEX(Jesper!$R$2:$R$366,ROW(INDEX(Jesper!AL$2:AL$366,ROUNDDOWN($C2529/24,0)+1,1))-1)+IF('Standard Profiles'!$G$22=$B$10,7,0)+IF('Standard Profiles'!$G$22=$B$17,14,0)+IF('Standard Profiles'!$G$22=$B$24,21,0),MOD($C2529,24)+1)/SUM(INDEX($D$3:$AA$30,INDEX(Jesper!$R$2:$R$366,ROW(INDEX(Jesper!AL$2:AL$366,ROUNDDOWN($C2529/24,0)+1,1))-1)+IF('Standard Profiles'!$G$22=$B$10,7,0)+IF('Standard Profiles'!$G$22=$B$17,14,0)+IF('Standard Profiles'!$G$22=$B$24,21,0),0)),0)</f>
        <v>0</v>
      </c>
      <c r="I2529">
        <f t="shared" si="286"/>
        <v>0.10070843248227548</v>
      </c>
      <c r="J2529">
        <f t="shared" si="287"/>
        <v>0.33569477494091832</v>
      </c>
      <c r="K2529">
        <f t="shared" si="288"/>
        <v>0.5035421624113775</v>
      </c>
      <c r="L2529">
        <f t="shared" si="289"/>
        <v>5.8841899464448097</v>
      </c>
      <c r="M2529">
        <f t="shared" si="290"/>
        <v>0</v>
      </c>
      <c r="N2529" s="46">
        <f t="shared" si="291"/>
        <v>45395.958333327282</v>
      </c>
    </row>
    <row r="2530" spans="2:14" x14ac:dyDescent="0.3">
      <c r="B2530">
        <f t="shared" si="285"/>
        <v>7</v>
      </c>
      <c r="C2530" s="16">
        <v>2496</v>
      </c>
      <c r="D2530" cm="1">
        <f t="array" ref="D2530">IFERROR(INDEX(Jesper!AH$2:AH$366,ROUNDDOWN($C2530/24,0)+1,1)*INDEX($D$3:$AA$30,INDEX(Jesper!$R$2:$R$366,ROW(INDEX(Jesper!AH$2:AH$366,ROUNDDOWN($C2530/24,0)+1,1))-1)+IF('Standard Profiles'!$G$18=$B$10,7,0)+IF('Standard Profiles'!$G$18=$B$17,14,0)+IF('Standard Profiles'!$G$18=$B$24,21,0),MOD($C2530,24)+1)/SUM(INDEX($D$3:$AA$30,INDEX(Jesper!$R$2:$R$366,ROW(INDEX(Jesper!AH$2:AH$366,ROUNDDOWN($C2530/24,0)+1,1))-1)+IF('Standard Profiles'!$G$18=$B$10,7,0)+IF('Standard Profiles'!$G$18=$B$17,14,0)+IF('Standard Profiles'!$G$18=$B$24,21,0),0)),0)</f>
        <v>6.4954266880972034</v>
      </c>
      <c r="E2530" cm="1">
        <f t="array" ref="E2530">IFERROR(INDEX(Jesper!AI$2:AI$366,ROUNDDOWN($C2530/24,0)+1,1)*INDEX($D$3:$AA$30,INDEX(Jesper!$R$2:$R$366,ROW(INDEX(Jesper!AI$2:AI$366,ROUNDDOWN($C2530/24,0)+1,1))-1)+IF('Standard Profiles'!$G$19=$B$10,7,0)+IF('Standard Profiles'!$G$19=$B$17,14,0)+IF('Standard Profiles'!$G$19=$B$24,21,0),MOD($C2530,24)+1)/SUM(INDEX($D$3:$AA$30,INDEX(Jesper!$R$2:$R$366,ROW(INDEX(Jesper!AI$2:AI$366,ROUNDDOWN($C2530/24,0)+1,1))-1)+IF('Standard Profiles'!$G$19=$B$10,7,0)+IF('Standard Profiles'!$G$19=$B$17,14,0)+IF('Standard Profiles'!$G$19=$B$24,21,0),0)),0)</f>
        <v>1.2758762064906415</v>
      </c>
      <c r="F2530" cm="1">
        <f t="array" ref="F2530">IFERROR(INDEX(Jesper!AJ$2:AJ$366,ROUNDDOWN($C2530/24,0)+1,1)*INDEX($D$3:$AA$30,INDEX(Jesper!$R$2:$R$366,ROW(INDEX(Jesper!AJ$2:AJ$366,ROUNDDOWN($C2530/24,0)+1,1))-1)+IF('Standard Profiles'!$G$20=$B$10,7,0)+IF('Standard Profiles'!$G$20=$B$17,14,0)+IF('Standard Profiles'!$G$20=$B$24,21,0),MOD($C2530,24)+1)/SUM(INDEX($D$3:$AA$30,INDEX(Jesper!$R$2:$R$366,ROW(INDEX(Jesper!AJ$2:AJ$366,ROUNDDOWN($C2530/24,0)+1,1))-1)+IF('Standard Profiles'!$G$20=$B$10,7,0)+IF('Standard Profiles'!$G$20=$B$17,14,0)+IF('Standard Profiles'!$G$20=$B$24,21,0),0)),0)</f>
        <v>0</v>
      </c>
      <c r="G2530" cm="1">
        <f t="array" ref="G2530">IFERROR(INDEX(Jesper!AK$2:AK$366,ROUNDDOWN($C2530/24,0)+1,1)*INDEX($D$3:$AA$30,INDEX(Jesper!$R$2:$R$366,ROW(INDEX(Jesper!AK$2:AK$366,ROUNDDOWN($C2530/24,0)+1,1))-1)+IF('Standard Profiles'!$G$21=$B$10,7,0)+IF('Standard Profiles'!$G$21=$B$17,14,0)+IF('Standard Profiles'!$G$21=$B$24,21,0),MOD($C2530,24)+1)/SUM(INDEX($D$3:$AA$30,INDEX(Jesper!$R$2:$R$366,ROW(INDEX(Jesper!AK$2:AK$366,ROUNDDOWN($C2530/24,0)+1,1))-1)+IF('Standard Profiles'!$G$21=$B$10,7,0)+IF('Standard Profiles'!$G$21=$B$17,14,0)+IF('Standard Profiles'!$G$21=$B$24,21,0),0)),0)</f>
        <v>0</v>
      </c>
      <c r="H2530" cm="1">
        <f t="array" ref="H2530">IFERROR(INDEX(Jesper!AL$2:AL$366,ROUNDDOWN($C2530/24,0)+1,1)*INDEX($D$3:$AA$30,INDEX(Jesper!$R$2:$R$366,ROW(INDEX(Jesper!AL$2:AL$366,ROUNDDOWN($C2530/24,0)+1,1))-1)+IF('Standard Profiles'!$G$22=$B$10,7,0)+IF('Standard Profiles'!$G$22=$B$17,14,0)+IF('Standard Profiles'!$G$22=$B$24,21,0),MOD($C2530,24)+1)/SUM(INDEX($D$3:$AA$30,INDEX(Jesper!$R$2:$R$366,ROW(INDEX(Jesper!AL$2:AL$366,ROUNDDOWN($C2530/24,0)+1,1))-1)+IF('Standard Profiles'!$G$22=$B$10,7,0)+IF('Standard Profiles'!$G$22=$B$17,14,0)+IF('Standard Profiles'!$G$22=$B$24,21,0),0)),0)</f>
        <v>0</v>
      </c>
      <c r="I2530">
        <f t="shared" si="286"/>
        <v>0.11494380238654431</v>
      </c>
      <c r="J2530">
        <f t="shared" si="287"/>
        <v>0.38314600795514775</v>
      </c>
      <c r="K2530">
        <f t="shared" si="288"/>
        <v>0.57471901193272157</v>
      </c>
      <c r="L2530">
        <f t="shared" si="289"/>
        <v>6.698494072313431</v>
      </c>
      <c r="M2530">
        <f t="shared" si="290"/>
        <v>0</v>
      </c>
      <c r="N2530" s="46">
        <f t="shared" si="291"/>
        <v>45395.999999993946</v>
      </c>
    </row>
    <row r="2531" spans="2:14" x14ac:dyDescent="0.3">
      <c r="B2531">
        <f t="shared" ref="B2531:B2594" si="292">WEEKDAY(N2531,2)</f>
        <v>7</v>
      </c>
      <c r="C2531" s="16">
        <v>2497</v>
      </c>
      <c r="D2531" cm="1">
        <f t="array" ref="D2531">IFERROR(INDEX(Jesper!AH$2:AH$366,ROUNDDOWN($C2531/24,0)+1,1)*INDEX($D$3:$AA$30,INDEX(Jesper!$R$2:$R$366,ROW(INDEX(Jesper!AH$2:AH$366,ROUNDDOWN($C2531/24,0)+1,1))-1)+IF('Standard Profiles'!$G$18=$B$10,7,0)+IF('Standard Profiles'!$G$18=$B$17,14,0)+IF('Standard Profiles'!$G$18=$B$24,21,0),MOD($C2531,24)+1)/SUM(INDEX($D$3:$AA$30,INDEX(Jesper!$R$2:$R$366,ROW(INDEX(Jesper!AH$2:AH$366,ROUNDDOWN($C2531/24,0)+1,1))-1)+IF('Standard Profiles'!$G$18=$B$10,7,0)+IF('Standard Profiles'!$G$18=$B$17,14,0)+IF('Standard Profiles'!$G$18=$B$24,21,0),0)),0)</f>
        <v>7.5430761539193334</v>
      </c>
      <c r="E2531" cm="1">
        <f t="array" ref="E2531">IFERROR(INDEX(Jesper!AI$2:AI$366,ROUNDDOWN($C2531/24,0)+1,1)*INDEX($D$3:$AA$30,INDEX(Jesper!$R$2:$R$366,ROW(INDEX(Jesper!AI$2:AI$366,ROUNDDOWN($C2531/24,0)+1,1))-1)+IF('Standard Profiles'!$G$19=$B$10,7,0)+IF('Standard Profiles'!$G$19=$B$17,14,0)+IF('Standard Profiles'!$G$19=$B$24,21,0),MOD($C2531,24)+1)/SUM(INDEX($D$3:$AA$30,INDEX(Jesper!$R$2:$R$366,ROW(INDEX(Jesper!AI$2:AI$366,ROUNDDOWN($C2531/24,0)+1,1))-1)+IF('Standard Profiles'!$G$19=$B$10,7,0)+IF('Standard Profiles'!$G$19=$B$17,14,0)+IF('Standard Profiles'!$G$19=$B$24,21,0),0)),0)</f>
        <v>1.4816626914084869</v>
      </c>
      <c r="F2531" cm="1">
        <f t="array" ref="F2531">IFERROR(INDEX(Jesper!AJ$2:AJ$366,ROUNDDOWN($C2531/24,0)+1,1)*INDEX($D$3:$AA$30,INDEX(Jesper!$R$2:$R$366,ROW(INDEX(Jesper!AJ$2:AJ$366,ROUNDDOWN($C2531/24,0)+1,1))-1)+IF('Standard Profiles'!$G$20=$B$10,7,0)+IF('Standard Profiles'!$G$20=$B$17,14,0)+IF('Standard Profiles'!$G$20=$B$24,21,0),MOD($C2531,24)+1)/SUM(INDEX($D$3:$AA$30,INDEX(Jesper!$R$2:$R$366,ROW(INDEX(Jesper!AJ$2:AJ$366,ROUNDDOWN($C2531/24,0)+1,1))-1)+IF('Standard Profiles'!$G$20=$B$10,7,0)+IF('Standard Profiles'!$G$20=$B$17,14,0)+IF('Standard Profiles'!$G$20=$B$24,21,0),0)),0)</f>
        <v>0</v>
      </c>
      <c r="G2531" cm="1">
        <f t="array" ref="G2531">IFERROR(INDEX(Jesper!AK$2:AK$366,ROUNDDOWN($C2531/24,0)+1,1)*INDEX($D$3:$AA$30,INDEX(Jesper!$R$2:$R$366,ROW(INDEX(Jesper!AK$2:AK$366,ROUNDDOWN($C2531/24,0)+1,1))-1)+IF('Standard Profiles'!$G$21=$B$10,7,0)+IF('Standard Profiles'!$G$21=$B$17,14,0)+IF('Standard Profiles'!$G$21=$B$24,21,0),MOD($C2531,24)+1)/SUM(INDEX($D$3:$AA$30,INDEX(Jesper!$R$2:$R$366,ROW(INDEX(Jesper!AK$2:AK$366,ROUNDDOWN($C2531/24,0)+1,1))-1)+IF('Standard Profiles'!$G$21=$B$10,7,0)+IF('Standard Profiles'!$G$21=$B$17,14,0)+IF('Standard Profiles'!$G$21=$B$24,21,0),0)),0)</f>
        <v>0</v>
      </c>
      <c r="H2531" cm="1">
        <f t="array" ref="H2531">IFERROR(INDEX(Jesper!AL$2:AL$366,ROUNDDOWN($C2531/24,0)+1,1)*INDEX($D$3:$AA$30,INDEX(Jesper!$R$2:$R$366,ROW(INDEX(Jesper!AL$2:AL$366,ROUNDDOWN($C2531/24,0)+1,1))-1)+IF('Standard Profiles'!$G$22=$B$10,7,0)+IF('Standard Profiles'!$G$22=$B$17,14,0)+IF('Standard Profiles'!$G$22=$B$24,21,0),MOD($C2531,24)+1)/SUM(INDEX($D$3:$AA$30,INDEX(Jesper!$R$2:$R$366,ROW(INDEX(Jesper!AL$2:AL$366,ROUNDDOWN($C2531/24,0)+1,1))-1)+IF('Standard Profiles'!$G$22=$B$10,7,0)+IF('Standard Profiles'!$G$22=$B$17,14,0)+IF('Standard Profiles'!$G$22=$B$24,21,0),0)),0)</f>
        <v>0</v>
      </c>
      <c r="I2531">
        <f t="shared" ref="I2531:I2594" si="293">IF($B2531&lt;6,AC$37*$D2531+AC$38*$E2531+AC$39*$F2531+AC$40*$G2531,AC$46*$D2531+AC$47*$E2531+AC$48*$F2531+AC$49*$G2531+AC$50*$H2531)</f>
        <v>0.13348312535211598</v>
      </c>
      <c r="J2531">
        <f t="shared" ref="J2531:J2594" si="294">IF($B2531&lt;6,AD$37*$D2531+AD$38*$E2531+AD$39*$F2531+AD$40*$G2531,AD$46*$D2531+AD$47*$E2531+AD$48*$F2531+AD$49*$G2531+AD$50*$H2531)</f>
        <v>0.44494375117371998</v>
      </c>
      <c r="K2531">
        <f t="shared" ref="K2531:K2594" si="295">IF($B2531&lt;6,AE$37*$D2531+AE$38*$E2531+AE$39*$F2531+AE$40*$G2531,AE$46*$D2531+AE$47*$E2531+AE$48*$F2531+AE$49*$G2531+AE$50*$H2531)</f>
        <v>0.66741562676057997</v>
      </c>
      <c r="L2531">
        <f t="shared" ref="L2531:L2594" si="296">IF($B2531&lt;6,AF$37*$D2531+AF$38*$E2531+AF$39*$F2531+AF$40*$G2531,AF$46*$D2531+AF$47*$E2531+AF$48*$F2531+AF$49*$G2531+AF$50*$H2531)</f>
        <v>7.7788963420414046</v>
      </c>
      <c r="M2531">
        <f t="shared" ref="M2531:M2594" si="297">IF($B2531&lt;6,AG$37*$D2531+AG$38*$E2531+AG$39*$F2531+AG$40*$G2531,AG$46*$D2531+AG$47*$E2531+AG$48*$F2531+AG$49*$G2531+AG$50*$H2531)</f>
        <v>0</v>
      </c>
      <c r="N2531" s="46">
        <f t="shared" si="291"/>
        <v>45396.041666660611</v>
      </c>
    </row>
    <row r="2532" spans="2:14" x14ac:dyDescent="0.3">
      <c r="B2532">
        <f t="shared" si="292"/>
        <v>7</v>
      </c>
      <c r="C2532" s="16">
        <v>2498</v>
      </c>
      <c r="D2532" cm="1">
        <f t="array" ref="D2532">IFERROR(INDEX(Jesper!AH$2:AH$366,ROUNDDOWN($C2532/24,0)+1,1)*INDEX($D$3:$AA$30,INDEX(Jesper!$R$2:$R$366,ROW(INDEX(Jesper!AH$2:AH$366,ROUNDDOWN($C2532/24,0)+1,1))-1)+IF('Standard Profiles'!$G$18=$B$10,7,0)+IF('Standard Profiles'!$G$18=$B$17,14,0)+IF('Standard Profiles'!$G$18=$B$24,21,0),MOD($C2532,24)+1)/SUM(INDEX($D$3:$AA$30,INDEX(Jesper!$R$2:$R$366,ROW(INDEX(Jesper!AH$2:AH$366,ROUNDDOWN($C2532/24,0)+1,1))-1)+IF('Standard Profiles'!$G$18=$B$10,7,0)+IF('Standard Profiles'!$G$18=$B$17,14,0)+IF('Standard Profiles'!$G$18=$B$24,21,0),0)),0)</f>
        <v>7.5430761539193334</v>
      </c>
      <c r="E2532" cm="1">
        <f t="array" ref="E2532">IFERROR(INDEX(Jesper!AI$2:AI$366,ROUNDDOWN($C2532/24,0)+1,1)*INDEX($D$3:$AA$30,INDEX(Jesper!$R$2:$R$366,ROW(INDEX(Jesper!AI$2:AI$366,ROUNDDOWN($C2532/24,0)+1,1))-1)+IF('Standard Profiles'!$G$19=$B$10,7,0)+IF('Standard Profiles'!$G$19=$B$17,14,0)+IF('Standard Profiles'!$G$19=$B$24,21,0),MOD($C2532,24)+1)/SUM(INDEX($D$3:$AA$30,INDEX(Jesper!$R$2:$R$366,ROW(INDEX(Jesper!AI$2:AI$366,ROUNDDOWN($C2532/24,0)+1,1))-1)+IF('Standard Profiles'!$G$19=$B$10,7,0)+IF('Standard Profiles'!$G$19=$B$17,14,0)+IF('Standard Profiles'!$G$19=$B$24,21,0),0)),0)</f>
        <v>1.4816626914084869</v>
      </c>
      <c r="F2532" cm="1">
        <f t="array" ref="F2532">IFERROR(INDEX(Jesper!AJ$2:AJ$366,ROUNDDOWN($C2532/24,0)+1,1)*INDEX($D$3:$AA$30,INDEX(Jesper!$R$2:$R$366,ROW(INDEX(Jesper!AJ$2:AJ$366,ROUNDDOWN($C2532/24,0)+1,1))-1)+IF('Standard Profiles'!$G$20=$B$10,7,0)+IF('Standard Profiles'!$G$20=$B$17,14,0)+IF('Standard Profiles'!$G$20=$B$24,21,0),MOD($C2532,24)+1)/SUM(INDEX($D$3:$AA$30,INDEX(Jesper!$R$2:$R$366,ROW(INDEX(Jesper!AJ$2:AJ$366,ROUNDDOWN($C2532/24,0)+1,1))-1)+IF('Standard Profiles'!$G$20=$B$10,7,0)+IF('Standard Profiles'!$G$20=$B$17,14,0)+IF('Standard Profiles'!$G$20=$B$24,21,0),0)),0)</f>
        <v>0</v>
      </c>
      <c r="G2532" cm="1">
        <f t="array" ref="G2532">IFERROR(INDEX(Jesper!AK$2:AK$366,ROUNDDOWN($C2532/24,0)+1,1)*INDEX($D$3:$AA$30,INDEX(Jesper!$R$2:$R$366,ROW(INDEX(Jesper!AK$2:AK$366,ROUNDDOWN($C2532/24,0)+1,1))-1)+IF('Standard Profiles'!$G$21=$B$10,7,0)+IF('Standard Profiles'!$G$21=$B$17,14,0)+IF('Standard Profiles'!$G$21=$B$24,21,0),MOD($C2532,24)+1)/SUM(INDEX($D$3:$AA$30,INDEX(Jesper!$R$2:$R$366,ROW(INDEX(Jesper!AK$2:AK$366,ROUNDDOWN($C2532/24,0)+1,1))-1)+IF('Standard Profiles'!$G$21=$B$10,7,0)+IF('Standard Profiles'!$G$21=$B$17,14,0)+IF('Standard Profiles'!$G$21=$B$24,21,0),0)),0)</f>
        <v>0</v>
      </c>
      <c r="H2532" cm="1">
        <f t="array" ref="H2532">IFERROR(INDEX(Jesper!AL$2:AL$366,ROUNDDOWN($C2532/24,0)+1,1)*INDEX($D$3:$AA$30,INDEX(Jesper!$R$2:$R$366,ROW(INDEX(Jesper!AL$2:AL$366,ROUNDDOWN($C2532/24,0)+1,1))-1)+IF('Standard Profiles'!$G$22=$B$10,7,0)+IF('Standard Profiles'!$G$22=$B$17,14,0)+IF('Standard Profiles'!$G$22=$B$24,21,0),MOD($C2532,24)+1)/SUM(INDEX($D$3:$AA$30,INDEX(Jesper!$R$2:$R$366,ROW(INDEX(Jesper!AL$2:AL$366,ROUNDDOWN($C2532/24,0)+1,1))-1)+IF('Standard Profiles'!$G$22=$B$10,7,0)+IF('Standard Profiles'!$G$22=$B$17,14,0)+IF('Standard Profiles'!$G$22=$B$24,21,0),0)),0)</f>
        <v>0</v>
      </c>
      <c r="I2532">
        <f t="shared" si="293"/>
        <v>0.13348312535211598</v>
      </c>
      <c r="J2532">
        <f t="shared" si="294"/>
        <v>0.44494375117371998</v>
      </c>
      <c r="K2532">
        <f t="shared" si="295"/>
        <v>0.66741562676057997</v>
      </c>
      <c r="L2532">
        <f t="shared" si="296"/>
        <v>7.7788963420414046</v>
      </c>
      <c r="M2532">
        <f t="shared" si="297"/>
        <v>0</v>
      </c>
      <c r="N2532" s="46">
        <f t="shared" ref="N2532:N2595" si="298">N2531+1/24</f>
        <v>45396.083333327275</v>
      </c>
    </row>
    <row r="2533" spans="2:14" x14ac:dyDescent="0.3">
      <c r="B2533">
        <f t="shared" si="292"/>
        <v>7</v>
      </c>
      <c r="C2533" s="16">
        <v>2499</v>
      </c>
      <c r="D2533" cm="1">
        <f t="array" ref="D2533">IFERROR(INDEX(Jesper!AH$2:AH$366,ROUNDDOWN($C2533/24,0)+1,1)*INDEX($D$3:$AA$30,INDEX(Jesper!$R$2:$R$366,ROW(INDEX(Jesper!AH$2:AH$366,ROUNDDOWN($C2533/24,0)+1,1))-1)+IF('Standard Profiles'!$G$18=$B$10,7,0)+IF('Standard Profiles'!$G$18=$B$17,14,0)+IF('Standard Profiles'!$G$18=$B$24,21,0),MOD($C2533,24)+1)/SUM(INDEX($D$3:$AA$30,INDEX(Jesper!$R$2:$R$366,ROW(INDEX(Jesper!AH$2:AH$366,ROUNDDOWN($C2533/24,0)+1,1))-1)+IF('Standard Profiles'!$G$18=$B$10,7,0)+IF('Standard Profiles'!$G$18=$B$17,14,0)+IF('Standard Profiles'!$G$18=$B$24,21,0),0)),0)</f>
        <v>7.5430761539193334</v>
      </c>
      <c r="E2533" cm="1">
        <f t="array" ref="E2533">IFERROR(INDEX(Jesper!AI$2:AI$366,ROUNDDOWN($C2533/24,0)+1,1)*INDEX($D$3:$AA$30,INDEX(Jesper!$R$2:$R$366,ROW(INDEX(Jesper!AI$2:AI$366,ROUNDDOWN($C2533/24,0)+1,1))-1)+IF('Standard Profiles'!$G$19=$B$10,7,0)+IF('Standard Profiles'!$G$19=$B$17,14,0)+IF('Standard Profiles'!$G$19=$B$24,21,0),MOD($C2533,24)+1)/SUM(INDEX($D$3:$AA$30,INDEX(Jesper!$R$2:$R$366,ROW(INDEX(Jesper!AI$2:AI$366,ROUNDDOWN($C2533/24,0)+1,1))-1)+IF('Standard Profiles'!$G$19=$B$10,7,0)+IF('Standard Profiles'!$G$19=$B$17,14,0)+IF('Standard Profiles'!$G$19=$B$24,21,0),0)),0)</f>
        <v>1.4816626914084869</v>
      </c>
      <c r="F2533" cm="1">
        <f t="array" ref="F2533">IFERROR(INDEX(Jesper!AJ$2:AJ$366,ROUNDDOWN($C2533/24,0)+1,1)*INDEX($D$3:$AA$30,INDEX(Jesper!$R$2:$R$366,ROW(INDEX(Jesper!AJ$2:AJ$366,ROUNDDOWN($C2533/24,0)+1,1))-1)+IF('Standard Profiles'!$G$20=$B$10,7,0)+IF('Standard Profiles'!$G$20=$B$17,14,0)+IF('Standard Profiles'!$G$20=$B$24,21,0),MOD($C2533,24)+1)/SUM(INDEX($D$3:$AA$30,INDEX(Jesper!$R$2:$R$366,ROW(INDEX(Jesper!AJ$2:AJ$366,ROUNDDOWN($C2533/24,0)+1,1))-1)+IF('Standard Profiles'!$G$20=$B$10,7,0)+IF('Standard Profiles'!$G$20=$B$17,14,0)+IF('Standard Profiles'!$G$20=$B$24,21,0),0)),0)</f>
        <v>0</v>
      </c>
      <c r="G2533" cm="1">
        <f t="array" ref="G2533">IFERROR(INDEX(Jesper!AK$2:AK$366,ROUNDDOWN($C2533/24,0)+1,1)*INDEX($D$3:$AA$30,INDEX(Jesper!$R$2:$R$366,ROW(INDEX(Jesper!AK$2:AK$366,ROUNDDOWN($C2533/24,0)+1,1))-1)+IF('Standard Profiles'!$G$21=$B$10,7,0)+IF('Standard Profiles'!$G$21=$B$17,14,0)+IF('Standard Profiles'!$G$21=$B$24,21,0),MOD($C2533,24)+1)/SUM(INDEX($D$3:$AA$30,INDEX(Jesper!$R$2:$R$366,ROW(INDEX(Jesper!AK$2:AK$366,ROUNDDOWN($C2533/24,0)+1,1))-1)+IF('Standard Profiles'!$G$21=$B$10,7,0)+IF('Standard Profiles'!$G$21=$B$17,14,0)+IF('Standard Profiles'!$G$21=$B$24,21,0),0)),0)</f>
        <v>0</v>
      </c>
      <c r="H2533" cm="1">
        <f t="array" ref="H2533">IFERROR(INDEX(Jesper!AL$2:AL$366,ROUNDDOWN($C2533/24,0)+1,1)*INDEX($D$3:$AA$30,INDEX(Jesper!$R$2:$R$366,ROW(INDEX(Jesper!AL$2:AL$366,ROUNDDOWN($C2533/24,0)+1,1))-1)+IF('Standard Profiles'!$G$22=$B$10,7,0)+IF('Standard Profiles'!$G$22=$B$17,14,0)+IF('Standard Profiles'!$G$22=$B$24,21,0),MOD($C2533,24)+1)/SUM(INDEX($D$3:$AA$30,INDEX(Jesper!$R$2:$R$366,ROW(INDEX(Jesper!AL$2:AL$366,ROUNDDOWN($C2533/24,0)+1,1))-1)+IF('Standard Profiles'!$G$22=$B$10,7,0)+IF('Standard Profiles'!$G$22=$B$17,14,0)+IF('Standard Profiles'!$G$22=$B$24,21,0),0)),0)</f>
        <v>0</v>
      </c>
      <c r="I2533">
        <f t="shared" si="293"/>
        <v>0.13348312535211598</v>
      </c>
      <c r="J2533">
        <f t="shared" si="294"/>
        <v>0.44494375117371998</v>
      </c>
      <c r="K2533">
        <f t="shared" si="295"/>
        <v>0.66741562676057997</v>
      </c>
      <c r="L2533">
        <f t="shared" si="296"/>
        <v>7.7788963420414046</v>
      </c>
      <c r="M2533">
        <f t="shared" si="297"/>
        <v>0</v>
      </c>
      <c r="N2533" s="46">
        <f t="shared" si="298"/>
        <v>45396.124999993939</v>
      </c>
    </row>
    <row r="2534" spans="2:14" x14ac:dyDescent="0.3">
      <c r="B2534">
        <f t="shared" si="292"/>
        <v>7</v>
      </c>
      <c r="C2534" s="16">
        <v>2500</v>
      </c>
      <c r="D2534" cm="1">
        <f t="array" ref="D2534">IFERROR(INDEX(Jesper!AH$2:AH$366,ROUNDDOWN($C2534/24,0)+1,1)*INDEX($D$3:$AA$30,INDEX(Jesper!$R$2:$R$366,ROW(INDEX(Jesper!AH$2:AH$366,ROUNDDOWN($C2534/24,0)+1,1))-1)+IF('Standard Profiles'!$G$18=$B$10,7,0)+IF('Standard Profiles'!$G$18=$B$17,14,0)+IF('Standard Profiles'!$G$18=$B$24,21,0),MOD($C2534,24)+1)/SUM(INDEX($D$3:$AA$30,INDEX(Jesper!$R$2:$R$366,ROW(INDEX(Jesper!AH$2:AH$366,ROUNDDOWN($C2534/24,0)+1,1))-1)+IF('Standard Profiles'!$G$18=$B$10,7,0)+IF('Standard Profiles'!$G$18=$B$17,14,0)+IF('Standard Profiles'!$G$18=$B$24,21,0),0)),0)</f>
        <v>7.5430761539193334</v>
      </c>
      <c r="E2534" cm="1">
        <f t="array" ref="E2534">IFERROR(INDEX(Jesper!AI$2:AI$366,ROUNDDOWN($C2534/24,0)+1,1)*INDEX($D$3:$AA$30,INDEX(Jesper!$R$2:$R$366,ROW(INDEX(Jesper!AI$2:AI$366,ROUNDDOWN($C2534/24,0)+1,1))-1)+IF('Standard Profiles'!$G$19=$B$10,7,0)+IF('Standard Profiles'!$G$19=$B$17,14,0)+IF('Standard Profiles'!$G$19=$B$24,21,0),MOD($C2534,24)+1)/SUM(INDEX($D$3:$AA$30,INDEX(Jesper!$R$2:$R$366,ROW(INDEX(Jesper!AI$2:AI$366,ROUNDDOWN($C2534/24,0)+1,1))-1)+IF('Standard Profiles'!$G$19=$B$10,7,0)+IF('Standard Profiles'!$G$19=$B$17,14,0)+IF('Standard Profiles'!$G$19=$B$24,21,0),0)),0)</f>
        <v>1.4816626914084869</v>
      </c>
      <c r="F2534" cm="1">
        <f t="array" ref="F2534">IFERROR(INDEX(Jesper!AJ$2:AJ$366,ROUNDDOWN($C2534/24,0)+1,1)*INDEX($D$3:$AA$30,INDEX(Jesper!$R$2:$R$366,ROW(INDEX(Jesper!AJ$2:AJ$366,ROUNDDOWN($C2534/24,0)+1,1))-1)+IF('Standard Profiles'!$G$20=$B$10,7,0)+IF('Standard Profiles'!$G$20=$B$17,14,0)+IF('Standard Profiles'!$G$20=$B$24,21,0),MOD($C2534,24)+1)/SUM(INDEX($D$3:$AA$30,INDEX(Jesper!$R$2:$R$366,ROW(INDEX(Jesper!AJ$2:AJ$366,ROUNDDOWN($C2534/24,0)+1,1))-1)+IF('Standard Profiles'!$G$20=$B$10,7,0)+IF('Standard Profiles'!$G$20=$B$17,14,0)+IF('Standard Profiles'!$G$20=$B$24,21,0),0)),0)</f>
        <v>0</v>
      </c>
      <c r="G2534" cm="1">
        <f t="array" ref="G2534">IFERROR(INDEX(Jesper!AK$2:AK$366,ROUNDDOWN($C2534/24,0)+1,1)*INDEX($D$3:$AA$30,INDEX(Jesper!$R$2:$R$366,ROW(INDEX(Jesper!AK$2:AK$366,ROUNDDOWN($C2534/24,0)+1,1))-1)+IF('Standard Profiles'!$G$21=$B$10,7,0)+IF('Standard Profiles'!$G$21=$B$17,14,0)+IF('Standard Profiles'!$G$21=$B$24,21,0),MOD($C2534,24)+1)/SUM(INDEX($D$3:$AA$30,INDEX(Jesper!$R$2:$R$366,ROW(INDEX(Jesper!AK$2:AK$366,ROUNDDOWN($C2534/24,0)+1,1))-1)+IF('Standard Profiles'!$G$21=$B$10,7,0)+IF('Standard Profiles'!$G$21=$B$17,14,0)+IF('Standard Profiles'!$G$21=$B$24,21,0),0)),0)</f>
        <v>0</v>
      </c>
      <c r="H2534" cm="1">
        <f t="array" ref="H2534">IFERROR(INDEX(Jesper!AL$2:AL$366,ROUNDDOWN($C2534/24,0)+1,1)*INDEX($D$3:$AA$30,INDEX(Jesper!$R$2:$R$366,ROW(INDEX(Jesper!AL$2:AL$366,ROUNDDOWN($C2534/24,0)+1,1))-1)+IF('Standard Profiles'!$G$22=$B$10,7,0)+IF('Standard Profiles'!$G$22=$B$17,14,0)+IF('Standard Profiles'!$G$22=$B$24,21,0),MOD($C2534,24)+1)/SUM(INDEX($D$3:$AA$30,INDEX(Jesper!$R$2:$R$366,ROW(INDEX(Jesper!AL$2:AL$366,ROUNDDOWN($C2534/24,0)+1,1))-1)+IF('Standard Profiles'!$G$22=$B$10,7,0)+IF('Standard Profiles'!$G$22=$B$17,14,0)+IF('Standard Profiles'!$G$22=$B$24,21,0),0)),0)</f>
        <v>0</v>
      </c>
      <c r="I2534">
        <f t="shared" si="293"/>
        <v>0.13348312535211598</v>
      </c>
      <c r="J2534">
        <f t="shared" si="294"/>
        <v>0.44494375117371998</v>
      </c>
      <c r="K2534">
        <f t="shared" si="295"/>
        <v>0.66741562676057997</v>
      </c>
      <c r="L2534">
        <f t="shared" si="296"/>
        <v>7.7788963420414046</v>
      </c>
      <c r="M2534">
        <f t="shared" si="297"/>
        <v>0</v>
      </c>
      <c r="N2534" s="46">
        <f t="shared" si="298"/>
        <v>45396.166666660603</v>
      </c>
    </row>
    <row r="2535" spans="2:14" x14ac:dyDescent="0.3">
      <c r="B2535">
        <f t="shared" si="292"/>
        <v>7</v>
      </c>
      <c r="C2535" s="16">
        <v>2501</v>
      </c>
      <c r="D2535" cm="1">
        <f t="array" ref="D2535">IFERROR(INDEX(Jesper!AH$2:AH$366,ROUNDDOWN($C2535/24,0)+1,1)*INDEX($D$3:$AA$30,INDEX(Jesper!$R$2:$R$366,ROW(INDEX(Jesper!AH$2:AH$366,ROUNDDOWN($C2535/24,0)+1,1))-1)+IF('Standard Profiles'!$G$18=$B$10,7,0)+IF('Standard Profiles'!$G$18=$B$17,14,0)+IF('Standard Profiles'!$G$18=$B$24,21,0),MOD($C2535,24)+1)/SUM(INDEX($D$3:$AA$30,INDEX(Jesper!$R$2:$R$366,ROW(INDEX(Jesper!AH$2:AH$366,ROUNDDOWN($C2535/24,0)+1,1))-1)+IF('Standard Profiles'!$G$18=$B$10,7,0)+IF('Standard Profiles'!$G$18=$B$17,14,0)+IF('Standard Profiles'!$G$18=$B$24,21,0),0)),0)</f>
        <v>9.4288451923991659</v>
      </c>
      <c r="E2535" cm="1">
        <f t="array" ref="E2535">IFERROR(INDEX(Jesper!AI$2:AI$366,ROUNDDOWN($C2535/24,0)+1,1)*INDEX($D$3:$AA$30,INDEX(Jesper!$R$2:$R$366,ROW(INDEX(Jesper!AI$2:AI$366,ROUNDDOWN($C2535/24,0)+1,1))-1)+IF('Standard Profiles'!$G$19=$B$10,7,0)+IF('Standard Profiles'!$G$19=$B$17,14,0)+IF('Standard Profiles'!$G$19=$B$24,21,0),MOD($C2535,24)+1)/SUM(INDEX($D$3:$AA$30,INDEX(Jesper!$R$2:$R$366,ROW(INDEX(Jesper!AI$2:AI$366,ROUNDDOWN($C2535/24,0)+1,1))-1)+IF('Standard Profiles'!$G$19=$B$10,7,0)+IF('Standard Profiles'!$G$19=$B$17,14,0)+IF('Standard Profiles'!$G$19=$B$24,21,0),0)),0)</f>
        <v>1.8520783642606085</v>
      </c>
      <c r="F2535" cm="1">
        <f t="array" ref="F2535">IFERROR(INDEX(Jesper!AJ$2:AJ$366,ROUNDDOWN($C2535/24,0)+1,1)*INDEX($D$3:$AA$30,INDEX(Jesper!$R$2:$R$366,ROW(INDEX(Jesper!AJ$2:AJ$366,ROUNDDOWN($C2535/24,0)+1,1))-1)+IF('Standard Profiles'!$G$20=$B$10,7,0)+IF('Standard Profiles'!$G$20=$B$17,14,0)+IF('Standard Profiles'!$G$20=$B$24,21,0),MOD($C2535,24)+1)/SUM(INDEX($D$3:$AA$30,INDEX(Jesper!$R$2:$R$366,ROW(INDEX(Jesper!AJ$2:AJ$366,ROUNDDOWN($C2535/24,0)+1,1))-1)+IF('Standard Profiles'!$G$20=$B$10,7,0)+IF('Standard Profiles'!$G$20=$B$17,14,0)+IF('Standard Profiles'!$G$20=$B$24,21,0),0)),0)</f>
        <v>0</v>
      </c>
      <c r="G2535" cm="1">
        <f t="array" ref="G2535">IFERROR(INDEX(Jesper!AK$2:AK$366,ROUNDDOWN($C2535/24,0)+1,1)*INDEX($D$3:$AA$30,INDEX(Jesper!$R$2:$R$366,ROW(INDEX(Jesper!AK$2:AK$366,ROUNDDOWN($C2535/24,0)+1,1))-1)+IF('Standard Profiles'!$G$21=$B$10,7,0)+IF('Standard Profiles'!$G$21=$B$17,14,0)+IF('Standard Profiles'!$G$21=$B$24,21,0),MOD($C2535,24)+1)/SUM(INDEX($D$3:$AA$30,INDEX(Jesper!$R$2:$R$366,ROW(INDEX(Jesper!AK$2:AK$366,ROUNDDOWN($C2535/24,0)+1,1))-1)+IF('Standard Profiles'!$G$21=$B$10,7,0)+IF('Standard Profiles'!$G$21=$B$17,14,0)+IF('Standard Profiles'!$G$21=$B$24,21,0),0)),0)</f>
        <v>0</v>
      </c>
      <c r="H2535" cm="1">
        <f t="array" ref="H2535">IFERROR(INDEX(Jesper!AL$2:AL$366,ROUNDDOWN($C2535/24,0)+1,1)*INDEX($D$3:$AA$30,INDEX(Jesper!$R$2:$R$366,ROW(INDEX(Jesper!AL$2:AL$366,ROUNDDOWN($C2535/24,0)+1,1))-1)+IF('Standard Profiles'!$G$22=$B$10,7,0)+IF('Standard Profiles'!$G$22=$B$17,14,0)+IF('Standard Profiles'!$G$22=$B$24,21,0),MOD($C2535,24)+1)/SUM(INDEX($D$3:$AA$30,INDEX(Jesper!$R$2:$R$366,ROW(INDEX(Jesper!AL$2:AL$366,ROUNDDOWN($C2535/24,0)+1,1))-1)+IF('Standard Profiles'!$G$22=$B$10,7,0)+IF('Standard Profiles'!$G$22=$B$17,14,0)+IF('Standard Profiles'!$G$22=$B$24,21,0),0)),0)</f>
        <v>0</v>
      </c>
      <c r="I2535">
        <f t="shared" si="293"/>
        <v>0.16685390669014494</v>
      </c>
      <c r="J2535">
        <f t="shared" si="294"/>
        <v>0.55617968896714987</v>
      </c>
      <c r="K2535">
        <f t="shared" si="295"/>
        <v>0.83426953345072485</v>
      </c>
      <c r="L2535">
        <f t="shared" si="296"/>
        <v>9.7236204275517544</v>
      </c>
      <c r="M2535">
        <f t="shared" si="297"/>
        <v>0</v>
      </c>
      <c r="N2535" s="46">
        <f t="shared" si="298"/>
        <v>45396.208333327268</v>
      </c>
    </row>
    <row r="2536" spans="2:14" x14ac:dyDescent="0.3">
      <c r="B2536">
        <f t="shared" si="292"/>
        <v>7</v>
      </c>
      <c r="C2536" s="16">
        <v>2502</v>
      </c>
      <c r="D2536" cm="1">
        <f t="array" ref="D2536">IFERROR(INDEX(Jesper!AH$2:AH$366,ROUNDDOWN($C2536/24,0)+1,1)*INDEX($D$3:$AA$30,INDEX(Jesper!$R$2:$R$366,ROW(INDEX(Jesper!AH$2:AH$366,ROUNDDOWN($C2536/24,0)+1,1))-1)+IF('Standard Profiles'!$G$18=$B$10,7,0)+IF('Standard Profiles'!$G$18=$B$17,14,0)+IF('Standard Profiles'!$G$18=$B$24,21,0),MOD($C2536,24)+1)/SUM(INDEX($D$3:$AA$30,INDEX(Jesper!$R$2:$R$366,ROW(INDEX(Jesper!AH$2:AH$366,ROUNDDOWN($C2536/24,0)+1,1))-1)+IF('Standard Profiles'!$G$18=$B$10,7,0)+IF('Standard Profiles'!$G$18=$B$17,14,0)+IF('Standard Profiles'!$G$18=$B$24,21,0),0)),0)</f>
        <v>11.105084337714574</v>
      </c>
      <c r="E2536" cm="1">
        <f t="array" ref="E2536">IFERROR(INDEX(Jesper!AI$2:AI$366,ROUNDDOWN($C2536/24,0)+1,1)*INDEX($D$3:$AA$30,INDEX(Jesper!$R$2:$R$366,ROW(INDEX(Jesper!AI$2:AI$366,ROUNDDOWN($C2536/24,0)+1,1))-1)+IF('Standard Profiles'!$G$19=$B$10,7,0)+IF('Standard Profiles'!$G$19=$B$17,14,0)+IF('Standard Profiles'!$G$19=$B$24,21,0),MOD($C2536,24)+1)/SUM(INDEX($D$3:$AA$30,INDEX(Jesper!$R$2:$R$366,ROW(INDEX(Jesper!AI$2:AI$366,ROUNDDOWN($C2536/24,0)+1,1))-1)+IF('Standard Profiles'!$G$19=$B$10,7,0)+IF('Standard Profiles'!$G$19=$B$17,14,0)+IF('Standard Profiles'!$G$19=$B$24,21,0),0)),0)</f>
        <v>2.1813367401291615</v>
      </c>
      <c r="F2536" cm="1">
        <f t="array" ref="F2536">IFERROR(INDEX(Jesper!AJ$2:AJ$366,ROUNDDOWN($C2536/24,0)+1,1)*INDEX($D$3:$AA$30,INDEX(Jesper!$R$2:$R$366,ROW(INDEX(Jesper!AJ$2:AJ$366,ROUNDDOWN($C2536/24,0)+1,1))-1)+IF('Standard Profiles'!$G$20=$B$10,7,0)+IF('Standard Profiles'!$G$20=$B$17,14,0)+IF('Standard Profiles'!$G$20=$B$24,21,0),MOD($C2536,24)+1)/SUM(INDEX($D$3:$AA$30,INDEX(Jesper!$R$2:$R$366,ROW(INDEX(Jesper!AJ$2:AJ$366,ROUNDDOWN($C2536/24,0)+1,1))-1)+IF('Standard Profiles'!$G$20=$B$10,7,0)+IF('Standard Profiles'!$G$20=$B$17,14,0)+IF('Standard Profiles'!$G$20=$B$24,21,0),0)),0)</f>
        <v>0</v>
      </c>
      <c r="G2536" cm="1">
        <f t="array" ref="G2536">IFERROR(INDEX(Jesper!AK$2:AK$366,ROUNDDOWN($C2536/24,0)+1,1)*INDEX($D$3:$AA$30,INDEX(Jesper!$R$2:$R$366,ROW(INDEX(Jesper!AK$2:AK$366,ROUNDDOWN($C2536/24,0)+1,1))-1)+IF('Standard Profiles'!$G$21=$B$10,7,0)+IF('Standard Profiles'!$G$21=$B$17,14,0)+IF('Standard Profiles'!$G$21=$B$24,21,0),MOD($C2536,24)+1)/SUM(INDEX($D$3:$AA$30,INDEX(Jesper!$R$2:$R$366,ROW(INDEX(Jesper!AK$2:AK$366,ROUNDDOWN($C2536/24,0)+1,1))-1)+IF('Standard Profiles'!$G$21=$B$10,7,0)+IF('Standard Profiles'!$G$21=$B$17,14,0)+IF('Standard Profiles'!$G$21=$B$24,21,0),0)),0)</f>
        <v>0</v>
      </c>
      <c r="H2536" cm="1">
        <f t="array" ref="H2536">IFERROR(INDEX(Jesper!AL$2:AL$366,ROUNDDOWN($C2536/24,0)+1,1)*INDEX($D$3:$AA$30,INDEX(Jesper!$R$2:$R$366,ROW(INDEX(Jesper!AL$2:AL$366,ROUNDDOWN($C2536/24,0)+1,1))-1)+IF('Standard Profiles'!$G$22=$B$10,7,0)+IF('Standard Profiles'!$G$22=$B$17,14,0)+IF('Standard Profiles'!$G$22=$B$24,21,0),MOD($C2536,24)+1)/SUM(INDEX($D$3:$AA$30,INDEX(Jesper!$R$2:$R$366,ROW(INDEX(Jesper!AL$2:AL$366,ROUNDDOWN($C2536/24,0)+1,1))-1)+IF('Standard Profiles'!$G$22=$B$10,7,0)+IF('Standard Profiles'!$G$22=$B$17,14,0)+IF('Standard Profiles'!$G$22=$B$24,21,0),0)),0)</f>
        <v>0</v>
      </c>
      <c r="I2536">
        <f t="shared" si="293"/>
        <v>0.19651682343505963</v>
      </c>
      <c r="J2536">
        <f t="shared" si="294"/>
        <v>0.6550560781168655</v>
      </c>
      <c r="K2536">
        <f t="shared" si="295"/>
        <v>0.98258411717529837</v>
      </c>
      <c r="L2536">
        <f t="shared" si="296"/>
        <v>11.452264059116512</v>
      </c>
      <c r="M2536">
        <f t="shared" si="297"/>
        <v>0</v>
      </c>
      <c r="N2536" s="46">
        <f t="shared" si="298"/>
        <v>45396.249999993932</v>
      </c>
    </row>
    <row r="2537" spans="2:14" x14ac:dyDescent="0.3">
      <c r="B2537">
        <f t="shared" si="292"/>
        <v>7</v>
      </c>
      <c r="C2537" s="16">
        <v>2503</v>
      </c>
      <c r="D2537" cm="1">
        <f t="array" ref="D2537">IFERROR(INDEX(Jesper!AH$2:AH$366,ROUNDDOWN($C2537/24,0)+1,1)*INDEX($D$3:$AA$30,INDEX(Jesper!$R$2:$R$366,ROW(INDEX(Jesper!AH$2:AH$366,ROUNDDOWN($C2537/24,0)+1,1))-1)+IF('Standard Profiles'!$G$18=$B$10,7,0)+IF('Standard Profiles'!$G$18=$B$17,14,0)+IF('Standard Profiles'!$G$18=$B$24,21,0),MOD($C2537,24)+1)/SUM(INDEX($D$3:$AA$30,INDEX(Jesper!$R$2:$R$366,ROW(INDEX(Jesper!AH$2:AH$366,ROUNDDOWN($C2537/24,0)+1,1))-1)+IF('Standard Profiles'!$G$18=$B$10,7,0)+IF('Standard Profiles'!$G$18=$B$17,14,0)+IF('Standard Profiles'!$G$18=$B$24,21,0),0)),0)</f>
        <v>13.200383269358833</v>
      </c>
      <c r="E2537" cm="1">
        <f t="array" ref="E2537">IFERROR(INDEX(Jesper!AI$2:AI$366,ROUNDDOWN($C2537/24,0)+1,1)*INDEX($D$3:$AA$30,INDEX(Jesper!$R$2:$R$366,ROW(INDEX(Jesper!AI$2:AI$366,ROUNDDOWN($C2537/24,0)+1,1))-1)+IF('Standard Profiles'!$G$19=$B$10,7,0)+IF('Standard Profiles'!$G$19=$B$17,14,0)+IF('Standard Profiles'!$G$19=$B$24,21,0),MOD($C2537,24)+1)/SUM(INDEX($D$3:$AA$30,INDEX(Jesper!$R$2:$R$366,ROW(INDEX(Jesper!AI$2:AI$366,ROUNDDOWN($C2537/24,0)+1,1))-1)+IF('Standard Profiles'!$G$19=$B$10,7,0)+IF('Standard Profiles'!$G$19=$B$17,14,0)+IF('Standard Profiles'!$G$19=$B$24,21,0),0)),0)</f>
        <v>2.5929097099648519</v>
      </c>
      <c r="F2537" cm="1">
        <f t="array" ref="F2537">IFERROR(INDEX(Jesper!AJ$2:AJ$366,ROUNDDOWN($C2537/24,0)+1,1)*INDEX($D$3:$AA$30,INDEX(Jesper!$R$2:$R$366,ROW(INDEX(Jesper!AJ$2:AJ$366,ROUNDDOWN($C2537/24,0)+1,1))-1)+IF('Standard Profiles'!$G$20=$B$10,7,0)+IF('Standard Profiles'!$G$20=$B$17,14,0)+IF('Standard Profiles'!$G$20=$B$24,21,0),MOD($C2537,24)+1)/SUM(INDEX($D$3:$AA$30,INDEX(Jesper!$R$2:$R$366,ROW(INDEX(Jesper!AJ$2:AJ$366,ROUNDDOWN($C2537/24,0)+1,1))-1)+IF('Standard Profiles'!$G$20=$B$10,7,0)+IF('Standard Profiles'!$G$20=$B$17,14,0)+IF('Standard Profiles'!$G$20=$B$24,21,0),0)),0)</f>
        <v>0</v>
      </c>
      <c r="G2537" cm="1">
        <f t="array" ref="G2537">IFERROR(INDEX(Jesper!AK$2:AK$366,ROUNDDOWN($C2537/24,0)+1,1)*INDEX($D$3:$AA$30,INDEX(Jesper!$R$2:$R$366,ROW(INDEX(Jesper!AK$2:AK$366,ROUNDDOWN($C2537/24,0)+1,1))-1)+IF('Standard Profiles'!$G$21=$B$10,7,0)+IF('Standard Profiles'!$G$21=$B$17,14,0)+IF('Standard Profiles'!$G$21=$B$24,21,0),MOD($C2537,24)+1)/SUM(INDEX($D$3:$AA$30,INDEX(Jesper!$R$2:$R$366,ROW(INDEX(Jesper!AK$2:AK$366,ROUNDDOWN($C2537/24,0)+1,1))-1)+IF('Standard Profiles'!$G$21=$B$10,7,0)+IF('Standard Profiles'!$G$21=$B$17,14,0)+IF('Standard Profiles'!$G$21=$B$24,21,0),0)),0)</f>
        <v>0</v>
      </c>
      <c r="H2537" cm="1">
        <f t="array" ref="H2537">IFERROR(INDEX(Jesper!AL$2:AL$366,ROUNDDOWN($C2537/24,0)+1,1)*INDEX($D$3:$AA$30,INDEX(Jesper!$R$2:$R$366,ROW(INDEX(Jesper!AL$2:AL$366,ROUNDDOWN($C2537/24,0)+1,1))-1)+IF('Standard Profiles'!$G$22=$B$10,7,0)+IF('Standard Profiles'!$G$22=$B$17,14,0)+IF('Standard Profiles'!$G$22=$B$24,21,0),MOD($C2537,24)+1)/SUM(INDEX($D$3:$AA$30,INDEX(Jesper!$R$2:$R$366,ROW(INDEX(Jesper!AL$2:AL$366,ROUNDDOWN($C2537/24,0)+1,1))-1)+IF('Standard Profiles'!$G$22=$B$10,7,0)+IF('Standard Profiles'!$G$22=$B$17,14,0)+IF('Standard Profiles'!$G$22=$B$24,21,0),0)),0)</f>
        <v>0</v>
      </c>
      <c r="I2537">
        <f t="shared" si="293"/>
        <v>0.23359546936620293</v>
      </c>
      <c r="J2537">
        <f t="shared" si="294"/>
        <v>0.77865156455400986</v>
      </c>
      <c r="K2537">
        <f t="shared" si="295"/>
        <v>1.1679773468310148</v>
      </c>
      <c r="L2537">
        <f t="shared" si="296"/>
        <v>13.613068598572458</v>
      </c>
      <c r="M2537">
        <f t="shared" si="297"/>
        <v>0</v>
      </c>
      <c r="N2537" s="46">
        <f t="shared" si="298"/>
        <v>45396.291666660596</v>
      </c>
    </row>
    <row r="2538" spans="2:14" x14ac:dyDescent="0.3">
      <c r="B2538">
        <f t="shared" si="292"/>
        <v>7</v>
      </c>
      <c r="C2538" s="16">
        <v>2504</v>
      </c>
      <c r="D2538" cm="1">
        <f t="array" ref="D2538">IFERROR(INDEX(Jesper!AH$2:AH$366,ROUNDDOWN($C2538/24,0)+1,1)*INDEX($D$3:$AA$30,INDEX(Jesper!$R$2:$R$366,ROW(INDEX(Jesper!AH$2:AH$366,ROUNDDOWN($C2538/24,0)+1,1))-1)+IF('Standard Profiles'!$G$18=$B$10,7,0)+IF('Standard Profiles'!$G$18=$B$17,14,0)+IF('Standard Profiles'!$G$18=$B$24,21,0),MOD($C2538,24)+1)/SUM(INDEX($D$3:$AA$30,INDEX(Jesper!$R$2:$R$366,ROW(INDEX(Jesper!AH$2:AH$366,ROUNDDOWN($C2538/24,0)+1,1))-1)+IF('Standard Profiles'!$G$18=$B$10,7,0)+IF('Standard Profiles'!$G$18=$B$17,14,0)+IF('Standard Profiles'!$G$18=$B$24,21,0),0)),0)</f>
        <v>13.200383269358833</v>
      </c>
      <c r="E2538" cm="1">
        <f t="array" ref="E2538">IFERROR(INDEX(Jesper!AI$2:AI$366,ROUNDDOWN($C2538/24,0)+1,1)*INDEX($D$3:$AA$30,INDEX(Jesper!$R$2:$R$366,ROW(INDEX(Jesper!AI$2:AI$366,ROUNDDOWN($C2538/24,0)+1,1))-1)+IF('Standard Profiles'!$G$19=$B$10,7,0)+IF('Standard Profiles'!$G$19=$B$17,14,0)+IF('Standard Profiles'!$G$19=$B$24,21,0),MOD($C2538,24)+1)/SUM(INDEX($D$3:$AA$30,INDEX(Jesper!$R$2:$R$366,ROW(INDEX(Jesper!AI$2:AI$366,ROUNDDOWN($C2538/24,0)+1,1))-1)+IF('Standard Profiles'!$G$19=$B$10,7,0)+IF('Standard Profiles'!$G$19=$B$17,14,0)+IF('Standard Profiles'!$G$19=$B$24,21,0),0)),0)</f>
        <v>2.5929097099648519</v>
      </c>
      <c r="F2538" cm="1">
        <f t="array" ref="F2538">IFERROR(INDEX(Jesper!AJ$2:AJ$366,ROUNDDOWN($C2538/24,0)+1,1)*INDEX($D$3:$AA$30,INDEX(Jesper!$R$2:$R$366,ROW(INDEX(Jesper!AJ$2:AJ$366,ROUNDDOWN($C2538/24,0)+1,1))-1)+IF('Standard Profiles'!$G$20=$B$10,7,0)+IF('Standard Profiles'!$G$20=$B$17,14,0)+IF('Standard Profiles'!$G$20=$B$24,21,0),MOD($C2538,24)+1)/SUM(INDEX($D$3:$AA$30,INDEX(Jesper!$R$2:$R$366,ROW(INDEX(Jesper!AJ$2:AJ$366,ROUNDDOWN($C2538/24,0)+1,1))-1)+IF('Standard Profiles'!$G$20=$B$10,7,0)+IF('Standard Profiles'!$G$20=$B$17,14,0)+IF('Standard Profiles'!$G$20=$B$24,21,0),0)),0)</f>
        <v>0</v>
      </c>
      <c r="G2538" cm="1">
        <f t="array" ref="G2538">IFERROR(INDEX(Jesper!AK$2:AK$366,ROUNDDOWN($C2538/24,0)+1,1)*INDEX($D$3:$AA$30,INDEX(Jesper!$R$2:$R$366,ROW(INDEX(Jesper!AK$2:AK$366,ROUNDDOWN($C2538/24,0)+1,1))-1)+IF('Standard Profiles'!$G$21=$B$10,7,0)+IF('Standard Profiles'!$G$21=$B$17,14,0)+IF('Standard Profiles'!$G$21=$B$24,21,0),MOD($C2538,24)+1)/SUM(INDEX($D$3:$AA$30,INDEX(Jesper!$R$2:$R$366,ROW(INDEX(Jesper!AK$2:AK$366,ROUNDDOWN($C2538/24,0)+1,1))-1)+IF('Standard Profiles'!$G$21=$B$10,7,0)+IF('Standard Profiles'!$G$21=$B$17,14,0)+IF('Standard Profiles'!$G$21=$B$24,21,0),0)),0)</f>
        <v>0</v>
      </c>
      <c r="H2538" cm="1">
        <f t="array" ref="H2538">IFERROR(INDEX(Jesper!AL$2:AL$366,ROUNDDOWN($C2538/24,0)+1,1)*INDEX($D$3:$AA$30,INDEX(Jesper!$R$2:$R$366,ROW(INDEX(Jesper!AL$2:AL$366,ROUNDDOWN($C2538/24,0)+1,1))-1)+IF('Standard Profiles'!$G$22=$B$10,7,0)+IF('Standard Profiles'!$G$22=$B$17,14,0)+IF('Standard Profiles'!$G$22=$B$24,21,0),MOD($C2538,24)+1)/SUM(INDEX($D$3:$AA$30,INDEX(Jesper!$R$2:$R$366,ROW(INDEX(Jesper!AL$2:AL$366,ROUNDDOWN($C2538/24,0)+1,1))-1)+IF('Standard Profiles'!$G$22=$B$10,7,0)+IF('Standard Profiles'!$G$22=$B$17,14,0)+IF('Standard Profiles'!$G$22=$B$24,21,0),0)),0)</f>
        <v>0</v>
      </c>
      <c r="I2538">
        <f t="shared" si="293"/>
        <v>0.23359546936620293</v>
      </c>
      <c r="J2538">
        <f t="shared" si="294"/>
        <v>0.77865156455400986</v>
      </c>
      <c r="K2538">
        <f t="shared" si="295"/>
        <v>1.1679773468310148</v>
      </c>
      <c r="L2538">
        <f t="shared" si="296"/>
        <v>13.613068598572458</v>
      </c>
      <c r="M2538">
        <f t="shared" si="297"/>
        <v>0</v>
      </c>
      <c r="N2538" s="46">
        <f t="shared" si="298"/>
        <v>45396.33333332726</v>
      </c>
    </row>
    <row r="2539" spans="2:14" x14ac:dyDescent="0.3">
      <c r="B2539">
        <f t="shared" si="292"/>
        <v>7</v>
      </c>
      <c r="C2539" s="16">
        <v>2505</v>
      </c>
      <c r="D2539" cm="1">
        <f t="array" ref="D2539">IFERROR(INDEX(Jesper!AH$2:AH$366,ROUNDDOWN($C2539/24,0)+1,1)*INDEX($D$3:$AA$30,INDEX(Jesper!$R$2:$R$366,ROW(INDEX(Jesper!AH$2:AH$366,ROUNDDOWN($C2539/24,0)+1,1))-1)+IF('Standard Profiles'!$G$18=$B$10,7,0)+IF('Standard Profiles'!$G$18=$B$17,14,0)+IF('Standard Profiles'!$G$18=$B$24,21,0),MOD($C2539,24)+1)/SUM(INDEX($D$3:$AA$30,INDEX(Jesper!$R$2:$R$366,ROW(INDEX(Jesper!AH$2:AH$366,ROUNDDOWN($C2539/24,0)+1,1))-1)+IF('Standard Profiles'!$G$18=$B$10,7,0)+IF('Standard Profiles'!$G$18=$B$17,14,0)+IF('Standard Profiles'!$G$18=$B$24,21,0),0)),0)</f>
        <v>13.200383269358833</v>
      </c>
      <c r="E2539" cm="1">
        <f t="array" ref="E2539">IFERROR(INDEX(Jesper!AI$2:AI$366,ROUNDDOWN($C2539/24,0)+1,1)*INDEX($D$3:$AA$30,INDEX(Jesper!$R$2:$R$366,ROW(INDEX(Jesper!AI$2:AI$366,ROUNDDOWN($C2539/24,0)+1,1))-1)+IF('Standard Profiles'!$G$19=$B$10,7,0)+IF('Standard Profiles'!$G$19=$B$17,14,0)+IF('Standard Profiles'!$G$19=$B$24,21,0),MOD($C2539,24)+1)/SUM(INDEX($D$3:$AA$30,INDEX(Jesper!$R$2:$R$366,ROW(INDEX(Jesper!AI$2:AI$366,ROUNDDOWN($C2539/24,0)+1,1))-1)+IF('Standard Profiles'!$G$19=$B$10,7,0)+IF('Standard Profiles'!$G$19=$B$17,14,0)+IF('Standard Profiles'!$G$19=$B$24,21,0),0)),0)</f>
        <v>2.5929097099648519</v>
      </c>
      <c r="F2539" cm="1">
        <f t="array" ref="F2539">IFERROR(INDEX(Jesper!AJ$2:AJ$366,ROUNDDOWN($C2539/24,0)+1,1)*INDEX($D$3:$AA$30,INDEX(Jesper!$R$2:$R$366,ROW(INDEX(Jesper!AJ$2:AJ$366,ROUNDDOWN($C2539/24,0)+1,1))-1)+IF('Standard Profiles'!$G$20=$B$10,7,0)+IF('Standard Profiles'!$G$20=$B$17,14,0)+IF('Standard Profiles'!$G$20=$B$24,21,0),MOD($C2539,24)+1)/SUM(INDEX($D$3:$AA$30,INDEX(Jesper!$R$2:$R$366,ROW(INDEX(Jesper!AJ$2:AJ$366,ROUNDDOWN($C2539/24,0)+1,1))-1)+IF('Standard Profiles'!$G$20=$B$10,7,0)+IF('Standard Profiles'!$G$20=$B$17,14,0)+IF('Standard Profiles'!$G$20=$B$24,21,0),0)),0)</f>
        <v>0</v>
      </c>
      <c r="G2539" cm="1">
        <f t="array" ref="G2539">IFERROR(INDEX(Jesper!AK$2:AK$366,ROUNDDOWN($C2539/24,0)+1,1)*INDEX($D$3:$AA$30,INDEX(Jesper!$R$2:$R$366,ROW(INDEX(Jesper!AK$2:AK$366,ROUNDDOWN($C2539/24,0)+1,1))-1)+IF('Standard Profiles'!$G$21=$B$10,7,0)+IF('Standard Profiles'!$G$21=$B$17,14,0)+IF('Standard Profiles'!$G$21=$B$24,21,0),MOD($C2539,24)+1)/SUM(INDEX($D$3:$AA$30,INDEX(Jesper!$R$2:$R$366,ROW(INDEX(Jesper!AK$2:AK$366,ROUNDDOWN($C2539/24,0)+1,1))-1)+IF('Standard Profiles'!$G$21=$B$10,7,0)+IF('Standard Profiles'!$G$21=$B$17,14,0)+IF('Standard Profiles'!$G$21=$B$24,21,0),0)),0)</f>
        <v>0</v>
      </c>
      <c r="H2539" cm="1">
        <f t="array" ref="H2539">IFERROR(INDEX(Jesper!AL$2:AL$366,ROUNDDOWN($C2539/24,0)+1,1)*INDEX($D$3:$AA$30,INDEX(Jesper!$R$2:$R$366,ROW(INDEX(Jesper!AL$2:AL$366,ROUNDDOWN($C2539/24,0)+1,1))-1)+IF('Standard Profiles'!$G$22=$B$10,7,0)+IF('Standard Profiles'!$G$22=$B$17,14,0)+IF('Standard Profiles'!$G$22=$B$24,21,0),MOD($C2539,24)+1)/SUM(INDEX($D$3:$AA$30,INDEX(Jesper!$R$2:$R$366,ROW(INDEX(Jesper!AL$2:AL$366,ROUNDDOWN($C2539/24,0)+1,1))-1)+IF('Standard Profiles'!$G$22=$B$10,7,0)+IF('Standard Profiles'!$G$22=$B$17,14,0)+IF('Standard Profiles'!$G$22=$B$24,21,0),0)),0)</f>
        <v>0</v>
      </c>
      <c r="I2539">
        <f t="shared" si="293"/>
        <v>0.23359546936620293</v>
      </c>
      <c r="J2539">
        <f t="shared" si="294"/>
        <v>0.77865156455400986</v>
      </c>
      <c r="K2539">
        <f t="shared" si="295"/>
        <v>1.1679773468310148</v>
      </c>
      <c r="L2539">
        <f t="shared" si="296"/>
        <v>13.613068598572458</v>
      </c>
      <c r="M2539">
        <f t="shared" si="297"/>
        <v>0</v>
      </c>
      <c r="N2539" s="46">
        <f t="shared" si="298"/>
        <v>45396.374999993925</v>
      </c>
    </row>
    <row r="2540" spans="2:14" x14ac:dyDescent="0.3">
      <c r="B2540">
        <f t="shared" si="292"/>
        <v>7</v>
      </c>
      <c r="C2540" s="16">
        <v>2506</v>
      </c>
      <c r="D2540" cm="1">
        <f t="array" ref="D2540">IFERROR(INDEX(Jesper!AH$2:AH$366,ROUNDDOWN($C2540/24,0)+1,1)*INDEX($D$3:$AA$30,INDEX(Jesper!$R$2:$R$366,ROW(INDEX(Jesper!AH$2:AH$366,ROUNDDOWN($C2540/24,0)+1,1))-1)+IF('Standard Profiles'!$G$18=$B$10,7,0)+IF('Standard Profiles'!$G$18=$B$17,14,0)+IF('Standard Profiles'!$G$18=$B$24,21,0),MOD($C2540,24)+1)/SUM(INDEX($D$3:$AA$30,INDEX(Jesper!$R$2:$R$366,ROW(INDEX(Jesper!AH$2:AH$366,ROUNDDOWN($C2540/24,0)+1,1))-1)+IF('Standard Profiles'!$G$18=$B$10,7,0)+IF('Standard Profiles'!$G$18=$B$17,14,0)+IF('Standard Profiles'!$G$18=$B$24,21,0),0)),0)</f>
        <v>13.200383269358833</v>
      </c>
      <c r="E2540" cm="1">
        <f t="array" ref="E2540">IFERROR(INDEX(Jesper!AI$2:AI$366,ROUNDDOWN($C2540/24,0)+1,1)*INDEX($D$3:$AA$30,INDEX(Jesper!$R$2:$R$366,ROW(INDEX(Jesper!AI$2:AI$366,ROUNDDOWN($C2540/24,0)+1,1))-1)+IF('Standard Profiles'!$G$19=$B$10,7,0)+IF('Standard Profiles'!$G$19=$B$17,14,0)+IF('Standard Profiles'!$G$19=$B$24,21,0),MOD($C2540,24)+1)/SUM(INDEX($D$3:$AA$30,INDEX(Jesper!$R$2:$R$366,ROW(INDEX(Jesper!AI$2:AI$366,ROUNDDOWN($C2540/24,0)+1,1))-1)+IF('Standard Profiles'!$G$19=$B$10,7,0)+IF('Standard Profiles'!$G$19=$B$17,14,0)+IF('Standard Profiles'!$G$19=$B$24,21,0),0)),0)</f>
        <v>2.5929097099648519</v>
      </c>
      <c r="F2540" cm="1">
        <f t="array" ref="F2540">IFERROR(INDEX(Jesper!AJ$2:AJ$366,ROUNDDOWN($C2540/24,0)+1,1)*INDEX($D$3:$AA$30,INDEX(Jesper!$R$2:$R$366,ROW(INDEX(Jesper!AJ$2:AJ$366,ROUNDDOWN($C2540/24,0)+1,1))-1)+IF('Standard Profiles'!$G$20=$B$10,7,0)+IF('Standard Profiles'!$G$20=$B$17,14,0)+IF('Standard Profiles'!$G$20=$B$24,21,0),MOD($C2540,24)+1)/SUM(INDEX($D$3:$AA$30,INDEX(Jesper!$R$2:$R$366,ROW(INDEX(Jesper!AJ$2:AJ$366,ROUNDDOWN($C2540/24,0)+1,1))-1)+IF('Standard Profiles'!$G$20=$B$10,7,0)+IF('Standard Profiles'!$G$20=$B$17,14,0)+IF('Standard Profiles'!$G$20=$B$24,21,0),0)),0)</f>
        <v>0</v>
      </c>
      <c r="G2540" cm="1">
        <f t="array" ref="G2540">IFERROR(INDEX(Jesper!AK$2:AK$366,ROUNDDOWN($C2540/24,0)+1,1)*INDEX($D$3:$AA$30,INDEX(Jesper!$R$2:$R$366,ROW(INDEX(Jesper!AK$2:AK$366,ROUNDDOWN($C2540/24,0)+1,1))-1)+IF('Standard Profiles'!$G$21=$B$10,7,0)+IF('Standard Profiles'!$G$21=$B$17,14,0)+IF('Standard Profiles'!$G$21=$B$24,21,0),MOD($C2540,24)+1)/SUM(INDEX($D$3:$AA$30,INDEX(Jesper!$R$2:$R$366,ROW(INDEX(Jesper!AK$2:AK$366,ROUNDDOWN($C2540/24,0)+1,1))-1)+IF('Standard Profiles'!$G$21=$B$10,7,0)+IF('Standard Profiles'!$G$21=$B$17,14,0)+IF('Standard Profiles'!$G$21=$B$24,21,0),0)),0)</f>
        <v>0</v>
      </c>
      <c r="H2540" cm="1">
        <f t="array" ref="H2540">IFERROR(INDEX(Jesper!AL$2:AL$366,ROUNDDOWN($C2540/24,0)+1,1)*INDEX($D$3:$AA$30,INDEX(Jesper!$R$2:$R$366,ROW(INDEX(Jesper!AL$2:AL$366,ROUNDDOWN($C2540/24,0)+1,1))-1)+IF('Standard Profiles'!$G$22=$B$10,7,0)+IF('Standard Profiles'!$G$22=$B$17,14,0)+IF('Standard Profiles'!$G$22=$B$24,21,0),MOD($C2540,24)+1)/SUM(INDEX($D$3:$AA$30,INDEX(Jesper!$R$2:$R$366,ROW(INDEX(Jesper!AL$2:AL$366,ROUNDDOWN($C2540/24,0)+1,1))-1)+IF('Standard Profiles'!$G$22=$B$10,7,0)+IF('Standard Profiles'!$G$22=$B$17,14,0)+IF('Standard Profiles'!$G$22=$B$24,21,0),0)),0)</f>
        <v>0</v>
      </c>
      <c r="I2540">
        <f t="shared" si="293"/>
        <v>0.23359546936620293</v>
      </c>
      <c r="J2540">
        <f t="shared" si="294"/>
        <v>0.77865156455400986</v>
      </c>
      <c r="K2540">
        <f t="shared" si="295"/>
        <v>1.1679773468310148</v>
      </c>
      <c r="L2540">
        <f t="shared" si="296"/>
        <v>13.613068598572458</v>
      </c>
      <c r="M2540">
        <f t="shared" si="297"/>
        <v>0</v>
      </c>
      <c r="N2540" s="46">
        <f t="shared" si="298"/>
        <v>45396.416666660589</v>
      </c>
    </row>
    <row r="2541" spans="2:14" x14ac:dyDescent="0.3">
      <c r="B2541">
        <f t="shared" si="292"/>
        <v>7</v>
      </c>
      <c r="C2541" s="16">
        <v>2507</v>
      </c>
      <c r="D2541" cm="1">
        <f t="array" ref="D2541">IFERROR(INDEX(Jesper!AH$2:AH$366,ROUNDDOWN($C2541/24,0)+1,1)*INDEX($D$3:$AA$30,INDEX(Jesper!$R$2:$R$366,ROW(INDEX(Jesper!AH$2:AH$366,ROUNDDOWN($C2541/24,0)+1,1))-1)+IF('Standard Profiles'!$G$18=$B$10,7,0)+IF('Standard Profiles'!$G$18=$B$17,14,0)+IF('Standard Profiles'!$G$18=$B$24,21,0),MOD($C2541,24)+1)/SUM(INDEX($D$3:$AA$30,INDEX(Jesper!$R$2:$R$366,ROW(INDEX(Jesper!AH$2:AH$366,ROUNDDOWN($C2541/24,0)+1,1))-1)+IF('Standard Profiles'!$G$18=$B$10,7,0)+IF('Standard Profiles'!$G$18=$B$17,14,0)+IF('Standard Profiles'!$G$18=$B$24,21,0),0)),0)</f>
        <v>13.200383269358833</v>
      </c>
      <c r="E2541" cm="1">
        <f t="array" ref="E2541">IFERROR(INDEX(Jesper!AI$2:AI$366,ROUNDDOWN($C2541/24,0)+1,1)*INDEX($D$3:$AA$30,INDEX(Jesper!$R$2:$R$366,ROW(INDEX(Jesper!AI$2:AI$366,ROUNDDOWN($C2541/24,0)+1,1))-1)+IF('Standard Profiles'!$G$19=$B$10,7,0)+IF('Standard Profiles'!$G$19=$B$17,14,0)+IF('Standard Profiles'!$G$19=$B$24,21,0),MOD($C2541,24)+1)/SUM(INDEX($D$3:$AA$30,INDEX(Jesper!$R$2:$R$366,ROW(INDEX(Jesper!AI$2:AI$366,ROUNDDOWN($C2541/24,0)+1,1))-1)+IF('Standard Profiles'!$G$19=$B$10,7,0)+IF('Standard Profiles'!$G$19=$B$17,14,0)+IF('Standard Profiles'!$G$19=$B$24,21,0),0)),0)</f>
        <v>2.5929097099648519</v>
      </c>
      <c r="F2541" cm="1">
        <f t="array" ref="F2541">IFERROR(INDEX(Jesper!AJ$2:AJ$366,ROUNDDOWN($C2541/24,0)+1,1)*INDEX($D$3:$AA$30,INDEX(Jesper!$R$2:$R$366,ROW(INDEX(Jesper!AJ$2:AJ$366,ROUNDDOWN($C2541/24,0)+1,1))-1)+IF('Standard Profiles'!$G$20=$B$10,7,0)+IF('Standard Profiles'!$G$20=$B$17,14,0)+IF('Standard Profiles'!$G$20=$B$24,21,0),MOD($C2541,24)+1)/SUM(INDEX($D$3:$AA$30,INDEX(Jesper!$R$2:$R$366,ROW(INDEX(Jesper!AJ$2:AJ$366,ROUNDDOWN($C2541/24,0)+1,1))-1)+IF('Standard Profiles'!$G$20=$B$10,7,0)+IF('Standard Profiles'!$G$20=$B$17,14,0)+IF('Standard Profiles'!$G$20=$B$24,21,0),0)),0)</f>
        <v>0</v>
      </c>
      <c r="G2541" cm="1">
        <f t="array" ref="G2541">IFERROR(INDEX(Jesper!AK$2:AK$366,ROUNDDOWN($C2541/24,0)+1,1)*INDEX($D$3:$AA$30,INDEX(Jesper!$R$2:$R$366,ROW(INDEX(Jesper!AK$2:AK$366,ROUNDDOWN($C2541/24,0)+1,1))-1)+IF('Standard Profiles'!$G$21=$B$10,7,0)+IF('Standard Profiles'!$G$21=$B$17,14,0)+IF('Standard Profiles'!$G$21=$B$24,21,0),MOD($C2541,24)+1)/SUM(INDEX($D$3:$AA$30,INDEX(Jesper!$R$2:$R$366,ROW(INDEX(Jesper!AK$2:AK$366,ROUNDDOWN($C2541/24,0)+1,1))-1)+IF('Standard Profiles'!$G$21=$B$10,7,0)+IF('Standard Profiles'!$G$21=$B$17,14,0)+IF('Standard Profiles'!$G$21=$B$24,21,0),0)),0)</f>
        <v>0</v>
      </c>
      <c r="H2541" cm="1">
        <f t="array" ref="H2541">IFERROR(INDEX(Jesper!AL$2:AL$366,ROUNDDOWN($C2541/24,0)+1,1)*INDEX($D$3:$AA$30,INDEX(Jesper!$R$2:$R$366,ROW(INDEX(Jesper!AL$2:AL$366,ROUNDDOWN($C2541/24,0)+1,1))-1)+IF('Standard Profiles'!$G$22=$B$10,7,0)+IF('Standard Profiles'!$G$22=$B$17,14,0)+IF('Standard Profiles'!$G$22=$B$24,21,0),MOD($C2541,24)+1)/SUM(INDEX($D$3:$AA$30,INDEX(Jesper!$R$2:$R$366,ROW(INDEX(Jesper!AL$2:AL$366,ROUNDDOWN($C2541/24,0)+1,1))-1)+IF('Standard Profiles'!$G$22=$B$10,7,0)+IF('Standard Profiles'!$G$22=$B$17,14,0)+IF('Standard Profiles'!$G$22=$B$24,21,0),0)),0)</f>
        <v>0</v>
      </c>
      <c r="I2541">
        <f t="shared" si="293"/>
        <v>0.23359546936620293</v>
      </c>
      <c r="J2541">
        <f t="shared" si="294"/>
        <v>0.77865156455400986</v>
      </c>
      <c r="K2541">
        <f t="shared" si="295"/>
        <v>1.1679773468310148</v>
      </c>
      <c r="L2541">
        <f t="shared" si="296"/>
        <v>13.613068598572458</v>
      </c>
      <c r="M2541">
        <f t="shared" si="297"/>
        <v>0</v>
      </c>
      <c r="N2541" s="46">
        <f t="shared" si="298"/>
        <v>45396.458333327253</v>
      </c>
    </row>
    <row r="2542" spans="2:14" x14ac:dyDescent="0.3">
      <c r="B2542">
        <f t="shared" si="292"/>
        <v>7</v>
      </c>
      <c r="C2542" s="16">
        <v>2508</v>
      </c>
      <c r="D2542" cm="1">
        <f t="array" ref="D2542">IFERROR(INDEX(Jesper!AH$2:AH$366,ROUNDDOWN($C2542/24,0)+1,1)*INDEX($D$3:$AA$30,INDEX(Jesper!$R$2:$R$366,ROW(INDEX(Jesper!AH$2:AH$366,ROUNDDOWN($C2542/24,0)+1,1))-1)+IF('Standard Profiles'!$G$18=$B$10,7,0)+IF('Standard Profiles'!$G$18=$B$17,14,0)+IF('Standard Profiles'!$G$18=$B$24,21,0),MOD($C2542,24)+1)/SUM(INDEX($D$3:$AA$30,INDEX(Jesper!$R$2:$R$366,ROW(INDEX(Jesper!AH$2:AH$366,ROUNDDOWN($C2542/24,0)+1,1))-1)+IF('Standard Profiles'!$G$18=$B$10,7,0)+IF('Standard Profiles'!$G$18=$B$17,14,0)+IF('Standard Profiles'!$G$18=$B$24,21,0),0)),0)</f>
        <v>13.200383269358833</v>
      </c>
      <c r="E2542" cm="1">
        <f t="array" ref="E2542">IFERROR(INDEX(Jesper!AI$2:AI$366,ROUNDDOWN($C2542/24,0)+1,1)*INDEX($D$3:$AA$30,INDEX(Jesper!$R$2:$R$366,ROW(INDEX(Jesper!AI$2:AI$366,ROUNDDOWN($C2542/24,0)+1,1))-1)+IF('Standard Profiles'!$G$19=$B$10,7,0)+IF('Standard Profiles'!$G$19=$B$17,14,0)+IF('Standard Profiles'!$G$19=$B$24,21,0),MOD($C2542,24)+1)/SUM(INDEX($D$3:$AA$30,INDEX(Jesper!$R$2:$R$366,ROW(INDEX(Jesper!AI$2:AI$366,ROUNDDOWN($C2542/24,0)+1,1))-1)+IF('Standard Profiles'!$G$19=$B$10,7,0)+IF('Standard Profiles'!$G$19=$B$17,14,0)+IF('Standard Profiles'!$G$19=$B$24,21,0),0)),0)</f>
        <v>2.5929097099648519</v>
      </c>
      <c r="F2542" cm="1">
        <f t="array" ref="F2542">IFERROR(INDEX(Jesper!AJ$2:AJ$366,ROUNDDOWN($C2542/24,0)+1,1)*INDEX($D$3:$AA$30,INDEX(Jesper!$R$2:$R$366,ROW(INDEX(Jesper!AJ$2:AJ$366,ROUNDDOWN($C2542/24,0)+1,1))-1)+IF('Standard Profiles'!$G$20=$B$10,7,0)+IF('Standard Profiles'!$G$20=$B$17,14,0)+IF('Standard Profiles'!$G$20=$B$24,21,0),MOD($C2542,24)+1)/SUM(INDEX($D$3:$AA$30,INDEX(Jesper!$R$2:$R$366,ROW(INDEX(Jesper!AJ$2:AJ$366,ROUNDDOWN($C2542/24,0)+1,1))-1)+IF('Standard Profiles'!$G$20=$B$10,7,0)+IF('Standard Profiles'!$G$20=$B$17,14,0)+IF('Standard Profiles'!$G$20=$B$24,21,0),0)),0)</f>
        <v>0</v>
      </c>
      <c r="G2542" cm="1">
        <f t="array" ref="G2542">IFERROR(INDEX(Jesper!AK$2:AK$366,ROUNDDOWN($C2542/24,0)+1,1)*INDEX($D$3:$AA$30,INDEX(Jesper!$R$2:$R$366,ROW(INDEX(Jesper!AK$2:AK$366,ROUNDDOWN($C2542/24,0)+1,1))-1)+IF('Standard Profiles'!$G$21=$B$10,7,0)+IF('Standard Profiles'!$G$21=$B$17,14,0)+IF('Standard Profiles'!$G$21=$B$24,21,0),MOD($C2542,24)+1)/SUM(INDEX($D$3:$AA$30,INDEX(Jesper!$R$2:$R$366,ROW(INDEX(Jesper!AK$2:AK$366,ROUNDDOWN($C2542/24,0)+1,1))-1)+IF('Standard Profiles'!$G$21=$B$10,7,0)+IF('Standard Profiles'!$G$21=$B$17,14,0)+IF('Standard Profiles'!$G$21=$B$24,21,0),0)),0)</f>
        <v>0</v>
      </c>
      <c r="H2542" cm="1">
        <f t="array" ref="H2542">IFERROR(INDEX(Jesper!AL$2:AL$366,ROUNDDOWN($C2542/24,0)+1,1)*INDEX($D$3:$AA$30,INDEX(Jesper!$R$2:$R$366,ROW(INDEX(Jesper!AL$2:AL$366,ROUNDDOWN($C2542/24,0)+1,1))-1)+IF('Standard Profiles'!$G$22=$B$10,7,0)+IF('Standard Profiles'!$G$22=$B$17,14,0)+IF('Standard Profiles'!$G$22=$B$24,21,0),MOD($C2542,24)+1)/SUM(INDEX($D$3:$AA$30,INDEX(Jesper!$R$2:$R$366,ROW(INDEX(Jesper!AL$2:AL$366,ROUNDDOWN($C2542/24,0)+1,1))-1)+IF('Standard Profiles'!$G$22=$B$10,7,0)+IF('Standard Profiles'!$G$22=$B$17,14,0)+IF('Standard Profiles'!$G$22=$B$24,21,0),0)),0)</f>
        <v>0</v>
      </c>
      <c r="I2542">
        <f t="shared" si="293"/>
        <v>0.23359546936620293</v>
      </c>
      <c r="J2542">
        <f t="shared" si="294"/>
        <v>0.77865156455400986</v>
      </c>
      <c r="K2542">
        <f t="shared" si="295"/>
        <v>1.1679773468310148</v>
      </c>
      <c r="L2542">
        <f t="shared" si="296"/>
        <v>13.613068598572458</v>
      </c>
      <c r="M2542">
        <f t="shared" si="297"/>
        <v>0</v>
      </c>
      <c r="N2542" s="46">
        <f t="shared" si="298"/>
        <v>45396.499999993917</v>
      </c>
    </row>
    <row r="2543" spans="2:14" x14ac:dyDescent="0.3">
      <c r="B2543">
        <f t="shared" si="292"/>
        <v>7</v>
      </c>
      <c r="C2543" s="16">
        <v>2509</v>
      </c>
      <c r="D2543" cm="1">
        <f t="array" ref="D2543">IFERROR(INDEX(Jesper!AH$2:AH$366,ROUNDDOWN($C2543/24,0)+1,1)*INDEX($D$3:$AA$30,INDEX(Jesper!$R$2:$R$366,ROW(INDEX(Jesper!AH$2:AH$366,ROUNDDOWN($C2543/24,0)+1,1))-1)+IF('Standard Profiles'!$G$18=$B$10,7,0)+IF('Standard Profiles'!$G$18=$B$17,14,0)+IF('Standard Profiles'!$G$18=$B$24,21,0),MOD($C2543,24)+1)/SUM(INDEX($D$3:$AA$30,INDEX(Jesper!$R$2:$R$366,ROW(INDEX(Jesper!AH$2:AH$366,ROUNDDOWN($C2543/24,0)+1,1))-1)+IF('Standard Profiles'!$G$18=$B$10,7,0)+IF('Standard Profiles'!$G$18=$B$17,14,0)+IF('Standard Profiles'!$G$18=$B$24,21,0),0)),0)</f>
        <v>13.200383269358833</v>
      </c>
      <c r="E2543" cm="1">
        <f t="array" ref="E2543">IFERROR(INDEX(Jesper!AI$2:AI$366,ROUNDDOWN($C2543/24,0)+1,1)*INDEX($D$3:$AA$30,INDEX(Jesper!$R$2:$R$366,ROW(INDEX(Jesper!AI$2:AI$366,ROUNDDOWN($C2543/24,0)+1,1))-1)+IF('Standard Profiles'!$G$19=$B$10,7,0)+IF('Standard Profiles'!$G$19=$B$17,14,0)+IF('Standard Profiles'!$G$19=$B$24,21,0),MOD($C2543,24)+1)/SUM(INDEX($D$3:$AA$30,INDEX(Jesper!$R$2:$R$366,ROW(INDEX(Jesper!AI$2:AI$366,ROUNDDOWN($C2543/24,0)+1,1))-1)+IF('Standard Profiles'!$G$19=$B$10,7,0)+IF('Standard Profiles'!$G$19=$B$17,14,0)+IF('Standard Profiles'!$G$19=$B$24,21,0),0)),0)</f>
        <v>2.5929097099648519</v>
      </c>
      <c r="F2543" cm="1">
        <f t="array" ref="F2543">IFERROR(INDEX(Jesper!AJ$2:AJ$366,ROUNDDOWN($C2543/24,0)+1,1)*INDEX($D$3:$AA$30,INDEX(Jesper!$R$2:$R$366,ROW(INDEX(Jesper!AJ$2:AJ$366,ROUNDDOWN($C2543/24,0)+1,1))-1)+IF('Standard Profiles'!$G$20=$B$10,7,0)+IF('Standard Profiles'!$G$20=$B$17,14,0)+IF('Standard Profiles'!$G$20=$B$24,21,0),MOD($C2543,24)+1)/SUM(INDEX($D$3:$AA$30,INDEX(Jesper!$R$2:$R$366,ROW(INDEX(Jesper!AJ$2:AJ$366,ROUNDDOWN($C2543/24,0)+1,1))-1)+IF('Standard Profiles'!$G$20=$B$10,7,0)+IF('Standard Profiles'!$G$20=$B$17,14,0)+IF('Standard Profiles'!$G$20=$B$24,21,0),0)),0)</f>
        <v>0</v>
      </c>
      <c r="G2543" cm="1">
        <f t="array" ref="G2543">IFERROR(INDEX(Jesper!AK$2:AK$366,ROUNDDOWN($C2543/24,0)+1,1)*INDEX($D$3:$AA$30,INDEX(Jesper!$R$2:$R$366,ROW(INDEX(Jesper!AK$2:AK$366,ROUNDDOWN($C2543/24,0)+1,1))-1)+IF('Standard Profiles'!$G$21=$B$10,7,0)+IF('Standard Profiles'!$G$21=$B$17,14,0)+IF('Standard Profiles'!$G$21=$B$24,21,0),MOD($C2543,24)+1)/SUM(INDEX($D$3:$AA$30,INDEX(Jesper!$R$2:$R$366,ROW(INDEX(Jesper!AK$2:AK$366,ROUNDDOWN($C2543/24,0)+1,1))-1)+IF('Standard Profiles'!$G$21=$B$10,7,0)+IF('Standard Profiles'!$G$21=$B$17,14,0)+IF('Standard Profiles'!$G$21=$B$24,21,0),0)),0)</f>
        <v>0</v>
      </c>
      <c r="H2543" cm="1">
        <f t="array" ref="H2543">IFERROR(INDEX(Jesper!AL$2:AL$366,ROUNDDOWN($C2543/24,0)+1,1)*INDEX($D$3:$AA$30,INDEX(Jesper!$R$2:$R$366,ROW(INDEX(Jesper!AL$2:AL$366,ROUNDDOWN($C2543/24,0)+1,1))-1)+IF('Standard Profiles'!$G$22=$B$10,7,0)+IF('Standard Profiles'!$G$22=$B$17,14,0)+IF('Standard Profiles'!$G$22=$B$24,21,0),MOD($C2543,24)+1)/SUM(INDEX($D$3:$AA$30,INDEX(Jesper!$R$2:$R$366,ROW(INDEX(Jesper!AL$2:AL$366,ROUNDDOWN($C2543/24,0)+1,1))-1)+IF('Standard Profiles'!$G$22=$B$10,7,0)+IF('Standard Profiles'!$G$22=$B$17,14,0)+IF('Standard Profiles'!$G$22=$B$24,21,0),0)),0)</f>
        <v>0</v>
      </c>
      <c r="I2543">
        <f t="shared" si="293"/>
        <v>0.23359546936620293</v>
      </c>
      <c r="J2543">
        <f t="shared" si="294"/>
        <v>0.77865156455400986</v>
      </c>
      <c r="K2543">
        <f t="shared" si="295"/>
        <v>1.1679773468310148</v>
      </c>
      <c r="L2543">
        <f t="shared" si="296"/>
        <v>13.613068598572458</v>
      </c>
      <c r="M2543">
        <f t="shared" si="297"/>
        <v>0</v>
      </c>
      <c r="N2543" s="46">
        <f t="shared" si="298"/>
        <v>45396.541666660582</v>
      </c>
    </row>
    <row r="2544" spans="2:14" x14ac:dyDescent="0.3">
      <c r="B2544">
        <f t="shared" si="292"/>
        <v>7</v>
      </c>
      <c r="C2544" s="16">
        <v>2510</v>
      </c>
      <c r="D2544" cm="1">
        <f t="array" ref="D2544">IFERROR(INDEX(Jesper!AH$2:AH$366,ROUNDDOWN($C2544/24,0)+1,1)*INDEX($D$3:$AA$30,INDEX(Jesper!$R$2:$R$366,ROW(INDEX(Jesper!AH$2:AH$366,ROUNDDOWN($C2544/24,0)+1,1))-1)+IF('Standard Profiles'!$G$18=$B$10,7,0)+IF('Standard Profiles'!$G$18=$B$17,14,0)+IF('Standard Profiles'!$G$18=$B$24,21,0),MOD($C2544,24)+1)/SUM(INDEX($D$3:$AA$30,INDEX(Jesper!$R$2:$R$366,ROW(INDEX(Jesper!AH$2:AH$366,ROUNDDOWN($C2544/24,0)+1,1))-1)+IF('Standard Profiles'!$G$18=$B$10,7,0)+IF('Standard Profiles'!$G$18=$B$17,14,0)+IF('Standard Profiles'!$G$18=$B$24,21,0),0)),0)</f>
        <v>13.200383269358833</v>
      </c>
      <c r="E2544" cm="1">
        <f t="array" ref="E2544">IFERROR(INDEX(Jesper!AI$2:AI$366,ROUNDDOWN($C2544/24,0)+1,1)*INDEX($D$3:$AA$30,INDEX(Jesper!$R$2:$R$366,ROW(INDEX(Jesper!AI$2:AI$366,ROUNDDOWN($C2544/24,0)+1,1))-1)+IF('Standard Profiles'!$G$19=$B$10,7,0)+IF('Standard Profiles'!$G$19=$B$17,14,0)+IF('Standard Profiles'!$G$19=$B$24,21,0),MOD($C2544,24)+1)/SUM(INDEX($D$3:$AA$30,INDEX(Jesper!$R$2:$R$366,ROW(INDEX(Jesper!AI$2:AI$366,ROUNDDOWN($C2544/24,0)+1,1))-1)+IF('Standard Profiles'!$G$19=$B$10,7,0)+IF('Standard Profiles'!$G$19=$B$17,14,0)+IF('Standard Profiles'!$G$19=$B$24,21,0),0)),0)</f>
        <v>2.5929097099648519</v>
      </c>
      <c r="F2544" cm="1">
        <f t="array" ref="F2544">IFERROR(INDEX(Jesper!AJ$2:AJ$366,ROUNDDOWN($C2544/24,0)+1,1)*INDEX($D$3:$AA$30,INDEX(Jesper!$R$2:$R$366,ROW(INDEX(Jesper!AJ$2:AJ$366,ROUNDDOWN($C2544/24,0)+1,1))-1)+IF('Standard Profiles'!$G$20=$B$10,7,0)+IF('Standard Profiles'!$G$20=$B$17,14,0)+IF('Standard Profiles'!$G$20=$B$24,21,0),MOD($C2544,24)+1)/SUM(INDEX($D$3:$AA$30,INDEX(Jesper!$R$2:$R$366,ROW(INDEX(Jesper!AJ$2:AJ$366,ROUNDDOWN($C2544/24,0)+1,1))-1)+IF('Standard Profiles'!$G$20=$B$10,7,0)+IF('Standard Profiles'!$G$20=$B$17,14,0)+IF('Standard Profiles'!$G$20=$B$24,21,0),0)),0)</f>
        <v>0</v>
      </c>
      <c r="G2544" cm="1">
        <f t="array" ref="G2544">IFERROR(INDEX(Jesper!AK$2:AK$366,ROUNDDOWN($C2544/24,0)+1,1)*INDEX($D$3:$AA$30,INDEX(Jesper!$R$2:$R$366,ROW(INDEX(Jesper!AK$2:AK$366,ROUNDDOWN($C2544/24,0)+1,1))-1)+IF('Standard Profiles'!$G$21=$B$10,7,0)+IF('Standard Profiles'!$G$21=$B$17,14,0)+IF('Standard Profiles'!$G$21=$B$24,21,0),MOD($C2544,24)+1)/SUM(INDEX($D$3:$AA$30,INDEX(Jesper!$R$2:$R$366,ROW(INDEX(Jesper!AK$2:AK$366,ROUNDDOWN($C2544/24,0)+1,1))-1)+IF('Standard Profiles'!$G$21=$B$10,7,0)+IF('Standard Profiles'!$G$21=$B$17,14,0)+IF('Standard Profiles'!$G$21=$B$24,21,0),0)),0)</f>
        <v>0</v>
      </c>
      <c r="H2544" cm="1">
        <f t="array" ref="H2544">IFERROR(INDEX(Jesper!AL$2:AL$366,ROUNDDOWN($C2544/24,0)+1,1)*INDEX($D$3:$AA$30,INDEX(Jesper!$R$2:$R$366,ROW(INDEX(Jesper!AL$2:AL$366,ROUNDDOWN($C2544/24,0)+1,1))-1)+IF('Standard Profiles'!$G$22=$B$10,7,0)+IF('Standard Profiles'!$G$22=$B$17,14,0)+IF('Standard Profiles'!$G$22=$B$24,21,0),MOD($C2544,24)+1)/SUM(INDEX($D$3:$AA$30,INDEX(Jesper!$R$2:$R$366,ROW(INDEX(Jesper!AL$2:AL$366,ROUNDDOWN($C2544/24,0)+1,1))-1)+IF('Standard Profiles'!$G$22=$B$10,7,0)+IF('Standard Profiles'!$G$22=$B$17,14,0)+IF('Standard Profiles'!$G$22=$B$24,21,0),0)),0)</f>
        <v>0</v>
      </c>
      <c r="I2544">
        <f t="shared" si="293"/>
        <v>0.23359546936620293</v>
      </c>
      <c r="J2544">
        <f t="shared" si="294"/>
        <v>0.77865156455400986</v>
      </c>
      <c r="K2544">
        <f t="shared" si="295"/>
        <v>1.1679773468310148</v>
      </c>
      <c r="L2544">
        <f t="shared" si="296"/>
        <v>13.613068598572458</v>
      </c>
      <c r="M2544">
        <f t="shared" si="297"/>
        <v>0</v>
      </c>
      <c r="N2544" s="46">
        <f t="shared" si="298"/>
        <v>45396.583333327246</v>
      </c>
    </row>
    <row r="2545" spans="2:14" x14ac:dyDescent="0.3">
      <c r="B2545">
        <f t="shared" si="292"/>
        <v>7</v>
      </c>
      <c r="C2545" s="16">
        <v>2511</v>
      </c>
      <c r="D2545" cm="1">
        <f t="array" ref="D2545">IFERROR(INDEX(Jesper!AH$2:AH$366,ROUNDDOWN($C2545/24,0)+1,1)*INDEX($D$3:$AA$30,INDEX(Jesper!$R$2:$R$366,ROW(INDEX(Jesper!AH$2:AH$366,ROUNDDOWN($C2545/24,0)+1,1))-1)+IF('Standard Profiles'!$G$18=$B$10,7,0)+IF('Standard Profiles'!$G$18=$B$17,14,0)+IF('Standard Profiles'!$G$18=$B$24,21,0),MOD($C2545,24)+1)/SUM(INDEX($D$3:$AA$30,INDEX(Jesper!$R$2:$R$366,ROW(INDEX(Jesper!AH$2:AH$366,ROUNDDOWN($C2545/24,0)+1,1))-1)+IF('Standard Profiles'!$G$18=$B$10,7,0)+IF('Standard Profiles'!$G$18=$B$17,14,0)+IF('Standard Profiles'!$G$18=$B$24,21,0),0)),0)</f>
        <v>11.73367401720785</v>
      </c>
      <c r="E2545" cm="1">
        <f t="array" ref="E2545">IFERROR(INDEX(Jesper!AI$2:AI$366,ROUNDDOWN($C2545/24,0)+1,1)*INDEX($D$3:$AA$30,INDEX(Jesper!$R$2:$R$366,ROW(INDEX(Jesper!AI$2:AI$366,ROUNDDOWN($C2545/24,0)+1,1))-1)+IF('Standard Profiles'!$G$19=$B$10,7,0)+IF('Standard Profiles'!$G$19=$B$17,14,0)+IF('Standard Profiles'!$G$19=$B$24,21,0),MOD($C2545,24)+1)/SUM(INDEX($D$3:$AA$30,INDEX(Jesper!$R$2:$R$366,ROW(INDEX(Jesper!AI$2:AI$366,ROUNDDOWN($C2545/24,0)+1,1))-1)+IF('Standard Profiles'!$G$19=$B$10,7,0)+IF('Standard Profiles'!$G$19=$B$17,14,0)+IF('Standard Profiles'!$G$19=$B$24,21,0),0)),0)</f>
        <v>2.3048086310798683</v>
      </c>
      <c r="F2545" cm="1">
        <f t="array" ref="F2545">IFERROR(INDEX(Jesper!AJ$2:AJ$366,ROUNDDOWN($C2545/24,0)+1,1)*INDEX($D$3:$AA$30,INDEX(Jesper!$R$2:$R$366,ROW(INDEX(Jesper!AJ$2:AJ$366,ROUNDDOWN($C2545/24,0)+1,1))-1)+IF('Standard Profiles'!$G$20=$B$10,7,0)+IF('Standard Profiles'!$G$20=$B$17,14,0)+IF('Standard Profiles'!$G$20=$B$24,21,0),MOD($C2545,24)+1)/SUM(INDEX($D$3:$AA$30,INDEX(Jesper!$R$2:$R$366,ROW(INDEX(Jesper!AJ$2:AJ$366,ROUNDDOWN($C2545/24,0)+1,1))-1)+IF('Standard Profiles'!$G$20=$B$10,7,0)+IF('Standard Profiles'!$G$20=$B$17,14,0)+IF('Standard Profiles'!$G$20=$B$24,21,0),0)),0)</f>
        <v>0</v>
      </c>
      <c r="G2545" cm="1">
        <f t="array" ref="G2545">IFERROR(INDEX(Jesper!AK$2:AK$366,ROUNDDOWN($C2545/24,0)+1,1)*INDEX($D$3:$AA$30,INDEX(Jesper!$R$2:$R$366,ROW(INDEX(Jesper!AK$2:AK$366,ROUNDDOWN($C2545/24,0)+1,1))-1)+IF('Standard Profiles'!$G$21=$B$10,7,0)+IF('Standard Profiles'!$G$21=$B$17,14,0)+IF('Standard Profiles'!$G$21=$B$24,21,0),MOD($C2545,24)+1)/SUM(INDEX($D$3:$AA$30,INDEX(Jesper!$R$2:$R$366,ROW(INDEX(Jesper!AK$2:AK$366,ROUNDDOWN($C2545/24,0)+1,1))-1)+IF('Standard Profiles'!$G$21=$B$10,7,0)+IF('Standard Profiles'!$G$21=$B$17,14,0)+IF('Standard Profiles'!$G$21=$B$24,21,0),0)),0)</f>
        <v>0</v>
      </c>
      <c r="H2545" cm="1">
        <f t="array" ref="H2545">IFERROR(INDEX(Jesper!AL$2:AL$366,ROUNDDOWN($C2545/24,0)+1,1)*INDEX($D$3:$AA$30,INDEX(Jesper!$R$2:$R$366,ROW(INDEX(Jesper!AL$2:AL$366,ROUNDDOWN($C2545/24,0)+1,1))-1)+IF('Standard Profiles'!$G$22=$B$10,7,0)+IF('Standard Profiles'!$G$22=$B$17,14,0)+IF('Standard Profiles'!$G$22=$B$24,21,0),MOD($C2545,24)+1)/SUM(INDEX($D$3:$AA$30,INDEX(Jesper!$R$2:$R$366,ROW(INDEX(Jesper!AL$2:AL$366,ROUNDDOWN($C2545/24,0)+1,1))-1)+IF('Standard Profiles'!$G$22=$B$10,7,0)+IF('Standard Profiles'!$G$22=$B$17,14,0)+IF('Standard Profiles'!$G$22=$B$24,21,0),0)),0)</f>
        <v>0</v>
      </c>
      <c r="I2545">
        <f t="shared" si="293"/>
        <v>0.2076404172144026</v>
      </c>
      <c r="J2545">
        <f t="shared" si="294"/>
        <v>0.6921347240480088</v>
      </c>
      <c r="K2545">
        <f t="shared" si="295"/>
        <v>1.0382020860720131</v>
      </c>
      <c r="L2545">
        <f t="shared" si="296"/>
        <v>12.100505420953294</v>
      </c>
      <c r="M2545">
        <f t="shared" si="297"/>
        <v>0</v>
      </c>
      <c r="N2545" s="46">
        <f t="shared" si="298"/>
        <v>45396.62499999391</v>
      </c>
    </row>
    <row r="2546" spans="2:14" x14ac:dyDescent="0.3">
      <c r="B2546">
        <f t="shared" si="292"/>
        <v>7</v>
      </c>
      <c r="C2546" s="16">
        <v>2512</v>
      </c>
      <c r="D2546" cm="1">
        <f t="array" ref="D2546">IFERROR(INDEX(Jesper!AH$2:AH$366,ROUNDDOWN($C2546/24,0)+1,1)*INDEX($D$3:$AA$30,INDEX(Jesper!$R$2:$R$366,ROW(INDEX(Jesper!AH$2:AH$366,ROUNDDOWN($C2546/24,0)+1,1))-1)+IF('Standard Profiles'!$G$18=$B$10,7,0)+IF('Standard Profiles'!$G$18=$B$17,14,0)+IF('Standard Profiles'!$G$18=$B$24,21,0),MOD($C2546,24)+1)/SUM(INDEX($D$3:$AA$30,INDEX(Jesper!$R$2:$R$366,ROW(INDEX(Jesper!AH$2:AH$366,ROUNDDOWN($C2546/24,0)+1,1))-1)+IF('Standard Profiles'!$G$18=$B$10,7,0)+IF('Standard Profiles'!$G$18=$B$17,14,0)+IF('Standard Profiles'!$G$18=$B$24,21,0),0)),0)</f>
        <v>11.524144124043424</v>
      </c>
      <c r="E2546" cm="1">
        <f t="array" ref="E2546">IFERROR(INDEX(Jesper!AI$2:AI$366,ROUNDDOWN($C2546/24,0)+1,1)*INDEX($D$3:$AA$30,INDEX(Jesper!$R$2:$R$366,ROW(INDEX(Jesper!AI$2:AI$366,ROUNDDOWN($C2546/24,0)+1,1))-1)+IF('Standard Profiles'!$G$19=$B$10,7,0)+IF('Standard Profiles'!$G$19=$B$17,14,0)+IF('Standard Profiles'!$G$19=$B$24,21,0),MOD($C2546,24)+1)/SUM(INDEX($D$3:$AA$30,INDEX(Jesper!$R$2:$R$366,ROW(INDEX(Jesper!AI$2:AI$366,ROUNDDOWN($C2546/24,0)+1,1))-1)+IF('Standard Profiles'!$G$19=$B$10,7,0)+IF('Standard Profiles'!$G$19=$B$17,14,0)+IF('Standard Profiles'!$G$19=$B$24,21,0),0)),0)</f>
        <v>2.2636513340962994</v>
      </c>
      <c r="F2546" cm="1">
        <f t="array" ref="F2546">IFERROR(INDEX(Jesper!AJ$2:AJ$366,ROUNDDOWN($C2546/24,0)+1,1)*INDEX($D$3:$AA$30,INDEX(Jesper!$R$2:$R$366,ROW(INDEX(Jesper!AJ$2:AJ$366,ROUNDDOWN($C2546/24,0)+1,1))-1)+IF('Standard Profiles'!$G$20=$B$10,7,0)+IF('Standard Profiles'!$G$20=$B$17,14,0)+IF('Standard Profiles'!$G$20=$B$24,21,0),MOD($C2546,24)+1)/SUM(INDEX($D$3:$AA$30,INDEX(Jesper!$R$2:$R$366,ROW(INDEX(Jesper!AJ$2:AJ$366,ROUNDDOWN($C2546/24,0)+1,1))-1)+IF('Standard Profiles'!$G$20=$B$10,7,0)+IF('Standard Profiles'!$G$20=$B$17,14,0)+IF('Standard Profiles'!$G$20=$B$24,21,0),0)),0)</f>
        <v>0</v>
      </c>
      <c r="G2546" cm="1">
        <f t="array" ref="G2546">IFERROR(INDEX(Jesper!AK$2:AK$366,ROUNDDOWN($C2546/24,0)+1,1)*INDEX($D$3:$AA$30,INDEX(Jesper!$R$2:$R$366,ROW(INDEX(Jesper!AK$2:AK$366,ROUNDDOWN($C2546/24,0)+1,1))-1)+IF('Standard Profiles'!$G$21=$B$10,7,0)+IF('Standard Profiles'!$G$21=$B$17,14,0)+IF('Standard Profiles'!$G$21=$B$24,21,0),MOD($C2546,24)+1)/SUM(INDEX($D$3:$AA$30,INDEX(Jesper!$R$2:$R$366,ROW(INDEX(Jesper!AK$2:AK$366,ROUNDDOWN($C2546/24,0)+1,1))-1)+IF('Standard Profiles'!$G$21=$B$10,7,0)+IF('Standard Profiles'!$G$21=$B$17,14,0)+IF('Standard Profiles'!$G$21=$B$24,21,0),0)),0)</f>
        <v>0</v>
      </c>
      <c r="H2546" cm="1">
        <f t="array" ref="H2546">IFERROR(INDEX(Jesper!AL$2:AL$366,ROUNDDOWN($C2546/24,0)+1,1)*INDEX($D$3:$AA$30,INDEX(Jesper!$R$2:$R$366,ROW(INDEX(Jesper!AL$2:AL$366,ROUNDDOWN($C2546/24,0)+1,1))-1)+IF('Standard Profiles'!$G$22=$B$10,7,0)+IF('Standard Profiles'!$G$22=$B$17,14,0)+IF('Standard Profiles'!$G$22=$B$24,21,0),MOD($C2546,24)+1)/SUM(INDEX($D$3:$AA$30,INDEX(Jesper!$R$2:$R$366,ROW(INDEX(Jesper!AL$2:AL$366,ROUNDDOWN($C2546/24,0)+1,1))-1)+IF('Standard Profiles'!$G$22=$B$10,7,0)+IF('Standard Profiles'!$G$22=$B$17,14,0)+IF('Standard Profiles'!$G$22=$B$24,21,0),0)),0)</f>
        <v>0</v>
      </c>
      <c r="I2546">
        <f t="shared" si="293"/>
        <v>0.20393255262128829</v>
      </c>
      <c r="J2546">
        <f t="shared" si="294"/>
        <v>0.67977517540429433</v>
      </c>
      <c r="K2546">
        <f t="shared" si="295"/>
        <v>1.0196627631064417</v>
      </c>
      <c r="L2546">
        <f t="shared" si="296"/>
        <v>11.8844249670077</v>
      </c>
      <c r="M2546">
        <f t="shared" si="297"/>
        <v>0</v>
      </c>
      <c r="N2546" s="46">
        <f t="shared" si="298"/>
        <v>45396.666666660574</v>
      </c>
    </row>
    <row r="2547" spans="2:14" x14ac:dyDescent="0.3">
      <c r="B2547">
        <f t="shared" si="292"/>
        <v>7</v>
      </c>
      <c r="C2547" s="16">
        <v>2513</v>
      </c>
      <c r="D2547" cm="1">
        <f t="array" ref="D2547">IFERROR(INDEX(Jesper!AH$2:AH$366,ROUNDDOWN($C2547/24,0)+1,1)*INDEX($D$3:$AA$30,INDEX(Jesper!$R$2:$R$366,ROW(INDEX(Jesper!AH$2:AH$366,ROUNDDOWN($C2547/24,0)+1,1))-1)+IF('Standard Profiles'!$G$18=$B$10,7,0)+IF('Standard Profiles'!$G$18=$B$17,14,0)+IF('Standard Profiles'!$G$18=$B$24,21,0),MOD($C2547,24)+1)/SUM(INDEX($D$3:$AA$30,INDEX(Jesper!$R$2:$R$366,ROW(INDEX(Jesper!AH$2:AH$366,ROUNDDOWN($C2547/24,0)+1,1))-1)+IF('Standard Profiles'!$G$18=$B$10,7,0)+IF('Standard Profiles'!$G$18=$B$17,14,0)+IF('Standard Profiles'!$G$18=$B$24,21,0),0)),0)</f>
        <v>9.8479049787280175</v>
      </c>
      <c r="E2547" cm="1">
        <f t="array" ref="E2547">IFERROR(INDEX(Jesper!AI$2:AI$366,ROUNDDOWN($C2547/24,0)+1,1)*INDEX($D$3:$AA$30,INDEX(Jesper!$R$2:$R$366,ROW(INDEX(Jesper!AI$2:AI$366,ROUNDDOWN($C2547/24,0)+1,1))-1)+IF('Standard Profiles'!$G$19=$B$10,7,0)+IF('Standard Profiles'!$G$19=$B$17,14,0)+IF('Standard Profiles'!$G$19=$B$24,21,0),MOD($C2547,24)+1)/SUM(INDEX($D$3:$AA$30,INDEX(Jesper!$R$2:$R$366,ROW(INDEX(Jesper!AI$2:AI$366,ROUNDDOWN($C2547/24,0)+1,1))-1)+IF('Standard Profiles'!$G$19=$B$10,7,0)+IF('Standard Profiles'!$G$19=$B$17,14,0)+IF('Standard Profiles'!$G$19=$B$24,21,0),0)),0)</f>
        <v>1.9343929582277468</v>
      </c>
      <c r="F2547" cm="1">
        <f t="array" ref="F2547">IFERROR(INDEX(Jesper!AJ$2:AJ$366,ROUNDDOWN($C2547/24,0)+1,1)*INDEX($D$3:$AA$30,INDEX(Jesper!$R$2:$R$366,ROW(INDEX(Jesper!AJ$2:AJ$366,ROUNDDOWN($C2547/24,0)+1,1))-1)+IF('Standard Profiles'!$G$20=$B$10,7,0)+IF('Standard Profiles'!$G$20=$B$17,14,0)+IF('Standard Profiles'!$G$20=$B$24,21,0),MOD($C2547,24)+1)/SUM(INDEX($D$3:$AA$30,INDEX(Jesper!$R$2:$R$366,ROW(INDEX(Jesper!AJ$2:AJ$366,ROUNDDOWN($C2547/24,0)+1,1))-1)+IF('Standard Profiles'!$G$20=$B$10,7,0)+IF('Standard Profiles'!$G$20=$B$17,14,0)+IF('Standard Profiles'!$G$20=$B$24,21,0),0)),0)</f>
        <v>0</v>
      </c>
      <c r="G2547" cm="1">
        <f t="array" ref="G2547">IFERROR(INDEX(Jesper!AK$2:AK$366,ROUNDDOWN($C2547/24,0)+1,1)*INDEX($D$3:$AA$30,INDEX(Jesper!$R$2:$R$366,ROW(INDEX(Jesper!AK$2:AK$366,ROUNDDOWN($C2547/24,0)+1,1))-1)+IF('Standard Profiles'!$G$21=$B$10,7,0)+IF('Standard Profiles'!$G$21=$B$17,14,0)+IF('Standard Profiles'!$G$21=$B$24,21,0),MOD($C2547,24)+1)/SUM(INDEX($D$3:$AA$30,INDEX(Jesper!$R$2:$R$366,ROW(INDEX(Jesper!AK$2:AK$366,ROUNDDOWN($C2547/24,0)+1,1))-1)+IF('Standard Profiles'!$G$21=$B$10,7,0)+IF('Standard Profiles'!$G$21=$B$17,14,0)+IF('Standard Profiles'!$G$21=$B$24,21,0),0)),0)</f>
        <v>0</v>
      </c>
      <c r="H2547" cm="1">
        <f t="array" ref="H2547">IFERROR(INDEX(Jesper!AL$2:AL$366,ROUNDDOWN($C2547/24,0)+1,1)*INDEX($D$3:$AA$30,INDEX(Jesper!$R$2:$R$366,ROW(INDEX(Jesper!AL$2:AL$366,ROUNDDOWN($C2547/24,0)+1,1))-1)+IF('Standard Profiles'!$G$22=$B$10,7,0)+IF('Standard Profiles'!$G$22=$B$17,14,0)+IF('Standard Profiles'!$G$22=$B$24,21,0),MOD($C2547,24)+1)/SUM(INDEX($D$3:$AA$30,INDEX(Jesper!$R$2:$R$366,ROW(INDEX(Jesper!AL$2:AL$366,ROUNDDOWN($C2547/24,0)+1,1))-1)+IF('Standard Profiles'!$G$22=$B$10,7,0)+IF('Standard Profiles'!$G$22=$B$17,14,0)+IF('Standard Profiles'!$G$22=$B$24,21,0),0)),0)</f>
        <v>0</v>
      </c>
      <c r="I2547">
        <f t="shared" si="293"/>
        <v>0.17426963587637365</v>
      </c>
      <c r="J2547">
        <f t="shared" si="294"/>
        <v>0.5808987862545788</v>
      </c>
      <c r="K2547">
        <f t="shared" si="295"/>
        <v>0.87134817938186826</v>
      </c>
      <c r="L2547">
        <f t="shared" si="296"/>
        <v>10.155781335442944</v>
      </c>
      <c r="M2547">
        <f t="shared" si="297"/>
        <v>0</v>
      </c>
      <c r="N2547" s="46">
        <f t="shared" si="298"/>
        <v>45396.708333327239</v>
      </c>
    </row>
    <row r="2548" spans="2:14" x14ac:dyDescent="0.3">
      <c r="B2548">
        <f t="shared" si="292"/>
        <v>7</v>
      </c>
      <c r="C2548" s="16">
        <v>2514</v>
      </c>
      <c r="D2548" cm="1">
        <f t="array" ref="D2548">IFERROR(INDEX(Jesper!AH$2:AH$366,ROUNDDOWN($C2548/24,0)+1,1)*INDEX($D$3:$AA$30,INDEX(Jesper!$R$2:$R$366,ROW(INDEX(Jesper!AH$2:AH$366,ROUNDDOWN($C2548/24,0)+1,1))-1)+IF('Standard Profiles'!$G$18=$B$10,7,0)+IF('Standard Profiles'!$G$18=$B$17,14,0)+IF('Standard Profiles'!$G$18=$B$24,21,0),MOD($C2548,24)+1)/SUM(INDEX($D$3:$AA$30,INDEX(Jesper!$R$2:$R$366,ROW(INDEX(Jesper!AH$2:AH$366,ROUNDDOWN($C2548/24,0)+1,1))-1)+IF('Standard Profiles'!$G$18=$B$10,7,0)+IF('Standard Profiles'!$G$18=$B$17,14,0)+IF('Standard Profiles'!$G$18=$B$24,21,0),0)),0)</f>
        <v>9.21931529923474</v>
      </c>
      <c r="E2548" cm="1">
        <f t="array" ref="E2548">IFERROR(INDEX(Jesper!AI$2:AI$366,ROUNDDOWN($C2548/24,0)+1,1)*INDEX($D$3:$AA$30,INDEX(Jesper!$R$2:$R$366,ROW(INDEX(Jesper!AI$2:AI$366,ROUNDDOWN($C2548/24,0)+1,1))-1)+IF('Standard Profiles'!$G$19=$B$10,7,0)+IF('Standard Profiles'!$G$19=$B$17,14,0)+IF('Standard Profiles'!$G$19=$B$24,21,0),MOD($C2548,24)+1)/SUM(INDEX($D$3:$AA$30,INDEX(Jesper!$R$2:$R$366,ROW(INDEX(Jesper!AI$2:AI$366,ROUNDDOWN($C2548/24,0)+1,1))-1)+IF('Standard Profiles'!$G$19=$B$10,7,0)+IF('Standard Profiles'!$G$19=$B$17,14,0)+IF('Standard Profiles'!$G$19=$B$24,21,0),0)),0)</f>
        <v>1.8109210672770397</v>
      </c>
      <c r="F2548" cm="1">
        <f t="array" ref="F2548">IFERROR(INDEX(Jesper!AJ$2:AJ$366,ROUNDDOWN($C2548/24,0)+1,1)*INDEX($D$3:$AA$30,INDEX(Jesper!$R$2:$R$366,ROW(INDEX(Jesper!AJ$2:AJ$366,ROUNDDOWN($C2548/24,0)+1,1))-1)+IF('Standard Profiles'!$G$20=$B$10,7,0)+IF('Standard Profiles'!$G$20=$B$17,14,0)+IF('Standard Profiles'!$G$20=$B$24,21,0),MOD($C2548,24)+1)/SUM(INDEX($D$3:$AA$30,INDEX(Jesper!$R$2:$R$366,ROW(INDEX(Jesper!AJ$2:AJ$366,ROUNDDOWN($C2548/24,0)+1,1))-1)+IF('Standard Profiles'!$G$20=$B$10,7,0)+IF('Standard Profiles'!$G$20=$B$17,14,0)+IF('Standard Profiles'!$G$20=$B$24,21,0),0)),0)</f>
        <v>0</v>
      </c>
      <c r="G2548" cm="1">
        <f t="array" ref="G2548">IFERROR(INDEX(Jesper!AK$2:AK$366,ROUNDDOWN($C2548/24,0)+1,1)*INDEX($D$3:$AA$30,INDEX(Jesper!$R$2:$R$366,ROW(INDEX(Jesper!AK$2:AK$366,ROUNDDOWN($C2548/24,0)+1,1))-1)+IF('Standard Profiles'!$G$21=$B$10,7,0)+IF('Standard Profiles'!$G$21=$B$17,14,0)+IF('Standard Profiles'!$G$21=$B$24,21,0),MOD($C2548,24)+1)/SUM(INDEX($D$3:$AA$30,INDEX(Jesper!$R$2:$R$366,ROW(INDEX(Jesper!AK$2:AK$366,ROUNDDOWN($C2548/24,0)+1,1))-1)+IF('Standard Profiles'!$G$21=$B$10,7,0)+IF('Standard Profiles'!$G$21=$B$17,14,0)+IF('Standard Profiles'!$G$21=$B$24,21,0),0)),0)</f>
        <v>0</v>
      </c>
      <c r="H2548" cm="1">
        <f t="array" ref="H2548">IFERROR(INDEX(Jesper!AL$2:AL$366,ROUNDDOWN($C2548/24,0)+1,1)*INDEX($D$3:$AA$30,INDEX(Jesper!$R$2:$R$366,ROW(INDEX(Jesper!AL$2:AL$366,ROUNDDOWN($C2548/24,0)+1,1))-1)+IF('Standard Profiles'!$G$22=$B$10,7,0)+IF('Standard Profiles'!$G$22=$B$17,14,0)+IF('Standard Profiles'!$G$22=$B$24,21,0),MOD($C2548,24)+1)/SUM(INDEX($D$3:$AA$30,INDEX(Jesper!$R$2:$R$366,ROW(INDEX(Jesper!AL$2:AL$366,ROUNDDOWN($C2548/24,0)+1,1))-1)+IF('Standard Profiles'!$G$22=$B$10,7,0)+IF('Standard Profiles'!$G$22=$B$17,14,0)+IF('Standard Profiles'!$G$22=$B$24,21,0),0)),0)</f>
        <v>0</v>
      </c>
      <c r="I2548">
        <f t="shared" si="293"/>
        <v>0.16314604209703065</v>
      </c>
      <c r="J2548">
        <f t="shared" si="294"/>
        <v>0.54382014032343551</v>
      </c>
      <c r="K2548">
        <f t="shared" si="295"/>
        <v>0.81573021048515337</v>
      </c>
      <c r="L2548">
        <f t="shared" si="296"/>
        <v>9.5075399736061605</v>
      </c>
      <c r="M2548">
        <f t="shared" si="297"/>
        <v>0</v>
      </c>
      <c r="N2548" s="46">
        <f t="shared" si="298"/>
        <v>45396.749999993903</v>
      </c>
    </row>
    <row r="2549" spans="2:14" x14ac:dyDescent="0.3">
      <c r="B2549">
        <f t="shared" si="292"/>
        <v>7</v>
      </c>
      <c r="C2549" s="16">
        <v>2515</v>
      </c>
      <c r="D2549" cm="1">
        <f t="array" ref="D2549">IFERROR(INDEX(Jesper!AH$2:AH$366,ROUNDDOWN($C2549/24,0)+1,1)*INDEX($D$3:$AA$30,INDEX(Jesper!$R$2:$R$366,ROW(INDEX(Jesper!AH$2:AH$366,ROUNDDOWN($C2549/24,0)+1,1))-1)+IF('Standard Profiles'!$G$18=$B$10,7,0)+IF('Standard Profiles'!$G$18=$B$17,14,0)+IF('Standard Profiles'!$G$18=$B$24,21,0),MOD($C2549,24)+1)/SUM(INDEX($D$3:$AA$30,INDEX(Jesper!$R$2:$R$366,ROW(INDEX(Jesper!AH$2:AH$366,ROUNDDOWN($C2549/24,0)+1,1))-1)+IF('Standard Profiles'!$G$18=$B$10,7,0)+IF('Standard Profiles'!$G$18=$B$17,14,0)+IF('Standard Profiles'!$G$18=$B$24,21,0),0)),0)</f>
        <v>7.7526060470837592</v>
      </c>
      <c r="E2549" cm="1">
        <f t="array" ref="E2549">IFERROR(INDEX(Jesper!AI$2:AI$366,ROUNDDOWN($C2549/24,0)+1,1)*INDEX($D$3:$AA$30,INDEX(Jesper!$R$2:$R$366,ROW(INDEX(Jesper!AI$2:AI$366,ROUNDDOWN($C2549/24,0)+1,1))-1)+IF('Standard Profiles'!$G$19=$B$10,7,0)+IF('Standard Profiles'!$G$19=$B$17,14,0)+IF('Standard Profiles'!$G$19=$B$24,21,0),MOD($C2549,24)+1)/SUM(INDEX($D$3:$AA$30,INDEX(Jesper!$R$2:$R$366,ROW(INDEX(Jesper!AI$2:AI$366,ROUNDDOWN($C2549/24,0)+1,1))-1)+IF('Standard Profiles'!$G$19=$B$10,7,0)+IF('Standard Profiles'!$G$19=$B$17,14,0)+IF('Standard Profiles'!$G$19=$B$24,21,0),0)),0)</f>
        <v>1.5228199883920561</v>
      </c>
      <c r="F2549" cm="1">
        <f t="array" ref="F2549">IFERROR(INDEX(Jesper!AJ$2:AJ$366,ROUNDDOWN($C2549/24,0)+1,1)*INDEX($D$3:$AA$30,INDEX(Jesper!$R$2:$R$366,ROW(INDEX(Jesper!AJ$2:AJ$366,ROUNDDOWN($C2549/24,0)+1,1))-1)+IF('Standard Profiles'!$G$20=$B$10,7,0)+IF('Standard Profiles'!$G$20=$B$17,14,0)+IF('Standard Profiles'!$G$20=$B$24,21,0),MOD($C2549,24)+1)/SUM(INDEX($D$3:$AA$30,INDEX(Jesper!$R$2:$R$366,ROW(INDEX(Jesper!AJ$2:AJ$366,ROUNDDOWN($C2549/24,0)+1,1))-1)+IF('Standard Profiles'!$G$20=$B$10,7,0)+IF('Standard Profiles'!$G$20=$B$17,14,0)+IF('Standard Profiles'!$G$20=$B$24,21,0),0)),0)</f>
        <v>0</v>
      </c>
      <c r="G2549" cm="1">
        <f t="array" ref="G2549">IFERROR(INDEX(Jesper!AK$2:AK$366,ROUNDDOWN($C2549/24,0)+1,1)*INDEX($D$3:$AA$30,INDEX(Jesper!$R$2:$R$366,ROW(INDEX(Jesper!AK$2:AK$366,ROUNDDOWN($C2549/24,0)+1,1))-1)+IF('Standard Profiles'!$G$21=$B$10,7,0)+IF('Standard Profiles'!$G$21=$B$17,14,0)+IF('Standard Profiles'!$G$21=$B$24,21,0),MOD($C2549,24)+1)/SUM(INDEX($D$3:$AA$30,INDEX(Jesper!$R$2:$R$366,ROW(INDEX(Jesper!AK$2:AK$366,ROUNDDOWN($C2549/24,0)+1,1))-1)+IF('Standard Profiles'!$G$21=$B$10,7,0)+IF('Standard Profiles'!$G$21=$B$17,14,0)+IF('Standard Profiles'!$G$21=$B$24,21,0),0)),0)</f>
        <v>0</v>
      </c>
      <c r="H2549" cm="1">
        <f t="array" ref="H2549">IFERROR(INDEX(Jesper!AL$2:AL$366,ROUNDDOWN($C2549/24,0)+1,1)*INDEX($D$3:$AA$30,INDEX(Jesper!$R$2:$R$366,ROW(INDEX(Jesper!AL$2:AL$366,ROUNDDOWN($C2549/24,0)+1,1))-1)+IF('Standard Profiles'!$G$22=$B$10,7,0)+IF('Standard Profiles'!$G$22=$B$17,14,0)+IF('Standard Profiles'!$G$22=$B$24,21,0),MOD($C2549,24)+1)/SUM(INDEX($D$3:$AA$30,INDEX(Jesper!$R$2:$R$366,ROW(INDEX(Jesper!AL$2:AL$366,ROUNDDOWN($C2549/24,0)+1,1))-1)+IF('Standard Profiles'!$G$22=$B$10,7,0)+IF('Standard Profiles'!$G$22=$B$17,14,0)+IF('Standard Profiles'!$G$22=$B$24,21,0),0)),0)</f>
        <v>0</v>
      </c>
      <c r="I2549">
        <f t="shared" si="293"/>
        <v>0.13719098994523032</v>
      </c>
      <c r="J2549">
        <f t="shared" si="294"/>
        <v>0.45730329981743445</v>
      </c>
      <c r="K2549">
        <f t="shared" si="295"/>
        <v>0.68595494972615167</v>
      </c>
      <c r="L2549">
        <f t="shared" si="296"/>
        <v>7.9949767959869993</v>
      </c>
      <c r="M2549">
        <f t="shared" si="297"/>
        <v>0</v>
      </c>
      <c r="N2549" s="46">
        <f t="shared" si="298"/>
        <v>45396.791666660567</v>
      </c>
    </row>
    <row r="2550" spans="2:14" x14ac:dyDescent="0.3">
      <c r="B2550">
        <f t="shared" si="292"/>
        <v>7</v>
      </c>
      <c r="C2550" s="16">
        <v>2516</v>
      </c>
      <c r="D2550" cm="1">
        <f t="array" ref="D2550">IFERROR(INDEX(Jesper!AH$2:AH$366,ROUNDDOWN($C2550/24,0)+1,1)*INDEX($D$3:$AA$30,INDEX(Jesper!$R$2:$R$366,ROW(INDEX(Jesper!AH$2:AH$366,ROUNDDOWN($C2550/24,0)+1,1))-1)+IF('Standard Profiles'!$G$18=$B$10,7,0)+IF('Standard Profiles'!$G$18=$B$17,14,0)+IF('Standard Profiles'!$G$18=$B$24,21,0),MOD($C2550,24)+1)/SUM(INDEX($D$3:$AA$30,INDEX(Jesper!$R$2:$R$366,ROW(INDEX(Jesper!AH$2:AH$366,ROUNDDOWN($C2550/24,0)+1,1))-1)+IF('Standard Profiles'!$G$18=$B$10,7,0)+IF('Standard Profiles'!$G$18=$B$17,14,0)+IF('Standard Profiles'!$G$18=$B$24,21,0),0)),0)</f>
        <v>6.4954266880972034</v>
      </c>
      <c r="E2550" cm="1">
        <f t="array" ref="E2550">IFERROR(INDEX(Jesper!AI$2:AI$366,ROUNDDOWN($C2550/24,0)+1,1)*INDEX($D$3:$AA$30,INDEX(Jesper!$R$2:$R$366,ROW(INDEX(Jesper!AI$2:AI$366,ROUNDDOWN($C2550/24,0)+1,1))-1)+IF('Standard Profiles'!$G$19=$B$10,7,0)+IF('Standard Profiles'!$G$19=$B$17,14,0)+IF('Standard Profiles'!$G$19=$B$24,21,0),MOD($C2550,24)+1)/SUM(INDEX($D$3:$AA$30,INDEX(Jesper!$R$2:$R$366,ROW(INDEX(Jesper!AI$2:AI$366,ROUNDDOWN($C2550/24,0)+1,1))-1)+IF('Standard Profiles'!$G$19=$B$10,7,0)+IF('Standard Profiles'!$G$19=$B$17,14,0)+IF('Standard Profiles'!$G$19=$B$24,21,0),0)),0)</f>
        <v>1.2758762064906415</v>
      </c>
      <c r="F2550" cm="1">
        <f t="array" ref="F2550">IFERROR(INDEX(Jesper!AJ$2:AJ$366,ROUNDDOWN($C2550/24,0)+1,1)*INDEX($D$3:$AA$30,INDEX(Jesper!$R$2:$R$366,ROW(INDEX(Jesper!AJ$2:AJ$366,ROUNDDOWN($C2550/24,0)+1,1))-1)+IF('Standard Profiles'!$G$20=$B$10,7,0)+IF('Standard Profiles'!$G$20=$B$17,14,0)+IF('Standard Profiles'!$G$20=$B$24,21,0),MOD($C2550,24)+1)/SUM(INDEX($D$3:$AA$30,INDEX(Jesper!$R$2:$R$366,ROW(INDEX(Jesper!AJ$2:AJ$366,ROUNDDOWN($C2550/24,0)+1,1))-1)+IF('Standard Profiles'!$G$20=$B$10,7,0)+IF('Standard Profiles'!$G$20=$B$17,14,0)+IF('Standard Profiles'!$G$20=$B$24,21,0),0)),0)</f>
        <v>0</v>
      </c>
      <c r="G2550" cm="1">
        <f t="array" ref="G2550">IFERROR(INDEX(Jesper!AK$2:AK$366,ROUNDDOWN($C2550/24,0)+1,1)*INDEX($D$3:$AA$30,INDEX(Jesper!$R$2:$R$366,ROW(INDEX(Jesper!AK$2:AK$366,ROUNDDOWN($C2550/24,0)+1,1))-1)+IF('Standard Profiles'!$G$21=$B$10,7,0)+IF('Standard Profiles'!$G$21=$B$17,14,0)+IF('Standard Profiles'!$G$21=$B$24,21,0),MOD($C2550,24)+1)/SUM(INDEX($D$3:$AA$30,INDEX(Jesper!$R$2:$R$366,ROW(INDEX(Jesper!AK$2:AK$366,ROUNDDOWN($C2550/24,0)+1,1))-1)+IF('Standard Profiles'!$G$21=$B$10,7,0)+IF('Standard Profiles'!$G$21=$B$17,14,0)+IF('Standard Profiles'!$G$21=$B$24,21,0),0)),0)</f>
        <v>0</v>
      </c>
      <c r="H2550" cm="1">
        <f t="array" ref="H2550">IFERROR(INDEX(Jesper!AL$2:AL$366,ROUNDDOWN($C2550/24,0)+1,1)*INDEX($D$3:$AA$30,INDEX(Jesper!$R$2:$R$366,ROW(INDEX(Jesper!AL$2:AL$366,ROUNDDOWN($C2550/24,0)+1,1))-1)+IF('Standard Profiles'!$G$22=$B$10,7,0)+IF('Standard Profiles'!$G$22=$B$17,14,0)+IF('Standard Profiles'!$G$22=$B$24,21,0),MOD($C2550,24)+1)/SUM(INDEX($D$3:$AA$30,INDEX(Jesper!$R$2:$R$366,ROW(INDEX(Jesper!AL$2:AL$366,ROUNDDOWN($C2550/24,0)+1,1))-1)+IF('Standard Profiles'!$G$22=$B$10,7,0)+IF('Standard Profiles'!$G$22=$B$17,14,0)+IF('Standard Profiles'!$G$22=$B$24,21,0),0)),0)</f>
        <v>0</v>
      </c>
      <c r="I2550">
        <f t="shared" si="293"/>
        <v>0.11494380238654431</v>
      </c>
      <c r="J2550">
        <f t="shared" si="294"/>
        <v>0.38314600795514775</v>
      </c>
      <c r="K2550">
        <f t="shared" si="295"/>
        <v>0.57471901193272157</v>
      </c>
      <c r="L2550">
        <f t="shared" si="296"/>
        <v>6.698494072313431</v>
      </c>
      <c r="M2550">
        <f t="shared" si="297"/>
        <v>0</v>
      </c>
      <c r="N2550" s="46">
        <f t="shared" si="298"/>
        <v>45396.833333327231</v>
      </c>
    </row>
    <row r="2551" spans="2:14" x14ac:dyDescent="0.3">
      <c r="B2551">
        <f t="shared" si="292"/>
        <v>7</v>
      </c>
      <c r="C2551" s="16">
        <v>2517</v>
      </c>
      <c r="D2551" cm="1">
        <f t="array" ref="D2551">IFERROR(INDEX(Jesper!AH$2:AH$366,ROUNDDOWN($C2551/24,0)+1,1)*INDEX($D$3:$AA$30,INDEX(Jesper!$R$2:$R$366,ROW(INDEX(Jesper!AH$2:AH$366,ROUNDDOWN($C2551/24,0)+1,1))-1)+IF('Standard Profiles'!$G$18=$B$10,7,0)+IF('Standard Profiles'!$G$18=$B$17,14,0)+IF('Standard Profiles'!$G$18=$B$24,21,0),MOD($C2551,24)+1)/SUM(INDEX($D$3:$AA$30,INDEX(Jesper!$R$2:$R$366,ROW(INDEX(Jesper!AH$2:AH$366,ROUNDDOWN($C2551/24,0)+1,1))-1)+IF('Standard Profiles'!$G$18=$B$10,7,0)+IF('Standard Profiles'!$G$18=$B$17,14,0)+IF('Standard Profiles'!$G$18=$B$24,21,0),0)),0)</f>
        <v>5.6573071154395</v>
      </c>
      <c r="E2551" cm="1">
        <f t="array" ref="E2551">IFERROR(INDEX(Jesper!AI$2:AI$366,ROUNDDOWN($C2551/24,0)+1,1)*INDEX($D$3:$AA$30,INDEX(Jesper!$R$2:$R$366,ROW(INDEX(Jesper!AI$2:AI$366,ROUNDDOWN($C2551/24,0)+1,1))-1)+IF('Standard Profiles'!$G$19=$B$10,7,0)+IF('Standard Profiles'!$G$19=$B$17,14,0)+IF('Standard Profiles'!$G$19=$B$24,21,0),MOD($C2551,24)+1)/SUM(INDEX($D$3:$AA$30,INDEX(Jesper!$R$2:$R$366,ROW(INDEX(Jesper!AI$2:AI$366,ROUNDDOWN($C2551/24,0)+1,1))-1)+IF('Standard Profiles'!$G$19=$B$10,7,0)+IF('Standard Profiles'!$G$19=$B$17,14,0)+IF('Standard Profiles'!$G$19=$B$24,21,0),0)),0)</f>
        <v>1.1112470185563654</v>
      </c>
      <c r="F2551" cm="1">
        <f t="array" ref="F2551">IFERROR(INDEX(Jesper!AJ$2:AJ$366,ROUNDDOWN($C2551/24,0)+1,1)*INDEX($D$3:$AA$30,INDEX(Jesper!$R$2:$R$366,ROW(INDEX(Jesper!AJ$2:AJ$366,ROUNDDOWN($C2551/24,0)+1,1))-1)+IF('Standard Profiles'!$G$20=$B$10,7,0)+IF('Standard Profiles'!$G$20=$B$17,14,0)+IF('Standard Profiles'!$G$20=$B$24,21,0),MOD($C2551,24)+1)/SUM(INDEX($D$3:$AA$30,INDEX(Jesper!$R$2:$R$366,ROW(INDEX(Jesper!AJ$2:AJ$366,ROUNDDOWN($C2551/24,0)+1,1))-1)+IF('Standard Profiles'!$G$20=$B$10,7,0)+IF('Standard Profiles'!$G$20=$B$17,14,0)+IF('Standard Profiles'!$G$20=$B$24,21,0),0)),0)</f>
        <v>0</v>
      </c>
      <c r="G2551" cm="1">
        <f t="array" ref="G2551">IFERROR(INDEX(Jesper!AK$2:AK$366,ROUNDDOWN($C2551/24,0)+1,1)*INDEX($D$3:$AA$30,INDEX(Jesper!$R$2:$R$366,ROW(INDEX(Jesper!AK$2:AK$366,ROUNDDOWN($C2551/24,0)+1,1))-1)+IF('Standard Profiles'!$G$21=$B$10,7,0)+IF('Standard Profiles'!$G$21=$B$17,14,0)+IF('Standard Profiles'!$G$21=$B$24,21,0),MOD($C2551,24)+1)/SUM(INDEX($D$3:$AA$30,INDEX(Jesper!$R$2:$R$366,ROW(INDEX(Jesper!AK$2:AK$366,ROUNDDOWN($C2551/24,0)+1,1))-1)+IF('Standard Profiles'!$G$21=$B$10,7,0)+IF('Standard Profiles'!$G$21=$B$17,14,0)+IF('Standard Profiles'!$G$21=$B$24,21,0),0)),0)</f>
        <v>0</v>
      </c>
      <c r="H2551" cm="1">
        <f t="array" ref="H2551">IFERROR(INDEX(Jesper!AL$2:AL$366,ROUNDDOWN($C2551/24,0)+1,1)*INDEX($D$3:$AA$30,INDEX(Jesper!$R$2:$R$366,ROW(INDEX(Jesper!AL$2:AL$366,ROUNDDOWN($C2551/24,0)+1,1))-1)+IF('Standard Profiles'!$G$22=$B$10,7,0)+IF('Standard Profiles'!$G$22=$B$17,14,0)+IF('Standard Profiles'!$G$22=$B$24,21,0),MOD($C2551,24)+1)/SUM(INDEX($D$3:$AA$30,INDEX(Jesper!$R$2:$R$366,ROW(INDEX(Jesper!AL$2:AL$366,ROUNDDOWN($C2551/24,0)+1,1))-1)+IF('Standard Profiles'!$G$22=$B$10,7,0)+IF('Standard Profiles'!$G$22=$B$17,14,0)+IF('Standard Profiles'!$G$22=$B$24,21,0),0)),0)</f>
        <v>0</v>
      </c>
      <c r="I2551">
        <f t="shared" si="293"/>
        <v>0.100112344014087</v>
      </c>
      <c r="J2551">
        <f t="shared" si="294"/>
        <v>0.33370781338029004</v>
      </c>
      <c r="K2551">
        <f t="shared" si="295"/>
        <v>0.50056172007043509</v>
      </c>
      <c r="L2551">
        <f t="shared" si="296"/>
        <v>5.8341722565310539</v>
      </c>
      <c r="M2551">
        <f t="shared" si="297"/>
        <v>0</v>
      </c>
      <c r="N2551" s="46">
        <f t="shared" si="298"/>
        <v>45396.874999993895</v>
      </c>
    </row>
    <row r="2552" spans="2:14" x14ac:dyDescent="0.3">
      <c r="B2552">
        <f t="shared" si="292"/>
        <v>7</v>
      </c>
      <c r="C2552" s="16">
        <v>2518</v>
      </c>
      <c r="D2552" cm="1">
        <f t="array" ref="D2552">IFERROR(INDEX(Jesper!AH$2:AH$366,ROUNDDOWN($C2552/24,0)+1,1)*INDEX($D$3:$AA$30,INDEX(Jesper!$R$2:$R$366,ROW(INDEX(Jesper!AH$2:AH$366,ROUNDDOWN($C2552/24,0)+1,1))-1)+IF('Standard Profiles'!$G$18=$B$10,7,0)+IF('Standard Profiles'!$G$18=$B$17,14,0)+IF('Standard Profiles'!$G$18=$B$24,21,0),MOD($C2552,24)+1)/SUM(INDEX($D$3:$AA$30,INDEX(Jesper!$R$2:$R$366,ROW(INDEX(Jesper!AH$2:AH$366,ROUNDDOWN($C2552/24,0)+1,1))-1)+IF('Standard Profiles'!$G$18=$B$10,7,0)+IF('Standard Profiles'!$G$18=$B$17,14,0)+IF('Standard Profiles'!$G$18=$B$24,21,0),0)),0)</f>
        <v>5.6573071154395</v>
      </c>
      <c r="E2552" cm="1">
        <f t="array" ref="E2552">IFERROR(INDEX(Jesper!AI$2:AI$366,ROUNDDOWN($C2552/24,0)+1,1)*INDEX($D$3:$AA$30,INDEX(Jesper!$R$2:$R$366,ROW(INDEX(Jesper!AI$2:AI$366,ROUNDDOWN($C2552/24,0)+1,1))-1)+IF('Standard Profiles'!$G$19=$B$10,7,0)+IF('Standard Profiles'!$G$19=$B$17,14,0)+IF('Standard Profiles'!$G$19=$B$24,21,0),MOD($C2552,24)+1)/SUM(INDEX($D$3:$AA$30,INDEX(Jesper!$R$2:$R$366,ROW(INDEX(Jesper!AI$2:AI$366,ROUNDDOWN($C2552/24,0)+1,1))-1)+IF('Standard Profiles'!$G$19=$B$10,7,0)+IF('Standard Profiles'!$G$19=$B$17,14,0)+IF('Standard Profiles'!$G$19=$B$24,21,0),0)),0)</f>
        <v>1.1112470185563654</v>
      </c>
      <c r="F2552" cm="1">
        <f t="array" ref="F2552">IFERROR(INDEX(Jesper!AJ$2:AJ$366,ROUNDDOWN($C2552/24,0)+1,1)*INDEX($D$3:$AA$30,INDEX(Jesper!$R$2:$R$366,ROW(INDEX(Jesper!AJ$2:AJ$366,ROUNDDOWN($C2552/24,0)+1,1))-1)+IF('Standard Profiles'!$G$20=$B$10,7,0)+IF('Standard Profiles'!$G$20=$B$17,14,0)+IF('Standard Profiles'!$G$20=$B$24,21,0),MOD($C2552,24)+1)/SUM(INDEX($D$3:$AA$30,INDEX(Jesper!$R$2:$R$366,ROW(INDEX(Jesper!AJ$2:AJ$366,ROUNDDOWN($C2552/24,0)+1,1))-1)+IF('Standard Profiles'!$G$20=$B$10,7,0)+IF('Standard Profiles'!$G$20=$B$17,14,0)+IF('Standard Profiles'!$G$20=$B$24,21,0),0)),0)</f>
        <v>0</v>
      </c>
      <c r="G2552" cm="1">
        <f t="array" ref="G2552">IFERROR(INDEX(Jesper!AK$2:AK$366,ROUNDDOWN($C2552/24,0)+1,1)*INDEX($D$3:$AA$30,INDEX(Jesper!$R$2:$R$366,ROW(INDEX(Jesper!AK$2:AK$366,ROUNDDOWN($C2552/24,0)+1,1))-1)+IF('Standard Profiles'!$G$21=$B$10,7,0)+IF('Standard Profiles'!$G$21=$B$17,14,0)+IF('Standard Profiles'!$G$21=$B$24,21,0),MOD($C2552,24)+1)/SUM(INDEX($D$3:$AA$30,INDEX(Jesper!$R$2:$R$366,ROW(INDEX(Jesper!AK$2:AK$366,ROUNDDOWN($C2552/24,0)+1,1))-1)+IF('Standard Profiles'!$G$21=$B$10,7,0)+IF('Standard Profiles'!$G$21=$B$17,14,0)+IF('Standard Profiles'!$G$21=$B$24,21,0),0)),0)</f>
        <v>0</v>
      </c>
      <c r="H2552" cm="1">
        <f t="array" ref="H2552">IFERROR(INDEX(Jesper!AL$2:AL$366,ROUNDDOWN($C2552/24,0)+1,1)*INDEX($D$3:$AA$30,INDEX(Jesper!$R$2:$R$366,ROW(INDEX(Jesper!AL$2:AL$366,ROUNDDOWN($C2552/24,0)+1,1))-1)+IF('Standard Profiles'!$G$22=$B$10,7,0)+IF('Standard Profiles'!$G$22=$B$17,14,0)+IF('Standard Profiles'!$G$22=$B$24,21,0),MOD($C2552,24)+1)/SUM(INDEX($D$3:$AA$30,INDEX(Jesper!$R$2:$R$366,ROW(INDEX(Jesper!AL$2:AL$366,ROUNDDOWN($C2552/24,0)+1,1))-1)+IF('Standard Profiles'!$G$22=$B$10,7,0)+IF('Standard Profiles'!$G$22=$B$17,14,0)+IF('Standard Profiles'!$G$22=$B$24,21,0),0)),0)</f>
        <v>0</v>
      </c>
      <c r="I2552">
        <f t="shared" si="293"/>
        <v>0.100112344014087</v>
      </c>
      <c r="J2552">
        <f t="shared" si="294"/>
        <v>0.33370781338029004</v>
      </c>
      <c r="K2552">
        <f t="shared" si="295"/>
        <v>0.50056172007043509</v>
      </c>
      <c r="L2552">
        <f t="shared" si="296"/>
        <v>5.8341722565310539</v>
      </c>
      <c r="M2552">
        <f t="shared" si="297"/>
        <v>0</v>
      </c>
      <c r="N2552" s="46">
        <f t="shared" si="298"/>
        <v>45396.91666666056</v>
      </c>
    </row>
    <row r="2553" spans="2:14" x14ac:dyDescent="0.3">
      <c r="B2553">
        <f t="shared" si="292"/>
        <v>7</v>
      </c>
      <c r="C2553" s="16">
        <v>2519</v>
      </c>
      <c r="D2553" cm="1">
        <f t="array" ref="D2553">IFERROR(INDEX(Jesper!AH$2:AH$366,ROUNDDOWN($C2553/24,0)+1,1)*INDEX($D$3:$AA$30,INDEX(Jesper!$R$2:$R$366,ROW(INDEX(Jesper!AH$2:AH$366,ROUNDDOWN($C2553/24,0)+1,1))-1)+IF('Standard Profiles'!$G$18=$B$10,7,0)+IF('Standard Profiles'!$G$18=$B$17,14,0)+IF('Standard Profiles'!$G$18=$B$24,21,0),MOD($C2553,24)+1)/SUM(INDEX($D$3:$AA$30,INDEX(Jesper!$R$2:$R$366,ROW(INDEX(Jesper!AH$2:AH$366,ROUNDDOWN($C2553/24,0)+1,1))-1)+IF('Standard Profiles'!$G$18=$B$10,7,0)+IF('Standard Profiles'!$G$18=$B$17,14,0)+IF('Standard Profiles'!$G$18=$B$24,21,0),0)),0)</f>
        <v>5.6573071154395</v>
      </c>
      <c r="E2553" cm="1">
        <f t="array" ref="E2553">IFERROR(INDEX(Jesper!AI$2:AI$366,ROUNDDOWN($C2553/24,0)+1,1)*INDEX($D$3:$AA$30,INDEX(Jesper!$R$2:$R$366,ROW(INDEX(Jesper!AI$2:AI$366,ROUNDDOWN($C2553/24,0)+1,1))-1)+IF('Standard Profiles'!$G$19=$B$10,7,0)+IF('Standard Profiles'!$G$19=$B$17,14,0)+IF('Standard Profiles'!$G$19=$B$24,21,0),MOD($C2553,24)+1)/SUM(INDEX($D$3:$AA$30,INDEX(Jesper!$R$2:$R$366,ROW(INDEX(Jesper!AI$2:AI$366,ROUNDDOWN($C2553/24,0)+1,1))-1)+IF('Standard Profiles'!$G$19=$B$10,7,0)+IF('Standard Profiles'!$G$19=$B$17,14,0)+IF('Standard Profiles'!$G$19=$B$24,21,0),0)),0)</f>
        <v>1.1112470185563654</v>
      </c>
      <c r="F2553" cm="1">
        <f t="array" ref="F2553">IFERROR(INDEX(Jesper!AJ$2:AJ$366,ROUNDDOWN($C2553/24,0)+1,1)*INDEX($D$3:$AA$30,INDEX(Jesper!$R$2:$R$366,ROW(INDEX(Jesper!AJ$2:AJ$366,ROUNDDOWN($C2553/24,0)+1,1))-1)+IF('Standard Profiles'!$G$20=$B$10,7,0)+IF('Standard Profiles'!$G$20=$B$17,14,0)+IF('Standard Profiles'!$G$20=$B$24,21,0),MOD($C2553,24)+1)/SUM(INDEX($D$3:$AA$30,INDEX(Jesper!$R$2:$R$366,ROW(INDEX(Jesper!AJ$2:AJ$366,ROUNDDOWN($C2553/24,0)+1,1))-1)+IF('Standard Profiles'!$G$20=$B$10,7,0)+IF('Standard Profiles'!$G$20=$B$17,14,0)+IF('Standard Profiles'!$G$20=$B$24,21,0),0)),0)</f>
        <v>0</v>
      </c>
      <c r="G2553" cm="1">
        <f t="array" ref="G2553">IFERROR(INDEX(Jesper!AK$2:AK$366,ROUNDDOWN($C2553/24,0)+1,1)*INDEX($D$3:$AA$30,INDEX(Jesper!$R$2:$R$366,ROW(INDEX(Jesper!AK$2:AK$366,ROUNDDOWN($C2553/24,0)+1,1))-1)+IF('Standard Profiles'!$G$21=$B$10,7,0)+IF('Standard Profiles'!$G$21=$B$17,14,0)+IF('Standard Profiles'!$G$21=$B$24,21,0),MOD($C2553,24)+1)/SUM(INDEX($D$3:$AA$30,INDEX(Jesper!$R$2:$R$366,ROW(INDEX(Jesper!AK$2:AK$366,ROUNDDOWN($C2553/24,0)+1,1))-1)+IF('Standard Profiles'!$G$21=$B$10,7,0)+IF('Standard Profiles'!$G$21=$B$17,14,0)+IF('Standard Profiles'!$G$21=$B$24,21,0),0)),0)</f>
        <v>0</v>
      </c>
      <c r="H2553" cm="1">
        <f t="array" ref="H2553">IFERROR(INDEX(Jesper!AL$2:AL$366,ROUNDDOWN($C2553/24,0)+1,1)*INDEX($D$3:$AA$30,INDEX(Jesper!$R$2:$R$366,ROW(INDEX(Jesper!AL$2:AL$366,ROUNDDOWN($C2553/24,0)+1,1))-1)+IF('Standard Profiles'!$G$22=$B$10,7,0)+IF('Standard Profiles'!$G$22=$B$17,14,0)+IF('Standard Profiles'!$G$22=$B$24,21,0),MOD($C2553,24)+1)/SUM(INDEX($D$3:$AA$30,INDEX(Jesper!$R$2:$R$366,ROW(INDEX(Jesper!AL$2:AL$366,ROUNDDOWN($C2553/24,0)+1,1))-1)+IF('Standard Profiles'!$G$22=$B$10,7,0)+IF('Standard Profiles'!$G$22=$B$17,14,0)+IF('Standard Profiles'!$G$22=$B$24,21,0),0)),0)</f>
        <v>0</v>
      </c>
      <c r="I2553">
        <f t="shared" si="293"/>
        <v>0.100112344014087</v>
      </c>
      <c r="J2553">
        <f t="shared" si="294"/>
        <v>0.33370781338029004</v>
      </c>
      <c r="K2553">
        <f t="shared" si="295"/>
        <v>0.50056172007043509</v>
      </c>
      <c r="L2553">
        <f t="shared" si="296"/>
        <v>5.8341722565310539</v>
      </c>
      <c r="M2553">
        <f t="shared" si="297"/>
        <v>0</v>
      </c>
      <c r="N2553" s="46">
        <f t="shared" si="298"/>
        <v>45396.958333327224</v>
      </c>
    </row>
    <row r="2554" spans="2:14" x14ac:dyDescent="0.3">
      <c r="B2554">
        <f t="shared" si="292"/>
        <v>1</v>
      </c>
      <c r="C2554" s="16">
        <v>2520</v>
      </c>
      <c r="D2554" cm="1">
        <f t="array" ref="D2554">IFERROR(INDEX(Jesper!AH$2:AH$366,ROUNDDOWN($C2554/24,0)+1,1)*INDEX($D$3:$AA$30,INDEX(Jesper!$R$2:$R$366,ROW(INDEX(Jesper!AH$2:AH$366,ROUNDDOWN($C2554/24,0)+1,1))-1)+IF('Standard Profiles'!$G$18=$B$10,7,0)+IF('Standard Profiles'!$G$18=$B$17,14,0)+IF('Standard Profiles'!$G$18=$B$24,21,0),MOD($C2554,24)+1)/SUM(INDEX($D$3:$AA$30,INDEX(Jesper!$R$2:$R$366,ROW(INDEX(Jesper!AH$2:AH$366,ROUNDDOWN($C2554/24,0)+1,1))-1)+IF('Standard Profiles'!$G$18=$B$10,7,0)+IF('Standard Profiles'!$G$18=$B$17,14,0)+IF('Standard Profiles'!$G$18=$B$24,21,0),0)),0)</f>
        <v>2.5086841010469807</v>
      </c>
      <c r="E2554" cm="1">
        <f t="array" ref="E2554">IFERROR(INDEX(Jesper!AI$2:AI$366,ROUNDDOWN($C2554/24,0)+1,1)*INDEX($D$3:$AA$30,INDEX(Jesper!$R$2:$R$366,ROW(INDEX(Jesper!AI$2:AI$366,ROUNDDOWN($C2554/24,0)+1,1))-1)+IF('Standard Profiles'!$G$19=$B$10,7,0)+IF('Standard Profiles'!$G$19=$B$17,14,0)+IF('Standard Profiles'!$G$19=$B$24,21,0),MOD($C2554,24)+1)/SUM(INDEX($D$3:$AA$30,INDEX(Jesper!$R$2:$R$366,ROW(INDEX(Jesper!AI$2:AI$366,ROUNDDOWN($C2554/24,0)+1,1))-1)+IF('Standard Profiles'!$G$19=$B$10,7,0)+IF('Standard Profiles'!$G$19=$B$17,14,0)+IF('Standard Profiles'!$G$19=$B$24,21,0),0)),0)</f>
        <v>0</v>
      </c>
      <c r="F2554" cm="1">
        <f t="array" ref="F2554">IFERROR(INDEX(Jesper!AJ$2:AJ$366,ROUNDDOWN($C2554/24,0)+1,1)*INDEX($D$3:$AA$30,INDEX(Jesper!$R$2:$R$366,ROW(INDEX(Jesper!AJ$2:AJ$366,ROUNDDOWN($C2554/24,0)+1,1))-1)+IF('Standard Profiles'!$G$20=$B$10,7,0)+IF('Standard Profiles'!$G$20=$B$17,14,0)+IF('Standard Profiles'!$G$20=$B$24,21,0),MOD($C2554,24)+1)/SUM(INDEX($D$3:$AA$30,INDEX(Jesper!$R$2:$R$366,ROW(INDEX(Jesper!AJ$2:AJ$366,ROUNDDOWN($C2554/24,0)+1,1))-1)+IF('Standard Profiles'!$G$20=$B$10,7,0)+IF('Standard Profiles'!$G$20=$B$17,14,0)+IF('Standard Profiles'!$G$20=$B$24,21,0),0)),0)</f>
        <v>0</v>
      </c>
      <c r="G2554" cm="1">
        <f t="array" ref="G2554">IFERROR(INDEX(Jesper!AK$2:AK$366,ROUNDDOWN($C2554/24,0)+1,1)*INDEX($D$3:$AA$30,INDEX(Jesper!$R$2:$R$366,ROW(INDEX(Jesper!AK$2:AK$366,ROUNDDOWN($C2554/24,0)+1,1))-1)+IF('Standard Profiles'!$G$21=$B$10,7,0)+IF('Standard Profiles'!$G$21=$B$17,14,0)+IF('Standard Profiles'!$G$21=$B$24,21,0),MOD($C2554,24)+1)/SUM(INDEX($D$3:$AA$30,INDEX(Jesper!$R$2:$R$366,ROW(INDEX(Jesper!AK$2:AK$366,ROUNDDOWN($C2554/24,0)+1,1))-1)+IF('Standard Profiles'!$G$21=$B$10,7,0)+IF('Standard Profiles'!$G$21=$B$17,14,0)+IF('Standard Profiles'!$G$21=$B$24,21,0),0)),0)</f>
        <v>0</v>
      </c>
      <c r="H2554" cm="1">
        <f t="array" ref="H2554">IFERROR(INDEX(Jesper!AL$2:AL$366,ROUNDDOWN($C2554/24,0)+1,1)*INDEX($D$3:$AA$30,INDEX(Jesper!$R$2:$R$366,ROW(INDEX(Jesper!AL$2:AL$366,ROUNDDOWN($C2554/24,0)+1,1))-1)+IF('Standard Profiles'!$G$22=$B$10,7,0)+IF('Standard Profiles'!$G$22=$B$17,14,0)+IF('Standard Profiles'!$G$22=$B$24,21,0),MOD($C2554,24)+1)/SUM(INDEX($D$3:$AA$30,INDEX(Jesper!$R$2:$R$366,ROW(INDEX(Jesper!AL$2:AL$366,ROUNDDOWN($C2554/24,0)+1,1))-1)+IF('Standard Profiles'!$G$22=$B$10,7,0)+IF('Standard Profiles'!$G$22=$B$17,14,0)+IF('Standard Profiles'!$G$22=$B$24,21,0),0)),0)</f>
        <v>0</v>
      </c>
      <c r="I2554">
        <f t="shared" si="293"/>
        <v>7.5260523031409413E-2</v>
      </c>
      <c r="J2554">
        <f t="shared" si="294"/>
        <v>0.25086841010469807</v>
      </c>
      <c r="K2554">
        <f t="shared" si="295"/>
        <v>0.3763026151570471</v>
      </c>
      <c r="L2554">
        <f t="shared" si="296"/>
        <v>1.806252552753826</v>
      </c>
      <c r="M2554">
        <f t="shared" si="297"/>
        <v>0</v>
      </c>
      <c r="N2554" s="46">
        <f t="shared" si="298"/>
        <v>45396.999999993888</v>
      </c>
    </row>
    <row r="2555" spans="2:14" x14ac:dyDescent="0.3">
      <c r="B2555">
        <f t="shared" si="292"/>
        <v>1</v>
      </c>
      <c r="C2555" s="16">
        <v>2521</v>
      </c>
      <c r="D2555" cm="1">
        <f t="array" ref="D2555">IFERROR(INDEX(Jesper!AH$2:AH$366,ROUNDDOWN($C2555/24,0)+1,1)*INDEX($D$3:$AA$30,INDEX(Jesper!$R$2:$R$366,ROW(INDEX(Jesper!AH$2:AH$366,ROUNDDOWN($C2555/24,0)+1,1))-1)+IF('Standard Profiles'!$G$18=$B$10,7,0)+IF('Standard Profiles'!$G$18=$B$17,14,0)+IF('Standard Profiles'!$G$18=$B$24,21,0),MOD($C2555,24)+1)/SUM(INDEX($D$3:$AA$30,INDEX(Jesper!$R$2:$R$366,ROW(INDEX(Jesper!AH$2:AH$366,ROUNDDOWN($C2555/24,0)+1,1))-1)+IF('Standard Profiles'!$G$18=$B$10,7,0)+IF('Standard Profiles'!$G$18=$B$17,14,0)+IF('Standard Profiles'!$G$18=$B$24,21,0),0)),0)</f>
        <v>2.5086841010469807</v>
      </c>
      <c r="E2555" cm="1">
        <f t="array" ref="E2555">IFERROR(INDEX(Jesper!AI$2:AI$366,ROUNDDOWN($C2555/24,0)+1,1)*INDEX($D$3:$AA$30,INDEX(Jesper!$R$2:$R$366,ROW(INDEX(Jesper!AI$2:AI$366,ROUNDDOWN($C2555/24,0)+1,1))-1)+IF('Standard Profiles'!$G$19=$B$10,7,0)+IF('Standard Profiles'!$G$19=$B$17,14,0)+IF('Standard Profiles'!$G$19=$B$24,21,0),MOD($C2555,24)+1)/SUM(INDEX($D$3:$AA$30,INDEX(Jesper!$R$2:$R$366,ROW(INDEX(Jesper!AI$2:AI$366,ROUNDDOWN($C2555/24,0)+1,1))-1)+IF('Standard Profiles'!$G$19=$B$10,7,0)+IF('Standard Profiles'!$G$19=$B$17,14,0)+IF('Standard Profiles'!$G$19=$B$24,21,0),0)),0)</f>
        <v>0</v>
      </c>
      <c r="F2555" cm="1">
        <f t="array" ref="F2555">IFERROR(INDEX(Jesper!AJ$2:AJ$366,ROUNDDOWN($C2555/24,0)+1,1)*INDEX($D$3:$AA$30,INDEX(Jesper!$R$2:$R$366,ROW(INDEX(Jesper!AJ$2:AJ$366,ROUNDDOWN($C2555/24,0)+1,1))-1)+IF('Standard Profiles'!$G$20=$B$10,7,0)+IF('Standard Profiles'!$G$20=$B$17,14,0)+IF('Standard Profiles'!$G$20=$B$24,21,0),MOD($C2555,24)+1)/SUM(INDEX($D$3:$AA$30,INDEX(Jesper!$R$2:$R$366,ROW(INDEX(Jesper!AJ$2:AJ$366,ROUNDDOWN($C2555/24,0)+1,1))-1)+IF('Standard Profiles'!$G$20=$B$10,7,0)+IF('Standard Profiles'!$G$20=$B$17,14,0)+IF('Standard Profiles'!$G$20=$B$24,21,0),0)),0)</f>
        <v>0</v>
      </c>
      <c r="G2555" cm="1">
        <f t="array" ref="G2555">IFERROR(INDEX(Jesper!AK$2:AK$366,ROUNDDOWN($C2555/24,0)+1,1)*INDEX($D$3:$AA$30,INDEX(Jesper!$R$2:$R$366,ROW(INDEX(Jesper!AK$2:AK$366,ROUNDDOWN($C2555/24,0)+1,1))-1)+IF('Standard Profiles'!$G$21=$B$10,7,0)+IF('Standard Profiles'!$G$21=$B$17,14,0)+IF('Standard Profiles'!$G$21=$B$24,21,0),MOD($C2555,24)+1)/SUM(INDEX($D$3:$AA$30,INDEX(Jesper!$R$2:$R$366,ROW(INDEX(Jesper!AK$2:AK$366,ROUNDDOWN($C2555/24,0)+1,1))-1)+IF('Standard Profiles'!$G$21=$B$10,7,0)+IF('Standard Profiles'!$G$21=$B$17,14,0)+IF('Standard Profiles'!$G$21=$B$24,21,0),0)),0)</f>
        <v>0</v>
      </c>
      <c r="H2555" cm="1">
        <f t="array" ref="H2555">IFERROR(INDEX(Jesper!AL$2:AL$366,ROUNDDOWN($C2555/24,0)+1,1)*INDEX($D$3:$AA$30,INDEX(Jesper!$R$2:$R$366,ROW(INDEX(Jesper!AL$2:AL$366,ROUNDDOWN($C2555/24,0)+1,1))-1)+IF('Standard Profiles'!$G$22=$B$10,7,0)+IF('Standard Profiles'!$G$22=$B$17,14,0)+IF('Standard Profiles'!$G$22=$B$24,21,0),MOD($C2555,24)+1)/SUM(INDEX($D$3:$AA$30,INDEX(Jesper!$R$2:$R$366,ROW(INDEX(Jesper!AL$2:AL$366,ROUNDDOWN($C2555/24,0)+1,1))-1)+IF('Standard Profiles'!$G$22=$B$10,7,0)+IF('Standard Profiles'!$G$22=$B$17,14,0)+IF('Standard Profiles'!$G$22=$B$24,21,0),0)),0)</f>
        <v>0</v>
      </c>
      <c r="I2555">
        <f t="shared" si="293"/>
        <v>7.5260523031409413E-2</v>
      </c>
      <c r="J2555">
        <f t="shared" si="294"/>
        <v>0.25086841010469807</v>
      </c>
      <c r="K2555">
        <f t="shared" si="295"/>
        <v>0.3763026151570471</v>
      </c>
      <c r="L2555">
        <f t="shared" si="296"/>
        <v>1.806252552753826</v>
      </c>
      <c r="M2555">
        <f t="shared" si="297"/>
        <v>0</v>
      </c>
      <c r="N2555" s="46">
        <f t="shared" si="298"/>
        <v>45397.041666660552</v>
      </c>
    </row>
    <row r="2556" spans="2:14" x14ac:dyDescent="0.3">
      <c r="B2556">
        <f t="shared" si="292"/>
        <v>1</v>
      </c>
      <c r="C2556" s="16">
        <v>2522</v>
      </c>
      <c r="D2556" cm="1">
        <f t="array" ref="D2556">IFERROR(INDEX(Jesper!AH$2:AH$366,ROUNDDOWN($C2556/24,0)+1,1)*INDEX($D$3:$AA$30,INDEX(Jesper!$R$2:$R$366,ROW(INDEX(Jesper!AH$2:AH$366,ROUNDDOWN($C2556/24,0)+1,1))-1)+IF('Standard Profiles'!$G$18=$B$10,7,0)+IF('Standard Profiles'!$G$18=$B$17,14,0)+IF('Standard Profiles'!$G$18=$B$24,21,0),MOD($C2556,24)+1)/SUM(INDEX($D$3:$AA$30,INDEX(Jesper!$R$2:$R$366,ROW(INDEX(Jesper!AH$2:AH$366,ROUNDDOWN($C2556/24,0)+1,1))-1)+IF('Standard Profiles'!$G$18=$B$10,7,0)+IF('Standard Profiles'!$G$18=$B$17,14,0)+IF('Standard Profiles'!$G$18=$B$24,21,0),0)),0)</f>
        <v>2.5086841010469807</v>
      </c>
      <c r="E2556" cm="1">
        <f t="array" ref="E2556">IFERROR(INDEX(Jesper!AI$2:AI$366,ROUNDDOWN($C2556/24,0)+1,1)*INDEX($D$3:$AA$30,INDEX(Jesper!$R$2:$R$366,ROW(INDEX(Jesper!AI$2:AI$366,ROUNDDOWN($C2556/24,0)+1,1))-1)+IF('Standard Profiles'!$G$19=$B$10,7,0)+IF('Standard Profiles'!$G$19=$B$17,14,0)+IF('Standard Profiles'!$G$19=$B$24,21,0),MOD($C2556,24)+1)/SUM(INDEX($D$3:$AA$30,INDEX(Jesper!$R$2:$R$366,ROW(INDEX(Jesper!AI$2:AI$366,ROUNDDOWN($C2556/24,0)+1,1))-1)+IF('Standard Profiles'!$G$19=$B$10,7,0)+IF('Standard Profiles'!$G$19=$B$17,14,0)+IF('Standard Profiles'!$G$19=$B$24,21,0),0)),0)</f>
        <v>0</v>
      </c>
      <c r="F2556" cm="1">
        <f t="array" ref="F2556">IFERROR(INDEX(Jesper!AJ$2:AJ$366,ROUNDDOWN($C2556/24,0)+1,1)*INDEX($D$3:$AA$30,INDEX(Jesper!$R$2:$R$366,ROW(INDEX(Jesper!AJ$2:AJ$366,ROUNDDOWN($C2556/24,0)+1,1))-1)+IF('Standard Profiles'!$G$20=$B$10,7,0)+IF('Standard Profiles'!$G$20=$B$17,14,0)+IF('Standard Profiles'!$G$20=$B$24,21,0),MOD($C2556,24)+1)/SUM(INDEX($D$3:$AA$30,INDEX(Jesper!$R$2:$R$366,ROW(INDEX(Jesper!AJ$2:AJ$366,ROUNDDOWN($C2556/24,0)+1,1))-1)+IF('Standard Profiles'!$G$20=$B$10,7,0)+IF('Standard Profiles'!$G$20=$B$17,14,0)+IF('Standard Profiles'!$G$20=$B$24,21,0),0)),0)</f>
        <v>0</v>
      </c>
      <c r="G2556" cm="1">
        <f t="array" ref="G2556">IFERROR(INDEX(Jesper!AK$2:AK$366,ROUNDDOWN($C2556/24,0)+1,1)*INDEX($D$3:$AA$30,INDEX(Jesper!$R$2:$R$366,ROW(INDEX(Jesper!AK$2:AK$366,ROUNDDOWN($C2556/24,0)+1,1))-1)+IF('Standard Profiles'!$G$21=$B$10,7,0)+IF('Standard Profiles'!$G$21=$B$17,14,0)+IF('Standard Profiles'!$G$21=$B$24,21,0),MOD($C2556,24)+1)/SUM(INDEX($D$3:$AA$30,INDEX(Jesper!$R$2:$R$366,ROW(INDEX(Jesper!AK$2:AK$366,ROUNDDOWN($C2556/24,0)+1,1))-1)+IF('Standard Profiles'!$G$21=$B$10,7,0)+IF('Standard Profiles'!$G$21=$B$17,14,0)+IF('Standard Profiles'!$G$21=$B$24,21,0),0)),0)</f>
        <v>0</v>
      </c>
      <c r="H2556" cm="1">
        <f t="array" ref="H2556">IFERROR(INDEX(Jesper!AL$2:AL$366,ROUNDDOWN($C2556/24,0)+1,1)*INDEX($D$3:$AA$30,INDEX(Jesper!$R$2:$R$366,ROW(INDEX(Jesper!AL$2:AL$366,ROUNDDOWN($C2556/24,0)+1,1))-1)+IF('Standard Profiles'!$G$22=$B$10,7,0)+IF('Standard Profiles'!$G$22=$B$17,14,0)+IF('Standard Profiles'!$G$22=$B$24,21,0),MOD($C2556,24)+1)/SUM(INDEX($D$3:$AA$30,INDEX(Jesper!$R$2:$R$366,ROW(INDEX(Jesper!AL$2:AL$366,ROUNDDOWN($C2556/24,0)+1,1))-1)+IF('Standard Profiles'!$G$22=$B$10,7,0)+IF('Standard Profiles'!$G$22=$B$17,14,0)+IF('Standard Profiles'!$G$22=$B$24,21,0),0)),0)</f>
        <v>0</v>
      </c>
      <c r="I2556">
        <f t="shared" si="293"/>
        <v>7.5260523031409413E-2</v>
      </c>
      <c r="J2556">
        <f t="shared" si="294"/>
        <v>0.25086841010469807</v>
      </c>
      <c r="K2556">
        <f t="shared" si="295"/>
        <v>0.3763026151570471</v>
      </c>
      <c r="L2556">
        <f t="shared" si="296"/>
        <v>1.806252552753826</v>
      </c>
      <c r="M2556">
        <f t="shared" si="297"/>
        <v>0</v>
      </c>
      <c r="N2556" s="46">
        <f t="shared" si="298"/>
        <v>45397.083333327217</v>
      </c>
    </row>
    <row r="2557" spans="2:14" x14ac:dyDescent="0.3">
      <c r="B2557">
        <f t="shared" si="292"/>
        <v>1</v>
      </c>
      <c r="C2557" s="16">
        <v>2523</v>
      </c>
      <c r="D2557" cm="1">
        <f t="array" ref="D2557">IFERROR(INDEX(Jesper!AH$2:AH$366,ROUNDDOWN($C2557/24,0)+1,1)*INDEX($D$3:$AA$30,INDEX(Jesper!$R$2:$R$366,ROW(INDEX(Jesper!AH$2:AH$366,ROUNDDOWN($C2557/24,0)+1,1))-1)+IF('Standard Profiles'!$G$18=$B$10,7,0)+IF('Standard Profiles'!$G$18=$B$17,14,0)+IF('Standard Profiles'!$G$18=$B$24,21,0),MOD($C2557,24)+1)/SUM(INDEX($D$3:$AA$30,INDEX(Jesper!$R$2:$R$366,ROW(INDEX(Jesper!AH$2:AH$366,ROUNDDOWN($C2557/24,0)+1,1))-1)+IF('Standard Profiles'!$G$18=$B$10,7,0)+IF('Standard Profiles'!$G$18=$B$17,14,0)+IF('Standard Profiles'!$G$18=$B$24,21,0),0)),0)</f>
        <v>2.5086841010469807</v>
      </c>
      <c r="E2557" cm="1">
        <f t="array" ref="E2557">IFERROR(INDEX(Jesper!AI$2:AI$366,ROUNDDOWN($C2557/24,0)+1,1)*INDEX($D$3:$AA$30,INDEX(Jesper!$R$2:$R$366,ROW(INDEX(Jesper!AI$2:AI$366,ROUNDDOWN($C2557/24,0)+1,1))-1)+IF('Standard Profiles'!$G$19=$B$10,7,0)+IF('Standard Profiles'!$G$19=$B$17,14,0)+IF('Standard Profiles'!$G$19=$B$24,21,0),MOD($C2557,24)+1)/SUM(INDEX($D$3:$AA$30,INDEX(Jesper!$R$2:$R$366,ROW(INDEX(Jesper!AI$2:AI$366,ROUNDDOWN($C2557/24,0)+1,1))-1)+IF('Standard Profiles'!$G$19=$B$10,7,0)+IF('Standard Profiles'!$G$19=$B$17,14,0)+IF('Standard Profiles'!$G$19=$B$24,21,0),0)),0)</f>
        <v>0</v>
      </c>
      <c r="F2557" cm="1">
        <f t="array" ref="F2557">IFERROR(INDEX(Jesper!AJ$2:AJ$366,ROUNDDOWN($C2557/24,0)+1,1)*INDEX($D$3:$AA$30,INDEX(Jesper!$R$2:$R$366,ROW(INDEX(Jesper!AJ$2:AJ$366,ROUNDDOWN($C2557/24,0)+1,1))-1)+IF('Standard Profiles'!$G$20=$B$10,7,0)+IF('Standard Profiles'!$G$20=$B$17,14,0)+IF('Standard Profiles'!$G$20=$B$24,21,0),MOD($C2557,24)+1)/SUM(INDEX($D$3:$AA$30,INDEX(Jesper!$R$2:$R$366,ROW(INDEX(Jesper!AJ$2:AJ$366,ROUNDDOWN($C2557/24,0)+1,1))-1)+IF('Standard Profiles'!$G$20=$B$10,7,0)+IF('Standard Profiles'!$G$20=$B$17,14,0)+IF('Standard Profiles'!$G$20=$B$24,21,0),0)),0)</f>
        <v>0</v>
      </c>
      <c r="G2557" cm="1">
        <f t="array" ref="G2557">IFERROR(INDEX(Jesper!AK$2:AK$366,ROUNDDOWN($C2557/24,0)+1,1)*INDEX($D$3:$AA$30,INDEX(Jesper!$R$2:$R$366,ROW(INDEX(Jesper!AK$2:AK$366,ROUNDDOWN($C2557/24,0)+1,1))-1)+IF('Standard Profiles'!$G$21=$B$10,7,0)+IF('Standard Profiles'!$G$21=$B$17,14,0)+IF('Standard Profiles'!$G$21=$B$24,21,0),MOD($C2557,24)+1)/SUM(INDEX($D$3:$AA$30,INDEX(Jesper!$R$2:$R$366,ROW(INDEX(Jesper!AK$2:AK$366,ROUNDDOWN($C2557/24,0)+1,1))-1)+IF('Standard Profiles'!$G$21=$B$10,7,0)+IF('Standard Profiles'!$G$21=$B$17,14,0)+IF('Standard Profiles'!$G$21=$B$24,21,0),0)),0)</f>
        <v>0</v>
      </c>
      <c r="H2557" cm="1">
        <f t="array" ref="H2557">IFERROR(INDEX(Jesper!AL$2:AL$366,ROUNDDOWN($C2557/24,0)+1,1)*INDEX($D$3:$AA$30,INDEX(Jesper!$R$2:$R$366,ROW(INDEX(Jesper!AL$2:AL$366,ROUNDDOWN($C2557/24,0)+1,1))-1)+IF('Standard Profiles'!$G$22=$B$10,7,0)+IF('Standard Profiles'!$G$22=$B$17,14,0)+IF('Standard Profiles'!$G$22=$B$24,21,0),MOD($C2557,24)+1)/SUM(INDEX($D$3:$AA$30,INDEX(Jesper!$R$2:$R$366,ROW(INDEX(Jesper!AL$2:AL$366,ROUNDDOWN($C2557/24,0)+1,1))-1)+IF('Standard Profiles'!$G$22=$B$10,7,0)+IF('Standard Profiles'!$G$22=$B$17,14,0)+IF('Standard Profiles'!$G$22=$B$24,21,0),0)),0)</f>
        <v>0</v>
      </c>
      <c r="I2557">
        <f t="shared" si="293"/>
        <v>7.5260523031409413E-2</v>
      </c>
      <c r="J2557">
        <f t="shared" si="294"/>
        <v>0.25086841010469807</v>
      </c>
      <c r="K2557">
        <f t="shared" si="295"/>
        <v>0.3763026151570471</v>
      </c>
      <c r="L2557">
        <f t="shared" si="296"/>
        <v>1.806252552753826</v>
      </c>
      <c r="M2557">
        <f t="shared" si="297"/>
        <v>0</v>
      </c>
      <c r="N2557" s="46">
        <f t="shared" si="298"/>
        <v>45397.124999993881</v>
      </c>
    </row>
    <row r="2558" spans="2:14" x14ac:dyDescent="0.3">
      <c r="B2558">
        <f t="shared" si="292"/>
        <v>1</v>
      </c>
      <c r="C2558" s="16">
        <v>2524</v>
      </c>
      <c r="D2558" cm="1">
        <f t="array" ref="D2558">IFERROR(INDEX(Jesper!AH$2:AH$366,ROUNDDOWN($C2558/24,0)+1,1)*INDEX($D$3:$AA$30,INDEX(Jesper!$R$2:$R$366,ROW(INDEX(Jesper!AH$2:AH$366,ROUNDDOWN($C2558/24,0)+1,1))-1)+IF('Standard Profiles'!$G$18=$B$10,7,0)+IF('Standard Profiles'!$G$18=$B$17,14,0)+IF('Standard Profiles'!$G$18=$B$24,21,0),MOD($C2558,24)+1)/SUM(INDEX($D$3:$AA$30,INDEX(Jesper!$R$2:$R$366,ROW(INDEX(Jesper!AH$2:AH$366,ROUNDDOWN($C2558/24,0)+1,1))-1)+IF('Standard Profiles'!$G$18=$B$10,7,0)+IF('Standard Profiles'!$G$18=$B$17,14,0)+IF('Standard Profiles'!$G$18=$B$24,21,0),0)),0)</f>
        <v>2.5086841010469807</v>
      </c>
      <c r="E2558" cm="1">
        <f t="array" ref="E2558">IFERROR(INDEX(Jesper!AI$2:AI$366,ROUNDDOWN($C2558/24,0)+1,1)*INDEX($D$3:$AA$30,INDEX(Jesper!$R$2:$R$366,ROW(INDEX(Jesper!AI$2:AI$366,ROUNDDOWN($C2558/24,0)+1,1))-1)+IF('Standard Profiles'!$G$19=$B$10,7,0)+IF('Standard Profiles'!$G$19=$B$17,14,0)+IF('Standard Profiles'!$G$19=$B$24,21,0),MOD($C2558,24)+1)/SUM(INDEX($D$3:$AA$30,INDEX(Jesper!$R$2:$R$366,ROW(INDEX(Jesper!AI$2:AI$366,ROUNDDOWN($C2558/24,0)+1,1))-1)+IF('Standard Profiles'!$G$19=$B$10,7,0)+IF('Standard Profiles'!$G$19=$B$17,14,0)+IF('Standard Profiles'!$G$19=$B$24,21,0),0)),0)</f>
        <v>0</v>
      </c>
      <c r="F2558" cm="1">
        <f t="array" ref="F2558">IFERROR(INDEX(Jesper!AJ$2:AJ$366,ROUNDDOWN($C2558/24,0)+1,1)*INDEX($D$3:$AA$30,INDEX(Jesper!$R$2:$R$366,ROW(INDEX(Jesper!AJ$2:AJ$366,ROUNDDOWN($C2558/24,0)+1,1))-1)+IF('Standard Profiles'!$G$20=$B$10,7,0)+IF('Standard Profiles'!$G$20=$B$17,14,0)+IF('Standard Profiles'!$G$20=$B$24,21,0),MOD($C2558,24)+1)/SUM(INDEX($D$3:$AA$30,INDEX(Jesper!$R$2:$R$366,ROW(INDEX(Jesper!AJ$2:AJ$366,ROUNDDOWN($C2558/24,0)+1,1))-1)+IF('Standard Profiles'!$G$20=$B$10,7,0)+IF('Standard Profiles'!$G$20=$B$17,14,0)+IF('Standard Profiles'!$G$20=$B$24,21,0),0)),0)</f>
        <v>0</v>
      </c>
      <c r="G2558" cm="1">
        <f t="array" ref="G2558">IFERROR(INDEX(Jesper!AK$2:AK$366,ROUNDDOWN($C2558/24,0)+1,1)*INDEX($D$3:$AA$30,INDEX(Jesper!$R$2:$R$366,ROW(INDEX(Jesper!AK$2:AK$366,ROUNDDOWN($C2558/24,0)+1,1))-1)+IF('Standard Profiles'!$G$21=$B$10,7,0)+IF('Standard Profiles'!$G$21=$B$17,14,0)+IF('Standard Profiles'!$G$21=$B$24,21,0),MOD($C2558,24)+1)/SUM(INDEX($D$3:$AA$30,INDEX(Jesper!$R$2:$R$366,ROW(INDEX(Jesper!AK$2:AK$366,ROUNDDOWN($C2558/24,0)+1,1))-1)+IF('Standard Profiles'!$G$21=$B$10,7,0)+IF('Standard Profiles'!$G$21=$B$17,14,0)+IF('Standard Profiles'!$G$21=$B$24,21,0),0)),0)</f>
        <v>0</v>
      </c>
      <c r="H2558" cm="1">
        <f t="array" ref="H2558">IFERROR(INDEX(Jesper!AL$2:AL$366,ROUNDDOWN($C2558/24,0)+1,1)*INDEX($D$3:$AA$30,INDEX(Jesper!$R$2:$R$366,ROW(INDEX(Jesper!AL$2:AL$366,ROUNDDOWN($C2558/24,0)+1,1))-1)+IF('Standard Profiles'!$G$22=$B$10,7,0)+IF('Standard Profiles'!$G$22=$B$17,14,0)+IF('Standard Profiles'!$G$22=$B$24,21,0),MOD($C2558,24)+1)/SUM(INDEX($D$3:$AA$30,INDEX(Jesper!$R$2:$R$366,ROW(INDEX(Jesper!AL$2:AL$366,ROUNDDOWN($C2558/24,0)+1,1))-1)+IF('Standard Profiles'!$G$22=$B$10,7,0)+IF('Standard Profiles'!$G$22=$B$17,14,0)+IF('Standard Profiles'!$G$22=$B$24,21,0),0)),0)</f>
        <v>0</v>
      </c>
      <c r="I2558">
        <f t="shared" si="293"/>
        <v>7.5260523031409413E-2</v>
      </c>
      <c r="J2558">
        <f t="shared" si="294"/>
        <v>0.25086841010469807</v>
      </c>
      <c r="K2558">
        <f t="shared" si="295"/>
        <v>0.3763026151570471</v>
      </c>
      <c r="L2558">
        <f t="shared" si="296"/>
        <v>1.806252552753826</v>
      </c>
      <c r="M2558">
        <f t="shared" si="297"/>
        <v>0</v>
      </c>
      <c r="N2558" s="46">
        <f t="shared" si="298"/>
        <v>45397.166666660545</v>
      </c>
    </row>
    <row r="2559" spans="2:14" x14ac:dyDescent="0.3">
      <c r="B2559">
        <f t="shared" si="292"/>
        <v>1</v>
      </c>
      <c r="C2559" s="16">
        <v>2525</v>
      </c>
      <c r="D2559" cm="1">
        <f t="array" ref="D2559">IFERROR(INDEX(Jesper!AH$2:AH$366,ROUNDDOWN($C2559/24,0)+1,1)*INDEX($D$3:$AA$30,INDEX(Jesper!$R$2:$R$366,ROW(INDEX(Jesper!AH$2:AH$366,ROUNDDOWN($C2559/24,0)+1,1))-1)+IF('Standard Profiles'!$G$18=$B$10,7,0)+IF('Standard Profiles'!$G$18=$B$17,14,0)+IF('Standard Profiles'!$G$18=$B$24,21,0),MOD($C2559,24)+1)/SUM(INDEX($D$3:$AA$30,INDEX(Jesper!$R$2:$R$366,ROW(INDEX(Jesper!AH$2:AH$366,ROUNDDOWN($C2559/24,0)+1,1))-1)+IF('Standard Profiles'!$G$18=$B$10,7,0)+IF('Standard Profiles'!$G$18=$B$17,14,0)+IF('Standard Profiles'!$G$18=$B$24,21,0),0)),0)</f>
        <v>10.870964437870251</v>
      </c>
      <c r="E2559" cm="1">
        <f t="array" ref="E2559">IFERROR(INDEX(Jesper!AI$2:AI$366,ROUNDDOWN($C2559/24,0)+1,1)*INDEX($D$3:$AA$30,INDEX(Jesper!$R$2:$R$366,ROW(INDEX(Jesper!AI$2:AI$366,ROUNDDOWN($C2559/24,0)+1,1))-1)+IF('Standard Profiles'!$G$19=$B$10,7,0)+IF('Standard Profiles'!$G$19=$B$17,14,0)+IF('Standard Profiles'!$G$19=$B$24,21,0),MOD($C2559,24)+1)/SUM(INDEX($D$3:$AA$30,INDEX(Jesper!$R$2:$R$366,ROW(INDEX(Jesper!AI$2:AI$366,ROUNDDOWN($C2559/24,0)+1,1))-1)+IF('Standard Profiles'!$G$19=$B$10,7,0)+IF('Standard Profiles'!$G$19=$B$17,14,0)+IF('Standard Profiles'!$G$19=$B$24,21,0),0)),0)</f>
        <v>0</v>
      </c>
      <c r="F2559" cm="1">
        <f t="array" ref="F2559">IFERROR(INDEX(Jesper!AJ$2:AJ$366,ROUNDDOWN($C2559/24,0)+1,1)*INDEX($D$3:$AA$30,INDEX(Jesper!$R$2:$R$366,ROW(INDEX(Jesper!AJ$2:AJ$366,ROUNDDOWN($C2559/24,0)+1,1))-1)+IF('Standard Profiles'!$G$20=$B$10,7,0)+IF('Standard Profiles'!$G$20=$B$17,14,0)+IF('Standard Profiles'!$G$20=$B$24,21,0),MOD($C2559,24)+1)/SUM(INDEX($D$3:$AA$30,INDEX(Jesper!$R$2:$R$366,ROW(INDEX(Jesper!AJ$2:AJ$366,ROUNDDOWN($C2559/24,0)+1,1))-1)+IF('Standard Profiles'!$G$20=$B$10,7,0)+IF('Standard Profiles'!$G$20=$B$17,14,0)+IF('Standard Profiles'!$G$20=$B$24,21,0),0)),0)</f>
        <v>0</v>
      </c>
      <c r="G2559" cm="1">
        <f t="array" ref="G2559">IFERROR(INDEX(Jesper!AK$2:AK$366,ROUNDDOWN($C2559/24,0)+1,1)*INDEX($D$3:$AA$30,INDEX(Jesper!$R$2:$R$366,ROW(INDEX(Jesper!AK$2:AK$366,ROUNDDOWN($C2559/24,0)+1,1))-1)+IF('Standard Profiles'!$G$21=$B$10,7,0)+IF('Standard Profiles'!$G$21=$B$17,14,0)+IF('Standard Profiles'!$G$21=$B$24,21,0),MOD($C2559,24)+1)/SUM(INDEX($D$3:$AA$30,INDEX(Jesper!$R$2:$R$366,ROW(INDEX(Jesper!AK$2:AK$366,ROUNDDOWN($C2559/24,0)+1,1))-1)+IF('Standard Profiles'!$G$21=$B$10,7,0)+IF('Standard Profiles'!$G$21=$B$17,14,0)+IF('Standard Profiles'!$G$21=$B$24,21,0),0)),0)</f>
        <v>0</v>
      </c>
      <c r="H2559" cm="1">
        <f t="array" ref="H2559">IFERROR(INDEX(Jesper!AL$2:AL$366,ROUNDDOWN($C2559/24,0)+1,1)*INDEX($D$3:$AA$30,INDEX(Jesper!$R$2:$R$366,ROW(INDEX(Jesper!AL$2:AL$366,ROUNDDOWN($C2559/24,0)+1,1))-1)+IF('Standard Profiles'!$G$22=$B$10,7,0)+IF('Standard Profiles'!$G$22=$B$17,14,0)+IF('Standard Profiles'!$G$22=$B$24,21,0),MOD($C2559,24)+1)/SUM(INDEX($D$3:$AA$30,INDEX(Jesper!$R$2:$R$366,ROW(INDEX(Jesper!AL$2:AL$366,ROUNDDOWN($C2559/24,0)+1,1))-1)+IF('Standard Profiles'!$G$22=$B$10,7,0)+IF('Standard Profiles'!$G$22=$B$17,14,0)+IF('Standard Profiles'!$G$22=$B$24,21,0),0)),0)</f>
        <v>0</v>
      </c>
      <c r="I2559">
        <f t="shared" si="293"/>
        <v>0.32612893313610752</v>
      </c>
      <c r="J2559">
        <f t="shared" si="294"/>
        <v>1.0870964437870252</v>
      </c>
      <c r="K2559">
        <f t="shared" si="295"/>
        <v>1.6306446656805376</v>
      </c>
      <c r="L2559">
        <f t="shared" si="296"/>
        <v>7.8270943952665801</v>
      </c>
      <c r="M2559">
        <f t="shared" si="297"/>
        <v>0</v>
      </c>
      <c r="N2559" s="46">
        <f t="shared" si="298"/>
        <v>45397.208333327209</v>
      </c>
    </row>
    <row r="2560" spans="2:14" x14ac:dyDescent="0.3">
      <c r="B2560">
        <f t="shared" si="292"/>
        <v>1</v>
      </c>
      <c r="C2560" s="16">
        <v>2526</v>
      </c>
      <c r="D2560" cm="1">
        <f t="array" ref="D2560">IFERROR(INDEX(Jesper!AH$2:AH$366,ROUNDDOWN($C2560/24,0)+1,1)*INDEX($D$3:$AA$30,INDEX(Jesper!$R$2:$R$366,ROW(INDEX(Jesper!AH$2:AH$366,ROUNDDOWN($C2560/24,0)+1,1))-1)+IF('Standard Profiles'!$G$18=$B$10,7,0)+IF('Standard Profiles'!$G$18=$B$17,14,0)+IF('Standard Profiles'!$G$18=$B$24,21,0),MOD($C2560,24)+1)/SUM(INDEX($D$3:$AA$30,INDEX(Jesper!$R$2:$R$366,ROW(INDEX(Jesper!AH$2:AH$366,ROUNDDOWN($C2560/24,0)+1,1))-1)+IF('Standard Profiles'!$G$18=$B$10,7,0)+IF('Standard Profiles'!$G$18=$B$17,14,0)+IF('Standard Profiles'!$G$18=$B$24,21,0),0)),0)</f>
        <v>12.334363496814323</v>
      </c>
      <c r="E2560" cm="1">
        <f t="array" ref="E2560">IFERROR(INDEX(Jesper!AI$2:AI$366,ROUNDDOWN($C2560/24,0)+1,1)*INDEX($D$3:$AA$30,INDEX(Jesper!$R$2:$R$366,ROW(INDEX(Jesper!AI$2:AI$366,ROUNDDOWN($C2560/24,0)+1,1))-1)+IF('Standard Profiles'!$G$19=$B$10,7,0)+IF('Standard Profiles'!$G$19=$B$17,14,0)+IF('Standard Profiles'!$G$19=$B$24,21,0),MOD($C2560,24)+1)/SUM(INDEX($D$3:$AA$30,INDEX(Jesper!$R$2:$R$366,ROW(INDEX(Jesper!AI$2:AI$366,ROUNDDOWN($C2560/24,0)+1,1))-1)+IF('Standard Profiles'!$G$19=$B$10,7,0)+IF('Standard Profiles'!$G$19=$B$17,14,0)+IF('Standard Profiles'!$G$19=$B$24,21,0),0)),0)</f>
        <v>0</v>
      </c>
      <c r="F2560" cm="1">
        <f t="array" ref="F2560">IFERROR(INDEX(Jesper!AJ$2:AJ$366,ROUNDDOWN($C2560/24,0)+1,1)*INDEX($D$3:$AA$30,INDEX(Jesper!$R$2:$R$366,ROW(INDEX(Jesper!AJ$2:AJ$366,ROUNDDOWN($C2560/24,0)+1,1))-1)+IF('Standard Profiles'!$G$20=$B$10,7,0)+IF('Standard Profiles'!$G$20=$B$17,14,0)+IF('Standard Profiles'!$G$20=$B$24,21,0),MOD($C2560,24)+1)/SUM(INDEX($D$3:$AA$30,INDEX(Jesper!$R$2:$R$366,ROW(INDEX(Jesper!AJ$2:AJ$366,ROUNDDOWN($C2560/24,0)+1,1))-1)+IF('Standard Profiles'!$G$20=$B$10,7,0)+IF('Standard Profiles'!$G$20=$B$17,14,0)+IF('Standard Profiles'!$G$20=$B$24,21,0),0)),0)</f>
        <v>0</v>
      </c>
      <c r="G2560" cm="1">
        <f t="array" ref="G2560">IFERROR(INDEX(Jesper!AK$2:AK$366,ROUNDDOWN($C2560/24,0)+1,1)*INDEX($D$3:$AA$30,INDEX(Jesper!$R$2:$R$366,ROW(INDEX(Jesper!AK$2:AK$366,ROUNDDOWN($C2560/24,0)+1,1))-1)+IF('Standard Profiles'!$G$21=$B$10,7,0)+IF('Standard Profiles'!$G$21=$B$17,14,0)+IF('Standard Profiles'!$G$21=$B$24,21,0),MOD($C2560,24)+1)/SUM(INDEX($D$3:$AA$30,INDEX(Jesper!$R$2:$R$366,ROW(INDEX(Jesper!AK$2:AK$366,ROUNDDOWN($C2560/24,0)+1,1))-1)+IF('Standard Profiles'!$G$21=$B$10,7,0)+IF('Standard Profiles'!$G$21=$B$17,14,0)+IF('Standard Profiles'!$G$21=$B$24,21,0),0)),0)</f>
        <v>0</v>
      </c>
      <c r="H2560" cm="1">
        <f t="array" ref="H2560">IFERROR(INDEX(Jesper!AL$2:AL$366,ROUNDDOWN($C2560/24,0)+1,1)*INDEX($D$3:$AA$30,INDEX(Jesper!$R$2:$R$366,ROW(INDEX(Jesper!AL$2:AL$366,ROUNDDOWN($C2560/24,0)+1,1))-1)+IF('Standard Profiles'!$G$22=$B$10,7,0)+IF('Standard Profiles'!$G$22=$B$17,14,0)+IF('Standard Profiles'!$G$22=$B$24,21,0),MOD($C2560,24)+1)/SUM(INDEX($D$3:$AA$30,INDEX(Jesper!$R$2:$R$366,ROW(INDEX(Jesper!AL$2:AL$366,ROUNDDOWN($C2560/24,0)+1,1))-1)+IF('Standard Profiles'!$G$22=$B$10,7,0)+IF('Standard Profiles'!$G$22=$B$17,14,0)+IF('Standard Profiles'!$G$22=$B$24,21,0),0)),0)</f>
        <v>0</v>
      </c>
      <c r="I2560">
        <f t="shared" si="293"/>
        <v>0.37003090490442969</v>
      </c>
      <c r="J2560">
        <f t="shared" si="294"/>
        <v>1.2334363496814325</v>
      </c>
      <c r="K2560">
        <f t="shared" si="295"/>
        <v>1.8501545245221482</v>
      </c>
      <c r="L2560">
        <f t="shared" si="296"/>
        <v>8.8807417177063126</v>
      </c>
      <c r="M2560">
        <f t="shared" si="297"/>
        <v>0</v>
      </c>
      <c r="N2560" s="46">
        <f t="shared" si="298"/>
        <v>45397.249999993874</v>
      </c>
    </row>
    <row r="2561" spans="2:14" x14ac:dyDescent="0.3">
      <c r="B2561">
        <f t="shared" si="292"/>
        <v>1</v>
      </c>
      <c r="C2561" s="16">
        <v>2527</v>
      </c>
      <c r="D2561" cm="1">
        <f t="array" ref="D2561">IFERROR(INDEX(Jesper!AH$2:AH$366,ROUNDDOWN($C2561/24,0)+1,1)*INDEX($D$3:$AA$30,INDEX(Jesper!$R$2:$R$366,ROW(INDEX(Jesper!AH$2:AH$366,ROUNDDOWN($C2561/24,0)+1,1))-1)+IF('Standard Profiles'!$G$18=$B$10,7,0)+IF('Standard Profiles'!$G$18=$B$17,14,0)+IF('Standard Profiles'!$G$18=$B$24,21,0),MOD($C2561,24)+1)/SUM(INDEX($D$3:$AA$30,INDEX(Jesper!$R$2:$R$366,ROW(INDEX(Jesper!AH$2:AH$366,ROUNDDOWN($C2561/24,0)+1,1))-1)+IF('Standard Profiles'!$G$18=$B$10,7,0)+IF('Standard Profiles'!$G$18=$B$17,14,0)+IF('Standard Profiles'!$G$18=$B$24,21,0),0)),0)</f>
        <v>12.334363496814323</v>
      </c>
      <c r="E2561" cm="1">
        <f t="array" ref="E2561">IFERROR(INDEX(Jesper!AI$2:AI$366,ROUNDDOWN($C2561/24,0)+1,1)*INDEX($D$3:$AA$30,INDEX(Jesper!$R$2:$R$366,ROW(INDEX(Jesper!AI$2:AI$366,ROUNDDOWN($C2561/24,0)+1,1))-1)+IF('Standard Profiles'!$G$19=$B$10,7,0)+IF('Standard Profiles'!$G$19=$B$17,14,0)+IF('Standard Profiles'!$G$19=$B$24,21,0),MOD($C2561,24)+1)/SUM(INDEX($D$3:$AA$30,INDEX(Jesper!$R$2:$R$366,ROW(INDEX(Jesper!AI$2:AI$366,ROUNDDOWN($C2561/24,0)+1,1))-1)+IF('Standard Profiles'!$G$19=$B$10,7,0)+IF('Standard Profiles'!$G$19=$B$17,14,0)+IF('Standard Profiles'!$G$19=$B$24,21,0),0)),0)</f>
        <v>0</v>
      </c>
      <c r="F2561" cm="1">
        <f t="array" ref="F2561">IFERROR(INDEX(Jesper!AJ$2:AJ$366,ROUNDDOWN($C2561/24,0)+1,1)*INDEX($D$3:$AA$30,INDEX(Jesper!$R$2:$R$366,ROW(INDEX(Jesper!AJ$2:AJ$366,ROUNDDOWN($C2561/24,0)+1,1))-1)+IF('Standard Profiles'!$G$20=$B$10,7,0)+IF('Standard Profiles'!$G$20=$B$17,14,0)+IF('Standard Profiles'!$G$20=$B$24,21,0),MOD($C2561,24)+1)/SUM(INDEX($D$3:$AA$30,INDEX(Jesper!$R$2:$R$366,ROW(INDEX(Jesper!AJ$2:AJ$366,ROUNDDOWN($C2561/24,0)+1,1))-1)+IF('Standard Profiles'!$G$20=$B$10,7,0)+IF('Standard Profiles'!$G$20=$B$17,14,0)+IF('Standard Profiles'!$G$20=$B$24,21,0),0)),0)</f>
        <v>0</v>
      </c>
      <c r="G2561" cm="1">
        <f t="array" ref="G2561">IFERROR(INDEX(Jesper!AK$2:AK$366,ROUNDDOWN($C2561/24,0)+1,1)*INDEX($D$3:$AA$30,INDEX(Jesper!$R$2:$R$366,ROW(INDEX(Jesper!AK$2:AK$366,ROUNDDOWN($C2561/24,0)+1,1))-1)+IF('Standard Profiles'!$G$21=$B$10,7,0)+IF('Standard Profiles'!$G$21=$B$17,14,0)+IF('Standard Profiles'!$G$21=$B$24,21,0),MOD($C2561,24)+1)/SUM(INDEX($D$3:$AA$30,INDEX(Jesper!$R$2:$R$366,ROW(INDEX(Jesper!AK$2:AK$366,ROUNDDOWN($C2561/24,0)+1,1))-1)+IF('Standard Profiles'!$G$21=$B$10,7,0)+IF('Standard Profiles'!$G$21=$B$17,14,0)+IF('Standard Profiles'!$G$21=$B$24,21,0),0)),0)</f>
        <v>0</v>
      </c>
      <c r="H2561" cm="1">
        <f t="array" ref="H2561">IFERROR(INDEX(Jesper!AL$2:AL$366,ROUNDDOWN($C2561/24,0)+1,1)*INDEX($D$3:$AA$30,INDEX(Jesper!$R$2:$R$366,ROW(INDEX(Jesper!AL$2:AL$366,ROUNDDOWN($C2561/24,0)+1,1))-1)+IF('Standard Profiles'!$G$22=$B$10,7,0)+IF('Standard Profiles'!$G$22=$B$17,14,0)+IF('Standard Profiles'!$G$22=$B$24,21,0),MOD($C2561,24)+1)/SUM(INDEX($D$3:$AA$30,INDEX(Jesper!$R$2:$R$366,ROW(INDEX(Jesper!AL$2:AL$366,ROUNDDOWN($C2561/24,0)+1,1))-1)+IF('Standard Profiles'!$G$22=$B$10,7,0)+IF('Standard Profiles'!$G$22=$B$17,14,0)+IF('Standard Profiles'!$G$22=$B$24,21,0),0)),0)</f>
        <v>0</v>
      </c>
      <c r="I2561">
        <f t="shared" si="293"/>
        <v>0.37003090490442969</v>
      </c>
      <c r="J2561">
        <f t="shared" si="294"/>
        <v>1.2334363496814325</v>
      </c>
      <c r="K2561">
        <f t="shared" si="295"/>
        <v>1.8501545245221482</v>
      </c>
      <c r="L2561">
        <f t="shared" si="296"/>
        <v>8.8807417177063126</v>
      </c>
      <c r="M2561">
        <f t="shared" si="297"/>
        <v>0</v>
      </c>
      <c r="N2561" s="46">
        <f t="shared" si="298"/>
        <v>45397.291666660538</v>
      </c>
    </row>
    <row r="2562" spans="2:14" x14ac:dyDescent="0.3">
      <c r="B2562">
        <f t="shared" si="292"/>
        <v>1</v>
      </c>
      <c r="C2562" s="16">
        <v>2528</v>
      </c>
      <c r="D2562" cm="1">
        <f t="array" ref="D2562">IFERROR(INDEX(Jesper!AH$2:AH$366,ROUNDDOWN($C2562/24,0)+1,1)*INDEX($D$3:$AA$30,INDEX(Jesper!$R$2:$R$366,ROW(INDEX(Jesper!AH$2:AH$366,ROUNDDOWN($C2562/24,0)+1,1))-1)+IF('Standard Profiles'!$G$18=$B$10,7,0)+IF('Standard Profiles'!$G$18=$B$17,14,0)+IF('Standard Profiles'!$G$18=$B$24,21,0),MOD($C2562,24)+1)/SUM(INDEX($D$3:$AA$30,INDEX(Jesper!$R$2:$R$366,ROW(INDEX(Jesper!AH$2:AH$366,ROUNDDOWN($C2562/24,0)+1,1))-1)+IF('Standard Profiles'!$G$18=$B$10,7,0)+IF('Standard Profiles'!$G$18=$B$17,14,0)+IF('Standard Profiles'!$G$18=$B$24,21,0),0)),0)</f>
        <v>12.334363496814323</v>
      </c>
      <c r="E2562" cm="1">
        <f t="array" ref="E2562">IFERROR(INDEX(Jesper!AI$2:AI$366,ROUNDDOWN($C2562/24,0)+1,1)*INDEX($D$3:$AA$30,INDEX(Jesper!$R$2:$R$366,ROW(INDEX(Jesper!AI$2:AI$366,ROUNDDOWN($C2562/24,0)+1,1))-1)+IF('Standard Profiles'!$G$19=$B$10,7,0)+IF('Standard Profiles'!$G$19=$B$17,14,0)+IF('Standard Profiles'!$G$19=$B$24,21,0),MOD($C2562,24)+1)/SUM(INDEX($D$3:$AA$30,INDEX(Jesper!$R$2:$R$366,ROW(INDEX(Jesper!AI$2:AI$366,ROUNDDOWN($C2562/24,0)+1,1))-1)+IF('Standard Profiles'!$G$19=$B$10,7,0)+IF('Standard Profiles'!$G$19=$B$17,14,0)+IF('Standard Profiles'!$G$19=$B$24,21,0),0)),0)</f>
        <v>0</v>
      </c>
      <c r="F2562" cm="1">
        <f t="array" ref="F2562">IFERROR(INDEX(Jesper!AJ$2:AJ$366,ROUNDDOWN($C2562/24,0)+1,1)*INDEX($D$3:$AA$30,INDEX(Jesper!$R$2:$R$366,ROW(INDEX(Jesper!AJ$2:AJ$366,ROUNDDOWN($C2562/24,0)+1,1))-1)+IF('Standard Profiles'!$G$20=$B$10,7,0)+IF('Standard Profiles'!$G$20=$B$17,14,0)+IF('Standard Profiles'!$G$20=$B$24,21,0),MOD($C2562,24)+1)/SUM(INDEX($D$3:$AA$30,INDEX(Jesper!$R$2:$R$366,ROW(INDEX(Jesper!AJ$2:AJ$366,ROUNDDOWN($C2562/24,0)+1,1))-1)+IF('Standard Profiles'!$G$20=$B$10,7,0)+IF('Standard Profiles'!$G$20=$B$17,14,0)+IF('Standard Profiles'!$G$20=$B$24,21,0),0)),0)</f>
        <v>0</v>
      </c>
      <c r="G2562" cm="1">
        <f t="array" ref="G2562">IFERROR(INDEX(Jesper!AK$2:AK$366,ROUNDDOWN($C2562/24,0)+1,1)*INDEX($D$3:$AA$30,INDEX(Jesper!$R$2:$R$366,ROW(INDEX(Jesper!AK$2:AK$366,ROUNDDOWN($C2562/24,0)+1,1))-1)+IF('Standard Profiles'!$G$21=$B$10,7,0)+IF('Standard Profiles'!$G$21=$B$17,14,0)+IF('Standard Profiles'!$G$21=$B$24,21,0),MOD($C2562,24)+1)/SUM(INDEX($D$3:$AA$30,INDEX(Jesper!$R$2:$R$366,ROW(INDEX(Jesper!AK$2:AK$366,ROUNDDOWN($C2562/24,0)+1,1))-1)+IF('Standard Profiles'!$G$21=$B$10,7,0)+IF('Standard Profiles'!$G$21=$B$17,14,0)+IF('Standard Profiles'!$G$21=$B$24,21,0),0)),0)</f>
        <v>0</v>
      </c>
      <c r="H2562" cm="1">
        <f t="array" ref="H2562">IFERROR(INDEX(Jesper!AL$2:AL$366,ROUNDDOWN($C2562/24,0)+1,1)*INDEX($D$3:$AA$30,INDEX(Jesper!$R$2:$R$366,ROW(INDEX(Jesper!AL$2:AL$366,ROUNDDOWN($C2562/24,0)+1,1))-1)+IF('Standard Profiles'!$G$22=$B$10,7,0)+IF('Standard Profiles'!$G$22=$B$17,14,0)+IF('Standard Profiles'!$G$22=$B$24,21,0),MOD($C2562,24)+1)/SUM(INDEX($D$3:$AA$30,INDEX(Jesper!$R$2:$R$366,ROW(INDEX(Jesper!AL$2:AL$366,ROUNDDOWN($C2562/24,0)+1,1))-1)+IF('Standard Profiles'!$G$22=$B$10,7,0)+IF('Standard Profiles'!$G$22=$B$17,14,0)+IF('Standard Profiles'!$G$22=$B$24,21,0),0)),0)</f>
        <v>0</v>
      </c>
      <c r="I2562">
        <f t="shared" si="293"/>
        <v>0.37003090490442969</v>
      </c>
      <c r="J2562">
        <f t="shared" si="294"/>
        <v>1.2334363496814325</v>
      </c>
      <c r="K2562">
        <f t="shared" si="295"/>
        <v>1.8501545245221482</v>
      </c>
      <c r="L2562">
        <f t="shared" si="296"/>
        <v>8.8807417177063126</v>
      </c>
      <c r="M2562">
        <f t="shared" si="297"/>
        <v>0</v>
      </c>
      <c r="N2562" s="46">
        <f t="shared" si="298"/>
        <v>45397.333333327202</v>
      </c>
    </row>
    <row r="2563" spans="2:14" x14ac:dyDescent="0.3">
      <c r="B2563">
        <f t="shared" si="292"/>
        <v>1</v>
      </c>
      <c r="C2563" s="16">
        <v>2529</v>
      </c>
      <c r="D2563" cm="1">
        <f t="array" ref="D2563">IFERROR(INDEX(Jesper!AH$2:AH$366,ROUNDDOWN($C2563/24,0)+1,1)*INDEX($D$3:$AA$30,INDEX(Jesper!$R$2:$R$366,ROW(INDEX(Jesper!AH$2:AH$366,ROUNDDOWN($C2563/24,0)+1,1))-1)+IF('Standard Profiles'!$G$18=$B$10,7,0)+IF('Standard Profiles'!$G$18=$B$17,14,0)+IF('Standard Profiles'!$G$18=$B$24,21,0),MOD($C2563,24)+1)/SUM(INDEX($D$3:$AA$30,INDEX(Jesper!$R$2:$R$366,ROW(INDEX(Jesper!AH$2:AH$366,ROUNDDOWN($C2563/24,0)+1,1))-1)+IF('Standard Profiles'!$G$18=$B$10,7,0)+IF('Standard Profiles'!$G$18=$B$17,14,0)+IF('Standard Profiles'!$G$18=$B$24,21,0),0)),0)</f>
        <v>13.170591530496649</v>
      </c>
      <c r="E2563" cm="1">
        <f t="array" ref="E2563">IFERROR(INDEX(Jesper!AI$2:AI$366,ROUNDDOWN($C2563/24,0)+1,1)*INDEX($D$3:$AA$30,INDEX(Jesper!$R$2:$R$366,ROW(INDEX(Jesper!AI$2:AI$366,ROUNDDOWN($C2563/24,0)+1,1))-1)+IF('Standard Profiles'!$G$19=$B$10,7,0)+IF('Standard Profiles'!$G$19=$B$17,14,0)+IF('Standard Profiles'!$G$19=$B$24,21,0),MOD($C2563,24)+1)/SUM(INDEX($D$3:$AA$30,INDEX(Jesper!$R$2:$R$366,ROW(INDEX(Jesper!AI$2:AI$366,ROUNDDOWN($C2563/24,0)+1,1))-1)+IF('Standard Profiles'!$G$19=$B$10,7,0)+IF('Standard Profiles'!$G$19=$B$17,14,0)+IF('Standard Profiles'!$G$19=$B$24,21,0),0)),0)</f>
        <v>0</v>
      </c>
      <c r="F2563" cm="1">
        <f t="array" ref="F2563">IFERROR(INDEX(Jesper!AJ$2:AJ$366,ROUNDDOWN($C2563/24,0)+1,1)*INDEX($D$3:$AA$30,INDEX(Jesper!$R$2:$R$366,ROW(INDEX(Jesper!AJ$2:AJ$366,ROUNDDOWN($C2563/24,0)+1,1))-1)+IF('Standard Profiles'!$G$20=$B$10,7,0)+IF('Standard Profiles'!$G$20=$B$17,14,0)+IF('Standard Profiles'!$G$20=$B$24,21,0),MOD($C2563,24)+1)/SUM(INDEX($D$3:$AA$30,INDEX(Jesper!$R$2:$R$366,ROW(INDEX(Jesper!AJ$2:AJ$366,ROUNDDOWN($C2563/24,0)+1,1))-1)+IF('Standard Profiles'!$G$20=$B$10,7,0)+IF('Standard Profiles'!$G$20=$B$17,14,0)+IF('Standard Profiles'!$G$20=$B$24,21,0),0)),0)</f>
        <v>0</v>
      </c>
      <c r="G2563" cm="1">
        <f t="array" ref="G2563">IFERROR(INDEX(Jesper!AK$2:AK$366,ROUNDDOWN($C2563/24,0)+1,1)*INDEX($D$3:$AA$30,INDEX(Jesper!$R$2:$R$366,ROW(INDEX(Jesper!AK$2:AK$366,ROUNDDOWN($C2563/24,0)+1,1))-1)+IF('Standard Profiles'!$G$21=$B$10,7,0)+IF('Standard Profiles'!$G$21=$B$17,14,0)+IF('Standard Profiles'!$G$21=$B$24,21,0),MOD($C2563,24)+1)/SUM(INDEX($D$3:$AA$30,INDEX(Jesper!$R$2:$R$366,ROW(INDEX(Jesper!AK$2:AK$366,ROUNDDOWN($C2563/24,0)+1,1))-1)+IF('Standard Profiles'!$G$21=$B$10,7,0)+IF('Standard Profiles'!$G$21=$B$17,14,0)+IF('Standard Profiles'!$G$21=$B$24,21,0),0)),0)</f>
        <v>0</v>
      </c>
      <c r="H2563" cm="1">
        <f t="array" ref="H2563">IFERROR(INDEX(Jesper!AL$2:AL$366,ROUNDDOWN($C2563/24,0)+1,1)*INDEX($D$3:$AA$30,INDEX(Jesper!$R$2:$R$366,ROW(INDEX(Jesper!AL$2:AL$366,ROUNDDOWN($C2563/24,0)+1,1))-1)+IF('Standard Profiles'!$G$22=$B$10,7,0)+IF('Standard Profiles'!$G$22=$B$17,14,0)+IF('Standard Profiles'!$G$22=$B$24,21,0),MOD($C2563,24)+1)/SUM(INDEX($D$3:$AA$30,INDEX(Jesper!$R$2:$R$366,ROW(INDEX(Jesper!AL$2:AL$366,ROUNDDOWN($C2563/24,0)+1,1))-1)+IF('Standard Profiles'!$G$22=$B$10,7,0)+IF('Standard Profiles'!$G$22=$B$17,14,0)+IF('Standard Profiles'!$G$22=$B$24,21,0),0)),0)</f>
        <v>0</v>
      </c>
      <c r="I2563">
        <f t="shared" si="293"/>
        <v>0.39511774591489945</v>
      </c>
      <c r="J2563">
        <f t="shared" si="294"/>
        <v>1.3170591530496649</v>
      </c>
      <c r="K2563">
        <f t="shared" si="295"/>
        <v>1.9755887295744974</v>
      </c>
      <c r="L2563">
        <f t="shared" si="296"/>
        <v>9.4828259019575878</v>
      </c>
      <c r="M2563">
        <f t="shared" si="297"/>
        <v>0</v>
      </c>
      <c r="N2563" s="46">
        <f t="shared" si="298"/>
        <v>45397.374999993866</v>
      </c>
    </row>
    <row r="2564" spans="2:14" x14ac:dyDescent="0.3">
      <c r="B2564">
        <f t="shared" si="292"/>
        <v>1</v>
      </c>
      <c r="C2564" s="16">
        <v>2530</v>
      </c>
      <c r="D2564" cm="1">
        <f t="array" ref="D2564">IFERROR(INDEX(Jesper!AH$2:AH$366,ROUNDDOWN($C2564/24,0)+1,1)*INDEX($D$3:$AA$30,INDEX(Jesper!$R$2:$R$366,ROW(INDEX(Jesper!AH$2:AH$366,ROUNDDOWN($C2564/24,0)+1,1))-1)+IF('Standard Profiles'!$G$18=$B$10,7,0)+IF('Standard Profiles'!$G$18=$B$17,14,0)+IF('Standard Profiles'!$G$18=$B$24,21,0),MOD($C2564,24)+1)/SUM(INDEX($D$3:$AA$30,INDEX(Jesper!$R$2:$R$366,ROW(INDEX(Jesper!AH$2:AH$366,ROUNDDOWN($C2564/24,0)+1,1))-1)+IF('Standard Profiles'!$G$18=$B$10,7,0)+IF('Standard Profiles'!$G$18=$B$17,14,0)+IF('Standard Profiles'!$G$18=$B$24,21,0),0)),0)</f>
        <v>13.170591530496649</v>
      </c>
      <c r="E2564" cm="1">
        <f t="array" ref="E2564">IFERROR(INDEX(Jesper!AI$2:AI$366,ROUNDDOWN($C2564/24,0)+1,1)*INDEX($D$3:$AA$30,INDEX(Jesper!$R$2:$R$366,ROW(INDEX(Jesper!AI$2:AI$366,ROUNDDOWN($C2564/24,0)+1,1))-1)+IF('Standard Profiles'!$G$19=$B$10,7,0)+IF('Standard Profiles'!$G$19=$B$17,14,0)+IF('Standard Profiles'!$G$19=$B$24,21,0),MOD($C2564,24)+1)/SUM(INDEX($D$3:$AA$30,INDEX(Jesper!$R$2:$R$366,ROW(INDEX(Jesper!AI$2:AI$366,ROUNDDOWN($C2564/24,0)+1,1))-1)+IF('Standard Profiles'!$G$19=$B$10,7,0)+IF('Standard Profiles'!$G$19=$B$17,14,0)+IF('Standard Profiles'!$G$19=$B$24,21,0),0)),0)</f>
        <v>0</v>
      </c>
      <c r="F2564" cm="1">
        <f t="array" ref="F2564">IFERROR(INDEX(Jesper!AJ$2:AJ$366,ROUNDDOWN($C2564/24,0)+1,1)*INDEX($D$3:$AA$30,INDEX(Jesper!$R$2:$R$366,ROW(INDEX(Jesper!AJ$2:AJ$366,ROUNDDOWN($C2564/24,0)+1,1))-1)+IF('Standard Profiles'!$G$20=$B$10,7,0)+IF('Standard Profiles'!$G$20=$B$17,14,0)+IF('Standard Profiles'!$G$20=$B$24,21,0),MOD($C2564,24)+1)/SUM(INDEX($D$3:$AA$30,INDEX(Jesper!$R$2:$R$366,ROW(INDEX(Jesper!AJ$2:AJ$366,ROUNDDOWN($C2564/24,0)+1,1))-1)+IF('Standard Profiles'!$G$20=$B$10,7,0)+IF('Standard Profiles'!$G$20=$B$17,14,0)+IF('Standard Profiles'!$G$20=$B$24,21,0),0)),0)</f>
        <v>0</v>
      </c>
      <c r="G2564" cm="1">
        <f t="array" ref="G2564">IFERROR(INDEX(Jesper!AK$2:AK$366,ROUNDDOWN($C2564/24,0)+1,1)*INDEX($D$3:$AA$30,INDEX(Jesper!$R$2:$R$366,ROW(INDEX(Jesper!AK$2:AK$366,ROUNDDOWN($C2564/24,0)+1,1))-1)+IF('Standard Profiles'!$G$21=$B$10,7,0)+IF('Standard Profiles'!$G$21=$B$17,14,0)+IF('Standard Profiles'!$G$21=$B$24,21,0),MOD($C2564,24)+1)/SUM(INDEX($D$3:$AA$30,INDEX(Jesper!$R$2:$R$366,ROW(INDEX(Jesper!AK$2:AK$366,ROUNDDOWN($C2564/24,0)+1,1))-1)+IF('Standard Profiles'!$G$21=$B$10,7,0)+IF('Standard Profiles'!$G$21=$B$17,14,0)+IF('Standard Profiles'!$G$21=$B$24,21,0),0)),0)</f>
        <v>0</v>
      </c>
      <c r="H2564" cm="1">
        <f t="array" ref="H2564">IFERROR(INDEX(Jesper!AL$2:AL$366,ROUNDDOWN($C2564/24,0)+1,1)*INDEX($D$3:$AA$30,INDEX(Jesper!$R$2:$R$366,ROW(INDEX(Jesper!AL$2:AL$366,ROUNDDOWN($C2564/24,0)+1,1))-1)+IF('Standard Profiles'!$G$22=$B$10,7,0)+IF('Standard Profiles'!$G$22=$B$17,14,0)+IF('Standard Profiles'!$G$22=$B$24,21,0),MOD($C2564,24)+1)/SUM(INDEX($D$3:$AA$30,INDEX(Jesper!$R$2:$R$366,ROW(INDEX(Jesper!AL$2:AL$366,ROUNDDOWN($C2564/24,0)+1,1))-1)+IF('Standard Profiles'!$G$22=$B$10,7,0)+IF('Standard Profiles'!$G$22=$B$17,14,0)+IF('Standard Profiles'!$G$22=$B$24,21,0),0)),0)</f>
        <v>0</v>
      </c>
      <c r="I2564">
        <f t="shared" si="293"/>
        <v>0.39511774591489945</v>
      </c>
      <c r="J2564">
        <f t="shared" si="294"/>
        <v>1.3170591530496649</v>
      </c>
      <c r="K2564">
        <f t="shared" si="295"/>
        <v>1.9755887295744974</v>
      </c>
      <c r="L2564">
        <f t="shared" si="296"/>
        <v>9.4828259019575878</v>
      </c>
      <c r="M2564">
        <f t="shared" si="297"/>
        <v>0</v>
      </c>
      <c r="N2564" s="46">
        <f t="shared" si="298"/>
        <v>45397.416666660531</v>
      </c>
    </row>
    <row r="2565" spans="2:14" x14ac:dyDescent="0.3">
      <c r="B2565">
        <f t="shared" si="292"/>
        <v>1</v>
      </c>
      <c r="C2565" s="16">
        <v>2531</v>
      </c>
      <c r="D2565" cm="1">
        <f t="array" ref="D2565">IFERROR(INDEX(Jesper!AH$2:AH$366,ROUNDDOWN($C2565/24,0)+1,1)*INDEX($D$3:$AA$30,INDEX(Jesper!$R$2:$R$366,ROW(INDEX(Jesper!AH$2:AH$366,ROUNDDOWN($C2565/24,0)+1,1))-1)+IF('Standard Profiles'!$G$18=$B$10,7,0)+IF('Standard Profiles'!$G$18=$B$17,14,0)+IF('Standard Profiles'!$G$18=$B$24,21,0),MOD($C2565,24)+1)/SUM(INDEX($D$3:$AA$30,INDEX(Jesper!$R$2:$R$366,ROW(INDEX(Jesper!AH$2:AH$366,ROUNDDOWN($C2565/24,0)+1,1))-1)+IF('Standard Profiles'!$G$18=$B$10,7,0)+IF('Standard Profiles'!$G$18=$B$17,14,0)+IF('Standard Profiles'!$G$18=$B$24,21,0),0)),0)</f>
        <v>16.72456067364654</v>
      </c>
      <c r="E2565" cm="1">
        <f t="array" ref="E2565">IFERROR(INDEX(Jesper!AI$2:AI$366,ROUNDDOWN($C2565/24,0)+1,1)*INDEX($D$3:$AA$30,INDEX(Jesper!$R$2:$R$366,ROW(INDEX(Jesper!AI$2:AI$366,ROUNDDOWN($C2565/24,0)+1,1))-1)+IF('Standard Profiles'!$G$19=$B$10,7,0)+IF('Standard Profiles'!$G$19=$B$17,14,0)+IF('Standard Profiles'!$G$19=$B$24,21,0),MOD($C2565,24)+1)/SUM(INDEX($D$3:$AA$30,INDEX(Jesper!$R$2:$R$366,ROW(INDEX(Jesper!AI$2:AI$366,ROUNDDOWN($C2565/24,0)+1,1))-1)+IF('Standard Profiles'!$G$19=$B$10,7,0)+IF('Standard Profiles'!$G$19=$B$17,14,0)+IF('Standard Profiles'!$G$19=$B$24,21,0),0)),0)</f>
        <v>0</v>
      </c>
      <c r="F2565" cm="1">
        <f t="array" ref="F2565">IFERROR(INDEX(Jesper!AJ$2:AJ$366,ROUNDDOWN($C2565/24,0)+1,1)*INDEX($D$3:$AA$30,INDEX(Jesper!$R$2:$R$366,ROW(INDEX(Jesper!AJ$2:AJ$366,ROUNDDOWN($C2565/24,0)+1,1))-1)+IF('Standard Profiles'!$G$20=$B$10,7,0)+IF('Standard Profiles'!$G$20=$B$17,14,0)+IF('Standard Profiles'!$G$20=$B$24,21,0),MOD($C2565,24)+1)/SUM(INDEX($D$3:$AA$30,INDEX(Jesper!$R$2:$R$366,ROW(INDEX(Jesper!AJ$2:AJ$366,ROUNDDOWN($C2565/24,0)+1,1))-1)+IF('Standard Profiles'!$G$20=$B$10,7,0)+IF('Standard Profiles'!$G$20=$B$17,14,0)+IF('Standard Profiles'!$G$20=$B$24,21,0),0)),0)</f>
        <v>0</v>
      </c>
      <c r="G2565" cm="1">
        <f t="array" ref="G2565">IFERROR(INDEX(Jesper!AK$2:AK$366,ROUNDDOWN($C2565/24,0)+1,1)*INDEX($D$3:$AA$30,INDEX(Jesper!$R$2:$R$366,ROW(INDEX(Jesper!AK$2:AK$366,ROUNDDOWN($C2565/24,0)+1,1))-1)+IF('Standard Profiles'!$G$21=$B$10,7,0)+IF('Standard Profiles'!$G$21=$B$17,14,0)+IF('Standard Profiles'!$G$21=$B$24,21,0),MOD($C2565,24)+1)/SUM(INDEX($D$3:$AA$30,INDEX(Jesper!$R$2:$R$366,ROW(INDEX(Jesper!AK$2:AK$366,ROUNDDOWN($C2565/24,0)+1,1))-1)+IF('Standard Profiles'!$G$21=$B$10,7,0)+IF('Standard Profiles'!$G$21=$B$17,14,0)+IF('Standard Profiles'!$G$21=$B$24,21,0),0)),0)</f>
        <v>0</v>
      </c>
      <c r="H2565" cm="1">
        <f t="array" ref="H2565">IFERROR(INDEX(Jesper!AL$2:AL$366,ROUNDDOWN($C2565/24,0)+1,1)*INDEX($D$3:$AA$30,INDEX(Jesper!$R$2:$R$366,ROW(INDEX(Jesper!AL$2:AL$366,ROUNDDOWN($C2565/24,0)+1,1))-1)+IF('Standard Profiles'!$G$22=$B$10,7,0)+IF('Standard Profiles'!$G$22=$B$17,14,0)+IF('Standard Profiles'!$G$22=$B$24,21,0),MOD($C2565,24)+1)/SUM(INDEX($D$3:$AA$30,INDEX(Jesper!$R$2:$R$366,ROW(INDEX(Jesper!AL$2:AL$366,ROUNDDOWN($C2565/24,0)+1,1))-1)+IF('Standard Profiles'!$G$22=$B$10,7,0)+IF('Standard Profiles'!$G$22=$B$17,14,0)+IF('Standard Profiles'!$G$22=$B$24,21,0),0)),0)</f>
        <v>0</v>
      </c>
      <c r="I2565">
        <f t="shared" si="293"/>
        <v>0.50173682020939614</v>
      </c>
      <c r="J2565">
        <f t="shared" si="294"/>
        <v>1.672456067364654</v>
      </c>
      <c r="K2565">
        <f t="shared" si="295"/>
        <v>2.5086841010469807</v>
      </c>
      <c r="L2565">
        <f t="shared" si="296"/>
        <v>12.041683685025507</v>
      </c>
      <c r="M2565">
        <f t="shared" si="297"/>
        <v>0</v>
      </c>
      <c r="N2565" s="46">
        <f t="shared" si="298"/>
        <v>45397.458333327195</v>
      </c>
    </row>
    <row r="2566" spans="2:14" x14ac:dyDescent="0.3">
      <c r="B2566">
        <f t="shared" si="292"/>
        <v>1</v>
      </c>
      <c r="C2566" s="16">
        <v>2532</v>
      </c>
      <c r="D2566" cm="1">
        <f t="array" ref="D2566">IFERROR(INDEX(Jesper!AH$2:AH$366,ROUNDDOWN($C2566/24,0)+1,1)*INDEX($D$3:$AA$30,INDEX(Jesper!$R$2:$R$366,ROW(INDEX(Jesper!AH$2:AH$366,ROUNDDOWN($C2566/24,0)+1,1))-1)+IF('Standard Profiles'!$G$18=$B$10,7,0)+IF('Standard Profiles'!$G$18=$B$17,14,0)+IF('Standard Profiles'!$G$18=$B$24,21,0),MOD($C2566,24)+1)/SUM(INDEX($D$3:$AA$30,INDEX(Jesper!$R$2:$R$366,ROW(INDEX(Jesper!AH$2:AH$366,ROUNDDOWN($C2566/24,0)+1,1))-1)+IF('Standard Profiles'!$G$18=$B$10,7,0)+IF('Standard Profiles'!$G$18=$B$17,14,0)+IF('Standard Profiles'!$G$18=$B$24,21,0),0)),0)</f>
        <v>16.72456067364654</v>
      </c>
      <c r="E2566" cm="1">
        <f t="array" ref="E2566">IFERROR(INDEX(Jesper!AI$2:AI$366,ROUNDDOWN($C2566/24,0)+1,1)*INDEX($D$3:$AA$30,INDEX(Jesper!$R$2:$R$366,ROW(INDEX(Jesper!AI$2:AI$366,ROUNDDOWN($C2566/24,0)+1,1))-1)+IF('Standard Profiles'!$G$19=$B$10,7,0)+IF('Standard Profiles'!$G$19=$B$17,14,0)+IF('Standard Profiles'!$G$19=$B$24,21,0),MOD($C2566,24)+1)/SUM(INDEX($D$3:$AA$30,INDEX(Jesper!$R$2:$R$366,ROW(INDEX(Jesper!AI$2:AI$366,ROUNDDOWN($C2566/24,0)+1,1))-1)+IF('Standard Profiles'!$G$19=$B$10,7,0)+IF('Standard Profiles'!$G$19=$B$17,14,0)+IF('Standard Profiles'!$G$19=$B$24,21,0),0)),0)</f>
        <v>0</v>
      </c>
      <c r="F2566" cm="1">
        <f t="array" ref="F2566">IFERROR(INDEX(Jesper!AJ$2:AJ$366,ROUNDDOWN($C2566/24,0)+1,1)*INDEX($D$3:$AA$30,INDEX(Jesper!$R$2:$R$366,ROW(INDEX(Jesper!AJ$2:AJ$366,ROUNDDOWN($C2566/24,0)+1,1))-1)+IF('Standard Profiles'!$G$20=$B$10,7,0)+IF('Standard Profiles'!$G$20=$B$17,14,0)+IF('Standard Profiles'!$G$20=$B$24,21,0),MOD($C2566,24)+1)/SUM(INDEX($D$3:$AA$30,INDEX(Jesper!$R$2:$R$366,ROW(INDEX(Jesper!AJ$2:AJ$366,ROUNDDOWN($C2566/24,0)+1,1))-1)+IF('Standard Profiles'!$G$20=$B$10,7,0)+IF('Standard Profiles'!$G$20=$B$17,14,0)+IF('Standard Profiles'!$G$20=$B$24,21,0),0)),0)</f>
        <v>0</v>
      </c>
      <c r="G2566" cm="1">
        <f t="array" ref="G2566">IFERROR(INDEX(Jesper!AK$2:AK$366,ROUNDDOWN($C2566/24,0)+1,1)*INDEX($D$3:$AA$30,INDEX(Jesper!$R$2:$R$366,ROW(INDEX(Jesper!AK$2:AK$366,ROUNDDOWN($C2566/24,0)+1,1))-1)+IF('Standard Profiles'!$G$21=$B$10,7,0)+IF('Standard Profiles'!$G$21=$B$17,14,0)+IF('Standard Profiles'!$G$21=$B$24,21,0),MOD($C2566,24)+1)/SUM(INDEX($D$3:$AA$30,INDEX(Jesper!$R$2:$R$366,ROW(INDEX(Jesper!AK$2:AK$366,ROUNDDOWN($C2566/24,0)+1,1))-1)+IF('Standard Profiles'!$G$21=$B$10,7,0)+IF('Standard Profiles'!$G$21=$B$17,14,0)+IF('Standard Profiles'!$G$21=$B$24,21,0),0)),0)</f>
        <v>0</v>
      </c>
      <c r="H2566" cm="1">
        <f t="array" ref="H2566">IFERROR(INDEX(Jesper!AL$2:AL$366,ROUNDDOWN($C2566/24,0)+1,1)*INDEX($D$3:$AA$30,INDEX(Jesper!$R$2:$R$366,ROW(INDEX(Jesper!AL$2:AL$366,ROUNDDOWN($C2566/24,0)+1,1))-1)+IF('Standard Profiles'!$G$22=$B$10,7,0)+IF('Standard Profiles'!$G$22=$B$17,14,0)+IF('Standard Profiles'!$G$22=$B$24,21,0),MOD($C2566,24)+1)/SUM(INDEX($D$3:$AA$30,INDEX(Jesper!$R$2:$R$366,ROW(INDEX(Jesper!AL$2:AL$366,ROUNDDOWN($C2566/24,0)+1,1))-1)+IF('Standard Profiles'!$G$22=$B$10,7,0)+IF('Standard Profiles'!$G$22=$B$17,14,0)+IF('Standard Profiles'!$G$22=$B$24,21,0),0)),0)</f>
        <v>0</v>
      </c>
      <c r="I2566">
        <f t="shared" si="293"/>
        <v>0.50173682020939614</v>
      </c>
      <c r="J2566">
        <f t="shared" si="294"/>
        <v>1.672456067364654</v>
      </c>
      <c r="K2566">
        <f t="shared" si="295"/>
        <v>2.5086841010469807</v>
      </c>
      <c r="L2566">
        <f t="shared" si="296"/>
        <v>12.041683685025507</v>
      </c>
      <c r="M2566">
        <f t="shared" si="297"/>
        <v>0</v>
      </c>
      <c r="N2566" s="46">
        <f t="shared" si="298"/>
        <v>45397.499999993859</v>
      </c>
    </row>
    <row r="2567" spans="2:14" x14ac:dyDescent="0.3">
      <c r="B2567">
        <f t="shared" si="292"/>
        <v>1</v>
      </c>
      <c r="C2567" s="16">
        <v>2533</v>
      </c>
      <c r="D2567" cm="1">
        <f t="array" ref="D2567">IFERROR(INDEX(Jesper!AH$2:AH$366,ROUNDDOWN($C2567/24,0)+1,1)*INDEX($D$3:$AA$30,INDEX(Jesper!$R$2:$R$366,ROW(INDEX(Jesper!AH$2:AH$366,ROUNDDOWN($C2567/24,0)+1,1))-1)+IF('Standard Profiles'!$G$18=$B$10,7,0)+IF('Standard Profiles'!$G$18=$B$17,14,0)+IF('Standard Profiles'!$G$18=$B$24,21,0),MOD($C2567,24)+1)/SUM(INDEX($D$3:$AA$30,INDEX(Jesper!$R$2:$R$366,ROW(INDEX(Jesper!AH$2:AH$366,ROUNDDOWN($C2567/24,0)+1,1))-1)+IF('Standard Profiles'!$G$18=$B$10,7,0)+IF('Standard Profiles'!$G$18=$B$17,14,0)+IF('Standard Profiles'!$G$18=$B$24,21,0),0)),0)</f>
        <v>11.080021446290834</v>
      </c>
      <c r="E2567" cm="1">
        <f t="array" ref="E2567">IFERROR(INDEX(Jesper!AI$2:AI$366,ROUNDDOWN($C2567/24,0)+1,1)*INDEX($D$3:$AA$30,INDEX(Jesper!$R$2:$R$366,ROW(INDEX(Jesper!AI$2:AI$366,ROUNDDOWN($C2567/24,0)+1,1))-1)+IF('Standard Profiles'!$G$19=$B$10,7,0)+IF('Standard Profiles'!$G$19=$B$17,14,0)+IF('Standard Profiles'!$G$19=$B$24,21,0),MOD($C2567,24)+1)/SUM(INDEX($D$3:$AA$30,INDEX(Jesper!$R$2:$R$366,ROW(INDEX(Jesper!AI$2:AI$366,ROUNDDOWN($C2567/24,0)+1,1))-1)+IF('Standard Profiles'!$G$19=$B$10,7,0)+IF('Standard Profiles'!$G$19=$B$17,14,0)+IF('Standard Profiles'!$G$19=$B$24,21,0),0)),0)</f>
        <v>0</v>
      </c>
      <c r="F2567" cm="1">
        <f t="array" ref="F2567">IFERROR(INDEX(Jesper!AJ$2:AJ$366,ROUNDDOWN($C2567/24,0)+1,1)*INDEX($D$3:$AA$30,INDEX(Jesper!$R$2:$R$366,ROW(INDEX(Jesper!AJ$2:AJ$366,ROUNDDOWN($C2567/24,0)+1,1))-1)+IF('Standard Profiles'!$G$20=$B$10,7,0)+IF('Standard Profiles'!$G$20=$B$17,14,0)+IF('Standard Profiles'!$G$20=$B$24,21,0),MOD($C2567,24)+1)/SUM(INDEX($D$3:$AA$30,INDEX(Jesper!$R$2:$R$366,ROW(INDEX(Jesper!AJ$2:AJ$366,ROUNDDOWN($C2567/24,0)+1,1))-1)+IF('Standard Profiles'!$G$20=$B$10,7,0)+IF('Standard Profiles'!$G$20=$B$17,14,0)+IF('Standard Profiles'!$G$20=$B$24,21,0),0)),0)</f>
        <v>0</v>
      </c>
      <c r="G2567" cm="1">
        <f t="array" ref="G2567">IFERROR(INDEX(Jesper!AK$2:AK$366,ROUNDDOWN($C2567/24,0)+1,1)*INDEX($D$3:$AA$30,INDEX(Jesper!$R$2:$R$366,ROW(INDEX(Jesper!AK$2:AK$366,ROUNDDOWN($C2567/24,0)+1,1))-1)+IF('Standard Profiles'!$G$21=$B$10,7,0)+IF('Standard Profiles'!$G$21=$B$17,14,0)+IF('Standard Profiles'!$G$21=$B$24,21,0),MOD($C2567,24)+1)/SUM(INDEX($D$3:$AA$30,INDEX(Jesper!$R$2:$R$366,ROW(INDEX(Jesper!AK$2:AK$366,ROUNDDOWN($C2567/24,0)+1,1))-1)+IF('Standard Profiles'!$G$21=$B$10,7,0)+IF('Standard Profiles'!$G$21=$B$17,14,0)+IF('Standard Profiles'!$G$21=$B$24,21,0),0)),0)</f>
        <v>0</v>
      </c>
      <c r="H2567" cm="1">
        <f t="array" ref="H2567">IFERROR(INDEX(Jesper!AL$2:AL$366,ROUNDDOWN($C2567/24,0)+1,1)*INDEX($D$3:$AA$30,INDEX(Jesper!$R$2:$R$366,ROW(INDEX(Jesper!AL$2:AL$366,ROUNDDOWN($C2567/24,0)+1,1))-1)+IF('Standard Profiles'!$G$22=$B$10,7,0)+IF('Standard Profiles'!$G$22=$B$17,14,0)+IF('Standard Profiles'!$G$22=$B$24,21,0),MOD($C2567,24)+1)/SUM(INDEX($D$3:$AA$30,INDEX(Jesper!$R$2:$R$366,ROW(INDEX(Jesper!AL$2:AL$366,ROUNDDOWN($C2567/24,0)+1,1))-1)+IF('Standard Profiles'!$G$22=$B$10,7,0)+IF('Standard Profiles'!$G$22=$B$17,14,0)+IF('Standard Profiles'!$G$22=$B$24,21,0),0)),0)</f>
        <v>0</v>
      </c>
      <c r="I2567">
        <f t="shared" si="293"/>
        <v>0.33240064338872499</v>
      </c>
      <c r="J2567">
        <f t="shared" si="294"/>
        <v>1.1080021446290835</v>
      </c>
      <c r="K2567">
        <f t="shared" si="295"/>
        <v>1.662003216943625</v>
      </c>
      <c r="L2567">
        <f t="shared" si="296"/>
        <v>7.9776154413293998</v>
      </c>
      <c r="M2567">
        <f t="shared" si="297"/>
        <v>0</v>
      </c>
      <c r="N2567" s="46">
        <f t="shared" si="298"/>
        <v>45397.541666660523</v>
      </c>
    </row>
    <row r="2568" spans="2:14" x14ac:dyDescent="0.3">
      <c r="B2568">
        <f t="shared" si="292"/>
        <v>1</v>
      </c>
      <c r="C2568" s="16">
        <v>2534</v>
      </c>
      <c r="D2568" cm="1">
        <f t="array" ref="D2568">IFERROR(INDEX(Jesper!AH$2:AH$366,ROUNDDOWN($C2568/24,0)+1,1)*INDEX($D$3:$AA$30,INDEX(Jesper!$R$2:$R$366,ROW(INDEX(Jesper!AH$2:AH$366,ROUNDDOWN($C2568/24,0)+1,1))-1)+IF('Standard Profiles'!$G$18=$B$10,7,0)+IF('Standard Profiles'!$G$18=$B$17,14,0)+IF('Standard Profiles'!$G$18=$B$24,21,0),MOD($C2568,24)+1)/SUM(INDEX($D$3:$AA$30,INDEX(Jesper!$R$2:$R$366,ROW(INDEX(Jesper!AH$2:AH$366,ROUNDDOWN($C2568/24,0)+1,1))-1)+IF('Standard Profiles'!$G$18=$B$10,7,0)+IF('Standard Profiles'!$G$18=$B$17,14,0)+IF('Standard Profiles'!$G$18=$B$24,21,0),0)),0)</f>
        <v>16.72456067364654</v>
      </c>
      <c r="E2568" cm="1">
        <f t="array" ref="E2568">IFERROR(INDEX(Jesper!AI$2:AI$366,ROUNDDOWN($C2568/24,0)+1,1)*INDEX($D$3:$AA$30,INDEX(Jesper!$R$2:$R$366,ROW(INDEX(Jesper!AI$2:AI$366,ROUNDDOWN($C2568/24,0)+1,1))-1)+IF('Standard Profiles'!$G$19=$B$10,7,0)+IF('Standard Profiles'!$G$19=$B$17,14,0)+IF('Standard Profiles'!$G$19=$B$24,21,0),MOD($C2568,24)+1)/SUM(INDEX($D$3:$AA$30,INDEX(Jesper!$R$2:$R$366,ROW(INDEX(Jesper!AI$2:AI$366,ROUNDDOWN($C2568/24,0)+1,1))-1)+IF('Standard Profiles'!$G$19=$B$10,7,0)+IF('Standard Profiles'!$G$19=$B$17,14,0)+IF('Standard Profiles'!$G$19=$B$24,21,0),0)),0)</f>
        <v>0</v>
      </c>
      <c r="F2568" cm="1">
        <f t="array" ref="F2568">IFERROR(INDEX(Jesper!AJ$2:AJ$366,ROUNDDOWN($C2568/24,0)+1,1)*INDEX($D$3:$AA$30,INDEX(Jesper!$R$2:$R$366,ROW(INDEX(Jesper!AJ$2:AJ$366,ROUNDDOWN($C2568/24,0)+1,1))-1)+IF('Standard Profiles'!$G$20=$B$10,7,0)+IF('Standard Profiles'!$G$20=$B$17,14,0)+IF('Standard Profiles'!$G$20=$B$24,21,0),MOD($C2568,24)+1)/SUM(INDEX($D$3:$AA$30,INDEX(Jesper!$R$2:$R$366,ROW(INDEX(Jesper!AJ$2:AJ$366,ROUNDDOWN($C2568/24,0)+1,1))-1)+IF('Standard Profiles'!$G$20=$B$10,7,0)+IF('Standard Profiles'!$G$20=$B$17,14,0)+IF('Standard Profiles'!$G$20=$B$24,21,0),0)),0)</f>
        <v>0</v>
      </c>
      <c r="G2568" cm="1">
        <f t="array" ref="G2568">IFERROR(INDEX(Jesper!AK$2:AK$366,ROUNDDOWN($C2568/24,0)+1,1)*INDEX($D$3:$AA$30,INDEX(Jesper!$R$2:$R$366,ROW(INDEX(Jesper!AK$2:AK$366,ROUNDDOWN($C2568/24,0)+1,1))-1)+IF('Standard Profiles'!$G$21=$B$10,7,0)+IF('Standard Profiles'!$G$21=$B$17,14,0)+IF('Standard Profiles'!$G$21=$B$24,21,0),MOD($C2568,24)+1)/SUM(INDEX($D$3:$AA$30,INDEX(Jesper!$R$2:$R$366,ROW(INDEX(Jesper!AK$2:AK$366,ROUNDDOWN($C2568/24,0)+1,1))-1)+IF('Standard Profiles'!$G$21=$B$10,7,0)+IF('Standard Profiles'!$G$21=$B$17,14,0)+IF('Standard Profiles'!$G$21=$B$24,21,0),0)),0)</f>
        <v>0</v>
      </c>
      <c r="H2568" cm="1">
        <f t="array" ref="H2568">IFERROR(INDEX(Jesper!AL$2:AL$366,ROUNDDOWN($C2568/24,0)+1,1)*INDEX($D$3:$AA$30,INDEX(Jesper!$R$2:$R$366,ROW(INDEX(Jesper!AL$2:AL$366,ROUNDDOWN($C2568/24,0)+1,1))-1)+IF('Standard Profiles'!$G$22=$B$10,7,0)+IF('Standard Profiles'!$G$22=$B$17,14,0)+IF('Standard Profiles'!$G$22=$B$24,21,0),MOD($C2568,24)+1)/SUM(INDEX($D$3:$AA$30,INDEX(Jesper!$R$2:$R$366,ROW(INDEX(Jesper!AL$2:AL$366,ROUNDDOWN($C2568/24,0)+1,1))-1)+IF('Standard Profiles'!$G$22=$B$10,7,0)+IF('Standard Profiles'!$G$22=$B$17,14,0)+IF('Standard Profiles'!$G$22=$B$24,21,0),0)),0)</f>
        <v>0</v>
      </c>
      <c r="I2568">
        <f t="shared" si="293"/>
        <v>0.50173682020939614</v>
      </c>
      <c r="J2568">
        <f t="shared" si="294"/>
        <v>1.672456067364654</v>
      </c>
      <c r="K2568">
        <f t="shared" si="295"/>
        <v>2.5086841010469807</v>
      </c>
      <c r="L2568">
        <f t="shared" si="296"/>
        <v>12.041683685025507</v>
      </c>
      <c r="M2568">
        <f t="shared" si="297"/>
        <v>0</v>
      </c>
      <c r="N2568" s="46">
        <f t="shared" si="298"/>
        <v>45397.583333327188</v>
      </c>
    </row>
    <row r="2569" spans="2:14" x14ac:dyDescent="0.3">
      <c r="B2569">
        <f t="shared" si="292"/>
        <v>1</v>
      </c>
      <c r="C2569" s="16">
        <v>2535</v>
      </c>
      <c r="D2569" cm="1">
        <f t="array" ref="D2569">IFERROR(INDEX(Jesper!AH$2:AH$366,ROUNDDOWN($C2569/24,0)+1,1)*INDEX($D$3:$AA$30,INDEX(Jesper!$R$2:$R$366,ROW(INDEX(Jesper!AH$2:AH$366,ROUNDDOWN($C2569/24,0)+1,1))-1)+IF('Standard Profiles'!$G$18=$B$10,7,0)+IF('Standard Profiles'!$G$18=$B$17,14,0)+IF('Standard Profiles'!$G$18=$B$24,21,0),MOD($C2569,24)+1)/SUM(INDEX($D$3:$AA$30,INDEX(Jesper!$R$2:$R$366,ROW(INDEX(Jesper!AH$2:AH$366,ROUNDDOWN($C2569/24,0)+1,1))-1)+IF('Standard Profiles'!$G$18=$B$10,7,0)+IF('Standard Profiles'!$G$18=$B$17,14,0)+IF('Standard Profiles'!$G$18=$B$24,21,0),0)),0)</f>
        <v>16.72456067364654</v>
      </c>
      <c r="E2569" cm="1">
        <f t="array" ref="E2569">IFERROR(INDEX(Jesper!AI$2:AI$366,ROUNDDOWN($C2569/24,0)+1,1)*INDEX($D$3:$AA$30,INDEX(Jesper!$R$2:$R$366,ROW(INDEX(Jesper!AI$2:AI$366,ROUNDDOWN($C2569/24,0)+1,1))-1)+IF('Standard Profiles'!$G$19=$B$10,7,0)+IF('Standard Profiles'!$G$19=$B$17,14,0)+IF('Standard Profiles'!$G$19=$B$24,21,0),MOD($C2569,24)+1)/SUM(INDEX($D$3:$AA$30,INDEX(Jesper!$R$2:$R$366,ROW(INDEX(Jesper!AI$2:AI$366,ROUNDDOWN($C2569/24,0)+1,1))-1)+IF('Standard Profiles'!$G$19=$B$10,7,0)+IF('Standard Profiles'!$G$19=$B$17,14,0)+IF('Standard Profiles'!$G$19=$B$24,21,0),0)),0)</f>
        <v>0</v>
      </c>
      <c r="F2569" cm="1">
        <f t="array" ref="F2569">IFERROR(INDEX(Jesper!AJ$2:AJ$366,ROUNDDOWN($C2569/24,0)+1,1)*INDEX($D$3:$AA$30,INDEX(Jesper!$R$2:$R$366,ROW(INDEX(Jesper!AJ$2:AJ$366,ROUNDDOWN($C2569/24,0)+1,1))-1)+IF('Standard Profiles'!$G$20=$B$10,7,0)+IF('Standard Profiles'!$G$20=$B$17,14,0)+IF('Standard Profiles'!$G$20=$B$24,21,0),MOD($C2569,24)+1)/SUM(INDEX($D$3:$AA$30,INDEX(Jesper!$R$2:$R$366,ROW(INDEX(Jesper!AJ$2:AJ$366,ROUNDDOWN($C2569/24,0)+1,1))-1)+IF('Standard Profiles'!$G$20=$B$10,7,0)+IF('Standard Profiles'!$G$20=$B$17,14,0)+IF('Standard Profiles'!$G$20=$B$24,21,0),0)),0)</f>
        <v>0</v>
      </c>
      <c r="G2569" cm="1">
        <f t="array" ref="G2569">IFERROR(INDEX(Jesper!AK$2:AK$366,ROUNDDOWN($C2569/24,0)+1,1)*INDEX($D$3:$AA$30,INDEX(Jesper!$R$2:$R$366,ROW(INDEX(Jesper!AK$2:AK$366,ROUNDDOWN($C2569/24,0)+1,1))-1)+IF('Standard Profiles'!$G$21=$B$10,7,0)+IF('Standard Profiles'!$G$21=$B$17,14,0)+IF('Standard Profiles'!$G$21=$B$24,21,0),MOD($C2569,24)+1)/SUM(INDEX($D$3:$AA$30,INDEX(Jesper!$R$2:$R$366,ROW(INDEX(Jesper!AK$2:AK$366,ROUNDDOWN($C2569/24,0)+1,1))-1)+IF('Standard Profiles'!$G$21=$B$10,7,0)+IF('Standard Profiles'!$G$21=$B$17,14,0)+IF('Standard Profiles'!$G$21=$B$24,21,0),0)),0)</f>
        <v>0</v>
      </c>
      <c r="H2569" cm="1">
        <f t="array" ref="H2569">IFERROR(INDEX(Jesper!AL$2:AL$366,ROUNDDOWN($C2569/24,0)+1,1)*INDEX($D$3:$AA$30,INDEX(Jesper!$R$2:$R$366,ROW(INDEX(Jesper!AL$2:AL$366,ROUNDDOWN($C2569/24,0)+1,1))-1)+IF('Standard Profiles'!$G$22=$B$10,7,0)+IF('Standard Profiles'!$G$22=$B$17,14,0)+IF('Standard Profiles'!$G$22=$B$24,21,0),MOD($C2569,24)+1)/SUM(INDEX($D$3:$AA$30,INDEX(Jesper!$R$2:$R$366,ROW(INDEX(Jesper!AL$2:AL$366,ROUNDDOWN($C2569/24,0)+1,1))-1)+IF('Standard Profiles'!$G$22=$B$10,7,0)+IF('Standard Profiles'!$G$22=$B$17,14,0)+IF('Standard Profiles'!$G$22=$B$24,21,0),0)),0)</f>
        <v>0</v>
      </c>
      <c r="I2569">
        <f t="shared" si="293"/>
        <v>0.50173682020939614</v>
      </c>
      <c r="J2569">
        <f t="shared" si="294"/>
        <v>1.672456067364654</v>
      </c>
      <c r="K2569">
        <f t="shared" si="295"/>
        <v>2.5086841010469807</v>
      </c>
      <c r="L2569">
        <f t="shared" si="296"/>
        <v>12.041683685025507</v>
      </c>
      <c r="M2569">
        <f t="shared" si="297"/>
        <v>0</v>
      </c>
      <c r="N2569" s="46">
        <f t="shared" si="298"/>
        <v>45397.624999993852</v>
      </c>
    </row>
    <row r="2570" spans="2:14" x14ac:dyDescent="0.3">
      <c r="B2570">
        <f t="shared" si="292"/>
        <v>1</v>
      </c>
      <c r="C2570" s="16">
        <v>2536</v>
      </c>
      <c r="D2570" cm="1">
        <f t="array" ref="D2570">IFERROR(INDEX(Jesper!AH$2:AH$366,ROUNDDOWN($C2570/24,0)+1,1)*INDEX($D$3:$AA$30,INDEX(Jesper!$R$2:$R$366,ROW(INDEX(Jesper!AH$2:AH$366,ROUNDDOWN($C2570/24,0)+1,1))-1)+IF('Standard Profiles'!$G$18=$B$10,7,0)+IF('Standard Profiles'!$G$18=$B$17,14,0)+IF('Standard Profiles'!$G$18=$B$24,21,0),MOD($C2570,24)+1)/SUM(INDEX($D$3:$AA$30,INDEX(Jesper!$R$2:$R$366,ROW(INDEX(Jesper!AH$2:AH$366,ROUNDDOWN($C2570/24,0)+1,1))-1)+IF('Standard Profiles'!$G$18=$B$10,7,0)+IF('Standard Profiles'!$G$18=$B$17,14,0)+IF('Standard Profiles'!$G$18=$B$24,21,0),0)),0)</f>
        <v>16.72456067364654</v>
      </c>
      <c r="E2570" cm="1">
        <f t="array" ref="E2570">IFERROR(INDEX(Jesper!AI$2:AI$366,ROUNDDOWN($C2570/24,0)+1,1)*INDEX($D$3:$AA$30,INDEX(Jesper!$R$2:$R$366,ROW(INDEX(Jesper!AI$2:AI$366,ROUNDDOWN($C2570/24,0)+1,1))-1)+IF('Standard Profiles'!$G$19=$B$10,7,0)+IF('Standard Profiles'!$G$19=$B$17,14,0)+IF('Standard Profiles'!$G$19=$B$24,21,0),MOD($C2570,24)+1)/SUM(INDEX($D$3:$AA$30,INDEX(Jesper!$R$2:$R$366,ROW(INDEX(Jesper!AI$2:AI$366,ROUNDDOWN($C2570/24,0)+1,1))-1)+IF('Standard Profiles'!$G$19=$B$10,7,0)+IF('Standard Profiles'!$G$19=$B$17,14,0)+IF('Standard Profiles'!$G$19=$B$24,21,0),0)),0)</f>
        <v>0</v>
      </c>
      <c r="F2570" cm="1">
        <f t="array" ref="F2570">IFERROR(INDEX(Jesper!AJ$2:AJ$366,ROUNDDOWN($C2570/24,0)+1,1)*INDEX($D$3:$AA$30,INDEX(Jesper!$R$2:$R$366,ROW(INDEX(Jesper!AJ$2:AJ$366,ROUNDDOWN($C2570/24,0)+1,1))-1)+IF('Standard Profiles'!$G$20=$B$10,7,0)+IF('Standard Profiles'!$G$20=$B$17,14,0)+IF('Standard Profiles'!$G$20=$B$24,21,0),MOD($C2570,24)+1)/SUM(INDEX($D$3:$AA$30,INDEX(Jesper!$R$2:$R$366,ROW(INDEX(Jesper!AJ$2:AJ$366,ROUNDDOWN($C2570/24,0)+1,1))-1)+IF('Standard Profiles'!$G$20=$B$10,7,0)+IF('Standard Profiles'!$G$20=$B$17,14,0)+IF('Standard Profiles'!$G$20=$B$24,21,0),0)),0)</f>
        <v>0</v>
      </c>
      <c r="G2570" cm="1">
        <f t="array" ref="G2570">IFERROR(INDEX(Jesper!AK$2:AK$366,ROUNDDOWN($C2570/24,0)+1,1)*INDEX($D$3:$AA$30,INDEX(Jesper!$R$2:$R$366,ROW(INDEX(Jesper!AK$2:AK$366,ROUNDDOWN($C2570/24,0)+1,1))-1)+IF('Standard Profiles'!$G$21=$B$10,7,0)+IF('Standard Profiles'!$G$21=$B$17,14,0)+IF('Standard Profiles'!$G$21=$B$24,21,0),MOD($C2570,24)+1)/SUM(INDEX($D$3:$AA$30,INDEX(Jesper!$R$2:$R$366,ROW(INDEX(Jesper!AK$2:AK$366,ROUNDDOWN($C2570/24,0)+1,1))-1)+IF('Standard Profiles'!$G$21=$B$10,7,0)+IF('Standard Profiles'!$G$21=$B$17,14,0)+IF('Standard Profiles'!$G$21=$B$24,21,0),0)),0)</f>
        <v>0</v>
      </c>
      <c r="H2570" cm="1">
        <f t="array" ref="H2570">IFERROR(INDEX(Jesper!AL$2:AL$366,ROUNDDOWN($C2570/24,0)+1,1)*INDEX($D$3:$AA$30,INDEX(Jesper!$R$2:$R$366,ROW(INDEX(Jesper!AL$2:AL$366,ROUNDDOWN($C2570/24,0)+1,1))-1)+IF('Standard Profiles'!$G$22=$B$10,7,0)+IF('Standard Profiles'!$G$22=$B$17,14,0)+IF('Standard Profiles'!$G$22=$B$24,21,0),MOD($C2570,24)+1)/SUM(INDEX($D$3:$AA$30,INDEX(Jesper!$R$2:$R$366,ROW(INDEX(Jesper!AL$2:AL$366,ROUNDDOWN($C2570/24,0)+1,1))-1)+IF('Standard Profiles'!$G$22=$B$10,7,0)+IF('Standard Profiles'!$G$22=$B$17,14,0)+IF('Standard Profiles'!$G$22=$B$24,21,0),0)),0)</f>
        <v>0</v>
      </c>
      <c r="I2570">
        <f t="shared" si="293"/>
        <v>0.50173682020939614</v>
      </c>
      <c r="J2570">
        <f t="shared" si="294"/>
        <v>1.672456067364654</v>
      </c>
      <c r="K2570">
        <f t="shared" si="295"/>
        <v>2.5086841010469807</v>
      </c>
      <c r="L2570">
        <f t="shared" si="296"/>
        <v>12.041683685025507</v>
      </c>
      <c r="M2570">
        <f t="shared" si="297"/>
        <v>0</v>
      </c>
      <c r="N2570" s="46">
        <f t="shared" si="298"/>
        <v>45397.666666660516</v>
      </c>
    </row>
    <row r="2571" spans="2:14" x14ac:dyDescent="0.3">
      <c r="B2571">
        <f t="shared" si="292"/>
        <v>1</v>
      </c>
      <c r="C2571" s="16">
        <v>2537</v>
      </c>
      <c r="D2571" cm="1">
        <f t="array" ref="D2571">IFERROR(INDEX(Jesper!AH$2:AH$366,ROUNDDOWN($C2571/24,0)+1,1)*INDEX($D$3:$AA$30,INDEX(Jesper!$R$2:$R$366,ROW(INDEX(Jesper!AH$2:AH$366,ROUNDDOWN($C2571/24,0)+1,1))-1)+IF('Standard Profiles'!$G$18=$B$10,7,0)+IF('Standard Profiles'!$G$18=$B$17,14,0)+IF('Standard Profiles'!$G$18=$B$24,21,0),MOD($C2571,24)+1)/SUM(INDEX($D$3:$AA$30,INDEX(Jesper!$R$2:$R$366,ROW(INDEX(Jesper!AH$2:AH$366,ROUNDDOWN($C2571/24,0)+1,1))-1)+IF('Standard Profiles'!$G$18=$B$10,7,0)+IF('Standard Profiles'!$G$18=$B$17,14,0)+IF('Standard Profiles'!$G$18=$B$24,21,0),0)),0)</f>
        <v>16.72456067364654</v>
      </c>
      <c r="E2571" cm="1">
        <f t="array" ref="E2571">IFERROR(INDEX(Jesper!AI$2:AI$366,ROUNDDOWN($C2571/24,0)+1,1)*INDEX($D$3:$AA$30,INDEX(Jesper!$R$2:$R$366,ROW(INDEX(Jesper!AI$2:AI$366,ROUNDDOWN($C2571/24,0)+1,1))-1)+IF('Standard Profiles'!$G$19=$B$10,7,0)+IF('Standard Profiles'!$G$19=$B$17,14,0)+IF('Standard Profiles'!$G$19=$B$24,21,0),MOD($C2571,24)+1)/SUM(INDEX($D$3:$AA$30,INDEX(Jesper!$R$2:$R$366,ROW(INDEX(Jesper!AI$2:AI$366,ROUNDDOWN($C2571/24,0)+1,1))-1)+IF('Standard Profiles'!$G$19=$B$10,7,0)+IF('Standard Profiles'!$G$19=$B$17,14,0)+IF('Standard Profiles'!$G$19=$B$24,21,0),0)),0)</f>
        <v>0</v>
      </c>
      <c r="F2571" cm="1">
        <f t="array" ref="F2571">IFERROR(INDEX(Jesper!AJ$2:AJ$366,ROUNDDOWN($C2571/24,0)+1,1)*INDEX($D$3:$AA$30,INDEX(Jesper!$R$2:$R$366,ROW(INDEX(Jesper!AJ$2:AJ$366,ROUNDDOWN($C2571/24,0)+1,1))-1)+IF('Standard Profiles'!$G$20=$B$10,7,0)+IF('Standard Profiles'!$G$20=$B$17,14,0)+IF('Standard Profiles'!$G$20=$B$24,21,0),MOD($C2571,24)+1)/SUM(INDEX($D$3:$AA$30,INDEX(Jesper!$R$2:$R$366,ROW(INDEX(Jesper!AJ$2:AJ$366,ROUNDDOWN($C2571/24,0)+1,1))-1)+IF('Standard Profiles'!$G$20=$B$10,7,0)+IF('Standard Profiles'!$G$20=$B$17,14,0)+IF('Standard Profiles'!$G$20=$B$24,21,0),0)),0)</f>
        <v>0</v>
      </c>
      <c r="G2571" cm="1">
        <f t="array" ref="G2571">IFERROR(INDEX(Jesper!AK$2:AK$366,ROUNDDOWN($C2571/24,0)+1,1)*INDEX($D$3:$AA$30,INDEX(Jesper!$R$2:$R$366,ROW(INDEX(Jesper!AK$2:AK$366,ROUNDDOWN($C2571/24,0)+1,1))-1)+IF('Standard Profiles'!$G$21=$B$10,7,0)+IF('Standard Profiles'!$G$21=$B$17,14,0)+IF('Standard Profiles'!$G$21=$B$24,21,0),MOD($C2571,24)+1)/SUM(INDEX($D$3:$AA$30,INDEX(Jesper!$R$2:$R$366,ROW(INDEX(Jesper!AK$2:AK$366,ROUNDDOWN($C2571/24,0)+1,1))-1)+IF('Standard Profiles'!$G$21=$B$10,7,0)+IF('Standard Profiles'!$G$21=$B$17,14,0)+IF('Standard Profiles'!$G$21=$B$24,21,0),0)),0)</f>
        <v>0</v>
      </c>
      <c r="H2571" cm="1">
        <f t="array" ref="H2571">IFERROR(INDEX(Jesper!AL$2:AL$366,ROUNDDOWN($C2571/24,0)+1,1)*INDEX($D$3:$AA$30,INDEX(Jesper!$R$2:$R$366,ROW(INDEX(Jesper!AL$2:AL$366,ROUNDDOWN($C2571/24,0)+1,1))-1)+IF('Standard Profiles'!$G$22=$B$10,7,0)+IF('Standard Profiles'!$G$22=$B$17,14,0)+IF('Standard Profiles'!$G$22=$B$24,21,0),MOD($C2571,24)+1)/SUM(INDEX($D$3:$AA$30,INDEX(Jesper!$R$2:$R$366,ROW(INDEX(Jesper!AL$2:AL$366,ROUNDDOWN($C2571/24,0)+1,1))-1)+IF('Standard Profiles'!$G$22=$B$10,7,0)+IF('Standard Profiles'!$G$22=$B$17,14,0)+IF('Standard Profiles'!$G$22=$B$24,21,0),0)),0)</f>
        <v>0</v>
      </c>
      <c r="I2571">
        <f t="shared" si="293"/>
        <v>0.50173682020939614</v>
      </c>
      <c r="J2571">
        <f t="shared" si="294"/>
        <v>1.672456067364654</v>
      </c>
      <c r="K2571">
        <f t="shared" si="295"/>
        <v>2.5086841010469807</v>
      </c>
      <c r="L2571">
        <f t="shared" si="296"/>
        <v>12.041683685025507</v>
      </c>
      <c r="M2571">
        <f t="shared" si="297"/>
        <v>0</v>
      </c>
      <c r="N2571" s="46">
        <f t="shared" si="298"/>
        <v>45397.70833332718</v>
      </c>
    </row>
    <row r="2572" spans="2:14" x14ac:dyDescent="0.3">
      <c r="B2572">
        <f t="shared" si="292"/>
        <v>1</v>
      </c>
      <c r="C2572" s="16">
        <v>2538</v>
      </c>
      <c r="D2572" cm="1">
        <f t="array" ref="D2572">IFERROR(INDEX(Jesper!AH$2:AH$366,ROUNDDOWN($C2572/24,0)+1,1)*INDEX($D$3:$AA$30,INDEX(Jesper!$R$2:$R$366,ROW(INDEX(Jesper!AH$2:AH$366,ROUNDDOWN($C2572/24,0)+1,1))-1)+IF('Standard Profiles'!$G$18=$B$10,7,0)+IF('Standard Profiles'!$G$18=$B$17,14,0)+IF('Standard Profiles'!$G$18=$B$24,21,0),MOD($C2572,24)+1)/SUM(INDEX($D$3:$AA$30,INDEX(Jesper!$R$2:$R$366,ROW(INDEX(Jesper!AH$2:AH$366,ROUNDDOWN($C2572/24,0)+1,1))-1)+IF('Standard Profiles'!$G$18=$B$10,7,0)+IF('Standard Profiles'!$G$18=$B$17,14,0)+IF('Standard Profiles'!$G$18=$B$24,21,0),0)),0)</f>
        <v>16.72456067364654</v>
      </c>
      <c r="E2572" cm="1">
        <f t="array" ref="E2572">IFERROR(INDEX(Jesper!AI$2:AI$366,ROUNDDOWN($C2572/24,0)+1,1)*INDEX($D$3:$AA$30,INDEX(Jesper!$R$2:$R$366,ROW(INDEX(Jesper!AI$2:AI$366,ROUNDDOWN($C2572/24,0)+1,1))-1)+IF('Standard Profiles'!$G$19=$B$10,7,0)+IF('Standard Profiles'!$G$19=$B$17,14,0)+IF('Standard Profiles'!$G$19=$B$24,21,0),MOD($C2572,24)+1)/SUM(INDEX($D$3:$AA$30,INDEX(Jesper!$R$2:$R$366,ROW(INDEX(Jesper!AI$2:AI$366,ROUNDDOWN($C2572/24,0)+1,1))-1)+IF('Standard Profiles'!$G$19=$B$10,7,0)+IF('Standard Profiles'!$G$19=$B$17,14,0)+IF('Standard Profiles'!$G$19=$B$24,21,0),0)),0)</f>
        <v>0</v>
      </c>
      <c r="F2572" cm="1">
        <f t="array" ref="F2572">IFERROR(INDEX(Jesper!AJ$2:AJ$366,ROUNDDOWN($C2572/24,0)+1,1)*INDEX($D$3:$AA$30,INDEX(Jesper!$R$2:$R$366,ROW(INDEX(Jesper!AJ$2:AJ$366,ROUNDDOWN($C2572/24,0)+1,1))-1)+IF('Standard Profiles'!$G$20=$B$10,7,0)+IF('Standard Profiles'!$G$20=$B$17,14,0)+IF('Standard Profiles'!$G$20=$B$24,21,0),MOD($C2572,24)+1)/SUM(INDEX($D$3:$AA$30,INDEX(Jesper!$R$2:$R$366,ROW(INDEX(Jesper!AJ$2:AJ$366,ROUNDDOWN($C2572/24,0)+1,1))-1)+IF('Standard Profiles'!$G$20=$B$10,7,0)+IF('Standard Profiles'!$G$20=$B$17,14,0)+IF('Standard Profiles'!$G$20=$B$24,21,0),0)),0)</f>
        <v>0</v>
      </c>
      <c r="G2572" cm="1">
        <f t="array" ref="G2572">IFERROR(INDEX(Jesper!AK$2:AK$366,ROUNDDOWN($C2572/24,0)+1,1)*INDEX($D$3:$AA$30,INDEX(Jesper!$R$2:$R$366,ROW(INDEX(Jesper!AK$2:AK$366,ROUNDDOWN($C2572/24,0)+1,1))-1)+IF('Standard Profiles'!$G$21=$B$10,7,0)+IF('Standard Profiles'!$G$21=$B$17,14,0)+IF('Standard Profiles'!$G$21=$B$24,21,0),MOD($C2572,24)+1)/SUM(INDEX($D$3:$AA$30,INDEX(Jesper!$R$2:$R$366,ROW(INDEX(Jesper!AK$2:AK$366,ROUNDDOWN($C2572/24,0)+1,1))-1)+IF('Standard Profiles'!$G$21=$B$10,7,0)+IF('Standard Profiles'!$G$21=$B$17,14,0)+IF('Standard Profiles'!$G$21=$B$24,21,0),0)),0)</f>
        <v>0</v>
      </c>
      <c r="H2572" cm="1">
        <f t="array" ref="H2572">IFERROR(INDEX(Jesper!AL$2:AL$366,ROUNDDOWN($C2572/24,0)+1,1)*INDEX($D$3:$AA$30,INDEX(Jesper!$R$2:$R$366,ROW(INDEX(Jesper!AL$2:AL$366,ROUNDDOWN($C2572/24,0)+1,1))-1)+IF('Standard Profiles'!$G$22=$B$10,7,0)+IF('Standard Profiles'!$G$22=$B$17,14,0)+IF('Standard Profiles'!$G$22=$B$24,21,0),MOD($C2572,24)+1)/SUM(INDEX($D$3:$AA$30,INDEX(Jesper!$R$2:$R$366,ROW(INDEX(Jesper!AL$2:AL$366,ROUNDDOWN($C2572/24,0)+1,1))-1)+IF('Standard Profiles'!$G$22=$B$10,7,0)+IF('Standard Profiles'!$G$22=$B$17,14,0)+IF('Standard Profiles'!$G$22=$B$24,21,0),0)),0)</f>
        <v>0</v>
      </c>
      <c r="I2572">
        <f t="shared" si="293"/>
        <v>0.50173682020939614</v>
      </c>
      <c r="J2572">
        <f t="shared" si="294"/>
        <v>1.672456067364654</v>
      </c>
      <c r="K2572">
        <f t="shared" si="295"/>
        <v>2.5086841010469807</v>
      </c>
      <c r="L2572">
        <f t="shared" si="296"/>
        <v>12.041683685025507</v>
      </c>
      <c r="M2572">
        <f t="shared" si="297"/>
        <v>0</v>
      </c>
      <c r="N2572" s="46">
        <f t="shared" si="298"/>
        <v>45397.749999993845</v>
      </c>
    </row>
    <row r="2573" spans="2:14" x14ac:dyDescent="0.3">
      <c r="B2573">
        <f t="shared" si="292"/>
        <v>1</v>
      </c>
      <c r="C2573" s="16">
        <v>2539</v>
      </c>
      <c r="D2573" cm="1">
        <f t="array" ref="D2573">IFERROR(INDEX(Jesper!AH$2:AH$366,ROUNDDOWN($C2573/24,0)+1,1)*INDEX($D$3:$AA$30,INDEX(Jesper!$R$2:$R$366,ROW(INDEX(Jesper!AH$2:AH$366,ROUNDDOWN($C2573/24,0)+1,1))-1)+IF('Standard Profiles'!$G$18=$B$10,7,0)+IF('Standard Profiles'!$G$18=$B$17,14,0)+IF('Standard Profiles'!$G$18=$B$24,21,0),MOD($C2573,24)+1)/SUM(INDEX($D$3:$AA$30,INDEX(Jesper!$R$2:$R$366,ROW(INDEX(Jesper!AH$2:AH$366,ROUNDDOWN($C2573/24,0)+1,1))-1)+IF('Standard Profiles'!$G$18=$B$10,7,0)+IF('Standard Profiles'!$G$18=$B$17,14,0)+IF('Standard Profiles'!$G$18=$B$24,21,0),0)),0)</f>
        <v>14.006819564178979</v>
      </c>
      <c r="E2573" cm="1">
        <f t="array" ref="E2573">IFERROR(INDEX(Jesper!AI$2:AI$366,ROUNDDOWN($C2573/24,0)+1,1)*INDEX($D$3:$AA$30,INDEX(Jesper!$R$2:$R$366,ROW(INDEX(Jesper!AI$2:AI$366,ROUNDDOWN($C2573/24,0)+1,1))-1)+IF('Standard Profiles'!$G$19=$B$10,7,0)+IF('Standard Profiles'!$G$19=$B$17,14,0)+IF('Standard Profiles'!$G$19=$B$24,21,0),MOD($C2573,24)+1)/SUM(INDEX($D$3:$AA$30,INDEX(Jesper!$R$2:$R$366,ROW(INDEX(Jesper!AI$2:AI$366,ROUNDDOWN($C2573/24,0)+1,1))-1)+IF('Standard Profiles'!$G$19=$B$10,7,0)+IF('Standard Profiles'!$G$19=$B$17,14,0)+IF('Standard Profiles'!$G$19=$B$24,21,0),0)),0)</f>
        <v>0</v>
      </c>
      <c r="F2573" cm="1">
        <f t="array" ref="F2573">IFERROR(INDEX(Jesper!AJ$2:AJ$366,ROUNDDOWN($C2573/24,0)+1,1)*INDEX($D$3:$AA$30,INDEX(Jesper!$R$2:$R$366,ROW(INDEX(Jesper!AJ$2:AJ$366,ROUNDDOWN($C2573/24,0)+1,1))-1)+IF('Standard Profiles'!$G$20=$B$10,7,0)+IF('Standard Profiles'!$G$20=$B$17,14,0)+IF('Standard Profiles'!$G$20=$B$24,21,0),MOD($C2573,24)+1)/SUM(INDEX($D$3:$AA$30,INDEX(Jesper!$R$2:$R$366,ROW(INDEX(Jesper!AJ$2:AJ$366,ROUNDDOWN($C2573/24,0)+1,1))-1)+IF('Standard Profiles'!$G$20=$B$10,7,0)+IF('Standard Profiles'!$G$20=$B$17,14,0)+IF('Standard Profiles'!$G$20=$B$24,21,0),0)),0)</f>
        <v>0</v>
      </c>
      <c r="G2573" cm="1">
        <f t="array" ref="G2573">IFERROR(INDEX(Jesper!AK$2:AK$366,ROUNDDOWN($C2573/24,0)+1,1)*INDEX($D$3:$AA$30,INDEX(Jesper!$R$2:$R$366,ROW(INDEX(Jesper!AK$2:AK$366,ROUNDDOWN($C2573/24,0)+1,1))-1)+IF('Standard Profiles'!$G$21=$B$10,7,0)+IF('Standard Profiles'!$G$21=$B$17,14,0)+IF('Standard Profiles'!$G$21=$B$24,21,0),MOD($C2573,24)+1)/SUM(INDEX($D$3:$AA$30,INDEX(Jesper!$R$2:$R$366,ROW(INDEX(Jesper!AK$2:AK$366,ROUNDDOWN($C2573/24,0)+1,1))-1)+IF('Standard Profiles'!$G$21=$B$10,7,0)+IF('Standard Profiles'!$G$21=$B$17,14,0)+IF('Standard Profiles'!$G$21=$B$24,21,0),0)),0)</f>
        <v>0</v>
      </c>
      <c r="H2573" cm="1">
        <f t="array" ref="H2573">IFERROR(INDEX(Jesper!AL$2:AL$366,ROUNDDOWN($C2573/24,0)+1,1)*INDEX($D$3:$AA$30,INDEX(Jesper!$R$2:$R$366,ROW(INDEX(Jesper!AL$2:AL$366,ROUNDDOWN($C2573/24,0)+1,1))-1)+IF('Standard Profiles'!$G$22=$B$10,7,0)+IF('Standard Profiles'!$G$22=$B$17,14,0)+IF('Standard Profiles'!$G$22=$B$24,21,0),MOD($C2573,24)+1)/SUM(INDEX($D$3:$AA$30,INDEX(Jesper!$R$2:$R$366,ROW(INDEX(Jesper!AL$2:AL$366,ROUNDDOWN($C2573/24,0)+1,1))-1)+IF('Standard Profiles'!$G$22=$B$10,7,0)+IF('Standard Profiles'!$G$22=$B$17,14,0)+IF('Standard Profiles'!$G$22=$B$24,21,0),0)),0)</f>
        <v>0</v>
      </c>
      <c r="I2573">
        <f t="shared" si="293"/>
        <v>0.42020458692536938</v>
      </c>
      <c r="J2573">
        <f t="shared" si="294"/>
        <v>1.4006819564178981</v>
      </c>
      <c r="K2573">
        <f t="shared" si="295"/>
        <v>2.101022934626847</v>
      </c>
      <c r="L2573">
        <f t="shared" si="296"/>
        <v>10.084910086208865</v>
      </c>
      <c r="M2573">
        <f t="shared" si="297"/>
        <v>0</v>
      </c>
      <c r="N2573" s="46">
        <f t="shared" si="298"/>
        <v>45397.791666660509</v>
      </c>
    </row>
    <row r="2574" spans="2:14" x14ac:dyDescent="0.3">
      <c r="B2574">
        <f t="shared" si="292"/>
        <v>1</v>
      </c>
      <c r="C2574" s="16">
        <v>2540</v>
      </c>
      <c r="D2574" cm="1">
        <f t="array" ref="D2574">IFERROR(INDEX(Jesper!AH$2:AH$366,ROUNDDOWN($C2574/24,0)+1,1)*INDEX($D$3:$AA$30,INDEX(Jesper!$R$2:$R$366,ROW(INDEX(Jesper!AH$2:AH$366,ROUNDDOWN($C2574/24,0)+1,1))-1)+IF('Standard Profiles'!$G$18=$B$10,7,0)+IF('Standard Profiles'!$G$18=$B$17,14,0)+IF('Standard Profiles'!$G$18=$B$24,21,0),MOD($C2574,24)+1)/SUM(INDEX($D$3:$AA$30,INDEX(Jesper!$R$2:$R$366,ROW(INDEX(Jesper!AH$2:AH$366,ROUNDDOWN($C2574/24,0)+1,1))-1)+IF('Standard Profiles'!$G$18=$B$10,7,0)+IF('Standard Profiles'!$G$18=$B$17,14,0)+IF('Standard Profiles'!$G$18=$B$24,21,0),0)),0)</f>
        <v>11.498135463131996</v>
      </c>
      <c r="E2574" cm="1">
        <f t="array" ref="E2574">IFERROR(INDEX(Jesper!AI$2:AI$366,ROUNDDOWN($C2574/24,0)+1,1)*INDEX($D$3:$AA$30,INDEX(Jesper!$R$2:$R$366,ROW(INDEX(Jesper!AI$2:AI$366,ROUNDDOWN($C2574/24,0)+1,1))-1)+IF('Standard Profiles'!$G$19=$B$10,7,0)+IF('Standard Profiles'!$G$19=$B$17,14,0)+IF('Standard Profiles'!$G$19=$B$24,21,0),MOD($C2574,24)+1)/SUM(INDEX($D$3:$AA$30,INDEX(Jesper!$R$2:$R$366,ROW(INDEX(Jesper!AI$2:AI$366,ROUNDDOWN($C2574/24,0)+1,1))-1)+IF('Standard Profiles'!$G$19=$B$10,7,0)+IF('Standard Profiles'!$G$19=$B$17,14,0)+IF('Standard Profiles'!$G$19=$B$24,21,0),0)),0)</f>
        <v>0</v>
      </c>
      <c r="F2574" cm="1">
        <f t="array" ref="F2574">IFERROR(INDEX(Jesper!AJ$2:AJ$366,ROUNDDOWN($C2574/24,0)+1,1)*INDEX($D$3:$AA$30,INDEX(Jesper!$R$2:$R$366,ROW(INDEX(Jesper!AJ$2:AJ$366,ROUNDDOWN($C2574/24,0)+1,1))-1)+IF('Standard Profiles'!$G$20=$B$10,7,0)+IF('Standard Profiles'!$G$20=$B$17,14,0)+IF('Standard Profiles'!$G$20=$B$24,21,0),MOD($C2574,24)+1)/SUM(INDEX($D$3:$AA$30,INDEX(Jesper!$R$2:$R$366,ROW(INDEX(Jesper!AJ$2:AJ$366,ROUNDDOWN($C2574/24,0)+1,1))-1)+IF('Standard Profiles'!$G$20=$B$10,7,0)+IF('Standard Profiles'!$G$20=$B$17,14,0)+IF('Standard Profiles'!$G$20=$B$24,21,0),0)),0)</f>
        <v>0</v>
      </c>
      <c r="G2574" cm="1">
        <f t="array" ref="G2574">IFERROR(INDEX(Jesper!AK$2:AK$366,ROUNDDOWN($C2574/24,0)+1,1)*INDEX($D$3:$AA$30,INDEX(Jesper!$R$2:$R$366,ROW(INDEX(Jesper!AK$2:AK$366,ROUNDDOWN($C2574/24,0)+1,1))-1)+IF('Standard Profiles'!$G$21=$B$10,7,0)+IF('Standard Profiles'!$G$21=$B$17,14,0)+IF('Standard Profiles'!$G$21=$B$24,21,0),MOD($C2574,24)+1)/SUM(INDEX($D$3:$AA$30,INDEX(Jesper!$R$2:$R$366,ROW(INDEX(Jesper!AK$2:AK$366,ROUNDDOWN($C2574/24,0)+1,1))-1)+IF('Standard Profiles'!$G$21=$B$10,7,0)+IF('Standard Profiles'!$G$21=$B$17,14,0)+IF('Standard Profiles'!$G$21=$B$24,21,0),0)),0)</f>
        <v>0</v>
      </c>
      <c r="H2574" cm="1">
        <f t="array" ref="H2574">IFERROR(INDEX(Jesper!AL$2:AL$366,ROUNDDOWN($C2574/24,0)+1,1)*INDEX($D$3:$AA$30,INDEX(Jesper!$R$2:$R$366,ROW(INDEX(Jesper!AL$2:AL$366,ROUNDDOWN($C2574/24,0)+1,1))-1)+IF('Standard Profiles'!$G$22=$B$10,7,0)+IF('Standard Profiles'!$G$22=$B$17,14,0)+IF('Standard Profiles'!$G$22=$B$24,21,0),MOD($C2574,24)+1)/SUM(INDEX($D$3:$AA$30,INDEX(Jesper!$R$2:$R$366,ROW(INDEX(Jesper!AL$2:AL$366,ROUNDDOWN($C2574/24,0)+1,1))-1)+IF('Standard Profiles'!$G$22=$B$10,7,0)+IF('Standard Profiles'!$G$22=$B$17,14,0)+IF('Standard Profiles'!$G$22=$B$24,21,0),0)),0)</f>
        <v>0</v>
      </c>
      <c r="I2574">
        <f t="shared" si="293"/>
        <v>0.34494406389395987</v>
      </c>
      <c r="J2574">
        <f t="shared" si="294"/>
        <v>1.1498135463131998</v>
      </c>
      <c r="K2574">
        <f t="shared" si="295"/>
        <v>1.7247203194697993</v>
      </c>
      <c r="L2574">
        <f t="shared" si="296"/>
        <v>8.2786575334550374</v>
      </c>
      <c r="M2574">
        <f t="shared" si="297"/>
        <v>0</v>
      </c>
      <c r="N2574" s="46">
        <f t="shared" si="298"/>
        <v>45397.833333327173</v>
      </c>
    </row>
    <row r="2575" spans="2:14" x14ac:dyDescent="0.3">
      <c r="B2575">
        <f t="shared" si="292"/>
        <v>1</v>
      </c>
      <c r="C2575" s="16">
        <v>2541</v>
      </c>
      <c r="D2575" cm="1">
        <f t="array" ref="D2575">IFERROR(INDEX(Jesper!AH$2:AH$366,ROUNDDOWN($C2575/24,0)+1,1)*INDEX($D$3:$AA$30,INDEX(Jesper!$R$2:$R$366,ROW(INDEX(Jesper!AH$2:AH$366,ROUNDDOWN($C2575/24,0)+1,1))-1)+IF('Standard Profiles'!$G$18=$B$10,7,0)+IF('Standard Profiles'!$G$18=$B$17,14,0)+IF('Standard Profiles'!$G$18=$B$24,21,0),MOD($C2575,24)+1)/SUM(INDEX($D$3:$AA$30,INDEX(Jesper!$R$2:$R$366,ROW(INDEX(Jesper!AH$2:AH$366,ROUNDDOWN($C2575/24,0)+1,1))-1)+IF('Standard Profiles'!$G$18=$B$10,7,0)+IF('Standard Profiles'!$G$18=$B$17,14,0)+IF('Standard Profiles'!$G$18=$B$24,21,0),0)),0)</f>
        <v>8.3622803368232699</v>
      </c>
      <c r="E2575" cm="1">
        <f t="array" ref="E2575">IFERROR(INDEX(Jesper!AI$2:AI$366,ROUNDDOWN($C2575/24,0)+1,1)*INDEX($D$3:$AA$30,INDEX(Jesper!$R$2:$R$366,ROW(INDEX(Jesper!AI$2:AI$366,ROUNDDOWN($C2575/24,0)+1,1))-1)+IF('Standard Profiles'!$G$19=$B$10,7,0)+IF('Standard Profiles'!$G$19=$B$17,14,0)+IF('Standard Profiles'!$G$19=$B$24,21,0),MOD($C2575,24)+1)/SUM(INDEX($D$3:$AA$30,INDEX(Jesper!$R$2:$R$366,ROW(INDEX(Jesper!AI$2:AI$366,ROUNDDOWN($C2575/24,0)+1,1))-1)+IF('Standard Profiles'!$G$19=$B$10,7,0)+IF('Standard Profiles'!$G$19=$B$17,14,0)+IF('Standard Profiles'!$G$19=$B$24,21,0),0)),0)</f>
        <v>0</v>
      </c>
      <c r="F2575" cm="1">
        <f t="array" ref="F2575">IFERROR(INDEX(Jesper!AJ$2:AJ$366,ROUNDDOWN($C2575/24,0)+1,1)*INDEX($D$3:$AA$30,INDEX(Jesper!$R$2:$R$366,ROW(INDEX(Jesper!AJ$2:AJ$366,ROUNDDOWN($C2575/24,0)+1,1))-1)+IF('Standard Profiles'!$G$20=$B$10,7,0)+IF('Standard Profiles'!$G$20=$B$17,14,0)+IF('Standard Profiles'!$G$20=$B$24,21,0),MOD($C2575,24)+1)/SUM(INDEX($D$3:$AA$30,INDEX(Jesper!$R$2:$R$366,ROW(INDEX(Jesper!AJ$2:AJ$366,ROUNDDOWN($C2575/24,0)+1,1))-1)+IF('Standard Profiles'!$G$20=$B$10,7,0)+IF('Standard Profiles'!$G$20=$B$17,14,0)+IF('Standard Profiles'!$G$20=$B$24,21,0),0)),0)</f>
        <v>0</v>
      </c>
      <c r="G2575" cm="1">
        <f t="array" ref="G2575">IFERROR(INDEX(Jesper!AK$2:AK$366,ROUNDDOWN($C2575/24,0)+1,1)*INDEX($D$3:$AA$30,INDEX(Jesper!$R$2:$R$366,ROW(INDEX(Jesper!AK$2:AK$366,ROUNDDOWN($C2575/24,0)+1,1))-1)+IF('Standard Profiles'!$G$21=$B$10,7,0)+IF('Standard Profiles'!$G$21=$B$17,14,0)+IF('Standard Profiles'!$G$21=$B$24,21,0),MOD($C2575,24)+1)/SUM(INDEX($D$3:$AA$30,INDEX(Jesper!$R$2:$R$366,ROW(INDEX(Jesper!AK$2:AK$366,ROUNDDOWN($C2575/24,0)+1,1))-1)+IF('Standard Profiles'!$G$21=$B$10,7,0)+IF('Standard Profiles'!$G$21=$B$17,14,0)+IF('Standard Profiles'!$G$21=$B$24,21,0),0)),0)</f>
        <v>0</v>
      </c>
      <c r="H2575" cm="1">
        <f t="array" ref="H2575">IFERROR(INDEX(Jesper!AL$2:AL$366,ROUNDDOWN($C2575/24,0)+1,1)*INDEX($D$3:$AA$30,INDEX(Jesper!$R$2:$R$366,ROW(INDEX(Jesper!AL$2:AL$366,ROUNDDOWN($C2575/24,0)+1,1))-1)+IF('Standard Profiles'!$G$22=$B$10,7,0)+IF('Standard Profiles'!$G$22=$B$17,14,0)+IF('Standard Profiles'!$G$22=$B$24,21,0),MOD($C2575,24)+1)/SUM(INDEX($D$3:$AA$30,INDEX(Jesper!$R$2:$R$366,ROW(INDEX(Jesper!AL$2:AL$366,ROUNDDOWN($C2575/24,0)+1,1))-1)+IF('Standard Profiles'!$G$22=$B$10,7,0)+IF('Standard Profiles'!$G$22=$B$17,14,0)+IF('Standard Profiles'!$G$22=$B$24,21,0),0)),0)</f>
        <v>0</v>
      </c>
      <c r="I2575">
        <f t="shared" si="293"/>
        <v>0.25086841010469807</v>
      </c>
      <c r="J2575">
        <f t="shared" si="294"/>
        <v>0.83622803368232701</v>
      </c>
      <c r="K2575">
        <f t="shared" si="295"/>
        <v>1.2543420505234903</v>
      </c>
      <c r="L2575">
        <f t="shared" si="296"/>
        <v>6.0208418425127537</v>
      </c>
      <c r="M2575">
        <f t="shared" si="297"/>
        <v>0</v>
      </c>
      <c r="N2575" s="46">
        <f t="shared" si="298"/>
        <v>45397.874999993837</v>
      </c>
    </row>
    <row r="2576" spans="2:14" x14ac:dyDescent="0.3">
      <c r="B2576">
        <f t="shared" si="292"/>
        <v>1</v>
      </c>
      <c r="C2576" s="16">
        <v>2542</v>
      </c>
      <c r="D2576" cm="1">
        <f t="array" ref="D2576">IFERROR(INDEX(Jesper!AH$2:AH$366,ROUNDDOWN($C2576/24,0)+1,1)*INDEX($D$3:$AA$30,INDEX(Jesper!$R$2:$R$366,ROW(INDEX(Jesper!AH$2:AH$366,ROUNDDOWN($C2576/24,0)+1,1))-1)+IF('Standard Profiles'!$G$18=$B$10,7,0)+IF('Standard Profiles'!$G$18=$B$17,14,0)+IF('Standard Profiles'!$G$18=$B$24,21,0),MOD($C2576,24)+1)/SUM(INDEX($D$3:$AA$30,INDEX(Jesper!$R$2:$R$366,ROW(INDEX(Jesper!AH$2:AH$366,ROUNDDOWN($C2576/24,0)+1,1))-1)+IF('Standard Profiles'!$G$18=$B$10,7,0)+IF('Standard Profiles'!$G$18=$B$17,14,0)+IF('Standard Profiles'!$G$18=$B$24,21,0),0)),0)</f>
        <v>7.9441663199821066</v>
      </c>
      <c r="E2576" cm="1">
        <f t="array" ref="E2576">IFERROR(INDEX(Jesper!AI$2:AI$366,ROUNDDOWN($C2576/24,0)+1,1)*INDEX($D$3:$AA$30,INDEX(Jesper!$R$2:$R$366,ROW(INDEX(Jesper!AI$2:AI$366,ROUNDDOWN($C2576/24,0)+1,1))-1)+IF('Standard Profiles'!$G$19=$B$10,7,0)+IF('Standard Profiles'!$G$19=$B$17,14,0)+IF('Standard Profiles'!$G$19=$B$24,21,0),MOD($C2576,24)+1)/SUM(INDEX($D$3:$AA$30,INDEX(Jesper!$R$2:$R$366,ROW(INDEX(Jesper!AI$2:AI$366,ROUNDDOWN($C2576/24,0)+1,1))-1)+IF('Standard Profiles'!$G$19=$B$10,7,0)+IF('Standard Profiles'!$G$19=$B$17,14,0)+IF('Standard Profiles'!$G$19=$B$24,21,0),0)),0)</f>
        <v>0</v>
      </c>
      <c r="F2576" cm="1">
        <f t="array" ref="F2576">IFERROR(INDEX(Jesper!AJ$2:AJ$366,ROUNDDOWN($C2576/24,0)+1,1)*INDEX($D$3:$AA$30,INDEX(Jesper!$R$2:$R$366,ROW(INDEX(Jesper!AJ$2:AJ$366,ROUNDDOWN($C2576/24,0)+1,1))-1)+IF('Standard Profiles'!$G$20=$B$10,7,0)+IF('Standard Profiles'!$G$20=$B$17,14,0)+IF('Standard Profiles'!$G$20=$B$24,21,0),MOD($C2576,24)+1)/SUM(INDEX($D$3:$AA$30,INDEX(Jesper!$R$2:$R$366,ROW(INDEX(Jesper!AJ$2:AJ$366,ROUNDDOWN($C2576/24,0)+1,1))-1)+IF('Standard Profiles'!$G$20=$B$10,7,0)+IF('Standard Profiles'!$G$20=$B$17,14,0)+IF('Standard Profiles'!$G$20=$B$24,21,0),0)),0)</f>
        <v>0</v>
      </c>
      <c r="G2576" cm="1">
        <f t="array" ref="G2576">IFERROR(INDEX(Jesper!AK$2:AK$366,ROUNDDOWN($C2576/24,0)+1,1)*INDEX($D$3:$AA$30,INDEX(Jesper!$R$2:$R$366,ROW(INDEX(Jesper!AK$2:AK$366,ROUNDDOWN($C2576/24,0)+1,1))-1)+IF('Standard Profiles'!$G$21=$B$10,7,0)+IF('Standard Profiles'!$G$21=$B$17,14,0)+IF('Standard Profiles'!$G$21=$B$24,21,0),MOD($C2576,24)+1)/SUM(INDEX($D$3:$AA$30,INDEX(Jesper!$R$2:$R$366,ROW(INDEX(Jesper!AK$2:AK$366,ROUNDDOWN($C2576/24,0)+1,1))-1)+IF('Standard Profiles'!$G$21=$B$10,7,0)+IF('Standard Profiles'!$G$21=$B$17,14,0)+IF('Standard Profiles'!$G$21=$B$24,21,0),0)),0)</f>
        <v>0</v>
      </c>
      <c r="H2576" cm="1">
        <f t="array" ref="H2576">IFERROR(INDEX(Jesper!AL$2:AL$366,ROUNDDOWN($C2576/24,0)+1,1)*INDEX($D$3:$AA$30,INDEX(Jesper!$R$2:$R$366,ROW(INDEX(Jesper!AL$2:AL$366,ROUNDDOWN($C2576/24,0)+1,1))-1)+IF('Standard Profiles'!$G$22=$B$10,7,0)+IF('Standard Profiles'!$G$22=$B$17,14,0)+IF('Standard Profiles'!$G$22=$B$24,21,0),MOD($C2576,24)+1)/SUM(INDEX($D$3:$AA$30,INDEX(Jesper!$R$2:$R$366,ROW(INDEX(Jesper!AL$2:AL$366,ROUNDDOWN($C2576/24,0)+1,1))-1)+IF('Standard Profiles'!$G$22=$B$10,7,0)+IF('Standard Profiles'!$G$22=$B$17,14,0)+IF('Standard Profiles'!$G$22=$B$24,21,0),0)),0)</f>
        <v>0</v>
      </c>
      <c r="I2576">
        <f t="shared" si="293"/>
        <v>0.23832498959946319</v>
      </c>
      <c r="J2576">
        <f t="shared" si="294"/>
        <v>0.79441663199821066</v>
      </c>
      <c r="K2576">
        <f t="shared" si="295"/>
        <v>1.191624947997316</v>
      </c>
      <c r="L2576">
        <f t="shared" si="296"/>
        <v>5.719799750387117</v>
      </c>
      <c r="M2576">
        <f t="shared" si="297"/>
        <v>0</v>
      </c>
      <c r="N2576" s="46">
        <f t="shared" si="298"/>
        <v>45397.916666660502</v>
      </c>
    </row>
    <row r="2577" spans="2:14" x14ac:dyDescent="0.3">
      <c r="B2577">
        <f t="shared" si="292"/>
        <v>1</v>
      </c>
      <c r="C2577" s="16">
        <v>2543</v>
      </c>
      <c r="D2577" cm="1">
        <f t="array" ref="D2577">IFERROR(INDEX(Jesper!AH$2:AH$366,ROUNDDOWN($C2577/24,0)+1,1)*INDEX($D$3:$AA$30,INDEX(Jesper!$R$2:$R$366,ROW(INDEX(Jesper!AH$2:AH$366,ROUNDDOWN($C2577/24,0)+1,1))-1)+IF('Standard Profiles'!$G$18=$B$10,7,0)+IF('Standard Profiles'!$G$18=$B$17,14,0)+IF('Standard Profiles'!$G$18=$B$24,21,0),MOD($C2577,24)+1)/SUM(INDEX($D$3:$AA$30,INDEX(Jesper!$R$2:$R$366,ROW(INDEX(Jesper!AH$2:AH$366,ROUNDDOWN($C2577/24,0)+1,1))-1)+IF('Standard Profiles'!$G$18=$B$10,7,0)+IF('Standard Profiles'!$G$18=$B$17,14,0)+IF('Standard Profiles'!$G$18=$B$24,21,0),0)),0)</f>
        <v>7.9441663199821066</v>
      </c>
      <c r="E2577" cm="1">
        <f t="array" ref="E2577">IFERROR(INDEX(Jesper!AI$2:AI$366,ROUNDDOWN($C2577/24,0)+1,1)*INDEX($D$3:$AA$30,INDEX(Jesper!$R$2:$R$366,ROW(INDEX(Jesper!AI$2:AI$366,ROUNDDOWN($C2577/24,0)+1,1))-1)+IF('Standard Profiles'!$G$19=$B$10,7,0)+IF('Standard Profiles'!$G$19=$B$17,14,0)+IF('Standard Profiles'!$G$19=$B$24,21,0),MOD($C2577,24)+1)/SUM(INDEX($D$3:$AA$30,INDEX(Jesper!$R$2:$R$366,ROW(INDEX(Jesper!AI$2:AI$366,ROUNDDOWN($C2577/24,0)+1,1))-1)+IF('Standard Profiles'!$G$19=$B$10,7,0)+IF('Standard Profiles'!$G$19=$B$17,14,0)+IF('Standard Profiles'!$G$19=$B$24,21,0),0)),0)</f>
        <v>0</v>
      </c>
      <c r="F2577" cm="1">
        <f t="array" ref="F2577">IFERROR(INDEX(Jesper!AJ$2:AJ$366,ROUNDDOWN($C2577/24,0)+1,1)*INDEX($D$3:$AA$30,INDEX(Jesper!$R$2:$R$366,ROW(INDEX(Jesper!AJ$2:AJ$366,ROUNDDOWN($C2577/24,0)+1,1))-1)+IF('Standard Profiles'!$G$20=$B$10,7,0)+IF('Standard Profiles'!$G$20=$B$17,14,0)+IF('Standard Profiles'!$G$20=$B$24,21,0),MOD($C2577,24)+1)/SUM(INDEX($D$3:$AA$30,INDEX(Jesper!$R$2:$R$366,ROW(INDEX(Jesper!AJ$2:AJ$366,ROUNDDOWN($C2577/24,0)+1,1))-1)+IF('Standard Profiles'!$G$20=$B$10,7,0)+IF('Standard Profiles'!$G$20=$B$17,14,0)+IF('Standard Profiles'!$G$20=$B$24,21,0),0)),0)</f>
        <v>0</v>
      </c>
      <c r="G2577" cm="1">
        <f t="array" ref="G2577">IFERROR(INDEX(Jesper!AK$2:AK$366,ROUNDDOWN($C2577/24,0)+1,1)*INDEX($D$3:$AA$30,INDEX(Jesper!$R$2:$R$366,ROW(INDEX(Jesper!AK$2:AK$366,ROUNDDOWN($C2577/24,0)+1,1))-1)+IF('Standard Profiles'!$G$21=$B$10,7,0)+IF('Standard Profiles'!$G$21=$B$17,14,0)+IF('Standard Profiles'!$G$21=$B$24,21,0),MOD($C2577,24)+1)/SUM(INDEX($D$3:$AA$30,INDEX(Jesper!$R$2:$R$366,ROW(INDEX(Jesper!AK$2:AK$366,ROUNDDOWN($C2577/24,0)+1,1))-1)+IF('Standard Profiles'!$G$21=$B$10,7,0)+IF('Standard Profiles'!$G$21=$B$17,14,0)+IF('Standard Profiles'!$G$21=$B$24,21,0),0)),0)</f>
        <v>0</v>
      </c>
      <c r="H2577" cm="1">
        <f t="array" ref="H2577">IFERROR(INDEX(Jesper!AL$2:AL$366,ROUNDDOWN($C2577/24,0)+1,1)*INDEX($D$3:$AA$30,INDEX(Jesper!$R$2:$R$366,ROW(INDEX(Jesper!AL$2:AL$366,ROUNDDOWN($C2577/24,0)+1,1))-1)+IF('Standard Profiles'!$G$22=$B$10,7,0)+IF('Standard Profiles'!$G$22=$B$17,14,0)+IF('Standard Profiles'!$G$22=$B$24,21,0),MOD($C2577,24)+1)/SUM(INDEX($D$3:$AA$30,INDEX(Jesper!$R$2:$R$366,ROW(INDEX(Jesper!AL$2:AL$366,ROUNDDOWN($C2577/24,0)+1,1))-1)+IF('Standard Profiles'!$G$22=$B$10,7,0)+IF('Standard Profiles'!$G$22=$B$17,14,0)+IF('Standard Profiles'!$G$22=$B$24,21,0),0)),0)</f>
        <v>0</v>
      </c>
      <c r="I2577">
        <f t="shared" si="293"/>
        <v>0.23832498959946319</v>
      </c>
      <c r="J2577">
        <f t="shared" si="294"/>
        <v>0.79441663199821066</v>
      </c>
      <c r="K2577">
        <f t="shared" si="295"/>
        <v>1.191624947997316</v>
      </c>
      <c r="L2577">
        <f t="shared" si="296"/>
        <v>5.719799750387117</v>
      </c>
      <c r="M2577">
        <f t="shared" si="297"/>
        <v>0</v>
      </c>
      <c r="N2577" s="46">
        <f t="shared" si="298"/>
        <v>45397.958333327166</v>
      </c>
    </row>
    <row r="2578" spans="2:14" x14ac:dyDescent="0.3">
      <c r="B2578">
        <f t="shared" si="292"/>
        <v>2</v>
      </c>
      <c r="C2578" s="16">
        <v>2544</v>
      </c>
      <c r="D2578" cm="1">
        <f t="array" ref="D2578">IFERROR(INDEX(Jesper!AH$2:AH$366,ROUNDDOWN($C2578/24,0)+1,1)*INDEX($D$3:$AA$30,INDEX(Jesper!$R$2:$R$366,ROW(INDEX(Jesper!AH$2:AH$366,ROUNDDOWN($C2578/24,0)+1,1))-1)+IF('Standard Profiles'!$G$18=$B$10,7,0)+IF('Standard Profiles'!$G$18=$B$17,14,0)+IF('Standard Profiles'!$G$18=$B$24,21,0),MOD($C2578,24)+1)/SUM(INDEX($D$3:$AA$30,INDEX(Jesper!$R$2:$R$366,ROW(INDEX(Jesper!AH$2:AH$366,ROUNDDOWN($C2578/24,0)+1,1))-1)+IF('Standard Profiles'!$G$18=$B$10,7,0)+IF('Standard Profiles'!$G$18=$B$17,14,0)+IF('Standard Profiles'!$G$18=$B$24,21,0),0)),0)</f>
        <v>7.3057953078926721</v>
      </c>
      <c r="E2578" cm="1">
        <f t="array" ref="E2578">IFERROR(INDEX(Jesper!AI$2:AI$366,ROUNDDOWN($C2578/24,0)+1,1)*INDEX($D$3:$AA$30,INDEX(Jesper!$R$2:$R$366,ROW(INDEX(Jesper!AI$2:AI$366,ROUNDDOWN($C2578/24,0)+1,1))-1)+IF('Standard Profiles'!$G$19=$B$10,7,0)+IF('Standard Profiles'!$G$19=$B$17,14,0)+IF('Standard Profiles'!$G$19=$B$24,21,0),MOD($C2578,24)+1)/SUM(INDEX($D$3:$AA$30,INDEX(Jesper!$R$2:$R$366,ROW(INDEX(Jesper!AI$2:AI$366,ROUNDDOWN($C2578/24,0)+1,1))-1)+IF('Standard Profiles'!$G$19=$B$10,7,0)+IF('Standard Profiles'!$G$19=$B$17,14,0)+IF('Standard Profiles'!$G$19=$B$24,21,0),0)),0)</f>
        <v>0</v>
      </c>
      <c r="F2578" cm="1">
        <f t="array" ref="F2578">IFERROR(INDEX(Jesper!AJ$2:AJ$366,ROUNDDOWN($C2578/24,0)+1,1)*INDEX($D$3:$AA$30,INDEX(Jesper!$R$2:$R$366,ROW(INDEX(Jesper!AJ$2:AJ$366,ROUNDDOWN($C2578/24,0)+1,1))-1)+IF('Standard Profiles'!$G$20=$B$10,7,0)+IF('Standard Profiles'!$G$20=$B$17,14,0)+IF('Standard Profiles'!$G$20=$B$24,21,0),MOD($C2578,24)+1)/SUM(INDEX($D$3:$AA$30,INDEX(Jesper!$R$2:$R$366,ROW(INDEX(Jesper!AJ$2:AJ$366,ROUNDDOWN($C2578/24,0)+1,1))-1)+IF('Standard Profiles'!$G$20=$B$10,7,0)+IF('Standard Profiles'!$G$20=$B$17,14,0)+IF('Standard Profiles'!$G$20=$B$24,21,0),0)),0)</f>
        <v>0</v>
      </c>
      <c r="G2578" cm="1">
        <f t="array" ref="G2578">IFERROR(INDEX(Jesper!AK$2:AK$366,ROUNDDOWN($C2578/24,0)+1,1)*INDEX($D$3:$AA$30,INDEX(Jesper!$R$2:$R$366,ROW(INDEX(Jesper!AK$2:AK$366,ROUNDDOWN($C2578/24,0)+1,1))-1)+IF('Standard Profiles'!$G$21=$B$10,7,0)+IF('Standard Profiles'!$G$21=$B$17,14,0)+IF('Standard Profiles'!$G$21=$B$24,21,0),MOD($C2578,24)+1)/SUM(INDEX($D$3:$AA$30,INDEX(Jesper!$R$2:$R$366,ROW(INDEX(Jesper!AK$2:AK$366,ROUNDDOWN($C2578/24,0)+1,1))-1)+IF('Standard Profiles'!$G$21=$B$10,7,0)+IF('Standard Profiles'!$G$21=$B$17,14,0)+IF('Standard Profiles'!$G$21=$B$24,21,0),0)),0)</f>
        <v>0</v>
      </c>
      <c r="H2578" cm="1">
        <f t="array" ref="H2578">IFERROR(INDEX(Jesper!AL$2:AL$366,ROUNDDOWN($C2578/24,0)+1,1)*INDEX($D$3:$AA$30,INDEX(Jesper!$R$2:$R$366,ROW(INDEX(Jesper!AL$2:AL$366,ROUNDDOWN($C2578/24,0)+1,1))-1)+IF('Standard Profiles'!$G$22=$B$10,7,0)+IF('Standard Profiles'!$G$22=$B$17,14,0)+IF('Standard Profiles'!$G$22=$B$24,21,0),MOD($C2578,24)+1)/SUM(INDEX($D$3:$AA$30,INDEX(Jesper!$R$2:$R$366,ROW(INDEX(Jesper!AL$2:AL$366,ROUNDDOWN($C2578/24,0)+1,1))-1)+IF('Standard Profiles'!$G$22=$B$10,7,0)+IF('Standard Profiles'!$G$22=$B$17,14,0)+IF('Standard Profiles'!$G$22=$B$24,21,0),0)),0)</f>
        <v>0</v>
      </c>
      <c r="I2578">
        <f t="shared" si="293"/>
        <v>0.21917385923678015</v>
      </c>
      <c r="J2578">
        <f t="shared" si="294"/>
        <v>0.7305795307892673</v>
      </c>
      <c r="K2578">
        <f t="shared" si="295"/>
        <v>1.0958692961839007</v>
      </c>
      <c r="L2578">
        <f t="shared" si="296"/>
        <v>5.2601726216827238</v>
      </c>
      <c r="M2578">
        <f t="shared" si="297"/>
        <v>0</v>
      </c>
      <c r="N2578" s="46">
        <f t="shared" si="298"/>
        <v>45397.99999999383</v>
      </c>
    </row>
    <row r="2579" spans="2:14" x14ac:dyDescent="0.3">
      <c r="B2579">
        <f t="shared" si="292"/>
        <v>2</v>
      </c>
      <c r="C2579" s="16">
        <v>2545</v>
      </c>
      <c r="D2579" cm="1">
        <f t="array" ref="D2579">IFERROR(INDEX(Jesper!AH$2:AH$366,ROUNDDOWN($C2579/24,0)+1,1)*INDEX($D$3:$AA$30,INDEX(Jesper!$R$2:$R$366,ROW(INDEX(Jesper!AH$2:AH$366,ROUNDDOWN($C2579/24,0)+1,1))-1)+IF('Standard Profiles'!$G$18=$B$10,7,0)+IF('Standard Profiles'!$G$18=$B$17,14,0)+IF('Standard Profiles'!$G$18=$B$24,21,0),MOD($C2579,24)+1)/SUM(INDEX($D$3:$AA$30,INDEX(Jesper!$R$2:$R$366,ROW(INDEX(Jesper!AH$2:AH$366,ROUNDDOWN($C2579/24,0)+1,1))-1)+IF('Standard Profiles'!$G$18=$B$10,7,0)+IF('Standard Profiles'!$G$18=$B$17,14,0)+IF('Standard Profiles'!$G$18=$B$24,21,0),0)),0)</f>
        <v>7.3057953078926721</v>
      </c>
      <c r="E2579" cm="1">
        <f t="array" ref="E2579">IFERROR(INDEX(Jesper!AI$2:AI$366,ROUNDDOWN($C2579/24,0)+1,1)*INDEX($D$3:$AA$30,INDEX(Jesper!$R$2:$R$366,ROW(INDEX(Jesper!AI$2:AI$366,ROUNDDOWN($C2579/24,0)+1,1))-1)+IF('Standard Profiles'!$G$19=$B$10,7,0)+IF('Standard Profiles'!$G$19=$B$17,14,0)+IF('Standard Profiles'!$G$19=$B$24,21,0),MOD($C2579,24)+1)/SUM(INDEX($D$3:$AA$30,INDEX(Jesper!$R$2:$R$366,ROW(INDEX(Jesper!AI$2:AI$366,ROUNDDOWN($C2579/24,0)+1,1))-1)+IF('Standard Profiles'!$G$19=$B$10,7,0)+IF('Standard Profiles'!$G$19=$B$17,14,0)+IF('Standard Profiles'!$G$19=$B$24,21,0),0)),0)</f>
        <v>0</v>
      </c>
      <c r="F2579" cm="1">
        <f t="array" ref="F2579">IFERROR(INDEX(Jesper!AJ$2:AJ$366,ROUNDDOWN($C2579/24,0)+1,1)*INDEX($D$3:$AA$30,INDEX(Jesper!$R$2:$R$366,ROW(INDEX(Jesper!AJ$2:AJ$366,ROUNDDOWN($C2579/24,0)+1,1))-1)+IF('Standard Profiles'!$G$20=$B$10,7,0)+IF('Standard Profiles'!$G$20=$B$17,14,0)+IF('Standard Profiles'!$G$20=$B$24,21,0),MOD($C2579,24)+1)/SUM(INDEX($D$3:$AA$30,INDEX(Jesper!$R$2:$R$366,ROW(INDEX(Jesper!AJ$2:AJ$366,ROUNDDOWN($C2579/24,0)+1,1))-1)+IF('Standard Profiles'!$G$20=$B$10,7,0)+IF('Standard Profiles'!$G$20=$B$17,14,0)+IF('Standard Profiles'!$G$20=$B$24,21,0),0)),0)</f>
        <v>0</v>
      </c>
      <c r="G2579" cm="1">
        <f t="array" ref="G2579">IFERROR(INDEX(Jesper!AK$2:AK$366,ROUNDDOWN($C2579/24,0)+1,1)*INDEX($D$3:$AA$30,INDEX(Jesper!$R$2:$R$366,ROW(INDEX(Jesper!AK$2:AK$366,ROUNDDOWN($C2579/24,0)+1,1))-1)+IF('Standard Profiles'!$G$21=$B$10,7,0)+IF('Standard Profiles'!$G$21=$B$17,14,0)+IF('Standard Profiles'!$G$21=$B$24,21,0),MOD($C2579,24)+1)/SUM(INDEX($D$3:$AA$30,INDEX(Jesper!$R$2:$R$366,ROW(INDEX(Jesper!AK$2:AK$366,ROUNDDOWN($C2579/24,0)+1,1))-1)+IF('Standard Profiles'!$G$21=$B$10,7,0)+IF('Standard Profiles'!$G$21=$B$17,14,0)+IF('Standard Profiles'!$G$21=$B$24,21,0),0)),0)</f>
        <v>0</v>
      </c>
      <c r="H2579" cm="1">
        <f t="array" ref="H2579">IFERROR(INDEX(Jesper!AL$2:AL$366,ROUNDDOWN($C2579/24,0)+1,1)*INDEX($D$3:$AA$30,INDEX(Jesper!$R$2:$R$366,ROW(INDEX(Jesper!AL$2:AL$366,ROUNDDOWN($C2579/24,0)+1,1))-1)+IF('Standard Profiles'!$G$22=$B$10,7,0)+IF('Standard Profiles'!$G$22=$B$17,14,0)+IF('Standard Profiles'!$G$22=$B$24,21,0),MOD($C2579,24)+1)/SUM(INDEX($D$3:$AA$30,INDEX(Jesper!$R$2:$R$366,ROW(INDEX(Jesper!AL$2:AL$366,ROUNDDOWN($C2579/24,0)+1,1))-1)+IF('Standard Profiles'!$G$22=$B$10,7,0)+IF('Standard Profiles'!$G$22=$B$17,14,0)+IF('Standard Profiles'!$G$22=$B$24,21,0),0)),0)</f>
        <v>0</v>
      </c>
      <c r="I2579">
        <f t="shared" si="293"/>
        <v>0.21917385923678015</v>
      </c>
      <c r="J2579">
        <f t="shared" si="294"/>
        <v>0.7305795307892673</v>
      </c>
      <c r="K2579">
        <f t="shared" si="295"/>
        <v>1.0958692961839007</v>
      </c>
      <c r="L2579">
        <f t="shared" si="296"/>
        <v>5.2601726216827238</v>
      </c>
      <c r="M2579">
        <f t="shared" si="297"/>
        <v>0</v>
      </c>
      <c r="N2579" s="46">
        <f t="shared" si="298"/>
        <v>45398.041666660494</v>
      </c>
    </row>
    <row r="2580" spans="2:14" x14ac:dyDescent="0.3">
      <c r="B2580">
        <f t="shared" si="292"/>
        <v>2</v>
      </c>
      <c r="C2580" s="16">
        <v>2546</v>
      </c>
      <c r="D2580" cm="1">
        <f t="array" ref="D2580">IFERROR(INDEX(Jesper!AH$2:AH$366,ROUNDDOWN($C2580/24,0)+1,1)*INDEX($D$3:$AA$30,INDEX(Jesper!$R$2:$R$366,ROW(INDEX(Jesper!AH$2:AH$366,ROUNDDOWN($C2580/24,0)+1,1))-1)+IF('Standard Profiles'!$G$18=$B$10,7,0)+IF('Standard Profiles'!$G$18=$B$17,14,0)+IF('Standard Profiles'!$G$18=$B$24,21,0),MOD($C2580,24)+1)/SUM(INDEX($D$3:$AA$30,INDEX(Jesper!$R$2:$R$366,ROW(INDEX(Jesper!AH$2:AH$366,ROUNDDOWN($C2580/24,0)+1,1))-1)+IF('Standard Profiles'!$G$18=$B$10,7,0)+IF('Standard Profiles'!$G$18=$B$17,14,0)+IF('Standard Profiles'!$G$18=$B$24,21,0),0)),0)</f>
        <v>7.3057953078926721</v>
      </c>
      <c r="E2580" cm="1">
        <f t="array" ref="E2580">IFERROR(INDEX(Jesper!AI$2:AI$366,ROUNDDOWN($C2580/24,0)+1,1)*INDEX($D$3:$AA$30,INDEX(Jesper!$R$2:$R$366,ROW(INDEX(Jesper!AI$2:AI$366,ROUNDDOWN($C2580/24,0)+1,1))-1)+IF('Standard Profiles'!$G$19=$B$10,7,0)+IF('Standard Profiles'!$G$19=$B$17,14,0)+IF('Standard Profiles'!$G$19=$B$24,21,0),MOD($C2580,24)+1)/SUM(INDEX($D$3:$AA$30,INDEX(Jesper!$R$2:$R$366,ROW(INDEX(Jesper!AI$2:AI$366,ROUNDDOWN($C2580/24,0)+1,1))-1)+IF('Standard Profiles'!$G$19=$B$10,7,0)+IF('Standard Profiles'!$G$19=$B$17,14,0)+IF('Standard Profiles'!$G$19=$B$24,21,0),0)),0)</f>
        <v>0</v>
      </c>
      <c r="F2580" cm="1">
        <f t="array" ref="F2580">IFERROR(INDEX(Jesper!AJ$2:AJ$366,ROUNDDOWN($C2580/24,0)+1,1)*INDEX($D$3:$AA$30,INDEX(Jesper!$R$2:$R$366,ROW(INDEX(Jesper!AJ$2:AJ$366,ROUNDDOWN($C2580/24,0)+1,1))-1)+IF('Standard Profiles'!$G$20=$B$10,7,0)+IF('Standard Profiles'!$G$20=$B$17,14,0)+IF('Standard Profiles'!$G$20=$B$24,21,0),MOD($C2580,24)+1)/SUM(INDEX($D$3:$AA$30,INDEX(Jesper!$R$2:$R$366,ROW(INDEX(Jesper!AJ$2:AJ$366,ROUNDDOWN($C2580/24,0)+1,1))-1)+IF('Standard Profiles'!$G$20=$B$10,7,0)+IF('Standard Profiles'!$G$20=$B$17,14,0)+IF('Standard Profiles'!$G$20=$B$24,21,0),0)),0)</f>
        <v>0</v>
      </c>
      <c r="G2580" cm="1">
        <f t="array" ref="G2580">IFERROR(INDEX(Jesper!AK$2:AK$366,ROUNDDOWN($C2580/24,0)+1,1)*INDEX($D$3:$AA$30,INDEX(Jesper!$R$2:$R$366,ROW(INDEX(Jesper!AK$2:AK$366,ROUNDDOWN($C2580/24,0)+1,1))-1)+IF('Standard Profiles'!$G$21=$B$10,7,0)+IF('Standard Profiles'!$G$21=$B$17,14,0)+IF('Standard Profiles'!$G$21=$B$24,21,0),MOD($C2580,24)+1)/SUM(INDEX($D$3:$AA$30,INDEX(Jesper!$R$2:$R$366,ROW(INDEX(Jesper!AK$2:AK$366,ROUNDDOWN($C2580/24,0)+1,1))-1)+IF('Standard Profiles'!$G$21=$B$10,7,0)+IF('Standard Profiles'!$G$21=$B$17,14,0)+IF('Standard Profiles'!$G$21=$B$24,21,0),0)),0)</f>
        <v>0</v>
      </c>
      <c r="H2580" cm="1">
        <f t="array" ref="H2580">IFERROR(INDEX(Jesper!AL$2:AL$366,ROUNDDOWN($C2580/24,0)+1,1)*INDEX($D$3:$AA$30,INDEX(Jesper!$R$2:$R$366,ROW(INDEX(Jesper!AL$2:AL$366,ROUNDDOWN($C2580/24,0)+1,1))-1)+IF('Standard Profiles'!$G$22=$B$10,7,0)+IF('Standard Profiles'!$G$22=$B$17,14,0)+IF('Standard Profiles'!$G$22=$B$24,21,0),MOD($C2580,24)+1)/SUM(INDEX($D$3:$AA$30,INDEX(Jesper!$R$2:$R$366,ROW(INDEX(Jesper!AL$2:AL$366,ROUNDDOWN($C2580/24,0)+1,1))-1)+IF('Standard Profiles'!$G$22=$B$10,7,0)+IF('Standard Profiles'!$G$22=$B$17,14,0)+IF('Standard Profiles'!$G$22=$B$24,21,0),0)),0)</f>
        <v>0</v>
      </c>
      <c r="I2580">
        <f t="shared" si="293"/>
        <v>0.21917385923678015</v>
      </c>
      <c r="J2580">
        <f t="shared" si="294"/>
        <v>0.7305795307892673</v>
      </c>
      <c r="K2580">
        <f t="shared" si="295"/>
        <v>1.0958692961839007</v>
      </c>
      <c r="L2580">
        <f t="shared" si="296"/>
        <v>5.2601726216827238</v>
      </c>
      <c r="M2580">
        <f t="shared" si="297"/>
        <v>0</v>
      </c>
      <c r="N2580" s="46">
        <f t="shared" si="298"/>
        <v>45398.083333327158</v>
      </c>
    </row>
    <row r="2581" spans="2:14" x14ac:dyDescent="0.3">
      <c r="B2581">
        <f t="shared" si="292"/>
        <v>2</v>
      </c>
      <c r="C2581" s="16">
        <v>2547</v>
      </c>
      <c r="D2581" cm="1">
        <f t="array" ref="D2581">IFERROR(INDEX(Jesper!AH$2:AH$366,ROUNDDOWN($C2581/24,0)+1,1)*INDEX($D$3:$AA$30,INDEX(Jesper!$R$2:$R$366,ROW(INDEX(Jesper!AH$2:AH$366,ROUNDDOWN($C2581/24,0)+1,1))-1)+IF('Standard Profiles'!$G$18=$B$10,7,0)+IF('Standard Profiles'!$G$18=$B$17,14,0)+IF('Standard Profiles'!$G$18=$B$24,21,0),MOD($C2581,24)+1)/SUM(INDEX($D$3:$AA$30,INDEX(Jesper!$R$2:$R$366,ROW(INDEX(Jesper!AH$2:AH$366,ROUNDDOWN($C2581/24,0)+1,1))-1)+IF('Standard Profiles'!$G$18=$B$10,7,0)+IF('Standard Profiles'!$G$18=$B$17,14,0)+IF('Standard Profiles'!$G$18=$B$24,21,0),0)),0)</f>
        <v>7.3057953078926721</v>
      </c>
      <c r="E2581" cm="1">
        <f t="array" ref="E2581">IFERROR(INDEX(Jesper!AI$2:AI$366,ROUNDDOWN($C2581/24,0)+1,1)*INDEX($D$3:$AA$30,INDEX(Jesper!$R$2:$R$366,ROW(INDEX(Jesper!AI$2:AI$366,ROUNDDOWN($C2581/24,0)+1,1))-1)+IF('Standard Profiles'!$G$19=$B$10,7,0)+IF('Standard Profiles'!$G$19=$B$17,14,0)+IF('Standard Profiles'!$G$19=$B$24,21,0),MOD($C2581,24)+1)/SUM(INDEX($D$3:$AA$30,INDEX(Jesper!$R$2:$R$366,ROW(INDEX(Jesper!AI$2:AI$366,ROUNDDOWN($C2581/24,0)+1,1))-1)+IF('Standard Profiles'!$G$19=$B$10,7,0)+IF('Standard Profiles'!$G$19=$B$17,14,0)+IF('Standard Profiles'!$G$19=$B$24,21,0),0)),0)</f>
        <v>0</v>
      </c>
      <c r="F2581" cm="1">
        <f t="array" ref="F2581">IFERROR(INDEX(Jesper!AJ$2:AJ$366,ROUNDDOWN($C2581/24,0)+1,1)*INDEX($D$3:$AA$30,INDEX(Jesper!$R$2:$R$366,ROW(INDEX(Jesper!AJ$2:AJ$366,ROUNDDOWN($C2581/24,0)+1,1))-1)+IF('Standard Profiles'!$G$20=$B$10,7,0)+IF('Standard Profiles'!$G$20=$B$17,14,0)+IF('Standard Profiles'!$G$20=$B$24,21,0),MOD($C2581,24)+1)/SUM(INDEX($D$3:$AA$30,INDEX(Jesper!$R$2:$R$366,ROW(INDEX(Jesper!AJ$2:AJ$366,ROUNDDOWN($C2581/24,0)+1,1))-1)+IF('Standard Profiles'!$G$20=$B$10,7,0)+IF('Standard Profiles'!$G$20=$B$17,14,0)+IF('Standard Profiles'!$G$20=$B$24,21,0),0)),0)</f>
        <v>0</v>
      </c>
      <c r="G2581" cm="1">
        <f t="array" ref="G2581">IFERROR(INDEX(Jesper!AK$2:AK$366,ROUNDDOWN($C2581/24,0)+1,1)*INDEX($D$3:$AA$30,INDEX(Jesper!$R$2:$R$366,ROW(INDEX(Jesper!AK$2:AK$366,ROUNDDOWN($C2581/24,0)+1,1))-1)+IF('Standard Profiles'!$G$21=$B$10,7,0)+IF('Standard Profiles'!$G$21=$B$17,14,0)+IF('Standard Profiles'!$G$21=$B$24,21,0),MOD($C2581,24)+1)/SUM(INDEX($D$3:$AA$30,INDEX(Jesper!$R$2:$R$366,ROW(INDEX(Jesper!AK$2:AK$366,ROUNDDOWN($C2581/24,0)+1,1))-1)+IF('Standard Profiles'!$G$21=$B$10,7,0)+IF('Standard Profiles'!$G$21=$B$17,14,0)+IF('Standard Profiles'!$G$21=$B$24,21,0),0)),0)</f>
        <v>0</v>
      </c>
      <c r="H2581" cm="1">
        <f t="array" ref="H2581">IFERROR(INDEX(Jesper!AL$2:AL$366,ROUNDDOWN($C2581/24,0)+1,1)*INDEX($D$3:$AA$30,INDEX(Jesper!$R$2:$R$366,ROW(INDEX(Jesper!AL$2:AL$366,ROUNDDOWN($C2581/24,0)+1,1))-1)+IF('Standard Profiles'!$G$22=$B$10,7,0)+IF('Standard Profiles'!$G$22=$B$17,14,0)+IF('Standard Profiles'!$G$22=$B$24,21,0),MOD($C2581,24)+1)/SUM(INDEX($D$3:$AA$30,INDEX(Jesper!$R$2:$R$366,ROW(INDEX(Jesper!AL$2:AL$366,ROUNDDOWN($C2581/24,0)+1,1))-1)+IF('Standard Profiles'!$G$22=$B$10,7,0)+IF('Standard Profiles'!$G$22=$B$17,14,0)+IF('Standard Profiles'!$G$22=$B$24,21,0),0)),0)</f>
        <v>0</v>
      </c>
      <c r="I2581">
        <f t="shared" si="293"/>
        <v>0.21917385923678015</v>
      </c>
      <c r="J2581">
        <f t="shared" si="294"/>
        <v>0.7305795307892673</v>
      </c>
      <c r="K2581">
        <f t="shared" si="295"/>
        <v>1.0958692961839007</v>
      </c>
      <c r="L2581">
        <f t="shared" si="296"/>
        <v>5.2601726216827238</v>
      </c>
      <c r="M2581">
        <f t="shared" si="297"/>
        <v>0</v>
      </c>
      <c r="N2581" s="46">
        <f t="shared" si="298"/>
        <v>45398.124999993823</v>
      </c>
    </row>
    <row r="2582" spans="2:14" x14ac:dyDescent="0.3">
      <c r="B2582">
        <f t="shared" si="292"/>
        <v>2</v>
      </c>
      <c r="C2582" s="16">
        <v>2548</v>
      </c>
      <c r="D2582" cm="1">
        <f t="array" ref="D2582">IFERROR(INDEX(Jesper!AH$2:AH$366,ROUNDDOWN($C2582/24,0)+1,1)*INDEX($D$3:$AA$30,INDEX(Jesper!$R$2:$R$366,ROW(INDEX(Jesper!AH$2:AH$366,ROUNDDOWN($C2582/24,0)+1,1))-1)+IF('Standard Profiles'!$G$18=$B$10,7,0)+IF('Standard Profiles'!$G$18=$B$17,14,0)+IF('Standard Profiles'!$G$18=$B$24,21,0),MOD($C2582,24)+1)/SUM(INDEX($D$3:$AA$30,INDEX(Jesper!$R$2:$R$366,ROW(INDEX(Jesper!AH$2:AH$366,ROUNDDOWN($C2582/24,0)+1,1))-1)+IF('Standard Profiles'!$G$18=$B$10,7,0)+IF('Standard Profiles'!$G$18=$B$17,14,0)+IF('Standard Profiles'!$G$18=$B$24,21,0),0)),0)</f>
        <v>7.3057953078926721</v>
      </c>
      <c r="E2582" cm="1">
        <f t="array" ref="E2582">IFERROR(INDEX(Jesper!AI$2:AI$366,ROUNDDOWN($C2582/24,0)+1,1)*INDEX($D$3:$AA$30,INDEX(Jesper!$R$2:$R$366,ROW(INDEX(Jesper!AI$2:AI$366,ROUNDDOWN($C2582/24,0)+1,1))-1)+IF('Standard Profiles'!$G$19=$B$10,7,0)+IF('Standard Profiles'!$G$19=$B$17,14,0)+IF('Standard Profiles'!$G$19=$B$24,21,0),MOD($C2582,24)+1)/SUM(INDEX($D$3:$AA$30,INDEX(Jesper!$R$2:$R$366,ROW(INDEX(Jesper!AI$2:AI$366,ROUNDDOWN($C2582/24,0)+1,1))-1)+IF('Standard Profiles'!$G$19=$B$10,7,0)+IF('Standard Profiles'!$G$19=$B$17,14,0)+IF('Standard Profiles'!$G$19=$B$24,21,0),0)),0)</f>
        <v>0</v>
      </c>
      <c r="F2582" cm="1">
        <f t="array" ref="F2582">IFERROR(INDEX(Jesper!AJ$2:AJ$366,ROUNDDOWN($C2582/24,0)+1,1)*INDEX($D$3:$AA$30,INDEX(Jesper!$R$2:$R$366,ROW(INDEX(Jesper!AJ$2:AJ$366,ROUNDDOWN($C2582/24,0)+1,1))-1)+IF('Standard Profiles'!$G$20=$B$10,7,0)+IF('Standard Profiles'!$G$20=$B$17,14,0)+IF('Standard Profiles'!$G$20=$B$24,21,0),MOD($C2582,24)+1)/SUM(INDEX($D$3:$AA$30,INDEX(Jesper!$R$2:$R$366,ROW(INDEX(Jesper!AJ$2:AJ$366,ROUNDDOWN($C2582/24,0)+1,1))-1)+IF('Standard Profiles'!$G$20=$B$10,7,0)+IF('Standard Profiles'!$G$20=$B$17,14,0)+IF('Standard Profiles'!$G$20=$B$24,21,0),0)),0)</f>
        <v>0</v>
      </c>
      <c r="G2582" cm="1">
        <f t="array" ref="G2582">IFERROR(INDEX(Jesper!AK$2:AK$366,ROUNDDOWN($C2582/24,0)+1,1)*INDEX($D$3:$AA$30,INDEX(Jesper!$R$2:$R$366,ROW(INDEX(Jesper!AK$2:AK$366,ROUNDDOWN($C2582/24,0)+1,1))-1)+IF('Standard Profiles'!$G$21=$B$10,7,0)+IF('Standard Profiles'!$G$21=$B$17,14,0)+IF('Standard Profiles'!$G$21=$B$24,21,0),MOD($C2582,24)+1)/SUM(INDEX($D$3:$AA$30,INDEX(Jesper!$R$2:$R$366,ROW(INDEX(Jesper!AK$2:AK$366,ROUNDDOWN($C2582/24,0)+1,1))-1)+IF('Standard Profiles'!$G$21=$B$10,7,0)+IF('Standard Profiles'!$G$21=$B$17,14,0)+IF('Standard Profiles'!$G$21=$B$24,21,0),0)),0)</f>
        <v>0</v>
      </c>
      <c r="H2582" cm="1">
        <f t="array" ref="H2582">IFERROR(INDEX(Jesper!AL$2:AL$366,ROUNDDOWN($C2582/24,0)+1,1)*INDEX($D$3:$AA$30,INDEX(Jesper!$R$2:$R$366,ROW(INDEX(Jesper!AL$2:AL$366,ROUNDDOWN($C2582/24,0)+1,1))-1)+IF('Standard Profiles'!$G$22=$B$10,7,0)+IF('Standard Profiles'!$G$22=$B$17,14,0)+IF('Standard Profiles'!$G$22=$B$24,21,0),MOD($C2582,24)+1)/SUM(INDEX($D$3:$AA$30,INDEX(Jesper!$R$2:$R$366,ROW(INDEX(Jesper!AL$2:AL$366,ROUNDDOWN($C2582/24,0)+1,1))-1)+IF('Standard Profiles'!$G$22=$B$10,7,0)+IF('Standard Profiles'!$G$22=$B$17,14,0)+IF('Standard Profiles'!$G$22=$B$24,21,0),0)),0)</f>
        <v>0</v>
      </c>
      <c r="I2582">
        <f t="shared" si="293"/>
        <v>0.21917385923678015</v>
      </c>
      <c r="J2582">
        <f t="shared" si="294"/>
        <v>0.7305795307892673</v>
      </c>
      <c r="K2582">
        <f t="shared" si="295"/>
        <v>1.0958692961839007</v>
      </c>
      <c r="L2582">
        <f t="shared" si="296"/>
        <v>5.2601726216827238</v>
      </c>
      <c r="M2582">
        <f t="shared" si="297"/>
        <v>0</v>
      </c>
      <c r="N2582" s="46">
        <f t="shared" si="298"/>
        <v>45398.166666660487</v>
      </c>
    </row>
    <row r="2583" spans="2:14" x14ac:dyDescent="0.3">
      <c r="B2583">
        <f t="shared" si="292"/>
        <v>2</v>
      </c>
      <c r="C2583" s="16">
        <v>2549</v>
      </c>
      <c r="D2583" cm="1">
        <f t="array" ref="D2583">IFERROR(INDEX(Jesper!AH$2:AH$366,ROUNDDOWN($C2583/24,0)+1,1)*INDEX($D$3:$AA$30,INDEX(Jesper!$R$2:$R$366,ROW(INDEX(Jesper!AH$2:AH$366,ROUNDDOWN($C2583/24,0)+1,1))-1)+IF('Standard Profiles'!$G$18=$B$10,7,0)+IF('Standard Profiles'!$G$18=$B$17,14,0)+IF('Standard Profiles'!$G$18=$B$24,21,0),MOD($C2583,24)+1)/SUM(INDEX($D$3:$AA$30,INDEX(Jesper!$R$2:$R$366,ROW(INDEX(Jesper!AH$2:AH$366,ROUNDDOWN($C2583/24,0)+1,1))-1)+IF('Standard Profiles'!$G$18=$B$10,7,0)+IF('Standard Profiles'!$G$18=$B$17,14,0)+IF('Standard Profiles'!$G$18=$B$24,21,0),0)),0)</f>
        <v>9.4975339002604731</v>
      </c>
      <c r="E2583" cm="1">
        <f t="array" ref="E2583">IFERROR(INDEX(Jesper!AI$2:AI$366,ROUNDDOWN($C2583/24,0)+1,1)*INDEX($D$3:$AA$30,INDEX(Jesper!$R$2:$R$366,ROW(INDEX(Jesper!AI$2:AI$366,ROUNDDOWN($C2583/24,0)+1,1))-1)+IF('Standard Profiles'!$G$19=$B$10,7,0)+IF('Standard Profiles'!$G$19=$B$17,14,0)+IF('Standard Profiles'!$G$19=$B$24,21,0),MOD($C2583,24)+1)/SUM(INDEX($D$3:$AA$30,INDEX(Jesper!$R$2:$R$366,ROW(INDEX(Jesper!AI$2:AI$366,ROUNDDOWN($C2583/24,0)+1,1))-1)+IF('Standard Profiles'!$G$19=$B$10,7,0)+IF('Standard Profiles'!$G$19=$B$17,14,0)+IF('Standard Profiles'!$G$19=$B$24,21,0),0)),0)</f>
        <v>0</v>
      </c>
      <c r="F2583" cm="1">
        <f t="array" ref="F2583">IFERROR(INDEX(Jesper!AJ$2:AJ$366,ROUNDDOWN($C2583/24,0)+1,1)*INDEX($D$3:$AA$30,INDEX(Jesper!$R$2:$R$366,ROW(INDEX(Jesper!AJ$2:AJ$366,ROUNDDOWN($C2583/24,0)+1,1))-1)+IF('Standard Profiles'!$G$20=$B$10,7,0)+IF('Standard Profiles'!$G$20=$B$17,14,0)+IF('Standard Profiles'!$G$20=$B$24,21,0),MOD($C2583,24)+1)/SUM(INDEX($D$3:$AA$30,INDEX(Jesper!$R$2:$R$366,ROW(INDEX(Jesper!AJ$2:AJ$366,ROUNDDOWN($C2583/24,0)+1,1))-1)+IF('Standard Profiles'!$G$20=$B$10,7,0)+IF('Standard Profiles'!$G$20=$B$17,14,0)+IF('Standard Profiles'!$G$20=$B$24,21,0),0)),0)</f>
        <v>0</v>
      </c>
      <c r="G2583" cm="1">
        <f t="array" ref="G2583">IFERROR(INDEX(Jesper!AK$2:AK$366,ROUNDDOWN($C2583/24,0)+1,1)*INDEX($D$3:$AA$30,INDEX(Jesper!$R$2:$R$366,ROW(INDEX(Jesper!AK$2:AK$366,ROUNDDOWN($C2583/24,0)+1,1))-1)+IF('Standard Profiles'!$G$21=$B$10,7,0)+IF('Standard Profiles'!$G$21=$B$17,14,0)+IF('Standard Profiles'!$G$21=$B$24,21,0),MOD($C2583,24)+1)/SUM(INDEX($D$3:$AA$30,INDEX(Jesper!$R$2:$R$366,ROW(INDEX(Jesper!AK$2:AK$366,ROUNDDOWN($C2583/24,0)+1,1))-1)+IF('Standard Profiles'!$G$21=$B$10,7,0)+IF('Standard Profiles'!$G$21=$B$17,14,0)+IF('Standard Profiles'!$G$21=$B$24,21,0),0)),0)</f>
        <v>0</v>
      </c>
      <c r="H2583" cm="1">
        <f t="array" ref="H2583">IFERROR(INDEX(Jesper!AL$2:AL$366,ROUNDDOWN($C2583/24,0)+1,1)*INDEX($D$3:$AA$30,INDEX(Jesper!$R$2:$R$366,ROW(INDEX(Jesper!AL$2:AL$366,ROUNDDOWN($C2583/24,0)+1,1))-1)+IF('Standard Profiles'!$G$22=$B$10,7,0)+IF('Standard Profiles'!$G$22=$B$17,14,0)+IF('Standard Profiles'!$G$22=$B$24,21,0),MOD($C2583,24)+1)/SUM(INDEX($D$3:$AA$30,INDEX(Jesper!$R$2:$R$366,ROW(INDEX(Jesper!AL$2:AL$366,ROUNDDOWN($C2583/24,0)+1,1))-1)+IF('Standard Profiles'!$G$22=$B$10,7,0)+IF('Standard Profiles'!$G$22=$B$17,14,0)+IF('Standard Profiles'!$G$22=$B$24,21,0),0)),0)</f>
        <v>0</v>
      </c>
      <c r="I2583">
        <f t="shared" si="293"/>
        <v>0.28492601700781417</v>
      </c>
      <c r="J2583">
        <f t="shared" si="294"/>
        <v>0.94975339002604731</v>
      </c>
      <c r="K2583">
        <f t="shared" si="295"/>
        <v>1.424630085039071</v>
      </c>
      <c r="L2583">
        <f t="shared" si="296"/>
        <v>6.8382244081875401</v>
      </c>
      <c r="M2583">
        <f t="shared" si="297"/>
        <v>0</v>
      </c>
      <c r="N2583" s="46">
        <f t="shared" si="298"/>
        <v>45398.208333327151</v>
      </c>
    </row>
    <row r="2584" spans="2:14" x14ac:dyDescent="0.3">
      <c r="B2584">
        <f t="shared" si="292"/>
        <v>2</v>
      </c>
      <c r="C2584" s="16">
        <v>2550</v>
      </c>
      <c r="D2584" cm="1">
        <f t="array" ref="D2584">IFERROR(INDEX(Jesper!AH$2:AH$366,ROUNDDOWN($C2584/24,0)+1,1)*INDEX($D$3:$AA$30,INDEX(Jesper!$R$2:$R$366,ROW(INDEX(Jesper!AH$2:AH$366,ROUNDDOWN($C2584/24,0)+1,1))-1)+IF('Standard Profiles'!$G$18=$B$10,7,0)+IF('Standard Profiles'!$G$18=$B$17,14,0)+IF('Standard Profiles'!$G$18=$B$24,21,0),MOD($C2584,24)+1)/SUM(INDEX($D$3:$AA$30,INDEX(Jesper!$R$2:$R$366,ROW(INDEX(Jesper!AH$2:AH$366,ROUNDDOWN($C2584/24,0)+1,1))-1)+IF('Standard Profiles'!$G$18=$B$10,7,0)+IF('Standard Profiles'!$G$18=$B$17,14,0)+IF('Standard Profiles'!$G$18=$B$24,21,0),0)),0)</f>
        <v>10.593403196444374</v>
      </c>
      <c r="E2584" cm="1">
        <f t="array" ref="E2584">IFERROR(INDEX(Jesper!AI$2:AI$366,ROUNDDOWN($C2584/24,0)+1,1)*INDEX($D$3:$AA$30,INDEX(Jesper!$R$2:$R$366,ROW(INDEX(Jesper!AI$2:AI$366,ROUNDDOWN($C2584/24,0)+1,1))-1)+IF('Standard Profiles'!$G$19=$B$10,7,0)+IF('Standard Profiles'!$G$19=$B$17,14,0)+IF('Standard Profiles'!$G$19=$B$24,21,0),MOD($C2584,24)+1)/SUM(INDEX($D$3:$AA$30,INDEX(Jesper!$R$2:$R$366,ROW(INDEX(Jesper!AI$2:AI$366,ROUNDDOWN($C2584/24,0)+1,1))-1)+IF('Standard Profiles'!$G$19=$B$10,7,0)+IF('Standard Profiles'!$G$19=$B$17,14,0)+IF('Standard Profiles'!$G$19=$B$24,21,0),0)),0)</f>
        <v>0</v>
      </c>
      <c r="F2584" cm="1">
        <f t="array" ref="F2584">IFERROR(INDEX(Jesper!AJ$2:AJ$366,ROUNDDOWN($C2584/24,0)+1,1)*INDEX($D$3:$AA$30,INDEX(Jesper!$R$2:$R$366,ROW(INDEX(Jesper!AJ$2:AJ$366,ROUNDDOWN($C2584/24,0)+1,1))-1)+IF('Standard Profiles'!$G$20=$B$10,7,0)+IF('Standard Profiles'!$G$20=$B$17,14,0)+IF('Standard Profiles'!$G$20=$B$24,21,0),MOD($C2584,24)+1)/SUM(INDEX($D$3:$AA$30,INDEX(Jesper!$R$2:$R$366,ROW(INDEX(Jesper!AJ$2:AJ$366,ROUNDDOWN($C2584/24,0)+1,1))-1)+IF('Standard Profiles'!$G$20=$B$10,7,0)+IF('Standard Profiles'!$G$20=$B$17,14,0)+IF('Standard Profiles'!$G$20=$B$24,21,0),0)),0)</f>
        <v>0</v>
      </c>
      <c r="G2584" cm="1">
        <f t="array" ref="G2584">IFERROR(INDEX(Jesper!AK$2:AK$366,ROUNDDOWN($C2584/24,0)+1,1)*INDEX($D$3:$AA$30,INDEX(Jesper!$R$2:$R$366,ROW(INDEX(Jesper!AK$2:AK$366,ROUNDDOWN($C2584/24,0)+1,1))-1)+IF('Standard Profiles'!$G$21=$B$10,7,0)+IF('Standard Profiles'!$G$21=$B$17,14,0)+IF('Standard Profiles'!$G$21=$B$24,21,0),MOD($C2584,24)+1)/SUM(INDEX($D$3:$AA$30,INDEX(Jesper!$R$2:$R$366,ROW(INDEX(Jesper!AK$2:AK$366,ROUNDDOWN($C2584/24,0)+1,1))-1)+IF('Standard Profiles'!$G$21=$B$10,7,0)+IF('Standard Profiles'!$G$21=$B$17,14,0)+IF('Standard Profiles'!$G$21=$B$24,21,0),0)),0)</f>
        <v>0</v>
      </c>
      <c r="H2584" cm="1">
        <f t="array" ref="H2584">IFERROR(INDEX(Jesper!AL$2:AL$366,ROUNDDOWN($C2584/24,0)+1,1)*INDEX($D$3:$AA$30,INDEX(Jesper!$R$2:$R$366,ROW(INDEX(Jesper!AL$2:AL$366,ROUNDDOWN($C2584/24,0)+1,1))-1)+IF('Standard Profiles'!$G$22=$B$10,7,0)+IF('Standard Profiles'!$G$22=$B$17,14,0)+IF('Standard Profiles'!$G$22=$B$24,21,0),MOD($C2584,24)+1)/SUM(INDEX($D$3:$AA$30,INDEX(Jesper!$R$2:$R$366,ROW(INDEX(Jesper!AL$2:AL$366,ROUNDDOWN($C2584/24,0)+1,1))-1)+IF('Standard Profiles'!$G$22=$B$10,7,0)+IF('Standard Profiles'!$G$22=$B$17,14,0)+IF('Standard Profiles'!$G$22=$B$24,21,0),0)),0)</f>
        <v>0</v>
      </c>
      <c r="I2584">
        <f t="shared" si="293"/>
        <v>0.31780209589333119</v>
      </c>
      <c r="J2584">
        <f t="shared" si="294"/>
        <v>1.0593403196444375</v>
      </c>
      <c r="K2584">
        <f t="shared" si="295"/>
        <v>1.589010479466656</v>
      </c>
      <c r="L2584">
        <f t="shared" si="296"/>
        <v>7.6272503014399486</v>
      </c>
      <c r="M2584">
        <f t="shared" si="297"/>
        <v>0</v>
      </c>
      <c r="N2584" s="46">
        <f t="shared" si="298"/>
        <v>45398.249999993815</v>
      </c>
    </row>
    <row r="2585" spans="2:14" x14ac:dyDescent="0.3">
      <c r="B2585">
        <f t="shared" si="292"/>
        <v>2</v>
      </c>
      <c r="C2585" s="16">
        <v>2551</v>
      </c>
      <c r="D2585" cm="1">
        <f t="array" ref="D2585">IFERROR(INDEX(Jesper!AH$2:AH$366,ROUNDDOWN($C2585/24,0)+1,1)*INDEX($D$3:$AA$30,INDEX(Jesper!$R$2:$R$366,ROW(INDEX(Jesper!AH$2:AH$366,ROUNDDOWN($C2585/24,0)+1,1))-1)+IF('Standard Profiles'!$G$18=$B$10,7,0)+IF('Standard Profiles'!$G$18=$B$17,14,0)+IF('Standard Profiles'!$G$18=$B$24,21,0),MOD($C2585,24)+1)/SUM(INDEX($D$3:$AA$30,INDEX(Jesper!$R$2:$R$366,ROW(INDEX(Jesper!AH$2:AH$366,ROUNDDOWN($C2585/24,0)+1,1))-1)+IF('Standard Profiles'!$G$18=$B$10,7,0)+IF('Standard Profiles'!$G$18=$B$17,14,0)+IF('Standard Profiles'!$G$18=$B$24,21,0),0)),0)</f>
        <v>10.958692961839009</v>
      </c>
      <c r="E2585" cm="1">
        <f t="array" ref="E2585">IFERROR(INDEX(Jesper!AI$2:AI$366,ROUNDDOWN($C2585/24,0)+1,1)*INDEX($D$3:$AA$30,INDEX(Jesper!$R$2:$R$366,ROW(INDEX(Jesper!AI$2:AI$366,ROUNDDOWN($C2585/24,0)+1,1))-1)+IF('Standard Profiles'!$G$19=$B$10,7,0)+IF('Standard Profiles'!$G$19=$B$17,14,0)+IF('Standard Profiles'!$G$19=$B$24,21,0),MOD($C2585,24)+1)/SUM(INDEX($D$3:$AA$30,INDEX(Jesper!$R$2:$R$366,ROW(INDEX(Jesper!AI$2:AI$366,ROUNDDOWN($C2585/24,0)+1,1))-1)+IF('Standard Profiles'!$G$19=$B$10,7,0)+IF('Standard Profiles'!$G$19=$B$17,14,0)+IF('Standard Profiles'!$G$19=$B$24,21,0),0)),0)</f>
        <v>0</v>
      </c>
      <c r="F2585" cm="1">
        <f t="array" ref="F2585">IFERROR(INDEX(Jesper!AJ$2:AJ$366,ROUNDDOWN($C2585/24,0)+1,1)*INDEX($D$3:$AA$30,INDEX(Jesper!$R$2:$R$366,ROW(INDEX(Jesper!AJ$2:AJ$366,ROUNDDOWN($C2585/24,0)+1,1))-1)+IF('Standard Profiles'!$G$20=$B$10,7,0)+IF('Standard Profiles'!$G$20=$B$17,14,0)+IF('Standard Profiles'!$G$20=$B$24,21,0),MOD($C2585,24)+1)/SUM(INDEX($D$3:$AA$30,INDEX(Jesper!$R$2:$R$366,ROW(INDEX(Jesper!AJ$2:AJ$366,ROUNDDOWN($C2585/24,0)+1,1))-1)+IF('Standard Profiles'!$G$20=$B$10,7,0)+IF('Standard Profiles'!$G$20=$B$17,14,0)+IF('Standard Profiles'!$G$20=$B$24,21,0),0)),0)</f>
        <v>0</v>
      </c>
      <c r="G2585" cm="1">
        <f t="array" ref="G2585">IFERROR(INDEX(Jesper!AK$2:AK$366,ROUNDDOWN($C2585/24,0)+1,1)*INDEX($D$3:$AA$30,INDEX(Jesper!$R$2:$R$366,ROW(INDEX(Jesper!AK$2:AK$366,ROUNDDOWN($C2585/24,0)+1,1))-1)+IF('Standard Profiles'!$G$21=$B$10,7,0)+IF('Standard Profiles'!$G$21=$B$17,14,0)+IF('Standard Profiles'!$G$21=$B$24,21,0),MOD($C2585,24)+1)/SUM(INDEX($D$3:$AA$30,INDEX(Jesper!$R$2:$R$366,ROW(INDEX(Jesper!AK$2:AK$366,ROUNDDOWN($C2585/24,0)+1,1))-1)+IF('Standard Profiles'!$G$21=$B$10,7,0)+IF('Standard Profiles'!$G$21=$B$17,14,0)+IF('Standard Profiles'!$G$21=$B$24,21,0),0)),0)</f>
        <v>0</v>
      </c>
      <c r="H2585" cm="1">
        <f t="array" ref="H2585">IFERROR(INDEX(Jesper!AL$2:AL$366,ROUNDDOWN($C2585/24,0)+1,1)*INDEX($D$3:$AA$30,INDEX(Jesper!$R$2:$R$366,ROW(INDEX(Jesper!AL$2:AL$366,ROUNDDOWN($C2585/24,0)+1,1))-1)+IF('Standard Profiles'!$G$22=$B$10,7,0)+IF('Standard Profiles'!$G$22=$B$17,14,0)+IF('Standard Profiles'!$G$22=$B$24,21,0),MOD($C2585,24)+1)/SUM(INDEX($D$3:$AA$30,INDEX(Jesper!$R$2:$R$366,ROW(INDEX(Jesper!AL$2:AL$366,ROUNDDOWN($C2585/24,0)+1,1))-1)+IF('Standard Profiles'!$G$22=$B$10,7,0)+IF('Standard Profiles'!$G$22=$B$17,14,0)+IF('Standard Profiles'!$G$22=$B$24,21,0),0)),0)</f>
        <v>0</v>
      </c>
      <c r="I2585">
        <f t="shared" si="293"/>
        <v>0.32876078885517029</v>
      </c>
      <c r="J2585">
        <f t="shared" si="294"/>
        <v>1.0958692961839009</v>
      </c>
      <c r="K2585">
        <f t="shared" si="295"/>
        <v>1.6438039442758514</v>
      </c>
      <c r="L2585">
        <f t="shared" si="296"/>
        <v>7.8902589325240866</v>
      </c>
      <c r="M2585">
        <f t="shared" si="297"/>
        <v>0</v>
      </c>
      <c r="N2585" s="46">
        <f t="shared" si="298"/>
        <v>45398.29166666048</v>
      </c>
    </row>
    <row r="2586" spans="2:14" x14ac:dyDescent="0.3">
      <c r="B2586">
        <f t="shared" si="292"/>
        <v>2</v>
      </c>
      <c r="C2586" s="16">
        <v>2552</v>
      </c>
      <c r="D2586" cm="1">
        <f t="array" ref="D2586">IFERROR(INDEX(Jesper!AH$2:AH$366,ROUNDDOWN($C2586/24,0)+1,1)*INDEX($D$3:$AA$30,INDEX(Jesper!$R$2:$R$366,ROW(INDEX(Jesper!AH$2:AH$366,ROUNDDOWN($C2586/24,0)+1,1))-1)+IF('Standard Profiles'!$G$18=$B$10,7,0)+IF('Standard Profiles'!$G$18=$B$17,14,0)+IF('Standard Profiles'!$G$18=$B$24,21,0),MOD($C2586,24)+1)/SUM(INDEX($D$3:$AA$30,INDEX(Jesper!$R$2:$R$366,ROW(INDEX(Jesper!AH$2:AH$366,ROUNDDOWN($C2586/24,0)+1,1))-1)+IF('Standard Profiles'!$G$18=$B$10,7,0)+IF('Standard Profiles'!$G$18=$B$17,14,0)+IF('Standard Profiles'!$G$18=$B$24,21,0),0)),0)</f>
        <v>10.958692961839009</v>
      </c>
      <c r="E2586" cm="1">
        <f t="array" ref="E2586">IFERROR(INDEX(Jesper!AI$2:AI$366,ROUNDDOWN($C2586/24,0)+1,1)*INDEX($D$3:$AA$30,INDEX(Jesper!$R$2:$R$366,ROW(INDEX(Jesper!AI$2:AI$366,ROUNDDOWN($C2586/24,0)+1,1))-1)+IF('Standard Profiles'!$G$19=$B$10,7,0)+IF('Standard Profiles'!$G$19=$B$17,14,0)+IF('Standard Profiles'!$G$19=$B$24,21,0),MOD($C2586,24)+1)/SUM(INDEX($D$3:$AA$30,INDEX(Jesper!$R$2:$R$366,ROW(INDEX(Jesper!AI$2:AI$366,ROUNDDOWN($C2586/24,0)+1,1))-1)+IF('Standard Profiles'!$G$19=$B$10,7,0)+IF('Standard Profiles'!$G$19=$B$17,14,0)+IF('Standard Profiles'!$G$19=$B$24,21,0),0)),0)</f>
        <v>0</v>
      </c>
      <c r="F2586" cm="1">
        <f t="array" ref="F2586">IFERROR(INDEX(Jesper!AJ$2:AJ$366,ROUNDDOWN($C2586/24,0)+1,1)*INDEX($D$3:$AA$30,INDEX(Jesper!$R$2:$R$366,ROW(INDEX(Jesper!AJ$2:AJ$366,ROUNDDOWN($C2586/24,0)+1,1))-1)+IF('Standard Profiles'!$G$20=$B$10,7,0)+IF('Standard Profiles'!$G$20=$B$17,14,0)+IF('Standard Profiles'!$G$20=$B$24,21,0),MOD($C2586,24)+1)/SUM(INDEX($D$3:$AA$30,INDEX(Jesper!$R$2:$R$366,ROW(INDEX(Jesper!AJ$2:AJ$366,ROUNDDOWN($C2586/24,0)+1,1))-1)+IF('Standard Profiles'!$G$20=$B$10,7,0)+IF('Standard Profiles'!$G$20=$B$17,14,0)+IF('Standard Profiles'!$G$20=$B$24,21,0),0)),0)</f>
        <v>0</v>
      </c>
      <c r="G2586" cm="1">
        <f t="array" ref="G2586">IFERROR(INDEX(Jesper!AK$2:AK$366,ROUNDDOWN($C2586/24,0)+1,1)*INDEX($D$3:$AA$30,INDEX(Jesper!$R$2:$R$366,ROW(INDEX(Jesper!AK$2:AK$366,ROUNDDOWN($C2586/24,0)+1,1))-1)+IF('Standard Profiles'!$G$21=$B$10,7,0)+IF('Standard Profiles'!$G$21=$B$17,14,0)+IF('Standard Profiles'!$G$21=$B$24,21,0),MOD($C2586,24)+1)/SUM(INDEX($D$3:$AA$30,INDEX(Jesper!$R$2:$R$366,ROW(INDEX(Jesper!AK$2:AK$366,ROUNDDOWN($C2586/24,0)+1,1))-1)+IF('Standard Profiles'!$G$21=$B$10,7,0)+IF('Standard Profiles'!$G$21=$B$17,14,0)+IF('Standard Profiles'!$G$21=$B$24,21,0),0)),0)</f>
        <v>0</v>
      </c>
      <c r="H2586" cm="1">
        <f t="array" ref="H2586">IFERROR(INDEX(Jesper!AL$2:AL$366,ROUNDDOWN($C2586/24,0)+1,1)*INDEX($D$3:$AA$30,INDEX(Jesper!$R$2:$R$366,ROW(INDEX(Jesper!AL$2:AL$366,ROUNDDOWN($C2586/24,0)+1,1))-1)+IF('Standard Profiles'!$G$22=$B$10,7,0)+IF('Standard Profiles'!$G$22=$B$17,14,0)+IF('Standard Profiles'!$G$22=$B$24,21,0),MOD($C2586,24)+1)/SUM(INDEX($D$3:$AA$30,INDEX(Jesper!$R$2:$R$366,ROW(INDEX(Jesper!AL$2:AL$366,ROUNDDOWN($C2586/24,0)+1,1))-1)+IF('Standard Profiles'!$G$22=$B$10,7,0)+IF('Standard Profiles'!$G$22=$B$17,14,0)+IF('Standard Profiles'!$G$22=$B$24,21,0),0)),0)</f>
        <v>0</v>
      </c>
      <c r="I2586">
        <f t="shared" si="293"/>
        <v>0.32876078885517029</v>
      </c>
      <c r="J2586">
        <f t="shared" si="294"/>
        <v>1.0958692961839009</v>
      </c>
      <c r="K2586">
        <f t="shared" si="295"/>
        <v>1.6438039442758514</v>
      </c>
      <c r="L2586">
        <f t="shared" si="296"/>
        <v>7.8902589325240866</v>
      </c>
      <c r="M2586">
        <f t="shared" si="297"/>
        <v>0</v>
      </c>
      <c r="N2586" s="46">
        <f t="shared" si="298"/>
        <v>45398.333333327144</v>
      </c>
    </row>
    <row r="2587" spans="2:14" x14ac:dyDescent="0.3">
      <c r="B2587">
        <f t="shared" si="292"/>
        <v>2</v>
      </c>
      <c r="C2587" s="16">
        <v>2553</v>
      </c>
      <c r="D2587" cm="1">
        <f t="array" ref="D2587">IFERROR(INDEX(Jesper!AH$2:AH$366,ROUNDDOWN($C2587/24,0)+1,1)*INDEX($D$3:$AA$30,INDEX(Jesper!$R$2:$R$366,ROW(INDEX(Jesper!AH$2:AH$366,ROUNDDOWN($C2587/24,0)+1,1))-1)+IF('Standard Profiles'!$G$18=$B$10,7,0)+IF('Standard Profiles'!$G$18=$B$17,14,0)+IF('Standard Profiles'!$G$18=$B$24,21,0),MOD($C2587,24)+1)/SUM(INDEX($D$3:$AA$30,INDEX(Jesper!$R$2:$R$366,ROW(INDEX(Jesper!AH$2:AH$366,ROUNDDOWN($C2587/24,0)+1,1))-1)+IF('Standard Profiles'!$G$18=$B$10,7,0)+IF('Standard Profiles'!$G$18=$B$17,14,0)+IF('Standard Profiles'!$G$18=$B$24,21,0),0)),0)</f>
        <v>11.871917375325593</v>
      </c>
      <c r="E2587" cm="1">
        <f t="array" ref="E2587">IFERROR(INDEX(Jesper!AI$2:AI$366,ROUNDDOWN($C2587/24,0)+1,1)*INDEX($D$3:$AA$30,INDEX(Jesper!$R$2:$R$366,ROW(INDEX(Jesper!AI$2:AI$366,ROUNDDOWN($C2587/24,0)+1,1))-1)+IF('Standard Profiles'!$G$19=$B$10,7,0)+IF('Standard Profiles'!$G$19=$B$17,14,0)+IF('Standard Profiles'!$G$19=$B$24,21,0),MOD($C2587,24)+1)/SUM(INDEX($D$3:$AA$30,INDEX(Jesper!$R$2:$R$366,ROW(INDEX(Jesper!AI$2:AI$366,ROUNDDOWN($C2587/24,0)+1,1))-1)+IF('Standard Profiles'!$G$19=$B$10,7,0)+IF('Standard Profiles'!$G$19=$B$17,14,0)+IF('Standard Profiles'!$G$19=$B$24,21,0),0)),0)</f>
        <v>0</v>
      </c>
      <c r="F2587" cm="1">
        <f t="array" ref="F2587">IFERROR(INDEX(Jesper!AJ$2:AJ$366,ROUNDDOWN($C2587/24,0)+1,1)*INDEX($D$3:$AA$30,INDEX(Jesper!$R$2:$R$366,ROW(INDEX(Jesper!AJ$2:AJ$366,ROUNDDOWN($C2587/24,0)+1,1))-1)+IF('Standard Profiles'!$G$20=$B$10,7,0)+IF('Standard Profiles'!$G$20=$B$17,14,0)+IF('Standard Profiles'!$G$20=$B$24,21,0),MOD($C2587,24)+1)/SUM(INDEX($D$3:$AA$30,INDEX(Jesper!$R$2:$R$366,ROW(INDEX(Jesper!AJ$2:AJ$366,ROUNDDOWN($C2587/24,0)+1,1))-1)+IF('Standard Profiles'!$G$20=$B$10,7,0)+IF('Standard Profiles'!$G$20=$B$17,14,0)+IF('Standard Profiles'!$G$20=$B$24,21,0),0)),0)</f>
        <v>0</v>
      </c>
      <c r="G2587" cm="1">
        <f t="array" ref="G2587">IFERROR(INDEX(Jesper!AK$2:AK$366,ROUNDDOWN($C2587/24,0)+1,1)*INDEX($D$3:$AA$30,INDEX(Jesper!$R$2:$R$366,ROW(INDEX(Jesper!AK$2:AK$366,ROUNDDOWN($C2587/24,0)+1,1))-1)+IF('Standard Profiles'!$G$21=$B$10,7,0)+IF('Standard Profiles'!$G$21=$B$17,14,0)+IF('Standard Profiles'!$G$21=$B$24,21,0),MOD($C2587,24)+1)/SUM(INDEX($D$3:$AA$30,INDEX(Jesper!$R$2:$R$366,ROW(INDEX(Jesper!AK$2:AK$366,ROUNDDOWN($C2587/24,0)+1,1))-1)+IF('Standard Profiles'!$G$21=$B$10,7,0)+IF('Standard Profiles'!$G$21=$B$17,14,0)+IF('Standard Profiles'!$G$21=$B$24,21,0),0)),0)</f>
        <v>0</v>
      </c>
      <c r="H2587" cm="1">
        <f t="array" ref="H2587">IFERROR(INDEX(Jesper!AL$2:AL$366,ROUNDDOWN($C2587/24,0)+1,1)*INDEX($D$3:$AA$30,INDEX(Jesper!$R$2:$R$366,ROW(INDEX(Jesper!AL$2:AL$366,ROUNDDOWN($C2587/24,0)+1,1))-1)+IF('Standard Profiles'!$G$22=$B$10,7,0)+IF('Standard Profiles'!$G$22=$B$17,14,0)+IF('Standard Profiles'!$G$22=$B$24,21,0),MOD($C2587,24)+1)/SUM(INDEX($D$3:$AA$30,INDEX(Jesper!$R$2:$R$366,ROW(INDEX(Jesper!AL$2:AL$366,ROUNDDOWN($C2587/24,0)+1,1))-1)+IF('Standard Profiles'!$G$22=$B$10,7,0)+IF('Standard Profiles'!$G$22=$B$17,14,0)+IF('Standard Profiles'!$G$22=$B$24,21,0),0)),0)</f>
        <v>0</v>
      </c>
      <c r="I2587">
        <f t="shared" si="293"/>
        <v>0.35615752125976774</v>
      </c>
      <c r="J2587">
        <f t="shared" si="294"/>
        <v>1.1871917375325594</v>
      </c>
      <c r="K2587">
        <f t="shared" si="295"/>
        <v>1.7807876062988388</v>
      </c>
      <c r="L2587">
        <f t="shared" si="296"/>
        <v>8.5477805102344266</v>
      </c>
      <c r="M2587">
        <f t="shared" si="297"/>
        <v>0</v>
      </c>
      <c r="N2587" s="46">
        <f t="shared" si="298"/>
        <v>45398.374999993808</v>
      </c>
    </row>
    <row r="2588" spans="2:14" x14ac:dyDescent="0.3">
      <c r="B2588">
        <f t="shared" si="292"/>
        <v>2</v>
      </c>
      <c r="C2588" s="16">
        <v>2554</v>
      </c>
      <c r="D2588" cm="1">
        <f t="array" ref="D2588">IFERROR(INDEX(Jesper!AH$2:AH$366,ROUNDDOWN($C2588/24,0)+1,1)*INDEX($D$3:$AA$30,INDEX(Jesper!$R$2:$R$366,ROW(INDEX(Jesper!AH$2:AH$366,ROUNDDOWN($C2588/24,0)+1,1))-1)+IF('Standard Profiles'!$G$18=$B$10,7,0)+IF('Standard Profiles'!$G$18=$B$17,14,0)+IF('Standard Profiles'!$G$18=$B$24,21,0),MOD($C2588,24)+1)/SUM(INDEX($D$3:$AA$30,INDEX(Jesper!$R$2:$R$366,ROW(INDEX(Jesper!AH$2:AH$366,ROUNDDOWN($C2588/24,0)+1,1))-1)+IF('Standard Profiles'!$G$18=$B$10,7,0)+IF('Standard Profiles'!$G$18=$B$17,14,0)+IF('Standard Profiles'!$G$18=$B$24,21,0),0)),0)</f>
        <v>12.419852023417542</v>
      </c>
      <c r="E2588" cm="1">
        <f t="array" ref="E2588">IFERROR(INDEX(Jesper!AI$2:AI$366,ROUNDDOWN($C2588/24,0)+1,1)*INDEX($D$3:$AA$30,INDEX(Jesper!$R$2:$R$366,ROW(INDEX(Jesper!AI$2:AI$366,ROUNDDOWN($C2588/24,0)+1,1))-1)+IF('Standard Profiles'!$G$19=$B$10,7,0)+IF('Standard Profiles'!$G$19=$B$17,14,0)+IF('Standard Profiles'!$G$19=$B$24,21,0),MOD($C2588,24)+1)/SUM(INDEX($D$3:$AA$30,INDEX(Jesper!$R$2:$R$366,ROW(INDEX(Jesper!AI$2:AI$366,ROUNDDOWN($C2588/24,0)+1,1))-1)+IF('Standard Profiles'!$G$19=$B$10,7,0)+IF('Standard Profiles'!$G$19=$B$17,14,0)+IF('Standard Profiles'!$G$19=$B$24,21,0),0)),0)</f>
        <v>0</v>
      </c>
      <c r="F2588" cm="1">
        <f t="array" ref="F2588">IFERROR(INDEX(Jesper!AJ$2:AJ$366,ROUNDDOWN($C2588/24,0)+1,1)*INDEX($D$3:$AA$30,INDEX(Jesper!$R$2:$R$366,ROW(INDEX(Jesper!AJ$2:AJ$366,ROUNDDOWN($C2588/24,0)+1,1))-1)+IF('Standard Profiles'!$G$20=$B$10,7,0)+IF('Standard Profiles'!$G$20=$B$17,14,0)+IF('Standard Profiles'!$G$20=$B$24,21,0),MOD($C2588,24)+1)/SUM(INDEX($D$3:$AA$30,INDEX(Jesper!$R$2:$R$366,ROW(INDEX(Jesper!AJ$2:AJ$366,ROUNDDOWN($C2588/24,0)+1,1))-1)+IF('Standard Profiles'!$G$20=$B$10,7,0)+IF('Standard Profiles'!$G$20=$B$17,14,0)+IF('Standard Profiles'!$G$20=$B$24,21,0),0)),0)</f>
        <v>0</v>
      </c>
      <c r="G2588" cm="1">
        <f t="array" ref="G2588">IFERROR(INDEX(Jesper!AK$2:AK$366,ROUNDDOWN($C2588/24,0)+1,1)*INDEX($D$3:$AA$30,INDEX(Jesper!$R$2:$R$366,ROW(INDEX(Jesper!AK$2:AK$366,ROUNDDOWN($C2588/24,0)+1,1))-1)+IF('Standard Profiles'!$G$21=$B$10,7,0)+IF('Standard Profiles'!$G$21=$B$17,14,0)+IF('Standard Profiles'!$G$21=$B$24,21,0),MOD($C2588,24)+1)/SUM(INDEX($D$3:$AA$30,INDEX(Jesper!$R$2:$R$366,ROW(INDEX(Jesper!AK$2:AK$366,ROUNDDOWN($C2588/24,0)+1,1))-1)+IF('Standard Profiles'!$G$21=$B$10,7,0)+IF('Standard Profiles'!$G$21=$B$17,14,0)+IF('Standard Profiles'!$G$21=$B$24,21,0),0)),0)</f>
        <v>0</v>
      </c>
      <c r="H2588" cm="1">
        <f t="array" ref="H2588">IFERROR(INDEX(Jesper!AL$2:AL$366,ROUNDDOWN($C2588/24,0)+1,1)*INDEX($D$3:$AA$30,INDEX(Jesper!$R$2:$R$366,ROW(INDEX(Jesper!AL$2:AL$366,ROUNDDOWN($C2588/24,0)+1,1))-1)+IF('Standard Profiles'!$G$22=$B$10,7,0)+IF('Standard Profiles'!$G$22=$B$17,14,0)+IF('Standard Profiles'!$G$22=$B$24,21,0),MOD($C2588,24)+1)/SUM(INDEX($D$3:$AA$30,INDEX(Jesper!$R$2:$R$366,ROW(INDEX(Jesper!AL$2:AL$366,ROUNDDOWN($C2588/24,0)+1,1))-1)+IF('Standard Profiles'!$G$22=$B$10,7,0)+IF('Standard Profiles'!$G$22=$B$17,14,0)+IF('Standard Profiles'!$G$22=$B$24,21,0),0)),0)</f>
        <v>0</v>
      </c>
      <c r="I2588">
        <f t="shared" si="293"/>
        <v>0.37259556070252625</v>
      </c>
      <c r="J2588">
        <f t="shared" si="294"/>
        <v>1.2419852023417544</v>
      </c>
      <c r="K2588">
        <f t="shared" si="295"/>
        <v>1.8629778035126312</v>
      </c>
      <c r="L2588">
        <f t="shared" si="296"/>
        <v>8.9422934568606305</v>
      </c>
      <c r="M2588">
        <f t="shared" si="297"/>
        <v>0</v>
      </c>
      <c r="N2588" s="46">
        <f t="shared" si="298"/>
        <v>45398.416666660472</v>
      </c>
    </row>
    <row r="2589" spans="2:14" x14ac:dyDescent="0.3">
      <c r="B2589">
        <f t="shared" si="292"/>
        <v>2</v>
      </c>
      <c r="C2589" s="16">
        <v>2555</v>
      </c>
      <c r="D2589" cm="1">
        <f t="array" ref="D2589">IFERROR(INDEX(Jesper!AH$2:AH$366,ROUNDDOWN($C2589/24,0)+1,1)*INDEX($D$3:$AA$30,INDEX(Jesper!$R$2:$R$366,ROW(INDEX(Jesper!AH$2:AH$366,ROUNDDOWN($C2589/24,0)+1,1))-1)+IF('Standard Profiles'!$G$18=$B$10,7,0)+IF('Standard Profiles'!$G$18=$B$17,14,0)+IF('Standard Profiles'!$G$18=$B$24,21,0),MOD($C2589,24)+1)/SUM(INDEX($D$3:$AA$30,INDEX(Jesper!$R$2:$R$366,ROW(INDEX(Jesper!AH$2:AH$366,ROUNDDOWN($C2589/24,0)+1,1))-1)+IF('Standard Profiles'!$G$18=$B$10,7,0)+IF('Standard Profiles'!$G$18=$B$17,14,0)+IF('Standard Profiles'!$G$18=$B$24,21,0),0)),0)</f>
        <v>14.611590615785344</v>
      </c>
      <c r="E2589" cm="1">
        <f t="array" ref="E2589">IFERROR(INDEX(Jesper!AI$2:AI$366,ROUNDDOWN($C2589/24,0)+1,1)*INDEX($D$3:$AA$30,INDEX(Jesper!$R$2:$R$366,ROW(INDEX(Jesper!AI$2:AI$366,ROUNDDOWN($C2589/24,0)+1,1))-1)+IF('Standard Profiles'!$G$19=$B$10,7,0)+IF('Standard Profiles'!$G$19=$B$17,14,0)+IF('Standard Profiles'!$G$19=$B$24,21,0),MOD($C2589,24)+1)/SUM(INDEX($D$3:$AA$30,INDEX(Jesper!$R$2:$R$366,ROW(INDEX(Jesper!AI$2:AI$366,ROUNDDOWN($C2589/24,0)+1,1))-1)+IF('Standard Profiles'!$G$19=$B$10,7,0)+IF('Standard Profiles'!$G$19=$B$17,14,0)+IF('Standard Profiles'!$G$19=$B$24,21,0),0)),0)</f>
        <v>0</v>
      </c>
      <c r="F2589" cm="1">
        <f t="array" ref="F2589">IFERROR(INDEX(Jesper!AJ$2:AJ$366,ROUNDDOWN($C2589/24,0)+1,1)*INDEX($D$3:$AA$30,INDEX(Jesper!$R$2:$R$366,ROW(INDEX(Jesper!AJ$2:AJ$366,ROUNDDOWN($C2589/24,0)+1,1))-1)+IF('Standard Profiles'!$G$20=$B$10,7,0)+IF('Standard Profiles'!$G$20=$B$17,14,0)+IF('Standard Profiles'!$G$20=$B$24,21,0),MOD($C2589,24)+1)/SUM(INDEX($D$3:$AA$30,INDEX(Jesper!$R$2:$R$366,ROW(INDEX(Jesper!AJ$2:AJ$366,ROUNDDOWN($C2589/24,0)+1,1))-1)+IF('Standard Profiles'!$G$20=$B$10,7,0)+IF('Standard Profiles'!$G$20=$B$17,14,0)+IF('Standard Profiles'!$G$20=$B$24,21,0),0)),0)</f>
        <v>0</v>
      </c>
      <c r="G2589" cm="1">
        <f t="array" ref="G2589">IFERROR(INDEX(Jesper!AK$2:AK$366,ROUNDDOWN($C2589/24,0)+1,1)*INDEX($D$3:$AA$30,INDEX(Jesper!$R$2:$R$366,ROW(INDEX(Jesper!AK$2:AK$366,ROUNDDOWN($C2589/24,0)+1,1))-1)+IF('Standard Profiles'!$G$21=$B$10,7,0)+IF('Standard Profiles'!$G$21=$B$17,14,0)+IF('Standard Profiles'!$G$21=$B$24,21,0),MOD($C2589,24)+1)/SUM(INDEX($D$3:$AA$30,INDEX(Jesper!$R$2:$R$366,ROW(INDEX(Jesper!AK$2:AK$366,ROUNDDOWN($C2589/24,0)+1,1))-1)+IF('Standard Profiles'!$G$21=$B$10,7,0)+IF('Standard Profiles'!$G$21=$B$17,14,0)+IF('Standard Profiles'!$G$21=$B$24,21,0),0)),0)</f>
        <v>0</v>
      </c>
      <c r="H2589" cm="1">
        <f t="array" ref="H2589">IFERROR(INDEX(Jesper!AL$2:AL$366,ROUNDDOWN($C2589/24,0)+1,1)*INDEX($D$3:$AA$30,INDEX(Jesper!$R$2:$R$366,ROW(INDEX(Jesper!AL$2:AL$366,ROUNDDOWN($C2589/24,0)+1,1))-1)+IF('Standard Profiles'!$G$22=$B$10,7,0)+IF('Standard Profiles'!$G$22=$B$17,14,0)+IF('Standard Profiles'!$G$22=$B$24,21,0),MOD($C2589,24)+1)/SUM(INDEX($D$3:$AA$30,INDEX(Jesper!$R$2:$R$366,ROW(INDEX(Jesper!AL$2:AL$366,ROUNDDOWN($C2589/24,0)+1,1))-1)+IF('Standard Profiles'!$G$22=$B$10,7,0)+IF('Standard Profiles'!$G$22=$B$17,14,0)+IF('Standard Profiles'!$G$22=$B$24,21,0),0)),0)</f>
        <v>0</v>
      </c>
      <c r="I2589">
        <f t="shared" si="293"/>
        <v>0.4383477184735603</v>
      </c>
      <c r="J2589">
        <f t="shared" si="294"/>
        <v>1.4611590615785346</v>
      </c>
      <c r="K2589">
        <f t="shared" si="295"/>
        <v>2.1917385923678014</v>
      </c>
      <c r="L2589">
        <f t="shared" si="296"/>
        <v>10.520345243365448</v>
      </c>
      <c r="M2589">
        <f t="shared" si="297"/>
        <v>0</v>
      </c>
      <c r="N2589" s="46">
        <f t="shared" si="298"/>
        <v>45398.458333327137</v>
      </c>
    </row>
    <row r="2590" spans="2:14" x14ac:dyDescent="0.3">
      <c r="B2590">
        <f t="shared" si="292"/>
        <v>2</v>
      </c>
      <c r="C2590" s="16">
        <v>2556</v>
      </c>
      <c r="D2590" cm="1">
        <f t="array" ref="D2590">IFERROR(INDEX(Jesper!AH$2:AH$366,ROUNDDOWN($C2590/24,0)+1,1)*INDEX($D$3:$AA$30,INDEX(Jesper!$R$2:$R$366,ROW(INDEX(Jesper!AH$2:AH$366,ROUNDDOWN($C2590/24,0)+1,1))-1)+IF('Standard Profiles'!$G$18=$B$10,7,0)+IF('Standard Profiles'!$G$18=$B$17,14,0)+IF('Standard Profiles'!$G$18=$B$24,21,0),MOD($C2590,24)+1)/SUM(INDEX($D$3:$AA$30,INDEX(Jesper!$R$2:$R$366,ROW(INDEX(Jesper!AH$2:AH$366,ROUNDDOWN($C2590/24,0)+1,1))-1)+IF('Standard Profiles'!$G$18=$B$10,7,0)+IF('Standard Profiles'!$G$18=$B$17,14,0)+IF('Standard Profiles'!$G$18=$B$24,21,0),0)),0)</f>
        <v>14.611590615785344</v>
      </c>
      <c r="E2590" cm="1">
        <f t="array" ref="E2590">IFERROR(INDEX(Jesper!AI$2:AI$366,ROUNDDOWN($C2590/24,0)+1,1)*INDEX($D$3:$AA$30,INDEX(Jesper!$R$2:$R$366,ROW(INDEX(Jesper!AI$2:AI$366,ROUNDDOWN($C2590/24,0)+1,1))-1)+IF('Standard Profiles'!$G$19=$B$10,7,0)+IF('Standard Profiles'!$G$19=$B$17,14,0)+IF('Standard Profiles'!$G$19=$B$24,21,0),MOD($C2590,24)+1)/SUM(INDEX($D$3:$AA$30,INDEX(Jesper!$R$2:$R$366,ROW(INDEX(Jesper!AI$2:AI$366,ROUNDDOWN($C2590/24,0)+1,1))-1)+IF('Standard Profiles'!$G$19=$B$10,7,0)+IF('Standard Profiles'!$G$19=$B$17,14,0)+IF('Standard Profiles'!$G$19=$B$24,21,0),0)),0)</f>
        <v>0</v>
      </c>
      <c r="F2590" cm="1">
        <f t="array" ref="F2590">IFERROR(INDEX(Jesper!AJ$2:AJ$366,ROUNDDOWN($C2590/24,0)+1,1)*INDEX($D$3:$AA$30,INDEX(Jesper!$R$2:$R$366,ROW(INDEX(Jesper!AJ$2:AJ$366,ROUNDDOWN($C2590/24,0)+1,1))-1)+IF('Standard Profiles'!$G$20=$B$10,7,0)+IF('Standard Profiles'!$G$20=$B$17,14,0)+IF('Standard Profiles'!$G$20=$B$24,21,0),MOD($C2590,24)+1)/SUM(INDEX($D$3:$AA$30,INDEX(Jesper!$R$2:$R$366,ROW(INDEX(Jesper!AJ$2:AJ$366,ROUNDDOWN($C2590/24,0)+1,1))-1)+IF('Standard Profiles'!$G$20=$B$10,7,0)+IF('Standard Profiles'!$G$20=$B$17,14,0)+IF('Standard Profiles'!$G$20=$B$24,21,0),0)),0)</f>
        <v>0</v>
      </c>
      <c r="G2590" cm="1">
        <f t="array" ref="G2590">IFERROR(INDEX(Jesper!AK$2:AK$366,ROUNDDOWN($C2590/24,0)+1,1)*INDEX($D$3:$AA$30,INDEX(Jesper!$R$2:$R$366,ROW(INDEX(Jesper!AK$2:AK$366,ROUNDDOWN($C2590/24,0)+1,1))-1)+IF('Standard Profiles'!$G$21=$B$10,7,0)+IF('Standard Profiles'!$G$21=$B$17,14,0)+IF('Standard Profiles'!$G$21=$B$24,21,0),MOD($C2590,24)+1)/SUM(INDEX($D$3:$AA$30,INDEX(Jesper!$R$2:$R$366,ROW(INDEX(Jesper!AK$2:AK$366,ROUNDDOWN($C2590/24,0)+1,1))-1)+IF('Standard Profiles'!$G$21=$B$10,7,0)+IF('Standard Profiles'!$G$21=$B$17,14,0)+IF('Standard Profiles'!$G$21=$B$24,21,0),0)),0)</f>
        <v>0</v>
      </c>
      <c r="H2590" cm="1">
        <f t="array" ref="H2590">IFERROR(INDEX(Jesper!AL$2:AL$366,ROUNDDOWN($C2590/24,0)+1,1)*INDEX($D$3:$AA$30,INDEX(Jesper!$R$2:$R$366,ROW(INDEX(Jesper!AL$2:AL$366,ROUNDDOWN($C2590/24,0)+1,1))-1)+IF('Standard Profiles'!$G$22=$B$10,7,0)+IF('Standard Profiles'!$G$22=$B$17,14,0)+IF('Standard Profiles'!$G$22=$B$24,21,0),MOD($C2590,24)+1)/SUM(INDEX($D$3:$AA$30,INDEX(Jesper!$R$2:$R$366,ROW(INDEX(Jesper!AL$2:AL$366,ROUNDDOWN($C2590/24,0)+1,1))-1)+IF('Standard Profiles'!$G$22=$B$10,7,0)+IF('Standard Profiles'!$G$22=$B$17,14,0)+IF('Standard Profiles'!$G$22=$B$24,21,0),0)),0)</f>
        <v>0</v>
      </c>
      <c r="I2590">
        <f t="shared" si="293"/>
        <v>0.4383477184735603</v>
      </c>
      <c r="J2590">
        <f t="shared" si="294"/>
        <v>1.4611590615785346</v>
      </c>
      <c r="K2590">
        <f t="shared" si="295"/>
        <v>2.1917385923678014</v>
      </c>
      <c r="L2590">
        <f t="shared" si="296"/>
        <v>10.520345243365448</v>
      </c>
      <c r="M2590">
        <f t="shared" si="297"/>
        <v>0</v>
      </c>
      <c r="N2590" s="46">
        <f t="shared" si="298"/>
        <v>45398.499999993801</v>
      </c>
    </row>
    <row r="2591" spans="2:14" x14ac:dyDescent="0.3">
      <c r="B2591">
        <f t="shared" si="292"/>
        <v>2</v>
      </c>
      <c r="C2591" s="16">
        <v>2557</v>
      </c>
      <c r="D2591" cm="1">
        <f t="array" ref="D2591">IFERROR(INDEX(Jesper!AH$2:AH$366,ROUNDDOWN($C2591/24,0)+1,1)*INDEX($D$3:$AA$30,INDEX(Jesper!$R$2:$R$366,ROW(INDEX(Jesper!AH$2:AH$366,ROUNDDOWN($C2591/24,0)+1,1))-1)+IF('Standard Profiles'!$G$18=$B$10,7,0)+IF('Standard Profiles'!$G$18=$B$17,14,0)+IF('Standard Profiles'!$G$18=$B$24,21,0),MOD($C2591,24)+1)/SUM(INDEX($D$3:$AA$30,INDEX(Jesper!$R$2:$R$366,ROW(INDEX(Jesper!AH$2:AH$366,ROUNDDOWN($C2591/24,0)+1,1))-1)+IF('Standard Profiles'!$G$18=$B$10,7,0)+IF('Standard Profiles'!$G$18=$B$17,14,0)+IF('Standard Profiles'!$G$18=$B$24,21,0),0)),0)</f>
        <v>14.611590615785344</v>
      </c>
      <c r="E2591" cm="1">
        <f t="array" ref="E2591">IFERROR(INDEX(Jesper!AI$2:AI$366,ROUNDDOWN($C2591/24,0)+1,1)*INDEX($D$3:$AA$30,INDEX(Jesper!$R$2:$R$366,ROW(INDEX(Jesper!AI$2:AI$366,ROUNDDOWN($C2591/24,0)+1,1))-1)+IF('Standard Profiles'!$G$19=$B$10,7,0)+IF('Standard Profiles'!$G$19=$B$17,14,0)+IF('Standard Profiles'!$G$19=$B$24,21,0),MOD($C2591,24)+1)/SUM(INDEX($D$3:$AA$30,INDEX(Jesper!$R$2:$R$366,ROW(INDEX(Jesper!AI$2:AI$366,ROUNDDOWN($C2591/24,0)+1,1))-1)+IF('Standard Profiles'!$G$19=$B$10,7,0)+IF('Standard Profiles'!$G$19=$B$17,14,0)+IF('Standard Profiles'!$G$19=$B$24,21,0),0)),0)</f>
        <v>0</v>
      </c>
      <c r="F2591" cm="1">
        <f t="array" ref="F2591">IFERROR(INDEX(Jesper!AJ$2:AJ$366,ROUNDDOWN($C2591/24,0)+1,1)*INDEX($D$3:$AA$30,INDEX(Jesper!$R$2:$R$366,ROW(INDEX(Jesper!AJ$2:AJ$366,ROUNDDOWN($C2591/24,0)+1,1))-1)+IF('Standard Profiles'!$G$20=$B$10,7,0)+IF('Standard Profiles'!$G$20=$B$17,14,0)+IF('Standard Profiles'!$G$20=$B$24,21,0),MOD($C2591,24)+1)/SUM(INDEX($D$3:$AA$30,INDEX(Jesper!$R$2:$R$366,ROW(INDEX(Jesper!AJ$2:AJ$366,ROUNDDOWN($C2591/24,0)+1,1))-1)+IF('Standard Profiles'!$G$20=$B$10,7,0)+IF('Standard Profiles'!$G$20=$B$17,14,0)+IF('Standard Profiles'!$G$20=$B$24,21,0),0)),0)</f>
        <v>0</v>
      </c>
      <c r="G2591" cm="1">
        <f t="array" ref="G2591">IFERROR(INDEX(Jesper!AK$2:AK$366,ROUNDDOWN($C2591/24,0)+1,1)*INDEX($D$3:$AA$30,INDEX(Jesper!$R$2:$R$366,ROW(INDEX(Jesper!AK$2:AK$366,ROUNDDOWN($C2591/24,0)+1,1))-1)+IF('Standard Profiles'!$G$21=$B$10,7,0)+IF('Standard Profiles'!$G$21=$B$17,14,0)+IF('Standard Profiles'!$G$21=$B$24,21,0),MOD($C2591,24)+1)/SUM(INDEX($D$3:$AA$30,INDEX(Jesper!$R$2:$R$366,ROW(INDEX(Jesper!AK$2:AK$366,ROUNDDOWN($C2591/24,0)+1,1))-1)+IF('Standard Profiles'!$G$21=$B$10,7,0)+IF('Standard Profiles'!$G$21=$B$17,14,0)+IF('Standard Profiles'!$G$21=$B$24,21,0),0)),0)</f>
        <v>0</v>
      </c>
      <c r="H2591" cm="1">
        <f t="array" ref="H2591">IFERROR(INDEX(Jesper!AL$2:AL$366,ROUNDDOWN($C2591/24,0)+1,1)*INDEX($D$3:$AA$30,INDEX(Jesper!$R$2:$R$366,ROW(INDEX(Jesper!AL$2:AL$366,ROUNDDOWN($C2591/24,0)+1,1))-1)+IF('Standard Profiles'!$G$22=$B$10,7,0)+IF('Standard Profiles'!$G$22=$B$17,14,0)+IF('Standard Profiles'!$G$22=$B$24,21,0),MOD($C2591,24)+1)/SUM(INDEX($D$3:$AA$30,INDEX(Jesper!$R$2:$R$366,ROW(INDEX(Jesper!AL$2:AL$366,ROUNDDOWN($C2591/24,0)+1,1))-1)+IF('Standard Profiles'!$G$22=$B$10,7,0)+IF('Standard Profiles'!$G$22=$B$17,14,0)+IF('Standard Profiles'!$G$22=$B$24,21,0),0)),0)</f>
        <v>0</v>
      </c>
      <c r="I2591">
        <f t="shared" si="293"/>
        <v>0.4383477184735603</v>
      </c>
      <c r="J2591">
        <f t="shared" si="294"/>
        <v>1.4611590615785346</v>
      </c>
      <c r="K2591">
        <f t="shared" si="295"/>
        <v>2.1917385923678014</v>
      </c>
      <c r="L2591">
        <f t="shared" si="296"/>
        <v>10.520345243365448</v>
      </c>
      <c r="M2591">
        <f t="shared" si="297"/>
        <v>0</v>
      </c>
      <c r="N2591" s="46">
        <f t="shared" si="298"/>
        <v>45398.541666660465</v>
      </c>
    </row>
    <row r="2592" spans="2:14" x14ac:dyDescent="0.3">
      <c r="B2592">
        <f t="shared" si="292"/>
        <v>2</v>
      </c>
      <c r="C2592" s="16">
        <v>2558</v>
      </c>
      <c r="D2592" cm="1">
        <f t="array" ref="D2592">IFERROR(INDEX(Jesper!AH$2:AH$366,ROUNDDOWN($C2592/24,0)+1,1)*INDEX($D$3:$AA$30,INDEX(Jesper!$R$2:$R$366,ROW(INDEX(Jesper!AH$2:AH$366,ROUNDDOWN($C2592/24,0)+1,1))-1)+IF('Standard Profiles'!$G$18=$B$10,7,0)+IF('Standard Profiles'!$G$18=$B$17,14,0)+IF('Standard Profiles'!$G$18=$B$24,21,0),MOD($C2592,24)+1)/SUM(INDEX($D$3:$AA$30,INDEX(Jesper!$R$2:$R$366,ROW(INDEX(Jesper!AH$2:AH$366,ROUNDDOWN($C2592/24,0)+1,1))-1)+IF('Standard Profiles'!$G$18=$B$10,7,0)+IF('Standard Profiles'!$G$18=$B$17,14,0)+IF('Standard Profiles'!$G$18=$B$24,21,0),0)),0)</f>
        <v>14.611590615785344</v>
      </c>
      <c r="E2592" cm="1">
        <f t="array" ref="E2592">IFERROR(INDEX(Jesper!AI$2:AI$366,ROUNDDOWN($C2592/24,0)+1,1)*INDEX($D$3:$AA$30,INDEX(Jesper!$R$2:$R$366,ROW(INDEX(Jesper!AI$2:AI$366,ROUNDDOWN($C2592/24,0)+1,1))-1)+IF('Standard Profiles'!$G$19=$B$10,7,0)+IF('Standard Profiles'!$G$19=$B$17,14,0)+IF('Standard Profiles'!$G$19=$B$24,21,0),MOD($C2592,24)+1)/SUM(INDEX($D$3:$AA$30,INDEX(Jesper!$R$2:$R$366,ROW(INDEX(Jesper!AI$2:AI$366,ROUNDDOWN($C2592/24,0)+1,1))-1)+IF('Standard Profiles'!$G$19=$B$10,7,0)+IF('Standard Profiles'!$G$19=$B$17,14,0)+IF('Standard Profiles'!$G$19=$B$24,21,0),0)),0)</f>
        <v>0</v>
      </c>
      <c r="F2592" cm="1">
        <f t="array" ref="F2592">IFERROR(INDEX(Jesper!AJ$2:AJ$366,ROUNDDOWN($C2592/24,0)+1,1)*INDEX($D$3:$AA$30,INDEX(Jesper!$R$2:$R$366,ROW(INDEX(Jesper!AJ$2:AJ$366,ROUNDDOWN($C2592/24,0)+1,1))-1)+IF('Standard Profiles'!$G$20=$B$10,7,0)+IF('Standard Profiles'!$G$20=$B$17,14,0)+IF('Standard Profiles'!$G$20=$B$24,21,0),MOD($C2592,24)+1)/SUM(INDEX($D$3:$AA$30,INDEX(Jesper!$R$2:$R$366,ROW(INDEX(Jesper!AJ$2:AJ$366,ROUNDDOWN($C2592/24,0)+1,1))-1)+IF('Standard Profiles'!$G$20=$B$10,7,0)+IF('Standard Profiles'!$G$20=$B$17,14,0)+IF('Standard Profiles'!$G$20=$B$24,21,0),0)),0)</f>
        <v>0</v>
      </c>
      <c r="G2592" cm="1">
        <f t="array" ref="G2592">IFERROR(INDEX(Jesper!AK$2:AK$366,ROUNDDOWN($C2592/24,0)+1,1)*INDEX($D$3:$AA$30,INDEX(Jesper!$R$2:$R$366,ROW(INDEX(Jesper!AK$2:AK$366,ROUNDDOWN($C2592/24,0)+1,1))-1)+IF('Standard Profiles'!$G$21=$B$10,7,0)+IF('Standard Profiles'!$G$21=$B$17,14,0)+IF('Standard Profiles'!$G$21=$B$24,21,0),MOD($C2592,24)+1)/SUM(INDEX($D$3:$AA$30,INDEX(Jesper!$R$2:$R$366,ROW(INDEX(Jesper!AK$2:AK$366,ROUNDDOWN($C2592/24,0)+1,1))-1)+IF('Standard Profiles'!$G$21=$B$10,7,0)+IF('Standard Profiles'!$G$21=$B$17,14,0)+IF('Standard Profiles'!$G$21=$B$24,21,0),0)),0)</f>
        <v>0</v>
      </c>
      <c r="H2592" cm="1">
        <f t="array" ref="H2592">IFERROR(INDEX(Jesper!AL$2:AL$366,ROUNDDOWN($C2592/24,0)+1,1)*INDEX($D$3:$AA$30,INDEX(Jesper!$R$2:$R$366,ROW(INDEX(Jesper!AL$2:AL$366,ROUNDDOWN($C2592/24,0)+1,1))-1)+IF('Standard Profiles'!$G$22=$B$10,7,0)+IF('Standard Profiles'!$G$22=$B$17,14,0)+IF('Standard Profiles'!$G$22=$B$24,21,0),MOD($C2592,24)+1)/SUM(INDEX($D$3:$AA$30,INDEX(Jesper!$R$2:$R$366,ROW(INDEX(Jesper!AL$2:AL$366,ROUNDDOWN($C2592/24,0)+1,1))-1)+IF('Standard Profiles'!$G$22=$B$10,7,0)+IF('Standard Profiles'!$G$22=$B$17,14,0)+IF('Standard Profiles'!$G$22=$B$24,21,0),0)),0)</f>
        <v>0</v>
      </c>
      <c r="I2592">
        <f t="shared" si="293"/>
        <v>0.4383477184735603</v>
      </c>
      <c r="J2592">
        <f t="shared" si="294"/>
        <v>1.4611590615785346</v>
      </c>
      <c r="K2592">
        <f t="shared" si="295"/>
        <v>2.1917385923678014</v>
      </c>
      <c r="L2592">
        <f t="shared" si="296"/>
        <v>10.520345243365448</v>
      </c>
      <c r="M2592">
        <f t="shared" si="297"/>
        <v>0</v>
      </c>
      <c r="N2592" s="46">
        <f t="shared" si="298"/>
        <v>45398.583333327129</v>
      </c>
    </row>
    <row r="2593" spans="2:14" x14ac:dyDescent="0.3">
      <c r="B2593">
        <f t="shared" si="292"/>
        <v>2</v>
      </c>
      <c r="C2593" s="16">
        <v>2559</v>
      </c>
      <c r="D2593" cm="1">
        <f t="array" ref="D2593">IFERROR(INDEX(Jesper!AH$2:AH$366,ROUNDDOWN($C2593/24,0)+1,1)*INDEX($D$3:$AA$30,INDEX(Jesper!$R$2:$R$366,ROW(INDEX(Jesper!AH$2:AH$366,ROUNDDOWN($C2593/24,0)+1,1))-1)+IF('Standard Profiles'!$G$18=$B$10,7,0)+IF('Standard Profiles'!$G$18=$B$17,14,0)+IF('Standard Profiles'!$G$18=$B$24,21,0),MOD($C2593,24)+1)/SUM(INDEX($D$3:$AA$30,INDEX(Jesper!$R$2:$R$366,ROW(INDEX(Jesper!AH$2:AH$366,ROUNDDOWN($C2593/24,0)+1,1))-1)+IF('Standard Profiles'!$G$18=$B$10,7,0)+IF('Standard Profiles'!$G$18=$B$17,14,0)+IF('Standard Profiles'!$G$18=$B$24,21,0),0)),0)</f>
        <v>14.611590615785344</v>
      </c>
      <c r="E2593" cm="1">
        <f t="array" ref="E2593">IFERROR(INDEX(Jesper!AI$2:AI$366,ROUNDDOWN($C2593/24,0)+1,1)*INDEX($D$3:$AA$30,INDEX(Jesper!$R$2:$R$366,ROW(INDEX(Jesper!AI$2:AI$366,ROUNDDOWN($C2593/24,0)+1,1))-1)+IF('Standard Profiles'!$G$19=$B$10,7,0)+IF('Standard Profiles'!$G$19=$B$17,14,0)+IF('Standard Profiles'!$G$19=$B$24,21,0),MOD($C2593,24)+1)/SUM(INDEX($D$3:$AA$30,INDEX(Jesper!$R$2:$R$366,ROW(INDEX(Jesper!AI$2:AI$366,ROUNDDOWN($C2593/24,0)+1,1))-1)+IF('Standard Profiles'!$G$19=$B$10,7,0)+IF('Standard Profiles'!$G$19=$B$17,14,0)+IF('Standard Profiles'!$G$19=$B$24,21,0),0)),0)</f>
        <v>0</v>
      </c>
      <c r="F2593" cm="1">
        <f t="array" ref="F2593">IFERROR(INDEX(Jesper!AJ$2:AJ$366,ROUNDDOWN($C2593/24,0)+1,1)*INDEX($D$3:$AA$30,INDEX(Jesper!$R$2:$R$366,ROW(INDEX(Jesper!AJ$2:AJ$366,ROUNDDOWN($C2593/24,0)+1,1))-1)+IF('Standard Profiles'!$G$20=$B$10,7,0)+IF('Standard Profiles'!$G$20=$B$17,14,0)+IF('Standard Profiles'!$G$20=$B$24,21,0),MOD($C2593,24)+1)/SUM(INDEX($D$3:$AA$30,INDEX(Jesper!$R$2:$R$366,ROW(INDEX(Jesper!AJ$2:AJ$366,ROUNDDOWN($C2593/24,0)+1,1))-1)+IF('Standard Profiles'!$G$20=$B$10,7,0)+IF('Standard Profiles'!$G$20=$B$17,14,0)+IF('Standard Profiles'!$G$20=$B$24,21,0),0)),0)</f>
        <v>0</v>
      </c>
      <c r="G2593" cm="1">
        <f t="array" ref="G2593">IFERROR(INDEX(Jesper!AK$2:AK$366,ROUNDDOWN($C2593/24,0)+1,1)*INDEX($D$3:$AA$30,INDEX(Jesper!$R$2:$R$366,ROW(INDEX(Jesper!AK$2:AK$366,ROUNDDOWN($C2593/24,0)+1,1))-1)+IF('Standard Profiles'!$G$21=$B$10,7,0)+IF('Standard Profiles'!$G$21=$B$17,14,0)+IF('Standard Profiles'!$G$21=$B$24,21,0),MOD($C2593,24)+1)/SUM(INDEX($D$3:$AA$30,INDEX(Jesper!$R$2:$R$366,ROW(INDEX(Jesper!AK$2:AK$366,ROUNDDOWN($C2593/24,0)+1,1))-1)+IF('Standard Profiles'!$G$21=$B$10,7,0)+IF('Standard Profiles'!$G$21=$B$17,14,0)+IF('Standard Profiles'!$G$21=$B$24,21,0),0)),0)</f>
        <v>0</v>
      </c>
      <c r="H2593" cm="1">
        <f t="array" ref="H2593">IFERROR(INDEX(Jesper!AL$2:AL$366,ROUNDDOWN($C2593/24,0)+1,1)*INDEX($D$3:$AA$30,INDEX(Jesper!$R$2:$R$366,ROW(INDEX(Jesper!AL$2:AL$366,ROUNDDOWN($C2593/24,0)+1,1))-1)+IF('Standard Profiles'!$G$22=$B$10,7,0)+IF('Standard Profiles'!$G$22=$B$17,14,0)+IF('Standard Profiles'!$G$22=$B$24,21,0),MOD($C2593,24)+1)/SUM(INDEX($D$3:$AA$30,INDEX(Jesper!$R$2:$R$366,ROW(INDEX(Jesper!AL$2:AL$366,ROUNDDOWN($C2593/24,0)+1,1))-1)+IF('Standard Profiles'!$G$22=$B$10,7,0)+IF('Standard Profiles'!$G$22=$B$17,14,0)+IF('Standard Profiles'!$G$22=$B$24,21,0),0)),0)</f>
        <v>0</v>
      </c>
      <c r="I2593">
        <f t="shared" si="293"/>
        <v>0.4383477184735603</v>
      </c>
      <c r="J2593">
        <f t="shared" si="294"/>
        <v>1.4611590615785346</v>
      </c>
      <c r="K2593">
        <f t="shared" si="295"/>
        <v>2.1917385923678014</v>
      </c>
      <c r="L2593">
        <f t="shared" si="296"/>
        <v>10.520345243365448</v>
      </c>
      <c r="M2593">
        <f t="shared" si="297"/>
        <v>0</v>
      </c>
      <c r="N2593" s="46">
        <f t="shared" si="298"/>
        <v>45398.624999993794</v>
      </c>
    </row>
    <row r="2594" spans="2:14" x14ac:dyDescent="0.3">
      <c r="B2594">
        <f t="shared" si="292"/>
        <v>2</v>
      </c>
      <c r="C2594" s="16">
        <v>2560</v>
      </c>
      <c r="D2594" cm="1">
        <f t="array" ref="D2594">IFERROR(INDEX(Jesper!AH$2:AH$366,ROUNDDOWN($C2594/24,0)+1,1)*INDEX($D$3:$AA$30,INDEX(Jesper!$R$2:$R$366,ROW(INDEX(Jesper!AH$2:AH$366,ROUNDDOWN($C2594/24,0)+1,1))-1)+IF('Standard Profiles'!$G$18=$B$10,7,0)+IF('Standard Profiles'!$G$18=$B$17,14,0)+IF('Standard Profiles'!$G$18=$B$24,21,0),MOD($C2594,24)+1)/SUM(INDEX($D$3:$AA$30,INDEX(Jesper!$R$2:$R$366,ROW(INDEX(Jesper!AH$2:AH$366,ROUNDDOWN($C2594/24,0)+1,1))-1)+IF('Standard Profiles'!$G$18=$B$10,7,0)+IF('Standard Profiles'!$G$18=$B$17,14,0)+IF('Standard Profiles'!$G$18=$B$24,21,0),0)),0)</f>
        <v>14.611590615785344</v>
      </c>
      <c r="E2594" cm="1">
        <f t="array" ref="E2594">IFERROR(INDEX(Jesper!AI$2:AI$366,ROUNDDOWN($C2594/24,0)+1,1)*INDEX($D$3:$AA$30,INDEX(Jesper!$R$2:$R$366,ROW(INDEX(Jesper!AI$2:AI$366,ROUNDDOWN($C2594/24,0)+1,1))-1)+IF('Standard Profiles'!$G$19=$B$10,7,0)+IF('Standard Profiles'!$G$19=$B$17,14,0)+IF('Standard Profiles'!$G$19=$B$24,21,0),MOD($C2594,24)+1)/SUM(INDEX($D$3:$AA$30,INDEX(Jesper!$R$2:$R$366,ROW(INDEX(Jesper!AI$2:AI$366,ROUNDDOWN($C2594/24,0)+1,1))-1)+IF('Standard Profiles'!$G$19=$B$10,7,0)+IF('Standard Profiles'!$G$19=$B$17,14,0)+IF('Standard Profiles'!$G$19=$B$24,21,0),0)),0)</f>
        <v>0</v>
      </c>
      <c r="F2594" cm="1">
        <f t="array" ref="F2594">IFERROR(INDEX(Jesper!AJ$2:AJ$366,ROUNDDOWN($C2594/24,0)+1,1)*INDEX($D$3:$AA$30,INDEX(Jesper!$R$2:$R$366,ROW(INDEX(Jesper!AJ$2:AJ$366,ROUNDDOWN($C2594/24,0)+1,1))-1)+IF('Standard Profiles'!$G$20=$B$10,7,0)+IF('Standard Profiles'!$G$20=$B$17,14,0)+IF('Standard Profiles'!$G$20=$B$24,21,0),MOD($C2594,24)+1)/SUM(INDEX($D$3:$AA$30,INDEX(Jesper!$R$2:$R$366,ROW(INDEX(Jesper!AJ$2:AJ$366,ROUNDDOWN($C2594/24,0)+1,1))-1)+IF('Standard Profiles'!$G$20=$B$10,7,0)+IF('Standard Profiles'!$G$20=$B$17,14,0)+IF('Standard Profiles'!$G$20=$B$24,21,0),0)),0)</f>
        <v>0</v>
      </c>
      <c r="G2594" cm="1">
        <f t="array" ref="G2594">IFERROR(INDEX(Jesper!AK$2:AK$366,ROUNDDOWN($C2594/24,0)+1,1)*INDEX($D$3:$AA$30,INDEX(Jesper!$R$2:$R$366,ROW(INDEX(Jesper!AK$2:AK$366,ROUNDDOWN($C2594/24,0)+1,1))-1)+IF('Standard Profiles'!$G$21=$B$10,7,0)+IF('Standard Profiles'!$G$21=$B$17,14,0)+IF('Standard Profiles'!$G$21=$B$24,21,0),MOD($C2594,24)+1)/SUM(INDEX($D$3:$AA$30,INDEX(Jesper!$R$2:$R$366,ROW(INDEX(Jesper!AK$2:AK$366,ROUNDDOWN($C2594/24,0)+1,1))-1)+IF('Standard Profiles'!$G$21=$B$10,7,0)+IF('Standard Profiles'!$G$21=$B$17,14,0)+IF('Standard Profiles'!$G$21=$B$24,21,0),0)),0)</f>
        <v>0</v>
      </c>
      <c r="H2594" cm="1">
        <f t="array" ref="H2594">IFERROR(INDEX(Jesper!AL$2:AL$366,ROUNDDOWN($C2594/24,0)+1,1)*INDEX($D$3:$AA$30,INDEX(Jesper!$R$2:$R$366,ROW(INDEX(Jesper!AL$2:AL$366,ROUNDDOWN($C2594/24,0)+1,1))-1)+IF('Standard Profiles'!$G$22=$B$10,7,0)+IF('Standard Profiles'!$G$22=$B$17,14,0)+IF('Standard Profiles'!$G$22=$B$24,21,0),MOD($C2594,24)+1)/SUM(INDEX($D$3:$AA$30,INDEX(Jesper!$R$2:$R$366,ROW(INDEX(Jesper!AL$2:AL$366,ROUNDDOWN($C2594/24,0)+1,1))-1)+IF('Standard Profiles'!$G$22=$B$10,7,0)+IF('Standard Profiles'!$G$22=$B$17,14,0)+IF('Standard Profiles'!$G$22=$B$24,21,0),0)),0)</f>
        <v>0</v>
      </c>
      <c r="I2594">
        <f t="shared" si="293"/>
        <v>0.4383477184735603</v>
      </c>
      <c r="J2594">
        <f t="shared" si="294"/>
        <v>1.4611590615785346</v>
      </c>
      <c r="K2594">
        <f t="shared" si="295"/>
        <v>2.1917385923678014</v>
      </c>
      <c r="L2594">
        <f t="shared" si="296"/>
        <v>10.520345243365448</v>
      </c>
      <c r="M2594">
        <f t="shared" si="297"/>
        <v>0</v>
      </c>
      <c r="N2594" s="46">
        <f t="shared" si="298"/>
        <v>45398.666666660458</v>
      </c>
    </row>
    <row r="2595" spans="2:14" x14ac:dyDescent="0.3">
      <c r="B2595">
        <f t="shared" ref="B2595:B2658" si="299">WEEKDAY(N2595,2)</f>
        <v>2</v>
      </c>
      <c r="C2595" s="16">
        <v>2561</v>
      </c>
      <c r="D2595" cm="1">
        <f t="array" ref="D2595">IFERROR(INDEX(Jesper!AH$2:AH$366,ROUNDDOWN($C2595/24,0)+1,1)*INDEX($D$3:$AA$30,INDEX(Jesper!$R$2:$R$366,ROW(INDEX(Jesper!AH$2:AH$366,ROUNDDOWN($C2595/24,0)+1,1))-1)+IF('Standard Profiles'!$G$18=$B$10,7,0)+IF('Standard Profiles'!$G$18=$B$17,14,0)+IF('Standard Profiles'!$G$18=$B$24,21,0),MOD($C2595,24)+1)/SUM(INDEX($D$3:$AA$30,INDEX(Jesper!$R$2:$R$366,ROW(INDEX(Jesper!AH$2:AH$366,ROUNDDOWN($C2595/24,0)+1,1))-1)+IF('Standard Profiles'!$G$18=$B$10,7,0)+IF('Standard Profiles'!$G$18=$B$17,14,0)+IF('Standard Profiles'!$G$18=$B$24,21,0),0)),0)</f>
        <v>14.611590615785344</v>
      </c>
      <c r="E2595" cm="1">
        <f t="array" ref="E2595">IFERROR(INDEX(Jesper!AI$2:AI$366,ROUNDDOWN($C2595/24,0)+1,1)*INDEX($D$3:$AA$30,INDEX(Jesper!$R$2:$R$366,ROW(INDEX(Jesper!AI$2:AI$366,ROUNDDOWN($C2595/24,0)+1,1))-1)+IF('Standard Profiles'!$G$19=$B$10,7,0)+IF('Standard Profiles'!$G$19=$B$17,14,0)+IF('Standard Profiles'!$G$19=$B$24,21,0),MOD($C2595,24)+1)/SUM(INDEX($D$3:$AA$30,INDEX(Jesper!$R$2:$R$366,ROW(INDEX(Jesper!AI$2:AI$366,ROUNDDOWN($C2595/24,0)+1,1))-1)+IF('Standard Profiles'!$G$19=$B$10,7,0)+IF('Standard Profiles'!$G$19=$B$17,14,0)+IF('Standard Profiles'!$G$19=$B$24,21,0),0)),0)</f>
        <v>0</v>
      </c>
      <c r="F2595" cm="1">
        <f t="array" ref="F2595">IFERROR(INDEX(Jesper!AJ$2:AJ$366,ROUNDDOWN($C2595/24,0)+1,1)*INDEX($D$3:$AA$30,INDEX(Jesper!$R$2:$R$366,ROW(INDEX(Jesper!AJ$2:AJ$366,ROUNDDOWN($C2595/24,0)+1,1))-1)+IF('Standard Profiles'!$G$20=$B$10,7,0)+IF('Standard Profiles'!$G$20=$B$17,14,0)+IF('Standard Profiles'!$G$20=$B$24,21,0),MOD($C2595,24)+1)/SUM(INDEX($D$3:$AA$30,INDEX(Jesper!$R$2:$R$366,ROW(INDEX(Jesper!AJ$2:AJ$366,ROUNDDOWN($C2595/24,0)+1,1))-1)+IF('Standard Profiles'!$G$20=$B$10,7,0)+IF('Standard Profiles'!$G$20=$B$17,14,0)+IF('Standard Profiles'!$G$20=$B$24,21,0),0)),0)</f>
        <v>0</v>
      </c>
      <c r="G2595" cm="1">
        <f t="array" ref="G2595">IFERROR(INDEX(Jesper!AK$2:AK$366,ROUNDDOWN($C2595/24,0)+1,1)*INDEX($D$3:$AA$30,INDEX(Jesper!$R$2:$R$366,ROW(INDEX(Jesper!AK$2:AK$366,ROUNDDOWN($C2595/24,0)+1,1))-1)+IF('Standard Profiles'!$G$21=$B$10,7,0)+IF('Standard Profiles'!$G$21=$B$17,14,0)+IF('Standard Profiles'!$G$21=$B$24,21,0),MOD($C2595,24)+1)/SUM(INDEX($D$3:$AA$30,INDEX(Jesper!$R$2:$R$366,ROW(INDEX(Jesper!AK$2:AK$366,ROUNDDOWN($C2595/24,0)+1,1))-1)+IF('Standard Profiles'!$G$21=$B$10,7,0)+IF('Standard Profiles'!$G$21=$B$17,14,0)+IF('Standard Profiles'!$G$21=$B$24,21,0),0)),0)</f>
        <v>0</v>
      </c>
      <c r="H2595" cm="1">
        <f t="array" ref="H2595">IFERROR(INDEX(Jesper!AL$2:AL$366,ROUNDDOWN($C2595/24,0)+1,1)*INDEX($D$3:$AA$30,INDEX(Jesper!$R$2:$R$366,ROW(INDEX(Jesper!AL$2:AL$366,ROUNDDOWN($C2595/24,0)+1,1))-1)+IF('Standard Profiles'!$G$22=$B$10,7,0)+IF('Standard Profiles'!$G$22=$B$17,14,0)+IF('Standard Profiles'!$G$22=$B$24,21,0),MOD($C2595,24)+1)/SUM(INDEX($D$3:$AA$30,INDEX(Jesper!$R$2:$R$366,ROW(INDEX(Jesper!AL$2:AL$366,ROUNDDOWN($C2595/24,0)+1,1))-1)+IF('Standard Profiles'!$G$22=$B$10,7,0)+IF('Standard Profiles'!$G$22=$B$17,14,0)+IF('Standard Profiles'!$G$22=$B$24,21,0),0)),0)</f>
        <v>0</v>
      </c>
      <c r="I2595">
        <f t="shared" ref="I2595:I2658" si="300">IF($B2595&lt;6,AC$37*$D2595+AC$38*$E2595+AC$39*$F2595+AC$40*$G2595,AC$46*$D2595+AC$47*$E2595+AC$48*$F2595+AC$49*$G2595+AC$50*$H2595)</f>
        <v>0.4383477184735603</v>
      </c>
      <c r="J2595">
        <f t="shared" ref="J2595:J2658" si="301">IF($B2595&lt;6,AD$37*$D2595+AD$38*$E2595+AD$39*$F2595+AD$40*$G2595,AD$46*$D2595+AD$47*$E2595+AD$48*$F2595+AD$49*$G2595+AD$50*$H2595)</f>
        <v>1.4611590615785346</v>
      </c>
      <c r="K2595">
        <f t="shared" ref="K2595:K2658" si="302">IF($B2595&lt;6,AE$37*$D2595+AE$38*$E2595+AE$39*$F2595+AE$40*$G2595,AE$46*$D2595+AE$47*$E2595+AE$48*$F2595+AE$49*$G2595+AE$50*$H2595)</f>
        <v>2.1917385923678014</v>
      </c>
      <c r="L2595">
        <f t="shared" ref="L2595:L2658" si="303">IF($B2595&lt;6,AF$37*$D2595+AF$38*$E2595+AF$39*$F2595+AF$40*$G2595,AF$46*$D2595+AF$47*$E2595+AF$48*$F2595+AF$49*$G2595+AF$50*$H2595)</f>
        <v>10.520345243365448</v>
      </c>
      <c r="M2595">
        <f t="shared" ref="M2595:M2658" si="304">IF($B2595&lt;6,AG$37*$D2595+AG$38*$E2595+AG$39*$F2595+AG$40*$G2595,AG$46*$D2595+AG$47*$E2595+AG$48*$F2595+AG$49*$G2595+AG$50*$H2595)</f>
        <v>0</v>
      </c>
      <c r="N2595" s="46">
        <f t="shared" si="298"/>
        <v>45398.708333327122</v>
      </c>
    </row>
    <row r="2596" spans="2:14" x14ac:dyDescent="0.3">
      <c r="B2596">
        <f t="shared" si="299"/>
        <v>2</v>
      </c>
      <c r="C2596" s="16">
        <v>2562</v>
      </c>
      <c r="D2596" cm="1">
        <f t="array" ref="D2596">IFERROR(INDEX(Jesper!AH$2:AH$366,ROUNDDOWN($C2596/24,0)+1,1)*INDEX($D$3:$AA$30,INDEX(Jesper!$R$2:$R$366,ROW(INDEX(Jesper!AH$2:AH$366,ROUNDDOWN($C2596/24,0)+1,1))-1)+IF('Standard Profiles'!$G$18=$B$10,7,0)+IF('Standard Profiles'!$G$18=$B$17,14,0)+IF('Standard Profiles'!$G$18=$B$24,21,0),MOD($C2596,24)+1)/SUM(INDEX($D$3:$AA$30,INDEX(Jesper!$R$2:$R$366,ROW(INDEX(Jesper!AH$2:AH$366,ROUNDDOWN($C2596/24,0)+1,1))-1)+IF('Standard Profiles'!$G$18=$B$10,7,0)+IF('Standard Profiles'!$G$18=$B$17,14,0)+IF('Standard Profiles'!$G$18=$B$24,21,0),0)),0)</f>
        <v>14.611590615785344</v>
      </c>
      <c r="E2596" cm="1">
        <f t="array" ref="E2596">IFERROR(INDEX(Jesper!AI$2:AI$366,ROUNDDOWN($C2596/24,0)+1,1)*INDEX($D$3:$AA$30,INDEX(Jesper!$R$2:$R$366,ROW(INDEX(Jesper!AI$2:AI$366,ROUNDDOWN($C2596/24,0)+1,1))-1)+IF('Standard Profiles'!$G$19=$B$10,7,0)+IF('Standard Profiles'!$G$19=$B$17,14,0)+IF('Standard Profiles'!$G$19=$B$24,21,0),MOD($C2596,24)+1)/SUM(INDEX($D$3:$AA$30,INDEX(Jesper!$R$2:$R$366,ROW(INDEX(Jesper!AI$2:AI$366,ROUNDDOWN($C2596/24,0)+1,1))-1)+IF('Standard Profiles'!$G$19=$B$10,7,0)+IF('Standard Profiles'!$G$19=$B$17,14,0)+IF('Standard Profiles'!$G$19=$B$24,21,0),0)),0)</f>
        <v>0</v>
      </c>
      <c r="F2596" cm="1">
        <f t="array" ref="F2596">IFERROR(INDEX(Jesper!AJ$2:AJ$366,ROUNDDOWN($C2596/24,0)+1,1)*INDEX($D$3:$AA$30,INDEX(Jesper!$R$2:$R$366,ROW(INDEX(Jesper!AJ$2:AJ$366,ROUNDDOWN($C2596/24,0)+1,1))-1)+IF('Standard Profiles'!$G$20=$B$10,7,0)+IF('Standard Profiles'!$G$20=$B$17,14,0)+IF('Standard Profiles'!$G$20=$B$24,21,0),MOD($C2596,24)+1)/SUM(INDEX($D$3:$AA$30,INDEX(Jesper!$R$2:$R$366,ROW(INDEX(Jesper!AJ$2:AJ$366,ROUNDDOWN($C2596/24,0)+1,1))-1)+IF('Standard Profiles'!$G$20=$B$10,7,0)+IF('Standard Profiles'!$G$20=$B$17,14,0)+IF('Standard Profiles'!$G$20=$B$24,21,0),0)),0)</f>
        <v>0</v>
      </c>
      <c r="G2596" cm="1">
        <f t="array" ref="G2596">IFERROR(INDEX(Jesper!AK$2:AK$366,ROUNDDOWN($C2596/24,0)+1,1)*INDEX($D$3:$AA$30,INDEX(Jesper!$R$2:$R$366,ROW(INDEX(Jesper!AK$2:AK$366,ROUNDDOWN($C2596/24,0)+1,1))-1)+IF('Standard Profiles'!$G$21=$B$10,7,0)+IF('Standard Profiles'!$G$21=$B$17,14,0)+IF('Standard Profiles'!$G$21=$B$24,21,0),MOD($C2596,24)+1)/SUM(INDEX($D$3:$AA$30,INDEX(Jesper!$R$2:$R$366,ROW(INDEX(Jesper!AK$2:AK$366,ROUNDDOWN($C2596/24,0)+1,1))-1)+IF('Standard Profiles'!$G$21=$B$10,7,0)+IF('Standard Profiles'!$G$21=$B$17,14,0)+IF('Standard Profiles'!$G$21=$B$24,21,0),0)),0)</f>
        <v>0</v>
      </c>
      <c r="H2596" cm="1">
        <f t="array" ref="H2596">IFERROR(INDEX(Jesper!AL$2:AL$366,ROUNDDOWN($C2596/24,0)+1,1)*INDEX($D$3:$AA$30,INDEX(Jesper!$R$2:$R$366,ROW(INDEX(Jesper!AL$2:AL$366,ROUNDDOWN($C2596/24,0)+1,1))-1)+IF('Standard Profiles'!$G$22=$B$10,7,0)+IF('Standard Profiles'!$G$22=$B$17,14,0)+IF('Standard Profiles'!$G$22=$B$24,21,0),MOD($C2596,24)+1)/SUM(INDEX($D$3:$AA$30,INDEX(Jesper!$R$2:$R$366,ROW(INDEX(Jesper!AL$2:AL$366,ROUNDDOWN($C2596/24,0)+1,1))-1)+IF('Standard Profiles'!$G$22=$B$10,7,0)+IF('Standard Profiles'!$G$22=$B$17,14,0)+IF('Standard Profiles'!$G$22=$B$24,21,0),0)),0)</f>
        <v>0</v>
      </c>
      <c r="I2596">
        <f t="shared" si="300"/>
        <v>0.4383477184735603</v>
      </c>
      <c r="J2596">
        <f t="shared" si="301"/>
        <v>1.4611590615785346</v>
      </c>
      <c r="K2596">
        <f t="shared" si="302"/>
        <v>2.1917385923678014</v>
      </c>
      <c r="L2596">
        <f t="shared" si="303"/>
        <v>10.520345243365448</v>
      </c>
      <c r="M2596">
        <f t="shared" si="304"/>
        <v>0</v>
      </c>
      <c r="N2596" s="46">
        <f t="shared" ref="N2596:N2659" si="305">N2595+1/24</f>
        <v>45398.749999993786</v>
      </c>
    </row>
    <row r="2597" spans="2:14" x14ac:dyDescent="0.3">
      <c r="B2597">
        <f t="shared" si="299"/>
        <v>2</v>
      </c>
      <c r="C2597" s="16">
        <v>2563</v>
      </c>
      <c r="D2597" cm="1">
        <f t="array" ref="D2597">IFERROR(INDEX(Jesper!AH$2:AH$366,ROUNDDOWN($C2597/24,0)+1,1)*INDEX($D$3:$AA$30,INDEX(Jesper!$R$2:$R$366,ROW(INDEX(Jesper!AH$2:AH$366,ROUNDDOWN($C2597/24,0)+1,1))-1)+IF('Standard Profiles'!$G$18=$B$10,7,0)+IF('Standard Profiles'!$G$18=$B$17,14,0)+IF('Standard Profiles'!$G$18=$B$24,21,0),MOD($C2597,24)+1)/SUM(INDEX($D$3:$AA$30,INDEX(Jesper!$R$2:$R$366,ROW(INDEX(Jesper!AH$2:AH$366,ROUNDDOWN($C2597/24,0)+1,1))-1)+IF('Standard Profiles'!$G$18=$B$10,7,0)+IF('Standard Profiles'!$G$18=$B$17,14,0)+IF('Standard Profiles'!$G$18=$B$24,21,0),0)),0)</f>
        <v>12.237207140720226</v>
      </c>
      <c r="E2597" cm="1">
        <f t="array" ref="E2597">IFERROR(INDEX(Jesper!AI$2:AI$366,ROUNDDOWN($C2597/24,0)+1,1)*INDEX($D$3:$AA$30,INDEX(Jesper!$R$2:$R$366,ROW(INDEX(Jesper!AI$2:AI$366,ROUNDDOWN($C2597/24,0)+1,1))-1)+IF('Standard Profiles'!$G$19=$B$10,7,0)+IF('Standard Profiles'!$G$19=$B$17,14,0)+IF('Standard Profiles'!$G$19=$B$24,21,0),MOD($C2597,24)+1)/SUM(INDEX($D$3:$AA$30,INDEX(Jesper!$R$2:$R$366,ROW(INDEX(Jesper!AI$2:AI$366,ROUNDDOWN($C2597/24,0)+1,1))-1)+IF('Standard Profiles'!$G$19=$B$10,7,0)+IF('Standard Profiles'!$G$19=$B$17,14,0)+IF('Standard Profiles'!$G$19=$B$24,21,0),0)),0)</f>
        <v>0</v>
      </c>
      <c r="F2597" cm="1">
        <f t="array" ref="F2597">IFERROR(INDEX(Jesper!AJ$2:AJ$366,ROUNDDOWN($C2597/24,0)+1,1)*INDEX($D$3:$AA$30,INDEX(Jesper!$R$2:$R$366,ROW(INDEX(Jesper!AJ$2:AJ$366,ROUNDDOWN($C2597/24,0)+1,1))-1)+IF('Standard Profiles'!$G$20=$B$10,7,0)+IF('Standard Profiles'!$G$20=$B$17,14,0)+IF('Standard Profiles'!$G$20=$B$24,21,0),MOD($C2597,24)+1)/SUM(INDEX($D$3:$AA$30,INDEX(Jesper!$R$2:$R$366,ROW(INDEX(Jesper!AJ$2:AJ$366,ROUNDDOWN($C2597/24,0)+1,1))-1)+IF('Standard Profiles'!$G$20=$B$10,7,0)+IF('Standard Profiles'!$G$20=$B$17,14,0)+IF('Standard Profiles'!$G$20=$B$24,21,0),0)),0)</f>
        <v>0</v>
      </c>
      <c r="G2597" cm="1">
        <f t="array" ref="G2597">IFERROR(INDEX(Jesper!AK$2:AK$366,ROUNDDOWN($C2597/24,0)+1,1)*INDEX($D$3:$AA$30,INDEX(Jesper!$R$2:$R$366,ROW(INDEX(Jesper!AK$2:AK$366,ROUNDDOWN($C2597/24,0)+1,1))-1)+IF('Standard Profiles'!$G$21=$B$10,7,0)+IF('Standard Profiles'!$G$21=$B$17,14,0)+IF('Standard Profiles'!$G$21=$B$24,21,0),MOD($C2597,24)+1)/SUM(INDEX($D$3:$AA$30,INDEX(Jesper!$R$2:$R$366,ROW(INDEX(Jesper!AK$2:AK$366,ROUNDDOWN($C2597/24,0)+1,1))-1)+IF('Standard Profiles'!$G$21=$B$10,7,0)+IF('Standard Profiles'!$G$21=$B$17,14,0)+IF('Standard Profiles'!$G$21=$B$24,21,0),0)),0)</f>
        <v>0</v>
      </c>
      <c r="H2597" cm="1">
        <f t="array" ref="H2597">IFERROR(INDEX(Jesper!AL$2:AL$366,ROUNDDOWN($C2597/24,0)+1,1)*INDEX($D$3:$AA$30,INDEX(Jesper!$R$2:$R$366,ROW(INDEX(Jesper!AL$2:AL$366,ROUNDDOWN($C2597/24,0)+1,1))-1)+IF('Standard Profiles'!$G$22=$B$10,7,0)+IF('Standard Profiles'!$G$22=$B$17,14,0)+IF('Standard Profiles'!$G$22=$B$24,21,0),MOD($C2597,24)+1)/SUM(INDEX($D$3:$AA$30,INDEX(Jesper!$R$2:$R$366,ROW(INDEX(Jesper!AL$2:AL$366,ROUNDDOWN($C2597/24,0)+1,1))-1)+IF('Standard Profiles'!$G$22=$B$10,7,0)+IF('Standard Profiles'!$G$22=$B$17,14,0)+IF('Standard Profiles'!$G$22=$B$24,21,0),0)),0)</f>
        <v>0</v>
      </c>
      <c r="I2597">
        <f t="shared" si="300"/>
        <v>0.36711621422160678</v>
      </c>
      <c r="J2597">
        <f t="shared" si="301"/>
        <v>1.2237207140720228</v>
      </c>
      <c r="K2597">
        <f t="shared" si="302"/>
        <v>1.8355810711080338</v>
      </c>
      <c r="L2597">
        <f t="shared" si="303"/>
        <v>8.8107891413185619</v>
      </c>
      <c r="M2597">
        <f t="shared" si="304"/>
        <v>0</v>
      </c>
      <c r="N2597" s="46">
        <f t="shared" si="305"/>
        <v>45398.791666660451</v>
      </c>
    </row>
    <row r="2598" spans="2:14" x14ac:dyDescent="0.3">
      <c r="B2598">
        <f t="shared" si="299"/>
        <v>2</v>
      </c>
      <c r="C2598" s="16">
        <v>2564</v>
      </c>
      <c r="D2598" cm="1">
        <f t="array" ref="D2598">IFERROR(INDEX(Jesper!AH$2:AH$366,ROUNDDOWN($C2598/24,0)+1,1)*INDEX($D$3:$AA$30,INDEX(Jesper!$R$2:$R$366,ROW(INDEX(Jesper!AH$2:AH$366,ROUNDDOWN($C2598/24,0)+1,1))-1)+IF('Standard Profiles'!$G$18=$B$10,7,0)+IF('Standard Profiles'!$G$18=$B$17,14,0)+IF('Standard Profiles'!$G$18=$B$24,21,0),MOD($C2598,24)+1)/SUM(INDEX($D$3:$AA$30,INDEX(Jesper!$R$2:$R$366,ROW(INDEX(Jesper!AH$2:AH$366,ROUNDDOWN($C2598/24,0)+1,1))-1)+IF('Standard Profiles'!$G$18=$B$10,7,0)+IF('Standard Profiles'!$G$18=$B$17,14,0)+IF('Standard Profiles'!$G$18=$B$24,21,0),0)),0)</f>
        <v>10.045468548352423</v>
      </c>
      <c r="E2598" cm="1">
        <f t="array" ref="E2598">IFERROR(INDEX(Jesper!AI$2:AI$366,ROUNDDOWN($C2598/24,0)+1,1)*INDEX($D$3:$AA$30,INDEX(Jesper!$R$2:$R$366,ROW(INDEX(Jesper!AI$2:AI$366,ROUNDDOWN($C2598/24,0)+1,1))-1)+IF('Standard Profiles'!$G$19=$B$10,7,0)+IF('Standard Profiles'!$G$19=$B$17,14,0)+IF('Standard Profiles'!$G$19=$B$24,21,0),MOD($C2598,24)+1)/SUM(INDEX($D$3:$AA$30,INDEX(Jesper!$R$2:$R$366,ROW(INDEX(Jesper!AI$2:AI$366,ROUNDDOWN($C2598/24,0)+1,1))-1)+IF('Standard Profiles'!$G$19=$B$10,7,0)+IF('Standard Profiles'!$G$19=$B$17,14,0)+IF('Standard Profiles'!$G$19=$B$24,21,0),0)),0)</f>
        <v>0</v>
      </c>
      <c r="F2598" cm="1">
        <f t="array" ref="F2598">IFERROR(INDEX(Jesper!AJ$2:AJ$366,ROUNDDOWN($C2598/24,0)+1,1)*INDEX($D$3:$AA$30,INDEX(Jesper!$R$2:$R$366,ROW(INDEX(Jesper!AJ$2:AJ$366,ROUNDDOWN($C2598/24,0)+1,1))-1)+IF('Standard Profiles'!$G$20=$B$10,7,0)+IF('Standard Profiles'!$G$20=$B$17,14,0)+IF('Standard Profiles'!$G$20=$B$24,21,0),MOD($C2598,24)+1)/SUM(INDEX($D$3:$AA$30,INDEX(Jesper!$R$2:$R$366,ROW(INDEX(Jesper!AJ$2:AJ$366,ROUNDDOWN($C2598/24,0)+1,1))-1)+IF('Standard Profiles'!$G$20=$B$10,7,0)+IF('Standard Profiles'!$G$20=$B$17,14,0)+IF('Standard Profiles'!$G$20=$B$24,21,0),0)),0)</f>
        <v>0</v>
      </c>
      <c r="G2598" cm="1">
        <f t="array" ref="G2598">IFERROR(INDEX(Jesper!AK$2:AK$366,ROUNDDOWN($C2598/24,0)+1,1)*INDEX($D$3:$AA$30,INDEX(Jesper!$R$2:$R$366,ROW(INDEX(Jesper!AK$2:AK$366,ROUNDDOWN($C2598/24,0)+1,1))-1)+IF('Standard Profiles'!$G$21=$B$10,7,0)+IF('Standard Profiles'!$G$21=$B$17,14,0)+IF('Standard Profiles'!$G$21=$B$24,21,0),MOD($C2598,24)+1)/SUM(INDEX($D$3:$AA$30,INDEX(Jesper!$R$2:$R$366,ROW(INDEX(Jesper!AK$2:AK$366,ROUNDDOWN($C2598/24,0)+1,1))-1)+IF('Standard Profiles'!$G$21=$B$10,7,0)+IF('Standard Profiles'!$G$21=$B$17,14,0)+IF('Standard Profiles'!$G$21=$B$24,21,0),0)),0)</f>
        <v>0</v>
      </c>
      <c r="H2598" cm="1">
        <f t="array" ref="H2598">IFERROR(INDEX(Jesper!AL$2:AL$366,ROUNDDOWN($C2598/24,0)+1,1)*INDEX($D$3:$AA$30,INDEX(Jesper!$R$2:$R$366,ROW(INDEX(Jesper!AL$2:AL$366,ROUNDDOWN($C2598/24,0)+1,1))-1)+IF('Standard Profiles'!$G$22=$B$10,7,0)+IF('Standard Profiles'!$G$22=$B$17,14,0)+IF('Standard Profiles'!$G$22=$B$24,21,0),MOD($C2598,24)+1)/SUM(INDEX($D$3:$AA$30,INDEX(Jesper!$R$2:$R$366,ROW(INDEX(Jesper!AL$2:AL$366,ROUNDDOWN($C2598/24,0)+1,1))-1)+IF('Standard Profiles'!$G$22=$B$10,7,0)+IF('Standard Profiles'!$G$22=$B$17,14,0)+IF('Standard Profiles'!$G$22=$B$24,21,0),0)),0)</f>
        <v>0</v>
      </c>
      <c r="I2598">
        <f t="shared" si="300"/>
        <v>0.30136405645057268</v>
      </c>
      <c r="J2598">
        <f t="shared" si="301"/>
        <v>1.0045468548352423</v>
      </c>
      <c r="K2598">
        <f t="shared" si="302"/>
        <v>1.5068202822528634</v>
      </c>
      <c r="L2598">
        <f t="shared" si="303"/>
        <v>7.2327373548137439</v>
      </c>
      <c r="M2598">
        <f t="shared" si="304"/>
        <v>0</v>
      </c>
      <c r="N2598" s="46">
        <f t="shared" si="305"/>
        <v>45398.833333327115</v>
      </c>
    </row>
    <row r="2599" spans="2:14" x14ac:dyDescent="0.3">
      <c r="B2599">
        <f t="shared" si="299"/>
        <v>2</v>
      </c>
      <c r="C2599" s="16">
        <v>2565</v>
      </c>
      <c r="D2599" cm="1">
        <f t="array" ref="D2599">IFERROR(INDEX(Jesper!AH$2:AH$366,ROUNDDOWN($C2599/24,0)+1,1)*INDEX($D$3:$AA$30,INDEX(Jesper!$R$2:$R$366,ROW(INDEX(Jesper!AH$2:AH$366,ROUNDDOWN($C2599/24,0)+1,1))-1)+IF('Standard Profiles'!$G$18=$B$10,7,0)+IF('Standard Profiles'!$G$18=$B$17,14,0)+IF('Standard Profiles'!$G$18=$B$24,21,0),MOD($C2599,24)+1)/SUM(INDEX($D$3:$AA$30,INDEX(Jesper!$R$2:$R$366,ROW(INDEX(Jesper!AH$2:AH$366,ROUNDDOWN($C2599/24,0)+1,1))-1)+IF('Standard Profiles'!$G$18=$B$10,7,0)+IF('Standard Profiles'!$G$18=$B$17,14,0)+IF('Standard Profiles'!$G$18=$B$24,21,0),0)),0)</f>
        <v>7.3057953078926721</v>
      </c>
      <c r="E2599" cm="1">
        <f t="array" ref="E2599">IFERROR(INDEX(Jesper!AI$2:AI$366,ROUNDDOWN($C2599/24,0)+1,1)*INDEX($D$3:$AA$30,INDEX(Jesper!$R$2:$R$366,ROW(INDEX(Jesper!AI$2:AI$366,ROUNDDOWN($C2599/24,0)+1,1))-1)+IF('Standard Profiles'!$G$19=$B$10,7,0)+IF('Standard Profiles'!$G$19=$B$17,14,0)+IF('Standard Profiles'!$G$19=$B$24,21,0),MOD($C2599,24)+1)/SUM(INDEX($D$3:$AA$30,INDEX(Jesper!$R$2:$R$366,ROW(INDEX(Jesper!AI$2:AI$366,ROUNDDOWN($C2599/24,0)+1,1))-1)+IF('Standard Profiles'!$G$19=$B$10,7,0)+IF('Standard Profiles'!$G$19=$B$17,14,0)+IF('Standard Profiles'!$G$19=$B$24,21,0),0)),0)</f>
        <v>0</v>
      </c>
      <c r="F2599" cm="1">
        <f t="array" ref="F2599">IFERROR(INDEX(Jesper!AJ$2:AJ$366,ROUNDDOWN($C2599/24,0)+1,1)*INDEX($D$3:$AA$30,INDEX(Jesper!$R$2:$R$366,ROW(INDEX(Jesper!AJ$2:AJ$366,ROUNDDOWN($C2599/24,0)+1,1))-1)+IF('Standard Profiles'!$G$20=$B$10,7,0)+IF('Standard Profiles'!$G$20=$B$17,14,0)+IF('Standard Profiles'!$G$20=$B$24,21,0),MOD($C2599,24)+1)/SUM(INDEX($D$3:$AA$30,INDEX(Jesper!$R$2:$R$366,ROW(INDEX(Jesper!AJ$2:AJ$366,ROUNDDOWN($C2599/24,0)+1,1))-1)+IF('Standard Profiles'!$G$20=$B$10,7,0)+IF('Standard Profiles'!$G$20=$B$17,14,0)+IF('Standard Profiles'!$G$20=$B$24,21,0),0)),0)</f>
        <v>0</v>
      </c>
      <c r="G2599" cm="1">
        <f t="array" ref="G2599">IFERROR(INDEX(Jesper!AK$2:AK$366,ROUNDDOWN($C2599/24,0)+1,1)*INDEX($D$3:$AA$30,INDEX(Jesper!$R$2:$R$366,ROW(INDEX(Jesper!AK$2:AK$366,ROUNDDOWN($C2599/24,0)+1,1))-1)+IF('Standard Profiles'!$G$21=$B$10,7,0)+IF('Standard Profiles'!$G$21=$B$17,14,0)+IF('Standard Profiles'!$G$21=$B$24,21,0),MOD($C2599,24)+1)/SUM(INDEX($D$3:$AA$30,INDEX(Jesper!$R$2:$R$366,ROW(INDEX(Jesper!AK$2:AK$366,ROUNDDOWN($C2599/24,0)+1,1))-1)+IF('Standard Profiles'!$G$21=$B$10,7,0)+IF('Standard Profiles'!$G$21=$B$17,14,0)+IF('Standard Profiles'!$G$21=$B$24,21,0),0)),0)</f>
        <v>0</v>
      </c>
      <c r="H2599" cm="1">
        <f t="array" ref="H2599">IFERROR(INDEX(Jesper!AL$2:AL$366,ROUNDDOWN($C2599/24,0)+1,1)*INDEX($D$3:$AA$30,INDEX(Jesper!$R$2:$R$366,ROW(INDEX(Jesper!AL$2:AL$366,ROUNDDOWN($C2599/24,0)+1,1))-1)+IF('Standard Profiles'!$G$22=$B$10,7,0)+IF('Standard Profiles'!$G$22=$B$17,14,0)+IF('Standard Profiles'!$G$22=$B$24,21,0),MOD($C2599,24)+1)/SUM(INDEX($D$3:$AA$30,INDEX(Jesper!$R$2:$R$366,ROW(INDEX(Jesper!AL$2:AL$366,ROUNDDOWN($C2599/24,0)+1,1))-1)+IF('Standard Profiles'!$G$22=$B$10,7,0)+IF('Standard Profiles'!$G$22=$B$17,14,0)+IF('Standard Profiles'!$G$22=$B$24,21,0),0)),0)</f>
        <v>0</v>
      </c>
      <c r="I2599">
        <f t="shared" si="300"/>
        <v>0.21917385923678015</v>
      </c>
      <c r="J2599">
        <f t="shared" si="301"/>
        <v>0.7305795307892673</v>
      </c>
      <c r="K2599">
        <f t="shared" si="302"/>
        <v>1.0958692961839007</v>
      </c>
      <c r="L2599">
        <f t="shared" si="303"/>
        <v>5.2601726216827238</v>
      </c>
      <c r="M2599">
        <f t="shared" si="304"/>
        <v>0</v>
      </c>
      <c r="N2599" s="46">
        <f t="shared" si="305"/>
        <v>45398.874999993779</v>
      </c>
    </row>
    <row r="2600" spans="2:14" x14ac:dyDescent="0.3">
      <c r="B2600">
        <f t="shared" si="299"/>
        <v>2</v>
      </c>
      <c r="C2600" s="16">
        <v>2566</v>
      </c>
      <c r="D2600" cm="1">
        <f t="array" ref="D2600">IFERROR(INDEX(Jesper!AH$2:AH$366,ROUNDDOWN($C2600/24,0)+1,1)*INDEX($D$3:$AA$30,INDEX(Jesper!$R$2:$R$366,ROW(INDEX(Jesper!AH$2:AH$366,ROUNDDOWN($C2600/24,0)+1,1))-1)+IF('Standard Profiles'!$G$18=$B$10,7,0)+IF('Standard Profiles'!$G$18=$B$17,14,0)+IF('Standard Profiles'!$G$18=$B$24,21,0),MOD($C2600,24)+1)/SUM(INDEX($D$3:$AA$30,INDEX(Jesper!$R$2:$R$366,ROW(INDEX(Jesper!AH$2:AH$366,ROUNDDOWN($C2600/24,0)+1,1))-1)+IF('Standard Profiles'!$G$18=$B$10,7,0)+IF('Standard Profiles'!$G$18=$B$17,14,0)+IF('Standard Profiles'!$G$18=$B$24,21,0),0)),0)</f>
        <v>7.3057953078926721</v>
      </c>
      <c r="E2600" cm="1">
        <f t="array" ref="E2600">IFERROR(INDEX(Jesper!AI$2:AI$366,ROUNDDOWN($C2600/24,0)+1,1)*INDEX($D$3:$AA$30,INDEX(Jesper!$R$2:$R$366,ROW(INDEX(Jesper!AI$2:AI$366,ROUNDDOWN($C2600/24,0)+1,1))-1)+IF('Standard Profiles'!$G$19=$B$10,7,0)+IF('Standard Profiles'!$G$19=$B$17,14,0)+IF('Standard Profiles'!$G$19=$B$24,21,0),MOD($C2600,24)+1)/SUM(INDEX($D$3:$AA$30,INDEX(Jesper!$R$2:$R$366,ROW(INDEX(Jesper!AI$2:AI$366,ROUNDDOWN($C2600/24,0)+1,1))-1)+IF('Standard Profiles'!$G$19=$B$10,7,0)+IF('Standard Profiles'!$G$19=$B$17,14,0)+IF('Standard Profiles'!$G$19=$B$24,21,0),0)),0)</f>
        <v>0</v>
      </c>
      <c r="F2600" cm="1">
        <f t="array" ref="F2600">IFERROR(INDEX(Jesper!AJ$2:AJ$366,ROUNDDOWN($C2600/24,0)+1,1)*INDEX($D$3:$AA$30,INDEX(Jesper!$R$2:$R$366,ROW(INDEX(Jesper!AJ$2:AJ$366,ROUNDDOWN($C2600/24,0)+1,1))-1)+IF('Standard Profiles'!$G$20=$B$10,7,0)+IF('Standard Profiles'!$G$20=$B$17,14,0)+IF('Standard Profiles'!$G$20=$B$24,21,0),MOD($C2600,24)+1)/SUM(INDEX($D$3:$AA$30,INDEX(Jesper!$R$2:$R$366,ROW(INDEX(Jesper!AJ$2:AJ$366,ROUNDDOWN($C2600/24,0)+1,1))-1)+IF('Standard Profiles'!$G$20=$B$10,7,0)+IF('Standard Profiles'!$G$20=$B$17,14,0)+IF('Standard Profiles'!$G$20=$B$24,21,0),0)),0)</f>
        <v>0</v>
      </c>
      <c r="G2600" cm="1">
        <f t="array" ref="G2600">IFERROR(INDEX(Jesper!AK$2:AK$366,ROUNDDOWN($C2600/24,0)+1,1)*INDEX($D$3:$AA$30,INDEX(Jesper!$R$2:$R$366,ROW(INDEX(Jesper!AK$2:AK$366,ROUNDDOWN($C2600/24,0)+1,1))-1)+IF('Standard Profiles'!$G$21=$B$10,7,0)+IF('Standard Profiles'!$G$21=$B$17,14,0)+IF('Standard Profiles'!$G$21=$B$24,21,0),MOD($C2600,24)+1)/SUM(INDEX($D$3:$AA$30,INDEX(Jesper!$R$2:$R$366,ROW(INDEX(Jesper!AK$2:AK$366,ROUNDDOWN($C2600/24,0)+1,1))-1)+IF('Standard Profiles'!$G$21=$B$10,7,0)+IF('Standard Profiles'!$G$21=$B$17,14,0)+IF('Standard Profiles'!$G$21=$B$24,21,0),0)),0)</f>
        <v>0</v>
      </c>
      <c r="H2600" cm="1">
        <f t="array" ref="H2600">IFERROR(INDEX(Jesper!AL$2:AL$366,ROUNDDOWN($C2600/24,0)+1,1)*INDEX($D$3:$AA$30,INDEX(Jesper!$R$2:$R$366,ROW(INDEX(Jesper!AL$2:AL$366,ROUNDDOWN($C2600/24,0)+1,1))-1)+IF('Standard Profiles'!$G$22=$B$10,7,0)+IF('Standard Profiles'!$G$22=$B$17,14,0)+IF('Standard Profiles'!$G$22=$B$24,21,0),MOD($C2600,24)+1)/SUM(INDEX($D$3:$AA$30,INDEX(Jesper!$R$2:$R$366,ROW(INDEX(Jesper!AL$2:AL$366,ROUNDDOWN($C2600/24,0)+1,1))-1)+IF('Standard Profiles'!$G$22=$B$10,7,0)+IF('Standard Profiles'!$G$22=$B$17,14,0)+IF('Standard Profiles'!$G$22=$B$24,21,0),0)),0)</f>
        <v>0</v>
      </c>
      <c r="I2600">
        <f t="shared" si="300"/>
        <v>0.21917385923678015</v>
      </c>
      <c r="J2600">
        <f t="shared" si="301"/>
        <v>0.7305795307892673</v>
      </c>
      <c r="K2600">
        <f t="shared" si="302"/>
        <v>1.0958692961839007</v>
      </c>
      <c r="L2600">
        <f t="shared" si="303"/>
        <v>5.2601726216827238</v>
      </c>
      <c r="M2600">
        <f t="shared" si="304"/>
        <v>0</v>
      </c>
      <c r="N2600" s="46">
        <f t="shared" si="305"/>
        <v>45398.916666660443</v>
      </c>
    </row>
    <row r="2601" spans="2:14" x14ac:dyDescent="0.3">
      <c r="B2601">
        <f t="shared" si="299"/>
        <v>2</v>
      </c>
      <c r="C2601" s="16">
        <v>2567</v>
      </c>
      <c r="D2601" cm="1">
        <f t="array" ref="D2601">IFERROR(INDEX(Jesper!AH$2:AH$366,ROUNDDOWN($C2601/24,0)+1,1)*INDEX($D$3:$AA$30,INDEX(Jesper!$R$2:$R$366,ROW(INDEX(Jesper!AH$2:AH$366,ROUNDDOWN($C2601/24,0)+1,1))-1)+IF('Standard Profiles'!$G$18=$B$10,7,0)+IF('Standard Profiles'!$G$18=$B$17,14,0)+IF('Standard Profiles'!$G$18=$B$24,21,0),MOD($C2601,24)+1)/SUM(INDEX($D$3:$AA$30,INDEX(Jesper!$R$2:$R$366,ROW(INDEX(Jesper!AH$2:AH$366,ROUNDDOWN($C2601/24,0)+1,1))-1)+IF('Standard Profiles'!$G$18=$B$10,7,0)+IF('Standard Profiles'!$G$18=$B$17,14,0)+IF('Standard Profiles'!$G$18=$B$24,21,0),0)),0)</f>
        <v>7.3057953078926721</v>
      </c>
      <c r="E2601" cm="1">
        <f t="array" ref="E2601">IFERROR(INDEX(Jesper!AI$2:AI$366,ROUNDDOWN($C2601/24,0)+1,1)*INDEX($D$3:$AA$30,INDEX(Jesper!$R$2:$R$366,ROW(INDEX(Jesper!AI$2:AI$366,ROUNDDOWN($C2601/24,0)+1,1))-1)+IF('Standard Profiles'!$G$19=$B$10,7,0)+IF('Standard Profiles'!$G$19=$B$17,14,0)+IF('Standard Profiles'!$G$19=$B$24,21,0),MOD($C2601,24)+1)/SUM(INDEX($D$3:$AA$30,INDEX(Jesper!$R$2:$R$366,ROW(INDEX(Jesper!AI$2:AI$366,ROUNDDOWN($C2601/24,0)+1,1))-1)+IF('Standard Profiles'!$G$19=$B$10,7,0)+IF('Standard Profiles'!$G$19=$B$17,14,0)+IF('Standard Profiles'!$G$19=$B$24,21,0),0)),0)</f>
        <v>0</v>
      </c>
      <c r="F2601" cm="1">
        <f t="array" ref="F2601">IFERROR(INDEX(Jesper!AJ$2:AJ$366,ROUNDDOWN($C2601/24,0)+1,1)*INDEX($D$3:$AA$30,INDEX(Jesper!$R$2:$R$366,ROW(INDEX(Jesper!AJ$2:AJ$366,ROUNDDOWN($C2601/24,0)+1,1))-1)+IF('Standard Profiles'!$G$20=$B$10,7,0)+IF('Standard Profiles'!$G$20=$B$17,14,0)+IF('Standard Profiles'!$G$20=$B$24,21,0),MOD($C2601,24)+1)/SUM(INDEX($D$3:$AA$30,INDEX(Jesper!$R$2:$R$366,ROW(INDEX(Jesper!AJ$2:AJ$366,ROUNDDOWN($C2601/24,0)+1,1))-1)+IF('Standard Profiles'!$G$20=$B$10,7,0)+IF('Standard Profiles'!$G$20=$B$17,14,0)+IF('Standard Profiles'!$G$20=$B$24,21,0),0)),0)</f>
        <v>0</v>
      </c>
      <c r="G2601" cm="1">
        <f t="array" ref="G2601">IFERROR(INDEX(Jesper!AK$2:AK$366,ROUNDDOWN($C2601/24,0)+1,1)*INDEX($D$3:$AA$30,INDEX(Jesper!$R$2:$R$366,ROW(INDEX(Jesper!AK$2:AK$366,ROUNDDOWN($C2601/24,0)+1,1))-1)+IF('Standard Profiles'!$G$21=$B$10,7,0)+IF('Standard Profiles'!$G$21=$B$17,14,0)+IF('Standard Profiles'!$G$21=$B$24,21,0),MOD($C2601,24)+1)/SUM(INDEX($D$3:$AA$30,INDEX(Jesper!$R$2:$R$366,ROW(INDEX(Jesper!AK$2:AK$366,ROUNDDOWN($C2601/24,0)+1,1))-1)+IF('Standard Profiles'!$G$21=$B$10,7,0)+IF('Standard Profiles'!$G$21=$B$17,14,0)+IF('Standard Profiles'!$G$21=$B$24,21,0),0)),0)</f>
        <v>0</v>
      </c>
      <c r="H2601" cm="1">
        <f t="array" ref="H2601">IFERROR(INDEX(Jesper!AL$2:AL$366,ROUNDDOWN($C2601/24,0)+1,1)*INDEX($D$3:$AA$30,INDEX(Jesper!$R$2:$R$366,ROW(INDEX(Jesper!AL$2:AL$366,ROUNDDOWN($C2601/24,0)+1,1))-1)+IF('Standard Profiles'!$G$22=$B$10,7,0)+IF('Standard Profiles'!$G$22=$B$17,14,0)+IF('Standard Profiles'!$G$22=$B$24,21,0),MOD($C2601,24)+1)/SUM(INDEX($D$3:$AA$30,INDEX(Jesper!$R$2:$R$366,ROW(INDEX(Jesper!AL$2:AL$366,ROUNDDOWN($C2601/24,0)+1,1))-1)+IF('Standard Profiles'!$G$22=$B$10,7,0)+IF('Standard Profiles'!$G$22=$B$17,14,0)+IF('Standard Profiles'!$G$22=$B$24,21,0),0)),0)</f>
        <v>0</v>
      </c>
      <c r="I2601">
        <f t="shared" si="300"/>
        <v>0.21917385923678015</v>
      </c>
      <c r="J2601">
        <f t="shared" si="301"/>
        <v>0.7305795307892673</v>
      </c>
      <c r="K2601">
        <f t="shared" si="302"/>
        <v>1.0958692961839007</v>
      </c>
      <c r="L2601">
        <f t="shared" si="303"/>
        <v>5.2601726216827238</v>
      </c>
      <c r="M2601">
        <f t="shared" si="304"/>
        <v>0</v>
      </c>
      <c r="N2601" s="46">
        <f t="shared" si="305"/>
        <v>45398.958333327108</v>
      </c>
    </row>
    <row r="2602" spans="2:14" x14ac:dyDescent="0.3">
      <c r="B2602">
        <f t="shared" si="299"/>
        <v>3</v>
      </c>
      <c r="C2602" s="16">
        <v>2568</v>
      </c>
      <c r="D2602" cm="1">
        <f t="array" ref="D2602">IFERROR(INDEX(Jesper!AH$2:AH$366,ROUNDDOWN($C2602/24,0)+1,1)*INDEX($D$3:$AA$30,INDEX(Jesper!$R$2:$R$366,ROW(INDEX(Jesper!AH$2:AH$366,ROUNDDOWN($C2602/24,0)+1,1))-1)+IF('Standard Profiles'!$G$18=$B$10,7,0)+IF('Standard Profiles'!$G$18=$B$17,14,0)+IF('Standard Profiles'!$G$18=$B$24,21,0),MOD($C2602,24)+1)/SUM(INDEX($D$3:$AA$30,INDEX(Jesper!$R$2:$R$366,ROW(INDEX(Jesper!AH$2:AH$366,ROUNDDOWN($C2602/24,0)+1,1))-1)+IF('Standard Profiles'!$G$18=$B$10,7,0)+IF('Standard Profiles'!$G$18=$B$17,14,0)+IF('Standard Profiles'!$G$18=$B$24,21,0),0)),0)</f>
        <v>6.4470558825518971</v>
      </c>
      <c r="E2602" cm="1">
        <f t="array" ref="E2602">IFERROR(INDEX(Jesper!AI$2:AI$366,ROUNDDOWN($C2602/24,0)+1,1)*INDEX($D$3:$AA$30,INDEX(Jesper!$R$2:$R$366,ROW(INDEX(Jesper!AI$2:AI$366,ROUNDDOWN($C2602/24,0)+1,1))-1)+IF('Standard Profiles'!$G$19=$B$10,7,0)+IF('Standard Profiles'!$G$19=$B$17,14,0)+IF('Standard Profiles'!$G$19=$B$24,21,0),MOD($C2602,24)+1)/SUM(INDEX($D$3:$AA$30,INDEX(Jesper!$R$2:$R$366,ROW(INDEX(Jesper!AI$2:AI$366,ROUNDDOWN($C2602/24,0)+1,1))-1)+IF('Standard Profiles'!$G$19=$B$10,7,0)+IF('Standard Profiles'!$G$19=$B$17,14,0)+IF('Standard Profiles'!$G$19=$B$24,21,0),0)),0)</f>
        <v>0</v>
      </c>
      <c r="F2602" cm="1">
        <f t="array" ref="F2602">IFERROR(INDEX(Jesper!AJ$2:AJ$366,ROUNDDOWN($C2602/24,0)+1,1)*INDEX($D$3:$AA$30,INDEX(Jesper!$R$2:$R$366,ROW(INDEX(Jesper!AJ$2:AJ$366,ROUNDDOWN($C2602/24,0)+1,1))-1)+IF('Standard Profiles'!$G$20=$B$10,7,0)+IF('Standard Profiles'!$G$20=$B$17,14,0)+IF('Standard Profiles'!$G$20=$B$24,21,0),MOD($C2602,24)+1)/SUM(INDEX($D$3:$AA$30,INDEX(Jesper!$R$2:$R$366,ROW(INDEX(Jesper!AJ$2:AJ$366,ROUNDDOWN($C2602/24,0)+1,1))-1)+IF('Standard Profiles'!$G$20=$B$10,7,0)+IF('Standard Profiles'!$G$20=$B$17,14,0)+IF('Standard Profiles'!$G$20=$B$24,21,0),0)),0)</f>
        <v>0</v>
      </c>
      <c r="G2602" cm="1">
        <f t="array" ref="G2602">IFERROR(INDEX(Jesper!AK$2:AK$366,ROUNDDOWN($C2602/24,0)+1,1)*INDEX($D$3:$AA$30,INDEX(Jesper!$R$2:$R$366,ROW(INDEX(Jesper!AK$2:AK$366,ROUNDDOWN($C2602/24,0)+1,1))-1)+IF('Standard Profiles'!$G$21=$B$10,7,0)+IF('Standard Profiles'!$G$21=$B$17,14,0)+IF('Standard Profiles'!$G$21=$B$24,21,0),MOD($C2602,24)+1)/SUM(INDEX($D$3:$AA$30,INDEX(Jesper!$R$2:$R$366,ROW(INDEX(Jesper!AK$2:AK$366,ROUNDDOWN($C2602/24,0)+1,1))-1)+IF('Standard Profiles'!$G$21=$B$10,7,0)+IF('Standard Profiles'!$G$21=$B$17,14,0)+IF('Standard Profiles'!$G$21=$B$24,21,0),0)),0)</f>
        <v>0</v>
      </c>
      <c r="H2602" cm="1">
        <f t="array" ref="H2602">IFERROR(INDEX(Jesper!AL$2:AL$366,ROUNDDOWN($C2602/24,0)+1,1)*INDEX($D$3:$AA$30,INDEX(Jesper!$R$2:$R$366,ROW(INDEX(Jesper!AL$2:AL$366,ROUNDDOWN($C2602/24,0)+1,1))-1)+IF('Standard Profiles'!$G$22=$B$10,7,0)+IF('Standard Profiles'!$G$22=$B$17,14,0)+IF('Standard Profiles'!$G$22=$B$24,21,0),MOD($C2602,24)+1)/SUM(INDEX($D$3:$AA$30,INDEX(Jesper!$R$2:$R$366,ROW(INDEX(Jesper!AL$2:AL$366,ROUNDDOWN($C2602/24,0)+1,1))-1)+IF('Standard Profiles'!$G$22=$B$10,7,0)+IF('Standard Profiles'!$G$22=$B$17,14,0)+IF('Standard Profiles'!$G$22=$B$24,21,0),0)),0)</f>
        <v>0</v>
      </c>
      <c r="I2602">
        <f t="shared" si="300"/>
        <v>0.19341167647655691</v>
      </c>
      <c r="J2602">
        <f t="shared" si="301"/>
        <v>0.64470558825518975</v>
      </c>
      <c r="K2602">
        <f t="shared" si="302"/>
        <v>0.96705838238278452</v>
      </c>
      <c r="L2602">
        <f t="shared" si="303"/>
        <v>4.6418802354373661</v>
      </c>
      <c r="M2602">
        <f t="shared" si="304"/>
        <v>0</v>
      </c>
      <c r="N2602" s="46">
        <f t="shared" si="305"/>
        <v>45398.999999993772</v>
      </c>
    </row>
    <row r="2603" spans="2:14" x14ac:dyDescent="0.3">
      <c r="B2603">
        <f t="shared" si="299"/>
        <v>3</v>
      </c>
      <c r="C2603" s="16">
        <v>2569</v>
      </c>
      <c r="D2603" cm="1">
        <f t="array" ref="D2603">IFERROR(INDEX(Jesper!AH$2:AH$366,ROUNDDOWN($C2603/24,0)+1,1)*INDEX($D$3:$AA$30,INDEX(Jesper!$R$2:$R$366,ROW(INDEX(Jesper!AH$2:AH$366,ROUNDDOWN($C2603/24,0)+1,1))-1)+IF('Standard Profiles'!$G$18=$B$10,7,0)+IF('Standard Profiles'!$G$18=$B$17,14,0)+IF('Standard Profiles'!$G$18=$B$24,21,0),MOD($C2603,24)+1)/SUM(INDEX($D$3:$AA$30,INDEX(Jesper!$R$2:$R$366,ROW(INDEX(Jesper!AH$2:AH$366,ROUNDDOWN($C2603/24,0)+1,1))-1)+IF('Standard Profiles'!$G$18=$B$10,7,0)+IF('Standard Profiles'!$G$18=$B$17,14,0)+IF('Standard Profiles'!$G$18=$B$24,21,0),0)),0)</f>
        <v>7.2529378678708838</v>
      </c>
      <c r="E2603" cm="1">
        <f t="array" ref="E2603">IFERROR(INDEX(Jesper!AI$2:AI$366,ROUNDDOWN($C2603/24,0)+1,1)*INDEX($D$3:$AA$30,INDEX(Jesper!$R$2:$R$366,ROW(INDEX(Jesper!AI$2:AI$366,ROUNDDOWN($C2603/24,0)+1,1))-1)+IF('Standard Profiles'!$G$19=$B$10,7,0)+IF('Standard Profiles'!$G$19=$B$17,14,0)+IF('Standard Profiles'!$G$19=$B$24,21,0),MOD($C2603,24)+1)/SUM(INDEX($D$3:$AA$30,INDEX(Jesper!$R$2:$R$366,ROW(INDEX(Jesper!AI$2:AI$366,ROUNDDOWN($C2603/24,0)+1,1))-1)+IF('Standard Profiles'!$G$19=$B$10,7,0)+IF('Standard Profiles'!$G$19=$B$17,14,0)+IF('Standard Profiles'!$G$19=$B$24,21,0),0)),0)</f>
        <v>0</v>
      </c>
      <c r="F2603" cm="1">
        <f t="array" ref="F2603">IFERROR(INDEX(Jesper!AJ$2:AJ$366,ROUNDDOWN($C2603/24,0)+1,1)*INDEX($D$3:$AA$30,INDEX(Jesper!$R$2:$R$366,ROW(INDEX(Jesper!AJ$2:AJ$366,ROUNDDOWN($C2603/24,0)+1,1))-1)+IF('Standard Profiles'!$G$20=$B$10,7,0)+IF('Standard Profiles'!$G$20=$B$17,14,0)+IF('Standard Profiles'!$G$20=$B$24,21,0),MOD($C2603,24)+1)/SUM(INDEX($D$3:$AA$30,INDEX(Jesper!$R$2:$R$366,ROW(INDEX(Jesper!AJ$2:AJ$366,ROUNDDOWN($C2603/24,0)+1,1))-1)+IF('Standard Profiles'!$G$20=$B$10,7,0)+IF('Standard Profiles'!$G$20=$B$17,14,0)+IF('Standard Profiles'!$G$20=$B$24,21,0),0)),0)</f>
        <v>0</v>
      </c>
      <c r="G2603" cm="1">
        <f t="array" ref="G2603">IFERROR(INDEX(Jesper!AK$2:AK$366,ROUNDDOWN($C2603/24,0)+1,1)*INDEX($D$3:$AA$30,INDEX(Jesper!$R$2:$R$366,ROW(INDEX(Jesper!AK$2:AK$366,ROUNDDOWN($C2603/24,0)+1,1))-1)+IF('Standard Profiles'!$G$21=$B$10,7,0)+IF('Standard Profiles'!$G$21=$B$17,14,0)+IF('Standard Profiles'!$G$21=$B$24,21,0),MOD($C2603,24)+1)/SUM(INDEX($D$3:$AA$30,INDEX(Jesper!$R$2:$R$366,ROW(INDEX(Jesper!AK$2:AK$366,ROUNDDOWN($C2603/24,0)+1,1))-1)+IF('Standard Profiles'!$G$21=$B$10,7,0)+IF('Standard Profiles'!$G$21=$B$17,14,0)+IF('Standard Profiles'!$G$21=$B$24,21,0),0)),0)</f>
        <v>0</v>
      </c>
      <c r="H2603" cm="1">
        <f t="array" ref="H2603">IFERROR(INDEX(Jesper!AL$2:AL$366,ROUNDDOWN($C2603/24,0)+1,1)*INDEX($D$3:$AA$30,INDEX(Jesper!$R$2:$R$366,ROW(INDEX(Jesper!AL$2:AL$366,ROUNDDOWN($C2603/24,0)+1,1))-1)+IF('Standard Profiles'!$G$22=$B$10,7,0)+IF('Standard Profiles'!$G$22=$B$17,14,0)+IF('Standard Profiles'!$G$22=$B$24,21,0),MOD($C2603,24)+1)/SUM(INDEX($D$3:$AA$30,INDEX(Jesper!$R$2:$R$366,ROW(INDEX(Jesper!AL$2:AL$366,ROUNDDOWN($C2603/24,0)+1,1))-1)+IF('Standard Profiles'!$G$22=$B$10,7,0)+IF('Standard Profiles'!$G$22=$B$17,14,0)+IF('Standard Profiles'!$G$22=$B$24,21,0),0)),0)</f>
        <v>0</v>
      </c>
      <c r="I2603">
        <f t="shared" si="300"/>
        <v>0.21758813603612651</v>
      </c>
      <c r="J2603">
        <f t="shared" si="301"/>
        <v>0.72529378678708845</v>
      </c>
      <c r="K2603">
        <f t="shared" si="302"/>
        <v>1.0879406801806326</v>
      </c>
      <c r="L2603">
        <f t="shared" si="303"/>
        <v>5.2221152648670364</v>
      </c>
      <c r="M2603">
        <f t="shared" si="304"/>
        <v>0</v>
      </c>
      <c r="N2603" s="46">
        <f t="shared" si="305"/>
        <v>45399.041666660436</v>
      </c>
    </row>
    <row r="2604" spans="2:14" x14ac:dyDescent="0.3">
      <c r="B2604">
        <f t="shared" si="299"/>
        <v>3</v>
      </c>
      <c r="C2604" s="16">
        <v>2570</v>
      </c>
      <c r="D2604" cm="1">
        <f t="array" ref="D2604">IFERROR(INDEX(Jesper!AH$2:AH$366,ROUNDDOWN($C2604/24,0)+1,1)*INDEX($D$3:$AA$30,INDEX(Jesper!$R$2:$R$366,ROW(INDEX(Jesper!AH$2:AH$366,ROUNDDOWN($C2604/24,0)+1,1))-1)+IF('Standard Profiles'!$G$18=$B$10,7,0)+IF('Standard Profiles'!$G$18=$B$17,14,0)+IF('Standard Profiles'!$G$18=$B$24,21,0),MOD($C2604,24)+1)/SUM(INDEX($D$3:$AA$30,INDEX(Jesper!$R$2:$R$366,ROW(INDEX(Jesper!AH$2:AH$366,ROUNDDOWN($C2604/24,0)+1,1))-1)+IF('Standard Profiles'!$G$18=$B$10,7,0)+IF('Standard Profiles'!$G$18=$B$17,14,0)+IF('Standard Profiles'!$G$18=$B$24,21,0),0)),0)</f>
        <v>7.2529378678708838</v>
      </c>
      <c r="E2604" cm="1">
        <f t="array" ref="E2604">IFERROR(INDEX(Jesper!AI$2:AI$366,ROUNDDOWN($C2604/24,0)+1,1)*INDEX($D$3:$AA$30,INDEX(Jesper!$R$2:$R$366,ROW(INDEX(Jesper!AI$2:AI$366,ROUNDDOWN($C2604/24,0)+1,1))-1)+IF('Standard Profiles'!$G$19=$B$10,7,0)+IF('Standard Profiles'!$G$19=$B$17,14,0)+IF('Standard Profiles'!$G$19=$B$24,21,0),MOD($C2604,24)+1)/SUM(INDEX($D$3:$AA$30,INDEX(Jesper!$R$2:$R$366,ROW(INDEX(Jesper!AI$2:AI$366,ROUNDDOWN($C2604/24,0)+1,1))-1)+IF('Standard Profiles'!$G$19=$B$10,7,0)+IF('Standard Profiles'!$G$19=$B$17,14,0)+IF('Standard Profiles'!$G$19=$B$24,21,0),0)),0)</f>
        <v>0</v>
      </c>
      <c r="F2604" cm="1">
        <f t="array" ref="F2604">IFERROR(INDEX(Jesper!AJ$2:AJ$366,ROUNDDOWN($C2604/24,0)+1,1)*INDEX($D$3:$AA$30,INDEX(Jesper!$R$2:$R$366,ROW(INDEX(Jesper!AJ$2:AJ$366,ROUNDDOWN($C2604/24,0)+1,1))-1)+IF('Standard Profiles'!$G$20=$B$10,7,0)+IF('Standard Profiles'!$G$20=$B$17,14,0)+IF('Standard Profiles'!$G$20=$B$24,21,0),MOD($C2604,24)+1)/SUM(INDEX($D$3:$AA$30,INDEX(Jesper!$R$2:$R$366,ROW(INDEX(Jesper!AJ$2:AJ$366,ROUNDDOWN($C2604/24,0)+1,1))-1)+IF('Standard Profiles'!$G$20=$B$10,7,0)+IF('Standard Profiles'!$G$20=$B$17,14,0)+IF('Standard Profiles'!$G$20=$B$24,21,0),0)),0)</f>
        <v>0</v>
      </c>
      <c r="G2604" cm="1">
        <f t="array" ref="G2604">IFERROR(INDEX(Jesper!AK$2:AK$366,ROUNDDOWN($C2604/24,0)+1,1)*INDEX($D$3:$AA$30,INDEX(Jesper!$R$2:$R$366,ROW(INDEX(Jesper!AK$2:AK$366,ROUNDDOWN($C2604/24,0)+1,1))-1)+IF('Standard Profiles'!$G$21=$B$10,7,0)+IF('Standard Profiles'!$G$21=$B$17,14,0)+IF('Standard Profiles'!$G$21=$B$24,21,0),MOD($C2604,24)+1)/SUM(INDEX($D$3:$AA$30,INDEX(Jesper!$R$2:$R$366,ROW(INDEX(Jesper!AK$2:AK$366,ROUNDDOWN($C2604/24,0)+1,1))-1)+IF('Standard Profiles'!$G$21=$B$10,7,0)+IF('Standard Profiles'!$G$21=$B$17,14,0)+IF('Standard Profiles'!$G$21=$B$24,21,0),0)),0)</f>
        <v>0</v>
      </c>
      <c r="H2604" cm="1">
        <f t="array" ref="H2604">IFERROR(INDEX(Jesper!AL$2:AL$366,ROUNDDOWN($C2604/24,0)+1,1)*INDEX($D$3:$AA$30,INDEX(Jesper!$R$2:$R$366,ROW(INDEX(Jesper!AL$2:AL$366,ROUNDDOWN($C2604/24,0)+1,1))-1)+IF('Standard Profiles'!$G$22=$B$10,7,0)+IF('Standard Profiles'!$G$22=$B$17,14,0)+IF('Standard Profiles'!$G$22=$B$24,21,0),MOD($C2604,24)+1)/SUM(INDEX($D$3:$AA$30,INDEX(Jesper!$R$2:$R$366,ROW(INDEX(Jesper!AL$2:AL$366,ROUNDDOWN($C2604/24,0)+1,1))-1)+IF('Standard Profiles'!$G$22=$B$10,7,0)+IF('Standard Profiles'!$G$22=$B$17,14,0)+IF('Standard Profiles'!$G$22=$B$24,21,0),0)),0)</f>
        <v>0</v>
      </c>
      <c r="I2604">
        <f t="shared" si="300"/>
        <v>0.21758813603612651</v>
      </c>
      <c r="J2604">
        <f t="shared" si="301"/>
        <v>0.72529378678708845</v>
      </c>
      <c r="K2604">
        <f t="shared" si="302"/>
        <v>1.0879406801806326</v>
      </c>
      <c r="L2604">
        <f t="shared" si="303"/>
        <v>5.2221152648670364</v>
      </c>
      <c r="M2604">
        <f t="shared" si="304"/>
        <v>0</v>
      </c>
      <c r="N2604" s="46">
        <f t="shared" si="305"/>
        <v>45399.0833333271</v>
      </c>
    </row>
    <row r="2605" spans="2:14" x14ac:dyDescent="0.3">
      <c r="B2605">
        <f t="shared" si="299"/>
        <v>3</v>
      </c>
      <c r="C2605" s="16">
        <v>2571</v>
      </c>
      <c r="D2605" cm="1">
        <f t="array" ref="D2605">IFERROR(INDEX(Jesper!AH$2:AH$366,ROUNDDOWN($C2605/24,0)+1,1)*INDEX($D$3:$AA$30,INDEX(Jesper!$R$2:$R$366,ROW(INDEX(Jesper!AH$2:AH$366,ROUNDDOWN($C2605/24,0)+1,1))-1)+IF('Standard Profiles'!$G$18=$B$10,7,0)+IF('Standard Profiles'!$G$18=$B$17,14,0)+IF('Standard Profiles'!$G$18=$B$24,21,0),MOD($C2605,24)+1)/SUM(INDEX($D$3:$AA$30,INDEX(Jesper!$R$2:$R$366,ROW(INDEX(Jesper!AH$2:AH$366,ROUNDDOWN($C2605/24,0)+1,1))-1)+IF('Standard Profiles'!$G$18=$B$10,7,0)+IF('Standard Profiles'!$G$18=$B$17,14,0)+IF('Standard Profiles'!$G$18=$B$24,21,0),0)),0)</f>
        <v>7.2529378678708838</v>
      </c>
      <c r="E2605" cm="1">
        <f t="array" ref="E2605">IFERROR(INDEX(Jesper!AI$2:AI$366,ROUNDDOWN($C2605/24,0)+1,1)*INDEX($D$3:$AA$30,INDEX(Jesper!$R$2:$R$366,ROW(INDEX(Jesper!AI$2:AI$366,ROUNDDOWN($C2605/24,0)+1,1))-1)+IF('Standard Profiles'!$G$19=$B$10,7,0)+IF('Standard Profiles'!$G$19=$B$17,14,0)+IF('Standard Profiles'!$G$19=$B$24,21,0),MOD($C2605,24)+1)/SUM(INDEX($D$3:$AA$30,INDEX(Jesper!$R$2:$R$366,ROW(INDEX(Jesper!AI$2:AI$366,ROUNDDOWN($C2605/24,0)+1,1))-1)+IF('Standard Profiles'!$G$19=$B$10,7,0)+IF('Standard Profiles'!$G$19=$B$17,14,0)+IF('Standard Profiles'!$G$19=$B$24,21,0),0)),0)</f>
        <v>0</v>
      </c>
      <c r="F2605" cm="1">
        <f t="array" ref="F2605">IFERROR(INDEX(Jesper!AJ$2:AJ$366,ROUNDDOWN($C2605/24,0)+1,1)*INDEX($D$3:$AA$30,INDEX(Jesper!$R$2:$R$366,ROW(INDEX(Jesper!AJ$2:AJ$366,ROUNDDOWN($C2605/24,0)+1,1))-1)+IF('Standard Profiles'!$G$20=$B$10,7,0)+IF('Standard Profiles'!$G$20=$B$17,14,0)+IF('Standard Profiles'!$G$20=$B$24,21,0),MOD($C2605,24)+1)/SUM(INDEX($D$3:$AA$30,INDEX(Jesper!$R$2:$R$366,ROW(INDEX(Jesper!AJ$2:AJ$366,ROUNDDOWN($C2605/24,0)+1,1))-1)+IF('Standard Profiles'!$G$20=$B$10,7,0)+IF('Standard Profiles'!$G$20=$B$17,14,0)+IF('Standard Profiles'!$G$20=$B$24,21,0),0)),0)</f>
        <v>0</v>
      </c>
      <c r="G2605" cm="1">
        <f t="array" ref="G2605">IFERROR(INDEX(Jesper!AK$2:AK$366,ROUNDDOWN($C2605/24,0)+1,1)*INDEX($D$3:$AA$30,INDEX(Jesper!$R$2:$R$366,ROW(INDEX(Jesper!AK$2:AK$366,ROUNDDOWN($C2605/24,0)+1,1))-1)+IF('Standard Profiles'!$G$21=$B$10,7,0)+IF('Standard Profiles'!$G$21=$B$17,14,0)+IF('Standard Profiles'!$G$21=$B$24,21,0),MOD($C2605,24)+1)/SUM(INDEX($D$3:$AA$30,INDEX(Jesper!$R$2:$R$366,ROW(INDEX(Jesper!AK$2:AK$366,ROUNDDOWN($C2605/24,0)+1,1))-1)+IF('Standard Profiles'!$G$21=$B$10,7,0)+IF('Standard Profiles'!$G$21=$B$17,14,0)+IF('Standard Profiles'!$G$21=$B$24,21,0),0)),0)</f>
        <v>0</v>
      </c>
      <c r="H2605" cm="1">
        <f t="array" ref="H2605">IFERROR(INDEX(Jesper!AL$2:AL$366,ROUNDDOWN($C2605/24,0)+1,1)*INDEX($D$3:$AA$30,INDEX(Jesper!$R$2:$R$366,ROW(INDEX(Jesper!AL$2:AL$366,ROUNDDOWN($C2605/24,0)+1,1))-1)+IF('Standard Profiles'!$G$22=$B$10,7,0)+IF('Standard Profiles'!$G$22=$B$17,14,0)+IF('Standard Profiles'!$G$22=$B$24,21,0),MOD($C2605,24)+1)/SUM(INDEX($D$3:$AA$30,INDEX(Jesper!$R$2:$R$366,ROW(INDEX(Jesper!AL$2:AL$366,ROUNDDOWN($C2605/24,0)+1,1))-1)+IF('Standard Profiles'!$G$22=$B$10,7,0)+IF('Standard Profiles'!$G$22=$B$17,14,0)+IF('Standard Profiles'!$G$22=$B$24,21,0),0)),0)</f>
        <v>0</v>
      </c>
      <c r="I2605">
        <f t="shared" si="300"/>
        <v>0.21758813603612651</v>
      </c>
      <c r="J2605">
        <f t="shared" si="301"/>
        <v>0.72529378678708845</v>
      </c>
      <c r="K2605">
        <f t="shared" si="302"/>
        <v>1.0879406801806326</v>
      </c>
      <c r="L2605">
        <f t="shared" si="303"/>
        <v>5.2221152648670364</v>
      </c>
      <c r="M2605">
        <f t="shared" si="304"/>
        <v>0</v>
      </c>
      <c r="N2605" s="46">
        <f t="shared" si="305"/>
        <v>45399.124999993765</v>
      </c>
    </row>
    <row r="2606" spans="2:14" x14ac:dyDescent="0.3">
      <c r="B2606">
        <f t="shared" si="299"/>
        <v>3</v>
      </c>
      <c r="C2606" s="16">
        <v>2572</v>
      </c>
      <c r="D2606" cm="1">
        <f t="array" ref="D2606">IFERROR(INDEX(Jesper!AH$2:AH$366,ROUNDDOWN($C2606/24,0)+1,1)*INDEX($D$3:$AA$30,INDEX(Jesper!$R$2:$R$366,ROW(INDEX(Jesper!AH$2:AH$366,ROUNDDOWN($C2606/24,0)+1,1))-1)+IF('Standard Profiles'!$G$18=$B$10,7,0)+IF('Standard Profiles'!$G$18=$B$17,14,0)+IF('Standard Profiles'!$G$18=$B$24,21,0),MOD($C2606,24)+1)/SUM(INDEX($D$3:$AA$30,INDEX(Jesper!$R$2:$R$366,ROW(INDEX(Jesper!AH$2:AH$366,ROUNDDOWN($C2606/24,0)+1,1))-1)+IF('Standard Profiles'!$G$18=$B$10,7,0)+IF('Standard Profiles'!$G$18=$B$17,14,0)+IF('Standard Profiles'!$G$18=$B$24,21,0),0)),0)</f>
        <v>7.2529378678708838</v>
      </c>
      <c r="E2606" cm="1">
        <f t="array" ref="E2606">IFERROR(INDEX(Jesper!AI$2:AI$366,ROUNDDOWN($C2606/24,0)+1,1)*INDEX($D$3:$AA$30,INDEX(Jesper!$R$2:$R$366,ROW(INDEX(Jesper!AI$2:AI$366,ROUNDDOWN($C2606/24,0)+1,1))-1)+IF('Standard Profiles'!$G$19=$B$10,7,0)+IF('Standard Profiles'!$G$19=$B$17,14,0)+IF('Standard Profiles'!$G$19=$B$24,21,0),MOD($C2606,24)+1)/SUM(INDEX($D$3:$AA$30,INDEX(Jesper!$R$2:$R$366,ROW(INDEX(Jesper!AI$2:AI$366,ROUNDDOWN($C2606/24,0)+1,1))-1)+IF('Standard Profiles'!$G$19=$B$10,7,0)+IF('Standard Profiles'!$G$19=$B$17,14,0)+IF('Standard Profiles'!$G$19=$B$24,21,0),0)),0)</f>
        <v>0</v>
      </c>
      <c r="F2606" cm="1">
        <f t="array" ref="F2606">IFERROR(INDEX(Jesper!AJ$2:AJ$366,ROUNDDOWN($C2606/24,0)+1,1)*INDEX($D$3:$AA$30,INDEX(Jesper!$R$2:$R$366,ROW(INDEX(Jesper!AJ$2:AJ$366,ROUNDDOWN($C2606/24,0)+1,1))-1)+IF('Standard Profiles'!$G$20=$B$10,7,0)+IF('Standard Profiles'!$G$20=$B$17,14,0)+IF('Standard Profiles'!$G$20=$B$24,21,0),MOD($C2606,24)+1)/SUM(INDEX($D$3:$AA$30,INDEX(Jesper!$R$2:$R$366,ROW(INDEX(Jesper!AJ$2:AJ$366,ROUNDDOWN($C2606/24,0)+1,1))-1)+IF('Standard Profiles'!$G$20=$B$10,7,0)+IF('Standard Profiles'!$G$20=$B$17,14,0)+IF('Standard Profiles'!$G$20=$B$24,21,0),0)),0)</f>
        <v>0</v>
      </c>
      <c r="G2606" cm="1">
        <f t="array" ref="G2606">IFERROR(INDEX(Jesper!AK$2:AK$366,ROUNDDOWN($C2606/24,0)+1,1)*INDEX($D$3:$AA$30,INDEX(Jesper!$R$2:$R$366,ROW(INDEX(Jesper!AK$2:AK$366,ROUNDDOWN($C2606/24,0)+1,1))-1)+IF('Standard Profiles'!$G$21=$B$10,7,0)+IF('Standard Profiles'!$G$21=$B$17,14,0)+IF('Standard Profiles'!$G$21=$B$24,21,0),MOD($C2606,24)+1)/SUM(INDEX($D$3:$AA$30,INDEX(Jesper!$R$2:$R$366,ROW(INDEX(Jesper!AK$2:AK$366,ROUNDDOWN($C2606/24,0)+1,1))-1)+IF('Standard Profiles'!$G$21=$B$10,7,0)+IF('Standard Profiles'!$G$21=$B$17,14,0)+IF('Standard Profiles'!$G$21=$B$24,21,0),0)),0)</f>
        <v>0</v>
      </c>
      <c r="H2606" cm="1">
        <f t="array" ref="H2606">IFERROR(INDEX(Jesper!AL$2:AL$366,ROUNDDOWN($C2606/24,0)+1,1)*INDEX($D$3:$AA$30,INDEX(Jesper!$R$2:$R$366,ROW(INDEX(Jesper!AL$2:AL$366,ROUNDDOWN($C2606/24,0)+1,1))-1)+IF('Standard Profiles'!$G$22=$B$10,7,0)+IF('Standard Profiles'!$G$22=$B$17,14,0)+IF('Standard Profiles'!$G$22=$B$24,21,0),MOD($C2606,24)+1)/SUM(INDEX($D$3:$AA$30,INDEX(Jesper!$R$2:$R$366,ROW(INDEX(Jesper!AL$2:AL$366,ROUNDDOWN($C2606/24,0)+1,1))-1)+IF('Standard Profiles'!$G$22=$B$10,7,0)+IF('Standard Profiles'!$G$22=$B$17,14,0)+IF('Standard Profiles'!$G$22=$B$24,21,0),0)),0)</f>
        <v>0</v>
      </c>
      <c r="I2606">
        <f t="shared" si="300"/>
        <v>0.21758813603612651</v>
      </c>
      <c r="J2606">
        <f t="shared" si="301"/>
        <v>0.72529378678708845</v>
      </c>
      <c r="K2606">
        <f t="shared" si="302"/>
        <v>1.0879406801806326</v>
      </c>
      <c r="L2606">
        <f t="shared" si="303"/>
        <v>5.2221152648670364</v>
      </c>
      <c r="M2606">
        <f t="shared" si="304"/>
        <v>0</v>
      </c>
      <c r="N2606" s="46">
        <f t="shared" si="305"/>
        <v>45399.166666660429</v>
      </c>
    </row>
    <row r="2607" spans="2:14" x14ac:dyDescent="0.3">
      <c r="B2607">
        <f t="shared" si="299"/>
        <v>3</v>
      </c>
      <c r="C2607" s="16">
        <v>2573</v>
      </c>
      <c r="D2607" cm="1">
        <f t="array" ref="D2607">IFERROR(INDEX(Jesper!AH$2:AH$366,ROUNDDOWN($C2607/24,0)+1,1)*INDEX($D$3:$AA$30,INDEX(Jesper!$R$2:$R$366,ROW(INDEX(Jesper!AH$2:AH$366,ROUNDDOWN($C2607/24,0)+1,1))-1)+IF('Standard Profiles'!$G$18=$B$10,7,0)+IF('Standard Profiles'!$G$18=$B$17,14,0)+IF('Standard Profiles'!$G$18=$B$24,21,0),MOD($C2607,24)+1)/SUM(INDEX($D$3:$AA$30,INDEX(Jesper!$R$2:$R$366,ROW(INDEX(Jesper!AH$2:AH$366,ROUNDDOWN($C2607/24,0)+1,1))-1)+IF('Standard Profiles'!$G$18=$B$10,7,0)+IF('Standard Profiles'!$G$18=$B$17,14,0)+IF('Standard Profiles'!$G$18=$B$24,21,0),0)),0)</f>
        <v>9.3482310297002496</v>
      </c>
      <c r="E2607" cm="1">
        <f t="array" ref="E2607">IFERROR(INDEX(Jesper!AI$2:AI$366,ROUNDDOWN($C2607/24,0)+1,1)*INDEX($D$3:$AA$30,INDEX(Jesper!$R$2:$R$366,ROW(INDEX(Jesper!AI$2:AI$366,ROUNDDOWN($C2607/24,0)+1,1))-1)+IF('Standard Profiles'!$G$19=$B$10,7,0)+IF('Standard Profiles'!$G$19=$B$17,14,0)+IF('Standard Profiles'!$G$19=$B$24,21,0),MOD($C2607,24)+1)/SUM(INDEX($D$3:$AA$30,INDEX(Jesper!$R$2:$R$366,ROW(INDEX(Jesper!AI$2:AI$366,ROUNDDOWN($C2607/24,0)+1,1))-1)+IF('Standard Profiles'!$G$19=$B$10,7,0)+IF('Standard Profiles'!$G$19=$B$17,14,0)+IF('Standard Profiles'!$G$19=$B$24,21,0),0)),0)</f>
        <v>0</v>
      </c>
      <c r="F2607" cm="1">
        <f t="array" ref="F2607">IFERROR(INDEX(Jesper!AJ$2:AJ$366,ROUNDDOWN($C2607/24,0)+1,1)*INDEX($D$3:$AA$30,INDEX(Jesper!$R$2:$R$366,ROW(INDEX(Jesper!AJ$2:AJ$366,ROUNDDOWN($C2607/24,0)+1,1))-1)+IF('Standard Profiles'!$G$20=$B$10,7,0)+IF('Standard Profiles'!$G$20=$B$17,14,0)+IF('Standard Profiles'!$G$20=$B$24,21,0),MOD($C2607,24)+1)/SUM(INDEX($D$3:$AA$30,INDEX(Jesper!$R$2:$R$366,ROW(INDEX(Jesper!AJ$2:AJ$366,ROUNDDOWN($C2607/24,0)+1,1))-1)+IF('Standard Profiles'!$G$20=$B$10,7,0)+IF('Standard Profiles'!$G$20=$B$17,14,0)+IF('Standard Profiles'!$G$20=$B$24,21,0),0)),0)</f>
        <v>0</v>
      </c>
      <c r="G2607" cm="1">
        <f t="array" ref="G2607">IFERROR(INDEX(Jesper!AK$2:AK$366,ROUNDDOWN($C2607/24,0)+1,1)*INDEX($D$3:$AA$30,INDEX(Jesper!$R$2:$R$366,ROW(INDEX(Jesper!AK$2:AK$366,ROUNDDOWN($C2607/24,0)+1,1))-1)+IF('Standard Profiles'!$G$21=$B$10,7,0)+IF('Standard Profiles'!$G$21=$B$17,14,0)+IF('Standard Profiles'!$G$21=$B$24,21,0),MOD($C2607,24)+1)/SUM(INDEX($D$3:$AA$30,INDEX(Jesper!$R$2:$R$366,ROW(INDEX(Jesper!AK$2:AK$366,ROUNDDOWN($C2607/24,0)+1,1))-1)+IF('Standard Profiles'!$G$21=$B$10,7,0)+IF('Standard Profiles'!$G$21=$B$17,14,0)+IF('Standard Profiles'!$G$21=$B$24,21,0),0)),0)</f>
        <v>0</v>
      </c>
      <c r="H2607" cm="1">
        <f t="array" ref="H2607">IFERROR(INDEX(Jesper!AL$2:AL$366,ROUNDDOWN($C2607/24,0)+1,1)*INDEX($D$3:$AA$30,INDEX(Jesper!$R$2:$R$366,ROW(INDEX(Jesper!AL$2:AL$366,ROUNDDOWN($C2607/24,0)+1,1))-1)+IF('Standard Profiles'!$G$22=$B$10,7,0)+IF('Standard Profiles'!$G$22=$B$17,14,0)+IF('Standard Profiles'!$G$22=$B$24,21,0),MOD($C2607,24)+1)/SUM(INDEX($D$3:$AA$30,INDEX(Jesper!$R$2:$R$366,ROW(INDEX(Jesper!AL$2:AL$366,ROUNDDOWN($C2607/24,0)+1,1))-1)+IF('Standard Profiles'!$G$22=$B$10,7,0)+IF('Standard Profiles'!$G$22=$B$17,14,0)+IF('Standard Profiles'!$G$22=$B$24,21,0),0)),0)</f>
        <v>0</v>
      </c>
      <c r="I2607">
        <f t="shared" si="300"/>
        <v>0.28044693089100747</v>
      </c>
      <c r="J2607">
        <f t="shared" si="301"/>
        <v>0.93482310297002502</v>
      </c>
      <c r="K2607">
        <f t="shared" si="302"/>
        <v>1.4022346544550375</v>
      </c>
      <c r="L2607">
        <f t="shared" si="303"/>
        <v>6.7307263413841794</v>
      </c>
      <c r="M2607">
        <f t="shared" si="304"/>
        <v>0</v>
      </c>
      <c r="N2607" s="46">
        <f t="shared" si="305"/>
        <v>45399.208333327093</v>
      </c>
    </row>
    <row r="2608" spans="2:14" x14ac:dyDescent="0.3">
      <c r="B2608">
        <f t="shared" si="299"/>
        <v>3</v>
      </c>
      <c r="C2608" s="16">
        <v>2574</v>
      </c>
      <c r="D2608" cm="1">
        <f t="array" ref="D2608">IFERROR(INDEX(Jesper!AH$2:AH$366,ROUNDDOWN($C2608/24,0)+1,1)*INDEX($D$3:$AA$30,INDEX(Jesper!$R$2:$R$366,ROW(INDEX(Jesper!AH$2:AH$366,ROUNDDOWN($C2608/24,0)+1,1))-1)+IF('Standard Profiles'!$G$18=$B$10,7,0)+IF('Standard Profiles'!$G$18=$B$17,14,0)+IF('Standard Profiles'!$G$18=$B$24,21,0),MOD($C2608,24)+1)/SUM(INDEX($D$3:$AA$30,INDEX(Jesper!$R$2:$R$366,ROW(INDEX(Jesper!AH$2:AH$366,ROUNDDOWN($C2608/24,0)+1,1))-1)+IF('Standard Profiles'!$G$18=$B$10,7,0)+IF('Standard Profiles'!$G$18=$B$17,14,0)+IF('Standard Profiles'!$G$18=$B$24,21,0),0)),0)</f>
        <v>10.798818603274428</v>
      </c>
      <c r="E2608" cm="1">
        <f t="array" ref="E2608">IFERROR(INDEX(Jesper!AI$2:AI$366,ROUNDDOWN($C2608/24,0)+1,1)*INDEX($D$3:$AA$30,INDEX(Jesper!$R$2:$R$366,ROW(INDEX(Jesper!AI$2:AI$366,ROUNDDOWN($C2608/24,0)+1,1))-1)+IF('Standard Profiles'!$G$19=$B$10,7,0)+IF('Standard Profiles'!$G$19=$B$17,14,0)+IF('Standard Profiles'!$G$19=$B$24,21,0),MOD($C2608,24)+1)/SUM(INDEX($D$3:$AA$30,INDEX(Jesper!$R$2:$R$366,ROW(INDEX(Jesper!AI$2:AI$366,ROUNDDOWN($C2608/24,0)+1,1))-1)+IF('Standard Profiles'!$G$19=$B$10,7,0)+IF('Standard Profiles'!$G$19=$B$17,14,0)+IF('Standard Profiles'!$G$19=$B$24,21,0),0)),0)</f>
        <v>0</v>
      </c>
      <c r="F2608" cm="1">
        <f t="array" ref="F2608">IFERROR(INDEX(Jesper!AJ$2:AJ$366,ROUNDDOWN($C2608/24,0)+1,1)*INDEX($D$3:$AA$30,INDEX(Jesper!$R$2:$R$366,ROW(INDEX(Jesper!AJ$2:AJ$366,ROUNDDOWN($C2608/24,0)+1,1))-1)+IF('Standard Profiles'!$G$20=$B$10,7,0)+IF('Standard Profiles'!$G$20=$B$17,14,0)+IF('Standard Profiles'!$G$20=$B$24,21,0),MOD($C2608,24)+1)/SUM(INDEX($D$3:$AA$30,INDEX(Jesper!$R$2:$R$366,ROW(INDEX(Jesper!AJ$2:AJ$366,ROUNDDOWN($C2608/24,0)+1,1))-1)+IF('Standard Profiles'!$G$20=$B$10,7,0)+IF('Standard Profiles'!$G$20=$B$17,14,0)+IF('Standard Profiles'!$G$20=$B$24,21,0),0)),0)</f>
        <v>0</v>
      </c>
      <c r="G2608" cm="1">
        <f t="array" ref="G2608">IFERROR(INDEX(Jesper!AK$2:AK$366,ROUNDDOWN($C2608/24,0)+1,1)*INDEX($D$3:$AA$30,INDEX(Jesper!$R$2:$R$366,ROW(INDEX(Jesper!AK$2:AK$366,ROUNDDOWN($C2608/24,0)+1,1))-1)+IF('Standard Profiles'!$G$21=$B$10,7,0)+IF('Standard Profiles'!$G$21=$B$17,14,0)+IF('Standard Profiles'!$G$21=$B$24,21,0),MOD($C2608,24)+1)/SUM(INDEX($D$3:$AA$30,INDEX(Jesper!$R$2:$R$366,ROW(INDEX(Jesper!AK$2:AK$366,ROUNDDOWN($C2608/24,0)+1,1))-1)+IF('Standard Profiles'!$G$21=$B$10,7,0)+IF('Standard Profiles'!$G$21=$B$17,14,0)+IF('Standard Profiles'!$G$21=$B$24,21,0),0)),0)</f>
        <v>0</v>
      </c>
      <c r="H2608" cm="1">
        <f t="array" ref="H2608">IFERROR(INDEX(Jesper!AL$2:AL$366,ROUNDDOWN($C2608/24,0)+1,1)*INDEX($D$3:$AA$30,INDEX(Jesper!$R$2:$R$366,ROW(INDEX(Jesper!AL$2:AL$366,ROUNDDOWN($C2608/24,0)+1,1))-1)+IF('Standard Profiles'!$G$22=$B$10,7,0)+IF('Standard Profiles'!$G$22=$B$17,14,0)+IF('Standard Profiles'!$G$22=$B$24,21,0),MOD($C2608,24)+1)/SUM(INDEX($D$3:$AA$30,INDEX(Jesper!$R$2:$R$366,ROW(INDEX(Jesper!AL$2:AL$366,ROUNDDOWN($C2608/24,0)+1,1))-1)+IF('Standard Profiles'!$G$22=$B$10,7,0)+IF('Standard Profiles'!$G$22=$B$17,14,0)+IF('Standard Profiles'!$G$22=$B$24,21,0),0)),0)</f>
        <v>0</v>
      </c>
      <c r="I2608">
        <f t="shared" si="300"/>
        <v>0.32396455809823282</v>
      </c>
      <c r="J2608">
        <f t="shared" si="301"/>
        <v>1.0798818603274429</v>
      </c>
      <c r="K2608">
        <f t="shared" si="302"/>
        <v>1.6198227904911642</v>
      </c>
      <c r="L2608">
        <f t="shared" si="303"/>
        <v>7.7751493943575882</v>
      </c>
      <c r="M2608">
        <f t="shared" si="304"/>
        <v>0</v>
      </c>
      <c r="N2608" s="46">
        <f t="shared" si="305"/>
        <v>45399.249999993757</v>
      </c>
    </row>
    <row r="2609" spans="2:14" x14ac:dyDescent="0.3">
      <c r="B2609">
        <f t="shared" si="299"/>
        <v>3</v>
      </c>
      <c r="C2609" s="16">
        <v>2575</v>
      </c>
      <c r="D2609" cm="1">
        <f t="array" ref="D2609">IFERROR(INDEX(Jesper!AH$2:AH$366,ROUNDDOWN($C2609/24,0)+1,1)*INDEX($D$3:$AA$30,INDEX(Jesper!$R$2:$R$366,ROW(INDEX(Jesper!AH$2:AH$366,ROUNDDOWN($C2609/24,0)+1,1))-1)+IF('Standard Profiles'!$G$18=$B$10,7,0)+IF('Standard Profiles'!$G$18=$B$17,14,0)+IF('Standard Profiles'!$G$18=$B$24,21,0),MOD($C2609,24)+1)/SUM(INDEX($D$3:$AA$30,INDEX(Jesper!$R$2:$R$366,ROW(INDEX(Jesper!AH$2:AH$366,ROUNDDOWN($C2609/24,0)+1,1))-1)+IF('Standard Profiles'!$G$18=$B$10,7,0)+IF('Standard Profiles'!$G$18=$B$17,14,0)+IF('Standard Profiles'!$G$18=$B$24,21,0),0)),0)</f>
        <v>10.798818603274428</v>
      </c>
      <c r="E2609" cm="1">
        <f t="array" ref="E2609">IFERROR(INDEX(Jesper!AI$2:AI$366,ROUNDDOWN($C2609/24,0)+1,1)*INDEX($D$3:$AA$30,INDEX(Jesper!$R$2:$R$366,ROW(INDEX(Jesper!AI$2:AI$366,ROUNDDOWN($C2609/24,0)+1,1))-1)+IF('Standard Profiles'!$G$19=$B$10,7,0)+IF('Standard Profiles'!$G$19=$B$17,14,0)+IF('Standard Profiles'!$G$19=$B$24,21,0),MOD($C2609,24)+1)/SUM(INDEX($D$3:$AA$30,INDEX(Jesper!$R$2:$R$366,ROW(INDEX(Jesper!AI$2:AI$366,ROUNDDOWN($C2609/24,0)+1,1))-1)+IF('Standard Profiles'!$G$19=$B$10,7,0)+IF('Standard Profiles'!$G$19=$B$17,14,0)+IF('Standard Profiles'!$G$19=$B$24,21,0),0)),0)</f>
        <v>0</v>
      </c>
      <c r="F2609" cm="1">
        <f t="array" ref="F2609">IFERROR(INDEX(Jesper!AJ$2:AJ$366,ROUNDDOWN($C2609/24,0)+1,1)*INDEX($D$3:$AA$30,INDEX(Jesper!$R$2:$R$366,ROW(INDEX(Jesper!AJ$2:AJ$366,ROUNDDOWN($C2609/24,0)+1,1))-1)+IF('Standard Profiles'!$G$20=$B$10,7,0)+IF('Standard Profiles'!$G$20=$B$17,14,0)+IF('Standard Profiles'!$G$20=$B$24,21,0),MOD($C2609,24)+1)/SUM(INDEX($D$3:$AA$30,INDEX(Jesper!$R$2:$R$366,ROW(INDEX(Jesper!AJ$2:AJ$366,ROUNDDOWN($C2609/24,0)+1,1))-1)+IF('Standard Profiles'!$G$20=$B$10,7,0)+IF('Standard Profiles'!$G$20=$B$17,14,0)+IF('Standard Profiles'!$G$20=$B$24,21,0),0)),0)</f>
        <v>0</v>
      </c>
      <c r="G2609" cm="1">
        <f t="array" ref="G2609">IFERROR(INDEX(Jesper!AK$2:AK$366,ROUNDDOWN($C2609/24,0)+1,1)*INDEX($D$3:$AA$30,INDEX(Jesper!$R$2:$R$366,ROW(INDEX(Jesper!AK$2:AK$366,ROUNDDOWN($C2609/24,0)+1,1))-1)+IF('Standard Profiles'!$G$21=$B$10,7,0)+IF('Standard Profiles'!$G$21=$B$17,14,0)+IF('Standard Profiles'!$G$21=$B$24,21,0),MOD($C2609,24)+1)/SUM(INDEX($D$3:$AA$30,INDEX(Jesper!$R$2:$R$366,ROW(INDEX(Jesper!AK$2:AK$366,ROUNDDOWN($C2609/24,0)+1,1))-1)+IF('Standard Profiles'!$G$21=$B$10,7,0)+IF('Standard Profiles'!$G$21=$B$17,14,0)+IF('Standard Profiles'!$G$21=$B$24,21,0),0)),0)</f>
        <v>0</v>
      </c>
      <c r="H2609" cm="1">
        <f t="array" ref="H2609">IFERROR(INDEX(Jesper!AL$2:AL$366,ROUNDDOWN($C2609/24,0)+1,1)*INDEX($D$3:$AA$30,INDEX(Jesper!$R$2:$R$366,ROW(INDEX(Jesper!AL$2:AL$366,ROUNDDOWN($C2609/24,0)+1,1))-1)+IF('Standard Profiles'!$G$22=$B$10,7,0)+IF('Standard Profiles'!$G$22=$B$17,14,0)+IF('Standard Profiles'!$G$22=$B$24,21,0),MOD($C2609,24)+1)/SUM(INDEX($D$3:$AA$30,INDEX(Jesper!$R$2:$R$366,ROW(INDEX(Jesper!AL$2:AL$366,ROUNDDOWN($C2609/24,0)+1,1))-1)+IF('Standard Profiles'!$G$22=$B$10,7,0)+IF('Standard Profiles'!$G$22=$B$17,14,0)+IF('Standard Profiles'!$G$22=$B$24,21,0),0)),0)</f>
        <v>0</v>
      </c>
      <c r="I2609">
        <f t="shared" si="300"/>
        <v>0.32396455809823282</v>
      </c>
      <c r="J2609">
        <f t="shared" si="301"/>
        <v>1.0798818603274429</v>
      </c>
      <c r="K2609">
        <f t="shared" si="302"/>
        <v>1.6198227904911642</v>
      </c>
      <c r="L2609">
        <f t="shared" si="303"/>
        <v>7.7751493943575882</v>
      </c>
      <c r="M2609">
        <f t="shared" si="304"/>
        <v>0</v>
      </c>
      <c r="N2609" s="46">
        <f t="shared" si="305"/>
        <v>45399.291666660421</v>
      </c>
    </row>
    <row r="2610" spans="2:14" x14ac:dyDescent="0.3">
      <c r="B2610">
        <f t="shared" si="299"/>
        <v>3</v>
      </c>
      <c r="C2610" s="16">
        <v>2576</v>
      </c>
      <c r="D2610" cm="1">
        <f t="array" ref="D2610">IFERROR(INDEX(Jesper!AH$2:AH$366,ROUNDDOWN($C2610/24,0)+1,1)*INDEX($D$3:$AA$30,INDEX(Jesper!$R$2:$R$366,ROW(INDEX(Jesper!AH$2:AH$366,ROUNDDOWN($C2610/24,0)+1,1))-1)+IF('Standard Profiles'!$G$18=$B$10,7,0)+IF('Standard Profiles'!$G$18=$B$17,14,0)+IF('Standard Profiles'!$G$18=$B$24,21,0),MOD($C2610,24)+1)/SUM(INDEX($D$3:$AA$30,INDEX(Jesper!$R$2:$R$366,ROW(INDEX(Jesper!AH$2:AH$366,ROUNDDOWN($C2610/24,0)+1,1))-1)+IF('Standard Profiles'!$G$18=$B$10,7,0)+IF('Standard Profiles'!$G$18=$B$17,14,0)+IF('Standard Profiles'!$G$18=$B$24,21,0),0)),0)</f>
        <v>10.798818603274428</v>
      </c>
      <c r="E2610" cm="1">
        <f t="array" ref="E2610">IFERROR(INDEX(Jesper!AI$2:AI$366,ROUNDDOWN($C2610/24,0)+1,1)*INDEX($D$3:$AA$30,INDEX(Jesper!$R$2:$R$366,ROW(INDEX(Jesper!AI$2:AI$366,ROUNDDOWN($C2610/24,0)+1,1))-1)+IF('Standard Profiles'!$G$19=$B$10,7,0)+IF('Standard Profiles'!$G$19=$B$17,14,0)+IF('Standard Profiles'!$G$19=$B$24,21,0),MOD($C2610,24)+1)/SUM(INDEX($D$3:$AA$30,INDEX(Jesper!$R$2:$R$366,ROW(INDEX(Jesper!AI$2:AI$366,ROUNDDOWN($C2610/24,0)+1,1))-1)+IF('Standard Profiles'!$G$19=$B$10,7,0)+IF('Standard Profiles'!$G$19=$B$17,14,0)+IF('Standard Profiles'!$G$19=$B$24,21,0),0)),0)</f>
        <v>0</v>
      </c>
      <c r="F2610" cm="1">
        <f t="array" ref="F2610">IFERROR(INDEX(Jesper!AJ$2:AJ$366,ROUNDDOWN($C2610/24,0)+1,1)*INDEX($D$3:$AA$30,INDEX(Jesper!$R$2:$R$366,ROW(INDEX(Jesper!AJ$2:AJ$366,ROUNDDOWN($C2610/24,0)+1,1))-1)+IF('Standard Profiles'!$G$20=$B$10,7,0)+IF('Standard Profiles'!$G$20=$B$17,14,0)+IF('Standard Profiles'!$G$20=$B$24,21,0),MOD($C2610,24)+1)/SUM(INDEX($D$3:$AA$30,INDEX(Jesper!$R$2:$R$366,ROW(INDEX(Jesper!AJ$2:AJ$366,ROUNDDOWN($C2610/24,0)+1,1))-1)+IF('Standard Profiles'!$G$20=$B$10,7,0)+IF('Standard Profiles'!$G$20=$B$17,14,0)+IF('Standard Profiles'!$G$20=$B$24,21,0),0)),0)</f>
        <v>0</v>
      </c>
      <c r="G2610" cm="1">
        <f t="array" ref="G2610">IFERROR(INDEX(Jesper!AK$2:AK$366,ROUNDDOWN($C2610/24,0)+1,1)*INDEX($D$3:$AA$30,INDEX(Jesper!$R$2:$R$366,ROW(INDEX(Jesper!AK$2:AK$366,ROUNDDOWN($C2610/24,0)+1,1))-1)+IF('Standard Profiles'!$G$21=$B$10,7,0)+IF('Standard Profiles'!$G$21=$B$17,14,0)+IF('Standard Profiles'!$G$21=$B$24,21,0),MOD($C2610,24)+1)/SUM(INDEX($D$3:$AA$30,INDEX(Jesper!$R$2:$R$366,ROW(INDEX(Jesper!AK$2:AK$366,ROUNDDOWN($C2610/24,0)+1,1))-1)+IF('Standard Profiles'!$G$21=$B$10,7,0)+IF('Standard Profiles'!$G$21=$B$17,14,0)+IF('Standard Profiles'!$G$21=$B$24,21,0),0)),0)</f>
        <v>0</v>
      </c>
      <c r="H2610" cm="1">
        <f t="array" ref="H2610">IFERROR(INDEX(Jesper!AL$2:AL$366,ROUNDDOWN($C2610/24,0)+1,1)*INDEX($D$3:$AA$30,INDEX(Jesper!$R$2:$R$366,ROW(INDEX(Jesper!AL$2:AL$366,ROUNDDOWN($C2610/24,0)+1,1))-1)+IF('Standard Profiles'!$G$22=$B$10,7,0)+IF('Standard Profiles'!$G$22=$B$17,14,0)+IF('Standard Profiles'!$G$22=$B$24,21,0),MOD($C2610,24)+1)/SUM(INDEX($D$3:$AA$30,INDEX(Jesper!$R$2:$R$366,ROW(INDEX(Jesper!AL$2:AL$366,ROUNDDOWN($C2610/24,0)+1,1))-1)+IF('Standard Profiles'!$G$22=$B$10,7,0)+IF('Standard Profiles'!$G$22=$B$17,14,0)+IF('Standard Profiles'!$G$22=$B$24,21,0),0)),0)</f>
        <v>0</v>
      </c>
      <c r="I2610">
        <f t="shared" si="300"/>
        <v>0.32396455809823282</v>
      </c>
      <c r="J2610">
        <f t="shared" si="301"/>
        <v>1.0798818603274429</v>
      </c>
      <c r="K2610">
        <f t="shared" si="302"/>
        <v>1.6198227904911642</v>
      </c>
      <c r="L2610">
        <f t="shared" si="303"/>
        <v>7.7751493943575882</v>
      </c>
      <c r="M2610">
        <f t="shared" si="304"/>
        <v>0</v>
      </c>
      <c r="N2610" s="46">
        <f t="shared" si="305"/>
        <v>45399.333333327086</v>
      </c>
    </row>
    <row r="2611" spans="2:14" x14ac:dyDescent="0.3">
      <c r="B2611">
        <f t="shared" si="299"/>
        <v>3</v>
      </c>
      <c r="C2611" s="16">
        <v>2577</v>
      </c>
      <c r="D2611" cm="1">
        <f t="array" ref="D2611">IFERROR(INDEX(Jesper!AH$2:AH$366,ROUNDDOWN($C2611/24,0)+1,1)*INDEX($D$3:$AA$30,INDEX(Jesper!$R$2:$R$366,ROW(INDEX(Jesper!AH$2:AH$366,ROUNDDOWN($C2611/24,0)+1,1))-1)+IF('Standard Profiles'!$G$18=$B$10,7,0)+IF('Standard Profiles'!$G$18=$B$17,14,0)+IF('Standard Profiles'!$G$18=$B$24,21,0),MOD($C2611,24)+1)/SUM(INDEX($D$3:$AA$30,INDEX(Jesper!$R$2:$R$366,ROW(INDEX(Jesper!AH$2:AH$366,ROUNDDOWN($C2611/24,0)+1,1))-1)+IF('Standard Profiles'!$G$18=$B$10,7,0)+IF('Standard Profiles'!$G$18=$B$17,14,0)+IF('Standard Profiles'!$G$18=$B$24,21,0),0)),0)</f>
        <v>11.604700588593415</v>
      </c>
      <c r="E2611" cm="1">
        <f t="array" ref="E2611">IFERROR(INDEX(Jesper!AI$2:AI$366,ROUNDDOWN($C2611/24,0)+1,1)*INDEX($D$3:$AA$30,INDEX(Jesper!$R$2:$R$366,ROW(INDEX(Jesper!AI$2:AI$366,ROUNDDOWN($C2611/24,0)+1,1))-1)+IF('Standard Profiles'!$G$19=$B$10,7,0)+IF('Standard Profiles'!$G$19=$B$17,14,0)+IF('Standard Profiles'!$G$19=$B$24,21,0),MOD($C2611,24)+1)/SUM(INDEX($D$3:$AA$30,INDEX(Jesper!$R$2:$R$366,ROW(INDEX(Jesper!AI$2:AI$366,ROUNDDOWN($C2611/24,0)+1,1))-1)+IF('Standard Profiles'!$G$19=$B$10,7,0)+IF('Standard Profiles'!$G$19=$B$17,14,0)+IF('Standard Profiles'!$G$19=$B$24,21,0),0)),0)</f>
        <v>0</v>
      </c>
      <c r="F2611" cm="1">
        <f t="array" ref="F2611">IFERROR(INDEX(Jesper!AJ$2:AJ$366,ROUNDDOWN($C2611/24,0)+1,1)*INDEX($D$3:$AA$30,INDEX(Jesper!$R$2:$R$366,ROW(INDEX(Jesper!AJ$2:AJ$366,ROUNDDOWN($C2611/24,0)+1,1))-1)+IF('Standard Profiles'!$G$20=$B$10,7,0)+IF('Standard Profiles'!$G$20=$B$17,14,0)+IF('Standard Profiles'!$G$20=$B$24,21,0),MOD($C2611,24)+1)/SUM(INDEX($D$3:$AA$30,INDEX(Jesper!$R$2:$R$366,ROW(INDEX(Jesper!AJ$2:AJ$366,ROUNDDOWN($C2611/24,0)+1,1))-1)+IF('Standard Profiles'!$G$20=$B$10,7,0)+IF('Standard Profiles'!$G$20=$B$17,14,0)+IF('Standard Profiles'!$G$20=$B$24,21,0),0)),0)</f>
        <v>0</v>
      </c>
      <c r="G2611" cm="1">
        <f t="array" ref="G2611">IFERROR(INDEX(Jesper!AK$2:AK$366,ROUNDDOWN($C2611/24,0)+1,1)*INDEX($D$3:$AA$30,INDEX(Jesper!$R$2:$R$366,ROW(INDEX(Jesper!AK$2:AK$366,ROUNDDOWN($C2611/24,0)+1,1))-1)+IF('Standard Profiles'!$G$21=$B$10,7,0)+IF('Standard Profiles'!$G$21=$B$17,14,0)+IF('Standard Profiles'!$G$21=$B$24,21,0),MOD($C2611,24)+1)/SUM(INDEX($D$3:$AA$30,INDEX(Jesper!$R$2:$R$366,ROW(INDEX(Jesper!AK$2:AK$366,ROUNDDOWN($C2611/24,0)+1,1))-1)+IF('Standard Profiles'!$G$21=$B$10,7,0)+IF('Standard Profiles'!$G$21=$B$17,14,0)+IF('Standard Profiles'!$G$21=$B$24,21,0),0)),0)</f>
        <v>0</v>
      </c>
      <c r="H2611" cm="1">
        <f t="array" ref="H2611">IFERROR(INDEX(Jesper!AL$2:AL$366,ROUNDDOWN($C2611/24,0)+1,1)*INDEX($D$3:$AA$30,INDEX(Jesper!$R$2:$R$366,ROW(INDEX(Jesper!AL$2:AL$366,ROUNDDOWN($C2611/24,0)+1,1))-1)+IF('Standard Profiles'!$G$22=$B$10,7,0)+IF('Standard Profiles'!$G$22=$B$17,14,0)+IF('Standard Profiles'!$G$22=$B$24,21,0),MOD($C2611,24)+1)/SUM(INDEX($D$3:$AA$30,INDEX(Jesper!$R$2:$R$366,ROW(INDEX(Jesper!AL$2:AL$366,ROUNDDOWN($C2611/24,0)+1,1))-1)+IF('Standard Profiles'!$G$22=$B$10,7,0)+IF('Standard Profiles'!$G$22=$B$17,14,0)+IF('Standard Profiles'!$G$22=$B$24,21,0),0)),0)</f>
        <v>0</v>
      </c>
      <c r="I2611">
        <f t="shared" si="300"/>
        <v>0.34814101765780242</v>
      </c>
      <c r="J2611">
        <f t="shared" si="301"/>
        <v>1.1604700588593415</v>
      </c>
      <c r="K2611">
        <f t="shared" si="302"/>
        <v>1.7407050882890123</v>
      </c>
      <c r="L2611">
        <f t="shared" si="303"/>
        <v>8.3553844237872585</v>
      </c>
      <c r="M2611">
        <f t="shared" si="304"/>
        <v>0</v>
      </c>
      <c r="N2611" s="46">
        <f t="shared" si="305"/>
        <v>45399.37499999375</v>
      </c>
    </row>
    <row r="2612" spans="2:14" x14ac:dyDescent="0.3">
      <c r="B2612">
        <f t="shared" si="299"/>
        <v>3</v>
      </c>
      <c r="C2612" s="16">
        <v>2578</v>
      </c>
      <c r="D2612" cm="1">
        <f t="array" ref="D2612">IFERROR(INDEX(Jesper!AH$2:AH$366,ROUNDDOWN($C2612/24,0)+1,1)*INDEX($D$3:$AA$30,INDEX(Jesper!$R$2:$R$366,ROW(INDEX(Jesper!AH$2:AH$366,ROUNDDOWN($C2612/24,0)+1,1))-1)+IF('Standard Profiles'!$G$18=$B$10,7,0)+IF('Standard Profiles'!$G$18=$B$17,14,0)+IF('Standard Profiles'!$G$18=$B$24,21,0),MOD($C2612,24)+1)/SUM(INDEX($D$3:$AA$30,INDEX(Jesper!$R$2:$R$366,ROW(INDEX(Jesper!AH$2:AH$366,ROUNDDOWN($C2612/24,0)+1,1))-1)+IF('Standard Profiles'!$G$18=$B$10,7,0)+IF('Standard Profiles'!$G$18=$B$17,14,0)+IF('Standard Profiles'!$G$18=$B$24,21,0),0)),0)</f>
        <v>12.5717589709762</v>
      </c>
      <c r="E2612" cm="1">
        <f t="array" ref="E2612">IFERROR(INDEX(Jesper!AI$2:AI$366,ROUNDDOWN($C2612/24,0)+1,1)*INDEX($D$3:$AA$30,INDEX(Jesper!$R$2:$R$366,ROW(INDEX(Jesper!AI$2:AI$366,ROUNDDOWN($C2612/24,0)+1,1))-1)+IF('Standard Profiles'!$G$19=$B$10,7,0)+IF('Standard Profiles'!$G$19=$B$17,14,0)+IF('Standard Profiles'!$G$19=$B$24,21,0),MOD($C2612,24)+1)/SUM(INDEX($D$3:$AA$30,INDEX(Jesper!$R$2:$R$366,ROW(INDEX(Jesper!AI$2:AI$366,ROUNDDOWN($C2612/24,0)+1,1))-1)+IF('Standard Profiles'!$G$19=$B$10,7,0)+IF('Standard Profiles'!$G$19=$B$17,14,0)+IF('Standard Profiles'!$G$19=$B$24,21,0),0)),0)</f>
        <v>0</v>
      </c>
      <c r="F2612" cm="1">
        <f t="array" ref="F2612">IFERROR(INDEX(Jesper!AJ$2:AJ$366,ROUNDDOWN($C2612/24,0)+1,1)*INDEX($D$3:$AA$30,INDEX(Jesper!$R$2:$R$366,ROW(INDEX(Jesper!AJ$2:AJ$366,ROUNDDOWN($C2612/24,0)+1,1))-1)+IF('Standard Profiles'!$G$20=$B$10,7,0)+IF('Standard Profiles'!$G$20=$B$17,14,0)+IF('Standard Profiles'!$G$20=$B$24,21,0),MOD($C2612,24)+1)/SUM(INDEX($D$3:$AA$30,INDEX(Jesper!$R$2:$R$366,ROW(INDEX(Jesper!AJ$2:AJ$366,ROUNDDOWN($C2612/24,0)+1,1))-1)+IF('Standard Profiles'!$G$20=$B$10,7,0)+IF('Standard Profiles'!$G$20=$B$17,14,0)+IF('Standard Profiles'!$G$20=$B$24,21,0),0)),0)</f>
        <v>0</v>
      </c>
      <c r="G2612" cm="1">
        <f t="array" ref="G2612">IFERROR(INDEX(Jesper!AK$2:AK$366,ROUNDDOWN($C2612/24,0)+1,1)*INDEX($D$3:$AA$30,INDEX(Jesper!$R$2:$R$366,ROW(INDEX(Jesper!AK$2:AK$366,ROUNDDOWN($C2612/24,0)+1,1))-1)+IF('Standard Profiles'!$G$21=$B$10,7,0)+IF('Standard Profiles'!$G$21=$B$17,14,0)+IF('Standard Profiles'!$G$21=$B$24,21,0),MOD($C2612,24)+1)/SUM(INDEX($D$3:$AA$30,INDEX(Jesper!$R$2:$R$366,ROW(INDEX(Jesper!AK$2:AK$366,ROUNDDOWN($C2612/24,0)+1,1))-1)+IF('Standard Profiles'!$G$21=$B$10,7,0)+IF('Standard Profiles'!$G$21=$B$17,14,0)+IF('Standard Profiles'!$G$21=$B$24,21,0),0)),0)</f>
        <v>0</v>
      </c>
      <c r="H2612" cm="1">
        <f t="array" ref="H2612">IFERROR(INDEX(Jesper!AL$2:AL$366,ROUNDDOWN($C2612/24,0)+1,1)*INDEX($D$3:$AA$30,INDEX(Jesper!$R$2:$R$366,ROW(INDEX(Jesper!AL$2:AL$366,ROUNDDOWN($C2612/24,0)+1,1))-1)+IF('Standard Profiles'!$G$22=$B$10,7,0)+IF('Standard Profiles'!$G$22=$B$17,14,0)+IF('Standard Profiles'!$G$22=$B$24,21,0),MOD($C2612,24)+1)/SUM(INDEX($D$3:$AA$30,INDEX(Jesper!$R$2:$R$366,ROW(INDEX(Jesper!AL$2:AL$366,ROUNDDOWN($C2612/24,0)+1,1))-1)+IF('Standard Profiles'!$G$22=$B$10,7,0)+IF('Standard Profiles'!$G$22=$B$17,14,0)+IF('Standard Profiles'!$G$22=$B$24,21,0),0)),0)</f>
        <v>0</v>
      </c>
      <c r="I2612">
        <f t="shared" si="300"/>
        <v>0.37715276912928597</v>
      </c>
      <c r="J2612">
        <f t="shared" si="301"/>
        <v>1.2571758970976201</v>
      </c>
      <c r="K2612">
        <f t="shared" si="302"/>
        <v>1.8857638456464298</v>
      </c>
      <c r="L2612">
        <f t="shared" si="303"/>
        <v>9.0516664591028633</v>
      </c>
      <c r="M2612">
        <f t="shared" si="304"/>
        <v>0</v>
      </c>
      <c r="N2612" s="46">
        <f t="shared" si="305"/>
        <v>45399.416666660414</v>
      </c>
    </row>
    <row r="2613" spans="2:14" x14ac:dyDescent="0.3">
      <c r="B2613">
        <f t="shared" si="299"/>
        <v>3</v>
      </c>
      <c r="C2613" s="16">
        <v>2579</v>
      </c>
      <c r="D2613" cm="1">
        <f t="array" ref="D2613">IFERROR(INDEX(Jesper!AH$2:AH$366,ROUNDDOWN($C2613/24,0)+1,1)*INDEX($D$3:$AA$30,INDEX(Jesper!$R$2:$R$366,ROW(INDEX(Jesper!AH$2:AH$366,ROUNDDOWN($C2613/24,0)+1,1))-1)+IF('Standard Profiles'!$G$18=$B$10,7,0)+IF('Standard Profiles'!$G$18=$B$17,14,0)+IF('Standard Profiles'!$G$18=$B$24,21,0),MOD($C2613,24)+1)/SUM(INDEX($D$3:$AA$30,INDEX(Jesper!$R$2:$R$366,ROW(INDEX(Jesper!AH$2:AH$366,ROUNDDOWN($C2613/24,0)+1,1))-1)+IF('Standard Profiles'!$G$18=$B$10,7,0)+IF('Standard Profiles'!$G$18=$B$17,14,0)+IF('Standard Profiles'!$G$18=$B$24,21,0),0)),0)</f>
        <v>14.505875735741768</v>
      </c>
      <c r="E2613" cm="1">
        <f t="array" ref="E2613">IFERROR(INDEX(Jesper!AI$2:AI$366,ROUNDDOWN($C2613/24,0)+1,1)*INDEX($D$3:$AA$30,INDEX(Jesper!$R$2:$R$366,ROW(INDEX(Jesper!AI$2:AI$366,ROUNDDOWN($C2613/24,0)+1,1))-1)+IF('Standard Profiles'!$G$19=$B$10,7,0)+IF('Standard Profiles'!$G$19=$B$17,14,0)+IF('Standard Profiles'!$G$19=$B$24,21,0),MOD($C2613,24)+1)/SUM(INDEX($D$3:$AA$30,INDEX(Jesper!$R$2:$R$366,ROW(INDEX(Jesper!AI$2:AI$366,ROUNDDOWN($C2613/24,0)+1,1))-1)+IF('Standard Profiles'!$G$19=$B$10,7,0)+IF('Standard Profiles'!$G$19=$B$17,14,0)+IF('Standard Profiles'!$G$19=$B$24,21,0),0)),0)</f>
        <v>0</v>
      </c>
      <c r="F2613" cm="1">
        <f t="array" ref="F2613">IFERROR(INDEX(Jesper!AJ$2:AJ$366,ROUNDDOWN($C2613/24,0)+1,1)*INDEX($D$3:$AA$30,INDEX(Jesper!$R$2:$R$366,ROW(INDEX(Jesper!AJ$2:AJ$366,ROUNDDOWN($C2613/24,0)+1,1))-1)+IF('Standard Profiles'!$G$20=$B$10,7,0)+IF('Standard Profiles'!$G$20=$B$17,14,0)+IF('Standard Profiles'!$G$20=$B$24,21,0),MOD($C2613,24)+1)/SUM(INDEX($D$3:$AA$30,INDEX(Jesper!$R$2:$R$366,ROW(INDEX(Jesper!AJ$2:AJ$366,ROUNDDOWN($C2613/24,0)+1,1))-1)+IF('Standard Profiles'!$G$20=$B$10,7,0)+IF('Standard Profiles'!$G$20=$B$17,14,0)+IF('Standard Profiles'!$G$20=$B$24,21,0),0)),0)</f>
        <v>0</v>
      </c>
      <c r="G2613" cm="1">
        <f t="array" ref="G2613">IFERROR(INDEX(Jesper!AK$2:AK$366,ROUNDDOWN($C2613/24,0)+1,1)*INDEX($D$3:$AA$30,INDEX(Jesper!$R$2:$R$366,ROW(INDEX(Jesper!AK$2:AK$366,ROUNDDOWN($C2613/24,0)+1,1))-1)+IF('Standard Profiles'!$G$21=$B$10,7,0)+IF('Standard Profiles'!$G$21=$B$17,14,0)+IF('Standard Profiles'!$G$21=$B$24,21,0),MOD($C2613,24)+1)/SUM(INDEX($D$3:$AA$30,INDEX(Jesper!$R$2:$R$366,ROW(INDEX(Jesper!AK$2:AK$366,ROUNDDOWN($C2613/24,0)+1,1))-1)+IF('Standard Profiles'!$G$21=$B$10,7,0)+IF('Standard Profiles'!$G$21=$B$17,14,0)+IF('Standard Profiles'!$G$21=$B$24,21,0),0)),0)</f>
        <v>0</v>
      </c>
      <c r="H2613" cm="1">
        <f t="array" ref="H2613">IFERROR(INDEX(Jesper!AL$2:AL$366,ROUNDDOWN($C2613/24,0)+1,1)*INDEX($D$3:$AA$30,INDEX(Jesper!$R$2:$R$366,ROW(INDEX(Jesper!AL$2:AL$366,ROUNDDOWN($C2613/24,0)+1,1))-1)+IF('Standard Profiles'!$G$22=$B$10,7,0)+IF('Standard Profiles'!$G$22=$B$17,14,0)+IF('Standard Profiles'!$G$22=$B$24,21,0),MOD($C2613,24)+1)/SUM(INDEX($D$3:$AA$30,INDEX(Jesper!$R$2:$R$366,ROW(INDEX(Jesper!AL$2:AL$366,ROUNDDOWN($C2613/24,0)+1,1))-1)+IF('Standard Profiles'!$G$22=$B$10,7,0)+IF('Standard Profiles'!$G$22=$B$17,14,0)+IF('Standard Profiles'!$G$22=$B$24,21,0),0)),0)</f>
        <v>0</v>
      </c>
      <c r="I2613">
        <f t="shared" si="300"/>
        <v>0.43517627207225301</v>
      </c>
      <c r="J2613">
        <f t="shared" si="301"/>
        <v>1.4505875735741769</v>
      </c>
      <c r="K2613">
        <f t="shared" si="302"/>
        <v>2.1758813603612652</v>
      </c>
      <c r="L2613">
        <f t="shared" si="303"/>
        <v>10.444230529734073</v>
      </c>
      <c r="M2613">
        <f t="shared" si="304"/>
        <v>0</v>
      </c>
      <c r="N2613" s="46">
        <f t="shared" si="305"/>
        <v>45399.458333327078</v>
      </c>
    </row>
    <row r="2614" spans="2:14" x14ac:dyDescent="0.3">
      <c r="B2614">
        <f t="shared" si="299"/>
        <v>3</v>
      </c>
      <c r="C2614" s="16">
        <v>2580</v>
      </c>
      <c r="D2614" cm="1">
        <f t="array" ref="D2614">IFERROR(INDEX(Jesper!AH$2:AH$366,ROUNDDOWN($C2614/24,0)+1,1)*INDEX($D$3:$AA$30,INDEX(Jesper!$R$2:$R$366,ROW(INDEX(Jesper!AH$2:AH$366,ROUNDDOWN($C2614/24,0)+1,1))-1)+IF('Standard Profiles'!$G$18=$B$10,7,0)+IF('Standard Profiles'!$G$18=$B$17,14,0)+IF('Standard Profiles'!$G$18=$B$24,21,0),MOD($C2614,24)+1)/SUM(INDEX($D$3:$AA$30,INDEX(Jesper!$R$2:$R$366,ROW(INDEX(Jesper!AH$2:AH$366,ROUNDDOWN($C2614/24,0)+1,1))-1)+IF('Standard Profiles'!$G$18=$B$10,7,0)+IF('Standard Profiles'!$G$18=$B$17,14,0)+IF('Standard Profiles'!$G$18=$B$24,21,0),0)),0)</f>
        <v>14.505875735741768</v>
      </c>
      <c r="E2614" cm="1">
        <f t="array" ref="E2614">IFERROR(INDEX(Jesper!AI$2:AI$366,ROUNDDOWN($C2614/24,0)+1,1)*INDEX($D$3:$AA$30,INDEX(Jesper!$R$2:$R$366,ROW(INDEX(Jesper!AI$2:AI$366,ROUNDDOWN($C2614/24,0)+1,1))-1)+IF('Standard Profiles'!$G$19=$B$10,7,0)+IF('Standard Profiles'!$G$19=$B$17,14,0)+IF('Standard Profiles'!$G$19=$B$24,21,0),MOD($C2614,24)+1)/SUM(INDEX($D$3:$AA$30,INDEX(Jesper!$R$2:$R$366,ROW(INDEX(Jesper!AI$2:AI$366,ROUNDDOWN($C2614/24,0)+1,1))-1)+IF('Standard Profiles'!$G$19=$B$10,7,0)+IF('Standard Profiles'!$G$19=$B$17,14,0)+IF('Standard Profiles'!$G$19=$B$24,21,0),0)),0)</f>
        <v>0</v>
      </c>
      <c r="F2614" cm="1">
        <f t="array" ref="F2614">IFERROR(INDEX(Jesper!AJ$2:AJ$366,ROUNDDOWN($C2614/24,0)+1,1)*INDEX($D$3:$AA$30,INDEX(Jesper!$R$2:$R$366,ROW(INDEX(Jesper!AJ$2:AJ$366,ROUNDDOWN($C2614/24,0)+1,1))-1)+IF('Standard Profiles'!$G$20=$B$10,7,0)+IF('Standard Profiles'!$G$20=$B$17,14,0)+IF('Standard Profiles'!$G$20=$B$24,21,0),MOD($C2614,24)+1)/SUM(INDEX($D$3:$AA$30,INDEX(Jesper!$R$2:$R$366,ROW(INDEX(Jesper!AJ$2:AJ$366,ROUNDDOWN($C2614/24,0)+1,1))-1)+IF('Standard Profiles'!$G$20=$B$10,7,0)+IF('Standard Profiles'!$G$20=$B$17,14,0)+IF('Standard Profiles'!$G$20=$B$24,21,0),0)),0)</f>
        <v>0</v>
      </c>
      <c r="G2614" cm="1">
        <f t="array" ref="G2614">IFERROR(INDEX(Jesper!AK$2:AK$366,ROUNDDOWN($C2614/24,0)+1,1)*INDEX($D$3:$AA$30,INDEX(Jesper!$R$2:$R$366,ROW(INDEX(Jesper!AK$2:AK$366,ROUNDDOWN($C2614/24,0)+1,1))-1)+IF('Standard Profiles'!$G$21=$B$10,7,0)+IF('Standard Profiles'!$G$21=$B$17,14,0)+IF('Standard Profiles'!$G$21=$B$24,21,0),MOD($C2614,24)+1)/SUM(INDEX($D$3:$AA$30,INDEX(Jesper!$R$2:$R$366,ROW(INDEX(Jesper!AK$2:AK$366,ROUNDDOWN($C2614/24,0)+1,1))-1)+IF('Standard Profiles'!$G$21=$B$10,7,0)+IF('Standard Profiles'!$G$21=$B$17,14,0)+IF('Standard Profiles'!$G$21=$B$24,21,0),0)),0)</f>
        <v>0</v>
      </c>
      <c r="H2614" cm="1">
        <f t="array" ref="H2614">IFERROR(INDEX(Jesper!AL$2:AL$366,ROUNDDOWN($C2614/24,0)+1,1)*INDEX($D$3:$AA$30,INDEX(Jesper!$R$2:$R$366,ROW(INDEX(Jesper!AL$2:AL$366,ROUNDDOWN($C2614/24,0)+1,1))-1)+IF('Standard Profiles'!$G$22=$B$10,7,0)+IF('Standard Profiles'!$G$22=$B$17,14,0)+IF('Standard Profiles'!$G$22=$B$24,21,0),MOD($C2614,24)+1)/SUM(INDEX($D$3:$AA$30,INDEX(Jesper!$R$2:$R$366,ROW(INDEX(Jesper!AL$2:AL$366,ROUNDDOWN($C2614/24,0)+1,1))-1)+IF('Standard Profiles'!$G$22=$B$10,7,0)+IF('Standard Profiles'!$G$22=$B$17,14,0)+IF('Standard Profiles'!$G$22=$B$24,21,0),0)),0)</f>
        <v>0</v>
      </c>
      <c r="I2614">
        <f t="shared" si="300"/>
        <v>0.43517627207225301</v>
      </c>
      <c r="J2614">
        <f t="shared" si="301"/>
        <v>1.4505875735741769</v>
      </c>
      <c r="K2614">
        <f t="shared" si="302"/>
        <v>2.1758813603612652</v>
      </c>
      <c r="L2614">
        <f t="shared" si="303"/>
        <v>10.444230529734073</v>
      </c>
      <c r="M2614">
        <f t="shared" si="304"/>
        <v>0</v>
      </c>
      <c r="N2614" s="46">
        <f t="shared" si="305"/>
        <v>45399.499999993743</v>
      </c>
    </row>
    <row r="2615" spans="2:14" x14ac:dyDescent="0.3">
      <c r="B2615">
        <f t="shared" si="299"/>
        <v>3</v>
      </c>
      <c r="C2615" s="16">
        <v>2581</v>
      </c>
      <c r="D2615" cm="1">
        <f t="array" ref="D2615">IFERROR(INDEX(Jesper!AH$2:AH$366,ROUNDDOWN($C2615/24,0)+1,1)*INDEX($D$3:$AA$30,INDEX(Jesper!$R$2:$R$366,ROW(INDEX(Jesper!AH$2:AH$366,ROUNDDOWN($C2615/24,0)+1,1))-1)+IF('Standard Profiles'!$G$18=$B$10,7,0)+IF('Standard Profiles'!$G$18=$B$17,14,0)+IF('Standard Profiles'!$G$18=$B$24,21,0),MOD($C2615,24)+1)/SUM(INDEX($D$3:$AA$30,INDEX(Jesper!$R$2:$R$366,ROW(INDEX(Jesper!AH$2:AH$366,ROUNDDOWN($C2615/24,0)+1,1))-1)+IF('Standard Profiles'!$G$18=$B$10,7,0)+IF('Standard Profiles'!$G$18=$B$17,14,0)+IF('Standard Profiles'!$G$18=$B$24,21,0),0)),0)</f>
        <v>14.505875735741768</v>
      </c>
      <c r="E2615" cm="1">
        <f t="array" ref="E2615">IFERROR(INDEX(Jesper!AI$2:AI$366,ROUNDDOWN($C2615/24,0)+1,1)*INDEX($D$3:$AA$30,INDEX(Jesper!$R$2:$R$366,ROW(INDEX(Jesper!AI$2:AI$366,ROUNDDOWN($C2615/24,0)+1,1))-1)+IF('Standard Profiles'!$G$19=$B$10,7,0)+IF('Standard Profiles'!$G$19=$B$17,14,0)+IF('Standard Profiles'!$G$19=$B$24,21,0),MOD($C2615,24)+1)/SUM(INDEX($D$3:$AA$30,INDEX(Jesper!$R$2:$R$366,ROW(INDEX(Jesper!AI$2:AI$366,ROUNDDOWN($C2615/24,0)+1,1))-1)+IF('Standard Profiles'!$G$19=$B$10,7,0)+IF('Standard Profiles'!$G$19=$B$17,14,0)+IF('Standard Profiles'!$G$19=$B$24,21,0),0)),0)</f>
        <v>0</v>
      </c>
      <c r="F2615" cm="1">
        <f t="array" ref="F2615">IFERROR(INDEX(Jesper!AJ$2:AJ$366,ROUNDDOWN($C2615/24,0)+1,1)*INDEX($D$3:$AA$30,INDEX(Jesper!$R$2:$R$366,ROW(INDEX(Jesper!AJ$2:AJ$366,ROUNDDOWN($C2615/24,0)+1,1))-1)+IF('Standard Profiles'!$G$20=$B$10,7,0)+IF('Standard Profiles'!$G$20=$B$17,14,0)+IF('Standard Profiles'!$G$20=$B$24,21,0),MOD($C2615,24)+1)/SUM(INDEX($D$3:$AA$30,INDEX(Jesper!$R$2:$R$366,ROW(INDEX(Jesper!AJ$2:AJ$366,ROUNDDOWN($C2615/24,0)+1,1))-1)+IF('Standard Profiles'!$G$20=$B$10,7,0)+IF('Standard Profiles'!$G$20=$B$17,14,0)+IF('Standard Profiles'!$G$20=$B$24,21,0),0)),0)</f>
        <v>0</v>
      </c>
      <c r="G2615" cm="1">
        <f t="array" ref="G2615">IFERROR(INDEX(Jesper!AK$2:AK$366,ROUNDDOWN($C2615/24,0)+1,1)*INDEX($D$3:$AA$30,INDEX(Jesper!$R$2:$R$366,ROW(INDEX(Jesper!AK$2:AK$366,ROUNDDOWN($C2615/24,0)+1,1))-1)+IF('Standard Profiles'!$G$21=$B$10,7,0)+IF('Standard Profiles'!$G$21=$B$17,14,0)+IF('Standard Profiles'!$G$21=$B$24,21,0),MOD($C2615,24)+1)/SUM(INDEX($D$3:$AA$30,INDEX(Jesper!$R$2:$R$366,ROW(INDEX(Jesper!AK$2:AK$366,ROUNDDOWN($C2615/24,0)+1,1))-1)+IF('Standard Profiles'!$G$21=$B$10,7,0)+IF('Standard Profiles'!$G$21=$B$17,14,0)+IF('Standard Profiles'!$G$21=$B$24,21,0),0)),0)</f>
        <v>0</v>
      </c>
      <c r="H2615" cm="1">
        <f t="array" ref="H2615">IFERROR(INDEX(Jesper!AL$2:AL$366,ROUNDDOWN($C2615/24,0)+1,1)*INDEX($D$3:$AA$30,INDEX(Jesper!$R$2:$R$366,ROW(INDEX(Jesper!AL$2:AL$366,ROUNDDOWN($C2615/24,0)+1,1))-1)+IF('Standard Profiles'!$G$22=$B$10,7,0)+IF('Standard Profiles'!$G$22=$B$17,14,0)+IF('Standard Profiles'!$G$22=$B$24,21,0),MOD($C2615,24)+1)/SUM(INDEX($D$3:$AA$30,INDEX(Jesper!$R$2:$R$366,ROW(INDEX(Jesper!AL$2:AL$366,ROUNDDOWN($C2615/24,0)+1,1))-1)+IF('Standard Profiles'!$G$22=$B$10,7,0)+IF('Standard Profiles'!$G$22=$B$17,14,0)+IF('Standard Profiles'!$G$22=$B$24,21,0),0)),0)</f>
        <v>0</v>
      </c>
      <c r="I2615">
        <f t="shared" si="300"/>
        <v>0.43517627207225301</v>
      </c>
      <c r="J2615">
        <f t="shared" si="301"/>
        <v>1.4505875735741769</v>
      </c>
      <c r="K2615">
        <f t="shared" si="302"/>
        <v>2.1758813603612652</v>
      </c>
      <c r="L2615">
        <f t="shared" si="303"/>
        <v>10.444230529734073</v>
      </c>
      <c r="M2615">
        <f t="shared" si="304"/>
        <v>0</v>
      </c>
      <c r="N2615" s="46">
        <f t="shared" si="305"/>
        <v>45399.541666660407</v>
      </c>
    </row>
    <row r="2616" spans="2:14" x14ac:dyDescent="0.3">
      <c r="B2616">
        <f t="shared" si="299"/>
        <v>3</v>
      </c>
      <c r="C2616" s="16">
        <v>2582</v>
      </c>
      <c r="D2616" cm="1">
        <f t="array" ref="D2616">IFERROR(INDEX(Jesper!AH$2:AH$366,ROUNDDOWN($C2616/24,0)+1,1)*INDEX($D$3:$AA$30,INDEX(Jesper!$R$2:$R$366,ROW(INDEX(Jesper!AH$2:AH$366,ROUNDDOWN($C2616/24,0)+1,1))-1)+IF('Standard Profiles'!$G$18=$B$10,7,0)+IF('Standard Profiles'!$G$18=$B$17,14,0)+IF('Standard Profiles'!$G$18=$B$24,21,0),MOD($C2616,24)+1)/SUM(INDEX($D$3:$AA$30,INDEX(Jesper!$R$2:$R$366,ROW(INDEX(Jesper!AH$2:AH$366,ROUNDDOWN($C2616/24,0)+1,1))-1)+IF('Standard Profiles'!$G$18=$B$10,7,0)+IF('Standard Profiles'!$G$18=$B$17,14,0)+IF('Standard Profiles'!$G$18=$B$24,21,0),0)),0)</f>
        <v>14.505875735741768</v>
      </c>
      <c r="E2616" cm="1">
        <f t="array" ref="E2616">IFERROR(INDEX(Jesper!AI$2:AI$366,ROUNDDOWN($C2616/24,0)+1,1)*INDEX($D$3:$AA$30,INDEX(Jesper!$R$2:$R$366,ROW(INDEX(Jesper!AI$2:AI$366,ROUNDDOWN($C2616/24,0)+1,1))-1)+IF('Standard Profiles'!$G$19=$B$10,7,0)+IF('Standard Profiles'!$G$19=$B$17,14,0)+IF('Standard Profiles'!$G$19=$B$24,21,0),MOD($C2616,24)+1)/SUM(INDEX($D$3:$AA$30,INDEX(Jesper!$R$2:$R$366,ROW(INDEX(Jesper!AI$2:AI$366,ROUNDDOWN($C2616/24,0)+1,1))-1)+IF('Standard Profiles'!$G$19=$B$10,7,0)+IF('Standard Profiles'!$G$19=$B$17,14,0)+IF('Standard Profiles'!$G$19=$B$24,21,0),0)),0)</f>
        <v>0</v>
      </c>
      <c r="F2616" cm="1">
        <f t="array" ref="F2616">IFERROR(INDEX(Jesper!AJ$2:AJ$366,ROUNDDOWN($C2616/24,0)+1,1)*INDEX($D$3:$AA$30,INDEX(Jesper!$R$2:$R$366,ROW(INDEX(Jesper!AJ$2:AJ$366,ROUNDDOWN($C2616/24,0)+1,1))-1)+IF('Standard Profiles'!$G$20=$B$10,7,0)+IF('Standard Profiles'!$G$20=$B$17,14,0)+IF('Standard Profiles'!$G$20=$B$24,21,0),MOD($C2616,24)+1)/SUM(INDEX($D$3:$AA$30,INDEX(Jesper!$R$2:$R$366,ROW(INDEX(Jesper!AJ$2:AJ$366,ROUNDDOWN($C2616/24,0)+1,1))-1)+IF('Standard Profiles'!$G$20=$B$10,7,0)+IF('Standard Profiles'!$G$20=$B$17,14,0)+IF('Standard Profiles'!$G$20=$B$24,21,0),0)),0)</f>
        <v>0</v>
      </c>
      <c r="G2616" cm="1">
        <f t="array" ref="G2616">IFERROR(INDEX(Jesper!AK$2:AK$366,ROUNDDOWN($C2616/24,0)+1,1)*INDEX($D$3:$AA$30,INDEX(Jesper!$R$2:$R$366,ROW(INDEX(Jesper!AK$2:AK$366,ROUNDDOWN($C2616/24,0)+1,1))-1)+IF('Standard Profiles'!$G$21=$B$10,7,0)+IF('Standard Profiles'!$G$21=$B$17,14,0)+IF('Standard Profiles'!$G$21=$B$24,21,0),MOD($C2616,24)+1)/SUM(INDEX($D$3:$AA$30,INDEX(Jesper!$R$2:$R$366,ROW(INDEX(Jesper!AK$2:AK$366,ROUNDDOWN($C2616/24,0)+1,1))-1)+IF('Standard Profiles'!$G$21=$B$10,7,0)+IF('Standard Profiles'!$G$21=$B$17,14,0)+IF('Standard Profiles'!$G$21=$B$24,21,0),0)),0)</f>
        <v>0</v>
      </c>
      <c r="H2616" cm="1">
        <f t="array" ref="H2616">IFERROR(INDEX(Jesper!AL$2:AL$366,ROUNDDOWN($C2616/24,0)+1,1)*INDEX($D$3:$AA$30,INDEX(Jesper!$R$2:$R$366,ROW(INDEX(Jesper!AL$2:AL$366,ROUNDDOWN($C2616/24,0)+1,1))-1)+IF('Standard Profiles'!$G$22=$B$10,7,0)+IF('Standard Profiles'!$G$22=$B$17,14,0)+IF('Standard Profiles'!$G$22=$B$24,21,0),MOD($C2616,24)+1)/SUM(INDEX($D$3:$AA$30,INDEX(Jesper!$R$2:$R$366,ROW(INDEX(Jesper!AL$2:AL$366,ROUNDDOWN($C2616/24,0)+1,1))-1)+IF('Standard Profiles'!$G$22=$B$10,7,0)+IF('Standard Profiles'!$G$22=$B$17,14,0)+IF('Standard Profiles'!$G$22=$B$24,21,0),0)),0)</f>
        <v>0</v>
      </c>
      <c r="I2616">
        <f t="shared" si="300"/>
        <v>0.43517627207225301</v>
      </c>
      <c r="J2616">
        <f t="shared" si="301"/>
        <v>1.4505875735741769</v>
      </c>
      <c r="K2616">
        <f t="shared" si="302"/>
        <v>2.1758813603612652</v>
      </c>
      <c r="L2616">
        <f t="shared" si="303"/>
        <v>10.444230529734073</v>
      </c>
      <c r="M2616">
        <f t="shared" si="304"/>
        <v>0</v>
      </c>
      <c r="N2616" s="46">
        <f t="shared" si="305"/>
        <v>45399.583333327071</v>
      </c>
    </row>
    <row r="2617" spans="2:14" x14ac:dyDescent="0.3">
      <c r="B2617">
        <f t="shared" si="299"/>
        <v>3</v>
      </c>
      <c r="C2617" s="16">
        <v>2583</v>
      </c>
      <c r="D2617" cm="1">
        <f t="array" ref="D2617">IFERROR(INDEX(Jesper!AH$2:AH$366,ROUNDDOWN($C2617/24,0)+1,1)*INDEX($D$3:$AA$30,INDEX(Jesper!$R$2:$R$366,ROW(INDEX(Jesper!AH$2:AH$366,ROUNDDOWN($C2617/24,0)+1,1))-1)+IF('Standard Profiles'!$G$18=$B$10,7,0)+IF('Standard Profiles'!$G$18=$B$17,14,0)+IF('Standard Profiles'!$G$18=$B$24,21,0),MOD($C2617,24)+1)/SUM(INDEX($D$3:$AA$30,INDEX(Jesper!$R$2:$R$366,ROW(INDEX(Jesper!AH$2:AH$366,ROUNDDOWN($C2617/24,0)+1,1))-1)+IF('Standard Profiles'!$G$18=$B$10,7,0)+IF('Standard Profiles'!$G$18=$B$17,14,0)+IF('Standard Profiles'!$G$18=$B$24,21,0),0)),0)</f>
        <v>14.505875735741768</v>
      </c>
      <c r="E2617" cm="1">
        <f t="array" ref="E2617">IFERROR(INDEX(Jesper!AI$2:AI$366,ROUNDDOWN($C2617/24,0)+1,1)*INDEX($D$3:$AA$30,INDEX(Jesper!$R$2:$R$366,ROW(INDEX(Jesper!AI$2:AI$366,ROUNDDOWN($C2617/24,0)+1,1))-1)+IF('Standard Profiles'!$G$19=$B$10,7,0)+IF('Standard Profiles'!$G$19=$B$17,14,0)+IF('Standard Profiles'!$G$19=$B$24,21,0),MOD($C2617,24)+1)/SUM(INDEX($D$3:$AA$30,INDEX(Jesper!$R$2:$R$366,ROW(INDEX(Jesper!AI$2:AI$366,ROUNDDOWN($C2617/24,0)+1,1))-1)+IF('Standard Profiles'!$G$19=$B$10,7,0)+IF('Standard Profiles'!$G$19=$B$17,14,0)+IF('Standard Profiles'!$G$19=$B$24,21,0),0)),0)</f>
        <v>0</v>
      </c>
      <c r="F2617" cm="1">
        <f t="array" ref="F2617">IFERROR(INDEX(Jesper!AJ$2:AJ$366,ROUNDDOWN($C2617/24,0)+1,1)*INDEX($D$3:$AA$30,INDEX(Jesper!$R$2:$R$366,ROW(INDEX(Jesper!AJ$2:AJ$366,ROUNDDOWN($C2617/24,0)+1,1))-1)+IF('Standard Profiles'!$G$20=$B$10,7,0)+IF('Standard Profiles'!$G$20=$B$17,14,0)+IF('Standard Profiles'!$G$20=$B$24,21,0),MOD($C2617,24)+1)/SUM(INDEX($D$3:$AA$30,INDEX(Jesper!$R$2:$R$366,ROW(INDEX(Jesper!AJ$2:AJ$366,ROUNDDOWN($C2617/24,0)+1,1))-1)+IF('Standard Profiles'!$G$20=$B$10,7,0)+IF('Standard Profiles'!$G$20=$B$17,14,0)+IF('Standard Profiles'!$G$20=$B$24,21,0),0)),0)</f>
        <v>0</v>
      </c>
      <c r="G2617" cm="1">
        <f t="array" ref="G2617">IFERROR(INDEX(Jesper!AK$2:AK$366,ROUNDDOWN($C2617/24,0)+1,1)*INDEX($D$3:$AA$30,INDEX(Jesper!$R$2:$R$366,ROW(INDEX(Jesper!AK$2:AK$366,ROUNDDOWN($C2617/24,0)+1,1))-1)+IF('Standard Profiles'!$G$21=$B$10,7,0)+IF('Standard Profiles'!$G$21=$B$17,14,0)+IF('Standard Profiles'!$G$21=$B$24,21,0),MOD($C2617,24)+1)/SUM(INDEX($D$3:$AA$30,INDEX(Jesper!$R$2:$R$366,ROW(INDEX(Jesper!AK$2:AK$366,ROUNDDOWN($C2617/24,0)+1,1))-1)+IF('Standard Profiles'!$G$21=$B$10,7,0)+IF('Standard Profiles'!$G$21=$B$17,14,0)+IF('Standard Profiles'!$G$21=$B$24,21,0),0)),0)</f>
        <v>0</v>
      </c>
      <c r="H2617" cm="1">
        <f t="array" ref="H2617">IFERROR(INDEX(Jesper!AL$2:AL$366,ROUNDDOWN($C2617/24,0)+1,1)*INDEX($D$3:$AA$30,INDEX(Jesper!$R$2:$R$366,ROW(INDEX(Jesper!AL$2:AL$366,ROUNDDOWN($C2617/24,0)+1,1))-1)+IF('Standard Profiles'!$G$22=$B$10,7,0)+IF('Standard Profiles'!$G$22=$B$17,14,0)+IF('Standard Profiles'!$G$22=$B$24,21,0),MOD($C2617,24)+1)/SUM(INDEX($D$3:$AA$30,INDEX(Jesper!$R$2:$R$366,ROW(INDEX(Jesper!AL$2:AL$366,ROUNDDOWN($C2617/24,0)+1,1))-1)+IF('Standard Profiles'!$G$22=$B$10,7,0)+IF('Standard Profiles'!$G$22=$B$17,14,0)+IF('Standard Profiles'!$G$22=$B$24,21,0),0)),0)</f>
        <v>0</v>
      </c>
      <c r="I2617">
        <f t="shared" si="300"/>
        <v>0.43517627207225301</v>
      </c>
      <c r="J2617">
        <f t="shared" si="301"/>
        <v>1.4505875735741769</v>
      </c>
      <c r="K2617">
        <f t="shared" si="302"/>
        <v>2.1758813603612652</v>
      </c>
      <c r="L2617">
        <f t="shared" si="303"/>
        <v>10.444230529734073</v>
      </c>
      <c r="M2617">
        <f t="shared" si="304"/>
        <v>0</v>
      </c>
      <c r="N2617" s="46">
        <f t="shared" si="305"/>
        <v>45399.624999993735</v>
      </c>
    </row>
    <row r="2618" spans="2:14" x14ac:dyDescent="0.3">
      <c r="B2618">
        <f t="shared" si="299"/>
        <v>3</v>
      </c>
      <c r="C2618" s="16">
        <v>2584</v>
      </c>
      <c r="D2618" cm="1">
        <f t="array" ref="D2618">IFERROR(INDEX(Jesper!AH$2:AH$366,ROUNDDOWN($C2618/24,0)+1,1)*INDEX($D$3:$AA$30,INDEX(Jesper!$R$2:$R$366,ROW(INDEX(Jesper!AH$2:AH$366,ROUNDDOWN($C2618/24,0)+1,1))-1)+IF('Standard Profiles'!$G$18=$B$10,7,0)+IF('Standard Profiles'!$G$18=$B$17,14,0)+IF('Standard Profiles'!$G$18=$B$24,21,0),MOD($C2618,24)+1)/SUM(INDEX($D$3:$AA$30,INDEX(Jesper!$R$2:$R$366,ROW(INDEX(Jesper!AH$2:AH$366,ROUNDDOWN($C2618/24,0)+1,1))-1)+IF('Standard Profiles'!$G$18=$B$10,7,0)+IF('Standard Profiles'!$G$18=$B$17,14,0)+IF('Standard Profiles'!$G$18=$B$24,21,0),0)),0)</f>
        <v>14.505875735741768</v>
      </c>
      <c r="E2618" cm="1">
        <f t="array" ref="E2618">IFERROR(INDEX(Jesper!AI$2:AI$366,ROUNDDOWN($C2618/24,0)+1,1)*INDEX($D$3:$AA$30,INDEX(Jesper!$R$2:$R$366,ROW(INDEX(Jesper!AI$2:AI$366,ROUNDDOWN($C2618/24,0)+1,1))-1)+IF('Standard Profiles'!$G$19=$B$10,7,0)+IF('Standard Profiles'!$G$19=$B$17,14,0)+IF('Standard Profiles'!$G$19=$B$24,21,0),MOD($C2618,24)+1)/SUM(INDEX($D$3:$AA$30,INDEX(Jesper!$R$2:$R$366,ROW(INDEX(Jesper!AI$2:AI$366,ROUNDDOWN($C2618/24,0)+1,1))-1)+IF('Standard Profiles'!$G$19=$B$10,7,0)+IF('Standard Profiles'!$G$19=$B$17,14,0)+IF('Standard Profiles'!$G$19=$B$24,21,0),0)),0)</f>
        <v>0</v>
      </c>
      <c r="F2618" cm="1">
        <f t="array" ref="F2618">IFERROR(INDEX(Jesper!AJ$2:AJ$366,ROUNDDOWN($C2618/24,0)+1,1)*INDEX($D$3:$AA$30,INDEX(Jesper!$R$2:$R$366,ROW(INDEX(Jesper!AJ$2:AJ$366,ROUNDDOWN($C2618/24,0)+1,1))-1)+IF('Standard Profiles'!$G$20=$B$10,7,0)+IF('Standard Profiles'!$G$20=$B$17,14,0)+IF('Standard Profiles'!$G$20=$B$24,21,0),MOD($C2618,24)+1)/SUM(INDEX($D$3:$AA$30,INDEX(Jesper!$R$2:$R$366,ROW(INDEX(Jesper!AJ$2:AJ$366,ROUNDDOWN($C2618/24,0)+1,1))-1)+IF('Standard Profiles'!$G$20=$B$10,7,0)+IF('Standard Profiles'!$G$20=$B$17,14,0)+IF('Standard Profiles'!$G$20=$B$24,21,0),0)),0)</f>
        <v>0</v>
      </c>
      <c r="G2618" cm="1">
        <f t="array" ref="G2618">IFERROR(INDEX(Jesper!AK$2:AK$366,ROUNDDOWN($C2618/24,0)+1,1)*INDEX($D$3:$AA$30,INDEX(Jesper!$R$2:$R$366,ROW(INDEX(Jesper!AK$2:AK$366,ROUNDDOWN($C2618/24,0)+1,1))-1)+IF('Standard Profiles'!$G$21=$B$10,7,0)+IF('Standard Profiles'!$G$21=$B$17,14,0)+IF('Standard Profiles'!$G$21=$B$24,21,0),MOD($C2618,24)+1)/SUM(INDEX($D$3:$AA$30,INDEX(Jesper!$R$2:$R$366,ROW(INDEX(Jesper!AK$2:AK$366,ROUNDDOWN($C2618/24,0)+1,1))-1)+IF('Standard Profiles'!$G$21=$B$10,7,0)+IF('Standard Profiles'!$G$21=$B$17,14,0)+IF('Standard Profiles'!$G$21=$B$24,21,0),0)),0)</f>
        <v>0</v>
      </c>
      <c r="H2618" cm="1">
        <f t="array" ref="H2618">IFERROR(INDEX(Jesper!AL$2:AL$366,ROUNDDOWN($C2618/24,0)+1,1)*INDEX($D$3:$AA$30,INDEX(Jesper!$R$2:$R$366,ROW(INDEX(Jesper!AL$2:AL$366,ROUNDDOWN($C2618/24,0)+1,1))-1)+IF('Standard Profiles'!$G$22=$B$10,7,0)+IF('Standard Profiles'!$G$22=$B$17,14,0)+IF('Standard Profiles'!$G$22=$B$24,21,0),MOD($C2618,24)+1)/SUM(INDEX($D$3:$AA$30,INDEX(Jesper!$R$2:$R$366,ROW(INDEX(Jesper!AL$2:AL$366,ROUNDDOWN($C2618/24,0)+1,1))-1)+IF('Standard Profiles'!$G$22=$B$10,7,0)+IF('Standard Profiles'!$G$22=$B$17,14,0)+IF('Standard Profiles'!$G$22=$B$24,21,0),0)),0)</f>
        <v>0</v>
      </c>
      <c r="I2618">
        <f t="shared" si="300"/>
        <v>0.43517627207225301</v>
      </c>
      <c r="J2618">
        <f t="shared" si="301"/>
        <v>1.4505875735741769</v>
      </c>
      <c r="K2618">
        <f t="shared" si="302"/>
        <v>2.1758813603612652</v>
      </c>
      <c r="L2618">
        <f t="shared" si="303"/>
        <v>10.444230529734073</v>
      </c>
      <c r="M2618">
        <f t="shared" si="304"/>
        <v>0</v>
      </c>
      <c r="N2618" s="46">
        <f t="shared" si="305"/>
        <v>45399.6666666604</v>
      </c>
    </row>
    <row r="2619" spans="2:14" x14ac:dyDescent="0.3">
      <c r="B2619">
        <f t="shared" si="299"/>
        <v>3</v>
      </c>
      <c r="C2619" s="16">
        <v>2585</v>
      </c>
      <c r="D2619" cm="1">
        <f t="array" ref="D2619">IFERROR(INDEX(Jesper!AH$2:AH$366,ROUNDDOWN($C2619/24,0)+1,1)*INDEX($D$3:$AA$30,INDEX(Jesper!$R$2:$R$366,ROW(INDEX(Jesper!AH$2:AH$366,ROUNDDOWN($C2619/24,0)+1,1))-1)+IF('Standard Profiles'!$G$18=$B$10,7,0)+IF('Standard Profiles'!$G$18=$B$17,14,0)+IF('Standard Profiles'!$G$18=$B$24,21,0),MOD($C2619,24)+1)/SUM(INDEX($D$3:$AA$30,INDEX(Jesper!$R$2:$R$366,ROW(INDEX(Jesper!AH$2:AH$366,ROUNDDOWN($C2619/24,0)+1,1))-1)+IF('Standard Profiles'!$G$18=$B$10,7,0)+IF('Standard Profiles'!$G$18=$B$17,14,0)+IF('Standard Profiles'!$G$18=$B$24,21,0),0)),0)</f>
        <v>14.505875735741768</v>
      </c>
      <c r="E2619" cm="1">
        <f t="array" ref="E2619">IFERROR(INDEX(Jesper!AI$2:AI$366,ROUNDDOWN($C2619/24,0)+1,1)*INDEX($D$3:$AA$30,INDEX(Jesper!$R$2:$R$366,ROW(INDEX(Jesper!AI$2:AI$366,ROUNDDOWN($C2619/24,0)+1,1))-1)+IF('Standard Profiles'!$G$19=$B$10,7,0)+IF('Standard Profiles'!$G$19=$B$17,14,0)+IF('Standard Profiles'!$G$19=$B$24,21,0),MOD($C2619,24)+1)/SUM(INDEX($D$3:$AA$30,INDEX(Jesper!$R$2:$R$366,ROW(INDEX(Jesper!AI$2:AI$366,ROUNDDOWN($C2619/24,0)+1,1))-1)+IF('Standard Profiles'!$G$19=$B$10,7,0)+IF('Standard Profiles'!$G$19=$B$17,14,0)+IF('Standard Profiles'!$G$19=$B$24,21,0),0)),0)</f>
        <v>0</v>
      </c>
      <c r="F2619" cm="1">
        <f t="array" ref="F2619">IFERROR(INDEX(Jesper!AJ$2:AJ$366,ROUNDDOWN($C2619/24,0)+1,1)*INDEX($D$3:$AA$30,INDEX(Jesper!$R$2:$R$366,ROW(INDEX(Jesper!AJ$2:AJ$366,ROUNDDOWN($C2619/24,0)+1,1))-1)+IF('Standard Profiles'!$G$20=$B$10,7,0)+IF('Standard Profiles'!$G$20=$B$17,14,0)+IF('Standard Profiles'!$G$20=$B$24,21,0),MOD($C2619,24)+1)/SUM(INDEX($D$3:$AA$30,INDEX(Jesper!$R$2:$R$366,ROW(INDEX(Jesper!AJ$2:AJ$366,ROUNDDOWN($C2619/24,0)+1,1))-1)+IF('Standard Profiles'!$G$20=$B$10,7,0)+IF('Standard Profiles'!$G$20=$B$17,14,0)+IF('Standard Profiles'!$G$20=$B$24,21,0),0)),0)</f>
        <v>0</v>
      </c>
      <c r="G2619" cm="1">
        <f t="array" ref="G2619">IFERROR(INDEX(Jesper!AK$2:AK$366,ROUNDDOWN($C2619/24,0)+1,1)*INDEX($D$3:$AA$30,INDEX(Jesper!$R$2:$R$366,ROW(INDEX(Jesper!AK$2:AK$366,ROUNDDOWN($C2619/24,0)+1,1))-1)+IF('Standard Profiles'!$G$21=$B$10,7,0)+IF('Standard Profiles'!$G$21=$B$17,14,0)+IF('Standard Profiles'!$G$21=$B$24,21,0),MOD($C2619,24)+1)/SUM(INDEX($D$3:$AA$30,INDEX(Jesper!$R$2:$R$366,ROW(INDEX(Jesper!AK$2:AK$366,ROUNDDOWN($C2619/24,0)+1,1))-1)+IF('Standard Profiles'!$G$21=$B$10,7,0)+IF('Standard Profiles'!$G$21=$B$17,14,0)+IF('Standard Profiles'!$G$21=$B$24,21,0),0)),0)</f>
        <v>0</v>
      </c>
      <c r="H2619" cm="1">
        <f t="array" ref="H2619">IFERROR(INDEX(Jesper!AL$2:AL$366,ROUNDDOWN($C2619/24,0)+1,1)*INDEX($D$3:$AA$30,INDEX(Jesper!$R$2:$R$366,ROW(INDEX(Jesper!AL$2:AL$366,ROUNDDOWN($C2619/24,0)+1,1))-1)+IF('Standard Profiles'!$G$22=$B$10,7,0)+IF('Standard Profiles'!$G$22=$B$17,14,0)+IF('Standard Profiles'!$G$22=$B$24,21,0),MOD($C2619,24)+1)/SUM(INDEX($D$3:$AA$30,INDEX(Jesper!$R$2:$R$366,ROW(INDEX(Jesper!AL$2:AL$366,ROUNDDOWN($C2619/24,0)+1,1))-1)+IF('Standard Profiles'!$G$22=$B$10,7,0)+IF('Standard Profiles'!$G$22=$B$17,14,0)+IF('Standard Profiles'!$G$22=$B$24,21,0),0)),0)</f>
        <v>0</v>
      </c>
      <c r="I2619">
        <f t="shared" si="300"/>
        <v>0.43517627207225301</v>
      </c>
      <c r="J2619">
        <f t="shared" si="301"/>
        <v>1.4505875735741769</v>
      </c>
      <c r="K2619">
        <f t="shared" si="302"/>
        <v>2.1758813603612652</v>
      </c>
      <c r="L2619">
        <f t="shared" si="303"/>
        <v>10.444230529734073</v>
      </c>
      <c r="M2619">
        <f t="shared" si="304"/>
        <v>0</v>
      </c>
      <c r="N2619" s="46">
        <f t="shared" si="305"/>
        <v>45399.708333327064</v>
      </c>
    </row>
    <row r="2620" spans="2:14" x14ac:dyDescent="0.3">
      <c r="B2620">
        <f t="shared" si="299"/>
        <v>3</v>
      </c>
      <c r="C2620" s="16">
        <v>2586</v>
      </c>
      <c r="D2620" cm="1">
        <f t="array" ref="D2620">IFERROR(INDEX(Jesper!AH$2:AH$366,ROUNDDOWN($C2620/24,0)+1,1)*INDEX($D$3:$AA$30,INDEX(Jesper!$R$2:$R$366,ROW(INDEX(Jesper!AH$2:AH$366,ROUNDDOWN($C2620/24,0)+1,1))-1)+IF('Standard Profiles'!$G$18=$B$10,7,0)+IF('Standard Profiles'!$G$18=$B$17,14,0)+IF('Standard Profiles'!$G$18=$B$24,21,0),MOD($C2620,24)+1)/SUM(INDEX($D$3:$AA$30,INDEX(Jesper!$R$2:$R$366,ROW(INDEX(Jesper!AH$2:AH$366,ROUNDDOWN($C2620/24,0)+1,1))-1)+IF('Standard Profiles'!$G$18=$B$10,7,0)+IF('Standard Profiles'!$G$18=$B$17,14,0)+IF('Standard Profiles'!$G$18=$B$24,21,0),0)),0)</f>
        <v>14.505875735741768</v>
      </c>
      <c r="E2620" cm="1">
        <f t="array" ref="E2620">IFERROR(INDEX(Jesper!AI$2:AI$366,ROUNDDOWN($C2620/24,0)+1,1)*INDEX($D$3:$AA$30,INDEX(Jesper!$R$2:$R$366,ROW(INDEX(Jesper!AI$2:AI$366,ROUNDDOWN($C2620/24,0)+1,1))-1)+IF('Standard Profiles'!$G$19=$B$10,7,0)+IF('Standard Profiles'!$G$19=$B$17,14,0)+IF('Standard Profiles'!$G$19=$B$24,21,0),MOD($C2620,24)+1)/SUM(INDEX($D$3:$AA$30,INDEX(Jesper!$R$2:$R$366,ROW(INDEX(Jesper!AI$2:AI$366,ROUNDDOWN($C2620/24,0)+1,1))-1)+IF('Standard Profiles'!$G$19=$B$10,7,0)+IF('Standard Profiles'!$G$19=$B$17,14,0)+IF('Standard Profiles'!$G$19=$B$24,21,0),0)),0)</f>
        <v>0</v>
      </c>
      <c r="F2620" cm="1">
        <f t="array" ref="F2620">IFERROR(INDEX(Jesper!AJ$2:AJ$366,ROUNDDOWN($C2620/24,0)+1,1)*INDEX($D$3:$AA$30,INDEX(Jesper!$R$2:$R$366,ROW(INDEX(Jesper!AJ$2:AJ$366,ROUNDDOWN($C2620/24,0)+1,1))-1)+IF('Standard Profiles'!$G$20=$B$10,7,0)+IF('Standard Profiles'!$G$20=$B$17,14,0)+IF('Standard Profiles'!$G$20=$B$24,21,0),MOD($C2620,24)+1)/SUM(INDEX($D$3:$AA$30,INDEX(Jesper!$R$2:$R$366,ROW(INDEX(Jesper!AJ$2:AJ$366,ROUNDDOWN($C2620/24,0)+1,1))-1)+IF('Standard Profiles'!$G$20=$B$10,7,0)+IF('Standard Profiles'!$G$20=$B$17,14,0)+IF('Standard Profiles'!$G$20=$B$24,21,0),0)),0)</f>
        <v>0</v>
      </c>
      <c r="G2620" cm="1">
        <f t="array" ref="G2620">IFERROR(INDEX(Jesper!AK$2:AK$366,ROUNDDOWN($C2620/24,0)+1,1)*INDEX($D$3:$AA$30,INDEX(Jesper!$R$2:$R$366,ROW(INDEX(Jesper!AK$2:AK$366,ROUNDDOWN($C2620/24,0)+1,1))-1)+IF('Standard Profiles'!$G$21=$B$10,7,0)+IF('Standard Profiles'!$G$21=$B$17,14,0)+IF('Standard Profiles'!$G$21=$B$24,21,0),MOD($C2620,24)+1)/SUM(INDEX($D$3:$AA$30,INDEX(Jesper!$R$2:$R$366,ROW(INDEX(Jesper!AK$2:AK$366,ROUNDDOWN($C2620/24,0)+1,1))-1)+IF('Standard Profiles'!$G$21=$B$10,7,0)+IF('Standard Profiles'!$G$21=$B$17,14,0)+IF('Standard Profiles'!$G$21=$B$24,21,0),0)),0)</f>
        <v>0</v>
      </c>
      <c r="H2620" cm="1">
        <f t="array" ref="H2620">IFERROR(INDEX(Jesper!AL$2:AL$366,ROUNDDOWN($C2620/24,0)+1,1)*INDEX($D$3:$AA$30,INDEX(Jesper!$R$2:$R$366,ROW(INDEX(Jesper!AL$2:AL$366,ROUNDDOWN($C2620/24,0)+1,1))-1)+IF('Standard Profiles'!$G$22=$B$10,7,0)+IF('Standard Profiles'!$G$22=$B$17,14,0)+IF('Standard Profiles'!$G$22=$B$24,21,0),MOD($C2620,24)+1)/SUM(INDEX($D$3:$AA$30,INDEX(Jesper!$R$2:$R$366,ROW(INDEX(Jesper!AL$2:AL$366,ROUNDDOWN($C2620/24,0)+1,1))-1)+IF('Standard Profiles'!$G$22=$B$10,7,0)+IF('Standard Profiles'!$G$22=$B$17,14,0)+IF('Standard Profiles'!$G$22=$B$24,21,0),0)),0)</f>
        <v>0</v>
      </c>
      <c r="I2620">
        <f t="shared" si="300"/>
        <v>0.43517627207225301</v>
      </c>
      <c r="J2620">
        <f t="shared" si="301"/>
        <v>1.4505875735741769</v>
      </c>
      <c r="K2620">
        <f t="shared" si="302"/>
        <v>2.1758813603612652</v>
      </c>
      <c r="L2620">
        <f t="shared" si="303"/>
        <v>10.444230529734073</v>
      </c>
      <c r="M2620">
        <f t="shared" si="304"/>
        <v>0</v>
      </c>
      <c r="N2620" s="46">
        <f t="shared" si="305"/>
        <v>45399.749999993728</v>
      </c>
    </row>
    <row r="2621" spans="2:14" x14ac:dyDescent="0.3">
      <c r="B2621">
        <f t="shared" si="299"/>
        <v>3</v>
      </c>
      <c r="C2621" s="16">
        <v>2587</v>
      </c>
      <c r="D2621" cm="1">
        <f t="array" ref="D2621">IFERROR(INDEX(Jesper!AH$2:AH$366,ROUNDDOWN($C2621/24,0)+1,1)*INDEX($D$3:$AA$30,INDEX(Jesper!$R$2:$R$366,ROW(INDEX(Jesper!AH$2:AH$366,ROUNDDOWN($C2621/24,0)+1,1))-1)+IF('Standard Profiles'!$G$18=$B$10,7,0)+IF('Standard Profiles'!$G$18=$B$17,14,0)+IF('Standard Profiles'!$G$18=$B$24,21,0),MOD($C2621,24)+1)/SUM(INDEX($D$3:$AA$30,INDEX(Jesper!$R$2:$R$366,ROW(INDEX(Jesper!AH$2:AH$366,ROUNDDOWN($C2621/24,0)+1,1))-1)+IF('Standard Profiles'!$G$18=$B$10,7,0)+IF('Standard Profiles'!$G$18=$B$17,14,0)+IF('Standard Profiles'!$G$18=$B$24,21,0),0)),0)</f>
        <v>12.088229779784806</v>
      </c>
      <c r="E2621" cm="1">
        <f t="array" ref="E2621">IFERROR(INDEX(Jesper!AI$2:AI$366,ROUNDDOWN($C2621/24,0)+1,1)*INDEX($D$3:$AA$30,INDEX(Jesper!$R$2:$R$366,ROW(INDEX(Jesper!AI$2:AI$366,ROUNDDOWN($C2621/24,0)+1,1))-1)+IF('Standard Profiles'!$G$19=$B$10,7,0)+IF('Standard Profiles'!$G$19=$B$17,14,0)+IF('Standard Profiles'!$G$19=$B$24,21,0),MOD($C2621,24)+1)/SUM(INDEX($D$3:$AA$30,INDEX(Jesper!$R$2:$R$366,ROW(INDEX(Jesper!AI$2:AI$366,ROUNDDOWN($C2621/24,0)+1,1))-1)+IF('Standard Profiles'!$G$19=$B$10,7,0)+IF('Standard Profiles'!$G$19=$B$17,14,0)+IF('Standard Profiles'!$G$19=$B$24,21,0),0)),0)</f>
        <v>0</v>
      </c>
      <c r="F2621" cm="1">
        <f t="array" ref="F2621">IFERROR(INDEX(Jesper!AJ$2:AJ$366,ROUNDDOWN($C2621/24,0)+1,1)*INDEX($D$3:$AA$30,INDEX(Jesper!$R$2:$R$366,ROW(INDEX(Jesper!AJ$2:AJ$366,ROUNDDOWN($C2621/24,0)+1,1))-1)+IF('Standard Profiles'!$G$20=$B$10,7,0)+IF('Standard Profiles'!$G$20=$B$17,14,0)+IF('Standard Profiles'!$G$20=$B$24,21,0),MOD($C2621,24)+1)/SUM(INDEX($D$3:$AA$30,INDEX(Jesper!$R$2:$R$366,ROW(INDEX(Jesper!AJ$2:AJ$366,ROUNDDOWN($C2621/24,0)+1,1))-1)+IF('Standard Profiles'!$G$20=$B$10,7,0)+IF('Standard Profiles'!$G$20=$B$17,14,0)+IF('Standard Profiles'!$G$20=$B$24,21,0),0)),0)</f>
        <v>0</v>
      </c>
      <c r="G2621" cm="1">
        <f t="array" ref="G2621">IFERROR(INDEX(Jesper!AK$2:AK$366,ROUNDDOWN($C2621/24,0)+1,1)*INDEX($D$3:$AA$30,INDEX(Jesper!$R$2:$R$366,ROW(INDEX(Jesper!AK$2:AK$366,ROUNDDOWN($C2621/24,0)+1,1))-1)+IF('Standard Profiles'!$G$21=$B$10,7,0)+IF('Standard Profiles'!$G$21=$B$17,14,0)+IF('Standard Profiles'!$G$21=$B$24,21,0),MOD($C2621,24)+1)/SUM(INDEX($D$3:$AA$30,INDEX(Jesper!$R$2:$R$366,ROW(INDEX(Jesper!AK$2:AK$366,ROUNDDOWN($C2621/24,0)+1,1))-1)+IF('Standard Profiles'!$G$21=$B$10,7,0)+IF('Standard Profiles'!$G$21=$B$17,14,0)+IF('Standard Profiles'!$G$21=$B$24,21,0),0)),0)</f>
        <v>0</v>
      </c>
      <c r="H2621" cm="1">
        <f t="array" ref="H2621">IFERROR(INDEX(Jesper!AL$2:AL$366,ROUNDDOWN($C2621/24,0)+1,1)*INDEX($D$3:$AA$30,INDEX(Jesper!$R$2:$R$366,ROW(INDEX(Jesper!AL$2:AL$366,ROUNDDOWN($C2621/24,0)+1,1))-1)+IF('Standard Profiles'!$G$22=$B$10,7,0)+IF('Standard Profiles'!$G$22=$B$17,14,0)+IF('Standard Profiles'!$G$22=$B$24,21,0),MOD($C2621,24)+1)/SUM(INDEX($D$3:$AA$30,INDEX(Jesper!$R$2:$R$366,ROW(INDEX(Jesper!AL$2:AL$366,ROUNDDOWN($C2621/24,0)+1,1))-1)+IF('Standard Profiles'!$G$22=$B$10,7,0)+IF('Standard Profiles'!$G$22=$B$17,14,0)+IF('Standard Profiles'!$G$22=$B$24,21,0),0)),0)</f>
        <v>0</v>
      </c>
      <c r="I2621">
        <f t="shared" si="300"/>
        <v>0.36264689339354417</v>
      </c>
      <c r="J2621">
        <f t="shared" si="301"/>
        <v>1.2088229779784807</v>
      </c>
      <c r="K2621">
        <f t="shared" si="302"/>
        <v>1.8132344669677207</v>
      </c>
      <c r="L2621">
        <f t="shared" si="303"/>
        <v>8.7035254414450591</v>
      </c>
      <c r="M2621">
        <f t="shared" si="304"/>
        <v>0</v>
      </c>
      <c r="N2621" s="46">
        <f t="shared" si="305"/>
        <v>45399.791666660392</v>
      </c>
    </row>
    <row r="2622" spans="2:14" x14ac:dyDescent="0.3">
      <c r="B2622">
        <f t="shared" si="299"/>
        <v>3</v>
      </c>
      <c r="C2622" s="16">
        <v>2588</v>
      </c>
      <c r="D2622" cm="1">
        <f t="array" ref="D2622">IFERROR(INDEX(Jesper!AH$2:AH$366,ROUNDDOWN($C2622/24,0)+1,1)*INDEX($D$3:$AA$30,INDEX(Jesper!$R$2:$R$366,ROW(INDEX(Jesper!AH$2:AH$366,ROUNDDOWN($C2622/24,0)+1,1))-1)+IF('Standard Profiles'!$G$18=$B$10,7,0)+IF('Standard Profiles'!$G$18=$B$17,14,0)+IF('Standard Profiles'!$G$18=$B$24,21,0),MOD($C2622,24)+1)/SUM(INDEX($D$3:$AA$30,INDEX(Jesper!$R$2:$R$366,ROW(INDEX(Jesper!AH$2:AH$366,ROUNDDOWN($C2622/24,0)+1,1))-1)+IF('Standard Profiles'!$G$18=$B$10,7,0)+IF('Standard Profiles'!$G$18=$B$17,14,0)+IF('Standard Profiles'!$G$18=$B$24,21,0),0)),0)</f>
        <v>9.6705838238278456</v>
      </c>
      <c r="E2622" cm="1">
        <f t="array" ref="E2622">IFERROR(INDEX(Jesper!AI$2:AI$366,ROUNDDOWN($C2622/24,0)+1,1)*INDEX($D$3:$AA$30,INDEX(Jesper!$R$2:$R$366,ROW(INDEX(Jesper!AI$2:AI$366,ROUNDDOWN($C2622/24,0)+1,1))-1)+IF('Standard Profiles'!$G$19=$B$10,7,0)+IF('Standard Profiles'!$G$19=$B$17,14,0)+IF('Standard Profiles'!$G$19=$B$24,21,0),MOD($C2622,24)+1)/SUM(INDEX($D$3:$AA$30,INDEX(Jesper!$R$2:$R$366,ROW(INDEX(Jesper!AI$2:AI$366,ROUNDDOWN($C2622/24,0)+1,1))-1)+IF('Standard Profiles'!$G$19=$B$10,7,0)+IF('Standard Profiles'!$G$19=$B$17,14,0)+IF('Standard Profiles'!$G$19=$B$24,21,0),0)),0)</f>
        <v>0</v>
      </c>
      <c r="F2622" cm="1">
        <f t="array" ref="F2622">IFERROR(INDEX(Jesper!AJ$2:AJ$366,ROUNDDOWN($C2622/24,0)+1,1)*INDEX($D$3:$AA$30,INDEX(Jesper!$R$2:$R$366,ROW(INDEX(Jesper!AJ$2:AJ$366,ROUNDDOWN($C2622/24,0)+1,1))-1)+IF('Standard Profiles'!$G$20=$B$10,7,0)+IF('Standard Profiles'!$G$20=$B$17,14,0)+IF('Standard Profiles'!$G$20=$B$24,21,0),MOD($C2622,24)+1)/SUM(INDEX($D$3:$AA$30,INDEX(Jesper!$R$2:$R$366,ROW(INDEX(Jesper!AJ$2:AJ$366,ROUNDDOWN($C2622/24,0)+1,1))-1)+IF('Standard Profiles'!$G$20=$B$10,7,0)+IF('Standard Profiles'!$G$20=$B$17,14,0)+IF('Standard Profiles'!$G$20=$B$24,21,0),0)),0)</f>
        <v>0</v>
      </c>
      <c r="G2622" cm="1">
        <f t="array" ref="G2622">IFERROR(INDEX(Jesper!AK$2:AK$366,ROUNDDOWN($C2622/24,0)+1,1)*INDEX($D$3:$AA$30,INDEX(Jesper!$R$2:$R$366,ROW(INDEX(Jesper!AK$2:AK$366,ROUNDDOWN($C2622/24,0)+1,1))-1)+IF('Standard Profiles'!$G$21=$B$10,7,0)+IF('Standard Profiles'!$G$21=$B$17,14,0)+IF('Standard Profiles'!$G$21=$B$24,21,0),MOD($C2622,24)+1)/SUM(INDEX($D$3:$AA$30,INDEX(Jesper!$R$2:$R$366,ROW(INDEX(Jesper!AK$2:AK$366,ROUNDDOWN($C2622/24,0)+1,1))-1)+IF('Standard Profiles'!$G$21=$B$10,7,0)+IF('Standard Profiles'!$G$21=$B$17,14,0)+IF('Standard Profiles'!$G$21=$B$24,21,0),0)),0)</f>
        <v>0</v>
      </c>
      <c r="H2622" cm="1">
        <f t="array" ref="H2622">IFERROR(INDEX(Jesper!AL$2:AL$366,ROUNDDOWN($C2622/24,0)+1,1)*INDEX($D$3:$AA$30,INDEX(Jesper!$R$2:$R$366,ROW(INDEX(Jesper!AL$2:AL$366,ROUNDDOWN($C2622/24,0)+1,1))-1)+IF('Standard Profiles'!$G$22=$B$10,7,0)+IF('Standard Profiles'!$G$22=$B$17,14,0)+IF('Standard Profiles'!$G$22=$B$24,21,0),MOD($C2622,24)+1)/SUM(INDEX($D$3:$AA$30,INDEX(Jesper!$R$2:$R$366,ROW(INDEX(Jesper!AL$2:AL$366,ROUNDDOWN($C2622/24,0)+1,1))-1)+IF('Standard Profiles'!$G$22=$B$10,7,0)+IF('Standard Profiles'!$G$22=$B$17,14,0)+IF('Standard Profiles'!$G$22=$B$24,21,0),0)),0)</f>
        <v>0</v>
      </c>
      <c r="I2622">
        <f t="shared" si="300"/>
        <v>0.29011751471483538</v>
      </c>
      <c r="J2622">
        <f t="shared" si="301"/>
        <v>0.96705838238278463</v>
      </c>
      <c r="K2622">
        <f t="shared" si="302"/>
        <v>1.4505875735741769</v>
      </c>
      <c r="L2622">
        <f t="shared" si="303"/>
        <v>6.9628203531560482</v>
      </c>
      <c r="M2622">
        <f t="shared" si="304"/>
        <v>0</v>
      </c>
      <c r="N2622" s="46">
        <f t="shared" si="305"/>
        <v>45399.833333327057</v>
      </c>
    </row>
    <row r="2623" spans="2:14" x14ac:dyDescent="0.3">
      <c r="B2623">
        <f t="shared" si="299"/>
        <v>3</v>
      </c>
      <c r="C2623" s="16">
        <v>2589</v>
      </c>
      <c r="D2623" cm="1">
        <f t="array" ref="D2623">IFERROR(INDEX(Jesper!AH$2:AH$366,ROUNDDOWN($C2623/24,0)+1,1)*INDEX($D$3:$AA$30,INDEX(Jesper!$R$2:$R$366,ROW(INDEX(Jesper!AH$2:AH$366,ROUNDDOWN($C2623/24,0)+1,1))-1)+IF('Standard Profiles'!$G$18=$B$10,7,0)+IF('Standard Profiles'!$G$18=$B$17,14,0)+IF('Standard Profiles'!$G$18=$B$24,21,0),MOD($C2623,24)+1)/SUM(INDEX($D$3:$AA$30,INDEX(Jesper!$R$2:$R$366,ROW(INDEX(Jesper!AH$2:AH$366,ROUNDDOWN($C2623/24,0)+1,1))-1)+IF('Standard Profiles'!$G$18=$B$10,7,0)+IF('Standard Profiles'!$G$18=$B$17,14,0)+IF('Standard Profiles'!$G$18=$B$24,21,0),0)),0)</f>
        <v>7.2529378678708838</v>
      </c>
      <c r="E2623" cm="1">
        <f t="array" ref="E2623">IFERROR(INDEX(Jesper!AI$2:AI$366,ROUNDDOWN($C2623/24,0)+1,1)*INDEX($D$3:$AA$30,INDEX(Jesper!$R$2:$R$366,ROW(INDEX(Jesper!AI$2:AI$366,ROUNDDOWN($C2623/24,0)+1,1))-1)+IF('Standard Profiles'!$G$19=$B$10,7,0)+IF('Standard Profiles'!$G$19=$B$17,14,0)+IF('Standard Profiles'!$G$19=$B$24,21,0),MOD($C2623,24)+1)/SUM(INDEX($D$3:$AA$30,INDEX(Jesper!$R$2:$R$366,ROW(INDEX(Jesper!AI$2:AI$366,ROUNDDOWN($C2623/24,0)+1,1))-1)+IF('Standard Profiles'!$G$19=$B$10,7,0)+IF('Standard Profiles'!$G$19=$B$17,14,0)+IF('Standard Profiles'!$G$19=$B$24,21,0),0)),0)</f>
        <v>0</v>
      </c>
      <c r="F2623" cm="1">
        <f t="array" ref="F2623">IFERROR(INDEX(Jesper!AJ$2:AJ$366,ROUNDDOWN($C2623/24,0)+1,1)*INDEX($D$3:$AA$30,INDEX(Jesper!$R$2:$R$366,ROW(INDEX(Jesper!AJ$2:AJ$366,ROUNDDOWN($C2623/24,0)+1,1))-1)+IF('Standard Profiles'!$G$20=$B$10,7,0)+IF('Standard Profiles'!$G$20=$B$17,14,0)+IF('Standard Profiles'!$G$20=$B$24,21,0),MOD($C2623,24)+1)/SUM(INDEX($D$3:$AA$30,INDEX(Jesper!$R$2:$R$366,ROW(INDEX(Jesper!AJ$2:AJ$366,ROUNDDOWN($C2623/24,0)+1,1))-1)+IF('Standard Profiles'!$G$20=$B$10,7,0)+IF('Standard Profiles'!$G$20=$B$17,14,0)+IF('Standard Profiles'!$G$20=$B$24,21,0),0)),0)</f>
        <v>0</v>
      </c>
      <c r="G2623" cm="1">
        <f t="array" ref="G2623">IFERROR(INDEX(Jesper!AK$2:AK$366,ROUNDDOWN($C2623/24,0)+1,1)*INDEX($D$3:$AA$30,INDEX(Jesper!$R$2:$R$366,ROW(INDEX(Jesper!AK$2:AK$366,ROUNDDOWN($C2623/24,0)+1,1))-1)+IF('Standard Profiles'!$G$21=$B$10,7,0)+IF('Standard Profiles'!$G$21=$B$17,14,0)+IF('Standard Profiles'!$G$21=$B$24,21,0),MOD($C2623,24)+1)/SUM(INDEX($D$3:$AA$30,INDEX(Jesper!$R$2:$R$366,ROW(INDEX(Jesper!AK$2:AK$366,ROUNDDOWN($C2623/24,0)+1,1))-1)+IF('Standard Profiles'!$G$21=$B$10,7,0)+IF('Standard Profiles'!$G$21=$B$17,14,0)+IF('Standard Profiles'!$G$21=$B$24,21,0),0)),0)</f>
        <v>0</v>
      </c>
      <c r="H2623" cm="1">
        <f t="array" ref="H2623">IFERROR(INDEX(Jesper!AL$2:AL$366,ROUNDDOWN($C2623/24,0)+1,1)*INDEX($D$3:$AA$30,INDEX(Jesper!$R$2:$R$366,ROW(INDEX(Jesper!AL$2:AL$366,ROUNDDOWN($C2623/24,0)+1,1))-1)+IF('Standard Profiles'!$G$22=$B$10,7,0)+IF('Standard Profiles'!$G$22=$B$17,14,0)+IF('Standard Profiles'!$G$22=$B$24,21,0),MOD($C2623,24)+1)/SUM(INDEX($D$3:$AA$30,INDEX(Jesper!$R$2:$R$366,ROW(INDEX(Jesper!AL$2:AL$366,ROUNDDOWN($C2623/24,0)+1,1))-1)+IF('Standard Profiles'!$G$22=$B$10,7,0)+IF('Standard Profiles'!$G$22=$B$17,14,0)+IF('Standard Profiles'!$G$22=$B$24,21,0),0)),0)</f>
        <v>0</v>
      </c>
      <c r="I2623">
        <f t="shared" si="300"/>
        <v>0.21758813603612651</v>
      </c>
      <c r="J2623">
        <f t="shared" si="301"/>
        <v>0.72529378678708845</v>
      </c>
      <c r="K2623">
        <f t="shared" si="302"/>
        <v>1.0879406801806326</v>
      </c>
      <c r="L2623">
        <f t="shared" si="303"/>
        <v>5.2221152648670364</v>
      </c>
      <c r="M2623">
        <f t="shared" si="304"/>
        <v>0</v>
      </c>
      <c r="N2623" s="46">
        <f t="shared" si="305"/>
        <v>45399.874999993721</v>
      </c>
    </row>
    <row r="2624" spans="2:14" x14ac:dyDescent="0.3">
      <c r="B2624">
        <f t="shared" si="299"/>
        <v>3</v>
      </c>
      <c r="C2624" s="16">
        <v>2590</v>
      </c>
      <c r="D2624" cm="1">
        <f t="array" ref="D2624">IFERROR(INDEX(Jesper!AH$2:AH$366,ROUNDDOWN($C2624/24,0)+1,1)*INDEX($D$3:$AA$30,INDEX(Jesper!$R$2:$R$366,ROW(INDEX(Jesper!AH$2:AH$366,ROUNDDOWN($C2624/24,0)+1,1))-1)+IF('Standard Profiles'!$G$18=$B$10,7,0)+IF('Standard Profiles'!$G$18=$B$17,14,0)+IF('Standard Profiles'!$G$18=$B$24,21,0),MOD($C2624,24)+1)/SUM(INDEX($D$3:$AA$30,INDEX(Jesper!$R$2:$R$366,ROW(INDEX(Jesper!AH$2:AH$366,ROUNDDOWN($C2624/24,0)+1,1))-1)+IF('Standard Profiles'!$G$18=$B$10,7,0)+IF('Standard Profiles'!$G$18=$B$17,14,0)+IF('Standard Profiles'!$G$18=$B$24,21,0),0)),0)</f>
        <v>7.2529378678708838</v>
      </c>
      <c r="E2624" cm="1">
        <f t="array" ref="E2624">IFERROR(INDEX(Jesper!AI$2:AI$366,ROUNDDOWN($C2624/24,0)+1,1)*INDEX($D$3:$AA$30,INDEX(Jesper!$R$2:$R$366,ROW(INDEX(Jesper!AI$2:AI$366,ROUNDDOWN($C2624/24,0)+1,1))-1)+IF('Standard Profiles'!$G$19=$B$10,7,0)+IF('Standard Profiles'!$G$19=$B$17,14,0)+IF('Standard Profiles'!$G$19=$B$24,21,0),MOD($C2624,24)+1)/SUM(INDEX($D$3:$AA$30,INDEX(Jesper!$R$2:$R$366,ROW(INDEX(Jesper!AI$2:AI$366,ROUNDDOWN($C2624/24,0)+1,1))-1)+IF('Standard Profiles'!$G$19=$B$10,7,0)+IF('Standard Profiles'!$G$19=$B$17,14,0)+IF('Standard Profiles'!$G$19=$B$24,21,0),0)),0)</f>
        <v>0</v>
      </c>
      <c r="F2624" cm="1">
        <f t="array" ref="F2624">IFERROR(INDEX(Jesper!AJ$2:AJ$366,ROUNDDOWN($C2624/24,0)+1,1)*INDEX($D$3:$AA$30,INDEX(Jesper!$R$2:$R$366,ROW(INDEX(Jesper!AJ$2:AJ$366,ROUNDDOWN($C2624/24,0)+1,1))-1)+IF('Standard Profiles'!$G$20=$B$10,7,0)+IF('Standard Profiles'!$G$20=$B$17,14,0)+IF('Standard Profiles'!$G$20=$B$24,21,0),MOD($C2624,24)+1)/SUM(INDEX($D$3:$AA$30,INDEX(Jesper!$R$2:$R$366,ROW(INDEX(Jesper!AJ$2:AJ$366,ROUNDDOWN($C2624/24,0)+1,1))-1)+IF('Standard Profiles'!$G$20=$B$10,7,0)+IF('Standard Profiles'!$G$20=$B$17,14,0)+IF('Standard Profiles'!$G$20=$B$24,21,0),0)),0)</f>
        <v>0</v>
      </c>
      <c r="G2624" cm="1">
        <f t="array" ref="G2624">IFERROR(INDEX(Jesper!AK$2:AK$366,ROUNDDOWN($C2624/24,0)+1,1)*INDEX($D$3:$AA$30,INDEX(Jesper!$R$2:$R$366,ROW(INDEX(Jesper!AK$2:AK$366,ROUNDDOWN($C2624/24,0)+1,1))-1)+IF('Standard Profiles'!$G$21=$B$10,7,0)+IF('Standard Profiles'!$G$21=$B$17,14,0)+IF('Standard Profiles'!$G$21=$B$24,21,0),MOD($C2624,24)+1)/SUM(INDEX($D$3:$AA$30,INDEX(Jesper!$R$2:$R$366,ROW(INDEX(Jesper!AK$2:AK$366,ROUNDDOWN($C2624/24,0)+1,1))-1)+IF('Standard Profiles'!$G$21=$B$10,7,0)+IF('Standard Profiles'!$G$21=$B$17,14,0)+IF('Standard Profiles'!$G$21=$B$24,21,0),0)),0)</f>
        <v>0</v>
      </c>
      <c r="H2624" cm="1">
        <f t="array" ref="H2624">IFERROR(INDEX(Jesper!AL$2:AL$366,ROUNDDOWN($C2624/24,0)+1,1)*INDEX($D$3:$AA$30,INDEX(Jesper!$R$2:$R$366,ROW(INDEX(Jesper!AL$2:AL$366,ROUNDDOWN($C2624/24,0)+1,1))-1)+IF('Standard Profiles'!$G$22=$B$10,7,0)+IF('Standard Profiles'!$G$22=$B$17,14,0)+IF('Standard Profiles'!$G$22=$B$24,21,0),MOD($C2624,24)+1)/SUM(INDEX($D$3:$AA$30,INDEX(Jesper!$R$2:$R$366,ROW(INDEX(Jesper!AL$2:AL$366,ROUNDDOWN($C2624/24,0)+1,1))-1)+IF('Standard Profiles'!$G$22=$B$10,7,0)+IF('Standard Profiles'!$G$22=$B$17,14,0)+IF('Standard Profiles'!$G$22=$B$24,21,0),0)),0)</f>
        <v>0</v>
      </c>
      <c r="I2624">
        <f t="shared" si="300"/>
        <v>0.21758813603612651</v>
      </c>
      <c r="J2624">
        <f t="shared" si="301"/>
        <v>0.72529378678708845</v>
      </c>
      <c r="K2624">
        <f t="shared" si="302"/>
        <v>1.0879406801806326</v>
      </c>
      <c r="L2624">
        <f t="shared" si="303"/>
        <v>5.2221152648670364</v>
      </c>
      <c r="M2624">
        <f t="shared" si="304"/>
        <v>0</v>
      </c>
      <c r="N2624" s="46">
        <f t="shared" si="305"/>
        <v>45399.916666660385</v>
      </c>
    </row>
    <row r="2625" spans="2:14" x14ac:dyDescent="0.3">
      <c r="B2625">
        <f t="shared" si="299"/>
        <v>3</v>
      </c>
      <c r="C2625" s="16">
        <v>2591</v>
      </c>
      <c r="D2625" cm="1">
        <f t="array" ref="D2625">IFERROR(INDEX(Jesper!AH$2:AH$366,ROUNDDOWN($C2625/24,0)+1,1)*INDEX($D$3:$AA$30,INDEX(Jesper!$R$2:$R$366,ROW(INDEX(Jesper!AH$2:AH$366,ROUNDDOWN($C2625/24,0)+1,1))-1)+IF('Standard Profiles'!$G$18=$B$10,7,0)+IF('Standard Profiles'!$G$18=$B$17,14,0)+IF('Standard Profiles'!$G$18=$B$24,21,0),MOD($C2625,24)+1)/SUM(INDEX($D$3:$AA$30,INDEX(Jesper!$R$2:$R$366,ROW(INDEX(Jesper!AH$2:AH$366,ROUNDDOWN($C2625/24,0)+1,1))-1)+IF('Standard Profiles'!$G$18=$B$10,7,0)+IF('Standard Profiles'!$G$18=$B$17,14,0)+IF('Standard Profiles'!$G$18=$B$24,21,0),0)),0)</f>
        <v>7.2529378678708838</v>
      </c>
      <c r="E2625" cm="1">
        <f t="array" ref="E2625">IFERROR(INDEX(Jesper!AI$2:AI$366,ROUNDDOWN($C2625/24,0)+1,1)*INDEX($D$3:$AA$30,INDEX(Jesper!$R$2:$R$366,ROW(INDEX(Jesper!AI$2:AI$366,ROUNDDOWN($C2625/24,0)+1,1))-1)+IF('Standard Profiles'!$G$19=$B$10,7,0)+IF('Standard Profiles'!$G$19=$B$17,14,0)+IF('Standard Profiles'!$G$19=$B$24,21,0),MOD($C2625,24)+1)/SUM(INDEX($D$3:$AA$30,INDEX(Jesper!$R$2:$R$366,ROW(INDEX(Jesper!AI$2:AI$366,ROUNDDOWN($C2625/24,0)+1,1))-1)+IF('Standard Profiles'!$G$19=$B$10,7,0)+IF('Standard Profiles'!$G$19=$B$17,14,0)+IF('Standard Profiles'!$G$19=$B$24,21,0),0)),0)</f>
        <v>0</v>
      </c>
      <c r="F2625" cm="1">
        <f t="array" ref="F2625">IFERROR(INDEX(Jesper!AJ$2:AJ$366,ROUNDDOWN($C2625/24,0)+1,1)*INDEX($D$3:$AA$30,INDEX(Jesper!$R$2:$R$366,ROW(INDEX(Jesper!AJ$2:AJ$366,ROUNDDOWN($C2625/24,0)+1,1))-1)+IF('Standard Profiles'!$G$20=$B$10,7,0)+IF('Standard Profiles'!$G$20=$B$17,14,0)+IF('Standard Profiles'!$G$20=$B$24,21,0),MOD($C2625,24)+1)/SUM(INDEX($D$3:$AA$30,INDEX(Jesper!$R$2:$R$366,ROW(INDEX(Jesper!AJ$2:AJ$366,ROUNDDOWN($C2625/24,0)+1,1))-1)+IF('Standard Profiles'!$G$20=$B$10,7,0)+IF('Standard Profiles'!$G$20=$B$17,14,0)+IF('Standard Profiles'!$G$20=$B$24,21,0),0)),0)</f>
        <v>0</v>
      </c>
      <c r="G2625" cm="1">
        <f t="array" ref="G2625">IFERROR(INDEX(Jesper!AK$2:AK$366,ROUNDDOWN($C2625/24,0)+1,1)*INDEX($D$3:$AA$30,INDEX(Jesper!$R$2:$R$366,ROW(INDEX(Jesper!AK$2:AK$366,ROUNDDOWN($C2625/24,0)+1,1))-1)+IF('Standard Profiles'!$G$21=$B$10,7,0)+IF('Standard Profiles'!$G$21=$B$17,14,0)+IF('Standard Profiles'!$G$21=$B$24,21,0),MOD($C2625,24)+1)/SUM(INDEX($D$3:$AA$30,INDEX(Jesper!$R$2:$R$366,ROW(INDEX(Jesper!AK$2:AK$366,ROUNDDOWN($C2625/24,0)+1,1))-1)+IF('Standard Profiles'!$G$21=$B$10,7,0)+IF('Standard Profiles'!$G$21=$B$17,14,0)+IF('Standard Profiles'!$G$21=$B$24,21,0),0)),0)</f>
        <v>0</v>
      </c>
      <c r="H2625" cm="1">
        <f t="array" ref="H2625">IFERROR(INDEX(Jesper!AL$2:AL$366,ROUNDDOWN($C2625/24,0)+1,1)*INDEX($D$3:$AA$30,INDEX(Jesper!$R$2:$R$366,ROW(INDEX(Jesper!AL$2:AL$366,ROUNDDOWN($C2625/24,0)+1,1))-1)+IF('Standard Profiles'!$G$22=$B$10,7,0)+IF('Standard Profiles'!$G$22=$B$17,14,0)+IF('Standard Profiles'!$G$22=$B$24,21,0),MOD($C2625,24)+1)/SUM(INDEX($D$3:$AA$30,INDEX(Jesper!$R$2:$R$366,ROW(INDEX(Jesper!AL$2:AL$366,ROUNDDOWN($C2625/24,0)+1,1))-1)+IF('Standard Profiles'!$G$22=$B$10,7,0)+IF('Standard Profiles'!$G$22=$B$17,14,0)+IF('Standard Profiles'!$G$22=$B$24,21,0),0)),0)</f>
        <v>0</v>
      </c>
      <c r="I2625">
        <f t="shared" si="300"/>
        <v>0.21758813603612651</v>
      </c>
      <c r="J2625">
        <f t="shared" si="301"/>
        <v>0.72529378678708845</v>
      </c>
      <c r="K2625">
        <f t="shared" si="302"/>
        <v>1.0879406801806326</v>
      </c>
      <c r="L2625">
        <f t="shared" si="303"/>
        <v>5.2221152648670364</v>
      </c>
      <c r="M2625">
        <f t="shared" si="304"/>
        <v>0</v>
      </c>
      <c r="N2625" s="46">
        <f t="shared" si="305"/>
        <v>45399.958333327049</v>
      </c>
    </row>
    <row r="2626" spans="2:14" x14ac:dyDescent="0.3">
      <c r="B2626">
        <f t="shared" si="299"/>
        <v>4</v>
      </c>
      <c r="C2626" s="16">
        <v>2592</v>
      </c>
      <c r="D2626" cm="1">
        <f t="array" ref="D2626">IFERROR(INDEX(Jesper!AH$2:AH$366,ROUNDDOWN($C2626/24,0)+1,1)*INDEX($D$3:$AA$30,INDEX(Jesper!$R$2:$R$366,ROW(INDEX(Jesper!AH$2:AH$366,ROUNDDOWN($C2626/24,0)+1,1))-1)+IF('Standard Profiles'!$G$18=$B$10,7,0)+IF('Standard Profiles'!$G$18=$B$17,14,0)+IF('Standard Profiles'!$G$18=$B$24,21,0),MOD($C2626,24)+1)/SUM(INDEX($D$3:$AA$30,INDEX(Jesper!$R$2:$R$366,ROW(INDEX(Jesper!AH$2:AH$366,ROUNDDOWN($C2626/24,0)+1,1))-1)+IF('Standard Profiles'!$G$18=$B$10,7,0)+IF('Standard Profiles'!$G$18=$B$17,14,0)+IF('Standard Profiles'!$G$18=$B$24,21,0),0)),0)</f>
        <v>7.2151389801953956</v>
      </c>
      <c r="E2626" cm="1">
        <f t="array" ref="E2626">IFERROR(INDEX(Jesper!AI$2:AI$366,ROUNDDOWN($C2626/24,0)+1,1)*INDEX($D$3:$AA$30,INDEX(Jesper!$R$2:$R$366,ROW(INDEX(Jesper!AI$2:AI$366,ROUNDDOWN($C2626/24,0)+1,1))-1)+IF('Standard Profiles'!$G$19=$B$10,7,0)+IF('Standard Profiles'!$G$19=$B$17,14,0)+IF('Standard Profiles'!$G$19=$B$24,21,0),MOD($C2626,24)+1)/SUM(INDEX($D$3:$AA$30,INDEX(Jesper!$R$2:$R$366,ROW(INDEX(Jesper!AI$2:AI$366,ROUNDDOWN($C2626/24,0)+1,1))-1)+IF('Standard Profiles'!$G$19=$B$10,7,0)+IF('Standard Profiles'!$G$19=$B$17,14,0)+IF('Standard Profiles'!$G$19=$B$24,21,0),0)),0)</f>
        <v>0</v>
      </c>
      <c r="F2626" cm="1">
        <f t="array" ref="F2626">IFERROR(INDEX(Jesper!AJ$2:AJ$366,ROUNDDOWN($C2626/24,0)+1,1)*INDEX($D$3:$AA$30,INDEX(Jesper!$R$2:$R$366,ROW(INDEX(Jesper!AJ$2:AJ$366,ROUNDDOWN($C2626/24,0)+1,1))-1)+IF('Standard Profiles'!$G$20=$B$10,7,0)+IF('Standard Profiles'!$G$20=$B$17,14,0)+IF('Standard Profiles'!$G$20=$B$24,21,0),MOD($C2626,24)+1)/SUM(INDEX($D$3:$AA$30,INDEX(Jesper!$R$2:$R$366,ROW(INDEX(Jesper!AJ$2:AJ$366,ROUNDDOWN($C2626/24,0)+1,1))-1)+IF('Standard Profiles'!$G$20=$B$10,7,0)+IF('Standard Profiles'!$G$20=$B$17,14,0)+IF('Standard Profiles'!$G$20=$B$24,21,0),0)),0)</f>
        <v>0</v>
      </c>
      <c r="G2626" cm="1">
        <f t="array" ref="G2626">IFERROR(INDEX(Jesper!AK$2:AK$366,ROUNDDOWN($C2626/24,0)+1,1)*INDEX($D$3:$AA$30,INDEX(Jesper!$R$2:$R$366,ROW(INDEX(Jesper!AK$2:AK$366,ROUNDDOWN($C2626/24,0)+1,1))-1)+IF('Standard Profiles'!$G$21=$B$10,7,0)+IF('Standard Profiles'!$G$21=$B$17,14,0)+IF('Standard Profiles'!$G$21=$B$24,21,0),MOD($C2626,24)+1)/SUM(INDEX($D$3:$AA$30,INDEX(Jesper!$R$2:$R$366,ROW(INDEX(Jesper!AK$2:AK$366,ROUNDDOWN($C2626/24,0)+1,1))-1)+IF('Standard Profiles'!$G$21=$B$10,7,0)+IF('Standard Profiles'!$G$21=$B$17,14,0)+IF('Standard Profiles'!$G$21=$B$24,21,0),0)),0)</f>
        <v>0</v>
      </c>
      <c r="H2626" cm="1">
        <f t="array" ref="H2626">IFERROR(INDEX(Jesper!AL$2:AL$366,ROUNDDOWN($C2626/24,0)+1,1)*INDEX($D$3:$AA$30,INDEX(Jesper!$R$2:$R$366,ROW(INDEX(Jesper!AL$2:AL$366,ROUNDDOWN($C2626/24,0)+1,1))-1)+IF('Standard Profiles'!$G$22=$B$10,7,0)+IF('Standard Profiles'!$G$22=$B$17,14,0)+IF('Standard Profiles'!$G$22=$B$24,21,0),MOD($C2626,24)+1)/SUM(INDEX($D$3:$AA$30,INDEX(Jesper!$R$2:$R$366,ROW(INDEX(Jesper!AL$2:AL$366,ROUNDDOWN($C2626/24,0)+1,1))-1)+IF('Standard Profiles'!$G$22=$B$10,7,0)+IF('Standard Profiles'!$G$22=$B$17,14,0)+IF('Standard Profiles'!$G$22=$B$24,21,0),0)),0)</f>
        <v>0</v>
      </c>
      <c r="I2626">
        <f t="shared" si="300"/>
        <v>0.21645416940586185</v>
      </c>
      <c r="J2626">
        <f t="shared" si="301"/>
        <v>0.72151389801953958</v>
      </c>
      <c r="K2626">
        <f t="shared" si="302"/>
        <v>1.0822708470293092</v>
      </c>
      <c r="L2626">
        <f t="shared" si="303"/>
        <v>5.1949000657406845</v>
      </c>
      <c r="M2626">
        <f t="shared" si="304"/>
        <v>0</v>
      </c>
      <c r="N2626" s="46">
        <f t="shared" si="305"/>
        <v>45399.999999993714</v>
      </c>
    </row>
    <row r="2627" spans="2:14" x14ac:dyDescent="0.3">
      <c r="B2627">
        <f t="shared" si="299"/>
        <v>4</v>
      </c>
      <c r="C2627" s="16">
        <v>2593</v>
      </c>
      <c r="D2627" cm="1">
        <f t="array" ref="D2627">IFERROR(INDEX(Jesper!AH$2:AH$366,ROUNDDOWN($C2627/24,0)+1,1)*INDEX($D$3:$AA$30,INDEX(Jesper!$R$2:$R$366,ROW(INDEX(Jesper!AH$2:AH$366,ROUNDDOWN($C2627/24,0)+1,1))-1)+IF('Standard Profiles'!$G$18=$B$10,7,0)+IF('Standard Profiles'!$G$18=$B$17,14,0)+IF('Standard Profiles'!$G$18=$B$24,21,0),MOD($C2627,24)+1)/SUM(INDEX($D$3:$AA$30,INDEX(Jesper!$R$2:$R$366,ROW(INDEX(Jesper!AH$2:AH$366,ROUNDDOWN($C2627/24,0)+1,1))-1)+IF('Standard Profiles'!$G$18=$B$10,7,0)+IF('Standard Profiles'!$G$18=$B$17,14,0)+IF('Standard Profiles'!$G$18=$B$24,21,0),0)),0)</f>
        <v>7.2151389801953956</v>
      </c>
      <c r="E2627" cm="1">
        <f t="array" ref="E2627">IFERROR(INDEX(Jesper!AI$2:AI$366,ROUNDDOWN($C2627/24,0)+1,1)*INDEX($D$3:$AA$30,INDEX(Jesper!$R$2:$R$366,ROW(INDEX(Jesper!AI$2:AI$366,ROUNDDOWN($C2627/24,0)+1,1))-1)+IF('Standard Profiles'!$G$19=$B$10,7,0)+IF('Standard Profiles'!$G$19=$B$17,14,0)+IF('Standard Profiles'!$G$19=$B$24,21,0),MOD($C2627,24)+1)/SUM(INDEX($D$3:$AA$30,INDEX(Jesper!$R$2:$R$366,ROW(INDEX(Jesper!AI$2:AI$366,ROUNDDOWN($C2627/24,0)+1,1))-1)+IF('Standard Profiles'!$G$19=$B$10,7,0)+IF('Standard Profiles'!$G$19=$B$17,14,0)+IF('Standard Profiles'!$G$19=$B$24,21,0),0)),0)</f>
        <v>0</v>
      </c>
      <c r="F2627" cm="1">
        <f t="array" ref="F2627">IFERROR(INDEX(Jesper!AJ$2:AJ$366,ROUNDDOWN($C2627/24,0)+1,1)*INDEX($D$3:$AA$30,INDEX(Jesper!$R$2:$R$366,ROW(INDEX(Jesper!AJ$2:AJ$366,ROUNDDOWN($C2627/24,0)+1,1))-1)+IF('Standard Profiles'!$G$20=$B$10,7,0)+IF('Standard Profiles'!$G$20=$B$17,14,0)+IF('Standard Profiles'!$G$20=$B$24,21,0),MOD($C2627,24)+1)/SUM(INDEX($D$3:$AA$30,INDEX(Jesper!$R$2:$R$366,ROW(INDEX(Jesper!AJ$2:AJ$366,ROUNDDOWN($C2627/24,0)+1,1))-1)+IF('Standard Profiles'!$G$20=$B$10,7,0)+IF('Standard Profiles'!$G$20=$B$17,14,0)+IF('Standard Profiles'!$G$20=$B$24,21,0),0)),0)</f>
        <v>0</v>
      </c>
      <c r="G2627" cm="1">
        <f t="array" ref="G2627">IFERROR(INDEX(Jesper!AK$2:AK$366,ROUNDDOWN($C2627/24,0)+1,1)*INDEX($D$3:$AA$30,INDEX(Jesper!$R$2:$R$366,ROW(INDEX(Jesper!AK$2:AK$366,ROUNDDOWN($C2627/24,0)+1,1))-1)+IF('Standard Profiles'!$G$21=$B$10,7,0)+IF('Standard Profiles'!$G$21=$B$17,14,0)+IF('Standard Profiles'!$G$21=$B$24,21,0),MOD($C2627,24)+1)/SUM(INDEX($D$3:$AA$30,INDEX(Jesper!$R$2:$R$366,ROW(INDEX(Jesper!AK$2:AK$366,ROUNDDOWN($C2627/24,0)+1,1))-1)+IF('Standard Profiles'!$G$21=$B$10,7,0)+IF('Standard Profiles'!$G$21=$B$17,14,0)+IF('Standard Profiles'!$G$21=$B$24,21,0),0)),0)</f>
        <v>0</v>
      </c>
      <c r="H2627" cm="1">
        <f t="array" ref="H2627">IFERROR(INDEX(Jesper!AL$2:AL$366,ROUNDDOWN($C2627/24,0)+1,1)*INDEX($D$3:$AA$30,INDEX(Jesper!$R$2:$R$366,ROW(INDEX(Jesper!AL$2:AL$366,ROUNDDOWN($C2627/24,0)+1,1))-1)+IF('Standard Profiles'!$G$22=$B$10,7,0)+IF('Standard Profiles'!$G$22=$B$17,14,0)+IF('Standard Profiles'!$G$22=$B$24,21,0),MOD($C2627,24)+1)/SUM(INDEX($D$3:$AA$30,INDEX(Jesper!$R$2:$R$366,ROW(INDEX(Jesper!AL$2:AL$366,ROUNDDOWN($C2627/24,0)+1,1))-1)+IF('Standard Profiles'!$G$22=$B$10,7,0)+IF('Standard Profiles'!$G$22=$B$17,14,0)+IF('Standard Profiles'!$G$22=$B$24,21,0),0)),0)</f>
        <v>0</v>
      </c>
      <c r="I2627">
        <f t="shared" si="300"/>
        <v>0.21645416940586185</v>
      </c>
      <c r="J2627">
        <f t="shared" si="301"/>
        <v>0.72151389801953958</v>
      </c>
      <c r="K2627">
        <f t="shared" si="302"/>
        <v>1.0822708470293092</v>
      </c>
      <c r="L2627">
        <f t="shared" si="303"/>
        <v>5.1949000657406845</v>
      </c>
      <c r="M2627">
        <f t="shared" si="304"/>
        <v>0</v>
      </c>
      <c r="N2627" s="46">
        <f t="shared" si="305"/>
        <v>45400.041666660378</v>
      </c>
    </row>
    <row r="2628" spans="2:14" x14ac:dyDescent="0.3">
      <c r="B2628">
        <f t="shared" si="299"/>
        <v>4</v>
      </c>
      <c r="C2628" s="16">
        <v>2594</v>
      </c>
      <c r="D2628" cm="1">
        <f t="array" ref="D2628">IFERROR(INDEX(Jesper!AH$2:AH$366,ROUNDDOWN($C2628/24,0)+1,1)*INDEX($D$3:$AA$30,INDEX(Jesper!$R$2:$R$366,ROW(INDEX(Jesper!AH$2:AH$366,ROUNDDOWN($C2628/24,0)+1,1))-1)+IF('Standard Profiles'!$G$18=$B$10,7,0)+IF('Standard Profiles'!$G$18=$B$17,14,0)+IF('Standard Profiles'!$G$18=$B$24,21,0),MOD($C2628,24)+1)/SUM(INDEX($D$3:$AA$30,INDEX(Jesper!$R$2:$R$366,ROW(INDEX(Jesper!AH$2:AH$366,ROUNDDOWN($C2628/24,0)+1,1))-1)+IF('Standard Profiles'!$G$18=$B$10,7,0)+IF('Standard Profiles'!$G$18=$B$17,14,0)+IF('Standard Profiles'!$G$18=$B$24,21,0),0)),0)</f>
        <v>7.2151389801953956</v>
      </c>
      <c r="E2628" cm="1">
        <f t="array" ref="E2628">IFERROR(INDEX(Jesper!AI$2:AI$366,ROUNDDOWN($C2628/24,0)+1,1)*INDEX($D$3:$AA$30,INDEX(Jesper!$R$2:$R$366,ROW(INDEX(Jesper!AI$2:AI$366,ROUNDDOWN($C2628/24,0)+1,1))-1)+IF('Standard Profiles'!$G$19=$B$10,7,0)+IF('Standard Profiles'!$G$19=$B$17,14,0)+IF('Standard Profiles'!$G$19=$B$24,21,0),MOD($C2628,24)+1)/SUM(INDEX($D$3:$AA$30,INDEX(Jesper!$R$2:$R$366,ROW(INDEX(Jesper!AI$2:AI$366,ROUNDDOWN($C2628/24,0)+1,1))-1)+IF('Standard Profiles'!$G$19=$B$10,7,0)+IF('Standard Profiles'!$G$19=$B$17,14,0)+IF('Standard Profiles'!$G$19=$B$24,21,0),0)),0)</f>
        <v>0</v>
      </c>
      <c r="F2628" cm="1">
        <f t="array" ref="F2628">IFERROR(INDEX(Jesper!AJ$2:AJ$366,ROUNDDOWN($C2628/24,0)+1,1)*INDEX($D$3:$AA$30,INDEX(Jesper!$R$2:$R$366,ROW(INDEX(Jesper!AJ$2:AJ$366,ROUNDDOWN($C2628/24,0)+1,1))-1)+IF('Standard Profiles'!$G$20=$B$10,7,0)+IF('Standard Profiles'!$G$20=$B$17,14,0)+IF('Standard Profiles'!$G$20=$B$24,21,0),MOD($C2628,24)+1)/SUM(INDEX($D$3:$AA$30,INDEX(Jesper!$R$2:$R$366,ROW(INDEX(Jesper!AJ$2:AJ$366,ROUNDDOWN($C2628/24,0)+1,1))-1)+IF('Standard Profiles'!$G$20=$B$10,7,0)+IF('Standard Profiles'!$G$20=$B$17,14,0)+IF('Standard Profiles'!$G$20=$B$24,21,0),0)),0)</f>
        <v>0</v>
      </c>
      <c r="G2628" cm="1">
        <f t="array" ref="G2628">IFERROR(INDEX(Jesper!AK$2:AK$366,ROUNDDOWN($C2628/24,0)+1,1)*INDEX($D$3:$AA$30,INDEX(Jesper!$R$2:$R$366,ROW(INDEX(Jesper!AK$2:AK$366,ROUNDDOWN($C2628/24,0)+1,1))-1)+IF('Standard Profiles'!$G$21=$B$10,7,0)+IF('Standard Profiles'!$G$21=$B$17,14,0)+IF('Standard Profiles'!$G$21=$B$24,21,0),MOD($C2628,24)+1)/SUM(INDEX($D$3:$AA$30,INDEX(Jesper!$R$2:$R$366,ROW(INDEX(Jesper!AK$2:AK$366,ROUNDDOWN($C2628/24,0)+1,1))-1)+IF('Standard Profiles'!$G$21=$B$10,7,0)+IF('Standard Profiles'!$G$21=$B$17,14,0)+IF('Standard Profiles'!$G$21=$B$24,21,0),0)),0)</f>
        <v>0</v>
      </c>
      <c r="H2628" cm="1">
        <f t="array" ref="H2628">IFERROR(INDEX(Jesper!AL$2:AL$366,ROUNDDOWN($C2628/24,0)+1,1)*INDEX($D$3:$AA$30,INDEX(Jesper!$R$2:$R$366,ROW(INDEX(Jesper!AL$2:AL$366,ROUNDDOWN($C2628/24,0)+1,1))-1)+IF('Standard Profiles'!$G$22=$B$10,7,0)+IF('Standard Profiles'!$G$22=$B$17,14,0)+IF('Standard Profiles'!$G$22=$B$24,21,0),MOD($C2628,24)+1)/SUM(INDEX($D$3:$AA$30,INDEX(Jesper!$R$2:$R$366,ROW(INDEX(Jesper!AL$2:AL$366,ROUNDDOWN($C2628/24,0)+1,1))-1)+IF('Standard Profiles'!$G$22=$B$10,7,0)+IF('Standard Profiles'!$G$22=$B$17,14,0)+IF('Standard Profiles'!$G$22=$B$24,21,0),0)),0)</f>
        <v>0</v>
      </c>
      <c r="I2628">
        <f t="shared" si="300"/>
        <v>0.21645416940586185</v>
      </c>
      <c r="J2628">
        <f t="shared" si="301"/>
        <v>0.72151389801953958</v>
      </c>
      <c r="K2628">
        <f t="shared" si="302"/>
        <v>1.0822708470293092</v>
      </c>
      <c r="L2628">
        <f t="shared" si="303"/>
        <v>5.1949000657406845</v>
      </c>
      <c r="M2628">
        <f t="shared" si="304"/>
        <v>0</v>
      </c>
      <c r="N2628" s="46">
        <f t="shared" si="305"/>
        <v>45400.083333327042</v>
      </c>
    </row>
    <row r="2629" spans="2:14" x14ac:dyDescent="0.3">
      <c r="B2629">
        <f t="shared" si="299"/>
        <v>4</v>
      </c>
      <c r="C2629" s="16">
        <v>2595</v>
      </c>
      <c r="D2629" cm="1">
        <f t="array" ref="D2629">IFERROR(INDEX(Jesper!AH$2:AH$366,ROUNDDOWN($C2629/24,0)+1,1)*INDEX($D$3:$AA$30,INDEX(Jesper!$R$2:$R$366,ROW(INDEX(Jesper!AH$2:AH$366,ROUNDDOWN($C2629/24,0)+1,1))-1)+IF('Standard Profiles'!$G$18=$B$10,7,0)+IF('Standard Profiles'!$G$18=$B$17,14,0)+IF('Standard Profiles'!$G$18=$B$24,21,0),MOD($C2629,24)+1)/SUM(INDEX($D$3:$AA$30,INDEX(Jesper!$R$2:$R$366,ROW(INDEX(Jesper!AH$2:AH$366,ROUNDDOWN($C2629/24,0)+1,1))-1)+IF('Standard Profiles'!$G$18=$B$10,7,0)+IF('Standard Profiles'!$G$18=$B$17,14,0)+IF('Standard Profiles'!$G$18=$B$24,21,0),0)),0)</f>
        <v>7.2151389801953956</v>
      </c>
      <c r="E2629" cm="1">
        <f t="array" ref="E2629">IFERROR(INDEX(Jesper!AI$2:AI$366,ROUNDDOWN($C2629/24,0)+1,1)*INDEX($D$3:$AA$30,INDEX(Jesper!$R$2:$R$366,ROW(INDEX(Jesper!AI$2:AI$366,ROUNDDOWN($C2629/24,0)+1,1))-1)+IF('Standard Profiles'!$G$19=$B$10,7,0)+IF('Standard Profiles'!$G$19=$B$17,14,0)+IF('Standard Profiles'!$G$19=$B$24,21,0),MOD($C2629,24)+1)/SUM(INDEX($D$3:$AA$30,INDEX(Jesper!$R$2:$R$366,ROW(INDEX(Jesper!AI$2:AI$366,ROUNDDOWN($C2629/24,0)+1,1))-1)+IF('Standard Profiles'!$G$19=$B$10,7,0)+IF('Standard Profiles'!$G$19=$B$17,14,0)+IF('Standard Profiles'!$G$19=$B$24,21,0),0)),0)</f>
        <v>0</v>
      </c>
      <c r="F2629" cm="1">
        <f t="array" ref="F2629">IFERROR(INDEX(Jesper!AJ$2:AJ$366,ROUNDDOWN($C2629/24,0)+1,1)*INDEX($D$3:$AA$30,INDEX(Jesper!$R$2:$R$366,ROW(INDEX(Jesper!AJ$2:AJ$366,ROUNDDOWN($C2629/24,0)+1,1))-1)+IF('Standard Profiles'!$G$20=$B$10,7,0)+IF('Standard Profiles'!$G$20=$B$17,14,0)+IF('Standard Profiles'!$G$20=$B$24,21,0),MOD($C2629,24)+1)/SUM(INDEX($D$3:$AA$30,INDEX(Jesper!$R$2:$R$366,ROW(INDEX(Jesper!AJ$2:AJ$366,ROUNDDOWN($C2629/24,0)+1,1))-1)+IF('Standard Profiles'!$G$20=$B$10,7,0)+IF('Standard Profiles'!$G$20=$B$17,14,0)+IF('Standard Profiles'!$G$20=$B$24,21,0),0)),0)</f>
        <v>0</v>
      </c>
      <c r="G2629" cm="1">
        <f t="array" ref="G2629">IFERROR(INDEX(Jesper!AK$2:AK$366,ROUNDDOWN($C2629/24,0)+1,1)*INDEX($D$3:$AA$30,INDEX(Jesper!$R$2:$R$366,ROW(INDEX(Jesper!AK$2:AK$366,ROUNDDOWN($C2629/24,0)+1,1))-1)+IF('Standard Profiles'!$G$21=$B$10,7,0)+IF('Standard Profiles'!$G$21=$B$17,14,0)+IF('Standard Profiles'!$G$21=$B$24,21,0),MOD($C2629,24)+1)/SUM(INDEX($D$3:$AA$30,INDEX(Jesper!$R$2:$R$366,ROW(INDEX(Jesper!AK$2:AK$366,ROUNDDOWN($C2629/24,0)+1,1))-1)+IF('Standard Profiles'!$G$21=$B$10,7,0)+IF('Standard Profiles'!$G$21=$B$17,14,0)+IF('Standard Profiles'!$G$21=$B$24,21,0),0)),0)</f>
        <v>0</v>
      </c>
      <c r="H2629" cm="1">
        <f t="array" ref="H2629">IFERROR(INDEX(Jesper!AL$2:AL$366,ROUNDDOWN($C2629/24,0)+1,1)*INDEX($D$3:$AA$30,INDEX(Jesper!$R$2:$R$366,ROW(INDEX(Jesper!AL$2:AL$366,ROUNDDOWN($C2629/24,0)+1,1))-1)+IF('Standard Profiles'!$G$22=$B$10,7,0)+IF('Standard Profiles'!$G$22=$B$17,14,0)+IF('Standard Profiles'!$G$22=$B$24,21,0),MOD($C2629,24)+1)/SUM(INDEX($D$3:$AA$30,INDEX(Jesper!$R$2:$R$366,ROW(INDEX(Jesper!AL$2:AL$366,ROUNDDOWN($C2629/24,0)+1,1))-1)+IF('Standard Profiles'!$G$22=$B$10,7,0)+IF('Standard Profiles'!$G$22=$B$17,14,0)+IF('Standard Profiles'!$G$22=$B$24,21,0),0)),0)</f>
        <v>0</v>
      </c>
      <c r="I2629">
        <f t="shared" si="300"/>
        <v>0.21645416940586185</v>
      </c>
      <c r="J2629">
        <f t="shared" si="301"/>
        <v>0.72151389801953958</v>
      </c>
      <c r="K2629">
        <f t="shared" si="302"/>
        <v>1.0822708470293092</v>
      </c>
      <c r="L2629">
        <f t="shared" si="303"/>
        <v>5.1949000657406845</v>
      </c>
      <c r="M2629">
        <f t="shared" si="304"/>
        <v>0</v>
      </c>
      <c r="N2629" s="46">
        <f t="shared" si="305"/>
        <v>45400.124999993706</v>
      </c>
    </row>
    <row r="2630" spans="2:14" x14ac:dyDescent="0.3">
      <c r="B2630">
        <f t="shared" si="299"/>
        <v>4</v>
      </c>
      <c r="C2630" s="16">
        <v>2596</v>
      </c>
      <c r="D2630" cm="1">
        <f t="array" ref="D2630">IFERROR(INDEX(Jesper!AH$2:AH$366,ROUNDDOWN($C2630/24,0)+1,1)*INDEX($D$3:$AA$30,INDEX(Jesper!$R$2:$R$366,ROW(INDEX(Jesper!AH$2:AH$366,ROUNDDOWN($C2630/24,0)+1,1))-1)+IF('Standard Profiles'!$G$18=$B$10,7,0)+IF('Standard Profiles'!$G$18=$B$17,14,0)+IF('Standard Profiles'!$G$18=$B$24,21,0),MOD($C2630,24)+1)/SUM(INDEX($D$3:$AA$30,INDEX(Jesper!$R$2:$R$366,ROW(INDEX(Jesper!AH$2:AH$366,ROUNDDOWN($C2630/24,0)+1,1))-1)+IF('Standard Profiles'!$G$18=$B$10,7,0)+IF('Standard Profiles'!$G$18=$B$17,14,0)+IF('Standard Profiles'!$G$18=$B$24,21,0),0)),0)</f>
        <v>7.2151389801953956</v>
      </c>
      <c r="E2630" cm="1">
        <f t="array" ref="E2630">IFERROR(INDEX(Jesper!AI$2:AI$366,ROUNDDOWN($C2630/24,0)+1,1)*INDEX($D$3:$AA$30,INDEX(Jesper!$R$2:$R$366,ROW(INDEX(Jesper!AI$2:AI$366,ROUNDDOWN($C2630/24,0)+1,1))-1)+IF('Standard Profiles'!$G$19=$B$10,7,0)+IF('Standard Profiles'!$G$19=$B$17,14,0)+IF('Standard Profiles'!$G$19=$B$24,21,0),MOD($C2630,24)+1)/SUM(INDEX($D$3:$AA$30,INDEX(Jesper!$R$2:$R$366,ROW(INDEX(Jesper!AI$2:AI$366,ROUNDDOWN($C2630/24,0)+1,1))-1)+IF('Standard Profiles'!$G$19=$B$10,7,0)+IF('Standard Profiles'!$G$19=$B$17,14,0)+IF('Standard Profiles'!$G$19=$B$24,21,0),0)),0)</f>
        <v>0</v>
      </c>
      <c r="F2630" cm="1">
        <f t="array" ref="F2630">IFERROR(INDEX(Jesper!AJ$2:AJ$366,ROUNDDOWN($C2630/24,0)+1,1)*INDEX($D$3:$AA$30,INDEX(Jesper!$R$2:$R$366,ROW(INDEX(Jesper!AJ$2:AJ$366,ROUNDDOWN($C2630/24,0)+1,1))-1)+IF('Standard Profiles'!$G$20=$B$10,7,0)+IF('Standard Profiles'!$G$20=$B$17,14,0)+IF('Standard Profiles'!$G$20=$B$24,21,0),MOD($C2630,24)+1)/SUM(INDEX($D$3:$AA$30,INDEX(Jesper!$R$2:$R$366,ROW(INDEX(Jesper!AJ$2:AJ$366,ROUNDDOWN($C2630/24,0)+1,1))-1)+IF('Standard Profiles'!$G$20=$B$10,7,0)+IF('Standard Profiles'!$G$20=$B$17,14,0)+IF('Standard Profiles'!$G$20=$B$24,21,0),0)),0)</f>
        <v>0</v>
      </c>
      <c r="G2630" cm="1">
        <f t="array" ref="G2630">IFERROR(INDEX(Jesper!AK$2:AK$366,ROUNDDOWN($C2630/24,0)+1,1)*INDEX($D$3:$AA$30,INDEX(Jesper!$R$2:$R$366,ROW(INDEX(Jesper!AK$2:AK$366,ROUNDDOWN($C2630/24,0)+1,1))-1)+IF('Standard Profiles'!$G$21=$B$10,7,0)+IF('Standard Profiles'!$G$21=$B$17,14,0)+IF('Standard Profiles'!$G$21=$B$24,21,0),MOD($C2630,24)+1)/SUM(INDEX($D$3:$AA$30,INDEX(Jesper!$R$2:$R$366,ROW(INDEX(Jesper!AK$2:AK$366,ROUNDDOWN($C2630/24,0)+1,1))-1)+IF('Standard Profiles'!$G$21=$B$10,7,0)+IF('Standard Profiles'!$G$21=$B$17,14,0)+IF('Standard Profiles'!$G$21=$B$24,21,0),0)),0)</f>
        <v>0</v>
      </c>
      <c r="H2630" cm="1">
        <f t="array" ref="H2630">IFERROR(INDEX(Jesper!AL$2:AL$366,ROUNDDOWN($C2630/24,0)+1,1)*INDEX($D$3:$AA$30,INDEX(Jesper!$R$2:$R$366,ROW(INDEX(Jesper!AL$2:AL$366,ROUNDDOWN($C2630/24,0)+1,1))-1)+IF('Standard Profiles'!$G$22=$B$10,7,0)+IF('Standard Profiles'!$G$22=$B$17,14,0)+IF('Standard Profiles'!$G$22=$B$24,21,0),MOD($C2630,24)+1)/SUM(INDEX($D$3:$AA$30,INDEX(Jesper!$R$2:$R$366,ROW(INDEX(Jesper!AL$2:AL$366,ROUNDDOWN($C2630/24,0)+1,1))-1)+IF('Standard Profiles'!$G$22=$B$10,7,0)+IF('Standard Profiles'!$G$22=$B$17,14,0)+IF('Standard Profiles'!$G$22=$B$24,21,0),0)),0)</f>
        <v>0</v>
      </c>
      <c r="I2630">
        <f t="shared" si="300"/>
        <v>0.21645416940586185</v>
      </c>
      <c r="J2630">
        <f t="shared" si="301"/>
        <v>0.72151389801953958</v>
      </c>
      <c r="K2630">
        <f t="shared" si="302"/>
        <v>1.0822708470293092</v>
      </c>
      <c r="L2630">
        <f t="shared" si="303"/>
        <v>5.1949000657406845</v>
      </c>
      <c r="M2630">
        <f t="shared" si="304"/>
        <v>0</v>
      </c>
      <c r="N2630" s="46">
        <f t="shared" si="305"/>
        <v>45400.166666660371</v>
      </c>
    </row>
    <row r="2631" spans="2:14" x14ac:dyDescent="0.3">
      <c r="B2631">
        <f t="shared" si="299"/>
        <v>4</v>
      </c>
      <c r="C2631" s="16">
        <v>2597</v>
      </c>
      <c r="D2631" cm="1">
        <f t="array" ref="D2631">IFERROR(INDEX(Jesper!AH$2:AH$366,ROUNDDOWN($C2631/24,0)+1,1)*INDEX($D$3:$AA$30,INDEX(Jesper!$R$2:$R$366,ROW(INDEX(Jesper!AH$2:AH$366,ROUNDDOWN($C2631/24,0)+1,1))-1)+IF('Standard Profiles'!$G$18=$B$10,7,0)+IF('Standard Profiles'!$G$18=$B$17,14,0)+IF('Standard Profiles'!$G$18=$B$24,21,0),MOD($C2631,24)+1)/SUM(INDEX($D$3:$AA$30,INDEX(Jesper!$R$2:$R$366,ROW(INDEX(Jesper!AH$2:AH$366,ROUNDDOWN($C2631/24,0)+1,1))-1)+IF('Standard Profiles'!$G$18=$B$10,7,0)+IF('Standard Profiles'!$G$18=$B$17,14,0)+IF('Standard Profiles'!$G$18=$B$24,21,0),0)),0)</f>
        <v>9.2995124633629551</v>
      </c>
      <c r="E2631" cm="1">
        <f t="array" ref="E2631">IFERROR(INDEX(Jesper!AI$2:AI$366,ROUNDDOWN($C2631/24,0)+1,1)*INDEX($D$3:$AA$30,INDEX(Jesper!$R$2:$R$366,ROW(INDEX(Jesper!AI$2:AI$366,ROUNDDOWN($C2631/24,0)+1,1))-1)+IF('Standard Profiles'!$G$19=$B$10,7,0)+IF('Standard Profiles'!$G$19=$B$17,14,0)+IF('Standard Profiles'!$G$19=$B$24,21,0),MOD($C2631,24)+1)/SUM(INDEX($D$3:$AA$30,INDEX(Jesper!$R$2:$R$366,ROW(INDEX(Jesper!AI$2:AI$366,ROUNDDOWN($C2631/24,0)+1,1))-1)+IF('Standard Profiles'!$G$19=$B$10,7,0)+IF('Standard Profiles'!$G$19=$B$17,14,0)+IF('Standard Profiles'!$G$19=$B$24,21,0),0)),0)</f>
        <v>0</v>
      </c>
      <c r="F2631" cm="1">
        <f t="array" ref="F2631">IFERROR(INDEX(Jesper!AJ$2:AJ$366,ROUNDDOWN($C2631/24,0)+1,1)*INDEX($D$3:$AA$30,INDEX(Jesper!$R$2:$R$366,ROW(INDEX(Jesper!AJ$2:AJ$366,ROUNDDOWN($C2631/24,0)+1,1))-1)+IF('Standard Profiles'!$G$20=$B$10,7,0)+IF('Standard Profiles'!$G$20=$B$17,14,0)+IF('Standard Profiles'!$G$20=$B$24,21,0),MOD($C2631,24)+1)/SUM(INDEX($D$3:$AA$30,INDEX(Jesper!$R$2:$R$366,ROW(INDEX(Jesper!AJ$2:AJ$366,ROUNDDOWN($C2631/24,0)+1,1))-1)+IF('Standard Profiles'!$G$20=$B$10,7,0)+IF('Standard Profiles'!$G$20=$B$17,14,0)+IF('Standard Profiles'!$G$20=$B$24,21,0),0)),0)</f>
        <v>0</v>
      </c>
      <c r="G2631" cm="1">
        <f t="array" ref="G2631">IFERROR(INDEX(Jesper!AK$2:AK$366,ROUNDDOWN($C2631/24,0)+1,1)*INDEX($D$3:$AA$30,INDEX(Jesper!$R$2:$R$366,ROW(INDEX(Jesper!AK$2:AK$366,ROUNDDOWN($C2631/24,0)+1,1))-1)+IF('Standard Profiles'!$G$21=$B$10,7,0)+IF('Standard Profiles'!$G$21=$B$17,14,0)+IF('Standard Profiles'!$G$21=$B$24,21,0),MOD($C2631,24)+1)/SUM(INDEX($D$3:$AA$30,INDEX(Jesper!$R$2:$R$366,ROW(INDEX(Jesper!AK$2:AK$366,ROUNDDOWN($C2631/24,0)+1,1))-1)+IF('Standard Profiles'!$G$21=$B$10,7,0)+IF('Standard Profiles'!$G$21=$B$17,14,0)+IF('Standard Profiles'!$G$21=$B$24,21,0),0)),0)</f>
        <v>0</v>
      </c>
      <c r="H2631" cm="1">
        <f t="array" ref="H2631">IFERROR(INDEX(Jesper!AL$2:AL$366,ROUNDDOWN($C2631/24,0)+1,1)*INDEX($D$3:$AA$30,INDEX(Jesper!$R$2:$R$366,ROW(INDEX(Jesper!AL$2:AL$366,ROUNDDOWN($C2631/24,0)+1,1))-1)+IF('Standard Profiles'!$G$22=$B$10,7,0)+IF('Standard Profiles'!$G$22=$B$17,14,0)+IF('Standard Profiles'!$G$22=$B$24,21,0),MOD($C2631,24)+1)/SUM(INDEX($D$3:$AA$30,INDEX(Jesper!$R$2:$R$366,ROW(INDEX(Jesper!AL$2:AL$366,ROUNDDOWN($C2631/24,0)+1,1))-1)+IF('Standard Profiles'!$G$22=$B$10,7,0)+IF('Standard Profiles'!$G$22=$B$17,14,0)+IF('Standard Profiles'!$G$22=$B$24,21,0),0)),0)</f>
        <v>0</v>
      </c>
      <c r="I2631">
        <f t="shared" si="300"/>
        <v>0.27898537390088862</v>
      </c>
      <c r="J2631">
        <f t="shared" si="301"/>
        <v>0.92995124633629556</v>
      </c>
      <c r="K2631">
        <f t="shared" si="302"/>
        <v>1.3949268695044432</v>
      </c>
      <c r="L2631">
        <f t="shared" si="303"/>
        <v>6.6956489736213278</v>
      </c>
      <c r="M2631">
        <f t="shared" si="304"/>
        <v>0</v>
      </c>
      <c r="N2631" s="46">
        <f t="shared" si="305"/>
        <v>45400.208333327035</v>
      </c>
    </row>
    <row r="2632" spans="2:14" x14ac:dyDescent="0.3">
      <c r="B2632">
        <f t="shared" si="299"/>
        <v>4</v>
      </c>
      <c r="C2632" s="16">
        <v>2598</v>
      </c>
      <c r="D2632" cm="1">
        <f t="array" ref="D2632">IFERROR(INDEX(Jesper!AH$2:AH$366,ROUNDDOWN($C2632/24,0)+1,1)*INDEX($D$3:$AA$30,INDEX(Jesper!$R$2:$R$366,ROW(INDEX(Jesper!AH$2:AH$366,ROUNDDOWN($C2632/24,0)+1,1))-1)+IF('Standard Profiles'!$G$18=$B$10,7,0)+IF('Standard Profiles'!$G$18=$B$17,14,0)+IF('Standard Profiles'!$G$18=$B$24,21,0),MOD($C2632,24)+1)/SUM(INDEX($D$3:$AA$30,INDEX(Jesper!$R$2:$R$366,ROW(INDEX(Jesper!AH$2:AH$366,ROUNDDOWN($C2632/24,0)+1,1))-1)+IF('Standard Profiles'!$G$18=$B$10,7,0)+IF('Standard Profiles'!$G$18=$B$17,14,0)+IF('Standard Profiles'!$G$18=$B$24,21,0),0)),0)</f>
        <v>10.742540259402036</v>
      </c>
      <c r="E2632" cm="1">
        <f t="array" ref="E2632">IFERROR(INDEX(Jesper!AI$2:AI$366,ROUNDDOWN($C2632/24,0)+1,1)*INDEX($D$3:$AA$30,INDEX(Jesper!$R$2:$R$366,ROW(INDEX(Jesper!AI$2:AI$366,ROUNDDOWN($C2632/24,0)+1,1))-1)+IF('Standard Profiles'!$G$19=$B$10,7,0)+IF('Standard Profiles'!$G$19=$B$17,14,0)+IF('Standard Profiles'!$G$19=$B$24,21,0),MOD($C2632,24)+1)/SUM(INDEX($D$3:$AA$30,INDEX(Jesper!$R$2:$R$366,ROW(INDEX(Jesper!AI$2:AI$366,ROUNDDOWN($C2632/24,0)+1,1))-1)+IF('Standard Profiles'!$G$19=$B$10,7,0)+IF('Standard Profiles'!$G$19=$B$17,14,0)+IF('Standard Profiles'!$G$19=$B$24,21,0),0)),0)</f>
        <v>0</v>
      </c>
      <c r="F2632" cm="1">
        <f t="array" ref="F2632">IFERROR(INDEX(Jesper!AJ$2:AJ$366,ROUNDDOWN($C2632/24,0)+1,1)*INDEX($D$3:$AA$30,INDEX(Jesper!$R$2:$R$366,ROW(INDEX(Jesper!AJ$2:AJ$366,ROUNDDOWN($C2632/24,0)+1,1))-1)+IF('Standard Profiles'!$G$20=$B$10,7,0)+IF('Standard Profiles'!$G$20=$B$17,14,0)+IF('Standard Profiles'!$G$20=$B$24,21,0),MOD($C2632,24)+1)/SUM(INDEX($D$3:$AA$30,INDEX(Jesper!$R$2:$R$366,ROW(INDEX(Jesper!AJ$2:AJ$366,ROUNDDOWN($C2632/24,0)+1,1))-1)+IF('Standard Profiles'!$G$20=$B$10,7,0)+IF('Standard Profiles'!$G$20=$B$17,14,0)+IF('Standard Profiles'!$G$20=$B$24,21,0),0)),0)</f>
        <v>0</v>
      </c>
      <c r="G2632" cm="1">
        <f t="array" ref="G2632">IFERROR(INDEX(Jesper!AK$2:AK$366,ROUNDDOWN($C2632/24,0)+1,1)*INDEX($D$3:$AA$30,INDEX(Jesper!$R$2:$R$366,ROW(INDEX(Jesper!AK$2:AK$366,ROUNDDOWN($C2632/24,0)+1,1))-1)+IF('Standard Profiles'!$G$21=$B$10,7,0)+IF('Standard Profiles'!$G$21=$B$17,14,0)+IF('Standard Profiles'!$G$21=$B$24,21,0),MOD($C2632,24)+1)/SUM(INDEX($D$3:$AA$30,INDEX(Jesper!$R$2:$R$366,ROW(INDEX(Jesper!AK$2:AK$366,ROUNDDOWN($C2632/24,0)+1,1))-1)+IF('Standard Profiles'!$G$21=$B$10,7,0)+IF('Standard Profiles'!$G$21=$B$17,14,0)+IF('Standard Profiles'!$G$21=$B$24,21,0),0)),0)</f>
        <v>0</v>
      </c>
      <c r="H2632" cm="1">
        <f t="array" ref="H2632">IFERROR(INDEX(Jesper!AL$2:AL$366,ROUNDDOWN($C2632/24,0)+1,1)*INDEX($D$3:$AA$30,INDEX(Jesper!$R$2:$R$366,ROW(INDEX(Jesper!AL$2:AL$366,ROUNDDOWN($C2632/24,0)+1,1))-1)+IF('Standard Profiles'!$G$22=$B$10,7,0)+IF('Standard Profiles'!$G$22=$B$17,14,0)+IF('Standard Profiles'!$G$22=$B$24,21,0),MOD($C2632,24)+1)/SUM(INDEX($D$3:$AA$30,INDEX(Jesper!$R$2:$R$366,ROW(INDEX(Jesper!AL$2:AL$366,ROUNDDOWN($C2632/24,0)+1,1))-1)+IF('Standard Profiles'!$G$22=$B$10,7,0)+IF('Standard Profiles'!$G$22=$B$17,14,0)+IF('Standard Profiles'!$G$22=$B$24,21,0),0)),0)</f>
        <v>0</v>
      </c>
      <c r="I2632">
        <f t="shared" si="300"/>
        <v>0.32227620778206106</v>
      </c>
      <c r="J2632">
        <f t="shared" si="301"/>
        <v>1.0742540259402036</v>
      </c>
      <c r="K2632">
        <f t="shared" si="302"/>
        <v>1.6113810389103054</v>
      </c>
      <c r="L2632">
        <f t="shared" si="303"/>
        <v>7.7346289867694651</v>
      </c>
      <c r="M2632">
        <f t="shared" si="304"/>
        <v>0</v>
      </c>
      <c r="N2632" s="46">
        <f t="shared" si="305"/>
        <v>45400.249999993699</v>
      </c>
    </row>
    <row r="2633" spans="2:14" x14ac:dyDescent="0.3">
      <c r="B2633">
        <f t="shared" si="299"/>
        <v>4</v>
      </c>
      <c r="C2633" s="16">
        <v>2599</v>
      </c>
      <c r="D2633" cm="1">
        <f t="array" ref="D2633">IFERROR(INDEX(Jesper!AH$2:AH$366,ROUNDDOWN($C2633/24,0)+1,1)*INDEX($D$3:$AA$30,INDEX(Jesper!$R$2:$R$366,ROW(INDEX(Jesper!AH$2:AH$366,ROUNDDOWN($C2633/24,0)+1,1))-1)+IF('Standard Profiles'!$G$18=$B$10,7,0)+IF('Standard Profiles'!$G$18=$B$17,14,0)+IF('Standard Profiles'!$G$18=$B$24,21,0),MOD($C2633,24)+1)/SUM(INDEX($D$3:$AA$30,INDEX(Jesper!$R$2:$R$366,ROW(INDEX(Jesper!AH$2:AH$366,ROUNDDOWN($C2633/24,0)+1,1))-1)+IF('Standard Profiles'!$G$18=$B$10,7,0)+IF('Standard Profiles'!$G$18=$B$17,14,0)+IF('Standard Profiles'!$G$18=$B$24,21,0),0)),0)</f>
        <v>10.742540259402036</v>
      </c>
      <c r="E2633" cm="1">
        <f t="array" ref="E2633">IFERROR(INDEX(Jesper!AI$2:AI$366,ROUNDDOWN($C2633/24,0)+1,1)*INDEX($D$3:$AA$30,INDEX(Jesper!$R$2:$R$366,ROW(INDEX(Jesper!AI$2:AI$366,ROUNDDOWN($C2633/24,0)+1,1))-1)+IF('Standard Profiles'!$G$19=$B$10,7,0)+IF('Standard Profiles'!$G$19=$B$17,14,0)+IF('Standard Profiles'!$G$19=$B$24,21,0),MOD($C2633,24)+1)/SUM(INDEX($D$3:$AA$30,INDEX(Jesper!$R$2:$R$366,ROW(INDEX(Jesper!AI$2:AI$366,ROUNDDOWN($C2633/24,0)+1,1))-1)+IF('Standard Profiles'!$G$19=$B$10,7,0)+IF('Standard Profiles'!$G$19=$B$17,14,0)+IF('Standard Profiles'!$G$19=$B$24,21,0),0)),0)</f>
        <v>0</v>
      </c>
      <c r="F2633" cm="1">
        <f t="array" ref="F2633">IFERROR(INDEX(Jesper!AJ$2:AJ$366,ROUNDDOWN($C2633/24,0)+1,1)*INDEX($D$3:$AA$30,INDEX(Jesper!$R$2:$R$366,ROW(INDEX(Jesper!AJ$2:AJ$366,ROUNDDOWN($C2633/24,0)+1,1))-1)+IF('Standard Profiles'!$G$20=$B$10,7,0)+IF('Standard Profiles'!$G$20=$B$17,14,0)+IF('Standard Profiles'!$G$20=$B$24,21,0),MOD($C2633,24)+1)/SUM(INDEX($D$3:$AA$30,INDEX(Jesper!$R$2:$R$366,ROW(INDEX(Jesper!AJ$2:AJ$366,ROUNDDOWN($C2633/24,0)+1,1))-1)+IF('Standard Profiles'!$G$20=$B$10,7,0)+IF('Standard Profiles'!$G$20=$B$17,14,0)+IF('Standard Profiles'!$G$20=$B$24,21,0),0)),0)</f>
        <v>0</v>
      </c>
      <c r="G2633" cm="1">
        <f t="array" ref="G2633">IFERROR(INDEX(Jesper!AK$2:AK$366,ROUNDDOWN($C2633/24,0)+1,1)*INDEX($D$3:$AA$30,INDEX(Jesper!$R$2:$R$366,ROW(INDEX(Jesper!AK$2:AK$366,ROUNDDOWN($C2633/24,0)+1,1))-1)+IF('Standard Profiles'!$G$21=$B$10,7,0)+IF('Standard Profiles'!$G$21=$B$17,14,0)+IF('Standard Profiles'!$G$21=$B$24,21,0),MOD($C2633,24)+1)/SUM(INDEX($D$3:$AA$30,INDEX(Jesper!$R$2:$R$366,ROW(INDEX(Jesper!AK$2:AK$366,ROUNDDOWN($C2633/24,0)+1,1))-1)+IF('Standard Profiles'!$G$21=$B$10,7,0)+IF('Standard Profiles'!$G$21=$B$17,14,0)+IF('Standard Profiles'!$G$21=$B$24,21,0),0)),0)</f>
        <v>0</v>
      </c>
      <c r="H2633" cm="1">
        <f t="array" ref="H2633">IFERROR(INDEX(Jesper!AL$2:AL$366,ROUNDDOWN($C2633/24,0)+1,1)*INDEX($D$3:$AA$30,INDEX(Jesper!$R$2:$R$366,ROW(INDEX(Jesper!AL$2:AL$366,ROUNDDOWN($C2633/24,0)+1,1))-1)+IF('Standard Profiles'!$G$22=$B$10,7,0)+IF('Standard Profiles'!$G$22=$B$17,14,0)+IF('Standard Profiles'!$G$22=$B$24,21,0),MOD($C2633,24)+1)/SUM(INDEX($D$3:$AA$30,INDEX(Jesper!$R$2:$R$366,ROW(INDEX(Jesper!AL$2:AL$366,ROUNDDOWN($C2633/24,0)+1,1))-1)+IF('Standard Profiles'!$G$22=$B$10,7,0)+IF('Standard Profiles'!$G$22=$B$17,14,0)+IF('Standard Profiles'!$G$22=$B$24,21,0),0)),0)</f>
        <v>0</v>
      </c>
      <c r="I2633">
        <f t="shared" si="300"/>
        <v>0.32227620778206106</v>
      </c>
      <c r="J2633">
        <f t="shared" si="301"/>
        <v>1.0742540259402036</v>
      </c>
      <c r="K2633">
        <f t="shared" si="302"/>
        <v>1.6113810389103054</v>
      </c>
      <c r="L2633">
        <f t="shared" si="303"/>
        <v>7.7346289867694651</v>
      </c>
      <c r="M2633">
        <f t="shared" si="304"/>
        <v>0</v>
      </c>
      <c r="N2633" s="46">
        <f t="shared" si="305"/>
        <v>45400.291666660363</v>
      </c>
    </row>
    <row r="2634" spans="2:14" x14ac:dyDescent="0.3">
      <c r="B2634">
        <f t="shared" si="299"/>
        <v>4</v>
      </c>
      <c r="C2634" s="16">
        <v>2600</v>
      </c>
      <c r="D2634" cm="1">
        <f t="array" ref="D2634">IFERROR(INDEX(Jesper!AH$2:AH$366,ROUNDDOWN($C2634/24,0)+1,1)*INDEX($D$3:$AA$30,INDEX(Jesper!$R$2:$R$366,ROW(INDEX(Jesper!AH$2:AH$366,ROUNDDOWN($C2634/24,0)+1,1))-1)+IF('Standard Profiles'!$G$18=$B$10,7,0)+IF('Standard Profiles'!$G$18=$B$17,14,0)+IF('Standard Profiles'!$G$18=$B$24,21,0),MOD($C2634,24)+1)/SUM(INDEX($D$3:$AA$30,INDEX(Jesper!$R$2:$R$366,ROW(INDEX(Jesper!AH$2:AH$366,ROUNDDOWN($C2634/24,0)+1,1))-1)+IF('Standard Profiles'!$G$18=$B$10,7,0)+IF('Standard Profiles'!$G$18=$B$17,14,0)+IF('Standard Profiles'!$G$18=$B$24,21,0),0)),0)</f>
        <v>10.742540259402036</v>
      </c>
      <c r="E2634" cm="1">
        <f t="array" ref="E2634">IFERROR(INDEX(Jesper!AI$2:AI$366,ROUNDDOWN($C2634/24,0)+1,1)*INDEX($D$3:$AA$30,INDEX(Jesper!$R$2:$R$366,ROW(INDEX(Jesper!AI$2:AI$366,ROUNDDOWN($C2634/24,0)+1,1))-1)+IF('Standard Profiles'!$G$19=$B$10,7,0)+IF('Standard Profiles'!$G$19=$B$17,14,0)+IF('Standard Profiles'!$G$19=$B$24,21,0),MOD($C2634,24)+1)/SUM(INDEX($D$3:$AA$30,INDEX(Jesper!$R$2:$R$366,ROW(INDEX(Jesper!AI$2:AI$366,ROUNDDOWN($C2634/24,0)+1,1))-1)+IF('Standard Profiles'!$G$19=$B$10,7,0)+IF('Standard Profiles'!$G$19=$B$17,14,0)+IF('Standard Profiles'!$G$19=$B$24,21,0),0)),0)</f>
        <v>0</v>
      </c>
      <c r="F2634" cm="1">
        <f t="array" ref="F2634">IFERROR(INDEX(Jesper!AJ$2:AJ$366,ROUNDDOWN($C2634/24,0)+1,1)*INDEX($D$3:$AA$30,INDEX(Jesper!$R$2:$R$366,ROW(INDEX(Jesper!AJ$2:AJ$366,ROUNDDOWN($C2634/24,0)+1,1))-1)+IF('Standard Profiles'!$G$20=$B$10,7,0)+IF('Standard Profiles'!$G$20=$B$17,14,0)+IF('Standard Profiles'!$G$20=$B$24,21,0),MOD($C2634,24)+1)/SUM(INDEX($D$3:$AA$30,INDEX(Jesper!$R$2:$R$366,ROW(INDEX(Jesper!AJ$2:AJ$366,ROUNDDOWN($C2634/24,0)+1,1))-1)+IF('Standard Profiles'!$G$20=$B$10,7,0)+IF('Standard Profiles'!$G$20=$B$17,14,0)+IF('Standard Profiles'!$G$20=$B$24,21,0),0)),0)</f>
        <v>0</v>
      </c>
      <c r="G2634" cm="1">
        <f t="array" ref="G2634">IFERROR(INDEX(Jesper!AK$2:AK$366,ROUNDDOWN($C2634/24,0)+1,1)*INDEX($D$3:$AA$30,INDEX(Jesper!$R$2:$R$366,ROW(INDEX(Jesper!AK$2:AK$366,ROUNDDOWN($C2634/24,0)+1,1))-1)+IF('Standard Profiles'!$G$21=$B$10,7,0)+IF('Standard Profiles'!$G$21=$B$17,14,0)+IF('Standard Profiles'!$G$21=$B$24,21,0),MOD($C2634,24)+1)/SUM(INDEX($D$3:$AA$30,INDEX(Jesper!$R$2:$R$366,ROW(INDEX(Jesper!AK$2:AK$366,ROUNDDOWN($C2634/24,0)+1,1))-1)+IF('Standard Profiles'!$G$21=$B$10,7,0)+IF('Standard Profiles'!$G$21=$B$17,14,0)+IF('Standard Profiles'!$G$21=$B$24,21,0),0)),0)</f>
        <v>0</v>
      </c>
      <c r="H2634" cm="1">
        <f t="array" ref="H2634">IFERROR(INDEX(Jesper!AL$2:AL$366,ROUNDDOWN($C2634/24,0)+1,1)*INDEX($D$3:$AA$30,INDEX(Jesper!$R$2:$R$366,ROW(INDEX(Jesper!AL$2:AL$366,ROUNDDOWN($C2634/24,0)+1,1))-1)+IF('Standard Profiles'!$G$22=$B$10,7,0)+IF('Standard Profiles'!$G$22=$B$17,14,0)+IF('Standard Profiles'!$G$22=$B$24,21,0),MOD($C2634,24)+1)/SUM(INDEX($D$3:$AA$30,INDEX(Jesper!$R$2:$R$366,ROW(INDEX(Jesper!AL$2:AL$366,ROUNDDOWN($C2634/24,0)+1,1))-1)+IF('Standard Profiles'!$G$22=$B$10,7,0)+IF('Standard Profiles'!$G$22=$B$17,14,0)+IF('Standard Profiles'!$G$22=$B$24,21,0),0)),0)</f>
        <v>0</v>
      </c>
      <c r="I2634">
        <f t="shared" si="300"/>
        <v>0.32227620778206106</v>
      </c>
      <c r="J2634">
        <f t="shared" si="301"/>
        <v>1.0742540259402036</v>
      </c>
      <c r="K2634">
        <f t="shared" si="302"/>
        <v>1.6113810389103054</v>
      </c>
      <c r="L2634">
        <f t="shared" si="303"/>
        <v>7.7346289867694651</v>
      </c>
      <c r="M2634">
        <f t="shared" si="304"/>
        <v>0</v>
      </c>
      <c r="N2634" s="46">
        <f t="shared" si="305"/>
        <v>45400.333333327028</v>
      </c>
    </row>
    <row r="2635" spans="2:14" x14ac:dyDescent="0.3">
      <c r="B2635">
        <f t="shared" si="299"/>
        <v>4</v>
      </c>
      <c r="C2635" s="16">
        <v>2601</v>
      </c>
      <c r="D2635" cm="1">
        <f t="array" ref="D2635">IFERROR(INDEX(Jesper!AH$2:AH$366,ROUNDDOWN($C2635/24,0)+1,1)*INDEX($D$3:$AA$30,INDEX(Jesper!$R$2:$R$366,ROW(INDEX(Jesper!AH$2:AH$366,ROUNDDOWN($C2635/24,0)+1,1))-1)+IF('Standard Profiles'!$G$18=$B$10,7,0)+IF('Standard Profiles'!$G$18=$B$17,14,0)+IF('Standard Profiles'!$G$18=$B$24,21,0),MOD($C2635,24)+1)/SUM(INDEX($D$3:$AA$30,INDEX(Jesper!$R$2:$R$366,ROW(INDEX(Jesper!AH$2:AH$366,ROUNDDOWN($C2635/24,0)+1,1))-1)+IF('Standard Profiles'!$G$18=$B$10,7,0)+IF('Standard Profiles'!$G$18=$B$17,14,0)+IF('Standard Profiles'!$G$18=$B$24,21,0),0)),0)</f>
        <v>11.544222368312633</v>
      </c>
      <c r="E2635" cm="1">
        <f t="array" ref="E2635">IFERROR(INDEX(Jesper!AI$2:AI$366,ROUNDDOWN($C2635/24,0)+1,1)*INDEX($D$3:$AA$30,INDEX(Jesper!$R$2:$R$366,ROW(INDEX(Jesper!AI$2:AI$366,ROUNDDOWN($C2635/24,0)+1,1))-1)+IF('Standard Profiles'!$G$19=$B$10,7,0)+IF('Standard Profiles'!$G$19=$B$17,14,0)+IF('Standard Profiles'!$G$19=$B$24,21,0),MOD($C2635,24)+1)/SUM(INDEX($D$3:$AA$30,INDEX(Jesper!$R$2:$R$366,ROW(INDEX(Jesper!AI$2:AI$366,ROUNDDOWN($C2635/24,0)+1,1))-1)+IF('Standard Profiles'!$G$19=$B$10,7,0)+IF('Standard Profiles'!$G$19=$B$17,14,0)+IF('Standard Profiles'!$G$19=$B$24,21,0),0)),0)</f>
        <v>0</v>
      </c>
      <c r="F2635" cm="1">
        <f t="array" ref="F2635">IFERROR(INDEX(Jesper!AJ$2:AJ$366,ROUNDDOWN($C2635/24,0)+1,1)*INDEX($D$3:$AA$30,INDEX(Jesper!$R$2:$R$366,ROW(INDEX(Jesper!AJ$2:AJ$366,ROUNDDOWN($C2635/24,0)+1,1))-1)+IF('Standard Profiles'!$G$20=$B$10,7,0)+IF('Standard Profiles'!$G$20=$B$17,14,0)+IF('Standard Profiles'!$G$20=$B$24,21,0),MOD($C2635,24)+1)/SUM(INDEX($D$3:$AA$30,INDEX(Jesper!$R$2:$R$366,ROW(INDEX(Jesper!AJ$2:AJ$366,ROUNDDOWN($C2635/24,0)+1,1))-1)+IF('Standard Profiles'!$G$20=$B$10,7,0)+IF('Standard Profiles'!$G$20=$B$17,14,0)+IF('Standard Profiles'!$G$20=$B$24,21,0),0)),0)</f>
        <v>0</v>
      </c>
      <c r="G2635" cm="1">
        <f t="array" ref="G2635">IFERROR(INDEX(Jesper!AK$2:AK$366,ROUNDDOWN($C2635/24,0)+1,1)*INDEX($D$3:$AA$30,INDEX(Jesper!$R$2:$R$366,ROW(INDEX(Jesper!AK$2:AK$366,ROUNDDOWN($C2635/24,0)+1,1))-1)+IF('Standard Profiles'!$G$21=$B$10,7,0)+IF('Standard Profiles'!$G$21=$B$17,14,0)+IF('Standard Profiles'!$G$21=$B$24,21,0),MOD($C2635,24)+1)/SUM(INDEX($D$3:$AA$30,INDEX(Jesper!$R$2:$R$366,ROW(INDEX(Jesper!AK$2:AK$366,ROUNDDOWN($C2635/24,0)+1,1))-1)+IF('Standard Profiles'!$G$21=$B$10,7,0)+IF('Standard Profiles'!$G$21=$B$17,14,0)+IF('Standard Profiles'!$G$21=$B$24,21,0),0)),0)</f>
        <v>0</v>
      </c>
      <c r="H2635" cm="1">
        <f t="array" ref="H2635">IFERROR(INDEX(Jesper!AL$2:AL$366,ROUNDDOWN($C2635/24,0)+1,1)*INDEX($D$3:$AA$30,INDEX(Jesper!$R$2:$R$366,ROW(INDEX(Jesper!AL$2:AL$366,ROUNDDOWN($C2635/24,0)+1,1))-1)+IF('Standard Profiles'!$G$22=$B$10,7,0)+IF('Standard Profiles'!$G$22=$B$17,14,0)+IF('Standard Profiles'!$G$22=$B$24,21,0),MOD($C2635,24)+1)/SUM(INDEX($D$3:$AA$30,INDEX(Jesper!$R$2:$R$366,ROW(INDEX(Jesper!AL$2:AL$366,ROUNDDOWN($C2635/24,0)+1,1))-1)+IF('Standard Profiles'!$G$22=$B$10,7,0)+IF('Standard Profiles'!$G$22=$B$17,14,0)+IF('Standard Profiles'!$G$22=$B$24,21,0),0)),0)</f>
        <v>0</v>
      </c>
      <c r="I2635">
        <f t="shared" si="300"/>
        <v>0.34632667104937898</v>
      </c>
      <c r="J2635">
        <f t="shared" si="301"/>
        <v>1.1544222368312633</v>
      </c>
      <c r="K2635">
        <f t="shared" si="302"/>
        <v>1.731633355246895</v>
      </c>
      <c r="L2635">
        <f t="shared" si="303"/>
        <v>8.3118401051850963</v>
      </c>
      <c r="M2635">
        <f t="shared" si="304"/>
        <v>0</v>
      </c>
      <c r="N2635" s="46">
        <f t="shared" si="305"/>
        <v>45400.374999993692</v>
      </c>
    </row>
    <row r="2636" spans="2:14" x14ac:dyDescent="0.3">
      <c r="B2636">
        <f t="shared" si="299"/>
        <v>4</v>
      </c>
      <c r="C2636" s="16">
        <v>2602</v>
      </c>
      <c r="D2636" cm="1">
        <f t="array" ref="D2636">IFERROR(INDEX(Jesper!AH$2:AH$366,ROUNDDOWN($C2636/24,0)+1,1)*INDEX($D$3:$AA$30,INDEX(Jesper!$R$2:$R$366,ROW(INDEX(Jesper!AH$2:AH$366,ROUNDDOWN($C2636/24,0)+1,1))-1)+IF('Standard Profiles'!$G$18=$B$10,7,0)+IF('Standard Profiles'!$G$18=$B$17,14,0)+IF('Standard Profiles'!$G$18=$B$24,21,0),MOD($C2636,24)+1)/SUM(INDEX($D$3:$AA$30,INDEX(Jesper!$R$2:$R$366,ROW(INDEX(Jesper!AH$2:AH$366,ROUNDDOWN($C2636/24,0)+1,1))-1)+IF('Standard Profiles'!$G$18=$B$10,7,0)+IF('Standard Profiles'!$G$18=$B$17,14,0)+IF('Standard Profiles'!$G$18=$B$24,21,0),0)),0)</f>
        <v>12.506240899005352</v>
      </c>
      <c r="E2636" cm="1">
        <f t="array" ref="E2636">IFERROR(INDEX(Jesper!AI$2:AI$366,ROUNDDOWN($C2636/24,0)+1,1)*INDEX($D$3:$AA$30,INDEX(Jesper!$R$2:$R$366,ROW(INDEX(Jesper!AI$2:AI$366,ROUNDDOWN($C2636/24,0)+1,1))-1)+IF('Standard Profiles'!$G$19=$B$10,7,0)+IF('Standard Profiles'!$G$19=$B$17,14,0)+IF('Standard Profiles'!$G$19=$B$24,21,0),MOD($C2636,24)+1)/SUM(INDEX($D$3:$AA$30,INDEX(Jesper!$R$2:$R$366,ROW(INDEX(Jesper!AI$2:AI$366,ROUNDDOWN($C2636/24,0)+1,1))-1)+IF('Standard Profiles'!$G$19=$B$10,7,0)+IF('Standard Profiles'!$G$19=$B$17,14,0)+IF('Standard Profiles'!$G$19=$B$24,21,0),0)),0)</f>
        <v>0</v>
      </c>
      <c r="F2636" cm="1">
        <f t="array" ref="F2636">IFERROR(INDEX(Jesper!AJ$2:AJ$366,ROUNDDOWN($C2636/24,0)+1,1)*INDEX($D$3:$AA$30,INDEX(Jesper!$R$2:$R$366,ROW(INDEX(Jesper!AJ$2:AJ$366,ROUNDDOWN($C2636/24,0)+1,1))-1)+IF('Standard Profiles'!$G$20=$B$10,7,0)+IF('Standard Profiles'!$G$20=$B$17,14,0)+IF('Standard Profiles'!$G$20=$B$24,21,0),MOD($C2636,24)+1)/SUM(INDEX($D$3:$AA$30,INDEX(Jesper!$R$2:$R$366,ROW(INDEX(Jesper!AJ$2:AJ$366,ROUNDDOWN($C2636/24,0)+1,1))-1)+IF('Standard Profiles'!$G$20=$B$10,7,0)+IF('Standard Profiles'!$G$20=$B$17,14,0)+IF('Standard Profiles'!$G$20=$B$24,21,0),0)),0)</f>
        <v>0</v>
      </c>
      <c r="G2636" cm="1">
        <f t="array" ref="G2636">IFERROR(INDEX(Jesper!AK$2:AK$366,ROUNDDOWN($C2636/24,0)+1,1)*INDEX($D$3:$AA$30,INDEX(Jesper!$R$2:$R$366,ROW(INDEX(Jesper!AK$2:AK$366,ROUNDDOWN($C2636/24,0)+1,1))-1)+IF('Standard Profiles'!$G$21=$B$10,7,0)+IF('Standard Profiles'!$G$21=$B$17,14,0)+IF('Standard Profiles'!$G$21=$B$24,21,0),MOD($C2636,24)+1)/SUM(INDEX($D$3:$AA$30,INDEX(Jesper!$R$2:$R$366,ROW(INDEX(Jesper!AK$2:AK$366,ROUNDDOWN($C2636/24,0)+1,1))-1)+IF('Standard Profiles'!$G$21=$B$10,7,0)+IF('Standard Profiles'!$G$21=$B$17,14,0)+IF('Standard Profiles'!$G$21=$B$24,21,0),0)),0)</f>
        <v>0</v>
      </c>
      <c r="H2636" cm="1">
        <f t="array" ref="H2636">IFERROR(INDEX(Jesper!AL$2:AL$366,ROUNDDOWN($C2636/24,0)+1,1)*INDEX($D$3:$AA$30,INDEX(Jesper!$R$2:$R$366,ROW(INDEX(Jesper!AL$2:AL$366,ROUNDDOWN($C2636/24,0)+1,1))-1)+IF('Standard Profiles'!$G$22=$B$10,7,0)+IF('Standard Profiles'!$G$22=$B$17,14,0)+IF('Standard Profiles'!$G$22=$B$24,21,0),MOD($C2636,24)+1)/SUM(INDEX($D$3:$AA$30,INDEX(Jesper!$R$2:$R$366,ROW(INDEX(Jesper!AL$2:AL$366,ROUNDDOWN($C2636/24,0)+1,1))-1)+IF('Standard Profiles'!$G$22=$B$10,7,0)+IF('Standard Profiles'!$G$22=$B$17,14,0)+IF('Standard Profiles'!$G$22=$B$24,21,0),0)),0)</f>
        <v>0</v>
      </c>
      <c r="I2636">
        <f t="shared" si="300"/>
        <v>0.37518722697016055</v>
      </c>
      <c r="J2636">
        <f t="shared" si="301"/>
        <v>1.2506240899005352</v>
      </c>
      <c r="K2636">
        <f t="shared" si="302"/>
        <v>1.8759361348508028</v>
      </c>
      <c r="L2636">
        <f t="shared" si="303"/>
        <v>9.0044934472838527</v>
      </c>
      <c r="M2636">
        <f t="shared" si="304"/>
        <v>0</v>
      </c>
      <c r="N2636" s="46">
        <f t="shared" si="305"/>
        <v>45400.416666660356</v>
      </c>
    </row>
    <row r="2637" spans="2:14" x14ac:dyDescent="0.3">
      <c r="B2637">
        <f t="shared" si="299"/>
        <v>4</v>
      </c>
      <c r="C2637" s="16">
        <v>2603</v>
      </c>
      <c r="D2637" cm="1">
        <f t="array" ref="D2637">IFERROR(INDEX(Jesper!AH$2:AH$366,ROUNDDOWN($C2637/24,0)+1,1)*INDEX($D$3:$AA$30,INDEX(Jesper!$R$2:$R$366,ROW(INDEX(Jesper!AH$2:AH$366,ROUNDDOWN($C2637/24,0)+1,1))-1)+IF('Standard Profiles'!$G$18=$B$10,7,0)+IF('Standard Profiles'!$G$18=$B$17,14,0)+IF('Standard Profiles'!$G$18=$B$24,21,0),MOD($C2637,24)+1)/SUM(INDEX($D$3:$AA$30,INDEX(Jesper!$R$2:$R$366,ROW(INDEX(Jesper!AH$2:AH$366,ROUNDDOWN($C2637/24,0)+1,1))-1)+IF('Standard Profiles'!$G$18=$B$10,7,0)+IF('Standard Profiles'!$G$18=$B$17,14,0)+IF('Standard Profiles'!$G$18=$B$24,21,0),0)),0)</f>
        <v>14.430277960390791</v>
      </c>
      <c r="E2637" cm="1">
        <f t="array" ref="E2637">IFERROR(INDEX(Jesper!AI$2:AI$366,ROUNDDOWN($C2637/24,0)+1,1)*INDEX($D$3:$AA$30,INDEX(Jesper!$R$2:$R$366,ROW(INDEX(Jesper!AI$2:AI$366,ROUNDDOWN($C2637/24,0)+1,1))-1)+IF('Standard Profiles'!$G$19=$B$10,7,0)+IF('Standard Profiles'!$G$19=$B$17,14,0)+IF('Standard Profiles'!$G$19=$B$24,21,0),MOD($C2637,24)+1)/SUM(INDEX($D$3:$AA$30,INDEX(Jesper!$R$2:$R$366,ROW(INDEX(Jesper!AI$2:AI$366,ROUNDDOWN($C2637/24,0)+1,1))-1)+IF('Standard Profiles'!$G$19=$B$10,7,0)+IF('Standard Profiles'!$G$19=$B$17,14,0)+IF('Standard Profiles'!$G$19=$B$24,21,0),0)),0)</f>
        <v>0</v>
      </c>
      <c r="F2637" cm="1">
        <f t="array" ref="F2637">IFERROR(INDEX(Jesper!AJ$2:AJ$366,ROUNDDOWN($C2637/24,0)+1,1)*INDEX($D$3:$AA$30,INDEX(Jesper!$R$2:$R$366,ROW(INDEX(Jesper!AJ$2:AJ$366,ROUNDDOWN($C2637/24,0)+1,1))-1)+IF('Standard Profiles'!$G$20=$B$10,7,0)+IF('Standard Profiles'!$G$20=$B$17,14,0)+IF('Standard Profiles'!$G$20=$B$24,21,0),MOD($C2637,24)+1)/SUM(INDEX($D$3:$AA$30,INDEX(Jesper!$R$2:$R$366,ROW(INDEX(Jesper!AJ$2:AJ$366,ROUNDDOWN($C2637/24,0)+1,1))-1)+IF('Standard Profiles'!$G$20=$B$10,7,0)+IF('Standard Profiles'!$G$20=$B$17,14,0)+IF('Standard Profiles'!$G$20=$B$24,21,0),0)),0)</f>
        <v>0</v>
      </c>
      <c r="G2637" cm="1">
        <f t="array" ref="G2637">IFERROR(INDEX(Jesper!AK$2:AK$366,ROUNDDOWN($C2637/24,0)+1,1)*INDEX($D$3:$AA$30,INDEX(Jesper!$R$2:$R$366,ROW(INDEX(Jesper!AK$2:AK$366,ROUNDDOWN($C2637/24,0)+1,1))-1)+IF('Standard Profiles'!$G$21=$B$10,7,0)+IF('Standard Profiles'!$G$21=$B$17,14,0)+IF('Standard Profiles'!$G$21=$B$24,21,0),MOD($C2637,24)+1)/SUM(INDEX($D$3:$AA$30,INDEX(Jesper!$R$2:$R$366,ROW(INDEX(Jesper!AK$2:AK$366,ROUNDDOWN($C2637/24,0)+1,1))-1)+IF('Standard Profiles'!$G$21=$B$10,7,0)+IF('Standard Profiles'!$G$21=$B$17,14,0)+IF('Standard Profiles'!$G$21=$B$24,21,0),0)),0)</f>
        <v>0</v>
      </c>
      <c r="H2637" cm="1">
        <f t="array" ref="H2637">IFERROR(INDEX(Jesper!AL$2:AL$366,ROUNDDOWN($C2637/24,0)+1,1)*INDEX($D$3:$AA$30,INDEX(Jesper!$R$2:$R$366,ROW(INDEX(Jesper!AL$2:AL$366,ROUNDDOWN($C2637/24,0)+1,1))-1)+IF('Standard Profiles'!$G$22=$B$10,7,0)+IF('Standard Profiles'!$G$22=$B$17,14,0)+IF('Standard Profiles'!$G$22=$B$24,21,0),MOD($C2637,24)+1)/SUM(INDEX($D$3:$AA$30,INDEX(Jesper!$R$2:$R$366,ROW(INDEX(Jesper!AL$2:AL$366,ROUNDDOWN($C2637/24,0)+1,1))-1)+IF('Standard Profiles'!$G$22=$B$10,7,0)+IF('Standard Profiles'!$G$22=$B$17,14,0)+IF('Standard Profiles'!$G$22=$B$24,21,0),0)),0)</f>
        <v>0</v>
      </c>
      <c r="I2637">
        <f t="shared" si="300"/>
        <v>0.43290833881172369</v>
      </c>
      <c r="J2637">
        <f t="shared" si="301"/>
        <v>1.4430277960390792</v>
      </c>
      <c r="K2637">
        <f t="shared" si="302"/>
        <v>2.1645416940586184</v>
      </c>
      <c r="L2637">
        <f t="shared" si="303"/>
        <v>10.389800131481369</v>
      </c>
      <c r="M2637">
        <f t="shared" si="304"/>
        <v>0</v>
      </c>
      <c r="N2637" s="46">
        <f t="shared" si="305"/>
        <v>45400.45833332702</v>
      </c>
    </row>
    <row r="2638" spans="2:14" x14ac:dyDescent="0.3">
      <c r="B2638">
        <f t="shared" si="299"/>
        <v>4</v>
      </c>
      <c r="C2638" s="16">
        <v>2604</v>
      </c>
      <c r="D2638" cm="1">
        <f t="array" ref="D2638">IFERROR(INDEX(Jesper!AH$2:AH$366,ROUNDDOWN($C2638/24,0)+1,1)*INDEX($D$3:$AA$30,INDEX(Jesper!$R$2:$R$366,ROW(INDEX(Jesper!AH$2:AH$366,ROUNDDOWN($C2638/24,0)+1,1))-1)+IF('Standard Profiles'!$G$18=$B$10,7,0)+IF('Standard Profiles'!$G$18=$B$17,14,0)+IF('Standard Profiles'!$G$18=$B$24,21,0),MOD($C2638,24)+1)/SUM(INDEX($D$3:$AA$30,INDEX(Jesper!$R$2:$R$366,ROW(INDEX(Jesper!AH$2:AH$366,ROUNDDOWN($C2638/24,0)+1,1))-1)+IF('Standard Profiles'!$G$18=$B$10,7,0)+IF('Standard Profiles'!$G$18=$B$17,14,0)+IF('Standard Profiles'!$G$18=$B$24,21,0),0)),0)</f>
        <v>14.430277960390791</v>
      </c>
      <c r="E2638" cm="1">
        <f t="array" ref="E2638">IFERROR(INDEX(Jesper!AI$2:AI$366,ROUNDDOWN($C2638/24,0)+1,1)*INDEX($D$3:$AA$30,INDEX(Jesper!$R$2:$R$366,ROW(INDEX(Jesper!AI$2:AI$366,ROUNDDOWN($C2638/24,0)+1,1))-1)+IF('Standard Profiles'!$G$19=$B$10,7,0)+IF('Standard Profiles'!$G$19=$B$17,14,0)+IF('Standard Profiles'!$G$19=$B$24,21,0),MOD($C2638,24)+1)/SUM(INDEX($D$3:$AA$30,INDEX(Jesper!$R$2:$R$366,ROW(INDEX(Jesper!AI$2:AI$366,ROUNDDOWN($C2638/24,0)+1,1))-1)+IF('Standard Profiles'!$G$19=$B$10,7,0)+IF('Standard Profiles'!$G$19=$B$17,14,0)+IF('Standard Profiles'!$G$19=$B$24,21,0),0)),0)</f>
        <v>0</v>
      </c>
      <c r="F2638" cm="1">
        <f t="array" ref="F2638">IFERROR(INDEX(Jesper!AJ$2:AJ$366,ROUNDDOWN($C2638/24,0)+1,1)*INDEX($D$3:$AA$30,INDEX(Jesper!$R$2:$R$366,ROW(INDEX(Jesper!AJ$2:AJ$366,ROUNDDOWN($C2638/24,0)+1,1))-1)+IF('Standard Profiles'!$G$20=$B$10,7,0)+IF('Standard Profiles'!$G$20=$B$17,14,0)+IF('Standard Profiles'!$G$20=$B$24,21,0),MOD($C2638,24)+1)/SUM(INDEX($D$3:$AA$30,INDEX(Jesper!$R$2:$R$366,ROW(INDEX(Jesper!AJ$2:AJ$366,ROUNDDOWN($C2638/24,0)+1,1))-1)+IF('Standard Profiles'!$G$20=$B$10,7,0)+IF('Standard Profiles'!$G$20=$B$17,14,0)+IF('Standard Profiles'!$G$20=$B$24,21,0),0)),0)</f>
        <v>0</v>
      </c>
      <c r="G2638" cm="1">
        <f t="array" ref="G2638">IFERROR(INDEX(Jesper!AK$2:AK$366,ROUNDDOWN($C2638/24,0)+1,1)*INDEX($D$3:$AA$30,INDEX(Jesper!$R$2:$R$366,ROW(INDEX(Jesper!AK$2:AK$366,ROUNDDOWN($C2638/24,0)+1,1))-1)+IF('Standard Profiles'!$G$21=$B$10,7,0)+IF('Standard Profiles'!$G$21=$B$17,14,0)+IF('Standard Profiles'!$G$21=$B$24,21,0),MOD($C2638,24)+1)/SUM(INDEX($D$3:$AA$30,INDEX(Jesper!$R$2:$R$366,ROW(INDEX(Jesper!AK$2:AK$366,ROUNDDOWN($C2638/24,0)+1,1))-1)+IF('Standard Profiles'!$G$21=$B$10,7,0)+IF('Standard Profiles'!$G$21=$B$17,14,0)+IF('Standard Profiles'!$G$21=$B$24,21,0),0)),0)</f>
        <v>0</v>
      </c>
      <c r="H2638" cm="1">
        <f t="array" ref="H2638">IFERROR(INDEX(Jesper!AL$2:AL$366,ROUNDDOWN($C2638/24,0)+1,1)*INDEX($D$3:$AA$30,INDEX(Jesper!$R$2:$R$366,ROW(INDEX(Jesper!AL$2:AL$366,ROUNDDOWN($C2638/24,0)+1,1))-1)+IF('Standard Profiles'!$G$22=$B$10,7,0)+IF('Standard Profiles'!$G$22=$B$17,14,0)+IF('Standard Profiles'!$G$22=$B$24,21,0),MOD($C2638,24)+1)/SUM(INDEX($D$3:$AA$30,INDEX(Jesper!$R$2:$R$366,ROW(INDEX(Jesper!AL$2:AL$366,ROUNDDOWN($C2638/24,0)+1,1))-1)+IF('Standard Profiles'!$G$22=$B$10,7,0)+IF('Standard Profiles'!$G$22=$B$17,14,0)+IF('Standard Profiles'!$G$22=$B$24,21,0),0)),0)</f>
        <v>0</v>
      </c>
      <c r="I2638">
        <f t="shared" si="300"/>
        <v>0.43290833881172369</v>
      </c>
      <c r="J2638">
        <f t="shared" si="301"/>
        <v>1.4430277960390792</v>
      </c>
      <c r="K2638">
        <f t="shared" si="302"/>
        <v>2.1645416940586184</v>
      </c>
      <c r="L2638">
        <f t="shared" si="303"/>
        <v>10.389800131481369</v>
      </c>
      <c r="M2638">
        <f t="shared" si="304"/>
        <v>0</v>
      </c>
      <c r="N2638" s="46">
        <f t="shared" si="305"/>
        <v>45400.499999993684</v>
      </c>
    </row>
    <row r="2639" spans="2:14" x14ac:dyDescent="0.3">
      <c r="B2639">
        <f t="shared" si="299"/>
        <v>4</v>
      </c>
      <c r="C2639" s="16">
        <v>2605</v>
      </c>
      <c r="D2639" cm="1">
        <f t="array" ref="D2639">IFERROR(INDEX(Jesper!AH$2:AH$366,ROUNDDOWN($C2639/24,0)+1,1)*INDEX($D$3:$AA$30,INDEX(Jesper!$R$2:$R$366,ROW(INDEX(Jesper!AH$2:AH$366,ROUNDDOWN($C2639/24,0)+1,1))-1)+IF('Standard Profiles'!$G$18=$B$10,7,0)+IF('Standard Profiles'!$G$18=$B$17,14,0)+IF('Standard Profiles'!$G$18=$B$24,21,0),MOD($C2639,24)+1)/SUM(INDEX($D$3:$AA$30,INDEX(Jesper!$R$2:$R$366,ROW(INDEX(Jesper!AH$2:AH$366,ROUNDDOWN($C2639/24,0)+1,1))-1)+IF('Standard Profiles'!$G$18=$B$10,7,0)+IF('Standard Profiles'!$G$18=$B$17,14,0)+IF('Standard Profiles'!$G$18=$B$24,21,0),0)),0)</f>
        <v>14.430277960390791</v>
      </c>
      <c r="E2639" cm="1">
        <f t="array" ref="E2639">IFERROR(INDEX(Jesper!AI$2:AI$366,ROUNDDOWN($C2639/24,0)+1,1)*INDEX($D$3:$AA$30,INDEX(Jesper!$R$2:$R$366,ROW(INDEX(Jesper!AI$2:AI$366,ROUNDDOWN($C2639/24,0)+1,1))-1)+IF('Standard Profiles'!$G$19=$B$10,7,0)+IF('Standard Profiles'!$G$19=$B$17,14,0)+IF('Standard Profiles'!$G$19=$B$24,21,0),MOD($C2639,24)+1)/SUM(INDEX($D$3:$AA$30,INDEX(Jesper!$R$2:$R$366,ROW(INDEX(Jesper!AI$2:AI$366,ROUNDDOWN($C2639/24,0)+1,1))-1)+IF('Standard Profiles'!$G$19=$B$10,7,0)+IF('Standard Profiles'!$G$19=$B$17,14,0)+IF('Standard Profiles'!$G$19=$B$24,21,0),0)),0)</f>
        <v>0</v>
      </c>
      <c r="F2639" cm="1">
        <f t="array" ref="F2639">IFERROR(INDEX(Jesper!AJ$2:AJ$366,ROUNDDOWN($C2639/24,0)+1,1)*INDEX($D$3:$AA$30,INDEX(Jesper!$R$2:$R$366,ROW(INDEX(Jesper!AJ$2:AJ$366,ROUNDDOWN($C2639/24,0)+1,1))-1)+IF('Standard Profiles'!$G$20=$B$10,7,0)+IF('Standard Profiles'!$G$20=$B$17,14,0)+IF('Standard Profiles'!$G$20=$B$24,21,0),MOD($C2639,24)+1)/SUM(INDEX($D$3:$AA$30,INDEX(Jesper!$R$2:$R$366,ROW(INDEX(Jesper!AJ$2:AJ$366,ROUNDDOWN($C2639/24,0)+1,1))-1)+IF('Standard Profiles'!$G$20=$B$10,7,0)+IF('Standard Profiles'!$G$20=$B$17,14,0)+IF('Standard Profiles'!$G$20=$B$24,21,0),0)),0)</f>
        <v>0</v>
      </c>
      <c r="G2639" cm="1">
        <f t="array" ref="G2639">IFERROR(INDEX(Jesper!AK$2:AK$366,ROUNDDOWN($C2639/24,0)+1,1)*INDEX($D$3:$AA$30,INDEX(Jesper!$R$2:$R$366,ROW(INDEX(Jesper!AK$2:AK$366,ROUNDDOWN($C2639/24,0)+1,1))-1)+IF('Standard Profiles'!$G$21=$B$10,7,0)+IF('Standard Profiles'!$G$21=$B$17,14,0)+IF('Standard Profiles'!$G$21=$B$24,21,0),MOD($C2639,24)+1)/SUM(INDEX($D$3:$AA$30,INDEX(Jesper!$R$2:$R$366,ROW(INDEX(Jesper!AK$2:AK$366,ROUNDDOWN($C2639/24,0)+1,1))-1)+IF('Standard Profiles'!$G$21=$B$10,7,0)+IF('Standard Profiles'!$G$21=$B$17,14,0)+IF('Standard Profiles'!$G$21=$B$24,21,0),0)),0)</f>
        <v>0</v>
      </c>
      <c r="H2639" cm="1">
        <f t="array" ref="H2639">IFERROR(INDEX(Jesper!AL$2:AL$366,ROUNDDOWN($C2639/24,0)+1,1)*INDEX($D$3:$AA$30,INDEX(Jesper!$R$2:$R$366,ROW(INDEX(Jesper!AL$2:AL$366,ROUNDDOWN($C2639/24,0)+1,1))-1)+IF('Standard Profiles'!$G$22=$B$10,7,0)+IF('Standard Profiles'!$G$22=$B$17,14,0)+IF('Standard Profiles'!$G$22=$B$24,21,0),MOD($C2639,24)+1)/SUM(INDEX($D$3:$AA$30,INDEX(Jesper!$R$2:$R$366,ROW(INDEX(Jesper!AL$2:AL$366,ROUNDDOWN($C2639/24,0)+1,1))-1)+IF('Standard Profiles'!$G$22=$B$10,7,0)+IF('Standard Profiles'!$G$22=$B$17,14,0)+IF('Standard Profiles'!$G$22=$B$24,21,0),0)),0)</f>
        <v>0</v>
      </c>
      <c r="I2639">
        <f t="shared" si="300"/>
        <v>0.43290833881172369</v>
      </c>
      <c r="J2639">
        <f t="shared" si="301"/>
        <v>1.4430277960390792</v>
      </c>
      <c r="K2639">
        <f t="shared" si="302"/>
        <v>2.1645416940586184</v>
      </c>
      <c r="L2639">
        <f t="shared" si="303"/>
        <v>10.389800131481369</v>
      </c>
      <c r="M2639">
        <f t="shared" si="304"/>
        <v>0</v>
      </c>
      <c r="N2639" s="46">
        <f t="shared" si="305"/>
        <v>45400.541666660349</v>
      </c>
    </row>
    <row r="2640" spans="2:14" x14ac:dyDescent="0.3">
      <c r="B2640">
        <f t="shared" si="299"/>
        <v>4</v>
      </c>
      <c r="C2640" s="16">
        <v>2606</v>
      </c>
      <c r="D2640" cm="1">
        <f t="array" ref="D2640">IFERROR(INDEX(Jesper!AH$2:AH$366,ROUNDDOWN($C2640/24,0)+1,1)*INDEX($D$3:$AA$30,INDEX(Jesper!$R$2:$R$366,ROW(INDEX(Jesper!AH$2:AH$366,ROUNDDOWN($C2640/24,0)+1,1))-1)+IF('Standard Profiles'!$G$18=$B$10,7,0)+IF('Standard Profiles'!$G$18=$B$17,14,0)+IF('Standard Profiles'!$G$18=$B$24,21,0),MOD($C2640,24)+1)/SUM(INDEX($D$3:$AA$30,INDEX(Jesper!$R$2:$R$366,ROW(INDEX(Jesper!AH$2:AH$366,ROUNDDOWN($C2640/24,0)+1,1))-1)+IF('Standard Profiles'!$G$18=$B$10,7,0)+IF('Standard Profiles'!$G$18=$B$17,14,0)+IF('Standard Profiles'!$G$18=$B$24,21,0),0)),0)</f>
        <v>14.430277960390791</v>
      </c>
      <c r="E2640" cm="1">
        <f t="array" ref="E2640">IFERROR(INDEX(Jesper!AI$2:AI$366,ROUNDDOWN($C2640/24,0)+1,1)*INDEX($D$3:$AA$30,INDEX(Jesper!$R$2:$R$366,ROW(INDEX(Jesper!AI$2:AI$366,ROUNDDOWN($C2640/24,0)+1,1))-1)+IF('Standard Profiles'!$G$19=$B$10,7,0)+IF('Standard Profiles'!$G$19=$B$17,14,0)+IF('Standard Profiles'!$G$19=$B$24,21,0),MOD($C2640,24)+1)/SUM(INDEX($D$3:$AA$30,INDEX(Jesper!$R$2:$R$366,ROW(INDEX(Jesper!AI$2:AI$366,ROUNDDOWN($C2640/24,0)+1,1))-1)+IF('Standard Profiles'!$G$19=$B$10,7,0)+IF('Standard Profiles'!$G$19=$B$17,14,0)+IF('Standard Profiles'!$G$19=$B$24,21,0),0)),0)</f>
        <v>0</v>
      </c>
      <c r="F2640" cm="1">
        <f t="array" ref="F2640">IFERROR(INDEX(Jesper!AJ$2:AJ$366,ROUNDDOWN($C2640/24,0)+1,1)*INDEX($D$3:$AA$30,INDEX(Jesper!$R$2:$R$366,ROW(INDEX(Jesper!AJ$2:AJ$366,ROUNDDOWN($C2640/24,0)+1,1))-1)+IF('Standard Profiles'!$G$20=$B$10,7,0)+IF('Standard Profiles'!$G$20=$B$17,14,0)+IF('Standard Profiles'!$G$20=$B$24,21,0),MOD($C2640,24)+1)/SUM(INDEX($D$3:$AA$30,INDEX(Jesper!$R$2:$R$366,ROW(INDEX(Jesper!AJ$2:AJ$366,ROUNDDOWN($C2640/24,0)+1,1))-1)+IF('Standard Profiles'!$G$20=$B$10,7,0)+IF('Standard Profiles'!$G$20=$B$17,14,0)+IF('Standard Profiles'!$G$20=$B$24,21,0),0)),0)</f>
        <v>0</v>
      </c>
      <c r="G2640" cm="1">
        <f t="array" ref="G2640">IFERROR(INDEX(Jesper!AK$2:AK$366,ROUNDDOWN($C2640/24,0)+1,1)*INDEX($D$3:$AA$30,INDEX(Jesper!$R$2:$R$366,ROW(INDEX(Jesper!AK$2:AK$366,ROUNDDOWN($C2640/24,0)+1,1))-1)+IF('Standard Profiles'!$G$21=$B$10,7,0)+IF('Standard Profiles'!$G$21=$B$17,14,0)+IF('Standard Profiles'!$G$21=$B$24,21,0),MOD($C2640,24)+1)/SUM(INDEX($D$3:$AA$30,INDEX(Jesper!$R$2:$R$366,ROW(INDEX(Jesper!AK$2:AK$366,ROUNDDOWN($C2640/24,0)+1,1))-1)+IF('Standard Profiles'!$G$21=$B$10,7,0)+IF('Standard Profiles'!$G$21=$B$17,14,0)+IF('Standard Profiles'!$G$21=$B$24,21,0),0)),0)</f>
        <v>0</v>
      </c>
      <c r="H2640" cm="1">
        <f t="array" ref="H2640">IFERROR(INDEX(Jesper!AL$2:AL$366,ROUNDDOWN($C2640/24,0)+1,1)*INDEX($D$3:$AA$30,INDEX(Jesper!$R$2:$R$366,ROW(INDEX(Jesper!AL$2:AL$366,ROUNDDOWN($C2640/24,0)+1,1))-1)+IF('Standard Profiles'!$G$22=$B$10,7,0)+IF('Standard Profiles'!$G$22=$B$17,14,0)+IF('Standard Profiles'!$G$22=$B$24,21,0),MOD($C2640,24)+1)/SUM(INDEX($D$3:$AA$30,INDEX(Jesper!$R$2:$R$366,ROW(INDEX(Jesper!AL$2:AL$366,ROUNDDOWN($C2640/24,0)+1,1))-1)+IF('Standard Profiles'!$G$22=$B$10,7,0)+IF('Standard Profiles'!$G$22=$B$17,14,0)+IF('Standard Profiles'!$G$22=$B$24,21,0),0)),0)</f>
        <v>0</v>
      </c>
      <c r="I2640">
        <f t="shared" si="300"/>
        <v>0.43290833881172369</v>
      </c>
      <c r="J2640">
        <f t="shared" si="301"/>
        <v>1.4430277960390792</v>
      </c>
      <c r="K2640">
        <f t="shared" si="302"/>
        <v>2.1645416940586184</v>
      </c>
      <c r="L2640">
        <f t="shared" si="303"/>
        <v>10.389800131481369</v>
      </c>
      <c r="M2640">
        <f t="shared" si="304"/>
        <v>0</v>
      </c>
      <c r="N2640" s="46">
        <f t="shared" si="305"/>
        <v>45400.583333327013</v>
      </c>
    </row>
    <row r="2641" spans="2:14" x14ac:dyDescent="0.3">
      <c r="B2641">
        <f t="shared" si="299"/>
        <v>4</v>
      </c>
      <c r="C2641" s="16">
        <v>2607</v>
      </c>
      <c r="D2641" cm="1">
        <f t="array" ref="D2641">IFERROR(INDEX(Jesper!AH$2:AH$366,ROUNDDOWN($C2641/24,0)+1,1)*INDEX($D$3:$AA$30,INDEX(Jesper!$R$2:$R$366,ROW(INDEX(Jesper!AH$2:AH$366,ROUNDDOWN($C2641/24,0)+1,1))-1)+IF('Standard Profiles'!$G$18=$B$10,7,0)+IF('Standard Profiles'!$G$18=$B$17,14,0)+IF('Standard Profiles'!$G$18=$B$24,21,0),MOD($C2641,24)+1)/SUM(INDEX($D$3:$AA$30,INDEX(Jesper!$R$2:$R$366,ROW(INDEX(Jesper!AH$2:AH$366,ROUNDDOWN($C2641/24,0)+1,1))-1)+IF('Standard Profiles'!$G$18=$B$10,7,0)+IF('Standard Profiles'!$G$18=$B$17,14,0)+IF('Standard Profiles'!$G$18=$B$24,21,0),0)),0)</f>
        <v>14.430277960390791</v>
      </c>
      <c r="E2641" cm="1">
        <f t="array" ref="E2641">IFERROR(INDEX(Jesper!AI$2:AI$366,ROUNDDOWN($C2641/24,0)+1,1)*INDEX($D$3:$AA$30,INDEX(Jesper!$R$2:$R$366,ROW(INDEX(Jesper!AI$2:AI$366,ROUNDDOWN($C2641/24,0)+1,1))-1)+IF('Standard Profiles'!$G$19=$B$10,7,0)+IF('Standard Profiles'!$G$19=$B$17,14,0)+IF('Standard Profiles'!$G$19=$B$24,21,0),MOD($C2641,24)+1)/SUM(INDEX($D$3:$AA$30,INDEX(Jesper!$R$2:$R$366,ROW(INDEX(Jesper!AI$2:AI$366,ROUNDDOWN($C2641/24,0)+1,1))-1)+IF('Standard Profiles'!$G$19=$B$10,7,0)+IF('Standard Profiles'!$G$19=$B$17,14,0)+IF('Standard Profiles'!$G$19=$B$24,21,0),0)),0)</f>
        <v>0</v>
      </c>
      <c r="F2641" cm="1">
        <f t="array" ref="F2641">IFERROR(INDEX(Jesper!AJ$2:AJ$366,ROUNDDOWN($C2641/24,0)+1,1)*INDEX($D$3:$AA$30,INDEX(Jesper!$R$2:$R$366,ROW(INDEX(Jesper!AJ$2:AJ$366,ROUNDDOWN($C2641/24,0)+1,1))-1)+IF('Standard Profiles'!$G$20=$B$10,7,0)+IF('Standard Profiles'!$G$20=$B$17,14,0)+IF('Standard Profiles'!$G$20=$B$24,21,0),MOD($C2641,24)+1)/SUM(INDEX($D$3:$AA$30,INDEX(Jesper!$R$2:$R$366,ROW(INDEX(Jesper!AJ$2:AJ$366,ROUNDDOWN($C2641/24,0)+1,1))-1)+IF('Standard Profiles'!$G$20=$B$10,7,0)+IF('Standard Profiles'!$G$20=$B$17,14,0)+IF('Standard Profiles'!$G$20=$B$24,21,0),0)),0)</f>
        <v>0</v>
      </c>
      <c r="G2641" cm="1">
        <f t="array" ref="G2641">IFERROR(INDEX(Jesper!AK$2:AK$366,ROUNDDOWN($C2641/24,0)+1,1)*INDEX($D$3:$AA$30,INDEX(Jesper!$R$2:$R$366,ROW(INDEX(Jesper!AK$2:AK$366,ROUNDDOWN($C2641/24,0)+1,1))-1)+IF('Standard Profiles'!$G$21=$B$10,7,0)+IF('Standard Profiles'!$G$21=$B$17,14,0)+IF('Standard Profiles'!$G$21=$B$24,21,0),MOD($C2641,24)+1)/SUM(INDEX($D$3:$AA$30,INDEX(Jesper!$R$2:$R$366,ROW(INDEX(Jesper!AK$2:AK$366,ROUNDDOWN($C2641/24,0)+1,1))-1)+IF('Standard Profiles'!$G$21=$B$10,7,0)+IF('Standard Profiles'!$G$21=$B$17,14,0)+IF('Standard Profiles'!$G$21=$B$24,21,0),0)),0)</f>
        <v>0</v>
      </c>
      <c r="H2641" cm="1">
        <f t="array" ref="H2641">IFERROR(INDEX(Jesper!AL$2:AL$366,ROUNDDOWN($C2641/24,0)+1,1)*INDEX($D$3:$AA$30,INDEX(Jesper!$R$2:$R$366,ROW(INDEX(Jesper!AL$2:AL$366,ROUNDDOWN($C2641/24,0)+1,1))-1)+IF('Standard Profiles'!$G$22=$B$10,7,0)+IF('Standard Profiles'!$G$22=$B$17,14,0)+IF('Standard Profiles'!$G$22=$B$24,21,0),MOD($C2641,24)+1)/SUM(INDEX($D$3:$AA$30,INDEX(Jesper!$R$2:$R$366,ROW(INDEX(Jesper!AL$2:AL$366,ROUNDDOWN($C2641/24,0)+1,1))-1)+IF('Standard Profiles'!$G$22=$B$10,7,0)+IF('Standard Profiles'!$G$22=$B$17,14,0)+IF('Standard Profiles'!$G$22=$B$24,21,0),0)),0)</f>
        <v>0</v>
      </c>
      <c r="I2641">
        <f t="shared" si="300"/>
        <v>0.43290833881172369</v>
      </c>
      <c r="J2641">
        <f t="shared" si="301"/>
        <v>1.4430277960390792</v>
      </c>
      <c r="K2641">
        <f t="shared" si="302"/>
        <v>2.1645416940586184</v>
      </c>
      <c r="L2641">
        <f t="shared" si="303"/>
        <v>10.389800131481369</v>
      </c>
      <c r="M2641">
        <f t="shared" si="304"/>
        <v>0</v>
      </c>
      <c r="N2641" s="46">
        <f t="shared" si="305"/>
        <v>45400.624999993677</v>
      </c>
    </row>
    <row r="2642" spans="2:14" x14ac:dyDescent="0.3">
      <c r="B2642">
        <f t="shared" si="299"/>
        <v>4</v>
      </c>
      <c r="C2642" s="16">
        <v>2608</v>
      </c>
      <c r="D2642" cm="1">
        <f t="array" ref="D2642">IFERROR(INDEX(Jesper!AH$2:AH$366,ROUNDDOWN($C2642/24,0)+1,1)*INDEX($D$3:$AA$30,INDEX(Jesper!$R$2:$R$366,ROW(INDEX(Jesper!AH$2:AH$366,ROUNDDOWN($C2642/24,0)+1,1))-1)+IF('Standard Profiles'!$G$18=$B$10,7,0)+IF('Standard Profiles'!$G$18=$B$17,14,0)+IF('Standard Profiles'!$G$18=$B$24,21,0),MOD($C2642,24)+1)/SUM(INDEX($D$3:$AA$30,INDEX(Jesper!$R$2:$R$366,ROW(INDEX(Jesper!AH$2:AH$366,ROUNDDOWN($C2642/24,0)+1,1))-1)+IF('Standard Profiles'!$G$18=$B$10,7,0)+IF('Standard Profiles'!$G$18=$B$17,14,0)+IF('Standard Profiles'!$G$18=$B$24,21,0),0)),0)</f>
        <v>14.430277960390791</v>
      </c>
      <c r="E2642" cm="1">
        <f t="array" ref="E2642">IFERROR(INDEX(Jesper!AI$2:AI$366,ROUNDDOWN($C2642/24,0)+1,1)*INDEX($D$3:$AA$30,INDEX(Jesper!$R$2:$R$366,ROW(INDEX(Jesper!AI$2:AI$366,ROUNDDOWN($C2642/24,0)+1,1))-1)+IF('Standard Profiles'!$G$19=$B$10,7,0)+IF('Standard Profiles'!$G$19=$B$17,14,0)+IF('Standard Profiles'!$G$19=$B$24,21,0),MOD($C2642,24)+1)/SUM(INDEX($D$3:$AA$30,INDEX(Jesper!$R$2:$R$366,ROW(INDEX(Jesper!AI$2:AI$366,ROUNDDOWN($C2642/24,0)+1,1))-1)+IF('Standard Profiles'!$G$19=$B$10,7,0)+IF('Standard Profiles'!$G$19=$B$17,14,0)+IF('Standard Profiles'!$G$19=$B$24,21,0),0)),0)</f>
        <v>0</v>
      </c>
      <c r="F2642" cm="1">
        <f t="array" ref="F2642">IFERROR(INDEX(Jesper!AJ$2:AJ$366,ROUNDDOWN($C2642/24,0)+1,1)*INDEX($D$3:$AA$30,INDEX(Jesper!$R$2:$R$366,ROW(INDEX(Jesper!AJ$2:AJ$366,ROUNDDOWN($C2642/24,0)+1,1))-1)+IF('Standard Profiles'!$G$20=$B$10,7,0)+IF('Standard Profiles'!$G$20=$B$17,14,0)+IF('Standard Profiles'!$G$20=$B$24,21,0),MOD($C2642,24)+1)/SUM(INDEX($D$3:$AA$30,INDEX(Jesper!$R$2:$R$366,ROW(INDEX(Jesper!AJ$2:AJ$366,ROUNDDOWN($C2642/24,0)+1,1))-1)+IF('Standard Profiles'!$G$20=$B$10,7,0)+IF('Standard Profiles'!$G$20=$B$17,14,0)+IF('Standard Profiles'!$G$20=$B$24,21,0),0)),0)</f>
        <v>0</v>
      </c>
      <c r="G2642" cm="1">
        <f t="array" ref="G2642">IFERROR(INDEX(Jesper!AK$2:AK$366,ROUNDDOWN($C2642/24,0)+1,1)*INDEX($D$3:$AA$30,INDEX(Jesper!$R$2:$R$366,ROW(INDEX(Jesper!AK$2:AK$366,ROUNDDOWN($C2642/24,0)+1,1))-1)+IF('Standard Profiles'!$G$21=$B$10,7,0)+IF('Standard Profiles'!$G$21=$B$17,14,0)+IF('Standard Profiles'!$G$21=$B$24,21,0),MOD($C2642,24)+1)/SUM(INDEX($D$3:$AA$30,INDEX(Jesper!$R$2:$R$366,ROW(INDEX(Jesper!AK$2:AK$366,ROUNDDOWN($C2642/24,0)+1,1))-1)+IF('Standard Profiles'!$G$21=$B$10,7,0)+IF('Standard Profiles'!$G$21=$B$17,14,0)+IF('Standard Profiles'!$G$21=$B$24,21,0),0)),0)</f>
        <v>0</v>
      </c>
      <c r="H2642" cm="1">
        <f t="array" ref="H2642">IFERROR(INDEX(Jesper!AL$2:AL$366,ROUNDDOWN($C2642/24,0)+1,1)*INDEX($D$3:$AA$30,INDEX(Jesper!$R$2:$R$366,ROW(INDEX(Jesper!AL$2:AL$366,ROUNDDOWN($C2642/24,0)+1,1))-1)+IF('Standard Profiles'!$G$22=$B$10,7,0)+IF('Standard Profiles'!$G$22=$B$17,14,0)+IF('Standard Profiles'!$G$22=$B$24,21,0),MOD($C2642,24)+1)/SUM(INDEX($D$3:$AA$30,INDEX(Jesper!$R$2:$R$366,ROW(INDEX(Jesper!AL$2:AL$366,ROUNDDOWN($C2642/24,0)+1,1))-1)+IF('Standard Profiles'!$G$22=$B$10,7,0)+IF('Standard Profiles'!$G$22=$B$17,14,0)+IF('Standard Profiles'!$G$22=$B$24,21,0),0)),0)</f>
        <v>0</v>
      </c>
      <c r="I2642">
        <f t="shared" si="300"/>
        <v>0.43290833881172369</v>
      </c>
      <c r="J2642">
        <f t="shared" si="301"/>
        <v>1.4430277960390792</v>
      </c>
      <c r="K2642">
        <f t="shared" si="302"/>
        <v>2.1645416940586184</v>
      </c>
      <c r="L2642">
        <f t="shared" si="303"/>
        <v>10.389800131481369</v>
      </c>
      <c r="M2642">
        <f t="shared" si="304"/>
        <v>0</v>
      </c>
      <c r="N2642" s="46">
        <f t="shared" si="305"/>
        <v>45400.666666660341</v>
      </c>
    </row>
    <row r="2643" spans="2:14" x14ac:dyDescent="0.3">
      <c r="B2643">
        <f t="shared" si="299"/>
        <v>4</v>
      </c>
      <c r="C2643" s="16">
        <v>2609</v>
      </c>
      <c r="D2643" cm="1">
        <f t="array" ref="D2643">IFERROR(INDEX(Jesper!AH$2:AH$366,ROUNDDOWN($C2643/24,0)+1,1)*INDEX($D$3:$AA$30,INDEX(Jesper!$R$2:$R$366,ROW(INDEX(Jesper!AH$2:AH$366,ROUNDDOWN($C2643/24,0)+1,1))-1)+IF('Standard Profiles'!$G$18=$B$10,7,0)+IF('Standard Profiles'!$G$18=$B$17,14,0)+IF('Standard Profiles'!$G$18=$B$24,21,0),MOD($C2643,24)+1)/SUM(INDEX($D$3:$AA$30,INDEX(Jesper!$R$2:$R$366,ROW(INDEX(Jesper!AH$2:AH$366,ROUNDDOWN($C2643/24,0)+1,1))-1)+IF('Standard Profiles'!$G$18=$B$10,7,0)+IF('Standard Profiles'!$G$18=$B$17,14,0)+IF('Standard Profiles'!$G$18=$B$24,21,0),0)),0)</f>
        <v>14.430277960390791</v>
      </c>
      <c r="E2643" cm="1">
        <f t="array" ref="E2643">IFERROR(INDEX(Jesper!AI$2:AI$366,ROUNDDOWN($C2643/24,0)+1,1)*INDEX($D$3:$AA$30,INDEX(Jesper!$R$2:$R$366,ROW(INDEX(Jesper!AI$2:AI$366,ROUNDDOWN($C2643/24,0)+1,1))-1)+IF('Standard Profiles'!$G$19=$B$10,7,0)+IF('Standard Profiles'!$G$19=$B$17,14,0)+IF('Standard Profiles'!$G$19=$B$24,21,0),MOD($C2643,24)+1)/SUM(INDEX($D$3:$AA$30,INDEX(Jesper!$R$2:$R$366,ROW(INDEX(Jesper!AI$2:AI$366,ROUNDDOWN($C2643/24,0)+1,1))-1)+IF('Standard Profiles'!$G$19=$B$10,7,0)+IF('Standard Profiles'!$G$19=$B$17,14,0)+IF('Standard Profiles'!$G$19=$B$24,21,0),0)),0)</f>
        <v>0</v>
      </c>
      <c r="F2643" cm="1">
        <f t="array" ref="F2643">IFERROR(INDEX(Jesper!AJ$2:AJ$366,ROUNDDOWN($C2643/24,0)+1,1)*INDEX($D$3:$AA$30,INDEX(Jesper!$R$2:$R$366,ROW(INDEX(Jesper!AJ$2:AJ$366,ROUNDDOWN($C2643/24,0)+1,1))-1)+IF('Standard Profiles'!$G$20=$B$10,7,0)+IF('Standard Profiles'!$G$20=$B$17,14,0)+IF('Standard Profiles'!$G$20=$B$24,21,0),MOD($C2643,24)+1)/SUM(INDEX($D$3:$AA$30,INDEX(Jesper!$R$2:$R$366,ROW(INDEX(Jesper!AJ$2:AJ$366,ROUNDDOWN($C2643/24,0)+1,1))-1)+IF('Standard Profiles'!$G$20=$B$10,7,0)+IF('Standard Profiles'!$G$20=$B$17,14,0)+IF('Standard Profiles'!$G$20=$B$24,21,0),0)),0)</f>
        <v>0</v>
      </c>
      <c r="G2643" cm="1">
        <f t="array" ref="G2643">IFERROR(INDEX(Jesper!AK$2:AK$366,ROUNDDOWN($C2643/24,0)+1,1)*INDEX($D$3:$AA$30,INDEX(Jesper!$R$2:$R$366,ROW(INDEX(Jesper!AK$2:AK$366,ROUNDDOWN($C2643/24,0)+1,1))-1)+IF('Standard Profiles'!$G$21=$B$10,7,0)+IF('Standard Profiles'!$G$21=$B$17,14,0)+IF('Standard Profiles'!$G$21=$B$24,21,0),MOD($C2643,24)+1)/SUM(INDEX($D$3:$AA$30,INDEX(Jesper!$R$2:$R$366,ROW(INDEX(Jesper!AK$2:AK$366,ROUNDDOWN($C2643/24,0)+1,1))-1)+IF('Standard Profiles'!$G$21=$B$10,7,0)+IF('Standard Profiles'!$G$21=$B$17,14,0)+IF('Standard Profiles'!$G$21=$B$24,21,0),0)),0)</f>
        <v>0</v>
      </c>
      <c r="H2643" cm="1">
        <f t="array" ref="H2643">IFERROR(INDEX(Jesper!AL$2:AL$366,ROUNDDOWN($C2643/24,0)+1,1)*INDEX($D$3:$AA$30,INDEX(Jesper!$R$2:$R$366,ROW(INDEX(Jesper!AL$2:AL$366,ROUNDDOWN($C2643/24,0)+1,1))-1)+IF('Standard Profiles'!$G$22=$B$10,7,0)+IF('Standard Profiles'!$G$22=$B$17,14,0)+IF('Standard Profiles'!$G$22=$B$24,21,0),MOD($C2643,24)+1)/SUM(INDEX($D$3:$AA$30,INDEX(Jesper!$R$2:$R$366,ROW(INDEX(Jesper!AL$2:AL$366,ROUNDDOWN($C2643/24,0)+1,1))-1)+IF('Standard Profiles'!$G$22=$B$10,7,0)+IF('Standard Profiles'!$G$22=$B$17,14,0)+IF('Standard Profiles'!$G$22=$B$24,21,0),0)),0)</f>
        <v>0</v>
      </c>
      <c r="I2643">
        <f t="shared" si="300"/>
        <v>0.43290833881172369</v>
      </c>
      <c r="J2643">
        <f t="shared" si="301"/>
        <v>1.4430277960390792</v>
      </c>
      <c r="K2643">
        <f t="shared" si="302"/>
        <v>2.1645416940586184</v>
      </c>
      <c r="L2643">
        <f t="shared" si="303"/>
        <v>10.389800131481369</v>
      </c>
      <c r="M2643">
        <f t="shared" si="304"/>
        <v>0</v>
      </c>
      <c r="N2643" s="46">
        <f t="shared" si="305"/>
        <v>45400.708333327006</v>
      </c>
    </row>
    <row r="2644" spans="2:14" x14ac:dyDescent="0.3">
      <c r="B2644">
        <f t="shared" si="299"/>
        <v>4</v>
      </c>
      <c r="C2644" s="16">
        <v>2610</v>
      </c>
      <c r="D2644" cm="1">
        <f t="array" ref="D2644">IFERROR(INDEX(Jesper!AH$2:AH$366,ROUNDDOWN($C2644/24,0)+1,1)*INDEX($D$3:$AA$30,INDEX(Jesper!$R$2:$R$366,ROW(INDEX(Jesper!AH$2:AH$366,ROUNDDOWN($C2644/24,0)+1,1))-1)+IF('Standard Profiles'!$G$18=$B$10,7,0)+IF('Standard Profiles'!$G$18=$B$17,14,0)+IF('Standard Profiles'!$G$18=$B$24,21,0),MOD($C2644,24)+1)/SUM(INDEX($D$3:$AA$30,INDEX(Jesper!$R$2:$R$366,ROW(INDEX(Jesper!AH$2:AH$366,ROUNDDOWN($C2644/24,0)+1,1))-1)+IF('Standard Profiles'!$G$18=$B$10,7,0)+IF('Standard Profiles'!$G$18=$B$17,14,0)+IF('Standard Profiles'!$G$18=$B$24,21,0),0)),0)</f>
        <v>14.430277960390791</v>
      </c>
      <c r="E2644" cm="1">
        <f t="array" ref="E2644">IFERROR(INDEX(Jesper!AI$2:AI$366,ROUNDDOWN($C2644/24,0)+1,1)*INDEX($D$3:$AA$30,INDEX(Jesper!$R$2:$R$366,ROW(INDEX(Jesper!AI$2:AI$366,ROUNDDOWN($C2644/24,0)+1,1))-1)+IF('Standard Profiles'!$G$19=$B$10,7,0)+IF('Standard Profiles'!$G$19=$B$17,14,0)+IF('Standard Profiles'!$G$19=$B$24,21,0),MOD($C2644,24)+1)/SUM(INDEX($D$3:$AA$30,INDEX(Jesper!$R$2:$R$366,ROW(INDEX(Jesper!AI$2:AI$366,ROUNDDOWN($C2644/24,0)+1,1))-1)+IF('Standard Profiles'!$G$19=$B$10,7,0)+IF('Standard Profiles'!$G$19=$B$17,14,0)+IF('Standard Profiles'!$G$19=$B$24,21,0),0)),0)</f>
        <v>0</v>
      </c>
      <c r="F2644" cm="1">
        <f t="array" ref="F2644">IFERROR(INDEX(Jesper!AJ$2:AJ$366,ROUNDDOWN($C2644/24,0)+1,1)*INDEX($D$3:$AA$30,INDEX(Jesper!$R$2:$R$366,ROW(INDEX(Jesper!AJ$2:AJ$366,ROUNDDOWN($C2644/24,0)+1,1))-1)+IF('Standard Profiles'!$G$20=$B$10,7,0)+IF('Standard Profiles'!$G$20=$B$17,14,0)+IF('Standard Profiles'!$G$20=$B$24,21,0),MOD($C2644,24)+1)/SUM(INDEX($D$3:$AA$30,INDEX(Jesper!$R$2:$R$366,ROW(INDEX(Jesper!AJ$2:AJ$366,ROUNDDOWN($C2644/24,0)+1,1))-1)+IF('Standard Profiles'!$G$20=$B$10,7,0)+IF('Standard Profiles'!$G$20=$B$17,14,0)+IF('Standard Profiles'!$G$20=$B$24,21,0),0)),0)</f>
        <v>0</v>
      </c>
      <c r="G2644" cm="1">
        <f t="array" ref="G2644">IFERROR(INDEX(Jesper!AK$2:AK$366,ROUNDDOWN($C2644/24,0)+1,1)*INDEX($D$3:$AA$30,INDEX(Jesper!$R$2:$R$366,ROW(INDEX(Jesper!AK$2:AK$366,ROUNDDOWN($C2644/24,0)+1,1))-1)+IF('Standard Profiles'!$G$21=$B$10,7,0)+IF('Standard Profiles'!$G$21=$B$17,14,0)+IF('Standard Profiles'!$G$21=$B$24,21,0),MOD($C2644,24)+1)/SUM(INDEX($D$3:$AA$30,INDEX(Jesper!$R$2:$R$366,ROW(INDEX(Jesper!AK$2:AK$366,ROUNDDOWN($C2644/24,0)+1,1))-1)+IF('Standard Profiles'!$G$21=$B$10,7,0)+IF('Standard Profiles'!$G$21=$B$17,14,0)+IF('Standard Profiles'!$G$21=$B$24,21,0),0)),0)</f>
        <v>0</v>
      </c>
      <c r="H2644" cm="1">
        <f t="array" ref="H2644">IFERROR(INDEX(Jesper!AL$2:AL$366,ROUNDDOWN($C2644/24,0)+1,1)*INDEX($D$3:$AA$30,INDEX(Jesper!$R$2:$R$366,ROW(INDEX(Jesper!AL$2:AL$366,ROUNDDOWN($C2644/24,0)+1,1))-1)+IF('Standard Profiles'!$G$22=$B$10,7,0)+IF('Standard Profiles'!$G$22=$B$17,14,0)+IF('Standard Profiles'!$G$22=$B$24,21,0),MOD($C2644,24)+1)/SUM(INDEX($D$3:$AA$30,INDEX(Jesper!$R$2:$R$366,ROW(INDEX(Jesper!AL$2:AL$366,ROUNDDOWN($C2644/24,0)+1,1))-1)+IF('Standard Profiles'!$G$22=$B$10,7,0)+IF('Standard Profiles'!$G$22=$B$17,14,0)+IF('Standard Profiles'!$G$22=$B$24,21,0),0)),0)</f>
        <v>0</v>
      </c>
      <c r="I2644">
        <f t="shared" si="300"/>
        <v>0.43290833881172369</v>
      </c>
      <c r="J2644">
        <f t="shared" si="301"/>
        <v>1.4430277960390792</v>
      </c>
      <c r="K2644">
        <f t="shared" si="302"/>
        <v>2.1645416940586184</v>
      </c>
      <c r="L2644">
        <f t="shared" si="303"/>
        <v>10.389800131481369</v>
      </c>
      <c r="M2644">
        <f t="shared" si="304"/>
        <v>0</v>
      </c>
      <c r="N2644" s="46">
        <f t="shared" si="305"/>
        <v>45400.74999999367</v>
      </c>
    </row>
    <row r="2645" spans="2:14" x14ac:dyDescent="0.3">
      <c r="B2645">
        <f t="shared" si="299"/>
        <v>4</v>
      </c>
      <c r="C2645" s="16">
        <v>2611</v>
      </c>
      <c r="D2645" cm="1">
        <f t="array" ref="D2645">IFERROR(INDEX(Jesper!AH$2:AH$366,ROUNDDOWN($C2645/24,0)+1,1)*INDEX($D$3:$AA$30,INDEX(Jesper!$R$2:$R$366,ROW(INDEX(Jesper!AH$2:AH$366,ROUNDDOWN($C2645/24,0)+1,1))-1)+IF('Standard Profiles'!$G$18=$B$10,7,0)+IF('Standard Profiles'!$G$18=$B$17,14,0)+IF('Standard Profiles'!$G$18=$B$24,21,0),MOD($C2645,24)+1)/SUM(INDEX($D$3:$AA$30,INDEX(Jesper!$R$2:$R$366,ROW(INDEX(Jesper!AH$2:AH$366,ROUNDDOWN($C2645/24,0)+1,1))-1)+IF('Standard Profiles'!$G$18=$B$10,7,0)+IF('Standard Profiles'!$G$18=$B$17,14,0)+IF('Standard Profiles'!$G$18=$B$24,21,0),0)),0)</f>
        <v>12.025231633658994</v>
      </c>
      <c r="E2645" cm="1">
        <f t="array" ref="E2645">IFERROR(INDEX(Jesper!AI$2:AI$366,ROUNDDOWN($C2645/24,0)+1,1)*INDEX($D$3:$AA$30,INDEX(Jesper!$R$2:$R$366,ROW(INDEX(Jesper!AI$2:AI$366,ROUNDDOWN($C2645/24,0)+1,1))-1)+IF('Standard Profiles'!$G$19=$B$10,7,0)+IF('Standard Profiles'!$G$19=$B$17,14,0)+IF('Standard Profiles'!$G$19=$B$24,21,0),MOD($C2645,24)+1)/SUM(INDEX($D$3:$AA$30,INDEX(Jesper!$R$2:$R$366,ROW(INDEX(Jesper!AI$2:AI$366,ROUNDDOWN($C2645/24,0)+1,1))-1)+IF('Standard Profiles'!$G$19=$B$10,7,0)+IF('Standard Profiles'!$G$19=$B$17,14,0)+IF('Standard Profiles'!$G$19=$B$24,21,0),0)),0)</f>
        <v>0</v>
      </c>
      <c r="F2645" cm="1">
        <f t="array" ref="F2645">IFERROR(INDEX(Jesper!AJ$2:AJ$366,ROUNDDOWN($C2645/24,0)+1,1)*INDEX($D$3:$AA$30,INDEX(Jesper!$R$2:$R$366,ROW(INDEX(Jesper!AJ$2:AJ$366,ROUNDDOWN($C2645/24,0)+1,1))-1)+IF('Standard Profiles'!$G$20=$B$10,7,0)+IF('Standard Profiles'!$G$20=$B$17,14,0)+IF('Standard Profiles'!$G$20=$B$24,21,0),MOD($C2645,24)+1)/SUM(INDEX($D$3:$AA$30,INDEX(Jesper!$R$2:$R$366,ROW(INDEX(Jesper!AJ$2:AJ$366,ROUNDDOWN($C2645/24,0)+1,1))-1)+IF('Standard Profiles'!$G$20=$B$10,7,0)+IF('Standard Profiles'!$G$20=$B$17,14,0)+IF('Standard Profiles'!$G$20=$B$24,21,0),0)),0)</f>
        <v>0</v>
      </c>
      <c r="G2645" cm="1">
        <f t="array" ref="G2645">IFERROR(INDEX(Jesper!AK$2:AK$366,ROUNDDOWN($C2645/24,0)+1,1)*INDEX($D$3:$AA$30,INDEX(Jesper!$R$2:$R$366,ROW(INDEX(Jesper!AK$2:AK$366,ROUNDDOWN($C2645/24,0)+1,1))-1)+IF('Standard Profiles'!$G$21=$B$10,7,0)+IF('Standard Profiles'!$G$21=$B$17,14,0)+IF('Standard Profiles'!$G$21=$B$24,21,0),MOD($C2645,24)+1)/SUM(INDEX($D$3:$AA$30,INDEX(Jesper!$R$2:$R$366,ROW(INDEX(Jesper!AK$2:AK$366,ROUNDDOWN($C2645/24,0)+1,1))-1)+IF('Standard Profiles'!$G$21=$B$10,7,0)+IF('Standard Profiles'!$G$21=$B$17,14,0)+IF('Standard Profiles'!$G$21=$B$24,21,0),0)),0)</f>
        <v>0</v>
      </c>
      <c r="H2645" cm="1">
        <f t="array" ref="H2645">IFERROR(INDEX(Jesper!AL$2:AL$366,ROUNDDOWN($C2645/24,0)+1,1)*INDEX($D$3:$AA$30,INDEX(Jesper!$R$2:$R$366,ROW(INDEX(Jesper!AL$2:AL$366,ROUNDDOWN($C2645/24,0)+1,1))-1)+IF('Standard Profiles'!$G$22=$B$10,7,0)+IF('Standard Profiles'!$G$22=$B$17,14,0)+IF('Standard Profiles'!$G$22=$B$24,21,0),MOD($C2645,24)+1)/SUM(INDEX($D$3:$AA$30,INDEX(Jesper!$R$2:$R$366,ROW(INDEX(Jesper!AL$2:AL$366,ROUNDDOWN($C2645/24,0)+1,1))-1)+IF('Standard Profiles'!$G$22=$B$10,7,0)+IF('Standard Profiles'!$G$22=$B$17,14,0)+IF('Standard Profiles'!$G$22=$B$24,21,0),0)),0)</f>
        <v>0</v>
      </c>
      <c r="I2645">
        <f t="shared" si="300"/>
        <v>0.36075694900976979</v>
      </c>
      <c r="J2645">
        <f t="shared" si="301"/>
        <v>1.2025231633658995</v>
      </c>
      <c r="K2645">
        <f t="shared" si="302"/>
        <v>1.8037847450488489</v>
      </c>
      <c r="L2645">
        <f t="shared" si="303"/>
        <v>8.6581667762344754</v>
      </c>
      <c r="M2645">
        <f t="shared" si="304"/>
        <v>0</v>
      </c>
      <c r="N2645" s="46">
        <f t="shared" si="305"/>
        <v>45400.791666660334</v>
      </c>
    </row>
    <row r="2646" spans="2:14" x14ac:dyDescent="0.3">
      <c r="B2646">
        <f t="shared" si="299"/>
        <v>4</v>
      </c>
      <c r="C2646" s="16">
        <v>2612</v>
      </c>
      <c r="D2646" cm="1">
        <f t="array" ref="D2646">IFERROR(INDEX(Jesper!AH$2:AH$366,ROUNDDOWN($C2646/24,0)+1,1)*INDEX($D$3:$AA$30,INDEX(Jesper!$R$2:$R$366,ROW(INDEX(Jesper!AH$2:AH$366,ROUNDDOWN($C2646/24,0)+1,1))-1)+IF('Standard Profiles'!$G$18=$B$10,7,0)+IF('Standard Profiles'!$G$18=$B$17,14,0)+IF('Standard Profiles'!$G$18=$B$24,21,0),MOD($C2646,24)+1)/SUM(INDEX($D$3:$AA$30,INDEX(Jesper!$R$2:$R$366,ROW(INDEX(Jesper!AH$2:AH$366,ROUNDDOWN($C2646/24,0)+1,1))-1)+IF('Standard Profiles'!$G$18=$B$10,7,0)+IF('Standard Profiles'!$G$18=$B$17,14,0)+IF('Standard Profiles'!$G$18=$B$24,21,0),0)),0)</f>
        <v>9.6201853069271941</v>
      </c>
      <c r="E2646" cm="1">
        <f t="array" ref="E2646">IFERROR(INDEX(Jesper!AI$2:AI$366,ROUNDDOWN($C2646/24,0)+1,1)*INDEX($D$3:$AA$30,INDEX(Jesper!$R$2:$R$366,ROW(INDEX(Jesper!AI$2:AI$366,ROUNDDOWN($C2646/24,0)+1,1))-1)+IF('Standard Profiles'!$G$19=$B$10,7,0)+IF('Standard Profiles'!$G$19=$B$17,14,0)+IF('Standard Profiles'!$G$19=$B$24,21,0),MOD($C2646,24)+1)/SUM(INDEX($D$3:$AA$30,INDEX(Jesper!$R$2:$R$366,ROW(INDEX(Jesper!AI$2:AI$366,ROUNDDOWN($C2646/24,0)+1,1))-1)+IF('Standard Profiles'!$G$19=$B$10,7,0)+IF('Standard Profiles'!$G$19=$B$17,14,0)+IF('Standard Profiles'!$G$19=$B$24,21,0),0)),0)</f>
        <v>0</v>
      </c>
      <c r="F2646" cm="1">
        <f t="array" ref="F2646">IFERROR(INDEX(Jesper!AJ$2:AJ$366,ROUNDDOWN($C2646/24,0)+1,1)*INDEX($D$3:$AA$30,INDEX(Jesper!$R$2:$R$366,ROW(INDEX(Jesper!AJ$2:AJ$366,ROUNDDOWN($C2646/24,0)+1,1))-1)+IF('Standard Profiles'!$G$20=$B$10,7,0)+IF('Standard Profiles'!$G$20=$B$17,14,0)+IF('Standard Profiles'!$G$20=$B$24,21,0),MOD($C2646,24)+1)/SUM(INDEX($D$3:$AA$30,INDEX(Jesper!$R$2:$R$366,ROW(INDEX(Jesper!AJ$2:AJ$366,ROUNDDOWN($C2646/24,0)+1,1))-1)+IF('Standard Profiles'!$G$20=$B$10,7,0)+IF('Standard Profiles'!$G$20=$B$17,14,0)+IF('Standard Profiles'!$G$20=$B$24,21,0),0)),0)</f>
        <v>0</v>
      </c>
      <c r="G2646" cm="1">
        <f t="array" ref="G2646">IFERROR(INDEX(Jesper!AK$2:AK$366,ROUNDDOWN($C2646/24,0)+1,1)*INDEX($D$3:$AA$30,INDEX(Jesper!$R$2:$R$366,ROW(INDEX(Jesper!AK$2:AK$366,ROUNDDOWN($C2646/24,0)+1,1))-1)+IF('Standard Profiles'!$G$21=$B$10,7,0)+IF('Standard Profiles'!$G$21=$B$17,14,0)+IF('Standard Profiles'!$G$21=$B$24,21,0),MOD($C2646,24)+1)/SUM(INDEX($D$3:$AA$30,INDEX(Jesper!$R$2:$R$366,ROW(INDEX(Jesper!AK$2:AK$366,ROUNDDOWN($C2646/24,0)+1,1))-1)+IF('Standard Profiles'!$G$21=$B$10,7,0)+IF('Standard Profiles'!$G$21=$B$17,14,0)+IF('Standard Profiles'!$G$21=$B$24,21,0),0)),0)</f>
        <v>0</v>
      </c>
      <c r="H2646" cm="1">
        <f t="array" ref="H2646">IFERROR(INDEX(Jesper!AL$2:AL$366,ROUNDDOWN($C2646/24,0)+1,1)*INDEX($D$3:$AA$30,INDEX(Jesper!$R$2:$R$366,ROW(INDEX(Jesper!AL$2:AL$366,ROUNDDOWN($C2646/24,0)+1,1))-1)+IF('Standard Profiles'!$G$22=$B$10,7,0)+IF('Standard Profiles'!$G$22=$B$17,14,0)+IF('Standard Profiles'!$G$22=$B$24,21,0),MOD($C2646,24)+1)/SUM(INDEX($D$3:$AA$30,INDEX(Jesper!$R$2:$R$366,ROW(INDEX(Jesper!AL$2:AL$366,ROUNDDOWN($C2646/24,0)+1,1))-1)+IF('Standard Profiles'!$G$22=$B$10,7,0)+IF('Standard Profiles'!$G$22=$B$17,14,0)+IF('Standard Profiles'!$G$22=$B$24,21,0),0)),0)</f>
        <v>0</v>
      </c>
      <c r="I2646">
        <f t="shared" si="300"/>
        <v>0.28860555920781583</v>
      </c>
      <c r="J2646">
        <f t="shared" si="301"/>
        <v>0.96201853069271948</v>
      </c>
      <c r="K2646">
        <f t="shared" si="302"/>
        <v>1.4430277960390792</v>
      </c>
      <c r="L2646">
        <f t="shared" si="303"/>
        <v>6.9265334209875791</v>
      </c>
      <c r="M2646">
        <f t="shared" si="304"/>
        <v>0</v>
      </c>
      <c r="N2646" s="46">
        <f t="shared" si="305"/>
        <v>45400.833333326998</v>
      </c>
    </row>
    <row r="2647" spans="2:14" x14ac:dyDescent="0.3">
      <c r="B2647">
        <f t="shared" si="299"/>
        <v>4</v>
      </c>
      <c r="C2647" s="16">
        <v>2613</v>
      </c>
      <c r="D2647" cm="1">
        <f t="array" ref="D2647">IFERROR(INDEX(Jesper!AH$2:AH$366,ROUNDDOWN($C2647/24,0)+1,1)*INDEX($D$3:$AA$30,INDEX(Jesper!$R$2:$R$366,ROW(INDEX(Jesper!AH$2:AH$366,ROUNDDOWN($C2647/24,0)+1,1))-1)+IF('Standard Profiles'!$G$18=$B$10,7,0)+IF('Standard Profiles'!$G$18=$B$17,14,0)+IF('Standard Profiles'!$G$18=$B$24,21,0),MOD($C2647,24)+1)/SUM(INDEX($D$3:$AA$30,INDEX(Jesper!$R$2:$R$366,ROW(INDEX(Jesper!AH$2:AH$366,ROUNDDOWN($C2647/24,0)+1,1))-1)+IF('Standard Profiles'!$G$18=$B$10,7,0)+IF('Standard Profiles'!$G$18=$B$17,14,0)+IF('Standard Profiles'!$G$18=$B$24,21,0),0)),0)</f>
        <v>7.2151389801953956</v>
      </c>
      <c r="E2647" cm="1">
        <f t="array" ref="E2647">IFERROR(INDEX(Jesper!AI$2:AI$366,ROUNDDOWN($C2647/24,0)+1,1)*INDEX($D$3:$AA$30,INDEX(Jesper!$R$2:$R$366,ROW(INDEX(Jesper!AI$2:AI$366,ROUNDDOWN($C2647/24,0)+1,1))-1)+IF('Standard Profiles'!$G$19=$B$10,7,0)+IF('Standard Profiles'!$G$19=$B$17,14,0)+IF('Standard Profiles'!$G$19=$B$24,21,0),MOD($C2647,24)+1)/SUM(INDEX($D$3:$AA$30,INDEX(Jesper!$R$2:$R$366,ROW(INDEX(Jesper!AI$2:AI$366,ROUNDDOWN($C2647/24,0)+1,1))-1)+IF('Standard Profiles'!$G$19=$B$10,7,0)+IF('Standard Profiles'!$G$19=$B$17,14,0)+IF('Standard Profiles'!$G$19=$B$24,21,0),0)),0)</f>
        <v>0</v>
      </c>
      <c r="F2647" cm="1">
        <f t="array" ref="F2647">IFERROR(INDEX(Jesper!AJ$2:AJ$366,ROUNDDOWN($C2647/24,0)+1,1)*INDEX($D$3:$AA$30,INDEX(Jesper!$R$2:$R$366,ROW(INDEX(Jesper!AJ$2:AJ$366,ROUNDDOWN($C2647/24,0)+1,1))-1)+IF('Standard Profiles'!$G$20=$B$10,7,0)+IF('Standard Profiles'!$G$20=$B$17,14,0)+IF('Standard Profiles'!$G$20=$B$24,21,0),MOD($C2647,24)+1)/SUM(INDEX($D$3:$AA$30,INDEX(Jesper!$R$2:$R$366,ROW(INDEX(Jesper!AJ$2:AJ$366,ROUNDDOWN($C2647/24,0)+1,1))-1)+IF('Standard Profiles'!$G$20=$B$10,7,0)+IF('Standard Profiles'!$G$20=$B$17,14,0)+IF('Standard Profiles'!$G$20=$B$24,21,0),0)),0)</f>
        <v>0</v>
      </c>
      <c r="G2647" cm="1">
        <f t="array" ref="G2647">IFERROR(INDEX(Jesper!AK$2:AK$366,ROUNDDOWN($C2647/24,0)+1,1)*INDEX($D$3:$AA$30,INDEX(Jesper!$R$2:$R$366,ROW(INDEX(Jesper!AK$2:AK$366,ROUNDDOWN($C2647/24,0)+1,1))-1)+IF('Standard Profiles'!$G$21=$B$10,7,0)+IF('Standard Profiles'!$G$21=$B$17,14,0)+IF('Standard Profiles'!$G$21=$B$24,21,0),MOD($C2647,24)+1)/SUM(INDEX($D$3:$AA$30,INDEX(Jesper!$R$2:$R$366,ROW(INDEX(Jesper!AK$2:AK$366,ROUNDDOWN($C2647/24,0)+1,1))-1)+IF('Standard Profiles'!$G$21=$B$10,7,0)+IF('Standard Profiles'!$G$21=$B$17,14,0)+IF('Standard Profiles'!$G$21=$B$24,21,0),0)),0)</f>
        <v>0</v>
      </c>
      <c r="H2647" cm="1">
        <f t="array" ref="H2647">IFERROR(INDEX(Jesper!AL$2:AL$366,ROUNDDOWN($C2647/24,0)+1,1)*INDEX($D$3:$AA$30,INDEX(Jesper!$R$2:$R$366,ROW(INDEX(Jesper!AL$2:AL$366,ROUNDDOWN($C2647/24,0)+1,1))-1)+IF('Standard Profiles'!$G$22=$B$10,7,0)+IF('Standard Profiles'!$G$22=$B$17,14,0)+IF('Standard Profiles'!$G$22=$B$24,21,0),MOD($C2647,24)+1)/SUM(INDEX($D$3:$AA$30,INDEX(Jesper!$R$2:$R$366,ROW(INDEX(Jesper!AL$2:AL$366,ROUNDDOWN($C2647/24,0)+1,1))-1)+IF('Standard Profiles'!$G$22=$B$10,7,0)+IF('Standard Profiles'!$G$22=$B$17,14,0)+IF('Standard Profiles'!$G$22=$B$24,21,0),0)),0)</f>
        <v>0</v>
      </c>
      <c r="I2647">
        <f t="shared" si="300"/>
        <v>0.21645416940586185</v>
      </c>
      <c r="J2647">
        <f t="shared" si="301"/>
        <v>0.72151389801953958</v>
      </c>
      <c r="K2647">
        <f t="shared" si="302"/>
        <v>1.0822708470293092</v>
      </c>
      <c r="L2647">
        <f t="shared" si="303"/>
        <v>5.1949000657406845</v>
      </c>
      <c r="M2647">
        <f t="shared" si="304"/>
        <v>0</v>
      </c>
      <c r="N2647" s="46">
        <f t="shared" si="305"/>
        <v>45400.874999993663</v>
      </c>
    </row>
    <row r="2648" spans="2:14" x14ac:dyDescent="0.3">
      <c r="B2648">
        <f t="shared" si="299"/>
        <v>4</v>
      </c>
      <c r="C2648" s="16">
        <v>2614</v>
      </c>
      <c r="D2648" cm="1">
        <f t="array" ref="D2648">IFERROR(INDEX(Jesper!AH$2:AH$366,ROUNDDOWN($C2648/24,0)+1,1)*INDEX($D$3:$AA$30,INDEX(Jesper!$R$2:$R$366,ROW(INDEX(Jesper!AH$2:AH$366,ROUNDDOWN($C2648/24,0)+1,1))-1)+IF('Standard Profiles'!$G$18=$B$10,7,0)+IF('Standard Profiles'!$G$18=$B$17,14,0)+IF('Standard Profiles'!$G$18=$B$24,21,0),MOD($C2648,24)+1)/SUM(INDEX($D$3:$AA$30,INDEX(Jesper!$R$2:$R$366,ROW(INDEX(Jesper!AH$2:AH$366,ROUNDDOWN($C2648/24,0)+1,1))-1)+IF('Standard Profiles'!$G$18=$B$10,7,0)+IF('Standard Profiles'!$G$18=$B$17,14,0)+IF('Standard Profiles'!$G$18=$B$24,21,0),0)),0)</f>
        <v>7.2151389801953956</v>
      </c>
      <c r="E2648" cm="1">
        <f t="array" ref="E2648">IFERROR(INDEX(Jesper!AI$2:AI$366,ROUNDDOWN($C2648/24,0)+1,1)*INDEX($D$3:$AA$30,INDEX(Jesper!$R$2:$R$366,ROW(INDEX(Jesper!AI$2:AI$366,ROUNDDOWN($C2648/24,0)+1,1))-1)+IF('Standard Profiles'!$G$19=$B$10,7,0)+IF('Standard Profiles'!$G$19=$B$17,14,0)+IF('Standard Profiles'!$G$19=$B$24,21,0),MOD($C2648,24)+1)/SUM(INDEX($D$3:$AA$30,INDEX(Jesper!$R$2:$R$366,ROW(INDEX(Jesper!AI$2:AI$366,ROUNDDOWN($C2648/24,0)+1,1))-1)+IF('Standard Profiles'!$G$19=$B$10,7,0)+IF('Standard Profiles'!$G$19=$B$17,14,0)+IF('Standard Profiles'!$G$19=$B$24,21,0),0)),0)</f>
        <v>0</v>
      </c>
      <c r="F2648" cm="1">
        <f t="array" ref="F2648">IFERROR(INDEX(Jesper!AJ$2:AJ$366,ROUNDDOWN($C2648/24,0)+1,1)*INDEX($D$3:$AA$30,INDEX(Jesper!$R$2:$R$366,ROW(INDEX(Jesper!AJ$2:AJ$366,ROUNDDOWN($C2648/24,0)+1,1))-1)+IF('Standard Profiles'!$G$20=$B$10,7,0)+IF('Standard Profiles'!$G$20=$B$17,14,0)+IF('Standard Profiles'!$G$20=$B$24,21,0),MOD($C2648,24)+1)/SUM(INDEX($D$3:$AA$30,INDEX(Jesper!$R$2:$R$366,ROW(INDEX(Jesper!AJ$2:AJ$366,ROUNDDOWN($C2648/24,0)+1,1))-1)+IF('Standard Profiles'!$G$20=$B$10,7,0)+IF('Standard Profiles'!$G$20=$B$17,14,0)+IF('Standard Profiles'!$G$20=$B$24,21,0),0)),0)</f>
        <v>0</v>
      </c>
      <c r="G2648" cm="1">
        <f t="array" ref="G2648">IFERROR(INDEX(Jesper!AK$2:AK$366,ROUNDDOWN($C2648/24,0)+1,1)*INDEX($D$3:$AA$30,INDEX(Jesper!$R$2:$R$366,ROW(INDEX(Jesper!AK$2:AK$366,ROUNDDOWN($C2648/24,0)+1,1))-1)+IF('Standard Profiles'!$G$21=$B$10,7,0)+IF('Standard Profiles'!$G$21=$B$17,14,0)+IF('Standard Profiles'!$G$21=$B$24,21,0),MOD($C2648,24)+1)/SUM(INDEX($D$3:$AA$30,INDEX(Jesper!$R$2:$R$366,ROW(INDEX(Jesper!AK$2:AK$366,ROUNDDOWN($C2648/24,0)+1,1))-1)+IF('Standard Profiles'!$G$21=$B$10,7,0)+IF('Standard Profiles'!$G$21=$B$17,14,0)+IF('Standard Profiles'!$G$21=$B$24,21,0),0)),0)</f>
        <v>0</v>
      </c>
      <c r="H2648" cm="1">
        <f t="array" ref="H2648">IFERROR(INDEX(Jesper!AL$2:AL$366,ROUNDDOWN($C2648/24,0)+1,1)*INDEX($D$3:$AA$30,INDEX(Jesper!$R$2:$R$366,ROW(INDEX(Jesper!AL$2:AL$366,ROUNDDOWN($C2648/24,0)+1,1))-1)+IF('Standard Profiles'!$G$22=$B$10,7,0)+IF('Standard Profiles'!$G$22=$B$17,14,0)+IF('Standard Profiles'!$G$22=$B$24,21,0),MOD($C2648,24)+1)/SUM(INDEX($D$3:$AA$30,INDEX(Jesper!$R$2:$R$366,ROW(INDEX(Jesper!AL$2:AL$366,ROUNDDOWN($C2648/24,0)+1,1))-1)+IF('Standard Profiles'!$G$22=$B$10,7,0)+IF('Standard Profiles'!$G$22=$B$17,14,0)+IF('Standard Profiles'!$G$22=$B$24,21,0),0)),0)</f>
        <v>0</v>
      </c>
      <c r="I2648">
        <f t="shared" si="300"/>
        <v>0.21645416940586185</v>
      </c>
      <c r="J2648">
        <f t="shared" si="301"/>
        <v>0.72151389801953958</v>
      </c>
      <c r="K2648">
        <f t="shared" si="302"/>
        <v>1.0822708470293092</v>
      </c>
      <c r="L2648">
        <f t="shared" si="303"/>
        <v>5.1949000657406845</v>
      </c>
      <c r="M2648">
        <f t="shared" si="304"/>
        <v>0</v>
      </c>
      <c r="N2648" s="46">
        <f t="shared" si="305"/>
        <v>45400.916666660327</v>
      </c>
    </row>
    <row r="2649" spans="2:14" x14ac:dyDescent="0.3">
      <c r="B2649">
        <f t="shared" si="299"/>
        <v>4</v>
      </c>
      <c r="C2649" s="16">
        <v>2615</v>
      </c>
      <c r="D2649" cm="1">
        <f t="array" ref="D2649">IFERROR(INDEX(Jesper!AH$2:AH$366,ROUNDDOWN($C2649/24,0)+1,1)*INDEX($D$3:$AA$30,INDEX(Jesper!$R$2:$R$366,ROW(INDEX(Jesper!AH$2:AH$366,ROUNDDOWN($C2649/24,0)+1,1))-1)+IF('Standard Profiles'!$G$18=$B$10,7,0)+IF('Standard Profiles'!$G$18=$B$17,14,0)+IF('Standard Profiles'!$G$18=$B$24,21,0),MOD($C2649,24)+1)/SUM(INDEX($D$3:$AA$30,INDEX(Jesper!$R$2:$R$366,ROW(INDEX(Jesper!AH$2:AH$366,ROUNDDOWN($C2649/24,0)+1,1))-1)+IF('Standard Profiles'!$G$18=$B$10,7,0)+IF('Standard Profiles'!$G$18=$B$17,14,0)+IF('Standard Profiles'!$G$18=$B$24,21,0),0)),0)</f>
        <v>7.2151389801953956</v>
      </c>
      <c r="E2649" cm="1">
        <f t="array" ref="E2649">IFERROR(INDEX(Jesper!AI$2:AI$366,ROUNDDOWN($C2649/24,0)+1,1)*INDEX($D$3:$AA$30,INDEX(Jesper!$R$2:$R$366,ROW(INDEX(Jesper!AI$2:AI$366,ROUNDDOWN($C2649/24,0)+1,1))-1)+IF('Standard Profiles'!$G$19=$B$10,7,0)+IF('Standard Profiles'!$G$19=$B$17,14,0)+IF('Standard Profiles'!$G$19=$B$24,21,0),MOD($C2649,24)+1)/SUM(INDEX($D$3:$AA$30,INDEX(Jesper!$R$2:$R$366,ROW(INDEX(Jesper!AI$2:AI$366,ROUNDDOWN($C2649/24,0)+1,1))-1)+IF('Standard Profiles'!$G$19=$B$10,7,0)+IF('Standard Profiles'!$G$19=$B$17,14,0)+IF('Standard Profiles'!$G$19=$B$24,21,0),0)),0)</f>
        <v>0</v>
      </c>
      <c r="F2649" cm="1">
        <f t="array" ref="F2649">IFERROR(INDEX(Jesper!AJ$2:AJ$366,ROUNDDOWN($C2649/24,0)+1,1)*INDEX($D$3:$AA$30,INDEX(Jesper!$R$2:$R$366,ROW(INDEX(Jesper!AJ$2:AJ$366,ROUNDDOWN($C2649/24,0)+1,1))-1)+IF('Standard Profiles'!$G$20=$B$10,7,0)+IF('Standard Profiles'!$G$20=$B$17,14,0)+IF('Standard Profiles'!$G$20=$B$24,21,0),MOD($C2649,24)+1)/SUM(INDEX($D$3:$AA$30,INDEX(Jesper!$R$2:$R$366,ROW(INDEX(Jesper!AJ$2:AJ$366,ROUNDDOWN($C2649/24,0)+1,1))-1)+IF('Standard Profiles'!$G$20=$B$10,7,0)+IF('Standard Profiles'!$G$20=$B$17,14,0)+IF('Standard Profiles'!$G$20=$B$24,21,0),0)),0)</f>
        <v>0</v>
      </c>
      <c r="G2649" cm="1">
        <f t="array" ref="G2649">IFERROR(INDEX(Jesper!AK$2:AK$366,ROUNDDOWN($C2649/24,0)+1,1)*INDEX($D$3:$AA$30,INDEX(Jesper!$R$2:$R$366,ROW(INDEX(Jesper!AK$2:AK$366,ROUNDDOWN($C2649/24,0)+1,1))-1)+IF('Standard Profiles'!$G$21=$B$10,7,0)+IF('Standard Profiles'!$G$21=$B$17,14,0)+IF('Standard Profiles'!$G$21=$B$24,21,0),MOD($C2649,24)+1)/SUM(INDEX($D$3:$AA$30,INDEX(Jesper!$R$2:$R$366,ROW(INDEX(Jesper!AK$2:AK$366,ROUNDDOWN($C2649/24,0)+1,1))-1)+IF('Standard Profiles'!$G$21=$B$10,7,0)+IF('Standard Profiles'!$G$21=$B$17,14,0)+IF('Standard Profiles'!$G$21=$B$24,21,0),0)),0)</f>
        <v>0</v>
      </c>
      <c r="H2649" cm="1">
        <f t="array" ref="H2649">IFERROR(INDEX(Jesper!AL$2:AL$366,ROUNDDOWN($C2649/24,0)+1,1)*INDEX($D$3:$AA$30,INDEX(Jesper!$R$2:$R$366,ROW(INDEX(Jesper!AL$2:AL$366,ROUNDDOWN($C2649/24,0)+1,1))-1)+IF('Standard Profiles'!$G$22=$B$10,7,0)+IF('Standard Profiles'!$G$22=$B$17,14,0)+IF('Standard Profiles'!$G$22=$B$24,21,0),MOD($C2649,24)+1)/SUM(INDEX($D$3:$AA$30,INDEX(Jesper!$R$2:$R$366,ROW(INDEX(Jesper!AL$2:AL$366,ROUNDDOWN($C2649/24,0)+1,1))-1)+IF('Standard Profiles'!$G$22=$B$10,7,0)+IF('Standard Profiles'!$G$22=$B$17,14,0)+IF('Standard Profiles'!$G$22=$B$24,21,0),0)),0)</f>
        <v>0</v>
      </c>
      <c r="I2649">
        <f t="shared" si="300"/>
        <v>0.21645416940586185</v>
      </c>
      <c r="J2649">
        <f t="shared" si="301"/>
        <v>0.72151389801953958</v>
      </c>
      <c r="K2649">
        <f t="shared" si="302"/>
        <v>1.0822708470293092</v>
      </c>
      <c r="L2649">
        <f t="shared" si="303"/>
        <v>5.1949000657406845</v>
      </c>
      <c r="M2649">
        <f t="shared" si="304"/>
        <v>0</v>
      </c>
      <c r="N2649" s="46">
        <f t="shared" si="305"/>
        <v>45400.958333326991</v>
      </c>
    </row>
    <row r="2650" spans="2:14" x14ac:dyDescent="0.3">
      <c r="B2650">
        <f t="shared" si="299"/>
        <v>5</v>
      </c>
      <c r="C2650" s="16">
        <v>2616</v>
      </c>
      <c r="D2650" cm="1">
        <f t="array" ref="D2650">IFERROR(INDEX(Jesper!AH$2:AH$366,ROUNDDOWN($C2650/24,0)+1,1)*INDEX($D$3:$AA$30,INDEX(Jesper!$R$2:$R$366,ROW(INDEX(Jesper!AH$2:AH$366,ROUNDDOWN($C2650/24,0)+1,1))-1)+IF('Standard Profiles'!$G$18=$B$10,7,0)+IF('Standard Profiles'!$G$18=$B$17,14,0)+IF('Standard Profiles'!$G$18=$B$24,21,0),MOD($C2650,24)+1)/SUM(INDEX($D$3:$AA$30,INDEX(Jesper!$R$2:$R$366,ROW(INDEX(Jesper!AH$2:AH$366,ROUNDDOWN($C2650/24,0)+1,1))-1)+IF('Standard Profiles'!$G$18=$B$10,7,0)+IF('Standard Profiles'!$G$18=$B$17,14,0)+IF('Standard Profiles'!$G$18=$B$24,21,0),0)),0)</f>
        <v>7.8898439431379437</v>
      </c>
      <c r="E2650" cm="1">
        <f t="array" ref="E2650">IFERROR(INDEX(Jesper!AI$2:AI$366,ROUNDDOWN($C2650/24,0)+1,1)*INDEX($D$3:$AA$30,INDEX(Jesper!$R$2:$R$366,ROW(INDEX(Jesper!AI$2:AI$366,ROUNDDOWN($C2650/24,0)+1,1))-1)+IF('Standard Profiles'!$G$19=$B$10,7,0)+IF('Standard Profiles'!$G$19=$B$17,14,0)+IF('Standard Profiles'!$G$19=$B$24,21,0),MOD($C2650,24)+1)/SUM(INDEX($D$3:$AA$30,INDEX(Jesper!$R$2:$R$366,ROW(INDEX(Jesper!AI$2:AI$366,ROUNDDOWN($C2650/24,0)+1,1))-1)+IF('Standard Profiles'!$G$19=$B$10,7,0)+IF('Standard Profiles'!$G$19=$B$17,14,0)+IF('Standard Profiles'!$G$19=$B$24,21,0),0)),0)</f>
        <v>0</v>
      </c>
      <c r="F2650" cm="1">
        <f t="array" ref="F2650">IFERROR(INDEX(Jesper!AJ$2:AJ$366,ROUNDDOWN($C2650/24,0)+1,1)*INDEX($D$3:$AA$30,INDEX(Jesper!$R$2:$R$366,ROW(INDEX(Jesper!AJ$2:AJ$366,ROUNDDOWN($C2650/24,0)+1,1))-1)+IF('Standard Profiles'!$G$20=$B$10,7,0)+IF('Standard Profiles'!$G$20=$B$17,14,0)+IF('Standard Profiles'!$G$20=$B$24,21,0),MOD($C2650,24)+1)/SUM(INDEX($D$3:$AA$30,INDEX(Jesper!$R$2:$R$366,ROW(INDEX(Jesper!AJ$2:AJ$366,ROUNDDOWN($C2650/24,0)+1,1))-1)+IF('Standard Profiles'!$G$20=$B$10,7,0)+IF('Standard Profiles'!$G$20=$B$17,14,0)+IF('Standard Profiles'!$G$20=$B$24,21,0),0)),0)</f>
        <v>0</v>
      </c>
      <c r="G2650" cm="1">
        <f t="array" ref="G2650">IFERROR(INDEX(Jesper!AK$2:AK$366,ROUNDDOWN($C2650/24,0)+1,1)*INDEX($D$3:$AA$30,INDEX(Jesper!$R$2:$R$366,ROW(INDEX(Jesper!AK$2:AK$366,ROUNDDOWN($C2650/24,0)+1,1))-1)+IF('Standard Profiles'!$G$21=$B$10,7,0)+IF('Standard Profiles'!$G$21=$B$17,14,0)+IF('Standard Profiles'!$G$21=$B$24,21,0),MOD($C2650,24)+1)/SUM(INDEX($D$3:$AA$30,INDEX(Jesper!$R$2:$R$366,ROW(INDEX(Jesper!AK$2:AK$366,ROUNDDOWN($C2650/24,0)+1,1))-1)+IF('Standard Profiles'!$G$21=$B$10,7,0)+IF('Standard Profiles'!$G$21=$B$17,14,0)+IF('Standard Profiles'!$G$21=$B$24,21,0),0)),0)</f>
        <v>0</v>
      </c>
      <c r="H2650" cm="1">
        <f t="array" ref="H2650">IFERROR(INDEX(Jesper!AL$2:AL$366,ROUNDDOWN($C2650/24,0)+1,1)*INDEX($D$3:$AA$30,INDEX(Jesper!$R$2:$R$366,ROW(INDEX(Jesper!AL$2:AL$366,ROUNDDOWN($C2650/24,0)+1,1))-1)+IF('Standard Profiles'!$G$22=$B$10,7,0)+IF('Standard Profiles'!$G$22=$B$17,14,0)+IF('Standard Profiles'!$G$22=$B$24,21,0),MOD($C2650,24)+1)/SUM(INDEX($D$3:$AA$30,INDEX(Jesper!$R$2:$R$366,ROW(INDEX(Jesper!AL$2:AL$366,ROUNDDOWN($C2650/24,0)+1,1))-1)+IF('Standard Profiles'!$G$22=$B$10,7,0)+IF('Standard Profiles'!$G$22=$B$17,14,0)+IF('Standard Profiles'!$G$22=$B$24,21,0),0)),0)</f>
        <v>0</v>
      </c>
      <c r="I2650">
        <f t="shared" si="300"/>
        <v>0.23669531829413831</v>
      </c>
      <c r="J2650">
        <f t="shared" si="301"/>
        <v>0.78898439431379441</v>
      </c>
      <c r="K2650">
        <f t="shared" si="302"/>
        <v>1.1834765914706915</v>
      </c>
      <c r="L2650">
        <f t="shared" si="303"/>
        <v>5.6806876390593191</v>
      </c>
      <c r="M2650">
        <f t="shared" si="304"/>
        <v>0</v>
      </c>
      <c r="N2650" s="46">
        <f t="shared" si="305"/>
        <v>45400.999999993655</v>
      </c>
    </row>
    <row r="2651" spans="2:14" x14ac:dyDescent="0.3">
      <c r="B2651">
        <f t="shared" si="299"/>
        <v>5</v>
      </c>
      <c r="C2651" s="16">
        <v>2617</v>
      </c>
      <c r="D2651" cm="1">
        <f t="array" ref="D2651">IFERROR(INDEX(Jesper!AH$2:AH$366,ROUNDDOWN($C2651/24,0)+1,1)*INDEX($D$3:$AA$30,INDEX(Jesper!$R$2:$R$366,ROW(INDEX(Jesper!AH$2:AH$366,ROUNDDOWN($C2651/24,0)+1,1))-1)+IF('Standard Profiles'!$G$18=$B$10,7,0)+IF('Standard Profiles'!$G$18=$B$17,14,0)+IF('Standard Profiles'!$G$18=$B$24,21,0),MOD($C2651,24)+1)/SUM(INDEX($D$3:$AA$30,INDEX(Jesper!$R$2:$R$366,ROW(INDEX(Jesper!AH$2:AH$366,ROUNDDOWN($C2651/24,0)+1,1))-1)+IF('Standard Profiles'!$G$18=$B$10,7,0)+IF('Standard Profiles'!$G$18=$B$17,14,0)+IF('Standard Profiles'!$G$18=$B$24,21,0),0)),0)</f>
        <v>7.8898439431379437</v>
      </c>
      <c r="E2651" cm="1">
        <f t="array" ref="E2651">IFERROR(INDEX(Jesper!AI$2:AI$366,ROUNDDOWN($C2651/24,0)+1,1)*INDEX($D$3:$AA$30,INDEX(Jesper!$R$2:$R$366,ROW(INDEX(Jesper!AI$2:AI$366,ROUNDDOWN($C2651/24,0)+1,1))-1)+IF('Standard Profiles'!$G$19=$B$10,7,0)+IF('Standard Profiles'!$G$19=$B$17,14,0)+IF('Standard Profiles'!$G$19=$B$24,21,0),MOD($C2651,24)+1)/SUM(INDEX($D$3:$AA$30,INDEX(Jesper!$R$2:$R$366,ROW(INDEX(Jesper!AI$2:AI$366,ROUNDDOWN($C2651/24,0)+1,1))-1)+IF('Standard Profiles'!$G$19=$B$10,7,0)+IF('Standard Profiles'!$G$19=$B$17,14,0)+IF('Standard Profiles'!$G$19=$B$24,21,0),0)),0)</f>
        <v>0</v>
      </c>
      <c r="F2651" cm="1">
        <f t="array" ref="F2651">IFERROR(INDEX(Jesper!AJ$2:AJ$366,ROUNDDOWN($C2651/24,0)+1,1)*INDEX($D$3:$AA$30,INDEX(Jesper!$R$2:$R$366,ROW(INDEX(Jesper!AJ$2:AJ$366,ROUNDDOWN($C2651/24,0)+1,1))-1)+IF('Standard Profiles'!$G$20=$B$10,7,0)+IF('Standard Profiles'!$G$20=$B$17,14,0)+IF('Standard Profiles'!$G$20=$B$24,21,0),MOD($C2651,24)+1)/SUM(INDEX($D$3:$AA$30,INDEX(Jesper!$R$2:$R$366,ROW(INDEX(Jesper!AJ$2:AJ$366,ROUNDDOWN($C2651/24,0)+1,1))-1)+IF('Standard Profiles'!$G$20=$B$10,7,0)+IF('Standard Profiles'!$G$20=$B$17,14,0)+IF('Standard Profiles'!$G$20=$B$24,21,0),0)),0)</f>
        <v>0</v>
      </c>
      <c r="G2651" cm="1">
        <f t="array" ref="G2651">IFERROR(INDEX(Jesper!AK$2:AK$366,ROUNDDOWN($C2651/24,0)+1,1)*INDEX($D$3:$AA$30,INDEX(Jesper!$R$2:$R$366,ROW(INDEX(Jesper!AK$2:AK$366,ROUNDDOWN($C2651/24,0)+1,1))-1)+IF('Standard Profiles'!$G$21=$B$10,7,0)+IF('Standard Profiles'!$G$21=$B$17,14,0)+IF('Standard Profiles'!$G$21=$B$24,21,0),MOD($C2651,24)+1)/SUM(INDEX($D$3:$AA$30,INDEX(Jesper!$R$2:$R$366,ROW(INDEX(Jesper!AK$2:AK$366,ROUNDDOWN($C2651/24,0)+1,1))-1)+IF('Standard Profiles'!$G$21=$B$10,7,0)+IF('Standard Profiles'!$G$21=$B$17,14,0)+IF('Standard Profiles'!$G$21=$B$24,21,0),0)),0)</f>
        <v>0</v>
      </c>
      <c r="H2651" cm="1">
        <f t="array" ref="H2651">IFERROR(INDEX(Jesper!AL$2:AL$366,ROUNDDOWN($C2651/24,0)+1,1)*INDEX($D$3:$AA$30,INDEX(Jesper!$R$2:$R$366,ROW(INDEX(Jesper!AL$2:AL$366,ROUNDDOWN($C2651/24,0)+1,1))-1)+IF('Standard Profiles'!$G$22=$B$10,7,0)+IF('Standard Profiles'!$G$22=$B$17,14,0)+IF('Standard Profiles'!$G$22=$B$24,21,0),MOD($C2651,24)+1)/SUM(INDEX($D$3:$AA$30,INDEX(Jesper!$R$2:$R$366,ROW(INDEX(Jesper!AL$2:AL$366,ROUNDDOWN($C2651/24,0)+1,1))-1)+IF('Standard Profiles'!$G$22=$B$10,7,0)+IF('Standard Profiles'!$G$22=$B$17,14,0)+IF('Standard Profiles'!$G$22=$B$24,21,0),0)),0)</f>
        <v>0</v>
      </c>
      <c r="I2651">
        <f t="shared" si="300"/>
        <v>0.23669531829413831</v>
      </c>
      <c r="J2651">
        <f t="shared" si="301"/>
        <v>0.78898439431379441</v>
      </c>
      <c r="K2651">
        <f t="shared" si="302"/>
        <v>1.1834765914706915</v>
      </c>
      <c r="L2651">
        <f t="shared" si="303"/>
        <v>5.6806876390593191</v>
      </c>
      <c r="M2651">
        <f t="shared" si="304"/>
        <v>0</v>
      </c>
      <c r="N2651" s="46">
        <f t="shared" si="305"/>
        <v>45401.04166666032</v>
      </c>
    </row>
    <row r="2652" spans="2:14" x14ac:dyDescent="0.3">
      <c r="B2652">
        <f t="shared" si="299"/>
        <v>5</v>
      </c>
      <c r="C2652" s="16">
        <v>2618</v>
      </c>
      <c r="D2652" cm="1">
        <f t="array" ref="D2652">IFERROR(INDEX(Jesper!AH$2:AH$366,ROUNDDOWN($C2652/24,0)+1,1)*INDEX($D$3:$AA$30,INDEX(Jesper!$R$2:$R$366,ROW(INDEX(Jesper!AH$2:AH$366,ROUNDDOWN($C2652/24,0)+1,1))-1)+IF('Standard Profiles'!$G$18=$B$10,7,0)+IF('Standard Profiles'!$G$18=$B$17,14,0)+IF('Standard Profiles'!$G$18=$B$24,21,0),MOD($C2652,24)+1)/SUM(INDEX($D$3:$AA$30,INDEX(Jesper!$R$2:$R$366,ROW(INDEX(Jesper!AH$2:AH$366,ROUNDDOWN($C2652/24,0)+1,1))-1)+IF('Standard Profiles'!$G$18=$B$10,7,0)+IF('Standard Profiles'!$G$18=$B$17,14,0)+IF('Standard Profiles'!$G$18=$B$24,21,0),0)),0)</f>
        <v>7.8898439431379437</v>
      </c>
      <c r="E2652" cm="1">
        <f t="array" ref="E2652">IFERROR(INDEX(Jesper!AI$2:AI$366,ROUNDDOWN($C2652/24,0)+1,1)*INDEX($D$3:$AA$30,INDEX(Jesper!$R$2:$R$366,ROW(INDEX(Jesper!AI$2:AI$366,ROUNDDOWN($C2652/24,0)+1,1))-1)+IF('Standard Profiles'!$G$19=$B$10,7,0)+IF('Standard Profiles'!$G$19=$B$17,14,0)+IF('Standard Profiles'!$G$19=$B$24,21,0),MOD($C2652,24)+1)/SUM(INDEX($D$3:$AA$30,INDEX(Jesper!$R$2:$R$366,ROW(INDEX(Jesper!AI$2:AI$366,ROUNDDOWN($C2652/24,0)+1,1))-1)+IF('Standard Profiles'!$G$19=$B$10,7,0)+IF('Standard Profiles'!$G$19=$B$17,14,0)+IF('Standard Profiles'!$G$19=$B$24,21,0),0)),0)</f>
        <v>0</v>
      </c>
      <c r="F2652" cm="1">
        <f t="array" ref="F2652">IFERROR(INDEX(Jesper!AJ$2:AJ$366,ROUNDDOWN($C2652/24,0)+1,1)*INDEX($D$3:$AA$30,INDEX(Jesper!$R$2:$R$366,ROW(INDEX(Jesper!AJ$2:AJ$366,ROUNDDOWN($C2652/24,0)+1,1))-1)+IF('Standard Profiles'!$G$20=$B$10,7,0)+IF('Standard Profiles'!$G$20=$B$17,14,0)+IF('Standard Profiles'!$G$20=$B$24,21,0),MOD($C2652,24)+1)/SUM(INDEX($D$3:$AA$30,INDEX(Jesper!$R$2:$R$366,ROW(INDEX(Jesper!AJ$2:AJ$366,ROUNDDOWN($C2652/24,0)+1,1))-1)+IF('Standard Profiles'!$G$20=$B$10,7,0)+IF('Standard Profiles'!$G$20=$B$17,14,0)+IF('Standard Profiles'!$G$20=$B$24,21,0),0)),0)</f>
        <v>0</v>
      </c>
      <c r="G2652" cm="1">
        <f t="array" ref="G2652">IFERROR(INDEX(Jesper!AK$2:AK$366,ROUNDDOWN($C2652/24,0)+1,1)*INDEX($D$3:$AA$30,INDEX(Jesper!$R$2:$R$366,ROW(INDEX(Jesper!AK$2:AK$366,ROUNDDOWN($C2652/24,0)+1,1))-1)+IF('Standard Profiles'!$G$21=$B$10,7,0)+IF('Standard Profiles'!$G$21=$B$17,14,0)+IF('Standard Profiles'!$G$21=$B$24,21,0),MOD($C2652,24)+1)/SUM(INDEX($D$3:$AA$30,INDEX(Jesper!$R$2:$R$366,ROW(INDEX(Jesper!AK$2:AK$366,ROUNDDOWN($C2652/24,0)+1,1))-1)+IF('Standard Profiles'!$G$21=$B$10,7,0)+IF('Standard Profiles'!$G$21=$B$17,14,0)+IF('Standard Profiles'!$G$21=$B$24,21,0),0)),0)</f>
        <v>0</v>
      </c>
      <c r="H2652" cm="1">
        <f t="array" ref="H2652">IFERROR(INDEX(Jesper!AL$2:AL$366,ROUNDDOWN($C2652/24,0)+1,1)*INDEX($D$3:$AA$30,INDEX(Jesper!$R$2:$R$366,ROW(INDEX(Jesper!AL$2:AL$366,ROUNDDOWN($C2652/24,0)+1,1))-1)+IF('Standard Profiles'!$G$22=$B$10,7,0)+IF('Standard Profiles'!$G$22=$B$17,14,0)+IF('Standard Profiles'!$G$22=$B$24,21,0),MOD($C2652,24)+1)/SUM(INDEX($D$3:$AA$30,INDEX(Jesper!$R$2:$R$366,ROW(INDEX(Jesper!AL$2:AL$366,ROUNDDOWN($C2652/24,0)+1,1))-1)+IF('Standard Profiles'!$G$22=$B$10,7,0)+IF('Standard Profiles'!$G$22=$B$17,14,0)+IF('Standard Profiles'!$G$22=$B$24,21,0),0)),0)</f>
        <v>0</v>
      </c>
      <c r="I2652">
        <f t="shared" si="300"/>
        <v>0.23669531829413831</v>
      </c>
      <c r="J2652">
        <f t="shared" si="301"/>
        <v>0.78898439431379441</v>
      </c>
      <c r="K2652">
        <f t="shared" si="302"/>
        <v>1.1834765914706915</v>
      </c>
      <c r="L2652">
        <f t="shared" si="303"/>
        <v>5.6806876390593191</v>
      </c>
      <c r="M2652">
        <f t="shared" si="304"/>
        <v>0</v>
      </c>
      <c r="N2652" s="46">
        <f t="shared" si="305"/>
        <v>45401.083333326984</v>
      </c>
    </row>
    <row r="2653" spans="2:14" x14ac:dyDescent="0.3">
      <c r="B2653">
        <f t="shared" si="299"/>
        <v>5</v>
      </c>
      <c r="C2653" s="16">
        <v>2619</v>
      </c>
      <c r="D2653" cm="1">
        <f t="array" ref="D2653">IFERROR(INDEX(Jesper!AH$2:AH$366,ROUNDDOWN($C2653/24,0)+1,1)*INDEX($D$3:$AA$30,INDEX(Jesper!$R$2:$R$366,ROW(INDEX(Jesper!AH$2:AH$366,ROUNDDOWN($C2653/24,0)+1,1))-1)+IF('Standard Profiles'!$G$18=$B$10,7,0)+IF('Standard Profiles'!$G$18=$B$17,14,0)+IF('Standard Profiles'!$G$18=$B$24,21,0),MOD($C2653,24)+1)/SUM(INDEX($D$3:$AA$30,INDEX(Jesper!$R$2:$R$366,ROW(INDEX(Jesper!AH$2:AH$366,ROUNDDOWN($C2653/24,0)+1,1))-1)+IF('Standard Profiles'!$G$18=$B$10,7,0)+IF('Standard Profiles'!$G$18=$B$17,14,0)+IF('Standard Profiles'!$G$18=$B$24,21,0),0)),0)</f>
        <v>7.8898439431379437</v>
      </c>
      <c r="E2653" cm="1">
        <f t="array" ref="E2653">IFERROR(INDEX(Jesper!AI$2:AI$366,ROUNDDOWN($C2653/24,0)+1,1)*INDEX($D$3:$AA$30,INDEX(Jesper!$R$2:$R$366,ROW(INDEX(Jesper!AI$2:AI$366,ROUNDDOWN($C2653/24,0)+1,1))-1)+IF('Standard Profiles'!$G$19=$B$10,7,0)+IF('Standard Profiles'!$G$19=$B$17,14,0)+IF('Standard Profiles'!$G$19=$B$24,21,0),MOD($C2653,24)+1)/SUM(INDEX($D$3:$AA$30,INDEX(Jesper!$R$2:$R$366,ROW(INDEX(Jesper!AI$2:AI$366,ROUNDDOWN($C2653/24,0)+1,1))-1)+IF('Standard Profiles'!$G$19=$B$10,7,0)+IF('Standard Profiles'!$G$19=$B$17,14,0)+IF('Standard Profiles'!$G$19=$B$24,21,0),0)),0)</f>
        <v>0</v>
      </c>
      <c r="F2653" cm="1">
        <f t="array" ref="F2653">IFERROR(INDEX(Jesper!AJ$2:AJ$366,ROUNDDOWN($C2653/24,0)+1,1)*INDEX($D$3:$AA$30,INDEX(Jesper!$R$2:$R$366,ROW(INDEX(Jesper!AJ$2:AJ$366,ROUNDDOWN($C2653/24,0)+1,1))-1)+IF('Standard Profiles'!$G$20=$B$10,7,0)+IF('Standard Profiles'!$G$20=$B$17,14,0)+IF('Standard Profiles'!$G$20=$B$24,21,0),MOD($C2653,24)+1)/SUM(INDEX($D$3:$AA$30,INDEX(Jesper!$R$2:$R$366,ROW(INDEX(Jesper!AJ$2:AJ$366,ROUNDDOWN($C2653/24,0)+1,1))-1)+IF('Standard Profiles'!$G$20=$B$10,7,0)+IF('Standard Profiles'!$G$20=$B$17,14,0)+IF('Standard Profiles'!$G$20=$B$24,21,0),0)),0)</f>
        <v>0</v>
      </c>
      <c r="G2653" cm="1">
        <f t="array" ref="G2653">IFERROR(INDEX(Jesper!AK$2:AK$366,ROUNDDOWN($C2653/24,0)+1,1)*INDEX($D$3:$AA$30,INDEX(Jesper!$R$2:$R$366,ROW(INDEX(Jesper!AK$2:AK$366,ROUNDDOWN($C2653/24,0)+1,1))-1)+IF('Standard Profiles'!$G$21=$B$10,7,0)+IF('Standard Profiles'!$G$21=$B$17,14,0)+IF('Standard Profiles'!$G$21=$B$24,21,0),MOD($C2653,24)+1)/SUM(INDEX($D$3:$AA$30,INDEX(Jesper!$R$2:$R$366,ROW(INDEX(Jesper!AK$2:AK$366,ROUNDDOWN($C2653/24,0)+1,1))-1)+IF('Standard Profiles'!$G$21=$B$10,7,0)+IF('Standard Profiles'!$G$21=$B$17,14,0)+IF('Standard Profiles'!$G$21=$B$24,21,0),0)),0)</f>
        <v>0</v>
      </c>
      <c r="H2653" cm="1">
        <f t="array" ref="H2653">IFERROR(INDEX(Jesper!AL$2:AL$366,ROUNDDOWN($C2653/24,0)+1,1)*INDEX($D$3:$AA$30,INDEX(Jesper!$R$2:$R$366,ROW(INDEX(Jesper!AL$2:AL$366,ROUNDDOWN($C2653/24,0)+1,1))-1)+IF('Standard Profiles'!$G$22=$B$10,7,0)+IF('Standard Profiles'!$G$22=$B$17,14,0)+IF('Standard Profiles'!$G$22=$B$24,21,0),MOD($C2653,24)+1)/SUM(INDEX($D$3:$AA$30,INDEX(Jesper!$R$2:$R$366,ROW(INDEX(Jesper!AL$2:AL$366,ROUNDDOWN($C2653/24,0)+1,1))-1)+IF('Standard Profiles'!$G$22=$B$10,7,0)+IF('Standard Profiles'!$G$22=$B$17,14,0)+IF('Standard Profiles'!$G$22=$B$24,21,0),0)),0)</f>
        <v>0</v>
      </c>
      <c r="I2653">
        <f t="shared" si="300"/>
        <v>0.23669531829413831</v>
      </c>
      <c r="J2653">
        <f t="shared" si="301"/>
        <v>0.78898439431379441</v>
      </c>
      <c r="K2653">
        <f t="shared" si="302"/>
        <v>1.1834765914706915</v>
      </c>
      <c r="L2653">
        <f t="shared" si="303"/>
        <v>5.6806876390593191</v>
      </c>
      <c r="M2653">
        <f t="shared" si="304"/>
        <v>0</v>
      </c>
      <c r="N2653" s="46">
        <f t="shared" si="305"/>
        <v>45401.124999993648</v>
      </c>
    </row>
    <row r="2654" spans="2:14" x14ac:dyDescent="0.3">
      <c r="B2654">
        <f t="shared" si="299"/>
        <v>5</v>
      </c>
      <c r="C2654" s="16">
        <v>2620</v>
      </c>
      <c r="D2654" cm="1">
        <f t="array" ref="D2654">IFERROR(INDEX(Jesper!AH$2:AH$366,ROUNDDOWN($C2654/24,0)+1,1)*INDEX($D$3:$AA$30,INDEX(Jesper!$R$2:$R$366,ROW(INDEX(Jesper!AH$2:AH$366,ROUNDDOWN($C2654/24,0)+1,1))-1)+IF('Standard Profiles'!$G$18=$B$10,7,0)+IF('Standard Profiles'!$G$18=$B$17,14,0)+IF('Standard Profiles'!$G$18=$B$24,21,0),MOD($C2654,24)+1)/SUM(INDEX($D$3:$AA$30,INDEX(Jesper!$R$2:$R$366,ROW(INDEX(Jesper!AH$2:AH$366,ROUNDDOWN($C2654/24,0)+1,1))-1)+IF('Standard Profiles'!$G$18=$B$10,7,0)+IF('Standard Profiles'!$G$18=$B$17,14,0)+IF('Standard Profiles'!$G$18=$B$24,21,0),0)),0)</f>
        <v>7.8898439431379437</v>
      </c>
      <c r="E2654" cm="1">
        <f t="array" ref="E2654">IFERROR(INDEX(Jesper!AI$2:AI$366,ROUNDDOWN($C2654/24,0)+1,1)*INDEX($D$3:$AA$30,INDEX(Jesper!$R$2:$R$366,ROW(INDEX(Jesper!AI$2:AI$366,ROUNDDOWN($C2654/24,0)+1,1))-1)+IF('Standard Profiles'!$G$19=$B$10,7,0)+IF('Standard Profiles'!$G$19=$B$17,14,0)+IF('Standard Profiles'!$G$19=$B$24,21,0),MOD($C2654,24)+1)/SUM(INDEX($D$3:$AA$30,INDEX(Jesper!$R$2:$R$366,ROW(INDEX(Jesper!AI$2:AI$366,ROUNDDOWN($C2654/24,0)+1,1))-1)+IF('Standard Profiles'!$G$19=$B$10,7,0)+IF('Standard Profiles'!$G$19=$B$17,14,0)+IF('Standard Profiles'!$G$19=$B$24,21,0),0)),0)</f>
        <v>0</v>
      </c>
      <c r="F2654" cm="1">
        <f t="array" ref="F2654">IFERROR(INDEX(Jesper!AJ$2:AJ$366,ROUNDDOWN($C2654/24,0)+1,1)*INDEX($D$3:$AA$30,INDEX(Jesper!$R$2:$R$366,ROW(INDEX(Jesper!AJ$2:AJ$366,ROUNDDOWN($C2654/24,0)+1,1))-1)+IF('Standard Profiles'!$G$20=$B$10,7,0)+IF('Standard Profiles'!$G$20=$B$17,14,0)+IF('Standard Profiles'!$G$20=$B$24,21,0),MOD($C2654,24)+1)/SUM(INDEX($D$3:$AA$30,INDEX(Jesper!$R$2:$R$366,ROW(INDEX(Jesper!AJ$2:AJ$366,ROUNDDOWN($C2654/24,0)+1,1))-1)+IF('Standard Profiles'!$G$20=$B$10,7,0)+IF('Standard Profiles'!$G$20=$B$17,14,0)+IF('Standard Profiles'!$G$20=$B$24,21,0),0)),0)</f>
        <v>0</v>
      </c>
      <c r="G2654" cm="1">
        <f t="array" ref="G2654">IFERROR(INDEX(Jesper!AK$2:AK$366,ROUNDDOWN($C2654/24,0)+1,1)*INDEX($D$3:$AA$30,INDEX(Jesper!$R$2:$R$366,ROW(INDEX(Jesper!AK$2:AK$366,ROUNDDOWN($C2654/24,0)+1,1))-1)+IF('Standard Profiles'!$G$21=$B$10,7,0)+IF('Standard Profiles'!$G$21=$B$17,14,0)+IF('Standard Profiles'!$G$21=$B$24,21,0),MOD($C2654,24)+1)/SUM(INDEX($D$3:$AA$30,INDEX(Jesper!$R$2:$R$366,ROW(INDEX(Jesper!AK$2:AK$366,ROUNDDOWN($C2654/24,0)+1,1))-1)+IF('Standard Profiles'!$G$21=$B$10,7,0)+IF('Standard Profiles'!$G$21=$B$17,14,0)+IF('Standard Profiles'!$G$21=$B$24,21,0),0)),0)</f>
        <v>0</v>
      </c>
      <c r="H2654" cm="1">
        <f t="array" ref="H2654">IFERROR(INDEX(Jesper!AL$2:AL$366,ROUNDDOWN($C2654/24,0)+1,1)*INDEX($D$3:$AA$30,INDEX(Jesper!$R$2:$R$366,ROW(INDEX(Jesper!AL$2:AL$366,ROUNDDOWN($C2654/24,0)+1,1))-1)+IF('Standard Profiles'!$G$22=$B$10,7,0)+IF('Standard Profiles'!$G$22=$B$17,14,0)+IF('Standard Profiles'!$G$22=$B$24,21,0),MOD($C2654,24)+1)/SUM(INDEX($D$3:$AA$30,INDEX(Jesper!$R$2:$R$366,ROW(INDEX(Jesper!AL$2:AL$366,ROUNDDOWN($C2654/24,0)+1,1))-1)+IF('Standard Profiles'!$G$22=$B$10,7,0)+IF('Standard Profiles'!$G$22=$B$17,14,0)+IF('Standard Profiles'!$G$22=$B$24,21,0),0)),0)</f>
        <v>0</v>
      </c>
      <c r="I2654">
        <f t="shared" si="300"/>
        <v>0.23669531829413831</v>
      </c>
      <c r="J2654">
        <f t="shared" si="301"/>
        <v>0.78898439431379441</v>
      </c>
      <c r="K2654">
        <f t="shared" si="302"/>
        <v>1.1834765914706915</v>
      </c>
      <c r="L2654">
        <f t="shared" si="303"/>
        <v>5.6806876390593191</v>
      </c>
      <c r="M2654">
        <f t="shared" si="304"/>
        <v>0</v>
      </c>
      <c r="N2654" s="46">
        <f t="shared" si="305"/>
        <v>45401.166666660312</v>
      </c>
    </row>
    <row r="2655" spans="2:14" x14ac:dyDescent="0.3">
      <c r="B2655">
        <f t="shared" si="299"/>
        <v>5</v>
      </c>
      <c r="C2655" s="16">
        <v>2621</v>
      </c>
      <c r="D2655" cm="1">
        <f t="array" ref="D2655">IFERROR(INDEX(Jesper!AH$2:AH$366,ROUNDDOWN($C2655/24,0)+1,1)*INDEX($D$3:$AA$30,INDEX(Jesper!$R$2:$R$366,ROW(INDEX(Jesper!AH$2:AH$366,ROUNDDOWN($C2655/24,0)+1,1))-1)+IF('Standard Profiles'!$G$18=$B$10,7,0)+IF('Standard Profiles'!$G$18=$B$17,14,0)+IF('Standard Profiles'!$G$18=$B$24,21,0),MOD($C2655,24)+1)/SUM(INDEX($D$3:$AA$30,INDEX(Jesper!$R$2:$R$366,ROW(INDEX(Jesper!AH$2:AH$366,ROUNDDOWN($C2655/24,0)+1,1))-1)+IF('Standard Profiles'!$G$18=$B$10,7,0)+IF('Standard Profiles'!$G$18=$B$17,14,0)+IF('Standard Profiles'!$G$18=$B$24,21,0),0)),0)</f>
        <v>10.169132193377793</v>
      </c>
      <c r="E2655" cm="1">
        <f t="array" ref="E2655">IFERROR(INDEX(Jesper!AI$2:AI$366,ROUNDDOWN($C2655/24,0)+1,1)*INDEX($D$3:$AA$30,INDEX(Jesper!$R$2:$R$366,ROW(INDEX(Jesper!AI$2:AI$366,ROUNDDOWN($C2655/24,0)+1,1))-1)+IF('Standard Profiles'!$G$19=$B$10,7,0)+IF('Standard Profiles'!$G$19=$B$17,14,0)+IF('Standard Profiles'!$G$19=$B$24,21,0),MOD($C2655,24)+1)/SUM(INDEX($D$3:$AA$30,INDEX(Jesper!$R$2:$R$366,ROW(INDEX(Jesper!AI$2:AI$366,ROUNDDOWN($C2655/24,0)+1,1))-1)+IF('Standard Profiles'!$G$19=$B$10,7,0)+IF('Standard Profiles'!$G$19=$B$17,14,0)+IF('Standard Profiles'!$G$19=$B$24,21,0),0)),0)</f>
        <v>0</v>
      </c>
      <c r="F2655" cm="1">
        <f t="array" ref="F2655">IFERROR(INDEX(Jesper!AJ$2:AJ$366,ROUNDDOWN($C2655/24,0)+1,1)*INDEX($D$3:$AA$30,INDEX(Jesper!$R$2:$R$366,ROW(INDEX(Jesper!AJ$2:AJ$366,ROUNDDOWN($C2655/24,0)+1,1))-1)+IF('Standard Profiles'!$G$20=$B$10,7,0)+IF('Standard Profiles'!$G$20=$B$17,14,0)+IF('Standard Profiles'!$G$20=$B$24,21,0),MOD($C2655,24)+1)/SUM(INDEX($D$3:$AA$30,INDEX(Jesper!$R$2:$R$366,ROW(INDEX(Jesper!AJ$2:AJ$366,ROUNDDOWN($C2655/24,0)+1,1))-1)+IF('Standard Profiles'!$G$20=$B$10,7,0)+IF('Standard Profiles'!$G$20=$B$17,14,0)+IF('Standard Profiles'!$G$20=$B$24,21,0),0)),0)</f>
        <v>0</v>
      </c>
      <c r="G2655" cm="1">
        <f t="array" ref="G2655">IFERROR(INDEX(Jesper!AK$2:AK$366,ROUNDDOWN($C2655/24,0)+1,1)*INDEX($D$3:$AA$30,INDEX(Jesper!$R$2:$R$366,ROW(INDEX(Jesper!AK$2:AK$366,ROUNDDOWN($C2655/24,0)+1,1))-1)+IF('Standard Profiles'!$G$21=$B$10,7,0)+IF('Standard Profiles'!$G$21=$B$17,14,0)+IF('Standard Profiles'!$G$21=$B$24,21,0),MOD($C2655,24)+1)/SUM(INDEX($D$3:$AA$30,INDEX(Jesper!$R$2:$R$366,ROW(INDEX(Jesper!AK$2:AK$366,ROUNDDOWN($C2655/24,0)+1,1))-1)+IF('Standard Profiles'!$G$21=$B$10,7,0)+IF('Standard Profiles'!$G$21=$B$17,14,0)+IF('Standard Profiles'!$G$21=$B$24,21,0),0)),0)</f>
        <v>0</v>
      </c>
      <c r="H2655" cm="1">
        <f t="array" ref="H2655">IFERROR(INDEX(Jesper!AL$2:AL$366,ROUNDDOWN($C2655/24,0)+1,1)*INDEX($D$3:$AA$30,INDEX(Jesper!$R$2:$R$366,ROW(INDEX(Jesper!AL$2:AL$366,ROUNDDOWN($C2655/24,0)+1,1))-1)+IF('Standard Profiles'!$G$22=$B$10,7,0)+IF('Standard Profiles'!$G$22=$B$17,14,0)+IF('Standard Profiles'!$G$22=$B$24,21,0),MOD($C2655,24)+1)/SUM(INDEX($D$3:$AA$30,INDEX(Jesper!$R$2:$R$366,ROW(INDEX(Jesper!AL$2:AL$366,ROUNDDOWN($C2655/24,0)+1,1))-1)+IF('Standard Profiles'!$G$22=$B$10,7,0)+IF('Standard Profiles'!$G$22=$B$17,14,0)+IF('Standard Profiles'!$G$22=$B$24,21,0),0)),0)</f>
        <v>0</v>
      </c>
      <c r="I2655">
        <f t="shared" si="300"/>
        <v>0.30507396580133378</v>
      </c>
      <c r="J2655">
        <f t="shared" si="301"/>
        <v>1.0169132193377795</v>
      </c>
      <c r="K2655">
        <f t="shared" si="302"/>
        <v>1.5253698290066688</v>
      </c>
      <c r="L2655">
        <f t="shared" si="303"/>
        <v>7.3217751792320112</v>
      </c>
      <c r="M2655">
        <f t="shared" si="304"/>
        <v>0</v>
      </c>
      <c r="N2655" s="46">
        <f t="shared" si="305"/>
        <v>45401.208333326977</v>
      </c>
    </row>
    <row r="2656" spans="2:14" x14ac:dyDescent="0.3">
      <c r="B2656">
        <f t="shared" si="299"/>
        <v>5</v>
      </c>
      <c r="C2656" s="16">
        <v>2622</v>
      </c>
      <c r="D2656" cm="1">
        <f t="array" ref="D2656">IFERROR(INDEX(Jesper!AH$2:AH$366,ROUNDDOWN($C2656/24,0)+1,1)*INDEX($D$3:$AA$30,INDEX(Jesper!$R$2:$R$366,ROW(INDEX(Jesper!AH$2:AH$366,ROUNDDOWN($C2656/24,0)+1,1))-1)+IF('Standard Profiles'!$G$18=$B$10,7,0)+IF('Standard Profiles'!$G$18=$B$17,14,0)+IF('Standard Profiles'!$G$18=$B$24,21,0),MOD($C2656,24)+1)/SUM(INDEX($D$3:$AA$30,INDEX(Jesper!$R$2:$R$366,ROW(INDEX(Jesper!AH$2:AH$366,ROUNDDOWN($C2656/24,0)+1,1))-1)+IF('Standard Profiles'!$G$18=$B$10,7,0)+IF('Standard Profiles'!$G$18=$B$17,14,0)+IF('Standard Profiles'!$G$18=$B$24,21,0),0)),0)</f>
        <v>12.273090578214578</v>
      </c>
      <c r="E2656" cm="1">
        <f t="array" ref="E2656">IFERROR(INDEX(Jesper!AI$2:AI$366,ROUNDDOWN($C2656/24,0)+1,1)*INDEX($D$3:$AA$30,INDEX(Jesper!$R$2:$R$366,ROW(INDEX(Jesper!AI$2:AI$366,ROUNDDOWN($C2656/24,0)+1,1))-1)+IF('Standard Profiles'!$G$19=$B$10,7,0)+IF('Standard Profiles'!$G$19=$B$17,14,0)+IF('Standard Profiles'!$G$19=$B$24,21,0),MOD($C2656,24)+1)/SUM(INDEX($D$3:$AA$30,INDEX(Jesper!$R$2:$R$366,ROW(INDEX(Jesper!AI$2:AI$366,ROUNDDOWN($C2656/24,0)+1,1))-1)+IF('Standard Profiles'!$G$19=$B$10,7,0)+IF('Standard Profiles'!$G$19=$B$17,14,0)+IF('Standard Profiles'!$G$19=$B$24,21,0),0)),0)</f>
        <v>0</v>
      </c>
      <c r="F2656" cm="1">
        <f t="array" ref="F2656">IFERROR(INDEX(Jesper!AJ$2:AJ$366,ROUNDDOWN($C2656/24,0)+1,1)*INDEX($D$3:$AA$30,INDEX(Jesper!$R$2:$R$366,ROW(INDEX(Jesper!AJ$2:AJ$366,ROUNDDOWN($C2656/24,0)+1,1))-1)+IF('Standard Profiles'!$G$20=$B$10,7,0)+IF('Standard Profiles'!$G$20=$B$17,14,0)+IF('Standard Profiles'!$G$20=$B$24,21,0),MOD($C2656,24)+1)/SUM(INDEX($D$3:$AA$30,INDEX(Jesper!$R$2:$R$366,ROW(INDEX(Jesper!AJ$2:AJ$366,ROUNDDOWN($C2656/24,0)+1,1))-1)+IF('Standard Profiles'!$G$20=$B$10,7,0)+IF('Standard Profiles'!$G$20=$B$17,14,0)+IF('Standard Profiles'!$G$20=$B$24,21,0),0)),0)</f>
        <v>0</v>
      </c>
      <c r="G2656" cm="1">
        <f t="array" ref="G2656">IFERROR(INDEX(Jesper!AK$2:AK$366,ROUNDDOWN($C2656/24,0)+1,1)*INDEX($D$3:$AA$30,INDEX(Jesper!$R$2:$R$366,ROW(INDEX(Jesper!AK$2:AK$366,ROUNDDOWN($C2656/24,0)+1,1))-1)+IF('Standard Profiles'!$G$21=$B$10,7,0)+IF('Standard Profiles'!$G$21=$B$17,14,0)+IF('Standard Profiles'!$G$21=$B$24,21,0),MOD($C2656,24)+1)/SUM(INDEX($D$3:$AA$30,INDEX(Jesper!$R$2:$R$366,ROW(INDEX(Jesper!AK$2:AK$366,ROUNDDOWN($C2656/24,0)+1,1))-1)+IF('Standard Profiles'!$G$21=$B$10,7,0)+IF('Standard Profiles'!$G$21=$B$17,14,0)+IF('Standard Profiles'!$G$21=$B$24,21,0),0)),0)</f>
        <v>0</v>
      </c>
      <c r="H2656" cm="1">
        <f t="array" ref="H2656">IFERROR(INDEX(Jesper!AL$2:AL$366,ROUNDDOWN($C2656/24,0)+1,1)*INDEX($D$3:$AA$30,INDEX(Jesper!$R$2:$R$366,ROW(INDEX(Jesper!AL$2:AL$366,ROUNDDOWN($C2656/24,0)+1,1))-1)+IF('Standard Profiles'!$G$22=$B$10,7,0)+IF('Standard Profiles'!$G$22=$B$17,14,0)+IF('Standard Profiles'!$G$22=$B$24,21,0),MOD($C2656,24)+1)/SUM(INDEX($D$3:$AA$30,INDEX(Jesper!$R$2:$R$366,ROW(INDEX(Jesper!AL$2:AL$366,ROUNDDOWN($C2656/24,0)+1,1))-1)+IF('Standard Profiles'!$G$22=$B$10,7,0)+IF('Standard Profiles'!$G$22=$B$17,14,0)+IF('Standard Profiles'!$G$22=$B$24,21,0),0)),0)</f>
        <v>0</v>
      </c>
      <c r="I2656">
        <f t="shared" si="300"/>
        <v>0.36819271734643733</v>
      </c>
      <c r="J2656">
        <f t="shared" si="301"/>
        <v>1.2273090578214578</v>
      </c>
      <c r="K2656">
        <f t="shared" si="302"/>
        <v>1.8409635867321867</v>
      </c>
      <c r="L2656">
        <f t="shared" si="303"/>
        <v>8.8366252163144967</v>
      </c>
      <c r="M2656">
        <f t="shared" si="304"/>
        <v>0</v>
      </c>
      <c r="N2656" s="46">
        <f t="shared" si="305"/>
        <v>45401.249999993641</v>
      </c>
    </row>
    <row r="2657" spans="2:14" x14ac:dyDescent="0.3">
      <c r="B2657">
        <f t="shared" si="299"/>
        <v>5</v>
      </c>
      <c r="C2657" s="16">
        <v>2623</v>
      </c>
      <c r="D2657" cm="1">
        <f t="array" ref="D2657">IFERROR(INDEX(Jesper!AH$2:AH$366,ROUNDDOWN($C2657/24,0)+1,1)*INDEX($D$3:$AA$30,INDEX(Jesper!$R$2:$R$366,ROW(INDEX(Jesper!AH$2:AH$366,ROUNDDOWN($C2657/24,0)+1,1))-1)+IF('Standard Profiles'!$G$18=$B$10,7,0)+IF('Standard Profiles'!$G$18=$B$17,14,0)+IF('Standard Profiles'!$G$18=$B$24,21,0),MOD($C2657,24)+1)/SUM(INDEX($D$3:$AA$30,INDEX(Jesper!$R$2:$R$366,ROW(INDEX(Jesper!AH$2:AH$366,ROUNDDOWN($C2657/24,0)+1,1))-1)+IF('Standard Profiles'!$G$18=$B$10,7,0)+IF('Standard Profiles'!$G$18=$B$17,14,0)+IF('Standard Profiles'!$G$18=$B$24,21,0),0)),0)</f>
        <v>12.273090578214578</v>
      </c>
      <c r="E2657" cm="1">
        <f t="array" ref="E2657">IFERROR(INDEX(Jesper!AI$2:AI$366,ROUNDDOWN($C2657/24,0)+1,1)*INDEX($D$3:$AA$30,INDEX(Jesper!$R$2:$R$366,ROW(INDEX(Jesper!AI$2:AI$366,ROUNDDOWN($C2657/24,0)+1,1))-1)+IF('Standard Profiles'!$G$19=$B$10,7,0)+IF('Standard Profiles'!$G$19=$B$17,14,0)+IF('Standard Profiles'!$G$19=$B$24,21,0),MOD($C2657,24)+1)/SUM(INDEX($D$3:$AA$30,INDEX(Jesper!$R$2:$R$366,ROW(INDEX(Jesper!AI$2:AI$366,ROUNDDOWN($C2657/24,0)+1,1))-1)+IF('Standard Profiles'!$G$19=$B$10,7,0)+IF('Standard Profiles'!$G$19=$B$17,14,0)+IF('Standard Profiles'!$G$19=$B$24,21,0),0)),0)</f>
        <v>0</v>
      </c>
      <c r="F2657" cm="1">
        <f t="array" ref="F2657">IFERROR(INDEX(Jesper!AJ$2:AJ$366,ROUNDDOWN($C2657/24,0)+1,1)*INDEX($D$3:$AA$30,INDEX(Jesper!$R$2:$R$366,ROW(INDEX(Jesper!AJ$2:AJ$366,ROUNDDOWN($C2657/24,0)+1,1))-1)+IF('Standard Profiles'!$G$20=$B$10,7,0)+IF('Standard Profiles'!$G$20=$B$17,14,0)+IF('Standard Profiles'!$G$20=$B$24,21,0),MOD($C2657,24)+1)/SUM(INDEX($D$3:$AA$30,INDEX(Jesper!$R$2:$R$366,ROW(INDEX(Jesper!AJ$2:AJ$366,ROUNDDOWN($C2657/24,0)+1,1))-1)+IF('Standard Profiles'!$G$20=$B$10,7,0)+IF('Standard Profiles'!$G$20=$B$17,14,0)+IF('Standard Profiles'!$G$20=$B$24,21,0),0)),0)</f>
        <v>0</v>
      </c>
      <c r="G2657" cm="1">
        <f t="array" ref="G2657">IFERROR(INDEX(Jesper!AK$2:AK$366,ROUNDDOWN($C2657/24,0)+1,1)*INDEX($D$3:$AA$30,INDEX(Jesper!$R$2:$R$366,ROW(INDEX(Jesper!AK$2:AK$366,ROUNDDOWN($C2657/24,0)+1,1))-1)+IF('Standard Profiles'!$G$21=$B$10,7,0)+IF('Standard Profiles'!$G$21=$B$17,14,0)+IF('Standard Profiles'!$G$21=$B$24,21,0),MOD($C2657,24)+1)/SUM(INDEX($D$3:$AA$30,INDEX(Jesper!$R$2:$R$366,ROW(INDEX(Jesper!AK$2:AK$366,ROUNDDOWN($C2657/24,0)+1,1))-1)+IF('Standard Profiles'!$G$21=$B$10,7,0)+IF('Standard Profiles'!$G$21=$B$17,14,0)+IF('Standard Profiles'!$G$21=$B$24,21,0),0)),0)</f>
        <v>0</v>
      </c>
      <c r="H2657" cm="1">
        <f t="array" ref="H2657">IFERROR(INDEX(Jesper!AL$2:AL$366,ROUNDDOWN($C2657/24,0)+1,1)*INDEX($D$3:$AA$30,INDEX(Jesper!$R$2:$R$366,ROW(INDEX(Jesper!AL$2:AL$366,ROUNDDOWN($C2657/24,0)+1,1))-1)+IF('Standard Profiles'!$G$22=$B$10,7,0)+IF('Standard Profiles'!$G$22=$B$17,14,0)+IF('Standard Profiles'!$G$22=$B$24,21,0),MOD($C2657,24)+1)/SUM(INDEX($D$3:$AA$30,INDEX(Jesper!$R$2:$R$366,ROW(INDEX(Jesper!AL$2:AL$366,ROUNDDOWN($C2657/24,0)+1,1))-1)+IF('Standard Profiles'!$G$22=$B$10,7,0)+IF('Standard Profiles'!$G$22=$B$17,14,0)+IF('Standard Profiles'!$G$22=$B$24,21,0),0)),0)</f>
        <v>0</v>
      </c>
      <c r="I2657">
        <f t="shared" si="300"/>
        <v>0.36819271734643733</v>
      </c>
      <c r="J2657">
        <f t="shared" si="301"/>
        <v>1.2273090578214578</v>
      </c>
      <c r="K2657">
        <f t="shared" si="302"/>
        <v>1.8409635867321867</v>
      </c>
      <c r="L2657">
        <f t="shared" si="303"/>
        <v>8.8366252163144967</v>
      </c>
      <c r="M2657">
        <f t="shared" si="304"/>
        <v>0</v>
      </c>
      <c r="N2657" s="46">
        <f t="shared" si="305"/>
        <v>45401.291666660305</v>
      </c>
    </row>
    <row r="2658" spans="2:14" x14ac:dyDescent="0.3">
      <c r="B2658">
        <f t="shared" si="299"/>
        <v>5</v>
      </c>
      <c r="C2658" s="16">
        <v>2624</v>
      </c>
      <c r="D2658" cm="1">
        <f t="array" ref="D2658">IFERROR(INDEX(Jesper!AH$2:AH$366,ROUNDDOWN($C2658/24,0)+1,1)*INDEX($D$3:$AA$30,INDEX(Jesper!$R$2:$R$366,ROW(INDEX(Jesper!AH$2:AH$366,ROUNDDOWN($C2658/24,0)+1,1))-1)+IF('Standard Profiles'!$G$18=$B$10,7,0)+IF('Standard Profiles'!$G$18=$B$17,14,0)+IF('Standard Profiles'!$G$18=$B$24,21,0),MOD($C2658,24)+1)/SUM(INDEX($D$3:$AA$30,INDEX(Jesper!$R$2:$R$366,ROW(INDEX(Jesper!AH$2:AH$366,ROUNDDOWN($C2658/24,0)+1,1))-1)+IF('Standard Profiles'!$G$18=$B$10,7,0)+IF('Standard Profiles'!$G$18=$B$17,14,0)+IF('Standard Profiles'!$G$18=$B$24,21,0),0)),0)</f>
        <v>12.273090578214578</v>
      </c>
      <c r="E2658" cm="1">
        <f t="array" ref="E2658">IFERROR(INDEX(Jesper!AI$2:AI$366,ROUNDDOWN($C2658/24,0)+1,1)*INDEX($D$3:$AA$30,INDEX(Jesper!$R$2:$R$366,ROW(INDEX(Jesper!AI$2:AI$366,ROUNDDOWN($C2658/24,0)+1,1))-1)+IF('Standard Profiles'!$G$19=$B$10,7,0)+IF('Standard Profiles'!$G$19=$B$17,14,0)+IF('Standard Profiles'!$G$19=$B$24,21,0),MOD($C2658,24)+1)/SUM(INDEX($D$3:$AA$30,INDEX(Jesper!$R$2:$R$366,ROW(INDEX(Jesper!AI$2:AI$366,ROUNDDOWN($C2658/24,0)+1,1))-1)+IF('Standard Profiles'!$G$19=$B$10,7,0)+IF('Standard Profiles'!$G$19=$B$17,14,0)+IF('Standard Profiles'!$G$19=$B$24,21,0),0)),0)</f>
        <v>0</v>
      </c>
      <c r="F2658" cm="1">
        <f t="array" ref="F2658">IFERROR(INDEX(Jesper!AJ$2:AJ$366,ROUNDDOWN($C2658/24,0)+1,1)*INDEX($D$3:$AA$30,INDEX(Jesper!$R$2:$R$366,ROW(INDEX(Jesper!AJ$2:AJ$366,ROUNDDOWN($C2658/24,0)+1,1))-1)+IF('Standard Profiles'!$G$20=$B$10,7,0)+IF('Standard Profiles'!$G$20=$B$17,14,0)+IF('Standard Profiles'!$G$20=$B$24,21,0),MOD($C2658,24)+1)/SUM(INDEX($D$3:$AA$30,INDEX(Jesper!$R$2:$R$366,ROW(INDEX(Jesper!AJ$2:AJ$366,ROUNDDOWN($C2658/24,0)+1,1))-1)+IF('Standard Profiles'!$G$20=$B$10,7,0)+IF('Standard Profiles'!$G$20=$B$17,14,0)+IF('Standard Profiles'!$G$20=$B$24,21,0),0)),0)</f>
        <v>0</v>
      </c>
      <c r="G2658" cm="1">
        <f t="array" ref="G2658">IFERROR(INDEX(Jesper!AK$2:AK$366,ROUNDDOWN($C2658/24,0)+1,1)*INDEX($D$3:$AA$30,INDEX(Jesper!$R$2:$R$366,ROW(INDEX(Jesper!AK$2:AK$366,ROUNDDOWN($C2658/24,0)+1,1))-1)+IF('Standard Profiles'!$G$21=$B$10,7,0)+IF('Standard Profiles'!$G$21=$B$17,14,0)+IF('Standard Profiles'!$G$21=$B$24,21,0),MOD($C2658,24)+1)/SUM(INDEX($D$3:$AA$30,INDEX(Jesper!$R$2:$R$366,ROW(INDEX(Jesper!AK$2:AK$366,ROUNDDOWN($C2658/24,0)+1,1))-1)+IF('Standard Profiles'!$G$21=$B$10,7,0)+IF('Standard Profiles'!$G$21=$B$17,14,0)+IF('Standard Profiles'!$G$21=$B$24,21,0),0)),0)</f>
        <v>0</v>
      </c>
      <c r="H2658" cm="1">
        <f t="array" ref="H2658">IFERROR(INDEX(Jesper!AL$2:AL$366,ROUNDDOWN($C2658/24,0)+1,1)*INDEX($D$3:$AA$30,INDEX(Jesper!$R$2:$R$366,ROW(INDEX(Jesper!AL$2:AL$366,ROUNDDOWN($C2658/24,0)+1,1))-1)+IF('Standard Profiles'!$G$22=$B$10,7,0)+IF('Standard Profiles'!$G$22=$B$17,14,0)+IF('Standard Profiles'!$G$22=$B$24,21,0),MOD($C2658,24)+1)/SUM(INDEX($D$3:$AA$30,INDEX(Jesper!$R$2:$R$366,ROW(INDEX(Jesper!AL$2:AL$366,ROUNDDOWN($C2658/24,0)+1,1))-1)+IF('Standard Profiles'!$G$22=$B$10,7,0)+IF('Standard Profiles'!$G$22=$B$17,14,0)+IF('Standard Profiles'!$G$22=$B$24,21,0),0)),0)</f>
        <v>0</v>
      </c>
      <c r="I2658">
        <f t="shared" si="300"/>
        <v>0.36819271734643733</v>
      </c>
      <c r="J2658">
        <f t="shared" si="301"/>
        <v>1.2273090578214578</v>
      </c>
      <c r="K2658">
        <f t="shared" si="302"/>
        <v>1.8409635867321867</v>
      </c>
      <c r="L2658">
        <f t="shared" si="303"/>
        <v>8.8366252163144967</v>
      </c>
      <c r="M2658">
        <f t="shared" si="304"/>
        <v>0</v>
      </c>
      <c r="N2658" s="46">
        <f t="shared" si="305"/>
        <v>45401.333333326969</v>
      </c>
    </row>
    <row r="2659" spans="2:14" x14ac:dyDescent="0.3">
      <c r="B2659">
        <f t="shared" ref="B2659:B2722" si="306">WEEKDAY(N2659,2)</f>
        <v>5</v>
      </c>
      <c r="C2659" s="16">
        <v>2625</v>
      </c>
      <c r="D2659" cm="1">
        <f t="array" ref="D2659">IFERROR(INDEX(Jesper!AH$2:AH$366,ROUNDDOWN($C2659/24,0)+1,1)*INDEX($D$3:$AA$30,INDEX(Jesper!$R$2:$R$366,ROW(INDEX(Jesper!AH$2:AH$366,ROUNDDOWN($C2659/24,0)+1,1))-1)+IF('Standard Profiles'!$G$18=$B$10,7,0)+IF('Standard Profiles'!$G$18=$B$17,14,0)+IF('Standard Profiles'!$G$18=$B$24,21,0),MOD($C2659,24)+1)/SUM(INDEX($D$3:$AA$30,INDEX(Jesper!$R$2:$R$366,ROW(INDEX(Jesper!AH$2:AH$366,ROUNDDOWN($C2659/24,0)+1,1))-1)+IF('Standard Profiles'!$G$18=$B$10,7,0)+IF('Standard Profiles'!$G$18=$B$17,14,0)+IF('Standard Profiles'!$G$18=$B$24,21,0),0)),0)</f>
        <v>13.149739905229906</v>
      </c>
      <c r="E2659" cm="1">
        <f t="array" ref="E2659">IFERROR(INDEX(Jesper!AI$2:AI$366,ROUNDDOWN($C2659/24,0)+1,1)*INDEX($D$3:$AA$30,INDEX(Jesper!$R$2:$R$366,ROW(INDEX(Jesper!AI$2:AI$366,ROUNDDOWN($C2659/24,0)+1,1))-1)+IF('Standard Profiles'!$G$19=$B$10,7,0)+IF('Standard Profiles'!$G$19=$B$17,14,0)+IF('Standard Profiles'!$G$19=$B$24,21,0),MOD($C2659,24)+1)/SUM(INDEX($D$3:$AA$30,INDEX(Jesper!$R$2:$R$366,ROW(INDEX(Jesper!AI$2:AI$366,ROUNDDOWN($C2659/24,0)+1,1))-1)+IF('Standard Profiles'!$G$19=$B$10,7,0)+IF('Standard Profiles'!$G$19=$B$17,14,0)+IF('Standard Profiles'!$G$19=$B$24,21,0),0)),0)</f>
        <v>0</v>
      </c>
      <c r="F2659" cm="1">
        <f t="array" ref="F2659">IFERROR(INDEX(Jesper!AJ$2:AJ$366,ROUNDDOWN($C2659/24,0)+1,1)*INDEX($D$3:$AA$30,INDEX(Jesper!$R$2:$R$366,ROW(INDEX(Jesper!AJ$2:AJ$366,ROUNDDOWN($C2659/24,0)+1,1))-1)+IF('Standard Profiles'!$G$20=$B$10,7,0)+IF('Standard Profiles'!$G$20=$B$17,14,0)+IF('Standard Profiles'!$G$20=$B$24,21,0),MOD($C2659,24)+1)/SUM(INDEX($D$3:$AA$30,INDEX(Jesper!$R$2:$R$366,ROW(INDEX(Jesper!AJ$2:AJ$366,ROUNDDOWN($C2659/24,0)+1,1))-1)+IF('Standard Profiles'!$G$20=$B$10,7,0)+IF('Standard Profiles'!$G$20=$B$17,14,0)+IF('Standard Profiles'!$G$20=$B$24,21,0),0)),0)</f>
        <v>0</v>
      </c>
      <c r="G2659" cm="1">
        <f t="array" ref="G2659">IFERROR(INDEX(Jesper!AK$2:AK$366,ROUNDDOWN($C2659/24,0)+1,1)*INDEX($D$3:$AA$30,INDEX(Jesper!$R$2:$R$366,ROW(INDEX(Jesper!AK$2:AK$366,ROUNDDOWN($C2659/24,0)+1,1))-1)+IF('Standard Profiles'!$G$21=$B$10,7,0)+IF('Standard Profiles'!$G$21=$B$17,14,0)+IF('Standard Profiles'!$G$21=$B$24,21,0),MOD($C2659,24)+1)/SUM(INDEX($D$3:$AA$30,INDEX(Jesper!$R$2:$R$366,ROW(INDEX(Jesper!AK$2:AK$366,ROUNDDOWN($C2659/24,0)+1,1))-1)+IF('Standard Profiles'!$G$21=$B$10,7,0)+IF('Standard Profiles'!$G$21=$B$17,14,0)+IF('Standard Profiles'!$G$21=$B$24,21,0),0)),0)</f>
        <v>0</v>
      </c>
      <c r="H2659" cm="1">
        <f t="array" ref="H2659">IFERROR(INDEX(Jesper!AL$2:AL$366,ROUNDDOWN($C2659/24,0)+1,1)*INDEX($D$3:$AA$30,INDEX(Jesper!$R$2:$R$366,ROW(INDEX(Jesper!AL$2:AL$366,ROUNDDOWN($C2659/24,0)+1,1))-1)+IF('Standard Profiles'!$G$22=$B$10,7,0)+IF('Standard Profiles'!$G$22=$B$17,14,0)+IF('Standard Profiles'!$G$22=$B$24,21,0),MOD($C2659,24)+1)/SUM(INDEX($D$3:$AA$30,INDEX(Jesper!$R$2:$R$366,ROW(INDEX(Jesper!AL$2:AL$366,ROUNDDOWN($C2659/24,0)+1,1))-1)+IF('Standard Profiles'!$G$22=$B$10,7,0)+IF('Standard Profiles'!$G$22=$B$17,14,0)+IF('Standard Profiles'!$G$22=$B$24,21,0),0)),0)</f>
        <v>0</v>
      </c>
      <c r="I2659">
        <f t="shared" ref="I2659:I2722" si="307">IF($B2659&lt;6,AC$37*$D2659+AC$38*$E2659+AC$39*$F2659+AC$40*$G2659,AC$46*$D2659+AC$47*$E2659+AC$48*$F2659+AC$49*$G2659+AC$50*$H2659)</f>
        <v>0.39449219715689715</v>
      </c>
      <c r="J2659">
        <f t="shared" ref="J2659:J2722" si="308">IF($B2659&lt;6,AD$37*$D2659+AD$38*$E2659+AD$39*$F2659+AD$40*$G2659,AD$46*$D2659+AD$47*$E2659+AD$48*$F2659+AD$49*$G2659+AD$50*$H2659)</f>
        <v>1.3149739905229907</v>
      </c>
      <c r="K2659">
        <f t="shared" ref="K2659:K2722" si="309">IF($B2659&lt;6,AE$37*$D2659+AE$38*$E2659+AE$39*$F2659+AE$40*$G2659,AE$46*$D2659+AE$47*$E2659+AE$48*$F2659+AE$49*$G2659+AE$50*$H2659)</f>
        <v>1.9724609857844857</v>
      </c>
      <c r="L2659">
        <f t="shared" ref="L2659:L2722" si="310">IF($B2659&lt;6,AF$37*$D2659+AF$38*$E2659+AF$39*$F2659+AF$40*$G2659,AF$46*$D2659+AF$47*$E2659+AF$48*$F2659+AF$49*$G2659+AF$50*$H2659)</f>
        <v>9.4678127317655321</v>
      </c>
      <c r="M2659">
        <f t="shared" ref="M2659:M2722" si="311">IF($B2659&lt;6,AG$37*$D2659+AG$38*$E2659+AG$39*$F2659+AG$40*$G2659,AG$46*$D2659+AG$47*$E2659+AG$48*$F2659+AG$49*$G2659+AG$50*$H2659)</f>
        <v>0</v>
      </c>
      <c r="N2659" s="46">
        <f t="shared" si="305"/>
        <v>45401.374999993634</v>
      </c>
    </row>
    <row r="2660" spans="2:14" x14ac:dyDescent="0.3">
      <c r="B2660">
        <f t="shared" si="306"/>
        <v>5</v>
      </c>
      <c r="C2660" s="16">
        <v>2626</v>
      </c>
      <c r="D2660" cm="1">
        <f t="array" ref="D2660">IFERROR(INDEX(Jesper!AH$2:AH$366,ROUNDDOWN($C2660/24,0)+1,1)*INDEX($D$3:$AA$30,INDEX(Jesper!$R$2:$R$366,ROW(INDEX(Jesper!AH$2:AH$366,ROUNDDOWN($C2660/24,0)+1,1))-1)+IF('Standard Profiles'!$G$18=$B$10,7,0)+IF('Standard Profiles'!$G$18=$B$17,14,0)+IF('Standard Profiles'!$G$18=$B$24,21,0),MOD($C2660,24)+1)/SUM(INDEX($D$3:$AA$30,INDEX(Jesper!$R$2:$R$366,ROW(INDEX(Jesper!AH$2:AH$366,ROUNDDOWN($C2660/24,0)+1,1))-1)+IF('Standard Profiles'!$G$18=$B$10,7,0)+IF('Standard Profiles'!$G$18=$B$17,14,0)+IF('Standard Profiles'!$G$18=$B$24,21,0),0)),0)</f>
        <v>13.675729501439102</v>
      </c>
      <c r="E2660" cm="1">
        <f t="array" ref="E2660">IFERROR(INDEX(Jesper!AI$2:AI$366,ROUNDDOWN($C2660/24,0)+1,1)*INDEX($D$3:$AA$30,INDEX(Jesper!$R$2:$R$366,ROW(INDEX(Jesper!AI$2:AI$366,ROUNDDOWN($C2660/24,0)+1,1))-1)+IF('Standard Profiles'!$G$19=$B$10,7,0)+IF('Standard Profiles'!$G$19=$B$17,14,0)+IF('Standard Profiles'!$G$19=$B$24,21,0),MOD($C2660,24)+1)/SUM(INDEX($D$3:$AA$30,INDEX(Jesper!$R$2:$R$366,ROW(INDEX(Jesper!AI$2:AI$366,ROUNDDOWN($C2660/24,0)+1,1))-1)+IF('Standard Profiles'!$G$19=$B$10,7,0)+IF('Standard Profiles'!$G$19=$B$17,14,0)+IF('Standard Profiles'!$G$19=$B$24,21,0),0)),0)</f>
        <v>0</v>
      </c>
      <c r="F2660" cm="1">
        <f t="array" ref="F2660">IFERROR(INDEX(Jesper!AJ$2:AJ$366,ROUNDDOWN($C2660/24,0)+1,1)*INDEX($D$3:$AA$30,INDEX(Jesper!$R$2:$R$366,ROW(INDEX(Jesper!AJ$2:AJ$366,ROUNDDOWN($C2660/24,0)+1,1))-1)+IF('Standard Profiles'!$G$20=$B$10,7,0)+IF('Standard Profiles'!$G$20=$B$17,14,0)+IF('Standard Profiles'!$G$20=$B$24,21,0),MOD($C2660,24)+1)/SUM(INDEX($D$3:$AA$30,INDEX(Jesper!$R$2:$R$366,ROW(INDEX(Jesper!AJ$2:AJ$366,ROUNDDOWN($C2660/24,0)+1,1))-1)+IF('Standard Profiles'!$G$20=$B$10,7,0)+IF('Standard Profiles'!$G$20=$B$17,14,0)+IF('Standard Profiles'!$G$20=$B$24,21,0),0)),0)</f>
        <v>0</v>
      </c>
      <c r="G2660" cm="1">
        <f t="array" ref="G2660">IFERROR(INDEX(Jesper!AK$2:AK$366,ROUNDDOWN($C2660/24,0)+1,1)*INDEX($D$3:$AA$30,INDEX(Jesper!$R$2:$R$366,ROW(INDEX(Jesper!AK$2:AK$366,ROUNDDOWN($C2660/24,0)+1,1))-1)+IF('Standard Profiles'!$G$21=$B$10,7,0)+IF('Standard Profiles'!$G$21=$B$17,14,0)+IF('Standard Profiles'!$G$21=$B$24,21,0),MOD($C2660,24)+1)/SUM(INDEX($D$3:$AA$30,INDEX(Jesper!$R$2:$R$366,ROW(INDEX(Jesper!AK$2:AK$366,ROUNDDOWN($C2660/24,0)+1,1))-1)+IF('Standard Profiles'!$G$21=$B$10,7,0)+IF('Standard Profiles'!$G$21=$B$17,14,0)+IF('Standard Profiles'!$G$21=$B$24,21,0),0)),0)</f>
        <v>0</v>
      </c>
      <c r="H2660" cm="1">
        <f t="array" ref="H2660">IFERROR(INDEX(Jesper!AL$2:AL$366,ROUNDDOWN($C2660/24,0)+1,1)*INDEX($D$3:$AA$30,INDEX(Jesper!$R$2:$R$366,ROW(INDEX(Jesper!AL$2:AL$366,ROUNDDOWN($C2660/24,0)+1,1))-1)+IF('Standard Profiles'!$G$22=$B$10,7,0)+IF('Standard Profiles'!$G$22=$B$17,14,0)+IF('Standard Profiles'!$G$22=$B$24,21,0),MOD($C2660,24)+1)/SUM(INDEX($D$3:$AA$30,INDEX(Jesper!$R$2:$R$366,ROW(INDEX(Jesper!AL$2:AL$366,ROUNDDOWN($C2660/24,0)+1,1))-1)+IF('Standard Profiles'!$G$22=$B$10,7,0)+IF('Standard Profiles'!$G$22=$B$17,14,0)+IF('Standard Profiles'!$G$22=$B$24,21,0),0)),0)</f>
        <v>0</v>
      </c>
      <c r="I2660">
        <f t="shared" si="307"/>
        <v>0.41027188504317308</v>
      </c>
      <c r="J2660">
        <f t="shared" si="308"/>
        <v>1.3675729501439102</v>
      </c>
      <c r="K2660">
        <f t="shared" si="309"/>
        <v>2.0513594252158653</v>
      </c>
      <c r="L2660">
        <f t="shared" si="310"/>
        <v>9.8465252410361526</v>
      </c>
      <c r="M2660">
        <f t="shared" si="311"/>
        <v>0</v>
      </c>
      <c r="N2660" s="46">
        <f t="shared" ref="N2660:N2723" si="312">N2659+1/24</f>
        <v>45401.416666660298</v>
      </c>
    </row>
    <row r="2661" spans="2:14" x14ac:dyDescent="0.3">
      <c r="B2661">
        <f t="shared" si="306"/>
        <v>5</v>
      </c>
      <c r="C2661" s="16">
        <v>2627</v>
      </c>
      <c r="D2661" cm="1">
        <f t="array" ref="D2661">IFERROR(INDEX(Jesper!AH$2:AH$366,ROUNDDOWN($C2661/24,0)+1,1)*INDEX($D$3:$AA$30,INDEX(Jesper!$R$2:$R$366,ROW(INDEX(Jesper!AH$2:AH$366,ROUNDDOWN($C2661/24,0)+1,1))-1)+IF('Standard Profiles'!$G$18=$B$10,7,0)+IF('Standard Profiles'!$G$18=$B$17,14,0)+IF('Standard Profiles'!$G$18=$B$24,21,0),MOD($C2661,24)+1)/SUM(INDEX($D$3:$AA$30,INDEX(Jesper!$R$2:$R$366,ROW(INDEX(Jesper!AH$2:AH$366,ROUNDDOWN($C2661/24,0)+1,1))-1)+IF('Standard Profiles'!$G$18=$B$10,7,0)+IF('Standard Profiles'!$G$18=$B$17,14,0)+IF('Standard Profiles'!$G$18=$B$24,21,0),0)),0)</f>
        <v>15.779687886275887</v>
      </c>
      <c r="E2661" cm="1">
        <f t="array" ref="E2661">IFERROR(INDEX(Jesper!AI$2:AI$366,ROUNDDOWN($C2661/24,0)+1,1)*INDEX($D$3:$AA$30,INDEX(Jesper!$R$2:$R$366,ROW(INDEX(Jesper!AI$2:AI$366,ROUNDDOWN($C2661/24,0)+1,1))-1)+IF('Standard Profiles'!$G$19=$B$10,7,0)+IF('Standard Profiles'!$G$19=$B$17,14,0)+IF('Standard Profiles'!$G$19=$B$24,21,0),MOD($C2661,24)+1)/SUM(INDEX($D$3:$AA$30,INDEX(Jesper!$R$2:$R$366,ROW(INDEX(Jesper!AI$2:AI$366,ROUNDDOWN($C2661/24,0)+1,1))-1)+IF('Standard Profiles'!$G$19=$B$10,7,0)+IF('Standard Profiles'!$G$19=$B$17,14,0)+IF('Standard Profiles'!$G$19=$B$24,21,0),0)),0)</f>
        <v>0</v>
      </c>
      <c r="F2661" cm="1">
        <f t="array" ref="F2661">IFERROR(INDEX(Jesper!AJ$2:AJ$366,ROUNDDOWN($C2661/24,0)+1,1)*INDEX($D$3:$AA$30,INDEX(Jesper!$R$2:$R$366,ROW(INDEX(Jesper!AJ$2:AJ$366,ROUNDDOWN($C2661/24,0)+1,1))-1)+IF('Standard Profiles'!$G$20=$B$10,7,0)+IF('Standard Profiles'!$G$20=$B$17,14,0)+IF('Standard Profiles'!$G$20=$B$24,21,0),MOD($C2661,24)+1)/SUM(INDEX($D$3:$AA$30,INDEX(Jesper!$R$2:$R$366,ROW(INDEX(Jesper!AJ$2:AJ$366,ROUNDDOWN($C2661/24,0)+1,1))-1)+IF('Standard Profiles'!$G$20=$B$10,7,0)+IF('Standard Profiles'!$G$20=$B$17,14,0)+IF('Standard Profiles'!$G$20=$B$24,21,0),0)),0)</f>
        <v>0</v>
      </c>
      <c r="G2661" cm="1">
        <f t="array" ref="G2661">IFERROR(INDEX(Jesper!AK$2:AK$366,ROUNDDOWN($C2661/24,0)+1,1)*INDEX($D$3:$AA$30,INDEX(Jesper!$R$2:$R$366,ROW(INDEX(Jesper!AK$2:AK$366,ROUNDDOWN($C2661/24,0)+1,1))-1)+IF('Standard Profiles'!$G$21=$B$10,7,0)+IF('Standard Profiles'!$G$21=$B$17,14,0)+IF('Standard Profiles'!$G$21=$B$24,21,0),MOD($C2661,24)+1)/SUM(INDEX($D$3:$AA$30,INDEX(Jesper!$R$2:$R$366,ROW(INDEX(Jesper!AK$2:AK$366,ROUNDDOWN($C2661/24,0)+1,1))-1)+IF('Standard Profiles'!$G$21=$B$10,7,0)+IF('Standard Profiles'!$G$21=$B$17,14,0)+IF('Standard Profiles'!$G$21=$B$24,21,0),0)),0)</f>
        <v>0</v>
      </c>
      <c r="H2661" cm="1">
        <f t="array" ref="H2661">IFERROR(INDEX(Jesper!AL$2:AL$366,ROUNDDOWN($C2661/24,0)+1,1)*INDEX($D$3:$AA$30,INDEX(Jesper!$R$2:$R$366,ROW(INDEX(Jesper!AL$2:AL$366,ROUNDDOWN($C2661/24,0)+1,1))-1)+IF('Standard Profiles'!$G$22=$B$10,7,0)+IF('Standard Profiles'!$G$22=$B$17,14,0)+IF('Standard Profiles'!$G$22=$B$24,21,0),MOD($C2661,24)+1)/SUM(INDEX($D$3:$AA$30,INDEX(Jesper!$R$2:$R$366,ROW(INDEX(Jesper!AL$2:AL$366,ROUNDDOWN($C2661/24,0)+1,1))-1)+IF('Standard Profiles'!$G$22=$B$10,7,0)+IF('Standard Profiles'!$G$22=$B$17,14,0)+IF('Standard Profiles'!$G$22=$B$24,21,0),0)),0)</f>
        <v>0</v>
      </c>
      <c r="I2661">
        <f t="shared" si="307"/>
        <v>0.47339063658827663</v>
      </c>
      <c r="J2661">
        <f t="shared" si="308"/>
        <v>1.5779687886275888</v>
      </c>
      <c r="K2661">
        <f t="shared" si="309"/>
        <v>2.366953182941383</v>
      </c>
      <c r="L2661">
        <f t="shared" si="310"/>
        <v>11.361375278118638</v>
      </c>
      <c r="M2661">
        <f t="shared" si="311"/>
        <v>0</v>
      </c>
      <c r="N2661" s="46">
        <f t="shared" si="312"/>
        <v>45401.458333326962</v>
      </c>
    </row>
    <row r="2662" spans="2:14" x14ac:dyDescent="0.3">
      <c r="B2662">
        <f t="shared" si="306"/>
        <v>5</v>
      </c>
      <c r="C2662" s="16">
        <v>2628</v>
      </c>
      <c r="D2662" cm="1">
        <f t="array" ref="D2662">IFERROR(INDEX(Jesper!AH$2:AH$366,ROUNDDOWN($C2662/24,0)+1,1)*INDEX($D$3:$AA$30,INDEX(Jesper!$R$2:$R$366,ROW(INDEX(Jesper!AH$2:AH$366,ROUNDDOWN($C2662/24,0)+1,1))-1)+IF('Standard Profiles'!$G$18=$B$10,7,0)+IF('Standard Profiles'!$G$18=$B$17,14,0)+IF('Standard Profiles'!$G$18=$B$24,21,0),MOD($C2662,24)+1)/SUM(INDEX($D$3:$AA$30,INDEX(Jesper!$R$2:$R$366,ROW(INDEX(Jesper!AH$2:AH$366,ROUNDDOWN($C2662/24,0)+1,1))-1)+IF('Standard Profiles'!$G$18=$B$10,7,0)+IF('Standard Profiles'!$G$18=$B$17,14,0)+IF('Standard Profiles'!$G$18=$B$24,21,0),0)),0)</f>
        <v>15.779687886275887</v>
      </c>
      <c r="E2662" cm="1">
        <f t="array" ref="E2662">IFERROR(INDEX(Jesper!AI$2:AI$366,ROUNDDOWN($C2662/24,0)+1,1)*INDEX($D$3:$AA$30,INDEX(Jesper!$R$2:$R$366,ROW(INDEX(Jesper!AI$2:AI$366,ROUNDDOWN($C2662/24,0)+1,1))-1)+IF('Standard Profiles'!$G$19=$B$10,7,0)+IF('Standard Profiles'!$G$19=$B$17,14,0)+IF('Standard Profiles'!$G$19=$B$24,21,0),MOD($C2662,24)+1)/SUM(INDEX($D$3:$AA$30,INDEX(Jesper!$R$2:$R$366,ROW(INDEX(Jesper!AI$2:AI$366,ROUNDDOWN($C2662/24,0)+1,1))-1)+IF('Standard Profiles'!$G$19=$B$10,7,0)+IF('Standard Profiles'!$G$19=$B$17,14,0)+IF('Standard Profiles'!$G$19=$B$24,21,0),0)),0)</f>
        <v>0</v>
      </c>
      <c r="F2662" cm="1">
        <f t="array" ref="F2662">IFERROR(INDEX(Jesper!AJ$2:AJ$366,ROUNDDOWN($C2662/24,0)+1,1)*INDEX($D$3:$AA$30,INDEX(Jesper!$R$2:$R$366,ROW(INDEX(Jesper!AJ$2:AJ$366,ROUNDDOWN($C2662/24,0)+1,1))-1)+IF('Standard Profiles'!$G$20=$B$10,7,0)+IF('Standard Profiles'!$G$20=$B$17,14,0)+IF('Standard Profiles'!$G$20=$B$24,21,0),MOD($C2662,24)+1)/SUM(INDEX($D$3:$AA$30,INDEX(Jesper!$R$2:$R$366,ROW(INDEX(Jesper!AJ$2:AJ$366,ROUNDDOWN($C2662/24,0)+1,1))-1)+IF('Standard Profiles'!$G$20=$B$10,7,0)+IF('Standard Profiles'!$G$20=$B$17,14,0)+IF('Standard Profiles'!$G$20=$B$24,21,0),0)),0)</f>
        <v>0</v>
      </c>
      <c r="G2662" cm="1">
        <f t="array" ref="G2662">IFERROR(INDEX(Jesper!AK$2:AK$366,ROUNDDOWN($C2662/24,0)+1,1)*INDEX($D$3:$AA$30,INDEX(Jesper!$R$2:$R$366,ROW(INDEX(Jesper!AK$2:AK$366,ROUNDDOWN($C2662/24,0)+1,1))-1)+IF('Standard Profiles'!$G$21=$B$10,7,0)+IF('Standard Profiles'!$G$21=$B$17,14,0)+IF('Standard Profiles'!$G$21=$B$24,21,0),MOD($C2662,24)+1)/SUM(INDEX($D$3:$AA$30,INDEX(Jesper!$R$2:$R$366,ROW(INDEX(Jesper!AK$2:AK$366,ROUNDDOWN($C2662/24,0)+1,1))-1)+IF('Standard Profiles'!$G$21=$B$10,7,0)+IF('Standard Profiles'!$G$21=$B$17,14,0)+IF('Standard Profiles'!$G$21=$B$24,21,0),0)),0)</f>
        <v>0</v>
      </c>
      <c r="H2662" cm="1">
        <f t="array" ref="H2662">IFERROR(INDEX(Jesper!AL$2:AL$366,ROUNDDOWN($C2662/24,0)+1,1)*INDEX($D$3:$AA$30,INDEX(Jesper!$R$2:$R$366,ROW(INDEX(Jesper!AL$2:AL$366,ROUNDDOWN($C2662/24,0)+1,1))-1)+IF('Standard Profiles'!$G$22=$B$10,7,0)+IF('Standard Profiles'!$G$22=$B$17,14,0)+IF('Standard Profiles'!$G$22=$B$24,21,0),MOD($C2662,24)+1)/SUM(INDEX($D$3:$AA$30,INDEX(Jesper!$R$2:$R$366,ROW(INDEX(Jesper!AL$2:AL$366,ROUNDDOWN($C2662/24,0)+1,1))-1)+IF('Standard Profiles'!$G$22=$B$10,7,0)+IF('Standard Profiles'!$G$22=$B$17,14,0)+IF('Standard Profiles'!$G$22=$B$24,21,0),0)),0)</f>
        <v>0</v>
      </c>
      <c r="I2662">
        <f t="shared" si="307"/>
        <v>0.47339063658827663</v>
      </c>
      <c r="J2662">
        <f t="shared" si="308"/>
        <v>1.5779687886275888</v>
      </c>
      <c r="K2662">
        <f t="shared" si="309"/>
        <v>2.366953182941383</v>
      </c>
      <c r="L2662">
        <f t="shared" si="310"/>
        <v>11.361375278118638</v>
      </c>
      <c r="M2662">
        <f t="shared" si="311"/>
        <v>0</v>
      </c>
      <c r="N2662" s="46">
        <f t="shared" si="312"/>
        <v>45401.499999993626</v>
      </c>
    </row>
    <row r="2663" spans="2:14" x14ac:dyDescent="0.3">
      <c r="B2663">
        <f t="shared" si="306"/>
        <v>5</v>
      </c>
      <c r="C2663" s="16">
        <v>2629</v>
      </c>
      <c r="D2663" cm="1">
        <f t="array" ref="D2663">IFERROR(INDEX(Jesper!AH$2:AH$366,ROUNDDOWN($C2663/24,0)+1,1)*INDEX($D$3:$AA$30,INDEX(Jesper!$R$2:$R$366,ROW(INDEX(Jesper!AH$2:AH$366,ROUNDDOWN($C2663/24,0)+1,1))-1)+IF('Standard Profiles'!$G$18=$B$10,7,0)+IF('Standard Profiles'!$G$18=$B$17,14,0)+IF('Standard Profiles'!$G$18=$B$24,21,0),MOD($C2663,24)+1)/SUM(INDEX($D$3:$AA$30,INDEX(Jesper!$R$2:$R$366,ROW(INDEX(Jesper!AH$2:AH$366,ROUNDDOWN($C2663/24,0)+1,1))-1)+IF('Standard Profiles'!$G$18=$B$10,7,0)+IF('Standard Profiles'!$G$18=$B$17,14,0)+IF('Standard Profiles'!$G$18=$B$24,21,0),0)),0)</f>
        <v>15.779687886275887</v>
      </c>
      <c r="E2663" cm="1">
        <f t="array" ref="E2663">IFERROR(INDEX(Jesper!AI$2:AI$366,ROUNDDOWN($C2663/24,0)+1,1)*INDEX($D$3:$AA$30,INDEX(Jesper!$R$2:$R$366,ROW(INDEX(Jesper!AI$2:AI$366,ROUNDDOWN($C2663/24,0)+1,1))-1)+IF('Standard Profiles'!$G$19=$B$10,7,0)+IF('Standard Profiles'!$G$19=$B$17,14,0)+IF('Standard Profiles'!$G$19=$B$24,21,0),MOD($C2663,24)+1)/SUM(INDEX($D$3:$AA$30,INDEX(Jesper!$R$2:$R$366,ROW(INDEX(Jesper!AI$2:AI$366,ROUNDDOWN($C2663/24,0)+1,1))-1)+IF('Standard Profiles'!$G$19=$B$10,7,0)+IF('Standard Profiles'!$G$19=$B$17,14,0)+IF('Standard Profiles'!$G$19=$B$24,21,0),0)),0)</f>
        <v>0</v>
      </c>
      <c r="F2663" cm="1">
        <f t="array" ref="F2663">IFERROR(INDEX(Jesper!AJ$2:AJ$366,ROUNDDOWN($C2663/24,0)+1,1)*INDEX($D$3:$AA$30,INDEX(Jesper!$R$2:$R$366,ROW(INDEX(Jesper!AJ$2:AJ$366,ROUNDDOWN($C2663/24,0)+1,1))-1)+IF('Standard Profiles'!$G$20=$B$10,7,0)+IF('Standard Profiles'!$G$20=$B$17,14,0)+IF('Standard Profiles'!$G$20=$B$24,21,0),MOD($C2663,24)+1)/SUM(INDEX($D$3:$AA$30,INDEX(Jesper!$R$2:$R$366,ROW(INDEX(Jesper!AJ$2:AJ$366,ROUNDDOWN($C2663/24,0)+1,1))-1)+IF('Standard Profiles'!$G$20=$B$10,7,0)+IF('Standard Profiles'!$G$20=$B$17,14,0)+IF('Standard Profiles'!$G$20=$B$24,21,0),0)),0)</f>
        <v>0</v>
      </c>
      <c r="G2663" cm="1">
        <f t="array" ref="G2663">IFERROR(INDEX(Jesper!AK$2:AK$366,ROUNDDOWN($C2663/24,0)+1,1)*INDEX($D$3:$AA$30,INDEX(Jesper!$R$2:$R$366,ROW(INDEX(Jesper!AK$2:AK$366,ROUNDDOWN($C2663/24,0)+1,1))-1)+IF('Standard Profiles'!$G$21=$B$10,7,0)+IF('Standard Profiles'!$G$21=$B$17,14,0)+IF('Standard Profiles'!$G$21=$B$24,21,0),MOD($C2663,24)+1)/SUM(INDEX($D$3:$AA$30,INDEX(Jesper!$R$2:$R$366,ROW(INDEX(Jesper!AK$2:AK$366,ROUNDDOWN($C2663/24,0)+1,1))-1)+IF('Standard Profiles'!$G$21=$B$10,7,0)+IF('Standard Profiles'!$G$21=$B$17,14,0)+IF('Standard Profiles'!$G$21=$B$24,21,0),0)),0)</f>
        <v>0</v>
      </c>
      <c r="H2663" cm="1">
        <f t="array" ref="H2663">IFERROR(INDEX(Jesper!AL$2:AL$366,ROUNDDOWN($C2663/24,0)+1,1)*INDEX($D$3:$AA$30,INDEX(Jesper!$R$2:$R$366,ROW(INDEX(Jesper!AL$2:AL$366,ROUNDDOWN($C2663/24,0)+1,1))-1)+IF('Standard Profiles'!$G$22=$B$10,7,0)+IF('Standard Profiles'!$G$22=$B$17,14,0)+IF('Standard Profiles'!$G$22=$B$24,21,0),MOD($C2663,24)+1)/SUM(INDEX($D$3:$AA$30,INDEX(Jesper!$R$2:$R$366,ROW(INDEX(Jesper!AL$2:AL$366,ROUNDDOWN($C2663/24,0)+1,1))-1)+IF('Standard Profiles'!$G$22=$B$10,7,0)+IF('Standard Profiles'!$G$22=$B$17,14,0)+IF('Standard Profiles'!$G$22=$B$24,21,0),0)),0)</f>
        <v>0</v>
      </c>
      <c r="I2663">
        <f t="shared" si="307"/>
        <v>0.47339063658827663</v>
      </c>
      <c r="J2663">
        <f t="shared" si="308"/>
        <v>1.5779687886275888</v>
      </c>
      <c r="K2663">
        <f t="shared" si="309"/>
        <v>2.366953182941383</v>
      </c>
      <c r="L2663">
        <f t="shared" si="310"/>
        <v>11.361375278118638</v>
      </c>
      <c r="M2663">
        <f t="shared" si="311"/>
        <v>0</v>
      </c>
      <c r="N2663" s="46">
        <f t="shared" si="312"/>
        <v>45401.541666660291</v>
      </c>
    </row>
    <row r="2664" spans="2:14" x14ac:dyDescent="0.3">
      <c r="B2664">
        <f t="shared" si="306"/>
        <v>5</v>
      </c>
      <c r="C2664" s="16">
        <v>2630</v>
      </c>
      <c r="D2664" cm="1">
        <f t="array" ref="D2664">IFERROR(INDEX(Jesper!AH$2:AH$366,ROUNDDOWN($C2664/24,0)+1,1)*INDEX($D$3:$AA$30,INDEX(Jesper!$R$2:$R$366,ROW(INDEX(Jesper!AH$2:AH$366,ROUNDDOWN($C2664/24,0)+1,1))-1)+IF('Standard Profiles'!$G$18=$B$10,7,0)+IF('Standard Profiles'!$G$18=$B$17,14,0)+IF('Standard Profiles'!$G$18=$B$24,21,0),MOD($C2664,24)+1)/SUM(INDEX($D$3:$AA$30,INDEX(Jesper!$R$2:$R$366,ROW(INDEX(Jesper!AH$2:AH$366,ROUNDDOWN($C2664/24,0)+1,1))-1)+IF('Standard Profiles'!$G$18=$B$10,7,0)+IF('Standard Profiles'!$G$18=$B$17,14,0)+IF('Standard Profiles'!$G$18=$B$24,21,0),0)),0)</f>
        <v>15.779687886275887</v>
      </c>
      <c r="E2664" cm="1">
        <f t="array" ref="E2664">IFERROR(INDEX(Jesper!AI$2:AI$366,ROUNDDOWN($C2664/24,0)+1,1)*INDEX($D$3:$AA$30,INDEX(Jesper!$R$2:$R$366,ROW(INDEX(Jesper!AI$2:AI$366,ROUNDDOWN($C2664/24,0)+1,1))-1)+IF('Standard Profiles'!$G$19=$B$10,7,0)+IF('Standard Profiles'!$G$19=$B$17,14,0)+IF('Standard Profiles'!$G$19=$B$24,21,0),MOD($C2664,24)+1)/SUM(INDEX($D$3:$AA$30,INDEX(Jesper!$R$2:$R$366,ROW(INDEX(Jesper!AI$2:AI$366,ROUNDDOWN($C2664/24,0)+1,1))-1)+IF('Standard Profiles'!$G$19=$B$10,7,0)+IF('Standard Profiles'!$G$19=$B$17,14,0)+IF('Standard Profiles'!$G$19=$B$24,21,0),0)),0)</f>
        <v>0</v>
      </c>
      <c r="F2664" cm="1">
        <f t="array" ref="F2664">IFERROR(INDEX(Jesper!AJ$2:AJ$366,ROUNDDOWN($C2664/24,0)+1,1)*INDEX($D$3:$AA$30,INDEX(Jesper!$R$2:$R$366,ROW(INDEX(Jesper!AJ$2:AJ$366,ROUNDDOWN($C2664/24,0)+1,1))-1)+IF('Standard Profiles'!$G$20=$B$10,7,0)+IF('Standard Profiles'!$G$20=$B$17,14,0)+IF('Standard Profiles'!$G$20=$B$24,21,0),MOD($C2664,24)+1)/SUM(INDEX($D$3:$AA$30,INDEX(Jesper!$R$2:$R$366,ROW(INDEX(Jesper!AJ$2:AJ$366,ROUNDDOWN($C2664/24,0)+1,1))-1)+IF('Standard Profiles'!$G$20=$B$10,7,0)+IF('Standard Profiles'!$G$20=$B$17,14,0)+IF('Standard Profiles'!$G$20=$B$24,21,0),0)),0)</f>
        <v>0</v>
      </c>
      <c r="G2664" cm="1">
        <f t="array" ref="G2664">IFERROR(INDEX(Jesper!AK$2:AK$366,ROUNDDOWN($C2664/24,0)+1,1)*INDEX($D$3:$AA$30,INDEX(Jesper!$R$2:$R$366,ROW(INDEX(Jesper!AK$2:AK$366,ROUNDDOWN($C2664/24,0)+1,1))-1)+IF('Standard Profiles'!$G$21=$B$10,7,0)+IF('Standard Profiles'!$G$21=$B$17,14,0)+IF('Standard Profiles'!$G$21=$B$24,21,0),MOD($C2664,24)+1)/SUM(INDEX($D$3:$AA$30,INDEX(Jesper!$R$2:$R$366,ROW(INDEX(Jesper!AK$2:AK$366,ROUNDDOWN($C2664/24,0)+1,1))-1)+IF('Standard Profiles'!$G$21=$B$10,7,0)+IF('Standard Profiles'!$G$21=$B$17,14,0)+IF('Standard Profiles'!$G$21=$B$24,21,0),0)),0)</f>
        <v>0</v>
      </c>
      <c r="H2664" cm="1">
        <f t="array" ref="H2664">IFERROR(INDEX(Jesper!AL$2:AL$366,ROUNDDOWN($C2664/24,0)+1,1)*INDEX($D$3:$AA$30,INDEX(Jesper!$R$2:$R$366,ROW(INDEX(Jesper!AL$2:AL$366,ROUNDDOWN($C2664/24,0)+1,1))-1)+IF('Standard Profiles'!$G$22=$B$10,7,0)+IF('Standard Profiles'!$G$22=$B$17,14,0)+IF('Standard Profiles'!$G$22=$B$24,21,0),MOD($C2664,24)+1)/SUM(INDEX($D$3:$AA$30,INDEX(Jesper!$R$2:$R$366,ROW(INDEX(Jesper!AL$2:AL$366,ROUNDDOWN($C2664/24,0)+1,1))-1)+IF('Standard Profiles'!$G$22=$B$10,7,0)+IF('Standard Profiles'!$G$22=$B$17,14,0)+IF('Standard Profiles'!$G$22=$B$24,21,0),0)),0)</f>
        <v>0</v>
      </c>
      <c r="I2664">
        <f t="shared" si="307"/>
        <v>0.47339063658827663</v>
      </c>
      <c r="J2664">
        <f t="shared" si="308"/>
        <v>1.5779687886275888</v>
      </c>
      <c r="K2664">
        <f t="shared" si="309"/>
        <v>2.366953182941383</v>
      </c>
      <c r="L2664">
        <f t="shared" si="310"/>
        <v>11.361375278118638</v>
      </c>
      <c r="M2664">
        <f t="shared" si="311"/>
        <v>0</v>
      </c>
      <c r="N2664" s="46">
        <f t="shared" si="312"/>
        <v>45401.583333326955</v>
      </c>
    </row>
    <row r="2665" spans="2:14" x14ac:dyDescent="0.3">
      <c r="B2665">
        <f t="shared" si="306"/>
        <v>5</v>
      </c>
      <c r="C2665" s="16">
        <v>2631</v>
      </c>
      <c r="D2665" cm="1">
        <f t="array" ref="D2665">IFERROR(INDEX(Jesper!AH$2:AH$366,ROUNDDOWN($C2665/24,0)+1,1)*INDEX($D$3:$AA$30,INDEX(Jesper!$R$2:$R$366,ROW(INDEX(Jesper!AH$2:AH$366,ROUNDDOWN($C2665/24,0)+1,1))-1)+IF('Standard Profiles'!$G$18=$B$10,7,0)+IF('Standard Profiles'!$G$18=$B$17,14,0)+IF('Standard Profiles'!$G$18=$B$24,21,0),MOD($C2665,24)+1)/SUM(INDEX($D$3:$AA$30,INDEX(Jesper!$R$2:$R$366,ROW(INDEX(Jesper!AH$2:AH$366,ROUNDDOWN($C2665/24,0)+1,1))-1)+IF('Standard Profiles'!$G$18=$B$10,7,0)+IF('Standard Profiles'!$G$18=$B$17,14,0)+IF('Standard Profiles'!$G$18=$B$24,21,0),0)),0)</f>
        <v>13.149739905229906</v>
      </c>
      <c r="E2665" cm="1">
        <f t="array" ref="E2665">IFERROR(INDEX(Jesper!AI$2:AI$366,ROUNDDOWN($C2665/24,0)+1,1)*INDEX($D$3:$AA$30,INDEX(Jesper!$R$2:$R$366,ROW(INDEX(Jesper!AI$2:AI$366,ROUNDDOWN($C2665/24,0)+1,1))-1)+IF('Standard Profiles'!$G$19=$B$10,7,0)+IF('Standard Profiles'!$G$19=$B$17,14,0)+IF('Standard Profiles'!$G$19=$B$24,21,0),MOD($C2665,24)+1)/SUM(INDEX($D$3:$AA$30,INDEX(Jesper!$R$2:$R$366,ROW(INDEX(Jesper!AI$2:AI$366,ROUNDDOWN($C2665/24,0)+1,1))-1)+IF('Standard Profiles'!$G$19=$B$10,7,0)+IF('Standard Profiles'!$G$19=$B$17,14,0)+IF('Standard Profiles'!$G$19=$B$24,21,0),0)),0)</f>
        <v>0</v>
      </c>
      <c r="F2665" cm="1">
        <f t="array" ref="F2665">IFERROR(INDEX(Jesper!AJ$2:AJ$366,ROUNDDOWN($C2665/24,0)+1,1)*INDEX($D$3:$AA$30,INDEX(Jesper!$R$2:$R$366,ROW(INDEX(Jesper!AJ$2:AJ$366,ROUNDDOWN($C2665/24,0)+1,1))-1)+IF('Standard Profiles'!$G$20=$B$10,7,0)+IF('Standard Profiles'!$G$20=$B$17,14,0)+IF('Standard Profiles'!$G$20=$B$24,21,0),MOD($C2665,24)+1)/SUM(INDEX($D$3:$AA$30,INDEX(Jesper!$R$2:$R$366,ROW(INDEX(Jesper!AJ$2:AJ$366,ROUNDDOWN($C2665/24,0)+1,1))-1)+IF('Standard Profiles'!$G$20=$B$10,7,0)+IF('Standard Profiles'!$G$20=$B$17,14,0)+IF('Standard Profiles'!$G$20=$B$24,21,0),0)),0)</f>
        <v>0</v>
      </c>
      <c r="G2665" cm="1">
        <f t="array" ref="G2665">IFERROR(INDEX(Jesper!AK$2:AK$366,ROUNDDOWN($C2665/24,0)+1,1)*INDEX($D$3:$AA$30,INDEX(Jesper!$R$2:$R$366,ROW(INDEX(Jesper!AK$2:AK$366,ROUNDDOWN($C2665/24,0)+1,1))-1)+IF('Standard Profiles'!$G$21=$B$10,7,0)+IF('Standard Profiles'!$G$21=$B$17,14,0)+IF('Standard Profiles'!$G$21=$B$24,21,0),MOD($C2665,24)+1)/SUM(INDEX($D$3:$AA$30,INDEX(Jesper!$R$2:$R$366,ROW(INDEX(Jesper!AK$2:AK$366,ROUNDDOWN($C2665/24,0)+1,1))-1)+IF('Standard Profiles'!$G$21=$B$10,7,0)+IF('Standard Profiles'!$G$21=$B$17,14,0)+IF('Standard Profiles'!$G$21=$B$24,21,0),0)),0)</f>
        <v>0</v>
      </c>
      <c r="H2665" cm="1">
        <f t="array" ref="H2665">IFERROR(INDEX(Jesper!AL$2:AL$366,ROUNDDOWN($C2665/24,0)+1,1)*INDEX($D$3:$AA$30,INDEX(Jesper!$R$2:$R$366,ROW(INDEX(Jesper!AL$2:AL$366,ROUNDDOWN($C2665/24,0)+1,1))-1)+IF('Standard Profiles'!$G$22=$B$10,7,0)+IF('Standard Profiles'!$G$22=$B$17,14,0)+IF('Standard Profiles'!$G$22=$B$24,21,0),MOD($C2665,24)+1)/SUM(INDEX($D$3:$AA$30,INDEX(Jesper!$R$2:$R$366,ROW(INDEX(Jesper!AL$2:AL$366,ROUNDDOWN($C2665/24,0)+1,1))-1)+IF('Standard Profiles'!$G$22=$B$10,7,0)+IF('Standard Profiles'!$G$22=$B$17,14,0)+IF('Standard Profiles'!$G$22=$B$24,21,0),0)),0)</f>
        <v>0</v>
      </c>
      <c r="I2665">
        <f t="shared" si="307"/>
        <v>0.39449219715689715</v>
      </c>
      <c r="J2665">
        <f t="shared" si="308"/>
        <v>1.3149739905229907</v>
      </c>
      <c r="K2665">
        <f t="shared" si="309"/>
        <v>1.9724609857844857</v>
      </c>
      <c r="L2665">
        <f t="shared" si="310"/>
        <v>9.4678127317655321</v>
      </c>
      <c r="M2665">
        <f t="shared" si="311"/>
        <v>0</v>
      </c>
      <c r="N2665" s="46">
        <f t="shared" si="312"/>
        <v>45401.624999993619</v>
      </c>
    </row>
    <row r="2666" spans="2:14" x14ac:dyDescent="0.3">
      <c r="B2666">
        <f t="shared" si="306"/>
        <v>5</v>
      </c>
      <c r="C2666" s="16">
        <v>2632</v>
      </c>
      <c r="D2666" cm="1">
        <f t="array" ref="D2666">IFERROR(INDEX(Jesper!AH$2:AH$366,ROUNDDOWN($C2666/24,0)+1,1)*INDEX($D$3:$AA$30,INDEX(Jesper!$R$2:$R$366,ROW(INDEX(Jesper!AH$2:AH$366,ROUNDDOWN($C2666/24,0)+1,1))-1)+IF('Standard Profiles'!$G$18=$B$10,7,0)+IF('Standard Profiles'!$G$18=$B$17,14,0)+IF('Standard Profiles'!$G$18=$B$24,21,0),MOD($C2666,24)+1)/SUM(INDEX($D$3:$AA$30,INDEX(Jesper!$R$2:$R$366,ROW(INDEX(Jesper!AH$2:AH$366,ROUNDDOWN($C2666/24,0)+1,1))-1)+IF('Standard Profiles'!$G$18=$B$10,7,0)+IF('Standard Profiles'!$G$18=$B$17,14,0)+IF('Standard Profiles'!$G$18=$B$24,21,0),0)),0)</f>
        <v>12.448420443617646</v>
      </c>
      <c r="E2666" cm="1">
        <f t="array" ref="E2666">IFERROR(INDEX(Jesper!AI$2:AI$366,ROUNDDOWN($C2666/24,0)+1,1)*INDEX($D$3:$AA$30,INDEX(Jesper!$R$2:$R$366,ROW(INDEX(Jesper!AI$2:AI$366,ROUNDDOWN($C2666/24,0)+1,1))-1)+IF('Standard Profiles'!$G$19=$B$10,7,0)+IF('Standard Profiles'!$G$19=$B$17,14,0)+IF('Standard Profiles'!$G$19=$B$24,21,0),MOD($C2666,24)+1)/SUM(INDEX($D$3:$AA$30,INDEX(Jesper!$R$2:$R$366,ROW(INDEX(Jesper!AI$2:AI$366,ROUNDDOWN($C2666/24,0)+1,1))-1)+IF('Standard Profiles'!$G$19=$B$10,7,0)+IF('Standard Profiles'!$G$19=$B$17,14,0)+IF('Standard Profiles'!$G$19=$B$24,21,0),0)),0)</f>
        <v>0</v>
      </c>
      <c r="F2666" cm="1">
        <f t="array" ref="F2666">IFERROR(INDEX(Jesper!AJ$2:AJ$366,ROUNDDOWN($C2666/24,0)+1,1)*INDEX($D$3:$AA$30,INDEX(Jesper!$R$2:$R$366,ROW(INDEX(Jesper!AJ$2:AJ$366,ROUNDDOWN($C2666/24,0)+1,1))-1)+IF('Standard Profiles'!$G$20=$B$10,7,0)+IF('Standard Profiles'!$G$20=$B$17,14,0)+IF('Standard Profiles'!$G$20=$B$24,21,0),MOD($C2666,24)+1)/SUM(INDEX($D$3:$AA$30,INDEX(Jesper!$R$2:$R$366,ROW(INDEX(Jesper!AJ$2:AJ$366,ROUNDDOWN($C2666/24,0)+1,1))-1)+IF('Standard Profiles'!$G$20=$B$10,7,0)+IF('Standard Profiles'!$G$20=$B$17,14,0)+IF('Standard Profiles'!$G$20=$B$24,21,0),0)),0)</f>
        <v>0</v>
      </c>
      <c r="G2666" cm="1">
        <f t="array" ref="G2666">IFERROR(INDEX(Jesper!AK$2:AK$366,ROUNDDOWN($C2666/24,0)+1,1)*INDEX($D$3:$AA$30,INDEX(Jesper!$R$2:$R$366,ROW(INDEX(Jesper!AK$2:AK$366,ROUNDDOWN($C2666/24,0)+1,1))-1)+IF('Standard Profiles'!$G$21=$B$10,7,0)+IF('Standard Profiles'!$G$21=$B$17,14,0)+IF('Standard Profiles'!$G$21=$B$24,21,0),MOD($C2666,24)+1)/SUM(INDEX($D$3:$AA$30,INDEX(Jesper!$R$2:$R$366,ROW(INDEX(Jesper!AK$2:AK$366,ROUNDDOWN($C2666/24,0)+1,1))-1)+IF('Standard Profiles'!$G$21=$B$10,7,0)+IF('Standard Profiles'!$G$21=$B$17,14,0)+IF('Standard Profiles'!$G$21=$B$24,21,0),0)),0)</f>
        <v>0</v>
      </c>
      <c r="H2666" cm="1">
        <f t="array" ref="H2666">IFERROR(INDEX(Jesper!AL$2:AL$366,ROUNDDOWN($C2666/24,0)+1,1)*INDEX($D$3:$AA$30,INDEX(Jesper!$R$2:$R$366,ROW(INDEX(Jesper!AL$2:AL$366,ROUNDDOWN($C2666/24,0)+1,1))-1)+IF('Standard Profiles'!$G$22=$B$10,7,0)+IF('Standard Profiles'!$G$22=$B$17,14,0)+IF('Standard Profiles'!$G$22=$B$24,21,0),MOD($C2666,24)+1)/SUM(INDEX($D$3:$AA$30,INDEX(Jesper!$R$2:$R$366,ROW(INDEX(Jesper!AL$2:AL$366,ROUNDDOWN($C2666/24,0)+1,1))-1)+IF('Standard Profiles'!$G$22=$B$10,7,0)+IF('Standard Profiles'!$G$22=$B$17,14,0)+IF('Standard Profiles'!$G$22=$B$24,21,0),0)),0)</f>
        <v>0</v>
      </c>
      <c r="I2666">
        <f t="shared" si="307"/>
        <v>0.37345261330852936</v>
      </c>
      <c r="J2666">
        <f t="shared" si="308"/>
        <v>1.2448420443617647</v>
      </c>
      <c r="K2666">
        <f t="shared" si="309"/>
        <v>1.8672630665426468</v>
      </c>
      <c r="L2666">
        <f t="shared" si="310"/>
        <v>8.9628627194047041</v>
      </c>
      <c r="M2666">
        <f t="shared" si="311"/>
        <v>0</v>
      </c>
      <c r="N2666" s="46">
        <f t="shared" si="312"/>
        <v>45401.666666660283</v>
      </c>
    </row>
    <row r="2667" spans="2:14" x14ac:dyDescent="0.3">
      <c r="B2667">
        <f t="shared" si="306"/>
        <v>5</v>
      </c>
      <c r="C2667" s="16">
        <v>2633</v>
      </c>
      <c r="D2667" cm="1">
        <f t="array" ref="D2667">IFERROR(INDEX(Jesper!AH$2:AH$366,ROUNDDOWN($C2667/24,0)+1,1)*INDEX($D$3:$AA$30,INDEX(Jesper!$R$2:$R$366,ROW(INDEX(Jesper!AH$2:AH$366,ROUNDDOWN($C2667/24,0)+1,1))-1)+IF('Standard Profiles'!$G$18=$B$10,7,0)+IF('Standard Profiles'!$G$18=$B$17,14,0)+IF('Standard Profiles'!$G$18=$B$24,21,0),MOD($C2667,24)+1)/SUM(INDEX($D$3:$AA$30,INDEX(Jesper!$R$2:$R$366,ROW(INDEX(Jesper!AH$2:AH$366,ROUNDDOWN($C2667/24,0)+1,1))-1)+IF('Standard Profiles'!$G$18=$B$10,7,0)+IF('Standard Profiles'!$G$18=$B$17,14,0)+IF('Standard Profiles'!$G$18=$B$24,21,0),0)),0)</f>
        <v>12.448420443617646</v>
      </c>
      <c r="E2667" cm="1">
        <f t="array" ref="E2667">IFERROR(INDEX(Jesper!AI$2:AI$366,ROUNDDOWN($C2667/24,0)+1,1)*INDEX($D$3:$AA$30,INDEX(Jesper!$R$2:$R$366,ROW(INDEX(Jesper!AI$2:AI$366,ROUNDDOWN($C2667/24,0)+1,1))-1)+IF('Standard Profiles'!$G$19=$B$10,7,0)+IF('Standard Profiles'!$G$19=$B$17,14,0)+IF('Standard Profiles'!$G$19=$B$24,21,0),MOD($C2667,24)+1)/SUM(INDEX($D$3:$AA$30,INDEX(Jesper!$R$2:$R$366,ROW(INDEX(Jesper!AI$2:AI$366,ROUNDDOWN($C2667/24,0)+1,1))-1)+IF('Standard Profiles'!$G$19=$B$10,7,0)+IF('Standard Profiles'!$G$19=$B$17,14,0)+IF('Standard Profiles'!$G$19=$B$24,21,0),0)),0)</f>
        <v>0</v>
      </c>
      <c r="F2667" cm="1">
        <f t="array" ref="F2667">IFERROR(INDEX(Jesper!AJ$2:AJ$366,ROUNDDOWN($C2667/24,0)+1,1)*INDEX($D$3:$AA$30,INDEX(Jesper!$R$2:$R$366,ROW(INDEX(Jesper!AJ$2:AJ$366,ROUNDDOWN($C2667/24,0)+1,1))-1)+IF('Standard Profiles'!$G$20=$B$10,7,0)+IF('Standard Profiles'!$G$20=$B$17,14,0)+IF('Standard Profiles'!$G$20=$B$24,21,0),MOD($C2667,24)+1)/SUM(INDEX($D$3:$AA$30,INDEX(Jesper!$R$2:$R$366,ROW(INDEX(Jesper!AJ$2:AJ$366,ROUNDDOWN($C2667/24,0)+1,1))-1)+IF('Standard Profiles'!$G$20=$B$10,7,0)+IF('Standard Profiles'!$G$20=$B$17,14,0)+IF('Standard Profiles'!$G$20=$B$24,21,0),0)),0)</f>
        <v>0</v>
      </c>
      <c r="G2667" cm="1">
        <f t="array" ref="G2667">IFERROR(INDEX(Jesper!AK$2:AK$366,ROUNDDOWN($C2667/24,0)+1,1)*INDEX($D$3:$AA$30,INDEX(Jesper!$R$2:$R$366,ROW(INDEX(Jesper!AK$2:AK$366,ROUNDDOWN($C2667/24,0)+1,1))-1)+IF('Standard Profiles'!$G$21=$B$10,7,0)+IF('Standard Profiles'!$G$21=$B$17,14,0)+IF('Standard Profiles'!$G$21=$B$24,21,0),MOD($C2667,24)+1)/SUM(INDEX($D$3:$AA$30,INDEX(Jesper!$R$2:$R$366,ROW(INDEX(Jesper!AK$2:AK$366,ROUNDDOWN($C2667/24,0)+1,1))-1)+IF('Standard Profiles'!$G$21=$B$10,7,0)+IF('Standard Profiles'!$G$21=$B$17,14,0)+IF('Standard Profiles'!$G$21=$B$24,21,0),0)),0)</f>
        <v>0</v>
      </c>
      <c r="H2667" cm="1">
        <f t="array" ref="H2667">IFERROR(INDEX(Jesper!AL$2:AL$366,ROUNDDOWN($C2667/24,0)+1,1)*INDEX($D$3:$AA$30,INDEX(Jesper!$R$2:$R$366,ROW(INDEX(Jesper!AL$2:AL$366,ROUNDDOWN($C2667/24,0)+1,1))-1)+IF('Standard Profiles'!$G$22=$B$10,7,0)+IF('Standard Profiles'!$G$22=$B$17,14,0)+IF('Standard Profiles'!$G$22=$B$24,21,0),MOD($C2667,24)+1)/SUM(INDEX($D$3:$AA$30,INDEX(Jesper!$R$2:$R$366,ROW(INDEX(Jesper!AL$2:AL$366,ROUNDDOWN($C2667/24,0)+1,1))-1)+IF('Standard Profiles'!$G$22=$B$10,7,0)+IF('Standard Profiles'!$G$22=$B$17,14,0)+IF('Standard Profiles'!$G$22=$B$24,21,0),0)),0)</f>
        <v>0</v>
      </c>
      <c r="I2667">
        <f t="shared" si="307"/>
        <v>0.37345261330852936</v>
      </c>
      <c r="J2667">
        <f t="shared" si="308"/>
        <v>1.2448420443617647</v>
      </c>
      <c r="K2667">
        <f t="shared" si="309"/>
        <v>1.8672630665426468</v>
      </c>
      <c r="L2667">
        <f t="shared" si="310"/>
        <v>8.9628627194047041</v>
      </c>
      <c r="M2667">
        <f t="shared" si="311"/>
        <v>0</v>
      </c>
      <c r="N2667" s="46">
        <f t="shared" si="312"/>
        <v>45401.708333326947</v>
      </c>
    </row>
    <row r="2668" spans="2:14" x14ac:dyDescent="0.3">
      <c r="B2668">
        <f t="shared" si="306"/>
        <v>5</v>
      </c>
      <c r="C2668" s="16">
        <v>2634</v>
      </c>
      <c r="D2668" cm="1">
        <f t="array" ref="D2668">IFERROR(INDEX(Jesper!AH$2:AH$366,ROUNDDOWN($C2668/24,0)+1,1)*INDEX($D$3:$AA$30,INDEX(Jesper!$R$2:$R$366,ROW(INDEX(Jesper!AH$2:AH$366,ROUNDDOWN($C2668/24,0)+1,1))-1)+IF('Standard Profiles'!$G$18=$B$10,7,0)+IF('Standard Profiles'!$G$18=$B$17,14,0)+IF('Standard Profiles'!$G$18=$B$24,21,0),MOD($C2668,24)+1)/SUM(INDEX($D$3:$AA$30,INDEX(Jesper!$R$2:$R$366,ROW(INDEX(Jesper!AH$2:AH$366,ROUNDDOWN($C2668/24,0)+1,1))-1)+IF('Standard Profiles'!$G$18=$B$10,7,0)+IF('Standard Profiles'!$G$18=$B$17,14,0)+IF('Standard Profiles'!$G$18=$B$24,21,0),0)),0)</f>
        <v>12.448420443617646</v>
      </c>
      <c r="E2668" cm="1">
        <f t="array" ref="E2668">IFERROR(INDEX(Jesper!AI$2:AI$366,ROUNDDOWN($C2668/24,0)+1,1)*INDEX($D$3:$AA$30,INDEX(Jesper!$R$2:$R$366,ROW(INDEX(Jesper!AI$2:AI$366,ROUNDDOWN($C2668/24,0)+1,1))-1)+IF('Standard Profiles'!$G$19=$B$10,7,0)+IF('Standard Profiles'!$G$19=$B$17,14,0)+IF('Standard Profiles'!$G$19=$B$24,21,0),MOD($C2668,24)+1)/SUM(INDEX($D$3:$AA$30,INDEX(Jesper!$R$2:$R$366,ROW(INDEX(Jesper!AI$2:AI$366,ROUNDDOWN($C2668/24,0)+1,1))-1)+IF('Standard Profiles'!$G$19=$B$10,7,0)+IF('Standard Profiles'!$G$19=$B$17,14,0)+IF('Standard Profiles'!$G$19=$B$24,21,0),0)),0)</f>
        <v>0</v>
      </c>
      <c r="F2668" cm="1">
        <f t="array" ref="F2668">IFERROR(INDEX(Jesper!AJ$2:AJ$366,ROUNDDOWN($C2668/24,0)+1,1)*INDEX($D$3:$AA$30,INDEX(Jesper!$R$2:$R$366,ROW(INDEX(Jesper!AJ$2:AJ$366,ROUNDDOWN($C2668/24,0)+1,1))-1)+IF('Standard Profiles'!$G$20=$B$10,7,0)+IF('Standard Profiles'!$G$20=$B$17,14,0)+IF('Standard Profiles'!$G$20=$B$24,21,0),MOD($C2668,24)+1)/SUM(INDEX($D$3:$AA$30,INDEX(Jesper!$R$2:$R$366,ROW(INDEX(Jesper!AJ$2:AJ$366,ROUNDDOWN($C2668/24,0)+1,1))-1)+IF('Standard Profiles'!$G$20=$B$10,7,0)+IF('Standard Profiles'!$G$20=$B$17,14,0)+IF('Standard Profiles'!$G$20=$B$24,21,0),0)),0)</f>
        <v>0</v>
      </c>
      <c r="G2668" cm="1">
        <f t="array" ref="G2668">IFERROR(INDEX(Jesper!AK$2:AK$366,ROUNDDOWN($C2668/24,0)+1,1)*INDEX($D$3:$AA$30,INDEX(Jesper!$R$2:$R$366,ROW(INDEX(Jesper!AK$2:AK$366,ROUNDDOWN($C2668/24,0)+1,1))-1)+IF('Standard Profiles'!$G$21=$B$10,7,0)+IF('Standard Profiles'!$G$21=$B$17,14,0)+IF('Standard Profiles'!$G$21=$B$24,21,0),MOD($C2668,24)+1)/SUM(INDEX($D$3:$AA$30,INDEX(Jesper!$R$2:$R$366,ROW(INDEX(Jesper!AK$2:AK$366,ROUNDDOWN($C2668/24,0)+1,1))-1)+IF('Standard Profiles'!$G$21=$B$10,7,0)+IF('Standard Profiles'!$G$21=$B$17,14,0)+IF('Standard Profiles'!$G$21=$B$24,21,0),0)),0)</f>
        <v>0</v>
      </c>
      <c r="H2668" cm="1">
        <f t="array" ref="H2668">IFERROR(INDEX(Jesper!AL$2:AL$366,ROUNDDOWN($C2668/24,0)+1,1)*INDEX($D$3:$AA$30,INDEX(Jesper!$R$2:$R$366,ROW(INDEX(Jesper!AL$2:AL$366,ROUNDDOWN($C2668/24,0)+1,1))-1)+IF('Standard Profiles'!$G$22=$B$10,7,0)+IF('Standard Profiles'!$G$22=$B$17,14,0)+IF('Standard Profiles'!$G$22=$B$24,21,0),MOD($C2668,24)+1)/SUM(INDEX($D$3:$AA$30,INDEX(Jesper!$R$2:$R$366,ROW(INDEX(Jesper!AL$2:AL$366,ROUNDDOWN($C2668/24,0)+1,1))-1)+IF('Standard Profiles'!$G$22=$B$10,7,0)+IF('Standard Profiles'!$G$22=$B$17,14,0)+IF('Standard Profiles'!$G$22=$B$24,21,0),0)),0)</f>
        <v>0</v>
      </c>
      <c r="I2668">
        <f t="shared" si="307"/>
        <v>0.37345261330852936</v>
      </c>
      <c r="J2668">
        <f t="shared" si="308"/>
        <v>1.2448420443617647</v>
      </c>
      <c r="K2668">
        <f t="shared" si="309"/>
        <v>1.8672630665426468</v>
      </c>
      <c r="L2668">
        <f t="shared" si="310"/>
        <v>8.9628627194047041</v>
      </c>
      <c r="M2668">
        <f t="shared" si="311"/>
        <v>0</v>
      </c>
      <c r="N2668" s="46">
        <f t="shared" si="312"/>
        <v>45401.749999993612</v>
      </c>
    </row>
    <row r="2669" spans="2:14" x14ac:dyDescent="0.3">
      <c r="B2669">
        <f t="shared" si="306"/>
        <v>5</v>
      </c>
      <c r="C2669" s="16">
        <v>2635</v>
      </c>
      <c r="D2669" cm="1">
        <f t="array" ref="D2669">IFERROR(INDEX(Jesper!AH$2:AH$366,ROUNDDOWN($C2669/24,0)+1,1)*INDEX($D$3:$AA$30,INDEX(Jesper!$R$2:$R$366,ROW(INDEX(Jesper!AH$2:AH$366,ROUNDDOWN($C2669/24,0)+1,1))-1)+IF('Standard Profiles'!$G$18=$B$10,7,0)+IF('Standard Profiles'!$G$18=$B$17,14,0)+IF('Standard Profiles'!$G$18=$B$24,21,0),MOD($C2669,24)+1)/SUM(INDEX($D$3:$AA$30,INDEX(Jesper!$R$2:$R$366,ROW(INDEX(Jesper!AH$2:AH$366,ROUNDDOWN($C2669/24,0)+1,1))-1)+IF('Standard Profiles'!$G$18=$B$10,7,0)+IF('Standard Profiles'!$G$18=$B$17,14,0)+IF('Standard Profiles'!$G$18=$B$24,21,0),0)),0)</f>
        <v>12.448420443617646</v>
      </c>
      <c r="E2669" cm="1">
        <f t="array" ref="E2669">IFERROR(INDEX(Jesper!AI$2:AI$366,ROUNDDOWN($C2669/24,0)+1,1)*INDEX($D$3:$AA$30,INDEX(Jesper!$R$2:$R$366,ROW(INDEX(Jesper!AI$2:AI$366,ROUNDDOWN($C2669/24,0)+1,1))-1)+IF('Standard Profiles'!$G$19=$B$10,7,0)+IF('Standard Profiles'!$G$19=$B$17,14,0)+IF('Standard Profiles'!$G$19=$B$24,21,0),MOD($C2669,24)+1)/SUM(INDEX($D$3:$AA$30,INDEX(Jesper!$R$2:$R$366,ROW(INDEX(Jesper!AI$2:AI$366,ROUNDDOWN($C2669/24,0)+1,1))-1)+IF('Standard Profiles'!$G$19=$B$10,7,0)+IF('Standard Profiles'!$G$19=$B$17,14,0)+IF('Standard Profiles'!$G$19=$B$24,21,0),0)),0)</f>
        <v>0</v>
      </c>
      <c r="F2669" cm="1">
        <f t="array" ref="F2669">IFERROR(INDEX(Jesper!AJ$2:AJ$366,ROUNDDOWN($C2669/24,0)+1,1)*INDEX($D$3:$AA$30,INDEX(Jesper!$R$2:$R$366,ROW(INDEX(Jesper!AJ$2:AJ$366,ROUNDDOWN($C2669/24,0)+1,1))-1)+IF('Standard Profiles'!$G$20=$B$10,7,0)+IF('Standard Profiles'!$G$20=$B$17,14,0)+IF('Standard Profiles'!$G$20=$B$24,21,0),MOD($C2669,24)+1)/SUM(INDEX($D$3:$AA$30,INDEX(Jesper!$R$2:$R$366,ROW(INDEX(Jesper!AJ$2:AJ$366,ROUNDDOWN($C2669/24,0)+1,1))-1)+IF('Standard Profiles'!$G$20=$B$10,7,0)+IF('Standard Profiles'!$G$20=$B$17,14,0)+IF('Standard Profiles'!$G$20=$B$24,21,0),0)),0)</f>
        <v>0</v>
      </c>
      <c r="G2669" cm="1">
        <f t="array" ref="G2669">IFERROR(INDEX(Jesper!AK$2:AK$366,ROUNDDOWN($C2669/24,0)+1,1)*INDEX($D$3:$AA$30,INDEX(Jesper!$R$2:$R$366,ROW(INDEX(Jesper!AK$2:AK$366,ROUNDDOWN($C2669/24,0)+1,1))-1)+IF('Standard Profiles'!$G$21=$B$10,7,0)+IF('Standard Profiles'!$G$21=$B$17,14,0)+IF('Standard Profiles'!$G$21=$B$24,21,0),MOD($C2669,24)+1)/SUM(INDEX($D$3:$AA$30,INDEX(Jesper!$R$2:$R$366,ROW(INDEX(Jesper!AK$2:AK$366,ROUNDDOWN($C2669/24,0)+1,1))-1)+IF('Standard Profiles'!$G$21=$B$10,7,0)+IF('Standard Profiles'!$G$21=$B$17,14,0)+IF('Standard Profiles'!$G$21=$B$24,21,0),0)),0)</f>
        <v>0</v>
      </c>
      <c r="H2669" cm="1">
        <f t="array" ref="H2669">IFERROR(INDEX(Jesper!AL$2:AL$366,ROUNDDOWN($C2669/24,0)+1,1)*INDEX($D$3:$AA$30,INDEX(Jesper!$R$2:$R$366,ROW(INDEX(Jesper!AL$2:AL$366,ROUNDDOWN($C2669/24,0)+1,1))-1)+IF('Standard Profiles'!$G$22=$B$10,7,0)+IF('Standard Profiles'!$G$22=$B$17,14,0)+IF('Standard Profiles'!$G$22=$B$24,21,0),MOD($C2669,24)+1)/SUM(INDEX($D$3:$AA$30,INDEX(Jesper!$R$2:$R$366,ROW(INDEX(Jesper!AL$2:AL$366,ROUNDDOWN($C2669/24,0)+1,1))-1)+IF('Standard Profiles'!$G$22=$B$10,7,0)+IF('Standard Profiles'!$G$22=$B$17,14,0)+IF('Standard Profiles'!$G$22=$B$24,21,0),0)),0)</f>
        <v>0</v>
      </c>
      <c r="I2669">
        <f t="shared" si="307"/>
        <v>0.37345261330852936</v>
      </c>
      <c r="J2669">
        <f t="shared" si="308"/>
        <v>1.2448420443617647</v>
      </c>
      <c r="K2669">
        <f t="shared" si="309"/>
        <v>1.8672630665426468</v>
      </c>
      <c r="L2669">
        <f t="shared" si="310"/>
        <v>8.9628627194047041</v>
      </c>
      <c r="M2669">
        <f t="shared" si="311"/>
        <v>0</v>
      </c>
      <c r="N2669" s="46">
        <f t="shared" si="312"/>
        <v>45401.791666660276</v>
      </c>
    </row>
    <row r="2670" spans="2:14" x14ac:dyDescent="0.3">
      <c r="B2670">
        <f t="shared" si="306"/>
        <v>5</v>
      </c>
      <c r="C2670" s="16">
        <v>2636</v>
      </c>
      <c r="D2670" cm="1">
        <f t="array" ref="D2670">IFERROR(INDEX(Jesper!AH$2:AH$366,ROUNDDOWN($C2670/24,0)+1,1)*INDEX($D$3:$AA$30,INDEX(Jesper!$R$2:$R$366,ROW(INDEX(Jesper!AH$2:AH$366,ROUNDDOWN($C2670/24,0)+1,1))-1)+IF('Standard Profiles'!$G$18=$B$10,7,0)+IF('Standard Profiles'!$G$18=$B$17,14,0)+IF('Standard Profiles'!$G$18=$B$24,21,0),MOD($C2670,24)+1)/SUM(INDEX($D$3:$AA$30,INDEX(Jesper!$R$2:$R$366,ROW(INDEX(Jesper!AH$2:AH$366,ROUNDDOWN($C2670/24,0)+1,1))-1)+IF('Standard Profiles'!$G$18=$B$10,7,0)+IF('Standard Profiles'!$G$18=$B$17,14,0)+IF('Standard Profiles'!$G$18=$B$24,21,0),0)),0)</f>
        <v>9.6431425971685965</v>
      </c>
      <c r="E2670" cm="1">
        <f t="array" ref="E2670">IFERROR(INDEX(Jesper!AI$2:AI$366,ROUNDDOWN($C2670/24,0)+1,1)*INDEX($D$3:$AA$30,INDEX(Jesper!$R$2:$R$366,ROW(INDEX(Jesper!AI$2:AI$366,ROUNDDOWN($C2670/24,0)+1,1))-1)+IF('Standard Profiles'!$G$19=$B$10,7,0)+IF('Standard Profiles'!$G$19=$B$17,14,0)+IF('Standard Profiles'!$G$19=$B$24,21,0),MOD($C2670,24)+1)/SUM(INDEX($D$3:$AA$30,INDEX(Jesper!$R$2:$R$366,ROW(INDEX(Jesper!AI$2:AI$366,ROUNDDOWN($C2670/24,0)+1,1))-1)+IF('Standard Profiles'!$G$19=$B$10,7,0)+IF('Standard Profiles'!$G$19=$B$17,14,0)+IF('Standard Profiles'!$G$19=$B$24,21,0),0)),0)</f>
        <v>0</v>
      </c>
      <c r="F2670" cm="1">
        <f t="array" ref="F2670">IFERROR(INDEX(Jesper!AJ$2:AJ$366,ROUNDDOWN($C2670/24,0)+1,1)*INDEX($D$3:$AA$30,INDEX(Jesper!$R$2:$R$366,ROW(INDEX(Jesper!AJ$2:AJ$366,ROUNDDOWN($C2670/24,0)+1,1))-1)+IF('Standard Profiles'!$G$20=$B$10,7,0)+IF('Standard Profiles'!$G$20=$B$17,14,0)+IF('Standard Profiles'!$G$20=$B$24,21,0),MOD($C2670,24)+1)/SUM(INDEX($D$3:$AA$30,INDEX(Jesper!$R$2:$R$366,ROW(INDEX(Jesper!AJ$2:AJ$366,ROUNDDOWN($C2670/24,0)+1,1))-1)+IF('Standard Profiles'!$G$20=$B$10,7,0)+IF('Standard Profiles'!$G$20=$B$17,14,0)+IF('Standard Profiles'!$G$20=$B$24,21,0),0)),0)</f>
        <v>0</v>
      </c>
      <c r="G2670" cm="1">
        <f t="array" ref="G2670">IFERROR(INDEX(Jesper!AK$2:AK$366,ROUNDDOWN($C2670/24,0)+1,1)*INDEX($D$3:$AA$30,INDEX(Jesper!$R$2:$R$366,ROW(INDEX(Jesper!AK$2:AK$366,ROUNDDOWN($C2670/24,0)+1,1))-1)+IF('Standard Profiles'!$G$21=$B$10,7,0)+IF('Standard Profiles'!$G$21=$B$17,14,0)+IF('Standard Profiles'!$G$21=$B$24,21,0),MOD($C2670,24)+1)/SUM(INDEX($D$3:$AA$30,INDEX(Jesper!$R$2:$R$366,ROW(INDEX(Jesper!AK$2:AK$366,ROUNDDOWN($C2670/24,0)+1,1))-1)+IF('Standard Profiles'!$G$21=$B$10,7,0)+IF('Standard Profiles'!$G$21=$B$17,14,0)+IF('Standard Profiles'!$G$21=$B$24,21,0),0)),0)</f>
        <v>0</v>
      </c>
      <c r="H2670" cm="1">
        <f t="array" ref="H2670">IFERROR(INDEX(Jesper!AL$2:AL$366,ROUNDDOWN($C2670/24,0)+1,1)*INDEX($D$3:$AA$30,INDEX(Jesper!$R$2:$R$366,ROW(INDEX(Jesper!AL$2:AL$366,ROUNDDOWN($C2670/24,0)+1,1))-1)+IF('Standard Profiles'!$G$22=$B$10,7,0)+IF('Standard Profiles'!$G$22=$B$17,14,0)+IF('Standard Profiles'!$G$22=$B$24,21,0),MOD($C2670,24)+1)/SUM(INDEX($D$3:$AA$30,INDEX(Jesper!$R$2:$R$366,ROW(INDEX(Jesper!AL$2:AL$366,ROUNDDOWN($C2670/24,0)+1,1))-1)+IF('Standard Profiles'!$G$22=$B$10,7,0)+IF('Standard Profiles'!$G$22=$B$17,14,0)+IF('Standard Profiles'!$G$22=$B$24,21,0),0)),0)</f>
        <v>0</v>
      </c>
      <c r="I2670">
        <f t="shared" si="307"/>
        <v>0.28929427791505791</v>
      </c>
      <c r="J2670">
        <f t="shared" si="308"/>
        <v>0.96431425971685969</v>
      </c>
      <c r="K2670">
        <f t="shared" si="309"/>
        <v>1.4464713895752894</v>
      </c>
      <c r="L2670">
        <f t="shared" si="310"/>
        <v>6.9430626699613889</v>
      </c>
      <c r="M2670">
        <f t="shared" si="311"/>
        <v>0</v>
      </c>
      <c r="N2670" s="46">
        <f t="shared" si="312"/>
        <v>45401.83333332694</v>
      </c>
    </row>
    <row r="2671" spans="2:14" x14ac:dyDescent="0.3">
      <c r="B2671">
        <f t="shared" si="306"/>
        <v>5</v>
      </c>
      <c r="C2671" s="16">
        <v>2637</v>
      </c>
      <c r="D2671" cm="1">
        <f t="array" ref="D2671">IFERROR(INDEX(Jesper!AH$2:AH$366,ROUNDDOWN($C2671/24,0)+1,1)*INDEX($D$3:$AA$30,INDEX(Jesper!$R$2:$R$366,ROW(INDEX(Jesper!AH$2:AH$366,ROUNDDOWN($C2671/24,0)+1,1))-1)+IF('Standard Profiles'!$G$18=$B$10,7,0)+IF('Standard Profiles'!$G$18=$B$17,14,0)+IF('Standard Profiles'!$G$18=$B$24,21,0),MOD($C2671,24)+1)/SUM(INDEX($D$3:$AA$30,INDEX(Jesper!$R$2:$R$366,ROW(INDEX(Jesper!AH$2:AH$366,ROUNDDOWN($C2671/24,0)+1,1))-1)+IF('Standard Profiles'!$G$18=$B$10,7,0)+IF('Standard Profiles'!$G$18=$B$17,14,0)+IF('Standard Profiles'!$G$18=$B$24,21,0),0)),0)</f>
        <v>3.681927173464373</v>
      </c>
      <c r="E2671" cm="1">
        <f t="array" ref="E2671">IFERROR(INDEX(Jesper!AI$2:AI$366,ROUNDDOWN($C2671/24,0)+1,1)*INDEX($D$3:$AA$30,INDEX(Jesper!$R$2:$R$366,ROW(INDEX(Jesper!AI$2:AI$366,ROUNDDOWN($C2671/24,0)+1,1))-1)+IF('Standard Profiles'!$G$19=$B$10,7,0)+IF('Standard Profiles'!$G$19=$B$17,14,0)+IF('Standard Profiles'!$G$19=$B$24,21,0),MOD($C2671,24)+1)/SUM(INDEX($D$3:$AA$30,INDEX(Jesper!$R$2:$R$366,ROW(INDEX(Jesper!AI$2:AI$366,ROUNDDOWN($C2671/24,0)+1,1))-1)+IF('Standard Profiles'!$G$19=$B$10,7,0)+IF('Standard Profiles'!$G$19=$B$17,14,0)+IF('Standard Profiles'!$G$19=$B$24,21,0),0)),0)</f>
        <v>0</v>
      </c>
      <c r="F2671" cm="1">
        <f t="array" ref="F2671">IFERROR(INDEX(Jesper!AJ$2:AJ$366,ROUNDDOWN($C2671/24,0)+1,1)*INDEX($D$3:$AA$30,INDEX(Jesper!$R$2:$R$366,ROW(INDEX(Jesper!AJ$2:AJ$366,ROUNDDOWN($C2671/24,0)+1,1))-1)+IF('Standard Profiles'!$G$20=$B$10,7,0)+IF('Standard Profiles'!$G$20=$B$17,14,0)+IF('Standard Profiles'!$G$20=$B$24,21,0),MOD($C2671,24)+1)/SUM(INDEX($D$3:$AA$30,INDEX(Jesper!$R$2:$R$366,ROW(INDEX(Jesper!AJ$2:AJ$366,ROUNDDOWN($C2671/24,0)+1,1))-1)+IF('Standard Profiles'!$G$20=$B$10,7,0)+IF('Standard Profiles'!$G$20=$B$17,14,0)+IF('Standard Profiles'!$G$20=$B$24,21,0),0)),0)</f>
        <v>0</v>
      </c>
      <c r="G2671" cm="1">
        <f t="array" ref="G2671">IFERROR(INDEX(Jesper!AK$2:AK$366,ROUNDDOWN($C2671/24,0)+1,1)*INDEX($D$3:$AA$30,INDEX(Jesper!$R$2:$R$366,ROW(INDEX(Jesper!AK$2:AK$366,ROUNDDOWN($C2671/24,0)+1,1))-1)+IF('Standard Profiles'!$G$21=$B$10,7,0)+IF('Standard Profiles'!$G$21=$B$17,14,0)+IF('Standard Profiles'!$G$21=$B$24,21,0),MOD($C2671,24)+1)/SUM(INDEX($D$3:$AA$30,INDEX(Jesper!$R$2:$R$366,ROW(INDEX(Jesper!AK$2:AK$366,ROUNDDOWN($C2671/24,0)+1,1))-1)+IF('Standard Profiles'!$G$21=$B$10,7,0)+IF('Standard Profiles'!$G$21=$B$17,14,0)+IF('Standard Profiles'!$G$21=$B$24,21,0),0)),0)</f>
        <v>0</v>
      </c>
      <c r="H2671" cm="1">
        <f t="array" ref="H2671">IFERROR(INDEX(Jesper!AL$2:AL$366,ROUNDDOWN($C2671/24,0)+1,1)*INDEX($D$3:$AA$30,INDEX(Jesper!$R$2:$R$366,ROW(INDEX(Jesper!AL$2:AL$366,ROUNDDOWN($C2671/24,0)+1,1))-1)+IF('Standard Profiles'!$G$22=$B$10,7,0)+IF('Standard Profiles'!$G$22=$B$17,14,0)+IF('Standard Profiles'!$G$22=$B$24,21,0),MOD($C2671,24)+1)/SUM(INDEX($D$3:$AA$30,INDEX(Jesper!$R$2:$R$366,ROW(INDEX(Jesper!AL$2:AL$366,ROUNDDOWN($C2671/24,0)+1,1))-1)+IF('Standard Profiles'!$G$22=$B$10,7,0)+IF('Standard Profiles'!$G$22=$B$17,14,0)+IF('Standard Profiles'!$G$22=$B$24,21,0),0)),0)</f>
        <v>0</v>
      </c>
      <c r="I2671">
        <f t="shared" si="307"/>
        <v>0.11045781520393119</v>
      </c>
      <c r="J2671">
        <f t="shared" si="308"/>
        <v>0.36819271734643733</v>
      </c>
      <c r="K2671">
        <f t="shared" si="309"/>
        <v>0.55228907601965593</v>
      </c>
      <c r="L2671">
        <f t="shared" si="310"/>
        <v>2.6509875648943484</v>
      </c>
      <c r="M2671">
        <f t="shared" si="311"/>
        <v>0</v>
      </c>
      <c r="N2671" s="46">
        <f t="shared" si="312"/>
        <v>45401.874999993604</v>
      </c>
    </row>
    <row r="2672" spans="2:14" x14ac:dyDescent="0.3">
      <c r="B2672">
        <f t="shared" si="306"/>
        <v>5</v>
      </c>
      <c r="C2672" s="16">
        <v>2638</v>
      </c>
      <c r="D2672" cm="1">
        <f t="array" ref="D2672">IFERROR(INDEX(Jesper!AH$2:AH$366,ROUNDDOWN($C2672/24,0)+1,1)*INDEX($D$3:$AA$30,INDEX(Jesper!$R$2:$R$366,ROW(INDEX(Jesper!AH$2:AH$366,ROUNDDOWN($C2672/24,0)+1,1))-1)+IF('Standard Profiles'!$G$18=$B$10,7,0)+IF('Standard Profiles'!$G$18=$B$17,14,0)+IF('Standard Profiles'!$G$18=$B$24,21,0),MOD($C2672,24)+1)/SUM(INDEX($D$3:$AA$30,INDEX(Jesper!$R$2:$R$366,ROW(INDEX(Jesper!AH$2:AH$366,ROUNDDOWN($C2672/24,0)+1,1))-1)+IF('Standard Profiles'!$G$18=$B$10,7,0)+IF('Standard Profiles'!$G$18=$B$17,14,0)+IF('Standard Profiles'!$G$18=$B$24,21,0),0)),0)</f>
        <v>3.681927173464373</v>
      </c>
      <c r="E2672" cm="1">
        <f t="array" ref="E2672">IFERROR(INDEX(Jesper!AI$2:AI$366,ROUNDDOWN($C2672/24,0)+1,1)*INDEX($D$3:$AA$30,INDEX(Jesper!$R$2:$R$366,ROW(INDEX(Jesper!AI$2:AI$366,ROUNDDOWN($C2672/24,0)+1,1))-1)+IF('Standard Profiles'!$G$19=$B$10,7,0)+IF('Standard Profiles'!$G$19=$B$17,14,0)+IF('Standard Profiles'!$G$19=$B$24,21,0),MOD($C2672,24)+1)/SUM(INDEX($D$3:$AA$30,INDEX(Jesper!$R$2:$R$366,ROW(INDEX(Jesper!AI$2:AI$366,ROUNDDOWN($C2672/24,0)+1,1))-1)+IF('Standard Profiles'!$G$19=$B$10,7,0)+IF('Standard Profiles'!$G$19=$B$17,14,0)+IF('Standard Profiles'!$G$19=$B$24,21,0),0)),0)</f>
        <v>0</v>
      </c>
      <c r="F2672" cm="1">
        <f t="array" ref="F2672">IFERROR(INDEX(Jesper!AJ$2:AJ$366,ROUNDDOWN($C2672/24,0)+1,1)*INDEX($D$3:$AA$30,INDEX(Jesper!$R$2:$R$366,ROW(INDEX(Jesper!AJ$2:AJ$366,ROUNDDOWN($C2672/24,0)+1,1))-1)+IF('Standard Profiles'!$G$20=$B$10,7,0)+IF('Standard Profiles'!$G$20=$B$17,14,0)+IF('Standard Profiles'!$G$20=$B$24,21,0),MOD($C2672,24)+1)/SUM(INDEX($D$3:$AA$30,INDEX(Jesper!$R$2:$R$366,ROW(INDEX(Jesper!AJ$2:AJ$366,ROUNDDOWN($C2672/24,0)+1,1))-1)+IF('Standard Profiles'!$G$20=$B$10,7,0)+IF('Standard Profiles'!$G$20=$B$17,14,0)+IF('Standard Profiles'!$G$20=$B$24,21,0),0)),0)</f>
        <v>0</v>
      </c>
      <c r="G2672" cm="1">
        <f t="array" ref="G2672">IFERROR(INDEX(Jesper!AK$2:AK$366,ROUNDDOWN($C2672/24,0)+1,1)*INDEX($D$3:$AA$30,INDEX(Jesper!$R$2:$R$366,ROW(INDEX(Jesper!AK$2:AK$366,ROUNDDOWN($C2672/24,0)+1,1))-1)+IF('Standard Profiles'!$G$21=$B$10,7,0)+IF('Standard Profiles'!$G$21=$B$17,14,0)+IF('Standard Profiles'!$G$21=$B$24,21,0),MOD($C2672,24)+1)/SUM(INDEX($D$3:$AA$30,INDEX(Jesper!$R$2:$R$366,ROW(INDEX(Jesper!AK$2:AK$366,ROUNDDOWN($C2672/24,0)+1,1))-1)+IF('Standard Profiles'!$G$21=$B$10,7,0)+IF('Standard Profiles'!$G$21=$B$17,14,0)+IF('Standard Profiles'!$G$21=$B$24,21,0),0)),0)</f>
        <v>0</v>
      </c>
      <c r="H2672" cm="1">
        <f t="array" ref="H2672">IFERROR(INDEX(Jesper!AL$2:AL$366,ROUNDDOWN($C2672/24,0)+1,1)*INDEX($D$3:$AA$30,INDEX(Jesper!$R$2:$R$366,ROW(INDEX(Jesper!AL$2:AL$366,ROUNDDOWN($C2672/24,0)+1,1))-1)+IF('Standard Profiles'!$G$22=$B$10,7,0)+IF('Standard Profiles'!$G$22=$B$17,14,0)+IF('Standard Profiles'!$G$22=$B$24,21,0),MOD($C2672,24)+1)/SUM(INDEX($D$3:$AA$30,INDEX(Jesper!$R$2:$R$366,ROW(INDEX(Jesper!AL$2:AL$366,ROUNDDOWN($C2672/24,0)+1,1))-1)+IF('Standard Profiles'!$G$22=$B$10,7,0)+IF('Standard Profiles'!$G$22=$B$17,14,0)+IF('Standard Profiles'!$G$22=$B$24,21,0),0)),0)</f>
        <v>0</v>
      </c>
      <c r="I2672">
        <f t="shared" si="307"/>
        <v>0.11045781520393119</v>
      </c>
      <c r="J2672">
        <f t="shared" si="308"/>
        <v>0.36819271734643733</v>
      </c>
      <c r="K2672">
        <f t="shared" si="309"/>
        <v>0.55228907601965593</v>
      </c>
      <c r="L2672">
        <f t="shared" si="310"/>
        <v>2.6509875648943484</v>
      </c>
      <c r="M2672">
        <f t="shared" si="311"/>
        <v>0</v>
      </c>
      <c r="N2672" s="46">
        <f t="shared" si="312"/>
        <v>45401.916666660269</v>
      </c>
    </row>
    <row r="2673" spans="2:14" x14ac:dyDescent="0.3">
      <c r="B2673">
        <f t="shared" si="306"/>
        <v>5</v>
      </c>
      <c r="C2673" s="16">
        <v>2639</v>
      </c>
      <c r="D2673" cm="1">
        <f t="array" ref="D2673">IFERROR(INDEX(Jesper!AH$2:AH$366,ROUNDDOWN($C2673/24,0)+1,1)*INDEX($D$3:$AA$30,INDEX(Jesper!$R$2:$R$366,ROW(INDEX(Jesper!AH$2:AH$366,ROUNDDOWN($C2673/24,0)+1,1))-1)+IF('Standard Profiles'!$G$18=$B$10,7,0)+IF('Standard Profiles'!$G$18=$B$17,14,0)+IF('Standard Profiles'!$G$18=$B$24,21,0),MOD($C2673,24)+1)/SUM(INDEX($D$3:$AA$30,INDEX(Jesper!$R$2:$R$366,ROW(INDEX(Jesper!AH$2:AH$366,ROUNDDOWN($C2673/24,0)+1,1))-1)+IF('Standard Profiles'!$G$18=$B$10,7,0)+IF('Standard Profiles'!$G$18=$B$17,14,0)+IF('Standard Profiles'!$G$18=$B$24,21,0),0)),0)</f>
        <v>3.681927173464373</v>
      </c>
      <c r="E2673" cm="1">
        <f t="array" ref="E2673">IFERROR(INDEX(Jesper!AI$2:AI$366,ROUNDDOWN($C2673/24,0)+1,1)*INDEX($D$3:$AA$30,INDEX(Jesper!$R$2:$R$366,ROW(INDEX(Jesper!AI$2:AI$366,ROUNDDOWN($C2673/24,0)+1,1))-1)+IF('Standard Profiles'!$G$19=$B$10,7,0)+IF('Standard Profiles'!$G$19=$B$17,14,0)+IF('Standard Profiles'!$G$19=$B$24,21,0),MOD($C2673,24)+1)/SUM(INDEX($D$3:$AA$30,INDEX(Jesper!$R$2:$R$366,ROW(INDEX(Jesper!AI$2:AI$366,ROUNDDOWN($C2673/24,0)+1,1))-1)+IF('Standard Profiles'!$G$19=$B$10,7,0)+IF('Standard Profiles'!$G$19=$B$17,14,0)+IF('Standard Profiles'!$G$19=$B$24,21,0),0)),0)</f>
        <v>0</v>
      </c>
      <c r="F2673" cm="1">
        <f t="array" ref="F2673">IFERROR(INDEX(Jesper!AJ$2:AJ$366,ROUNDDOWN($C2673/24,0)+1,1)*INDEX($D$3:$AA$30,INDEX(Jesper!$R$2:$R$366,ROW(INDEX(Jesper!AJ$2:AJ$366,ROUNDDOWN($C2673/24,0)+1,1))-1)+IF('Standard Profiles'!$G$20=$B$10,7,0)+IF('Standard Profiles'!$G$20=$B$17,14,0)+IF('Standard Profiles'!$G$20=$B$24,21,0),MOD($C2673,24)+1)/SUM(INDEX($D$3:$AA$30,INDEX(Jesper!$R$2:$R$366,ROW(INDEX(Jesper!AJ$2:AJ$366,ROUNDDOWN($C2673/24,0)+1,1))-1)+IF('Standard Profiles'!$G$20=$B$10,7,0)+IF('Standard Profiles'!$G$20=$B$17,14,0)+IF('Standard Profiles'!$G$20=$B$24,21,0),0)),0)</f>
        <v>0</v>
      </c>
      <c r="G2673" cm="1">
        <f t="array" ref="G2673">IFERROR(INDEX(Jesper!AK$2:AK$366,ROUNDDOWN($C2673/24,0)+1,1)*INDEX($D$3:$AA$30,INDEX(Jesper!$R$2:$R$366,ROW(INDEX(Jesper!AK$2:AK$366,ROUNDDOWN($C2673/24,0)+1,1))-1)+IF('Standard Profiles'!$G$21=$B$10,7,0)+IF('Standard Profiles'!$G$21=$B$17,14,0)+IF('Standard Profiles'!$G$21=$B$24,21,0),MOD($C2673,24)+1)/SUM(INDEX($D$3:$AA$30,INDEX(Jesper!$R$2:$R$366,ROW(INDEX(Jesper!AK$2:AK$366,ROUNDDOWN($C2673/24,0)+1,1))-1)+IF('Standard Profiles'!$G$21=$B$10,7,0)+IF('Standard Profiles'!$G$21=$B$17,14,0)+IF('Standard Profiles'!$G$21=$B$24,21,0),0)),0)</f>
        <v>0</v>
      </c>
      <c r="H2673" cm="1">
        <f t="array" ref="H2673">IFERROR(INDEX(Jesper!AL$2:AL$366,ROUNDDOWN($C2673/24,0)+1,1)*INDEX($D$3:$AA$30,INDEX(Jesper!$R$2:$R$366,ROW(INDEX(Jesper!AL$2:AL$366,ROUNDDOWN($C2673/24,0)+1,1))-1)+IF('Standard Profiles'!$G$22=$B$10,7,0)+IF('Standard Profiles'!$G$22=$B$17,14,0)+IF('Standard Profiles'!$G$22=$B$24,21,0),MOD($C2673,24)+1)/SUM(INDEX($D$3:$AA$30,INDEX(Jesper!$R$2:$R$366,ROW(INDEX(Jesper!AL$2:AL$366,ROUNDDOWN($C2673/24,0)+1,1))-1)+IF('Standard Profiles'!$G$22=$B$10,7,0)+IF('Standard Profiles'!$G$22=$B$17,14,0)+IF('Standard Profiles'!$G$22=$B$24,21,0),0)),0)</f>
        <v>0</v>
      </c>
      <c r="I2673">
        <f t="shared" si="307"/>
        <v>0.11045781520393119</v>
      </c>
      <c r="J2673">
        <f t="shared" si="308"/>
        <v>0.36819271734643733</v>
      </c>
      <c r="K2673">
        <f t="shared" si="309"/>
        <v>0.55228907601965593</v>
      </c>
      <c r="L2673">
        <f t="shared" si="310"/>
        <v>2.6509875648943484</v>
      </c>
      <c r="M2673">
        <f t="shared" si="311"/>
        <v>0</v>
      </c>
      <c r="N2673" s="46">
        <f t="shared" si="312"/>
        <v>45401.958333326933</v>
      </c>
    </row>
    <row r="2674" spans="2:14" x14ac:dyDescent="0.3">
      <c r="B2674">
        <f t="shared" si="306"/>
        <v>6</v>
      </c>
      <c r="C2674" s="16">
        <v>2640</v>
      </c>
      <c r="D2674" cm="1">
        <f t="array" ref="D2674">IFERROR(INDEX(Jesper!AH$2:AH$366,ROUNDDOWN($C2674/24,0)+1,1)*INDEX($D$3:$AA$30,INDEX(Jesper!$R$2:$R$366,ROW(INDEX(Jesper!AH$2:AH$366,ROUNDDOWN($C2674/24,0)+1,1))-1)+IF('Standard Profiles'!$G$18=$B$10,7,0)+IF('Standard Profiles'!$G$18=$B$17,14,0)+IF('Standard Profiles'!$G$18=$B$24,21,0),MOD($C2674,24)+1)/SUM(INDEX($D$3:$AA$30,INDEX(Jesper!$R$2:$R$366,ROW(INDEX(Jesper!AH$2:AH$366,ROUNDDOWN($C2674/24,0)+1,1))-1)+IF('Standard Profiles'!$G$18=$B$10,7,0)+IF('Standard Profiles'!$G$18=$B$17,14,0)+IF('Standard Profiles'!$G$18=$B$24,21,0),0)),0)</f>
        <v>3.7330029057341694</v>
      </c>
      <c r="E2674" cm="1">
        <f t="array" ref="E2674">IFERROR(INDEX(Jesper!AI$2:AI$366,ROUNDDOWN($C2674/24,0)+1,1)*INDEX($D$3:$AA$30,INDEX(Jesper!$R$2:$R$366,ROW(INDEX(Jesper!AI$2:AI$366,ROUNDDOWN($C2674/24,0)+1,1))-1)+IF('Standard Profiles'!$G$19=$B$10,7,0)+IF('Standard Profiles'!$G$19=$B$17,14,0)+IF('Standard Profiles'!$G$19=$B$24,21,0),MOD($C2674,24)+1)/SUM(INDEX($D$3:$AA$30,INDEX(Jesper!$R$2:$R$366,ROW(INDEX(Jesper!AI$2:AI$366,ROUNDDOWN($C2674/24,0)+1,1))-1)+IF('Standard Profiles'!$G$19=$B$10,7,0)+IF('Standard Profiles'!$G$19=$B$17,14,0)+IF('Standard Profiles'!$G$19=$B$24,21,0),0)),0)</f>
        <v>0.68649856319444569</v>
      </c>
      <c r="F2674" cm="1">
        <f t="array" ref="F2674">IFERROR(INDEX(Jesper!AJ$2:AJ$366,ROUNDDOWN($C2674/24,0)+1,1)*INDEX($D$3:$AA$30,INDEX(Jesper!$R$2:$R$366,ROW(INDEX(Jesper!AJ$2:AJ$366,ROUNDDOWN($C2674/24,0)+1,1))-1)+IF('Standard Profiles'!$G$20=$B$10,7,0)+IF('Standard Profiles'!$G$20=$B$17,14,0)+IF('Standard Profiles'!$G$20=$B$24,21,0),MOD($C2674,24)+1)/SUM(INDEX($D$3:$AA$30,INDEX(Jesper!$R$2:$R$366,ROW(INDEX(Jesper!AJ$2:AJ$366,ROUNDDOWN($C2674/24,0)+1,1))-1)+IF('Standard Profiles'!$G$20=$B$10,7,0)+IF('Standard Profiles'!$G$20=$B$17,14,0)+IF('Standard Profiles'!$G$20=$B$24,21,0),0)),0)</f>
        <v>0</v>
      </c>
      <c r="G2674" cm="1">
        <f t="array" ref="G2674">IFERROR(INDEX(Jesper!AK$2:AK$366,ROUNDDOWN($C2674/24,0)+1,1)*INDEX($D$3:$AA$30,INDEX(Jesper!$R$2:$R$366,ROW(INDEX(Jesper!AK$2:AK$366,ROUNDDOWN($C2674/24,0)+1,1))-1)+IF('Standard Profiles'!$G$21=$B$10,7,0)+IF('Standard Profiles'!$G$21=$B$17,14,0)+IF('Standard Profiles'!$G$21=$B$24,21,0),MOD($C2674,24)+1)/SUM(INDEX($D$3:$AA$30,INDEX(Jesper!$R$2:$R$366,ROW(INDEX(Jesper!AK$2:AK$366,ROUNDDOWN($C2674/24,0)+1,1))-1)+IF('Standard Profiles'!$G$21=$B$10,7,0)+IF('Standard Profiles'!$G$21=$B$17,14,0)+IF('Standard Profiles'!$G$21=$B$24,21,0),0)),0)</f>
        <v>0</v>
      </c>
      <c r="H2674" cm="1">
        <f t="array" ref="H2674">IFERROR(INDEX(Jesper!AL$2:AL$366,ROUNDDOWN($C2674/24,0)+1,1)*INDEX($D$3:$AA$30,INDEX(Jesper!$R$2:$R$366,ROW(INDEX(Jesper!AL$2:AL$366,ROUNDDOWN($C2674/24,0)+1,1))-1)+IF('Standard Profiles'!$G$22=$B$10,7,0)+IF('Standard Profiles'!$G$22=$B$17,14,0)+IF('Standard Profiles'!$G$22=$B$24,21,0),MOD($C2674,24)+1)/SUM(INDEX($D$3:$AA$30,INDEX(Jesper!$R$2:$R$366,ROW(INDEX(Jesper!AL$2:AL$366,ROUNDDOWN($C2674/24,0)+1,1))-1)+IF('Standard Profiles'!$G$22=$B$10,7,0)+IF('Standard Profiles'!$G$22=$B$17,14,0)+IF('Standard Profiles'!$G$22=$B$24,21,0),0)),0)</f>
        <v>0</v>
      </c>
      <c r="I2674">
        <f t="shared" si="307"/>
        <v>6.1846717404905036E-2</v>
      </c>
      <c r="J2674">
        <f t="shared" si="308"/>
        <v>0.20615572468301679</v>
      </c>
      <c r="K2674">
        <f t="shared" si="309"/>
        <v>0.30923358702452519</v>
      </c>
      <c r="L2674">
        <f t="shared" si="310"/>
        <v>3.8422654398161682</v>
      </c>
      <c r="M2674">
        <f t="shared" si="311"/>
        <v>0</v>
      </c>
      <c r="N2674" s="46">
        <f t="shared" si="312"/>
        <v>45401.999999993597</v>
      </c>
    </row>
    <row r="2675" spans="2:14" x14ac:dyDescent="0.3">
      <c r="B2675">
        <f t="shared" si="306"/>
        <v>6</v>
      </c>
      <c r="C2675" s="16">
        <v>2641</v>
      </c>
      <c r="D2675" cm="1">
        <f t="array" ref="D2675">IFERROR(INDEX(Jesper!AH$2:AH$366,ROUNDDOWN($C2675/24,0)+1,1)*INDEX($D$3:$AA$30,INDEX(Jesper!$R$2:$R$366,ROW(INDEX(Jesper!AH$2:AH$366,ROUNDDOWN($C2675/24,0)+1,1))-1)+IF('Standard Profiles'!$G$18=$B$10,7,0)+IF('Standard Profiles'!$G$18=$B$17,14,0)+IF('Standard Profiles'!$G$18=$B$24,21,0),MOD($C2675,24)+1)/SUM(INDEX($D$3:$AA$30,INDEX(Jesper!$R$2:$R$366,ROW(INDEX(Jesper!AH$2:AH$366,ROUNDDOWN($C2675/24,0)+1,1))-1)+IF('Standard Profiles'!$G$18=$B$10,7,0)+IF('Standard Profiles'!$G$18=$B$17,14,0)+IF('Standard Profiles'!$G$18=$B$24,21,0),0)),0)</f>
        <v>7.2882437683381411</v>
      </c>
      <c r="E2675" cm="1">
        <f t="array" ref="E2675">IFERROR(INDEX(Jesper!AI$2:AI$366,ROUNDDOWN($C2675/24,0)+1,1)*INDEX($D$3:$AA$30,INDEX(Jesper!$R$2:$R$366,ROW(INDEX(Jesper!AI$2:AI$366,ROUNDDOWN($C2675/24,0)+1,1))-1)+IF('Standard Profiles'!$G$19=$B$10,7,0)+IF('Standard Profiles'!$G$19=$B$17,14,0)+IF('Standard Profiles'!$G$19=$B$24,21,0),MOD($C2675,24)+1)/SUM(INDEX($D$3:$AA$30,INDEX(Jesper!$R$2:$R$366,ROW(INDEX(Jesper!AI$2:AI$366,ROUNDDOWN($C2675/24,0)+1,1))-1)+IF('Standard Profiles'!$G$19=$B$10,7,0)+IF('Standard Profiles'!$G$19=$B$17,14,0)+IF('Standard Profiles'!$G$19=$B$24,21,0),0)),0)</f>
        <v>1.3403067186177275</v>
      </c>
      <c r="F2675" cm="1">
        <f t="array" ref="F2675">IFERROR(INDEX(Jesper!AJ$2:AJ$366,ROUNDDOWN($C2675/24,0)+1,1)*INDEX($D$3:$AA$30,INDEX(Jesper!$R$2:$R$366,ROW(INDEX(Jesper!AJ$2:AJ$366,ROUNDDOWN($C2675/24,0)+1,1))-1)+IF('Standard Profiles'!$G$20=$B$10,7,0)+IF('Standard Profiles'!$G$20=$B$17,14,0)+IF('Standard Profiles'!$G$20=$B$24,21,0),MOD($C2675,24)+1)/SUM(INDEX($D$3:$AA$30,INDEX(Jesper!$R$2:$R$366,ROW(INDEX(Jesper!AJ$2:AJ$366,ROUNDDOWN($C2675/24,0)+1,1))-1)+IF('Standard Profiles'!$G$20=$B$10,7,0)+IF('Standard Profiles'!$G$20=$B$17,14,0)+IF('Standard Profiles'!$G$20=$B$24,21,0),0)),0)</f>
        <v>0</v>
      </c>
      <c r="G2675" cm="1">
        <f t="array" ref="G2675">IFERROR(INDEX(Jesper!AK$2:AK$366,ROUNDDOWN($C2675/24,0)+1,1)*INDEX($D$3:$AA$30,INDEX(Jesper!$R$2:$R$366,ROW(INDEX(Jesper!AK$2:AK$366,ROUNDDOWN($C2675/24,0)+1,1))-1)+IF('Standard Profiles'!$G$21=$B$10,7,0)+IF('Standard Profiles'!$G$21=$B$17,14,0)+IF('Standard Profiles'!$G$21=$B$24,21,0),MOD($C2675,24)+1)/SUM(INDEX($D$3:$AA$30,INDEX(Jesper!$R$2:$R$366,ROW(INDEX(Jesper!AK$2:AK$366,ROUNDDOWN($C2675/24,0)+1,1))-1)+IF('Standard Profiles'!$G$21=$B$10,7,0)+IF('Standard Profiles'!$G$21=$B$17,14,0)+IF('Standard Profiles'!$G$21=$B$24,21,0),0)),0)</f>
        <v>0</v>
      </c>
      <c r="H2675" cm="1">
        <f t="array" ref="H2675">IFERROR(INDEX(Jesper!AL$2:AL$366,ROUNDDOWN($C2675/24,0)+1,1)*INDEX($D$3:$AA$30,INDEX(Jesper!$R$2:$R$366,ROW(INDEX(Jesper!AL$2:AL$366,ROUNDDOWN($C2675/24,0)+1,1))-1)+IF('Standard Profiles'!$G$22=$B$10,7,0)+IF('Standard Profiles'!$G$22=$B$17,14,0)+IF('Standard Profiles'!$G$22=$B$24,21,0),MOD($C2675,24)+1)/SUM(INDEX($D$3:$AA$30,INDEX(Jesper!$R$2:$R$366,ROW(INDEX(Jesper!AL$2:AL$366,ROUNDDOWN($C2675/24,0)+1,1))-1)+IF('Standard Profiles'!$G$22=$B$10,7,0)+IF('Standard Profiles'!$G$22=$B$17,14,0)+IF('Standard Profiles'!$G$22=$B$24,21,0),0)),0)</f>
        <v>0</v>
      </c>
      <c r="I2675">
        <f t="shared" si="307"/>
        <v>0.12074835302862413</v>
      </c>
      <c r="J2675">
        <f t="shared" si="308"/>
        <v>0.40249451009541382</v>
      </c>
      <c r="K2675">
        <f t="shared" si="309"/>
        <v>0.60374176514312072</v>
      </c>
      <c r="L2675">
        <f t="shared" si="310"/>
        <v>7.5015658586887097</v>
      </c>
      <c r="M2675">
        <f t="shared" si="311"/>
        <v>0</v>
      </c>
      <c r="N2675" s="46">
        <f t="shared" si="312"/>
        <v>45402.041666660261</v>
      </c>
    </row>
    <row r="2676" spans="2:14" x14ac:dyDescent="0.3">
      <c r="B2676">
        <f t="shared" si="306"/>
        <v>6</v>
      </c>
      <c r="C2676" s="16">
        <v>2642</v>
      </c>
      <c r="D2676" cm="1">
        <f t="array" ref="D2676">IFERROR(INDEX(Jesper!AH$2:AH$366,ROUNDDOWN($C2676/24,0)+1,1)*INDEX($D$3:$AA$30,INDEX(Jesper!$R$2:$R$366,ROW(INDEX(Jesper!AH$2:AH$366,ROUNDDOWN($C2676/24,0)+1,1))-1)+IF('Standard Profiles'!$G$18=$B$10,7,0)+IF('Standard Profiles'!$G$18=$B$17,14,0)+IF('Standard Profiles'!$G$18=$B$24,21,0),MOD($C2676,24)+1)/SUM(INDEX($D$3:$AA$30,INDEX(Jesper!$R$2:$R$366,ROW(INDEX(Jesper!AH$2:AH$366,ROUNDDOWN($C2676/24,0)+1,1))-1)+IF('Standard Profiles'!$G$18=$B$10,7,0)+IF('Standard Profiles'!$G$18=$B$17,14,0)+IF('Standard Profiles'!$G$18=$B$24,21,0),0)),0)</f>
        <v>7.2882437683381411</v>
      </c>
      <c r="E2676" cm="1">
        <f t="array" ref="E2676">IFERROR(INDEX(Jesper!AI$2:AI$366,ROUNDDOWN($C2676/24,0)+1,1)*INDEX($D$3:$AA$30,INDEX(Jesper!$R$2:$R$366,ROW(INDEX(Jesper!AI$2:AI$366,ROUNDDOWN($C2676/24,0)+1,1))-1)+IF('Standard Profiles'!$G$19=$B$10,7,0)+IF('Standard Profiles'!$G$19=$B$17,14,0)+IF('Standard Profiles'!$G$19=$B$24,21,0),MOD($C2676,24)+1)/SUM(INDEX($D$3:$AA$30,INDEX(Jesper!$R$2:$R$366,ROW(INDEX(Jesper!AI$2:AI$366,ROUNDDOWN($C2676/24,0)+1,1))-1)+IF('Standard Profiles'!$G$19=$B$10,7,0)+IF('Standard Profiles'!$G$19=$B$17,14,0)+IF('Standard Profiles'!$G$19=$B$24,21,0),0)),0)</f>
        <v>1.3403067186177275</v>
      </c>
      <c r="F2676" cm="1">
        <f t="array" ref="F2676">IFERROR(INDEX(Jesper!AJ$2:AJ$366,ROUNDDOWN($C2676/24,0)+1,1)*INDEX($D$3:$AA$30,INDEX(Jesper!$R$2:$R$366,ROW(INDEX(Jesper!AJ$2:AJ$366,ROUNDDOWN($C2676/24,0)+1,1))-1)+IF('Standard Profiles'!$G$20=$B$10,7,0)+IF('Standard Profiles'!$G$20=$B$17,14,0)+IF('Standard Profiles'!$G$20=$B$24,21,0),MOD($C2676,24)+1)/SUM(INDEX($D$3:$AA$30,INDEX(Jesper!$R$2:$R$366,ROW(INDEX(Jesper!AJ$2:AJ$366,ROUNDDOWN($C2676/24,0)+1,1))-1)+IF('Standard Profiles'!$G$20=$B$10,7,0)+IF('Standard Profiles'!$G$20=$B$17,14,0)+IF('Standard Profiles'!$G$20=$B$24,21,0),0)),0)</f>
        <v>0</v>
      </c>
      <c r="G2676" cm="1">
        <f t="array" ref="G2676">IFERROR(INDEX(Jesper!AK$2:AK$366,ROUNDDOWN($C2676/24,0)+1,1)*INDEX($D$3:$AA$30,INDEX(Jesper!$R$2:$R$366,ROW(INDEX(Jesper!AK$2:AK$366,ROUNDDOWN($C2676/24,0)+1,1))-1)+IF('Standard Profiles'!$G$21=$B$10,7,0)+IF('Standard Profiles'!$G$21=$B$17,14,0)+IF('Standard Profiles'!$G$21=$B$24,21,0),MOD($C2676,24)+1)/SUM(INDEX($D$3:$AA$30,INDEX(Jesper!$R$2:$R$366,ROW(INDEX(Jesper!AK$2:AK$366,ROUNDDOWN($C2676/24,0)+1,1))-1)+IF('Standard Profiles'!$G$21=$B$10,7,0)+IF('Standard Profiles'!$G$21=$B$17,14,0)+IF('Standard Profiles'!$G$21=$B$24,21,0),0)),0)</f>
        <v>0</v>
      </c>
      <c r="H2676" cm="1">
        <f t="array" ref="H2676">IFERROR(INDEX(Jesper!AL$2:AL$366,ROUNDDOWN($C2676/24,0)+1,1)*INDEX($D$3:$AA$30,INDEX(Jesper!$R$2:$R$366,ROW(INDEX(Jesper!AL$2:AL$366,ROUNDDOWN($C2676/24,0)+1,1))-1)+IF('Standard Profiles'!$G$22=$B$10,7,0)+IF('Standard Profiles'!$G$22=$B$17,14,0)+IF('Standard Profiles'!$G$22=$B$24,21,0),MOD($C2676,24)+1)/SUM(INDEX($D$3:$AA$30,INDEX(Jesper!$R$2:$R$366,ROW(INDEX(Jesper!AL$2:AL$366,ROUNDDOWN($C2676/24,0)+1,1))-1)+IF('Standard Profiles'!$G$22=$B$10,7,0)+IF('Standard Profiles'!$G$22=$B$17,14,0)+IF('Standard Profiles'!$G$22=$B$24,21,0),0)),0)</f>
        <v>0</v>
      </c>
      <c r="I2676">
        <f t="shared" si="307"/>
        <v>0.12074835302862413</v>
      </c>
      <c r="J2676">
        <f t="shared" si="308"/>
        <v>0.40249451009541382</v>
      </c>
      <c r="K2676">
        <f t="shared" si="309"/>
        <v>0.60374176514312072</v>
      </c>
      <c r="L2676">
        <f t="shared" si="310"/>
        <v>7.5015658586887097</v>
      </c>
      <c r="M2676">
        <f t="shared" si="311"/>
        <v>0</v>
      </c>
      <c r="N2676" s="46">
        <f t="shared" si="312"/>
        <v>45402.083333326926</v>
      </c>
    </row>
    <row r="2677" spans="2:14" x14ac:dyDescent="0.3">
      <c r="B2677">
        <f t="shared" si="306"/>
        <v>6</v>
      </c>
      <c r="C2677" s="16">
        <v>2643</v>
      </c>
      <c r="D2677" cm="1">
        <f t="array" ref="D2677">IFERROR(INDEX(Jesper!AH$2:AH$366,ROUNDDOWN($C2677/24,0)+1,1)*INDEX($D$3:$AA$30,INDEX(Jesper!$R$2:$R$366,ROW(INDEX(Jesper!AH$2:AH$366,ROUNDDOWN($C2677/24,0)+1,1))-1)+IF('Standard Profiles'!$G$18=$B$10,7,0)+IF('Standard Profiles'!$G$18=$B$17,14,0)+IF('Standard Profiles'!$G$18=$B$24,21,0),MOD($C2677,24)+1)/SUM(INDEX($D$3:$AA$30,INDEX(Jesper!$R$2:$R$366,ROW(INDEX(Jesper!AH$2:AH$366,ROUNDDOWN($C2677/24,0)+1,1))-1)+IF('Standard Profiles'!$G$18=$B$10,7,0)+IF('Standard Profiles'!$G$18=$B$17,14,0)+IF('Standard Profiles'!$G$18=$B$24,21,0),0)),0)</f>
        <v>7.2882437683381411</v>
      </c>
      <c r="E2677" cm="1">
        <f t="array" ref="E2677">IFERROR(INDEX(Jesper!AI$2:AI$366,ROUNDDOWN($C2677/24,0)+1,1)*INDEX($D$3:$AA$30,INDEX(Jesper!$R$2:$R$366,ROW(INDEX(Jesper!AI$2:AI$366,ROUNDDOWN($C2677/24,0)+1,1))-1)+IF('Standard Profiles'!$G$19=$B$10,7,0)+IF('Standard Profiles'!$G$19=$B$17,14,0)+IF('Standard Profiles'!$G$19=$B$24,21,0),MOD($C2677,24)+1)/SUM(INDEX($D$3:$AA$30,INDEX(Jesper!$R$2:$R$366,ROW(INDEX(Jesper!AI$2:AI$366,ROUNDDOWN($C2677/24,0)+1,1))-1)+IF('Standard Profiles'!$G$19=$B$10,7,0)+IF('Standard Profiles'!$G$19=$B$17,14,0)+IF('Standard Profiles'!$G$19=$B$24,21,0),0)),0)</f>
        <v>1.3403067186177275</v>
      </c>
      <c r="F2677" cm="1">
        <f t="array" ref="F2677">IFERROR(INDEX(Jesper!AJ$2:AJ$366,ROUNDDOWN($C2677/24,0)+1,1)*INDEX($D$3:$AA$30,INDEX(Jesper!$R$2:$R$366,ROW(INDEX(Jesper!AJ$2:AJ$366,ROUNDDOWN($C2677/24,0)+1,1))-1)+IF('Standard Profiles'!$G$20=$B$10,7,0)+IF('Standard Profiles'!$G$20=$B$17,14,0)+IF('Standard Profiles'!$G$20=$B$24,21,0),MOD($C2677,24)+1)/SUM(INDEX($D$3:$AA$30,INDEX(Jesper!$R$2:$R$366,ROW(INDEX(Jesper!AJ$2:AJ$366,ROUNDDOWN($C2677/24,0)+1,1))-1)+IF('Standard Profiles'!$G$20=$B$10,7,0)+IF('Standard Profiles'!$G$20=$B$17,14,0)+IF('Standard Profiles'!$G$20=$B$24,21,0),0)),0)</f>
        <v>0</v>
      </c>
      <c r="G2677" cm="1">
        <f t="array" ref="G2677">IFERROR(INDEX(Jesper!AK$2:AK$366,ROUNDDOWN($C2677/24,0)+1,1)*INDEX($D$3:$AA$30,INDEX(Jesper!$R$2:$R$366,ROW(INDEX(Jesper!AK$2:AK$366,ROUNDDOWN($C2677/24,0)+1,1))-1)+IF('Standard Profiles'!$G$21=$B$10,7,0)+IF('Standard Profiles'!$G$21=$B$17,14,0)+IF('Standard Profiles'!$G$21=$B$24,21,0),MOD($C2677,24)+1)/SUM(INDEX($D$3:$AA$30,INDEX(Jesper!$R$2:$R$366,ROW(INDEX(Jesper!AK$2:AK$366,ROUNDDOWN($C2677/24,0)+1,1))-1)+IF('Standard Profiles'!$G$21=$B$10,7,0)+IF('Standard Profiles'!$G$21=$B$17,14,0)+IF('Standard Profiles'!$G$21=$B$24,21,0),0)),0)</f>
        <v>0</v>
      </c>
      <c r="H2677" cm="1">
        <f t="array" ref="H2677">IFERROR(INDEX(Jesper!AL$2:AL$366,ROUNDDOWN($C2677/24,0)+1,1)*INDEX($D$3:$AA$30,INDEX(Jesper!$R$2:$R$366,ROW(INDEX(Jesper!AL$2:AL$366,ROUNDDOWN($C2677/24,0)+1,1))-1)+IF('Standard Profiles'!$G$22=$B$10,7,0)+IF('Standard Profiles'!$G$22=$B$17,14,0)+IF('Standard Profiles'!$G$22=$B$24,21,0),MOD($C2677,24)+1)/SUM(INDEX($D$3:$AA$30,INDEX(Jesper!$R$2:$R$366,ROW(INDEX(Jesper!AL$2:AL$366,ROUNDDOWN($C2677/24,0)+1,1))-1)+IF('Standard Profiles'!$G$22=$B$10,7,0)+IF('Standard Profiles'!$G$22=$B$17,14,0)+IF('Standard Profiles'!$G$22=$B$24,21,0),0)),0)</f>
        <v>0</v>
      </c>
      <c r="I2677">
        <f t="shared" si="307"/>
        <v>0.12074835302862413</v>
      </c>
      <c r="J2677">
        <f t="shared" si="308"/>
        <v>0.40249451009541382</v>
      </c>
      <c r="K2677">
        <f t="shared" si="309"/>
        <v>0.60374176514312072</v>
      </c>
      <c r="L2677">
        <f t="shared" si="310"/>
        <v>7.5015658586887097</v>
      </c>
      <c r="M2677">
        <f t="shared" si="311"/>
        <v>0</v>
      </c>
      <c r="N2677" s="46">
        <f t="shared" si="312"/>
        <v>45402.12499999359</v>
      </c>
    </row>
    <row r="2678" spans="2:14" x14ac:dyDescent="0.3">
      <c r="B2678">
        <f t="shared" si="306"/>
        <v>6</v>
      </c>
      <c r="C2678" s="16">
        <v>2644</v>
      </c>
      <c r="D2678" cm="1">
        <f t="array" ref="D2678">IFERROR(INDEX(Jesper!AH$2:AH$366,ROUNDDOWN($C2678/24,0)+1,1)*INDEX($D$3:$AA$30,INDEX(Jesper!$R$2:$R$366,ROW(INDEX(Jesper!AH$2:AH$366,ROUNDDOWN($C2678/24,0)+1,1))-1)+IF('Standard Profiles'!$G$18=$B$10,7,0)+IF('Standard Profiles'!$G$18=$B$17,14,0)+IF('Standard Profiles'!$G$18=$B$24,21,0),MOD($C2678,24)+1)/SUM(INDEX($D$3:$AA$30,INDEX(Jesper!$R$2:$R$366,ROW(INDEX(Jesper!AH$2:AH$366,ROUNDDOWN($C2678/24,0)+1,1))-1)+IF('Standard Profiles'!$G$18=$B$10,7,0)+IF('Standard Profiles'!$G$18=$B$17,14,0)+IF('Standard Profiles'!$G$18=$B$24,21,0),0)),0)</f>
        <v>7.2882437683381411</v>
      </c>
      <c r="E2678" cm="1">
        <f t="array" ref="E2678">IFERROR(INDEX(Jesper!AI$2:AI$366,ROUNDDOWN($C2678/24,0)+1,1)*INDEX($D$3:$AA$30,INDEX(Jesper!$R$2:$R$366,ROW(INDEX(Jesper!AI$2:AI$366,ROUNDDOWN($C2678/24,0)+1,1))-1)+IF('Standard Profiles'!$G$19=$B$10,7,0)+IF('Standard Profiles'!$G$19=$B$17,14,0)+IF('Standard Profiles'!$G$19=$B$24,21,0),MOD($C2678,24)+1)/SUM(INDEX($D$3:$AA$30,INDEX(Jesper!$R$2:$R$366,ROW(INDEX(Jesper!AI$2:AI$366,ROUNDDOWN($C2678/24,0)+1,1))-1)+IF('Standard Profiles'!$G$19=$B$10,7,0)+IF('Standard Profiles'!$G$19=$B$17,14,0)+IF('Standard Profiles'!$G$19=$B$24,21,0),0)),0)</f>
        <v>1.3403067186177275</v>
      </c>
      <c r="F2678" cm="1">
        <f t="array" ref="F2678">IFERROR(INDEX(Jesper!AJ$2:AJ$366,ROUNDDOWN($C2678/24,0)+1,1)*INDEX($D$3:$AA$30,INDEX(Jesper!$R$2:$R$366,ROW(INDEX(Jesper!AJ$2:AJ$366,ROUNDDOWN($C2678/24,0)+1,1))-1)+IF('Standard Profiles'!$G$20=$B$10,7,0)+IF('Standard Profiles'!$G$20=$B$17,14,0)+IF('Standard Profiles'!$G$20=$B$24,21,0),MOD($C2678,24)+1)/SUM(INDEX($D$3:$AA$30,INDEX(Jesper!$R$2:$R$366,ROW(INDEX(Jesper!AJ$2:AJ$366,ROUNDDOWN($C2678/24,0)+1,1))-1)+IF('Standard Profiles'!$G$20=$B$10,7,0)+IF('Standard Profiles'!$G$20=$B$17,14,0)+IF('Standard Profiles'!$G$20=$B$24,21,0),0)),0)</f>
        <v>0</v>
      </c>
      <c r="G2678" cm="1">
        <f t="array" ref="G2678">IFERROR(INDEX(Jesper!AK$2:AK$366,ROUNDDOWN($C2678/24,0)+1,1)*INDEX($D$3:$AA$30,INDEX(Jesper!$R$2:$R$366,ROW(INDEX(Jesper!AK$2:AK$366,ROUNDDOWN($C2678/24,0)+1,1))-1)+IF('Standard Profiles'!$G$21=$B$10,7,0)+IF('Standard Profiles'!$G$21=$B$17,14,0)+IF('Standard Profiles'!$G$21=$B$24,21,0),MOD($C2678,24)+1)/SUM(INDEX($D$3:$AA$30,INDEX(Jesper!$R$2:$R$366,ROW(INDEX(Jesper!AK$2:AK$366,ROUNDDOWN($C2678/24,0)+1,1))-1)+IF('Standard Profiles'!$G$21=$B$10,7,0)+IF('Standard Profiles'!$G$21=$B$17,14,0)+IF('Standard Profiles'!$G$21=$B$24,21,0),0)),0)</f>
        <v>0</v>
      </c>
      <c r="H2678" cm="1">
        <f t="array" ref="H2678">IFERROR(INDEX(Jesper!AL$2:AL$366,ROUNDDOWN($C2678/24,0)+1,1)*INDEX($D$3:$AA$30,INDEX(Jesper!$R$2:$R$366,ROW(INDEX(Jesper!AL$2:AL$366,ROUNDDOWN($C2678/24,0)+1,1))-1)+IF('Standard Profiles'!$G$22=$B$10,7,0)+IF('Standard Profiles'!$G$22=$B$17,14,0)+IF('Standard Profiles'!$G$22=$B$24,21,0),MOD($C2678,24)+1)/SUM(INDEX($D$3:$AA$30,INDEX(Jesper!$R$2:$R$366,ROW(INDEX(Jesper!AL$2:AL$366,ROUNDDOWN($C2678/24,0)+1,1))-1)+IF('Standard Profiles'!$G$22=$B$10,7,0)+IF('Standard Profiles'!$G$22=$B$17,14,0)+IF('Standard Profiles'!$G$22=$B$24,21,0),0)),0)</f>
        <v>0</v>
      </c>
      <c r="I2678">
        <f t="shared" si="307"/>
        <v>0.12074835302862413</v>
      </c>
      <c r="J2678">
        <f t="shared" si="308"/>
        <v>0.40249451009541382</v>
      </c>
      <c r="K2678">
        <f t="shared" si="309"/>
        <v>0.60374176514312072</v>
      </c>
      <c r="L2678">
        <f t="shared" si="310"/>
        <v>7.5015658586887097</v>
      </c>
      <c r="M2678">
        <f t="shared" si="311"/>
        <v>0</v>
      </c>
      <c r="N2678" s="46">
        <f t="shared" si="312"/>
        <v>45402.166666660254</v>
      </c>
    </row>
    <row r="2679" spans="2:14" x14ac:dyDescent="0.3">
      <c r="B2679">
        <f t="shared" si="306"/>
        <v>6</v>
      </c>
      <c r="C2679" s="16">
        <v>2645</v>
      </c>
      <c r="D2679" cm="1">
        <f t="array" ref="D2679">IFERROR(INDEX(Jesper!AH$2:AH$366,ROUNDDOWN($C2679/24,0)+1,1)*INDEX($D$3:$AA$30,INDEX(Jesper!$R$2:$R$366,ROW(INDEX(Jesper!AH$2:AH$366,ROUNDDOWN($C2679/24,0)+1,1))-1)+IF('Standard Profiles'!$G$18=$B$10,7,0)+IF('Standard Profiles'!$G$18=$B$17,14,0)+IF('Standard Profiles'!$G$18=$B$24,21,0),MOD($C2679,24)+1)/SUM(INDEX($D$3:$AA$30,INDEX(Jesper!$R$2:$R$366,ROW(INDEX(Jesper!AH$2:AH$366,ROUNDDOWN($C2679/24,0)+1,1))-1)+IF('Standard Profiles'!$G$18=$B$10,7,0)+IF('Standard Profiles'!$G$18=$B$17,14,0)+IF('Standard Profiles'!$G$18=$B$24,21,0),0)),0)</f>
        <v>9.0658641996401261</v>
      </c>
      <c r="E2679" cm="1">
        <f t="array" ref="E2679">IFERROR(INDEX(Jesper!AI$2:AI$366,ROUNDDOWN($C2679/24,0)+1,1)*INDEX($D$3:$AA$30,INDEX(Jesper!$R$2:$R$366,ROW(INDEX(Jesper!AI$2:AI$366,ROUNDDOWN($C2679/24,0)+1,1))-1)+IF('Standard Profiles'!$G$19=$B$10,7,0)+IF('Standard Profiles'!$G$19=$B$17,14,0)+IF('Standard Profiles'!$G$19=$B$24,21,0),MOD($C2679,24)+1)/SUM(INDEX($D$3:$AA$30,INDEX(Jesper!$R$2:$R$366,ROW(INDEX(Jesper!AI$2:AI$366,ROUNDDOWN($C2679/24,0)+1,1))-1)+IF('Standard Profiles'!$G$19=$B$10,7,0)+IF('Standard Profiles'!$G$19=$B$17,14,0)+IF('Standard Profiles'!$G$19=$B$24,21,0),0)),0)</f>
        <v>1.6672107963293683</v>
      </c>
      <c r="F2679" cm="1">
        <f t="array" ref="F2679">IFERROR(INDEX(Jesper!AJ$2:AJ$366,ROUNDDOWN($C2679/24,0)+1,1)*INDEX($D$3:$AA$30,INDEX(Jesper!$R$2:$R$366,ROW(INDEX(Jesper!AJ$2:AJ$366,ROUNDDOWN($C2679/24,0)+1,1))-1)+IF('Standard Profiles'!$G$20=$B$10,7,0)+IF('Standard Profiles'!$G$20=$B$17,14,0)+IF('Standard Profiles'!$G$20=$B$24,21,0),MOD($C2679,24)+1)/SUM(INDEX($D$3:$AA$30,INDEX(Jesper!$R$2:$R$366,ROW(INDEX(Jesper!AJ$2:AJ$366,ROUNDDOWN($C2679/24,0)+1,1))-1)+IF('Standard Profiles'!$G$20=$B$10,7,0)+IF('Standard Profiles'!$G$20=$B$17,14,0)+IF('Standard Profiles'!$G$20=$B$24,21,0),0)),0)</f>
        <v>0</v>
      </c>
      <c r="G2679" cm="1">
        <f t="array" ref="G2679">IFERROR(INDEX(Jesper!AK$2:AK$366,ROUNDDOWN($C2679/24,0)+1,1)*INDEX($D$3:$AA$30,INDEX(Jesper!$R$2:$R$366,ROW(INDEX(Jesper!AK$2:AK$366,ROUNDDOWN($C2679/24,0)+1,1))-1)+IF('Standard Profiles'!$G$21=$B$10,7,0)+IF('Standard Profiles'!$G$21=$B$17,14,0)+IF('Standard Profiles'!$G$21=$B$24,21,0),MOD($C2679,24)+1)/SUM(INDEX($D$3:$AA$30,INDEX(Jesper!$R$2:$R$366,ROW(INDEX(Jesper!AK$2:AK$366,ROUNDDOWN($C2679/24,0)+1,1))-1)+IF('Standard Profiles'!$G$21=$B$10,7,0)+IF('Standard Profiles'!$G$21=$B$17,14,0)+IF('Standard Profiles'!$G$21=$B$24,21,0),0)),0)</f>
        <v>0</v>
      </c>
      <c r="H2679" cm="1">
        <f t="array" ref="H2679">IFERROR(INDEX(Jesper!AL$2:AL$366,ROUNDDOWN($C2679/24,0)+1,1)*INDEX($D$3:$AA$30,INDEX(Jesper!$R$2:$R$366,ROW(INDEX(Jesper!AL$2:AL$366,ROUNDDOWN($C2679/24,0)+1,1))-1)+IF('Standard Profiles'!$G$22=$B$10,7,0)+IF('Standard Profiles'!$G$22=$B$17,14,0)+IF('Standard Profiles'!$G$22=$B$24,21,0),MOD($C2679,24)+1)/SUM(INDEX($D$3:$AA$30,INDEX(Jesper!$R$2:$R$366,ROW(INDEX(Jesper!AL$2:AL$366,ROUNDDOWN($C2679/24,0)+1,1))-1)+IF('Standard Profiles'!$G$22=$B$10,7,0)+IF('Standard Profiles'!$G$22=$B$17,14,0)+IF('Standard Profiles'!$G$22=$B$24,21,0),0)),0)</f>
        <v>0</v>
      </c>
      <c r="I2679">
        <f t="shared" si="307"/>
        <v>0.15019917084048368</v>
      </c>
      <c r="J2679">
        <f t="shared" si="308"/>
        <v>0.50066390280161233</v>
      </c>
      <c r="K2679">
        <f t="shared" si="309"/>
        <v>0.75099585420241843</v>
      </c>
      <c r="L2679">
        <f t="shared" si="310"/>
        <v>9.3312160681249807</v>
      </c>
      <c r="M2679">
        <f t="shared" si="311"/>
        <v>0</v>
      </c>
      <c r="N2679" s="46">
        <f t="shared" si="312"/>
        <v>45402.208333326918</v>
      </c>
    </row>
    <row r="2680" spans="2:14" x14ac:dyDescent="0.3">
      <c r="B2680">
        <f t="shared" si="306"/>
        <v>6</v>
      </c>
      <c r="C2680" s="16">
        <v>2646</v>
      </c>
      <c r="D2680" cm="1">
        <f t="array" ref="D2680">IFERROR(INDEX(Jesper!AH$2:AH$366,ROUNDDOWN($C2680/24,0)+1,1)*INDEX($D$3:$AA$30,INDEX(Jesper!$R$2:$R$366,ROW(INDEX(Jesper!AH$2:AH$366,ROUNDDOWN($C2680/24,0)+1,1))-1)+IF('Standard Profiles'!$G$18=$B$10,7,0)+IF('Standard Profiles'!$G$18=$B$17,14,0)+IF('Standard Profiles'!$G$18=$B$24,21,0),MOD($C2680,24)+1)/SUM(INDEX($D$3:$AA$30,INDEX(Jesper!$R$2:$R$366,ROW(INDEX(Jesper!AH$2:AH$366,ROUNDDOWN($C2680/24,0)+1,1))-1)+IF('Standard Profiles'!$G$18=$B$10,7,0)+IF('Standard Profiles'!$G$18=$B$17,14,0)+IF('Standard Profiles'!$G$18=$B$24,21,0),0)),0)</f>
        <v>11.376770760332708</v>
      </c>
      <c r="E2680" cm="1">
        <f t="array" ref="E2680">IFERROR(INDEX(Jesper!AI$2:AI$366,ROUNDDOWN($C2680/24,0)+1,1)*INDEX($D$3:$AA$30,INDEX(Jesper!$R$2:$R$366,ROW(INDEX(Jesper!AI$2:AI$366,ROUNDDOWN($C2680/24,0)+1,1))-1)+IF('Standard Profiles'!$G$19=$B$10,7,0)+IF('Standard Profiles'!$G$19=$B$17,14,0)+IF('Standard Profiles'!$G$19=$B$24,21,0),MOD($C2680,24)+1)/SUM(INDEX($D$3:$AA$30,INDEX(Jesper!$R$2:$R$366,ROW(INDEX(Jesper!AI$2:AI$366,ROUNDDOWN($C2680/24,0)+1,1))-1)+IF('Standard Profiles'!$G$19=$B$10,7,0)+IF('Standard Profiles'!$G$19=$B$17,14,0)+IF('Standard Profiles'!$G$19=$B$24,21,0),0)),0)</f>
        <v>2.0921860973545017</v>
      </c>
      <c r="F2680" cm="1">
        <f t="array" ref="F2680">IFERROR(INDEX(Jesper!AJ$2:AJ$366,ROUNDDOWN($C2680/24,0)+1,1)*INDEX($D$3:$AA$30,INDEX(Jesper!$R$2:$R$366,ROW(INDEX(Jesper!AJ$2:AJ$366,ROUNDDOWN($C2680/24,0)+1,1))-1)+IF('Standard Profiles'!$G$20=$B$10,7,0)+IF('Standard Profiles'!$G$20=$B$17,14,0)+IF('Standard Profiles'!$G$20=$B$24,21,0),MOD($C2680,24)+1)/SUM(INDEX($D$3:$AA$30,INDEX(Jesper!$R$2:$R$366,ROW(INDEX(Jesper!AJ$2:AJ$366,ROUNDDOWN($C2680/24,0)+1,1))-1)+IF('Standard Profiles'!$G$20=$B$10,7,0)+IF('Standard Profiles'!$G$20=$B$17,14,0)+IF('Standard Profiles'!$G$20=$B$24,21,0),0)),0)</f>
        <v>0</v>
      </c>
      <c r="G2680" cm="1">
        <f t="array" ref="G2680">IFERROR(INDEX(Jesper!AK$2:AK$366,ROUNDDOWN($C2680/24,0)+1,1)*INDEX($D$3:$AA$30,INDEX(Jesper!$R$2:$R$366,ROW(INDEX(Jesper!AK$2:AK$366,ROUNDDOWN($C2680/24,0)+1,1))-1)+IF('Standard Profiles'!$G$21=$B$10,7,0)+IF('Standard Profiles'!$G$21=$B$17,14,0)+IF('Standard Profiles'!$G$21=$B$24,21,0),MOD($C2680,24)+1)/SUM(INDEX($D$3:$AA$30,INDEX(Jesper!$R$2:$R$366,ROW(INDEX(Jesper!AK$2:AK$366,ROUNDDOWN($C2680/24,0)+1,1))-1)+IF('Standard Profiles'!$G$21=$B$10,7,0)+IF('Standard Profiles'!$G$21=$B$17,14,0)+IF('Standard Profiles'!$G$21=$B$24,21,0),0)),0)</f>
        <v>0</v>
      </c>
      <c r="H2680" cm="1">
        <f t="array" ref="H2680">IFERROR(INDEX(Jesper!AL$2:AL$366,ROUNDDOWN($C2680/24,0)+1,1)*INDEX($D$3:$AA$30,INDEX(Jesper!$R$2:$R$366,ROW(INDEX(Jesper!AL$2:AL$366,ROUNDDOWN($C2680/24,0)+1,1))-1)+IF('Standard Profiles'!$G$22=$B$10,7,0)+IF('Standard Profiles'!$G$22=$B$17,14,0)+IF('Standard Profiles'!$G$22=$B$24,21,0),MOD($C2680,24)+1)/SUM(INDEX($D$3:$AA$30,INDEX(Jesper!$R$2:$R$366,ROW(INDEX(Jesper!AL$2:AL$366,ROUNDDOWN($C2680/24,0)+1,1))-1)+IF('Standard Profiles'!$G$22=$B$10,7,0)+IF('Standard Profiles'!$G$22=$B$17,14,0)+IF('Standard Profiles'!$G$22=$B$24,21,0),0)),0)</f>
        <v>0</v>
      </c>
      <c r="I2680">
        <f t="shared" si="307"/>
        <v>0.18848523399590111</v>
      </c>
      <c r="J2680">
        <f t="shared" si="308"/>
        <v>0.62828411331967038</v>
      </c>
      <c r="K2680">
        <f t="shared" si="309"/>
        <v>0.94242616997950557</v>
      </c>
      <c r="L2680">
        <f t="shared" si="310"/>
        <v>11.709761340392133</v>
      </c>
      <c r="M2680">
        <f t="shared" si="311"/>
        <v>0</v>
      </c>
      <c r="N2680" s="46">
        <f t="shared" si="312"/>
        <v>45402.249999993583</v>
      </c>
    </row>
    <row r="2681" spans="2:14" x14ac:dyDescent="0.3">
      <c r="B2681">
        <f t="shared" si="306"/>
        <v>6</v>
      </c>
      <c r="C2681" s="16">
        <v>2647</v>
      </c>
      <c r="D2681" cm="1">
        <f t="array" ref="D2681">IFERROR(INDEX(Jesper!AH$2:AH$366,ROUNDDOWN($C2681/24,0)+1,1)*INDEX($D$3:$AA$30,INDEX(Jesper!$R$2:$R$366,ROW(INDEX(Jesper!AH$2:AH$366,ROUNDDOWN($C2681/24,0)+1,1))-1)+IF('Standard Profiles'!$G$18=$B$10,7,0)+IF('Standard Profiles'!$G$18=$B$17,14,0)+IF('Standard Profiles'!$G$18=$B$24,21,0),MOD($C2681,24)+1)/SUM(INDEX($D$3:$AA$30,INDEX(Jesper!$R$2:$R$366,ROW(INDEX(Jesper!AH$2:AH$366,ROUNDDOWN($C2681/24,0)+1,1))-1)+IF('Standard Profiles'!$G$18=$B$10,7,0)+IF('Standard Profiles'!$G$18=$B$17,14,0)+IF('Standard Profiles'!$G$18=$B$24,21,0),0)),0)</f>
        <v>12.976629148504495</v>
      </c>
      <c r="E2681" cm="1">
        <f t="array" ref="E2681">IFERROR(INDEX(Jesper!AI$2:AI$366,ROUNDDOWN($C2681/24,0)+1,1)*INDEX($D$3:$AA$30,INDEX(Jesper!$R$2:$R$366,ROW(INDEX(Jesper!AI$2:AI$366,ROUNDDOWN($C2681/24,0)+1,1))-1)+IF('Standard Profiles'!$G$19=$B$10,7,0)+IF('Standard Profiles'!$G$19=$B$17,14,0)+IF('Standard Profiles'!$G$19=$B$24,21,0),MOD($C2681,24)+1)/SUM(INDEX($D$3:$AA$30,INDEX(Jesper!$R$2:$R$366,ROW(INDEX(Jesper!AI$2:AI$366,ROUNDDOWN($C2681/24,0)+1,1))-1)+IF('Standard Profiles'!$G$19=$B$10,7,0)+IF('Standard Profiles'!$G$19=$B$17,14,0)+IF('Standard Profiles'!$G$19=$B$24,21,0),0)),0)</f>
        <v>2.3863997672949782</v>
      </c>
      <c r="F2681" cm="1">
        <f t="array" ref="F2681">IFERROR(INDEX(Jesper!AJ$2:AJ$366,ROUNDDOWN($C2681/24,0)+1,1)*INDEX($D$3:$AA$30,INDEX(Jesper!$R$2:$R$366,ROW(INDEX(Jesper!AJ$2:AJ$366,ROUNDDOWN($C2681/24,0)+1,1))-1)+IF('Standard Profiles'!$G$20=$B$10,7,0)+IF('Standard Profiles'!$G$20=$B$17,14,0)+IF('Standard Profiles'!$G$20=$B$24,21,0),MOD($C2681,24)+1)/SUM(INDEX($D$3:$AA$30,INDEX(Jesper!$R$2:$R$366,ROW(INDEX(Jesper!AJ$2:AJ$366,ROUNDDOWN($C2681/24,0)+1,1))-1)+IF('Standard Profiles'!$G$20=$B$10,7,0)+IF('Standard Profiles'!$G$20=$B$17,14,0)+IF('Standard Profiles'!$G$20=$B$24,21,0),0)),0)</f>
        <v>0</v>
      </c>
      <c r="G2681" cm="1">
        <f t="array" ref="G2681">IFERROR(INDEX(Jesper!AK$2:AK$366,ROUNDDOWN($C2681/24,0)+1,1)*INDEX($D$3:$AA$30,INDEX(Jesper!$R$2:$R$366,ROW(INDEX(Jesper!AK$2:AK$366,ROUNDDOWN($C2681/24,0)+1,1))-1)+IF('Standard Profiles'!$G$21=$B$10,7,0)+IF('Standard Profiles'!$G$21=$B$17,14,0)+IF('Standard Profiles'!$G$21=$B$24,21,0),MOD($C2681,24)+1)/SUM(INDEX($D$3:$AA$30,INDEX(Jesper!$R$2:$R$366,ROW(INDEX(Jesper!AK$2:AK$366,ROUNDDOWN($C2681/24,0)+1,1))-1)+IF('Standard Profiles'!$G$21=$B$10,7,0)+IF('Standard Profiles'!$G$21=$B$17,14,0)+IF('Standard Profiles'!$G$21=$B$24,21,0),0)),0)</f>
        <v>0</v>
      </c>
      <c r="H2681" cm="1">
        <f t="array" ref="H2681">IFERROR(INDEX(Jesper!AL$2:AL$366,ROUNDDOWN($C2681/24,0)+1,1)*INDEX($D$3:$AA$30,INDEX(Jesper!$R$2:$R$366,ROW(INDEX(Jesper!AL$2:AL$366,ROUNDDOWN($C2681/24,0)+1,1))-1)+IF('Standard Profiles'!$G$22=$B$10,7,0)+IF('Standard Profiles'!$G$22=$B$17,14,0)+IF('Standard Profiles'!$G$22=$B$24,21,0),MOD($C2681,24)+1)/SUM(INDEX($D$3:$AA$30,INDEX(Jesper!$R$2:$R$366,ROW(INDEX(Jesper!AL$2:AL$366,ROUNDDOWN($C2681/24,0)+1,1))-1)+IF('Standard Profiles'!$G$22=$B$10,7,0)+IF('Standard Profiles'!$G$22=$B$17,14,0)+IF('Standard Profiles'!$G$22=$B$24,21,0),0)),0)</f>
        <v>0</v>
      </c>
      <c r="I2681">
        <f t="shared" si="307"/>
        <v>0.21499097002657466</v>
      </c>
      <c r="J2681">
        <f t="shared" si="308"/>
        <v>0.716636566755249</v>
      </c>
      <c r="K2681">
        <f t="shared" si="309"/>
        <v>1.0749548501328734</v>
      </c>
      <c r="L2681">
        <f t="shared" si="310"/>
        <v>13.356446528884776</v>
      </c>
      <c r="M2681">
        <f t="shared" si="311"/>
        <v>0</v>
      </c>
      <c r="N2681" s="46">
        <f t="shared" si="312"/>
        <v>45402.291666660247</v>
      </c>
    </row>
    <row r="2682" spans="2:14" x14ac:dyDescent="0.3">
      <c r="B2682">
        <f t="shared" si="306"/>
        <v>6</v>
      </c>
      <c r="C2682" s="16">
        <v>2648</v>
      </c>
      <c r="D2682" cm="1">
        <f t="array" ref="D2682">IFERROR(INDEX(Jesper!AH$2:AH$366,ROUNDDOWN($C2682/24,0)+1,1)*INDEX($D$3:$AA$30,INDEX(Jesper!$R$2:$R$366,ROW(INDEX(Jesper!AH$2:AH$366,ROUNDDOWN($C2682/24,0)+1,1))-1)+IF('Standard Profiles'!$G$18=$B$10,7,0)+IF('Standard Profiles'!$G$18=$B$17,14,0)+IF('Standard Profiles'!$G$18=$B$24,21,0),MOD($C2682,24)+1)/SUM(INDEX($D$3:$AA$30,INDEX(Jesper!$R$2:$R$366,ROW(INDEX(Jesper!AH$2:AH$366,ROUNDDOWN($C2682/24,0)+1,1))-1)+IF('Standard Profiles'!$G$18=$B$10,7,0)+IF('Standard Profiles'!$G$18=$B$17,14,0)+IF('Standard Profiles'!$G$18=$B$24,21,0),0)),0)</f>
        <v>12.976629148504495</v>
      </c>
      <c r="E2682" cm="1">
        <f t="array" ref="E2682">IFERROR(INDEX(Jesper!AI$2:AI$366,ROUNDDOWN($C2682/24,0)+1,1)*INDEX($D$3:$AA$30,INDEX(Jesper!$R$2:$R$366,ROW(INDEX(Jesper!AI$2:AI$366,ROUNDDOWN($C2682/24,0)+1,1))-1)+IF('Standard Profiles'!$G$19=$B$10,7,0)+IF('Standard Profiles'!$G$19=$B$17,14,0)+IF('Standard Profiles'!$G$19=$B$24,21,0),MOD($C2682,24)+1)/SUM(INDEX($D$3:$AA$30,INDEX(Jesper!$R$2:$R$366,ROW(INDEX(Jesper!AI$2:AI$366,ROUNDDOWN($C2682/24,0)+1,1))-1)+IF('Standard Profiles'!$G$19=$B$10,7,0)+IF('Standard Profiles'!$G$19=$B$17,14,0)+IF('Standard Profiles'!$G$19=$B$24,21,0),0)),0)</f>
        <v>2.3863997672949782</v>
      </c>
      <c r="F2682" cm="1">
        <f t="array" ref="F2682">IFERROR(INDEX(Jesper!AJ$2:AJ$366,ROUNDDOWN($C2682/24,0)+1,1)*INDEX($D$3:$AA$30,INDEX(Jesper!$R$2:$R$366,ROW(INDEX(Jesper!AJ$2:AJ$366,ROUNDDOWN($C2682/24,0)+1,1))-1)+IF('Standard Profiles'!$G$20=$B$10,7,0)+IF('Standard Profiles'!$G$20=$B$17,14,0)+IF('Standard Profiles'!$G$20=$B$24,21,0),MOD($C2682,24)+1)/SUM(INDEX($D$3:$AA$30,INDEX(Jesper!$R$2:$R$366,ROW(INDEX(Jesper!AJ$2:AJ$366,ROUNDDOWN($C2682/24,0)+1,1))-1)+IF('Standard Profiles'!$G$20=$B$10,7,0)+IF('Standard Profiles'!$G$20=$B$17,14,0)+IF('Standard Profiles'!$G$20=$B$24,21,0),0)),0)</f>
        <v>0</v>
      </c>
      <c r="G2682" cm="1">
        <f t="array" ref="G2682">IFERROR(INDEX(Jesper!AK$2:AK$366,ROUNDDOWN($C2682/24,0)+1,1)*INDEX($D$3:$AA$30,INDEX(Jesper!$R$2:$R$366,ROW(INDEX(Jesper!AK$2:AK$366,ROUNDDOWN($C2682/24,0)+1,1))-1)+IF('Standard Profiles'!$G$21=$B$10,7,0)+IF('Standard Profiles'!$G$21=$B$17,14,0)+IF('Standard Profiles'!$G$21=$B$24,21,0),MOD($C2682,24)+1)/SUM(INDEX($D$3:$AA$30,INDEX(Jesper!$R$2:$R$366,ROW(INDEX(Jesper!AK$2:AK$366,ROUNDDOWN($C2682/24,0)+1,1))-1)+IF('Standard Profiles'!$G$21=$B$10,7,0)+IF('Standard Profiles'!$G$21=$B$17,14,0)+IF('Standard Profiles'!$G$21=$B$24,21,0),0)),0)</f>
        <v>0</v>
      </c>
      <c r="H2682" cm="1">
        <f t="array" ref="H2682">IFERROR(INDEX(Jesper!AL$2:AL$366,ROUNDDOWN($C2682/24,0)+1,1)*INDEX($D$3:$AA$30,INDEX(Jesper!$R$2:$R$366,ROW(INDEX(Jesper!AL$2:AL$366,ROUNDDOWN($C2682/24,0)+1,1))-1)+IF('Standard Profiles'!$G$22=$B$10,7,0)+IF('Standard Profiles'!$G$22=$B$17,14,0)+IF('Standard Profiles'!$G$22=$B$24,21,0),MOD($C2682,24)+1)/SUM(INDEX($D$3:$AA$30,INDEX(Jesper!$R$2:$R$366,ROW(INDEX(Jesper!AL$2:AL$366,ROUNDDOWN($C2682/24,0)+1,1))-1)+IF('Standard Profiles'!$G$22=$B$10,7,0)+IF('Standard Profiles'!$G$22=$B$17,14,0)+IF('Standard Profiles'!$G$22=$B$24,21,0),0)),0)</f>
        <v>0</v>
      </c>
      <c r="I2682">
        <f t="shared" si="307"/>
        <v>0.21499097002657466</v>
      </c>
      <c r="J2682">
        <f t="shared" si="308"/>
        <v>0.716636566755249</v>
      </c>
      <c r="K2682">
        <f t="shared" si="309"/>
        <v>1.0749548501328734</v>
      </c>
      <c r="L2682">
        <f t="shared" si="310"/>
        <v>13.356446528884776</v>
      </c>
      <c r="M2682">
        <f t="shared" si="311"/>
        <v>0</v>
      </c>
      <c r="N2682" s="46">
        <f t="shared" si="312"/>
        <v>45402.333333326911</v>
      </c>
    </row>
    <row r="2683" spans="2:14" x14ac:dyDescent="0.3">
      <c r="B2683">
        <f t="shared" si="306"/>
        <v>6</v>
      </c>
      <c r="C2683" s="16">
        <v>2649</v>
      </c>
      <c r="D2683" cm="1">
        <f t="array" ref="D2683">IFERROR(INDEX(Jesper!AH$2:AH$366,ROUNDDOWN($C2683/24,0)+1,1)*INDEX($D$3:$AA$30,INDEX(Jesper!$R$2:$R$366,ROW(INDEX(Jesper!AH$2:AH$366,ROUNDDOWN($C2683/24,0)+1,1))-1)+IF('Standard Profiles'!$G$18=$B$10,7,0)+IF('Standard Profiles'!$G$18=$B$17,14,0)+IF('Standard Profiles'!$G$18=$B$24,21,0),MOD($C2683,24)+1)/SUM(INDEX($D$3:$AA$30,INDEX(Jesper!$R$2:$R$366,ROW(INDEX(Jesper!AH$2:AH$366,ROUNDDOWN($C2683/24,0)+1,1))-1)+IF('Standard Profiles'!$G$18=$B$10,7,0)+IF('Standard Profiles'!$G$18=$B$17,14,0)+IF('Standard Profiles'!$G$18=$B$24,21,0),0)),0)</f>
        <v>12.976629148504495</v>
      </c>
      <c r="E2683" cm="1">
        <f t="array" ref="E2683">IFERROR(INDEX(Jesper!AI$2:AI$366,ROUNDDOWN($C2683/24,0)+1,1)*INDEX($D$3:$AA$30,INDEX(Jesper!$R$2:$R$366,ROW(INDEX(Jesper!AI$2:AI$366,ROUNDDOWN($C2683/24,0)+1,1))-1)+IF('Standard Profiles'!$G$19=$B$10,7,0)+IF('Standard Profiles'!$G$19=$B$17,14,0)+IF('Standard Profiles'!$G$19=$B$24,21,0),MOD($C2683,24)+1)/SUM(INDEX($D$3:$AA$30,INDEX(Jesper!$R$2:$R$366,ROW(INDEX(Jesper!AI$2:AI$366,ROUNDDOWN($C2683/24,0)+1,1))-1)+IF('Standard Profiles'!$G$19=$B$10,7,0)+IF('Standard Profiles'!$G$19=$B$17,14,0)+IF('Standard Profiles'!$G$19=$B$24,21,0),0)),0)</f>
        <v>2.3863997672949782</v>
      </c>
      <c r="F2683" cm="1">
        <f t="array" ref="F2683">IFERROR(INDEX(Jesper!AJ$2:AJ$366,ROUNDDOWN($C2683/24,0)+1,1)*INDEX($D$3:$AA$30,INDEX(Jesper!$R$2:$R$366,ROW(INDEX(Jesper!AJ$2:AJ$366,ROUNDDOWN($C2683/24,0)+1,1))-1)+IF('Standard Profiles'!$G$20=$B$10,7,0)+IF('Standard Profiles'!$G$20=$B$17,14,0)+IF('Standard Profiles'!$G$20=$B$24,21,0),MOD($C2683,24)+1)/SUM(INDEX($D$3:$AA$30,INDEX(Jesper!$R$2:$R$366,ROW(INDEX(Jesper!AJ$2:AJ$366,ROUNDDOWN($C2683/24,0)+1,1))-1)+IF('Standard Profiles'!$G$20=$B$10,7,0)+IF('Standard Profiles'!$G$20=$B$17,14,0)+IF('Standard Profiles'!$G$20=$B$24,21,0),0)),0)</f>
        <v>0</v>
      </c>
      <c r="G2683" cm="1">
        <f t="array" ref="G2683">IFERROR(INDEX(Jesper!AK$2:AK$366,ROUNDDOWN($C2683/24,0)+1,1)*INDEX($D$3:$AA$30,INDEX(Jesper!$R$2:$R$366,ROW(INDEX(Jesper!AK$2:AK$366,ROUNDDOWN($C2683/24,0)+1,1))-1)+IF('Standard Profiles'!$G$21=$B$10,7,0)+IF('Standard Profiles'!$G$21=$B$17,14,0)+IF('Standard Profiles'!$G$21=$B$24,21,0),MOD($C2683,24)+1)/SUM(INDEX($D$3:$AA$30,INDEX(Jesper!$R$2:$R$366,ROW(INDEX(Jesper!AK$2:AK$366,ROUNDDOWN($C2683/24,0)+1,1))-1)+IF('Standard Profiles'!$G$21=$B$10,7,0)+IF('Standard Profiles'!$G$21=$B$17,14,0)+IF('Standard Profiles'!$G$21=$B$24,21,0),0)),0)</f>
        <v>0</v>
      </c>
      <c r="H2683" cm="1">
        <f t="array" ref="H2683">IFERROR(INDEX(Jesper!AL$2:AL$366,ROUNDDOWN($C2683/24,0)+1,1)*INDEX($D$3:$AA$30,INDEX(Jesper!$R$2:$R$366,ROW(INDEX(Jesper!AL$2:AL$366,ROUNDDOWN($C2683/24,0)+1,1))-1)+IF('Standard Profiles'!$G$22=$B$10,7,0)+IF('Standard Profiles'!$G$22=$B$17,14,0)+IF('Standard Profiles'!$G$22=$B$24,21,0),MOD($C2683,24)+1)/SUM(INDEX($D$3:$AA$30,INDEX(Jesper!$R$2:$R$366,ROW(INDEX(Jesper!AL$2:AL$366,ROUNDDOWN($C2683/24,0)+1,1))-1)+IF('Standard Profiles'!$G$22=$B$10,7,0)+IF('Standard Profiles'!$G$22=$B$17,14,0)+IF('Standard Profiles'!$G$22=$B$24,21,0),0)),0)</f>
        <v>0</v>
      </c>
      <c r="I2683">
        <f t="shared" si="307"/>
        <v>0.21499097002657466</v>
      </c>
      <c r="J2683">
        <f t="shared" si="308"/>
        <v>0.716636566755249</v>
      </c>
      <c r="K2683">
        <f t="shared" si="309"/>
        <v>1.0749548501328734</v>
      </c>
      <c r="L2683">
        <f t="shared" si="310"/>
        <v>13.356446528884776</v>
      </c>
      <c r="M2683">
        <f t="shared" si="311"/>
        <v>0</v>
      </c>
      <c r="N2683" s="46">
        <f t="shared" si="312"/>
        <v>45402.374999993575</v>
      </c>
    </row>
    <row r="2684" spans="2:14" x14ac:dyDescent="0.3">
      <c r="B2684">
        <f t="shared" si="306"/>
        <v>6</v>
      </c>
      <c r="C2684" s="16">
        <v>2650</v>
      </c>
      <c r="D2684" cm="1">
        <f t="array" ref="D2684">IFERROR(INDEX(Jesper!AH$2:AH$366,ROUNDDOWN($C2684/24,0)+1,1)*INDEX($D$3:$AA$30,INDEX(Jesper!$R$2:$R$366,ROW(INDEX(Jesper!AH$2:AH$366,ROUNDDOWN($C2684/24,0)+1,1))-1)+IF('Standard Profiles'!$G$18=$B$10,7,0)+IF('Standard Profiles'!$G$18=$B$17,14,0)+IF('Standard Profiles'!$G$18=$B$24,21,0),MOD($C2684,24)+1)/SUM(INDEX($D$3:$AA$30,INDEX(Jesper!$R$2:$R$366,ROW(INDEX(Jesper!AH$2:AH$366,ROUNDDOWN($C2684/24,0)+1,1))-1)+IF('Standard Profiles'!$G$18=$B$10,7,0)+IF('Standard Profiles'!$G$18=$B$17,14,0)+IF('Standard Profiles'!$G$18=$B$24,21,0),0)),0)</f>
        <v>12.976629148504495</v>
      </c>
      <c r="E2684" cm="1">
        <f t="array" ref="E2684">IFERROR(INDEX(Jesper!AI$2:AI$366,ROUNDDOWN($C2684/24,0)+1,1)*INDEX($D$3:$AA$30,INDEX(Jesper!$R$2:$R$366,ROW(INDEX(Jesper!AI$2:AI$366,ROUNDDOWN($C2684/24,0)+1,1))-1)+IF('Standard Profiles'!$G$19=$B$10,7,0)+IF('Standard Profiles'!$G$19=$B$17,14,0)+IF('Standard Profiles'!$G$19=$B$24,21,0),MOD($C2684,24)+1)/SUM(INDEX($D$3:$AA$30,INDEX(Jesper!$R$2:$R$366,ROW(INDEX(Jesper!AI$2:AI$366,ROUNDDOWN($C2684/24,0)+1,1))-1)+IF('Standard Profiles'!$G$19=$B$10,7,0)+IF('Standard Profiles'!$G$19=$B$17,14,0)+IF('Standard Profiles'!$G$19=$B$24,21,0),0)),0)</f>
        <v>2.3863997672949782</v>
      </c>
      <c r="F2684" cm="1">
        <f t="array" ref="F2684">IFERROR(INDEX(Jesper!AJ$2:AJ$366,ROUNDDOWN($C2684/24,0)+1,1)*INDEX($D$3:$AA$30,INDEX(Jesper!$R$2:$R$366,ROW(INDEX(Jesper!AJ$2:AJ$366,ROUNDDOWN($C2684/24,0)+1,1))-1)+IF('Standard Profiles'!$G$20=$B$10,7,0)+IF('Standard Profiles'!$G$20=$B$17,14,0)+IF('Standard Profiles'!$G$20=$B$24,21,0),MOD($C2684,24)+1)/SUM(INDEX($D$3:$AA$30,INDEX(Jesper!$R$2:$R$366,ROW(INDEX(Jesper!AJ$2:AJ$366,ROUNDDOWN($C2684/24,0)+1,1))-1)+IF('Standard Profiles'!$G$20=$B$10,7,0)+IF('Standard Profiles'!$G$20=$B$17,14,0)+IF('Standard Profiles'!$G$20=$B$24,21,0),0)),0)</f>
        <v>0</v>
      </c>
      <c r="G2684" cm="1">
        <f t="array" ref="G2684">IFERROR(INDEX(Jesper!AK$2:AK$366,ROUNDDOWN($C2684/24,0)+1,1)*INDEX($D$3:$AA$30,INDEX(Jesper!$R$2:$R$366,ROW(INDEX(Jesper!AK$2:AK$366,ROUNDDOWN($C2684/24,0)+1,1))-1)+IF('Standard Profiles'!$G$21=$B$10,7,0)+IF('Standard Profiles'!$G$21=$B$17,14,0)+IF('Standard Profiles'!$G$21=$B$24,21,0),MOD($C2684,24)+1)/SUM(INDEX($D$3:$AA$30,INDEX(Jesper!$R$2:$R$366,ROW(INDEX(Jesper!AK$2:AK$366,ROUNDDOWN($C2684/24,0)+1,1))-1)+IF('Standard Profiles'!$G$21=$B$10,7,0)+IF('Standard Profiles'!$G$21=$B$17,14,0)+IF('Standard Profiles'!$G$21=$B$24,21,0),0)),0)</f>
        <v>0</v>
      </c>
      <c r="H2684" cm="1">
        <f t="array" ref="H2684">IFERROR(INDEX(Jesper!AL$2:AL$366,ROUNDDOWN($C2684/24,0)+1,1)*INDEX($D$3:$AA$30,INDEX(Jesper!$R$2:$R$366,ROW(INDEX(Jesper!AL$2:AL$366,ROUNDDOWN($C2684/24,0)+1,1))-1)+IF('Standard Profiles'!$G$22=$B$10,7,0)+IF('Standard Profiles'!$G$22=$B$17,14,0)+IF('Standard Profiles'!$G$22=$B$24,21,0),MOD($C2684,24)+1)/SUM(INDEX($D$3:$AA$30,INDEX(Jesper!$R$2:$R$366,ROW(INDEX(Jesper!AL$2:AL$366,ROUNDDOWN($C2684/24,0)+1,1))-1)+IF('Standard Profiles'!$G$22=$B$10,7,0)+IF('Standard Profiles'!$G$22=$B$17,14,0)+IF('Standard Profiles'!$G$22=$B$24,21,0),0)),0)</f>
        <v>0</v>
      </c>
      <c r="I2684">
        <f t="shared" si="307"/>
        <v>0.21499097002657466</v>
      </c>
      <c r="J2684">
        <f t="shared" si="308"/>
        <v>0.716636566755249</v>
      </c>
      <c r="K2684">
        <f t="shared" si="309"/>
        <v>1.0749548501328734</v>
      </c>
      <c r="L2684">
        <f t="shared" si="310"/>
        <v>13.356446528884776</v>
      </c>
      <c r="M2684">
        <f t="shared" si="311"/>
        <v>0</v>
      </c>
      <c r="N2684" s="46">
        <f t="shared" si="312"/>
        <v>45402.41666666024</v>
      </c>
    </row>
    <row r="2685" spans="2:14" x14ac:dyDescent="0.3">
      <c r="B2685">
        <f t="shared" si="306"/>
        <v>6</v>
      </c>
      <c r="C2685" s="16">
        <v>2651</v>
      </c>
      <c r="D2685" cm="1">
        <f t="array" ref="D2685">IFERROR(INDEX(Jesper!AH$2:AH$366,ROUNDDOWN($C2685/24,0)+1,1)*INDEX($D$3:$AA$30,INDEX(Jesper!$R$2:$R$366,ROW(INDEX(Jesper!AH$2:AH$366,ROUNDDOWN($C2685/24,0)+1,1))-1)+IF('Standard Profiles'!$G$18=$B$10,7,0)+IF('Standard Profiles'!$G$18=$B$17,14,0)+IF('Standard Profiles'!$G$18=$B$24,21,0),MOD($C2685,24)+1)/SUM(INDEX($D$3:$AA$30,INDEX(Jesper!$R$2:$R$366,ROW(INDEX(Jesper!AH$2:AH$366,ROUNDDOWN($C2685/24,0)+1,1))-1)+IF('Standard Profiles'!$G$18=$B$10,7,0)+IF('Standard Profiles'!$G$18=$B$17,14,0)+IF('Standard Profiles'!$G$18=$B$24,21,0),0)),0)</f>
        <v>12.976629148504495</v>
      </c>
      <c r="E2685" cm="1">
        <f t="array" ref="E2685">IFERROR(INDEX(Jesper!AI$2:AI$366,ROUNDDOWN($C2685/24,0)+1,1)*INDEX($D$3:$AA$30,INDEX(Jesper!$R$2:$R$366,ROW(INDEX(Jesper!AI$2:AI$366,ROUNDDOWN($C2685/24,0)+1,1))-1)+IF('Standard Profiles'!$G$19=$B$10,7,0)+IF('Standard Profiles'!$G$19=$B$17,14,0)+IF('Standard Profiles'!$G$19=$B$24,21,0),MOD($C2685,24)+1)/SUM(INDEX($D$3:$AA$30,INDEX(Jesper!$R$2:$R$366,ROW(INDEX(Jesper!AI$2:AI$366,ROUNDDOWN($C2685/24,0)+1,1))-1)+IF('Standard Profiles'!$G$19=$B$10,7,0)+IF('Standard Profiles'!$G$19=$B$17,14,0)+IF('Standard Profiles'!$G$19=$B$24,21,0),0)),0)</f>
        <v>2.3863997672949782</v>
      </c>
      <c r="F2685" cm="1">
        <f t="array" ref="F2685">IFERROR(INDEX(Jesper!AJ$2:AJ$366,ROUNDDOWN($C2685/24,0)+1,1)*INDEX($D$3:$AA$30,INDEX(Jesper!$R$2:$R$366,ROW(INDEX(Jesper!AJ$2:AJ$366,ROUNDDOWN($C2685/24,0)+1,1))-1)+IF('Standard Profiles'!$G$20=$B$10,7,0)+IF('Standard Profiles'!$G$20=$B$17,14,0)+IF('Standard Profiles'!$G$20=$B$24,21,0),MOD($C2685,24)+1)/SUM(INDEX($D$3:$AA$30,INDEX(Jesper!$R$2:$R$366,ROW(INDEX(Jesper!AJ$2:AJ$366,ROUNDDOWN($C2685/24,0)+1,1))-1)+IF('Standard Profiles'!$G$20=$B$10,7,0)+IF('Standard Profiles'!$G$20=$B$17,14,0)+IF('Standard Profiles'!$G$20=$B$24,21,0),0)),0)</f>
        <v>0</v>
      </c>
      <c r="G2685" cm="1">
        <f t="array" ref="G2685">IFERROR(INDEX(Jesper!AK$2:AK$366,ROUNDDOWN($C2685/24,0)+1,1)*INDEX($D$3:$AA$30,INDEX(Jesper!$R$2:$R$366,ROW(INDEX(Jesper!AK$2:AK$366,ROUNDDOWN($C2685/24,0)+1,1))-1)+IF('Standard Profiles'!$G$21=$B$10,7,0)+IF('Standard Profiles'!$G$21=$B$17,14,0)+IF('Standard Profiles'!$G$21=$B$24,21,0),MOD($C2685,24)+1)/SUM(INDEX($D$3:$AA$30,INDEX(Jesper!$R$2:$R$366,ROW(INDEX(Jesper!AK$2:AK$366,ROUNDDOWN($C2685/24,0)+1,1))-1)+IF('Standard Profiles'!$G$21=$B$10,7,0)+IF('Standard Profiles'!$G$21=$B$17,14,0)+IF('Standard Profiles'!$G$21=$B$24,21,0),0)),0)</f>
        <v>0</v>
      </c>
      <c r="H2685" cm="1">
        <f t="array" ref="H2685">IFERROR(INDEX(Jesper!AL$2:AL$366,ROUNDDOWN($C2685/24,0)+1,1)*INDEX($D$3:$AA$30,INDEX(Jesper!$R$2:$R$366,ROW(INDEX(Jesper!AL$2:AL$366,ROUNDDOWN($C2685/24,0)+1,1))-1)+IF('Standard Profiles'!$G$22=$B$10,7,0)+IF('Standard Profiles'!$G$22=$B$17,14,0)+IF('Standard Profiles'!$G$22=$B$24,21,0),MOD($C2685,24)+1)/SUM(INDEX($D$3:$AA$30,INDEX(Jesper!$R$2:$R$366,ROW(INDEX(Jesper!AL$2:AL$366,ROUNDDOWN($C2685/24,0)+1,1))-1)+IF('Standard Profiles'!$G$22=$B$10,7,0)+IF('Standard Profiles'!$G$22=$B$17,14,0)+IF('Standard Profiles'!$G$22=$B$24,21,0),0)),0)</f>
        <v>0</v>
      </c>
      <c r="I2685">
        <f t="shared" si="307"/>
        <v>0.21499097002657466</v>
      </c>
      <c r="J2685">
        <f t="shared" si="308"/>
        <v>0.716636566755249</v>
      </c>
      <c r="K2685">
        <f t="shared" si="309"/>
        <v>1.0749548501328734</v>
      </c>
      <c r="L2685">
        <f t="shared" si="310"/>
        <v>13.356446528884776</v>
      </c>
      <c r="M2685">
        <f t="shared" si="311"/>
        <v>0</v>
      </c>
      <c r="N2685" s="46">
        <f t="shared" si="312"/>
        <v>45402.458333326904</v>
      </c>
    </row>
    <row r="2686" spans="2:14" x14ac:dyDescent="0.3">
      <c r="B2686">
        <f t="shared" si="306"/>
        <v>6</v>
      </c>
      <c r="C2686" s="16">
        <v>2652</v>
      </c>
      <c r="D2686" cm="1">
        <f t="array" ref="D2686">IFERROR(INDEX(Jesper!AH$2:AH$366,ROUNDDOWN($C2686/24,0)+1,1)*INDEX($D$3:$AA$30,INDEX(Jesper!$R$2:$R$366,ROW(INDEX(Jesper!AH$2:AH$366,ROUNDDOWN($C2686/24,0)+1,1))-1)+IF('Standard Profiles'!$G$18=$B$10,7,0)+IF('Standard Profiles'!$G$18=$B$17,14,0)+IF('Standard Profiles'!$G$18=$B$24,21,0),MOD($C2686,24)+1)/SUM(INDEX($D$3:$AA$30,INDEX(Jesper!$R$2:$R$366,ROW(INDEX(Jesper!AH$2:AH$366,ROUNDDOWN($C2686/24,0)+1,1))-1)+IF('Standard Profiles'!$G$18=$B$10,7,0)+IF('Standard Profiles'!$G$18=$B$17,14,0)+IF('Standard Profiles'!$G$18=$B$24,21,0),0)),0)</f>
        <v>12.976629148504495</v>
      </c>
      <c r="E2686" cm="1">
        <f t="array" ref="E2686">IFERROR(INDEX(Jesper!AI$2:AI$366,ROUNDDOWN($C2686/24,0)+1,1)*INDEX($D$3:$AA$30,INDEX(Jesper!$R$2:$R$366,ROW(INDEX(Jesper!AI$2:AI$366,ROUNDDOWN($C2686/24,0)+1,1))-1)+IF('Standard Profiles'!$G$19=$B$10,7,0)+IF('Standard Profiles'!$G$19=$B$17,14,0)+IF('Standard Profiles'!$G$19=$B$24,21,0),MOD($C2686,24)+1)/SUM(INDEX($D$3:$AA$30,INDEX(Jesper!$R$2:$R$366,ROW(INDEX(Jesper!AI$2:AI$366,ROUNDDOWN($C2686/24,0)+1,1))-1)+IF('Standard Profiles'!$G$19=$B$10,7,0)+IF('Standard Profiles'!$G$19=$B$17,14,0)+IF('Standard Profiles'!$G$19=$B$24,21,0),0)),0)</f>
        <v>2.3863997672949782</v>
      </c>
      <c r="F2686" cm="1">
        <f t="array" ref="F2686">IFERROR(INDEX(Jesper!AJ$2:AJ$366,ROUNDDOWN($C2686/24,0)+1,1)*INDEX($D$3:$AA$30,INDEX(Jesper!$R$2:$R$366,ROW(INDEX(Jesper!AJ$2:AJ$366,ROUNDDOWN($C2686/24,0)+1,1))-1)+IF('Standard Profiles'!$G$20=$B$10,7,0)+IF('Standard Profiles'!$G$20=$B$17,14,0)+IF('Standard Profiles'!$G$20=$B$24,21,0),MOD($C2686,24)+1)/SUM(INDEX($D$3:$AA$30,INDEX(Jesper!$R$2:$R$366,ROW(INDEX(Jesper!AJ$2:AJ$366,ROUNDDOWN($C2686/24,0)+1,1))-1)+IF('Standard Profiles'!$G$20=$B$10,7,0)+IF('Standard Profiles'!$G$20=$B$17,14,0)+IF('Standard Profiles'!$G$20=$B$24,21,0),0)),0)</f>
        <v>0</v>
      </c>
      <c r="G2686" cm="1">
        <f t="array" ref="G2686">IFERROR(INDEX(Jesper!AK$2:AK$366,ROUNDDOWN($C2686/24,0)+1,1)*INDEX($D$3:$AA$30,INDEX(Jesper!$R$2:$R$366,ROW(INDEX(Jesper!AK$2:AK$366,ROUNDDOWN($C2686/24,0)+1,1))-1)+IF('Standard Profiles'!$G$21=$B$10,7,0)+IF('Standard Profiles'!$G$21=$B$17,14,0)+IF('Standard Profiles'!$G$21=$B$24,21,0),MOD($C2686,24)+1)/SUM(INDEX($D$3:$AA$30,INDEX(Jesper!$R$2:$R$366,ROW(INDEX(Jesper!AK$2:AK$366,ROUNDDOWN($C2686/24,0)+1,1))-1)+IF('Standard Profiles'!$G$21=$B$10,7,0)+IF('Standard Profiles'!$G$21=$B$17,14,0)+IF('Standard Profiles'!$G$21=$B$24,21,0),0)),0)</f>
        <v>0</v>
      </c>
      <c r="H2686" cm="1">
        <f t="array" ref="H2686">IFERROR(INDEX(Jesper!AL$2:AL$366,ROUNDDOWN($C2686/24,0)+1,1)*INDEX($D$3:$AA$30,INDEX(Jesper!$R$2:$R$366,ROW(INDEX(Jesper!AL$2:AL$366,ROUNDDOWN($C2686/24,0)+1,1))-1)+IF('Standard Profiles'!$G$22=$B$10,7,0)+IF('Standard Profiles'!$G$22=$B$17,14,0)+IF('Standard Profiles'!$G$22=$B$24,21,0),MOD($C2686,24)+1)/SUM(INDEX($D$3:$AA$30,INDEX(Jesper!$R$2:$R$366,ROW(INDEX(Jesper!AL$2:AL$366,ROUNDDOWN($C2686/24,0)+1,1))-1)+IF('Standard Profiles'!$G$22=$B$10,7,0)+IF('Standard Profiles'!$G$22=$B$17,14,0)+IF('Standard Profiles'!$G$22=$B$24,21,0),0)),0)</f>
        <v>0</v>
      </c>
      <c r="I2686">
        <f t="shared" si="307"/>
        <v>0.21499097002657466</v>
      </c>
      <c r="J2686">
        <f t="shared" si="308"/>
        <v>0.716636566755249</v>
      </c>
      <c r="K2686">
        <f t="shared" si="309"/>
        <v>1.0749548501328734</v>
      </c>
      <c r="L2686">
        <f t="shared" si="310"/>
        <v>13.356446528884776</v>
      </c>
      <c r="M2686">
        <f t="shared" si="311"/>
        <v>0</v>
      </c>
      <c r="N2686" s="46">
        <f t="shared" si="312"/>
        <v>45402.499999993568</v>
      </c>
    </row>
    <row r="2687" spans="2:14" x14ac:dyDescent="0.3">
      <c r="B2687">
        <f t="shared" si="306"/>
        <v>6</v>
      </c>
      <c r="C2687" s="16">
        <v>2653</v>
      </c>
      <c r="D2687" cm="1">
        <f t="array" ref="D2687">IFERROR(INDEX(Jesper!AH$2:AH$366,ROUNDDOWN($C2687/24,0)+1,1)*INDEX($D$3:$AA$30,INDEX(Jesper!$R$2:$R$366,ROW(INDEX(Jesper!AH$2:AH$366,ROUNDDOWN($C2687/24,0)+1,1))-1)+IF('Standard Profiles'!$G$18=$B$10,7,0)+IF('Standard Profiles'!$G$18=$B$17,14,0)+IF('Standard Profiles'!$G$18=$B$24,21,0),MOD($C2687,24)+1)/SUM(INDEX($D$3:$AA$30,INDEX(Jesper!$R$2:$R$366,ROW(INDEX(Jesper!AH$2:AH$366,ROUNDDOWN($C2687/24,0)+1,1))-1)+IF('Standard Profiles'!$G$18=$B$10,7,0)+IF('Standard Profiles'!$G$18=$B$17,14,0)+IF('Standard Profiles'!$G$18=$B$24,21,0),0)),0)</f>
        <v>12.976629148504495</v>
      </c>
      <c r="E2687" cm="1">
        <f t="array" ref="E2687">IFERROR(INDEX(Jesper!AI$2:AI$366,ROUNDDOWN($C2687/24,0)+1,1)*INDEX($D$3:$AA$30,INDEX(Jesper!$R$2:$R$366,ROW(INDEX(Jesper!AI$2:AI$366,ROUNDDOWN($C2687/24,0)+1,1))-1)+IF('Standard Profiles'!$G$19=$B$10,7,0)+IF('Standard Profiles'!$G$19=$B$17,14,0)+IF('Standard Profiles'!$G$19=$B$24,21,0),MOD($C2687,24)+1)/SUM(INDEX($D$3:$AA$30,INDEX(Jesper!$R$2:$R$366,ROW(INDEX(Jesper!AI$2:AI$366,ROUNDDOWN($C2687/24,0)+1,1))-1)+IF('Standard Profiles'!$G$19=$B$10,7,0)+IF('Standard Profiles'!$G$19=$B$17,14,0)+IF('Standard Profiles'!$G$19=$B$24,21,0),0)),0)</f>
        <v>2.3863997672949782</v>
      </c>
      <c r="F2687" cm="1">
        <f t="array" ref="F2687">IFERROR(INDEX(Jesper!AJ$2:AJ$366,ROUNDDOWN($C2687/24,0)+1,1)*INDEX($D$3:$AA$30,INDEX(Jesper!$R$2:$R$366,ROW(INDEX(Jesper!AJ$2:AJ$366,ROUNDDOWN($C2687/24,0)+1,1))-1)+IF('Standard Profiles'!$G$20=$B$10,7,0)+IF('Standard Profiles'!$G$20=$B$17,14,0)+IF('Standard Profiles'!$G$20=$B$24,21,0),MOD($C2687,24)+1)/SUM(INDEX($D$3:$AA$30,INDEX(Jesper!$R$2:$R$366,ROW(INDEX(Jesper!AJ$2:AJ$366,ROUNDDOWN($C2687/24,0)+1,1))-1)+IF('Standard Profiles'!$G$20=$B$10,7,0)+IF('Standard Profiles'!$G$20=$B$17,14,0)+IF('Standard Profiles'!$G$20=$B$24,21,0),0)),0)</f>
        <v>0</v>
      </c>
      <c r="G2687" cm="1">
        <f t="array" ref="G2687">IFERROR(INDEX(Jesper!AK$2:AK$366,ROUNDDOWN($C2687/24,0)+1,1)*INDEX($D$3:$AA$30,INDEX(Jesper!$R$2:$R$366,ROW(INDEX(Jesper!AK$2:AK$366,ROUNDDOWN($C2687/24,0)+1,1))-1)+IF('Standard Profiles'!$G$21=$B$10,7,0)+IF('Standard Profiles'!$G$21=$B$17,14,0)+IF('Standard Profiles'!$G$21=$B$24,21,0),MOD($C2687,24)+1)/SUM(INDEX($D$3:$AA$30,INDEX(Jesper!$R$2:$R$366,ROW(INDEX(Jesper!AK$2:AK$366,ROUNDDOWN($C2687/24,0)+1,1))-1)+IF('Standard Profiles'!$G$21=$B$10,7,0)+IF('Standard Profiles'!$G$21=$B$17,14,0)+IF('Standard Profiles'!$G$21=$B$24,21,0),0)),0)</f>
        <v>0</v>
      </c>
      <c r="H2687" cm="1">
        <f t="array" ref="H2687">IFERROR(INDEX(Jesper!AL$2:AL$366,ROUNDDOWN($C2687/24,0)+1,1)*INDEX($D$3:$AA$30,INDEX(Jesper!$R$2:$R$366,ROW(INDEX(Jesper!AL$2:AL$366,ROUNDDOWN($C2687/24,0)+1,1))-1)+IF('Standard Profiles'!$G$22=$B$10,7,0)+IF('Standard Profiles'!$G$22=$B$17,14,0)+IF('Standard Profiles'!$G$22=$B$24,21,0),MOD($C2687,24)+1)/SUM(INDEX($D$3:$AA$30,INDEX(Jesper!$R$2:$R$366,ROW(INDEX(Jesper!AL$2:AL$366,ROUNDDOWN($C2687/24,0)+1,1))-1)+IF('Standard Profiles'!$G$22=$B$10,7,0)+IF('Standard Profiles'!$G$22=$B$17,14,0)+IF('Standard Profiles'!$G$22=$B$24,21,0),0)),0)</f>
        <v>0</v>
      </c>
      <c r="I2687">
        <f t="shared" si="307"/>
        <v>0.21499097002657466</v>
      </c>
      <c r="J2687">
        <f t="shared" si="308"/>
        <v>0.716636566755249</v>
      </c>
      <c r="K2687">
        <f t="shared" si="309"/>
        <v>1.0749548501328734</v>
      </c>
      <c r="L2687">
        <f t="shared" si="310"/>
        <v>13.356446528884776</v>
      </c>
      <c r="M2687">
        <f t="shared" si="311"/>
        <v>0</v>
      </c>
      <c r="N2687" s="46">
        <f t="shared" si="312"/>
        <v>45402.541666660232</v>
      </c>
    </row>
    <row r="2688" spans="2:14" x14ac:dyDescent="0.3">
      <c r="B2688">
        <f t="shared" si="306"/>
        <v>6</v>
      </c>
      <c r="C2688" s="16">
        <v>2654</v>
      </c>
      <c r="D2688" cm="1">
        <f t="array" ref="D2688">IFERROR(INDEX(Jesper!AH$2:AH$366,ROUNDDOWN($C2688/24,0)+1,1)*INDEX($D$3:$AA$30,INDEX(Jesper!$R$2:$R$366,ROW(INDEX(Jesper!AH$2:AH$366,ROUNDDOWN($C2688/24,0)+1,1))-1)+IF('Standard Profiles'!$G$18=$B$10,7,0)+IF('Standard Profiles'!$G$18=$B$17,14,0)+IF('Standard Profiles'!$G$18=$B$24,21,0),MOD($C2688,24)+1)/SUM(INDEX($D$3:$AA$30,INDEX(Jesper!$R$2:$R$366,ROW(INDEX(Jesper!AH$2:AH$366,ROUNDDOWN($C2688/24,0)+1,1))-1)+IF('Standard Profiles'!$G$18=$B$10,7,0)+IF('Standard Profiles'!$G$18=$B$17,14,0)+IF('Standard Profiles'!$G$18=$B$24,21,0),0)),0)</f>
        <v>12.976629148504495</v>
      </c>
      <c r="E2688" cm="1">
        <f t="array" ref="E2688">IFERROR(INDEX(Jesper!AI$2:AI$366,ROUNDDOWN($C2688/24,0)+1,1)*INDEX($D$3:$AA$30,INDEX(Jesper!$R$2:$R$366,ROW(INDEX(Jesper!AI$2:AI$366,ROUNDDOWN($C2688/24,0)+1,1))-1)+IF('Standard Profiles'!$G$19=$B$10,7,0)+IF('Standard Profiles'!$G$19=$B$17,14,0)+IF('Standard Profiles'!$G$19=$B$24,21,0),MOD($C2688,24)+1)/SUM(INDEX($D$3:$AA$30,INDEX(Jesper!$R$2:$R$366,ROW(INDEX(Jesper!AI$2:AI$366,ROUNDDOWN($C2688/24,0)+1,1))-1)+IF('Standard Profiles'!$G$19=$B$10,7,0)+IF('Standard Profiles'!$G$19=$B$17,14,0)+IF('Standard Profiles'!$G$19=$B$24,21,0),0)),0)</f>
        <v>2.3863997672949782</v>
      </c>
      <c r="F2688" cm="1">
        <f t="array" ref="F2688">IFERROR(INDEX(Jesper!AJ$2:AJ$366,ROUNDDOWN($C2688/24,0)+1,1)*INDEX($D$3:$AA$30,INDEX(Jesper!$R$2:$R$366,ROW(INDEX(Jesper!AJ$2:AJ$366,ROUNDDOWN($C2688/24,0)+1,1))-1)+IF('Standard Profiles'!$G$20=$B$10,7,0)+IF('Standard Profiles'!$G$20=$B$17,14,0)+IF('Standard Profiles'!$G$20=$B$24,21,0),MOD($C2688,24)+1)/SUM(INDEX($D$3:$AA$30,INDEX(Jesper!$R$2:$R$366,ROW(INDEX(Jesper!AJ$2:AJ$366,ROUNDDOWN($C2688/24,0)+1,1))-1)+IF('Standard Profiles'!$G$20=$B$10,7,0)+IF('Standard Profiles'!$G$20=$B$17,14,0)+IF('Standard Profiles'!$G$20=$B$24,21,0),0)),0)</f>
        <v>0</v>
      </c>
      <c r="G2688" cm="1">
        <f t="array" ref="G2688">IFERROR(INDEX(Jesper!AK$2:AK$366,ROUNDDOWN($C2688/24,0)+1,1)*INDEX($D$3:$AA$30,INDEX(Jesper!$R$2:$R$366,ROW(INDEX(Jesper!AK$2:AK$366,ROUNDDOWN($C2688/24,0)+1,1))-1)+IF('Standard Profiles'!$G$21=$B$10,7,0)+IF('Standard Profiles'!$G$21=$B$17,14,0)+IF('Standard Profiles'!$G$21=$B$24,21,0),MOD($C2688,24)+1)/SUM(INDEX($D$3:$AA$30,INDEX(Jesper!$R$2:$R$366,ROW(INDEX(Jesper!AK$2:AK$366,ROUNDDOWN($C2688/24,0)+1,1))-1)+IF('Standard Profiles'!$G$21=$B$10,7,0)+IF('Standard Profiles'!$G$21=$B$17,14,0)+IF('Standard Profiles'!$G$21=$B$24,21,0),0)),0)</f>
        <v>0</v>
      </c>
      <c r="H2688" cm="1">
        <f t="array" ref="H2688">IFERROR(INDEX(Jesper!AL$2:AL$366,ROUNDDOWN($C2688/24,0)+1,1)*INDEX($D$3:$AA$30,INDEX(Jesper!$R$2:$R$366,ROW(INDEX(Jesper!AL$2:AL$366,ROUNDDOWN($C2688/24,0)+1,1))-1)+IF('Standard Profiles'!$G$22=$B$10,7,0)+IF('Standard Profiles'!$G$22=$B$17,14,0)+IF('Standard Profiles'!$G$22=$B$24,21,0),MOD($C2688,24)+1)/SUM(INDEX($D$3:$AA$30,INDEX(Jesper!$R$2:$R$366,ROW(INDEX(Jesper!AL$2:AL$366,ROUNDDOWN($C2688/24,0)+1,1))-1)+IF('Standard Profiles'!$G$22=$B$10,7,0)+IF('Standard Profiles'!$G$22=$B$17,14,0)+IF('Standard Profiles'!$G$22=$B$24,21,0),0)),0)</f>
        <v>0</v>
      </c>
      <c r="I2688">
        <f t="shared" si="307"/>
        <v>0.21499097002657466</v>
      </c>
      <c r="J2688">
        <f t="shared" si="308"/>
        <v>0.716636566755249</v>
      </c>
      <c r="K2688">
        <f t="shared" si="309"/>
        <v>1.0749548501328734</v>
      </c>
      <c r="L2688">
        <f t="shared" si="310"/>
        <v>13.356446528884776</v>
      </c>
      <c r="M2688">
        <f t="shared" si="311"/>
        <v>0</v>
      </c>
      <c r="N2688" s="46">
        <f t="shared" si="312"/>
        <v>45402.583333326897</v>
      </c>
    </row>
    <row r="2689" spans="2:14" x14ac:dyDescent="0.3">
      <c r="B2689">
        <f t="shared" si="306"/>
        <v>6</v>
      </c>
      <c r="C2689" s="16">
        <v>2655</v>
      </c>
      <c r="D2689" cm="1">
        <f t="array" ref="D2689">IFERROR(INDEX(Jesper!AH$2:AH$366,ROUNDDOWN($C2689/24,0)+1,1)*INDEX($D$3:$AA$30,INDEX(Jesper!$R$2:$R$366,ROW(INDEX(Jesper!AH$2:AH$366,ROUNDDOWN($C2689/24,0)+1,1))-1)+IF('Standard Profiles'!$G$18=$B$10,7,0)+IF('Standard Profiles'!$G$18=$B$17,14,0)+IF('Standard Profiles'!$G$18=$B$24,21,0),MOD($C2689,24)+1)/SUM(INDEX($D$3:$AA$30,INDEX(Jesper!$R$2:$R$366,ROW(INDEX(Jesper!AH$2:AH$366,ROUNDDOWN($C2689/24,0)+1,1))-1)+IF('Standard Profiles'!$G$18=$B$10,7,0)+IF('Standard Profiles'!$G$18=$B$17,14,0)+IF('Standard Profiles'!$G$18=$B$24,21,0),0)),0)</f>
        <v>11.732294846593106</v>
      </c>
      <c r="E2689" cm="1">
        <f t="array" ref="E2689">IFERROR(INDEX(Jesper!AI$2:AI$366,ROUNDDOWN($C2689/24,0)+1,1)*INDEX($D$3:$AA$30,INDEX(Jesper!$R$2:$R$366,ROW(INDEX(Jesper!AI$2:AI$366,ROUNDDOWN($C2689/24,0)+1,1))-1)+IF('Standard Profiles'!$G$19=$B$10,7,0)+IF('Standard Profiles'!$G$19=$B$17,14,0)+IF('Standard Profiles'!$G$19=$B$24,21,0),MOD($C2689,24)+1)/SUM(INDEX($D$3:$AA$30,INDEX(Jesper!$R$2:$R$366,ROW(INDEX(Jesper!AI$2:AI$366,ROUNDDOWN($C2689/24,0)+1,1))-1)+IF('Standard Profiles'!$G$19=$B$10,7,0)+IF('Standard Profiles'!$G$19=$B$17,14,0)+IF('Standard Profiles'!$G$19=$B$24,21,0),0)),0)</f>
        <v>2.1575669128968298</v>
      </c>
      <c r="F2689" cm="1">
        <f t="array" ref="F2689">IFERROR(INDEX(Jesper!AJ$2:AJ$366,ROUNDDOWN($C2689/24,0)+1,1)*INDEX($D$3:$AA$30,INDEX(Jesper!$R$2:$R$366,ROW(INDEX(Jesper!AJ$2:AJ$366,ROUNDDOWN($C2689/24,0)+1,1))-1)+IF('Standard Profiles'!$G$20=$B$10,7,0)+IF('Standard Profiles'!$G$20=$B$17,14,0)+IF('Standard Profiles'!$G$20=$B$24,21,0),MOD($C2689,24)+1)/SUM(INDEX($D$3:$AA$30,INDEX(Jesper!$R$2:$R$366,ROW(INDEX(Jesper!AJ$2:AJ$366,ROUNDDOWN($C2689/24,0)+1,1))-1)+IF('Standard Profiles'!$G$20=$B$10,7,0)+IF('Standard Profiles'!$G$20=$B$17,14,0)+IF('Standard Profiles'!$G$20=$B$24,21,0),0)),0)</f>
        <v>0</v>
      </c>
      <c r="G2689" cm="1">
        <f t="array" ref="G2689">IFERROR(INDEX(Jesper!AK$2:AK$366,ROUNDDOWN($C2689/24,0)+1,1)*INDEX($D$3:$AA$30,INDEX(Jesper!$R$2:$R$366,ROW(INDEX(Jesper!AK$2:AK$366,ROUNDDOWN($C2689/24,0)+1,1))-1)+IF('Standard Profiles'!$G$21=$B$10,7,0)+IF('Standard Profiles'!$G$21=$B$17,14,0)+IF('Standard Profiles'!$G$21=$B$24,21,0),MOD($C2689,24)+1)/SUM(INDEX($D$3:$AA$30,INDEX(Jesper!$R$2:$R$366,ROW(INDEX(Jesper!AK$2:AK$366,ROUNDDOWN($C2689/24,0)+1,1))-1)+IF('Standard Profiles'!$G$21=$B$10,7,0)+IF('Standard Profiles'!$G$21=$B$17,14,0)+IF('Standard Profiles'!$G$21=$B$24,21,0),0)),0)</f>
        <v>0</v>
      </c>
      <c r="H2689" cm="1">
        <f t="array" ref="H2689">IFERROR(INDEX(Jesper!AL$2:AL$366,ROUNDDOWN($C2689/24,0)+1,1)*INDEX($D$3:$AA$30,INDEX(Jesper!$R$2:$R$366,ROW(INDEX(Jesper!AL$2:AL$366,ROUNDDOWN($C2689/24,0)+1,1))-1)+IF('Standard Profiles'!$G$22=$B$10,7,0)+IF('Standard Profiles'!$G$22=$B$17,14,0)+IF('Standard Profiles'!$G$22=$B$24,21,0),MOD($C2689,24)+1)/SUM(INDEX($D$3:$AA$30,INDEX(Jesper!$R$2:$R$366,ROW(INDEX(Jesper!AL$2:AL$366,ROUNDDOWN($C2689/24,0)+1,1))-1)+IF('Standard Profiles'!$G$22=$B$10,7,0)+IF('Standard Profiles'!$G$22=$B$17,14,0)+IF('Standard Profiles'!$G$22=$B$24,21,0),0)),0)</f>
        <v>0</v>
      </c>
      <c r="I2689">
        <f t="shared" si="307"/>
        <v>0.19437539755827302</v>
      </c>
      <c r="J2689">
        <f t="shared" si="308"/>
        <v>0.64791799186091015</v>
      </c>
      <c r="K2689">
        <f t="shared" si="309"/>
        <v>0.97187698779136511</v>
      </c>
      <c r="L2689">
        <f t="shared" si="310"/>
        <v>12.075691382279388</v>
      </c>
      <c r="M2689">
        <f t="shared" si="311"/>
        <v>0</v>
      </c>
      <c r="N2689" s="46">
        <f t="shared" si="312"/>
        <v>45402.624999993561</v>
      </c>
    </row>
    <row r="2690" spans="2:14" x14ac:dyDescent="0.3">
      <c r="B2690">
        <f t="shared" si="306"/>
        <v>6</v>
      </c>
      <c r="C2690" s="16">
        <v>2656</v>
      </c>
      <c r="D2690" cm="1">
        <f t="array" ref="D2690">IFERROR(INDEX(Jesper!AH$2:AH$366,ROUNDDOWN($C2690/24,0)+1,1)*INDEX($D$3:$AA$30,INDEX(Jesper!$R$2:$R$366,ROW(INDEX(Jesper!AH$2:AH$366,ROUNDDOWN($C2690/24,0)+1,1))-1)+IF('Standard Profiles'!$G$18=$B$10,7,0)+IF('Standard Profiles'!$G$18=$B$17,14,0)+IF('Standard Profiles'!$G$18=$B$24,21,0),MOD($C2690,24)+1)/SUM(INDEX($D$3:$AA$30,INDEX(Jesper!$R$2:$R$366,ROW(INDEX(Jesper!AH$2:AH$366,ROUNDDOWN($C2690/24,0)+1,1))-1)+IF('Standard Profiles'!$G$18=$B$10,7,0)+IF('Standard Profiles'!$G$18=$B$17,14,0)+IF('Standard Profiles'!$G$18=$B$24,21,0),0)),0)</f>
        <v>10.665722587811914</v>
      </c>
      <c r="E2690" cm="1">
        <f t="array" ref="E2690">IFERROR(INDEX(Jesper!AI$2:AI$366,ROUNDDOWN($C2690/24,0)+1,1)*INDEX($D$3:$AA$30,INDEX(Jesper!$R$2:$R$366,ROW(INDEX(Jesper!AI$2:AI$366,ROUNDDOWN($C2690/24,0)+1,1))-1)+IF('Standard Profiles'!$G$19=$B$10,7,0)+IF('Standard Profiles'!$G$19=$B$17,14,0)+IF('Standard Profiles'!$G$19=$B$24,21,0),MOD($C2690,24)+1)/SUM(INDEX($D$3:$AA$30,INDEX(Jesper!$R$2:$R$366,ROW(INDEX(Jesper!AI$2:AI$366,ROUNDDOWN($C2690/24,0)+1,1))-1)+IF('Standard Profiles'!$G$19=$B$10,7,0)+IF('Standard Profiles'!$G$19=$B$17,14,0)+IF('Standard Profiles'!$G$19=$B$24,21,0),0)),0)</f>
        <v>1.961424466269845</v>
      </c>
      <c r="F2690" cm="1">
        <f t="array" ref="F2690">IFERROR(INDEX(Jesper!AJ$2:AJ$366,ROUNDDOWN($C2690/24,0)+1,1)*INDEX($D$3:$AA$30,INDEX(Jesper!$R$2:$R$366,ROW(INDEX(Jesper!AJ$2:AJ$366,ROUNDDOWN($C2690/24,0)+1,1))-1)+IF('Standard Profiles'!$G$20=$B$10,7,0)+IF('Standard Profiles'!$G$20=$B$17,14,0)+IF('Standard Profiles'!$G$20=$B$24,21,0),MOD($C2690,24)+1)/SUM(INDEX($D$3:$AA$30,INDEX(Jesper!$R$2:$R$366,ROW(INDEX(Jesper!AJ$2:AJ$366,ROUNDDOWN($C2690/24,0)+1,1))-1)+IF('Standard Profiles'!$G$20=$B$10,7,0)+IF('Standard Profiles'!$G$20=$B$17,14,0)+IF('Standard Profiles'!$G$20=$B$24,21,0),0)),0)</f>
        <v>0</v>
      </c>
      <c r="G2690" cm="1">
        <f t="array" ref="G2690">IFERROR(INDEX(Jesper!AK$2:AK$366,ROUNDDOWN($C2690/24,0)+1,1)*INDEX($D$3:$AA$30,INDEX(Jesper!$R$2:$R$366,ROW(INDEX(Jesper!AK$2:AK$366,ROUNDDOWN($C2690/24,0)+1,1))-1)+IF('Standard Profiles'!$G$21=$B$10,7,0)+IF('Standard Profiles'!$G$21=$B$17,14,0)+IF('Standard Profiles'!$G$21=$B$24,21,0),MOD($C2690,24)+1)/SUM(INDEX($D$3:$AA$30,INDEX(Jesper!$R$2:$R$366,ROW(INDEX(Jesper!AK$2:AK$366,ROUNDDOWN($C2690/24,0)+1,1))-1)+IF('Standard Profiles'!$G$21=$B$10,7,0)+IF('Standard Profiles'!$G$21=$B$17,14,0)+IF('Standard Profiles'!$G$21=$B$24,21,0),0)),0)</f>
        <v>0</v>
      </c>
      <c r="H2690" cm="1">
        <f t="array" ref="H2690">IFERROR(INDEX(Jesper!AL$2:AL$366,ROUNDDOWN($C2690/24,0)+1,1)*INDEX($D$3:$AA$30,INDEX(Jesper!$R$2:$R$366,ROW(INDEX(Jesper!AL$2:AL$366,ROUNDDOWN($C2690/24,0)+1,1))-1)+IF('Standard Profiles'!$G$22=$B$10,7,0)+IF('Standard Profiles'!$G$22=$B$17,14,0)+IF('Standard Profiles'!$G$22=$B$24,21,0),MOD($C2690,24)+1)/SUM(INDEX($D$3:$AA$30,INDEX(Jesper!$R$2:$R$366,ROW(INDEX(Jesper!AL$2:AL$366,ROUNDDOWN($C2690/24,0)+1,1))-1)+IF('Standard Profiles'!$G$22=$B$10,7,0)+IF('Standard Profiles'!$G$22=$B$17,14,0)+IF('Standard Profiles'!$G$22=$B$24,21,0),0)),0)</f>
        <v>0</v>
      </c>
      <c r="I2690">
        <f t="shared" si="307"/>
        <v>0.17670490687115725</v>
      </c>
      <c r="J2690">
        <f t="shared" si="308"/>
        <v>0.58901635623719095</v>
      </c>
      <c r="K2690">
        <f t="shared" si="309"/>
        <v>0.88352453435578637</v>
      </c>
      <c r="L2690">
        <f t="shared" si="310"/>
        <v>10.977901256617624</v>
      </c>
      <c r="M2690">
        <f t="shared" si="311"/>
        <v>0</v>
      </c>
      <c r="N2690" s="46">
        <f t="shared" si="312"/>
        <v>45402.666666660225</v>
      </c>
    </row>
    <row r="2691" spans="2:14" x14ac:dyDescent="0.3">
      <c r="B2691">
        <f t="shared" si="306"/>
        <v>6</v>
      </c>
      <c r="C2691" s="16">
        <v>2657</v>
      </c>
      <c r="D2691" cm="1">
        <f t="array" ref="D2691">IFERROR(INDEX(Jesper!AH$2:AH$366,ROUNDDOWN($C2691/24,0)+1,1)*INDEX($D$3:$AA$30,INDEX(Jesper!$R$2:$R$366,ROW(INDEX(Jesper!AH$2:AH$366,ROUNDDOWN($C2691/24,0)+1,1))-1)+IF('Standard Profiles'!$G$18=$B$10,7,0)+IF('Standard Profiles'!$G$18=$B$17,14,0)+IF('Standard Profiles'!$G$18=$B$24,21,0),MOD($C2691,24)+1)/SUM(INDEX($D$3:$AA$30,INDEX(Jesper!$R$2:$R$366,ROW(INDEX(Jesper!AH$2:AH$366,ROUNDDOWN($C2691/24,0)+1,1))-1)+IF('Standard Profiles'!$G$18=$B$10,7,0)+IF('Standard Profiles'!$G$18=$B$17,14,0)+IF('Standard Profiles'!$G$18=$B$24,21,0),0)),0)</f>
        <v>9.5991503290307225</v>
      </c>
      <c r="E2691" cm="1">
        <f t="array" ref="E2691">IFERROR(INDEX(Jesper!AI$2:AI$366,ROUNDDOWN($C2691/24,0)+1,1)*INDEX($D$3:$AA$30,INDEX(Jesper!$R$2:$R$366,ROW(INDEX(Jesper!AI$2:AI$366,ROUNDDOWN($C2691/24,0)+1,1))-1)+IF('Standard Profiles'!$G$19=$B$10,7,0)+IF('Standard Profiles'!$G$19=$B$17,14,0)+IF('Standard Profiles'!$G$19=$B$24,21,0),MOD($C2691,24)+1)/SUM(INDEX($D$3:$AA$30,INDEX(Jesper!$R$2:$R$366,ROW(INDEX(Jesper!AI$2:AI$366,ROUNDDOWN($C2691/24,0)+1,1))-1)+IF('Standard Profiles'!$G$19=$B$10,7,0)+IF('Standard Profiles'!$G$19=$B$17,14,0)+IF('Standard Profiles'!$G$19=$B$24,21,0),0)),0)</f>
        <v>1.7652820196428605</v>
      </c>
      <c r="F2691" cm="1">
        <f t="array" ref="F2691">IFERROR(INDEX(Jesper!AJ$2:AJ$366,ROUNDDOWN($C2691/24,0)+1,1)*INDEX($D$3:$AA$30,INDEX(Jesper!$R$2:$R$366,ROW(INDEX(Jesper!AJ$2:AJ$366,ROUNDDOWN($C2691/24,0)+1,1))-1)+IF('Standard Profiles'!$G$20=$B$10,7,0)+IF('Standard Profiles'!$G$20=$B$17,14,0)+IF('Standard Profiles'!$G$20=$B$24,21,0),MOD($C2691,24)+1)/SUM(INDEX($D$3:$AA$30,INDEX(Jesper!$R$2:$R$366,ROW(INDEX(Jesper!AJ$2:AJ$366,ROUNDDOWN($C2691/24,0)+1,1))-1)+IF('Standard Profiles'!$G$20=$B$10,7,0)+IF('Standard Profiles'!$G$20=$B$17,14,0)+IF('Standard Profiles'!$G$20=$B$24,21,0),0)),0)</f>
        <v>0</v>
      </c>
      <c r="G2691" cm="1">
        <f t="array" ref="G2691">IFERROR(INDEX(Jesper!AK$2:AK$366,ROUNDDOWN($C2691/24,0)+1,1)*INDEX($D$3:$AA$30,INDEX(Jesper!$R$2:$R$366,ROW(INDEX(Jesper!AK$2:AK$366,ROUNDDOWN($C2691/24,0)+1,1))-1)+IF('Standard Profiles'!$G$21=$B$10,7,0)+IF('Standard Profiles'!$G$21=$B$17,14,0)+IF('Standard Profiles'!$G$21=$B$24,21,0),MOD($C2691,24)+1)/SUM(INDEX($D$3:$AA$30,INDEX(Jesper!$R$2:$R$366,ROW(INDEX(Jesper!AK$2:AK$366,ROUNDDOWN($C2691/24,0)+1,1))-1)+IF('Standard Profiles'!$G$21=$B$10,7,0)+IF('Standard Profiles'!$G$21=$B$17,14,0)+IF('Standard Profiles'!$G$21=$B$24,21,0),0)),0)</f>
        <v>0</v>
      </c>
      <c r="H2691" cm="1">
        <f t="array" ref="H2691">IFERROR(INDEX(Jesper!AL$2:AL$366,ROUNDDOWN($C2691/24,0)+1,1)*INDEX($D$3:$AA$30,INDEX(Jesper!$R$2:$R$366,ROW(INDEX(Jesper!AL$2:AL$366,ROUNDDOWN($C2691/24,0)+1,1))-1)+IF('Standard Profiles'!$G$22=$B$10,7,0)+IF('Standard Profiles'!$G$22=$B$17,14,0)+IF('Standard Profiles'!$G$22=$B$24,21,0),MOD($C2691,24)+1)/SUM(INDEX($D$3:$AA$30,INDEX(Jesper!$R$2:$R$366,ROW(INDEX(Jesper!AL$2:AL$366,ROUNDDOWN($C2691/24,0)+1,1))-1)+IF('Standard Profiles'!$G$22=$B$10,7,0)+IF('Standard Profiles'!$G$22=$B$17,14,0)+IF('Standard Profiles'!$G$22=$B$24,21,0),0)),0)</f>
        <v>0</v>
      </c>
      <c r="I2691">
        <f t="shared" si="307"/>
        <v>0.15903441618404152</v>
      </c>
      <c r="J2691">
        <f t="shared" si="308"/>
        <v>0.53011472061347187</v>
      </c>
      <c r="K2691">
        <f t="shared" si="309"/>
        <v>0.79517208092020775</v>
      </c>
      <c r="L2691">
        <f t="shared" si="310"/>
        <v>9.8801111309558625</v>
      </c>
      <c r="M2691">
        <f t="shared" si="311"/>
        <v>0</v>
      </c>
      <c r="N2691" s="46">
        <f t="shared" si="312"/>
        <v>45402.708333326889</v>
      </c>
    </row>
    <row r="2692" spans="2:14" x14ac:dyDescent="0.3">
      <c r="B2692">
        <f t="shared" si="306"/>
        <v>6</v>
      </c>
      <c r="C2692" s="16">
        <v>2658</v>
      </c>
      <c r="D2692" cm="1">
        <f t="array" ref="D2692">IFERROR(INDEX(Jesper!AH$2:AH$366,ROUNDDOWN($C2692/24,0)+1,1)*INDEX($D$3:$AA$30,INDEX(Jesper!$R$2:$R$366,ROW(INDEX(Jesper!AH$2:AH$366,ROUNDDOWN($C2692/24,0)+1,1))-1)+IF('Standard Profiles'!$G$18=$B$10,7,0)+IF('Standard Profiles'!$G$18=$B$17,14,0)+IF('Standard Profiles'!$G$18=$B$24,21,0),MOD($C2692,24)+1)/SUM(INDEX($D$3:$AA$30,INDEX(Jesper!$R$2:$R$366,ROW(INDEX(Jesper!AH$2:AH$366,ROUNDDOWN($C2692/24,0)+1,1))-1)+IF('Standard Profiles'!$G$18=$B$10,7,0)+IF('Standard Profiles'!$G$18=$B$17,14,0)+IF('Standard Profiles'!$G$18=$B$24,21,0),0)),0)</f>
        <v>9.2436262427703237</v>
      </c>
      <c r="E2692" cm="1">
        <f t="array" ref="E2692">IFERROR(INDEX(Jesper!AI$2:AI$366,ROUNDDOWN($C2692/24,0)+1,1)*INDEX($D$3:$AA$30,INDEX(Jesper!$R$2:$R$366,ROW(INDEX(Jesper!AI$2:AI$366,ROUNDDOWN($C2692/24,0)+1,1))-1)+IF('Standard Profiles'!$G$19=$B$10,7,0)+IF('Standard Profiles'!$G$19=$B$17,14,0)+IF('Standard Profiles'!$G$19=$B$24,21,0),MOD($C2692,24)+1)/SUM(INDEX($D$3:$AA$30,INDEX(Jesper!$R$2:$R$366,ROW(INDEX(Jesper!AI$2:AI$366,ROUNDDOWN($C2692/24,0)+1,1))-1)+IF('Standard Profiles'!$G$19=$B$10,7,0)+IF('Standard Profiles'!$G$19=$B$17,14,0)+IF('Standard Profiles'!$G$19=$B$24,21,0),0)),0)</f>
        <v>1.6999012041005324</v>
      </c>
      <c r="F2692" cm="1">
        <f t="array" ref="F2692">IFERROR(INDEX(Jesper!AJ$2:AJ$366,ROUNDDOWN($C2692/24,0)+1,1)*INDEX($D$3:$AA$30,INDEX(Jesper!$R$2:$R$366,ROW(INDEX(Jesper!AJ$2:AJ$366,ROUNDDOWN($C2692/24,0)+1,1))-1)+IF('Standard Profiles'!$G$20=$B$10,7,0)+IF('Standard Profiles'!$G$20=$B$17,14,0)+IF('Standard Profiles'!$G$20=$B$24,21,0),MOD($C2692,24)+1)/SUM(INDEX($D$3:$AA$30,INDEX(Jesper!$R$2:$R$366,ROW(INDEX(Jesper!AJ$2:AJ$366,ROUNDDOWN($C2692/24,0)+1,1))-1)+IF('Standard Profiles'!$G$20=$B$10,7,0)+IF('Standard Profiles'!$G$20=$B$17,14,0)+IF('Standard Profiles'!$G$20=$B$24,21,0),0)),0)</f>
        <v>0</v>
      </c>
      <c r="G2692" cm="1">
        <f t="array" ref="G2692">IFERROR(INDEX(Jesper!AK$2:AK$366,ROUNDDOWN($C2692/24,0)+1,1)*INDEX($D$3:$AA$30,INDEX(Jesper!$R$2:$R$366,ROW(INDEX(Jesper!AK$2:AK$366,ROUNDDOWN($C2692/24,0)+1,1))-1)+IF('Standard Profiles'!$G$21=$B$10,7,0)+IF('Standard Profiles'!$G$21=$B$17,14,0)+IF('Standard Profiles'!$G$21=$B$24,21,0),MOD($C2692,24)+1)/SUM(INDEX($D$3:$AA$30,INDEX(Jesper!$R$2:$R$366,ROW(INDEX(Jesper!AK$2:AK$366,ROUNDDOWN($C2692/24,0)+1,1))-1)+IF('Standard Profiles'!$G$21=$B$10,7,0)+IF('Standard Profiles'!$G$21=$B$17,14,0)+IF('Standard Profiles'!$G$21=$B$24,21,0),0)),0)</f>
        <v>0</v>
      </c>
      <c r="H2692" cm="1">
        <f t="array" ref="H2692">IFERROR(INDEX(Jesper!AL$2:AL$366,ROUNDDOWN($C2692/24,0)+1,1)*INDEX($D$3:$AA$30,INDEX(Jesper!$R$2:$R$366,ROW(INDEX(Jesper!AL$2:AL$366,ROUNDDOWN($C2692/24,0)+1,1))-1)+IF('Standard Profiles'!$G$22=$B$10,7,0)+IF('Standard Profiles'!$G$22=$B$17,14,0)+IF('Standard Profiles'!$G$22=$B$24,21,0),MOD($C2692,24)+1)/SUM(INDEX($D$3:$AA$30,INDEX(Jesper!$R$2:$R$366,ROW(INDEX(Jesper!AL$2:AL$366,ROUNDDOWN($C2692/24,0)+1,1))-1)+IF('Standard Profiles'!$G$22=$B$10,7,0)+IF('Standard Profiles'!$G$22=$B$17,14,0)+IF('Standard Profiles'!$G$22=$B$24,21,0),0)),0)</f>
        <v>0</v>
      </c>
      <c r="I2692">
        <f t="shared" si="307"/>
        <v>0.15314425262166961</v>
      </c>
      <c r="J2692">
        <f t="shared" si="308"/>
        <v>0.5104808420722321</v>
      </c>
      <c r="K2692">
        <f t="shared" si="309"/>
        <v>0.7657212631083482</v>
      </c>
      <c r="L2692">
        <f t="shared" si="310"/>
        <v>9.5141810890686056</v>
      </c>
      <c r="M2692">
        <f t="shared" si="311"/>
        <v>0</v>
      </c>
      <c r="N2692" s="46">
        <f t="shared" si="312"/>
        <v>45402.749999993554</v>
      </c>
    </row>
    <row r="2693" spans="2:14" x14ac:dyDescent="0.3">
      <c r="B2693">
        <f t="shared" si="306"/>
        <v>6</v>
      </c>
      <c r="C2693" s="16">
        <v>2659</v>
      </c>
      <c r="D2693" cm="1">
        <f t="array" ref="D2693">IFERROR(INDEX(Jesper!AH$2:AH$366,ROUNDDOWN($C2693/24,0)+1,1)*INDEX($D$3:$AA$30,INDEX(Jesper!$R$2:$R$366,ROW(INDEX(Jesper!AH$2:AH$366,ROUNDDOWN($C2693/24,0)+1,1))-1)+IF('Standard Profiles'!$G$18=$B$10,7,0)+IF('Standard Profiles'!$G$18=$B$17,14,0)+IF('Standard Profiles'!$G$18=$B$24,21,0),MOD($C2693,24)+1)/SUM(INDEX($D$3:$AA$30,INDEX(Jesper!$R$2:$R$366,ROW(INDEX(Jesper!AH$2:AH$366,ROUNDDOWN($C2693/24,0)+1,1))-1)+IF('Standard Profiles'!$G$18=$B$10,7,0)+IF('Standard Profiles'!$G$18=$B$17,14,0)+IF('Standard Profiles'!$G$18=$B$24,21,0),0)),0)</f>
        <v>7.4660058114683387</v>
      </c>
      <c r="E2693" cm="1">
        <f t="array" ref="E2693">IFERROR(INDEX(Jesper!AI$2:AI$366,ROUNDDOWN($C2693/24,0)+1,1)*INDEX($D$3:$AA$30,INDEX(Jesper!$R$2:$R$366,ROW(INDEX(Jesper!AI$2:AI$366,ROUNDDOWN($C2693/24,0)+1,1))-1)+IF('Standard Profiles'!$G$19=$B$10,7,0)+IF('Standard Profiles'!$G$19=$B$17,14,0)+IF('Standard Profiles'!$G$19=$B$24,21,0),MOD($C2693,24)+1)/SUM(INDEX($D$3:$AA$30,INDEX(Jesper!$R$2:$R$366,ROW(INDEX(Jesper!AI$2:AI$366,ROUNDDOWN($C2693/24,0)+1,1))-1)+IF('Standard Profiles'!$G$19=$B$10,7,0)+IF('Standard Profiles'!$G$19=$B$17,14,0)+IF('Standard Profiles'!$G$19=$B$24,21,0),0)),0)</f>
        <v>1.3729971263888914</v>
      </c>
      <c r="F2693" cm="1">
        <f t="array" ref="F2693">IFERROR(INDEX(Jesper!AJ$2:AJ$366,ROUNDDOWN($C2693/24,0)+1,1)*INDEX($D$3:$AA$30,INDEX(Jesper!$R$2:$R$366,ROW(INDEX(Jesper!AJ$2:AJ$366,ROUNDDOWN($C2693/24,0)+1,1))-1)+IF('Standard Profiles'!$G$20=$B$10,7,0)+IF('Standard Profiles'!$G$20=$B$17,14,0)+IF('Standard Profiles'!$G$20=$B$24,21,0),MOD($C2693,24)+1)/SUM(INDEX($D$3:$AA$30,INDEX(Jesper!$R$2:$R$366,ROW(INDEX(Jesper!AJ$2:AJ$366,ROUNDDOWN($C2693/24,0)+1,1))-1)+IF('Standard Profiles'!$G$20=$B$10,7,0)+IF('Standard Profiles'!$G$20=$B$17,14,0)+IF('Standard Profiles'!$G$20=$B$24,21,0),0)),0)</f>
        <v>0</v>
      </c>
      <c r="G2693" cm="1">
        <f t="array" ref="G2693">IFERROR(INDEX(Jesper!AK$2:AK$366,ROUNDDOWN($C2693/24,0)+1,1)*INDEX($D$3:$AA$30,INDEX(Jesper!$R$2:$R$366,ROW(INDEX(Jesper!AK$2:AK$366,ROUNDDOWN($C2693/24,0)+1,1))-1)+IF('Standard Profiles'!$G$21=$B$10,7,0)+IF('Standard Profiles'!$G$21=$B$17,14,0)+IF('Standard Profiles'!$G$21=$B$24,21,0),MOD($C2693,24)+1)/SUM(INDEX($D$3:$AA$30,INDEX(Jesper!$R$2:$R$366,ROW(INDEX(Jesper!AK$2:AK$366,ROUNDDOWN($C2693/24,0)+1,1))-1)+IF('Standard Profiles'!$G$21=$B$10,7,0)+IF('Standard Profiles'!$G$21=$B$17,14,0)+IF('Standard Profiles'!$G$21=$B$24,21,0),0)),0)</f>
        <v>0</v>
      </c>
      <c r="H2693" cm="1">
        <f t="array" ref="H2693">IFERROR(INDEX(Jesper!AL$2:AL$366,ROUNDDOWN($C2693/24,0)+1,1)*INDEX($D$3:$AA$30,INDEX(Jesper!$R$2:$R$366,ROW(INDEX(Jesper!AL$2:AL$366,ROUNDDOWN($C2693/24,0)+1,1))-1)+IF('Standard Profiles'!$G$22=$B$10,7,0)+IF('Standard Profiles'!$G$22=$B$17,14,0)+IF('Standard Profiles'!$G$22=$B$24,21,0),MOD($C2693,24)+1)/SUM(INDEX($D$3:$AA$30,INDEX(Jesper!$R$2:$R$366,ROW(INDEX(Jesper!AL$2:AL$366,ROUNDDOWN($C2693/24,0)+1,1))-1)+IF('Standard Profiles'!$G$22=$B$10,7,0)+IF('Standard Profiles'!$G$22=$B$17,14,0)+IF('Standard Profiles'!$G$22=$B$24,21,0),0)),0)</f>
        <v>0</v>
      </c>
      <c r="I2693">
        <f t="shared" si="307"/>
        <v>0.12369343480981007</v>
      </c>
      <c r="J2693">
        <f t="shared" si="308"/>
        <v>0.41231144936603359</v>
      </c>
      <c r="K2693">
        <f t="shared" si="309"/>
        <v>0.61846717404905038</v>
      </c>
      <c r="L2693">
        <f t="shared" si="310"/>
        <v>7.6845308796323364</v>
      </c>
      <c r="M2693">
        <f t="shared" si="311"/>
        <v>0</v>
      </c>
      <c r="N2693" s="46">
        <f t="shared" si="312"/>
        <v>45402.791666660218</v>
      </c>
    </row>
    <row r="2694" spans="2:14" x14ac:dyDescent="0.3">
      <c r="B2694">
        <f t="shared" si="306"/>
        <v>6</v>
      </c>
      <c r="C2694" s="16">
        <v>2660</v>
      </c>
      <c r="D2694" cm="1">
        <f t="array" ref="D2694">IFERROR(INDEX(Jesper!AH$2:AH$366,ROUNDDOWN($C2694/24,0)+1,1)*INDEX($D$3:$AA$30,INDEX(Jesper!$R$2:$R$366,ROW(INDEX(Jesper!AH$2:AH$366,ROUNDDOWN($C2694/24,0)+1,1))-1)+IF('Standard Profiles'!$G$18=$B$10,7,0)+IF('Standard Profiles'!$G$18=$B$17,14,0)+IF('Standard Profiles'!$G$18=$B$24,21,0),MOD($C2694,24)+1)/SUM(INDEX($D$3:$AA$30,INDEX(Jesper!$R$2:$R$366,ROW(INDEX(Jesper!AH$2:AH$366,ROUNDDOWN($C2694/24,0)+1,1))-1)+IF('Standard Profiles'!$G$18=$B$10,7,0)+IF('Standard Profiles'!$G$18=$B$17,14,0)+IF('Standard Profiles'!$G$18=$B$24,21,0),0)),0)</f>
        <v>5.5106233370361544</v>
      </c>
      <c r="E2694" cm="1">
        <f t="array" ref="E2694">IFERROR(INDEX(Jesper!AI$2:AI$366,ROUNDDOWN($C2694/24,0)+1,1)*INDEX($D$3:$AA$30,INDEX(Jesper!$R$2:$R$366,ROW(INDEX(Jesper!AI$2:AI$366,ROUNDDOWN($C2694/24,0)+1,1))-1)+IF('Standard Profiles'!$G$19=$B$10,7,0)+IF('Standard Profiles'!$G$19=$B$17,14,0)+IF('Standard Profiles'!$G$19=$B$24,21,0),MOD($C2694,24)+1)/SUM(INDEX($D$3:$AA$30,INDEX(Jesper!$R$2:$R$366,ROW(INDEX(Jesper!AI$2:AI$366,ROUNDDOWN($C2694/24,0)+1,1))-1)+IF('Standard Profiles'!$G$19=$B$10,7,0)+IF('Standard Profiles'!$G$19=$B$17,14,0)+IF('Standard Profiles'!$G$19=$B$24,21,0),0)),0)</f>
        <v>1.0134026409060866</v>
      </c>
      <c r="F2694" cm="1">
        <f t="array" ref="F2694">IFERROR(INDEX(Jesper!AJ$2:AJ$366,ROUNDDOWN($C2694/24,0)+1,1)*INDEX($D$3:$AA$30,INDEX(Jesper!$R$2:$R$366,ROW(INDEX(Jesper!AJ$2:AJ$366,ROUNDDOWN($C2694/24,0)+1,1))-1)+IF('Standard Profiles'!$G$20=$B$10,7,0)+IF('Standard Profiles'!$G$20=$B$17,14,0)+IF('Standard Profiles'!$G$20=$B$24,21,0),MOD($C2694,24)+1)/SUM(INDEX($D$3:$AA$30,INDEX(Jesper!$R$2:$R$366,ROW(INDEX(Jesper!AJ$2:AJ$366,ROUNDDOWN($C2694/24,0)+1,1))-1)+IF('Standard Profiles'!$G$20=$B$10,7,0)+IF('Standard Profiles'!$G$20=$B$17,14,0)+IF('Standard Profiles'!$G$20=$B$24,21,0),0)),0)</f>
        <v>0</v>
      </c>
      <c r="G2694" cm="1">
        <f t="array" ref="G2694">IFERROR(INDEX(Jesper!AK$2:AK$366,ROUNDDOWN($C2694/24,0)+1,1)*INDEX($D$3:$AA$30,INDEX(Jesper!$R$2:$R$366,ROW(INDEX(Jesper!AK$2:AK$366,ROUNDDOWN($C2694/24,0)+1,1))-1)+IF('Standard Profiles'!$G$21=$B$10,7,0)+IF('Standard Profiles'!$G$21=$B$17,14,0)+IF('Standard Profiles'!$G$21=$B$24,21,0),MOD($C2694,24)+1)/SUM(INDEX($D$3:$AA$30,INDEX(Jesper!$R$2:$R$366,ROW(INDEX(Jesper!AK$2:AK$366,ROUNDDOWN($C2694/24,0)+1,1))-1)+IF('Standard Profiles'!$G$21=$B$10,7,0)+IF('Standard Profiles'!$G$21=$B$17,14,0)+IF('Standard Profiles'!$G$21=$B$24,21,0),0)),0)</f>
        <v>0</v>
      </c>
      <c r="H2694" cm="1">
        <f t="array" ref="H2694">IFERROR(INDEX(Jesper!AL$2:AL$366,ROUNDDOWN($C2694/24,0)+1,1)*INDEX($D$3:$AA$30,INDEX(Jesper!$R$2:$R$366,ROW(INDEX(Jesper!AL$2:AL$366,ROUNDDOWN($C2694/24,0)+1,1))-1)+IF('Standard Profiles'!$G$22=$B$10,7,0)+IF('Standard Profiles'!$G$22=$B$17,14,0)+IF('Standard Profiles'!$G$22=$B$24,21,0),MOD($C2694,24)+1)/SUM(INDEX($D$3:$AA$30,INDEX(Jesper!$R$2:$R$366,ROW(INDEX(Jesper!AL$2:AL$366,ROUNDDOWN($C2694/24,0)+1,1))-1)+IF('Standard Profiles'!$G$22=$B$10,7,0)+IF('Standard Profiles'!$G$22=$B$17,14,0)+IF('Standard Profiles'!$G$22=$B$24,21,0),0)),0)</f>
        <v>0</v>
      </c>
      <c r="I2694">
        <f t="shared" si="307"/>
        <v>9.1297535216764578E-2</v>
      </c>
      <c r="J2694">
        <f t="shared" si="308"/>
        <v>0.3043251173892153</v>
      </c>
      <c r="K2694">
        <f t="shared" si="309"/>
        <v>0.45648767608382296</v>
      </c>
      <c r="L2694">
        <f t="shared" si="310"/>
        <v>5.6719156492524379</v>
      </c>
      <c r="M2694">
        <f t="shared" si="311"/>
        <v>0</v>
      </c>
      <c r="N2694" s="46">
        <f t="shared" si="312"/>
        <v>45402.833333326882</v>
      </c>
    </row>
    <row r="2695" spans="2:14" x14ac:dyDescent="0.3">
      <c r="B2695">
        <f t="shared" si="306"/>
        <v>6</v>
      </c>
      <c r="C2695" s="16">
        <v>2661</v>
      </c>
      <c r="D2695" cm="1">
        <f t="array" ref="D2695">IFERROR(INDEX(Jesper!AH$2:AH$366,ROUNDDOWN($C2695/24,0)+1,1)*INDEX($D$3:$AA$30,INDEX(Jesper!$R$2:$R$366,ROW(INDEX(Jesper!AH$2:AH$366,ROUNDDOWN($C2695/24,0)+1,1))-1)+IF('Standard Profiles'!$G$18=$B$10,7,0)+IF('Standard Profiles'!$G$18=$B$17,14,0)+IF('Standard Profiles'!$G$18=$B$24,21,0),MOD($C2695,24)+1)/SUM(INDEX($D$3:$AA$30,INDEX(Jesper!$R$2:$R$366,ROW(INDEX(Jesper!AH$2:AH$366,ROUNDDOWN($C2695/24,0)+1,1))-1)+IF('Standard Profiles'!$G$18=$B$10,7,0)+IF('Standard Profiles'!$G$18=$B$17,14,0)+IF('Standard Profiles'!$G$18=$B$24,21,0),0)),0)</f>
        <v>5.5106233370361544</v>
      </c>
      <c r="E2695" cm="1">
        <f t="array" ref="E2695">IFERROR(INDEX(Jesper!AI$2:AI$366,ROUNDDOWN($C2695/24,0)+1,1)*INDEX($D$3:$AA$30,INDEX(Jesper!$R$2:$R$366,ROW(INDEX(Jesper!AI$2:AI$366,ROUNDDOWN($C2695/24,0)+1,1))-1)+IF('Standard Profiles'!$G$19=$B$10,7,0)+IF('Standard Profiles'!$G$19=$B$17,14,0)+IF('Standard Profiles'!$G$19=$B$24,21,0),MOD($C2695,24)+1)/SUM(INDEX($D$3:$AA$30,INDEX(Jesper!$R$2:$R$366,ROW(INDEX(Jesper!AI$2:AI$366,ROUNDDOWN($C2695/24,0)+1,1))-1)+IF('Standard Profiles'!$G$19=$B$10,7,0)+IF('Standard Profiles'!$G$19=$B$17,14,0)+IF('Standard Profiles'!$G$19=$B$24,21,0),0)),0)</f>
        <v>1.0134026409060866</v>
      </c>
      <c r="F2695" cm="1">
        <f t="array" ref="F2695">IFERROR(INDEX(Jesper!AJ$2:AJ$366,ROUNDDOWN($C2695/24,0)+1,1)*INDEX($D$3:$AA$30,INDEX(Jesper!$R$2:$R$366,ROW(INDEX(Jesper!AJ$2:AJ$366,ROUNDDOWN($C2695/24,0)+1,1))-1)+IF('Standard Profiles'!$G$20=$B$10,7,0)+IF('Standard Profiles'!$G$20=$B$17,14,0)+IF('Standard Profiles'!$G$20=$B$24,21,0),MOD($C2695,24)+1)/SUM(INDEX($D$3:$AA$30,INDEX(Jesper!$R$2:$R$366,ROW(INDEX(Jesper!AJ$2:AJ$366,ROUNDDOWN($C2695/24,0)+1,1))-1)+IF('Standard Profiles'!$G$20=$B$10,7,0)+IF('Standard Profiles'!$G$20=$B$17,14,0)+IF('Standard Profiles'!$G$20=$B$24,21,0),0)),0)</f>
        <v>0</v>
      </c>
      <c r="G2695" cm="1">
        <f t="array" ref="G2695">IFERROR(INDEX(Jesper!AK$2:AK$366,ROUNDDOWN($C2695/24,0)+1,1)*INDEX($D$3:$AA$30,INDEX(Jesper!$R$2:$R$366,ROW(INDEX(Jesper!AK$2:AK$366,ROUNDDOWN($C2695/24,0)+1,1))-1)+IF('Standard Profiles'!$G$21=$B$10,7,0)+IF('Standard Profiles'!$G$21=$B$17,14,0)+IF('Standard Profiles'!$G$21=$B$24,21,0),MOD($C2695,24)+1)/SUM(INDEX($D$3:$AA$30,INDEX(Jesper!$R$2:$R$366,ROW(INDEX(Jesper!AK$2:AK$366,ROUNDDOWN($C2695/24,0)+1,1))-1)+IF('Standard Profiles'!$G$21=$B$10,7,0)+IF('Standard Profiles'!$G$21=$B$17,14,0)+IF('Standard Profiles'!$G$21=$B$24,21,0),0)),0)</f>
        <v>0</v>
      </c>
      <c r="H2695" cm="1">
        <f t="array" ref="H2695">IFERROR(INDEX(Jesper!AL$2:AL$366,ROUNDDOWN($C2695/24,0)+1,1)*INDEX($D$3:$AA$30,INDEX(Jesper!$R$2:$R$366,ROW(INDEX(Jesper!AL$2:AL$366,ROUNDDOWN($C2695/24,0)+1,1))-1)+IF('Standard Profiles'!$G$22=$B$10,7,0)+IF('Standard Profiles'!$G$22=$B$17,14,0)+IF('Standard Profiles'!$G$22=$B$24,21,0),MOD($C2695,24)+1)/SUM(INDEX($D$3:$AA$30,INDEX(Jesper!$R$2:$R$366,ROW(INDEX(Jesper!AL$2:AL$366,ROUNDDOWN($C2695/24,0)+1,1))-1)+IF('Standard Profiles'!$G$22=$B$10,7,0)+IF('Standard Profiles'!$G$22=$B$17,14,0)+IF('Standard Profiles'!$G$22=$B$24,21,0),0)),0)</f>
        <v>0</v>
      </c>
      <c r="I2695">
        <f t="shared" si="307"/>
        <v>9.1297535216764578E-2</v>
      </c>
      <c r="J2695">
        <f t="shared" si="308"/>
        <v>0.3043251173892153</v>
      </c>
      <c r="K2695">
        <f t="shared" si="309"/>
        <v>0.45648767608382296</v>
      </c>
      <c r="L2695">
        <f t="shared" si="310"/>
        <v>5.6719156492524379</v>
      </c>
      <c r="M2695">
        <f t="shared" si="311"/>
        <v>0</v>
      </c>
      <c r="N2695" s="46">
        <f t="shared" si="312"/>
        <v>45402.874999993546</v>
      </c>
    </row>
    <row r="2696" spans="2:14" x14ac:dyDescent="0.3">
      <c r="B2696">
        <f t="shared" si="306"/>
        <v>6</v>
      </c>
      <c r="C2696" s="16">
        <v>2662</v>
      </c>
      <c r="D2696" cm="1">
        <f t="array" ref="D2696">IFERROR(INDEX(Jesper!AH$2:AH$366,ROUNDDOWN($C2696/24,0)+1,1)*INDEX($D$3:$AA$30,INDEX(Jesper!$R$2:$R$366,ROW(INDEX(Jesper!AH$2:AH$366,ROUNDDOWN($C2696/24,0)+1,1))-1)+IF('Standard Profiles'!$G$18=$B$10,7,0)+IF('Standard Profiles'!$G$18=$B$17,14,0)+IF('Standard Profiles'!$G$18=$B$24,21,0),MOD($C2696,24)+1)/SUM(INDEX($D$3:$AA$30,INDEX(Jesper!$R$2:$R$366,ROW(INDEX(Jesper!AH$2:AH$366,ROUNDDOWN($C2696/24,0)+1,1))-1)+IF('Standard Profiles'!$G$18=$B$10,7,0)+IF('Standard Profiles'!$G$18=$B$17,14,0)+IF('Standard Profiles'!$G$18=$B$24,21,0),0)),0)</f>
        <v>5.5106233370361544</v>
      </c>
      <c r="E2696" cm="1">
        <f t="array" ref="E2696">IFERROR(INDEX(Jesper!AI$2:AI$366,ROUNDDOWN($C2696/24,0)+1,1)*INDEX($D$3:$AA$30,INDEX(Jesper!$R$2:$R$366,ROW(INDEX(Jesper!AI$2:AI$366,ROUNDDOWN($C2696/24,0)+1,1))-1)+IF('Standard Profiles'!$G$19=$B$10,7,0)+IF('Standard Profiles'!$G$19=$B$17,14,0)+IF('Standard Profiles'!$G$19=$B$24,21,0),MOD($C2696,24)+1)/SUM(INDEX($D$3:$AA$30,INDEX(Jesper!$R$2:$R$366,ROW(INDEX(Jesper!AI$2:AI$366,ROUNDDOWN($C2696/24,0)+1,1))-1)+IF('Standard Profiles'!$G$19=$B$10,7,0)+IF('Standard Profiles'!$G$19=$B$17,14,0)+IF('Standard Profiles'!$G$19=$B$24,21,0),0)),0)</f>
        <v>1.0134026409060866</v>
      </c>
      <c r="F2696" cm="1">
        <f t="array" ref="F2696">IFERROR(INDEX(Jesper!AJ$2:AJ$366,ROUNDDOWN($C2696/24,0)+1,1)*INDEX($D$3:$AA$30,INDEX(Jesper!$R$2:$R$366,ROW(INDEX(Jesper!AJ$2:AJ$366,ROUNDDOWN($C2696/24,0)+1,1))-1)+IF('Standard Profiles'!$G$20=$B$10,7,0)+IF('Standard Profiles'!$G$20=$B$17,14,0)+IF('Standard Profiles'!$G$20=$B$24,21,0),MOD($C2696,24)+1)/SUM(INDEX($D$3:$AA$30,INDEX(Jesper!$R$2:$R$366,ROW(INDEX(Jesper!AJ$2:AJ$366,ROUNDDOWN($C2696/24,0)+1,1))-1)+IF('Standard Profiles'!$G$20=$B$10,7,0)+IF('Standard Profiles'!$G$20=$B$17,14,0)+IF('Standard Profiles'!$G$20=$B$24,21,0),0)),0)</f>
        <v>0</v>
      </c>
      <c r="G2696" cm="1">
        <f t="array" ref="G2696">IFERROR(INDEX(Jesper!AK$2:AK$366,ROUNDDOWN($C2696/24,0)+1,1)*INDEX($D$3:$AA$30,INDEX(Jesper!$R$2:$R$366,ROW(INDEX(Jesper!AK$2:AK$366,ROUNDDOWN($C2696/24,0)+1,1))-1)+IF('Standard Profiles'!$G$21=$B$10,7,0)+IF('Standard Profiles'!$G$21=$B$17,14,0)+IF('Standard Profiles'!$G$21=$B$24,21,0),MOD($C2696,24)+1)/SUM(INDEX($D$3:$AA$30,INDEX(Jesper!$R$2:$R$366,ROW(INDEX(Jesper!AK$2:AK$366,ROUNDDOWN($C2696/24,0)+1,1))-1)+IF('Standard Profiles'!$G$21=$B$10,7,0)+IF('Standard Profiles'!$G$21=$B$17,14,0)+IF('Standard Profiles'!$G$21=$B$24,21,0),0)),0)</f>
        <v>0</v>
      </c>
      <c r="H2696" cm="1">
        <f t="array" ref="H2696">IFERROR(INDEX(Jesper!AL$2:AL$366,ROUNDDOWN($C2696/24,0)+1,1)*INDEX($D$3:$AA$30,INDEX(Jesper!$R$2:$R$366,ROW(INDEX(Jesper!AL$2:AL$366,ROUNDDOWN($C2696/24,0)+1,1))-1)+IF('Standard Profiles'!$G$22=$B$10,7,0)+IF('Standard Profiles'!$G$22=$B$17,14,0)+IF('Standard Profiles'!$G$22=$B$24,21,0),MOD($C2696,24)+1)/SUM(INDEX($D$3:$AA$30,INDEX(Jesper!$R$2:$R$366,ROW(INDEX(Jesper!AL$2:AL$366,ROUNDDOWN($C2696/24,0)+1,1))-1)+IF('Standard Profiles'!$G$22=$B$10,7,0)+IF('Standard Profiles'!$G$22=$B$17,14,0)+IF('Standard Profiles'!$G$22=$B$24,21,0),0)),0)</f>
        <v>0</v>
      </c>
      <c r="I2696">
        <f t="shared" si="307"/>
        <v>9.1297535216764578E-2</v>
      </c>
      <c r="J2696">
        <f t="shared" si="308"/>
        <v>0.3043251173892153</v>
      </c>
      <c r="K2696">
        <f t="shared" si="309"/>
        <v>0.45648767608382296</v>
      </c>
      <c r="L2696">
        <f t="shared" si="310"/>
        <v>5.6719156492524379</v>
      </c>
      <c r="M2696">
        <f t="shared" si="311"/>
        <v>0</v>
      </c>
      <c r="N2696" s="46">
        <f t="shared" si="312"/>
        <v>45402.91666666021</v>
      </c>
    </row>
    <row r="2697" spans="2:14" x14ac:dyDescent="0.3">
      <c r="B2697">
        <f t="shared" si="306"/>
        <v>6</v>
      </c>
      <c r="C2697" s="16">
        <v>2663</v>
      </c>
      <c r="D2697" cm="1">
        <f t="array" ref="D2697">IFERROR(INDEX(Jesper!AH$2:AH$366,ROUNDDOWN($C2697/24,0)+1,1)*INDEX($D$3:$AA$30,INDEX(Jesper!$R$2:$R$366,ROW(INDEX(Jesper!AH$2:AH$366,ROUNDDOWN($C2697/24,0)+1,1))-1)+IF('Standard Profiles'!$G$18=$B$10,7,0)+IF('Standard Profiles'!$G$18=$B$17,14,0)+IF('Standard Profiles'!$G$18=$B$24,21,0),MOD($C2697,24)+1)/SUM(INDEX($D$3:$AA$30,INDEX(Jesper!$R$2:$R$366,ROW(INDEX(Jesper!AH$2:AH$366,ROUNDDOWN($C2697/24,0)+1,1))-1)+IF('Standard Profiles'!$G$18=$B$10,7,0)+IF('Standard Profiles'!$G$18=$B$17,14,0)+IF('Standard Profiles'!$G$18=$B$24,21,0),0)),0)</f>
        <v>5.5106233370361544</v>
      </c>
      <c r="E2697" cm="1">
        <f t="array" ref="E2697">IFERROR(INDEX(Jesper!AI$2:AI$366,ROUNDDOWN($C2697/24,0)+1,1)*INDEX($D$3:$AA$30,INDEX(Jesper!$R$2:$R$366,ROW(INDEX(Jesper!AI$2:AI$366,ROUNDDOWN($C2697/24,0)+1,1))-1)+IF('Standard Profiles'!$G$19=$B$10,7,0)+IF('Standard Profiles'!$G$19=$B$17,14,0)+IF('Standard Profiles'!$G$19=$B$24,21,0),MOD($C2697,24)+1)/SUM(INDEX($D$3:$AA$30,INDEX(Jesper!$R$2:$R$366,ROW(INDEX(Jesper!AI$2:AI$366,ROUNDDOWN($C2697/24,0)+1,1))-1)+IF('Standard Profiles'!$G$19=$B$10,7,0)+IF('Standard Profiles'!$G$19=$B$17,14,0)+IF('Standard Profiles'!$G$19=$B$24,21,0),0)),0)</f>
        <v>1.0134026409060866</v>
      </c>
      <c r="F2697" cm="1">
        <f t="array" ref="F2697">IFERROR(INDEX(Jesper!AJ$2:AJ$366,ROUNDDOWN($C2697/24,0)+1,1)*INDEX($D$3:$AA$30,INDEX(Jesper!$R$2:$R$366,ROW(INDEX(Jesper!AJ$2:AJ$366,ROUNDDOWN($C2697/24,0)+1,1))-1)+IF('Standard Profiles'!$G$20=$B$10,7,0)+IF('Standard Profiles'!$G$20=$B$17,14,0)+IF('Standard Profiles'!$G$20=$B$24,21,0),MOD($C2697,24)+1)/SUM(INDEX($D$3:$AA$30,INDEX(Jesper!$R$2:$R$366,ROW(INDEX(Jesper!AJ$2:AJ$366,ROUNDDOWN($C2697/24,0)+1,1))-1)+IF('Standard Profiles'!$G$20=$B$10,7,0)+IF('Standard Profiles'!$G$20=$B$17,14,0)+IF('Standard Profiles'!$G$20=$B$24,21,0),0)),0)</f>
        <v>0</v>
      </c>
      <c r="G2697" cm="1">
        <f t="array" ref="G2697">IFERROR(INDEX(Jesper!AK$2:AK$366,ROUNDDOWN($C2697/24,0)+1,1)*INDEX($D$3:$AA$30,INDEX(Jesper!$R$2:$R$366,ROW(INDEX(Jesper!AK$2:AK$366,ROUNDDOWN($C2697/24,0)+1,1))-1)+IF('Standard Profiles'!$G$21=$B$10,7,0)+IF('Standard Profiles'!$G$21=$B$17,14,0)+IF('Standard Profiles'!$G$21=$B$24,21,0),MOD($C2697,24)+1)/SUM(INDEX($D$3:$AA$30,INDEX(Jesper!$R$2:$R$366,ROW(INDEX(Jesper!AK$2:AK$366,ROUNDDOWN($C2697/24,0)+1,1))-1)+IF('Standard Profiles'!$G$21=$B$10,7,0)+IF('Standard Profiles'!$G$21=$B$17,14,0)+IF('Standard Profiles'!$G$21=$B$24,21,0),0)),0)</f>
        <v>0</v>
      </c>
      <c r="H2697" cm="1">
        <f t="array" ref="H2697">IFERROR(INDEX(Jesper!AL$2:AL$366,ROUNDDOWN($C2697/24,0)+1,1)*INDEX($D$3:$AA$30,INDEX(Jesper!$R$2:$R$366,ROW(INDEX(Jesper!AL$2:AL$366,ROUNDDOWN($C2697/24,0)+1,1))-1)+IF('Standard Profiles'!$G$22=$B$10,7,0)+IF('Standard Profiles'!$G$22=$B$17,14,0)+IF('Standard Profiles'!$G$22=$B$24,21,0),MOD($C2697,24)+1)/SUM(INDEX($D$3:$AA$30,INDEX(Jesper!$R$2:$R$366,ROW(INDEX(Jesper!AL$2:AL$366,ROUNDDOWN($C2697/24,0)+1,1))-1)+IF('Standard Profiles'!$G$22=$B$10,7,0)+IF('Standard Profiles'!$G$22=$B$17,14,0)+IF('Standard Profiles'!$G$22=$B$24,21,0),0)),0)</f>
        <v>0</v>
      </c>
      <c r="I2697">
        <f t="shared" si="307"/>
        <v>9.1297535216764578E-2</v>
      </c>
      <c r="J2697">
        <f t="shared" si="308"/>
        <v>0.3043251173892153</v>
      </c>
      <c r="K2697">
        <f t="shared" si="309"/>
        <v>0.45648767608382296</v>
      </c>
      <c r="L2697">
        <f t="shared" si="310"/>
        <v>5.6719156492524379</v>
      </c>
      <c r="M2697">
        <f t="shared" si="311"/>
        <v>0</v>
      </c>
      <c r="N2697" s="46">
        <f t="shared" si="312"/>
        <v>45402.958333326875</v>
      </c>
    </row>
    <row r="2698" spans="2:14" x14ac:dyDescent="0.3">
      <c r="B2698">
        <f t="shared" si="306"/>
        <v>7</v>
      </c>
      <c r="C2698" s="16">
        <v>2664</v>
      </c>
      <c r="D2698" cm="1">
        <f t="array" ref="D2698">IFERROR(INDEX(Jesper!AH$2:AH$366,ROUNDDOWN($C2698/24,0)+1,1)*INDEX($D$3:$AA$30,INDEX(Jesper!$R$2:$R$366,ROW(INDEX(Jesper!AH$2:AH$366,ROUNDDOWN($C2698/24,0)+1,1))-1)+IF('Standard Profiles'!$G$18=$B$10,7,0)+IF('Standard Profiles'!$G$18=$B$17,14,0)+IF('Standard Profiles'!$G$18=$B$24,21,0),MOD($C2698,24)+1)/SUM(INDEX($D$3:$AA$30,INDEX(Jesper!$R$2:$R$366,ROW(INDEX(Jesper!AH$2:AH$366,ROUNDDOWN($C2698/24,0)+1,1))-1)+IF('Standard Profiles'!$G$18=$B$10,7,0)+IF('Standard Profiles'!$G$18=$B$17,14,0)+IF('Standard Profiles'!$G$18=$B$24,21,0),0)),0)</f>
        <v>6.6167135456796693</v>
      </c>
      <c r="E2698" cm="1">
        <f t="array" ref="E2698">IFERROR(INDEX(Jesper!AI$2:AI$366,ROUNDDOWN($C2698/24,0)+1,1)*INDEX($D$3:$AA$30,INDEX(Jesper!$R$2:$R$366,ROW(INDEX(Jesper!AI$2:AI$366,ROUNDDOWN($C2698/24,0)+1,1))-1)+IF('Standard Profiles'!$G$19=$B$10,7,0)+IF('Standard Profiles'!$G$19=$B$17,14,0)+IF('Standard Profiles'!$G$19=$B$24,21,0),MOD($C2698,24)+1)/SUM(INDEX($D$3:$AA$30,INDEX(Jesper!$R$2:$R$366,ROW(INDEX(Jesper!AI$2:AI$366,ROUNDDOWN($C2698/24,0)+1,1))-1)+IF('Standard Profiles'!$G$19=$B$10,7,0)+IF('Standard Profiles'!$G$19=$B$17,14,0)+IF('Standard Profiles'!$G$19=$B$24,21,0),0)),0)</f>
        <v>1.340633919386035</v>
      </c>
      <c r="F2698" cm="1">
        <f t="array" ref="F2698">IFERROR(INDEX(Jesper!AJ$2:AJ$366,ROUNDDOWN($C2698/24,0)+1,1)*INDEX($D$3:$AA$30,INDEX(Jesper!$R$2:$R$366,ROW(INDEX(Jesper!AJ$2:AJ$366,ROUNDDOWN($C2698/24,0)+1,1))-1)+IF('Standard Profiles'!$G$20=$B$10,7,0)+IF('Standard Profiles'!$G$20=$B$17,14,0)+IF('Standard Profiles'!$G$20=$B$24,21,0),MOD($C2698,24)+1)/SUM(INDEX($D$3:$AA$30,INDEX(Jesper!$R$2:$R$366,ROW(INDEX(Jesper!AJ$2:AJ$366,ROUNDDOWN($C2698/24,0)+1,1))-1)+IF('Standard Profiles'!$G$20=$B$10,7,0)+IF('Standard Profiles'!$G$20=$B$17,14,0)+IF('Standard Profiles'!$G$20=$B$24,21,0),0)),0)</f>
        <v>0</v>
      </c>
      <c r="G2698" cm="1">
        <f t="array" ref="G2698">IFERROR(INDEX(Jesper!AK$2:AK$366,ROUNDDOWN($C2698/24,0)+1,1)*INDEX($D$3:$AA$30,INDEX(Jesper!$R$2:$R$366,ROW(INDEX(Jesper!AK$2:AK$366,ROUNDDOWN($C2698/24,0)+1,1))-1)+IF('Standard Profiles'!$G$21=$B$10,7,0)+IF('Standard Profiles'!$G$21=$B$17,14,0)+IF('Standard Profiles'!$G$21=$B$24,21,0),MOD($C2698,24)+1)/SUM(INDEX($D$3:$AA$30,INDEX(Jesper!$R$2:$R$366,ROW(INDEX(Jesper!AK$2:AK$366,ROUNDDOWN($C2698/24,0)+1,1))-1)+IF('Standard Profiles'!$G$21=$B$10,7,0)+IF('Standard Profiles'!$G$21=$B$17,14,0)+IF('Standard Profiles'!$G$21=$B$24,21,0),0)),0)</f>
        <v>0</v>
      </c>
      <c r="H2698" cm="1">
        <f t="array" ref="H2698">IFERROR(INDEX(Jesper!AL$2:AL$366,ROUNDDOWN($C2698/24,0)+1,1)*INDEX($D$3:$AA$30,INDEX(Jesper!$R$2:$R$366,ROW(INDEX(Jesper!AL$2:AL$366,ROUNDDOWN($C2698/24,0)+1,1))-1)+IF('Standard Profiles'!$G$22=$B$10,7,0)+IF('Standard Profiles'!$G$22=$B$17,14,0)+IF('Standard Profiles'!$G$22=$B$24,21,0),MOD($C2698,24)+1)/SUM(INDEX($D$3:$AA$30,INDEX(Jesper!$R$2:$R$366,ROW(INDEX(Jesper!AL$2:AL$366,ROUNDDOWN($C2698/24,0)+1,1))-1)+IF('Standard Profiles'!$G$22=$B$10,7,0)+IF('Standard Profiles'!$G$22=$B$17,14,0)+IF('Standard Profiles'!$G$22=$B$24,21,0),0)),0)</f>
        <v>0</v>
      </c>
      <c r="I2698">
        <f t="shared" si="307"/>
        <v>0.1207778305753185</v>
      </c>
      <c r="J2698">
        <f t="shared" si="308"/>
        <v>0.40259276858439508</v>
      </c>
      <c r="K2698">
        <f t="shared" si="309"/>
        <v>0.60388915287659262</v>
      </c>
      <c r="L2698">
        <f t="shared" si="310"/>
        <v>6.830087713029398</v>
      </c>
      <c r="M2698">
        <f t="shared" si="311"/>
        <v>0</v>
      </c>
      <c r="N2698" s="46">
        <f t="shared" si="312"/>
        <v>45402.999999993539</v>
      </c>
    </row>
    <row r="2699" spans="2:14" x14ac:dyDescent="0.3">
      <c r="B2699">
        <f t="shared" si="306"/>
        <v>7</v>
      </c>
      <c r="C2699" s="16">
        <v>2665</v>
      </c>
      <c r="D2699" cm="1">
        <f t="array" ref="D2699">IFERROR(INDEX(Jesper!AH$2:AH$366,ROUNDDOWN($C2699/24,0)+1,1)*INDEX($D$3:$AA$30,INDEX(Jesper!$R$2:$R$366,ROW(INDEX(Jesper!AH$2:AH$366,ROUNDDOWN($C2699/24,0)+1,1))-1)+IF('Standard Profiles'!$G$18=$B$10,7,0)+IF('Standard Profiles'!$G$18=$B$17,14,0)+IF('Standard Profiles'!$G$18=$B$24,21,0),MOD($C2699,24)+1)/SUM(INDEX($D$3:$AA$30,INDEX(Jesper!$R$2:$R$366,ROW(INDEX(Jesper!AH$2:AH$366,ROUNDDOWN($C2699/24,0)+1,1))-1)+IF('Standard Profiles'!$G$18=$B$10,7,0)+IF('Standard Profiles'!$G$18=$B$17,14,0)+IF('Standard Profiles'!$G$18=$B$24,21,0),0)),0)</f>
        <v>7.6839254078860684</v>
      </c>
      <c r="E2699" cm="1">
        <f t="array" ref="E2699">IFERROR(INDEX(Jesper!AI$2:AI$366,ROUNDDOWN($C2699/24,0)+1,1)*INDEX($D$3:$AA$30,INDEX(Jesper!$R$2:$R$366,ROW(INDEX(Jesper!AI$2:AI$366,ROUNDDOWN($C2699/24,0)+1,1))-1)+IF('Standard Profiles'!$G$19=$B$10,7,0)+IF('Standard Profiles'!$G$19=$B$17,14,0)+IF('Standard Profiles'!$G$19=$B$24,21,0),MOD($C2699,24)+1)/SUM(INDEX($D$3:$AA$30,INDEX(Jesper!$R$2:$R$366,ROW(INDEX(Jesper!AI$2:AI$366,ROUNDDOWN($C2699/24,0)+1,1))-1)+IF('Standard Profiles'!$G$19=$B$10,7,0)+IF('Standard Profiles'!$G$19=$B$17,14,0)+IF('Standard Profiles'!$G$19=$B$24,21,0),0)),0)</f>
        <v>1.5568651967063631</v>
      </c>
      <c r="F2699" cm="1">
        <f t="array" ref="F2699">IFERROR(INDEX(Jesper!AJ$2:AJ$366,ROUNDDOWN($C2699/24,0)+1,1)*INDEX($D$3:$AA$30,INDEX(Jesper!$R$2:$R$366,ROW(INDEX(Jesper!AJ$2:AJ$366,ROUNDDOWN($C2699/24,0)+1,1))-1)+IF('Standard Profiles'!$G$20=$B$10,7,0)+IF('Standard Profiles'!$G$20=$B$17,14,0)+IF('Standard Profiles'!$G$20=$B$24,21,0),MOD($C2699,24)+1)/SUM(INDEX($D$3:$AA$30,INDEX(Jesper!$R$2:$R$366,ROW(INDEX(Jesper!AJ$2:AJ$366,ROUNDDOWN($C2699/24,0)+1,1))-1)+IF('Standard Profiles'!$G$20=$B$10,7,0)+IF('Standard Profiles'!$G$20=$B$17,14,0)+IF('Standard Profiles'!$G$20=$B$24,21,0),0)),0)</f>
        <v>0</v>
      </c>
      <c r="G2699" cm="1">
        <f t="array" ref="G2699">IFERROR(INDEX(Jesper!AK$2:AK$366,ROUNDDOWN($C2699/24,0)+1,1)*INDEX($D$3:$AA$30,INDEX(Jesper!$R$2:$R$366,ROW(INDEX(Jesper!AK$2:AK$366,ROUNDDOWN($C2699/24,0)+1,1))-1)+IF('Standard Profiles'!$G$21=$B$10,7,0)+IF('Standard Profiles'!$G$21=$B$17,14,0)+IF('Standard Profiles'!$G$21=$B$24,21,0),MOD($C2699,24)+1)/SUM(INDEX($D$3:$AA$30,INDEX(Jesper!$R$2:$R$366,ROW(INDEX(Jesper!AK$2:AK$366,ROUNDDOWN($C2699/24,0)+1,1))-1)+IF('Standard Profiles'!$G$21=$B$10,7,0)+IF('Standard Profiles'!$G$21=$B$17,14,0)+IF('Standard Profiles'!$G$21=$B$24,21,0),0)),0)</f>
        <v>0</v>
      </c>
      <c r="H2699" cm="1">
        <f t="array" ref="H2699">IFERROR(INDEX(Jesper!AL$2:AL$366,ROUNDDOWN($C2699/24,0)+1,1)*INDEX($D$3:$AA$30,INDEX(Jesper!$R$2:$R$366,ROW(INDEX(Jesper!AL$2:AL$366,ROUNDDOWN($C2699/24,0)+1,1))-1)+IF('Standard Profiles'!$G$22=$B$10,7,0)+IF('Standard Profiles'!$G$22=$B$17,14,0)+IF('Standard Profiles'!$G$22=$B$24,21,0),MOD($C2699,24)+1)/SUM(INDEX($D$3:$AA$30,INDEX(Jesper!$R$2:$R$366,ROW(INDEX(Jesper!AL$2:AL$366,ROUNDDOWN($C2699/24,0)+1,1))-1)+IF('Standard Profiles'!$G$22=$B$10,7,0)+IF('Standard Profiles'!$G$22=$B$17,14,0)+IF('Standard Profiles'!$G$22=$B$24,21,0),0)),0)</f>
        <v>0</v>
      </c>
      <c r="I2699">
        <f t="shared" si="307"/>
        <v>0.14025812582940211</v>
      </c>
      <c r="J2699">
        <f t="shared" si="308"/>
        <v>0.46752708609800714</v>
      </c>
      <c r="K2699">
        <f t="shared" si="309"/>
        <v>0.70129062914701068</v>
      </c>
      <c r="L2699">
        <f t="shared" si="310"/>
        <v>7.9317147635180119</v>
      </c>
      <c r="M2699">
        <f t="shared" si="311"/>
        <v>0</v>
      </c>
      <c r="N2699" s="46">
        <f t="shared" si="312"/>
        <v>45403.041666660203</v>
      </c>
    </row>
    <row r="2700" spans="2:14" x14ac:dyDescent="0.3">
      <c r="B2700">
        <f t="shared" si="306"/>
        <v>7</v>
      </c>
      <c r="C2700" s="16">
        <v>2666</v>
      </c>
      <c r="D2700" cm="1">
        <f t="array" ref="D2700">IFERROR(INDEX(Jesper!AH$2:AH$366,ROUNDDOWN($C2700/24,0)+1,1)*INDEX($D$3:$AA$30,INDEX(Jesper!$R$2:$R$366,ROW(INDEX(Jesper!AH$2:AH$366,ROUNDDOWN($C2700/24,0)+1,1))-1)+IF('Standard Profiles'!$G$18=$B$10,7,0)+IF('Standard Profiles'!$G$18=$B$17,14,0)+IF('Standard Profiles'!$G$18=$B$24,21,0),MOD($C2700,24)+1)/SUM(INDEX($D$3:$AA$30,INDEX(Jesper!$R$2:$R$366,ROW(INDEX(Jesper!AH$2:AH$366,ROUNDDOWN($C2700/24,0)+1,1))-1)+IF('Standard Profiles'!$G$18=$B$10,7,0)+IF('Standard Profiles'!$G$18=$B$17,14,0)+IF('Standard Profiles'!$G$18=$B$24,21,0),0)),0)</f>
        <v>7.6839254078860684</v>
      </c>
      <c r="E2700" cm="1">
        <f t="array" ref="E2700">IFERROR(INDEX(Jesper!AI$2:AI$366,ROUNDDOWN($C2700/24,0)+1,1)*INDEX($D$3:$AA$30,INDEX(Jesper!$R$2:$R$366,ROW(INDEX(Jesper!AI$2:AI$366,ROUNDDOWN($C2700/24,0)+1,1))-1)+IF('Standard Profiles'!$G$19=$B$10,7,0)+IF('Standard Profiles'!$G$19=$B$17,14,0)+IF('Standard Profiles'!$G$19=$B$24,21,0),MOD($C2700,24)+1)/SUM(INDEX($D$3:$AA$30,INDEX(Jesper!$R$2:$R$366,ROW(INDEX(Jesper!AI$2:AI$366,ROUNDDOWN($C2700/24,0)+1,1))-1)+IF('Standard Profiles'!$G$19=$B$10,7,0)+IF('Standard Profiles'!$G$19=$B$17,14,0)+IF('Standard Profiles'!$G$19=$B$24,21,0),0)),0)</f>
        <v>1.5568651967063631</v>
      </c>
      <c r="F2700" cm="1">
        <f t="array" ref="F2700">IFERROR(INDEX(Jesper!AJ$2:AJ$366,ROUNDDOWN($C2700/24,0)+1,1)*INDEX($D$3:$AA$30,INDEX(Jesper!$R$2:$R$366,ROW(INDEX(Jesper!AJ$2:AJ$366,ROUNDDOWN($C2700/24,0)+1,1))-1)+IF('Standard Profiles'!$G$20=$B$10,7,0)+IF('Standard Profiles'!$G$20=$B$17,14,0)+IF('Standard Profiles'!$G$20=$B$24,21,0),MOD($C2700,24)+1)/SUM(INDEX($D$3:$AA$30,INDEX(Jesper!$R$2:$R$366,ROW(INDEX(Jesper!AJ$2:AJ$366,ROUNDDOWN($C2700/24,0)+1,1))-1)+IF('Standard Profiles'!$G$20=$B$10,7,0)+IF('Standard Profiles'!$G$20=$B$17,14,0)+IF('Standard Profiles'!$G$20=$B$24,21,0),0)),0)</f>
        <v>0</v>
      </c>
      <c r="G2700" cm="1">
        <f t="array" ref="G2700">IFERROR(INDEX(Jesper!AK$2:AK$366,ROUNDDOWN($C2700/24,0)+1,1)*INDEX($D$3:$AA$30,INDEX(Jesper!$R$2:$R$366,ROW(INDEX(Jesper!AK$2:AK$366,ROUNDDOWN($C2700/24,0)+1,1))-1)+IF('Standard Profiles'!$G$21=$B$10,7,0)+IF('Standard Profiles'!$G$21=$B$17,14,0)+IF('Standard Profiles'!$G$21=$B$24,21,0),MOD($C2700,24)+1)/SUM(INDEX($D$3:$AA$30,INDEX(Jesper!$R$2:$R$366,ROW(INDEX(Jesper!AK$2:AK$366,ROUNDDOWN($C2700/24,0)+1,1))-1)+IF('Standard Profiles'!$G$21=$B$10,7,0)+IF('Standard Profiles'!$G$21=$B$17,14,0)+IF('Standard Profiles'!$G$21=$B$24,21,0),0)),0)</f>
        <v>0</v>
      </c>
      <c r="H2700" cm="1">
        <f t="array" ref="H2700">IFERROR(INDEX(Jesper!AL$2:AL$366,ROUNDDOWN($C2700/24,0)+1,1)*INDEX($D$3:$AA$30,INDEX(Jesper!$R$2:$R$366,ROW(INDEX(Jesper!AL$2:AL$366,ROUNDDOWN($C2700/24,0)+1,1))-1)+IF('Standard Profiles'!$G$22=$B$10,7,0)+IF('Standard Profiles'!$G$22=$B$17,14,0)+IF('Standard Profiles'!$G$22=$B$24,21,0),MOD($C2700,24)+1)/SUM(INDEX($D$3:$AA$30,INDEX(Jesper!$R$2:$R$366,ROW(INDEX(Jesper!AL$2:AL$366,ROUNDDOWN($C2700/24,0)+1,1))-1)+IF('Standard Profiles'!$G$22=$B$10,7,0)+IF('Standard Profiles'!$G$22=$B$17,14,0)+IF('Standard Profiles'!$G$22=$B$24,21,0),0)),0)</f>
        <v>0</v>
      </c>
      <c r="I2700">
        <f t="shared" si="307"/>
        <v>0.14025812582940211</v>
      </c>
      <c r="J2700">
        <f t="shared" si="308"/>
        <v>0.46752708609800714</v>
      </c>
      <c r="K2700">
        <f t="shared" si="309"/>
        <v>0.70129062914701068</v>
      </c>
      <c r="L2700">
        <f t="shared" si="310"/>
        <v>7.9317147635180119</v>
      </c>
      <c r="M2700">
        <f t="shared" si="311"/>
        <v>0</v>
      </c>
      <c r="N2700" s="46">
        <f t="shared" si="312"/>
        <v>45403.083333326867</v>
      </c>
    </row>
    <row r="2701" spans="2:14" x14ac:dyDescent="0.3">
      <c r="B2701">
        <f t="shared" si="306"/>
        <v>7</v>
      </c>
      <c r="C2701" s="16">
        <v>2667</v>
      </c>
      <c r="D2701" cm="1">
        <f t="array" ref="D2701">IFERROR(INDEX(Jesper!AH$2:AH$366,ROUNDDOWN($C2701/24,0)+1,1)*INDEX($D$3:$AA$30,INDEX(Jesper!$R$2:$R$366,ROW(INDEX(Jesper!AH$2:AH$366,ROUNDDOWN($C2701/24,0)+1,1))-1)+IF('Standard Profiles'!$G$18=$B$10,7,0)+IF('Standard Profiles'!$G$18=$B$17,14,0)+IF('Standard Profiles'!$G$18=$B$24,21,0),MOD($C2701,24)+1)/SUM(INDEX($D$3:$AA$30,INDEX(Jesper!$R$2:$R$366,ROW(INDEX(Jesper!AH$2:AH$366,ROUNDDOWN($C2701/24,0)+1,1))-1)+IF('Standard Profiles'!$G$18=$B$10,7,0)+IF('Standard Profiles'!$G$18=$B$17,14,0)+IF('Standard Profiles'!$G$18=$B$24,21,0),0)),0)</f>
        <v>7.6839254078860684</v>
      </c>
      <c r="E2701" cm="1">
        <f t="array" ref="E2701">IFERROR(INDEX(Jesper!AI$2:AI$366,ROUNDDOWN($C2701/24,0)+1,1)*INDEX($D$3:$AA$30,INDEX(Jesper!$R$2:$R$366,ROW(INDEX(Jesper!AI$2:AI$366,ROUNDDOWN($C2701/24,0)+1,1))-1)+IF('Standard Profiles'!$G$19=$B$10,7,0)+IF('Standard Profiles'!$G$19=$B$17,14,0)+IF('Standard Profiles'!$G$19=$B$24,21,0),MOD($C2701,24)+1)/SUM(INDEX($D$3:$AA$30,INDEX(Jesper!$R$2:$R$366,ROW(INDEX(Jesper!AI$2:AI$366,ROUNDDOWN($C2701/24,0)+1,1))-1)+IF('Standard Profiles'!$G$19=$B$10,7,0)+IF('Standard Profiles'!$G$19=$B$17,14,0)+IF('Standard Profiles'!$G$19=$B$24,21,0),0)),0)</f>
        <v>1.5568651967063631</v>
      </c>
      <c r="F2701" cm="1">
        <f t="array" ref="F2701">IFERROR(INDEX(Jesper!AJ$2:AJ$366,ROUNDDOWN($C2701/24,0)+1,1)*INDEX($D$3:$AA$30,INDEX(Jesper!$R$2:$R$366,ROW(INDEX(Jesper!AJ$2:AJ$366,ROUNDDOWN($C2701/24,0)+1,1))-1)+IF('Standard Profiles'!$G$20=$B$10,7,0)+IF('Standard Profiles'!$G$20=$B$17,14,0)+IF('Standard Profiles'!$G$20=$B$24,21,0),MOD($C2701,24)+1)/SUM(INDEX($D$3:$AA$30,INDEX(Jesper!$R$2:$R$366,ROW(INDEX(Jesper!AJ$2:AJ$366,ROUNDDOWN($C2701/24,0)+1,1))-1)+IF('Standard Profiles'!$G$20=$B$10,7,0)+IF('Standard Profiles'!$G$20=$B$17,14,0)+IF('Standard Profiles'!$G$20=$B$24,21,0),0)),0)</f>
        <v>0</v>
      </c>
      <c r="G2701" cm="1">
        <f t="array" ref="G2701">IFERROR(INDEX(Jesper!AK$2:AK$366,ROUNDDOWN($C2701/24,0)+1,1)*INDEX($D$3:$AA$30,INDEX(Jesper!$R$2:$R$366,ROW(INDEX(Jesper!AK$2:AK$366,ROUNDDOWN($C2701/24,0)+1,1))-1)+IF('Standard Profiles'!$G$21=$B$10,7,0)+IF('Standard Profiles'!$G$21=$B$17,14,0)+IF('Standard Profiles'!$G$21=$B$24,21,0),MOD($C2701,24)+1)/SUM(INDEX($D$3:$AA$30,INDEX(Jesper!$R$2:$R$366,ROW(INDEX(Jesper!AK$2:AK$366,ROUNDDOWN($C2701/24,0)+1,1))-1)+IF('Standard Profiles'!$G$21=$B$10,7,0)+IF('Standard Profiles'!$G$21=$B$17,14,0)+IF('Standard Profiles'!$G$21=$B$24,21,0),0)),0)</f>
        <v>0</v>
      </c>
      <c r="H2701" cm="1">
        <f t="array" ref="H2701">IFERROR(INDEX(Jesper!AL$2:AL$366,ROUNDDOWN($C2701/24,0)+1,1)*INDEX($D$3:$AA$30,INDEX(Jesper!$R$2:$R$366,ROW(INDEX(Jesper!AL$2:AL$366,ROUNDDOWN($C2701/24,0)+1,1))-1)+IF('Standard Profiles'!$G$22=$B$10,7,0)+IF('Standard Profiles'!$G$22=$B$17,14,0)+IF('Standard Profiles'!$G$22=$B$24,21,0),MOD($C2701,24)+1)/SUM(INDEX($D$3:$AA$30,INDEX(Jesper!$R$2:$R$366,ROW(INDEX(Jesper!AL$2:AL$366,ROUNDDOWN($C2701/24,0)+1,1))-1)+IF('Standard Profiles'!$G$22=$B$10,7,0)+IF('Standard Profiles'!$G$22=$B$17,14,0)+IF('Standard Profiles'!$G$22=$B$24,21,0),0)),0)</f>
        <v>0</v>
      </c>
      <c r="I2701">
        <f t="shared" si="307"/>
        <v>0.14025812582940211</v>
      </c>
      <c r="J2701">
        <f t="shared" si="308"/>
        <v>0.46752708609800714</v>
      </c>
      <c r="K2701">
        <f t="shared" si="309"/>
        <v>0.70129062914701068</v>
      </c>
      <c r="L2701">
        <f t="shared" si="310"/>
        <v>7.9317147635180119</v>
      </c>
      <c r="M2701">
        <f t="shared" si="311"/>
        <v>0</v>
      </c>
      <c r="N2701" s="46">
        <f t="shared" si="312"/>
        <v>45403.124999993532</v>
      </c>
    </row>
    <row r="2702" spans="2:14" x14ac:dyDescent="0.3">
      <c r="B2702">
        <f t="shared" si="306"/>
        <v>7</v>
      </c>
      <c r="C2702" s="16">
        <v>2668</v>
      </c>
      <c r="D2702" cm="1">
        <f t="array" ref="D2702">IFERROR(INDEX(Jesper!AH$2:AH$366,ROUNDDOWN($C2702/24,0)+1,1)*INDEX($D$3:$AA$30,INDEX(Jesper!$R$2:$R$366,ROW(INDEX(Jesper!AH$2:AH$366,ROUNDDOWN($C2702/24,0)+1,1))-1)+IF('Standard Profiles'!$G$18=$B$10,7,0)+IF('Standard Profiles'!$G$18=$B$17,14,0)+IF('Standard Profiles'!$G$18=$B$24,21,0),MOD($C2702,24)+1)/SUM(INDEX($D$3:$AA$30,INDEX(Jesper!$R$2:$R$366,ROW(INDEX(Jesper!AH$2:AH$366,ROUNDDOWN($C2702/24,0)+1,1))-1)+IF('Standard Profiles'!$G$18=$B$10,7,0)+IF('Standard Profiles'!$G$18=$B$17,14,0)+IF('Standard Profiles'!$G$18=$B$24,21,0),0)),0)</f>
        <v>7.6839254078860684</v>
      </c>
      <c r="E2702" cm="1">
        <f t="array" ref="E2702">IFERROR(INDEX(Jesper!AI$2:AI$366,ROUNDDOWN($C2702/24,0)+1,1)*INDEX($D$3:$AA$30,INDEX(Jesper!$R$2:$R$366,ROW(INDEX(Jesper!AI$2:AI$366,ROUNDDOWN($C2702/24,0)+1,1))-1)+IF('Standard Profiles'!$G$19=$B$10,7,0)+IF('Standard Profiles'!$G$19=$B$17,14,0)+IF('Standard Profiles'!$G$19=$B$24,21,0),MOD($C2702,24)+1)/SUM(INDEX($D$3:$AA$30,INDEX(Jesper!$R$2:$R$366,ROW(INDEX(Jesper!AI$2:AI$366,ROUNDDOWN($C2702/24,0)+1,1))-1)+IF('Standard Profiles'!$G$19=$B$10,7,0)+IF('Standard Profiles'!$G$19=$B$17,14,0)+IF('Standard Profiles'!$G$19=$B$24,21,0),0)),0)</f>
        <v>1.5568651967063631</v>
      </c>
      <c r="F2702" cm="1">
        <f t="array" ref="F2702">IFERROR(INDEX(Jesper!AJ$2:AJ$366,ROUNDDOWN($C2702/24,0)+1,1)*INDEX($D$3:$AA$30,INDEX(Jesper!$R$2:$R$366,ROW(INDEX(Jesper!AJ$2:AJ$366,ROUNDDOWN($C2702/24,0)+1,1))-1)+IF('Standard Profiles'!$G$20=$B$10,7,0)+IF('Standard Profiles'!$G$20=$B$17,14,0)+IF('Standard Profiles'!$G$20=$B$24,21,0),MOD($C2702,24)+1)/SUM(INDEX($D$3:$AA$30,INDEX(Jesper!$R$2:$R$366,ROW(INDEX(Jesper!AJ$2:AJ$366,ROUNDDOWN($C2702/24,0)+1,1))-1)+IF('Standard Profiles'!$G$20=$B$10,7,0)+IF('Standard Profiles'!$G$20=$B$17,14,0)+IF('Standard Profiles'!$G$20=$B$24,21,0),0)),0)</f>
        <v>0</v>
      </c>
      <c r="G2702" cm="1">
        <f t="array" ref="G2702">IFERROR(INDEX(Jesper!AK$2:AK$366,ROUNDDOWN($C2702/24,0)+1,1)*INDEX($D$3:$AA$30,INDEX(Jesper!$R$2:$R$366,ROW(INDEX(Jesper!AK$2:AK$366,ROUNDDOWN($C2702/24,0)+1,1))-1)+IF('Standard Profiles'!$G$21=$B$10,7,0)+IF('Standard Profiles'!$G$21=$B$17,14,0)+IF('Standard Profiles'!$G$21=$B$24,21,0),MOD($C2702,24)+1)/SUM(INDEX($D$3:$AA$30,INDEX(Jesper!$R$2:$R$366,ROW(INDEX(Jesper!AK$2:AK$366,ROUNDDOWN($C2702/24,0)+1,1))-1)+IF('Standard Profiles'!$G$21=$B$10,7,0)+IF('Standard Profiles'!$G$21=$B$17,14,0)+IF('Standard Profiles'!$G$21=$B$24,21,0),0)),0)</f>
        <v>0</v>
      </c>
      <c r="H2702" cm="1">
        <f t="array" ref="H2702">IFERROR(INDEX(Jesper!AL$2:AL$366,ROUNDDOWN($C2702/24,0)+1,1)*INDEX($D$3:$AA$30,INDEX(Jesper!$R$2:$R$366,ROW(INDEX(Jesper!AL$2:AL$366,ROUNDDOWN($C2702/24,0)+1,1))-1)+IF('Standard Profiles'!$G$22=$B$10,7,0)+IF('Standard Profiles'!$G$22=$B$17,14,0)+IF('Standard Profiles'!$G$22=$B$24,21,0),MOD($C2702,24)+1)/SUM(INDEX($D$3:$AA$30,INDEX(Jesper!$R$2:$R$366,ROW(INDEX(Jesper!AL$2:AL$366,ROUNDDOWN($C2702/24,0)+1,1))-1)+IF('Standard Profiles'!$G$22=$B$10,7,0)+IF('Standard Profiles'!$G$22=$B$17,14,0)+IF('Standard Profiles'!$G$22=$B$24,21,0),0)),0)</f>
        <v>0</v>
      </c>
      <c r="I2702">
        <f t="shared" si="307"/>
        <v>0.14025812582940211</v>
      </c>
      <c r="J2702">
        <f t="shared" si="308"/>
        <v>0.46752708609800714</v>
      </c>
      <c r="K2702">
        <f t="shared" si="309"/>
        <v>0.70129062914701068</v>
      </c>
      <c r="L2702">
        <f t="shared" si="310"/>
        <v>7.9317147635180119</v>
      </c>
      <c r="M2702">
        <f t="shared" si="311"/>
        <v>0</v>
      </c>
      <c r="N2702" s="46">
        <f t="shared" si="312"/>
        <v>45403.166666660196</v>
      </c>
    </row>
    <row r="2703" spans="2:14" x14ac:dyDescent="0.3">
      <c r="B2703">
        <f t="shared" si="306"/>
        <v>7</v>
      </c>
      <c r="C2703" s="16">
        <v>2669</v>
      </c>
      <c r="D2703" cm="1">
        <f t="array" ref="D2703">IFERROR(INDEX(Jesper!AH$2:AH$366,ROUNDDOWN($C2703/24,0)+1,1)*INDEX($D$3:$AA$30,INDEX(Jesper!$R$2:$R$366,ROW(INDEX(Jesper!AH$2:AH$366,ROUNDDOWN($C2703/24,0)+1,1))-1)+IF('Standard Profiles'!$G$18=$B$10,7,0)+IF('Standard Profiles'!$G$18=$B$17,14,0)+IF('Standard Profiles'!$G$18=$B$24,21,0),MOD($C2703,24)+1)/SUM(INDEX($D$3:$AA$30,INDEX(Jesper!$R$2:$R$366,ROW(INDEX(Jesper!AH$2:AH$366,ROUNDDOWN($C2703/24,0)+1,1))-1)+IF('Standard Profiles'!$G$18=$B$10,7,0)+IF('Standard Profiles'!$G$18=$B$17,14,0)+IF('Standard Profiles'!$G$18=$B$24,21,0),0)),0)</f>
        <v>9.6049067598575846</v>
      </c>
      <c r="E2703" cm="1">
        <f t="array" ref="E2703">IFERROR(INDEX(Jesper!AI$2:AI$366,ROUNDDOWN($C2703/24,0)+1,1)*INDEX($D$3:$AA$30,INDEX(Jesper!$R$2:$R$366,ROW(INDEX(Jesper!AI$2:AI$366,ROUNDDOWN($C2703/24,0)+1,1))-1)+IF('Standard Profiles'!$G$19=$B$10,7,0)+IF('Standard Profiles'!$G$19=$B$17,14,0)+IF('Standard Profiles'!$G$19=$B$24,21,0),MOD($C2703,24)+1)/SUM(INDEX($D$3:$AA$30,INDEX(Jesper!$R$2:$R$366,ROW(INDEX(Jesper!AI$2:AI$366,ROUNDDOWN($C2703/24,0)+1,1))-1)+IF('Standard Profiles'!$G$19=$B$10,7,0)+IF('Standard Profiles'!$G$19=$B$17,14,0)+IF('Standard Profiles'!$G$19=$B$24,21,0),0)),0)</f>
        <v>1.9460814958829538</v>
      </c>
      <c r="F2703" cm="1">
        <f t="array" ref="F2703">IFERROR(INDEX(Jesper!AJ$2:AJ$366,ROUNDDOWN($C2703/24,0)+1,1)*INDEX($D$3:$AA$30,INDEX(Jesper!$R$2:$R$366,ROW(INDEX(Jesper!AJ$2:AJ$366,ROUNDDOWN($C2703/24,0)+1,1))-1)+IF('Standard Profiles'!$G$20=$B$10,7,0)+IF('Standard Profiles'!$G$20=$B$17,14,0)+IF('Standard Profiles'!$G$20=$B$24,21,0),MOD($C2703,24)+1)/SUM(INDEX($D$3:$AA$30,INDEX(Jesper!$R$2:$R$366,ROW(INDEX(Jesper!AJ$2:AJ$366,ROUNDDOWN($C2703/24,0)+1,1))-1)+IF('Standard Profiles'!$G$20=$B$10,7,0)+IF('Standard Profiles'!$G$20=$B$17,14,0)+IF('Standard Profiles'!$G$20=$B$24,21,0),0)),0)</f>
        <v>0</v>
      </c>
      <c r="G2703" cm="1">
        <f t="array" ref="G2703">IFERROR(INDEX(Jesper!AK$2:AK$366,ROUNDDOWN($C2703/24,0)+1,1)*INDEX($D$3:$AA$30,INDEX(Jesper!$R$2:$R$366,ROW(INDEX(Jesper!AK$2:AK$366,ROUNDDOWN($C2703/24,0)+1,1))-1)+IF('Standard Profiles'!$G$21=$B$10,7,0)+IF('Standard Profiles'!$G$21=$B$17,14,0)+IF('Standard Profiles'!$G$21=$B$24,21,0),MOD($C2703,24)+1)/SUM(INDEX($D$3:$AA$30,INDEX(Jesper!$R$2:$R$366,ROW(INDEX(Jesper!AK$2:AK$366,ROUNDDOWN($C2703/24,0)+1,1))-1)+IF('Standard Profiles'!$G$21=$B$10,7,0)+IF('Standard Profiles'!$G$21=$B$17,14,0)+IF('Standard Profiles'!$G$21=$B$24,21,0),0)),0)</f>
        <v>0</v>
      </c>
      <c r="H2703" cm="1">
        <f t="array" ref="H2703">IFERROR(INDEX(Jesper!AL$2:AL$366,ROUNDDOWN($C2703/24,0)+1,1)*INDEX($D$3:$AA$30,INDEX(Jesper!$R$2:$R$366,ROW(INDEX(Jesper!AL$2:AL$366,ROUNDDOWN($C2703/24,0)+1,1))-1)+IF('Standard Profiles'!$G$22=$B$10,7,0)+IF('Standard Profiles'!$G$22=$B$17,14,0)+IF('Standard Profiles'!$G$22=$B$24,21,0),MOD($C2703,24)+1)/SUM(INDEX($D$3:$AA$30,INDEX(Jesper!$R$2:$R$366,ROW(INDEX(Jesper!AL$2:AL$366,ROUNDDOWN($C2703/24,0)+1,1))-1)+IF('Standard Profiles'!$G$22=$B$10,7,0)+IF('Standard Profiles'!$G$22=$B$17,14,0)+IF('Standard Profiles'!$G$22=$B$24,21,0),0)),0)</f>
        <v>0</v>
      </c>
      <c r="I2703">
        <f t="shared" si="307"/>
        <v>0.17532265728675264</v>
      </c>
      <c r="J2703">
        <f t="shared" si="308"/>
        <v>0.58440885762250883</v>
      </c>
      <c r="K2703">
        <f t="shared" si="309"/>
        <v>0.87661328643376324</v>
      </c>
      <c r="L2703">
        <f t="shared" si="310"/>
        <v>9.9146434543975133</v>
      </c>
      <c r="M2703">
        <f t="shared" si="311"/>
        <v>0</v>
      </c>
      <c r="N2703" s="46">
        <f t="shared" si="312"/>
        <v>45403.20833332686</v>
      </c>
    </row>
    <row r="2704" spans="2:14" x14ac:dyDescent="0.3">
      <c r="B2704">
        <f t="shared" si="306"/>
        <v>7</v>
      </c>
      <c r="C2704" s="16">
        <v>2670</v>
      </c>
      <c r="D2704" cm="1">
        <f t="array" ref="D2704">IFERROR(INDEX(Jesper!AH$2:AH$366,ROUNDDOWN($C2704/24,0)+1,1)*INDEX($D$3:$AA$30,INDEX(Jesper!$R$2:$R$366,ROW(INDEX(Jesper!AH$2:AH$366,ROUNDDOWN($C2704/24,0)+1,1))-1)+IF('Standard Profiles'!$G$18=$B$10,7,0)+IF('Standard Profiles'!$G$18=$B$17,14,0)+IF('Standard Profiles'!$G$18=$B$24,21,0),MOD($C2704,24)+1)/SUM(INDEX($D$3:$AA$30,INDEX(Jesper!$R$2:$R$366,ROW(INDEX(Jesper!AH$2:AH$366,ROUNDDOWN($C2704/24,0)+1,1))-1)+IF('Standard Profiles'!$G$18=$B$10,7,0)+IF('Standard Profiles'!$G$18=$B$17,14,0)+IF('Standard Profiles'!$G$18=$B$24,21,0),0)),0)</f>
        <v>11.312445739387822</v>
      </c>
      <c r="E2704" cm="1">
        <f t="array" ref="E2704">IFERROR(INDEX(Jesper!AI$2:AI$366,ROUNDDOWN($C2704/24,0)+1,1)*INDEX($D$3:$AA$30,INDEX(Jesper!$R$2:$R$366,ROW(INDEX(Jesper!AI$2:AI$366,ROUNDDOWN($C2704/24,0)+1,1))-1)+IF('Standard Profiles'!$G$19=$B$10,7,0)+IF('Standard Profiles'!$G$19=$B$17,14,0)+IF('Standard Profiles'!$G$19=$B$24,21,0),MOD($C2704,24)+1)/SUM(INDEX($D$3:$AA$30,INDEX(Jesper!$R$2:$R$366,ROW(INDEX(Jesper!AI$2:AI$366,ROUNDDOWN($C2704/24,0)+1,1))-1)+IF('Standard Profiles'!$G$19=$B$10,7,0)+IF('Standard Profiles'!$G$19=$B$17,14,0)+IF('Standard Profiles'!$G$19=$B$24,21,0),0)),0)</f>
        <v>2.2920515395954788</v>
      </c>
      <c r="F2704" cm="1">
        <f t="array" ref="F2704">IFERROR(INDEX(Jesper!AJ$2:AJ$366,ROUNDDOWN($C2704/24,0)+1,1)*INDEX($D$3:$AA$30,INDEX(Jesper!$R$2:$R$366,ROW(INDEX(Jesper!AJ$2:AJ$366,ROUNDDOWN($C2704/24,0)+1,1))-1)+IF('Standard Profiles'!$G$20=$B$10,7,0)+IF('Standard Profiles'!$G$20=$B$17,14,0)+IF('Standard Profiles'!$G$20=$B$24,21,0),MOD($C2704,24)+1)/SUM(INDEX($D$3:$AA$30,INDEX(Jesper!$R$2:$R$366,ROW(INDEX(Jesper!AJ$2:AJ$366,ROUNDDOWN($C2704/24,0)+1,1))-1)+IF('Standard Profiles'!$G$20=$B$10,7,0)+IF('Standard Profiles'!$G$20=$B$17,14,0)+IF('Standard Profiles'!$G$20=$B$24,21,0),0)),0)</f>
        <v>0</v>
      </c>
      <c r="G2704" cm="1">
        <f t="array" ref="G2704">IFERROR(INDEX(Jesper!AK$2:AK$366,ROUNDDOWN($C2704/24,0)+1,1)*INDEX($D$3:$AA$30,INDEX(Jesper!$R$2:$R$366,ROW(INDEX(Jesper!AK$2:AK$366,ROUNDDOWN($C2704/24,0)+1,1))-1)+IF('Standard Profiles'!$G$21=$B$10,7,0)+IF('Standard Profiles'!$G$21=$B$17,14,0)+IF('Standard Profiles'!$G$21=$B$24,21,0),MOD($C2704,24)+1)/SUM(INDEX($D$3:$AA$30,INDEX(Jesper!$R$2:$R$366,ROW(INDEX(Jesper!AK$2:AK$366,ROUNDDOWN($C2704/24,0)+1,1))-1)+IF('Standard Profiles'!$G$21=$B$10,7,0)+IF('Standard Profiles'!$G$21=$B$17,14,0)+IF('Standard Profiles'!$G$21=$B$24,21,0),0)),0)</f>
        <v>0</v>
      </c>
      <c r="H2704" cm="1">
        <f t="array" ref="H2704">IFERROR(INDEX(Jesper!AL$2:AL$366,ROUNDDOWN($C2704/24,0)+1,1)*INDEX($D$3:$AA$30,INDEX(Jesper!$R$2:$R$366,ROW(INDEX(Jesper!AL$2:AL$366,ROUNDDOWN($C2704/24,0)+1,1))-1)+IF('Standard Profiles'!$G$22=$B$10,7,0)+IF('Standard Profiles'!$G$22=$B$17,14,0)+IF('Standard Profiles'!$G$22=$B$24,21,0),MOD($C2704,24)+1)/SUM(INDEX($D$3:$AA$30,INDEX(Jesper!$R$2:$R$366,ROW(INDEX(Jesper!AL$2:AL$366,ROUNDDOWN($C2704/24,0)+1,1))-1)+IF('Standard Profiles'!$G$22=$B$10,7,0)+IF('Standard Profiles'!$G$22=$B$17,14,0)+IF('Standard Profiles'!$G$22=$B$24,21,0),0)),0)</f>
        <v>0</v>
      </c>
      <c r="I2704">
        <f t="shared" si="307"/>
        <v>0.20649112969328642</v>
      </c>
      <c r="J2704">
        <f t="shared" si="308"/>
        <v>0.68830376564428819</v>
      </c>
      <c r="K2704">
        <f t="shared" si="309"/>
        <v>1.0324556484664322</v>
      </c>
      <c r="L2704">
        <f t="shared" si="310"/>
        <v>11.677246735179294</v>
      </c>
      <c r="M2704">
        <f t="shared" si="311"/>
        <v>0</v>
      </c>
      <c r="N2704" s="46">
        <f t="shared" si="312"/>
        <v>45403.249999993524</v>
      </c>
    </row>
    <row r="2705" spans="2:14" x14ac:dyDescent="0.3">
      <c r="B2705">
        <f t="shared" si="306"/>
        <v>7</v>
      </c>
      <c r="C2705" s="16">
        <v>2671</v>
      </c>
      <c r="D2705" cm="1">
        <f t="array" ref="D2705">IFERROR(INDEX(Jesper!AH$2:AH$366,ROUNDDOWN($C2705/24,0)+1,1)*INDEX($D$3:$AA$30,INDEX(Jesper!$R$2:$R$366,ROW(INDEX(Jesper!AH$2:AH$366,ROUNDDOWN($C2705/24,0)+1,1))-1)+IF('Standard Profiles'!$G$18=$B$10,7,0)+IF('Standard Profiles'!$G$18=$B$17,14,0)+IF('Standard Profiles'!$G$18=$B$24,21,0),MOD($C2705,24)+1)/SUM(INDEX($D$3:$AA$30,INDEX(Jesper!$R$2:$R$366,ROW(INDEX(Jesper!AH$2:AH$366,ROUNDDOWN($C2705/24,0)+1,1))-1)+IF('Standard Profiles'!$G$18=$B$10,7,0)+IF('Standard Profiles'!$G$18=$B$17,14,0)+IF('Standard Profiles'!$G$18=$B$24,21,0),0)),0)</f>
        <v>13.446869463800619</v>
      </c>
      <c r="E2705" cm="1">
        <f t="array" ref="E2705">IFERROR(INDEX(Jesper!AI$2:AI$366,ROUNDDOWN($C2705/24,0)+1,1)*INDEX($D$3:$AA$30,INDEX(Jesper!$R$2:$R$366,ROW(INDEX(Jesper!AI$2:AI$366,ROUNDDOWN($C2705/24,0)+1,1))-1)+IF('Standard Profiles'!$G$19=$B$10,7,0)+IF('Standard Profiles'!$G$19=$B$17,14,0)+IF('Standard Profiles'!$G$19=$B$24,21,0),MOD($C2705,24)+1)/SUM(INDEX($D$3:$AA$30,INDEX(Jesper!$R$2:$R$366,ROW(INDEX(Jesper!AI$2:AI$366,ROUNDDOWN($C2705/24,0)+1,1))-1)+IF('Standard Profiles'!$G$19=$B$10,7,0)+IF('Standard Profiles'!$G$19=$B$17,14,0)+IF('Standard Profiles'!$G$19=$B$24,21,0),0)),0)</f>
        <v>2.7245140942361359</v>
      </c>
      <c r="F2705" cm="1">
        <f t="array" ref="F2705">IFERROR(INDEX(Jesper!AJ$2:AJ$366,ROUNDDOWN($C2705/24,0)+1,1)*INDEX($D$3:$AA$30,INDEX(Jesper!$R$2:$R$366,ROW(INDEX(Jesper!AJ$2:AJ$366,ROUNDDOWN($C2705/24,0)+1,1))-1)+IF('Standard Profiles'!$G$20=$B$10,7,0)+IF('Standard Profiles'!$G$20=$B$17,14,0)+IF('Standard Profiles'!$G$20=$B$24,21,0),MOD($C2705,24)+1)/SUM(INDEX($D$3:$AA$30,INDEX(Jesper!$R$2:$R$366,ROW(INDEX(Jesper!AJ$2:AJ$366,ROUNDDOWN($C2705/24,0)+1,1))-1)+IF('Standard Profiles'!$G$20=$B$10,7,0)+IF('Standard Profiles'!$G$20=$B$17,14,0)+IF('Standard Profiles'!$G$20=$B$24,21,0),0)),0)</f>
        <v>0</v>
      </c>
      <c r="G2705" cm="1">
        <f t="array" ref="G2705">IFERROR(INDEX(Jesper!AK$2:AK$366,ROUNDDOWN($C2705/24,0)+1,1)*INDEX($D$3:$AA$30,INDEX(Jesper!$R$2:$R$366,ROW(INDEX(Jesper!AK$2:AK$366,ROUNDDOWN($C2705/24,0)+1,1))-1)+IF('Standard Profiles'!$G$21=$B$10,7,0)+IF('Standard Profiles'!$G$21=$B$17,14,0)+IF('Standard Profiles'!$G$21=$B$24,21,0),MOD($C2705,24)+1)/SUM(INDEX($D$3:$AA$30,INDEX(Jesper!$R$2:$R$366,ROW(INDEX(Jesper!AK$2:AK$366,ROUNDDOWN($C2705/24,0)+1,1))-1)+IF('Standard Profiles'!$G$21=$B$10,7,0)+IF('Standard Profiles'!$G$21=$B$17,14,0)+IF('Standard Profiles'!$G$21=$B$24,21,0),0)),0)</f>
        <v>0</v>
      </c>
      <c r="H2705" cm="1">
        <f t="array" ref="H2705">IFERROR(INDEX(Jesper!AL$2:AL$366,ROUNDDOWN($C2705/24,0)+1,1)*INDEX($D$3:$AA$30,INDEX(Jesper!$R$2:$R$366,ROW(INDEX(Jesper!AL$2:AL$366,ROUNDDOWN($C2705/24,0)+1,1))-1)+IF('Standard Profiles'!$G$22=$B$10,7,0)+IF('Standard Profiles'!$G$22=$B$17,14,0)+IF('Standard Profiles'!$G$22=$B$24,21,0),MOD($C2705,24)+1)/SUM(INDEX($D$3:$AA$30,INDEX(Jesper!$R$2:$R$366,ROW(INDEX(Jesper!AL$2:AL$366,ROUNDDOWN($C2705/24,0)+1,1))-1)+IF('Standard Profiles'!$G$22=$B$10,7,0)+IF('Standard Profiles'!$G$22=$B$17,14,0)+IF('Standard Profiles'!$G$22=$B$24,21,0),0)),0)</f>
        <v>0</v>
      </c>
      <c r="I2705">
        <f t="shared" si="307"/>
        <v>0.24545172020145375</v>
      </c>
      <c r="J2705">
        <f t="shared" si="308"/>
        <v>0.81817240067151265</v>
      </c>
      <c r="K2705">
        <f t="shared" si="309"/>
        <v>1.2272586010072688</v>
      </c>
      <c r="L2705">
        <f t="shared" si="310"/>
        <v>13.88050083615652</v>
      </c>
      <c r="M2705">
        <f t="shared" si="311"/>
        <v>0</v>
      </c>
      <c r="N2705" s="46">
        <f t="shared" si="312"/>
        <v>45403.291666660189</v>
      </c>
    </row>
    <row r="2706" spans="2:14" x14ac:dyDescent="0.3">
      <c r="B2706">
        <f t="shared" si="306"/>
        <v>7</v>
      </c>
      <c r="C2706" s="16">
        <v>2672</v>
      </c>
      <c r="D2706" cm="1">
        <f t="array" ref="D2706">IFERROR(INDEX(Jesper!AH$2:AH$366,ROUNDDOWN($C2706/24,0)+1,1)*INDEX($D$3:$AA$30,INDEX(Jesper!$R$2:$R$366,ROW(INDEX(Jesper!AH$2:AH$366,ROUNDDOWN($C2706/24,0)+1,1))-1)+IF('Standard Profiles'!$G$18=$B$10,7,0)+IF('Standard Profiles'!$G$18=$B$17,14,0)+IF('Standard Profiles'!$G$18=$B$24,21,0),MOD($C2706,24)+1)/SUM(INDEX($D$3:$AA$30,INDEX(Jesper!$R$2:$R$366,ROW(INDEX(Jesper!AH$2:AH$366,ROUNDDOWN($C2706/24,0)+1,1))-1)+IF('Standard Profiles'!$G$18=$B$10,7,0)+IF('Standard Profiles'!$G$18=$B$17,14,0)+IF('Standard Profiles'!$G$18=$B$24,21,0),0)),0)</f>
        <v>13.446869463800619</v>
      </c>
      <c r="E2706" cm="1">
        <f t="array" ref="E2706">IFERROR(INDEX(Jesper!AI$2:AI$366,ROUNDDOWN($C2706/24,0)+1,1)*INDEX($D$3:$AA$30,INDEX(Jesper!$R$2:$R$366,ROW(INDEX(Jesper!AI$2:AI$366,ROUNDDOWN($C2706/24,0)+1,1))-1)+IF('Standard Profiles'!$G$19=$B$10,7,0)+IF('Standard Profiles'!$G$19=$B$17,14,0)+IF('Standard Profiles'!$G$19=$B$24,21,0),MOD($C2706,24)+1)/SUM(INDEX($D$3:$AA$30,INDEX(Jesper!$R$2:$R$366,ROW(INDEX(Jesper!AI$2:AI$366,ROUNDDOWN($C2706/24,0)+1,1))-1)+IF('Standard Profiles'!$G$19=$B$10,7,0)+IF('Standard Profiles'!$G$19=$B$17,14,0)+IF('Standard Profiles'!$G$19=$B$24,21,0),0)),0)</f>
        <v>2.7245140942361359</v>
      </c>
      <c r="F2706" cm="1">
        <f t="array" ref="F2706">IFERROR(INDEX(Jesper!AJ$2:AJ$366,ROUNDDOWN($C2706/24,0)+1,1)*INDEX($D$3:$AA$30,INDEX(Jesper!$R$2:$R$366,ROW(INDEX(Jesper!AJ$2:AJ$366,ROUNDDOWN($C2706/24,0)+1,1))-1)+IF('Standard Profiles'!$G$20=$B$10,7,0)+IF('Standard Profiles'!$G$20=$B$17,14,0)+IF('Standard Profiles'!$G$20=$B$24,21,0),MOD($C2706,24)+1)/SUM(INDEX($D$3:$AA$30,INDEX(Jesper!$R$2:$R$366,ROW(INDEX(Jesper!AJ$2:AJ$366,ROUNDDOWN($C2706/24,0)+1,1))-1)+IF('Standard Profiles'!$G$20=$B$10,7,0)+IF('Standard Profiles'!$G$20=$B$17,14,0)+IF('Standard Profiles'!$G$20=$B$24,21,0),0)),0)</f>
        <v>0</v>
      </c>
      <c r="G2706" cm="1">
        <f t="array" ref="G2706">IFERROR(INDEX(Jesper!AK$2:AK$366,ROUNDDOWN($C2706/24,0)+1,1)*INDEX($D$3:$AA$30,INDEX(Jesper!$R$2:$R$366,ROW(INDEX(Jesper!AK$2:AK$366,ROUNDDOWN($C2706/24,0)+1,1))-1)+IF('Standard Profiles'!$G$21=$B$10,7,0)+IF('Standard Profiles'!$G$21=$B$17,14,0)+IF('Standard Profiles'!$G$21=$B$24,21,0),MOD($C2706,24)+1)/SUM(INDEX($D$3:$AA$30,INDEX(Jesper!$R$2:$R$366,ROW(INDEX(Jesper!AK$2:AK$366,ROUNDDOWN($C2706/24,0)+1,1))-1)+IF('Standard Profiles'!$G$21=$B$10,7,0)+IF('Standard Profiles'!$G$21=$B$17,14,0)+IF('Standard Profiles'!$G$21=$B$24,21,0),0)),0)</f>
        <v>0</v>
      </c>
      <c r="H2706" cm="1">
        <f t="array" ref="H2706">IFERROR(INDEX(Jesper!AL$2:AL$366,ROUNDDOWN($C2706/24,0)+1,1)*INDEX($D$3:$AA$30,INDEX(Jesper!$R$2:$R$366,ROW(INDEX(Jesper!AL$2:AL$366,ROUNDDOWN($C2706/24,0)+1,1))-1)+IF('Standard Profiles'!$G$22=$B$10,7,0)+IF('Standard Profiles'!$G$22=$B$17,14,0)+IF('Standard Profiles'!$G$22=$B$24,21,0),MOD($C2706,24)+1)/SUM(INDEX($D$3:$AA$30,INDEX(Jesper!$R$2:$R$366,ROW(INDEX(Jesper!AL$2:AL$366,ROUNDDOWN($C2706/24,0)+1,1))-1)+IF('Standard Profiles'!$G$22=$B$10,7,0)+IF('Standard Profiles'!$G$22=$B$17,14,0)+IF('Standard Profiles'!$G$22=$B$24,21,0),0)),0)</f>
        <v>0</v>
      </c>
      <c r="I2706">
        <f t="shared" si="307"/>
        <v>0.24545172020145375</v>
      </c>
      <c r="J2706">
        <f t="shared" si="308"/>
        <v>0.81817240067151265</v>
      </c>
      <c r="K2706">
        <f t="shared" si="309"/>
        <v>1.2272586010072688</v>
      </c>
      <c r="L2706">
        <f t="shared" si="310"/>
        <v>13.88050083615652</v>
      </c>
      <c r="M2706">
        <f t="shared" si="311"/>
        <v>0</v>
      </c>
      <c r="N2706" s="46">
        <f t="shared" si="312"/>
        <v>45403.333333326853</v>
      </c>
    </row>
    <row r="2707" spans="2:14" x14ac:dyDescent="0.3">
      <c r="B2707">
        <f t="shared" si="306"/>
        <v>7</v>
      </c>
      <c r="C2707" s="16">
        <v>2673</v>
      </c>
      <c r="D2707" cm="1">
        <f t="array" ref="D2707">IFERROR(INDEX(Jesper!AH$2:AH$366,ROUNDDOWN($C2707/24,0)+1,1)*INDEX($D$3:$AA$30,INDEX(Jesper!$R$2:$R$366,ROW(INDEX(Jesper!AH$2:AH$366,ROUNDDOWN($C2707/24,0)+1,1))-1)+IF('Standard Profiles'!$G$18=$B$10,7,0)+IF('Standard Profiles'!$G$18=$B$17,14,0)+IF('Standard Profiles'!$G$18=$B$24,21,0),MOD($C2707,24)+1)/SUM(INDEX($D$3:$AA$30,INDEX(Jesper!$R$2:$R$366,ROW(INDEX(Jesper!AH$2:AH$366,ROUNDDOWN($C2707/24,0)+1,1))-1)+IF('Standard Profiles'!$G$18=$B$10,7,0)+IF('Standard Profiles'!$G$18=$B$17,14,0)+IF('Standard Profiles'!$G$18=$B$24,21,0),0)),0)</f>
        <v>13.446869463800619</v>
      </c>
      <c r="E2707" cm="1">
        <f t="array" ref="E2707">IFERROR(INDEX(Jesper!AI$2:AI$366,ROUNDDOWN($C2707/24,0)+1,1)*INDEX($D$3:$AA$30,INDEX(Jesper!$R$2:$R$366,ROW(INDEX(Jesper!AI$2:AI$366,ROUNDDOWN($C2707/24,0)+1,1))-1)+IF('Standard Profiles'!$G$19=$B$10,7,0)+IF('Standard Profiles'!$G$19=$B$17,14,0)+IF('Standard Profiles'!$G$19=$B$24,21,0),MOD($C2707,24)+1)/SUM(INDEX($D$3:$AA$30,INDEX(Jesper!$R$2:$R$366,ROW(INDEX(Jesper!AI$2:AI$366,ROUNDDOWN($C2707/24,0)+1,1))-1)+IF('Standard Profiles'!$G$19=$B$10,7,0)+IF('Standard Profiles'!$G$19=$B$17,14,0)+IF('Standard Profiles'!$G$19=$B$24,21,0),0)),0)</f>
        <v>2.7245140942361359</v>
      </c>
      <c r="F2707" cm="1">
        <f t="array" ref="F2707">IFERROR(INDEX(Jesper!AJ$2:AJ$366,ROUNDDOWN($C2707/24,0)+1,1)*INDEX($D$3:$AA$30,INDEX(Jesper!$R$2:$R$366,ROW(INDEX(Jesper!AJ$2:AJ$366,ROUNDDOWN($C2707/24,0)+1,1))-1)+IF('Standard Profiles'!$G$20=$B$10,7,0)+IF('Standard Profiles'!$G$20=$B$17,14,0)+IF('Standard Profiles'!$G$20=$B$24,21,0),MOD($C2707,24)+1)/SUM(INDEX($D$3:$AA$30,INDEX(Jesper!$R$2:$R$366,ROW(INDEX(Jesper!AJ$2:AJ$366,ROUNDDOWN($C2707/24,0)+1,1))-1)+IF('Standard Profiles'!$G$20=$B$10,7,0)+IF('Standard Profiles'!$G$20=$B$17,14,0)+IF('Standard Profiles'!$G$20=$B$24,21,0),0)),0)</f>
        <v>0</v>
      </c>
      <c r="G2707" cm="1">
        <f t="array" ref="G2707">IFERROR(INDEX(Jesper!AK$2:AK$366,ROUNDDOWN($C2707/24,0)+1,1)*INDEX($D$3:$AA$30,INDEX(Jesper!$R$2:$R$366,ROW(INDEX(Jesper!AK$2:AK$366,ROUNDDOWN($C2707/24,0)+1,1))-1)+IF('Standard Profiles'!$G$21=$B$10,7,0)+IF('Standard Profiles'!$G$21=$B$17,14,0)+IF('Standard Profiles'!$G$21=$B$24,21,0),MOD($C2707,24)+1)/SUM(INDEX($D$3:$AA$30,INDEX(Jesper!$R$2:$R$366,ROW(INDEX(Jesper!AK$2:AK$366,ROUNDDOWN($C2707/24,0)+1,1))-1)+IF('Standard Profiles'!$G$21=$B$10,7,0)+IF('Standard Profiles'!$G$21=$B$17,14,0)+IF('Standard Profiles'!$G$21=$B$24,21,0),0)),0)</f>
        <v>0</v>
      </c>
      <c r="H2707" cm="1">
        <f t="array" ref="H2707">IFERROR(INDEX(Jesper!AL$2:AL$366,ROUNDDOWN($C2707/24,0)+1,1)*INDEX($D$3:$AA$30,INDEX(Jesper!$R$2:$R$366,ROW(INDEX(Jesper!AL$2:AL$366,ROUNDDOWN($C2707/24,0)+1,1))-1)+IF('Standard Profiles'!$G$22=$B$10,7,0)+IF('Standard Profiles'!$G$22=$B$17,14,0)+IF('Standard Profiles'!$G$22=$B$24,21,0),MOD($C2707,24)+1)/SUM(INDEX($D$3:$AA$30,INDEX(Jesper!$R$2:$R$366,ROW(INDEX(Jesper!AL$2:AL$366,ROUNDDOWN($C2707/24,0)+1,1))-1)+IF('Standard Profiles'!$G$22=$B$10,7,0)+IF('Standard Profiles'!$G$22=$B$17,14,0)+IF('Standard Profiles'!$G$22=$B$24,21,0),0)),0)</f>
        <v>0</v>
      </c>
      <c r="I2707">
        <f t="shared" si="307"/>
        <v>0.24545172020145375</v>
      </c>
      <c r="J2707">
        <f t="shared" si="308"/>
        <v>0.81817240067151265</v>
      </c>
      <c r="K2707">
        <f t="shared" si="309"/>
        <v>1.2272586010072688</v>
      </c>
      <c r="L2707">
        <f t="shared" si="310"/>
        <v>13.88050083615652</v>
      </c>
      <c r="M2707">
        <f t="shared" si="311"/>
        <v>0</v>
      </c>
      <c r="N2707" s="46">
        <f t="shared" si="312"/>
        <v>45403.374999993517</v>
      </c>
    </row>
    <row r="2708" spans="2:14" x14ac:dyDescent="0.3">
      <c r="B2708">
        <f t="shared" si="306"/>
        <v>7</v>
      </c>
      <c r="C2708" s="16">
        <v>2674</v>
      </c>
      <c r="D2708" cm="1">
        <f t="array" ref="D2708">IFERROR(INDEX(Jesper!AH$2:AH$366,ROUNDDOWN($C2708/24,0)+1,1)*INDEX($D$3:$AA$30,INDEX(Jesper!$R$2:$R$366,ROW(INDEX(Jesper!AH$2:AH$366,ROUNDDOWN($C2708/24,0)+1,1))-1)+IF('Standard Profiles'!$G$18=$B$10,7,0)+IF('Standard Profiles'!$G$18=$B$17,14,0)+IF('Standard Profiles'!$G$18=$B$24,21,0),MOD($C2708,24)+1)/SUM(INDEX($D$3:$AA$30,INDEX(Jesper!$R$2:$R$366,ROW(INDEX(Jesper!AH$2:AH$366,ROUNDDOWN($C2708/24,0)+1,1))-1)+IF('Standard Profiles'!$G$18=$B$10,7,0)+IF('Standard Profiles'!$G$18=$B$17,14,0)+IF('Standard Profiles'!$G$18=$B$24,21,0),0)),0)</f>
        <v>13.446869463800619</v>
      </c>
      <c r="E2708" cm="1">
        <f t="array" ref="E2708">IFERROR(INDEX(Jesper!AI$2:AI$366,ROUNDDOWN($C2708/24,0)+1,1)*INDEX($D$3:$AA$30,INDEX(Jesper!$R$2:$R$366,ROW(INDEX(Jesper!AI$2:AI$366,ROUNDDOWN($C2708/24,0)+1,1))-1)+IF('Standard Profiles'!$G$19=$B$10,7,0)+IF('Standard Profiles'!$G$19=$B$17,14,0)+IF('Standard Profiles'!$G$19=$B$24,21,0),MOD($C2708,24)+1)/SUM(INDEX($D$3:$AA$30,INDEX(Jesper!$R$2:$R$366,ROW(INDEX(Jesper!AI$2:AI$366,ROUNDDOWN($C2708/24,0)+1,1))-1)+IF('Standard Profiles'!$G$19=$B$10,7,0)+IF('Standard Profiles'!$G$19=$B$17,14,0)+IF('Standard Profiles'!$G$19=$B$24,21,0),0)),0)</f>
        <v>2.7245140942361359</v>
      </c>
      <c r="F2708" cm="1">
        <f t="array" ref="F2708">IFERROR(INDEX(Jesper!AJ$2:AJ$366,ROUNDDOWN($C2708/24,0)+1,1)*INDEX($D$3:$AA$30,INDEX(Jesper!$R$2:$R$366,ROW(INDEX(Jesper!AJ$2:AJ$366,ROUNDDOWN($C2708/24,0)+1,1))-1)+IF('Standard Profiles'!$G$20=$B$10,7,0)+IF('Standard Profiles'!$G$20=$B$17,14,0)+IF('Standard Profiles'!$G$20=$B$24,21,0),MOD($C2708,24)+1)/SUM(INDEX($D$3:$AA$30,INDEX(Jesper!$R$2:$R$366,ROW(INDEX(Jesper!AJ$2:AJ$366,ROUNDDOWN($C2708/24,0)+1,1))-1)+IF('Standard Profiles'!$G$20=$B$10,7,0)+IF('Standard Profiles'!$G$20=$B$17,14,0)+IF('Standard Profiles'!$G$20=$B$24,21,0),0)),0)</f>
        <v>0</v>
      </c>
      <c r="G2708" cm="1">
        <f t="array" ref="G2708">IFERROR(INDEX(Jesper!AK$2:AK$366,ROUNDDOWN($C2708/24,0)+1,1)*INDEX($D$3:$AA$30,INDEX(Jesper!$R$2:$R$366,ROW(INDEX(Jesper!AK$2:AK$366,ROUNDDOWN($C2708/24,0)+1,1))-1)+IF('Standard Profiles'!$G$21=$B$10,7,0)+IF('Standard Profiles'!$G$21=$B$17,14,0)+IF('Standard Profiles'!$G$21=$B$24,21,0),MOD($C2708,24)+1)/SUM(INDEX($D$3:$AA$30,INDEX(Jesper!$R$2:$R$366,ROW(INDEX(Jesper!AK$2:AK$366,ROUNDDOWN($C2708/24,0)+1,1))-1)+IF('Standard Profiles'!$G$21=$B$10,7,0)+IF('Standard Profiles'!$G$21=$B$17,14,0)+IF('Standard Profiles'!$G$21=$B$24,21,0),0)),0)</f>
        <v>0</v>
      </c>
      <c r="H2708" cm="1">
        <f t="array" ref="H2708">IFERROR(INDEX(Jesper!AL$2:AL$366,ROUNDDOWN($C2708/24,0)+1,1)*INDEX($D$3:$AA$30,INDEX(Jesper!$R$2:$R$366,ROW(INDEX(Jesper!AL$2:AL$366,ROUNDDOWN($C2708/24,0)+1,1))-1)+IF('Standard Profiles'!$G$22=$B$10,7,0)+IF('Standard Profiles'!$G$22=$B$17,14,0)+IF('Standard Profiles'!$G$22=$B$24,21,0),MOD($C2708,24)+1)/SUM(INDEX($D$3:$AA$30,INDEX(Jesper!$R$2:$R$366,ROW(INDEX(Jesper!AL$2:AL$366,ROUNDDOWN($C2708/24,0)+1,1))-1)+IF('Standard Profiles'!$G$22=$B$10,7,0)+IF('Standard Profiles'!$G$22=$B$17,14,0)+IF('Standard Profiles'!$G$22=$B$24,21,0),0)),0)</f>
        <v>0</v>
      </c>
      <c r="I2708">
        <f t="shared" si="307"/>
        <v>0.24545172020145375</v>
      </c>
      <c r="J2708">
        <f t="shared" si="308"/>
        <v>0.81817240067151265</v>
      </c>
      <c r="K2708">
        <f t="shared" si="309"/>
        <v>1.2272586010072688</v>
      </c>
      <c r="L2708">
        <f t="shared" si="310"/>
        <v>13.88050083615652</v>
      </c>
      <c r="M2708">
        <f t="shared" si="311"/>
        <v>0</v>
      </c>
      <c r="N2708" s="46">
        <f t="shared" si="312"/>
        <v>45403.416666660181</v>
      </c>
    </row>
    <row r="2709" spans="2:14" x14ac:dyDescent="0.3">
      <c r="B2709">
        <f t="shared" si="306"/>
        <v>7</v>
      </c>
      <c r="C2709" s="16">
        <v>2675</v>
      </c>
      <c r="D2709" cm="1">
        <f t="array" ref="D2709">IFERROR(INDEX(Jesper!AH$2:AH$366,ROUNDDOWN($C2709/24,0)+1,1)*INDEX($D$3:$AA$30,INDEX(Jesper!$R$2:$R$366,ROW(INDEX(Jesper!AH$2:AH$366,ROUNDDOWN($C2709/24,0)+1,1))-1)+IF('Standard Profiles'!$G$18=$B$10,7,0)+IF('Standard Profiles'!$G$18=$B$17,14,0)+IF('Standard Profiles'!$G$18=$B$24,21,0),MOD($C2709,24)+1)/SUM(INDEX($D$3:$AA$30,INDEX(Jesper!$R$2:$R$366,ROW(INDEX(Jesper!AH$2:AH$366,ROUNDDOWN($C2709/24,0)+1,1))-1)+IF('Standard Profiles'!$G$18=$B$10,7,0)+IF('Standard Profiles'!$G$18=$B$17,14,0)+IF('Standard Profiles'!$G$18=$B$24,21,0),0)),0)</f>
        <v>13.446869463800619</v>
      </c>
      <c r="E2709" cm="1">
        <f t="array" ref="E2709">IFERROR(INDEX(Jesper!AI$2:AI$366,ROUNDDOWN($C2709/24,0)+1,1)*INDEX($D$3:$AA$30,INDEX(Jesper!$R$2:$R$366,ROW(INDEX(Jesper!AI$2:AI$366,ROUNDDOWN($C2709/24,0)+1,1))-1)+IF('Standard Profiles'!$G$19=$B$10,7,0)+IF('Standard Profiles'!$G$19=$B$17,14,0)+IF('Standard Profiles'!$G$19=$B$24,21,0),MOD($C2709,24)+1)/SUM(INDEX($D$3:$AA$30,INDEX(Jesper!$R$2:$R$366,ROW(INDEX(Jesper!AI$2:AI$366,ROUNDDOWN($C2709/24,0)+1,1))-1)+IF('Standard Profiles'!$G$19=$B$10,7,0)+IF('Standard Profiles'!$G$19=$B$17,14,0)+IF('Standard Profiles'!$G$19=$B$24,21,0),0)),0)</f>
        <v>2.7245140942361359</v>
      </c>
      <c r="F2709" cm="1">
        <f t="array" ref="F2709">IFERROR(INDEX(Jesper!AJ$2:AJ$366,ROUNDDOWN($C2709/24,0)+1,1)*INDEX($D$3:$AA$30,INDEX(Jesper!$R$2:$R$366,ROW(INDEX(Jesper!AJ$2:AJ$366,ROUNDDOWN($C2709/24,0)+1,1))-1)+IF('Standard Profiles'!$G$20=$B$10,7,0)+IF('Standard Profiles'!$G$20=$B$17,14,0)+IF('Standard Profiles'!$G$20=$B$24,21,0),MOD($C2709,24)+1)/SUM(INDEX($D$3:$AA$30,INDEX(Jesper!$R$2:$R$366,ROW(INDEX(Jesper!AJ$2:AJ$366,ROUNDDOWN($C2709/24,0)+1,1))-1)+IF('Standard Profiles'!$G$20=$B$10,7,0)+IF('Standard Profiles'!$G$20=$B$17,14,0)+IF('Standard Profiles'!$G$20=$B$24,21,0),0)),0)</f>
        <v>0</v>
      </c>
      <c r="G2709" cm="1">
        <f t="array" ref="G2709">IFERROR(INDEX(Jesper!AK$2:AK$366,ROUNDDOWN($C2709/24,0)+1,1)*INDEX($D$3:$AA$30,INDEX(Jesper!$R$2:$R$366,ROW(INDEX(Jesper!AK$2:AK$366,ROUNDDOWN($C2709/24,0)+1,1))-1)+IF('Standard Profiles'!$G$21=$B$10,7,0)+IF('Standard Profiles'!$G$21=$B$17,14,0)+IF('Standard Profiles'!$G$21=$B$24,21,0),MOD($C2709,24)+1)/SUM(INDEX($D$3:$AA$30,INDEX(Jesper!$R$2:$R$366,ROW(INDEX(Jesper!AK$2:AK$366,ROUNDDOWN($C2709/24,0)+1,1))-1)+IF('Standard Profiles'!$G$21=$B$10,7,0)+IF('Standard Profiles'!$G$21=$B$17,14,0)+IF('Standard Profiles'!$G$21=$B$24,21,0),0)),0)</f>
        <v>0</v>
      </c>
      <c r="H2709" cm="1">
        <f t="array" ref="H2709">IFERROR(INDEX(Jesper!AL$2:AL$366,ROUNDDOWN($C2709/24,0)+1,1)*INDEX($D$3:$AA$30,INDEX(Jesper!$R$2:$R$366,ROW(INDEX(Jesper!AL$2:AL$366,ROUNDDOWN($C2709/24,0)+1,1))-1)+IF('Standard Profiles'!$G$22=$B$10,7,0)+IF('Standard Profiles'!$G$22=$B$17,14,0)+IF('Standard Profiles'!$G$22=$B$24,21,0),MOD($C2709,24)+1)/SUM(INDEX($D$3:$AA$30,INDEX(Jesper!$R$2:$R$366,ROW(INDEX(Jesper!AL$2:AL$366,ROUNDDOWN($C2709/24,0)+1,1))-1)+IF('Standard Profiles'!$G$22=$B$10,7,0)+IF('Standard Profiles'!$G$22=$B$17,14,0)+IF('Standard Profiles'!$G$22=$B$24,21,0),0)),0)</f>
        <v>0</v>
      </c>
      <c r="I2709">
        <f t="shared" si="307"/>
        <v>0.24545172020145375</v>
      </c>
      <c r="J2709">
        <f t="shared" si="308"/>
        <v>0.81817240067151265</v>
      </c>
      <c r="K2709">
        <f t="shared" si="309"/>
        <v>1.2272586010072688</v>
      </c>
      <c r="L2709">
        <f t="shared" si="310"/>
        <v>13.88050083615652</v>
      </c>
      <c r="M2709">
        <f t="shared" si="311"/>
        <v>0</v>
      </c>
      <c r="N2709" s="46">
        <f t="shared" si="312"/>
        <v>45403.458333326846</v>
      </c>
    </row>
    <row r="2710" spans="2:14" x14ac:dyDescent="0.3">
      <c r="B2710">
        <f t="shared" si="306"/>
        <v>7</v>
      </c>
      <c r="C2710" s="16">
        <v>2676</v>
      </c>
      <c r="D2710" cm="1">
        <f t="array" ref="D2710">IFERROR(INDEX(Jesper!AH$2:AH$366,ROUNDDOWN($C2710/24,0)+1,1)*INDEX($D$3:$AA$30,INDEX(Jesper!$R$2:$R$366,ROW(INDEX(Jesper!AH$2:AH$366,ROUNDDOWN($C2710/24,0)+1,1))-1)+IF('Standard Profiles'!$G$18=$B$10,7,0)+IF('Standard Profiles'!$G$18=$B$17,14,0)+IF('Standard Profiles'!$G$18=$B$24,21,0),MOD($C2710,24)+1)/SUM(INDEX($D$3:$AA$30,INDEX(Jesper!$R$2:$R$366,ROW(INDEX(Jesper!AH$2:AH$366,ROUNDDOWN($C2710/24,0)+1,1))-1)+IF('Standard Profiles'!$G$18=$B$10,7,0)+IF('Standard Profiles'!$G$18=$B$17,14,0)+IF('Standard Profiles'!$G$18=$B$24,21,0),0)),0)</f>
        <v>13.446869463800619</v>
      </c>
      <c r="E2710" cm="1">
        <f t="array" ref="E2710">IFERROR(INDEX(Jesper!AI$2:AI$366,ROUNDDOWN($C2710/24,0)+1,1)*INDEX($D$3:$AA$30,INDEX(Jesper!$R$2:$R$366,ROW(INDEX(Jesper!AI$2:AI$366,ROUNDDOWN($C2710/24,0)+1,1))-1)+IF('Standard Profiles'!$G$19=$B$10,7,0)+IF('Standard Profiles'!$G$19=$B$17,14,0)+IF('Standard Profiles'!$G$19=$B$24,21,0),MOD($C2710,24)+1)/SUM(INDEX($D$3:$AA$30,INDEX(Jesper!$R$2:$R$366,ROW(INDEX(Jesper!AI$2:AI$366,ROUNDDOWN($C2710/24,0)+1,1))-1)+IF('Standard Profiles'!$G$19=$B$10,7,0)+IF('Standard Profiles'!$G$19=$B$17,14,0)+IF('Standard Profiles'!$G$19=$B$24,21,0),0)),0)</f>
        <v>2.7245140942361359</v>
      </c>
      <c r="F2710" cm="1">
        <f t="array" ref="F2710">IFERROR(INDEX(Jesper!AJ$2:AJ$366,ROUNDDOWN($C2710/24,0)+1,1)*INDEX($D$3:$AA$30,INDEX(Jesper!$R$2:$R$366,ROW(INDEX(Jesper!AJ$2:AJ$366,ROUNDDOWN($C2710/24,0)+1,1))-1)+IF('Standard Profiles'!$G$20=$B$10,7,0)+IF('Standard Profiles'!$G$20=$B$17,14,0)+IF('Standard Profiles'!$G$20=$B$24,21,0),MOD($C2710,24)+1)/SUM(INDEX($D$3:$AA$30,INDEX(Jesper!$R$2:$R$366,ROW(INDEX(Jesper!AJ$2:AJ$366,ROUNDDOWN($C2710/24,0)+1,1))-1)+IF('Standard Profiles'!$G$20=$B$10,7,0)+IF('Standard Profiles'!$G$20=$B$17,14,0)+IF('Standard Profiles'!$G$20=$B$24,21,0),0)),0)</f>
        <v>0</v>
      </c>
      <c r="G2710" cm="1">
        <f t="array" ref="G2710">IFERROR(INDEX(Jesper!AK$2:AK$366,ROUNDDOWN($C2710/24,0)+1,1)*INDEX($D$3:$AA$30,INDEX(Jesper!$R$2:$R$366,ROW(INDEX(Jesper!AK$2:AK$366,ROUNDDOWN($C2710/24,0)+1,1))-1)+IF('Standard Profiles'!$G$21=$B$10,7,0)+IF('Standard Profiles'!$G$21=$B$17,14,0)+IF('Standard Profiles'!$G$21=$B$24,21,0),MOD($C2710,24)+1)/SUM(INDEX($D$3:$AA$30,INDEX(Jesper!$R$2:$R$366,ROW(INDEX(Jesper!AK$2:AK$366,ROUNDDOWN($C2710/24,0)+1,1))-1)+IF('Standard Profiles'!$G$21=$B$10,7,0)+IF('Standard Profiles'!$G$21=$B$17,14,0)+IF('Standard Profiles'!$G$21=$B$24,21,0),0)),0)</f>
        <v>0</v>
      </c>
      <c r="H2710" cm="1">
        <f t="array" ref="H2710">IFERROR(INDEX(Jesper!AL$2:AL$366,ROUNDDOWN($C2710/24,0)+1,1)*INDEX($D$3:$AA$30,INDEX(Jesper!$R$2:$R$366,ROW(INDEX(Jesper!AL$2:AL$366,ROUNDDOWN($C2710/24,0)+1,1))-1)+IF('Standard Profiles'!$G$22=$B$10,7,0)+IF('Standard Profiles'!$G$22=$B$17,14,0)+IF('Standard Profiles'!$G$22=$B$24,21,0),MOD($C2710,24)+1)/SUM(INDEX($D$3:$AA$30,INDEX(Jesper!$R$2:$R$366,ROW(INDEX(Jesper!AL$2:AL$366,ROUNDDOWN($C2710/24,0)+1,1))-1)+IF('Standard Profiles'!$G$22=$B$10,7,0)+IF('Standard Profiles'!$G$22=$B$17,14,0)+IF('Standard Profiles'!$G$22=$B$24,21,0),0)),0)</f>
        <v>0</v>
      </c>
      <c r="I2710">
        <f t="shared" si="307"/>
        <v>0.24545172020145375</v>
      </c>
      <c r="J2710">
        <f t="shared" si="308"/>
        <v>0.81817240067151265</v>
      </c>
      <c r="K2710">
        <f t="shared" si="309"/>
        <v>1.2272586010072688</v>
      </c>
      <c r="L2710">
        <f t="shared" si="310"/>
        <v>13.88050083615652</v>
      </c>
      <c r="M2710">
        <f t="shared" si="311"/>
        <v>0</v>
      </c>
      <c r="N2710" s="46">
        <f t="shared" si="312"/>
        <v>45403.49999999351</v>
      </c>
    </row>
    <row r="2711" spans="2:14" x14ac:dyDescent="0.3">
      <c r="B2711">
        <f t="shared" si="306"/>
        <v>7</v>
      </c>
      <c r="C2711" s="16">
        <v>2677</v>
      </c>
      <c r="D2711" cm="1">
        <f t="array" ref="D2711">IFERROR(INDEX(Jesper!AH$2:AH$366,ROUNDDOWN($C2711/24,0)+1,1)*INDEX($D$3:$AA$30,INDEX(Jesper!$R$2:$R$366,ROW(INDEX(Jesper!AH$2:AH$366,ROUNDDOWN($C2711/24,0)+1,1))-1)+IF('Standard Profiles'!$G$18=$B$10,7,0)+IF('Standard Profiles'!$G$18=$B$17,14,0)+IF('Standard Profiles'!$G$18=$B$24,21,0),MOD($C2711,24)+1)/SUM(INDEX($D$3:$AA$30,INDEX(Jesper!$R$2:$R$366,ROW(INDEX(Jesper!AH$2:AH$366,ROUNDDOWN($C2711/24,0)+1,1))-1)+IF('Standard Profiles'!$G$18=$B$10,7,0)+IF('Standard Profiles'!$G$18=$B$17,14,0)+IF('Standard Profiles'!$G$18=$B$24,21,0),0)),0)</f>
        <v>13.446869463800619</v>
      </c>
      <c r="E2711" cm="1">
        <f t="array" ref="E2711">IFERROR(INDEX(Jesper!AI$2:AI$366,ROUNDDOWN($C2711/24,0)+1,1)*INDEX($D$3:$AA$30,INDEX(Jesper!$R$2:$R$366,ROW(INDEX(Jesper!AI$2:AI$366,ROUNDDOWN($C2711/24,0)+1,1))-1)+IF('Standard Profiles'!$G$19=$B$10,7,0)+IF('Standard Profiles'!$G$19=$B$17,14,0)+IF('Standard Profiles'!$G$19=$B$24,21,0),MOD($C2711,24)+1)/SUM(INDEX($D$3:$AA$30,INDEX(Jesper!$R$2:$R$366,ROW(INDEX(Jesper!AI$2:AI$366,ROUNDDOWN($C2711/24,0)+1,1))-1)+IF('Standard Profiles'!$G$19=$B$10,7,0)+IF('Standard Profiles'!$G$19=$B$17,14,0)+IF('Standard Profiles'!$G$19=$B$24,21,0),0)),0)</f>
        <v>2.7245140942361359</v>
      </c>
      <c r="F2711" cm="1">
        <f t="array" ref="F2711">IFERROR(INDEX(Jesper!AJ$2:AJ$366,ROUNDDOWN($C2711/24,0)+1,1)*INDEX($D$3:$AA$30,INDEX(Jesper!$R$2:$R$366,ROW(INDEX(Jesper!AJ$2:AJ$366,ROUNDDOWN($C2711/24,0)+1,1))-1)+IF('Standard Profiles'!$G$20=$B$10,7,0)+IF('Standard Profiles'!$G$20=$B$17,14,0)+IF('Standard Profiles'!$G$20=$B$24,21,0),MOD($C2711,24)+1)/SUM(INDEX($D$3:$AA$30,INDEX(Jesper!$R$2:$R$366,ROW(INDEX(Jesper!AJ$2:AJ$366,ROUNDDOWN($C2711/24,0)+1,1))-1)+IF('Standard Profiles'!$G$20=$B$10,7,0)+IF('Standard Profiles'!$G$20=$B$17,14,0)+IF('Standard Profiles'!$G$20=$B$24,21,0),0)),0)</f>
        <v>0</v>
      </c>
      <c r="G2711" cm="1">
        <f t="array" ref="G2711">IFERROR(INDEX(Jesper!AK$2:AK$366,ROUNDDOWN($C2711/24,0)+1,1)*INDEX($D$3:$AA$30,INDEX(Jesper!$R$2:$R$366,ROW(INDEX(Jesper!AK$2:AK$366,ROUNDDOWN($C2711/24,0)+1,1))-1)+IF('Standard Profiles'!$G$21=$B$10,7,0)+IF('Standard Profiles'!$G$21=$B$17,14,0)+IF('Standard Profiles'!$G$21=$B$24,21,0),MOD($C2711,24)+1)/SUM(INDEX($D$3:$AA$30,INDEX(Jesper!$R$2:$R$366,ROW(INDEX(Jesper!AK$2:AK$366,ROUNDDOWN($C2711/24,0)+1,1))-1)+IF('Standard Profiles'!$G$21=$B$10,7,0)+IF('Standard Profiles'!$G$21=$B$17,14,0)+IF('Standard Profiles'!$G$21=$B$24,21,0),0)),0)</f>
        <v>0</v>
      </c>
      <c r="H2711" cm="1">
        <f t="array" ref="H2711">IFERROR(INDEX(Jesper!AL$2:AL$366,ROUNDDOWN($C2711/24,0)+1,1)*INDEX($D$3:$AA$30,INDEX(Jesper!$R$2:$R$366,ROW(INDEX(Jesper!AL$2:AL$366,ROUNDDOWN($C2711/24,0)+1,1))-1)+IF('Standard Profiles'!$G$22=$B$10,7,0)+IF('Standard Profiles'!$G$22=$B$17,14,0)+IF('Standard Profiles'!$G$22=$B$24,21,0),MOD($C2711,24)+1)/SUM(INDEX($D$3:$AA$30,INDEX(Jesper!$R$2:$R$366,ROW(INDEX(Jesper!AL$2:AL$366,ROUNDDOWN($C2711/24,0)+1,1))-1)+IF('Standard Profiles'!$G$22=$B$10,7,0)+IF('Standard Profiles'!$G$22=$B$17,14,0)+IF('Standard Profiles'!$G$22=$B$24,21,0),0)),0)</f>
        <v>0</v>
      </c>
      <c r="I2711">
        <f t="shared" si="307"/>
        <v>0.24545172020145375</v>
      </c>
      <c r="J2711">
        <f t="shared" si="308"/>
        <v>0.81817240067151265</v>
      </c>
      <c r="K2711">
        <f t="shared" si="309"/>
        <v>1.2272586010072688</v>
      </c>
      <c r="L2711">
        <f t="shared" si="310"/>
        <v>13.88050083615652</v>
      </c>
      <c r="M2711">
        <f t="shared" si="311"/>
        <v>0</v>
      </c>
      <c r="N2711" s="46">
        <f t="shared" si="312"/>
        <v>45403.541666660174</v>
      </c>
    </row>
    <row r="2712" spans="2:14" x14ac:dyDescent="0.3">
      <c r="B2712">
        <f t="shared" si="306"/>
        <v>7</v>
      </c>
      <c r="C2712" s="16">
        <v>2678</v>
      </c>
      <c r="D2712" cm="1">
        <f t="array" ref="D2712">IFERROR(INDEX(Jesper!AH$2:AH$366,ROUNDDOWN($C2712/24,0)+1,1)*INDEX($D$3:$AA$30,INDEX(Jesper!$R$2:$R$366,ROW(INDEX(Jesper!AH$2:AH$366,ROUNDDOWN($C2712/24,0)+1,1))-1)+IF('Standard Profiles'!$G$18=$B$10,7,0)+IF('Standard Profiles'!$G$18=$B$17,14,0)+IF('Standard Profiles'!$G$18=$B$24,21,0),MOD($C2712,24)+1)/SUM(INDEX($D$3:$AA$30,INDEX(Jesper!$R$2:$R$366,ROW(INDEX(Jesper!AH$2:AH$366,ROUNDDOWN($C2712/24,0)+1,1))-1)+IF('Standard Profiles'!$G$18=$B$10,7,0)+IF('Standard Profiles'!$G$18=$B$17,14,0)+IF('Standard Profiles'!$G$18=$B$24,21,0),0)),0)</f>
        <v>13.446869463800619</v>
      </c>
      <c r="E2712" cm="1">
        <f t="array" ref="E2712">IFERROR(INDEX(Jesper!AI$2:AI$366,ROUNDDOWN($C2712/24,0)+1,1)*INDEX($D$3:$AA$30,INDEX(Jesper!$R$2:$R$366,ROW(INDEX(Jesper!AI$2:AI$366,ROUNDDOWN($C2712/24,0)+1,1))-1)+IF('Standard Profiles'!$G$19=$B$10,7,0)+IF('Standard Profiles'!$G$19=$B$17,14,0)+IF('Standard Profiles'!$G$19=$B$24,21,0),MOD($C2712,24)+1)/SUM(INDEX($D$3:$AA$30,INDEX(Jesper!$R$2:$R$366,ROW(INDEX(Jesper!AI$2:AI$366,ROUNDDOWN($C2712/24,0)+1,1))-1)+IF('Standard Profiles'!$G$19=$B$10,7,0)+IF('Standard Profiles'!$G$19=$B$17,14,0)+IF('Standard Profiles'!$G$19=$B$24,21,0),0)),0)</f>
        <v>2.7245140942361359</v>
      </c>
      <c r="F2712" cm="1">
        <f t="array" ref="F2712">IFERROR(INDEX(Jesper!AJ$2:AJ$366,ROUNDDOWN($C2712/24,0)+1,1)*INDEX($D$3:$AA$30,INDEX(Jesper!$R$2:$R$366,ROW(INDEX(Jesper!AJ$2:AJ$366,ROUNDDOWN($C2712/24,0)+1,1))-1)+IF('Standard Profiles'!$G$20=$B$10,7,0)+IF('Standard Profiles'!$G$20=$B$17,14,0)+IF('Standard Profiles'!$G$20=$B$24,21,0),MOD($C2712,24)+1)/SUM(INDEX($D$3:$AA$30,INDEX(Jesper!$R$2:$R$366,ROW(INDEX(Jesper!AJ$2:AJ$366,ROUNDDOWN($C2712/24,0)+1,1))-1)+IF('Standard Profiles'!$G$20=$B$10,7,0)+IF('Standard Profiles'!$G$20=$B$17,14,0)+IF('Standard Profiles'!$G$20=$B$24,21,0),0)),0)</f>
        <v>0</v>
      </c>
      <c r="G2712" cm="1">
        <f t="array" ref="G2712">IFERROR(INDEX(Jesper!AK$2:AK$366,ROUNDDOWN($C2712/24,0)+1,1)*INDEX($D$3:$AA$30,INDEX(Jesper!$R$2:$R$366,ROW(INDEX(Jesper!AK$2:AK$366,ROUNDDOWN($C2712/24,0)+1,1))-1)+IF('Standard Profiles'!$G$21=$B$10,7,0)+IF('Standard Profiles'!$G$21=$B$17,14,0)+IF('Standard Profiles'!$G$21=$B$24,21,0),MOD($C2712,24)+1)/SUM(INDEX($D$3:$AA$30,INDEX(Jesper!$R$2:$R$366,ROW(INDEX(Jesper!AK$2:AK$366,ROUNDDOWN($C2712/24,0)+1,1))-1)+IF('Standard Profiles'!$G$21=$B$10,7,0)+IF('Standard Profiles'!$G$21=$B$17,14,0)+IF('Standard Profiles'!$G$21=$B$24,21,0),0)),0)</f>
        <v>0</v>
      </c>
      <c r="H2712" cm="1">
        <f t="array" ref="H2712">IFERROR(INDEX(Jesper!AL$2:AL$366,ROUNDDOWN($C2712/24,0)+1,1)*INDEX($D$3:$AA$30,INDEX(Jesper!$R$2:$R$366,ROW(INDEX(Jesper!AL$2:AL$366,ROUNDDOWN($C2712/24,0)+1,1))-1)+IF('Standard Profiles'!$G$22=$B$10,7,0)+IF('Standard Profiles'!$G$22=$B$17,14,0)+IF('Standard Profiles'!$G$22=$B$24,21,0),MOD($C2712,24)+1)/SUM(INDEX($D$3:$AA$30,INDEX(Jesper!$R$2:$R$366,ROW(INDEX(Jesper!AL$2:AL$366,ROUNDDOWN($C2712/24,0)+1,1))-1)+IF('Standard Profiles'!$G$22=$B$10,7,0)+IF('Standard Profiles'!$G$22=$B$17,14,0)+IF('Standard Profiles'!$G$22=$B$24,21,0),0)),0)</f>
        <v>0</v>
      </c>
      <c r="I2712">
        <f t="shared" si="307"/>
        <v>0.24545172020145375</v>
      </c>
      <c r="J2712">
        <f t="shared" si="308"/>
        <v>0.81817240067151265</v>
      </c>
      <c r="K2712">
        <f t="shared" si="309"/>
        <v>1.2272586010072688</v>
      </c>
      <c r="L2712">
        <f t="shared" si="310"/>
        <v>13.88050083615652</v>
      </c>
      <c r="M2712">
        <f t="shared" si="311"/>
        <v>0</v>
      </c>
      <c r="N2712" s="46">
        <f t="shared" si="312"/>
        <v>45403.583333326838</v>
      </c>
    </row>
    <row r="2713" spans="2:14" x14ac:dyDescent="0.3">
      <c r="B2713">
        <f t="shared" si="306"/>
        <v>7</v>
      </c>
      <c r="C2713" s="16">
        <v>2679</v>
      </c>
      <c r="D2713" cm="1">
        <f t="array" ref="D2713">IFERROR(INDEX(Jesper!AH$2:AH$366,ROUNDDOWN($C2713/24,0)+1,1)*INDEX($D$3:$AA$30,INDEX(Jesper!$R$2:$R$366,ROW(INDEX(Jesper!AH$2:AH$366,ROUNDDOWN($C2713/24,0)+1,1))-1)+IF('Standard Profiles'!$G$18=$B$10,7,0)+IF('Standard Profiles'!$G$18=$B$17,14,0)+IF('Standard Profiles'!$G$18=$B$24,21,0),MOD($C2713,24)+1)/SUM(INDEX($D$3:$AA$30,INDEX(Jesper!$R$2:$R$366,ROW(INDEX(Jesper!AH$2:AH$366,ROUNDDOWN($C2713/24,0)+1,1))-1)+IF('Standard Profiles'!$G$18=$B$10,7,0)+IF('Standard Profiles'!$G$18=$B$17,14,0)+IF('Standard Profiles'!$G$18=$B$24,21,0),0)),0)</f>
        <v>11.952772856711661</v>
      </c>
      <c r="E2713" cm="1">
        <f t="array" ref="E2713">IFERROR(INDEX(Jesper!AI$2:AI$366,ROUNDDOWN($C2713/24,0)+1,1)*INDEX($D$3:$AA$30,INDEX(Jesper!$R$2:$R$366,ROW(INDEX(Jesper!AI$2:AI$366,ROUNDDOWN($C2713/24,0)+1,1))-1)+IF('Standard Profiles'!$G$19=$B$10,7,0)+IF('Standard Profiles'!$G$19=$B$17,14,0)+IF('Standard Profiles'!$G$19=$B$24,21,0),MOD($C2713,24)+1)/SUM(INDEX($D$3:$AA$30,INDEX(Jesper!$R$2:$R$366,ROW(INDEX(Jesper!AI$2:AI$366,ROUNDDOWN($C2713/24,0)+1,1))-1)+IF('Standard Profiles'!$G$19=$B$10,7,0)+IF('Standard Profiles'!$G$19=$B$17,14,0)+IF('Standard Profiles'!$G$19=$B$24,21,0),0)),0)</f>
        <v>2.4217903059876758</v>
      </c>
      <c r="F2713" cm="1">
        <f t="array" ref="F2713">IFERROR(INDEX(Jesper!AJ$2:AJ$366,ROUNDDOWN($C2713/24,0)+1,1)*INDEX($D$3:$AA$30,INDEX(Jesper!$R$2:$R$366,ROW(INDEX(Jesper!AJ$2:AJ$366,ROUNDDOWN($C2713/24,0)+1,1))-1)+IF('Standard Profiles'!$G$20=$B$10,7,0)+IF('Standard Profiles'!$G$20=$B$17,14,0)+IF('Standard Profiles'!$G$20=$B$24,21,0),MOD($C2713,24)+1)/SUM(INDEX($D$3:$AA$30,INDEX(Jesper!$R$2:$R$366,ROW(INDEX(Jesper!AJ$2:AJ$366,ROUNDDOWN($C2713/24,0)+1,1))-1)+IF('Standard Profiles'!$G$20=$B$10,7,0)+IF('Standard Profiles'!$G$20=$B$17,14,0)+IF('Standard Profiles'!$G$20=$B$24,21,0),0)),0)</f>
        <v>0</v>
      </c>
      <c r="G2713" cm="1">
        <f t="array" ref="G2713">IFERROR(INDEX(Jesper!AK$2:AK$366,ROUNDDOWN($C2713/24,0)+1,1)*INDEX($D$3:$AA$30,INDEX(Jesper!$R$2:$R$366,ROW(INDEX(Jesper!AK$2:AK$366,ROUNDDOWN($C2713/24,0)+1,1))-1)+IF('Standard Profiles'!$G$21=$B$10,7,0)+IF('Standard Profiles'!$G$21=$B$17,14,0)+IF('Standard Profiles'!$G$21=$B$24,21,0),MOD($C2713,24)+1)/SUM(INDEX($D$3:$AA$30,INDEX(Jesper!$R$2:$R$366,ROW(INDEX(Jesper!AK$2:AK$366,ROUNDDOWN($C2713/24,0)+1,1))-1)+IF('Standard Profiles'!$G$21=$B$10,7,0)+IF('Standard Profiles'!$G$21=$B$17,14,0)+IF('Standard Profiles'!$G$21=$B$24,21,0),0)),0)</f>
        <v>0</v>
      </c>
      <c r="H2713" cm="1">
        <f t="array" ref="H2713">IFERROR(INDEX(Jesper!AL$2:AL$366,ROUNDDOWN($C2713/24,0)+1,1)*INDEX($D$3:$AA$30,INDEX(Jesper!$R$2:$R$366,ROW(INDEX(Jesper!AL$2:AL$366,ROUNDDOWN($C2713/24,0)+1,1))-1)+IF('Standard Profiles'!$G$22=$B$10,7,0)+IF('Standard Profiles'!$G$22=$B$17,14,0)+IF('Standard Profiles'!$G$22=$B$24,21,0),MOD($C2713,24)+1)/SUM(INDEX($D$3:$AA$30,INDEX(Jesper!$R$2:$R$366,ROW(INDEX(Jesper!AL$2:AL$366,ROUNDDOWN($C2713/24,0)+1,1))-1)+IF('Standard Profiles'!$G$22=$B$10,7,0)+IF('Standard Profiles'!$G$22=$B$17,14,0)+IF('Standard Profiles'!$G$22=$B$24,21,0),0)),0)</f>
        <v>0</v>
      </c>
      <c r="I2713">
        <f t="shared" si="307"/>
        <v>0.21817930684573661</v>
      </c>
      <c r="J2713">
        <f t="shared" si="308"/>
        <v>0.72726435615245544</v>
      </c>
      <c r="K2713">
        <f t="shared" si="309"/>
        <v>1.0908965342286832</v>
      </c>
      <c r="L2713">
        <f t="shared" si="310"/>
        <v>12.338222965472461</v>
      </c>
      <c r="M2713">
        <f t="shared" si="311"/>
        <v>0</v>
      </c>
      <c r="N2713" s="46">
        <f t="shared" si="312"/>
        <v>45403.624999993503</v>
      </c>
    </row>
    <row r="2714" spans="2:14" x14ac:dyDescent="0.3">
      <c r="B2714">
        <f t="shared" si="306"/>
        <v>7</v>
      </c>
      <c r="C2714" s="16">
        <v>2680</v>
      </c>
      <c r="D2714" cm="1">
        <f t="array" ref="D2714">IFERROR(INDEX(Jesper!AH$2:AH$366,ROUNDDOWN($C2714/24,0)+1,1)*INDEX($D$3:$AA$30,INDEX(Jesper!$R$2:$R$366,ROW(INDEX(Jesper!AH$2:AH$366,ROUNDDOWN($C2714/24,0)+1,1))-1)+IF('Standard Profiles'!$G$18=$B$10,7,0)+IF('Standard Profiles'!$G$18=$B$17,14,0)+IF('Standard Profiles'!$G$18=$B$24,21,0),MOD($C2714,24)+1)/SUM(INDEX($D$3:$AA$30,INDEX(Jesper!$R$2:$R$366,ROW(INDEX(Jesper!AH$2:AH$366,ROUNDDOWN($C2714/24,0)+1,1))-1)+IF('Standard Profiles'!$G$18=$B$10,7,0)+IF('Standard Profiles'!$G$18=$B$17,14,0)+IF('Standard Profiles'!$G$18=$B$24,21,0),0)),0)</f>
        <v>11.739330484270381</v>
      </c>
      <c r="E2714" cm="1">
        <f t="array" ref="E2714">IFERROR(INDEX(Jesper!AI$2:AI$366,ROUNDDOWN($C2714/24,0)+1,1)*INDEX($D$3:$AA$30,INDEX(Jesper!$R$2:$R$366,ROW(INDEX(Jesper!AI$2:AI$366,ROUNDDOWN($C2714/24,0)+1,1))-1)+IF('Standard Profiles'!$G$19=$B$10,7,0)+IF('Standard Profiles'!$G$19=$B$17,14,0)+IF('Standard Profiles'!$G$19=$B$24,21,0),MOD($C2714,24)+1)/SUM(INDEX($D$3:$AA$30,INDEX(Jesper!$R$2:$R$366,ROW(INDEX(Jesper!AI$2:AI$366,ROUNDDOWN($C2714/24,0)+1,1))-1)+IF('Standard Profiles'!$G$19=$B$10,7,0)+IF('Standard Profiles'!$G$19=$B$17,14,0)+IF('Standard Profiles'!$G$19=$B$24,21,0),0)),0)</f>
        <v>2.37854405052361</v>
      </c>
      <c r="F2714" cm="1">
        <f t="array" ref="F2714">IFERROR(INDEX(Jesper!AJ$2:AJ$366,ROUNDDOWN($C2714/24,0)+1,1)*INDEX($D$3:$AA$30,INDEX(Jesper!$R$2:$R$366,ROW(INDEX(Jesper!AJ$2:AJ$366,ROUNDDOWN($C2714/24,0)+1,1))-1)+IF('Standard Profiles'!$G$20=$B$10,7,0)+IF('Standard Profiles'!$G$20=$B$17,14,0)+IF('Standard Profiles'!$G$20=$B$24,21,0),MOD($C2714,24)+1)/SUM(INDEX($D$3:$AA$30,INDEX(Jesper!$R$2:$R$366,ROW(INDEX(Jesper!AJ$2:AJ$366,ROUNDDOWN($C2714/24,0)+1,1))-1)+IF('Standard Profiles'!$G$20=$B$10,7,0)+IF('Standard Profiles'!$G$20=$B$17,14,0)+IF('Standard Profiles'!$G$20=$B$24,21,0),0)),0)</f>
        <v>0</v>
      </c>
      <c r="G2714" cm="1">
        <f t="array" ref="G2714">IFERROR(INDEX(Jesper!AK$2:AK$366,ROUNDDOWN($C2714/24,0)+1,1)*INDEX($D$3:$AA$30,INDEX(Jesper!$R$2:$R$366,ROW(INDEX(Jesper!AK$2:AK$366,ROUNDDOWN($C2714/24,0)+1,1))-1)+IF('Standard Profiles'!$G$21=$B$10,7,0)+IF('Standard Profiles'!$G$21=$B$17,14,0)+IF('Standard Profiles'!$G$21=$B$24,21,0),MOD($C2714,24)+1)/SUM(INDEX($D$3:$AA$30,INDEX(Jesper!$R$2:$R$366,ROW(INDEX(Jesper!AK$2:AK$366,ROUNDDOWN($C2714/24,0)+1,1))-1)+IF('Standard Profiles'!$G$21=$B$10,7,0)+IF('Standard Profiles'!$G$21=$B$17,14,0)+IF('Standard Profiles'!$G$21=$B$24,21,0),0)),0)</f>
        <v>0</v>
      </c>
      <c r="H2714" cm="1">
        <f t="array" ref="H2714">IFERROR(INDEX(Jesper!AL$2:AL$366,ROUNDDOWN($C2714/24,0)+1,1)*INDEX($D$3:$AA$30,INDEX(Jesper!$R$2:$R$366,ROW(INDEX(Jesper!AL$2:AL$366,ROUNDDOWN($C2714/24,0)+1,1))-1)+IF('Standard Profiles'!$G$22=$B$10,7,0)+IF('Standard Profiles'!$G$22=$B$17,14,0)+IF('Standard Profiles'!$G$22=$B$24,21,0),MOD($C2714,24)+1)/SUM(INDEX($D$3:$AA$30,INDEX(Jesper!$R$2:$R$366,ROW(INDEX(Jesper!AL$2:AL$366,ROUNDDOWN($C2714/24,0)+1,1))-1)+IF('Standard Profiles'!$G$22=$B$10,7,0)+IF('Standard Profiles'!$G$22=$B$17,14,0)+IF('Standard Profiles'!$G$22=$B$24,21,0),0)),0)</f>
        <v>0</v>
      </c>
      <c r="I2714">
        <f t="shared" si="307"/>
        <v>0.21428324779491986</v>
      </c>
      <c r="J2714">
        <f t="shared" si="308"/>
        <v>0.71427749264973295</v>
      </c>
      <c r="K2714">
        <f t="shared" si="309"/>
        <v>1.0714162389745996</v>
      </c>
      <c r="L2714">
        <f t="shared" si="310"/>
        <v>12.117897555374739</v>
      </c>
      <c r="M2714">
        <f t="shared" si="311"/>
        <v>0</v>
      </c>
      <c r="N2714" s="46">
        <f t="shared" si="312"/>
        <v>45403.666666660167</v>
      </c>
    </row>
    <row r="2715" spans="2:14" x14ac:dyDescent="0.3">
      <c r="B2715">
        <f t="shared" si="306"/>
        <v>7</v>
      </c>
      <c r="C2715" s="16">
        <v>2681</v>
      </c>
      <c r="D2715" cm="1">
        <f t="array" ref="D2715">IFERROR(INDEX(Jesper!AH$2:AH$366,ROUNDDOWN($C2715/24,0)+1,1)*INDEX($D$3:$AA$30,INDEX(Jesper!$R$2:$R$366,ROW(INDEX(Jesper!AH$2:AH$366,ROUNDDOWN($C2715/24,0)+1,1))-1)+IF('Standard Profiles'!$G$18=$B$10,7,0)+IF('Standard Profiles'!$G$18=$B$17,14,0)+IF('Standard Profiles'!$G$18=$B$24,21,0),MOD($C2715,24)+1)/SUM(INDEX($D$3:$AA$30,INDEX(Jesper!$R$2:$R$366,ROW(INDEX(Jesper!AH$2:AH$366,ROUNDDOWN($C2715/24,0)+1,1))-1)+IF('Standard Profiles'!$G$18=$B$10,7,0)+IF('Standard Profiles'!$G$18=$B$17,14,0)+IF('Standard Profiles'!$G$18=$B$24,21,0),0)),0)</f>
        <v>10.031791504740143</v>
      </c>
      <c r="E2715" cm="1">
        <f t="array" ref="E2715">IFERROR(INDEX(Jesper!AI$2:AI$366,ROUNDDOWN($C2715/24,0)+1,1)*INDEX($D$3:$AA$30,INDEX(Jesper!$R$2:$R$366,ROW(INDEX(Jesper!AI$2:AI$366,ROUNDDOWN($C2715/24,0)+1,1))-1)+IF('Standard Profiles'!$G$19=$B$10,7,0)+IF('Standard Profiles'!$G$19=$B$17,14,0)+IF('Standard Profiles'!$G$19=$B$24,21,0),MOD($C2715,24)+1)/SUM(INDEX($D$3:$AA$30,INDEX(Jesper!$R$2:$R$366,ROW(INDEX(Jesper!AI$2:AI$366,ROUNDDOWN($C2715/24,0)+1,1))-1)+IF('Standard Profiles'!$G$19=$B$10,7,0)+IF('Standard Profiles'!$G$19=$B$17,14,0)+IF('Standard Profiles'!$G$19=$B$24,21,0),0)),0)</f>
        <v>2.0325740068110854</v>
      </c>
      <c r="F2715" cm="1">
        <f t="array" ref="F2715">IFERROR(INDEX(Jesper!AJ$2:AJ$366,ROUNDDOWN($C2715/24,0)+1,1)*INDEX($D$3:$AA$30,INDEX(Jesper!$R$2:$R$366,ROW(INDEX(Jesper!AJ$2:AJ$366,ROUNDDOWN($C2715/24,0)+1,1))-1)+IF('Standard Profiles'!$G$20=$B$10,7,0)+IF('Standard Profiles'!$G$20=$B$17,14,0)+IF('Standard Profiles'!$G$20=$B$24,21,0),MOD($C2715,24)+1)/SUM(INDEX($D$3:$AA$30,INDEX(Jesper!$R$2:$R$366,ROW(INDEX(Jesper!AJ$2:AJ$366,ROUNDDOWN($C2715/24,0)+1,1))-1)+IF('Standard Profiles'!$G$20=$B$10,7,0)+IF('Standard Profiles'!$G$20=$B$17,14,0)+IF('Standard Profiles'!$G$20=$B$24,21,0),0)),0)</f>
        <v>0</v>
      </c>
      <c r="G2715" cm="1">
        <f t="array" ref="G2715">IFERROR(INDEX(Jesper!AK$2:AK$366,ROUNDDOWN($C2715/24,0)+1,1)*INDEX($D$3:$AA$30,INDEX(Jesper!$R$2:$R$366,ROW(INDEX(Jesper!AK$2:AK$366,ROUNDDOWN($C2715/24,0)+1,1))-1)+IF('Standard Profiles'!$G$21=$B$10,7,0)+IF('Standard Profiles'!$G$21=$B$17,14,0)+IF('Standard Profiles'!$G$21=$B$24,21,0),MOD($C2715,24)+1)/SUM(INDEX($D$3:$AA$30,INDEX(Jesper!$R$2:$R$366,ROW(INDEX(Jesper!AK$2:AK$366,ROUNDDOWN($C2715/24,0)+1,1))-1)+IF('Standard Profiles'!$G$21=$B$10,7,0)+IF('Standard Profiles'!$G$21=$B$17,14,0)+IF('Standard Profiles'!$G$21=$B$24,21,0),0)),0)</f>
        <v>0</v>
      </c>
      <c r="H2715" cm="1">
        <f t="array" ref="H2715">IFERROR(INDEX(Jesper!AL$2:AL$366,ROUNDDOWN($C2715/24,0)+1,1)*INDEX($D$3:$AA$30,INDEX(Jesper!$R$2:$R$366,ROW(INDEX(Jesper!AL$2:AL$366,ROUNDDOWN($C2715/24,0)+1,1))-1)+IF('Standard Profiles'!$G$22=$B$10,7,0)+IF('Standard Profiles'!$G$22=$B$17,14,0)+IF('Standard Profiles'!$G$22=$B$24,21,0),MOD($C2715,24)+1)/SUM(INDEX($D$3:$AA$30,INDEX(Jesper!$R$2:$R$366,ROW(INDEX(Jesper!AL$2:AL$366,ROUNDDOWN($C2715/24,0)+1,1))-1)+IF('Standard Profiles'!$G$22=$B$10,7,0)+IF('Standard Profiles'!$G$22=$B$17,14,0)+IF('Standard Profiles'!$G$22=$B$24,21,0),0)),0)</f>
        <v>0</v>
      </c>
      <c r="I2715">
        <f t="shared" si="307"/>
        <v>0.18311477538838611</v>
      </c>
      <c r="J2715">
        <f t="shared" si="308"/>
        <v>0.61038258462795381</v>
      </c>
      <c r="K2715">
        <f t="shared" si="309"/>
        <v>0.91557387694193071</v>
      </c>
      <c r="L2715">
        <f t="shared" si="310"/>
        <v>10.355294274592959</v>
      </c>
      <c r="M2715">
        <f t="shared" si="311"/>
        <v>0</v>
      </c>
      <c r="N2715" s="46">
        <f t="shared" si="312"/>
        <v>45403.708333326831</v>
      </c>
    </row>
    <row r="2716" spans="2:14" x14ac:dyDescent="0.3">
      <c r="B2716">
        <f t="shared" si="306"/>
        <v>7</v>
      </c>
      <c r="C2716" s="16">
        <v>2682</v>
      </c>
      <c r="D2716" cm="1">
        <f t="array" ref="D2716">IFERROR(INDEX(Jesper!AH$2:AH$366,ROUNDDOWN($C2716/24,0)+1,1)*INDEX($D$3:$AA$30,INDEX(Jesper!$R$2:$R$366,ROW(INDEX(Jesper!AH$2:AH$366,ROUNDDOWN($C2716/24,0)+1,1))-1)+IF('Standard Profiles'!$G$18=$B$10,7,0)+IF('Standard Profiles'!$G$18=$B$17,14,0)+IF('Standard Profiles'!$G$18=$B$24,21,0),MOD($C2716,24)+1)/SUM(INDEX($D$3:$AA$30,INDEX(Jesper!$R$2:$R$366,ROW(INDEX(Jesper!AH$2:AH$366,ROUNDDOWN($C2716/24,0)+1,1))-1)+IF('Standard Profiles'!$G$18=$B$10,7,0)+IF('Standard Profiles'!$G$18=$B$17,14,0)+IF('Standard Profiles'!$G$18=$B$24,21,0),0)),0)</f>
        <v>9.3914643874163062</v>
      </c>
      <c r="E2716" cm="1">
        <f t="array" ref="E2716">IFERROR(INDEX(Jesper!AI$2:AI$366,ROUNDDOWN($C2716/24,0)+1,1)*INDEX($D$3:$AA$30,INDEX(Jesper!$R$2:$R$366,ROW(INDEX(Jesper!AI$2:AI$366,ROUNDDOWN($C2716/24,0)+1,1))-1)+IF('Standard Profiles'!$G$19=$B$10,7,0)+IF('Standard Profiles'!$G$19=$B$17,14,0)+IF('Standard Profiles'!$G$19=$B$24,21,0),MOD($C2716,24)+1)/SUM(INDEX($D$3:$AA$30,INDEX(Jesper!$R$2:$R$366,ROW(INDEX(Jesper!AI$2:AI$366,ROUNDDOWN($C2716/24,0)+1,1))-1)+IF('Standard Profiles'!$G$19=$B$10,7,0)+IF('Standard Profiles'!$G$19=$B$17,14,0)+IF('Standard Profiles'!$G$19=$B$24,21,0),0)),0)</f>
        <v>1.9028352404188884</v>
      </c>
      <c r="F2716" cm="1">
        <f t="array" ref="F2716">IFERROR(INDEX(Jesper!AJ$2:AJ$366,ROUNDDOWN($C2716/24,0)+1,1)*INDEX($D$3:$AA$30,INDEX(Jesper!$R$2:$R$366,ROW(INDEX(Jesper!AJ$2:AJ$366,ROUNDDOWN($C2716/24,0)+1,1))-1)+IF('Standard Profiles'!$G$20=$B$10,7,0)+IF('Standard Profiles'!$G$20=$B$17,14,0)+IF('Standard Profiles'!$G$20=$B$24,21,0),MOD($C2716,24)+1)/SUM(INDEX($D$3:$AA$30,INDEX(Jesper!$R$2:$R$366,ROW(INDEX(Jesper!AJ$2:AJ$366,ROUNDDOWN($C2716/24,0)+1,1))-1)+IF('Standard Profiles'!$G$20=$B$10,7,0)+IF('Standard Profiles'!$G$20=$B$17,14,0)+IF('Standard Profiles'!$G$20=$B$24,21,0),0)),0)</f>
        <v>0</v>
      </c>
      <c r="G2716" cm="1">
        <f t="array" ref="G2716">IFERROR(INDEX(Jesper!AK$2:AK$366,ROUNDDOWN($C2716/24,0)+1,1)*INDEX($D$3:$AA$30,INDEX(Jesper!$R$2:$R$366,ROW(INDEX(Jesper!AK$2:AK$366,ROUNDDOWN($C2716/24,0)+1,1))-1)+IF('Standard Profiles'!$G$21=$B$10,7,0)+IF('Standard Profiles'!$G$21=$B$17,14,0)+IF('Standard Profiles'!$G$21=$B$24,21,0),MOD($C2716,24)+1)/SUM(INDEX($D$3:$AA$30,INDEX(Jesper!$R$2:$R$366,ROW(INDEX(Jesper!AK$2:AK$366,ROUNDDOWN($C2716/24,0)+1,1))-1)+IF('Standard Profiles'!$G$21=$B$10,7,0)+IF('Standard Profiles'!$G$21=$B$17,14,0)+IF('Standard Profiles'!$G$21=$B$24,21,0),0)),0)</f>
        <v>0</v>
      </c>
      <c r="H2716" cm="1">
        <f t="array" ref="H2716">IFERROR(INDEX(Jesper!AL$2:AL$366,ROUNDDOWN($C2716/24,0)+1,1)*INDEX($D$3:$AA$30,INDEX(Jesper!$R$2:$R$366,ROW(INDEX(Jesper!AL$2:AL$366,ROUNDDOWN($C2716/24,0)+1,1))-1)+IF('Standard Profiles'!$G$22=$B$10,7,0)+IF('Standard Profiles'!$G$22=$B$17,14,0)+IF('Standard Profiles'!$G$22=$B$24,21,0),MOD($C2716,24)+1)/SUM(INDEX($D$3:$AA$30,INDEX(Jesper!$R$2:$R$366,ROW(INDEX(Jesper!AL$2:AL$366,ROUNDDOWN($C2716/24,0)+1,1))-1)+IF('Standard Profiles'!$G$22=$B$10,7,0)+IF('Standard Profiles'!$G$22=$B$17,14,0)+IF('Standard Profiles'!$G$22=$B$24,21,0),0)),0)</f>
        <v>0</v>
      </c>
      <c r="I2716">
        <f t="shared" si="307"/>
        <v>0.17142659823593595</v>
      </c>
      <c r="J2716">
        <f t="shared" si="308"/>
        <v>0.57142199411978656</v>
      </c>
      <c r="K2716">
        <f t="shared" si="309"/>
        <v>0.85713299117967978</v>
      </c>
      <c r="L2716">
        <f t="shared" si="310"/>
        <v>9.6943180442997932</v>
      </c>
      <c r="M2716">
        <f t="shared" si="311"/>
        <v>0</v>
      </c>
      <c r="N2716" s="46">
        <f t="shared" si="312"/>
        <v>45403.749999993495</v>
      </c>
    </row>
    <row r="2717" spans="2:14" x14ac:dyDescent="0.3">
      <c r="B2717">
        <f t="shared" si="306"/>
        <v>7</v>
      </c>
      <c r="C2717" s="16">
        <v>2683</v>
      </c>
      <c r="D2717" cm="1">
        <f t="array" ref="D2717">IFERROR(INDEX(Jesper!AH$2:AH$366,ROUNDDOWN($C2717/24,0)+1,1)*INDEX($D$3:$AA$30,INDEX(Jesper!$R$2:$R$366,ROW(INDEX(Jesper!AH$2:AH$366,ROUNDDOWN($C2717/24,0)+1,1))-1)+IF('Standard Profiles'!$G$18=$B$10,7,0)+IF('Standard Profiles'!$G$18=$B$17,14,0)+IF('Standard Profiles'!$G$18=$B$24,21,0),MOD($C2717,24)+1)/SUM(INDEX($D$3:$AA$30,INDEX(Jesper!$R$2:$R$366,ROW(INDEX(Jesper!AH$2:AH$366,ROUNDDOWN($C2717/24,0)+1,1))-1)+IF('Standard Profiles'!$G$18=$B$10,7,0)+IF('Standard Profiles'!$G$18=$B$17,14,0)+IF('Standard Profiles'!$G$18=$B$24,21,0),0)),0)</f>
        <v>7.8973677803273477</v>
      </c>
      <c r="E2717" cm="1">
        <f t="array" ref="E2717">IFERROR(INDEX(Jesper!AI$2:AI$366,ROUNDDOWN($C2717/24,0)+1,1)*INDEX($D$3:$AA$30,INDEX(Jesper!$R$2:$R$366,ROW(INDEX(Jesper!AI$2:AI$366,ROUNDDOWN($C2717/24,0)+1,1))-1)+IF('Standard Profiles'!$G$19=$B$10,7,0)+IF('Standard Profiles'!$G$19=$B$17,14,0)+IF('Standard Profiles'!$G$19=$B$24,21,0),MOD($C2717,24)+1)/SUM(INDEX($D$3:$AA$30,INDEX(Jesper!$R$2:$R$366,ROW(INDEX(Jesper!AI$2:AI$366,ROUNDDOWN($C2717/24,0)+1,1))-1)+IF('Standard Profiles'!$G$19=$B$10,7,0)+IF('Standard Profiles'!$G$19=$B$17,14,0)+IF('Standard Profiles'!$G$19=$B$24,21,0),0)),0)</f>
        <v>1.6001114521704289</v>
      </c>
      <c r="F2717" cm="1">
        <f t="array" ref="F2717">IFERROR(INDEX(Jesper!AJ$2:AJ$366,ROUNDDOWN($C2717/24,0)+1,1)*INDEX($D$3:$AA$30,INDEX(Jesper!$R$2:$R$366,ROW(INDEX(Jesper!AJ$2:AJ$366,ROUNDDOWN($C2717/24,0)+1,1))-1)+IF('Standard Profiles'!$G$20=$B$10,7,0)+IF('Standard Profiles'!$G$20=$B$17,14,0)+IF('Standard Profiles'!$G$20=$B$24,21,0),MOD($C2717,24)+1)/SUM(INDEX($D$3:$AA$30,INDEX(Jesper!$R$2:$R$366,ROW(INDEX(Jesper!AJ$2:AJ$366,ROUNDDOWN($C2717/24,0)+1,1))-1)+IF('Standard Profiles'!$G$20=$B$10,7,0)+IF('Standard Profiles'!$G$20=$B$17,14,0)+IF('Standard Profiles'!$G$20=$B$24,21,0),0)),0)</f>
        <v>0</v>
      </c>
      <c r="G2717" cm="1">
        <f t="array" ref="G2717">IFERROR(INDEX(Jesper!AK$2:AK$366,ROUNDDOWN($C2717/24,0)+1,1)*INDEX($D$3:$AA$30,INDEX(Jesper!$R$2:$R$366,ROW(INDEX(Jesper!AK$2:AK$366,ROUNDDOWN($C2717/24,0)+1,1))-1)+IF('Standard Profiles'!$G$21=$B$10,7,0)+IF('Standard Profiles'!$G$21=$B$17,14,0)+IF('Standard Profiles'!$G$21=$B$24,21,0),MOD($C2717,24)+1)/SUM(INDEX($D$3:$AA$30,INDEX(Jesper!$R$2:$R$366,ROW(INDEX(Jesper!AK$2:AK$366,ROUNDDOWN($C2717/24,0)+1,1))-1)+IF('Standard Profiles'!$G$21=$B$10,7,0)+IF('Standard Profiles'!$G$21=$B$17,14,0)+IF('Standard Profiles'!$G$21=$B$24,21,0),0)),0)</f>
        <v>0</v>
      </c>
      <c r="H2717" cm="1">
        <f t="array" ref="H2717">IFERROR(INDEX(Jesper!AL$2:AL$366,ROUNDDOWN($C2717/24,0)+1,1)*INDEX($D$3:$AA$30,INDEX(Jesper!$R$2:$R$366,ROW(INDEX(Jesper!AL$2:AL$366,ROUNDDOWN($C2717/24,0)+1,1))-1)+IF('Standard Profiles'!$G$22=$B$10,7,0)+IF('Standard Profiles'!$G$22=$B$17,14,0)+IF('Standard Profiles'!$G$22=$B$24,21,0),MOD($C2717,24)+1)/SUM(INDEX($D$3:$AA$30,INDEX(Jesper!$R$2:$R$366,ROW(INDEX(Jesper!AL$2:AL$366,ROUNDDOWN($C2717/24,0)+1,1))-1)+IF('Standard Profiles'!$G$22=$B$10,7,0)+IF('Standard Profiles'!$G$22=$B$17,14,0)+IF('Standard Profiles'!$G$22=$B$24,21,0),0)),0)</f>
        <v>0</v>
      </c>
      <c r="I2717">
        <f t="shared" si="307"/>
        <v>0.14415418488021886</v>
      </c>
      <c r="J2717">
        <f t="shared" si="308"/>
        <v>0.48051394960072957</v>
      </c>
      <c r="K2717">
        <f t="shared" si="309"/>
        <v>0.72077092440109436</v>
      </c>
      <c r="L2717">
        <f t="shared" si="310"/>
        <v>8.1520401736157346</v>
      </c>
      <c r="M2717">
        <f t="shared" si="311"/>
        <v>0</v>
      </c>
      <c r="N2717" s="46">
        <f t="shared" si="312"/>
        <v>45403.79166666016</v>
      </c>
    </row>
    <row r="2718" spans="2:14" x14ac:dyDescent="0.3">
      <c r="B2718">
        <f t="shared" si="306"/>
        <v>7</v>
      </c>
      <c r="C2718" s="16">
        <v>2684</v>
      </c>
      <c r="D2718" cm="1">
        <f t="array" ref="D2718">IFERROR(INDEX(Jesper!AH$2:AH$366,ROUNDDOWN($C2718/24,0)+1,1)*INDEX($D$3:$AA$30,INDEX(Jesper!$R$2:$R$366,ROW(INDEX(Jesper!AH$2:AH$366,ROUNDDOWN($C2718/24,0)+1,1))-1)+IF('Standard Profiles'!$G$18=$B$10,7,0)+IF('Standard Profiles'!$G$18=$B$17,14,0)+IF('Standard Profiles'!$G$18=$B$24,21,0),MOD($C2718,24)+1)/SUM(INDEX($D$3:$AA$30,INDEX(Jesper!$R$2:$R$366,ROW(INDEX(Jesper!AH$2:AH$366,ROUNDDOWN($C2718/24,0)+1,1))-1)+IF('Standard Profiles'!$G$18=$B$10,7,0)+IF('Standard Profiles'!$G$18=$B$17,14,0)+IF('Standard Profiles'!$G$18=$B$24,21,0),0)),0)</f>
        <v>6.6167135456796693</v>
      </c>
      <c r="E2718" cm="1">
        <f t="array" ref="E2718">IFERROR(INDEX(Jesper!AI$2:AI$366,ROUNDDOWN($C2718/24,0)+1,1)*INDEX($D$3:$AA$30,INDEX(Jesper!$R$2:$R$366,ROW(INDEX(Jesper!AI$2:AI$366,ROUNDDOWN($C2718/24,0)+1,1))-1)+IF('Standard Profiles'!$G$19=$B$10,7,0)+IF('Standard Profiles'!$G$19=$B$17,14,0)+IF('Standard Profiles'!$G$19=$B$24,21,0),MOD($C2718,24)+1)/SUM(INDEX($D$3:$AA$30,INDEX(Jesper!$R$2:$R$366,ROW(INDEX(Jesper!AI$2:AI$366,ROUNDDOWN($C2718/24,0)+1,1))-1)+IF('Standard Profiles'!$G$19=$B$10,7,0)+IF('Standard Profiles'!$G$19=$B$17,14,0)+IF('Standard Profiles'!$G$19=$B$24,21,0),0)),0)</f>
        <v>1.340633919386035</v>
      </c>
      <c r="F2718" cm="1">
        <f t="array" ref="F2718">IFERROR(INDEX(Jesper!AJ$2:AJ$366,ROUNDDOWN($C2718/24,0)+1,1)*INDEX($D$3:$AA$30,INDEX(Jesper!$R$2:$R$366,ROW(INDEX(Jesper!AJ$2:AJ$366,ROUNDDOWN($C2718/24,0)+1,1))-1)+IF('Standard Profiles'!$G$20=$B$10,7,0)+IF('Standard Profiles'!$G$20=$B$17,14,0)+IF('Standard Profiles'!$G$20=$B$24,21,0),MOD($C2718,24)+1)/SUM(INDEX($D$3:$AA$30,INDEX(Jesper!$R$2:$R$366,ROW(INDEX(Jesper!AJ$2:AJ$366,ROUNDDOWN($C2718/24,0)+1,1))-1)+IF('Standard Profiles'!$G$20=$B$10,7,0)+IF('Standard Profiles'!$G$20=$B$17,14,0)+IF('Standard Profiles'!$G$20=$B$24,21,0),0)),0)</f>
        <v>0</v>
      </c>
      <c r="G2718" cm="1">
        <f t="array" ref="G2718">IFERROR(INDEX(Jesper!AK$2:AK$366,ROUNDDOWN($C2718/24,0)+1,1)*INDEX($D$3:$AA$30,INDEX(Jesper!$R$2:$R$366,ROW(INDEX(Jesper!AK$2:AK$366,ROUNDDOWN($C2718/24,0)+1,1))-1)+IF('Standard Profiles'!$G$21=$B$10,7,0)+IF('Standard Profiles'!$G$21=$B$17,14,0)+IF('Standard Profiles'!$G$21=$B$24,21,0),MOD($C2718,24)+1)/SUM(INDEX($D$3:$AA$30,INDEX(Jesper!$R$2:$R$366,ROW(INDEX(Jesper!AK$2:AK$366,ROUNDDOWN($C2718/24,0)+1,1))-1)+IF('Standard Profiles'!$G$21=$B$10,7,0)+IF('Standard Profiles'!$G$21=$B$17,14,0)+IF('Standard Profiles'!$G$21=$B$24,21,0),0)),0)</f>
        <v>0</v>
      </c>
      <c r="H2718" cm="1">
        <f t="array" ref="H2718">IFERROR(INDEX(Jesper!AL$2:AL$366,ROUNDDOWN($C2718/24,0)+1,1)*INDEX($D$3:$AA$30,INDEX(Jesper!$R$2:$R$366,ROW(INDEX(Jesper!AL$2:AL$366,ROUNDDOWN($C2718/24,0)+1,1))-1)+IF('Standard Profiles'!$G$22=$B$10,7,0)+IF('Standard Profiles'!$G$22=$B$17,14,0)+IF('Standard Profiles'!$G$22=$B$24,21,0),MOD($C2718,24)+1)/SUM(INDEX($D$3:$AA$30,INDEX(Jesper!$R$2:$R$366,ROW(INDEX(Jesper!AL$2:AL$366,ROUNDDOWN($C2718/24,0)+1,1))-1)+IF('Standard Profiles'!$G$22=$B$10,7,0)+IF('Standard Profiles'!$G$22=$B$17,14,0)+IF('Standard Profiles'!$G$22=$B$24,21,0),0)),0)</f>
        <v>0</v>
      </c>
      <c r="I2718">
        <f t="shared" si="307"/>
        <v>0.1207778305753185</v>
      </c>
      <c r="J2718">
        <f t="shared" si="308"/>
        <v>0.40259276858439508</v>
      </c>
      <c r="K2718">
        <f t="shared" si="309"/>
        <v>0.60388915287659262</v>
      </c>
      <c r="L2718">
        <f t="shared" si="310"/>
        <v>6.830087713029398</v>
      </c>
      <c r="M2718">
        <f t="shared" si="311"/>
        <v>0</v>
      </c>
      <c r="N2718" s="46">
        <f t="shared" si="312"/>
        <v>45403.833333326824</v>
      </c>
    </row>
    <row r="2719" spans="2:14" x14ac:dyDescent="0.3">
      <c r="B2719">
        <f t="shared" si="306"/>
        <v>7</v>
      </c>
      <c r="C2719" s="16">
        <v>2685</v>
      </c>
      <c r="D2719" cm="1">
        <f t="array" ref="D2719">IFERROR(INDEX(Jesper!AH$2:AH$366,ROUNDDOWN($C2719/24,0)+1,1)*INDEX($D$3:$AA$30,INDEX(Jesper!$R$2:$R$366,ROW(INDEX(Jesper!AH$2:AH$366,ROUNDDOWN($C2719/24,0)+1,1))-1)+IF('Standard Profiles'!$G$18=$B$10,7,0)+IF('Standard Profiles'!$G$18=$B$17,14,0)+IF('Standard Profiles'!$G$18=$B$24,21,0),MOD($C2719,24)+1)/SUM(INDEX($D$3:$AA$30,INDEX(Jesper!$R$2:$R$366,ROW(INDEX(Jesper!AH$2:AH$366,ROUNDDOWN($C2719/24,0)+1,1))-1)+IF('Standard Profiles'!$G$18=$B$10,7,0)+IF('Standard Profiles'!$G$18=$B$17,14,0)+IF('Standard Profiles'!$G$18=$B$24,21,0),0)),0)</f>
        <v>5.7629440559145513</v>
      </c>
      <c r="E2719" cm="1">
        <f t="array" ref="E2719">IFERROR(INDEX(Jesper!AI$2:AI$366,ROUNDDOWN($C2719/24,0)+1,1)*INDEX($D$3:$AA$30,INDEX(Jesper!$R$2:$R$366,ROW(INDEX(Jesper!AI$2:AI$366,ROUNDDOWN($C2719/24,0)+1,1))-1)+IF('Standard Profiles'!$G$19=$B$10,7,0)+IF('Standard Profiles'!$G$19=$B$17,14,0)+IF('Standard Profiles'!$G$19=$B$24,21,0),MOD($C2719,24)+1)/SUM(INDEX($D$3:$AA$30,INDEX(Jesper!$R$2:$R$366,ROW(INDEX(Jesper!AI$2:AI$366,ROUNDDOWN($C2719/24,0)+1,1))-1)+IF('Standard Profiles'!$G$19=$B$10,7,0)+IF('Standard Profiles'!$G$19=$B$17,14,0)+IF('Standard Profiles'!$G$19=$B$24,21,0),0)),0)</f>
        <v>1.1676488975297723</v>
      </c>
      <c r="F2719" cm="1">
        <f t="array" ref="F2719">IFERROR(INDEX(Jesper!AJ$2:AJ$366,ROUNDDOWN($C2719/24,0)+1,1)*INDEX($D$3:$AA$30,INDEX(Jesper!$R$2:$R$366,ROW(INDEX(Jesper!AJ$2:AJ$366,ROUNDDOWN($C2719/24,0)+1,1))-1)+IF('Standard Profiles'!$G$20=$B$10,7,0)+IF('Standard Profiles'!$G$20=$B$17,14,0)+IF('Standard Profiles'!$G$20=$B$24,21,0),MOD($C2719,24)+1)/SUM(INDEX($D$3:$AA$30,INDEX(Jesper!$R$2:$R$366,ROW(INDEX(Jesper!AJ$2:AJ$366,ROUNDDOWN($C2719/24,0)+1,1))-1)+IF('Standard Profiles'!$G$20=$B$10,7,0)+IF('Standard Profiles'!$G$20=$B$17,14,0)+IF('Standard Profiles'!$G$20=$B$24,21,0),0)),0)</f>
        <v>0</v>
      </c>
      <c r="G2719" cm="1">
        <f t="array" ref="G2719">IFERROR(INDEX(Jesper!AK$2:AK$366,ROUNDDOWN($C2719/24,0)+1,1)*INDEX($D$3:$AA$30,INDEX(Jesper!$R$2:$R$366,ROW(INDEX(Jesper!AK$2:AK$366,ROUNDDOWN($C2719/24,0)+1,1))-1)+IF('Standard Profiles'!$G$21=$B$10,7,0)+IF('Standard Profiles'!$G$21=$B$17,14,0)+IF('Standard Profiles'!$G$21=$B$24,21,0),MOD($C2719,24)+1)/SUM(INDEX($D$3:$AA$30,INDEX(Jesper!$R$2:$R$366,ROW(INDEX(Jesper!AK$2:AK$366,ROUNDDOWN($C2719/24,0)+1,1))-1)+IF('Standard Profiles'!$G$21=$B$10,7,0)+IF('Standard Profiles'!$G$21=$B$17,14,0)+IF('Standard Profiles'!$G$21=$B$24,21,0),0)),0)</f>
        <v>0</v>
      </c>
      <c r="H2719" cm="1">
        <f t="array" ref="H2719">IFERROR(INDEX(Jesper!AL$2:AL$366,ROUNDDOWN($C2719/24,0)+1,1)*INDEX($D$3:$AA$30,INDEX(Jesper!$R$2:$R$366,ROW(INDEX(Jesper!AL$2:AL$366,ROUNDDOWN($C2719/24,0)+1,1))-1)+IF('Standard Profiles'!$G$22=$B$10,7,0)+IF('Standard Profiles'!$G$22=$B$17,14,0)+IF('Standard Profiles'!$G$22=$B$24,21,0),MOD($C2719,24)+1)/SUM(INDEX($D$3:$AA$30,INDEX(Jesper!$R$2:$R$366,ROW(INDEX(Jesper!AL$2:AL$366,ROUNDDOWN($C2719/24,0)+1,1))-1)+IF('Standard Profiles'!$G$22=$B$10,7,0)+IF('Standard Profiles'!$G$22=$B$17,14,0)+IF('Standard Profiles'!$G$22=$B$24,21,0),0)),0)</f>
        <v>0</v>
      </c>
      <c r="I2719">
        <f t="shared" si="307"/>
        <v>0.10519359437205159</v>
      </c>
      <c r="J2719">
        <f t="shared" si="308"/>
        <v>0.35064531457350534</v>
      </c>
      <c r="K2719">
        <f t="shared" si="309"/>
        <v>0.52596797186025801</v>
      </c>
      <c r="L2719">
        <f t="shared" si="310"/>
        <v>5.9487860726385087</v>
      </c>
      <c r="M2719">
        <f t="shared" si="311"/>
        <v>0</v>
      </c>
      <c r="N2719" s="46">
        <f t="shared" si="312"/>
        <v>45403.874999993488</v>
      </c>
    </row>
    <row r="2720" spans="2:14" x14ac:dyDescent="0.3">
      <c r="B2720">
        <f t="shared" si="306"/>
        <v>7</v>
      </c>
      <c r="C2720" s="16">
        <v>2686</v>
      </c>
      <c r="D2720" cm="1">
        <f t="array" ref="D2720">IFERROR(INDEX(Jesper!AH$2:AH$366,ROUNDDOWN($C2720/24,0)+1,1)*INDEX($D$3:$AA$30,INDEX(Jesper!$R$2:$R$366,ROW(INDEX(Jesper!AH$2:AH$366,ROUNDDOWN($C2720/24,0)+1,1))-1)+IF('Standard Profiles'!$G$18=$B$10,7,0)+IF('Standard Profiles'!$G$18=$B$17,14,0)+IF('Standard Profiles'!$G$18=$B$24,21,0),MOD($C2720,24)+1)/SUM(INDEX($D$3:$AA$30,INDEX(Jesper!$R$2:$R$366,ROW(INDEX(Jesper!AH$2:AH$366,ROUNDDOWN($C2720/24,0)+1,1))-1)+IF('Standard Profiles'!$G$18=$B$10,7,0)+IF('Standard Profiles'!$G$18=$B$17,14,0)+IF('Standard Profiles'!$G$18=$B$24,21,0),0)),0)</f>
        <v>5.7629440559145513</v>
      </c>
      <c r="E2720" cm="1">
        <f t="array" ref="E2720">IFERROR(INDEX(Jesper!AI$2:AI$366,ROUNDDOWN($C2720/24,0)+1,1)*INDEX($D$3:$AA$30,INDEX(Jesper!$R$2:$R$366,ROW(INDEX(Jesper!AI$2:AI$366,ROUNDDOWN($C2720/24,0)+1,1))-1)+IF('Standard Profiles'!$G$19=$B$10,7,0)+IF('Standard Profiles'!$G$19=$B$17,14,0)+IF('Standard Profiles'!$G$19=$B$24,21,0),MOD($C2720,24)+1)/SUM(INDEX($D$3:$AA$30,INDEX(Jesper!$R$2:$R$366,ROW(INDEX(Jesper!AI$2:AI$366,ROUNDDOWN($C2720/24,0)+1,1))-1)+IF('Standard Profiles'!$G$19=$B$10,7,0)+IF('Standard Profiles'!$G$19=$B$17,14,0)+IF('Standard Profiles'!$G$19=$B$24,21,0),0)),0)</f>
        <v>1.1676488975297723</v>
      </c>
      <c r="F2720" cm="1">
        <f t="array" ref="F2720">IFERROR(INDEX(Jesper!AJ$2:AJ$366,ROUNDDOWN($C2720/24,0)+1,1)*INDEX($D$3:$AA$30,INDEX(Jesper!$R$2:$R$366,ROW(INDEX(Jesper!AJ$2:AJ$366,ROUNDDOWN($C2720/24,0)+1,1))-1)+IF('Standard Profiles'!$G$20=$B$10,7,0)+IF('Standard Profiles'!$G$20=$B$17,14,0)+IF('Standard Profiles'!$G$20=$B$24,21,0),MOD($C2720,24)+1)/SUM(INDEX($D$3:$AA$30,INDEX(Jesper!$R$2:$R$366,ROW(INDEX(Jesper!AJ$2:AJ$366,ROUNDDOWN($C2720/24,0)+1,1))-1)+IF('Standard Profiles'!$G$20=$B$10,7,0)+IF('Standard Profiles'!$G$20=$B$17,14,0)+IF('Standard Profiles'!$G$20=$B$24,21,0),0)),0)</f>
        <v>0</v>
      </c>
      <c r="G2720" cm="1">
        <f t="array" ref="G2720">IFERROR(INDEX(Jesper!AK$2:AK$366,ROUNDDOWN($C2720/24,0)+1,1)*INDEX($D$3:$AA$30,INDEX(Jesper!$R$2:$R$366,ROW(INDEX(Jesper!AK$2:AK$366,ROUNDDOWN($C2720/24,0)+1,1))-1)+IF('Standard Profiles'!$G$21=$B$10,7,0)+IF('Standard Profiles'!$G$21=$B$17,14,0)+IF('Standard Profiles'!$G$21=$B$24,21,0),MOD($C2720,24)+1)/SUM(INDEX($D$3:$AA$30,INDEX(Jesper!$R$2:$R$366,ROW(INDEX(Jesper!AK$2:AK$366,ROUNDDOWN($C2720/24,0)+1,1))-1)+IF('Standard Profiles'!$G$21=$B$10,7,0)+IF('Standard Profiles'!$G$21=$B$17,14,0)+IF('Standard Profiles'!$G$21=$B$24,21,0),0)),0)</f>
        <v>0</v>
      </c>
      <c r="H2720" cm="1">
        <f t="array" ref="H2720">IFERROR(INDEX(Jesper!AL$2:AL$366,ROUNDDOWN($C2720/24,0)+1,1)*INDEX($D$3:$AA$30,INDEX(Jesper!$R$2:$R$366,ROW(INDEX(Jesper!AL$2:AL$366,ROUNDDOWN($C2720/24,0)+1,1))-1)+IF('Standard Profiles'!$G$22=$B$10,7,0)+IF('Standard Profiles'!$G$22=$B$17,14,0)+IF('Standard Profiles'!$G$22=$B$24,21,0),MOD($C2720,24)+1)/SUM(INDEX($D$3:$AA$30,INDEX(Jesper!$R$2:$R$366,ROW(INDEX(Jesper!AL$2:AL$366,ROUNDDOWN($C2720/24,0)+1,1))-1)+IF('Standard Profiles'!$G$22=$B$10,7,0)+IF('Standard Profiles'!$G$22=$B$17,14,0)+IF('Standard Profiles'!$G$22=$B$24,21,0),0)),0)</f>
        <v>0</v>
      </c>
      <c r="I2720">
        <f t="shared" si="307"/>
        <v>0.10519359437205159</v>
      </c>
      <c r="J2720">
        <f t="shared" si="308"/>
        <v>0.35064531457350534</v>
      </c>
      <c r="K2720">
        <f t="shared" si="309"/>
        <v>0.52596797186025801</v>
      </c>
      <c r="L2720">
        <f t="shared" si="310"/>
        <v>5.9487860726385087</v>
      </c>
      <c r="M2720">
        <f t="shared" si="311"/>
        <v>0</v>
      </c>
      <c r="N2720" s="46">
        <f t="shared" si="312"/>
        <v>45403.916666660152</v>
      </c>
    </row>
    <row r="2721" spans="2:14" x14ac:dyDescent="0.3">
      <c r="B2721">
        <f t="shared" si="306"/>
        <v>7</v>
      </c>
      <c r="C2721" s="16">
        <v>2687</v>
      </c>
      <c r="D2721" cm="1">
        <f t="array" ref="D2721">IFERROR(INDEX(Jesper!AH$2:AH$366,ROUNDDOWN($C2721/24,0)+1,1)*INDEX($D$3:$AA$30,INDEX(Jesper!$R$2:$R$366,ROW(INDEX(Jesper!AH$2:AH$366,ROUNDDOWN($C2721/24,0)+1,1))-1)+IF('Standard Profiles'!$G$18=$B$10,7,0)+IF('Standard Profiles'!$G$18=$B$17,14,0)+IF('Standard Profiles'!$G$18=$B$24,21,0),MOD($C2721,24)+1)/SUM(INDEX($D$3:$AA$30,INDEX(Jesper!$R$2:$R$366,ROW(INDEX(Jesper!AH$2:AH$366,ROUNDDOWN($C2721/24,0)+1,1))-1)+IF('Standard Profiles'!$G$18=$B$10,7,0)+IF('Standard Profiles'!$G$18=$B$17,14,0)+IF('Standard Profiles'!$G$18=$B$24,21,0),0)),0)</f>
        <v>5.7629440559145513</v>
      </c>
      <c r="E2721" cm="1">
        <f t="array" ref="E2721">IFERROR(INDEX(Jesper!AI$2:AI$366,ROUNDDOWN($C2721/24,0)+1,1)*INDEX($D$3:$AA$30,INDEX(Jesper!$R$2:$R$366,ROW(INDEX(Jesper!AI$2:AI$366,ROUNDDOWN($C2721/24,0)+1,1))-1)+IF('Standard Profiles'!$G$19=$B$10,7,0)+IF('Standard Profiles'!$G$19=$B$17,14,0)+IF('Standard Profiles'!$G$19=$B$24,21,0),MOD($C2721,24)+1)/SUM(INDEX($D$3:$AA$30,INDEX(Jesper!$R$2:$R$366,ROW(INDEX(Jesper!AI$2:AI$366,ROUNDDOWN($C2721/24,0)+1,1))-1)+IF('Standard Profiles'!$G$19=$B$10,7,0)+IF('Standard Profiles'!$G$19=$B$17,14,0)+IF('Standard Profiles'!$G$19=$B$24,21,0),0)),0)</f>
        <v>1.1676488975297723</v>
      </c>
      <c r="F2721" cm="1">
        <f t="array" ref="F2721">IFERROR(INDEX(Jesper!AJ$2:AJ$366,ROUNDDOWN($C2721/24,0)+1,1)*INDEX($D$3:$AA$30,INDEX(Jesper!$R$2:$R$366,ROW(INDEX(Jesper!AJ$2:AJ$366,ROUNDDOWN($C2721/24,0)+1,1))-1)+IF('Standard Profiles'!$G$20=$B$10,7,0)+IF('Standard Profiles'!$G$20=$B$17,14,0)+IF('Standard Profiles'!$G$20=$B$24,21,0),MOD($C2721,24)+1)/SUM(INDEX($D$3:$AA$30,INDEX(Jesper!$R$2:$R$366,ROW(INDEX(Jesper!AJ$2:AJ$366,ROUNDDOWN($C2721/24,0)+1,1))-1)+IF('Standard Profiles'!$G$20=$B$10,7,0)+IF('Standard Profiles'!$G$20=$B$17,14,0)+IF('Standard Profiles'!$G$20=$B$24,21,0),0)),0)</f>
        <v>0</v>
      </c>
      <c r="G2721" cm="1">
        <f t="array" ref="G2721">IFERROR(INDEX(Jesper!AK$2:AK$366,ROUNDDOWN($C2721/24,0)+1,1)*INDEX($D$3:$AA$30,INDEX(Jesper!$R$2:$R$366,ROW(INDEX(Jesper!AK$2:AK$366,ROUNDDOWN($C2721/24,0)+1,1))-1)+IF('Standard Profiles'!$G$21=$B$10,7,0)+IF('Standard Profiles'!$G$21=$B$17,14,0)+IF('Standard Profiles'!$G$21=$B$24,21,0),MOD($C2721,24)+1)/SUM(INDEX($D$3:$AA$30,INDEX(Jesper!$R$2:$R$366,ROW(INDEX(Jesper!AK$2:AK$366,ROUNDDOWN($C2721/24,0)+1,1))-1)+IF('Standard Profiles'!$G$21=$B$10,7,0)+IF('Standard Profiles'!$G$21=$B$17,14,0)+IF('Standard Profiles'!$G$21=$B$24,21,0),0)),0)</f>
        <v>0</v>
      </c>
      <c r="H2721" cm="1">
        <f t="array" ref="H2721">IFERROR(INDEX(Jesper!AL$2:AL$366,ROUNDDOWN($C2721/24,0)+1,1)*INDEX($D$3:$AA$30,INDEX(Jesper!$R$2:$R$366,ROW(INDEX(Jesper!AL$2:AL$366,ROUNDDOWN($C2721/24,0)+1,1))-1)+IF('Standard Profiles'!$G$22=$B$10,7,0)+IF('Standard Profiles'!$G$22=$B$17,14,0)+IF('Standard Profiles'!$G$22=$B$24,21,0),MOD($C2721,24)+1)/SUM(INDEX($D$3:$AA$30,INDEX(Jesper!$R$2:$R$366,ROW(INDEX(Jesper!AL$2:AL$366,ROUNDDOWN($C2721/24,0)+1,1))-1)+IF('Standard Profiles'!$G$22=$B$10,7,0)+IF('Standard Profiles'!$G$22=$B$17,14,0)+IF('Standard Profiles'!$G$22=$B$24,21,0),0)),0)</f>
        <v>0</v>
      </c>
      <c r="I2721">
        <f t="shared" si="307"/>
        <v>0.10519359437205159</v>
      </c>
      <c r="J2721">
        <f t="shared" si="308"/>
        <v>0.35064531457350534</v>
      </c>
      <c r="K2721">
        <f t="shared" si="309"/>
        <v>0.52596797186025801</v>
      </c>
      <c r="L2721">
        <f t="shared" si="310"/>
        <v>5.9487860726385087</v>
      </c>
      <c r="M2721">
        <f t="shared" si="311"/>
        <v>0</v>
      </c>
      <c r="N2721" s="46">
        <f t="shared" si="312"/>
        <v>45403.958333326817</v>
      </c>
    </row>
    <row r="2722" spans="2:14" x14ac:dyDescent="0.3">
      <c r="B2722">
        <f t="shared" si="306"/>
        <v>1</v>
      </c>
      <c r="C2722" s="16">
        <v>2688</v>
      </c>
      <c r="D2722" cm="1">
        <f t="array" ref="D2722">IFERROR(INDEX(Jesper!AH$2:AH$366,ROUNDDOWN($C2722/24,0)+1,1)*INDEX($D$3:$AA$30,INDEX(Jesper!$R$2:$R$366,ROW(INDEX(Jesper!AH$2:AH$366,ROUNDDOWN($C2722/24,0)+1,1))-1)+IF('Standard Profiles'!$G$18=$B$10,7,0)+IF('Standard Profiles'!$G$18=$B$17,14,0)+IF('Standard Profiles'!$G$18=$B$24,21,0),MOD($C2722,24)+1)/SUM(INDEX($D$3:$AA$30,INDEX(Jesper!$R$2:$R$366,ROW(INDEX(Jesper!AH$2:AH$366,ROUNDDOWN($C2722/24,0)+1,1))-1)+IF('Standard Profiles'!$G$18=$B$10,7,0)+IF('Standard Profiles'!$G$18=$B$17,14,0)+IF('Standard Profiles'!$G$18=$B$24,21,0),0)),0)</f>
        <v>2.6208387385741911</v>
      </c>
      <c r="E2722" cm="1">
        <f t="array" ref="E2722">IFERROR(INDEX(Jesper!AI$2:AI$366,ROUNDDOWN($C2722/24,0)+1,1)*INDEX($D$3:$AA$30,INDEX(Jesper!$R$2:$R$366,ROW(INDEX(Jesper!AI$2:AI$366,ROUNDDOWN($C2722/24,0)+1,1))-1)+IF('Standard Profiles'!$G$19=$B$10,7,0)+IF('Standard Profiles'!$G$19=$B$17,14,0)+IF('Standard Profiles'!$G$19=$B$24,21,0),MOD($C2722,24)+1)/SUM(INDEX($D$3:$AA$30,INDEX(Jesper!$R$2:$R$366,ROW(INDEX(Jesper!AI$2:AI$366,ROUNDDOWN($C2722/24,0)+1,1))-1)+IF('Standard Profiles'!$G$19=$B$10,7,0)+IF('Standard Profiles'!$G$19=$B$17,14,0)+IF('Standard Profiles'!$G$19=$B$24,21,0),0)),0)</f>
        <v>0</v>
      </c>
      <c r="F2722" cm="1">
        <f t="array" ref="F2722">IFERROR(INDEX(Jesper!AJ$2:AJ$366,ROUNDDOWN($C2722/24,0)+1,1)*INDEX($D$3:$AA$30,INDEX(Jesper!$R$2:$R$366,ROW(INDEX(Jesper!AJ$2:AJ$366,ROUNDDOWN($C2722/24,0)+1,1))-1)+IF('Standard Profiles'!$G$20=$B$10,7,0)+IF('Standard Profiles'!$G$20=$B$17,14,0)+IF('Standard Profiles'!$G$20=$B$24,21,0),MOD($C2722,24)+1)/SUM(INDEX($D$3:$AA$30,INDEX(Jesper!$R$2:$R$366,ROW(INDEX(Jesper!AJ$2:AJ$366,ROUNDDOWN($C2722/24,0)+1,1))-1)+IF('Standard Profiles'!$G$20=$B$10,7,0)+IF('Standard Profiles'!$G$20=$B$17,14,0)+IF('Standard Profiles'!$G$20=$B$24,21,0),0)),0)</f>
        <v>0</v>
      </c>
      <c r="G2722" cm="1">
        <f t="array" ref="G2722">IFERROR(INDEX(Jesper!AK$2:AK$366,ROUNDDOWN($C2722/24,0)+1,1)*INDEX($D$3:$AA$30,INDEX(Jesper!$R$2:$R$366,ROW(INDEX(Jesper!AK$2:AK$366,ROUNDDOWN($C2722/24,0)+1,1))-1)+IF('Standard Profiles'!$G$21=$B$10,7,0)+IF('Standard Profiles'!$G$21=$B$17,14,0)+IF('Standard Profiles'!$G$21=$B$24,21,0),MOD($C2722,24)+1)/SUM(INDEX($D$3:$AA$30,INDEX(Jesper!$R$2:$R$366,ROW(INDEX(Jesper!AK$2:AK$366,ROUNDDOWN($C2722/24,0)+1,1))-1)+IF('Standard Profiles'!$G$21=$B$10,7,0)+IF('Standard Profiles'!$G$21=$B$17,14,0)+IF('Standard Profiles'!$G$21=$B$24,21,0),0)),0)</f>
        <v>0</v>
      </c>
      <c r="H2722" cm="1">
        <f t="array" ref="H2722">IFERROR(INDEX(Jesper!AL$2:AL$366,ROUNDDOWN($C2722/24,0)+1,1)*INDEX($D$3:$AA$30,INDEX(Jesper!$R$2:$R$366,ROW(INDEX(Jesper!AL$2:AL$366,ROUNDDOWN($C2722/24,0)+1,1))-1)+IF('Standard Profiles'!$G$22=$B$10,7,0)+IF('Standard Profiles'!$G$22=$B$17,14,0)+IF('Standard Profiles'!$G$22=$B$24,21,0),MOD($C2722,24)+1)/SUM(INDEX($D$3:$AA$30,INDEX(Jesper!$R$2:$R$366,ROW(INDEX(Jesper!AL$2:AL$366,ROUNDDOWN($C2722/24,0)+1,1))-1)+IF('Standard Profiles'!$G$22=$B$10,7,0)+IF('Standard Profiles'!$G$22=$B$17,14,0)+IF('Standard Profiles'!$G$22=$B$24,21,0),0)),0)</f>
        <v>0</v>
      </c>
      <c r="I2722">
        <f t="shared" si="307"/>
        <v>7.8625162157225731E-2</v>
      </c>
      <c r="J2722">
        <f t="shared" si="308"/>
        <v>0.2620838738574191</v>
      </c>
      <c r="K2722">
        <f t="shared" si="309"/>
        <v>0.39312581078612868</v>
      </c>
      <c r="L2722">
        <f t="shared" si="310"/>
        <v>1.8870038917734175</v>
      </c>
      <c r="M2722">
        <f t="shared" si="311"/>
        <v>0</v>
      </c>
      <c r="N2722" s="46">
        <f t="shared" si="312"/>
        <v>45403.999999993481</v>
      </c>
    </row>
    <row r="2723" spans="2:14" x14ac:dyDescent="0.3">
      <c r="B2723">
        <f t="shared" ref="B2723:B2786" si="313">WEEKDAY(N2723,2)</f>
        <v>1</v>
      </c>
      <c r="C2723" s="16">
        <v>2689</v>
      </c>
      <c r="D2723" cm="1">
        <f t="array" ref="D2723">IFERROR(INDEX(Jesper!AH$2:AH$366,ROUNDDOWN($C2723/24,0)+1,1)*INDEX($D$3:$AA$30,INDEX(Jesper!$R$2:$R$366,ROW(INDEX(Jesper!AH$2:AH$366,ROUNDDOWN($C2723/24,0)+1,1))-1)+IF('Standard Profiles'!$G$18=$B$10,7,0)+IF('Standard Profiles'!$G$18=$B$17,14,0)+IF('Standard Profiles'!$G$18=$B$24,21,0),MOD($C2723,24)+1)/SUM(INDEX($D$3:$AA$30,INDEX(Jesper!$R$2:$R$366,ROW(INDEX(Jesper!AH$2:AH$366,ROUNDDOWN($C2723/24,0)+1,1))-1)+IF('Standard Profiles'!$G$18=$B$10,7,0)+IF('Standard Profiles'!$G$18=$B$17,14,0)+IF('Standard Profiles'!$G$18=$B$24,21,0),0)),0)</f>
        <v>2.6208387385741911</v>
      </c>
      <c r="E2723" cm="1">
        <f t="array" ref="E2723">IFERROR(INDEX(Jesper!AI$2:AI$366,ROUNDDOWN($C2723/24,0)+1,1)*INDEX($D$3:$AA$30,INDEX(Jesper!$R$2:$R$366,ROW(INDEX(Jesper!AI$2:AI$366,ROUNDDOWN($C2723/24,0)+1,1))-1)+IF('Standard Profiles'!$G$19=$B$10,7,0)+IF('Standard Profiles'!$G$19=$B$17,14,0)+IF('Standard Profiles'!$G$19=$B$24,21,0),MOD($C2723,24)+1)/SUM(INDEX($D$3:$AA$30,INDEX(Jesper!$R$2:$R$366,ROW(INDEX(Jesper!AI$2:AI$366,ROUNDDOWN($C2723/24,0)+1,1))-1)+IF('Standard Profiles'!$G$19=$B$10,7,0)+IF('Standard Profiles'!$G$19=$B$17,14,0)+IF('Standard Profiles'!$G$19=$B$24,21,0),0)),0)</f>
        <v>0</v>
      </c>
      <c r="F2723" cm="1">
        <f t="array" ref="F2723">IFERROR(INDEX(Jesper!AJ$2:AJ$366,ROUNDDOWN($C2723/24,0)+1,1)*INDEX($D$3:$AA$30,INDEX(Jesper!$R$2:$R$366,ROW(INDEX(Jesper!AJ$2:AJ$366,ROUNDDOWN($C2723/24,0)+1,1))-1)+IF('Standard Profiles'!$G$20=$B$10,7,0)+IF('Standard Profiles'!$G$20=$B$17,14,0)+IF('Standard Profiles'!$G$20=$B$24,21,0),MOD($C2723,24)+1)/SUM(INDEX($D$3:$AA$30,INDEX(Jesper!$R$2:$R$366,ROW(INDEX(Jesper!AJ$2:AJ$366,ROUNDDOWN($C2723/24,0)+1,1))-1)+IF('Standard Profiles'!$G$20=$B$10,7,0)+IF('Standard Profiles'!$G$20=$B$17,14,0)+IF('Standard Profiles'!$G$20=$B$24,21,0),0)),0)</f>
        <v>0</v>
      </c>
      <c r="G2723" cm="1">
        <f t="array" ref="G2723">IFERROR(INDEX(Jesper!AK$2:AK$366,ROUNDDOWN($C2723/24,0)+1,1)*INDEX($D$3:$AA$30,INDEX(Jesper!$R$2:$R$366,ROW(INDEX(Jesper!AK$2:AK$366,ROUNDDOWN($C2723/24,0)+1,1))-1)+IF('Standard Profiles'!$G$21=$B$10,7,0)+IF('Standard Profiles'!$G$21=$B$17,14,0)+IF('Standard Profiles'!$G$21=$B$24,21,0),MOD($C2723,24)+1)/SUM(INDEX($D$3:$AA$30,INDEX(Jesper!$R$2:$R$366,ROW(INDEX(Jesper!AK$2:AK$366,ROUNDDOWN($C2723/24,0)+1,1))-1)+IF('Standard Profiles'!$G$21=$B$10,7,0)+IF('Standard Profiles'!$G$21=$B$17,14,0)+IF('Standard Profiles'!$G$21=$B$24,21,0),0)),0)</f>
        <v>0</v>
      </c>
      <c r="H2723" cm="1">
        <f t="array" ref="H2723">IFERROR(INDEX(Jesper!AL$2:AL$366,ROUNDDOWN($C2723/24,0)+1,1)*INDEX($D$3:$AA$30,INDEX(Jesper!$R$2:$R$366,ROW(INDEX(Jesper!AL$2:AL$366,ROUNDDOWN($C2723/24,0)+1,1))-1)+IF('Standard Profiles'!$G$22=$B$10,7,0)+IF('Standard Profiles'!$G$22=$B$17,14,0)+IF('Standard Profiles'!$G$22=$B$24,21,0),MOD($C2723,24)+1)/SUM(INDEX($D$3:$AA$30,INDEX(Jesper!$R$2:$R$366,ROW(INDEX(Jesper!AL$2:AL$366,ROUNDDOWN($C2723/24,0)+1,1))-1)+IF('Standard Profiles'!$G$22=$B$10,7,0)+IF('Standard Profiles'!$G$22=$B$17,14,0)+IF('Standard Profiles'!$G$22=$B$24,21,0),0)),0)</f>
        <v>0</v>
      </c>
      <c r="I2723">
        <f t="shared" ref="I2723:I2786" si="314">IF($B2723&lt;6,AC$37*$D2723+AC$38*$E2723+AC$39*$F2723+AC$40*$G2723,AC$46*$D2723+AC$47*$E2723+AC$48*$F2723+AC$49*$G2723+AC$50*$H2723)</f>
        <v>7.8625162157225731E-2</v>
      </c>
      <c r="J2723">
        <f t="shared" ref="J2723:J2786" si="315">IF($B2723&lt;6,AD$37*$D2723+AD$38*$E2723+AD$39*$F2723+AD$40*$G2723,AD$46*$D2723+AD$47*$E2723+AD$48*$F2723+AD$49*$G2723+AD$50*$H2723)</f>
        <v>0.2620838738574191</v>
      </c>
      <c r="K2723">
        <f t="shared" ref="K2723:K2786" si="316">IF($B2723&lt;6,AE$37*$D2723+AE$38*$E2723+AE$39*$F2723+AE$40*$G2723,AE$46*$D2723+AE$47*$E2723+AE$48*$F2723+AE$49*$G2723+AE$50*$H2723)</f>
        <v>0.39312581078612868</v>
      </c>
      <c r="L2723">
        <f t="shared" ref="L2723:L2786" si="317">IF($B2723&lt;6,AF$37*$D2723+AF$38*$E2723+AF$39*$F2723+AF$40*$G2723,AF$46*$D2723+AF$47*$E2723+AF$48*$F2723+AF$49*$G2723+AF$50*$H2723)</f>
        <v>1.8870038917734175</v>
      </c>
      <c r="M2723">
        <f t="shared" ref="M2723:M2786" si="318">IF($B2723&lt;6,AG$37*$D2723+AG$38*$E2723+AG$39*$F2723+AG$40*$G2723,AG$46*$D2723+AG$47*$E2723+AG$48*$F2723+AG$49*$G2723+AG$50*$H2723)</f>
        <v>0</v>
      </c>
      <c r="N2723" s="46">
        <f t="shared" si="312"/>
        <v>45404.041666660145</v>
      </c>
    </row>
    <row r="2724" spans="2:14" x14ac:dyDescent="0.3">
      <c r="B2724">
        <f t="shared" si="313"/>
        <v>1</v>
      </c>
      <c r="C2724" s="16">
        <v>2690</v>
      </c>
      <c r="D2724" cm="1">
        <f t="array" ref="D2724">IFERROR(INDEX(Jesper!AH$2:AH$366,ROUNDDOWN($C2724/24,0)+1,1)*INDEX($D$3:$AA$30,INDEX(Jesper!$R$2:$R$366,ROW(INDEX(Jesper!AH$2:AH$366,ROUNDDOWN($C2724/24,0)+1,1))-1)+IF('Standard Profiles'!$G$18=$B$10,7,0)+IF('Standard Profiles'!$G$18=$B$17,14,0)+IF('Standard Profiles'!$G$18=$B$24,21,0),MOD($C2724,24)+1)/SUM(INDEX($D$3:$AA$30,INDEX(Jesper!$R$2:$R$366,ROW(INDEX(Jesper!AH$2:AH$366,ROUNDDOWN($C2724/24,0)+1,1))-1)+IF('Standard Profiles'!$G$18=$B$10,7,0)+IF('Standard Profiles'!$G$18=$B$17,14,0)+IF('Standard Profiles'!$G$18=$B$24,21,0),0)),0)</f>
        <v>2.6208387385741911</v>
      </c>
      <c r="E2724" cm="1">
        <f t="array" ref="E2724">IFERROR(INDEX(Jesper!AI$2:AI$366,ROUNDDOWN($C2724/24,0)+1,1)*INDEX($D$3:$AA$30,INDEX(Jesper!$R$2:$R$366,ROW(INDEX(Jesper!AI$2:AI$366,ROUNDDOWN($C2724/24,0)+1,1))-1)+IF('Standard Profiles'!$G$19=$B$10,7,0)+IF('Standard Profiles'!$G$19=$B$17,14,0)+IF('Standard Profiles'!$G$19=$B$24,21,0),MOD($C2724,24)+1)/SUM(INDEX($D$3:$AA$30,INDEX(Jesper!$R$2:$R$366,ROW(INDEX(Jesper!AI$2:AI$366,ROUNDDOWN($C2724/24,0)+1,1))-1)+IF('Standard Profiles'!$G$19=$B$10,7,0)+IF('Standard Profiles'!$G$19=$B$17,14,0)+IF('Standard Profiles'!$G$19=$B$24,21,0),0)),0)</f>
        <v>0</v>
      </c>
      <c r="F2724" cm="1">
        <f t="array" ref="F2724">IFERROR(INDEX(Jesper!AJ$2:AJ$366,ROUNDDOWN($C2724/24,0)+1,1)*INDEX($D$3:$AA$30,INDEX(Jesper!$R$2:$R$366,ROW(INDEX(Jesper!AJ$2:AJ$366,ROUNDDOWN($C2724/24,0)+1,1))-1)+IF('Standard Profiles'!$G$20=$B$10,7,0)+IF('Standard Profiles'!$G$20=$B$17,14,0)+IF('Standard Profiles'!$G$20=$B$24,21,0),MOD($C2724,24)+1)/SUM(INDEX($D$3:$AA$30,INDEX(Jesper!$R$2:$R$366,ROW(INDEX(Jesper!AJ$2:AJ$366,ROUNDDOWN($C2724/24,0)+1,1))-1)+IF('Standard Profiles'!$G$20=$B$10,7,0)+IF('Standard Profiles'!$G$20=$B$17,14,0)+IF('Standard Profiles'!$G$20=$B$24,21,0),0)),0)</f>
        <v>0</v>
      </c>
      <c r="G2724" cm="1">
        <f t="array" ref="G2724">IFERROR(INDEX(Jesper!AK$2:AK$366,ROUNDDOWN($C2724/24,0)+1,1)*INDEX($D$3:$AA$30,INDEX(Jesper!$R$2:$R$366,ROW(INDEX(Jesper!AK$2:AK$366,ROUNDDOWN($C2724/24,0)+1,1))-1)+IF('Standard Profiles'!$G$21=$B$10,7,0)+IF('Standard Profiles'!$G$21=$B$17,14,0)+IF('Standard Profiles'!$G$21=$B$24,21,0),MOD($C2724,24)+1)/SUM(INDEX($D$3:$AA$30,INDEX(Jesper!$R$2:$R$366,ROW(INDEX(Jesper!AK$2:AK$366,ROUNDDOWN($C2724/24,0)+1,1))-1)+IF('Standard Profiles'!$G$21=$B$10,7,0)+IF('Standard Profiles'!$G$21=$B$17,14,0)+IF('Standard Profiles'!$G$21=$B$24,21,0),0)),0)</f>
        <v>0</v>
      </c>
      <c r="H2724" cm="1">
        <f t="array" ref="H2724">IFERROR(INDEX(Jesper!AL$2:AL$366,ROUNDDOWN($C2724/24,0)+1,1)*INDEX($D$3:$AA$30,INDEX(Jesper!$R$2:$R$366,ROW(INDEX(Jesper!AL$2:AL$366,ROUNDDOWN($C2724/24,0)+1,1))-1)+IF('Standard Profiles'!$G$22=$B$10,7,0)+IF('Standard Profiles'!$G$22=$B$17,14,0)+IF('Standard Profiles'!$G$22=$B$24,21,0),MOD($C2724,24)+1)/SUM(INDEX($D$3:$AA$30,INDEX(Jesper!$R$2:$R$366,ROW(INDEX(Jesper!AL$2:AL$366,ROUNDDOWN($C2724/24,0)+1,1))-1)+IF('Standard Profiles'!$G$22=$B$10,7,0)+IF('Standard Profiles'!$G$22=$B$17,14,0)+IF('Standard Profiles'!$G$22=$B$24,21,0),0)),0)</f>
        <v>0</v>
      </c>
      <c r="I2724">
        <f t="shared" si="314"/>
        <v>7.8625162157225731E-2</v>
      </c>
      <c r="J2724">
        <f t="shared" si="315"/>
        <v>0.2620838738574191</v>
      </c>
      <c r="K2724">
        <f t="shared" si="316"/>
        <v>0.39312581078612868</v>
      </c>
      <c r="L2724">
        <f t="shared" si="317"/>
        <v>1.8870038917734175</v>
      </c>
      <c r="M2724">
        <f t="shared" si="318"/>
        <v>0</v>
      </c>
      <c r="N2724" s="46">
        <f t="shared" ref="N2724:N2787" si="319">N2723+1/24</f>
        <v>45404.083333326809</v>
      </c>
    </row>
    <row r="2725" spans="2:14" x14ac:dyDescent="0.3">
      <c r="B2725">
        <f t="shared" si="313"/>
        <v>1</v>
      </c>
      <c r="C2725" s="16">
        <v>2691</v>
      </c>
      <c r="D2725" cm="1">
        <f t="array" ref="D2725">IFERROR(INDEX(Jesper!AH$2:AH$366,ROUNDDOWN($C2725/24,0)+1,1)*INDEX($D$3:$AA$30,INDEX(Jesper!$R$2:$R$366,ROW(INDEX(Jesper!AH$2:AH$366,ROUNDDOWN($C2725/24,0)+1,1))-1)+IF('Standard Profiles'!$G$18=$B$10,7,0)+IF('Standard Profiles'!$G$18=$B$17,14,0)+IF('Standard Profiles'!$G$18=$B$24,21,0),MOD($C2725,24)+1)/SUM(INDEX($D$3:$AA$30,INDEX(Jesper!$R$2:$R$366,ROW(INDEX(Jesper!AH$2:AH$366,ROUNDDOWN($C2725/24,0)+1,1))-1)+IF('Standard Profiles'!$G$18=$B$10,7,0)+IF('Standard Profiles'!$G$18=$B$17,14,0)+IF('Standard Profiles'!$G$18=$B$24,21,0),0)),0)</f>
        <v>2.6208387385741911</v>
      </c>
      <c r="E2725" cm="1">
        <f t="array" ref="E2725">IFERROR(INDEX(Jesper!AI$2:AI$366,ROUNDDOWN($C2725/24,0)+1,1)*INDEX($D$3:$AA$30,INDEX(Jesper!$R$2:$R$366,ROW(INDEX(Jesper!AI$2:AI$366,ROUNDDOWN($C2725/24,0)+1,1))-1)+IF('Standard Profiles'!$G$19=$B$10,7,0)+IF('Standard Profiles'!$G$19=$B$17,14,0)+IF('Standard Profiles'!$G$19=$B$24,21,0),MOD($C2725,24)+1)/SUM(INDEX($D$3:$AA$30,INDEX(Jesper!$R$2:$R$366,ROW(INDEX(Jesper!AI$2:AI$366,ROUNDDOWN($C2725/24,0)+1,1))-1)+IF('Standard Profiles'!$G$19=$B$10,7,0)+IF('Standard Profiles'!$G$19=$B$17,14,0)+IF('Standard Profiles'!$G$19=$B$24,21,0),0)),0)</f>
        <v>0</v>
      </c>
      <c r="F2725" cm="1">
        <f t="array" ref="F2725">IFERROR(INDEX(Jesper!AJ$2:AJ$366,ROUNDDOWN($C2725/24,0)+1,1)*INDEX($D$3:$AA$30,INDEX(Jesper!$R$2:$R$366,ROW(INDEX(Jesper!AJ$2:AJ$366,ROUNDDOWN($C2725/24,0)+1,1))-1)+IF('Standard Profiles'!$G$20=$B$10,7,0)+IF('Standard Profiles'!$G$20=$B$17,14,0)+IF('Standard Profiles'!$G$20=$B$24,21,0),MOD($C2725,24)+1)/SUM(INDEX($D$3:$AA$30,INDEX(Jesper!$R$2:$R$366,ROW(INDEX(Jesper!AJ$2:AJ$366,ROUNDDOWN($C2725/24,0)+1,1))-1)+IF('Standard Profiles'!$G$20=$B$10,7,0)+IF('Standard Profiles'!$G$20=$B$17,14,0)+IF('Standard Profiles'!$G$20=$B$24,21,0),0)),0)</f>
        <v>0</v>
      </c>
      <c r="G2725" cm="1">
        <f t="array" ref="G2725">IFERROR(INDEX(Jesper!AK$2:AK$366,ROUNDDOWN($C2725/24,0)+1,1)*INDEX($D$3:$AA$30,INDEX(Jesper!$R$2:$R$366,ROW(INDEX(Jesper!AK$2:AK$366,ROUNDDOWN($C2725/24,0)+1,1))-1)+IF('Standard Profiles'!$G$21=$B$10,7,0)+IF('Standard Profiles'!$G$21=$B$17,14,0)+IF('Standard Profiles'!$G$21=$B$24,21,0),MOD($C2725,24)+1)/SUM(INDEX($D$3:$AA$30,INDEX(Jesper!$R$2:$R$366,ROW(INDEX(Jesper!AK$2:AK$366,ROUNDDOWN($C2725/24,0)+1,1))-1)+IF('Standard Profiles'!$G$21=$B$10,7,0)+IF('Standard Profiles'!$G$21=$B$17,14,0)+IF('Standard Profiles'!$G$21=$B$24,21,0),0)),0)</f>
        <v>0</v>
      </c>
      <c r="H2725" cm="1">
        <f t="array" ref="H2725">IFERROR(INDEX(Jesper!AL$2:AL$366,ROUNDDOWN($C2725/24,0)+1,1)*INDEX($D$3:$AA$30,INDEX(Jesper!$R$2:$R$366,ROW(INDEX(Jesper!AL$2:AL$366,ROUNDDOWN($C2725/24,0)+1,1))-1)+IF('Standard Profiles'!$G$22=$B$10,7,0)+IF('Standard Profiles'!$G$22=$B$17,14,0)+IF('Standard Profiles'!$G$22=$B$24,21,0),MOD($C2725,24)+1)/SUM(INDEX($D$3:$AA$30,INDEX(Jesper!$R$2:$R$366,ROW(INDEX(Jesper!AL$2:AL$366,ROUNDDOWN($C2725/24,0)+1,1))-1)+IF('Standard Profiles'!$G$22=$B$10,7,0)+IF('Standard Profiles'!$G$22=$B$17,14,0)+IF('Standard Profiles'!$G$22=$B$24,21,0),0)),0)</f>
        <v>0</v>
      </c>
      <c r="I2725">
        <f t="shared" si="314"/>
        <v>7.8625162157225731E-2</v>
      </c>
      <c r="J2725">
        <f t="shared" si="315"/>
        <v>0.2620838738574191</v>
      </c>
      <c r="K2725">
        <f t="shared" si="316"/>
        <v>0.39312581078612868</v>
      </c>
      <c r="L2725">
        <f t="shared" si="317"/>
        <v>1.8870038917734175</v>
      </c>
      <c r="M2725">
        <f t="shared" si="318"/>
        <v>0</v>
      </c>
      <c r="N2725" s="46">
        <f t="shared" si="319"/>
        <v>45404.124999993473</v>
      </c>
    </row>
    <row r="2726" spans="2:14" x14ac:dyDescent="0.3">
      <c r="B2726">
        <f t="shared" si="313"/>
        <v>1</v>
      </c>
      <c r="C2726" s="16">
        <v>2692</v>
      </c>
      <c r="D2726" cm="1">
        <f t="array" ref="D2726">IFERROR(INDEX(Jesper!AH$2:AH$366,ROUNDDOWN($C2726/24,0)+1,1)*INDEX($D$3:$AA$30,INDEX(Jesper!$R$2:$R$366,ROW(INDEX(Jesper!AH$2:AH$366,ROUNDDOWN($C2726/24,0)+1,1))-1)+IF('Standard Profiles'!$G$18=$B$10,7,0)+IF('Standard Profiles'!$G$18=$B$17,14,0)+IF('Standard Profiles'!$G$18=$B$24,21,0),MOD($C2726,24)+1)/SUM(INDEX($D$3:$AA$30,INDEX(Jesper!$R$2:$R$366,ROW(INDEX(Jesper!AH$2:AH$366,ROUNDDOWN($C2726/24,0)+1,1))-1)+IF('Standard Profiles'!$G$18=$B$10,7,0)+IF('Standard Profiles'!$G$18=$B$17,14,0)+IF('Standard Profiles'!$G$18=$B$24,21,0),0)),0)</f>
        <v>2.6208387385741911</v>
      </c>
      <c r="E2726" cm="1">
        <f t="array" ref="E2726">IFERROR(INDEX(Jesper!AI$2:AI$366,ROUNDDOWN($C2726/24,0)+1,1)*INDEX($D$3:$AA$30,INDEX(Jesper!$R$2:$R$366,ROW(INDEX(Jesper!AI$2:AI$366,ROUNDDOWN($C2726/24,0)+1,1))-1)+IF('Standard Profiles'!$G$19=$B$10,7,0)+IF('Standard Profiles'!$G$19=$B$17,14,0)+IF('Standard Profiles'!$G$19=$B$24,21,0),MOD($C2726,24)+1)/SUM(INDEX($D$3:$AA$30,INDEX(Jesper!$R$2:$R$366,ROW(INDEX(Jesper!AI$2:AI$366,ROUNDDOWN($C2726/24,0)+1,1))-1)+IF('Standard Profiles'!$G$19=$B$10,7,0)+IF('Standard Profiles'!$G$19=$B$17,14,0)+IF('Standard Profiles'!$G$19=$B$24,21,0),0)),0)</f>
        <v>0</v>
      </c>
      <c r="F2726" cm="1">
        <f t="array" ref="F2726">IFERROR(INDEX(Jesper!AJ$2:AJ$366,ROUNDDOWN($C2726/24,0)+1,1)*INDEX($D$3:$AA$30,INDEX(Jesper!$R$2:$R$366,ROW(INDEX(Jesper!AJ$2:AJ$366,ROUNDDOWN($C2726/24,0)+1,1))-1)+IF('Standard Profiles'!$G$20=$B$10,7,0)+IF('Standard Profiles'!$G$20=$B$17,14,0)+IF('Standard Profiles'!$G$20=$B$24,21,0),MOD($C2726,24)+1)/SUM(INDEX($D$3:$AA$30,INDEX(Jesper!$R$2:$R$366,ROW(INDEX(Jesper!AJ$2:AJ$366,ROUNDDOWN($C2726/24,0)+1,1))-1)+IF('Standard Profiles'!$G$20=$B$10,7,0)+IF('Standard Profiles'!$G$20=$B$17,14,0)+IF('Standard Profiles'!$G$20=$B$24,21,0),0)),0)</f>
        <v>0</v>
      </c>
      <c r="G2726" cm="1">
        <f t="array" ref="G2726">IFERROR(INDEX(Jesper!AK$2:AK$366,ROUNDDOWN($C2726/24,0)+1,1)*INDEX($D$3:$AA$30,INDEX(Jesper!$R$2:$R$366,ROW(INDEX(Jesper!AK$2:AK$366,ROUNDDOWN($C2726/24,0)+1,1))-1)+IF('Standard Profiles'!$G$21=$B$10,7,0)+IF('Standard Profiles'!$G$21=$B$17,14,0)+IF('Standard Profiles'!$G$21=$B$24,21,0),MOD($C2726,24)+1)/SUM(INDEX($D$3:$AA$30,INDEX(Jesper!$R$2:$R$366,ROW(INDEX(Jesper!AK$2:AK$366,ROUNDDOWN($C2726/24,0)+1,1))-1)+IF('Standard Profiles'!$G$21=$B$10,7,0)+IF('Standard Profiles'!$G$21=$B$17,14,0)+IF('Standard Profiles'!$G$21=$B$24,21,0),0)),0)</f>
        <v>0</v>
      </c>
      <c r="H2726" cm="1">
        <f t="array" ref="H2726">IFERROR(INDEX(Jesper!AL$2:AL$366,ROUNDDOWN($C2726/24,0)+1,1)*INDEX($D$3:$AA$30,INDEX(Jesper!$R$2:$R$366,ROW(INDEX(Jesper!AL$2:AL$366,ROUNDDOWN($C2726/24,0)+1,1))-1)+IF('Standard Profiles'!$G$22=$B$10,7,0)+IF('Standard Profiles'!$G$22=$B$17,14,0)+IF('Standard Profiles'!$G$22=$B$24,21,0),MOD($C2726,24)+1)/SUM(INDEX($D$3:$AA$30,INDEX(Jesper!$R$2:$R$366,ROW(INDEX(Jesper!AL$2:AL$366,ROUNDDOWN($C2726/24,0)+1,1))-1)+IF('Standard Profiles'!$G$22=$B$10,7,0)+IF('Standard Profiles'!$G$22=$B$17,14,0)+IF('Standard Profiles'!$G$22=$B$24,21,0),0)),0)</f>
        <v>0</v>
      </c>
      <c r="I2726">
        <f t="shared" si="314"/>
        <v>7.8625162157225731E-2</v>
      </c>
      <c r="J2726">
        <f t="shared" si="315"/>
        <v>0.2620838738574191</v>
      </c>
      <c r="K2726">
        <f t="shared" si="316"/>
        <v>0.39312581078612868</v>
      </c>
      <c r="L2726">
        <f t="shared" si="317"/>
        <v>1.8870038917734175</v>
      </c>
      <c r="M2726">
        <f t="shared" si="318"/>
        <v>0</v>
      </c>
      <c r="N2726" s="46">
        <f t="shared" si="319"/>
        <v>45404.166666660138</v>
      </c>
    </row>
    <row r="2727" spans="2:14" x14ac:dyDescent="0.3">
      <c r="B2727">
        <f t="shared" si="313"/>
        <v>1</v>
      </c>
      <c r="C2727" s="16">
        <v>2693</v>
      </c>
      <c r="D2727" cm="1">
        <f t="array" ref="D2727">IFERROR(INDEX(Jesper!AH$2:AH$366,ROUNDDOWN($C2727/24,0)+1,1)*INDEX($D$3:$AA$30,INDEX(Jesper!$R$2:$R$366,ROW(INDEX(Jesper!AH$2:AH$366,ROUNDDOWN($C2727/24,0)+1,1))-1)+IF('Standard Profiles'!$G$18=$B$10,7,0)+IF('Standard Profiles'!$G$18=$B$17,14,0)+IF('Standard Profiles'!$G$18=$B$24,21,0),MOD($C2727,24)+1)/SUM(INDEX($D$3:$AA$30,INDEX(Jesper!$R$2:$R$366,ROW(INDEX(Jesper!AH$2:AH$366,ROUNDDOWN($C2727/24,0)+1,1))-1)+IF('Standard Profiles'!$G$18=$B$10,7,0)+IF('Standard Profiles'!$G$18=$B$17,14,0)+IF('Standard Profiles'!$G$18=$B$24,21,0),0)),0)</f>
        <v>11.356967867154829</v>
      </c>
      <c r="E2727" cm="1">
        <f t="array" ref="E2727">IFERROR(INDEX(Jesper!AI$2:AI$366,ROUNDDOWN($C2727/24,0)+1,1)*INDEX($D$3:$AA$30,INDEX(Jesper!$R$2:$R$366,ROW(INDEX(Jesper!AI$2:AI$366,ROUNDDOWN($C2727/24,0)+1,1))-1)+IF('Standard Profiles'!$G$19=$B$10,7,0)+IF('Standard Profiles'!$G$19=$B$17,14,0)+IF('Standard Profiles'!$G$19=$B$24,21,0),MOD($C2727,24)+1)/SUM(INDEX($D$3:$AA$30,INDEX(Jesper!$R$2:$R$366,ROW(INDEX(Jesper!AI$2:AI$366,ROUNDDOWN($C2727/24,0)+1,1))-1)+IF('Standard Profiles'!$G$19=$B$10,7,0)+IF('Standard Profiles'!$G$19=$B$17,14,0)+IF('Standard Profiles'!$G$19=$B$24,21,0),0)),0)</f>
        <v>0</v>
      </c>
      <c r="F2727" cm="1">
        <f t="array" ref="F2727">IFERROR(INDEX(Jesper!AJ$2:AJ$366,ROUNDDOWN($C2727/24,0)+1,1)*INDEX($D$3:$AA$30,INDEX(Jesper!$R$2:$R$366,ROW(INDEX(Jesper!AJ$2:AJ$366,ROUNDDOWN($C2727/24,0)+1,1))-1)+IF('Standard Profiles'!$G$20=$B$10,7,0)+IF('Standard Profiles'!$G$20=$B$17,14,0)+IF('Standard Profiles'!$G$20=$B$24,21,0),MOD($C2727,24)+1)/SUM(INDEX($D$3:$AA$30,INDEX(Jesper!$R$2:$R$366,ROW(INDEX(Jesper!AJ$2:AJ$366,ROUNDDOWN($C2727/24,0)+1,1))-1)+IF('Standard Profiles'!$G$20=$B$10,7,0)+IF('Standard Profiles'!$G$20=$B$17,14,0)+IF('Standard Profiles'!$G$20=$B$24,21,0),0)),0)</f>
        <v>0</v>
      </c>
      <c r="G2727" cm="1">
        <f t="array" ref="G2727">IFERROR(INDEX(Jesper!AK$2:AK$366,ROUNDDOWN($C2727/24,0)+1,1)*INDEX($D$3:$AA$30,INDEX(Jesper!$R$2:$R$366,ROW(INDEX(Jesper!AK$2:AK$366,ROUNDDOWN($C2727/24,0)+1,1))-1)+IF('Standard Profiles'!$G$21=$B$10,7,0)+IF('Standard Profiles'!$G$21=$B$17,14,0)+IF('Standard Profiles'!$G$21=$B$24,21,0),MOD($C2727,24)+1)/SUM(INDEX($D$3:$AA$30,INDEX(Jesper!$R$2:$R$366,ROW(INDEX(Jesper!AK$2:AK$366,ROUNDDOWN($C2727/24,0)+1,1))-1)+IF('Standard Profiles'!$G$21=$B$10,7,0)+IF('Standard Profiles'!$G$21=$B$17,14,0)+IF('Standard Profiles'!$G$21=$B$24,21,0),0)),0)</f>
        <v>0</v>
      </c>
      <c r="H2727" cm="1">
        <f t="array" ref="H2727">IFERROR(INDEX(Jesper!AL$2:AL$366,ROUNDDOWN($C2727/24,0)+1,1)*INDEX($D$3:$AA$30,INDEX(Jesper!$R$2:$R$366,ROW(INDEX(Jesper!AL$2:AL$366,ROUNDDOWN($C2727/24,0)+1,1))-1)+IF('Standard Profiles'!$G$22=$B$10,7,0)+IF('Standard Profiles'!$G$22=$B$17,14,0)+IF('Standard Profiles'!$G$22=$B$24,21,0),MOD($C2727,24)+1)/SUM(INDEX($D$3:$AA$30,INDEX(Jesper!$R$2:$R$366,ROW(INDEX(Jesper!AL$2:AL$366,ROUNDDOWN($C2727/24,0)+1,1))-1)+IF('Standard Profiles'!$G$22=$B$10,7,0)+IF('Standard Profiles'!$G$22=$B$17,14,0)+IF('Standard Profiles'!$G$22=$B$24,21,0),0)),0)</f>
        <v>0</v>
      </c>
      <c r="I2727">
        <f t="shared" si="314"/>
        <v>0.34070903601464486</v>
      </c>
      <c r="J2727">
        <f t="shared" si="315"/>
        <v>1.135696786715483</v>
      </c>
      <c r="K2727">
        <f t="shared" si="316"/>
        <v>1.7035451800732242</v>
      </c>
      <c r="L2727">
        <f t="shared" si="317"/>
        <v>8.1770168643514758</v>
      </c>
      <c r="M2727">
        <f t="shared" si="318"/>
        <v>0</v>
      </c>
      <c r="N2727" s="46">
        <f t="shared" si="319"/>
        <v>45404.208333326802</v>
      </c>
    </row>
    <row r="2728" spans="2:14" x14ac:dyDescent="0.3">
      <c r="B2728">
        <f t="shared" si="313"/>
        <v>1</v>
      </c>
      <c r="C2728" s="16">
        <v>2694</v>
      </c>
      <c r="D2728" cm="1">
        <f t="array" ref="D2728">IFERROR(INDEX(Jesper!AH$2:AH$366,ROUNDDOWN($C2728/24,0)+1,1)*INDEX($D$3:$AA$30,INDEX(Jesper!$R$2:$R$366,ROW(INDEX(Jesper!AH$2:AH$366,ROUNDDOWN($C2728/24,0)+1,1))-1)+IF('Standard Profiles'!$G$18=$B$10,7,0)+IF('Standard Profiles'!$G$18=$B$17,14,0)+IF('Standard Profiles'!$G$18=$B$24,21,0),MOD($C2728,24)+1)/SUM(INDEX($D$3:$AA$30,INDEX(Jesper!$R$2:$R$366,ROW(INDEX(Jesper!AH$2:AH$366,ROUNDDOWN($C2728/24,0)+1,1))-1)+IF('Standard Profiles'!$G$18=$B$10,7,0)+IF('Standard Profiles'!$G$18=$B$17,14,0)+IF('Standard Profiles'!$G$18=$B$24,21,0),0)),0)</f>
        <v>12.885790464656443</v>
      </c>
      <c r="E2728" cm="1">
        <f t="array" ref="E2728">IFERROR(INDEX(Jesper!AI$2:AI$366,ROUNDDOWN($C2728/24,0)+1,1)*INDEX($D$3:$AA$30,INDEX(Jesper!$R$2:$R$366,ROW(INDEX(Jesper!AI$2:AI$366,ROUNDDOWN($C2728/24,0)+1,1))-1)+IF('Standard Profiles'!$G$19=$B$10,7,0)+IF('Standard Profiles'!$G$19=$B$17,14,0)+IF('Standard Profiles'!$G$19=$B$24,21,0),MOD($C2728,24)+1)/SUM(INDEX($D$3:$AA$30,INDEX(Jesper!$R$2:$R$366,ROW(INDEX(Jesper!AI$2:AI$366,ROUNDDOWN($C2728/24,0)+1,1))-1)+IF('Standard Profiles'!$G$19=$B$10,7,0)+IF('Standard Profiles'!$G$19=$B$17,14,0)+IF('Standard Profiles'!$G$19=$B$24,21,0),0)),0)</f>
        <v>0</v>
      </c>
      <c r="F2728" cm="1">
        <f t="array" ref="F2728">IFERROR(INDEX(Jesper!AJ$2:AJ$366,ROUNDDOWN($C2728/24,0)+1,1)*INDEX($D$3:$AA$30,INDEX(Jesper!$R$2:$R$366,ROW(INDEX(Jesper!AJ$2:AJ$366,ROUNDDOWN($C2728/24,0)+1,1))-1)+IF('Standard Profiles'!$G$20=$B$10,7,0)+IF('Standard Profiles'!$G$20=$B$17,14,0)+IF('Standard Profiles'!$G$20=$B$24,21,0),MOD($C2728,24)+1)/SUM(INDEX($D$3:$AA$30,INDEX(Jesper!$R$2:$R$366,ROW(INDEX(Jesper!AJ$2:AJ$366,ROUNDDOWN($C2728/24,0)+1,1))-1)+IF('Standard Profiles'!$G$20=$B$10,7,0)+IF('Standard Profiles'!$G$20=$B$17,14,0)+IF('Standard Profiles'!$G$20=$B$24,21,0),0)),0)</f>
        <v>0</v>
      </c>
      <c r="G2728" cm="1">
        <f t="array" ref="G2728">IFERROR(INDEX(Jesper!AK$2:AK$366,ROUNDDOWN($C2728/24,0)+1,1)*INDEX($D$3:$AA$30,INDEX(Jesper!$R$2:$R$366,ROW(INDEX(Jesper!AK$2:AK$366,ROUNDDOWN($C2728/24,0)+1,1))-1)+IF('Standard Profiles'!$G$21=$B$10,7,0)+IF('Standard Profiles'!$G$21=$B$17,14,0)+IF('Standard Profiles'!$G$21=$B$24,21,0),MOD($C2728,24)+1)/SUM(INDEX($D$3:$AA$30,INDEX(Jesper!$R$2:$R$366,ROW(INDEX(Jesper!AK$2:AK$366,ROUNDDOWN($C2728/24,0)+1,1))-1)+IF('Standard Profiles'!$G$21=$B$10,7,0)+IF('Standard Profiles'!$G$21=$B$17,14,0)+IF('Standard Profiles'!$G$21=$B$24,21,0),0)),0)</f>
        <v>0</v>
      </c>
      <c r="H2728" cm="1">
        <f t="array" ref="H2728">IFERROR(INDEX(Jesper!AL$2:AL$366,ROUNDDOWN($C2728/24,0)+1,1)*INDEX($D$3:$AA$30,INDEX(Jesper!$R$2:$R$366,ROW(INDEX(Jesper!AL$2:AL$366,ROUNDDOWN($C2728/24,0)+1,1))-1)+IF('Standard Profiles'!$G$22=$B$10,7,0)+IF('Standard Profiles'!$G$22=$B$17,14,0)+IF('Standard Profiles'!$G$22=$B$24,21,0),MOD($C2728,24)+1)/SUM(INDEX($D$3:$AA$30,INDEX(Jesper!$R$2:$R$366,ROW(INDEX(Jesper!AL$2:AL$366,ROUNDDOWN($C2728/24,0)+1,1))-1)+IF('Standard Profiles'!$G$22=$B$10,7,0)+IF('Standard Profiles'!$G$22=$B$17,14,0)+IF('Standard Profiles'!$G$22=$B$24,21,0),0)),0)</f>
        <v>0</v>
      </c>
      <c r="I2728">
        <f t="shared" si="314"/>
        <v>0.38657371393969331</v>
      </c>
      <c r="J2728">
        <f t="shared" si="315"/>
        <v>1.2885790464656444</v>
      </c>
      <c r="K2728">
        <f t="shared" si="316"/>
        <v>1.9328685696984664</v>
      </c>
      <c r="L2728">
        <f t="shared" si="317"/>
        <v>9.2777691345526385</v>
      </c>
      <c r="M2728">
        <f t="shared" si="318"/>
        <v>0</v>
      </c>
      <c r="N2728" s="46">
        <f t="shared" si="319"/>
        <v>45404.249999993466</v>
      </c>
    </row>
    <row r="2729" spans="2:14" x14ac:dyDescent="0.3">
      <c r="B2729">
        <f t="shared" si="313"/>
        <v>1</v>
      </c>
      <c r="C2729" s="16">
        <v>2695</v>
      </c>
      <c r="D2729" cm="1">
        <f t="array" ref="D2729">IFERROR(INDEX(Jesper!AH$2:AH$366,ROUNDDOWN($C2729/24,0)+1,1)*INDEX($D$3:$AA$30,INDEX(Jesper!$R$2:$R$366,ROW(INDEX(Jesper!AH$2:AH$366,ROUNDDOWN($C2729/24,0)+1,1))-1)+IF('Standard Profiles'!$G$18=$B$10,7,0)+IF('Standard Profiles'!$G$18=$B$17,14,0)+IF('Standard Profiles'!$G$18=$B$24,21,0),MOD($C2729,24)+1)/SUM(INDEX($D$3:$AA$30,INDEX(Jesper!$R$2:$R$366,ROW(INDEX(Jesper!AH$2:AH$366,ROUNDDOWN($C2729/24,0)+1,1))-1)+IF('Standard Profiles'!$G$18=$B$10,7,0)+IF('Standard Profiles'!$G$18=$B$17,14,0)+IF('Standard Profiles'!$G$18=$B$24,21,0),0)),0)</f>
        <v>12.885790464656443</v>
      </c>
      <c r="E2729" cm="1">
        <f t="array" ref="E2729">IFERROR(INDEX(Jesper!AI$2:AI$366,ROUNDDOWN($C2729/24,0)+1,1)*INDEX($D$3:$AA$30,INDEX(Jesper!$R$2:$R$366,ROW(INDEX(Jesper!AI$2:AI$366,ROUNDDOWN($C2729/24,0)+1,1))-1)+IF('Standard Profiles'!$G$19=$B$10,7,0)+IF('Standard Profiles'!$G$19=$B$17,14,0)+IF('Standard Profiles'!$G$19=$B$24,21,0),MOD($C2729,24)+1)/SUM(INDEX($D$3:$AA$30,INDEX(Jesper!$R$2:$R$366,ROW(INDEX(Jesper!AI$2:AI$366,ROUNDDOWN($C2729/24,0)+1,1))-1)+IF('Standard Profiles'!$G$19=$B$10,7,0)+IF('Standard Profiles'!$G$19=$B$17,14,0)+IF('Standard Profiles'!$G$19=$B$24,21,0),0)),0)</f>
        <v>0</v>
      </c>
      <c r="F2729" cm="1">
        <f t="array" ref="F2729">IFERROR(INDEX(Jesper!AJ$2:AJ$366,ROUNDDOWN($C2729/24,0)+1,1)*INDEX($D$3:$AA$30,INDEX(Jesper!$R$2:$R$366,ROW(INDEX(Jesper!AJ$2:AJ$366,ROUNDDOWN($C2729/24,0)+1,1))-1)+IF('Standard Profiles'!$G$20=$B$10,7,0)+IF('Standard Profiles'!$G$20=$B$17,14,0)+IF('Standard Profiles'!$G$20=$B$24,21,0),MOD($C2729,24)+1)/SUM(INDEX($D$3:$AA$30,INDEX(Jesper!$R$2:$R$366,ROW(INDEX(Jesper!AJ$2:AJ$366,ROUNDDOWN($C2729/24,0)+1,1))-1)+IF('Standard Profiles'!$G$20=$B$10,7,0)+IF('Standard Profiles'!$G$20=$B$17,14,0)+IF('Standard Profiles'!$G$20=$B$24,21,0),0)),0)</f>
        <v>0</v>
      </c>
      <c r="G2729" cm="1">
        <f t="array" ref="G2729">IFERROR(INDEX(Jesper!AK$2:AK$366,ROUNDDOWN($C2729/24,0)+1,1)*INDEX($D$3:$AA$30,INDEX(Jesper!$R$2:$R$366,ROW(INDEX(Jesper!AK$2:AK$366,ROUNDDOWN($C2729/24,0)+1,1))-1)+IF('Standard Profiles'!$G$21=$B$10,7,0)+IF('Standard Profiles'!$G$21=$B$17,14,0)+IF('Standard Profiles'!$G$21=$B$24,21,0),MOD($C2729,24)+1)/SUM(INDEX($D$3:$AA$30,INDEX(Jesper!$R$2:$R$366,ROW(INDEX(Jesper!AK$2:AK$366,ROUNDDOWN($C2729/24,0)+1,1))-1)+IF('Standard Profiles'!$G$21=$B$10,7,0)+IF('Standard Profiles'!$G$21=$B$17,14,0)+IF('Standard Profiles'!$G$21=$B$24,21,0),0)),0)</f>
        <v>0</v>
      </c>
      <c r="H2729" cm="1">
        <f t="array" ref="H2729">IFERROR(INDEX(Jesper!AL$2:AL$366,ROUNDDOWN($C2729/24,0)+1,1)*INDEX($D$3:$AA$30,INDEX(Jesper!$R$2:$R$366,ROW(INDEX(Jesper!AL$2:AL$366,ROUNDDOWN($C2729/24,0)+1,1))-1)+IF('Standard Profiles'!$G$22=$B$10,7,0)+IF('Standard Profiles'!$G$22=$B$17,14,0)+IF('Standard Profiles'!$G$22=$B$24,21,0),MOD($C2729,24)+1)/SUM(INDEX($D$3:$AA$30,INDEX(Jesper!$R$2:$R$366,ROW(INDEX(Jesper!AL$2:AL$366,ROUNDDOWN($C2729/24,0)+1,1))-1)+IF('Standard Profiles'!$G$22=$B$10,7,0)+IF('Standard Profiles'!$G$22=$B$17,14,0)+IF('Standard Profiles'!$G$22=$B$24,21,0),0)),0)</f>
        <v>0</v>
      </c>
      <c r="I2729">
        <f t="shared" si="314"/>
        <v>0.38657371393969331</v>
      </c>
      <c r="J2729">
        <f t="shared" si="315"/>
        <v>1.2885790464656444</v>
      </c>
      <c r="K2729">
        <f t="shared" si="316"/>
        <v>1.9328685696984664</v>
      </c>
      <c r="L2729">
        <f t="shared" si="317"/>
        <v>9.2777691345526385</v>
      </c>
      <c r="M2729">
        <f t="shared" si="318"/>
        <v>0</v>
      </c>
      <c r="N2729" s="46">
        <f t="shared" si="319"/>
        <v>45404.29166666013</v>
      </c>
    </row>
    <row r="2730" spans="2:14" x14ac:dyDescent="0.3">
      <c r="B2730">
        <f t="shared" si="313"/>
        <v>1</v>
      </c>
      <c r="C2730" s="16">
        <v>2696</v>
      </c>
      <c r="D2730" cm="1">
        <f t="array" ref="D2730">IFERROR(INDEX(Jesper!AH$2:AH$366,ROUNDDOWN($C2730/24,0)+1,1)*INDEX($D$3:$AA$30,INDEX(Jesper!$R$2:$R$366,ROW(INDEX(Jesper!AH$2:AH$366,ROUNDDOWN($C2730/24,0)+1,1))-1)+IF('Standard Profiles'!$G$18=$B$10,7,0)+IF('Standard Profiles'!$G$18=$B$17,14,0)+IF('Standard Profiles'!$G$18=$B$24,21,0),MOD($C2730,24)+1)/SUM(INDEX($D$3:$AA$30,INDEX(Jesper!$R$2:$R$366,ROW(INDEX(Jesper!AH$2:AH$366,ROUNDDOWN($C2730/24,0)+1,1))-1)+IF('Standard Profiles'!$G$18=$B$10,7,0)+IF('Standard Profiles'!$G$18=$B$17,14,0)+IF('Standard Profiles'!$G$18=$B$24,21,0),0)),0)</f>
        <v>12.885790464656443</v>
      </c>
      <c r="E2730" cm="1">
        <f t="array" ref="E2730">IFERROR(INDEX(Jesper!AI$2:AI$366,ROUNDDOWN($C2730/24,0)+1,1)*INDEX($D$3:$AA$30,INDEX(Jesper!$R$2:$R$366,ROW(INDEX(Jesper!AI$2:AI$366,ROUNDDOWN($C2730/24,0)+1,1))-1)+IF('Standard Profiles'!$G$19=$B$10,7,0)+IF('Standard Profiles'!$G$19=$B$17,14,0)+IF('Standard Profiles'!$G$19=$B$24,21,0),MOD($C2730,24)+1)/SUM(INDEX($D$3:$AA$30,INDEX(Jesper!$R$2:$R$366,ROW(INDEX(Jesper!AI$2:AI$366,ROUNDDOWN($C2730/24,0)+1,1))-1)+IF('Standard Profiles'!$G$19=$B$10,7,0)+IF('Standard Profiles'!$G$19=$B$17,14,0)+IF('Standard Profiles'!$G$19=$B$24,21,0),0)),0)</f>
        <v>0</v>
      </c>
      <c r="F2730" cm="1">
        <f t="array" ref="F2730">IFERROR(INDEX(Jesper!AJ$2:AJ$366,ROUNDDOWN($C2730/24,0)+1,1)*INDEX($D$3:$AA$30,INDEX(Jesper!$R$2:$R$366,ROW(INDEX(Jesper!AJ$2:AJ$366,ROUNDDOWN($C2730/24,0)+1,1))-1)+IF('Standard Profiles'!$G$20=$B$10,7,0)+IF('Standard Profiles'!$G$20=$B$17,14,0)+IF('Standard Profiles'!$G$20=$B$24,21,0),MOD($C2730,24)+1)/SUM(INDEX($D$3:$AA$30,INDEX(Jesper!$R$2:$R$366,ROW(INDEX(Jesper!AJ$2:AJ$366,ROUNDDOWN($C2730/24,0)+1,1))-1)+IF('Standard Profiles'!$G$20=$B$10,7,0)+IF('Standard Profiles'!$G$20=$B$17,14,0)+IF('Standard Profiles'!$G$20=$B$24,21,0),0)),0)</f>
        <v>0</v>
      </c>
      <c r="G2730" cm="1">
        <f t="array" ref="G2730">IFERROR(INDEX(Jesper!AK$2:AK$366,ROUNDDOWN($C2730/24,0)+1,1)*INDEX($D$3:$AA$30,INDEX(Jesper!$R$2:$R$366,ROW(INDEX(Jesper!AK$2:AK$366,ROUNDDOWN($C2730/24,0)+1,1))-1)+IF('Standard Profiles'!$G$21=$B$10,7,0)+IF('Standard Profiles'!$G$21=$B$17,14,0)+IF('Standard Profiles'!$G$21=$B$24,21,0),MOD($C2730,24)+1)/SUM(INDEX($D$3:$AA$30,INDEX(Jesper!$R$2:$R$366,ROW(INDEX(Jesper!AK$2:AK$366,ROUNDDOWN($C2730/24,0)+1,1))-1)+IF('Standard Profiles'!$G$21=$B$10,7,0)+IF('Standard Profiles'!$G$21=$B$17,14,0)+IF('Standard Profiles'!$G$21=$B$24,21,0),0)),0)</f>
        <v>0</v>
      </c>
      <c r="H2730" cm="1">
        <f t="array" ref="H2730">IFERROR(INDEX(Jesper!AL$2:AL$366,ROUNDDOWN($C2730/24,0)+1,1)*INDEX($D$3:$AA$30,INDEX(Jesper!$R$2:$R$366,ROW(INDEX(Jesper!AL$2:AL$366,ROUNDDOWN($C2730/24,0)+1,1))-1)+IF('Standard Profiles'!$G$22=$B$10,7,0)+IF('Standard Profiles'!$G$22=$B$17,14,0)+IF('Standard Profiles'!$G$22=$B$24,21,0),MOD($C2730,24)+1)/SUM(INDEX($D$3:$AA$30,INDEX(Jesper!$R$2:$R$366,ROW(INDEX(Jesper!AL$2:AL$366,ROUNDDOWN($C2730/24,0)+1,1))-1)+IF('Standard Profiles'!$G$22=$B$10,7,0)+IF('Standard Profiles'!$G$22=$B$17,14,0)+IF('Standard Profiles'!$G$22=$B$24,21,0),0)),0)</f>
        <v>0</v>
      </c>
      <c r="I2730">
        <f t="shared" si="314"/>
        <v>0.38657371393969331</v>
      </c>
      <c r="J2730">
        <f t="shared" si="315"/>
        <v>1.2885790464656444</v>
      </c>
      <c r="K2730">
        <f t="shared" si="316"/>
        <v>1.9328685696984664</v>
      </c>
      <c r="L2730">
        <f t="shared" si="317"/>
        <v>9.2777691345526385</v>
      </c>
      <c r="M2730">
        <f t="shared" si="318"/>
        <v>0</v>
      </c>
      <c r="N2730" s="46">
        <f t="shared" si="319"/>
        <v>45404.333333326795</v>
      </c>
    </row>
    <row r="2731" spans="2:14" x14ac:dyDescent="0.3">
      <c r="B2731">
        <f t="shared" si="313"/>
        <v>1</v>
      </c>
      <c r="C2731" s="16">
        <v>2697</v>
      </c>
      <c r="D2731" cm="1">
        <f t="array" ref="D2731">IFERROR(INDEX(Jesper!AH$2:AH$366,ROUNDDOWN($C2731/24,0)+1,1)*INDEX($D$3:$AA$30,INDEX(Jesper!$R$2:$R$366,ROW(INDEX(Jesper!AH$2:AH$366,ROUNDDOWN($C2731/24,0)+1,1))-1)+IF('Standard Profiles'!$G$18=$B$10,7,0)+IF('Standard Profiles'!$G$18=$B$17,14,0)+IF('Standard Profiles'!$G$18=$B$24,21,0),MOD($C2731,24)+1)/SUM(INDEX($D$3:$AA$30,INDEX(Jesper!$R$2:$R$366,ROW(INDEX(Jesper!AH$2:AH$366,ROUNDDOWN($C2731/24,0)+1,1))-1)+IF('Standard Profiles'!$G$18=$B$10,7,0)+IF('Standard Profiles'!$G$18=$B$17,14,0)+IF('Standard Profiles'!$G$18=$B$24,21,0),0)),0)</f>
        <v>13.759403377514507</v>
      </c>
      <c r="E2731" cm="1">
        <f t="array" ref="E2731">IFERROR(INDEX(Jesper!AI$2:AI$366,ROUNDDOWN($C2731/24,0)+1,1)*INDEX($D$3:$AA$30,INDEX(Jesper!$R$2:$R$366,ROW(INDEX(Jesper!AI$2:AI$366,ROUNDDOWN($C2731/24,0)+1,1))-1)+IF('Standard Profiles'!$G$19=$B$10,7,0)+IF('Standard Profiles'!$G$19=$B$17,14,0)+IF('Standard Profiles'!$G$19=$B$24,21,0),MOD($C2731,24)+1)/SUM(INDEX($D$3:$AA$30,INDEX(Jesper!$R$2:$R$366,ROW(INDEX(Jesper!AI$2:AI$366,ROUNDDOWN($C2731/24,0)+1,1))-1)+IF('Standard Profiles'!$G$19=$B$10,7,0)+IF('Standard Profiles'!$G$19=$B$17,14,0)+IF('Standard Profiles'!$G$19=$B$24,21,0),0)),0)</f>
        <v>0</v>
      </c>
      <c r="F2731" cm="1">
        <f t="array" ref="F2731">IFERROR(INDEX(Jesper!AJ$2:AJ$366,ROUNDDOWN($C2731/24,0)+1,1)*INDEX($D$3:$AA$30,INDEX(Jesper!$R$2:$R$366,ROW(INDEX(Jesper!AJ$2:AJ$366,ROUNDDOWN($C2731/24,0)+1,1))-1)+IF('Standard Profiles'!$G$20=$B$10,7,0)+IF('Standard Profiles'!$G$20=$B$17,14,0)+IF('Standard Profiles'!$G$20=$B$24,21,0),MOD($C2731,24)+1)/SUM(INDEX($D$3:$AA$30,INDEX(Jesper!$R$2:$R$366,ROW(INDEX(Jesper!AJ$2:AJ$366,ROUNDDOWN($C2731/24,0)+1,1))-1)+IF('Standard Profiles'!$G$20=$B$10,7,0)+IF('Standard Profiles'!$G$20=$B$17,14,0)+IF('Standard Profiles'!$G$20=$B$24,21,0),0)),0)</f>
        <v>0</v>
      </c>
      <c r="G2731" cm="1">
        <f t="array" ref="G2731">IFERROR(INDEX(Jesper!AK$2:AK$366,ROUNDDOWN($C2731/24,0)+1,1)*INDEX($D$3:$AA$30,INDEX(Jesper!$R$2:$R$366,ROW(INDEX(Jesper!AK$2:AK$366,ROUNDDOWN($C2731/24,0)+1,1))-1)+IF('Standard Profiles'!$G$21=$B$10,7,0)+IF('Standard Profiles'!$G$21=$B$17,14,0)+IF('Standard Profiles'!$G$21=$B$24,21,0),MOD($C2731,24)+1)/SUM(INDEX($D$3:$AA$30,INDEX(Jesper!$R$2:$R$366,ROW(INDEX(Jesper!AK$2:AK$366,ROUNDDOWN($C2731/24,0)+1,1))-1)+IF('Standard Profiles'!$G$21=$B$10,7,0)+IF('Standard Profiles'!$G$21=$B$17,14,0)+IF('Standard Profiles'!$G$21=$B$24,21,0),0)),0)</f>
        <v>0</v>
      </c>
      <c r="H2731" cm="1">
        <f t="array" ref="H2731">IFERROR(INDEX(Jesper!AL$2:AL$366,ROUNDDOWN($C2731/24,0)+1,1)*INDEX($D$3:$AA$30,INDEX(Jesper!$R$2:$R$366,ROW(INDEX(Jesper!AL$2:AL$366,ROUNDDOWN($C2731/24,0)+1,1))-1)+IF('Standard Profiles'!$G$22=$B$10,7,0)+IF('Standard Profiles'!$G$22=$B$17,14,0)+IF('Standard Profiles'!$G$22=$B$24,21,0),MOD($C2731,24)+1)/SUM(INDEX($D$3:$AA$30,INDEX(Jesper!$R$2:$R$366,ROW(INDEX(Jesper!AL$2:AL$366,ROUNDDOWN($C2731/24,0)+1,1))-1)+IF('Standard Profiles'!$G$22=$B$10,7,0)+IF('Standard Profiles'!$G$22=$B$17,14,0)+IF('Standard Profiles'!$G$22=$B$24,21,0),0)),0)</f>
        <v>0</v>
      </c>
      <c r="I2731">
        <f t="shared" si="314"/>
        <v>0.41278210132543519</v>
      </c>
      <c r="J2731">
        <f t="shared" si="315"/>
        <v>1.3759403377514507</v>
      </c>
      <c r="K2731">
        <f t="shared" si="316"/>
        <v>2.0639105066271761</v>
      </c>
      <c r="L2731">
        <f t="shared" si="317"/>
        <v>9.906770431810445</v>
      </c>
      <c r="M2731">
        <f t="shared" si="318"/>
        <v>0</v>
      </c>
      <c r="N2731" s="46">
        <f t="shared" si="319"/>
        <v>45404.374999993459</v>
      </c>
    </row>
    <row r="2732" spans="2:14" x14ac:dyDescent="0.3">
      <c r="B2732">
        <f t="shared" si="313"/>
        <v>1</v>
      </c>
      <c r="C2732" s="16">
        <v>2698</v>
      </c>
      <c r="D2732" cm="1">
        <f t="array" ref="D2732">IFERROR(INDEX(Jesper!AH$2:AH$366,ROUNDDOWN($C2732/24,0)+1,1)*INDEX($D$3:$AA$30,INDEX(Jesper!$R$2:$R$366,ROW(INDEX(Jesper!AH$2:AH$366,ROUNDDOWN($C2732/24,0)+1,1))-1)+IF('Standard Profiles'!$G$18=$B$10,7,0)+IF('Standard Profiles'!$G$18=$B$17,14,0)+IF('Standard Profiles'!$G$18=$B$24,21,0),MOD($C2732,24)+1)/SUM(INDEX($D$3:$AA$30,INDEX(Jesper!$R$2:$R$366,ROW(INDEX(Jesper!AH$2:AH$366,ROUNDDOWN($C2732/24,0)+1,1))-1)+IF('Standard Profiles'!$G$18=$B$10,7,0)+IF('Standard Profiles'!$G$18=$B$17,14,0)+IF('Standard Profiles'!$G$18=$B$24,21,0),0)),0)</f>
        <v>13.759403377514507</v>
      </c>
      <c r="E2732" cm="1">
        <f t="array" ref="E2732">IFERROR(INDEX(Jesper!AI$2:AI$366,ROUNDDOWN($C2732/24,0)+1,1)*INDEX($D$3:$AA$30,INDEX(Jesper!$R$2:$R$366,ROW(INDEX(Jesper!AI$2:AI$366,ROUNDDOWN($C2732/24,0)+1,1))-1)+IF('Standard Profiles'!$G$19=$B$10,7,0)+IF('Standard Profiles'!$G$19=$B$17,14,0)+IF('Standard Profiles'!$G$19=$B$24,21,0),MOD($C2732,24)+1)/SUM(INDEX($D$3:$AA$30,INDEX(Jesper!$R$2:$R$366,ROW(INDEX(Jesper!AI$2:AI$366,ROUNDDOWN($C2732/24,0)+1,1))-1)+IF('Standard Profiles'!$G$19=$B$10,7,0)+IF('Standard Profiles'!$G$19=$B$17,14,0)+IF('Standard Profiles'!$G$19=$B$24,21,0),0)),0)</f>
        <v>0</v>
      </c>
      <c r="F2732" cm="1">
        <f t="array" ref="F2732">IFERROR(INDEX(Jesper!AJ$2:AJ$366,ROUNDDOWN($C2732/24,0)+1,1)*INDEX($D$3:$AA$30,INDEX(Jesper!$R$2:$R$366,ROW(INDEX(Jesper!AJ$2:AJ$366,ROUNDDOWN($C2732/24,0)+1,1))-1)+IF('Standard Profiles'!$G$20=$B$10,7,0)+IF('Standard Profiles'!$G$20=$B$17,14,0)+IF('Standard Profiles'!$G$20=$B$24,21,0),MOD($C2732,24)+1)/SUM(INDEX($D$3:$AA$30,INDEX(Jesper!$R$2:$R$366,ROW(INDEX(Jesper!AJ$2:AJ$366,ROUNDDOWN($C2732/24,0)+1,1))-1)+IF('Standard Profiles'!$G$20=$B$10,7,0)+IF('Standard Profiles'!$G$20=$B$17,14,0)+IF('Standard Profiles'!$G$20=$B$24,21,0),0)),0)</f>
        <v>0</v>
      </c>
      <c r="G2732" cm="1">
        <f t="array" ref="G2732">IFERROR(INDEX(Jesper!AK$2:AK$366,ROUNDDOWN($C2732/24,0)+1,1)*INDEX($D$3:$AA$30,INDEX(Jesper!$R$2:$R$366,ROW(INDEX(Jesper!AK$2:AK$366,ROUNDDOWN($C2732/24,0)+1,1))-1)+IF('Standard Profiles'!$G$21=$B$10,7,0)+IF('Standard Profiles'!$G$21=$B$17,14,0)+IF('Standard Profiles'!$G$21=$B$24,21,0),MOD($C2732,24)+1)/SUM(INDEX($D$3:$AA$30,INDEX(Jesper!$R$2:$R$366,ROW(INDEX(Jesper!AK$2:AK$366,ROUNDDOWN($C2732/24,0)+1,1))-1)+IF('Standard Profiles'!$G$21=$B$10,7,0)+IF('Standard Profiles'!$G$21=$B$17,14,0)+IF('Standard Profiles'!$G$21=$B$24,21,0),0)),0)</f>
        <v>0</v>
      </c>
      <c r="H2732" cm="1">
        <f t="array" ref="H2732">IFERROR(INDEX(Jesper!AL$2:AL$366,ROUNDDOWN($C2732/24,0)+1,1)*INDEX($D$3:$AA$30,INDEX(Jesper!$R$2:$R$366,ROW(INDEX(Jesper!AL$2:AL$366,ROUNDDOWN($C2732/24,0)+1,1))-1)+IF('Standard Profiles'!$G$22=$B$10,7,0)+IF('Standard Profiles'!$G$22=$B$17,14,0)+IF('Standard Profiles'!$G$22=$B$24,21,0),MOD($C2732,24)+1)/SUM(INDEX($D$3:$AA$30,INDEX(Jesper!$R$2:$R$366,ROW(INDEX(Jesper!AL$2:AL$366,ROUNDDOWN($C2732/24,0)+1,1))-1)+IF('Standard Profiles'!$G$22=$B$10,7,0)+IF('Standard Profiles'!$G$22=$B$17,14,0)+IF('Standard Profiles'!$G$22=$B$24,21,0),0)),0)</f>
        <v>0</v>
      </c>
      <c r="I2732">
        <f t="shared" si="314"/>
        <v>0.41278210132543519</v>
      </c>
      <c r="J2732">
        <f t="shared" si="315"/>
        <v>1.3759403377514507</v>
      </c>
      <c r="K2732">
        <f t="shared" si="316"/>
        <v>2.0639105066271761</v>
      </c>
      <c r="L2732">
        <f t="shared" si="317"/>
        <v>9.906770431810445</v>
      </c>
      <c r="M2732">
        <f t="shared" si="318"/>
        <v>0</v>
      </c>
      <c r="N2732" s="46">
        <f t="shared" si="319"/>
        <v>45404.416666660123</v>
      </c>
    </row>
    <row r="2733" spans="2:14" x14ac:dyDescent="0.3">
      <c r="B2733">
        <f t="shared" si="313"/>
        <v>1</v>
      </c>
      <c r="C2733" s="16">
        <v>2699</v>
      </c>
      <c r="D2733" cm="1">
        <f t="array" ref="D2733">IFERROR(INDEX(Jesper!AH$2:AH$366,ROUNDDOWN($C2733/24,0)+1,1)*INDEX($D$3:$AA$30,INDEX(Jesper!$R$2:$R$366,ROW(INDEX(Jesper!AH$2:AH$366,ROUNDDOWN($C2733/24,0)+1,1))-1)+IF('Standard Profiles'!$G$18=$B$10,7,0)+IF('Standard Profiles'!$G$18=$B$17,14,0)+IF('Standard Profiles'!$G$18=$B$24,21,0),MOD($C2733,24)+1)/SUM(INDEX($D$3:$AA$30,INDEX(Jesper!$R$2:$R$366,ROW(INDEX(Jesper!AH$2:AH$366,ROUNDDOWN($C2733/24,0)+1,1))-1)+IF('Standard Profiles'!$G$18=$B$10,7,0)+IF('Standard Profiles'!$G$18=$B$17,14,0)+IF('Standard Profiles'!$G$18=$B$24,21,0),0)),0)</f>
        <v>17.472258257161279</v>
      </c>
      <c r="E2733" cm="1">
        <f t="array" ref="E2733">IFERROR(INDEX(Jesper!AI$2:AI$366,ROUNDDOWN($C2733/24,0)+1,1)*INDEX($D$3:$AA$30,INDEX(Jesper!$R$2:$R$366,ROW(INDEX(Jesper!AI$2:AI$366,ROUNDDOWN($C2733/24,0)+1,1))-1)+IF('Standard Profiles'!$G$19=$B$10,7,0)+IF('Standard Profiles'!$G$19=$B$17,14,0)+IF('Standard Profiles'!$G$19=$B$24,21,0),MOD($C2733,24)+1)/SUM(INDEX($D$3:$AA$30,INDEX(Jesper!$R$2:$R$366,ROW(INDEX(Jesper!AI$2:AI$366,ROUNDDOWN($C2733/24,0)+1,1))-1)+IF('Standard Profiles'!$G$19=$B$10,7,0)+IF('Standard Profiles'!$G$19=$B$17,14,0)+IF('Standard Profiles'!$G$19=$B$24,21,0),0)),0)</f>
        <v>0</v>
      </c>
      <c r="F2733" cm="1">
        <f t="array" ref="F2733">IFERROR(INDEX(Jesper!AJ$2:AJ$366,ROUNDDOWN($C2733/24,0)+1,1)*INDEX($D$3:$AA$30,INDEX(Jesper!$R$2:$R$366,ROW(INDEX(Jesper!AJ$2:AJ$366,ROUNDDOWN($C2733/24,0)+1,1))-1)+IF('Standard Profiles'!$G$20=$B$10,7,0)+IF('Standard Profiles'!$G$20=$B$17,14,0)+IF('Standard Profiles'!$G$20=$B$24,21,0),MOD($C2733,24)+1)/SUM(INDEX($D$3:$AA$30,INDEX(Jesper!$R$2:$R$366,ROW(INDEX(Jesper!AJ$2:AJ$366,ROUNDDOWN($C2733/24,0)+1,1))-1)+IF('Standard Profiles'!$G$20=$B$10,7,0)+IF('Standard Profiles'!$G$20=$B$17,14,0)+IF('Standard Profiles'!$G$20=$B$24,21,0),0)),0)</f>
        <v>0</v>
      </c>
      <c r="G2733" cm="1">
        <f t="array" ref="G2733">IFERROR(INDEX(Jesper!AK$2:AK$366,ROUNDDOWN($C2733/24,0)+1,1)*INDEX($D$3:$AA$30,INDEX(Jesper!$R$2:$R$366,ROW(INDEX(Jesper!AK$2:AK$366,ROUNDDOWN($C2733/24,0)+1,1))-1)+IF('Standard Profiles'!$G$21=$B$10,7,0)+IF('Standard Profiles'!$G$21=$B$17,14,0)+IF('Standard Profiles'!$G$21=$B$24,21,0),MOD($C2733,24)+1)/SUM(INDEX($D$3:$AA$30,INDEX(Jesper!$R$2:$R$366,ROW(INDEX(Jesper!AK$2:AK$366,ROUNDDOWN($C2733/24,0)+1,1))-1)+IF('Standard Profiles'!$G$21=$B$10,7,0)+IF('Standard Profiles'!$G$21=$B$17,14,0)+IF('Standard Profiles'!$G$21=$B$24,21,0),0)),0)</f>
        <v>0</v>
      </c>
      <c r="H2733" cm="1">
        <f t="array" ref="H2733">IFERROR(INDEX(Jesper!AL$2:AL$366,ROUNDDOWN($C2733/24,0)+1,1)*INDEX($D$3:$AA$30,INDEX(Jesper!$R$2:$R$366,ROW(INDEX(Jesper!AL$2:AL$366,ROUNDDOWN($C2733/24,0)+1,1))-1)+IF('Standard Profiles'!$G$22=$B$10,7,0)+IF('Standard Profiles'!$G$22=$B$17,14,0)+IF('Standard Profiles'!$G$22=$B$24,21,0),MOD($C2733,24)+1)/SUM(INDEX($D$3:$AA$30,INDEX(Jesper!$R$2:$R$366,ROW(INDEX(Jesper!AL$2:AL$366,ROUNDDOWN($C2733/24,0)+1,1))-1)+IF('Standard Profiles'!$G$22=$B$10,7,0)+IF('Standard Profiles'!$G$22=$B$17,14,0)+IF('Standard Profiles'!$G$22=$B$24,21,0),0)),0)</f>
        <v>0</v>
      </c>
      <c r="I2733">
        <f t="shared" si="314"/>
        <v>0.52416774771483832</v>
      </c>
      <c r="J2733">
        <f t="shared" si="315"/>
        <v>1.7472258257161279</v>
      </c>
      <c r="K2733">
        <f t="shared" si="316"/>
        <v>2.6208387385741916</v>
      </c>
      <c r="L2733">
        <f t="shared" si="317"/>
        <v>12.58002594515612</v>
      </c>
      <c r="M2733">
        <f t="shared" si="318"/>
        <v>0</v>
      </c>
      <c r="N2733" s="46">
        <f t="shared" si="319"/>
        <v>45404.458333326787</v>
      </c>
    </row>
    <row r="2734" spans="2:14" x14ac:dyDescent="0.3">
      <c r="B2734">
        <f t="shared" si="313"/>
        <v>1</v>
      </c>
      <c r="C2734" s="16">
        <v>2700</v>
      </c>
      <c r="D2734" cm="1">
        <f t="array" ref="D2734">IFERROR(INDEX(Jesper!AH$2:AH$366,ROUNDDOWN($C2734/24,0)+1,1)*INDEX($D$3:$AA$30,INDEX(Jesper!$R$2:$R$366,ROW(INDEX(Jesper!AH$2:AH$366,ROUNDDOWN($C2734/24,0)+1,1))-1)+IF('Standard Profiles'!$G$18=$B$10,7,0)+IF('Standard Profiles'!$G$18=$B$17,14,0)+IF('Standard Profiles'!$G$18=$B$24,21,0),MOD($C2734,24)+1)/SUM(INDEX($D$3:$AA$30,INDEX(Jesper!$R$2:$R$366,ROW(INDEX(Jesper!AH$2:AH$366,ROUNDDOWN($C2734/24,0)+1,1))-1)+IF('Standard Profiles'!$G$18=$B$10,7,0)+IF('Standard Profiles'!$G$18=$B$17,14,0)+IF('Standard Profiles'!$G$18=$B$24,21,0),0)),0)</f>
        <v>17.472258257161279</v>
      </c>
      <c r="E2734" cm="1">
        <f t="array" ref="E2734">IFERROR(INDEX(Jesper!AI$2:AI$366,ROUNDDOWN($C2734/24,0)+1,1)*INDEX($D$3:$AA$30,INDEX(Jesper!$R$2:$R$366,ROW(INDEX(Jesper!AI$2:AI$366,ROUNDDOWN($C2734/24,0)+1,1))-1)+IF('Standard Profiles'!$G$19=$B$10,7,0)+IF('Standard Profiles'!$G$19=$B$17,14,0)+IF('Standard Profiles'!$G$19=$B$24,21,0),MOD($C2734,24)+1)/SUM(INDEX($D$3:$AA$30,INDEX(Jesper!$R$2:$R$366,ROW(INDEX(Jesper!AI$2:AI$366,ROUNDDOWN($C2734/24,0)+1,1))-1)+IF('Standard Profiles'!$G$19=$B$10,7,0)+IF('Standard Profiles'!$G$19=$B$17,14,0)+IF('Standard Profiles'!$G$19=$B$24,21,0),0)),0)</f>
        <v>0</v>
      </c>
      <c r="F2734" cm="1">
        <f t="array" ref="F2734">IFERROR(INDEX(Jesper!AJ$2:AJ$366,ROUNDDOWN($C2734/24,0)+1,1)*INDEX($D$3:$AA$30,INDEX(Jesper!$R$2:$R$366,ROW(INDEX(Jesper!AJ$2:AJ$366,ROUNDDOWN($C2734/24,0)+1,1))-1)+IF('Standard Profiles'!$G$20=$B$10,7,0)+IF('Standard Profiles'!$G$20=$B$17,14,0)+IF('Standard Profiles'!$G$20=$B$24,21,0),MOD($C2734,24)+1)/SUM(INDEX($D$3:$AA$30,INDEX(Jesper!$R$2:$R$366,ROW(INDEX(Jesper!AJ$2:AJ$366,ROUNDDOWN($C2734/24,0)+1,1))-1)+IF('Standard Profiles'!$G$20=$B$10,7,0)+IF('Standard Profiles'!$G$20=$B$17,14,0)+IF('Standard Profiles'!$G$20=$B$24,21,0),0)),0)</f>
        <v>0</v>
      </c>
      <c r="G2734" cm="1">
        <f t="array" ref="G2734">IFERROR(INDEX(Jesper!AK$2:AK$366,ROUNDDOWN($C2734/24,0)+1,1)*INDEX($D$3:$AA$30,INDEX(Jesper!$R$2:$R$366,ROW(INDEX(Jesper!AK$2:AK$366,ROUNDDOWN($C2734/24,0)+1,1))-1)+IF('Standard Profiles'!$G$21=$B$10,7,0)+IF('Standard Profiles'!$G$21=$B$17,14,0)+IF('Standard Profiles'!$G$21=$B$24,21,0),MOD($C2734,24)+1)/SUM(INDEX($D$3:$AA$30,INDEX(Jesper!$R$2:$R$366,ROW(INDEX(Jesper!AK$2:AK$366,ROUNDDOWN($C2734/24,0)+1,1))-1)+IF('Standard Profiles'!$G$21=$B$10,7,0)+IF('Standard Profiles'!$G$21=$B$17,14,0)+IF('Standard Profiles'!$G$21=$B$24,21,0),0)),0)</f>
        <v>0</v>
      </c>
      <c r="H2734" cm="1">
        <f t="array" ref="H2734">IFERROR(INDEX(Jesper!AL$2:AL$366,ROUNDDOWN($C2734/24,0)+1,1)*INDEX($D$3:$AA$30,INDEX(Jesper!$R$2:$R$366,ROW(INDEX(Jesper!AL$2:AL$366,ROUNDDOWN($C2734/24,0)+1,1))-1)+IF('Standard Profiles'!$G$22=$B$10,7,0)+IF('Standard Profiles'!$G$22=$B$17,14,0)+IF('Standard Profiles'!$G$22=$B$24,21,0),MOD($C2734,24)+1)/SUM(INDEX($D$3:$AA$30,INDEX(Jesper!$R$2:$R$366,ROW(INDEX(Jesper!AL$2:AL$366,ROUNDDOWN($C2734/24,0)+1,1))-1)+IF('Standard Profiles'!$G$22=$B$10,7,0)+IF('Standard Profiles'!$G$22=$B$17,14,0)+IF('Standard Profiles'!$G$22=$B$24,21,0),0)),0)</f>
        <v>0</v>
      </c>
      <c r="I2734">
        <f t="shared" si="314"/>
        <v>0.52416774771483832</v>
      </c>
      <c r="J2734">
        <f t="shared" si="315"/>
        <v>1.7472258257161279</v>
      </c>
      <c r="K2734">
        <f t="shared" si="316"/>
        <v>2.6208387385741916</v>
      </c>
      <c r="L2734">
        <f t="shared" si="317"/>
        <v>12.58002594515612</v>
      </c>
      <c r="M2734">
        <f t="shared" si="318"/>
        <v>0</v>
      </c>
      <c r="N2734" s="46">
        <f t="shared" si="319"/>
        <v>45404.499999993452</v>
      </c>
    </row>
    <row r="2735" spans="2:14" x14ac:dyDescent="0.3">
      <c r="B2735">
        <f t="shared" si="313"/>
        <v>1</v>
      </c>
      <c r="C2735" s="16">
        <v>2701</v>
      </c>
      <c r="D2735" cm="1">
        <f t="array" ref="D2735">IFERROR(INDEX(Jesper!AH$2:AH$366,ROUNDDOWN($C2735/24,0)+1,1)*INDEX($D$3:$AA$30,INDEX(Jesper!$R$2:$R$366,ROW(INDEX(Jesper!AH$2:AH$366,ROUNDDOWN($C2735/24,0)+1,1))-1)+IF('Standard Profiles'!$G$18=$B$10,7,0)+IF('Standard Profiles'!$G$18=$B$17,14,0)+IF('Standard Profiles'!$G$18=$B$24,21,0),MOD($C2735,24)+1)/SUM(INDEX($D$3:$AA$30,INDEX(Jesper!$R$2:$R$366,ROW(INDEX(Jesper!AH$2:AH$366,ROUNDDOWN($C2735/24,0)+1,1))-1)+IF('Standard Profiles'!$G$18=$B$10,7,0)+IF('Standard Profiles'!$G$18=$B$17,14,0)+IF('Standard Profiles'!$G$18=$B$24,21,0),0)),0)</f>
        <v>11.575371095369347</v>
      </c>
      <c r="E2735" cm="1">
        <f t="array" ref="E2735">IFERROR(INDEX(Jesper!AI$2:AI$366,ROUNDDOWN($C2735/24,0)+1,1)*INDEX($D$3:$AA$30,INDEX(Jesper!$R$2:$R$366,ROW(INDEX(Jesper!AI$2:AI$366,ROUNDDOWN($C2735/24,0)+1,1))-1)+IF('Standard Profiles'!$G$19=$B$10,7,0)+IF('Standard Profiles'!$G$19=$B$17,14,0)+IF('Standard Profiles'!$G$19=$B$24,21,0),MOD($C2735,24)+1)/SUM(INDEX($D$3:$AA$30,INDEX(Jesper!$R$2:$R$366,ROW(INDEX(Jesper!AI$2:AI$366,ROUNDDOWN($C2735/24,0)+1,1))-1)+IF('Standard Profiles'!$G$19=$B$10,7,0)+IF('Standard Profiles'!$G$19=$B$17,14,0)+IF('Standard Profiles'!$G$19=$B$24,21,0),0)),0)</f>
        <v>0</v>
      </c>
      <c r="F2735" cm="1">
        <f t="array" ref="F2735">IFERROR(INDEX(Jesper!AJ$2:AJ$366,ROUNDDOWN($C2735/24,0)+1,1)*INDEX($D$3:$AA$30,INDEX(Jesper!$R$2:$R$366,ROW(INDEX(Jesper!AJ$2:AJ$366,ROUNDDOWN($C2735/24,0)+1,1))-1)+IF('Standard Profiles'!$G$20=$B$10,7,0)+IF('Standard Profiles'!$G$20=$B$17,14,0)+IF('Standard Profiles'!$G$20=$B$24,21,0),MOD($C2735,24)+1)/SUM(INDEX($D$3:$AA$30,INDEX(Jesper!$R$2:$R$366,ROW(INDEX(Jesper!AJ$2:AJ$366,ROUNDDOWN($C2735/24,0)+1,1))-1)+IF('Standard Profiles'!$G$20=$B$10,7,0)+IF('Standard Profiles'!$G$20=$B$17,14,0)+IF('Standard Profiles'!$G$20=$B$24,21,0),0)),0)</f>
        <v>0</v>
      </c>
      <c r="G2735" cm="1">
        <f t="array" ref="G2735">IFERROR(INDEX(Jesper!AK$2:AK$366,ROUNDDOWN($C2735/24,0)+1,1)*INDEX($D$3:$AA$30,INDEX(Jesper!$R$2:$R$366,ROW(INDEX(Jesper!AK$2:AK$366,ROUNDDOWN($C2735/24,0)+1,1))-1)+IF('Standard Profiles'!$G$21=$B$10,7,0)+IF('Standard Profiles'!$G$21=$B$17,14,0)+IF('Standard Profiles'!$G$21=$B$24,21,0),MOD($C2735,24)+1)/SUM(INDEX($D$3:$AA$30,INDEX(Jesper!$R$2:$R$366,ROW(INDEX(Jesper!AK$2:AK$366,ROUNDDOWN($C2735/24,0)+1,1))-1)+IF('Standard Profiles'!$G$21=$B$10,7,0)+IF('Standard Profiles'!$G$21=$B$17,14,0)+IF('Standard Profiles'!$G$21=$B$24,21,0),0)),0)</f>
        <v>0</v>
      </c>
      <c r="H2735" cm="1">
        <f t="array" ref="H2735">IFERROR(INDEX(Jesper!AL$2:AL$366,ROUNDDOWN($C2735/24,0)+1,1)*INDEX($D$3:$AA$30,INDEX(Jesper!$R$2:$R$366,ROW(INDEX(Jesper!AL$2:AL$366,ROUNDDOWN($C2735/24,0)+1,1))-1)+IF('Standard Profiles'!$G$22=$B$10,7,0)+IF('Standard Profiles'!$G$22=$B$17,14,0)+IF('Standard Profiles'!$G$22=$B$24,21,0),MOD($C2735,24)+1)/SUM(INDEX($D$3:$AA$30,INDEX(Jesper!$R$2:$R$366,ROW(INDEX(Jesper!AL$2:AL$366,ROUNDDOWN($C2735/24,0)+1,1))-1)+IF('Standard Profiles'!$G$22=$B$10,7,0)+IF('Standard Profiles'!$G$22=$B$17,14,0)+IF('Standard Profiles'!$G$22=$B$24,21,0),0)),0)</f>
        <v>0</v>
      </c>
      <c r="I2735">
        <f t="shared" si="314"/>
        <v>0.3472611328610804</v>
      </c>
      <c r="J2735">
        <f t="shared" si="315"/>
        <v>1.1575371095369347</v>
      </c>
      <c r="K2735">
        <f t="shared" si="316"/>
        <v>1.736305664305402</v>
      </c>
      <c r="L2735">
        <f t="shared" si="317"/>
        <v>8.3342671886659296</v>
      </c>
      <c r="M2735">
        <f t="shared" si="318"/>
        <v>0</v>
      </c>
      <c r="N2735" s="46">
        <f t="shared" si="319"/>
        <v>45404.541666660116</v>
      </c>
    </row>
    <row r="2736" spans="2:14" x14ac:dyDescent="0.3">
      <c r="B2736">
        <f t="shared" si="313"/>
        <v>1</v>
      </c>
      <c r="C2736" s="16">
        <v>2702</v>
      </c>
      <c r="D2736" cm="1">
        <f t="array" ref="D2736">IFERROR(INDEX(Jesper!AH$2:AH$366,ROUNDDOWN($C2736/24,0)+1,1)*INDEX($D$3:$AA$30,INDEX(Jesper!$R$2:$R$366,ROW(INDEX(Jesper!AH$2:AH$366,ROUNDDOWN($C2736/24,0)+1,1))-1)+IF('Standard Profiles'!$G$18=$B$10,7,0)+IF('Standard Profiles'!$G$18=$B$17,14,0)+IF('Standard Profiles'!$G$18=$B$24,21,0),MOD($C2736,24)+1)/SUM(INDEX($D$3:$AA$30,INDEX(Jesper!$R$2:$R$366,ROW(INDEX(Jesper!AH$2:AH$366,ROUNDDOWN($C2736/24,0)+1,1))-1)+IF('Standard Profiles'!$G$18=$B$10,7,0)+IF('Standard Profiles'!$G$18=$B$17,14,0)+IF('Standard Profiles'!$G$18=$B$24,21,0),0)),0)</f>
        <v>17.472258257161279</v>
      </c>
      <c r="E2736" cm="1">
        <f t="array" ref="E2736">IFERROR(INDEX(Jesper!AI$2:AI$366,ROUNDDOWN($C2736/24,0)+1,1)*INDEX($D$3:$AA$30,INDEX(Jesper!$R$2:$R$366,ROW(INDEX(Jesper!AI$2:AI$366,ROUNDDOWN($C2736/24,0)+1,1))-1)+IF('Standard Profiles'!$G$19=$B$10,7,0)+IF('Standard Profiles'!$G$19=$B$17,14,0)+IF('Standard Profiles'!$G$19=$B$24,21,0),MOD($C2736,24)+1)/SUM(INDEX($D$3:$AA$30,INDEX(Jesper!$R$2:$R$366,ROW(INDEX(Jesper!AI$2:AI$366,ROUNDDOWN($C2736/24,0)+1,1))-1)+IF('Standard Profiles'!$G$19=$B$10,7,0)+IF('Standard Profiles'!$G$19=$B$17,14,0)+IF('Standard Profiles'!$G$19=$B$24,21,0),0)),0)</f>
        <v>0</v>
      </c>
      <c r="F2736" cm="1">
        <f t="array" ref="F2736">IFERROR(INDEX(Jesper!AJ$2:AJ$366,ROUNDDOWN($C2736/24,0)+1,1)*INDEX($D$3:$AA$30,INDEX(Jesper!$R$2:$R$366,ROW(INDEX(Jesper!AJ$2:AJ$366,ROUNDDOWN($C2736/24,0)+1,1))-1)+IF('Standard Profiles'!$G$20=$B$10,7,0)+IF('Standard Profiles'!$G$20=$B$17,14,0)+IF('Standard Profiles'!$G$20=$B$24,21,0),MOD($C2736,24)+1)/SUM(INDEX($D$3:$AA$30,INDEX(Jesper!$R$2:$R$366,ROW(INDEX(Jesper!AJ$2:AJ$366,ROUNDDOWN($C2736/24,0)+1,1))-1)+IF('Standard Profiles'!$G$20=$B$10,7,0)+IF('Standard Profiles'!$G$20=$B$17,14,0)+IF('Standard Profiles'!$G$20=$B$24,21,0),0)),0)</f>
        <v>0</v>
      </c>
      <c r="G2736" cm="1">
        <f t="array" ref="G2736">IFERROR(INDEX(Jesper!AK$2:AK$366,ROUNDDOWN($C2736/24,0)+1,1)*INDEX($D$3:$AA$30,INDEX(Jesper!$R$2:$R$366,ROW(INDEX(Jesper!AK$2:AK$366,ROUNDDOWN($C2736/24,0)+1,1))-1)+IF('Standard Profiles'!$G$21=$B$10,7,0)+IF('Standard Profiles'!$G$21=$B$17,14,0)+IF('Standard Profiles'!$G$21=$B$24,21,0),MOD($C2736,24)+1)/SUM(INDEX($D$3:$AA$30,INDEX(Jesper!$R$2:$R$366,ROW(INDEX(Jesper!AK$2:AK$366,ROUNDDOWN($C2736/24,0)+1,1))-1)+IF('Standard Profiles'!$G$21=$B$10,7,0)+IF('Standard Profiles'!$G$21=$B$17,14,0)+IF('Standard Profiles'!$G$21=$B$24,21,0),0)),0)</f>
        <v>0</v>
      </c>
      <c r="H2736" cm="1">
        <f t="array" ref="H2736">IFERROR(INDEX(Jesper!AL$2:AL$366,ROUNDDOWN($C2736/24,0)+1,1)*INDEX($D$3:$AA$30,INDEX(Jesper!$R$2:$R$366,ROW(INDEX(Jesper!AL$2:AL$366,ROUNDDOWN($C2736/24,0)+1,1))-1)+IF('Standard Profiles'!$G$22=$B$10,7,0)+IF('Standard Profiles'!$G$22=$B$17,14,0)+IF('Standard Profiles'!$G$22=$B$24,21,0),MOD($C2736,24)+1)/SUM(INDEX($D$3:$AA$30,INDEX(Jesper!$R$2:$R$366,ROW(INDEX(Jesper!AL$2:AL$366,ROUNDDOWN($C2736/24,0)+1,1))-1)+IF('Standard Profiles'!$G$22=$B$10,7,0)+IF('Standard Profiles'!$G$22=$B$17,14,0)+IF('Standard Profiles'!$G$22=$B$24,21,0),0)),0)</f>
        <v>0</v>
      </c>
      <c r="I2736">
        <f t="shared" si="314"/>
        <v>0.52416774771483832</v>
      </c>
      <c r="J2736">
        <f t="shared" si="315"/>
        <v>1.7472258257161279</v>
      </c>
      <c r="K2736">
        <f t="shared" si="316"/>
        <v>2.6208387385741916</v>
      </c>
      <c r="L2736">
        <f t="shared" si="317"/>
        <v>12.58002594515612</v>
      </c>
      <c r="M2736">
        <f t="shared" si="318"/>
        <v>0</v>
      </c>
      <c r="N2736" s="46">
        <f t="shared" si="319"/>
        <v>45404.58333332678</v>
      </c>
    </row>
    <row r="2737" spans="2:14" x14ac:dyDescent="0.3">
      <c r="B2737">
        <f t="shared" si="313"/>
        <v>1</v>
      </c>
      <c r="C2737" s="16">
        <v>2703</v>
      </c>
      <c r="D2737" cm="1">
        <f t="array" ref="D2737">IFERROR(INDEX(Jesper!AH$2:AH$366,ROUNDDOWN($C2737/24,0)+1,1)*INDEX($D$3:$AA$30,INDEX(Jesper!$R$2:$R$366,ROW(INDEX(Jesper!AH$2:AH$366,ROUNDDOWN($C2737/24,0)+1,1))-1)+IF('Standard Profiles'!$G$18=$B$10,7,0)+IF('Standard Profiles'!$G$18=$B$17,14,0)+IF('Standard Profiles'!$G$18=$B$24,21,0),MOD($C2737,24)+1)/SUM(INDEX($D$3:$AA$30,INDEX(Jesper!$R$2:$R$366,ROW(INDEX(Jesper!AH$2:AH$366,ROUNDDOWN($C2737/24,0)+1,1))-1)+IF('Standard Profiles'!$G$18=$B$10,7,0)+IF('Standard Profiles'!$G$18=$B$17,14,0)+IF('Standard Profiles'!$G$18=$B$24,21,0),0)),0)</f>
        <v>17.472258257161279</v>
      </c>
      <c r="E2737" cm="1">
        <f t="array" ref="E2737">IFERROR(INDEX(Jesper!AI$2:AI$366,ROUNDDOWN($C2737/24,0)+1,1)*INDEX($D$3:$AA$30,INDEX(Jesper!$R$2:$R$366,ROW(INDEX(Jesper!AI$2:AI$366,ROUNDDOWN($C2737/24,0)+1,1))-1)+IF('Standard Profiles'!$G$19=$B$10,7,0)+IF('Standard Profiles'!$G$19=$B$17,14,0)+IF('Standard Profiles'!$G$19=$B$24,21,0),MOD($C2737,24)+1)/SUM(INDEX($D$3:$AA$30,INDEX(Jesper!$R$2:$R$366,ROW(INDEX(Jesper!AI$2:AI$366,ROUNDDOWN($C2737/24,0)+1,1))-1)+IF('Standard Profiles'!$G$19=$B$10,7,0)+IF('Standard Profiles'!$G$19=$B$17,14,0)+IF('Standard Profiles'!$G$19=$B$24,21,0),0)),0)</f>
        <v>0</v>
      </c>
      <c r="F2737" cm="1">
        <f t="array" ref="F2737">IFERROR(INDEX(Jesper!AJ$2:AJ$366,ROUNDDOWN($C2737/24,0)+1,1)*INDEX($D$3:$AA$30,INDEX(Jesper!$R$2:$R$366,ROW(INDEX(Jesper!AJ$2:AJ$366,ROUNDDOWN($C2737/24,0)+1,1))-1)+IF('Standard Profiles'!$G$20=$B$10,7,0)+IF('Standard Profiles'!$G$20=$B$17,14,0)+IF('Standard Profiles'!$G$20=$B$24,21,0),MOD($C2737,24)+1)/SUM(INDEX($D$3:$AA$30,INDEX(Jesper!$R$2:$R$366,ROW(INDEX(Jesper!AJ$2:AJ$366,ROUNDDOWN($C2737/24,0)+1,1))-1)+IF('Standard Profiles'!$G$20=$B$10,7,0)+IF('Standard Profiles'!$G$20=$B$17,14,0)+IF('Standard Profiles'!$G$20=$B$24,21,0),0)),0)</f>
        <v>0</v>
      </c>
      <c r="G2737" cm="1">
        <f t="array" ref="G2737">IFERROR(INDEX(Jesper!AK$2:AK$366,ROUNDDOWN($C2737/24,0)+1,1)*INDEX($D$3:$AA$30,INDEX(Jesper!$R$2:$R$366,ROW(INDEX(Jesper!AK$2:AK$366,ROUNDDOWN($C2737/24,0)+1,1))-1)+IF('Standard Profiles'!$G$21=$B$10,7,0)+IF('Standard Profiles'!$G$21=$B$17,14,0)+IF('Standard Profiles'!$G$21=$B$24,21,0),MOD($C2737,24)+1)/SUM(INDEX($D$3:$AA$30,INDEX(Jesper!$R$2:$R$366,ROW(INDEX(Jesper!AK$2:AK$366,ROUNDDOWN($C2737/24,0)+1,1))-1)+IF('Standard Profiles'!$G$21=$B$10,7,0)+IF('Standard Profiles'!$G$21=$B$17,14,0)+IF('Standard Profiles'!$G$21=$B$24,21,0),0)),0)</f>
        <v>0</v>
      </c>
      <c r="H2737" cm="1">
        <f t="array" ref="H2737">IFERROR(INDEX(Jesper!AL$2:AL$366,ROUNDDOWN($C2737/24,0)+1,1)*INDEX($D$3:$AA$30,INDEX(Jesper!$R$2:$R$366,ROW(INDEX(Jesper!AL$2:AL$366,ROUNDDOWN($C2737/24,0)+1,1))-1)+IF('Standard Profiles'!$G$22=$B$10,7,0)+IF('Standard Profiles'!$G$22=$B$17,14,0)+IF('Standard Profiles'!$G$22=$B$24,21,0),MOD($C2737,24)+1)/SUM(INDEX($D$3:$AA$30,INDEX(Jesper!$R$2:$R$366,ROW(INDEX(Jesper!AL$2:AL$366,ROUNDDOWN($C2737/24,0)+1,1))-1)+IF('Standard Profiles'!$G$22=$B$10,7,0)+IF('Standard Profiles'!$G$22=$B$17,14,0)+IF('Standard Profiles'!$G$22=$B$24,21,0),0)),0)</f>
        <v>0</v>
      </c>
      <c r="I2737">
        <f t="shared" si="314"/>
        <v>0.52416774771483832</v>
      </c>
      <c r="J2737">
        <f t="shared" si="315"/>
        <v>1.7472258257161279</v>
      </c>
      <c r="K2737">
        <f t="shared" si="316"/>
        <v>2.6208387385741916</v>
      </c>
      <c r="L2737">
        <f t="shared" si="317"/>
        <v>12.58002594515612</v>
      </c>
      <c r="M2737">
        <f t="shared" si="318"/>
        <v>0</v>
      </c>
      <c r="N2737" s="46">
        <f t="shared" si="319"/>
        <v>45404.624999993444</v>
      </c>
    </row>
    <row r="2738" spans="2:14" x14ac:dyDescent="0.3">
      <c r="B2738">
        <f t="shared" si="313"/>
        <v>1</v>
      </c>
      <c r="C2738" s="16">
        <v>2704</v>
      </c>
      <c r="D2738" cm="1">
        <f t="array" ref="D2738">IFERROR(INDEX(Jesper!AH$2:AH$366,ROUNDDOWN($C2738/24,0)+1,1)*INDEX($D$3:$AA$30,INDEX(Jesper!$R$2:$R$366,ROW(INDEX(Jesper!AH$2:AH$366,ROUNDDOWN($C2738/24,0)+1,1))-1)+IF('Standard Profiles'!$G$18=$B$10,7,0)+IF('Standard Profiles'!$G$18=$B$17,14,0)+IF('Standard Profiles'!$G$18=$B$24,21,0),MOD($C2738,24)+1)/SUM(INDEX($D$3:$AA$30,INDEX(Jesper!$R$2:$R$366,ROW(INDEX(Jesper!AH$2:AH$366,ROUNDDOWN($C2738/24,0)+1,1))-1)+IF('Standard Profiles'!$G$18=$B$10,7,0)+IF('Standard Profiles'!$G$18=$B$17,14,0)+IF('Standard Profiles'!$G$18=$B$24,21,0),0)),0)</f>
        <v>17.472258257161279</v>
      </c>
      <c r="E2738" cm="1">
        <f t="array" ref="E2738">IFERROR(INDEX(Jesper!AI$2:AI$366,ROUNDDOWN($C2738/24,0)+1,1)*INDEX($D$3:$AA$30,INDEX(Jesper!$R$2:$R$366,ROW(INDEX(Jesper!AI$2:AI$366,ROUNDDOWN($C2738/24,0)+1,1))-1)+IF('Standard Profiles'!$G$19=$B$10,7,0)+IF('Standard Profiles'!$G$19=$B$17,14,0)+IF('Standard Profiles'!$G$19=$B$24,21,0),MOD($C2738,24)+1)/SUM(INDEX($D$3:$AA$30,INDEX(Jesper!$R$2:$R$366,ROW(INDEX(Jesper!AI$2:AI$366,ROUNDDOWN($C2738/24,0)+1,1))-1)+IF('Standard Profiles'!$G$19=$B$10,7,0)+IF('Standard Profiles'!$G$19=$B$17,14,0)+IF('Standard Profiles'!$G$19=$B$24,21,0),0)),0)</f>
        <v>0</v>
      </c>
      <c r="F2738" cm="1">
        <f t="array" ref="F2738">IFERROR(INDEX(Jesper!AJ$2:AJ$366,ROUNDDOWN($C2738/24,0)+1,1)*INDEX($D$3:$AA$30,INDEX(Jesper!$R$2:$R$366,ROW(INDEX(Jesper!AJ$2:AJ$366,ROUNDDOWN($C2738/24,0)+1,1))-1)+IF('Standard Profiles'!$G$20=$B$10,7,0)+IF('Standard Profiles'!$G$20=$B$17,14,0)+IF('Standard Profiles'!$G$20=$B$24,21,0),MOD($C2738,24)+1)/SUM(INDEX($D$3:$AA$30,INDEX(Jesper!$R$2:$R$366,ROW(INDEX(Jesper!AJ$2:AJ$366,ROUNDDOWN($C2738/24,0)+1,1))-1)+IF('Standard Profiles'!$G$20=$B$10,7,0)+IF('Standard Profiles'!$G$20=$B$17,14,0)+IF('Standard Profiles'!$G$20=$B$24,21,0),0)),0)</f>
        <v>0</v>
      </c>
      <c r="G2738" cm="1">
        <f t="array" ref="G2738">IFERROR(INDEX(Jesper!AK$2:AK$366,ROUNDDOWN($C2738/24,0)+1,1)*INDEX($D$3:$AA$30,INDEX(Jesper!$R$2:$R$366,ROW(INDEX(Jesper!AK$2:AK$366,ROUNDDOWN($C2738/24,0)+1,1))-1)+IF('Standard Profiles'!$G$21=$B$10,7,0)+IF('Standard Profiles'!$G$21=$B$17,14,0)+IF('Standard Profiles'!$G$21=$B$24,21,0),MOD($C2738,24)+1)/SUM(INDEX($D$3:$AA$30,INDEX(Jesper!$R$2:$R$366,ROW(INDEX(Jesper!AK$2:AK$366,ROUNDDOWN($C2738/24,0)+1,1))-1)+IF('Standard Profiles'!$G$21=$B$10,7,0)+IF('Standard Profiles'!$G$21=$B$17,14,0)+IF('Standard Profiles'!$G$21=$B$24,21,0),0)),0)</f>
        <v>0</v>
      </c>
      <c r="H2738" cm="1">
        <f t="array" ref="H2738">IFERROR(INDEX(Jesper!AL$2:AL$366,ROUNDDOWN($C2738/24,0)+1,1)*INDEX($D$3:$AA$30,INDEX(Jesper!$R$2:$R$366,ROW(INDEX(Jesper!AL$2:AL$366,ROUNDDOWN($C2738/24,0)+1,1))-1)+IF('Standard Profiles'!$G$22=$B$10,7,0)+IF('Standard Profiles'!$G$22=$B$17,14,0)+IF('Standard Profiles'!$G$22=$B$24,21,0),MOD($C2738,24)+1)/SUM(INDEX($D$3:$AA$30,INDEX(Jesper!$R$2:$R$366,ROW(INDEX(Jesper!AL$2:AL$366,ROUNDDOWN($C2738/24,0)+1,1))-1)+IF('Standard Profiles'!$G$22=$B$10,7,0)+IF('Standard Profiles'!$G$22=$B$17,14,0)+IF('Standard Profiles'!$G$22=$B$24,21,0),0)),0)</f>
        <v>0</v>
      </c>
      <c r="I2738">
        <f t="shared" si="314"/>
        <v>0.52416774771483832</v>
      </c>
      <c r="J2738">
        <f t="shared" si="315"/>
        <v>1.7472258257161279</v>
      </c>
      <c r="K2738">
        <f t="shared" si="316"/>
        <v>2.6208387385741916</v>
      </c>
      <c r="L2738">
        <f t="shared" si="317"/>
        <v>12.58002594515612</v>
      </c>
      <c r="M2738">
        <f t="shared" si="318"/>
        <v>0</v>
      </c>
      <c r="N2738" s="46">
        <f t="shared" si="319"/>
        <v>45404.666666660109</v>
      </c>
    </row>
    <row r="2739" spans="2:14" x14ac:dyDescent="0.3">
      <c r="B2739">
        <f t="shared" si="313"/>
        <v>1</v>
      </c>
      <c r="C2739" s="16">
        <v>2705</v>
      </c>
      <c r="D2739" cm="1">
        <f t="array" ref="D2739">IFERROR(INDEX(Jesper!AH$2:AH$366,ROUNDDOWN($C2739/24,0)+1,1)*INDEX($D$3:$AA$30,INDEX(Jesper!$R$2:$R$366,ROW(INDEX(Jesper!AH$2:AH$366,ROUNDDOWN($C2739/24,0)+1,1))-1)+IF('Standard Profiles'!$G$18=$B$10,7,0)+IF('Standard Profiles'!$G$18=$B$17,14,0)+IF('Standard Profiles'!$G$18=$B$24,21,0),MOD($C2739,24)+1)/SUM(INDEX($D$3:$AA$30,INDEX(Jesper!$R$2:$R$366,ROW(INDEX(Jesper!AH$2:AH$366,ROUNDDOWN($C2739/24,0)+1,1))-1)+IF('Standard Profiles'!$G$18=$B$10,7,0)+IF('Standard Profiles'!$G$18=$B$17,14,0)+IF('Standard Profiles'!$G$18=$B$24,21,0),0)),0)</f>
        <v>17.472258257161279</v>
      </c>
      <c r="E2739" cm="1">
        <f t="array" ref="E2739">IFERROR(INDEX(Jesper!AI$2:AI$366,ROUNDDOWN($C2739/24,0)+1,1)*INDEX($D$3:$AA$30,INDEX(Jesper!$R$2:$R$366,ROW(INDEX(Jesper!AI$2:AI$366,ROUNDDOWN($C2739/24,0)+1,1))-1)+IF('Standard Profiles'!$G$19=$B$10,7,0)+IF('Standard Profiles'!$G$19=$B$17,14,0)+IF('Standard Profiles'!$G$19=$B$24,21,0),MOD($C2739,24)+1)/SUM(INDEX($D$3:$AA$30,INDEX(Jesper!$R$2:$R$366,ROW(INDEX(Jesper!AI$2:AI$366,ROUNDDOWN($C2739/24,0)+1,1))-1)+IF('Standard Profiles'!$G$19=$B$10,7,0)+IF('Standard Profiles'!$G$19=$B$17,14,0)+IF('Standard Profiles'!$G$19=$B$24,21,0),0)),0)</f>
        <v>0</v>
      </c>
      <c r="F2739" cm="1">
        <f t="array" ref="F2739">IFERROR(INDEX(Jesper!AJ$2:AJ$366,ROUNDDOWN($C2739/24,0)+1,1)*INDEX($D$3:$AA$30,INDEX(Jesper!$R$2:$R$366,ROW(INDEX(Jesper!AJ$2:AJ$366,ROUNDDOWN($C2739/24,0)+1,1))-1)+IF('Standard Profiles'!$G$20=$B$10,7,0)+IF('Standard Profiles'!$G$20=$B$17,14,0)+IF('Standard Profiles'!$G$20=$B$24,21,0),MOD($C2739,24)+1)/SUM(INDEX($D$3:$AA$30,INDEX(Jesper!$R$2:$R$366,ROW(INDEX(Jesper!AJ$2:AJ$366,ROUNDDOWN($C2739/24,0)+1,1))-1)+IF('Standard Profiles'!$G$20=$B$10,7,0)+IF('Standard Profiles'!$G$20=$B$17,14,0)+IF('Standard Profiles'!$G$20=$B$24,21,0),0)),0)</f>
        <v>0</v>
      </c>
      <c r="G2739" cm="1">
        <f t="array" ref="G2739">IFERROR(INDEX(Jesper!AK$2:AK$366,ROUNDDOWN($C2739/24,0)+1,1)*INDEX($D$3:$AA$30,INDEX(Jesper!$R$2:$R$366,ROW(INDEX(Jesper!AK$2:AK$366,ROUNDDOWN($C2739/24,0)+1,1))-1)+IF('Standard Profiles'!$G$21=$B$10,7,0)+IF('Standard Profiles'!$G$21=$B$17,14,0)+IF('Standard Profiles'!$G$21=$B$24,21,0),MOD($C2739,24)+1)/SUM(INDEX($D$3:$AA$30,INDEX(Jesper!$R$2:$R$366,ROW(INDEX(Jesper!AK$2:AK$366,ROUNDDOWN($C2739/24,0)+1,1))-1)+IF('Standard Profiles'!$G$21=$B$10,7,0)+IF('Standard Profiles'!$G$21=$B$17,14,0)+IF('Standard Profiles'!$G$21=$B$24,21,0),0)),0)</f>
        <v>0</v>
      </c>
      <c r="H2739" cm="1">
        <f t="array" ref="H2739">IFERROR(INDEX(Jesper!AL$2:AL$366,ROUNDDOWN($C2739/24,0)+1,1)*INDEX($D$3:$AA$30,INDEX(Jesper!$R$2:$R$366,ROW(INDEX(Jesper!AL$2:AL$366,ROUNDDOWN($C2739/24,0)+1,1))-1)+IF('Standard Profiles'!$G$22=$B$10,7,0)+IF('Standard Profiles'!$G$22=$B$17,14,0)+IF('Standard Profiles'!$G$22=$B$24,21,0),MOD($C2739,24)+1)/SUM(INDEX($D$3:$AA$30,INDEX(Jesper!$R$2:$R$366,ROW(INDEX(Jesper!AL$2:AL$366,ROUNDDOWN($C2739/24,0)+1,1))-1)+IF('Standard Profiles'!$G$22=$B$10,7,0)+IF('Standard Profiles'!$G$22=$B$17,14,0)+IF('Standard Profiles'!$G$22=$B$24,21,0),0)),0)</f>
        <v>0</v>
      </c>
      <c r="I2739">
        <f t="shared" si="314"/>
        <v>0.52416774771483832</v>
      </c>
      <c r="J2739">
        <f t="shared" si="315"/>
        <v>1.7472258257161279</v>
      </c>
      <c r="K2739">
        <f t="shared" si="316"/>
        <v>2.6208387385741916</v>
      </c>
      <c r="L2739">
        <f t="shared" si="317"/>
        <v>12.58002594515612</v>
      </c>
      <c r="M2739">
        <f t="shared" si="318"/>
        <v>0</v>
      </c>
      <c r="N2739" s="46">
        <f t="shared" si="319"/>
        <v>45404.708333326773</v>
      </c>
    </row>
    <row r="2740" spans="2:14" x14ac:dyDescent="0.3">
      <c r="B2740">
        <f t="shared" si="313"/>
        <v>1</v>
      </c>
      <c r="C2740" s="16">
        <v>2706</v>
      </c>
      <c r="D2740" cm="1">
        <f t="array" ref="D2740">IFERROR(INDEX(Jesper!AH$2:AH$366,ROUNDDOWN($C2740/24,0)+1,1)*INDEX($D$3:$AA$30,INDEX(Jesper!$R$2:$R$366,ROW(INDEX(Jesper!AH$2:AH$366,ROUNDDOWN($C2740/24,0)+1,1))-1)+IF('Standard Profiles'!$G$18=$B$10,7,0)+IF('Standard Profiles'!$G$18=$B$17,14,0)+IF('Standard Profiles'!$G$18=$B$24,21,0),MOD($C2740,24)+1)/SUM(INDEX($D$3:$AA$30,INDEX(Jesper!$R$2:$R$366,ROW(INDEX(Jesper!AH$2:AH$366,ROUNDDOWN($C2740/24,0)+1,1))-1)+IF('Standard Profiles'!$G$18=$B$10,7,0)+IF('Standard Profiles'!$G$18=$B$17,14,0)+IF('Standard Profiles'!$G$18=$B$24,21,0),0)),0)</f>
        <v>17.472258257161279</v>
      </c>
      <c r="E2740" cm="1">
        <f t="array" ref="E2740">IFERROR(INDEX(Jesper!AI$2:AI$366,ROUNDDOWN($C2740/24,0)+1,1)*INDEX($D$3:$AA$30,INDEX(Jesper!$R$2:$R$366,ROW(INDEX(Jesper!AI$2:AI$366,ROUNDDOWN($C2740/24,0)+1,1))-1)+IF('Standard Profiles'!$G$19=$B$10,7,0)+IF('Standard Profiles'!$G$19=$B$17,14,0)+IF('Standard Profiles'!$G$19=$B$24,21,0),MOD($C2740,24)+1)/SUM(INDEX($D$3:$AA$30,INDEX(Jesper!$R$2:$R$366,ROW(INDEX(Jesper!AI$2:AI$366,ROUNDDOWN($C2740/24,0)+1,1))-1)+IF('Standard Profiles'!$G$19=$B$10,7,0)+IF('Standard Profiles'!$G$19=$B$17,14,0)+IF('Standard Profiles'!$G$19=$B$24,21,0),0)),0)</f>
        <v>0</v>
      </c>
      <c r="F2740" cm="1">
        <f t="array" ref="F2740">IFERROR(INDEX(Jesper!AJ$2:AJ$366,ROUNDDOWN($C2740/24,0)+1,1)*INDEX($D$3:$AA$30,INDEX(Jesper!$R$2:$R$366,ROW(INDEX(Jesper!AJ$2:AJ$366,ROUNDDOWN($C2740/24,0)+1,1))-1)+IF('Standard Profiles'!$G$20=$B$10,7,0)+IF('Standard Profiles'!$G$20=$B$17,14,0)+IF('Standard Profiles'!$G$20=$B$24,21,0),MOD($C2740,24)+1)/SUM(INDEX($D$3:$AA$30,INDEX(Jesper!$R$2:$R$366,ROW(INDEX(Jesper!AJ$2:AJ$366,ROUNDDOWN($C2740/24,0)+1,1))-1)+IF('Standard Profiles'!$G$20=$B$10,7,0)+IF('Standard Profiles'!$G$20=$B$17,14,0)+IF('Standard Profiles'!$G$20=$B$24,21,0),0)),0)</f>
        <v>0</v>
      </c>
      <c r="G2740" cm="1">
        <f t="array" ref="G2740">IFERROR(INDEX(Jesper!AK$2:AK$366,ROUNDDOWN($C2740/24,0)+1,1)*INDEX($D$3:$AA$30,INDEX(Jesper!$R$2:$R$366,ROW(INDEX(Jesper!AK$2:AK$366,ROUNDDOWN($C2740/24,0)+1,1))-1)+IF('Standard Profiles'!$G$21=$B$10,7,0)+IF('Standard Profiles'!$G$21=$B$17,14,0)+IF('Standard Profiles'!$G$21=$B$24,21,0),MOD($C2740,24)+1)/SUM(INDEX($D$3:$AA$30,INDEX(Jesper!$R$2:$R$366,ROW(INDEX(Jesper!AK$2:AK$366,ROUNDDOWN($C2740/24,0)+1,1))-1)+IF('Standard Profiles'!$G$21=$B$10,7,0)+IF('Standard Profiles'!$G$21=$B$17,14,0)+IF('Standard Profiles'!$G$21=$B$24,21,0),0)),0)</f>
        <v>0</v>
      </c>
      <c r="H2740" cm="1">
        <f t="array" ref="H2740">IFERROR(INDEX(Jesper!AL$2:AL$366,ROUNDDOWN($C2740/24,0)+1,1)*INDEX($D$3:$AA$30,INDEX(Jesper!$R$2:$R$366,ROW(INDEX(Jesper!AL$2:AL$366,ROUNDDOWN($C2740/24,0)+1,1))-1)+IF('Standard Profiles'!$G$22=$B$10,7,0)+IF('Standard Profiles'!$G$22=$B$17,14,0)+IF('Standard Profiles'!$G$22=$B$24,21,0),MOD($C2740,24)+1)/SUM(INDEX($D$3:$AA$30,INDEX(Jesper!$R$2:$R$366,ROW(INDEX(Jesper!AL$2:AL$366,ROUNDDOWN($C2740/24,0)+1,1))-1)+IF('Standard Profiles'!$G$22=$B$10,7,0)+IF('Standard Profiles'!$G$22=$B$17,14,0)+IF('Standard Profiles'!$G$22=$B$24,21,0),0)),0)</f>
        <v>0</v>
      </c>
      <c r="I2740">
        <f t="shared" si="314"/>
        <v>0.52416774771483832</v>
      </c>
      <c r="J2740">
        <f t="shared" si="315"/>
        <v>1.7472258257161279</v>
      </c>
      <c r="K2740">
        <f t="shared" si="316"/>
        <v>2.6208387385741916</v>
      </c>
      <c r="L2740">
        <f t="shared" si="317"/>
        <v>12.58002594515612</v>
      </c>
      <c r="M2740">
        <f t="shared" si="318"/>
        <v>0</v>
      </c>
      <c r="N2740" s="46">
        <f t="shared" si="319"/>
        <v>45404.749999993437</v>
      </c>
    </row>
    <row r="2741" spans="2:14" x14ac:dyDescent="0.3">
      <c r="B2741">
        <f t="shared" si="313"/>
        <v>1</v>
      </c>
      <c r="C2741" s="16">
        <v>2707</v>
      </c>
      <c r="D2741" cm="1">
        <f t="array" ref="D2741">IFERROR(INDEX(Jesper!AH$2:AH$366,ROUNDDOWN($C2741/24,0)+1,1)*INDEX($D$3:$AA$30,INDEX(Jesper!$R$2:$R$366,ROW(INDEX(Jesper!AH$2:AH$366,ROUNDDOWN($C2741/24,0)+1,1))-1)+IF('Standard Profiles'!$G$18=$B$10,7,0)+IF('Standard Profiles'!$G$18=$B$17,14,0)+IF('Standard Profiles'!$G$18=$B$24,21,0),MOD($C2741,24)+1)/SUM(INDEX($D$3:$AA$30,INDEX(Jesper!$R$2:$R$366,ROW(INDEX(Jesper!AH$2:AH$366,ROUNDDOWN($C2741/24,0)+1,1))-1)+IF('Standard Profiles'!$G$18=$B$10,7,0)+IF('Standard Profiles'!$G$18=$B$17,14,0)+IF('Standard Profiles'!$G$18=$B$24,21,0),0)),0)</f>
        <v>14.633016290372572</v>
      </c>
      <c r="E2741" cm="1">
        <f t="array" ref="E2741">IFERROR(INDEX(Jesper!AI$2:AI$366,ROUNDDOWN($C2741/24,0)+1,1)*INDEX($D$3:$AA$30,INDEX(Jesper!$R$2:$R$366,ROW(INDEX(Jesper!AI$2:AI$366,ROUNDDOWN($C2741/24,0)+1,1))-1)+IF('Standard Profiles'!$G$19=$B$10,7,0)+IF('Standard Profiles'!$G$19=$B$17,14,0)+IF('Standard Profiles'!$G$19=$B$24,21,0),MOD($C2741,24)+1)/SUM(INDEX($D$3:$AA$30,INDEX(Jesper!$R$2:$R$366,ROW(INDEX(Jesper!AI$2:AI$366,ROUNDDOWN($C2741/24,0)+1,1))-1)+IF('Standard Profiles'!$G$19=$B$10,7,0)+IF('Standard Profiles'!$G$19=$B$17,14,0)+IF('Standard Profiles'!$G$19=$B$24,21,0),0)),0)</f>
        <v>0</v>
      </c>
      <c r="F2741" cm="1">
        <f t="array" ref="F2741">IFERROR(INDEX(Jesper!AJ$2:AJ$366,ROUNDDOWN($C2741/24,0)+1,1)*INDEX($D$3:$AA$30,INDEX(Jesper!$R$2:$R$366,ROW(INDEX(Jesper!AJ$2:AJ$366,ROUNDDOWN($C2741/24,0)+1,1))-1)+IF('Standard Profiles'!$G$20=$B$10,7,0)+IF('Standard Profiles'!$G$20=$B$17,14,0)+IF('Standard Profiles'!$G$20=$B$24,21,0),MOD($C2741,24)+1)/SUM(INDEX($D$3:$AA$30,INDEX(Jesper!$R$2:$R$366,ROW(INDEX(Jesper!AJ$2:AJ$366,ROUNDDOWN($C2741/24,0)+1,1))-1)+IF('Standard Profiles'!$G$20=$B$10,7,0)+IF('Standard Profiles'!$G$20=$B$17,14,0)+IF('Standard Profiles'!$G$20=$B$24,21,0),0)),0)</f>
        <v>0</v>
      </c>
      <c r="G2741" cm="1">
        <f t="array" ref="G2741">IFERROR(INDEX(Jesper!AK$2:AK$366,ROUNDDOWN($C2741/24,0)+1,1)*INDEX($D$3:$AA$30,INDEX(Jesper!$R$2:$R$366,ROW(INDEX(Jesper!AK$2:AK$366,ROUNDDOWN($C2741/24,0)+1,1))-1)+IF('Standard Profiles'!$G$21=$B$10,7,0)+IF('Standard Profiles'!$G$21=$B$17,14,0)+IF('Standard Profiles'!$G$21=$B$24,21,0),MOD($C2741,24)+1)/SUM(INDEX($D$3:$AA$30,INDEX(Jesper!$R$2:$R$366,ROW(INDEX(Jesper!AK$2:AK$366,ROUNDDOWN($C2741/24,0)+1,1))-1)+IF('Standard Profiles'!$G$21=$B$10,7,0)+IF('Standard Profiles'!$G$21=$B$17,14,0)+IF('Standard Profiles'!$G$21=$B$24,21,0),0)),0)</f>
        <v>0</v>
      </c>
      <c r="H2741" cm="1">
        <f t="array" ref="H2741">IFERROR(INDEX(Jesper!AL$2:AL$366,ROUNDDOWN($C2741/24,0)+1,1)*INDEX($D$3:$AA$30,INDEX(Jesper!$R$2:$R$366,ROW(INDEX(Jesper!AL$2:AL$366,ROUNDDOWN($C2741/24,0)+1,1))-1)+IF('Standard Profiles'!$G$22=$B$10,7,0)+IF('Standard Profiles'!$G$22=$B$17,14,0)+IF('Standard Profiles'!$G$22=$B$24,21,0),MOD($C2741,24)+1)/SUM(INDEX($D$3:$AA$30,INDEX(Jesper!$R$2:$R$366,ROW(INDEX(Jesper!AL$2:AL$366,ROUNDDOWN($C2741/24,0)+1,1))-1)+IF('Standard Profiles'!$G$22=$B$10,7,0)+IF('Standard Profiles'!$G$22=$B$17,14,0)+IF('Standard Profiles'!$G$22=$B$24,21,0),0)),0)</f>
        <v>0</v>
      </c>
      <c r="I2741">
        <f t="shared" si="314"/>
        <v>0.43899048871117713</v>
      </c>
      <c r="J2741">
        <f t="shared" si="315"/>
        <v>1.4633016290372574</v>
      </c>
      <c r="K2741">
        <f t="shared" si="316"/>
        <v>2.1949524435558856</v>
      </c>
      <c r="L2741">
        <f t="shared" si="317"/>
        <v>10.535771729068252</v>
      </c>
      <c r="M2741">
        <f t="shared" si="318"/>
        <v>0</v>
      </c>
      <c r="N2741" s="46">
        <f t="shared" si="319"/>
        <v>45404.791666660101</v>
      </c>
    </row>
    <row r="2742" spans="2:14" x14ac:dyDescent="0.3">
      <c r="B2742">
        <f t="shared" si="313"/>
        <v>1</v>
      </c>
      <c r="C2742" s="16">
        <v>2708</v>
      </c>
      <c r="D2742" cm="1">
        <f t="array" ref="D2742">IFERROR(INDEX(Jesper!AH$2:AH$366,ROUNDDOWN($C2742/24,0)+1,1)*INDEX($D$3:$AA$30,INDEX(Jesper!$R$2:$R$366,ROW(INDEX(Jesper!AH$2:AH$366,ROUNDDOWN($C2742/24,0)+1,1))-1)+IF('Standard Profiles'!$G$18=$B$10,7,0)+IF('Standard Profiles'!$G$18=$B$17,14,0)+IF('Standard Profiles'!$G$18=$B$24,21,0),MOD($C2742,24)+1)/SUM(INDEX($D$3:$AA$30,INDEX(Jesper!$R$2:$R$366,ROW(INDEX(Jesper!AH$2:AH$366,ROUNDDOWN($C2742/24,0)+1,1))-1)+IF('Standard Profiles'!$G$18=$B$10,7,0)+IF('Standard Profiles'!$G$18=$B$17,14,0)+IF('Standard Profiles'!$G$18=$B$24,21,0),0)),0)</f>
        <v>12.012177551798379</v>
      </c>
      <c r="E2742" cm="1">
        <f t="array" ref="E2742">IFERROR(INDEX(Jesper!AI$2:AI$366,ROUNDDOWN($C2742/24,0)+1,1)*INDEX($D$3:$AA$30,INDEX(Jesper!$R$2:$R$366,ROW(INDEX(Jesper!AI$2:AI$366,ROUNDDOWN($C2742/24,0)+1,1))-1)+IF('Standard Profiles'!$G$19=$B$10,7,0)+IF('Standard Profiles'!$G$19=$B$17,14,0)+IF('Standard Profiles'!$G$19=$B$24,21,0),MOD($C2742,24)+1)/SUM(INDEX($D$3:$AA$30,INDEX(Jesper!$R$2:$R$366,ROW(INDEX(Jesper!AI$2:AI$366,ROUNDDOWN($C2742/24,0)+1,1))-1)+IF('Standard Profiles'!$G$19=$B$10,7,0)+IF('Standard Profiles'!$G$19=$B$17,14,0)+IF('Standard Profiles'!$G$19=$B$24,21,0),0)),0)</f>
        <v>0</v>
      </c>
      <c r="F2742" cm="1">
        <f t="array" ref="F2742">IFERROR(INDEX(Jesper!AJ$2:AJ$366,ROUNDDOWN($C2742/24,0)+1,1)*INDEX($D$3:$AA$30,INDEX(Jesper!$R$2:$R$366,ROW(INDEX(Jesper!AJ$2:AJ$366,ROUNDDOWN($C2742/24,0)+1,1))-1)+IF('Standard Profiles'!$G$20=$B$10,7,0)+IF('Standard Profiles'!$G$20=$B$17,14,0)+IF('Standard Profiles'!$G$20=$B$24,21,0),MOD($C2742,24)+1)/SUM(INDEX($D$3:$AA$30,INDEX(Jesper!$R$2:$R$366,ROW(INDEX(Jesper!AJ$2:AJ$366,ROUNDDOWN($C2742/24,0)+1,1))-1)+IF('Standard Profiles'!$G$20=$B$10,7,0)+IF('Standard Profiles'!$G$20=$B$17,14,0)+IF('Standard Profiles'!$G$20=$B$24,21,0),0)),0)</f>
        <v>0</v>
      </c>
      <c r="G2742" cm="1">
        <f t="array" ref="G2742">IFERROR(INDEX(Jesper!AK$2:AK$366,ROUNDDOWN($C2742/24,0)+1,1)*INDEX($D$3:$AA$30,INDEX(Jesper!$R$2:$R$366,ROW(INDEX(Jesper!AK$2:AK$366,ROUNDDOWN($C2742/24,0)+1,1))-1)+IF('Standard Profiles'!$G$21=$B$10,7,0)+IF('Standard Profiles'!$G$21=$B$17,14,0)+IF('Standard Profiles'!$G$21=$B$24,21,0),MOD($C2742,24)+1)/SUM(INDEX($D$3:$AA$30,INDEX(Jesper!$R$2:$R$366,ROW(INDEX(Jesper!AK$2:AK$366,ROUNDDOWN($C2742/24,0)+1,1))-1)+IF('Standard Profiles'!$G$21=$B$10,7,0)+IF('Standard Profiles'!$G$21=$B$17,14,0)+IF('Standard Profiles'!$G$21=$B$24,21,0),0)),0)</f>
        <v>0</v>
      </c>
      <c r="H2742" cm="1">
        <f t="array" ref="H2742">IFERROR(INDEX(Jesper!AL$2:AL$366,ROUNDDOWN($C2742/24,0)+1,1)*INDEX($D$3:$AA$30,INDEX(Jesper!$R$2:$R$366,ROW(INDEX(Jesper!AL$2:AL$366,ROUNDDOWN($C2742/24,0)+1,1))-1)+IF('Standard Profiles'!$G$22=$B$10,7,0)+IF('Standard Profiles'!$G$22=$B$17,14,0)+IF('Standard Profiles'!$G$22=$B$24,21,0),MOD($C2742,24)+1)/SUM(INDEX($D$3:$AA$30,INDEX(Jesper!$R$2:$R$366,ROW(INDEX(Jesper!AL$2:AL$366,ROUNDDOWN($C2742/24,0)+1,1))-1)+IF('Standard Profiles'!$G$22=$B$10,7,0)+IF('Standard Profiles'!$G$22=$B$17,14,0)+IF('Standard Profiles'!$G$22=$B$24,21,0),0)),0)</f>
        <v>0</v>
      </c>
      <c r="I2742">
        <f t="shared" si="314"/>
        <v>0.36036532655395137</v>
      </c>
      <c r="J2742">
        <f t="shared" si="315"/>
        <v>1.201217755179838</v>
      </c>
      <c r="K2742">
        <f t="shared" si="316"/>
        <v>1.8018266327697567</v>
      </c>
      <c r="L2742">
        <f t="shared" si="317"/>
        <v>8.648767837294832</v>
      </c>
      <c r="M2742">
        <f t="shared" si="318"/>
        <v>0</v>
      </c>
      <c r="N2742" s="46">
        <f t="shared" si="319"/>
        <v>45404.833333326766</v>
      </c>
    </row>
    <row r="2743" spans="2:14" x14ac:dyDescent="0.3">
      <c r="B2743">
        <f t="shared" si="313"/>
        <v>1</v>
      </c>
      <c r="C2743" s="16">
        <v>2709</v>
      </c>
      <c r="D2743" cm="1">
        <f t="array" ref="D2743">IFERROR(INDEX(Jesper!AH$2:AH$366,ROUNDDOWN($C2743/24,0)+1,1)*INDEX($D$3:$AA$30,INDEX(Jesper!$R$2:$R$366,ROW(INDEX(Jesper!AH$2:AH$366,ROUNDDOWN($C2743/24,0)+1,1))-1)+IF('Standard Profiles'!$G$18=$B$10,7,0)+IF('Standard Profiles'!$G$18=$B$17,14,0)+IF('Standard Profiles'!$G$18=$B$24,21,0),MOD($C2743,24)+1)/SUM(INDEX($D$3:$AA$30,INDEX(Jesper!$R$2:$R$366,ROW(INDEX(Jesper!AH$2:AH$366,ROUNDDOWN($C2743/24,0)+1,1))-1)+IF('Standard Profiles'!$G$18=$B$10,7,0)+IF('Standard Profiles'!$G$18=$B$17,14,0)+IF('Standard Profiles'!$G$18=$B$24,21,0),0)),0)</f>
        <v>8.7361291285806395</v>
      </c>
      <c r="E2743" cm="1">
        <f t="array" ref="E2743">IFERROR(INDEX(Jesper!AI$2:AI$366,ROUNDDOWN($C2743/24,0)+1,1)*INDEX($D$3:$AA$30,INDEX(Jesper!$R$2:$R$366,ROW(INDEX(Jesper!AI$2:AI$366,ROUNDDOWN($C2743/24,0)+1,1))-1)+IF('Standard Profiles'!$G$19=$B$10,7,0)+IF('Standard Profiles'!$G$19=$B$17,14,0)+IF('Standard Profiles'!$G$19=$B$24,21,0),MOD($C2743,24)+1)/SUM(INDEX($D$3:$AA$30,INDEX(Jesper!$R$2:$R$366,ROW(INDEX(Jesper!AI$2:AI$366,ROUNDDOWN($C2743/24,0)+1,1))-1)+IF('Standard Profiles'!$G$19=$B$10,7,0)+IF('Standard Profiles'!$G$19=$B$17,14,0)+IF('Standard Profiles'!$G$19=$B$24,21,0),0)),0)</f>
        <v>0</v>
      </c>
      <c r="F2743" cm="1">
        <f t="array" ref="F2743">IFERROR(INDEX(Jesper!AJ$2:AJ$366,ROUNDDOWN($C2743/24,0)+1,1)*INDEX($D$3:$AA$30,INDEX(Jesper!$R$2:$R$366,ROW(INDEX(Jesper!AJ$2:AJ$366,ROUNDDOWN($C2743/24,0)+1,1))-1)+IF('Standard Profiles'!$G$20=$B$10,7,0)+IF('Standard Profiles'!$G$20=$B$17,14,0)+IF('Standard Profiles'!$G$20=$B$24,21,0),MOD($C2743,24)+1)/SUM(INDEX($D$3:$AA$30,INDEX(Jesper!$R$2:$R$366,ROW(INDEX(Jesper!AJ$2:AJ$366,ROUNDDOWN($C2743/24,0)+1,1))-1)+IF('Standard Profiles'!$G$20=$B$10,7,0)+IF('Standard Profiles'!$G$20=$B$17,14,0)+IF('Standard Profiles'!$G$20=$B$24,21,0),0)),0)</f>
        <v>0</v>
      </c>
      <c r="G2743" cm="1">
        <f t="array" ref="G2743">IFERROR(INDEX(Jesper!AK$2:AK$366,ROUNDDOWN($C2743/24,0)+1,1)*INDEX($D$3:$AA$30,INDEX(Jesper!$R$2:$R$366,ROW(INDEX(Jesper!AK$2:AK$366,ROUNDDOWN($C2743/24,0)+1,1))-1)+IF('Standard Profiles'!$G$21=$B$10,7,0)+IF('Standard Profiles'!$G$21=$B$17,14,0)+IF('Standard Profiles'!$G$21=$B$24,21,0),MOD($C2743,24)+1)/SUM(INDEX($D$3:$AA$30,INDEX(Jesper!$R$2:$R$366,ROW(INDEX(Jesper!AK$2:AK$366,ROUNDDOWN($C2743/24,0)+1,1))-1)+IF('Standard Profiles'!$G$21=$B$10,7,0)+IF('Standard Profiles'!$G$21=$B$17,14,0)+IF('Standard Profiles'!$G$21=$B$24,21,0),0)),0)</f>
        <v>0</v>
      </c>
      <c r="H2743" cm="1">
        <f t="array" ref="H2743">IFERROR(INDEX(Jesper!AL$2:AL$366,ROUNDDOWN($C2743/24,0)+1,1)*INDEX($D$3:$AA$30,INDEX(Jesper!$R$2:$R$366,ROW(INDEX(Jesper!AL$2:AL$366,ROUNDDOWN($C2743/24,0)+1,1))-1)+IF('Standard Profiles'!$G$22=$B$10,7,0)+IF('Standard Profiles'!$G$22=$B$17,14,0)+IF('Standard Profiles'!$G$22=$B$24,21,0),MOD($C2743,24)+1)/SUM(INDEX($D$3:$AA$30,INDEX(Jesper!$R$2:$R$366,ROW(INDEX(Jesper!AL$2:AL$366,ROUNDDOWN($C2743/24,0)+1,1))-1)+IF('Standard Profiles'!$G$22=$B$10,7,0)+IF('Standard Profiles'!$G$22=$B$17,14,0)+IF('Standard Profiles'!$G$22=$B$24,21,0),0)),0)</f>
        <v>0</v>
      </c>
      <c r="I2743">
        <f t="shared" si="314"/>
        <v>0.26208387385741916</v>
      </c>
      <c r="J2743">
        <f t="shared" si="315"/>
        <v>0.87361291285806397</v>
      </c>
      <c r="K2743">
        <f t="shared" si="316"/>
        <v>1.3104193692870958</v>
      </c>
      <c r="L2743">
        <f t="shared" si="317"/>
        <v>6.2900129725780598</v>
      </c>
      <c r="M2743">
        <f t="shared" si="318"/>
        <v>0</v>
      </c>
      <c r="N2743" s="46">
        <f t="shared" si="319"/>
        <v>45404.87499999343</v>
      </c>
    </row>
    <row r="2744" spans="2:14" x14ac:dyDescent="0.3">
      <c r="B2744">
        <f t="shared" si="313"/>
        <v>1</v>
      </c>
      <c r="C2744" s="16">
        <v>2710</v>
      </c>
      <c r="D2744" cm="1">
        <f t="array" ref="D2744">IFERROR(INDEX(Jesper!AH$2:AH$366,ROUNDDOWN($C2744/24,0)+1,1)*INDEX($D$3:$AA$30,INDEX(Jesper!$R$2:$R$366,ROW(INDEX(Jesper!AH$2:AH$366,ROUNDDOWN($C2744/24,0)+1,1))-1)+IF('Standard Profiles'!$G$18=$B$10,7,0)+IF('Standard Profiles'!$G$18=$B$17,14,0)+IF('Standard Profiles'!$G$18=$B$24,21,0),MOD($C2744,24)+1)/SUM(INDEX($D$3:$AA$30,INDEX(Jesper!$R$2:$R$366,ROW(INDEX(Jesper!AH$2:AH$366,ROUNDDOWN($C2744/24,0)+1,1))-1)+IF('Standard Profiles'!$G$18=$B$10,7,0)+IF('Standard Profiles'!$G$18=$B$17,14,0)+IF('Standard Profiles'!$G$18=$B$24,21,0),0)),0)</f>
        <v>8.2993226721516073</v>
      </c>
      <c r="E2744" cm="1">
        <f t="array" ref="E2744">IFERROR(INDEX(Jesper!AI$2:AI$366,ROUNDDOWN($C2744/24,0)+1,1)*INDEX($D$3:$AA$30,INDEX(Jesper!$R$2:$R$366,ROW(INDEX(Jesper!AI$2:AI$366,ROUNDDOWN($C2744/24,0)+1,1))-1)+IF('Standard Profiles'!$G$19=$B$10,7,0)+IF('Standard Profiles'!$G$19=$B$17,14,0)+IF('Standard Profiles'!$G$19=$B$24,21,0),MOD($C2744,24)+1)/SUM(INDEX($D$3:$AA$30,INDEX(Jesper!$R$2:$R$366,ROW(INDEX(Jesper!AI$2:AI$366,ROUNDDOWN($C2744/24,0)+1,1))-1)+IF('Standard Profiles'!$G$19=$B$10,7,0)+IF('Standard Profiles'!$G$19=$B$17,14,0)+IF('Standard Profiles'!$G$19=$B$24,21,0),0)),0)</f>
        <v>0</v>
      </c>
      <c r="F2744" cm="1">
        <f t="array" ref="F2744">IFERROR(INDEX(Jesper!AJ$2:AJ$366,ROUNDDOWN($C2744/24,0)+1,1)*INDEX($D$3:$AA$30,INDEX(Jesper!$R$2:$R$366,ROW(INDEX(Jesper!AJ$2:AJ$366,ROUNDDOWN($C2744/24,0)+1,1))-1)+IF('Standard Profiles'!$G$20=$B$10,7,0)+IF('Standard Profiles'!$G$20=$B$17,14,0)+IF('Standard Profiles'!$G$20=$B$24,21,0),MOD($C2744,24)+1)/SUM(INDEX($D$3:$AA$30,INDEX(Jesper!$R$2:$R$366,ROW(INDEX(Jesper!AJ$2:AJ$366,ROUNDDOWN($C2744/24,0)+1,1))-1)+IF('Standard Profiles'!$G$20=$B$10,7,0)+IF('Standard Profiles'!$G$20=$B$17,14,0)+IF('Standard Profiles'!$G$20=$B$24,21,0),0)),0)</f>
        <v>0</v>
      </c>
      <c r="G2744" cm="1">
        <f t="array" ref="G2744">IFERROR(INDEX(Jesper!AK$2:AK$366,ROUNDDOWN($C2744/24,0)+1,1)*INDEX($D$3:$AA$30,INDEX(Jesper!$R$2:$R$366,ROW(INDEX(Jesper!AK$2:AK$366,ROUNDDOWN($C2744/24,0)+1,1))-1)+IF('Standard Profiles'!$G$21=$B$10,7,0)+IF('Standard Profiles'!$G$21=$B$17,14,0)+IF('Standard Profiles'!$G$21=$B$24,21,0),MOD($C2744,24)+1)/SUM(INDEX($D$3:$AA$30,INDEX(Jesper!$R$2:$R$366,ROW(INDEX(Jesper!AK$2:AK$366,ROUNDDOWN($C2744/24,0)+1,1))-1)+IF('Standard Profiles'!$G$21=$B$10,7,0)+IF('Standard Profiles'!$G$21=$B$17,14,0)+IF('Standard Profiles'!$G$21=$B$24,21,0),0)),0)</f>
        <v>0</v>
      </c>
      <c r="H2744" cm="1">
        <f t="array" ref="H2744">IFERROR(INDEX(Jesper!AL$2:AL$366,ROUNDDOWN($C2744/24,0)+1,1)*INDEX($D$3:$AA$30,INDEX(Jesper!$R$2:$R$366,ROW(INDEX(Jesper!AL$2:AL$366,ROUNDDOWN($C2744/24,0)+1,1))-1)+IF('Standard Profiles'!$G$22=$B$10,7,0)+IF('Standard Profiles'!$G$22=$B$17,14,0)+IF('Standard Profiles'!$G$22=$B$24,21,0),MOD($C2744,24)+1)/SUM(INDEX($D$3:$AA$30,INDEX(Jesper!$R$2:$R$366,ROW(INDEX(Jesper!AL$2:AL$366,ROUNDDOWN($C2744/24,0)+1,1))-1)+IF('Standard Profiles'!$G$22=$B$10,7,0)+IF('Standard Profiles'!$G$22=$B$17,14,0)+IF('Standard Profiles'!$G$22=$B$24,21,0),0)),0)</f>
        <v>0</v>
      </c>
      <c r="I2744">
        <f t="shared" si="314"/>
        <v>0.24897968016454822</v>
      </c>
      <c r="J2744">
        <f t="shared" si="315"/>
        <v>0.82993226721516078</v>
      </c>
      <c r="K2744">
        <f t="shared" si="316"/>
        <v>1.2448984008227411</v>
      </c>
      <c r="L2744">
        <f t="shared" si="317"/>
        <v>5.9755123239491574</v>
      </c>
      <c r="M2744">
        <f t="shared" si="318"/>
        <v>0</v>
      </c>
      <c r="N2744" s="46">
        <f t="shared" si="319"/>
        <v>45404.916666660094</v>
      </c>
    </row>
    <row r="2745" spans="2:14" x14ac:dyDescent="0.3">
      <c r="B2745">
        <f t="shared" si="313"/>
        <v>1</v>
      </c>
      <c r="C2745" s="16">
        <v>2711</v>
      </c>
      <c r="D2745" cm="1">
        <f t="array" ref="D2745">IFERROR(INDEX(Jesper!AH$2:AH$366,ROUNDDOWN($C2745/24,0)+1,1)*INDEX($D$3:$AA$30,INDEX(Jesper!$R$2:$R$366,ROW(INDEX(Jesper!AH$2:AH$366,ROUNDDOWN($C2745/24,0)+1,1))-1)+IF('Standard Profiles'!$G$18=$B$10,7,0)+IF('Standard Profiles'!$G$18=$B$17,14,0)+IF('Standard Profiles'!$G$18=$B$24,21,0),MOD($C2745,24)+1)/SUM(INDEX($D$3:$AA$30,INDEX(Jesper!$R$2:$R$366,ROW(INDEX(Jesper!AH$2:AH$366,ROUNDDOWN($C2745/24,0)+1,1))-1)+IF('Standard Profiles'!$G$18=$B$10,7,0)+IF('Standard Profiles'!$G$18=$B$17,14,0)+IF('Standard Profiles'!$G$18=$B$24,21,0),0)),0)</f>
        <v>8.2993226721516073</v>
      </c>
      <c r="E2745" cm="1">
        <f t="array" ref="E2745">IFERROR(INDEX(Jesper!AI$2:AI$366,ROUNDDOWN($C2745/24,0)+1,1)*INDEX($D$3:$AA$30,INDEX(Jesper!$R$2:$R$366,ROW(INDEX(Jesper!AI$2:AI$366,ROUNDDOWN($C2745/24,0)+1,1))-1)+IF('Standard Profiles'!$G$19=$B$10,7,0)+IF('Standard Profiles'!$G$19=$B$17,14,0)+IF('Standard Profiles'!$G$19=$B$24,21,0),MOD($C2745,24)+1)/SUM(INDEX($D$3:$AA$30,INDEX(Jesper!$R$2:$R$366,ROW(INDEX(Jesper!AI$2:AI$366,ROUNDDOWN($C2745/24,0)+1,1))-1)+IF('Standard Profiles'!$G$19=$B$10,7,0)+IF('Standard Profiles'!$G$19=$B$17,14,0)+IF('Standard Profiles'!$G$19=$B$24,21,0),0)),0)</f>
        <v>0</v>
      </c>
      <c r="F2745" cm="1">
        <f t="array" ref="F2745">IFERROR(INDEX(Jesper!AJ$2:AJ$366,ROUNDDOWN($C2745/24,0)+1,1)*INDEX($D$3:$AA$30,INDEX(Jesper!$R$2:$R$366,ROW(INDEX(Jesper!AJ$2:AJ$366,ROUNDDOWN($C2745/24,0)+1,1))-1)+IF('Standard Profiles'!$G$20=$B$10,7,0)+IF('Standard Profiles'!$G$20=$B$17,14,0)+IF('Standard Profiles'!$G$20=$B$24,21,0),MOD($C2745,24)+1)/SUM(INDEX($D$3:$AA$30,INDEX(Jesper!$R$2:$R$366,ROW(INDEX(Jesper!AJ$2:AJ$366,ROUNDDOWN($C2745/24,0)+1,1))-1)+IF('Standard Profiles'!$G$20=$B$10,7,0)+IF('Standard Profiles'!$G$20=$B$17,14,0)+IF('Standard Profiles'!$G$20=$B$24,21,0),0)),0)</f>
        <v>0</v>
      </c>
      <c r="G2745" cm="1">
        <f t="array" ref="G2745">IFERROR(INDEX(Jesper!AK$2:AK$366,ROUNDDOWN($C2745/24,0)+1,1)*INDEX($D$3:$AA$30,INDEX(Jesper!$R$2:$R$366,ROW(INDEX(Jesper!AK$2:AK$366,ROUNDDOWN($C2745/24,0)+1,1))-1)+IF('Standard Profiles'!$G$21=$B$10,7,0)+IF('Standard Profiles'!$G$21=$B$17,14,0)+IF('Standard Profiles'!$G$21=$B$24,21,0),MOD($C2745,24)+1)/SUM(INDEX($D$3:$AA$30,INDEX(Jesper!$R$2:$R$366,ROW(INDEX(Jesper!AK$2:AK$366,ROUNDDOWN($C2745/24,0)+1,1))-1)+IF('Standard Profiles'!$G$21=$B$10,7,0)+IF('Standard Profiles'!$G$21=$B$17,14,0)+IF('Standard Profiles'!$G$21=$B$24,21,0),0)),0)</f>
        <v>0</v>
      </c>
      <c r="H2745" cm="1">
        <f t="array" ref="H2745">IFERROR(INDEX(Jesper!AL$2:AL$366,ROUNDDOWN($C2745/24,0)+1,1)*INDEX($D$3:$AA$30,INDEX(Jesper!$R$2:$R$366,ROW(INDEX(Jesper!AL$2:AL$366,ROUNDDOWN($C2745/24,0)+1,1))-1)+IF('Standard Profiles'!$G$22=$B$10,7,0)+IF('Standard Profiles'!$G$22=$B$17,14,0)+IF('Standard Profiles'!$G$22=$B$24,21,0),MOD($C2745,24)+1)/SUM(INDEX($D$3:$AA$30,INDEX(Jesper!$R$2:$R$366,ROW(INDEX(Jesper!AL$2:AL$366,ROUNDDOWN($C2745/24,0)+1,1))-1)+IF('Standard Profiles'!$G$22=$B$10,7,0)+IF('Standard Profiles'!$G$22=$B$17,14,0)+IF('Standard Profiles'!$G$22=$B$24,21,0),0)),0)</f>
        <v>0</v>
      </c>
      <c r="I2745">
        <f t="shared" si="314"/>
        <v>0.24897968016454822</v>
      </c>
      <c r="J2745">
        <f t="shared" si="315"/>
        <v>0.82993226721516078</v>
      </c>
      <c r="K2745">
        <f t="shared" si="316"/>
        <v>1.2448984008227411</v>
      </c>
      <c r="L2745">
        <f t="shared" si="317"/>
        <v>5.9755123239491574</v>
      </c>
      <c r="M2745">
        <f t="shared" si="318"/>
        <v>0</v>
      </c>
      <c r="N2745" s="46">
        <f t="shared" si="319"/>
        <v>45404.958333326758</v>
      </c>
    </row>
    <row r="2746" spans="2:14" x14ac:dyDescent="0.3">
      <c r="B2746">
        <f t="shared" si="313"/>
        <v>2</v>
      </c>
      <c r="C2746" s="16">
        <v>2712</v>
      </c>
      <c r="D2746" cm="1">
        <f t="array" ref="D2746">IFERROR(INDEX(Jesper!AH$2:AH$366,ROUNDDOWN($C2746/24,0)+1,1)*INDEX($D$3:$AA$30,INDEX(Jesper!$R$2:$R$366,ROW(INDEX(Jesper!AH$2:AH$366,ROUNDDOWN($C2746/24,0)+1,1))-1)+IF('Standard Profiles'!$G$18=$B$10,7,0)+IF('Standard Profiles'!$G$18=$B$17,14,0)+IF('Standard Profiles'!$G$18=$B$24,21,0),MOD($C2746,24)+1)/SUM(INDEX($D$3:$AA$30,INDEX(Jesper!$R$2:$R$366,ROW(INDEX(Jesper!AH$2:AH$366,ROUNDDOWN($C2746/24,0)+1,1))-1)+IF('Standard Profiles'!$G$18=$B$10,7,0)+IF('Standard Profiles'!$G$18=$B$17,14,0)+IF('Standard Profiles'!$G$18=$B$24,21,0),0)),0)</f>
        <v>7.5754636032312028</v>
      </c>
      <c r="E2746" cm="1">
        <f t="array" ref="E2746">IFERROR(INDEX(Jesper!AI$2:AI$366,ROUNDDOWN($C2746/24,0)+1,1)*INDEX($D$3:$AA$30,INDEX(Jesper!$R$2:$R$366,ROW(INDEX(Jesper!AI$2:AI$366,ROUNDDOWN($C2746/24,0)+1,1))-1)+IF('Standard Profiles'!$G$19=$B$10,7,0)+IF('Standard Profiles'!$G$19=$B$17,14,0)+IF('Standard Profiles'!$G$19=$B$24,21,0),MOD($C2746,24)+1)/SUM(INDEX($D$3:$AA$30,INDEX(Jesper!$R$2:$R$366,ROW(INDEX(Jesper!AI$2:AI$366,ROUNDDOWN($C2746/24,0)+1,1))-1)+IF('Standard Profiles'!$G$19=$B$10,7,0)+IF('Standard Profiles'!$G$19=$B$17,14,0)+IF('Standard Profiles'!$G$19=$B$24,21,0),0)),0)</f>
        <v>0</v>
      </c>
      <c r="F2746" cm="1">
        <f t="array" ref="F2746">IFERROR(INDEX(Jesper!AJ$2:AJ$366,ROUNDDOWN($C2746/24,0)+1,1)*INDEX($D$3:$AA$30,INDEX(Jesper!$R$2:$R$366,ROW(INDEX(Jesper!AJ$2:AJ$366,ROUNDDOWN($C2746/24,0)+1,1))-1)+IF('Standard Profiles'!$G$20=$B$10,7,0)+IF('Standard Profiles'!$G$20=$B$17,14,0)+IF('Standard Profiles'!$G$20=$B$24,21,0),MOD($C2746,24)+1)/SUM(INDEX($D$3:$AA$30,INDEX(Jesper!$R$2:$R$366,ROW(INDEX(Jesper!AJ$2:AJ$366,ROUNDDOWN($C2746/24,0)+1,1))-1)+IF('Standard Profiles'!$G$20=$B$10,7,0)+IF('Standard Profiles'!$G$20=$B$17,14,0)+IF('Standard Profiles'!$G$20=$B$24,21,0),0)),0)</f>
        <v>0</v>
      </c>
      <c r="G2746" cm="1">
        <f t="array" ref="G2746">IFERROR(INDEX(Jesper!AK$2:AK$366,ROUNDDOWN($C2746/24,0)+1,1)*INDEX($D$3:$AA$30,INDEX(Jesper!$R$2:$R$366,ROW(INDEX(Jesper!AK$2:AK$366,ROUNDDOWN($C2746/24,0)+1,1))-1)+IF('Standard Profiles'!$G$21=$B$10,7,0)+IF('Standard Profiles'!$G$21=$B$17,14,0)+IF('Standard Profiles'!$G$21=$B$24,21,0),MOD($C2746,24)+1)/SUM(INDEX($D$3:$AA$30,INDEX(Jesper!$R$2:$R$366,ROW(INDEX(Jesper!AK$2:AK$366,ROUNDDOWN($C2746/24,0)+1,1))-1)+IF('Standard Profiles'!$G$21=$B$10,7,0)+IF('Standard Profiles'!$G$21=$B$17,14,0)+IF('Standard Profiles'!$G$21=$B$24,21,0),0)),0)</f>
        <v>0</v>
      </c>
      <c r="H2746" cm="1">
        <f t="array" ref="H2746">IFERROR(INDEX(Jesper!AL$2:AL$366,ROUNDDOWN($C2746/24,0)+1,1)*INDEX($D$3:$AA$30,INDEX(Jesper!$R$2:$R$366,ROW(INDEX(Jesper!AL$2:AL$366,ROUNDDOWN($C2746/24,0)+1,1))-1)+IF('Standard Profiles'!$G$22=$B$10,7,0)+IF('Standard Profiles'!$G$22=$B$17,14,0)+IF('Standard Profiles'!$G$22=$B$24,21,0),MOD($C2746,24)+1)/SUM(INDEX($D$3:$AA$30,INDEX(Jesper!$R$2:$R$366,ROW(INDEX(Jesper!AL$2:AL$366,ROUNDDOWN($C2746/24,0)+1,1))-1)+IF('Standard Profiles'!$G$22=$B$10,7,0)+IF('Standard Profiles'!$G$22=$B$17,14,0)+IF('Standard Profiles'!$G$22=$B$24,21,0),0)),0)</f>
        <v>0</v>
      </c>
      <c r="I2746">
        <f t="shared" si="314"/>
        <v>0.22726390809693608</v>
      </c>
      <c r="J2746">
        <f t="shared" si="315"/>
        <v>0.75754636032312028</v>
      </c>
      <c r="K2746">
        <f t="shared" si="316"/>
        <v>1.1363195404846804</v>
      </c>
      <c r="L2746">
        <f t="shared" si="317"/>
        <v>5.454333794326466</v>
      </c>
      <c r="M2746">
        <f t="shared" si="318"/>
        <v>0</v>
      </c>
      <c r="N2746" s="46">
        <f t="shared" si="319"/>
        <v>45404.999999993423</v>
      </c>
    </row>
    <row r="2747" spans="2:14" x14ac:dyDescent="0.3">
      <c r="B2747">
        <f t="shared" si="313"/>
        <v>2</v>
      </c>
      <c r="C2747" s="16">
        <v>2713</v>
      </c>
      <c r="D2747" cm="1">
        <f t="array" ref="D2747">IFERROR(INDEX(Jesper!AH$2:AH$366,ROUNDDOWN($C2747/24,0)+1,1)*INDEX($D$3:$AA$30,INDEX(Jesper!$R$2:$R$366,ROW(INDEX(Jesper!AH$2:AH$366,ROUNDDOWN($C2747/24,0)+1,1))-1)+IF('Standard Profiles'!$G$18=$B$10,7,0)+IF('Standard Profiles'!$G$18=$B$17,14,0)+IF('Standard Profiles'!$G$18=$B$24,21,0),MOD($C2747,24)+1)/SUM(INDEX($D$3:$AA$30,INDEX(Jesper!$R$2:$R$366,ROW(INDEX(Jesper!AH$2:AH$366,ROUNDDOWN($C2747/24,0)+1,1))-1)+IF('Standard Profiles'!$G$18=$B$10,7,0)+IF('Standard Profiles'!$G$18=$B$17,14,0)+IF('Standard Profiles'!$G$18=$B$24,21,0),0)),0)</f>
        <v>7.5754636032312028</v>
      </c>
      <c r="E2747" cm="1">
        <f t="array" ref="E2747">IFERROR(INDEX(Jesper!AI$2:AI$366,ROUNDDOWN($C2747/24,0)+1,1)*INDEX($D$3:$AA$30,INDEX(Jesper!$R$2:$R$366,ROW(INDEX(Jesper!AI$2:AI$366,ROUNDDOWN($C2747/24,0)+1,1))-1)+IF('Standard Profiles'!$G$19=$B$10,7,0)+IF('Standard Profiles'!$G$19=$B$17,14,0)+IF('Standard Profiles'!$G$19=$B$24,21,0),MOD($C2747,24)+1)/SUM(INDEX($D$3:$AA$30,INDEX(Jesper!$R$2:$R$366,ROW(INDEX(Jesper!AI$2:AI$366,ROUNDDOWN($C2747/24,0)+1,1))-1)+IF('Standard Profiles'!$G$19=$B$10,7,0)+IF('Standard Profiles'!$G$19=$B$17,14,0)+IF('Standard Profiles'!$G$19=$B$24,21,0),0)),0)</f>
        <v>0</v>
      </c>
      <c r="F2747" cm="1">
        <f t="array" ref="F2747">IFERROR(INDEX(Jesper!AJ$2:AJ$366,ROUNDDOWN($C2747/24,0)+1,1)*INDEX($D$3:$AA$30,INDEX(Jesper!$R$2:$R$366,ROW(INDEX(Jesper!AJ$2:AJ$366,ROUNDDOWN($C2747/24,0)+1,1))-1)+IF('Standard Profiles'!$G$20=$B$10,7,0)+IF('Standard Profiles'!$G$20=$B$17,14,0)+IF('Standard Profiles'!$G$20=$B$24,21,0),MOD($C2747,24)+1)/SUM(INDEX($D$3:$AA$30,INDEX(Jesper!$R$2:$R$366,ROW(INDEX(Jesper!AJ$2:AJ$366,ROUNDDOWN($C2747/24,0)+1,1))-1)+IF('Standard Profiles'!$G$20=$B$10,7,0)+IF('Standard Profiles'!$G$20=$B$17,14,0)+IF('Standard Profiles'!$G$20=$B$24,21,0),0)),0)</f>
        <v>0</v>
      </c>
      <c r="G2747" cm="1">
        <f t="array" ref="G2747">IFERROR(INDEX(Jesper!AK$2:AK$366,ROUNDDOWN($C2747/24,0)+1,1)*INDEX($D$3:$AA$30,INDEX(Jesper!$R$2:$R$366,ROW(INDEX(Jesper!AK$2:AK$366,ROUNDDOWN($C2747/24,0)+1,1))-1)+IF('Standard Profiles'!$G$21=$B$10,7,0)+IF('Standard Profiles'!$G$21=$B$17,14,0)+IF('Standard Profiles'!$G$21=$B$24,21,0),MOD($C2747,24)+1)/SUM(INDEX($D$3:$AA$30,INDEX(Jesper!$R$2:$R$366,ROW(INDEX(Jesper!AK$2:AK$366,ROUNDDOWN($C2747/24,0)+1,1))-1)+IF('Standard Profiles'!$G$21=$B$10,7,0)+IF('Standard Profiles'!$G$21=$B$17,14,0)+IF('Standard Profiles'!$G$21=$B$24,21,0),0)),0)</f>
        <v>0</v>
      </c>
      <c r="H2747" cm="1">
        <f t="array" ref="H2747">IFERROR(INDEX(Jesper!AL$2:AL$366,ROUNDDOWN($C2747/24,0)+1,1)*INDEX($D$3:$AA$30,INDEX(Jesper!$R$2:$R$366,ROW(INDEX(Jesper!AL$2:AL$366,ROUNDDOWN($C2747/24,0)+1,1))-1)+IF('Standard Profiles'!$G$22=$B$10,7,0)+IF('Standard Profiles'!$G$22=$B$17,14,0)+IF('Standard Profiles'!$G$22=$B$24,21,0),MOD($C2747,24)+1)/SUM(INDEX($D$3:$AA$30,INDEX(Jesper!$R$2:$R$366,ROW(INDEX(Jesper!AL$2:AL$366,ROUNDDOWN($C2747/24,0)+1,1))-1)+IF('Standard Profiles'!$G$22=$B$10,7,0)+IF('Standard Profiles'!$G$22=$B$17,14,0)+IF('Standard Profiles'!$G$22=$B$24,21,0),0)),0)</f>
        <v>0</v>
      </c>
      <c r="I2747">
        <f t="shared" si="314"/>
        <v>0.22726390809693608</v>
      </c>
      <c r="J2747">
        <f t="shared" si="315"/>
        <v>0.75754636032312028</v>
      </c>
      <c r="K2747">
        <f t="shared" si="316"/>
        <v>1.1363195404846804</v>
      </c>
      <c r="L2747">
        <f t="shared" si="317"/>
        <v>5.454333794326466</v>
      </c>
      <c r="M2747">
        <f t="shared" si="318"/>
        <v>0</v>
      </c>
      <c r="N2747" s="46">
        <f t="shared" si="319"/>
        <v>45405.041666660087</v>
      </c>
    </row>
    <row r="2748" spans="2:14" x14ac:dyDescent="0.3">
      <c r="B2748">
        <f t="shared" si="313"/>
        <v>2</v>
      </c>
      <c r="C2748" s="16">
        <v>2714</v>
      </c>
      <c r="D2748" cm="1">
        <f t="array" ref="D2748">IFERROR(INDEX(Jesper!AH$2:AH$366,ROUNDDOWN($C2748/24,0)+1,1)*INDEX($D$3:$AA$30,INDEX(Jesper!$R$2:$R$366,ROW(INDEX(Jesper!AH$2:AH$366,ROUNDDOWN($C2748/24,0)+1,1))-1)+IF('Standard Profiles'!$G$18=$B$10,7,0)+IF('Standard Profiles'!$G$18=$B$17,14,0)+IF('Standard Profiles'!$G$18=$B$24,21,0),MOD($C2748,24)+1)/SUM(INDEX($D$3:$AA$30,INDEX(Jesper!$R$2:$R$366,ROW(INDEX(Jesper!AH$2:AH$366,ROUNDDOWN($C2748/24,0)+1,1))-1)+IF('Standard Profiles'!$G$18=$B$10,7,0)+IF('Standard Profiles'!$G$18=$B$17,14,0)+IF('Standard Profiles'!$G$18=$B$24,21,0),0)),0)</f>
        <v>7.5754636032312028</v>
      </c>
      <c r="E2748" cm="1">
        <f t="array" ref="E2748">IFERROR(INDEX(Jesper!AI$2:AI$366,ROUNDDOWN($C2748/24,0)+1,1)*INDEX($D$3:$AA$30,INDEX(Jesper!$R$2:$R$366,ROW(INDEX(Jesper!AI$2:AI$366,ROUNDDOWN($C2748/24,0)+1,1))-1)+IF('Standard Profiles'!$G$19=$B$10,7,0)+IF('Standard Profiles'!$G$19=$B$17,14,0)+IF('Standard Profiles'!$G$19=$B$24,21,0),MOD($C2748,24)+1)/SUM(INDEX($D$3:$AA$30,INDEX(Jesper!$R$2:$R$366,ROW(INDEX(Jesper!AI$2:AI$366,ROUNDDOWN($C2748/24,0)+1,1))-1)+IF('Standard Profiles'!$G$19=$B$10,7,0)+IF('Standard Profiles'!$G$19=$B$17,14,0)+IF('Standard Profiles'!$G$19=$B$24,21,0),0)),0)</f>
        <v>0</v>
      </c>
      <c r="F2748" cm="1">
        <f t="array" ref="F2748">IFERROR(INDEX(Jesper!AJ$2:AJ$366,ROUNDDOWN($C2748/24,0)+1,1)*INDEX($D$3:$AA$30,INDEX(Jesper!$R$2:$R$366,ROW(INDEX(Jesper!AJ$2:AJ$366,ROUNDDOWN($C2748/24,0)+1,1))-1)+IF('Standard Profiles'!$G$20=$B$10,7,0)+IF('Standard Profiles'!$G$20=$B$17,14,0)+IF('Standard Profiles'!$G$20=$B$24,21,0),MOD($C2748,24)+1)/SUM(INDEX($D$3:$AA$30,INDEX(Jesper!$R$2:$R$366,ROW(INDEX(Jesper!AJ$2:AJ$366,ROUNDDOWN($C2748/24,0)+1,1))-1)+IF('Standard Profiles'!$G$20=$B$10,7,0)+IF('Standard Profiles'!$G$20=$B$17,14,0)+IF('Standard Profiles'!$G$20=$B$24,21,0),0)),0)</f>
        <v>0</v>
      </c>
      <c r="G2748" cm="1">
        <f t="array" ref="G2748">IFERROR(INDEX(Jesper!AK$2:AK$366,ROUNDDOWN($C2748/24,0)+1,1)*INDEX($D$3:$AA$30,INDEX(Jesper!$R$2:$R$366,ROW(INDEX(Jesper!AK$2:AK$366,ROUNDDOWN($C2748/24,0)+1,1))-1)+IF('Standard Profiles'!$G$21=$B$10,7,0)+IF('Standard Profiles'!$G$21=$B$17,14,0)+IF('Standard Profiles'!$G$21=$B$24,21,0),MOD($C2748,24)+1)/SUM(INDEX($D$3:$AA$30,INDEX(Jesper!$R$2:$R$366,ROW(INDEX(Jesper!AK$2:AK$366,ROUNDDOWN($C2748/24,0)+1,1))-1)+IF('Standard Profiles'!$G$21=$B$10,7,0)+IF('Standard Profiles'!$G$21=$B$17,14,0)+IF('Standard Profiles'!$G$21=$B$24,21,0),0)),0)</f>
        <v>0</v>
      </c>
      <c r="H2748" cm="1">
        <f t="array" ref="H2748">IFERROR(INDEX(Jesper!AL$2:AL$366,ROUNDDOWN($C2748/24,0)+1,1)*INDEX($D$3:$AA$30,INDEX(Jesper!$R$2:$R$366,ROW(INDEX(Jesper!AL$2:AL$366,ROUNDDOWN($C2748/24,0)+1,1))-1)+IF('Standard Profiles'!$G$22=$B$10,7,0)+IF('Standard Profiles'!$G$22=$B$17,14,0)+IF('Standard Profiles'!$G$22=$B$24,21,0),MOD($C2748,24)+1)/SUM(INDEX($D$3:$AA$30,INDEX(Jesper!$R$2:$R$366,ROW(INDEX(Jesper!AL$2:AL$366,ROUNDDOWN($C2748/24,0)+1,1))-1)+IF('Standard Profiles'!$G$22=$B$10,7,0)+IF('Standard Profiles'!$G$22=$B$17,14,0)+IF('Standard Profiles'!$G$22=$B$24,21,0),0)),0)</f>
        <v>0</v>
      </c>
      <c r="I2748">
        <f t="shared" si="314"/>
        <v>0.22726390809693608</v>
      </c>
      <c r="J2748">
        <f t="shared" si="315"/>
        <v>0.75754636032312028</v>
      </c>
      <c r="K2748">
        <f t="shared" si="316"/>
        <v>1.1363195404846804</v>
      </c>
      <c r="L2748">
        <f t="shared" si="317"/>
        <v>5.454333794326466</v>
      </c>
      <c r="M2748">
        <f t="shared" si="318"/>
        <v>0</v>
      </c>
      <c r="N2748" s="46">
        <f t="shared" si="319"/>
        <v>45405.083333326751</v>
      </c>
    </row>
    <row r="2749" spans="2:14" x14ac:dyDescent="0.3">
      <c r="B2749">
        <f t="shared" si="313"/>
        <v>2</v>
      </c>
      <c r="C2749" s="16">
        <v>2715</v>
      </c>
      <c r="D2749" cm="1">
        <f t="array" ref="D2749">IFERROR(INDEX(Jesper!AH$2:AH$366,ROUNDDOWN($C2749/24,0)+1,1)*INDEX($D$3:$AA$30,INDEX(Jesper!$R$2:$R$366,ROW(INDEX(Jesper!AH$2:AH$366,ROUNDDOWN($C2749/24,0)+1,1))-1)+IF('Standard Profiles'!$G$18=$B$10,7,0)+IF('Standard Profiles'!$G$18=$B$17,14,0)+IF('Standard Profiles'!$G$18=$B$24,21,0),MOD($C2749,24)+1)/SUM(INDEX($D$3:$AA$30,INDEX(Jesper!$R$2:$R$366,ROW(INDEX(Jesper!AH$2:AH$366,ROUNDDOWN($C2749/24,0)+1,1))-1)+IF('Standard Profiles'!$G$18=$B$10,7,0)+IF('Standard Profiles'!$G$18=$B$17,14,0)+IF('Standard Profiles'!$G$18=$B$24,21,0),0)),0)</f>
        <v>7.5754636032312028</v>
      </c>
      <c r="E2749" cm="1">
        <f t="array" ref="E2749">IFERROR(INDEX(Jesper!AI$2:AI$366,ROUNDDOWN($C2749/24,0)+1,1)*INDEX($D$3:$AA$30,INDEX(Jesper!$R$2:$R$366,ROW(INDEX(Jesper!AI$2:AI$366,ROUNDDOWN($C2749/24,0)+1,1))-1)+IF('Standard Profiles'!$G$19=$B$10,7,0)+IF('Standard Profiles'!$G$19=$B$17,14,0)+IF('Standard Profiles'!$G$19=$B$24,21,0),MOD($C2749,24)+1)/SUM(INDEX($D$3:$AA$30,INDEX(Jesper!$R$2:$R$366,ROW(INDEX(Jesper!AI$2:AI$366,ROUNDDOWN($C2749/24,0)+1,1))-1)+IF('Standard Profiles'!$G$19=$B$10,7,0)+IF('Standard Profiles'!$G$19=$B$17,14,0)+IF('Standard Profiles'!$G$19=$B$24,21,0),0)),0)</f>
        <v>0</v>
      </c>
      <c r="F2749" cm="1">
        <f t="array" ref="F2749">IFERROR(INDEX(Jesper!AJ$2:AJ$366,ROUNDDOWN($C2749/24,0)+1,1)*INDEX($D$3:$AA$30,INDEX(Jesper!$R$2:$R$366,ROW(INDEX(Jesper!AJ$2:AJ$366,ROUNDDOWN($C2749/24,0)+1,1))-1)+IF('Standard Profiles'!$G$20=$B$10,7,0)+IF('Standard Profiles'!$G$20=$B$17,14,0)+IF('Standard Profiles'!$G$20=$B$24,21,0),MOD($C2749,24)+1)/SUM(INDEX($D$3:$AA$30,INDEX(Jesper!$R$2:$R$366,ROW(INDEX(Jesper!AJ$2:AJ$366,ROUNDDOWN($C2749/24,0)+1,1))-1)+IF('Standard Profiles'!$G$20=$B$10,7,0)+IF('Standard Profiles'!$G$20=$B$17,14,0)+IF('Standard Profiles'!$G$20=$B$24,21,0),0)),0)</f>
        <v>0</v>
      </c>
      <c r="G2749" cm="1">
        <f t="array" ref="G2749">IFERROR(INDEX(Jesper!AK$2:AK$366,ROUNDDOWN($C2749/24,0)+1,1)*INDEX($D$3:$AA$30,INDEX(Jesper!$R$2:$R$366,ROW(INDEX(Jesper!AK$2:AK$366,ROUNDDOWN($C2749/24,0)+1,1))-1)+IF('Standard Profiles'!$G$21=$B$10,7,0)+IF('Standard Profiles'!$G$21=$B$17,14,0)+IF('Standard Profiles'!$G$21=$B$24,21,0),MOD($C2749,24)+1)/SUM(INDEX($D$3:$AA$30,INDEX(Jesper!$R$2:$R$366,ROW(INDEX(Jesper!AK$2:AK$366,ROUNDDOWN($C2749/24,0)+1,1))-1)+IF('Standard Profiles'!$G$21=$B$10,7,0)+IF('Standard Profiles'!$G$21=$B$17,14,0)+IF('Standard Profiles'!$G$21=$B$24,21,0),0)),0)</f>
        <v>0</v>
      </c>
      <c r="H2749" cm="1">
        <f t="array" ref="H2749">IFERROR(INDEX(Jesper!AL$2:AL$366,ROUNDDOWN($C2749/24,0)+1,1)*INDEX($D$3:$AA$30,INDEX(Jesper!$R$2:$R$366,ROW(INDEX(Jesper!AL$2:AL$366,ROUNDDOWN($C2749/24,0)+1,1))-1)+IF('Standard Profiles'!$G$22=$B$10,7,0)+IF('Standard Profiles'!$G$22=$B$17,14,0)+IF('Standard Profiles'!$G$22=$B$24,21,0),MOD($C2749,24)+1)/SUM(INDEX($D$3:$AA$30,INDEX(Jesper!$R$2:$R$366,ROW(INDEX(Jesper!AL$2:AL$366,ROUNDDOWN($C2749/24,0)+1,1))-1)+IF('Standard Profiles'!$G$22=$B$10,7,0)+IF('Standard Profiles'!$G$22=$B$17,14,0)+IF('Standard Profiles'!$G$22=$B$24,21,0),0)),0)</f>
        <v>0</v>
      </c>
      <c r="I2749">
        <f t="shared" si="314"/>
        <v>0.22726390809693608</v>
      </c>
      <c r="J2749">
        <f t="shared" si="315"/>
        <v>0.75754636032312028</v>
      </c>
      <c r="K2749">
        <f t="shared" si="316"/>
        <v>1.1363195404846804</v>
      </c>
      <c r="L2749">
        <f t="shared" si="317"/>
        <v>5.454333794326466</v>
      </c>
      <c r="M2749">
        <f t="shared" si="318"/>
        <v>0</v>
      </c>
      <c r="N2749" s="46">
        <f t="shared" si="319"/>
        <v>45405.124999993415</v>
      </c>
    </row>
    <row r="2750" spans="2:14" x14ac:dyDescent="0.3">
      <c r="B2750">
        <f t="shared" si="313"/>
        <v>2</v>
      </c>
      <c r="C2750" s="16">
        <v>2716</v>
      </c>
      <c r="D2750" cm="1">
        <f t="array" ref="D2750">IFERROR(INDEX(Jesper!AH$2:AH$366,ROUNDDOWN($C2750/24,0)+1,1)*INDEX($D$3:$AA$30,INDEX(Jesper!$R$2:$R$366,ROW(INDEX(Jesper!AH$2:AH$366,ROUNDDOWN($C2750/24,0)+1,1))-1)+IF('Standard Profiles'!$G$18=$B$10,7,0)+IF('Standard Profiles'!$G$18=$B$17,14,0)+IF('Standard Profiles'!$G$18=$B$24,21,0),MOD($C2750,24)+1)/SUM(INDEX($D$3:$AA$30,INDEX(Jesper!$R$2:$R$366,ROW(INDEX(Jesper!AH$2:AH$366,ROUNDDOWN($C2750/24,0)+1,1))-1)+IF('Standard Profiles'!$G$18=$B$10,7,0)+IF('Standard Profiles'!$G$18=$B$17,14,0)+IF('Standard Profiles'!$G$18=$B$24,21,0),0)),0)</f>
        <v>7.5754636032312028</v>
      </c>
      <c r="E2750" cm="1">
        <f t="array" ref="E2750">IFERROR(INDEX(Jesper!AI$2:AI$366,ROUNDDOWN($C2750/24,0)+1,1)*INDEX($D$3:$AA$30,INDEX(Jesper!$R$2:$R$366,ROW(INDEX(Jesper!AI$2:AI$366,ROUNDDOWN($C2750/24,0)+1,1))-1)+IF('Standard Profiles'!$G$19=$B$10,7,0)+IF('Standard Profiles'!$G$19=$B$17,14,0)+IF('Standard Profiles'!$G$19=$B$24,21,0),MOD($C2750,24)+1)/SUM(INDEX($D$3:$AA$30,INDEX(Jesper!$R$2:$R$366,ROW(INDEX(Jesper!AI$2:AI$366,ROUNDDOWN($C2750/24,0)+1,1))-1)+IF('Standard Profiles'!$G$19=$B$10,7,0)+IF('Standard Profiles'!$G$19=$B$17,14,0)+IF('Standard Profiles'!$G$19=$B$24,21,0),0)),0)</f>
        <v>0</v>
      </c>
      <c r="F2750" cm="1">
        <f t="array" ref="F2750">IFERROR(INDEX(Jesper!AJ$2:AJ$366,ROUNDDOWN($C2750/24,0)+1,1)*INDEX($D$3:$AA$30,INDEX(Jesper!$R$2:$R$366,ROW(INDEX(Jesper!AJ$2:AJ$366,ROUNDDOWN($C2750/24,0)+1,1))-1)+IF('Standard Profiles'!$G$20=$B$10,7,0)+IF('Standard Profiles'!$G$20=$B$17,14,0)+IF('Standard Profiles'!$G$20=$B$24,21,0),MOD($C2750,24)+1)/SUM(INDEX($D$3:$AA$30,INDEX(Jesper!$R$2:$R$366,ROW(INDEX(Jesper!AJ$2:AJ$366,ROUNDDOWN($C2750/24,0)+1,1))-1)+IF('Standard Profiles'!$G$20=$B$10,7,0)+IF('Standard Profiles'!$G$20=$B$17,14,0)+IF('Standard Profiles'!$G$20=$B$24,21,0),0)),0)</f>
        <v>0</v>
      </c>
      <c r="G2750" cm="1">
        <f t="array" ref="G2750">IFERROR(INDEX(Jesper!AK$2:AK$366,ROUNDDOWN($C2750/24,0)+1,1)*INDEX($D$3:$AA$30,INDEX(Jesper!$R$2:$R$366,ROW(INDEX(Jesper!AK$2:AK$366,ROUNDDOWN($C2750/24,0)+1,1))-1)+IF('Standard Profiles'!$G$21=$B$10,7,0)+IF('Standard Profiles'!$G$21=$B$17,14,0)+IF('Standard Profiles'!$G$21=$B$24,21,0),MOD($C2750,24)+1)/SUM(INDEX($D$3:$AA$30,INDEX(Jesper!$R$2:$R$366,ROW(INDEX(Jesper!AK$2:AK$366,ROUNDDOWN($C2750/24,0)+1,1))-1)+IF('Standard Profiles'!$G$21=$B$10,7,0)+IF('Standard Profiles'!$G$21=$B$17,14,0)+IF('Standard Profiles'!$G$21=$B$24,21,0),0)),0)</f>
        <v>0</v>
      </c>
      <c r="H2750" cm="1">
        <f t="array" ref="H2750">IFERROR(INDEX(Jesper!AL$2:AL$366,ROUNDDOWN($C2750/24,0)+1,1)*INDEX($D$3:$AA$30,INDEX(Jesper!$R$2:$R$366,ROW(INDEX(Jesper!AL$2:AL$366,ROUNDDOWN($C2750/24,0)+1,1))-1)+IF('Standard Profiles'!$G$22=$B$10,7,0)+IF('Standard Profiles'!$G$22=$B$17,14,0)+IF('Standard Profiles'!$G$22=$B$24,21,0),MOD($C2750,24)+1)/SUM(INDEX($D$3:$AA$30,INDEX(Jesper!$R$2:$R$366,ROW(INDEX(Jesper!AL$2:AL$366,ROUNDDOWN($C2750/24,0)+1,1))-1)+IF('Standard Profiles'!$G$22=$B$10,7,0)+IF('Standard Profiles'!$G$22=$B$17,14,0)+IF('Standard Profiles'!$G$22=$B$24,21,0),0)),0)</f>
        <v>0</v>
      </c>
      <c r="I2750">
        <f t="shared" si="314"/>
        <v>0.22726390809693608</v>
      </c>
      <c r="J2750">
        <f t="shared" si="315"/>
        <v>0.75754636032312028</v>
      </c>
      <c r="K2750">
        <f t="shared" si="316"/>
        <v>1.1363195404846804</v>
      </c>
      <c r="L2750">
        <f t="shared" si="317"/>
        <v>5.454333794326466</v>
      </c>
      <c r="M2750">
        <f t="shared" si="318"/>
        <v>0</v>
      </c>
      <c r="N2750" s="46">
        <f t="shared" si="319"/>
        <v>45405.166666660079</v>
      </c>
    </row>
    <row r="2751" spans="2:14" x14ac:dyDescent="0.3">
      <c r="B2751">
        <f t="shared" si="313"/>
        <v>2</v>
      </c>
      <c r="C2751" s="16">
        <v>2717</v>
      </c>
      <c r="D2751" cm="1">
        <f t="array" ref="D2751">IFERROR(INDEX(Jesper!AH$2:AH$366,ROUNDDOWN($C2751/24,0)+1,1)*INDEX($D$3:$AA$30,INDEX(Jesper!$R$2:$R$366,ROW(INDEX(Jesper!AH$2:AH$366,ROUNDDOWN($C2751/24,0)+1,1))-1)+IF('Standard Profiles'!$G$18=$B$10,7,0)+IF('Standard Profiles'!$G$18=$B$17,14,0)+IF('Standard Profiles'!$G$18=$B$24,21,0),MOD($C2751,24)+1)/SUM(INDEX($D$3:$AA$30,INDEX(Jesper!$R$2:$R$366,ROW(INDEX(Jesper!AH$2:AH$366,ROUNDDOWN($C2751/24,0)+1,1))-1)+IF('Standard Profiles'!$G$18=$B$10,7,0)+IF('Standard Profiles'!$G$18=$B$17,14,0)+IF('Standard Profiles'!$G$18=$B$24,21,0),0)),0)</f>
        <v>9.8481026842005637</v>
      </c>
      <c r="E2751" cm="1">
        <f t="array" ref="E2751">IFERROR(INDEX(Jesper!AI$2:AI$366,ROUNDDOWN($C2751/24,0)+1,1)*INDEX($D$3:$AA$30,INDEX(Jesper!$R$2:$R$366,ROW(INDEX(Jesper!AI$2:AI$366,ROUNDDOWN($C2751/24,0)+1,1))-1)+IF('Standard Profiles'!$G$19=$B$10,7,0)+IF('Standard Profiles'!$G$19=$B$17,14,0)+IF('Standard Profiles'!$G$19=$B$24,21,0),MOD($C2751,24)+1)/SUM(INDEX($D$3:$AA$30,INDEX(Jesper!$R$2:$R$366,ROW(INDEX(Jesper!AI$2:AI$366,ROUNDDOWN($C2751/24,0)+1,1))-1)+IF('Standard Profiles'!$G$19=$B$10,7,0)+IF('Standard Profiles'!$G$19=$B$17,14,0)+IF('Standard Profiles'!$G$19=$B$24,21,0),0)),0)</f>
        <v>0</v>
      </c>
      <c r="F2751" cm="1">
        <f t="array" ref="F2751">IFERROR(INDEX(Jesper!AJ$2:AJ$366,ROUNDDOWN($C2751/24,0)+1,1)*INDEX($D$3:$AA$30,INDEX(Jesper!$R$2:$R$366,ROW(INDEX(Jesper!AJ$2:AJ$366,ROUNDDOWN($C2751/24,0)+1,1))-1)+IF('Standard Profiles'!$G$20=$B$10,7,0)+IF('Standard Profiles'!$G$20=$B$17,14,0)+IF('Standard Profiles'!$G$20=$B$24,21,0),MOD($C2751,24)+1)/SUM(INDEX($D$3:$AA$30,INDEX(Jesper!$R$2:$R$366,ROW(INDEX(Jesper!AJ$2:AJ$366,ROUNDDOWN($C2751/24,0)+1,1))-1)+IF('Standard Profiles'!$G$20=$B$10,7,0)+IF('Standard Profiles'!$G$20=$B$17,14,0)+IF('Standard Profiles'!$G$20=$B$24,21,0),0)),0)</f>
        <v>0</v>
      </c>
      <c r="G2751" cm="1">
        <f t="array" ref="G2751">IFERROR(INDEX(Jesper!AK$2:AK$366,ROUNDDOWN($C2751/24,0)+1,1)*INDEX($D$3:$AA$30,INDEX(Jesper!$R$2:$R$366,ROW(INDEX(Jesper!AK$2:AK$366,ROUNDDOWN($C2751/24,0)+1,1))-1)+IF('Standard Profiles'!$G$21=$B$10,7,0)+IF('Standard Profiles'!$G$21=$B$17,14,0)+IF('Standard Profiles'!$G$21=$B$24,21,0),MOD($C2751,24)+1)/SUM(INDEX($D$3:$AA$30,INDEX(Jesper!$R$2:$R$366,ROW(INDEX(Jesper!AK$2:AK$366,ROUNDDOWN($C2751/24,0)+1,1))-1)+IF('Standard Profiles'!$G$21=$B$10,7,0)+IF('Standard Profiles'!$G$21=$B$17,14,0)+IF('Standard Profiles'!$G$21=$B$24,21,0),0)),0)</f>
        <v>0</v>
      </c>
      <c r="H2751" cm="1">
        <f t="array" ref="H2751">IFERROR(INDEX(Jesper!AL$2:AL$366,ROUNDDOWN($C2751/24,0)+1,1)*INDEX($D$3:$AA$30,INDEX(Jesper!$R$2:$R$366,ROW(INDEX(Jesper!AL$2:AL$366,ROUNDDOWN($C2751/24,0)+1,1))-1)+IF('Standard Profiles'!$G$22=$B$10,7,0)+IF('Standard Profiles'!$G$22=$B$17,14,0)+IF('Standard Profiles'!$G$22=$B$24,21,0),MOD($C2751,24)+1)/SUM(INDEX($D$3:$AA$30,INDEX(Jesper!$R$2:$R$366,ROW(INDEX(Jesper!AL$2:AL$366,ROUNDDOWN($C2751/24,0)+1,1))-1)+IF('Standard Profiles'!$G$22=$B$10,7,0)+IF('Standard Profiles'!$G$22=$B$17,14,0)+IF('Standard Profiles'!$G$22=$B$24,21,0),0)),0)</f>
        <v>0</v>
      </c>
      <c r="I2751">
        <f t="shared" si="314"/>
        <v>0.29544308052601692</v>
      </c>
      <c r="J2751">
        <f t="shared" si="315"/>
        <v>0.98481026842005637</v>
      </c>
      <c r="K2751">
        <f t="shared" si="316"/>
        <v>1.4772154026300846</v>
      </c>
      <c r="L2751">
        <f t="shared" si="317"/>
        <v>7.0906339326244057</v>
      </c>
      <c r="M2751">
        <f t="shared" si="318"/>
        <v>0</v>
      </c>
      <c r="N2751" s="46">
        <f t="shared" si="319"/>
        <v>45405.208333326744</v>
      </c>
    </row>
    <row r="2752" spans="2:14" x14ac:dyDescent="0.3">
      <c r="B2752">
        <f t="shared" si="313"/>
        <v>2</v>
      </c>
      <c r="C2752" s="16">
        <v>2718</v>
      </c>
      <c r="D2752" cm="1">
        <f t="array" ref="D2752">IFERROR(INDEX(Jesper!AH$2:AH$366,ROUNDDOWN($C2752/24,0)+1,1)*INDEX($D$3:$AA$30,INDEX(Jesper!$R$2:$R$366,ROW(INDEX(Jesper!AH$2:AH$366,ROUNDDOWN($C2752/24,0)+1,1))-1)+IF('Standard Profiles'!$G$18=$B$10,7,0)+IF('Standard Profiles'!$G$18=$B$17,14,0)+IF('Standard Profiles'!$G$18=$B$24,21,0),MOD($C2752,24)+1)/SUM(INDEX($D$3:$AA$30,INDEX(Jesper!$R$2:$R$366,ROW(INDEX(Jesper!AH$2:AH$366,ROUNDDOWN($C2752/24,0)+1,1))-1)+IF('Standard Profiles'!$G$18=$B$10,7,0)+IF('Standard Profiles'!$G$18=$B$17,14,0)+IF('Standard Profiles'!$G$18=$B$24,21,0),0)),0)</f>
        <v>10.984422224685245</v>
      </c>
      <c r="E2752" cm="1">
        <f t="array" ref="E2752">IFERROR(INDEX(Jesper!AI$2:AI$366,ROUNDDOWN($C2752/24,0)+1,1)*INDEX($D$3:$AA$30,INDEX(Jesper!$R$2:$R$366,ROW(INDEX(Jesper!AI$2:AI$366,ROUNDDOWN($C2752/24,0)+1,1))-1)+IF('Standard Profiles'!$G$19=$B$10,7,0)+IF('Standard Profiles'!$G$19=$B$17,14,0)+IF('Standard Profiles'!$G$19=$B$24,21,0),MOD($C2752,24)+1)/SUM(INDEX($D$3:$AA$30,INDEX(Jesper!$R$2:$R$366,ROW(INDEX(Jesper!AI$2:AI$366,ROUNDDOWN($C2752/24,0)+1,1))-1)+IF('Standard Profiles'!$G$19=$B$10,7,0)+IF('Standard Profiles'!$G$19=$B$17,14,0)+IF('Standard Profiles'!$G$19=$B$24,21,0),0)),0)</f>
        <v>0</v>
      </c>
      <c r="F2752" cm="1">
        <f t="array" ref="F2752">IFERROR(INDEX(Jesper!AJ$2:AJ$366,ROUNDDOWN($C2752/24,0)+1,1)*INDEX($D$3:$AA$30,INDEX(Jesper!$R$2:$R$366,ROW(INDEX(Jesper!AJ$2:AJ$366,ROUNDDOWN($C2752/24,0)+1,1))-1)+IF('Standard Profiles'!$G$20=$B$10,7,0)+IF('Standard Profiles'!$G$20=$B$17,14,0)+IF('Standard Profiles'!$G$20=$B$24,21,0),MOD($C2752,24)+1)/SUM(INDEX($D$3:$AA$30,INDEX(Jesper!$R$2:$R$366,ROW(INDEX(Jesper!AJ$2:AJ$366,ROUNDDOWN($C2752/24,0)+1,1))-1)+IF('Standard Profiles'!$G$20=$B$10,7,0)+IF('Standard Profiles'!$G$20=$B$17,14,0)+IF('Standard Profiles'!$G$20=$B$24,21,0),0)),0)</f>
        <v>0</v>
      </c>
      <c r="G2752" cm="1">
        <f t="array" ref="G2752">IFERROR(INDEX(Jesper!AK$2:AK$366,ROUNDDOWN($C2752/24,0)+1,1)*INDEX($D$3:$AA$30,INDEX(Jesper!$R$2:$R$366,ROW(INDEX(Jesper!AK$2:AK$366,ROUNDDOWN($C2752/24,0)+1,1))-1)+IF('Standard Profiles'!$G$21=$B$10,7,0)+IF('Standard Profiles'!$G$21=$B$17,14,0)+IF('Standard Profiles'!$G$21=$B$24,21,0),MOD($C2752,24)+1)/SUM(INDEX($D$3:$AA$30,INDEX(Jesper!$R$2:$R$366,ROW(INDEX(Jesper!AK$2:AK$366,ROUNDDOWN($C2752/24,0)+1,1))-1)+IF('Standard Profiles'!$G$21=$B$10,7,0)+IF('Standard Profiles'!$G$21=$B$17,14,0)+IF('Standard Profiles'!$G$21=$B$24,21,0),0)),0)</f>
        <v>0</v>
      </c>
      <c r="H2752" cm="1">
        <f t="array" ref="H2752">IFERROR(INDEX(Jesper!AL$2:AL$366,ROUNDDOWN($C2752/24,0)+1,1)*INDEX($D$3:$AA$30,INDEX(Jesper!$R$2:$R$366,ROW(INDEX(Jesper!AL$2:AL$366,ROUNDDOWN($C2752/24,0)+1,1))-1)+IF('Standard Profiles'!$G$22=$B$10,7,0)+IF('Standard Profiles'!$G$22=$B$17,14,0)+IF('Standard Profiles'!$G$22=$B$24,21,0),MOD($C2752,24)+1)/SUM(INDEX($D$3:$AA$30,INDEX(Jesper!$R$2:$R$366,ROW(INDEX(Jesper!AL$2:AL$366,ROUNDDOWN($C2752/24,0)+1,1))-1)+IF('Standard Profiles'!$G$22=$B$10,7,0)+IF('Standard Profiles'!$G$22=$B$17,14,0)+IF('Standard Profiles'!$G$22=$B$24,21,0),0)),0)</f>
        <v>0</v>
      </c>
      <c r="I2752">
        <f t="shared" si="314"/>
        <v>0.32953266674055731</v>
      </c>
      <c r="J2752">
        <f t="shared" si="315"/>
        <v>1.0984422224685246</v>
      </c>
      <c r="K2752">
        <f t="shared" si="316"/>
        <v>1.6476633337027866</v>
      </c>
      <c r="L2752">
        <f t="shared" si="317"/>
        <v>7.9087840017733759</v>
      </c>
      <c r="M2752">
        <f t="shared" si="318"/>
        <v>0</v>
      </c>
      <c r="N2752" s="46">
        <f t="shared" si="319"/>
        <v>45405.249999993408</v>
      </c>
    </row>
    <row r="2753" spans="2:14" x14ac:dyDescent="0.3">
      <c r="B2753">
        <f t="shared" si="313"/>
        <v>2</v>
      </c>
      <c r="C2753" s="16">
        <v>2719</v>
      </c>
      <c r="D2753" cm="1">
        <f t="array" ref="D2753">IFERROR(INDEX(Jesper!AH$2:AH$366,ROUNDDOWN($C2753/24,0)+1,1)*INDEX($D$3:$AA$30,INDEX(Jesper!$R$2:$R$366,ROW(INDEX(Jesper!AH$2:AH$366,ROUNDDOWN($C2753/24,0)+1,1))-1)+IF('Standard Profiles'!$G$18=$B$10,7,0)+IF('Standard Profiles'!$G$18=$B$17,14,0)+IF('Standard Profiles'!$G$18=$B$24,21,0),MOD($C2753,24)+1)/SUM(INDEX($D$3:$AA$30,INDEX(Jesper!$R$2:$R$366,ROW(INDEX(Jesper!AH$2:AH$366,ROUNDDOWN($C2753/24,0)+1,1))-1)+IF('Standard Profiles'!$G$18=$B$10,7,0)+IF('Standard Profiles'!$G$18=$B$17,14,0)+IF('Standard Profiles'!$G$18=$B$24,21,0),0)),0)</f>
        <v>11.363195404846804</v>
      </c>
      <c r="E2753" cm="1">
        <f t="array" ref="E2753">IFERROR(INDEX(Jesper!AI$2:AI$366,ROUNDDOWN($C2753/24,0)+1,1)*INDEX($D$3:$AA$30,INDEX(Jesper!$R$2:$R$366,ROW(INDEX(Jesper!AI$2:AI$366,ROUNDDOWN($C2753/24,0)+1,1))-1)+IF('Standard Profiles'!$G$19=$B$10,7,0)+IF('Standard Profiles'!$G$19=$B$17,14,0)+IF('Standard Profiles'!$G$19=$B$24,21,0),MOD($C2753,24)+1)/SUM(INDEX($D$3:$AA$30,INDEX(Jesper!$R$2:$R$366,ROW(INDEX(Jesper!AI$2:AI$366,ROUNDDOWN($C2753/24,0)+1,1))-1)+IF('Standard Profiles'!$G$19=$B$10,7,0)+IF('Standard Profiles'!$G$19=$B$17,14,0)+IF('Standard Profiles'!$G$19=$B$24,21,0),0)),0)</f>
        <v>0</v>
      </c>
      <c r="F2753" cm="1">
        <f t="array" ref="F2753">IFERROR(INDEX(Jesper!AJ$2:AJ$366,ROUNDDOWN($C2753/24,0)+1,1)*INDEX($D$3:$AA$30,INDEX(Jesper!$R$2:$R$366,ROW(INDEX(Jesper!AJ$2:AJ$366,ROUNDDOWN($C2753/24,0)+1,1))-1)+IF('Standard Profiles'!$G$20=$B$10,7,0)+IF('Standard Profiles'!$G$20=$B$17,14,0)+IF('Standard Profiles'!$G$20=$B$24,21,0),MOD($C2753,24)+1)/SUM(INDEX($D$3:$AA$30,INDEX(Jesper!$R$2:$R$366,ROW(INDEX(Jesper!AJ$2:AJ$366,ROUNDDOWN($C2753/24,0)+1,1))-1)+IF('Standard Profiles'!$G$20=$B$10,7,0)+IF('Standard Profiles'!$G$20=$B$17,14,0)+IF('Standard Profiles'!$G$20=$B$24,21,0),0)),0)</f>
        <v>0</v>
      </c>
      <c r="G2753" cm="1">
        <f t="array" ref="G2753">IFERROR(INDEX(Jesper!AK$2:AK$366,ROUNDDOWN($C2753/24,0)+1,1)*INDEX($D$3:$AA$30,INDEX(Jesper!$R$2:$R$366,ROW(INDEX(Jesper!AK$2:AK$366,ROUNDDOWN($C2753/24,0)+1,1))-1)+IF('Standard Profiles'!$G$21=$B$10,7,0)+IF('Standard Profiles'!$G$21=$B$17,14,0)+IF('Standard Profiles'!$G$21=$B$24,21,0),MOD($C2753,24)+1)/SUM(INDEX($D$3:$AA$30,INDEX(Jesper!$R$2:$R$366,ROW(INDEX(Jesper!AK$2:AK$366,ROUNDDOWN($C2753/24,0)+1,1))-1)+IF('Standard Profiles'!$G$21=$B$10,7,0)+IF('Standard Profiles'!$G$21=$B$17,14,0)+IF('Standard Profiles'!$G$21=$B$24,21,0),0)),0)</f>
        <v>0</v>
      </c>
      <c r="H2753" cm="1">
        <f t="array" ref="H2753">IFERROR(INDEX(Jesper!AL$2:AL$366,ROUNDDOWN($C2753/24,0)+1,1)*INDEX($D$3:$AA$30,INDEX(Jesper!$R$2:$R$366,ROW(INDEX(Jesper!AL$2:AL$366,ROUNDDOWN($C2753/24,0)+1,1))-1)+IF('Standard Profiles'!$G$22=$B$10,7,0)+IF('Standard Profiles'!$G$22=$B$17,14,0)+IF('Standard Profiles'!$G$22=$B$24,21,0),MOD($C2753,24)+1)/SUM(INDEX($D$3:$AA$30,INDEX(Jesper!$R$2:$R$366,ROW(INDEX(Jesper!AL$2:AL$366,ROUNDDOWN($C2753/24,0)+1,1))-1)+IF('Standard Profiles'!$G$22=$B$10,7,0)+IF('Standard Profiles'!$G$22=$B$17,14,0)+IF('Standard Profiles'!$G$22=$B$24,21,0),0)),0)</f>
        <v>0</v>
      </c>
      <c r="I2753">
        <f t="shared" si="314"/>
        <v>0.34089586214540413</v>
      </c>
      <c r="J2753">
        <f t="shared" si="315"/>
        <v>1.1363195404846804</v>
      </c>
      <c r="K2753">
        <f t="shared" si="316"/>
        <v>1.7044793107270206</v>
      </c>
      <c r="L2753">
        <f t="shared" si="317"/>
        <v>8.1815006914896991</v>
      </c>
      <c r="M2753">
        <f t="shared" si="318"/>
        <v>0</v>
      </c>
      <c r="N2753" s="46">
        <f t="shared" si="319"/>
        <v>45405.291666660072</v>
      </c>
    </row>
    <row r="2754" spans="2:14" x14ac:dyDescent="0.3">
      <c r="B2754">
        <f t="shared" si="313"/>
        <v>2</v>
      </c>
      <c r="C2754" s="16">
        <v>2720</v>
      </c>
      <c r="D2754" cm="1">
        <f t="array" ref="D2754">IFERROR(INDEX(Jesper!AH$2:AH$366,ROUNDDOWN($C2754/24,0)+1,1)*INDEX($D$3:$AA$30,INDEX(Jesper!$R$2:$R$366,ROW(INDEX(Jesper!AH$2:AH$366,ROUNDDOWN($C2754/24,0)+1,1))-1)+IF('Standard Profiles'!$G$18=$B$10,7,0)+IF('Standard Profiles'!$G$18=$B$17,14,0)+IF('Standard Profiles'!$G$18=$B$24,21,0),MOD($C2754,24)+1)/SUM(INDEX($D$3:$AA$30,INDEX(Jesper!$R$2:$R$366,ROW(INDEX(Jesper!AH$2:AH$366,ROUNDDOWN($C2754/24,0)+1,1))-1)+IF('Standard Profiles'!$G$18=$B$10,7,0)+IF('Standard Profiles'!$G$18=$B$17,14,0)+IF('Standard Profiles'!$G$18=$B$24,21,0),0)),0)</f>
        <v>11.363195404846804</v>
      </c>
      <c r="E2754" cm="1">
        <f t="array" ref="E2754">IFERROR(INDEX(Jesper!AI$2:AI$366,ROUNDDOWN($C2754/24,0)+1,1)*INDEX($D$3:$AA$30,INDEX(Jesper!$R$2:$R$366,ROW(INDEX(Jesper!AI$2:AI$366,ROUNDDOWN($C2754/24,0)+1,1))-1)+IF('Standard Profiles'!$G$19=$B$10,7,0)+IF('Standard Profiles'!$G$19=$B$17,14,0)+IF('Standard Profiles'!$G$19=$B$24,21,0),MOD($C2754,24)+1)/SUM(INDEX($D$3:$AA$30,INDEX(Jesper!$R$2:$R$366,ROW(INDEX(Jesper!AI$2:AI$366,ROUNDDOWN($C2754/24,0)+1,1))-1)+IF('Standard Profiles'!$G$19=$B$10,7,0)+IF('Standard Profiles'!$G$19=$B$17,14,0)+IF('Standard Profiles'!$G$19=$B$24,21,0),0)),0)</f>
        <v>0</v>
      </c>
      <c r="F2754" cm="1">
        <f t="array" ref="F2754">IFERROR(INDEX(Jesper!AJ$2:AJ$366,ROUNDDOWN($C2754/24,0)+1,1)*INDEX($D$3:$AA$30,INDEX(Jesper!$R$2:$R$366,ROW(INDEX(Jesper!AJ$2:AJ$366,ROUNDDOWN($C2754/24,0)+1,1))-1)+IF('Standard Profiles'!$G$20=$B$10,7,0)+IF('Standard Profiles'!$G$20=$B$17,14,0)+IF('Standard Profiles'!$G$20=$B$24,21,0),MOD($C2754,24)+1)/SUM(INDEX($D$3:$AA$30,INDEX(Jesper!$R$2:$R$366,ROW(INDEX(Jesper!AJ$2:AJ$366,ROUNDDOWN($C2754/24,0)+1,1))-1)+IF('Standard Profiles'!$G$20=$B$10,7,0)+IF('Standard Profiles'!$G$20=$B$17,14,0)+IF('Standard Profiles'!$G$20=$B$24,21,0),0)),0)</f>
        <v>0</v>
      </c>
      <c r="G2754" cm="1">
        <f t="array" ref="G2754">IFERROR(INDEX(Jesper!AK$2:AK$366,ROUNDDOWN($C2754/24,0)+1,1)*INDEX($D$3:$AA$30,INDEX(Jesper!$R$2:$R$366,ROW(INDEX(Jesper!AK$2:AK$366,ROUNDDOWN($C2754/24,0)+1,1))-1)+IF('Standard Profiles'!$G$21=$B$10,7,0)+IF('Standard Profiles'!$G$21=$B$17,14,0)+IF('Standard Profiles'!$G$21=$B$24,21,0),MOD($C2754,24)+1)/SUM(INDEX($D$3:$AA$30,INDEX(Jesper!$R$2:$R$366,ROW(INDEX(Jesper!AK$2:AK$366,ROUNDDOWN($C2754/24,0)+1,1))-1)+IF('Standard Profiles'!$G$21=$B$10,7,0)+IF('Standard Profiles'!$G$21=$B$17,14,0)+IF('Standard Profiles'!$G$21=$B$24,21,0),0)),0)</f>
        <v>0</v>
      </c>
      <c r="H2754" cm="1">
        <f t="array" ref="H2754">IFERROR(INDEX(Jesper!AL$2:AL$366,ROUNDDOWN($C2754/24,0)+1,1)*INDEX($D$3:$AA$30,INDEX(Jesper!$R$2:$R$366,ROW(INDEX(Jesper!AL$2:AL$366,ROUNDDOWN($C2754/24,0)+1,1))-1)+IF('Standard Profiles'!$G$22=$B$10,7,0)+IF('Standard Profiles'!$G$22=$B$17,14,0)+IF('Standard Profiles'!$G$22=$B$24,21,0),MOD($C2754,24)+1)/SUM(INDEX($D$3:$AA$30,INDEX(Jesper!$R$2:$R$366,ROW(INDEX(Jesper!AL$2:AL$366,ROUNDDOWN($C2754/24,0)+1,1))-1)+IF('Standard Profiles'!$G$22=$B$10,7,0)+IF('Standard Profiles'!$G$22=$B$17,14,0)+IF('Standard Profiles'!$G$22=$B$24,21,0),0)),0)</f>
        <v>0</v>
      </c>
      <c r="I2754">
        <f t="shared" si="314"/>
        <v>0.34089586214540413</v>
      </c>
      <c r="J2754">
        <f t="shared" si="315"/>
        <v>1.1363195404846804</v>
      </c>
      <c r="K2754">
        <f t="shared" si="316"/>
        <v>1.7044793107270206</v>
      </c>
      <c r="L2754">
        <f t="shared" si="317"/>
        <v>8.1815006914896991</v>
      </c>
      <c r="M2754">
        <f t="shared" si="318"/>
        <v>0</v>
      </c>
      <c r="N2754" s="46">
        <f t="shared" si="319"/>
        <v>45405.333333326736</v>
      </c>
    </row>
    <row r="2755" spans="2:14" x14ac:dyDescent="0.3">
      <c r="B2755">
        <f t="shared" si="313"/>
        <v>2</v>
      </c>
      <c r="C2755" s="16">
        <v>2721</v>
      </c>
      <c r="D2755" cm="1">
        <f t="array" ref="D2755">IFERROR(INDEX(Jesper!AH$2:AH$366,ROUNDDOWN($C2755/24,0)+1,1)*INDEX($D$3:$AA$30,INDEX(Jesper!$R$2:$R$366,ROW(INDEX(Jesper!AH$2:AH$366,ROUNDDOWN($C2755/24,0)+1,1))-1)+IF('Standard Profiles'!$G$18=$B$10,7,0)+IF('Standard Profiles'!$G$18=$B$17,14,0)+IF('Standard Profiles'!$G$18=$B$24,21,0),MOD($C2755,24)+1)/SUM(INDEX($D$3:$AA$30,INDEX(Jesper!$R$2:$R$366,ROW(INDEX(Jesper!AH$2:AH$366,ROUNDDOWN($C2755/24,0)+1,1))-1)+IF('Standard Profiles'!$G$18=$B$10,7,0)+IF('Standard Profiles'!$G$18=$B$17,14,0)+IF('Standard Profiles'!$G$18=$B$24,21,0),0)),0)</f>
        <v>12.310128355250704</v>
      </c>
      <c r="E2755" cm="1">
        <f t="array" ref="E2755">IFERROR(INDEX(Jesper!AI$2:AI$366,ROUNDDOWN($C2755/24,0)+1,1)*INDEX($D$3:$AA$30,INDEX(Jesper!$R$2:$R$366,ROW(INDEX(Jesper!AI$2:AI$366,ROUNDDOWN($C2755/24,0)+1,1))-1)+IF('Standard Profiles'!$G$19=$B$10,7,0)+IF('Standard Profiles'!$G$19=$B$17,14,0)+IF('Standard Profiles'!$G$19=$B$24,21,0),MOD($C2755,24)+1)/SUM(INDEX($D$3:$AA$30,INDEX(Jesper!$R$2:$R$366,ROW(INDEX(Jesper!AI$2:AI$366,ROUNDDOWN($C2755/24,0)+1,1))-1)+IF('Standard Profiles'!$G$19=$B$10,7,0)+IF('Standard Profiles'!$G$19=$B$17,14,0)+IF('Standard Profiles'!$G$19=$B$24,21,0),0)),0)</f>
        <v>0</v>
      </c>
      <c r="F2755" cm="1">
        <f t="array" ref="F2755">IFERROR(INDEX(Jesper!AJ$2:AJ$366,ROUNDDOWN($C2755/24,0)+1,1)*INDEX($D$3:$AA$30,INDEX(Jesper!$R$2:$R$366,ROW(INDEX(Jesper!AJ$2:AJ$366,ROUNDDOWN($C2755/24,0)+1,1))-1)+IF('Standard Profiles'!$G$20=$B$10,7,0)+IF('Standard Profiles'!$G$20=$B$17,14,0)+IF('Standard Profiles'!$G$20=$B$24,21,0),MOD($C2755,24)+1)/SUM(INDEX($D$3:$AA$30,INDEX(Jesper!$R$2:$R$366,ROW(INDEX(Jesper!AJ$2:AJ$366,ROUNDDOWN($C2755/24,0)+1,1))-1)+IF('Standard Profiles'!$G$20=$B$10,7,0)+IF('Standard Profiles'!$G$20=$B$17,14,0)+IF('Standard Profiles'!$G$20=$B$24,21,0),0)),0)</f>
        <v>0</v>
      </c>
      <c r="G2755" cm="1">
        <f t="array" ref="G2755">IFERROR(INDEX(Jesper!AK$2:AK$366,ROUNDDOWN($C2755/24,0)+1,1)*INDEX($D$3:$AA$30,INDEX(Jesper!$R$2:$R$366,ROW(INDEX(Jesper!AK$2:AK$366,ROUNDDOWN($C2755/24,0)+1,1))-1)+IF('Standard Profiles'!$G$21=$B$10,7,0)+IF('Standard Profiles'!$G$21=$B$17,14,0)+IF('Standard Profiles'!$G$21=$B$24,21,0),MOD($C2755,24)+1)/SUM(INDEX($D$3:$AA$30,INDEX(Jesper!$R$2:$R$366,ROW(INDEX(Jesper!AK$2:AK$366,ROUNDDOWN($C2755/24,0)+1,1))-1)+IF('Standard Profiles'!$G$21=$B$10,7,0)+IF('Standard Profiles'!$G$21=$B$17,14,0)+IF('Standard Profiles'!$G$21=$B$24,21,0),0)),0)</f>
        <v>0</v>
      </c>
      <c r="H2755" cm="1">
        <f t="array" ref="H2755">IFERROR(INDEX(Jesper!AL$2:AL$366,ROUNDDOWN($C2755/24,0)+1,1)*INDEX($D$3:$AA$30,INDEX(Jesper!$R$2:$R$366,ROW(INDEX(Jesper!AL$2:AL$366,ROUNDDOWN($C2755/24,0)+1,1))-1)+IF('Standard Profiles'!$G$22=$B$10,7,0)+IF('Standard Profiles'!$G$22=$B$17,14,0)+IF('Standard Profiles'!$G$22=$B$24,21,0),MOD($C2755,24)+1)/SUM(INDEX($D$3:$AA$30,INDEX(Jesper!$R$2:$R$366,ROW(INDEX(Jesper!AL$2:AL$366,ROUNDDOWN($C2755/24,0)+1,1))-1)+IF('Standard Profiles'!$G$22=$B$10,7,0)+IF('Standard Profiles'!$G$22=$B$17,14,0)+IF('Standard Profiles'!$G$22=$B$24,21,0),0)),0)</f>
        <v>0</v>
      </c>
      <c r="I2755">
        <f t="shared" si="314"/>
        <v>0.36930385065752114</v>
      </c>
      <c r="J2755">
        <f t="shared" si="315"/>
        <v>1.2310128355250705</v>
      </c>
      <c r="K2755">
        <f t="shared" si="316"/>
        <v>1.8465192532876056</v>
      </c>
      <c r="L2755">
        <f t="shared" si="317"/>
        <v>8.8632924157805064</v>
      </c>
      <c r="M2755">
        <f t="shared" si="318"/>
        <v>0</v>
      </c>
      <c r="N2755" s="46">
        <f t="shared" si="319"/>
        <v>45405.374999993401</v>
      </c>
    </row>
    <row r="2756" spans="2:14" x14ac:dyDescent="0.3">
      <c r="B2756">
        <f t="shared" si="313"/>
        <v>2</v>
      </c>
      <c r="C2756" s="16">
        <v>2722</v>
      </c>
      <c r="D2756" cm="1">
        <f t="array" ref="D2756">IFERROR(INDEX(Jesper!AH$2:AH$366,ROUNDDOWN($C2756/24,0)+1,1)*INDEX($D$3:$AA$30,INDEX(Jesper!$R$2:$R$366,ROW(INDEX(Jesper!AH$2:AH$366,ROUNDDOWN($C2756/24,0)+1,1))-1)+IF('Standard Profiles'!$G$18=$B$10,7,0)+IF('Standard Profiles'!$G$18=$B$17,14,0)+IF('Standard Profiles'!$G$18=$B$24,21,0),MOD($C2756,24)+1)/SUM(INDEX($D$3:$AA$30,INDEX(Jesper!$R$2:$R$366,ROW(INDEX(Jesper!AH$2:AH$366,ROUNDDOWN($C2756/24,0)+1,1))-1)+IF('Standard Profiles'!$G$18=$B$10,7,0)+IF('Standard Profiles'!$G$18=$B$17,14,0)+IF('Standard Profiles'!$G$18=$B$24,21,0),0)),0)</f>
        <v>12.878288125493045</v>
      </c>
      <c r="E2756" cm="1">
        <f t="array" ref="E2756">IFERROR(INDEX(Jesper!AI$2:AI$366,ROUNDDOWN($C2756/24,0)+1,1)*INDEX($D$3:$AA$30,INDEX(Jesper!$R$2:$R$366,ROW(INDEX(Jesper!AI$2:AI$366,ROUNDDOWN($C2756/24,0)+1,1))-1)+IF('Standard Profiles'!$G$19=$B$10,7,0)+IF('Standard Profiles'!$G$19=$B$17,14,0)+IF('Standard Profiles'!$G$19=$B$24,21,0),MOD($C2756,24)+1)/SUM(INDEX($D$3:$AA$30,INDEX(Jesper!$R$2:$R$366,ROW(INDEX(Jesper!AI$2:AI$366,ROUNDDOWN($C2756/24,0)+1,1))-1)+IF('Standard Profiles'!$G$19=$B$10,7,0)+IF('Standard Profiles'!$G$19=$B$17,14,0)+IF('Standard Profiles'!$G$19=$B$24,21,0),0)),0)</f>
        <v>0</v>
      </c>
      <c r="F2756" cm="1">
        <f t="array" ref="F2756">IFERROR(INDEX(Jesper!AJ$2:AJ$366,ROUNDDOWN($C2756/24,0)+1,1)*INDEX($D$3:$AA$30,INDEX(Jesper!$R$2:$R$366,ROW(INDEX(Jesper!AJ$2:AJ$366,ROUNDDOWN($C2756/24,0)+1,1))-1)+IF('Standard Profiles'!$G$20=$B$10,7,0)+IF('Standard Profiles'!$G$20=$B$17,14,0)+IF('Standard Profiles'!$G$20=$B$24,21,0),MOD($C2756,24)+1)/SUM(INDEX($D$3:$AA$30,INDEX(Jesper!$R$2:$R$366,ROW(INDEX(Jesper!AJ$2:AJ$366,ROUNDDOWN($C2756/24,0)+1,1))-1)+IF('Standard Profiles'!$G$20=$B$10,7,0)+IF('Standard Profiles'!$G$20=$B$17,14,0)+IF('Standard Profiles'!$G$20=$B$24,21,0),0)),0)</f>
        <v>0</v>
      </c>
      <c r="G2756" cm="1">
        <f t="array" ref="G2756">IFERROR(INDEX(Jesper!AK$2:AK$366,ROUNDDOWN($C2756/24,0)+1,1)*INDEX($D$3:$AA$30,INDEX(Jesper!$R$2:$R$366,ROW(INDEX(Jesper!AK$2:AK$366,ROUNDDOWN($C2756/24,0)+1,1))-1)+IF('Standard Profiles'!$G$21=$B$10,7,0)+IF('Standard Profiles'!$G$21=$B$17,14,0)+IF('Standard Profiles'!$G$21=$B$24,21,0),MOD($C2756,24)+1)/SUM(INDEX($D$3:$AA$30,INDEX(Jesper!$R$2:$R$366,ROW(INDEX(Jesper!AK$2:AK$366,ROUNDDOWN($C2756/24,0)+1,1))-1)+IF('Standard Profiles'!$G$21=$B$10,7,0)+IF('Standard Profiles'!$G$21=$B$17,14,0)+IF('Standard Profiles'!$G$21=$B$24,21,0),0)),0)</f>
        <v>0</v>
      </c>
      <c r="H2756" cm="1">
        <f t="array" ref="H2756">IFERROR(INDEX(Jesper!AL$2:AL$366,ROUNDDOWN($C2756/24,0)+1,1)*INDEX($D$3:$AA$30,INDEX(Jesper!$R$2:$R$366,ROW(INDEX(Jesper!AL$2:AL$366,ROUNDDOWN($C2756/24,0)+1,1))-1)+IF('Standard Profiles'!$G$22=$B$10,7,0)+IF('Standard Profiles'!$G$22=$B$17,14,0)+IF('Standard Profiles'!$G$22=$B$24,21,0),MOD($C2756,24)+1)/SUM(INDEX($D$3:$AA$30,INDEX(Jesper!$R$2:$R$366,ROW(INDEX(Jesper!AL$2:AL$366,ROUNDDOWN($C2756/24,0)+1,1))-1)+IF('Standard Profiles'!$G$22=$B$10,7,0)+IF('Standard Profiles'!$G$22=$B$17,14,0)+IF('Standard Profiles'!$G$22=$B$24,21,0),0)),0)</f>
        <v>0</v>
      </c>
      <c r="I2756">
        <f t="shared" si="314"/>
        <v>0.38634864376479133</v>
      </c>
      <c r="J2756">
        <f t="shared" si="315"/>
        <v>1.2878288125493045</v>
      </c>
      <c r="K2756">
        <f t="shared" si="316"/>
        <v>1.9317432188239567</v>
      </c>
      <c r="L2756">
        <f t="shared" si="317"/>
        <v>9.2723674503549915</v>
      </c>
      <c r="M2756">
        <f t="shared" si="318"/>
        <v>0</v>
      </c>
      <c r="N2756" s="46">
        <f t="shared" si="319"/>
        <v>45405.416666660065</v>
      </c>
    </row>
    <row r="2757" spans="2:14" x14ac:dyDescent="0.3">
      <c r="B2757">
        <f t="shared" si="313"/>
        <v>2</v>
      </c>
      <c r="C2757" s="16">
        <v>2723</v>
      </c>
      <c r="D2757" cm="1">
        <f t="array" ref="D2757">IFERROR(INDEX(Jesper!AH$2:AH$366,ROUNDDOWN($C2757/24,0)+1,1)*INDEX($D$3:$AA$30,INDEX(Jesper!$R$2:$R$366,ROW(INDEX(Jesper!AH$2:AH$366,ROUNDDOWN($C2757/24,0)+1,1))-1)+IF('Standard Profiles'!$G$18=$B$10,7,0)+IF('Standard Profiles'!$G$18=$B$17,14,0)+IF('Standard Profiles'!$G$18=$B$24,21,0),MOD($C2757,24)+1)/SUM(INDEX($D$3:$AA$30,INDEX(Jesper!$R$2:$R$366,ROW(INDEX(Jesper!AH$2:AH$366,ROUNDDOWN($C2757/24,0)+1,1))-1)+IF('Standard Profiles'!$G$18=$B$10,7,0)+IF('Standard Profiles'!$G$18=$B$17,14,0)+IF('Standard Profiles'!$G$18=$B$24,21,0),0)),0)</f>
        <v>15.150927206462406</v>
      </c>
      <c r="E2757" cm="1">
        <f t="array" ref="E2757">IFERROR(INDEX(Jesper!AI$2:AI$366,ROUNDDOWN($C2757/24,0)+1,1)*INDEX($D$3:$AA$30,INDEX(Jesper!$R$2:$R$366,ROW(INDEX(Jesper!AI$2:AI$366,ROUNDDOWN($C2757/24,0)+1,1))-1)+IF('Standard Profiles'!$G$19=$B$10,7,0)+IF('Standard Profiles'!$G$19=$B$17,14,0)+IF('Standard Profiles'!$G$19=$B$24,21,0),MOD($C2757,24)+1)/SUM(INDEX($D$3:$AA$30,INDEX(Jesper!$R$2:$R$366,ROW(INDEX(Jesper!AI$2:AI$366,ROUNDDOWN($C2757/24,0)+1,1))-1)+IF('Standard Profiles'!$G$19=$B$10,7,0)+IF('Standard Profiles'!$G$19=$B$17,14,0)+IF('Standard Profiles'!$G$19=$B$24,21,0),0)),0)</f>
        <v>0</v>
      </c>
      <c r="F2757" cm="1">
        <f t="array" ref="F2757">IFERROR(INDEX(Jesper!AJ$2:AJ$366,ROUNDDOWN($C2757/24,0)+1,1)*INDEX($D$3:$AA$30,INDEX(Jesper!$R$2:$R$366,ROW(INDEX(Jesper!AJ$2:AJ$366,ROUNDDOWN($C2757/24,0)+1,1))-1)+IF('Standard Profiles'!$G$20=$B$10,7,0)+IF('Standard Profiles'!$G$20=$B$17,14,0)+IF('Standard Profiles'!$G$20=$B$24,21,0),MOD($C2757,24)+1)/SUM(INDEX($D$3:$AA$30,INDEX(Jesper!$R$2:$R$366,ROW(INDEX(Jesper!AJ$2:AJ$366,ROUNDDOWN($C2757/24,0)+1,1))-1)+IF('Standard Profiles'!$G$20=$B$10,7,0)+IF('Standard Profiles'!$G$20=$B$17,14,0)+IF('Standard Profiles'!$G$20=$B$24,21,0),0)),0)</f>
        <v>0</v>
      </c>
      <c r="G2757" cm="1">
        <f t="array" ref="G2757">IFERROR(INDEX(Jesper!AK$2:AK$366,ROUNDDOWN($C2757/24,0)+1,1)*INDEX($D$3:$AA$30,INDEX(Jesper!$R$2:$R$366,ROW(INDEX(Jesper!AK$2:AK$366,ROUNDDOWN($C2757/24,0)+1,1))-1)+IF('Standard Profiles'!$G$21=$B$10,7,0)+IF('Standard Profiles'!$G$21=$B$17,14,0)+IF('Standard Profiles'!$G$21=$B$24,21,0),MOD($C2757,24)+1)/SUM(INDEX($D$3:$AA$30,INDEX(Jesper!$R$2:$R$366,ROW(INDEX(Jesper!AK$2:AK$366,ROUNDDOWN($C2757/24,0)+1,1))-1)+IF('Standard Profiles'!$G$21=$B$10,7,0)+IF('Standard Profiles'!$G$21=$B$17,14,0)+IF('Standard Profiles'!$G$21=$B$24,21,0),0)),0)</f>
        <v>0</v>
      </c>
      <c r="H2757" cm="1">
        <f t="array" ref="H2757">IFERROR(INDEX(Jesper!AL$2:AL$366,ROUNDDOWN($C2757/24,0)+1,1)*INDEX($D$3:$AA$30,INDEX(Jesper!$R$2:$R$366,ROW(INDEX(Jesper!AL$2:AL$366,ROUNDDOWN($C2757/24,0)+1,1))-1)+IF('Standard Profiles'!$G$22=$B$10,7,0)+IF('Standard Profiles'!$G$22=$B$17,14,0)+IF('Standard Profiles'!$G$22=$B$24,21,0),MOD($C2757,24)+1)/SUM(INDEX($D$3:$AA$30,INDEX(Jesper!$R$2:$R$366,ROW(INDEX(Jesper!AL$2:AL$366,ROUNDDOWN($C2757/24,0)+1,1))-1)+IF('Standard Profiles'!$G$22=$B$10,7,0)+IF('Standard Profiles'!$G$22=$B$17,14,0)+IF('Standard Profiles'!$G$22=$B$24,21,0),0)),0)</f>
        <v>0</v>
      </c>
      <c r="I2757">
        <f t="shared" si="314"/>
        <v>0.45452781619387217</v>
      </c>
      <c r="J2757">
        <f t="shared" si="315"/>
        <v>1.5150927206462406</v>
      </c>
      <c r="K2757">
        <f t="shared" si="316"/>
        <v>2.2726390809693608</v>
      </c>
      <c r="L2757">
        <f t="shared" si="317"/>
        <v>10.908667588652932</v>
      </c>
      <c r="M2757">
        <f t="shared" si="318"/>
        <v>0</v>
      </c>
      <c r="N2757" s="46">
        <f t="shared" si="319"/>
        <v>45405.458333326729</v>
      </c>
    </row>
    <row r="2758" spans="2:14" x14ac:dyDescent="0.3">
      <c r="B2758">
        <f t="shared" si="313"/>
        <v>2</v>
      </c>
      <c r="C2758" s="16">
        <v>2724</v>
      </c>
      <c r="D2758" cm="1">
        <f t="array" ref="D2758">IFERROR(INDEX(Jesper!AH$2:AH$366,ROUNDDOWN($C2758/24,0)+1,1)*INDEX($D$3:$AA$30,INDEX(Jesper!$R$2:$R$366,ROW(INDEX(Jesper!AH$2:AH$366,ROUNDDOWN($C2758/24,0)+1,1))-1)+IF('Standard Profiles'!$G$18=$B$10,7,0)+IF('Standard Profiles'!$G$18=$B$17,14,0)+IF('Standard Profiles'!$G$18=$B$24,21,0),MOD($C2758,24)+1)/SUM(INDEX($D$3:$AA$30,INDEX(Jesper!$R$2:$R$366,ROW(INDEX(Jesper!AH$2:AH$366,ROUNDDOWN($C2758/24,0)+1,1))-1)+IF('Standard Profiles'!$G$18=$B$10,7,0)+IF('Standard Profiles'!$G$18=$B$17,14,0)+IF('Standard Profiles'!$G$18=$B$24,21,0),0)),0)</f>
        <v>15.150927206462406</v>
      </c>
      <c r="E2758" cm="1">
        <f t="array" ref="E2758">IFERROR(INDEX(Jesper!AI$2:AI$366,ROUNDDOWN($C2758/24,0)+1,1)*INDEX($D$3:$AA$30,INDEX(Jesper!$R$2:$R$366,ROW(INDEX(Jesper!AI$2:AI$366,ROUNDDOWN($C2758/24,0)+1,1))-1)+IF('Standard Profiles'!$G$19=$B$10,7,0)+IF('Standard Profiles'!$G$19=$B$17,14,0)+IF('Standard Profiles'!$G$19=$B$24,21,0),MOD($C2758,24)+1)/SUM(INDEX($D$3:$AA$30,INDEX(Jesper!$R$2:$R$366,ROW(INDEX(Jesper!AI$2:AI$366,ROUNDDOWN($C2758/24,0)+1,1))-1)+IF('Standard Profiles'!$G$19=$B$10,7,0)+IF('Standard Profiles'!$G$19=$B$17,14,0)+IF('Standard Profiles'!$G$19=$B$24,21,0),0)),0)</f>
        <v>0</v>
      </c>
      <c r="F2758" cm="1">
        <f t="array" ref="F2758">IFERROR(INDEX(Jesper!AJ$2:AJ$366,ROUNDDOWN($C2758/24,0)+1,1)*INDEX($D$3:$AA$30,INDEX(Jesper!$R$2:$R$366,ROW(INDEX(Jesper!AJ$2:AJ$366,ROUNDDOWN($C2758/24,0)+1,1))-1)+IF('Standard Profiles'!$G$20=$B$10,7,0)+IF('Standard Profiles'!$G$20=$B$17,14,0)+IF('Standard Profiles'!$G$20=$B$24,21,0),MOD($C2758,24)+1)/SUM(INDEX($D$3:$AA$30,INDEX(Jesper!$R$2:$R$366,ROW(INDEX(Jesper!AJ$2:AJ$366,ROUNDDOWN($C2758/24,0)+1,1))-1)+IF('Standard Profiles'!$G$20=$B$10,7,0)+IF('Standard Profiles'!$G$20=$B$17,14,0)+IF('Standard Profiles'!$G$20=$B$24,21,0),0)),0)</f>
        <v>0</v>
      </c>
      <c r="G2758" cm="1">
        <f t="array" ref="G2758">IFERROR(INDEX(Jesper!AK$2:AK$366,ROUNDDOWN($C2758/24,0)+1,1)*INDEX($D$3:$AA$30,INDEX(Jesper!$R$2:$R$366,ROW(INDEX(Jesper!AK$2:AK$366,ROUNDDOWN($C2758/24,0)+1,1))-1)+IF('Standard Profiles'!$G$21=$B$10,7,0)+IF('Standard Profiles'!$G$21=$B$17,14,0)+IF('Standard Profiles'!$G$21=$B$24,21,0),MOD($C2758,24)+1)/SUM(INDEX($D$3:$AA$30,INDEX(Jesper!$R$2:$R$366,ROW(INDEX(Jesper!AK$2:AK$366,ROUNDDOWN($C2758/24,0)+1,1))-1)+IF('Standard Profiles'!$G$21=$B$10,7,0)+IF('Standard Profiles'!$G$21=$B$17,14,0)+IF('Standard Profiles'!$G$21=$B$24,21,0),0)),0)</f>
        <v>0</v>
      </c>
      <c r="H2758" cm="1">
        <f t="array" ref="H2758">IFERROR(INDEX(Jesper!AL$2:AL$366,ROUNDDOWN($C2758/24,0)+1,1)*INDEX($D$3:$AA$30,INDEX(Jesper!$R$2:$R$366,ROW(INDEX(Jesper!AL$2:AL$366,ROUNDDOWN($C2758/24,0)+1,1))-1)+IF('Standard Profiles'!$G$22=$B$10,7,0)+IF('Standard Profiles'!$G$22=$B$17,14,0)+IF('Standard Profiles'!$G$22=$B$24,21,0),MOD($C2758,24)+1)/SUM(INDEX($D$3:$AA$30,INDEX(Jesper!$R$2:$R$366,ROW(INDEX(Jesper!AL$2:AL$366,ROUNDDOWN($C2758/24,0)+1,1))-1)+IF('Standard Profiles'!$G$22=$B$10,7,0)+IF('Standard Profiles'!$G$22=$B$17,14,0)+IF('Standard Profiles'!$G$22=$B$24,21,0),0)),0)</f>
        <v>0</v>
      </c>
      <c r="I2758">
        <f t="shared" si="314"/>
        <v>0.45452781619387217</v>
      </c>
      <c r="J2758">
        <f t="shared" si="315"/>
        <v>1.5150927206462406</v>
      </c>
      <c r="K2758">
        <f t="shared" si="316"/>
        <v>2.2726390809693608</v>
      </c>
      <c r="L2758">
        <f t="shared" si="317"/>
        <v>10.908667588652932</v>
      </c>
      <c r="M2758">
        <f t="shared" si="318"/>
        <v>0</v>
      </c>
      <c r="N2758" s="46">
        <f t="shared" si="319"/>
        <v>45405.499999993393</v>
      </c>
    </row>
    <row r="2759" spans="2:14" x14ac:dyDescent="0.3">
      <c r="B2759">
        <f t="shared" si="313"/>
        <v>2</v>
      </c>
      <c r="C2759" s="16">
        <v>2725</v>
      </c>
      <c r="D2759" cm="1">
        <f t="array" ref="D2759">IFERROR(INDEX(Jesper!AH$2:AH$366,ROUNDDOWN($C2759/24,0)+1,1)*INDEX($D$3:$AA$30,INDEX(Jesper!$R$2:$R$366,ROW(INDEX(Jesper!AH$2:AH$366,ROUNDDOWN($C2759/24,0)+1,1))-1)+IF('Standard Profiles'!$G$18=$B$10,7,0)+IF('Standard Profiles'!$G$18=$B$17,14,0)+IF('Standard Profiles'!$G$18=$B$24,21,0),MOD($C2759,24)+1)/SUM(INDEX($D$3:$AA$30,INDEX(Jesper!$R$2:$R$366,ROW(INDEX(Jesper!AH$2:AH$366,ROUNDDOWN($C2759/24,0)+1,1))-1)+IF('Standard Profiles'!$G$18=$B$10,7,0)+IF('Standard Profiles'!$G$18=$B$17,14,0)+IF('Standard Profiles'!$G$18=$B$24,21,0),0)),0)</f>
        <v>15.150927206462406</v>
      </c>
      <c r="E2759" cm="1">
        <f t="array" ref="E2759">IFERROR(INDEX(Jesper!AI$2:AI$366,ROUNDDOWN($C2759/24,0)+1,1)*INDEX($D$3:$AA$30,INDEX(Jesper!$R$2:$R$366,ROW(INDEX(Jesper!AI$2:AI$366,ROUNDDOWN($C2759/24,0)+1,1))-1)+IF('Standard Profiles'!$G$19=$B$10,7,0)+IF('Standard Profiles'!$G$19=$B$17,14,0)+IF('Standard Profiles'!$G$19=$B$24,21,0),MOD($C2759,24)+1)/SUM(INDEX($D$3:$AA$30,INDEX(Jesper!$R$2:$R$366,ROW(INDEX(Jesper!AI$2:AI$366,ROUNDDOWN($C2759/24,0)+1,1))-1)+IF('Standard Profiles'!$G$19=$B$10,7,0)+IF('Standard Profiles'!$G$19=$B$17,14,0)+IF('Standard Profiles'!$G$19=$B$24,21,0),0)),0)</f>
        <v>0</v>
      </c>
      <c r="F2759" cm="1">
        <f t="array" ref="F2759">IFERROR(INDEX(Jesper!AJ$2:AJ$366,ROUNDDOWN($C2759/24,0)+1,1)*INDEX($D$3:$AA$30,INDEX(Jesper!$R$2:$R$366,ROW(INDEX(Jesper!AJ$2:AJ$366,ROUNDDOWN($C2759/24,0)+1,1))-1)+IF('Standard Profiles'!$G$20=$B$10,7,0)+IF('Standard Profiles'!$G$20=$B$17,14,0)+IF('Standard Profiles'!$G$20=$B$24,21,0),MOD($C2759,24)+1)/SUM(INDEX($D$3:$AA$30,INDEX(Jesper!$R$2:$R$366,ROW(INDEX(Jesper!AJ$2:AJ$366,ROUNDDOWN($C2759/24,0)+1,1))-1)+IF('Standard Profiles'!$G$20=$B$10,7,0)+IF('Standard Profiles'!$G$20=$B$17,14,0)+IF('Standard Profiles'!$G$20=$B$24,21,0),0)),0)</f>
        <v>0</v>
      </c>
      <c r="G2759" cm="1">
        <f t="array" ref="G2759">IFERROR(INDEX(Jesper!AK$2:AK$366,ROUNDDOWN($C2759/24,0)+1,1)*INDEX($D$3:$AA$30,INDEX(Jesper!$R$2:$R$366,ROW(INDEX(Jesper!AK$2:AK$366,ROUNDDOWN($C2759/24,0)+1,1))-1)+IF('Standard Profiles'!$G$21=$B$10,7,0)+IF('Standard Profiles'!$G$21=$B$17,14,0)+IF('Standard Profiles'!$G$21=$B$24,21,0),MOD($C2759,24)+1)/SUM(INDEX($D$3:$AA$30,INDEX(Jesper!$R$2:$R$366,ROW(INDEX(Jesper!AK$2:AK$366,ROUNDDOWN($C2759/24,0)+1,1))-1)+IF('Standard Profiles'!$G$21=$B$10,7,0)+IF('Standard Profiles'!$G$21=$B$17,14,0)+IF('Standard Profiles'!$G$21=$B$24,21,0),0)),0)</f>
        <v>0</v>
      </c>
      <c r="H2759" cm="1">
        <f t="array" ref="H2759">IFERROR(INDEX(Jesper!AL$2:AL$366,ROUNDDOWN($C2759/24,0)+1,1)*INDEX($D$3:$AA$30,INDEX(Jesper!$R$2:$R$366,ROW(INDEX(Jesper!AL$2:AL$366,ROUNDDOWN($C2759/24,0)+1,1))-1)+IF('Standard Profiles'!$G$22=$B$10,7,0)+IF('Standard Profiles'!$G$22=$B$17,14,0)+IF('Standard Profiles'!$G$22=$B$24,21,0),MOD($C2759,24)+1)/SUM(INDEX($D$3:$AA$30,INDEX(Jesper!$R$2:$R$366,ROW(INDEX(Jesper!AL$2:AL$366,ROUNDDOWN($C2759/24,0)+1,1))-1)+IF('Standard Profiles'!$G$22=$B$10,7,0)+IF('Standard Profiles'!$G$22=$B$17,14,0)+IF('Standard Profiles'!$G$22=$B$24,21,0),0)),0)</f>
        <v>0</v>
      </c>
      <c r="I2759">
        <f t="shared" si="314"/>
        <v>0.45452781619387217</v>
      </c>
      <c r="J2759">
        <f t="shared" si="315"/>
        <v>1.5150927206462406</v>
      </c>
      <c r="K2759">
        <f t="shared" si="316"/>
        <v>2.2726390809693608</v>
      </c>
      <c r="L2759">
        <f t="shared" si="317"/>
        <v>10.908667588652932</v>
      </c>
      <c r="M2759">
        <f t="shared" si="318"/>
        <v>0</v>
      </c>
      <c r="N2759" s="46">
        <f t="shared" si="319"/>
        <v>45405.541666660058</v>
      </c>
    </row>
    <row r="2760" spans="2:14" x14ac:dyDescent="0.3">
      <c r="B2760">
        <f t="shared" si="313"/>
        <v>2</v>
      </c>
      <c r="C2760" s="16">
        <v>2726</v>
      </c>
      <c r="D2760" cm="1">
        <f t="array" ref="D2760">IFERROR(INDEX(Jesper!AH$2:AH$366,ROUNDDOWN($C2760/24,0)+1,1)*INDEX($D$3:$AA$30,INDEX(Jesper!$R$2:$R$366,ROW(INDEX(Jesper!AH$2:AH$366,ROUNDDOWN($C2760/24,0)+1,1))-1)+IF('Standard Profiles'!$G$18=$B$10,7,0)+IF('Standard Profiles'!$G$18=$B$17,14,0)+IF('Standard Profiles'!$G$18=$B$24,21,0),MOD($C2760,24)+1)/SUM(INDEX($D$3:$AA$30,INDEX(Jesper!$R$2:$R$366,ROW(INDEX(Jesper!AH$2:AH$366,ROUNDDOWN($C2760/24,0)+1,1))-1)+IF('Standard Profiles'!$G$18=$B$10,7,0)+IF('Standard Profiles'!$G$18=$B$17,14,0)+IF('Standard Profiles'!$G$18=$B$24,21,0),0)),0)</f>
        <v>15.150927206462406</v>
      </c>
      <c r="E2760" cm="1">
        <f t="array" ref="E2760">IFERROR(INDEX(Jesper!AI$2:AI$366,ROUNDDOWN($C2760/24,0)+1,1)*INDEX($D$3:$AA$30,INDEX(Jesper!$R$2:$R$366,ROW(INDEX(Jesper!AI$2:AI$366,ROUNDDOWN($C2760/24,0)+1,1))-1)+IF('Standard Profiles'!$G$19=$B$10,7,0)+IF('Standard Profiles'!$G$19=$B$17,14,0)+IF('Standard Profiles'!$G$19=$B$24,21,0),MOD($C2760,24)+1)/SUM(INDEX($D$3:$AA$30,INDEX(Jesper!$R$2:$R$366,ROW(INDEX(Jesper!AI$2:AI$366,ROUNDDOWN($C2760/24,0)+1,1))-1)+IF('Standard Profiles'!$G$19=$B$10,7,0)+IF('Standard Profiles'!$G$19=$B$17,14,0)+IF('Standard Profiles'!$G$19=$B$24,21,0),0)),0)</f>
        <v>0</v>
      </c>
      <c r="F2760" cm="1">
        <f t="array" ref="F2760">IFERROR(INDEX(Jesper!AJ$2:AJ$366,ROUNDDOWN($C2760/24,0)+1,1)*INDEX($D$3:$AA$30,INDEX(Jesper!$R$2:$R$366,ROW(INDEX(Jesper!AJ$2:AJ$366,ROUNDDOWN($C2760/24,0)+1,1))-1)+IF('Standard Profiles'!$G$20=$B$10,7,0)+IF('Standard Profiles'!$G$20=$B$17,14,0)+IF('Standard Profiles'!$G$20=$B$24,21,0),MOD($C2760,24)+1)/SUM(INDEX($D$3:$AA$30,INDEX(Jesper!$R$2:$R$366,ROW(INDEX(Jesper!AJ$2:AJ$366,ROUNDDOWN($C2760/24,0)+1,1))-1)+IF('Standard Profiles'!$G$20=$B$10,7,0)+IF('Standard Profiles'!$G$20=$B$17,14,0)+IF('Standard Profiles'!$G$20=$B$24,21,0),0)),0)</f>
        <v>0</v>
      </c>
      <c r="G2760" cm="1">
        <f t="array" ref="G2760">IFERROR(INDEX(Jesper!AK$2:AK$366,ROUNDDOWN($C2760/24,0)+1,1)*INDEX($D$3:$AA$30,INDEX(Jesper!$R$2:$R$366,ROW(INDEX(Jesper!AK$2:AK$366,ROUNDDOWN($C2760/24,0)+1,1))-1)+IF('Standard Profiles'!$G$21=$B$10,7,0)+IF('Standard Profiles'!$G$21=$B$17,14,0)+IF('Standard Profiles'!$G$21=$B$24,21,0),MOD($C2760,24)+1)/SUM(INDEX($D$3:$AA$30,INDEX(Jesper!$R$2:$R$366,ROW(INDEX(Jesper!AK$2:AK$366,ROUNDDOWN($C2760/24,0)+1,1))-1)+IF('Standard Profiles'!$G$21=$B$10,7,0)+IF('Standard Profiles'!$G$21=$B$17,14,0)+IF('Standard Profiles'!$G$21=$B$24,21,0),0)),0)</f>
        <v>0</v>
      </c>
      <c r="H2760" cm="1">
        <f t="array" ref="H2760">IFERROR(INDEX(Jesper!AL$2:AL$366,ROUNDDOWN($C2760/24,0)+1,1)*INDEX($D$3:$AA$30,INDEX(Jesper!$R$2:$R$366,ROW(INDEX(Jesper!AL$2:AL$366,ROUNDDOWN($C2760/24,0)+1,1))-1)+IF('Standard Profiles'!$G$22=$B$10,7,0)+IF('Standard Profiles'!$G$22=$B$17,14,0)+IF('Standard Profiles'!$G$22=$B$24,21,0),MOD($C2760,24)+1)/SUM(INDEX($D$3:$AA$30,INDEX(Jesper!$R$2:$R$366,ROW(INDEX(Jesper!AL$2:AL$366,ROUNDDOWN($C2760/24,0)+1,1))-1)+IF('Standard Profiles'!$G$22=$B$10,7,0)+IF('Standard Profiles'!$G$22=$B$17,14,0)+IF('Standard Profiles'!$G$22=$B$24,21,0),0)),0)</f>
        <v>0</v>
      </c>
      <c r="I2760">
        <f t="shared" si="314"/>
        <v>0.45452781619387217</v>
      </c>
      <c r="J2760">
        <f t="shared" si="315"/>
        <v>1.5150927206462406</v>
      </c>
      <c r="K2760">
        <f t="shared" si="316"/>
        <v>2.2726390809693608</v>
      </c>
      <c r="L2760">
        <f t="shared" si="317"/>
        <v>10.908667588652932</v>
      </c>
      <c r="M2760">
        <f t="shared" si="318"/>
        <v>0</v>
      </c>
      <c r="N2760" s="46">
        <f t="shared" si="319"/>
        <v>45405.583333326722</v>
      </c>
    </row>
    <row r="2761" spans="2:14" x14ac:dyDescent="0.3">
      <c r="B2761">
        <f t="shared" si="313"/>
        <v>2</v>
      </c>
      <c r="C2761" s="16">
        <v>2727</v>
      </c>
      <c r="D2761" cm="1">
        <f t="array" ref="D2761">IFERROR(INDEX(Jesper!AH$2:AH$366,ROUNDDOWN($C2761/24,0)+1,1)*INDEX($D$3:$AA$30,INDEX(Jesper!$R$2:$R$366,ROW(INDEX(Jesper!AH$2:AH$366,ROUNDDOWN($C2761/24,0)+1,1))-1)+IF('Standard Profiles'!$G$18=$B$10,7,0)+IF('Standard Profiles'!$G$18=$B$17,14,0)+IF('Standard Profiles'!$G$18=$B$24,21,0),MOD($C2761,24)+1)/SUM(INDEX($D$3:$AA$30,INDEX(Jesper!$R$2:$R$366,ROW(INDEX(Jesper!AH$2:AH$366,ROUNDDOWN($C2761/24,0)+1,1))-1)+IF('Standard Profiles'!$G$18=$B$10,7,0)+IF('Standard Profiles'!$G$18=$B$17,14,0)+IF('Standard Profiles'!$G$18=$B$24,21,0),0)),0)</f>
        <v>15.150927206462406</v>
      </c>
      <c r="E2761" cm="1">
        <f t="array" ref="E2761">IFERROR(INDEX(Jesper!AI$2:AI$366,ROUNDDOWN($C2761/24,0)+1,1)*INDEX($D$3:$AA$30,INDEX(Jesper!$R$2:$R$366,ROW(INDEX(Jesper!AI$2:AI$366,ROUNDDOWN($C2761/24,0)+1,1))-1)+IF('Standard Profiles'!$G$19=$B$10,7,0)+IF('Standard Profiles'!$G$19=$B$17,14,0)+IF('Standard Profiles'!$G$19=$B$24,21,0),MOD($C2761,24)+1)/SUM(INDEX($D$3:$AA$30,INDEX(Jesper!$R$2:$R$366,ROW(INDEX(Jesper!AI$2:AI$366,ROUNDDOWN($C2761/24,0)+1,1))-1)+IF('Standard Profiles'!$G$19=$B$10,7,0)+IF('Standard Profiles'!$G$19=$B$17,14,0)+IF('Standard Profiles'!$G$19=$B$24,21,0),0)),0)</f>
        <v>0</v>
      </c>
      <c r="F2761" cm="1">
        <f t="array" ref="F2761">IFERROR(INDEX(Jesper!AJ$2:AJ$366,ROUNDDOWN($C2761/24,0)+1,1)*INDEX($D$3:$AA$30,INDEX(Jesper!$R$2:$R$366,ROW(INDEX(Jesper!AJ$2:AJ$366,ROUNDDOWN($C2761/24,0)+1,1))-1)+IF('Standard Profiles'!$G$20=$B$10,7,0)+IF('Standard Profiles'!$G$20=$B$17,14,0)+IF('Standard Profiles'!$G$20=$B$24,21,0),MOD($C2761,24)+1)/SUM(INDEX($D$3:$AA$30,INDEX(Jesper!$R$2:$R$366,ROW(INDEX(Jesper!AJ$2:AJ$366,ROUNDDOWN($C2761/24,0)+1,1))-1)+IF('Standard Profiles'!$G$20=$B$10,7,0)+IF('Standard Profiles'!$G$20=$B$17,14,0)+IF('Standard Profiles'!$G$20=$B$24,21,0),0)),0)</f>
        <v>0</v>
      </c>
      <c r="G2761" cm="1">
        <f t="array" ref="G2761">IFERROR(INDEX(Jesper!AK$2:AK$366,ROUNDDOWN($C2761/24,0)+1,1)*INDEX($D$3:$AA$30,INDEX(Jesper!$R$2:$R$366,ROW(INDEX(Jesper!AK$2:AK$366,ROUNDDOWN($C2761/24,0)+1,1))-1)+IF('Standard Profiles'!$G$21=$B$10,7,0)+IF('Standard Profiles'!$G$21=$B$17,14,0)+IF('Standard Profiles'!$G$21=$B$24,21,0),MOD($C2761,24)+1)/SUM(INDEX($D$3:$AA$30,INDEX(Jesper!$R$2:$R$366,ROW(INDEX(Jesper!AK$2:AK$366,ROUNDDOWN($C2761/24,0)+1,1))-1)+IF('Standard Profiles'!$G$21=$B$10,7,0)+IF('Standard Profiles'!$G$21=$B$17,14,0)+IF('Standard Profiles'!$G$21=$B$24,21,0),0)),0)</f>
        <v>0</v>
      </c>
      <c r="H2761" cm="1">
        <f t="array" ref="H2761">IFERROR(INDEX(Jesper!AL$2:AL$366,ROUNDDOWN($C2761/24,0)+1,1)*INDEX($D$3:$AA$30,INDEX(Jesper!$R$2:$R$366,ROW(INDEX(Jesper!AL$2:AL$366,ROUNDDOWN($C2761/24,0)+1,1))-1)+IF('Standard Profiles'!$G$22=$B$10,7,0)+IF('Standard Profiles'!$G$22=$B$17,14,0)+IF('Standard Profiles'!$G$22=$B$24,21,0),MOD($C2761,24)+1)/SUM(INDEX($D$3:$AA$30,INDEX(Jesper!$R$2:$R$366,ROW(INDEX(Jesper!AL$2:AL$366,ROUNDDOWN($C2761/24,0)+1,1))-1)+IF('Standard Profiles'!$G$22=$B$10,7,0)+IF('Standard Profiles'!$G$22=$B$17,14,0)+IF('Standard Profiles'!$G$22=$B$24,21,0),0)),0)</f>
        <v>0</v>
      </c>
      <c r="I2761">
        <f t="shared" si="314"/>
        <v>0.45452781619387217</v>
      </c>
      <c r="J2761">
        <f t="shared" si="315"/>
        <v>1.5150927206462406</v>
      </c>
      <c r="K2761">
        <f t="shared" si="316"/>
        <v>2.2726390809693608</v>
      </c>
      <c r="L2761">
        <f t="shared" si="317"/>
        <v>10.908667588652932</v>
      </c>
      <c r="M2761">
        <f t="shared" si="318"/>
        <v>0</v>
      </c>
      <c r="N2761" s="46">
        <f t="shared" si="319"/>
        <v>45405.624999993386</v>
      </c>
    </row>
    <row r="2762" spans="2:14" x14ac:dyDescent="0.3">
      <c r="B2762">
        <f t="shared" si="313"/>
        <v>2</v>
      </c>
      <c r="C2762" s="16">
        <v>2728</v>
      </c>
      <c r="D2762" cm="1">
        <f t="array" ref="D2762">IFERROR(INDEX(Jesper!AH$2:AH$366,ROUNDDOWN($C2762/24,0)+1,1)*INDEX($D$3:$AA$30,INDEX(Jesper!$R$2:$R$366,ROW(INDEX(Jesper!AH$2:AH$366,ROUNDDOWN($C2762/24,0)+1,1))-1)+IF('Standard Profiles'!$G$18=$B$10,7,0)+IF('Standard Profiles'!$G$18=$B$17,14,0)+IF('Standard Profiles'!$G$18=$B$24,21,0),MOD($C2762,24)+1)/SUM(INDEX($D$3:$AA$30,INDEX(Jesper!$R$2:$R$366,ROW(INDEX(Jesper!AH$2:AH$366,ROUNDDOWN($C2762/24,0)+1,1))-1)+IF('Standard Profiles'!$G$18=$B$10,7,0)+IF('Standard Profiles'!$G$18=$B$17,14,0)+IF('Standard Profiles'!$G$18=$B$24,21,0),0)),0)</f>
        <v>15.150927206462406</v>
      </c>
      <c r="E2762" cm="1">
        <f t="array" ref="E2762">IFERROR(INDEX(Jesper!AI$2:AI$366,ROUNDDOWN($C2762/24,0)+1,1)*INDEX($D$3:$AA$30,INDEX(Jesper!$R$2:$R$366,ROW(INDEX(Jesper!AI$2:AI$366,ROUNDDOWN($C2762/24,0)+1,1))-1)+IF('Standard Profiles'!$G$19=$B$10,7,0)+IF('Standard Profiles'!$G$19=$B$17,14,0)+IF('Standard Profiles'!$G$19=$B$24,21,0),MOD($C2762,24)+1)/SUM(INDEX($D$3:$AA$30,INDEX(Jesper!$R$2:$R$366,ROW(INDEX(Jesper!AI$2:AI$366,ROUNDDOWN($C2762/24,0)+1,1))-1)+IF('Standard Profiles'!$G$19=$B$10,7,0)+IF('Standard Profiles'!$G$19=$B$17,14,0)+IF('Standard Profiles'!$G$19=$B$24,21,0),0)),0)</f>
        <v>0</v>
      </c>
      <c r="F2762" cm="1">
        <f t="array" ref="F2762">IFERROR(INDEX(Jesper!AJ$2:AJ$366,ROUNDDOWN($C2762/24,0)+1,1)*INDEX($D$3:$AA$30,INDEX(Jesper!$R$2:$R$366,ROW(INDEX(Jesper!AJ$2:AJ$366,ROUNDDOWN($C2762/24,0)+1,1))-1)+IF('Standard Profiles'!$G$20=$B$10,7,0)+IF('Standard Profiles'!$G$20=$B$17,14,0)+IF('Standard Profiles'!$G$20=$B$24,21,0),MOD($C2762,24)+1)/SUM(INDEX($D$3:$AA$30,INDEX(Jesper!$R$2:$R$366,ROW(INDEX(Jesper!AJ$2:AJ$366,ROUNDDOWN($C2762/24,0)+1,1))-1)+IF('Standard Profiles'!$G$20=$B$10,7,0)+IF('Standard Profiles'!$G$20=$B$17,14,0)+IF('Standard Profiles'!$G$20=$B$24,21,0),0)),0)</f>
        <v>0</v>
      </c>
      <c r="G2762" cm="1">
        <f t="array" ref="G2762">IFERROR(INDEX(Jesper!AK$2:AK$366,ROUNDDOWN($C2762/24,0)+1,1)*INDEX($D$3:$AA$30,INDEX(Jesper!$R$2:$R$366,ROW(INDEX(Jesper!AK$2:AK$366,ROUNDDOWN($C2762/24,0)+1,1))-1)+IF('Standard Profiles'!$G$21=$B$10,7,0)+IF('Standard Profiles'!$G$21=$B$17,14,0)+IF('Standard Profiles'!$G$21=$B$24,21,0),MOD($C2762,24)+1)/SUM(INDEX($D$3:$AA$30,INDEX(Jesper!$R$2:$R$366,ROW(INDEX(Jesper!AK$2:AK$366,ROUNDDOWN($C2762/24,0)+1,1))-1)+IF('Standard Profiles'!$G$21=$B$10,7,0)+IF('Standard Profiles'!$G$21=$B$17,14,0)+IF('Standard Profiles'!$G$21=$B$24,21,0),0)),0)</f>
        <v>0</v>
      </c>
      <c r="H2762" cm="1">
        <f t="array" ref="H2762">IFERROR(INDEX(Jesper!AL$2:AL$366,ROUNDDOWN($C2762/24,0)+1,1)*INDEX($D$3:$AA$30,INDEX(Jesper!$R$2:$R$366,ROW(INDEX(Jesper!AL$2:AL$366,ROUNDDOWN($C2762/24,0)+1,1))-1)+IF('Standard Profiles'!$G$22=$B$10,7,0)+IF('Standard Profiles'!$G$22=$B$17,14,0)+IF('Standard Profiles'!$G$22=$B$24,21,0),MOD($C2762,24)+1)/SUM(INDEX($D$3:$AA$30,INDEX(Jesper!$R$2:$R$366,ROW(INDEX(Jesper!AL$2:AL$366,ROUNDDOWN($C2762/24,0)+1,1))-1)+IF('Standard Profiles'!$G$22=$B$10,7,0)+IF('Standard Profiles'!$G$22=$B$17,14,0)+IF('Standard Profiles'!$G$22=$B$24,21,0),0)),0)</f>
        <v>0</v>
      </c>
      <c r="I2762">
        <f t="shared" si="314"/>
        <v>0.45452781619387217</v>
      </c>
      <c r="J2762">
        <f t="shared" si="315"/>
        <v>1.5150927206462406</v>
      </c>
      <c r="K2762">
        <f t="shared" si="316"/>
        <v>2.2726390809693608</v>
      </c>
      <c r="L2762">
        <f t="shared" si="317"/>
        <v>10.908667588652932</v>
      </c>
      <c r="M2762">
        <f t="shared" si="318"/>
        <v>0</v>
      </c>
      <c r="N2762" s="46">
        <f t="shared" si="319"/>
        <v>45405.66666666005</v>
      </c>
    </row>
    <row r="2763" spans="2:14" x14ac:dyDescent="0.3">
      <c r="B2763">
        <f t="shared" si="313"/>
        <v>2</v>
      </c>
      <c r="C2763" s="16">
        <v>2729</v>
      </c>
      <c r="D2763" cm="1">
        <f t="array" ref="D2763">IFERROR(INDEX(Jesper!AH$2:AH$366,ROUNDDOWN($C2763/24,0)+1,1)*INDEX($D$3:$AA$30,INDEX(Jesper!$R$2:$R$366,ROW(INDEX(Jesper!AH$2:AH$366,ROUNDDOWN($C2763/24,0)+1,1))-1)+IF('Standard Profiles'!$G$18=$B$10,7,0)+IF('Standard Profiles'!$G$18=$B$17,14,0)+IF('Standard Profiles'!$G$18=$B$24,21,0),MOD($C2763,24)+1)/SUM(INDEX($D$3:$AA$30,INDEX(Jesper!$R$2:$R$366,ROW(INDEX(Jesper!AH$2:AH$366,ROUNDDOWN($C2763/24,0)+1,1))-1)+IF('Standard Profiles'!$G$18=$B$10,7,0)+IF('Standard Profiles'!$G$18=$B$17,14,0)+IF('Standard Profiles'!$G$18=$B$24,21,0),0)),0)</f>
        <v>15.150927206462406</v>
      </c>
      <c r="E2763" cm="1">
        <f t="array" ref="E2763">IFERROR(INDEX(Jesper!AI$2:AI$366,ROUNDDOWN($C2763/24,0)+1,1)*INDEX($D$3:$AA$30,INDEX(Jesper!$R$2:$R$366,ROW(INDEX(Jesper!AI$2:AI$366,ROUNDDOWN($C2763/24,0)+1,1))-1)+IF('Standard Profiles'!$G$19=$B$10,7,0)+IF('Standard Profiles'!$G$19=$B$17,14,0)+IF('Standard Profiles'!$G$19=$B$24,21,0),MOD($C2763,24)+1)/SUM(INDEX($D$3:$AA$30,INDEX(Jesper!$R$2:$R$366,ROW(INDEX(Jesper!AI$2:AI$366,ROUNDDOWN($C2763/24,0)+1,1))-1)+IF('Standard Profiles'!$G$19=$B$10,7,0)+IF('Standard Profiles'!$G$19=$B$17,14,0)+IF('Standard Profiles'!$G$19=$B$24,21,0),0)),0)</f>
        <v>0</v>
      </c>
      <c r="F2763" cm="1">
        <f t="array" ref="F2763">IFERROR(INDEX(Jesper!AJ$2:AJ$366,ROUNDDOWN($C2763/24,0)+1,1)*INDEX($D$3:$AA$30,INDEX(Jesper!$R$2:$R$366,ROW(INDEX(Jesper!AJ$2:AJ$366,ROUNDDOWN($C2763/24,0)+1,1))-1)+IF('Standard Profiles'!$G$20=$B$10,7,0)+IF('Standard Profiles'!$G$20=$B$17,14,0)+IF('Standard Profiles'!$G$20=$B$24,21,0),MOD($C2763,24)+1)/SUM(INDEX($D$3:$AA$30,INDEX(Jesper!$R$2:$R$366,ROW(INDEX(Jesper!AJ$2:AJ$366,ROUNDDOWN($C2763/24,0)+1,1))-1)+IF('Standard Profiles'!$G$20=$B$10,7,0)+IF('Standard Profiles'!$G$20=$B$17,14,0)+IF('Standard Profiles'!$G$20=$B$24,21,0),0)),0)</f>
        <v>0</v>
      </c>
      <c r="G2763" cm="1">
        <f t="array" ref="G2763">IFERROR(INDEX(Jesper!AK$2:AK$366,ROUNDDOWN($C2763/24,0)+1,1)*INDEX($D$3:$AA$30,INDEX(Jesper!$R$2:$R$366,ROW(INDEX(Jesper!AK$2:AK$366,ROUNDDOWN($C2763/24,0)+1,1))-1)+IF('Standard Profiles'!$G$21=$B$10,7,0)+IF('Standard Profiles'!$G$21=$B$17,14,0)+IF('Standard Profiles'!$G$21=$B$24,21,0),MOD($C2763,24)+1)/SUM(INDEX($D$3:$AA$30,INDEX(Jesper!$R$2:$R$366,ROW(INDEX(Jesper!AK$2:AK$366,ROUNDDOWN($C2763/24,0)+1,1))-1)+IF('Standard Profiles'!$G$21=$B$10,7,0)+IF('Standard Profiles'!$G$21=$B$17,14,0)+IF('Standard Profiles'!$G$21=$B$24,21,0),0)),0)</f>
        <v>0</v>
      </c>
      <c r="H2763" cm="1">
        <f t="array" ref="H2763">IFERROR(INDEX(Jesper!AL$2:AL$366,ROUNDDOWN($C2763/24,0)+1,1)*INDEX($D$3:$AA$30,INDEX(Jesper!$R$2:$R$366,ROW(INDEX(Jesper!AL$2:AL$366,ROUNDDOWN($C2763/24,0)+1,1))-1)+IF('Standard Profiles'!$G$22=$B$10,7,0)+IF('Standard Profiles'!$G$22=$B$17,14,0)+IF('Standard Profiles'!$G$22=$B$24,21,0),MOD($C2763,24)+1)/SUM(INDEX($D$3:$AA$30,INDEX(Jesper!$R$2:$R$366,ROW(INDEX(Jesper!AL$2:AL$366,ROUNDDOWN($C2763/24,0)+1,1))-1)+IF('Standard Profiles'!$G$22=$B$10,7,0)+IF('Standard Profiles'!$G$22=$B$17,14,0)+IF('Standard Profiles'!$G$22=$B$24,21,0),0)),0)</f>
        <v>0</v>
      </c>
      <c r="I2763">
        <f t="shared" si="314"/>
        <v>0.45452781619387217</v>
      </c>
      <c r="J2763">
        <f t="shared" si="315"/>
        <v>1.5150927206462406</v>
      </c>
      <c r="K2763">
        <f t="shared" si="316"/>
        <v>2.2726390809693608</v>
      </c>
      <c r="L2763">
        <f t="shared" si="317"/>
        <v>10.908667588652932</v>
      </c>
      <c r="M2763">
        <f t="shared" si="318"/>
        <v>0</v>
      </c>
      <c r="N2763" s="46">
        <f t="shared" si="319"/>
        <v>45405.708333326715</v>
      </c>
    </row>
    <row r="2764" spans="2:14" x14ac:dyDescent="0.3">
      <c r="B2764">
        <f t="shared" si="313"/>
        <v>2</v>
      </c>
      <c r="C2764" s="16">
        <v>2730</v>
      </c>
      <c r="D2764" cm="1">
        <f t="array" ref="D2764">IFERROR(INDEX(Jesper!AH$2:AH$366,ROUNDDOWN($C2764/24,0)+1,1)*INDEX($D$3:$AA$30,INDEX(Jesper!$R$2:$R$366,ROW(INDEX(Jesper!AH$2:AH$366,ROUNDDOWN($C2764/24,0)+1,1))-1)+IF('Standard Profiles'!$G$18=$B$10,7,0)+IF('Standard Profiles'!$G$18=$B$17,14,0)+IF('Standard Profiles'!$G$18=$B$24,21,0),MOD($C2764,24)+1)/SUM(INDEX($D$3:$AA$30,INDEX(Jesper!$R$2:$R$366,ROW(INDEX(Jesper!AH$2:AH$366,ROUNDDOWN($C2764/24,0)+1,1))-1)+IF('Standard Profiles'!$G$18=$B$10,7,0)+IF('Standard Profiles'!$G$18=$B$17,14,0)+IF('Standard Profiles'!$G$18=$B$24,21,0),0)),0)</f>
        <v>15.150927206462406</v>
      </c>
      <c r="E2764" cm="1">
        <f t="array" ref="E2764">IFERROR(INDEX(Jesper!AI$2:AI$366,ROUNDDOWN($C2764/24,0)+1,1)*INDEX($D$3:$AA$30,INDEX(Jesper!$R$2:$R$366,ROW(INDEX(Jesper!AI$2:AI$366,ROUNDDOWN($C2764/24,0)+1,1))-1)+IF('Standard Profiles'!$G$19=$B$10,7,0)+IF('Standard Profiles'!$G$19=$B$17,14,0)+IF('Standard Profiles'!$G$19=$B$24,21,0),MOD($C2764,24)+1)/SUM(INDEX($D$3:$AA$30,INDEX(Jesper!$R$2:$R$366,ROW(INDEX(Jesper!AI$2:AI$366,ROUNDDOWN($C2764/24,0)+1,1))-1)+IF('Standard Profiles'!$G$19=$B$10,7,0)+IF('Standard Profiles'!$G$19=$B$17,14,0)+IF('Standard Profiles'!$G$19=$B$24,21,0),0)),0)</f>
        <v>0</v>
      </c>
      <c r="F2764" cm="1">
        <f t="array" ref="F2764">IFERROR(INDEX(Jesper!AJ$2:AJ$366,ROUNDDOWN($C2764/24,0)+1,1)*INDEX($D$3:$AA$30,INDEX(Jesper!$R$2:$R$366,ROW(INDEX(Jesper!AJ$2:AJ$366,ROUNDDOWN($C2764/24,0)+1,1))-1)+IF('Standard Profiles'!$G$20=$B$10,7,0)+IF('Standard Profiles'!$G$20=$B$17,14,0)+IF('Standard Profiles'!$G$20=$B$24,21,0),MOD($C2764,24)+1)/SUM(INDEX($D$3:$AA$30,INDEX(Jesper!$R$2:$R$366,ROW(INDEX(Jesper!AJ$2:AJ$366,ROUNDDOWN($C2764/24,0)+1,1))-1)+IF('Standard Profiles'!$G$20=$B$10,7,0)+IF('Standard Profiles'!$G$20=$B$17,14,0)+IF('Standard Profiles'!$G$20=$B$24,21,0),0)),0)</f>
        <v>0</v>
      </c>
      <c r="G2764" cm="1">
        <f t="array" ref="G2764">IFERROR(INDEX(Jesper!AK$2:AK$366,ROUNDDOWN($C2764/24,0)+1,1)*INDEX($D$3:$AA$30,INDEX(Jesper!$R$2:$R$366,ROW(INDEX(Jesper!AK$2:AK$366,ROUNDDOWN($C2764/24,0)+1,1))-1)+IF('Standard Profiles'!$G$21=$B$10,7,0)+IF('Standard Profiles'!$G$21=$B$17,14,0)+IF('Standard Profiles'!$G$21=$B$24,21,0),MOD($C2764,24)+1)/SUM(INDEX($D$3:$AA$30,INDEX(Jesper!$R$2:$R$366,ROW(INDEX(Jesper!AK$2:AK$366,ROUNDDOWN($C2764/24,0)+1,1))-1)+IF('Standard Profiles'!$G$21=$B$10,7,0)+IF('Standard Profiles'!$G$21=$B$17,14,0)+IF('Standard Profiles'!$G$21=$B$24,21,0),0)),0)</f>
        <v>0</v>
      </c>
      <c r="H2764" cm="1">
        <f t="array" ref="H2764">IFERROR(INDEX(Jesper!AL$2:AL$366,ROUNDDOWN($C2764/24,0)+1,1)*INDEX($D$3:$AA$30,INDEX(Jesper!$R$2:$R$366,ROW(INDEX(Jesper!AL$2:AL$366,ROUNDDOWN($C2764/24,0)+1,1))-1)+IF('Standard Profiles'!$G$22=$B$10,7,0)+IF('Standard Profiles'!$G$22=$B$17,14,0)+IF('Standard Profiles'!$G$22=$B$24,21,0),MOD($C2764,24)+1)/SUM(INDEX($D$3:$AA$30,INDEX(Jesper!$R$2:$R$366,ROW(INDEX(Jesper!AL$2:AL$366,ROUNDDOWN($C2764/24,0)+1,1))-1)+IF('Standard Profiles'!$G$22=$B$10,7,0)+IF('Standard Profiles'!$G$22=$B$17,14,0)+IF('Standard Profiles'!$G$22=$B$24,21,0),0)),0)</f>
        <v>0</v>
      </c>
      <c r="I2764">
        <f t="shared" si="314"/>
        <v>0.45452781619387217</v>
      </c>
      <c r="J2764">
        <f t="shared" si="315"/>
        <v>1.5150927206462406</v>
      </c>
      <c r="K2764">
        <f t="shared" si="316"/>
        <v>2.2726390809693608</v>
      </c>
      <c r="L2764">
        <f t="shared" si="317"/>
        <v>10.908667588652932</v>
      </c>
      <c r="M2764">
        <f t="shared" si="318"/>
        <v>0</v>
      </c>
      <c r="N2764" s="46">
        <f t="shared" si="319"/>
        <v>45405.749999993379</v>
      </c>
    </row>
    <row r="2765" spans="2:14" x14ac:dyDescent="0.3">
      <c r="B2765">
        <f t="shared" si="313"/>
        <v>2</v>
      </c>
      <c r="C2765" s="16">
        <v>2731</v>
      </c>
      <c r="D2765" cm="1">
        <f t="array" ref="D2765">IFERROR(INDEX(Jesper!AH$2:AH$366,ROUNDDOWN($C2765/24,0)+1,1)*INDEX($D$3:$AA$30,INDEX(Jesper!$R$2:$R$366,ROW(INDEX(Jesper!AH$2:AH$366,ROUNDDOWN($C2765/24,0)+1,1))-1)+IF('Standard Profiles'!$G$18=$B$10,7,0)+IF('Standard Profiles'!$G$18=$B$17,14,0)+IF('Standard Profiles'!$G$18=$B$24,21,0),MOD($C2765,24)+1)/SUM(INDEX($D$3:$AA$30,INDEX(Jesper!$R$2:$R$366,ROW(INDEX(Jesper!AH$2:AH$366,ROUNDDOWN($C2765/24,0)+1,1))-1)+IF('Standard Profiles'!$G$18=$B$10,7,0)+IF('Standard Profiles'!$G$18=$B$17,14,0)+IF('Standard Profiles'!$G$18=$B$24,21,0),0)),0)</f>
        <v>12.688901535412265</v>
      </c>
      <c r="E2765" cm="1">
        <f t="array" ref="E2765">IFERROR(INDEX(Jesper!AI$2:AI$366,ROUNDDOWN($C2765/24,0)+1,1)*INDEX($D$3:$AA$30,INDEX(Jesper!$R$2:$R$366,ROW(INDEX(Jesper!AI$2:AI$366,ROUNDDOWN($C2765/24,0)+1,1))-1)+IF('Standard Profiles'!$G$19=$B$10,7,0)+IF('Standard Profiles'!$G$19=$B$17,14,0)+IF('Standard Profiles'!$G$19=$B$24,21,0),MOD($C2765,24)+1)/SUM(INDEX($D$3:$AA$30,INDEX(Jesper!$R$2:$R$366,ROW(INDEX(Jesper!AI$2:AI$366,ROUNDDOWN($C2765/24,0)+1,1))-1)+IF('Standard Profiles'!$G$19=$B$10,7,0)+IF('Standard Profiles'!$G$19=$B$17,14,0)+IF('Standard Profiles'!$G$19=$B$24,21,0),0)),0)</f>
        <v>0</v>
      </c>
      <c r="F2765" cm="1">
        <f t="array" ref="F2765">IFERROR(INDEX(Jesper!AJ$2:AJ$366,ROUNDDOWN($C2765/24,0)+1,1)*INDEX($D$3:$AA$30,INDEX(Jesper!$R$2:$R$366,ROW(INDEX(Jesper!AJ$2:AJ$366,ROUNDDOWN($C2765/24,0)+1,1))-1)+IF('Standard Profiles'!$G$20=$B$10,7,0)+IF('Standard Profiles'!$G$20=$B$17,14,0)+IF('Standard Profiles'!$G$20=$B$24,21,0),MOD($C2765,24)+1)/SUM(INDEX($D$3:$AA$30,INDEX(Jesper!$R$2:$R$366,ROW(INDEX(Jesper!AJ$2:AJ$366,ROUNDDOWN($C2765/24,0)+1,1))-1)+IF('Standard Profiles'!$G$20=$B$10,7,0)+IF('Standard Profiles'!$G$20=$B$17,14,0)+IF('Standard Profiles'!$G$20=$B$24,21,0),0)),0)</f>
        <v>0</v>
      </c>
      <c r="G2765" cm="1">
        <f t="array" ref="G2765">IFERROR(INDEX(Jesper!AK$2:AK$366,ROUNDDOWN($C2765/24,0)+1,1)*INDEX($D$3:$AA$30,INDEX(Jesper!$R$2:$R$366,ROW(INDEX(Jesper!AK$2:AK$366,ROUNDDOWN($C2765/24,0)+1,1))-1)+IF('Standard Profiles'!$G$21=$B$10,7,0)+IF('Standard Profiles'!$G$21=$B$17,14,0)+IF('Standard Profiles'!$G$21=$B$24,21,0),MOD($C2765,24)+1)/SUM(INDEX($D$3:$AA$30,INDEX(Jesper!$R$2:$R$366,ROW(INDEX(Jesper!AK$2:AK$366,ROUNDDOWN($C2765/24,0)+1,1))-1)+IF('Standard Profiles'!$G$21=$B$10,7,0)+IF('Standard Profiles'!$G$21=$B$17,14,0)+IF('Standard Profiles'!$G$21=$B$24,21,0),0)),0)</f>
        <v>0</v>
      </c>
      <c r="H2765" cm="1">
        <f t="array" ref="H2765">IFERROR(INDEX(Jesper!AL$2:AL$366,ROUNDDOWN($C2765/24,0)+1,1)*INDEX($D$3:$AA$30,INDEX(Jesper!$R$2:$R$366,ROW(INDEX(Jesper!AL$2:AL$366,ROUNDDOWN($C2765/24,0)+1,1))-1)+IF('Standard Profiles'!$G$22=$B$10,7,0)+IF('Standard Profiles'!$G$22=$B$17,14,0)+IF('Standard Profiles'!$G$22=$B$24,21,0),MOD($C2765,24)+1)/SUM(INDEX($D$3:$AA$30,INDEX(Jesper!$R$2:$R$366,ROW(INDEX(Jesper!AL$2:AL$366,ROUNDDOWN($C2765/24,0)+1,1))-1)+IF('Standard Profiles'!$G$22=$B$10,7,0)+IF('Standard Profiles'!$G$22=$B$17,14,0)+IF('Standard Profiles'!$G$22=$B$24,21,0),0)),0)</f>
        <v>0</v>
      </c>
      <c r="I2765">
        <f t="shared" si="314"/>
        <v>0.38066704606236795</v>
      </c>
      <c r="J2765">
        <f t="shared" si="315"/>
        <v>1.2688901535412267</v>
      </c>
      <c r="K2765">
        <f t="shared" si="316"/>
        <v>1.9033352303118396</v>
      </c>
      <c r="L2765">
        <f t="shared" si="317"/>
        <v>9.1360091054968304</v>
      </c>
      <c r="M2765">
        <f t="shared" si="318"/>
        <v>0</v>
      </c>
      <c r="N2765" s="46">
        <f t="shared" si="319"/>
        <v>45405.791666660043</v>
      </c>
    </row>
    <row r="2766" spans="2:14" x14ac:dyDescent="0.3">
      <c r="B2766">
        <f t="shared" si="313"/>
        <v>2</v>
      </c>
      <c r="C2766" s="16">
        <v>2732</v>
      </c>
      <c r="D2766" cm="1">
        <f t="array" ref="D2766">IFERROR(INDEX(Jesper!AH$2:AH$366,ROUNDDOWN($C2766/24,0)+1,1)*INDEX($D$3:$AA$30,INDEX(Jesper!$R$2:$R$366,ROW(INDEX(Jesper!AH$2:AH$366,ROUNDDOWN($C2766/24,0)+1,1))-1)+IF('Standard Profiles'!$G$18=$B$10,7,0)+IF('Standard Profiles'!$G$18=$B$17,14,0)+IF('Standard Profiles'!$G$18=$B$24,21,0),MOD($C2766,24)+1)/SUM(INDEX($D$3:$AA$30,INDEX(Jesper!$R$2:$R$366,ROW(INDEX(Jesper!AH$2:AH$366,ROUNDDOWN($C2766/24,0)+1,1))-1)+IF('Standard Profiles'!$G$18=$B$10,7,0)+IF('Standard Profiles'!$G$18=$B$17,14,0)+IF('Standard Profiles'!$G$18=$B$24,21,0),0)),0)</f>
        <v>10.416262454442904</v>
      </c>
      <c r="E2766" cm="1">
        <f t="array" ref="E2766">IFERROR(INDEX(Jesper!AI$2:AI$366,ROUNDDOWN($C2766/24,0)+1,1)*INDEX($D$3:$AA$30,INDEX(Jesper!$R$2:$R$366,ROW(INDEX(Jesper!AI$2:AI$366,ROUNDDOWN($C2766/24,0)+1,1))-1)+IF('Standard Profiles'!$G$19=$B$10,7,0)+IF('Standard Profiles'!$G$19=$B$17,14,0)+IF('Standard Profiles'!$G$19=$B$24,21,0),MOD($C2766,24)+1)/SUM(INDEX($D$3:$AA$30,INDEX(Jesper!$R$2:$R$366,ROW(INDEX(Jesper!AI$2:AI$366,ROUNDDOWN($C2766/24,0)+1,1))-1)+IF('Standard Profiles'!$G$19=$B$10,7,0)+IF('Standard Profiles'!$G$19=$B$17,14,0)+IF('Standard Profiles'!$G$19=$B$24,21,0),0)),0)</f>
        <v>0</v>
      </c>
      <c r="F2766" cm="1">
        <f t="array" ref="F2766">IFERROR(INDEX(Jesper!AJ$2:AJ$366,ROUNDDOWN($C2766/24,0)+1,1)*INDEX($D$3:$AA$30,INDEX(Jesper!$R$2:$R$366,ROW(INDEX(Jesper!AJ$2:AJ$366,ROUNDDOWN($C2766/24,0)+1,1))-1)+IF('Standard Profiles'!$G$20=$B$10,7,0)+IF('Standard Profiles'!$G$20=$B$17,14,0)+IF('Standard Profiles'!$G$20=$B$24,21,0),MOD($C2766,24)+1)/SUM(INDEX($D$3:$AA$30,INDEX(Jesper!$R$2:$R$366,ROW(INDEX(Jesper!AJ$2:AJ$366,ROUNDDOWN($C2766/24,0)+1,1))-1)+IF('Standard Profiles'!$G$20=$B$10,7,0)+IF('Standard Profiles'!$G$20=$B$17,14,0)+IF('Standard Profiles'!$G$20=$B$24,21,0),0)),0)</f>
        <v>0</v>
      </c>
      <c r="G2766" cm="1">
        <f t="array" ref="G2766">IFERROR(INDEX(Jesper!AK$2:AK$366,ROUNDDOWN($C2766/24,0)+1,1)*INDEX($D$3:$AA$30,INDEX(Jesper!$R$2:$R$366,ROW(INDEX(Jesper!AK$2:AK$366,ROUNDDOWN($C2766/24,0)+1,1))-1)+IF('Standard Profiles'!$G$21=$B$10,7,0)+IF('Standard Profiles'!$G$21=$B$17,14,0)+IF('Standard Profiles'!$G$21=$B$24,21,0),MOD($C2766,24)+1)/SUM(INDEX($D$3:$AA$30,INDEX(Jesper!$R$2:$R$366,ROW(INDEX(Jesper!AK$2:AK$366,ROUNDDOWN($C2766/24,0)+1,1))-1)+IF('Standard Profiles'!$G$21=$B$10,7,0)+IF('Standard Profiles'!$G$21=$B$17,14,0)+IF('Standard Profiles'!$G$21=$B$24,21,0),0)),0)</f>
        <v>0</v>
      </c>
      <c r="H2766" cm="1">
        <f t="array" ref="H2766">IFERROR(INDEX(Jesper!AL$2:AL$366,ROUNDDOWN($C2766/24,0)+1,1)*INDEX($D$3:$AA$30,INDEX(Jesper!$R$2:$R$366,ROW(INDEX(Jesper!AL$2:AL$366,ROUNDDOWN($C2766/24,0)+1,1))-1)+IF('Standard Profiles'!$G$22=$B$10,7,0)+IF('Standard Profiles'!$G$22=$B$17,14,0)+IF('Standard Profiles'!$G$22=$B$24,21,0),MOD($C2766,24)+1)/SUM(INDEX($D$3:$AA$30,INDEX(Jesper!$R$2:$R$366,ROW(INDEX(Jesper!AL$2:AL$366,ROUNDDOWN($C2766/24,0)+1,1))-1)+IF('Standard Profiles'!$G$22=$B$10,7,0)+IF('Standard Profiles'!$G$22=$B$17,14,0)+IF('Standard Profiles'!$G$22=$B$24,21,0),0)),0)</f>
        <v>0</v>
      </c>
      <c r="I2766">
        <f t="shared" si="314"/>
        <v>0.31248787363328712</v>
      </c>
      <c r="J2766">
        <f t="shared" si="315"/>
        <v>1.0416262454442904</v>
      </c>
      <c r="K2766">
        <f t="shared" si="316"/>
        <v>1.5624393681664357</v>
      </c>
      <c r="L2766">
        <f t="shared" si="317"/>
        <v>7.4997089671988908</v>
      </c>
      <c r="M2766">
        <f t="shared" si="318"/>
        <v>0</v>
      </c>
      <c r="N2766" s="46">
        <f t="shared" si="319"/>
        <v>45405.833333326707</v>
      </c>
    </row>
    <row r="2767" spans="2:14" x14ac:dyDescent="0.3">
      <c r="B2767">
        <f t="shared" si="313"/>
        <v>2</v>
      </c>
      <c r="C2767" s="16">
        <v>2733</v>
      </c>
      <c r="D2767" cm="1">
        <f t="array" ref="D2767">IFERROR(INDEX(Jesper!AH$2:AH$366,ROUNDDOWN($C2767/24,0)+1,1)*INDEX($D$3:$AA$30,INDEX(Jesper!$R$2:$R$366,ROW(INDEX(Jesper!AH$2:AH$366,ROUNDDOWN($C2767/24,0)+1,1))-1)+IF('Standard Profiles'!$G$18=$B$10,7,0)+IF('Standard Profiles'!$G$18=$B$17,14,0)+IF('Standard Profiles'!$G$18=$B$24,21,0),MOD($C2767,24)+1)/SUM(INDEX($D$3:$AA$30,INDEX(Jesper!$R$2:$R$366,ROW(INDEX(Jesper!AH$2:AH$366,ROUNDDOWN($C2767/24,0)+1,1))-1)+IF('Standard Profiles'!$G$18=$B$10,7,0)+IF('Standard Profiles'!$G$18=$B$17,14,0)+IF('Standard Profiles'!$G$18=$B$24,21,0),0)),0)</f>
        <v>7.5754636032312028</v>
      </c>
      <c r="E2767" cm="1">
        <f t="array" ref="E2767">IFERROR(INDEX(Jesper!AI$2:AI$366,ROUNDDOWN($C2767/24,0)+1,1)*INDEX($D$3:$AA$30,INDEX(Jesper!$R$2:$R$366,ROW(INDEX(Jesper!AI$2:AI$366,ROUNDDOWN($C2767/24,0)+1,1))-1)+IF('Standard Profiles'!$G$19=$B$10,7,0)+IF('Standard Profiles'!$G$19=$B$17,14,0)+IF('Standard Profiles'!$G$19=$B$24,21,0),MOD($C2767,24)+1)/SUM(INDEX($D$3:$AA$30,INDEX(Jesper!$R$2:$R$366,ROW(INDEX(Jesper!AI$2:AI$366,ROUNDDOWN($C2767/24,0)+1,1))-1)+IF('Standard Profiles'!$G$19=$B$10,7,0)+IF('Standard Profiles'!$G$19=$B$17,14,0)+IF('Standard Profiles'!$G$19=$B$24,21,0),0)),0)</f>
        <v>0</v>
      </c>
      <c r="F2767" cm="1">
        <f t="array" ref="F2767">IFERROR(INDEX(Jesper!AJ$2:AJ$366,ROUNDDOWN($C2767/24,0)+1,1)*INDEX($D$3:$AA$30,INDEX(Jesper!$R$2:$R$366,ROW(INDEX(Jesper!AJ$2:AJ$366,ROUNDDOWN($C2767/24,0)+1,1))-1)+IF('Standard Profiles'!$G$20=$B$10,7,0)+IF('Standard Profiles'!$G$20=$B$17,14,0)+IF('Standard Profiles'!$G$20=$B$24,21,0),MOD($C2767,24)+1)/SUM(INDEX($D$3:$AA$30,INDEX(Jesper!$R$2:$R$366,ROW(INDEX(Jesper!AJ$2:AJ$366,ROUNDDOWN($C2767/24,0)+1,1))-1)+IF('Standard Profiles'!$G$20=$B$10,7,0)+IF('Standard Profiles'!$G$20=$B$17,14,0)+IF('Standard Profiles'!$G$20=$B$24,21,0),0)),0)</f>
        <v>0</v>
      </c>
      <c r="G2767" cm="1">
        <f t="array" ref="G2767">IFERROR(INDEX(Jesper!AK$2:AK$366,ROUNDDOWN($C2767/24,0)+1,1)*INDEX($D$3:$AA$30,INDEX(Jesper!$R$2:$R$366,ROW(INDEX(Jesper!AK$2:AK$366,ROUNDDOWN($C2767/24,0)+1,1))-1)+IF('Standard Profiles'!$G$21=$B$10,7,0)+IF('Standard Profiles'!$G$21=$B$17,14,0)+IF('Standard Profiles'!$G$21=$B$24,21,0),MOD($C2767,24)+1)/SUM(INDEX($D$3:$AA$30,INDEX(Jesper!$R$2:$R$366,ROW(INDEX(Jesper!AK$2:AK$366,ROUNDDOWN($C2767/24,0)+1,1))-1)+IF('Standard Profiles'!$G$21=$B$10,7,0)+IF('Standard Profiles'!$G$21=$B$17,14,0)+IF('Standard Profiles'!$G$21=$B$24,21,0),0)),0)</f>
        <v>0</v>
      </c>
      <c r="H2767" cm="1">
        <f t="array" ref="H2767">IFERROR(INDEX(Jesper!AL$2:AL$366,ROUNDDOWN($C2767/24,0)+1,1)*INDEX($D$3:$AA$30,INDEX(Jesper!$R$2:$R$366,ROW(INDEX(Jesper!AL$2:AL$366,ROUNDDOWN($C2767/24,0)+1,1))-1)+IF('Standard Profiles'!$G$22=$B$10,7,0)+IF('Standard Profiles'!$G$22=$B$17,14,0)+IF('Standard Profiles'!$G$22=$B$24,21,0),MOD($C2767,24)+1)/SUM(INDEX($D$3:$AA$30,INDEX(Jesper!$R$2:$R$366,ROW(INDEX(Jesper!AL$2:AL$366,ROUNDDOWN($C2767/24,0)+1,1))-1)+IF('Standard Profiles'!$G$22=$B$10,7,0)+IF('Standard Profiles'!$G$22=$B$17,14,0)+IF('Standard Profiles'!$G$22=$B$24,21,0),0)),0)</f>
        <v>0</v>
      </c>
      <c r="I2767">
        <f t="shared" si="314"/>
        <v>0.22726390809693608</v>
      </c>
      <c r="J2767">
        <f t="shared" si="315"/>
        <v>0.75754636032312028</v>
      </c>
      <c r="K2767">
        <f t="shared" si="316"/>
        <v>1.1363195404846804</v>
      </c>
      <c r="L2767">
        <f t="shared" si="317"/>
        <v>5.454333794326466</v>
      </c>
      <c r="M2767">
        <f t="shared" si="318"/>
        <v>0</v>
      </c>
      <c r="N2767" s="46">
        <f t="shared" si="319"/>
        <v>45405.874999993372</v>
      </c>
    </row>
    <row r="2768" spans="2:14" x14ac:dyDescent="0.3">
      <c r="B2768">
        <f t="shared" si="313"/>
        <v>2</v>
      </c>
      <c r="C2768" s="16">
        <v>2734</v>
      </c>
      <c r="D2768" cm="1">
        <f t="array" ref="D2768">IFERROR(INDEX(Jesper!AH$2:AH$366,ROUNDDOWN($C2768/24,0)+1,1)*INDEX($D$3:$AA$30,INDEX(Jesper!$R$2:$R$366,ROW(INDEX(Jesper!AH$2:AH$366,ROUNDDOWN($C2768/24,0)+1,1))-1)+IF('Standard Profiles'!$G$18=$B$10,7,0)+IF('Standard Profiles'!$G$18=$B$17,14,0)+IF('Standard Profiles'!$G$18=$B$24,21,0),MOD($C2768,24)+1)/SUM(INDEX($D$3:$AA$30,INDEX(Jesper!$R$2:$R$366,ROW(INDEX(Jesper!AH$2:AH$366,ROUNDDOWN($C2768/24,0)+1,1))-1)+IF('Standard Profiles'!$G$18=$B$10,7,0)+IF('Standard Profiles'!$G$18=$B$17,14,0)+IF('Standard Profiles'!$G$18=$B$24,21,0),0)),0)</f>
        <v>7.5754636032312028</v>
      </c>
      <c r="E2768" cm="1">
        <f t="array" ref="E2768">IFERROR(INDEX(Jesper!AI$2:AI$366,ROUNDDOWN($C2768/24,0)+1,1)*INDEX($D$3:$AA$30,INDEX(Jesper!$R$2:$R$366,ROW(INDEX(Jesper!AI$2:AI$366,ROUNDDOWN($C2768/24,0)+1,1))-1)+IF('Standard Profiles'!$G$19=$B$10,7,0)+IF('Standard Profiles'!$G$19=$B$17,14,0)+IF('Standard Profiles'!$G$19=$B$24,21,0),MOD($C2768,24)+1)/SUM(INDEX($D$3:$AA$30,INDEX(Jesper!$R$2:$R$366,ROW(INDEX(Jesper!AI$2:AI$366,ROUNDDOWN($C2768/24,0)+1,1))-1)+IF('Standard Profiles'!$G$19=$B$10,7,0)+IF('Standard Profiles'!$G$19=$B$17,14,0)+IF('Standard Profiles'!$G$19=$B$24,21,0),0)),0)</f>
        <v>0</v>
      </c>
      <c r="F2768" cm="1">
        <f t="array" ref="F2768">IFERROR(INDEX(Jesper!AJ$2:AJ$366,ROUNDDOWN($C2768/24,0)+1,1)*INDEX($D$3:$AA$30,INDEX(Jesper!$R$2:$R$366,ROW(INDEX(Jesper!AJ$2:AJ$366,ROUNDDOWN($C2768/24,0)+1,1))-1)+IF('Standard Profiles'!$G$20=$B$10,7,0)+IF('Standard Profiles'!$G$20=$B$17,14,0)+IF('Standard Profiles'!$G$20=$B$24,21,0),MOD($C2768,24)+1)/SUM(INDEX($D$3:$AA$30,INDEX(Jesper!$R$2:$R$366,ROW(INDEX(Jesper!AJ$2:AJ$366,ROUNDDOWN($C2768/24,0)+1,1))-1)+IF('Standard Profiles'!$G$20=$B$10,7,0)+IF('Standard Profiles'!$G$20=$B$17,14,0)+IF('Standard Profiles'!$G$20=$B$24,21,0),0)),0)</f>
        <v>0</v>
      </c>
      <c r="G2768" cm="1">
        <f t="array" ref="G2768">IFERROR(INDEX(Jesper!AK$2:AK$366,ROUNDDOWN($C2768/24,0)+1,1)*INDEX($D$3:$AA$30,INDEX(Jesper!$R$2:$R$366,ROW(INDEX(Jesper!AK$2:AK$366,ROUNDDOWN($C2768/24,0)+1,1))-1)+IF('Standard Profiles'!$G$21=$B$10,7,0)+IF('Standard Profiles'!$G$21=$B$17,14,0)+IF('Standard Profiles'!$G$21=$B$24,21,0),MOD($C2768,24)+1)/SUM(INDEX($D$3:$AA$30,INDEX(Jesper!$R$2:$R$366,ROW(INDEX(Jesper!AK$2:AK$366,ROUNDDOWN($C2768/24,0)+1,1))-1)+IF('Standard Profiles'!$G$21=$B$10,7,0)+IF('Standard Profiles'!$G$21=$B$17,14,0)+IF('Standard Profiles'!$G$21=$B$24,21,0),0)),0)</f>
        <v>0</v>
      </c>
      <c r="H2768" cm="1">
        <f t="array" ref="H2768">IFERROR(INDEX(Jesper!AL$2:AL$366,ROUNDDOWN($C2768/24,0)+1,1)*INDEX($D$3:$AA$30,INDEX(Jesper!$R$2:$R$366,ROW(INDEX(Jesper!AL$2:AL$366,ROUNDDOWN($C2768/24,0)+1,1))-1)+IF('Standard Profiles'!$G$22=$B$10,7,0)+IF('Standard Profiles'!$G$22=$B$17,14,0)+IF('Standard Profiles'!$G$22=$B$24,21,0),MOD($C2768,24)+1)/SUM(INDEX($D$3:$AA$30,INDEX(Jesper!$R$2:$R$366,ROW(INDEX(Jesper!AL$2:AL$366,ROUNDDOWN($C2768/24,0)+1,1))-1)+IF('Standard Profiles'!$G$22=$B$10,7,0)+IF('Standard Profiles'!$G$22=$B$17,14,0)+IF('Standard Profiles'!$G$22=$B$24,21,0),0)),0)</f>
        <v>0</v>
      </c>
      <c r="I2768">
        <f t="shared" si="314"/>
        <v>0.22726390809693608</v>
      </c>
      <c r="J2768">
        <f t="shared" si="315"/>
        <v>0.75754636032312028</v>
      </c>
      <c r="K2768">
        <f t="shared" si="316"/>
        <v>1.1363195404846804</v>
      </c>
      <c r="L2768">
        <f t="shared" si="317"/>
        <v>5.454333794326466</v>
      </c>
      <c r="M2768">
        <f t="shared" si="318"/>
        <v>0</v>
      </c>
      <c r="N2768" s="46">
        <f t="shared" si="319"/>
        <v>45405.916666660036</v>
      </c>
    </row>
    <row r="2769" spans="2:14" x14ac:dyDescent="0.3">
      <c r="B2769">
        <f t="shared" si="313"/>
        <v>2</v>
      </c>
      <c r="C2769" s="16">
        <v>2735</v>
      </c>
      <c r="D2769" cm="1">
        <f t="array" ref="D2769">IFERROR(INDEX(Jesper!AH$2:AH$366,ROUNDDOWN($C2769/24,0)+1,1)*INDEX($D$3:$AA$30,INDEX(Jesper!$R$2:$R$366,ROW(INDEX(Jesper!AH$2:AH$366,ROUNDDOWN($C2769/24,0)+1,1))-1)+IF('Standard Profiles'!$G$18=$B$10,7,0)+IF('Standard Profiles'!$G$18=$B$17,14,0)+IF('Standard Profiles'!$G$18=$B$24,21,0),MOD($C2769,24)+1)/SUM(INDEX($D$3:$AA$30,INDEX(Jesper!$R$2:$R$366,ROW(INDEX(Jesper!AH$2:AH$366,ROUNDDOWN($C2769/24,0)+1,1))-1)+IF('Standard Profiles'!$G$18=$B$10,7,0)+IF('Standard Profiles'!$G$18=$B$17,14,0)+IF('Standard Profiles'!$G$18=$B$24,21,0),0)),0)</f>
        <v>7.5754636032312028</v>
      </c>
      <c r="E2769" cm="1">
        <f t="array" ref="E2769">IFERROR(INDEX(Jesper!AI$2:AI$366,ROUNDDOWN($C2769/24,0)+1,1)*INDEX($D$3:$AA$30,INDEX(Jesper!$R$2:$R$366,ROW(INDEX(Jesper!AI$2:AI$366,ROUNDDOWN($C2769/24,0)+1,1))-1)+IF('Standard Profiles'!$G$19=$B$10,7,0)+IF('Standard Profiles'!$G$19=$B$17,14,0)+IF('Standard Profiles'!$G$19=$B$24,21,0),MOD($C2769,24)+1)/SUM(INDEX($D$3:$AA$30,INDEX(Jesper!$R$2:$R$366,ROW(INDEX(Jesper!AI$2:AI$366,ROUNDDOWN($C2769/24,0)+1,1))-1)+IF('Standard Profiles'!$G$19=$B$10,7,0)+IF('Standard Profiles'!$G$19=$B$17,14,0)+IF('Standard Profiles'!$G$19=$B$24,21,0),0)),0)</f>
        <v>0</v>
      </c>
      <c r="F2769" cm="1">
        <f t="array" ref="F2769">IFERROR(INDEX(Jesper!AJ$2:AJ$366,ROUNDDOWN($C2769/24,0)+1,1)*INDEX($D$3:$AA$30,INDEX(Jesper!$R$2:$R$366,ROW(INDEX(Jesper!AJ$2:AJ$366,ROUNDDOWN($C2769/24,0)+1,1))-1)+IF('Standard Profiles'!$G$20=$B$10,7,0)+IF('Standard Profiles'!$G$20=$B$17,14,0)+IF('Standard Profiles'!$G$20=$B$24,21,0),MOD($C2769,24)+1)/SUM(INDEX($D$3:$AA$30,INDEX(Jesper!$R$2:$R$366,ROW(INDEX(Jesper!AJ$2:AJ$366,ROUNDDOWN($C2769/24,0)+1,1))-1)+IF('Standard Profiles'!$G$20=$B$10,7,0)+IF('Standard Profiles'!$G$20=$B$17,14,0)+IF('Standard Profiles'!$G$20=$B$24,21,0),0)),0)</f>
        <v>0</v>
      </c>
      <c r="G2769" cm="1">
        <f t="array" ref="G2769">IFERROR(INDEX(Jesper!AK$2:AK$366,ROUNDDOWN($C2769/24,0)+1,1)*INDEX($D$3:$AA$30,INDEX(Jesper!$R$2:$R$366,ROW(INDEX(Jesper!AK$2:AK$366,ROUNDDOWN($C2769/24,0)+1,1))-1)+IF('Standard Profiles'!$G$21=$B$10,7,0)+IF('Standard Profiles'!$G$21=$B$17,14,0)+IF('Standard Profiles'!$G$21=$B$24,21,0),MOD($C2769,24)+1)/SUM(INDEX($D$3:$AA$30,INDEX(Jesper!$R$2:$R$366,ROW(INDEX(Jesper!AK$2:AK$366,ROUNDDOWN($C2769/24,0)+1,1))-1)+IF('Standard Profiles'!$G$21=$B$10,7,0)+IF('Standard Profiles'!$G$21=$B$17,14,0)+IF('Standard Profiles'!$G$21=$B$24,21,0),0)),0)</f>
        <v>0</v>
      </c>
      <c r="H2769" cm="1">
        <f t="array" ref="H2769">IFERROR(INDEX(Jesper!AL$2:AL$366,ROUNDDOWN($C2769/24,0)+1,1)*INDEX($D$3:$AA$30,INDEX(Jesper!$R$2:$R$366,ROW(INDEX(Jesper!AL$2:AL$366,ROUNDDOWN($C2769/24,0)+1,1))-1)+IF('Standard Profiles'!$G$22=$B$10,7,0)+IF('Standard Profiles'!$G$22=$B$17,14,0)+IF('Standard Profiles'!$G$22=$B$24,21,0),MOD($C2769,24)+1)/SUM(INDEX($D$3:$AA$30,INDEX(Jesper!$R$2:$R$366,ROW(INDEX(Jesper!AL$2:AL$366,ROUNDDOWN($C2769/24,0)+1,1))-1)+IF('Standard Profiles'!$G$22=$B$10,7,0)+IF('Standard Profiles'!$G$22=$B$17,14,0)+IF('Standard Profiles'!$G$22=$B$24,21,0),0)),0)</f>
        <v>0</v>
      </c>
      <c r="I2769">
        <f t="shared" si="314"/>
        <v>0.22726390809693608</v>
      </c>
      <c r="J2769">
        <f t="shared" si="315"/>
        <v>0.75754636032312028</v>
      </c>
      <c r="K2769">
        <f t="shared" si="316"/>
        <v>1.1363195404846804</v>
      </c>
      <c r="L2769">
        <f t="shared" si="317"/>
        <v>5.454333794326466</v>
      </c>
      <c r="M2769">
        <f t="shared" si="318"/>
        <v>0</v>
      </c>
      <c r="N2769" s="46">
        <f t="shared" si="319"/>
        <v>45405.9583333267</v>
      </c>
    </row>
    <row r="2770" spans="2:14" x14ac:dyDescent="0.3">
      <c r="B2770">
        <f t="shared" si="313"/>
        <v>3</v>
      </c>
      <c r="C2770" s="16">
        <v>2736</v>
      </c>
      <c r="D2770" cm="1">
        <f t="array" ref="D2770">IFERROR(INDEX(Jesper!AH$2:AH$366,ROUNDDOWN($C2770/24,0)+1,1)*INDEX($D$3:$AA$30,INDEX(Jesper!$R$2:$R$366,ROW(INDEX(Jesper!AH$2:AH$366,ROUNDDOWN($C2770/24,0)+1,1))-1)+IF('Standard Profiles'!$G$18=$B$10,7,0)+IF('Standard Profiles'!$G$18=$B$17,14,0)+IF('Standard Profiles'!$G$18=$B$24,21,0),MOD($C2770,24)+1)/SUM(INDEX($D$3:$AA$30,INDEX(Jesper!$R$2:$R$366,ROW(INDEX(Jesper!AH$2:AH$366,ROUNDDOWN($C2770/24,0)+1,1))-1)+IF('Standard Profiles'!$G$18=$B$10,7,0)+IF('Standard Profiles'!$G$18=$B$17,14,0)+IF('Standard Profiles'!$G$18=$B$24,21,0),0)),0)</f>
        <v>6.9113855906109274</v>
      </c>
      <c r="E2770" cm="1">
        <f t="array" ref="E2770">IFERROR(INDEX(Jesper!AI$2:AI$366,ROUNDDOWN($C2770/24,0)+1,1)*INDEX($D$3:$AA$30,INDEX(Jesper!$R$2:$R$366,ROW(INDEX(Jesper!AI$2:AI$366,ROUNDDOWN($C2770/24,0)+1,1))-1)+IF('Standard Profiles'!$G$19=$B$10,7,0)+IF('Standard Profiles'!$G$19=$B$17,14,0)+IF('Standard Profiles'!$G$19=$B$24,21,0),MOD($C2770,24)+1)/SUM(INDEX($D$3:$AA$30,INDEX(Jesper!$R$2:$R$366,ROW(INDEX(Jesper!AI$2:AI$366,ROUNDDOWN($C2770/24,0)+1,1))-1)+IF('Standard Profiles'!$G$19=$B$10,7,0)+IF('Standard Profiles'!$G$19=$B$17,14,0)+IF('Standard Profiles'!$G$19=$B$24,21,0),0)),0)</f>
        <v>0</v>
      </c>
      <c r="F2770" cm="1">
        <f t="array" ref="F2770">IFERROR(INDEX(Jesper!AJ$2:AJ$366,ROUNDDOWN($C2770/24,0)+1,1)*INDEX($D$3:$AA$30,INDEX(Jesper!$R$2:$R$366,ROW(INDEX(Jesper!AJ$2:AJ$366,ROUNDDOWN($C2770/24,0)+1,1))-1)+IF('Standard Profiles'!$G$20=$B$10,7,0)+IF('Standard Profiles'!$G$20=$B$17,14,0)+IF('Standard Profiles'!$G$20=$B$24,21,0),MOD($C2770,24)+1)/SUM(INDEX($D$3:$AA$30,INDEX(Jesper!$R$2:$R$366,ROW(INDEX(Jesper!AJ$2:AJ$366,ROUNDDOWN($C2770/24,0)+1,1))-1)+IF('Standard Profiles'!$G$20=$B$10,7,0)+IF('Standard Profiles'!$G$20=$B$17,14,0)+IF('Standard Profiles'!$G$20=$B$24,21,0),0)),0)</f>
        <v>0</v>
      </c>
      <c r="G2770" cm="1">
        <f t="array" ref="G2770">IFERROR(INDEX(Jesper!AK$2:AK$366,ROUNDDOWN($C2770/24,0)+1,1)*INDEX($D$3:$AA$30,INDEX(Jesper!$R$2:$R$366,ROW(INDEX(Jesper!AK$2:AK$366,ROUNDDOWN($C2770/24,0)+1,1))-1)+IF('Standard Profiles'!$G$21=$B$10,7,0)+IF('Standard Profiles'!$G$21=$B$17,14,0)+IF('Standard Profiles'!$G$21=$B$24,21,0),MOD($C2770,24)+1)/SUM(INDEX($D$3:$AA$30,INDEX(Jesper!$R$2:$R$366,ROW(INDEX(Jesper!AK$2:AK$366,ROUNDDOWN($C2770/24,0)+1,1))-1)+IF('Standard Profiles'!$G$21=$B$10,7,0)+IF('Standard Profiles'!$G$21=$B$17,14,0)+IF('Standard Profiles'!$G$21=$B$24,21,0),0)),0)</f>
        <v>0</v>
      </c>
      <c r="H2770" cm="1">
        <f t="array" ref="H2770">IFERROR(INDEX(Jesper!AL$2:AL$366,ROUNDDOWN($C2770/24,0)+1,1)*INDEX($D$3:$AA$30,INDEX(Jesper!$R$2:$R$366,ROW(INDEX(Jesper!AL$2:AL$366,ROUNDDOWN($C2770/24,0)+1,1))-1)+IF('Standard Profiles'!$G$22=$B$10,7,0)+IF('Standard Profiles'!$G$22=$B$17,14,0)+IF('Standard Profiles'!$G$22=$B$24,21,0),MOD($C2770,24)+1)/SUM(INDEX($D$3:$AA$30,INDEX(Jesper!$R$2:$R$366,ROW(INDEX(Jesper!AL$2:AL$366,ROUNDDOWN($C2770/24,0)+1,1))-1)+IF('Standard Profiles'!$G$22=$B$10,7,0)+IF('Standard Profiles'!$G$22=$B$17,14,0)+IF('Standard Profiles'!$G$22=$B$24,21,0),0)),0)</f>
        <v>0</v>
      </c>
      <c r="I2770">
        <f t="shared" si="314"/>
        <v>0.20734156771832782</v>
      </c>
      <c r="J2770">
        <f t="shared" si="315"/>
        <v>0.69113855906109278</v>
      </c>
      <c r="K2770">
        <f t="shared" si="316"/>
        <v>1.0367078385916391</v>
      </c>
      <c r="L2770">
        <f t="shared" si="317"/>
        <v>4.9761976252398679</v>
      </c>
      <c r="M2770">
        <f t="shared" si="318"/>
        <v>0</v>
      </c>
      <c r="N2770" s="46">
        <f t="shared" si="319"/>
        <v>45405.999999993364</v>
      </c>
    </row>
    <row r="2771" spans="2:14" x14ac:dyDescent="0.3">
      <c r="B2771">
        <f t="shared" si="313"/>
        <v>3</v>
      </c>
      <c r="C2771" s="16">
        <v>2737</v>
      </c>
      <c r="D2771" cm="1">
        <f t="array" ref="D2771">IFERROR(INDEX(Jesper!AH$2:AH$366,ROUNDDOWN($C2771/24,0)+1,1)*INDEX($D$3:$AA$30,INDEX(Jesper!$R$2:$R$366,ROW(INDEX(Jesper!AH$2:AH$366,ROUNDDOWN($C2771/24,0)+1,1))-1)+IF('Standard Profiles'!$G$18=$B$10,7,0)+IF('Standard Profiles'!$G$18=$B$17,14,0)+IF('Standard Profiles'!$G$18=$B$24,21,0),MOD($C2771,24)+1)/SUM(INDEX($D$3:$AA$30,INDEX(Jesper!$R$2:$R$366,ROW(INDEX(Jesper!AH$2:AH$366,ROUNDDOWN($C2771/24,0)+1,1))-1)+IF('Standard Profiles'!$G$18=$B$10,7,0)+IF('Standard Profiles'!$G$18=$B$17,14,0)+IF('Standard Profiles'!$G$18=$B$24,21,0),0)),0)</f>
        <v>7.7753087894372932</v>
      </c>
      <c r="E2771" cm="1">
        <f t="array" ref="E2771">IFERROR(INDEX(Jesper!AI$2:AI$366,ROUNDDOWN($C2771/24,0)+1,1)*INDEX($D$3:$AA$30,INDEX(Jesper!$R$2:$R$366,ROW(INDEX(Jesper!AI$2:AI$366,ROUNDDOWN($C2771/24,0)+1,1))-1)+IF('Standard Profiles'!$G$19=$B$10,7,0)+IF('Standard Profiles'!$G$19=$B$17,14,0)+IF('Standard Profiles'!$G$19=$B$24,21,0),MOD($C2771,24)+1)/SUM(INDEX($D$3:$AA$30,INDEX(Jesper!$R$2:$R$366,ROW(INDEX(Jesper!AI$2:AI$366,ROUNDDOWN($C2771/24,0)+1,1))-1)+IF('Standard Profiles'!$G$19=$B$10,7,0)+IF('Standard Profiles'!$G$19=$B$17,14,0)+IF('Standard Profiles'!$G$19=$B$24,21,0),0)),0)</f>
        <v>0</v>
      </c>
      <c r="F2771" cm="1">
        <f t="array" ref="F2771">IFERROR(INDEX(Jesper!AJ$2:AJ$366,ROUNDDOWN($C2771/24,0)+1,1)*INDEX($D$3:$AA$30,INDEX(Jesper!$R$2:$R$366,ROW(INDEX(Jesper!AJ$2:AJ$366,ROUNDDOWN($C2771/24,0)+1,1))-1)+IF('Standard Profiles'!$G$20=$B$10,7,0)+IF('Standard Profiles'!$G$20=$B$17,14,0)+IF('Standard Profiles'!$G$20=$B$24,21,0),MOD($C2771,24)+1)/SUM(INDEX($D$3:$AA$30,INDEX(Jesper!$R$2:$R$366,ROW(INDEX(Jesper!AJ$2:AJ$366,ROUNDDOWN($C2771/24,0)+1,1))-1)+IF('Standard Profiles'!$G$20=$B$10,7,0)+IF('Standard Profiles'!$G$20=$B$17,14,0)+IF('Standard Profiles'!$G$20=$B$24,21,0),0)),0)</f>
        <v>0</v>
      </c>
      <c r="G2771" cm="1">
        <f t="array" ref="G2771">IFERROR(INDEX(Jesper!AK$2:AK$366,ROUNDDOWN($C2771/24,0)+1,1)*INDEX($D$3:$AA$30,INDEX(Jesper!$R$2:$R$366,ROW(INDEX(Jesper!AK$2:AK$366,ROUNDDOWN($C2771/24,0)+1,1))-1)+IF('Standard Profiles'!$G$21=$B$10,7,0)+IF('Standard Profiles'!$G$21=$B$17,14,0)+IF('Standard Profiles'!$G$21=$B$24,21,0),MOD($C2771,24)+1)/SUM(INDEX($D$3:$AA$30,INDEX(Jesper!$R$2:$R$366,ROW(INDEX(Jesper!AK$2:AK$366,ROUNDDOWN($C2771/24,0)+1,1))-1)+IF('Standard Profiles'!$G$21=$B$10,7,0)+IF('Standard Profiles'!$G$21=$B$17,14,0)+IF('Standard Profiles'!$G$21=$B$24,21,0),0)),0)</f>
        <v>0</v>
      </c>
      <c r="H2771" cm="1">
        <f t="array" ref="H2771">IFERROR(INDEX(Jesper!AL$2:AL$366,ROUNDDOWN($C2771/24,0)+1,1)*INDEX($D$3:$AA$30,INDEX(Jesper!$R$2:$R$366,ROW(INDEX(Jesper!AL$2:AL$366,ROUNDDOWN($C2771/24,0)+1,1))-1)+IF('Standard Profiles'!$G$22=$B$10,7,0)+IF('Standard Profiles'!$G$22=$B$17,14,0)+IF('Standard Profiles'!$G$22=$B$24,21,0),MOD($C2771,24)+1)/SUM(INDEX($D$3:$AA$30,INDEX(Jesper!$R$2:$R$366,ROW(INDEX(Jesper!AL$2:AL$366,ROUNDDOWN($C2771/24,0)+1,1))-1)+IF('Standard Profiles'!$G$22=$B$10,7,0)+IF('Standard Profiles'!$G$22=$B$17,14,0)+IF('Standard Profiles'!$G$22=$B$24,21,0),0)),0)</f>
        <v>0</v>
      </c>
      <c r="I2771">
        <f t="shared" si="314"/>
        <v>0.23325926368311878</v>
      </c>
      <c r="J2771">
        <f t="shared" si="315"/>
        <v>0.77753087894372941</v>
      </c>
      <c r="K2771">
        <f t="shared" si="316"/>
        <v>1.1662963184155939</v>
      </c>
      <c r="L2771">
        <f t="shared" si="317"/>
        <v>5.5982223283948507</v>
      </c>
      <c r="M2771">
        <f t="shared" si="318"/>
        <v>0</v>
      </c>
      <c r="N2771" s="46">
        <f t="shared" si="319"/>
        <v>45406.041666660029</v>
      </c>
    </row>
    <row r="2772" spans="2:14" x14ac:dyDescent="0.3">
      <c r="B2772">
        <f t="shared" si="313"/>
        <v>3</v>
      </c>
      <c r="C2772" s="16">
        <v>2738</v>
      </c>
      <c r="D2772" cm="1">
        <f t="array" ref="D2772">IFERROR(INDEX(Jesper!AH$2:AH$366,ROUNDDOWN($C2772/24,0)+1,1)*INDEX($D$3:$AA$30,INDEX(Jesper!$R$2:$R$366,ROW(INDEX(Jesper!AH$2:AH$366,ROUNDDOWN($C2772/24,0)+1,1))-1)+IF('Standard Profiles'!$G$18=$B$10,7,0)+IF('Standard Profiles'!$G$18=$B$17,14,0)+IF('Standard Profiles'!$G$18=$B$24,21,0),MOD($C2772,24)+1)/SUM(INDEX($D$3:$AA$30,INDEX(Jesper!$R$2:$R$366,ROW(INDEX(Jesper!AH$2:AH$366,ROUNDDOWN($C2772/24,0)+1,1))-1)+IF('Standard Profiles'!$G$18=$B$10,7,0)+IF('Standard Profiles'!$G$18=$B$17,14,0)+IF('Standard Profiles'!$G$18=$B$24,21,0),0)),0)</f>
        <v>7.7753087894372932</v>
      </c>
      <c r="E2772" cm="1">
        <f t="array" ref="E2772">IFERROR(INDEX(Jesper!AI$2:AI$366,ROUNDDOWN($C2772/24,0)+1,1)*INDEX($D$3:$AA$30,INDEX(Jesper!$R$2:$R$366,ROW(INDEX(Jesper!AI$2:AI$366,ROUNDDOWN($C2772/24,0)+1,1))-1)+IF('Standard Profiles'!$G$19=$B$10,7,0)+IF('Standard Profiles'!$G$19=$B$17,14,0)+IF('Standard Profiles'!$G$19=$B$24,21,0),MOD($C2772,24)+1)/SUM(INDEX($D$3:$AA$30,INDEX(Jesper!$R$2:$R$366,ROW(INDEX(Jesper!AI$2:AI$366,ROUNDDOWN($C2772/24,0)+1,1))-1)+IF('Standard Profiles'!$G$19=$B$10,7,0)+IF('Standard Profiles'!$G$19=$B$17,14,0)+IF('Standard Profiles'!$G$19=$B$24,21,0),0)),0)</f>
        <v>0</v>
      </c>
      <c r="F2772" cm="1">
        <f t="array" ref="F2772">IFERROR(INDEX(Jesper!AJ$2:AJ$366,ROUNDDOWN($C2772/24,0)+1,1)*INDEX($D$3:$AA$30,INDEX(Jesper!$R$2:$R$366,ROW(INDEX(Jesper!AJ$2:AJ$366,ROUNDDOWN($C2772/24,0)+1,1))-1)+IF('Standard Profiles'!$G$20=$B$10,7,0)+IF('Standard Profiles'!$G$20=$B$17,14,0)+IF('Standard Profiles'!$G$20=$B$24,21,0),MOD($C2772,24)+1)/SUM(INDEX($D$3:$AA$30,INDEX(Jesper!$R$2:$R$366,ROW(INDEX(Jesper!AJ$2:AJ$366,ROUNDDOWN($C2772/24,0)+1,1))-1)+IF('Standard Profiles'!$G$20=$B$10,7,0)+IF('Standard Profiles'!$G$20=$B$17,14,0)+IF('Standard Profiles'!$G$20=$B$24,21,0),0)),0)</f>
        <v>0</v>
      </c>
      <c r="G2772" cm="1">
        <f t="array" ref="G2772">IFERROR(INDEX(Jesper!AK$2:AK$366,ROUNDDOWN($C2772/24,0)+1,1)*INDEX($D$3:$AA$30,INDEX(Jesper!$R$2:$R$366,ROW(INDEX(Jesper!AK$2:AK$366,ROUNDDOWN($C2772/24,0)+1,1))-1)+IF('Standard Profiles'!$G$21=$B$10,7,0)+IF('Standard Profiles'!$G$21=$B$17,14,0)+IF('Standard Profiles'!$G$21=$B$24,21,0),MOD($C2772,24)+1)/SUM(INDEX($D$3:$AA$30,INDEX(Jesper!$R$2:$R$366,ROW(INDEX(Jesper!AK$2:AK$366,ROUNDDOWN($C2772/24,0)+1,1))-1)+IF('Standard Profiles'!$G$21=$B$10,7,0)+IF('Standard Profiles'!$G$21=$B$17,14,0)+IF('Standard Profiles'!$G$21=$B$24,21,0),0)),0)</f>
        <v>0</v>
      </c>
      <c r="H2772" cm="1">
        <f t="array" ref="H2772">IFERROR(INDEX(Jesper!AL$2:AL$366,ROUNDDOWN($C2772/24,0)+1,1)*INDEX($D$3:$AA$30,INDEX(Jesper!$R$2:$R$366,ROW(INDEX(Jesper!AL$2:AL$366,ROUNDDOWN($C2772/24,0)+1,1))-1)+IF('Standard Profiles'!$G$22=$B$10,7,0)+IF('Standard Profiles'!$G$22=$B$17,14,0)+IF('Standard Profiles'!$G$22=$B$24,21,0),MOD($C2772,24)+1)/SUM(INDEX($D$3:$AA$30,INDEX(Jesper!$R$2:$R$366,ROW(INDEX(Jesper!AL$2:AL$366,ROUNDDOWN($C2772/24,0)+1,1))-1)+IF('Standard Profiles'!$G$22=$B$10,7,0)+IF('Standard Profiles'!$G$22=$B$17,14,0)+IF('Standard Profiles'!$G$22=$B$24,21,0),0)),0)</f>
        <v>0</v>
      </c>
      <c r="I2772">
        <f t="shared" si="314"/>
        <v>0.23325926368311878</v>
      </c>
      <c r="J2772">
        <f t="shared" si="315"/>
        <v>0.77753087894372941</v>
      </c>
      <c r="K2772">
        <f t="shared" si="316"/>
        <v>1.1662963184155939</v>
      </c>
      <c r="L2772">
        <f t="shared" si="317"/>
        <v>5.5982223283948507</v>
      </c>
      <c r="M2772">
        <f t="shared" si="318"/>
        <v>0</v>
      </c>
      <c r="N2772" s="46">
        <f t="shared" si="319"/>
        <v>45406.083333326693</v>
      </c>
    </row>
    <row r="2773" spans="2:14" x14ac:dyDescent="0.3">
      <c r="B2773">
        <f t="shared" si="313"/>
        <v>3</v>
      </c>
      <c r="C2773" s="16">
        <v>2739</v>
      </c>
      <c r="D2773" cm="1">
        <f t="array" ref="D2773">IFERROR(INDEX(Jesper!AH$2:AH$366,ROUNDDOWN($C2773/24,0)+1,1)*INDEX($D$3:$AA$30,INDEX(Jesper!$R$2:$R$366,ROW(INDEX(Jesper!AH$2:AH$366,ROUNDDOWN($C2773/24,0)+1,1))-1)+IF('Standard Profiles'!$G$18=$B$10,7,0)+IF('Standard Profiles'!$G$18=$B$17,14,0)+IF('Standard Profiles'!$G$18=$B$24,21,0),MOD($C2773,24)+1)/SUM(INDEX($D$3:$AA$30,INDEX(Jesper!$R$2:$R$366,ROW(INDEX(Jesper!AH$2:AH$366,ROUNDDOWN($C2773/24,0)+1,1))-1)+IF('Standard Profiles'!$G$18=$B$10,7,0)+IF('Standard Profiles'!$G$18=$B$17,14,0)+IF('Standard Profiles'!$G$18=$B$24,21,0),0)),0)</f>
        <v>7.7753087894372932</v>
      </c>
      <c r="E2773" cm="1">
        <f t="array" ref="E2773">IFERROR(INDEX(Jesper!AI$2:AI$366,ROUNDDOWN($C2773/24,0)+1,1)*INDEX($D$3:$AA$30,INDEX(Jesper!$R$2:$R$366,ROW(INDEX(Jesper!AI$2:AI$366,ROUNDDOWN($C2773/24,0)+1,1))-1)+IF('Standard Profiles'!$G$19=$B$10,7,0)+IF('Standard Profiles'!$G$19=$B$17,14,0)+IF('Standard Profiles'!$G$19=$B$24,21,0),MOD($C2773,24)+1)/SUM(INDEX($D$3:$AA$30,INDEX(Jesper!$R$2:$R$366,ROW(INDEX(Jesper!AI$2:AI$366,ROUNDDOWN($C2773/24,0)+1,1))-1)+IF('Standard Profiles'!$G$19=$B$10,7,0)+IF('Standard Profiles'!$G$19=$B$17,14,0)+IF('Standard Profiles'!$G$19=$B$24,21,0),0)),0)</f>
        <v>0</v>
      </c>
      <c r="F2773" cm="1">
        <f t="array" ref="F2773">IFERROR(INDEX(Jesper!AJ$2:AJ$366,ROUNDDOWN($C2773/24,0)+1,1)*INDEX($D$3:$AA$30,INDEX(Jesper!$R$2:$R$366,ROW(INDEX(Jesper!AJ$2:AJ$366,ROUNDDOWN($C2773/24,0)+1,1))-1)+IF('Standard Profiles'!$G$20=$B$10,7,0)+IF('Standard Profiles'!$G$20=$B$17,14,0)+IF('Standard Profiles'!$G$20=$B$24,21,0),MOD($C2773,24)+1)/SUM(INDEX($D$3:$AA$30,INDEX(Jesper!$R$2:$R$366,ROW(INDEX(Jesper!AJ$2:AJ$366,ROUNDDOWN($C2773/24,0)+1,1))-1)+IF('Standard Profiles'!$G$20=$B$10,7,0)+IF('Standard Profiles'!$G$20=$B$17,14,0)+IF('Standard Profiles'!$G$20=$B$24,21,0),0)),0)</f>
        <v>0</v>
      </c>
      <c r="G2773" cm="1">
        <f t="array" ref="G2773">IFERROR(INDEX(Jesper!AK$2:AK$366,ROUNDDOWN($C2773/24,0)+1,1)*INDEX($D$3:$AA$30,INDEX(Jesper!$R$2:$R$366,ROW(INDEX(Jesper!AK$2:AK$366,ROUNDDOWN($C2773/24,0)+1,1))-1)+IF('Standard Profiles'!$G$21=$B$10,7,0)+IF('Standard Profiles'!$G$21=$B$17,14,0)+IF('Standard Profiles'!$G$21=$B$24,21,0),MOD($C2773,24)+1)/SUM(INDEX($D$3:$AA$30,INDEX(Jesper!$R$2:$R$366,ROW(INDEX(Jesper!AK$2:AK$366,ROUNDDOWN($C2773/24,0)+1,1))-1)+IF('Standard Profiles'!$G$21=$B$10,7,0)+IF('Standard Profiles'!$G$21=$B$17,14,0)+IF('Standard Profiles'!$G$21=$B$24,21,0),0)),0)</f>
        <v>0</v>
      </c>
      <c r="H2773" cm="1">
        <f t="array" ref="H2773">IFERROR(INDEX(Jesper!AL$2:AL$366,ROUNDDOWN($C2773/24,0)+1,1)*INDEX($D$3:$AA$30,INDEX(Jesper!$R$2:$R$366,ROW(INDEX(Jesper!AL$2:AL$366,ROUNDDOWN($C2773/24,0)+1,1))-1)+IF('Standard Profiles'!$G$22=$B$10,7,0)+IF('Standard Profiles'!$G$22=$B$17,14,0)+IF('Standard Profiles'!$G$22=$B$24,21,0),MOD($C2773,24)+1)/SUM(INDEX($D$3:$AA$30,INDEX(Jesper!$R$2:$R$366,ROW(INDEX(Jesper!AL$2:AL$366,ROUNDDOWN($C2773/24,0)+1,1))-1)+IF('Standard Profiles'!$G$22=$B$10,7,0)+IF('Standard Profiles'!$G$22=$B$17,14,0)+IF('Standard Profiles'!$G$22=$B$24,21,0),0)),0)</f>
        <v>0</v>
      </c>
      <c r="I2773">
        <f t="shared" si="314"/>
        <v>0.23325926368311878</v>
      </c>
      <c r="J2773">
        <f t="shared" si="315"/>
        <v>0.77753087894372941</v>
      </c>
      <c r="K2773">
        <f t="shared" si="316"/>
        <v>1.1662963184155939</v>
      </c>
      <c r="L2773">
        <f t="shared" si="317"/>
        <v>5.5982223283948507</v>
      </c>
      <c r="M2773">
        <f t="shared" si="318"/>
        <v>0</v>
      </c>
      <c r="N2773" s="46">
        <f t="shared" si="319"/>
        <v>45406.124999993357</v>
      </c>
    </row>
    <row r="2774" spans="2:14" x14ac:dyDescent="0.3">
      <c r="B2774">
        <f t="shared" si="313"/>
        <v>3</v>
      </c>
      <c r="C2774" s="16">
        <v>2740</v>
      </c>
      <c r="D2774" cm="1">
        <f t="array" ref="D2774">IFERROR(INDEX(Jesper!AH$2:AH$366,ROUNDDOWN($C2774/24,0)+1,1)*INDEX($D$3:$AA$30,INDEX(Jesper!$R$2:$R$366,ROW(INDEX(Jesper!AH$2:AH$366,ROUNDDOWN($C2774/24,0)+1,1))-1)+IF('Standard Profiles'!$G$18=$B$10,7,0)+IF('Standard Profiles'!$G$18=$B$17,14,0)+IF('Standard Profiles'!$G$18=$B$24,21,0),MOD($C2774,24)+1)/SUM(INDEX($D$3:$AA$30,INDEX(Jesper!$R$2:$R$366,ROW(INDEX(Jesper!AH$2:AH$366,ROUNDDOWN($C2774/24,0)+1,1))-1)+IF('Standard Profiles'!$G$18=$B$10,7,0)+IF('Standard Profiles'!$G$18=$B$17,14,0)+IF('Standard Profiles'!$G$18=$B$24,21,0),0)),0)</f>
        <v>7.7753087894372932</v>
      </c>
      <c r="E2774" cm="1">
        <f t="array" ref="E2774">IFERROR(INDEX(Jesper!AI$2:AI$366,ROUNDDOWN($C2774/24,0)+1,1)*INDEX($D$3:$AA$30,INDEX(Jesper!$R$2:$R$366,ROW(INDEX(Jesper!AI$2:AI$366,ROUNDDOWN($C2774/24,0)+1,1))-1)+IF('Standard Profiles'!$G$19=$B$10,7,0)+IF('Standard Profiles'!$G$19=$B$17,14,0)+IF('Standard Profiles'!$G$19=$B$24,21,0),MOD($C2774,24)+1)/SUM(INDEX($D$3:$AA$30,INDEX(Jesper!$R$2:$R$366,ROW(INDEX(Jesper!AI$2:AI$366,ROUNDDOWN($C2774/24,0)+1,1))-1)+IF('Standard Profiles'!$G$19=$B$10,7,0)+IF('Standard Profiles'!$G$19=$B$17,14,0)+IF('Standard Profiles'!$G$19=$B$24,21,0),0)),0)</f>
        <v>0</v>
      </c>
      <c r="F2774" cm="1">
        <f t="array" ref="F2774">IFERROR(INDEX(Jesper!AJ$2:AJ$366,ROUNDDOWN($C2774/24,0)+1,1)*INDEX($D$3:$AA$30,INDEX(Jesper!$R$2:$R$366,ROW(INDEX(Jesper!AJ$2:AJ$366,ROUNDDOWN($C2774/24,0)+1,1))-1)+IF('Standard Profiles'!$G$20=$B$10,7,0)+IF('Standard Profiles'!$G$20=$B$17,14,0)+IF('Standard Profiles'!$G$20=$B$24,21,0),MOD($C2774,24)+1)/SUM(INDEX($D$3:$AA$30,INDEX(Jesper!$R$2:$R$366,ROW(INDEX(Jesper!AJ$2:AJ$366,ROUNDDOWN($C2774/24,0)+1,1))-1)+IF('Standard Profiles'!$G$20=$B$10,7,0)+IF('Standard Profiles'!$G$20=$B$17,14,0)+IF('Standard Profiles'!$G$20=$B$24,21,0),0)),0)</f>
        <v>0</v>
      </c>
      <c r="G2774" cm="1">
        <f t="array" ref="G2774">IFERROR(INDEX(Jesper!AK$2:AK$366,ROUNDDOWN($C2774/24,0)+1,1)*INDEX($D$3:$AA$30,INDEX(Jesper!$R$2:$R$366,ROW(INDEX(Jesper!AK$2:AK$366,ROUNDDOWN($C2774/24,0)+1,1))-1)+IF('Standard Profiles'!$G$21=$B$10,7,0)+IF('Standard Profiles'!$G$21=$B$17,14,0)+IF('Standard Profiles'!$G$21=$B$24,21,0),MOD($C2774,24)+1)/SUM(INDEX($D$3:$AA$30,INDEX(Jesper!$R$2:$R$366,ROW(INDEX(Jesper!AK$2:AK$366,ROUNDDOWN($C2774/24,0)+1,1))-1)+IF('Standard Profiles'!$G$21=$B$10,7,0)+IF('Standard Profiles'!$G$21=$B$17,14,0)+IF('Standard Profiles'!$G$21=$B$24,21,0),0)),0)</f>
        <v>0</v>
      </c>
      <c r="H2774" cm="1">
        <f t="array" ref="H2774">IFERROR(INDEX(Jesper!AL$2:AL$366,ROUNDDOWN($C2774/24,0)+1,1)*INDEX($D$3:$AA$30,INDEX(Jesper!$R$2:$R$366,ROW(INDEX(Jesper!AL$2:AL$366,ROUNDDOWN($C2774/24,0)+1,1))-1)+IF('Standard Profiles'!$G$22=$B$10,7,0)+IF('Standard Profiles'!$G$22=$B$17,14,0)+IF('Standard Profiles'!$G$22=$B$24,21,0),MOD($C2774,24)+1)/SUM(INDEX($D$3:$AA$30,INDEX(Jesper!$R$2:$R$366,ROW(INDEX(Jesper!AL$2:AL$366,ROUNDDOWN($C2774/24,0)+1,1))-1)+IF('Standard Profiles'!$G$22=$B$10,7,0)+IF('Standard Profiles'!$G$22=$B$17,14,0)+IF('Standard Profiles'!$G$22=$B$24,21,0),0)),0)</f>
        <v>0</v>
      </c>
      <c r="I2774">
        <f t="shared" si="314"/>
        <v>0.23325926368311878</v>
      </c>
      <c r="J2774">
        <f t="shared" si="315"/>
        <v>0.77753087894372941</v>
      </c>
      <c r="K2774">
        <f t="shared" si="316"/>
        <v>1.1662963184155939</v>
      </c>
      <c r="L2774">
        <f t="shared" si="317"/>
        <v>5.5982223283948507</v>
      </c>
      <c r="M2774">
        <f t="shared" si="318"/>
        <v>0</v>
      </c>
      <c r="N2774" s="46">
        <f t="shared" si="319"/>
        <v>45406.166666660021</v>
      </c>
    </row>
    <row r="2775" spans="2:14" x14ac:dyDescent="0.3">
      <c r="B2775">
        <f t="shared" si="313"/>
        <v>3</v>
      </c>
      <c r="C2775" s="16">
        <v>2741</v>
      </c>
      <c r="D2775" cm="1">
        <f t="array" ref="D2775">IFERROR(INDEX(Jesper!AH$2:AH$366,ROUNDDOWN($C2775/24,0)+1,1)*INDEX($D$3:$AA$30,INDEX(Jesper!$R$2:$R$366,ROW(INDEX(Jesper!AH$2:AH$366,ROUNDDOWN($C2775/24,0)+1,1))-1)+IF('Standard Profiles'!$G$18=$B$10,7,0)+IF('Standard Profiles'!$G$18=$B$17,14,0)+IF('Standard Profiles'!$G$18=$B$24,21,0),MOD($C2775,24)+1)/SUM(INDEX($D$3:$AA$30,INDEX(Jesper!$R$2:$R$366,ROW(INDEX(Jesper!AH$2:AH$366,ROUNDDOWN($C2775/24,0)+1,1))-1)+IF('Standard Profiles'!$G$18=$B$10,7,0)+IF('Standard Profiles'!$G$18=$B$17,14,0)+IF('Standard Profiles'!$G$18=$B$24,21,0),0)),0)</f>
        <v>10.021509106385844</v>
      </c>
      <c r="E2775" cm="1">
        <f t="array" ref="E2775">IFERROR(INDEX(Jesper!AI$2:AI$366,ROUNDDOWN($C2775/24,0)+1,1)*INDEX($D$3:$AA$30,INDEX(Jesper!$R$2:$R$366,ROW(INDEX(Jesper!AI$2:AI$366,ROUNDDOWN($C2775/24,0)+1,1))-1)+IF('Standard Profiles'!$G$19=$B$10,7,0)+IF('Standard Profiles'!$G$19=$B$17,14,0)+IF('Standard Profiles'!$G$19=$B$24,21,0),MOD($C2775,24)+1)/SUM(INDEX($D$3:$AA$30,INDEX(Jesper!$R$2:$R$366,ROW(INDEX(Jesper!AI$2:AI$366,ROUNDDOWN($C2775/24,0)+1,1))-1)+IF('Standard Profiles'!$G$19=$B$10,7,0)+IF('Standard Profiles'!$G$19=$B$17,14,0)+IF('Standard Profiles'!$G$19=$B$24,21,0),0)),0)</f>
        <v>0</v>
      </c>
      <c r="F2775" cm="1">
        <f t="array" ref="F2775">IFERROR(INDEX(Jesper!AJ$2:AJ$366,ROUNDDOWN($C2775/24,0)+1,1)*INDEX($D$3:$AA$30,INDEX(Jesper!$R$2:$R$366,ROW(INDEX(Jesper!AJ$2:AJ$366,ROUNDDOWN($C2775/24,0)+1,1))-1)+IF('Standard Profiles'!$G$20=$B$10,7,0)+IF('Standard Profiles'!$G$20=$B$17,14,0)+IF('Standard Profiles'!$G$20=$B$24,21,0),MOD($C2775,24)+1)/SUM(INDEX($D$3:$AA$30,INDEX(Jesper!$R$2:$R$366,ROW(INDEX(Jesper!AJ$2:AJ$366,ROUNDDOWN($C2775/24,0)+1,1))-1)+IF('Standard Profiles'!$G$20=$B$10,7,0)+IF('Standard Profiles'!$G$20=$B$17,14,0)+IF('Standard Profiles'!$G$20=$B$24,21,0),0)),0)</f>
        <v>0</v>
      </c>
      <c r="G2775" cm="1">
        <f t="array" ref="G2775">IFERROR(INDEX(Jesper!AK$2:AK$366,ROUNDDOWN($C2775/24,0)+1,1)*INDEX($D$3:$AA$30,INDEX(Jesper!$R$2:$R$366,ROW(INDEX(Jesper!AK$2:AK$366,ROUNDDOWN($C2775/24,0)+1,1))-1)+IF('Standard Profiles'!$G$21=$B$10,7,0)+IF('Standard Profiles'!$G$21=$B$17,14,0)+IF('Standard Profiles'!$G$21=$B$24,21,0),MOD($C2775,24)+1)/SUM(INDEX($D$3:$AA$30,INDEX(Jesper!$R$2:$R$366,ROW(INDEX(Jesper!AK$2:AK$366,ROUNDDOWN($C2775/24,0)+1,1))-1)+IF('Standard Profiles'!$G$21=$B$10,7,0)+IF('Standard Profiles'!$G$21=$B$17,14,0)+IF('Standard Profiles'!$G$21=$B$24,21,0),0)),0)</f>
        <v>0</v>
      </c>
      <c r="H2775" cm="1">
        <f t="array" ref="H2775">IFERROR(INDEX(Jesper!AL$2:AL$366,ROUNDDOWN($C2775/24,0)+1,1)*INDEX($D$3:$AA$30,INDEX(Jesper!$R$2:$R$366,ROW(INDEX(Jesper!AL$2:AL$366,ROUNDDOWN($C2775/24,0)+1,1))-1)+IF('Standard Profiles'!$G$22=$B$10,7,0)+IF('Standard Profiles'!$G$22=$B$17,14,0)+IF('Standard Profiles'!$G$22=$B$24,21,0),MOD($C2775,24)+1)/SUM(INDEX($D$3:$AA$30,INDEX(Jesper!$R$2:$R$366,ROW(INDEX(Jesper!AL$2:AL$366,ROUNDDOWN($C2775/24,0)+1,1))-1)+IF('Standard Profiles'!$G$22=$B$10,7,0)+IF('Standard Profiles'!$G$22=$B$17,14,0)+IF('Standard Profiles'!$G$22=$B$24,21,0),0)),0)</f>
        <v>0</v>
      </c>
      <c r="I2775">
        <f t="shared" si="314"/>
        <v>0.3006452731915753</v>
      </c>
      <c r="J2775">
        <f t="shared" si="315"/>
        <v>1.0021509106385844</v>
      </c>
      <c r="K2775">
        <f t="shared" si="316"/>
        <v>1.5032263659578766</v>
      </c>
      <c r="L2775">
        <f t="shared" si="317"/>
        <v>7.2154865565978072</v>
      </c>
      <c r="M2775">
        <f t="shared" si="318"/>
        <v>0</v>
      </c>
      <c r="N2775" s="46">
        <f t="shared" si="319"/>
        <v>45406.208333326686</v>
      </c>
    </row>
    <row r="2776" spans="2:14" x14ac:dyDescent="0.3">
      <c r="B2776">
        <f t="shared" si="313"/>
        <v>3</v>
      </c>
      <c r="C2776" s="16">
        <v>2742</v>
      </c>
      <c r="D2776" cm="1">
        <f t="array" ref="D2776">IFERROR(INDEX(Jesper!AH$2:AH$366,ROUNDDOWN($C2776/24,0)+1,1)*INDEX($D$3:$AA$30,INDEX(Jesper!$R$2:$R$366,ROW(INDEX(Jesper!AH$2:AH$366,ROUNDDOWN($C2776/24,0)+1,1))-1)+IF('Standard Profiles'!$G$18=$B$10,7,0)+IF('Standard Profiles'!$G$18=$B$17,14,0)+IF('Standard Profiles'!$G$18=$B$24,21,0),MOD($C2776,24)+1)/SUM(INDEX($D$3:$AA$30,INDEX(Jesper!$R$2:$R$366,ROW(INDEX(Jesper!AH$2:AH$366,ROUNDDOWN($C2776/24,0)+1,1))-1)+IF('Standard Profiles'!$G$18=$B$10,7,0)+IF('Standard Profiles'!$G$18=$B$17,14,0)+IF('Standard Profiles'!$G$18=$B$24,21,0),0)),0)</f>
        <v>11.576570864273304</v>
      </c>
      <c r="E2776" cm="1">
        <f t="array" ref="E2776">IFERROR(INDEX(Jesper!AI$2:AI$366,ROUNDDOWN($C2776/24,0)+1,1)*INDEX($D$3:$AA$30,INDEX(Jesper!$R$2:$R$366,ROW(INDEX(Jesper!AI$2:AI$366,ROUNDDOWN($C2776/24,0)+1,1))-1)+IF('Standard Profiles'!$G$19=$B$10,7,0)+IF('Standard Profiles'!$G$19=$B$17,14,0)+IF('Standard Profiles'!$G$19=$B$24,21,0),MOD($C2776,24)+1)/SUM(INDEX($D$3:$AA$30,INDEX(Jesper!$R$2:$R$366,ROW(INDEX(Jesper!AI$2:AI$366,ROUNDDOWN($C2776/24,0)+1,1))-1)+IF('Standard Profiles'!$G$19=$B$10,7,0)+IF('Standard Profiles'!$G$19=$B$17,14,0)+IF('Standard Profiles'!$G$19=$B$24,21,0),0)),0)</f>
        <v>0</v>
      </c>
      <c r="F2776" cm="1">
        <f t="array" ref="F2776">IFERROR(INDEX(Jesper!AJ$2:AJ$366,ROUNDDOWN($C2776/24,0)+1,1)*INDEX($D$3:$AA$30,INDEX(Jesper!$R$2:$R$366,ROW(INDEX(Jesper!AJ$2:AJ$366,ROUNDDOWN($C2776/24,0)+1,1))-1)+IF('Standard Profiles'!$G$20=$B$10,7,0)+IF('Standard Profiles'!$G$20=$B$17,14,0)+IF('Standard Profiles'!$G$20=$B$24,21,0),MOD($C2776,24)+1)/SUM(INDEX($D$3:$AA$30,INDEX(Jesper!$R$2:$R$366,ROW(INDEX(Jesper!AJ$2:AJ$366,ROUNDDOWN($C2776/24,0)+1,1))-1)+IF('Standard Profiles'!$G$20=$B$10,7,0)+IF('Standard Profiles'!$G$20=$B$17,14,0)+IF('Standard Profiles'!$G$20=$B$24,21,0),0)),0)</f>
        <v>0</v>
      </c>
      <c r="G2776" cm="1">
        <f t="array" ref="G2776">IFERROR(INDEX(Jesper!AK$2:AK$366,ROUNDDOWN($C2776/24,0)+1,1)*INDEX($D$3:$AA$30,INDEX(Jesper!$R$2:$R$366,ROW(INDEX(Jesper!AK$2:AK$366,ROUNDDOWN($C2776/24,0)+1,1))-1)+IF('Standard Profiles'!$G$21=$B$10,7,0)+IF('Standard Profiles'!$G$21=$B$17,14,0)+IF('Standard Profiles'!$G$21=$B$24,21,0),MOD($C2776,24)+1)/SUM(INDEX($D$3:$AA$30,INDEX(Jesper!$R$2:$R$366,ROW(INDEX(Jesper!AK$2:AK$366,ROUNDDOWN($C2776/24,0)+1,1))-1)+IF('Standard Profiles'!$G$21=$B$10,7,0)+IF('Standard Profiles'!$G$21=$B$17,14,0)+IF('Standard Profiles'!$G$21=$B$24,21,0),0)),0)</f>
        <v>0</v>
      </c>
      <c r="H2776" cm="1">
        <f t="array" ref="H2776">IFERROR(INDEX(Jesper!AL$2:AL$366,ROUNDDOWN($C2776/24,0)+1,1)*INDEX($D$3:$AA$30,INDEX(Jesper!$R$2:$R$366,ROW(INDEX(Jesper!AL$2:AL$366,ROUNDDOWN($C2776/24,0)+1,1))-1)+IF('Standard Profiles'!$G$22=$B$10,7,0)+IF('Standard Profiles'!$G$22=$B$17,14,0)+IF('Standard Profiles'!$G$22=$B$24,21,0),MOD($C2776,24)+1)/SUM(INDEX($D$3:$AA$30,INDEX(Jesper!$R$2:$R$366,ROW(INDEX(Jesper!AL$2:AL$366,ROUNDDOWN($C2776/24,0)+1,1))-1)+IF('Standard Profiles'!$G$22=$B$10,7,0)+IF('Standard Profiles'!$G$22=$B$17,14,0)+IF('Standard Profiles'!$G$22=$B$24,21,0),0)),0)</f>
        <v>0</v>
      </c>
      <c r="I2776">
        <f t="shared" si="314"/>
        <v>0.34729712592819911</v>
      </c>
      <c r="J2776">
        <f t="shared" si="315"/>
        <v>1.1576570864273303</v>
      </c>
      <c r="K2776">
        <f t="shared" si="316"/>
        <v>1.7364856296409956</v>
      </c>
      <c r="L2776">
        <f t="shared" si="317"/>
        <v>8.3351310222767783</v>
      </c>
      <c r="M2776">
        <f t="shared" si="318"/>
        <v>0</v>
      </c>
      <c r="N2776" s="46">
        <f t="shared" si="319"/>
        <v>45406.24999999335</v>
      </c>
    </row>
    <row r="2777" spans="2:14" x14ac:dyDescent="0.3">
      <c r="B2777">
        <f t="shared" si="313"/>
        <v>3</v>
      </c>
      <c r="C2777" s="16">
        <v>2743</v>
      </c>
      <c r="D2777" cm="1">
        <f t="array" ref="D2777">IFERROR(INDEX(Jesper!AH$2:AH$366,ROUNDDOWN($C2777/24,0)+1,1)*INDEX($D$3:$AA$30,INDEX(Jesper!$R$2:$R$366,ROW(INDEX(Jesper!AH$2:AH$366,ROUNDDOWN($C2777/24,0)+1,1))-1)+IF('Standard Profiles'!$G$18=$B$10,7,0)+IF('Standard Profiles'!$G$18=$B$17,14,0)+IF('Standard Profiles'!$G$18=$B$24,21,0),MOD($C2777,24)+1)/SUM(INDEX($D$3:$AA$30,INDEX(Jesper!$R$2:$R$366,ROW(INDEX(Jesper!AH$2:AH$366,ROUNDDOWN($C2777/24,0)+1,1))-1)+IF('Standard Profiles'!$G$18=$B$10,7,0)+IF('Standard Profiles'!$G$18=$B$17,14,0)+IF('Standard Profiles'!$G$18=$B$24,21,0),0)),0)</f>
        <v>11.576570864273304</v>
      </c>
      <c r="E2777" cm="1">
        <f t="array" ref="E2777">IFERROR(INDEX(Jesper!AI$2:AI$366,ROUNDDOWN($C2777/24,0)+1,1)*INDEX($D$3:$AA$30,INDEX(Jesper!$R$2:$R$366,ROW(INDEX(Jesper!AI$2:AI$366,ROUNDDOWN($C2777/24,0)+1,1))-1)+IF('Standard Profiles'!$G$19=$B$10,7,0)+IF('Standard Profiles'!$G$19=$B$17,14,0)+IF('Standard Profiles'!$G$19=$B$24,21,0),MOD($C2777,24)+1)/SUM(INDEX($D$3:$AA$30,INDEX(Jesper!$R$2:$R$366,ROW(INDEX(Jesper!AI$2:AI$366,ROUNDDOWN($C2777/24,0)+1,1))-1)+IF('Standard Profiles'!$G$19=$B$10,7,0)+IF('Standard Profiles'!$G$19=$B$17,14,0)+IF('Standard Profiles'!$G$19=$B$24,21,0),0)),0)</f>
        <v>0</v>
      </c>
      <c r="F2777" cm="1">
        <f t="array" ref="F2777">IFERROR(INDEX(Jesper!AJ$2:AJ$366,ROUNDDOWN($C2777/24,0)+1,1)*INDEX($D$3:$AA$30,INDEX(Jesper!$R$2:$R$366,ROW(INDEX(Jesper!AJ$2:AJ$366,ROUNDDOWN($C2777/24,0)+1,1))-1)+IF('Standard Profiles'!$G$20=$B$10,7,0)+IF('Standard Profiles'!$G$20=$B$17,14,0)+IF('Standard Profiles'!$G$20=$B$24,21,0),MOD($C2777,24)+1)/SUM(INDEX($D$3:$AA$30,INDEX(Jesper!$R$2:$R$366,ROW(INDEX(Jesper!AJ$2:AJ$366,ROUNDDOWN($C2777/24,0)+1,1))-1)+IF('Standard Profiles'!$G$20=$B$10,7,0)+IF('Standard Profiles'!$G$20=$B$17,14,0)+IF('Standard Profiles'!$G$20=$B$24,21,0),0)),0)</f>
        <v>0</v>
      </c>
      <c r="G2777" cm="1">
        <f t="array" ref="G2777">IFERROR(INDEX(Jesper!AK$2:AK$366,ROUNDDOWN($C2777/24,0)+1,1)*INDEX($D$3:$AA$30,INDEX(Jesper!$R$2:$R$366,ROW(INDEX(Jesper!AK$2:AK$366,ROUNDDOWN($C2777/24,0)+1,1))-1)+IF('Standard Profiles'!$G$21=$B$10,7,0)+IF('Standard Profiles'!$G$21=$B$17,14,0)+IF('Standard Profiles'!$G$21=$B$24,21,0),MOD($C2777,24)+1)/SUM(INDEX($D$3:$AA$30,INDEX(Jesper!$R$2:$R$366,ROW(INDEX(Jesper!AK$2:AK$366,ROUNDDOWN($C2777/24,0)+1,1))-1)+IF('Standard Profiles'!$G$21=$B$10,7,0)+IF('Standard Profiles'!$G$21=$B$17,14,0)+IF('Standard Profiles'!$G$21=$B$24,21,0),0)),0)</f>
        <v>0</v>
      </c>
      <c r="H2777" cm="1">
        <f t="array" ref="H2777">IFERROR(INDEX(Jesper!AL$2:AL$366,ROUNDDOWN($C2777/24,0)+1,1)*INDEX($D$3:$AA$30,INDEX(Jesper!$R$2:$R$366,ROW(INDEX(Jesper!AL$2:AL$366,ROUNDDOWN($C2777/24,0)+1,1))-1)+IF('Standard Profiles'!$G$22=$B$10,7,0)+IF('Standard Profiles'!$G$22=$B$17,14,0)+IF('Standard Profiles'!$G$22=$B$24,21,0),MOD($C2777,24)+1)/SUM(INDEX($D$3:$AA$30,INDEX(Jesper!$R$2:$R$366,ROW(INDEX(Jesper!AL$2:AL$366,ROUNDDOWN($C2777/24,0)+1,1))-1)+IF('Standard Profiles'!$G$22=$B$10,7,0)+IF('Standard Profiles'!$G$22=$B$17,14,0)+IF('Standard Profiles'!$G$22=$B$24,21,0),0)),0)</f>
        <v>0</v>
      </c>
      <c r="I2777">
        <f t="shared" si="314"/>
        <v>0.34729712592819911</v>
      </c>
      <c r="J2777">
        <f t="shared" si="315"/>
        <v>1.1576570864273303</v>
      </c>
      <c r="K2777">
        <f t="shared" si="316"/>
        <v>1.7364856296409956</v>
      </c>
      <c r="L2777">
        <f t="shared" si="317"/>
        <v>8.3351310222767783</v>
      </c>
      <c r="M2777">
        <f t="shared" si="318"/>
        <v>0</v>
      </c>
      <c r="N2777" s="46">
        <f t="shared" si="319"/>
        <v>45406.291666660014</v>
      </c>
    </row>
    <row r="2778" spans="2:14" x14ac:dyDescent="0.3">
      <c r="B2778">
        <f t="shared" si="313"/>
        <v>3</v>
      </c>
      <c r="C2778" s="16">
        <v>2744</v>
      </c>
      <c r="D2778" cm="1">
        <f t="array" ref="D2778">IFERROR(INDEX(Jesper!AH$2:AH$366,ROUNDDOWN($C2778/24,0)+1,1)*INDEX($D$3:$AA$30,INDEX(Jesper!$R$2:$R$366,ROW(INDEX(Jesper!AH$2:AH$366,ROUNDDOWN($C2778/24,0)+1,1))-1)+IF('Standard Profiles'!$G$18=$B$10,7,0)+IF('Standard Profiles'!$G$18=$B$17,14,0)+IF('Standard Profiles'!$G$18=$B$24,21,0),MOD($C2778,24)+1)/SUM(INDEX($D$3:$AA$30,INDEX(Jesper!$R$2:$R$366,ROW(INDEX(Jesper!AH$2:AH$366,ROUNDDOWN($C2778/24,0)+1,1))-1)+IF('Standard Profiles'!$G$18=$B$10,7,0)+IF('Standard Profiles'!$G$18=$B$17,14,0)+IF('Standard Profiles'!$G$18=$B$24,21,0),0)),0)</f>
        <v>11.576570864273304</v>
      </c>
      <c r="E2778" cm="1">
        <f t="array" ref="E2778">IFERROR(INDEX(Jesper!AI$2:AI$366,ROUNDDOWN($C2778/24,0)+1,1)*INDEX($D$3:$AA$30,INDEX(Jesper!$R$2:$R$366,ROW(INDEX(Jesper!AI$2:AI$366,ROUNDDOWN($C2778/24,0)+1,1))-1)+IF('Standard Profiles'!$G$19=$B$10,7,0)+IF('Standard Profiles'!$G$19=$B$17,14,0)+IF('Standard Profiles'!$G$19=$B$24,21,0),MOD($C2778,24)+1)/SUM(INDEX($D$3:$AA$30,INDEX(Jesper!$R$2:$R$366,ROW(INDEX(Jesper!AI$2:AI$366,ROUNDDOWN($C2778/24,0)+1,1))-1)+IF('Standard Profiles'!$G$19=$B$10,7,0)+IF('Standard Profiles'!$G$19=$B$17,14,0)+IF('Standard Profiles'!$G$19=$B$24,21,0),0)),0)</f>
        <v>0</v>
      </c>
      <c r="F2778" cm="1">
        <f t="array" ref="F2778">IFERROR(INDEX(Jesper!AJ$2:AJ$366,ROUNDDOWN($C2778/24,0)+1,1)*INDEX($D$3:$AA$30,INDEX(Jesper!$R$2:$R$366,ROW(INDEX(Jesper!AJ$2:AJ$366,ROUNDDOWN($C2778/24,0)+1,1))-1)+IF('Standard Profiles'!$G$20=$B$10,7,0)+IF('Standard Profiles'!$G$20=$B$17,14,0)+IF('Standard Profiles'!$G$20=$B$24,21,0),MOD($C2778,24)+1)/SUM(INDEX($D$3:$AA$30,INDEX(Jesper!$R$2:$R$366,ROW(INDEX(Jesper!AJ$2:AJ$366,ROUNDDOWN($C2778/24,0)+1,1))-1)+IF('Standard Profiles'!$G$20=$B$10,7,0)+IF('Standard Profiles'!$G$20=$B$17,14,0)+IF('Standard Profiles'!$G$20=$B$24,21,0),0)),0)</f>
        <v>0</v>
      </c>
      <c r="G2778" cm="1">
        <f t="array" ref="G2778">IFERROR(INDEX(Jesper!AK$2:AK$366,ROUNDDOWN($C2778/24,0)+1,1)*INDEX($D$3:$AA$30,INDEX(Jesper!$R$2:$R$366,ROW(INDEX(Jesper!AK$2:AK$366,ROUNDDOWN($C2778/24,0)+1,1))-1)+IF('Standard Profiles'!$G$21=$B$10,7,0)+IF('Standard Profiles'!$G$21=$B$17,14,0)+IF('Standard Profiles'!$G$21=$B$24,21,0),MOD($C2778,24)+1)/SUM(INDEX($D$3:$AA$30,INDEX(Jesper!$R$2:$R$366,ROW(INDEX(Jesper!AK$2:AK$366,ROUNDDOWN($C2778/24,0)+1,1))-1)+IF('Standard Profiles'!$G$21=$B$10,7,0)+IF('Standard Profiles'!$G$21=$B$17,14,0)+IF('Standard Profiles'!$G$21=$B$24,21,0),0)),0)</f>
        <v>0</v>
      </c>
      <c r="H2778" cm="1">
        <f t="array" ref="H2778">IFERROR(INDEX(Jesper!AL$2:AL$366,ROUNDDOWN($C2778/24,0)+1,1)*INDEX($D$3:$AA$30,INDEX(Jesper!$R$2:$R$366,ROW(INDEX(Jesper!AL$2:AL$366,ROUNDDOWN($C2778/24,0)+1,1))-1)+IF('Standard Profiles'!$G$22=$B$10,7,0)+IF('Standard Profiles'!$G$22=$B$17,14,0)+IF('Standard Profiles'!$G$22=$B$24,21,0),MOD($C2778,24)+1)/SUM(INDEX($D$3:$AA$30,INDEX(Jesper!$R$2:$R$366,ROW(INDEX(Jesper!AL$2:AL$366,ROUNDDOWN($C2778/24,0)+1,1))-1)+IF('Standard Profiles'!$G$22=$B$10,7,0)+IF('Standard Profiles'!$G$22=$B$17,14,0)+IF('Standard Profiles'!$G$22=$B$24,21,0),0)),0)</f>
        <v>0</v>
      </c>
      <c r="I2778">
        <f t="shared" si="314"/>
        <v>0.34729712592819911</v>
      </c>
      <c r="J2778">
        <f t="shared" si="315"/>
        <v>1.1576570864273303</v>
      </c>
      <c r="K2778">
        <f t="shared" si="316"/>
        <v>1.7364856296409956</v>
      </c>
      <c r="L2778">
        <f t="shared" si="317"/>
        <v>8.3351310222767783</v>
      </c>
      <c r="M2778">
        <f t="shared" si="318"/>
        <v>0</v>
      </c>
      <c r="N2778" s="46">
        <f t="shared" si="319"/>
        <v>45406.333333326678</v>
      </c>
    </row>
    <row r="2779" spans="2:14" x14ac:dyDescent="0.3">
      <c r="B2779">
        <f t="shared" si="313"/>
        <v>3</v>
      </c>
      <c r="C2779" s="16">
        <v>2745</v>
      </c>
      <c r="D2779" cm="1">
        <f t="array" ref="D2779">IFERROR(INDEX(Jesper!AH$2:AH$366,ROUNDDOWN($C2779/24,0)+1,1)*INDEX($D$3:$AA$30,INDEX(Jesper!$R$2:$R$366,ROW(INDEX(Jesper!AH$2:AH$366,ROUNDDOWN($C2779/24,0)+1,1))-1)+IF('Standard Profiles'!$G$18=$B$10,7,0)+IF('Standard Profiles'!$G$18=$B$17,14,0)+IF('Standard Profiles'!$G$18=$B$24,21,0),MOD($C2779,24)+1)/SUM(INDEX($D$3:$AA$30,INDEX(Jesper!$R$2:$R$366,ROW(INDEX(Jesper!AH$2:AH$366,ROUNDDOWN($C2779/24,0)+1,1))-1)+IF('Standard Profiles'!$G$18=$B$10,7,0)+IF('Standard Profiles'!$G$18=$B$17,14,0)+IF('Standard Profiles'!$G$18=$B$24,21,0),0)),0)</f>
        <v>12.440494063099669</v>
      </c>
      <c r="E2779" cm="1">
        <f t="array" ref="E2779">IFERROR(INDEX(Jesper!AI$2:AI$366,ROUNDDOWN($C2779/24,0)+1,1)*INDEX($D$3:$AA$30,INDEX(Jesper!$R$2:$R$366,ROW(INDEX(Jesper!AI$2:AI$366,ROUNDDOWN($C2779/24,0)+1,1))-1)+IF('Standard Profiles'!$G$19=$B$10,7,0)+IF('Standard Profiles'!$G$19=$B$17,14,0)+IF('Standard Profiles'!$G$19=$B$24,21,0),MOD($C2779,24)+1)/SUM(INDEX($D$3:$AA$30,INDEX(Jesper!$R$2:$R$366,ROW(INDEX(Jesper!AI$2:AI$366,ROUNDDOWN($C2779/24,0)+1,1))-1)+IF('Standard Profiles'!$G$19=$B$10,7,0)+IF('Standard Profiles'!$G$19=$B$17,14,0)+IF('Standard Profiles'!$G$19=$B$24,21,0),0)),0)</f>
        <v>0</v>
      </c>
      <c r="F2779" cm="1">
        <f t="array" ref="F2779">IFERROR(INDEX(Jesper!AJ$2:AJ$366,ROUNDDOWN($C2779/24,0)+1,1)*INDEX($D$3:$AA$30,INDEX(Jesper!$R$2:$R$366,ROW(INDEX(Jesper!AJ$2:AJ$366,ROUNDDOWN($C2779/24,0)+1,1))-1)+IF('Standard Profiles'!$G$20=$B$10,7,0)+IF('Standard Profiles'!$G$20=$B$17,14,0)+IF('Standard Profiles'!$G$20=$B$24,21,0),MOD($C2779,24)+1)/SUM(INDEX($D$3:$AA$30,INDEX(Jesper!$R$2:$R$366,ROW(INDEX(Jesper!AJ$2:AJ$366,ROUNDDOWN($C2779/24,0)+1,1))-1)+IF('Standard Profiles'!$G$20=$B$10,7,0)+IF('Standard Profiles'!$G$20=$B$17,14,0)+IF('Standard Profiles'!$G$20=$B$24,21,0),0)),0)</f>
        <v>0</v>
      </c>
      <c r="G2779" cm="1">
        <f t="array" ref="G2779">IFERROR(INDEX(Jesper!AK$2:AK$366,ROUNDDOWN($C2779/24,0)+1,1)*INDEX($D$3:$AA$30,INDEX(Jesper!$R$2:$R$366,ROW(INDEX(Jesper!AK$2:AK$366,ROUNDDOWN($C2779/24,0)+1,1))-1)+IF('Standard Profiles'!$G$21=$B$10,7,0)+IF('Standard Profiles'!$G$21=$B$17,14,0)+IF('Standard Profiles'!$G$21=$B$24,21,0),MOD($C2779,24)+1)/SUM(INDEX($D$3:$AA$30,INDEX(Jesper!$R$2:$R$366,ROW(INDEX(Jesper!AK$2:AK$366,ROUNDDOWN($C2779/24,0)+1,1))-1)+IF('Standard Profiles'!$G$21=$B$10,7,0)+IF('Standard Profiles'!$G$21=$B$17,14,0)+IF('Standard Profiles'!$G$21=$B$24,21,0),0)),0)</f>
        <v>0</v>
      </c>
      <c r="H2779" cm="1">
        <f t="array" ref="H2779">IFERROR(INDEX(Jesper!AL$2:AL$366,ROUNDDOWN($C2779/24,0)+1,1)*INDEX($D$3:$AA$30,INDEX(Jesper!$R$2:$R$366,ROW(INDEX(Jesper!AL$2:AL$366,ROUNDDOWN($C2779/24,0)+1,1))-1)+IF('Standard Profiles'!$G$22=$B$10,7,0)+IF('Standard Profiles'!$G$22=$B$17,14,0)+IF('Standard Profiles'!$G$22=$B$24,21,0),MOD($C2779,24)+1)/SUM(INDEX($D$3:$AA$30,INDEX(Jesper!$R$2:$R$366,ROW(INDEX(Jesper!AL$2:AL$366,ROUNDDOWN($C2779/24,0)+1,1))-1)+IF('Standard Profiles'!$G$22=$B$10,7,0)+IF('Standard Profiles'!$G$22=$B$17,14,0)+IF('Standard Profiles'!$G$22=$B$24,21,0),0)),0)</f>
        <v>0</v>
      </c>
      <c r="I2779">
        <f t="shared" si="314"/>
        <v>0.37321482189299005</v>
      </c>
      <c r="J2779">
        <f t="shared" si="315"/>
        <v>1.244049406309967</v>
      </c>
      <c r="K2779">
        <f t="shared" si="316"/>
        <v>1.8660741094649502</v>
      </c>
      <c r="L2779">
        <f t="shared" si="317"/>
        <v>8.9571557254317611</v>
      </c>
      <c r="M2779">
        <f t="shared" si="318"/>
        <v>0</v>
      </c>
      <c r="N2779" s="46">
        <f t="shared" si="319"/>
        <v>45406.374999993342</v>
      </c>
    </row>
    <row r="2780" spans="2:14" x14ac:dyDescent="0.3">
      <c r="B2780">
        <f t="shared" si="313"/>
        <v>3</v>
      </c>
      <c r="C2780" s="16">
        <v>2746</v>
      </c>
      <c r="D2780" cm="1">
        <f t="array" ref="D2780">IFERROR(INDEX(Jesper!AH$2:AH$366,ROUNDDOWN($C2780/24,0)+1,1)*INDEX($D$3:$AA$30,INDEX(Jesper!$R$2:$R$366,ROW(INDEX(Jesper!AH$2:AH$366,ROUNDDOWN($C2780/24,0)+1,1))-1)+IF('Standard Profiles'!$G$18=$B$10,7,0)+IF('Standard Profiles'!$G$18=$B$17,14,0)+IF('Standard Profiles'!$G$18=$B$24,21,0),MOD($C2780,24)+1)/SUM(INDEX($D$3:$AA$30,INDEX(Jesper!$R$2:$R$366,ROW(INDEX(Jesper!AH$2:AH$366,ROUNDDOWN($C2780/24,0)+1,1))-1)+IF('Standard Profiles'!$G$18=$B$10,7,0)+IF('Standard Profiles'!$G$18=$B$17,14,0)+IF('Standard Profiles'!$G$18=$B$24,21,0),0)),0)</f>
        <v>13.477201901691307</v>
      </c>
      <c r="E2780" cm="1">
        <f t="array" ref="E2780">IFERROR(INDEX(Jesper!AI$2:AI$366,ROUNDDOWN($C2780/24,0)+1,1)*INDEX($D$3:$AA$30,INDEX(Jesper!$R$2:$R$366,ROW(INDEX(Jesper!AI$2:AI$366,ROUNDDOWN($C2780/24,0)+1,1))-1)+IF('Standard Profiles'!$G$19=$B$10,7,0)+IF('Standard Profiles'!$G$19=$B$17,14,0)+IF('Standard Profiles'!$G$19=$B$24,21,0),MOD($C2780,24)+1)/SUM(INDEX($D$3:$AA$30,INDEX(Jesper!$R$2:$R$366,ROW(INDEX(Jesper!AI$2:AI$366,ROUNDDOWN($C2780/24,0)+1,1))-1)+IF('Standard Profiles'!$G$19=$B$10,7,0)+IF('Standard Profiles'!$G$19=$B$17,14,0)+IF('Standard Profiles'!$G$19=$B$24,21,0),0)),0)</f>
        <v>0</v>
      </c>
      <c r="F2780" cm="1">
        <f t="array" ref="F2780">IFERROR(INDEX(Jesper!AJ$2:AJ$366,ROUNDDOWN($C2780/24,0)+1,1)*INDEX($D$3:$AA$30,INDEX(Jesper!$R$2:$R$366,ROW(INDEX(Jesper!AJ$2:AJ$366,ROUNDDOWN($C2780/24,0)+1,1))-1)+IF('Standard Profiles'!$G$20=$B$10,7,0)+IF('Standard Profiles'!$G$20=$B$17,14,0)+IF('Standard Profiles'!$G$20=$B$24,21,0),MOD($C2780,24)+1)/SUM(INDEX($D$3:$AA$30,INDEX(Jesper!$R$2:$R$366,ROW(INDEX(Jesper!AJ$2:AJ$366,ROUNDDOWN($C2780/24,0)+1,1))-1)+IF('Standard Profiles'!$G$20=$B$10,7,0)+IF('Standard Profiles'!$G$20=$B$17,14,0)+IF('Standard Profiles'!$G$20=$B$24,21,0),0)),0)</f>
        <v>0</v>
      </c>
      <c r="G2780" cm="1">
        <f t="array" ref="G2780">IFERROR(INDEX(Jesper!AK$2:AK$366,ROUNDDOWN($C2780/24,0)+1,1)*INDEX($D$3:$AA$30,INDEX(Jesper!$R$2:$R$366,ROW(INDEX(Jesper!AK$2:AK$366,ROUNDDOWN($C2780/24,0)+1,1))-1)+IF('Standard Profiles'!$G$21=$B$10,7,0)+IF('Standard Profiles'!$G$21=$B$17,14,0)+IF('Standard Profiles'!$G$21=$B$24,21,0),MOD($C2780,24)+1)/SUM(INDEX($D$3:$AA$30,INDEX(Jesper!$R$2:$R$366,ROW(INDEX(Jesper!AK$2:AK$366,ROUNDDOWN($C2780/24,0)+1,1))-1)+IF('Standard Profiles'!$G$21=$B$10,7,0)+IF('Standard Profiles'!$G$21=$B$17,14,0)+IF('Standard Profiles'!$G$21=$B$24,21,0),0)),0)</f>
        <v>0</v>
      </c>
      <c r="H2780" cm="1">
        <f t="array" ref="H2780">IFERROR(INDEX(Jesper!AL$2:AL$366,ROUNDDOWN($C2780/24,0)+1,1)*INDEX($D$3:$AA$30,INDEX(Jesper!$R$2:$R$366,ROW(INDEX(Jesper!AL$2:AL$366,ROUNDDOWN($C2780/24,0)+1,1))-1)+IF('Standard Profiles'!$G$22=$B$10,7,0)+IF('Standard Profiles'!$G$22=$B$17,14,0)+IF('Standard Profiles'!$G$22=$B$24,21,0),MOD($C2780,24)+1)/SUM(INDEX($D$3:$AA$30,INDEX(Jesper!$R$2:$R$366,ROW(INDEX(Jesper!AL$2:AL$366,ROUNDDOWN($C2780/24,0)+1,1))-1)+IF('Standard Profiles'!$G$22=$B$10,7,0)+IF('Standard Profiles'!$G$22=$B$17,14,0)+IF('Standard Profiles'!$G$22=$B$24,21,0),0)),0)</f>
        <v>0</v>
      </c>
      <c r="I2780">
        <f t="shared" si="314"/>
        <v>0.4043160570507392</v>
      </c>
      <c r="J2780">
        <f t="shared" si="315"/>
        <v>1.3477201901691309</v>
      </c>
      <c r="K2780">
        <f t="shared" si="316"/>
        <v>2.0215802852536959</v>
      </c>
      <c r="L2780">
        <f t="shared" si="317"/>
        <v>9.7035853692177412</v>
      </c>
      <c r="M2780">
        <f t="shared" si="318"/>
        <v>0</v>
      </c>
      <c r="N2780" s="46">
        <f t="shared" si="319"/>
        <v>45406.416666660007</v>
      </c>
    </row>
    <row r="2781" spans="2:14" x14ac:dyDescent="0.3">
      <c r="B2781">
        <f t="shared" si="313"/>
        <v>3</v>
      </c>
      <c r="C2781" s="16">
        <v>2747</v>
      </c>
      <c r="D2781" cm="1">
        <f t="array" ref="D2781">IFERROR(INDEX(Jesper!AH$2:AH$366,ROUNDDOWN($C2781/24,0)+1,1)*INDEX($D$3:$AA$30,INDEX(Jesper!$R$2:$R$366,ROW(INDEX(Jesper!AH$2:AH$366,ROUNDDOWN($C2781/24,0)+1,1))-1)+IF('Standard Profiles'!$G$18=$B$10,7,0)+IF('Standard Profiles'!$G$18=$B$17,14,0)+IF('Standard Profiles'!$G$18=$B$24,21,0),MOD($C2781,24)+1)/SUM(INDEX($D$3:$AA$30,INDEX(Jesper!$R$2:$R$366,ROW(INDEX(Jesper!AH$2:AH$366,ROUNDDOWN($C2781/24,0)+1,1))-1)+IF('Standard Profiles'!$G$18=$B$10,7,0)+IF('Standard Profiles'!$G$18=$B$17,14,0)+IF('Standard Profiles'!$G$18=$B$24,21,0),0)),0)</f>
        <v>15.550617578874586</v>
      </c>
      <c r="E2781" cm="1">
        <f t="array" ref="E2781">IFERROR(INDEX(Jesper!AI$2:AI$366,ROUNDDOWN($C2781/24,0)+1,1)*INDEX($D$3:$AA$30,INDEX(Jesper!$R$2:$R$366,ROW(INDEX(Jesper!AI$2:AI$366,ROUNDDOWN($C2781/24,0)+1,1))-1)+IF('Standard Profiles'!$G$19=$B$10,7,0)+IF('Standard Profiles'!$G$19=$B$17,14,0)+IF('Standard Profiles'!$G$19=$B$24,21,0),MOD($C2781,24)+1)/SUM(INDEX($D$3:$AA$30,INDEX(Jesper!$R$2:$R$366,ROW(INDEX(Jesper!AI$2:AI$366,ROUNDDOWN($C2781/24,0)+1,1))-1)+IF('Standard Profiles'!$G$19=$B$10,7,0)+IF('Standard Profiles'!$G$19=$B$17,14,0)+IF('Standard Profiles'!$G$19=$B$24,21,0),0)),0)</f>
        <v>0</v>
      </c>
      <c r="F2781" cm="1">
        <f t="array" ref="F2781">IFERROR(INDEX(Jesper!AJ$2:AJ$366,ROUNDDOWN($C2781/24,0)+1,1)*INDEX($D$3:$AA$30,INDEX(Jesper!$R$2:$R$366,ROW(INDEX(Jesper!AJ$2:AJ$366,ROUNDDOWN($C2781/24,0)+1,1))-1)+IF('Standard Profiles'!$G$20=$B$10,7,0)+IF('Standard Profiles'!$G$20=$B$17,14,0)+IF('Standard Profiles'!$G$20=$B$24,21,0),MOD($C2781,24)+1)/SUM(INDEX($D$3:$AA$30,INDEX(Jesper!$R$2:$R$366,ROW(INDEX(Jesper!AJ$2:AJ$366,ROUNDDOWN($C2781/24,0)+1,1))-1)+IF('Standard Profiles'!$G$20=$B$10,7,0)+IF('Standard Profiles'!$G$20=$B$17,14,0)+IF('Standard Profiles'!$G$20=$B$24,21,0),0)),0)</f>
        <v>0</v>
      </c>
      <c r="G2781" cm="1">
        <f t="array" ref="G2781">IFERROR(INDEX(Jesper!AK$2:AK$366,ROUNDDOWN($C2781/24,0)+1,1)*INDEX($D$3:$AA$30,INDEX(Jesper!$R$2:$R$366,ROW(INDEX(Jesper!AK$2:AK$366,ROUNDDOWN($C2781/24,0)+1,1))-1)+IF('Standard Profiles'!$G$21=$B$10,7,0)+IF('Standard Profiles'!$G$21=$B$17,14,0)+IF('Standard Profiles'!$G$21=$B$24,21,0),MOD($C2781,24)+1)/SUM(INDEX($D$3:$AA$30,INDEX(Jesper!$R$2:$R$366,ROW(INDEX(Jesper!AK$2:AK$366,ROUNDDOWN($C2781/24,0)+1,1))-1)+IF('Standard Profiles'!$G$21=$B$10,7,0)+IF('Standard Profiles'!$G$21=$B$17,14,0)+IF('Standard Profiles'!$G$21=$B$24,21,0),0)),0)</f>
        <v>0</v>
      </c>
      <c r="H2781" cm="1">
        <f t="array" ref="H2781">IFERROR(INDEX(Jesper!AL$2:AL$366,ROUNDDOWN($C2781/24,0)+1,1)*INDEX($D$3:$AA$30,INDEX(Jesper!$R$2:$R$366,ROW(INDEX(Jesper!AL$2:AL$366,ROUNDDOWN($C2781/24,0)+1,1))-1)+IF('Standard Profiles'!$G$22=$B$10,7,0)+IF('Standard Profiles'!$G$22=$B$17,14,0)+IF('Standard Profiles'!$G$22=$B$24,21,0),MOD($C2781,24)+1)/SUM(INDEX($D$3:$AA$30,INDEX(Jesper!$R$2:$R$366,ROW(INDEX(Jesper!AL$2:AL$366,ROUNDDOWN($C2781/24,0)+1,1))-1)+IF('Standard Profiles'!$G$22=$B$10,7,0)+IF('Standard Profiles'!$G$22=$B$17,14,0)+IF('Standard Profiles'!$G$22=$B$24,21,0),0)),0)</f>
        <v>0</v>
      </c>
      <c r="I2781">
        <f t="shared" si="314"/>
        <v>0.46651852736623756</v>
      </c>
      <c r="J2781">
        <f t="shared" si="315"/>
        <v>1.5550617578874588</v>
      </c>
      <c r="K2781">
        <f t="shared" si="316"/>
        <v>2.3325926368311878</v>
      </c>
      <c r="L2781">
        <f t="shared" si="317"/>
        <v>11.196444656789701</v>
      </c>
      <c r="M2781">
        <f t="shared" si="318"/>
        <v>0</v>
      </c>
      <c r="N2781" s="46">
        <f t="shared" si="319"/>
        <v>45406.458333326671</v>
      </c>
    </row>
    <row r="2782" spans="2:14" x14ac:dyDescent="0.3">
      <c r="B2782">
        <f t="shared" si="313"/>
        <v>3</v>
      </c>
      <c r="C2782" s="16">
        <v>2748</v>
      </c>
      <c r="D2782" cm="1">
        <f t="array" ref="D2782">IFERROR(INDEX(Jesper!AH$2:AH$366,ROUNDDOWN($C2782/24,0)+1,1)*INDEX($D$3:$AA$30,INDEX(Jesper!$R$2:$R$366,ROW(INDEX(Jesper!AH$2:AH$366,ROUNDDOWN($C2782/24,0)+1,1))-1)+IF('Standard Profiles'!$G$18=$B$10,7,0)+IF('Standard Profiles'!$G$18=$B$17,14,0)+IF('Standard Profiles'!$G$18=$B$24,21,0),MOD($C2782,24)+1)/SUM(INDEX($D$3:$AA$30,INDEX(Jesper!$R$2:$R$366,ROW(INDEX(Jesper!AH$2:AH$366,ROUNDDOWN($C2782/24,0)+1,1))-1)+IF('Standard Profiles'!$G$18=$B$10,7,0)+IF('Standard Profiles'!$G$18=$B$17,14,0)+IF('Standard Profiles'!$G$18=$B$24,21,0),0)),0)</f>
        <v>15.550617578874586</v>
      </c>
      <c r="E2782" cm="1">
        <f t="array" ref="E2782">IFERROR(INDEX(Jesper!AI$2:AI$366,ROUNDDOWN($C2782/24,0)+1,1)*INDEX($D$3:$AA$30,INDEX(Jesper!$R$2:$R$366,ROW(INDEX(Jesper!AI$2:AI$366,ROUNDDOWN($C2782/24,0)+1,1))-1)+IF('Standard Profiles'!$G$19=$B$10,7,0)+IF('Standard Profiles'!$G$19=$B$17,14,0)+IF('Standard Profiles'!$G$19=$B$24,21,0),MOD($C2782,24)+1)/SUM(INDEX($D$3:$AA$30,INDEX(Jesper!$R$2:$R$366,ROW(INDEX(Jesper!AI$2:AI$366,ROUNDDOWN($C2782/24,0)+1,1))-1)+IF('Standard Profiles'!$G$19=$B$10,7,0)+IF('Standard Profiles'!$G$19=$B$17,14,0)+IF('Standard Profiles'!$G$19=$B$24,21,0),0)),0)</f>
        <v>0</v>
      </c>
      <c r="F2782" cm="1">
        <f t="array" ref="F2782">IFERROR(INDEX(Jesper!AJ$2:AJ$366,ROUNDDOWN($C2782/24,0)+1,1)*INDEX($D$3:$AA$30,INDEX(Jesper!$R$2:$R$366,ROW(INDEX(Jesper!AJ$2:AJ$366,ROUNDDOWN($C2782/24,0)+1,1))-1)+IF('Standard Profiles'!$G$20=$B$10,7,0)+IF('Standard Profiles'!$G$20=$B$17,14,0)+IF('Standard Profiles'!$G$20=$B$24,21,0),MOD($C2782,24)+1)/SUM(INDEX($D$3:$AA$30,INDEX(Jesper!$R$2:$R$366,ROW(INDEX(Jesper!AJ$2:AJ$366,ROUNDDOWN($C2782/24,0)+1,1))-1)+IF('Standard Profiles'!$G$20=$B$10,7,0)+IF('Standard Profiles'!$G$20=$B$17,14,0)+IF('Standard Profiles'!$G$20=$B$24,21,0),0)),0)</f>
        <v>0</v>
      </c>
      <c r="G2782" cm="1">
        <f t="array" ref="G2782">IFERROR(INDEX(Jesper!AK$2:AK$366,ROUNDDOWN($C2782/24,0)+1,1)*INDEX($D$3:$AA$30,INDEX(Jesper!$R$2:$R$366,ROW(INDEX(Jesper!AK$2:AK$366,ROUNDDOWN($C2782/24,0)+1,1))-1)+IF('Standard Profiles'!$G$21=$B$10,7,0)+IF('Standard Profiles'!$G$21=$B$17,14,0)+IF('Standard Profiles'!$G$21=$B$24,21,0),MOD($C2782,24)+1)/SUM(INDEX($D$3:$AA$30,INDEX(Jesper!$R$2:$R$366,ROW(INDEX(Jesper!AK$2:AK$366,ROUNDDOWN($C2782/24,0)+1,1))-1)+IF('Standard Profiles'!$G$21=$B$10,7,0)+IF('Standard Profiles'!$G$21=$B$17,14,0)+IF('Standard Profiles'!$G$21=$B$24,21,0),0)),0)</f>
        <v>0</v>
      </c>
      <c r="H2782" cm="1">
        <f t="array" ref="H2782">IFERROR(INDEX(Jesper!AL$2:AL$366,ROUNDDOWN($C2782/24,0)+1,1)*INDEX($D$3:$AA$30,INDEX(Jesper!$R$2:$R$366,ROW(INDEX(Jesper!AL$2:AL$366,ROUNDDOWN($C2782/24,0)+1,1))-1)+IF('Standard Profiles'!$G$22=$B$10,7,0)+IF('Standard Profiles'!$G$22=$B$17,14,0)+IF('Standard Profiles'!$G$22=$B$24,21,0),MOD($C2782,24)+1)/SUM(INDEX($D$3:$AA$30,INDEX(Jesper!$R$2:$R$366,ROW(INDEX(Jesper!AL$2:AL$366,ROUNDDOWN($C2782/24,0)+1,1))-1)+IF('Standard Profiles'!$G$22=$B$10,7,0)+IF('Standard Profiles'!$G$22=$B$17,14,0)+IF('Standard Profiles'!$G$22=$B$24,21,0),0)),0)</f>
        <v>0</v>
      </c>
      <c r="I2782">
        <f t="shared" si="314"/>
        <v>0.46651852736623756</v>
      </c>
      <c r="J2782">
        <f t="shared" si="315"/>
        <v>1.5550617578874588</v>
      </c>
      <c r="K2782">
        <f t="shared" si="316"/>
        <v>2.3325926368311878</v>
      </c>
      <c r="L2782">
        <f t="shared" si="317"/>
        <v>11.196444656789701</v>
      </c>
      <c r="M2782">
        <f t="shared" si="318"/>
        <v>0</v>
      </c>
      <c r="N2782" s="46">
        <f t="shared" si="319"/>
        <v>45406.499999993335</v>
      </c>
    </row>
    <row r="2783" spans="2:14" x14ac:dyDescent="0.3">
      <c r="B2783">
        <f t="shared" si="313"/>
        <v>3</v>
      </c>
      <c r="C2783" s="16">
        <v>2749</v>
      </c>
      <c r="D2783" cm="1">
        <f t="array" ref="D2783">IFERROR(INDEX(Jesper!AH$2:AH$366,ROUNDDOWN($C2783/24,0)+1,1)*INDEX($D$3:$AA$30,INDEX(Jesper!$R$2:$R$366,ROW(INDEX(Jesper!AH$2:AH$366,ROUNDDOWN($C2783/24,0)+1,1))-1)+IF('Standard Profiles'!$G$18=$B$10,7,0)+IF('Standard Profiles'!$G$18=$B$17,14,0)+IF('Standard Profiles'!$G$18=$B$24,21,0),MOD($C2783,24)+1)/SUM(INDEX($D$3:$AA$30,INDEX(Jesper!$R$2:$R$366,ROW(INDEX(Jesper!AH$2:AH$366,ROUNDDOWN($C2783/24,0)+1,1))-1)+IF('Standard Profiles'!$G$18=$B$10,7,0)+IF('Standard Profiles'!$G$18=$B$17,14,0)+IF('Standard Profiles'!$G$18=$B$24,21,0),0)),0)</f>
        <v>15.550617578874586</v>
      </c>
      <c r="E2783" cm="1">
        <f t="array" ref="E2783">IFERROR(INDEX(Jesper!AI$2:AI$366,ROUNDDOWN($C2783/24,0)+1,1)*INDEX($D$3:$AA$30,INDEX(Jesper!$R$2:$R$366,ROW(INDEX(Jesper!AI$2:AI$366,ROUNDDOWN($C2783/24,0)+1,1))-1)+IF('Standard Profiles'!$G$19=$B$10,7,0)+IF('Standard Profiles'!$G$19=$B$17,14,0)+IF('Standard Profiles'!$G$19=$B$24,21,0),MOD($C2783,24)+1)/SUM(INDEX($D$3:$AA$30,INDEX(Jesper!$R$2:$R$366,ROW(INDEX(Jesper!AI$2:AI$366,ROUNDDOWN($C2783/24,0)+1,1))-1)+IF('Standard Profiles'!$G$19=$B$10,7,0)+IF('Standard Profiles'!$G$19=$B$17,14,0)+IF('Standard Profiles'!$G$19=$B$24,21,0),0)),0)</f>
        <v>0</v>
      </c>
      <c r="F2783" cm="1">
        <f t="array" ref="F2783">IFERROR(INDEX(Jesper!AJ$2:AJ$366,ROUNDDOWN($C2783/24,0)+1,1)*INDEX($D$3:$AA$30,INDEX(Jesper!$R$2:$R$366,ROW(INDEX(Jesper!AJ$2:AJ$366,ROUNDDOWN($C2783/24,0)+1,1))-1)+IF('Standard Profiles'!$G$20=$B$10,7,0)+IF('Standard Profiles'!$G$20=$B$17,14,0)+IF('Standard Profiles'!$G$20=$B$24,21,0),MOD($C2783,24)+1)/SUM(INDEX($D$3:$AA$30,INDEX(Jesper!$R$2:$R$366,ROW(INDEX(Jesper!AJ$2:AJ$366,ROUNDDOWN($C2783/24,0)+1,1))-1)+IF('Standard Profiles'!$G$20=$B$10,7,0)+IF('Standard Profiles'!$G$20=$B$17,14,0)+IF('Standard Profiles'!$G$20=$B$24,21,0),0)),0)</f>
        <v>0</v>
      </c>
      <c r="G2783" cm="1">
        <f t="array" ref="G2783">IFERROR(INDEX(Jesper!AK$2:AK$366,ROUNDDOWN($C2783/24,0)+1,1)*INDEX($D$3:$AA$30,INDEX(Jesper!$R$2:$R$366,ROW(INDEX(Jesper!AK$2:AK$366,ROUNDDOWN($C2783/24,0)+1,1))-1)+IF('Standard Profiles'!$G$21=$B$10,7,0)+IF('Standard Profiles'!$G$21=$B$17,14,0)+IF('Standard Profiles'!$G$21=$B$24,21,0),MOD($C2783,24)+1)/SUM(INDEX($D$3:$AA$30,INDEX(Jesper!$R$2:$R$366,ROW(INDEX(Jesper!AK$2:AK$366,ROUNDDOWN($C2783/24,0)+1,1))-1)+IF('Standard Profiles'!$G$21=$B$10,7,0)+IF('Standard Profiles'!$G$21=$B$17,14,0)+IF('Standard Profiles'!$G$21=$B$24,21,0),0)),0)</f>
        <v>0</v>
      </c>
      <c r="H2783" cm="1">
        <f t="array" ref="H2783">IFERROR(INDEX(Jesper!AL$2:AL$366,ROUNDDOWN($C2783/24,0)+1,1)*INDEX($D$3:$AA$30,INDEX(Jesper!$R$2:$R$366,ROW(INDEX(Jesper!AL$2:AL$366,ROUNDDOWN($C2783/24,0)+1,1))-1)+IF('Standard Profiles'!$G$22=$B$10,7,0)+IF('Standard Profiles'!$G$22=$B$17,14,0)+IF('Standard Profiles'!$G$22=$B$24,21,0),MOD($C2783,24)+1)/SUM(INDEX($D$3:$AA$30,INDEX(Jesper!$R$2:$R$366,ROW(INDEX(Jesper!AL$2:AL$366,ROUNDDOWN($C2783/24,0)+1,1))-1)+IF('Standard Profiles'!$G$22=$B$10,7,0)+IF('Standard Profiles'!$G$22=$B$17,14,0)+IF('Standard Profiles'!$G$22=$B$24,21,0),0)),0)</f>
        <v>0</v>
      </c>
      <c r="I2783">
        <f t="shared" si="314"/>
        <v>0.46651852736623756</v>
      </c>
      <c r="J2783">
        <f t="shared" si="315"/>
        <v>1.5550617578874588</v>
      </c>
      <c r="K2783">
        <f t="shared" si="316"/>
        <v>2.3325926368311878</v>
      </c>
      <c r="L2783">
        <f t="shared" si="317"/>
        <v>11.196444656789701</v>
      </c>
      <c r="M2783">
        <f t="shared" si="318"/>
        <v>0</v>
      </c>
      <c r="N2783" s="46">
        <f t="shared" si="319"/>
        <v>45406.541666659999</v>
      </c>
    </row>
    <row r="2784" spans="2:14" x14ac:dyDescent="0.3">
      <c r="B2784">
        <f t="shared" si="313"/>
        <v>3</v>
      </c>
      <c r="C2784" s="16">
        <v>2750</v>
      </c>
      <c r="D2784" cm="1">
        <f t="array" ref="D2784">IFERROR(INDEX(Jesper!AH$2:AH$366,ROUNDDOWN($C2784/24,0)+1,1)*INDEX($D$3:$AA$30,INDEX(Jesper!$R$2:$R$366,ROW(INDEX(Jesper!AH$2:AH$366,ROUNDDOWN($C2784/24,0)+1,1))-1)+IF('Standard Profiles'!$G$18=$B$10,7,0)+IF('Standard Profiles'!$G$18=$B$17,14,0)+IF('Standard Profiles'!$G$18=$B$24,21,0),MOD($C2784,24)+1)/SUM(INDEX($D$3:$AA$30,INDEX(Jesper!$R$2:$R$366,ROW(INDEX(Jesper!AH$2:AH$366,ROUNDDOWN($C2784/24,0)+1,1))-1)+IF('Standard Profiles'!$G$18=$B$10,7,0)+IF('Standard Profiles'!$G$18=$B$17,14,0)+IF('Standard Profiles'!$G$18=$B$24,21,0),0)),0)</f>
        <v>15.550617578874586</v>
      </c>
      <c r="E2784" cm="1">
        <f t="array" ref="E2784">IFERROR(INDEX(Jesper!AI$2:AI$366,ROUNDDOWN($C2784/24,0)+1,1)*INDEX($D$3:$AA$30,INDEX(Jesper!$R$2:$R$366,ROW(INDEX(Jesper!AI$2:AI$366,ROUNDDOWN($C2784/24,0)+1,1))-1)+IF('Standard Profiles'!$G$19=$B$10,7,0)+IF('Standard Profiles'!$G$19=$B$17,14,0)+IF('Standard Profiles'!$G$19=$B$24,21,0),MOD($C2784,24)+1)/SUM(INDEX($D$3:$AA$30,INDEX(Jesper!$R$2:$R$366,ROW(INDEX(Jesper!AI$2:AI$366,ROUNDDOWN($C2784/24,0)+1,1))-1)+IF('Standard Profiles'!$G$19=$B$10,7,0)+IF('Standard Profiles'!$G$19=$B$17,14,0)+IF('Standard Profiles'!$G$19=$B$24,21,0),0)),0)</f>
        <v>0</v>
      </c>
      <c r="F2784" cm="1">
        <f t="array" ref="F2784">IFERROR(INDEX(Jesper!AJ$2:AJ$366,ROUNDDOWN($C2784/24,0)+1,1)*INDEX($D$3:$AA$30,INDEX(Jesper!$R$2:$R$366,ROW(INDEX(Jesper!AJ$2:AJ$366,ROUNDDOWN($C2784/24,0)+1,1))-1)+IF('Standard Profiles'!$G$20=$B$10,7,0)+IF('Standard Profiles'!$G$20=$B$17,14,0)+IF('Standard Profiles'!$G$20=$B$24,21,0),MOD($C2784,24)+1)/SUM(INDEX($D$3:$AA$30,INDEX(Jesper!$R$2:$R$366,ROW(INDEX(Jesper!AJ$2:AJ$366,ROUNDDOWN($C2784/24,0)+1,1))-1)+IF('Standard Profiles'!$G$20=$B$10,7,0)+IF('Standard Profiles'!$G$20=$B$17,14,0)+IF('Standard Profiles'!$G$20=$B$24,21,0),0)),0)</f>
        <v>0</v>
      </c>
      <c r="G2784" cm="1">
        <f t="array" ref="G2784">IFERROR(INDEX(Jesper!AK$2:AK$366,ROUNDDOWN($C2784/24,0)+1,1)*INDEX($D$3:$AA$30,INDEX(Jesper!$R$2:$R$366,ROW(INDEX(Jesper!AK$2:AK$366,ROUNDDOWN($C2784/24,0)+1,1))-1)+IF('Standard Profiles'!$G$21=$B$10,7,0)+IF('Standard Profiles'!$G$21=$B$17,14,0)+IF('Standard Profiles'!$G$21=$B$24,21,0),MOD($C2784,24)+1)/SUM(INDEX($D$3:$AA$30,INDEX(Jesper!$R$2:$R$366,ROW(INDEX(Jesper!AK$2:AK$366,ROUNDDOWN($C2784/24,0)+1,1))-1)+IF('Standard Profiles'!$G$21=$B$10,7,0)+IF('Standard Profiles'!$G$21=$B$17,14,0)+IF('Standard Profiles'!$G$21=$B$24,21,0),0)),0)</f>
        <v>0</v>
      </c>
      <c r="H2784" cm="1">
        <f t="array" ref="H2784">IFERROR(INDEX(Jesper!AL$2:AL$366,ROUNDDOWN($C2784/24,0)+1,1)*INDEX($D$3:$AA$30,INDEX(Jesper!$R$2:$R$366,ROW(INDEX(Jesper!AL$2:AL$366,ROUNDDOWN($C2784/24,0)+1,1))-1)+IF('Standard Profiles'!$G$22=$B$10,7,0)+IF('Standard Profiles'!$G$22=$B$17,14,0)+IF('Standard Profiles'!$G$22=$B$24,21,0),MOD($C2784,24)+1)/SUM(INDEX($D$3:$AA$30,INDEX(Jesper!$R$2:$R$366,ROW(INDEX(Jesper!AL$2:AL$366,ROUNDDOWN($C2784/24,0)+1,1))-1)+IF('Standard Profiles'!$G$22=$B$10,7,0)+IF('Standard Profiles'!$G$22=$B$17,14,0)+IF('Standard Profiles'!$G$22=$B$24,21,0),0)),0)</f>
        <v>0</v>
      </c>
      <c r="I2784">
        <f t="shared" si="314"/>
        <v>0.46651852736623756</v>
      </c>
      <c r="J2784">
        <f t="shared" si="315"/>
        <v>1.5550617578874588</v>
      </c>
      <c r="K2784">
        <f t="shared" si="316"/>
        <v>2.3325926368311878</v>
      </c>
      <c r="L2784">
        <f t="shared" si="317"/>
        <v>11.196444656789701</v>
      </c>
      <c r="M2784">
        <f t="shared" si="318"/>
        <v>0</v>
      </c>
      <c r="N2784" s="46">
        <f t="shared" si="319"/>
        <v>45406.583333326664</v>
      </c>
    </row>
    <row r="2785" spans="2:14" x14ac:dyDescent="0.3">
      <c r="B2785">
        <f t="shared" si="313"/>
        <v>3</v>
      </c>
      <c r="C2785" s="16">
        <v>2751</v>
      </c>
      <c r="D2785" cm="1">
        <f t="array" ref="D2785">IFERROR(INDEX(Jesper!AH$2:AH$366,ROUNDDOWN($C2785/24,0)+1,1)*INDEX($D$3:$AA$30,INDEX(Jesper!$R$2:$R$366,ROW(INDEX(Jesper!AH$2:AH$366,ROUNDDOWN($C2785/24,0)+1,1))-1)+IF('Standard Profiles'!$G$18=$B$10,7,0)+IF('Standard Profiles'!$G$18=$B$17,14,0)+IF('Standard Profiles'!$G$18=$B$24,21,0),MOD($C2785,24)+1)/SUM(INDEX($D$3:$AA$30,INDEX(Jesper!$R$2:$R$366,ROW(INDEX(Jesper!AH$2:AH$366,ROUNDDOWN($C2785/24,0)+1,1))-1)+IF('Standard Profiles'!$G$18=$B$10,7,0)+IF('Standard Profiles'!$G$18=$B$17,14,0)+IF('Standard Profiles'!$G$18=$B$24,21,0),0)),0)</f>
        <v>15.550617578874586</v>
      </c>
      <c r="E2785" cm="1">
        <f t="array" ref="E2785">IFERROR(INDEX(Jesper!AI$2:AI$366,ROUNDDOWN($C2785/24,0)+1,1)*INDEX($D$3:$AA$30,INDEX(Jesper!$R$2:$R$366,ROW(INDEX(Jesper!AI$2:AI$366,ROUNDDOWN($C2785/24,0)+1,1))-1)+IF('Standard Profiles'!$G$19=$B$10,7,0)+IF('Standard Profiles'!$G$19=$B$17,14,0)+IF('Standard Profiles'!$G$19=$B$24,21,0),MOD($C2785,24)+1)/SUM(INDEX($D$3:$AA$30,INDEX(Jesper!$R$2:$R$366,ROW(INDEX(Jesper!AI$2:AI$366,ROUNDDOWN($C2785/24,0)+1,1))-1)+IF('Standard Profiles'!$G$19=$B$10,7,0)+IF('Standard Profiles'!$G$19=$B$17,14,0)+IF('Standard Profiles'!$G$19=$B$24,21,0),0)),0)</f>
        <v>0</v>
      </c>
      <c r="F2785" cm="1">
        <f t="array" ref="F2785">IFERROR(INDEX(Jesper!AJ$2:AJ$366,ROUNDDOWN($C2785/24,0)+1,1)*INDEX($D$3:$AA$30,INDEX(Jesper!$R$2:$R$366,ROW(INDEX(Jesper!AJ$2:AJ$366,ROUNDDOWN($C2785/24,0)+1,1))-1)+IF('Standard Profiles'!$G$20=$B$10,7,0)+IF('Standard Profiles'!$G$20=$B$17,14,0)+IF('Standard Profiles'!$G$20=$B$24,21,0),MOD($C2785,24)+1)/SUM(INDEX($D$3:$AA$30,INDEX(Jesper!$R$2:$R$366,ROW(INDEX(Jesper!AJ$2:AJ$366,ROUNDDOWN($C2785/24,0)+1,1))-1)+IF('Standard Profiles'!$G$20=$B$10,7,0)+IF('Standard Profiles'!$G$20=$B$17,14,0)+IF('Standard Profiles'!$G$20=$B$24,21,0),0)),0)</f>
        <v>0</v>
      </c>
      <c r="G2785" cm="1">
        <f t="array" ref="G2785">IFERROR(INDEX(Jesper!AK$2:AK$366,ROUNDDOWN($C2785/24,0)+1,1)*INDEX($D$3:$AA$30,INDEX(Jesper!$R$2:$R$366,ROW(INDEX(Jesper!AK$2:AK$366,ROUNDDOWN($C2785/24,0)+1,1))-1)+IF('Standard Profiles'!$G$21=$B$10,7,0)+IF('Standard Profiles'!$G$21=$B$17,14,0)+IF('Standard Profiles'!$G$21=$B$24,21,0),MOD($C2785,24)+1)/SUM(INDEX($D$3:$AA$30,INDEX(Jesper!$R$2:$R$366,ROW(INDEX(Jesper!AK$2:AK$366,ROUNDDOWN($C2785/24,0)+1,1))-1)+IF('Standard Profiles'!$G$21=$B$10,7,0)+IF('Standard Profiles'!$G$21=$B$17,14,0)+IF('Standard Profiles'!$G$21=$B$24,21,0),0)),0)</f>
        <v>0</v>
      </c>
      <c r="H2785" cm="1">
        <f t="array" ref="H2785">IFERROR(INDEX(Jesper!AL$2:AL$366,ROUNDDOWN($C2785/24,0)+1,1)*INDEX($D$3:$AA$30,INDEX(Jesper!$R$2:$R$366,ROW(INDEX(Jesper!AL$2:AL$366,ROUNDDOWN($C2785/24,0)+1,1))-1)+IF('Standard Profiles'!$G$22=$B$10,7,0)+IF('Standard Profiles'!$G$22=$B$17,14,0)+IF('Standard Profiles'!$G$22=$B$24,21,0),MOD($C2785,24)+1)/SUM(INDEX($D$3:$AA$30,INDEX(Jesper!$R$2:$R$366,ROW(INDEX(Jesper!AL$2:AL$366,ROUNDDOWN($C2785/24,0)+1,1))-1)+IF('Standard Profiles'!$G$22=$B$10,7,0)+IF('Standard Profiles'!$G$22=$B$17,14,0)+IF('Standard Profiles'!$G$22=$B$24,21,0),0)),0)</f>
        <v>0</v>
      </c>
      <c r="I2785">
        <f t="shared" si="314"/>
        <v>0.46651852736623756</v>
      </c>
      <c r="J2785">
        <f t="shared" si="315"/>
        <v>1.5550617578874588</v>
      </c>
      <c r="K2785">
        <f t="shared" si="316"/>
        <v>2.3325926368311878</v>
      </c>
      <c r="L2785">
        <f t="shared" si="317"/>
        <v>11.196444656789701</v>
      </c>
      <c r="M2785">
        <f t="shared" si="318"/>
        <v>0</v>
      </c>
      <c r="N2785" s="46">
        <f t="shared" si="319"/>
        <v>45406.624999993328</v>
      </c>
    </row>
    <row r="2786" spans="2:14" x14ac:dyDescent="0.3">
      <c r="B2786">
        <f t="shared" si="313"/>
        <v>3</v>
      </c>
      <c r="C2786" s="16">
        <v>2752</v>
      </c>
      <c r="D2786" cm="1">
        <f t="array" ref="D2786">IFERROR(INDEX(Jesper!AH$2:AH$366,ROUNDDOWN($C2786/24,0)+1,1)*INDEX($D$3:$AA$30,INDEX(Jesper!$R$2:$R$366,ROW(INDEX(Jesper!AH$2:AH$366,ROUNDDOWN($C2786/24,0)+1,1))-1)+IF('Standard Profiles'!$G$18=$B$10,7,0)+IF('Standard Profiles'!$G$18=$B$17,14,0)+IF('Standard Profiles'!$G$18=$B$24,21,0),MOD($C2786,24)+1)/SUM(INDEX($D$3:$AA$30,INDEX(Jesper!$R$2:$R$366,ROW(INDEX(Jesper!AH$2:AH$366,ROUNDDOWN($C2786/24,0)+1,1))-1)+IF('Standard Profiles'!$G$18=$B$10,7,0)+IF('Standard Profiles'!$G$18=$B$17,14,0)+IF('Standard Profiles'!$G$18=$B$24,21,0),0)),0)</f>
        <v>15.550617578874586</v>
      </c>
      <c r="E2786" cm="1">
        <f t="array" ref="E2786">IFERROR(INDEX(Jesper!AI$2:AI$366,ROUNDDOWN($C2786/24,0)+1,1)*INDEX($D$3:$AA$30,INDEX(Jesper!$R$2:$R$366,ROW(INDEX(Jesper!AI$2:AI$366,ROUNDDOWN($C2786/24,0)+1,1))-1)+IF('Standard Profiles'!$G$19=$B$10,7,0)+IF('Standard Profiles'!$G$19=$B$17,14,0)+IF('Standard Profiles'!$G$19=$B$24,21,0),MOD($C2786,24)+1)/SUM(INDEX($D$3:$AA$30,INDEX(Jesper!$R$2:$R$366,ROW(INDEX(Jesper!AI$2:AI$366,ROUNDDOWN($C2786/24,0)+1,1))-1)+IF('Standard Profiles'!$G$19=$B$10,7,0)+IF('Standard Profiles'!$G$19=$B$17,14,0)+IF('Standard Profiles'!$G$19=$B$24,21,0),0)),0)</f>
        <v>0</v>
      </c>
      <c r="F2786" cm="1">
        <f t="array" ref="F2786">IFERROR(INDEX(Jesper!AJ$2:AJ$366,ROUNDDOWN($C2786/24,0)+1,1)*INDEX($D$3:$AA$30,INDEX(Jesper!$R$2:$R$366,ROW(INDEX(Jesper!AJ$2:AJ$366,ROUNDDOWN($C2786/24,0)+1,1))-1)+IF('Standard Profiles'!$G$20=$B$10,7,0)+IF('Standard Profiles'!$G$20=$B$17,14,0)+IF('Standard Profiles'!$G$20=$B$24,21,0),MOD($C2786,24)+1)/SUM(INDEX($D$3:$AA$30,INDEX(Jesper!$R$2:$R$366,ROW(INDEX(Jesper!AJ$2:AJ$366,ROUNDDOWN($C2786/24,0)+1,1))-1)+IF('Standard Profiles'!$G$20=$B$10,7,0)+IF('Standard Profiles'!$G$20=$B$17,14,0)+IF('Standard Profiles'!$G$20=$B$24,21,0),0)),0)</f>
        <v>0</v>
      </c>
      <c r="G2786" cm="1">
        <f t="array" ref="G2786">IFERROR(INDEX(Jesper!AK$2:AK$366,ROUNDDOWN($C2786/24,0)+1,1)*INDEX($D$3:$AA$30,INDEX(Jesper!$R$2:$R$366,ROW(INDEX(Jesper!AK$2:AK$366,ROUNDDOWN($C2786/24,0)+1,1))-1)+IF('Standard Profiles'!$G$21=$B$10,7,0)+IF('Standard Profiles'!$G$21=$B$17,14,0)+IF('Standard Profiles'!$G$21=$B$24,21,0),MOD($C2786,24)+1)/SUM(INDEX($D$3:$AA$30,INDEX(Jesper!$R$2:$R$366,ROW(INDEX(Jesper!AK$2:AK$366,ROUNDDOWN($C2786/24,0)+1,1))-1)+IF('Standard Profiles'!$G$21=$B$10,7,0)+IF('Standard Profiles'!$G$21=$B$17,14,0)+IF('Standard Profiles'!$G$21=$B$24,21,0),0)),0)</f>
        <v>0</v>
      </c>
      <c r="H2786" cm="1">
        <f t="array" ref="H2786">IFERROR(INDEX(Jesper!AL$2:AL$366,ROUNDDOWN($C2786/24,0)+1,1)*INDEX($D$3:$AA$30,INDEX(Jesper!$R$2:$R$366,ROW(INDEX(Jesper!AL$2:AL$366,ROUNDDOWN($C2786/24,0)+1,1))-1)+IF('Standard Profiles'!$G$22=$B$10,7,0)+IF('Standard Profiles'!$G$22=$B$17,14,0)+IF('Standard Profiles'!$G$22=$B$24,21,0),MOD($C2786,24)+1)/SUM(INDEX($D$3:$AA$30,INDEX(Jesper!$R$2:$R$366,ROW(INDEX(Jesper!AL$2:AL$366,ROUNDDOWN($C2786/24,0)+1,1))-1)+IF('Standard Profiles'!$G$22=$B$10,7,0)+IF('Standard Profiles'!$G$22=$B$17,14,0)+IF('Standard Profiles'!$G$22=$B$24,21,0),0)),0)</f>
        <v>0</v>
      </c>
      <c r="I2786">
        <f t="shared" si="314"/>
        <v>0.46651852736623756</v>
      </c>
      <c r="J2786">
        <f t="shared" si="315"/>
        <v>1.5550617578874588</v>
      </c>
      <c r="K2786">
        <f t="shared" si="316"/>
        <v>2.3325926368311878</v>
      </c>
      <c r="L2786">
        <f t="shared" si="317"/>
        <v>11.196444656789701</v>
      </c>
      <c r="M2786">
        <f t="shared" si="318"/>
        <v>0</v>
      </c>
      <c r="N2786" s="46">
        <f t="shared" si="319"/>
        <v>45406.666666659992</v>
      </c>
    </row>
    <row r="2787" spans="2:14" x14ac:dyDescent="0.3">
      <c r="B2787">
        <f t="shared" ref="B2787:B2850" si="320">WEEKDAY(N2787,2)</f>
        <v>3</v>
      </c>
      <c r="C2787" s="16">
        <v>2753</v>
      </c>
      <c r="D2787" cm="1">
        <f t="array" ref="D2787">IFERROR(INDEX(Jesper!AH$2:AH$366,ROUNDDOWN($C2787/24,0)+1,1)*INDEX($D$3:$AA$30,INDEX(Jesper!$R$2:$R$366,ROW(INDEX(Jesper!AH$2:AH$366,ROUNDDOWN($C2787/24,0)+1,1))-1)+IF('Standard Profiles'!$G$18=$B$10,7,0)+IF('Standard Profiles'!$G$18=$B$17,14,0)+IF('Standard Profiles'!$G$18=$B$24,21,0),MOD($C2787,24)+1)/SUM(INDEX($D$3:$AA$30,INDEX(Jesper!$R$2:$R$366,ROW(INDEX(Jesper!AH$2:AH$366,ROUNDDOWN($C2787/24,0)+1,1))-1)+IF('Standard Profiles'!$G$18=$B$10,7,0)+IF('Standard Profiles'!$G$18=$B$17,14,0)+IF('Standard Profiles'!$G$18=$B$24,21,0),0)),0)</f>
        <v>15.550617578874586</v>
      </c>
      <c r="E2787" cm="1">
        <f t="array" ref="E2787">IFERROR(INDEX(Jesper!AI$2:AI$366,ROUNDDOWN($C2787/24,0)+1,1)*INDEX($D$3:$AA$30,INDEX(Jesper!$R$2:$R$366,ROW(INDEX(Jesper!AI$2:AI$366,ROUNDDOWN($C2787/24,0)+1,1))-1)+IF('Standard Profiles'!$G$19=$B$10,7,0)+IF('Standard Profiles'!$G$19=$B$17,14,0)+IF('Standard Profiles'!$G$19=$B$24,21,0),MOD($C2787,24)+1)/SUM(INDEX($D$3:$AA$30,INDEX(Jesper!$R$2:$R$366,ROW(INDEX(Jesper!AI$2:AI$366,ROUNDDOWN($C2787/24,0)+1,1))-1)+IF('Standard Profiles'!$G$19=$B$10,7,0)+IF('Standard Profiles'!$G$19=$B$17,14,0)+IF('Standard Profiles'!$G$19=$B$24,21,0),0)),0)</f>
        <v>0</v>
      </c>
      <c r="F2787" cm="1">
        <f t="array" ref="F2787">IFERROR(INDEX(Jesper!AJ$2:AJ$366,ROUNDDOWN($C2787/24,0)+1,1)*INDEX($D$3:$AA$30,INDEX(Jesper!$R$2:$R$366,ROW(INDEX(Jesper!AJ$2:AJ$366,ROUNDDOWN($C2787/24,0)+1,1))-1)+IF('Standard Profiles'!$G$20=$B$10,7,0)+IF('Standard Profiles'!$G$20=$B$17,14,0)+IF('Standard Profiles'!$G$20=$B$24,21,0),MOD($C2787,24)+1)/SUM(INDEX($D$3:$AA$30,INDEX(Jesper!$R$2:$R$366,ROW(INDEX(Jesper!AJ$2:AJ$366,ROUNDDOWN($C2787/24,0)+1,1))-1)+IF('Standard Profiles'!$G$20=$B$10,7,0)+IF('Standard Profiles'!$G$20=$B$17,14,0)+IF('Standard Profiles'!$G$20=$B$24,21,0),0)),0)</f>
        <v>0</v>
      </c>
      <c r="G2787" cm="1">
        <f t="array" ref="G2787">IFERROR(INDEX(Jesper!AK$2:AK$366,ROUNDDOWN($C2787/24,0)+1,1)*INDEX($D$3:$AA$30,INDEX(Jesper!$R$2:$R$366,ROW(INDEX(Jesper!AK$2:AK$366,ROUNDDOWN($C2787/24,0)+1,1))-1)+IF('Standard Profiles'!$G$21=$B$10,7,0)+IF('Standard Profiles'!$G$21=$B$17,14,0)+IF('Standard Profiles'!$G$21=$B$24,21,0),MOD($C2787,24)+1)/SUM(INDEX($D$3:$AA$30,INDEX(Jesper!$R$2:$R$366,ROW(INDEX(Jesper!AK$2:AK$366,ROUNDDOWN($C2787/24,0)+1,1))-1)+IF('Standard Profiles'!$G$21=$B$10,7,0)+IF('Standard Profiles'!$G$21=$B$17,14,0)+IF('Standard Profiles'!$G$21=$B$24,21,0),0)),0)</f>
        <v>0</v>
      </c>
      <c r="H2787" cm="1">
        <f t="array" ref="H2787">IFERROR(INDEX(Jesper!AL$2:AL$366,ROUNDDOWN($C2787/24,0)+1,1)*INDEX($D$3:$AA$30,INDEX(Jesper!$R$2:$R$366,ROW(INDEX(Jesper!AL$2:AL$366,ROUNDDOWN($C2787/24,0)+1,1))-1)+IF('Standard Profiles'!$G$22=$B$10,7,0)+IF('Standard Profiles'!$G$22=$B$17,14,0)+IF('Standard Profiles'!$G$22=$B$24,21,0),MOD($C2787,24)+1)/SUM(INDEX($D$3:$AA$30,INDEX(Jesper!$R$2:$R$366,ROW(INDEX(Jesper!AL$2:AL$366,ROUNDDOWN($C2787/24,0)+1,1))-1)+IF('Standard Profiles'!$G$22=$B$10,7,0)+IF('Standard Profiles'!$G$22=$B$17,14,0)+IF('Standard Profiles'!$G$22=$B$24,21,0),0)),0)</f>
        <v>0</v>
      </c>
      <c r="I2787">
        <f t="shared" ref="I2787:I2850" si="321">IF($B2787&lt;6,AC$37*$D2787+AC$38*$E2787+AC$39*$F2787+AC$40*$G2787,AC$46*$D2787+AC$47*$E2787+AC$48*$F2787+AC$49*$G2787+AC$50*$H2787)</f>
        <v>0.46651852736623756</v>
      </c>
      <c r="J2787">
        <f t="shared" ref="J2787:J2850" si="322">IF($B2787&lt;6,AD$37*$D2787+AD$38*$E2787+AD$39*$F2787+AD$40*$G2787,AD$46*$D2787+AD$47*$E2787+AD$48*$F2787+AD$49*$G2787+AD$50*$H2787)</f>
        <v>1.5550617578874588</v>
      </c>
      <c r="K2787">
        <f t="shared" ref="K2787:K2850" si="323">IF($B2787&lt;6,AE$37*$D2787+AE$38*$E2787+AE$39*$F2787+AE$40*$G2787,AE$46*$D2787+AE$47*$E2787+AE$48*$F2787+AE$49*$G2787+AE$50*$H2787)</f>
        <v>2.3325926368311878</v>
      </c>
      <c r="L2787">
        <f t="shared" ref="L2787:L2850" si="324">IF($B2787&lt;6,AF$37*$D2787+AF$38*$E2787+AF$39*$F2787+AF$40*$G2787,AF$46*$D2787+AF$47*$E2787+AF$48*$F2787+AF$49*$G2787+AF$50*$H2787)</f>
        <v>11.196444656789701</v>
      </c>
      <c r="M2787">
        <f t="shared" ref="M2787:M2850" si="325">IF($B2787&lt;6,AG$37*$D2787+AG$38*$E2787+AG$39*$F2787+AG$40*$G2787,AG$46*$D2787+AG$47*$E2787+AG$48*$F2787+AG$49*$G2787+AG$50*$H2787)</f>
        <v>0</v>
      </c>
      <c r="N2787" s="46">
        <f t="shared" si="319"/>
        <v>45406.708333326656</v>
      </c>
    </row>
    <row r="2788" spans="2:14" x14ac:dyDescent="0.3">
      <c r="B2788">
        <f t="shared" si="320"/>
        <v>3</v>
      </c>
      <c r="C2788" s="16">
        <v>2754</v>
      </c>
      <c r="D2788" cm="1">
        <f t="array" ref="D2788">IFERROR(INDEX(Jesper!AH$2:AH$366,ROUNDDOWN($C2788/24,0)+1,1)*INDEX($D$3:$AA$30,INDEX(Jesper!$R$2:$R$366,ROW(INDEX(Jesper!AH$2:AH$366,ROUNDDOWN($C2788/24,0)+1,1))-1)+IF('Standard Profiles'!$G$18=$B$10,7,0)+IF('Standard Profiles'!$G$18=$B$17,14,0)+IF('Standard Profiles'!$G$18=$B$24,21,0),MOD($C2788,24)+1)/SUM(INDEX($D$3:$AA$30,INDEX(Jesper!$R$2:$R$366,ROW(INDEX(Jesper!AH$2:AH$366,ROUNDDOWN($C2788/24,0)+1,1))-1)+IF('Standard Profiles'!$G$18=$B$10,7,0)+IF('Standard Profiles'!$G$18=$B$17,14,0)+IF('Standard Profiles'!$G$18=$B$24,21,0),0)),0)</f>
        <v>15.550617578874586</v>
      </c>
      <c r="E2788" cm="1">
        <f t="array" ref="E2788">IFERROR(INDEX(Jesper!AI$2:AI$366,ROUNDDOWN($C2788/24,0)+1,1)*INDEX($D$3:$AA$30,INDEX(Jesper!$R$2:$R$366,ROW(INDEX(Jesper!AI$2:AI$366,ROUNDDOWN($C2788/24,0)+1,1))-1)+IF('Standard Profiles'!$G$19=$B$10,7,0)+IF('Standard Profiles'!$G$19=$B$17,14,0)+IF('Standard Profiles'!$G$19=$B$24,21,0),MOD($C2788,24)+1)/SUM(INDEX($D$3:$AA$30,INDEX(Jesper!$R$2:$R$366,ROW(INDEX(Jesper!AI$2:AI$366,ROUNDDOWN($C2788/24,0)+1,1))-1)+IF('Standard Profiles'!$G$19=$B$10,7,0)+IF('Standard Profiles'!$G$19=$B$17,14,0)+IF('Standard Profiles'!$G$19=$B$24,21,0),0)),0)</f>
        <v>0</v>
      </c>
      <c r="F2788" cm="1">
        <f t="array" ref="F2788">IFERROR(INDEX(Jesper!AJ$2:AJ$366,ROUNDDOWN($C2788/24,0)+1,1)*INDEX($D$3:$AA$30,INDEX(Jesper!$R$2:$R$366,ROW(INDEX(Jesper!AJ$2:AJ$366,ROUNDDOWN($C2788/24,0)+1,1))-1)+IF('Standard Profiles'!$G$20=$B$10,7,0)+IF('Standard Profiles'!$G$20=$B$17,14,0)+IF('Standard Profiles'!$G$20=$B$24,21,0),MOD($C2788,24)+1)/SUM(INDEX($D$3:$AA$30,INDEX(Jesper!$R$2:$R$366,ROW(INDEX(Jesper!AJ$2:AJ$366,ROUNDDOWN($C2788/24,0)+1,1))-1)+IF('Standard Profiles'!$G$20=$B$10,7,0)+IF('Standard Profiles'!$G$20=$B$17,14,0)+IF('Standard Profiles'!$G$20=$B$24,21,0),0)),0)</f>
        <v>0</v>
      </c>
      <c r="G2788" cm="1">
        <f t="array" ref="G2788">IFERROR(INDEX(Jesper!AK$2:AK$366,ROUNDDOWN($C2788/24,0)+1,1)*INDEX($D$3:$AA$30,INDEX(Jesper!$R$2:$R$366,ROW(INDEX(Jesper!AK$2:AK$366,ROUNDDOWN($C2788/24,0)+1,1))-1)+IF('Standard Profiles'!$G$21=$B$10,7,0)+IF('Standard Profiles'!$G$21=$B$17,14,0)+IF('Standard Profiles'!$G$21=$B$24,21,0),MOD($C2788,24)+1)/SUM(INDEX($D$3:$AA$30,INDEX(Jesper!$R$2:$R$366,ROW(INDEX(Jesper!AK$2:AK$366,ROUNDDOWN($C2788/24,0)+1,1))-1)+IF('Standard Profiles'!$G$21=$B$10,7,0)+IF('Standard Profiles'!$G$21=$B$17,14,0)+IF('Standard Profiles'!$G$21=$B$24,21,0),0)),0)</f>
        <v>0</v>
      </c>
      <c r="H2788" cm="1">
        <f t="array" ref="H2788">IFERROR(INDEX(Jesper!AL$2:AL$366,ROUNDDOWN($C2788/24,0)+1,1)*INDEX($D$3:$AA$30,INDEX(Jesper!$R$2:$R$366,ROW(INDEX(Jesper!AL$2:AL$366,ROUNDDOWN($C2788/24,0)+1,1))-1)+IF('Standard Profiles'!$G$22=$B$10,7,0)+IF('Standard Profiles'!$G$22=$B$17,14,0)+IF('Standard Profiles'!$G$22=$B$24,21,0),MOD($C2788,24)+1)/SUM(INDEX($D$3:$AA$30,INDEX(Jesper!$R$2:$R$366,ROW(INDEX(Jesper!AL$2:AL$366,ROUNDDOWN($C2788/24,0)+1,1))-1)+IF('Standard Profiles'!$G$22=$B$10,7,0)+IF('Standard Profiles'!$G$22=$B$17,14,0)+IF('Standard Profiles'!$G$22=$B$24,21,0),0)),0)</f>
        <v>0</v>
      </c>
      <c r="I2788">
        <f t="shared" si="321"/>
        <v>0.46651852736623756</v>
      </c>
      <c r="J2788">
        <f t="shared" si="322"/>
        <v>1.5550617578874588</v>
      </c>
      <c r="K2788">
        <f t="shared" si="323"/>
        <v>2.3325926368311878</v>
      </c>
      <c r="L2788">
        <f t="shared" si="324"/>
        <v>11.196444656789701</v>
      </c>
      <c r="M2788">
        <f t="shared" si="325"/>
        <v>0</v>
      </c>
      <c r="N2788" s="46">
        <f t="shared" ref="N2788:N2851" si="326">N2787+1/24</f>
        <v>45406.749999993321</v>
      </c>
    </row>
    <row r="2789" spans="2:14" x14ac:dyDescent="0.3">
      <c r="B2789">
        <f t="shared" si="320"/>
        <v>3</v>
      </c>
      <c r="C2789" s="16">
        <v>2755</v>
      </c>
      <c r="D2789" cm="1">
        <f t="array" ref="D2789">IFERROR(INDEX(Jesper!AH$2:AH$366,ROUNDDOWN($C2789/24,0)+1,1)*INDEX($D$3:$AA$30,INDEX(Jesper!$R$2:$R$366,ROW(INDEX(Jesper!AH$2:AH$366,ROUNDDOWN($C2789/24,0)+1,1))-1)+IF('Standard Profiles'!$G$18=$B$10,7,0)+IF('Standard Profiles'!$G$18=$B$17,14,0)+IF('Standard Profiles'!$G$18=$B$24,21,0),MOD($C2789,24)+1)/SUM(INDEX($D$3:$AA$30,INDEX(Jesper!$R$2:$R$366,ROW(INDEX(Jesper!AH$2:AH$366,ROUNDDOWN($C2789/24,0)+1,1))-1)+IF('Standard Profiles'!$G$18=$B$10,7,0)+IF('Standard Profiles'!$G$18=$B$17,14,0)+IF('Standard Profiles'!$G$18=$B$24,21,0),0)),0)</f>
        <v>12.95884798239549</v>
      </c>
      <c r="E2789" cm="1">
        <f t="array" ref="E2789">IFERROR(INDEX(Jesper!AI$2:AI$366,ROUNDDOWN($C2789/24,0)+1,1)*INDEX($D$3:$AA$30,INDEX(Jesper!$R$2:$R$366,ROW(INDEX(Jesper!AI$2:AI$366,ROUNDDOWN($C2789/24,0)+1,1))-1)+IF('Standard Profiles'!$G$19=$B$10,7,0)+IF('Standard Profiles'!$G$19=$B$17,14,0)+IF('Standard Profiles'!$G$19=$B$24,21,0),MOD($C2789,24)+1)/SUM(INDEX($D$3:$AA$30,INDEX(Jesper!$R$2:$R$366,ROW(INDEX(Jesper!AI$2:AI$366,ROUNDDOWN($C2789/24,0)+1,1))-1)+IF('Standard Profiles'!$G$19=$B$10,7,0)+IF('Standard Profiles'!$G$19=$B$17,14,0)+IF('Standard Profiles'!$G$19=$B$24,21,0),0)),0)</f>
        <v>0</v>
      </c>
      <c r="F2789" cm="1">
        <f t="array" ref="F2789">IFERROR(INDEX(Jesper!AJ$2:AJ$366,ROUNDDOWN($C2789/24,0)+1,1)*INDEX($D$3:$AA$30,INDEX(Jesper!$R$2:$R$366,ROW(INDEX(Jesper!AJ$2:AJ$366,ROUNDDOWN($C2789/24,0)+1,1))-1)+IF('Standard Profiles'!$G$20=$B$10,7,0)+IF('Standard Profiles'!$G$20=$B$17,14,0)+IF('Standard Profiles'!$G$20=$B$24,21,0),MOD($C2789,24)+1)/SUM(INDEX($D$3:$AA$30,INDEX(Jesper!$R$2:$R$366,ROW(INDEX(Jesper!AJ$2:AJ$366,ROUNDDOWN($C2789/24,0)+1,1))-1)+IF('Standard Profiles'!$G$20=$B$10,7,0)+IF('Standard Profiles'!$G$20=$B$17,14,0)+IF('Standard Profiles'!$G$20=$B$24,21,0),0)),0)</f>
        <v>0</v>
      </c>
      <c r="G2789" cm="1">
        <f t="array" ref="G2789">IFERROR(INDEX(Jesper!AK$2:AK$366,ROUNDDOWN($C2789/24,0)+1,1)*INDEX($D$3:$AA$30,INDEX(Jesper!$R$2:$R$366,ROW(INDEX(Jesper!AK$2:AK$366,ROUNDDOWN($C2789/24,0)+1,1))-1)+IF('Standard Profiles'!$G$21=$B$10,7,0)+IF('Standard Profiles'!$G$21=$B$17,14,0)+IF('Standard Profiles'!$G$21=$B$24,21,0),MOD($C2789,24)+1)/SUM(INDEX($D$3:$AA$30,INDEX(Jesper!$R$2:$R$366,ROW(INDEX(Jesper!AK$2:AK$366,ROUNDDOWN($C2789/24,0)+1,1))-1)+IF('Standard Profiles'!$G$21=$B$10,7,0)+IF('Standard Profiles'!$G$21=$B$17,14,0)+IF('Standard Profiles'!$G$21=$B$24,21,0),0)),0)</f>
        <v>0</v>
      </c>
      <c r="H2789" cm="1">
        <f t="array" ref="H2789">IFERROR(INDEX(Jesper!AL$2:AL$366,ROUNDDOWN($C2789/24,0)+1,1)*INDEX($D$3:$AA$30,INDEX(Jesper!$R$2:$R$366,ROW(INDEX(Jesper!AL$2:AL$366,ROUNDDOWN($C2789/24,0)+1,1))-1)+IF('Standard Profiles'!$G$22=$B$10,7,0)+IF('Standard Profiles'!$G$22=$B$17,14,0)+IF('Standard Profiles'!$G$22=$B$24,21,0),MOD($C2789,24)+1)/SUM(INDEX($D$3:$AA$30,INDEX(Jesper!$R$2:$R$366,ROW(INDEX(Jesper!AL$2:AL$366,ROUNDDOWN($C2789/24,0)+1,1))-1)+IF('Standard Profiles'!$G$22=$B$10,7,0)+IF('Standard Profiles'!$G$22=$B$17,14,0)+IF('Standard Profiles'!$G$22=$B$24,21,0),0)),0)</f>
        <v>0</v>
      </c>
      <c r="I2789">
        <f t="shared" si="321"/>
        <v>0.3887654394718647</v>
      </c>
      <c r="J2789">
        <f t="shared" si="322"/>
        <v>1.2958847982395492</v>
      </c>
      <c r="K2789">
        <f t="shared" si="323"/>
        <v>1.9438271973593233</v>
      </c>
      <c r="L2789">
        <f t="shared" si="324"/>
        <v>9.3303705473247529</v>
      </c>
      <c r="M2789">
        <f t="shared" si="325"/>
        <v>0</v>
      </c>
      <c r="N2789" s="46">
        <f t="shared" si="326"/>
        <v>45406.791666659985</v>
      </c>
    </row>
    <row r="2790" spans="2:14" x14ac:dyDescent="0.3">
      <c r="B2790">
        <f t="shared" si="320"/>
        <v>3</v>
      </c>
      <c r="C2790" s="16">
        <v>2756</v>
      </c>
      <c r="D2790" cm="1">
        <f t="array" ref="D2790">IFERROR(INDEX(Jesper!AH$2:AH$366,ROUNDDOWN($C2790/24,0)+1,1)*INDEX($D$3:$AA$30,INDEX(Jesper!$R$2:$R$366,ROW(INDEX(Jesper!AH$2:AH$366,ROUNDDOWN($C2790/24,0)+1,1))-1)+IF('Standard Profiles'!$G$18=$B$10,7,0)+IF('Standard Profiles'!$G$18=$B$17,14,0)+IF('Standard Profiles'!$G$18=$B$24,21,0),MOD($C2790,24)+1)/SUM(INDEX($D$3:$AA$30,INDEX(Jesper!$R$2:$R$366,ROW(INDEX(Jesper!AH$2:AH$366,ROUNDDOWN($C2790/24,0)+1,1))-1)+IF('Standard Profiles'!$G$18=$B$10,7,0)+IF('Standard Profiles'!$G$18=$B$17,14,0)+IF('Standard Profiles'!$G$18=$B$24,21,0),0)),0)</f>
        <v>10.367078385916392</v>
      </c>
      <c r="E2790" cm="1">
        <f t="array" ref="E2790">IFERROR(INDEX(Jesper!AI$2:AI$366,ROUNDDOWN($C2790/24,0)+1,1)*INDEX($D$3:$AA$30,INDEX(Jesper!$R$2:$R$366,ROW(INDEX(Jesper!AI$2:AI$366,ROUNDDOWN($C2790/24,0)+1,1))-1)+IF('Standard Profiles'!$G$19=$B$10,7,0)+IF('Standard Profiles'!$G$19=$B$17,14,0)+IF('Standard Profiles'!$G$19=$B$24,21,0),MOD($C2790,24)+1)/SUM(INDEX($D$3:$AA$30,INDEX(Jesper!$R$2:$R$366,ROW(INDEX(Jesper!AI$2:AI$366,ROUNDDOWN($C2790/24,0)+1,1))-1)+IF('Standard Profiles'!$G$19=$B$10,7,0)+IF('Standard Profiles'!$G$19=$B$17,14,0)+IF('Standard Profiles'!$G$19=$B$24,21,0),0)),0)</f>
        <v>0</v>
      </c>
      <c r="F2790" cm="1">
        <f t="array" ref="F2790">IFERROR(INDEX(Jesper!AJ$2:AJ$366,ROUNDDOWN($C2790/24,0)+1,1)*INDEX($D$3:$AA$30,INDEX(Jesper!$R$2:$R$366,ROW(INDEX(Jesper!AJ$2:AJ$366,ROUNDDOWN($C2790/24,0)+1,1))-1)+IF('Standard Profiles'!$G$20=$B$10,7,0)+IF('Standard Profiles'!$G$20=$B$17,14,0)+IF('Standard Profiles'!$G$20=$B$24,21,0),MOD($C2790,24)+1)/SUM(INDEX($D$3:$AA$30,INDEX(Jesper!$R$2:$R$366,ROW(INDEX(Jesper!AJ$2:AJ$366,ROUNDDOWN($C2790/24,0)+1,1))-1)+IF('Standard Profiles'!$G$20=$B$10,7,0)+IF('Standard Profiles'!$G$20=$B$17,14,0)+IF('Standard Profiles'!$G$20=$B$24,21,0),0)),0)</f>
        <v>0</v>
      </c>
      <c r="G2790" cm="1">
        <f t="array" ref="G2790">IFERROR(INDEX(Jesper!AK$2:AK$366,ROUNDDOWN($C2790/24,0)+1,1)*INDEX($D$3:$AA$30,INDEX(Jesper!$R$2:$R$366,ROW(INDEX(Jesper!AK$2:AK$366,ROUNDDOWN($C2790/24,0)+1,1))-1)+IF('Standard Profiles'!$G$21=$B$10,7,0)+IF('Standard Profiles'!$G$21=$B$17,14,0)+IF('Standard Profiles'!$G$21=$B$24,21,0),MOD($C2790,24)+1)/SUM(INDEX($D$3:$AA$30,INDEX(Jesper!$R$2:$R$366,ROW(INDEX(Jesper!AK$2:AK$366,ROUNDDOWN($C2790/24,0)+1,1))-1)+IF('Standard Profiles'!$G$21=$B$10,7,0)+IF('Standard Profiles'!$G$21=$B$17,14,0)+IF('Standard Profiles'!$G$21=$B$24,21,0),0)),0)</f>
        <v>0</v>
      </c>
      <c r="H2790" cm="1">
        <f t="array" ref="H2790">IFERROR(INDEX(Jesper!AL$2:AL$366,ROUNDDOWN($C2790/24,0)+1,1)*INDEX($D$3:$AA$30,INDEX(Jesper!$R$2:$R$366,ROW(INDEX(Jesper!AL$2:AL$366,ROUNDDOWN($C2790/24,0)+1,1))-1)+IF('Standard Profiles'!$G$22=$B$10,7,0)+IF('Standard Profiles'!$G$22=$B$17,14,0)+IF('Standard Profiles'!$G$22=$B$24,21,0),MOD($C2790,24)+1)/SUM(INDEX($D$3:$AA$30,INDEX(Jesper!$R$2:$R$366,ROW(INDEX(Jesper!AL$2:AL$366,ROUNDDOWN($C2790/24,0)+1,1))-1)+IF('Standard Profiles'!$G$22=$B$10,7,0)+IF('Standard Profiles'!$G$22=$B$17,14,0)+IF('Standard Profiles'!$G$22=$B$24,21,0),0)),0)</f>
        <v>0</v>
      </c>
      <c r="I2790">
        <f t="shared" si="321"/>
        <v>0.31101235157749174</v>
      </c>
      <c r="J2790">
        <f t="shared" si="322"/>
        <v>1.0367078385916393</v>
      </c>
      <c r="K2790">
        <f t="shared" si="323"/>
        <v>1.5550617578874586</v>
      </c>
      <c r="L2790">
        <f t="shared" si="324"/>
        <v>7.4642964378598018</v>
      </c>
      <c r="M2790">
        <f t="shared" si="325"/>
        <v>0</v>
      </c>
      <c r="N2790" s="46">
        <f t="shared" si="326"/>
        <v>45406.833333326649</v>
      </c>
    </row>
    <row r="2791" spans="2:14" x14ac:dyDescent="0.3">
      <c r="B2791">
        <f t="shared" si="320"/>
        <v>3</v>
      </c>
      <c r="C2791" s="16">
        <v>2757</v>
      </c>
      <c r="D2791" cm="1">
        <f t="array" ref="D2791">IFERROR(INDEX(Jesper!AH$2:AH$366,ROUNDDOWN($C2791/24,0)+1,1)*INDEX($D$3:$AA$30,INDEX(Jesper!$R$2:$R$366,ROW(INDEX(Jesper!AH$2:AH$366,ROUNDDOWN($C2791/24,0)+1,1))-1)+IF('Standard Profiles'!$G$18=$B$10,7,0)+IF('Standard Profiles'!$G$18=$B$17,14,0)+IF('Standard Profiles'!$G$18=$B$24,21,0),MOD($C2791,24)+1)/SUM(INDEX($D$3:$AA$30,INDEX(Jesper!$R$2:$R$366,ROW(INDEX(Jesper!AH$2:AH$366,ROUNDDOWN($C2791/24,0)+1,1))-1)+IF('Standard Profiles'!$G$18=$B$10,7,0)+IF('Standard Profiles'!$G$18=$B$17,14,0)+IF('Standard Profiles'!$G$18=$B$24,21,0),0)),0)</f>
        <v>7.7753087894372932</v>
      </c>
      <c r="E2791" cm="1">
        <f t="array" ref="E2791">IFERROR(INDEX(Jesper!AI$2:AI$366,ROUNDDOWN($C2791/24,0)+1,1)*INDEX($D$3:$AA$30,INDEX(Jesper!$R$2:$R$366,ROW(INDEX(Jesper!AI$2:AI$366,ROUNDDOWN($C2791/24,0)+1,1))-1)+IF('Standard Profiles'!$G$19=$B$10,7,0)+IF('Standard Profiles'!$G$19=$B$17,14,0)+IF('Standard Profiles'!$G$19=$B$24,21,0),MOD($C2791,24)+1)/SUM(INDEX($D$3:$AA$30,INDEX(Jesper!$R$2:$R$366,ROW(INDEX(Jesper!AI$2:AI$366,ROUNDDOWN($C2791/24,0)+1,1))-1)+IF('Standard Profiles'!$G$19=$B$10,7,0)+IF('Standard Profiles'!$G$19=$B$17,14,0)+IF('Standard Profiles'!$G$19=$B$24,21,0),0)),0)</f>
        <v>0</v>
      </c>
      <c r="F2791" cm="1">
        <f t="array" ref="F2791">IFERROR(INDEX(Jesper!AJ$2:AJ$366,ROUNDDOWN($C2791/24,0)+1,1)*INDEX($D$3:$AA$30,INDEX(Jesper!$R$2:$R$366,ROW(INDEX(Jesper!AJ$2:AJ$366,ROUNDDOWN($C2791/24,0)+1,1))-1)+IF('Standard Profiles'!$G$20=$B$10,7,0)+IF('Standard Profiles'!$G$20=$B$17,14,0)+IF('Standard Profiles'!$G$20=$B$24,21,0),MOD($C2791,24)+1)/SUM(INDEX($D$3:$AA$30,INDEX(Jesper!$R$2:$R$366,ROW(INDEX(Jesper!AJ$2:AJ$366,ROUNDDOWN($C2791/24,0)+1,1))-1)+IF('Standard Profiles'!$G$20=$B$10,7,0)+IF('Standard Profiles'!$G$20=$B$17,14,0)+IF('Standard Profiles'!$G$20=$B$24,21,0),0)),0)</f>
        <v>0</v>
      </c>
      <c r="G2791" cm="1">
        <f t="array" ref="G2791">IFERROR(INDEX(Jesper!AK$2:AK$366,ROUNDDOWN($C2791/24,0)+1,1)*INDEX($D$3:$AA$30,INDEX(Jesper!$R$2:$R$366,ROW(INDEX(Jesper!AK$2:AK$366,ROUNDDOWN($C2791/24,0)+1,1))-1)+IF('Standard Profiles'!$G$21=$B$10,7,0)+IF('Standard Profiles'!$G$21=$B$17,14,0)+IF('Standard Profiles'!$G$21=$B$24,21,0),MOD($C2791,24)+1)/SUM(INDEX($D$3:$AA$30,INDEX(Jesper!$R$2:$R$366,ROW(INDEX(Jesper!AK$2:AK$366,ROUNDDOWN($C2791/24,0)+1,1))-1)+IF('Standard Profiles'!$G$21=$B$10,7,0)+IF('Standard Profiles'!$G$21=$B$17,14,0)+IF('Standard Profiles'!$G$21=$B$24,21,0),0)),0)</f>
        <v>0</v>
      </c>
      <c r="H2791" cm="1">
        <f t="array" ref="H2791">IFERROR(INDEX(Jesper!AL$2:AL$366,ROUNDDOWN($C2791/24,0)+1,1)*INDEX($D$3:$AA$30,INDEX(Jesper!$R$2:$R$366,ROW(INDEX(Jesper!AL$2:AL$366,ROUNDDOWN($C2791/24,0)+1,1))-1)+IF('Standard Profiles'!$G$22=$B$10,7,0)+IF('Standard Profiles'!$G$22=$B$17,14,0)+IF('Standard Profiles'!$G$22=$B$24,21,0),MOD($C2791,24)+1)/SUM(INDEX($D$3:$AA$30,INDEX(Jesper!$R$2:$R$366,ROW(INDEX(Jesper!AL$2:AL$366,ROUNDDOWN($C2791/24,0)+1,1))-1)+IF('Standard Profiles'!$G$22=$B$10,7,0)+IF('Standard Profiles'!$G$22=$B$17,14,0)+IF('Standard Profiles'!$G$22=$B$24,21,0),0)),0)</f>
        <v>0</v>
      </c>
      <c r="I2791">
        <f t="shared" si="321"/>
        <v>0.23325926368311878</v>
      </c>
      <c r="J2791">
        <f t="shared" si="322"/>
        <v>0.77753087894372941</v>
      </c>
      <c r="K2791">
        <f t="shared" si="323"/>
        <v>1.1662963184155939</v>
      </c>
      <c r="L2791">
        <f t="shared" si="324"/>
        <v>5.5982223283948507</v>
      </c>
      <c r="M2791">
        <f t="shared" si="325"/>
        <v>0</v>
      </c>
      <c r="N2791" s="46">
        <f t="shared" si="326"/>
        <v>45406.874999993313</v>
      </c>
    </row>
    <row r="2792" spans="2:14" x14ac:dyDescent="0.3">
      <c r="B2792">
        <f t="shared" si="320"/>
        <v>3</v>
      </c>
      <c r="C2792" s="16">
        <v>2758</v>
      </c>
      <c r="D2792" cm="1">
        <f t="array" ref="D2792">IFERROR(INDEX(Jesper!AH$2:AH$366,ROUNDDOWN($C2792/24,0)+1,1)*INDEX($D$3:$AA$30,INDEX(Jesper!$R$2:$R$366,ROW(INDEX(Jesper!AH$2:AH$366,ROUNDDOWN($C2792/24,0)+1,1))-1)+IF('Standard Profiles'!$G$18=$B$10,7,0)+IF('Standard Profiles'!$G$18=$B$17,14,0)+IF('Standard Profiles'!$G$18=$B$24,21,0),MOD($C2792,24)+1)/SUM(INDEX($D$3:$AA$30,INDEX(Jesper!$R$2:$R$366,ROW(INDEX(Jesper!AH$2:AH$366,ROUNDDOWN($C2792/24,0)+1,1))-1)+IF('Standard Profiles'!$G$18=$B$10,7,0)+IF('Standard Profiles'!$G$18=$B$17,14,0)+IF('Standard Profiles'!$G$18=$B$24,21,0),0)),0)</f>
        <v>7.7753087894372932</v>
      </c>
      <c r="E2792" cm="1">
        <f t="array" ref="E2792">IFERROR(INDEX(Jesper!AI$2:AI$366,ROUNDDOWN($C2792/24,0)+1,1)*INDEX($D$3:$AA$30,INDEX(Jesper!$R$2:$R$366,ROW(INDEX(Jesper!AI$2:AI$366,ROUNDDOWN($C2792/24,0)+1,1))-1)+IF('Standard Profiles'!$G$19=$B$10,7,0)+IF('Standard Profiles'!$G$19=$B$17,14,0)+IF('Standard Profiles'!$G$19=$B$24,21,0),MOD($C2792,24)+1)/SUM(INDEX($D$3:$AA$30,INDEX(Jesper!$R$2:$R$366,ROW(INDEX(Jesper!AI$2:AI$366,ROUNDDOWN($C2792/24,0)+1,1))-1)+IF('Standard Profiles'!$G$19=$B$10,7,0)+IF('Standard Profiles'!$G$19=$B$17,14,0)+IF('Standard Profiles'!$G$19=$B$24,21,0),0)),0)</f>
        <v>0</v>
      </c>
      <c r="F2792" cm="1">
        <f t="array" ref="F2792">IFERROR(INDEX(Jesper!AJ$2:AJ$366,ROUNDDOWN($C2792/24,0)+1,1)*INDEX($D$3:$AA$30,INDEX(Jesper!$R$2:$R$366,ROW(INDEX(Jesper!AJ$2:AJ$366,ROUNDDOWN($C2792/24,0)+1,1))-1)+IF('Standard Profiles'!$G$20=$B$10,7,0)+IF('Standard Profiles'!$G$20=$B$17,14,0)+IF('Standard Profiles'!$G$20=$B$24,21,0),MOD($C2792,24)+1)/SUM(INDEX($D$3:$AA$30,INDEX(Jesper!$R$2:$R$366,ROW(INDEX(Jesper!AJ$2:AJ$366,ROUNDDOWN($C2792/24,0)+1,1))-1)+IF('Standard Profiles'!$G$20=$B$10,7,0)+IF('Standard Profiles'!$G$20=$B$17,14,0)+IF('Standard Profiles'!$G$20=$B$24,21,0),0)),0)</f>
        <v>0</v>
      </c>
      <c r="G2792" cm="1">
        <f t="array" ref="G2792">IFERROR(INDEX(Jesper!AK$2:AK$366,ROUNDDOWN($C2792/24,0)+1,1)*INDEX($D$3:$AA$30,INDEX(Jesper!$R$2:$R$366,ROW(INDEX(Jesper!AK$2:AK$366,ROUNDDOWN($C2792/24,0)+1,1))-1)+IF('Standard Profiles'!$G$21=$B$10,7,0)+IF('Standard Profiles'!$G$21=$B$17,14,0)+IF('Standard Profiles'!$G$21=$B$24,21,0),MOD($C2792,24)+1)/SUM(INDEX($D$3:$AA$30,INDEX(Jesper!$R$2:$R$366,ROW(INDEX(Jesper!AK$2:AK$366,ROUNDDOWN($C2792/24,0)+1,1))-1)+IF('Standard Profiles'!$G$21=$B$10,7,0)+IF('Standard Profiles'!$G$21=$B$17,14,0)+IF('Standard Profiles'!$G$21=$B$24,21,0),0)),0)</f>
        <v>0</v>
      </c>
      <c r="H2792" cm="1">
        <f t="array" ref="H2792">IFERROR(INDEX(Jesper!AL$2:AL$366,ROUNDDOWN($C2792/24,0)+1,1)*INDEX($D$3:$AA$30,INDEX(Jesper!$R$2:$R$366,ROW(INDEX(Jesper!AL$2:AL$366,ROUNDDOWN($C2792/24,0)+1,1))-1)+IF('Standard Profiles'!$G$22=$B$10,7,0)+IF('Standard Profiles'!$G$22=$B$17,14,0)+IF('Standard Profiles'!$G$22=$B$24,21,0),MOD($C2792,24)+1)/SUM(INDEX($D$3:$AA$30,INDEX(Jesper!$R$2:$R$366,ROW(INDEX(Jesper!AL$2:AL$366,ROUNDDOWN($C2792/24,0)+1,1))-1)+IF('Standard Profiles'!$G$22=$B$10,7,0)+IF('Standard Profiles'!$G$22=$B$17,14,0)+IF('Standard Profiles'!$G$22=$B$24,21,0),0)),0)</f>
        <v>0</v>
      </c>
      <c r="I2792">
        <f t="shared" si="321"/>
        <v>0.23325926368311878</v>
      </c>
      <c r="J2792">
        <f t="shared" si="322"/>
        <v>0.77753087894372941</v>
      </c>
      <c r="K2792">
        <f t="shared" si="323"/>
        <v>1.1662963184155939</v>
      </c>
      <c r="L2792">
        <f t="shared" si="324"/>
        <v>5.5982223283948507</v>
      </c>
      <c r="M2792">
        <f t="shared" si="325"/>
        <v>0</v>
      </c>
      <c r="N2792" s="46">
        <f t="shared" si="326"/>
        <v>45406.916666659978</v>
      </c>
    </row>
    <row r="2793" spans="2:14" x14ac:dyDescent="0.3">
      <c r="B2793">
        <f t="shared" si="320"/>
        <v>3</v>
      </c>
      <c r="C2793" s="16">
        <v>2759</v>
      </c>
      <c r="D2793" cm="1">
        <f t="array" ref="D2793">IFERROR(INDEX(Jesper!AH$2:AH$366,ROUNDDOWN($C2793/24,0)+1,1)*INDEX($D$3:$AA$30,INDEX(Jesper!$R$2:$R$366,ROW(INDEX(Jesper!AH$2:AH$366,ROUNDDOWN($C2793/24,0)+1,1))-1)+IF('Standard Profiles'!$G$18=$B$10,7,0)+IF('Standard Profiles'!$G$18=$B$17,14,0)+IF('Standard Profiles'!$G$18=$B$24,21,0),MOD($C2793,24)+1)/SUM(INDEX($D$3:$AA$30,INDEX(Jesper!$R$2:$R$366,ROW(INDEX(Jesper!AH$2:AH$366,ROUNDDOWN($C2793/24,0)+1,1))-1)+IF('Standard Profiles'!$G$18=$B$10,7,0)+IF('Standard Profiles'!$G$18=$B$17,14,0)+IF('Standard Profiles'!$G$18=$B$24,21,0),0)),0)</f>
        <v>7.7753087894372932</v>
      </c>
      <c r="E2793" cm="1">
        <f t="array" ref="E2793">IFERROR(INDEX(Jesper!AI$2:AI$366,ROUNDDOWN($C2793/24,0)+1,1)*INDEX($D$3:$AA$30,INDEX(Jesper!$R$2:$R$366,ROW(INDEX(Jesper!AI$2:AI$366,ROUNDDOWN($C2793/24,0)+1,1))-1)+IF('Standard Profiles'!$G$19=$B$10,7,0)+IF('Standard Profiles'!$G$19=$B$17,14,0)+IF('Standard Profiles'!$G$19=$B$24,21,0),MOD($C2793,24)+1)/SUM(INDEX($D$3:$AA$30,INDEX(Jesper!$R$2:$R$366,ROW(INDEX(Jesper!AI$2:AI$366,ROUNDDOWN($C2793/24,0)+1,1))-1)+IF('Standard Profiles'!$G$19=$B$10,7,0)+IF('Standard Profiles'!$G$19=$B$17,14,0)+IF('Standard Profiles'!$G$19=$B$24,21,0),0)),0)</f>
        <v>0</v>
      </c>
      <c r="F2793" cm="1">
        <f t="array" ref="F2793">IFERROR(INDEX(Jesper!AJ$2:AJ$366,ROUNDDOWN($C2793/24,0)+1,1)*INDEX($D$3:$AA$30,INDEX(Jesper!$R$2:$R$366,ROW(INDEX(Jesper!AJ$2:AJ$366,ROUNDDOWN($C2793/24,0)+1,1))-1)+IF('Standard Profiles'!$G$20=$B$10,7,0)+IF('Standard Profiles'!$G$20=$B$17,14,0)+IF('Standard Profiles'!$G$20=$B$24,21,0),MOD($C2793,24)+1)/SUM(INDEX($D$3:$AA$30,INDEX(Jesper!$R$2:$R$366,ROW(INDEX(Jesper!AJ$2:AJ$366,ROUNDDOWN($C2793/24,0)+1,1))-1)+IF('Standard Profiles'!$G$20=$B$10,7,0)+IF('Standard Profiles'!$G$20=$B$17,14,0)+IF('Standard Profiles'!$G$20=$B$24,21,0),0)),0)</f>
        <v>0</v>
      </c>
      <c r="G2793" cm="1">
        <f t="array" ref="G2793">IFERROR(INDEX(Jesper!AK$2:AK$366,ROUNDDOWN($C2793/24,0)+1,1)*INDEX($D$3:$AA$30,INDEX(Jesper!$R$2:$R$366,ROW(INDEX(Jesper!AK$2:AK$366,ROUNDDOWN($C2793/24,0)+1,1))-1)+IF('Standard Profiles'!$G$21=$B$10,7,0)+IF('Standard Profiles'!$G$21=$B$17,14,0)+IF('Standard Profiles'!$G$21=$B$24,21,0),MOD($C2793,24)+1)/SUM(INDEX($D$3:$AA$30,INDEX(Jesper!$R$2:$R$366,ROW(INDEX(Jesper!AK$2:AK$366,ROUNDDOWN($C2793/24,0)+1,1))-1)+IF('Standard Profiles'!$G$21=$B$10,7,0)+IF('Standard Profiles'!$G$21=$B$17,14,0)+IF('Standard Profiles'!$G$21=$B$24,21,0),0)),0)</f>
        <v>0</v>
      </c>
      <c r="H2793" cm="1">
        <f t="array" ref="H2793">IFERROR(INDEX(Jesper!AL$2:AL$366,ROUNDDOWN($C2793/24,0)+1,1)*INDEX($D$3:$AA$30,INDEX(Jesper!$R$2:$R$366,ROW(INDEX(Jesper!AL$2:AL$366,ROUNDDOWN($C2793/24,0)+1,1))-1)+IF('Standard Profiles'!$G$22=$B$10,7,0)+IF('Standard Profiles'!$G$22=$B$17,14,0)+IF('Standard Profiles'!$G$22=$B$24,21,0),MOD($C2793,24)+1)/SUM(INDEX($D$3:$AA$30,INDEX(Jesper!$R$2:$R$366,ROW(INDEX(Jesper!AL$2:AL$366,ROUNDDOWN($C2793/24,0)+1,1))-1)+IF('Standard Profiles'!$G$22=$B$10,7,0)+IF('Standard Profiles'!$G$22=$B$17,14,0)+IF('Standard Profiles'!$G$22=$B$24,21,0),0)),0)</f>
        <v>0</v>
      </c>
      <c r="I2793">
        <f t="shared" si="321"/>
        <v>0.23325926368311878</v>
      </c>
      <c r="J2793">
        <f t="shared" si="322"/>
        <v>0.77753087894372941</v>
      </c>
      <c r="K2793">
        <f t="shared" si="323"/>
        <v>1.1662963184155939</v>
      </c>
      <c r="L2793">
        <f t="shared" si="324"/>
        <v>5.5982223283948507</v>
      </c>
      <c r="M2793">
        <f t="shared" si="325"/>
        <v>0</v>
      </c>
      <c r="N2793" s="46">
        <f t="shared" si="326"/>
        <v>45406.958333326642</v>
      </c>
    </row>
    <row r="2794" spans="2:14" x14ac:dyDescent="0.3">
      <c r="B2794">
        <f t="shared" si="320"/>
        <v>4</v>
      </c>
      <c r="C2794" s="16">
        <v>2760</v>
      </c>
      <c r="D2794" cm="1">
        <f t="array" ref="D2794">IFERROR(INDEX(Jesper!AH$2:AH$366,ROUNDDOWN($C2794/24,0)+1,1)*INDEX($D$3:$AA$30,INDEX(Jesper!$R$2:$R$366,ROW(INDEX(Jesper!AH$2:AH$366,ROUNDDOWN($C2794/24,0)+1,1))-1)+IF('Standard Profiles'!$G$18=$B$10,7,0)+IF('Standard Profiles'!$G$18=$B$17,14,0)+IF('Standard Profiles'!$G$18=$B$24,21,0),MOD($C2794,24)+1)/SUM(INDEX($D$3:$AA$30,INDEX(Jesper!$R$2:$R$366,ROW(INDEX(Jesper!AH$2:AH$366,ROUNDDOWN($C2794/24,0)+1,1))-1)+IF('Standard Profiles'!$G$18=$B$10,7,0)+IF('Standard Profiles'!$G$18=$B$17,14,0)+IF('Standard Profiles'!$G$18=$B$24,21,0),0)),0)</f>
        <v>7.6167089913928443</v>
      </c>
      <c r="E2794" cm="1">
        <f t="array" ref="E2794">IFERROR(INDEX(Jesper!AI$2:AI$366,ROUNDDOWN($C2794/24,0)+1,1)*INDEX($D$3:$AA$30,INDEX(Jesper!$R$2:$R$366,ROW(INDEX(Jesper!AI$2:AI$366,ROUNDDOWN($C2794/24,0)+1,1))-1)+IF('Standard Profiles'!$G$19=$B$10,7,0)+IF('Standard Profiles'!$G$19=$B$17,14,0)+IF('Standard Profiles'!$G$19=$B$24,21,0),MOD($C2794,24)+1)/SUM(INDEX($D$3:$AA$30,INDEX(Jesper!$R$2:$R$366,ROW(INDEX(Jesper!AI$2:AI$366,ROUNDDOWN($C2794/24,0)+1,1))-1)+IF('Standard Profiles'!$G$19=$B$10,7,0)+IF('Standard Profiles'!$G$19=$B$17,14,0)+IF('Standard Profiles'!$G$19=$B$24,21,0),0)),0)</f>
        <v>0</v>
      </c>
      <c r="F2794" cm="1">
        <f t="array" ref="F2794">IFERROR(INDEX(Jesper!AJ$2:AJ$366,ROUNDDOWN($C2794/24,0)+1,1)*INDEX($D$3:$AA$30,INDEX(Jesper!$R$2:$R$366,ROW(INDEX(Jesper!AJ$2:AJ$366,ROUNDDOWN($C2794/24,0)+1,1))-1)+IF('Standard Profiles'!$G$20=$B$10,7,0)+IF('Standard Profiles'!$G$20=$B$17,14,0)+IF('Standard Profiles'!$G$20=$B$24,21,0),MOD($C2794,24)+1)/SUM(INDEX($D$3:$AA$30,INDEX(Jesper!$R$2:$R$366,ROW(INDEX(Jesper!AJ$2:AJ$366,ROUNDDOWN($C2794/24,0)+1,1))-1)+IF('Standard Profiles'!$G$20=$B$10,7,0)+IF('Standard Profiles'!$G$20=$B$17,14,0)+IF('Standard Profiles'!$G$20=$B$24,21,0),0)),0)</f>
        <v>0</v>
      </c>
      <c r="G2794" cm="1">
        <f t="array" ref="G2794">IFERROR(INDEX(Jesper!AK$2:AK$366,ROUNDDOWN($C2794/24,0)+1,1)*INDEX($D$3:$AA$30,INDEX(Jesper!$R$2:$R$366,ROW(INDEX(Jesper!AK$2:AK$366,ROUNDDOWN($C2794/24,0)+1,1))-1)+IF('Standard Profiles'!$G$21=$B$10,7,0)+IF('Standard Profiles'!$G$21=$B$17,14,0)+IF('Standard Profiles'!$G$21=$B$24,21,0),MOD($C2794,24)+1)/SUM(INDEX($D$3:$AA$30,INDEX(Jesper!$R$2:$R$366,ROW(INDEX(Jesper!AK$2:AK$366,ROUNDDOWN($C2794/24,0)+1,1))-1)+IF('Standard Profiles'!$G$21=$B$10,7,0)+IF('Standard Profiles'!$G$21=$B$17,14,0)+IF('Standard Profiles'!$G$21=$B$24,21,0),0)),0)</f>
        <v>0</v>
      </c>
      <c r="H2794" cm="1">
        <f t="array" ref="H2794">IFERROR(INDEX(Jesper!AL$2:AL$366,ROUNDDOWN($C2794/24,0)+1,1)*INDEX($D$3:$AA$30,INDEX(Jesper!$R$2:$R$366,ROW(INDEX(Jesper!AL$2:AL$366,ROUNDDOWN($C2794/24,0)+1,1))-1)+IF('Standard Profiles'!$G$22=$B$10,7,0)+IF('Standard Profiles'!$G$22=$B$17,14,0)+IF('Standard Profiles'!$G$22=$B$24,21,0),MOD($C2794,24)+1)/SUM(INDEX($D$3:$AA$30,INDEX(Jesper!$R$2:$R$366,ROW(INDEX(Jesper!AL$2:AL$366,ROUNDDOWN($C2794/24,0)+1,1))-1)+IF('Standard Profiles'!$G$22=$B$10,7,0)+IF('Standard Profiles'!$G$22=$B$17,14,0)+IF('Standard Profiles'!$G$22=$B$24,21,0),0)),0)</f>
        <v>0</v>
      </c>
      <c r="I2794">
        <f t="shared" si="321"/>
        <v>0.22850126974178531</v>
      </c>
      <c r="J2794">
        <f t="shared" si="322"/>
        <v>0.76167089913928443</v>
      </c>
      <c r="K2794">
        <f t="shared" si="323"/>
        <v>1.1425063487089266</v>
      </c>
      <c r="L2794">
        <f t="shared" si="324"/>
        <v>5.4840304738028474</v>
      </c>
      <c r="M2794">
        <f t="shared" si="325"/>
        <v>0</v>
      </c>
      <c r="N2794" s="46">
        <f t="shared" si="326"/>
        <v>45406.999999993306</v>
      </c>
    </row>
    <row r="2795" spans="2:14" x14ac:dyDescent="0.3">
      <c r="B2795">
        <f t="shared" si="320"/>
        <v>4</v>
      </c>
      <c r="C2795" s="16">
        <v>2761</v>
      </c>
      <c r="D2795" cm="1">
        <f t="array" ref="D2795">IFERROR(INDEX(Jesper!AH$2:AH$366,ROUNDDOWN($C2795/24,0)+1,1)*INDEX($D$3:$AA$30,INDEX(Jesper!$R$2:$R$366,ROW(INDEX(Jesper!AH$2:AH$366,ROUNDDOWN($C2795/24,0)+1,1))-1)+IF('Standard Profiles'!$G$18=$B$10,7,0)+IF('Standard Profiles'!$G$18=$B$17,14,0)+IF('Standard Profiles'!$G$18=$B$24,21,0),MOD($C2795,24)+1)/SUM(INDEX($D$3:$AA$30,INDEX(Jesper!$R$2:$R$366,ROW(INDEX(Jesper!AH$2:AH$366,ROUNDDOWN($C2795/24,0)+1,1))-1)+IF('Standard Profiles'!$G$18=$B$10,7,0)+IF('Standard Profiles'!$G$18=$B$17,14,0)+IF('Standard Profiles'!$G$18=$B$24,21,0),0)),0)</f>
        <v>7.6167089913928443</v>
      </c>
      <c r="E2795" cm="1">
        <f t="array" ref="E2795">IFERROR(INDEX(Jesper!AI$2:AI$366,ROUNDDOWN($C2795/24,0)+1,1)*INDEX($D$3:$AA$30,INDEX(Jesper!$R$2:$R$366,ROW(INDEX(Jesper!AI$2:AI$366,ROUNDDOWN($C2795/24,0)+1,1))-1)+IF('Standard Profiles'!$G$19=$B$10,7,0)+IF('Standard Profiles'!$G$19=$B$17,14,0)+IF('Standard Profiles'!$G$19=$B$24,21,0),MOD($C2795,24)+1)/SUM(INDEX($D$3:$AA$30,INDEX(Jesper!$R$2:$R$366,ROW(INDEX(Jesper!AI$2:AI$366,ROUNDDOWN($C2795/24,0)+1,1))-1)+IF('Standard Profiles'!$G$19=$B$10,7,0)+IF('Standard Profiles'!$G$19=$B$17,14,0)+IF('Standard Profiles'!$G$19=$B$24,21,0),0)),0)</f>
        <v>0</v>
      </c>
      <c r="F2795" cm="1">
        <f t="array" ref="F2795">IFERROR(INDEX(Jesper!AJ$2:AJ$366,ROUNDDOWN($C2795/24,0)+1,1)*INDEX($D$3:$AA$30,INDEX(Jesper!$R$2:$R$366,ROW(INDEX(Jesper!AJ$2:AJ$366,ROUNDDOWN($C2795/24,0)+1,1))-1)+IF('Standard Profiles'!$G$20=$B$10,7,0)+IF('Standard Profiles'!$G$20=$B$17,14,0)+IF('Standard Profiles'!$G$20=$B$24,21,0),MOD($C2795,24)+1)/SUM(INDEX($D$3:$AA$30,INDEX(Jesper!$R$2:$R$366,ROW(INDEX(Jesper!AJ$2:AJ$366,ROUNDDOWN($C2795/24,0)+1,1))-1)+IF('Standard Profiles'!$G$20=$B$10,7,0)+IF('Standard Profiles'!$G$20=$B$17,14,0)+IF('Standard Profiles'!$G$20=$B$24,21,0),0)),0)</f>
        <v>0</v>
      </c>
      <c r="G2795" cm="1">
        <f t="array" ref="G2795">IFERROR(INDEX(Jesper!AK$2:AK$366,ROUNDDOWN($C2795/24,0)+1,1)*INDEX($D$3:$AA$30,INDEX(Jesper!$R$2:$R$366,ROW(INDEX(Jesper!AK$2:AK$366,ROUNDDOWN($C2795/24,0)+1,1))-1)+IF('Standard Profiles'!$G$21=$B$10,7,0)+IF('Standard Profiles'!$G$21=$B$17,14,0)+IF('Standard Profiles'!$G$21=$B$24,21,0),MOD($C2795,24)+1)/SUM(INDEX($D$3:$AA$30,INDEX(Jesper!$R$2:$R$366,ROW(INDEX(Jesper!AK$2:AK$366,ROUNDDOWN($C2795/24,0)+1,1))-1)+IF('Standard Profiles'!$G$21=$B$10,7,0)+IF('Standard Profiles'!$G$21=$B$17,14,0)+IF('Standard Profiles'!$G$21=$B$24,21,0),0)),0)</f>
        <v>0</v>
      </c>
      <c r="H2795" cm="1">
        <f t="array" ref="H2795">IFERROR(INDEX(Jesper!AL$2:AL$366,ROUNDDOWN($C2795/24,0)+1,1)*INDEX($D$3:$AA$30,INDEX(Jesper!$R$2:$R$366,ROW(INDEX(Jesper!AL$2:AL$366,ROUNDDOWN($C2795/24,0)+1,1))-1)+IF('Standard Profiles'!$G$22=$B$10,7,0)+IF('Standard Profiles'!$G$22=$B$17,14,0)+IF('Standard Profiles'!$G$22=$B$24,21,0),MOD($C2795,24)+1)/SUM(INDEX($D$3:$AA$30,INDEX(Jesper!$R$2:$R$366,ROW(INDEX(Jesper!AL$2:AL$366,ROUNDDOWN($C2795/24,0)+1,1))-1)+IF('Standard Profiles'!$G$22=$B$10,7,0)+IF('Standard Profiles'!$G$22=$B$17,14,0)+IF('Standard Profiles'!$G$22=$B$24,21,0),0)),0)</f>
        <v>0</v>
      </c>
      <c r="I2795">
        <f t="shared" si="321"/>
        <v>0.22850126974178531</v>
      </c>
      <c r="J2795">
        <f t="shared" si="322"/>
        <v>0.76167089913928443</v>
      </c>
      <c r="K2795">
        <f t="shared" si="323"/>
        <v>1.1425063487089266</v>
      </c>
      <c r="L2795">
        <f t="shared" si="324"/>
        <v>5.4840304738028474</v>
      </c>
      <c r="M2795">
        <f t="shared" si="325"/>
        <v>0</v>
      </c>
      <c r="N2795" s="46">
        <f t="shared" si="326"/>
        <v>45407.04166665997</v>
      </c>
    </row>
    <row r="2796" spans="2:14" x14ac:dyDescent="0.3">
      <c r="B2796">
        <f t="shared" si="320"/>
        <v>4</v>
      </c>
      <c r="C2796" s="16">
        <v>2762</v>
      </c>
      <c r="D2796" cm="1">
        <f t="array" ref="D2796">IFERROR(INDEX(Jesper!AH$2:AH$366,ROUNDDOWN($C2796/24,0)+1,1)*INDEX($D$3:$AA$30,INDEX(Jesper!$R$2:$R$366,ROW(INDEX(Jesper!AH$2:AH$366,ROUNDDOWN($C2796/24,0)+1,1))-1)+IF('Standard Profiles'!$G$18=$B$10,7,0)+IF('Standard Profiles'!$G$18=$B$17,14,0)+IF('Standard Profiles'!$G$18=$B$24,21,0),MOD($C2796,24)+1)/SUM(INDEX($D$3:$AA$30,INDEX(Jesper!$R$2:$R$366,ROW(INDEX(Jesper!AH$2:AH$366,ROUNDDOWN($C2796/24,0)+1,1))-1)+IF('Standard Profiles'!$G$18=$B$10,7,0)+IF('Standard Profiles'!$G$18=$B$17,14,0)+IF('Standard Profiles'!$G$18=$B$24,21,0),0)),0)</f>
        <v>7.6167089913928443</v>
      </c>
      <c r="E2796" cm="1">
        <f t="array" ref="E2796">IFERROR(INDEX(Jesper!AI$2:AI$366,ROUNDDOWN($C2796/24,0)+1,1)*INDEX($D$3:$AA$30,INDEX(Jesper!$R$2:$R$366,ROW(INDEX(Jesper!AI$2:AI$366,ROUNDDOWN($C2796/24,0)+1,1))-1)+IF('Standard Profiles'!$G$19=$B$10,7,0)+IF('Standard Profiles'!$G$19=$B$17,14,0)+IF('Standard Profiles'!$G$19=$B$24,21,0),MOD($C2796,24)+1)/SUM(INDEX($D$3:$AA$30,INDEX(Jesper!$R$2:$R$366,ROW(INDEX(Jesper!AI$2:AI$366,ROUNDDOWN($C2796/24,0)+1,1))-1)+IF('Standard Profiles'!$G$19=$B$10,7,0)+IF('Standard Profiles'!$G$19=$B$17,14,0)+IF('Standard Profiles'!$G$19=$B$24,21,0),0)),0)</f>
        <v>0</v>
      </c>
      <c r="F2796" cm="1">
        <f t="array" ref="F2796">IFERROR(INDEX(Jesper!AJ$2:AJ$366,ROUNDDOWN($C2796/24,0)+1,1)*INDEX($D$3:$AA$30,INDEX(Jesper!$R$2:$R$366,ROW(INDEX(Jesper!AJ$2:AJ$366,ROUNDDOWN($C2796/24,0)+1,1))-1)+IF('Standard Profiles'!$G$20=$B$10,7,0)+IF('Standard Profiles'!$G$20=$B$17,14,0)+IF('Standard Profiles'!$G$20=$B$24,21,0),MOD($C2796,24)+1)/SUM(INDEX($D$3:$AA$30,INDEX(Jesper!$R$2:$R$366,ROW(INDEX(Jesper!AJ$2:AJ$366,ROUNDDOWN($C2796/24,0)+1,1))-1)+IF('Standard Profiles'!$G$20=$B$10,7,0)+IF('Standard Profiles'!$G$20=$B$17,14,0)+IF('Standard Profiles'!$G$20=$B$24,21,0),0)),0)</f>
        <v>0</v>
      </c>
      <c r="G2796" cm="1">
        <f t="array" ref="G2796">IFERROR(INDEX(Jesper!AK$2:AK$366,ROUNDDOWN($C2796/24,0)+1,1)*INDEX($D$3:$AA$30,INDEX(Jesper!$R$2:$R$366,ROW(INDEX(Jesper!AK$2:AK$366,ROUNDDOWN($C2796/24,0)+1,1))-1)+IF('Standard Profiles'!$G$21=$B$10,7,0)+IF('Standard Profiles'!$G$21=$B$17,14,0)+IF('Standard Profiles'!$G$21=$B$24,21,0),MOD($C2796,24)+1)/SUM(INDEX($D$3:$AA$30,INDEX(Jesper!$R$2:$R$366,ROW(INDEX(Jesper!AK$2:AK$366,ROUNDDOWN($C2796/24,0)+1,1))-1)+IF('Standard Profiles'!$G$21=$B$10,7,0)+IF('Standard Profiles'!$G$21=$B$17,14,0)+IF('Standard Profiles'!$G$21=$B$24,21,0),0)),0)</f>
        <v>0</v>
      </c>
      <c r="H2796" cm="1">
        <f t="array" ref="H2796">IFERROR(INDEX(Jesper!AL$2:AL$366,ROUNDDOWN($C2796/24,0)+1,1)*INDEX($D$3:$AA$30,INDEX(Jesper!$R$2:$R$366,ROW(INDEX(Jesper!AL$2:AL$366,ROUNDDOWN($C2796/24,0)+1,1))-1)+IF('Standard Profiles'!$G$22=$B$10,7,0)+IF('Standard Profiles'!$G$22=$B$17,14,0)+IF('Standard Profiles'!$G$22=$B$24,21,0),MOD($C2796,24)+1)/SUM(INDEX($D$3:$AA$30,INDEX(Jesper!$R$2:$R$366,ROW(INDEX(Jesper!AL$2:AL$366,ROUNDDOWN($C2796/24,0)+1,1))-1)+IF('Standard Profiles'!$G$22=$B$10,7,0)+IF('Standard Profiles'!$G$22=$B$17,14,0)+IF('Standard Profiles'!$G$22=$B$24,21,0),0)),0)</f>
        <v>0</v>
      </c>
      <c r="I2796">
        <f t="shared" si="321"/>
        <v>0.22850126974178531</v>
      </c>
      <c r="J2796">
        <f t="shared" si="322"/>
        <v>0.76167089913928443</v>
      </c>
      <c r="K2796">
        <f t="shared" si="323"/>
        <v>1.1425063487089266</v>
      </c>
      <c r="L2796">
        <f t="shared" si="324"/>
        <v>5.4840304738028474</v>
      </c>
      <c r="M2796">
        <f t="shared" si="325"/>
        <v>0</v>
      </c>
      <c r="N2796" s="46">
        <f t="shared" si="326"/>
        <v>45407.083333326635</v>
      </c>
    </row>
    <row r="2797" spans="2:14" x14ac:dyDescent="0.3">
      <c r="B2797">
        <f t="shared" si="320"/>
        <v>4</v>
      </c>
      <c r="C2797" s="16">
        <v>2763</v>
      </c>
      <c r="D2797" cm="1">
        <f t="array" ref="D2797">IFERROR(INDEX(Jesper!AH$2:AH$366,ROUNDDOWN($C2797/24,0)+1,1)*INDEX($D$3:$AA$30,INDEX(Jesper!$R$2:$R$366,ROW(INDEX(Jesper!AH$2:AH$366,ROUNDDOWN($C2797/24,0)+1,1))-1)+IF('Standard Profiles'!$G$18=$B$10,7,0)+IF('Standard Profiles'!$G$18=$B$17,14,0)+IF('Standard Profiles'!$G$18=$B$24,21,0),MOD($C2797,24)+1)/SUM(INDEX($D$3:$AA$30,INDEX(Jesper!$R$2:$R$366,ROW(INDEX(Jesper!AH$2:AH$366,ROUNDDOWN($C2797/24,0)+1,1))-1)+IF('Standard Profiles'!$G$18=$B$10,7,0)+IF('Standard Profiles'!$G$18=$B$17,14,0)+IF('Standard Profiles'!$G$18=$B$24,21,0),0)),0)</f>
        <v>7.6167089913928443</v>
      </c>
      <c r="E2797" cm="1">
        <f t="array" ref="E2797">IFERROR(INDEX(Jesper!AI$2:AI$366,ROUNDDOWN($C2797/24,0)+1,1)*INDEX($D$3:$AA$30,INDEX(Jesper!$R$2:$R$366,ROW(INDEX(Jesper!AI$2:AI$366,ROUNDDOWN($C2797/24,0)+1,1))-1)+IF('Standard Profiles'!$G$19=$B$10,7,0)+IF('Standard Profiles'!$G$19=$B$17,14,0)+IF('Standard Profiles'!$G$19=$B$24,21,0),MOD($C2797,24)+1)/SUM(INDEX($D$3:$AA$30,INDEX(Jesper!$R$2:$R$366,ROW(INDEX(Jesper!AI$2:AI$366,ROUNDDOWN($C2797/24,0)+1,1))-1)+IF('Standard Profiles'!$G$19=$B$10,7,0)+IF('Standard Profiles'!$G$19=$B$17,14,0)+IF('Standard Profiles'!$G$19=$B$24,21,0),0)),0)</f>
        <v>0</v>
      </c>
      <c r="F2797" cm="1">
        <f t="array" ref="F2797">IFERROR(INDEX(Jesper!AJ$2:AJ$366,ROUNDDOWN($C2797/24,0)+1,1)*INDEX($D$3:$AA$30,INDEX(Jesper!$R$2:$R$366,ROW(INDEX(Jesper!AJ$2:AJ$366,ROUNDDOWN($C2797/24,0)+1,1))-1)+IF('Standard Profiles'!$G$20=$B$10,7,0)+IF('Standard Profiles'!$G$20=$B$17,14,0)+IF('Standard Profiles'!$G$20=$B$24,21,0),MOD($C2797,24)+1)/SUM(INDEX($D$3:$AA$30,INDEX(Jesper!$R$2:$R$366,ROW(INDEX(Jesper!AJ$2:AJ$366,ROUNDDOWN($C2797/24,0)+1,1))-1)+IF('Standard Profiles'!$G$20=$B$10,7,0)+IF('Standard Profiles'!$G$20=$B$17,14,0)+IF('Standard Profiles'!$G$20=$B$24,21,0),0)),0)</f>
        <v>0</v>
      </c>
      <c r="G2797" cm="1">
        <f t="array" ref="G2797">IFERROR(INDEX(Jesper!AK$2:AK$366,ROUNDDOWN($C2797/24,0)+1,1)*INDEX($D$3:$AA$30,INDEX(Jesper!$R$2:$R$366,ROW(INDEX(Jesper!AK$2:AK$366,ROUNDDOWN($C2797/24,0)+1,1))-1)+IF('Standard Profiles'!$G$21=$B$10,7,0)+IF('Standard Profiles'!$G$21=$B$17,14,0)+IF('Standard Profiles'!$G$21=$B$24,21,0),MOD($C2797,24)+1)/SUM(INDEX($D$3:$AA$30,INDEX(Jesper!$R$2:$R$366,ROW(INDEX(Jesper!AK$2:AK$366,ROUNDDOWN($C2797/24,0)+1,1))-1)+IF('Standard Profiles'!$G$21=$B$10,7,0)+IF('Standard Profiles'!$G$21=$B$17,14,0)+IF('Standard Profiles'!$G$21=$B$24,21,0),0)),0)</f>
        <v>0</v>
      </c>
      <c r="H2797" cm="1">
        <f t="array" ref="H2797">IFERROR(INDEX(Jesper!AL$2:AL$366,ROUNDDOWN($C2797/24,0)+1,1)*INDEX($D$3:$AA$30,INDEX(Jesper!$R$2:$R$366,ROW(INDEX(Jesper!AL$2:AL$366,ROUNDDOWN($C2797/24,0)+1,1))-1)+IF('Standard Profiles'!$G$22=$B$10,7,0)+IF('Standard Profiles'!$G$22=$B$17,14,0)+IF('Standard Profiles'!$G$22=$B$24,21,0),MOD($C2797,24)+1)/SUM(INDEX($D$3:$AA$30,INDEX(Jesper!$R$2:$R$366,ROW(INDEX(Jesper!AL$2:AL$366,ROUNDDOWN($C2797/24,0)+1,1))-1)+IF('Standard Profiles'!$G$22=$B$10,7,0)+IF('Standard Profiles'!$G$22=$B$17,14,0)+IF('Standard Profiles'!$G$22=$B$24,21,0),0)),0)</f>
        <v>0</v>
      </c>
      <c r="I2797">
        <f t="shared" si="321"/>
        <v>0.22850126974178531</v>
      </c>
      <c r="J2797">
        <f t="shared" si="322"/>
        <v>0.76167089913928443</v>
      </c>
      <c r="K2797">
        <f t="shared" si="323"/>
        <v>1.1425063487089266</v>
      </c>
      <c r="L2797">
        <f t="shared" si="324"/>
        <v>5.4840304738028474</v>
      </c>
      <c r="M2797">
        <f t="shared" si="325"/>
        <v>0</v>
      </c>
      <c r="N2797" s="46">
        <f t="shared" si="326"/>
        <v>45407.124999993299</v>
      </c>
    </row>
    <row r="2798" spans="2:14" x14ac:dyDescent="0.3">
      <c r="B2798">
        <f t="shared" si="320"/>
        <v>4</v>
      </c>
      <c r="C2798" s="16">
        <v>2764</v>
      </c>
      <c r="D2798" cm="1">
        <f t="array" ref="D2798">IFERROR(INDEX(Jesper!AH$2:AH$366,ROUNDDOWN($C2798/24,0)+1,1)*INDEX($D$3:$AA$30,INDEX(Jesper!$R$2:$R$366,ROW(INDEX(Jesper!AH$2:AH$366,ROUNDDOWN($C2798/24,0)+1,1))-1)+IF('Standard Profiles'!$G$18=$B$10,7,0)+IF('Standard Profiles'!$G$18=$B$17,14,0)+IF('Standard Profiles'!$G$18=$B$24,21,0),MOD($C2798,24)+1)/SUM(INDEX($D$3:$AA$30,INDEX(Jesper!$R$2:$R$366,ROW(INDEX(Jesper!AH$2:AH$366,ROUNDDOWN($C2798/24,0)+1,1))-1)+IF('Standard Profiles'!$G$18=$B$10,7,0)+IF('Standard Profiles'!$G$18=$B$17,14,0)+IF('Standard Profiles'!$G$18=$B$24,21,0),0)),0)</f>
        <v>7.6167089913928443</v>
      </c>
      <c r="E2798" cm="1">
        <f t="array" ref="E2798">IFERROR(INDEX(Jesper!AI$2:AI$366,ROUNDDOWN($C2798/24,0)+1,1)*INDEX($D$3:$AA$30,INDEX(Jesper!$R$2:$R$366,ROW(INDEX(Jesper!AI$2:AI$366,ROUNDDOWN($C2798/24,0)+1,1))-1)+IF('Standard Profiles'!$G$19=$B$10,7,0)+IF('Standard Profiles'!$G$19=$B$17,14,0)+IF('Standard Profiles'!$G$19=$B$24,21,0),MOD($C2798,24)+1)/SUM(INDEX($D$3:$AA$30,INDEX(Jesper!$R$2:$R$366,ROW(INDEX(Jesper!AI$2:AI$366,ROUNDDOWN($C2798/24,0)+1,1))-1)+IF('Standard Profiles'!$G$19=$B$10,7,0)+IF('Standard Profiles'!$G$19=$B$17,14,0)+IF('Standard Profiles'!$G$19=$B$24,21,0),0)),0)</f>
        <v>0</v>
      </c>
      <c r="F2798" cm="1">
        <f t="array" ref="F2798">IFERROR(INDEX(Jesper!AJ$2:AJ$366,ROUNDDOWN($C2798/24,0)+1,1)*INDEX($D$3:$AA$30,INDEX(Jesper!$R$2:$R$366,ROW(INDEX(Jesper!AJ$2:AJ$366,ROUNDDOWN($C2798/24,0)+1,1))-1)+IF('Standard Profiles'!$G$20=$B$10,7,0)+IF('Standard Profiles'!$G$20=$B$17,14,0)+IF('Standard Profiles'!$G$20=$B$24,21,0),MOD($C2798,24)+1)/SUM(INDEX($D$3:$AA$30,INDEX(Jesper!$R$2:$R$366,ROW(INDEX(Jesper!AJ$2:AJ$366,ROUNDDOWN($C2798/24,0)+1,1))-1)+IF('Standard Profiles'!$G$20=$B$10,7,0)+IF('Standard Profiles'!$G$20=$B$17,14,0)+IF('Standard Profiles'!$G$20=$B$24,21,0),0)),0)</f>
        <v>0</v>
      </c>
      <c r="G2798" cm="1">
        <f t="array" ref="G2798">IFERROR(INDEX(Jesper!AK$2:AK$366,ROUNDDOWN($C2798/24,0)+1,1)*INDEX($D$3:$AA$30,INDEX(Jesper!$R$2:$R$366,ROW(INDEX(Jesper!AK$2:AK$366,ROUNDDOWN($C2798/24,0)+1,1))-1)+IF('Standard Profiles'!$G$21=$B$10,7,0)+IF('Standard Profiles'!$G$21=$B$17,14,0)+IF('Standard Profiles'!$G$21=$B$24,21,0),MOD($C2798,24)+1)/SUM(INDEX($D$3:$AA$30,INDEX(Jesper!$R$2:$R$366,ROW(INDEX(Jesper!AK$2:AK$366,ROUNDDOWN($C2798/24,0)+1,1))-1)+IF('Standard Profiles'!$G$21=$B$10,7,0)+IF('Standard Profiles'!$G$21=$B$17,14,0)+IF('Standard Profiles'!$G$21=$B$24,21,0),0)),0)</f>
        <v>0</v>
      </c>
      <c r="H2798" cm="1">
        <f t="array" ref="H2798">IFERROR(INDEX(Jesper!AL$2:AL$366,ROUNDDOWN($C2798/24,0)+1,1)*INDEX($D$3:$AA$30,INDEX(Jesper!$R$2:$R$366,ROW(INDEX(Jesper!AL$2:AL$366,ROUNDDOWN($C2798/24,0)+1,1))-1)+IF('Standard Profiles'!$G$22=$B$10,7,0)+IF('Standard Profiles'!$G$22=$B$17,14,0)+IF('Standard Profiles'!$G$22=$B$24,21,0),MOD($C2798,24)+1)/SUM(INDEX($D$3:$AA$30,INDEX(Jesper!$R$2:$R$366,ROW(INDEX(Jesper!AL$2:AL$366,ROUNDDOWN($C2798/24,0)+1,1))-1)+IF('Standard Profiles'!$G$22=$B$10,7,0)+IF('Standard Profiles'!$G$22=$B$17,14,0)+IF('Standard Profiles'!$G$22=$B$24,21,0),0)),0)</f>
        <v>0</v>
      </c>
      <c r="I2798">
        <f t="shared" si="321"/>
        <v>0.22850126974178531</v>
      </c>
      <c r="J2798">
        <f t="shared" si="322"/>
        <v>0.76167089913928443</v>
      </c>
      <c r="K2798">
        <f t="shared" si="323"/>
        <v>1.1425063487089266</v>
      </c>
      <c r="L2798">
        <f t="shared" si="324"/>
        <v>5.4840304738028474</v>
      </c>
      <c r="M2798">
        <f t="shared" si="325"/>
        <v>0</v>
      </c>
      <c r="N2798" s="46">
        <f t="shared" si="326"/>
        <v>45407.166666659963</v>
      </c>
    </row>
    <row r="2799" spans="2:14" x14ac:dyDescent="0.3">
      <c r="B2799">
        <f t="shared" si="320"/>
        <v>4</v>
      </c>
      <c r="C2799" s="16">
        <v>2765</v>
      </c>
      <c r="D2799" cm="1">
        <f t="array" ref="D2799">IFERROR(INDEX(Jesper!AH$2:AH$366,ROUNDDOWN($C2799/24,0)+1,1)*INDEX($D$3:$AA$30,INDEX(Jesper!$R$2:$R$366,ROW(INDEX(Jesper!AH$2:AH$366,ROUNDDOWN($C2799/24,0)+1,1))-1)+IF('Standard Profiles'!$G$18=$B$10,7,0)+IF('Standard Profiles'!$G$18=$B$17,14,0)+IF('Standard Profiles'!$G$18=$B$24,21,0),MOD($C2799,24)+1)/SUM(INDEX($D$3:$AA$30,INDEX(Jesper!$R$2:$R$366,ROW(INDEX(Jesper!AH$2:AH$366,ROUNDDOWN($C2799/24,0)+1,1))-1)+IF('Standard Profiles'!$G$18=$B$10,7,0)+IF('Standard Profiles'!$G$18=$B$17,14,0)+IF('Standard Profiles'!$G$18=$B$24,21,0),0)),0)</f>
        <v>9.817091588906333</v>
      </c>
      <c r="E2799" cm="1">
        <f t="array" ref="E2799">IFERROR(INDEX(Jesper!AI$2:AI$366,ROUNDDOWN($C2799/24,0)+1,1)*INDEX($D$3:$AA$30,INDEX(Jesper!$R$2:$R$366,ROW(INDEX(Jesper!AI$2:AI$366,ROUNDDOWN($C2799/24,0)+1,1))-1)+IF('Standard Profiles'!$G$19=$B$10,7,0)+IF('Standard Profiles'!$G$19=$B$17,14,0)+IF('Standard Profiles'!$G$19=$B$24,21,0),MOD($C2799,24)+1)/SUM(INDEX($D$3:$AA$30,INDEX(Jesper!$R$2:$R$366,ROW(INDEX(Jesper!AI$2:AI$366,ROUNDDOWN($C2799/24,0)+1,1))-1)+IF('Standard Profiles'!$G$19=$B$10,7,0)+IF('Standard Profiles'!$G$19=$B$17,14,0)+IF('Standard Profiles'!$G$19=$B$24,21,0),0)),0)</f>
        <v>0</v>
      </c>
      <c r="F2799" cm="1">
        <f t="array" ref="F2799">IFERROR(INDEX(Jesper!AJ$2:AJ$366,ROUNDDOWN($C2799/24,0)+1,1)*INDEX($D$3:$AA$30,INDEX(Jesper!$R$2:$R$366,ROW(INDEX(Jesper!AJ$2:AJ$366,ROUNDDOWN($C2799/24,0)+1,1))-1)+IF('Standard Profiles'!$G$20=$B$10,7,0)+IF('Standard Profiles'!$G$20=$B$17,14,0)+IF('Standard Profiles'!$G$20=$B$24,21,0),MOD($C2799,24)+1)/SUM(INDEX($D$3:$AA$30,INDEX(Jesper!$R$2:$R$366,ROW(INDEX(Jesper!AJ$2:AJ$366,ROUNDDOWN($C2799/24,0)+1,1))-1)+IF('Standard Profiles'!$G$20=$B$10,7,0)+IF('Standard Profiles'!$G$20=$B$17,14,0)+IF('Standard Profiles'!$G$20=$B$24,21,0),0)),0)</f>
        <v>0</v>
      </c>
      <c r="G2799" cm="1">
        <f t="array" ref="G2799">IFERROR(INDEX(Jesper!AK$2:AK$366,ROUNDDOWN($C2799/24,0)+1,1)*INDEX($D$3:$AA$30,INDEX(Jesper!$R$2:$R$366,ROW(INDEX(Jesper!AK$2:AK$366,ROUNDDOWN($C2799/24,0)+1,1))-1)+IF('Standard Profiles'!$G$21=$B$10,7,0)+IF('Standard Profiles'!$G$21=$B$17,14,0)+IF('Standard Profiles'!$G$21=$B$24,21,0),MOD($C2799,24)+1)/SUM(INDEX($D$3:$AA$30,INDEX(Jesper!$R$2:$R$366,ROW(INDEX(Jesper!AK$2:AK$366,ROUNDDOWN($C2799/24,0)+1,1))-1)+IF('Standard Profiles'!$G$21=$B$10,7,0)+IF('Standard Profiles'!$G$21=$B$17,14,0)+IF('Standard Profiles'!$G$21=$B$24,21,0),0)),0)</f>
        <v>0</v>
      </c>
      <c r="H2799" cm="1">
        <f t="array" ref="H2799">IFERROR(INDEX(Jesper!AL$2:AL$366,ROUNDDOWN($C2799/24,0)+1,1)*INDEX($D$3:$AA$30,INDEX(Jesper!$R$2:$R$366,ROW(INDEX(Jesper!AL$2:AL$366,ROUNDDOWN($C2799/24,0)+1,1))-1)+IF('Standard Profiles'!$G$22=$B$10,7,0)+IF('Standard Profiles'!$G$22=$B$17,14,0)+IF('Standard Profiles'!$G$22=$B$24,21,0),MOD($C2799,24)+1)/SUM(INDEX($D$3:$AA$30,INDEX(Jesper!$R$2:$R$366,ROW(INDEX(Jesper!AL$2:AL$366,ROUNDDOWN($C2799/24,0)+1,1))-1)+IF('Standard Profiles'!$G$22=$B$10,7,0)+IF('Standard Profiles'!$G$22=$B$17,14,0)+IF('Standard Profiles'!$G$22=$B$24,21,0),0)),0)</f>
        <v>0</v>
      </c>
      <c r="I2799">
        <f t="shared" si="321"/>
        <v>0.29451274766718999</v>
      </c>
      <c r="J2799">
        <f t="shared" si="322"/>
        <v>0.98170915889063337</v>
      </c>
      <c r="K2799">
        <f t="shared" si="323"/>
        <v>1.47256373833595</v>
      </c>
      <c r="L2799">
        <f t="shared" si="324"/>
        <v>7.0683059440125593</v>
      </c>
      <c r="M2799">
        <f t="shared" si="325"/>
        <v>0</v>
      </c>
      <c r="N2799" s="46">
        <f t="shared" si="326"/>
        <v>45407.208333326627</v>
      </c>
    </row>
    <row r="2800" spans="2:14" x14ac:dyDescent="0.3">
      <c r="B2800">
        <f t="shared" si="320"/>
        <v>4</v>
      </c>
      <c r="C2800" s="16">
        <v>2766</v>
      </c>
      <c r="D2800" cm="1">
        <f t="array" ref="D2800">IFERROR(INDEX(Jesper!AH$2:AH$366,ROUNDDOWN($C2800/24,0)+1,1)*INDEX($D$3:$AA$30,INDEX(Jesper!$R$2:$R$366,ROW(INDEX(Jesper!AH$2:AH$366,ROUNDDOWN($C2800/24,0)+1,1))-1)+IF('Standard Profiles'!$G$18=$B$10,7,0)+IF('Standard Profiles'!$G$18=$B$17,14,0)+IF('Standard Profiles'!$G$18=$B$24,21,0),MOD($C2800,24)+1)/SUM(INDEX($D$3:$AA$30,INDEX(Jesper!$R$2:$R$366,ROW(INDEX(Jesper!AH$2:AH$366,ROUNDDOWN($C2800/24,0)+1,1))-1)+IF('Standard Profiles'!$G$18=$B$10,7,0)+IF('Standard Profiles'!$G$18=$B$17,14,0)+IF('Standard Profiles'!$G$18=$B$24,21,0),0)),0)</f>
        <v>11.340433387184902</v>
      </c>
      <c r="E2800" cm="1">
        <f t="array" ref="E2800">IFERROR(INDEX(Jesper!AI$2:AI$366,ROUNDDOWN($C2800/24,0)+1,1)*INDEX($D$3:$AA$30,INDEX(Jesper!$R$2:$R$366,ROW(INDEX(Jesper!AI$2:AI$366,ROUNDDOWN($C2800/24,0)+1,1))-1)+IF('Standard Profiles'!$G$19=$B$10,7,0)+IF('Standard Profiles'!$G$19=$B$17,14,0)+IF('Standard Profiles'!$G$19=$B$24,21,0),MOD($C2800,24)+1)/SUM(INDEX($D$3:$AA$30,INDEX(Jesper!$R$2:$R$366,ROW(INDEX(Jesper!AI$2:AI$366,ROUNDDOWN($C2800/24,0)+1,1))-1)+IF('Standard Profiles'!$G$19=$B$10,7,0)+IF('Standard Profiles'!$G$19=$B$17,14,0)+IF('Standard Profiles'!$G$19=$B$24,21,0),0)),0)</f>
        <v>0</v>
      </c>
      <c r="F2800" cm="1">
        <f t="array" ref="F2800">IFERROR(INDEX(Jesper!AJ$2:AJ$366,ROUNDDOWN($C2800/24,0)+1,1)*INDEX($D$3:$AA$30,INDEX(Jesper!$R$2:$R$366,ROW(INDEX(Jesper!AJ$2:AJ$366,ROUNDDOWN($C2800/24,0)+1,1))-1)+IF('Standard Profiles'!$G$20=$B$10,7,0)+IF('Standard Profiles'!$G$20=$B$17,14,0)+IF('Standard Profiles'!$G$20=$B$24,21,0),MOD($C2800,24)+1)/SUM(INDEX($D$3:$AA$30,INDEX(Jesper!$R$2:$R$366,ROW(INDEX(Jesper!AJ$2:AJ$366,ROUNDDOWN($C2800/24,0)+1,1))-1)+IF('Standard Profiles'!$G$20=$B$10,7,0)+IF('Standard Profiles'!$G$20=$B$17,14,0)+IF('Standard Profiles'!$G$20=$B$24,21,0),0)),0)</f>
        <v>0</v>
      </c>
      <c r="G2800" cm="1">
        <f t="array" ref="G2800">IFERROR(INDEX(Jesper!AK$2:AK$366,ROUNDDOWN($C2800/24,0)+1,1)*INDEX($D$3:$AA$30,INDEX(Jesper!$R$2:$R$366,ROW(INDEX(Jesper!AK$2:AK$366,ROUNDDOWN($C2800/24,0)+1,1))-1)+IF('Standard Profiles'!$G$21=$B$10,7,0)+IF('Standard Profiles'!$G$21=$B$17,14,0)+IF('Standard Profiles'!$G$21=$B$24,21,0),MOD($C2800,24)+1)/SUM(INDEX($D$3:$AA$30,INDEX(Jesper!$R$2:$R$366,ROW(INDEX(Jesper!AK$2:AK$366,ROUNDDOWN($C2800/24,0)+1,1))-1)+IF('Standard Profiles'!$G$21=$B$10,7,0)+IF('Standard Profiles'!$G$21=$B$17,14,0)+IF('Standard Profiles'!$G$21=$B$24,21,0),0)),0)</f>
        <v>0</v>
      </c>
      <c r="H2800" cm="1">
        <f t="array" ref="H2800">IFERROR(INDEX(Jesper!AL$2:AL$366,ROUNDDOWN($C2800/24,0)+1,1)*INDEX($D$3:$AA$30,INDEX(Jesper!$R$2:$R$366,ROW(INDEX(Jesper!AL$2:AL$366,ROUNDDOWN($C2800/24,0)+1,1))-1)+IF('Standard Profiles'!$G$22=$B$10,7,0)+IF('Standard Profiles'!$G$22=$B$17,14,0)+IF('Standard Profiles'!$G$22=$B$24,21,0),MOD($C2800,24)+1)/SUM(INDEX($D$3:$AA$30,INDEX(Jesper!$R$2:$R$366,ROW(INDEX(Jesper!AL$2:AL$366,ROUNDDOWN($C2800/24,0)+1,1))-1)+IF('Standard Profiles'!$G$22=$B$10,7,0)+IF('Standard Profiles'!$G$22=$B$17,14,0)+IF('Standard Profiles'!$G$22=$B$24,21,0),0)),0)</f>
        <v>0</v>
      </c>
      <c r="I2800">
        <f t="shared" si="321"/>
        <v>0.34021300161554702</v>
      </c>
      <c r="J2800">
        <f t="shared" si="322"/>
        <v>1.1340433387184903</v>
      </c>
      <c r="K2800">
        <f t="shared" si="323"/>
        <v>1.7010650080777352</v>
      </c>
      <c r="L2800">
        <f t="shared" si="324"/>
        <v>8.1651120387731293</v>
      </c>
      <c r="M2800">
        <f t="shared" si="325"/>
        <v>0</v>
      </c>
      <c r="N2800" s="46">
        <f t="shared" si="326"/>
        <v>45407.249999993292</v>
      </c>
    </row>
    <row r="2801" spans="2:14" x14ac:dyDescent="0.3">
      <c r="B2801">
        <f t="shared" si="320"/>
        <v>4</v>
      </c>
      <c r="C2801" s="16">
        <v>2767</v>
      </c>
      <c r="D2801" cm="1">
        <f t="array" ref="D2801">IFERROR(INDEX(Jesper!AH$2:AH$366,ROUNDDOWN($C2801/24,0)+1,1)*INDEX($D$3:$AA$30,INDEX(Jesper!$R$2:$R$366,ROW(INDEX(Jesper!AH$2:AH$366,ROUNDDOWN($C2801/24,0)+1,1))-1)+IF('Standard Profiles'!$G$18=$B$10,7,0)+IF('Standard Profiles'!$G$18=$B$17,14,0)+IF('Standard Profiles'!$G$18=$B$24,21,0),MOD($C2801,24)+1)/SUM(INDEX($D$3:$AA$30,INDEX(Jesper!$R$2:$R$366,ROW(INDEX(Jesper!AH$2:AH$366,ROUNDDOWN($C2801/24,0)+1,1))-1)+IF('Standard Profiles'!$G$18=$B$10,7,0)+IF('Standard Profiles'!$G$18=$B$17,14,0)+IF('Standard Profiles'!$G$18=$B$24,21,0),0)),0)</f>
        <v>11.340433387184902</v>
      </c>
      <c r="E2801" cm="1">
        <f t="array" ref="E2801">IFERROR(INDEX(Jesper!AI$2:AI$366,ROUNDDOWN($C2801/24,0)+1,1)*INDEX($D$3:$AA$30,INDEX(Jesper!$R$2:$R$366,ROW(INDEX(Jesper!AI$2:AI$366,ROUNDDOWN($C2801/24,0)+1,1))-1)+IF('Standard Profiles'!$G$19=$B$10,7,0)+IF('Standard Profiles'!$G$19=$B$17,14,0)+IF('Standard Profiles'!$G$19=$B$24,21,0),MOD($C2801,24)+1)/SUM(INDEX($D$3:$AA$30,INDEX(Jesper!$R$2:$R$366,ROW(INDEX(Jesper!AI$2:AI$366,ROUNDDOWN($C2801/24,0)+1,1))-1)+IF('Standard Profiles'!$G$19=$B$10,7,0)+IF('Standard Profiles'!$G$19=$B$17,14,0)+IF('Standard Profiles'!$G$19=$B$24,21,0),0)),0)</f>
        <v>0</v>
      </c>
      <c r="F2801" cm="1">
        <f t="array" ref="F2801">IFERROR(INDEX(Jesper!AJ$2:AJ$366,ROUNDDOWN($C2801/24,0)+1,1)*INDEX($D$3:$AA$30,INDEX(Jesper!$R$2:$R$366,ROW(INDEX(Jesper!AJ$2:AJ$366,ROUNDDOWN($C2801/24,0)+1,1))-1)+IF('Standard Profiles'!$G$20=$B$10,7,0)+IF('Standard Profiles'!$G$20=$B$17,14,0)+IF('Standard Profiles'!$G$20=$B$24,21,0),MOD($C2801,24)+1)/SUM(INDEX($D$3:$AA$30,INDEX(Jesper!$R$2:$R$366,ROW(INDEX(Jesper!AJ$2:AJ$366,ROUNDDOWN($C2801/24,0)+1,1))-1)+IF('Standard Profiles'!$G$20=$B$10,7,0)+IF('Standard Profiles'!$G$20=$B$17,14,0)+IF('Standard Profiles'!$G$20=$B$24,21,0),0)),0)</f>
        <v>0</v>
      </c>
      <c r="G2801" cm="1">
        <f t="array" ref="G2801">IFERROR(INDEX(Jesper!AK$2:AK$366,ROUNDDOWN($C2801/24,0)+1,1)*INDEX($D$3:$AA$30,INDEX(Jesper!$R$2:$R$366,ROW(INDEX(Jesper!AK$2:AK$366,ROUNDDOWN($C2801/24,0)+1,1))-1)+IF('Standard Profiles'!$G$21=$B$10,7,0)+IF('Standard Profiles'!$G$21=$B$17,14,0)+IF('Standard Profiles'!$G$21=$B$24,21,0),MOD($C2801,24)+1)/SUM(INDEX($D$3:$AA$30,INDEX(Jesper!$R$2:$R$366,ROW(INDEX(Jesper!AK$2:AK$366,ROUNDDOWN($C2801/24,0)+1,1))-1)+IF('Standard Profiles'!$G$21=$B$10,7,0)+IF('Standard Profiles'!$G$21=$B$17,14,0)+IF('Standard Profiles'!$G$21=$B$24,21,0),0)),0)</f>
        <v>0</v>
      </c>
      <c r="H2801" cm="1">
        <f t="array" ref="H2801">IFERROR(INDEX(Jesper!AL$2:AL$366,ROUNDDOWN($C2801/24,0)+1,1)*INDEX($D$3:$AA$30,INDEX(Jesper!$R$2:$R$366,ROW(INDEX(Jesper!AL$2:AL$366,ROUNDDOWN($C2801/24,0)+1,1))-1)+IF('Standard Profiles'!$G$22=$B$10,7,0)+IF('Standard Profiles'!$G$22=$B$17,14,0)+IF('Standard Profiles'!$G$22=$B$24,21,0),MOD($C2801,24)+1)/SUM(INDEX($D$3:$AA$30,INDEX(Jesper!$R$2:$R$366,ROW(INDEX(Jesper!AL$2:AL$366,ROUNDDOWN($C2801/24,0)+1,1))-1)+IF('Standard Profiles'!$G$22=$B$10,7,0)+IF('Standard Profiles'!$G$22=$B$17,14,0)+IF('Standard Profiles'!$G$22=$B$24,21,0),0)),0)</f>
        <v>0</v>
      </c>
      <c r="I2801">
        <f t="shared" si="321"/>
        <v>0.34021300161554702</v>
      </c>
      <c r="J2801">
        <f t="shared" si="322"/>
        <v>1.1340433387184903</v>
      </c>
      <c r="K2801">
        <f t="shared" si="323"/>
        <v>1.7010650080777352</v>
      </c>
      <c r="L2801">
        <f t="shared" si="324"/>
        <v>8.1651120387731293</v>
      </c>
      <c r="M2801">
        <f t="shared" si="325"/>
        <v>0</v>
      </c>
      <c r="N2801" s="46">
        <f t="shared" si="326"/>
        <v>45407.291666659956</v>
      </c>
    </row>
    <row r="2802" spans="2:14" x14ac:dyDescent="0.3">
      <c r="B2802">
        <f t="shared" si="320"/>
        <v>4</v>
      </c>
      <c r="C2802" s="16">
        <v>2768</v>
      </c>
      <c r="D2802" cm="1">
        <f t="array" ref="D2802">IFERROR(INDEX(Jesper!AH$2:AH$366,ROUNDDOWN($C2802/24,0)+1,1)*INDEX($D$3:$AA$30,INDEX(Jesper!$R$2:$R$366,ROW(INDEX(Jesper!AH$2:AH$366,ROUNDDOWN($C2802/24,0)+1,1))-1)+IF('Standard Profiles'!$G$18=$B$10,7,0)+IF('Standard Profiles'!$G$18=$B$17,14,0)+IF('Standard Profiles'!$G$18=$B$24,21,0),MOD($C2802,24)+1)/SUM(INDEX($D$3:$AA$30,INDEX(Jesper!$R$2:$R$366,ROW(INDEX(Jesper!AH$2:AH$366,ROUNDDOWN($C2802/24,0)+1,1))-1)+IF('Standard Profiles'!$G$18=$B$10,7,0)+IF('Standard Profiles'!$G$18=$B$17,14,0)+IF('Standard Profiles'!$G$18=$B$24,21,0),0)),0)</f>
        <v>11.340433387184902</v>
      </c>
      <c r="E2802" cm="1">
        <f t="array" ref="E2802">IFERROR(INDEX(Jesper!AI$2:AI$366,ROUNDDOWN($C2802/24,0)+1,1)*INDEX($D$3:$AA$30,INDEX(Jesper!$R$2:$R$366,ROW(INDEX(Jesper!AI$2:AI$366,ROUNDDOWN($C2802/24,0)+1,1))-1)+IF('Standard Profiles'!$G$19=$B$10,7,0)+IF('Standard Profiles'!$G$19=$B$17,14,0)+IF('Standard Profiles'!$G$19=$B$24,21,0),MOD($C2802,24)+1)/SUM(INDEX($D$3:$AA$30,INDEX(Jesper!$R$2:$R$366,ROW(INDEX(Jesper!AI$2:AI$366,ROUNDDOWN($C2802/24,0)+1,1))-1)+IF('Standard Profiles'!$G$19=$B$10,7,0)+IF('Standard Profiles'!$G$19=$B$17,14,0)+IF('Standard Profiles'!$G$19=$B$24,21,0),0)),0)</f>
        <v>0</v>
      </c>
      <c r="F2802" cm="1">
        <f t="array" ref="F2802">IFERROR(INDEX(Jesper!AJ$2:AJ$366,ROUNDDOWN($C2802/24,0)+1,1)*INDEX($D$3:$AA$30,INDEX(Jesper!$R$2:$R$366,ROW(INDEX(Jesper!AJ$2:AJ$366,ROUNDDOWN($C2802/24,0)+1,1))-1)+IF('Standard Profiles'!$G$20=$B$10,7,0)+IF('Standard Profiles'!$G$20=$B$17,14,0)+IF('Standard Profiles'!$G$20=$B$24,21,0),MOD($C2802,24)+1)/SUM(INDEX($D$3:$AA$30,INDEX(Jesper!$R$2:$R$366,ROW(INDEX(Jesper!AJ$2:AJ$366,ROUNDDOWN($C2802/24,0)+1,1))-1)+IF('Standard Profiles'!$G$20=$B$10,7,0)+IF('Standard Profiles'!$G$20=$B$17,14,0)+IF('Standard Profiles'!$G$20=$B$24,21,0),0)),0)</f>
        <v>0</v>
      </c>
      <c r="G2802" cm="1">
        <f t="array" ref="G2802">IFERROR(INDEX(Jesper!AK$2:AK$366,ROUNDDOWN($C2802/24,0)+1,1)*INDEX($D$3:$AA$30,INDEX(Jesper!$R$2:$R$366,ROW(INDEX(Jesper!AK$2:AK$366,ROUNDDOWN($C2802/24,0)+1,1))-1)+IF('Standard Profiles'!$G$21=$B$10,7,0)+IF('Standard Profiles'!$G$21=$B$17,14,0)+IF('Standard Profiles'!$G$21=$B$24,21,0),MOD($C2802,24)+1)/SUM(INDEX($D$3:$AA$30,INDEX(Jesper!$R$2:$R$366,ROW(INDEX(Jesper!AK$2:AK$366,ROUNDDOWN($C2802/24,0)+1,1))-1)+IF('Standard Profiles'!$G$21=$B$10,7,0)+IF('Standard Profiles'!$G$21=$B$17,14,0)+IF('Standard Profiles'!$G$21=$B$24,21,0),0)),0)</f>
        <v>0</v>
      </c>
      <c r="H2802" cm="1">
        <f t="array" ref="H2802">IFERROR(INDEX(Jesper!AL$2:AL$366,ROUNDDOWN($C2802/24,0)+1,1)*INDEX($D$3:$AA$30,INDEX(Jesper!$R$2:$R$366,ROW(INDEX(Jesper!AL$2:AL$366,ROUNDDOWN($C2802/24,0)+1,1))-1)+IF('Standard Profiles'!$G$22=$B$10,7,0)+IF('Standard Profiles'!$G$22=$B$17,14,0)+IF('Standard Profiles'!$G$22=$B$24,21,0),MOD($C2802,24)+1)/SUM(INDEX($D$3:$AA$30,INDEX(Jesper!$R$2:$R$366,ROW(INDEX(Jesper!AL$2:AL$366,ROUNDDOWN($C2802/24,0)+1,1))-1)+IF('Standard Profiles'!$G$22=$B$10,7,0)+IF('Standard Profiles'!$G$22=$B$17,14,0)+IF('Standard Profiles'!$G$22=$B$24,21,0),0)),0)</f>
        <v>0</v>
      </c>
      <c r="I2802">
        <f t="shared" si="321"/>
        <v>0.34021300161554702</v>
      </c>
      <c r="J2802">
        <f t="shared" si="322"/>
        <v>1.1340433387184903</v>
      </c>
      <c r="K2802">
        <f t="shared" si="323"/>
        <v>1.7010650080777352</v>
      </c>
      <c r="L2802">
        <f t="shared" si="324"/>
        <v>8.1651120387731293</v>
      </c>
      <c r="M2802">
        <f t="shared" si="325"/>
        <v>0</v>
      </c>
      <c r="N2802" s="46">
        <f t="shared" si="326"/>
        <v>45407.33333332662</v>
      </c>
    </row>
    <row r="2803" spans="2:14" x14ac:dyDescent="0.3">
      <c r="B2803">
        <f t="shared" si="320"/>
        <v>4</v>
      </c>
      <c r="C2803" s="16">
        <v>2769</v>
      </c>
      <c r="D2803" cm="1">
        <f t="array" ref="D2803">IFERROR(INDEX(Jesper!AH$2:AH$366,ROUNDDOWN($C2803/24,0)+1,1)*INDEX($D$3:$AA$30,INDEX(Jesper!$R$2:$R$366,ROW(INDEX(Jesper!AH$2:AH$366,ROUNDDOWN($C2803/24,0)+1,1))-1)+IF('Standard Profiles'!$G$18=$B$10,7,0)+IF('Standard Profiles'!$G$18=$B$17,14,0)+IF('Standard Profiles'!$G$18=$B$24,21,0),MOD($C2803,24)+1)/SUM(INDEX($D$3:$AA$30,INDEX(Jesper!$R$2:$R$366,ROW(INDEX(Jesper!AH$2:AH$366,ROUNDDOWN($C2803/24,0)+1,1))-1)+IF('Standard Profiles'!$G$18=$B$10,7,0)+IF('Standard Profiles'!$G$18=$B$17,14,0)+IF('Standard Profiles'!$G$18=$B$24,21,0),0)),0)</f>
        <v>12.186734386228551</v>
      </c>
      <c r="E2803" cm="1">
        <f t="array" ref="E2803">IFERROR(INDEX(Jesper!AI$2:AI$366,ROUNDDOWN($C2803/24,0)+1,1)*INDEX($D$3:$AA$30,INDEX(Jesper!$R$2:$R$366,ROW(INDEX(Jesper!AI$2:AI$366,ROUNDDOWN($C2803/24,0)+1,1))-1)+IF('Standard Profiles'!$G$19=$B$10,7,0)+IF('Standard Profiles'!$G$19=$B$17,14,0)+IF('Standard Profiles'!$G$19=$B$24,21,0),MOD($C2803,24)+1)/SUM(INDEX($D$3:$AA$30,INDEX(Jesper!$R$2:$R$366,ROW(INDEX(Jesper!AI$2:AI$366,ROUNDDOWN($C2803/24,0)+1,1))-1)+IF('Standard Profiles'!$G$19=$B$10,7,0)+IF('Standard Profiles'!$G$19=$B$17,14,0)+IF('Standard Profiles'!$G$19=$B$24,21,0),0)),0)</f>
        <v>0</v>
      </c>
      <c r="F2803" cm="1">
        <f t="array" ref="F2803">IFERROR(INDEX(Jesper!AJ$2:AJ$366,ROUNDDOWN($C2803/24,0)+1,1)*INDEX($D$3:$AA$30,INDEX(Jesper!$R$2:$R$366,ROW(INDEX(Jesper!AJ$2:AJ$366,ROUNDDOWN($C2803/24,0)+1,1))-1)+IF('Standard Profiles'!$G$20=$B$10,7,0)+IF('Standard Profiles'!$G$20=$B$17,14,0)+IF('Standard Profiles'!$G$20=$B$24,21,0),MOD($C2803,24)+1)/SUM(INDEX($D$3:$AA$30,INDEX(Jesper!$R$2:$R$366,ROW(INDEX(Jesper!AJ$2:AJ$366,ROUNDDOWN($C2803/24,0)+1,1))-1)+IF('Standard Profiles'!$G$20=$B$10,7,0)+IF('Standard Profiles'!$G$20=$B$17,14,0)+IF('Standard Profiles'!$G$20=$B$24,21,0),0)),0)</f>
        <v>0</v>
      </c>
      <c r="G2803" cm="1">
        <f t="array" ref="G2803">IFERROR(INDEX(Jesper!AK$2:AK$366,ROUNDDOWN($C2803/24,0)+1,1)*INDEX($D$3:$AA$30,INDEX(Jesper!$R$2:$R$366,ROW(INDEX(Jesper!AK$2:AK$366,ROUNDDOWN($C2803/24,0)+1,1))-1)+IF('Standard Profiles'!$G$21=$B$10,7,0)+IF('Standard Profiles'!$G$21=$B$17,14,0)+IF('Standard Profiles'!$G$21=$B$24,21,0),MOD($C2803,24)+1)/SUM(INDEX($D$3:$AA$30,INDEX(Jesper!$R$2:$R$366,ROW(INDEX(Jesper!AK$2:AK$366,ROUNDDOWN($C2803/24,0)+1,1))-1)+IF('Standard Profiles'!$G$21=$B$10,7,0)+IF('Standard Profiles'!$G$21=$B$17,14,0)+IF('Standard Profiles'!$G$21=$B$24,21,0),0)),0)</f>
        <v>0</v>
      </c>
      <c r="H2803" cm="1">
        <f t="array" ref="H2803">IFERROR(INDEX(Jesper!AL$2:AL$366,ROUNDDOWN($C2803/24,0)+1,1)*INDEX($D$3:$AA$30,INDEX(Jesper!$R$2:$R$366,ROW(INDEX(Jesper!AL$2:AL$366,ROUNDDOWN($C2803/24,0)+1,1))-1)+IF('Standard Profiles'!$G$22=$B$10,7,0)+IF('Standard Profiles'!$G$22=$B$17,14,0)+IF('Standard Profiles'!$G$22=$B$24,21,0),MOD($C2803,24)+1)/SUM(INDEX($D$3:$AA$30,INDEX(Jesper!$R$2:$R$366,ROW(INDEX(Jesper!AL$2:AL$366,ROUNDDOWN($C2803/24,0)+1,1))-1)+IF('Standard Profiles'!$G$22=$B$10,7,0)+IF('Standard Profiles'!$G$22=$B$17,14,0)+IF('Standard Profiles'!$G$22=$B$24,21,0),0)),0)</f>
        <v>0</v>
      </c>
      <c r="I2803">
        <f t="shared" si="321"/>
        <v>0.3656020315868565</v>
      </c>
      <c r="J2803">
        <f t="shared" si="322"/>
        <v>1.2186734386228553</v>
      </c>
      <c r="K2803">
        <f t="shared" si="323"/>
        <v>1.8280101579342825</v>
      </c>
      <c r="L2803">
        <f t="shared" si="324"/>
        <v>8.7744487580845565</v>
      </c>
      <c r="M2803">
        <f t="shared" si="325"/>
        <v>0</v>
      </c>
      <c r="N2803" s="46">
        <f t="shared" si="326"/>
        <v>45407.374999993284</v>
      </c>
    </row>
    <row r="2804" spans="2:14" x14ac:dyDescent="0.3">
      <c r="B2804">
        <f t="shared" si="320"/>
        <v>4</v>
      </c>
      <c r="C2804" s="16">
        <v>2770</v>
      </c>
      <c r="D2804" cm="1">
        <f t="array" ref="D2804">IFERROR(INDEX(Jesper!AH$2:AH$366,ROUNDDOWN($C2804/24,0)+1,1)*INDEX($D$3:$AA$30,INDEX(Jesper!$R$2:$R$366,ROW(INDEX(Jesper!AH$2:AH$366,ROUNDDOWN($C2804/24,0)+1,1))-1)+IF('Standard Profiles'!$G$18=$B$10,7,0)+IF('Standard Profiles'!$G$18=$B$17,14,0)+IF('Standard Profiles'!$G$18=$B$24,21,0),MOD($C2804,24)+1)/SUM(INDEX($D$3:$AA$30,INDEX(Jesper!$R$2:$R$366,ROW(INDEX(Jesper!AH$2:AH$366,ROUNDDOWN($C2804/24,0)+1,1))-1)+IF('Standard Profiles'!$G$18=$B$10,7,0)+IF('Standard Profiles'!$G$18=$B$17,14,0)+IF('Standard Profiles'!$G$18=$B$24,21,0),0)),0)</f>
        <v>13.202295585080929</v>
      </c>
      <c r="E2804" cm="1">
        <f t="array" ref="E2804">IFERROR(INDEX(Jesper!AI$2:AI$366,ROUNDDOWN($C2804/24,0)+1,1)*INDEX($D$3:$AA$30,INDEX(Jesper!$R$2:$R$366,ROW(INDEX(Jesper!AI$2:AI$366,ROUNDDOWN($C2804/24,0)+1,1))-1)+IF('Standard Profiles'!$G$19=$B$10,7,0)+IF('Standard Profiles'!$G$19=$B$17,14,0)+IF('Standard Profiles'!$G$19=$B$24,21,0),MOD($C2804,24)+1)/SUM(INDEX($D$3:$AA$30,INDEX(Jesper!$R$2:$R$366,ROW(INDEX(Jesper!AI$2:AI$366,ROUNDDOWN($C2804/24,0)+1,1))-1)+IF('Standard Profiles'!$G$19=$B$10,7,0)+IF('Standard Profiles'!$G$19=$B$17,14,0)+IF('Standard Profiles'!$G$19=$B$24,21,0),0)),0)</f>
        <v>0</v>
      </c>
      <c r="F2804" cm="1">
        <f t="array" ref="F2804">IFERROR(INDEX(Jesper!AJ$2:AJ$366,ROUNDDOWN($C2804/24,0)+1,1)*INDEX($D$3:$AA$30,INDEX(Jesper!$R$2:$R$366,ROW(INDEX(Jesper!AJ$2:AJ$366,ROUNDDOWN($C2804/24,0)+1,1))-1)+IF('Standard Profiles'!$G$20=$B$10,7,0)+IF('Standard Profiles'!$G$20=$B$17,14,0)+IF('Standard Profiles'!$G$20=$B$24,21,0),MOD($C2804,24)+1)/SUM(INDEX($D$3:$AA$30,INDEX(Jesper!$R$2:$R$366,ROW(INDEX(Jesper!AJ$2:AJ$366,ROUNDDOWN($C2804/24,0)+1,1))-1)+IF('Standard Profiles'!$G$20=$B$10,7,0)+IF('Standard Profiles'!$G$20=$B$17,14,0)+IF('Standard Profiles'!$G$20=$B$24,21,0),0)),0)</f>
        <v>0</v>
      </c>
      <c r="G2804" cm="1">
        <f t="array" ref="G2804">IFERROR(INDEX(Jesper!AK$2:AK$366,ROUNDDOWN($C2804/24,0)+1,1)*INDEX($D$3:$AA$30,INDEX(Jesper!$R$2:$R$366,ROW(INDEX(Jesper!AK$2:AK$366,ROUNDDOWN($C2804/24,0)+1,1))-1)+IF('Standard Profiles'!$G$21=$B$10,7,0)+IF('Standard Profiles'!$G$21=$B$17,14,0)+IF('Standard Profiles'!$G$21=$B$24,21,0),MOD($C2804,24)+1)/SUM(INDEX($D$3:$AA$30,INDEX(Jesper!$R$2:$R$366,ROW(INDEX(Jesper!AK$2:AK$366,ROUNDDOWN($C2804/24,0)+1,1))-1)+IF('Standard Profiles'!$G$21=$B$10,7,0)+IF('Standard Profiles'!$G$21=$B$17,14,0)+IF('Standard Profiles'!$G$21=$B$24,21,0),0)),0)</f>
        <v>0</v>
      </c>
      <c r="H2804" cm="1">
        <f t="array" ref="H2804">IFERROR(INDEX(Jesper!AL$2:AL$366,ROUNDDOWN($C2804/24,0)+1,1)*INDEX($D$3:$AA$30,INDEX(Jesper!$R$2:$R$366,ROW(INDEX(Jesper!AL$2:AL$366,ROUNDDOWN($C2804/24,0)+1,1))-1)+IF('Standard Profiles'!$G$22=$B$10,7,0)+IF('Standard Profiles'!$G$22=$B$17,14,0)+IF('Standard Profiles'!$G$22=$B$24,21,0),MOD($C2804,24)+1)/SUM(INDEX($D$3:$AA$30,INDEX(Jesper!$R$2:$R$366,ROW(INDEX(Jesper!AL$2:AL$366,ROUNDDOWN($C2804/24,0)+1,1))-1)+IF('Standard Profiles'!$G$22=$B$10,7,0)+IF('Standard Profiles'!$G$22=$B$17,14,0)+IF('Standard Profiles'!$G$22=$B$24,21,0),0)),0)</f>
        <v>0</v>
      </c>
      <c r="I2804">
        <f t="shared" si="321"/>
        <v>0.39606886755242787</v>
      </c>
      <c r="J2804">
        <f t="shared" si="322"/>
        <v>1.320229558508093</v>
      </c>
      <c r="K2804">
        <f t="shared" si="323"/>
        <v>1.9803443377621393</v>
      </c>
      <c r="L2804">
        <f t="shared" si="324"/>
        <v>9.505652821258268</v>
      </c>
      <c r="M2804">
        <f t="shared" si="325"/>
        <v>0</v>
      </c>
      <c r="N2804" s="46">
        <f t="shared" si="326"/>
        <v>45407.416666659949</v>
      </c>
    </row>
    <row r="2805" spans="2:14" x14ac:dyDescent="0.3">
      <c r="B2805">
        <f t="shared" si="320"/>
        <v>4</v>
      </c>
      <c r="C2805" s="16">
        <v>2771</v>
      </c>
      <c r="D2805" cm="1">
        <f t="array" ref="D2805">IFERROR(INDEX(Jesper!AH$2:AH$366,ROUNDDOWN($C2805/24,0)+1,1)*INDEX($D$3:$AA$30,INDEX(Jesper!$R$2:$R$366,ROW(INDEX(Jesper!AH$2:AH$366,ROUNDDOWN($C2805/24,0)+1,1))-1)+IF('Standard Profiles'!$G$18=$B$10,7,0)+IF('Standard Profiles'!$G$18=$B$17,14,0)+IF('Standard Profiles'!$G$18=$B$24,21,0),MOD($C2805,24)+1)/SUM(INDEX($D$3:$AA$30,INDEX(Jesper!$R$2:$R$366,ROW(INDEX(Jesper!AH$2:AH$366,ROUNDDOWN($C2805/24,0)+1,1))-1)+IF('Standard Profiles'!$G$18=$B$10,7,0)+IF('Standard Profiles'!$G$18=$B$17,14,0)+IF('Standard Profiles'!$G$18=$B$24,21,0),0)),0)</f>
        <v>15.233417982785689</v>
      </c>
      <c r="E2805" cm="1">
        <f t="array" ref="E2805">IFERROR(INDEX(Jesper!AI$2:AI$366,ROUNDDOWN($C2805/24,0)+1,1)*INDEX($D$3:$AA$30,INDEX(Jesper!$R$2:$R$366,ROW(INDEX(Jesper!AI$2:AI$366,ROUNDDOWN($C2805/24,0)+1,1))-1)+IF('Standard Profiles'!$G$19=$B$10,7,0)+IF('Standard Profiles'!$G$19=$B$17,14,0)+IF('Standard Profiles'!$G$19=$B$24,21,0),MOD($C2805,24)+1)/SUM(INDEX($D$3:$AA$30,INDEX(Jesper!$R$2:$R$366,ROW(INDEX(Jesper!AI$2:AI$366,ROUNDDOWN($C2805/24,0)+1,1))-1)+IF('Standard Profiles'!$G$19=$B$10,7,0)+IF('Standard Profiles'!$G$19=$B$17,14,0)+IF('Standard Profiles'!$G$19=$B$24,21,0),0)),0)</f>
        <v>0</v>
      </c>
      <c r="F2805" cm="1">
        <f t="array" ref="F2805">IFERROR(INDEX(Jesper!AJ$2:AJ$366,ROUNDDOWN($C2805/24,0)+1,1)*INDEX($D$3:$AA$30,INDEX(Jesper!$R$2:$R$366,ROW(INDEX(Jesper!AJ$2:AJ$366,ROUNDDOWN($C2805/24,0)+1,1))-1)+IF('Standard Profiles'!$G$20=$B$10,7,0)+IF('Standard Profiles'!$G$20=$B$17,14,0)+IF('Standard Profiles'!$G$20=$B$24,21,0),MOD($C2805,24)+1)/SUM(INDEX($D$3:$AA$30,INDEX(Jesper!$R$2:$R$366,ROW(INDEX(Jesper!AJ$2:AJ$366,ROUNDDOWN($C2805/24,0)+1,1))-1)+IF('Standard Profiles'!$G$20=$B$10,7,0)+IF('Standard Profiles'!$G$20=$B$17,14,0)+IF('Standard Profiles'!$G$20=$B$24,21,0),0)),0)</f>
        <v>0</v>
      </c>
      <c r="G2805" cm="1">
        <f t="array" ref="G2805">IFERROR(INDEX(Jesper!AK$2:AK$366,ROUNDDOWN($C2805/24,0)+1,1)*INDEX($D$3:$AA$30,INDEX(Jesper!$R$2:$R$366,ROW(INDEX(Jesper!AK$2:AK$366,ROUNDDOWN($C2805/24,0)+1,1))-1)+IF('Standard Profiles'!$G$21=$B$10,7,0)+IF('Standard Profiles'!$G$21=$B$17,14,0)+IF('Standard Profiles'!$G$21=$B$24,21,0),MOD($C2805,24)+1)/SUM(INDEX($D$3:$AA$30,INDEX(Jesper!$R$2:$R$366,ROW(INDEX(Jesper!AK$2:AK$366,ROUNDDOWN($C2805/24,0)+1,1))-1)+IF('Standard Profiles'!$G$21=$B$10,7,0)+IF('Standard Profiles'!$G$21=$B$17,14,0)+IF('Standard Profiles'!$G$21=$B$24,21,0),0)),0)</f>
        <v>0</v>
      </c>
      <c r="H2805" cm="1">
        <f t="array" ref="H2805">IFERROR(INDEX(Jesper!AL$2:AL$366,ROUNDDOWN($C2805/24,0)+1,1)*INDEX($D$3:$AA$30,INDEX(Jesper!$R$2:$R$366,ROW(INDEX(Jesper!AL$2:AL$366,ROUNDDOWN($C2805/24,0)+1,1))-1)+IF('Standard Profiles'!$G$22=$B$10,7,0)+IF('Standard Profiles'!$G$22=$B$17,14,0)+IF('Standard Profiles'!$G$22=$B$24,21,0),MOD($C2805,24)+1)/SUM(INDEX($D$3:$AA$30,INDEX(Jesper!$R$2:$R$366,ROW(INDEX(Jesper!AL$2:AL$366,ROUNDDOWN($C2805/24,0)+1,1))-1)+IF('Standard Profiles'!$G$22=$B$10,7,0)+IF('Standard Profiles'!$G$22=$B$17,14,0)+IF('Standard Profiles'!$G$22=$B$24,21,0),0)),0)</f>
        <v>0</v>
      </c>
      <c r="I2805">
        <f t="shared" si="321"/>
        <v>0.45700253948357061</v>
      </c>
      <c r="J2805">
        <f t="shared" si="322"/>
        <v>1.5233417982785689</v>
      </c>
      <c r="K2805">
        <f t="shared" si="323"/>
        <v>2.2850126974178533</v>
      </c>
      <c r="L2805">
        <f t="shared" si="324"/>
        <v>10.968060947605695</v>
      </c>
      <c r="M2805">
        <f t="shared" si="325"/>
        <v>0</v>
      </c>
      <c r="N2805" s="46">
        <f t="shared" si="326"/>
        <v>45407.458333326613</v>
      </c>
    </row>
    <row r="2806" spans="2:14" x14ac:dyDescent="0.3">
      <c r="B2806">
        <f t="shared" si="320"/>
        <v>4</v>
      </c>
      <c r="C2806" s="16">
        <v>2772</v>
      </c>
      <c r="D2806" cm="1">
        <f t="array" ref="D2806">IFERROR(INDEX(Jesper!AH$2:AH$366,ROUNDDOWN($C2806/24,0)+1,1)*INDEX($D$3:$AA$30,INDEX(Jesper!$R$2:$R$366,ROW(INDEX(Jesper!AH$2:AH$366,ROUNDDOWN($C2806/24,0)+1,1))-1)+IF('Standard Profiles'!$G$18=$B$10,7,0)+IF('Standard Profiles'!$G$18=$B$17,14,0)+IF('Standard Profiles'!$G$18=$B$24,21,0),MOD($C2806,24)+1)/SUM(INDEX($D$3:$AA$30,INDEX(Jesper!$R$2:$R$366,ROW(INDEX(Jesper!AH$2:AH$366,ROUNDDOWN($C2806/24,0)+1,1))-1)+IF('Standard Profiles'!$G$18=$B$10,7,0)+IF('Standard Profiles'!$G$18=$B$17,14,0)+IF('Standard Profiles'!$G$18=$B$24,21,0),0)),0)</f>
        <v>15.233417982785689</v>
      </c>
      <c r="E2806" cm="1">
        <f t="array" ref="E2806">IFERROR(INDEX(Jesper!AI$2:AI$366,ROUNDDOWN($C2806/24,0)+1,1)*INDEX($D$3:$AA$30,INDEX(Jesper!$R$2:$R$366,ROW(INDEX(Jesper!AI$2:AI$366,ROUNDDOWN($C2806/24,0)+1,1))-1)+IF('Standard Profiles'!$G$19=$B$10,7,0)+IF('Standard Profiles'!$G$19=$B$17,14,0)+IF('Standard Profiles'!$G$19=$B$24,21,0),MOD($C2806,24)+1)/SUM(INDEX($D$3:$AA$30,INDEX(Jesper!$R$2:$R$366,ROW(INDEX(Jesper!AI$2:AI$366,ROUNDDOWN($C2806/24,0)+1,1))-1)+IF('Standard Profiles'!$G$19=$B$10,7,0)+IF('Standard Profiles'!$G$19=$B$17,14,0)+IF('Standard Profiles'!$G$19=$B$24,21,0),0)),0)</f>
        <v>0</v>
      </c>
      <c r="F2806" cm="1">
        <f t="array" ref="F2806">IFERROR(INDEX(Jesper!AJ$2:AJ$366,ROUNDDOWN($C2806/24,0)+1,1)*INDEX($D$3:$AA$30,INDEX(Jesper!$R$2:$R$366,ROW(INDEX(Jesper!AJ$2:AJ$366,ROUNDDOWN($C2806/24,0)+1,1))-1)+IF('Standard Profiles'!$G$20=$B$10,7,0)+IF('Standard Profiles'!$G$20=$B$17,14,0)+IF('Standard Profiles'!$G$20=$B$24,21,0),MOD($C2806,24)+1)/SUM(INDEX($D$3:$AA$30,INDEX(Jesper!$R$2:$R$366,ROW(INDEX(Jesper!AJ$2:AJ$366,ROUNDDOWN($C2806/24,0)+1,1))-1)+IF('Standard Profiles'!$G$20=$B$10,7,0)+IF('Standard Profiles'!$G$20=$B$17,14,0)+IF('Standard Profiles'!$G$20=$B$24,21,0),0)),0)</f>
        <v>0</v>
      </c>
      <c r="G2806" cm="1">
        <f t="array" ref="G2806">IFERROR(INDEX(Jesper!AK$2:AK$366,ROUNDDOWN($C2806/24,0)+1,1)*INDEX($D$3:$AA$30,INDEX(Jesper!$R$2:$R$366,ROW(INDEX(Jesper!AK$2:AK$366,ROUNDDOWN($C2806/24,0)+1,1))-1)+IF('Standard Profiles'!$G$21=$B$10,7,0)+IF('Standard Profiles'!$G$21=$B$17,14,0)+IF('Standard Profiles'!$G$21=$B$24,21,0),MOD($C2806,24)+1)/SUM(INDEX($D$3:$AA$30,INDEX(Jesper!$R$2:$R$366,ROW(INDEX(Jesper!AK$2:AK$366,ROUNDDOWN($C2806/24,0)+1,1))-1)+IF('Standard Profiles'!$G$21=$B$10,7,0)+IF('Standard Profiles'!$G$21=$B$17,14,0)+IF('Standard Profiles'!$G$21=$B$24,21,0),0)),0)</f>
        <v>0</v>
      </c>
      <c r="H2806" cm="1">
        <f t="array" ref="H2806">IFERROR(INDEX(Jesper!AL$2:AL$366,ROUNDDOWN($C2806/24,0)+1,1)*INDEX($D$3:$AA$30,INDEX(Jesper!$R$2:$R$366,ROW(INDEX(Jesper!AL$2:AL$366,ROUNDDOWN($C2806/24,0)+1,1))-1)+IF('Standard Profiles'!$G$22=$B$10,7,0)+IF('Standard Profiles'!$G$22=$B$17,14,0)+IF('Standard Profiles'!$G$22=$B$24,21,0),MOD($C2806,24)+1)/SUM(INDEX($D$3:$AA$30,INDEX(Jesper!$R$2:$R$366,ROW(INDEX(Jesper!AL$2:AL$366,ROUNDDOWN($C2806/24,0)+1,1))-1)+IF('Standard Profiles'!$G$22=$B$10,7,0)+IF('Standard Profiles'!$G$22=$B$17,14,0)+IF('Standard Profiles'!$G$22=$B$24,21,0),0)),0)</f>
        <v>0</v>
      </c>
      <c r="I2806">
        <f t="shared" si="321"/>
        <v>0.45700253948357061</v>
      </c>
      <c r="J2806">
        <f t="shared" si="322"/>
        <v>1.5233417982785689</v>
      </c>
      <c r="K2806">
        <f t="shared" si="323"/>
        <v>2.2850126974178533</v>
      </c>
      <c r="L2806">
        <f t="shared" si="324"/>
        <v>10.968060947605695</v>
      </c>
      <c r="M2806">
        <f t="shared" si="325"/>
        <v>0</v>
      </c>
      <c r="N2806" s="46">
        <f t="shared" si="326"/>
        <v>45407.499999993277</v>
      </c>
    </row>
    <row r="2807" spans="2:14" x14ac:dyDescent="0.3">
      <c r="B2807">
        <f t="shared" si="320"/>
        <v>4</v>
      </c>
      <c r="C2807" s="16">
        <v>2773</v>
      </c>
      <c r="D2807" cm="1">
        <f t="array" ref="D2807">IFERROR(INDEX(Jesper!AH$2:AH$366,ROUNDDOWN($C2807/24,0)+1,1)*INDEX($D$3:$AA$30,INDEX(Jesper!$R$2:$R$366,ROW(INDEX(Jesper!AH$2:AH$366,ROUNDDOWN($C2807/24,0)+1,1))-1)+IF('Standard Profiles'!$G$18=$B$10,7,0)+IF('Standard Profiles'!$G$18=$B$17,14,0)+IF('Standard Profiles'!$G$18=$B$24,21,0),MOD($C2807,24)+1)/SUM(INDEX($D$3:$AA$30,INDEX(Jesper!$R$2:$R$366,ROW(INDEX(Jesper!AH$2:AH$366,ROUNDDOWN($C2807/24,0)+1,1))-1)+IF('Standard Profiles'!$G$18=$B$10,7,0)+IF('Standard Profiles'!$G$18=$B$17,14,0)+IF('Standard Profiles'!$G$18=$B$24,21,0),0)),0)</f>
        <v>15.233417982785689</v>
      </c>
      <c r="E2807" cm="1">
        <f t="array" ref="E2807">IFERROR(INDEX(Jesper!AI$2:AI$366,ROUNDDOWN($C2807/24,0)+1,1)*INDEX($D$3:$AA$30,INDEX(Jesper!$R$2:$R$366,ROW(INDEX(Jesper!AI$2:AI$366,ROUNDDOWN($C2807/24,0)+1,1))-1)+IF('Standard Profiles'!$G$19=$B$10,7,0)+IF('Standard Profiles'!$G$19=$B$17,14,0)+IF('Standard Profiles'!$G$19=$B$24,21,0),MOD($C2807,24)+1)/SUM(INDEX($D$3:$AA$30,INDEX(Jesper!$R$2:$R$366,ROW(INDEX(Jesper!AI$2:AI$366,ROUNDDOWN($C2807/24,0)+1,1))-1)+IF('Standard Profiles'!$G$19=$B$10,7,0)+IF('Standard Profiles'!$G$19=$B$17,14,0)+IF('Standard Profiles'!$G$19=$B$24,21,0),0)),0)</f>
        <v>0</v>
      </c>
      <c r="F2807" cm="1">
        <f t="array" ref="F2807">IFERROR(INDEX(Jesper!AJ$2:AJ$366,ROUNDDOWN($C2807/24,0)+1,1)*INDEX($D$3:$AA$30,INDEX(Jesper!$R$2:$R$366,ROW(INDEX(Jesper!AJ$2:AJ$366,ROUNDDOWN($C2807/24,0)+1,1))-1)+IF('Standard Profiles'!$G$20=$B$10,7,0)+IF('Standard Profiles'!$G$20=$B$17,14,0)+IF('Standard Profiles'!$G$20=$B$24,21,0),MOD($C2807,24)+1)/SUM(INDEX($D$3:$AA$30,INDEX(Jesper!$R$2:$R$366,ROW(INDEX(Jesper!AJ$2:AJ$366,ROUNDDOWN($C2807/24,0)+1,1))-1)+IF('Standard Profiles'!$G$20=$B$10,7,0)+IF('Standard Profiles'!$G$20=$B$17,14,0)+IF('Standard Profiles'!$G$20=$B$24,21,0),0)),0)</f>
        <v>0</v>
      </c>
      <c r="G2807" cm="1">
        <f t="array" ref="G2807">IFERROR(INDEX(Jesper!AK$2:AK$366,ROUNDDOWN($C2807/24,0)+1,1)*INDEX($D$3:$AA$30,INDEX(Jesper!$R$2:$R$366,ROW(INDEX(Jesper!AK$2:AK$366,ROUNDDOWN($C2807/24,0)+1,1))-1)+IF('Standard Profiles'!$G$21=$B$10,7,0)+IF('Standard Profiles'!$G$21=$B$17,14,0)+IF('Standard Profiles'!$G$21=$B$24,21,0),MOD($C2807,24)+1)/SUM(INDEX($D$3:$AA$30,INDEX(Jesper!$R$2:$R$366,ROW(INDEX(Jesper!AK$2:AK$366,ROUNDDOWN($C2807/24,0)+1,1))-1)+IF('Standard Profiles'!$G$21=$B$10,7,0)+IF('Standard Profiles'!$G$21=$B$17,14,0)+IF('Standard Profiles'!$G$21=$B$24,21,0),0)),0)</f>
        <v>0</v>
      </c>
      <c r="H2807" cm="1">
        <f t="array" ref="H2807">IFERROR(INDEX(Jesper!AL$2:AL$366,ROUNDDOWN($C2807/24,0)+1,1)*INDEX($D$3:$AA$30,INDEX(Jesper!$R$2:$R$366,ROW(INDEX(Jesper!AL$2:AL$366,ROUNDDOWN($C2807/24,0)+1,1))-1)+IF('Standard Profiles'!$G$22=$B$10,7,0)+IF('Standard Profiles'!$G$22=$B$17,14,0)+IF('Standard Profiles'!$G$22=$B$24,21,0),MOD($C2807,24)+1)/SUM(INDEX($D$3:$AA$30,INDEX(Jesper!$R$2:$R$366,ROW(INDEX(Jesper!AL$2:AL$366,ROUNDDOWN($C2807/24,0)+1,1))-1)+IF('Standard Profiles'!$G$22=$B$10,7,0)+IF('Standard Profiles'!$G$22=$B$17,14,0)+IF('Standard Profiles'!$G$22=$B$24,21,0),0)),0)</f>
        <v>0</v>
      </c>
      <c r="I2807">
        <f t="shared" si="321"/>
        <v>0.45700253948357061</v>
      </c>
      <c r="J2807">
        <f t="shared" si="322"/>
        <v>1.5233417982785689</v>
      </c>
      <c r="K2807">
        <f t="shared" si="323"/>
        <v>2.2850126974178533</v>
      </c>
      <c r="L2807">
        <f t="shared" si="324"/>
        <v>10.968060947605695</v>
      </c>
      <c r="M2807">
        <f t="shared" si="325"/>
        <v>0</v>
      </c>
      <c r="N2807" s="46">
        <f t="shared" si="326"/>
        <v>45407.541666659941</v>
      </c>
    </row>
    <row r="2808" spans="2:14" x14ac:dyDescent="0.3">
      <c r="B2808">
        <f t="shared" si="320"/>
        <v>4</v>
      </c>
      <c r="C2808" s="16">
        <v>2774</v>
      </c>
      <c r="D2808" cm="1">
        <f t="array" ref="D2808">IFERROR(INDEX(Jesper!AH$2:AH$366,ROUNDDOWN($C2808/24,0)+1,1)*INDEX($D$3:$AA$30,INDEX(Jesper!$R$2:$R$366,ROW(INDEX(Jesper!AH$2:AH$366,ROUNDDOWN($C2808/24,0)+1,1))-1)+IF('Standard Profiles'!$G$18=$B$10,7,0)+IF('Standard Profiles'!$G$18=$B$17,14,0)+IF('Standard Profiles'!$G$18=$B$24,21,0),MOD($C2808,24)+1)/SUM(INDEX($D$3:$AA$30,INDEX(Jesper!$R$2:$R$366,ROW(INDEX(Jesper!AH$2:AH$366,ROUNDDOWN($C2808/24,0)+1,1))-1)+IF('Standard Profiles'!$G$18=$B$10,7,0)+IF('Standard Profiles'!$G$18=$B$17,14,0)+IF('Standard Profiles'!$G$18=$B$24,21,0),0)),0)</f>
        <v>15.233417982785689</v>
      </c>
      <c r="E2808" cm="1">
        <f t="array" ref="E2808">IFERROR(INDEX(Jesper!AI$2:AI$366,ROUNDDOWN($C2808/24,0)+1,1)*INDEX($D$3:$AA$30,INDEX(Jesper!$R$2:$R$366,ROW(INDEX(Jesper!AI$2:AI$366,ROUNDDOWN($C2808/24,0)+1,1))-1)+IF('Standard Profiles'!$G$19=$B$10,7,0)+IF('Standard Profiles'!$G$19=$B$17,14,0)+IF('Standard Profiles'!$G$19=$B$24,21,0),MOD($C2808,24)+1)/SUM(INDEX($D$3:$AA$30,INDEX(Jesper!$R$2:$R$366,ROW(INDEX(Jesper!AI$2:AI$366,ROUNDDOWN($C2808/24,0)+1,1))-1)+IF('Standard Profiles'!$G$19=$B$10,7,0)+IF('Standard Profiles'!$G$19=$B$17,14,0)+IF('Standard Profiles'!$G$19=$B$24,21,0),0)),0)</f>
        <v>0</v>
      </c>
      <c r="F2808" cm="1">
        <f t="array" ref="F2808">IFERROR(INDEX(Jesper!AJ$2:AJ$366,ROUNDDOWN($C2808/24,0)+1,1)*INDEX($D$3:$AA$30,INDEX(Jesper!$R$2:$R$366,ROW(INDEX(Jesper!AJ$2:AJ$366,ROUNDDOWN($C2808/24,0)+1,1))-1)+IF('Standard Profiles'!$G$20=$B$10,7,0)+IF('Standard Profiles'!$G$20=$B$17,14,0)+IF('Standard Profiles'!$G$20=$B$24,21,0),MOD($C2808,24)+1)/SUM(INDEX($D$3:$AA$30,INDEX(Jesper!$R$2:$R$366,ROW(INDEX(Jesper!AJ$2:AJ$366,ROUNDDOWN($C2808/24,0)+1,1))-1)+IF('Standard Profiles'!$G$20=$B$10,7,0)+IF('Standard Profiles'!$G$20=$B$17,14,0)+IF('Standard Profiles'!$G$20=$B$24,21,0),0)),0)</f>
        <v>0</v>
      </c>
      <c r="G2808" cm="1">
        <f t="array" ref="G2808">IFERROR(INDEX(Jesper!AK$2:AK$366,ROUNDDOWN($C2808/24,0)+1,1)*INDEX($D$3:$AA$30,INDEX(Jesper!$R$2:$R$366,ROW(INDEX(Jesper!AK$2:AK$366,ROUNDDOWN($C2808/24,0)+1,1))-1)+IF('Standard Profiles'!$G$21=$B$10,7,0)+IF('Standard Profiles'!$G$21=$B$17,14,0)+IF('Standard Profiles'!$G$21=$B$24,21,0),MOD($C2808,24)+1)/SUM(INDEX($D$3:$AA$30,INDEX(Jesper!$R$2:$R$366,ROW(INDEX(Jesper!AK$2:AK$366,ROUNDDOWN($C2808/24,0)+1,1))-1)+IF('Standard Profiles'!$G$21=$B$10,7,0)+IF('Standard Profiles'!$G$21=$B$17,14,0)+IF('Standard Profiles'!$G$21=$B$24,21,0),0)),0)</f>
        <v>0</v>
      </c>
      <c r="H2808" cm="1">
        <f t="array" ref="H2808">IFERROR(INDEX(Jesper!AL$2:AL$366,ROUNDDOWN($C2808/24,0)+1,1)*INDEX($D$3:$AA$30,INDEX(Jesper!$R$2:$R$366,ROW(INDEX(Jesper!AL$2:AL$366,ROUNDDOWN($C2808/24,0)+1,1))-1)+IF('Standard Profiles'!$G$22=$B$10,7,0)+IF('Standard Profiles'!$G$22=$B$17,14,0)+IF('Standard Profiles'!$G$22=$B$24,21,0),MOD($C2808,24)+1)/SUM(INDEX($D$3:$AA$30,INDEX(Jesper!$R$2:$R$366,ROW(INDEX(Jesper!AL$2:AL$366,ROUNDDOWN($C2808/24,0)+1,1))-1)+IF('Standard Profiles'!$G$22=$B$10,7,0)+IF('Standard Profiles'!$G$22=$B$17,14,0)+IF('Standard Profiles'!$G$22=$B$24,21,0),0)),0)</f>
        <v>0</v>
      </c>
      <c r="I2808">
        <f t="shared" si="321"/>
        <v>0.45700253948357061</v>
      </c>
      <c r="J2808">
        <f t="shared" si="322"/>
        <v>1.5233417982785689</v>
      </c>
      <c r="K2808">
        <f t="shared" si="323"/>
        <v>2.2850126974178533</v>
      </c>
      <c r="L2808">
        <f t="shared" si="324"/>
        <v>10.968060947605695</v>
      </c>
      <c r="M2808">
        <f t="shared" si="325"/>
        <v>0</v>
      </c>
      <c r="N2808" s="46">
        <f t="shared" si="326"/>
        <v>45407.583333326605</v>
      </c>
    </row>
    <row r="2809" spans="2:14" x14ac:dyDescent="0.3">
      <c r="B2809">
        <f t="shared" si="320"/>
        <v>4</v>
      </c>
      <c r="C2809" s="16">
        <v>2775</v>
      </c>
      <c r="D2809" cm="1">
        <f t="array" ref="D2809">IFERROR(INDEX(Jesper!AH$2:AH$366,ROUNDDOWN($C2809/24,0)+1,1)*INDEX($D$3:$AA$30,INDEX(Jesper!$R$2:$R$366,ROW(INDEX(Jesper!AH$2:AH$366,ROUNDDOWN($C2809/24,0)+1,1))-1)+IF('Standard Profiles'!$G$18=$B$10,7,0)+IF('Standard Profiles'!$G$18=$B$17,14,0)+IF('Standard Profiles'!$G$18=$B$24,21,0),MOD($C2809,24)+1)/SUM(INDEX($D$3:$AA$30,INDEX(Jesper!$R$2:$R$366,ROW(INDEX(Jesper!AH$2:AH$366,ROUNDDOWN($C2809/24,0)+1,1))-1)+IF('Standard Profiles'!$G$18=$B$10,7,0)+IF('Standard Profiles'!$G$18=$B$17,14,0)+IF('Standard Profiles'!$G$18=$B$24,21,0),0)),0)</f>
        <v>15.233417982785689</v>
      </c>
      <c r="E2809" cm="1">
        <f t="array" ref="E2809">IFERROR(INDEX(Jesper!AI$2:AI$366,ROUNDDOWN($C2809/24,0)+1,1)*INDEX($D$3:$AA$30,INDEX(Jesper!$R$2:$R$366,ROW(INDEX(Jesper!AI$2:AI$366,ROUNDDOWN($C2809/24,0)+1,1))-1)+IF('Standard Profiles'!$G$19=$B$10,7,0)+IF('Standard Profiles'!$G$19=$B$17,14,0)+IF('Standard Profiles'!$G$19=$B$24,21,0),MOD($C2809,24)+1)/SUM(INDEX($D$3:$AA$30,INDEX(Jesper!$R$2:$R$366,ROW(INDEX(Jesper!AI$2:AI$366,ROUNDDOWN($C2809/24,0)+1,1))-1)+IF('Standard Profiles'!$G$19=$B$10,7,0)+IF('Standard Profiles'!$G$19=$B$17,14,0)+IF('Standard Profiles'!$G$19=$B$24,21,0),0)),0)</f>
        <v>0</v>
      </c>
      <c r="F2809" cm="1">
        <f t="array" ref="F2809">IFERROR(INDEX(Jesper!AJ$2:AJ$366,ROUNDDOWN($C2809/24,0)+1,1)*INDEX($D$3:$AA$30,INDEX(Jesper!$R$2:$R$366,ROW(INDEX(Jesper!AJ$2:AJ$366,ROUNDDOWN($C2809/24,0)+1,1))-1)+IF('Standard Profiles'!$G$20=$B$10,7,0)+IF('Standard Profiles'!$G$20=$B$17,14,0)+IF('Standard Profiles'!$G$20=$B$24,21,0),MOD($C2809,24)+1)/SUM(INDEX($D$3:$AA$30,INDEX(Jesper!$R$2:$R$366,ROW(INDEX(Jesper!AJ$2:AJ$366,ROUNDDOWN($C2809/24,0)+1,1))-1)+IF('Standard Profiles'!$G$20=$B$10,7,0)+IF('Standard Profiles'!$G$20=$B$17,14,0)+IF('Standard Profiles'!$G$20=$B$24,21,0),0)),0)</f>
        <v>0</v>
      </c>
      <c r="G2809" cm="1">
        <f t="array" ref="G2809">IFERROR(INDEX(Jesper!AK$2:AK$366,ROUNDDOWN($C2809/24,0)+1,1)*INDEX($D$3:$AA$30,INDEX(Jesper!$R$2:$R$366,ROW(INDEX(Jesper!AK$2:AK$366,ROUNDDOWN($C2809/24,0)+1,1))-1)+IF('Standard Profiles'!$G$21=$B$10,7,0)+IF('Standard Profiles'!$G$21=$B$17,14,0)+IF('Standard Profiles'!$G$21=$B$24,21,0),MOD($C2809,24)+1)/SUM(INDEX($D$3:$AA$30,INDEX(Jesper!$R$2:$R$366,ROW(INDEX(Jesper!AK$2:AK$366,ROUNDDOWN($C2809/24,0)+1,1))-1)+IF('Standard Profiles'!$G$21=$B$10,7,0)+IF('Standard Profiles'!$G$21=$B$17,14,0)+IF('Standard Profiles'!$G$21=$B$24,21,0),0)),0)</f>
        <v>0</v>
      </c>
      <c r="H2809" cm="1">
        <f t="array" ref="H2809">IFERROR(INDEX(Jesper!AL$2:AL$366,ROUNDDOWN($C2809/24,0)+1,1)*INDEX($D$3:$AA$30,INDEX(Jesper!$R$2:$R$366,ROW(INDEX(Jesper!AL$2:AL$366,ROUNDDOWN($C2809/24,0)+1,1))-1)+IF('Standard Profiles'!$G$22=$B$10,7,0)+IF('Standard Profiles'!$G$22=$B$17,14,0)+IF('Standard Profiles'!$G$22=$B$24,21,0),MOD($C2809,24)+1)/SUM(INDEX($D$3:$AA$30,INDEX(Jesper!$R$2:$R$366,ROW(INDEX(Jesper!AL$2:AL$366,ROUNDDOWN($C2809/24,0)+1,1))-1)+IF('Standard Profiles'!$G$22=$B$10,7,0)+IF('Standard Profiles'!$G$22=$B$17,14,0)+IF('Standard Profiles'!$G$22=$B$24,21,0),0)),0)</f>
        <v>0</v>
      </c>
      <c r="I2809">
        <f t="shared" si="321"/>
        <v>0.45700253948357061</v>
      </c>
      <c r="J2809">
        <f t="shared" si="322"/>
        <v>1.5233417982785689</v>
      </c>
      <c r="K2809">
        <f t="shared" si="323"/>
        <v>2.2850126974178533</v>
      </c>
      <c r="L2809">
        <f t="shared" si="324"/>
        <v>10.968060947605695</v>
      </c>
      <c r="M2809">
        <f t="shared" si="325"/>
        <v>0</v>
      </c>
      <c r="N2809" s="46">
        <f t="shared" si="326"/>
        <v>45407.62499999327</v>
      </c>
    </row>
    <row r="2810" spans="2:14" x14ac:dyDescent="0.3">
      <c r="B2810">
        <f t="shared" si="320"/>
        <v>4</v>
      </c>
      <c r="C2810" s="16">
        <v>2776</v>
      </c>
      <c r="D2810" cm="1">
        <f t="array" ref="D2810">IFERROR(INDEX(Jesper!AH$2:AH$366,ROUNDDOWN($C2810/24,0)+1,1)*INDEX($D$3:$AA$30,INDEX(Jesper!$R$2:$R$366,ROW(INDEX(Jesper!AH$2:AH$366,ROUNDDOWN($C2810/24,0)+1,1))-1)+IF('Standard Profiles'!$G$18=$B$10,7,0)+IF('Standard Profiles'!$G$18=$B$17,14,0)+IF('Standard Profiles'!$G$18=$B$24,21,0),MOD($C2810,24)+1)/SUM(INDEX($D$3:$AA$30,INDEX(Jesper!$R$2:$R$366,ROW(INDEX(Jesper!AH$2:AH$366,ROUNDDOWN($C2810/24,0)+1,1))-1)+IF('Standard Profiles'!$G$18=$B$10,7,0)+IF('Standard Profiles'!$G$18=$B$17,14,0)+IF('Standard Profiles'!$G$18=$B$24,21,0),0)),0)</f>
        <v>15.233417982785689</v>
      </c>
      <c r="E2810" cm="1">
        <f t="array" ref="E2810">IFERROR(INDEX(Jesper!AI$2:AI$366,ROUNDDOWN($C2810/24,0)+1,1)*INDEX($D$3:$AA$30,INDEX(Jesper!$R$2:$R$366,ROW(INDEX(Jesper!AI$2:AI$366,ROUNDDOWN($C2810/24,0)+1,1))-1)+IF('Standard Profiles'!$G$19=$B$10,7,0)+IF('Standard Profiles'!$G$19=$B$17,14,0)+IF('Standard Profiles'!$G$19=$B$24,21,0),MOD($C2810,24)+1)/SUM(INDEX($D$3:$AA$30,INDEX(Jesper!$R$2:$R$366,ROW(INDEX(Jesper!AI$2:AI$366,ROUNDDOWN($C2810/24,0)+1,1))-1)+IF('Standard Profiles'!$G$19=$B$10,7,0)+IF('Standard Profiles'!$G$19=$B$17,14,0)+IF('Standard Profiles'!$G$19=$B$24,21,0),0)),0)</f>
        <v>0</v>
      </c>
      <c r="F2810" cm="1">
        <f t="array" ref="F2810">IFERROR(INDEX(Jesper!AJ$2:AJ$366,ROUNDDOWN($C2810/24,0)+1,1)*INDEX($D$3:$AA$30,INDEX(Jesper!$R$2:$R$366,ROW(INDEX(Jesper!AJ$2:AJ$366,ROUNDDOWN($C2810/24,0)+1,1))-1)+IF('Standard Profiles'!$G$20=$B$10,7,0)+IF('Standard Profiles'!$G$20=$B$17,14,0)+IF('Standard Profiles'!$G$20=$B$24,21,0),MOD($C2810,24)+1)/SUM(INDEX($D$3:$AA$30,INDEX(Jesper!$R$2:$R$366,ROW(INDEX(Jesper!AJ$2:AJ$366,ROUNDDOWN($C2810/24,0)+1,1))-1)+IF('Standard Profiles'!$G$20=$B$10,7,0)+IF('Standard Profiles'!$G$20=$B$17,14,0)+IF('Standard Profiles'!$G$20=$B$24,21,0),0)),0)</f>
        <v>0</v>
      </c>
      <c r="G2810" cm="1">
        <f t="array" ref="G2810">IFERROR(INDEX(Jesper!AK$2:AK$366,ROUNDDOWN($C2810/24,0)+1,1)*INDEX($D$3:$AA$30,INDEX(Jesper!$R$2:$R$366,ROW(INDEX(Jesper!AK$2:AK$366,ROUNDDOWN($C2810/24,0)+1,1))-1)+IF('Standard Profiles'!$G$21=$B$10,7,0)+IF('Standard Profiles'!$G$21=$B$17,14,0)+IF('Standard Profiles'!$G$21=$B$24,21,0),MOD($C2810,24)+1)/SUM(INDEX($D$3:$AA$30,INDEX(Jesper!$R$2:$R$366,ROW(INDEX(Jesper!AK$2:AK$366,ROUNDDOWN($C2810/24,0)+1,1))-1)+IF('Standard Profiles'!$G$21=$B$10,7,0)+IF('Standard Profiles'!$G$21=$B$17,14,0)+IF('Standard Profiles'!$G$21=$B$24,21,0),0)),0)</f>
        <v>0</v>
      </c>
      <c r="H2810" cm="1">
        <f t="array" ref="H2810">IFERROR(INDEX(Jesper!AL$2:AL$366,ROUNDDOWN($C2810/24,0)+1,1)*INDEX($D$3:$AA$30,INDEX(Jesper!$R$2:$R$366,ROW(INDEX(Jesper!AL$2:AL$366,ROUNDDOWN($C2810/24,0)+1,1))-1)+IF('Standard Profiles'!$G$22=$B$10,7,0)+IF('Standard Profiles'!$G$22=$B$17,14,0)+IF('Standard Profiles'!$G$22=$B$24,21,0),MOD($C2810,24)+1)/SUM(INDEX($D$3:$AA$30,INDEX(Jesper!$R$2:$R$366,ROW(INDEX(Jesper!AL$2:AL$366,ROUNDDOWN($C2810/24,0)+1,1))-1)+IF('Standard Profiles'!$G$22=$B$10,7,0)+IF('Standard Profiles'!$G$22=$B$17,14,0)+IF('Standard Profiles'!$G$22=$B$24,21,0),0)),0)</f>
        <v>0</v>
      </c>
      <c r="I2810">
        <f t="shared" si="321"/>
        <v>0.45700253948357061</v>
      </c>
      <c r="J2810">
        <f t="shared" si="322"/>
        <v>1.5233417982785689</v>
      </c>
      <c r="K2810">
        <f t="shared" si="323"/>
        <v>2.2850126974178533</v>
      </c>
      <c r="L2810">
        <f t="shared" si="324"/>
        <v>10.968060947605695</v>
      </c>
      <c r="M2810">
        <f t="shared" si="325"/>
        <v>0</v>
      </c>
      <c r="N2810" s="46">
        <f t="shared" si="326"/>
        <v>45407.666666659934</v>
      </c>
    </row>
    <row r="2811" spans="2:14" x14ac:dyDescent="0.3">
      <c r="B2811">
        <f t="shared" si="320"/>
        <v>4</v>
      </c>
      <c r="C2811" s="16">
        <v>2777</v>
      </c>
      <c r="D2811" cm="1">
        <f t="array" ref="D2811">IFERROR(INDEX(Jesper!AH$2:AH$366,ROUNDDOWN($C2811/24,0)+1,1)*INDEX($D$3:$AA$30,INDEX(Jesper!$R$2:$R$366,ROW(INDEX(Jesper!AH$2:AH$366,ROUNDDOWN($C2811/24,0)+1,1))-1)+IF('Standard Profiles'!$G$18=$B$10,7,0)+IF('Standard Profiles'!$G$18=$B$17,14,0)+IF('Standard Profiles'!$G$18=$B$24,21,0),MOD($C2811,24)+1)/SUM(INDEX($D$3:$AA$30,INDEX(Jesper!$R$2:$R$366,ROW(INDEX(Jesper!AH$2:AH$366,ROUNDDOWN($C2811/24,0)+1,1))-1)+IF('Standard Profiles'!$G$18=$B$10,7,0)+IF('Standard Profiles'!$G$18=$B$17,14,0)+IF('Standard Profiles'!$G$18=$B$24,21,0),0)),0)</f>
        <v>15.233417982785689</v>
      </c>
      <c r="E2811" cm="1">
        <f t="array" ref="E2811">IFERROR(INDEX(Jesper!AI$2:AI$366,ROUNDDOWN($C2811/24,0)+1,1)*INDEX($D$3:$AA$30,INDEX(Jesper!$R$2:$R$366,ROW(INDEX(Jesper!AI$2:AI$366,ROUNDDOWN($C2811/24,0)+1,1))-1)+IF('Standard Profiles'!$G$19=$B$10,7,0)+IF('Standard Profiles'!$G$19=$B$17,14,0)+IF('Standard Profiles'!$G$19=$B$24,21,0),MOD($C2811,24)+1)/SUM(INDEX($D$3:$AA$30,INDEX(Jesper!$R$2:$R$366,ROW(INDEX(Jesper!AI$2:AI$366,ROUNDDOWN($C2811/24,0)+1,1))-1)+IF('Standard Profiles'!$G$19=$B$10,7,0)+IF('Standard Profiles'!$G$19=$B$17,14,0)+IF('Standard Profiles'!$G$19=$B$24,21,0),0)),0)</f>
        <v>0</v>
      </c>
      <c r="F2811" cm="1">
        <f t="array" ref="F2811">IFERROR(INDEX(Jesper!AJ$2:AJ$366,ROUNDDOWN($C2811/24,0)+1,1)*INDEX($D$3:$AA$30,INDEX(Jesper!$R$2:$R$366,ROW(INDEX(Jesper!AJ$2:AJ$366,ROUNDDOWN($C2811/24,0)+1,1))-1)+IF('Standard Profiles'!$G$20=$B$10,7,0)+IF('Standard Profiles'!$G$20=$B$17,14,0)+IF('Standard Profiles'!$G$20=$B$24,21,0),MOD($C2811,24)+1)/SUM(INDEX($D$3:$AA$30,INDEX(Jesper!$R$2:$R$366,ROW(INDEX(Jesper!AJ$2:AJ$366,ROUNDDOWN($C2811/24,0)+1,1))-1)+IF('Standard Profiles'!$G$20=$B$10,7,0)+IF('Standard Profiles'!$G$20=$B$17,14,0)+IF('Standard Profiles'!$G$20=$B$24,21,0),0)),0)</f>
        <v>0</v>
      </c>
      <c r="G2811" cm="1">
        <f t="array" ref="G2811">IFERROR(INDEX(Jesper!AK$2:AK$366,ROUNDDOWN($C2811/24,0)+1,1)*INDEX($D$3:$AA$30,INDEX(Jesper!$R$2:$R$366,ROW(INDEX(Jesper!AK$2:AK$366,ROUNDDOWN($C2811/24,0)+1,1))-1)+IF('Standard Profiles'!$G$21=$B$10,7,0)+IF('Standard Profiles'!$G$21=$B$17,14,0)+IF('Standard Profiles'!$G$21=$B$24,21,0),MOD($C2811,24)+1)/SUM(INDEX($D$3:$AA$30,INDEX(Jesper!$R$2:$R$366,ROW(INDEX(Jesper!AK$2:AK$366,ROUNDDOWN($C2811/24,0)+1,1))-1)+IF('Standard Profiles'!$G$21=$B$10,7,0)+IF('Standard Profiles'!$G$21=$B$17,14,0)+IF('Standard Profiles'!$G$21=$B$24,21,0),0)),0)</f>
        <v>0</v>
      </c>
      <c r="H2811" cm="1">
        <f t="array" ref="H2811">IFERROR(INDEX(Jesper!AL$2:AL$366,ROUNDDOWN($C2811/24,0)+1,1)*INDEX($D$3:$AA$30,INDEX(Jesper!$R$2:$R$366,ROW(INDEX(Jesper!AL$2:AL$366,ROUNDDOWN($C2811/24,0)+1,1))-1)+IF('Standard Profiles'!$G$22=$B$10,7,0)+IF('Standard Profiles'!$G$22=$B$17,14,0)+IF('Standard Profiles'!$G$22=$B$24,21,0),MOD($C2811,24)+1)/SUM(INDEX($D$3:$AA$30,INDEX(Jesper!$R$2:$R$366,ROW(INDEX(Jesper!AL$2:AL$366,ROUNDDOWN($C2811/24,0)+1,1))-1)+IF('Standard Profiles'!$G$22=$B$10,7,0)+IF('Standard Profiles'!$G$22=$B$17,14,0)+IF('Standard Profiles'!$G$22=$B$24,21,0),0)),0)</f>
        <v>0</v>
      </c>
      <c r="I2811">
        <f t="shared" si="321"/>
        <v>0.45700253948357061</v>
      </c>
      <c r="J2811">
        <f t="shared" si="322"/>
        <v>1.5233417982785689</v>
      </c>
      <c r="K2811">
        <f t="shared" si="323"/>
        <v>2.2850126974178533</v>
      </c>
      <c r="L2811">
        <f t="shared" si="324"/>
        <v>10.968060947605695</v>
      </c>
      <c r="M2811">
        <f t="shared" si="325"/>
        <v>0</v>
      </c>
      <c r="N2811" s="46">
        <f t="shared" si="326"/>
        <v>45407.708333326598</v>
      </c>
    </row>
    <row r="2812" spans="2:14" x14ac:dyDescent="0.3">
      <c r="B2812">
        <f t="shared" si="320"/>
        <v>4</v>
      </c>
      <c r="C2812" s="16">
        <v>2778</v>
      </c>
      <c r="D2812" cm="1">
        <f t="array" ref="D2812">IFERROR(INDEX(Jesper!AH$2:AH$366,ROUNDDOWN($C2812/24,0)+1,1)*INDEX($D$3:$AA$30,INDEX(Jesper!$R$2:$R$366,ROW(INDEX(Jesper!AH$2:AH$366,ROUNDDOWN($C2812/24,0)+1,1))-1)+IF('Standard Profiles'!$G$18=$B$10,7,0)+IF('Standard Profiles'!$G$18=$B$17,14,0)+IF('Standard Profiles'!$G$18=$B$24,21,0),MOD($C2812,24)+1)/SUM(INDEX($D$3:$AA$30,INDEX(Jesper!$R$2:$R$366,ROW(INDEX(Jesper!AH$2:AH$366,ROUNDDOWN($C2812/24,0)+1,1))-1)+IF('Standard Profiles'!$G$18=$B$10,7,0)+IF('Standard Profiles'!$G$18=$B$17,14,0)+IF('Standard Profiles'!$G$18=$B$24,21,0),0)),0)</f>
        <v>15.233417982785689</v>
      </c>
      <c r="E2812" cm="1">
        <f t="array" ref="E2812">IFERROR(INDEX(Jesper!AI$2:AI$366,ROUNDDOWN($C2812/24,0)+1,1)*INDEX($D$3:$AA$30,INDEX(Jesper!$R$2:$R$366,ROW(INDEX(Jesper!AI$2:AI$366,ROUNDDOWN($C2812/24,0)+1,1))-1)+IF('Standard Profiles'!$G$19=$B$10,7,0)+IF('Standard Profiles'!$G$19=$B$17,14,0)+IF('Standard Profiles'!$G$19=$B$24,21,0),MOD($C2812,24)+1)/SUM(INDEX($D$3:$AA$30,INDEX(Jesper!$R$2:$R$366,ROW(INDEX(Jesper!AI$2:AI$366,ROUNDDOWN($C2812/24,0)+1,1))-1)+IF('Standard Profiles'!$G$19=$B$10,7,0)+IF('Standard Profiles'!$G$19=$B$17,14,0)+IF('Standard Profiles'!$G$19=$B$24,21,0),0)),0)</f>
        <v>0</v>
      </c>
      <c r="F2812" cm="1">
        <f t="array" ref="F2812">IFERROR(INDEX(Jesper!AJ$2:AJ$366,ROUNDDOWN($C2812/24,0)+1,1)*INDEX($D$3:$AA$30,INDEX(Jesper!$R$2:$R$366,ROW(INDEX(Jesper!AJ$2:AJ$366,ROUNDDOWN($C2812/24,0)+1,1))-1)+IF('Standard Profiles'!$G$20=$B$10,7,0)+IF('Standard Profiles'!$G$20=$B$17,14,0)+IF('Standard Profiles'!$G$20=$B$24,21,0),MOD($C2812,24)+1)/SUM(INDEX($D$3:$AA$30,INDEX(Jesper!$R$2:$R$366,ROW(INDEX(Jesper!AJ$2:AJ$366,ROUNDDOWN($C2812/24,0)+1,1))-1)+IF('Standard Profiles'!$G$20=$B$10,7,0)+IF('Standard Profiles'!$G$20=$B$17,14,0)+IF('Standard Profiles'!$G$20=$B$24,21,0),0)),0)</f>
        <v>0</v>
      </c>
      <c r="G2812" cm="1">
        <f t="array" ref="G2812">IFERROR(INDEX(Jesper!AK$2:AK$366,ROUNDDOWN($C2812/24,0)+1,1)*INDEX($D$3:$AA$30,INDEX(Jesper!$R$2:$R$366,ROW(INDEX(Jesper!AK$2:AK$366,ROUNDDOWN($C2812/24,0)+1,1))-1)+IF('Standard Profiles'!$G$21=$B$10,7,0)+IF('Standard Profiles'!$G$21=$B$17,14,0)+IF('Standard Profiles'!$G$21=$B$24,21,0),MOD($C2812,24)+1)/SUM(INDEX($D$3:$AA$30,INDEX(Jesper!$R$2:$R$366,ROW(INDEX(Jesper!AK$2:AK$366,ROUNDDOWN($C2812/24,0)+1,1))-1)+IF('Standard Profiles'!$G$21=$B$10,7,0)+IF('Standard Profiles'!$G$21=$B$17,14,0)+IF('Standard Profiles'!$G$21=$B$24,21,0),0)),0)</f>
        <v>0</v>
      </c>
      <c r="H2812" cm="1">
        <f t="array" ref="H2812">IFERROR(INDEX(Jesper!AL$2:AL$366,ROUNDDOWN($C2812/24,0)+1,1)*INDEX($D$3:$AA$30,INDEX(Jesper!$R$2:$R$366,ROW(INDEX(Jesper!AL$2:AL$366,ROUNDDOWN($C2812/24,0)+1,1))-1)+IF('Standard Profiles'!$G$22=$B$10,7,0)+IF('Standard Profiles'!$G$22=$B$17,14,0)+IF('Standard Profiles'!$G$22=$B$24,21,0),MOD($C2812,24)+1)/SUM(INDEX($D$3:$AA$30,INDEX(Jesper!$R$2:$R$366,ROW(INDEX(Jesper!AL$2:AL$366,ROUNDDOWN($C2812/24,0)+1,1))-1)+IF('Standard Profiles'!$G$22=$B$10,7,0)+IF('Standard Profiles'!$G$22=$B$17,14,0)+IF('Standard Profiles'!$G$22=$B$24,21,0),0)),0)</f>
        <v>0</v>
      </c>
      <c r="I2812">
        <f t="shared" si="321"/>
        <v>0.45700253948357061</v>
      </c>
      <c r="J2812">
        <f t="shared" si="322"/>
        <v>1.5233417982785689</v>
      </c>
      <c r="K2812">
        <f t="shared" si="323"/>
        <v>2.2850126974178533</v>
      </c>
      <c r="L2812">
        <f t="shared" si="324"/>
        <v>10.968060947605695</v>
      </c>
      <c r="M2812">
        <f t="shared" si="325"/>
        <v>0</v>
      </c>
      <c r="N2812" s="46">
        <f t="shared" si="326"/>
        <v>45407.749999993262</v>
      </c>
    </row>
    <row r="2813" spans="2:14" x14ac:dyDescent="0.3">
      <c r="B2813">
        <f t="shared" si="320"/>
        <v>4</v>
      </c>
      <c r="C2813" s="16">
        <v>2779</v>
      </c>
      <c r="D2813" cm="1">
        <f t="array" ref="D2813">IFERROR(INDEX(Jesper!AH$2:AH$366,ROUNDDOWN($C2813/24,0)+1,1)*INDEX($D$3:$AA$30,INDEX(Jesper!$R$2:$R$366,ROW(INDEX(Jesper!AH$2:AH$366,ROUNDDOWN($C2813/24,0)+1,1))-1)+IF('Standard Profiles'!$G$18=$B$10,7,0)+IF('Standard Profiles'!$G$18=$B$17,14,0)+IF('Standard Profiles'!$G$18=$B$24,21,0),MOD($C2813,24)+1)/SUM(INDEX($D$3:$AA$30,INDEX(Jesper!$R$2:$R$366,ROW(INDEX(Jesper!AH$2:AH$366,ROUNDDOWN($C2813/24,0)+1,1))-1)+IF('Standard Profiles'!$G$18=$B$10,7,0)+IF('Standard Profiles'!$G$18=$B$17,14,0)+IF('Standard Profiles'!$G$18=$B$24,21,0),0)),0)</f>
        <v>12.694514985654742</v>
      </c>
      <c r="E2813" cm="1">
        <f t="array" ref="E2813">IFERROR(INDEX(Jesper!AI$2:AI$366,ROUNDDOWN($C2813/24,0)+1,1)*INDEX($D$3:$AA$30,INDEX(Jesper!$R$2:$R$366,ROW(INDEX(Jesper!AI$2:AI$366,ROUNDDOWN($C2813/24,0)+1,1))-1)+IF('Standard Profiles'!$G$19=$B$10,7,0)+IF('Standard Profiles'!$G$19=$B$17,14,0)+IF('Standard Profiles'!$G$19=$B$24,21,0),MOD($C2813,24)+1)/SUM(INDEX($D$3:$AA$30,INDEX(Jesper!$R$2:$R$366,ROW(INDEX(Jesper!AI$2:AI$366,ROUNDDOWN($C2813/24,0)+1,1))-1)+IF('Standard Profiles'!$G$19=$B$10,7,0)+IF('Standard Profiles'!$G$19=$B$17,14,0)+IF('Standard Profiles'!$G$19=$B$24,21,0),0)),0)</f>
        <v>0</v>
      </c>
      <c r="F2813" cm="1">
        <f t="array" ref="F2813">IFERROR(INDEX(Jesper!AJ$2:AJ$366,ROUNDDOWN($C2813/24,0)+1,1)*INDEX($D$3:$AA$30,INDEX(Jesper!$R$2:$R$366,ROW(INDEX(Jesper!AJ$2:AJ$366,ROUNDDOWN($C2813/24,0)+1,1))-1)+IF('Standard Profiles'!$G$20=$B$10,7,0)+IF('Standard Profiles'!$G$20=$B$17,14,0)+IF('Standard Profiles'!$G$20=$B$24,21,0),MOD($C2813,24)+1)/SUM(INDEX($D$3:$AA$30,INDEX(Jesper!$R$2:$R$366,ROW(INDEX(Jesper!AJ$2:AJ$366,ROUNDDOWN($C2813/24,0)+1,1))-1)+IF('Standard Profiles'!$G$20=$B$10,7,0)+IF('Standard Profiles'!$G$20=$B$17,14,0)+IF('Standard Profiles'!$G$20=$B$24,21,0),0)),0)</f>
        <v>0</v>
      </c>
      <c r="G2813" cm="1">
        <f t="array" ref="G2813">IFERROR(INDEX(Jesper!AK$2:AK$366,ROUNDDOWN($C2813/24,0)+1,1)*INDEX($D$3:$AA$30,INDEX(Jesper!$R$2:$R$366,ROW(INDEX(Jesper!AK$2:AK$366,ROUNDDOWN($C2813/24,0)+1,1))-1)+IF('Standard Profiles'!$G$21=$B$10,7,0)+IF('Standard Profiles'!$G$21=$B$17,14,0)+IF('Standard Profiles'!$G$21=$B$24,21,0),MOD($C2813,24)+1)/SUM(INDEX($D$3:$AA$30,INDEX(Jesper!$R$2:$R$366,ROW(INDEX(Jesper!AK$2:AK$366,ROUNDDOWN($C2813/24,0)+1,1))-1)+IF('Standard Profiles'!$G$21=$B$10,7,0)+IF('Standard Profiles'!$G$21=$B$17,14,0)+IF('Standard Profiles'!$G$21=$B$24,21,0),0)),0)</f>
        <v>0</v>
      </c>
      <c r="H2813" cm="1">
        <f t="array" ref="H2813">IFERROR(INDEX(Jesper!AL$2:AL$366,ROUNDDOWN($C2813/24,0)+1,1)*INDEX($D$3:$AA$30,INDEX(Jesper!$R$2:$R$366,ROW(INDEX(Jesper!AL$2:AL$366,ROUNDDOWN($C2813/24,0)+1,1))-1)+IF('Standard Profiles'!$G$22=$B$10,7,0)+IF('Standard Profiles'!$G$22=$B$17,14,0)+IF('Standard Profiles'!$G$22=$B$24,21,0),MOD($C2813,24)+1)/SUM(INDEX($D$3:$AA$30,INDEX(Jesper!$R$2:$R$366,ROW(INDEX(Jesper!AL$2:AL$366,ROUNDDOWN($C2813/24,0)+1,1))-1)+IF('Standard Profiles'!$G$22=$B$10,7,0)+IF('Standard Profiles'!$G$22=$B$17,14,0)+IF('Standard Profiles'!$G$22=$B$24,21,0),0)),0)</f>
        <v>0</v>
      </c>
      <c r="I2813">
        <f t="shared" si="321"/>
        <v>0.38083544956964221</v>
      </c>
      <c r="J2813">
        <f t="shared" si="322"/>
        <v>1.2694514985654743</v>
      </c>
      <c r="K2813">
        <f t="shared" si="323"/>
        <v>1.9041772478482111</v>
      </c>
      <c r="L2813">
        <f t="shared" si="324"/>
        <v>9.1400507896714132</v>
      </c>
      <c r="M2813">
        <f t="shared" si="325"/>
        <v>0</v>
      </c>
      <c r="N2813" s="46">
        <f t="shared" si="326"/>
        <v>45407.791666659927</v>
      </c>
    </row>
    <row r="2814" spans="2:14" x14ac:dyDescent="0.3">
      <c r="B2814">
        <f t="shared" si="320"/>
        <v>4</v>
      </c>
      <c r="C2814" s="16">
        <v>2780</v>
      </c>
      <c r="D2814" cm="1">
        <f t="array" ref="D2814">IFERROR(INDEX(Jesper!AH$2:AH$366,ROUNDDOWN($C2814/24,0)+1,1)*INDEX($D$3:$AA$30,INDEX(Jesper!$R$2:$R$366,ROW(INDEX(Jesper!AH$2:AH$366,ROUNDDOWN($C2814/24,0)+1,1))-1)+IF('Standard Profiles'!$G$18=$B$10,7,0)+IF('Standard Profiles'!$G$18=$B$17,14,0)+IF('Standard Profiles'!$G$18=$B$24,21,0),MOD($C2814,24)+1)/SUM(INDEX($D$3:$AA$30,INDEX(Jesper!$R$2:$R$366,ROW(INDEX(Jesper!AH$2:AH$366,ROUNDDOWN($C2814/24,0)+1,1))-1)+IF('Standard Profiles'!$G$18=$B$10,7,0)+IF('Standard Profiles'!$G$18=$B$17,14,0)+IF('Standard Profiles'!$G$18=$B$24,21,0),0)),0)</f>
        <v>10.155611988523793</v>
      </c>
      <c r="E2814" cm="1">
        <f t="array" ref="E2814">IFERROR(INDEX(Jesper!AI$2:AI$366,ROUNDDOWN($C2814/24,0)+1,1)*INDEX($D$3:$AA$30,INDEX(Jesper!$R$2:$R$366,ROW(INDEX(Jesper!AI$2:AI$366,ROUNDDOWN($C2814/24,0)+1,1))-1)+IF('Standard Profiles'!$G$19=$B$10,7,0)+IF('Standard Profiles'!$G$19=$B$17,14,0)+IF('Standard Profiles'!$G$19=$B$24,21,0),MOD($C2814,24)+1)/SUM(INDEX($D$3:$AA$30,INDEX(Jesper!$R$2:$R$366,ROW(INDEX(Jesper!AI$2:AI$366,ROUNDDOWN($C2814/24,0)+1,1))-1)+IF('Standard Profiles'!$G$19=$B$10,7,0)+IF('Standard Profiles'!$G$19=$B$17,14,0)+IF('Standard Profiles'!$G$19=$B$24,21,0),0)),0)</f>
        <v>0</v>
      </c>
      <c r="F2814" cm="1">
        <f t="array" ref="F2814">IFERROR(INDEX(Jesper!AJ$2:AJ$366,ROUNDDOWN($C2814/24,0)+1,1)*INDEX($D$3:$AA$30,INDEX(Jesper!$R$2:$R$366,ROW(INDEX(Jesper!AJ$2:AJ$366,ROUNDDOWN($C2814/24,0)+1,1))-1)+IF('Standard Profiles'!$G$20=$B$10,7,0)+IF('Standard Profiles'!$G$20=$B$17,14,0)+IF('Standard Profiles'!$G$20=$B$24,21,0),MOD($C2814,24)+1)/SUM(INDEX($D$3:$AA$30,INDEX(Jesper!$R$2:$R$366,ROW(INDEX(Jesper!AJ$2:AJ$366,ROUNDDOWN($C2814/24,0)+1,1))-1)+IF('Standard Profiles'!$G$20=$B$10,7,0)+IF('Standard Profiles'!$G$20=$B$17,14,0)+IF('Standard Profiles'!$G$20=$B$24,21,0),0)),0)</f>
        <v>0</v>
      </c>
      <c r="G2814" cm="1">
        <f t="array" ref="G2814">IFERROR(INDEX(Jesper!AK$2:AK$366,ROUNDDOWN($C2814/24,0)+1,1)*INDEX($D$3:$AA$30,INDEX(Jesper!$R$2:$R$366,ROW(INDEX(Jesper!AK$2:AK$366,ROUNDDOWN($C2814/24,0)+1,1))-1)+IF('Standard Profiles'!$G$21=$B$10,7,0)+IF('Standard Profiles'!$G$21=$B$17,14,0)+IF('Standard Profiles'!$G$21=$B$24,21,0),MOD($C2814,24)+1)/SUM(INDEX($D$3:$AA$30,INDEX(Jesper!$R$2:$R$366,ROW(INDEX(Jesper!AK$2:AK$366,ROUNDDOWN($C2814/24,0)+1,1))-1)+IF('Standard Profiles'!$G$21=$B$10,7,0)+IF('Standard Profiles'!$G$21=$B$17,14,0)+IF('Standard Profiles'!$G$21=$B$24,21,0),0)),0)</f>
        <v>0</v>
      </c>
      <c r="H2814" cm="1">
        <f t="array" ref="H2814">IFERROR(INDEX(Jesper!AL$2:AL$366,ROUNDDOWN($C2814/24,0)+1,1)*INDEX($D$3:$AA$30,INDEX(Jesper!$R$2:$R$366,ROW(INDEX(Jesper!AL$2:AL$366,ROUNDDOWN($C2814/24,0)+1,1))-1)+IF('Standard Profiles'!$G$22=$B$10,7,0)+IF('Standard Profiles'!$G$22=$B$17,14,0)+IF('Standard Profiles'!$G$22=$B$24,21,0),MOD($C2814,24)+1)/SUM(INDEX($D$3:$AA$30,INDEX(Jesper!$R$2:$R$366,ROW(INDEX(Jesper!AL$2:AL$366,ROUNDDOWN($C2814/24,0)+1,1))-1)+IF('Standard Profiles'!$G$22=$B$10,7,0)+IF('Standard Profiles'!$G$22=$B$17,14,0)+IF('Standard Profiles'!$G$22=$B$24,21,0),0)),0)</f>
        <v>0</v>
      </c>
      <c r="I2814">
        <f t="shared" si="321"/>
        <v>0.30466835965571376</v>
      </c>
      <c r="J2814">
        <f t="shared" si="322"/>
        <v>1.0155611988523794</v>
      </c>
      <c r="K2814">
        <f t="shared" si="323"/>
        <v>1.5233417982785689</v>
      </c>
      <c r="L2814">
        <f t="shared" si="324"/>
        <v>7.3120406317371307</v>
      </c>
      <c r="M2814">
        <f t="shared" si="325"/>
        <v>0</v>
      </c>
      <c r="N2814" s="46">
        <f t="shared" si="326"/>
        <v>45407.833333326591</v>
      </c>
    </row>
    <row r="2815" spans="2:14" x14ac:dyDescent="0.3">
      <c r="B2815">
        <f t="shared" si="320"/>
        <v>4</v>
      </c>
      <c r="C2815" s="16">
        <v>2781</v>
      </c>
      <c r="D2815" cm="1">
        <f t="array" ref="D2815">IFERROR(INDEX(Jesper!AH$2:AH$366,ROUNDDOWN($C2815/24,0)+1,1)*INDEX($D$3:$AA$30,INDEX(Jesper!$R$2:$R$366,ROW(INDEX(Jesper!AH$2:AH$366,ROUNDDOWN($C2815/24,0)+1,1))-1)+IF('Standard Profiles'!$G$18=$B$10,7,0)+IF('Standard Profiles'!$G$18=$B$17,14,0)+IF('Standard Profiles'!$G$18=$B$24,21,0),MOD($C2815,24)+1)/SUM(INDEX($D$3:$AA$30,INDEX(Jesper!$R$2:$R$366,ROW(INDEX(Jesper!AH$2:AH$366,ROUNDDOWN($C2815/24,0)+1,1))-1)+IF('Standard Profiles'!$G$18=$B$10,7,0)+IF('Standard Profiles'!$G$18=$B$17,14,0)+IF('Standard Profiles'!$G$18=$B$24,21,0),0)),0)</f>
        <v>7.6167089913928443</v>
      </c>
      <c r="E2815" cm="1">
        <f t="array" ref="E2815">IFERROR(INDEX(Jesper!AI$2:AI$366,ROUNDDOWN($C2815/24,0)+1,1)*INDEX($D$3:$AA$30,INDEX(Jesper!$R$2:$R$366,ROW(INDEX(Jesper!AI$2:AI$366,ROUNDDOWN($C2815/24,0)+1,1))-1)+IF('Standard Profiles'!$G$19=$B$10,7,0)+IF('Standard Profiles'!$G$19=$B$17,14,0)+IF('Standard Profiles'!$G$19=$B$24,21,0),MOD($C2815,24)+1)/SUM(INDEX($D$3:$AA$30,INDEX(Jesper!$R$2:$R$366,ROW(INDEX(Jesper!AI$2:AI$366,ROUNDDOWN($C2815/24,0)+1,1))-1)+IF('Standard Profiles'!$G$19=$B$10,7,0)+IF('Standard Profiles'!$G$19=$B$17,14,0)+IF('Standard Profiles'!$G$19=$B$24,21,0),0)),0)</f>
        <v>0</v>
      </c>
      <c r="F2815" cm="1">
        <f t="array" ref="F2815">IFERROR(INDEX(Jesper!AJ$2:AJ$366,ROUNDDOWN($C2815/24,0)+1,1)*INDEX($D$3:$AA$30,INDEX(Jesper!$R$2:$R$366,ROW(INDEX(Jesper!AJ$2:AJ$366,ROUNDDOWN($C2815/24,0)+1,1))-1)+IF('Standard Profiles'!$G$20=$B$10,7,0)+IF('Standard Profiles'!$G$20=$B$17,14,0)+IF('Standard Profiles'!$G$20=$B$24,21,0),MOD($C2815,24)+1)/SUM(INDEX($D$3:$AA$30,INDEX(Jesper!$R$2:$R$366,ROW(INDEX(Jesper!AJ$2:AJ$366,ROUNDDOWN($C2815/24,0)+1,1))-1)+IF('Standard Profiles'!$G$20=$B$10,7,0)+IF('Standard Profiles'!$G$20=$B$17,14,0)+IF('Standard Profiles'!$G$20=$B$24,21,0),0)),0)</f>
        <v>0</v>
      </c>
      <c r="G2815" cm="1">
        <f t="array" ref="G2815">IFERROR(INDEX(Jesper!AK$2:AK$366,ROUNDDOWN($C2815/24,0)+1,1)*INDEX($D$3:$AA$30,INDEX(Jesper!$R$2:$R$366,ROW(INDEX(Jesper!AK$2:AK$366,ROUNDDOWN($C2815/24,0)+1,1))-1)+IF('Standard Profiles'!$G$21=$B$10,7,0)+IF('Standard Profiles'!$G$21=$B$17,14,0)+IF('Standard Profiles'!$G$21=$B$24,21,0),MOD($C2815,24)+1)/SUM(INDEX($D$3:$AA$30,INDEX(Jesper!$R$2:$R$366,ROW(INDEX(Jesper!AK$2:AK$366,ROUNDDOWN($C2815/24,0)+1,1))-1)+IF('Standard Profiles'!$G$21=$B$10,7,0)+IF('Standard Profiles'!$G$21=$B$17,14,0)+IF('Standard Profiles'!$G$21=$B$24,21,0),0)),0)</f>
        <v>0</v>
      </c>
      <c r="H2815" cm="1">
        <f t="array" ref="H2815">IFERROR(INDEX(Jesper!AL$2:AL$366,ROUNDDOWN($C2815/24,0)+1,1)*INDEX($D$3:$AA$30,INDEX(Jesper!$R$2:$R$366,ROW(INDEX(Jesper!AL$2:AL$366,ROUNDDOWN($C2815/24,0)+1,1))-1)+IF('Standard Profiles'!$G$22=$B$10,7,0)+IF('Standard Profiles'!$G$22=$B$17,14,0)+IF('Standard Profiles'!$G$22=$B$24,21,0),MOD($C2815,24)+1)/SUM(INDEX($D$3:$AA$30,INDEX(Jesper!$R$2:$R$366,ROW(INDEX(Jesper!AL$2:AL$366,ROUNDDOWN($C2815/24,0)+1,1))-1)+IF('Standard Profiles'!$G$22=$B$10,7,0)+IF('Standard Profiles'!$G$22=$B$17,14,0)+IF('Standard Profiles'!$G$22=$B$24,21,0),0)),0)</f>
        <v>0</v>
      </c>
      <c r="I2815">
        <f t="shared" si="321"/>
        <v>0.22850126974178531</v>
      </c>
      <c r="J2815">
        <f t="shared" si="322"/>
        <v>0.76167089913928443</v>
      </c>
      <c r="K2815">
        <f t="shared" si="323"/>
        <v>1.1425063487089266</v>
      </c>
      <c r="L2815">
        <f t="shared" si="324"/>
        <v>5.4840304738028474</v>
      </c>
      <c r="M2815">
        <f t="shared" si="325"/>
        <v>0</v>
      </c>
      <c r="N2815" s="46">
        <f t="shared" si="326"/>
        <v>45407.874999993255</v>
      </c>
    </row>
    <row r="2816" spans="2:14" x14ac:dyDescent="0.3">
      <c r="B2816">
        <f t="shared" si="320"/>
        <v>4</v>
      </c>
      <c r="C2816" s="16">
        <v>2782</v>
      </c>
      <c r="D2816" cm="1">
        <f t="array" ref="D2816">IFERROR(INDEX(Jesper!AH$2:AH$366,ROUNDDOWN($C2816/24,0)+1,1)*INDEX($D$3:$AA$30,INDEX(Jesper!$R$2:$R$366,ROW(INDEX(Jesper!AH$2:AH$366,ROUNDDOWN($C2816/24,0)+1,1))-1)+IF('Standard Profiles'!$G$18=$B$10,7,0)+IF('Standard Profiles'!$G$18=$B$17,14,0)+IF('Standard Profiles'!$G$18=$B$24,21,0),MOD($C2816,24)+1)/SUM(INDEX($D$3:$AA$30,INDEX(Jesper!$R$2:$R$366,ROW(INDEX(Jesper!AH$2:AH$366,ROUNDDOWN($C2816/24,0)+1,1))-1)+IF('Standard Profiles'!$G$18=$B$10,7,0)+IF('Standard Profiles'!$G$18=$B$17,14,0)+IF('Standard Profiles'!$G$18=$B$24,21,0),0)),0)</f>
        <v>7.6167089913928443</v>
      </c>
      <c r="E2816" cm="1">
        <f t="array" ref="E2816">IFERROR(INDEX(Jesper!AI$2:AI$366,ROUNDDOWN($C2816/24,0)+1,1)*INDEX($D$3:$AA$30,INDEX(Jesper!$R$2:$R$366,ROW(INDEX(Jesper!AI$2:AI$366,ROUNDDOWN($C2816/24,0)+1,1))-1)+IF('Standard Profiles'!$G$19=$B$10,7,0)+IF('Standard Profiles'!$G$19=$B$17,14,0)+IF('Standard Profiles'!$G$19=$B$24,21,0),MOD($C2816,24)+1)/SUM(INDEX($D$3:$AA$30,INDEX(Jesper!$R$2:$R$366,ROW(INDEX(Jesper!AI$2:AI$366,ROUNDDOWN($C2816/24,0)+1,1))-1)+IF('Standard Profiles'!$G$19=$B$10,7,0)+IF('Standard Profiles'!$G$19=$B$17,14,0)+IF('Standard Profiles'!$G$19=$B$24,21,0),0)),0)</f>
        <v>0</v>
      </c>
      <c r="F2816" cm="1">
        <f t="array" ref="F2816">IFERROR(INDEX(Jesper!AJ$2:AJ$366,ROUNDDOWN($C2816/24,0)+1,1)*INDEX($D$3:$AA$30,INDEX(Jesper!$R$2:$R$366,ROW(INDEX(Jesper!AJ$2:AJ$366,ROUNDDOWN($C2816/24,0)+1,1))-1)+IF('Standard Profiles'!$G$20=$B$10,7,0)+IF('Standard Profiles'!$G$20=$B$17,14,0)+IF('Standard Profiles'!$G$20=$B$24,21,0),MOD($C2816,24)+1)/SUM(INDEX($D$3:$AA$30,INDEX(Jesper!$R$2:$R$366,ROW(INDEX(Jesper!AJ$2:AJ$366,ROUNDDOWN($C2816/24,0)+1,1))-1)+IF('Standard Profiles'!$G$20=$B$10,7,0)+IF('Standard Profiles'!$G$20=$B$17,14,0)+IF('Standard Profiles'!$G$20=$B$24,21,0),0)),0)</f>
        <v>0</v>
      </c>
      <c r="G2816" cm="1">
        <f t="array" ref="G2816">IFERROR(INDEX(Jesper!AK$2:AK$366,ROUNDDOWN($C2816/24,0)+1,1)*INDEX($D$3:$AA$30,INDEX(Jesper!$R$2:$R$366,ROW(INDEX(Jesper!AK$2:AK$366,ROUNDDOWN($C2816/24,0)+1,1))-1)+IF('Standard Profiles'!$G$21=$B$10,7,0)+IF('Standard Profiles'!$G$21=$B$17,14,0)+IF('Standard Profiles'!$G$21=$B$24,21,0),MOD($C2816,24)+1)/SUM(INDEX($D$3:$AA$30,INDEX(Jesper!$R$2:$R$366,ROW(INDEX(Jesper!AK$2:AK$366,ROUNDDOWN($C2816/24,0)+1,1))-1)+IF('Standard Profiles'!$G$21=$B$10,7,0)+IF('Standard Profiles'!$G$21=$B$17,14,0)+IF('Standard Profiles'!$G$21=$B$24,21,0),0)),0)</f>
        <v>0</v>
      </c>
      <c r="H2816" cm="1">
        <f t="array" ref="H2816">IFERROR(INDEX(Jesper!AL$2:AL$366,ROUNDDOWN($C2816/24,0)+1,1)*INDEX($D$3:$AA$30,INDEX(Jesper!$R$2:$R$366,ROW(INDEX(Jesper!AL$2:AL$366,ROUNDDOWN($C2816/24,0)+1,1))-1)+IF('Standard Profiles'!$G$22=$B$10,7,0)+IF('Standard Profiles'!$G$22=$B$17,14,0)+IF('Standard Profiles'!$G$22=$B$24,21,0),MOD($C2816,24)+1)/SUM(INDEX($D$3:$AA$30,INDEX(Jesper!$R$2:$R$366,ROW(INDEX(Jesper!AL$2:AL$366,ROUNDDOWN($C2816/24,0)+1,1))-1)+IF('Standard Profiles'!$G$22=$B$10,7,0)+IF('Standard Profiles'!$G$22=$B$17,14,0)+IF('Standard Profiles'!$G$22=$B$24,21,0),0)),0)</f>
        <v>0</v>
      </c>
      <c r="I2816">
        <f t="shared" si="321"/>
        <v>0.22850126974178531</v>
      </c>
      <c r="J2816">
        <f t="shared" si="322"/>
        <v>0.76167089913928443</v>
      </c>
      <c r="K2816">
        <f t="shared" si="323"/>
        <v>1.1425063487089266</v>
      </c>
      <c r="L2816">
        <f t="shared" si="324"/>
        <v>5.4840304738028474</v>
      </c>
      <c r="M2816">
        <f t="shared" si="325"/>
        <v>0</v>
      </c>
      <c r="N2816" s="46">
        <f t="shared" si="326"/>
        <v>45407.916666659919</v>
      </c>
    </row>
    <row r="2817" spans="2:14" x14ac:dyDescent="0.3">
      <c r="B2817">
        <f t="shared" si="320"/>
        <v>4</v>
      </c>
      <c r="C2817" s="16">
        <v>2783</v>
      </c>
      <c r="D2817" cm="1">
        <f t="array" ref="D2817">IFERROR(INDEX(Jesper!AH$2:AH$366,ROUNDDOWN($C2817/24,0)+1,1)*INDEX($D$3:$AA$30,INDEX(Jesper!$R$2:$R$366,ROW(INDEX(Jesper!AH$2:AH$366,ROUNDDOWN($C2817/24,0)+1,1))-1)+IF('Standard Profiles'!$G$18=$B$10,7,0)+IF('Standard Profiles'!$G$18=$B$17,14,0)+IF('Standard Profiles'!$G$18=$B$24,21,0),MOD($C2817,24)+1)/SUM(INDEX($D$3:$AA$30,INDEX(Jesper!$R$2:$R$366,ROW(INDEX(Jesper!AH$2:AH$366,ROUNDDOWN($C2817/24,0)+1,1))-1)+IF('Standard Profiles'!$G$18=$B$10,7,0)+IF('Standard Profiles'!$G$18=$B$17,14,0)+IF('Standard Profiles'!$G$18=$B$24,21,0),0)),0)</f>
        <v>7.6167089913928443</v>
      </c>
      <c r="E2817" cm="1">
        <f t="array" ref="E2817">IFERROR(INDEX(Jesper!AI$2:AI$366,ROUNDDOWN($C2817/24,0)+1,1)*INDEX($D$3:$AA$30,INDEX(Jesper!$R$2:$R$366,ROW(INDEX(Jesper!AI$2:AI$366,ROUNDDOWN($C2817/24,0)+1,1))-1)+IF('Standard Profiles'!$G$19=$B$10,7,0)+IF('Standard Profiles'!$G$19=$B$17,14,0)+IF('Standard Profiles'!$G$19=$B$24,21,0),MOD($C2817,24)+1)/SUM(INDEX($D$3:$AA$30,INDEX(Jesper!$R$2:$R$366,ROW(INDEX(Jesper!AI$2:AI$366,ROUNDDOWN($C2817/24,0)+1,1))-1)+IF('Standard Profiles'!$G$19=$B$10,7,0)+IF('Standard Profiles'!$G$19=$B$17,14,0)+IF('Standard Profiles'!$G$19=$B$24,21,0),0)),0)</f>
        <v>0</v>
      </c>
      <c r="F2817" cm="1">
        <f t="array" ref="F2817">IFERROR(INDEX(Jesper!AJ$2:AJ$366,ROUNDDOWN($C2817/24,0)+1,1)*INDEX($D$3:$AA$30,INDEX(Jesper!$R$2:$R$366,ROW(INDEX(Jesper!AJ$2:AJ$366,ROUNDDOWN($C2817/24,0)+1,1))-1)+IF('Standard Profiles'!$G$20=$B$10,7,0)+IF('Standard Profiles'!$G$20=$B$17,14,0)+IF('Standard Profiles'!$G$20=$B$24,21,0),MOD($C2817,24)+1)/SUM(INDEX($D$3:$AA$30,INDEX(Jesper!$R$2:$R$366,ROW(INDEX(Jesper!AJ$2:AJ$366,ROUNDDOWN($C2817/24,0)+1,1))-1)+IF('Standard Profiles'!$G$20=$B$10,7,0)+IF('Standard Profiles'!$G$20=$B$17,14,0)+IF('Standard Profiles'!$G$20=$B$24,21,0),0)),0)</f>
        <v>0</v>
      </c>
      <c r="G2817" cm="1">
        <f t="array" ref="G2817">IFERROR(INDEX(Jesper!AK$2:AK$366,ROUNDDOWN($C2817/24,0)+1,1)*INDEX($D$3:$AA$30,INDEX(Jesper!$R$2:$R$366,ROW(INDEX(Jesper!AK$2:AK$366,ROUNDDOWN($C2817/24,0)+1,1))-1)+IF('Standard Profiles'!$G$21=$B$10,7,0)+IF('Standard Profiles'!$G$21=$B$17,14,0)+IF('Standard Profiles'!$G$21=$B$24,21,0),MOD($C2817,24)+1)/SUM(INDEX($D$3:$AA$30,INDEX(Jesper!$R$2:$R$366,ROW(INDEX(Jesper!AK$2:AK$366,ROUNDDOWN($C2817/24,0)+1,1))-1)+IF('Standard Profiles'!$G$21=$B$10,7,0)+IF('Standard Profiles'!$G$21=$B$17,14,0)+IF('Standard Profiles'!$G$21=$B$24,21,0),0)),0)</f>
        <v>0</v>
      </c>
      <c r="H2817" cm="1">
        <f t="array" ref="H2817">IFERROR(INDEX(Jesper!AL$2:AL$366,ROUNDDOWN($C2817/24,0)+1,1)*INDEX($D$3:$AA$30,INDEX(Jesper!$R$2:$R$366,ROW(INDEX(Jesper!AL$2:AL$366,ROUNDDOWN($C2817/24,0)+1,1))-1)+IF('Standard Profiles'!$G$22=$B$10,7,0)+IF('Standard Profiles'!$G$22=$B$17,14,0)+IF('Standard Profiles'!$G$22=$B$24,21,0),MOD($C2817,24)+1)/SUM(INDEX($D$3:$AA$30,INDEX(Jesper!$R$2:$R$366,ROW(INDEX(Jesper!AL$2:AL$366,ROUNDDOWN($C2817/24,0)+1,1))-1)+IF('Standard Profiles'!$G$22=$B$10,7,0)+IF('Standard Profiles'!$G$22=$B$17,14,0)+IF('Standard Profiles'!$G$22=$B$24,21,0),0)),0)</f>
        <v>0</v>
      </c>
      <c r="I2817">
        <f t="shared" si="321"/>
        <v>0.22850126974178531</v>
      </c>
      <c r="J2817">
        <f t="shared" si="322"/>
        <v>0.76167089913928443</v>
      </c>
      <c r="K2817">
        <f t="shared" si="323"/>
        <v>1.1425063487089266</v>
      </c>
      <c r="L2817">
        <f t="shared" si="324"/>
        <v>5.4840304738028474</v>
      </c>
      <c r="M2817">
        <f t="shared" si="325"/>
        <v>0</v>
      </c>
      <c r="N2817" s="46">
        <f t="shared" si="326"/>
        <v>45407.958333326584</v>
      </c>
    </row>
    <row r="2818" spans="2:14" x14ac:dyDescent="0.3">
      <c r="B2818">
        <f t="shared" si="320"/>
        <v>5</v>
      </c>
      <c r="C2818" s="16">
        <v>2784</v>
      </c>
      <c r="D2818" cm="1">
        <f t="array" ref="D2818">IFERROR(INDEX(Jesper!AH$2:AH$366,ROUNDDOWN($C2818/24,0)+1,1)*INDEX($D$3:$AA$30,INDEX(Jesper!$R$2:$R$366,ROW(INDEX(Jesper!AH$2:AH$366,ROUNDDOWN($C2818/24,0)+1,1))-1)+IF('Standard Profiles'!$G$18=$B$10,7,0)+IF('Standard Profiles'!$G$18=$B$17,14,0)+IF('Standard Profiles'!$G$18=$B$24,21,0),MOD($C2818,24)+1)/SUM(INDEX($D$3:$AA$30,INDEX(Jesper!$R$2:$R$366,ROW(INDEX(Jesper!AH$2:AH$366,ROUNDDOWN($C2818/24,0)+1,1))-1)+IF('Standard Profiles'!$G$18=$B$10,7,0)+IF('Standard Profiles'!$G$18=$B$17,14,0)+IF('Standard Profiles'!$G$18=$B$24,21,0),0)),0)</f>
        <v>8.3040209170618571</v>
      </c>
      <c r="E2818" cm="1">
        <f t="array" ref="E2818">IFERROR(INDEX(Jesper!AI$2:AI$366,ROUNDDOWN($C2818/24,0)+1,1)*INDEX($D$3:$AA$30,INDEX(Jesper!$R$2:$R$366,ROW(INDEX(Jesper!AI$2:AI$366,ROUNDDOWN($C2818/24,0)+1,1))-1)+IF('Standard Profiles'!$G$19=$B$10,7,0)+IF('Standard Profiles'!$G$19=$B$17,14,0)+IF('Standard Profiles'!$G$19=$B$24,21,0),MOD($C2818,24)+1)/SUM(INDEX($D$3:$AA$30,INDEX(Jesper!$R$2:$R$366,ROW(INDEX(Jesper!AI$2:AI$366,ROUNDDOWN($C2818/24,0)+1,1))-1)+IF('Standard Profiles'!$G$19=$B$10,7,0)+IF('Standard Profiles'!$G$19=$B$17,14,0)+IF('Standard Profiles'!$G$19=$B$24,21,0),0)),0)</f>
        <v>0</v>
      </c>
      <c r="F2818" cm="1">
        <f t="array" ref="F2818">IFERROR(INDEX(Jesper!AJ$2:AJ$366,ROUNDDOWN($C2818/24,0)+1,1)*INDEX($D$3:$AA$30,INDEX(Jesper!$R$2:$R$366,ROW(INDEX(Jesper!AJ$2:AJ$366,ROUNDDOWN($C2818/24,0)+1,1))-1)+IF('Standard Profiles'!$G$20=$B$10,7,0)+IF('Standard Profiles'!$G$20=$B$17,14,0)+IF('Standard Profiles'!$G$20=$B$24,21,0),MOD($C2818,24)+1)/SUM(INDEX($D$3:$AA$30,INDEX(Jesper!$R$2:$R$366,ROW(INDEX(Jesper!AJ$2:AJ$366,ROUNDDOWN($C2818/24,0)+1,1))-1)+IF('Standard Profiles'!$G$20=$B$10,7,0)+IF('Standard Profiles'!$G$20=$B$17,14,0)+IF('Standard Profiles'!$G$20=$B$24,21,0),0)),0)</f>
        <v>0</v>
      </c>
      <c r="G2818" cm="1">
        <f t="array" ref="G2818">IFERROR(INDEX(Jesper!AK$2:AK$366,ROUNDDOWN($C2818/24,0)+1,1)*INDEX($D$3:$AA$30,INDEX(Jesper!$R$2:$R$366,ROW(INDEX(Jesper!AK$2:AK$366,ROUNDDOWN($C2818/24,0)+1,1))-1)+IF('Standard Profiles'!$G$21=$B$10,7,0)+IF('Standard Profiles'!$G$21=$B$17,14,0)+IF('Standard Profiles'!$G$21=$B$24,21,0),MOD($C2818,24)+1)/SUM(INDEX($D$3:$AA$30,INDEX(Jesper!$R$2:$R$366,ROW(INDEX(Jesper!AK$2:AK$366,ROUNDDOWN($C2818/24,0)+1,1))-1)+IF('Standard Profiles'!$G$21=$B$10,7,0)+IF('Standard Profiles'!$G$21=$B$17,14,0)+IF('Standard Profiles'!$G$21=$B$24,21,0),0)),0)</f>
        <v>0</v>
      </c>
      <c r="H2818" cm="1">
        <f t="array" ref="H2818">IFERROR(INDEX(Jesper!AL$2:AL$366,ROUNDDOWN($C2818/24,0)+1,1)*INDEX($D$3:$AA$30,INDEX(Jesper!$R$2:$R$366,ROW(INDEX(Jesper!AL$2:AL$366,ROUNDDOWN($C2818/24,0)+1,1))-1)+IF('Standard Profiles'!$G$22=$B$10,7,0)+IF('Standard Profiles'!$G$22=$B$17,14,0)+IF('Standard Profiles'!$G$22=$B$24,21,0),MOD($C2818,24)+1)/SUM(INDEX($D$3:$AA$30,INDEX(Jesper!$R$2:$R$366,ROW(INDEX(Jesper!AL$2:AL$366,ROUNDDOWN($C2818/24,0)+1,1))-1)+IF('Standard Profiles'!$G$22=$B$10,7,0)+IF('Standard Profiles'!$G$22=$B$17,14,0)+IF('Standard Profiles'!$G$22=$B$24,21,0),0)),0)</f>
        <v>0</v>
      </c>
      <c r="I2818">
        <f t="shared" si="321"/>
        <v>0.24912062751185571</v>
      </c>
      <c r="J2818">
        <f t="shared" si="322"/>
        <v>0.83040209170618573</v>
      </c>
      <c r="K2818">
        <f t="shared" si="323"/>
        <v>1.2456031375592784</v>
      </c>
      <c r="L2818">
        <f t="shared" si="324"/>
        <v>5.978895060284537</v>
      </c>
      <c r="M2818">
        <f t="shared" si="325"/>
        <v>0</v>
      </c>
      <c r="N2818" s="46">
        <f t="shared" si="326"/>
        <v>45407.999999993248</v>
      </c>
    </row>
    <row r="2819" spans="2:14" x14ac:dyDescent="0.3">
      <c r="B2819">
        <f t="shared" si="320"/>
        <v>5</v>
      </c>
      <c r="C2819" s="16">
        <v>2785</v>
      </c>
      <c r="D2819" cm="1">
        <f t="array" ref="D2819">IFERROR(INDEX(Jesper!AH$2:AH$366,ROUNDDOWN($C2819/24,0)+1,1)*INDEX($D$3:$AA$30,INDEX(Jesper!$R$2:$R$366,ROW(INDEX(Jesper!AH$2:AH$366,ROUNDDOWN($C2819/24,0)+1,1))-1)+IF('Standard Profiles'!$G$18=$B$10,7,0)+IF('Standard Profiles'!$G$18=$B$17,14,0)+IF('Standard Profiles'!$G$18=$B$24,21,0),MOD($C2819,24)+1)/SUM(INDEX($D$3:$AA$30,INDEX(Jesper!$R$2:$R$366,ROW(INDEX(Jesper!AH$2:AH$366,ROUNDDOWN($C2819/24,0)+1,1))-1)+IF('Standard Profiles'!$G$18=$B$10,7,0)+IF('Standard Profiles'!$G$18=$B$17,14,0)+IF('Standard Profiles'!$G$18=$B$24,21,0),0)),0)</f>
        <v>8.3040209170618571</v>
      </c>
      <c r="E2819" cm="1">
        <f t="array" ref="E2819">IFERROR(INDEX(Jesper!AI$2:AI$366,ROUNDDOWN($C2819/24,0)+1,1)*INDEX($D$3:$AA$30,INDEX(Jesper!$R$2:$R$366,ROW(INDEX(Jesper!AI$2:AI$366,ROUNDDOWN($C2819/24,0)+1,1))-1)+IF('Standard Profiles'!$G$19=$B$10,7,0)+IF('Standard Profiles'!$G$19=$B$17,14,0)+IF('Standard Profiles'!$G$19=$B$24,21,0),MOD($C2819,24)+1)/SUM(INDEX($D$3:$AA$30,INDEX(Jesper!$R$2:$R$366,ROW(INDEX(Jesper!AI$2:AI$366,ROUNDDOWN($C2819/24,0)+1,1))-1)+IF('Standard Profiles'!$G$19=$B$10,7,0)+IF('Standard Profiles'!$G$19=$B$17,14,0)+IF('Standard Profiles'!$G$19=$B$24,21,0),0)),0)</f>
        <v>0</v>
      </c>
      <c r="F2819" cm="1">
        <f t="array" ref="F2819">IFERROR(INDEX(Jesper!AJ$2:AJ$366,ROUNDDOWN($C2819/24,0)+1,1)*INDEX($D$3:$AA$30,INDEX(Jesper!$R$2:$R$366,ROW(INDEX(Jesper!AJ$2:AJ$366,ROUNDDOWN($C2819/24,0)+1,1))-1)+IF('Standard Profiles'!$G$20=$B$10,7,0)+IF('Standard Profiles'!$G$20=$B$17,14,0)+IF('Standard Profiles'!$G$20=$B$24,21,0),MOD($C2819,24)+1)/SUM(INDEX($D$3:$AA$30,INDEX(Jesper!$R$2:$R$366,ROW(INDEX(Jesper!AJ$2:AJ$366,ROUNDDOWN($C2819/24,0)+1,1))-1)+IF('Standard Profiles'!$G$20=$B$10,7,0)+IF('Standard Profiles'!$G$20=$B$17,14,0)+IF('Standard Profiles'!$G$20=$B$24,21,0),0)),0)</f>
        <v>0</v>
      </c>
      <c r="G2819" cm="1">
        <f t="array" ref="G2819">IFERROR(INDEX(Jesper!AK$2:AK$366,ROUNDDOWN($C2819/24,0)+1,1)*INDEX($D$3:$AA$30,INDEX(Jesper!$R$2:$R$366,ROW(INDEX(Jesper!AK$2:AK$366,ROUNDDOWN($C2819/24,0)+1,1))-1)+IF('Standard Profiles'!$G$21=$B$10,7,0)+IF('Standard Profiles'!$G$21=$B$17,14,0)+IF('Standard Profiles'!$G$21=$B$24,21,0),MOD($C2819,24)+1)/SUM(INDEX($D$3:$AA$30,INDEX(Jesper!$R$2:$R$366,ROW(INDEX(Jesper!AK$2:AK$366,ROUNDDOWN($C2819/24,0)+1,1))-1)+IF('Standard Profiles'!$G$21=$B$10,7,0)+IF('Standard Profiles'!$G$21=$B$17,14,0)+IF('Standard Profiles'!$G$21=$B$24,21,0),0)),0)</f>
        <v>0</v>
      </c>
      <c r="H2819" cm="1">
        <f t="array" ref="H2819">IFERROR(INDEX(Jesper!AL$2:AL$366,ROUNDDOWN($C2819/24,0)+1,1)*INDEX($D$3:$AA$30,INDEX(Jesper!$R$2:$R$366,ROW(INDEX(Jesper!AL$2:AL$366,ROUNDDOWN($C2819/24,0)+1,1))-1)+IF('Standard Profiles'!$G$22=$B$10,7,0)+IF('Standard Profiles'!$G$22=$B$17,14,0)+IF('Standard Profiles'!$G$22=$B$24,21,0),MOD($C2819,24)+1)/SUM(INDEX($D$3:$AA$30,INDEX(Jesper!$R$2:$R$366,ROW(INDEX(Jesper!AL$2:AL$366,ROUNDDOWN($C2819/24,0)+1,1))-1)+IF('Standard Profiles'!$G$22=$B$10,7,0)+IF('Standard Profiles'!$G$22=$B$17,14,0)+IF('Standard Profiles'!$G$22=$B$24,21,0),0)),0)</f>
        <v>0</v>
      </c>
      <c r="I2819">
        <f t="shared" si="321"/>
        <v>0.24912062751185571</v>
      </c>
      <c r="J2819">
        <f t="shared" si="322"/>
        <v>0.83040209170618573</v>
      </c>
      <c r="K2819">
        <f t="shared" si="323"/>
        <v>1.2456031375592784</v>
      </c>
      <c r="L2819">
        <f t="shared" si="324"/>
        <v>5.978895060284537</v>
      </c>
      <c r="M2819">
        <f t="shared" si="325"/>
        <v>0</v>
      </c>
      <c r="N2819" s="46">
        <f t="shared" si="326"/>
        <v>45408.041666659912</v>
      </c>
    </row>
    <row r="2820" spans="2:14" x14ac:dyDescent="0.3">
      <c r="B2820">
        <f t="shared" si="320"/>
        <v>5</v>
      </c>
      <c r="C2820" s="16">
        <v>2786</v>
      </c>
      <c r="D2820" cm="1">
        <f t="array" ref="D2820">IFERROR(INDEX(Jesper!AH$2:AH$366,ROUNDDOWN($C2820/24,0)+1,1)*INDEX($D$3:$AA$30,INDEX(Jesper!$R$2:$R$366,ROW(INDEX(Jesper!AH$2:AH$366,ROUNDDOWN($C2820/24,0)+1,1))-1)+IF('Standard Profiles'!$G$18=$B$10,7,0)+IF('Standard Profiles'!$G$18=$B$17,14,0)+IF('Standard Profiles'!$G$18=$B$24,21,0),MOD($C2820,24)+1)/SUM(INDEX($D$3:$AA$30,INDEX(Jesper!$R$2:$R$366,ROW(INDEX(Jesper!AH$2:AH$366,ROUNDDOWN($C2820/24,0)+1,1))-1)+IF('Standard Profiles'!$G$18=$B$10,7,0)+IF('Standard Profiles'!$G$18=$B$17,14,0)+IF('Standard Profiles'!$G$18=$B$24,21,0),0)),0)</f>
        <v>8.3040209170618571</v>
      </c>
      <c r="E2820" cm="1">
        <f t="array" ref="E2820">IFERROR(INDEX(Jesper!AI$2:AI$366,ROUNDDOWN($C2820/24,0)+1,1)*INDEX($D$3:$AA$30,INDEX(Jesper!$R$2:$R$366,ROW(INDEX(Jesper!AI$2:AI$366,ROUNDDOWN($C2820/24,0)+1,1))-1)+IF('Standard Profiles'!$G$19=$B$10,7,0)+IF('Standard Profiles'!$G$19=$B$17,14,0)+IF('Standard Profiles'!$G$19=$B$24,21,0),MOD($C2820,24)+1)/SUM(INDEX($D$3:$AA$30,INDEX(Jesper!$R$2:$R$366,ROW(INDEX(Jesper!AI$2:AI$366,ROUNDDOWN($C2820/24,0)+1,1))-1)+IF('Standard Profiles'!$G$19=$B$10,7,0)+IF('Standard Profiles'!$G$19=$B$17,14,0)+IF('Standard Profiles'!$G$19=$B$24,21,0),0)),0)</f>
        <v>0</v>
      </c>
      <c r="F2820" cm="1">
        <f t="array" ref="F2820">IFERROR(INDEX(Jesper!AJ$2:AJ$366,ROUNDDOWN($C2820/24,0)+1,1)*INDEX($D$3:$AA$30,INDEX(Jesper!$R$2:$R$366,ROW(INDEX(Jesper!AJ$2:AJ$366,ROUNDDOWN($C2820/24,0)+1,1))-1)+IF('Standard Profiles'!$G$20=$B$10,7,0)+IF('Standard Profiles'!$G$20=$B$17,14,0)+IF('Standard Profiles'!$G$20=$B$24,21,0),MOD($C2820,24)+1)/SUM(INDEX($D$3:$AA$30,INDEX(Jesper!$R$2:$R$366,ROW(INDEX(Jesper!AJ$2:AJ$366,ROUNDDOWN($C2820/24,0)+1,1))-1)+IF('Standard Profiles'!$G$20=$B$10,7,0)+IF('Standard Profiles'!$G$20=$B$17,14,0)+IF('Standard Profiles'!$G$20=$B$24,21,0),0)),0)</f>
        <v>0</v>
      </c>
      <c r="G2820" cm="1">
        <f t="array" ref="G2820">IFERROR(INDEX(Jesper!AK$2:AK$366,ROUNDDOWN($C2820/24,0)+1,1)*INDEX($D$3:$AA$30,INDEX(Jesper!$R$2:$R$366,ROW(INDEX(Jesper!AK$2:AK$366,ROUNDDOWN($C2820/24,0)+1,1))-1)+IF('Standard Profiles'!$G$21=$B$10,7,0)+IF('Standard Profiles'!$G$21=$B$17,14,0)+IF('Standard Profiles'!$G$21=$B$24,21,0),MOD($C2820,24)+1)/SUM(INDEX($D$3:$AA$30,INDEX(Jesper!$R$2:$R$366,ROW(INDEX(Jesper!AK$2:AK$366,ROUNDDOWN($C2820/24,0)+1,1))-1)+IF('Standard Profiles'!$G$21=$B$10,7,0)+IF('Standard Profiles'!$G$21=$B$17,14,0)+IF('Standard Profiles'!$G$21=$B$24,21,0),0)),0)</f>
        <v>0</v>
      </c>
      <c r="H2820" cm="1">
        <f t="array" ref="H2820">IFERROR(INDEX(Jesper!AL$2:AL$366,ROUNDDOWN($C2820/24,0)+1,1)*INDEX($D$3:$AA$30,INDEX(Jesper!$R$2:$R$366,ROW(INDEX(Jesper!AL$2:AL$366,ROUNDDOWN($C2820/24,0)+1,1))-1)+IF('Standard Profiles'!$G$22=$B$10,7,0)+IF('Standard Profiles'!$G$22=$B$17,14,0)+IF('Standard Profiles'!$G$22=$B$24,21,0),MOD($C2820,24)+1)/SUM(INDEX($D$3:$AA$30,INDEX(Jesper!$R$2:$R$366,ROW(INDEX(Jesper!AL$2:AL$366,ROUNDDOWN($C2820/24,0)+1,1))-1)+IF('Standard Profiles'!$G$22=$B$10,7,0)+IF('Standard Profiles'!$G$22=$B$17,14,0)+IF('Standard Profiles'!$G$22=$B$24,21,0),0)),0)</f>
        <v>0</v>
      </c>
      <c r="I2820">
        <f t="shared" si="321"/>
        <v>0.24912062751185571</v>
      </c>
      <c r="J2820">
        <f t="shared" si="322"/>
        <v>0.83040209170618573</v>
      </c>
      <c r="K2820">
        <f t="shared" si="323"/>
        <v>1.2456031375592784</v>
      </c>
      <c r="L2820">
        <f t="shared" si="324"/>
        <v>5.978895060284537</v>
      </c>
      <c r="M2820">
        <f t="shared" si="325"/>
        <v>0</v>
      </c>
      <c r="N2820" s="46">
        <f t="shared" si="326"/>
        <v>45408.083333326576</v>
      </c>
    </row>
    <row r="2821" spans="2:14" x14ac:dyDescent="0.3">
      <c r="B2821">
        <f t="shared" si="320"/>
        <v>5</v>
      </c>
      <c r="C2821" s="16">
        <v>2787</v>
      </c>
      <c r="D2821" cm="1">
        <f t="array" ref="D2821">IFERROR(INDEX(Jesper!AH$2:AH$366,ROUNDDOWN($C2821/24,0)+1,1)*INDEX($D$3:$AA$30,INDEX(Jesper!$R$2:$R$366,ROW(INDEX(Jesper!AH$2:AH$366,ROUNDDOWN($C2821/24,0)+1,1))-1)+IF('Standard Profiles'!$G$18=$B$10,7,0)+IF('Standard Profiles'!$G$18=$B$17,14,0)+IF('Standard Profiles'!$G$18=$B$24,21,0),MOD($C2821,24)+1)/SUM(INDEX($D$3:$AA$30,INDEX(Jesper!$R$2:$R$366,ROW(INDEX(Jesper!AH$2:AH$366,ROUNDDOWN($C2821/24,0)+1,1))-1)+IF('Standard Profiles'!$G$18=$B$10,7,0)+IF('Standard Profiles'!$G$18=$B$17,14,0)+IF('Standard Profiles'!$G$18=$B$24,21,0),0)),0)</f>
        <v>8.3040209170618571</v>
      </c>
      <c r="E2821" cm="1">
        <f t="array" ref="E2821">IFERROR(INDEX(Jesper!AI$2:AI$366,ROUNDDOWN($C2821/24,0)+1,1)*INDEX($D$3:$AA$30,INDEX(Jesper!$R$2:$R$366,ROW(INDEX(Jesper!AI$2:AI$366,ROUNDDOWN($C2821/24,0)+1,1))-1)+IF('Standard Profiles'!$G$19=$B$10,7,0)+IF('Standard Profiles'!$G$19=$B$17,14,0)+IF('Standard Profiles'!$G$19=$B$24,21,0),MOD($C2821,24)+1)/SUM(INDEX($D$3:$AA$30,INDEX(Jesper!$R$2:$R$366,ROW(INDEX(Jesper!AI$2:AI$366,ROUNDDOWN($C2821/24,0)+1,1))-1)+IF('Standard Profiles'!$G$19=$B$10,7,0)+IF('Standard Profiles'!$G$19=$B$17,14,0)+IF('Standard Profiles'!$G$19=$B$24,21,0),0)),0)</f>
        <v>0</v>
      </c>
      <c r="F2821" cm="1">
        <f t="array" ref="F2821">IFERROR(INDEX(Jesper!AJ$2:AJ$366,ROUNDDOWN($C2821/24,0)+1,1)*INDEX($D$3:$AA$30,INDEX(Jesper!$R$2:$R$366,ROW(INDEX(Jesper!AJ$2:AJ$366,ROUNDDOWN($C2821/24,0)+1,1))-1)+IF('Standard Profiles'!$G$20=$B$10,7,0)+IF('Standard Profiles'!$G$20=$B$17,14,0)+IF('Standard Profiles'!$G$20=$B$24,21,0),MOD($C2821,24)+1)/SUM(INDEX($D$3:$AA$30,INDEX(Jesper!$R$2:$R$366,ROW(INDEX(Jesper!AJ$2:AJ$366,ROUNDDOWN($C2821/24,0)+1,1))-1)+IF('Standard Profiles'!$G$20=$B$10,7,0)+IF('Standard Profiles'!$G$20=$B$17,14,0)+IF('Standard Profiles'!$G$20=$B$24,21,0),0)),0)</f>
        <v>0</v>
      </c>
      <c r="G2821" cm="1">
        <f t="array" ref="G2821">IFERROR(INDEX(Jesper!AK$2:AK$366,ROUNDDOWN($C2821/24,0)+1,1)*INDEX($D$3:$AA$30,INDEX(Jesper!$R$2:$R$366,ROW(INDEX(Jesper!AK$2:AK$366,ROUNDDOWN($C2821/24,0)+1,1))-1)+IF('Standard Profiles'!$G$21=$B$10,7,0)+IF('Standard Profiles'!$G$21=$B$17,14,0)+IF('Standard Profiles'!$G$21=$B$24,21,0),MOD($C2821,24)+1)/SUM(INDEX($D$3:$AA$30,INDEX(Jesper!$R$2:$R$366,ROW(INDEX(Jesper!AK$2:AK$366,ROUNDDOWN($C2821/24,0)+1,1))-1)+IF('Standard Profiles'!$G$21=$B$10,7,0)+IF('Standard Profiles'!$G$21=$B$17,14,0)+IF('Standard Profiles'!$G$21=$B$24,21,0),0)),0)</f>
        <v>0</v>
      </c>
      <c r="H2821" cm="1">
        <f t="array" ref="H2821">IFERROR(INDEX(Jesper!AL$2:AL$366,ROUNDDOWN($C2821/24,0)+1,1)*INDEX($D$3:$AA$30,INDEX(Jesper!$R$2:$R$366,ROW(INDEX(Jesper!AL$2:AL$366,ROUNDDOWN($C2821/24,0)+1,1))-1)+IF('Standard Profiles'!$G$22=$B$10,7,0)+IF('Standard Profiles'!$G$22=$B$17,14,0)+IF('Standard Profiles'!$G$22=$B$24,21,0),MOD($C2821,24)+1)/SUM(INDEX($D$3:$AA$30,INDEX(Jesper!$R$2:$R$366,ROW(INDEX(Jesper!AL$2:AL$366,ROUNDDOWN($C2821/24,0)+1,1))-1)+IF('Standard Profiles'!$G$22=$B$10,7,0)+IF('Standard Profiles'!$G$22=$B$17,14,0)+IF('Standard Profiles'!$G$22=$B$24,21,0),0)),0)</f>
        <v>0</v>
      </c>
      <c r="I2821">
        <f t="shared" si="321"/>
        <v>0.24912062751185571</v>
      </c>
      <c r="J2821">
        <f t="shared" si="322"/>
        <v>0.83040209170618573</v>
      </c>
      <c r="K2821">
        <f t="shared" si="323"/>
        <v>1.2456031375592784</v>
      </c>
      <c r="L2821">
        <f t="shared" si="324"/>
        <v>5.978895060284537</v>
      </c>
      <c r="M2821">
        <f t="shared" si="325"/>
        <v>0</v>
      </c>
      <c r="N2821" s="46">
        <f t="shared" si="326"/>
        <v>45408.124999993241</v>
      </c>
    </row>
    <row r="2822" spans="2:14" x14ac:dyDescent="0.3">
      <c r="B2822">
        <f t="shared" si="320"/>
        <v>5</v>
      </c>
      <c r="C2822" s="16">
        <v>2788</v>
      </c>
      <c r="D2822" cm="1">
        <f t="array" ref="D2822">IFERROR(INDEX(Jesper!AH$2:AH$366,ROUNDDOWN($C2822/24,0)+1,1)*INDEX($D$3:$AA$30,INDEX(Jesper!$R$2:$R$366,ROW(INDEX(Jesper!AH$2:AH$366,ROUNDDOWN($C2822/24,0)+1,1))-1)+IF('Standard Profiles'!$G$18=$B$10,7,0)+IF('Standard Profiles'!$G$18=$B$17,14,0)+IF('Standard Profiles'!$G$18=$B$24,21,0),MOD($C2822,24)+1)/SUM(INDEX($D$3:$AA$30,INDEX(Jesper!$R$2:$R$366,ROW(INDEX(Jesper!AH$2:AH$366,ROUNDDOWN($C2822/24,0)+1,1))-1)+IF('Standard Profiles'!$G$18=$B$10,7,0)+IF('Standard Profiles'!$G$18=$B$17,14,0)+IF('Standard Profiles'!$G$18=$B$24,21,0),0)),0)</f>
        <v>8.3040209170618571</v>
      </c>
      <c r="E2822" cm="1">
        <f t="array" ref="E2822">IFERROR(INDEX(Jesper!AI$2:AI$366,ROUNDDOWN($C2822/24,0)+1,1)*INDEX($D$3:$AA$30,INDEX(Jesper!$R$2:$R$366,ROW(INDEX(Jesper!AI$2:AI$366,ROUNDDOWN($C2822/24,0)+1,1))-1)+IF('Standard Profiles'!$G$19=$B$10,7,0)+IF('Standard Profiles'!$G$19=$B$17,14,0)+IF('Standard Profiles'!$G$19=$B$24,21,0),MOD($C2822,24)+1)/SUM(INDEX($D$3:$AA$30,INDEX(Jesper!$R$2:$R$366,ROW(INDEX(Jesper!AI$2:AI$366,ROUNDDOWN($C2822/24,0)+1,1))-1)+IF('Standard Profiles'!$G$19=$B$10,7,0)+IF('Standard Profiles'!$G$19=$B$17,14,0)+IF('Standard Profiles'!$G$19=$B$24,21,0),0)),0)</f>
        <v>0</v>
      </c>
      <c r="F2822" cm="1">
        <f t="array" ref="F2822">IFERROR(INDEX(Jesper!AJ$2:AJ$366,ROUNDDOWN($C2822/24,0)+1,1)*INDEX($D$3:$AA$30,INDEX(Jesper!$R$2:$R$366,ROW(INDEX(Jesper!AJ$2:AJ$366,ROUNDDOWN($C2822/24,0)+1,1))-1)+IF('Standard Profiles'!$G$20=$B$10,7,0)+IF('Standard Profiles'!$G$20=$B$17,14,0)+IF('Standard Profiles'!$G$20=$B$24,21,0),MOD($C2822,24)+1)/SUM(INDEX($D$3:$AA$30,INDEX(Jesper!$R$2:$R$366,ROW(INDEX(Jesper!AJ$2:AJ$366,ROUNDDOWN($C2822/24,0)+1,1))-1)+IF('Standard Profiles'!$G$20=$B$10,7,0)+IF('Standard Profiles'!$G$20=$B$17,14,0)+IF('Standard Profiles'!$G$20=$B$24,21,0),0)),0)</f>
        <v>0</v>
      </c>
      <c r="G2822" cm="1">
        <f t="array" ref="G2822">IFERROR(INDEX(Jesper!AK$2:AK$366,ROUNDDOWN($C2822/24,0)+1,1)*INDEX($D$3:$AA$30,INDEX(Jesper!$R$2:$R$366,ROW(INDEX(Jesper!AK$2:AK$366,ROUNDDOWN($C2822/24,0)+1,1))-1)+IF('Standard Profiles'!$G$21=$B$10,7,0)+IF('Standard Profiles'!$G$21=$B$17,14,0)+IF('Standard Profiles'!$G$21=$B$24,21,0),MOD($C2822,24)+1)/SUM(INDEX($D$3:$AA$30,INDEX(Jesper!$R$2:$R$366,ROW(INDEX(Jesper!AK$2:AK$366,ROUNDDOWN($C2822/24,0)+1,1))-1)+IF('Standard Profiles'!$G$21=$B$10,7,0)+IF('Standard Profiles'!$G$21=$B$17,14,0)+IF('Standard Profiles'!$G$21=$B$24,21,0),0)),0)</f>
        <v>0</v>
      </c>
      <c r="H2822" cm="1">
        <f t="array" ref="H2822">IFERROR(INDEX(Jesper!AL$2:AL$366,ROUNDDOWN($C2822/24,0)+1,1)*INDEX($D$3:$AA$30,INDEX(Jesper!$R$2:$R$366,ROW(INDEX(Jesper!AL$2:AL$366,ROUNDDOWN($C2822/24,0)+1,1))-1)+IF('Standard Profiles'!$G$22=$B$10,7,0)+IF('Standard Profiles'!$G$22=$B$17,14,0)+IF('Standard Profiles'!$G$22=$B$24,21,0),MOD($C2822,24)+1)/SUM(INDEX($D$3:$AA$30,INDEX(Jesper!$R$2:$R$366,ROW(INDEX(Jesper!AL$2:AL$366,ROUNDDOWN($C2822/24,0)+1,1))-1)+IF('Standard Profiles'!$G$22=$B$10,7,0)+IF('Standard Profiles'!$G$22=$B$17,14,0)+IF('Standard Profiles'!$G$22=$B$24,21,0),0)),0)</f>
        <v>0</v>
      </c>
      <c r="I2822">
        <f t="shared" si="321"/>
        <v>0.24912062751185571</v>
      </c>
      <c r="J2822">
        <f t="shared" si="322"/>
        <v>0.83040209170618573</v>
      </c>
      <c r="K2822">
        <f t="shared" si="323"/>
        <v>1.2456031375592784</v>
      </c>
      <c r="L2822">
        <f t="shared" si="324"/>
        <v>5.978895060284537</v>
      </c>
      <c r="M2822">
        <f t="shared" si="325"/>
        <v>0</v>
      </c>
      <c r="N2822" s="46">
        <f t="shared" si="326"/>
        <v>45408.166666659905</v>
      </c>
    </row>
    <row r="2823" spans="2:14" x14ac:dyDescent="0.3">
      <c r="B2823">
        <f t="shared" si="320"/>
        <v>5</v>
      </c>
      <c r="C2823" s="16">
        <v>2789</v>
      </c>
      <c r="D2823" cm="1">
        <f t="array" ref="D2823">IFERROR(INDEX(Jesper!AH$2:AH$366,ROUNDDOWN($C2823/24,0)+1,1)*INDEX($D$3:$AA$30,INDEX(Jesper!$R$2:$R$366,ROW(INDEX(Jesper!AH$2:AH$366,ROUNDDOWN($C2823/24,0)+1,1))-1)+IF('Standard Profiles'!$G$18=$B$10,7,0)+IF('Standard Profiles'!$G$18=$B$17,14,0)+IF('Standard Profiles'!$G$18=$B$24,21,0),MOD($C2823,24)+1)/SUM(INDEX($D$3:$AA$30,INDEX(Jesper!$R$2:$R$366,ROW(INDEX(Jesper!AH$2:AH$366,ROUNDDOWN($C2823/24,0)+1,1))-1)+IF('Standard Profiles'!$G$18=$B$10,7,0)+IF('Standard Profiles'!$G$18=$B$17,14,0)+IF('Standard Profiles'!$G$18=$B$24,21,0),0)),0)</f>
        <v>10.702960293101951</v>
      </c>
      <c r="E2823" cm="1">
        <f t="array" ref="E2823">IFERROR(INDEX(Jesper!AI$2:AI$366,ROUNDDOWN($C2823/24,0)+1,1)*INDEX($D$3:$AA$30,INDEX(Jesper!$R$2:$R$366,ROW(INDEX(Jesper!AI$2:AI$366,ROUNDDOWN($C2823/24,0)+1,1))-1)+IF('Standard Profiles'!$G$19=$B$10,7,0)+IF('Standard Profiles'!$G$19=$B$17,14,0)+IF('Standard Profiles'!$G$19=$B$24,21,0),MOD($C2823,24)+1)/SUM(INDEX($D$3:$AA$30,INDEX(Jesper!$R$2:$R$366,ROW(INDEX(Jesper!AI$2:AI$366,ROUNDDOWN($C2823/24,0)+1,1))-1)+IF('Standard Profiles'!$G$19=$B$10,7,0)+IF('Standard Profiles'!$G$19=$B$17,14,0)+IF('Standard Profiles'!$G$19=$B$24,21,0),0)),0)</f>
        <v>0</v>
      </c>
      <c r="F2823" cm="1">
        <f t="array" ref="F2823">IFERROR(INDEX(Jesper!AJ$2:AJ$366,ROUNDDOWN($C2823/24,0)+1,1)*INDEX($D$3:$AA$30,INDEX(Jesper!$R$2:$R$366,ROW(INDEX(Jesper!AJ$2:AJ$366,ROUNDDOWN($C2823/24,0)+1,1))-1)+IF('Standard Profiles'!$G$20=$B$10,7,0)+IF('Standard Profiles'!$G$20=$B$17,14,0)+IF('Standard Profiles'!$G$20=$B$24,21,0),MOD($C2823,24)+1)/SUM(INDEX($D$3:$AA$30,INDEX(Jesper!$R$2:$R$366,ROW(INDEX(Jesper!AJ$2:AJ$366,ROUNDDOWN($C2823/24,0)+1,1))-1)+IF('Standard Profiles'!$G$20=$B$10,7,0)+IF('Standard Profiles'!$G$20=$B$17,14,0)+IF('Standard Profiles'!$G$20=$B$24,21,0),0)),0)</f>
        <v>0</v>
      </c>
      <c r="G2823" cm="1">
        <f t="array" ref="G2823">IFERROR(INDEX(Jesper!AK$2:AK$366,ROUNDDOWN($C2823/24,0)+1,1)*INDEX($D$3:$AA$30,INDEX(Jesper!$R$2:$R$366,ROW(INDEX(Jesper!AK$2:AK$366,ROUNDDOWN($C2823/24,0)+1,1))-1)+IF('Standard Profiles'!$G$21=$B$10,7,0)+IF('Standard Profiles'!$G$21=$B$17,14,0)+IF('Standard Profiles'!$G$21=$B$24,21,0),MOD($C2823,24)+1)/SUM(INDEX($D$3:$AA$30,INDEX(Jesper!$R$2:$R$366,ROW(INDEX(Jesper!AK$2:AK$366,ROUNDDOWN($C2823/24,0)+1,1))-1)+IF('Standard Profiles'!$G$21=$B$10,7,0)+IF('Standard Profiles'!$G$21=$B$17,14,0)+IF('Standard Profiles'!$G$21=$B$24,21,0),0)),0)</f>
        <v>0</v>
      </c>
      <c r="H2823" cm="1">
        <f t="array" ref="H2823">IFERROR(INDEX(Jesper!AL$2:AL$366,ROUNDDOWN($C2823/24,0)+1,1)*INDEX($D$3:$AA$30,INDEX(Jesper!$R$2:$R$366,ROW(INDEX(Jesper!AL$2:AL$366,ROUNDDOWN($C2823/24,0)+1,1))-1)+IF('Standard Profiles'!$G$22=$B$10,7,0)+IF('Standard Profiles'!$G$22=$B$17,14,0)+IF('Standard Profiles'!$G$22=$B$24,21,0),MOD($C2823,24)+1)/SUM(INDEX($D$3:$AA$30,INDEX(Jesper!$R$2:$R$366,ROW(INDEX(Jesper!AL$2:AL$366,ROUNDDOWN($C2823/24,0)+1,1))-1)+IF('Standard Profiles'!$G$22=$B$10,7,0)+IF('Standard Profiles'!$G$22=$B$17,14,0)+IF('Standard Profiles'!$G$22=$B$24,21,0),0)),0)</f>
        <v>0</v>
      </c>
      <c r="I2823">
        <f t="shared" si="321"/>
        <v>0.32108880879305851</v>
      </c>
      <c r="J2823">
        <f t="shared" si="322"/>
        <v>1.0702960293101951</v>
      </c>
      <c r="K2823">
        <f t="shared" si="323"/>
        <v>1.6054440439652926</v>
      </c>
      <c r="L2823">
        <f t="shared" si="324"/>
        <v>7.7061314110334038</v>
      </c>
      <c r="M2823">
        <f t="shared" si="325"/>
        <v>0</v>
      </c>
      <c r="N2823" s="46">
        <f t="shared" si="326"/>
        <v>45408.208333326569</v>
      </c>
    </row>
    <row r="2824" spans="2:14" x14ac:dyDescent="0.3">
      <c r="B2824">
        <f t="shared" si="320"/>
        <v>5</v>
      </c>
      <c r="C2824" s="16">
        <v>2790</v>
      </c>
      <c r="D2824" cm="1">
        <f t="array" ref="D2824">IFERROR(INDEX(Jesper!AH$2:AH$366,ROUNDDOWN($C2824/24,0)+1,1)*INDEX($D$3:$AA$30,INDEX(Jesper!$R$2:$R$366,ROW(INDEX(Jesper!AH$2:AH$366,ROUNDDOWN($C2824/24,0)+1,1))-1)+IF('Standard Profiles'!$G$18=$B$10,7,0)+IF('Standard Profiles'!$G$18=$B$17,14,0)+IF('Standard Profiles'!$G$18=$B$24,21,0),MOD($C2824,24)+1)/SUM(INDEX($D$3:$AA$30,INDEX(Jesper!$R$2:$R$366,ROW(INDEX(Jesper!AH$2:AH$366,ROUNDDOWN($C2824/24,0)+1,1))-1)+IF('Standard Profiles'!$G$18=$B$10,7,0)+IF('Standard Profiles'!$G$18=$B$17,14,0)+IF('Standard Profiles'!$G$18=$B$24,21,0),0)),0)</f>
        <v>12.917365870985114</v>
      </c>
      <c r="E2824" cm="1">
        <f t="array" ref="E2824">IFERROR(INDEX(Jesper!AI$2:AI$366,ROUNDDOWN($C2824/24,0)+1,1)*INDEX($D$3:$AA$30,INDEX(Jesper!$R$2:$R$366,ROW(INDEX(Jesper!AI$2:AI$366,ROUNDDOWN($C2824/24,0)+1,1))-1)+IF('Standard Profiles'!$G$19=$B$10,7,0)+IF('Standard Profiles'!$G$19=$B$17,14,0)+IF('Standard Profiles'!$G$19=$B$24,21,0),MOD($C2824,24)+1)/SUM(INDEX($D$3:$AA$30,INDEX(Jesper!$R$2:$R$366,ROW(INDEX(Jesper!AI$2:AI$366,ROUNDDOWN($C2824/24,0)+1,1))-1)+IF('Standard Profiles'!$G$19=$B$10,7,0)+IF('Standard Profiles'!$G$19=$B$17,14,0)+IF('Standard Profiles'!$G$19=$B$24,21,0),0)),0)</f>
        <v>0</v>
      </c>
      <c r="F2824" cm="1">
        <f t="array" ref="F2824">IFERROR(INDEX(Jesper!AJ$2:AJ$366,ROUNDDOWN($C2824/24,0)+1,1)*INDEX($D$3:$AA$30,INDEX(Jesper!$R$2:$R$366,ROW(INDEX(Jesper!AJ$2:AJ$366,ROUNDDOWN($C2824/24,0)+1,1))-1)+IF('Standard Profiles'!$G$20=$B$10,7,0)+IF('Standard Profiles'!$G$20=$B$17,14,0)+IF('Standard Profiles'!$G$20=$B$24,21,0),MOD($C2824,24)+1)/SUM(INDEX($D$3:$AA$30,INDEX(Jesper!$R$2:$R$366,ROW(INDEX(Jesper!AJ$2:AJ$366,ROUNDDOWN($C2824/24,0)+1,1))-1)+IF('Standard Profiles'!$G$20=$B$10,7,0)+IF('Standard Profiles'!$G$20=$B$17,14,0)+IF('Standard Profiles'!$G$20=$B$24,21,0),0)),0)</f>
        <v>0</v>
      </c>
      <c r="G2824" cm="1">
        <f t="array" ref="G2824">IFERROR(INDEX(Jesper!AK$2:AK$366,ROUNDDOWN($C2824/24,0)+1,1)*INDEX($D$3:$AA$30,INDEX(Jesper!$R$2:$R$366,ROW(INDEX(Jesper!AK$2:AK$366,ROUNDDOWN($C2824/24,0)+1,1))-1)+IF('Standard Profiles'!$G$21=$B$10,7,0)+IF('Standard Profiles'!$G$21=$B$17,14,0)+IF('Standard Profiles'!$G$21=$B$24,21,0),MOD($C2824,24)+1)/SUM(INDEX($D$3:$AA$30,INDEX(Jesper!$R$2:$R$366,ROW(INDEX(Jesper!AK$2:AK$366,ROUNDDOWN($C2824/24,0)+1,1))-1)+IF('Standard Profiles'!$G$21=$B$10,7,0)+IF('Standard Profiles'!$G$21=$B$17,14,0)+IF('Standard Profiles'!$G$21=$B$24,21,0),0)),0)</f>
        <v>0</v>
      </c>
      <c r="H2824" cm="1">
        <f t="array" ref="H2824">IFERROR(INDEX(Jesper!AL$2:AL$366,ROUNDDOWN($C2824/24,0)+1,1)*INDEX($D$3:$AA$30,INDEX(Jesper!$R$2:$R$366,ROW(INDEX(Jesper!AL$2:AL$366,ROUNDDOWN($C2824/24,0)+1,1))-1)+IF('Standard Profiles'!$G$22=$B$10,7,0)+IF('Standard Profiles'!$G$22=$B$17,14,0)+IF('Standard Profiles'!$G$22=$B$24,21,0),MOD($C2824,24)+1)/SUM(INDEX($D$3:$AA$30,INDEX(Jesper!$R$2:$R$366,ROW(INDEX(Jesper!AL$2:AL$366,ROUNDDOWN($C2824/24,0)+1,1))-1)+IF('Standard Profiles'!$G$22=$B$10,7,0)+IF('Standard Profiles'!$G$22=$B$17,14,0)+IF('Standard Profiles'!$G$22=$B$24,21,0),0)),0)</f>
        <v>0</v>
      </c>
      <c r="I2824">
        <f t="shared" si="321"/>
        <v>0.38752097612955339</v>
      </c>
      <c r="J2824">
        <f t="shared" si="322"/>
        <v>1.2917365870985114</v>
      </c>
      <c r="K2824">
        <f t="shared" si="323"/>
        <v>1.937604880647767</v>
      </c>
      <c r="L2824">
        <f t="shared" si="324"/>
        <v>9.3005034271092821</v>
      </c>
      <c r="M2824">
        <f t="shared" si="325"/>
        <v>0</v>
      </c>
      <c r="N2824" s="46">
        <f t="shared" si="326"/>
        <v>45408.249999993233</v>
      </c>
    </row>
    <row r="2825" spans="2:14" x14ac:dyDescent="0.3">
      <c r="B2825">
        <f t="shared" si="320"/>
        <v>5</v>
      </c>
      <c r="C2825" s="16">
        <v>2791</v>
      </c>
      <c r="D2825" cm="1">
        <f t="array" ref="D2825">IFERROR(INDEX(Jesper!AH$2:AH$366,ROUNDDOWN($C2825/24,0)+1,1)*INDEX($D$3:$AA$30,INDEX(Jesper!$R$2:$R$366,ROW(INDEX(Jesper!AH$2:AH$366,ROUNDDOWN($C2825/24,0)+1,1))-1)+IF('Standard Profiles'!$G$18=$B$10,7,0)+IF('Standard Profiles'!$G$18=$B$17,14,0)+IF('Standard Profiles'!$G$18=$B$24,21,0),MOD($C2825,24)+1)/SUM(INDEX($D$3:$AA$30,INDEX(Jesper!$R$2:$R$366,ROW(INDEX(Jesper!AH$2:AH$366,ROUNDDOWN($C2825/24,0)+1,1))-1)+IF('Standard Profiles'!$G$18=$B$10,7,0)+IF('Standard Profiles'!$G$18=$B$17,14,0)+IF('Standard Profiles'!$G$18=$B$24,21,0),0)),0)</f>
        <v>12.917365870985114</v>
      </c>
      <c r="E2825" cm="1">
        <f t="array" ref="E2825">IFERROR(INDEX(Jesper!AI$2:AI$366,ROUNDDOWN($C2825/24,0)+1,1)*INDEX($D$3:$AA$30,INDEX(Jesper!$R$2:$R$366,ROW(INDEX(Jesper!AI$2:AI$366,ROUNDDOWN($C2825/24,0)+1,1))-1)+IF('Standard Profiles'!$G$19=$B$10,7,0)+IF('Standard Profiles'!$G$19=$B$17,14,0)+IF('Standard Profiles'!$G$19=$B$24,21,0),MOD($C2825,24)+1)/SUM(INDEX($D$3:$AA$30,INDEX(Jesper!$R$2:$R$366,ROW(INDEX(Jesper!AI$2:AI$366,ROUNDDOWN($C2825/24,0)+1,1))-1)+IF('Standard Profiles'!$G$19=$B$10,7,0)+IF('Standard Profiles'!$G$19=$B$17,14,0)+IF('Standard Profiles'!$G$19=$B$24,21,0),0)),0)</f>
        <v>0</v>
      </c>
      <c r="F2825" cm="1">
        <f t="array" ref="F2825">IFERROR(INDEX(Jesper!AJ$2:AJ$366,ROUNDDOWN($C2825/24,0)+1,1)*INDEX($D$3:$AA$30,INDEX(Jesper!$R$2:$R$366,ROW(INDEX(Jesper!AJ$2:AJ$366,ROUNDDOWN($C2825/24,0)+1,1))-1)+IF('Standard Profiles'!$G$20=$B$10,7,0)+IF('Standard Profiles'!$G$20=$B$17,14,0)+IF('Standard Profiles'!$G$20=$B$24,21,0),MOD($C2825,24)+1)/SUM(INDEX($D$3:$AA$30,INDEX(Jesper!$R$2:$R$366,ROW(INDEX(Jesper!AJ$2:AJ$366,ROUNDDOWN($C2825/24,0)+1,1))-1)+IF('Standard Profiles'!$G$20=$B$10,7,0)+IF('Standard Profiles'!$G$20=$B$17,14,0)+IF('Standard Profiles'!$G$20=$B$24,21,0),0)),0)</f>
        <v>0</v>
      </c>
      <c r="G2825" cm="1">
        <f t="array" ref="G2825">IFERROR(INDEX(Jesper!AK$2:AK$366,ROUNDDOWN($C2825/24,0)+1,1)*INDEX($D$3:$AA$30,INDEX(Jesper!$R$2:$R$366,ROW(INDEX(Jesper!AK$2:AK$366,ROUNDDOWN($C2825/24,0)+1,1))-1)+IF('Standard Profiles'!$G$21=$B$10,7,0)+IF('Standard Profiles'!$G$21=$B$17,14,0)+IF('Standard Profiles'!$G$21=$B$24,21,0),MOD($C2825,24)+1)/SUM(INDEX($D$3:$AA$30,INDEX(Jesper!$R$2:$R$366,ROW(INDEX(Jesper!AK$2:AK$366,ROUNDDOWN($C2825/24,0)+1,1))-1)+IF('Standard Profiles'!$G$21=$B$10,7,0)+IF('Standard Profiles'!$G$21=$B$17,14,0)+IF('Standard Profiles'!$G$21=$B$24,21,0),0)),0)</f>
        <v>0</v>
      </c>
      <c r="H2825" cm="1">
        <f t="array" ref="H2825">IFERROR(INDEX(Jesper!AL$2:AL$366,ROUNDDOWN($C2825/24,0)+1,1)*INDEX($D$3:$AA$30,INDEX(Jesper!$R$2:$R$366,ROW(INDEX(Jesper!AL$2:AL$366,ROUNDDOWN($C2825/24,0)+1,1))-1)+IF('Standard Profiles'!$G$22=$B$10,7,0)+IF('Standard Profiles'!$G$22=$B$17,14,0)+IF('Standard Profiles'!$G$22=$B$24,21,0),MOD($C2825,24)+1)/SUM(INDEX($D$3:$AA$30,INDEX(Jesper!$R$2:$R$366,ROW(INDEX(Jesper!AL$2:AL$366,ROUNDDOWN($C2825/24,0)+1,1))-1)+IF('Standard Profiles'!$G$22=$B$10,7,0)+IF('Standard Profiles'!$G$22=$B$17,14,0)+IF('Standard Profiles'!$G$22=$B$24,21,0),0)),0)</f>
        <v>0</v>
      </c>
      <c r="I2825">
        <f t="shared" si="321"/>
        <v>0.38752097612955339</v>
      </c>
      <c r="J2825">
        <f t="shared" si="322"/>
        <v>1.2917365870985114</v>
      </c>
      <c r="K2825">
        <f t="shared" si="323"/>
        <v>1.937604880647767</v>
      </c>
      <c r="L2825">
        <f t="shared" si="324"/>
        <v>9.3005034271092821</v>
      </c>
      <c r="M2825">
        <f t="shared" si="325"/>
        <v>0</v>
      </c>
      <c r="N2825" s="46">
        <f t="shared" si="326"/>
        <v>45408.291666659898</v>
      </c>
    </row>
    <row r="2826" spans="2:14" x14ac:dyDescent="0.3">
      <c r="B2826">
        <f t="shared" si="320"/>
        <v>5</v>
      </c>
      <c r="C2826" s="16">
        <v>2792</v>
      </c>
      <c r="D2826" cm="1">
        <f t="array" ref="D2826">IFERROR(INDEX(Jesper!AH$2:AH$366,ROUNDDOWN($C2826/24,0)+1,1)*INDEX($D$3:$AA$30,INDEX(Jesper!$R$2:$R$366,ROW(INDEX(Jesper!AH$2:AH$366,ROUNDDOWN($C2826/24,0)+1,1))-1)+IF('Standard Profiles'!$G$18=$B$10,7,0)+IF('Standard Profiles'!$G$18=$B$17,14,0)+IF('Standard Profiles'!$G$18=$B$24,21,0),MOD($C2826,24)+1)/SUM(INDEX($D$3:$AA$30,INDEX(Jesper!$R$2:$R$366,ROW(INDEX(Jesper!AH$2:AH$366,ROUNDDOWN($C2826/24,0)+1,1))-1)+IF('Standard Profiles'!$G$18=$B$10,7,0)+IF('Standard Profiles'!$G$18=$B$17,14,0)+IF('Standard Profiles'!$G$18=$B$24,21,0),0)),0)</f>
        <v>12.917365870985114</v>
      </c>
      <c r="E2826" cm="1">
        <f t="array" ref="E2826">IFERROR(INDEX(Jesper!AI$2:AI$366,ROUNDDOWN($C2826/24,0)+1,1)*INDEX($D$3:$AA$30,INDEX(Jesper!$R$2:$R$366,ROW(INDEX(Jesper!AI$2:AI$366,ROUNDDOWN($C2826/24,0)+1,1))-1)+IF('Standard Profiles'!$G$19=$B$10,7,0)+IF('Standard Profiles'!$G$19=$B$17,14,0)+IF('Standard Profiles'!$G$19=$B$24,21,0),MOD($C2826,24)+1)/SUM(INDEX($D$3:$AA$30,INDEX(Jesper!$R$2:$R$366,ROW(INDEX(Jesper!AI$2:AI$366,ROUNDDOWN($C2826/24,0)+1,1))-1)+IF('Standard Profiles'!$G$19=$B$10,7,0)+IF('Standard Profiles'!$G$19=$B$17,14,0)+IF('Standard Profiles'!$G$19=$B$24,21,0),0)),0)</f>
        <v>0</v>
      </c>
      <c r="F2826" cm="1">
        <f t="array" ref="F2826">IFERROR(INDEX(Jesper!AJ$2:AJ$366,ROUNDDOWN($C2826/24,0)+1,1)*INDEX($D$3:$AA$30,INDEX(Jesper!$R$2:$R$366,ROW(INDEX(Jesper!AJ$2:AJ$366,ROUNDDOWN($C2826/24,0)+1,1))-1)+IF('Standard Profiles'!$G$20=$B$10,7,0)+IF('Standard Profiles'!$G$20=$B$17,14,0)+IF('Standard Profiles'!$G$20=$B$24,21,0),MOD($C2826,24)+1)/SUM(INDEX($D$3:$AA$30,INDEX(Jesper!$R$2:$R$366,ROW(INDEX(Jesper!AJ$2:AJ$366,ROUNDDOWN($C2826/24,0)+1,1))-1)+IF('Standard Profiles'!$G$20=$B$10,7,0)+IF('Standard Profiles'!$G$20=$B$17,14,0)+IF('Standard Profiles'!$G$20=$B$24,21,0),0)),0)</f>
        <v>0</v>
      </c>
      <c r="G2826" cm="1">
        <f t="array" ref="G2826">IFERROR(INDEX(Jesper!AK$2:AK$366,ROUNDDOWN($C2826/24,0)+1,1)*INDEX($D$3:$AA$30,INDEX(Jesper!$R$2:$R$366,ROW(INDEX(Jesper!AK$2:AK$366,ROUNDDOWN($C2826/24,0)+1,1))-1)+IF('Standard Profiles'!$G$21=$B$10,7,0)+IF('Standard Profiles'!$G$21=$B$17,14,0)+IF('Standard Profiles'!$G$21=$B$24,21,0),MOD($C2826,24)+1)/SUM(INDEX($D$3:$AA$30,INDEX(Jesper!$R$2:$R$366,ROW(INDEX(Jesper!AK$2:AK$366,ROUNDDOWN($C2826/24,0)+1,1))-1)+IF('Standard Profiles'!$G$21=$B$10,7,0)+IF('Standard Profiles'!$G$21=$B$17,14,0)+IF('Standard Profiles'!$G$21=$B$24,21,0),0)),0)</f>
        <v>0</v>
      </c>
      <c r="H2826" cm="1">
        <f t="array" ref="H2826">IFERROR(INDEX(Jesper!AL$2:AL$366,ROUNDDOWN($C2826/24,0)+1,1)*INDEX($D$3:$AA$30,INDEX(Jesper!$R$2:$R$366,ROW(INDEX(Jesper!AL$2:AL$366,ROUNDDOWN($C2826/24,0)+1,1))-1)+IF('Standard Profiles'!$G$22=$B$10,7,0)+IF('Standard Profiles'!$G$22=$B$17,14,0)+IF('Standard Profiles'!$G$22=$B$24,21,0),MOD($C2826,24)+1)/SUM(INDEX($D$3:$AA$30,INDEX(Jesper!$R$2:$R$366,ROW(INDEX(Jesper!AL$2:AL$366,ROUNDDOWN($C2826/24,0)+1,1))-1)+IF('Standard Profiles'!$G$22=$B$10,7,0)+IF('Standard Profiles'!$G$22=$B$17,14,0)+IF('Standard Profiles'!$G$22=$B$24,21,0),0)),0)</f>
        <v>0</v>
      </c>
      <c r="I2826">
        <f t="shared" si="321"/>
        <v>0.38752097612955339</v>
      </c>
      <c r="J2826">
        <f t="shared" si="322"/>
        <v>1.2917365870985114</v>
      </c>
      <c r="K2826">
        <f t="shared" si="323"/>
        <v>1.937604880647767</v>
      </c>
      <c r="L2826">
        <f t="shared" si="324"/>
        <v>9.3005034271092821</v>
      </c>
      <c r="M2826">
        <f t="shared" si="325"/>
        <v>0</v>
      </c>
      <c r="N2826" s="46">
        <f t="shared" si="326"/>
        <v>45408.333333326562</v>
      </c>
    </row>
    <row r="2827" spans="2:14" x14ac:dyDescent="0.3">
      <c r="B2827">
        <f t="shared" si="320"/>
        <v>5</v>
      </c>
      <c r="C2827" s="16">
        <v>2793</v>
      </c>
      <c r="D2827" cm="1">
        <f t="array" ref="D2827">IFERROR(INDEX(Jesper!AH$2:AH$366,ROUNDDOWN($C2827/24,0)+1,1)*INDEX($D$3:$AA$30,INDEX(Jesper!$R$2:$R$366,ROW(INDEX(Jesper!AH$2:AH$366,ROUNDDOWN($C2827/24,0)+1,1))-1)+IF('Standard Profiles'!$G$18=$B$10,7,0)+IF('Standard Profiles'!$G$18=$B$17,14,0)+IF('Standard Profiles'!$G$18=$B$24,21,0),MOD($C2827,24)+1)/SUM(INDEX($D$3:$AA$30,INDEX(Jesper!$R$2:$R$366,ROW(INDEX(Jesper!AH$2:AH$366,ROUNDDOWN($C2827/24,0)+1,1))-1)+IF('Standard Profiles'!$G$18=$B$10,7,0)+IF('Standard Profiles'!$G$18=$B$17,14,0)+IF('Standard Profiles'!$G$18=$B$24,21,0),0)),0)</f>
        <v>13.840034861769764</v>
      </c>
      <c r="E2827" cm="1">
        <f t="array" ref="E2827">IFERROR(INDEX(Jesper!AI$2:AI$366,ROUNDDOWN($C2827/24,0)+1,1)*INDEX($D$3:$AA$30,INDEX(Jesper!$R$2:$R$366,ROW(INDEX(Jesper!AI$2:AI$366,ROUNDDOWN($C2827/24,0)+1,1))-1)+IF('Standard Profiles'!$G$19=$B$10,7,0)+IF('Standard Profiles'!$G$19=$B$17,14,0)+IF('Standard Profiles'!$G$19=$B$24,21,0),MOD($C2827,24)+1)/SUM(INDEX($D$3:$AA$30,INDEX(Jesper!$R$2:$R$366,ROW(INDEX(Jesper!AI$2:AI$366,ROUNDDOWN($C2827/24,0)+1,1))-1)+IF('Standard Profiles'!$G$19=$B$10,7,0)+IF('Standard Profiles'!$G$19=$B$17,14,0)+IF('Standard Profiles'!$G$19=$B$24,21,0),0)),0)</f>
        <v>0</v>
      </c>
      <c r="F2827" cm="1">
        <f t="array" ref="F2827">IFERROR(INDEX(Jesper!AJ$2:AJ$366,ROUNDDOWN($C2827/24,0)+1,1)*INDEX($D$3:$AA$30,INDEX(Jesper!$R$2:$R$366,ROW(INDEX(Jesper!AJ$2:AJ$366,ROUNDDOWN($C2827/24,0)+1,1))-1)+IF('Standard Profiles'!$G$20=$B$10,7,0)+IF('Standard Profiles'!$G$20=$B$17,14,0)+IF('Standard Profiles'!$G$20=$B$24,21,0),MOD($C2827,24)+1)/SUM(INDEX($D$3:$AA$30,INDEX(Jesper!$R$2:$R$366,ROW(INDEX(Jesper!AJ$2:AJ$366,ROUNDDOWN($C2827/24,0)+1,1))-1)+IF('Standard Profiles'!$G$20=$B$10,7,0)+IF('Standard Profiles'!$G$20=$B$17,14,0)+IF('Standard Profiles'!$G$20=$B$24,21,0),0)),0)</f>
        <v>0</v>
      </c>
      <c r="G2827" cm="1">
        <f t="array" ref="G2827">IFERROR(INDEX(Jesper!AK$2:AK$366,ROUNDDOWN($C2827/24,0)+1,1)*INDEX($D$3:$AA$30,INDEX(Jesper!$R$2:$R$366,ROW(INDEX(Jesper!AK$2:AK$366,ROUNDDOWN($C2827/24,0)+1,1))-1)+IF('Standard Profiles'!$G$21=$B$10,7,0)+IF('Standard Profiles'!$G$21=$B$17,14,0)+IF('Standard Profiles'!$G$21=$B$24,21,0),MOD($C2827,24)+1)/SUM(INDEX($D$3:$AA$30,INDEX(Jesper!$R$2:$R$366,ROW(INDEX(Jesper!AK$2:AK$366,ROUNDDOWN($C2827/24,0)+1,1))-1)+IF('Standard Profiles'!$G$21=$B$10,7,0)+IF('Standard Profiles'!$G$21=$B$17,14,0)+IF('Standard Profiles'!$G$21=$B$24,21,0),0)),0)</f>
        <v>0</v>
      </c>
      <c r="H2827" cm="1">
        <f t="array" ref="H2827">IFERROR(INDEX(Jesper!AL$2:AL$366,ROUNDDOWN($C2827/24,0)+1,1)*INDEX($D$3:$AA$30,INDEX(Jesper!$R$2:$R$366,ROW(INDEX(Jesper!AL$2:AL$366,ROUNDDOWN($C2827/24,0)+1,1))-1)+IF('Standard Profiles'!$G$22=$B$10,7,0)+IF('Standard Profiles'!$G$22=$B$17,14,0)+IF('Standard Profiles'!$G$22=$B$24,21,0),MOD($C2827,24)+1)/SUM(INDEX($D$3:$AA$30,INDEX(Jesper!$R$2:$R$366,ROW(INDEX(Jesper!AL$2:AL$366,ROUNDDOWN($C2827/24,0)+1,1))-1)+IF('Standard Profiles'!$G$22=$B$10,7,0)+IF('Standard Profiles'!$G$22=$B$17,14,0)+IF('Standard Profiles'!$G$22=$B$24,21,0),0)),0)</f>
        <v>0</v>
      </c>
      <c r="I2827">
        <f t="shared" si="321"/>
        <v>0.41520104585309292</v>
      </c>
      <c r="J2827">
        <f t="shared" si="322"/>
        <v>1.3840034861769765</v>
      </c>
      <c r="K2827">
        <f t="shared" si="323"/>
        <v>2.0760052292654647</v>
      </c>
      <c r="L2827">
        <f t="shared" si="324"/>
        <v>9.9648251004742292</v>
      </c>
      <c r="M2827">
        <f t="shared" si="325"/>
        <v>0</v>
      </c>
      <c r="N2827" s="46">
        <f t="shared" si="326"/>
        <v>45408.374999993226</v>
      </c>
    </row>
    <row r="2828" spans="2:14" x14ac:dyDescent="0.3">
      <c r="B2828">
        <f t="shared" si="320"/>
        <v>5</v>
      </c>
      <c r="C2828" s="16">
        <v>2794</v>
      </c>
      <c r="D2828" cm="1">
        <f t="array" ref="D2828">IFERROR(INDEX(Jesper!AH$2:AH$366,ROUNDDOWN($C2828/24,0)+1,1)*INDEX($D$3:$AA$30,INDEX(Jesper!$R$2:$R$366,ROW(INDEX(Jesper!AH$2:AH$366,ROUNDDOWN($C2828/24,0)+1,1))-1)+IF('Standard Profiles'!$G$18=$B$10,7,0)+IF('Standard Profiles'!$G$18=$B$17,14,0)+IF('Standard Profiles'!$G$18=$B$24,21,0),MOD($C2828,24)+1)/SUM(INDEX($D$3:$AA$30,INDEX(Jesper!$R$2:$R$366,ROW(INDEX(Jesper!AH$2:AH$366,ROUNDDOWN($C2828/24,0)+1,1))-1)+IF('Standard Profiles'!$G$18=$B$10,7,0)+IF('Standard Profiles'!$G$18=$B$17,14,0)+IF('Standard Profiles'!$G$18=$B$24,21,0),0)),0)</f>
        <v>14.393636256240555</v>
      </c>
      <c r="E2828" cm="1">
        <f t="array" ref="E2828">IFERROR(INDEX(Jesper!AI$2:AI$366,ROUNDDOWN($C2828/24,0)+1,1)*INDEX($D$3:$AA$30,INDEX(Jesper!$R$2:$R$366,ROW(INDEX(Jesper!AI$2:AI$366,ROUNDDOWN($C2828/24,0)+1,1))-1)+IF('Standard Profiles'!$G$19=$B$10,7,0)+IF('Standard Profiles'!$G$19=$B$17,14,0)+IF('Standard Profiles'!$G$19=$B$24,21,0),MOD($C2828,24)+1)/SUM(INDEX($D$3:$AA$30,INDEX(Jesper!$R$2:$R$366,ROW(INDEX(Jesper!AI$2:AI$366,ROUNDDOWN($C2828/24,0)+1,1))-1)+IF('Standard Profiles'!$G$19=$B$10,7,0)+IF('Standard Profiles'!$G$19=$B$17,14,0)+IF('Standard Profiles'!$G$19=$B$24,21,0),0)),0)</f>
        <v>0</v>
      </c>
      <c r="F2828" cm="1">
        <f t="array" ref="F2828">IFERROR(INDEX(Jesper!AJ$2:AJ$366,ROUNDDOWN($C2828/24,0)+1,1)*INDEX($D$3:$AA$30,INDEX(Jesper!$R$2:$R$366,ROW(INDEX(Jesper!AJ$2:AJ$366,ROUNDDOWN($C2828/24,0)+1,1))-1)+IF('Standard Profiles'!$G$20=$B$10,7,0)+IF('Standard Profiles'!$G$20=$B$17,14,0)+IF('Standard Profiles'!$G$20=$B$24,21,0),MOD($C2828,24)+1)/SUM(INDEX($D$3:$AA$30,INDEX(Jesper!$R$2:$R$366,ROW(INDEX(Jesper!AJ$2:AJ$366,ROUNDDOWN($C2828/24,0)+1,1))-1)+IF('Standard Profiles'!$G$20=$B$10,7,0)+IF('Standard Profiles'!$G$20=$B$17,14,0)+IF('Standard Profiles'!$G$20=$B$24,21,0),0)),0)</f>
        <v>0</v>
      </c>
      <c r="G2828" cm="1">
        <f t="array" ref="G2828">IFERROR(INDEX(Jesper!AK$2:AK$366,ROUNDDOWN($C2828/24,0)+1,1)*INDEX($D$3:$AA$30,INDEX(Jesper!$R$2:$R$366,ROW(INDEX(Jesper!AK$2:AK$366,ROUNDDOWN($C2828/24,0)+1,1))-1)+IF('Standard Profiles'!$G$21=$B$10,7,0)+IF('Standard Profiles'!$G$21=$B$17,14,0)+IF('Standard Profiles'!$G$21=$B$24,21,0),MOD($C2828,24)+1)/SUM(INDEX($D$3:$AA$30,INDEX(Jesper!$R$2:$R$366,ROW(INDEX(Jesper!AK$2:AK$366,ROUNDDOWN($C2828/24,0)+1,1))-1)+IF('Standard Profiles'!$G$21=$B$10,7,0)+IF('Standard Profiles'!$G$21=$B$17,14,0)+IF('Standard Profiles'!$G$21=$B$24,21,0),0)),0)</f>
        <v>0</v>
      </c>
      <c r="H2828" cm="1">
        <f t="array" ref="H2828">IFERROR(INDEX(Jesper!AL$2:AL$366,ROUNDDOWN($C2828/24,0)+1,1)*INDEX($D$3:$AA$30,INDEX(Jesper!$R$2:$R$366,ROW(INDEX(Jesper!AL$2:AL$366,ROUNDDOWN($C2828/24,0)+1,1))-1)+IF('Standard Profiles'!$G$22=$B$10,7,0)+IF('Standard Profiles'!$G$22=$B$17,14,0)+IF('Standard Profiles'!$G$22=$B$24,21,0),MOD($C2828,24)+1)/SUM(INDEX($D$3:$AA$30,INDEX(Jesper!$R$2:$R$366,ROW(INDEX(Jesper!AL$2:AL$366,ROUNDDOWN($C2828/24,0)+1,1))-1)+IF('Standard Profiles'!$G$22=$B$10,7,0)+IF('Standard Profiles'!$G$22=$B$17,14,0)+IF('Standard Profiles'!$G$22=$B$24,21,0),0)),0)</f>
        <v>0</v>
      </c>
      <c r="I2828">
        <f t="shared" si="321"/>
        <v>0.43180908768721665</v>
      </c>
      <c r="J2828">
        <f t="shared" si="322"/>
        <v>1.4393636256240556</v>
      </c>
      <c r="K2828">
        <f t="shared" si="323"/>
        <v>2.1590454384360833</v>
      </c>
      <c r="L2828">
        <f t="shared" si="324"/>
        <v>10.363418104493199</v>
      </c>
      <c r="M2828">
        <f t="shared" si="325"/>
        <v>0</v>
      </c>
      <c r="N2828" s="46">
        <f t="shared" si="326"/>
        <v>45408.41666665989</v>
      </c>
    </row>
    <row r="2829" spans="2:14" x14ac:dyDescent="0.3">
      <c r="B2829">
        <f t="shared" si="320"/>
        <v>5</v>
      </c>
      <c r="C2829" s="16">
        <v>2795</v>
      </c>
      <c r="D2829" cm="1">
        <f t="array" ref="D2829">IFERROR(INDEX(Jesper!AH$2:AH$366,ROUNDDOWN($C2829/24,0)+1,1)*INDEX($D$3:$AA$30,INDEX(Jesper!$R$2:$R$366,ROW(INDEX(Jesper!AH$2:AH$366,ROUNDDOWN($C2829/24,0)+1,1))-1)+IF('Standard Profiles'!$G$18=$B$10,7,0)+IF('Standard Profiles'!$G$18=$B$17,14,0)+IF('Standard Profiles'!$G$18=$B$24,21,0),MOD($C2829,24)+1)/SUM(INDEX($D$3:$AA$30,INDEX(Jesper!$R$2:$R$366,ROW(INDEX(Jesper!AH$2:AH$366,ROUNDDOWN($C2829/24,0)+1,1))-1)+IF('Standard Profiles'!$G$18=$B$10,7,0)+IF('Standard Profiles'!$G$18=$B$17,14,0)+IF('Standard Profiles'!$G$18=$B$24,21,0),0)),0)</f>
        <v>16.608041834123714</v>
      </c>
      <c r="E2829" cm="1">
        <f t="array" ref="E2829">IFERROR(INDEX(Jesper!AI$2:AI$366,ROUNDDOWN($C2829/24,0)+1,1)*INDEX($D$3:$AA$30,INDEX(Jesper!$R$2:$R$366,ROW(INDEX(Jesper!AI$2:AI$366,ROUNDDOWN($C2829/24,0)+1,1))-1)+IF('Standard Profiles'!$G$19=$B$10,7,0)+IF('Standard Profiles'!$G$19=$B$17,14,0)+IF('Standard Profiles'!$G$19=$B$24,21,0),MOD($C2829,24)+1)/SUM(INDEX($D$3:$AA$30,INDEX(Jesper!$R$2:$R$366,ROW(INDEX(Jesper!AI$2:AI$366,ROUNDDOWN($C2829/24,0)+1,1))-1)+IF('Standard Profiles'!$G$19=$B$10,7,0)+IF('Standard Profiles'!$G$19=$B$17,14,0)+IF('Standard Profiles'!$G$19=$B$24,21,0),0)),0)</f>
        <v>0</v>
      </c>
      <c r="F2829" cm="1">
        <f t="array" ref="F2829">IFERROR(INDEX(Jesper!AJ$2:AJ$366,ROUNDDOWN($C2829/24,0)+1,1)*INDEX($D$3:$AA$30,INDEX(Jesper!$R$2:$R$366,ROW(INDEX(Jesper!AJ$2:AJ$366,ROUNDDOWN($C2829/24,0)+1,1))-1)+IF('Standard Profiles'!$G$20=$B$10,7,0)+IF('Standard Profiles'!$G$20=$B$17,14,0)+IF('Standard Profiles'!$G$20=$B$24,21,0),MOD($C2829,24)+1)/SUM(INDEX($D$3:$AA$30,INDEX(Jesper!$R$2:$R$366,ROW(INDEX(Jesper!AJ$2:AJ$366,ROUNDDOWN($C2829/24,0)+1,1))-1)+IF('Standard Profiles'!$G$20=$B$10,7,0)+IF('Standard Profiles'!$G$20=$B$17,14,0)+IF('Standard Profiles'!$G$20=$B$24,21,0),0)),0)</f>
        <v>0</v>
      </c>
      <c r="G2829" cm="1">
        <f t="array" ref="G2829">IFERROR(INDEX(Jesper!AK$2:AK$366,ROUNDDOWN($C2829/24,0)+1,1)*INDEX($D$3:$AA$30,INDEX(Jesper!$R$2:$R$366,ROW(INDEX(Jesper!AK$2:AK$366,ROUNDDOWN($C2829/24,0)+1,1))-1)+IF('Standard Profiles'!$G$21=$B$10,7,0)+IF('Standard Profiles'!$G$21=$B$17,14,0)+IF('Standard Profiles'!$G$21=$B$24,21,0),MOD($C2829,24)+1)/SUM(INDEX($D$3:$AA$30,INDEX(Jesper!$R$2:$R$366,ROW(INDEX(Jesper!AK$2:AK$366,ROUNDDOWN($C2829/24,0)+1,1))-1)+IF('Standard Profiles'!$G$21=$B$10,7,0)+IF('Standard Profiles'!$G$21=$B$17,14,0)+IF('Standard Profiles'!$G$21=$B$24,21,0),0)),0)</f>
        <v>0</v>
      </c>
      <c r="H2829" cm="1">
        <f t="array" ref="H2829">IFERROR(INDEX(Jesper!AL$2:AL$366,ROUNDDOWN($C2829/24,0)+1,1)*INDEX($D$3:$AA$30,INDEX(Jesper!$R$2:$R$366,ROW(INDEX(Jesper!AL$2:AL$366,ROUNDDOWN($C2829/24,0)+1,1))-1)+IF('Standard Profiles'!$G$22=$B$10,7,0)+IF('Standard Profiles'!$G$22=$B$17,14,0)+IF('Standard Profiles'!$G$22=$B$24,21,0),MOD($C2829,24)+1)/SUM(INDEX($D$3:$AA$30,INDEX(Jesper!$R$2:$R$366,ROW(INDEX(Jesper!AL$2:AL$366,ROUNDDOWN($C2829/24,0)+1,1))-1)+IF('Standard Profiles'!$G$22=$B$10,7,0)+IF('Standard Profiles'!$G$22=$B$17,14,0)+IF('Standard Profiles'!$G$22=$B$24,21,0),0)),0)</f>
        <v>0</v>
      </c>
      <c r="I2829">
        <f t="shared" si="321"/>
        <v>0.49824125502371142</v>
      </c>
      <c r="J2829">
        <f t="shared" si="322"/>
        <v>1.6608041834123715</v>
      </c>
      <c r="K2829">
        <f t="shared" si="323"/>
        <v>2.4912062751185569</v>
      </c>
      <c r="L2829">
        <f t="shared" si="324"/>
        <v>11.957790120569074</v>
      </c>
      <c r="M2829">
        <f t="shared" si="325"/>
        <v>0</v>
      </c>
      <c r="N2829" s="46">
        <f t="shared" si="326"/>
        <v>45408.458333326555</v>
      </c>
    </row>
    <row r="2830" spans="2:14" x14ac:dyDescent="0.3">
      <c r="B2830">
        <f t="shared" si="320"/>
        <v>5</v>
      </c>
      <c r="C2830" s="16">
        <v>2796</v>
      </c>
      <c r="D2830" cm="1">
        <f t="array" ref="D2830">IFERROR(INDEX(Jesper!AH$2:AH$366,ROUNDDOWN($C2830/24,0)+1,1)*INDEX($D$3:$AA$30,INDEX(Jesper!$R$2:$R$366,ROW(INDEX(Jesper!AH$2:AH$366,ROUNDDOWN($C2830/24,0)+1,1))-1)+IF('Standard Profiles'!$G$18=$B$10,7,0)+IF('Standard Profiles'!$G$18=$B$17,14,0)+IF('Standard Profiles'!$G$18=$B$24,21,0),MOD($C2830,24)+1)/SUM(INDEX($D$3:$AA$30,INDEX(Jesper!$R$2:$R$366,ROW(INDEX(Jesper!AH$2:AH$366,ROUNDDOWN($C2830/24,0)+1,1))-1)+IF('Standard Profiles'!$G$18=$B$10,7,0)+IF('Standard Profiles'!$G$18=$B$17,14,0)+IF('Standard Profiles'!$G$18=$B$24,21,0),0)),0)</f>
        <v>16.608041834123714</v>
      </c>
      <c r="E2830" cm="1">
        <f t="array" ref="E2830">IFERROR(INDEX(Jesper!AI$2:AI$366,ROUNDDOWN($C2830/24,0)+1,1)*INDEX($D$3:$AA$30,INDEX(Jesper!$R$2:$R$366,ROW(INDEX(Jesper!AI$2:AI$366,ROUNDDOWN($C2830/24,0)+1,1))-1)+IF('Standard Profiles'!$G$19=$B$10,7,0)+IF('Standard Profiles'!$G$19=$B$17,14,0)+IF('Standard Profiles'!$G$19=$B$24,21,0),MOD($C2830,24)+1)/SUM(INDEX($D$3:$AA$30,INDEX(Jesper!$R$2:$R$366,ROW(INDEX(Jesper!AI$2:AI$366,ROUNDDOWN($C2830/24,0)+1,1))-1)+IF('Standard Profiles'!$G$19=$B$10,7,0)+IF('Standard Profiles'!$G$19=$B$17,14,0)+IF('Standard Profiles'!$G$19=$B$24,21,0),0)),0)</f>
        <v>0</v>
      </c>
      <c r="F2830" cm="1">
        <f t="array" ref="F2830">IFERROR(INDEX(Jesper!AJ$2:AJ$366,ROUNDDOWN($C2830/24,0)+1,1)*INDEX($D$3:$AA$30,INDEX(Jesper!$R$2:$R$366,ROW(INDEX(Jesper!AJ$2:AJ$366,ROUNDDOWN($C2830/24,0)+1,1))-1)+IF('Standard Profiles'!$G$20=$B$10,7,0)+IF('Standard Profiles'!$G$20=$B$17,14,0)+IF('Standard Profiles'!$G$20=$B$24,21,0),MOD($C2830,24)+1)/SUM(INDEX($D$3:$AA$30,INDEX(Jesper!$R$2:$R$366,ROW(INDEX(Jesper!AJ$2:AJ$366,ROUNDDOWN($C2830/24,0)+1,1))-1)+IF('Standard Profiles'!$G$20=$B$10,7,0)+IF('Standard Profiles'!$G$20=$B$17,14,0)+IF('Standard Profiles'!$G$20=$B$24,21,0),0)),0)</f>
        <v>0</v>
      </c>
      <c r="G2830" cm="1">
        <f t="array" ref="G2830">IFERROR(INDEX(Jesper!AK$2:AK$366,ROUNDDOWN($C2830/24,0)+1,1)*INDEX($D$3:$AA$30,INDEX(Jesper!$R$2:$R$366,ROW(INDEX(Jesper!AK$2:AK$366,ROUNDDOWN($C2830/24,0)+1,1))-1)+IF('Standard Profiles'!$G$21=$B$10,7,0)+IF('Standard Profiles'!$G$21=$B$17,14,0)+IF('Standard Profiles'!$G$21=$B$24,21,0),MOD($C2830,24)+1)/SUM(INDEX($D$3:$AA$30,INDEX(Jesper!$R$2:$R$366,ROW(INDEX(Jesper!AK$2:AK$366,ROUNDDOWN($C2830/24,0)+1,1))-1)+IF('Standard Profiles'!$G$21=$B$10,7,0)+IF('Standard Profiles'!$G$21=$B$17,14,0)+IF('Standard Profiles'!$G$21=$B$24,21,0),0)),0)</f>
        <v>0</v>
      </c>
      <c r="H2830" cm="1">
        <f t="array" ref="H2830">IFERROR(INDEX(Jesper!AL$2:AL$366,ROUNDDOWN($C2830/24,0)+1,1)*INDEX($D$3:$AA$30,INDEX(Jesper!$R$2:$R$366,ROW(INDEX(Jesper!AL$2:AL$366,ROUNDDOWN($C2830/24,0)+1,1))-1)+IF('Standard Profiles'!$G$22=$B$10,7,0)+IF('Standard Profiles'!$G$22=$B$17,14,0)+IF('Standard Profiles'!$G$22=$B$24,21,0),MOD($C2830,24)+1)/SUM(INDEX($D$3:$AA$30,INDEX(Jesper!$R$2:$R$366,ROW(INDEX(Jesper!AL$2:AL$366,ROUNDDOWN($C2830/24,0)+1,1))-1)+IF('Standard Profiles'!$G$22=$B$10,7,0)+IF('Standard Profiles'!$G$22=$B$17,14,0)+IF('Standard Profiles'!$G$22=$B$24,21,0),0)),0)</f>
        <v>0</v>
      </c>
      <c r="I2830">
        <f t="shared" si="321"/>
        <v>0.49824125502371142</v>
      </c>
      <c r="J2830">
        <f t="shared" si="322"/>
        <v>1.6608041834123715</v>
      </c>
      <c r="K2830">
        <f t="shared" si="323"/>
        <v>2.4912062751185569</v>
      </c>
      <c r="L2830">
        <f t="shared" si="324"/>
        <v>11.957790120569074</v>
      </c>
      <c r="M2830">
        <f t="shared" si="325"/>
        <v>0</v>
      </c>
      <c r="N2830" s="46">
        <f t="shared" si="326"/>
        <v>45408.499999993219</v>
      </c>
    </row>
    <row r="2831" spans="2:14" x14ac:dyDescent="0.3">
      <c r="B2831">
        <f t="shared" si="320"/>
        <v>5</v>
      </c>
      <c r="C2831" s="16">
        <v>2797</v>
      </c>
      <c r="D2831" cm="1">
        <f t="array" ref="D2831">IFERROR(INDEX(Jesper!AH$2:AH$366,ROUNDDOWN($C2831/24,0)+1,1)*INDEX($D$3:$AA$30,INDEX(Jesper!$R$2:$R$366,ROW(INDEX(Jesper!AH$2:AH$366,ROUNDDOWN($C2831/24,0)+1,1))-1)+IF('Standard Profiles'!$G$18=$B$10,7,0)+IF('Standard Profiles'!$G$18=$B$17,14,0)+IF('Standard Profiles'!$G$18=$B$24,21,0),MOD($C2831,24)+1)/SUM(INDEX($D$3:$AA$30,INDEX(Jesper!$R$2:$R$366,ROW(INDEX(Jesper!AH$2:AH$366,ROUNDDOWN($C2831/24,0)+1,1))-1)+IF('Standard Profiles'!$G$18=$B$10,7,0)+IF('Standard Profiles'!$G$18=$B$17,14,0)+IF('Standard Profiles'!$G$18=$B$24,21,0),0)),0)</f>
        <v>16.608041834123714</v>
      </c>
      <c r="E2831" cm="1">
        <f t="array" ref="E2831">IFERROR(INDEX(Jesper!AI$2:AI$366,ROUNDDOWN($C2831/24,0)+1,1)*INDEX($D$3:$AA$30,INDEX(Jesper!$R$2:$R$366,ROW(INDEX(Jesper!AI$2:AI$366,ROUNDDOWN($C2831/24,0)+1,1))-1)+IF('Standard Profiles'!$G$19=$B$10,7,0)+IF('Standard Profiles'!$G$19=$B$17,14,0)+IF('Standard Profiles'!$G$19=$B$24,21,0),MOD($C2831,24)+1)/SUM(INDEX($D$3:$AA$30,INDEX(Jesper!$R$2:$R$366,ROW(INDEX(Jesper!AI$2:AI$366,ROUNDDOWN($C2831/24,0)+1,1))-1)+IF('Standard Profiles'!$G$19=$B$10,7,0)+IF('Standard Profiles'!$G$19=$B$17,14,0)+IF('Standard Profiles'!$G$19=$B$24,21,0),0)),0)</f>
        <v>0</v>
      </c>
      <c r="F2831" cm="1">
        <f t="array" ref="F2831">IFERROR(INDEX(Jesper!AJ$2:AJ$366,ROUNDDOWN($C2831/24,0)+1,1)*INDEX($D$3:$AA$30,INDEX(Jesper!$R$2:$R$366,ROW(INDEX(Jesper!AJ$2:AJ$366,ROUNDDOWN($C2831/24,0)+1,1))-1)+IF('Standard Profiles'!$G$20=$B$10,7,0)+IF('Standard Profiles'!$G$20=$B$17,14,0)+IF('Standard Profiles'!$G$20=$B$24,21,0),MOD($C2831,24)+1)/SUM(INDEX($D$3:$AA$30,INDEX(Jesper!$R$2:$R$366,ROW(INDEX(Jesper!AJ$2:AJ$366,ROUNDDOWN($C2831/24,0)+1,1))-1)+IF('Standard Profiles'!$G$20=$B$10,7,0)+IF('Standard Profiles'!$G$20=$B$17,14,0)+IF('Standard Profiles'!$G$20=$B$24,21,0),0)),0)</f>
        <v>0</v>
      </c>
      <c r="G2831" cm="1">
        <f t="array" ref="G2831">IFERROR(INDEX(Jesper!AK$2:AK$366,ROUNDDOWN($C2831/24,0)+1,1)*INDEX($D$3:$AA$30,INDEX(Jesper!$R$2:$R$366,ROW(INDEX(Jesper!AK$2:AK$366,ROUNDDOWN($C2831/24,0)+1,1))-1)+IF('Standard Profiles'!$G$21=$B$10,7,0)+IF('Standard Profiles'!$G$21=$B$17,14,0)+IF('Standard Profiles'!$G$21=$B$24,21,0),MOD($C2831,24)+1)/SUM(INDEX($D$3:$AA$30,INDEX(Jesper!$R$2:$R$366,ROW(INDEX(Jesper!AK$2:AK$366,ROUNDDOWN($C2831/24,0)+1,1))-1)+IF('Standard Profiles'!$G$21=$B$10,7,0)+IF('Standard Profiles'!$G$21=$B$17,14,0)+IF('Standard Profiles'!$G$21=$B$24,21,0),0)),0)</f>
        <v>0</v>
      </c>
      <c r="H2831" cm="1">
        <f t="array" ref="H2831">IFERROR(INDEX(Jesper!AL$2:AL$366,ROUNDDOWN($C2831/24,0)+1,1)*INDEX($D$3:$AA$30,INDEX(Jesper!$R$2:$R$366,ROW(INDEX(Jesper!AL$2:AL$366,ROUNDDOWN($C2831/24,0)+1,1))-1)+IF('Standard Profiles'!$G$22=$B$10,7,0)+IF('Standard Profiles'!$G$22=$B$17,14,0)+IF('Standard Profiles'!$G$22=$B$24,21,0),MOD($C2831,24)+1)/SUM(INDEX($D$3:$AA$30,INDEX(Jesper!$R$2:$R$366,ROW(INDEX(Jesper!AL$2:AL$366,ROUNDDOWN($C2831/24,0)+1,1))-1)+IF('Standard Profiles'!$G$22=$B$10,7,0)+IF('Standard Profiles'!$G$22=$B$17,14,0)+IF('Standard Profiles'!$G$22=$B$24,21,0),0)),0)</f>
        <v>0</v>
      </c>
      <c r="I2831">
        <f t="shared" si="321"/>
        <v>0.49824125502371142</v>
      </c>
      <c r="J2831">
        <f t="shared" si="322"/>
        <v>1.6608041834123715</v>
      </c>
      <c r="K2831">
        <f t="shared" si="323"/>
        <v>2.4912062751185569</v>
      </c>
      <c r="L2831">
        <f t="shared" si="324"/>
        <v>11.957790120569074</v>
      </c>
      <c r="M2831">
        <f t="shared" si="325"/>
        <v>0</v>
      </c>
      <c r="N2831" s="46">
        <f t="shared" si="326"/>
        <v>45408.541666659883</v>
      </c>
    </row>
    <row r="2832" spans="2:14" x14ac:dyDescent="0.3">
      <c r="B2832">
        <f t="shared" si="320"/>
        <v>5</v>
      </c>
      <c r="C2832" s="16">
        <v>2798</v>
      </c>
      <c r="D2832" cm="1">
        <f t="array" ref="D2832">IFERROR(INDEX(Jesper!AH$2:AH$366,ROUNDDOWN($C2832/24,0)+1,1)*INDEX($D$3:$AA$30,INDEX(Jesper!$R$2:$R$366,ROW(INDEX(Jesper!AH$2:AH$366,ROUNDDOWN($C2832/24,0)+1,1))-1)+IF('Standard Profiles'!$G$18=$B$10,7,0)+IF('Standard Profiles'!$G$18=$B$17,14,0)+IF('Standard Profiles'!$G$18=$B$24,21,0),MOD($C2832,24)+1)/SUM(INDEX($D$3:$AA$30,INDEX(Jesper!$R$2:$R$366,ROW(INDEX(Jesper!AH$2:AH$366,ROUNDDOWN($C2832/24,0)+1,1))-1)+IF('Standard Profiles'!$G$18=$B$10,7,0)+IF('Standard Profiles'!$G$18=$B$17,14,0)+IF('Standard Profiles'!$G$18=$B$24,21,0),0)),0)</f>
        <v>16.608041834123714</v>
      </c>
      <c r="E2832" cm="1">
        <f t="array" ref="E2832">IFERROR(INDEX(Jesper!AI$2:AI$366,ROUNDDOWN($C2832/24,0)+1,1)*INDEX($D$3:$AA$30,INDEX(Jesper!$R$2:$R$366,ROW(INDEX(Jesper!AI$2:AI$366,ROUNDDOWN($C2832/24,0)+1,1))-1)+IF('Standard Profiles'!$G$19=$B$10,7,0)+IF('Standard Profiles'!$G$19=$B$17,14,0)+IF('Standard Profiles'!$G$19=$B$24,21,0),MOD($C2832,24)+1)/SUM(INDEX($D$3:$AA$30,INDEX(Jesper!$R$2:$R$366,ROW(INDEX(Jesper!AI$2:AI$366,ROUNDDOWN($C2832/24,0)+1,1))-1)+IF('Standard Profiles'!$G$19=$B$10,7,0)+IF('Standard Profiles'!$G$19=$B$17,14,0)+IF('Standard Profiles'!$G$19=$B$24,21,0),0)),0)</f>
        <v>0</v>
      </c>
      <c r="F2832" cm="1">
        <f t="array" ref="F2832">IFERROR(INDEX(Jesper!AJ$2:AJ$366,ROUNDDOWN($C2832/24,0)+1,1)*INDEX($D$3:$AA$30,INDEX(Jesper!$R$2:$R$366,ROW(INDEX(Jesper!AJ$2:AJ$366,ROUNDDOWN($C2832/24,0)+1,1))-1)+IF('Standard Profiles'!$G$20=$B$10,7,0)+IF('Standard Profiles'!$G$20=$B$17,14,0)+IF('Standard Profiles'!$G$20=$B$24,21,0),MOD($C2832,24)+1)/SUM(INDEX($D$3:$AA$30,INDEX(Jesper!$R$2:$R$366,ROW(INDEX(Jesper!AJ$2:AJ$366,ROUNDDOWN($C2832/24,0)+1,1))-1)+IF('Standard Profiles'!$G$20=$B$10,7,0)+IF('Standard Profiles'!$G$20=$B$17,14,0)+IF('Standard Profiles'!$G$20=$B$24,21,0),0)),0)</f>
        <v>0</v>
      </c>
      <c r="G2832" cm="1">
        <f t="array" ref="G2832">IFERROR(INDEX(Jesper!AK$2:AK$366,ROUNDDOWN($C2832/24,0)+1,1)*INDEX($D$3:$AA$30,INDEX(Jesper!$R$2:$R$366,ROW(INDEX(Jesper!AK$2:AK$366,ROUNDDOWN($C2832/24,0)+1,1))-1)+IF('Standard Profiles'!$G$21=$B$10,7,0)+IF('Standard Profiles'!$G$21=$B$17,14,0)+IF('Standard Profiles'!$G$21=$B$24,21,0),MOD($C2832,24)+1)/SUM(INDEX($D$3:$AA$30,INDEX(Jesper!$R$2:$R$366,ROW(INDEX(Jesper!AK$2:AK$366,ROUNDDOWN($C2832/24,0)+1,1))-1)+IF('Standard Profiles'!$G$21=$B$10,7,0)+IF('Standard Profiles'!$G$21=$B$17,14,0)+IF('Standard Profiles'!$G$21=$B$24,21,0),0)),0)</f>
        <v>0</v>
      </c>
      <c r="H2832" cm="1">
        <f t="array" ref="H2832">IFERROR(INDEX(Jesper!AL$2:AL$366,ROUNDDOWN($C2832/24,0)+1,1)*INDEX($D$3:$AA$30,INDEX(Jesper!$R$2:$R$366,ROW(INDEX(Jesper!AL$2:AL$366,ROUNDDOWN($C2832/24,0)+1,1))-1)+IF('Standard Profiles'!$G$22=$B$10,7,0)+IF('Standard Profiles'!$G$22=$B$17,14,0)+IF('Standard Profiles'!$G$22=$B$24,21,0),MOD($C2832,24)+1)/SUM(INDEX($D$3:$AA$30,INDEX(Jesper!$R$2:$R$366,ROW(INDEX(Jesper!AL$2:AL$366,ROUNDDOWN($C2832/24,0)+1,1))-1)+IF('Standard Profiles'!$G$22=$B$10,7,0)+IF('Standard Profiles'!$G$22=$B$17,14,0)+IF('Standard Profiles'!$G$22=$B$24,21,0),0)),0)</f>
        <v>0</v>
      </c>
      <c r="I2832">
        <f t="shared" si="321"/>
        <v>0.49824125502371142</v>
      </c>
      <c r="J2832">
        <f t="shared" si="322"/>
        <v>1.6608041834123715</v>
      </c>
      <c r="K2832">
        <f t="shared" si="323"/>
        <v>2.4912062751185569</v>
      </c>
      <c r="L2832">
        <f t="shared" si="324"/>
        <v>11.957790120569074</v>
      </c>
      <c r="M2832">
        <f t="shared" si="325"/>
        <v>0</v>
      </c>
      <c r="N2832" s="46">
        <f t="shared" si="326"/>
        <v>45408.583333326547</v>
      </c>
    </row>
    <row r="2833" spans="2:14" x14ac:dyDescent="0.3">
      <c r="B2833">
        <f t="shared" si="320"/>
        <v>5</v>
      </c>
      <c r="C2833" s="16">
        <v>2799</v>
      </c>
      <c r="D2833" cm="1">
        <f t="array" ref="D2833">IFERROR(INDEX(Jesper!AH$2:AH$366,ROUNDDOWN($C2833/24,0)+1,1)*INDEX($D$3:$AA$30,INDEX(Jesper!$R$2:$R$366,ROW(INDEX(Jesper!AH$2:AH$366,ROUNDDOWN($C2833/24,0)+1,1))-1)+IF('Standard Profiles'!$G$18=$B$10,7,0)+IF('Standard Profiles'!$G$18=$B$17,14,0)+IF('Standard Profiles'!$G$18=$B$24,21,0),MOD($C2833,24)+1)/SUM(INDEX($D$3:$AA$30,INDEX(Jesper!$R$2:$R$366,ROW(INDEX(Jesper!AH$2:AH$366,ROUNDDOWN($C2833/24,0)+1,1))-1)+IF('Standard Profiles'!$G$18=$B$10,7,0)+IF('Standard Profiles'!$G$18=$B$17,14,0)+IF('Standard Profiles'!$G$18=$B$24,21,0),0)),0)</f>
        <v>13.840034861769764</v>
      </c>
      <c r="E2833" cm="1">
        <f t="array" ref="E2833">IFERROR(INDEX(Jesper!AI$2:AI$366,ROUNDDOWN($C2833/24,0)+1,1)*INDEX($D$3:$AA$30,INDEX(Jesper!$R$2:$R$366,ROW(INDEX(Jesper!AI$2:AI$366,ROUNDDOWN($C2833/24,0)+1,1))-1)+IF('Standard Profiles'!$G$19=$B$10,7,0)+IF('Standard Profiles'!$G$19=$B$17,14,0)+IF('Standard Profiles'!$G$19=$B$24,21,0),MOD($C2833,24)+1)/SUM(INDEX($D$3:$AA$30,INDEX(Jesper!$R$2:$R$366,ROW(INDEX(Jesper!AI$2:AI$366,ROUNDDOWN($C2833/24,0)+1,1))-1)+IF('Standard Profiles'!$G$19=$B$10,7,0)+IF('Standard Profiles'!$G$19=$B$17,14,0)+IF('Standard Profiles'!$G$19=$B$24,21,0),0)),0)</f>
        <v>0</v>
      </c>
      <c r="F2833" cm="1">
        <f t="array" ref="F2833">IFERROR(INDEX(Jesper!AJ$2:AJ$366,ROUNDDOWN($C2833/24,0)+1,1)*INDEX($D$3:$AA$30,INDEX(Jesper!$R$2:$R$366,ROW(INDEX(Jesper!AJ$2:AJ$366,ROUNDDOWN($C2833/24,0)+1,1))-1)+IF('Standard Profiles'!$G$20=$B$10,7,0)+IF('Standard Profiles'!$G$20=$B$17,14,0)+IF('Standard Profiles'!$G$20=$B$24,21,0),MOD($C2833,24)+1)/SUM(INDEX($D$3:$AA$30,INDEX(Jesper!$R$2:$R$366,ROW(INDEX(Jesper!AJ$2:AJ$366,ROUNDDOWN($C2833/24,0)+1,1))-1)+IF('Standard Profiles'!$G$20=$B$10,7,0)+IF('Standard Profiles'!$G$20=$B$17,14,0)+IF('Standard Profiles'!$G$20=$B$24,21,0),0)),0)</f>
        <v>0</v>
      </c>
      <c r="G2833" cm="1">
        <f t="array" ref="G2833">IFERROR(INDEX(Jesper!AK$2:AK$366,ROUNDDOWN($C2833/24,0)+1,1)*INDEX($D$3:$AA$30,INDEX(Jesper!$R$2:$R$366,ROW(INDEX(Jesper!AK$2:AK$366,ROUNDDOWN($C2833/24,0)+1,1))-1)+IF('Standard Profiles'!$G$21=$B$10,7,0)+IF('Standard Profiles'!$G$21=$B$17,14,0)+IF('Standard Profiles'!$G$21=$B$24,21,0),MOD($C2833,24)+1)/SUM(INDEX($D$3:$AA$30,INDEX(Jesper!$R$2:$R$366,ROW(INDEX(Jesper!AK$2:AK$366,ROUNDDOWN($C2833/24,0)+1,1))-1)+IF('Standard Profiles'!$G$21=$B$10,7,0)+IF('Standard Profiles'!$G$21=$B$17,14,0)+IF('Standard Profiles'!$G$21=$B$24,21,0),0)),0)</f>
        <v>0</v>
      </c>
      <c r="H2833" cm="1">
        <f t="array" ref="H2833">IFERROR(INDEX(Jesper!AL$2:AL$366,ROUNDDOWN($C2833/24,0)+1,1)*INDEX($D$3:$AA$30,INDEX(Jesper!$R$2:$R$366,ROW(INDEX(Jesper!AL$2:AL$366,ROUNDDOWN($C2833/24,0)+1,1))-1)+IF('Standard Profiles'!$G$22=$B$10,7,0)+IF('Standard Profiles'!$G$22=$B$17,14,0)+IF('Standard Profiles'!$G$22=$B$24,21,0),MOD($C2833,24)+1)/SUM(INDEX($D$3:$AA$30,INDEX(Jesper!$R$2:$R$366,ROW(INDEX(Jesper!AL$2:AL$366,ROUNDDOWN($C2833/24,0)+1,1))-1)+IF('Standard Profiles'!$G$22=$B$10,7,0)+IF('Standard Profiles'!$G$22=$B$17,14,0)+IF('Standard Profiles'!$G$22=$B$24,21,0),0)),0)</f>
        <v>0</v>
      </c>
      <c r="I2833">
        <f t="shared" si="321"/>
        <v>0.41520104585309292</v>
      </c>
      <c r="J2833">
        <f t="shared" si="322"/>
        <v>1.3840034861769765</v>
      </c>
      <c r="K2833">
        <f t="shared" si="323"/>
        <v>2.0760052292654647</v>
      </c>
      <c r="L2833">
        <f t="shared" si="324"/>
        <v>9.9648251004742292</v>
      </c>
      <c r="M2833">
        <f t="shared" si="325"/>
        <v>0</v>
      </c>
      <c r="N2833" s="46">
        <f t="shared" si="326"/>
        <v>45408.624999993212</v>
      </c>
    </row>
    <row r="2834" spans="2:14" x14ac:dyDescent="0.3">
      <c r="B2834">
        <f t="shared" si="320"/>
        <v>5</v>
      </c>
      <c r="C2834" s="16">
        <v>2800</v>
      </c>
      <c r="D2834" cm="1">
        <f t="array" ref="D2834">IFERROR(INDEX(Jesper!AH$2:AH$366,ROUNDDOWN($C2834/24,0)+1,1)*INDEX($D$3:$AA$30,INDEX(Jesper!$R$2:$R$366,ROW(INDEX(Jesper!AH$2:AH$366,ROUNDDOWN($C2834/24,0)+1,1))-1)+IF('Standard Profiles'!$G$18=$B$10,7,0)+IF('Standard Profiles'!$G$18=$B$17,14,0)+IF('Standard Profiles'!$G$18=$B$24,21,0),MOD($C2834,24)+1)/SUM(INDEX($D$3:$AA$30,INDEX(Jesper!$R$2:$R$366,ROW(INDEX(Jesper!AH$2:AH$366,ROUNDDOWN($C2834/24,0)+1,1))-1)+IF('Standard Profiles'!$G$18=$B$10,7,0)+IF('Standard Profiles'!$G$18=$B$17,14,0)+IF('Standard Profiles'!$G$18=$B$24,21,0),0)),0)</f>
        <v>13.101899669142044</v>
      </c>
      <c r="E2834" cm="1">
        <f t="array" ref="E2834">IFERROR(INDEX(Jesper!AI$2:AI$366,ROUNDDOWN($C2834/24,0)+1,1)*INDEX($D$3:$AA$30,INDEX(Jesper!$R$2:$R$366,ROW(INDEX(Jesper!AI$2:AI$366,ROUNDDOWN($C2834/24,0)+1,1))-1)+IF('Standard Profiles'!$G$19=$B$10,7,0)+IF('Standard Profiles'!$G$19=$B$17,14,0)+IF('Standard Profiles'!$G$19=$B$24,21,0),MOD($C2834,24)+1)/SUM(INDEX($D$3:$AA$30,INDEX(Jesper!$R$2:$R$366,ROW(INDEX(Jesper!AI$2:AI$366,ROUNDDOWN($C2834/24,0)+1,1))-1)+IF('Standard Profiles'!$G$19=$B$10,7,0)+IF('Standard Profiles'!$G$19=$B$17,14,0)+IF('Standard Profiles'!$G$19=$B$24,21,0),0)),0)</f>
        <v>0</v>
      </c>
      <c r="F2834" cm="1">
        <f t="array" ref="F2834">IFERROR(INDEX(Jesper!AJ$2:AJ$366,ROUNDDOWN($C2834/24,0)+1,1)*INDEX($D$3:$AA$30,INDEX(Jesper!$R$2:$R$366,ROW(INDEX(Jesper!AJ$2:AJ$366,ROUNDDOWN($C2834/24,0)+1,1))-1)+IF('Standard Profiles'!$G$20=$B$10,7,0)+IF('Standard Profiles'!$G$20=$B$17,14,0)+IF('Standard Profiles'!$G$20=$B$24,21,0),MOD($C2834,24)+1)/SUM(INDEX($D$3:$AA$30,INDEX(Jesper!$R$2:$R$366,ROW(INDEX(Jesper!AJ$2:AJ$366,ROUNDDOWN($C2834/24,0)+1,1))-1)+IF('Standard Profiles'!$G$20=$B$10,7,0)+IF('Standard Profiles'!$G$20=$B$17,14,0)+IF('Standard Profiles'!$G$20=$B$24,21,0),0)),0)</f>
        <v>0</v>
      </c>
      <c r="G2834" cm="1">
        <f t="array" ref="G2834">IFERROR(INDEX(Jesper!AK$2:AK$366,ROUNDDOWN($C2834/24,0)+1,1)*INDEX($D$3:$AA$30,INDEX(Jesper!$R$2:$R$366,ROW(INDEX(Jesper!AK$2:AK$366,ROUNDDOWN($C2834/24,0)+1,1))-1)+IF('Standard Profiles'!$G$21=$B$10,7,0)+IF('Standard Profiles'!$G$21=$B$17,14,0)+IF('Standard Profiles'!$G$21=$B$24,21,0),MOD($C2834,24)+1)/SUM(INDEX($D$3:$AA$30,INDEX(Jesper!$R$2:$R$366,ROW(INDEX(Jesper!AK$2:AK$366,ROUNDDOWN($C2834/24,0)+1,1))-1)+IF('Standard Profiles'!$G$21=$B$10,7,0)+IF('Standard Profiles'!$G$21=$B$17,14,0)+IF('Standard Profiles'!$G$21=$B$24,21,0),0)),0)</f>
        <v>0</v>
      </c>
      <c r="H2834" cm="1">
        <f t="array" ref="H2834">IFERROR(INDEX(Jesper!AL$2:AL$366,ROUNDDOWN($C2834/24,0)+1,1)*INDEX($D$3:$AA$30,INDEX(Jesper!$R$2:$R$366,ROW(INDEX(Jesper!AL$2:AL$366,ROUNDDOWN($C2834/24,0)+1,1))-1)+IF('Standard Profiles'!$G$22=$B$10,7,0)+IF('Standard Profiles'!$G$22=$B$17,14,0)+IF('Standard Profiles'!$G$22=$B$24,21,0),MOD($C2834,24)+1)/SUM(INDEX($D$3:$AA$30,INDEX(Jesper!$R$2:$R$366,ROW(INDEX(Jesper!AL$2:AL$366,ROUNDDOWN($C2834/24,0)+1,1))-1)+IF('Standard Profiles'!$G$22=$B$10,7,0)+IF('Standard Profiles'!$G$22=$B$17,14,0)+IF('Standard Profiles'!$G$22=$B$24,21,0),0)),0)</f>
        <v>0</v>
      </c>
      <c r="I2834">
        <f t="shared" si="321"/>
        <v>0.39305699007426131</v>
      </c>
      <c r="J2834">
        <f t="shared" si="322"/>
        <v>1.3101899669142045</v>
      </c>
      <c r="K2834">
        <f t="shared" si="323"/>
        <v>1.9652849503713066</v>
      </c>
      <c r="L2834">
        <f t="shared" si="324"/>
        <v>9.4333677617822715</v>
      </c>
      <c r="M2834">
        <f t="shared" si="325"/>
        <v>0</v>
      </c>
      <c r="N2834" s="46">
        <f t="shared" si="326"/>
        <v>45408.666666659876</v>
      </c>
    </row>
    <row r="2835" spans="2:14" x14ac:dyDescent="0.3">
      <c r="B2835">
        <f t="shared" si="320"/>
        <v>5</v>
      </c>
      <c r="C2835" s="16">
        <v>2801</v>
      </c>
      <c r="D2835" cm="1">
        <f t="array" ref="D2835">IFERROR(INDEX(Jesper!AH$2:AH$366,ROUNDDOWN($C2835/24,0)+1,1)*INDEX($D$3:$AA$30,INDEX(Jesper!$R$2:$R$366,ROW(INDEX(Jesper!AH$2:AH$366,ROUNDDOWN($C2835/24,0)+1,1))-1)+IF('Standard Profiles'!$G$18=$B$10,7,0)+IF('Standard Profiles'!$G$18=$B$17,14,0)+IF('Standard Profiles'!$G$18=$B$24,21,0),MOD($C2835,24)+1)/SUM(INDEX($D$3:$AA$30,INDEX(Jesper!$R$2:$R$366,ROW(INDEX(Jesper!AH$2:AH$366,ROUNDDOWN($C2835/24,0)+1,1))-1)+IF('Standard Profiles'!$G$18=$B$10,7,0)+IF('Standard Profiles'!$G$18=$B$17,14,0)+IF('Standard Profiles'!$G$18=$B$24,21,0),0)),0)</f>
        <v>13.101899669142044</v>
      </c>
      <c r="E2835" cm="1">
        <f t="array" ref="E2835">IFERROR(INDEX(Jesper!AI$2:AI$366,ROUNDDOWN($C2835/24,0)+1,1)*INDEX($D$3:$AA$30,INDEX(Jesper!$R$2:$R$366,ROW(INDEX(Jesper!AI$2:AI$366,ROUNDDOWN($C2835/24,0)+1,1))-1)+IF('Standard Profiles'!$G$19=$B$10,7,0)+IF('Standard Profiles'!$G$19=$B$17,14,0)+IF('Standard Profiles'!$G$19=$B$24,21,0),MOD($C2835,24)+1)/SUM(INDEX($D$3:$AA$30,INDEX(Jesper!$R$2:$R$366,ROW(INDEX(Jesper!AI$2:AI$366,ROUNDDOWN($C2835/24,0)+1,1))-1)+IF('Standard Profiles'!$G$19=$B$10,7,0)+IF('Standard Profiles'!$G$19=$B$17,14,0)+IF('Standard Profiles'!$G$19=$B$24,21,0),0)),0)</f>
        <v>0</v>
      </c>
      <c r="F2835" cm="1">
        <f t="array" ref="F2835">IFERROR(INDEX(Jesper!AJ$2:AJ$366,ROUNDDOWN($C2835/24,0)+1,1)*INDEX($D$3:$AA$30,INDEX(Jesper!$R$2:$R$366,ROW(INDEX(Jesper!AJ$2:AJ$366,ROUNDDOWN($C2835/24,0)+1,1))-1)+IF('Standard Profiles'!$G$20=$B$10,7,0)+IF('Standard Profiles'!$G$20=$B$17,14,0)+IF('Standard Profiles'!$G$20=$B$24,21,0),MOD($C2835,24)+1)/SUM(INDEX($D$3:$AA$30,INDEX(Jesper!$R$2:$R$366,ROW(INDEX(Jesper!AJ$2:AJ$366,ROUNDDOWN($C2835/24,0)+1,1))-1)+IF('Standard Profiles'!$G$20=$B$10,7,0)+IF('Standard Profiles'!$G$20=$B$17,14,0)+IF('Standard Profiles'!$G$20=$B$24,21,0),0)),0)</f>
        <v>0</v>
      </c>
      <c r="G2835" cm="1">
        <f t="array" ref="G2835">IFERROR(INDEX(Jesper!AK$2:AK$366,ROUNDDOWN($C2835/24,0)+1,1)*INDEX($D$3:$AA$30,INDEX(Jesper!$R$2:$R$366,ROW(INDEX(Jesper!AK$2:AK$366,ROUNDDOWN($C2835/24,0)+1,1))-1)+IF('Standard Profiles'!$G$21=$B$10,7,0)+IF('Standard Profiles'!$G$21=$B$17,14,0)+IF('Standard Profiles'!$G$21=$B$24,21,0),MOD($C2835,24)+1)/SUM(INDEX($D$3:$AA$30,INDEX(Jesper!$R$2:$R$366,ROW(INDEX(Jesper!AK$2:AK$366,ROUNDDOWN($C2835/24,0)+1,1))-1)+IF('Standard Profiles'!$G$21=$B$10,7,0)+IF('Standard Profiles'!$G$21=$B$17,14,0)+IF('Standard Profiles'!$G$21=$B$24,21,0),0)),0)</f>
        <v>0</v>
      </c>
      <c r="H2835" cm="1">
        <f t="array" ref="H2835">IFERROR(INDEX(Jesper!AL$2:AL$366,ROUNDDOWN($C2835/24,0)+1,1)*INDEX($D$3:$AA$30,INDEX(Jesper!$R$2:$R$366,ROW(INDEX(Jesper!AL$2:AL$366,ROUNDDOWN($C2835/24,0)+1,1))-1)+IF('Standard Profiles'!$G$22=$B$10,7,0)+IF('Standard Profiles'!$G$22=$B$17,14,0)+IF('Standard Profiles'!$G$22=$B$24,21,0),MOD($C2835,24)+1)/SUM(INDEX($D$3:$AA$30,INDEX(Jesper!$R$2:$R$366,ROW(INDEX(Jesper!AL$2:AL$366,ROUNDDOWN($C2835/24,0)+1,1))-1)+IF('Standard Profiles'!$G$22=$B$10,7,0)+IF('Standard Profiles'!$G$22=$B$17,14,0)+IF('Standard Profiles'!$G$22=$B$24,21,0),0)),0)</f>
        <v>0</v>
      </c>
      <c r="I2835">
        <f t="shared" si="321"/>
        <v>0.39305699007426131</v>
      </c>
      <c r="J2835">
        <f t="shared" si="322"/>
        <v>1.3101899669142045</v>
      </c>
      <c r="K2835">
        <f t="shared" si="323"/>
        <v>1.9652849503713066</v>
      </c>
      <c r="L2835">
        <f t="shared" si="324"/>
        <v>9.4333677617822715</v>
      </c>
      <c r="M2835">
        <f t="shared" si="325"/>
        <v>0</v>
      </c>
      <c r="N2835" s="46">
        <f t="shared" si="326"/>
        <v>45408.70833332654</v>
      </c>
    </row>
    <row r="2836" spans="2:14" x14ac:dyDescent="0.3">
      <c r="B2836">
        <f t="shared" si="320"/>
        <v>5</v>
      </c>
      <c r="C2836" s="16">
        <v>2802</v>
      </c>
      <c r="D2836" cm="1">
        <f t="array" ref="D2836">IFERROR(INDEX(Jesper!AH$2:AH$366,ROUNDDOWN($C2836/24,0)+1,1)*INDEX($D$3:$AA$30,INDEX(Jesper!$R$2:$R$366,ROW(INDEX(Jesper!AH$2:AH$366,ROUNDDOWN($C2836/24,0)+1,1))-1)+IF('Standard Profiles'!$G$18=$B$10,7,0)+IF('Standard Profiles'!$G$18=$B$17,14,0)+IF('Standard Profiles'!$G$18=$B$24,21,0),MOD($C2836,24)+1)/SUM(INDEX($D$3:$AA$30,INDEX(Jesper!$R$2:$R$366,ROW(INDEX(Jesper!AH$2:AH$366,ROUNDDOWN($C2836/24,0)+1,1))-1)+IF('Standard Profiles'!$G$18=$B$10,7,0)+IF('Standard Profiles'!$G$18=$B$17,14,0)+IF('Standard Profiles'!$G$18=$B$24,21,0),0)),0)</f>
        <v>13.101899669142044</v>
      </c>
      <c r="E2836" cm="1">
        <f t="array" ref="E2836">IFERROR(INDEX(Jesper!AI$2:AI$366,ROUNDDOWN($C2836/24,0)+1,1)*INDEX($D$3:$AA$30,INDEX(Jesper!$R$2:$R$366,ROW(INDEX(Jesper!AI$2:AI$366,ROUNDDOWN($C2836/24,0)+1,1))-1)+IF('Standard Profiles'!$G$19=$B$10,7,0)+IF('Standard Profiles'!$G$19=$B$17,14,0)+IF('Standard Profiles'!$G$19=$B$24,21,0),MOD($C2836,24)+1)/SUM(INDEX($D$3:$AA$30,INDEX(Jesper!$R$2:$R$366,ROW(INDEX(Jesper!AI$2:AI$366,ROUNDDOWN($C2836/24,0)+1,1))-1)+IF('Standard Profiles'!$G$19=$B$10,7,0)+IF('Standard Profiles'!$G$19=$B$17,14,0)+IF('Standard Profiles'!$G$19=$B$24,21,0),0)),0)</f>
        <v>0</v>
      </c>
      <c r="F2836" cm="1">
        <f t="array" ref="F2836">IFERROR(INDEX(Jesper!AJ$2:AJ$366,ROUNDDOWN($C2836/24,0)+1,1)*INDEX($D$3:$AA$30,INDEX(Jesper!$R$2:$R$366,ROW(INDEX(Jesper!AJ$2:AJ$366,ROUNDDOWN($C2836/24,0)+1,1))-1)+IF('Standard Profiles'!$G$20=$B$10,7,0)+IF('Standard Profiles'!$G$20=$B$17,14,0)+IF('Standard Profiles'!$G$20=$B$24,21,0),MOD($C2836,24)+1)/SUM(INDEX($D$3:$AA$30,INDEX(Jesper!$R$2:$R$366,ROW(INDEX(Jesper!AJ$2:AJ$366,ROUNDDOWN($C2836/24,0)+1,1))-1)+IF('Standard Profiles'!$G$20=$B$10,7,0)+IF('Standard Profiles'!$G$20=$B$17,14,0)+IF('Standard Profiles'!$G$20=$B$24,21,0),0)),0)</f>
        <v>0</v>
      </c>
      <c r="G2836" cm="1">
        <f t="array" ref="G2836">IFERROR(INDEX(Jesper!AK$2:AK$366,ROUNDDOWN($C2836/24,0)+1,1)*INDEX($D$3:$AA$30,INDEX(Jesper!$R$2:$R$366,ROW(INDEX(Jesper!AK$2:AK$366,ROUNDDOWN($C2836/24,0)+1,1))-1)+IF('Standard Profiles'!$G$21=$B$10,7,0)+IF('Standard Profiles'!$G$21=$B$17,14,0)+IF('Standard Profiles'!$G$21=$B$24,21,0),MOD($C2836,24)+1)/SUM(INDEX($D$3:$AA$30,INDEX(Jesper!$R$2:$R$366,ROW(INDEX(Jesper!AK$2:AK$366,ROUNDDOWN($C2836/24,0)+1,1))-1)+IF('Standard Profiles'!$G$21=$B$10,7,0)+IF('Standard Profiles'!$G$21=$B$17,14,0)+IF('Standard Profiles'!$G$21=$B$24,21,0),0)),0)</f>
        <v>0</v>
      </c>
      <c r="H2836" cm="1">
        <f t="array" ref="H2836">IFERROR(INDEX(Jesper!AL$2:AL$366,ROUNDDOWN($C2836/24,0)+1,1)*INDEX($D$3:$AA$30,INDEX(Jesper!$R$2:$R$366,ROW(INDEX(Jesper!AL$2:AL$366,ROUNDDOWN($C2836/24,0)+1,1))-1)+IF('Standard Profiles'!$G$22=$B$10,7,0)+IF('Standard Profiles'!$G$22=$B$17,14,0)+IF('Standard Profiles'!$G$22=$B$24,21,0),MOD($C2836,24)+1)/SUM(INDEX($D$3:$AA$30,INDEX(Jesper!$R$2:$R$366,ROW(INDEX(Jesper!AL$2:AL$366,ROUNDDOWN($C2836/24,0)+1,1))-1)+IF('Standard Profiles'!$G$22=$B$10,7,0)+IF('Standard Profiles'!$G$22=$B$17,14,0)+IF('Standard Profiles'!$G$22=$B$24,21,0),0)),0)</f>
        <v>0</v>
      </c>
      <c r="I2836">
        <f t="shared" si="321"/>
        <v>0.39305699007426131</v>
      </c>
      <c r="J2836">
        <f t="shared" si="322"/>
        <v>1.3101899669142045</v>
      </c>
      <c r="K2836">
        <f t="shared" si="323"/>
        <v>1.9652849503713066</v>
      </c>
      <c r="L2836">
        <f t="shared" si="324"/>
        <v>9.4333677617822715</v>
      </c>
      <c r="M2836">
        <f t="shared" si="325"/>
        <v>0</v>
      </c>
      <c r="N2836" s="46">
        <f t="shared" si="326"/>
        <v>45408.749999993204</v>
      </c>
    </row>
    <row r="2837" spans="2:14" x14ac:dyDescent="0.3">
      <c r="B2837">
        <f t="shared" si="320"/>
        <v>5</v>
      </c>
      <c r="C2837" s="16">
        <v>2803</v>
      </c>
      <c r="D2837" cm="1">
        <f t="array" ref="D2837">IFERROR(INDEX(Jesper!AH$2:AH$366,ROUNDDOWN($C2837/24,0)+1,1)*INDEX($D$3:$AA$30,INDEX(Jesper!$R$2:$R$366,ROW(INDEX(Jesper!AH$2:AH$366,ROUNDDOWN($C2837/24,0)+1,1))-1)+IF('Standard Profiles'!$G$18=$B$10,7,0)+IF('Standard Profiles'!$G$18=$B$17,14,0)+IF('Standard Profiles'!$G$18=$B$24,21,0),MOD($C2837,24)+1)/SUM(INDEX($D$3:$AA$30,INDEX(Jesper!$R$2:$R$366,ROW(INDEX(Jesper!AH$2:AH$366,ROUNDDOWN($C2837/24,0)+1,1))-1)+IF('Standard Profiles'!$G$18=$B$10,7,0)+IF('Standard Profiles'!$G$18=$B$17,14,0)+IF('Standard Profiles'!$G$18=$B$24,21,0),0)),0)</f>
        <v>13.101899669142044</v>
      </c>
      <c r="E2837" cm="1">
        <f t="array" ref="E2837">IFERROR(INDEX(Jesper!AI$2:AI$366,ROUNDDOWN($C2837/24,0)+1,1)*INDEX($D$3:$AA$30,INDEX(Jesper!$R$2:$R$366,ROW(INDEX(Jesper!AI$2:AI$366,ROUNDDOWN($C2837/24,0)+1,1))-1)+IF('Standard Profiles'!$G$19=$B$10,7,0)+IF('Standard Profiles'!$G$19=$B$17,14,0)+IF('Standard Profiles'!$G$19=$B$24,21,0),MOD($C2837,24)+1)/SUM(INDEX($D$3:$AA$30,INDEX(Jesper!$R$2:$R$366,ROW(INDEX(Jesper!AI$2:AI$366,ROUNDDOWN($C2837/24,0)+1,1))-1)+IF('Standard Profiles'!$G$19=$B$10,7,0)+IF('Standard Profiles'!$G$19=$B$17,14,0)+IF('Standard Profiles'!$G$19=$B$24,21,0),0)),0)</f>
        <v>0</v>
      </c>
      <c r="F2837" cm="1">
        <f t="array" ref="F2837">IFERROR(INDEX(Jesper!AJ$2:AJ$366,ROUNDDOWN($C2837/24,0)+1,1)*INDEX($D$3:$AA$30,INDEX(Jesper!$R$2:$R$366,ROW(INDEX(Jesper!AJ$2:AJ$366,ROUNDDOWN($C2837/24,0)+1,1))-1)+IF('Standard Profiles'!$G$20=$B$10,7,0)+IF('Standard Profiles'!$G$20=$B$17,14,0)+IF('Standard Profiles'!$G$20=$B$24,21,0),MOD($C2837,24)+1)/SUM(INDEX($D$3:$AA$30,INDEX(Jesper!$R$2:$R$366,ROW(INDEX(Jesper!AJ$2:AJ$366,ROUNDDOWN($C2837/24,0)+1,1))-1)+IF('Standard Profiles'!$G$20=$B$10,7,0)+IF('Standard Profiles'!$G$20=$B$17,14,0)+IF('Standard Profiles'!$G$20=$B$24,21,0),0)),0)</f>
        <v>0</v>
      </c>
      <c r="G2837" cm="1">
        <f t="array" ref="G2837">IFERROR(INDEX(Jesper!AK$2:AK$366,ROUNDDOWN($C2837/24,0)+1,1)*INDEX($D$3:$AA$30,INDEX(Jesper!$R$2:$R$366,ROW(INDEX(Jesper!AK$2:AK$366,ROUNDDOWN($C2837/24,0)+1,1))-1)+IF('Standard Profiles'!$G$21=$B$10,7,0)+IF('Standard Profiles'!$G$21=$B$17,14,0)+IF('Standard Profiles'!$G$21=$B$24,21,0),MOD($C2837,24)+1)/SUM(INDEX($D$3:$AA$30,INDEX(Jesper!$R$2:$R$366,ROW(INDEX(Jesper!AK$2:AK$366,ROUNDDOWN($C2837/24,0)+1,1))-1)+IF('Standard Profiles'!$G$21=$B$10,7,0)+IF('Standard Profiles'!$G$21=$B$17,14,0)+IF('Standard Profiles'!$G$21=$B$24,21,0),0)),0)</f>
        <v>0</v>
      </c>
      <c r="H2837" cm="1">
        <f t="array" ref="H2837">IFERROR(INDEX(Jesper!AL$2:AL$366,ROUNDDOWN($C2837/24,0)+1,1)*INDEX($D$3:$AA$30,INDEX(Jesper!$R$2:$R$366,ROW(INDEX(Jesper!AL$2:AL$366,ROUNDDOWN($C2837/24,0)+1,1))-1)+IF('Standard Profiles'!$G$22=$B$10,7,0)+IF('Standard Profiles'!$G$22=$B$17,14,0)+IF('Standard Profiles'!$G$22=$B$24,21,0),MOD($C2837,24)+1)/SUM(INDEX($D$3:$AA$30,INDEX(Jesper!$R$2:$R$366,ROW(INDEX(Jesper!AL$2:AL$366,ROUNDDOWN($C2837/24,0)+1,1))-1)+IF('Standard Profiles'!$G$22=$B$10,7,0)+IF('Standard Profiles'!$G$22=$B$17,14,0)+IF('Standard Profiles'!$G$22=$B$24,21,0),0)),0)</f>
        <v>0</v>
      </c>
      <c r="I2837">
        <f t="shared" si="321"/>
        <v>0.39305699007426131</v>
      </c>
      <c r="J2837">
        <f t="shared" si="322"/>
        <v>1.3101899669142045</v>
      </c>
      <c r="K2837">
        <f t="shared" si="323"/>
        <v>1.9652849503713066</v>
      </c>
      <c r="L2837">
        <f t="shared" si="324"/>
        <v>9.4333677617822715</v>
      </c>
      <c r="M2837">
        <f t="shared" si="325"/>
        <v>0</v>
      </c>
      <c r="N2837" s="46">
        <f t="shared" si="326"/>
        <v>45408.791666659868</v>
      </c>
    </row>
    <row r="2838" spans="2:14" x14ac:dyDescent="0.3">
      <c r="B2838">
        <f t="shared" si="320"/>
        <v>5</v>
      </c>
      <c r="C2838" s="16">
        <v>2804</v>
      </c>
      <c r="D2838" cm="1">
        <f t="array" ref="D2838">IFERROR(INDEX(Jesper!AH$2:AH$366,ROUNDDOWN($C2838/24,0)+1,1)*INDEX($D$3:$AA$30,INDEX(Jesper!$R$2:$R$366,ROW(INDEX(Jesper!AH$2:AH$366,ROUNDDOWN($C2838/24,0)+1,1))-1)+IF('Standard Profiles'!$G$18=$B$10,7,0)+IF('Standard Profiles'!$G$18=$B$17,14,0)+IF('Standard Profiles'!$G$18=$B$24,21,0),MOD($C2838,24)+1)/SUM(INDEX($D$3:$AA$30,INDEX(Jesper!$R$2:$R$366,ROW(INDEX(Jesper!AH$2:AH$366,ROUNDDOWN($C2838/24,0)+1,1))-1)+IF('Standard Profiles'!$G$18=$B$10,7,0)+IF('Standard Profiles'!$G$18=$B$17,14,0)+IF('Standard Profiles'!$G$18=$B$24,21,0),0)),0)</f>
        <v>10.14935889863116</v>
      </c>
      <c r="E2838" cm="1">
        <f t="array" ref="E2838">IFERROR(INDEX(Jesper!AI$2:AI$366,ROUNDDOWN($C2838/24,0)+1,1)*INDEX($D$3:$AA$30,INDEX(Jesper!$R$2:$R$366,ROW(INDEX(Jesper!AI$2:AI$366,ROUNDDOWN($C2838/24,0)+1,1))-1)+IF('Standard Profiles'!$G$19=$B$10,7,0)+IF('Standard Profiles'!$G$19=$B$17,14,0)+IF('Standard Profiles'!$G$19=$B$24,21,0),MOD($C2838,24)+1)/SUM(INDEX($D$3:$AA$30,INDEX(Jesper!$R$2:$R$366,ROW(INDEX(Jesper!AI$2:AI$366,ROUNDDOWN($C2838/24,0)+1,1))-1)+IF('Standard Profiles'!$G$19=$B$10,7,0)+IF('Standard Profiles'!$G$19=$B$17,14,0)+IF('Standard Profiles'!$G$19=$B$24,21,0),0)),0)</f>
        <v>0</v>
      </c>
      <c r="F2838" cm="1">
        <f t="array" ref="F2838">IFERROR(INDEX(Jesper!AJ$2:AJ$366,ROUNDDOWN($C2838/24,0)+1,1)*INDEX($D$3:$AA$30,INDEX(Jesper!$R$2:$R$366,ROW(INDEX(Jesper!AJ$2:AJ$366,ROUNDDOWN($C2838/24,0)+1,1))-1)+IF('Standard Profiles'!$G$20=$B$10,7,0)+IF('Standard Profiles'!$G$20=$B$17,14,0)+IF('Standard Profiles'!$G$20=$B$24,21,0),MOD($C2838,24)+1)/SUM(INDEX($D$3:$AA$30,INDEX(Jesper!$R$2:$R$366,ROW(INDEX(Jesper!AJ$2:AJ$366,ROUNDDOWN($C2838/24,0)+1,1))-1)+IF('Standard Profiles'!$G$20=$B$10,7,0)+IF('Standard Profiles'!$G$20=$B$17,14,0)+IF('Standard Profiles'!$G$20=$B$24,21,0),0)),0)</f>
        <v>0</v>
      </c>
      <c r="G2838" cm="1">
        <f t="array" ref="G2838">IFERROR(INDEX(Jesper!AK$2:AK$366,ROUNDDOWN($C2838/24,0)+1,1)*INDEX($D$3:$AA$30,INDEX(Jesper!$R$2:$R$366,ROW(INDEX(Jesper!AK$2:AK$366,ROUNDDOWN($C2838/24,0)+1,1))-1)+IF('Standard Profiles'!$G$21=$B$10,7,0)+IF('Standard Profiles'!$G$21=$B$17,14,0)+IF('Standard Profiles'!$G$21=$B$24,21,0),MOD($C2838,24)+1)/SUM(INDEX($D$3:$AA$30,INDEX(Jesper!$R$2:$R$366,ROW(INDEX(Jesper!AK$2:AK$366,ROUNDDOWN($C2838/24,0)+1,1))-1)+IF('Standard Profiles'!$G$21=$B$10,7,0)+IF('Standard Profiles'!$G$21=$B$17,14,0)+IF('Standard Profiles'!$G$21=$B$24,21,0),0)),0)</f>
        <v>0</v>
      </c>
      <c r="H2838" cm="1">
        <f t="array" ref="H2838">IFERROR(INDEX(Jesper!AL$2:AL$366,ROUNDDOWN($C2838/24,0)+1,1)*INDEX($D$3:$AA$30,INDEX(Jesper!$R$2:$R$366,ROW(INDEX(Jesper!AL$2:AL$366,ROUNDDOWN($C2838/24,0)+1,1))-1)+IF('Standard Profiles'!$G$22=$B$10,7,0)+IF('Standard Profiles'!$G$22=$B$17,14,0)+IF('Standard Profiles'!$G$22=$B$24,21,0),MOD($C2838,24)+1)/SUM(INDEX($D$3:$AA$30,INDEX(Jesper!$R$2:$R$366,ROW(INDEX(Jesper!AL$2:AL$366,ROUNDDOWN($C2838/24,0)+1,1))-1)+IF('Standard Profiles'!$G$22=$B$10,7,0)+IF('Standard Profiles'!$G$22=$B$17,14,0)+IF('Standard Profiles'!$G$22=$B$24,21,0),0)),0)</f>
        <v>0</v>
      </c>
      <c r="I2838">
        <f t="shared" si="321"/>
        <v>0.30448076695893478</v>
      </c>
      <c r="J2838">
        <f t="shared" si="322"/>
        <v>1.014935889863116</v>
      </c>
      <c r="K2838">
        <f t="shared" si="323"/>
        <v>1.522403834794674</v>
      </c>
      <c r="L2838">
        <f t="shared" si="324"/>
        <v>7.3075384070144347</v>
      </c>
      <c r="M2838">
        <f t="shared" si="325"/>
        <v>0</v>
      </c>
      <c r="N2838" s="46">
        <f t="shared" si="326"/>
        <v>45408.833333326533</v>
      </c>
    </row>
    <row r="2839" spans="2:14" x14ac:dyDescent="0.3">
      <c r="B2839">
        <f t="shared" si="320"/>
        <v>5</v>
      </c>
      <c r="C2839" s="16">
        <v>2805</v>
      </c>
      <c r="D2839" cm="1">
        <f t="array" ref="D2839">IFERROR(INDEX(Jesper!AH$2:AH$366,ROUNDDOWN($C2839/24,0)+1,1)*INDEX($D$3:$AA$30,INDEX(Jesper!$R$2:$R$366,ROW(INDEX(Jesper!AH$2:AH$366,ROUNDDOWN($C2839/24,0)+1,1))-1)+IF('Standard Profiles'!$G$18=$B$10,7,0)+IF('Standard Profiles'!$G$18=$B$17,14,0)+IF('Standard Profiles'!$G$18=$B$24,21,0),MOD($C2839,24)+1)/SUM(INDEX($D$3:$AA$30,INDEX(Jesper!$R$2:$R$366,ROW(INDEX(Jesper!AH$2:AH$366,ROUNDDOWN($C2839/24,0)+1,1))-1)+IF('Standard Profiles'!$G$18=$B$10,7,0)+IF('Standard Profiles'!$G$18=$B$17,14,0)+IF('Standard Profiles'!$G$18=$B$24,21,0),0)),0)</f>
        <v>3.8752097612955341</v>
      </c>
      <c r="E2839" cm="1">
        <f t="array" ref="E2839">IFERROR(INDEX(Jesper!AI$2:AI$366,ROUNDDOWN($C2839/24,0)+1,1)*INDEX($D$3:$AA$30,INDEX(Jesper!$R$2:$R$366,ROW(INDEX(Jesper!AI$2:AI$366,ROUNDDOWN($C2839/24,0)+1,1))-1)+IF('Standard Profiles'!$G$19=$B$10,7,0)+IF('Standard Profiles'!$G$19=$B$17,14,0)+IF('Standard Profiles'!$G$19=$B$24,21,0),MOD($C2839,24)+1)/SUM(INDEX($D$3:$AA$30,INDEX(Jesper!$R$2:$R$366,ROW(INDEX(Jesper!AI$2:AI$366,ROUNDDOWN($C2839/24,0)+1,1))-1)+IF('Standard Profiles'!$G$19=$B$10,7,0)+IF('Standard Profiles'!$G$19=$B$17,14,0)+IF('Standard Profiles'!$G$19=$B$24,21,0),0)),0)</f>
        <v>0</v>
      </c>
      <c r="F2839" cm="1">
        <f t="array" ref="F2839">IFERROR(INDEX(Jesper!AJ$2:AJ$366,ROUNDDOWN($C2839/24,0)+1,1)*INDEX($D$3:$AA$30,INDEX(Jesper!$R$2:$R$366,ROW(INDEX(Jesper!AJ$2:AJ$366,ROUNDDOWN($C2839/24,0)+1,1))-1)+IF('Standard Profiles'!$G$20=$B$10,7,0)+IF('Standard Profiles'!$G$20=$B$17,14,0)+IF('Standard Profiles'!$G$20=$B$24,21,0),MOD($C2839,24)+1)/SUM(INDEX($D$3:$AA$30,INDEX(Jesper!$R$2:$R$366,ROW(INDEX(Jesper!AJ$2:AJ$366,ROUNDDOWN($C2839/24,0)+1,1))-1)+IF('Standard Profiles'!$G$20=$B$10,7,0)+IF('Standard Profiles'!$G$20=$B$17,14,0)+IF('Standard Profiles'!$G$20=$B$24,21,0),0)),0)</f>
        <v>0</v>
      </c>
      <c r="G2839" cm="1">
        <f t="array" ref="G2839">IFERROR(INDEX(Jesper!AK$2:AK$366,ROUNDDOWN($C2839/24,0)+1,1)*INDEX($D$3:$AA$30,INDEX(Jesper!$R$2:$R$366,ROW(INDEX(Jesper!AK$2:AK$366,ROUNDDOWN($C2839/24,0)+1,1))-1)+IF('Standard Profiles'!$G$21=$B$10,7,0)+IF('Standard Profiles'!$G$21=$B$17,14,0)+IF('Standard Profiles'!$G$21=$B$24,21,0),MOD($C2839,24)+1)/SUM(INDEX($D$3:$AA$30,INDEX(Jesper!$R$2:$R$366,ROW(INDEX(Jesper!AK$2:AK$366,ROUNDDOWN($C2839/24,0)+1,1))-1)+IF('Standard Profiles'!$G$21=$B$10,7,0)+IF('Standard Profiles'!$G$21=$B$17,14,0)+IF('Standard Profiles'!$G$21=$B$24,21,0),0)),0)</f>
        <v>0</v>
      </c>
      <c r="H2839" cm="1">
        <f t="array" ref="H2839">IFERROR(INDEX(Jesper!AL$2:AL$366,ROUNDDOWN($C2839/24,0)+1,1)*INDEX($D$3:$AA$30,INDEX(Jesper!$R$2:$R$366,ROW(INDEX(Jesper!AL$2:AL$366,ROUNDDOWN($C2839/24,0)+1,1))-1)+IF('Standard Profiles'!$G$22=$B$10,7,0)+IF('Standard Profiles'!$G$22=$B$17,14,0)+IF('Standard Profiles'!$G$22=$B$24,21,0),MOD($C2839,24)+1)/SUM(INDEX($D$3:$AA$30,INDEX(Jesper!$R$2:$R$366,ROW(INDEX(Jesper!AL$2:AL$366,ROUNDDOWN($C2839/24,0)+1,1))-1)+IF('Standard Profiles'!$G$22=$B$10,7,0)+IF('Standard Profiles'!$G$22=$B$17,14,0)+IF('Standard Profiles'!$G$22=$B$24,21,0),0)),0)</f>
        <v>0</v>
      </c>
      <c r="I2839">
        <f t="shared" si="321"/>
        <v>0.11625629283886602</v>
      </c>
      <c r="J2839">
        <f t="shared" si="322"/>
        <v>0.38752097612955344</v>
      </c>
      <c r="K2839">
        <f t="shared" si="323"/>
        <v>0.58128146419433013</v>
      </c>
      <c r="L2839">
        <f t="shared" si="324"/>
        <v>2.7901510281327844</v>
      </c>
      <c r="M2839">
        <f t="shared" si="325"/>
        <v>0</v>
      </c>
      <c r="N2839" s="46">
        <f t="shared" si="326"/>
        <v>45408.874999993197</v>
      </c>
    </row>
    <row r="2840" spans="2:14" x14ac:dyDescent="0.3">
      <c r="B2840">
        <f t="shared" si="320"/>
        <v>5</v>
      </c>
      <c r="C2840" s="16">
        <v>2806</v>
      </c>
      <c r="D2840" cm="1">
        <f t="array" ref="D2840">IFERROR(INDEX(Jesper!AH$2:AH$366,ROUNDDOWN($C2840/24,0)+1,1)*INDEX($D$3:$AA$30,INDEX(Jesper!$R$2:$R$366,ROW(INDEX(Jesper!AH$2:AH$366,ROUNDDOWN($C2840/24,0)+1,1))-1)+IF('Standard Profiles'!$G$18=$B$10,7,0)+IF('Standard Profiles'!$G$18=$B$17,14,0)+IF('Standard Profiles'!$G$18=$B$24,21,0),MOD($C2840,24)+1)/SUM(INDEX($D$3:$AA$30,INDEX(Jesper!$R$2:$R$366,ROW(INDEX(Jesper!AH$2:AH$366,ROUNDDOWN($C2840/24,0)+1,1))-1)+IF('Standard Profiles'!$G$18=$B$10,7,0)+IF('Standard Profiles'!$G$18=$B$17,14,0)+IF('Standard Profiles'!$G$18=$B$24,21,0),0)),0)</f>
        <v>3.8752097612955341</v>
      </c>
      <c r="E2840" cm="1">
        <f t="array" ref="E2840">IFERROR(INDEX(Jesper!AI$2:AI$366,ROUNDDOWN($C2840/24,0)+1,1)*INDEX($D$3:$AA$30,INDEX(Jesper!$R$2:$R$366,ROW(INDEX(Jesper!AI$2:AI$366,ROUNDDOWN($C2840/24,0)+1,1))-1)+IF('Standard Profiles'!$G$19=$B$10,7,0)+IF('Standard Profiles'!$G$19=$B$17,14,0)+IF('Standard Profiles'!$G$19=$B$24,21,0),MOD($C2840,24)+1)/SUM(INDEX($D$3:$AA$30,INDEX(Jesper!$R$2:$R$366,ROW(INDEX(Jesper!AI$2:AI$366,ROUNDDOWN($C2840/24,0)+1,1))-1)+IF('Standard Profiles'!$G$19=$B$10,7,0)+IF('Standard Profiles'!$G$19=$B$17,14,0)+IF('Standard Profiles'!$G$19=$B$24,21,0),0)),0)</f>
        <v>0</v>
      </c>
      <c r="F2840" cm="1">
        <f t="array" ref="F2840">IFERROR(INDEX(Jesper!AJ$2:AJ$366,ROUNDDOWN($C2840/24,0)+1,1)*INDEX($D$3:$AA$30,INDEX(Jesper!$R$2:$R$366,ROW(INDEX(Jesper!AJ$2:AJ$366,ROUNDDOWN($C2840/24,0)+1,1))-1)+IF('Standard Profiles'!$G$20=$B$10,7,0)+IF('Standard Profiles'!$G$20=$B$17,14,0)+IF('Standard Profiles'!$G$20=$B$24,21,0),MOD($C2840,24)+1)/SUM(INDEX($D$3:$AA$30,INDEX(Jesper!$R$2:$R$366,ROW(INDEX(Jesper!AJ$2:AJ$366,ROUNDDOWN($C2840/24,0)+1,1))-1)+IF('Standard Profiles'!$G$20=$B$10,7,0)+IF('Standard Profiles'!$G$20=$B$17,14,0)+IF('Standard Profiles'!$G$20=$B$24,21,0),0)),0)</f>
        <v>0</v>
      </c>
      <c r="G2840" cm="1">
        <f t="array" ref="G2840">IFERROR(INDEX(Jesper!AK$2:AK$366,ROUNDDOWN($C2840/24,0)+1,1)*INDEX($D$3:$AA$30,INDEX(Jesper!$R$2:$R$366,ROW(INDEX(Jesper!AK$2:AK$366,ROUNDDOWN($C2840/24,0)+1,1))-1)+IF('Standard Profiles'!$G$21=$B$10,7,0)+IF('Standard Profiles'!$G$21=$B$17,14,0)+IF('Standard Profiles'!$G$21=$B$24,21,0),MOD($C2840,24)+1)/SUM(INDEX($D$3:$AA$30,INDEX(Jesper!$R$2:$R$366,ROW(INDEX(Jesper!AK$2:AK$366,ROUNDDOWN($C2840/24,0)+1,1))-1)+IF('Standard Profiles'!$G$21=$B$10,7,0)+IF('Standard Profiles'!$G$21=$B$17,14,0)+IF('Standard Profiles'!$G$21=$B$24,21,0),0)),0)</f>
        <v>0</v>
      </c>
      <c r="H2840" cm="1">
        <f t="array" ref="H2840">IFERROR(INDEX(Jesper!AL$2:AL$366,ROUNDDOWN($C2840/24,0)+1,1)*INDEX($D$3:$AA$30,INDEX(Jesper!$R$2:$R$366,ROW(INDEX(Jesper!AL$2:AL$366,ROUNDDOWN($C2840/24,0)+1,1))-1)+IF('Standard Profiles'!$G$22=$B$10,7,0)+IF('Standard Profiles'!$G$22=$B$17,14,0)+IF('Standard Profiles'!$G$22=$B$24,21,0),MOD($C2840,24)+1)/SUM(INDEX($D$3:$AA$30,INDEX(Jesper!$R$2:$R$366,ROW(INDEX(Jesper!AL$2:AL$366,ROUNDDOWN($C2840/24,0)+1,1))-1)+IF('Standard Profiles'!$G$22=$B$10,7,0)+IF('Standard Profiles'!$G$22=$B$17,14,0)+IF('Standard Profiles'!$G$22=$B$24,21,0),0)),0)</f>
        <v>0</v>
      </c>
      <c r="I2840">
        <f t="shared" si="321"/>
        <v>0.11625629283886602</v>
      </c>
      <c r="J2840">
        <f t="shared" si="322"/>
        <v>0.38752097612955344</v>
      </c>
      <c r="K2840">
        <f t="shared" si="323"/>
        <v>0.58128146419433013</v>
      </c>
      <c r="L2840">
        <f t="shared" si="324"/>
        <v>2.7901510281327844</v>
      </c>
      <c r="M2840">
        <f t="shared" si="325"/>
        <v>0</v>
      </c>
      <c r="N2840" s="46">
        <f t="shared" si="326"/>
        <v>45408.916666659861</v>
      </c>
    </row>
    <row r="2841" spans="2:14" x14ac:dyDescent="0.3">
      <c r="B2841">
        <f t="shared" si="320"/>
        <v>5</v>
      </c>
      <c r="C2841" s="16">
        <v>2807</v>
      </c>
      <c r="D2841" cm="1">
        <f t="array" ref="D2841">IFERROR(INDEX(Jesper!AH$2:AH$366,ROUNDDOWN($C2841/24,0)+1,1)*INDEX($D$3:$AA$30,INDEX(Jesper!$R$2:$R$366,ROW(INDEX(Jesper!AH$2:AH$366,ROUNDDOWN($C2841/24,0)+1,1))-1)+IF('Standard Profiles'!$G$18=$B$10,7,0)+IF('Standard Profiles'!$G$18=$B$17,14,0)+IF('Standard Profiles'!$G$18=$B$24,21,0),MOD($C2841,24)+1)/SUM(INDEX($D$3:$AA$30,INDEX(Jesper!$R$2:$R$366,ROW(INDEX(Jesper!AH$2:AH$366,ROUNDDOWN($C2841/24,0)+1,1))-1)+IF('Standard Profiles'!$G$18=$B$10,7,0)+IF('Standard Profiles'!$G$18=$B$17,14,0)+IF('Standard Profiles'!$G$18=$B$24,21,0),0)),0)</f>
        <v>3.8752097612955341</v>
      </c>
      <c r="E2841" cm="1">
        <f t="array" ref="E2841">IFERROR(INDEX(Jesper!AI$2:AI$366,ROUNDDOWN($C2841/24,0)+1,1)*INDEX($D$3:$AA$30,INDEX(Jesper!$R$2:$R$366,ROW(INDEX(Jesper!AI$2:AI$366,ROUNDDOWN($C2841/24,0)+1,1))-1)+IF('Standard Profiles'!$G$19=$B$10,7,0)+IF('Standard Profiles'!$G$19=$B$17,14,0)+IF('Standard Profiles'!$G$19=$B$24,21,0),MOD($C2841,24)+1)/SUM(INDEX($D$3:$AA$30,INDEX(Jesper!$R$2:$R$366,ROW(INDEX(Jesper!AI$2:AI$366,ROUNDDOWN($C2841/24,0)+1,1))-1)+IF('Standard Profiles'!$G$19=$B$10,7,0)+IF('Standard Profiles'!$G$19=$B$17,14,0)+IF('Standard Profiles'!$G$19=$B$24,21,0),0)),0)</f>
        <v>0</v>
      </c>
      <c r="F2841" cm="1">
        <f t="array" ref="F2841">IFERROR(INDEX(Jesper!AJ$2:AJ$366,ROUNDDOWN($C2841/24,0)+1,1)*INDEX($D$3:$AA$30,INDEX(Jesper!$R$2:$R$366,ROW(INDEX(Jesper!AJ$2:AJ$366,ROUNDDOWN($C2841/24,0)+1,1))-1)+IF('Standard Profiles'!$G$20=$B$10,7,0)+IF('Standard Profiles'!$G$20=$B$17,14,0)+IF('Standard Profiles'!$G$20=$B$24,21,0),MOD($C2841,24)+1)/SUM(INDEX($D$3:$AA$30,INDEX(Jesper!$R$2:$R$366,ROW(INDEX(Jesper!AJ$2:AJ$366,ROUNDDOWN($C2841/24,0)+1,1))-1)+IF('Standard Profiles'!$G$20=$B$10,7,0)+IF('Standard Profiles'!$G$20=$B$17,14,0)+IF('Standard Profiles'!$G$20=$B$24,21,0),0)),0)</f>
        <v>0</v>
      </c>
      <c r="G2841" cm="1">
        <f t="array" ref="G2841">IFERROR(INDEX(Jesper!AK$2:AK$366,ROUNDDOWN($C2841/24,0)+1,1)*INDEX($D$3:$AA$30,INDEX(Jesper!$R$2:$R$366,ROW(INDEX(Jesper!AK$2:AK$366,ROUNDDOWN($C2841/24,0)+1,1))-1)+IF('Standard Profiles'!$G$21=$B$10,7,0)+IF('Standard Profiles'!$G$21=$B$17,14,0)+IF('Standard Profiles'!$G$21=$B$24,21,0),MOD($C2841,24)+1)/SUM(INDEX($D$3:$AA$30,INDEX(Jesper!$R$2:$R$366,ROW(INDEX(Jesper!AK$2:AK$366,ROUNDDOWN($C2841/24,0)+1,1))-1)+IF('Standard Profiles'!$G$21=$B$10,7,0)+IF('Standard Profiles'!$G$21=$B$17,14,0)+IF('Standard Profiles'!$G$21=$B$24,21,0),0)),0)</f>
        <v>0</v>
      </c>
      <c r="H2841" cm="1">
        <f t="array" ref="H2841">IFERROR(INDEX(Jesper!AL$2:AL$366,ROUNDDOWN($C2841/24,0)+1,1)*INDEX($D$3:$AA$30,INDEX(Jesper!$R$2:$R$366,ROW(INDEX(Jesper!AL$2:AL$366,ROUNDDOWN($C2841/24,0)+1,1))-1)+IF('Standard Profiles'!$G$22=$B$10,7,0)+IF('Standard Profiles'!$G$22=$B$17,14,0)+IF('Standard Profiles'!$G$22=$B$24,21,0),MOD($C2841,24)+1)/SUM(INDEX($D$3:$AA$30,INDEX(Jesper!$R$2:$R$366,ROW(INDEX(Jesper!AL$2:AL$366,ROUNDDOWN($C2841/24,0)+1,1))-1)+IF('Standard Profiles'!$G$22=$B$10,7,0)+IF('Standard Profiles'!$G$22=$B$17,14,0)+IF('Standard Profiles'!$G$22=$B$24,21,0),0)),0)</f>
        <v>0</v>
      </c>
      <c r="I2841">
        <f t="shared" si="321"/>
        <v>0.11625629283886602</v>
      </c>
      <c r="J2841">
        <f t="shared" si="322"/>
        <v>0.38752097612955344</v>
      </c>
      <c r="K2841">
        <f t="shared" si="323"/>
        <v>0.58128146419433013</v>
      </c>
      <c r="L2841">
        <f t="shared" si="324"/>
        <v>2.7901510281327844</v>
      </c>
      <c r="M2841">
        <f t="shared" si="325"/>
        <v>0</v>
      </c>
      <c r="N2841" s="46">
        <f t="shared" si="326"/>
        <v>45408.958333326525</v>
      </c>
    </row>
    <row r="2842" spans="2:14" x14ac:dyDescent="0.3">
      <c r="B2842">
        <f t="shared" si="320"/>
        <v>6</v>
      </c>
      <c r="C2842" s="16">
        <v>2808</v>
      </c>
      <c r="D2842" cm="1">
        <f t="array" ref="D2842">IFERROR(INDEX(Jesper!AH$2:AH$366,ROUNDDOWN($C2842/24,0)+1,1)*INDEX($D$3:$AA$30,INDEX(Jesper!$R$2:$R$366,ROW(INDEX(Jesper!AH$2:AH$366,ROUNDDOWN($C2842/24,0)+1,1))-1)+IF('Standard Profiles'!$G$18=$B$10,7,0)+IF('Standard Profiles'!$G$18=$B$17,14,0)+IF('Standard Profiles'!$G$18=$B$24,21,0),MOD($C2842,24)+1)/SUM(INDEX($D$3:$AA$30,INDEX(Jesper!$R$2:$R$366,ROW(INDEX(Jesper!AH$2:AH$366,ROUNDDOWN($C2842/24,0)+1,1))-1)+IF('Standard Profiles'!$G$18=$B$10,7,0)+IF('Standard Profiles'!$G$18=$B$17,14,0)+IF('Standard Profiles'!$G$18=$B$24,21,0),0)),0)</f>
        <v>3.9739774484021657</v>
      </c>
      <c r="E2842" cm="1">
        <f t="array" ref="E2842">IFERROR(INDEX(Jesper!AI$2:AI$366,ROUNDDOWN($C2842/24,0)+1,1)*INDEX($D$3:$AA$30,INDEX(Jesper!$R$2:$R$366,ROW(INDEX(Jesper!AI$2:AI$366,ROUNDDOWN($C2842/24,0)+1,1))-1)+IF('Standard Profiles'!$G$19=$B$10,7,0)+IF('Standard Profiles'!$G$19=$B$17,14,0)+IF('Standard Profiles'!$G$19=$B$24,21,0),MOD($C2842,24)+1)/SUM(INDEX($D$3:$AA$30,INDEX(Jesper!$R$2:$R$366,ROW(INDEX(Jesper!AI$2:AI$366,ROUNDDOWN($C2842/24,0)+1,1))-1)+IF('Standard Profiles'!$G$19=$B$10,7,0)+IF('Standard Profiles'!$G$19=$B$17,14,0)+IF('Standard Profiles'!$G$19=$B$24,21,0),0)),0)</f>
        <v>0.81516015572175327</v>
      </c>
      <c r="F2842" cm="1">
        <f t="array" ref="F2842">IFERROR(INDEX(Jesper!AJ$2:AJ$366,ROUNDDOWN($C2842/24,0)+1,1)*INDEX($D$3:$AA$30,INDEX(Jesper!$R$2:$R$366,ROW(INDEX(Jesper!AJ$2:AJ$366,ROUNDDOWN($C2842/24,0)+1,1))-1)+IF('Standard Profiles'!$G$20=$B$10,7,0)+IF('Standard Profiles'!$G$20=$B$17,14,0)+IF('Standard Profiles'!$G$20=$B$24,21,0),MOD($C2842,24)+1)/SUM(INDEX($D$3:$AA$30,INDEX(Jesper!$R$2:$R$366,ROW(INDEX(Jesper!AJ$2:AJ$366,ROUNDDOWN($C2842/24,0)+1,1))-1)+IF('Standard Profiles'!$G$20=$B$10,7,0)+IF('Standard Profiles'!$G$20=$B$17,14,0)+IF('Standard Profiles'!$G$20=$B$24,21,0),0)),0)</f>
        <v>0</v>
      </c>
      <c r="G2842" cm="1">
        <f t="array" ref="G2842">IFERROR(INDEX(Jesper!AK$2:AK$366,ROUNDDOWN($C2842/24,0)+1,1)*INDEX($D$3:$AA$30,INDEX(Jesper!$R$2:$R$366,ROW(INDEX(Jesper!AK$2:AK$366,ROUNDDOWN($C2842/24,0)+1,1))-1)+IF('Standard Profiles'!$G$21=$B$10,7,0)+IF('Standard Profiles'!$G$21=$B$17,14,0)+IF('Standard Profiles'!$G$21=$B$24,21,0),MOD($C2842,24)+1)/SUM(INDEX($D$3:$AA$30,INDEX(Jesper!$R$2:$R$366,ROW(INDEX(Jesper!AK$2:AK$366,ROUNDDOWN($C2842/24,0)+1,1))-1)+IF('Standard Profiles'!$G$21=$B$10,7,0)+IF('Standard Profiles'!$G$21=$B$17,14,0)+IF('Standard Profiles'!$G$21=$B$24,21,0),0)),0)</f>
        <v>0</v>
      </c>
      <c r="H2842" cm="1">
        <f t="array" ref="H2842">IFERROR(INDEX(Jesper!AL$2:AL$366,ROUNDDOWN($C2842/24,0)+1,1)*INDEX($D$3:$AA$30,INDEX(Jesper!$R$2:$R$366,ROW(INDEX(Jesper!AL$2:AL$366,ROUNDDOWN($C2842/24,0)+1,1))-1)+IF('Standard Profiles'!$G$22=$B$10,7,0)+IF('Standard Profiles'!$G$22=$B$17,14,0)+IF('Standard Profiles'!$G$22=$B$24,21,0),MOD($C2842,24)+1)/SUM(INDEX($D$3:$AA$30,INDEX(Jesper!$R$2:$R$366,ROW(INDEX(Jesper!AL$2:AL$366,ROUNDDOWN($C2842/24,0)+1,1))-1)+IF('Standard Profiles'!$G$22=$B$10,7,0)+IF('Standard Profiles'!$G$22=$B$17,14,0)+IF('Standard Profiles'!$G$22=$B$24,21,0),0)),0)</f>
        <v>0</v>
      </c>
      <c r="I2842">
        <f t="shared" si="321"/>
        <v>7.3437851866824638E-2</v>
      </c>
      <c r="J2842">
        <f t="shared" si="322"/>
        <v>0.24479283955608216</v>
      </c>
      <c r="K2842">
        <f t="shared" si="323"/>
        <v>0.36718925933412322</v>
      </c>
      <c r="L2842">
        <f t="shared" si="324"/>
        <v>4.1037176533668891</v>
      </c>
      <c r="M2842">
        <f t="shared" si="325"/>
        <v>0</v>
      </c>
      <c r="N2842" s="46">
        <f t="shared" si="326"/>
        <v>45408.99999999319</v>
      </c>
    </row>
    <row r="2843" spans="2:14" x14ac:dyDescent="0.3">
      <c r="B2843">
        <f t="shared" si="320"/>
        <v>6</v>
      </c>
      <c r="C2843" s="16">
        <v>2809</v>
      </c>
      <c r="D2843" cm="1">
        <f t="array" ref="D2843">IFERROR(INDEX(Jesper!AH$2:AH$366,ROUNDDOWN($C2843/24,0)+1,1)*INDEX($D$3:$AA$30,INDEX(Jesper!$R$2:$R$366,ROW(INDEX(Jesper!AH$2:AH$366,ROUNDDOWN($C2843/24,0)+1,1))-1)+IF('Standard Profiles'!$G$18=$B$10,7,0)+IF('Standard Profiles'!$G$18=$B$17,14,0)+IF('Standard Profiles'!$G$18=$B$24,21,0),MOD($C2843,24)+1)/SUM(INDEX($D$3:$AA$30,INDEX(Jesper!$R$2:$R$366,ROW(INDEX(Jesper!AH$2:AH$366,ROUNDDOWN($C2843/24,0)+1,1))-1)+IF('Standard Profiles'!$G$18=$B$10,7,0)+IF('Standard Profiles'!$G$18=$B$17,14,0)+IF('Standard Profiles'!$G$18=$B$24,21,0),0)),0)</f>
        <v>7.7587178754518495</v>
      </c>
      <c r="E2843" cm="1">
        <f t="array" ref="E2843">IFERROR(INDEX(Jesper!AI$2:AI$366,ROUNDDOWN($C2843/24,0)+1,1)*INDEX($D$3:$AA$30,INDEX(Jesper!$R$2:$R$366,ROW(INDEX(Jesper!AI$2:AI$366,ROUNDDOWN($C2843/24,0)+1,1))-1)+IF('Standard Profiles'!$G$19=$B$10,7,0)+IF('Standard Profiles'!$G$19=$B$17,14,0)+IF('Standard Profiles'!$G$19=$B$24,21,0),MOD($C2843,24)+1)/SUM(INDEX($D$3:$AA$30,INDEX(Jesper!$R$2:$R$366,ROW(INDEX(Jesper!AI$2:AI$366,ROUNDDOWN($C2843/24,0)+1,1))-1)+IF('Standard Profiles'!$G$19=$B$10,7,0)+IF('Standard Profiles'!$G$19=$B$17,14,0)+IF('Standard Profiles'!$G$19=$B$24,21,0),0)),0)</f>
        <v>1.5915031611710422</v>
      </c>
      <c r="F2843" cm="1">
        <f t="array" ref="F2843">IFERROR(INDEX(Jesper!AJ$2:AJ$366,ROUNDDOWN($C2843/24,0)+1,1)*INDEX($D$3:$AA$30,INDEX(Jesper!$R$2:$R$366,ROW(INDEX(Jesper!AJ$2:AJ$366,ROUNDDOWN($C2843/24,0)+1,1))-1)+IF('Standard Profiles'!$G$20=$B$10,7,0)+IF('Standard Profiles'!$G$20=$B$17,14,0)+IF('Standard Profiles'!$G$20=$B$24,21,0),MOD($C2843,24)+1)/SUM(INDEX($D$3:$AA$30,INDEX(Jesper!$R$2:$R$366,ROW(INDEX(Jesper!AJ$2:AJ$366,ROUNDDOWN($C2843/24,0)+1,1))-1)+IF('Standard Profiles'!$G$20=$B$10,7,0)+IF('Standard Profiles'!$G$20=$B$17,14,0)+IF('Standard Profiles'!$G$20=$B$24,21,0),0)),0)</f>
        <v>0</v>
      </c>
      <c r="G2843" cm="1">
        <f t="array" ref="G2843">IFERROR(INDEX(Jesper!AK$2:AK$366,ROUNDDOWN($C2843/24,0)+1,1)*INDEX($D$3:$AA$30,INDEX(Jesper!$R$2:$R$366,ROW(INDEX(Jesper!AK$2:AK$366,ROUNDDOWN($C2843/24,0)+1,1))-1)+IF('Standard Profiles'!$G$21=$B$10,7,0)+IF('Standard Profiles'!$G$21=$B$17,14,0)+IF('Standard Profiles'!$G$21=$B$24,21,0),MOD($C2843,24)+1)/SUM(INDEX($D$3:$AA$30,INDEX(Jesper!$R$2:$R$366,ROW(INDEX(Jesper!AK$2:AK$366,ROUNDDOWN($C2843/24,0)+1,1))-1)+IF('Standard Profiles'!$G$21=$B$10,7,0)+IF('Standard Profiles'!$G$21=$B$17,14,0)+IF('Standard Profiles'!$G$21=$B$24,21,0),0)),0)</f>
        <v>0</v>
      </c>
      <c r="H2843" cm="1">
        <f t="array" ref="H2843">IFERROR(INDEX(Jesper!AL$2:AL$366,ROUNDDOWN($C2843/24,0)+1,1)*INDEX($D$3:$AA$30,INDEX(Jesper!$R$2:$R$366,ROW(INDEX(Jesper!AL$2:AL$366,ROUNDDOWN($C2843/24,0)+1,1))-1)+IF('Standard Profiles'!$G$22=$B$10,7,0)+IF('Standard Profiles'!$G$22=$B$17,14,0)+IF('Standard Profiles'!$G$22=$B$24,21,0),MOD($C2843,24)+1)/SUM(INDEX($D$3:$AA$30,INDEX(Jesper!$R$2:$R$366,ROW(INDEX(Jesper!AL$2:AL$366,ROUNDDOWN($C2843/24,0)+1,1))-1)+IF('Standard Profiles'!$G$22=$B$10,7,0)+IF('Standard Profiles'!$G$22=$B$17,14,0)+IF('Standard Profiles'!$G$22=$B$24,21,0),0)),0)</f>
        <v>0</v>
      </c>
      <c r="I2843">
        <f t="shared" si="321"/>
        <v>0.1433786631685624</v>
      </c>
      <c r="J2843">
        <f t="shared" si="322"/>
        <v>0.47792887722854138</v>
      </c>
      <c r="K2843">
        <f t="shared" si="323"/>
        <v>0.71689331584281202</v>
      </c>
      <c r="L2843">
        <f t="shared" si="324"/>
        <v>8.0120201803829758</v>
      </c>
      <c r="M2843">
        <f t="shared" si="325"/>
        <v>0</v>
      </c>
      <c r="N2843" s="46">
        <f t="shared" si="326"/>
        <v>45409.041666659854</v>
      </c>
    </row>
    <row r="2844" spans="2:14" x14ac:dyDescent="0.3">
      <c r="B2844">
        <f t="shared" si="320"/>
        <v>6</v>
      </c>
      <c r="C2844" s="16">
        <v>2810</v>
      </c>
      <c r="D2844" cm="1">
        <f t="array" ref="D2844">IFERROR(INDEX(Jesper!AH$2:AH$366,ROUNDDOWN($C2844/24,0)+1,1)*INDEX($D$3:$AA$30,INDEX(Jesper!$R$2:$R$366,ROW(INDEX(Jesper!AH$2:AH$366,ROUNDDOWN($C2844/24,0)+1,1))-1)+IF('Standard Profiles'!$G$18=$B$10,7,0)+IF('Standard Profiles'!$G$18=$B$17,14,0)+IF('Standard Profiles'!$G$18=$B$24,21,0),MOD($C2844,24)+1)/SUM(INDEX($D$3:$AA$30,INDEX(Jesper!$R$2:$R$366,ROW(INDEX(Jesper!AH$2:AH$366,ROUNDDOWN($C2844/24,0)+1,1))-1)+IF('Standard Profiles'!$G$18=$B$10,7,0)+IF('Standard Profiles'!$G$18=$B$17,14,0)+IF('Standard Profiles'!$G$18=$B$24,21,0),0)),0)</f>
        <v>7.7587178754518495</v>
      </c>
      <c r="E2844" cm="1">
        <f t="array" ref="E2844">IFERROR(INDEX(Jesper!AI$2:AI$366,ROUNDDOWN($C2844/24,0)+1,1)*INDEX($D$3:$AA$30,INDEX(Jesper!$R$2:$R$366,ROW(INDEX(Jesper!AI$2:AI$366,ROUNDDOWN($C2844/24,0)+1,1))-1)+IF('Standard Profiles'!$G$19=$B$10,7,0)+IF('Standard Profiles'!$G$19=$B$17,14,0)+IF('Standard Profiles'!$G$19=$B$24,21,0),MOD($C2844,24)+1)/SUM(INDEX($D$3:$AA$30,INDEX(Jesper!$R$2:$R$366,ROW(INDEX(Jesper!AI$2:AI$366,ROUNDDOWN($C2844/24,0)+1,1))-1)+IF('Standard Profiles'!$G$19=$B$10,7,0)+IF('Standard Profiles'!$G$19=$B$17,14,0)+IF('Standard Profiles'!$G$19=$B$24,21,0),0)),0)</f>
        <v>1.5915031611710422</v>
      </c>
      <c r="F2844" cm="1">
        <f t="array" ref="F2844">IFERROR(INDEX(Jesper!AJ$2:AJ$366,ROUNDDOWN($C2844/24,0)+1,1)*INDEX($D$3:$AA$30,INDEX(Jesper!$R$2:$R$366,ROW(INDEX(Jesper!AJ$2:AJ$366,ROUNDDOWN($C2844/24,0)+1,1))-1)+IF('Standard Profiles'!$G$20=$B$10,7,0)+IF('Standard Profiles'!$G$20=$B$17,14,0)+IF('Standard Profiles'!$G$20=$B$24,21,0),MOD($C2844,24)+1)/SUM(INDEX($D$3:$AA$30,INDEX(Jesper!$R$2:$R$366,ROW(INDEX(Jesper!AJ$2:AJ$366,ROUNDDOWN($C2844/24,0)+1,1))-1)+IF('Standard Profiles'!$G$20=$B$10,7,0)+IF('Standard Profiles'!$G$20=$B$17,14,0)+IF('Standard Profiles'!$G$20=$B$24,21,0),0)),0)</f>
        <v>0</v>
      </c>
      <c r="G2844" cm="1">
        <f t="array" ref="G2844">IFERROR(INDEX(Jesper!AK$2:AK$366,ROUNDDOWN($C2844/24,0)+1,1)*INDEX($D$3:$AA$30,INDEX(Jesper!$R$2:$R$366,ROW(INDEX(Jesper!AK$2:AK$366,ROUNDDOWN($C2844/24,0)+1,1))-1)+IF('Standard Profiles'!$G$21=$B$10,7,0)+IF('Standard Profiles'!$G$21=$B$17,14,0)+IF('Standard Profiles'!$G$21=$B$24,21,0),MOD($C2844,24)+1)/SUM(INDEX($D$3:$AA$30,INDEX(Jesper!$R$2:$R$366,ROW(INDEX(Jesper!AK$2:AK$366,ROUNDDOWN($C2844/24,0)+1,1))-1)+IF('Standard Profiles'!$G$21=$B$10,7,0)+IF('Standard Profiles'!$G$21=$B$17,14,0)+IF('Standard Profiles'!$G$21=$B$24,21,0),0)),0)</f>
        <v>0</v>
      </c>
      <c r="H2844" cm="1">
        <f t="array" ref="H2844">IFERROR(INDEX(Jesper!AL$2:AL$366,ROUNDDOWN($C2844/24,0)+1,1)*INDEX($D$3:$AA$30,INDEX(Jesper!$R$2:$R$366,ROW(INDEX(Jesper!AL$2:AL$366,ROUNDDOWN($C2844/24,0)+1,1))-1)+IF('Standard Profiles'!$G$22=$B$10,7,0)+IF('Standard Profiles'!$G$22=$B$17,14,0)+IF('Standard Profiles'!$G$22=$B$24,21,0),MOD($C2844,24)+1)/SUM(INDEX($D$3:$AA$30,INDEX(Jesper!$R$2:$R$366,ROW(INDEX(Jesper!AL$2:AL$366,ROUNDDOWN($C2844/24,0)+1,1))-1)+IF('Standard Profiles'!$G$22=$B$10,7,0)+IF('Standard Profiles'!$G$22=$B$17,14,0)+IF('Standard Profiles'!$G$22=$B$24,21,0),0)),0)</f>
        <v>0</v>
      </c>
      <c r="I2844">
        <f t="shared" si="321"/>
        <v>0.1433786631685624</v>
      </c>
      <c r="J2844">
        <f t="shared" si="322"/>
        <v>0.47792887722854138</v>
      </c>
      <c r="K2844">
        <f t="shared" si="323"/>
        <v>0.71689331584281202</v>
      </c>
      <c r="L2844">
        <f t="shared" si="324"/>
        <v>8.0120201803829758</v>
      </c>
      <c r="M2844">
        <f t="shared" si="325"/>
        <v>0</v>
      </c>
      <c r="N2844" s="46">
        <f t="shared" si="326"/>
        <v>45409.083333326518</v>
      </c>
    </row>
    <row r="2845" spans="2:14" x14ac:dyDescent="0.3">
      <c r="B2845">
        <f t="shared" si="320"/>
        <v>6</v>
      </c>
      <c r="C2845" s="16">
        <v>2811</v>
      </c>
      <c r="D2845" cm="1">
        <f t="array" ref="D2845">IFERROR(INDEX(Jesper!AH$2:AH$366,ROUNDDOWN($C2845/24,0)+1,1)*INDEX($D$3:$AA$30,INDEX(Jesper!$R$2:$R$366,ROW(INDEX(Jesper!AH$2:AH$366,ROUNDDOWN($C2845/24,0)+1,1))-1)+IF('Standard Profiles'!$G$18=$B$10,7,0)+IF('Standard Profiles'!$G$18=$B$17,14,0)+IF('Standard Profiles'!$G$18=$B$24,21,0),MOD($C2845,24)+1)/SUM(INDEX($D$3:$AA$30,INDEX(Jesper!$R$2:$R$366,ROW(INDEX(Jesper!AH$2:AH$366,ROUNDDOWN($C2845/24,0)+1,1))-1)+IF('Standard Profiles'!$G$18=$B$10,7,0)+IF('Standard Profiles'!$G$18=$B$17,14,0)+IF('Standard Profiles'!$G$18=$B$24,21,0),0)),0)</f>
        <v>7.7587178754518495</v>
      </c>
      <c r="E2845" cm="1">
        <f t="array" ref="E2845">IFERROR(INDEX(Jesper!AI$2:AI$366,ROUNDDOWN($C2845/24,0)+1,1)*INDEX($D$3:$AA$30,INDEX(Jesper!$R$2:$R$366,ROW(INDEX(Jesper!AI$2:AI$366,ROUNDDOWN($C2845/24,0)+1,1))-1)+IF('Standard Profiles'!$G$19=$B$10,7,0)+IF('Standard Profiles'!$G$19=$B$17,14,0)+IF('Standard Profiles'!$G$19=$B$24,21,0),MOD($C2845,24)+1)/SUM(INDEX($D$3:$AA$30,INDEX(Jesper!$R$2:$R$366,ROW(INDEX(Jesper!AI$2:AI$366,ROUNDDOWN($C2845/24,0)+1,1))-1)+IF('Standard Profiles'!$G$19=$B$10,7,0)+IF('Standard Profiles'!$G$19=$B$17,14,0)+IF('Standard Profiles'!$G$19=$B$24,21,0),0)),0)</f>
        <v>1.5915031611710422</v>
      </c>
      <c r="F2845" cm="1">
        <f t="array" ref="F2845">IFERROR(INDEX(Jesper!AJ$2:AJ$366,ROUNDDOWN($C2845/24,0)+1,1)*INDEX($D$3:$AA$30,INDEX(Jesper!$R$2:$R$366,ROW(INDEX(Jesper!AJ$2:AJ$366,ROUNDDOWN($C2845/24,0)+1,1))-1)+IF('Standard Profiles'!$G$20=$B$10,7,0)+IF('Standard Profiles'!$G$20=$B$17,14,0)+IF('Standard Profiles'!$G$20=$B$24,21,0),MOD($C2845,24)+1)/SUM(INDEX($D$3:$AA$30,INDEX(Jesper!$R$2:$R$366,ROW(INDEX(Jesper!AJ$2:AJ$366,ROUNDDOWN($C2845/24,0)+1,1))-1)+IF('Standard Profiles'!$G$20=$B$10,7,0)+IF('Standard Profiles'!$G$20=$B$17,14,0)+IF('Standard Profiles'!$G$20=$B$24,21,0),0)),0)</f>
        <v>0</v>
      </c>
      <c r="G2845" cm="1">
        <f t="array" ref="G2845">IFERROR(INDEX(Jesper!AK$2:AK$366,ROUNDDOWN($C2845/24,0)+1,1)*INDEX($D$3:$AA$30,INDEX(Jesper!$R$2:$R$366,ROW(INDEX(Jesper!AK$2:AK$366,ROUNDDOWN($C2845/24,0)+1,1))-1)+IF('Standard Profiles'!$G$21=$B$10,7,0)+IF('Standard Profiles'!$G$21=$B$17,14,0)+IF('Standard Profiles'!$G$21=$B$24,21,0),MOD($C2845,24)+1)/SUM(INDEX($D$3:$AA$30,INDEX(Jesper!$R$2:$R$366,ROW(INDEX(Jesper!AK$2:AK$366,ROUNDDOWN($C2845/24,0)+1,1))-1)+IF('Standard Profiles'!$G$21=$B$10,7,0)+IF('Standard Profiles'!$G$21=$B$17,14,0)+IF('Standard Profiles'!$G$21=$B$24,21,0),0)),0)</f>
        <v>0</v>
      </c>
      <c r="H2845" cm="1">
        <f t="array" ref="H2845">IFERROR(INDEX(Jesper!AL$2:AL$366,ROUNDDOWN($C2845/24,0)+1,1)*INDEX($D$3:$AA$30,INDEX(Jesper!$R$2:$R$366,ROW(INDEX(Jesper!AL$2:AL$366,ROUNDDOWN($C2845/24,0)+1,1))-1)+IF('Standard Profiles'!$G$22=$B$10,7,0)+IF('Standard Profiles'!$G$22=$B$17,14,0)+IF('Standard Profiles'!$G$22=$B$24,21,0),MOD($C2845,24)+1)/SUM(INDEX($D$3:$AA$30,INDEX(Jesper!$R$2:$R$366,ROW(INDEX(Jesper!AL$2:AL$366,ROUNDDOWN($C2845/24,0)+1,1))-1)+IF('Standard Profiles'!$G$22=$B$10,7,0)+IF('Standard Profiles'!$G$22=$B$17,14,0)+IF('Standard Profiles'!$G$22=$B$24,21,0),0)),0)</f>
        <v>0</v>
      </c>
      <c r="I2845">
        <f t="shared" si="321"/>
        <v>0.1433786631685624</v>
      </c>
      <c r="J2845">
        <f t="shared" si="322"/>
        <v>0.47792887722854138</v>
      </c>
      <c r="K2845">
        <f t="shared" si="323"/>
        <v>0.71689331584281202</v>
      </c>
      <c r="L2845">
        <f t="shared" si="324"/>
        <v>8.0120201803829758</v>
      </c>
      <c r="M2845">
        <f t="shared" si="325"/>
        <v>0</v>
      </c>
      <c r="N2845" s="46">
        <f t="shared" si="326"/>
        <v>45409.124999993182</v>
      </c>
    </row>
    <row r="2846" spans="2:14" x14ac:dyDescent="0.3">
      <c r="B2846">
        <f t="shared" si="320"/>
        <v>6</v>
      </c>
      <c r="C2846" s="16">
        <v>2812</v>
      </c>
      <c r="D2846" cm="1">
        <f t="array" ref="D2846">IFERROR(INDEX(Jesper!AH$2:AH$366,ROUNDDOWN($C2846/24,0)+1,1)*INDEX($D$3:$AA$30,INDEX(Jesper!$R$2:$R$366,ROW(INDEX(Jesper!AH$2:AH$366,ROUNDDOWN($C2846/24,0)+1,1))-1)+IF('Standard Profiles'!$G$18=$B$10,7,0)+IF('Standard Profiles'!$G$18=$B$17,14,0)+IF('Standard Profiles'!$G$18=$B$24,21,0),MOD($C2846,24)+1)/SUM(INDEX($D$3:$AA$30,INDEX(Jesper!$R$2:$R$366,ROW(INDEX(Jesper!AH$2:AH$366,ROUNDDOWN($C2846/24,0)+1,1))-1)+IF('Standard Profiles'!$G$18=$B$10,7,0)+IF('Standard Profiles'!$G$18=$B$17,14,0)+IF('Standard Profiles'!$G$18=$B$24,21,0),0)),0)</f>
        <v>7.7587178754518495</v>
      </c>
      <c r="E2846" cm="1">
        <f t="array" ref="E2846">IFERROR(INDEX(Jesper!AI$2:AI$366,ROUNDDOWN($C2846/24,0)+1,1)*INDEX($D$3:$AA$30,INDEX(Jesper!$R$2:$R$366,ROW(INDEX(Jesper!AI$2:AI$366,ROUNDDOWN($C2846/24,0)+1,1))-1)+IF('Standard Profiles'!$G$19=$B$10,7,0)+IF('Standard Profiles'!$G$19=$B$17,14,0)+IF('Standard Profiles'!$G$19=$B$24,21,0),MOD($C2846,24)+1)/SUM(INDEX($D$3:$AA$30,INDEX(Jesper!$R$2:$R$366,ROW(INDEX(Jesper!AI$2:AI$366,ROUNDDOWN($C2846/24,0)+1,1))-1)+IF('Standard Profiles'!$G$19=$B$10,7,0)+IF('Standard Profiles'!$G$19=$B$17,14,0)+IF('Standard Profiles'!$G$19=$B$24,21,0),0)),0)</f>
        <v>1.5915031611710422</v>
      </c>
      <c r="F2846" cm="1">
        <f t="array" ref="F2846">IFERROR(INDEX(Jesper!AJ$2:AJ$366,ROUNDDOWN($C2846/24,0)+1,1)*INDEX($D$3:$AA$30,INDEX(Jesper!$R$2:$R$366,ROW(INDEX(Jesper!AJ$2:AJ$366,ROUNDDOWN($C2846/24,0)+1,1))-1)+IF('Standard Profiles'!$G$20=$B$10,7,0)+IF('Standard Profiles'!$G$20=$B$17,14,0)+IF('Standard Profiles'!$G$20=$B$24,21,0),MOD($C2846,24)+1)/SUM(INDEX($D$3:$AA$30,INDEX(Jesper!$R$2:$R$366,ROW(INDEX(Jesper!AJ$2:AJ$366,ROUNDDOWN($C2846/24,0)+1,1))-1)+IF('Standard Profiles'!$G$20=$B$10,7,0)+IF('Standard Profiles'!$G$20=$B$17,14,0)+IF('Standard Profiles'!$G$20=$B$24,21,0),0)),0)</f>
        <v>0</v>
      </c>
      <c r="G2846" cm="1">
        <f t="array" ref="G2846">IFERROR(INDEX(Jesper!AK$2:AK$366,ROUNDDOWN($C2846/24,0)+1,1)*INDEX($D$3:$AA$30,INDEX(Jesper!$R$2:$R$366,ROW(INDEX(Jesper!AK$2:AK$366,ROUNDDOWN($C2846/24,0)+1,1))-1)+IF('Standard Profiles'!$G$21=$B$10,7,0)+IF('Standard Profiles'!$G$21=$B$17,14,0)+IF('Standard Profiles'!$G$21=$B$24,21,0),MOD($C2846,24)+1)/SUM(INDEX($D$3:$AA$30,INDEX(Jesper!$R$2:$R$366,ROW(INDEX(Jesper!AK$2:AK$366,ROUNDDOWN($C2846/24,0)+1,1))-1)+IF('Standard Profiles'!$G$21=$B$10,7,0)+IF('Standard Profiles'!$G$21=$B$17,14,0)+IF('Standard Profiles'!$G$21=$B$24,21,0),0)),0)</f>
        <v>0</v>
      </c>
      <c r="H2846" cm="1">
        <f t="array" ref="H2846">IFERROR(INDEX(Jesper!AL$2:AL$366,ROUNDDOWN($C2846/24,0)+1,1)*INDEX($D$3:$AA$30,INDEX(Jesper!$R$2:$R$366,ROW(INDEX(Jesper!AL$2:AL$366,ROUNDDOWN($C2846/24,0)+1,1))-1)+IF('Standard Profiles'!$G$22=$B$10,7,0)+IF('Standard Profiles'!$G$22=$B$17,14,0)+IF('Standard Profiles'!$G$22=$B$24,21,0),MOD($C2846,24)+1)/SUM(INDEX($D$3:$AA$30,INDEX(Jesper!$R$2:$R$366,ROW(INDEX(Jesper!AL$2:AL$366,ROUNDDOWN($C2846/24,0)+1,1))-1)+IF('Standard Profiles'!$G$22=$B$10,7,0)+IF('Standard Profiles'!$G$22=$B$17,14,0)+IF('Standard Profiles'!$G$22=$B$24,21,0),0)),0)</f>
        <v>0</v>
      </c>
      <c r="I2846">
        <f t="shared" si="321"/>
        <v>0.1433786631685624</v>
      </c>
      <c r="J2846">
        <f t="shared" si="322"/>
        <v>0.47792887722854138</v>
      </c>
      <c r="K2846">
        <f t="shared" si="323"/>
        <v>0.71689331584281202</v>
      </c>
      <c r="L2846">
        <f t="shared" si="324"/>
        <v>8.0120201803829758</v>
      </c>
      <c r="M2846">
        <f t="shared" si="325"/>
        <v>0</v>
      </c>
      <c r="N2846" s="46">
        <f t="shared" si="326"/>
        <v>45409.166666659847</v>
      </c>
    </row>
    <row r="2847" spans="2:14" x14ac:dyDescent="0.3">
      <c r="B2847">
        <f t="shared" si="320"/>
        <v>6</v>
      </c>
      <c r="C2847" s="16">
        <v>2813</v>
      </c>
      <c r="D2847" cm="1">
        <f t="array" ref="D2847">IFERROR(INDEX(Jesper!AH$2:AH$366,ROUNDDOWN($C2847/24,0)+1,1)*INDEX($D$3:$AA$30,INDEX(Jesper!$R$2:$R$366,ROW(INDEX(Jesper!AH$2:AH$366,ROUNDDOWN($C2847/24,0)+1,1))-1)+IF('Standard Profiles'!$G$18=$B$10,7,0)+IF('Standard Profiles'!$G$18=$B$17,14,0)+IF('Standard Profiles'!$G$18=$B$24,21,0),MOD($C2847,24)+1)/SUM(INDEX($D$3:$AA$30,INDEX(Jesper!$R$2:$R$366,ROW(INDEX(Jesper!AH$2:AH$366,ROUNDDOWN($C2847/24,0)+1,1))-1)+IF('Standard Profiles'!$G$18=$B$10,7,0)+IF('Standard Profiles'!$G$18=$B$17,14,0)+IF('Standard Profiles'!$G$18=$B$24,21,0),0)),0)</f>
        <v>9.6510880889766906</v>
      </c>
      <c r="E2847" cm="1">
        <f t="array" ref="E2847">IFERROR(INDEX(Jesper!AI$2:AI$366,ROUNDDOWN($C2847/24,0)+1,1)*INDEX($D$3:$AA$30,INDEX(Jesper!$R$2:$R$366,ROW(INDEX(Jesper!AI$2:AI$366,ROUNDDOWN($C2847/24,0)+1,1))-1)+IF('Standard Profiles'!$G$19=$B$10,7,0)+IF('Standard Profiles'!$G$19=$B$17,14,0)+IF('Standard Profiles'!$G$19=$B$24,21,0),MOD($C2847,24)+1)/SUM(INDEX($D$3:$AA$30,INDEX(Jesper!$R$2:$R$366,ROW(INDEX(Jesper!AI$2:AI$366,ROUNDDOWN($C2847/24,0)+1,1))-1)+IF('Standard Profiles'!$G$19=$B$10,7,0)+IF('Standard Profiles'!$G$19=$B$17,14,0)+IF('Standard Profiles'!$G$19=$B$24,21,0),0)),0)</f>
        <v>1.9796746638956866</v>
      </c>
      <c r="F2847" cm="1">
        <f t="array" ref="F2847">IFERROR(INDEX(Jesper!AJ$2:AJ$366,ROUNDDOWN($C2847/24,0)+1,1)*INDEX($D$3:$AA$30,INDEX(Jesper!$R$2:$R$366,ROW(INDEX(Jesper!AJ$2:AJ$366,ROUNDDOWN($C2847/24,0)+1,1))-1)+IF('Standard Profiles'!$G$20=$B$10,7,0)+IF('Standard Profiles'!$G$20=$B$17,14,0)+IF('Standard Profiles'!$G$20=$B$24,21,0),MOD($C2847,24)+1)/SUM(INDEX($D$3:$AA$30,INDEX(Jesper!$R$2:$R$366,ROW(INDEX(Jesper!AJ$2:AJ$366,ROUNDDOWN($C2847/24,0)+1,1))-1)+IF('Standard Profiles'!$G$20=$B$10,7,0)+IF('Standard Profiles'!$G$20=$B$17,14,0)+IF('Standard Profiles'!$G$20=$B$24,21,0),0)),0)</f>
        <v>0</v>
      </c>
      <c r="G2847" cm="1">
        <f t="array" ref="G2847">IFERROR(INDEX(Jesper!AK$2:AK$366,ROUNDDOWN($C2847/24,0)+1,1)*INDEX($D$3:$AA$30,INDEX(Jesper!$R$2:$R$366,ROW(INDEX(Jesper!AK$2:AK$366,ROUNDDOWN($C2847/24,0)+1,1))-1)+IF('Standard Profiles'!$G$21=$B$10,7,0)+IF('Standard Profiles'!$G$21=$B$17,14,0)+IF('Standard Profiles'!$G$21=$B$24,21,0),MOD($C2847,24)+1)/SUM(INDEX($D$3:$AA$30,INDEX(Jesper!$R$2:$R$366,ROW(INDEX(Jesper!AK$2:AK$366,ROUNDDOWN($C2847/24,0)+1,1))-1)+IF('Standard Profiles'!$G$21=$B$10,7,0)+IF('Standard Profiles'!$G$21=$B$17,14,0)+IF('Standard Profiles'!$G$21=$B$24,21,0),0)),0)</f>
        <v>0</v>
      </c>
      <c r="H2847" cm="1">
        <f t="array" ref="H2847">IFERROR(INDEX(Jesper!AL$2:AL$366,ROUNDDOWN($C2847/24,0)+1,1)*INDEX($D$3:$AA$30,INDEX(Jesper!$R$2:$R$366,ROW(INDEX(Jesper!AL$2:AL$366,ROUNDDOWN($C2847/24,0)+1,1))-1)+IF('Standard Profiles'!$G$22=$B$10,7,0)+IF('Standard Profiles'!$G$22=$B$17,14,0)+IF('Standard Profiles'!$G$22=$B$24,21,0),MOD($C2847,24)+1)/SUM(INDEX($D$3:$AA$30,INDEX(Jesper!$R$2:$R$366,ROW(INDEX(Jesper!AL$2:AL$366,ROUNDDOWN($C2847/24,0)+1,1))-1)+IF('Standard Profiles'!$G$22=$B$10,7,0)+IF('Standard Profiles'!$G$22=$B$17,14,0)+IF('Standard Profiles'!$G$22=$B$24,21,0),0)),0)</f>
        <v>0</v>
      </c>
      <c r="I2847">
        <f t="shared" si="321"/>
        <v>0.17834906881943127</v>
      </c>
      <c r="J2847">
        <f t="shared" si="322"/>
        <v>0.59449689606477096</v>
      </c>
      <c r="K2847">
        <f t="shared" si="323"/>
        <v>0.89174534409715644</v>
      </c>
      <c r="L2847">
        <f t="shared" si="324"/>
        <v>9.9661714438910192</v>
      </c>
      <c r="M2847">
        <f t="shared" si="325"/>
        <v>0</v>
      </c>
      <c r="N2847" s="46">
        <f t="shared" si="326"/>
        <v>45409.208333326511</v>
      </c>
    </row>
    <row r="2848" spans="2:14" x14ac:dyDescent="0.3">
      <c r="B2848">
        <f t="shared" si="320"/>
        <v>6</v>
      </c>
      <c r="C2848" s="16">
        <v>2814</v>
      </c>
      <c r="D2848" cm="1">
        <f t="array" ref="D2848">IFERROR(INDEX(Jesper!AH$2:AH$366,ROUNDDOWN($C2848/24,0)+1,1)*INDEX($D$3:$AA$30,INDEX(Jesper!$R$2:$R$366,ROW(INDEX(Jesper!AH$2:AH$366,ROUNDDOWN($C2848/24,0)+1,1))-1)+IF('Standard Profiles'!$G$18=$B$10,7,0)+IF('Standard Profiles'!$G$18=$B$17,14,0)+IF('Standard Profiles'!$G$18=$B$24,21,0),MOD($C2848,24)+1)/SUM(INDEX($D$3:$AA$30,INDEX(Jesper!$R$2:$R$366,ROW(INDEX(Jesper!AH$2:AH$366,ROUNDDOWN($C2848/24,0)+1,1))-1)+IF('Standard Profiles'!$G$18=$B$10,7,0)+IF('Standard Profiles'!$G$18=$B$17,14,0)+IF('Standard Profiles'!$G$18=$B$24,21,0),0)),0)</f>
        <v>12.111169366558983</v>
      </c>
      <c r="E2848" cm="1">
        <f t="array" ref="E2848">IFERROR(INDEX(Jesper!AI$2:AI$366,ROUNDDOWN($C2848/24,0)+1,1)*INDEX($D$3:$AA$30,INDEX(Jesper!$R$2:$R$366,ROW(INDEX(Jesper!AI$2:AI$366,ROUNDDOWN($C2848/24,0)+1,1))-1)+IF('Standard Profiles'!$G$19=$B$10,7,0)+IF('Standard Profiles'!$G$19=$B$17,14,0)+IF('Standard Profiles'!$G$19=$B$24,21,0),MOD($C2848,24)+1)/SUM(INDEX($D$3:$AA$30,INDEX(Jesper!$R$2:$R$366,ROW(INDEX(Jesper!AI$2:AI$366,ROUNDDOWN($C2848/24,0)+1,1))-1)+IF('Standard Profiles'!$G$19=$B$10,7,0)+IF('Standard Profiles'!$G$19=$B$17,14,0)+IF('Standard Profiles'!$G$19=$B$24,21,0),0)),0)</f>
        <v>2.4842976174377243</v>
      </c>
      <c r="F2848" cm="1">
        <f t="array" ref="F2848">IFERROR(INDEX(Jesper!AJ$2:AJ$366,ROUNDDOWN($C2848/24,0)+1,1)*INDEX($D$3:$AA$30,INDEX(Jesper!$R$2:$R$366,ROW(INDEX(Jesper!AJ$2:AJ$366,ROUNDDOWN($C2848/24,0)+1,1))-1)+IF('Standard Profiles'!$G$20=$B$10,7,0)+IF('Standard Profiles'!$G$20=$B$17,14,0)+IF('Standard Profiles'!$G$20=$B$24,21,0),MOD($C2848,24)+1)/SUM(INDEX($D$3:$AA$30,INDEX(Jesper!$R$2:$R$366,ROW(INDEX(Jesper!AJ$2:AJ$366,ROUNDDOWN($C2848/24,0)+1,1))-1)+IF('Standard Profiles'!$G$20=$B$10,7,0)+IF('Standard Profiles'!$G$20=$B$17,14,0)+IF('Standard Profiles'!$G$20=$B$24,21,0),0)),0)</f>
        <v>0</v>
      </c>
      <c r="G2848" cm="1">
        <f t="array" ref="G2848">IFERROR(INDEX(Jesper!AK$2:AK$366,ROUNDDOWN($C2848/24,0)+1,1)*INDEX($D$3:$AA$30,INDEX(Jesper!$R$2:$R$366,ROW(INDEX(Jesper!AK$2:AK$366,ROUNDDOWN($C2848/24,0)+1,1))-1)+IF('Standard Profiles'!$G$21=$B$10,7,0)+IF('Standard Profiles'!$G$21=$B$17,14,0)+IF('Standard Profiles'!$G$21=$B$24,21,0),MOD($C2848,24)+1)/SUM(INDEX($D$3:$AA$30,INDEX(Jesper!$R$2:$R$366,ROW(INDEX(Jesper!AK$2:AK$366,ROUNDDOWN($C2848/24,0)+1,1))-1)+IF('Standard Profiles'!$G$21=$B$10,7,0)+IF('Standard Profiles'!$G$21=$B$17,14,0)+IF('Standard Profiles'!$G$21=$B$24,21,0),0)),0)</f>
        <v>0</v>
      </c>
      <c r="H2848" cm="1">
        <f t="array" ref="H2848">IFERROR(INDEX(Jesper!AL$2:AL$366,ROUNDDOWN($C2848/24,0)+1,1)*INDEX($D$3:$AA$30,INDEX(Jesper!$R$2:$R$366,ROW(INDEX(Jesper!AL$2:AL$366,ROUNDDOWN($C2848/24,0)+1,1))-1)+IF('Standard Profiles'!$G$22=$B$10,7,0)+IF('Standard Profiles'!$G$22=$B$17,14,0)+IF('Standard Profiles'!$G$22=$B$24,21,0),MOD($C2848,24)+1)/SUM(INDEX($D$3:$AA$30,INDEX(Jesper!$R$2:$R$366,ROW(INDEX(Jesper!AL$2:AL$366,ROUNDDOWN($C2848/24,0)+1,1))-1)+IF('Standard Profiles'!$G$22=$B$10,7,0)+IF('Standard Profiles'!$G$22=$B$17,14,0)+IF('Standard Profiles'!$G$22=$B$24,21,0),0)),0)</f>
        <v>0</v>
      </c>
      <c r="I2848">
        <f t="shared" si="321"/>
        <v>0.22381059616556082</v>
      </c>
      <c r="J2848">
        <f t="shared" si="322"/>
        <v>0.74603532055186939</v>
      </c>
      <c r="K2848">
        <f t="shared" si="323"/>
        <v>1.1190529808278042</v>
      </c>
      <c r="L2848">
        <f t="shared" si="324"/>
        <v>12.506568086451473</v>
      </c>
      <c r="M2848">
        <f t="shared" si="325"/>
        <v>0</v>
      </c>
      <c r="N2848" s="46">
        <f t="shared" si="326"/>
        <v>45409.249999993175</v>
      </c>
    </row>
    <row r="2849" spans="2:14" x14ac:dyDescent="0.3">
      <c r="B2849">
        <f t="shared" si="320"/>
        <v>6</v>
      </c>
      <c r="C2849" s="16">
        <v>2815</v>
      </c>
      <c r="D2849" cm="1">
        <f t="array" ref="D2849">IFERROR(INDEX(Jesper!AH$2:AH$366,ROUNDDOWN($C2849/24,0)+1,1)*INDEX($D$3:$AA$30,INDEX(Jesper!$R$2:$R$366,ROW(INDEX(Jesper!AH$2:AH$366,ROUNDDOWN($C2849/24,0)+1,1))-1)+IF('Standard Profiles'!$G$18=$B$10,7,0)+IF('Standard Profiles'!$G$18=$B$17,14,0)+IF('Standard Profiles'!$G$18=$B$24,21,0),MOD($C2849,24)+1)/SUM(INDEX($D$3:$AA$30,INDEX(Jesper!$R$2:$R$366,ROW(INDEX(Jesper!AH$2:AH$366,ROUNDDOWN($C2849/24,0)+1,1))-1)+IF('Standard Profiles'!$G$18=$B$10,7,0)+IF('Standard Profiles'!$G$18=$B$17,14,0)+IF('Standard Profiles'!$G$18=$B$24,21,0),0)),0)</f>
        <v>13.81430255873134</v>
      </c>
      <c r="E2849" cm="1">
        <f t="array" ref="E2849">IFERROR(INDEX(Jesper!AI$2:AI$366,ROUNDDOWN($C2849/24,0)+1,1)*INDEX($D$3:$AA$30,INDEX(Jesper!$R$2:$R$366,ROW(INDEX(Jesper!AI$2:AI$366,ROUNDDOWN($C2849/24,0)+1,1))-1)+IF('Standard Profiles'!$G$19=$B$10,7,0)+IF('Standard Profiles'!$G$19=$B$17,14,0)+IF('Standard Profiles'!$G$19=$B$24,21,0),MOD($C2849,24)+1)/SUM(INDEX($D$3:$AA$30,INDEX(Jesper!$R$2:$R$366,ROW(INDEX(Jesper!AI$2:AI$366,ROUNDDOWN($C2849/24,0)+1,1))-1)+IF('Standard Profiles'!$G$19=$B$10,7,0)+IF('Standard Profiles'!$G$19=$B$17,14,0)+IF('Standard Profiles'!$G$19=$B$24,21,0),0)),0)</f>
        <v>2.8336519698899041</v>
      </c>
      <c r="F2849" cm="1">
        <f t="array" ref="F2849">IFERROR(INDEX(Jesper!AJ$2:AJ$366,ROUNDDOWN($C2849/24,0)+1,1)*INDEX($D$3:$AA$30,INDEX(Jesper!$R$2:$R$366,ROW(INDEX(Jesper!AJ$2:AJ$366,ROUNDDOWN($C2849/24,0)+1,1))-1)+IF('Standard Profiles'!$G$20=$B$10,7,0)+IF('Standard Profiles'!$G$20=$B$17,14,0)+IF('Standard Profiles'!$G$20=$B$24,21,0),MOD($C2849,24)+1)/SUM(INDEX($D$3:$AA$30,INDEX(Jesper!$R$2:$R$366,ROW(INDEX(Jesper!AJ$2:AJ$366,ROUNDDOWN($C2849/24,0)+1,1))-1)+IF('Standard Profiles'!$G$20=$B$10,7,0)+IF('Standard Profiles'!$G$20=$B$17,14,0)+IF('Standard Profiles'!$G$20=$B$24,21,0),0)),0)</f>
        <v>0</v>
      </c>
      <c r="G2849" cm="1">
        <f t="array" ref="G2849">IFERROR(INDEX(Jesper!AK$2:AK$366,ROUNDDOWN($C2849/24,0)+1,1)*INDEX($D$3:$AA$30,INDEX(Jesper!$R$2:$R$366,ROW(INDEX(Jesper!AK$2:AK$366,ROUNDDOWN($C2849/24,0)+1,1))-1)+IF('Standard Profiles'!$G$21=$B$10,7,0)+IF('Standard Profiles'!$G$21=$B$17,14,0)+IF('Standard Profiles'!$G$21=$B$24,21,0),MOD($C2849,24)+1)/SUM(INDEX($D$3:$AA$30,INDEX(Jesper!$R$2:$R$366,ROW(INDEX(Jesper!AK$2:AK$366,ROUNDDOWN($C2849/24,0)+1,1))-1)+IF('Standard Profiles'!$G$21=$B$10,7,0)+IF('Standard Profiles'!$G$21=$B$17,14,0)+IF('Standard Profiles'!$G$21=$B$24,21,0),0)),0)</f>
        <v>0</v>
      </c>
      <c r="H2849" cm="1">
        <f t="array" ref="H2849">IFERROR(INDEX(Jesper!AL$2:AL$366,ROUNDDOWN($C2849/24,0)+1,1)*INDEX($D$3:$AA$30,INDEX(Jesper!$R$2:$R$366,ROW(INDEX(Jesper!AL$2:AL$366,ROUNDDOWN($C2849/24,0)+1,1))-1)+IF('Standard Profiles'!$G$22=$B$10,7,0)+IF('Standard Profiles'!$G$22=$B$17,14,0)+IF('Standard Profiles'!$G$22=$B$24,21,0),MOD($C2849,24)+1)/SUM(INDEX($D$3:$AA$30,INDEX(Jesper!$R$2:$R$366,ROW(INDEX(Jesper!AL$2:AL$366,ROUNDDOWN($C2849/24,0)+1,1))-1)+IF('Standard Profiles'!$G$22=$B$10,7,0)+IF('Standard Profiles'!$G$22=$B$17,14,0)+IF('Standard Profiles'!$G$22=$B$24,21,0),0)),0)</f>
        <v>0</v>
      </c>
      <c r="I2849">
        <f t="shared" si="321"/>
        <v>0.25528396125134278</v>
      </c>
      <c r="J2849">
        <f t="shared" si="322"/>
        <v>0.85094653750447602</v>
      </c>
      <c r="K2849">
        <f t="shared" si="323"/>
        <v>1.276419806256714</v>
      </c>
      <c r="L2849">
        <f t="shared" si="324"/>
        <v>14.265304223608711</v>
      </c>
      <c r="M2849">
        <f t="shared" si="325"/>
        <v>0</v>
      </c>
      <c r="N2849" s="46">
        <f t="shared" si="326"/>
        <v>45409.291666659839</v>
      </c>
    </row>
    <row r="2850" spans="2:14" x14ac:dyDescent="0.3">
      <c r="B2850">
        <f t="shared" si="320"/>
        <v>6</v>
      </c>
      <c r="C2850" s="16">
        <v>2816</v>
      </c>
      <c r="D2850" cm="1">
        <f t="array" ref="D2850">IFERROR(INDEX(Jesper!AH$2:AH$366,ROUNDDOWN($C2850/24,0)+1,1)*INDEX($D$3:$AA$30,INDEX(Jesper!$R$2:$R$366,ROW(INDEX(Jesper!AH$2:AH$366,ROUNDDOWN($C2850/24,0)+1,1))-1)+IF('Standard Profiles'!$G$18=$B$10,7,0)+IF('Standard Profiles'!$G$18=$B$17,14,0)+IF('Standard Profiles'!$G$18=$B$24,21,0),MOD($C2850,24)+1)/SUM(INDEX($D$3:$AA$30,INDEX(Jesper!$R$2:$R$366,ROW(INDEX(Jesper!AH$2:AH$366,ROUNDDOWN($C2850/24,0)+1,1))-1)+IF('Standard Profiles'!$G$18=$B$10,7,0)+IF('Standard Profiles'!$G$18=$B$17,14,0)+IF('Standard Profiles'!$G$18=$B$24,21,0),0)),0)</f>
        <v>13.81430255873134</v>
      </c>
      <c r="E2850" cm="1">
        <f t="array" ref="E2850">IFERROR(INDEX(Jesper!AI$2:AI$366,ROUNDDOWN($C2850/24,0)+1,1)*INDEX($D$3:$AA$30,INDEX(Jesper!$R$2:$R$366,ROW(INDEX(Jesper!AI$2:AI$366,ROUNDDOWN($C2850/24,0)+1,1))-1)+IF('Standard Profiles'!$G$19=$B$10,7,0)+IF('Standard Profiles'!$G$19=$B$17,14,0)+IF('Standard Profiles'!$G$19=$B$24,21,0),MOD($C2850,24)+1)/SUM(INDEX($D$3:$AA$30,INDEX(Jesper!$R$2:$R$366,ROW(INDEX(Jesper!AI$2:AI$366,ROUNDDOWN($C2850/24,0)+1,1))-1)+IF('Standard Profiles'!$G$19=$B$10,7,0)+IF('Standard Profiles'!$G$19=$B$17,14,0)+IF('Standard Profiles'!$G$19=$B$24,21,0),0)),0)</f>
        <v>2.8336519698899041</v>
      </c>
      <c r="F2850" cm="1">
        <f t="array" ref="F2850">IFERROR(INDEX(Jesper!AJ$2:AJ$366,ROUNDDOWN($C2850/24,0)+1,1)*INDEX($D$3:$AA$30,INDEX(Jesper!$R$2:$R$366,ROW(INDEX(Jesper!AJ$2:AJ$366,ROUNDDOWN($C2850/24,0)+1,1))-1)+IF('Standard Profiles'!$G$20=$B$10,7,0)+IF('Standard Profiles'!$G$20=$B$17,14,0)+IF('Standard Profiles'!$G$20=$B$24,21,0),MOD($C2850,24)+1)/SUM(INDEX($D$3:$AA$30,INDEX(Jesper!$R$2:$R$366,ROW(INDEX(Jesper!AJ$2:AJ$366,ROUNDDOWN($C2850/24,0)+1,1))-1)+IF('Standard Profiles'!$G$20=$B$10,7,0)+IF('Standard Profiles'!$G$20=$B$17,14,0)+IF('Standard Profiles'!$G$20=$B$24,21,0),0)),0)</f>
        <v>0</v>
      </c>
      <c r="G2850" cm="1">
        <f t="array" ref="G2850">IFERROR(INDEX(Jesper!AK$2:AK$366,ROUNDDOWN($C2850/24,0)+1,1)*INDEX($D$3:$AA$30,INDEX(Jesper!$R$2:$R$366,ROW(INDEX(Jesper!AK$2:AK$366,ROUNDDOWN($C2850/24,0)+1,1))-1)+IF('Standard Profiles'!$G$21=$B$10,7,0)+IF('Standard Profiles'!$G$21=$B$17,14,0)+IF('Standard Profiles'!$G$21=$B$24,21,0),MOD($C2850,24)+1)/SUM(INDEX($D$3:$AA$30,INDEX(Jesper!$R$2:$R$366,ROW(INDEX(Jesper!AK$2:AK$366,ROUNDDOWN($C2850/24,0)+1,1))-1)+IF('Standard Profiles'!$G$21=$B$10,7,0)+IF('Standard Profiles'!$G$21=$B$17,14,0)+IF('Standard Profiles'!$G$21=$B$24,21,0),0)),0)</f>
        <v>0</v>
      </c>
      <c r="H2850" cm="1">
        <f t="array" ref="H2850">IFERROR(INDEX(Jesper!AL$2:AL$366,ROUNDDOWN($C2850/24,0)+1,1)*INDEX($D$3:$AA$30,INDEX(Jesper!$R$2:$R$366,ROW(INDEX(Jesper!AL$2:AL$366,ROUNDDOWN($C2850/24,0)+1,1))-1)+IF('Standard Profiles'!$G$22=$B$10,7,0)+IF('Standard Profiles'!$G$22=$B$17,14,0)+IF('Standard Profiles'!$G$22=$B$24,21,0),MOD($C2850,24)+1)/SUM(INDEX($D$3:$AA$30,INDEX(Jesper!$R$2:$R$366,ROW(INDEX(Jesper!AL$2:AL$366,ROUNDDOWN($C2850/24,0)+1,1))-1)+IF('Standard Profiles'!$G$22=$B$10,7,0)+IF('Standard Profiles'!$G$22=$B$17,14,0)+IF('Standard Profiles'!$G$22=$B$24,21,0),0)),0)</f>
        <v>0</v>
      </c>
      <c r="I2850">
        <f t="shared" si="321"/>
        <v>0.25528396125134278</v>
      </c>
      <c r="J2850">
        <f t="shared" si="322"/>
        <v>0.85094653750447602</v>
      </c>
      <c r="K2850">
        <f t="shared" si="323"/>
        <v>1.276419806256714</v>
      </c>
      <c r="L2850">
        <f t="shared" si="324"/>
        <v>14.265304223608711</v>
      </c>
      <c r="M2850">
        <f t="shared" si="325"/>
        <v>0</v>
      </c>
      <c r="N2850" s="46">
        <f t="shared" si="326"/>
        <v>45409.333333326504</v>
      </c>
    </row>
    <row r="2851" spans="2:14" x14ac:dyDescent="0.3">
      <c r="B2851">
        <f t="shared" ref="B2851:B2914" si="327">WEEKDAY(N2851,2)</f>
        <v>6</v>
      </c>
      <c r="C2851" s="16">
        <v>2817</v>
      </c>
      <c r="D2851" cm="1">
        <f t="array" ref="D2851">IFERROR(INDEX(Jesper!AH$2:AH$366,ROUNDDOWN($C2851/24,0)+1,1)*INDEX($D$3:$AA$30,INDEX(Jesper!$R$2:$R$366,ROW(INDEX(Jesper!AH$2:AH$366,ROUNDDOWN($C2851/24,0)+1,1))-1)+IF('Standard Profiles'!$G$18=$B$10,7,0)+IF('Standard Profiles'!$G$18=$B$17,14,0)+IF('Standard Profiles'!$G$18=$B$24,21,0),MOD($C2851,24)+1)/SUM(INDEX($D$3:$AA$30,INDEX(Jesper!$R$2:$R$366,ROW(INDEX(Jesper!AH$2:AH$366,ROUNDDOWN($C2851/24,0)+1,1))-1)+IF('Standard Profiles'!$G$18=$B$10,7,0)+IF('Standard Profiles'!$G$18=$B$17,14,0)+IF('Standard Profiles'!$G$18=$B$24,21,0),0)),0)</f>
        <v>13.81430255873134</v>
      </c>
      <c r="E2851" cm="1">
        <f t="array" ref="E2851">IFERROR(INDEX(Jesper!AI$2:AI$366,ROUNDDOWN($C2851/24,0)+1,1)*INDEX($D$3:$AA$30,INDEX(Jesper!$R$2:$R$366,ROW(INDEX(Jesper!AI$2:AI$366,ROUNDDOWN($C2851/24,0)+1,1))-1)+IF('Standard Profiles'!$G$19=$B$10,7,0)+IF('Standard Profiles'!$G$19=$B$17,14,0)+IF('Standard Profiles'!$G$19=$B$24,21,0),MOD($C2851,24)+1)/SUM(INDEX($D$3:$AA$30,INDEX(Jesper!$R$2:$R$366,ROW(INDEX(Jesper!AI$2:AI$366,ROUNDDOWN($C2851/24,0)+1,1))-1)+IF('Standard Profiles'!$G$19=$B$10,7,0)+IF('Standard Profiles'!$G$19=$B$17,14,0)+IF('Standard Profiles'!$G$19=$B$24,21,0),0)),0)</f>
        <v>2.8336519698899041</v>
      </c>
      <c r="F2851" cm="1">
        <f t="array" ref="F2851">IFERROR(INDEX(Jesper!AJ$2:AJ$366,ROUNDDOWN($C2851/24,0)+1,1)*INDEX($D$3:$AA$30,INDEX(Jesper!$R$2:$R$366,ROW(INDEX(Jesper!AJ$2:AJ$366,ROUNDDOWN($C2851/24,0)+1,1))-1)+IF('Standard Profiles'!$G$20=$B$10,7,0)+IF('Standard Profiles'!$G$20=$B$17,14,0)+IF('Standard Profiles'!$G$20=$B$24,21,0),MOD($C2851,24)+1)/SUM(INDEX($D$3:$AA$30,INDEX(Jesper!$R$2:$R$366,ROW(INDEX(Jesper!AJ$2:AJ$366,ROUNDDOWN($C2851/24,0)+1,1))-1)+IF('Standard Profiles'!$G$20=$B$10,7,0)+IF('Standard Profiles'!$G$20=$B$17,14,0)+IF('Standard Profiles'!$G$20=$B$24,21,0),0)),0)</f>
        <v>0</v>
      </c>
      <c r="G2851" cm="1">
        <f t="array" ref="G2851">IFERROR(INDEX(Jesper!AK$2:AK$366,ROUNDDOWN($C2851/24,0)+1,1)*INDEX($D$3:$AA$30,INDEX(Jesper!$R$2:$R$366,ROW(INDEX(Jesper!AK$2:AK$366,ROUNDDOWN($C2851/24,0)+1,1))-1)+IF('Standard Profiles'!$G$21=$B$10,7,0)+IF('Standard Profiles'!$G$21=$B$17,14,0)+IF('Standard Profiles'!$G$21=$B$24,21,0),MOD($C2851,24)+1)/SUM(INDEX($D$3:$AA$30,INDEX(Jesper!$R$2:$R$366,ROW(INDEX(Jesper!AK$2:AK$366,ROUNDDOWN($C2851/24,0)+1,1))-1)+IF('Standard Profiles'!$G$21=$B$10,7,0)+IF('Standard Profiles'!$G$21=$B$17,14,0)+IF('Standard Profiles'!$G$21=$B$24,21,0),0)),0)</f>
        <v>0</v>
      </c>
      <c r="H2851" cm="1">
        <f t="array" ref="H2851">IFERROR(INDEX(Jesper!AL$2:AL$366,ROUNDDOWN($C2851/24,0)+1,1)*INDEX($D$3:$AA$30,INDEX(Jesper!$R$2:$R$366,ROW(INDEX(Jesper!AL$2:AL$366,ROUNDDOWN($C2851/24,0)+1,1))-1)+IF('Standard Profiles'!$G$22=$B$10,7,0)+IF('Standard Profiles'!$G$22=$B$17,14,0)+IF('Standard Profiles'!$G$22=$B$24,21,0),MOD($C2851,24)+1)/SUM(INDEX($D$3:$AA$30,INDEX(Jesper!$R$2:$R$366,ROW(INDEX(Jesper!AL$2:AL$366,ROUNDDOWN($C2851/24,0)+1,1))-1)+IF('Standard Profiles'!$G$22=$B$10,7,0)+IF('Standard Profiles'!$G$22=$B$17,14,0)+IF('Standard Profiles'!$G$22=$B$24,21,0),0)),0)</f>
        <v>0</v>
      </c>
      <c r="I2851">
        <f t="shared" ref="I2851:I2914" si="328">IF($B2851&lt;6,AC$37*$D2851+AC$38*$E2851+AC$39*$F2851+AC$40*$G2851,AC$46*$D2851+AC$47*$E2851+AC$48*$F2851+AC$49*$G2851+AC$50*$H2851)</f>
        <v>0.25528396125134278</v>
      </c>
      <c r="J2851">
        <f t="shared" ref="J2851:J2914" si="329">IF($B2851&lt;6,AD$37*$D2851+AD$38*$E2851+AD$39*$F2851+AD$40*$G2851,AD$46*$D2851+AD$47*$E2851+AD$48*$F2851+AD$49*$G2851+AD$50*$H2851)</f>
        <v>0.85094653750447602</v>
      </c>
      <c r="K2851">
        <f t="shared" ref="K2851:K2914" si="330">IF($B2851&lt;6,AE$37*$D2851+AE$38*$E2851+AE$39*$F2851+AE$40*$G2851,AE$46*$D2851+AE$47*$E2851+AE$48*$F2851+AE$49*$G2851+AE$50*$H2851)</f>
        <v>1.276419806256714</v>
      </c>
      <c r="L2851">
        <f t="shared" ref="L2851:L2914" si="331">IF($B2851&lt;6,AF$37*$D2851+AF$38*$E2851+AF$39*$F2851+AF$40*$G2851,AF$46*$D2851+AF$47*$E2851+AF$48*$F2851+AF$49*$G2851+AF$50*$H2851)</f>
        <v>14.265304223608711</v>
      </c>
      <c r="M2851">
        <f t="shared" ref="M2851:M2914" si="332">IF($B2851&lt;6,AG$37*$D2851+AG$38*$E2851+AG$39*$F2851+AG$40*$G2851,AG$46*$D2851+AG$47*$E2851+AG$48*$F2851+AG$49*$G2851+AG$50*$H2851)</f>
        <v>0</v>
      </c>
      <c r="N2851" s="46">
        <f t="shared" si="326"/>
        <v>45409.374999993168</v>
      </c>
    </row>
    <row r="2852" spans="2:14" x14ac:dyDescent="0.3">
      <c r="B2852">
        <f t="shared" si="327"/>
        <v>6</v>
      </c>
      <c r="C2852" s="16">
        <v>2818</v>
      </c>
      <c r="D2852" cm="1">
        <f t="array" ref="D2852">IFERROR(INDEX(Jesper!AH$2:AH$366,ROUNDDOWN($C2852/24,0)+1,1)*INDEX($D$3:$AA$30,INDEX(Jesper!$R$2:$R$366,ROW(INDEX(Jesper!AH$2:AH$366,ROUNDDOWN($C2852/24,0)+1,1))-1)+IF('Standard Profiles'!$G$18=$B$10,7,0)+IF('Standard Profiles'!$G$18=$B$17,14,0)+IF('Standard Profiles'!$G$18=$B$24,21,0),MOD($C2852,24)+1)/SUM(INDEX($D$3:$AA$30,INDEX(Jesper!$R$2:$R$366,ROW(INDEX(Jesper!AH$2:AH$366,ROUNDDOWN($C2852/24,0)+1,1))-1)+IF('Standard Profiles'!$G$18=$B$10,7,0)+IF('Standard Profiles'!$G$18=$B$17,14,0)+IF('Standard Profiles'!$G$18=$B$24,21,0),0)),0)</f>
        <v>13.81430255873134</v>
      </c>
      <c r="E2852" cm="1">
        <f t="array" ref="E2852">IFERROR(INDEX(Jesper!AI$2:AI$366,ROUNDDOWN($C2852/24,0)+1,1)*INDEX($D$3:$AA$30,INDEX(Jesper!$R$2:$R$366,ROW(INDEX(Jesper!AI$2:AI$366,ROUNDDOWN($C2852/24,0)+1,1))-1)+IF('Standard Profiles'!$G$19=$B$10,7,0)+IF('Standard Profiles'!$G$19=$B$17,14,0)+IF('Standard Profiles'!$G$19=$B$24,21,0),MOD($C2852,24)+1)/SUM(INDEX($D$3:$AA$30,INDEX(Jesper!$R$2:$R$366,ROW(INDEX(Jesper!AI$2:AI$366,ROUNDDOWN($C2852/24,0)+1,1))-1)+IF('Standard Profiles'!$G$19=$B$10,7,0)+IF('Standard Profiles'!$G$19=$B$17,14,0)+IF('Standard Profiles'!$G$19=$B$24,21,0),0)),0)</f>
        <v>2.8336519698899041</v>
      </c>
      <c r="F2852" cm="1">
        <f t="array" ref="F2852">IFERROR(INDEX(Jesper!AJ$2:AJ$366,ROUNDDOWN($C2852/24,0)+1,1)*INDEX($D$3:$AA$30,INDEX(Jesper!$R$2:$R$366,ROW(INDEX(Jesper!AJ$2:AJ$366,ROUNDDOWN($C2852/24,0)+1,1))-1)+IF('Standard Profiles'!$G$20=$B$10,7,0)+IF('Standard Profiles'!$G$20=$B$17,14,0)+IF('Standard Profiles'!$G$20=$B$24,21,0),MOD($C2852,24)+1)/SUM(INDEX($D$3:$AA$30,INDEX(Jesper!$R$2:$R$366,ROW(INDEX(Jesper!AJ$2:AJ$366,ROUNDDOWN($C2852/24,0)+1,1))-1)+IF('Standard Profiles'!$G$20=$B$10,7,0)+IF('Standard Profiles'!$G$20=$B$17,14,0)+IF('Standard Profiles'!$G$20=$B$24,21,0),0)),0)</f>
        <v>0</v>
      </c>
      <c r="G2852" cm="1">
        <f t="array" ref="G2852">IFERROR(INDEX(Jesper!AK$2:AK$366,ROUNDDOWN($C2852/24,0)+1,1)*INDEX($D$3:$AA$30,INDEX(Jesper!$R$2:$R$366,ROW(INDEX(Jesper!AK$2:AK$366,ROUNDDOWN($C2852/24,0)+1,1))-1)+IF('Standard Profiles'!$G$21=$B$10,7,0)+IF('Standard Profiles'!$G$21=$B$17,14,0)+IF('Standard Profiles'!$G$21=$B$24,21,0),MOD($C2852,24)+1)/SUM(INDEX($D$3:$AA$30,INDEX(Jesper!$R$2:$R$366,ROW(INDEX(Jesper!AK$2:AK$366,ROUNDDOWN($C2852/24,0)+1,1))-1)+IF('Standard Profiles'!$G$21=$B$10,7,0)+IF('Standard Profiles'!$G$21=$B$17,14,0)+IF('Standard Profiles'!$G$21=$B$24,21,0),0)),0)</f>
        <v>0</v>
      </c>
      <c r="H2852" cm="1">
        <f t="array" ref="H2852">IFERROR(INDEX(Jesper!AL$2:AL$366,ROUNDDOWN($C2852/24,0)+1,1)*INDEX($D$3:$AA$30,INDEX(Jesper!$R$2:$R$366,ROW(INDEX(Jesper!AL$2:AL$366,ROUNDDOWN($C2852/24,0)+1,1))-1)+IF('Standard Profiles'!$G$22=$B$10,7,0)+IF('Standard Profiles'!$G$22=$B$17,14,0)+IF('Standard Profiles'!$G$22=$B$24,21,0),MOD($C2852,24)+1)/SUM(INDEX($D$3:$AA$30,INDEX(Jesper!$R$2:$R$366,ROW(INDEX(Jesper!AL$2:AL$366,ROUNDDOWN($C2852/24,0)+1,1))-1)+IF('Standard Profiles'!$G$22=$B$10,7,0)+IF('Standard Profiles'!$G$22=$B$17,14,0)+IF('Standard Profiles'!$G$22=$B$24,21,0),0)),0)</f>
        <v>0</v>
      </c>
      <c r="I2852">
        <f t="shared" si="328"/>
        <v>0.25528396125134278</v>
      </c>
      <c r="J2852">
        <f t="shared" si="329"/>
        <v>0.85094653750447602</v>
      </c>
      <c r="K2852">
        <f t="shared" si="330"/>
        <v>1.276419806256714</v>
      </c>
      <c r="L2852">
        <f t="shared" si="331"/>
        <v>14.265304223608711</v>
      </c>
      <c r="M2852">
        <f t="shared" si="332"/>
        <v>0</v>
      </c>
      <c r="N2852" s="46">
        <f t="shared" ref="N2852:N2915" si="333">N2851+1/24</f>
        <v>45409.416666659832</v>
      </c>
    </row>
    <row r="2853" spans="2:14" x14ac:dyDescent="0.3">
      <c r="B2853">
        <f t="shared" si="327"/>
        <v>6</v>
      </c>
      <c r="C2853" s="16">
        <v>2819</v>
      </c>
      <c r="D2853" cm="1">
        <f t="array" ref="D2853">IFERROR(INDEX(Jesper!AH$2:AH$366,ROUNDDOWN($C2853/24,0)+1,1)*INDEX($D$3:$AA$30,INDEX(Jesper!$R$2:$R$366,ROW(INDEX(Jesper!AH$2:AH$366,ROUNDDOWN($C2853/24,0)+1,1))-1)+IF('Standard Profiles'!$G$18=$B$10,7,0)+IF('Standard Profiles'!$G$18=$B$17,14,0)+IF('Standard Profiles'!$G$18=$B$24,21,0),MOD($C2853,24)+1)/SUM(INDEX($D$3:$AA$30,INDEX(Jesper!$R$2:$R$366,ROW(INDEX(Jesper!AH$2:AH$366,ROUNDDOWN($C2853/24,0)+1,1))-1)+IF('Standard Profiles'!$G$18=$B$10,7,0)+IF('Standard Profiles'!$G$18=$B$17,14,0)+IF('Standard Profiles'!$G$18=$B$24,21,0),0)),0)</f>
        <v>13.81430255873134</v>
      </c>
      <c r="E2853" cm="1">
        <f t="array" ref="E2853">IFERROR(INDEX(Jesper!AI$2:AI$366,ROUNDDOWN($C2853/24,0)+1,1)*INDEX($D$3:$AA$30,INDEX(Jesper!$R$2:$R$366,ROW(INDEX(Jesper!AI$2:AI$366,ROUNDDOWN($C2853/24,0)+1,1))-1)+IF('Standard Profiles'!$G$19=$B$10,7,0)+IF('Standard Profiles'!$G$19=$B$17,14,0)+IF('Standard Profiles'!$G$19=$B$24,21,0),MOD($C2853,24)+1)/SUM(INDEX($D$3:$AA$30,INDEX(Jesper!$R$2:$R$366,ROW(INDEX(Jesper!AI$2:AI$366,ROUNDDOWN($C2853/24,0)+1,1))-1)+IF('Standard Profiles'!$G$19=$B$10,7,0)+IF('Standard Profiles'!$G$19=$B$17,14,0)+IF('Standard Profiles'!$G$19=$B$24,21,0),0)),0)</f>
        <v>2.8336519698899041</v>
      </c>
      <c r="F2853" cm="1">
        <f t="array" ref="F2853">IFERROR(INDEX(Jesper!AJ$2:AJ$366,ROUNDDOWN($C2853/24,0)+1,1)*INDEX($D$3:$AA$30,INDEX(Jesper!$R$2:$R$366,ROW(INDEX(Jesper!AJ$2:AJ$366,ROUNDDOWN($C2853/24,0)+1,1))-1)+IF('Standard Profiles'!$G$20=$B$10,7,0)+IF('Standard Profiles'!$G$20=$B$17,14,0)+IF('Standard Profiles'!$G$20=$B$24,21,0),MOD($C2853,24)+1)/SUM(INDEX($D$3:$AA$30,INDEX(Jesper!$R$2:$R$366,ROW(INDEX(Jesper!AJ$2:AJ$366,ROUNDDOWN($C2853/24,0)+1,1))-1)+IF('Standard Profiles'!$G$20=$B$10,7,0)+IF('Standard Profiles'!$G$20=$B$17,14,0)+IF('Standard Profiles'!$G$20=$B$24,21,0),0)),0)</f>
        <v>0</v>
      </c>
      <c r="G2853" cm="1">
        <f t="array" ref="G2853">IFERROR(INDEX(Jesper!AK$2:AK$366,ROUNDDOWN($C2853/24,0)+1,1)*INDEX($D$3:$AA$30,INDEX(Jesper!$R$2:$R$366,ROW(INDEX(Jesper!AK$2:AK$366,ROUNDDOWN($C2853/24,0)+1,1))-1)+IF('Standard Profiles'!$G$21=$B$10,7,0)+IF('Standard Profiles'!$G$21=$B$17,14,0)+IF('Standard Profiles'!$G$21=$B$24,21,0),MOD($C2853,24)+1)/SUM(INDEX($D$3:$AA$30,INDEX(Jesper!$R$2:$R$366,ROW(INDEX(Jesper!AK$2:AK$366,ROUNDDOWN($C2853/24,0)+1,1))-1)+IF('Standard Profiles'!$G$21=$B$10,7,0)+IF('Standard Profiles'!$G$21=$B$17,14,0)+IF('Standard Profiles'!$G$21=$B$24,21,0),0)),0)</f>
        <v>0</v>
      </c>
      <c r="H2853" cm="1">
        <f t="array" ref="H2853">IFERROR(INDEX(Jesper!AL$2:AL$366,ROUNDDOWN($C2853/24,0)+1,1)*INDEX($D$3:$AA$30,INDEX(Jesper!$R$2:$R$366,ROW(INDEX(Jesper!AL$2:AL$366,ROUNDDOWN($C2853/24,0)+1,1))-1)+IF('Standard Profiles'!$G$22=$B$10,7,0)+IF('Standard Profiles'!$G$22=$B$17,14,0)+IF('Standard Profiles'!$G$22=$B$24,21,0),MOD($C2853,24)+1)/SUM(INDEX($D$3:$AA$30,INDEX(Jesper!$R$2:$R$366,ROW(INDEX(Jesper!AL$2:AL$366,ROUNDDOWN($C2853/24,0)+1,1))-1)+IF('Standard Profiles'!$G$22=$B$10,7,0)+IF('Standard Profiles'!$G$22=$B$17,14,0)+IF('Standard Profiles'!$G$22=$B$24,21,0),0)),0)</f>
        <v>0</v>
      </c>
      <c r="I2853">
        <f t="shared" si="328"/>
        <v>0.25528396125134278</v>
      </c>
      <c r="J2853">
        <f t="shared" si="329"/>
        <v>0.85094653750447602</v>
      </c>
      <c r="K2853">
        <f t="shared" si="330"/>
        <v>1.276419806256714</v>
      </c>
      <c r="L2853">
        <f t="shared" si="331"/>
        <v>14.265304223608711</v>
      </c>
      <c r="M2853">
        <f t="shared" si="332"/>
        <v>0</v>
      </c>
      <c r="N2853" s="46">
        <f t="shared" si="333"/>
        <v>45409.458333326496</v>
      </c>
    </row>
    <row r="2854" spans="2:14" x14ac:dyDescent="0.3">
      <c r="B2854">
        <f t="shared" si="327"/>
        <v>6</v>
      </c>
      <c r="C2854" s="16">
        <v>2820</v>
      </c>
      <c r="D2854" cm="1">
        <f t="array" ref="D2854">IFERROR(INDEX(Jesper!AH$2:AH$366,ROUNDDOWN($C2854/24,0)+1,1)*INDEX($D$3:$AA$30,INDEX(Jesper!$R$2:$R$366,ROW(INDEX(Jesper!AH$2:AH$366,ROUNDDOWN($C2854/24,0)+1,1))-1)+IF('Standard Profiles'!$G$18=$B$10,7,0)+IF('Standard Profiles'!$G$18=$B$17,14,0)+IF('Standard Profiles'!$G$18=$B$24,21,0),MOD($C2854,24)+1)/SUM(INDEX($D$3:$AA$30,INDEX(Jesper!$R$2:$R$366,ROW(INDEX(Jesper!AH$2:AH$366,ROUNDDOWN($C2854/24,0)+1,1))-1)+IF('Standard Profiles'!$G$18=$B$10,7,0)+IF('Standard Profiles'!$G$18=$B$17,14,0)+IF('Standard Profiles'!$G$18=$B$24,21,0),0)),0)</f>
        <v>13.81430255873134</v>
      </c>
      <c r="E2854" cm="1">
        <f t="array" ref="E2854">IFERROR(INDEX(Jesper!AI$2:AI$366,ROUNDDOWN($C2854/24,0)+1,1)*INDEX($D$3:$AA$30,INDEX(Jesper!$R$2:$R$366,ROW(INDEX(Jesper!AI$2:AI$366,ROUNDDOWN($C2854/24,0)+1,1))-1)+IF('Standard Profiles'!$G$19=$B$10,7,0)+IF('Standard Profiles'!$G$19=$B$17,14,0)+IF('Standard Profiles'!$G$19=$B$24,21,0),MOD($C2854,24)+1)/SUM(INDEX($D$3:$AA$30,INDEX(Jesper!$R$2:$R$366,ROW(INDEX(Jesper!AI$2:AI$366,ROUNDDOWN($C2854/24,0)+1,1))-1)+IF('Standard Profiles'!$G$19=$B$10,7,0)+IF('Standard Profiles'!$G$19=$B$17,14,0)+IF('Standard Profiles'!$G$19=$B$24,21,0),0)),0)</f>
        <v>2.8336519698899041</v>
      </c>
      <c r="F2854" cm="1">
        <f t="array" ref="F2854">IFERROR(INDEX(Jesper!AJ$2:AJ$366,ROUNDDOWN($C2854/24,0)+1,1)*INDEX($D$3:$AA$30,INDEX(Jesper!$R$2:$R$366,ROW(INDEX(Jesper!AJ$2:AJ$366,ROUNDDOWN($C2854/24,0)+1,1))-1)+IF('Standard Profiles'!$G$20=$B$10,7,0)+IF('Standard Profiles'!$G$20=$B$17,14,0)+IF('Standard Profiles'!$G$20=$B$24,21,0),MOD($C2854,24)+1)/SUM(INDEX($D$3:$AA$30,INDEX(Jesper!$R$2:$R$366,ROW(INDEX(Jesper!AJ$2:AJ$366,ROUNDDOWN($C2854/24,0)+1,1))-1)+IF('Standard Profiles'!$G$20=$B$10,7,0)+IF('Standard Profiles'!$G$20=$B$17,14,0)+IF('Standard Profiles'!$G$20=$B$24,21,0),0)),0)</f>
        <v>0</v>
      </c>
      <c r="G2854" cm="1">
        <f t="array" ref="G2854">IFERROR(INDEX(Jesper!AK$2:AK$366,ROUNDDOWN($C2854/24,0)+1,1)*INDEX($D$3:$AA$30,INDEX(Jesper!$R$2:$R$366,ROW(INDEX(Jesper!AK$2:AK$366,ROUNDDOWN($C2854/24,0)+1,1))-1)+IF('Standard Profiles'!$G$21=$B$10,7,0)+IF('Standard Profiles'!$G$21=$B$17,14,0)+IF('Standard Profiles'!$G$21=$B$24,21,0),MOD($C2854,24)+1)/SUM(INDEX($D$3:$AA$30,INDEX(Jesper!$R$2:$R$366,ROW(INDEX(Jesper!AK$2:AK$366,ROUNDDOWN($C2854/24,0)+1,1))-1)+IF('Standard Profiles'!$G$21=$B$10,7,0)+IF('Standard Profiles'!$G$21=$B$17,14,0)+IF('Standard Profiles'!$G$21=$B$24,21,0),0)),0)</f>
        <v>0</v>
      </c>
      <c r="H2854" cm="1">
        <f t="array" ref="H2854">IFERROR(INDEX(Jesper!AL$2:AL$366,ROUNDDOWN($C2854/24,0)+1,1)*INDEX($D$3:$AA$30,INDEX(Jesper!$R$2:$R$366,ROW(INDEX(Jesper!AL$2:AL$366,ROUNDDOWN($C2854/24,0)+1,1))-1)+IF('Standard Profiles'!$G$22=$B$10,7,0)+IF('Standard Profiles'!$G$22=$B$17,14,0)+IF('Standard Profiles'!$G$22=$B$24,21,0),MOD($C2854,24)+1)/SUM(INDEX($D$3:$AA$30,INDEX(Jesper!$R$2:$R$366,ROW(INDEX(Jesper!AL$2:AL$366,ROUNDDOWN($C2854/24,0)+1,1))-1)+IF('Standard Profiles'!$G$22=$B$10,7,0)+IF('Standard Profiles'!$G$22=$B$17,14,0)+IF('Standard Profiles'!$G$22=$B$24,21,0),0)),0)</f>
        <v>0</v>
      </c>
      <c r="I2854">
        <f t="shared" si="328"/>
        <v>0.25528396125134278</v>
      </c>
      <c r="J2854">
        <f t="shared" si="329"/>
        <v>0.85094653750447602</v>
      </c>
      <c r="K2854">
        <f t="shared" si="330"/>
        <v>1.276419806256714</v>
      </c>
      <c r="L2854">
        <f t="shared" si="331"/>
        <v>14.265304223608711</v>
      </c>
      <c r="M2854">
        <f t="shared" si="332"/>
        <v>0</v>
      </c>
      <c r="N2854" s="46">
        <f t="shared" si="333"/>
        <v>45409.499999993161</v>
      </c>
    </row>
    <row r="2855" spans="2:14" x14ac:dyDescent="0.3">
      <c r="B2855">
        <f t="shared" si="327"/>
        <v>6</v>
      </c>
      <c r="C2855" s="16">
        <v>2821</v>
      </c>
      <c r="D2855" cm="1">
        <f t="array" ref="D2855">IFERROR(INDEX(Jesper!AH$2:AH$366,ROUNDDOWN($C2855/24,0)+1,1)*INDEX($D$3:$AA$30,INDEX(Jesper!$R$2:$R$366,ROW(INDEX(Jesper!AH$2:AH$366,ROUNDDOWN($C2855/24,0)+1,1))-1)+IF('Standard Profiles'!$G$18=$B$10,7,0)+IF('Standard Profiles'!$G$18=$B$17,14,0)+IF('Standard Profiles'!$G$18=$B$24,21,0),MOD($C2855,24)+1)/SUM(INDEX($D$3:$AA$30,INDEX(Jesper!$R$2:$R$366,ROW(INDEX(Jesper!AH$2:AH$366,ROUNDDOWN($C2855/24,0)+1,1))-1)+IF('Standard Profiles'!$G$18=$B$10,7,0)+IF('Standard Profiles'!$G$18=$B$17,14,0)+IF('Standard Profiles'!$G$18=$B$24,21,0),0)),0)</f>
        <v>13.81430255873134</v>
      </c>
      <c r="E2855" cm="1">
        <f t="array" ref="E2855">IFERROR(INDEX(Jesper!AI$2:AI$366,ROUNDDOWN($C2855/24,0)+1,1)*INDEX($D$3:$AA$30,INDEX(Jesper!$R$2:$R$366,ROW(INDEX(Jesper!AI$2:AI$366,ROUNDDOWN($C2855/24,0)+1,1))-1)+IF('Standard Profiles'!$G$19=$B$10,7,0)+IF('Standard Profiles'!$G$19=$B$17,14,0)+IF('Standard Profiles'!$G$19=$B$24,21,0),MOD($C2855,24)+1)/SUM(INDEX($D$3:$AA$30,INDEX(Jesper!$R$2:$R$366,ROW(INDEX(Jesper!AI$2:AI$366,ROUNDDOWN($C2855/24,0)+1,1))-1)+IF('Standard Profiles'!$G$19=$B$10,7,0)+IF('Standard Profiles'!$G$19=$B$17,14,0)+IF('Standard Profiles'!$G$19=$B$24,21,0),0)),0)</f>
        <v>2.8336519698899041</v>
      </c>
      <c r="F2855" cm="1">
        <f t="array" ref="F2855">IFERROR(INDEX(Jesper!AJ$2:AJ$366,ROUNDDOWN($C2855/24,0)+1,1)*INDEX($D$3:$AA$30,INDEX(Jesper!$R$2:$R$366,ROW(INDEX(Jesper!AJ$2:AJ$366,ROUNDDOWN($C2855/24,0)+1,1))-1)+IF('Standard Profiles'!$G$20=$B$10,7,0)+IF('Standard Profiles'!$G$20=$B$17,14,0)+IF('Standard Profiles'!$G$20=$B$24,21,0),MOD($C2855,24)+1)/SUM(INDEX($D$3:$AA$30,INDEX(Jesper!$R$2:$R$366,ROW(INDEX(Jesper!AJ$2:AJ$366,ROUNDDOWN($C2855/24,0)+1,1))-1)+IF('Standard Profiles'!$G$20=$B$10,7,0)+IF('Standard Profiles'!$G$20=$B$17,14,0)+IF('Standard Profiles'!$G$20=$B$24,21,0),0)),0)</f>
        <v>0</v>
      </c>
      <c r="G2855" cm="1">
        <f t="array" ref="G2855">IFERROR(INDEX(Jesper!AK$2:AK$366,ROUNDDOWN($C2855/24,0)+1,1)*INDEX($D$3:$AA$30,INDEX(Jesper!$R$2:$R$366,ROW(INDEX(Jesper!AK$2:AK$366,ROUNDDOWN($C2855/24,0)+1,1))-1)+IF('Standard Profiles'!$G$21=$B$10,7,0)+IF('Standard Profiles'!$G$21=$B$17,14,0)+IF('Standard Profiles'!$G$21=$B$24,21,0),MOD($C2855,24)+1)/SUM(INDEX($D$3:$AA$30,INDEX(Jesper!$R$2:$R$366,ROW(INDEX(Jesper!AK$2:AK$366,ROUNDDOWN($C2855/24,0)+1,1))-1)+IF('Standard Profiles'!$G$21=$B$10,7,0)+IF('Standard Profiles'!$G$21=$B$17,14,0)+IF('Standard Profiles'!$G$21=$B$24,21,0),0)),0)</f>
        <v>0</v>
      </c>
      <c r="H2855" cm="1">
        <f t="array" ref="H2855">IFERROR(INDEX(Jesper!AL$2:AL$366,ROUNDDOWN($C2855/24,0)+1,1)*INDEX($D$3:$AA$30,INDEX(Jesper!$R$2:$R$366,ROW(INDEX(Jesper!AL$2:AL$366,ROUNDDOWN($C2855/24,0)+1,1))-1)+IF('Standard Profiles'!$G$22=$B$10,7,0)+IF('Standard Profiles'!$G$22=$B$17,14,0)+IF('Standard Profiles'!$G$22=$B$24,21,0),MOD($C2855,24)+1)/SUM(INDEX($D$3:$AA$30,INDEX(Jesper!$R$2:$R$366,ROW(INDEX(Jesper!AL$2:AL$366,ROUNDDOWN($C2855/24,0)+1,1))-1)+IF('Standard Profiles'!$G$22=$B$10,7,0)+IF('Standard Profiles'!$G$22=$B$17,14,0)+IF('Standard Profiles'!$G$22=$B$24,21,0),0)),0)</f>
        <v>0</v>
      </c>
      <c r="I2855">
        <f t="shared" si="328"/>
        <v>0.25528396125134278</v>
      </c>
      <c r="J2855">
        <f t="shared" si="329"/>
        <v>0.85094653750447602</v>
      </c>
      <c r="K2855">
        <f t="shared" si="330"/>
        <v>1.276419806256714</v>
      </c>
      <c r="L2855">
        <f t="shared" si="331"/>
        <v>14.265304223608711</v>
      </c>
      <c r="M2855">
        <f t="shared" si="332"/>
        <v>0</v>
      </c>
      <c r="N2855" s="46">
        <f t="shared" si="333"/>
        <v>45409.541666659825</v>
      </c>
    </row>
    <row r="2856" spans="2:14" x14ac:dyDescent="0.3">
      <c r="B2856">
        <f t="shared" si="327"/>
        <v>6</v>
      </c>
      <c r="C2856" s="16">
        <v>2822</v>
      </c>
      <c r="D2856" cm="1">
        <f t="array" ref="D2856">IFERROR(INDEX(Jesper!AH$2:AH$366,ROUNDDOWN($C2856/24,0)+1,1)*INDEX($D$3:$AA$30,INDEX(Jesper!$R$2:$R$366,ROW(INDEX(Jesper!AH$2:AH$366,ROUNDDOWN($C2856/24,0)+1,1))-1)+IF('Standard Profiles'!$G$18=$B$10,7,0)+IF('Standard Profiles'!$G$18=$B$17,14,0)+IF('Standard Profiles'!$G$18=$B$24,21,0),MOD($C2856,24)+1)/SUM(INDEX($D$3:$AA$30,INDEX(Jesper!$R$2:$R$366,ROW(INDEX(Jesper!AH$2:AH$366,ROUNDDOWN($C2856/24,0)+1,1))-1)+IF('Standard Profiles'!$G$18=$B$10,7,0)+IF('Standard Profiles'!$G$18=$B$17,14,0)+IF('Standard Profiles'!$G$18=$B$24,21,0),0)),0)</f>
        <v>13.81430255873134</v>
      </c>
      <c r="E2856" cm="1">
        <f t="array" ref="E2856">IFERROR(INDEX(Jesper!AI$2:AI$366,ROUNDDOWN($C2856/24,0)+1,1)*INDEX($D$3:$AA$30,INDEX(Jesper!$R$2:$R$366,ROW(INDEX(Jesper!AI$2:AI$366,ROUNDDOWN($C2856/24,0)+1,1))-1)+IF('Standard Profiles'!$G$19=$B$10,7,0)+IF('Standard Profiles'!$G$19=$B$17,14,0)+IF('Standard Profiles'!$G$19=$B$24,21,0),MOD($C2856,24)+1)/SUM(INDEX($D$3:$AA$30,INDEX(Jesper!$R$2:$R$366,ROW(INDEX(Jesper!AI$2:AI$366,ROUNDDOWN($C2856/24,0)+1,1))-1)+IF('Standard Profiles'!$G$19=$B$10,7,0)+IF('Standard Profiles'!$G$19=$B$17,14,0)+IF('Standard Profiles'!$G$19=$B$24,21,0),0)),0)</f>
        <v>2.8336519698899041</v>
      </c>
      <c r="F2856" cm="1">
        <f t="array" ref="F2856">IFERROR(INDEX(Jesper!AJ$2:AJ$366,ROUNDDOWN($C2856/24,0)+1,1)*INDEX($D$3:$AA$30,INDEX(Jesper!$R$2:$R$366,ROW(INDEX(Jesper!AJ$2:AJ$366,ROUNDDOWN($C2856/24,0)+1,1))-1)+IF('Standard Profiles'!$G$20=$B$10,7,0)+IF('Standard Profiles'!$G$20=$B$17,14,0)+IF('Standard Profiles'!$G$20=$B$24,21,0),MOD($C2856,24)+1)/SUM(INDEX($D$3:$AA$30,INDEX(Jesper!$R$2:$R$366,ROW(INDEX(Jesper!AJ$2:AJ$366,ROUNDDOWN($C2856/24,0)+1,1))-1)+IF('Standard Profiles'!$G$20=$B$10,7,0)+IF('Standard Profiles'!$G$20=$B$17,14,0)+IF('Standard Profiles'!$G$20=$B$24,21,0),0)),0)</f>
        <v>0</v>
      </c>
      <c r="G2856" cm="1">
        <f t="array" ref="G2856">IFERROR(INDEX(Jesper!AK$2:AK$366,ROUNDDOWN($C2856/24,0)+1,1)*INDEX($D$3:$AA$30,INDEX(Jesper!$R$2:$R$366,ROW(INDEX(Jesper!AK$2:AK$366,ROUNDDOWN($C2856/24,0)+1,1))-1)+IF('Standard Profiles'!$G$21=$B$10,7,0)+IF('Standard Profiles'!$G$21=$B$17,14,0)+IF('Standard Profiles'!$G$21=$B$24,21,0),MOD($C2856,24)+1)/SUM(INDEX($D$3:$AA$30,INDEX(Jesper!$R$2:$R$366,ROW(INDEX(Jesper!AK$2:AK$366,ROUNDDOWN($C2856/24,0)+1,1))-1)+IF('Standard Profiles'!$G$21=$B$10,7,0)+IF('Standard Profiles'!$G$21=$B$17,14,0)+IF('Standard Profiles'!$G$21=$B$24,21,0),0)),0)</f>
        <v>0</v>
      </c>
      <c r="H2856" cm="1">
        <f t="array" ref="H2856">IFERROR(INDEX(Jesper!AL$2:AL$366,ROUNDDOWN($C2856/24,0)+1,1)*INDEX($D$3:$AA$30,INDEX(Jesper!$R$2:$R$366,ROW(INDEX(Jesper!AL$2:AL$366,ROUNDDOWN($C2856/24,0)+1,1))-1)+IF('Standard Profiles'!$G$22=$B$10,7,0)+IF('Standard Profiles'!$G$22=$B$17,14,0)+IF('Standard Profiles'!$G$22=$B$24,21,0),MOD($C2856,24)+1)/SUM(INDEX($D$3:$AA$30,INDEX(Jesper!$R$2:$R$366,ROW(INDEX(Jesper!AL$2:AL$366,ROUNDDOWN($C2856/24,0)+1,1))-1)+IF('Standard Profiles'!$G$22=$B$10,7,0)+IF('Standard Profiles'!$G$22=$B$17,14,0)+IF('Standard Profiles'!$G$22=$B$24,21,0),0)),0)</f>
        <v>0</v>
      </c>
      <c r="I2856">
        <f t="shared" si="328"/>
        <v>0.25528396125134278</v>
      </c>
      <c r="J2856">
        <f t="shared" si="329"/>
        <v>0.85094653750447602</v>
      </c>
      <c r="K2856">
        <f t="shared" si="330"/>
        <v>1.276419806256714</v>
      </c>
      <c r="L2856">
        <f t="shared" si="331"/>
        <v>14.265304223608711</v>
      </c>
      <c r="M2856">
        <f t="shared" si="332"/>
        <v>0</v>
      </c>
      <c r="N2856" s="46">
        <f t="shared" si="333"/>
        <v>45409.583333326489</v>
      </c>
    </row>
    <row r="2857" spans="2:14" x14ac:dyDescent="0.3">
      <c r="B2857">
        <f t="shared" si="327"/>
        <v>6</v>
      </c>
      <c r="C2857" s="16">
        <v>2823</v>
      </c>
      <c r="D2857" cm="1">
        <f t="array" ref="D2857">IFERROR(INDEX(Jesper!AH$2:AH$366,ROUNDDOWN($C2857/24,0)+1,1)*INDEX($D$3:$AA$30,INDEX(Jesper!$R$2:$R$366,ROW(INDEX(Jesper!AH$2:AH$366,ROUNDDOWN($C2857/24,0)+1,1))-1)+IF('Standard Profiles'!$G$18=$B$10,7,0)+IF('Standard Profiles'!$G$18=$B$17,14,0)+IF('Standard Profiles'!$G$18=$B$24,21,0),MOD($C2857,24)+1)/SUM(INDEX($D$3:$AA$30,INDEX(Jesper!$R$2:$R$366,ROW(INDEX(Jesper!AH$2:AH$366,ROUNDDOWN($C2857/24,0)+1,1))-1)+IF('Standard Profiles'!$G$18=$B$10,7,0)+IF('Standard Profiles'!$G$18=$B$17,14,0)+IF('Standard Profiles'!$G$18=$B$24,21,0),0)),0)</f>
        <v>12.489643409263952</v>
      </c>
      <c r="E2857" cm="1">
        <f t="array" ref="E2857">IFERROR(INDEX(Jesper!AI$2:AI$366,ROUNDDOWN($C2857/24,0)+1,1)*INDEX($D$3:$AA$30,INDEX(Jesper!$R$2:$R$366,ROW(INDEX(Jesper!AI$2:AI$366,ROUNDDOWN($C2857/24,0)+1,1))-1)+IF('Standard Profiles'!$G$19=$B$10,7,0)+IF('Standard Profiles'!$G$19=$B$17,14,0)+IF('Standard Profiles'!$G$19=$B$24,21,0),MOD($C2857,24)+1)/SUM(INDEX($D$3:$AA$30,INDEX(Jesper!$R$2:$R$366,ROW(INDEX(Jesper!AI$2:AI$366,ROUNDDOWN($C2857/24,0)+1,1))-1)+IF('Standard Profiles'!$G$19=$B$10,7,0)+IF('Standard Profiles'!$G$19=$B$17,14,0)+IF('Standard Profiles'!$G$19=$B$24,21,0),0)),0)</f>
        <v>2.561931917982653</v>
      </c>
      <c r="F2857" cm="1">
        <f t="array" ref="F2857">IFERROR(INDEX(Jesper!AJ$2:AJ$366,ROUNDDOWN($C2857/24,0)+1,1)*INDEX($D$3:$AA$30,INDEX(Jesper!$R$2:$R$366,ROW(INDEX(Jesper!AJ$2:AJ$366,ROUNDDOWN($C2857/24,0)+1,1))-1)+IF('Standard Profiles'!$G$20=$B$10,7,0)+IF('Standard Profiles'!$G$20=$B$17,14,0)+IF('Standard Profiles'!$G$20=$B$24,21,0),MOD($C2857,24)+1)/SUM(INDEX($D$3:$AA$30,INDEX(Jesper!$R$2:$R$366,ROW(INDEX(Jesper!AJ$2:AJ$366,ROUNDDOWN($C2857/24,0)+1,1))-1)+IF('Standard Profiles'!$G$20=$B$10,7,0)+IF('Standard Profiles'!$G$20=$B$17,14,0)+IF('Standard Profiles'!$G$20=$B$24,21,0),0)),0)</f>
        <v>0</v>
      </c>
      <c r="G2857" cm="1">
        <f t="array" ref="G2857">IFERROR(INDEX(Jesper!AK$2:AK$366,ROUNDDOWN($C2857/24,0)+1,1)*INDEX($D$3:$AA$30,INDEX(Jesper!$R$2:$R$366,ROW(INDEX(Jesper!AK$2:AK$366,ROUNDDOWN($C2857/24,0)+1,1))-1)+IF('Standard Profiles'!$G$21=$B$10,7,0)+IF('Standard Profiles'!$G$21=$B$17,14,0)+IF('Standard Profiles'!$G$21=$B$24,21,0),MOD($C2857,24)+1)/SUM(INDEX($D$3:$AA$30,INDEX(Jesper!$R$2:$R$366,ROW(INDEX(Jesper!AK$2:AK$366,ROUNDDOWN($C2857/24,0)+1,1))-1)+IF('Standard Profiles'!$G$21=$B$10,7,0)+IF('Standard Profiles'!$G$21=$B$17,14,0)+IF('Standard Profiles'!$G$21=$B$24,21,0),0)),0)</f>
        <v>0</v>
      </c>
      <c r="H2857" cm="1">
        <f t="array" ref="H2857">IFERROR(INDEX(Jesper!AL$2:AL$366,ROUNDDOWN($C2857/24,0)+1,1)*INDEX($D$3:$AA$30,INDEX(Jesper!$R$2:$R$366,ROW(INDEX(Jesper!AL$2:AL$366,ROUNDDOWN($C2857/24,0)+1,1))-1)+IF('Standard Profiles'!$G$22=$B$10,7,0)+IF('Standard Profiles'!$G$22=$B$17,14,0)+IF('Standard Profiles'!$G$22=$B$24,21,0),MOD($C2857,24)+1)/SUM(INDEX($D$3:$AA$30,INDEX(Jesper!$R$2:$R$366,ROW(INDEX(Jesper!AL$2:AL$366,ROUNDDOWN($C2857/24,0)+1,1))-1)+IF('Standard Profiles'!$G$22=$B$10,7,0)+IF('Standard Profiles'!$G$22=$B$17,14,0)+IF('Standard Profiles'!$G$22=$B$24,21,0),0)),0)</f>
        <v>0</v>
      </c>
      <c r="I2857">
        <f t="shared" si="328"/>
        <v>0.23080467729573456</v>
      </c>
      <c r="J2857">
        <f t="shared" si="329"/>
        <v>0.76934892431911528</v>
      </c>
      <c r="K2857">
        <f t="shared" si="330"/>
        <v>1.1540233864786729</v>
      </c>
      <c r="L2857">
        <f t="shared" si="331"/>
        <v>12.897398339153082</v>
      </c>
      <c r="M2857">
        <f t="shared" si="332"/>
        <v>0</v>
      </c>
      <c r="N2857" s="46">
        <f t="shared" si="333"/>
        <v>45409.624999993153</v>
      </c>
    </row>
    <row r="2858" spans="2:14" x14ac:dyDescent="0.3">
      <c r="B2858">
        <f t="shared" si="327"/>
        <v>6</v>
      </c>
      <c r="C2858" s="16">
        <v>2824</v>
      </c>
      <c r="D2858" cm="1">
        <f t="array" ref="D2858">IFERROR(INDEX(Jesper!AH$2:AH$366,ROUNDDOWN($C2858/24,0)+1,1)*INDEX($D$3:$AA$30,INDEX(Jesper!$R$2:$R$366,ROW(INDEX(Jesper!AH$2:AH$366,ROUNDDOWN($C2858/24,0)+1,1))-1)+IF('Standard Profiles'!$G$18=$B$10,7,0)+IF('Standard Profiles'!$G$18=$B$17,14,0)+IF('Standard Profiles'!$G$18=$B$24,21,0),MOD($C2858,24)+1)/SUM(INDEX($D$3:$AA$30,INDEX(Jesper!$R$2:$R$366,ROW(INDEX(Jesper!AH$2:AH$366,ROUNDDOWN($C2858/24,0)+1,1))-1)+IF('Standard Profiles'!$G$18=$B$10,7,0)+IF('Standard Profiles'!$G$18=$B$17,14,0)+IF('Standard Profiles'!$G$18=$B$24,21,0),0)),0)</f>
        <v>11.354221281149048</v>
      </c>
      <c r="E2858" cm="1">
        <f t="array" ref="E2858">IFERROR(INDEX(Jesper!AI$2:AI$366,ROUNDDOWN($C2858/24,0)+1,1)*INDEX($D$3:$AA$30,INDEX(Jesper!$R$2:$R$366,ROW(INDEX(Jesper!AI$2:AI$366,ROUNDDOWN($C2858/24,0)+1,1))-1)+IF('Standard Profiles'!$G$19=$B$10,7,0)+IF('Standard Profiles'!$G$19=$B$17,14,0)+IF('Standard Profiles'!$G$19=$B$24,21,0),MOD($C2858,24)+1)/SUM(INDEX($D$3:$AA$30,INDEX(Jesper!$R$2:$R$366,ROW(INDEX(Jesper!AI$2:AI$366,ROUNDDOWN($C2858/24,0)+1,1))-1)+IF('Standard Profiles'!$G$19=$B$10,7,0)+IF('Standard Profiles'!$G$19=$B$17,14,0)+IF('Standard Profiles'!$G$19=$B$24,21,0),0)),0)</f>
        <v>2.3290290163478664</v>
      </c>
      <c r="F2858" cm="1">
        <f t="array" ref="F2858">IFERROR(INDEX(Jesper!AJ$2:AJ$366,ROUNDDOWN($C2858/24,0)+1,1)*INDEX($D$3:$AA$30,INDEX(Jesper!$R$2:$R$366,ROW(INDEX(Jesper!AJ$2:AJ$366,ROUNDDOWN($C2858/24,0)+1,1))-1)+IF('Standard Profiles'!$G$20=$B$10,7,0)+IF('Standard Profiles'!$G$20=$B$17,14,0)+IF('Standard Profiles'!$G$20=$B$24,21,0),MOD($C2858,24)+1)/SUM(INDEX($D$3:$AA$30,INDEX(Jesper!$R$2:$R$366,ROW(INDEX(Jesper!AJ$2:AJ$366,ROUNDDOWN($C2858/24,0)+1,1))-1)+IF('Standard Profiles'!$G$20=$B$10,7,0)+IF('Standard Profiles'!$G$20=$B$17,14,0)+IF('Standard Profiles'!$G$20=$B$24,21,0),0)),0)</f>
        <v>0</v>
      </c>
      <c r="G2858" cm="1">
        <f t="array" ref="G2858">IFERROR(INDEX(Jesper!AK$2:AK$366,ROUNDDOWN($C2858/24,0)+1,1)*INDEX($D$3:$AA$30,INDEX(Jesper!$R$2:$R$366,ROW(INDEX(Jesper!AK$2:AK$366,ROUNDDOWN($C2858/24,0)+1,1))-1)+IF('Standard Profiles'!$G$21=$B$10,7,0)+IF('Standard Profiles'!$G$21=$B$17,14,0)+IF('Standard Profiles'!$G$21=$B$24,21,0),MOD($C2858,24)+1)/SUM(INDEX($D$3:$AA$30,INDEX(Jesper!$R$2:$R$366,ROW(INDEX(Jesper!AK$2:AK$366,ROUNDDOWN($C2858/24,0)+1,1))-1)+IF('Standard Profiles'!$G$21=$B$10,7,0)+IF('Standard Profiles'!$G$21=$B$17,14,0)+IF('Standard Profiles'!$G$21=$B$24,21,0),0)),0)</f>
        <v>0</v>
      </c>
      <c r="H2858" cm="1">
        <f t="array" ref="H2858">IFERROR(INDEX(Jesper!AL$2:AL$366,ROUNDDOWN($C2858/24,0)+1,1)*INDEX($D$3:$AA$30,INDEX(Jesper!$R$2:$R$366,ROW(INDEX(Jesper!AL$2:AL$366,ROUNDDOWN($C2858/24,0)+1,1))-1)+IF('Standard Profiles'!$G$22=$B$10,7,0)+IF('Standard Profiles'!$G$22=$B$17,14,0)+IF('Standard Profiles'!$G$22=$B$24,21,0),MOD($C2858,24)+1)/SUM(INDEX($D$3:$AA$30,INDEX(Jesper!$R$2:$R$366,ROW(INDEX(Jesper!AL$2:AL$366,ROUNDDOWN($C2858/24,0)+1,1))-1)+IF('Standard Profiles'!$G$22=$B$10,7,0)+IF('Standard Profiles'!$G$22=$B$17,14,0)+IF('Standard Profiles'!$G$22=$B$24,21,0),0)),0)</f>
        <v>0</v>
      </c>
      <c r="I2858">
        <f t="shared" si="328"/>
        <v>0.20982243390521324</v>
      </c>
      <c r="J2858">
        <f t="shared" si="329"/>
        <v>0.6994081130173776</v>
      </c>
      <c r="K2858">
        <f t="shared" si="330"/>
        <v>1.0491121695260663</v>
      </c>
      <c r="L2858">
        <f t="shared" si="331"/>
        <v>11.724907581048257</v>
      </c>
      <c r="M2858">
        <f t="shared" si="332"/>
        <v>0</v>
      </c>
      <c r="N2858" s="46">
        <f t="shared" si="333"/>
        <v>45409.666666659818</v>
      </c>
    </row>
    <row r="2859" spans="2:14" x14ac:dyDescent="0.3">
      <c r="B2859">
        <f t="shared" si="327"/>
        <v>6</v>
      </c>
      <c r="C2859" s="16">
        <v>2825</v>
      </c>
      <c r="D2859" cm="1">
        <f t="array" ref="D2859">IFERROR(INDEX(Jesper!AH$2:AH$366,ROUNDDOWN($C2859/24,0)+1,1)*INDEX($D$3:$AA$30,INDEX(Jesper!$R$2:$R$366,ROW(INDEX(Jesper!AH$2:AH$366,ROUNDDOWN($C2859/24,0)+1,1))-1)+IF('Standard Profiles'!$G$18=$B$10,7,0)+IF('Standard Profiles'!$G$18=$B$17,14,0)+IF('Standard Profiles'!$G$18=$B$24,21,0),MOD($C2859,24)+1)/SUM(INDEX($D$3:$AA$30,INDEX(Jesper!$R$2:$R$366,ROW(INDEX(Jesper!AH$2:AH$366,ROUNDDOWN($C2859/24,0)+1,1))-1)+IF('Standard Profiles'!$G$18=$B$10,7,0)+IF('Standard Profiles'!$G$18=$B$17,14,0)+IF('Standard Profiles'!$G$18=$B$24,21,0),0)),0)</f>
        <v>10.218799153034142</v>
      </c>
      <c r="E2859" cm="1">
        <f t="array" ref="E2859">IFERROR(INDEX(Jesper!AI$2:AI$366,ROUNDDOWN($C2859/24,0)+1,1)*INDEX($D$3:$AA$30,INDEX(Jesper!$R$2:$R$366,ROW(INDEX(Jesper!AI$2:AI$366,ROUNDDOWN($C2859/24,0)+1,1))-1)+IF('Standard Profiles'!$G$19=$B$10,7,0)+IF('Standard Profiles'!$G$19=$B$17,14,0)+IF('Standard Profiles'!$G$19=$B$24,21,0),MOD($C2859,24)+1)/SUM(INDEX($D$3:$AA$30,INDEX(Jesper!$R$2:$R$366,ROW(INDEX(Jesper!AI$2:AI$366,ROUNDDOWN($C2859/24,0)+1,1))-1)+IF('Standard Profiles'!$G$19=$B$10,7,0)+IF('Standard Profiles'!$G$19=$B$17,14,0)+IF('Standard Profiles'!$G$19=$B$24,21,0),0)),0)</f>
        <v>2.0961261147130799</v>
      </c>
      <c r="F2859" cm="1">
        <f t="array" ref="F2859">IFERROR(INDEX(Jesper!AJ$2:AJ$366,ROUNDDOWN($C2859/24,0)+1,1)*INDEX($D$3:$AA$30,INDEX(Jesper!$R$2:$R$366,ROW(INDEX(Jesper!AJ$2:AJ$366,ROUNDDOWN($C2859/24,0)+1,1))-1)+IF('Standard Profiles'!$G$20=$B$10,7,0)+IF('Standard Profiles'!$G$20=$B$17,14,0)+IF('Standard Profiles'!$G$20=$B$24,21,0),MOD($C2859,24)+1)/SUM(INDEX($D$3:$AA$30,INDEX(Jesper!$R$2:$R$366,ROW(INDEX(Jesper!AJ$2:AJ$366,ROUNDDOWN($C2859/24,0)+1,1))-1)+IF('Standard Profiles'!$G$20=$B$10,7,0)+IF('Standard Profiles'!$G$20=$B$17,14,0)+IF('Standard Profiles'!$G$20=$B$24,21,0),0)),0)</f>
        <v>0</v>
      </c>
      <c r="G2859" cm="1">
        <f t="array" ref="G2859">IFERROR(INDEX(Jesper!AK$2:AK$366,ROUNDDOWN($C2859/24,0)+1,1)*INDEX($D$3:$AA$30,INDEX(Jesper!$R$2:$R$366,ROW(INDEX(Jesper!AK$2:AK$366,ROUNDDOWN($C2859/24,0)+1,1))-1)+IF('Standard Profiles'!$G$21=$B$10,7,0)+IF('Standard Profiles'!$G$21=$B$17,14,0)+IF('Standard Profiles'!$G$21=$B$24,21,0),MOD($C2859,24)+1)/SUM(INDEX($D$3:$AA$30,INDEX(Jesper!$R$2:$R$366,ROW(INDEX(Jesper!AK$2:AK$366,ROUNDDOWN($C2859/24,0)+1,1))-1)+IF('Standard Profiles'!$G$21=$B$10,7,0)+IF('Standard Profiles'!$G$21=$B$17,14,0)+IF('Standard Profiles'!$G$21=$B$24,21,0),0)),0)</f>
        <v>0</v>
      </c>
      <c r="H2859" cm="1">
        <f t="array" ref="H2859">IFERROR(INDEX(Jesper!AL$2:AL$366,ROUNDDOWN($C2859/24,0)+1,1)*INDEX($D$3:$AA$30,INDEX(Jesper!$R$2:$R$366,ROW(INDEX(Jesper!AL$2:AL$366,ROUNDDOWN($C2859/24,0)+1,1))-1)+IF('Standard Profiles'!$G$22=$B$10,7,0)+IF('Standard Profiles'!$G$22=$B$17,14,0)+IF('Standard Profiles'!$G$22=$B$24,21,0),MOD($C2859,24)+1)/SUM(INDEX($D$3:$AA$30,INDEX(Jesper!$R$2:$R$366,ROW(INDEX(Jesper!AL$2:AL$366,ROUNDDOWN($C2859/24,0)+1,1))-1)+IF('Standard Profiles'!$G$22=$B$10,7,0)+IF('Standard Profiles'!$G$22=$B$17,14,0)+IF('Standard Profiles'!$G$22=$B$24,21,0),0)),0)</f>
        <v>0</v>
      </c>
      <c r="I2859">
        <f t="shared" si="328"/>
        <v>0.18884019051469192</v>
      </c>
      <c r="J2859">
        <f t="shared" si="329"/>
        <v>0.6294673017156398</v>
      </c>
      <c r="K2859">
        <f t="shared" si="330"/>
        <v>0.94420095257345971</v>
      </c>
      <c r="L2859">
        <f t="shared" si="331"/>
        <v>10.552416822943432</v>
      </c>
      <c r="M2859">
        <f t="shared" si="332"/>
        <v>0</v>
      </c>
      <c r="N2859" s="46">
        <f t="shared" si="333"/>
        <v>45409.708333326482</v>
      </c>
    </row>
    <row r="2860" spans="2:14" x14ac:dyDescent="0.3">
      <c r="B2860">
        <f t="shared" si="327"/>
        <v>6</v>
      </c>
      <c r="C2860" s="16">
        <v>2826</v>
      </c>
      <c r="D2860" cm="1">
        <f t="array" ref="D2860">IFERROR(INDEX(Jesper!AH$2:AH$366,ROUNDDOWN($C2860/24,0)+1,1)*INDEX($D$3:$AA$30,INDEX(Jesper!$R$2:$R$366,ROW(INDEX(Jesper!AH$2:AH$366,ROUNDDOWN($C2860/24,0)+1,1))-1)+IF('Standard Profiles'!$G$18=$B$10,7,0)+IF('Standard Profiles'!$G$18=$B$17,14,0)+IF('Standard Profiles'!$G$18=$B$24,21,0),MOD($C2860,24)+1)/SUM(INDEX($D$3:$AA$30,INDEX(Jesper!$R$2:$R$366,ROW(INDEX(Jesper!AH$2:AH$366,ROUNDDOWN($C2860/24,0)+1,1))-1)+IF('Standard Profiles'!$G$18=$B$10,7,0)+IF('Standard Profiles'!$G$18=$B$17,14,0)+IF('Standard Profiles'!$G$18=$B$24,21,0),0)),0)</f>
        <v>9.8403251103291733</v>
      </c>
      <c r="E2860" cm="1">
        <f t="array" ref="E2860">IFERROR(INDEX(Jesper!AI$2:AI$366,ROUNDDOWN($C2860/24,0)+1,1)*INDEX($D$3:$AA$30,INDEX(Jesper!$R$2:$R$366,ROW(INDEX(Jesper!AI$2:AI$366,ROUNDDOWN($C2860/24,0)+1,1))-1)+IF('Standard Profiles'!$G$19=$B$10,7,0)+IF('Standard Profiles'!$G$19=$B$17,14,0)+IF('Standard Profiles'!$G$19=$B$24,21,0),MOD($C2860,24)+1)/SUM(INDEX($D$3:$AA$30,INDEX(Jesper!$R$2:$R$366,ROW(INDEX(Jesper!AI$2:AI$366,ROUNDDOWN($C2860/24,0)+1,1))-1)+IF('Standard Profiles'!$G$19=$B$10,7,0)+IF('Standard Profiles'!$G$19=$B$17,14,0)+IF('Standard Profiles'!$G$19=$B$24,21,0),0)),0)</f>
        <v>2.0184918141681507</v>
      </c>
      <c r="F2860" cm="1">
        <f t="array" ref="F2860">IFERROR(INDEX(Jesper!AJ$2:AJ$366,ROUNDDOWN($C2860/24,0)+1,1)*INDEX($D$3:$AA$30,INDEX(Jesper!$R$2:$R$366,ROW(INDEX(Jesper!AJ$2:AJ$366,ROUNDDOWN($C2860/24,0)+1,1))-1)+IF('Standard Profiles'!$G$20=$B$10,7,0)+IF('Standard Profiles'!$G$20=$B$17,14,0)+IF('Standard Profiles'!$G$20=$B$24,21,0),MOD($C2860,24)+1)/SUM(INDEX($D$3:$AA$30,INDEX(Jesper!$R$2:$R$366,ROW(INDEX(Jesper!AJ$2:AJ$366,ROUNDDOWN($C2860/24,0)+1,1))-1)+IF('Standard Profiles'!$G$20=$B$10,7,0)+IF('Standard Profiles'!$G$20=$B$17,14,0)+IF('Standard Profiles'!$G$20=$B$24,21,0),0)),0)</f>
        <v>0</v>
      </c>
      <c r="G2860" cm="1">
        <f t="array" ref="G2860">IFERROR(INDEX(Jesper!AK$2:AK$366,ROUNDDOWN($C2860/24,0)+1,1)*INDEX($D$3:$AA$30,INDEX(Jesper!$R$2:$R$366,ROW(INDEX(Jesper!AK$2:AK$366,ROUNDDOWN($C2860/24,0)+1,1))-1)+IF('Standard Profiles'!$G$21=$B$10,7,0)+IF('Standard Profiles'!$G$21=$B$17,14,0)+IF('Standard Profiles'!$G$21=$B$24,21,0),MOD($C2860,24)+1)/SUM(INDEX($D$3:$AA$30,INDEX(Jesper!$R$2:$R$366,ROW(INDEX(Jesper!AK$2:AK$366,ROUNDDOWN($C2860/24,0)+1,1))-1)+IF('Standard Profiles'!$G$21=$B$10,7,0)+IF('Standard Profiles'!$G$21=$B$17,14,0)+IF('Standard Profiles'!$G$21=$B$24,21,0),0)),0)</f>
        <v>0</v>
      </c>
      <c r="H2860" cm="1">
        <f t="array" ref="H2860">IFERROR(INDEX(Jesper!AL$2:AL$366,ROUNDDOWN($C2860/24,0)+1,1)*INDEX($D$3:$AA$30,INDEX(Jesper!$R$2:$R$366,ROW(INDEX(Jesper!AL$2:AL$366,ROUNDDOWN($C2860/24,0)+1,1))-1)+IF('Standard Profiles'!$G$22=$B$10,7,0)+IF('Standard Profiles'!$G$22=$B$17,14,0)+IF('Standard Profiles'!$G$22=$B$24,21,0),MOD($C2860,24)+1)/SUM(INDEX($D$3:$AA$30,INDEX(Jesper!$R$2:$R$366,ROW(INDEX(Jesper!AL$2:AL$366,ROUNDDOWN($C2860/24,0)+1,1))-1)+IF('Standard Profiles'!$G$22=$B$10,7,0)+IF('Standard Profiles'!$G$22=$B$17,14,0)+IF('Standard Profiles'!$G$22=$B$24,21,0),0)),0)</f>
        <v>0</v>
      </c>
      <c r="I2860">
        <f t="shared" si="328"/>
        <v>0.18184610938451812</v>
      </c>
      <c r="J2860">
        <f t="shared" si="329"/>
        <v>0.6061536979483938</v>
      </c>
      <c r="K2860">
        <f t="shared" si="330"/>
        <v>0.90923054692259075</v>
      </c>
      <c r="L2860">
        <f t="shared" si="331"/>
        <v>10.161586570241822</v>
      </c>
      <c r="M2860">
        <f t="shared" si="332"/>
        <v>0</v>
      </c>
      <c r="N2860" s="46">
        <f t="shared" si="333"/>
        <v>45409.749999993146</v>
      </c>
    </row>
    <row r="2861" spans="2:14" x14ac:dyDescent="0.3">
      <c r="B2861">
        <f t="shared" si="327"/>
        <v>6</v>
      </c>
      <c r="C2861" s="16">
        <v>2827</v>
      </c>
      <c r="D2861" cm="1">
        <f t="array" ref="D2861">IFERROR(INDEX(Jesper!AH$2:AH$366,ROUNDDOWN($C2861/24,0)+1,1)*INDEX($D$3:$AA$30,INDEX(Jesper!$R$2:$R$366,ROW(INDEX(Jesper!AH$2:AH$366,ROUNDDOWN($C2861/24,0)+1,1))-1)+IF('Standard Profiles'!$G$18=$B$10,7,0)+IF('Standard Profiles'!$G$18=$B$17,14,0)+IF('Standard Profiles'!$G$18=$B$24,21,0),MOD($C2861,24)+1)/SUM(INDEX($D$3:$AA$30,INDEX(Jesper!$R$2:$R$366,ROW(INDEX(Jesper!AH$2:AH$366,ROUNDDOWN($C2861/24,0)+1,1))-1)+IF('Standard Profiles'!$G$18=$B$10,7,0)+IF('Standard Profiles'!$G$18=$B$17,14,0)+IF('Standard Profiles'!$G$18=$B$24,21,0),0)),0)</f>
        <v>7.9479548968043314</v>
      </c>
      <c r="E2861" cm="1">
        <f t="array" ref="E2861">IFERROR(INDEX(Jesper!AI$2:AI$366,ROUNDDOWN($C2861/24,0)+1,1)*INDEX($D$3:$AA$30,INDEX(Jesper!$R$2:$R$366,ROW(INDEX(Jesper!AI$2:AI$366,ROUNDDOWN($C2861/24,0)+1,1))-1)+IF('Standard Profiles'!$G$19=$B$10,7,0)+IF('Standard Profiles'!$G$19=$B$17,14,0)+IF('Standard Profiles'!$G$19=$B$24,21,0),MOD($C2861,24)+1)/SUM(INDEX($D$3:$AA$30,INDEX(Jesper!$R$2:$R$366,ROW(INDEX(Jesper!AI$2:AI$366,ROUNDDOWN($C2861/24,0)+1,1))-1)+IF('Standard Profiles'!$G$19=$B$10,7,0)+IF('Standard Profiles'!$G$19=$B$17,14,0)+IF('Standard Profiles'!$G$19=$B$24,21,0),0)),0)</f>
        <v>1.6303203114435065</v>
      </c>
      <c r="F2861" cm="1">
        <f t="array" ref="F2861">IFERROR(INDEX(Jesper!AJ$2:AJ$366,ROUNDDOWN($C2861/24,0)+1,1)*INDEX($D$3:$AA$30,INDEX(Jesper!$R$2:$R$366,ROW(INDEX(Jesper!AJ$2:AJ$366,ROUNDDOWN($C2861/24,0)+1,1))-1)+IF('Standard Profiles'!$G$20=$B$10,7,0)+IF('Standard Profiles'!$G$20=$B$17,14,0)+IF('Standard Profiles'!$G$20=$B$24,21,0),MOD($C2861,24)+1)/SUM(INDEX($D$3:$AA$30,INDEX(Jesper!$R$2:$R$366,ROW(INDEX(Jesper!AJ$2:AJ$366,ROUNDDOWN($C2861/24,0)+1,1))-1)+IF('Standard Profiles'!$G$20=$B$10,7,0)+IF('Standard Profiles'!$G$20=$B$17,14,0)+IF('Standard Profiles'!$G$20=$B$24,21,0),0)),0)</f>
        <v>0</v>
      </c>
      <c r="G2861" cm="1">
        <f t="array" ref="G2861">IFERROR(INDEX(Jesper!AK$2:AK$366,ROUNDDOWN($C2861/24,0)+1,1)*INDEX($D$3:$AA$30,INDEX(Jesper!$R$2:$R$366,ROW(INDEX(Jesper!AK$2:AK$366,ROUNDDOWN($C2861/24,0)+1,1))-1)+IF('Standard Profiles'!$G$21=$B$10,7,0)+IF('Standard Profiles'!$G$21=$B$17,14,0)+IF('Standard Profiles'!$G$21=$B$24,21,0),MOD($C2861,24)+1)/SUM(INDEX($D$3:$AA$30,INDEX(Jesper!$R$2:$R$366,ROW(INDEX(Jesper!AK$2:AK$366,ROUNDDOWN($C2861/24,0)+1,1))-1)+IF('Standard Profiles'!$G$21=$B$10,7,0)+IF('Standard Profiles'!$G$21=$B$17,14,0)+IF('Standard Profiles'!$G$21=$B$24,21,0),0)),0)</f>
        <v>0</v>
      </c>
      <c r="H2861" cm="1">
        <f t="array" ref="H2861">IFERROR(INDEX(Jesper!AL$2:AL$366,ROUNDDOWN($C2861/24,0)+1,1)*INDEX($D$3:$AA$30,INDEX(Jesper!$R$2:$R$366,ROW(INDEX(Jesper!AL$2:AL$366,ROUNDDOWN($C2861/24,0)+1,1))-1)+IF('Standard Profiles'!$G$22=$B$10,7,0)+IF('Standard Profiles'!$G$22=$B$17,14,0)+IF('Standard Profiles'!$G$22=$B$24,21,0),MOD($C2861,24)+1)/SUM(INDEX($D$3:$AA$30,INDEX(Jesper!$R$2:$R$366,ROW(INDEX(Jesper!AL$2:AL$366,ROUNDDOWN($C2861/24,0)+1,1))-1)+IF('Standard Profiles'!$G$22=$B$10,7,0)+IF('Standard Profiles'!$G$22=$B$17,14,0)+IF('Standard Profiles'!$G$22=$B$24,21,0),0)),0)</f>
        <v>0</v>
      </c>
      <c r="I2861">
        <f t="shared" si="328"/>
        <v>0.14687570373364928</v>
      </c>
      <c r="J2861">
        <f t="shared" si="329"/>
        <v>0.48958567911216433</v>
      </c>
      <c r="K2861">
        <f t="shared" si="330"/>
        <v>0.73437851866824644</v>
      </c>
      <c r="L2861">
        <f t="shared" si="331"/>
        <v>8.2074353067337782</v>
      </c>
      <c r="M2861">
        <f t="shared" si="332"/>
        <v>0</v>
      </c>
      <c r="N2861" s="46">
        <f t="shared" si="333"/>
        <v>45409.79166665981</v>
      </c>
    </row>
    <row r="2862" spans="2:14" x14ac:dyDescent="0.3">
      <c r="B2862">
        <f t="shared" si="327"/>
        <v>6</v>
      </c>
      <c r="C2862" s="16">
        <v>2828</v>
      </c>
      <c r="D2862" cm="1">
        <f t="array" ref="D2862">IFERROR(INDEX(Jesper!AH$2:AH$366,ROUNDDOWN($C2862/24,0)+1,1)*INDEX($D$3:$AA$30,INDEX(Jesper!$R$2:$R$366,ROW(INDEX(Jesper!AH$2:AH$366,ROUNDDOWN($C2862/24,0)+1,1))-1)+IF('Standard Profiles'!$G$18=$B$10,7,0)+IF('Standard Profiles'!$G$18=$B$17,14,0)+IF('Standard Profiles'!$G$18=$B$24,21,0),MOD($C2862,24)+1)/SUM(INDEX($D$3:$AA$30,INDEX(Jesper!$R$2:$R$366,ROW(INDEX(Jesper!AH$2:AH$366,ROUNDDOWN($C2862/24,0)+1,1))-1)+IF('Standard Profiles'!$G$18=$B$10,7,0)+IF('Standard Profiles'!$G$18=$B$17,14,0)+IF('Standard Profiles'!$G$18=$B$24,21,0),0)),0)</f>
        <v>5.8663476619270076</v>
      </c>
      <c r="E2862" cm="1">
        <f t="array" ref="E2862">IFERROR(INDEX(Jesper!AI$2:AI$366,ROUNDDOWN($C2862/24,0)+1,1)*INDEX($D$3:$AA$30,INDEX(Jesper!$R$2:$R$366,ROW(INDEX(Jesper!AI$2:AI$366,ROUNDDOWN($C2862/24,0)+1,1))-1)+IF('Standard Profiles'!$G$19=$B$10,7,0)+IF('Standard Profiles'!$G$19=$B$17,14,0)+IF('Standard Profiles'!$G$19=$B$24,21,0),MOD($C2862,24)+1)/SUM(INDEX($D$3:$AA$30,INDEX(Jesper!$R$2:$R$366,ROW(INDEX(Jesper!AI$2:AI$366,ROUNDDOWN($C2862/24,0)+1,1))-1)+IF('Standard Profiles'!$G$19=$B$10,7,0)+IF('Standard Profiles'!$G$19=$B$17,14,0)+IF('Standard Profiles'!$G$19=$B$24,21,0),0)),0)</f>
        <v>1.2033316584463976</v>
      </c>
      <c r="F2862" cm="1">
        <f t="array" ref="F2862">IFERROR(INDEX(Jesper!AJ$2:AJ$366,ROUNDDOWN($C2862/24,0)+1,1)*INDEX($D$3:$AA$30,INDEX(Jesper!$R$2:$R$366,ROW(INDEX(Jesper!AJ$2:AJ$366,ROUNDDOWN($C2862/24,0)+1,1))-1)+IF('Standard Profiles'!$G$20=$B$10,7,0)+IF('Standard Profiles'!$G$20=$B$17,14,0)+IF('Standard Profiles'!$G$20=$B$24,21,0),MOD($C2862,24)+1)/SUM(INDEX($D$3:$AA$30,INDEX(Jesper!$R$2:$R$366,ROW(INDEX(Jesper!AJ$2:AJ$366,ROUNDDOWN($C2862/24,0)+1,1))-1)+IF('Standard Profiles'!$G$20=$B$10,7,0)+IF('Standard Profiles'!$G$20=$B$17,14,0)+IF('Standard Profiles'!$G$20=$B$24,21,0),0)),0)</f>
        <v>0</v>
      </c>
      <c r="G2862" cm="1">
        <f t="array" ref="G2862">IFERROR(INDEX(Jesper!AK$2:AK$366,ROUNDDOWN($C2862/24,0)+1,1)*INDEX($D$3:$AA$30,INDEX(Jesper!$R$2:$R$366,ROW(INDEX(Jesper!AK$2:AK$366,ROUNDDOWN($C2862/24,0)+1,1))-1)+IF('Standard Profiles'!$G$21=$B$10,7,0)+IF('Standard Profiles'!$G$21=$B$17,14,0)+IF('Standard Profiles'!$G$21=$B$24,21,0),MOD($C2862,24)+1)/SUM(INDEX($D$3:$AA$30,INDEX(Jesper!$R$2:$R$366,ROW(INDEX(Jesper!AK$2:AK$366,ROUNDDOWN($C2862/24,0)+1,1))-1)+IF('Standard Profiles'!$G$21=$B$10,7,0)+IF('Standard Profiles'!$G$21=$B$17,14,0)+IF('Standard Profiles'!$G$21=$B$24,21,0),0)),0)</f>
        <v>0</v>
      </c>
      <c r="H2862" cm="1">
        <f t="array" ref="H2862">IFERROR(INDEX(Jesper!AL$2:AL$366,ROUNDDOWN($C2862/24,0)+1,1)*INDEX($D$3:$AA$30,INDEX(Jesper!$R$2:$R$366,ROW(INDEX(Jesper!AL$2:AL$366,ROUNDDOWN($C2862/24,0)+1,1))-1)+IF('Standard Profiles'!$G$22=$B$10,7,0)+IF('Standard Profiles'!$G$22=$B$17,14,0)+IF('Standard Profiles'!$G$22=$B$24,21,0),MOD($C2862,24)+1)/SUM(INDEX($D$3:$AA$30,INDEX(Jesper!$R$2:$R$366,ROW(INDEX(Jesper!AL$2:AL$366,ROUNDDOWN($C2862/24,0)+1,1))-1)+IF('Standard Profiles'!$G$22=$B$10,7,0)+IF('Standard Profiles'!$G$22=$B$17,14,0)+IF('Standard Profiles'!$G$22=$B$24,21,0),0)),0)</f>
        <v>0</v>
      </c>
      <c r="I2862">
        <f t="shared" si="328"/>
        <v>0.10840825751769351</v>
      </c>
      <c r="J2862">
        <f t="shared" si="329"/>
        <v>0.36136085839231169</v>
      </c>
      <c r="K2862">
        <f t="shared" si="330"/>
        <v>0.54204128758846759</v>
      </c>
      <c r="L2862">
        <f t="shared" si="331"/>
        <v>6.0578689168749325</v>
      </c>
      <c r="M2862">
        <f t="shared" si="332"/>
        <v>0</v>
      </c>
      <c r="N2862" s="46">
        <f t="shared" si="333"/>
        <v>45409.833333326475</v>
      </c>
    </row>
    <row r="2863" spans="2:14" x14ac:dyDescent="0.3">
      <c r="B2863">
        <f t="shared" si="327"/>
        <v>6</v>
      </c>
      <c r="C2863" s="16">
        <v>2829</v>
      </c>
      <c r="D2863" cm="1">
        <f t="array" ref="D2863">IFERROR(INDEX(Jesper!AH$2:AH$366,ROUNDDOWN($C2863/24,0)+1,1)*INDEX($D$3:$AA$30,INDEX(Jesper!$R$2:$R$366,ROW(INDEX(Jesper!AH$2:AH$366,ROUNDDOWN($C2863/24,0)+1,1))-1)+IF('Standard Profiles'!$G$18=$B$10,7,0)+IF('Standard Profiles'!$G$18=$B$17,14,0)+IF('Standard Profiles'!$G$18=$B$24,21,0),MOD($C2863,24)+1)/SUM(INDEX($D$3:$AA$30,INDEX(Jesper!$R$2:$R$366,ROW(INDEX(Jesper!AH$2:AH$366,ROUNDDOWN($C2863/24,0)+1,1))-1)+IF('Standard Profiles'!$G$18=$B$10,7,0)+IF('Standard Profiles'!$G$18=$B$17,14,0)+IF('Standard Profiles'!$G$18=$B$24,21,0),0)),0)</f>
        <v>5.8663476619270076</v>
      </c>
      <c r="E2863" cm="1">
        <f t="array" ref="E2863">IFERROR(INDEX(Jesper!AI$2:AI$366,ROUNDDOWN($C2863/24,0)+1,1)*INDEX($D$3:$AA$30,INDEX(Jesper!$R$2:$R$366,ROW(INDEX(Jesper!AI$2:AI$366,ROUNDDOWN($C2863/24,0)+1,1))-1)+IF('Standard Profiles'!$G$19=$B$10,7,0)+IF('Standard Profiles'!$G$19=$B$17,14,0)+IF('Standard Profiles'!$G$19=$B$24,21,0),MOD($C2863,24)+1)/SUM(INDEX($D$3:$AA$30,INDEX(Jesper!$R$2:$R$366,ROW(INDEX(Jesper!AI$2:AI$366,ROUNDDOWN($C2863/24,0)+1,1))-1)+IF('Standard Profiles'!$G$19=$B$10,7,0)+IF('Standard Profiles'!$G$19=$B$17,14,0)+IF('Standard Profiles'!$G$19=$B$24,21,0),0)),0)</f>
        <v>1.2033316584463976</v>
      </c>
      <c r="F2863" cm="1">
        <f t="array" ref="F2863">IFERROR(INDEX(Jesper!AJ$2:AJ$366,ROUNDDOWN($C2863/24,0)+1,1)*INDEX($D$3:$AA$30,INDEX(Jesper!$R$2:$R$366,ROW(INDEX(Jesper!AJ$2:AJ$366,ROUNDDOWN($C2863/24,0)+1,1))-1)+IF('Standard Profiles'!$G$20=$B$10,7,0)+IF('Standard Profiles'!$G$20=$B$17,14,0)+IF('Standard Profiles'!$G$20=$B$24,21,0),MOD($C2863,24)+1)/SUM(INDEX($D$3:$AA$30,INDEX(Jesper!$R$2:$R$366,ROW(INDEX(Jesper!AJ$2:AJ$366,ROUNDDOWN($C2863/24,0)+1,1))-1)+IF('Standard Profiles'!$G$20=$B$10,7,0)+IF('Standard Profiles'!$G$20=$B$17,14,0)+IF('Standard Profiles'!$G$20=$B$24,21,0),0)),0)</f>
        <v>0</v>
      </c>
      <c r="G2863" cm="1">
        <f t="array" ref="G2863">IFERROR(INDEX(Jesper!AK$2:AK$366,ROUNDDOWN($C2863/24,0)+1,1)*INDEX($D$3:$AA$30,INDEX(Jesper!$R$2:$R$366,ROW(INDEX(Jesper!AK$2:AK$366,ROUNDDOWN($C2863/24,0)+1,1))-1)+IF('Standard Profiles'!$G$21=$B$10,7,0)+IF('Standard Profiles'!$G$21=$B$17,14,0)+IF('Standard Profiles'!$G$21=$B$24,21,0),MOD($C2863,24)+1)/SUM(INDEX($D$3:$AA$30,INDEX(Jesper!$R$2:$R$366,ROW(INDEX(Jesper!AK$2:AK$366,ROUNDDOWN($C2863/24,0)+1,1))-1)+IF('Standard Profiles'!$G$21=$B$10,7,0)+IF('Standard Profiles'!$G$21=$B$17,14,0)+IF('Standard Profiles'!$G$21=$B$24,21,0),0)),0)</f>
        <v>0</v>
      </c>
      <c r="H2863" cm="1">
        <f t="array" ref="H2863">IFERROR(INDEX(Jesper!AL$2:AL$366,ROUNDDOWN($C2863/24,0)+1,1)*INDEX($D$3:$AA$30,INDEX(Jesper!$R$2:$R$366,ROW(INDEX(Jesper!AL$2:AL$366,ROUNDDOWN($C2863/24,0)+1,1))-1)+IF('Standard Profiles'!$G$22=$B$10,7,0)+IF('Standard Profiles'!$G$22=$B$17,14,0)+IF('Standard Profiles'!$G$22=$B$24,21,0),MOD($C2863,24)+1)/SUM(INDEX($D$3:$AA$30,INDEX(Jesper!$R$2:$R$366,ROW(INDEX(Jesper!AL$2:AL$366,ROUNDDOWN($C2863/24,0)+1,1))-1)+IF('Standard Profiles'!$G$22=$B$10,7,0)+IF('Standard Profiles'!$G$22=$B$17,14,0)+IF('Standard Profiles'!$G$22=$B$24,21,0),0)),0)</f>
        <v>0</v>
      </c>
      <c r="I2863">
        <f t="shared" si="328"/>
        <v>0.10840825751769351</v>
      </c>
      <c r="J2863">
        <f t="shared" si="329"/>
        <v>0.36136085839231169</v>
      </c>
      <c r="K2863">
        <f t="shared" si="330"/>
        <v>0.54204128758846759</v>
      </c>
      <c r="L2863">
        <f t="shared" si="331"/>
        <v>6.0578689168749325</v>
      </c>
      <c r="M2863">
        <f t="shared" si="332"/>
        <v>0</v>
      </c>
      <c r="N2863" s="46">
        <f t="shared" si="333"/>
        <v>45409.874999993139</v>
      </c>
    </row>
    <row r="2864" spans="2:14" x14ac:dyDescent="0.3">
      <c r="B2864">
        <f t="shared" si="327"/>
        <v>6</v>
      </c>
      <c r="C2864" s="16">
        <v>2830</v>
      </c>
      <c r="D2864" cm="1">
        <f t="array" ref="D2864">IFERROR(INDEX(Jesper!AH$2:AH$366,ROUNDDOWN($C2864/24,0)+1,1)*INDEX($D$3:$AA$30,INDEX(Jesper!$R$2:$R$366,ROW(INDEX(Jesper!AH$2:AH$366,ROUNDDOWN($C2864/24,0)+1,1))-1)+IF('Standard Profiles'!$G$18=$B$10,7,0)+IF('Standard Profiles'!$G$18=$B$17,14,0)+IF('Standard Profiles'!$G$18=$B$24,21,0),MOD($C2864,24)+1)/SUM(INDEX($D$3:$AA$30,INDEX(Jesper!$R$2:$R$366,ROW(INDEX(Jesper!AH$2:AH$366,ROUNDDOWN($C2864/24,0)+1,1))-1)+IF('Standard Profiles'!$G$18=$B$10,7,0)+IF('Standard Profiles'!$G$18=$B$17,14,0)+IF('Standard Profiles'!$G$18=$B$24,21,0),0)),0)</f>
        <v>5.8663476619270076</v>
      </c>
      <c r="E2864" cm="1">
        <f t="array" ref="E2864">IFERROR(INDEX(Jesper!AI$2:AI$366,ROUNDDOWN($C2864/24,0)+1,1)*INDEX($D$3:$AA$30,INDEX(Jesper!$R$2:$R$366,ROW(INDEX(Jesper!AI$2:AI$366,ROUNDDOWN($C2864/24,0)+1,1))-1)+IF('Standard Profiles'!$G$19=$B$10,7,0)+IF('Standard Profiles'!$G$19=$B$17,14,0)+IF('Standard Profiles'!$G$19=$B$24,21,0),MOD($C2864,24)+1)/SUM(INDEX($D$3:$AA$30,INDEX(Jesper!$R$2:$R$366,ROW(INDEX(Jesper!AI$2:AI$366,ROUNDDOWN($C2864/24,0)+1,1))-1)+IF('Standard Profiles'!$G$19=$B$10,7,0)+IF('Standard Profiles'!$G$19=$B$17,14,0)+IF('Standard Profiles'!$G$19=$B$24,21,0),0)),0)</f>
        <v>1.2033316584463976</v>
      </c>
      <c r="F2864" cm="1">
        <f t="array" ref="F2864">IFERROR(INDEX(Jesper!AJ$2:AJ$366,ROUNDDOWN($C2864/24,0)+1,1)*INDEX($D$3:$AA$30,INDEX(Jesper!$R$2:$R$366,ROW(INDEX(Jesper!AJ$2:AJ$366,ROUNDDOWN($C2864/24,0)+1,1))-1)+IF('Standard Profiles'!$G$20=$B$10,7,0)+IF('Standard Profiles'!$G$20=$B$17,14,0)+IF('Standard Profiles'!$G$20=$B$24,21,0),MOD($C2864,24)+1)/SUM(INDEX($D$3:$AA$30,INDEX(Jesper!$R$2:$R$366,ROW(INDEX(Jesper!AJ$2:AJ$366,ROUNDDOWN($C2864/24,0)+1,1))-1)+IF('Standard Profiles'!$G$20=$B$10,7,0)+IF('Standard Profiles'!$G$20=$B$17,14,0)+IF('Standard Profiles'!$G$20=$B$24,21,0),0)),0)</f>
        <v>0</v>
      </c>
      <c r="G2864" cm="1">
        <f t="array" ref="G2864">IFERROR(INDEX(Jesper!AK$2:AK$366,ROUNDDOWN($C2864/24,0)+1,1)*INDEX($D$3:$AA$30,INDEX(Jesper!$R$2:$R$366,ROW(INDEX(Jesper!AK$2:AK$366,ROUNDDOWN($C2864/24,0)+1,1))-1)+IF('Standard Profiles'!$G$21=$B$10,7,0)+IF('Standard Profiles'!$G$21=$B$17,14,0)+IF('Standard Profiles'!$G$21=$B$24,21,0),MOD($C2864,24)+1)/SUM(INDEX($D$3:$AA$30,INDEX(Jesper!$R$2:$R$366,ROW(INDEX(Jesper!AK$2:AK$366,ROUNDDOWN($C2864/24,0)+1,1))-1)+IF('Standard Profiles'!$G$21=$B$10,7,0)+IF('Standard Profiles'!$G$21=$B$17,14,0)+IF('Standard Profiles'!$G$21=$B$24,21,0),0)),0)</f>
        <v>0</v>
      </c>
      <c r="H2864" cm="1">
        <f t="array" ref="H2864">IFERROR(INDEX(Jesper!AL$2:AL$366,ROUNDDOWN($C2864/24,0)+1,1)*INDEX($D$3:$AA$30,INDEX(Jesper!$R$2:$R$366,ROW(INDEX(Jesper!AL$2:AL$366,ROUNDDOWN($C2864/24,0)+1,1))-1)+IF('Standard Profiles'!$G$22=$B$10,7,0)+IF('Standard Profiles'!$G$22=$B$17,14,0)+IF('Standard Profiles'!$G$22=$B$24,21,0),MOD($C2864,24)+1)/SUM(INDEX($D$3:$AA$30,INDEX(Jesper!$R$2:$R$366,ROW(INDEX(Jesper!AL$2:AL$366,ROUNDDOWN($C2864/24,0)+1,1))-1)+IF('Standard Profiles'!$G$22=$B$10,7,0)+IF('Standard Profiles'!$G$22=$B$17,14,0)+IF('Standard Profiles'!$G$22=$B$24,21,0),0)),0)</f>
        <v>0</v>
      </c>
      <c r="I2864">
        <f t="shared" si="328"/>
        <v>0.10840825751769351</v>
      </c>
      <c r="J2864">
        <f t="shared" si="329"/>
        <v>0.36136085839231169</v>
      </c>
      <c r="K2864">
        <f t="shared" si="330"/>
        <v>0.54204128758846759</v>
      </c>
      <c r="L2864">
        <f t="shared" si="331"/>
        <v>6.0578689168749325</v>
      </c>
      <c r="M2864">
        <f t="shared" si="332"/>
        <v>0</v>
      </c>
      <c r="N2864" s="46">
        <f t="shared" si="333"/>
        <v>45409.916666659803</v>
      </c>
    </row>
    <row r="2865" spans="2:14" x14ac:dyDescent="0.3">
      <c r="B2865">
        <f t="shared" si="327"/>
        <v>6</v>
      </c>
      <c r="C2865" s="16">
        <v>2831</v>
      </c>
      <c r="D2865" cm="1">
        <f t="array" ref="D2865">IFERROR(INDEX(Jesper!AH$2:AH$366,ROUNDDOWN($C2865/24,0)+1,1)*INDEX($D$3:$AA$30,INDEX(Jesper!$R$2:$R$366,ROW(INDEX(Jesper!AH$2:AH$366,ROUNDDOWN($C2865/24,0)+1,1))-1)+IF('Standard Profiles'!$G$18=$B$10,7,0)+IF('Standard Profiles'!$G$18=$B$17,14,0)+IF('Standard Profiles'!$G$18=$B$24,21,0),MOD($C2865,24)+1)/SUM(INDEX($D$3:$AA$30,INDEX(Jesper!$R$2:$R$366,ROW(INDEX(Jesper!AH$2:AH$366,ROUNDDOWN($C2865/24,0)+1,1))-1)+IF('Standard Profiles'!$G$18=$B$10,7,0)+IF('Standard Profiles'!$G$18=$B$17,14,0)+IF('Standard Profiles'!$G$18=$B$24,21,0),0)),0)</f>
        <v>5.8663476619270076</v>
      </c>
      <c r="E2865" cm="1">
        <f t="array" ref="E2865">IFERROR(INDEX(Jesper!AI$2:AI$366,ROUNDDOWN($C2865/24,0)+1,1)*INDEX($D$3:$AA$30,INDEX(Jesper!$R$2:$R$366,ROW(INDEX(Jesper!AI$2:AI$366,ROUNDDOWN($C2865/24,0)+1,1))-1)+IF('Standard Profiles'!$G$19=$B$10,7,0)+IF('Standard Profiles'!$G$19=$B$17,14,0)+IF('Standard Profiles'!$G$19=$B$24,21,0),MOD($C2865,24)+1)/SUM(INDEX($D$3:$AA$30,INDEX(Jesper!$R$2:$R$366,ROW(INDEX(Jesper!AI$2:AI$366,ROUNDDOWN($C2865/24,0)+1,1))-1)+IF('Standard Profiles'!$G$19=$B$10,7,0)+IF('Standard Profiles'!$G$19=$B$17,14,0)+IF('Standard Profiles'!$G$19=$B$24,21,0),0)),0)</f>
        <v>1.2033316584463976</v>
      </c>
      <c r="F2865" cm="1">
        <f t="array" ref="F2865">IFERROR(INDEX(Jesper!AJ$2:AJ$366,ROUNDDOWN($C2865/24,0)+1,1)*INDEX($D$3:$AA$30,INDEX(Jesper!$R$2:$R$366,ROW(INDEX(Jesper!AJ$2:AJ$366,ROUNDDOWN($C2865/24,0)+1,1))-1)+IF('Standard Profiles'!$G$20=$B$10,7,0)+IF('Standard Profiles'!$G$20=$B$17,14,0)+IF('Standard Profiles'!$G$20=$B$24,21,0),MOD($C2865,24)+1)/SUM(INDEX($D$3:$AA$30,INDEX(Jesper!$R$2:$R$366,ROW(INDEX(Jesper!AJ$2:AJ$366,ROUNDDOWN($C2865/24,0)+1,1))-1)+IF('Standard Profiles'!$G$20=$B$10,7,0)+IF('Standard Profiles'!$G$20=$B$17,14,0)+IF('Standard Profiles'!$G$20=$B$24,21,0),0)),0)</f>
        <v>0</v>
      </c>
      <c r="G2865" cm="1">
        <f t="array" ref="G2865">IFERROR(INDEX(Jesper!AK$2:AK$366,ROUNDDOWN($C2865/24,0)+1,1)*INDEX($D$3:$AA$30,INDEX(Jesper!$R$2:$R$366,ROW(INDEX(Jesper!AK$2:AK$366,ROUNDDOWN($C2865/24,0)+1,1))-1)+IF('Standard Profiles'!$G$21=$B$10,7,0)+IF('Standard Profiles'!$G$21=$B$17,14,0)+IF('Standard Profiles'!$G$21=$B$24,21,0),MOD($C2865,24)+1)/SUM(INDEX($D$3:$AA$30,INDEX(Jesper!$R$2:$R$366,ROW(INDEX(Jesper!AK$2:AK$366,ROUNDDOWN($C2865/24,0)+1,1))-1)+IF('Standard Profiles'!$G$21=$B$10,7,0)+IF('Standard Profiles'!$G$21=$B$17,14,0)+IF('Standard Profiles'!$G$21=$B$24,21,0),0)),0)</f>
        <v>0</v>
      </c>
      <c r="H2865" cm="1">
        <f t="array" ref="H2865">IFERROR(INDEX(Jesper!AL$2:AL$366,ROUNDDOWN($C2865/24,0)+1,1)*INDEX($D$3:$AA$30,INDEX(Jesper!$R$2:$R$366,ROW(INDEX(Jesper!AL$2:AL$366,ROUNDDOWN($C2865/24,0)+1,1))-1)+IF('Standard Profiles'!$G$22=$B$10,7,0)+IF('Standard Profiles'!$G$22=$B$17,14,0)+IF('Standard Profiles'!$G$22=$B$24,21,0),MOD($C2865,24)+1)/SUM(INDEX($D$3:$AA$30,INDEX(Jesper!$R$2:$R$366,ROW(INDEX(Jesper!AL$2:AL$366,ROUNDDOWN($C2865/24,0)+1,1))-1)+IF('Standard Profiles'!$G$22=$B$10,7,0)+IF('Standard Profiles'!$G$22=$B$17,14,0)+IF('Standard Profiles'!$G$22=$B$24,21,0),0)),0)</f>
        <v>0</v>
      </c>
      <c r="I2865">
        <f t="shared" si="328"/>
        <v>0.10840825751769351</v>
      </c>
      <c r="J2865">
        <f t="shared" si="329"/>
        <v>0.36136085839231169</v>
      </c>
      <c r="K2865">
        <f t="shared" si="330"/>
        <v>0.54204128758846759</v>
      </c>
      <c r="L2865">
        <f t="shared" si="331"/>
        <v>6.0578689168749325</v>
      </c>
      <c r="M2865">
        <f t="shared" si="332"/>
        <v>0</v>
      </c>
      <c r="N2865" s="46">
        <f t="shared" si="333"/>
        <v>45409.958333326467</v>
      </c>
    </row>
    <row r="2866" spans="2:14" x14ac:dyDescent="0.3">
      <c r="B2866">
        <f t="shared" si="327"/>
        <v>7</v>
      </c>
      <c r="C2866" s="16">
        <v>2832</v>
      </c>
      <c r="D2866" cm="1">
        <f t="array" ref="D2866">IFERROR(INDEX(Jesper!AH$2:AH$366,ROUNDDOWN($C2866/24,0)+1,1)*INDEX($D$3:$AA$30,INDEX(Jesper!$R$2:$R$366,ROW(INDEX(Jesper!AH$2:AH$366,ROUNDDOWN($C2866/24,0)+1,1))-1)+IF('Standard Profiles'!$G$18=$B$10,7,0)+IF('Standard Profiles'!$G$18=$B$17,14,0)+IF('Standard Profiles'!$G$18=$B$24,21,0),MOD($C2866,24)+1)/SUM(INDEX($D$3:$AA$30,INDEX(Jesper!$R$2:$R$366,ROW(INDEX(Jesper!AH$2:AH$366,ROUNDDOWN($C2866/24,0)+1,1))-1)+IF('Standard Profiles'!$G$18=$B$10,7,0)+IF('Standard Profiles'!$G$18=$B$17,14,0)+IF('Standard Profiles'!$G$18=$B$24,21,0),0)),0)</f>
        <v>7.0007885946908122</v>
      </c>
      <c r="E2866" cm="1">
        <f t="array" ref="E2866">IFERROR(INDEX(Jesper!AI$2:AI$366,ROUNDDOWN($C2866/24,0)+1,1)*INDEX($D$3:$AA$30,INDEX(Jesper!$R$2:$R$366,ROW(INDEX(Jesper!AI$2:AI$366,ROUNDDOWN($C2866/24,0)+1,1))-1)+IF('Standard Profiles'!$G$19=$B$10,7,0)+IF('Standard Profiles'!$G$19=$B$17,14,0)+IF('Standard Profiles'!$G$19=$B$24,21,0),MOD($C2866,24)+1)/SUM(INDEX($D$3:$AA$30,INDEX(Jesper!$R$2:$R$366,ROW(INDEX(Jesper!AI$2:AI$366,ROUNDDOWN($C2866/24,0)+1,1))-1)+IF('Standard Profiles'!$G$19=$B$10,7,0)+IF('Standard Profiles'!$G$19=$B$17,14,0)+IF('Standard Profiles'!$G$19=$B$24,21,0),0)),0)</f>
        <v>1.5457000102214469</v>
      </c>
      <c r="F2866" cm="1">
        <f t="array" ref="F2866">IFERROR(INDEX(Jesper!AJ$2:AJ$366,ROUNDDOWN($C2866/24,0)+1,1)*INDEX($D$3:$AA$30,INDEX(Jesper!$R$2:$R$366,ROW(INDEX(Jesper!AJ$2:AJ$366,ROUNDDOWN($C2866/24,0)+1,1))-1)+IF('Standard Profiles'!$G$20=$B$10,7,0)+IF('Standard Profiles'!$G$20=$B$17,14,0)+IF('Standard Profiles'!$G$20=$B$24,21,0),MOD($C2866,24)+1)/SUM(INDEX($D$3:$AA$30,INDEX(Jesper!$R$2:$R$366,ROW(INDEX(Jesper!AJ$2:AJ$366,ROUNDDOWN($C2866/24,0)+1,1))-1)+IF('Standard Profiles'!$G$20=$B$10,7,0)+IF('Standard Profiles'!$G$20=$B$17,14,0)+IF('Standard Profiles'!$G$20=$B$24,21,0),0)),0)</f>
        <v>0</v>
      </c>
      <c r="G2866" cm="1">
        <f t="array" ref="G2866">IFERROR(INDEX(Jesper!AK$2:AK$366,ROUNDDOWN($C2866/24,0)+1,1)*INDEX($D$3:$AA$30,INDEX(Jesper!$R$2:$R$366,ROW(INDEX(Jesper!AK$2:AK$366,ROUNDDOWN($C2866/24,0)+1,1))-1)+IF('Standard Profiles'!$G$21=$B$10,7,0)+IF('Standard Profiles'!$G$21=$B$17,14,0)+IF('Standard Profiles'!$G$21=$B$24,21,0),MOD($C2866,24)+1)/SUM(INDEX($D$3:$AA$30,INDEX(Jesper!$R$2:$R$366,ROW(INDEX(Jesper!AK$2:AK$366,ROUNDDOWN($C2866/24,0)+1,1))-1)+IF('Standard Profiles'!$G$21=$B$10,7,0)+IF('Standard Profiles'!$G$21=$B$17,14,0)+IF('Standard Profiles'!$G$21=$B$24,21,0),0)),0)</f>
        <v>0</v>
      </c>
      <c r="H2866" cm="1">
        <f t="array" ref="H2866">IFERROR(INDEX(Jesper!AL$2:AL$366,ROUNDDOWN($C2866/24,0)+1,1)*INDEX($D$3:$AA$30,INDEX(Jesper!$R$2:$R$366,ROW(INDEX(Jesper!AL$2:AL$366,ROUNDDOWN($C2866/24,0)+1,1))-1)+IF('Standard Profiles'!$G$22=$B$10,7,0)+IF('Standard Profiles'!$G$22=$B$17,14,0)+IF('Standard Profiles'!$G$22=$B$24,21,0),MOD($C2866,24)+1)/SUM(INDEX($D$3:$AA$30,INDEX(Jesper!$R$2:$R$366,ROW(INDEX(Jesper!AL$2:AL$366,ROUNDDOWN($C2866/24,0)+1,1))-1)+IF('Standard Profiles'!$G$22=$B$10,7,0)+IF('Standard Profiles'!$G$22=$B$17,14,0)+IF('Standard Profiles'!$G$22=$B$24,21,0),0)),0)</f>
        <v>0</v>
      </c>
      <c r="I2866">
        <f t="shared" si="328"/>
        <v>0.13925225317310336</v>
      </c>
      <c r="J2866">
        <f t="shared" si="329"/>
        <v>0.46417417724367793</v>
      </c>
      <c r="K2866">
        <f t="shared" si="330"/>
        <v>0.69626126586551684</v>
      </c>
      <c r="L2866">
        <f t="shared" si="331"/>
        <v>7.246800908629961</v>
      </c>
      <c r="M2866">
        <f t="shared" si="332"/>
        <v>0</v>
      </c>
      <c r="N2866" s="46">
        <f t="shared" si="333"/>
        <v>45409.999999993131</v>
      </c>
    </row>
    <row r="2867" spans="2:14" x14ac:dyDescent="0.3">
      <c r="B2867">
        <f t="shared" si="327"/>
        <v>7</v>
      </c>
      <c r="C2867" s="16">
        <v>2833</v>
      </c>
      <c r="D2867" cm="1">
        <f t="array" ref="D2867">IFERROR(INDEX(Jesper!AH$2:AH$366,ROUNDDOWN($C2867/24,0)+1,1)*INDEX($D$3:$AA$30,INDEX(Jesper!$R$2:$R$366,ROW(INDEX(Jesper!AH$2:AH$366,ROUNDDOWN($C2867/24,0)+1,1))-1)+IF('Standard Profiles'!$G$18=$B$10,7,0)+IF('Standard Profiles'!$G$18=$B$17,14,0)+IF('Standard Profiles'!$G$18=$B$24,21,0),MOD($C2867,24)+1)/SUM(INDEX($D$3:$AA$30,INDEX(Jesper!$R$2:$R$366,ROW(INDEX(Jesper!AH$2:AH$366,ROUNDDOWN($C2867/24,0)+1,1))-1)+IF('Standard Profiles'!$G$18=$B$10,7,0)+IF('Standard Profiles'!$G$18=$B$17,14,0)+IF('Standard Profiles'!$G$18=$B$24,21,0),0)),0)</f>
        <v>8.129948045447394</v>
      </c>
      <c r="E2867" cm="1">
        <f t="array" ref="E2867">IFERROR(INDEX(Jesper!AI$2:AI$366,ROUNDDOWN($C2867/24,0)+1,1)*INDEX($D$3:$AA$30,INDEX(Jesper!$R$2:$R$366,ROW(INDEX(Jesper!AI$2:AI$366,ROUNDDOWN($C2867/24,0)+1,1))-1)+IF('Standard Profiles'!$G$19=$B$10,7,0)+IF('Standard Profiles'!$G$19=$B$17,14,0)+IF('Standard Profiles'!$G$19=$B$24,21,0),MOD($C2867,24)+1)/SUM(INDEX($D$3:$AA$30,INDEX(Jesper!$R$2:$R$366,ROW(INDEX(Jesper!AI$2:AI$366,ROUNDDOWN($C2867/24,0)+1,1))-1)+IF('Standard Profiles'!$G$19=$B$10,7,0)+IF('Standard Profiles'!$G$19=$B$17,14,0)+IF('Standard Profiles'!$G$19=$B$24,21,0),0)),0)</f>
        <v>1.7950064634829708</v>
      </c>
      <c r="F2867" cm="1">
        <f t="array" ref="F2867">IFERROR(INDEX(Jesper!AJ$2:AJ$366,ROUNDDOWN($C2867/24,0)+1,1)*INDEX($D$3:$AA$30,INDEX(Jesper!$R$2:$R$366,ROW(INDEX(Jesper!AJ$2:AJ$366,ROUNDDOWN($C2867/24,0)+1,1))-1)+IF('Standard Profiles'!$G$20=$B$10,7,0)+IF('Standard Profiles'!$G$20=$B$17,14,0)+IF('Standard Profiles'!$G$20=$B$24,21,0),MOD($C2867,24)+1)/SUM(INDEX($D$3:$AA$30,INDEX(Jesper!$R$2:$R$366,ROW(INDEX(Jesper!AJ$2:AJ$366,ROUNDDOWN($C2867/24,0)+1,1))-1)+IF('Standard Profiles'!$G$20=$B$10,7,0)+IF('Standard Profiles'!$G$20=$B$17,14,0)+IF('Standard Profiles'!$G$20=$B$24,21,0),0)),0)</f>
        <v>0</v>
      </c>
      <c r="G2867" cm="1">
        <f t="array" ref="G2867">IFERROR(INDEX(Jesper!AK$2:AK$366,ROUNDDOWN($C2867/24,0)+1,1)*INDEX($D$3:$AA$30,INDEX(Jesper!$R$2:$R$366,ROW(INDEX(Jesper!AK$2:AK$366,ROUNDDOWN($C2867/24,0)+1,1))-1)+IF('Standard Profiles'!$G$21=$B$10,7,0)+IF('Standard Profiles'!$G$21=$B$17,14,0)+IF('Standard Profiles'!$G$21=$B$24,21,0),MOD($C2867,24)+1)/SUM(INDEX($D$3:$AA$30,INDEX(Jesper!$R$2:$R$366,ROW(INDEX(Jesper!AK$2:AK$366,ROUNDDOWN($C2867/24,0)+1,1))-1)+IF('Standard Profiles'!$G$21=$B$10,7,0)+IF('Standard Profiles'!$G$21=$B$17,14,0)+IF('Standard Profiles'!$G$21=$B$24,21,0),0)),0)</f>
        <v>0</v>
      </c>
      <c r="H2867" cm="1">
        <f t="array" ref="H2867">IFERROR(INDEX(Jesper!AL$2:AL$366,ROUNDDOWN($C2867/24,0)+1,1)*INDEX($D$3:$AA$30,INDEX(Jesper!$R$2:$R$366,ROW(INDEX(Jesper!AL$2:AL$366,ROUNDDOWN($C2867/24,0)+1,1))-1)+IF('Standard Profiles'!$G$22=$B$10,7,0)+IF('Standard Profiles'!$G$22=$B$17,14,0)+IF('Standard Profiles'!$G$22=$B$24,21,0),MOD($C2867,24)+1)/SUM(INDEX($D$3:$AA$30,INDEX(Jesper!$R$2:$R$366,ROW(INDEX(Jesper!AL$2:AL$366,ROUNDDOWN($C2867/24,0)+1,1))-1)+IF('Standard Profiles'!$G$22=$B$10,7,0)+IF('Standard Profiles'!$G$22=$B$17,14,0)+IF('Standard Profiles'!$G$22=$B$24,21,0),0)),0)</f>
        <v>0</v>
      </c>
      <c r="I2867">
        <f t="shared" si="328"/>
        <v>0.16171229400747489</v>
      </c>
      <c r="J2867">
        <f t="shared" si="329"/>
        <v>0.53904098002491641</v>
      </c>
      <c r="K2867">
        <f t="shared" si="330"/>
        <v>0.80856147003737455</v>
      </c>
      <c r="L2867">
        <f t="shared" si="331"/>
        <v>8.4156397648605985</v>
      </c>
      <c r="M2867">
        <f t="shared" si="332"/>
        <v>0</v>
      </c>
      <c r="N2867" s="46">
        <f t="shared" si="333"/>
        <v>45410.041666659796</v>
      </c>
    </row>
    <row r="2868" spans="2:14" x14ac:dyDescent="0.3">
      <c r="B2868">
        <f t="shared" si="327"/>
        <v>7</v>
      </c>
      <c r="C2868" s="16">
        <v>2834</v>
      </c>
      <c r="D2868" cm="1">
        <f t="array" ref="D2868">IFERROR(INDEX(Jesper!AH$2:AH$366,ROUNDDOWN($C2868/24,0)+1,1)*INDEX($D$3:$AA$30,INDEX(Jesper!$R$2:$R$366,ROW(INDEX(Jesper!AH$2:AH$366,ROUNDDOWN($C2868/24,0)+1,1))-1)+IF('Standard Profiles'!$G$18=$B$10,7,0)+IF('Standard Profiles'!$G$18=$B$17,14,0)+IF('Standard Profiles'!$G$18=$B$24,21,0),MOD($C2868,24)+1)/SUM(INDEX($D$3:$AA$30,INDEX(Jesper!$R$2:$R$366,ROW(INDEX(Jesper!AH$2:AH$366,ROUNDDOWN($C2868/24,0)+1,1))-1)+IF('Standard Profiles'!$G$18=$B$10,7,0)+IF('Standard Profiles'!$G$18=$B$17,14,0)+IF('Standard Profiles'!$G$18=$B$24,21,0),0)),0)</f>
        <v>8.129948045447394</v>
      </c>
      <c r="E2868" cm="1">
        <f t="array" ref="E2868">IFERROR(INDEX(Jesper!AI$2:AI$366,ROUNDDOWN($C2868/24,0)+1,1)*INDEX($D$3:$AA$30,INDEX(Jesper!$R$2:$R$366,ROW(INDEX(Jesper!AI$2:AI$366,ROUNDDOWN($C2868/24,0)+1,1))-1)+IF('Standard Profiles'!$G$19=$B$10,7,0)+IF('Standard Profiles'!$G$19=$B$17,14,0)+IF('Standard Profiles'!$G$19=$B$24,21,0),MOD($C2868,24)+1)/SUM(INDEX($D$3:$AA$30,INDEX(Jesper!$R$2:$R$366,ROW(INDEX(Jesper!AI$2:AI$366,ROUNDDOWN($C2868/24,0)+1,1))-1)+IF('Standard Profiles'!$G$19=$B$10,7,0)+IF('Standard Profiles'!$G$19=$B$17,14,0)+IF('Standard Profiles'!$G$19=$B$24,21,0),0)),0)</f>
        <v>1.7950064634829708</v>
      </c>
      <c r="F2868" cm="1">
        <f t="array" ref="F2868">IFERROR(INDEX(Jesper!AJ$2:AJ$366,ROUNDDOWN($C2868/24,0)+1,1)*INDEX($D$3:$AA$30,INDEX(Jesper!$R$2:$R$366,ROW(INDEX(Jesper!AJ$2:AJ$366,ROUNDDOWN($C2868/24,0)+1,1))-1)+IF('Standard Profiles'!$G$20=$B$10,7,0)+IF('Standard Profiles'!$G$20=$B$17,14,0)+IF('Standard Profiles'!$G$20=$B$24,21,0),MOD($C2868,24)+1)/SUM(INDEX($D$3:$AA$30,INDEX(Jesper!$R$2:$R$366,ROW(INDEX(Jesper!AJ$2:AJ$366,ROUNDDOWN($C2868/24,0)+1,1))-1)+IF('Standard Profiles'!$G$20=$B$10,7,0)+IF('Standard Profiles'!$G$20=$B$17,14,0)+IF('Standard Profiles'!$G$20=$B$24,21,0),0)),0)</f>
        <v>0</v>
      </c>
      <c r="G2868" cm="1">
        <f t="array" ref="G2868">IFERROR(INDEX(Jesper!AK$2:AK$366,ROUNDDOWN($C2868/24,0)+1,1)*INDEX($D$3:$AA$30,INDEX(Jesper!$R$2:$R$366,ROW(INDEX(Jesper!AK$2:AK$366,ROUNDDOWN($C2868/24,0)+1,1))-1)+IF('Standard Profiles'!$G$21=$B$10,7,0)+IF('Standard Profiles'!$G$21=$B$17,14,0)+IF('Standard Profiles'!$G$21=$B$24,21,0),MOD($C2868,24)+1)/SUM(INDEX($D$3:$AA$30,INDEX(Jesper!$R$2:$R$366,ROW(INDEX(Jesper!AK$2:AK$366,ROUNDDOWN($C2868/24,0)+1,1))-1)+IF('Standard Profiles'!$G$21=$B$10,7,0)+IF('Standard Profiles'!$G$21=$B$17,14,0)+IF('Standard Profiles'!$G$21=$B$24,21,0),0)),0)</f>
        <v>0</v>
      </c>
      <c r="H2868" cm="1">
        <f t="array" ref="H2868">IFERROR(INDEX(Jesper!AL$2:AL$366,ROUNDDOWN($C2868/24,0)+1,1)*INDEX($D$3:$AA$30,INDEX(Jesper!$R$2:$R$366,ROW(INDEX(Jesper!AL$2:AL$366,ROUNDDOWN($C2868/24,0)+1,1))-1)+IF('Standard Profiles'!$G$22=$B$10,7,0)+IF('Standard Profiles'!$G$22=$B$17,14,0)+IF('Standard Profiles'!$G$22=$B$24,21,0),MOD($C2868,24)+1)/SUM(INDEX($D$3:$AA$30,INDEX(Jesper!$R$2:$R$366,ROW(INDEX(Jesper!AL$2:AL$366,ROUNDDOWN($C2868/24,0)+1,1))-1)+IF('Standard Profiles'!$G$22=$B$10,7,0)+IF('Standard Profiles'!$G$22=$B$17,14,0)+IF('Standard Profiles'!$G$22=$B$24,21,0),0)),0)</f>
        <v>0</v>
      </c>
      <c r="I2868">
        <f t="shared" si="328"/>
        <v>0.16171229400747489</v>
      </c>
      <c r="J2868">
        <f t="shared" si="329"/>
        <v>0.53904098002491641</v>
      </c>
      <c r="K2868">
        <f t="shared" si="330"/>
        <v>0.80856147003737455</v>
      </c>
      <c r="L2868">
        <f t="shared" si="331"/>
        <v>8.4156397648605985</v>
      </c>
      <c r="M2868">
        <f t="shared" si="332"/>
        <v>0</v>
      </c>
      <c r="N2868" s="46">
        <f t="shared" si="333"/>
        <v>45410.08333332646</v>
      </c>
    </row>
    <row r="2869" spans="2:14" x14ac:dyDescent="0.3">
      <c r="B2869">
        <f t="shared" si="327"/>
        <v>7</v>
      </c>
      <c r="C2869" s="16">
        <v>2835</v>
      </c>
      <c r="D2869" cm="1">
        <f t="array" ref="D2869">IFERROR(INDEX(Jesper!AH$2:AH$366,ROUNDDOWN($C2869/24,0)+1,1)*INDEX($D$3:$AA$30,INDEX(Jesper!$R$2:$R$366,ROW(INDEX(Jesper!AH$2:AH$366,ROUNDDOWN($C2869/24,0)+1,1))-1)+IF('Standard Profiles'!$G$18=$B$10,7,0)+IF('Standard Profiles'!$G$18=$B$17,14,0)+IF('Standard Profiles'!$G$18=$B$24,21,0),MOD($C2869,24)+1)/SUM(INDEX($D$3:$AA$30,INDEX(Jesper!$R$2:$R$366,ROW(INDEX(Jesper!AH$2:AH$366,ROUNDDOWN($C2869/24,0)+1,1))-1)+IF('Standard Profiles'!$G$18=$B$10,7,0)+IF('Standard Profiles'!$G$18=$B$17,14,0)+IF('Standard Profiles'!$G$18=$B$24,21,0),0)),0)</f>
        <v>8.129948045447394</v>
      </c>
      <c r="E2869" cm="1">
        <f t="array" ref="E2869">IFERROR(INDEX(Jesper!AI$2:AI$366,ROUNDDOWN($C2869/24,0)+1,1)*INDEX($D$3:$AA$30,INDEX(Jesper!$R$2:$R$366,ROW(INDEX(Jesper!AI$2:AI$366,ROUNDDOWN($C2869/24,0)+1,1))-1)+IF('Standard Profiles'!$G$19=$B$10,7,0)+IF('Standard Profiles'!$G$19=$B$17,14,0)+IF('Standard Profiles'!$G$19=$B$24,21,0),MOD($C2869,24)+1)/SUM(INDEX($D$3:$AA$30,INDEX(Jesper!$R$2:$R$366,ROW(INDEX(Jesper!AI$2:AI$366,ROUNDDOWN($C2869/24,0)+1,1))-1)+IF('Standard Profiles'!$G$19=$B$10,7,0)+IF('Standard Profiles'!$G$19=$B$17,14,0)+IF('Standard Profiles'!$G$19=$B$24,21,0),0)),0)</f>
        <v>1.7950064634829708</v>
      </c>
      <c r="F2869" cm="1">
        <f t="array" ref="F2869">IFERROR(INDEX(Jesper!AJ$2:AJ$366,ROUNDDOWN($C2869/24,0)+1,1)*INDEX($D$3:$AA$30,INDEX(Jesper!$R$2:$R$366,ROW(INDEX(Jesper!AJ$2:AJ$366,ROUNDDOWN($C2869/24,0)+1,1))-1)+IF('Standard Profiles'!$G$20=$B$10,7,0)+IF('Standard Profiles'!$G$20=$B$17,14,0)+IF('Standard Profiles'!$G$20=$B$24,21,0),MOD($C2869,24)+1)/SUM(INDEX($D$3:$AA$30,INDEX(Jesper!$R$2:$R$366,ROW(INDEX(Jesper!AJ$2:AJ$366,ROUNDDOWN($C2869/24,0)+1,1))-1)+IF('Standard Profiles'!$G$20=$B$10,7,0)+IF('Standard Profiles'!$G$20=$B$17,14,0)+IF('Standard Profiles'!$G$20=$B$24,21,0),0)),0)</f>
        <v>0</v>
      </c>
      <c r="G2869" cm="1">
        <f t="array" ref="G2869">IFERROR(INDEX(Jesper!AK$2:AK$366,ROUNDDOWN($C2869/24,0)+1,1)*INDEX($D$3:$AA$30,INDEX(Jesper!$R$2:$R$366,ROW(INDEX(Jesper!AK$2:AK$366,ROUNDDOWN($C2869/24,0)+1,1))-1)+IF('Standard Profiles'!$G$21=$B$10,7,0)+IF('Standard Profiles'!$G$21=$B$17,14,0)+IF('Standard Profiles'!$G$21=$B$24,21,0),MOD($C2869,24)+1)/SUM(INDEX($D$3:$AA$30,INDEX(Jesper!$R$2:$R$366,ROW(INDEX(Jesper!AK$2:AK$366,ROUNDDOWN($C2869/24,0)+1,1))-1)+IF('Standard Profiles'!$G$21=$B$10,7,0)+IF('Standard Profiles'!$G$21=$B$17,14,0)+IF('Standard Profiles'!$G$21=$B$24,21,0),0)),0)</f>
        <v>0</v>
      </c>
      <c r="H2869" cm="1">
        <f t="array" ref="H2869">IFERROR(INDEX(Jesper!AL$2:AL$366,ROUNDDOWN($C2869/24,0)+1,1)*INDEX($D$3:$AA$30,INDEX(Jesper!$R$2:$R$366,ROW(INDEX(Jesper!AL$2:AL$366,ROUNDDOWN($C2869/24,0)+1,1))-1)+IF('Standard Profiles'!$G$22=$B$10,7,0)+IF('Standard Profiles'!$G$22=$B$17,14,0)+IF('Standard Profiles'!$G$22=$B$24,21,0),MOD($C2869,24)+1)/SUM(INDEX($D$3:$AA$30,INDEX(Jesper!$R$2:$R$366,ROW(INDEX(Jesper!AL$2:AL$366,ROUNDDOWN($C2869/24,0)+1,1))-1)+IF('Standard Profiles'!$G$22=$B$10,7,0)+IF('Standard Profiles'!$G$22=$B$17,14,0)+IF('Standard Profiles'!$G$22=$B$24,21,0),0)),0)</f>
        <v>0</v>
      </c>
      <c r="I2869">
        <f t="shared" si="328"/>
        <v>0.16171229400747489</v>
      </c>
      <c r="J2869">
        <f t="shared" si="329"/>
        <v>0.53904098002491641</v>
      </c>
      <c r="K2869">
        <f t="shared" si="330"/>
        <v>0.80856147003737455</v>
      </c>
      <c r="L2869">
        <f t="shared" si="331"/>
        <v>8.4156397648605985</v>
      </c>
      <c r="M2869">
        <f t="shared" si="332"/>
        <v>0</v>
      </c>
      <c r="N2869" s="46">
        <f t="shared" si="333"/>
        <v>45410.124999993124</v>
      </c>
    </row>
    <row r="2870" spans="2:14" x14ac:dyDescent="0.3">
      <c r="B2870">
        <f t="shared" si="327"/>
        <v>7</v>
      </c>
      <c r="C2870" s="16">
        <v>2836</v>
      </c>
      <c r="D2870" cm="1">
        <f t="array" ref="D2870">IFERROR(INDEX(Jesper!AH$2:AH$366,ROUNDDOWN($C2870/24,0)+1,1)*INDEX($D$3:$AA$30,INDEX(Jesper!$R$2:$R$366,ROW(INDEX(Jesper!AH$2:AH$366,ROUNDDOWN($C2870/24,0)+1,1))-1)+IF('Standard Profiles'!$G$18=$B$10,7,0)+IF('Standard Profiles'!$G$18=$B$17,14,0)+IF('Standard Profiles'!$G$18=$B$24,21,0),MOD($C2870,24)+1)/SUM(INDEX($D$3:$AA$30,INDEX(Jesper!$R$2:$R$366,ROW(INDEX(Jesper!AH$2:AH$366,ROUNDDOWN($C2870/24,0)+1,1))-1)+IF('Standard Profiles'!$G$18=$B$10,7,0)+IF('Standard Profiles'!$G$18=$B$17,14,0)+IF('Standard Profiles'!$G$18=$B$24,21,0),0)),0)</f>
        <v>8.129948045447394</v>
      </c>
      <c r="E2870" cm="1">
        <f t="array" ref="E2870">IFERROR(INDEX(Jesper!AI$2:AI$366,ROUNDDOWN($C2870/24,0)+1,1)*INDEX($D$3:$AA$30,INDEX(Jesper!$R$2:$R$366,ROW(INDEX(Jesper!AI$2:AI$366,ROUNDDOWN($C2870/24,0)+1,1))-1)+IF('Standard Profiles'!$G$19=$B$10,7,0)+IF('Standard Profiles'!$G$19=$B$17,14,0)+IF('Standard Profiles'!$G$19=$B$24,21,0),MOD($C2870,24)+1)/SUM(INDEX($D$3:$AA$30,INDEX(Jesper!$R$2:$R$366,ROW(INDEX(Jesper!AI$2:AI$366,ROUNDDOWN($C2870/24,0)+1,1))-1)+IF('Standard Profiles'!$G$19=$B$10,7,0)+IF('Standard Profiles'!$G$19=$B$17,14,0)+IF('Standard Profiles'!$G$19=$B$24,21,0),0)),0)</f>
        <v>1.7950064634829708</v>
      </c>
      <c r="F2870" cm="1">
        <f t="array" ref="F2870">IFERROR(INDEX(Jesper!AJ$2:AJ$366,ROUNDDOWN($C2870/24,0)+1,1)*INDEX($D$3:$AA$30,INDEX(Jesper!$R$2:$R$366,ROW(INDEX(Jesper!AJ$2:AJ$366,ROUNDDOWN($C2870/24,0)+1,1))-1)+IF('Standard Profiles'!$G$20=$B$10,7,0)+IF('Standard Profiles'!$G$20=$B$17,14,0)+IF('Standard Profiles'!$G$20=$B$24,21,0),MOD($C2870,24)+1)/SUM(INDEX($D$3:$AA$30,INDEX(Jesper!$R$2:$R$366,ROW(INDEX(Jesper!AJ$2:AJ$366,ROUNDDOWN($C2870/24,0)+1,1))-1)+IF('Standard Profiles'!$G$20=$B$10,7,0)+IF('Standard Profiles'!$G$20=$B$17,14,0)+IF('Standard Profiles'!$G$20=$B$24,21,0),0)),0)</f>
        <v>0</v>
      </c>
      <c r="G2870" cm="1">
        <f t="array" ref="G2870">IFERROR(INDEX(Jesper!AK$2:AK$366,ROUNDDOWN($C2870/24,0)+1,1)*INDEX($D$3:$AA$30,INDEX(Jesper!$R$2:$R$366,ROW(INDEX(Jesper!AK$2:AK$366,ROUNDDOWN($C2870/24,0)+1,1))-1)+IF('Standard Profiles'!$G$21=$B$10,7,0)+IF('Standard Profiles'!$G$21=$B$17,14,0)+IF('Standard Profiles'!$G$21=$B$24,21,0),MOD($C2870,24)+1)/SUM(INDEX($D$3:$AA$30,INDEX(Jesper!$R$2:$R$366,ROW(INDEX(Jesper!AK$2:AK$366,ROUNDDOWN($C2870/24,0)+1,1))-1)+IF('Standard Profiles'!$G$21=$B$10,7,0)+IF('Standard Profiles'!$G$21=$B$17,14,0)+IF('Standard Profiles'!$G$21=$B$24,21,0),0)),0)</f>
        <v>0</v>
      </c>
      <c r="H2870" cm="1">
        <f t="array" ref="H2870">IFERROR(INDEX(Jesper!AL$2:AL$366,ROUNDDOWN($C2870/24,0)+1,1)*INDEX($D$3:$AA$30,INDEX(Jesper!$R$2:$R$366,ROW(INDEX(Jesper!AL$2:AL$366,ROUNDDOWN($C2870/24,0)+1,1))-1)+IF('Standard Profiles'!$G$22=$B$10,7,0)+IF('Standard Profiles'!$G$22=$B$17,14,0)+IF('Standard Profiles'!$G$22=$B$24,21,0),MOD($C2870,24)+1)/SUM(INDEX($D$3:$AA$30,INDEX(Jesper!$R$2:$R$366,ROW(INDEX(Jesper!AL$2:AL$366,ROUNDDOWN($C2870/24,0)+1,1))-1)+IF('Standard Profiles'!$G$22=$B$10,7,0)+IF('Standard Profiles'!$G$22=$B$17,14,0)+IF('Standard Profiles'!$G$22=$B$24,21,0),0)),0)</f>
        <v>0</v>
      </c>
      <c r="I2870">
        <f t="shared" si="328"/>
        <v>0.16171229400747489</v>
      </c>
      <c r="J2870">
        <f t="shared" si="329"/>
        <v>0.53904098002491641</v>
      </c>
      <c r="K2870">
        <f t="shared" si="330"/>
        <v>0.80856147003737455</v>
      </c>
      <c r="L2870">
        <f t="shared" si="331"/>
        <v>8.4156397648605985</v>
      </c>
      <c r="M2870">
        <f t="shared" si="332"/>
        <v>0</v>
      </c>
      <c r="N2870" s="46">
        <f t="shared" si="333"/>
        <v>45410.166666659788</v>
      </c>
    </row>
    <row r="2871" spans="2:14" x14ac:dyDescent="0.3">
      <c r="B2871">
        <f t="shared" si="327"/>
        <v>7</v>
      </c>
      <c r="C2871" s="16">
        <v>2837</v>
      </c>
      <c r="D2871" cm="1">
        <f t="array" ref="D2871">IFERROR(INDEX(Jesper!AH$2:AH$366,ROUNDDOWN($C2871/24,0)+1,1)*INDEX($D$3:$AA$30,INDEX(Jesper!$R$2:$R$366,ROW(INDEX(Jesper!AH$2:AH$366,ROUNDDOWN($C2871/24,0)+1,1))-1)+IF('Standard Profiles'!$G$18=$B$10,7,0)+IF('Standard Profiles'!$G$18=$B$17,14,0)+IF('Standard Profiles'!$G$18=$B$24,21,0),MOD($C2871,24)+1)/SUM(INDEX($D$3:$AA$30,INDEX(Jesper!$R$2:$R$366,ROW(INDEX(Jesper!AH$2:AH$366,ROUNDDOWN($C2871/24,0)+1,1))-1)+IF('Standard Profiles'!$G$18=$B$10,7,0)+IF('Standard Profiles'!$G$18=$B$17,14,0)+IF('Standard Profiles'!$G$18=$B$24,21,0),0)),0)</f>
        <v>10.162435056809244</v>
      </c>
      <c r="E2871" cm="1">
        <f t="array" ref="E2871">IFERROR(INDEX(Jesper!AI$2:AI$366,ROUNDDOWN($C2871/24,0)+1,1)*INDEX($D$3:$AA$30,INDEX(Jesper!$R$2:$R$366,ROW(INDEX(Jesper!AI$2:AI$366,ROUNDDOWN($C2871/24,0)+1,1))-1)+IF('Standard Profiles'!$G$19=$B$10,7,0)+IF('Standard Profiles'!$G$19=$B$17,14,0)+IF('Standard Profiles'!$G$19=$B$24,21,0),MOD($C2871,24)+1)/SUM(INDEX($D$3:$AA$30,INDEX(Jesper!$R$2:$R$366,ROW(INDEX(Jesper!AI$2:AI$366,ROUNDDOWN($C2871/24,0)+1,1))-1)+IF('Standard Profiles'!$G$19=$B$10,7,0)+IF('Standard Profiles'!$G$19=$B$17,14,0)+IF('Standard Profiles'!$G$19=$B$24,21,0),0)),0)</f>
        <v>2.2437580793537131</v>
      </c>
      <c r="F2871" cm="1">
        <f t="array" ref="F2871">IFERROR(INDEX(Jesper!AJ$2:AJ$366,ROUNDDOWN($C2871/24,0)+1,1)*INDEX($D$3:$AA$30,INDEX(Jesper!$R$2:$R$366,ROW(INDEX(Jesper!AJ$2:AJ$366,ROUNDDOWN($C2871/24,0)+1,1))-1)+IF('Standard Profiles'!$G$20=$B$10,7,0)+IF('Standard Profiles'!$G$20=$B$17,14,0)+IF('Standard Profiles'!$G$20=$B$24,21,0),MOD($C2871,24)+1)/SUM(INDEX($D$3:$AA$30,INDEX(Jesper!$R$2:$R$366,ROW(INDEX(Jesper!AJ$2:AJ$366,ROUNDDOWN($C2871/24,0)+1,1))-1)+IF('Standard Profiles'!$G$20=$B$10,7,0)+IF('Standard Profiles'!$G$20=$B$17,14,0)+IF('Standard Profiles'!$G$20=$B$24,21,0),0)),0)</f>
        <v>0</v>
      </c>
      <c r="G2871" cm="1">
        <f t="array" ref="G2871">IFERROR(INDEX(Jesper!AK$2:AK$366,ROUNDDOWN($C2871/24,0)+1,1)*INDEX($D$3:$AA$30,INDEX(Jesper!$R$2:$R$366,ROW(INDEX(Jesper!AK$2:AK$366,ROUNDDOWN($C2871/24,0)+1,1))-1)+IF('Standard Profiles'!$G$21=$B$10,7,0)+IF('Standard Profiles'!$G$21=$B$17,14,0)+IF('Standard Profiles'!$G$21=$B$24,21,0),MOD($C2871,24)+1)/SUM(INDEX($D$3:$AA$30,INDEX(Jesper!$R$2:$R$366,ROW(INDEX(Jesper!AK$2:AK$366,ROUNDDOWN($C2871/24,0)+1,1))-1)+IF('Standard Profiles'!$G$21=$B$10,7,0)+IF('Standard Profiles'!$G$21=$B$17,14,0)+IF('Standard Profiles'!$G$21=$B$24,21,0),0)),0)</f>
        <v>0</v>
      </c>
      <c r="H2871" cm="1">
        <f t="array" ref="H2871">IFERROR(INDEX(Jesper!AL$2:AL$366,ROUNDDOWN($C2871/24,0)+1,1)*INDEX($D$3:$AA$30,INDEX(Jesper!$R$2:$R$366,ROW(INDEX(Jesper!AL$2:AL$366,ROUNDDOWN($C2871/24,0)+1,1))-1)+IF('Standard Profiles'!$G$22=$B$10,7,0)+IF('Standard Profiles'!$G$22=$B$17,14,0)+IF('Standard Profiles'!$G$22=$B$24,21,0),MOD($C2871,24)+1)/SUM(INDEX($D$3:$AA$30,INDEX(Jesper!$R$2:$R$366,ROW(INDEX(Jesper!AL$2:AL$366,ROUNDDOWN($C2871/24,0)+1,1))-1)+IF('Standard Profiles'!$G$22=$B$10,7,0)+IF('Standard Profiles'!$G$22=$B$17,14,0)+IF('Standard Profiles'!$G$22=$B$24,21,0),0)),0)</f>
        <v>0</v>
      </c>
      <c r="I2871">
        <f t="shared" si="328"/>
        <v>0.20214036750934358</v>
      </c>
      <c r="J2871">
        <f t="shared" si="329"/>
        <v>0.67380122503114537</v>
      </c>
      <c r="K2871">
        <f t="shared" si="330"/>
        <v>1.0107018375467181</v>
      </c>
      <c r="L2871">
        <f t="shared" si="331"/>
        <v>10.51954970607575</v>
      </c>
      <c r="M2871">
        <f t="shared" si="332"/>
        <v>0</v>
      </c>
      <c r="N2871" s="46">
        <f t="shared" si="333"/>
        <v>45410.208333326453</v>
      </c>
    </row>
    <row r="2872" spans="2:14" x14ac:dyDescent="0.3">
      <c r="B2872">
        <f t="shared" si="327"/>
        <v>7</v>
      </c>
      <c r="C2872" s="16">
        <v>2838</v>
      </c>
      <c r="D2872" cm="1">
        <f t="array" ref="D2872">IFERROR(INDEX(Jesper!AH$2:AH$366,ROUNDDOWN($C2872/24,0)+1,1)*INDEX($D$3:$AA$30,INDEX(Jesper!$R$2:$R$366,ROW(INDEX(Jesper!AH$2:AH$366,ROUNDDOWN($C2872/24,0)+1,1))-1)+IF('Standard Profiles'!$G$18=$B$10,7,0)+IF('Standard Profiles'!$G$18=$B$17,14,0)+IF('Standard Profiles'!$G$18=$B$24,21,0),MOD($C2872,24)+1)/SUM(INDEX($D$3:$AA$30,INDEX(Jesper!$R$2:$R$366,ROW(INDEX(Jesper!AH$2:AH$366,ROUNDDOWN($C2872/24,0)+1,1))-1)+IF('Standard Profiles'!$G$18=$B$10,7,0)+IF('Standard Profiles'!$G$18=$B$17,14,0)+IF('Standard Profiles'!$G$18=$B$24,21,0),0)),0)</f>
        <v>11.969090178019776</v>
      </c>
      <c r="E2872" cm="1">
        <f t="array" ref="E2872">IFERROR(INDEX(Jesper!AI$2:AI$366,ROUNDDOWN($C2872/24,0)+1,1)*INDEX($D$3:$AA$30,INDEX(Jesper!$R$2:$R$366,ROW(INDEX(Jesper!AI$2:AI$366,ROUNDDOWN($C2872/24,0)+1,1))-1)+IF('Standard Profiles'!$G$19=$B$10,7,0)+IF('Standard Profiles'!$G$19=$B$17,14,0)+IF('Standard Profiles'!$G$19=$B$24,21,0),MOD($C2872,24)+1)/SUM(INDEX($D$3:$AA$30,INDEX(Jesper!$R$2:$R$366,ROW(INDEX(Jesper!AI$2:AI$366,ROUNDDOWN($C2872/24,0)+1,1))-1)+IF('Standard Profiles'!$G$19=$B$10,7,0)+IF('Standard Profiles'!$G$19=$B$17,14,0)+IF('Standard Profiles'!$G$19=$B$24,21,0),0)),0)</f>
        <v>2.6426484045721512</v>
      </c>
      <c r="F2872" cm="1">
        <f t="array" ref="F2872">IFERROR(INDEX(Jesper!AJ$2:AJ$366,ROUNDDOWN($C2872/24,0)+1,1)*INDEX($D$3:$AA$30,INDEX(Jesper!$R$2:$R$366,ROW(INDEX(Jesper!AJ$2:AJ$366,ROUNDDOWN($C2872/24,0)+1,1))-1)+IF('Standard Profiles'!$G$20=$B$10,7,0)+IF('Standard Profiles'!$G$20=$B$17,14,0)+IF('Standard Profiles'!$G$20=$B$24,21,0),MOD($C2872,24)+1)/SUM(INDEX($D$3:$AA$30,INDEX(Jesper!$R$2:$R$366,ROW(INDEX(Jesper!AJ$2:AJ$366,ROUNDDOWN($C2872/24,0)+1,1))-1)+IF('Standard Profiles'!$G$20=$B$10,7,0)+IF('Standard Profiles'!$G$20=$B$17,14,0)+IF('Standard Profiles'!$G$20=$B$24,21,0),0)),0)</f>
        <v>0</v>
      </c>
      <c r="G2872" cm="1">
        <f t="array" ref="G2872">IFERROR(INDEX(Jesper!AK$2:AK$366,ROUNDDOWN($C2872/24,0)+1,1)*INDEX($D$3:$AA$30,INDEX(Jesper!$R$2:$R$366,ROW(INDEX(Jesper!AK$2:AK$366,ROUNDDOWN($C2872/24,0)+1,1))-1)+IF('Standard Profiles'!$G$21=$B$10,7,0)+IF('Standard Profiles'!$G$21=$B$17,14,0)+IF('Standard Profiles'!$G$21=$B$24,21,0),MOD($C2872,24)+1)/SUM(INDEX($D$3:$AA$30,INDEX(Jesper!$R$2:$R$366,ROW(INDEX(Jesper!AK$2:AK$366,ROUNDDOWN($C2872/24,0)+1,1))-1)+IF('Standard Profiles'!$G$21=$B$10,7,0)+IF('Standard Profiles'!$G$21=$B$17,14,0)+IF('Standard Profiles'!$G$21=$B$24,21,0),0)),0)</f>
        <v>0</v>
      </c>
      <c r="H2872" cm="1">
        <f t="array" ref="H2872">IFERROR(INDEX(Jesper!AL$2:AL$366,ROUNDDOWN($C2872/24,0)+1,1)*INDEX($D$3:$AA$30,INDEX(Jesper!$R$2:$R$366,ROW(INDEX(Jesper!AL$2:AL$366,ROUNDDOWN($C2872/24,0)+1,1))-1)+IF('Standard Profiles'!$G$22=$B$10,7,0)+IF('Standard Profiles'!$G$22=$B$17,14,0)+IF('Standard Profiles'!$G$22=$B$24,21,0),MOD($C2872,24)+1)/SUM(INDEX($D$3:$AA$30,INDEX(Jesper!$R$2:$R$366,ROW(INDEX(Jesper!AL$2:AL$366,ROUNDDOWN($C2872/24,0)+1,1))-1)+IF('Standard Profiles'!$G$22=$B$10,7,0)+IF('Standard Profiles'!$G$22=$B$17,14,0)+IF('Standard Profiles'!$G$22=$B$24,21,0),0)),0)</f>
        <v>0</v>
      </c>
      <c r="I2872">
        <f t="shared" si="328"/>
        <v>0.23807643284433802</v>
      </c>
      <c r="J2872">
        <f t="shared" si="329"/>
        <v>0.79358810948112679</v>
      </c>
      <c r="K2872">
        <f t="shared" si="330"/>
        <v>1.1903821642216903</v>
      </c>
      <c r="L2872">
        <f t="shared" si="331"/>
        <v>12.389691876044772</v>
      </c>
      <c r="M2872">
        <f t="shared" si="332"/>
        <v>0</v>
      </c>
      <c r="N2872" s="46">
        <f t="shared" si="333"/>
        <v>45410.249999993117</v>
      </c>
    </row>
    <row r="2873" spans="2:14" x14ac:dyDescent="0.3">
      <c r="B2873">
        <f t="shared" si="327"/>
        <v>7</v>
      </c>
      <c r="C2873" s="16">
        <v>2839</v>
      </c>
      <c r="D2873" cm="1">
        <f t="array" ref="D2873">IFERROR(INDEX(Jesper!AH$2:AH$366,ROUNDDOWN($C2873/24,0)+1,1)*INDEX($D$3:$AA$30,INDEX(Jesper!$R$2:$R$366,ROW(INDEX(Jesper!AH$2:AH$366,ROUNDDOWN($C2873/24,0)+1,1))-1)+IF('Standard Profiles'!$G$18=$B$10,7,0)+IF('Standard Profiles'!$G$18=$B$17,14,0)+IF('Standard Profiles'!$G$18=$B$24,21,0),MOD($C2873,24)+1)/SUM(INDEX($D$3:$AA$30,INDEX(Jesper!$R$2:$R$366,ROW(INDEX(Jesper!AH$2:AH$366,ROUNDDOWN($C2873/24,0)+1,1))-1)+IF('Standard Profiles'!$G$18=$B$10,7,0)+IF('Standard Profiles'!$G$18=$B$17,14,0)+IF('Standard Profiles'!$G$18=$B$24,21,0),0)),0)</f>
        <v>14.22740907953294</v>
      </c>
      <c r="E2873" cm="1">
        <f t="array" ref="E2873">IFERROR(INDEX(Jesper!AI$2:AI$366,ROUNDDOWN($C2873/24,0)+1,1)*INDEX($D$3:$AA$30,INDEX(Jesper!$R$2:$R$366,ROW(INDEX(Jesper!AI$2:AI$366,ROUNDDOWN($C2873/24,0)+1,1))-1)+IF('Standard Profiles'!$G$19=$B$10,7,0)+IF('Standard Profiles'!$G$19=$B$17,14,0)+IF('Standard Profiles'!$G$19=$B$24,21,0),MOD($C2873,24)+1)/SUM(INDEX($D$3:$AA$30,INDEX(Jesper!$R$2:$R$366,ROW(INDEX(Jesper!AI$2:AI$366,ROUNDDOWN($C2873/24,0)+1,1))-1)+IF('Standard Profiles'!$G$19=$B$10,7,0)+IF('Standard Profiles'!$G$19=$B$17,14,0)+IF('Standard Profiles'!$G$19=$B$24,21,0),0)),0)</f>
        <v>3.1412613110951986</v>
      </c>
      <c r="F2873" cm="1">
        <f t="array" ref="F2873">IFERROR(INDEX(Jesper!AJ$2:AJ$366,ROUNDDOWN($C2873/24,0)+1,1)*INDEX($D$3:$AA$30,INDEX(Jesper!$R$2:$R$366,ROW(INDEX(Jesper!AJ$2:AJ$366,ROUNDDOWN($C2873/24,0)+1,1))-1)+IF('Standard Profiles'!$G$20=$B$10,7,0)+IF('Standard Profiles'!$G$20=$B$17,14,0)+IF('Standard Profiles'!$G$20=$B$24,21,0),MOD($C2873,24)+1)/SUM(INDEX($D$3:$AA$30,INDEX(Jesper!$R$2:$R$366,ROW(INDEX(Jesper!AJ$2:AJ$366,ROUNDDOWN($C2873/24,0)+1,1))-1)+IF('Standard Profiles'!$G$20=$B$10,7,0)+IF('Standard Profiles'!$G$20=$B$17,14,0)+IF('Standard Profiles'!$G$20=$B$24,21,0),0)),0)</f>
        <v>0</v>
      </c>
      <c r="G2873" cm="1">
        <f t="array" ref="G2873">IFERROR(INDEX(Jesper!AK$2:AK$366,ROUNDDOWN($C2873/24,0)+1,1)*INDEX($D$3:$AA$30,INDEX(Jesper!$R$2:$R$366,ROW(INDEX(Jesper!AK$2:AK$366,ROUNDDOWN($C2873/24,0)+1,1))-1)+IF('Standard Profiles'!$G$21=$B$10,7,0)+IF('Standard Profiles'!$G$21=$B$17,14,0)+IF('Standard Profiles'!$G$21=$B$24,21,0),MOD($C2873,24)+1)/SUM(INDEX($D$3:$AA$30,INDEX(Jesper!$R$2:$R$366,ROW(INDEX(Jesper!AK$2:AK$366,ROUNDDOWN($C2873/24,0)+1,1))-1)+IF('Standard Profiles'!$G$21=$B$10,7,0)+IF('Standard Profiles'!$G$21=$B$17,14,0)+IF('Standard Profiles'!$G$21=$B$24,21,0),0)),0)</f>
        <v>0</v>
      </c>
      <c r="H2873" cm="1">
        <f t="array" ref="H2873">IFERROR(INDEX(Jesper!AL$2:AL$366,ROUNDDOWN($C2873/24,0)+1,1)*INDEX($D$3:$AA$30,INDEX(Jesper!$R$2:$R$366,ROW(INDEX(Jesper!AL$2:AL$366,ROUNDDOWN($C2873/24,0)+1,1))-1)+IF('Standard Profiles'!$G$22=$B$10,7,0)+IF('Standard Profiles'!$G$22=$B$17,14,0)+IF('Standard Profiles'!$G$22=$B$24,21,0),MOD($C2873,24)+1)/SUM(INDEX($D$3:$AA$30,INDEX(Jesper!$R$2:$R$366,ROW(INDEX(Jesper!AL$2:AL$366,ROUNDDOWN($C2873/24,0)+1,1))-1)+IF('Standard Profiles'!$G$22=$B$10,7,0)+IF('Standard Profiles'!$G$22=$B$17,14,0)+IF('Standard Profiles'!$G$22=$B$24,21,0),0)),0)</f>
        <v>0</v>
      </c>
      <c r="I2873">
        <f t="shared" si="328"/>
        <v>0.282996514513081</v>
      </c>
      <c r="J2873">
        <f t="shared" si="329"/>
        <v>0.94332171504360351</v>
      </c>
      <c r="K2873">
        <f t="shared" si="330"/>
        <v>1.4149825725654053</v>
      </c>
      <c r="L2873">
        <f t="shared" si="331"/>
        <v>14.727369588506049</v>
      </c>
      <c r="M2873">
        <f t="shared" si="332"/>
        <v>0</v>
      </c>
      <c r="N2873" s="46">
        <f t="shared" si="333"/>
        <v>45410.291666659781</v>
      </c>
    </row>
    <row r="2874" spans="2:14" x14ac:dyDescent="0.3">
      <c r="B2874">
        <f t="shared" si="327"/>
        <v>7</v>
      </c>
      <c r="C2874" s="16">
        <v>2840</v>
      </c>
      <c r="D2874" cm="1">
        <f t="array" ref="D2874">IFERROR(INDEX(Jesper!AH$2:AH$366,ROUNDDOWN($C2874/24,0)+1,1)*INDEX($D$3:$AA$30,INDEX(Jesper!$R$2:$R$366,ROW(INDEX(Jesper!AH$2:AH$366,ROUNDDOWN($C2874/24,0)+1,1))-1)+IF('Standard Profiles'!$G$18=$B$10,7,0)+IF('Standard Profiles'!$G$18=$B$17,14,0)+IF('Standard Profiles'!$G$18=$B$24,21,0),MOD($C2874,24)+1)/SUM(INDEX($D$3:$AA$30,INDEX(Jesper!$R$2:$R$366,ROW(INDEX(Jesper!AH$2:AH$366,ROUNDDOWN($C2874/24,0)+1,1))-1)+IF('Standard Profiles'!$G$18=$B$10,7,0)+IF('Standard Profiles'!$G$18=$B$17,14,0)+IF('Standard Profiles'!$G$18=$B$24,21,0),0)),0)</f>
        <v>14.22740907953294</v>
      </c>
      <c r="E2874" cm="1">
        <f t="array" ref="E2874">IFERROR(INDEX(Jesper!AI$2:AI$366,ROUNDDOWN($C2874/24,0)+1,1)*INDEX($D$3:$AA$30,INDEX(Jesper!$R$2:$R$366,ROW(INDEX(Jesper!AI$2:AI$366,ROUNDDOWN($C2874/24,0)+1,1))-1)+IF('Standard Profiles'!$G$19=$B$10,7,0)+IF('Standard Profiles'!$G$19=$B$17,14,0)+IF('Standard Profiles'!$G$19=$B$24,21,0),MOD($C2874,24)+1)/SUM(INDEX($D$3:$AA$30,INDEX(Jesper!$R$2:$R$366,ROW(INDEX(Jesper!AI$2:AI$366,ROUNDDOWN($C2874/24,0)+1,1))-1)+IF('Standard Profiles'!$G$19=$B$10,7,0)+IF('Standard Profiles'!$G$19=$B$17,14,0)+IF('Standard Profiles'!$G$19=$B$24,21,0),0)),0)</f>
        <v>3.1412613110951986</v>
      </c>
      <c r="F2874" cm="1">
        <f t="array" ref="F2874">IFERROR(INDEX(Jesper!AJ$2:AJ$366,ROUNDDOWN($C2874/24,0)+1,1)*INDEX($D$3:$AA$30,INDEX(Jesper!$R$2:$R$366,ROW(INDEX(Jesper!AJ$2:AJ$366,ROUNDDOWN($C2874/24,0)+1,1))-1)+IF('Standard Profiles'!$G$20=$B$10,7,0)+IF('Standard Profiles'!$G$20=$B$17,14,0)+IF('Standard Profiles'!$G$20=$B$24,21,0),MOD($C2874,24)+1)/SUM(INDEX($D$3:$AA$30,INDEX(Jesper!$R$2:$R$366,ROW(INDEX(Jesper!AJ$2:AJ$366,ROUNDDOWN($C2874/24,0)+1,1))-1)+IF('Standard Profiles'!$G$20=$B$10,7,0)+IF('Standard Profiles'!$G$20=$B$17,14,0)+IF('Standard Profiles'!$G$20=$B$24,21,0),0)),0)</f>
        <v>0</v>
      </c>
      <c r="G2874" cm="1">
        <f t="array" ref="G2874">IFERROR(INDEX(Jesper!AK$2:AK$366,ROUNDDOWN($C2874/24,0)+1,1)*INDEX($D$3:$AA$30,INDEX(Jesper!$R$2:$R$366,ROW(INDEX(Jesper!AK$2:AK$366,ROUNDDOWN($C2874/24,0)+1,1))-1)+IF('Standard Profiles'!$G$21=$B$10,7,0)+IF('Standard Profiles'!$G$21=$B$17,14,0)+IF('Standard Profiles'!$G$21=$B$24,21,0),MOD($C2874,24)+1)/SUM(INDEX($D$3:$AA$30,INDEX(Jesper!$R$2:$R$366,ROW(INDEX(Jesper!AK$2:AK$366,ROUNDDOWN($C2874/24,0)+1,1))-1)+IF('Standard Profiles'!$G$21=$B$10,7,0)+IF('Standard Profiles'!$G$21=$B$17,14,0)+IF('Standard Profiles'!$G$21=$B$24,21,0),0)),0)</f>
        <v>0</v>
      </c>
      <c r="H2874" cm="1">
        <f t="array" ref="H2874">IFERROR(INDEX(Jesper!AL$2:AL$366,ROUNDDOWN($C2874/24,0)+1,1)*INDEX($D$3:$AA$30,INDEX(Jesper!$R$2:$R$366,ROW(INDEX(Jesper!AL$2:AL$366,ROUNDDOWN($C2874/24,0)+1,1))-1)+IF('Standard Profiles'!$G$22=$B$10,7,0)+IF('Standard Profiles'!$G$22=$B$17,14,0)+IF('Standard Profiles'!$G$22=$B$24,21,0),MOD($C2874,24)+1)/SUM(INDEX($D$3:$AA$30,INDEX(Jesper!$R$2:$R$366,ROW(INDEX(Jesper!AL$2:AL$366,ROUNDDOWN($C2874/24,0)+1,1))-1)+IF('Standard Profiles'!$G$22=$B$10,7,0)+IF('Standard Profiles'!$G$22=$B$17,14,0)+IF('Standard Profiles'!$G$22=$B$24,21,0),0)),0)</f>
        <v>0</v>
      </c>
      <c r="I2874">
        <f t="shared" si="328"/>
        <v>0.282996514513081</v>
      </c>
      <c r="J2874">
        <f t="shared" si="329"/>
        <v>0.94332171504360351</v>
      </c>
      <c r="K2874">
        <f t="shared" si="330"/>
        <v>1.4149825725654053</v>
      </c>
      <c r="L2874">
        <f t="shared" si="331"/>
        <v>14.727369588506049</v>
      </c>
      <c r="M2874">
        <f t="shared" si="332"/>
        <v>0</v>
      </c>
      <c r="N2874" s="46">
        <f t="shared" si="333"/>
        <v>45410.333333326445</v>
      </c>
    </row>
    <row r="2875" spans="2:14" x14ac:dyDescent="0.3">
      <c r="B2875">
        <f t="shared" si="327"/>
        <v>7</v>
      </c>
      <c r="C2875" s="16">
        <v>2841</v>
      </c>
      <c r="D2875" cm="1">
        <f t="array" ref="D2875">IFERROR(INDEX(Jesper!AH$2:AH$366,ROUNDDOWN($C2875/24,0)+1,1)*INDEX($D$3:$AA$30,INDEX(Jesper!$R$2:$R$366,ROW(INDEX(Jesper!AH$2:AH$366,ROUNDDOWN($C2875/24,0)+1,1))-1)+IF('Standard Profiles'!$G$18=$B$10,7,0)+IF('Standard Profiles'!$G$18=$B$17,14,0)+IF('Standard Profiles'!$G$18=$B$24,21,0),MOD($C2875,24)+1)/SUM(INDEX($D$3:$AA$30,INDEX(Jesper!$R$2:$R$366,ROW(INDEX(Jesper!AH$2:AH$366,ROUNDDOWN($C2875/24,0)+1,1))-1)+IF('Standard Profiles'!$G$18=$B$10,7,0)+IF('Standard Profiles'!$G$18=$B$17,14,0)+IF('Standard Profiles'!$G$18=$B$24,21,0),0)),0)</f>
        <v>14.22740907953294</v>
      </c>
      <c r="E2875" cm="1">
        <f t="array" ref="E2875">IFERROR(INDEX(Jesper!AI$2:AI$366,ROUNDDOWN($C2875/24,0)+1,1)*INDEX($D$3:$AA$30,INDEX(Jesper!$R$2:$R$366,ROW(INDEX(Jesper!AI$2:AI$366,ROUNDDOWN($C2875/24,0)+1,1))-1)+IF('Standard Profiles'!$G$19=$B$10,7,0)+IF('Standard Profiles'!$G$19=$B$17,14,0)+IF('Standard Profiles'!$G$19=$B$24,21,0),MOD($C2875,24)+1)/SUM(INDEX($D$3:$AA$30,INDEX(Jesper!$R$2:$R$366,ROW(INDEX(Jesper!AI$2:AI$366,ROUNDDOWN($C2875/24,0)+1,1))-1)+IF('Standard Profiles'!$G$19=$B$10,7,0)+IF('Standard Profiles'!$G$19=$B$17,14,0)+IF('Standard Profiles'!$G$19=$B$24,21,0),0)),0)</f>
        <v>3.1412613110951986</v>
      </c>
      <c r="F2875" cm="1">
        <f t="array" ref="F2875">IFERROR(INDEX(Jesper!AJ$2:AJ$366,ROUNDDOWN($C2875/24,0)+1,1)*INDEX($D$3:$AA$30,INDEX(Jesper!$R$2:$R$366,ROW(INDEX(Jesper!AJ$2:AJ$366,ROUNDDOWN($C2875/24,0)+1,1))-1)+IF('Standard Profiles'!$G$20=$B$10,7,0)+IF('Standard Profiles'!$G$20=$B$17,14,0)+IF('Standard Profiles'!$G$20=$B$24,21,0),MOD($C2875,24)+1)/SUM(INDEX($D$3:$AA$30,INDEX(Jesper!$R$2:$R$366,ROW(INDEX(Jesper!AJ$2:AJ$366,ROUNDDOWN($C2875/24,0)+1,1))-1)+IF('Standard Profiles'!$G$20=$B$10,7,0)+IF('Standard Profiles'!$G$20=$B$17,14,0)+IF('Standard Profiles'!$G$20=$B$24,21,0),0)),0)</f>
        <v>0</v>
      </c>
      <c r="G2875" cm="1">
        <f t="array" ref="G2875">IFERROR(INDEX(Jesper!AK$2:AK$366,ROUNDDOWN($C2875/24,0)+1,1)*INDEX($D$3:$AA$30,INDEX(Jesper!$R$2:$R$366,ROW(INDEX(Jesper!AK$2:AK$366,ROUNDDOWN($C2875/24,0)+1,1))-1)+IF('Standard Profiles'!$G$21=$B$10,7,0)+IF('Standard Profiles'!$G$21=$B$17,14,0)+IF('Standard Profiles'!$G$21=$B$24,21,0),MOD($C2875,24)+1)/SUM(INDEX($D$3:$AA$30,INDEX(Jesper!$R$2:$R$366,ROW(INDEX(Jesper!AK$2:AK$366,ROUNDDOWN($C2875/24,0)+1,1))-1)+IF('Standard Profiles'!$G$21=$B$10,7,0)+IF('Standard Profiles'!$G$21=$B$17,14,0)+IF('Standard Profiles'!$G$21=$B$24,21,0),0)),0)</f>
        <v>0</v>
      </c>
      <c r="H2875" cm="1">
        <f t="array" ref="H2875">IFERROR(INDEX(Jesper!AL$2:AL$366,ROUNDDOWN($C2875/24,0)+1,1)*INDEX($D$3:$AA$30,INDEX(Jesper!$R$2:$R$366,ROW(INDEX(Jesper!AL$2:AL$366,ROUNDDOWN($C2875/24,0)+1,1))-1)+IF('Standard Profiles'!$G$22=$B$10,7,0)+IF('Standard Profiles'!$G$22=$B$17,14,0)+IF('Standard Profiles'!$G$22=$B$24,21,0),MOD($C2875,24)+1)/SUM(INDEX($D$3:$AA$30,INDEX(Jesper!$R$2:$R$366,ROW(INDEX(Jesper!AL$2:AL$366,ROUNDDOWN($C2875/24,0)+1,1))-1)+IF('Standard Profiles'!$G$22=$B$10,7,0)+IF('Standard Profiles'!$G$22=$B$17,14,0)+IF('Standard Profiles'!$G$22=$B$24,21,0),0)),0)</f>
        <v>0</v>
      </c>
      <c r="I2875">
        <f t="shared" si="328"/>
        <v>0.282996514513081</v>
      </c>
      <c r="J2875">
        <f t="shared" si="329"/>
        <v>0.94332171504360351</v>
      </c>
      <c r="K2875">
        <f t="shared" si="330"/>
        <v>1.4149825725654053</v>
      </c>
      <c r="L2875">
        <f t="shared" si="331"/>
        <v>14.727369588506049</v>
      </c>
      <c r="M2875">
        <f t="shared" si="332"/>
        <v>0</v>
      </c>
      <c r="N2875" s="46">
        <f t="shared" si="333"/>
        <v>45410.37499999311</v>
      </c>
    </row>
    <row r="2876" spans="2:14" x14ac:dyDescent="0.3">
      <c r="B2876">
        <f t="shared" si="327"/>
        <v>7</v>
      </c>
      <c r="C2876" s="16">
        <v>2842</v>
      </c>
      <c r="D2876" cm="1">
        <f t="array" ref="D2876">IFERROR(INDEX(Jesper!AH$2:AH$366,ROUNDDOWN($C2876/24,0)+1,1)*INDEX($D$3:$AA$30,INDEX(Jesper!$R$2:$R$366,ROW(INDEX(Jesper!AH$2:AH$366,ROUNDDOWN($C2876/24,0)+1,1))-1)+IF('Standard Profiles'!$G$18=$B$10,7,0)+IF('Standard Profiles'!$G$18=$B$17,14,0)+IF('Standard Profiles'!$G$18=$B$24,21,0),MOD($C2876,24)+1)/SUM(INDEX($D$3:$AA$30,INDEX(Jesper!$R$2:$R$366,ROW(INDEX(Jesper!AH$2:AH$366,ROUNDDOWN($C2876/24,0)+1,1))-1)+IF('Standard Profiles'!$G$18=$B$10,7,0)+IF('Standard Profiles'!$G$18=$B$17,14,0)+IF('Standard Profiles'!$G$18=$B$24,21,0),0)),0)</f>
        <v>14.22740907953294</v>
      </c>
      <c r="E2876" cm="1">
        <f t="array" ref="E2876">IFERROR(INDEX(Jesper!AI$2:AI$366,ROUNDDOWN($C2876/24,0)+1,1)*INDEX($D$3:$AA$30,INDEX(Jesper!$R$2:$R$366,ROW(INDEX(Jesper!AI$2:AI$366,ROUNDDOWN($C2876/24,0)+1,1))-1)+IF('Standard Profiles'!$G$19=$B$10,7,0)+IF('Standard Profiles'!$G$19=$B$17,14,0)+IF('Standard Profiles'!$G$19=$B$24,21,0),MOD($C2876,24)+1)/SUM(INDEX($D$3:$AA$30,INDEX(Jesper!$R$2:$R$366,ROW(INDEX(Jesper!AI$2:AI$366,ROUNDDOWN($C2876/24,0)+1,1))-1)+IF('Standard Profiles'!$G$19=$B$10,7,0)+IF('Standard Profiles'!$G$19=$B$17,14,0)+IF('Standard Profiles'!$G$19=$B$24,21,0),0)),0)</f>
        <v>3.1412613110951986</v>
      </c>
      <c r="F2876" cm="1">
        <f t="array" ref="F2876">IFERROR(INDEX(Jesper!AJ$2:AJ$366,ROUNDDOWN($C2876/24,0)+1,1)*INDEX($D$3:$AA$30,INDEX(Jesper!$R$2:$R$366,ROW(INDEX(Jesper!AJ$2:AJ$366,ROUNDDOWN($C2876/24,0)+1,1))-1)+IF('Standard Profiles'!$G$20=$B$10,7,0)+IF('Standard Profiles'!$G$20=$B$17,14,0)+IF('Standard Profiles'!$G$20=$B$24,21,0),MOD($C2876,24)+1)/SUM(INDEX($D$3:$AA$30,INDEX(Jesper!$R$2:$R$366,ROW(INDEX(Jesper!AJ$2:AJ$366,ROUNDDOWN($C2876/24,0)+1,1))-1)+IF('Standard Profiles'!$G$20=$B$10,7,0)+IF('Standard Profiles'!$G$20=$B$17,14,0)+IF('Standard Profiles'!$G$20=$B$24,21,0),0)),0)</f>
        <v>0</v>
      </c>
      <c r="G2876" cm="1">
        <f t="array" ref="G2876">IFERROR(INDEX(Jesper!AK$2:AK$366,ROUNDDOWN($C2876/24,0)+1,1)*INDEX($D$3:$AA$30,INDEX(Jesper!$R$2:$R$366,ROW(INDEX(Jesper!AK$2:AK$366,ROUNDDOWN($C2876/24,0)+1,1))-1)+IF('Standard Profiles'!$G$21=$B$10,7,0)+IF('Standard Profiles'!$G$21=$B$17,14,0)+IF('Standard Profiles'!$G$21=$B$24,21,0),MOD($C2876,24)+1)/SUM(INDEX($D$3:$AA$30,INDEX(Jesper!$R$2:$R$366,ROW(INDEX(Jesper!AK$2:AK$366,ROUNDDOWN($C2876/24,0)+1,1))-1)+IF('Standard Profiles'!$G$21=$B$10,7,0)+IF('Standard Profiles'!$G$21=$B$17,14,0)+IF('Standard Profiles'!$G$21=$B$24,21,0),0)),0)</f>
        <v>0</v>
      </c>
      <c r="H2876" cm="1">
        <f t="array" ref="H2876">IFERROR(INDEX(Jesper!AL$2:AL$366,ROUNDDOWN($C2876/24,0)+1,1)*INDEX($D$3:$AA$30,INDEX(Jesper!$R$2:$R$366,ROW(INDEX(Jesper!AL$2:AL$366,ROUNDDOWN($C2876/24,0)+1,1))-1)+IF('Standard Profiles'!$G$22=$B$10,7,0)+IF('Standard Profiles'!$G$22=$B$17,14,0)+IF('Standard Profiles'!$G$22=$B$24,21,0),MOD($C2876,24)+1)/SUM(INDEX($D$3:$AA$30,INDEX(Jesper!$R$2:$R$366,ROW(INDEX(Jesper!AL$2:AL$366,ROUNDDOWN($C2876/24,0)+1,1))-1)+IF('Standard Profiles'!$G$22=$B$10,7,0)+IF('Standard Profiles'!$G$22=$B$17,14,0)+IF('Standard Profiles'!$G$22=$B$24,21,0),0)),0)</f>
        <v>0</v>
      </c>
      <c r="I2876">
        <f t="shared" si="328"/>
        <v>0.282996514513081</v>
      </c>
      <c r="J2876">
        <f t="shared" si="329"/>
        <v>0.94332171504360351</v>
      </c>
      <c r="K2876">
        <f t="shared" si="330"/>
        <v>1.4149825725654053</v>
      </c>
      <c r="L2876">
        <f t="shared" si="331"/>
        <v>14.727369588506049</v>
      </c>
      <c r="M2876">
        <f t="shared" si="332"/>
        <v>0</v>
      </c>
      <c r="N2876" s="46">
        <f t="shared" si="333"/>
        <v>45410.416666659774</v>
      </c>
    </row>
    <row r="2877" spans="2:14" x14ac:dyDescent="0.3">
      <c r="B2877">
        <f t="shared" si="327"/>
        <v>7</v>
      </c>
      <c r="C2877" s="16">
        <v>2843</v>
      </c>
      <c r="D2877" cm="1">
        <f t="array" ref="D2877">IFERROR(INDEX(Jesper!AH$2:AH$366,ROUNDDOWN($C2877/24,0)+1,1)*INDEX($D$3:$AA$30,INDEX(Jesper!$R$2:$R$366,ROW(INDEX(Jesper!AH$2:AH$366,ROUNDDOWN($C2877/24,0)+1,1))-1)+IF('Standard Profiles'!$G$18=$B$10,7,0)+IF('Standard Profiles'!$G$18=$B$17,14,0)+IF('Standard Profiles'!$G$18=$B$24,21,0),MOD($C2877,24)+1)/SUM(INDEX($D$3:$AA$30,INDEX(Jesper!$R$2:$R$366,ROW(INDEX(Jesper!AH$2:AH$366,ROUNDDOWN($C2877/24,0)+1,1))-1)+IF('Standard Profiles'!$G$18=$B$10,7,0)+IF('Standard Profiles'!$G$18=$B$17,14,0)+IF('Standard Profiles'!$G$18=$B$24,21,0),0)),0)</f>
        <v>14.22740907953294</v>
      </c>
      <c r="E2877" cm="1">
        <f t="array" ref="E2877">IFERROR(INDEX(Jesper!AI$2:AI$366,ROUNDDOWN($C2877/24,0)+1,1)*INDEX($D$3:$AA$30,INDEX(Jesper!$R$2:$R$366,ROW(INDEX(Jesper!AI$2:AI$366,ROUNDDOWN($C2877/24,0)+1,1))-1)+IF('Standard Profiles'!$G$19=$B$10,7,0)+IF('Standard Profiles'!$G$19=$B$17,14,0)+IF('Standard Profiles'!$G$19=$B$24,21,0),MOD($C2877,24)+1)/SUM(INDEX($D$3:$AA$30,INDEX(Jesper!$R$2:$R$366,ROW(INDEX(Jesper!AI$2:AI$366,ROUNDDOWN($C2877/24,0)+1,1))-1)+IF('Standard Profiles'!$G$19=$B$10,7,0)+IF('Standard Profiles'!$G$19=$B$17,14,0)+IF('Standard Profiles'!$G$19=$B$24,21,0),0)),0)</f>
        <v>3.1412613110951986</v>
      </c>
      <c r="F2877" cm="1">
        <f t="array" ref="F2877">IFERROR(INDEX(Jesper!AJ$2:AJ$366,ROUNDDOWN($C2877/24,0)+1,1)*INDEX($D$3:$AA$30,INDEX(Jesper!$R$2:$R$366,ROW(INDEX(Jesper!AJ$2:AJ$366,ROUNDDOWN($C2877/24,0)+1,1))-1)+IF('Standard Profiles'!$G$20=$B$10,7,0)+IF('Standard Profiles'!$G$20=$B$17,14,0)+IF('Standard Profiles'!$G$20=$B$24,21,0),MOD($C2877,24)+1)/SUM(INDEX($D$3:$AA$30,INDEX(Jesper!$R$2:$R$366,ROW(INDEX(Jesper!AJ$2:AJ$366,ROUNDDOWN($C2877/24,0)+1,1))-1)+IF('Standard Profiles'!$G$20=$B$10,7,0)+IF('Standard Profiles'!$G$20=$B$17,14,0)+IF('Standard Profiles'!$G$20=$B$24,21,0),0)),0)</f>
        <v>0</v>
      </c>
      <c r="G2877" cm="1">
        <f t="array" ref="G2877">IFERROR(INDEX(Jesper!AK$2:AK$366,ROUNDDOWN($C2877/24,0)+1,1)*INDEX($D$3:$AA$30,INDEX(Jesper!$R$2:$R$366,ROW(INDEX(Jesper!AK$2:AK$366,ROUNDDOWN($C2877/24,0)+1,1))-1)+IF('Standard Profiles'!$G$21=$B$10,7,0)+IF('Standard Profiles'!$G$21=$B$17,14,0)+IF('Standard Profiles'!$G$21=$B$24,21,0),MOD($C2877,24)+1)/SUM(INDEX($D$3:$AA$30,INDEX(Jesper!$R$2:$R$366,ROW(INDEX(Jesper!AK$2:AK$366,ROUNDDOWN($C2877/24,0)+1,1))-1)+IF('Standard Profiles'!$G$21=$B$10,7,0)+IF('Standard Profiles'!$G$21=$B$17,14,0)+IF('Standard Profiles'!$G$21=$B$24,21,0),0)),0)</f>
        <v>0</v>
      </c>
      <c r="H2877" cm="1">
        <f t="array" ref="H2877">IFERROR(INDEX(Jesper!AL$2:AL$366,ROUNDDOWN($C2877/24,0)+1,1)*INDEX($D$3:$AA$30,INDEX(Jesper!$R$2:$R$366,ROW(INDEX(Jesper!AL$2:AL$366,ROUNDDOWN($C2877/24,0)+1,1))-1)+IF('Standard Profiles'!$G$22=$B$10,7,0)+IF('Standard Profiles'!$G$22=$B$17,14,0)+IF('Standard Profiles'!$G$22=$B$24,21,0),MOD($C2877,24)+1)/SUM(INDEX($D$3:$AA$30,INDEX(Jesper!$R$2:$R$366,ROW(INDEX(Jesper!AL$2:AL$366,ROUNDDOWN($C2877/24,0)+1,1))-1)+IF('Standard Profiles'!$G$22=$B$10,7,0)+IF('Standard Profiles'!$G$22=$B$17,14,0)+IF('Standard Profiles'!$G$22=$B$24,21,0),0)),0)</f>
        <v>0</v>
      </c>
      <c r="I2877">
        <f t="shared" si="328"/>
        <v>0.282996514513081</v>
      </c>
      <c r="J2877">
        <f t="shared" si="329"/>
        <v>0.94332171504360351</v>
      </c>
      <c r="K2877">
        <f t="shared" si="330"/>
        <v>1.4149825725654053</v>
      </c>
      <c r="L2877">
        <f t="shared" si="331"/>
        <v>14.727369588506049</v>
      </c>
      <c r="M2877">
        <f t="shared" si="332"/>
        <v>0</v>
      </c>
      <c r="N2877" s="46">
        <f t="shared" si="333"/>
        <v>45410.458333326438</v>
      </c>
    </row>
    <row r="2878" spans="2:14" x14ac:dyDescent="0.3">
      <c r="B2878">
        <f t="shared" si="327"/>
        <v>7</v>
      </c>
      <c r="C2878" s="16">
        <v>2844</v>
      </c>
      <c r="D2878" cm="1">
        <f t="array" ref="D2878">IFERROR(INDEX(Jesper!AH$2:AH$366,ROUNDDOWN($C2878/24,0)+1,1)*INDEX($D$3:$AA$30,INDEX(Jesper!$R$2:$R$366,ROW(INDEX(Jesper!AH$2:AH$366,ROUNDDOWN($C2878/24,0)+1,1))-1)+IF('Standard Profiles'!$G$18=$B$10,7,0)+IF('Standard Profiles'!$G$18=$B$17,14,0)+IF('Standard Profiles'!$G$18=$B$24,21,0),MOD($C2878,24)+1)/SUM(INDEX($D$3:$AA$30,INDEX(Jesper!$R$2:$R$366,ROW(INDEX(Jesper!AH$2:AH$366,ROUNDDOWN($C2878/24,0)+1,1))-1)+IF('Standard Profiles'!$G$18=$B$10,7,0)+IF('Standard Profiles'!$G$18=$B$17,14,0)+IF('Standard Profiles'!$G$18=$B$24,21,0),0)),0)</f>
        <v>14.22740907953294</v>
      </c>
      <c r="E2878" cm="1">
        <f t="array" ref="E2878">IFERROR(INDEX(Jesper!AI$2:AI$366,ROUNDDOWN($C2878/24,0)+1,1)*INDEX($D$3:$AA$30,INDEX(Jesper!$R$2:$R$366,ROW(INDEX(Jesper!AI$2:AI$366,ROUNDDOWN($C2878/24,0)+1,1))-1)+IF('Standard Profiles'!$G$19=$B$10,7,0)+IF('Standard Profiles'!$G$19=$B$17,14,0)+IF('Standard Profiles'!$G$19=$B$24,21,0),MOD($C2878,24)+1)/SUM(INDEX($D$3:$AA$30,INDEX(Jesper!$R$2:$R$366,ROW(INDEX(Jesper!AI$2:AI$366,ROUNDDOWN($C2878/24,0)+1,1))-1)+IF('Standard Profiles'!$G$19=$B$10,7,0)+IF('Standard Profiles'!$G$19=$B$17,14,0)+IF('Standard Profiles'!$G$19=$B$24,21,0),0)),0)</f>
        <v>3.1412613110951986</v>
      </c>
      <c r="F2878" cm="1">
        <f t="array" ref="F2878">IFERROR(INDEX(Jesper!AJ$2:AJ$366,ROUNDDOWN($C2878/24,0)+1,1)*INDEX($D$3:$AA$30,INDEX(Jesper!$R$2:$R$366,ROW(INDEX(Jesper!AJ$2:AJ$366,ROUNDDOWN($C2878/24,0)+1,1))-1)+IF('Standard Profiles'!$G$20=$B$10,7,0)+IF('Standard Profiles'!$G$20=$B$17,14,0)+IF('Standard Profiles'!$G$20=$B$24,21,0),MOD($C2878,24)+1)/SUM(INDEX($D$3:$AA$30,INDEX(Jesper!$R$2:$R$366,ROW(INDEX(Jesper!AJ$2:AJ$366,ROUNDDOWN($C2878/24,0)+1,1))-1)+IF('Standard Profiles'!$G$20=$B$10,7,0)+IF('Standard Profiles'!$G$20=$B$17,14,0)+IF('Standard Profiles'!$G$20=$B$24,21,0),0)),0)</f>
        <v>0</v>
      </c>
      <c r="G2878" cm="1">
        <f t="array" ref="G2878">IFERROR(INDEX(Jesper!AK$2:AK$366,ROUNDDOWN($C2878/24,0)+1,1)*INDEX($D$3:$AA$30,INDEX(Jesper!$R$2:$R$366,ROW(INDEX(Jesper!AK$2:AK$366,ROUNDDOWN($C2878/24,0)+1,1))-1)+IF('Standard Profiles'!$G$21=$B$10,7,0)+IF('Standard Profiles'!$G$21=$B$17,14,0)+IF('Standard Profiles'!$G$21=$B$24,21,0),MOD($C2878,24)+1)/SUM(INDEX($D$3:$AA$30,INDEX(Jesper!$R$2:$R$366,ROW(INDEX(Jesper!AK$2:AK$366,ROUNDDOWN($C2878/24,0)+1,1))-1)+IF('Standard Profiles'!$G$21=$B$10,7,0)+IF('Standard Profiles'!$G$21=$B$17,14,0)+IF('Standard Profiles'!$G$21=$B$24,21,0),0)),0)</f>
        <v>0</v>
      </c>
      <c r="H2878" cm="1">
        <f t="array" ref="H2878">IFERROR(INDEX(Jesper!AL$2:AL$366,ROUNDDOWN($C2878/24,0)+1,1)*INDEX($D$3:$AA$30,INDEX(Jesper!$R$2:$R$366,ROW(INDEX(Jesper!AL$2:AL$366,ROUNDDOWN($C2878/24,0)+1,1))-1)+IF('Standard Profiles'!$G$22=$B$10,7,0)+IF('Standard Profiles'!$G$22=$B$17,14,0)+IF('Standard Profiles'!$G$22=$B$24,21,0),MOD($C2878,24)+1)/SUM(INDEX($D$3:$AA$30,INDEX(Jesper!$R$2:$R$366,ROW(INDEX(Jesper!AL$2:AL$366,ROUNDDOWN($C2878/24,0)+1,1))-1)+IF('Standard Profiles'!$G$22=$B$10,7,0)+IF('Standard Profiles'!$G$22=$B$17,14,0)+IF('Standard Profiles'!$G$22=$B$24,21,0),0)),0)</f>
        <v>0</v>
      </c>
      <c r="I2878">
        <f t="shared" si="328"/>
        <v>0.282996514513081</v>
      </c>
      <c r="J2878">
        <f t="shared" si="329"/>
        <v>0.94332171504360351</v>
      </c>
      <c r="K2878">
        <f t="shared" si="330"/>
        <v>1.4149825725654053</v>
      </c>
      <c r="L2878">
        <f t="shared" si="331"/>
        <v>14.727369588506049</v>
      </c>
      <c r="M2878">
        <f t="shared" si="332"/>
        <v>0</v>
      </c>
      <c r="N2878" s="46">
        <f t="shared" si="333"/>
        <v>45410.499999993102</v>
      </c>
    </row>
    <row r="2879" spans="2:14" x14ac:dyDescent="0.3">
      <c r="B2879">
        <f t="shared" si="327"/>
        <v>7</v>
      </c>
      <c r="C2879" s="16">
        <v>2845</v>
      </c>
      <c r="D2879" cm="1">
        <f t="array" ref="D2879">IFERROR(INDEX(Jesper!AH$2:AH$366,ROUNDDOWN($C2879/24,0)+1,1)*INDEX($D$3:$AA$30,INDEX(Jesper!$R$2:$R$366,ROW(INDEX(Jesper!AH$2:AH$366,ROUNDDOWN($C2879/24,0)+1,1))-1)+IF('Standard Profiles'!$G$18=$B$10,7,0)+IF('Standard Profiles'!$G$18=$B$17,14,0)+IF('Standard Profiles'!$G$18=$B$24,21,0),MOD($C2879,24)+1)/SUM(INDEX($D$3:$AA$30,INDEX(Jesper!$R$2:$R$366,ROW(INDEX(Jesper!AH$2:AH$366,ROUNDDOWN($C2879/24,0)+1,1))-1)+IF('Standard Profiles'!$G$18=$B$10,7,0)+IF('Standard Profiles'!$G$18=$B$17,14,0)+IF('Standard Profiles'!$G$18=$B$24,21,0),0)),0)</f>
        <v>14.22740907953294</v>
      </c>
      <c r="E2879" cm="1">
        <f t="array" ref="E2879">IFERROR(INDEX(Jesper!AI$2:AI$366,ROUNDDOWN($C2879/24,0)+1,1)*INDEX($D$3:$AA$30,INDEX(Jesper!$R$2:$R$366,ROW(INDEX(Jesper!AI$2:AI$366,ROUNDDOWN($C2879/24,0)+1,1))-1)+IF('Standard Profiles'!$G$19=$B$10,7,0)+IF('Standard Profiles'!$G$19=$B$17,14,0)+IF('Standard Profiles'!$G$19=$B$24,21,0),MOD($C2879,24)+1)/SUM(INDEX($D$3:$AA$30,INDEX(Jesper!$R$2:$R$366,ROW(INDEX(Jesper!AI$2:AI$366,ROUNDDOWN($C2879/24,0)+1,1))-1)+IF('Standard Profiles'!$G$19=$B$10,7,0)+IF('Standard Profiles'!$G$19=$B$17,14,0)+IF('Standard Profiles'!$G$19=$B$24,21,0),0)),0)</f>
        <v>3.1412613110951986</v>
      </c>
      <c r="F2879" cm="1">
        <f t="array" ref="F2879">IFERROR(INDEX(Jesper!AJ$2:AJ$366,ROUNDDOWN($C2879/24,0)+1,1)*INDEX($D$3:$AA$30,INDEX(Jesper!$R$2:$R$366,ROW(INDEX(Jesper!AJ$2:AJ$366,ROUNDDOWN($C2879/24,0)+1,1))-1)+IF('Standard Profiles'!$G$20=$B$10,7,0)+IF('Standard Profiles'!$G$20=$B$17,14,0)+IF('Standard Profiles'!$G$20=$B$24,21,0),MOD($C2879,24)+1)/SUM(INDEX($D$3:$AA$30,INDEX(Jesper!$R$2:$R$366,ROW(INDEX(Jesper!AJ$2:AJ$366,ROUNDDOWN($C2879/24,0)+1,1))-1)+IF('Standard Profiles'!$G$20=$B$10,7,0)+IF('Standard Profiles'!$G$20=$B$17,14,0)+IF('Standard Profiles'!$G$20=$B$24,21,0),0)),0)</f>
        <v>0</v>
      </c>
      <c r="G2879" cm="1">
        <f t="array" ref="G2879">IFERROR(INDEX(Jesper!AK$2:AK$366,ROUNDDOWN($C2879/24,0)+1,1)*INDEX($D$3:$AA$30,INDEX(Jesper!$R$2:$R$366,ROW(INDEX(Jesper!AK$2:AK$366,ROUNDDOWN($C2879/24,0)+1,1))-1)+IF('Standard Profiles'!$G$21=$B$10,7,0)+IF('Standard Profiles'!$G$21=$B$17,14,0)+IF('Standard Profiles'!$G$21=$B$24,21,0),MOD($C2879,24)+1)/SUM(INDEX($D$3:$AA$30,INDEX(Jesper!$R$2:$R$366,ROW(INDEX(Jesper!AK$2:AK$366,ROUNDDOWN($C2879/24,0)+1,1))-1)+IF('Standard Profiles'!$G$21=$B$10,7,0)+IF('Standard Profiles'!$G$21=$B$17,14,0)+IF('Standard Profiles'!$G$21=$B$24,21,0),0)),0)</f>
        <v>0</v>
      </c>
      <c r="H2879" cm="1">
        <f t="array" ref="H2879">IFERROR(INDEX(Jesper!AL$2:AL$366,ROUNDDOWN($C2879/24,0)+1,1)*INDEX($D$3:$AA$30,INDEX(Jesper!$R$2:$R$366,ROW(INDEX(Jesper!AL$2:AL$366,ROUNDDOWN($C2879/24,0)+1,1))-1)+IF('Standard Profiles'!$G$22=$B$10,7,0)+IF('Standard Profiles'!$G$22=$B$17,14,0)+IF('Standard Profiles'!$G$22=$B$24,21,0),MOD($C2879,24)+1)/SUM(INDEX($D$3:$AA$30,INDEX(Jesper!$R$2:$R$366,ROW(INDEX(Jesper!AL$2:AL$366,ROUNDDOWN($C2879/24,0)+1,1))-1)+IF('Standard Profiles'!$G$22=$B$10,7,0)+IF('Standard Profiles'!$G$22=$B$17,14,0)+IF('Standard Profiles'!$G$22=$B$24,21,0),0)),0)</f>
        <v>0</v>
      </c>
      <c r="I2879">
        <f t="shared" si="328"/>
        <v>0.282996514513081</v>
      </c>
      <c r="J2879">
        <f t="shared" si="329"/>
        <v>0.94332171504360351</v>
      </c>
      <c r="K2879">
        <f t="shared" si="330"/>
        <v>1.4149825725654053</v>
      </c>
      <c r="L2879">
        <f t="shared" si="331"/>
        <v>14.727369588506049</v>
      </c>
      <c r="M2879">
        <f t="shared" si="332"/>
        <v>0</v>
      </c>
      <c r="N2879" s="46">
        <f t="shared" si="333"/>
        <v>45410.541666659767</v>
      </c>
    </row>
    <row r="2880" spans="2:14" x14ac:dyDescent="0.3">
      <c r="B2880">
        <f t="shared" si="327"/>
        <v>7</v>
      </c>
      <c r="C2880" s="16">
        <v>2846</v>
      </c>
      <c r="D2880" cm="1">
        <f t="array" ref="D2880">IFERROR(INDEX(Jesper!AH$2:AH$366,ROUNDDOWN($C2880/24,0)+1,1)*INDEX($D$3:$AA$30,INDEX(Jesper!$R$2:$R$366,ROW(INDEX(Jesper!AH$2:AH$366,ROUNDDOWN($C2880/24,0)+1,1))-1)+IF('Standard Profiles'!$G$18=$B$10,7,0)+IF('Standard Profiles'!$G$18=$B$17,14,0)+IF('Standard Profiles'!$G$18=$B$24,21,0),MOD($C2880,24)+1)/SUM(INDEX($D$3:$AA$30,INDEX(Jesper!$R$2:$R$366,ROW(INDEX(Jesper!AH$2:AH$366,ROUNDDOWN($C2880/24,0)+1,1))-1)+IF('Standard Profiles'!$G$18=$B$10,7,0)+IF('Standard Profiles'!$G$18=$B$17,14,0)+IF('Standard Profiles'!$G$18=$B$24,21,0),0)),0)</f>
        <v>14.22740907953294</v>
      </c>
      <c r="E2880" cm="1">
        <f t="array" ref="E2880">IFERROR(INDEX(Jesper!AI$2:AI$366,ROUNDDOWN($C2880/24,0)+1,1)*INDEX($D$3:$AA$30,INDEX(Jesper!$R$2:$R$366,ROW(INDEX(Jesper!AI$2:AI$366,ROUNDDOWN($C2880/24,0)+1,1))-1)+IF('Standard Profiles'!$G$19=$B$10,7,0)+IF('Standard Profiles'!$G$19=$B$17,14,0)+IF('Standard Profiles'!$G$19=$B$24,21,0),MOD($C2880,24)+1)/SUM(INDEX($D$3:$AA$30,INDEX(Jesper!$R$2:$R$366,ROW(INDEX(Jesper!AI$2:AI$366,ROUNDDOWN($C2880/24,0)+1,1))-1)+IF('Standard Profiles'!$G$19=$B$10,7,0)+IF('Standard Profiles'!$G$19=$B$17,14,0)+IF('Standard Profiles'!$G$19=$B$24,21,0),0)),0)</f>
        <v>3.1412613110951986</v>
      </c>
      <c r="F2880" cm="1">
        <f t="array" ref="F2880">IFERROR(INDEX(Jesper!AJ$2:AJ$366,ROUNDDOWN($C2880/24,0)+1,1)*INDEX($D$3:$AA$30,INDEX(Jesper!$R$2:$R$366,ROW(INDEX(Jesper!AJ$2:AJ$366,ROUNDDOWN($C2880/24,0)+1,1))-1)+IF('Standard Profiles'!$G$20=$B$10,7,0)+IF('Standard Profiles'!$G$20=$B$17,14,0)+IF('Standard Profiles'!$G$20=$B$24,21,0),MOD($C2880,24)+1)/SUM(INDEX($D$3:$AA$30,INDEX(Jesper!$R$2:$R$366,ROW(INDEX(Jesper!AJ$2:AJ$366,ROUNDDOWN($C2880/24,0)+1,1))-1)+IF('Standard Profiles'!$G$20=$B$10,7,0)+IF('Standard Profiles'!$G$20=$B$17,14,0)+IF('Standard Profiles'!$G$20=$B$24,21,0),0)),0)</f>
        <v>0</v>
      </c>
      <c r="G2880" cm="1">
        <f t="array" ref="G2880">IFERROR(INDEX(Jesper!AK$2:AK$366,ROUNDDOWN($C2880/24,0)+1,1)*INDEX($D$3:$AA$30,INDEX(Jesper!$R$2:$R$366,ROW(INDEX(Jesper!AK$2:AK$366,ROUNDDOWN($C2880/24,0)+1,1))-1)+IF('Standard Profiles'!$G$21=$B$10,7,0)+IF('Standard Profiles'!$G$21=$B$17,14,0)+IF('Standard Profiles'!$G$21=$B$24,21,0),MOD($C2880,24)+1)/SUM(INDEX($D$3:$AA$30,INDEX(Jesper!$R$2:$R$366,ROW(INDEX(Jesper!AK$2:AK$366,ROUNDDOWN($C2880/24,0)+1,1))-1)+IF('Standard Profiles'!$G$21=$B$10,7,0)+IF('Standard Profiles'!$G$21=$B$17,14,0)+IF('Standard Profiles'!$G$21=$B$24,21,0),0)),0)</f>
        <v>0</v>
      </c>
      <c r="H2880" cm="1">
        <f t="array" ref="H2880">IFERROR(INDEX(Jesper!AL$2:AL$366,ROUNDDOWN($C2880/24,0)+1,1)*INDEX($D$3:$AA$30,INDEX(Jesper!$R$2:$R$366,ROW(INDEX(Jesper!AL$2:AL$366,ROUNDDOWN($C2880/24,0)+1,1))-1)+IF('Standard Profiles'!$G$22=$B$10,7,0)+IF('Standard Profiles'!$G$22=$B$17,14,0)+IF('Standard Profiles'!$G$22=$B$24,21,0),MOD($C2880,24)+1)/SUM(INDEX($D$3:$AA$30,INDEX(Jesper!$R$2:$R$366,ROW(INDEX(Jesper!AL$2:AL$366,ROUNDDOWN($C2880/24,0)+1,1))-1)+IF('Standard Profiles'!$G$22=$B$10,7,0)+IF('Standard Profiles'!$G$22=$B$17,14,0)+IF('Standard Profiles'!$G$22=$B$24,21,0),0)),0)</f>
        <v>0</v>
      </c>
      <c r="I2880">
        <f t="shared" si="328"/>
        <v>0.282996514513081</v>
      </c>
      <c r="J2880">
        <f t="shared" si="329"/>
        <v>0.94332171504360351</v>
      </c>
      <c r="K2880">
        <f t="shared" si="330"/>
        <v>1.4149825725654053</v>
      </c>
      <c r="L2880">
        <f t="shared" si="331"/>
        <v>14.727369588506049</v>
      </c>
      <c r="M2880">
        <f t="shared" si="332"/>
        <v>0</v>
      </c>
      <c r="N2880" s="46">
        <f t="shared" si="333"/>
        <v>45410.583333326431</v>
      </c>
    </row>
    <row r="2881" spans="2:14" x14ac:dyDescent="0.3">
      <c r="B2881">
        <f t="shared" si="327"/>
        <v>7</v>
      </c>
      <c r="C2881" s="16">
        <v>2847</v>
      </c>
      <c r="D2881" cm="1">
        <f t="array" ref="D2881">IFERROR(INDEX(Jesper!AH$2:AH$366,ROUNDDOWN($C2881/24,0)+1,1)*INDEX($D$3:$AA$30,INDEX(Jesper!$R$2:$R$366,ROW(INDEX(Jesper!AH$2:AH$366,ROUNDDOWN($C2881/24,0)+1,1))-1)+IF('Standard Profiles'!$G$18=$B$10,7,0)+IF('Standard Profiles'!$G$18=$B$17,14,0)+IF('Standard Profiles'!$G$18=$B$24,21,0),MOD($C2881,24)+1)/SUM(INDEX($D$3:$AA$30,INDEX(Jesper!$R$2:$R$366,ROW(INDEX(Jesper!AH$2:AH$366,ROUNDDOWN($C2881/24,0)+1,1))-1)+IF('Standard Profiles'!$G$18=$B$10,7,0)+IF('Standard Profiles'!$G$18=$B$17,14,0)+IF('Standard Profiles'!$G$18=$B$24,21,0),0)),0)</f>
        <v>12.646585848473725</v>
      </c>
      <c r="E2881" cm="1">
        <f t="array" ref="E2881">IFERROR(INDEX(Jesper!AI$2:AI$366,ROUNDDOWN($C2881/24,0)+1,1)*INDEX($D$3:$AA$30,INDEX(Jesper!$R$2:$R$366,ROW(INDEX(Jesper!AI$2:AI$366,ROUNDDOWN($C2881/24,0)+1,1))-1)+IF('Standard Profiles'!$G$19=$B$10,7,0)+IF('Standard Profiles'!$G$19=$B$17,14,0)+IF('Standard Profiles'!$G$19=$B$24,21,0),MOD($C2881,24)+1)/SUM(INDEX($D$3:$AA$30,INDEX(Jesper!$R$2:$R$366,ROW(INDEX(Jesper!AI$2:AI$366,ROUNDDOWN($C2881/24,0)+1,1))-1)+IF('Standard Profiles'!$G$19=$B$10,7,0)+IF('Standard Profiles'!$G$19=$B$17,14,0)+IF('Standard Profiles'!$G$19=$B$24,21,0),0)),0)</f>
        <v>2.7922322765290652</v>
      </c>
      <c r="F2881" cm="1">
        <f t="array" ref="F2881">IFERROR(INDEX(Jesper!AJ$2:AJ$366,ROUNDDOWN($C2881/24,0)+1,1)*INDEX($D$3:$AA$30,INDEX(Jesper!$R$2:$R$366,ROW(INDEX(Jesper!AJ$2:AJ$366,ROUNDDOWN($C2881/24,0)+1,1))-1)+IF('Standard Profiles'!$G$20=$B$10,7,0)+IF('Standard Profiles'!$G$20=$B$17,14,0)+IF('Standard Profiles'!$G$20=$B$24,21,0),MOD($C2881,24)+1)/SUM(INDEX($D$3:$AA$30,INDEX(Jesper!$R$2:$R$366,ROW(INDEX(Jesper!AJ$2:AJ$366,ROUNDDOWN($C2881/24,0)+1,1))-1)+IF('Standard Profiles'!$G$20=$B$10,7,0)+IF('Standard Profiles'!$G$20=$B$17,14,0)+IF('Standard Profiles'!$G$20=$B$24,21,0),0)),0)</f>
        <v>0</v>
      </c>
      <c r="G2881" cm="1">
        <f t="array" ref="G2881">IFERROR(INDEX(Jesper!AK$2:AK$366,ROUNDDOWN($C2881/24,0)+1,1)*INDEX($D$3:$AA$30,INDEX(Jesper!$R$2:$R$366,ROW(INDEX(Jesper!AK$2:AK$366,ROUNDDOWN($C2881/24,0)+1,1))-1)+IF('Standard Profiles'!$G$21=$B$10,7,0)+IF('Standard Profiles'!$G$21=$B$17,14,0)+IF('Standard Profiles'!$G$21=$B$24,21,0),MOD($C2881,24)+1)/SUM(INDEX($D$3:$AA$30,INDEX(Jesper!$R$2:$R$366,ROW(INDEX(Jesper!AK$2:AK$366,ROUNDDOWN($C2881/24,0)+1,1))-1)+IF('Standard Profiles'!$G$21=$B$10,7,0)+IF('Standard Profiles'!$G$21=$B$17,14,0)+IF('Standard Profiles'!$G$21=$B$24,21,0),0)),0)</f>
        <v>0</v>
      </c>
      <c r="H2881" cm="1">
        <f t="array" ref="H2881">IFERROR(INDEX(Jesper!AL$2:AL$366,ROUNDDOWN($C2881/24,0)+1,1)*INDEX($D$3:$AA$30,INDEX(Jesper!$R$2:$R$366,ROW(INDEX(Jesper!AL$2:AL$366,ROUNDDOWN($C2881/24,0)+1,1))-1)+IF('Standard Profiles'!$G$22=$B$10,7,0)+IF('Standard Profiles'!$G$22=$B$17,14,0)+IF('Standard Profiles'!$G$22=$B$24,21,0),MOD($C2881,24)+1)/SUM(INDEX($D$3:$AA$30,INDEX(Jesper!$R$2:$R$366,ROW(INDEX(Jesper!AL$2:AL$366,ROUNDDOWN($C2881/24,0)+1,1))-1)+IF('Standard Profiles'!$G$22=$B$10,7,0)+IF('Standard Profiles'!$G$22=$B$17,14,0)+IF('Standard Profiles'!$G$22=$B$24,21,0),0)),0)</f>
        <v>0</v>
      </c>
      <c r="I2881">
        <f t="shared" si="328"/>
        <v>0.2515524573449609</v>
      </c>
      <c r="J2881">
        <f t="shared" si="329"/>
        <v>0.83850819114986974</v>
      </c>
      <c r="K2881">
        <f t="shared" si="330"/>
        <v>1.2577622867248046</v>
      </c>
      <c r="L2881">
        <f t="shared" si="331"/>
        <v>13.090995189783156</v>
      </c>
      <c r="M2881">
        <f t="shared" si="332"/>
        <v>0</v>
      </c>
      <c r="N2881" s="46">
        <f t="shared" si="333"/>
        <v>45410.624999993095</v>
      </c>
    </row>
    <row r="2882" spans="2:14" x14ac:dyDescent="0.3">
      <c r="B2882">
        <f t="shared" si="327"/>
        <v>7</v>
      </c>
      <c r="C2882" s="16">
        <v>2848</v>
      </c>
      <c r="D2882" cm="1">
        <f t="array" ref="D2882">IFERROR(INDEX(Jesper!AH$2:AH$366,ROUNDDOWN($C2882/24,0)+1,1)*INDEX($D$3:$AA$30,INDEX(Jesper!$R$2:$R$366,ROW(INDEX(Jesper!AH$2:AH$366,ROUNDDOWN($C2882/24,0)+1,1))-1)+IF('Standard Profiles'!$G$18=$B$10,7,0)+IF('Standard Profiles'!$G$18=$B$17,14,0)+IF('Standard Profiles'!$G$18=$B$24,21,0),MOD($C2882,24)+1)/SUM(INDEX($D$3:$AA$30,INDEX(Jesper!$R$2:$R$366,ROW(INDEX(Jesper!AH$2:AH$366,ROUNDDOWN($C2882/24,0)+1,1))-1)+IF('Standard Profiles'!$G$18=$B$10,7,0)+IF('Standard Profiles'!$G$18=$B$17,14,0)+IF('Standard Profiles'!$G$18=$B$24,21,0),0)),0)</f>
        <v>12.420753958322409</v>
      </c>
      <c r="E2882" cm="1">
        <f t="array" ref="E2882">IFERROR(INDEX(Jesper!AI$2:AI$366,ROUNDDOWN($C2882/24,0)+1,1)*INDEX($D$3:$AA$30,INDEX(Jesper!$R$2:$R$366,ROW(INDEX(Jesper!AI$2:AI$366,ROUNDDOWN($C2882/24,0)+1,1))-1)+IF('Standard Profiles'!$G$19=$B$10,7,0)+IF('Standard Profiles'!$G$19=$B$17,14,0)+IF('Standard Profiles'!$G$19=$B$24,21,0),MOD($C2882,24)+1)/SUM(INDEX($D$3:$AA$30,INDEX(Jesper!$R$2:$R$366,ROW(INDEX(Jesper!AI$2:AI$366,ROUNDDOWN($C2882/24,0)+1,1))-1)+IF('Standard Profiles'!$G$19=$B$10,7,0)+IF('Standard Profiles'!$G$19=$B$17,14,0)+IF('Standard Profiles'!$G$19=$B$24,21,0),0)),0)</f>
        <v>2.7423709858767609</v>
      </c>
      <c r="F2882" cm="1">
        <f t="array" ref="F2882">IFERROR(INDEX(Jesper!AJ$2:AJ$366,ROUNDDOWN($C2882/24,0)+1,1)*INDEX($D$3:$AA$30,INDEX(Jesper!$R$2:$R$366,ROW(INDEX(Jesper!AJ$2:AJ$366,ROUNDDOWN($C2882/24,0)+1,1))-1)+IF('Standard Profiles'!$G$20=$B$10,7,0)+IF('Standard Profiles'!$G$20=$B$17,14,0)+IF('Standard Profiles'!$G$20=$B$24,21,0),MOD($C2882,24)+1)/SUM(INDEX($D$3:$AA$30,INDEX(Jesper!$R$2:$R$366,ROW(INDEX(Jesper!AJ$2:AJ$366,ROUNDDOWN($C2882/24,0)+1,1))-1)+IF('Standard Profiles'!$G$20=$B$10,7,0)+IF('Standard Profiles'!$G$20=$B$17,14,0)+IF('Standard Profiles'!$G$20=$B$24,21,0),0)),0)</f>
        <v>0</v>
      </c>
      <c r="G2882" cm="1">
        <f t="array" ref="G2882">IFERROR(INDEX(Jesper!AK$2:AK$366,ROUNDDOWN($C2882/24,0)+1,1)*INDEX($D$3:$AA$30,INDEX(Jesper!$R$2:$R$366,ROW(INDEX(Jesper!AK$2:AK$366,ROUNDDOWN($C2882/24,0)+1,1))-1)+IF('Standard Profiles'!$G$21=$B$10,7,0)+IF('Standard Profiles'!$G$21=$B$17,14,0)+IF('Standard Profiles'!$G$21=$B$24,21,0),MOD($C2882,24)+1)/SUM(INDEX($D$3:$AA$30,INDEX(Jesper!$R$2:$R$366,ROW(INDEX(Jesper!AK$2:AK$366,ROUNDDOWN($C2882/24,0)+1,1))-1)+IF('Standard Profiles'!$G$21=$B$10,7,0)+IF('Standard Profiles'!$G$21=$B$17,14,0)+IF('Standard Profiles'!$G$21=$B$24,21,0),0)),0)</f>
        <v>0</v>
      </c>
      <c r="H2882" cm="1">
        <f t="array" ref="H2882">IFERROR(INDEX(Jesper!AL$2:AL$366,ROUNDDOWN($C2882/24,0)+1,1)*INDEX($D$3:$AA$30,INDEX(Jesper!$R$2:$R$366,ROW(INDEX(Jesper!AL$2:AL$366,ROUNDDOWN($C2882/24,0)+1,1))-1)+IF('Standard Profiles'!$G$22=$B$10,7,0)+IF('Standard Profiles'!$G$22=$B$17,14,0)+IF('Standard Profiles'!$G$22=$B$24,21,0),MOD($C2882,24)+1)/SUM(INDEX($D$3:$AA$30,INDEX(Jesper!$R$2:$R$366,ROW(INDEX(Jesper!AL$2:AL$366,ROUNDDOWN($C2882/24,0)+1,1))-1)+IF('Standard Profiles'!$G$22=$B$10,7,0)+IF('Standard Profiles'!$G$22=$B$17,14,0)+IF('Standard Profiles'!$G$22=$B$24,21,0),0)),0)</f>
        <v>0</v>
      </c>
      <c r="I2882">
        <f t="shared" si="328"/>
        <v>0.24706044917808662</v>
      </c>
      <c r="J2882">
        <f t="shared" si="329"/>
        <v>0.8235348305936222</v>
      </c>
      <c r="K2882">
        <f t="shared" si="330"/>
        <v>1.2353022458904332</v>
      </c>
      <c r="L2882">
        <f t="shared" si="331"/>
        <v>12.857227418537029</v>
      </c>
      <c r="M2882">
        <f t="shared" si="332"/>
        <v>0</v>
      </c>
      <c r="N2882" s="46">
        <f t="shared" si="333"/>
        <v>45410.666666659759</v>
      </c>
    </row>
    <row r="2883" spans="2:14" x14ac:dyDescent="0.3">
      <c r="B2883">
        <f t="shared" si="327"/>
        <v>7</v>
      </c>
      <c r="C2883" s="16">
        <v>2849</v>
      </c>
      <c r="D2883" cm="1">
        <f t="array" ref="D2883">IFERROR(INDEX(Jesper!AH$2:AH$366,ROUNDDOWN($C2883/24,0)+1,1)*INDEX($D$3:$AA$30,INDEX(Jesper!$R$2:$R$366,ROW(INDEX(Jesper!AH$2:AH$366,ROUNDDOWN($C2883/24,0)+1,1))-1)+IF('Standard Profiles'!$G$18=$B$10,7,0)+IF('Standard Profiles'!$G$18=$B$17,14,0)+IF('Standard Profiles'!$G$18=$B$24,21,0),MOD($C2883,24)+1)/SUM(INDEX($D$3:$AA$30,INDEX(Jesper!$R$2:$R$366,ROW(INDEX(Jesper!AH$2:AH$366,ROUNDDOWN($C2883/24,0)+1,1))-1)+IF('Standard Profiles'!$G$18=$B$10,7,0)+IF('Standard Profiles'!$G$18=$B$17,14,0)+IF('Standard Profiles'!$G$18=$B$24,21,0),0)),0)</f>
        <v>10.614098837111879</v>
      </c>
      <c r="E2883" cm="1">
        <f t="array" ref="E2883">IFERROR(INDEX(Jesper!AI$2:AI$366,ROUNDDOWN($C2883/24,0)+1,1)*INDEX($D$3:$AA$30,INDEX(Jesper!$R$2:$R$366,ROW(INDEX(Jesper!AI$2:AI$366,ROUNDDOWN($C2883/24,0)+1,1))-1)+IF('Standard Profiles'!$G$19=$B$10,7,0)+IF('Standard Profiles'!$G$19=$B$17,14,0)+IF('Standard Profiles'!$G$19=$B$24,21,0),MOD($C2883,24)+1)/SUM(INDEX($D$3:$AA$30,INDEX(Jesper!$R$2:$R$366,ROW(INDEX(Jesper!AI$2:AI$366,ROUNDDOWN($C2883/24,0)+1,1))-1)+IF('Standard Profiles'!$G$19=$B$10,7,0)+IF('Standard Profiles'!$G$19=$B$17,14,0)+IF('Standard Profiles'!$G$19=$B$24,21,0),0)),0)</f>
        <v>2.3434806606583232</v>
      </c>
      <c r="F2883" cm="1">
        <f t="array" ref="F2883">IFERROR(INDEX(Jesper!AJ$2:AJ$366,ROUNDDOWN($C2883/24,0)+1,1)*INDEX($D$3:$AA$30,INDEX(Jesper!$R$2:$R$366,ROW(INDEX(Jesper!AJ$2:AJ$366,ROUNDDOWN($C2883/24,0)+1,1))-1)+IF('Standard Profiles'!$G$20=$B$10,7,0)+IF('Standard Profiles'!$G$20=$B$17,14,0)+IF('Standard Profiles'!$G$20=$B$24,21,0),MOD($C2883,24)+1)/SUM(INDEX($D$3:$AA$30,INDEX(Jesper!$R$2:$R$366,ROW(INDEX(Jesper!AJ$2:AJ$366,ROUNDDOWN($C2883/24,0)+1,1))-1)+IF('Standard Profiles'!$G$20=$B$10,7,0)+IF('Standard Profiles'!$G$20=$B$17,14,0)+IF('Standard Profiles'!$G$20=$B$24,21,0),0)),0)</f>
        <v>0</v>
      </c>
      <c r="G2883" cm="1">
        <f t="array" ref="G2883">IFERROR(INDEX(Jesper!AK$2:AK$366,ROUNDDOWN($C2883/24,0)+1,1)*INDEX($D$3:$AA$30,INDEX(Jesper!$R$2:$R$366,ROW(INDEX(Jesper!AK$2:AK$366,ROUNDDOWN($C2883/24,0)+1,1))-1)+IF('Standard Profiles'!$G$21=$B$10,7,0)+IF('Standard Profiles'!$G$21=$B$17,14,0)+IF('Standard Profiles'!$G$21=$B$24,21,0),MOD($C2883,24)+1)/SUM(INDEX($D$3:$AA$30,INDEX(Jesper!$R$2:$R$366,ROW(INDEX(Jesper!AK$2:AK$366,ROUNDDOWN($C2883/24,0)+1,1))-1)+IF('Standard Profiles'!$G$21=$B$10,7,0)+IF('Standard Profiles'!$G$21=$B$17,14,0)+IF('Standard Profiles'!$G$21=$B$24,21,0),0)),0)</f>
        <v>0</v>
      </c>
      <c r="H2883" cm="1">
        <f t="array" ref="H2883">IFERROR(INDEX(Jesper!AL$2:AL$366,ROUNDDOWN($C2883/24,0)+1,1)*INDEX($D$3:$AA$30,INDEX(Jesper!$R$2:$R$366,ROW(INDEX(Jesper!AL$2:AL$366,ROUNDDOWN($C2883/24,0)+1,1))-1)+IF('Standard Profiles'!$G$22=$B$10,7,0)+IF('Standard Profiles'!$G$22=$B$17,14,0)+IF('Standard Profiles'!$G$22=$B$24,21,0),MOD($C2883,24)+1)/SUM(INDEX($D$3:$AA$30,INDEX(Jesper!$R$2:$R$366,ROW(INDEX(Jesper!AL$2:AL$366,ROUNDDOWN($C2883/24,0)+1,1))-1)+IF('Standard Profiles'!$G$22=$B$10,7,0)+IF('Standard Profiles'!$G$22=$B$17,14,0)+IF('Standard Profiles'!$G$22=$B$24,21,0),0)),0)</f>
        <v>0</v>
      </c>
      <c r="I2883">
        <f t="shared" si="328"/>
        <v>0.21112438384309223</v>
      </c>
      <c r="J2883">
        <f t="shared" si="329"/>
        <v>0.70374794614364089</v>
      </c>
      <c r="K2883">
        <f t="shared" si="330"/>
        <v>1.0556219192154612</v>
      </c>
      <c r="L2883">
        <f t="shared" si="331"/>
        <v>10.987085248568008</v>
      </c>
      <c r="M2883">
        <f t="shared" si="332"/>
        <v>0</v>
      </c>
      <c r="N2883" s="46">
        <f t="shared" si="333"/>
        <v>45410.708333326424</v>
      </c>
    </row>
    <row r="2884" spans="2:14" x14ac:dyDescent="0.3">
      <c r="B2884">
        <f t="shared" si="327"/>
        <v>7</v>
      </c>
      <c r="C2884" s="16">
        <v>2850</v>
      </c>
      <c r="D2884" cm="1">
        <f t="array" ref="D2884">IFERROR(INDEX(Jesper!AH$2:AH$366,ROUNDDOWN($C2884/24,0)+1,1)*INDEX($D$3:$AA$30,INDEX(Jesper!$R$2:$R$366,ROW(INDEX(Jesper!AH$2:AH$366,ROUNDDOWN($C2884/24,0)+1,1))-1)+IF('Standard Profiles'!$G$18=$B$10,7,0)+IF('Standard Profiles'!$G$18=$B$17,14,0)+IF('Standard Profiles'!$G$18=$B$24,21,0),MOD($C2884,24)+1)/SUM(INDEX($D$3:$AA$30,INDEX(Jesper!$R$2:$R$366,ROW(INDEX(Jesper!AH$2:AH$366,ROUNDDOWN($C2884/24,0)+1,1))-1)+IF('Standard Profiles'!$G$18=$B$10,7,0)+IF('Standard Profiles'!$G$18=$B$17,14,0)+IF('Standard Profiles'!$G$18=$B$24,21,0),0)),0)</f>
        <v>9.9366031666579282</v>
      </c>
      <c r="E2884" cm="1">
        <f t="array" ref="E2884">IFERROR(INDEX(Jesper!AI$2:AI$366,ROUNDDOWN($C2884/24,0)+1,1)*INDEX($D$3:$AA$30,INDEX(Jesper!$R$2:$R$366,ROW(INDEX(Jesper!AI$2:AI$366,ROUNDDOWN($C2884/24,0)+1,1))-1)+IF('Standard Profiles'!$G$19=$B$10,7,0)+IF('Standard Profiles'!$G$19=$B$17,14,0)+IF('Standard Profiles'!$G$19=$B$24,21,0),MOD($C2884,24)+1)/SUM(INDEX($D$3:$AA$30,INDEX(Jesper!$R$2:$R$366,ROW(INDEX(Jesper!AI$2:AI$366,ROUNDDOWN($C2884/24,0)+1,1))-1)+IF('Standard Profiles'!$G$19=$B$10,7,0)+IF('Standard Profiles'!$G$19=$B$17,14,0)+IF('Standard Profiles'!$G$19=$B$24,21,0),0)),0)</f>
        <v>2.1938967887014087</v>
      </c>
      <c r="F2884" cm="1">
        <f t="array" ref="F2884">IFERROR(INDEX(Jesper!AJ$2:AJ$366,ROUNDDOWN($C2884/24,0)+1,1)*INDEX($D$3:$AA$30,INDEX(Jesper!$R$2:$R$366,ROW(INDEX(Jesper!AJ$2:AJ$366,ROUNDDOWN($C2884/24,0)+1,1))-1)+IF('Standard Profiles'!$G$20=$B$10,7,0)+IF('Standard Profiles'!$G$20=$B$17,14,0)+IF('Standard Profiles'!$G$20=$B$24,21,0),MOD($C2884,24)+1)/SUM(INDEX($D$3:$AA$30,INDEX(Jesper!$R$2:$R$366,ROW(INDEX(Jesper!AJ$2:AJ$366,ROUNDDOWN($C2884/24,0)+1,1))-1)+IF('Standard Profiles'!$G$20=$B$10,7,0)+IF('Standard Profiles'!$G$20=$B$17,14,0)+IF('Standard Profiles'!$G$20=$B$24,21,0),0)),0)</f>
        <v>0</v>
      </c>
      <c r="G2884" cm="1">
        <f t="array" ref="G2884">IFERROR(INDEX(Jesper!AK$2:AK$366,ROUNDDOWN($C2884/24,0)+1,1)*INDEX($D$3:$AA$30,INDEX(Jesper!$R$2:$R$366,ROW(INDEX(Jesper!AK$2:AK$366,ROUNDDOWN($C2884/24,0)+1,1))-1)+IF('Standard Profiles'!$G$21=$B$10,7,0)+IF('Standard Profiles'!$G$21=$B$17,14,0)+IF('Standard Profiles'!$G$21=$B$24,21,0),MOD($C2884,24)+1)/SUM(INDEX($D$3:$AA$30,INDEX(Jesper!$R$2:$R$366,ROW(INDEX(Jesper!AK$2:AK$366,ROUNDDOWN($C2884/24,0)+1,1))-1)+IF('Standard Profiles'!$G$21=$B$10,7,0)+IF('Standard Profiles'!$G$21=$B$17,14,0)+IF('Standard Profiles'!$G$21=$B$24,21,0),0)),0)</f>
        <v>0</v>
      </c>
      <c r="H2884" cm="1">
        <f t="array" ref="H2884">IFERROR(INDEX(Jesper!AL$2:AL$366,ROUNDDOWN($C2884/24,0)+1,1)*INDEX($D$3:$AA$30,INDEX(Jesper!$R$2:$R$366,ROW(INDEX(Jesper!AL$2:AL$366,ROUNDDOWN($C2884/24,0)+1,1))-1)+IF('Standard Profiles'!$G$22=$B$10,7,0)+IF('Standard Profiles'!$G$22=$B$17,14,0)+IF('Standard Profiles'!$G$22=$B$24,21,0),MOD($C2884,24)+1)/SUM(INDEX($D$3:$AA$30,INDEX(Jesper!$R$2:$R$366,ROW(INDEX(Jesper!AL$2:AL$366,ROUNDDOWN($C2884/24,0)+1,1))-1)+IF('Standard Profiles'!$G$22=$B$10,7,0)+IF('Standard Profiles'!$G$22=$B$17,14,0)+IF('Standard Profiles'!$G$22=$B$24,21,0),0)),0)</f>
        <v>0</v>
      </c>
      <c r="I2884">
        <f t="shared" si="328"/>
        <v>0.1976483593424693</v>
      </c>
      <c r="J2884">
        <f t="shared" si="329"/>
        <v>0.65882786447489772</v>
      </c>
      <c r="K2884">
        <f t="shared" si="330"/>
        <v>0.98824179671234669</v>
      </c>
      <c r="L2884">
        <f t="shared" si="331"/>
        <v>10.285781934829624</v>
      </c>
      <c r="M2884">
        <f t="shared" si="332"/>
        <v>0</v>
      </c>
      <c r="N2884" s="46">
        <f t="shared" si="333"/>
        <v>45410.749999993088</v>
      </c>
    </row>
    <row r="2885" spans="2:14" x14ac:dyDescent="0.3">
      <c r="B2885">
        <f t="shared" si="327"/>
        <v>7</v>
      </c>
      <c r="C2885" s="16">
        <v>2851</v>
      </c>
      <c r="D2885" cm="1">
        <f t="array" ref="D2885">IFERROR(INDEX(Jesper!AH$2:AH$366,ROUNDDOWN($C2885/24,0)+1,1)*INDEX($D$3:$AA$30,INDEX(Jesper!$R$2:$R$366,ROW(INDEX(Jesper!AH$2:AH$366,ROUNDDOWN($C2885/24,0)+1,1))-1)+IF('Standard Profiles'!$G$18=$B$10,7,0)+IF('Standard Profiles'!$G$18=$B$17,14,0)+IF('Standard Profiles'!$G$18=$B$24,21,0),MOD($C2885,24)+1)/SUM(INDEX($D$3:$AA$30,INDEX(Jesper!$R$2:$R$366,ROW(INDEX(Jesper!AH$2:AH$366,ROUNDDOWN($C2885/24,0)+1,1))-1)+IF('Standard Profiles'!$G$18=$B$10,7,0)+IF('Standard Profiles'!$G$18=$B$17,14,0)+IF('Standard Profiles'!$G$18=$B$24,21,0),0)),0)</f>
        <v>8.3557799355987115</v>
      </c>
      <c r="E2885" cm="1">
        <f t="array" ref="E2885">IFERROR(INDEX(Jesper!AI$2:AI$366,ROUNDDOWN($C2885/24,0)+1,1)*INDEX($D$3:$AA$30,INDEX(Jesper!$R$2:$R$366,ROW(INDEX(Jesper!AI$2:AI$366,ROUNDDOWN($C2885/24,0)+1,1))-1)+IF('Standard Profiles'!$G$19=$B$10,7,0)+IF('Standard Profiles'!$G$19=$B$17,14,0)+IF('Standard Profiles'!$G$19=$B$24,21,0),MOD($C2885,24)+1)/SUM(INDEX($D$3:$AA$30,INDEX(Jesper!$R$2:$R$366,ROW(INDEX(Jesper!AI$2:AI$366,ROUNDDOWN($C2885/24,0)+1,1))-1)+IF('Standard Profiles'!$G$19=$B$10,7,0)+IF('Standard Profiles'!$G$19=$B$17,14,0)+IF('Standard Profiles'!$G$19=$B$24,21,0),0)),0)</f>
        <v>1.8448677541352756</v>
      </c>
      <c r="F2885" cm="1">
        <f t="array" ref="F2885">IFERROR(INDEX(Jesper!AJ$2:AJ$366,ROUNDDOWN($C2885/24,0)+1,1)*INDEX($D$3:$AA$30,INDEX(Jesper!$R$2:$R$366,ROW(INDEX(Jesper!AJ$2:AJ$366,ROUNDDOWN($C2885/24,0)+1,1))-1)+IF('Standard Profiles'!$G$20=$B$10,7,0)+IF('Standard Profiles'!$G$20=$B$17,14,0)+IF('Standard Profiles'!$G$20=$B$24,21,0),MOD($C2885,24)+1)/SUM(INDEX($D$3:$AA$30,INDEX(Jesper!$R$2:$R$366,ROW(INDEX(Jesper!AJ$2:AJ$366,ROUNDDOWN($C2885/24,0)+1,1))-1)+IF('Standard Profiles'!$G$20=$B$10,7,0)+IF('Standard Profiles'!$G$20=$B$17,14,0)+IF('Standard Profiles'!$G$20=$B$24,21,0),0)),0)</f>
        <v>0</v>
      </c>
      <c r="G2885" cm="1">
        <f t="array" ref="G2885">IFERROR(INDEX(Jesper!AK$2:AK$366,ROUNDDOWN($C2885/24,0)+1,1)*INDEX($D$3:$AA$30,INDEX(Jesper!$R$2:$R$366,ROW(INDEX(Jesper!AK$2:AK$366,ROUNDDOWN($C2885/24,0)+1,1))-1)+IF('Standard Profiles'!$G$21=$B$10,7,0)+IF('Standard Profiles'!$G$21=$B$17,14,0)+IF('Standard Profiles'!$G$21=$B$24,21,0),MOD($C2885,24)+1)/SUM(INDEX($D$3:$AA$30,INDEX(Jesper!$R$2:$R$366,ROW(INDEX(Jesper!AK$2:AK$366,ROUNDDOWN($C2885/24,0)+1,1))-1)+IF('Standard Profiles'!$G$21=$B$10,7,0)+IF('Standard Profiles'!$G$21=$B$17,14,0)+IF('Standard Profiles'!$G$21=$B$24,21,0),0)),0)</f>
        <v>0</v>
      </c>
      <c r="H2885" cm="1">
        <f t="array" ref="H2885">IFERROR(INDEX(Jesper!AL$2:AL$366,ROUNDDOWN($C2885/24,0)+1,1)*INDEX($D$3:$AA$30,INDEX(Jesper!$R$2:$R$366,ROW(INDEX(Jesper!AL$2:AL$366,ROUNDDOWN($C2885/24,0)+1,1))-1)+IF('Standard Profiles'!$G$22=$B$10,7,0)+IF('Standard Profiles'!$G$22=$B$17,14,0)+IF('Standard Profiles'!$G$22=$B$24,21,0),MOD($C2885,24)+1)/SUM(INDEX($D$3:$AA$30,INDEX(Jesper!$R$2:$R$366,ROW(INDEX(Jesper!AL$2:AL$366,ROUNDDOWN($C2885/24,0)+1,1))-1)+IF('Standard Profiles'!$G$22=$B$10,7,0)+IF('Standard Profiles'!$G$22=$B$17,14,0)+IF('Standard Profiles'!$G$22=$B$24,21,0),0)),0)</f>
        <v>0</v>
      </c>
      <c r="I2885">
        <f t="shared" si="328"/>
        <v>0.1662043021743492</v>
      </c>
      <c r="J2885">
        <f t="shared" si="329"/>
        <v>0.55401434058116406</v>
      </c>
      <c r="K2885">
        <f t="shared" si="330"/>
        <v>0.83102151087174603</v>
      </c>
      <c r="L2885">
        <f t="shared" si="331"/>
        <v>8.6494075361067271</v>
      </c>
      <c r="M2885">
        <f t="shared" si="332"/>
        <v>0</v>
      </c>
      <c r="N2885" s="46">
        <f t="shared" si="333"/>
        <v>45410.791666659752</v>
      </c>
    </row>
    <row r="2886" spans="2:14" x14ac:dyDescent="0.3">
      <c r="B2886">
        <f t="shared" si="327"/>
        <v>7</v>
      </c>
      <c r="C2886" s="16">
        <v>2852</v>
      </c>
      <c r="D2886" cm="1">
        <f t="array" ref="D2886">IFERROR(INDEX(Jesper!AH$2:AH$366,ROUNDDOWN($C2886/24,0)+1,1)*INDEX($D$3:$AA$30,INDEX(Jesper!$R$2:$R$366,ROW(INDEX(Jesper!AH$2:AH$366,ROUNDDOWN($C2886/24,0)+1,1))-1)+IF('Standard Profiles'!$G$18=$B$10,7,0)+IF('Standard Profiles'!$G$18=$B$17,14,0)+IF('Standard Profiles'!$G$18=$B$24,21,0),MOD($C2886,24)+1)/SUM(INDEX($D$3:$AA$30,INDEX(Jesper!$R$2:$R$366,ROW(INDEX(Jesper!AH$2:AH$366,ROUNDDOWN($C2886/24,0)+1,1))-1)+IF('Standard Profiles'!$G$18=$B$10,7,0)+IF('Standard Profiles'!$G$18=$B$17,14,0)+IF('Standard Profiles'!$G$18=$B$24,21,0),0)),0)</f>
        <v>7.0007885946908122</v>
      </c>
      <c r="E2886" cm="1">
        <f t="array" ref="E2886">IFERROR(INDEX(Jesper!AI$2:AI$366,ROUNDDOWN($C2886/24,0)+1,1)*INDEX($D$3:$AA$30,INDEX(Jesper!$R$2:$R$366,ROW(INDEX(Jesper!AI$2:AI$366,ROUNDDOWN($C2886/24,0)+1,1))-1)+IF('Standard Profiles'!$G$19=$B$10,7,0)+IF('Standard Profiles'!$G$19=$B$17,14,0)+IF('Standard Profiles'!$G$19=$B$24,21,0),MOD($C2886,24)+1)/SUM(INDEX($D$3:$AA$30,INDEX(Jesper!$R$2:$R$366,ROW(INDEX(Jesper!AI$2:AI$366,ROUNDDOWN($C2886/24,0)+1,1))-1)+IF('Standard Profiles'!$G$19=$B$10,7,0)+IF('Standard Profiles'!$G$19=$B$17,14,0)+IF('Standard Profiles'!$G$19=$B$24,21,0),0)),0)</f>
        <v>1.5457000102214469</v>
      </c>
      <c r="F2886" cm="1">
        <f t="array" ref="F2886">IFERROR(INDEX(Jesper!AJ$2:AJ$366,ROUNDDOWN($C2886/24,0)+1,1)*INDEX($D$3:$AA$30,INDEX(Jesper!$R$2:$R$366,ROW(INDEX(Jesper!AJ$2:AJ$366,ROUNDDOWN($C2886/24,0)+1,1))-1)+IF('Standard Profiles'!$G$20=$B$10,7,0)+IF('Standard Profiles'!$G$20=$B$17,14,0)+IF('Standard Profiles'!$G$20=$B$24,21,0),MOD($C2886,24)+1)/SUM(INDEX($D$3:$AA$30,INDEX(Jesper!$R$2:$R$366,ROW(INDEX(Jesper!AJ$2:AJ$366,ROUNDDOWN($C2886/24,0)+1,1))-1)+IF('Standard Profiles'!$G$20=$B$10,7,0)+IF('Standard Profiles'!$G$20=$B$17,14,0)+IF('Standard Profiles'!$G$20=$B$24,21,0),0)),0)</f>
        <v>0</v>
      </c>
      <c r="G2886" cm="1">
        <f t="array" ref="G2886">IFERROR(INDEX(Jesper!AK$2:AK$366,ROUNDDOWN($C2886/24,0)+1,1)*INDEX($D$3:$AA$30,INDEX(Jesper!$R$2:$R$366,ROW(INDEX(Jesper!AK$2:AK$366,ROUNDDOWN($C2886/24,0)+1,1))-1)+IF('Standard Profiles'!$G$21=$B$10,7,0)+IF('Standard Profiles'!$G$21=$B$17,14,0)+IF('Standard Profiles'!$G$21=$B$24,21,0),MOD($C2886,24)+1)/SUM(INDEX($D$3:$AA$30,INDEX(Jesper!$R$2:$R$366,ROW(INDEX(Jesper!AK$2:AK$366,ROUNDDOWN($C2886/24,0)+1,1))-1)+IF('Standard Profiles'!$G$21=$B$10,7,0)+IF('Standard Profiles'!$G$21=$B$17,14,0)+IF('Standard Profiles'!$G$21=$B$24,21,0),0)),0)</f>
        <v>0</v>
      </c>
      <c r="H2886" cm="1">
        <f t="array" ref="H2886">IFERROR(INDEX(Jesper!AL$2:AL$366,ROUNDDOWN($C2886/24,0)+1,1)*INDEX($D$3:$AA$30,INDEX(Jesper!$R$2:$R$366,ROW(INDEX(Jesper!AL$2:AL$366,ROUNDDOWN($C2886/24,0)+1,1))-1)+IF('Standard Profiles'!$G$22=$B$10,7,0)+IF('Standard Profiles'!$G$22=$B$17,14,0)+IF('Standard Profiles'!$G$22=$B$24,21,0),MOD($C2886,24)+1)/SUM(INDEX($D$3:$AA$30,INDEX(Jesper!$R$2:$R$366,ROW(INDEX(Jesper!AL$2:AL$366,ROUNDDOWN($C2886/24,0)+1,1))-1)+IF('Standard Profiles'!$G$22=$B$10,7,0)+IF('Standard Profiles'!$G$22=$B$17,14,0)+IF('Standard Profiles'!$G$22=$B$24,21,0),0)),0)</f>
        <v>0</v>
      </c>
      <c r="I2886">
        <f t="shared" si="328"/>
        <v>0.13925225317310336</v>
      </c>
      <c r="J2886">
        <f t="shared" si="329"/>
        <v>0.46417417724367793</v>
      </c>
      <c r="K2886">
        <f t="shared" si="330"/>
        <v>0.69626126586551684</v>
      </c>
      <c r="L2886">
        <f t="shared" si="331"/>
        <v>7.246800908629961</v>
      </c>
      <c r="M2886">
        <f t="shared" si="332"/>
        <v>0</v>
      </c>
      <c r="N2886" s="46">
        <f t="shared" si="333"/>
        <v>45410.833333326416</v>
      </c>
    </row>
    <row r="2887" spans="2:14" x14ac:dyDescent="0.3">
      <c r="B2887">
        <f t="shared" si="327"/>
        <v>7</v>
      </c>
      <c r="C2887" s="16">
        <v>2853</v>
      </c>
      <c r="D2887" cm="1">
        <f t="array" ref="D2887">IFERROR(INDEX(Jesper!AH$2:AH$366,ROUNDDOWN($C2887/24,0)+1,1)*INDEX($D$3:$AA$30,INDEX(Jesper!$R$2:$R$366,ROW(INDEX(Jesper!AH$2:AH$366,ROUNDDOWN($C2887/24,0)+1,1))-1)+IF('Standard Profiles'!$G$18=$B$10,7,0)+IF('Standard Profiles'!$G$18=$B$17,14,0)+IF('Standard Profiles'!$G$18=$B$24,21,0),MOD($C2887,24)+1)/SUM(INDEX($D$3:$AA$30,INDEX(Jesper!$R$2:$R$366,ROW(INDEX(Jesper!AH$2:AH$366,ROUNDDOWN($C2887/24,0)+1,1))-1)+IF('Standard Profiles'!$G$18=$B$10,7,0)+IF('Standard Profiles'!$G$18=$B$17,14,0)+IF('Standard Profiles'!$G$18=$B$24,21,0),0)),0)</f>
        <v>6.0974610340855468</v>
      </c>
      <c r="E2887" cm="1">
        <f t="array" ref="E2887">IFERROR(INDEX(Jesper!AI$2:AI$366,ROUNDDOWN($C2887/24,0)+1,1)*INDEX($D$3:$AA$30,INDEX(Jesper!$R$2:$R$366,ROW(INDEX(Jesper!AI$2:AI$366,ROUNDDOWN($C2887/24,0)+1,1))-1)+IF('Standard Profiles'!$G$19=$B$10,7,0)+IF('Standard Profiles'!$G$19=$B$17,14,0)+IF('Standard Profiles'!$G$19=$B$24,21,0),MOD($C2887,24)+1)/SUM(INDEX($D$3:$AA$30,INDEX(Jesper!$R$2:$R$366,ROW(INDEX(Jesper!AI$2:AI$366,ROUNDDOWN($C2887/24,0)+1,1))-1)+IF('Standard Profiles'!$G$19=$B$10,7,0)+IF('Standard Profiles'!$G$19=$B$17,14,0)+IF('Standard Profiles'!$G$19=$B$24,21,0),0)),0)</f>
        <v>1.3462548476122282</v>
      </c>
      <c r="F2887" cm="1">
        <f t="array" ref="F2887">IFERROR(INDEX(Jesper!AJ$2:AJ$366,ROUNDDOWN($C2887/24,0)+1,1)*INDEX($D$3:$AA$30,INDEX(Jesper!$R$2:$R$366,ROW(INDEX(Jesper!AJ$2:AJ$366,ROUNDDOWN($C2887/24,0)+1,1))-1)+IF('Standard Profiles'!$G$20=$B$10,7,0)+IF('Standard Profiles'!$G$20=$B$17,14,0)+IF('Standard Profiles'!$G$20=$B$24,21,0),MOD($C2887,24)+1)/SUM(INDEX($D$3:$AA$30,INDEX(Jesper!$R$2:$R$366,ROW(INDEX(Jesper!AJ$2:AJ$366,ROUNDDOWN($C2887/24,0)+1,1))-1)+IF('Standard Profiles'!$G$20=$B$10,7,0)+IF('Standard Profiles'!$G$20=$B$17,14,0)+IF('Standard Profiles'!$G$20=$B$24,21,0),0)),0)</f>
        <v>0</v>
      </c>
      <c r="G2887" cm="1">
        <f t="array" ref="G2887">IFERROR(INDEX(Jesper!AK$2:AK$366,ROUNDDOWN($C2887/24,0)+1,1)*INDEX($D$3:$AA$30,INDEX(Jesper!$R$2:$R$366,ROW(INDEX(Jesper!AK$2:AK$366,ROUNDDOWN($C2887/24,0)+1,1))-1)+IF('Standard Profiles'!$G$21=$B$10,7,0)+IF('Standard Profiles'!$G$21=$B$17,14,0)+IF('Standard Profiles'!$G$21=$B$24,21,0),MOD($C2887,24)+1)/SUM(INDEX($D$3:$AA$30,INDEX(Jesper!$R$2:$R$366,ROW(INDEX(Jesper!AK$2:AK$366,ROUNDDOWN($C2887/24,0)+1,1))-1)+IF('Standard Profiles'!$G$21=$B$10,7,0)+IF('Standard Profiles'!$G$21=$B$17,14,0)+IF('Standard Profiles'!$G$21=$B$24,21,0),0)),0)</f>
        <v>0</v>
      </c>
      <c r="H2887" cm="1">
        <f t="array" ref="H2887">IFERROR(INDEX(Jesper!AL$2:AL$366,ROUNDDOWN($C2887/24,0)+1,1)*INDEX($D$3:$AA$30,INDEX(Jesper!$R$2:$R$366,ROW(INDEX(Jesper!AL$2:AL$366,ROUNDDOWN($C2887/24,0)+1,1))-1)+IF('Standard Profiles'!$G$22=$B$10,7,0)+IF('Standard Profiles'!$G$22=$B$17,14,0)+IF('Standard Profiles'!$G$22=$B$24,21,0),MOD($C2887,24)+1)/SUM(INDEX($D$3:$AA$30,INDEX(Jesper!$R$2:$R$366,ROW(INDEX(Jesper!AL$2:AL$366,ROUNDDOWN($C2887/24,0)+1,1))-1)+IF('Standard Profiles'!$G$22=$B$10,7,0)+IF('Standard Profiles'!$G$22=$B$17,14,0)+IF('Standard Profiles'!$G$22=$B$24,21,0),0)),0)</f>
        <v>0</v>
      </c>
      <c r="I2887">
        <f t="shared" si="328"/>
        <v>0.12128422050560618</v>
      </c>
      <c r="J2887">
        <f t="shared" si="329"/>
        <v>0.40428073501868733</v>
      </c>
      <c r="K2887">
        <f t="shared" si="330"/>
        <v>0.60642110252803094</v>
      </c>
      <c r="L2887">
        <f t="shared" si="331"/>
        <v>6.3117298236454511</v>
      </c>
      <c r="M2887">
        <f t="shared" si="332"/>
        <v>0</v>
      </c>
      <c r="N2887" s="46">
        <f t="shared" si="333"/>
        <v>45410.874999993081</v>
      </c>
    </row>
    <row r="2888" spans="2:14" x14ac:dyDescent="0.3">
      <c r="B2888">
        <f t="shared" si="327"/>
        <v>7</v>
      </c>
      <c r="C2888" s="16">
        <v>2854</v>
      </c>
      <c r="D2888" cm="1">
        <f t="array" ref="D2888">IFERROR(INDEX(Jesper!AH$2:AH$366,ROUNDDOWN($C2888/24,0)+1,1)*INDEX($D$3:$AA$30,INDEX(Jesper!$R$2:$R$366,ROW(INDEX(Jesper!AH$2:AH$366,ROUNDDOWN($C2888/24,0)+1,1))-1)+IF('Standard Profiles'!$G$18=$B$10,7,0)+IF('Standard Profiles'!$G$18=$B$17,14,0)+IF('Standard Profiles'!$G$18=$B$24,21,0),MOD($C2888,24)+1)/SUM(INDEX($D$3:$AA$30,INDEX(Jesper!$R$2:$R$366,ROW(INDEX(Jesper!AH$2:AH$366,ROUNDDOWN($C2888/24,0)+1,1))-1)+IF('Standard Profiles'!$G$18=$B$10,7,0)+IF('Standard Profiles'!$G$18=$B$17,14,0)+IF('Standard Profiles'!$G$18=$B$24,21,0),0)),0)</f>
        <v>6.0974610340855468</v>
      </c>
      <c r="E2888" cm="1">
        <f t="array" ref="E2888">IFERROR(INDEX(Jesper!AI$2:AI$366,ROUNDDOWN($C2888/24,0)+1,1)*INDEX($D$3:$AA$30,INDEX(Jesper!$R$2:$R$366,ROW(INDEX(Jesper!AI$2:AI$366,ROUNDDOWN($C2888/24,0)+1,1))-1)+IF('Standard Profiles'!$G$19=$B$10,7,0)+IF('Standard Profiles'!$G$19=$B$17,14,0)+IF('Standard Profiles'!$G$19=$B$24,21,0),MOD($C2888,24)+1)/SUM(INDEX($D$3:$AA$30,INDEX(Jesper!$R$2:$R$366,ROW(INDEX(Jesper!AI$2:AI$366,ROUNDDOWN($C2888/24,0)+1,1))-1)+IF('Standard Profiles'!$G$19=$B$10,7,0)+IF('Standard Profiles'!$G$19=$B$17,14,0)+IF('Standard Profiles'!$G$19=$B$24,21,0),0)),0)</f>
        <v>1.3462548476122282</v>
      </c>
      <c r="F2888" cm="1">
        <f t="array" ref="F2888">IFERROR(INDEX(Jesper!AJ$2:AJ$366,ROUNDDOWN($C2888/24,0)+1,1)*INDEX($D$3:$AA$30,INDEX(Jesper!$R$2:$R$366,ROW(INDEX(Jesper!AJ$2:AJ$366,ROUNDDOWN($C2888/24,0)+1,1))-1)+IF('Standard Profiles'!$G$20=$B$10,7,0)+IF('Standard Profiles'!$G$20=$B$17,14,0)+IF('Standard Profiles'!$G$20=$B$24,21,0),MOD($C2888,24)+1)/SUM(INDEX($D$3:$AA$30,INDEX(Jesper!$R$2:$R$366,ROW(INDEX(Jesper!AJ$2:AJ$366,ROUNDDOWN($C2888/24,0)+1,1))-1)+IF('Standard Profiles'!$G$20=$B$10,7,0)+IF('Standard Profiles'!$G$20=$B$17,14,0)+IF('Standard Profiles'!$G$20=$B$24,21,0),0)),0)</f>
        <v>0</v>
      </c>
      <c r="G2888" cm="1">
        <f t="array" ref="G2888">IFERROR(INDEX(Jesper!AK$2:AK$366,ROUNDDOWN($C2888/24,0)+1,1)*INDEX($D$3:$AA$30,INDEX(Jesper!$R$2:$R$366,ROW(INDEX(Jesper!AK$2:AK$366,ROUNDDOWN($C2888/24,0)+1,1))-1)+IF('Standard Profiles'!$G$21=$B$10,7,0)+IF('Standard Profiles'!$G$21=$B$17,14,0)+IF('Standard Profiles'!$G$21=$B$24,21,0),MOD($C2888,24)+1)/SUM(INDEX($D$3:$AA$30,INDEX(Jesper!$R$2:$R$366,ROW(INDEX(Jesper!AK$2:AK$366,ROUNDDOWN($C2888/24,0)+1,1))-1)+IF('Standard Profiles'!$G$21=$B$10,7,0)+IF('Standard Profiles'!$G$21=$B$17,14,0)+IF('Standard Profiles'!$G$21=$B$24,21,0),0)),0)</f>
        <v>0</v>
      </c>
      <c r="H2888" cm="1">
        <f t="array" ref="H2888">IFERROR(INDEX(Jesper!AL$2:AL$366,ROUNDDOWN($C2888/24,0)+1,1)*INDEX($D$3:$AA$30,INDEX(Jesper!$R$2:$R$366,ROW(INDEX(Jesper!AL$2:AL$366,ROUNDDOWN($C2888/24,0)+1,1))-1)+IF('Standard Profiles'!$G$22=$B$10,7,0)+IF('Standard Profiles'!$G$22=$B$17,14,0)+IF('Standard Profiles'!$G$22=$B$24,21,0),MOD($C2888,24)+1)/SUM(INDEX($D$3:$AA$30,INDEX(Jesper!$R$2:$R$366,ROW(INDEX(Jesper!AL$2:AL$366,ROUNDDOWN($C2888/24,0)+1,1))-1)+IF('Standard Profiles'!$G$22=$B$10,7,0)+IF('Standard Profiles'!$G$22=$B$17,14,0)+IF('Standard Profiles'!$G$22=$B$24,21,0),0)),0)</f>
        <v>0</v>
      </c>
      <c r="I2888">
        <f t="shared" si="328"/>
        <v>0.12128422050560618</v>
      </c>
      <c r="J2888">
        <f t="shared" si="329"/>
        <v>0.40428073501868733</v>
      </c>
      <c r="K2888">
        <f t="shared" si="330"/>
        <v>0.60642110252803094</v>
      </c>
      <c r="L2888">
        <f t="shared" si="331"/>
        <v>6.3117298236454511</v>
      </c>
      <c r="M2888">
        <f t="shared" si="332"/>
        <v>0</v>
      </c>
      <c r="N2888" s="46">
        <f t="shared" si="333"/>
        <v>45410.916666659745</v>
      </c>
    </row>
    <row r="2889" spans="2:14" x14ac:dyDescent="0.3">
      <c r="B2889">
        <f t="shared" si="327"/>
        <v>7</v>
      </c>
      <c r="C2889" s="16">
        <v>2855</v>
      </c>
      <c r="D2889" cm="1">
        <f t="array" ref="D2889">IFERROR(INDEX(Jesper!AH$2:AH$366,ROUNDDOWN($C2889/24,0)+1,1)*INDEX($D$3:$AA$30,INDEX(Jesper!$R$2:$R$366,ROW(INDEX(Jesper!AH$2:AH$366,ROUNDDOWN($C2889/24,0)+1,1))-1)+IF('Standard Profiles'!$G$18=$B$10,7,0)+IF('Standard Profiles'!$G$18=$B$17,14,0)+IF('Standard Profiles'!$G$18=$B$24,21,0),MOD($C2889,24)+1)/SUM(INDEX($D$3:$AA$30,INDEX(Jesper!$R$2:$R$366,ROW(INDEX(Jesper!AH$2:AH$366,ROUNDDOWN($C2889/24,0)+1,1))-1)+IF('Standard Profiles'!$G$18=$B$10,7,0)+IF('Standard Profiles'!$G$18=$B$17,14,0)+IF('Standard Profiles'!$G$18=$B$24,21,0),0)),0)</f>
        <v>6.0974610340855468</v>
      </c>
      <c r="E2889" cm="1">
        <f t="array" ref="E2889">IFERROR(INDEX(Jesper!AI$2:AI$366,ROUNDDOWN($C2889/24,0)+1,1)*INDEX($D$3:$AA$30,INDEX(Jesper!$R$2:$R$366,ROW(INDEX(Jesper!AI$2:AI$366,ROUNDDOWN($C2889/24,0)+1,1))-1)+IF('Standard Profiles'!$G$19=$B$10,7,0)+IF('Standard Profiles'!$G$19=$B$17,14,0)+IF('Standard Profiles'!$G$19=$B$24,21,0),MOD($C2889,24)+1)/SUM(INDEX($D$3:$AA$30,INDEX(Jesper!$R$2:$R$366,ROW(INDEX(Jesper!AI$2:AI$366,ROUNDDOWN($C2889/24,0)+1,1))-1)+IF('Standard Profiles'!$G$19=$B$10,7,0)+IF('Standard Profiles'!$G$19=$B$17,14,0)+IF('Standard Profiles'!$G$19=$B$24,21,0),0)),0)</f>
        <v>1.3462548476122282</v>
      </c>
      <c r="F2889" cm="1">
        <f t="array" ref="F2889">IFERROR(INDEX(Jesper!AJ$2:AJ$366,ROUNDDOWN($C2889/24,0)+1,1)*INDEX($D$3:$AA$30,INDEX(Jesper!$R$2:$R$366,ROW(INDEX(Jesper!AJ$2:AJ$366,ROUNDDOWN($C2889/24,0)+1,1))-1)+IF('Standard Profiles'!$G$20=$B$10,7,0)+IF('Standard Profiles'!$G$20=$B$17,14,0)+IF('Standard Profiles'!$G$20=$B$24,21,0),MOD($C2889,24)+1)/SUM(INDEX($D$3:$AA$30,INDEX(Jesper!$R$2:$R$366,ROW(INDEX(Jesper!AJ$2:AJ$366,ROUNDDOWN($C2889/24,0)+1,1))-1)+IF('Standard Profiles'!$G$20=$B$10,7,0)+IF('Standard Profiles'!$G$20=$B$17,14,0)+IF('Standard Profiles'!$G$20=$B$24,21,0),0)),0)</f>
        <v>0</v>
      </c>
      <c r="G2889" cm="1">
        <f t="array" ref="G2889">IFERROR(INDEX(Jesper!AK$2:AK$366,ROUNDDOWN($C2889/24,0)+1,1)*INDEX($D$3:$AA$30,INDEX(Jesper!$R$2:$R$366,ROW(INDEX(Jesper!AK$2:AK$366,ROUNDDOWN($C2889/24,0)+1,1))-1)+IF('Standard Profiles'!$G$21=$B$10,7,0)+IF('Standard Profiles'!$G$21=$B$17,14,0)+IF('Standard Profiles'!$G$21=$B$24,21,0),MOD($C2889,24)+1)/SUM(INDEX($D$3:$AA$30,INDEX(Jesper!$R$2:$R$366,ROW(INDEX(Jesper!AK$2:AK$366,ROUNDDOWN($C2889/24,0)+1,1))-1)+IF('Standard Profiles'!$G$21=$B$10,7,0)+IF('Standard Profiles'!$G$21=$B$17,14,0)+IF('Standard Profiles'!$G$21=$B$24,21,0),0)),0)</f>
        <v>0</v>
      </c>
      <c r="H2889" cm="1">
        <f t="array" ref="H2889">IFERROR(INDEX(Jesper!AL$2:AL$366,ROUNDDOWN($C2889/24,0)+1,1)*INDEX($D$3:$AA$30,INDEX(Jesper!$R$2:$R$366,ROW(INDEX(Jesper!AL$2:AL$366,ROUNDDOWN($C2889/24,0)+1,1))-1)+IF('Standard Profiles'!$G$22=$B$10,7,0)+IF('Standard Profiles'!$G$22=$B$17,14,0)+IF('Standard Profiles'!$G$22=$B$24,21,0),MOD($C2889,24)+1)/SUM(INDEX($D$3:$AA$30,INDEX(Jesper!$R$2:$R$366,ROW(INDEX(Jesper!AL$2:AL$366,ROUNDDOWN($C2889/24,0)+1,1))-1)+IF('Standard Profiles'!$G$22=$B$10,7,0)+IF('Standard Profiles'!$G$22=$B$17,14,0)+IF('Standard Profiles'!$G$22=$B$24,21,0),0)),0)</f>
        <v>0</v>
      </c>
      <c r="I2889">
        <f t="shared" si="328"/>
        <v>0.12128422050560618</v>
      </c>
      <c r="J2889">
        <f t="shared" si="329"/>
        <v>0.40428073501868733</v>
      </c>
      <c r="K2889">
        <f t="shared" si="330"/>
        <v>0.60642110252803094</v>
      </c>
      <c r="L2889">
        <f t="shared" si="331"/>
        <v>6.3117298236454511</v>
      </c>
      <c r="M2889">
        <f t="shared" si="332"/>
        <v>0</v>
      </c>
      <c r="N2889" s="46">
        <f t="shared" si="333"/>
        <v>45410.958333326409</v>
      </c>
    </row>
    <row r="2890" spans="2:14" x14ac:dyDescent="0.3">
      <c r="B2890">
        <f t="shared" si="327"/>
        <v>1</v>
      </c>
      <c r="C2890" s="16">
        <v>2856</v>
      </c>
      <c r="D2890" cm="1">
        <f t="array" ref="D2890">IFERROR(INDEX(Jesper!AH$2:AH$366,ROUNDDOWN($C2890/24,0)+1,1)*INDEX($D$3:$AA$30,INDEX(Jesper!$R$2:$R$366,ROW(INDEX(Jesper!AH$2:AH$366,ROUNDDOWN($C2890/24,0)+1,1))-1)+IF('Standard Profiles'!$G$18=$B$10,7,0)+IF('Standard Profiles'!$G$18=$B$17,14,0)+IF('Standard Profiles'!$G$18=$B$24,21,0),MOD($C2890,24)+1)/SUM(INDEX($D$3:$AA$30,INDEX(Jesper!$R$2:$R$366,ROW(INDEX(Jesper!AH$2:AH$366,ROUNDDOWN($C2890/24,0)+1,1))-1)+IF('Standard Profiles'!$G$18=$B$10,7,0)+IF('Standard Profiles'!$G$18=$B$17,14,0)+IF('Standard Profiles'!$G$18=$B$24,21,0),0)),0)</f>
        <v>2.6093227023405419</v>
      </c>
      <c r="E2890" cm="1">
        <f t="array" ref="E2890">IFERROR(INDEX(Jesper!AI$2:AI$366,ROUNDDOWN($C2890/24,0)+1,1)*INDEX($D$3:$AA$30,INDEX(Jesper!$R$2:$R$366,ROW(INDEX(Jesper!AI$2:AI$366,ROUNDDOWN($C2890/24,0)+1,1))-1)+IF('Standard Profiles'!$G$19=$B$10,7,0)+IF('Standard Profiles'!$G$19=$B$17,14,0)+IF('Standard Profiles'!$G$19=$B$24,21,0),MOD($C2890,24)+1)/SUM(INDEX($D$3:$AA$30,INDEX(Jesper!$R$2:$R$366,ROW(INDEX(Jesper!AI$2:AI$366,ROUNDDOWN($C2890/24,0)+1,1))-1)+IF('Standard Profiles'!$G$19=$B$10,7,0)+IF('Standard Profiles'!$G$19=$B$17,14,0)+IF('Standard Profiles'!$G$19=$B$24,21,0),0)),0)</f>
        <v>0</v>
      </c>
      <c r="F2890" cm="1">
        <f t="array" ref="F2890">IFERROR(INDEX(Jesper!AJ$2:AJ$366,ROUNDDOWN($C2890/24,0)+1,1)*INDEX($D$3:$AA$30,INDEX(Jesper!$R$2:$R$366,ROW(INDEX(Jesper!AJ$2:AJ$366,ROUNDDOWN($C2890/24,0)+1,1))-1)+IF('Standard Profiles'!$G$20=$B$10,7,0)+IF('Standard Profiles'!$G$20=$B$17,14,0)+IF('Standard Profiles'!$G$20=$B$24,21,0),MOD($C2890,24)+1)/SUM(INDEX($D$3:$AA$30,INDEX(Jesper!$R$2:$R$366,ROW(INDEX(Jesper!AJ$2:AJ$366,ROUNDDOWN($C2890/24,0)+1,1))-1)+IF('Standard Profiles'!$G$20=$B$10,7,0)+IF('Standard Profiles'!$G$20=$B$17,14,0)+IF('Standard Profiles'!$G$20=$B$24,21,0),0)),0)</f>
        <v>0</v>
      </c>
      <c r="G2890" cm="1">
        <f t="array" ref="G2890">IFERROR(INDEX(Jesper!AK$2:AK$366,ROUNDDOWN($C2890/24,0)+1,1)*INDEX($D$3:$AA$30,INDEX(Jesper!$R$2:$R$366,ROW(INDEX(Jesper!AK$2:AK$366,ROUNDDOWN($C2890/24,0)+1,1))-1)+IF('Standard Profiles'!$G$21=$B$10,7,0)+IF('Standard Profiles'!$G$21=$B$17,14,0)+IF('Standard Profiles'!$G$21=$B$24,21,0),MOD($C2890,24)+1)/SUM(INDEX($D$3:$AA$30,INDEX(Jesper!$R$2:$R$366,ROW(INDEX(Jesper!AK$2:AK$366,ROUNDDOWN($C2890/24,0)+1,1))-1)+IF('Standard Profiles'!$G$21=$B$10,7,0)+IF('Standard Profiles'!$G$21=$B$17,14,0)+IF('Standard Profiles'!$G$21=$B$24,21,0),0)),0)</f>
        <v>0</v>
      </c>
      <c r="H2890" cm="1">
        <f t="array" ref="H2890">IFERROR(INDEX(Jesper!AL$2:AL$366,ROUNDDOWN($C2890/24,0)+1,1)*INDEX($D$3:$AA$30,INDEX(Jesper!$R$2:$R$366,ROW(INDEX(Jesper!AL$2:AL$366,ROUNDDOWN($C2890/24,0)+1,1))-1)+IF('Standard Profiles'!$G$22=$B$10,7,0)+IF('Standard Profiles'!$G$22=$B$17,14,0)+IF('Standard Profiles'!$G$22=$B$24,21,0),MOD($C2890,24)+1)/SUM(INDEX($D$3:$AA$30,INDEX(Jesper!$R$2:$R$366,ROW(INDEX(Jesper!AL$2:AL$366,ROUNDDOWN($C2890/24,0)+1,1))-1)+IF('Standard Profiles'!$G$22=$B$10,7,0)+IF('Standard Profiles'!$G$22=$B$17,14,0)+IF('Standard Profiles'!$G$22=$B$24,21,0),0)),0)</f>
        <v>0</v>
      </c>
      <c r="I2890">
        <f t="shared" si="328"/>
        <v>7.8279681070216253E-2</v>
      </c>
      <c r="J2890">
        <f t="shared" si="329"/>
        <v>0.26093227023405419</v>
      </c>
      <c r="K2890">
        <f t="shared" si="330"/>
        <v>0.39139840535108128</v>
      </c>
      <c r="L2890">
        <f t="shared" si="331"/>
        <v>1.87871234568519</v>
      </c>
      <c r="M2890">
        <f t="shared" si="332"/>
        <v>0</v>
      </c>
      <c r="N2890" s="46">
        <f t="shared" si="333"/>
        <v>45410.999999993073</v>
      </c>
    </row>
    <row r="2891" spans="2:14" x14ac:dyDescent="0.3">
      <c r="B2891">
        <f t="shared" si="327"/>
        <v>1</v>
      </c>
      <c r="C2891" s="16">
        <v>2857</v>
      </c>
      <c r="D2891" cm="1">
        <f t="array" ref="D2891">IFERROR(INDEX(Jesper!AH$2:AH$366,ROUNDDOWN($C2891/24,0)+1,1)*INDEX($D$3:$AA$30,INDEX(Jesper!$R$2:$R$366,ROW(INDEX(Jesper!AH$2:AH$366,ROUNDDOWN($C2891/24,0)+1,1))-1)+IF('Standard Profiles'!$G$18=$B$10,7,0)+IF('Standard Profiles'!$G$18=$B$17,14,0)+IF('Standard Profiles'!$G$18=$B$24,21,0),MOD($C2891,24)+1)/SUM(INDEX($D$3:$AA$30,INDEX(Jesper!$R$2:$R$366,ROW(INDEX(Jesper!AH$2:AH$366,ROUNDDOWN($C2891/24,0)+1,1))-1)+IF('Standard Profiles'!$G$18=$B$10,7,0)+IF('Standard Profiles'!$G$18=$B$17,14,0)+IF('Standard Profiles'!$G$18=$B$24,21,0),0)),0)</f>
        <v>2.6093227023405419</v>
      </c>
      <c r="E2891" cm="1">
        <f t="array" ref="E2891">IFERROR(INDEX(Jesper!AI$2:AI$366,ROUNDDOWN($C2891/24,0)+1,1)*INDEX($D$3:$AA$30,INDEX(Jesper!$R$2:$R$366,ROW(INDEX(Jesper!AI$2:AI$366,ROUNDDOWN($C2891/24,0)+1,1))-1)+IF('Standard Profiles'!$G$19=$B$10,7,0)+IF('Standard Profiles'!$G$19=$B$17,14,0)+IF('Standard Profiles'!$G$19=$B$24,21,0),MOD($C2891,24)+1)/SUM(INDEX($D$3:$AA$30,INDEX(Jesper!$R$2:$R$366,ROW(INDEX(Jesper!AI$2:AI$366,ROUNDDOWN($C2891/24,0)+1,1))-1)+IF('Standard Profiles'!$G$19=$B$10,7,0)+IF('Standard Profiles'!$G$19=$B$17,14,0)+IF('Standard Profiles'!$G$19=$B$24,21,0),0)),0)</f>
        <v>0</v>
      </c>
      <c r="F2891" cm="1">
        <f t="array" ref="F2891">IFERROR(INDEX(Jesper!AJ$2:AJ$366,ROUNDDOWN($C2891/24,0)+1,1)*INDEX($D$3:$AA$30,INDEX(Jesper!$R$2:$R$366,ROW(INDEX(Jesper!AJ$2:AJ$366,ROUNDDOWN($C2891/24,0)+1,1))-1)+IF('Standard Profiles'!$G$20=$B$10,7,0)+IF('Standard Profiles'!$G$20=$B$17,14,0)+IF('Standard Profiles'!$G$20=$B$24,21,0),MOD($C2891,24)+1)/SUM(INDEX($D$3:$AA$30,INDEX(Jesper!$R$2:$R$366,ROW(INDEX(Jesper!AJ$2:AJ$366,ROUNDDOWN($C2891/24,0)+1,1))-1)+IF('Standard Profiles'!$G$20=$B$10,7,0)+IF('Standard Profiles'!$G$20=$B$17,14,0)+IF('Standard Profiles'!$G$20=$B$24,21,0),0)),0)</f>
        <v>0</v>
      </c>
      <c r="G2891" cm="1">
        <f t="array" ref="G2891">IFERROR(INDEX(Jesper!AK$2:AK$366,ROUNDDOWN($C2891/24,0)+1,1)*INDEX($D$3:$AA$30,INDEX(Jesper!$R$2:$R$366,ROW(INDEX(Jesper!AK$2:AK$366,ROUNDDOWN($C2891/24,0)+1,1))-1)+IF('Standard Profiles'!$G$21=$B$10,7,0)+IF('Standard Profiles'!$G$21=$B$17,14,0)+IF('Standard Profiles'!$G$21=$B$24,21,0),MOD($C2891,24)+1)/SUM(INDEX($D$3:$AA$30,INDEX(Jesper!$R$2:$R$366,ROW(INDEX(Jesper!AK$2:AK$366,ROUNDDOWN($C2891/24,0)+1,1))-1)+IF('Standard Profiles'!$G$21=$B$10,7,0)+IF('Standard Profiles'!$G$21=$B$17,14,0)+IF('Standard Profiles'!$G$21=$B$24,21,0),0)),0)</f>
        <v>0</v>
      </c>
      <c r="H2891" cm="1">
        <f t="array" ref="H2891">IFERROR(INDEX(Jesper!AL$2:AL$366,ROUNDDOWN($C2891/24,0)+1,1)*INDEX($D$3:$AA$30,INDEX(Jesper!$R$2:$R$366,ROW(INDEX(Jesper!AL$2:AL$366,ROUNDDOWN($C2891/24,0)+1,1))-1)+IF('Standard Profiles'!$G$22=$B$10,7,0)+IF('Standard Profiles'!$G$22=$B$17,14,0)+IF('Standard Profiles'!$G$22=$B$24,21,0),MOD($C2891,24)+1)/SUM(INDEX($D$3:$AA$30,INDEX(Jesper!$R$2:$R$366,ROW(INDEX(Jesper!AL$2:AL$366,ROUNDDOWN($C2891/24,0)+1,1))-1)+IF('Standard Profiles'!$G$22=$B$10,7,0)+IF('Standard Profiles'!$G$22=$B$17,14,0)+IF('Standard Profiles'!$G$22=$B$24,21,0),0)),0)</f>
        <v>0</v>
      </c>
      <c r="I2891">
        <f t="shared" si="328"/>
        <v>7.8279681070216253E-2</v>
      </c>
      <c r="J2891">
        <f t="shared" si="329"/>
        <v>0.26093227023405419</v>
      </c>
      <c r="K2891">
        <f t="shared" si="330"/>
        <v>0.39139840535108128</v>
      </c>
      <c r="L2891">
        <f t="shared" si="331"/>
        <v>1.87871234568519</v>
      </c>
      <c r="M2891">
        <f t="shared" si="332"/>
        <v>0</v>
      </c>
      <c r="N2891" s="46">
        <f t="shared" si="333"/>
        <v>45411.041666659738</v>
      </c>
    </row>
    <row r="2892" spans="2:14" x14ac:dyDescent="0.3">
      <c r="B2892">
        <f t="shared" si="327"/>
        <v>1</v>
      </c>
      <c r="C2892" s="16">
        <v>2858</v>
      </c>
      <c r="D2892" cm="1">
        <f t="array" ref="D2892">IFERROR(INDEX(Jesper!AH$2:AH$366,ROUNDDOWN($C2892/24,0)+1,1)*INDEX($D$3:$AA$30,INDEX(Jesper!$R$2:$R$366,ROW(INDEX(Jesper!AH$2:AH$366,ROUNDDOWN($C2892/24,0)+1,1))-1)+IF('Standard Profiles'!$G$18=$B$10,7,0)+IF('Standard Profiles'!$G$18=$B$17,14,0)+IF('Standard Profiles'!$G$18=$B$24,21,0),MOD($C2892,24)+1)/SUM(INDEX($D$3:$AA$30,INDEX(Jesper!$R$2:$R$366,ROW(INDEX(Jesper!AH$2:AH$366,ROUNDDOWN($C2892/24,0)+1,1))-1)+IF('Standard Profiles'!$G$18=$B$10,7,0)+IF('Standard Profiles'!$G$18=$B$17,14,0)+IF('Standard Profiles'!$G$18=$B$24,21,0),0)),0)</f>
        <v>2.6093227023405419</v>
      </c>
      <c r="E2892" cm="1">
        <f t="array" ref="E2892">IFERROR(INDEX(Jesper!AI$2:AI$366,ROUNDDOWN($C2892/24,0)+1,1)*INDEX($D$3:$AA$30,INDEX(Jesper!$R$2:$R$366,ROW(INDEX(Jesper!AI$2:AI$366,ROUNDDOWN($C2892/24,0)+1,1))-1)+IF('Standard Profiles'!$G$19=$B$10,7,0)+IF('Standard Profiles'!$G$19=$B$17,14,0)+IF('Standard Profiles'!$G$19=$B$24,21,0),MOD($C2892,24)+1)/SUM(INDEX($D$3:$AA$30,INDEX(Jesper!$R$2:$R$366,ROW(INDEX(Jesper!AI$2:AI$366,ROUNDDOWN($C2892/24,0)+1,1))-1)+IF('Standard Profiles'!$G$19=$B$10,7,0)+IF('Standard Profiles'!$G$19=$B$17,14,0)+IF('Standard Profiles'!$G$19=$B$24,21,0),0)),0)</f>
        <v>0</v>
      </c>
      <c r="F2892" cm="1">
        <f t="array" ref="F2892">IFERROR(INDEX(Jesper!AJ$2:AJ$366,ROUNDDOWN($C2892/24,0)+1,1)*INDEX($D$3:$AA$30,INDEX(Jesper!$R$2:$R$366,ROW(INDEX(Jesper!AJ$2:AJ$366,ROUNDDOWN($C2892/24,0)+1,1))-1)+IF('Standard Profiles'!$G$20=$B$10,7,0)+IF('Standard Profiles'!$G$20=$B$17,14,0)+IF('Standard Profiles'!$G$20=$B$24,21,0),MOD($C2892,24)+1)/SUM(INDEX($D$3:$AA$30,INDEX(Jesper!$R$2:$R$366,ROW(INDEX(Jesper!AJ$2:AJ$366,ROUNDDOWN($C2892/24,0)+1,1))-1)+IF('Standard Profiles'!$G$20=$B$10,7,0)+IF('Standard Profiles'!$G$20=$B$17,14,0)+IF('Standard Profiles'!$G$20=$B$24,21,0),0)),0)</f>
        <v>0</v>
      </c>
      <c r="G2892" cm="1">
        <f t="array" ref="G2892">IFERROR(INDEX(Jesper!AK$2:AK$366,ROUNDDOWN($C2892/24,0)+1,1)*INDEX($D$3:$AA$30,INDEX(Jesper!$R$2:$R$366,ROW(INDEX(Jesper!AK$2:AK$366,ROUNDDOWN($C2892/24,0)+1,1))-1)+IF('Standard Profiles'!$G$21=$B$10,7,0)+IF('Standard Profiles'!$G$21=$B$17,14,0)+IF('Standard Profiles'!$G$21=$B$24,21,0),MOD($C2892,24)+1)/SUM(INDEX($D$3:$AA$30,INDEX(Jesper!$R$2:$R$366,ROW(INDEX(Jesper!AK$2:AK$366,ROUNDDOWN($C2892/24,0)+1,1))-1)+IF('Standard Profiles'!$G$21=$B$10,7,0)+IF('Standard Profiles'!$G$21=$B$17,14,0)+IF('Standard Profiles'!$G$21=$B$24,21,0),0)),0)</f>
        <v>0</v>
      </c>
      <c r="H2892" cm="1">
        <f t="array" ref="H2892">IFERROR(INDEX(Jesper!AL$2:AL$366,ROUNDDOWN($C2892/24,0)+1,1)*INDEX($D$3:$AA$30,INDEX(Jesper!$R$2:$R$366,ROW(INDEX(Jesper!AL$2:AL$366,ROUNDDOWN($C2892/24,0)+1,1))-1)+IF('Standard Profiles'!$G$22=$B$10,7,0)+IF('Standard Profiles'!$G$22=$B$17,14,0)+IF('Standard Profiles'!$G$22=$B$24,21,0),MOD($C2892,24)+1)/SUM(INDEX($D$3:$AA$30,INDEX(Jesper!$R$2:$R$366,ROW(INDEX(Jesper!AL$2:AL$366,ROUNDDOWN($C2892/24,0)+1,1))-1)+IF('Standard Profiles'!$G$22=$B$10,7,0)+IF('Standard Profiles'!$G$22=$B$17,14,0)+IF('Standard Profiles'!$G$22=$B$24,21,0),0)),0)</f>
        <v>0</v>
      </c>
      <c r="I2892">
        <f t="shared" si="328"/>
        <v>7.8279681070216253E-2</v>
      </c>
      <c r="J2892">
        <f t="shared" si="329"/>
        <v>0.26093227023405419</v>
      </c>
      <c r="K2892">
        <f t="shared" si="330"/>
        <v>0.39139840535108128</v>
      </c>
      <c r="L2892">
        <f t="shared" si="331"/>
        <v>1.87871234568519</v>
      </c>
      <c r="M2892">
        <f t="shared" si="332"/>
        <v>0</v>
      </c>
      <c r="N2892" s="46">
        <f t="shared" si="333"/>
        <v>45411.083333326402</v>
      </c>
    </row>
    <row r="2893" spans="2:14" x14ac:dyDescent="0.3">
      <c r="B2893">
        <f t="shared" si="327"/>
        <v>1</v>
      </c>
      <c r="C2893" s="16">
        <v>2859</v>
      </c>
      <c r="D2893" cm="1">
        <f t="array" ref="D2893">IFERROR(INDEX(Jesper!AH$2:AH$366,ROUNDDOWN($C2893/24,0)+1,1)*INDEX($D$3:$AA$30,INDEX(Jesper!$R$2:$R$366,ROW(INDEX(Jesper!AH$2:AH$366,ROUNDDOWN($C2893/24,0)+1,1))-1)+IF('Standard Profiles'!$G$18=$B$10,7,0)+IF('Standard Profiles'!$G$18=$B$17,14,0)+IF('Standard Profiles'!$G$18=$B$24,21,0),MOD($C2893,24)+1)/SUM(INDEX($D$3:$AA$30,INDEX(Jesper!$R$2:$R$366,ROW(INDEX(Jesper!AH$2:AH$366,ROUNDDOWN($C2893/24,0)+1,1))-1)+IF('Standard Profiles'!$G$18=$B$10,7,0)+IF('Standard Profiles'!$G$18=$B$17,14,0)+IF('Standard Profiles'!$G$18=$B$24,21,0),0)),0)</f>
        <v>2.6093227023405419</v>
      </c>
      <c r="E2893" cm="1">
        <f t="array" ref="E2893">IFERROR(INDEX(Jesper!AI$2:AI$366,ROUNDDOWN($C2893/24,0)+1,1)*INDEX($D$3:$AA$30,INDEX(Jesper!$R$2:$R$366,ROW(INDEX(Jesper!AI$2:AI$366,ROUNDDOWN($C2893/24,0)+1,1))-1)+IF('Standard Profiles'!$G$19=$B$10,7,0)+IF('Standard Profiles'!$G$19=$B$17,14,0)+IF('Standard Profiles'!$G$19=$B$24,21,0),MOD($C2893,24)+1)/SUM(INDEX($D$3:$AA$30,INDEX(Jesper!$R$2:$R$366,ROW(INDEX(Jesper!AI$2:AI$366,ROUNDDOWN($C2893/24,0)+1,1))-1)+IF('Standard Profiles'!$G$19=$B$10,7,0)+IF('Standard Profiles'!$G$19=$B$17,14,0)+IF('Standard Profiles'!$G$19=$B$24,21,0),0)),0)</f>
        <v>0</v>
      </c>
      <c r="F2893" cm="1">
        <f t="array" ref="F2893">IFERROR(INDEX(Jesper!AJ$2:AJ$366,ROUNDDOWN($C2893/24,0)+1,1)*INDEX($D$3:$AA$30,INDEX(Jesper!$R$2:$R$366,ROW(INDEX(Jesper!AJ$2:AJ$366,ROUNDDOWN($C2893/24,0)+1,1))-1)+IF('Standard Profiles'!$G$20=$B$10,7,0)+IF('Standard Profiles'!$G$20=$B$17,14,0)+IF('Standard Profiles'!$G$20=$B$24,21,0),MOD($C2893,24)+1)/SUM(INDEX($D$3:$AA$30,INDEX(Jesper!$R$2:$R$366,ROW(INDEX(Jesper!AJ$2:AJ$366,ROUNDDOWN($C2893/24,0)+1,1))-1)+IF('Standard Profiles'!$G$20=$B$10,7,0)+IF('Standard Profiles'!$G$20=$B$17,14,0)+IF('Standard Profiles'!$G$20=$B$24,21,0),0)),0)</f>
        <v>0</v>
      </c>
      <c r="G2893" cm="1">
        <f t="array" ref="G2893">IFERROR(INDEX(Jesper!AK$2:AK$366,ROUNDDOWN($C2893/24,0)+1,1)*INDEX($D$3:$AA$30,INDEX(Jesper!$R$2:$R$366,ROW(INDEX(Jesper!AK$2:AK$366,ROUNDDOWN($C2893/24,0)+1,1))-1)+IF('Standard Profiles'!$G$21=$B$10,7,0)+IF('Standard Profiles'!$G$21=$B$17,14,0)+IF('Standard Profiles'!$G$21=$B$24,21,0),MOD($C2893,24)+1)/SUM(INDEX($D$3:$AA$30,INDEX(Jesper!$R$2:$R$366,ROW(INDEX(Jesper!AK$2:AK$366,ROUNDDOWN($C2893/24,0)+1,1))-1)+IF('Standard Profiles'!$G$21=$B$10,7,0)+IF('Standard Profiles'!$G$21=$B$17,14,0)+IF('Standard Profiles'!$G$21=$B$24,21,0),0)),0)</f>
        <v>0</v>
      </c>
      <c r="H2893" cm="1">
        <f t="array" ref="H2893">IFERROR(INDEX(Jesper!AL$2:AL$366,ROUNDDOWN($C2893/24,0)+1,1)*INDEX($D$3:$AA$30,INDEX(Jesper!$R$2:$R$366,ROW(INDEX(Jesper!AL$2:AL$366,ROUNDDOWN($C2893/24,0)+1,1))-1)+IF('Standard Profiles'!$G$22=$B$10,7,0)+IF('Standard Profiles'!$G$22=$B$17,14,0)+IF('Standard Profiles'!$G$22=$B$24,21,0),MOD($C2893,24)+1)/SUM(INDEX($D$3:$AA$30,INDEX(Jesper!$R$2:$R$366,ROW(INDEX(Jesper!AL$2:AL$366,ROUNDDOWN($C2893/24,0)+1,1))-1)+IF('Standard Profiles'!$G$22=$B$10,7,0)+IF('Standard Profiles'!$G$22=$B$17,14,0)+IF('Standard Profiles'!$G$22=$B$24,21,0),0)),0)</f>
        <v>0</v>
      </c>
      <c r="I2893">
        <f t="shared" si="328"/>
        <v>7.8279681070216253E-2</v>
      </c>
      <c r="J2893">
        <f t="shared" si="329"/>
        <v>0.26093227023405419</v>
      </c>
      <c r="K2893">
        <f t="shared" si="330"/>
        <v>0.39139840535108128</v>
      </c>
      <c r="L2893">
        <f t="shared" si="331"/>
        <v>1.87871234568519</v>
      </c>
      <c r="M2893">
        <f t="shared" si="332"/>
        <v>0</v>
      </c>
      <c r="N2893" s="46">
        <f t="shared" si="333"/>
        <v>45411.124999993066</v>
      </c>
    </row>
    <row r="2894" spans="2:14" x14ac:dyDescent="0.3">
      <c r="B2894">
        <f t="shared" si="327"/>
        <v>1</v>
      </c>
      <c r="C2894" s="16">
        <v>2860</v>
      </c>
      <c r="D2894" cm="1">
        <f t="array" ref="D2894">IFERROR(INDEX(Jesper!AH$2:AH$366,ROUNDDOWN($C2894/24,0)+1,1)*INDEX($D$3:$AA$30,INDEX(Jesper!$R$2:$R$366,ROW(INDEX(Jesper!AH$2:AH$366,ROUNDDOWN($C2894/24,0)+1,1))-1)+IF('Standard Profiles'!$G$18=$B$10,7,0)+IF('Standard Profiles'!$G$18=$B$17,14,0)+IF('Standard Profiles'!$G$18=$B$24,21,0),MOD($C2894,24)+1)/SUM(INDEX($D$3:$AA$30,INDEX(Jesper!$R$2:$R$366,ROW(INDEX(Jesper!AH$2:AH$366,ROUNDDOWN($C2894/24,0)+1,1))-1)+IF('Standard Profiles'!$G$18=$B$10,7,0)+IF('Standard Profiles'!$G$18=$B$17,14,0)+IF('Standard Profiles'!$G$18=$B$24,21,0),0)),0)</f>
        <v>2.6093227023405419</v>
      </c>
      <c r="E2894" cm="1">
        <f t="array" ref="E2894">IFERROR(INDEX(Jesper!AI$2:AI$366,ROUNDDOWN($C2894/24,0)+1,1)*INDEX($D$3:$AA$30,INDEX(Jesper!$R$2:$R$366,ROW(INDEX(Jesper!AI$2:AI$366,ROUNDDOWN($C2894/24,0)+1,1))-1)+IF('Standard Profiles'!$G$19=$B$10,7,0)+IF('Standard Profiles'!$G$19=$B$17,14,0)+IF('Standard Profiles'!$G$19=$B$24,21,0),MOD($C2894,24)+1)/SUM(INDEX($D$3:$AA$30,INDEX(Jesper!$R$2:$R$366,ROW(INDEX(Jesper!AI$2:AI$366,ROUNDDOWN($C2894/24,0)+1,1))-1)+IF('Standard Profiles'!$G$19=$B$10,7,0)+IF('Standard Profiles'!$G$19=$B$17,14,0)+IF('Standard Profiles'!$G$19=$B$24,21,0),0)),0)</f>
        <v>0</v>
      </c>
      <c r="F2894" cm="1">
        <f t="array" ref="F2894">IFERROR(INDEX(Jesper!AJ$2:AJ$366,ROUNDDOWN($C2894/24,0)+1,1)*INDEX($D$3:$AA$30,INDEX(Jesper!$R$2:$R$366,ROW(INDEX(Jesper!AJ$2:AJ$366,ROUNDDOWN($C2894/24,0)+1,1))-1)+IF('Standard Profiles'!$G$20=$B$10,7,0)+IF('Standard Profiles'!$G$20=$B$17,14,0)+IF('Standard Profiles'!$G$20=$B$24,21,0),MOD($C2894,24)+1)/SUM(INDEX($D$3:$AA$30,INDEX(Jesper!$R$2:$R$366,ROW(INDEX(Jesper!AJ$2:AJ$366,ROUNDDOWN($C2894/24,0)+1,1))-1)+IF('Standard Profiles'!$G$20=$B$10,7,0)+IF('Standard Profiles'!$G$20=$B$17,14,0)+IF('Standard Profiles'!$G$20=$B$24,21,0),0)),0)</f>
        <v>0</v>
      </c>
      <c r="G2894" cm="1">
        <f t="array" ref="G2894">IFERROR(INDEX(Jesper!AK$2:AK$366,ROUNDDOWN($C2894/24,0)+1,1)*INDEX($D$3:$AA$30,INDEX(Jesper!$R$2:$R$366,ROW(INDEX(Jesper!AK$2:AK$366,ROUNDDOWN($C2894/24,0)+1,1))-1)+IF('Standard Profiles'!$G$21=$B$10,7,0)+IF('Standard Profiles'!$G$21=$B$17,14,0)+IF('Standard Profiles'!$G$21=$B$24,21,0),MOD($C2894,24)+1)/SUM(INDEX($D$3:$AA$30,INDEX(Jesper!$R$2:$R$366,ROW(INDEX(Jesper!AK$2:AK$366,ROUNDDOWN($C2894/24,0)+1,1))-1)+IF('Standard Profiles'!$G$21=$B$10,7,0)+IF('Standard Profiles'!$G$21=$B$17,14,0)+IF('Standard Profiles'!$G$21=$B$24,21,0),0)),0)</f>
        <v>0</v>
      </c>
      <c r="H2894" cm="1">
        <f t="array" ref="H2894">IFERROR(INDEX(Jesper!AL$2:AL$366,ROUNDDOWN($C2894/24,0)+1,1)*INDEX($D$3:$AA$30,INDEX(Jesper!$R$2:$R$366,ROW(INDEX(Jesper!AL$2:AL$366,ROUNDDOWN($C2894/24,0)+1,1))-1)+IF('Standard Profiles'!$G$22=$B$10,7,0)+IF('Standard Profiles'!$G$22=$B$17,14,0)+IF('Standard Profiles'!$G$22=$B$24,21,0),MOD($C2894,24)+1)/SUM(INDEX($D$3:$AA$30,INDEX(Jesper!$R$2:$R$366,ROW(INDEX(Jesper!AL$2:AL$366,ROUNDDOWN($C2894/24,0)+1,1))-1)+IF('Standard Profiles'!$G$22=$B$10,7,0)+IF('Standard Profiles'!$G$22=$B$17,14,0)+IF('Standard Profiles'!$G$22=$B$24,21,0),0)),0)</f>
        <v>0</v>
      </c>
      <c r="I2894">
        <f t="shared" si="328"/>
        <v>7.8279681070216253E-2</v>
      </c>
      <c r="J2894">
        <f t="shared" si="329"/>
        <v>0.26093227023405419</v>
      </c>
      <c r="K2894">
        <f t="shared" si="330"/>
        <v>0.39139840535108128</v>
      </c>
      <c r="L2894">
        <f t="shared" si="331"/>
        <v>1.87871234568519</v>
      </c>
      <c r="M2894">
        <f t="shared" si="332"/>
        <v>0</v>
      </c>
      <c r="N2894" s="46">
        <f t="shared" si="333"/>
        <v>45411.16666665973</v>
      </c>
    </row>
    <row r="2895" spans="2:14" x14ac:dyDescent="0.3">
      <c r="B2895">
        <f t="shared" si="327"/>
        <v>1</v>
      </c>
      <c r="C2895" s="16">
        <v>2861</v>
      </c>
      <c r="D2895" cm="1">
        <f t="array" ref="D2895">IFERROR(INDEX(Jesper!AH$2:AH$366,ROUNDDOWN($C2895/24,0)+1,1)*INDEX($D$3:$AA$30,INDEX(Jesper!$R$2:$R$366,ROW(INDEX(Jesper!AH$2:AH$366,ROUNDDOWN($C2895/24,0)+1,1))-1)+IF('Standard Profiles'!$G$18=$B$10,7,0)+IF('Standard Profiles'!$G$18=$B$17,14,0)+IF('Standard Profiles'!$G$18=$B$24,21,0),MOD($C2895,24)+1)/SUM(INDEX($D$3:$AA$30,INDEX(Jesper!$R$2:$R$366,ROW(INDEX(Jesper!AH$2:AH$366,ROUNDDOWN($C2895/24,0)+1,1))-1)+IF('Standard Profiles'!$G$18=$B$10,7,0)+IF('Standard Profiles'!$G$18=$B$17,14,0)+IF('Standard Profiles'!$G$18=$B$24,21,0),0)),0)</f>
        <v>11.307065043475681</v>
      </c>
      <c r="E2895" cm="1">
        <f t="array" ref="E2895">IFERROR(INDEX(Jesper!AI$2:AI$366,ROUNDDOWN($C2895/24,0)+1,1)*INDEX($D$3:$AA$30,INDEX(Jesper!$R$2:$R$366,ROW(INDEX(Jesper!AI$2:AI$366,ROUNDDOWN($C2895/24,0)+1,1))-1)+IF('Standard Profiles'!$G$19=$B$10,7,0)+IF('Standard Profiles'!$G$19=$B$17,14,0)+IF('Standard Profiles'!$G$19=$B$24,21,0),MOD($C2895,24)+1)/SUM(INDEX($D$3:$AA$30,INDEX(Jesper!$R$2:$R$366,ROW(INDEX(Jesper!AI$2:AI$366,ROUNDDOWN($C2895/24,0)+1,1))-1)+IF('Standard Profiles'!$G$19=$B$10,7,0)+IF('Standard Profiles'!$G$19=$B$17,14,0)+IF('Standard Profiles'!$G$19=$B$24,21,0),0)),0)</f>
        <v>0</v>
      </c>
      <c r="F2895" cm="1">
        <f t="array" ref="F2895">IFERROR(INDEX(Jesper!AJ$2:AJ$366,ROUNDDOWN($C2895/24,0)+1,1)*INDEX($D$3:$AA$30,INDEX(Jesper!$R$2:$R$366,ROW(INDEX(Jesper!AJ$2:AJ$366,ROUNDDOWN($C2895/24,0)+1,1))-1)+IF('Standard Profiles'!$G$20=$B$10,7,0)+IF('Standard Profiles'!$G$20=$B$17,14,0)+IF('Standard Profiles'!$G$20=$B$24,21,0),MOD($C2895,24)+1)/SUM(INDEX($D$3:$AA$30,INDEX(Jesper!$R$2:$R$366,ROW(INDEX(Jesper!AJ$2:AJ$366,ROUNDDOWN($C2895/24,0)+1,1))-1)+IF('Standard Profiles'!$G$20=$B$10,7,0)+IF('Standard Profiles'!$G$20=$B$17,14,0)+IF('Standard Profiles'!$G$20=$B$24,21,0),0)),0)</f>
        <v>0</v>
      </c>
      <c r="G2895" cm="1">
        <f t="array" ref="G2895">IFERROR(INDEX(Jesper!AK$2:AK$366,ROUNDDOWN($C2895/24,0)+1,1)*INDEX($D$3:$AA$30,INDEX(Jesper!$R$2:$R$366,ROW(INDEX(Jesper!AK$2:AK$366,ROUNDDOWN($C2895/24,0)+1,1))-1)+IF('Standard Profiles'!$G$21=$B$10,7,0)+IF('Standard Profiles'!$G$21=$B$17,14,0)+IF('Standard Profiles'!$G$21=$B$24,21,0),MOD($C2895,24)+1)/SUM(INDEX($D$3:$AA$30,INDEX(Jesper!$R$2:$R$366,ROW(INDEX(Jesper!AK$2:AK$366,ROUNDDOWN($C2895/24,0)+1,1))-1)+IF('Standard Profiles'!$G$21=$B$10,7,0)+IF('Standard Profiles'!$G$21=$B$17,14,0)+IF('Standard Profiles'!$G$21=$B$24,21,0),0)),0)</f>
        <v>0</v>
      </c>
      <c r="H2895" cm="1">
        <f t="array" ref="H2895">IFERROR(INDEX(Jesper!AL$2:AL$366,ROUNDDOWN($C2895/24,0)+1,1)*INDEX($D$3:$AA$30,INDEX(Jesper!$R$2:$R$366,ROW(INDEX(Jesper!AL$2:AL$366,ROUNDDOWN($C2895/24,0)+1,1))-1)+IF('Standard Profiles'!$G$22=$B$10,7,0)+IF('Standard Profiles'!$G$22=$B$17,14,0)+IF('Standard Profiles'!$G$22=$B$24,21,0),MOD($C2895,24)+1)/SUM(INDEX($D$3:$AA$30,INDEX(Jesper!$R$2:$R$366,ROW(INDEX(Jesper!AL$2:AL$366,ROUNDDOWN($C2895/24,0)+1,1))-1)+IF('Standard Profiles'!$G$22=$B$10,7,0)+IF('Standard Profiles'!$G$22=$B$17,14,0)+IF('Standard Profiles'!$G$22=$B$24,21,0),0)),0)</f>
        <v>0</v>
      </c>
      <c r="I2895">
        <f t="shared" si="328"/>
        <v>0.33921195130427045</v>
      </c>
      <c r="J2895">
        <f t="shared" si="329"/>
        <v>1.1307065043475681</v>
      </c>
      <c r="K2895">
        <f t="shared" si="330"/>
        <v>1.6960597565213522</v>
      </c>
      <c r="L2895">
        <f t="shared" si="331"/>
        <v>8.1410868313024896</v>
      </c>
      <c r="M2895">
        <f t="shared" si="332"/>
        <v>0</v>
      </c>
      <c r="N2895" s="46">
        <f t="shared" si="333"/>
        <v>45411.208333326394</v>
      </c>
    </row>
    <row r="2896" spans="2:14" x14ac:dyDescent="0.3">
      <c r="B2896">
        <f t="shared" si="327"/>
        <v>1</v>
      </c>
      <c r="C2896" s="16">
        <v>2862</v>
      </c>
      <c r="D2896" cm="1">
        <f t="array" ref="D2896">IFERROR(INDEX(Jesper!AH$2:AH$366,ROUNDDOWN($C2896/24,0)+1,1)*INDEX($D$3:$AA$30,INDEX(Jesper!$R$2:$R$366,ROW(INDEX(Jesper!AH$2:AH$366,ROUNDDOWN($C2896/24,0)+1,1))-1)+IF('Standard Profiles'!$G$18=$B$10,7,0)+IF('Standard Profiles'!$G$18=$B$17,14,0)+IF('Standard Profiles'!$G$18=$B$24,21,0),MOD($C2896,24)+1)/SUM(INDEX($D$3:$AA$30,INDEX(Jesper!$R$2:$R$366,ROW(INDEX(Jesper!AH$2:AH$366,ROUNDDOWN($C2896/24,0)+1,1))-1)+IF('Standard Profiles'!$G$18=$B$10,7,0)+IF('Standard Profiles'!$G$18=$B$17,14,0)+IF('Standard Profiles'!$G$18=$B$24,21,0),0)),0)</f>
        <v>12.829169953174331</v>
      </c>
      <c r="E2896" cm="1">
        <f t="array" ref="E2896">IFERROR(INDEX(Jesper!AI$2:AI$366,ROUNDDOWN($C2896/24,0)+1,1)*INDEX($D$3:$AA$30,INDEX(Jesper!$R$2:$R$366,ROW(INDEX(Jesper!AI$2:AI$366,ROUNDDOWN($C2896/24,0)+1,1))-1)+IF('Standard Profiles'!$G$19=$B$10,7,0)+IF('Standard Profiles'!$G$19=$B$17,14,0)+IF('Standard Profiles'!$G$19=$B$24,21,0),MOD($C2896,24)+1)/SUM(INDEX($D$3:$AA$30,INDEX(Jesper!$R$2:$R$366,ROW(INDEX(Jesper!AI$2:AI$366,ROUNDDOWN($C2896/24,0)+1,1))-1)+IF('Standard Profiles'!$G$19=$B$10,7,0)+IF('Standard Profiles'!$G$19=$B$17,14,0)+IF('Standard Profiles'!$G$19=$B$24,21,0),0)),0)</f>
        <v>0</v>
      </c>
      <c r="F2896" cm="1">
        <f t="array" ref="F2896">IFERROR(INDEX(Jesper!AJ$2:AJ$366,ROUNDDOWN($C2896/24,0)+1,1)*INDEX($D$3:$AA$30,INDEX(Jesper!$R$2:$R$366,ROW(INDEX(Jesper!AJ$2:AJ$366,ROUNDDOWN($C2896/24,0)+1,1))-1)+IF('Standard Profiles'!$G$20=$B$10,7,0)+IF('Standard Profiles'!$G$20=$B$17,14,0)+IF('Standard Profiles'!$G$20=$B$24,21,0),MOD($C2896,24)+1)/SUM(INDEX($D$3:$AA$30,INDEX(Jesper!$R$2:$R$366,ROW(INDEX(Jesper!AJ$2:AJ$366,ROUNDDOWN($C2896/24,0)+1,1))-1)+IF('Standard Profiles'!$G$20=$B$10,7,0)+IF('Standard Profiles'!$G$20=$B$17,14,0)+IF('Standard Profiles'!$G$20=$B$24,21,0),0)),0)</f>
        <v>0</v>
      </c>
      <c r="G2896" cm="1">
        <f t="array" ref="G2896">IFERROR(INDEX(Jesper!AK$2:AK$366,ROUNDDOWN($C2896/24,0)+1,1)*INDEX($D$3:$AA$30,INDEX(Jesper!$R$2:$R$366,ROW(INDEX(Jesper!AK$2:AK$366,ROUNDDOWN($C2896/24,0)+1,1))-1)+IF('Standard Profiles'!$G$21=$B$10,7,0)+IF('Standard Profiles'!$G$21=$B$17,14,0)+IF('Standard Profiles'!$G$21=$B$24,21,0),MOD($C2896,24)+1)/SUM(INDEX($D$3:$AA$30,INDEX(Jesper!$R$2:$R$366,ROW(INDEX(Jesper!AK$2:AK$366,ROUNDDOWN($C2896/24,0)+1,1))-1)+IF('Standard Profiles'!$G$21=$B$10,7,0)+IF('Standard Profiles'!$G$21=$B$17,14,0)+IF('Standard Profiles'!$G$21=$B$24,21,0),0)),0)</f>
        <v>0</v>
      </c>
      <c r="H2896" cm="1">
        <f t="array" ref="H2896">IFERROR(INDEX(Jesper!AL$2:AL$366,ROUNDDOWN($C2896/24,0)+1,1)*INDEX($D$3:$AA$30,INDEX(Jesper!$R$2:$R$366,ROW(INDEX(Jesper!AL$2:AL$366,ROUNDDOWN($C2896/24,0)+1,1))-1)+IF('Standard Profiles'!$G$22=$B$10,7,0)+IF('Standard Profiles'!$G$22=$B$17,14,0)+IF('Standard Profiles'!$G$22=$B$24,21,0),MOD($C2896,24)+1)/SUM(INDEX($D$3:$AA$30,INDEX(Jesper!$R$2:$R$366,ROW(INDEX(Jesper!AL$2:AL$366,ROUNDDOWN($C2896/24,0)+1,1))-1)+IF('Standard Profiles'!$G$22=$B$10,7,0)+IF('Standard Profiles'!$G$22=$B$17,14,0)+IF('Standard Profiles'!$G$22=$B$24,21,0),0)),0)</f>
        <v>0</v>
      </c>
      <c r="I2896">
        <f t="shared" si="328"/>
        <v>0.38487509859522989</v>
      </c>
      <c r="J2896">
        <f t="shared" si="329"/>
        <v>1.2829169953174331</v>
      </c>
      <c r="K2896">
        <f t="shared" si="330"/>
        <v>1.9243754929761496</v>
      </c>
      <c r="L2896">
        <f t="shared" si="331"/>
        <v>9.2370023662855179</v>
      </c>
      <c r="M2896">
        <f t="shared" si="332"/>
        <v>0</v>
      </c>
      <c r="N2896" s="46">
        <f t="shared" si="333"/>
        <v>45411.249999993059</v>
      </c>
    </row>
    <row r="2897" spans="2:14" x14ac:dyDescent="0.3">
      <c r="B2897">
        <f t="shared" si="327"/>
        <v>1</v>
      </c>
      <c r="C2897" s="16">
        <v>2863</v>
      </c>
      <c r="D2897" cm="1">
        <f t="array" ref="D2897">IFERROR(INDEX(Jesper!AH$2:AH$366,ROUNDDOWN($C2897/24,0)+1,1)*INDEX($D$3:$AA$30,INDEX(Jesper!$R$2:$R$366,ROW(INDEX(Jesper!AH$2:AH$366,ROUNDDOWN($C2897/24,0)+1,1))-1)+IF('Standard Profiles'!$G$18=$B$10,7,0)+IF('Standard Profiles'!$G$18=$B$17,14,0)+IF('Standard Profiles'!$G$18=$B$24,21,0),MOD($C2897,24)+1)/SUM(INDEX($D$3:$AA$30,INDEX(Jesper!$R$2:$R$366,ROW(INDEX(Jesper!AH$2:AH$366,ROUNDDOWN($C2897/24,0)+1,1))-1)+IF('Standard Profiles'!$G$18=$B$10,7,0)+IF('Standard Profiles'!$G$18=$B$17,14,0)+IF('Standard Profiles'!$G$18=$B$24,21,0),0)),0)</f>
        <v>12.829169953174331</v>
      </c>
      <c r="E2897" cm="1">
        <f t="array" ref="E2897">IFERROR(INDEX(Jesper!AI$2:AI$366,ROUNDDOWN($C2897/24,0)+1,1)*INDEX($D$3:$AA$30,INDEX(Jesper!$R$2:$R$366,ROW(INDEX(Jesper!AI$2:AI$366,ROUNDDOWN($C2897/24,0)+1,1))-1)+IF('Standard Profiles'!$G$19=$B$10,7,0)+IF('Standard Profiles'!$G$19=$B$17,14,0)+IF('Standard Profiles'!$G$19=$B$24,21,0),MOD($C2897,24)+1)/SUM(INDEX($D$3:$AA$30,INDEX(Jesper!$R$2:$R$366,ROW(INDEX(Jesper!AI$2:AI$366,ROUNDDOWN($C2897/24,0)+1,1))-1)+IF('Standard Profiles'!$G$19=$B$10,7,0)+IF('Standard Profiles'!$G$19=$B$17,14,0)+IF('Standard Profiles'!$G$19=$B$24,21,0),0)),0)</f>
        <v>0</v>
      </c>
      <c r="F2897" cm="1">
        <f t="array" ref="F2897">IFERROR(INDEX(Jesper!AJ$2:AJ$366,ROUNDDOWN($C2897/24,0)+1,1)*INDEX($D$3:$AA$30,INDEX(Jesper!$R$2:$R$366,ROW(INDEX(Jesper!AJ$2:AJ$366,ROUNDDOWN($C2897/24,0)+1,1))-1)+IF('Standard Profiles'!$G$20=$B$10,7,0)+IF('Standard Profiles'!$G$20=$B$17,14,0)+IF('Standard Profiles'!$G$20=$B$24,21,0),MOD($C2897,24)+1)/SUM(INDEX($D$3:$AA$30,INDEX(Jesper!$R$2:$R$366,ROW(INDEX(Jesper!AJ$2:AJ$366,ROUNDDOWN($C2897/24,0)+1,1))-1)+IF('Standard Profiles'!$G$20=$B$10,7,0)+IF('Standard Profiles'!$G$20=$B$17,14,0)+IF('Standard Profiles'!$G$20=$B$24,21,0),0)),0)</f>
        <v>0</v>
      </c>
      <c r="G2897" cm="1">
        <f t="array" ref="G2897">IFERROR(INDEX(Jesper!AK$2:AK$366,ROUNDDOWN($C2897/24,0)+1,1)*INDEX($D$3:$AA$30,INDEX(Jesper!$R$2:$R$366,ROW(INDEX(Jesper!AK$2:AK$366,ROUNDDOWN($C2897/24,0)+1,1))-1)+IF('Standard Profiles'!$G$21=$B$10,7,0)+IF('Standard Profiles'!$G$21=$B$17,14,0)+IF('Standard Profiles'!$G$21=$B$24,21,0),MOD($C2897,24)+1)/SUM(INDEX($D$3:$AA$30,INDEX(Jesper!$R$2:$R$366,ROW(INDEX(Jesper!AK$2:AK$366,ROUNDDOWN($C2897/24,0)+1,1))-1)+IF('Standard Profiles'!$G$21=$B$10,7,0)+IF('Standard Profiles'!$G$21=$B$17,14,0)+IF('Standard Profiles'!$G$21=$B$24,21,0),0)),0)</f>
        <v>0</v>
      </c>
      <c r="H2897" cm="1">
        <f t="array" ref="H2897">IFERROR(INDEX(Jesper!AL$2:AL$366,ROUNDDOWN($C2897/24,0)+1,1)*INDEX($D$3:$AA$30,INDEX(Jesper!$R$2:$R$366,ROW(INDEX(Jesper!AL$2:AL$366,ROUNDDOWN($C2897/24,0)+1,1))-1)+IF('Standard Profiles'!$G$22=$B$10,7,0)+IF('Standard Profiles'!$G$22=$B$17,14,0)+IF('Standard Profiles'!$G$22=$B$24,21,0),MOD($C2897,24)+1)/SUM(INDEX($D$3:$AA$30,INDEX(Jesper!$R$2:$R$366,ROW(INDEX(Jesper!AL$2:AL$366,ROUNDDOWN($C2897/24,0)+1,1))-1)+IF('Standard Profiles'!$G$22=$B$10,7,0)+IF('Standard Profiles'!$G$22=$B$17,14,0)+IF('Standard Profiles'!$G$22=$B$24,21,0),0)),0)</f>
        <v>0</v>
      </c>
      <c r="I2897">
        <f t="shared" si="328"/>
        <v>0.38487509859522989</v>
      </c>
      <c r="J2897">
        <f t="shared" si="329"/>
        <v>1.2829169953174331</v>
      </c>
      <c r="K2897">
        <f t="shared" si="330"/>
        <v>1.9243754929761496</v>
      </c>
      <c r="L2897">
        <f t="shared" si="331"/>
        <v>9.2370023662855179</v>
      </c>
      <c r="M2897">
        <f t="shared" si="332"/>
        <v>0</v>
      </c>
      <c r="N2897" s="46">
        <f t="shared" si="333"/>
        <v>45411.291666659723</v>
      </c>
    </row>
    <row r="2898" spans="2:14" x14ac:dyDescent="0.3">
      <c r="B2898">
        <f t="shared" si="327"/>
        <v>1</v>
      </c>
      <c r="C2898" s="16">
        <v>2864</v>
      </c>
      <c r="D2898" cm="1">
        <f t="array" ref="D2898">IFERROR(INDEX(Jesper!AH$2:AH$366,ROUNDDOWN($C2898/24,0)+1,1)*INDEX($D$3:$AA$30,INDEX(Jesper!$R$2:$R$366,ROW(INDEX(Jesper!AH$2:AH$366,ROUNDDOWN($C2898/24,0)+1,1))-1)+IF('Standard Profiles'!$G$18=$B$10,7,0)+IF('Standard Profiles'!$G$18=$B$17,14,0)+IF('Standard Profiles'!$G$18=$B$24,21,0),MOD($C2898,24)+1)/SUM(INDEX($D$3:$AA$30,INDEX(Jesper!$R$2:$R$366,ROW(INDEX(Jesper!AH$2:AH$366,ROUNDDOWN($C2898/24,0)+1,1))-1)+IF('Standard Profiles'!$G$18=$B$10,7,0)+IF('Standard Profiles'!$G$18=$B$17,14,0)+IF('Standard Profiles'!$G$18=$B$24,21,0),0)),0)</f>
        <v>12.829169953174331</v>
      </c>
      <c r="E2898" cm="1">
        <f t="array" ref="E2898">IFERROR(INDEX(Jesper!AI$2:AI$366,ROUNDDOWN($C2898/24,0)+1,1)*INDEX($D$3:$AA$30,INDEX(Jesper!$R$2:$R$366,ROW(INDEX(Jesper!AI$2:AI$366,ROUNDDOWN($C2898/24,0)+1,1))-1)+IF('Standard Profiles'!$G$19=$B$10,7,0)+IF('Standard Profiles'!$G$19=$B$17,14,0)+IF('Standard Profiles'!$G$19=$B$24,21,0),MOD($C2898,24)+1)/SUM(INDEX($D$3:$AA$30,INDEX(Jesper!$R$2:$R$366,ROW(INDEX(Jesper!AI$2:AI$366,ROUNDDOWN($C2898/24,0)+1,1))-1)+IF('Standard Profiles'!$G$19=$B$10,7,0)+IF('Standard Profiles'!$G$19=$B$17,14,0)+IF('Standard Profiles'!$G$19=$B$24,21,0),0)),0)</f>
        <v>0</v>
      </c>
      <c r="F2898" cm="1">
        <f t="array" ref="F2898">IFERROR(INDEX(Jesper!AJ$2:AJ$366,ROUNDDOWN($C2898/24,0)+1,1)*INDEX($D$3:$AA$30,INDEX(Jesper!$R$2:$R$366,ROW(INDEX(Jesper!AJ$2:AJ$366,ROUNDDOWN($C2898/24,0)+1,1))-1)+IF('Standard Profiles'!$G$20=$B$10,7,0)+IF('Standard Profiles'!$G$20=$B$17,14,0)+IF('Standard Profiles'!$G$20=$B$24,21,0),MOD($C2898,24)+1)/SUM(INDEX($D$3:$AA$30,INDEX(Jesper!$R$2:$R$366,ROW(INDEX(Jesper!AJ$2:AJ$366,ROUNDDOWN($C2898/24,0)+1,1))-1)+IF('Standard Profiles'!$G$20=$B$10,7,0)+IF('Standard Profiles'!$G$20=$B$17,14,0)+IF('Standard Profiles'!$G$20=$B$24,21,0),0)),0)</f>
        <v>0</v>
      </c>
      <c r="G2898" cm="1">
        <f t="array" ref="G2898">IFERROR(INDEX(Jesper!AK$2:AK$366,ROUNDDOWN($C2898/24,0)+1,1)*INDEX($D$3:$AA$30,INDEX(Jesper!$R$2:$R$366,ROW(INDEX(Jesper!AK$2:AK$366,ROUNDDOWN($C2898/24,0)+1,1))-1)+IF('Standard Profiles'!$G$21=$B$10,7,0)+IF('Standard Profiles'!$G$21=$B$17,14,0)+IF('Standard Profiles'!$G$21=$B$24,21,0),MOD($C2898,24)+1)/SUM(INDEX($D$3:$AA$30,INDEX(Jesper!$R$2:$R$366,ROW(INDEX(Jesper!AK$2:AK$366,ROUNDDOWN($C2898/24,0)+1,1))-1)+IF('Standard Profiles'!$G$21=$B$10,7,0)+IF('Standard Profiles'!$G$21=$B$17,14,0)+IF('Standard Profiles'!$G$21=$B$24,21,0),0)),0)</f>
        <v>0</v>
      </c>
      <c r="H2898" cm="1">
        <f t="array" ref="H2898">IFERROR(INDEX(Jesper!AL$2:AL$366,ROUNDDOWN($C2898/24,0)+1,1)*INDEX($D$3:$AA$30,INDEX(Jesper!$R$2:$R$366,ROW(INDEX(Jesper!AL$2:AL$366,ROUNDDOWN($C2898/24,0)+1,1))-1)+IF('Standard Profiles'!$G$22=$B$10,7,0)+IF('Standard Profiles'!$G$22=$B$17,14,0)+IF('Standard Profiles'!$G$22=$B$24,21,0),MOD($C2898,24)+1)/SUM(INDEX($D$3:$AA$30,INDEX(Jesper!$R$2:$R$366,ROW(INDEX(Jesper!AL$2:AL$366,ROUNDDOWN($C2898/24,0)+1,1))-1)+IF('Standard Profiles'!$G$22=$B$10,7,0)+IF('Standard Profiles'!$G$22=$B$17,14,0)+IF('Standard Profiles'!$G$22=$B$24,21,0),0)),0)</f>
        <v>0</v>
      </c>
      <c r="I2898">
        <f t="shared" si="328"/>
        <v>0.38487509859522989</v>
      </c>
      <c r="J2898">
        <f t="shared" si="329"/>
        <v>1.2829169953174331</v>
      </c>
      <c r="K2898">
        <f t="shared" si="330"/>
        <v>1.9243754929761496</v>
      </c>
      <c r="L2898">
        <f t="shared" si="331"/>
        <v>9.2370023662855179</v>
      </c>
      <c r="M2898">
        <f t="shared" si="332"/>
        <v>0</v>
      </c>
      <c r="N2898" s="46">
        <f t="shared" si="333"/>
        <v>45411.333333326387</v>
      </c>
    </row>
    <row r="2899" spans="2:14" x14ac:dyDescent="0.3">
      <c r="B2899">
        <f t="shared" si="327"/>
        <v>1</v>
      </c>
      <c r="C2899" s="16">
        <v>2865</v>
      </c>
      <c r="D2899" cm="1">
        <f t="array" ref="D2899">IFERROR(INDEX(Jesper!AH$2:AH$366,ROUNDDOWN($C2899/24,0)+1,1)*INDEX($D$3:$AA$30,INDEX(Jesper!$R$2:$R$366,ROW(INDEX(Jesper!AH$2:AH$366,ROUNDDOWN($C2899/24,0)+1,1))-1)+IF('Standard Profiles'!$G$18=$B$10,7,0)+IF('Standard Profiles'!$G$18=$B$17,14,0)+IF('Standard Profiles'!$G$18=$B$24,21,0),MOD($C2899,24)+1)/SUM(INDEX($D$3:$AA$30,INDEX(Jesper!$R$2:$R$366,ROW(INDEX(Jesper!AH$2:AH$366,ROUNDDOWN($C2899/24,0)+1,1))-1)+IF('Standard Profiles'!$G$18=$B$10,7,0)+IF('Standard Profiles'!$G$18=$B$17,14,0)+IF('Standard Profiles'!$G$18=$B$24,21,0),0)),0)</f>
        <v>13.698944187287847</v>
      </c>
      <c r="E2899" cm="1">
        <f t="array" ref="E2899">IFERROR(INDEX(Jesper!AI$2:AI$366,ROUNDDOWN($C2899/24,0)+1,1)*INDEX($D$3:$AA$30,INDEX(Jesper!$R$2:$R$366,ROW(INDEX(Jesper!AI$2:AI$366,ROUNDDOWN($C2899/24,0)+1,1))-1)+IF('Standard Profiles'!$G$19=$B$10,7,0)+IF('Standard Profiles'!$G$19=$B$17,14,0)+IF('Standard Profiles'!$G$19=$B$24,21,0),MOD($C2899,24)+1)/SUM(INDEX($D$3:$AA$30,INDEX(Jesper!$R$2:$R$366,ROW(INDEX(Jesper!AI$2:AI$366,ROUNDDOWN($C2899/24,0)+1,1))-1)+IF('Standard Profiles'!$G$19=$B$10,7,0)+IF('Standard Profiles'!$G$19=$B$17,14,0)+IF('Standard Profiles'!$G$19=$B$24,21,0),0)),0)</f>
        <v>0</v>
      </c>
      <c r="F2899" cm="1">
        <f t="array" ref="F2899">IFERROR(INDEX(Jesper!AJ$2:AJ$366,ROUNDDOWN($C2899/24,0)+1,1)*INDEX($D$3:$AA$30,INDEX(Jesper!$R$2:$R$366,ROW(INDEX(Jesper!AJ$2:AJ$366,ROUNDDOWN($C2899/24,0)+1,1))-1)+IF('Standard Profiles'!$G$20=$B$10,7,0)+IF('Standard Profiles'!$G$20=$B$17,14,0)+IF('Standard Profiles'!$G$20=$B$24,21,0),MOD($C2899,24)+1)/SUM(INDEX($D$3:$AA$30,INDEX(Jesper!$R$2:$R$366,ROW(INDEX(Jesper!AJ$2:AJ$366,ROUNDDOWN($C2899/24,0)+1,1))-1)+IF('Standard Profiles'!$G$20=$B$10,7,0)+IF('Standard Profiles'!$G$20=$B$17,14,0)+IF('Standard Profiles'!$G$20=$B$24,21,0),0)),0)</f>
        <v>0</v>
      </c>
      <c r="G2899" cm="1">
        <f t="array" ref="G2899">IFERROR(INDEX(Jesper!AK$2:AK$366,ROUNDDOWN($C2899/24,0)+1,1)*INDEX($D$3:$AA$30,INDEX(Jesper!$R$2:$R$366,ROW(INDEX(Jesper!AK$2:AK$366,ROUNDDOWN($C2899/24,0)+1,1))-1)+IF('Standard Profiles'!$G$21=$B$10,7,0)+IF('Standard Profiles'!$G$21=$B$17,14,0)+IF('Standard Profiles'!$G$21=$B$24,21,0),MOD($C2899,24)+1)/SUM(INDEX($D$3:$AA$30,INDEX(Jesper!$R$2:$R$366,ROW(INDEX(Jesper!AK$2:AK$366,ROUNDDOWN($C2899/24,0)+1,1))-1)+IF('Standard Profiles'!$G$21=$B$10,7,0)+IF('Standard Profiles'!$G$21=$B$17,14,0)+IF('Standard Profiles'!$G$21=$B$24,21,0),0)),0)</f>
        <v>0</v>
      </c>
      <c r="H2899" cm="1">
        <f t="array" ref="H2899">IFERROR(INDEX(Jesper!AL$2:AL$366,ROUNDDOWN($C2899/24,0)+1,1)*INDEX($D$3:$AA$30,INDEX(Jesper!$R$2:$R$366,ROW(INDEX(Jesper!AL$2:AL$366,ROUNDDOWN($C2899/24,0)+1,1))-1)+IF('Standard Profiles'!$G$22=$B$10,7,0)+IF('Standard Profiles'!$G$22=$B$17,14,0)+IF('Standard Profiles'!$G$22=$B$24,21,0),MOD($C2899,24)+1)/SUM(INDEX($D$3:$AA$30,INDEX(Jesper!$R$2:$R$366,ROW(INDEX(Jesper!AL$2:AL$366,ROUNDDOWN($C2899/24,0)+1,1))-1)+IF('Standard Profiles'!$G$22=$B$10,7,0)+IF('Standard Profiles'!$G$22=$B$17,14,0)+IF('Standard Profiles'!$G$22=$B$24,21,0),0)),0)</f>
        <v>0</v>
      </c>
      <c r="I2899">
        <f t="shared" si="328"/>
        <v>0.41096832561863539</v>
      </c>
      <c r="J2899">
        <f t="shared" si="329"/>
        <v>1.3698944187287847</v>
      </c>
      <c r="K2899">
        <f t="shared" si="330"/>
        <v>2.0548416280931767</v>
      </c>
      <c r="L2899">
        <f t="shared" si="331"/>
        <v>9.8632398148472493</v>
      </c>
      <c r="M2899">
        <f t="shared" si="332"/>
        <v>0</v>
      </c>
      <c r="N2899" s="46">
        <f t="shared" si="333"/>
        <v>45411.374999993051</v>
      </c>
    </row>
    <row r="2900" spans="2:14" x14ac:dyDescent="0.3">
      <c r="B2900">
        <f t="shared" si="327"/>
        <v>1</v>
      </c>
      <c r="C2900" s="16">
        <v>2866</v>
      </c>
      <c r="D2900" cm="1">
        <f t="array" ref="D2900">IFERROR(INDEX(Jesper!AH$2:AH$366,ROUNDDOWN($C2900/24,0)+1,1)*INDEX($D$3:$AA$30,INDEX(Jesper!$R$2:$R$366,ROW(INDEX(Jesper!AH$2:AH$366,ROUNDDOWN($C2900/24,0)+1,1))-1)+IF('Standard Profiles'!$G$18=$B$10,7,0)+IF('Standard Profiles'!$G$18=$B$17,14,0)+IF('Standard Profiles'!$G$18=$B$24,21,0),MOD($C2900,24)+1)/SUM(INDEX($D$3:$AA$30,INDEX(Jesper!$R$2:$R$366,ROW(INDEX(Jesper!AH$2:AH$366,ROUNDDOWN($C2900/24,0)+1,1))-1)+IF('Standard Profiles'!$G$18=$B$10,7,0)+IF('Standard Profiles'!$G$18=$B$17,14,0)+IF('Standard Profiles'!$G$18=$B$24,21,0),0)),0)</f>
        <v>13.698944187287847</v>
      </c>
      <c r="E2900" cm="1">
        <f t="array" ref="E2900">IFERROR(INDEX(Jesper!AI$2:AI$366,ROUNDDOWN($C2900/24,0)+1,1)*INDEX($D$3:$AA$30,INDEX(Jesper!$R$2:$R$366,ROW(INDEX(Jesper!AI$2:AI$366,ROUNDDOWN($C2900/24,0)+1,1))-1)+IF('Standard Profiles'!$G$19=$B$10,7,0)+IF('Standard Profiles'!$G$19=$B$17,14,0)+IF('Standard Profiles'!$G$19=$B$24,21,0),MOD($C2900,24)+1)/SUM(INDEX($D$3:$AA$30,INDEX(Jesper!$R$2:$R$366,ROW(INDEX(Jesper!AI$2:AI$366,ROUNDDOWN($C2900/24,0)+1,1))-1)+IF('Standard Profiles'!$G$19=$B$10,7,0)+IF('Standard Profiles'!$G$19=$B$17,14,0)+IF('Standard Profiles'!$G$19=$B$24,21,0),0)),0)</f>
        <v>0</v>
      </c>
      <c r="F2900" cm="1">
        <f t="array" ref="F2900">IFERROR(INDEX(Jesper!AJ$2:AJ$366,ROUNDDOWN($C2900/24,0)+1,1)*INDEX($D$3:$AA$30,INDEX(Jesper!$R$2:$R$366,ROW(INDEX(Jesper!AJ$2:AJ$366,ROUNDDOWN($C2900/24,0)+1,1))-1)+IF('Standard Profiles'!$G$20=$B$10,7,0)+IF('Standard Profiles'!$G$20=$B$17,14,0)+IF('Standard Profiles'!$G$20=$B$24,21,0),MOD($C2900,24)+1)/SUM(INDEX($D$3:$AA$30,INDEX(Jesper!$R$2:$R$366,ROW(INDEX(Jesper!AJ$2:AJ$366,ROUNDDOWN($C2900/24,0)+1,1))-1)+IF('Standard Profiles'!$G$20=$B$10,7,0)+IF('Standard Profiles'!$G$20=$B$17,14,0)+IF('Standard Profiles'!$G$20=$B$24,21,0),0)),0)</f>
        <v>0</v>
      </c>
      <c r="G2900" cm="1">
        <f t="array" ref="G2900">IFERROR(INDEX(Jesper!AK$2:AK$366,ROUNDDOWN($C2900/24,0)+1,1)*INDEX($D$3:$AA$30,INDEX(Jesper!$R$2:$R$366,ROW(INDEX(Jesper!AK$2:AK$366,ROUNDDOWN($C2900/24,0)+1,1))-1)+IF('Standard Profiles'!$G$21=$B$10,7,0)+IF('Standard Profiles'!$G$21=$B$17,14,0)+IF('Standard Profiles'!$G$21=$B$24,21,0),MOD($C2900,24)+1)/SUM(INDEX($D$3:$AA$30,INDEX(Jesper!$R$2:$R$366,ROW(INDEX(Jesper!AK$2:AK$366,ROUNDDOWN($C2900/24,0)+1,1))-1)+IF('Standard Profiles'!$G$21=$B$10,7,0)+IF('Standard Profiles'!$G$21=$B$17,14,0)+IF('Standard Profiles'!$G$21=$B$24,21,0),0)),0)</f>
        <v>0</v>
      </c>
      <c r="H2900" cm="1">
        <f t="array" ref="H2900">IFERROR(INDEX(Jesper!AL$2:AL$366,ROUNDDOWN($C2900/24,0)+1,1)*INDEX($D$3:$AA$30,INDEX(Jesper!$R$2:$R$366,ROW(INDEX(Jesper!AL$2:AL$366,ROUNDDOWN($C2900/24,0)+1,1))-1)+IF('Standard Profiles'!$G$22=$B$10,7,0)+IF('Standard Profiles'!$G$22=$B$17,14,0)+IF('Standard Profiles'!$G$22=$B$24,21,0),MOD($C2900,24)+1)/SUM(INDEX($D$3:$AA$30,INDEX(Jesper!$R$2:$R$366,ROW(INDEX(Jesper!AL$2:AL$366,ROUNDDOWN($C2900/24,0)+1,1))-1)+IF('Standard Profiles'!$G$22=$B$10,7,0)+IF('Standard Profiles'!$G$22=$B$17,14,0)+IF('Standard Profiles'!$G$22=$B$24,21,0),0)),0)</f>
        <v>0</v>
      </c>
      <c r="I2900">
        <f t="shared" si="328"/>
        <v>0.41096832561863539</v>
      </c>
      <c r="J2900">
        <f t="shared" si="329"/>
        <v>1.3698944187287847</v>
      </c>
      <c r="K2900">
        <f t="shared" si="330"/>
        <v>2.0548416280931767</v>
      </c>
      <c r="L2900">
        <f t="shared" si="331"/>
        <v>9.8632398148472493</v>
      </c>
      <c r="M2900">
        <f t="shared" si="332"/>
        <v>0</v>
      </c>
      <c r="N2900" s="46">
        <f t="shared" si="333"/>
        <v>45411.416666659716</v>
      </c>
    </row>
    <row r="2901" spans="2:14" x14ac:dyDescent="0.3">
      <c r="B2901">
        <f t="shared" si="327"/>
        <v>1</v>
      </c>
      <c r="C2901" s="16">
        <v>2867</v>
      </c>
      <c r="D2901" cm="1">
        <f t="array" ref="D2901">IFERROR(INDEX(Jesper!AH$2:AH$366,ROUNDDOWN($C2901/24,0)+1,1)*INDEX($D$3:$AA$30,INDEX(Jesper!$R$2:$R$366,ROW(INDEX(Jesper!AH$2:AH$366,ROUNDDOWN($C2901/24,0)+1,1))-1)+IF('Standard Profiles'!$G$18=$B$10,7,0)+IF('Standard Profiles'!$G$18=$B$17,14,0)+IF('Standard Profiles'!$G$18=$B$24,21,0),MOD($C2901,24)+1)/SUM(INDEX($D$3:$AA$30,INDEX(Jesper!$R$2:$R$366,ROW(INDEX(Jesper!AH$2:AH$366,ROUNDDOWN($C2901/24,0)+1,1))-1)+IF('Standard Profiles'!$G$18=$B$10,7,0)+IF('Standard Profiles'!$G$18=$B$17,14,0)+IF('Standard Profiles'!$G$18=$B$24,21,0),0)),0)</f>
        <v>17.395484682270283</v>
      </c>
      <c r="E2901" cm="1">
        <f t="array" ref="E2901">IFERROR(INDEX(Jesper!AI$2:AI$366,ROUNDDOWN($C2901/24,0)+1,1)*INDEX($D$3:$AA$30,INDEX(Jesper!$R$2:$R$366,ROW(INDEX(Jesper!AI$2:AI$366,ROUNDDOWN($C2901/24,0)+1,1))-1)+IF('Standard Profiles'!$G$19=$B$10,7,0)+IF('Standard Profiles'!$G$19=$B$17,14,0)+IF('Standard Profiles'!$G$19=$B$24,21,0),MOD($C2901,24)+1)/SUM(INDEX($D$3:$AA$30,INDEX(Jesper!$R$2:$R$366,ROW(INDEX(Jesper!AI$2:AI$366,ROUNDDOWN($C2901/24,0)+1,1))-1)+IF('Standard Profiles'!$G$19=$B$10,7,0)+IF('Standard Profiles'!$G$19=$B$17,14,0)+IF('Standard Profiles'!$G$19=$B$24,21,0),0)),0)</f>
        <v>0</v>
      </c>
      <c r="F2901" cm="1">
        <f t="array" ref="F2901">IFERROR(INDEX(Jesper!AJ$2:AJ$366,ROUNDDOWN($C2901/24,0)+1,1)*INDEX($D$3:$AA$30,INDEX(Jesper!$R$2:$R$366,ROW(INDEX(Jesper!AJ$2:AJ$366,ROUNDDOWN($C2901/24,0)+1,1))-1)+IF('Standard Profiles'!$G$20=$B$10,7,0)+IF('Standard Profiles'!$G$20=$B$17,14,0)+IF('Standard Profiles'!$G$20=$B$24,21,0),MOD($C2901,24)+1)/SUM(INDEX($D$3:$AA$30,INDEX(Jesper!$R$2:$R$366,ROW(INDEX(Jesper!AJ$2:AJ$366,ROUNDDOWN($C2901/24,0)+1,1))-1)+IF('Standard Profiles'!$G$20=$B$10,7,0)+IF('Standard Profiles'!$G$20=$B$17,14,0)+IF('Standard Profiles'!$G$20=$B$24,21,0),0)),0)</f>
        <v>0</v>
      </c>
      <c r="G2901" cm="1">
        <f t="array" ref="G2901">IFERROR(INDEX(Jesper!AK$2:AK$366,ROUNDDOWN($C2901/24,0)+1,1)*INDEX($D$3:$AA$30,INDEX(Jesper!$R$2:$R$366,ROW(INDEX(Jesper!AK$2:AK$366,ROUNDDOWN($C2901/24,0)+1,1))-1)+IF('Standard Profiles'!$G$21=$B$10,7,0)+IF('Standard Profiles'!$G$21=$B$17,14,0)+IF('Standard Profiles'!$G$21=$B$24,21,0),MOD($C2901,24)+1)/SUM(INDEX($D$3:$AA$30,INDEX(Jesper!$R$2:$R$366,ROW(INDEX(Jesper!AK$2:AK$366,ROUNDDOWN($C2901/24,0)+1,1))-1)+IF('Standard Profiles'!$G$21=$B$10,7,0)+IF('Standard Profiles'!$G$21=$B$17,14,0)+IF('Standard Profiles'!$G$21=$B$24,21,0),0)),0)</f>
        <v>0</v>
      </c>
      <c r="H2901" cm="1">
        <f t="array" ref="H2901">IFERROR(INDEX(Jesper!AL$2:AL$366,ROUNDDOWN($C2901/24,0)+1,1)*INDEX($D$3:$AA$30,INDEX(Jesper!$R$2:$R$366,ROW(INDEX(Jesper!AL$2:AL$366,ROUNDDOWN($C2901/24,0)+1,1))-1)+IF('Standard Profiles'!$G$22=$B$10,7,0)+IF('Standard Profiles'!$G$22=$B$17,14,0)+IF('Standard Profiles'!$G$22=$B$24,21,0),MOD($C2901,24)+1)/SUM(INDEX($D$3:$AA$30,INDEX(Jesper!$R$2:$R$366,ROW(INDEX(Jesper!AL$2:AL$366,ROUNDDOWN($C2901/24,0)+1,1))-1)+IF('Standard Profiles'!$G$22=$B$10,7,0)+IF('Standard Profiles'!$G$22=$B$17,14,0)+IF('Standard Profiles'!$G$22=$B$24,21,0),0)),0)</f>
        <v>0</v>
      </c>
      <c r="I2901">
        <f t="shared" si="328"/>
        <v>0.52186454046810848</v>
      </c>
      <c r="J2901">
        <f t="shared" si="329"/>
        <v>1.7395484682270284</v>
      </c>
      <c r="K2901">
        <f t="shared" si="330"/>
        <v>2.6093227023405423</v>
      </c>
      <c r="L2901">
        <f t="shared" si="331"/>
        <v>12.524748971234603</v>
      </c>
      <c r="M2901">
        <f t="shared" si="332"/>
        <v>0</v>
      </c>
      <c r="N2901" s="46">
        <f t="shared" si="333"/>
        <v>45411.45833332638</v>
      </c>
    </row>
    <row r="2902" spans="2:14" x14ac:dyDescent="0.3">
      <c r="B2902">
        <f t="shared" si="327"/>
        <v>1</v>
      </c>
      <c r="C2902" s="16">
        <v>2868</v>
      </c>
      <c r="D2902" cm="1">
        <f t="array" ref="D2902">IFERROR(INDEX(Jesper!AH$2:AH$366,ROUNDDOWN($C2902/24,0)+1,1)*INDEX($D$3:$AA$30,INDEX(Jesper!$R$2:$R$366,ROW(INDEX(Jesper!AH$2:AH$366,ROUNDDOWN($C2902/24,0)+1,1))-1)+IF('Standard Profiles'!$G$18=$B$10,7,0)+IF('Standard Profiles'!$G$18=$B$17,14,0)+IF('Standard Profiles'!$G$18=$B$24,21,0),MOD($C2902,24)+1)/SUM(INDEX($D$3:$AA$30,INDEX(Jesper!$R$2:$R$366,ROW(INDEX(Jesper!AH$2:AH$366,ROUNDDOWN($C2902/24,0)+1,1))-1)+IF('Standard Profiles'!$G$18=$B$10,7,0)+IF('Standard Profiles'!$G$18=$B$17,14,0)+IF('Standard Profiles'!$G$18=$B$24,21,0),0)),0)</f>
        <v>17.395484682270283</v>
      </c>
      <c r="E2902" cm="1">
        <f t="array" ref="E2902">IFERROR(INDEX(Jesper!AI$2:AI$366,ROUNDDOWN($C2902/24,0)+1,1)*INDEX($D$3:$AA$30,INDEX(Jesper!$R$2:$R$366,ROW(INDEX(Jesper!AI$2:AI$366,ROUNDDOWN($C2902/24,0)+1,1))-1)+IF('Standard Profiles'!$G$19=$B$10,7,0)+IF('Standard Profiles'!$G$19=$B$17,14,0)+IF('Standard Profiles'!$G$19=$B$24,21,0),MOD($C2902,24)+1)/SUM(INDEX($D$3:$AA$30,INDEX(Jesper!$R$2:$R$366,ROW(INDEX(Jesper!AI$2:AI$366,ROUNDDOWN($C2902/24,0)+1,1))-1)+IF('Standard Profiles'!$G$19=$B$10,7,0)+IF('Standard Profiles'!$G$19=$B$17,14,0)+IF('Standard Profiles'!$G$19=$B$24,21,0),0)),0)</f>
        <v>0</v>
      </c>
      <c r="F2902" cm="1">
        <f t="array" ref="F2902">IFERROR(INDEX(Jesper!AJ$2:AJ$366,ROUNDDOWN($C2902/24,0)+1,1)*INDEX($D$3:$AA$30,INDEX(Jesper!$R$2:$R$366,ROW(INDEX(Jesper!AJ$2:AJ$366,ROUNDDOWN($C2902/24,0)+1,1))-1)+IF('Standard Profiles'!$G$20=$B$10,7,0)+IF('Standard Profiles'!$G$20=$B$17,14,0)+IF('Standard Profiles'!$G$20=$B$24,21,0),MOD($C2902,24)+1)/SUM(INDEX($D$3:$AA$30,INDEX(Jesper!$R$2:$R$366,ROW(INDEX(Jesper!AJ$2:AJ$366,ROUNDDOWN($C2902/24,0)+1,1))-1)+IF('Standard Profiles'!$G$20=$B$10,7,0)+IF('Standard Profiles'!$G$20=$B$17,14,0)+IF('Standard Profiles'!$G$20=$B$24,21,0),0)),0)</f>
        <v>0</v>
      </c>
      <c r="G2902" cm="1">
        <f t="array" ref="G2902">IFERROR(INDEX(Jesper!AK$2:AK$366,ROUNDDOWN($C2902/24,0)+1,1)*INDEX($D$3:$AA$30,INDEX(Jesper!$R$2:$R$366,ROW(INDEX(Jesper!AK$2:AK$366,ROUNDDOWN($C2902/24,0)+1,1))-1)+IF('Standard Profiles'!$G$21=$B$10,7,0)+IF('Standard Profiles'!$G$21=$B$17,14,0)+IF('Standard Profiles'!$G$21=$B$24,21,0),MOD($C2902,24)+1)/SUM(INDEX($D$3:$AA$30,INDEX(Jesper!$R$2:$R$366,ROW(INDEX(Jesper!AK$2:AK$366,ROUNDDOWN($C2902/24,0)+1,1))-1)+IF('Standard Profiles'!$G$21=$B$10,7,0)+IF('Standard Profiles'!$G$21=$B$17,14,0)+IF('Standard Profiles'!$G$21=$B$24,21,0),0)),0)</f>
        <v>0</v>
      </c>
      <c r="H2902" cm="1">
        <f t="array" ref="H2902">IFERROR(INDEX(Jesper!AL$2:AL$366,ROUNDDOWN($C2902/24,0)+1,1)*INDEX($D$3:$AA$30,INDEX(Jesper!$R$2:$R$366,ROW(INDEX(Jesper!AL$2:AL$366,ROUNDDOWN($C2902/24,0)+1,1))-1)+IF('Standard Profiles'!$G$22=$B$10,7,0)+IF('Standard Profiles'!$G$22=$B$17,14,0)+IF('Standard Profiles'!$G$22=$B$24,21,0),MOD($C2902,24)+1)/SUM(INDEX($D$3:$AA$30,INDEX(Jesper!$R$2:$R$366,ROW(INDEX(Jesper!AL$2:AL$366,ROUNDDOWN($C2902/24,0)+1,1))-1)+IF('Standard Profiles'!$G$22=$B$10,7,0)+IF('Standard Profiles'!$G$22=$B$17,14,0)+IF('Standard Profiles'!$G$22=$B$24,21,0),0)),0)</f>
        <v>0</v>
      </c>
      <c r="I2902">
        <f t="shared" si="328"/>
        <v>0.52186454046810848</v>
      </c>
      <c r="J2902">
        <f t="shared" si="329"/>
        <v>1.7395484682270284</v>
      </c>
      <c r="K2902">
        <f t="shared" si="330"/>
        <v>2.6093227023405423</v>
      </c>
      <c r="L2902">
        <f t="shared" si="331"/>
        <v>12.524748971234603</v>
      </c>
      <c r="M2902">
        <f t="shared" si="332"/>
        <v>0</v>
      </c>
      <c r="N2902" s="46">
        <f t="shared" si="333"/>
        <v>45411.499999993044</v>
      </c>
    </row>
    <row r="2903" spans="2:14" x14ac:dyDescent="0.3">
      <c r="B2903">
        <f t="shared" si="327"/>
        <v>1</v>
      </c>
      <c r="C2903" s="16">
        <v>2869</v>
      </c>
      <c r="D2903" cm="1">
        <f t="array" ref="D2903">IFERROR(INDEX(Jesper!AH$2:AH$366,ROUNDDOWN($C2903/24,0)+1,1)*INDEX($D$3:$AA$30,INDEX(Jesper!$R$2:$R$366,ROW(INDEX(Jesper!AH$2:AH$366,ROUNDDOWN($C2903/24,0)+1,1))-1)+IF('Standard Profiles'!$G$18=$B$10,7,0)+IF('Standard Profiles'!$G$18=$B$17,14,0)+IF('Standard Profiles'!$G$18=$B$24,21,0),MOD($C2903,24)+1)/SUM(INDEX($D$3:$AA$30,INDEX(Jesper!$R$2:$R$366,ROW(INDEX(Jesper!AH$2:AH$366,ROUNDDOWN($C2903/24,0)+1,1))-1)+IF('Standard Profiles'!$G$18=$B$10,7,0)+IF('Standard Profiles'!$G$18=$B$17,14,0)+IF('Standard Profiles'!$G$18=$B$24,21,0),0)),0)</f>
        <v>11.524508602004062</v>
      </c>
      <c r="E2903" cm="1">
        <f t="array" ref="E2903">IFERROR(INDEX(Jesper!AI$2:AI$366,ROUNDDOWN($C2903/24,0)+1,1)*INDEX($D$3:$AA$30,INDEX(Jesper!$R$2:$R$366,ROW(INDEX(Jesper!AI$2:AI$366,ROUNDDOWN($C2903/24,0)+1,1))-1)+IF('Standard Profiles'!$G$19=$B$10,7,0)+IF('Standard Profiles'!$G$19=$B$17,14,0)+IF('Standard Profiles'!$G$19=$B$24,21,0),MOD($C2903,24)+1)/SUM(INDEX($D$3:$AA$30,INDEX(Jesper!$R$2:$R$366,ROW(INDEX(Jesper!AI$2:AI$366,ROUNDDOWN($C2903/24,0)+1,1))-1)+IF('Standard Profiles'!$G$19=$B$10,7,0)+IF('Standard Profiles'!$G$19=$B$17,14,0)+IF('Standard Profiles'!$G$19=$B$24,21,0),0)),0)</f>
        <v>0</v>
      </c>
      <c r="F2903" cm="1">
        <f t="array" ref="F2903">IFERROR(INDEX(Jesper!AJ$2:AJ$366,ROUNDDOWN($C2903/24,0)+1,1)*INDEX($D$3:$AA$30,INDEX(Jesper!$R$2:$R$366,ROW(INDEX(Jesper!AJ$2:AJ$366,ROUNDDOWN($C2903/24,0)+1,1))-1)+IF('Standard Profiles'!$G$20=$B$10,7,0)+IF('Standard Profiles'!$G$20=$B$17,14,0)+IF('Standard Profiles'!$G$20=$B$24,21,0),MOD($C2903,24)+1)/SUM(INDEX($D$3:$AA$30,INDEX(Jesper!$R$2:$R$366,ROW(INDEX(Jesper!AJ$2:AJ$366,ROUNDDOWN($C2903/24,0)+1,1))-1)+IF('Standard Profiles'!$G$20=$B$10,7,0)+IF('Standard Profiles'!$G$20=$B$17,14,0)+IF('Standard Profiles'!$G$20=$B$24,21,0),0)),0)</f>
        <v>0</v>
      </c>
      <c r="G2903" cm="1">
        <f t="array" ref="G2903">IFERROR(INDEX(Jesper!AK$2:AK$366,ROUNDDOWN($C2903/24,0)+1,1)*INDEX($D$3:$AA$30,INDEX(Jesper!$R$2:$R$366,ROW(INDEX(Jesper!AK$2:AK$366,ROUNDDOWN($C2903/24,0)+1,1))-1)+IF('Standard Profiles'!$G$21=$B$10,7,0)+IF('Standard Profiles'!$G$21=$B$17,14,0)+IF('Standard Profiles'!$G$21=$B$24,21,0),MOD($C2903,24)+1)/SUM(INDEX($D$3:$AA$30,INDEX(Jesper!$R$2:$R$366,ROW(INDEX(Jesper!AK$2:AK$366,ROUNDDOWN($C2903/24,0)+1,1))-1)+IF('Standard Profiles'!$G$21=$B$10,7,0)+IF('Standard Profiles'!$G$21=$B$17,14,0)+IF('Standard Profiles'!$G$21=$B$24,21,0),0)),0)</f>
        <v>0</v>
      </c>
      <c r="H2903" cm="1">
        <f t="array" ref="H2903">IFERROR(INDEX(Jesper!AL$2:AL$366,ROUNDDOWN($C2903/24,0)+1,1)*INDEX($D$3:$AA$30,INDEX(Jesper!$R$2:$R$366,ROW(INDEX(Jesper!AL$2:AL$366,ROUNDDOWN($C2903/24,0)+1,1))-1)+IF('Standard Profiles'!$G$22=$B$10,7,0)+IF('Standard Profiles'!$G$22=$B$17,14,0)+IF('Standard Profiles'!$G$22=$B$24,21,0),MOD($C2903,24)+1)/SUM(INDEX($D$3:$AA$30,INDEX(Jesper!$R$2:$R$366,ROW(INDEX(Jesper!AL$2:AL$366,ROUNDDOWN($C2903/24,0)+1,1))-1)+IF('Standard Profiles'!$G$22=$B$10,7,0)+IF('Standard Profiles'!$G$22=$B$17,14,0)+IF('Standard Profiles'!$G$22=$B$24,21,0),0)),0)</f>
        <v>0</v>
      </c>
      <c r="I2903">
        <f t="shared" si="328"/>
        <v>0.34573525806012184</v>
      </c>
      <c r="J2903">
        <f t="shared" si="329"/>
        <v>1.1524508602004062</v>
      </c>
      <c r="K2903">
        <f t="shared" si="330"/>
        <v>1.7286762903006092</v>
      </c>
      <c r="L2903">
        <f t="shared" si="331"/>
        <v>8.2976461934429242</v>
      </c>
      <c r="M2903">
        <f t="shared" si="332"/>
        <v>0</v>
      </c>
      <c r="N2903" s="46">
        <f t="shared" si="333"/>
        <v>45411.541666659708</v>
      </c>
    </row>
    <row r="2904" spans="2:14" x14ac:dyDescent="0.3">
      <c r="B2904">
        <f t="shared" si="327"/>
        <v>1</v>
      </c>
      <c r="C2904" s="16">
        <v>2870</v>
      </c>
      <c r="D2904" cm="1">
        <f t="array" ref="D2904">IFERROR(INDEX(Jesper!AH$2:AH$366,ROUNDDOWN($C2904/24,0)+1,1)*INDEX($D$3:$AA$30,INDEX(Jesper!$R$2:$R$366,ROW(INDEX(Jesper!AH$2:AH$366,ROUNDDOWN($C2904/24,0)+1,1))-1)+IF('Standard Profiles'!$G$18=$B$10,7,0)+IF('Standard Profiles'!$G$18=$B$17,14,0)+IF('Standard Profiles'!$G$18=$B$24,21,0),MOD($C2904,24)+1)/SUM(INDEX($D$3:$AA$30,INDEX(Jesper!$R$2:$R$366,ROW(INDEX(Jesper!AH$2:AH$366,ROUNDDOWN($C2904/24,0)+1,1))-1)+IF('Standard Profiles'!$G$18=$B$10,7,0)+IF('Standard Profiles'!$G$18=$B$17,14,0)+IF('Standard Profiles'!$G$18=$B$24,21,0),0)),0)</f>
        <v>17.395484682270283</v>
      </c>
      <c r="E2904" cm="1">
        <f t="array" ref="E2904">IFERROR(INDEX(Jesper!AI$2:AI$366,ROUNDDOWN($C2904/24,0)+1,1)*INDEX($D$3:$AA$30,INDEX(Jesper!$R$2:$R$366,ROW(INDEX(Jesper!AI$2:AI$366,ROUNDDOWN($C2904/24,0)+1,1))-1)+IF('Standard Profiles'!$G$19=$B$10,7,0)+IF('Standard Profiles'!$G$19=$B$17,14,0)+IF('Standard Profiles'!$G$19=$B$24,21,0),MOD($C2904,24)+1)/SUM(INDEX($D$3:$AA$30,INDEX(Jesper!$R$2:$R$366,ROW(INDEX(Jesper!AI$2:AI$366,ROUNDDOWN($C2904/24,0)+1,1))-1)+IF('Standard Profiles'!$G$19=$B$10,7,0)+IF('Standard Profiles'!$G$19=$B$17,14,0)+IF('Standard Profiles'!$G$19=$B$24,21,0),0)),0)</f>
        <v>0</v>
      </c>
      <c r="F2904" cm="1">
        <f t="array" ref="F2904">IFERROR(INDEX(Jesper!AJ$2:AJ$366,ROUNDDOWN($C2904/24,0)+1,1)*INDEX($D$3:$AA$30,INDEX(Jesper!$R$2:$R$366,ROW(INDEX(Jesper!AJ$2:AJ$366,ROUNDDOWN($C2904/24,0)+1,1))-1)+IF('Standard Profiles'!$G$20=$B$10,7,0)+IF('Standard Profiles'!$G$20=$B$17,14,0)+IF('Standard Profiles'!$G$20=$B$24,21,0),MOD($C2904,24)+1)/SUM(INDEX($D$3:$AA$30,INDEX(Jesper!$R$2:$R$366,ROW(INDEX(Jesper!AJ$2:AJ$366,ROUNDDOWN($C2904/24,0)+1,1))-1)+IF('Standard Profiles'!$G$20=$B$10,7,0)+IF('Standard Profiles'!$G$20=$B$17,14,0)+IF('Standard Profiles'!$G$20=$B$24,21,0),0)),0)</f>
        <v>0</v>
      </c>
      <c r="G2904" cm="1">
        <f t="array" ref="G2904">IFERROR(INDEX(Jesper!AK$2:AK$366,ROUNDDOWN($C2904/24,0)+1,1)*INDEX($D$3:$AA$30,INDEX(Jesper!$R$2:$R$366,ROW(INDEX(Jesper!AK$2:AK$366,ROUNDDOWN($C2904/24,0)+1,1))-1)+IF('Standard Profiles'!$G$21=$B$10,7,0)+IF('Standard Profiles'!$G$21=$B$17,14,0)+IF('Standard Profiles'!$G$21=$B$24,21,0),MOD($C2904,24)+1)/SUM(INDEX($D$3:$AA$30,INDEX(Jesper!$R$2:$R$366,ROW(INDEX(Jesper!AK$2:AK$366,ROUNDDOWN($C2904/24,0)+1,1))-1)+IF('Standard Profiles'!$G$21=$B$10,7,0)+IF('Standard Profiles'!$G$21=$B$17,14,0)+IF('Standard Profiles'!$G$21=$B$24,21,0),0)),0)</f>
        <v>0</v>
      </c>
      <c r="H2904" cm="1">
        <f t="array" ref="H2904">IFERROR(INDEX(Jesper!AL$2:AL$366,ROUNDDOWN($C2904/24,0)+1,1)*INDEX($D$3:$AA$30,INDEX(Jesper!$R$2:$R$366,ROW(INDEX(Jesper!AL$2:AL$366,ROUNDDOWN($C2904/24,0)+1,1))-1)+IF('Standard Profiles'!$G$22=$B$10,7,0)+IF('Standard Profiles'!$G$22=$B$17,14,0)+IF('Standard Profiles'!$G$22=$B$24,21,0),MOD($C2904,24)+1)/SUM(INDEX($D$3:$AA$30,INDEX(Jesper!$R$2:$R$366,ROW(INDEX(Jesper!AL$2:AL$366,ROUNDDOWN($C2904/24,0)+1,1))-1)+IF('Standard Profiles'!$G$22=$B$10,7,0)+IF('Standard Profiles'!$G$22=$B$17,14,0)+IF('Standard Profiles'!$G$22=$B$24,21,0),0)),0)</f>
        <v>0</v>
      </c>
      <c r="I2904">
        <f t="shared" si="328"/>
        <v>0.52186454046810848</v>
      </c>
      <c r="J2904">
        <f t="shared" si="329"/>
        <v>1.7395484682270284</v>
      </c>
      <c r="K2904">
        <f t="shared" si="330"/>
        <v>2.6093227023405423</v>
      </c>
      <c r="L2904">
        <f t="shared" si="331"/>
        <v>12.524748971234603</v>
      </c>
      <c r="M2904">
        <f t="shared" si="332"/>
        <v>0</v>
      </c>
      <c r="N2904" s="46">
        <f t="shared" si="333"/>
        <v>45411.583333326373</v>
      </c>
    </row>
    <row r="2905" spans="2:14" x14ac:dyDescent="0.3">
      <c r="B2905">
        <f t="shared" si="327"/>
        <v>1</v>
      </c>
      <c r="C2905" s="16">
        <v>2871</v>
      </c>
      <c r="D2905" cm="1">
        <f t="array" ref="D2905">IFERROR(INDEX(Jesper!AH$2:AH$366,ROUNDDOWN($C2905/24,0)+1,1)*INDEX($D$3:$AA$30,INDEX(Jesper!$R$2:$R$366,ROW(INDEX(Jesper!AH$2:AH$366,ROUNDDOWN($C2905/24,0)+1,1))-1)+IF('Standard Profiles'!$G$18=$B$10,7,0)+IF('Standard Profiles'!$G$18=$B$17,14,0)+IF('Standard Profiles'!$G$18=$B$24,21,0),MOD($C2905,24)+1)/SUM(INDEX($D$3:$AA$30,INDEX(Jesper!$R$2:$R$366,ROW(INDEX(Jesper!AH$2:AH$366,ROUNDDOWN($C2905/24,0)+1,1))-1)+IF('Standard Profiles'!$G$18=$B$10,7,0)+IF('Standard Profiles'!$G$18=$B$17,14,0)+IF('Standard Profiles'!$G$18=$B$24,21,0),0)),0)</f>
        <v>17.395484682270283</v>
      </c>
      <c r="E2905" cm="1">
        <f t="array" ref="E2905">IFERROR(INDEX(Jesper!AI$2:AI$366,ROUNDDOWN($C2905/24,0)+1,1)*INDEX($D$3:$AA$30,INDEX(Jesper!$R$2:$R$366,ROW(INDEX(Jesper!AI$2:AI$366,ROUNDDOWN($C2905/24,0)+1,1))-1)+IF('Standard Profiles'!$G$19=$B$10,7,0)+IF('Standard Profiles'!$G$19=$B$17,14,0)+IF('Standard Profiles'!$G$19=$B$24,21,0),MOD($C2905,24)+1)/SUM(INDEX($D$3:$AA$30,INDEX(Jesper!$R$2:$R$366,ROW(INDEX(Jesper!AI$2:AI$366,ROUNDDOWN($C2905/24,0)+1,1))-1)+IF('Standard Profiles'!$G$19=$B$10,7,0)+IF('Standard Profiles'!$G$19=$B$17,14,0)+IF('Standard Profiles'!$G$19=$B$24,21,0),0)),0)</f>
        <v>0</v>
      </c>
      <c r="F2905" cm="1">
        <f t="array" ref="F2905">IFERROR(INDEX(Jesper!AJ$2:AJ$366,ROUNDDOWN($C2905/24,0)+1,1)*INDEX($D$3:$AA$30,INDEX(Jesper!$R$2:$R$366,ROW(INDEX(Jesper!AJ$2:AJ$366,ROUNDDOWN($C2905/24,0)+1,1))-1)+IF('Standard Profiles'!$G$20=$B$10,7,0)+IF('Standard Profiles'!$G$20=$B$17,14,0)+IF('Standard Profiles'!$G$20=$B$24,21,0),MOD($C2905,24)+1)/SUM(INDEX($D$3:$AA$30,INDEX(Jesper!$R$2:$R$366,ROW(INDEX(Jesper!AJ$2:AJ$366,ROUNDDOWN($C2905/24,0)+1,1))-1)+IF('Standard Profiles'!$G$20=$B$10,7,0)+IF('Standard Profiles'!$G$20=$B$17,14,0)+IF('Standard Profiles'!$G$20=$B$24,21,0),0)),0)</f>
        <v>0</v>
      </c>
      <c r="G2905" cm="1">
        <f t="array" ref="G2905">IFERROR(INDEX(Jesper!AK$2:AK$366,ROUNDDOWN($C2905/24,0)+1,1)*INDEX($D$3:$AA$30,INDEX(Jesper!$R$2:$R$366,ROW(INDEX(Jesper!AK$2:AK$366,ROUNDDOWN($C2905/24,0)+1,1))-1)+IF('Standard Profiles'!$G$21=$B$10,7,0)+IF('Standard Profiles'!$G$21=$B$17,14,0)+IF('Standard Profiles'!$G$21=$B$24,21,0),MOD($C2905,24)+1)/SUM(INDEX($D$3:$AA$30,INDEX(Jesper!$R$2:$R$366,ROW(INDEX(Jesper!AK$2:AK$366,ROUNDDOWN($C2905/24,0)+1,1))-1)+IF('Standard Profiles'!$G$21=$B$10,7,0)+IF('Standard Profiles'!$G$21=$B$17,14,0)+IF('Standard Profiles'!$G$21=$B$24,21,0),0)),0)</f>
        <v>0</v>
      </c>
      <c r="H2905" cm="1">
        <f t="array" ref="H2905">IFERROR(INDEX(Jesper!AL$2:AL$366,ROUNDDOWN($C2905/24,0)+1,1)*INDEX($D$3:$AA$30,INDEX(Jesper!$R$2:$R$366,ROW(INDEX(Jesper!AL$2:AL$366,ROUNDDOWN($C2905/24,0)+1,1))-1)+IF('Standard Profiles'!$G$22=$B$10,7,0)+IF('Standard Profiles'!$G$22=$B$17,14,0)+IF('Standard Profiles'!$G$22=$B$24,21,0),MOD($C2905,24)+1)/SUM(INDEX($D$3:$AA$30,INDEX(Jesper!$R$2:$R$366,ROW(INDEX(Jesper!AL$2:AL$366,ROUNDDOWN($C2905/24,0)+1,1))-1)+IF('Standard Profiles'!$G$22=$B$10,7,0)+IF('Standard Profiles'!$G$22=$B$17,14,0)+IF('Standard Profiles'!$G$22=$B$24,21,0),0)),0)</f>
        <v>0</v>
      </c>
      <c r="I2905">
        <f t="shared" si="328"/>
        <v>0.52186454046810848</v>
      </c>
      <c r="J2905">
        <f t="shared" si="329"/>
        <v>1.7395484682270284</v>
      </c>
      <c r="K2905">
        <f t="shared" si="330"/>
        <v>2.6093227023405423</v>
      </c>
      <c r="L2905">
        <f t="shared" si="331"/>
        <v>12.524748971234603</v>
      </c>
      <c r="M2905">
        <f t="shared" si="332"/>
        <v>0</v>
      </c>
      <c r="N2905" s="46">
        <f t="shared" si="333"/>
        <v>45411.624999993037</v>
      </c>
    </row>
    <row r="2906" spans="2:14" x14ac:dyDescent="0.3">
      <c r="B2906">
        <f t="shared" si="327"/>
        <v>1</v>
      </c>
      <c r="C2906" s="16">
        <v>2872</v>
      </c>
      <c r="D2906" cm="1">
        <f t="array" ref="D2906">IFERROR(INDEX(Jesper!AH$2:AH$366,ROUNDDOWN($C2906/24,0)+1,1)*INDEX($D$3:$AA$30,INDEX(Jesper!$R$2:$R$366,ROW(INDEX(Jesper!AH$2:AH$366,ROUNDDOWN($C2906/24,0)+1,1))-1)+IF('Standard Profiles'!$G$18=$B$10,7,0)+IF('Standard Profiles'!$G$18=$B$17,14,0)+IF('Standard Profiles'!$G$18=$B$24,21,0),MOD($C2906,24)+1)/SUM(INDEX($D$3:$AA$30,INDEX(Jesper!$R$2:$R$366,ROW(INDEX(Jesper!AH$2:AH$366,ROUNDDOWN($C2906/24,0)+1,1))-1)+IF('Standard Profiles'!$G$18=$B$10,7,0)+IF('Standard Profiles'!$G$18=$B$17,14,0)+IF('Standard Profiles'!$G$18=$B$24,21,0),0)),0)</f>
        <v>17.395484682270283</v>
      </c>
      <c r="E2906" cm="1">
        <f t="array" ref="E2906">IFERROR(INDEX(Jesper!AI$2:AI$366,ROUNDDOWN($C2906/24,0)+1,1)*INDEX($D$3:$AA$30,INDEX(Jesper!$R$2:$R$366,ROW(INDEX(Jesper!AI$2:AI$366,ROUNDDOWN($C2906/24,0)+1,1))-1)+IF('Standard Profiles'!$G$19=$B$10,7,0)+IF('Standard Profiles'!$G$19=$B$17,14,0)+IF('Standard Profiles'!$G$19=$B$24,21,0),MOD($C2906,24)+1)/SUM(INDEX($D$3:$AA$30,INDEX(Jesper!$R$2:$R$366,ROW(INDEX(Jesper!AI$2:AI$366,ROUNDDOWN($C2906/24,0)+1,1))-1)+IF('Standard Profiles'!$G$19=$B$10,7,0)+IF('Standard Profiles'!$G$19=$B$17,14,0)+IF('Standard Profiles'!$G$19=$B$24,21,0),0)),0)</f>
        <v>0</v>
      </c>
      <c r="F2906" cm="1">
        <f t="array" ref="F2906">IFERROR(INDEX(Jesper!AJ$2:AJ$366,ROUNDDOWN($C2906/24,0)+1,1)*INDEX($D$3:$AA$30,INDEX(Jesper!$R$2:$R$366,ROW(INDEX(Jesper!AJ$2:AJ$366,ROUNDDOWN($C2906/24,0)+1,1))-1)+IF('Standard Profiles'!$G$20=$B$10,7,0)+IF('Standard Profiles'!$G$20=$B$17,14,0)+IF('Standard Profiles'!$G$20=$B$24,21,0),MOD($C2906,24)+1)/SUM(INDEX($D$3:$AA$30,INDEX(Jesper!$R$2:$R$366,ROW(INDEX(Jesper!AJ$2:AJ$366,ROUNDDOWN($C2906/24,0)+1,1))-1)+IF('Standard Profiles'!$G$20=$B$10,7,0)+IF('Standard Profiles'!$G$20=$B$17,14,0)+IF('Standard Profiles'!$G$20=$B$24,21,0),0)),0)</f>
        <v>0</v>
      </c>
      <c r="G2906" cm="1">
        <f t="array" ref="G2906">IFERROR(INDEX(Jesper!AK$2:AK$366,ROUNDDOWN($C2906/24,0)+1,1)*INDEX($D$3:$AA$30,INDEX(Jesper!$R$2:$R$366,ROW(INDEX(Jesper!AK$2:AK$366,ROUNDDOWN($C2906/24,0)+1,1))-1)+IF('Standard Profiles'!$G$21=$B$10,7,0)+IF('Standard Profiles'!$G$21=$B$17,14,0)+IF('Standard Profiles'!$G$21=$B$24,21,0),MOD($C2906,24)+1)/SUM(INDEX($D$3:$AA$30,INDEX(Jesper!$R$2:$R$366,ROW(INDEX(Jesper!AK$2:AK$366,ROUNDDOWN($C2906/24,0)+1,1))-1)+IF('Standard Profiles'!$G$21=$B$10,7,0)+IF('Standard Profiles'!$G$21=$B$17,14,0)+IF('Standard Profiles'!$G$21=$B$24,21,0),0)),0)</f>
        <v>0</v>
      </c>
      <c r="H2906" cm="1">
        <f t="array" ref="H2906">IFERROR(INDEX(Jesper!AL$2:AL$366,ROUNDDOWN($C2906/24,0)+1,1)*INDEX($D$3:$AA$30,INDEX(Jesper!$R$2:$R$366,ROW(INDEX(Jesper!AL$2:AL$366,ROUNDDOWN($C2906/24,0)+1,1))-1)+IF('Standard Profiles'!$G$22=$B$10,7,0)+IF('Standard Profiles'!$G$22=$B$17,14,0)+IF('Standard Profiles'!$G$22=$B$24,21,0),MOD($C2906,24)+1)/SUM(INDEX($D$3:$AA$30,INDEX(Jesper!$R$2:$R$366,ROW(INDEX(Jesper!AL$2:AL$366,ROUNDDOWN($C2906/24,0)+1,1))-1)+IF('Standard Profiles'!$G$22=$B$10,7,0)+IF('Standard Profiles'!$G$22=$B$17,14,0)+IF('Standard Profiles'!$G$22=$B$24,21,0),0)),0)</f>
        <v>0</v>
      </c>
      <c r="I2906">
        <f t="shared" si="328"/>
        <v>0.52186454046810848</v>
      </c>
      <c r="J2906">
        <f t="shared" si="329"/>
        <v>1.7395484682270284</v>
      </c>
      <c r="K2906">
        <f t="shared" si="330"/>
        <v>2.6093227023405423</v>
      </c>
      <c r="L2906">
        <f t="shared" si="331"/>
        <v>12.524748971234603</v>
      </c>
      <c r="M2906">
        <f t="shared" si="332"/>
        <v>0</v>
      </c>
      <c r="N2906" s="46">
        <f t="shared" si="333"/>
        <v>45411.666666659701</v>
      </c>
    </row>
    <row r="2907" spans="2:14" x14ac:dyDescent="0.3">
      <c r="B2907">
        <f t="shared" si="327"/>
        <v>1</v>
      </c>
      <c r="C2907" s="16">
        <v>2873</v>
      </c>
      <c r="D2907" cm="1">
        <f t="array" ref="D2907">IFERROR(INDEX(Jesper!AH$2:AH$366,ROUNDDOWN($C2907/24,0)+1,1)*INDEX($D$3:$AA$30,INDEX(Jesper!$R$2:$R$366,ROW(INDEX(Jesper!AH$2:AH$366,ROUNDDOWN($C2907/24,0)+1,1))-1)+IF('Standard Profiles'!$G$18=$B$10,7,0)+IF('Standard Profiles'!$G$18=$B$17,14,0)+IF('Standard Profiles'!$G$18=$B$24,21,0),MOD($C2907,24)+1)/SUM(INDEX($D$3:$AA$30,INDEX(Jesper!$R$2:$R$366,ROW(INDEX(Jesper!AH$2:AH$366,ROUNDDOWN($C2907/24,0)+1,1))-1)+IF('Standard Profiles'!$G$18=$B$10,7,0)+IF('Standard Profiles'!$G$18=$B$17,14,0)+IF('Standard Profiles'!$G$18=$B$24,21,0),0)),0)</f>
        <v>17.395484682270283</v>
      </c>
      <c r="E2907" cm="1">
        <f t="array" ref="E2907">IFERROR(INDEX(Jesper!AI$2:AI$366,ROUNDDOWN($C2907/24,0)+1,1)*INDEX($D$3:$AA$30,INDEX(Jesper!$R$2:$R$366,ROW(INDEX(Jesper!AI$2:AI$366,ROUNDDOWN($C2907/24,0)+1,1))-1)+IF('Standard Profiles'!$G$19=$B$10,7,0)+IF('Standard Profiles'!$G$19=$B$17,14,0)+IF('Standard Profiles'!$G$19=$B$24,21,0),MOD($C2907,24)+1)/SUM(INDEX($D$3:$AA$30,INDEX(Jesper!$R$2:$R$366,ROW(INDEX(Jesper!AI$2:AI$366,ROUNDDOWN($C2907/24,0)+1,1))-1)+IF('Standard Profiles'!$G$19=$B$10,7,0)+IF('Standard Profiles'!$G$19=$B$17,14,0)+IF('Standard Profiles'!$G$19=$B$24,21,0),0)),0)</f>
        <v>0</v>
      </c>
      <c r="F2907" cm="1">
        <f t="array" ref="F2907">IFERROR(INDEX(Jesper!AJ$2:AJ$366,ROUNDDOWN($C2907/24,0)+1,1)*INDEX($D$3:$AA$30,INDEX(Jesper!$R$2:$R$366,ROW(INDEX(Jesper!AJ$2:AJ$366,ROUNDDOWN($C2907/24,0)+1,1))-1)+IF('Standard Profiles'!$G$20=$B$10,7,0)+IF('Standard Profiles'!$G$20=$B$17,14,0)+IF('Standard Profiles'!$G$20=$B$24,21,0),MOD($C2907,24)+1)/SUM(INDEX($D$3:$AA$30,INDEX(Jesper!$R$2:$R$366,ROW(INDEX(Jesper!AJ$2:AJ$366,ROUNDDOWN($C2907/24,0)+1,1))-1)+IF('Standard Profiles'!$G$20=$B$10,7,0)+IF('Standard Profiles'!$G$20=$B$17,14,0)+IF('Standard Profiles'!$G$20=$B$24,21,0),0)),0)</f>
        <v>0</v>
      </c>
      <c r="G2907" cm="1">
        <f t="array" ref="G2907">IFERROR(INDEX(Jesper!AK$2:AK$366,ROUNDDOWN($C2907/24,0)+1,1)*INDEX($D$3:$AA$30,INDEX(Jesper!$R$2:$R$366,ROW(INDEX(Jesper!AK$2:AK$366,ROUNDDOWN($C2907/24,0)+1,1))-1)+IF('Standard Profiles'!$G$21=$B$10,7,0)+IF('Standard Profiles'!$G$21=$B$17,14,0)+IF('Standard Profiles'!$G$21=$B$24,21,0),MOD($C2907,24)+1)/SUM(INDEX($D$3:$AA$30,INDEX(Jesper!$R$2:$R$366,ROW(INDEX(Jesper!AK$2:AK$366,ROUNDDOWN($C2907/24,0)+1,1))-1)+IF('Standard Profiles'!$G$21=$B$10,7,0)+IF('Standard Profiles'!$G$21=$B$17,14,0)+IF('Standard Profiles'!$G$21=$B$24,21,0),0)),0)</f>
        <v>0</v>
      </c>
      <c r="H2907" cm="1">
        <f t="array" ref="H2907">IFERROR(INDEX(Jesper!AL$2:AL$366,ROUNDDOWN($C2907/24,0)+1,1)*INDEX($D$3:$AA$30,INDEX(Jesper!$R$2:$R$366,ROW(INDEX(Jesper!AL$2:AL$366,ROUNDDOWN($C2907/24,0)+1,1))-1)+IF('Standard Profiles'!$G$22=$B$10,7,0)+IF('Standard Profiles'!$G$22=$B$17,14,0)+IF('Standard Profiles'!$G$22=$B$24,21,0),MOD($C2907,24)+1)/SUM(INDEX($D$3:$AA$30,INDEX(Jesper!$R$2:$R$366,ROW(INDEX(Jesper!AL$2:AL$366,ROUNDDOWN($C2907/24,0)+1,1))-1)+IF('Standard Profiles'!$G$22=$B$10,7,0)+IF('Standard Profiles'!$G$22=$B$17,14,0)+IF('Standard Profiles'!$G$22=$B$24,21,0),0)),0)</f>
        <v>0</v>
      </c>
      <c r="I2907">
        <f t="shared" si="328"/>
        <v>0.52186454046810848</v>
      </c>
      <c r="J2907">
        <f t="shared" si="329"/>
        <v>1.7395484682270284</v>
      </c>
      <c r="K2907">
        <f t="shared" si="330"/>
        <v>2.6093227023405423</v>
      </c>
      <c r="L2907">
        <f t="shared" si="331"/>
        <v>12.524748971234603</v>
      </c>
      <c r="M2907">
        <f t="shared" si="332"/>
        <v>0</v>
      </c>
      <c r="N2907" s="46">
        <f t="shared" si="333"/>
        <v>45411.708333326365</v>
      </c>
    </row>
    <row r="2908" spans="2:14" x14ac:dyDescent="0.3">
      <c r="B2908">
        <f t="shared" si="327"/>
        <v>1</v>
      </c>
      <c r="C2908" s="16">
        <v>2874</v>
      </c>
      <c r="D2908" cm="1">
        <f t="array" ref="D2908">IFERROR(INDEX(Jesper!AH$2:AH$366,ROUNDDOWN($C2908/24,0)+1,1)*INDEX($D$3:$AA$30,INDEX(Jesper!$R$2:$R$366,ROW(INDEX(Jesper!AH$2:AH$366,ROUNDDOWN($C2908/24,0)+1,1))-1)+IF('Standard Profiles'!$G$18=$B$10,7,0)+IF('Standard Profiles'!$G$18=$B$17,14,0)+IF('Standard Profiles'!$G$18=$B$24,21,0),MOD($C2908,24)+1)/SUM(INDEX($D$3:$AA$30,INDEX(Jesper!$R$2:$R$366,ROW(INDEX(Jesper!AH$2:AH$366,ROUNDDOWN($C2908/24,0)+1,1))-1)+IF('Standard Profiles'!$G$18=$B$10,7,0)+IF('Standard Profiles'!$G$18=$B$17,14,0)+IF('Standard Profiles'!$G$18=$B$24,21,0),0)),0)</f>
        <v>17.395484682270283</v>
      </c>
      <c r="E2908" cm="1">
        <f t="array" ref="E2908">IFERROR(INDEX(Jesper!AI$2:AI$366,ROUNDDOWN($C2908/24,0)+1,1)*INDEX($D$3:$AA$30,INDEX(Jesper!$R$2:$R$366,ROW(INDEX(Jesper!AI$2:AI$366,ROUNDDOWN($C2908/24,0)+1,1))-1)+IF('Standard Profiles'!$G$19=$B$10,7,0)+IF('Standard Profiles'!$G$19=$B$17,14,0)+IF('Standard Profiles'!$G$19=$B$24,21,0),MOD($C2908,24)+1)/SUM(INDEX($D$3:$AA$30,INDEX(Jesper!$R$2:$R$366,ROW(INDEX(Jesper!AI$2:AI$366,ROUNDDOWN($C2908/24,0)+1,1))-1)+IF('Standard Profiles'!$G$19=$B$10,7,0)+IF('Standard Profiles'!$G$19=$B$17,14,0)+IF('Standard Profiles'!$G$19=$B$24,21,0),0)),0)</f>
        <v>0</v>
      </c>
      <c r="F2908" cm="1">
        <f t="array" ref="F2908">IFERROR(INDEX(Jesper!AJ$2:AJ$366,ROUNDDOWN($C2908/24,0)+1,1)*INDEX($D$3:$AA$30,INDEX(Jesper!$R$2:$R$366,ROW(INDEX(Jesper!AJ$2:AJ$366,ROUNDDOWN($C2908/24,0)+1,1))-1)+IF('Standard Profiles'!$G$20=$B$10,7,0)+IF('Standard Profiles'!$G$20=$B$17,14,0)+IF('Standard Profiles'!$G$20=$B$24,21,0),MOD($C2908,24)+1)/SUM(INDEX($D$3:$AA$30,INDEX(Jesper!$R$2:$R$366,ROW(INDEX(Jesper!AJ$2:AJ$366,ROUNDDOWN($C2908/24,0)+1,1))-1)+IF('Standard Profiles'!$G$20=$B$10,7,0)+IF('Standard Profiles'!$G$20=$B$17,14,0)+IF('Standard Profiles'!$G$20=$B$24,21,0),0)),0)</f>
        <v>0</v>
      </c>
      <c r="G2908" cm="1">
        <f t="array" ref="G2908">IFERROR(INDEX(Jesper!AK$2:AK$366,ROUNDDOWN($C2908/24,0)+1,1)*INDEX($D$3:$AA$30,INDEX(Jesper!$R$2:$R$366,ROW(INDEX(Jesper!AK$2:AK$366,ROUNDDOWN($C2908/24,0)+1,1))-1)+IF('Standard Profiles'!$G$21=$B$10,7,0)+IF('Standard Profiles'!$G$21=$B$17,14,0)+IF('Standard Profiles'!$G$21=$B$24,21,0),MOD($C2908,24)+1)/SUM(INDEX($D$3:$AA$30,INDEX(Jesper!$R$2:$R$366,ROW(INDEX(Jesper!AK$2:AK$366,ROUNDDOWN($C2908/24,0)+1,1))-1)+IF('Standard Profiles'!$G$21=$B$10,7,0)+IF('Standard Profiles'!$G$21=$B$17,14,0)+IF('Standard Profiles'!$G$21=$B$24,21,0),0)),0)</f>
        <v>0</v>
      </c>
      <c r="H2908" cm="1">
        <f t="array" ref="H2908">IFERROR(INDEX(Jesper!AL$2:AL$366,ROUNDDOWN($C2908/24,0)+1,1)*INDEX($D$3:$AA$30,INDEX(Jesper!$R$2:$R$366,ROW(INDEX(Jesper!AL$2:AL$366,ROUNDDOWN($C2908/24,0)+1,1))-1)+IF('Standard Profiles'!$G$22=$B$10,7,0)+IF('Standard Profiles'!$G$22=$B$17,14,0)+IF('Standard Profiles'!$G$22=$B$24,21,0),MOD($C2908,24)+1)/SUM(INDEX($D$3:$AA$30,INDEX(Jesper!$R$2:$R$366,ROW(INDEX(Jesper!AL$2:AL$366,ROUNDDOWN($C2908/24,0)+1,1))-1)+IF('Standard Profiles'!$G$22=$B$10,7,0)+IF('Standard Profiles'!$G$22=$B$17,14,0)+IF('Standard Profiles'!$G$22=$B$24,21,0),0)),0)</f>
        <v>0</v>
      </c>
      <c r="I2908">
        <f t="shared" si="328"/>
        <v>0.52186454046810848</v>
      </c>
      <c r="J2908">
        <f t="shared" si="329"/>
        <v>1.7395484682270284</v>
      </c>
      <c r="K2908">
        <f t="shared" si="330"/>
        <v>2.6093227023405423</v>
      </c>
      <c r="L2908">
        <f t="shared" si="331"/>
        <v>12.524748971234603</v>
      </c>
      <c r="M2908">
        <f t="shared" si="332"/>
        <v>0</v>
      </c>
      <c r="N2908" s="46">
        <f t="shared" si="333"/>
        <v>45411.74999999303</v>
      </c>
    </row>
    <row r="2909" spans="2:14" x14ac:dyDescent="0.3">
      <c r="B2909">
        <f t="shared" si="327"/>
        <v>1</v>
      </c>
      <c r="C2909" s="16">
        <v>2875</v>
      </c>
      <c r="D2909" cm="1">
        <f t="array" ref="D2909">IFERROR(INDEX(Jesper!AH$2:AH$366,ROUNDDOWN($C2909/24,0)+1,1)*INDEX($D$3:$AA$30,INDEX(Jesper!$R$2:$R$366,ROW(INDEX(Jesper!AH$2:AH$366,ROUNDDOWN($C2909/24,0)+1,1))-1)+IF('Standard Profiles'!$G$18=$B$10,7,0)+IF('Standard Profiles'!$G$18=$B$17,14,0)+IF('Standard Profiles'!$G$18=$B$24,21,0),MOD($C2909,24)+1)/SUM(INDEX($D$3:$AA$30,INDEX(Jesper!$R$2:$R$366,ROW(INDEX(Jesper!AH$2:AH$366,ROUNDDOWN($C2909/24,0)+1,1))-1)+IF('Standard Profiles'!$G$18=$B$10,7,0)+IF('Standard Profiles'!$G$18=$B$17,14,0)+IF('Standard Profiles'!$G$18=$B$24,21,0),0)),0)</f>
        <v>14.568718421401361</v>
      </c>
      <c r="E2909" cm="1">
        <f t="array" ref="E2909">IFERROR(INDEX(Jesper!AI$2:AI$366,ROUNDDOWN($C2909/24,0)+1,1)*INDEX($D$3:$AA$30,INDEX(Jesper!$R$2:$R$366,ROW(INDEX(Jesper!AI$2:AI$366,ROUNDDOWN($C2909/24,0)+1,1))-1)+IF('Standard Profiles'!$G$19=$B$10,7,0)+IF('Standard Profiles'!$G$19=$B$17,14,0)+IF('Standard Profiles'!$G$19=$B$24,21,0),MOD($C2909,24)+1)/SUM(INDEX($D$3:$AA$30,INDEX(Jesper!$R$2:$R$366,ROW(INDEX(Jesper!AI$2:AI$366,ROUNDDOWN($C2909/24,0)+1,1))-1)+IF('Standard Profiles'!$G$19=$B$10,7,0)+IF('Standard Profiles'!$G$19=$B$17,14,0)+IF('Standard Profiles'!$G$19=$B$24,21,0),0)),0)</f>
        <v>0</v>
      </c>
      <c r="F2909" cm="1">
        <f t="array" ref="F2909">IFERROR(INDEX(Jesper!AJ$2:AJ$366,ROUNDDOWN($C2909/24,0)+1,1)*INDEX($D$3:$AA$30,INDEX(Jesper!$R$2:$R$366,ROW(INDEX(Jesper!AJ$2:AJ$366,ROUNDDOWN($C2909/24,0)+1,1))-1)+IF('Standard Profiles'!$G$20=$B$10,7,0)+IF('Standard Profiles'!$G$20=$B$17,14,0)+IF('Standard Profiles'!$G$20=$B$24,21,0),MOD($C2909,24)+1)/SUM(INDEX($D$3:$AA$30,INDEX(Jesper!$R$2:$R$366,ROW(INDEX(Jesper!AJ$2:AJ$366,ROUNDDOWN($C2909/24,0)+1,1))-1)+IF('Standard Profiles'!$G$20=$B$10,7,0)+IF('Standard Profiles'!$G$20=$B$17,14,0)+IF('Standard Profiles'!$G$20=$B$24,21,0),0)),0)</f>
        <v>0</v>
      </c>
      <c r="G2909" cm="1">
        <f t="array" ref="G2909">IFERROR(INDEX(Jesper!AK$2:AK$366,ROUNDDOWN($C2909/24,0)+1,1)*INDEX($D$3:$AA$30,INDEX(Jesper!$R$2:$R$366,ROW(INDEX(Jesper!AK$2:AK$366,ROUNDDOWN($C2909/24,0)+1,1))-1)+IF('Standard Profiles'!$G$21=$B$10,7,0)+IF('Standard Profiles'!$G$21=$B$17,14,0)+IF('Standard Profiles'!$G$21=$B$24,21,0),MOD($C2909,24)+1)/SUM(INDEX($D$3:$AA$30,INDEX(Jesper!$R$2:$R$366,ROW(INDEX(Jesper!AK$2:AK$366,ROUNDDOWN($C2909/24,0)+1,1))-1)+IF('Standard Profiles'!$G$21=$B$10,7,0)+IF('Standard Profiles'!$G$21=$B$17,14,0)+IF('Standard Profiles'!$G$21=$B$24,21,0),0)),0)</f>
        <v>0</v>
      </c>
      <c r="H2909" cm="1">
        <f t="array" ref="H2909">IFERROR(INDEX(Jesper!AL$2:AL$366,ROUNDDOWN($C2909/24,0)+1,1)*INDEX($D$3:$AA$30,INDEX(Jesper!$R$2:$R$366,ROW(INDEX(Jesper!AL$2:AL$366,ROUNDDOWN($C2909/24,0)+1,1))-1)+IF('Standard Profiles'!$G$22=$B$10,7,0)+IF('Standard Profiles'!$G$22=$B$17,14,0)+IF('Standard Profiles'!$G$22=$B$24,21,0),MOD($C2909,24)+1)/SUM(INDEX($D$3:$AA$30,INDEX(Jesper!$R$2:$R$366,ROW(INDEX(Jesper!AL$2:AL$366,ROUNDDOWN($C2909/24,0)+1,1))-1)+IF('Standard Profiles'!$G$22=$B$10,7,0)+IF('Standard Profiles'!$G$22=$B$17,14,0)+IF('Standard Profiles'!$G$22=$B$24,21,0),0)),0)</f>
        <v>0</v>
      </c>
      <c r="I2909">
        <f t="shared" si="328"/>
        <v>0.43706155264204077</v>
      </c>
      <c r="J2909">
        <f t="shared" si="329"/>
        <v>1.4568718421401361</v>
      </c>
      <c r="K2909">
        <f t="shared" si="330"/>
        <v>2.1853077632102038</v>
      </c>
      <c r="L2909">
        <f t="shared" si="331"/>
        <v>10.489477263408979</v>
      </c>
      <c r="M2909">
        <f t="shared" si="332"/>
        <v>0</v>
      </c>
      <c r="N2909" s="46">
        <f t="shared" si="333"/>
        <v>45411.791666659694</v>
      </c>
    </row>
    <row r="2910" spans="2:14" x14ac:dyDescent="0.3">
      <c r="B2910">
        <f t="shared" si="327"/>
        <v>1</v>
      </c>
      <c r="C2910" s="16">
        <v>2876</v>
      </c>
      <c r="D2910" cm="1">
        <f t="array" ref="D2910">IFERROR(INDEX(Jesper!AH$2:AH$366,ROUNDDOWN($C2910/24,0)+1,1)*INDEX($D$3:$AA$30,INDEX(Jesper!$R$2:$R$366,ROW(INDEX(Jesper!AH$2:AH$366,ROUNDDOWN($C2910/24,0)+1,1))-1)+IF('Standard Profiles'!$G$18=$B$10,7,0)+IF('Standard Profiles'!$G$18=$B$17,14,0)+IF('Standard Profiles'!$G$18=$B$24,21,0),MOD($C2910,24)+1)/SUM(INDEX($D$3:$AA$30,INDEX(Jesper!$R$2:$R$366,ROW(INDEX(Jesper!AH$2:AH$366,ROUNDDOWN($C2910/24,0)+1,1))-1)+IF('Standard Profiles'!$G$18=$B$10,7,0)+IF('Standard Profiles'!$G$18=$B$17,14,0)+IF('Standard Profiles'!$G$18=$B$24,21,0),0)),0)</f>
        <v>11.959395719060819</v>
      </c>
      <c r="E2910" cm="1">
        <f t="array" ref="E2910">IFERROR(INDEX(Jesper!AI$2:AI$366,ROUNDDOWN($C2910/24,0)+1,1)*INDEX($D$3:$AA$30,INDEX(Jesper!$R$2:$R$366,ROW(INDEX(Jesper!AI$2:AI$366,ROUNDDOWN($C2910/24,0)+1,1))-1)+IF('Standard Profiles'!$G$19=$B$10,7,0)+IF('Standard Profiles'!$G$19=$B$17,14,0)+IF('Standard Profiles'!$G$19=$B$24,21,0),MOD($C2910,24)+1)/SUM(INDEX($D$3:$AA$30,INDEX(Jesper!$R$2:$R$366,ROW(INDEX(Jesper!AI$2:AI$366,ROUNDDOWN($C2910/24,0)+1,1))-1)+IF('Standard Profiles'!$G$19=$B$10,7,0)+IF('Standard Profiles'!$G$19=$B$17,14,0)+IF('Standard Profiles'!$G$19=$B$24,21,0),0)),0)</f>
        <v>0</v>
      </c>
      <c r="F2910" cm="1">
        <f t="array" ref="F2910">IFERROR(INDEX(Jesper!AJ$2:AJ$366,ROUNDDOWN($C2910/24,0)+1,1)*INDEX($D$3:$AA$30,INDEX(Jesper!$R$2:$R$366,ROW(INDEX(Jesper!AJ$2:AJ$366,ROUNDDOWN($C2910/24,0)+1,1))-1)+IF('Standard Profiles'!$G$20=$B$10,7,0)+IF('Standard Profiles'!$G$20=$B$17,14,0)+IF('Standard Profiles'!$G$20=$B$24,21,0),MOD($C2910,24)+1)/SUM(INDEX($D$3:$AA$30,INDEX(Jesper!$R$2:$R$366,ROW(INDEX(Jesper!AJ$2:AJ$366,ROUNDDOWN($C2910/24,0)+1,1))-1)+IF('Standard Profiles'!$G$20=$B$10,7,0)+IF('Standard Profiles'!$G$20=$B$17,14,0)+IF('Standard Profiles'!$G$20=$B$24,21,0),0)),0)</f>
        <v>0</v>
      </c>
      <c r="G2910" cm="1">
        <f t="array" ref="G2910">IFERROR(INDEX(Jesper!AK$2:AK$366,ROUNDDOWN($C2910/24,0)+1,1)*INDEX($D$3:$AA$30,INDEX(Jesper!$R$2:$R$366,ROW(INDEX(Jesper!AK$2:AK$366,ROUNDDOWN($C2910/24,0)+1,1))-1)+IF('Standard Profiles'!$G$21=$B$10,7,0)+IF('Standard Profiles'!$G$21=$B$17,14,0)+IF('Standard Profiles'!$G$21=$B$24,21,0),MOD($C2910,24)+1)/SUM(INDEX($D$3:$AA$30,INDEX(Jesper!$R$2:$R$366,ROW(INDEX(Jesper!AK$2:AK$366,ROUNDDOWN($C2910/24,0)+1,1))-1)+IF('Standard Profiles'!$G$21=$B$10,7,0)+IF('Standard Profiles'!$G$21=$B$17,14,0)+IF('Standard Profiles'!$G$21=$B$24,21,0),0)),0)</f>
        <v>0</v>
      </c>
      <c r="H2910" cm="1">
        <f t="array" ref="H2910">IFERROR(INDEX(Jesper!AL$2:AL$366,ROUNDDOWN($C2910/24,0)+1,1)*INDEX($D$3:$AA$30,INDEX(Jesper!$R$2:$R$366,ROW(INDEX(Jesper!AL$2:AL$366,ROUNDDOWN($C2910/24,0)+1,1))-1)+IF('Standard Profiles'!$G$22=$B$10,7,0)+IF('Standard Profiles'!$G$22=$B$17,14,0)+IF('Standard Profiles'!$G$22=$B$24,21,0),MOD($C2910,24)+1)/SUM(INDEX($D$3:$AA$30,INDEX(Jesper!$R$2:$R$366,ROW(INDEX(Jesper!AL$2:AL$366,ROUNDDOWN($C2910/24,0)+1,1))-1)+IF('Standard Profiles'!$G$22=$B$10,7,0)+IF('Standard Profiles'!$G$22=$B$17,14,0)+IF('Standard Profiles'!$G$22=$B$24,21,0),0)),0)</f>
        <v>0</v>
      </c>
      <c r="I2910">
        <f t="shared" si="328"/>
        <v>0.35878187157182456</v>
      </c>
      <c r="J2910">
        <f t="shared" si="329"/>
        <v>1.1959395719060819</v>
      </c>
      <c r="K2910">
        <f t="shared" si="330"/>
        <v>1.7939093578591228</v>
      </c>
      <c r="L2910">
        <f t="shared" si="331"/>
        <v>8.6107649177237899</v>
      </c>
      <c r="M2910">
        <f t="shared" si="332"/>
        <v>0</v>
      </c>
      <c r="N2910" s="46">
        <f t="shared" si="333"/>
        <v>45411.833333326358</v>
      </c>
    </row>
    <row r="2911" spans="2:14" x14ac:dyDescent="0.3">
      <c r="B2911">
        <f t="shared" si="327"/>
        <v>1</v>
      </c>
      <c r="C2911" s="16">
        <v>2877</v>
      </c>
      <c r="D2911" cm="1">
        <f t="array" ref="D2911">IFERROR(INDEX(Jesper!AH$2:AH$366,ROUNDDOWN($C2911/24,0)+1,1)*INDEX($D$3:$AA$30,INDEX(Jesper!$R$2:$R$366,ROW(INDEX(Jesper!AH$2:AH$366,ROUNDDOWN($C2911/24,0)+1,1))-1)+IF('Standard Profiles'!$G$18=$B$10,7,0)+IF('Standard Profiles'!$G$18=$B$17,14,0)+IF('Standard Profiles'!$G$18=$B$24,21,0),MOD($C2911,24)+1)/SUM(INDEX($D$3:$AA$30,INDEX(Jesper!$R$2:$R$366,ROW(INDEX(Jesper!AH$2:AH$366,ROUNDDOWN($C2911/24,0)+1,1))-1)+IF('Standard Profiles'!$G$18=$B$10,7,0)+IF('Standard Profiles'!$G$18=$B$17,14,0)+IF('Standard Profiles'!$G$18=$B$24,21,0),0)),0)</f>
        <v>8.6977423411351413</v>
      </c>
      <c r="E2911" cm="1">
        <f t="array" ref="E2911">IFERROR(INDEX(Jesper!AI$2:AI$366,ROUNDDOWN($C2911/24,0)+1,1)*INDEX($D$3:$AA$30,INDEX(Jesper!$R$2:$R$366,ROW(INDEX(Jesper!AI$2:AI$366,ROUNDDOWN($C2911/24,0)+1,1))-1)+IF('Standard Profiles'!$G$19=$B$10,7,0)+IF('Standard Profiles'!$G$19=$B$17,14,0)+IF('Standard Profiles'!$G$19=$B$24,21,0),MOD($C2911,24)+1)/SUM(INDEX($D$3:$AA$30,INDEX(Jesper!$R$2:$R$366,ROW(INDEX(Jesper!AI$2:AI$366,ROUNDDOWN($C2911/24,0)+1,1))-1)+IF('Standard Profiles'!$G$19=$B$10,7,0)+IF('Standard Profiles'!$G$19=$B$17,14,0)+IF('Standard Profiles'!$G$19=$B$24,21,0),0)),0)</f>
        <v>0</v>
      </c>
      <c r="F2911" cm="1">
        <f t="array" ref="F2911">IFERROR(INDEX(Jesper!AJ$2:AJ$366,ROUNDDOWN($C2911/24,0)+1,1)*INDEX($D$3:$AA$30,INDEX(Jesper!$R$2:$R$366,ROW(INDEX(Jesper!AJ$2:AJ$366,ROUNDDOWN($C2911/24,0)+1,1))-1)+IF('Standard Profiles'!$G$20=$B$10,7,0)+IF('Standard Profiles'!$G$20=$B$17,14,0)+IF('Standard Profiles'!$G$20=$B$24,21,0),MOD($C2911,24)+1)/SUM(INDEX($D$3:$AA$30,INDEX(Jesper!$R$2:$R$366,ROW(INDEX(Jesper!AJ$2:AJ$366,ROUNDDOWN($C2911/24,0)+1,1))-1)+IF('Standard Profiles'!$G$20=$B$10,7,0)+IF('Standard Profiles'!$G$20=$B$17,14,0)+IF('Standard Profiles'!$G$20=$B$24,21,0),0)),0)</f>
        <v>0</v>
      </c>
      <c r="G2911" cm="1">
        <f t="array" ref="G2911">IFERROR(INDEX(Jesper!AK$2:AK$366,ROUNDDOWN($C2911/24,0)+1,1)*INDEX($D$3:$AA$30,INDEX(Jesper!$R$2:$R$366,ROW(INDEX(Jesper!AK$2:AK$366,ROUNDDOWN($C2911/24,0)+1,1))-1)+IF('Standard Profiles'!$G$21=$B$10,7,0)+IF('Standard Profiles'!$G$21=$B$17,14,0)+IF('Standard Profiles'!$G$21=$B$24,21,0),MOD($C2911,24)+1)/SUM(INDEX($D$3:$AA$30,INDEX(Jesper!$R$2:$R$366,ROW(INDEX(Jesper!AK$2:AK$366,ROUNDDOWN($C2911/24,0)+1,1))-1)+IF('Standard Profiles'!$G$21=$B$10,7,0)+IF('Standard Profiles'!$G$21=$B$17,14,0)+IF('Standard Profiles'!$G$21=$B$24,21,0),0)),0)</f>
        <v>0</v>
      </c>
      <c r="H2911" cm="1">
        <f t="array" ref="H2911">IFERROR(INDEX(Jesper!AL$2:AL$366,ROUNDDOWN($C2911/24,0)+1,1)*INDEX($D$3:$AA$30,INDEX(Jesper!$R$2:$R$366,ROW(INDEX(Jesper!AL$2:AL$366,ROUNDDOWN($C2911/24,0)+1,1))-1)+IF('Standard Profiles'!$G$22=$B$10,7,0)+IF('Standard Profiles'!$G$22=$B$17,14,0)+IF('Standard Profiles'!$G$22=$B$24,21,0),MOD($C2911,24)+1)/SUM(INDEX($D$3:$AA$30,INDEX(Jesper!$R$2:$R$366,ROW(INDEX(Jesper!AL$2:AL$366,ROUNDDOWN($C2911/24,0)+1,1))-1)+IF('Standard Profiles'!$G$22=$B$10,7,0)+IF('Standard Profiles'!$G$22=$B$17,14,0)+IF('Standard Profiles'!$G$22=$B$24,21,0),0)),0)</f>
        <v>0</v>
      </c>
      <c r="I2911">
        <f t="shared" si="328"/>
        <v>0.26093227023405424</v>
      </c>
      <c r="J2911">
        <f t="shared" si="329"/>
        <v>0.86977423411351418</v>
      </c>
      <c r="K2911">
        <f t="shared" si="330"/>
        <v>1.3046613511702712</v>
      </c>
      <c r="L2911">
        <f t="shared" si="331"/>
        <v>6.2623744856173014</v>
      </c>
      <c r="M2911">
        <f t="shared" si="332"/>
        <v>0</v>
      </c>
      <c r="N2911" s="46">
        <f t="shared" si="333"/>
        <v>45411.874999993022</v>
      </c>
    </row>
    <row r="2912" spans="2:14" x14ac:dyDescent="0.3">
      <c r="B2912">
        <f t="shared" si="327"/>
        <v>1</v>
      </c>
      <c r="C2912" s="16">
        <v>2878</v>
      </c>
      <c r="D2912" cm="1">
        <f t="array" ref="D2912">IFERROR(INDEX(Jesper!AH$2:AH$366,ROUNDDOWN($C2912/24,0)+1,1)*INDEX($D$3:$AA$30,INDEX(Jesper!$R$2:$R$366,ROW(INDEX(Jesper!AH$2:AH$366,ROUNDDOWN($C2912/24,0)+1,1))-1)+IF('Standard Profiles'!$G$18=$B$10,7,0)+IF('Standard Profiles'!$G$18=$B$17,14,0)+IF('Standard Profiles'!$G$18=$B$24,21,0),MOD($C2912,24)+1)/SUM(INDEX($D$3:$AA$30,INDEX(Jesper!$R$2:$R$366,ROW(INDEX(Jesper!AH$2:AH$366,ROUNDDOWN($C2912/24,0)+1,1))-1)+IF('Standard Profiles'!$G$18=$B$10,7,0)+IF('Standard Profiles'!$G$18=$B$17,14,0)+IF('Standard Profiles'!$G$18=$B$24,21,0),0)),0)</f>
        <v>8.2628552240783826</v>
      </c>
      <c r="E2912" cm="1">
        <f t="array" ref="E2912">IFERROR(INDEX(Jesper!AI$2:AI$366,ROUNDDOWN($C2912/24,0)+1,1)*INDEX($D$3:$AA$30,INDEX(Jesper!$R$2:$R$366,ROW(INDEX(Jesper!AI$2:AI$366,ROUNDDOWN($C2912/24,0)+1,1))-1)+IF('Standard Profiles'!$G$19=$B$10,7,0)+IF('Standard Profiles'!$G$19=$B$17,14,0)+IF('Standard Profiles'!$G$19=$B$24,21,0),MOD($C2912,24)+1)/SUM(INDEX($D$3:$AA$30,INDEX(Jesper!$R$2:$R$366,ROW(INDEX(Jesper!AI$2:AI$366,ROUNDDOWN($C2912/24,0)+1,1))-1)+IF('Standard Profiles'!$G$19=$B$10,7,0)+IF('Standard Profiles'!$G$19=$B$17,14,0)+IF('Standard Profiles'!$G$19=$B$24,21,0),0)),0)</f>
        <v>0</v>
      </c>
      <c r="F2912" cm="1">
        <f t="array" ref="F2912">IFERROR(INDEX(Jesper!AJ$2:AJ$366,ROUNDDOWN($C2912/24,0)+1,1)*INDEX($D$3:$AA$30,INDEX(Jesper!$R$2:$R$366,ROW(INDEX(Jesper!AJ$2:AJ$366,ROUNDDOWN($C2912/24,0)+1,1))-1)+IF('Standard Profiles'!$G$20=$B$10,7,0)+IF('Standard Profiles'!$G$20=$B$17,14,0)+IF('Standard Profiles'!$G$20=$B$24,21,0),MOD($C2912,24)+1)/SUM(INDEX($D$3:$AA$30,INDEX(Jesper!$R$2:$R$366,ROW(INDEX(Jesper!AJ$2:AJ$366,ROUNDDOWN($C2912/24,0)+1,1))-1)+IF('Standard Profiles'!$G$20=$B$10,7,0)+IF('Standard Profiles'!$G$20=$B$17,14,0)+IF('Standard Profiles'!$G$20=$B$24,21,0),0)),0)</f>
        <v>0</v>
      </c>
      <c r="G2912" cm="1">
        <f t="array" ref="G2912">IFERROR(INDEX(Jesper!AK$2:AK$366,ROUNDDOWN($C2912/24,0)+1,1)*INDEX($D$3:$AA$30,INDEX(Jesper!$R$2:$R$366,ROW(INDEX(Jesper!AK$2:AK$366,ROUNDDOWN($C2912/24,0)+1,1))-1)+IF('Standard Profiles'!$G$21=$B$10,7,0)+IF('Standard Profiles'!$G$21=$B$17,14,0)+IF('Standard Profiles'!$G$21=$B$24,21,0),MOD($C2912,24)+1)/SUM(INDEX($D$3:$AA$30,INDEX(Jesper!$R$2:$R$366,ROW(INDEX(Jesper!AK$2:AK$366,ROUNDDOWN($C2912/24,0)+1,1))-1)+IF('Standard Profiles'!$G$21=$B$10,7,0)+IF('Standard Profiles'!$G$21=$B$17,14,0)+IF('Standard Profiles'!$G$21=$B$24,21,0),0)),0)</f>
        <v>0</v>
      </c>
      <c r="H2912" cm="1">
        <f t="array" ref="H2912">IFERROR(INDEX(Jesper!AL$2:AL$366,ROUNDDOWN($C2912/24,0)+1,1)*INDEX($D$3:$AA$30,INDEX(Jesper!$R$2:$R$366,ROW(INDEX(Jesper!AL$2:AL$366,ROUNDDOWN($C2912/24,0)+1,1))-1)+IF('Standard Profiles'!$G$22=$B$10,7,0)+IF('Standard Profiles'!$G$22=$B$17,14,0)+IF('Standard Profiles'!$G$22=$B$24,21,0),MOD($C2912,24)+1)/SUM(INDEX($D$3:$AA$30,INDEX(Jesper!$R$2:$R$366,ROW(INDEX(Jesper!AL$2:AL$366,ROUNDDOWN($C2912/24,0)+1,1))-1)+IF('Standard Profiles'!$G$22=$B$10,7,0)+IF('Standard Profiles'!$G$22=$B$17,14,0)+IF('Standard Profiles'!$G$22=$B$24,21,0),0)),0)</f>
        <v>0</v>
      </c>
      <c r="I2912">
        <f t="shared" si="328"/>
        <v>0.24788565672235147</v>
      </c>
      <c r="J2912">
        <f t="shared" si="329"/>
        <v>0.82628552240783826</v>
      </c>
      <c r="K2912">
        <f t="shared" si="330"/>
        <v>1.2394282836117574</v>
      </c>
      <c r="L2912">
        <f t="shared" si="331"/>
        <v>5.9492557613364356</v>
      </c>
      <c r="M2912">
        <f t="shared" si="332"/>
        <v>0</v>
      </c>
      <c r="N2912" s="46">
        <f t="shared" si="333"/>
        <v>45411.916666659687</v>
      </c>
    </row>
    <row r="2913" spans="2:14" x14ac:dyDescent="0.3">
      <c r="B2913">
        <f t="shared" si="327"/>
        <v>1</v>
      </c>
      <c r="C2913" s="16">
        <v>2879</v>
      </c>
      <c r="D2913" cm="1">
        <f t="array" ref="D2913">IFERROR(INDEX(Jesper!AH$2:AH$366,ROUNDDOWN($C2913/24,0)+1,1)*INDEX($D$3:$AA$30,INDEX(Jesper!$R$2:$R$366,ROW(INDEX(Jesper!AH$2:AH$366,ROUNDDOWN($C2913/24,0)+1,1))-1)+IF('Standard Profiles'!$G$18=$B$10,7,0)+IF('Standard Profiles'!$G$18=$B$17,14,0)+IF('Standard Profiles'!$G$18=$B$24,21,0),MOD($C2913,24)+1)/SUM(INDEX($D$3:$AA$30,INDEX(Jesper!$R$2:$R$366,ROW(INDEX(Jesper!AH$2:AH$366,ROUNDDOWN($C2913/24,0)+1,1))-1)+IF('Standard Profiles'!$G$18=$B$10,7,0)+IF('Standard Profiles'!$G$18=$B$17,14,0)+IF('Standard Profiles'!$G$18=$B$24,21,0),0)),0)</f>
        <v>8.2628552240783826</v>
      </c>
      <c r="E2913" cm="1">
        <f t="array" ref="E2913">IFERROR(INDEX(Jesper!AI$2:AI$366,ROUNDDOWN($C2913/24,0)+1,1)*INDEX($D$3:$AA$30,INDEX(Jesper!$R$2:$R$366,ROW(INDEX(Jesper!AI$2:AI$366,ROUNDDOWN($C2913/24,0)+1,1))-1)+IF('Standard Profiles'!$G$19=$B$10,7,0)+IF('Standard Profiles'!$G$19=$B$17,14,0)+IF('Standard Profiles'!$G$19=$B$24,21,0),MOD($C2913,24)+1)/SUM(INDEX($D$3:$AA$30,INDEX(Jesper!$R$2:$R$366,ROW(INDEX(Jesper!AI$2:AI$366,ROUNDDOWN($C2913/24,0)+1,1))-1)+IF('Standard Profiles'!$G$19=$B$10,7,0)+IF('Standard Profiles'!$G$19=$B$17,14,0)+IF('Standard Profiles'!$G$19=$B$24,21,0),0)),0)</f>
        <v>0</v>
      </c>
      <c r="F2913" cm="1">
        <f t="array" ref="F2913">IFERROR(INDEX(Jesper!AJ$2:AJ$366,ROUNDDOWN($C2913/24,0)+1,1)*INDEX($D$3:$AA$30,INDEX(Jesper!$R$2:$R$366,ROW(INDEX(Jesper!AJ$2:AJ$366,ROUNDDOWN($C2913/24,0)+1,1))-1)+IF('Standard Profiles'!$G$20=$B$10,7,0)+IF('Standard Profiles'!$G$20=$B$17,14,0)+IF('Standard Profiles'!$G$20=$B$24,21,0),MOD($C2913,24)+1)/SUM(INDEX($D$3:$AA$30,INDEX(Jesper!$R$2:$R$366,ROW(INDEX(Jesper!AJ$2:AJ$366,ROUNDDOWN($C2913/24,0)+1,1))-1)+IF('Standard Profiles'!$G$20=$B$10,7,0)+IF('Standard Profiles'!$G$20=$B$17,14,0)+IF('Standard Profiles'!$G$20=$B$24,21,0),0)),0)</f>
        <v>0</v>
      </c>
      <c r="G2913" cm="1">
        <f t="array" ref="G2913">IFERROR(INDEX(Jesper!AK$2:AK$366,ROUNDDOWN($C2913/24,0)+1,1)*INDEX($D$3:$AA$30,INDEX(Jesper!$R$2:$R$366,ROW(INDEX(Jesper!AK$2:AK$366,ROUNDDOWN($C2913/24,0)+1,1))-1)+IF('Standard Profiles'!$G$21=$B$10,7,0)+IF('Standard Profiles'!$G$21=$B$17,14,0)+IF('Standard Profiles'!$G$21=$B$24,21,0),MOD($C2913,24)+1)/SUM(INDEX($D$3:$AA$30,INDEX(Jesper!$R$2:$R$366,ROW(INDEX(Jesper!AK$2:AK$366,ROUNDDOWN($C2913/24,0)+1,1))-1)+IF('Standard Profiles'!$G$21=$B$10,7,0)+IF('Standard Profiles'!$G$21=$B$17,14,0)+IF('Standard Profiles'!$G$21=$B$24,21,0),0)),0)</f>
        <v>0</v>
      </c>
      <c r="H2913" cm="1">
        <f t="array" ref="H2913">IFERROR(INDEX(Jesper!AL$2:AL$366,ROUNDDOWN($C2913/24,0)+1,1)*INDEX($D$3:$AA$30,INDEX(Jesper!$R$2:$R$366,ROW(INDEX(Jesper!AL$2:AL$366,ROUNDDOWN($C2913/24,0)+1,1))-1)+IF('Standard Profiles'!$G$22=$B$10,7,0)+IF('Standard Profiles'!$G$22=$B$17,14,0)+IF('Standard Profiles'!$G$22=$B$24,21,0),MOD($C2913,24)+1)/SUM(INDEX($D$3:$AA$30,INDEX(Jesper!$R$2:$R$366,ROW(INDEX(Jesper!AL$2:AL$366,ROUNDDOWN($C2913/24,0)+1,1))-1)+IF('Standard Profiles'!$G$22=$B$10,7,0)+IF('Standard Profiles'!$G$22=$B$17,14,0)+IF('Standard Profiles'!$G$22=$B$24,21,0),0)),0)</f>
        <v>0</v>
      </c>
      <c r="I2913">
        <f t="shared" si="328"/>
        <v>0.24788565672235147</v>
      </c>
      <c r="J2913">
        <f t="shared" si="329"/>
        <v>0.82628552240783826</v>
      </c>
      <c r="K2913">
        <f t="shared" si="330"/>
        <v>1.2394282836117574</v>
      </c>
      <c r="L2913">
        <f t="shared" si="331"/>
        <v>5.9492557613364356</v>
      </c>
      <c r="M2913">
        <f t="shared" si="332"/>
        <v>0</v>
      </c>
      <c r="N2913" s="46">
        <f t="shared" si="333"/>
        <v>45411.958333326351</v>
      </c>
    </row>
    <row r="2914" spans="2:14" x14ac:dyDescent="0.3">
      <c r="B2914">
        <f t="shared" si="327"/>
        <v>2</v>
      </c>
      <c r="C2914" s="16">
        <v>2880</v>
      </c>
      <c r="D2914" cm="1">
        <f t="array" ref="D2914">IFERROR(INDEX(Jesper!AH$2:AH$366,ROUNDDOWN($C2914/24,0)+1,1)*INDEX($D$3:$AA$30,INDEX(Jesper!$R$2:$R$366,ROW(INDEX(Jesper!AH$2:AH$366,ROUNDDOWN($C2914/24,0)+1,1))-1)+IF('Standard Profiles'!$G$18=$B$10,7,0)+IF('Standard Profiles'!$G$18=$B$17,14,0)+IF('Standard Profiles'!$G$18=$B$24,21,0),MOD($C2914,24)+1)/SUM(INDEX($D$3:$AA$30,INDEX(Jesper!$R$2:$R$366,ROW(INDEX(Jesper!AH$2:AH$366,ROUNDDOWN($C2914/24,0)+1,1))-1)+IF('Standard Profiles'!$G$18=$B$10,7,0)+IF('Standard Profiles'!$G$18=$B$17,14,0)+IF('Standard Profiles'!$G$18=$B$24,21,0),0)),0)</f>
        <v>7.5221366285779041</v>
      </c>
      <c r="E2914" cm="1">
        <f t="array" ref="E2914">IFERROR(INDEX(Jesper!AI$2:AI$366,ROUNDDOWN($C2914/24,0)+1,1)*INDEX($D$3:$AA$30,INDEX(Jesper!$R$2:$R$366,ROW(INDEX(Jesper!AI$2:AI$366,ROUNDDOWN($C2914/24,0)+1,1))-1)+IF('Standard Profiles'!$G$19=$B$10,7,0)+IF('Standard Profiles'!$G$19=$B$17,14,0)+IF('Standard Profiles'!$G$19=$B$24,21,0),MOD($C2914,24)+1)/SUM(INDEX($D$3:$AA$30,INDEX(Jesper!$R$2:$R$366,ROW(INDEX(Jesper!AI$2:AI$366,ROUNDDOWN($C2914/24,0)+1,1))-1)+IF('Standard Profiles'!$G$19=$B$10,7,0)+IF('Standard Profiles'!$G$19=$B$17,14,0)+IF('Standard Profiles'!$G$19=$B$24,21,0),0)),0)</f>
        <v>0</v>
      </c>
      <c r="F2914" cm="1">
        <f t="array" ref="F2914">IFERROR(INDEX(Jesper!AJ$2:AJ$366,ROUNDDOWN($C2914/24,0)+1,1)*INDEX($D$3:$AA$30,INDEX(Jesper!$R$2:$R$366,ROW(INDEX(Jesper!AJ$2:AJ$366,ROUNDDOWN($C2914/24,0)+1,1))-1)+IF('Standard Profiles'!$G$20=$B$10,7,0)+IF('Standard Profiles'!$G$20=$B$17,14,0)+IF('Standard Profiles'!$G$20=$B$24,21,0),MOD($C2914,24)+1)/SUM(INDEX($D$3:$AA$30,INDEX(Jesper!$R$2:$R$366,ROW(INDEX(Jesper!AJ$2:AJ$366,ROUNDDOWN($C2914/24,0)+1,1))-1)+IF('Standard Profiles'!$G$20=$B$10,7,0)+IF('Standard Profiles'!$G$20=$B$17,14,0)+IF('Standard Profiles'!$G$20=$B$24,21,0),0)),0)</f>
        <v>0</v>
      </c>
      <c r="G2914" cm="1">
        <f t="array" ref="G2914">IFERROR(INDEX(Jesper!AK$2:AK$366,ROUNDDOWN($C2914/24,0)+1,1)*INDEX($D$3:$AA$30,INDEX(Jesper!$R$2:$R$366,ROW(INDEX(Jesper!AK$2:AK$366,ROUNDDOWN($C2914/24,0)+1,1))-1)+IF('Standard Profiles'!$G$21=$B$10,7,0)+IF('Standard Profiles'!$G$21=$B$17,14,0)+IF('Standard Profiles'!$G$21=$B$24,21,0),MOD($C2914,24)+1)/SUM(INDEX($D$3:$AA$30,INDEX(Jesper!$R$2:$R$366,ROW(INDEX(Jesper!AK$2:AK$366,ROUNDDOWN($C2914/24,0)+1,1))-1)+IF('Standard Profiles'!$G$21=$B$10,7,0)+IF('Standard Profiles'!$G$21=$B$17,14,0)+IF('Standard Profiles'!$G$21=$B$24,21,0),0)),0)</f>
        <v>0</v>
      </c>
      <c r="H2914" cm="1">
        <f t="array" ref="H2914">IFERROR(INDEX(Jesper!AL$2:AL$366,ROUNDDOWN($C2914/24,0)+1,1)*INDEX($D$3:$AA$30,INDEX(Jesper!$R$2:$R$366,ROW(INDEX(Jesper!AL$2:AL$366,ROUNDDOWN($C2914/24,0)+1,1))-1)+IF('Standard Profiles'!$G$22=$B$10,7,0)+IF('Standard Profiles'!$G$22=$B$17,14,0)+IF('Standard Profiles'!$G$22=$B$24,21,0),MOD($C2914,24)+1)/SUM(INDEX($D$3:$AA$30,INDEX(Jesper!$R$2:$R$366,ROW(INDEX(Jesper!AL$2:AL$366,ROUNDDOWN($C2914/24,0)+1,1))-1)+IF('Standard Profiles'!$G$22=$B$10,7,0)+IF('Standard Profiles'!$G$22=$B$17,14,0)+IF('Standard Profiles'!$G$22=$B$24,21,0),0)),0)</f>
        <v>0</v>
      </c>
      <c r="I2914">
        <f t="shared" si="328"/>
        <v>0.22566409885733713</v>
      </c>
      <c r="J2914">
        <f t="shared" si="329"/>
        <v>0.75221366285779045</v>
      </c>
      <c r="K2914">
        <f t="shared" si="330"/>
        <v>1.1283204942866856</v>
      </c>
      <c r="L2914">
        <f t="shared" si="331"/>
        <v>5.4159383725760906</v>
      </c>
      <c r="M2914">
        <f t="shared" si="332"/>
        <v>0</v>
      </c>
      <c r="N2914" s="46">
        <f t="shared" si="333"/>
        <v>45411.999999993015</v>
      </c>
    </row>
    <row r="2915" spans="2:14" x14ac:dyDescent="0.3">
      <c r="B2915">
        <f t="shared" ref="B2915:B2978" si="334">WEEKDAY(N2915,2)</f>
        <v>2</v>
      </c>
      <c r="C2915" s="16">
        <v>2881</v>
      </c>
      <c r="D2915" cm="1">
        <f t="array" ref="D2915">IFERROR(INDEX(Jesper!AH$2:AH$366,ROUNDDOWN($C2915/24,0)+1,1)*INDEX($D$3:$AA$30,INDEX(Jesper!$R$2:$R$366,ROW(INDEX(Jesper!AH$2:AH$366,ROUNDDOWN($C2915/24,0)+1,1))-1)+IF('Standard Profiles'!$G$18=$B$10,7,0)+IF('Standard Profiles'!$G$18=$B$17,14,0)+IF('Standard Profiles'!$G$18=$B$24,21,0),MOD($C2915,24)+1)/SUM(INDEX($D$3:$AA$30,INDEX(Jesper!$R$2:$R$366,ROW(INDEX(Jesper!AH$2:AH$366,ROUNDDOWN($C2915/24,0)+1,1))-1)+IF('Standard Profiles'!$G$18=$B$10,7,0)+IF('Standard Profiles'!$G$18=$B$17,14,0)+IF('Standard Profiles'!$G$18=$B$24,21,0),0)),0)</f>
        <v>7.5221366285779041</v>
      </c>
      <c r="E2915" cm="1">
        <f t="array" ref="E2915">IFERROR(INDEX(Jesper!AI$2:AI$366,ROUNDDOWN($C2915/24,0)+1,1)*INDEX($D$3:$AA$30,INDEX(Jesper!$R$2:$R$366,ROW(INDEX(Jesper!AI$2:AI$366,ROUNDDOWN($C2915/24,0)+1,1))-1)+IF('Standard Profiles'!$G$19=$B$10,7,0)+IF('Standard Profiles'!$G$19=$B$17,14,0)+IF('Standard Profiles'!$G$19=$B$24,21,0),MOD($C2915,24)+1)/SUM(INDEX($D$3:$AA$30,INDEX(Jesper!$R$2:$R$366,ROW(INDEX(Jesper!AI$2:AI$366,ROUNDDOWN($C2915/24,0)+1,1))-1)+IF('Standard Profiles'!$G$19=$B$10,7,0)+IF('Standard Profiles'!$G$19=$B$17,14,0)+IF('Standard Profiles'!$G$19=$B$24,21,0),0)),0)</f>
        <v>0</v>
      </c>
      <c r="F2915" cm="1">
        <f t="array" ref="F2915">IFERROR(INDEX(Jesper!AJ$2:AJ$366,ROUNDDOWN($C2915/24,0)+1,1)*INDEX($D$3:$AA$30,INDEX(Jesper!$R$2:$R$366,ROW(INDEX(Jesper!AJ$2:AJ$366,ROUNDDOWN($C2915/24,0)+1,1))-1)+IF('Standard Profiles'!$G$20=$B$10,7,0)+IF('Standard Profiles'!$G$20=$B$17,14,0)+IF('Standard Profiles'!$G$20=$B$24,21,0),MOD($C2915,24)+1)/SUM(INDEX($D$3:$AA$30,INDEX(Jesper!$R$2:$R$366,ROW(INDEX(Jesper!AJ$2:AJ$366,ROUNDDOWN($C2915/24,0)+1,1))-1)+IF('Standard Profiles'!$G$20=$B$10,7,0)+IF('Standard Profiles'!$G$20=$B$17,14,0)+IF('Standard Profiles'!$G$20=$B$24,21,0),0)),0)</f>
        <v>0</v>
      </c>
      <c r="G2915" cm="1">
        <f t="array" ref="G2915">IFERROR(INDEX(Jesper!AK$2:AK$366,ROUNDDOWN($C2915/24,0)+1,1)*INDEX($D$3:$AA$30,INDEX(Jesper!$R$2:$R$366,ROW(INDEX(Jesper!AK$2:AK$366,ROUNDDOWN($C2915/24,0)+1,1))-1)+IF('Standard Profiles'!$G$21=$B$10,7,0)+IF('Standard Profiles'!$G$21=$B$17,14,0)+IF('Standard Profiles'!$G$21=$B$24,21,0),MOD($C2915,24)+1)/SUM(INDEX($D$3:$AA$30,INDEX(Jesper!$R$2:$R$366,ROW(INDEX(Jesper!AK$2:AK$366,ROUNDDOWN($C2915/24,0)+1,1))-1)+IF('Standard Profiles'!$G$21=$B$10,7,0)+IF('Standard Profiles'!$G$21=$B$17,14,0)+IF('Standard Profiles'!$G$21=$B$24,21,0),0)),0)</f>
        <v>0</v>
      </c>
      <c r="H2915" cm="1">
        <f t="array" ref="H2915">IFERROR(INDEX(Jesper!AL$2:AL$366,ROUNDDOWN($C2915/24,0)+1,1)*INDEX($D$3:$AA$30,INDEX(Jesper!$R$2:$R$366,ROW(INDEX(Jesper!AL$2:AL$366,ROUNDDOWN($C2915/24,0)+1,1))-1)+IF('Standard Profiles'!$G$22=$B$10,7,0)+IF('Standard Profiles'!$G$22=$B$17,14,0)+IF('Standard Profiles'!$G$22=$B$24,21,0),MOD($C2915,24)+1)/SUM(INDEX($D$3:$AA$30,INDEX(Jesper!$R$2:$R$366,ROW(INDEX(Jesper!AL$2:AL$366,ROUNDDOWN($C2915/24,0)+1,1))-1)+IF('Standard Profiles'!$G$22=$B$10,7,0)+IF('Standard Profiles'!$G$22=$B$17,14,0)+IF('Standard Profiles'!$G$22=$B$24,21,0),0)),0)</f>
        <v>0</v>
      </c>
      <c r="I2915">
        <f t="shared" ref="I2915:I2978" si="335">IF($B2915&lt;6,AC$37*$D2915+AC$38*$E2915+AC$39*$F2915+AC$40*$G2915,AC$46*$D2915+AC$47*$E2915+AC$48*$F2915+AC$49*$G2915+AC$50*$H2915)</f>
        <v>0.22566409885733713</v>
      </c>
      <c r="J2915">
        <f t="shared" ref="J2915:J2978" si="336">IF($B2915&lt;6,AD$37*$D2915+AD$38*$E2915+AD$39*$F2915+AD$40*$G2915,AD$46*$D2915+AD$47*$E2915+AD$48*$F2915+AD$49*$G2915+AD$50*$H2915)</f>
        <v>0.75221366285779045</v>
      </c>
      <c r="K2915">
        <f t="shared" ref="K2915:K2978" si="337">IF($B2915&lt;6,AE$37*$D2915+AE$38*$E2915+AE$39*$F2915+AE$40*$G2915,AE$46*$D2915+AE$47*$E2915+AE$48*$F2915+AE$49*$G2915+AE$50*$H2915)</f>
        <v>1.1283204942866856</v>
      </c>
      <c r="L2915">
        <f t="shared" ref="L2915:L2978" si="338">IF($B2915&lt;6,AF$37*$D2915+AF$38*$E2915+AF$39*$F2915+AF$40*$G2915,AF$46*$D2915+AF$47*$E2915+AF$48*$F2915+AF$49*$G2915+AF$50*$H2915)</f>
        <v>5.4159383725760906</v>
      </c>
      <c r="M2915">
        <f t="shared" ref="M2915:M2978" si="339">IF($B2915&lt;6,AG$37*$D2915+AG$38*$E2915+AG$39*$F2915+AG$40*$G2915,AG$46*$D2915+AG$47*$E2915+AG$48*$F2915+AG$49*$G2915+AG$50*$H2915)</f>
        <v>0</v>
      </c>
      <c r="N2915" s="46">
        <f t="shared" si="333"/>
        <v>45412.041666659679</v>
      </c>
    </row>
    <row r="2916" spans="2:14" x14ac:dyDescent="0.3">
      <c r="B2916">
        <f t="shared" si="334"/>
        <v>2</v>
      </c>
      <c r="C2916" s="16">
        <v>2882</v>
      </c>
      <c r="D2916" cm="1">
        <f t="array" ref="D2916">IFERROR(INDEX(Jesper!AH$2:AH$366,ROUNDDOWN($C2916/24,0)+1,1)*INDEX($D$3:$AA$30,INDEX(Jesper!$R$2:$R$366,ROW(INDEX(Jesper!AH$2:AH$366,ROUNDDOWN($C2916/24,0)+1,1))-1)+IF('Standard Profiles'!$G$18=$B$10,7,0)+IF('Standard Profiles'!$G$18=$B$17,14,0)+IF('Standard Profiles'!$G$18=$B$24,21,0),MOD($C2916,24)+1)/SUM(INDEX($D$3:$AA$30,INDEX(Jesper!$R$2:$R$366,ROW(INDEX(Jesper!AH$2:AH$366,ROUNDDOWN($C2916/24,0)+1,1))-1)+IF('Standard Profiles'!$G$18=$B$10,7,0)+IF('Standard Profiles'!$G$18=$B$17,14,0)+IF('Standard Profiles'!$G$18=$B$24,21,0),0)),0)</f>
        <v>7.5221366285779041</v>
      </c>
      <c r="E2916" cm="1">
        <f t="array" ref="E2916">IFERROR(INDEX(Jesper!AI$2:AI$366,ROUNDDOWN($C2916/24,0)+1,1)*INDEX($D$3:$AA$30,INDEX(Jesper!$R$2:$R$366,ROW(INDEX(Jesper!AI$2:AI$366,ROUNDDOWN($C2916/24,0)+1,1))-1)+IF('Standard Profiles'!$G$19=$B$10,7,0)+IF('Standard Profiles'!$G$19=$B$17,14,0)+IF('Standard Profiles'!$G$19=$B$24,21,0),MOD($C2916,24)+1)/SUM(INDEX($D$3:$AA$30,INDEX(Jesper!$R$2:$R$366,ROW(INDEX(Jesper!AI$2:AI$366,ROUNDDOWN($C2916/24,0)+1,1))-1)+IF('Standard Profiles'!$G$19=$B$10,7,0)+IF('Standard Profiles'!$G$19=$B$17,14,0)+IF('Standard Profiles'!$G$19=$B$24,21,0),0)),0)</f>
        <v>0</v>
      </c>
      <c r="F2916" cm="1">
        <f t="array" ref="F2916">IFERROR(INDEX(Jesper!AJ$2:AJ$366,ROUNDDOWN($C2916/24,0)+1,1)*INDEX($D$3:$AA$30,INDEX(Jesper!$R$2:$R$366,ROW(INDEX(Jesper!AJ$2:AJ$366,ROUNDDOWN($C2916/24,0)+1,1))-1)+IF('Standard Profiles'!$G$20=$B$10,7,0)+IF('Standard Profiles'!$G$20=$B$17,14,0)+IF('Standard Profiles'!$G$20=$B$24,21,0),MOD($C2916,24)+1)/SUM(INDEX($D$3:$AA$30,INDEX(Jesper!$R$2:$R$366,ROW(INDEX(Jesper!AJ$2:AJ$366,ROUNDDOWN($C2916/24,0)+1,1))-1)+IF('Standard Profiles'!$G$20=$B$10,7,0)+IF('Standard Profiles'!$G$20=$B$17,14,0)+IF('Standard Profiles'!$G$20=$B$24,21,0),0)),0)</f>
        <v>0</v>
      </c>
      <c r="G2916" cm="1">
        <f t="array" ref="G2916">IFERROR(INDEX(Jesper!AK$2:AK$366,ROUNDDOWN($C2916/24,0)+1,1)*INDEX($D$3:$AA$30,INDEX(Jesper!$R$2:$R$366,ROW(INDEX(Jesper!AK$2:AK$366,ROUNDDOWN($C2916/24,0)+1,1))-1)+IF('Standard Profiles'!$G$21=$B$10,7,0)+IF('Standard Profiles'!$G$21=$B$17,14,0)+IF('Standard Profiles'!$G$21=$B$24,21,0),MOD($C2916,24)+1)/SUM(INDEX($D$3:$AA$30,INDEX(Jesper!$R$2:$R$366,ROW(INDEX(Jesper!AK$2:AK$366,ROUNDDOWN($C2916/24,0)+1,1))-1)+IF('Standard Profiles'!$G$21=$B$10,7,0)+IF('Standard Profiles'!$G$21=$B$17,14,0)+IF('Standard Profiles'!$G$21=$B$24,21,0),0)),0)</f>
        <v>0</v>
      </c>
      <c r="H2916" cm="1">
        <f t="array" ref="H2916">IFERROR(INDEX(Jesper!AL$2:AL$366,ROUNDDOWN($C2916/24,0)+1,1)*INDEX($D$3:$AA$30,INDEX(Jesper!$R$2:$R$366,ROW(INDEX(Jesper!AL$2:AL$366,ROUNDDOWN($C2916/24,0)+1,1))-1)+IF('Standard Profiles'!$G$22=$B$10,7,0)+IF('Standard Profiles'!$G$22=$B$17,14,0)+IF('Standard Profiles'!$G$22=$B$24,21,0),MOD($C2916,24)+1)/SUM(INDEX($D$3:$AA$30,INDEX(Jesper!$R$2:$R$366,ROW(INDEX(Jesper!AL$2:AL$366,ROUNDDOWN($C2916/24,0)+1,1))-1)+IF('Standard Profiles'!$G$22=$B$10,7,0)+IF('Standard Profiles'!$G$22=$B$17,14,0)+IF('Standard Profiles'!$G$22=$B$24,21,0),0)),0)</f>
        <v>0</v>
      </c>
      <c r="I2916">
        <f t="shared" si="335"/>
        <v>0.22566409885733713</v>
      </c>
      <c r="J2916">
        <f t="shared" si="336"/>
        <v>0.75221366285779045</v>
      </c>
      <c r="K2916">
        <f t="shared" si="337"/>
        <v>1.1283204942866856</v>
      </c>
      <c r="L2916">
        <f t="shared" si="338"/>
        <v>5.4159383725760906</v>
      </c>
      <c r="M2916">
        <f t="shared" si="339"/>
        <v>0</v>
      </c>
      <c r="N2916" s="46">
        <f t="shared" ref="N2916:N2979" si="340">N2915+1/24</f>
        <v>45412.083333326344</v>
      </c>
    </row>
    <row r="2917" spans="2:14" x14ac:dyDescent="0.3">
      <c r="B2917">
        <f t="shared" si="334"/>
        <v>2</v>
      </c>
      <c r="C2917" s="16">
        <v>2883</v>
      </c>
      <c r="D2917" cm="1">
        <f t="array" ref="D2917">IFERROR(INDEX(Jesper!AH$2:AH$366,ROUNDDOWN($C2917/24,0)+1,1)*INDEX($D$3:$AA$30,INDEX(Jesper!$R$2:$R$366,ROW(INDEX(Jesper!AH$2:AH$366,ROUNDDOWN($C2917/24,0)+1,1))-1)+IF('Standard Profiles'!$G$18=$B$10,7,0)+IF('Standard Profiles'!$G$18=$B$17,14,0)+IF('Standard Profiles'!$G$18=$B$24,21,0),MOD($C2917,24)+1)/SUM(INDEX($D$3:$AA$30,INDEX(Jesper!$R$2:$R$366,ROW(INDEX(Jesper!AH$2:AH$366,ROUNDDOWN($C2917/24,0)+1,1))-1)+IF('Standard Profiles'!$G$18=$B$10,7,0)+IF('Standard Profiles'!$G$18=$B$17,14,0)+IF('Standard Profiles'!$G$18=$B$24,21,0),0)),0)</f>
        <v>7.5221366285779041</v>
      </c>
      <c r="E2917" cm="1">
        <f t="array" ref="E2917">IFERROR(INDEX(Jesper!AI$2:AI$366,ROUNDDOWN($C2917/24,0)+1,1)*INDEX($D$3:$AA$30,INDEX(Jesper!$R$2:$R$366,ROW(INDEX(Jesper!AI$2:AI$366,ROUNDDOWN($C2917/24,0)+1,1))-1)+IF('Standard Profiles'!$G$19=$B$10,7,0)+IF('Standard Profiles'!$G$19=$B$17,14,0)+IF('Standard Profiles'!$G$19=$B$24,21,0),MOD($C2917,24)+1)/SUM(INDEX($D$3:$AA$30,INDEX(Jesper!$R$2:$R$366,ROW(INDEX(Jesper!AI$2:AI$366,ROUNDDOWN($C2917/24,0)+1,1))-1)+IF('Standard Profiles'!$G$19=$B$10,7,0)+IF('Standard Profiles'!$G$19=$B$17,14,0)+IF('Standard Profiles'!$G$19=$B$24,21,0),0)),0)</f>
        <v>0</v>
      </c>
      <c r="F2917" cm="1">
        <f t="array" ref="F2917">IFERROR(INDEX(Jesper!AJ$2:AJ$366,ROUNDDOWN($C2917/24,0)+1,1)*INDEX($D$3:$AA$30,INDEX(Jesper!$R$2:$R$366,ROW(INDEX(Jesper!AJ$2:AJ$366,ROUNDDOWN($C2917/24,0)+1,1))-1)+IF('Standard Profiles'!$G$20=$B$10,7,0)+IF('Standard Profiles'!$G$20=$B$17,14,0)+IF('Standard Profiles'!$G$20=$B$24,21,0),MOD($C2917,24)+1)/SUM(INDEX($D$3:$AA$30,INDEX(Jesper!$R$2:$R$366,ROW(INDEX(Jesper!AJ$2:AJ$366,ROUNDDOWN($C2917/24,0)+1,1))-1)+IF('Standard Profiles'!$G$20=$B$10,7,0)+IF('Standard Profiles'!$G$20=$B$17,14,0)+IF('Standard Profiles'!$G$20=$B$24,21,0),0)),0)</f>
        <v>0</v>
      </c>
      <c r="G2917" cm="1">
        <f t="array" ref="G2917">IFERROR(INDEX(Jesper!AK$2:AK$366,ROUNDDOWN($C2917/24,0)+1,1)*INDEX($D$3:$AA$30,INDEX(Jesper!$R$2:$R$366,ROW(INDEX(Jesper!AK$2:AK$366,ROUNDDOWN($C2917/24,0)+1,1))-1)+IF('Standard Profiles'!$G$21=$B$10,7,0)+IF('Standard Profiles'!$G$21=$B$17,14,0)+IF('Standard Profiles'!$G$21=$B$24,21,0),MOD($C2917,24)+1)/SUM(INDEX($D$3:$AA$30,INDEX(Jesper!$R$2:$R$366,ROW(INDEX(Jesper!AK$2:AK$366,ROUNDDOWN($C2917/24,0)+1,1))-1)+IF('Standard Profiles'!$G$21=$B$10,7,0)+IF('Standard Profiles'!$G$21=$B$17,14,0)+IF('Standard Profiles'!$G$21=$B$24,21,0),0)),0)</f>
        <v>0</v>
      </c>
      <c r="H2917" cm="1">
        <f t="array" ref="H2917">IFERROR(INDEX(Jesper!AL$2:AL$366,ROUNDDOWN($C2917/24,0)+1,1)*INDEX($D$3:$AA$30,INDEX(Jesper!$R$2:$R$366,ROW(INDEX(Jesper!AL$2:AL$366,ROUNDDOWN($C2917/24,0)+1,1))-1)+IF('Standard Profiles'!$G$22=$B$10,7,0)+IF('Standard Profiles'!$G$22=$B$17,14,0)+IF('Standard Profiles'!$G$22=$B$24,21,0),MOD($C2917,24)+1)/SUM(INDEX($D$3:$AA$30,INDEX(Jesper!$R$2:$R$366,ROW(INDEX(Jesper!AL$2:AL$366,ROUNDDOWN($C2917/24,0)+1,1))-1)+IF('Standard Profiles'!$G$22=$B$10,7,0)+IF('Standard Profiles'!$G$22=$B$17,14,0)+IF('Standard Profiles'!$G$22=$B$24,21,0),0)),0)</f>
        <v>0</v>
      </c>
      <c r="I2917">
        <f t="shared" si="335"/>
        <v>0.22566409885733713</v>
      </c>
      <c r="J2917">
        <f t="shared" si="336"/>
        <v>0.75221366285779045</v>
      </c>
      <c r="K2917">
        <f t="shared" si="337"/>
        <v>1.1283204942866856</v>
      </c>
      <c r="L2917">
        <f t="shared" si="338"/>
        <v>5.4159383725760906</v>
      </c>
      <c r="M2917">
        <f t="shared" si="339"/>
        <v>0</v>
      </c>
      <c r="N2917" s="46">
        <f t="shared" si="340"/>
        <v>45412.124999993008</v>
      </c>
    </row>
    <row r="2918" spans="2:14" x14ac:dyDescent="0.3">
      <c r="B2918">
        <f t="shared" si="334"/>
        <v>2</v>
      </c>
      <c r="C2918" s="16">
        <v>2884</v>
      </c>
      <c r="D2918" cm="1">
        <f t="array" ref="D2918">IFERROR(INDEX(Jesper!AH$2:AH$366,ROUNDDOWN($C2918/24,0)+1,1)*INDEX($D$3:$AA$30,INDEX(Jesper!$R$2:$R$366,ROW(INDEX(Jesper!AH$2:AH$366,ROUNDDOWN($C2918/24,0)+1,1))-1)+IF('Standard Profiles'!$G$18=$B$10,7,0)+IF('Standard Profiles'!$G$18=$B$17,14,0)+IF('Standard Profiles'!$G$18=$B$24,21,0),MOD($C2918,24)+1)/SUM(INDEX($D$3:$AA$30,INDEX(Jesper!$R$2:$R$366,ROW(INDEX(Jesper!AH$2:AH$366,ROUNDDOWN($C2918/24,0)+1,1))-1)+IF('Standard Profiles'!$G$18=$B$10,7,0)+IF('Standard Profiles'!$G$18=$B$17,14,0)+IF('Standard Profiles'!$G$18=$B$24,21,0),0)),0)</f>
        <v>7.5221366285779041</v>
      </c>
      <c r="E2918" cm="1">
        <f t="array" ref="E2918">IFERROR(INDEX(Jesper!AI$2:AI$366,ROUNDDOWN($C2918/24,0)+1,1)*INDEX($D$3:$AA$30,INDEX(Jesper!$R$2:$R$366,ROW(INDEX(Jesper!AI$2:AI$366,ROUNDDOWN($C2918/24,0)+1,1))-1)+IF('Standard Profiles'!$G$19=$B$10,7,0)+IF('Standard Profiles'!$G$19=$B$17,14,0)+IF('Standard Profiles'!$G$19=$B$24,21,0),MOD($C2918,24)+1)/SUM(INDEX($D$3:$AA$30,INDEX(Jesper!$R$2:$R$366,ROW(INDEX(Jesper!AI$2:AI$366,ROUNDDOWN($C2918/24,0)+1,1))-1)+IF('Standard Profiles'!$G$19=$B$10,7,0)+IF('Standard Profiles'!$G$19=$B$17,14,0)+IF('Standard Profiles'!$G$19=$B$24,21,0),0)),0)</f>
        <v>0</v>
      </c>
      <c r="F2918" cm="1">
        <f t="array" ref="F2918">IFERROR(INDEX(Jesper!AJ$2:AJ$366,ROUNDDOWN($C2918/24,0)+1,1)*INDEX($D$3:$AA$30,INDEX(Jesper!$R$2:$R$366,ROW(INDEX(Jesper!AJ$2:AJ$366,ROUNDDOWN($C2918/24,0)+1,1))-1)+IF('Standard Profiles'!$G$20=$B$10,7,0)+IF('Standard Profiles'!$G$20=$B$17,14,0)+IF('Standard Profiles'!$G$20=$B$24,21,0),MOD($C2918,24)+1)/SUM(INDEX($D$3:$AA$30,INDEX(Jesper!$R$2:$R$366,ROW(INDEX(Jesper!AJ$2:AJ$366,ROUNDDOWN($C2918/24,0)+1,1))-1)+IF('Standard Profiles'!$G$20=$B$10,7,0)+IF('Standard Profiles'!$G$20=$B$17,14,0)+IF('Standard Profiles'!$G$20=$B$24,21,0),0)),0)</f>
        <v>0</v>
      </c>
      <c r="G2918" cm="1">
        <f t="array" ref="G2918">IFERROR(INDEX(Jesper!AK$2:AK$366,ROUNDDOWN($C2918/24,0)+1,1)*INDEX($D$3:$AA$30,INDEX(Jesper!$R$2:$R$366,ROW(INDEX(Jesper!AK$2:AK$366,ROUNDDOWN($C2918/24,0)+1,1))-1)+IF('Standard Profiles'!$G$21=$B$10,7,0)+IF('Standard Profiles'!$G$21=$B$17,14,0)+IF('Standard Profiles'!$G$21=$B$24,21,0),MOD($C2918,24)+1)/SUM(INDEX($D$3:$AA$30,INDEX(Jesper!$R$2:$R$366,ROW(INDEX(Jesper!AK$2:AK$366,ROUNDDOWN($C2918/24,0)+1,1))-1)+IF('Standard Profiles'!$G$21=$B$10,7,0)+IF('Standard Profiles'!$G$21=$B$17,14,0)+IF('Standard Profiles'!$G$21=$B$24,21,0),0)),0)</f>
        <v>0</v>
      </c>
      <c r="H2918" cm="1">
        <f t="array" ref="H2918">IFERROR(INDEX(Jesper!AL$2:AL$366,ROUNDDOWN($C2918/24,0)+1,1)*INDEX($D$3:$AA$30,INDEX(Jesper!$R$2:$R$366,ROW(INDEX(Jesper!AL$2:AL$366,ROUNDDOWN($C2918/24,0)+1,1))-1)+IF('Standard Profiles'!$G$22=$B$10,7,0)+IF('Standard Profiles'!$G$22=$B$17,14,0)+IF('Standard Profiles'!$G$22=$B$24,21,0),MOD($C2918,24)+1)/SUM(INDEX($D$3:$AA$30,INDEX(Jesper!$R$2:$R$366,ROW(INDEX(Jesper!AL$2:AL$366,ROUNDDOWN($C2918/24,0)+1,1))-1)+IF('Standard Profiles'!$G$22=$B$10,7,0)+IF('Standard Profiles'!$G$22=$B$17,14,0)+IF('Standard Profiles'!$G$22=$B$24,21,0),0)),0)</f>
        <v>0</v>
      </c>
      <c r="I2918">
        <f t="shared" si="335"/>
        <v>0.22566409885733713</v>
      </c>
      <c r="J2918">
        <f t="shared" si="336"/>
        <v>0.75221366285779045</v>
      </c>
      <c r="K2918">
        <f t="shared" si="337"/>
        <v>1.1283204942866856</v>
      </c>
      <c r="L2918">
        <f t="shared" si="338"/>
        <v>5.4159383725760906</v>
      </c>
      <c r="M2918">
        <f t="shared" si="339"/>
        <v>0</v>
      </c>
      <c r="N2918" s="46">
        <f t="shared" si="340"/>
        <v>45412.166666659672</v>
      </c>
    </row>
    <row r="2919" spans="2:14" x14ac:dyDescent="0.3">
      <c r="B2919">
        <f t="shared" si="334"/>
        <v>2</v>
      </c>
      <c r="C2919" s="16">
        <v>2885</v>
      </c>
      <c r="D2919" cm="1">
        <f t="array" ref="D2919">IFERROR(INDEX(Jesper!AH$2:AH$366,ROUNDDOWN($C2919/24,0)+1,1)*INDEX($D$3:$AA$30,INDEX(Jesper!$R$2:$R$366,ROW(INDEX(Jesper!AH$2:AH$366,ROUNDDOWN($C2919/24,0)+1,1))-1)+IF('Standard Profiles'!$G$18=$B$10,7,0)+IF('Standard Profiles'!$G$18=$B$17,14,0)+IF('Standard Profiles'!$G$18=$B$24,21,0),MOD($C2919,24)+1)/SUM(INDEX($D$3:$AA$30,INDEX(Jesper!$R$2:$R$366,ROW(INDEX(Jesper!AH$2:AH$366,ROUNDDOWN($C2919/24,0)+1,1))-1)+IF('Standard Profiles'!$G$18=$B$10,7,0)+IF('Standard Profiles'!$G$18=$B$17,14,0)+IF('Standard Profiles'!$G$18=$B$24,21,0),0)),0)</f>
        <v>9.7787776171512739</v>
      </c>
      <c r="E2919" cm="1">
        <f t="array" ref="E2919">IFERROR(INDEX(Jesper!AI$2:AI$366,ROUNDDOWN($C2919/24,0)+1,1)*INDEX($D$3:$AA$30,INDEX(Jesper!$R$2:$R$366,ROW(INDEX(Jesper!AI$2:AI$366,ROUNDDOWN($C2919/24,0)+1,1))-1)+IF('Standard Profiles'!$G$19=$B$10,7,0)+IF('Standard Profiles'!$G$19=$B$17,14,0)+IF('Standard Profiles'!$G$19=$B$24,21,0),MOD($C2919,24)+1)/SUM(INDEX($D$3:$AA$30,INDEX(Jesper!$R$2:$R$366,ROW(INDEX(Jesper!AI$2:AI$366,ROUNDDOWN($C2919/24,0)+1,1))-1)+IF('Standard Profiles'!$G$19=$B$10,7,0)+IF('Standard Profiles'!$G$19=$B$17,14,0)+IF('Standard Profiles'!$G$19=$B$24,21,0),0)),0)</f>
        <v>0</v>
      </c>
      <c r="F2919" cm="1">
        <f t="array" ref="F2919">IFERROR(INDEX(Jesper!AJ$2:AJ$366,ROUNDDOWN($C2919/24,0)+1,1)*INDEX($D$3:$AA$30,INDEX(Jesper!$R$2:$R$366,ROW(INDEX(Jesper!AJ$2:AJ$366,ROUNDDOWN($C2919/24,0)+1,1))-1)+IF('Standard Profiles'!$G$20=$B$10,7,0)+IF('Standard Profiles'!$G$20=$B$17,14,0)+IF('Standard Profiles'!$G$20=$B$24,21,0),MOD($C2919,24)+1)/SUM(INDEX($D$3:$AA$30,INDEX(Jesper!$R$2:$R$366,ROW(INDEX(Jesper!AJ$2:AJ$366,ROUNDDOWN($C2919/24,0)+1,1))-1)+IF('Standard Profiles'!$G$20=$B$10,7,0)+IF('Standard Profiles'!$G$20=$B$17,14,0)+IF('Standard Profiles'!$G$20=$B$24,21,0),0)),0)</f>
        <v>0</v>
      </c>
      <c r="G2919" cm="1">
        <f t="array" ref="G2919">IFERROR(INDEX(Jesper!AK$2:AK$366,ROUNDDOWN($C2919/24,0)+1,1)*INDEX($D$3:$AA$30,INDEX(Jesper!$R$2:$R$366,ROW(INDEX(Jesper!AK$2:AK$366,ROUNDDOWN($C2919/24,0)+1,1))-1)+IF('Standard Profiles'!$G$21=$B$10,7,0)+IF('Standard Profiles'!$G$21=$B$17,14,0)+IF('Standard Profiles'!$G$21=$B$24,21,0),MOD($C2919,24)+1)/SUM(INDEX($D$3:$AA$30,INDEX(Jesper!$R$2:$R$366,ROW(INDEX(Jesper!AK$2:AK$366,ROUNDDOWN($C2919/24,0)+1,1))-1)+IF('Standard Profiles'!$G$21=$B$10,7,0)+IF('Standard Profiles'!$G$21=$B$17,14,0)+IF('Standard Profiles'!$G$21=$B$24,21,0),0)),0)</f>
        <v>0</v>
      </c>
      <c r="H2919" cm="1">
        <f t="array" ref="H2919">IFERROR(INDEX(Jesper!AL$2:AL$366,ROUNDDOWN($C2919/24,0)+1,1)*INDEX($D$3:$AA$30,INDEX(Jesper!$R$2:$R$366,ROW(INDEX(Jesper!AL$2:AL$366,ROUNDDOWN($C2919/24,0)+1,1))-1)+IF('Standard Profiles'!$G$22=$B$10,7,0)+IF('Standard Profiles'!$G$22=$B$17,14,0)+IF('Standard Profiles'!$G$22=$B$24,21,0),MOD($C2919,24)+1)/SUM(INDEX($D$3:$AA$30,INDEX(Jesper!$R$2:$R$366,ROW(INDEX(Jesper!AL$2:AL$366,ROUNDDOWN($C2919/24,0)+1,1))-1)+IF('Standard Profiles'!$G$22=$B$10,7,0)+IF('Standard Profiles'!$G$22=$B$17,14,0)+IF('Standard Profiles'!$G$22=$B$24,21,0),0)),0)</f>
        <v>0</v>
      </c>
      <c r="I2919">
        <f t="shared" si="335"/>
        <v>0.29336332851453822</v>
      </c>
      <c r="J2919">
        <f t="shared" si="336"/>
        <v>0.97787776171512741</v>
      </c>
      <c r="K2919">
        <f t="shared" si="337"/>
        <v>1.466816642572691</v>
      </c>
      <c r="L2919">
        <f t="shared" si="338"/>
        <v>7.0407198843489169</v>
      </c>
      <c r="M2919">
        <f t="shared" si="339"/>
        <v>0</v>
      </c>
      <c r="N2919" s="46">
        <f t="shared" si="340"/>
        <v>45412.208333326336</v>
      </c>
    </row>
    <row r="2920" spans="2:14" x14ac:dyDescent="0.3">
      <c r="B2920">
        <f t="shared" si="334"/>
        <v>2</v>
      </c>
      <c r="C2920" s="16">
        <v>2886</v>
      </c>
      <c r="D2920" cm="1">
        <f t="array" ref="D2920">IFERROR(INDEX(Jesper!AH$2:AH$366,ROUNDDOWN($C2920/24,0)+1,1)*INDEX($D$3:$AA$30,INDEX(Jesper!$R$2:$R$366,ROW(INDEX(Jesper!AH$2:AH$366,ROUNDDOWN($C2920/24,0)+1,1))-1)+IF('Standard Profiles'!$G$18=$B$10,7,0)+IF('Standard Profiles'!$G$18=$B$17,14,0)+IF('Standard Profiles'!$G$18=$B$24,21,0),MOD($C2920,24)+1)/SUM(INDEX($D$3:$AA$30,INDEX(Jesper!$R$2:$R$366,ROW(INDEX(Jesper!AH$2:AH$366,ROUNDDOWN($C2920/24,0)+1,1))-1)+IF('Standard Profiles'!$G$18=$B$10,7,0)+IF('Standard Profiles'!$G$18=$B$17,14,0)+IF('Standard Profiles'!$G$18=$B$24,21,0),0)),0)</f>
        <v>10.907098111437959</v>
      </c>
      <c r="E2920" cm="1">
        <f t="array" ref="E2920">IFERROR(INDEX(Jesper!AI$2:AI$366,ROUNDDOWN($C2920/24,0)+1,1)*INDEX($D$3:$AA$30,INDEX(Jesper!$R$2:$R$366,ROW(INDEX(Jesper!AI$2:AI$366,ROUNDDOWN($C2920/24,0)+1,1))-1)+IF('Standard Profiles'!$G$19=$B$10,7,0)+IF('Standard Profiles'!$G$19=$B$17,14,0)+IF('Standard Profiles'!$G$19=$B$24,21,0),MOD($C2920,24)+1)/SUM(INDEX($D$3:$AA$30,INDEX(Jesper!$R$2:$R$366,ROW(INDEX(Jesper!AI$2:AI$366,ROUNDDOWN($C2920/24,0)+1,1))-1)+IF('Standard Profiles'!$G$19=$B$10,7,0)+IF('Standard Profiles'!$G$19=$B$17,14,0)+IF('Standard Profiles'!$G$19=$B$24,21,0),0)),0)</f>
        <v>0</v>
      </c>
      <c r="F2920" cm="1">
        <f t="array" ref="F2920">IFERROR(INDEX(Jesper!AJ$2:AJ$366,ROUNDDOWN($C2920/24,0)+1,1)*INDEX($D$3:$AA$30,INDEX(Jesper!$R$2:$R$366,ROW(INDEX(Jesper!AJ$2:AJ$366,ROUNDDOWN($C2920/24,0)+1,1))-1)+IF('Standard Profiles'!$G$20=$B$10,7,0)+IF('Standard Profiles'!$G$20=$B$17,14,0)+IF('Standard Profiles'!$G$20=$B$24,21,0),MOD($C2920,24)+1)/SUM(INDEX($D$3:$AA$30,INDEX(Jesper!$R$2:$R$366,ROW(INDEX(Jesper!AJ$2:AJ$366,ROUNDDOWN($C2920/24,0)+1,1))-1)+IF('Standard Profiles'!$G$20=$B$10,7,0)+IF('Standard Profiles'!$G$20=$B$17,14,0)+IF('Standard Profiles'!$G$20=$B$24,21,0),0)),0)</f>
        <v>0</v>
      </c>
      <c r="G2920" cm="1">
        <f t="array" ref="G2920">IFERROR(INDEX(Jesper!AK$2:AK$366,ROUNDDOWN($C2920/24,0)+1,1)*INDEX($D$3:$AA$30,INDEX(Jesper!$R$2:$R$366,ROW(INDEX(Jesper!AK$2:AK$366,ROUNDDOWN($C2920/24,0)+1,1))-1)+IF('Standard Profiles'!$G$21=$B$10,7,0)+IF('Standard Profiles'!$G$21=$B$17,14,0)+IF('Standard Profiles'!$G$21=$B$24,21,0),MOD($C2920,24)+1)/SUM(INDEX($D$3:$AA$30,INDEX(Jesper!$R$2:$R$366,ROW(INDEX(Jesper!AK$2:AK$366,ROUNDDOWN($C2920/24,0)+1,1))-1)+IF('Standard Profiles'!$G$21=$B$10,7,0)+IF('Standard Profiles'!$G$21=$B$17,14,0)+IF('Standard Profiles'!$G$21=$B$24,21,0),0)),0)</f>
        <v>0</v>
      </c>
      <c r="H2920" cm="1">
        <f t="array" ref="H2920">IFERROR(INDEX(Jesper!AL$2:AL$366,ROUNDDOWN($C2920/24,0)+1,1)*INDEX($D$3:$AA$30,INDEX(Jesper!$R$2:$R$366,ROW(INDEX(Jesper!AL$2:AL$366,ROUNDDOWN($C2920/24,0)+1,1))-1)+IF('Standard Profiles'!$G$22=$B$10,7,0)+IF('Standard Profiles'!$G$22=$B$17,14,0)+IF('Standard Profiles'!$G$22=$B$24,21,0),MOD($C2920,24)+1)/SUM(INDEX($D$3:$AA$30,INDEX(Jesper!$R$2:$R$366,ROW(INDEX(Jesper!AL$2:AL$366,ROUNDDOWN($C2920/24,0)+1,1))-1)+IF('Standard Profiles'!$G$22=$B$10,7,0)+IF('Standard Profiles'!$G$22=$B$17,14,0)+IF('Standard Profiles'!$G$22=$B$24,21,0),0)),0)</f>
        <v>0</v>
      </c>
      <c r="I2920">
        <f t="shared" si="335"/>
        <v>0.32721294334313877</v>
      </c>
      <c r="J2920">
        <f t="shared" si="336"/>
        <v>1.0907098111437958</v>
      </c>
      <c r="K2920">
        <f t="shared" si="337"/>
        <v>1.6360647167156939</v>
      </c>
      <c r="L2920">
        <f t="shared" si="338"/>
        <v>7.8531106402353297</v>
      </c>
      <c r="M2920">
        <f t="shared" si="339"/>
        <v>0</v>
      </c>
      <c r="N2920" s="46">
        <f t="shared" si="340"/>
        <v>45412.249999993001</v>
      </c>
    </row>
    <row r="2921" spans="2:14" x14ac:dyDescent="0.3">
      <c r="B2921">
        <f t="shared" si="334"/>
        <v>2</v>
      </c>
      <c r="C2921" s="16">
        <v>2887</v>
      </c>
      <c r="D2921" cm="1">
        <f t="array" ref="D2921">IFERROR(INDEX(Jesper!AH$2:AH$366,ROUNDDOWN($C2921/24,0)+1,1)*INDEX($D$3:$AA$30,INDEX(Jesper!$R$2:$R$366,ROW(INDEX(Jesper!AH$2:AH$366,ROUNDDOWN($C2921/24,0)+1,1))-1)+IF('Standard Profiles'!$G$18=$B$10,7,0)+IF('Standard Profiles'!$G$18=$B$17,14,0)+IF('Standard Profiles'!$G$18=$B$24,21,0),MOD($C2921,24)+1)/SUM(INDEX($D$3:$AA$30,INDEX(Jesper!$R$2:$R$366,ROW(INDEX(Jesper!AH$2:AH$366,ROUNDDOWN($C2921/24,0)+1,1))-1)+IF('Standard Profiles'!$G$18=$B$10,7,0)+IF('Standard Profiles'!$G$18=$B$17,14,0)+IF('Standard Profiles'!$G$18=$B$24,21,0),0)),0)</f>
        <v>11.283204942866856</v>
      </c>
      <c r="E2921" cm="1">
        <f t="array" ref="E2921">IFERROR(INDEX(Jesper!AI$2:AI$366,ROUNDDOWN($C2921/24,0)+1,1)*INDEX($D$3:$AA$30,INDEX(Jesper!$R$2:$R$366,ROW(INDEX(Jesper!AI$2:AI$366,ROUNDDOWN($C2921/24,0)+1,1))-1)+IF('Standard Profiles'!$G$19=$B$10,7,0)+IF('Standard Profiles'!$G$19=$B$17,14,0)+IF('Standard Profiles'!$G$19=$B$24,21,0),MOD($C2921,24)+1)/SUM(INDEX($D$3:$AA$30,INDEX(Jesper!$R$2:$R$366,ROW(INDEX(Jesper!AI$2:AI$366,ROUNDDOWN($C2921/24,0)+1,1))-1)+IF('Standard Profiles'!$G$19=$B$10,7,0)+IF('Standard Profiles'!$G$19=$B$17,14,0)+IF('Standard Profiles'!$G$19=$B$24,21,0),0)),0)</f>
        <v>0</v>
      </c>
      <c r="F2921" cm="1">
        <f t="array" ref="F2921">IFERROR(INDEX(Jesper!AJ$2:AJ$366,ROUNDDOWN($C2921/24,0)+1,1)*INDEX($D$3:$AA$30,INDEX(Jesper!$R$2:$R$366,ROW(INDEX(Jesper!AJ$2:AJ$366,ROUNDDOWN($C2921/24,0)+1,1))-1)+IF('Standard Profiles'!$G$20=$B$10,7,0)+IF('Standard Profiles'!$G$20=$B$17,14,0)+IF('Standard Profiles'!$G$20=$B$24,21,0),MOD($C2921,24)+1)/SUM(INDEX($D$3:$AA$30,INDEX(Jesper!$R$2:$R$366,ROW(INDEX(Jesper!AJ$2:AJ$366,ROUNDDOWN($C2921/24,0)+1,1))-1)+IF('Standard Profiles'!$G$20=$B$10,7,0)+IF('Standard Profiles'!$G$20=$B$17,14,0)+IF('Standard Profiles'!$G$20=$B$24,21,0),0)),0)</f>
        <v>0</v>
      </c>
      <c r="G2921" cm="1">
        <f t="array" ref="G2921">IFERROR(INDEX(Jesper!AK$2:AK$366,ROUNDDOWN($C2921/24,0)+1,1)*INDEX($D$3:$AA$30,INDEX(Jesper!$R$2:$R$366,ROW(INDEX(Jesper!AK$2:AK$366,ROUNDDOWN($C2921/24,0)+1,1))-1)+IF('Standard Profiles'!$G$21=$B$10,7,0)+IF('Standard Profiles'!$G$21=$B$17,14,0)+IF('Standard Profiles'!$G$21=$B$24,21,0),MOD($C2921,24)+1)/SUM(INDEX($D$3:$AA$30,INDEX(Jesper!$R$2:$R$366,ROW(INDEX(Jesper!AK$2:AK$366,ROUNDDOWN($C2921/24,0)+1,1))-1)+IF('Standard Profiles'!$G$21=$B$10,7,0)+IF('Standard Profiles'!$G$21=$B$17,14,0)+IF('Standard Profiles'!$G$21=$B$24,21,0),0)),0)</f>
        <v>0</v>
      </c>
      <c r="H2921" cm="1">
        <f t="array" ref="H2921">IFERROR(INDEX(Jesper!AL$2:AL$366,ROUNDDOWN($C2921/24,0)+1,1)*INDEX($D$3:$AA$30,INDEX(Jesper!$R$2:$R$366,ROW(INDEX(Jesper!AL$2:AL$366,ROUNDDOWN($C2921/24,0)+1,1))-1)+IF('Standard Profiles'!$G$22=$B$10,7,0)+IF('Standard Profiles'!$G$22=$B$17,14,0)+IF('Standard Profiles'!$G$22=$B$24,21,0),MOD($C2921,24)+1)/SUM(INDEX($D$3:$AA$30,INDEX(Jesper!$R$2:$R$366,ROW(INDEX(Jesper!AL$2:AL$366,ROUNDDOWN($C2921/24,0)+1,1))-1)+IF('Standard Profiles'!$G$22=$B$10,7,0)+IF('Standard Profiles'!$G$22=$B$17,14,0)+IF('Standard Profiles'!$G$22=$B$24,21,0),0)),0)</f>
        <v>0</v>
      </c>
      <c r="I2921">
        <f t="shared" si="335"/>
        <v>0.33849614828600566</v>
      </c>
      <c r="J2921">
        <f t="shared" si="336"/>
        <v>1.1283204942866856</v>
      </c>
      <c r="K2921">
        <f t="shared" si="337"/>
        <v>1.6924807414300285</v>
      </c>
      <c r="L2921">
        <f t="shared" si="338"/>
        <v>8.1239075588641363</v>
      </c>
      <c r="M2921">
        <f t="shared" si="339"/>
        <v>0</v>
      </c>
      <c r="N2921" s="46">
        <f t="shared" si="340"/>
        <v>45412.291666659665</v>
      </c>
    </row>
    <row r="2922" spans="2:14" x14ac:dyDescent="0.3">
      <c r="B2922">
        <f t="shared" si="334"/>
        <v>2</v>
      </c>
      <c r="C2922" s="16">
        <v>2888</v>
      </c>
      <c r="D2922" cm="1">
        <f t="array" ref="D2922">IFERROR(INDEX(Jesper!AH$2:AH$366,ROUNDDOWN($C2922/24,0)+1,1)*INDEX($D$3:$AA$30,INDEX(Jesper!$R$2:$R$366,ROW(INDEX(Jesper!AH$2:AH$366,ROUNDDOWN($C2922/24,0)+1,1))-1)+IF('Standard Profiles'!$G$18=$B$10,7,0)+IF('Standard Profiles'!$G$18=$B$17,14,0)+IF('Standard Profiles'!$G$18=$B$24,21,0),MOD($C2922,24)+1)/SUM(INDEX($D$3:$AA$30,INDEX(Jesper!$R$2:$R$366,ROW(INDEX(Jesper!AH$2:AH$366,ROUNDDOWN($C2922/24,0)+1,1))-1)+IF('Standard Profiles'!$G$18=$B$10,7,0)+IF('Standard Profiles'!$G$18=$B$17,14,0)+IF('Standard Profiles'!$G$18=$B$24,21,0),0)),0)</f>
        <v>11.283204942866856</v>
      </c>
      <c r="E2922" cm="1">
        <f t="array" ref="E2922">IFERROR(INDEX(Jesper!AI$2:AI$366,ROUNDDOWN($C2922/24,0)+1,1)*INDEX($D$3:$AA$30,INDEX(Jesper!$R$2:$R$366,ROW(INDEX(Jesper!AI$2:AI$366,ROUNDDOWN($C2922/24,0)+1,1))-1)+IF('Standard Profiles'!$G$19=$B$10,7,0)+IF('Standard Profiles'!$G$19=$B$17,14,0)+IF('Standard Profiles'!$G$19=$B$24,21,0),MOD($C2922,24)+1)/SUM(INDEX($D$3:$AA$30,INDEX(Jesper!$R$2:$R$366,ROW(INDEX(Jesper!AI$2:AI$366,ROUNDDOWN($C2922/24,0)+1,1))-1)+IF('Standard Profiles'!$G$19=$B$10,7,0)+IF('Standard Profiles'!$G$19=$B$17,14,0)+IF('Standard Profiles'!$G$19=$B$24,21,0),0)),0)</f>
        <v>0</v>
      </c>
      <c r="F2922" cm="1">
        <f t="array" ref="F2922">IFERROR(INDEX(Jesper!AJ$2:AJ$366,ROUNDDOWN($C2922/24,0)+1,1)*INDEX($D$3:$AA$30,INDEX(Jesper!$R$2:$R$366,ROW(INDEX(Jesper!AJ$2:AJ$366,ROUNDDOWN($C2922/24,0)+1,1))-1)+IF('Standard Profiles'!$G$20=$B$10,7,0)+IF('Standard Profiles'!$G$20=$B$17,14,0)+IF('Standard Profiles'!$G$20=$B$24,21,0),MOD($C2922,24)+1)/SUM(INDEX($D$3:$AA$30,INDEX(Jesper!$R$2:$R$366,ROW(INDEX(Jesper!AJ$2:AJ$366,ROUNDDOWN($C2922/24,0)+1,1))-1)+IF('Standard Profiles'!$G$20=$B$10,7,0)+IF('Standard Profiles'!$G$20=$B$17,14,0)+IF('Standard Profiles'!$G$20=$B$24,21,0),0)),0)</f>
        <v>0</v>
      </c>
      <c r="G2922" cm="1">
        <f t="array" ref="G2922">IFERROR(INDEX(Jesper!AK$2:AK$366,ROUNDDOWN($C2922/24,0)+1,1)*INDEX($D$3:$AA$30,INDEX(Jesper!$R$2:$R$366,ROW(INDEX(Jesper!AK$2:AK$366,ROUNDDOWN($C2922/24,0)+1,1))-1)+IF('Standard Profiles'!$G$21=$B$10,7,0)+IF('Standard Profiles'!$G$21=$B$17,14,0)+IF('Standard Profiles'!$G$21=$B$24,21,0),MOD($C2922,24)+1)/SUM(INDEX($D$3:$AA$30,INDEX(Jesper!$R$2:$R$366,ROW(INDEX(Jesper!AK$2:AK$366,ROUNDDOWN($C2922/24,0)+1,1))-1)+IF('Standard Profiles'!$G$21=$B$10,7,0)+IF('Standard Profiles'!$G$21=$B$17,14,0)+IF('Standard Profiles'!$G$21=$B$24,21,0),0)),0)</f>
        <v>0</v>
      </c>
      <c r="H2922" cm="1">
        <f t="array" ref="H2922">IFERROR(INDEX(Jesper!AL$2:AL$366,ROUNDDOWN($C2922/24,0)+1,1)*INDEX($D$3:$AA$30,INDEX(Jesper!$R$2:$R$366,ROW(INDEX(Jesper!AL$2:AL$366,ROUNDDOWN($C2922/24,0)+1,1))-1)+IF('Standard Profiles'!$G$22=$B$10,7,0)+IF('Standard Profiles'!$G$22=$B$17,14,0)+IF('Standard Profiles'!$G$22=$B$24,21,0),MOD($C2922,24)+1)/SUM(INDEX($D$3:$AA$30,INDEX(Jesper!$R$2:$R$366,ROW(INDEX(Jesper!AL$2:AL$366,ROUNDDOWN($C2922/24,0)+1,1))-1)+IF('Standard Profiles'!$G$22=$B$10,7,0)+IF('Standard Profiles'!$G$22=$B$17,14,0)+IF('Standard Profiles'!$G$22=$B$24,21,0),0)),0)</f>
        <v>0</v>
      </c>
      <c r="I2922">
        <f t="shared" si="335"/>
        <v>0.33849614828600566</v>
      </c>
      <c r="J2922">
        <f t="shared" si="336"/>
        <v>1.1283204942866856</v>
      </c>
      <c r="K2922">
        <f t="shared" si="337"/>
        <v>1.6924807414300285</v>
      </c>
      <c r="L2922">
        <f t="shared" si="338"/>
        <v>8.1239075588641363</v>
      </c>
      <c r="M2922">
        <f t="shared" si="339"/>
        <v>0</v>
      </c>
      <c r="N2922" s="46">
        <f t="shared" si="340"/>
        <v>45412.333333326329</v>
      </c>
    </row>
    <row r="2923" spans="2:14" x14ac:dyDescent="0.3">
      <c r="B2923">
        <f t="shared" si="334"/>
        <v>2</v>
      </c>
      <c r="C2923" s="16">
        <v>2889</v>
      </c>
      <c r="D2923" cm="1">
        <f t="array" ref="D2923">IFERROR(INDEX(Jesper!AH$2:AH$366,ROUNDDOWN($C2923/24,0)+1,1)*INDEX($D$3:$AA$30,INDEX(Jesper!$R$2:$R$366,ROW(INDEX(Jesper!AH$2:AH$366,ROUNDDOWN($C2923/24,0)+1,1))-1)+IF('Standard Profiles'!$G$18=$B$10,7,0)+IF('Standard Profiles'!$G$18=$B$17,14,0)+IF('Standard Profiles'!$G$18=$B$24,21,0),MOD($C2923,24)+1)/SUM(INDEX($D$3:$AA$30,INDEX(Jesper!$R$2:$R$366,ROW(INDEX(Jesper!AH$2:AH$366,ROUNDDOWN($C2923/24,0)+1,1))-1)+IF('Standard Profiles'!$G$18=$B$10,7,0)+IF('Standard Profiles'!$G$18=$B$17,14,0)+IF('Standard Profiles'!$G$18=$B$24,21,0),0)),0)</f>
        <v>12.223472021439093</v>
      </c>
      <c r="E2923" cm="1">
        <f t="array" ref="E2923">IFERROR(INDEX(Jesper!AI$2:AI$366,ROUNDDOWN($C2923/24,0)+1,1)*INDEX($D$3:$AA$30,INDEX(Jesper!$R$2:$R$366,ROW(INDEX(Jesper!AI$2:AI$366,ROUNDDOWN($C2923/24,0)+1,1))-1)+IF('Standard Profiles'!$G$19=$B$10,7,0)+IF('Standard Profiles'!$G$19=$B$17,14,0)+IF('Standard Profiles'!$G$19=$B$24,21,0),MOD($C2923,24)+1)/SUM(INDEX($D$3:$AA$30,INDEX(Jesper!$R$2:$R$366,ROW(INDEX(Jesper!AI$2:AI$366,ROUNDDOWN($C2923/24,0)+1,1))-1)+IF('Standard Profiles'!$G$19=$B$10,7,0)+IF('Standard Profiles'!$G$19=$B$17,14,0)+IF('Standard Profiles'!$G$19=$B$24,21,0),0)),0)</f>
        <v>0</v>
      </c>
      <c r="F2923" cm="1">
        <f t="array" ref="F2923">IFERROR(INDEX(Jesper!AJ$2:AJ$366,ROUNDDOWN($C2923/24,0)+1,1)*INDEX($D$3:$AA$30,INDEX(Jesper!$R$2:$R$366,ROW(INDEX(Jesper!AJ$2:AJ$366,ROUNDDOWN($C2923/24,0)+1,1))-1)+IF('Standard Profiles'!$G$20=$B$10,7,0)+IF('Standard Profiles'!$G$20=$B$17,14,0)+IF('Standard Profiles'!$G$20=$B$24,21,0),MOD($C2923,24)+1)/SUM(INDEX($D$3:$AA$30,INDEX(Jesper!$R$2:$R$366,ROW(INDEX(Jesper!AJ$2:AJ$366,ROUNDDOWN($C2923/24,0)+1,1))-1)+IF('Standard Profiles'!$G$20=$B$10,7,0)+IF('Standard Profiles'!$G$20=$B$17,14,0)+IF('Standard Profiles'!$G$20=$B$24,21,0),0)),0)</f>
        <v>0</v>
      </c>
      <c r="G2923" cm="1">
        <f t="array" ref="G2923">IFERROR(INDEX(Jesper!AK$2:AK$366,ROUNDDOWN($C2923/24,0)+1,1)*INDEX($D$3:$AA$30,INDEX(Jesper!$R$2:$R$366,ROW(INDEX(Jesper!AK$2:AK$366,ROUNDDOWN($C2923/24,0)+1,1))-1)+IF('Standard Profiles'!$G$21=$B$10,7,0)+IF('Standard Profiles'!$G$21=$B$17,14,0)+IF('Standard Profiles'!$G$21=$B$24,21,0),MOD($C2923,24)+1)/SUM(INDEX($D$3:$AA$30,INDEX(Jesper!$R$2:$R$366,ROW(INDEX(Jesper!AK$2:AK$366,ROUNDDOWN($C2923/24,0)+1,1))-1)+IF('Standard Profiles'!$G$21=$B$10,7,0)+IF('Standard Profiles'!$G$21=$B$17,14,0)+IF('Standard Profiles'!$G$21=$B$24,21,0),0)),0)</f>
        <v>0</v>
      </c>
      <c r="H2923" cm="1">
        <f t="array" ref="H2923">IFERROR(INDEX(Jesper!AL$2:AL$366,ROUNDDOWN($C2923/24,0)+1,1)*INDEX($D$3:$AA$30,INDEX(Jesper!$R$2:$R$366,ROW(INDEX(Jesper!AL$2:AL$366,ROUNDDOWN($C2923/24,0)+1,1))-1)+IF('Standard Profiles'!$G$22=$B$10,7,0)+IF('Standard Profiles'!$G$22=$B$17,14,0)+IF('Standard Profiles'!$G$22=$B$24,21,0),MOD($C2923,24)+1)/SUM(INDEX($D$3:$AA$30,INDEX(Jesper!$R$2:$R$366,ROW(INDEX(Jesper!AL$2:AL$366,ROUNDDOWN($C2923/24,0)+1,1))-1)+IF('Standard Profiles'!$G$22=$B$10,7,0)+IF('Standard Profiles'!$G$22=$B$17,14,0)+IF('Standard Profiles'!$G$22=$B$24,21,0),0)),0)</f>
        <v>0</v>
      </c>
      <c r="I2923">
        <f t="shared" si="335"/>
        <v>0.36670416064317279</v>
      </c>
      <c r="J2923">
        <f t="shared" si="336"/>
        <v>1.2223472021439095</v>
      </c>
      <c r="K2923">
        <f t="shared" si="337"/>
        <v>1.8335208032158639</v>
      </c>
      <c r="L2923">
        <f t="shared" si="338"/>
        <v>8.8008998554361462</v>
      </c>
      <c r="M2923">
        <f t="shared" si="339"/>
        <v>0</v>
      </c>
      <c r="N2923" s="46">
        <f t="shared" si="340"/>
        <v>45412.374999992993</v>
      </c>
    </row>
    <row r="2924" spans="2:14" x14ac:dyDescent="0.3">
      <c r="B2924">
        <f t="shared" si="334"/>
        <v>2</v>
      </c>
      <c r="C2924" s="16">
        <v>2890</v>
      </c>
      <c r="D2924" cm="1">
        <f t="array" ref="D2924">IFERROR(INDEX(Jesper!AH$2:AH$366,ROUNDDOWN($C2924/24,0)+1,1)*INDEX($D$3:$AA$30,INDEX(Jesper!$R$2:$R$366,ROW(INDEX(Jesper!AH$2:AH$366,ROUNDDOWN($C2924/24,0)+1,1))-1)+IF('Standard Profiles'!$G$18=$B$10,7,0)+IF('Standard Profiles'!$G$18=$B$17,14,0)+IF('Standard Profiles'!$G$18=$B$24,21,0),MOD($C2924,24)+1)/SUM(INDEX($D$3:$AA$30,INDEX(Jesper!$R$2:$R$366,ROW(INDEX(Jesper!AH$2:AH$366,ROUNDDOWN($C2924/24,0)+1,1))-1)+IF('Standard Profiles'!$G$18=$B$10,7,0)+IF('Standard Profiles'!$G$18=$B$17,14,0)+IF('Standard Profiles'!$G$18=$B$24,21,0),0)),0)</f>
        <v>12.787632268582435</v>
      </c>
      <c r="E2924" cm="1">
        <f t="array" ref="E2924">IFERROR(INDEX(Jesper!AI$2:AI$366,ROUNDDOWN($C2924/24,0)+1,1)*INDEX($D$3:$AA$30,INDEX(Jesper!$R$2:$R$366,ROW(INDEX(Jesper!AI$2:AI$366,ROUNDDOWN($C2924/24,0)+1,1))-1)+IF('Standard Profiles'!$G$19=$B$10,7,0)+IF('Standard Profiles'!$G$19=$B$17,14,0)+IF('Standard Profiles'!$G$19=$B$24,21,0),MOD($C2924,24)+1)/SUM(INDEX($D$3:$AA$30,INDEX(Jesper!$R$2:$R$366,ROW(INDEX(Jesper!AI$2:AI$366,ROUNDDOWN($C2924/24,0)+1,1))-1)+IF('Standard Profiles'!$G$19=$B$10,7,0)+IF('Standard Profiles'!$G$19=$B$17,14,0)+IF('Standard Profiles'!$G$19=$B$24,21,0),0)),0)</f>
        <v>0</v>
      </c>
      <c r="F2924" cm="1">
        <f t="array" ref="F2924">IFERROR(INDEX(Jesper!AJ$2:AJ$366,ROUNDDOWN($C2924/24,0)+1,1)*INDEX($D$3:$AA$30,INDEX(Jesper!$R$2:$R$366,ROW(INDEX(Jesper!AJ$2:AJ$366,ROUNDDOWN($C2924/24,0)+1,1))-1)+IF('Standard Profiles'!$G$20=$B$10,7,0)+IF('Standard Profiles'!$G$20=$B$17,14,0)+IF('Standard Profiles'!$G$20=$B$24,21,0),MOD($C2924,24)+1)/SUM(INDEX($D$3:$AA$30,INDEX(Jesper!$R$2:$R$366,ROW(INDEX(Jesper!AJ$2:AJ$366,ROUNDDOWN($C2924/24,0)+1,1))-1)+IF('Standard Profiles'!$G$20=$B$10,7,0)+IF('Standard Profiles'!$G$20=$B$17,14,0)+IF('Standard Profiles'!$G$20=$B$24,21,0),0)),0)</f>
        <v>0</v>
      </c>
      <c r="G2924" cm="1">
        <f t="array" ref="G2924">IFERROR(INDEX(Jesper!AK$2:AK$366,ROUNDDOWN($C2924/24,0)+1,1)*INDEX($D$3:$AA$30,INDEX(Jesper!$R$2:$R$366,ROW(INDEX(Jesper!AK$2:AK$366,ROUNDDOWN($C2924/24,0)+1,1))-1)+IF('Standard Profiles'!$G$21=$B$10,7,0)+IF('Standard Profiles'!$G$21=$B$17,14,0)+IF('Standard Profiles'!$G$21=$B$24,21,0),MOD($C2924,24)+1)/SUM(INDEX($D$3:$AA$30,INDEX(Jesper!$R$2:$R$366,ROW(INDEX(Jesper!AK$2:AK$366,ROUNDDOWN($C2924/24,0)+1,1))-1)+IF('Standard Profiles'!$G$21=$B$10,7,0)+IF('Standard Profiles'!$G$21=$B$17,14,0)+IF('Standard Profiles'!$G$21=$B$24,21,0),0)),0)</f>
        <v>0</v>
      </c>
      <c r="H2924" cm="1">
        <f t="array" ref="H2924">IFERROR(INDEX(Jesper!AL$2:AL$366,ROUNDDOWN($C2924/24,0)+1,1)*INDEX($D$3:$AA$30,INDEX(Jesper!$R$2:$R$366,ROW(INDEX(Jesper!AL$2:AL$366,ROUNDDOWN($C2924/24,0)+1,1))-1)+IF('Standard Profiles'!$G$22=$B$10,7,0)+IF('Standard Profiles'!$G$22=$B$17,14,0)+IF('Standard Profiles'!$G$22=$B$24,21,0),MOD($C2924,24)+1)/SUM(INDEX($D$3:$AA$30,INDEX(Jesper!$R$2:$R$366,ROW(INDEX(Jesper!AL$2:AL$366,ROUNDDOWN($C2924/24,0)+1,1))-1)+IF('Standard Profiles'!$G$22=$B$10,7,0)+IF('Standard Profiles'!$G$22=$B$17,14,0)+IF('Standard Profiles'!$G$22=$B$24,21,0),0)),0)</f>
        <v>0</v>
      </c>
      <c r="I2924">
        <f t="shared" si="335"/>
        <v>0.38362896805747304</v>
      </c>
      <c r="J2924">
        <f t="shared" si="336"/>
        <v>1.2787632268582436</v>
      </c>
      <c r="K2924">
        <f t="shared" si="337"/>
        <v>1.9181448402873651</v>
      </c>
      <c r="L2924">
        <f t="shared" si="338"/>
        <v>9.2070952333793521</v>
      </c>
      <c r="M2924">
        <f t="shared" si="339"/>
        <v>0</v>
      </c>
      <c r="N2924" s="46">
        <f t="shared" si="340"/>
        <v>45412.416666659657</v>
      </c>
    </row>
    <row r="2925" spans="2:14" x14ac:dyDescent="0.3">
      <c r="B2925">
        <f t="shared" si="334"/>
        <v>2</v>
      </c>
      <c r="C2925" s="16">
        <v>2891</v>
      </c>
      <c r="D2925" cm="1">
        <f t="array" ref="D2925">IFERROR(INDEX(Jesper!AH$2:AH$366,ROUNDDOWN($C2925/24,0)+1,1)*INDEX($D$3:$AA$30,INDEX(Jesper!$R$2:$R$366,ROW(INDEX(Jesper!AH$2:AH$366,ROUNDDOWN($C2925/24,0)+1,1))-1)+IF('Standard Profiles'!$G$18=$B$10,7,0)+IF('Standard Profiles'!$G$18=$B$17,14,0)+IF('Standard Profiles'!$G$18=$B$24,21,0),MOD($C2925,24)+1)/SUM(INDEX($D$3:$AA$30,INDEX(Jesper!$R$2:$R$366,ROW(INDEX(Jesper!AH$2:AH$366,ROUNDDOWN($C2925/24,0)+1,1))-1)+IF('Standard Profiles'!$G$18=$B$10,7,0)+IF('Standard Profiles'!$G$18=$B$17,14,0)+IF('Standard Profiles'!$G$18=$B$24,21,0),0)),0)</f>
        <v>15.044273257155808</v>
      </c>
      <c r="E2925" cm="1">
        <f t="array" ref="E2925">IFERROR(INDEX(Jesper!AI$2:AI$366,ROUNDDOWN($C2925/24,0)+1,1)*INDEX($D$3:$AA$30,INDEX(Jesper!$R$2:$R$366,ROW(INDEX(Jesper!AI$2:AI$366,ROUNDDOWN($C2925/24,0)+1,1))-1)+IF('Standard Profiles'!$G$19=$B$10,7,0)+IF('Standard Profiles'!$G$19=$B$17,14,0)+IF('Standard Profiles'!$G$19=$B$24,21,0),MOD($C2925,24)+1)/SUM(INDEX($D$3:$AA$30,INDEX(Jesper!$R$2:$R$366,ROW(INDEX(Jesper!AI$2:AI$366,ROUNDDOWN($C2925/24,0)+1,1))-1)+IF('Standard Profiles'!$G$19=$B$10,7,0)+IF('Standard Profiles'!$G$19=$B$17,14,0)+IF('Standard Profiles'!$G$19=$B$24,21,0),0)),0)</f>
        <v>0</v>
      </c>
      <c r="F2925" cm="1">
        <f t="array" ref="F2925">IFERROR(INDEX(Jesper!AJ$2:AJ$366,ROUNDDOWN($C2925/24,0)+1,1)*INDEX($D$3:$AA$30,INDEX(Jesper!$R$2:$R$366,ROW(INDEX(Jesper!AJ$2:AJ$366,ROUNDDOWN($C2925/24,0)+1,1))-1)+IF('Standard Profiles'!$G$20=$B$10,7,0)+IF('Standard Profiles'!$G$20=$B$17,14,0)+IF('Standard Profiles'!$G$20=$B$24,21,0),MOD($C2925,24)+1)/SUM(INDEX($D$3:$AA$30,INDEX(Jesper!$R$2:$R$366,ROW(INDEX(Jesper!AJ$2:AJ$366,ROUNDDOWN($C2925/24,0)+1,1))-1)+IF('Standard Profiles'!$G$20=$B$10,7,0)+IF('Standard Profiles'!$G$20=$B$17,14,0)+IF('Standard Profiles'!$G$20=$B$24,21,0),0)),0)</f>
        <v>0</v>
      </c>
      <c r="G2925" cm="1">
        <f t="array" ref="G2925">IFERROR(INDEX(Jesper!AK$2:AK$366,ROUNDDOWN($C2925/24,0)+1,1)*INDEX($D$3:$AA$30,INDEX(Jesper!$R$2:$R$366,ROW(INDEX(Jesper!AK$2:AK$366,ROUNDDOWN($C2925/24,0)+1,1))-1)+IF('Standard Profiles'!$G$21=$B$10,7,0)+IF('Standard Profiles'!$G$21=$B$17,14,0)+IF('Standard Profiles'!$G$21=$B$24,21,0),MOD($C2925,24)+1)/SUM(INDEX($D$3:$AA$30,INDEX(Jesper!$R$2:$R$366,ROW(INDEX(Jesper!AK$2:AK$366,ROUNDDOWN($C2925/24,0)+1,1))-1)+IF('Standard Profiles'!$G$21=$B$10,7,0)+IF('Standard Profiles'!$G$21=$B$17,14,0)+IF('Standard Profiles'!$G$21=$B$24,21,0),0)),0)</f>
        <v>0</v>
      </c>
      <c r="H2925" cm="1">
        <f t="array" ref="H2925">IFERROR(INDEX(Jesper!AL$2:AL$366,ROUNDDOWN($C2925/24,0)+1,1)*INDEX($D$3:$AA$30,INDEX(Jesper!$R$2:$R$366,ROW(INDEX(Jesper!AL$2:AL$366,ROUNDDOWN($C2925/24,0)+1,1))-1)+IF('Standard Profiles'!$G$22=$B$10,7,0)+IF('Standard Profiles'!$G$22=$B$17,14,0)+IF('Standard Profiles'!$G$22=$B$24,21,0),MOD($C2925,24)+1)/SUM(INDEX($D$3:$AA$30,INDEX(Jesper!$R$2:$R$366,ROW(INDEX(Jesper!AL$2:AL$366,ROUNDDOWN($C2925/24,0)+1,1))-1)+IF('Standard Profiles'!$G$22=$B$10,7,0)+IF('Standard Profiles'!$G$22=$B$17,14,0)+IF('Standard Profiles'!$G$22=$B$24,21,0),0)),0)</f>
        <v>0</v>
      </c>
      <c r="I2925">
        <f t="shared" si="335"/>
        <v>0.45132819771467425</v>
      </c>
      <c r="J2925">
        <f t="shared" si="336"/>
        <v>1.5044273257155809</v>
      </c>
      <c r="K2925">
        <f t="shared" si="337"/>
        <v>2.2566409885733711</v>
      </c>
      <c r="L2925">
        <f t="shared" si="338"/>
        <v>10.831876745152181</v>
      </c>
      <c r="M2925">
        <f t="shared" si="339"/>
        <v>0</v>
      </c>
      <c r="N2925" s="46">
        <f t="shared" si="340"/>
        <v>45412.458333326322</v>
      </c>
    </row>
    <row r="2926" spans="2:14" x14ac:dyDescent="0.3">
      <c r="B2926">
        <f t="shared" si="334"/>
        <v>2</v>
      </c>
      <c r="C2926" s="16">
        <v>2892</v>
      </c>
      <c r="D2926" cm="1">
        <f t="array" ref="D2926">IFERROR(INDEX(Jesper!AH$2:AH$366,ROUNDDOWN($C2926/24,0)+1,1)*INDEX($D$3:$AA$30,INDEX(Jesper!$R$2:$R$366,ROW(INDEX(Jesper!AH$2:AH$366,ROUNDDOWN($C2926/24,0)+1,1))-1)+IF('Standard Profiles'!$G$18=$B$10,7,0)+IF('Standard Profiles'!$G$18=$B$17,14,0)+IF('Standard Profiles'!$G$18=$B$24,21,0),MOD($C2926,24)+1)/SUM(INDEX($D$3:$AA$30,INDEX(Jesper!$R$2:$R$366,ROW(INDEX(Jesper!AH$2:AH$366,ROUNDDOWN($C2926/24,0)+1,1))-1)+IF('Standard Profiles'!$G$18=$B$10,7,0)+IF('Standard Profiles'!$G$18=$B$17,14,0)+IF('Standard Profiles'!$G$18=$B$24,21,0),0)),0)</f>
        <v>15.044273257155808</v>
      </c>
      <c r="E2926" cm="1">
        <f t="array" ref="E2926">IFERROR(INDEX(Jesper!AI$2:AI$366,ROUNDDOWN($C2926/24,0)+1,1)*INDEX($D$3:$AA$30,INDEX(Jesper!$R$2:$R$366,ROW(INDEX(Jesper!AI$2:AI$366,ROUNDDOWN($C2926/24,0)+1,1))-1)+IF('Standard Profiles'!$G$19=$B$10,7,0)+IF('Standard Profiles'!$G$19=$B$17,14,0)+IF('Standard Profiles'!$G$19=$B$24,21,0),MOD($C2926,24)+1)/SUM(INDEX($D$3:$AA$30,INDEX(Jesper!$R$2:$R$366,ROW(INDEX(Jesper!AI$2:AI$366,ROUNDDOWN($C2926/24,0)+1,1))-1)+IF('Standard Profiles'!$G$19=$B$10,7,0)+IF('Standard Profiles'!$G$19=$B$17,14,0)+IF('Standard Profiles'!$G$19=$B$24,21,0),0)),0)</f>
        <v>0</v>
      </c>
      <c r="F2926" cm="1">
        <f t="array" ref="F2926">IFERROR(INDEX(Jesper!AJ$2:AJ$366,ROUNDDOWN($C2926/24,0)+1,1)*INDEX($D$3:$AA$30,INDEX(Jesper!$R$2:$R$366,ROW(INDEX(Jesper!AJ$2:AJ$366,ROUNDDOWN($C2926/24,0)+1,1))-1)+IF('Standard Profiles'!$G$20=$B$10,7,0)+IF('Standard Profiles'!$G$20=$B$17,14,0)+IF('Standard Profiles'!$G$20=$B$24,21,0),MOD($C2926,24)+1)/SUM(INDEX($D$3:$AA$30,INDEX(Jesper!$R$2:$R$366,ROW(INDEX(Jesper!AJ$2:AJ$366,ROUNDDOWN($C2926/24,0)+1,1))-1)+IF('Standard Profiles'!$G$20=$B$10,7,0)+IF('Standard Profiles'!$G$20=$B$17,14,0)+IF('Standard Profiles'!$G$20=$B$24,21,0),0)),0)</f>
        <v>0</v>
      </c>
      <c r="G2926" cm="1">
        <f t="array" ref="G2926">IFERROR(INDEX(Jesper!AK$2:AK$366,ROUNDDOWN($C2926/24,0)+1,1)*INDEX($D$3:$AA$30,INDEX(Jesper!$R$2:$R$366,ROW(INDEX(Jesper!AK$2:AK$366,ROUNDDOWN($C2926/24,0)+1,1))-1)+IF('Standard Profiles'!$G$21=$B$10,7,0)+IF('Standard Profiles'!$G$21=$B$17,14,0)+IF('Standard Profiles'!$G$21=$B$24,21,0),MOD($C2926,24)+1)/SUM(INDEX($D$3:$AA$30,INDEX(Jesper!$R$2:$R$366,ROW(INDEX(Jesper!AK$2:AK$366,ROUNDDOWN($C2926/24,0)+1,1))-1)+IF('Standard Profiles'!$G$21=$B$10,7,0)+IF('Standard Profiles'!$G$21=$B$17,14,0)+IF('Standard Profiles'!$G$21=$B$24,21,0),0)),0)</f>
        <v>0</v>
      </c>
      <c r="H2926" cm="1">
        <f t="array" ref="H2926">IFERROR(INDEX(Jesper!AL$2:AL$366,ROUNDDOWN($C2926/24,0)+1,1)*INDEX($D$3:$AA$30,INDEX(Jesper!$R$2:$R$366,ROW(INDEX(Jesper!AL$2:AL$366,ROUNDDOWN($C2926/24,0)+1,1))-1)+IF('Standard Profiles'!$G$22=$B$10,7,0)+IF('Standard Profiles'!$G$22=$B$17,14,0)+IF('Standard Profiles'!$G$22=$B$24,21,0),MOD($C2926,24)+1)/SUM(INDEX($D$3:$AA$30,INDEX(Jesper!$R$2:$R$366,ROW(INDEX(Jesper!AL$2:AL$366,ROUNDDOWN($C2926/24,0)+1,1))-1)+IF('Standard Profiles'!$G$22=$B$10,7,0)+IF('Standard Profiles'!$G$22=$B$17,14,0)+IF('Standard Profiles'!$G$22=$B$24,21,0),0)),0)</f>
        <v>0</v>
      </c>
      <c r="I2926">
        <f t="shared" si="335"/>
        <v>0.45132819771467425</v>
      </c>
      <c r="J2926">
        <f t="shared" si="336"/>
        <v>1.5044273257155809</v>
      </c>
      <c r="K2926">
        <f t="shared" si="337"/>
        <v>2.2566409885733711</v>
      </c>
      <c r="L2926">
        <f t="shared" si="338"/>
        <v>10.831876745152181</v>
      </c>
      <c r="M2926">
        <f t="shared" si="339"/>
        <v>0</v>
      </c>
      <c r="N2926" s="46">
        <f t="shared" si="340"/>
        <v>45412.499999992986</v>
      </c>
    </row>
    <row r="2927" spans="2:14" x14ac:dyDescent="0.3">
      <c r="B2927">
        <f t="shared" si="334"/>
        <v>2</v>
      </c>
      <c r="C2927" s="16">
        <v>2893</v>
      </c>
      <c r="D2927" cm="1">
        <f t="array" ref="D2927">IFERROR(INDEX(Jesper!AH$2:AH$366,ROUNDDOWN($C2927/24,0)+1,1)*INDEX($D$3:$AA$30,INDEX(Jesper!$R$2:$R$366,ROW(INDEX(Jesper!AH$2:AH$366,ROUNDDOWN($C2927/24,0)+1,1))-1)+IF('Standard Profiles'!$G$18=$B$10,7,0)+IF('Standard Profiles'!$G$18=$B$17,14,0)+IF('Standard Profiles'!$G$18=$B$24,21,0),MOD($C2927,24)+1)/SUM(INDEX($D$3:$AA$30,INDEX(Jesper!$R$2:$R$366,ROW(INDEX(Jesper!AH$2:AH$366,ROUNDDOWN($C2927/24,0)+1,1))-1)+IF('Standard Profiles'!$G$18=$B$10,7,0)+IF('Standard Profiles'!$G$18=$B$17,14,0)+IF('Standard Profiles'!$G$18=$B$24,21,0),0)),0)</f>
        <v>15.044273257155808</v>
      </c>
      <c r="E2927" cm="1">
        <f t="array" ref="E2927">IFERROR(INDEX(Jesper!AI$2:AI$366,ROUNDDOWN($C2927/24,0)+1,1)*INDEX($D$3:$AA$30,INDEX(Jesper!$R$2:$R$366,ROW(INDEX(Jesper!AI$2:AI$366,ROUNDDOWN($C2927/24,0)+1,1))-1)+IF('Standard Profiles'!$G$19=$B$10,7,0)+IF('Standard Profiles'!$G$19=$B$17,14,0)+IF('Standard Profiles'!$G$19=$B$24,21,0),MOD($C2927,24)+1)/SUM(INDEX($D$3:$AA$30,INDEX(Jesper!$R$2:$R$366,ROW(INDEX(Jesper!AI$2:AI$366,ROUNDDOWN($C2927/24,0)+1,1))-1)+IF('Standard Profiles'!$G$19=$B$10,7,0)+IF('Standard Profiles'!$G$19=$B$17,14,0)+IF('Standard Profiles'!$G$19=$B$24,21,0),0)),0)</f>
        <v>0</v>
      </c>
      <c r="F2927" cm="1">
        <f t="array" ref="F2927">IFERROR(INDEX(Jesper!AJ$2:AJ$366,ROUNDDOWN($C2927/24,0)+1,1)*INDEX($D$3:$AA$30,INDEX(Jesper!$R$2:$R$366,ROW(INDEX(Jesper!AJ$2:AJ$366,ROUNDDOWN($C2927/24,0)+1,1))-1)+IF('Standard Profiles'!$G$20=$B$10,7,0)+IF('Standard Profiles'!$G$20=$B$17,14,0)+IF('Standard Profiles'!$G$20=$B$24,21,0),MOD($C2927,24)+1)/SUM(INDEX($D$3:$AA$30,INDEX(Jesper!$R$2:$R$366,ROW(INDEX(Jesper!AJ$2:AJ$366,ROUNDDOWN($C2927/24,0)+1,1))-1)+IF('Standard Profiles'!$G$20=$B$10,7,0)+IF('Standard Profiles'!$G$20=$B$17,14,0)+IF('Standard Profiles'!$G$20=$B$24,21,0),0)),0)</f>
        <v>0</v>
      </c>
      <c r="G2927" cm="1">
        <f t="array" ref="G2927">IFERROR(INDEX(Jesper!AK$2:AK$366,ROUNDDOWN($C2927/24,0)+1,1)*INDEX($D$3:$AA$30,INDEX(Jesper!$R$2:$R$366,ROW(INDEX(Jesper!AK$2:AK$366,ROUNDDOWN($C2927/24,0)+1,1))-1)+IF('Standard Profiles'!$G$21=$B$10,7,0)+IF('Standard Profiles'!$G$21=$B$17,14,0)+IF('Standard Profiles'!$G$21=$B$24,21,0),MOD($C2927,24)+1)/SUM(INDEX($D$3:$AA$30,INDEX(Jesper!$R$2:$R$366,ROW(INDEX(Jesper!AK$2:AK$366,ROUNDDOWN($C2927/24,0)+1,1))-1)+IF('Standard Profiles'!$G$21=$B$10,7,0)+IF('Standard Profiles'!$G$21=$B$17,14,0)+IF('Standard Profiles'!$G$21=$B$24,21,0),0)),0)</f>
        <v>0</v>
      </c>
      <c r="H2927" cm="1">
        <f t="array" ref="H2927">IFERROR(INDEX(Jesper!AL$2:AL$366,ROUNDDOWN($C2927/24,0)+1,1)*INDEX($D$3:$AA$30,INDEX(Jesper!$R$2:$R$366,ROW(INDEX(Jesper!AL$2:AL$366,ROUNDDOWN($C2927/24,0)+1,1))-1)+IF('Standard Profiles'!$G$22=$B$10,7,0)+IF('Standard Profiles'!$G$22=$B$17,14,0)+IF('Standard Profiles'!$G$22=$B$24,21,0),MOD($C2927,24)+1)/SUM(INDEX($D$3:$AA$30,INDEX(Jesper!$R$2:$R$366,ROW(INDEX(Jesper!AL$2:AL$366,ROUNDDOWN($C2927/24,0)+1,1))-1)+IF('Standard Profiles'!$G$22=$B$10,7,0)+IF('Standard Profiles'!$G$22=$B$17,14,0)+IF('Standard Profiles'!$G$22=$B$24,21,0),0)),0)</f>
        <v>0</v>
      </c>
      <c r="I2927">
        <f t="shared" si="335"/>
        <v>0.45132819771467425</v>
      </c>
      <c r="J2927">
        <f t="shared" si="336"/>
        <v>1.5044273257155809</v>
      </c>
      <c r="K2927">
        <f t="shared" si="337"/>
        <v>2.2566409885733711</v>
      </c>
      <c r="L2927">
        <f t="shared" si="338"/>
        <v>10.831876745152181</v>
      </c>
      <c r="M2927">
        <f t="shared" si="339"/>
        <v>0</v>
      </c>
      <c r="N2927" s="46">
        <f t="shared" si="340"/>
        <v>45412.54166665965</v>
      </c>
    </row>
    <row r="2928" spans="2:14" x14ac:dyDescent="0.3">
      <c r="B2928">
        <f t="shared" si="334"/>
        <v>2</v>
      </c>
      <c r="C2928" s="16">
        <v>2894</v>
      </c>
      <c r="D2928" cm="1">
        <f t="array" ref="D2928">IFERROR(INDEX(Jesper!AH$2:AH$366,ROUNDDOWN($C2928/24,0)+1,1)*INDEX($D$3:$AA$30,INDEX(Jesper!$R$2:$R$366,ROW(INDEX(Jesper!AH$2:AH$366,ROUNDDOWN($C2928/24,0)+1,1))-1)+IF('Standard Profiles'!$G$18=$B$10,7,0)+IF('Standard Profiles'!$G$18=$B$17,14,0)+IF('Standard Profiles'!$G$18=$B$24,21,0),MOD($C2928,24)+1)/SUM(INDEX($D$3:$AA$30,INDEX(Jesper!$R$2:$R$366,ROW(INDEX(Jesper!AH$2:AH$366,ROUNDDOWN($C2928/24,0)+1,1))-1)+IF('Standard Profiles'!$G$18=$B$10,7,0)+IF('Standard Profiles'!$G$18=$B$17,14,0)+IF('Standard Profiles'!$G$18=$B$24,21,0),0)),0)</f>
        <v>15.044273257155808</v>
      </c>
      <c r="E2928" cm="1">
        <f t="array" ref="E2928">IFERROR(INDEX(Jesper!AI$2:AI$366,ROUNDDOWN($C2928/24,0)+1,1)*INDEX($D$3:$AA$30,INDEX(Jesper!$R$2:$R$366,ROW(INDEX(Jesper!AI$2:AI$366,ROUNDDOWN($C2928/24,0)+1,1))-1)+IF('Standard Profiles'!$G$19=$B$10,7,0)+IF('Standard Profiles'!$G$19=$B$17,14,0)+IF('Standard Profiles'!$G$19=$B$24,21,0),MOD($C2928,24)+1)/SUM(INDEX($D$3:$AA$30,INDEX(Jesper!$R$2:$R$366,ROW(INDEX(Jesper!AI$2:AI$366,ROUNDDOWN($C2928/24,0)+1,1))-1)+IF('Standard Profiles'!$G$19=$B$10,7,0)+IF('Standard Profiles'!$G$19=$B$17,14,0)+IF('Standard Profiles'!$G$19=$B$24,21,0),0)),0)</f>
        <v>0</v>
      </c>
      <c r="F2928" cm="1">
        <f t="array" ref="F2928">IFERROR(INDEX(Jesper!AJ$2:AJ$366,ROUNDDOWN($C2928/24,0)+1,1)*INDEX($D$3:$AA$30,INDEX(Jesper!$R$2:$R$366,ROW(INDEX(Jesper!AJ$2:AJ$366,ROUNDDOWN($C2928/24,0)+1,1))-1)+IF('Standard Profiles'!$G$20=$B$10,7,0)+IF('Standard Profiles'!$G$20=$B$17,14,0)+IF('Standard Profiles'!$G$20=$B$24,21,0),MOD($C2928,24)+1)/SUM(INDEX($D$3:$AA$30,INDEX(Jesper!$R$2:$R$366,ROW(INDEX(Jesper!AJ$2:AJ$366,ROUNDDOWN($C2928/24,0)+1,1))-1)+IF('Standard Profiles'!$G$20=$B$10,7,0)+IF('Standard Profiles'!$G$20=$B$17,14,0)+IF('Standard Profiles'!$G$20=$B$24,21,0),0)),0)</f>
        <v>0</v>
      </c>
      <c r="G2928" cm="1">
        <f t="array" ref="G2928">IFERROR(INDEX(Jesper!AK$2:AK$366,ROUNDDOWN($C2928/24,0)+1,1)*INDEX($D$3:$AA$30,INDEX(Jesper!$R$2:$R$366,ROW(INDEX(Jesper!AK$2:AK$366,ROUNDDOWN($C2928/24,0)+1,1))-1)+IF('Standard Profiles'!$G$21=$B$10,7,0)+IF('Standard Profiles'!$G$21=$B$17,14,0)+IF('Standard Profiles'!$G$21=$B$24,21,0),MOD($C2928,24)+1)/SUM(INDEX($D$3:$AA$30,INDEX(Jesper!$R$2:$R$366,ROW(INDEX(Jesper!AK$2:AK$366,ROUNDDOWN($C2928/24,0)+1,1))-1)+IF('Standard Profiles'!$G$21=$B$10,7,0)+IF('Standard Profiles'!$G$21=$B$17,14,0)+IF('Standard Profiles'!$G$21=$B$24,21,0),0)),0)</f>
        <v>0</v>
      </c>
      <c r="H2928" cm="1">
        <f t="array" ref="H2928">IFERROR(INDEX(Jesper!AL$2:AL$366,ROUNDDOWN($C2928/24,0)+1,1)*INDEX($D$3:$AA$30,INDEX(Jesper!$R$2:$R$366,ROW(INDEX(Jesper!AL$2:AL$366,ROUNDDOWN($C2928/24,0)+1,1))-1)+IF('Standard Profiles'!$G$22=$B$10,7,0)+IF('Standard Profiles'!$G$22=$B$17,14,0)+IF('Standard Profiles'!$G$22=$B$24,21,0),MOD($C2928,24)+1)/SUM(INDEX($D$3:$AA$30,INDEX(Jesper!$R$2:$R$366,ROW(INDEX(Jesper!AL$2:AL$366,ROUNDDOWN($C2928/24,0)+1,1))-1)+IF('Standard Profiles'!$G$22=$B$10,7,0)+IF('Standard Profiles'!$G$22=$B$17,14,0)+IF('Standard Profiles'!$G$22=$B$24,21,0),0)),0)</f>
        <v>0</v>
      </c>
      <c r="I2928">
        <f t="shared" si="335"/>
        <v>0.45132819771467425</v>
      </c>
      <c r="J2928">
        <f t="shared" si="336"/>
        <v>1.5044273257155809</v>
      </c>
      <c r="K2928">
        <f t="shared" si="337"/>
        <v>2.2566409885733711</v>
      </c>
      <c r="L2928">
        <f t="shared" si="338"/>
        <v>10.831876745152181</v>
      </c>
      <c r="M2928">
        <f t="shared" si="339"/>
        <v>0</v>
      </c>
      <c r="N2928" s="46">
        <f t="shared" si="340"/>
        <v>45412.583333326314</v>
      </c>
    </row>
    <row r="2929" spans="2:14" x14ac:dyDescent="0.3">
      <c r="B2929">
        <f t="shared" si="334"/>
        <v>2</v>
      </c>
      <c r="C2929" s="16">
        <v>2895</v>
      </c>
      <c r="D2929" cm="1">
        <f t="array" ref="D2929">IFERROR(INDEX(Jesper!AH$2:AH$366,ROUNDDOWN($C2929/24,0)+1,1)*INDEX($D$3:$AA$30,INDEX(Jesper!$R$2:$R$366,ROW(INDEX(Jesper!AH$2:AH$366,ROUNDDOWN($C2929/24,0)+1,1))-1)+IF('Standard Profiles'!$G$18=$B$10,7,0)+IF('Standard Profiles'!$G$18=$B$17,14,0)+IF('Standard Profiles'!$G$18=$B$24,21,0),MOD($C2929,24)+1)/SUM(INDEX($D$3:$AA$30,INDEX(Jesper!$R$2:$R$366,ROW(INDEX(Jesper!AH$2:AH$366,ROUNDDOWN($C2929/24,0)+1,1))-1)+IF('Standard Profiles'!$G$18=$B$10,7,0)+IF('Standard Profiles'!$G$18=$B$17,14,0)+IF('Standard Profiles'!$G$18=$B$24,21,0),0)),0)</f>
        <v>15.044273257155808</v>
      </c>
      <c r="E2929" cm="1">
        <f t="array" ref="E2929">IFERROR(INDEX(Jesper!AI$2:AI$366,ROUNDDOWN($C2929/24,0)+1,1)*INDEX($D$3:$AA$30,INDEX(Jesper!$R$2:$R$366,ROW(INDEX(Jesper!AI$2:AI$366,ROUNDDOWN($C2929/24,0)+1,1))-1)+IF('Standard Profiles'!$G$19=$B$10,7,0)+IF('Standard Profiles'!$G$19=$B$17,14,0)+IF('Standard Profiles'!$G$19=$B$24,21,0),MOD($C2929,24)+1)/SUM(INDEX($D$3:$AA$30,INDEX(Jesper!$R$2:$R$366,ROW(INDEX(Jesper!AI$2:AI$366,ROUNDDOWN($C2929/24,0)+1,1))-1)+IF('Standard Profiles'!$G$19=$B$10,7,0)+IF('Standard Profiles'!$G$19=$B$17,14,0)+IF('Standard Profiles'!$G$19=$B$24,21,0),0)),0)</f>
        <v>0</v>
      </c>
      <c r="F2929" cm="1">
        <f t="array" ref="F2929">IFERROR(INDEX(Jesper!AJ$2:AJ$366,ROUNDDOWN($C2929/24,0)+1,1)*INDEX($D$3:$AA$30,INDEX(Jesper!$R$2:$R$366,ROW(INDEX(Jesper!AJ$2:AJ$366,ROUNDDOWN($C2929/24,0)+1,1))-1)+IF('Standard Profiles'!$G$20=$B$10,7,0)+IF('Standard Profiles'!$G$20=$B$17,14,0)+IF('Standard Profiles'!$G$20=$B$24,21,0),MOD($C2929,24)+1)/SUM(INDEX($D$3:$AA$30,INDEX(Jesper!$R$2:$R$366,ROW(INDEX(Jesper!AJ$2:AJ$366,ROUNDDOWN($C2929/24,0)+1,1))-1)+IF('Standard Profiles'!$G$20=$B$10,7,0)+IF('Standard Profiles'!$G$20=$B$17,14,0)+IF('Standard Profiles'!$G$20=$B$24,21,0),0)),0)</f>
        <v>0</v>
      </c>
      <c r="G2929" cm="1">
        <f t="array" ref="G2929">IFERROR(INDEX(Jesper!AK$2:AK$366,ROUNDDOWN($C2929/24,0)+1,1)*INDEX($D$3:$AA$30,INDEX(Jesper!$R$2:$R$366,ROW(INDEX(Jesper!AK$2:AK$366,ROUNDDOWN($C2929/24,0)+1,1))-1)+IF('Standard Profiles'!$G$21=$B$10,7,0)+IF('Standard Profiles'!$G$21=$B$17,14,0)+IF('Standard Profiles'!$G$21=$B$24,21,0),MOD($C2929,24)+1)/SUM(INDEX($D$3:$AA$30,INDEX(Jesper!$R$2:$R$366,ROW(INDEX(Jesper!AK$2:AK$366,ROUNDDOWN($C2929/24,0)+1,1))-1)+IF('Standard Profiles'!$G$21=$B$10,7,0)+IF('Standard Profiles'!$G$21=$B$17,14,0)+IF('Standard Profiles'!$G$21=$B$24,21,0),0)),0)</f>
        <v>0</v>
      </c>
      <c r="H2929" cm="1">
        <f t="array" ref="H2929">IFERROR(INDEX(Jesper!AL$2:AL$366,ROUNDDOWN($C2929/24,0)+1,1)*INDEX($D$3:$AA$30,INDEX(Jesper!$R$2:$R$366,ROW(INDEX(Jesper!AL$2:AL$366,ROUNDDOWN($C2929/24,0)+1,1))-1)+IF('Standard Profiles'!$G$22=$B$10,7,0)+IF('Standard Profiles'!$G$22=$B$17,14,0)+IF('Standard Profiles'!$G$22=$B$24,21,0),MOD($C2929,24)+1)/SUM(INDEX($D$3:$AA$30,INDEX(Jesper!$R$2:$R$366,ROW(INDEX(Jesper!AL$2:AL$366,ROUNDDOWN($C2929/24,0)+1,1))-1)+IF('Standard Profiles'!$G$22=$B$10,7,0)+IF('Standard Profiles'!$G$22=$B$17,14,0)+IF('Standard Profiles'!$G$22=$B$24,21,0),0)),0)</f>
        <v>0</v>
      </c>
      <c r="I2929">
        <f t="shared" si="335"/>
        <v>0.45132819771467425</v>
      </c>
      <c r="J2929">
        <f t="shared" si="336"/>
        <v>1.5044273257155809</v>
      </c>
      <c r="K2929">
        <f t="shared" si="337"/>
        <v>2.2566409885733711</v>
      </c>
      <c r="L2929">
        <f t="shared" si="338"/>
        <v>10.831876745152181</v>
      </c>
      <c r="M2929">
        <f t="shared" si="339"/>
        <v>0</v>
      </c>
      <c r="N2929" s="46">
        <f t="shared" si="340"/>
        <v>45412.624999992979</v>
      </c>
    </row>
    <row r="2930" spans="2:14" x14ac:dyDescent="0.3">
      <c r="B2930">
        <f t="shared" si="334"/>
        <v>2</v>
      </c>
      <c r="C2930" s="16">
        <v>2896</v>
      </c>
      <c r="D2930" cm="1">
        <f t="array" ref="D2930">IFERROR(INDEX(Jesper!AH$2:AH$366,ROUNDDOWN($C2930/24,0)+1,1)*INDEX($D$3:$AA$30,INDEX(Jesper!$R$2:$R$366,ROW(INDEX(Jesper!AH$2:AH$366,ROUNDDOWN($C2930/24,0)+1,1))-1)+IF('Standard Profiles'!$G$18=$B$10,7,0)+IF('Standard Profiles'!$G$18=$B$17,14,0)+IF('Standard Profiles'!$G$18=$B$24,21,0),MOD($C2930,24)+1)/SUM(INDEX($D$3:$AA$30,INDEX(Jesper!$R$2:$R$366,ROW(INDEX(Jesper!AH$2:AH$366,ROUNDDOWN($C2930/24,0)+1,1))-1)+IF('Standard Profiles'!$G$18=$B$10,7,0)+IF('Standard Profiles'!$G$18=$B$17,14,0)+IF('Standard Profiles'!$G$18=$B$24,21,0),0)),0)</f>
        <v>15.044273257155808</v>
      </c>
      <c r="E2930" cm="1">
        <f t="array" ref="E2930">IFERROR(INDEX(Jesper!AI$2:AI$366,ROUNDDOWN($C2930/24,0)+1,1)*INDEX($D$3:$AA$30,INDEX(Jesper!$R$2:$R$366,ROW(INDEX(Jesper!AI$2:AI$366,ROUNDDOWN($C2930/24,0)+1,1))-1)+IF('Standard Profiles'!$G$19=$B$10,7,0)+IF('Standard Profiles'!$G$19=$B$17,14,0)+IF('Standard Profiles'!$G$19=$B$24,21,0),MOD($C2930,24)+1)/SUM(INDEX($D$3:$AA$30,INDEX(Jesper!$R$2:$R$366,ROW(INDEX(Jesper!AI$2:AI$366,ROUNDDOWN($C2930/24,0)+1,1))-1)+IF('Standard Profiles'!$G$19=$B$10,7,0)+IF('Standard Profiles'!$G$19=$B$17,14,0)+IF('Standard Profiles'!$G$19=$B$24,21,0),0)),0)</f>
        <v>0</v>
      </c>
      <c r="F2930" cm="1">
        <f t="array" ref="F2930">IFERROR(INDEX(Jesper!AJ$2:AJ$366,ROUNDDOWN($C2930/24,0)+1,1)*INDEX($D$3:$AA$30,INDEX(Jesper!$R$2:$R$366,ROW(INDEX(Jesper!AJ$2:AJ$366,ROUNDDOWN($C2930/24,0)+1,1))-1)+IF('Standard Profiles'!$G$20=$B$10,7,0)+IF('Standard Profiles'!$G$20=$B$17,14,0)+IF('Standard Profiles'!$G$20=$B$24,21,0),MOD($C2930,24)+1)/SUM(INDEX($D$3:$AA$30,INDEX(Jesper!$R$2:$R$366,ROW(INDEX(Jesper!AJ$2:AJ$366,ROUNDDOWN($C2930/24,0)+1,1))-1)+IF('Standard Profiles'!$G$20=$B$10,7,0)+IF('Standard Profiles'!$G$20=$B$17,14,0)+IF('Standard Profiles'!$G$20=$B$24,21,0),0)),0)</f>
        <v>0</v>
      </c>
      <c r="G2930" cm="1">
        <f t="array" ref="G2930">IFERROR(INDEX(Jesper!AK$2:AK$366,ROUNDDOWN($C2930/24,0)+1,1)*INDEX($D$3:$AA$30,INDEX(Jesper!$R$2:$R$366,ROW(INDEX(Jesper!AK$2:AK$366,ROUNDDOWN($C2930/24,0)+1,1))-1)+IF('Standard Profiles'!$G$21=$B$10,7,0)+IF('Standard Profiles'!$G$21=$B$17,14,0)+IF('Standard Profiles'!$G$21=$B$24,21,0),MOD($C2930,24)+1)/SUM(INDEX($D$3:$AA$30,INDEX(Jesper!$R$2:$R$366,ROW(INDEX(Jesper!AK$2:AK$366,ROUNDDOWN($C2930/24,0)+1,1))-1)+IF('Standard Profiles'!$G$21=$B$10,7,0)+IF('Standard Profiles'!$G$21=$B$17,14,0)+IF('Standard Profiles'!$G$21=$B$24,21,0),0)),0)</f>
        <v>0</v>
      </c>
      <c r="H2930" cm="1">
        <f t="array" ref="H2930">IFERROR(INDEX(Jesper!AL$2:AL$366,ROUNDDOWN($C2930/24,0)+1,1)*INDEX($D$3:$AA$30,INDEX(Jesper!$R$2:$R$366,ROW(INDEX(Jesper!AL$2:AL$366,ROUNDDOWN($C2930/24,0)+1,1))-1)+IF('Standard Profiles'!$G$22=$B$10,7,0)+IF('Standard Profiles'!$G$22=$B$17,14,0)+IF('Standard Profiles'!$G$22=$B$24,21,0),MOD($C2930,24)+1)/SUM(INDEX($D$3:$AA$30,INDEX(Jesper!$R$2:$R$366,ROW(INDEX(Jesper!AL$2:AL$366,ROUNDDOWN($C2930/24,0)+1,1))-1)+IF('Standard Profiles'!$G$22=$B$10,7,0)+IF('Standard Profiles'!$G$22=$B$17,14,0)+IF('Standard Profiles'!$G$22=$B$24,21,0),0)),0)</f>
        <v>0</v>
      </c>
      <c r="I2930">
        <f t="shared" si="335"/>
        <v>0.45132819771467425</v>
      </c>
      <c r="J2930">
        <f t="shared" si="336"/>
        <v>1.5044273257155809</v>
      </c>
      <c r="K2930">
        <f t="shared" si="337"/>
        <v>2.2566409885733711</v>
      </c>
      <c r="L2930">
        <f t="shared" si="338"/>
        <v>10.831876745152181</v>
      </c>
      <c r="M2930">
        <f t="shared" si="339"/>
        <v>0</v>
      </c>
      <c r="N2930" s="46">
        <f t="shared" si="340"/>
        <v>45412.666666659643</v>
      </c>
    </row>
    <row r="2931" spans="2:14" x14ac:dyDescent="0.3">
      <c r="B2931">
        <f t="shared" si="334"/>
        <v>2</v>
      </c>
      <c r="C2931" s="16">
        <v>2897</v>
      </c>
      <c r="D2931" cm="1">
        <f t="array" ref="D2931">IFERROR(INDEX(Jesper!AH$2:AH$366,ROUNDDOWN($C2931/24,0)+1,1)*INDEX($D$3:$AA$30,INDEX(Jesper!$R$2:$R$366,ROW(INDEX(Jesper!AH$2:AH$366,ROUNDDOWN($C2931/24,0)+1,1))-1)+IF('Standard Profiles'!$G$18=$B$10,7,0)+IF('Standard Profiles'!$G$18=$B$17,14,0)+IF('Standard Profiles'!$G$18=$B$24,21,0),MOD($C2931,24)+1)/SUM(INDEX($D$3:$AA$30,INDEX(Jesper!$R$2:$R$366,ROW(INDEX(Jesper!AH$2:AH$366,ROUNDDOWN($C2931/24,0)+1,1))-1)+IF('Standard Profiles'!$G$18=$B$10,7,0)+IF('Standard Profiles'!$G$18=$B$17,14,0)+IF('Standard Profiles'!$G$18=$B$24,21,0),0)),0)</f>
        <v>15.044273257155808</v>
      </c>
      <c r="E2931" cm="1">
        <f t="array" ref="E2931">IFERROR(INDEX(Jesper!AI$2:AI$366,ROUNDDOWN($C2931/24,0)+1,1)*INDEX($D$3:$AA$30,INDEX(Jesper!$R$2:$R$366,ROW(INDEX(Jesper!AI$2:AI$366,ROUNDDOWN($C2931/24,0)+1,1))-1)+IF('Standard Profiles'!$G$19=$B$10,7,0)+IF('Standard Profiles'!$G$19=$B$17,14,0)+IF('Standard Profiles'!$G$19=$B$24,21,0),MOD($C2931,24)+1)/SUM(INDEX($D$3:$AA$30,INDEX(Jesper!$R$2:$R$366,ROW(INDEX(Jesper!AI$2:AI$366,ROUNDDOWN($C2931/24,0)+1,1))-1)+IF('Standard Profiles'!$G$19=$B$10,7,0)+IF('Standard Profiles'!$G$19=$B$17,14,0)+IF('Standard Profiles'!$G$19=$B$24,21,0),0)),0)</f>
        <v>0</v>
      </c>
      <c r="F2931" cm="1">
        <f t="array" ref="F2931">IFERROR(INDEX(Jesper!AJ$2:AJ$366,ROUNDDOWN($C2931/24,0)+1,1)*INDEX($D$3:$AA$30,INDEX(Jesper!$R$2:$R$366,ROW(INDEX(Jesper!AJ$2:AJ$366,ROUNDDOWN($C2931/24,0)+1,1))-1)+IF('Standard Profiles'!$G$20=$B$10,7,0)+IF('Standard Profiles'!$G$20=$B$17,14,0)+IF('Standard Profiles'!$G$20=$B$24,21,0),MOD($C2931,24)+1)/SUM(INDEX($D$3:$AA$30,INDEX(Jesper!$R$2:$R$366,ROW(INDEX(Jesper!AJ$2:AJ$366,ROUNDDOWN($C2931/24,0)+1,1))-1)+IF('Standard Profiles'!$G$20=$B$10,7,0)+IF('Standard Profiles'!$G$20=$B$17,14,0)+IF('Standard Profiles'!$G$20=$B$24,21,0),0)),0)</f>
        <v>0</v>
      </c>
      <c r="G2931" cm="1">
        <f t="array" ref="G2931">IFERROR(INDEX(Jesper!AK$2:AK$366,ROUNDDOWN($C2931/24,0)+1,1)*INDEX($D$3:$AA$30,INDEX(Jesper!$R$2:$R$366,ROW(INDEX(Jesper!AK$2:AK$366,ROUNDDOWN($C2931/24,0)+1,1))-1)+IF('Standard Profiles'!$G$21=$B$10,7,0)+IF('Standard Profiles'!$G$21=$B$17,14,0)+IF('Standard Profiles'!$G$21=$B$24,21,0),MOD($C2931,24)+1)/SUM(INDEX($D$3:$AA$30,INDEX(Jesper!$R$2:$R$366,ROW(INDEX(Jesper!AK$2:AK$366,ROUNDDOWN($C2931/24,0)+1,1))-1)+IF('Standard Profiles'!$G$21=$B$10,7,0)+IF('Standard Profiles'!$G$21=$B$17,14,0)+IF('Standard Profiles'!$G$21=$B$24,21,0),0)),0)</f>
        <v>0</v>
      </c>
      <c r="H2931" cm="1">
        <f t="array" ref="H2931">IFERROR(INDEX(Jesper!AL$2:AL$366,ROUNDDOWN($C2931/24,0)+1,1)*INDEX($D$3:$AA$30,INDEX(Jesper!$R$2:$R$366,ROW(INDEX(Jesper!AL$2:AL$366,ROUNDDOWN($C2931/24,0)+1,1))-1)+IF('Standard Profiles'!$G$22=$B$10,7,0)+IF('Standard Profiles'!$G$22=$B$17,14,0)+IF('Standard Profiles'!$G$22=$B$24,21,0),MOD($C2931,24)+1)/SUM(INDEX($D$3:$AA$30,INDEX(Jesper!$R$2:$R$366,ROW(INDEX(Jesper!AL$2:AL$366,ROUNDDOWN($C2931/24,0)+1,1))-1)+IF('Standard Profiles'!$G$22=$B$10,7,0)+IF('Standard Profiles'!$G$22=$B$17,14,0)+IF('Standard Profiles'!$G$22=$B$24,21,0),0)),0)</f>
        <v>0</v>
      </c>
      <c r="I2931">
        <f t="shared" si="335"/>
        <v>0.45132819771467425</v>
      </c>
      <c r="J2931">
        <f t="shared" si="336"/>
        <v>1.5044273257155809</v>
      </c>
      <c r="K2931">
        <f t="shared" si="337"/>
        <v>2.2566409885733711</v>
      </c>
      <c r="L2931">
        <f t="shared" si="338"/>
        <v>10.831876745152181</v>
      </c>
      <c r="M2931">
        <f t="shared" si="339"/>
        <v>0</v>
      </c>
      <c r="N2931" s="46">
        <f t="shared" si="340"/>
        <v>45412.708333326307</v>
      </c>
    </row>
    <row r="2932" spans="2:14" x14ac:dyDescent="0.3">
      <c r="B2932">
        <f t="shared" si="334"/>
        <v>2</v>
      </c>
      <c r="C2932" s="16">
        <v>2898</v>
      </c>
      <c r="D2932" cm="1">
        <f t="array" ref="D2932">IFERROR(INDEX(Jesper!AH$2:AH$366,ROUNDDOWN($C2932/24,0)+1,1)*INDEX($D$3:$AA$30,INDEX(Jesper!$R$2:$R$366,ROW(INDEX(Jesper!AH$2:AH$366,ROUNDDOWN($C2932/24,0)+1,1))-1)+IF('Standard Profiles'!$G$18=$B$10,7,0)+IF('Standard Profiles'!$G$18=$B$17,14,0)+IF('Standard Profiles'!$G$18=$B$24,21,0),MOD($C2932,24)+1)/SUM(INDEX($D$3:$AA$30,INDEX(Jesper!$R$2:$R$366,ROW(INDEX(Jesper!AH$2:AH$366,ROUNDDOWN($C2932/24,0)+1,1))-1)+IF('Standard Profiles'!$G$18=$B$10,7,0)+IF('Standard Profiles'!$G$18=$B$17,14,0)+IF('Standard Profiles'!$G$18=$B$24,21,0),0)),0)</f>
        <v>15.044273257155808</v>
      </c>
      <c r="E2932" cm="1">
        <f t="array" ref="E2932">IFERROR(INDEX(Jesper!AI$2:AI$366,ROUNDDOWN($C2932/24,0)+1,1)*INDEX($D$3:$AA$30,INDEX(Jesper!$R$2:$R$366,ROW(INDEX(Jesper!AI$2:AI$366,ROUNDDOWN($C2932/24,0)+1,1))-1)+IF('Standard Profiles'!$G$19=$B$10,7,0)+IF('Standard Profiles'!$G$19=$B$17,14,0)+IF('Standard Profiles'!$G$19=$B$24,21,0),MOD($C2932,24)+1)/SUM(INDEX($D$3:$AA$30,INDEX(Jesper!$R$2:$R$366,ROW(INDEX(Jesper!AI$2:AI$366,ROUNDDOWN($C2932/24,0)+1,1))-1)+IF('Standard Profiles'!$G$19=$B$10,7,0)+IF('Standard Profiles'!$G$19=$B$17,14,0)+IF('Standard Profiles'!$G$19=$B$24,21,0),0)),0)</f>
        <v>0</v>
      </c>
      <c r="F2932" cm="1">
        <f t="array" ref="F2932">IFERROR(INDEX(Jesper!AJ$2:AJ$366,ROUNDDOWN($C2932/24,0)+1,1)*INDEX($D$3:$AA$30,INDEX(Jesper!$R$2:$R$366,ROW(INDEX(Jesper!AJ$2:AJ$366,ROUNDDOWN($C2932/24,0)+1,1))-1)+IF('Standard Profiles'!$G$20=$B$10,7,0)+IF('Standard Profiles'!$G$20=$B$17,14,0)+IF('Standard Profiles'!$G$20=$B$24,21,0),MOD($C2932,24)+1)/SUM(INDEX($D$3:$AA$30,INDEX(Jesper!$R$2:$R$366,ROW(INDEX(Jesper!AJ$2:AJ$366,ROUNDDOWN($C2932/24,0)+1,1))-1)+IF('Standard Profiles'!$G$20=$B$10,7,0)+IF('Standard Profiles'!$G$20=$B$17,14,0)+IF('Standard Profiles'!$G$20=$B$24,21,0),0)),0)</f>
        <v>0</v>
      </c>
      <c r="G2932" cm="1">
        <f t="array" ref="G2932">IFERROR(INDEX(Jesper!AK$2:AK$366,ROUNDDOWN($C2932/24,0)+1,1)*INDEX($D$3:$AA$30,INDEX(Jesper!$R$2:$R$366,ROW(INDEX(Jesper!AK$2:AK$366,ROUNDDOWN($C2932/24,0)+1,1))-1)+IF('Standard Profiles'!$G$21=$B$10,7,0)+IF('Standard Profiles'!$G$21=$B$17,14,0)+IF('Standard Profiles'!$G$21=$B$24,21,0),MOD($C2932,24)+1)/SUM(INDEX($D$3:$AA$30,INDEX(Jesper!$R$2:$R$366,ROW(INDEX(Jesper!AK$2:AK$366,ROUNDDOWN($C2932/24,0)+1,1))-1)+IF('Standard Profiles'!$G$21=$B$10,7,0)+IF('Standard Profiles'!$G$21=$B$17,14,0)+IF('Standard Profiles'!$G$21=$B$24,21,0),0)),0)</f>
        <v>0</v>
      </c>
      <c r="H2932" cm="1">
        <f t="array" ref="H2932">IFERROR(INDEX(Jesper!AL$2:AL$366,ROUNDDOWN($C2932/24,0)+1,1)*INDEX($D$3:$AA$30,INDEX(Jesper!$R$2:$R$366,ROW(INDEX(Jesper!AL$2:AL$366,ROUNDDOWN($C2932/24,0)+1,1))-1)+IF('Standard Profiles'!$G$22=$B$10,7,0)+IF('Standard Profiles'!$G$22=$B$17,14,0)+IF('Standard Profiles'!$G$22=$B$24,21,0),MOD($C2932,24)+1)/SUM(INDEX($D$3:$AA$30,INDEX(Jesper!$R$2:$R$366,ROW(INDEX(Jesper!AL$2:AL$366,ROUNDDOWN($C2932/24,0)+1,1))-1)+IF('Standard Profiles'!$G$22=$B$10,7,0)+IF('Standard Profiles'!$G$22=$B$17,14,0)+IF('Standard Profiles'!$G$22=$B$24,21,0),0)),0)</f>
        <v>0</v>
      </c>
      <c r="I2932">
        <f t="shared" si="335"/>
        <v>0.45132819771467425</v>
      </c>
      <c r="J2932">
        <f t="shared" si="336"/>
        <v>1.5044273257155809</v>
      </c>
      <c r="K2932">
        <f t="shared" si="337"/>
        <v>2.2566409885733711</v>
      </c>
      <c r="L2932">
        <f t="shared" si="338"/>
        <v>10.831876745152181</v>
      </c>
      <c r="M2932">
        <f t="shared" si="339"/>
        <v>0</v>
      </c>
      <c r="N2932" s="46">
        <f t="shared" si="340"/>
        <v>45412.749999992971</v>
      </c>
    </row>
    <row r="2933" spans="2:14" x14ac:dyDescent="0.3">
      <c r="B2933">
        <f t="shared" si="334"/>
        <v>2</v>
      </c>
      <c r="C2933" s="16">
        <v>2899</v>
      </c>
      <c r="D2933" cm="1">
        <f t="array" ref="D2933">IFERROR(INDEX(Jesper!AH$2:AH$366,ROUNDDOWN($C2933/24,0)+1,1)*INDEX($D$3:$AA$30,INDEX(Jesper!$R$2:$R$366,ROW(INDEX(Jesper!AH$2:AH$366,ROUNDDOWN($C2933/24,0)+1,1))-1)+IF('Standard Profiles'!$G$18=$B$10,7,0)+IF('Standard Profiles'!$G$18=$B$17,14,0)+IF('Standard Profiles'!$G$18=$B$24,21,0),MOD($C2933,24)+1)/SUM(INDEX($D$3:$AA$30,INDEX(Jesper!$R$2:$R$366,ROW(INDEX(Jesper!AH$2:AH$366,ROUNDDOWN($C2933/24,0)+1,1))-1)+IF('Standard Profiles'!$G$18=$B$10,7,0)+IF('Standard Profiles'!$G$18=$B$17,14,0)+IF('Standard Profiles'!$G$18=$B$24,21,0),0)),0)</f>
        <v>12.599578852867989</v>
      </c>
      <c r="E2933" cm="1">
        <f t="array" ref="E2933">IFERROR(INDEX(Jesper!AI$2:AI$366,ROUNDDOWN($C2933/24,0)+1,1)*INDEX($D$3:$AA$30,INDEX(Jesper!$R$2:$R$366,ROW(INDEX(Jesper!AI$2:AI$366,ROUNDDOWN($C2933/24,0)+1,1))-1)+IF('Standard Profiles'!$G$19=$B$10,7,0)+IF('Standard Profiles'!$G$19=$B$17,14,0)+IF('Standard Profiles'!$G$19=$B$24,21,0),MOD($C2933,24)+1)/SUM(INDEX($D$3:$AA$30,INDEX(Jesper!$R$2:$R$366,ROW(INDEX(Jesper!AI$2:AI$366,ROUNDDOWN($C2933/24,0)+1,1))-1)+IF('Standard Profiles'!$G$19=$B$10,7,0)+IF('Standard Profiles'!$G$19=$B$17,14,0)+IF('Standard Profiles'!$G$19=$B$24,21,0),0)),0)</f>
        <v>0</v>
      </c>
      <c r="F2933" cm="1">
        <f t="array" ref="F2933">IFERROR(INDEX(Jesper!AJ$2:AJ$366,ROUNDDOWN($C2933/24,0)+1,1)*INDEX($D$3:$AA$30,INDEX(Jesper!$R$2:$R$366,ROW(INDEX(Jesper!AJ$2:AJ$366,ROUNDDOWN($C2933/24,0)+1,1))-1)+IF('Standard Profiles'!$G$20=$B$10,7,0)+IF('Standard Profiles'!$G$20=$B$17,14,0)+IF('Standard Profiles'!$G$20=$B$24,21,0),MOD($C2933,24)+1)/SUM(INDEX($D$3:$AA$30,INDEX(Jesper!$R$2:$R$366,ROW(INDEX(Jesper!AJ$2:AJ$366,ROUNDDOWN($C2933/24,0)+1,1))-1)+IF('Standard Profiles'!$G$20=$B$10,7,0)+IF('Standard Profiles'!$G$20=$B$17,14,0)+IF('Standard Profiles'!$G$20=$B$24,21,0),0)),0)</f>
        <v>0</v>
      </c>
      <c r="G2933" cm="1">
        <f t="array" ref="G2933">IFERROR(INDEX(Jesper!AK$2:AK$366,ROUNDDOWN($C2933/24,0)+1,1)*INDEX($D$3:$AA$30,INDEX(Jesper!$R$2:$R$366,ROW(INDEX(Jesper!AK$2:AK$366,ROUNDDOWN($C2933/24,0)+1,1))-1)+IF('Standard Profiles'!$G$21=$B$10,7,0)+IF('Standard Profiles'!$G$21=$B$17,14,0)+IF('Standard Profiles'!$G$21=$B$24,21,0),MOD($C2933,24)+1)/SUM(INDEX($D$3:$AA$30,INDEX(Jesper!$R$2:$R$366,ROW(INDEX(Jesper!AK$2:AK$366,ROUNDDOWN($C2933/24,0)+1,1))-1)+IF('Standard Profiles'!$G$21=$B$10,7,0)+IF('Standard Profiles'!$G$21=$B$17,14,0)+IF('Standard Profiles'!$G$21=$B$24,21,0),0)),0)</f>
        <v>0</v>
      </c>
      <c r="H2933" cm="1">
        <f t="array" ref="H2933">IFERROR(INDEX(Jesper!AL$2:AL$366,ROUNDDOWN($C2933/24,0)+1,1)*INDEX($D$3:$AA$30,INDEX(Jesper!$R$2:$R$366,ROW(INDEX(Jesper!AL$2:AL$366,ROUNDDOWN($C2933/24,0)+1,1))-1)+IF('Standard Profiles'!$G$22=$B$10,7,0)+IF('Standard Profiles'!$G$22=$B$17,14,0)+IF('Standard Profiles'!$G$22=$B$24,21,0),MOD($C2933,24)+1)/SUM(INDEX($D$3:$AA$30,INDEX(Jesper!$R$2:$R$366,ROW(INDEX(Jesper!AL$2:AL$366,ROUNDDOWN($C2933/24,0)+1,1))-1)+IF('Standard Profiles'!$G$22=$B$10,7,0)+IF('Standard Profiles'!$G$22=$B$17,14,0)+IF('Standard Profiles'!$G$22=$B$24,21,0),0)),0)</f>
        <v>0</v>
      </c>
      <c r="I2933">
        <f t="shared" si="335"/>
        <v>0.37798736558603963</v>
      </c>
      <c r="J2933">
        <f t="shared" si="336"/>
        <v>1.259957885286799</v>
      </c>
      <c r="K2933">
        <f t="shared" si="337"/>
        <v>1.8899368279301982</v>
      </c>
      <c r="L2933">
        <f t="shared" si="338"/>
        <v>9.0716967740649519</v>
      </c>
      <c r="M2933">
        <f t="shared" si="339"/>
        <v>0</v>
      </c>
      <c r="N2933" s="46">
        <f t="shared" si="340"/>
        <v>45412.791666659636</v>
      </c>
    </row>
    <row r="2934" spans="2:14" x14ac:dyDescent="0.3">
      <c r="B2934">
        <f t="shared" si="334"/>
        <v>2</v>
      </c>
      <c r="C2934" s="16">
        <v>2900</v>
      </c>
      <c r="D2934" cm="1">
        <f t="array" ref="D2934">IFERROR(INDEX(Jesper!AH$2:AH$366,ROUNDDOWN($C2934/24,0)+1,1)*INDEX($D$3:$AA$30,INDEX(Jesper!$R$2:$R$366,ROW(INDEX(Jesper!AH$2:AH$366,ROUNDDOWN($C2934/24,0)+1,1))-1)+IF('Standard Profiles'!$G$18=$B$10,7,0)+IF('Standard Profiles'!$G$18=$B$17,14,0)+IF('Standard Profiles'!$G$18=$B$24,21,0),MOD($C2934,24)+1)/SUM(INDEX($D$3:$AA$30,INDEX(Jesper!$R$2:$R$366,ROW(INDEX(Jesper!AH$2:AH$366,ROUNDDOWN($C2934/24,0)+1,1))-1)+IF('Standard Profiles'!$G$18=$B$10,7,0)+IF('Standard Profiles'!$G$18=$B$17,14,0)+IF('Standard Profiles'!$G$18=$B$24,21,0),0)),0)</f>
        <v>10.342937864294617</v>
      </c>
      <c r="E2934" cm="1">
        <f t="array" ref="E2934">IFERROR(INDEX(Jesper!AI$2:AI$366,ROUNDDOWN($C2934/24,0)+1,1)*INDEX($D$3:$AA$30,INDEX(Jesper!$R$2:$R$366,ROW(INDEX(Jesper!AI$2:AI$366,ROUNDDOWN($C2934/24,0)+1,1))-1)+IF('Standard Profiles'!$G$19=$B$10,7,0)+IF('Standard Profiles'!$G$19=$B$17,14,0)+IF('Standard Profiles'!$G$19=$B$24,21,0),MOD($C2934,24)+1)/SUM(INDEX($D$3:$AA$30,INDEX(Jesper!$R$2:$R$366,ROW(INDEX(Jesper!AI$2:AI$366,ROUNDDOWN($C2934/24,0)+1,1))-1)+IF('Standard Profiles'!$G$19=$B$10,7,0)+IF('Standard Profiles'!$G$19=$B$17,14,0)+IF('Standard Profiles'!$G$19=$B$24,21,0),0)),0)</f>
        <v>0</v>
      </c>
      <c r="F2934" cm="1">
        <f t="array" ref="F2934">IFERROR(INDEX(Jesper!AJ$2:AJ$366,ROUNDDOWN($C2934/24,0)+1,1)*INDEX($D$3:$AA$30,INDEX(Jesper!$R$2:$R$366,ROW(INDEX(Jesper!AJ$2:AJ$366,ROUNDDOWN($C2934/24,0)+1,1))-1)+IF('Standard Profiles'!$G$20=$B$10,7,0)+IF('Standard Profiles'!$G$20=$B$17,14,0)+IF('Standard Profiles'!$G$20=$B$24,21,0),MOD($C2934,24)+1)/SUM(INDEX($D$3:$AA$30,INDEX(Jesper!$R$2:$R$366,ROW(INDEX(Jesper!AJ$2:AJ$366,ROUNDDOWN($C2934/24,0)+1,1))-1)+IF('Standard Profiles'!$G$20=$B$10,7,0)+IF('Standard Profiles'!$G$20=$B$17,14,0)+IF('Standard Profiles'!$G$20=$B$24,21,0),0)),0)</f>
        <v>0</v>
      </c>
      <c r="G2934" cm="1">
        <f t="array" ref="G2934">IFERROR(INDEX(Jesper!AK$2:AK$366,ROUNDDOWN($C2934/24,0)+1,1)*INDEX($D$3:$AA$30,INDEX(Jesper!$R$2:$R$366,ROW(INDEX(Jesper!AK$2:AK$366,ROUNDDOWN($C2934/24,0)+1,1))-1)+IF('Standard Profiles'!$G$21=$B$10,7,0)+IF('Standard Profiles'!$G$21=$B$17,14,0)+IF('Standard Profiles'!$G$21=$B$24,21,0),MOD($C2934,24)+1)/SUM(INDEX($D$3:$AA$30,INDEX(Jesper!$R$2:$R$366,ROW(INDEX(Jesper!AK$2:AK$366,ROUNDDOWN($C2934/24,0)+1,1))-1)+IF('Standard Profiles'!$G$21=$B$10,7,0)+IF('Standard Profiles'!$G$21=$B$17,14,0)+IF('Standard Profiles'!$G$21=$B$24,21,0),0)),0)</f>
        <v>0</v>
      </c>
      <c r="H2934" cm="1">
        <f t="array" ref="H2934">IFERROR(INDEX(Jesper!AL$2:AL$366,ROUNDDOWN($C2934/24,0)+1,1)*INDEX($D$3:$AA$30,INDEX(Jesper!$R$2:$R$366,ROW(INDEX(Jesper!AL$2:AL$366,ROUNDDOWN($C2934/24,0)+1,1))-1)+IF('Standard Profiles'!$G$22=$B$10,7,0)+IF('Standard Profiles'!$G$22=$B$17,14,0)+IF('Standard Profiles'!$G$22=$B$24,21,0),MOD($C2934,24)+1)/SUM(INDEX($D$3:$AA$30,INDEX(Jesper!$R$2:$R$366,ROW(INDEX(Jesper!AL$2:AL$366,ROUNDDOWN($C2934/24,0)+1,1))-1)+IF('Standard Profiles'!$G$22=$B$10,7,0)+IF('Standard Profiles'!$G$22=$B$17,14,0)+IF('Standard Profiles'!$G$22=$B$24,21,0),0)),0)</f>
        <v>0</v>
      </c>
      <c r="I2934">
        <f t="shared" si="335"/>
        <v>0.31028813592883853</v>
      </c>
      <c r="J2934">
        <f t="shared" si="336"/>
        <v>1.0342937864294617</v>
      </c>
      <c r="K2934">
        <f t="shared" si="337"/>
        <v>1.5514406796441926</v>
      </c>
      <c r="L2934">
        <f t="shared" si="338"/>
        <v>7.4469152622921237</v>
      </c>
      <c r="M2934">
        <f t="shared" si="339"/>
        <v>0</v>
      </c>
      <c r="N2934" s="46">
        <f t="shared" si="340"/>
        <v>45412.8333333263</v>
      </c>
    </row>
    <row r="2935" spans="2:14" x14ac:dyDescent="0.3">
      <c r="B2935">
        <f t="shared" si="334"/>
        <v>2</v>
      </c>
      <c r="C2935" s="16">
        <v>2901</v>
      </c>
      <c r="D2935" cm="1">
        <f t="array" ref="D2935">IFERROR(INDEX(Jesper!AH$2:AH$366,ROUNDDOWN($C2935/24,0)+1,1)*INDEX($D$3:$AA$30,INDEX(Jesper!$R$2:$R$366,ROW(INDEX(Jesper!AH$2:AH$366,ROUNDDOWN($C2935/24,0)+1,1))-1)+IF('Standard Profiles'!$G$18=$B$10,7,0)+IF('Standard Profiles'!$G$18=$B$17,14,0)+IF('Standard Profiles'!$G$18=$B$24,21,0),MOD($C2935,24)+1)/SUM(INDEX($D$3:$AA$30,INDEX(Jesper!$R$2:$R$366,ROW(INDEX(Jesper!AH$2:AH$366,ROUNDDOWN($C2935/24,0)+1,1))-1)+IF('Standard Profiles'!$G$18=$B$10,7,0)+IF('Standard Profiles'!$G$18=$B$17,14,0)+IF('Standard Profiles'!$G$18=$B$24,21,0),0)),0)</f>
        <v>7.5221366285779041</v>
      </c>
      <c r="E2935" cm="1">
        <f t="array" ref="E2935">IFERROR(INDEX(Jesper!AI$2:AI$366,ROUNDDOWN($C2935/24,0)+1,1)*INDEX($D$3:$AA$30,INDEX(Jesper!$R$2:$R$366,ROW(INDEX(Jesper!AI$2:AI$366,ROUNDDOWN($C2935/24,0)+1,1))-1)+IF('Standard Profiles'!$G$19=$B$10,7,0)+IF('Standard Profiles'!$G$19=$B$17,14,0)+IF('Standard Profiles'!$G$19=$B$24,21,0),MOD($C2935,24)+1)/SUM(INDEX($D$3:$AA$30,INDEX(Jesper!$R$2:$R$366,ROW(INDEX(Jesper!AI$2:AI$366,ROUNDDOWN($C2935/24,0)+1,1))-1)+IF('Standard Profiles'!$G$19=$B$10,7,0)+IF('Standard Profiles'!$G$19=$B$17,14,0)+IF('Standard Profiles'!$G$19=$B$24,21,0),0)),0)</f>
        <v>0</v>
      </c>
      <c r="F2935" cm="1">
        <f t="array" ref="F2935">IFERROR(INDEX(Jesper!AJ$2:AJ$366,ROUNDDOWN($C2935/24,0)+1,1)*INDEX($D$3:$AA$30,INDEX(Jesper!$R$2:$R$366,ROW(INDEX(Jesper!AJ$2:AJ$366,ROUNDDOWN($C2935/24,0)+1,1))-1)+IF('Standard Profiles'!$G$20=$B$10,7,0)+IF('Standard Profiles'!$G$20=$B$17,14,0)+IF('Standard Profiles'!$G$20=$B$24,21,0),MOD($C2935,24)+1)/SUM(INDEX($D$3:$AA$30,INDEX(Jesper!$R$2:$R$366,ROW(INDEX(Jesper!AJ$2:AJ$366,ROUNDDOWN($C2935/24,0)+1,1))-1)+IF('Standard Profiles'!$G$20=$B$10,7,0)+IF('Standard Profiles'!$G$20=$B$17,14,0)+IF('Standard Profiles'!$G$20=$B$24,21,0),0)),0)</f>
        <v>0</v>
      </c>
      <c r="G2935" cm="1">
        <f t="array" ref="G2935">IFERROR(INDEX(Jesper!AK$2:AK$366,ROUNDDOWN($C2935/24,0)+1,1)*INDEX($D$3:$AA$30,INDEX(Jesper!$R$2:$R$366,ROW(INDEX(Jesper!AK$2:AK$366,ROUNDDOWN($C2935/24,0)+1,1))-1)+IF('Standard Profiles'!$G$21=$B$10,7,0)+IF('Standard Profiles'!$G$21=$B$17,14,0)+IF('Standard Profiles'!$G$21=$B$24,21,0),MOD($C2935,24)+1)/SUM(INDEX($D$3:$AA$30,INDEX(Jesper!$R$2:$R$366,ROW(INDEX(Jesper!AK$2:AK$366,ROUNDDOWN($C2935/24,0)+1,1))-1)+IF('Standard Profiles'!$G$21=$B$10,7,0)+IF('Standard Profiles'!$G$21=$B$17,14,0)+IF('Standard Profiles'!$G$21=$B$24,21,0),0)),0)</f>
        <v>0</v>
      </c>
      <c r="H2935" cm="1">
        <f t="array" ref="H2935">IFERROR(INDEX(Jesper!AL$2:AL$366,ROUNDDOWN($C2935/24,0)+1,1)*INDEX($D$3:$AA$30,INDEX(Jesper!$R$2:$R$366,ROW(INDEX(Jesper!AL$2:AL$366,ROUNDDOWN($C2935/24,0)+1,1))-1)+IF('Standard Profiles'!$G$22=$B$10,7,0)+IF('Standard Profiles'!$G$22=$B$17,14,0)+IF('Standard Profiles'!$G$22=$B$24,21,0),MOD($C2935,24)+1)/SUM(INDEX($D$3:$AA$30,INDEX(Jesper!$R$2:$R$366,ROW(INDEX(Jesper!AL$2:AL$366,ROUNDDOWN($C2935/24,0)+1,1))-1)+IF('Standard Profiles'!$G$22=$B$10,7,0)+IF('Standard Profiles'!$G$22=$B$17,14,0)+IF('Standard Profiles'!$G$22=$B$24,21,0),0)),0)</f>
        <v>0</v>
      </c>
      <c r="I2935">
        <f t="shared" si="335"/>
        <v>0.22566409885733713</v>
      </c>
      <c r="J2935">
        <f t="shared" si="336"/>
        <v>0.75221366285779045</v>
      </c>
      <c r="K2935">
        <f t="shared" si="337"/>
        <v>1.1283204942866856</v>
      </c>
      <c r="L2935">
        <f t="shared" si="338"/>
        <v>5.4159383725760906</v>
      </c>
      <c r="M2935">
        <f t="shared" si="339"/>
        <v>0</v>
      </c>
      <c r="N2935" s="46">
        <f t="shared" si="340"/>
        <v>45412.874999992964</v>
      </c>
    </row>
    <row r="2936" spans="2:14" x14ac:dyDescent="0.3">
      <c r="B2936">
        <f t="shared" si="334"/>
        <v>2</v>
      </c>
      <c r="C2936" s="16">
        <v>2902</v>
      </c>
      <c r="D2936" cm="1">
        <f t="array" ref="D2936">IFERROR(INDEX(Jesper!AH$2:AH$366,ROUNDDOWN($C2936/24,0)+1,1)*INDEX($D$3:$AA$30,INDEX(Jesper!$R$2:$R$366,ROW(INDEX(Jesper!AH$2:AH$366,ROUNDDOWN($C2936/24,0)+1,1))-1)+IF('Standard Profiles'!$G$18=$B$10,7,0)+IF('Standard Profiles'!$G$18=$B$17,14,0)+IF('Standard Profiles'!$G$18=$B$24,21,0),MOD($C2936,24)+1)/SUM(INDEX($D$3:$AA$30,INDEX(Jesper!$R$2:$R$366,ROW(INDEX(Jesper!AH$2:AH$366,ROUNDDOWN($C2936/24,0)+1,1))-1)+IF('Standard Profiles'!$G$18=$B$10,7,0)+IF('Standard Profiles'!$G$18=$B$17,14,0)+IF('Standard Profiles'!$G$18=$B$24,21,0),0)),0)</f>
        <v>7.5221366285779041</v>
      </c>
      <c r="E2936" cm="1">
        <f t="array" ref="E2936">IFERROR(INDEX(Jesper!AI$2:AI$366,ROUNDDOWN($C2936/24,0)+1,1)*INDEX($D$3:$AA$30,INDEX(Jesper!$R$2:$R$366,ROW(INDEX(Jesper!AI$2:AI$366,ROUNDDOWN($C2936/24,0)+1,1))-1)+IF('Standard Profiles'!$G$19=$B$10,7,0)+IF('Standard Profiles'!$G$19=$B$17,14,0)+IF('Standard Profiles'!$G$19=$B$24,21,0),MOD($C2936,24)+1)/SUM(INDEX($D$3:$AA$30,INDEX(Jesper!$R$2:$R$366,ROW(INDEX(Jesper!AI$2:AI$366,ROUNDDOWN($C2936/24,0)+1,1))-1)+IF('Standard Profiles'!$G$19=$B$10,7,0)+IF('Standard Profiles'!$G$19=$B$17,14,0)+IF('Standard Profiles'!$G$19=$B$24,21,0),0)),0)</f>
        <v>0</v>
      </c>
      <c r="F2936" cm="1">
        <f t="array" ref="F2936">IFERROR(INDEX(Jesper!AJ$2:AJ$366,ROUNDDOWN($C2936/24,0)+1,1)*INDEX($D$3:$AA$30,INDEX(Jesper!$R$2:$R$366,ROW(INDEX(Jesper!AJ$2:AJ$366,ROUNDDOWN($C2936/24,0)+1,1))-1)+IF('Standard Profiles'!$G$20=$B$10,7,0)+IF('Standard Profiles'!$G$20=$B$17,14,0)+IF('Standard Profiles'!$G$20=$B$24,21,0),MOD($C2936,24)+1)/SUM(INDEX($D$3:$AA$30,INDEX(Jesper!$R$2:$R$366,ROW(INDEX(Jesper!AJ$2:AJ$366,ROUNDDOWN($C2936/24,0)+1,1))-1)+IF('Standard Profiles'!$G$20=$B$10,7,0)+IF('Standard Profiles'!$G$20=$B$17,14,0)+IF('Standard Profiles'!$G$20=$B$24,21,0),0)),0)</f>
        <v>0</v>
      </c>
      <c r="G2936" cm="1">
        <f t="array" ref="G2936">IFERROR(INDEX(Jesper!AK$2:AK$366,ROUNDDOWN($C2936/24,0)+1,1)*INDEX($D$3:$AA$30,INDEX(Jesper!$R$2:$R$366,ROW(INDEX(Jesper!AK$2:AK$366,ROUNDDOWN($C2936/24,0)+1,1))-1)+IF('Standard Profiles'!$G$21=$B$10,7,0)+IF('Standard Profiles'!$G$21=$B$17,14,0)+IF('Standard Profiles'!$G$21=$B$24,21,0),MOD($C2936,24)+1)/SUM(INDEX($D$3:$AA$30,INDEX(Jesper!$R$2:$R$366,ROW(INDEX(Jesper!AK$2:AK$366,ROUNDDOWN($C2936/24,0)+1,1))-1)+IF('Standard Profiles'!$G$21=$B$10,7,0)+IF('Standard Profiles'!$G$21=$B$17,14,0)+IF('Standard Profiles'!$G$21=$B$24,21,0),0)),0)</f>
        <v>0</v>
      </c>
      <c r="H2936" cm="1">
        <f t="array" ref="H2936">IFERROR(INDEX(Jesper!AL$2:AL$366,ROUNDDOWN($C2936/24,0)+1,1)*INDEX($D$3:$AA$30,INDEX(Jesper!$R$2:$R$366,ROW(INDEX(Jesper!AL$2:AL$366,ROUNDDOWN($C2936/24,0)+1,1))-1)+IF('Standard Profiles'!$G$22=$B$10,7,0)+IF('Standard Profiles'!$G$22=$B$17,14,0)+IF('Standard Profiles'!$G$22=$B$24,21,0),MOD($C2936,24)+1)/SUM(INDEX($D$3:$AA$30,INDEX(Jesper!$R$2:$R$366,ROW(INDEX(Jesper!AL$2:AL$366,ROUNDDOWN($C2936/24,0)+1,1))-1)+IF('Standard Profiles'!$G$22=$B$10,7,0)+IF('Standard Profiles'!$G$22=$B$17,14,0)+IF('Standard Profiles'!$G$22=$B$24,21,0),0)),0)</f>
        <v>0</v>
      </c>
      <c r="I2936">
        <f t="shared" si="335"/>
        <v>0.22566409885733713</v>
      </c>
      <c r="J2936">
        <f t="shared" si="336"/>
        <v>0.75221366285779045</v>
      </c>
      <c r="K2936">
        <f t="shared" si="337"/>
        <v>1.1283204942866856</v>
      </c>
      <c r="L2936">
        <f t="shared" si="338"/>
        <v>5.4159383725760906</v>
      </c>
      <c r="M2936">
        <f t="shared" si="339"/>
        <v>0</v>
      </c>
      <c r="N2936" s="46">
        <f t="shared" si="340"/>
        <v>45412.916666659628</v>
      </c>
    </row>
    <row r="2937" spans="2:14" x14ac:dyDescent="0.3">
      <c r="B2937">
        <f t="shared" si="334"/>
        <v>2</v>
      </c>
      <c r="C2937" s="16">
        <v>2903</v>
      </c>
      <c r="D2937" cm="1">
        <f t="array" ref="D2937">IFERROR(INDEX(Jesper!AH$2:AH$366,ROUNDDOWN($C2937/24,0)+1,1)*INDEX($D$3:$AA$30,INDEX(Jesper!$R$2:$R$366,ROW(INDEX(Jesper!AH$2:AH$366,ROUNDDOWN($C2937/24,0)+1,1))-1)+IF('Standard Profiles'!$G$18=$B$10,7,0)+IF('Standard Profiles'!$G$18=$B$17,14,0)+IF('Standard Profiles'!$G$18=$B$24,21,0),MOD($C2937,24)+1)/SUM(INDEX($D$3:$AA$30,INDEX(Jesper!$R$2:$R$366,ROW(INDEX(Jesper!AH$2:AH$366,ROUNDDOWN($C2937/24,0)+1,1))-1)+IF('Standard Profiles'!$G$18=$B$10,7,0)+IF('Standard Profiles'!$G$18=$B$17,14,0)+IF('Standard Profiles'!$G$18=$B$24,21,0),0)),0)</f>
        <v>7.5221366285779041</v>
      </c>
      <c r="E2937" cm="1">
        <f t="array" ref="E2937">IFERROR(INDEX(Jesper!AI$2:AI$366,ROUNDDOWN($C2937/24,0)+1,1)*INDEX($D$3:$AA$30,INDEX(Jesper!$R$2:$R$366,ROW(INDEX(Jesper!AI$2:AI$366,ROUNDDOWN($C2937/24,0)+1,1))-1)+IF('Standard Profiles'!$G$19=$B$10,7,0)+IF('Standard Profiles'!$G$19=$B$17,14,0)+IF('Standard Profiles'!$G$19=$B$24,21,0),MOD($C2937,24)+1)/SUM(INDEX($D$3:$AA$30,INDEX(Jesper!$R$2:$R$366,ROW(INDEX(Jesper!AI$2:AI$366,ROUNDDOWN($C2937/24,0)+1,1))-1)+IF('Standard Profiles'!$G$19=$B$10,7,0)+IF('Standard Profiles'!$G$19=$B$17,14,0)+IF('Standard Profiles'!$G$19=$B$24,21,0),0)),0)</f>
        <v>0</v>
      </c>
      <c r="F2937" cm="1">
        <f t="array" ref="F2937">IFERROR(INDEX(Jesper!AJ$2:AJ$366,ROUNDDOWN($C2937/24,0)+1,1)*INDEX($D$3:$AA$30,INDEX(Jesper!$R$2:$R$366,ROW(INDEX(Jesper!AJ$2:AJ$366,ROUNDDOWN($C2937/24,0)+1,1))-1)+IF('Standard Profiles'!$G$20=$B$10,7,0)+IF('Standard Profiles'!$G$20=$B$17,14,0)+IF('Standard Profiles'!$G$20=$B$24,21,0),MOD($C2937,24)+1)/SUM(INDEX($D$3:$AA$30,INDEX(Jesper!$R$2:$R$366,ROW(INDEX(Jesper!AJ$2:AJ$366,ROUNDDOWN($C2937/24,0)+1,1))-1)+IF('Standard Profiles'!$G$20=$B$10,7,0)+IF('Standard Profiles'!$G$20=$B$17,14,0)+IF('Standard Profiles'!$G$20=$B$24,21,0),0)),0)</f>
        <v>0</v>
      </c>
      <c r="G2937" cm="1">
        <f t="array" ref="G2937">IFERROR(INDEX(Jesper!AK$2:AK$366,ROUNDDOWN($C2937/24,0)+1,1)*INDEX($D$3:$AA$30,INDEX(Jesper!$R$2:$R$366,ROW(INDEX(Jesper!AK$2:AK$366,ROUNDDOWN($C2937/24,0)+1,1))-1)+IF('Standard Profiles'!$G$21=$B$10,7,0)+IF('Standard Profiles'!$G$21=$B$17,14,0)+IF('Standard Profiles'!$G$21=$B$24,21,0),MOD($C2937,24)+1)/SUM(INDEX($D$3:$AA$30,INDEX(Jesper!$R$2:$R$366,ROW(INDEX(Jesper!AK$2:AK$366,ROUNDDOWN($C2937/24,0)+1,1))-1)+IF('Standard Profiles'!$G$21=$B$10,7,0)+IF('Standard Profiles'!$G$21=$B$17,14,0)+IF('Standard Profiles'!$G$21=$B$24,21,0),0)),0)</f>
        <v>0</v>
      </c>
      <c r="H2937" cm="1">
        <f t="array" ref="H2937">IFERROR(INDEX(Jesper!AL$2:AL$366,ROUNDDOWN($C2937/24,0)+1,1)*INDEX($D$3:$AA$30,INDEX(Jesper!$R$2:$R$366,ROW(INDEX(Jesper!AL$2:AL$366,ROUNDDOWN($C2937/24,0)+1,1))-1)+IF('Standard Profiles'!$G$22=$B$10,7,0)+IF('Standard Profiles'!$G$22=$B$17,14,0)+IF('Standard Profiles'!$G$22=$B$24,21,0),MOD($C2937,24)+1)/SUM(INDEX($D$3:$AA$30,INDEX(Jesper!$R$2:$R$366,ROW(INDEX(Jesper!AL$2:AL$366,ROUNDDOWN($C2937/24,0)+1,1))-1)+IF('Standard Profiles'!$G$22=$B$10,7,0)+IF('Standard Profiles'!$G$22=$B$17,14,0)+IF('Standard Profiles'!$G$22=$B$24,21,0),0)),0)</f>
        <v>0</v>
      </c>
      <c r="I2937">
        <f t="shared" si="335"/>
        <v>0.22566409885733713</v>
      </c>
      <c r="J2937">
        <f t="shared" si="336"/>
        <v>0.75221366285779045</v>
      </c>
      <c r="K2937">
        <f t="shared" si="337"/>
        <v>1.1283204942866856</v>
      </c>
      <c r="L2937">
        <f t="shared" si="338"/>
        <v>5.4159383725760906</v>
      </c>
      <c r="M2937">
        <f t="shared" si="339"/>
        <v>0</v>
      </c>
      <c r="N2937" s="46">
        <f t="shared" si="340"/>
        <v>45412.958333326293</v>
      </c>
    </row>
    <row r="2938" spans="2:14" x14ac:dyDescent="0.3">
      <c r="B2938">
        <f t="shared" si="334"/>
        <v>3</v>
      </c>
      <c r="C2938" s="16">
        <v>2904</v>
      </c>
      <c r="D2938" cm="1">
        <f t="array" ref="D2938">IFERROR(INDEX(Jesper!AH$2:AH$366,ROUNDDOWN($C2938/24,0)+1,1)*INDEX($D$3:$AA$30,INDEX(Jesper!$R$2:$R$366,ROW(INDEX(Jesper!AH$2:AH$366,ROUNDDOWN($C2938/24,0)+1,1))-1)+IF('Standard Profiles'!$G$18=$B$10,7,0)+IF('Standard Profiles'!$G$18=$B$17,14,0)+IF('Standard Profiles'!$G$18=$B$24,21,0),MOD($C2938,24)+1)/SUM(INDEX($D$3:$AA$30,INDEX(Jesper!$R$2:$R$366,ROW(INDEX(Jesper!AH$2:AH$366,ROUNDDOWN($C2938/24,0)+1,1))-1)+IF('Standard Profiles'!$G$18=$B$10,7,0)+IF('Standard Profiles'!$G$18=$B$17,14,0)+IF('Standard Profiles'!$G$18=$B$24,21,0),0)),0)</f>
        <v>6.6355488021083042</v>
      </c>
      <c r="E2938" cm="1">
        <f t="array" ref="E2938">IFERROR(INDEX(Jesper!AI$2:AI$366,ROUNDDOWN($C2938/24,0)+1,1)*INDEX($D$3:$AA$30,INDEX(Jesper!$R$2:$R$366,ROW(INDEX(Jesper!AI$2:AI$366,ROUNDDOWN($C2938/24,0)+1,1))-1)+IF('Standard Profiles'!$G$19=$B$10,7,0)+IF('Standard Profiles'!$G$19=$B$17,14,0)+IF('Standard Profiles'!$G$19=$B$24,21,0),MOD($C2938,24)+1)/SUM(INDEX($D$3:$AA$30,INDEX(Jesper!$R$2:$R$366,ROW(INDEX(Jesper!AI$2:AI$366,ROUNDDOWN($C2938/24,0)+1,1))-1)+IF('Standard Profiles'!$G$19=$B$10,7,0)+IF('Standard Profiles'!$G$19=$B$17,14,0)+IF('Standard Profiles'!$G$19=$B$24,21,0),0)),0)</f>
        <v>0</v>
      </c>
      <c r="F2938" cm="1">
        <f t="array" ref="F2938">IFERROR(INDEX(Jesper!AJ$2:AJ$366,ROUNDDOWN($C2938/24,0)+1,1)*INDEX($D$3:$AA$30,INDEX(Jesper!$R$2:$R$366,ROW(INDEX(Jesper!AJ$2:AJ$366,ROUNDDOWN($C2938/24,0)+1,1))-1)+IF('Standard Profiles'!$G$20=$B$10,7,0)+IF('Standard Profiles'!$G$20=$B$17,14,0)+IF('Standard Profiles'!$G$20=$B$24,21,0),MOD($C2938,24)+1)/SUM(INDEX($D$3:$AA$30,INDEX(Jesper!$R$2:$R$366,ROW(INDEX(Jesper!AJ$2:AJ$366,ROUNDDOWN($C2938/24,0)+1,1))-1)+IF('Standard Profiles'!$G$20=$B$10,7,0)+IF('Standard Profiles'!$G$20=$B$17,14,0)+IF('Standard Profiles'!$G$20=$B$24,21,0),0)),0)</f>
        <v>0</v>
      </c>
      <c r="G2938" cm="1">
        <f t="array" ref="G2938">IFERROR(INDEX(Jesper!AK$2:AK$366,ROUNDDOWN($C2938/24,0)+1,1)*INDEX($D$3:$AA$30,INDEX(Jesper!$R$2:$R$366,ROW(INDEX(Jesper!AK$2:AK$366,ROUNDDOWN($C2938/24,0)+1,1))-1)+IF('Standard Profiles'!$G$21=$B$10,7,0)+IF('Standard Profiles'!$G$21=$B$17,14,0)+IF('Standard Profiles'!$G$21=$B$24,21,0),MOD($C2938,24)+1)/SUM(INDEX($D$3:$AA$30,INDEX(Jesper!$R$2:$R$366,ROW(INDEX(Jesper!AK$2:AK$366,ROUNDDOWN($C2938/24,0)+1,1))-1)+IF('Standard Profiles'!$G$21=$B$10,7,0)+IF('Standard Profiles'!$G$21=$B$17,14,0)+IF('Standard Profiles'!$G$21=$B$24,21,0),0)),0)</f>
        <v>0</v>
      </c>
      <c r="H2938" cm="1">
        <f t="array" ref="H2938">IFERROR(INDEX(Jesper!AL$2:AL$366,ROUNDDOWN($C2938/24,0)+1,1)*INDEX($D$3:$AA$30,INDEX(Jesper!$R$2:$R$366,ROW(INDEX(Jesper!AL$2:AL$366,ROUNDDOWN($C2938/24,0)+1,1))-1)+IF('Standard Profiles'!$G$22=$B$10,7,0)+IF('Standard Profiles'!$G$22=$B$17,14,0)+IF('Standard Profiles'!$G$22=$B$24,21,0),MOD($C2938,24)+1)/SUM(INDEX($D$3:$AA$30,INDEX(Jesper!$R$2:$R$366,ROW(INDEX(Jesper!AL$2:AL$366,ROUNDDOWN($C2938/24,0)+1,1))-1)+IF('Standard Profiles'!$G$22=$B$10,7,0)+IF('Standard Profiles'!$G$22=$B$17,14,0)+IF('Standard Profiles'!$G$22=$B$24,21,0),0)),0)</f>
        <v>0</v>
      </c>
      <c r="I2938">
        <f t="shared" si="335"/>
        <v>0.19906646406324913</v>
      </c>
      <c r="J2938">
        <f t="shared" si="336"/>
        <v>0.66355488021083042</v>
      </c>
      <c r="K2938">
        <f t="shared" si="337"/>
        <v>0.99533232031624563</v>
      </c>
      <c r="L2938">
        <f t="shared" si="338"/>
        <v>4.777595137517979</v>
      </c>
      <c r="M2938">
        <f t="shared" si="339"/>
        <v>0</v>
      </c>
      <c r="N2938" s="46">
        <f t="shared" si="340"/>
        <v>45412.999999992957</v>
      </c>
    </row>
    <row r="2939" spans="2:14" x14ac:dyDescent="0.3">
      <c r="B2939">
        <f t="shared" si="334"/>
        <v>3</v>
      </c>
      <c r="C2939" s="16">
        <v>2905</v>
      </c>
      <c r="D2939" cm="1">
        <f t="array" ref="D2939">IFERROR(INDEX(Jesper!AH$2:AH$366,ROUNDDOWN($C2939/24,0)+1,1)*INDEX($D$3:$AA$30,INDEX(Jesper!$R$2:$R$366,ROW(INDEX(Jesper!AH$2:AH$366,ROUNDDOWN($C2939/24,0)+1,1))-1)+IF('Standard Profiles'!$G$18=$B$10,7,0)+IF('Standard Profiles'!$G$18=$B$17,14,0)+IF('Standard Profiles'!$G$18=$B$24,21,0),MOD($C2939,24)+1)/SUM(INDEX($D$3:$AA$30,INDEX(Jesper!$R$2:$R$366,ROW(INDEX(Jesper!AH$2:AH$366,ROUNDDOWN($C2939/24,0)+1,1))-1)+IF('Standard Profiles'!$G$18=$B$10,7,0)+IF('Standard Profiles'!$G$18=$B$17,14,0)+IF('Standard Profiles'!$G$18=$B$24,21,0),0)),0)</f>
        <v>7.4649924023718421</v>
      </c>
      <c r="E2939" cm="1">
        <f t="array" ref="E2939">IFERROR(INDEX(Jesper!AI$2:AI$366,ROUNDDOWN($C2939/24,0)+1,1)*INDEX($D$3:$AA$30,INDEX(Jesper!$R$2:$R$366,ROW(INDEX(Jesper!AI$2:AI$366,ROUNDDOWN($C2939/24,0)+1,1))-1)+IF('Standard Profiles'!$G$19=$B$10,7,0)+IF('Standard Profiles'!$G$19=$B$17,14,0)+IF('Standard Profiles'!$G$19=$B$24,21,0),MOD($C2939,24)+1)/SUM(INDEX($D$3:$AA$30,INDEX(Jesper!$R$2:$R$366,ROW(INDEX(Jesper!AI$2:AI$366,ROUNDDOWN($C2939/24,0)+1,1))-1)+IF('Standard Profiles'!$G$19=$B$10,7,0)+IF('Standard Profiles'!$G$19=$B$17,14,0)+IF('Standard Profiles'!$G$19=$B$24,21,0),0)),0)</f>
        <v>0</v>
      </c>
      <c r="F2939" cm="1">
        <f t="array" ref="F2939">IFERROR(INDEX(Jesper!AJ$2:AJ$366,ROUNDDOWN($C2939/24,0)+1,1)*INDEX($D$3:$AA$30,INDEX(Jesper!$R$2:$R$366,ROW(INDEX(Jesper!AJ$2:AJ$366,ROUNDDOWN($C2939/24,0)+1,1))-1)+IF('Standard Profiles'!$G$20=$B$10,7,0)+IF('Standard Profiles'!$G$20=$B$17,14,0)+IF('Standard Profiles'!$G$20=$B$24,21,0),MOD($C2939,24)+1)/SUM(INDEX($D$3:$AA$30,INDEX(Jesper!$R$2:$R$366,ROW(INDEX(Jesper!AJ$2:AJ$366,ROUNDDOWN($C2939/24,0)+1,1))-1)+IF('Standard Profiles'!$G$20=$B$10,7,0)+IF('Standard Profiles'!$G$20=$B$17,14,0)+IF('Standard Profiles'!$G$20=$B$24,21,0),0)),0)</f>
        <v>0</v>
      </c>
      <c r="G2939" cm="1">
        <f t="array" ref="G2939">IFERROR(INDEX(Jesper!AK$2:AK$366,ROUNDDOWN($C2939/24,0)+1,1)*INDEX($D$3:$AA$30,INDEX(Jesper!$R$2:$R$366,ROW(INDEX(Jesper!AK$2:AK$366,ROUNDDOWN($C2939/24,0)+1,1))-1)+IF('Standard Profiles'!$G$21=$B$10,7,0)+IF('Standard Profiles'!$G$21=$B$17,14,0)+IF('Standard Profiles'!$G$21=$B$24,21,0),MOD($C2939,24)+1)/SUM(INDEX($D$3:$AA$30,INDEX(Jesper!$R$2:$R$366,ROW(INDEX(Jesper!AK$2:AK$366,ROUNDDOWN($C2939/24,0)+1,1))-1)+IF('Standard Profiles'!$G$21=$B$10,7,0)+IF('Standard Profiles'!$G$21=$B$17,14,0)+IF('Standard Profiles'!$G$21=$B$24,21,0),0)),0)</f>
        <v>0</v>
      </c>
      <c r="H2939" cm="1">
        <f t="array" ref="H2939">IFERROR(INDEX(Jesper!AL$2:AL$366,ROUNDDOWN($C2939/24,0)+1,1)*INDEX($D$3:$AA$30,INDEX(Jesper!$R$2:$R$366,ROW(INDEX(Jesper!AL$2:AL$366,ROUNDDOWN($C2939/24,0)+1,1))-1)+IF('Standard Profiles'!$G$22=$B$10,7,0)+IF('Standard Profiles'!$G$22=$B$17,14,0)+IF('Standard Profiles'!$G$22=$B$24,21,0),MOD($C2939,24)+1)/SUM(INDEX($D$3:$AA$30,INDEX(Jesper!$R$2:$R$366,ROW(INDEX(Jesper!AL$2:AL$366,ROUNDDOWN($C2939/24,0)+1,1))-1)+IF('Standard Profiles'!$G$22=$B$10,7,0)+IF('Standard Profiles'!$G$22=$B$17,14,0)+IF('Standard Profiles'!$G$22=$B$24,21,0),0)),0)</f>
        <v>0</v>
      </c>
      <c r="I2939">
        <f t="shared" si="335"/>
        <v>0.22394977207115527</v>
      </c>
      <c r="J2939">
        <f t="shared" si="336"/>
        <v>0.74649924023718428</v>
      </c>
      <c r="K2939">
        <f t="shared" si="337"/>
        <v>1.1197488603557764</v>
      </c>
      <c r="L2939">
        <f t="shared" si="338"/>
        <v>5.3747945297077262</v>
      </c>
      <c r="M2939">
        <f t="shared" si="339"/>
        <v>0</v>
      </c>
      <c r="N2939" s="46">
        <f t="shared" si="340"/>
        <v>45413.041666659621</v>
      </c>
    </row>
    <row r="2940" spans="2:14" x14ac:dyDescent="0.3">
      <c r="B2940">
        <f t="shared" si="334"/>
        <v>3</v>
      </c>
      <c r="C2940" s="16">
        <v>2906</v>
      </c>
      <c r="D2940" cm="1">
        <f t="array" ref="D2940">IFERROR(INDEX(Jesper!AH$2:AH$366,ROUNDDOWN($C2940/24,0)+1,1)*INDEX($D$3:$AA$30,INDEX(Jesper!$R$2:$R$366,ROW(INDEX(Jesper!AH$2:AH$366,ROUNDDOWN($C2940/24,0)+1,1))-1)+IF('Standard Profiles'!$G$18=$B$10,7,0)+IF('Standard Profiles'!$G$18=$B$17,14,0)+IF('Standard Profiles'!$G$18=$B$24,21,0),MOD($C2940,24)+1)/SUM(INDEX($D$3:$AA$30,INDEX(Jesper!$R$2:$R$366,ROW(INDEX(Jesper!AH$2:AH$366,ROUNDDOWN($C2940/24,0)+1,1))-1)+IF('Standard Profiles'!$G$18=$B$10,7,0)+IF('Standard Profiles'!$G$18=$B$17,14,0)+IF('Standard Profiles'!$G$18=$B$24,21,0),0)),0)</f>
        <v>7.4649924023718421</v>
      </c>
      <c r="E2940" cm="1">
        <f t="array" ref="E2940">IFERROR(INDEX(Jesper!AI$2:AI$366,ROUNDDOWN($C2940/24,0)+1,1)*INDEX($D$3:$AA$30,INDEX(Jesper!$R$2:$R$366,ROW(INDEX(Jesper!AI$2:AI$366,ROUNDDOWN($C2940/24,0)+1,1))-1)+IF('Standard Profiles'!$G$19=$B$10,7,0)+IF('Standard Profiles'!$G$19=$B$17,14,0)+IF('Standard Profiles'!$G$19=$B$24,21,0),MOD($C2940,24)+1)/SUM(INDEX($D$3:$AA$30,INDEX(Jesper!$R$2:$R$366,ROW(INDEX(Jesper!AI$2:AI$366,ROUNDDOWN($C2940/24,0)+1,1))-1)+IF('Standard Profiles'!$G$19=$B$10,7,0)+IF('Standard Profiles'!$G$19=$B$17,14,0)+IF('Standard Profiles'!$G$19=$B$24,21,0),0)),0)</f>
        <v>0</v>
      </c>
      <c r="F2940" cm="1">
        <f t="array" ref="F2940">IFERROR(INDEX(Jesper!AJ$2:AJ$366,ROUNDDOWN($C2940/24,0)+1,1)*INDEX($D$3:$AA$30,INDEX(Jesper!$R$2:$R$366,ROW(INDEX(Jesper!AJ$2:AJ$366,ROUNDDOWN($C2940/24,0)+1,1))-1)+IF('Standard Profiles'!$G$20=$B$10,7,0)+IF('Standard Profiles'!$G$20=$B$17,14,0)+IF('Standard Profiles'!$G$20=$B$24,21,0),MOD($C2940,24)+1)/SUM(INDEX($D$3:$AA$30,INDEX(Jesper!$R$2:$R$366,ROW(INDEX(Jesper!AJ$2:AJ$366,ROUNDDOWN($C2940/24,0)+1,1))-1)+IF('Standard Profiles'!$G$20=$B$10,7,0)+IF('Standard Profiles'!$G$20=$B$17,14,0)+IF('Standard Profiles'!$G$20=$B$24,21,0),0)),0)</f>
        <v>0</v>
      </c>
      <c r="G2940" cm="1">
        <f t="array" ref="G2940">IFERROR(INDEX(Jesper!AK$2:AK$366,ROUNDDOWN($C2940/24,0)+1,1)*INDEX($D$3:$AA$30,INDEX(Jesper!$R$2:$R$366,ROW(INDEX(Jesper!AK$2:AK$366,ROUNDDOWN($C2940/24,0)+1,1))-1)+IF('Standard Profiles'!$G$21=$B$10,7,0)+IF('Standard Profiles'!$G$21=$B$17,14,0)+IF('Standard Profiles'!$G$21=$B$24,21,0),MOD($C2940,24)+1)/SUM(INDEX($D$3:$AA$30,INDEX(Jesper!$R$2:$R$366,ROW(INDEX(Jesper!AK$2:AK$366,ROUNDDOWN($C2940/24,0)+1,1))-1)+IF('Standard Profiles'!$G$21=$B$10,7,0)+IF('Standard Profiles'!$G$21=$B$17,14,0)+IF('Standard Profiles'!$G$21=$B$24,21,0),0)),0)</f>
        <v>0</v>
      </c>
      <c r="H2940" cm="1">
        <f t="array" ref="H2940">IFERROR(INDEX(Jesper!AL$2:AL$366,ROUNDDOWN($C2940/24,0)+1,1)*INDEX($D$3:$AA$30,INDEX(Jesper!$R$2:$R$366,ROW(INDEX(Jesper!AL$2:AL$366,ROUNDDOWN($C2940/24,0)+1,1))-1)+IF('Standard Profiles'!$G$22=$B$10,7,0)+IF('Standard Profiles'!$G$22=$B$17,14,0)+IF('Standard Profiles'!$G$22=$B$24,21,0),MOD($C2940,24)+1)/SUM(INDEX($D$3:$AA$30,INDEX(Jesper!$R$2:$R$366,ROW(INDEX(Jesper!AL$2:AL$366,ROUNDDOWN($C2940/24,0)+1,1))-1)+IF('Standard Profiles'!$G$22=$B$10,7,0)+IF('Standard Profiles'!$G$22=$B$17,14,0)+IF('Standard Profiles'!$G$22=$B$24,21,0),0)),0)</f>
        <v>0</v>
      </c>
      <c r="I2940">
        <f t="shared" si="335"/>
        <v>0.22394977207115527</v>
      </c>
      <c r="J2940">
        <f t="shared" si="336"/>
        <v>0.74649924023718428</v>
      </c>
      <c r="K2940">
        <f t="shared" si="337"/>
        <v>1.1197488603557764</v>
      </c>
      <c r="L2940">
        <f t="shared" si="338"/>
        <v>5.3747945297077262</v>
      </c>
      <c r="M2940">
        <f t="shared" si="339"/>
        <v>0</v>
      </c>
      <c r="N2940" s="46">
        <f t="shared" si="340"/>
        <v>45413.083333326285</v>
      </c>
    </row>
    <row r="2941" spans="2:14" x14ac:dyDescent="0.3">
      <c r="B2941">
        <f t="shared" si="334"/>
        <v>3</v>
      </c>
      <c r="C2941" s="16">
        <v>2907</v>
      </c>
      <c r="D2941" cm="1">
        <f t="array" ref="D2941">IFERROR(INDEX(Jesper!AH$2:AH$366,ROUNDDOWN($C2941/24,0)+1,1)*INDEX($D$3:$AA$30,INDEX(Jesper!$R$2:$R$366,ROW(INDEX(Jesper!AH$2:AH$366,ROUNDDOWN($C2941/24,0)+1,1))-1)+IF('Standard Profiles'!$G$18=$B$10,7,0)+IF('Standard Profiles'!$G$18=$B$17,14,0)+IF('Standard Profiles'!$G$18=$B$24,21,0),MOD($C2941,24)+1)/SUM(INDEX($D$3:$AA$30,INDEX(Jesper!$R$2:$R$366,ROW(INDEX(Jesper!AH$2:AH$366,ROUNDDOWN($C2941/24,0)+1,1))-1)+IF('Standard Profiles'!$G$18=$B$10,7,0)+IF('Standard Profiles'!$G$18=$B$17,14,0)+IF('Standard Profiles'!$G$18=$B$24,21,0),0)),0)</f>
        <v>7.4649924023718421</v>
      </c>
      <c r="E2941" cm="1">
        <f t="array" ref="E2941">IFERROR(INDEX(Jesper!AI$2:AI$366,ROUNDDOWN($C2941/24,0)+1,1)*INDEX($D$3:$AA$30,INDEX(Jesper!$R$2:$R$366,ROW(INDEX(Jesper!AI$2:AI$366,ROUNDDOWN($C2941/24,0)+1,1))-1)+IF('Standard Profiles'!$G$19=$B$10,7,0)+IF('Standard Profiles'!$G$19=$B$17,14,0)+IF('Standard Profiles'!$G$19=$B$24,21,0),MOD($C2941,24)+1)/SUM(INDEX($D$3:$AA$30,INDEX(Jesper!$R$2:$R$366,ROW(INDEX(Jesper!AI$2:AI$366,ROUNDDOWN($C2941/24,0)+1,1))-1)+IF('Standard Profiles'!$G$19=$B$10,7,0)+IF('Standard Profiles'!$G$19=$B$17,14,0)+IF('Standard Profiles'!$G$19=$B$24,21,0),0)),0)</f>
        <v>0</v>
      </c>
      <c r="F2941" cm="1">
        <f t="array" ref="F2941">IFERROR(INDEX(Jesper!AJ$2:AJ$366,ROUNDDOWN($C2941/24,0)+1,1)*INDEX($D$3:$AA$30,INDEX(Jesper!$R$2:$R$366,ROW(INDEX(Jesper!AJ$2:AJ$366,ROUNDDOWN($C2941/24,0)+1,1))-1)+IF('Standard Profiles'!$G$20=$B$10,7,0)+IF('Standard Profiles'!$G$20=$B$17,14,0)+IF('Standard Profiles'!$G$20=$B$24,21,0),MOD($C2941,24)+1)/SUM(INDEX($D$3:$AA$30,INDEX(Jesper!$R$2:$R$366,ROW(INDEX(Jesper!AJ$2:AJ$366,ROUNDDOWN($C2941/24,0)+1,1))-1)+IF('Standard Profiles'!$G$20=$B$10,7,0)+IF('Standard Profiles'!$G$20=$B$17,14,0)+IF('Standard Profiles'!$G$20=$B$24,21,0),0)),0)</f>
        <v>0</v>
      </c>
      <c r="G2941" cm="1">
        <f t="array" ref="G2941">IFERROR(INDEX(Jesper!AK$2:AK$366,ROUNDDOWN($C2941/24,0)+1,1)*INDEX($D$3:$AA$30,INDEX(Jesper!$R$2:$R$366,ROW(INDEX(Jesper!AK$2:AK$366,ROUNDDOWN($C2941/24,0)+1,1))-1)+IF('Standard Profiles'!$G$21=$B$10,7,0)+IF('Standard Profiles'!$G$21=$B$17,14,0)+IF('Standard Profiles'!$G$21=$B$24,21,0),MOD($C2941,24)+1)/SUM(INDEX($D$3:$AA$30,INDEX(Jesper!$R$2:$R$366,ROW(INDEX(Jesper!AK$2:AK$366,ROUNDDOWN($C2941/24,0)+1,1))-1)+IF('Standard Profiles'!$G$21=$B$10,7,0)+IF('Standard Profiles'!$G$21=$B$17,14,0)+IF('Standard Profiles'!$G$21=$B$24,21,0),0)),0)</f>
        <v>0</v>
      </c>
      <c r="H2941" cm="1">
        <f t="array" ref="H2941">IFERROR(INDEX(Jesper!AL$2:AL$366,ROUNDDOWN($C2941/24,0)+1,1)*INDEX($D$3:$AA$30,INDEX(Jesper!$R$2:$R$366,ROW(INDEX(Jesper!AL$2:AL$366,ROUNDDOWN($C2941/24,0)+1,1))-1)+IF('Standard Profiles'!$G$22=$B$10,7,0)+IF('Standard Profiles'!$G$22=$B$17,14,0)+IF('Standard Profiles'!$G$22=$B$24,21,0),MOD($C2941,24)+1)/SUM(INDEX($D$3:$AA$30,INDEX(Jesper!$R$2:$R$366,ROW(INDEX(Jesper!AL$2:AL$366,ROUNDDOWN($C2941/24,0)+1,1))-1)+IF('Standard Profiles'!$G$22=$B$10,7,0)+IF('Standard Profiles'!$G$22=$B$17,14,0)+IF('Standard Profiles'!$G$22=$B$24,21,0),0)),0)</f>
        <v>0</v>
      </c>
      <c r="I2941">
        <f t="shared" si="335"/>
        <v>0.22394977207115527</v>
      </c>
      <c r="J2941">
        <f t="shared" si="336"/>
        <v>0.74649924023718428</v>
      </c>
      <c r="K2941">
        <f t="shared" si="337"/>
        <v>1.1197488603557764</v>
      </c>
      <c r="L2941">
        <f t="shared" si="338"/>
        <v>5.3747945297077262</v>
      </c>
      <c r="M2941">
        <f t="shared" si="339"/>
        <v>0</v>
      </c>
      <c r="N2941" s="46">
        <f t="shared" si="340"/>
        <v>45413.12499999295</v>
      </c>
    </row>
    <row r="2942" spans="2:14" x14ac:dyDescent="0.3">
      <c r="B2942">
        <f t="shared" si="334"/>
        <v>3</v>
      </c>
      <c r="C2942" s="16">
        <v>2908</v>
      </c>
      <c r="D2942" cm="1">
        <f t="array" ref="D2942">IFERROR(INDEX(Jesper!AH$2:AH$366,ROUNDDOWN($C2942/24,0)+1,1)*INDEX($D$3:$AA$30,INDEX(Jesper!$R$2:$R$366,ROW(INDEX(Jesper!AH$2:AH$366,ROUNDDOWN($C2942/24,0)+1,1))-1)+IF('Standard Profiles'!$G$18=$B$10,7,0)+IF('Standard Profiles'!$G$18=$B$17,14,0)+IF('Standard Profiles'!$G$18=$B$24,21,0),MOD($C2942,24)+1)/SUM(INDEX($D$3:$AA$30,INDEX(Jesper!$R$2:$R$366,ROW(INDEX(Jesper!AH$2:AH$366,ROUNDDOWN($C2942/24,0)+1,1))-1)+IF('Standard Profiles'!$G$18=$B$10,7,0)+IF('Standard Profiles'!$G$18=$B$17,14,0)+IF('Standard Profiles'!$G$18=$B$24,21,0),0)),0)</f>
        <v>7.4649924023718421</v>
      </c>
      <c r="E2942" cm="1">
        <f t="array" ref="E2942">IFERROR(INDEX(Jesper!AI$2:AI$366,ROUNDDOWN($C2942/24,0)+1,1)*INDEX($D$3:$AA$30,INDEX(Jesper!$R$2:$R$366,ROW(INDEX(Jesper!AI$2:AI$366,ROUNDDOWN($C2942/24,0)+1,1))-1)+IF('Standard Profiles'!$G$19=$B$10,7,0)+IF('Standard Profiles'!$G$19=$B$17,14,0)+IF('Standard Profiles'!$G$19=$B$24,21,0),MOD($C2942,24)+1)/SUM(INDEX($D$3:$AA$30,INDEX(Jesper!$R$2:$R$366,ROW(INDEX(Jesper!AI$2:AI$366,ROUNDDOWN($C2942/24,0)+1,1))-1)+IF('Standard Profiles'!$G$19=$B$10,7,0)+IF('Standard Profiles'!$G$19=$B$17,14,0)+IF('Standard Profiles'!$G$19=$B$24,21,0),0)),0)</f>
        <v>0</v>
      </c>
      <c r="F2942" cm="1">
        <f t="array" ref="F2942">IFERROR(INDEX(Jesper!AJ$2:AJ$366,ROUNDDOWN($C2942/24,0)+1,1)*INDEX($D$3:$AA$30,INDEX(Jesper!$R$2:$R$366,ROW(INDEX(Jesper!AJ$2:AJ$366,ROUNDDOWN($C2942/24,0)+1,1))-1)+IF('Standard Profiles'!$G$20=$B$10,7,0)+IF('Standard Profiles'!$G$20=$B$17,14,0)+IF('Standard Profiles'!$G$20=$B$24,21,0),MOD($C2942,24)+1)/SUM(INDEX($D$3:$AA$30,INDEX(Jesper!$R$2:$R$366,ROW(INDEX(Jesper!AJ$2:AJ$366,ROUNDDOWN($C2942/24,0)+1,1))-1)+IF('Standard Profiles'!$G$20=$B$10,7,0)+IF('Standard Profiles'!$G$20=$B$17,14,0)+IF('Standard Profiles'!$G$20=$B$24,21,0),0)),0)</f>
        <v>0</v>
      </c>
      <c r="G2942" cm="1">
        <f t="array" ref="G2942">IFERROR(INDEX(Jesper!AK$2:AK$366,ROUNDDOWN($C2942/24,0)+1,1)*INDEX($D$3:$AA$30,INDEX(Jesper!$R$2:$R$366,ROW(INDEX(Jesper!AK$2:AK$366,ROUNDDOWN($C2942/24,0)+1,1))-1)+IF('Standard Profiles'!$G$21=$B$10,7,0)+IF('Standard Profiles'!$G$21=$B$17,14,0)+IF('Standard Profiles'!$G$21=$B$24,21,0),MOD($C2942,24)+1)/SUM(INDEX($D$3:$AA$30,INDEX(Jesper!$R$2:$R$366,ROW(INDEX(Jesper!AK$2:AK$366,ROUNDDOWN($C2942/24,0)+1,1))-1)+IF('Standard Profiles'!$G$21=$B$10,7,0)+IF('Standard Profiles'!$G$21=$B$17,14,0)+IF('Standard Profiles'!$G$21=$B$24,21,0),0)),0)</f>
        <v>0</v>
      </c>
      <c r="H2942" cm="1">
        <f t="array" ref="H2942">IFERROR(INDEX(Jesper!AL$2:AL$366,ROUNDDOWN($C2942/24,0)+1,1)*INDEX($D$3:$AA$30,INDEX(Jesper!$R$2:$R$366,ROW(INDEX(Jesper!AL$2:AL$366,ROUNDDOWN($C2942/24,0)+1,1))-1)+IF('Standard Profiles'!$G$22=$B$10,7,0)+IF('Standard Profiles'!$G$22=$B$17,14,0)+IF('Standard Profiles'!$G$22=$B$24,21,0),MOD($C2942,24)+1)/SUM(INDEX($D$3:$AA$30,INDEX(Jesper!$R$2:$R$366,ROW(INDEX(Jesper!AL$2:AL$366,ROUNDDOWN($C2942/24,0)+1,1))-1)+IF('Standard Profiles'!$G$22=$B$10,7,0)+IF('Standard Profiles'!$G$22=$B$17,14,0)+IF('Standard Profiles'!$G$22=$B$24,21,0),0)),0)</f>
        <v>0</v>
      </c>
      <c r="I2942">
        <f t="shared" si="335"/>
        <v>0.22394977207115527</v>
      </c>
      <c r="J2942">
        <f t="shared" si="336"/>
        <v>0.74649924023718428</v>
      </c>
      <c r="K2942">
        <f t="shared" si="337"/>
        <v>1.1197488603557764</v>
      </c>
      <c r="L2942">
        <f t="shared" si="338"/>
        <v>5.3747945297077262</v>
      </c>
      <c r="M2942">
        <f t="shared" si="339"/>
        <v>0</v>
      </c>
      <c r="N2942" s="46">
        <f t="shared" si="340"/>
        <v>45413.166666659614</v>
      </c>
    </row>
    <row r="2943" spans="2:14" x14ac:dyDescent="0.3">
      <c r="B2943">
        <f t="shared" si="334"/>
        <v>3</v>
      </c>
      <c r="C2943" s="16">
        <v>2909</v>
      </c>
      <c r="D2943" cm="1">
        <f t="array" ref="D2943">IFERROR(INDEX(Jesper!AH$2:AH$366,ROUNDDOWN($C2943/24,0)+1,1)*INDEX($D$3:$AA$30,INDEX(Jesper!$R$2:$R$366,ROW(INDEX(Jesper!AH$2:AH$366,ROUNDDOWN($C2943/24,0)+1,1))-1)+IF('Standard Profiles'!$G$18=$B$10,7,0)+IF('Standard Profiles'!$G$18=$B$17,14,0)+IF('Standard Profiles'!$G$18=$B$24,21,0),MOD($C2943,24)+1)/SUM(INDEX($D$3:$AA$30,INDEX(Jesper!$R$2:$R$366,ROW(INDEX(Jesper!AH$2:AH$366,ROUNDDOWN($C2943/24,0)+1,1))-1)+IF('Standard Profiles'!$G$18=$B$10,7,0)+IF('Standard Profiles'!$G$18=$B$17,14,0)+IF('Standard Profiles'!$G$18=$B$24,21,0),0)),0)</f>
        <v>9.6215457630570427</v>
      </c>
      <c r="E2943" cm="1">
        <f t="array" ref="E2943">IFERROR(INDEX(Jesper!AI$2:AI$366,ROUNDDOWN($C2943/24,0)+1,1)*INDEX($D$3:$AA$30,INDEX(Jesper!$R$2:$R$366,ROW(INDEX(Jesper!AI$2:AI$366,ROUNDDOWN($C2943/24,0)+1,1))-1)+IF('Standard Profiles'!$G$19=$B$10,7,0)+IF('Standard Profiles'!$G$19=$B$17,14,0)+IF('Standard Profiles'!$G$19=$B$24,21,0),MOD($C2943,24)+1)/SUM(INDEX($D$3:$AA$30,INDEX(Jesper!$R$2:$R$366,ROW(INDEX(Jesper!AI$2:AI$366,ROUNDDOWN($C2943/24,0)+1,1))-1)+IF('Standard Profiles'!$G$19=$B$10,7,0)+IF('Standard Profiles'!$G$19=$B$17,14,0)+IF('Standard Profiles'!$G$19=$B$24,21,0),0)),0)</f>
        <v>0</v>
      </c>
      <c r="F2943" cm="1">
        <f t="array" ref="F2943">IFERROR(INDEX(Jesper!AJ$2:AJ$366,ROUNDDOWN($C2943/24,0)+1,1)*INDEX($D$3:$AA$30,INDEX(Jesper!$R$2:$R$366,ROW(INDEX(Jesper!AJ$2:AJ$366,ROUNDDOWN($C2943/24,0)+1,1))-1)+IF('Standard Profiles'!$G$20=$B$10,7,0)+IF('Standard Profiles'!$G$20=$B$17,14,0)+IF('Standard Profiles'!$G$20=$B$24,21,0),MOD($C2943,24)+1)/SUM(INDEX($D$3:$AA$30,INDEX(Jesper!$R$2:$R$366,ROW(INDEX(Jesper!AJ$2:AJ$366,ROUNDDOWN($C2943/24,0)+1,1))-1)+IF('Standard Profiles'!$G$20=$B$10,7,0)+IF('Standard Profiles'!$G$20=$B$17,14,0)+IF('Standard Profiles'!$G$20=$B$24,21,0),0)),0)</f>
        <v>0</v>
      </c>
      <c r="G2943" cm="1">
        <f t="array" ref="G2943">IFERROR(INDEX(Jesper!AK$2:AK$366,ROUNDDOWN($C2943/24,0)+1,1)*INDEX($D$3:$AA$30,INDEX(Jesper!$R$2:$R$366,ROW(INDEX(Jesper!AK$2:AK$366,ROUNDDOWN($C2943/24,0)+1,1))-1)+IF('Standard Profiles'!$G$21=$B$10,7,0)+IF('Standard Profiles'!$G$21=$B$17,14,0)+IF('Standard Profiles'!$G$21=$B$24,21,0),MOD($C2943,24)+1)/SUM(INDEX($D$3:$AA$30,INDEX(Jesper!$R$2:$R$366,ROW(INDEX(Jesper!AK$2:AK$366,ROUNDDOWN($C2943/24,0)+1,1))-1)+IF('Standard Profiles'!$G$21=$B$10,7,0)+IF('Standard Profiles'!$G$21=$B$17,14,0)+IF('Standard Profiles'!$G$21=$B$24,21,0),0)),0)</f>
        <v>0</v>
      </c>
      <c r="H2943" cm="1">
        <f t="array" ref="H2943">IFERROR(INDEX(Jesper!AL$2:AL$366,ROUNDDOWN($C2943/24,0)+1,1)*INDEX($D$3:$AA$30,INDEX(Jesper!$R$2:$R$366,ROW(INDEX(Jesper!AL$2:AL$366,ROUNDDOWN($C2943/24,0)+1,1))-1)+IF('Standard Profiles'!$G$22=$B$10,7,0)+IF('Standard Profiles'!$G$22=$B$17,14,0)+IF('Standard Profiles'!$G$22=$B$24,21,0),MOD($C2943,24)+1)/SUM(INDEX($D$3:$AA$30,INDEX(Jesper!$R$2:$R$366,ROW(INDEX(Jesper!AL$2:AL$366,ROUNDDOWN($C2943/24,0)+1,1))-1)+IF('Standard Profiles'!$G$22=$B$10,7,0)+IF('Standard Profiles'!$G$22=$B$17,14,0)+IF('Standard Profiles'!$G$22=$B$24,21,0),0)),0)</f>
        <v>0</v>
      </c>
      <c r="I2943">
        <f t="shared" si="335"/>
        <v>0.28864637289171124</v>
      </c>
      <c r="J2943">
        <f t="shared" si="336"/>
        <v>0.96215457630570433</v>
      </c>
      <c r="K2943">
        <f t="shared" si="337"/>
        <v>1.4432318644585564</v>
      </c>
      <c r="L2943">
        <f t="shared" si="338"/>
        <v>6.9275129494010708</v>
      </c>
      <c r="M2943">
        <f t="shared" si="339"/>
        <v>0</v>
      </c>
      <c r="N2943" s="46">
        <f t="shared" si="340"/>
        <v>45413.208333326278</v>
      </c>
    </row>
    <row r="2944" spans="2:14" x14ac:dyDescent="0.3">
      <c r="B2944">
        <f t="shared" si="334"/>
        <v>3</v>
      </c>
      <c r="C2944" s="16">
        <v>2910</v>
      </c>
      <c r="D2944" cm="1">
        <f t="array" ref="D2944">IFERROR(INDEX(Jesper!AH$2:AH$366,ROUNDDOWN($C2944/24,0)+1,1)*INDEX($D$3:$AA$30,INDEX(Jesper!$R$2:$R$366,ROW(INDEX(Jesper!AH$2:AH$366,ROUNDDOWN($C2944/24,0)+1,1))-1)+IF('Standard Profiles'!$G$18=$B$10,7,0)+IF('Standard Profiles'!$G$18=$B$17,14,0)+IF('Standard Profiles'!$G$18=$B$24,21,0),MOD($C2944,24)+1)/SUM(INDEX($D$3:$AA$30,INDEX(Jesper!$R$2:$R$366,ROW(INDEX(Jesper!AH$2:AH$366,ROUNDDOWN($C2944/24,0)+1,1))-1)+IF('Standard Profiles'!$G$18=$B$10,7,0)+IF('Standard Profiles'!$G$18=$B$17,14,0)+IF('Standard Profiles'!$G$18=$B$24,21,0),0)),0)</f>
        <v>11.114544243531411</v>
      </c>
      <c r="E2944" cm="1">
        <f t="array" ref="E2944">IFERROR(INDEX(Jesper!AI$2:AI$366,ROUNDDOWN($C2944/24,0)+1,1)*INDEX($D$3:$AA$30,INDEX(Jesper!$R$2:$R$366,ROW(INDEX(Jesper!AI$2:AI$366,ROUNDDOWN($C2944/24,0)+1,1))-1)+IF('Standard Profiles'!$G$19=$B$10,7,0)+IF('Standard Profiles'!$G$19=$B$17,14,0)+IF('Standard Profiles'!$G$19=$B$24,21,0),MOD($C2944,24)+1)/SUM(INDEX($D$3:$AA$30,INDEX(Jesper!$R$2:$R$366,ROW(INDEX(Jesper!AI$2:AI$366,ROUNDDOWN($C2944/24,0)+1,1))-1)+IF('Standard Profiles'!$G$19=$B$10,7,0)+IF('Standard Profiles'!$G$19=$B$17,14,0)+IF('Standard Profiles'!$G$19=$B$24,21,0),0)),0)</f>
        <v>0</v>
      </c>
      <c r="F2944" cm="1">
        <f t="array" ref="F2944">IFERROR(INDEX(Jesper!AJ$2:AJ$366,ROUNDDOWN($C2944/24,0)+1,1)*INDEX($D$3:$AA$30,INDEX(Jesper!$R$2:$R$366,ROW(INDEX(Jesper!AJ$2:AJ$366,ROUNDDOWN($C2944/24,0)+1,1))-1)+IF('Standard Profiles'!$G$20=$B$10,7,0)+IF('Standard Profiles'!$G$20=$B$17,14,0)+IF('Standard Profiles'!$G$20=$B$24,21,0),MOD($C2944,24)+1)/SUM(INDEX($D$3:$AA$30,INDEX(Jesper!$R$2:$R$366,ROW(INDEX(Jesper!AJ$2:AJ$366,ROUNDDOWN($C2944/24,0)+1,1))-1)+IF('Standard Profiles'!$G$20=$B$10,7,0)+IF('Standard Profiles'!$G$20=$B$17,14,0)+IF('Standard Profiles'!$G$20=$B$24,21,0),0)),0)</f>
        <v>0</v>
      </c>
      <c r="G2944" cm="1">
        <f t="array" ref="G2944">IFERROR(INDEX(Jesper!AK$2:AK$366,ROUNDDOWN($C2944/24,0)+1,1)*INDEX($D$3:$AA$30,INDEX(Jesper!$R$2:$R$366,ROW(INDEX(Jesper!AK$2:AK$366,ROUNDDOWN($C2944/24,0)+1,1))-1)+IF('Standard Profiles'!$G$21=$B$10,7,0)+IF('Standard Profiles'!$G$21=$B$17,14,0)+IF('Standard Profiles'!$G$21=$B$24,21,0),MOD($C2944,24)+1)/SUM(INDEX($D$3:$AA$30,INDEX(Jesper!$R$2:$R$366,ROW(INDEX(Jesper!AK$2:AK$366,ROUNDDOWN($C2944/24,0)+1,1))-1)+IF('Standard Profiles'!$G$21=$B$10,7,0)+IF('Standard Profiles'!$G$21=$B$17,14,0)+IF('Standard Profiles'!$G$21=$B$24,21,0),0)),0)</f>
        <v>0</v>
      </c>
      <c r="H2944" cm="1">
        <f t="array" ref="H2944">IFERROR(INDEX(Jesper!AL$2:AL$366,ROUNDDOWN($C2944/24,0)+1,1)*INDEX($D$3:$AA$30,INDEX(Jesper!$R$2:$R$366,ROW(INDEX(Jesper!AL$2:AL$366,ROUNDDOWN($C2944/24,0)+1,1))-1)+IF('Standard Profiles'!$G$22=$B$10,7,0)+IF('Standard Profiles'!$G$22=$B$17,14,0)+IF('Standard Profiles'!$G$22=$B$24,21,0),MOD($C2944,24)+1)/SUM(INDEX($D$3:$AA$30,INDEX(Jesper!$R$2:$R$366,ROW(INDEX(Jesper!AL$2:AL$366,ROUNDDOWN($C2944/24,0)+1,1))-1)+IF('Standard Profiles'!$G$22=$B$10,7,0)+IF('Standard Profiles'!$G$22=$B$17,14,0)+IF('Standard Profiles'!$G$22=$B$24,21,0),0)),0)</f>
        <v>0</v>
      </c>
      <c r="I2944">
        <f t="shared" si="335"/>
        <v>0.3334363273059423</v>
      </c>
      <c r="J2944">
        <f t="shared" si="336"/>
        <v>1.111454424353141</v>
      </c>
      <c r="K2944">
        <f t="shared" si="337"/>
        <v>1.6671816365297116</v>
      </c>
      <c r="L2944">
        <f t="shared" si="338"/>
        <v>8.0024718553426162</v>
      </c>
      <c r="M2944">
        <f t="shared" si="339"/>
        <v>0</v>
      </c>
      <c r="N2944" s="46">
        <f t="shared" si="340"/>
        <v>45413.249999992942</v>
      </c>
    </row>
    <row r="2945" spans="2:14" x14ac:dyDescent="0.3">
      <c r="B2945">
        <f t="shared" si="334"/>
        <v>3</v>
      </c>
      <c r="C2945" s="16">
        <v>2911</v>
      </c>
      <c r="D2945" cm="1">
        <f t="array" ref="D2945">IFERROR(INDEX(Jesper!AH$2:AH$366,ROUNDDOWN($C2945/24,0)+1,1)*INDEX($D$3:$AA$30,INDEX(Jesper!$R$2:$R$366,ROW(INDEX(Jesper!AH$2:AH$366,ROUNDDOWN($C2945/24,0)+1,1))-1)+IF('Standard Profiles'!$G$18=$B$10,7,0)+IF('Standard Profiles'!$G$18=$B$17,14,0)+IF('Standard Profiles'!$G$18=$B$24,21,0),MOD($C2945,24)+1)/SUM(INDEX($D$3:$AA$30,INDEX(Jesper!$R$2:$R$366,ROW(INDEX(Jesper!AH$2:AH$366,ROUNDDOWN($C2945/24,0)+1,1))-1)+IF('Standard Profiles'!$G$18=$B$10,7,0)+IF('Standard Profiles'!$G$18=$B$17,14,0)+IF('Standard Profiles'!$G$18=$B$24,21,0),0)),0)</f>
        <v>11.114544243531411</v>
      </c>
      <c r="E2945" cm="1">
        <f t="array" ref="E2945">IFERROR(INDEX(Jesper!AI$2:AI$366,ROUNDDOWN($C2945/24,0)+1,1)*INDEX($D$3:$AA$30,INDEX(Jesper!$R$2:$R$366,ROW(INDEX(Jesper!AI$2:AI$366,ROUNDDOWN($C2945/24,0)+1,1))-1)+IF('Standard Profiles'!$G$19=$B$10,7,0)+IF('Standard Profiles'!$G$19=$B$17,14,0)+IF('Standard Profiles'!$G$19=$B$24,21,0),MOD($C2945,24)+1)/SUM(INDEX($D$3:$AA$30,INDEX(Jesper!$R$2:$R$366,ROW(INDEX(Jesper!AI$2:AI$366,ROUNDDOWN($C2945/24,0)+1,1))-1)+IF('Standard Profiles'!$G$19=$B$10,7,0)+IF('Standard Profiles'!$G$19=$B$17,14,0)+IF('Standard Profiles'!$G$19=$B$24,21,0),0)),0)</f>
        <v>0</v>
      </c>
      <c r="F2945" cm="1">
        <f t="array" ref="F2945">IFERROR(INDEX(Jesper!AJ$2:AJ$366,ROUNDDOWN($C2945/24,0)+1,1)*INDEX($D$3:$AA$30,INDEX(Jesper!$R$2:$R$366,ROW(INDEX(Jesper!AJ$2:AJ$366,ROUNDDOWN($C2945/24,0)+1,1))-1)+IF('Standard Profiles'!$G$20=$B$10,7,0)+IF('Standard Profiles'!$G$20=$B$17,14,0)+IF('Standard Profiles'!$G$20=$B$24,21,0),MOD($C2945,24)+1)/SUM(INDEX($D$3:$AA$30,INDEX(Jesper!$R$2:$R$366,ROW(INDEX(Jesper!AJ$2:AJ$366,ROUNDDOWN($C2945/24,0)+1,1))-1)+IF('Standard Profiles'!$G$20=$B$10,7,0)+IF('Standard Profiles'!$G$20=$B$17,14,0)+IF('Standard Profiles'!$G$20=$B$24,21,0),0)),0)</f>
        <v>0</v>
      </c>
      <c r="G2945" cm="1">
        <f t="array" ref="G2945">IFERROR(INDEX(Jesper!AK$2:AK$366,ROUNDDOWN($C2945/24,0)+1,1)*INDEX($D$3:$AA$30,INDEX(Jesper!$R$2:$R$366,ROW(INDEX(Jesper!AK$2:AK$366,ROUNDDOWN($C2945/24,0)+1,1))-1)+IF('Standard Profiles'!$G$21=$B$10,7,0)+IF('Standard Profiles'!$G$21=$B$17,14,0)+IF('Standard Profiles'!$G$21=$B$24,21,0),MOD($C2945,24)+1)/SUM(INDEX($D$3:$AA$30,INDEX(Jesper!$R$2:$R$366,ROW(INDEX(Jesper!AK$2:AK$366,ROUNDDOWN($C2945/24,0)+1,1))-1)+IF('Standard Profiles'!$G$21=$B$10,7,0)+IF('Standard Profiles'!$G$21=$B$17,14,0)+IF('Standard Profiles'!$G$21=$B$24,21,0),0)),0)</f>
        <v>0</v>
      </c>
      <c r="H2945" cm="1">
        <f t="array" ref="H2945">IFERROR(INDEX(Jesper!AL$2:AL$366,ROUNDDOWN($C2945/24,0)+1,1)*INDEX($D$3:$AA$30,INDEX(Jesper!$R$2:$R$366,ROW(INDEX(Jesper!AL$2:AL$366,ROUNDDOWN($C2945/24,0)+1,1))-1)+IF('Standard Profiles'!$G$22=$B$10,7,0)+IF('Standard Profiles'!$G$22=$B$17,14,0)+IF('Standard Profiles'!$G$22=$B$24,21,0),MOD($C2945,24)+1)/SUM(INDEX($D$3:$AA$30,INDEX(Jesper!$R$2:$R$366,ROW(INDEX(Jesper!AL$2:AL$366,ROUNDDOWN($C2945/24,0)+1,1))-1)+IF('Standard Profiles'!$G$22=$B$10,7,0)+IF('Standard Profiles'!$G$22=$B$17,14,0)+IF('Standard Profiles'!$G$22=$B$24,21,0),0)),0)</f>
        <v>0</v>
      </c>
      <c r="I2945">
        <f t="shared" si="335"/>
        <v>0.3334363273059423</v>
      </c>
      <c r="J2945">
        <f t="shared" si="336"/>
        <v>1.111454424353141</v>
      </c>
      <c r="K2945">
        <f t="shared" si="337"/>
        <v>1.6671816365297116</v>
      </c>
      <c r="L2945">
        <f t="shared" si="338"/>
        <v>8.0024718553426162</v>
      </c>
      <c r="M2945">
        <f t="shared" si="339"/>
        <v>0</v>
      </c>
      <c r="N2945" s="46">
        <f t="shared" si="340"/>
        <v>45413.291666659607</v>
      </c>
    </row>
    <row r="2946" spans="2:14" x14ac:dyDescent="0.3">
      <c r="B2946">
        <f t="shared" si="334"/>
        <v>3</v>
      </c>
      <c r="C2946" s="16">
        <v>2912</v>
      </c>
      <c r="D2946" cm="1">
        <f t="array" ref="D2946">IFERROR(INDEX(Jesper!AH$2:AH$366,ROUNDDOWN($C2946/24,0)+1,1)*INDEX($D$3:$AA$30,INDEX(Jesper!$R$2:$R$366,ROW(INDEX(Jesper!AH$2:AH$366,ROUNDDOWN($C2946/24,0)+1,1))-1)+IF('Standard Profiles'!$G$18=$B$10,7,0)+IF('Standard Profiles'!$G$18=$B$17,14,0)+IF('Standard Profiles'!$G$18=$B$24,21,0),MOD($C2946,24)+1)/SUM(INDEX($D$3:$AA$30,INDEX(Jesper!$R$2:$R$366,ROW(INDEX(Jesper!AH$2:AH$366,ROUNDDOWN($C2946/24,0)+1,1))-1)+IF('Standard Profiles'!$G$18=$B$10,7,0)+IF('Standard Profiles'!$G$18=$B$17,14,0)+IF('Standard Profiles'!$G$18=$B$24,21,0),0)),0)</f>
        <v>11.114544243531411</v>
      </c>
      <c r="E2946" cm="1">
        <f t="array" ref="E2946">IFERROR(INDEX(Jesper!AI$2:AI$366,ROUNDDOWN($C2946/24,0)+1,1)*INDEX($D$3:$AA$30,INDEX(Jesper!$R$2:$R$366,ROW(INDEX(Jesper!AI$2:AI$366,ROUNDDOWN($C2946/24,0)+1,1))-1)+IF('Standard Profiles'!$G$19=$B$10,7,0)+IF('Standard Profiles'!$G$19=$B$17,14,0)+IF('Standard Profiles'!$G$19=$B$24,21,0),MOD($C2946,24)+1)/SUM(INDEX($D$3:$AA$30,INDEX(Jesper!$R$2:$R$366,ROW(INDEX(Jesper!AI$2:AI$366,ROUNDDOWN($C2946/24,0)+1,1))-1)+IF('Standard Profiles'!$G$19=$B$10,7,0)+IF('Standard Profiles'!$G$19=$B$17,14,0)+IF('Standard Profiles'!$G$19=$B$24,21,0),0)),0)</f>
        <v>0</v>
      </c>
      <c r="F2946" cm="1">
        <f t="array" ref="F2946">IFERROR(INDEX(Jesper!AJ$2:AJ$366,ROUNDDOWN($C2946/24,0)+1,1)*INDEX($D$3:$AA$30,INDEX(Jesper!$R$2:$R$366,ROW(INDEX(Jesper!AJ$2:AJ$366,ROUNDDOWN($C2946/24,0)+1,1))-1)+IF('Standard Profiles'!$G$20=$B$10,7,0)+IF('Standard Profiles'!$G$20=$B$17,14,0)+IF('Standard Profiles'!$G$20=$B$24,21,0),MOD($C2946,24)+1)/SUM(INDEX($D$3:$AA$30,INDEX(Jesper!$R$2:$R$366,ROW(INDEX(Jesper!AJ$2:AJ$366,ROUNDDOWN($C2946/24,0)+1,1))-1)+IF('Standard Profiles'!$G$20=$B$10,7,0)+IF('Standard Profiles'!$G$20=$B$17,14,0)+IF('Standard Profiles'!$G$20=$B$24,21,0),0)),0)</f>
        <v>0</v>
      </c>
      <c r="G2946" cm="1">
        <f t="array" ref="G2946">IFERROR(INDEX(Jesper!AK$2:AK$366,ROUNDDOWN($C2946/24,0)+1,1)*INDEX($D$3:$AA$30,INDEX(Jesper!$R$2:$R$366,ROW(INDEX(Jesper!AK$2:AK$366,ROUNDDOWN($C2946/24,0)+1,1))-1)+IF('Standard Profiles'!$G$21=$B$10,7,0)+IF('Standard Profiles'!$G$21=$B$17,14,0)+IF('Standard Profiles'!$G$21=$B$24,21,0),MOD($C2946,24)+1)/SUM(INDEX($D$3:$AA$30,INDEX(Jesper!$R$2:$R$366,ROW(INDEX(Jesper!AK$2:AK$366,ROUNDDOWN($C2946/24,0)+1,1))-1)+IF('Standard Profiles'!$G$21=$B$10,7,0)+IF('Standard Profiles'!$G$21=$B$17,14,0)+IF('Standard Profiles'!$G$21=$B$24,21,0),0)),0)</f>
        <v>0</v>
      </c>
      <c r="H2946" cm="1">
        <f t="array" ref="H2946">IFERROR(INDEX(Jesper!AL$2:AL$366,ROUNDDOWN($C2946/24,0)+1,1)*INDEX($D$3:$AA$30,INDEX(Jesper!$R$2:$R$366,ROW(INDEX(Jesper!AL$2:AL$366,ROUNDDOWN($C2946/24,0)+1,1))-1)+IF('Standard Profiles'!$G$22=$B$10,7,0)+IF('Standard Profiles'!$G$22=$B$17,14,0)+IF('Standard Profiles'!$G$22=$B$24,21,0),MOD($C2946,24)+1)/SUM(INDEX($D$3:$AA$30,INDEX(Jesper!$R$2:$R$366,ROW(INDEX(Jesper!AL$2:AL$366,ROUNDDOWN($C2946/24,0)+1,1))-1)+IF('Standard Profiles'!$G$22=$B$10,7,0)+IF('Standard Profiles'!$G$22=$B$17,14,0)+IF('Standard Profiles'!$G$22=$B$24,21,0),0)),0)</f>
        <v>0</v>
      </c>
      <c r="I2946">
        <f t="shared" si="335"/>
        <v>0.3334363273059423</v>
      </c>
      <c r="J2946">
        <f t="shared" si="336"/>
        <v>1.111454424353141</v>
      </c>
      <c r="K2946">
        <f t="shared" si="337"/>
        <v>1.6671816365297116</v>
      </c>
      <c r="L2946">
        <f t="shared" si="338"/>
        <v>8.0024718553426162</v>
      </c>
      <c r="M2946">
        <f t="shared" si="339"/>
        <v>0</v>
      </c>
      <c r="N2946" s="46">
        <f t="shared" si="340"/>
        <v>45413.333333326271</v>
      </c>
    </row>
    <row r="2947" spans="2:14" x14ac:dyDescent="0.3">
      <c r="B2947">
        <f t="shared" si="334"/>
        <v>3</v>
      </c>
      <c r="C2947" s="16">
        <v>2913</v>
      </c>
      <c r="D2947" cm="1">
        <f t="array" ref="D2947">IFERROR(INDEX(Jesper!AH$2:AH$366,ROUNDDOWN($C2947/24,0)+1,1)*INDEX($D$3:$AA$30,INDEX(Jesper!$R$2:$R$366,ROW(INDEX(Jesper!AH$2:AH$366,ROUNDDOWN($C2947/24,0)+1,1))-1)+IF('Standard Profiles'!$G$18=$B$10,7,0)+IF('Standard Profiles'!$G$18=$B$17,14,0)+IF('Standard Profiles'!$G$18=$B$24,21,0),MOD($C2947,24)+1)/SUM(INDEX($D$3:$AA$30,INDEX(Jesper!$R$2:$R$366,ROW(INDEX(Jesper!AH$2:AH$366,ROUNDDOWN($C2947/24,0)+1,1))-1)+IF('Standard Profiles'!$G$18=$B$10,7,0)+IF('Standard Profiles'!$G$18=$B$17,14,0)+IF('Standard Profiles'!$G$18=$B$24,21,0),0)),0)</f>
        <v>11.943987843794948</v>
      </c>
      <c r="E2947" cm="1">
        <f t="array" ref="E2947">IFERROR(INDEX(Jesper!AI$2:AI$366,ROUNDDOWN($C2947/24,0)+1,1)*INDEX($D$3:$AA$30,INDEX(Jesper!$R$2:$R$366,ROW(INDEX(Jesper!AI$2:AI$366,ROUNDDOWN($C2947/24,0)+1,1))-1)+IF('Standard Profiles'!$G$19=$B$10,7,0)+IF('Standard Profiles'!$G$19=$B$17,14,0)+IF('Standard Profiles'!$G$19=$B$24,21,0),MOD($C2947,24)+1)/SUM(INDEX($D$3:$AA$30,INDEX(Jesper!$R$2:$R$366,ROW(INDEX(Jesper!AI$2:AI$366,ROUNDDOWN($C2947/24,0)+1,1))-1)+IF('Standard Profiles'!$G$19=$B$10,7,0)+IF('Standard Profiles'!$G$19=$B$17,14,0)+IF('Standard Profiles'!$G$19=$B$24,21,0),0)),0)</f>
        <v>0</v>
      </c>
      <c r="F2947" cm="1">
        <f t="array" ref="F2947">IFERROR(INDEX(Jesper!AJ$2:AJ$366,ROUNDDOWN($C2947/24,0)+1,1)*INDEX($D$3:$AA$30,INDEX(Jesper!$R$2:$R$366,ROW(INDEX(Jesper!AJ$2:AJ$366,ROUNDDOWN($C2947/24,0)+1,1))-1)+IF('Standard Profiles'!$G$20=$B$10,7,0)+IF('Standard Profiles'!$G$20=$B$17,14,0)+IF('Standard Profiles'!$G$20=$B$24,21,0),MOD($C2947,24)+1)/SUM(INDEX($D$3:$AA$30,INDEX(Jesper!$R$2:$R$366,ROW(INDEX(Jesper!AJ$2:AJ$366,ROUNDDOWN($C2947/24,0)+1,1))-1)+IF('Standard Profiles'!$G$20=$B$10,7,0)+IF('Standard Profiles'!$G$20=$B$17,14,0)+IF('Standard Profiles'!$G$20=$B$24,21,0),0)),0)</f>
        <v>0</v>
      </c>
      <c r="G2947" cm="1">
        <f t="array" ref="G2947">IFERROR(INDEX(Jesper!AK$2:AK$366,ROUNDDOWN($C2947/24,0)+1,1)*INDEX($D$3:$AA$30,INDEX(Jesper!$R$2:$R$366,ROW(INDEX(Jesper!AK$2:AK$366,ROUNDDOWN($C2947/24,0)+1,1))-1)+IF('Standard Profiles'!$G$21=$B$10,7,0)+IF('Standard Profiles'!$G$21=$B$17,14,0)+IF('Standard Profiles'!$G$21=$B$24,21,0),MOD($C2947,24)+1)/SUM(INDEX($D$3:$AA$30,INDEX(Jesper!$R$2:$R$366,ROW(INDEX(Jesper!AK$2:AK$366,ROUNDDOWN($C2947/24,0)+1,1))-1)+IF('Standard Profiles'!$G$21=$B$10,7,0)+IF('Standard Profiles'!$G$21=$B$17,14,0)+IF('Standard Profiles'!$G$21=$B$24,21,0),0)),0)</f>
        <v>0</v>
      </c>
      <c r="H2947" cm="1">
        <f t="array" ref="H2947">IFERROR(INDEX(Jesper!AL$2:AL$366,ROUNDDOWN($C2947/24,0)+1,1)*INDEX($D$3:$AA$30,INDEX(Jesper!$R$2:$R$366,ROW(INDEX(Jesper!AL$2:AL$366,ROUNDDOWN($C2947/24,0)+1,1))-1)+IF('Standard Profiles'!$G$22=$B$10,7,0)+IF('Standard Profiles'!$G$22=$B$17,14,0)+IF('Standard Profiles'!$G$22=$B$24,21,0),MOD($C2947,24)+1)/SUM(INDEX($D$3:$AA$30,INDEX(Jesper!$R$2:$R$366,ROW(INDEX(Jesper!AL$2:AL$366,ROUNDDOWN($C2947/24,0)+1,1))-1)+IF('Standard Profiles'!$G$22=$B$10,7,0)+IF('Standard Profiles'!$G$22=$B$17,14,0)+IF('Standard Profiles'!$G$22=$B$24,21,0),0)),0)</f>
        <v>0</v>
      </c>
      <c r="I2947">
        <f t="shared" si="335"/>
        <v>0.35831963531384842</v>
      </c>
      <c r="J2947">
        <f t="shared" si="336"/>
        <v>1.194398784379495</v>
      </c>
      <c r="K2947">
        <f t="shared" si="337"/>
        <v>1.7915981765692421</v>
      </c>
      <c r="L2947">
        <f t="shared" si="338"/>
        <v>8.5996712475323633</v>
      </c>
      <c r="M2947">
        <f t="shared" si="339"/>
        <v>0</v>
      </c>
      <c r="N2947" s="46">
        <f t="shared" si="340"/>
        <v>45413.374999992935</v>
      </c>
    </row>
    <row r="2948" spans="2:14" x14ac:dyDescent="0.3">
      <c r="B2948">
        <f t="shared" si="334"/>
        <v>3</v>
      </c>
      <c r="C2948" s="16">
        <v>2914</v>
      </c>
      <c r="D2948" cm="1">
        <f t="array" ref="D2948">IFERROR(INDEX(Jesper!AH$2:AH$366,ROUNDDOWN($C2948/24,0)+1,1)*INDEX($D$3:$AA$30,INDEX(Jesper!$R$2:$R$366,ROW(INDEX(Jesper!AH$2:AH$366,ROUNDDOWN($C2948/24,0)+1,1))-1)+IF('Standard Profiles'!$G$18=$B$10,7,0)+IF('Standard Profiles'!$G$18=$B$17,14,0)+IF('Standard Profiles'!$G$18=$B$24,21,0),MOD($C2948,24)+1)/SUM(INDEX($D$3:$AA$30,INDEX(Jesper!$R$2:$R$366,ROW(INDEX(Jesper!AH$2:AH$366,ROUNDDOWN($C2948/24,0)+1,1))-1)+IF('Standard Profiles'!$G$18=$B$10,7,0)+IF('Standard Profiles'!$G$18=$B$17,14,0)+IF('Standard Profiles'!$G$18=$B$24,21,0),0)),0)</f>
        <v>12.939320164111194</v>
      </c>
      <c r="E2948" cm="1">
        <f t="array" ref="E2948">IFERROR(INDEX(Jesper!AI$2:AI$366,ROUNDDOWN($C2948/24,0)+1,1)*INDEX($D$3:$AA$30,INDEX(Jesper!$R$2:$R$366,ROW(INDEX(Jesper!AI$2:AI$366,ROUNDDOWN($C2948/24,0)+1,1))-1)+IF('Standard Profiles'!$G$19=$B$10,7,0)+IF('Standard Profiles'!$G$19=$B$17,14,0)+IF('Standard Profiles'!$G$19=$B$24,21,0),MOD($C2948,24)+1)/SUM(INDEX($D$3:$AA$30,INDEX(Jesper!$R$2:$R$366,ROW(INDEX(Jesper!AI$2:AI$366,ROUNDDOWN($C2948/24,0)+1,1))-1)+IF('Standard Profiles'!$G$19=$B$10,7,0)+IF('Standard Profiles'!$G$19=$B$17,14,0)+IF('Standard Profiles'!$G$19=$B$24,21,0),0)),0)</f>
        <v>0</v>
      </c>
      <c r="F2948" cm="1">
        <f t="array" ref="F2948">IFERROR(INDEX(Jesper!AJ$2:AJ$366,ROUNDDOWN($C2948/24,0)+1,1)*INDEX($D$3:$AA$30,INDEX(Jesper!$R$2:$R$366,ROW(INDEX(Jesper!AJ$2:AJ$366,ROUNDDOWN($C2948/24,0)+1,1))-1)+IF('Standard Profiles'!$G$20=$B$10,7,0)+IF('Standard Profiles'!$G$20=$B$17,14,0)+IF('Standard Profiles'!$G$20=$B$24,21,0),MOD($C2948,24)+1)/SUM(INDEX($D$3:$AA$30,INDEX(Jesper!$R$2:$R$366,ROW(INDEX(Jesper!AJ$2:AJ$366,ROUNDDOWN($C2948/24,0)+1,1))-1)+IF('Standard Profiles'!$G$20=$B$10,7,0)+IF('Standard Profiles'!$G$20=$B$17,14,0)+IF('Standard Profiles'!$G$20=$B$24,21,0),0)),0)</f>
        <v>0</v>
      </c>
      <c r="G2948" cm="1">
        <f t="array" ref="G2948">IFERROR(INDEX(Jesper!AK$2:AK$366,ROUNDDOWN($C2948/24,0)+1,1)*INDEX($D$3:$AA$30,INDEX(Jesper!$R$2:$R$366,ROW(INDEX(Jesper!AK$2:AK$366,ROUNDDOWN($C2948/24,0)+1,1))-1)+IF('Standard Profiles'!$G$21=$B$10,7,0)+IF('Standard Profiles'!$G$21=$B$17,14,0)+IF('Standard Profiles'!$G$21=$B$24,21,0),MOD($C2948,24)+1)/SUM(INDEX($D$3:$AA$30,INDEX(Jesper!$R$2:$R$366,ROW(INDEX(Jesper!AK$2:AK$366,ROUNDDOWN($C2948/24,0)+1,1))-1)+IF('Standard Profiles'!$G$21=$B$10,7,0)+IF('Standard Profiles'!$G$21=$B$17,14,0)+IF('Standard Profiles'!$G$21=$B$24,21,0),0)),0)</f>
        <v>0</v>
      </c>
      <c r="H2948" cm="1">
        <f t="array" ref="H2948">IFERROR(INDEX(Jesper!AL$2:AL$366,ROUNDDOWN($C2948/24,0)+1,1)*INDEX($D$3:$AA$30,INDEX(Jesper!$R$2:$R$366,ROW(INDEX(Jesper!AL$2:AL$366,ROUNDDOWN($C2948/24,0)+1,1))-1)+IF('Standard Profiles'!$G$22=$B$10,7,0)+IF('Standard Profiles'!$G$22=$B$17,14,0)+IF('Standard Profiles'!$G$22=$B$24,21,0),MOD($C2948,24)+1)/SUM(INDEX($D$3:$AA$30,INDEX(Jesper!$R$2:$R$366,ROW(INDEX(Jesper!AL$2:AL$366,ROUNDDOWN($C2948/24,0)+1,1))-1)+IF('Standard Profiles'!$G$22=$B$10,7,0)+IF('Standard Profiles'!$G$22=$B$17,14,0)+IF('Standard Profiles'!$G$22=$B$24,21,0),0)),0)</f>
        <v>0</v>
      </c>
      <c r="I2948">
        <f t="shared" si="335"/>
        <v>0.38817960492333581</v>
      </c>
      <c r="J2948">
        <f t="shared" si="336"/>
        <v>1.2939320164111194</v>
      </c>
      <c r="K2948">
        <f t="shared" si="337"/>
        <v>1.9408980246166792</v>
      </c>
      <c r="L2948">
        <f t="shared" si="338"/>
        <v>9.3163105181600603</v>
      </c>
      <c r="M2948">
        <f t="shared" si="339"/>
        <v>0</v>
      </c>
      <c r="N2948" s="46">
        <f t="shared" si="340"/>
        <v>45413.416666659599</v>
      </c>
    </row>
    <row r="2949" spans="2:14" x14ac:dyDescent="0.3">
      <c r="B2949">
        <f t="shared" si="334"/>
        <v>3</v>
      </c>
      <c r="C2949" s="16">
        <v>2915</v>
      </c>
      <c r="D2949" cm="1">
        <f t="array" ref="D2949">IFERROR(INDEX(Jesper!AH$2:AH$366,ROUNDDOWN($C2949/24,0)+1,1)*INDEX($D$3:$AA$30,INDEX(Jesper!$R$2:$R$366,ROW(INDEX(Jesper!AH$2:AH$366,ROUNDDOWN($C2949/24,0)+1,1))-1)+IF('Standard Profiles'!$G$18=$B$10,7,0)+IF('Standard Profiles'!$G$18=$B$17,14,0)+IF('Standard Profiles'!$G$18=$B$24,21,0),MOD($C2949,24)+1)/SUM(INDEX($D$3:$AA$30,INDEX(Jesper!$R$2:$R$366,ROW(INDEX(Jesper!AH$2:AH$366,ROUNDDOWN($C2949/24,0)+1,1))-1)+IF('Standard Profiles'!$G$18=$B$10,7,0)+IF('Standard Profiles'!$G$18=$B$17,14,0)+IF('Standard Profiles'!$G$18=$B$24,21,0),0)),0)</f>
        <v>14.929984804743684</v>
      </c>
      <c r="E2949" cm="1">
        <f t="array" ref="E2949">IFERROR(INDEX(Jesper!AI$2:AI$366,ROUNDDOWN($C2949/24,0)+1,1)*INDEX($D$3:$AA$30,INDEX(Jesper!$R$2:$R$366,ROW(INDEX(Jesper!AI$2:AI$366,ROUNDDOWN($C2949/24,0)+1,1))-1)+IF('Standard Profiles'!$G$19=$B$10,7,0)+IF('Standard Profiles'!$G$19=$B$17,14,0)+IF('Standard Profiles'!$G$19=$B$24,21,0),MOD($C2949,24)+1)/SUM(INDEX($D$3:$AA$30,INDEX(Jesper!$R$2:$R$366,ROW(INDEX(Jesper!AI$2:AI$366,ROUNDDOWN($C2949/24,0)+1,1))-1)+IF('Standard Profiles'!$G$19=$B$10,7,0)+IF('Standard Profiles'!$G$19=$B$17,14,0)+IF('Standard Profiles'!$G$19=$B$24,21,0),0)),0)</f>
        <v>0</v>
      </c>
      <c r="F2949" cm="1">
        <f t="array" ref="F2949">IFERROR(INDEX(Jesper!AJ$2:AJ$366,ROUNDDOWN($C2949/24,0)+1,1)*INDEX($D$3:$AA$30,INDEX(Jesper!$R$2:$R$366,ROW(INDEX(Jesper!AJ$2:AJ$366,ROUNDDOWN($C2949/24,0)+1,1))-1)+IF('Standard Profiles'!$G$20=$B$10,7,0)+IF('Standard Profiles'!$G$20=$B$17,14,0)+IF('Standard Profiles'!$G$20=$B$24,21,0),MOD($C2949,24)+1)/SUM(INDEX($D$3:$AA$30,INDEX(Jesper!$R$2:$R$366,ROW(INDEX(Jesper!AJ$2:AJ$366,ROUNDDOWN($C2949/24,0)+1,1))-1)+IF('Standard Profiles'!$G$20=$B$10,7,0)+IF('Standard Profiles'!$G$20=$B$17,14,0)+IF('Standard Profiles'!$G$20=$B$24,21,0),0)),0)</f>
        <v>0</v>
      </c>
      <c r="G2949" cm="1">
        <f t="array" ref="G2949">IFERROR(INDEX(Jesper!AK$2:AK$366,ROUNDDOWN($C2949/24,0)+1,1)*INDEX($D$3:$AA$30,INDEX(Jesper!$R$2:$R$366,ROW(INDEX(Jesper!AK$2:AK$366,ROUNDDOWN($C2949/24,0)+1,1))-1)+IF('Standard Profiles'!$G$21=$B$10,7,0)+IF('Standard Profiles'!$G$21=$B$17,14,0)+IF('Standard Profiles'!$G$21=$B$24,21,0),MOD($C2949,24)+1)/SUM(INDEX($D$3:$AA$30,INDEX(Jesper!$R$2:$R$366,ROW(INDEX(Jesper!AK$2:AK$366,ROUNDDOWN($C2949/24,0)+1,1))-1)+IF('Standard Profiles'!$G$21=$B$10,7,0)+IF('Standard Profiles'!$G$21=$B$17,14,0)+IF('Standard Profiles'!$G$21=$B$24,21,0),0)),0)</f>
        <v>0</v>
      </c>
      <c r="H2949" cm="1">
        <f t="array" ref="H2949">IFERROR(INDEX(Jesper!AL$2:AL$366,ROUNDDOWN($C2949/24,0)+1,1)*INDEX($D$3:$AA$30,INDEX(Jesper!$R$2:$R$366,ROW(INDEX(Jesper!AL$2:AL$366,ROUNDDOWN($C2949/24,0)+1,1))-1)+IF('Standard Profiles'!$G$22=$B$10,7,0)+IF('Standard Profiles'!$G$22=$B$17,14,0)+IF('Standard Profiles'!$G$22=$B$24,21,0),MOD($C2949,24)+1)/SUM(INDEX($D$3:$AA$30,INDEX(Jesper!$R$2:$R$366,ROW(INDEX(Jesper!AL$2:AL$366,ROUNDDOWN($C2949/24,0)+1,1))-1)+IF('Standard Profiles'!$G$22=$B$10,7,0)+IF('Standard Profiles'!$G$22=$B$17,14,0)+IF('Standard Profiles'!$G$22=$B$24,21,0),0)),0)</f>
        <v>0</v>
      </c>
      <c r="I2949">
        <f t="shared" si="335"/>
        <v>0.44789954414231054</v>
      </c>
      <c r="J2949">
        <f t="shared" si="336"/>
        <v>1.4929984804743686</v>
      </c>
      <c r="K2949">
        <f t="shared" si="337"/>
        <v>2.2394977207115527</v>
      </c>
      <c r="L2949">
        <f t="shared" si="338"/>
        <v>10.749589059415452</v>
      </c>
      <c r="M2949">
        <f t="shared" si="339"/>
        <v>0</v>
      </c>
      <c r="N2949" s="46">
        <f t="shared" si="340"/>
        <v>45413.458333326264</v>
      </c>
    </row>
    <row r="2950" spans="2:14" x14ac:dyDescent="0.3">
      <c r="B2950">
        <f t="shared" si="334"/>
        <v>3</v>
      </c>
      <c r="C2950" s="16">
        <v>2916</v>
      </c>
      <c r="D2950" cm="1">
        <f t="array" ref="D2950">IFERROR(INDEX(Jesper!AH$2:AH$366,ROUNDDOWN($C2950/24,0)+1,1)*INDEX($D$3:$AA$30,INDEX(Jesper!$R$2:$R$366,ROW(INDEX(Jesper!AH$2:AH$366,ROUNDDOWN($C2950/24,0)+1,1))-1)+IF('Standard Profiles'!$G$18=$B$10,7,0)+IF('Standard Profiles'!$G$18=$B$17,14,0)+IF('Standard Profiles'!$G$18=$B$24,21,0),MOD($C2950,24)+1)/SUM(INDEX($D$3:$AA$30,INDEX(Jesper!$R$2:$R$366,ROW(INDEX(Jesper!AH$2:AH$366,ROUNDDOWN($C2950/24,0)+1,1))-1)+IF('Standard Profiles'!$G$18=$B$10,7,0)+IF('Standard Profiles'!$G$18=$B$17,14,0)+IF('Standard Profiles'!$G$18=$B$24,21,0),0)),0)</f>
        <v>14.929984804743684</v>
      </c>
      <c r="E2950" cm="1">
        <f t="array" ref="E2950">IFERROR(INDEX(Jesper!AI$2:AI$366,ROUNDDOWN($C2950/24,0)+1,1)*INDEX($D$3:$AA$30,INDEX(Jesper!$R$2:$R$366,ROW(INDEX(Jesper!AI$2:AI$366,ROUNDDOWN($C2950/24,0)+1,1))-1)+IF('Standard Profiles'!$G$19=$B$10,7,0)+IF('Standard Profiles'!$G$19=$B$17,14,0)+IF('Standard Profiles'!$G$19=$B$24,21,0),MOD($C2950,24)+1)/SUM(INDEX($D$3:$AA$30,INDEX(Jesper!$R$2:$R$366,ROW(INDEX(Jesper!AI$2:AI$366,ROUNDDOWN($C2950/24,0)+1,1))-1)+IF('Standard Profiles'!$G$19=$B$10,7,0)+IF('Standard Profiles'!$G$19=$B$17,14,0)+IF('Standard Profiles'!$G$19=$B$24,21,0),0)),0)</f>
        <v>0</v>
      </c>
      <c r="F2950" cm="1">
        <f t="array" ref="F2950">IFERROR(INDEX(Jesper!AJ$2:AJ$366,ROUNDDOWN($C2950/24,0)+1,1)*INDEX($D$3:$AA$30,INDEX(Jesper!$R$2:$R$366,ROW(INDEX(Jesper!AJ$2:AJ$366,ROUNDDOWN($C2950/24,0)+1,1))-1)+IF('Standard Profiles'!$G$20=$B$10,7,0)+IF('Standard Profiles'!$G$20=$B$17,14,0)+IF('Standard Profiles'!$G$20=$B$24,21,0),MOD($C2950,24)+1)/SUM(INDEX($D$3:$AA$30,INDEX(Jesper!$R$2:$R$366,ROW(INDEX(Jesper!AJ$2:AJ$366,ROUNDDOWN($C2950/24,0)+1,1))-1)+IF('Standard Profiles'!$G$20=$B$10,7,0)+IF('Standard Profiles'!$G$20=$B$17,14,0)+IF('Standard Profiles'!$G$20=$B$24,21,0),0)),0)</f>
        <v>0</v>
      </c>
      <c r="G2950" cm="1">
        <f t="array" ref="G2950">IFERROR(INDEX(Jesper!AK$2:AK$366,ROUNDDOWN($C2950/24,0)+1,1)*INDEX($D$3:$AA$30,INDEX(Jesper!$R$2:$R$366,ROW(INDEX(Jesper!AK$2:AK$366,ROUNDDOWN($C2950/24,0)+1,1))-1)+IF('Standard Profiles'!$G$21=$B$10,7,0)+IF('Standard Profiles'!$G$21=$B$17,14,0)+IF('Standard Profiles'!$G$21=$B$24,21,0),MOD($C2950,24)+1)/SUM(INDEX($D$3:$AA$30,INDEX(Jesper!$R$2:$R$366,ROW(INDEX(Jesper!AK$2:AK$366,ROUNDDOWN($C2950/24,0)+1,1))-1)+IF('Standard Profiles'!$G$21=$B$10,7,0)+IF('Standard Profiles'!$G$21=$B$17,14,0)+IF('Standard Profiles'!$G$21=$B$24,21,0),0)),0)</f>
        <v>0</v>
      </c>
      <c r="H2950" cm="1">
        <f t="array" ref="H2950">IFERROR(INDEX(Jesper!AL$2:AL$366,ROUNDDOWN($C2950/24,0)+1,1)*INDEX($D$3:$AA$30,INDEX(Jesper!$R$2:$R$366,ROW(INDEX(Jesper!AL$2:AL$366,ROUNDDOWN($C2950/24,0)+1,1))-1)+IF('Standard Profiles'!$G$22=$B$10,7,0)+IF('Standard Profiles'!$G$22=$B$17,14,0)+IF('Standard Profiles'!$G$22=$B$24,21,0),MOD($C2950,24)+1)/SUM(INDEX($D$3:$AA$30,INDEX(Jesper!$R$2:$R$366,ROW(INDEX(Jesper!AL$2:AL$366,ROUNDDOWN($C2950/24,0)+1,1))-1)+IF('Standard Profiles'!$G$22=$B$10,7,0)+IF('Standard Profiles'!$G$22=$B$17,14,0)+IF('Standard Profiles'!$G$22=$B$24,21,0),0)),0)</f>
        <v>0</v>
      </c>
      <c r="I2950">
        <f t="shared" si="335"/>
        <v>0.44789954414231054</v>
      </c>
      <c r="J2950">
        <f t="shared" si="336"/>
        <v>1.4929984804743686</v>
      </c>
      <c r="K2950">
        <f t="shared" si="337"/>
        <v>2.2394977207115527</v>
      </c>
      <c r="L2950">
        <f t="shared" si="338"/>
        <v>10.749589059415452</v>
      </c>
      <c r="M2950">
        <f t="shared" si="339"/>
        <v>0</v>
      </c>
      <c r="N2950" s="46">
        <f t="shared" si="340"/>
        <v>45413.499999992928</v>
      </c>
    </row>
    <row r="2951" spans="2:14" x14ac:dyDescent="0.3">
      <c r="B2951">
        <f t="shared" si="334"/>
        <v>3</v>
      </c>
      <c r="C2951" s="16">
        <v>2917</v>
      </c>
      <c r="D2951" cm="1">
        <f t="array" ref="D2951">IFERROR(INDEX(Jesper!AH$2:AH$366,ROUNDDOWN($C2951/24,0)+1,1)*INDEX($D$3:$AA$30,INDEX(Jesper!$R$2:$R$366,ROW(INDEX(Jesper!AH$2:AH$366,ROUNDDOWN($C2951/24,0)+1,1))-1)+IF('Standard Profiles'!$G$18=$B$10,7,0)+IF('Standard Profiles'!$G$18=$B$17,14,0)+IF('Standard Profiles'!$G$18=$B$24,21,0),MOD($C2951,24)+1)/SUM(INDEX($D$3:$AA$30,INDEX(Jesper!$R$2:$R$366,ROW(INDEX(Jesper!AH$2:AH$366,ROUNDDOWN($C2951/24,0)+1,1))-1)+IF('Standard Profiles'!$G$18=$B$10,7,0)+IF('Standard Profiles'!$G$18=$B$17,14,0)+IF('Standard Profiles'!$G$18=$B$24,21,0),0)),0)</f>
        <v>14.929984804743684</v>
      </c>
      <c r="E2951" cm="1">
        <f t="array" ref="E2951">IFERROR(INDEX(Jesper!AI$2:AI$366,ROUNDDOWN($C2951/24,0)+1,1)*INDEX($D$3:$AA$30,INDEX(Jesper!$R$2:$R$366,ROW(INDEX(Jesper!AI$2:AI$366,ROUNDDOWN($C2951/24,0)+1,1))-1)+IF('Standard Profiles'!$G$19=$B$10,7,0)+IF('Standard Profiles'!$G$19=$B$17,14,0)+IF('Standard Profiles'!$G$19=$B$24,21,0),MOD($C2951,24)+1)/SUM(INDEX($D$3:$AA$30,INDEX(Jesper!$R$2:$R$366,ROW(INDEX(Jesper!AI$2:AI$366,ROUNDDOWN($C2951/24,0)+1,1))-1)+IF('Standard Profiles'!$G$19=$B$10,7,0)+IF('Standard Profiles'!$G$19=$B$17,14,0)+IF('Standard Profiles'!$G$19=$B$24,21,0),0)),0)</f>
        <v>0</v>
      </c>
      <c r="F2951" cm="1">
        <f t="array" ref="F2951">IFERROR(INDEX(Jesper!AJ$2:AJ$366,ROUNDDOWN($C2951/24,0)+1,1)*INDEX($D$3:$AA$30,INDEX(Jesper!$R$2:$R$366,ROW(INDEX(Jesper!AJ$2:AJ$366,ROUNDDOWN($C2951/24,0)+1,1))-1)+IF('Standard Profiles'!$G$20=$B$10,7,0)+IF('Standard Profiles'!$G$20=$B$17,14,0)+IF('Standard Profiles'!$G$20=$B$24,21,0),MOD($C2951,24)+1)/SUM(INDEX($D$3:$AA$30,INDEX(Jesper!$R$2:$R$366,ROW(INDEX(Jesper!AJ$2:AJ$366,ROUNDDOWN($C2951/24,0)+1,1))-1)+IF('Standard Profiles'!$G$20=$B$10,7,0)+IF('Standard Profiles'!$G$20=$B$17,14,0)+IF('Standard Profiles'!$G$20=$B$24,21,0),0)),0)</f>
        <v>0</v>
      </c>
      <c r="G2951" cm="1">
        <f t="array" ref="G2951">IFERROR(INDEX(Jesper!AK$2:AK$366,ROUNDDOWN($C2951/24,0)+1,1)*INDEX($D$3:$AA$30,INDEX(Jesper!$R$2:$R$366,ROW(INDEX(Jesper!AK$2:AK$366,ROUNDDOWN($C2951/24,0)+1,1))-1)+IF('Standard Profiles'!$G$21=$B$10,7,0)+IF('Standard Profiles'!$G$21=$B$17,14,0)+IF('Standard Profiles'!$G$21=$B$24,21,0),MOD($C2951,24)+1)/SUM(INDEX($D$3:$AA$30,INDEX(Jesper!$R$2:$R$366,ROW(INDEX(Jesper!AK$2:AK$366,ROUNDDOWN($C2951/24,0)+1,1))-1)+IF('Standard Profiles'!$G$21=$B$10,7,0)+IF('Standard Profiles'!$G$21=$B$17,14,0)+IF('Standard Profiles'!$G$21=$B$24,21,0),0)),0)</f>
        <v>0</v>
      </c>
      <c r="H2951" cm="1">
        <f t="array" ref="H2951">IFERROR(INDEX(Jesper!AL$2:AL$366,ROUNDDOWN($C2951/24,0)+1,1)*INDEX($D$3:$AA$30,INDEX(Jesper!$R$2:$R$366,ROW(INDEX(Jesper!AL$2:AL$366,ROUNDDOWN($C2951/24,0)+1,1))-1)+IF('Standard Profiles'!$G$22=$B$10,7,0)+IF('Standard Profiles'!$G$22=$B$17,14,0)+IF('Standard Profiles'!$G$22=$B$24,21,0),MOD($C2951,24)+1)/SUM(INDEX($D$3:$AA$30,INDEX(Jesper!$R$2:$R$366,ROW(INDEX(Jesper!AL$2:AL$366,ROUNDDOWN($C2951/24,0)+1,1))-1)+IF('Standard Profiles'!$G$22=$B$10,7,0)+IF('Standard Profiles'!$G$22=$B$17,14,0)+IF('Standard Profiles'!$G$22=$B$24,21,0),0)),0)</f>
        <v>0</v>
      </c>
      <c r="I2951">
        <f t="shared" si="335"/>
        <v>0.44789954414231054</v>
      </c>
      <c r="J2951">
        <f t="shared" si="336"/>
        <v>1.4929984804743686</v>
      </c>
      <c r="K2951">
        <f t="shared" si="337"/>
        <v>2.2394977207115527</v>
      </c>
      <c r="L2951">
        <f t="shared" si="338"/>
        <v>10.749589059415452</v>
      </c>
      <c r="M2951">
        <f t="shared" si="339"/>
        <v>0</v>
      </c>
      <c r="N2951" s="46">
        <f t="shared" si="340"/>
        <v>45413.541666659592</v>
      </c>
    </row>
    <row r="2952" spans="2:14" x14ac:dyDescent="0.3">
      <c r="B2952">
        <f t="shared" si="334"/>
        <v>3</v>
      </c>
      <c r="C2952" s="16">
        <v>2918</v>
      </c>
      <c r="D2952" cm="1">
        <f t="array" ref="D2952">IFERROR(INDEX(Jesper!AH$2:AH$366,ROUNDDOWN($C2952/24,0)+1,1)*INDEX($D$3:$AA$30,INDEX(Jesper!$R$2:$R$366,ROW(INDEX(Jesper!AH$2:AH$366,ROUNDDOWN($C2952/24,0)+1,1))-1)+IF('Standard Profiles'!$G$18=$B$10,7,0)+IF('Standard Profiles'!$G$18=$B$17,14,0)+IF('Standard Profiles'!$G$18=$B$24,21,0),MOD($C2952,24)+1)/SUM(INDEX($D$3:$AA$30,INDEX(Jesper!$R$2:$R$366,ROW(INDEX(Jesper!AH$2:AH$366,ROUNDDOWN($C2952/24,0)+1,1))-1)+IF('Standard Profiles'!$G$18=$B$10,7,0)+IF('Standard Profiles'!$G$18=$B$17,14,0)+IF('Standard Profiles'!$G$18=$B$24,21,0),0)),0)</f>
        <v>14.929984804743684</v>
      </c>
      <c r="E2952" cm="1">
        <f t="array" ref="E2952">IFERROR(INDEX(Jesper!AI$2:AI$366,ROUNDDOWN($C2952/24,0)+1,1)*INDEX($D$3:$AA$30,INDEX(Jesper!$R$2:$R$366,ROW(INDEX(Jesper!AI$2:AI$366,ROUNDDOWN($C2952/24,0)+1,1))-1)+IF('Standard Profiles'!$G$19=$B$10,7,0)+IF('Standard Profiles'!$G$19=$B$17,14,0)+IF('Standard Profiles'!$G$19=$B$24,21,0),MOD($C2952,24)+1)/SUM(INDEX($D$3:$AA$30,INDEX(Jesper!$R$2:$R$366,ROW(INDEX(Jesper!AI$2:AI$366,ROUNDDOWN($C2952/24,0)+1,1))-1)+IF('Standard Profiles'!$G$19=$B$10,7,0)+IF('Standard Profiles'!$G$19=$B$17,14,0)+IF('Standard Profiles'!$G$19=$B$24,21,0),0)),0)</f>
        <v>0</v>
      </c>
      <c r="F2952" cm="1">
        <f t="array" ref="F2952">IFERROR(INDEX(Jesper!AJ$2:AJ$366,ROUNDDOWN($C2952/24,0)+1,1)*INDEX($D$3:$AA$30,INDEX(Jesper!$R$2:$R$366,ROW(INDEX(Jesper!AJ$2:AJ$366,ROUNDDOWN($C2952/24,0)+1,1))-1)+IF('Standard Profiles'!$G$20=$B$10,7,0)+IF('Standard Profiles'!$G$20=$B$17,14,0)+IF('Standard Profiles'!$G$20=$B$24,21,0),MOD($C2952,24)+1)/SUM(INDEX($D$3:$AA$30,INDEX(Jesper!$R$2:$R$366,ROW(INDEX(Jesper!AJ$2:AJ$366,ROUNDDOWN($C2952/24,0)+1,1))-1)+IF('Standard Profiles'!$G$20=$B$10,7,0)+IF('Standard Profiles'!$G$20=$B$17,14,0)+IF('Standard Profiles'!$G$20=$B$24,21,0),0)),0)</f>
        <v>0</v>
      </c>
      <c r="G2952" cm="1">
        <f t="array" ref="G2952">IFERROR(INDEX(Jesper!AK$2:AK$366,ROUNDDOWN($C2952/24,0)+1,1)*INDEX($D$3:$AA$30,INDEX(Jesper!$R$2:$R$366,ROW(INDEX(Jesper!AK$2:AK$366,ROUNDDOWN($C2952/24,0)+1,1))-1)+IF('Standard Profiles'!$G$21=$B$10,7,0)+IF('Standard Profiles'!$G$21=$B$17,14,0)+IF('Standard Profiles'!$G$21=$B$24,21,0),MOD($C2952,24)+1)/SUM(INDEX($D$3:$AA$30,INDEX(Jesper!$R$2:$R$366,ROW(INDEX(Jesper!AK$2:AK$366,ROUNDDOWN($C2952/24,0)+1,1))-1)+IF('Standard Profiles'!$G$21=$B$10,7,0)+IF('Standard Profiles'!$G$21=$B$17,14,0)+IF('Standard Profiles'!$G$21=$B$24,21,0),0)),0)</f>
        <v>0</v>
      </c>
      <c r="H2952" cm="1">
        <f t="array" ref="H2952">IFERROR(INDEX(Jesper!AL$2:AL$366,ROUNDDOWN($C2952/24,0)+1,1)*INDEX($D$3:$AA$30,INDEX(Jesper!$R$2:$R$366,ROW(INDEX(Jesper!AL$2:AL$366,ROUNDDOWN($C2952/24,0)+1,1))-1)+IF('Standard Profiles'!$G$22=$B$10,7,0)+IF('Standard Profiles'!$G$22=$B$17,14,0)+IF('Standard Profiles'!$G$22=$B$24,21,0),MOD($C2952,24)+1)/SUM(INDEX($D$3:$AA$30,INDEX(Jesper!$R$2:$R$366,ROW(INDEX(Jesper!AL$2:AL$366,ROUNDDOWN($C2952/24,0)+1,1))-1)+IF('Standard Profiles'!$G$22=$B$10,7,0)+IF('Standard Profiles'!$G$22=$B$17,14,0)+IF('Standard Profiles'!$G$22=$B$24,21,0),0)),0)</f>
        <v>0</v>
      </c>
      <c r="I2952">
        <f t="shared" si="335"/>
        <v>0.44789954414231054</v>
      </c>
      <c r="J2952">
        <f t="shared" si="336"/>
        <v>1.4929984804743686</v>
      </c>
      <c r="K2952">
        <f t="shared" si="337"/>
        <v>2.2394977207115527</v>
      </c>
      <c r="L2952">
        <f t="shared" si="338"/>
        <v>10.749589059415452</v>
      </c>
      <c r="M2952">
        <f t="shared" si="339"/>
        <v>0</v>
      </c>
      <c r="N2952" s="46">
        <f t="shared" si="340"/>
        <v>45413.583333326256</v>
      </c>
    </row>
    <row r="2953" spans="2:14" x14ac:dyDescent="0.3">
      <c r="B2953">
        <f t="shared" si="334"/>
        <v>3</v>
      </c>
      <c r="C2953" s="16">
        <v>2919</v>
      </c>
      <c r="D2953" cm="1">
        <f t="array" ref="D2953">IFERROR(INDEX(Jesper!AH$2:AH$366,ROUNDDOWN($C2953/24,0)+1,1)*INDEX($D$3:$AA$30,INDEX(Jesper!$R$2:$R$366,ROW(INDEX(Jesper!AH$2:AH$366,ROUNDDOWN($C2953/24,0)+1,1))-1)+IF('Standard Profiles'!$G$18=$B$10,7,0)+IF('Standard Profiles'!$G$18=$B$17,14,0)+IF('Standard Profiles'!$G$18=$B$24,21,0),MOD($C2953,24)+1)/SUM(INDEX($D$3:$AA$30,INDEX(Jesper!$R$2:$R$366,ROW(INDEX(Jesper!AH$2:AH$366,ROUNDDOWN($C2953/24,0)+1,1))-1)+IF('Standard Profiles'!$G$18=$B$10,7,0)+IF('Standard Profiles'!$G$18=$B$17,14,0)+IF('Standard Profiles'!$G$18=$B$24,21,0),0)),0)</f>
        <v>14.929984804743684</v>
      </c>
      <c r="E2953" cm="1">
        <f t="array" ref="E2953">IFERROR(INDEX(Jesper!AI$2:AI$366,ROUNDDOWN($C2953/24,0)+1,1)*INDEX($D$3:$AA$30,INDEX(Jesper!$R$2:$R$366,ROW(INDEX(Jesper!AI$2:AI$366,ROUNDDOWN($C2953/24,0)+1,1))-1)+IF('Standard Profiles'!$G$19=$B$10,7,0)+IF('Standard Profiles'!$G$19=$B$17,14,0)+IF('Standard Profiles'!$G$19=$B$24,21,0),MOD($C2953,24)+1)/SUM(INDEX($D$3:$AA$30,INDEX(Jesper!$R$2:$R$366,ROW(INDEX(Jesper!AI$2:AI$366,ROUNDDOWN($C2953/24,0)+1,1))-1)+IF('Standard Profiles'!$G$19=$B$10,7,0)+IF('Standard Profiles'!$G$19=$B$17,14,0)+IF('Standard Profiles'!$G$19=$B$24,21,0),0)),0)</f>
        <v>0</v>
      </c>
      <c r="F2953" cm="1">
        <f t="array" ref="F2953">IFERROR(INDEX(Jesper!AJ$2:AJ$366,ROUNDDOWN($C2953/24,0)+1,1)*INDEX($D$3:$AA$30,INDEX(Jesper!$R$2:$R$366,ROW(INDEX(Jesper!AJ$2:AJ$366,ROUNDDOWN($C2953/24,0)+1,1))-1)+IF('Standard Profiles'!$G$20=$B$10,7,0)+IF('Standard Profiles'!$G$20=$B$17,14,0)+IF('Standard Profiles'!$G$20=$B$24,21,0),MOD($C2953,24)+1)/SUM(INDEX($D$3:$AA$30,INDEX(Jesper!$R$2:$R$366,ROW(INDEX(Jesper!AJ$2:AJ$366,ROUNDDOWN($C2953/24,0)+1,1))-1)+IF('Standard Profiles'!$G$20=$B$10,7,0)+IF('Standard Profiles'!$G$20=$B$17,14,0)+IF('Standard Profiles'!$G$20=$B$24,21,0),0)),0)</f>
        <v>0</v>
      </c>
      <c r="G2953" cm="1">
        <f t="array" ref="G2953">IFERROR(INDEX(Jesper!AK$2:AK$366,ROUNDDOWN($C2953/24,0)+1,1)*INDEX($D$3:$AA$30,INDEX(Jesper!$R$2:$R$366,ROW(INDEX(Jesper!AK$2:AK$366,ROUNDDOWN($C2953/24,0)+1,1))-1)+IF('Standard Profiles'!$G$21=$B$10,7,0)+IF('Standard Profiles'!$G$21=$B$17,14,0)+IF('Standard Profiles'!$G$21=$B$24,21,0),MOD($C2953,24)+1)/SUM(INDEX($D$3:$AA$30,INDEX(Jesper!$R$2:$R$366,ROW(INDEX(Jesper!AK$2:AK$366,ROUNDDOWN($C2953/24,0)+1,1))-1)+IF('Standard Profiles'!$G$21=$B$10,7,0)+IF('Standard Profiles'!$G$21=$B$17,14,0)+IF('Standard Profiles'!$G$21=$B$24,21,0),0)),0)</f>
        <v>0</v>
      </c>
      <c r="H2953" cm="1">
        <f t="array" ref="H2953">IFERROR(INDEX(Jesper!AL$2:AL$366,ROUNDDOWN($C2953/24,0)+1,1)*INDEX($D$3:$AA$30,INDEX(Jesper!$R$2:$R$366,ROW(INDEX(Jesper!AL$2:AL$366,ROUNDDOWN($C2953/24,0)+1,1))-1)+IF('Standard Profiles'!$G$22=$B$10,7,0)+IF('Standard Profiles'!$G$22=$B$17,14,0)+IF('Standard Profiles'!$G$22=$B$24,21,0),MOD($C2953,24)+1)/SUM(INDEX($D$3:$AA$30,INDEX(Jesper!$R$2:$R$366,ROW(INDEX(Jesper!AL$2:AL$366,ROUNDDOWN($C2953/24,0)+1,1))-1)+IF('Standard Profiles'!$G$22=$B$10,7,0)+IF('Standard Profiles'!$G$22=$B$17,14,0)+IF('Standard Profiles'!$G$22=$B$24,21,0),0)),0)</f>
        <v>0</v>
      </c>
      <c r="I2953">
        <f t="shared" si="335"/>
        <v>0.44789954414231054</v>
      </c>
      <c r="J2953">
        <f t="shared" si="336"/>
        <v>1.4929984804743686</v>
      </c>
      <c r="K2953">
        <f t="shared" si="337"/>
        <v>2.2394977207115527</v>
      </c>
      <c r="L2953">
        <f t="shared" si="338"/>
        <v>10.749589059415452</v>
      </c>
      <c r="M2953">
        <f t="shared" si="339"/>
        <v>0</v>
      </c>
      <c r="N2953" s="46">
        <f t="shared" si="340"/>
        <v>45413.62499999292</v>
      </c>
    </row>
    <row r="2954" spans="2:14" x14ac:dyDescent="0.3">
      <c r="B2954">
        <f t="shared" si="334"/>
        <v>3</v>
      </c>
      <c r="C2954" s="16">
        <v>2920</v>
      </c>
      <c r="D2954" cm="1">
        <f t="array" ref="D2954">IFERROR(INDEX(Jesper!AH$2:AH$366,ROUNDDOWN($C2954/24,0)+1,1)*INDEX($D$3:$AA$30,INDEX(Jesper!$R$2:$R$366,ROW(INDEX(Jesper!AH$2:AH$366,ROUNDDOWN($C2954/24,0)+1,1))-1)+IF('Standard Profiles'!$G$18=$B$10,7,0)+IF('Standard Profiles'!$G$18=$B$17,14,0)+IF('Standard Profiles'!$G$18=$B$24,21,0),MOD($C2954,24)+1)/SUM(INDEX($D$3:$AA$30,INDEX(Jesper!$R$2:$R$366,ROW(INDEX(Jesper!AH$2:AH$366,ROUNDDOWN($C2954/24,0)+1,1))-1)+IF('Standard Profiles'!$G$18=$B$10,7,0)+IF('Standard Profiles'!$G$18=$B$17,14,0)+IF('Standard Profiles'!$G$18=$B$24,21,0),0)),0)</f>
        <v>14.929984804743684</v>
      </c>
      <c r="E2954" cm="1">
        <f t="array" ref="E2954">IFERROR(INDEX(Jesper!AI$2:AI$366,ROUNDDOWN($C2954/24,0)+1,1)*INDEX($D$3:$AA$30,INDEX(Jesper!$R$2:$R$366,ROW(INDEX(Jesper!AI$2:AI$366,ROUNDDOWN($C2954/24,0)+1,1))-1)+IF('Standard Profiles'!$G$19=$B$10,7,0)+IF('Standard Profiles'!$G$19=$B$17,14,0)+IF('Standard Profiles'!$G$19=$B$24,21,0),MOD($C2954,24)+1)/SUM(INDEX($D$3:$AA$30,INDEX(Jesper!$R$2:$R$366,ROW(INDEX(Jesper!AI$2:AI$366,ROUNDDOWN($C2954/24,0)+1,1))-1)+IF('Standard Profiles'!$G$19=$B$10,7,0)+IF('Standard Profiles'!$G$19=$B$17,14,0)+IF('Standard Profiles'!$G$19=$B$24,21,0),0)),0)</f>
        <v>0</v>
      </c>
      <c r="F2954" cm="1">
        <f t="array" ref="F2954">IFERROR(INDEX(Jesper!AJ$2:AJ$366,ROUNDDOWN($C2954/24,0)+1,1)*INDEX($D$3:$AA$30,INDEX(Jesper!$R$2:$R$366,ROW(INDEX(Jesper!AJ$2:AJ$366,ROUNDDOWN($C2954/24,0)+1,1))-1)+IF('Standard Profiles'!$G$20=$B$10,7,0)+IF('Standard Profiles'!$G$20=$B$17,14,0)+IF('Standard Profiles'!$G$20=$B$24,21,0),MOD($C2954,24)+1)/SUM(INDEX($D$3:$AA$30,INDEX(Jesper!$R$2:$R$366,ROW(INDEX(Jesper!AJ$2:AJ$366,ROUNDDOWN($C2954/24,0)+1,1))-1)+IF('Standard Profiles'!$G$20=$B$10,7,0)+IF('Standard Profiles'!$G$20=$B$17,14,0)+IF('Standard Profiles'!$G$20=$B$24,21,0),0)),0)</f>
        <v>0</v>
      </c>
      <c r="G2954" cm="1">
        <f t="array" ref="G2954">IFERROR(INDEX(Jesper!AK$2:AK$366,ROUNDDOWN($C2954/24,0)+1,1)*INDEX($D$3:$AA$30,INDEX(Jesper!$R$2:$R$366,ROW(INDEX(Jesper!AK$2:AK$366,ROUNDDOWN($C2954/24,0)+1,1))-1)+IF('Standard Profiles'!$G$21=$B$10,7,0)+IF('Standard Profiles'!$G$21=$B$17,14,0)+IF('Standard Profiles'!$G$21=$B$24,21,0),MOD($C2954,24)+1)/SUM(INDEX($D$3:$AA$30,INDEX(Jesper!$R$2:$R$366,ROW(INDEX(Jesper!AK$2:AK$366,ROUNDDOWN($C2954/24,0)+1,1))-1)+IF('Standard Profiles'!$G$21=$B$10,7,0)+IF('Standard Profiles'!$G$21=$B$17,14,0)+IF('Standard Profiles'!$G$21=$B$24,21,0),0)),0)</f>
        <v>0</v>
      </c>
      <c r="H2954" cm="1">
        <f t="array" ref="H2954">IFERROR(INDEX(Jesper!AL$2:AL$366,ROUNDDOWN($C2954/24,0)+1,1)*INDEX($D$3:$AA$30,INDEX(Jesper!$R$2:$R$366,ROW(INDEX(Jesper!AL$2:AL$366,ROUNDDOWN($C2954/24,0)+1,1))-1)+IF('Standard Profiles'!$G$22=$B$10,7,0)+IF('Standard Profiles'!$G$22=$B$17,14,0)+IF('Standard Profiles'!$G$22=$B$24,21,0),MOD($C2954,24)+1)/SUM(INDEX($D$3:$AA$30,INDEX(Jesper!$R$2:$R$366,ROW(INDEX(Jesper!AL$2:AL$366,ROUNDDOWN($C2954/24,0)+1,1))-1)+IF('Standard Profiles'!$G$22=$B$10,7,0)+IF('Standard Profiles'!$G$22=$B$17,14,0)+IF('Standard Profiles'!$G$22=$B$24,21,0),0)),0)</f>
        <v>0</v>
      </c>
      <c r="I2954">
        <f t="shared" si="335"/>
        <v>0.44789954414231054</v>
      </c>
      <c r="J2954">
        <f t="shared" si="336"/>
        <v>1.4929984804743686</v>
      </c>
      <c r="K2954">
        <f t="shared" si="337"/>
        <v>2.2394977207115527</v>
      </c>
      <c r="L2954">
        <f t="shared" si="338"/>
        <v>10.749589059415452</v>
      </c>
      <c r="M2954">
        <f t="shared" si="339"/>
        <v>0</v>
      </c>
      <c r="N2954" s="46">
        <f t="shared" si="340"/>
        <v>45413.666666659585</v>
      </c>
    </row>
    <row r="2955" spans="2:14" x14ac:dyDescent="0.3">
      <c r="B2955">
        <f t="shared" si="334"/>
        <v>3</v>
      </c>
      <c r="C2955" s="16">
        <v>2921</v>
      </c>
      <c r="D2955" cm="1">
        <f t="array" ref="D2955">IFERROR(INDEX(Jesper!AH$2:AH$366,ROUNDDOWN($C2955/24,0)+1,1)*INDEX($D$3:$AA$30,INDEX(Jesper!$R$2:$R$366,ROW(INDEX(Jesper!AH$2:AH$366,ROUNDDOWN($C2955/24,0)+1,1))-1)+IF('Standard Profiles'!$G$18=$B$10,7,0)+IF('Standard Profiles'!$G$18=$B$17,14,0)+IF('Standard Profiles'!$G$18=$B$24,21,0),MOD($C2955,24)+1)/SUM(INDEX($D$3:$AA$30,INDEX(Jesper!$R$2:$R$366,ROW(INDEX(Jesper!AH$2:AH$366,ROUNDDOWN($C2955/24,0)+1,1))-1)+IF('Standard Profiles'!$G$18=$B$10,7,0)+IF('Standard Profiles'!$G$18=$B$17,14,0)+IF('Standard Profiles'!$G$18=$B$24,21,0),0)),0)</f>
        <v>14.929984804743684</v>
      </c>
      <c r="E2955" cm="1">
        <f t="array" ref="E2955">IFERROR(INDEX(Jesper!AI$2:AI$366,ROUNDDOWN($C2955/24,0)+1,1)*INDEX($D$3:$AA$30,INDEX(Jesper!$R$2:$R$366,ROW(INDEX(Jesper!AI$2:AI$366,ROUNDDOWN($C2955/24,0)+1,1))-1)+IF('Standard Profiles'!$G$19=$B$10,7,0)+IF('Standard Profiles'!$G$19=$B$17,14,0)+IF('Standard Profiles'!$G$19=$B$24,21,0),MOD($C2955,24)+1)/SUM(INDEX($D$3:$AA$30,INDEX(Jesper!$R$2:$R$366,ROW(INDEX(Jesper!AI$2:AI$366,ROUNDDOWN($C2955/24,0)+1,1))-1)+IF('Standard Profiles'!$G$19=$B$10,7,0)+IF('Standard Profiles'!$G$19=$B$17,14,0)+IF('Standard Profiles'!$G$19=$B$24,21,0),0)),0)</f>
        <v>0</v>
      </c>
      <c r="F2955" cm="1">
        <f t="array" ref="F2955">IFERROR(INDEX(Jesper!AJ$2:AJ$366,ROUNDDOWN($C2955/24,0)+1,1)*INDEX($D$3:$AA$30,INDEX(Jesper!$R$2:$R$366,ROW(INDEX(Jesper!AJ$2:AJ$366,ROUNDDOWN($C2955/24,0)+1,1))-1)+IF('Standard Profiles'!$G$20=$B$10,7,0)+IF('Standard Profiles'!$G$20=$B$17,14,0)+IF('Standard Profiles'!$G$20=$B$24,21,0),MOD($C2955,24)+1)/SUM(INDEX($D$3:$AA$30,INDEX(Jesper!$R$2:$R$366,ROW(INDEX(Jesper!AJ$2:AJ$366,ROUNDDOWN($C2955/24,0)+1,1))-1)+IF('Standard Profiles'!$G$20=$B$10,7,0)+IF('Standard Profiles'!$G$20=$B$17,14,0)+IF('Standard Profiles'!$G$20=$B$24,21,0),0)),0)</f>
        <v>0</v>
      </c>
      <c r="G2955" cm="1">
        <f t="array" ref="G2955">IFERROR(INDEX(Jesper!AK$2:AK$366,ROUNDDOWN($C2955/24,0)+1,1)*INDEX($D$3:$AA$30,INDEX(Jesper!$R$2:$R$366,ROW(INDEX(Jesper!AK$2:AK$366,ROUNDDOWN($C2955/24,0)+1,1))-1)+IF('Standard Profiles'!$G$21=$B$10,7,0)+IF('Standard Profiles'!$G$21=$B$17,14,0)+IF('Standard Profiles'!$G$21=$B$24,21,0),MOD($C2955,24)+1)/SUM(INDEX($D$3:$AA$30,INDEX(Jesper!$R$2:$R$366,ROW(INDEX(Jesper!AK$2:AK$366,ROUNDDOWN($C2955/24,0)+1,1))-1)+IF('Standard Profiles'!$G$21=$B$10,7,0)+IF('Standard Profiles'!$G$21=$B$17,14,0)+IF('Standard Profiles'!$G$21=$B$24,21,0),0)),0)</f>
        <v>0</v>
      </c>
      <c r="H2955" cm="1">
        <f t="array" ref="H2955">IFERROR(INDEX(Jesper!AL$2:AL$366,ROUNDDOWN($C2955/24,0)+1,1)*INDEX($D$3:$AA$30,INDEX(Jesper!$R$2:$R$366,ROW(INDEX(Jesper!AL$2:AL$366,ROUNDDOWN($C2955/24,0)+1,1))-1)+IF('Standard Profiles'!$G$22=$B$10,7,0)+IF('Standard Profiles'!$G$22=$B$17,14,0)+IF('Standard Profiles'!$G$22=$B$24,21,0),MOD($C2955,24)+1)/SUM(INDEX($D$3:$AA$30,INDEX(Jesper!$R$2:$R$366,ROW(INDEX(Jesper!AL$2:AL$366,ROUNDDOWN($C2955/24,0)+1,1))-1)+IF('Standard Profiles'!$G$22=$B$10,7,0)+IF('Standard Profiles'!$G$22=$B$17,14,0)+IF('Standard Profiles'!$G$22=$B$24,21,0),0)),0)</f>
        <v>0</v>
      </c>
      <c r="I2955">
        <f t="shared" si="335"/>
        <v>0.44789954414231054</v>
      </c>
      <c r="J2955">
        <f t="shared" si="336"/>
        <v>1.4929984804743686</v>
      </c>
      <c r="K2955">
        <f t="shared" si="337"/>
        <v>2.2394977207115527</v>
      </c>
      <c r="L2955">
        <f t="shared" si="338"/>
        <v>10.749589059415452</v>
      </c>
      <c r="M2955">
        <f t="shared" si="339"/>
        <v>0</v>
      </c>
      <c r="N2955" s="46">
        <f t="shared" si="340"/>
        <v>45413.708333326249</v>
      </c>
    </row>
    <row r="2956" spans="2:14" x14ac:dyDescent="0.3">
      <c r="B2956">
        <f t="shared" si="334"/>
        <v>3</v>
      </c>
      <c r="C2956" s="16">
        <v>2922</v>
      </c>
      <c r="D2956" cm="1">
        <f t="array" ref="D2956">IFERROR(INDEX(Jesper!AH$2:AH$366,ROUNDDOWN($C2956/24,0)+1,1)*INDEX($D$3:$AA$30,INDEX(Jesper!$R$2:$R$366,ROW(INDEX(Jesper!AH$2:AH$366,ROUNDDOWN($C2956/24,0)+1,1))-1)+IF('Standard Profiles'!$G$18=$B$10,7,0)+IF('Standard Profiles'!$G$18=$B$17,14,0)+IF('Standard Profiles'!$G$18=$B$24,21,0),MOD($C2956,24)+1)/SUM(INDEX($D$3:$AA$30,INDEX(Jesper!$R$2:$R$366,ROW(INDEX(Jesper!AH$2:AH$366,ROUNDDOWN($C2956/24,0)+1,1))-1)+IF('Standard Profiles'!$G$18=$B$10,7,0)+IF('Standard Profiles'!$G$18=$B$17,14,0)+IF('Standard Profiles'!$G$18=$B$24,21,0),0)),0)</f>
        <v>14.929984804743684</v>
      </c>
      <c r="E2956" cm="1">
        <f t="array" ref="E2956">IFERROR(INDEX(Jesper!AI$2:AI$366,ROUNDDOWN($C2956/24,0)+1,1)*INDEX($D$3:$AA$30,INDEX(Jesper!$R$2:$R$366,ROW(INDEX(Jesper!AI$2:AI$366,ROUNDDOWN($C2956/24,0)+1,1))-1)+IF('Standard Profiles'!$G$19=$B$10,7,0)+IF('Standard Profiles'!$G$19=$B$17,14,0)+IF('Standard Profiles'!$G$19=$B$24,21,0),MOD($C2956,24)+1)/SUM(INDEX($D$3:$AA$30,INDEX(Jesper!$R$2:$R$366,ROW(INDEX(Jesper!AI$2:AI$366,ROUNDDOWN($C2956/24,0)+1,1))-1)+IF('Standard Profiles'!$G$19=$B$10,7,0)+IF('Standard Profiles'!$G$19=$B$17,14,0)+IF('Standard Profiles'!$G$19=$B$24,21,0),0)),0)</f>
        <v>0</v>
      </c>
      <c r="F2956" cm="1">
        <f t="array" ref="F2956">IFERROR(INDEX(Jesper!AJ$2:AJ$366,ROUNDDOWN($C2956/24,0)+1,1)*INDEX($D$3:$AA$30,INDEX(Jesper!$R$2:$R$366,ROW(INDEX(Jesper!AJ$2:AJ$366,ROUNDDOWN($C2956/24,0)+1,1))-1)+IF('Standard Profiles'!$G$20=$B$10,7,0)+IF('Standard Profiles'!$G$20=$B$17,14,0)+IF('Standard Profiles'!$G$20=$B$24,21,0),MOD($C2956,24)+1)/SUM(INDEX($D$3:$AA$30,INDEX(Jesper!$R$2:$R$366,ROW(INDEX(Jesper!AJ$2:AJ$366,ROUNDDOWN($C2956/24,0)+1,1))-1)+IF('Standard Profiles'!$G$20=$B$10,7,0)+IF('Standard Profiles'!$G$20=$B$17,14,0)+IF('Standard Profiles'!$G$20=$B$24,21,0),0)),0)</f>
        <v>0</v>
      </c>
      <c r="G2956" cm="1">
        <f t="array" ref="G2956">IFERROR(INDEX(Jesper!AK$2:AK$366,ROUNDDOWN($C2956/24,0)+1,1)*INDEX($D$3:$AA$30,INDEX(Jesper!$R$2:$R$366,ROW(INDEX(Jesper!AK$2:AK$366,ROUNDDOWN($C2956/24,0)+1,1))-1)+IF('Standard Profiles'!$G$21=$B$10,7,0)+IF('Standard Profiles'!$G$21=$B$17,14,0)+IF('Standard Profiles'!$G$21=$B$24,21,0),MOD($C2956,24)+1)/SUM(INDEX($D$3:$AA$30,INDEX(Jesper!$R$2:$R$366,ROW(INDEX(Jesper!AK$2:AK$366,ROUNDDOWN($C2956/24,0)+1,1))-1)+IF('Standard Profiles'!$G$21=$B$10,7,0)+IF('Standard Profiles'!$G$21=$B$17,14,0)+IF('Standard Profiles'!$G$21=$B$24,21,0),0)),0)</f>
        <v>0</v>
      </c>
      <c r="H2956" cm="1">
        <f t="array" ref="H2956">IFERROR(INDEX(Jesper!AL$2:AL$366,ROUNDDOWN($C2956/24,0)+1,1)*INDEX($D$3:$AA$30,INDEX(Jesper!$R$2:$R$366,ROW(INDEX(Jesper!AL$2:AL$366,ROUNDDOWN($C2956/24,0)+1,1))-1)+IF('Standard Profiles'!$G$22=$B$10,7,0)+IF('Standard Profiles'!$G$22=$B$17,14,0)+IF('Standard Profiles'!$G$22=$B$24,21,0),MOD($C2956,24)+1)/SUM(INDEX($D$3:$AA$30,INDEX(Jesper!$R$2:$R$366,ROW(INDEX(Jesper!AL$2:AL$366,ROUNDDOWN($C2956/24,0)+1,1))-1)+IF('Standard Profiles'!$G$22=$B$10,7,0)+IF('Standard Profiles'!$G$22=$B$17,14,0)+IF('Standard Profiles'!$G$22=$B$24,21,0),0)),0)</f>
        <v>0</v>
      </c>
      <c r="I2956">
        <f t="shared" si="335"/>
        <v>0.44789954414231054</v>
      </c>
      <c r="J2956">
        <f t="shared" si="336"/>
        <v>1.4929984804743686</v>
      </c>
      <c r="K2956">
        <f t="shared" si="337"/>
        <v>2.2394977207115527</v>
      </c>
      <c r="L2956">
        <f t="shared" si="338"/>
        <v>10.749589059415452</v>
      </c>
      <c r="M2956">
        <f t="shared" si="339"/>
        <v>0</v>
      </c>
      <c r="N2956" s="46">
        <f t="shared" si="340"/>
        <v>45413.749999992913</v>
      </c>
    </row>
    <row r="2957" spans="2:14" x14ac:dyDescent="0.3">
      <c r="B2957">
        <f t="shared" si="334"/>
        <v>3</v>
      </c>
      <c r="C2957" s="16">
        <v>2923</v>
      </c>
      <c r="D2957" cm="1">
        <f t="array" ref="D2957">IFERROR(INDEX(Jesper!AH$2:AH$366,ROUNDDOWN($C2957/24,0)+1,1)*INDEX($D$3:$AA$30,INDEX(Jesper!$R$2:$R$366,ROW(INDEX(Jesper!AH$2:AH$366,ROUNDDOWN($C2957/24,0)+1,1))-1)+IF('Standard Profiles'!$G$18=$B$10,7,0)+IF('Standard Profiles'!$G$18=$B$17,14,0)+IF('Standard Profiles'!$G$18=$B$24,21,0),MOD($C2957,24)+1)/SUM(INDEX($D$3:$AA$30,INDEX(Jesper!$R$2:$R$366,ROW(INDEX(Jesper!AH$2:AH$366,ROUNDDOWN($C2957/24,0)+1,1))-1)+IF('Standard Profiles'!$G$18=$B$10,7,0)+IF('Standard Profiles'!$G$18=$B$17,14,0)+IF('Standard Profiles'!$G$18=$B$24,21,0),0)),0)</f>
        <v>12.441654003953072</v>
      </c>
      <c r="E2957" cm="1">
        <f t="array" ref="E2957">IFERROR(INDEX(Jesper!AI$2:AI$366,ROUNDDOWN($C2957/24,0)+1,1)*INDEX($D$3:$AA$30,INDEX(Jesper!$R$2:$R$366,ROW(INDEX(Jesper!AI$2:AI$366,ROUNDDOWN($C2957/24,0)+1,1))-1)+IF('Standard Profiles'!$G$19=$B$10,7,0)+IF('Standard Profiles'!$G$19=$B$17,14,0)+IF('Standard Profiles'!$G$19=$B$24,21,0),MOD($C2957,24)+1)/SUM(INDEX($D$3:$AA$30,INDEX(Jesper!$R$2:$R$366,ROW(INDEX(Jesper!AI$2:AI$366,ROUNDDOWN($C2957/24,0)+1,1))-1)+IF('Standard Profiles'!$G$19=$B$10,7,0)+IF('Standard Profiles'!$G$19=$B$17,14,0)+IF('Standard Profiles'!$G$19=$B$24,21,0),0)),0)</f>
        <v>0</v>
      </c>
      <c r="F2957" cm="1">
        <f t="array" ref="F2957">IFERROR(INDEX(Jesper!AJ$2:AJ$366,ROUNDDOWN($C2957/24,0)+1,1)*INDEX($D$3:$AA$30,INDEX(Jesper!$R$2:$R$366,ROW(INDEX(Jesper!AJ$2:AJ$366,ROUNDDOWN($C2957/24,0)+1,1))-1)+IF('Standard Profiles'!$G$20=$B$10,7,0)+IF('Standard Profiles'!$G$20=$B$17,14,0)+IF('Standard Profiles'!$G$20=$B$24,21,0),MOD($C2957,24)+1)/SUM(INDEX($D$3:$AA$30,INDEX(Jesper!$R$2:$R$366,ROW(INDEX(Jesper!AJ$2:AJ$366,ROUNDDOWN($C2957/24,0)+1,1))-1)+IF('Standard Profiles'!$G$20=$B$10,7,0)+IF('Standard Profiles'!$G$20=$B$17,14,0)+IF('Standard Profiles'!$G$20=$B$24,21,0),0)),0)</f>
        <v>0</v>
      </c>
      <c r="G2957" cm="1">
        <f t="array" ref="G2957">IFERROR(INDEX(Jesper!AK$2:AK$366,ROUNDDOWN($C2957/24,0)+1,1)*INDEX($D$3:$AA$30,INDEX(Jesper!$R$2:$R$366,ROW(INDEX(Jesper!AK$2:AK$366,ROUNDDOWN($C2957/24,0)+1,1))-1)+IF('Standard Profiles'!$G$21=$B$10,7,0)+IF('Standard Profiles'!$G$21=$B$17,14,0)+IF('Standard Profiles'!$G$21=$B$24,21,0),MOD($C2957,24)+1)/SUM(INDEX($D$3:$AA$30,INDEX(Jesper!$R$2:$R$366,ROW(INDEX(Jesper!AK$2:AK$366,ROUNDDOWN($C2957/24,0)+1,1))-1)+IF('Standard Profiles'!$G$21=$B$10,7,0)+IF('Standard Profiles'!$G$21=$B$17,14,0)+IF('Standard Profiles'!$G$21=$B$24,21,0),0)),0)</f>
        <v>0</v>
      </c>
      <c r="H2957" cm="1">
        <f t="array" ref="H2957">IFERROR(INDEX(Jesper!AL$2:AL$366,ROUNDDOWN($C2957/24,0)+1,1)*INDEX($D$3:$AA$30,INDEX(Jesper!$R$2:$R$366,ROW(INDEX(Jesper!AL$2:AL$366,ROUNDDOWN($C2957/24,0)+1,1))-1)+IF('Standard Profiles'!$G$22=$B$10,7,0)+IF('Standard Profiles'!$G$22=$B$17,14,0)+IF('Standard Profiles'!$G$22=$B$24,21,0),MOD($C2957,24)+1)/SUM(INDEX($D$3:$AA$30,INDEX(Jesper!$R$2:$R$366,ROW(INDEX(Jesper!AL$2:AL$366,ROUNDDOWN($C2957/24,0)+1,1))-1)+IF('Standard Profiles'!$G$22=$B$10,7,0)+IF('Standard Profiles'!$G$22=$B$17,14,0)+IF('Standard Profiles'!$G$22=$B$24,21,0),0)),0)</f>
        <v>0</v>
      </c>
      <c r="I2957">
        <f t="shared" si="335"/>
        <v>0.37324962011859214</v>
      </c>
      <c r="J2957">
        <f t="shared" si="336"/>
        <v>1.2441654003953073</v>
      </c>
      <c r="K2957">
        <f t="shared" si="337"/>
        <v>1.8662481005929608</v>
      </c>
      <c r="L2957">
        <f t="shared" si="338"/>
        <v>8.9579908828462109</v>
      </c>
      <c r="M2957">
        <f t="shared" si="339"/>
        <v>0</v>
      </c>
      <c r="N2957" s="46">
        <f t="shared" si="340"/>
        <v>45413.791666659577</v>
      </c>
    </row>
    <row r="2958" spans="2:14" x14ac:dyDescent="0.3">
      <c r="B2958">
        <f t="shared" si="334"/>
        <v>3</v>
      </c>
      <c r="C2958" s="16">
        <v>2924</v>
      </c>
      <c r="D2958" cm="1">
        <f t="array" ref="D2958">IFERROR(INDEX(Jesper!AH$2:AH$366,ROUNDDOWN($C2958/24,0)+1,1)*INDEX($D$3:$AA$30,INDEX(Jesper!$R$2:$R$366,ROW(INDEX(Jesper!AH$2:AH$366,ROUNDDOWN($C2958/24,0)+1,1))-1)+IF('Standard Profiles'!$G$18=$B$10,7,0)+IF('Standard Profiles'!$G$18=$B$17,14,0)+IF('Standard Profiles'!$G$18=$B$24,21,0),MOD($C2958,24)+1)/SUM(INDEX($D$3:$AA$30,INDEX(Jesper!$R$2:$R$366,ROW(INDEX(Jesper!AH$2:AH$366,ROUNDDOWN($C2958/24,0)+1,1))-1)+IF('Standard Profiles'!$G$18=$B$10,7,0)+IF('Standard Profiles'!$G$18=$B$17,14,0)+IF('Standard Profiles'!$G$18=$B$24,21,0),0)),0)</f>
        <v>9.9533232031624568</v>
      </c>
      <c r="E2958" cm="1">
        <f t="array" ref="E2958">IFERROR(INDEX(Jesper!AI$2:AI$366,ROUNDDOWN($C2958/24,0)+1,1)*INDEX($D$3:$AA$30,INDEX(Jesper!$R$2:$R$366,ROW(INDEX(Jesper!AI$2:AI$366,ROUNDDOWN($C2958/24,0)+1,1))-1)+IF('Standard Profiles'!$G$19=$B$10,7,0)+IF('Standard Profiles'!$G$19=$B$17,14,0)+IF('Standard Profiles'!$G$19=$B$24,21,0),MOD($C2958,24)+1)/SUM(INDEX($D$3:$AA$30,INDEX(Jesper!$R$2:$R$366,ROW(INDEX(Jesper!AI$2:AI$366,ROUNDDOWN($C2958/24,0)+1,1))-1)+IF('Standard Profiles'!$G$19=$B$10,7,0)+IF('Standard Profiles'!$G$19=$B$17,14,0)+IF('Standard Profiles'!$G$19=$B$24,21,0),0)),0)</f>
        <v>0</v>
      </c>
      <c r="F2958" cm="1">
        <f t="array" ref="F2958">IFERROR(INDEX(Jesper!AJ$2:AJ$366,ROUNDDOWN($C2958/24,0)+1,1)*INDEX($D$3:$AA$30,INDEX(Jesper!$R$2:$R$366,ROW(INDEX(Jesper!AJ$2:AJ$366,ROUNDDOWN($C2958/24,0)+1,1))-1)+IF('Standard Profiles'!$G$20=$B$10,7,0)+IF('Standard Profiles'!$G$20=$B$17,14,0)+IF('Standard Profiles'!$G$20=$B$24,21,0),MOD($C2958,24)+1)/SUM(INDEX($D$3:$AA$30,INDEX(Jesper!$R$2:$R$366,ROW(INDEX(Jesper!AJ$2:AJ$366,ROUNDDOWN($C2958/24,0)+1,1))-1)+IF('Standard Profiles'!$G$20=$B$10,7,0)+IF('Standard Profiles'!$G$20=$B$17,14,0)+IF('Standard Profiles'!$G$20=$B$24,21,0),0)),0)</f>
        <v>0</v>
      </c>
      <c r="G2958" cm="1">
        <f t="array" ref="G2958">IFERROR(INDEX(Jesper!AK$2:AK$366,ROUNDDOWN($C2958/24,0)+1,1)*INDEX($D$3:$AA$30,INDEX(Jesper!$R$2:$R$366,ROW(INDEX(Jesper!AK$2:AK$366,ROUNDDOWN($C2958/24,0)+1,1))-1)+IF('Standard Profiles'!$G$21=$B$10,7,0)+IF('Standard Profiles'!$G$21=$B$17,14,0)+IF('Standard Profiles'!$G$21=$B$24,21,0),MOD($C2958,24)+1)/SUM(INDEX($D$3:$AA$30,INDEX(Jesper!$R$2:$R$366,ROW(INDEX(Jesper!AK$2:AK$366,ROUNDDOWN($C2958/24,0)+1,1))-1)+IF('Standard Profiles'!$G$21=$B$10,7,0)+IF('Standard Profiles'!$G$21=$B$17,14,0)+IF('Standard Profiles'!$G$21=$B$24,21,0),0)),0)</f>
        <v>0</v>
      </c>
      <c r="H2958" cm="1">
        <f t="array" ref="H2958">IFERROR(INDEX(Jesper!AL$2:AL$366,ROUNDDOWN($C2958/24,0)+1,1)*INDEX($D$3:$AA$30,INDEX(Jesper!$R$2:$R$366,ROW(INDEX(Jesper!AL$2:AL$366,ROUNDDOWN($C2958/24,0)+1,1))-1)+IF('Standard Profiles'!$G$22=$B$10,7,0)+IF('Standard Profiles'!$G$22=$B$17,14,0)+IF('Standard Profiles'!$G$22=$B$24,21,0),MOD($C2958,24)+1)/SUM(INDEX($D$3:$AA$30,INDEX(Jesper!$R$2:$R$366,ROW(INDEX(Jesper!AL$2:AL$366,ROUNDDOWN($C2958/24,0)+1,1))-1)+IF('Standard Profiles'!$G$22=$B$10,7,0)+IF('Standard Profiles'!$G$22=$B$17,14,0)+IF('Standard Profiles'!$G$22=$B$24,21,0),0)),0)</f>
        <v>0</v>
      </c>
      <c r="I2958">
        <f t="shared" si="335"/>
        <v>0.29859969609487369</v>
      </c>
      <c r="J2958">
        <f t="shared" si="336"/>
        <v>0.99533232031624574</v>
      </c>
      <c r="K2958">
        <f t="shared" si="337"/>
        <v>1.4929984804743686</v>
      </c>
      <c r="L2958">
        <f t="shared" si="338"/>
        <v>7.1663927062769686</v>
      </c>
      <c r="M2958">
        <f t="shared" si="339"/>
        <v>0</v>
      </c>
      <c r="N2958" s="46">
        <f t="shared" si="340"/>
        <v>45413.833333326242</v>
      </c>
    </row>
    <row r="2959" spans="2:14" x14ac:dyDescent="0.3">
      <c r="B2959">
        <f t="shared" si="334"/>
        <v>3</v>
      </c>
      <c r="C2959" s="16">
        <v>2925</v>
      </c>
      <c r="D2959" cm="1">
        <f t="array" ref="D2959">IFERROR(INDEX(Jesper!AH$2:AH$366,ROUNDDOWN($C2959/24,0)+1,1)*INDEX($D$3:$AA$30,INDEX(Jesper!$R$2:$R$366,ROW(INDEX(Jesper!AH$2:AH$366,ROUNDDOWN($C2959/24,0)+1,1))-1)+IF('Standard Profiles'!$G$18=$B$10,7,0)+IF('Standard Profiles'!$G$18=$B$17,14,0)+IF('Standard Profiles'!$G$18=$B$24,21,0),MOD($C2959,24)+1)/SUM(INDEX($D$3:$AA$30,INDEX(Jesper!$R$2:$R$366,ROW(INDEX(Jesper!AH$2:AH$366,ROUNDDOWN($C2959/24,0)+1,1))-1)+IF('Standard Profiles'!$G$18=$B$10,7,0)+IF('Standard Profiles'!$G$18=$B$17,14,0)+IF('Standard Profiles'!$G$18=$B$24,21,0),0)),0)</f>
        <v>7.4649924023718421</v>
      </c>
      <c r="E2959" cm="1">
        <f t="array" ref="E2959">IFERROR(INDEX(Jesper!AI$2:AI$366,ROUNDDOWN($C2959/24,0)+1,1)*INDEX($D$3:$AA$30,INDEX(Jesper!$R$2:$R$366,ROW(INDEX(Jesper!AI$2:AI$366,ROUNDDOWN($C2959/24,0)+1,1))-1)+IF('Standard Profiles'!$G$19=$B$10,7,0)+IF('Standard Profiles'!$G$19=$B$17,14,0)+IF('Standard Profiles'!$G$19=$B$24,21,0),MOD($C2959,24)+1)/SUM(INDEX($D$3:$AA$30,INDEX(Jesper!$R$2:$R$366,ROW(INDEX(Jesper!AI$2:AI$366,ROUNDDOWN($C2959/24,0)+1,1))-1)+IF('Standard Profiles'!$G$19=$B$10,7,0)+IF('Standard Profiles'!$G$19=$B$17,14,0)+IF('Standard Profiles'!$G$19=$B$24,21,0),0)),0)</f>
        <v>0</v>
      </c>
      <c r="F2959" cm="1">
        <f t="array" ref="F2959">IFERROR(INDEX(Jesper!AJ$2:AJ$366,ROUNDDOWN($C2959/24,0)+1,1)*INDEX($D$3:$AA$30,INDEX(Jesper!$R$2:$R$366,ROW(INDEX(Jesper!AJ$2:AJ$366,ROUNDDOWN($C2959/24,0)+1,1))-1)+IF('Standard Profiles'!$G$20=$B$10,7,0)+IF('Standard Profiles'!$G$20=$B$17,14,0)+IF('Standard Profiles'!$G$20=$B$24,21,0),MOD($C2959,24)+1)/SUM(INDEX($D$3:$AA$30,INDEX(Jesper!$R$2:$R$366,ROW(INDEX(Jesper!AJ$2:AJ$366,ROUNDDOWN($C2959/24,0)+1,1))-1)+IF('Standard Profiles'!$G$20=$B$10,7,0)+IF('Standard Profiles'!$G$20=$B$17,14,0)+IF('Standard Profiles'!$G$20=$B$24,21,0),0)),0)</f>
        <v>0</v>
      </c>
      <c r="G2959" cm="1">
        <f t="array" ref="G2959">IFERROR(INDEX(Jesper!AK$2:AK$366,ROUNDDOWN($C2959/24,0)+1,1)*INDEX($D$3:$AA$30,INDEX(Jesper!$R$2:$R$366,ROW(INDEX(Jesper!AK$2:AK$366,ROUNDDOWN($C2959/24,0)+1,1))-1)+IF('Standard Profiles'!$G$21=$B$10,7,0)+IF('Standard Profiles'!$G$21=$B$17,14,0)+IF('Standard Profiles'!$G$21=$B$24,21,0),MOD($C2959,24)+1)/SUM(INDEX($D$3:$AA$30,INDEX(Jesper!$R$2:$R$366,ROW(INDEX(Jesper!AK$2:AK$366,ROUNDDOWN($C2959/24,0)+1,1))-1)+IF('Standard Profiles'!$G$21=$B$10,7,0)+IF('Standard Profiles'!$G$21=$B$17,14,0)+IF('Standard Profiles'!$G$21=$B$24,21,0),0)),0)</f>
        <v>0</v>
      </c>
      <c r="H2959" cm="1">
        <f t="array" ref="H2959">IFERROR(INDEX(Jesper!AL$2:AL$366,ROUNDDOWN($C2959/24,0)+1,1)*INDEX($D$3:$AA$30,INDEX(Jesper!$R$2:$R$366,ROW(INDEX(Jesper!AL$2:AL$366,ROUNDDOWN($C2959/24,0)+1,1))-1)+IF('Standard Profiles'!$G$22=$B$10,7,0)+IF('Standard Profiles'!$G$22=$B$17,14,0)+IF('Standard Profiles'!$G$22=$B$24,21,0),MOD($C2959,24)+1)/SUM(INDEX($D$3:$AA$30,INDEX(Jesper!$R$2:$R$366,ROW(INDEX(Jesper!AL$2:AL$366,ROUNDDOWN($C2959/24,0)+1,1))-1)+IF('Standard Profiles'!$G$22=$B$10,7,0)+IF('Standard Profiles'!$G$22=$B$17,14,0)+IF('Standard Profiles'!$G$22=$B$24,21,0),0)),0)</f>
        <v>0</v>
      </c>
      <c r="I2959">
        <f t="shared" si="335"/>
        <v>0.22394977207115527</v>
      </c>
      <c r="J2959">
        <f t="shared" si="336"/>
        <v>0.74649924023718428</v>
      </c>
      <c r="K2959">
        <f t="shared" si="337"/>
        <v>1.1197488603557764</v>
      </c>
      <c r="L2959">
        <f t="shared" si="338"/>
        <v>5.3747945297077262</v>
      </c>
      <c r="M2959">
        <f t="shared" si="339"/>
        <v>0</v>
      </c>
      <c r="N2959" s="46">
        <f t="shared" si="340"/>
        <v>45413.874999992906</v>
      </c>
    </row>
    <row r="2960" spans="2:14" x14ac:dyDescent="0.3">
      <c r="B2960">
        <f t="shared" si="334"/>
        <v>3</v>
      </c>
      <c r="C2960" s="16">
        <v>2926</v>
      </c>
      <c r="D2960" cm="1">
        <f t="array" ref="D2960">IFERROR(INDEX(Jesper!AH$2:AH$366,ROUNDDOWN($C2960/24,0)+1,1)*INDEX($D$3:$AA$30,INDEX(Jesper!$R$2:$R$366,ROW(INDEX(Jesper!AH$2:AH$366,ROUNDDOWN($C2960/24,0)+1,1))-1)+IF('Standard Profiles'!$G$18=$B$10,7,0)+IF('Standard Profiles'!$G$18=$B$17,14,0)+IF('Standard Profiles'!$G$18=$B$24,21,0),MOD($C2960,24)+1)/SUM(INDEX($D$3:$AA$30,INDEX(Jesper!$R$2:$R$366,ROW(INDEX(Jesper!AH$2:AH$366,ROUNDDOWN($C2960/24,0)+1,1))-1)+IF('Standard Profiles'!$G$18=$B$10,7,0)+IF('Standard Profiles'!$G$18=$B$17,14,0)+IF('Standard Profiles'!$G$18=$B$24,21,0),0)),0)</f>
        <v>7.4649924023718421</v>
      </c>
      <c r="E2960" cm="1">
        <f t="array" ref="E2960">IFERROR(INDEX(Jesper!AI$2:AI$366,ROUNDDOWN($C2960/24,0)+1,1)*INDEX($D$3:$AA$30,INDEX(Jesper!$R$2:$R$366,ROW(INDEX(Jesper!AI$2:AI$366,ROUNDDOWN($C2960/24,0)+1,1))-1)+IF('Standard Profiles'!$G$19=$B$10,7,0)+IF('Standard Profiles'!$G$19=$B$17,14,0)+IF('Standard Profiles'!$G$19=$B$24,21,0),MOD($C2960,24)+1)/SUM(INDEX($D$3:$AA$30,INDEX(Jesper!$R$2:$R$366,ROW(INDEX(Jesper!AI$2:AI$366,ROUNDDOWN($C2960/24,0)+1,1))-1)+IF('Standard Profiles'!$G$19=$B$10,7,0)+IF('Standard Profiles'!$G$19=$B$17,14,0)+IF('Standard Profiles'!$G$19=$B$24,21,0),0)),0)</f>
        <v>0</v>
      </c>
      <c r="F2960" cm="1">
        <f t="array" ref="F2960">IFERROR(INDEX(Jesper!AJ$2:AJ$366,ROUNDDOWN($C2960/24,0)+1,1)*INDEX($D$3:$AA$30,INDEX(Jesper!$R$2:$R$366,ROW(INDEX(Jesper!AJ$2:AJ$366,ROUNDDOWN($C2960/24,0)+1,1))-1)+IF('Standard Profiles'!$G$20=$B$10,7,0)+IF('Standard Profiles'!$G$20=$B$17,14,0)+IF('Standard Profiles'!$G$20=$B$24,21,0),MOD($C2960,24)+1)/SUM(INDEX($D$3:$AA$30,INDEX(Jesper!$R$2:$R$366,ROW(INDEX(Jesper!AJ$2:AJ$366,ROUNDDOWN($C2960/24,0)+1,1))-1)+IF('Standard Profiles'!$G$20=$B$10,7,0)+IF('Standard Profiles'!$G$20=$B$17,14,0)+IF('Standard Profiles'!$G$20=$B$24,21,0),0)),0)</f>
        <v>0</v>
      </c>
      <c r="G2960" cm="1">
        <f t="array" ref="G2960">IFERROR(INDEX(Jesper!AK$2:AK$366,ROUNDDOWN($C2960/24,0)+1,1)*INDEX($D$3:$AA$30,INDEX(Jesper!$R$2:$R$366,ROW(INDEX(Jesper!AK$2:AK$366,ROUNDDOWN($C2960/24,0)+1,1))-1)+IF('Standard Profiles'!$G$21=$B$10,7,0)+IF('Standard Profiles'!$G$21=$B$17,14,0)+IF('Standard Profiles'!$G$21=$B$24,21,0),MOD($C2960,24)+1)/SUM(INDEX($D$3:$AA$30,INDEX(Jesper!$R$2:$R$366,ROW(INDEX(Jesper!AK$2:AK$366,ROUNDDOWN($C2960/24,0)+1,1))-1)+IF('Standard Profiles'!$G$21=$B$10,7,0)+IF('Standard Profiles'!$G$21=$B$17,14,0)+IF('Standard Profiles'!$G$21=$B$24,21,0),0)),0)</f>
        <v>0</v>
      </c>
      <c r="H2960" cm="1">
        <f t="array" ref="H2960">IFERROR(INDEX(Jesper!AL$2:AL$366,ROUNDDOWN($C2960/24,0)+1,1)*INDEX($D$3:$AA$30,INDEX(Jesper!$R$2:$R$366,ROW(INDEX(Jesper!AL$2:AL$366,ROUNDDOWN($C2960/24,0)+1,1))-1)+IF('Standard Profiles'!$G$22=$B$10,7,0)+IF('Standard Profiles'!$G$22=$B$17,14,0)+IF('Standard Profiles'!$G$22=$B$24,21,0),MOD($C2960,24)+1)/SUM(INDEX($D$3:$AA$30,INDEX(Jesper!$R$2:$R$366,ROW(INDEX(Jesper!AL$2:AL$366,ROUNDDOWN($C2960/24,0)+1,1))-1)+IF('Standard Profiles'!$G$22=$B$10,7,0)+IF('Standard Profiles'!$G$22=$B$17,14,0)+IF('Standard Profiles'!$G$22=$B$24,21,0),0)),0)</f>
        <v>0</v>
      </c>
      <c r="I2960">
        <f t="shared" si="335"/>
        <v>0.22394977207115527</v>
      </c>
      <c r="J2960">
        <f t="shared" si="336"/>
        <v>0.74649924023718428</v>
      </c>
      <c r="K2960">
        <f t="shared" si="337"/>
        <v>1.1197488603557764</v>
      </c>
      <c r="L2960">
        <f t="shared" si="338"/>
        <v>5.3747945297077262</v>
      </c>
      <c r="M2960">
        <f t="shared" si="339"/>
        <v>0</v>
      </c>
      <c r="N2960" s="46">
        <f t="shared" si="340"/>
        <v>45413.91666665957</v>
      </c>
    </row>
    <row r="2961" spans="2:14" x14ac:dyDescent="0.3">
      <c r="B2961">
        <f t="shared" si="334"/>
        <v>3</v>
      </c>
      <c r="C2961" s="16">
        <v>2927</v>
      </c>
      <c r="D2961" cm="1">
        <f t="array" ref="D2961">IFERROR(INDEX(Jesper!AH$2:AH$366,ROUNDDOWN($C2961/24,0)+1,1)*INDEX($D$3:$AA$30,INDEX(Jesper!$R$2:$R$366,ROW(INDEX(Jesper!AH$2:AH$366,ROUNDDOWN($C2961/24,0)+1,1))-1)+IF('Standard Profiles'!$G$18=$B$10,7,0)+IF('Standard Profiles'!$G$18=$B$17,14,0)+IF('Standard Profiles'!$G$18=$B$24,21,0),MOD($C2961,24)+1)/SUM(INDEX($D$3:$AA$30,INDEX(Jesper!$R$2:$R$366,ROW(INDEX(Jesper!AH$2:AH$366,ROUNDDOWN($C2961/24,0)+1,1))-1)+IF('Standard Profiles'!$G$18=$B$10,7,0)+IF('Standard Profiles'!$G$18=$B$17,14,0)+IF('Standard Profiles'!$G$18=$B$24,21,0),0)),0)</f>
        <v>7.4649924023718421</v>
      </c>
      <c r="E2961" cm="1">
        <f t="array" ref="E2961">IFERROR(INDEX(Jesper!AI$2:AI$366,ROUNDDOWN($C2961/24,0)+1,1)*INDEX($D$3:$AA$30,INDEX(Jesper!$R$2:$R$366,ROW(INDEX(Jesper!AI$2:AI$366,ROUNDDOWN($C2961/24,0)+1,1))-1)+IF('Standard Profiles'!$G$19=$B$10,7,0)+IF('Standard Profiles'!$G$19=$B$17,14,0)+IF('Standard Profiles'!$G$19=$B$24,21,0),MOD($C2961,24)+1)/SUM(INDEX($D$3:$AA$30,INDEX(Jesper!$R$2:$R$366,ROW(INDEX(Jesper!AI$2:AI$366,ROUNDDOWN($C2961/24,0)+1,1))-1)+IF('Standard Profiles'!$G$19=$B$10,7,0)+IF('Standard Profiles'!$G$19=$B$17,14,0)+IF('Standard Profiles'!$G$19=$B$24,21,0),0)),0)</f>
        <v>0</v>
      </c>
      <c r="F2961" cm="1">
        <f t="array" ref="F2961">IFERROR(INDEX(Jesper!AJ$2:AJ$366,ROUNDDOWN($C2961/24,0)+1,1)*INDEX($D$3:$AA$30,INDEX(Jesper!$R$2:$R$366,ROW(INDEX(Jesper!AJ$2:AJ$366,ROUNDDOWN($C2961/24,0)+1,1))-1)+IF('Standard Profiles'!$G$20=$B$10,7,0)+IF('Standard Profiles'!$G$20=$B$17,14,0)+IF('Standard Profiles'!$G$20=$B$24,21,0),MOD($C2961,24)+1)/SUM(INDEX($D$3:$AA$30,INDEX(Jesper!$R$2:$R$366,ROW(INDEX(Jesper!AJ$2:AJ$366,ROUNDDOWN($C2961/24,0)+1,1))-1)+IF('Standard Profiles'!$G$20=$B$10,7,0)+IF('Standard Profiles'!$G$20=$B$17,14,0)+IF('Standard Profiles'!$G$20=$B$24,21,0),0)),0)</f>
        <v>0</v>
      </c>
      <c r="G2961" cm="1">
        <f t="array" ref="G2961">IFERROR(INDEX(Jesper!AK$2:AK$366,ROUNDDOWN($C2961/24,0)+1,1)*INDEX($D$3:$AA$30,INDEX(Jesper!$R$2:$R$366,ROW(INDEX(Jesper!AK$2:AK$366,ROUNDDOWN($C2961/24,0)+1,1))-1)+IF('Standard Profiles'!$G$21=$B$10,7,0)+IF('Standard Profiles'!$G$21=$B$17,14,0)+IF('Standard Profiles'!$G$21=$B$24,21,0),MOD($C2961,24)+1)/SUM(INDEX($D$3:$AA$30,INDEX(Jesper!$R$2:$R$366,ROW(INDEX(Jesper!AK$2:AK$366,ROUNDDOWN($C2961/24,0)+1,1))-1)+IF('Standard Profiles'!$G$21=$B$10,7,0)+IF('Standard Profiles'!$G$21=$B$17,14,0)+IF('Standard Profiles'!$G$21=$B$24,21,0),0)),0)</f>
        <v>0</v>
      </c>
      <c r="H2961" cm="1">
        <f t="array" ref="H2961">IFERROR(INDEX(Jesper!AL$2:AL$366,ROUNDDOWN($C2961/24,0)+1,1)*INDEX($D$3:$AA$30,INDEX(Jesper!$R$2:$R$366,ROW(INDEX(Jesper!AL$2:AL$366,ROUNDDOWN($C2961/24,0)+1,1))-1)+IF('Standard Profiles'!$G$22=$B$10,7,0)+IF('Standard Profiles'!$G$22=$B$17,14,0)+IF('Standard Profiles'!$G$22=$B$24,21,0),MOD($C2961,24)+1)/SUM(INDEX($D$3:$AA$30,INDEX(Jesper!$R$2:$R$366,ROW(INDEX(Jesper!AL$2:AL$366,ROUNDDOWN($C2961/24,0)+1,1))-1)+IF('Standard Profiles'!$G$22=$B$10,7,0)+IF('Standard Profiles'!$G$22=$B$17,14,0)+IF('Standard Profiles'!$G$22=$B$24,21,0),0)),0)</f>
        <v>0</v>
      </c>
      <c r="I2961">
        <f t="shared" si="335"/>
        <v>0.22394977207115527</v>
      </c>
      <c r="J2961">
        <f t="shared" si="336"/>
        <v>0.74649924023718428</v>
      </c>
      <c r="K2961">
        <f t="shared" si="337"/>
        <v>1.1197488603557764</v>
      </c>
      <c r="L2961">
        <f t="shared" si="338"/>
        <v>5.3747945297077262</v>
      </c>
      <c r="M2961">
        <f t="shared" si="339"/>
        <v>0</v>
      </c>
      <c r="N2961" s="46">
        <f t="shared" si="340"/>
        <v>45413.958333326234</v>
      </c>
    </row>
    <row r="2962" spans="2:14" x14ac:dyDescent="0.3">
      <c r="B2962">
        <f t="shared" si="334"/>
        <v>4</v>
      </c>
      <c r="C2962" s="16">
        <v>2928</v>
      </c>
      <c r="D2962" cm="1">
        <f t="array" ref="D2962">IFERROR(INDEX(Jesper!AH$2:AH$366,ROUNDDOWN($C2962/24,0)+1,1)*INDEX($D$3:$AA$30,INDEX(Jesper!$R$2:$R$366,ROW(INDEX(Jesper!AH$2:AH$366,ROUNDDOWN($C2962/24,0)+1,1))-1)+IF('Standard Profiles'!$G$18=$B$10,7,0)+IF('Standard Profiles'!$G$18=$B$17,14,0)+IF('Standard Profiles'!$G$18=$B$24,21,0),MOD($C2962,24)+1)/SUM(INDEX($D$3:$AA$30,INDEX(Jesper!$R$2:$R$366,ROW(INDEX(Jesper!AH$2:AH$366,ROUNDDOWN($C2962/24,0)+1,1))-1)+IF('Standard Profiles'!$G$18=$B$10,7,0)+IF('Standard Profiles'!$G$18=$B$17,14,0)+IF('Standard Profiles'!$G$18=$B$24,21,0),0)),0)</f>
        <v>7.5090388451382042</v>
      </c>
      <c r="E2962" cm="1">
        <f t="array" ref="E2962">IFERROR(INDEX(Jesper!AI$2:AI$366,ROUNDDOWN($C2962/24,0)+1,1)*INDEX($D$3:$AA$30,INDEX(Jesper!$R$2:$R$366,ROW(INDEX(Jesper!AI$2:AI$366,ROUNDDOWN($C2962/24,0)+1,1))-1)+IF('Standard Profiles'!$G$19=$B$10,7,0)+IF('Standard Profiles'!$G$19=$B$17,14,0)+IF('Standard Profiles'!$G$19=$B$24,21,0),MOD($C2962,24)+1)/SUM(INDEX($D$3:$AA$30,INDEX(Jesper!$R$2:$R$366,ROW(INDEX(Jesper!AI$2:AI$366,ROUNDDOWN($C2962/24,0)+1,1))-1)+IF('Standard Profiles'!$G$19=$B$10,7,0)+IF('Standard Profiles'!$G$19=$B$17,14,0)+IF('Standard Profiles'!$G$19=$B$24,21,0),0)),0)</f>
        <v>0</v>
      </c>
      <c r="F2962" cm="1">
        <f t="array" ref="F2962">IFERROR(INDEX(Jesper!AJ$2:AJ$366,ROUNDDOWN($C2962/24,0)+1,1)*INDEX($D$3:$AA$30,INDEX(Jesper!$R$2:$R$366,ROW(INDEX(Jesper!AJ$2:AJ$366,ROUNDDOWN($C2962/24,0)+1,1))-1)+IF('Standard Profiles'!$G$20=$B$10,7,0)+IF('Standard Profiles'!$G$20=$B$17,14,0)+IF('Standard Profiles'!$G$20=$B$24,21,0),MOD($C2962,24)+1)/SUM(INDEX($D$3:$AA$30,INDEX(Jesper!$R$2:$R$366,ROW(INDEX(Jesper!AJ$2:AJ$366,ROUNDDOWN($C2962/24,0)+1,1))-1)+IF('Standard Profiles'!$G$20=$B$10,7,0)+IF('Standard Profiles'!$G$20=$B$17,14,0)+IF('Standard Profiles'!$G$20=$B$24,21,0),0)),0)</f>
        <v>0</v>
      </c>
      <c r="G2962" cm="1">
        <f t="array" ref="G2962">IFERROR(INDEX(Jesper!AK$2:AK$366,ROUNDDOWN($C2962/24,0)+1,1)*INDEX($D$3:$AA$30,INDEX(Jesper!$R$2:$R$366,ROW(INDEX(Jesper!AK$2:AK$366,ROUNDDOWN($C2962/24,0)+1,1))-1)+IF('Standard Profiles'!$G$21=$B$10,7,0)+IF('Standard Profiles'!$G$21=$B$17,14,0)+IF('Standard Profiles'!$G$21=$B$24,21,0),MOD($C2962,24)+1)/SUM(INDEX($D$3:$AA$30,INDEX(Jesper!$R$2:$R$366,ROW(INDEX(Jesper!AK$2:AK$366,ROUNDDOWN($C2962/24,0)+1,1))-1)+IF('Standard Profiles'!$G$21=$B$10,7,0)+IF('Standard Profiles'!$G$21=$B$17,14,0)+IF('Standard Profiles'!$G$21=$B$24,21,0),0)),0)</f>
        <v>0</v>
      </c>
      <c r="H2962" cm="1">
        <f t="array" ref="H2962">IFERROR(INDEX(Jesper!AL$2:AL$366,ROUNDDOWN($C2962/24,0)+1,1)*INDEX($D$3:$AA$30,INDEX(Jesper!$R$2:$R$366,ROW(INDEX(Jesper!AL$2:AL$366,ROUNDDOWN($C2962/24,0)+1,1))-1)+IF('Standard Profiles'!$G$22=$B$10,7,0)+IF('Standard Profiles'!$G$22=$B$17,14,0)+IF('Standard Profiles'!$G$22=$B$24,21,0),MOD($C2962,24)+1)/SUM(INDEX($D$3:$AA$30,INDEX(Jesper!$R$2:$R$366,ROW(INDEX(Jesper!AL$2:AL$366,ROUNDDOWN($C2962/24,0)+1,1))-1)+IF('Standard Profiles'!$G$22=$B$10,7,0)+IF('Standard Profiles'!$G$22=$B$17,14,0)+IF('Standard Profiles'!$G$22=$B$24,21,0),0)),0)</f>
        <v>0</v>
      </c>
      <c r="I2962">
        <f t="shared" si="335"/>
        <v>0.22527116535414612</v>
      </c>
      <c r="J2962">
        <f t="shared" si="336"/>
        <v>0.75090388451382051</v>
      </c>
      <c r="K2962">
        <f t="shared" si="337"/>
        <v>1.1263558267707305</v>
      </c>
      <c r="L2962">
        <f t="shared" si="338"/>
        <v>5.4065079684995068</v>
      </c>
      <c r="M2962">
        <f t="shared" si="339"/>
        <v>0</v>
      </c>
      <c r="N2962" s="46">
        <f t="shared" si="340"/>
        <v>45413.999999992899</v>
      </c>
    </row>
    <row r="2963" spans="2:14" x14ac:dyDescent="0.3">
      <c r="B2963">
        <f t="shared" si="334"/>
        <v>4</v>
      </c>
      <c r="C2963" s="16">
        <v>2929</v>
      </c>
      <c r="D2963" cm="1">
        <f t="array" ref="D2963">IFERROR(INDEX(Jesper!AH$2:AH$366,ROUNDDOWN($C2963/24,0)+1,1)*INDEX($D$3:$AA$30,INDEX(Jesper!$R$2:$R$366,ROW(INDEX(Jesper!AH$2:AH$366,ROUNDDOWN($C2963/24,0)+1,1))-1)+IF('Standard Profiles'!$G$18=$B$10,7,0)+IF('Standard Profiles'!$G$18=$B$17,14,0)+IF('Standard Profiles'!$G$18=$B$24,21,0),MOD($C2963,24)+1)/SUM(INDEX($D$3:$AA$30,INDEX(Jesper!$R$2:$R$366,ROW(INDEX(Jesper!AH$2:AH$366,ROUNDDOWN($C2963/24,0)+1,1))-1)+IF('Standard Profiles'!$G$18=$B$10,7,0)+IF('Standard Profiles'!$G$18=$B$17,14,0)+IF('Standard Profiles'!$G$18=$B$24,21,0),0)),0)</f>
        <v>7.5090388451382042</v>
      </c>
      <c r="E2963" cm="1">
        <f t="array" ref="E2963">IFERROR(INDEX(Jesper!AI$2:AI$366,ROUNDDOWN($C2963/24,0)+1,1)*INDEX($D$3:$AA$30,INDEX(Jesper!$R$2:$R$366,ROW(INDEX(Jesper!AI$2:AI$366,ROUNDDOWN($C2963/24,0)+1,1))-1)+IF('Standard Profiles'!$G$19=$B$10,7,0)+IF('Standard Profiles'!$G$19=$B$17,14,0)+IF('Standard Profiles'!$G$19=$B$24,21,0),MOD($C2963,24)+1)/SUM(INDEX($D$3:$AA$30,INDEX(Jesper!$R$2:$R$366,ROW(INDEX(Jesper!AI$2:AI$366,ROUNDDOWN($C2963/24,0)+1,1))-1)+IF('Standard Profiles'!$G$19=$B$10,7,0)+IF('Standard Profiles'!$G$19=$B$17,14,0)+IF('Standard Profiles'!$G$19=$B$24,21,0),0)),0)</f>
        <v>0</v>
      </c>
      <c r="F2963" cm="1">
        <f t="array" ref="F2963">IFERROR(INDEX(Jesper!AJ$2:AJ$366,ROUNDDOWN($C2963/24,0)+1,1)*INDEX($D$3:$AA$30,INDEX(Jesper!$R$2:$R$366,ROW(INDEX(Jesper!AJ$2:AJ$366,ROUNDDOWN($C2963/24,0)+1,1))-1)+IF('Standard Profiles'!$G$20=$B$10,7,0)+IF('Standard Profiles'!$G$20=$B$17,14,0)+IF('Standard Profiles'!$G$20=$B$24,21,0),MOD($C2963,24)+1)/SUM(INDEX($D$3:$AA$30,INDEX(Jesper!$R$2:$R$366,ROW(INDEX(Jesper!AJ$2:AJ$366,ROUNDDOWN($C2963/24,0)+1,1))-1)+IF('Standard Profiles'!$G$20=$B$10,7,0)+IF('Standard Profiles'!$G$20=$B$17,14,0)+IF('Standard Profiles'!$G$20=$B$24,21,0),0)),0)</f>
        <v>0</v>
      </c>
      <c r="G2963" cm="1">
        <f t="array" ref="G2963">IFERROR(INDEX(Jesper!AK$2:AK$366,ROUNDDOWN($C2963/24,0)+1,1)*INDEX($D$3:$AA$30,INDEX(Jesper!$R$2:$R$366,ROW(INDEX(Jesper!AK$2:AK$366,ROUNDDOWN($C2963/24,0)+1,1))-1)+IF('Standard Profiles'!$G$21=$B$10,7,0)+IF('Standard Profiles'!$G$21=$B$17,14,0)+IF('Standard Profiles'!$G$21=$B$24,21,0),MOD($C2963,24)+1)/SUM(INDEX($D$3:$AA$30,INDEX(Jesper!$R$2:$R$366,ROW(INDEX(Jesper!AK$2:AK$366,ROUNDDOWN($C2963/24,0)+1,1))-1)+IF('Standard Profiles'!$G$21=$B$10,7,0)+IF('Standard Profiles'!$G$21=$B$17,14,0)+IF('Standard Profiles'!$G$21=$B$24,21,0),0)),0)</f>
        <v>0</v>
      </c>
      <c r="H2963" cm="1">
        <f t="array" ref="H2963">IFERROR(INDEX(Jesper!AL$2:AL$366,ROUNDDOWN($C2963/24,0)+1,1)*INDEX($D$3:$AA$30,INDEX(Jesper!$R$2:$R$366,ROW(INDEX(Jesper!AL$2:AL$366,ROUNDDOWN($C2963/24,0)+1,1))-1)+IF('Standard Profiles'!$G$22=$B$10,7,0)+IF('Standard Profiles'!$G$22=$B$17,14,0)+IF('Standard Profiles'!$G$22=$B$24,21,0),MOD($C2963,24)+1)/SUM(INDEX($D$3:$AA$30,INDEX(Jesper!$R$2:$R$366,ROW(INDEX(Jesper!AL$2:AL$366,ROUNDDOWN($C2963/24,0)+1,1))-1)+IF('Standard Profiles'!$G$22=$B$10,7,0)+IF('Standard Profiles'!$G$22=$B$17,14,0)+IF('Standard Profiles'!$G$22=$B$24,21,0),0)),0)</f>
        <v>0</v>
      </c>
      <c r="I2963">
        <f t="shared" si="335"/>
        <v>0.22527116535414612</v>
      </c>
      <c r="J2963">
        <f t="shared" si="336"/>
        <v>0.75090388451382051</v>
      </c>
      <c r="K2963">
        <f t="shared" si="337"/>
        <v>1.1263558267707305</v>
      </c>
      <c r="L2963">
        <f t="shared" si="338"/>
        <v>5.4065079684995068</v>
      </c>
      <c r="M2963">
        <f t="shared" si="339"/>
        <v>0</v>
      </c>
      <c r="N2963" s="46">
        <f t="shared" si="340"/>
        <v>45414.041666659563</v>
      </c>
    </row>
    <row r="2964" spans="2:14" x14ac:dyDescent="0.3">
      <c r="B2964">
        <f t="shared" si="334"/>
        <v>4</v>
      </c>
      <c r="C2964" s="16">
        <v>2930</v>
      </c>
      <c r="D2964" cm="1">
        <f t="array" ref="D2964">IFERROR(INDEX(Jesper!AH$2:AH$366,ROUNDDOWN($C2964/24,0)+1,1)*INDEX($D$3:$AA$30,INDEX(Jesper!$R$2:$R$366,ROW(INDEX(Jesper!AH$2:AH$366,ROUNDDOWN($C2964/24,0)+1,1))-1)+IF('Standard Profiles'!$G$18=$B$10,7,0)+IF('Standard Profiles'!$G$18=$B$17,14,0)+IF('Standard Profiles'!$G$18=$B$24,21,0),MOD($C2964,24)+1)/SUM(INDEX($D$3:$AA$30,INDEX(Jesper!$R$2:$R$366,ROW(INDEX(Jesper!AH$2:AH$366,ROUNDDOWN($C2964/24,0)+1,1))-1)+IF('Standard Profiles'!$G$18=$B$10,7,0)+IF('Standard Profiles'!$G$18=$B$17,14,0)+IF('Standard Profiles'!$G$18=$B$24,21,0),0)),0)</f>
        <v>7.5090388451382042</v>
      </c>
      <c r="E2964" cm="1">
        <f t="array" ref="E2964">IFERROR(INDEX(Jesper!AI$2:AI$366,ROUNDDOWN($C2964/24,0)+1,1)*INDEX($D$3:$AA$30,INDEX(Jesper!$R$2:$R$366,ROW(INDEX(Jesper!AI$2:AI$366,ROUNDDOWN($C2964/24,0)+1,1))-1)+IF('Standard Profiles'!$G$19=$B$10,7,0)+IF('Standard Profiles'!$G$19=$B$17,14,0)+IF('Standard Profiles'!$G$19=$B$24,21,0),MOD($C2964,24)+1)/SUM(INDEX($D$3:$AA$30,INDEX(Jesper!$R$2:$R$366,ROW(INDEX(Jesper!AI$2:AI$366,ROUNDDOWN($C2964/24,0)+1,1))-1)+IF('Standard Profiles'!$G$19=$B$10,7,0)+IF('Standard Profiles'!$G$19=$B$17,14,0)+IF('Standard Profiles'!$G$19=$B$24,21,0),0)),0)</f>
        <v>0</v>
      </c>
      <c r="F2964" cm="1">
        <f t="array" ref="F2964">IFERROR(INDEX(Jesper!AJ$2:AJ$366,ROUNDDOWN($C2964/24,0)+1,1)*INDEX($D$3:$AA$30,INDEX(Jesper!$R$2:$R$366,ROW(INDEX(Jesper!AJ$2:AJ$366,ROUNDDOWN($C2964/24,0)+1,1))-1)+IF('Standard Profiles'!$G$20=$B$10,7,0)+IF('Standard Profiles'!$G$20=$B$17,14,0)+IF('Standard Profiles'!$G$20=$B$24,21,0),MOD($C2964,24)+1)/SUM(INDEX($D$3:$AA$30,INDEX(Jesper!$R$2:$R$366,ROW(INDEX(Jesper!AJ$2:AJ$366,ROUNDDOWN($C2964/24,0)+1,1))-1)+IF('Standard Profiles'!$G$20=$B$10,7,0)+IF('Standard Profiles'!$G$20=$B$17,14,0)+IF('Standard Profiles'!$G$20=$B$24,21,0),0)),0)</f>
        <v>0</v>
      </c>
      <c r="G2964" cm="1">
        <f t="array" ref="G2964">IFERROR(INDEX(Jesper!AK$2:AK$366,ROUNDDOWN($C2964/24,0)+1,1)*INDEX($D$3:$AA$30,INDEX(Jesper!$R$2:$R$366,ROW(INDEX(Jesper!AK$2:AK$366,ROUNDDOWN($C2964/24,0)+1,1))-1)+IF('Standard Profiles'!$G$21=$B$10,7,0)+IF('Standard Profiles'!$G$21=$B$17,14,0)+IF('Standard Profiles'!$G$21=$B$24,21,0),MOD($C2964,24)+1)/SUM(INDEX($D$3:$AA$30,INDEX(Jesper!$R$2:$R$366,ROW(INDEX(Jesper!AK$2:AK$366,ROUNDDOWN($C2964/24,0)+1,1))-1)+IF('Standard Profiles'!$G$21=$B$10,7,0)+IF('Standard Profiles'!$G$21=$B$17,14,0)+IF('Standard Profiles'!$G$21=$B$24,21,0),0)),0)</f>
        <v>0</v>
      </c>
      <c r="H2964" cm="1">
        <f t="array" ref="H2964">IFERROR(INDEX(Jesper!AL$2:AL$366,ROUNDDOWN($C2964/24,0)+1,1)*INDEX($D$3:$AA$30,INDEX(Jesper!$R$2:$R$366,ROW(INDEX(Jesper!AL$2:AL$366,ROUNDDOWN($C2964/24,0)+1,1))-1)+IF('Standard Profiles'!$G$22=$B$10,7,0)+IF('Standard Profiles'!$G$22=$B$17,14,0)+IF('Standard Profiles'!$G$22=$B$24,21,0),MOD($C2964,24)+1)/SUM(INDEX($D$3:$AA$30,INDEX(Jesper!$R$2:$R$366,ROW(INDEX(Jesper!AL$2:AL$366,ROUNDDOWN($C2964/24,0)+1,1))-1)+IF('Standard Profiles'!$G$22=$B$10,7,0)+IF('Standard Profiles'!$G$22=$B$17,14,0)+IF('Standard Profiles'!$G$22=$B$24,21,0),0)),0)</f>
        <v>0</v>
      </c>
      <c r="I2964">
        <f t="shared" si="335"/>
        <v>0.22527116535414612</v>
      </c>
      <c r="J2964">
        <f t="shared" si="336"/>
        <v>0.75090388451382051</v>
      </c>
      <c r="K2964">
        <f t="shared" si="337"/>
        <v>1.1263558267707305</v>
      </c>
      <c r="L2964">
        <f t="shared" si="338"/>
        <v>5.4065079684995068</v>
      </c>
      <c r="M2964">
        <f t="shared" si="339"/>
        <v>0</v>
      </c>
      <c r="N2964" s="46">
        <f t="shared" si="340"/>
        <v>45414.083333326227</v>
      </c>
    </row>
    <row r="2965" spans="2:14" x14ac:dyDescent="0.3">
      <c r="B2965">
        <f t="shared" si="334"/>
        <v>4</v>
      </c>
      <c r="C2965" s="16">
        <v>2931</v>
      </c>
      <c r="D2965" cm="1">
        <f t="array" ref="D2965">IFERROR(INDEX(Jesper!AH$2:AH$366,ROUNDDOWN($C2965/24,0)+1,1)*INDEX($D$3:$AA$30,INDEX(Jesper!$R$2:$R$366,ROW(INDEX(Jesper!AH$2:AH$366,ROUNDDOWN($C2965/24,0)+1,1))-1)+IF('Standard Profiles'!$G$18=$B$10,7,0)+IF('Standard Profiles'!$G$18=$B$17,14,0)+IF('Standard Profiles'!$G$18=$B$24,21,0),MOD($C2965,24)+1)/SUM(INDEX($D$3:$AA$30,INDEX(Jesper!$R$2:$R$366,ROW(INDEX(Jesper!AH$2:AH$366,ROUNDDOWN($C2965/24,0)+1,1))-1)+IF('Standard Profiles'!$G$18=$B$10,7,0)+IF('Standard Profiles'!$G$18=$B$17,14,0)+IF('Standard Profiles'!$G$18=$B$24,21,0),0)),0)</f>
        <v>7.5090388451382042</v>
      </c>
      <c r="E2965" cm="1">
        <f t="array" ref="E2965">IFERROR(INDEX(Jesper!AI$2:AI$366,ROUNDDOWN($C2965/24,0)+1,1)*INDEX($D$3:$AA$30,INDEX(Jesper!$R$2:$R$366,ROW(INDEX(Jesper!AI$2:AI$366,ROUNDDOWN($C2965/24,0)+1,1))-1)+IF('Standard Profiles'!$G$19=$B$10,7,0)+IF('Standard Profiles'!$G$19=$B$17,14,0)+IF('Standard Profiles'!$G$19=$B$24,21,0),MOD($C2965,24)+1)/SUM(INDEX($D$3:$AA$30,INDEX(Jesper!$R$2:$R$366,ROW(INDEX(Jesper!AI$2:AI$366,ROUNDDOWN($C2965/24,0)+1,1))-1)+IF('Standard Profiles'!$G$19=$B$10,7,0)+IF('Standard Profiles'!$G$19=$B$17,14,0)+IF('Standard Profiles'!$G$19=$B$24,21,0),0)),0)</f>
        <v>0</v>
      </c>
      <c r="F2965" cm="1">
        <f t="array" ref="F2965">IFERROR(INDEX(Jesper!AJ$2:AJ$366,ROUNDDOWN($C2965/24,0)+1,1)*INDEX($D$3:$AA$30,INDEX(Jesper!$R$2:$R$366,ROW(INDEX(Jesper!AJ$2:AJ$366,ROUNDDOWN($C2965/24,0)+1,1))-1)+IF('Standard Profiles'!$G$20=$B$10,7,0)+IF('Standard Profiles'!$G$20=$B$17,14,0)+IF('Standard Profiles'!$G$20=$B$24,21,0),MOD($C2965,24)+1)/SUM(INDEX($D$3:$AA$30,INDEX(Jesper!$R$2:$R$366,ROW(INDEX(Jesper!AJ$2:AJ$366,ROUNDDOWN($C2965/24,0)+1,1))-1)+IF('Standard Profiles'!$G$20=$B$10,7,0)+IF('Standard Profiles'!$G$20=$B$17,14,0)+IF('Standard Profiles'!$G$20=$B$24,21,0),0)),0)</f>
        <v>0</v>
      </c>
      <c r="G2965" cm="1">
        <f t="array" ref="G2965">IFERROR(INDEX(Jesper!AK$2:AK$366,ROUNDDOWN($C2965/24,0)+1,1)*INDEX($D$3:$AA$30,INDEX(Jesper!$R$2:$R$366,ROW(INDEX(Jesper!AK$2:AK$366,ROUNDDOWN($C2965/24,0)+1,1))-1)+IF('Standard Profiles'!$G$21=$B$10,7,0)+IF('Standard Profiles'!$G$21=$B$17,14,0)+IF('Standard Profiles'!$G$21=$B$24,21,0),MOD($C2965,24)+1)/SUM(INDEX($D$3:$AA$30,INDEX(Jesper!$R$2:$R$366,ROW(INDEX(Jesper!AK$2:AK$366,ROUNDDOWN($C2965/24,0)+1,1))-1)+IF('Standard Profiles'!$G$21=$B$10,7,0)+IF('Standard Profiles'!$G$21=$B$17,14,0)+IF('Standard Profiles'!$G$21=$B$24,21,0),0)),0)</f>
        <v>0</v>
      </c>
      <c r="H2965" cm="1">
        <f t="array" ref="H2965">IFERROR(INDEX(Jesper!AL$2:AL$366,ROUNDDOWN($C2965/24,0)+1,1)*INDEX($D$3:$AA$30,INDEX(Jesper!$R$2:$R$366,ROW(INDEX(Jesper!AL$2:AL$366,ROUNDDOWN($C2965/24,0)+1,1))-1)+IF('Standard Profiles'!$G$22=$B$10,7,0)+IF('Standard Profiles'!$G$22=$B$17,14,0)+IF('Standard Profiles'!$G$22=$B$24,21,0),MOD($C2965,24)+1)/SUM(INDEX($D$3:$AA$30,INDEX(Jesper!$R$2:$R$366,ROW(INDEX(Jesper!AL$2:AL$366,ROUNDDOWN($C2965/24,0)+1,1))-1)+IF('Standard Profiles'!$G$22=$B$10,7,0)+IF('Standard Profiles'!$G$22=$B$17,14,0)+IF('Standard Profiles'!$G$22=$B$24,21,0),0)),0)</f>
        <v>0</v>
      </c>
      <c r="I2965">
        <f t="shared" si="335"/>
        <v>0.22527116535414612</v>
      </c>
      <c r="J2965">
        <f t="shared" si="336"/>
        <v>0.75090388451382051</v>
      </c>
      <c r="K2965">
        <f t="shared" si="337"/>
        <v>1.1263558267707305</v>
      </c>
      <c r="L2965">
        <f t="shared" si="338"/>
        <v>5.4065079684995068</v>
      </c>
      <c r="M2965">
        <f t="shared" si="339"/>
        <v>0</v>
      </c>
      <c r="N2965" s="46">
        <f t="shared" si="340"/>
        <v>45414.124999992891</v>
      </c>
    </row>
    <row r="2966" spans="2:14" x14ac:dyDescent="0.3">
      <c r="B2966">
        <f t="shared" si="334"/>
        <v>4</v>
      </c>
      <c r="C2966" s="16">
        <v>2932</v>
      </c>
      <c r="D2966" cm="1">
        <f t="array" ref="D2966">IFERROR(INDEX(Jesper!AH$2:AH$366,ROUNDDOWN($C2966/24,0)+1,1)*INDEX($D$3:$AA$30,INDEX(Jesper!$R$2:$R$366,ROW(INDEX(Jesper!AH$2:AH$366,ROUNDDOWN($C2966/24,0)+1,1))-1)+IF('Standard Profiles'!$G$18=$B$10,7,0)+IF('Standard Profiles'!$G$18=$B$17,14,0)+IF('Standard Profiles'!$G$18=$B$24,21,0),MOD($C2966,24)+1)/SUM(INDEX($D$3:$AA$30,INDEX(Jesper!$R$2:$R$366,ROW(INDEX(Jesper!AH$2:AH$366,ROUNDDOWN($C2966/24,0)+1,1))-1)+IF('Standard Profiles'!$G$18=$B$10,7,0)+IF('Standard Profiles'!$G$18=$B$17,14,0)+IF('Standard Profiles'!$G$18=$B$24,21,0),0)),0)</f>
        <v>7.5090388451382042</v>
      </c>
      <c r="E2966" cm="1">
        <f t="array" ref="E2966">IFERROR(INDEX(Jesper!AI$2:AI$366,ROUNDDOWN($C2966/24,0)+1,1)*INDEX($D$3:$AA$30,INDEX(Jesper!$R$2:$R$366,ROW(INDEX(Jesper!AI$2:AI$366,ROUNDDOWN($C2966/24,0)+1,1))-1)+IF('Standard Profiles'!$G$19=$B$10,7,0)+IF('Standard Profiles'!$G$19=$B$17,14,0)+IF('Standard Profiles'!$G$19=$B$24,21,0),MOD($C2966,24)+1)/SUM(INDEX($D$3:$AA$30,INDEX(Jesper!$R$2:$R$366,ROW(INDEX(Jesper!AI$2:AI$366,ROUNDDOWN($C2966/24,0)+1,1))-1)+IF('Standard Profiles'!$G$19=$B$10,7,0)+IF('Standard Profiles'!$G$19=$B$17,14,0)+IF('Standard Profiles'!$G$19=$B$24,21,0),0)),0)</f>
        <v>0</v>
      </c>
      <c r="F2966" cm="1">
        <f t="array" ref="F2966">IFERROR(INDEX(Jesper!AJ$2:AJ$366,ROUNDDOWN($C2966/24,0)+1,1)*INDEX($D$3:$AA$30,INDEX(Jesper!$R$2:$R$366,ROW(INDEX(Jesper!AJ$2:AJ$366,ROUNDDOWN($C2966/24,0)+1,1))-1)+IF('Standard Profiles'!$G$20=$B$10,7,0)+IF('Standard Profiles'!$G$20=$B$17,14,0)+IF('Standard Profiles'!$G$20=$B$24,21,0),MOD($C2966,24)+1)/SUM(INDEX($D$3:$AA$30,INDEX(Jesper!$R$2:$R$366,ROW(INDEX(Jesper!AJ$2:AJ$366,ROUNDDOWN($C2966/24,0)+1,1))-1)+IF('Standard Profiles'!$G$20=$B$10,7,0)+IF('Standard Profiles'!$G$20=$B$17,14,0)+IF('Standard Profiles'!$G$20=$B$24,21,0),0)),0)</f>
        <v>0</v>
      </c>
      <c r="G2966" cm="1">
        <f t="array" ref="G2966">IFERROR(INDEX(Jesper!AK$2:AK$366,ROUNDDOWN($C2966/24,0)+1,1)*INDEX($D$3:$AA$30,INDEX(Jesper!$R$2:$R$366,ROW(INDEX(Jesper!AK$2:AK$366,ROUNDDOWN($C2966/24,0)+1,1))-1)+IF('Standard Profiles'!$G$21=$B$10,7,0)+IF('Standard Profiles'!$G$21=$B$17,14,0)+IF('Standard Profiles'!$G$21=$B$24,21,0),MOD($C2966,24)+1)/SUM(INDEX($D$3:$AA$30,INDEX(Jesper!$R$2:$R$366,ROW(INDEX(Jesper!AK$2:AK$366,ROUNDDOWN($C2966/24,0)+1,1))-1)+IF('Standard Profiles'!$G$21=$B$10,7,0)+IF('Standard Profiles'!$G$21=$B$17,14,0)+IF('Standard Profiles'!$G$21=$B$24,21,0),0)),0)</f>
        <v>0</v>
      </c>
      <c r="H2966" cm="1">
        <f t="array" ref="H2966">IFERROR(INDEX(Jesper!AL$2:AL$366,ROUNDDOWN($C2966/24,0)+1,1)*INDEX($D$3:$AA$30,INDEX(Jesper!$R$2:$R$366,ROW(INDEX(Jesper!AL$2:AL$366,ROUNDDOWN($C2966/24,0)+1,1))-1)+IF('Standard Profiles'!$G$22=$B$10,7,0)+IF('Standard Profiles'!$G$22=$B$17,14,0)+IF('Standard Profiles'!$G$22=$B$24,21,0),MOD($C2966,24)+1)/SUM(INDEX($D$3:$AA$30,INDEX(Jesper!$R$2:$R$366,ROW(INDEX(Jesper!AL$2:AL$366,ROUNDDOWN($C2966/24,0)+1,1))-1)+IF('Standard Profiles'!$G$22=$B$10,7,0)+IF('Standard Profiles'!$G$22=$B$17,14,0)+IF('Standard Profiles'!$G$22=$B$24,21,0),0)),0)</f>
        <v>0</v>
      </c>
      <c r="I2966">
        <f t="shared" si="335"/>
        <v>0.22527116535414612</v>
      </c>
      <c r="J2966">
        <f t="shared" si="336"/>
        <v>0.75090388451382051</v>
      </c>
      <c r="K2966">
        <f t="shared" si="337"/>
        <v>1.1263558267707305</v>
      </c>
      <c r="L2966">
        <f t="shared" si="338"/>
        <v>5.4065079684995068</v>
      </c>
      <c r="M2966">
        <f t="shared" si="339"/>
        <v>0</v>
      </c>
      <c r="N2966" s="46">
        <f t="shared" si="340"/>
        <v>45414.166666659556</v>
      </c>
    </row>
    <row r="2967" spans="2:14" x14ac:dyDescent="0.3">
      <c r="B2967">
        <f t="shared" si="334"/>
        <v>4</v>
      </c>
      <c r="C2967" s="16">
        <v>2933</v>
      </c>
      <c r="D2967" cm="1">
        <f t="array" ref="D2967">IFERROR(INDEX(Jesper!AH$2:AH$366,ROUNDDOWN($C2967/24,0)+1,1)*INDEX($D$3:$AA$30,INDEX(Jesper!$R$2:$R$366,ROW(INDEX(Jesper!AH$2:AH$366,ROUNDDOWN($C2967/24,0)+1,1))-1)+IF('Standard Profiles'!$G$18=$B$10,7,0)+IF('Standard Profiles'!$G$18=$B$17,14,0)+IF('Standard Profiles'!$G$18=$B$24,21,0),MOD($C2967,24)+1)/SUM(INDEX($D$3:$AA$30,INDEX(Jesper!$R$2:$R$366,ROW(INDEX(Jesper!AH$2:AH$366,ROUNDDOWN($C2967/24,0)+1,1))-1)+IF('Standard Profiles'!$G$18=$B$10,7,0)+IF('Standard Profiles'!$G$18=$B$17,14,0)+IF('Standard Profiles'!$G$18=$B$24,21,0),0)),0)</f>
        <v>9.6783167337336842</v>
      </c>
      <c r="E2967" cm="1">
        <f t="array" ref="E2967">IFERROR(INDEX(Jesper!AI$2:AI$366,ROUNDDOWN($C2967/24,0)+1,1)*INDEX($D$3:$AA$30,INDEX(Jesper!$R$2:$R$366,ROW(INDEX(Jesper!AI$2:AI$366,ROUNDDOWN($C2967/24,0)+1,1))-1)+IF('Standard Profiles'!$G$19=$B$10,7,0)+IF('Standard Profiles'!$G$19=$B$17,14,0)+IF('Standard Profiles'!$G$19=$B$24,21,0),MOD($C2967,24)+1)/SUM(INDEX($D$3:$AA$30,INDEX(Jesper!$R$2:$R$366,ROW(INDEX(Jesper!AI$2:AI$366,ROUNDDOWN($C2967/24,0)+1,1))-1)+IF('Standard Profiles'!$G$19=$B$10,7,0)+IF('Standard Profiles'!$G$19=$B$17,14,0)+IF('Standard Profiles'!$G$19=$B$24,21,0),0)),0)</f>
        <v>0</v>
      </c>
      <c r="F2967" cm="1">
        <f t="array" ref="F2967">IFERROR(INDEX(Jesper!AJ$2:AJ$366,ROUNDDOWN($C2967/24,0)+1,1)*INDEX($D$3:$AA$30,INDEX(Jesper!$R$2:$R$366,ROW(INDEX(Jesper!AJ$2:AJ$366,ROUNDDOWN($C2967/24,0)+1,1))-1)+IF('Standard Profiles'!$G$20=$B$10,7,0)+IF('Standard Profiles'!$G$20=$B$17,14,0)+IF('Standard Profiles'!$G$20=$B$24,21,0),MOD($C2967,24)+1)/SUM(INDEX($D$3:$AA$30,INDEX(Jesper!$R$2:$R$366,ROW(INDEX(Jesper!AJ$2:AJ$366,ROUNDDOWN($C2967/24,0)+1,1))-1)+IF('Standard Profiles'!$G$20=$B$10,7,0)+IF('Standard Profiles'!$G$20=$B$17,14,0)+IF('Standard Profiles'!$G$20=$B$24,21,0),0)),0)</f>
        <v>0</v>
      </c>
      <c r="G2967" cm="1">
        <f t="array" ref="G2967">IFERROR(INDEX(Jesper!AK$2:AK$366,ROUNDDOWN($C2967/24,0)+1,1)*INDEX($D$3:$AA$30,INDEX(Jesper!$R$2:$R$366,ROW(INDEX(Jesper!AK$2:AK$366,ROUNDDOWN($C2967/24,0)+1,1))-1)+IF('Standard Profiles'!$G$21=$B$10,7,0)+IF('Standard Profiles'!$G$21=$B$17,14,0)+IF('Standard Profiles'!$G$21=$B$24,21,0),MOD($C2967,24)+1)/SUM(INDEX($D$3:$AA$30,INDEX(Jesper!$R$2:$R$366,ROW(INDEX(Jesper!AK$2:AK$366,ROUNDDOWN($C2967/24,0)+1,1))-1)+IF('Standard Profiles'!$G$21=$B$10,7,0)+IF('Standard Profiles'!$G$21=$B$17,14,0)+IF('Standard Profiles'!$G$21=$B$24,21,0),0)),0)</f>
        <v>0</v>
      </c>
      <c r="H2967" cm="1">
        <f t="array" ref="H2967">IFERROR(INDEX(Jesper!AL$2:AL$366,ROUNDDOWN($C2967/24,0)+1,1)*INDEX($D$3:$AA$30,INDEX(Jesper!$R$2:$R$366,ROW(INDEX(Jesper!AL$2:AL$366,ROUNDDOWN($C2967/24,0)+1,1))-1)+IF('Standard Profiles'!$G$22=$B$10,7,0)+IF('Standard Profiles'!$G$22=$B$17,14,0)+IF('Standard Profiles'!$G$22=$B$24,21,0),MOD($C2967,24)+1)/SUM(INDEX($D$3:$AA$30,INDEX(Jesper!$R$2:$R$366,ROW(INDEX(Jesper!AL$2:AL$366,ROUNDDOWN($C2967/24,0)+1,1))-1)+IF('Standard Profiles'!$G$22=$B$10,7,0)+IF('Standard Profiles'!$G$22=$B$17,14,0)+IF('Standard Profiles'!$G$22=$B$24,21,0),0)),0)</f>
        <v>0</v>
      </c>
      <c r="I2967">
        <f t="shared" si="335"/>
        <v>0.29034950201201054</v>
      </c>
      <c r="J2967">
        <f t="shared" si="336"/>
        <v>0.96783167337336851</v>
      </c>
      <c r="K2967">
        <f t="shared" si="337"/>
        <v>1.4517475100600525</v>
      </c>
      <c r="L2967">
        <f t="shared" si="338"/>
        <v>6.9683880482882525</v>
      </c>
      <c r="M2967">
        <f t="shared" si="339"/>
        <v>0</v>
      </c>
      <c r="N2967" s="46">
        <f t="shared" si="340"/>
        <v>45414.20833332622</v>
      </c>
    </row>
    <row r="2968" spans="2:14" x14ac:dyDescent="0.3">
      <c r="B2968">
        <f t="shared" si="334"/>
        <v>4</v>
      </c>
      <c r="C2968" s="16">
        <v>2934</v>
      </c>
      <c r="D2968" cm="1">
        <f t="array" ref="D2968">IFERROR(INDEX(Jesper!AH$2:AH$366,ROUNDDOWN($C2968/24,0)+1,1)*INDEX($D$3:$AA$30,INDEX(Jesper!$R$2:$R$366,ROW(INDEX(Jesper!AH$2:AH$366,ROUNDDOWN($C2968/24,0)+1,1))-1)+IF('Standard Profiles'!$G$18=$B$10,7,0)+IF('Standard Profiles'!$G$18=$B$17,14,0)+IF('Standard Profiles'!$G$18=$B$24,21,0),MOD($C2968,24)+1)/SUM(INDEX($D$3:$AA$30,INDEX(Jesper!$R$2:$R$366,ROW(INDEX(Jesper!AH$2:AH$366,ROUNDDOWN($C2968/24,0)+1,1))-1)+IF('Standard Profiles'!$G$18=$B$10,7,0)+IF('Standard Profiles'!$G$18=$B$17,14,0)+IF('Standard Profiles'!$G$18=$B$24,21,0),0)),0)</f>
        <v>11.180124502761325</v>
      </c>
      <c r="E2968" cm="1">
        <f t="array" ref="E2968">IFERROR(INDEX(Jesper!AI$2:AI$366,ROUNDDOWN($C2968/24,0)+1,1)*INDEX($D$3:$AA$30,INDEX(Jesper!$R$2:$R$366,ROW(INDEX(Jesper!AI$2:AI$366,ROUNDDOWN($C2968/24,0)+1,1))-1)+IF('Standard Profiles'!$G$19=$B$10,7,0)+IF('Standard Profiles'!$G$19=$B$17,14,0)+IF('Standard Profiles'!$G$19=$B$24,21,0),MOD($C2968,24)+1)/SUM(INDEX($D$3:$AA$30,INDEX(Jesper!$R$2:$R$366,ROW(INDEX(Jesper!AI$2:AI$366,ROUNDDOWN($C2968/24,0)+1,1))-1)+IF('Standard Profiles'!$G$19=$B$10,7,0)+IF('Standard Profiles'!$G$19=$B$17,14,0)+IF('Standard Profiles'!$G$19=$B$24,21,0),0)),0)</f>
        <v>0</v>
      </c>
      <c r="F2968" cm="1">
        <f t="array" ref="F2968">IFERROR(INDEX(Jesper!AJ$2:AJ$366,ROUNDDOWN($C2968/24,0)+1,1)*INDEX($D$3:$AA$30,INDEX(Jesper!$R$2:$R$366,ROW(INDEX(Jesper!AJ$2:AJ$366,ROUNDDOWN($C2968/24,0)+1,1))-1)+IF('Standard Profiles'!$G$20=$B$10,7,0)+IF('Standard Profiles'!$G$20=$B$17,14,0)+IF('Standard Profiles'!$G$20=$B$24,21,0),MOD($C2968,24)+1)/SUM(INDEX($D$3:$AA$30,INDEX(Jesper!$R$2:$R$366,ROW(INDEX(Jesper!AJ$2:AJ$366,ROUNDDOWN($C2968/24,0)+1,1))-1)+IF('Standard Profiles'!$G$20=$B$10,7,0)+IF('Standard Profiles'!$G$20=$B$17,14,0)+IF('Standard Profiles'!$G$20=$B$24,21,0),0)),0)</f>
        <v>0</v>
      </c>
      <c r="G2968" cm="1">
        <f t="array" ref="G2968">IFERROR(INDEX(Jesper!AK$2:AK$366,ROUNDDOWN($C2968/24,0)+1,1)*INDEX($D$3:$AA$30,INDEX(Jesper!$R$2:$R$366,ROW(INDEX(Jesper!AK$2:AK$366,ROUNDDOWN($C2968/24,0)+1,1))-1)+IF('Standard Profiles'!$G$21=$B$10,7,0)+IF('Standard Profiles'!$G$21=$B$17,14,0)+IF('Standard Profiles'!$G$21=$B$24,21,0),MOD($C2968,24)+1)/SUM(INDEX($D$3:$AA$30,INDEX(Jesper!$R$2:$R$366,ROW(INDEX(Jesper!AK$2:AK$366,ROUNDDOWN($C2968/24,0)+1,1))-1)+IF('Standard Profiles'!$G$21=$B$10,7,0)+IF('Standard Profiles'!$G$21=$B$17,14,0)+IF('Standard Profiles'!$G$21=$B$24,21,0),0)),0)</f>
        <v>0</v>
      </c>
      <c r="H2968" cm="1">
        <f t="array" ref="H2968">IFERROR(INDEX(Jesper!AL$2:AL$366,ROUNDDOWN($C2968/24,0)+1,1)*INDEX($D$3:$AA$30,INDEX(Jesper!$R$2:$R$366,ROW(INDEX(Jesper!AL$2:AL$366,ROUNDDOWN($C2968/24,0)+1,1))-1)+IF('Standard Profiles'!$G$22=$B$10,7,0)+IF('Standard Profiles'!$G$22=$B$17,14,0)+IF('Standard Profiles'!$G$22=$B$24,21,0),MOD($C2968,24)+1)/SUM(INDEX($D$3:$AA$30,INDEX(Jesper!$R$2:$R$366,ROW(INDEX(Jesper!AL$2:AL$366,ROUNDDOWN($C2968/24,0)+1,1))-1)+IF('Standard Profiles'!$G$22=$B$10,7,0)+IF('Standard Profiles'!$G$22=$B$17,14,0)+IF('Standard Profiles'!$G$22=$B$24,21,0),0)),0)</f>
        <v>0</v>
      </c>
      <c r="I2968">
        <f t="shared" si="335"/>
        <v>0.33540373508283972</v>
      </c>
      <c r="J2968">
        <f t="shared" si="336"/>
        <v>1.1180124502761326</v>
      </c>
      <c r="K2968">
        <f t="shared" si="337"/>
        <v>1.6770186754141987</v>
      </c>
      <c r="L2968">
        <f t="shared" si="338"/>
        <v>8.0496896419881541</v>
      </c>
      <c r="M2968">
        <f t="shared" si="339"/>
        <v>0</v>
      </c>
      <c r="N2968" s="46">
        <f t="shared" si="340"/>
        <v>45414.249999992884</v>
      </c>
    </row>
    <row r="2969" spans="2:14" x14ac:dyDescent="0.3">
      <c r="B2969">
        <f t="shared" si="334"/>
        <v>4</v>
      </c>
      <c r="C2969" s="16">
        <v>2935</v>
      </c>
      <c r="D2969" cm="1">
        <f t="array" ref="D2969">IFERROR(INDEX(Jesper!AH$2:AH$366,ROUNDDOWN($C2969/24,0)+1,1)*INDEX($D$3:$AA$30,INDEX(Jesper!$R$2:$R$366,ROW(INDEX(Jesper!AH$2:AH$366,ROUNDDOWN($C2969/24,0)+1,1))-1)+IF('Standard Profiles'!$G$18=$B$10,7,0)+IF('Standard Profiles'!$G$18=$B$17,14,0)+IF('Standard Profiles'!$G$18=$B$24,21,0),MOD($C2969,24)+1)/SUM(INDEX($D$3:$AA$30,INDEX(Jesper!$R$2:$R$366,ROW(INDEX(Jesper!AH$2:AH$366,ROUNDDOWN($C2969/24,0)+1,1))-1)+IF('Standard Profiles'!$G$18=$B$10,7,0)+IF('Standard Profiles'!$G$18=$B$17,14,0)+IF('Standard Profiles'!$G$18=$B$24,21,0),0)),0)</f>
        <v>11.180124502761325</v>
      </c>
      <c r="E2969" cm="1">
        <f t="array" ref="E2969">IFERROR(INDEX(Jesper!AI$2:AI$366,ROUNDDOWN($C2969/24,0)+1,1)*INDEX($D$3:$AA$30,INDEX(Jesper!$R$2:$R$366,ROW(INDEX(Jesper!AI$2:AI$366,ROUNDDOWN($C2969/24,0)+1,1))-1)+IF('Standard Profiles'!$G$19=$B$10,7,0)+IF('Standard Profiles'!$G$19=$B$17,14,0)+IF('Standard Profiles'!$G$19=$B$24,21,0),MOD($C2969,24)+1)/SUM(INDEX($D$3:$AA$30,INDEX(Jesper!$R$2:$R$366,ROW(INDEX(Jesper!AI$2:AI$366,ROUNDDOWN($C2969/24,0)+1,1))-1)+IF('Standard Profiles'!$G$19=$B$10,7,0)+IF('Standard Profiles'!$G$19=$B$17,14,0)+IF('Standard Profiles'!$G$19=$B$24,21,0),0)),0)</f>
        <v>0</v>
      </c>
      <c r="F2969" cm="1">
        <f t="array" ref="F2969">IFERROR(INDEX(Jesper!AJ$2:AJ$366,ROUNDDOWN($C2969/24,0)+1,1)*INDEX($D$3:$AA$30,INDEX(Jesper!$R$2:$R$366,ROW(INDEX(Jesper!AJ$2:AJ$366,ROUNDDOWN($C2969/24,0)+1,1))-1)+IF('Standard Profiles'!$G$20=$B$10,7,0)+IF('Standard Profiles'!$G$20=$B$17,14,0)+IF('Standard Profiles'!$G$20=$B$24,21,0),MOD($C2969,24)+1)/SUM(INDEX($D$3:$AA$30,INDEX(Jesper!$R$2:$R$366,ROW(INDEX(Jesper!AJ$2:AJ$366,ROUNDDOWN($C2969/24,0)+1,1))-1)+IF('Standard Profiles'!$G$20=$B$10,7,0)+IF('Standard Profiles'!$G$20=$B$17,14,0)+IF('Standard Profiles'!$G$20=$B$24,21,0),0)),0)</f>
        <v>0</v>
      </c>
      <c r="G2969" cm="1">
        <f t="array" ref="G2969">IFERROR(INDEX(Jesper!AK$2:AK$366,ROUNDDOWN($C2969/24,0)+1,1)*INDEX($D$3:$AA$30,INDEX(Jesper!$R$2:$R$366,ROW(INDEX(Jesper!AK$2:AK$366,ROUNDDOWN($C2969/24,0)+1,1))-1)+IF('Standard Profiles'!$G$21=$B$10,7,0)+IF('Standard Profiles'!$G$21=$B$17,14,0)+IF('Standard Profiles'!$G$21=$B$24,21,0),MOD($C2969,24)+1)/SUM(INDEX($D$3:$AA$30,INDEX(Jesper!$R$2:$R$366,ROW(INDEX(Jesper!AK$2:AK$366,ROUNDDOWN($C2969/24,0)+1,1))-1)+IF('Standard Profiles'!$G$21=$B$10,7,0)+IF('Standard Profiles'!$G$21=$B$17,14,0)+IF('Standard Profiles'!$G$21=$B$24,21,0),0)),0)</f>
        <v>0</v>
      </c>
      <c r="H2969" cm="1">
        <f t="array" ref="H2969">IFERROR(INDEX(Jesper!AL$2:AL$366,ROUNDDOWN($C2969/24,0)+1,1)*INDEX($D$3:$AA$30,INDEX(Jesper!$R$2:$R$366,ROW(INDEX(Jesper!AL$2:AL$366,ROUNDDOWN($C2969/24,0)+1,1))-1)+IF('Standard Profiles'!$G$22=$B$10,7,0)+IF('Standard Profiles'!$G$22=$B$17,14,0)+IF('Standard Profiles'!$G$22=$B$24,21,0),MOD($C2969,24)+1)/SUM(INDEX($D$3:$AA$30,INDEX(Jesper!$R$2:$R$366,ROW(INDEX(Jesper!AL$2:AL$366,ROUNDDOWN($C2969/24,0)+1,1))-1)+IF('Standard Profiles'!$G$22=$B$10,7,0)+IF('Standard Profiles'!$G$22=$B$17,14,0)+IF('Standard Profiles'!$G$22=$B$24,21,0),0)),0)</f>
        <v>0</v>
      </c>
      <c r="I2969">
        <f t="shared" si="335"/>
        <v>0.33540373508283972</v>
      </c>
      <c r="J2969">
        <f t="shared" si="336"/>
        <v>1.1180124502761326</v>
      </c>
      <c r="K2969">
        <f t="shared" si="337"/>
        <v>1.6770186754141987</v>
      </c>
      <c r="L2969">
        <f t="shared" si="338"/>
        <v>8.0496896419881541</v>
      </c>
      <c r="M2969">
        <f t="shared" si="339"/>
        <v>0</v>
      </c>
      <c r="N2969" s="46">
        <f t="shared" si="340"/>
        <v>45414.291666659548</v>
      </c>
    </row>
    <row r="2970" spans="2:14" x14ac:dyDescent="0.3">
      <c r="B2970">
        <f t="shared" si="334"/>
        <v>4</v>
      </c>
      <c r="C2970" s="16">
        <v>2936</v>
      </c>
      <c r="D2970" cm="1">
        <f t="array" ref="D2970">IFERROR(INDEX(Jesper!AH$2:AH$366,ROUNDDOWN($C2970/24,0)+1,1)*INDEX($D$3:$AA$30,INDEX(Jesper!$R$2:$R$366,ROW(INDEX(Jesper!AH$2:AH$366,ROUNDDOWN($C2970/24,0)+1,1))-1)+IF('Standard Profiles'!$G$18=$B$10,7,0)+IF('Standard Profiles'!$G$18=$B$17,14,0)+IF('Standard Profiles'!$G$18=$B$24,21,0),MOD($C2970,24)+1)/SUM(INDEX($D$3:$AA$30,INDEX(Jesper!$R$2:$R$366,ROW(INDEX(Jesper!AH$2:AH$366,ROUNDDOWN($C2970/24,0)+1,1))-1)+IF('Standard Profiles'!$G$18=$B$10,7,0)+IF('Standard Profiles'!$G$18=$B$17,14,0)+IF('Standard Profiles'!$G$18=$B$24,21,0),0)),0)</f>
        <v>11.180124502761325</v>
      </c>
      <c r="E2970" cm="1">
        <f t="array" ref="E2970">IFERROR(INDEX(Jesper!AI$2:AI$366,ROUNDDOWN($C2970/24,0)+1,1)*INDEX($D$3:$AA$30,INDEX(Jesper!$R$2:$R$366,ROW(INDEX(Jesper!AI$2:AI$366,ROUNDDOWN($C2970/24,0)+1,1))-1)+IF('Standard Profiles'!$G$19=$B$10,7,0)+IF('Standard Profiles'!$G$19=$B$17,14,0)+IF('Standard Profiles'!$G$19=$B$24,21,0),MOD($C2970,24)+1)/SUM(INDEX($D$3:$AA$30,INDEX(Jesper!$R$2:$R$366,ROW(INDEX(Jesper!AI$2:AI$366,ROUNDDOWN($C2970/24,0)+1,1))-1)+IF('Standard Profiles'!$G$19=$B$10,7,0)+IF('Standard Profiles'!$G$19=$B$17,14,0)+IF('Standard Profiles'!$G$19=$B$24,21,0),0)),0)</f>
        <v>0</v>
      </c>
      <c r="F2970" cm="1">
        <f t="array" ref="F2970">IFERROR(INDEX(Jesper!AJ$2:AJ$366,ROUNDDOWN($C2970/24,0)+1,1)*INDEX($D$3:$AA$30,INDEX(Jesper!$R$2:$R$366,ROW(INDEX(Jesper!AJ$2:AJ$366,ROUNDDOWN($C2970/24,0)+1,1))-1)+IF('Standard Profiles'!$G$20=$B$10,7,0)+IF('Standard Profiles'!$G$20=$B$17,14,0)+IF('Standard Profiles'!$G$20=$B$24,21,0),MOD($C2970,24)+1)/SUM(INDEX($D$3:$AA$30,INDEX(Jesper!$R$2:$R$366,ROW(INDEX(Jesper!AJ$2:AJ$366,ROUNDDOWN($C2970/24,0)+1,1))-1)+IF('Standard Profiles'!$G$20=$B$10,7,0)+IF('Standard Profiles'!$G$20=$B$17,14,0)+IF('Standard Profiles'!$G$20=$B$24,21,0),0)),0)</f>
        <v>0</v>
      </c>
      <c r="G2970" cm="1">
        <f t="array" ref="G2970">IFERROR(INDEX(Jesper!AK$2:AK$366,ROUNDDOWN($C2970/24,0)+1,1)*INDEX($D$3:$AA$30,INDEX(Jesper!$R$2:$R$366,ROW(INDEX(Jesper!AK$2:AK$366,ROUNDDOWN($C2970/24,0)+1,1))-1)+IF('Standard Profiles'!$G$21=$B$10,7,0)+IF('Standard Profiles'!$G$21=$B$17,14,0)+IF('Standard Profiles'!$G$21=$B$24,21,0),MOD($C2970,24)+1)/SUM(INDEX($D$3:$AA$30,INDEX(Jesper!$R$2:$R$366,ROW(INDEX(Jesper!AK$2:AK$366,ROUNDDOWN($C2970/24,0)+1,1))-1)+IF('Standard Profiles'!$G$21=$B$10,7,0)+IF('Standard Profiles'!$G$21=$B$17,14,0)+IF('Standard Profiles'!$G$21=$B$24,21,0),0)),0)</f>
        <v>0</v>
      </c>
      <c r="H2970" cm="1">
        <f t="array" ref="H2970">IFERROR(INDEX(Jesper!AL$2:AL$366,ROUNDDOWN($C2970/24,0)+1,1)*INDEX($D$3:$AA$30,INDEX(Jesper!$R$2:$R$366,ROW(INDEX(Jesper!AL$2:AL$366,ROUNDDOWN($C2970/24,0)+1,1))-1)+IF('Standard Profiles'!$G$22=$B$10,7,0)+IF('Standard Profiles'!$G$22=$B$17,14,0)+IF('Standard Profiles'!$G$22=$B$24,21,0),MOD($C2970,24)+1)/SUM(INDEX($D$3:$AA$30,INDEX(Jesper!$R$2:$R$366,ROW(INDEX(Jesper!AL$2:AL$366,ROUNDDOWN($C2970/24,0)+1,1))-1)+IF('Standard Profiles'!$G$22=$B$10,7,0)+IF('Standard Profiles'!$G$22=$B$17,14,0)+IF('Standard Profiles'!$G$22=$B$24,21,0),0)),0)</f>
        <v>0</v>
      </c>
      <c r="I2970">
        <f t="shared" si="335"/>
        <v>0.33540373508283972</v>
      </c>
      <c r="J2970">
        <f t="shared" si="336"/>
        <v>1.1180124502761326</v>
      </c>
      <c r="K2970">
        <f t="shared" si="337"/>
        <v>1.6770186754141987</v>
      </c>
      <c r="L2970">
        <f t="shared" si="338"/>
        <v>8.0496896419881541</v>
      </c>
      <c r="M2970">
        <f t="shared" si="339"/>
        <v>0</v>
      </c>
      <c r="N2970" s="46">
        <f t="shared" si="340"/>
        <v>45414.333333326213</v>
      </c>
    </row>
    <row r="2971" spans="2:14" x14ac:dyDescent="0.3">
      <c r="B2971">
        <f t="shared" si="334"/>
        <v>4</v>
      </c>
      <c r="C2971" s="16">
        <v>2937</v>
      </c>
      <c r="D2971" cm="1">
        <f t="array" ref="D2971">IFERROR(INDEX(Jesper!AH$2:AH$366,ROUNDDOWN($C2971/24,0)+1,1)*INDEX($D$3:$AA$30,INDEX(Jesper!$R$2:$R$366,ROW(INDEX(Jesper!AH$2:AH$366,ROUNDDOWN($C2971/24,0)+1,1))-1)+IF('Standard Profiles'!$G$18=$B$10,7,0)+IF('Standard Profiles'!$G$18=$B$17,14,0)+IF('Standard Profiles'!$G$18=$B$24,21,0),MOD($C2971,24)+1)/SUM(INDEX($D$3:$AA$30,INDEX(Jesper!$R$2:$R$366,ROW(INDEX(Jesper!AH$2:AH$366,ROUNDDOWN($C2971/24,0)+1,1))-1)+IF('Standard Profiles'!$G$18=$B$10,7,0)+IF('Standard Profiles'!$G$18=$B$17,14,0)+IF('Standard Profiles'!$G$18=$B$24,21,0),0)),0)</f>
        <v>12.014462152221126</v>
      </c>
      <c r="E2971" cm="1">
        <f t="array" ref="E2971">IFERROR(INDEX(Jesper!AI$2:AI$366,ROUNDDOWN($C2971/24,0)+1,1)*INDEX($D$3:$AA$30,INDEX(Jesper!$R$2:$R$366,ROW(INDEX(Jesper!AI$2:AI$366,ROUNDDOWN($C2971/24,0)+1,1))-1)+IF('Standard Profiles'!$G$19=$B$10,7,0)+IF('Standard Profiles'!$G$19=$B$17,14,0)+IF('Standard Profiles'!$G$19=$B$24,21,0),MOD($C2971,24)+1)/SUM(INDEX($D$3:$AA$30,INDEX(Jesper!$R$2:$R$366,ROW(INDEX(Jesper!AI$2:AI$366,ROUNDDOWN($C2971/24,0)+1,1))-1)+IF('Standard Profiles'!$G$19=$B$10,7,0)+IF('Standard Profiles'!$G$19=$B$17,14,0)+IF('Standard Profiles'!$G$19=$B$24,21,0),0)),0)</f>
        <v>0</v>
      </c>
      <c r="F2971" cm="1">
        <f t="array" ref="F2971">IFERROR(INDEX(Jesper!AJ$2:AJ$366,ROUNDDOWN($C2971/24,0)+1,1)*INDEX($D$3:$AA$30,INDEX(Jesper!$R$2:$R$366,ROW(INDEX(Jesper!AJ$2:AJ$366,ROUNDDOWN($C2971/24,0)+1,1))-1)+IF('Standard Profiles'!$G$20=$B$10,7,0)+IF('Standard Profiles'!$G$20=$B$17,14,0)+IF('Standard Profiles'!$G$20=$B$24,21,0),MOD($C2971,24)+1)/SUM(INDEX($D$3:$AA$30,INDEX(Jesper!$R$2:$R$366,ROW(INDEX(Jesper!AJ$2:AJ$366,ROUNDDOWN($C2971/24,0)+1,1))-1)+IF('Standard Profiles'!$G$20=$B$10,7,0)+IF('Standard Profiles'!$G$20=$B$17,14,0)+IF('Standard Profiles'!$G$20=$B$24,21,0),0)),0)</f>
        <v>0</v>
      </c>
      <c r="G2971" cm="1">
        <f t="array" ref="G2971">IFERROR(INDEX(Jesper!AK$2:AK$366,ROUNDDOWN($C2971/24,0)+1,1)*INDEX($D$3:$AA$30,INDEX(Jesper!$R$2:$R$366,ROW(INDEX(Jesper!AK$2:AK$366,ROUNDDOWN($C2971/24,0)+1,1))-1)+IF('Standard Profiles'!$G$21=$B$10,7,0)+IF('Standard Profiles'!$G$21=$B$17,14,0)+IF('Standard Profiles'!$G$21=$B$24,21,0),MOD($C2971,24)+1)/SUM(INDEX($D$3:$AA$30,INDEX(Jesper!$R$2:$R$366,ROW(INDEX(Jesper!AK$2:AK$366,ROUNDDOWN($C2971/24,0)+1,1))-1)+IF('Standard Profiles'!$G$21=$B$10,7,0)+IF('Standard Profiles'!$G$21=$B$17,14,0)+IF('Standard Profiles'!$G$21=$B$24,21,0),0)),0)</f>
        <v>0</v>
      </c>
      <c r="H2971" cm="1">
        <f t="array" ref="H2971">IFERROR(INDEX(Jesper!AL$2:AL$366,ROUNDDOWN($C2971/24,0)+1,1)*INDEX($D$3:$AA$30,INDEX(Jesper!$R$2:$R$366,ROW(INDEX(Jesper!AL$2:AL$366,ROUNDDOWN($C2971/24,0)+1,1))-1)+IF('Standard Profiles'!$G$22=$B$10,7,0)+IF('Standard Profiles'!$G$22=$B$17,14,0)+IF('Standard Profiles'!$G$22=$B$24,21,0),MOD($C2971,24)+1)/SUM(INDEX($D$3:$AA$30,INDEX(Jesper!$R$2:$R$366,ROW(INDEX(Jesper!AL$2:AL$366,ROUNDDOWN($C2971/24,0)+1,1))-1)+IF('Standard Profiles'!$G$22=$B$10,7,0)+IF('Standard Profiles'!$G$22=$B$17,14,0)+IF('Standard Profiles'!$G$22=$B$24,21,0),0)),0)</f>
        <v>0</v>
      </c>
      <c r="I2971">
        <f t="shared" si="335"/>
        <v>0.36043386456663379</v>
      </c>
      <c r="J2971">
        <f t="shared" si="336"/>
        <v>1.2014462152221128</v>
      </c>
      <c r="K2971">
        <f t="shared" si="337"/>
        <v>1.8021693228331688</v>
      </c>
      <c r="L2971">
        <f t="shared" si="338"/>
        <v>8.6504127495992105</v>
      </c>
      <c r="M2971">
        <f t="shared" si="339"/>
        <v>0</v>
      </c>
      <c r="N2971" s="46">
        <f t="shared" si="340"/>
        <v>45414.374999992877</v>
      </c>
    </row>
    <row r="2972" spans="2:14" x14ac:dyDescent="0.3">
      <c r="B2972">
        <f t="shared" si="334"/>
        <v>4</v>
      </c>
      <c r="C2972" s="16">
        <v>2938</v>
      </c>
      <c r="D2972" cm="1">
        <f t="array" ref="D2972">IFERROR(INDEX(Jesper!AH$2:AH$366,ROUNDDOWN($C2972/24,0)+1,1)*INDEX($D$3:$AA$30,INDEX(Jesper!$R$2:$R$366,ROW(INDEX(Jesper!AH$2:AH$366,ROUNDDOWN($C2972/24,0)+1,1))-1)+IF('Standard Profiles'!$G$18=$B$10,7,0)+IF('Standard Profiles'!$G$18=$B$17,14,0)+IF('Standard Profiles'!$G$18=$B$24,21,0),MOD($C2972,24)+1)/SUM(INDEX($D$3:$AA$30,INDEX(Jesper!$R$2:$R$366,ROW(INDEX(Jesper!AH$2:AH$366,ROUNDDOWN($C2972/24,0)+1,1))-1)+IF('Standard Profiles'!$G$18=$B$10,7,0)+IF('Standard Profiles'!$G$18=$B$17,14,0)+IF('Standard Profiles'!$G$18=$B$24,21,0),0)),0)</f>
        <v>13.015667331572887</v>
      </c>
      <c r="E2972" cm="1">
        <f t="array" ref="E2972">IFERROR(INDEX(Jesper!AI$2:AI$366,ROUNDDOWN($C2972/24,0)+1,1)*INDEX($D$3:$AA$30,INDEX(Jesper!$R$2:$R$366,ROW(INDEX(Jesper!AI$2:AI$366,ROUNDDOWN($C2972/24,0)+1,1))-1)+IF('Standard Profiles'!$G$19=$B$10,7,0)+IF('Standard Profiles'!$G$19=$B$17,14,0)+IF('Standard Profiles'!$G$19=$B$24,21,0),MOD($C2972,24)+1)/SUM(INDEX($D$3:$AA$30,INDEX(Jesper!$R$2:$R$366,ROW(INDEX(Jesper!AI$2:AI$366,ROUNDDOWN($C2972/24,0)+1,1))-1)+IF('Standard Profiles'!$G$19=$B$10,7,0)+IF('Standard Profiles'!$G$19=$B$17,14,0)+IF('Standard Profiles'!$G$19=$B$24,21,0),0)),0)</f>
        <v>0</v>
      </c>
      <c r="F2972" cm="1">
        <f t="array" ref="F2972">IFERROR(INDEX(Jesper!AJ$2:AJ$366,ROUNDDOWN($C2972/24,0)+1,1)*INDEX($D$3:$AA$30,INDEX(Jesper!$R$2:$R$366,ROW(INDEX(Jesper!AJ$2:AJ$366,ROUNDDOWN($C2972/24,0)+1,1))-1)+IF('Standard Profiles'!$G$20=$B$10,7,0)+IF('Standard Profiles'!$G$20=$B$17,14,0)+IF('Standard Profiles'!$G$20=$B$24,21,0),MOD($C2972,24)+1)/SUM(INDEX($D$3:$AA$30,INDEX(Jesper!$R$2:$R$366,ROW(INDEX(Jesper!AJ$2:AJ$366,ROUNDDOWN($C2972/24,0)+1,1))-1)+IF('Standard Profiles'!$G$20=$B$10,7,0)+IF('Standard Profiles'!$G$20=$B$17,14,0)+IF('Standard Profiles'!$G$20=$B$24,21,0),0)),0)</f>
        <v>0</v>
      </c>
      <c r="G2972" cm="1">
        <f t="array" ref="G2972">IFERROR(INDEX(Jesper!AK$2:AK$366,ROUNDDOWN($C2972/24,0)+1,1)*INDEX($D$3:$AA$30,INDEX(Jesper!$R$2:$R$366,ROW(INDEX(Jesper!AK$2:AK$366,ROUNDDOWN($C2972/24,0)+1,1))-1)+IF('Standard Profiles'!$G$21=$B$10,7,0)+IF('Standard Profiles'!$G$21=$B$17,14,0)+IF('Standard Profiles'!$G$21=$B$24,21,0),MOD($C2972,24)+1)/SUM(INDEX($D$3:$AA$30,INDEX(Jesper!$R$2:$R$366,ROW(INDEX(Jesper!AK$2:AK$366,ROUNDDOWN($C2972/24,0)+1,1))-1)+IF('Standard Profiles'!$G$21=$B$10,7,0)+IF('Standard Profiles'!$G$21=$B$17,14,0)+IF('Standard Profiles'!$G$21=$B$24,21,0),0)),0)</f>
        <v>0</v>
      </c>
      <c r="H2972" cm="1">
        <f t="array" ref="H2972">IFERROR(INDEX(Jesper!AL$2:AL$366,ROUNDDOWN($C2972/24,0)+1,1)*INDEX($D$3:$AA$30,INDEX(Jesper!$R$2:$R$366,ROW(INDEX(Jesper!AL$2:AL$366,ROUNDDOWN($C2972/24,0)+1,1))-1)+IF('Standard Profiles'!$G$22=$B$10,7,0)+IF('Standard Profiles'!$G$22=$B$17,14,0)+IF('Standard Profiles'!$G$22=$B$24,21,0),MOD($C2972,24)+1)/SUM(INDEX($D$3:$AA$30,INDEX(Jesper!$R$2:$R$366,ROW(INDEX(Jesper!AL$2:AL$366,ROUNDDOWN($C2972/24,0)+1,1))-1)+IF('Standard Profiles'!$G$22=$B$10,7,0)+IF('Standard Profiles'!$G$22=$B$17,14,0)+IF('Standard Profiles'!$G$22=$B$24,21,0),0)),0)</f>
        <v>0</v>
      </c>
      <c r="I2972">
        <f t="shared" si="335"/>
        <v>0.39047001994718661</v>
      </c>
      <c r="J2972">
        <f t="shared" si="336"/>
        <v>1.3015667331572889</v>
      </c>
      <c r="K2972">
        <f t="shared" si="337"/>
        <v>1.9523500997359329</v>
      </c>
      <c r="L2972">
        <f t="shared" si="338"/>
        <v>9.3712804787324782</v>
      </c>
      <c r="M2972">
        <f t="shared" si="339"/>
        <v>0</v>
      </c>
      <c r="N2972" s="46">
        <f t="shared" si="340"/>
        <v>45414.416666659541</v>
      </c>
    </row>
    <row r="2973" spans="2:14" x14ac:dyDescent="0.3">
      <c r="B2973">
        <f t="shared" si="334"/>
        <v>4</v>
      </c>
      <c r="C2973" s="16">
        <v>2939</v>
      </c>
      <c r="D2973" cm="1">
        <f t="array" ref="D2973">IFERROR(INDEX(Jesper!AH$2:AH$366,ROUNDDOWN($C2973/24,0)+1,1)*INDEX($D$3:$AA$30,INDEX(Jesper!$R$2:$R$366,ROW(INDEX(Jesper!AH$2:AH$366,ROUNDDOWN($C2973/24,0)+1,1))-1)+IF('Standard Profiles'!$G$18=$B$10,7,0)+IF('Standard Profiles'!$G$18=$B$17,14,0)+IF('Standard Profiles'!$G$18=$B$24,21,0),MOD($C2973,24)+1)/SUM(INDEX($D$3:$AA$30,INDEX(Jesper!$R$2:$R$366,ROW(INDEX(Jesper!AH$2:AH$366,ROUNDDOWN($C2973/24,0)+1,1))-1)+IF('Standard Profiles'!$G$18=$B$10,7,0)+IF('Standard Profiles'!$G$18=$B$17,14,0)+IF('Standard Profiles'!$G$18=$B$24,21,0),0)),0)</f>
        <v>15.018077690276408</v>
      </c>
      <c r="E2973" cm="1">
        <f t="array" ref="E2973">IFERROR(INDEX(Jesper!AI$2:AI$366,ROUNDDOWN($C2973/24,0)+1,1)*INDEX($D$3:$AA$30,INDEX(Jesper!$R$2:$R$366,ROW(INDEX(Jesper!AI$2:AI$366,ROUNDDOWN($C2973/24,0)+1,1))-1)+IF('Standard Profiles'!$G$19=$B$10,7,0)+IF('Standard Profiles'!$G$19=$B$17,14,0)+IF('Standard Profiles'!$G$19=$B$24,21,0),MOD($C2973,24)+1)/SUM(INDEX($D$3:$AA$30,INDEX(Jesper!$R$2:$R$366,ROW(INDEX(Jesper!AI$2:AI$366,ROUNDDOWN($C2973/24,0)+1,1))-1)+IF('Standard Profiles'!$G$19=$B$10,7,0)+IF('Standard Profiles'!$G$19=$B$17,14,0)+IF('Standard Profiles'!$G$19=$B$24,21,0),0)),0)</f>
        <v>0</v>
      </c>
      <c r="F2973" cm="1">
        <f t="array" ref="F2973">IFERROR(INDEX(Jesper!AJ$2:AJ$366,ROUNDDOWN($C2973/24,0)+1,1)*INDEX($D$3:$AA$30,INDEX(Jesper!$R$2:$R$366,ROW(INDEX(Jesper!AJ$2:AJ$366,ROUNDDOWN($C2973/24,0)+1,1))-1)+IF('Standard Profiles'!$G$20=$B$10,7,0)+IF('Standard Profiles'!$G$20=$B$17,14,0)+IF('Standard Profiles'!$G$20=$B$24,21,0),MOD($C2973,24)+1)/SUM(INDEX($D$3:$AA$30,INDEX(Jesper!$R$2:$R$366,ROW(INDEX(Jesper!AJ$2:AJ$366,ROUNDDOWN($C2973/24,0)+1,1))-1)+IF('Standard Profiles'!$G$20=$B$10,7,0)+IF('Standard Profiles'!$G$20=$B$17,14,0)+IF('Standard Profiles'!$G$20=$B$24,21,0),0)),0)</f>
        <v>0</v>
      </c>
      <c r="G2973" cm="1">
        <f t="array" ref="G2973">IFERROR(INDEX(Jesper!AK$2:AK$366,ROUNDDOWN($C2973/24,0)+1,1)*INDEX($D$3:$AA$30,INDEX(Jesper!$R$2:$R$366,ROW(INDEX(Jesper!AK$2:AK$366,ROUNDDOWN($C2973/24,0)+1,1))-1)+IF('Standard Profiles'!$G$21=$B$10,7,0)+IF('Standard Profiles'!$G$21=$B$17,14,0)+IF('Standard Profiles'!$G$21=$B$24,21,0),MOD($C2973,24)+1)/SUM(INDEX($D$3:$AA$30,INDEX(Jesper!$R$2:$R$366,ROW(INDEX(Jesper!AK$2:AK$366,ROUNDDOWN($C2973/24,0)+1,1))-1)+IF('Standard Profiles'!$G$21=$B$10,7,0)+IF('Standard Profiles'!$G$21=$B$17,14,0)+IF('Standard Profiles'!$G$21=$B$24,21,0),0)),0)</f>
        <v>0</v>
      </c>
      <c r="H2973" cm="1">
        <f t="array" ref="H2973">IFERROR(INDEX(Jesper!AL$2:AL$366,ROUNDDOWN($C2973/24,0)+1,1)*INDEX($D$3:$AA$30,INDEX(Jesper!$R$2:$R$366,ROW(INDEX(Jesper!AL$2:AL$366,ROUNDDOWN($C2973/24,0)+1,1))-1)+IF('Standard Profiles'!$G$22=$B$10,7,0)+IF('Standard Profiles'!$G$22=$B$17,14,0)+IF('Standard Profiles'!$G$22=$B$24,21,0),MOD($C2973,24)+1)/SUM(INDEX($D$3:$AA$30,INDEX(Jesper!$R$2:$R$366,ROW(INDEX(Jesper!AL$2:AL$366,ROUNDDOWN($C2973/24,0)+1,1))-1)+IF('Standard Profiles'!$G$22=$B$10,7,0)+IF('Standard Profiles'!$G$22=$B$17,14,0)+IF('Standard Profiles'!$G$22=$B$24,21,0),0)),0)</f>
        <v>0</v>
      </c>
      <c r="I2973">
        <f t="shared" si="335"/>
        <v>0.45054233070829225</v>
      </c>
      <c r="J2973">
        <f t="shared" si="336"/>
        <v>1.501807769027641</v>
      </c>
      <c r="K2973">
        <f t="shared" si="337"/>
        <v>2.2527116535414611</v>
      </c>
      <c r="L2973">
        <f t="shared" si="338"/>
        <v>10.813015936999014</v>
      </c>
      <c r="M2973">
        <f t="shared" si="339"/>
        <v>0</v>
      </c>
      <c r="N2973" s="46">
        <f t="shared" si="340"/>
        <v>45414.458333326205</v>
      </c>
    </row>
    <row r="2974" spans="2:14" x14ac:dyDescent="0.3">
      <c r="B2974">
        <f t="shared" si="334"/>
        <v>4</v>
      </c>
      <c r="C2974" s="16">
        <v>2940</v>
      </c>
      <c r="D2974" cm="1">
        <f t="array" ref="D2974">IFERROR(INDEX(Jesper!AH$2:AH$366,ROUNDDOWN($C2974/24,0)+1,1)*INDEX($D$3:$AA$30,INDEX(Jesper!$R$2:$R$366,ROW(INDEX(Jesper!AH$2:AH$366,ROUNDDOWN($C2974/24,0)+1,1))-1)+IF('Standard Profiles'!$G$18=$B$10,7,0)+IF('Standard Profiles'!$G$18=$B$17,14,0)+IF('Standard Profiles'!$G$18=$B$24,21,0),MOD($C2974,24)+1)/SUM(INDEX($D$3:$AA$30,INDEX(Jesper!$R$2:$R$366,ROW(INDEX(Jesper!AH$2:AH$366,ROUNDDOWN($C2974/24,0)+1,1))-1)+IF('Standard Profiles'!$G$18=$B$10,7,0)+IF('Standard Profiles'!$G$18=$B$17,14,0)+IF('Standard Profiles'!$G$18=$B$24,21,0),0)),0)</f>
        <v>15.018077690276408</v>
      </c>
      <c r="E2974" cm="1">
        <f t="array" ref="E2974">IFERROR(INDEX(Jesper!AI$2:AI$366,ROUNDDOWN($C2974/24,0)+1,1)*INDEX($D$3:$AA$30,INDEX(Jesper!$R$2:$R$366,ROW(INDEX(Jesper!AI$2:AI$366,ROUNDDOWN($C2974/24,0)+1,1))-1)+IF('Standard Profiles'!$G$19=$B$10,7,0)+IF('Standard Profiles'!$G$19=$B$17,14,0)+IF('Standard Profiles'!$G$19=$B$24,21,0),MOD($C2974,24)+1)/SUM(INDEX($D$3:$AA$30,INDEX(Jesper!$R$2:$R$366,ROW(INDEX(Jesper!AI$2:AI$366,ROUNDDOWN($C2974/24,0)+1,1))-1)+IF('Standard Profiles'!$G$19=$B$10,7,0)+IF('Standard Profiles'!$G$19=$B$17,14,0)+IF('Standard Profiles'!$G$19=$B$24,21,0),0)),0)</f>
        <v>0</v>
      </c>
      <c r="F2974" cm="1">
        <f t="array" ref="F2974">IFERROR(INDEX(Jesper!AJ$2:AJ$366,ROUNDDOWN($C2974/24,0)+1,1)*INDEX($D$3:$AA$30,INDEX(Jesper!$R$2:$R$366,ROW(INDEX(Jesper!AJ$2:AJ$366,ROUNDDOWN($C2974/24,0)+1,1))-1)+IF('Standard Profiles'!$G$20=$B$10,7,0)+IF('Standard Profiles'!$G$20=$B$17,14,0)+IF('Standard Profiles'!$G$20=$B$24,21,0),MOD($C2974,24)+1)/SUM(INDEX($D$3:$AA$30,INDEX(Jesper!$R$2:$R$366,ROW(INDEX(Jesper!AJ$2:AJ$366,ROUNDDOWN($C2974/24,0)+1,1))-1)+IF('Standard Profiles'!$G$20=$B$10,7,0)+IF('Standard Profiles'!$G$20=$B$17,14,0)+IF('Standard Profiles'!$G$20=$B$24,21,0),0)),0)</f>
        <v>0</v>
      </c>
      <c r="G2974" cm="1">
        <f t="array" ref="G2974">IFERROR(INDEX(Jesper!AK$2:AK$366,ROUNDDOWN($C2974/24,0)+1,1)*INDEX($D$3:$AA$30,INDEX(Jesper!$R$2:$R$366,ROW(INDEX(Jesper!AK$2:AK$366,ROUNDDOWN($C2974/24,0)+1,1))-1)+IF('Standard Profiles'!$G$21=$B$10,7,0)+IF('Standard Profiles'!$G$21=$B$17,14,0)+IF('Standard Profiles'!$G$21=$B$24,21,0),MOD($C2974,24)+1)/SUM(INDEX($D$3:$AA$30,INDEX(Jesper!$R$2:$R$366,ROW(INDEX(Jesper!AK$2:AK$366,ROUNDDOWN($C2974/24,0)+1,1))-1)+IF('Standard Profiles'!$G$21=$B$10,7,0)+IF('Standard Profiles'!$G$21=$B$17,14,0)+IF('Standard Profiles'!$G$21=$B$24,21,0),0)),0)</f>
        <v>0</v>
      </c>
      <c r="H2974" cm="1">
        <f t="array" ref="H2974">IFERROR(INDEX(Jesper!AL$2:AL$366,ROUNDDOWN($C2974/24,0)+1,1)*INDEX($D$3:$AA$30,INDEX(Jesper!$R$2:$R$366,ROW(INDEX(Jesper!AL$2:AL$366,ROUNDDOWN($C2974/24,0)+1,1))-1)+IF('Standard Profiles'!$G$22=$B$10,7,0)+IF('Standard Profiles'!$G$22=$B$17,14,0)+IF('Standard Profiles'!$G$22=$B$24,21,0),MOD($C2974,24)+1)/SUM(INDEX($D$3:$AA$30,INDEX(Jesper!$R$2:$R$366,ROW(INDEX(Jesper!AL$2:AL$366,ROUNDDOWN($C2974/24,0)+1,1))-1)+IF('Standard Profiles'!$G$22=$B$10,7,0)+IF('Standard Profiles'!$G$22=$B$17,14,0)+IF('Standard Profiles'!$G$22=$B$24,21,0),0)),0)</f>
        <v>0</v>
      </c>
      <c r="I2974">
        <f t="shared" si="335"/>
        <v>0.45054233070829225</v>
      </c>
      <c r="J2974">
        <f t="shared" si="336"/>
        <v>1.501807769027641</v>
      </c>
      <c r="K2974">
        <f t="shared" si="337"/>
        <v>2.2527116535414611</v>
      </c>
      <c r="L2974">
        <f t="shared" si="338"/>
        <v>10.813015936999014</v>
      </c>
      <c r="M2974">
        <f t="shared" si="339"/>
        <v>0</v>
      </c>
      <c r="N2974" s="46">
        <f t="shared" si="340"/>
        <v>45414.49999999287</v>
      </c>
    </row>
    <row r="2975" spans="2:14" x14ac:dyDescent="0.3">
      <c r="B2975">
        <f t="shared" si="334"/>
        <v>4</v>
      </c>
      <c r="C2975" s="16">
        <v>2941</v>
      </c>
      <c r="D2975" cm="1">
        <f t="array" ref="D2975">IFERROR(INDEX(Jesper!AH$2:AH$366,ROUNDDOWN($C2975/24,0)+1,1)*INDEX($D$3:$AA$30,INDEX(Jesper!$R$2:$R$366,ROW(INDEX(Jesper!AH$2:AH$366,ROUNDDOWN($C2975/24,0)+1,1))-1)+IF('Standard Profiles'!$G$18=$B$10,7,0)+IF('Standard Profiles'!$G$18=$B$17,14,0)+IF('Standard Profiles'!$G$18=$B$24,21,0),MOD($C2975,24)+1)/SUM(INDEX($D$3:$AA$30,INDEX(Jesper!$R$2:$R$366,ROW(INDEX(Jesper!AH$2:AH$366,ROUNDDOWN($C2975/24,0)+1,1))-1)+IF('Standard Profiles'!$G$18=$B$10,7,0)+IF('Standard Profiles'!$G$18=$B$17,14,0)+IF('Standard Profiles'!$G$18=$B$24,21,0),0)),0)</f>
        <v>15.018077690276408</v>
      </c>
      <c r="E2975" cm="1">
        <f t="array" ref="E2975">IFERROR(INDEX(Jesper!AI$2:AI$366,ROUNDDOWN($C2975/24,0)+1,1)*INDEX($D$3:$AA$30,INDEX(Jesper!$R$2:$R$366,ROW(INDEX(Jesper!AI$2:AI$366,ROUNDDOWN($C2975/24,0)+1,1))-1)+IF('Standard Profiles'!$G$19=$B$10,7,0)+IF('Standard Profiles'!$G$19=$B$17,14,0)+IF('Standard Profiles'!$G$19=$B$24,21,0),MOD($C2975,24)+1)/SUM(INDEX($D$3:$AA$30,INDEX(Jesper!$R$2:$R$366,ROW(INDEX(Jesper!AI$2:AI$366,ROUNDDOWN($C2975/24,0)+1,1))-1)+IF('Standard Profiles'!$G$19=$B$10,7,0)+IF('Standard Profiles'!$G$19=$B$17,14,0)+IF('Standard Profiles'!$G$19=$B$24,21,0),0)),0)</f>
        <v>0</v>
      </c>
      <c r="F2975" cm="1">
        <f t="array" ref="F2975">IFERROR(INDEX(Jesper!AJ$2:AJ$366,ROUNDDOWN($C2975/24,0)+1,1)*INDEX($D$3:$AA$30,INDEX(Jesper!$R$2:$R$366,ROW(INDEX(Jesper!AJ$2:AJ$366,ROUNDDOWN($C2975/24,0)+1,1))-1)+IF('Standard Profiles'!$G$20=$B$10,7,0)+IF('Standard Profiles'!$G$20=$B$17,14,0)+IF('Standard Profiles'!$G$20=$B$24,21,0),MOD($C2975,24)+1)/SUM(INDEX($D$3:$AA$30,INDEX(Jesper!$R$2:$R$366,ROW(INDEX(Jesper!AJ$2:AJ$366,ROUNDDOWN($C2975/24,0)+1,1))-1)+IF('Standard Profiles'!$G$20=$B$10,7,0)+IF('Standard Profiles'!$G$20=$B$17,14,0)+IF('Standard Profiles'!$G$20=$B$24,21,0),0)),0)</f>
        <v>0</v>
      </c>
      <c r="G2975" cm="1">
        <f t="array" ref="G2975">IFERROR(INDEX(Jesper!AK$2:AK$366,ROUNDDOWN($C2975/24,0)+1,1)*INDEX($D$3:$AA$30,INDEX(Jesper!$R$2:$R$366,ROW(INDEX(Jesper!AK$2:AK$366,ROUNDDOWN($C2975/24,0)+1,1))-1)+IF('Standard Profiles'!$G$21=$B$10,7,0)+IF('Standard Profiles'!$G$21=$B$17,14,0)+IF('Standard Profiles'!$G$21=$B$24,21,0),MOD($C2975,24)+1)/SUM(INDEX($D$3:$AA$30,INDEX(Jesper!$R$2:$R$366,ROW(INDEX(Jesper!AK$2:AK$366,ROUNDDOWN($C2975/24,0)+1,1))-1)+IF('Standard Profiles'!$G$21=$B$10,7,0)+IF('Standard Profiles'!$G$21=$B$17,14,0)+IF('Standard Profiles'!$G$21=$B$24,21,0),0)),0)</f>
        <v>0</v>
      </c>
      <c r="H2975" cm="1">
        <f t="array" ref="H2975">IFERROR(INDEX(Jesper!AL$2:AL$366,ROUNDDOWN($C2975/24,0)+1,1)*INDEX($D$3:$AA$30,INDEX(Jesper!$R$2:$R$366,ROW(INDEX(Jesper!AL$2:AL$366,ROUNDDOWN($C2975/24,0)+1,1))-1)+IF('Standard Profiles'!$G$22=$B$10,7,0)+IF('Standard Profiles'!$G$22=$B$17,14,0)+IF('Standard Profiles'!$G$22=$B$24,21,0),MOD($C2975,24)+1)/SUM(INDEX($D$3:$AA$30,INDEX(Jesper!$R$2:$R$366,ROW(INDEX(Jesper!AL$2:AL$366,ROUNDDOWN($C2975/24,0)+1,1))-1)+IF('Standard Profiles'!$G$22=$B$10,7,0)+IF('Standard Profiles'!$G$22=$B$17,14,0)+IF('Standard Profiles'!$G$22=$B$24,21,0),0)),0)</f>
        <v>0</v>
      </c>
      <c r="I2975">
        <f t="shared" si="335"/>
        <v>0.45054233070829225</v>
      </c>
      <c r="J2975">
        <f t="shared" si="336"/>
        <v>1.501807769027641</v>
      </c>
      <c r="K2975">
        <f t="shared" si="337"/>
        <v>2.2527116535414611</v>
      </c>
      <c r="L2975">
        <f t="shared" si="338"/>
        <v>10.813015936999014</v>
      </c>
      <c r="M2975">
        <f t="shared" si="339"/>
        <v>0</v>
      </c>
      <c r="N2975" s="46">
        <f t="shared" si="340"/>
        <v>45414.541666659534</v>
      </c>
    </row>
    <row r="2976" spans="2:14" x14ac:dyDescent="0.3">
      <c r="B2976">
        <f t="shared" si="334"/>
        <v>4</v>
      </c>
      <c r="C2976" s="16">
        <v>2942</v>
      </c>
      <c r="D2976" cm="1">
        <f t="array" ref="D2976">IFERROR(INDEX(Jesper!AH$2:AH$366,ROUNDDOWN($C2976/24,0)+1,1)*INDEX($D$3:$AA$30,INDEX(Jesper!$R$2:$R$366,ROW(INDEX(Jesper!AH$2:AH$366,ROUNDDOWN($C2976/24,0)+1,1))-1)+IF('Standard Profiles'!$G$18=$B$10,7,0)+IF('Standard Profiles'!$G$18=$B$17,14,0)+IF('Standard Profiles'!$G$18=$B$24,21,0),MOD($C2976,24)+1)/SUM(INDEX($D$3:$AA$30,INDEX(Jesper!$R$2:$R$366,ROW(INDEX(Jesper!AH$2:AH$366,ROUNDDOWN($C2976/24,0)+1,1))-1)+IF('Standard Profiles'!$G$18=$B$10,7,0)+IF('Standard Profiles'!$G$18=$B$17,14,0)+IF('Standard Profiles'!$G$18=$B$24,21,0),0)),0)</f>
        <v>15.018077690276408</v>
      </c>
      <c r="E2976" cm="1">
        <f t="array" ref="E2976">IFERROR(INDEX(Jesper!AI$2:AI$366,ROUNDDOWN($C2976/24,0)+1,1)*INDEX($D$3:$AA$30,INDEX(Jesper!$R$2:$R$366,ROW(INDEX(Jesper!AI$2:AI$366,ROUNDDOWN($C2976/24,0)+1,1))-1)+IF('Standard Profiles'!$G$19=$B$10,7,0)+IF('Standard Profiles'!$G$19=$B$17,14,0)+IF('Standard Profiles'!$G$19=$B$24,21,0),MOD($C2976,24)+1)/SUM(INDEX($D$3:$AA$30,INDEX(Jesper!$R$2:$R$366,ROW(INDEX(Jesper!AI$2:AI$366,ROUNDDOWN($C2976/24,0)+1,1))-1)+IF('Standard Profiles'!$G$19=$B$10,7,0)+IF('Standard Profiles'!$G$19=$B$17,14,0)+IF('Standard Profiles'!$G$19=$B$24,21,0),0)),0)</f>
        <v>0</v>
      </c>
      <c r="F2976" cm="1">
        <f t="array" ref="F2976">IFERROR(INDEX(Jesper!AJ$2:AJ$366,ROUNDDOWN($C2976/24,0)+1,1)*INDEX($D$3:$AA$30,INDEX(Jesper!$R$2:$R$366,ROW(INDEX(Jesper!AJ$2:AJ$366,ROUNDDOWN($C2976/24,0)+1,1))-1)+IF('Standard Profiles'!$G$20=$B$10,7,0)+IF('Standard Profiles'!$G$20=$B$17,14,0)+IF('Standard Profiles'!$G$20=$B$24,21,0),MOD($C2976,24)+1)/SUM(INDEX($D$3:$AA$30,INDEX(Jesper!$R$2:$R$366,ROW(INDEX(Jesper!AJ$2:AJ$366,ROUNDDOWN($C2976/24,0)+1,1))-1)+IF('Standard Profiles'!$G$20=$B$10,7,0)+IF('Standard Profiles'!$G$20=$B$17,14,0)+IF('Standard Profiles'!$G$20=$B$24,21,0),0)),0)</f>
        <v>0</v>
      </c>
      <c r="G2976" cm="1">
        <f t="array" ref="G2976">IFERROR(INDEX(Jesper!AK$2:AK$366,ROUNDDOWN($C2976/24,0)+1,1)*INDEX($D$3:$AA$30,INDEX(Jesper!$R$2:$R$366,ROW(INDEX(Jesper!AK$2:AK$366,ROUNDDOWN($C2976/24,0)+1,1))-1)+IF('Standard Profiles'!$G$21=$B$10,7,0)+IF('Standard Profiles'!$G$21=$B$17,14,0)+IF('Standard Profiles'!$G$21=$B$24,21,0),MOD($C2976,24)+1)/SUM(INDEX($D$3:$AA$30,INDEX(Jesper!$R$2:$R$366,ROW(INDEX(Jesper!AK$2:AK$366,ROUNDDOWN($C2976/24,0)+1,1))-1)+IF('Standard Profiles'!$G$21=$B$10,7,0)+IF('Standard Profiles'!$G$21=$B$17,14,0)+IF('Standard Profiles'!$G$21=$B$24,21,0),0)),0)</f>
        <v>0</v>
      </c>
      <c r="H2976" cm="1">
        <f t="array" ref="H2976">IFERROR(INDEX(Jesper!AL$2:AL$366,ROUNDDOWN($C2976/24,0)+1,1)*INDEX($D$3:$AA$30,INDEX(Jesper!$R$2:$R$366,ROW(INDEX(Jesper!AL$2:AL$366,ROUNDDOWN($C2976/24,0)+1,1))-1)+IF('Standard Profiles'!$G$22=$B$10,7,0)+IF('Standard Profiles'!$G$22=$B$17,14,0)+IF('Standard Profiles'!$G$22=$B$24,21,0),MOD($C2976,24)+1)/SUM(INDEX($D$3:$AA$30,INDEX(Jesper!$R$2:$R$366,ROW(INDEX(Jesper!AL$2:AL$366,ROUNDDOWN($C2976/24,0)+1,1))-1)+IF('Standard Profiles'!$G$22=$B$10,7,0)+IF('Standard Profiles'!$G$22=$B$17,14,0)+IF('Standard Profiles'!$G$22=$B$24,21,0),0)),0)</f>
        <v>0</v>
      </c>
      <c r="I2976">
        <f t="shared" si="335"/>
        <v>0.45054233070829225</v>
      </c>
      <c r="J2976">
        <f t="shared" si="336"/>
        <v>1.501807769027641</v>
      </c>
      <c r="K2976">
        <f t="shared" si="337"/>
        <v>2.2527116535414611</v>
      </c>
      <c r="L2976">
        <f t="shared" si="338"/>
        <v>10.813015936999014</v>
      </c>
      <c r="M2976">
        <f t="shared" si="339"/>
        <v>0</v>
      </c>
      <c r="N2976" s="46">
        <f t="shared" si="340"/>
        <v>45414.583333326198</v>
      </c>
    </row>
    <row r="2977" spans="2:14" x14ac:dyDescent="0.3">
      <c r="B2977">
        <f t="shared" si="334"/>
        <v>4</v>
      </c>
      <c r="C2977" s="16">
        <v>2943</v>
      </c>
      <c r="D2977" cm="1">
        <f t="array" ref="D2977">IFERROR(INDEX(Jesper!AH$2:AH$366,ROUNDDOWN($C2977/24,0)+1,1)*INDEX($D$3:$AA$30,INDEX(Jesper!$R$2:$R$366,ROW(INDEX(Jesper!AH$2:AH$366,ROUNDDOWN($C2977/24,0)+1,1))-1)+IF('Standard Profiles'!$G$18=$B$10,7,0)+IF('Standard Profiles'!$G$18=$B$17,14,0)+IF('Standard Profiles'!$G$18=$B$24,21,0),MOD($C2977,24)+1)/SUM(INDEX($D$3:$AA$30,INDEX(Jesper!$R$2:$R$366,ROW(INDEX(Jesper!AH$2:AH$366,ROUNDDOWN($C2977/24,0)+1,1))-1)+IF('Standard Profiles'!$G$18=$B$10,7,0)+IF('Standard Profiles'!$G$18=$B$17,14,0)+IF('Standard Profiles'!$G$18=$B$24,21,0),0)),0)</f>
        <v>15.018077690276408</v>
      </c>
      <c r="E2977" cm="1">
        <f t="array" ref="E2977">IFERROR(INDEX(Jesper!AI$2:AI$366,ROUNDDOWN($C2977/24,0)+1,1)*INDEX($D$3:$AA$30,INDEX(Jesper!$R$2:$R$366,ROW(INDEX(Jesper!AI$2:AI$366,ROUNDDOWN($C2977/24,0)+1,1))-1)+IF('Standard Profiles'!$G$19=$B$10,7,0)+IF('Standard Profiles'!$G$19=$B$17,14,0)+IF('Standard Profiles'!$G$19=$B$24,21,0),MOD($C2977,24)+1)/SUM(INDEX($D$3:$AA$30,INDEX(Jesper!$R$2:$R$366,ROW(INDEX(Jesper!AI$2:AI$366,ROUNDDOWN($C2977/24,0)+1,1))-1)+IF('Standard Profiles'!$G$19=$B$10,7,0)+IF('Standard Profiles'!$G$19=$B$17,14,0)+IF('Standard Profiles'!$G$19=$B$24,21,0),0)),0)</f>
        <v>0</v>
      </c>
      <c r="F2977" cm="1">
        <f t="array" ref="F2977">IFERROR(INDEX(Jesper!AJ$2:AJ$366,ROUNDDOWN($C2977/24,0)+1,1)*INDEX($D$3:$AA$30,INDEX(Jesper!$R$2:$R$366,ROW(INDEX(Jesper!AJ$2:AJ$366,ROUNDDOWN($C2977/24,0)+1,1))-1)+IF('Standard Profiles'!$G$20=$B$10,7,0)+IF('Standard Profiles'!$G$20=$B$17,14,0)+IF('Standard Profiles'!$G$20=$B$24,21,0),MOD($C2977,24)+1)/SUM(INDEX($D$3:$AA$30,INDEX(Jesper!$R$2:$R$366,ROW(INDEX(Jesper!AJ$2:AJ$366,ROUNDDOWN($C2977/24,0)+1,1))-1)+IF('Standard Profiles'!$G$20=$B$10,7,0)+IF('Standard Profiles'!$G$20=$B$17,14,0)+IF('Standard Profiles'!$G$20=$B$24,21,0),0)),0)</f>
        <v>0</v>
      </c>
      <c r="G2977" cm="1">
        <f t="array" ref="G2977">IFERROR(INDEX(Jesper!AK$2:AK$366,ROUNDDOWN($C2977/24,0)+1,1)*INDEX($D$3:$AA$30,INDEX(Jesper!$R$2:$R$366,ROW(INDEX(Jesper!AK$2:AK$366,ROUNDDOWN($C2977/24,0)+1,1))-1)+IF('Standard Profiles'!$G$21=$B$10,7,0)+IF('Standard Profiles'!$G$21=$B$17,14,0)+IF('Standard Profiles'!$G$21=$B$24,21,0),MOD($C2977,24)+1)/SUM(INDEX($D$3:$AA$30,INDEX(Jesper!$R$2:$R$366,ROW(INDEX(Jesper!AK$2:AK$366,ROUNDDOWN($C2977/24,0)+1,1))-1)+IF('Standard Profiles'!$G$21=$B$10,7,0)+IF('Standard Profiles'!$G$21=$B$17,14,0)+IF('Standard Profiles'!$G$21=$B$24,21,0),0)),0)</f>
        <v>0</v>
      </c>
      <c r="H2977" cm="1">
        <f t="array" ref="H2977">IFERROR(INDEX(Jesper!AL$2:AL$366,ROUNDDOWN($C2977/24,0)+1,1)*INDEX($D$3:$AA$30,INDEX(Jesper!$R$2:$R$366,ROW(INDEX(Jesper!AL$2:AL$366,ROUNDDOWN($C2977/24,0)+1,1))-1)+IF('Standard Profiles'!$G$22=$B$10,7,0)+IF('Standard Profiles'!$G$22=$B$17,14,0)+IF('Standard Profiles'!$G$22=$B$24,21,0),MOD($C2977,24)+1)/SUM(INDEX($D$3:$AA$30,INDEX(Jesper!$R$2:$R$366,ROW(INDEX(Jesper!AL$2:AL$366,ROUNDDOWN($C2977/24,0)+1,1))-1)+IF('Standard Profiles'!$G$22=$B$10,7,0)+IF('Standard Profiles'!$G$22=$B$17,14,0)+IF('Standard Profiles'!$G$22=$B$24,21,0),0)),0)</f>
        <v>0</v>
      </c>
      <c r="I2977">
        <f t="shared" si="335"/>
        <v>0.45054233070829225</v>
      </c>
      <c r="J2977">
        <f t="shared" si="336"/>
        <v>1.501807769027641</v>
      </c>
      <c r="K2977">
        <f t="shared" si="337"/>
        <v>2.2527116535414611</v>
      </c>
      <c r="L2977">
        <f t="shared" si="338"/>
        <v>10.813015936999014</v>
      </c>
      <c r="M2977">
        <f t="shared" si="339"/>
        <v>0</v>
      </c>
      <c r="N2977" s="46">
        <f t="shared" si="340"/>
        <v>45414.624999992862</v>
      </c>
    </row>
    <row r="2978" spans="2:14" x14ac:dyDescent="0.3">
      <c r="B2978">
        <f t="shared" si="334"/>
        <v>4</v>
      </c>
      <c r="C2978" s="16">
        <v>2944</v>
      </c>
      <c r="D2978" cm="1">
        <f t="array" ref="D2978">IFERROR(INDEX(Jesper!AH$2:AH$366,ROUNDDOWN($C2978/24,0)+1,1)*INDEX($D$3:$AA$30,INDEX(Jesper!$R$2:$R$366,ROW(INDEX(Jesper!AH$2:AH$366,ROUNDDOWN($C2978/24,0)+1,1))-1)+IF('Standard Profiles'!$G$18=$B$10,7,0)+IF('Standard Profiles'!$G$18=$B$17,14,0)+IF('Standard Profiles'!$G$18=$B$24,21,0),MOD($C2978,24)+1)/SUM(INDEX($D$3:$AA$30,INDEX(Jesper!$R$2:$R$366,ROW(INDEX(Jesper!AH$2:AH$366,ROUNDDOWN($C2978/24,0)+1,1))-1)+IF('Standard Profiles'!$G$18=$B$10,7,0)+IF('Standard Profiles'!$G$18=$B$17,14,0)+IF('Standard Profiles'!$G$18=$B$24,21,0),0)),0)</f>
        <v>15.018077690276408</v>
      </c>
      <c r="E2978" cm="1">
        <f t="array" ref="E2978">IFERROR(INDEX(Jesper!AI$2:AI$366,ROUNDDOWN($C2978/24,0)+1,1)*INDEX($D$3:$AA$30,INDEX(Jesper!$R$2:$R$366,ROW(INDEX(Jesper!AI$2:AI$366,ROUNDDOWN($C2978/24,0)+1,1))-1)+IF('Standard Profiles'!$G$19=$B$10,7,0)+IF('Standard Profiles'!$G$19=$B$17,14,0)+IF('Standard Profiles'!$G$19=$B$24,21,0),MOD($C2978,24)+1)/SUM(INDEX($D$3:$AA$30,INDEX(Jesper!$R$2:$R$366,ROW(INDEX(Jesper!AI$2:AI$366,ROUNDDOWN($C2978/24,0)+1,1))-1)+IF('Standard Profiles'!$G$19=$B$10,7,0)+IF('Standard Profiles'!$G$19=$B$17,14,0)+IF('Standard Profiles'!$G$19=$B$24,21,0),0)),0)</f>
        <v>0</v>
      </c>
      <c r="F2978" cm="1">
        <f t="array" ref="F2978">IFERROR(INDEX(Jesper!AJ$2:AJ$366,ROUNDDOWN($C2978/24,0)+1,1)*INDEX($D$3:$AA$30,INDEX(Jesper!$R$2:$R$366,ROW(INDEX(Jesper!AJ$2:AJ$366,ROUNDDOWN($C2978/24,0)+1,1))-1)+IF('Standard Profiles'!$G$20=$B$10,7,0)+IF('Standard Profiles'!$G$20=$B$17,14,0)+IF('Standard Profiles'!$G$20=$B$24,21,0),MOD($C2978,24)+1)/SUM(INDEX($D$3:$AA$30,INDEX(Jesper!$R$2:$R$366,ROW(INDEX(Jesper!AJ$2:AJ$366,ROUNDDOWN($C2978/24,0)+1,1))-1)+IF('Standard Profiles'!$G$20=$B$10,7,0)+IF('Standard Profiles'!$G$20=$B$17,14,0)+IF('Standard Profiles'!$G$20=$B$24,21,0),0)),0)</f>
        <v>0</v>
      </c>
      <c r="G2978" cm="1">
        <f t="array" ref="G2978">IFERROR(INDEX(Jesper!AK$2:AK$366,ROUNDDOWN($C2978/24,0)+1,1)*INDEX($D$3:$AA$30,INDEX(Jesper!$R$2:$R$366,ROW(INDEX(Jesper!AK$2:AK$366,ROUNDDOWN($C2978/24,0)+1,1))-1)+IF('Standard Profiles'!$G$21=$B$10,7,0)+IF('Standard Profiles'!$G$21=$B$17,14,0)+IF('Standard Profiles'!$G$21=$B$24,21,0),MOD($C2978,24)+1)/SUM(INDEX($D$3:$AA$30,INDEX(Jesper!$R$2:$R$366,ROW(INDEX(Jesper!AK$2:AK$366,ROUNDDOWN($C2978/24,0)+1,1))-1)+IF('Standard Profiles'!$G$21=$B$10,7,0)+IF('Standard Profiles'!$G$21=$B$17,14,0)+IF('Standard Profiles'!$G$21=$B$24,21,0),0)),0)</f>
        <v>0</v>
      </c>
      <c r="H2978" cm="1">
        <f t="array" ref="H2978">IFERROR(INDEX(Jesper!AL$2:AL$366,ROUNDDOWN($C2978/24,0)+1,1)*INDEX($D$3:$AA$30,INDEX(Jesper!$R$2:$R$366,ROW(INDEX(Jesper!AL$2:AL$366,ROUNDDOWN($C2978/24,0)+1,1))-1)+IF('Standard Profiles'!$G$22=$B$10,7,0)+IF('Standard Profiles'!$G$22=$B$17,14,0)+IF('Standard Profiles'!$G$22=$B$24,21,0),MOD($C2978,24)+1)/SUM(INDEX($D$3:$AA$30,INDEX(Jesper!$R$2:$R$366,ROW(INDEX(Jesper!AL$2:AL$366,ROUNDDOWN($C2978/24,0)+1,1))-1)+IF('Standard Profiles'!$G$22=$B$10,7,0)+IF('Standard Profiles'!$G$22=$B$17,14,0)+IF('Standard Profiles'!$G$22=$B$24,21,0),0)),0)</f>
        <v>0</v>
      </c>
      <c r="I2978">
        <f t="shared" si="335"/>
        <v>0.45054233070829225</v>
      </c>
      <c r="J2978">
        <f t="shared" si="336"/>
        <v>1.501807769027641</v>
      </c>
      <c r="K2978">
        <f t="shared" si="337"/>
        <v>2.2527116535414611</v>
      </c>
      <c r="L2978">
        <f t="shared" si="338"/>
        <v>10.813015936999014</v>
      </c>
      <c r="M2978">
        <f t="shared" si="339"/>
        <v>0</v>
      </c>
      <c r="N2978" s="46">
        <f t="shared" si="340"/>
        <v>45414.666666659527</v>
      </c>
    </row>
    <row r="2979" spans="2:14" x14ac:dyDescent="0.3">
      <c r="B2979">
        <f t="shared" ref="B2979:B3042" si="341">WEEKDAY(N2979,2)</f>
        <v>4</v>
      </c>
      <c r="C2979" s="16">
        <v>2945</v>
      </c>
      <c r="D2979" cm="1">
        <f t="array" ref="D2979">IFERROR(INDEX(Jesper!AH$2:AH$366,ROUNDDOWN($C2979/24,0)+1,1)*INDEX($D$3:$AA$30,INDEX(Jesper!$R$2:$R$366,ROW(INDEX(Jesper!AH$2:AH$366,ROUNDDOWN($C2979/24,0)+1,1))-1)+IF('Standard Profiles'!$G$18=$B$10,7,0)+IF('Standard Profiles'!$G$18=$B$17,14,0)+IF('Standard Profiles'!$G$18=$B$24,21,0),MOD($C2979,24)+1)/SUM(INDEX($D$3:$AA$30,INDEX(Jesper!$R$2:$R$366,ROW(INDEX(Jesper!AH$2:AH$366,ROUNDDOWN($C2979/24,0)+1,1))-1)+IF('Standard Profiles'!$G$18=$B$10,7,0)+IF('Standard Profiles'!$G$18=$B$17,14,0)+IF('Standard Profiles'!$G$18=$B$24,21,0),0)),0)</f>
        <v>15.018077690276408</v>
      </c>
      <c r="E2979" cm="1">
        <f t="array" ref="E2979">IFERROR(INDEX(Jesper!AI$2:AI$366,ROUNDDOWN($C2979/24,0)+1,1)*INDEX($D$3:$AA$30,INDEX(Jesper!$R$2:$R$366,ROW(INDEX(Jesper!AI$2:AI$366,ROUNDDOWN($C2979/24,0)+1,1))-1)+IF('Standard Profiles'!$G$19=$B$10,7,0)+IF('Standard Profiles'!$G$19=$B$17,14,0)+IF('Standard Profiles'!$G$19=$B$24,21,0),MOD($C2979,24)+1)/SUM(INDEX($D$3:$AA$30,INDEX(Jesper!$R$2:$R$366,ROW(INDEX(Jesper!AI$2:AI$366,ROUNDDOWN($C2979/24,0)+1,1))-1)+IF('Standard Profiles'!$G$19=$B$10,7,0)+IF('Standard Profiles'!$G$19=$B$17,14,0)+IF('Standard Profiles'!$G$19=$B$24,21,0),0)),0)</f>
        <v>0</v>
      </c>
      <c r="F2979" cm="1">
        <f t="array" ref="F2979">IFERROR(INDEX(Jesper!AJ$2:AJ$366,ROUNDDOWN($C2979/24,0)+1,1)*INDEX($D$3:$AA$30,INDEX(Jesper!$R$2:$R$366,ROW(INDEX(Jesper!AJ$2:AJ$366,ROUNDDOWN($C2979/24,0)+1,1))-1)+IF('Standard Profiles'!$G$20=$B$10,7,0)+IF('Standard Profiles'!$G$20=$B$17,14,0)+IF('Standard Profiles'!$G$20=$B$24,21,0),MOD($C2979,24)+1)/SUM(INDEX($D$3:$AA$30,INDEX(Jesper!$R$2:$R$366,ROW(INDEX(Jesper!AJ$2:AJ$366,ROUNDDOWN($C2979/24,0)+1,1))-1)+IF('Standard Profiles'!$G$20=$B$10,7,0)+IF('Standard Profiles'!$G$20=$B$17,14,0)+IF('Standard Profiles'!$G$20=$B$24,21,0),0)),0)</f>
        <v>0</v>
      </c>
      <c r="G2979" cm="1">
        <f t="array" ref="G2979">IFERROR(INDEX(Jesper!AK$2:AK$366,ROUNDDOWN($C2979/24,0)+1,1)*INDEX($D$3:$AA$30,INDEX(Jesper!$R$2:$R$366,ROW(INDEX(Jesper!AK$2:AK$366,ROUNDDOWN($C2979/24,0)+1,1))-1)+IF('Standard Profiles'!$G$21=$B$10,7,0)+IF('Standard Profiles'!$G$21=$B$17,14,0)+IF('Standard Profiles'!$G$21=$B$24,21,0),MOD($C2979,24)+1)/SUM(INDEX($D$3:$AA$30,INDEX(Jesper!$R$2:$R$366,ROW(INDEX(Jesper!AK$2:AK$366,ROUNDDOWN($C2979/24,0)+1,1))-1)+IF('Standard Profiles'!$G$21=$B$10,7,0)+IF('Standard Profiles'!$G$21=$B$17,14,0)+IF('Standard Profiles'!$G$21=$B$24,21,0),0)),0)</f>
        <v>0</v>
      </c>
      <c r="H2979" cm="1">
        <f t="array" ref="H2979">IFERROR(INDEX(Jesper!AL$2:AL$366,ROUNDDOWN($C2979/24,0)+1,1)*INDEX($D$3:$AA$30,INDEX(Jesper!$R$2:$R$366,ROW(INDEX(Jesper!AL$2:AL$366,ROUNDDOWN($C2979/24,0)+1,1))-1)+IF('Standard Profiles'!$G$22=$B$10,7,0)+IF('Standard Profiles'!$G$22=$B$17,14,0)+IF('Standard Profiles'!$G$22=$B$24,21,0),MOD($C2979,24)+1)/SUM(INDEX($D$3:$AA$30,INDEX(Jesper!$R$2:$R$366,ROW(INDEX(Jesper!AL$2:AL$366,ROUNDDOWN($C2979/24,0)+1,1))-1)+IF('Standard Profiles'!$G$22=$B$10,7,0)+IF('Standard Profiles'!$G$22=$B$17,14,0)+IF('Standard Profiles'!$G$22=$B$24,21,0),0)),0)</f>
        <v>0</v>
      </c>
      <c r="I2979">
        <f t="shared" ref="I2979:I3042" si="342">IF($B2979&lt;6,AC$37*$D2979+AC$38*$E2979+AC$39*$F2979+AC$40*$G2979,AC$46*$D2979+AC$47*$E2979+AC$48*$F2979+AC$49*$G2979+AC$50*$H2979)</f>
        <v>0.45054233070829225</v>
      </c>
      <c r="J2979">
        <f t="shared" ref="J2979:J3042" si="343">IF($B2979&lt;6,AD$37*$D2979+AD$38*$E2979+AD$39*$F2979+AD$40*$G2979,AD$46*$D2979+AD$47*$E2979+AD$48*$F2979+AD$49*$G2979+AD$50*$H2979)</f>
        <v>1.501807769027641</v>
      </c>
      <c r="K2979">
        <f t="shared" ref="K2979:K3042" si="344">IF($B2979&lt;6,AE$37*$D2979+AE$38*$E2979+AE$39*$F2979+AE$40*$G2979,AE$46*$D2979+AE$47*$E2979+AE$48*$F2979+AE$49*$G2979+AE$50*$H2979)</f>
        <v>2.2527116535414611</v>
      </c>
      <c r="L2979">
        <f t="shared" ref="L2979:L3042" si="345">IF($B2979&lt;6,AF$37*$D2979+AF$38*$E2979+AF$39*$F2979+AF$40*$G2979,AF$46*$D2979+AF$47*$E2979+AF$48*$F2979+AF$49*$G2979+AF$50*$H2979)</f>
        <v>10.813015936999014</v>
      </c>
      <c r="M2979">
        <f t="shared" ref="M2979:M3042" si="346">IF($B2979&lt;6,AG$37*$D2979+AG$38*$E2979+AG$39*$F2979+AG$40*$G2979,AG$46*$D2979+AG$47*$E2979+AG$48*$F2979+AG$49*$G2979+AG$50*$H2979)</f>
        <v>0</v>
      </c>
      <c r="N2979" s="46">
        <f t="shared" si="340"/>
        <v>45414.708333326191</v>
      </c>
    </row>
    <row r="2980" spans="2:14" x14ac:dyDescent="0.3">
      <c r="B2980">
        <f t="shared" si="341"/>
        <v>4</v>
      </c>
      <c r="C2980" s="16">
        <v>2946</v>
      </c>
      <c r="D2980" cm="1">
        <f t="array" ref="D2980">IFERROR(INDEX(Jesper!AH$2:AH$366,ROUNDDOWN($C2980/24,0)+1,1)*INDEX($D$3:$AA$30,INDEX(Jesper!$R$2:$R$366,ROW(INDEX(Jesper!AH$2:AH$366,ROUNDDOWN($C2980/24,0)+1,1))-1)+IF('Standard Profiles'!$G$18=$B$10,7,0)+IF('Standard Profiles'!$G$18=$B$17,14,0)+IF('Standard Profiles'!$G$18=$B$24,21,0),MOD($C2980,24)+1)/SUM(INDEX($D$3:$AA$30,INDEX(Jesper!$R$2:$R$366,ROW(INDEX(Jesper!AH$2:AH$366,ROUNDDOWN($C2980/24,0)+1,1))-1)+IF('Standard Profiles'!$G$18=$B$10,7,0)+IF('Standard Profiles'!$G$18=$B$17,14,0)+IF('Standard Profiles'!$G$18=$B$24,21,0),0)),0)</f>
        <v>15.018077690276408</v>
      </c>
      <c r="E2980" cm="1">
        <f t="array" ref="E2980">IFERROR(INDEX(Jesper!AI$2:AI$366,ROUNDDOWN($C2980/24,0)+1,1)*INDEX($D$3:$AA$30,INDEX(Jesper!$R$2:$R$366,ROW(INDEX(Jesper!AI$2:AI$366,ROUNDDOWN($C2980/24,0)+1,1))-1)+IF('Standard Profiles'!$G$19=$B$10,7,0)+IF('Standard Profiles'!$G$19=$B$17,14,0)+IF('Standard Profiles'!$G$19=$B$24,21,0),MOD($C2980,24)+1)/SUM(INDEX($D$3:$AA$30,INDEX(Jesper!$R$2:$R$366,ROW(INDEX(Jesper!AI$2:AI$366,ROUNDDOWN($C2980/24,0)+1,1))-1)+IF('Standard Profiles'!$G$19=$B$10,7,0)+IF('Standard Profiles'!$G$19=$B$17,14,0)+IF('Standard Profiles'!$G$19=$B$24,21,0),0)),0)</f>
        <v>0</v>
      </c>
      <c r="F2980" cm="1">
        <f t="array" ref="F2980">IFERROR(INDEX(Jesper!AJ$2:AJ$366,ROUNDDOWN($C2980/24,0)+1,1)*INDEX($D$3:$AA$30,INDEX(Jesper!$R$2:$R$366,ROW(INDEX(Jesper!AJ$2:AJ$366,ROUNDDOWN($C2980/24,0)+1,1))-1)+IF('Standard Profiles'!$G$20=$B$10,7,0)+IF('Standard Profiles'!$G$20=$B$17,14,0)+IF('Standard Profiles'!$G$20=$B$24,21,0),MOD($C2980,24)+1)/SUM(INDEX($D$3:$AA$30,INDEX(Jesper!$R$2:$R$366,ROW(INDEX(Jesper!AJ$2:AJ$366,ROUNDDOWN($C2980/24,0)+1,1))-1)+IF('Standard Profiles'!$G$20=$B$10,7,0)+IF('Standard Profiles'!$G$20=$B$17,14,0)+IF('Standard Profiles'!$G$20=$B$24,21,0),0)),0)</f>
        <v>0</v>
      </c>
      <c r="G2980" cm="1">
        <f t="array" ref="G2980">IFERROR(INDEX(Jesper!AK$2:AK$366,ROUNDDOWN($C2980/24,0)+1,1)*INDEX($D$3:$AA$30,INDEX(Jesper!$R$2:$R$366,ROW(INDEX(Jesper!AK$2:AK$366,ROUNDDOWN($C2980/24,0)+1,1))-1)+IF('Standard Profiles'!$G$21=$B$10,7,0)+IF('Standard Profiles'!$G$21=$B$17,14,0)+IF('Standard Profiles'!$G$21=$B$24,21,0),MOD($C2980,24)+1)/SUM(INDEX($D$3:$AA$30,INDEX(Jesper!$R$2:$R$366,ROW(INDEX(Jesper!AK$2:AK$366,ROUNDDOWN($C2980/24,0)+1,1))-1)+IF('Standard Profiles'!$G$21=$B$10,7,0)+IF('Standard Profiles'!$G$21=$B$17,14,0)+IF('Standard Profiles'!$G$21=$B$24,21,0),0)),0)</f>
        <v>0</v>
      </c>
      <c r="H2980" cm="1">
        <f t="array" ref="H2980">IFERROR(INDEX(Jesper!AL$2:AL$366,ROUNDDOWN($C2980/24,0)+1,1)*INDEX($D$3:$AA$30,INDEX(Jesper!$R$2:$R$366,ROW(INDEX(Jesper!AL$2:AL$366,ROUNDDOWN($C2980/24,0)+1,1))-1)+IF('Standard Profiles'!$G$22=$B$10,7,0)+IF('Standard Profiles'!$G$22=$B$17,14,0)+IF('Standard Profiles'!$G$22=$B$24,21,0),MOD($C2980,24)+1)/SUM(INDEX($D$3:$AA$30,INDEX(Jesper!$R$2:$R$366,ROW(INDEX(Jesper!AL$2:AL$366,ROUNDDOWN($C2980/24,0)+1,1))-1)+IF('Standard Profiles'!$G$22=$B$10,7,0)+IF('Standard Profiles'!$G$22=$B$17,14,0)+IF('Standard Profiles'!$G$22=$B$24,21,0),0)),0)</f>
        <v>0</v>
      </c>
      <c r="I2980">
        <f t="shared" si="342"/>
        <v>0.45054233070829225</v>
      </c>
      <c r="J2980">
        <f t="shared" si="343"/>
        <v>1.501807769027641</v>
      </c>
      <c r="K2980">
        <f t="shared" si="344"/>
        <v>2.2527116535414611</v>
      </c>
      <c r="L2980">
        <f t="shared" si="345"/>
        <v>10.813015936999014</v>
      </c>
      <c r="M2980">
        <f t="shared" si="346"/>
        <v>0</v>
      </c>
      <c r="N2980" s="46">
        <f t="shared" ref="N2980:N3043" si="347">N2979+1/24</f>
        <v>45414.749999992855</v>
      </c>
    </row>
    <row r="2981" spans="2:14" x14ac:dyDescent="0.3">
      <c r="B2981">
        <f t="shared" si="341"/>
        <v>4</v>
      </c>
      <c r="C2981" s="16">
        <v>2947</v>
      </c>
      <c r="D2981" cm="1">
        <f t="array" ref="D2981">IFERROR(INDEX(Jesper!AH$2:AH$366,ROUNDDOWN($C2981/24,0)+1,1)*INDEX($D$3:$AA$30,INDEX(Jesper!$R$2:$R$366,ROW(INDEX(Jesper!AH$2:AH$366,ROUNDDOWN($C2981/24,0)+1,1))-1)+IF('Standard Profiles'!$G$18=$B$10,7,0)+IF('Standard Profiles'!$G$18=$B$17,14,0)+IF('Standard Profiles'!$G$18=$B$24,21,0),MOD($C2981,24)+1)/SUM(INDEX($D$3:$AA$30,INDEX(Jesper!$R$2:$R$366,ROW(INDEX(Jesper!AH$2:AH$366,ROUNDDOWN($C2981/24,0)+1,1))-1)+IF('Standard Profiles'!$G$18=$B$10,7,0)+IF('Standard Profiles'!$G$18=$B$17,14,0)+IF('Standard Profiles'!$G$18=$B$24,21,0),0)),0)</f>
        <v>12.515064741897007</v>
      </c>
      <c r="E2981" cm="1">
        <f t="array" ref="E2981">IFERROR(INDEX(Jesper!AI$2:AI$366,ROUNDDOWN($C2981/24,0)+1,1)*INDEX($D$3:$AA$30,INDEX(Jesper!$R$2:$R$366,ROW(INDEX(Jesper!AI$2:AI$366,ROUNDDOWN($C2981/24,0)+1,1))-1)+IF('Standard Profiles'!$G$19=$B$10,7,0)+IF('Standard Profiles'!$G$19=$B$17,14,0)+IF('Standard Profiles'!$G$19=$B$24,21,0),MOD($C2981,24)+1)/SUM(INDEX($D$3:$AA$30,INDEX(Jesper!$R$2:$R$366,ROW(INDEX(Jesper!AI$2:AI$366,ROUNDDOWN($C2981/24,0)+1,1))-1)+IF('Standard Profiles'!$G$19=$B$10,7,0)+IF('Standard Profiles'!$G$19=$B$17,14,0)+IF('Standard Profiles'!$G$19=$B$24,21,0),0)),0)</f>
        <v>0</v>
      </c>
      <c r="F2981" cm="1">
        <f t="array" ref="F2981">IFERROR(INDEX(Jesper!AJ$2:AJ$366,ROUNDDOWN($C2981/24,0)+1,1)*INDEX($D$3:$AA$30,INDEX(Jesper!$R$2:$R$366,ROW(INDEX(Jesper!AJ$2:AJ$366,ROUNDDOWN($C2981/24,0)+1,1))-1)+IF('Standard Profiles'!$G$20=$B$10,7,0)+IF('Standard Profiles'!$G$20=$B$17,14,0)+IF('Standard Profiles'!$G$20=$B$24,21,0),MOD($C2981,24)+1)/SUM(INDEX($D$3:$AA$30,INDEX(Jesper!$R$2:$R$366,ROW(INDEX(Jesper!AJ$2:AJ$366,ROUNDDOWN($C2981/24,0)+1,1))-1)+IF('Standard Profiles'!$G$20=$B$10,7,0)+IF('Standard Profiles'!$G$20=$B$17,14,0)+IF('Standard Profiles'!$G$20=$B$24,21,0),0)),0)</f>
        <v>0</v>
      </c>
      <c r="G2981" cm="1">
        <f t="array" ref="G2981">IFERROR(INDEX(Jesper!AK$2:AK$366,ROUNDDOWN($C2981/24,0)+1,1)*INDEX($D$3:$AA$30,INDEX(Jesper!$R$2:$R$366,ROW(INDEX(Jesper!AK$2:AK$366,ROUNDDOWN($C2981/24,0)+1,1))-1)+IF('Standard Profiles'!$G$21=$B$10,7,0)+IF('Standard Profiles'!$G$21=$B$17,14,0)+IF('Standard Profiles'!$G$21=$B$24,21,0),MOD($C2981,24)+1)/SUM(INDEX($D$3:$AA$30,INDEX(Jesper!$R$2:$R$366,ROW(INDEX(Jesper!AK$2:AK$366,ROUNDDOWN($C2981/24,0)+1,1))-1)+IF('Standard Profiles'!$G$21=$B$10,7,0)+IF('Standard Profiles'!$G$21=$B$17,14,0)+IF('Standard Profiles'!$G$21=$B$24,21,0),0)),0)</f>
        <v>0</v>
      </c>
      <c r="H2981" cm="1">
        <f t="array" ref="H2981">IFERROR(INDEX(Jesper!AL$2:AL$366,ROUNDDOWN($C2981/24,0)+1,1)*INDEX($D$3:$AA$30,INDEX(Jesper!$R$2:$R$366,ROW(INDEX(Jesper!AL$2:AL$366,ROUNDDOWN($C2981/24,0)+1,1))-1)+IF('Standard Profiles'!$G$22=$B$10,7,0)+IF('Standard Profiles'!$G$22=$B$17,14,0)+IF('Standard Profiles'!$G$22=$B$24,21,0),MOD($C2981,24)+1)/SUM(INDEX($D$3:$AA$30,INDEX(Jesper!$R$2:$R$366,ROW(INDEX(Jesper!AL$2:AL$366,ROUNDDOWN($C2981/24,0)+1,1))-1)+IF('Standard Profiles'!$G$22=$B$10,7,0)+IF('Standard Profiles'!$G$22=$B$17,14,0)+IF('Standard Profiles'!$G$22=$B$24,21,0),0)),0)</f>
        <v>0</v>
      </c>
      <c r="I2981">
        <f t="shared" si="342"/>
        <v>0.3754519422569102</v>
      </c>
      <c r="J2981">
        <f t="shared" si="343"/>
        <v>1.2515064741897008</v>
      </c>
      <c r="K2981">
        <f t="shared" si="344"/>
        <v>1.8772597112845508</v>
      </c>
      <c r="L2981">
        <f t="shared" si="345"/>
        <v>9.0108466141658443</v>
      </c>
      <c r="M2981">
        <f t="shared" si="346"/>
        <v>0</v>
      </c>
      <c r="N2981" s="46">
        <f t="shared" si="347"/>
        <v>45414.791666659519</v>
      </c>
    </row>
    <row r="2982" spans="2:14" x14ac:dyDescent="0.3">
      <c r="B2982">
        <f t="shared" si="341"/>
        <v>4</v>
      </c>
      <c r="C2982" s="16">
        <v>2948</v>
      </c>
      <c r="D2982" cm="1">
        <f t="array" ref="D2982">IFERROR(INDEX(Jesper!AH$2:AH$366,ROUNDDOWN($C2982/24,0)+1,1)*INDEX($D$3:$AA$30,INDEX(Jesper!$R$2:$R$366,ROW(INDEX(Jesper!AH$2:AH$366,ROUNDDOWN($C2982/24,0)+1,1))-1)+IF('Standard Profiles'!$G$18=$B$10,7,0)+IF('Standard Profiles'!$G$18=$B$17,14,0)+IF('Standard Profiles'!$G$18=$B$24,21,0),MOD($C2982,24)+1)/SUM(INDEX($D$3:$AA$30,INDEX(Jesper!$R$2:$R$366,ROW(INDEX(Jesper!AH$2:AH$366,ROUNDDOWN($C2982/24,0)+1,1))-1)+IF('Standard Profiles'!$G$18=$B$10,7,0)+IF('Standard Profiles'!$G$18=$B$17,14,0)+IF('Standard Profiles'!$G$18=$B$24,21,0),0)),0)</f>
        <v>10.012051793517607</v>
      </c>
      <c r="E2982" cm="1">
        <f t="array" ref="E2982">IFERROR(INDEX(Jesper!AI$2:AI$366,ROUNDDOWN($C2982/24,0)+1,1)*INDEX($D$3:$AA$30,INDEX(Jesper!$R$2:$R$366,ROW(INDEX(Jesper!AI$2:AI$366,ROUNDDOWN($C2982/24,0)+1,1))-1)+IF('Standard Profiles'!$G$19=$B$10,7,0)+IF('Standard Profiles'!$G$19=$B$17,14,0)+IF('Standard Profiles'!$G$19=$B$24,21,0),MOD($C2982,24)+1)/SUM(INDEX($D$3:$AA$30,INDEX(Jesper!$R$2:$R$366,ROW(INDEX(Jesper!AI$2:AI$366,ROUNDDOWN($C2982/24,0)+1,1))-1)+IF('Standard Profiles'!$G$19=$B$10,7,0)+IF('Standard Profiles'!$G$19=$B$17,14,0)+IF('Standard Profiles'!$G$19=$B$24,21,0),0)),0)</f>
        <v>0</v>
      </c>
      <c r="F2982" cm="1">
        <f t="array" ref="F2982">IFERROR(INDEX(Jesper!AJ$2:AJ$366,ROUNDDOWN($C2982/24,0)+1,1)*INDEX($D$3:$AA$30,INDEX(Jesper!$R$2:$R$366,ROW(INDEX(Jesper!AJ$2:AJ$366,ROUNDDOWN($C2982/24,0)+1,1))-1)+IF('Standard Profiles'!$G$20=$B$10,7,0)+IF('Standard Profiles'!$G$20=$B$17,14,0)+IF('Standard Profiles'!$G$20=$B$24,21,0),MOD($C2982,24)+1)/SUM(INDEX($D$3:$AA$30,INDEX(Jesper!$R$2:$R$366,ROW(INDEX(Jesper!AJ$2:AJ$366,ROUNDDOWN($C2982/24,0)+1,1))-1)+IF('Standard Profiles'!$G$20=$B$10,7,0)+IF('Standard Profiles'!$G$20=$B$17,14,0)+IF('Standard Profiles'!$G$20=$B$24,21,0),0)),0)</f>
        <v>0</v>
      </c>
      <c r="G2982" cm="1">
        <f t="array" ref="G2982">IFERROR(INDEX(Jesper!AK$2:AK$366,ROUNDDOWN($C2982/24,0)+1,1)*INDEX($D$3:$AA$30,INDEX(Jesper!$R$2:$R$366,ROW(INDEX(Jesper!AK$2:AK$366,ROUNDDOWN($C2982/24,0)+1,1))-1)+IF('Standard Profiles'!$G$21=$B$10,7,0)+IF('Standard Profiles'!$G$21=$B$17,14,0)+IF('Standard Profiles'!$G$21=$B$24,21,0),MOD($C2982,24)+1)/SUM(INDEX($D$3:$AA$30,INDEX(Jesper!$R$2:$R$366,ROW(INDEX(Jesper!AK$2:AK$366,ROUNDDOWN($C2982/24,0)+1,1))-1)+IF('Standard Profiles'!$G$21=$B$10,7,0)+IF('Standard Profiles'!$G$21=$B$17,14,0)+IF('Standard Profiles'!$G$21=$B$24,21,0),0)),0)</f>
        <v>0</v>
      </c>
      <c r="H2982" cm="1">
        <f t="array" ref="H2982">IFERROR(INDEX(Jesper!AL$2:AL$366,ROUNDDOWN($C2982/24,0)+1,1)*INDEX($D$3:$AA$30,INDEX(Jesper!$R$2:$R$366,ROW(INDEX(Jesper!AL$2:AL$366,ROUNDDOWN($C2982/24,0)+1,1))-1)+IF('Standard Profiles'!$G$22=$B$10,7,0)+IF('Standard Profiles'!$G$22=$B$17,14,0)+IF('Standard Profiles'!$G$22=$B$24,21,0),MOD($C2982,24)+1)/SUM(INDEX($D$3:$AA$30,INDEX(Jesper!$R$2:$R$366,ROW(INDEX(Jesper!AL$2:AL$366,ROUNDDOWN($C2982/24,0)+1,1))-1)+IF('Standard Profiles'!$G$22=$B$10,7,0)+IF('Standard Profiles'!$G$22=$B$17,14,0)+IF('Standard Profiles'!$G$22=$B$24,21,0),0)),0)</f>
        <v>0</v>
      </c>
      <c r="I2982">
        <f t="shared" si="342"/>
        <v>0.3003615538055282</v>
      </c>
      <c r="J2982">
        <f t="shared" si="343"/>
        <v>1.0012051793517607</v>
      </c>
      <c r="K2982">
        <f t="shared" si="344"/>
        <v>1.501807769027641</v>
      </c>
      <c r="L2982">
        <f t="shared" si="345"/>
        <v>7.2086772913326769</v>
      </c>
      <c r="M2982">
        <f t="shared" si="346"/>
        <v>0</v>
      </c>
      <c r="N2982" s="46">
        <f t="shared" si="347"/>
        <v>45414.833333326183</v>
      </c>
    </row>
    <row r="2983" spans="2:14" x14ac:dyDescent="0.3">
      <c r="B2983">
        <f t="shared" si="341"/>
        <v>4</v>
      </c>
      <c r="C2983" s="16">
        <v>2949</v>
      </c>
      <c r="D2983" cm="1">
        <f t="array" ref="D2983">IFERROR(INDEX(Jesper!AH$2:AH$366,ROUNDDOWN($C2983/24,0)+1,1)*INDEX($D$3:$AA$30,INDEX(Jesper!$R$2:$R$366,ROW(INDEX(Jesper!AH$2:AH$366,ROUNDDOWN($C2983/24,0)+1,1))-1)+IF('Standard Profiles'!$G$18=$B$10,7,0)+IF('Standard Profiles'!$G$18=$B$17,14,0)+IF('Standard Profiles'!$G$18=$B$24,21,0),MOD($C2983,24)+1)/SUM(INDEX($D$3:$AA$30,INDEX(Jesper!$R$2:$R$366,ROW(INDEX(Jesper!AH$2:AH$366,ROUNDDOWN($C2983/24,0)+1,1))-1)+IF('Standard Profiles'!$G$18=$B$10,7,0)+IF('Standard Profiles'!$G$18=$B$17,14,0)+IF('Standard Profiles'!$G$18=$B$24,21,0),0)),0)</f>
        <v>7.5090388451382042</v>
      </c>
      <c r="E2983" cm="1">
        <f t="array" ref="E2983">IFERROR(INDEX(Jesper!AI$2:AI$366,ROUNDDOWN($C2983/24,0)+1,1)*INDEX($D$3:$AA$30,INDEX(Jesper!$R$2:$R$366,ROW(INDEX(Jesper!AI$2:AI$366,ROUNDDOWN($C2983/24,0)+1,1))-1)+IF('Standard Profiles'!$G$19=$B$10,7,0)+IF('Standard Profiles'!$G$19=$B$17,14,0)+IF('Standard Profiles'!$G$19=$B$24,21,0),MOD($C2983,24)+1)/SUM(INDEX($D$3:$AA$30,INDEX(Jesper!$R$2:$R$366,ROW(INDEX(Jesper!AI$2:AI$366,ROUNDDOWN($C2983/24,0)+1,1))-1)+IF('Standard Profiles'!$G$19=$B$10,7,0)+IF('Standard Profiles'!$G$19=$B$17,14,0)+IF('Standard Profiles'!$G$19=$B$24,21,0),0)),0)</f>
        <v>0</v>
      </c>
      <c r="F2983" cm="1">
        <f t="array" ref="F2983">IFERROR(INDEX(Jesper!AJ$2:AJ$366,ROUNDDOWN($C2983/24,0)+1,1)*INDEX($D$3:$AA$30,INDEX(Jesper!$R$2:$R$366,ROW(INDEX(Jesper!AJ$2:AJ$366,ROUNDDOWN($C2983/24,0)+1,1))-1)+IF('Standard Profiles'!$G$20=$B$10,7,0)+IF('Standard Profiles'!$G$20=$B$17,14,0)+IF('Standard Profiles'!$G$20=$B$24,21,0),MOD($C2983,24)+1)/SUM(INDEX($D$3:$AA$30,INDEX(Jesper!$R$2:$R$366,ROW(INDEX(Jesper!AJ$2:AJ$366,ROUNDDOWN($C2983/24,0)+1,1))-1)+IF('Standard Profiles'!$G$20=$B$10,7,0)+IF('Standard Profiles'!$G$20=$B$17,14,0)+IF('Standard Profiles'!$G$20=$B$24,21,0),0)),0)</f>
        <v>0</v>
      </c>
      <c r="G2983" cm="1">
        <f t="array" ref="G2983">IFERROR(INDEX(Jesper!AK$2:AK$366,ROUNDDOWN($C2983/24,0)+1,1)*INDEX($D$3:$AA$30,INDEX(Jesper!$R$2:$R$366,ROW(INDEX(Jesper!AK$2:AK$366,ROUNDDOWN($C2983/24,0)+1,1))-1)+IF('Standard Profiles'!$G$21=$B$10,7,0)+IF('Standard Profiles'!$G$21=$B$17,14,0)+IF('Standard Profiles'!$G$21=$B$24,21,0),MOD($C2983,24)+1)/SUM(INDEX($D$3:$AA$30,INDEX(Jesper!$R$2:$R$366,ROW(INDEX(Jesper!AK$2:AK$366,ROUNDDOWN($C2983/24,0)+1,1))-1)+IF('Standard Profiles'!$G$21=$B$10,7,0)+IF('Standard Profiles'!$G$21=$B$17,14,0)+IF('Standard Profiles'!$G$21=$B$24,21,0),0)),0)</f>
        <v>0</v>
      </c>
      <c r="H2983" cm="1">
        <f t="array" ref="H2983">IFERROR(INDEX(Jesper!AL$2:AL$366,ROUNDDOWN($C2983/24,0)+1,1)*INDEX($D$3:$AA$30,INDEX(Jesper!$R$2:$R$366,ROW(INDEX(Jesper!AL$2:AL$366,ROUNDDOWN($C2983/24,0)+1,1))-1)+IF('Standard Profiles'!$G$22=$B$10,7,0)+IF('Standard Profiles'!$G$22=$B$17,14,0)+IF('Standard Profiles'!$G$22=$B$24,21,0),MOD($C2983,24)+1)/SUM(INDEX($D$3:$AA$30,INDEX(Jesper!$R$2:$R$366,ROW(INDEX(Jesper!AL$2:AL$366,ROUNDDOWN($C2983/24,0)+1,1))-1)+IF('Standard Profiles'!$G$22=$B$10,7,0)+IF('Standard Profiles'!$G$22=$B$17,14,0)+IF('Standard Profiles'!$G$22=$B$24,21,0),0)),0)</f>
        <v>0</v>
      </c>
      <c r="I2983">
        <f t="shared" si="342"/>
        <v>0.22527116535414612</v>
      </c>
      <c r="J2983">
        <f t="shared" si="343"/>
        <v>0.75090388451382051</v>
      </c>
      <c r="K2983">
        <f t="shared" si="344"/>
        <v>1.1263558267707305</v>
      </c>
      <c r="L2983">
        <f t="shared" si="345"/>
        <v>5.4065079684995068</v>
      </c>
      <c r="M2983">
        <f t="shared" si="346"/>
        <v>0</v>
      </c>
      <c r="N2983" s="46">
        <f t="shared" si="347"/>
        <v>45414.874999992848</v>
      </c>
    </row>
    <row r="2984" spans="2:14" x14ac:dyDescent="0.3">
      <c r="B2984">
        <f t="shared" si="341"/>
        <v>4</v>
      </c>
      <c r="C2984" s="16">
        <v>2950</v>
      </c>
      <c r="D2984" cm="1">
        <f t="array" ref="D2984">IFERROR(INDEX(Jesper!AH$2:AH$366,ROUNDDOWN($C2984/24,0)+1,1)*INDEX($D$3:$AA$30,INDEX(Jesper!$R$2:$R$366,ROW(INDEX(Jesper!AH$2:AH$366,ROUNDDOWN($C2984/24,0)+1,1))-1)+IF('Standard Profiles'!$G$18=$B$10,7,0)+IF('Standard Profiles'!$G$18=$B$17,14,0)+IF('Standard Profiles'!$G$18=$B$24,21,0),MOD($C2984,24)+1)/SUM(INDEX($D$3:$AA$30,INDEX(Jesper!$R$2:$R$366,ROW(INDEX(Jesper!AH$2:AH$366,ROUNDDOWN($C2984/24,0)+1,1))-1)+IF('Standard Profiles'!$G$18=$B$10,7,0)+IF('Standard Profiles'!$G$18=$B$17,14,0)+IF('Standard Profiles'!$G$18=$B$24,21,0),0)),0)</f>
        <v>7.5090388451382042</v>
      </c>
      <c r="E2984" cm="1">
        <f t="array" ref="E2984">IFERROR(INDEX(Jesper!AI$2:AI$366,ROUNDDOWN($C2984/24,0)+1,1)*INDEX($D$3:$AA$30,INDEX(Jesper!$R$2:$R$366,ROW(INDEX(Jesper!AI$2:AI$366,ROUNDDOWN($C2984/24,0)+1,1))-1)+IF('Standard Profiles'!$G$19=$B$10,7,0)+IF('Standard Profiles'!$G$19=$B$17,14,0)+IF('Standard Profiles'!$G$19=$B$24,21,0),MOD($C2984,24)+1)/SUM(INDEX($D$3:$AA$30,INDEX(Jesper!$R$2:$R$366,ROW(INDEX(Jesper!AI$2:AI$366,ROUNDDOWN($C2984/24,0)+1,1))-1)+IF('Standard Profiles'!$G$19=$B$10,7,0)+IF('Standard Profiles'!$G$19=$B$17,14,0)+IF('Standard Profiles'!$G$19=$B$24,21,0),0)),0)</f>
        <v>0</v>
      </c>
      <c r="F2984" cm="1">
        <f t="array" ref="F2984">IFERROR(INDEX(Jesper!AJ$2:AJ$366,ROUNDDOWN($C2984/24,0)+1,1)*INDEX($D$3:$AA$30,INDEX(Jesper!$R$2:$R$366,ROW(INDEX(Jesper!AJ$2:AJ$366,ROUNDDOWN($C2984/24,0)+1,1))-1)+IF('Standard Profiles'!$G$20=$B$10,7,0)+IF('Standard Profiles'!$G$20=$B$17,14,0)+IF('Standard Profiles'!$G$20=$B$24,21,0),MOD($C2984,24)+1)/SUM(INDEX($D$3:$AA$30,INDEX(Jesper!$R$2:$R$366,ROW(INDEX(Jesper!AJ$2:AJ$366,ROUNDDOWN($C2984/24,0)+1,1))-1)+IF('Standard Profiles'!$G$20=$B$10,7,0)+IF('Standard Profiles'!$G$20=$B$17,14,0)+IF('Standard Profiles'!$G$20=$B$24,21,0),0)),0)</f>
        <v>0</v>
      </c>
      <c r="G2984" cm="1">
        <f t="array" ref="G2984">IFERROR(INDEX(Jesper!AK$2:AK$366,ROUNDDOWN($C2984/24,0)+1,1)*INDEX($D$3:$AA$30,INDEX(Jesper!$R$2:$R$366,ROW(INDEX(Jesper!AK$2:AK$366,ROUNDDOWN($C2984/24,0)+1,1))-1)+IF('Standard Profiles'!$G$21=$B$10,7,0)+IF('Standard Profiles'!$G$21=$B$17,14,0)+IF('Standard Profiles'!$G$21=$B$24,21,0),MOD($C2984,24)+1)/SUM(INDEX($D$3:$AA$30,INDEX(Jesper!$R$2:$R$366,ROW(INDEX(Jesper!AK$2:AK$366,ROUNDDOWN($C2984/24,0)+1,1))-1)+IF('Standard Profiles'!$G$21=$B$10,7,0)+IF('Standard Profiles'!$G$21=$B$17,14,0)+IF('Standard Profiles'!$G$21=$B$24,21,0),0)),0)</f>
        <v>0</v>
      </c>
      <c r="H2984" cm="1">
        <f t="array" ref="H2984">IFERROR(INDEX(Jesper!AL$2:AL$366,ROUNDDOWN($C2984/24,0)+1,1)*INDEX($D$3:$AA$30,INDEX(Jesper!$R$2:$R$366,ROW(INDEX(Jesper!AL$2:AL$366,ROUNDDOWN($C2984/24,0)+1,1))-1)+IF('Standard Profiles'!$G$22=$B$10,7,0)+IF('Standard Profiles'!$G$22=$B$17,14,0)+IF('Standard Profiles'!$G$22=$B$24,21,0),MOD($C2984,24)+1)/SUM(INDEX($D$3:$AA$30,INDEX(Jesper!$R$2:$R$366,ROW(INDEX(Jesper!AL$2:AL$366,ROUNDDOWN($C2984/24,0)+1,1))-1)+IF('Standard Profiles'!$G$22=$B$10,7,0)+IF('Standard Profiles'!$G$22=$B$17,14,0)+IF('Standard Profiles'!$G$22=$B$24,21,0),0)),0)</f>
        <v>0</v>
      </c>
      <c r="I2984">
        <f t="shared" si="342"/>
        <v>0.22527116535414612</v>
      </c>
      <c r="J2984">
        <f t="shared" si="343"/>
        <v>0.75090388451382051</v>
      </c>
      <c r="K2984">
        <f t="shared" si="344"/>
        <v>1.1263558267707305</v>
      </c>
      <c r="L2984">
        <f t="shared" si="345"/>
        <v>5.4065079684995068</v>
      </c>
      <c r="M2984">
        <f t="shared" si="346"/>
        <v>0</v>
      </c>
      <c r="N2984" s="46">
        <f t="shared" si="347"/>
        <v>45414.916666659512</v>
      </c>
    </row>
    <row r="2985" spans="2:14" x14ac:dyDescent="0.3">
      <c r="B2985">
        <f t="shared" si="341"/>
        <v>4</v>
      </c>
      <c r="C2985" s="16">
        <v>2951</v>
      </c>
      <c r="D2985" cm="1">
        <f t="array" ref="D2985">IFERROR(INDEX(Jesper!AH$2:AH$366,ROUNDDOWN($C2985/24,0)+1,1)*INDEX($D$3:$AA$30,INDEX(Jesper!$R$2:$R$366,ROW(INDEX(Jesper!AH$2:AH$366,ROUNDDOWN($C2985/24,0)+1,1))-1)+IF('Standard Profiles'!$G$18=$B$10,7,0)+IF('Standard Profiles'!$G$18=$B$17,14,0)+IF('Standard Profiles'!$G$18=$B$24,21,0),MOD($C2985,24)+1)/SUM(INDEX($D$3:$AA$30,INDEX(Jesper!$R$2:$R$366,ROW(INDEX(Jesper!AH$2:AH$366,ROUNDDOWN($C2985/24,0)+1,1))-1)+IF('Standard Profiles'!$G$18=$B$10,7,0)+IF('Standard Profiles'!$G$18=$B$17,14,0)+IF('Standard Profiles'!$G$18=$B$24,21,0),0)),0)</f>
        <v>7.5090388451382042</v>
      </c>
      <c r="E2985" cm="1">
        <f t="array" ref="E2985">IFERROR(INDEX(Jesper!AI$2:AI$366,ROUNDDOWN($C2985/24,0)+1,1)*INDEX($D$3:$AA$30,INDEX(Jesper!$R$2:$R$366,ROW(INDEX(Jesper!AI$2:AI$366,ROUNDDOWN($C2985/24,0)+1,1))-1)+IF('Standard Profiles'!$G$19=$B$10,7,0)+IF('Standard Profiles'!$G$19=$B$17,14,0)+IF('Standard Profiles'!$G$19=$B$24,21,0),MOD($C2985,24)+1)/SUM(INDEX($D$3:$AA$30,INDEX(Jesper!$R$2:$R$366,ROW(INDEX(Jesper!AI$2:AI$366,ROUNDDOWN($C2985/24,0)+1,1))-1)+IF('Standard Profiles'!$G$19=$B$10,7,0)+IF('Standard Profiles'!$G$19=$B$17,14,0)+IF('Standard Profiles'!$G$19=$B$24,21,0),0)),0)</f>
        <v>0</v>
      </c>
      <c r="F2985" cm="1">
        <f t="array" ref="F2985">IFERROR(INDEX(Jesper!AJ$2:AJ$366,ROUNDDOWN($C2985/24,0)+1,1)*INDEX($D$3:$AA$30,INDEX(Jesper!$R$2:$R$366,ROW(INDEX(Jesper!AJ$2:AJ$366,ROUNDDOWN($C2985/24,0)+1,1))-1)+IF('Standard Profiles'!$G$20=$B$10,7,0)+IF('Standard Profiles'!$G$20=$B$17,14,0)+IF('Standard Profiles'!$G$20=$B$24,21,0),MOD($C2985,24)+1)/SUM(INDEX($D$3:$AA$30,INDEX(Jesper!$R$2:$R$366,ROW(INDEX(Jesper!AJ$2:AJ$366,ROUNDDOWN($C2985/24,0)+1,1))-1)+IF('Standard Profiles'!$G$20=$B$10,7,0)+IF('Standard Profiles'!$G$20=$B$17,14,0)+IF('Standard Profiles'!$G$20=$B$24,21,0),0)),0)</f>
        <v>0</v>
      </c>
      <c r="G2985" cm="1">
        <f t="array" ref="G2985">IFERROR(INDEX(Jesper!AK$2:AK$366,ROUNDDOWN($C2985/24,0)+1,1)*INDEX($D$3:$AA$30,INDEX(Jesper!$R$2:$R$366,ROW(INDEX(Jesper!AK$2:AK$366,ROUNDDOWN($C2985/24,0)+1,1))-1)+IF('Standard Profiles'!$G$21=$B$10,7,0)+IF('Standard Profiles'!$G$21=$B$17,14,0)+IF('Standard Profiles'!$G$21=$B$24,21,0),MOD($C2985,24)+1)/SUM(INDEX($D$3:$AA$30,INDEX(Jesper!$R$2:$R$366,ROW(INDEX(Jesper!AK$2:AK$366,ROUNDDOWN($C2985/24,0)+1,1))-1)+IF('Standard Profiles'!$G$21=$B$10,7,0)+IF('Standard Profiles'!$G$21=$B$17,14,0)+IF('Standard Profiles'!$G$21=$B$24,21,0),0)),0)</f>
        <v>0</v>
      </c>
      <c r="H2985" cm="1">
        <f t="array" ref="H2985">IFERROR(INDEX(Jesper!AL$2:AL$366,ROUNDDOWN($C2985/24,0)+1,1)*INDEX($D$3:$AA$30,INDEX(Jesper!$R$2:$R$366,ROW(INDEX(Jesper!AL$2:AL$366,ROUNDDOWN($C2985/24,0)+1,1))-1)+IF('Standard Profiles'!$G$22=$B$10,7,0)+IF('Standard Profiles'!$G$22=$B$17,14,0)+IF('Standard Profiles'!$G$22=$B$24,21,0),MOD($C2985,24)+1)/SUM(INDEX($D$3:$AA$30,INDEX(Jesper!$R$2:$R$366,ROW(INDEX(Jesper!AL$2:AL$366,ROUNDDOWN($C2985/24,0)+1,1))-1)+IF('Standard Profiles'!$G$22=$B$10,7,0)+IF('Standard Profiles'!$G$22=$B$17,14,0)+IF('Standard Profiles'!$G$22=$B$24,21,0),0)),0)</f>
        <v>0</v>
      </c>
      <c r="I2985">
        <f t="shared" si="342"/>
        <v>0.22527116535414612</v>
      </c>
      <c r="J2985">
        <f t="shared" si="343"/>
        <v>0.75090388451382051</v>
      </c>
      <c r="K2985">
        <f t="shared" si="344"/>
        <v>1.1263558267707305</v>
      </c>
      <c r="L2985">
        <f t="shared" si="345"/>
        <v>5.4065079684995068</v>
      </c>
      <c r="M2985">
        <f t="shared" si="346"/>
        <v>0</v>
      </c>
      <c r="N2985" s="46">
        <f t="shared" si="347"/>
        <v>45414.958333326176</v>
      </c>
    </row>
    <row r="2986" spans="2:14" x14ac:dyDescent="0.3">
      <c r="B2986">
        <f t="shared" si="341"/>
        <v>5</v>
      </c>
      <c r="C2986" s="16">
        <v>2952</v>
      </c>
      <c r="D2986" cm="1">
        <f t="array" ref="D2986">IFERROR(INDEX(Jesper!AH$2:AH$366,ROUNDDOWN($C2986/24,0)+1,1)*INDEX($D$3:$AA$30,INDEX(Jesper!$R$2:$R$366,ROW(INDEX(Jesper!AH$2:AH$366,ROUNDDOWN($C2986/24,0)+1,1))-1)+IF('Standard Profiles'!$G$18=$B$10,7,0)+IF('Standard Profiles'!$G$18=$B$17,14,0)+IF('Standard Profiles'!$G$18=$B$24,21,0),MOD($C2986,24)+1)/SUM(INDEX($D$3:$AA$30,INDEX(Jesper!$R$2:$R$366,ROW(INDEX(Jesper!AH$2:AH$366,ROUNDDOWN($C2986/24,0)+1,1))-1)+IF('Standard Profiles'!$G$18=$B$10,7,0)+IF('Standard Profiles'!$G$18=$B$17,14,0)+IF('Standard Profiles'!$G$18=$B$24,21,0),0)),0)</f>
        <v>8.1721624893914591</v>
      </c>
      <c r="E2986" cm="1">
        <f t="array" ref="E2986">IFERROR(INDEX(Jesper!AI$2:AI$366,ROUNDDOWN($C2986/24,0)+1,1)*INDEX($D$3:$AA$30,INDEX(Jesper!$R$2:$R$366,ROW(INDEX(Jesper!AI$2:AI$366,ROUNDDOWN($C2986/24,0)+1,1))-1)+IF('Standard Profiles'!$G$19=$B$10,7,0)+IF('Standard Profiles'!$G$19=$B$17,14,0)+IF('Standard Profiles'!$G$19=$B$24,21,0),MOD($C2986,24)+1)/SUM(INDEX($D$3:$AA$30,INDEX(Jesper!$R$2:$R$366,ROW(INDEX(Jesper!AI$2:AI$366,ROUNDDOWN($C2986/24,0)+1,1))-1)+IF('Standard Profiles'!$G$19=$B$10,7,0)+IF('Standard Profiles'!$G$19=$B$17,14,0)+IF('Standard Profiles'!$G$19=$B$24,21,0),0)),0)</f>
        <v>0</v>
      </c>
      <c r="F2986" cm="1">
        <f t="array" ref="F2986">IFERROR(INDEX(Jesper!AJ$2:AJ$366,ROUNDDOWN($C2986/24,0)+1,1)*INDEX($D$3:$AA$30,INDEX(Jesper!$R$2:$R$366,ROW(INDEX(Jesper!AJ$2:AJ$366,ROUNDDOWN($C2986/24,0)+1,1))-1)+IF('Standard Profiles'!$G$20=$B$10,7,0)+IF('Standard Profiles'!$G$20=$B$17,14,0)+IF('Standard Profiles'!$G$20=$B$24,21,0),MOD($C2986,24)+1)/SUM(INDEX($D$3:$AA$30,INDEX(Jesper!$R$2:$R$366,ROW(INDEX(Jesper!AJ$2:AJ$366,ROUNDDOWN($C2986/24,0)+1,1))-1)+IF('Standard Profiles'!$G$20=$B$10,7,0)+IF('Standard Profiles'!$G$20=$B$17,14,0)+IF('Standard Profiles'!$G$20=$B$24,21,0),0)),0)</f>
        <v>0</v>
      </c>
      <c r="G2986" cm="1">
        <f t="array" ref="G2986">IFERROR(INDEX(Jesper!AK$2:AK$366,ROUNDDOWN($C2986/24,0)+1,1)*INDEX($D$3:$AA$30,INDEX(Jesper!$R$2:$R$366,ROW(INDEX(Jesper!AK$2:AK$366,ROUNDDOWN($C2986/24,0)+1,1))-1)+IF('Standard Profiles'!$G$21=$B$10,7,0)+IF('Standard Profiles'!$G$21=$B$17,14,0)+IF('Standard Profiles'!$G$21=$B$24,21,0),MOD($C2986,24)+1)/SUM(INDEX($D$3:$AA$30,INDEX(Jesper!$R$2:$R$366,ROW(INDEX(Jesper!AK$2:AK$366,ROUNDDOWN($C2986/24,0)+1,1))-1)+IF('Standard Profiles'!$G$21=$B$10,7,0)+IF('Standard Profiles'!$G$21=$B$17,14,0)+IF('Standard Profiles'!$G$21=$B$24,21,0),0)),0)</f>
        <v>0</v>
      </c>
      <c r="H2986" cm="1">
        <f t="array" ref="H2986">IFERROR(INDEX(Jesper!AL$2:AL$366,ROUNDDOWN($C2986/24,0)+1,1)*INDEX($D$3:$AA$30,INDEX(Jesper!$R$2:$R$366,ROW(INDEX(Jesper!AL$2:AL$366,ROUNDDOWN($C2986/24,0)+1,1))-1)+IF('Standard Profiles'!$G$22=$B$10,7,0)+IF('Standard Profiles'!$G$22=$B$17,14,0)+IF('Standard Profiles'!$G$22=$B$24,21,0),MOD($C2986,24)+1)/SUM(INDEX($D$3:$AA$30,INDEX(Jesper!$R$2:$R$366,ROW(INDEX(Jesper!AL$2:AL$366,ROUNDDOWN($C2986/24,0)+1,1))-1)+IF('Standard Profiles'!$G$22=$B$10,7,0)+IF('Standard Profiles'!$G$22=$B$17,14,0)+IF('Standard Profiles'!$G$22=$B$24,21,0),0)),0)</f>
        <v>0</v>
      </c>
      <c r="I2986">
        <f t="shared" si="342"/>
        <v>0.24516487468174375</v>
      </c>
      <c r="J2986">
        <f t="shared" si="343"/>
        <v>0.81721624893914591</v>
      </c>
      <c r="K2986">
        <f t="shared" si="344"/>
        <v>1.2258243734087189</v>
      </c>
      <c r="L2986">
        <f t="shared" si="345"/>
        <v>5.88395699236185</v>
      </c>
      <c r="M2986">
        <f t="shared" si="346"/>
        <v>0</v>
      </c>
      <c r="N2986" s="46">
        <f t="shared" si="347"/>
        <v>45414.99999999284</v>
      </c>
    </row>
    <row r="2987" spans="2:14" x14ac:dyDescent="0.3">
      <c r="B2987">
        <f t="shared" si="341"/>
        <v>5</v>
      </c>
      <c r="C2987" s="16">
        <v>2953</v>
      </c>
      <c r="D2987" cm="1">
        <f t="array" ref="D2987">IFERROR(INDEX(Jesper!AH$2:AH$366,ROUNDDOWN($C2987/24,0)+1,1)*INDEX($D$3:$AA$30,INDEX(Jesper!$R$2:$R$366,ROW(INDEX(Jesper!AH$2:AH$366,ROUNDDOWN($C2987/24,0)+1,1))-1)+IF('Standard Profiles'!$G$18=$B$10,7,0)+IF('Standard Profiles'!$G$18=$B$17,14,0)+IF('Standard Profiles'!$G$18=$B$24,21,0),MOD($C2987,24)+1)/SUM(INDEX($D$3:$AA$30,INDEX(Jesper!$R$2:$R$366,ROW(INDEX(Jesper!AH$2:AH$366,ROUNDDOWN($C2987/24,0)+1,1))-1)+IF('Standard Profiles'!$G$18=$B$10,7,0)+IF('Standard Profiles'!$G$18=$B$17,14,0)+IF('Standard Profiles'!$G$18=$B$24,21,0),0)),0)</f>
        <v>8.1721624893914591</v>
      </c>
      <c r="E2987" cm="1">
        <f t="array" ref="E2987">IFERROR(INDEX(Jesper!AI$2:AI$366,ROUNDDOWN($C2987/24,0)+1,1)*INDEX($D$3:$AA$30,INDEX(Jesper!$R$2:$R$366,ROW(INDEX(Jesper!AI$2:AI$366,ROUNDDOWN($C2987/24,0)+1,1))-1)+IF('Standard Profiles'!$G$19=$B$10,7,0)+IF('Standard Profiles'!$G$19=$B$17,14,0)+IF('Standard Profiles'!$G$19=$B$24,21,0),MOD($C2987,24)+1)/SUM(INDEX($D$3:$AA$30,INDEX(Jesper!$R$2:$R$366,ROW(INDEX(Jesper!AI$2:AI$366,ROUNDDOWN($C2987/24,0)+1,1))-1)+IF('Standard Profiles'!$G$19=$B$10,7,0)+IF('Standard Profiles'!$G$19=$B$17,14,0)+IF('Standard Profiles'!$G$19=$B$24,21,0),0)),0)</f>
        <v>0</v>
      </c>
      <c r="F2987" cm="1">
        <f t="array" ref="F2987">IFERROR(INDEX(Jesper!AJ$2:AJ$366,ROUNDDOWN($C2987/24,0)+1,1)*INDEX($D$3:$AA$30,INDEX(Jesper!$R$2:$R$366,ROW(INDEX(Jesper!AJ$2:AJ$366,ROUNDDOWN($C2987/24,0)+1,1))-1)+IF('Standard Profiles'!$G$20=$B$10,7,0)+IF('Standard Profiles'!$G$20=$B$17,14,0)+IF('Standard Profiles'!$G$20=$B$24,21,0),MOD($C2987,24)+1)/SUM(INDEX($D$3:$AA$30,INDEX(Jesper!$R$2:$R$366,ROW(INDEX(Jesper!AJ$2:AJ$366,ROUNDDOWN($C2987/24,0)+1,1))-1)+IF('Standard Profiles'!$G$20=$B$10,7,0)+IF('Standard Profiles'!$G$20=$B$17,14,0)+IF('Standard Profiles'!$G$20=$B$24,21,0),0)),0)</f>
        <v>0</v>
      </c>
      <c r="G2987" cm="1">
        <f t="array" ref="G2987">IFERROR(INDEX(Jesper!AK$2:AK$366,ROUNDDOWN($C2987/24,0)+1,1)*INDEX($D$3:$AA$30,INDEX(Jesper!$R$2:$R$366,ROW(INDEX(Jesper!AK$2:AK$366,ROUNDDOWN($C2987/24,0)+1,1))-1)+IF('Standard Profiles'!$G$21=$B$10,7,0)+IF('Standard Profiles'!$G$21=$B$17,14,0)+IF('Standard Profiles'!$G$21=$B$24,21,0),MOD($C2987,24)+1)/SUM(INDEX($D$3:$AA$30,INDEX(Jesper!$R$2:$R$366,ROW(INDEX(Jesper!AK$2:AK$366,ROUNDDOWN($C2987/24,0)+1,1))-1)+IF('Standard Profiles'!$G$21=$B$10,7,0)+IF('Standard Profiles'!$G$21=$B$17,14,0)+IF('Standard Profiles'!$G$21=$B$24,21,0),0)),0)</f>
        <v>0</v>
      </c>
      <c r="H2987" cm="1">
        <f t="array" ref="H2987">IFERROR(INDEX(Jesper!AL$2:AL$366,ROUNDDOWN($C2987/24,0)+1,1)*INDEX($D$3:$AA$30,INDEX(Jesper!$R$2:$R$366,ROW(INDEX(Jesper!AL$2:AL$366,ROUNDDOWN($C2987/24,0)+1,1))-1)+IF('Standard Profiles'!$G$22=$B$10,7,0)+IF('Standard Profiles'!$G$22=$B$17,14,0)+IF('Standard Profiles'!$G$22=$B$24,21,0),MOD($C2987,24)+1)/SUM(INDEX($D$3:$AA$30,INDEX(Jesper!$R$2:$R$366,ROW(INDEX(Jesper!AL$2:AL$366,ROUNDDOWN($C2987/24,0)+1,1))-1)+IF('Standard Profiles'!$G$22=$B$10,7,0)+IF('Standard Profiles'!$G$22=$B$17,14,0)+IF('Standard Profiles'!$G$22=$B$24,21,0),0)),0)</f>
        <v>0</v>
      </c>
      <c r="I2987">
        <f t="shared" si="342"/>
        <v>0.24516487468174375</v>
      </c>
      <c r="J2987">
        <f t="shared" si="343"/>
        <v>0.81721624893914591</v>
      </c>
      <c r="K2987">
        <f t="shared" si="344"/>
        <v>1.2258243734087189</v>
      </c>
      <c r="L2987">
        <f t="shared" si="345"/>
        <v>5.88395699236185</v>
      </c>
      <c r="M2987">
        <f t="shared" si="346"/>
        <v>0</v>
      </c>
      <c r="N2987" s="46">
        <f t="shared" si="347"/>
        <v>45415.041666659505</v>
      </c>
    </row>
    <row r="2988" spans="2:14" x14ac:dyDescent="0.3">
      <c r="B2988">
        <f t="shared" si="341"/>
        <v>5</v>
      </c>
      <c r="C2988" s="16">
        <v>2954</v>
      </c>
      <c r="D2988" cm="1">
        <f t="array" ref="D2988">IFERROR(INDEX(Jesper!AH$2:AH$366,ROUNDDOWN($C2988/24,0)+1,1)*INDEX($D$3:$AA$30,INDEX(Jesper!$R$2:$R$366,ROW(INDEX(Jesper!AH$2:AH$366,ROUNDDOWN($C2988/24,0)+1,1))-1)+IF('Standard Profiles'!$G$18=$B$10,7,0)+IF('Standard Profiles'!$G$18=$B$17,14,0)+IF('Standard Profiles'!$G$18=$B$24,21,0),MOD($C2988,24)+1)/SUM(INDEX($D$3:$AA$30,INDEX(Jesper!$R$2:$R$366,ROW(INDEX(Jesper!AH$2:AH$366,ROUNDDOWN($C2988/24,0)+1,1))-1)+IF('Standard Profiles'!$G$18=$B$10,7,0)+IF('Standard Profiles'!$G$18=$B$17,14,0)+IF('Standard Profiles'!$G$18=$B$24,21,0),0)),0)</f>
        <v>8.1721624893914591</v>
      </c>
      <c r="E2988" cm="1">
        <f t="array" ref="E2988">IFERROR(INDEX(Jesper!AI$2:AI$366,ROUNDDOWN($C2988/24,0)+1,1)*INDEX($D$3:$AA$30,INDEX(Jesper!$R$2:$R$366,ROW(INDEX(Jesper!AI$2:AI$366,ROUNDDOWN($C2988/24,0)+1,1))-1)+IF('Standard Profiles'!$G$19=$B$10,7,0)+IF('Standard Profiles'!$G$19=$B$17,14,0)+IF('Standard Profiles'!$G$19=$B$24,21,0),MOD($C2988,24)+1)/SUM(INDEX($D$3:$AA$30,INDEX(Jesper!$R$2:$R$366,ROW(INDEX(Jesper!AI$2:AI$366,ROUNDDOWN($C2988/24,0)+1,1))-1)+IF('Standard Profiles'!$G$19=$B$10,7,0)+IF('Standard Profiles'!$G$19=$B$17,14,0)+IF('Standard Profiles'!$G$19=$B$24,21,0),0)),0)</f>
        <v>0</v>
      </c>
      <c r="F2988" cm="1">
        <f t="array" ref="F2988">IFERROR(INDEX(Jesper!AJ$2:AJ$366,ROUNDDOWN($C2988/24,0)+1,1)*INDEX($D$3:$AA$30,INDEX(Jesper!$R$2:$R$366,ROW(INDEX(Jesper!AJ$2:AJ$366,ROUNDDOWN($C2988/24,0)+1,1))-1)+IF('Standard Profiles'!$G$20=$B$10,7,0)+IF('Standard Profiles'!$G$20=$B$17,14,0)+IF('Standard Profiles'!$G$20=$B$24,21,0),MOD($C2988,24)+1)/SUM(INDEX($D$3:$AA$30,INDEX(Jesper!$R$2:$R$366,ROW(INDEX(Jesper!AJ$2:AJ$366,ROUNDDOWN($C2988/24,0)+1,1))-1)+IF('Standard Profiles'!$G$20=$B$10,7,0)+IF('Standard Profiles'!$G$20=$B$17,14,0)+IF('Standard Profiles'!$G$20=$B$24,21,0),0)),0)</f>
        <v>0</v>
      </c>
      <c r="G2988" cm="1">
        <f t="array" ref="G2988">IFERROR(INDEX(Jesper!AK$2:AK$366,ROUNDDOWN($C2988/24,0)+1,1)*INDEX($D$3:$AA$30,INDEX(Jesper!$R$2:$R$366,ROW(INDEX(Jesper!AK$2:AK$366,ROUNDDOWN($C2988/24,0)+1,1))-1)+IF('Standard Profiles'!$G$21=$B$10,7,0)+IF('Standard Profiles'!$G$21=$B$17,14,0)+IF('Standard Profiles'!$G$21=$B$24,21,0),MOD($C2988,24)+1)/SUM(INDEX($D$3:$AA$30,INDEX(Jesper!$R$2:$R$366,ROW(INDEX(Jesper!AK$2:AK$366,ROUNDDOWN($C2988/24,0)+1,1))-1)+IF('Standard Profiles'!$G$21=$B$10,7,0)+IF('Standard Profiles'!$G$21=$B$17,14,0)+IF('Standard Profiles'!$G$21=$B$24,21,0),0)),0)</f>
        <v>0</v>
      </c>
      <c r="H2988" cm="1">
        <f t="array" ref="H2988">IFERROR(INDEX(Jesper!AL$2:AL$366,ROUNDDOWN($C2988/24,0)+1,1)*INDEX($D$3:$AA$30,INDEX(Jesper!$R$2:$R$366,ROW(INDEX(Jesper!AL$2:AL$366,ROUNDDOWN($C2988/24,0)+1,1))-1)+IF('Standard Profiles'!$G$22=$B$10,7,0)+IF('Standard Profiles'!$G$22=$B$17,14,0)+IF('Standard Profiles'!$G$22=$B$24,21,0),MOD($C2988,24)+1)/SUM(INDEX($D$3:$AA$30,INDEX(Jesper!$R$2:$R$366,ROW(INDEX(Jesper!AL$2:AL$366,ROUNDDOWN($C2988/24,0)+1,1))-1)+IF('Standard Profiles'!$G$22=$B$10,7,0)+IF('Standard Profiles'!$G$22=$B$17,14,0)+IF('Standard Profiles'!$G$22=$B$24,21,0),0)),0)</f>
        <v>0</v>
      </c>
      <c r="I2988">
        <f t="shared" si="342"/>
        <v>0.24516487468174375</v>
      </c>
      <c r="J2988">
        <f t="shared" si="343"/>
        <v>0.81721624893914591</v>
      </c>
      <c r="K2988">
        <f t="shared" si="344"/>
        <v>1.2258243734087189</v>
      </c>
      <c r="L2988">
        <f t="shared" si="345"/>
        <v>5.88395699236185</v>
      </c>
      <c r="M2988">
        <f t="shared" si="346"/>
        <v>0</v>
      </c>
      <c r="N2988" s="46">
        <f t="shared" si="347"/>
        <v>45415.083333326169</v>
      </c>
    </row>
    <row r="2989" spans="2:14" x14ac:dyDescent="0.3">
      <c r="B2989">
        <f t="shared" si="341"/>
        <v>5</v>
      </c>
      <c r="C2989" s="16">
        <v>2955</v>
      </c>
      <c r="D2989" cm="1">
        <f t="array" ref="D2989">IFERROR(INDEX(Jesper!AH$2:AH$366,ROUNDDOWN($C2989/24,0)+1,1)*INDEX($D$3:$AA$30,INDEX(Jesper!$R$2:$R$366,ROW(INDEX(Jesper!AH$2:AH$366,ROUNDDOWN($C2989/24,0)+1,1))-1)+IF('Standard Profiles'!$G$18=$B$10,7,0)+IF('Standard Profiles'!$G$18=$B$17,14,0)+IF('Standard Profiles'!$G$18=$B$24,21,0),MOD($C2989,24)+1)/SUM(INDEX($D$3:$AA$30,INDEX(Jesper!$R$2:$R$366,ROW(INDEX(Jesper!AH$2:AH$366,ROUNDDOWN($C2989/24,0)+1,1))-1)+IF('Standard Profiles'!$G$18=$B$10,7,0)+IF('Standard Profiles'!$G$18=$B$17,14,0)+IF('Standard Profiles'!$G$18=$B$24,21,0),0)),0)</f>
        <v>8.1721624893914591</v>
      </c>
      <c r="E2989" cm="1">
        <f t="array" ref="E2989">IFERROR(INDEX(Jesper!AI$2:AI$366,ROUNDDOWN($C2989/24,0)+1,1)*INDEX($D$3:$AA$30,INDEX(Jesper!$R$2:$R$366,ROW(INDEX(Jesper!AI$2:AI$366,ROUNDDOWN($C2989/24,0)+1,1))-1)+IF('Standard Profiles'!$G$19=$B$10,7,0)+IF('Standard Profiles'!$G$19=$B$17,14,0)+IF('Standard Profiles'!$G$19=$B$24,21,0),MOD($C2989,24)+1)/SUM(INDEX($D$3:$AA$30,INDEX(Jesper!$R$2:$R$366,ROW(INDEX(Jesper!AI$2:AI$366,ROUNDDOWN($C2989/24,0)+1,1))-1)+IF('Standard Profiles'!$G$19=$B$10,7,0)+IF('Standard Profiles'!$G$19=$B$17,14,0)+IF('Standard Profiles'!$G$19=$B$24,21,0),0)),0)</f>
        <v>0</v>
      </c>
      <c r="F2989" cm="1">
        <f t="array" ref="F2989">IFERROR(INDEX(Jesper!AJ$2:AJ$366,ROUNDDOWN($C2989/24,0)+1,1)*INDEX($D$3:$AA$30,INDEX(Jesper!$R$2:$R$366,ROW(INDEX(Jesper!AJ$2:AJ$366,ROUNDDOWN($C2989/24,0)+1,1))-1)+IF('Standard Profiles'!$G$20=$B$10,7,0)+IF('Standard Profiles'!$G$20=$B$17,14,0)+IF('Standard Profiles'!$G$20=$B$24,21,0),MOD($C2989,24)+1)/SUM(INDEX($D$3:$AA$30,INDEX(Jesper!$R$2:$R$366,ROW(INDEX(Jesper!AJ$2:AJ$366,ROUNDDOWN($C2989/24,0)+1,1))-1)+IF('Standard Profiles'!$G$20=$B$10,7,0)+IF('Standard Profiles'!$G$20=$B$17,14,0)+IF('Standard Profiles'!$G$20=$B$24,21,0),0)),0)</f>
        <v>0</v>
      </c>
      <c r="G2989" cm="1">
        <f t="array" ref="G2989">IFERROR(INDEX(Jesper!AK$2:AK$366,ROUNDDOWN($C2989/24,0)+1,1)*INDEX($D$3:$AA$30,INDEX(Jesper!$R$2:$R$366,ROW(INDEX(Jesper!AK$2:AK$366,ROUNDDOWN($C2989/24,0)+1,1))-1)+IF('Standard Profiles'!$G$21=$B$10,7,0)+IF('Standard Profiles'!$G$21=$B$17,14,0)+IF('Standard Profiles'!$G$21=$B$24,21,0),MOD($C2989,24)+1)/SUM(INDEX($D$3:$AA$30,INDEX(Jesper!$R$2:$R$366,ROW(INDEX(Jesper!AK$2:AK$366,ROUNDDOWN($C2989/24,0)+1,1))-1)+IF('Standard Profiles'!$G$21=$B$10,7,0)+IF('Standard Profiles'!$G$21=$B$17,14,0)+IF('Standard Profiles'!$G$21=$B$24,21,0),0)),0)</f>
        <v>0</v>
      </c>
      <c r="H2989" cm="1">
        <f t="array" ref="H2989">IFERROR(INDEX(Jesper!AL$2:AL$366,ROUNDDOWN($C2989/24,0)+1,1)*INDEX($D$3:$AA$30,INDEX(Jesper!$R$2:$R$366,ROW(INDEX(Jesper!AL$2:AL$366,ROUNDDOWN($C2989/24,0)+1,1))-1)+IF('Standard Profiles'!$G$22=$B$10,7,0)+IF('Standard Profiles'!$G$22=$B$17,14,0)+IF('Standard Profiles'!$G$22=$B$24,21,0),MOD($C2989,24)+1)/SUM(INDEX($D$3:$AA$30,INDEX(Jesper!$R$2:$R$366,ROW(INDEX(Jesper!AL$2:AL$366,ROUNDDOWN($C2989/24,0)+1,1))-1)+IF('Standard Profiles'!$G$22=$B$10,7,0)+IF('Standard Profiles'!$G$22=$B$17,14,0)+IF('Standard Profiles'!$G$22=$B$24,21,0),0)),0)</f>
        <v>0</v>
      </c>
      <c r="I2989">
        <f t="shared" si="342"/>
        <v>0.24516487468174375</v>
      </c>
      <c r="J2989">
        <f t="shared" si="343"/>
        <v>0.81721624893914591</v>
      </c>
      <c r="K2989">
        <f t="shared" si="344"/>
        <v>1.2258243734087189</v>
      </c>
      <c r="L2989">
        <f t="shared" si="345"/>
        <v>5.88395699236185</v>
      </c>
      <c r="M2989">
        <f t="shared" si="346"/>
        <v>0</v>
      </c>
      <c r="N2989" s="46">
        <f t="shared" si="347"/>
        <v>45415.124999992833</v>
      </c>
    </row>
    <row r="2990" spans="2:14" x14ac:dyDescent="0.3">
      <c r="B2990">
        <f t="shared" si="341"/>
        <v>5</v>
      </c>
      <c r="C2990" s="16">
        <v>2956</v>
      </c>
      <c r="D2990" cm="1">
        <f t="array" ref="D2990">IFERROR(INDEX(Jesper!AH$2:AH$366,ROUNDDOWN($C2990/24,0)+1,1)*INDEX($D$3:$AA$30,INDEX(Jesper!$R$2:$R$366,ROW(INDEX(Jesper!AH$2:AH$366,ROUNDDOWN($C2990/24,0)+1,1))-1)+IF('Standard Profiles'!$G$18=$B$10,7,0)+IF('Standard Profiles'!$G$18=$B$17,14,0)+IF('Standard Profiles'!$G$18=$B$24,21,0),MOD($C2990,24)+1)/SUM(INDEX($D$3:$AA$30,INDEX(Jesper!$R$2:$R$366,ROW(INDEX(Jesper!AH$2:AH$366,ROUNDDOWN($C2990/24,0)+1,1))-1)+IF('Standard Profiles'!$G$18=$B$10,7,0)+IF('Standard Profiles'!$G$18=$B$17,14,0)+IF('Standard Profiles'!$G$18=$B$24,21,0),0)),0)</f>
        <v>8.1721624893914591</v>
      </c>
      <c r="E2990" cm="1">
        <f t="array" ref="E2990">IFERROR(INDEX(Jesper!AI$2:AI$366,ROUNDDOWN($C2990/24,0)+1,1)*INDEX($D$3:$AA$30,INDEX(Jesper!$R$2:$R$366,ROW(INDEX(Jesper!AI$2:AI$366,ROUNDDOWN($C2990/24,0)+1,1))-1)+IF('Standard Profiles'!$G$19=$B$10,7,0)+IF('Standard Profiles'!$G$19=$B$17,14,0)+IF('Standard Profiles'!$G$19=$B$24,21,0),MOD($C2990,24)+1)/SUM(INDEX($D$3:$AA$30,INDEX(Jesper!$R$2:$R$366,ROW(INDEX(Jesper!AI$2:AI$366,ROUNDDOWN($C2990/24,0)+1,1))-1)+IF('Standard Profiles'!$G$19=$B$10,7,0)+IF('Standard Profiles'!$G$19=$B$17,14,0)+IF('Standard Profiles'!$G$19=$B$24,21,0),0)),0)</f>
        <v>0</v>
      </c>
      <c r="F2990" cm="1">
        <f t="array" ref="F2990">IFERROR(INDEX(Jesper!AJ$2:AJ$366,ROUNDDOWN($C2990/24,0)+1,1)*INDEX($D$3:$AA$30,INDEX(Jesper!$R$2:$R$366,ROW(INDEX(Jesper!AJ$2:AJ$366,ROUNDDOWN($C2990/24,0)+1,1))-1)+IF('Standard Profiles'!$G$20=$B$10,7,0)+IF('Standard Profiles'!$G$20=$B$17,14,0)+IF('Standard Profiles'!$G$20=$B$24,21,0),MOD($C2990,24)+1)/SUM(INDEX($D$3:$AA$30,INDEX(Jesper!$R$2:$R$366,ROW(INDEX(Jesper!AJ$2:AJ$366,ROUNDDOWN($C2990/24,0)+1,1))-1)+IF('Standard Profiles'!$G$20=$B$10,7,0)+IF('Standard Profiles'!$G$20=$B$17,14,0)+IF('Standard Profiles'!$G$20=$B$24,21,0),0)),0)</f>
        <v>0</v>
      </c>
      <c r="G2990" cm="1">
        <f t="array" ref="G2990">IFERROR(INDEX(Jesper!AK$2:AK$366,ROUNDDOWN($C2990/24,0)+1,1)*INDEX($D$3:$AA$30,INDEX(Jesper!$R$2:$R$366,ROW(INDEX(Jesper!AK$2:AK$366,ROUNDDOWN($C2990/24,0)+1,1))-1)+IF('Standard Profiles'!$G$21=$B$10,7,0)+IF('Standard Profiles'!$G$21=$B$17,14,0)+IF('Standard Profiles'!$G$21=$B$24,21,0),MOD($C2990,24)+1)/SUM(INDEX($D$3:$AA$30,INDEX(Jesper!$R$2:$R$366,ROW(INDEX(Jesper!AK$2:AK$366,ROUNDDOWN($C2990/24,0)+1,1))-1)+IF('Standard Profiles'!$G$21=$B$10,7,0)+IF('Standard Profiles'!$G$21=$B$17,14,0)+IF('Standard Profiles'!$G$21=$B$24,21,0),0)),0)</f>
        <v>0</v>
      </c>
      <c r="H2990" cm="1">
        <f t="array" ref="H2990">IFERROR(INDEX(Jesper!AL$2:AL$366,ROUNDDOWN($C2990/24,0)+1,1)*INDEX($D$3:$AA$30,INDEX(Jesper!$R$2:$R$366,ROW(INDEX(Jesper!AL$2:AL$366,ROUNDDOWN($C2990/24,0)+1,1))-1)+IF('Standard Profiles'!$G$22=$B$10,7,0)+IF('Standard Profiles'!$G$22=$B$17,14,0)+IF('Standard Profiles'!$G$22=$B$24,21,0),MOD($C2990,24)+1)/SUM(INDEX($D$3:$AA$30,INDEX(Jesper!$R$2:$R$366,ROW(INDEX(Jesper!AL$2:AL$366,ROUNDDOWN($C2990/24,0)+1,1))-1)+IF('Standard Profiles'!$G$22=$B$10,7,0)+IF('Standard Profiles'!$G$22=$B$17,14,0)+IF('Standard Profiles'!$G$22=$B$24,21,0),0)),0)</f>
        <v>0</v>
      </c>
      <c r="I2990">
        <f t="shared" si="342"/>
        <v>0.24516487468174375</v>
      </c>
      <c r="J2990">
        <f t="shared" si="343"/>
        <v>0.81721624893914591</v>
      </c>
      <c r="K2990">
        <f t="shared" si="344"/>
        <v>1.2258243734087189</v>
      </c>
      <c r="L2990">
        <f t="shared" si="345"/>
        <v>5.88395699236185</v>
      </c>
      <c r="M2990">
        <f t="shared" si="346"/>
        <v>0</v>
      </c>
      <c r="N2990" s="46">
        <f t="shared" si="347"/>
        <v>45415.166666659497</v>
      </c>
    </row>
    <row r="2991" spans="2:14" x14ac:dyDescent="0.3">
      <c r="B2991">
        <f t="shared" si="341"/>
        <v>5</v>
      </c>
      <c r="C2991" s="16">
        <v>2957</v>
      </c>
      <c r="D2991" cm="1">
        <f t="array" ref="D2991">IFERROR(INDEX(Jesper!AH$2:AH$366,ROUNDDOWN($C2991/24,0)+1,1)*INDEX($D$3:$AA$30,INDEX(Jesper!$R$2:$R$366,ROW(INDEX(Jesper!AH$2:AH$366,ROUNDDOWN($C2991/24,0)+1,1))-1)+IF('Standard Profiles'!$G$18=$B$10,7,0)+IF('Standard Profiles'!$G$18=$B$17,14,0)+IF('Standard Profiles'!$G$18=$B$24,21,0),MOD($C2991,24)+1)/SUM(INDEX($D$3:$AA$30,INDEX(Jesper!$R$2:$R$366,ROW(INDEX(Jesper!AH$2:AH$366,ROUNDDOWN($C2991/24,0)+1,1))-1)+IF('Standard Profiles'!$G$18=$B$10,7,0)+IF('Standard Profiles'!$G$18=$B$17,14,0)+IF('Standard Profiles'!$G$18=$B$24,21,0),0)),0)</f>
        <v>10.533009430771212</v>
      </c>
      <c r="E2991" cm="1">
        <f t="array" ref="E2991">IFERROR(INDEX(Jesper!AI$2:AI$366,ROUNDDOWN($C2991/24,0)+1,1)*INDEX($D$3:$AA$30,INDEX(Jesper!$R$2:$R$366,ROW(INDEX(Jesper!AI$2:AI$366,ROUNDDOWN($C2991/24,0)+1,1))-1)+IF('Standard Profiles'!$G$19=$B$10,7,0)+IF('Standard Profiles'!$G$19=$B$17,14,0)+IF('Standard Profiles'!$G$19=$B$24,21,0),MOD($C2991,24)+1)/SUM(INDEX($D$3:$AA$30,INDEX(Jesper!$R$2:$R$366,ROW(INDEX(Jesper!AI$2:AI$366,ROUNDDOWN($C2991/24,0)+1,1))-1)+IF('Standard Profiles'!$G$19=$B$10,7,0)+IF('Standard Profiles'!$G$19=$B$17,14,0)+IF('Standard Profiles'!$G$19=$B$24,21,0),0)),0)</f>
        <v>0</v>
      </c>
      <c r="F2991" cm="1">
        <f t="array" ref="F2991">IFERROR(INDEX(Jesper!AJ$2:AJ$366,ROUNDDOWN($C2991/24,0)+1,1)*INDEX($D$3:$AA$30,INDEX(Jesper!$R$2:$R$366,ROW(INDEX(Jesper!AJ$2:AJ$366,ROUNDDOWN($C2991/24,0)+1,1))-1)+IF('Standard Profiles'!$G$20=$B$10,7,0)+IF('Standard Profiles'!$G$20=$B$17,14,0)+IF('Standard Profiles'!$G$20=$B$24,21,0),MOD($C2991,24)+1)/SUM(INDEX($D$3:$AA$30,INDEX(Jesper!$R$2:$R$366,ROW(INDEX(Jesper!AJ$2:AJ$366,ROUNDDOWN($C2991/24,0)+1,1))-1)+IF('Standard Profiles'!$G$20=$B$10,7,0)+IF('Standard Profiles'!$G$20=$B$17,14,0)+IF('Standard Profiles'!$G$20=$B$24,21,0),0)),0)</f>
        <v>0</v>
      </c>
      <c r="G2991" cm="1">
        <f t="array" ref="G2991">IFERROR(INDEX(Jesper!AK$2:AK$366,ROUNDDOWN($C2991/24,0)+1,1)*INDEX($D$3:$AA$30,INDEX(Jesper!$R$2:$R$366,ROW(INDEX(Jesper!AK$2:AK$366,ROUNDDOWN($C2991/24,0)+1,1))-1)+IF('Standard Profiles'!$G$21=$B$10,7,0)+IF('Standard Profiles'!$G$21=$B$17,14,0)+IF('Standard Profiles'!$G$21=$B$24,21,0),MOD($C2991,24)+1)/SUM(INDEX($D$3:$AA$30,INDEX(Jesper!$R$2:$R$366,ROW(INDEX(Jesper!AK$2:AK$366,ROUNDDOWN($C2991/24,0)+1,1))-1)+IF('Standard Profiles'!$G$21=$B$10,7,0)+IF('Standard Profiles'!$G$21=$B$17,14,0)+IF('Standard Profiles'!$G$21=$B$24,21,0),0)),0)</f>
        <v>0</v>
      </c>
      <c r="H2991" cm="1">
        <f t="array" ref="H2991">IFERROR(INDEX(Jesper!AL$2:AL$366,ROUNDDOWN($C2991/24,0)+1,1)*INDEX($D$3:$AA$30,INDEX(Jesper!$R$2:$R$366,ROW(INDEX(Jesper!AL$2:AL$366,ROUNDDOWN($C2991/24,0)+1,1))-1)+IF('Standard Profiles'!$G$22=$B$10,7,0)+IF('Standard Profiles'!$G$22=$B$17,14,0)+IF('Standard Profiles'!$G$22=$B$24,21,0),MOD($C2991,24)+1)/SUM(INDEX($D$3:$AA$30,INDEX(Jesper!$R$2:$R$366,ROW(INDEX(Jesper!AL$2:AL$366,ROUNDDOWN($C2991/24,0)+1,1))-1)+IF('Standard Profiles'!$G$22=$B$10,7,0)+IF('Standard Profiles'!$G$22=$B$17,14,0)+IF('Standard Profiles'!$G$22=$B$24,21,0),0)),0)</f>
        <v>0</v>
      </c>
      <c r="I2991">
        <f t="shared" si="342"/>
        <v>0.31599028292313636</v>
      </c>
      <c r="J2991">
        <f t="shared" si="343"/>
        <v>1.0533009430771212</v>
      </c>
      <c r="K2991">
        <f t="shared" si="344"/>
        <v>1.5799514146156819</v>
      </c>
      <c r="L2991">
        <f t="shared" si="345"/>
        <v>7.5837667901552726</v>
      </c>
      <c r="M2991">
        <f t="shared" si="346"/>
        <v>0</v>
      </c>
      <c r="N2991" s="46">
        <f t="shared" si="347"/>
        <v>45415.208333326162</v>
      </c>
    </row>
    <row r="2992" spans="2:14" x14ac:dyDescent="0.3">
      <c r="B2992">
        <f t="shared" si="341"/>
        <v>5</v>
      </c>
      <c r="C2992" s="16">
        <v>2958</v>
      </c>
      <c r="D2992" cm="1">
        <f t="array" ref="D2992">IFERROR(INDEX(Jesper!AH$2:AH$366,ROUNDDOWN($C2992/24,0)+1,1)*INDEX($D$3:$AA$30,INDEX(Jesper!$R$2:$R$366,ROW(INDEX(Jesper!AH$2:AH$366,ROUNDDOWN($C2992/24,0)+1,1))-1)+IF('Standard Profiles'!$G$18=$B$10,7,0)+IF('Standard Profiles'!$G$18=$B$17,14,0)+IF('Standard Profiles'!$G$18=$B$24,21,0),MOD($C2992,24)+1)/SUM(INDEX($D$3:$AA$30,INDEX(Jesper!$R$2:$R$366,ROW(INDEX(Jesper!AH$2:AH$366,ROUNDDOWN($C2992/24,0)+1,1))-1)+IF('Standard Profiles'!$G$18=$B$10,7,0)+IF('Standard Profiles'!$G$18=$B$17,14,0)+IF('Standard Profiles'!$G$18=$B$24,21,0),0)),0)</f>
        <v>12.712252761275604</v>
      </c>
      <c r="E2992" cm="1">
        <f t="array" ref="E2992">IFERROR(INDEX(Jesper!AI$2:AI$366,ROUNDDOWN($C2992/24,0)+1,1)*INDEX($D$3:$AA$30,INDEX(Jesper!$R$2:$R$366,ROW(INDEX(Jesper!AI$2:AI$366,ROUNDDOWN($C2992/24,0)+1,1))-1)+IF('Standard Profiles'!$G$19=$B$10,7,0)+IF('Standard Profiles'!$G$19=$B$17,14,0)+IF('Standard Profiles'!$G$19=$B$24,21,0),MOD($C2992,24)+1)/SUM(INDEX($D$3:$AA$30,INDEX(Jesper!$R$2:$R$366,ROW(INDEX(Jesper!AI$2:AI$366,ROUNDDOWN($C2992/24,0)+1,1))-1)+IF('Standard Profiles'!$G$19=$B$10,7,0)+IF('Standard Profiles'!$G$19=$B$17,14,0)+IF('Standard Profiles'!$G$19=$B$24,21,0),0)),0)</f>
        <v>0</v>
      </c>
      <c r="F2992" cm="1">
        <f t="array" ref="F2992">IFERROR(INDEX(Jesper!AJ$2:AJ$366,ROUNDDOWN($C2992/24,0)+1,1)*INDEX($D$3:$AA$30,INDEX(Jesper!$R$2:$R$366,ROW(INDEX(Jesper!AJ$2:AJ$366,ROUNDDOWN($C2992/24,0)+1,1))-1)+IF('Standard Profiles'!$G$20=$B$10,7,0)+IF('Standard Profiles'!$G$20=$B$17,14,0)+IF('Standard Profiles'!$G$20=$B$24,21,0),MOD($C2992,24)+1)/SUM(INDEX($D$3:$AA$30,INDEX(Jesper!$R$2:$R$366,ROW(INDEX(Jesper!AJ$2:AJ$366,ROUNDDOWN($C2992/24,0)+1,1))-1)+IF('Standard Profiles'!$G$20=$B$10,7,0)+IF('Standard Profiles'!$G$20=$B$17,14,0)+IF('Standard Profiles'!$G$20=$B$24,21,0),0)),0)</f>
        <v>0</v>
      </c>
      <c r="G2992" cm="1">
        <f t="array" ref="G2992">IFERROR(INDEX(Jesper!AK$2:AK$366,ROUNDDOWN($C2992/24,0)+1,1)*INDEX($D$3:$AA$30,INDEX(Jesper!$R$2:$R$366,ROW(INDEX(Jesper!AK$2:AK$366,ROUNDDOWN($C2992/24,0)+1,1))-1)+IF('Standard Profiles'!$G$21=$B$10,7,0)+IF('Standard Profiles'!$G$21=$B$17,14,0)+IF('Standard Profiles'!$G$21=$B$24,21,0),MOD($C2992,24)+1)/SUM(INDEX($D$3:$AA$30,INDEX(Jesper!$R$2:$R$366,ROW(INDEX(Jesper!AK$2:AK$366,ROUNDDOWN($C2992/24,0)+1,1))-1)+IF('Standard Profiles'!$G$21=$B$10,7,0)+IF('Standard Profiles'!$G$21=$B$17,14,0)+IF('Standard Profiles'!$G$21=$B$24,21,0),0)),0)</f>
        <v>0</v>
      </c>
      <c r="H2992" cm="1">
        <f t="array" ref="H2992">IFERROR(INDEX(Jesper!AL$2:AL$366,ROUNDDOWN($C2992/24,0)+1,1)*INDEX($D$3:$AA$30,INDEX(Jesper!$R$2:$R$366,ROW(INDEX(Jesper!AL$2:AL$366,ROUNDDOWN($C2992/24,0)+1,1))-1)+IF('Standard Profiles'!$G$22=$B$10,7,0)+IF('Standard Profiles'!$G$22=$B$17,14,0)+IF('Standard Profiles'!$G$22=$B$24,21,0),MOD($C2992,24)+1)/SUM(INDEX($D$3:$AA$30,INDEX(Jesper!$R$2:$R$366,ROW(INDEX(Jesper!AL$2:AL$366,ROUNDDOWN($C2992/24,0)+1,1))-1)+IF('Standard Profiles'!$G$22=$B$10,7,0)+IF('Standard Profiles'!$G$22=$B$17,14,0)+IF('Standard Profiles'!$G$22=$B$24,21,0),0)),0)</f>
        <v>0</v>
      </c>
      <c r="I2992">
        <f t="shared" si="342"/>
        <v>0.3813675828382681</v>
      </c>
      <c r="J2992">
        <f t="shared" si="343"/>
        <v>1.2712252761275604</v>
      </c>
      <c r="K2992">
        <f t="shared" si="344"/>
        <v>1.9068379141913405</v>
      </c>
      <c r="L2992">
        <f t="shared" si="345"/>
        <v>9.1528219881184345</v>
      </c>
      <c r="M2992">
        <f t="shared" si="346"/>
        <v>0</v>
      </c>
      <c r="N2992" s="46">
        <f t="shared" si="347"/>
        <v>45415.249999992826</v>
      </c>
    </row>
    <row r="2993" spans="2:14" x14ac:dyDescent="0.3">
      <c r="B2993">
        <f t="shared" si="341"/>
        <v>5</v>
      </c>
      <c r="C2993" s="16">
        <v>2959</v>
      </c>
      <c r="D2993" cm="1">
        <f t="array" ref="D2993">IFERROR(INDEX(Jesper!AH$2:AH$366,ROUNDDOWN($C2993/24,0)+1,1)*INDEX($D$3:$AA$30,INDEX(Jesper!$R$2:$R$366,ROW(INDEX(Jesper!AH$2:AH$366,ROUNDDOWN($C2993/24,0)+1,1))-1)+IF('Standard Profiles'!$G$18=$B$10,7,0)+IF('Standard Profiles'!$G$18=$B$17,14,0)+IF('Standard Profiles'!$G$18=$B$24,21,0),MOD($C2993,24)+1)/SUM(INDEX($D$3:$AA$30,INDEX(Jesper!$R$2:$R$366,ROW(INDEX(Jesper!AH$2:AH$366,ROUNDDOWN($C2993/24,0)+1,1))-1)+IF('Standard Profiles'!$G$18=$B$10,7,0)+IF('Standard Profiles'!$G$18=$B$17,14,0)+IF('Standard Profiles'!$G$18=$B$24,21,0),0)),0)</f>
        <v>12.712252761275604</v>
      </c>
      <c r="E2993" cm="1">
        <f t="array" ref="E2993">IFERROR(INDEX(Jesper!AI$2:AI$366,ROUNDDOWN($C2993/24,0)+1,1)*INDEX($D$3:$AA$30,INDEX(Jesper!$R$2:$R$366,ROW(INDEX(Jesper!AI$2:AI$366,ROUNDDOWN($C2993/24,0)+1,1))-1)+IF('Standard Profiles'!$G$19=$B$10,7,0)+IF('Standard Profiles'!$G$19=$B$17,14,0)+IF('Standard Profiles'!$G$19=$B$24,21,0),MOD($C2993,24)+1)/SUM(INDEX($D$3:$AA$30,INDEX(Jesper!$R$2:$R$366,ROW(INDEX(Jesper!AI$2:AI$366,ROUNDDOWN($C2993/24,0)+1,1))-1)+IF('Standard Profiles'!$G$19=$B$10,7,0)+IF('Standard Profiles'!$G$19=$B$17,14,0)+IF('Standard Profiles'!$G$19=$B$24,21,0),0)),0)</f>
        <v>0</v>
      </c>
      <c r="F2993" cm="1">
        <f t="array" ref="F2993">IFERROR(INDEX(Jesper!AJ$2:AJ$366,ROUNDDOWN($C2993/24,0)+1,1)*INDEX($D$3:$AA$30,INDEX(Jesper!$R$2:$R$366,ROW(INDEX(Jesper!AJ$2:AJ$366,ROUNDDOWN($C2993/24,0)+1,1))-1)+IF('Standard Profiles'!$G$20=$B$10,7,0)+IF('Standard Profiles'!$G$20=$B$17,14,0)+IF('Standard Profiles'!$G$20=$B$24,21,0),MOD($C2993,24)+1)/SUM(INDEX($D$3:$AA$30,INDEX(Jesper!$R$2:$R$366,ROW(INDEX(Jesper!AJ$2:AJ$366,ROUNDDOWN($C2993/24,0)+1,1))-1)+IF('Standard Profiles'!$G$20=$B$10,7,0)+IF('Standard Profiles'!$G$20=$B$17,14,0)+IF('Standard Profiles'!$G$20=$B$24,21,0),0)),0)</f>
        <v>0</v>
      </c>
      <c r="G2993" cm="1">
        <f t="array" ref="G2993">IFERROR(INDEX(Jesper!AK$2:AK$366,ROUNDDOWN($C2993/24,0)+1,1)*INDEX($D$3:$AA$30,INDEX(Jesper!$R$2:$R$366,ROW(INDEX(Jesper!AK$2:AK$366,ROUNDDOWN($C2993/24,0)+1,1))-1)+IF('Standard Profiles'!$G$21=$B$10,7,0)+IF('Standard Profiles'!$G$21=$B$17,14,0)+IF('Standard Profiles'!$G$21=$B$24,21,0),MOD($C2993,24)+1)/SUM(INDEX($D$3:$AA$30,INDEX(Jesper!$R$2:$R$366,ROW(INDEX(Jesper!AK$2:AK$366,ROUNDDOWN($C2993/24,0)+1,1))-1)+IF('Standard Profiles'!$G$21=$B$10,7,0)+IF('Standard Profiles'!$G$21=$B$17,14,0)+IF('Standard Profiles'!$G$21=$B$24,21,0),0)),0)</f>
        <v>0</v>
      </c>
      <c r="H2993" cm="1">
        <f t="array" ref="H2993">IFERROR(INDEX(Jesper!AL$2:AL$366,ROUNDDOWN($C2993/24,0)+1,1)*INDEX($D$3:$AA$30,INDEX(Jesper!$R$2:$R$366,ROW(INDEX(Jesper!AL$2:AL$366,ROUNDDOWN($C2993/24,0)+1,1))-1)+IF('Standard Profiles'!$G$22=$B$10,7,0)+IF('Standard Profiles'!$G$22=$B$17,14,0)+IF('Standard Profiles'!$G$22=$B$24,21,0),MOD($C2993,24)+1)/SUM(INDEX($D$3:$AA$30,INDEX(Jesper!$R$2:$R$366,ROW(INDEX(Jesper!AL$2:AL$366,ROUNDDOWN($C2993/24,0)+1,1))-1)+IF('Standard Profiles'!$G$22=$B$10,7,0)+IF('Standard Profiles'!$G$22=$B$17,14,0)+IF('Standard Profiles'!$G$22=$B$24,21,0),0)),0)</f>
        <v>0</v>
      </c>
      <c r="I2993">
        <f t="shared" si="342"/>
        <v>0.3813675828382681</v>
      </c>
      <c r="J2993">
        <f t="shared" si="343"/>
        <v>1.2712252761275604</v>
      </c>
      <c r="K2993">
        <f t="shared" si="344"/>
        <v>1.9068379141913405</v>
      </c>
      <c r="L2993">
        <f t="shared" si="345"/>
        <v>9.1528219881184345</v>
      </c>
      <c r="M2993">
        <f t="shared" si="346"/>
        <v>0</v>
      </c>
      <c r="N2993" s="46">
        <f t="shared" si="347"/>
        <v>45415.29166665949</v>
      </c>
    </row>
    <row r="2994" spans="2:14" x14ac:dyDescent="0.3">
      <c r="B2994">
        <f t="shared" si="341"/>
        <v>5</v>
      </c>
      <c r="C2994" s="16">
        <v>2960</v>
      </c>
      <c r="D2994" cm="1">
        <f t="array" ref="D2994">IFERROR(INDEX(Jesper!AH$2:AH$366,ROUNDDOWN($C2994/24,0)+1,1)*INDEX($D$3:$AA$30,INDEX(Jesper!$R$2:$R$366,ROW(INDEX(Jesper!AH$2:AH$366,ROUNDDOWN($C2994/24,0)+1,1))-1)+IF('Standard Profiles'!$G$18=$B$10,7,0)+IF('Standard Profiles'!$G$18=$B$17,14,0)+IF('Standard Profiles'!$G$18=$B$24,21,0),MOD($C2994,24)+1)/SUM(INDEX($D$3:$AA$30,INDEX(Jesper!$R$2:$R$366,ROW(INDEX(Jesper!AH$2:AH$366,ROUNDDOWN($C2994/24,0)+1,1))-1)+IF('Standard Profiles'!$G$18=$B$10,7,0)+IF('Standard Profiles'!$G$18=$B$17,14,0)+IF('Standard Profiles'!$G$18=$B$24,21,0),0)),0)</f>
        <v>12.712252761275604</v>
      </c>
      <c r="E2994" cm="1">
        <f t="array" ref="E2994">IFERROR(INDEX(Jesper!AI$2:AI$366,ROUNDDOWN($C2994/24,0)+1,1)*INDEX($D$3:$AA$30,INDEX(Jesper!$R$2:$R$366,ROW(INDEX(Jesper!AI$2:AI$366,ROUNDDOWN($C2994/24,0)+1,1))-1)+IF('Standard Profiles'!$G$19=$B$10,7,0)+IF('Standard Profiles'!$G$19=$B$17,14,0)+IF('Standard Profiles'!$G$19=$B$24,21,0),MOD($C2994,24)+1)/SUM(INDEX($D$3:$AA$30,INDEX(Jesper!$R$2:$R$366,ROW(INDEX(Jesper!AI$2:AI$366,ROUNDDOWN($C2994/24,0)+1,1))-1)+IF('Standard Profiles'!$G$19=$B$10,7,0)+IF('Standard Profiles'!$G$19=$B$17,14,0)+IF('Standard Profiles'!$G$19=$B$24,21,0),0)),0)</f>
        <v>0</v>
      </c>
      <c r="F2994" cm="1">
        <f t="array" ref="F2994">IFERROR(INDEX(Jesper!AJ$2:AJ$366,ROUNDDOWN($C2994/24,0)+1,1)*INDEX($D$3:$AA$30,INDEX(Jesper!$R$2:$R$366,ROW(INDEX(Jesper!AJ$2:AJ$366,ROUNDDOWN($C2994/24,0)+1,1))-1)+IF('Standard Profiles'!$G$20=$B$10,7,0)+IF('Standard Profiles'!$G$20=$B$17,14,0)+IF('Standard Profiles'!$G$20=$B$24,21,0),MOD($C2994,24)+1)/SUM(INDEX($D$3:$AA$30,INDEX(Jesper!$R$2:$R$366,ROW(INDEX(Jesper!AJ$2:AJ$366,ROUNDDOWN($C2994/24,0)+1,1))-1)+IF('Standard Profiles'!$G$20=$B$10,7,0)+IF('Standard Profiles'!$G$20=$B$17,14,0)+IF('Standard Profiles'!$G$20=$B$24,21,0),0)),0)</f>
        <v>0</v>
      </c>
      <c r="G2994" cm="1">
        <f t="array" ref="G2994">IFERROR(INDEX(Jesper!AK$2:AK$366,ROUNDDOWN($C2994/24,0)+1,1)*INDEX($D$3:$AA$30,INDEX(Jesper!$R$2:$R$366,ROW(INDEX(Jesper!AK$2:AK$366,ROUNDDOWN($C2994/24,0)+1,1))-1)+IF('Standard Profiles'!$G$21=$B$10,7,0)+IF('Standard Profiles'!$G$21=$B$17,14,0)+IF('Standard Profiles'!$G$21=$B$24,21,0),MOD($C2994,24)+1)/SUM(INDEX($D$3:$AA$30,INDEX(Jesper!$R$2:$R$366,ROW(INDEX(Jesper!AK$2:AK$366,ROUNDDOWN($C2994/24,0)+1,1))-1)+IF('Standard Profiles'!$G$21=$B$10,7,0)+IF('Standard Profiles'!$G$21=$B$17,14,0)+IF('Standard Profiles'!$G$21=$B$24,21,0),0)),0)</f>
        <v>0</v>
      </c>
      <c r="H2994" cm="1">
        <f t="array" ref="H2994">IFERROR(INDEX(Jesper!AL$2:AL$366,ROUNDDOWN($C2994/24,0)+1,1)*INDEX($D$3:$AA$30,INDEX(Jesper!$R$2:$R$366,ROW(INDEX(Jesper!AL$2:AL$366,ROUNDDOWN($C2994/24,0)+1,1))-1)+IF('Standard Profiles'!$G$22=$B$10,7,0)+IF('Standard Profiles'!$G$22=$B$17,14,0)+IF('Standard Profiles'!$G$22=$B$24,21,0),MOD($C2994,24)+1)/SUM(INDEX($D$3:$AA$30,INDEX(Jesper!$R$2:$R$366,ROW(INDEX(Jesper!AL$2:AL$366,ROUNDDOWN($C2994/24,0)+1,1))-1)+IF('Standard Profiles'!$G$22=$B$10,7,0)+IF('Standard Profiles'!$G$22=$B$17,14,0)+IF('Standard Profiles'!$G$22=$B$24,21,0),0)),0)</f>
        <v>0</v>
      </c>
      <c r="I2994">
        <f t="shared" si="342"/>
        <v>0.3813675828382681</v>
      </c>
      <c r="J2994">
        <f t="shared" si="343"/>
        <v>1.2712252761275604</v>
      </c>
      <c r="K2994">
        <f t="shared" si="344"/>
        <v>1.9068379141913405</v>
      </c>
      <c r="L2994">
        <f t="shared" si="345"/>
        <v>9.1528219881184345</v>
      </c>
      <c r="M2994">
        <f t="shared" si="346"/>
        <v>0</v>
      </c>
      <c r="N2994" s="46">
        <f t="shared" si="347"/>
        <v>45415.333333326154</v>
      </c>
    </row>
    <row r="2995" spans="2:14" x14ac:dyDescent="0.3">
      <c r="B2995">
        <f t="shared" si="341"/>
        <v>5</v>
      </c>
      <c r="C2995" s="16">
        <v>2961</v>
      </c>
      <c r="D2995" cm="1">
        <f t="array" ref="D2995">IFERROR(INDEX(Jesper!AH$2:AH$366,ROUNDDOWN($C2995/24,0)+1,1)*INDEX($D$3:$AA$30,INDEX(Jesper!$R$2:$R$366,ROW(INDEX(Jesper!AH$2:AH$366,ROUNDDOWN($C2995/24,0)+1,1))-1)+IF('Standard Profiles'!$G$18=$B$10,7,0)+IF('Standard Profiles'!$G$18=$B$17,14,0)+IF('Standard Profiles'!$G$18=$B$24,21,0),MOD($C2995,24)+1)/SUM(INDEX($D$3:$AA$30,INDEX(Jesper!$R$2:$R$366,ROW(INDEX(Jesper!AH$2:AH$366,ROUNDDOWN($C2995/24,0)+1,1))-1)+IF('Standard Profiles'!$G$18=$B$10,7,0)+IF('Standard Profiles'!$G$18=$B$17,14,0)+IF('Standard Profiles'!$G$18=$B$24,21,0),0)),0)</f>
        <v>13.620270815652432</v>
      </c>
      <c r="E2995" cm="1">
        <f t="array" ref="E2995">IFERROR(INDEX(Jesper!AI$2:AI$366,ROUNDDOWN($C2995/24,0)+1,1)*INDEX($D$3:$AA$30,INDEX(Jesper!$R$2:$R$366,ROW(INDEX(Jesper!AI$2:AI$366,ROUNDDOWN($C2995/24,0)+1,1))-1)+IF('Standard Profiles'!$G$19=$B$10,7,0)+IF('Standard Profiles'!$G$19=$B$17,14,0)+IF('Standard Profiles'!$G$19=$B$24,21,0),MOD($C2995,24)+1)/SUM(INDEX($D$3:$AA$30,INDEX(Jesper!$R$2:$R$366,ROW(INDEX(Jesper!AI$2:AI$366,ROUNDDOWN($C2995/24,0)+1,1))-1)+IF('Standard Profiles'!$G$19=$B$10,7,0)+IF('Standard Profiles'!$G$19=$B$17,14,0)+IF('Standard Profiles'!$G$19=$B$24,21,0),0)),0)</f>
        <v>0</v>
      </c>
      <c r="F2995" cm="1">
        <f t="array" ref="F2995">IFERROR(INDEX(Jesper!AJ$2:AJ$366,ROUNDDOWN($C2995/24,0)+1,1)*INDEX($D$3:$AA$30,INDEX(Jesper!$R$2:$R$366,ROW(INDEX(Jesper!AJ$2:AJ$366,ROUNDDOWN($C2995/24,0)+1,1))-1)+IF('Standard Profiles'!$G$20=$B$10,7,0)+IF('Standard Profiles'!$G$20=$B$17,14,0)+IF('Standard Profiles'!$G$20=$B$24,21,0),MOD($C2995,24)+1)/SUM(INDEX($D$3:$AA$30,INDEX(Jesper!$R$2:$R$366,ROW(INDEX(Jesper!AJ$2:AJ$366,ROUNDDOWN($C2995/24,0)+1,1))-1)+IF('Standard Profiles'!$G$20=$B$10,7,0)+IF('Standard Profiles'!$G$20=$B$17,14,0)+IF('Standard Profiles'!$G$20=$B$24,21,0),0)),0)</f>
        <v>0</v>
      </c>
      <c r="G2995" cm="1">
        <f t="array" ref="G2995">IFERROR(INDEX(Jesper!AK$2:AK$366,ROUNDDOWN($C2995/24,0)+1,1)*INDEX($D$3:$AA$30,INDEX(Jesper!$R$2:$R$366,ROW(INDEX(Jesper!AK$2:AK$366,ROUNDDOWN($C2995/24,0)+1,1))-1)+IF('Standard Profiles'!$G$21=$B$10,7,0)+IF('Standard Profiles'!$G$21=$B$17,14,0)+IF('Standard Profiles'!$G$21=$B$24,21,0),MOD($C2995,24)+1)/SUM(INDEX($D$3:$AA$30,INDEX(Jesper!$R$2:$R$366,ROW(INDEX(Jesper!AK$2:AK$366,ROUNDDOWN($C2995/24,0)+1,1))-1)+IF('Standard Profiles'!$G$21=$B$10,7,0)+IF('Standard Profiles'!$G$21=$B$17,14,0)+IF('Standard Profiles'!$G$21=$B$24,21,0),0)),0)</f>
        <v>0</v>
      </c>
      <c r="H2995" cm="1">
        <f t="array" ref="H2995">IFERROR(INDEX(Jesper!AL$2:AL$366,ROUNDDOWN($C2995/24,0)+1,1)*INDEX($D$3:$AA$30,INDEX(Jesper!$R$2:$R$366,ROW(INDEX(Jesper!AL$2:AL$366,ROUNDDOWN($C2995/24,0)+1,1))-1)+IF('Standard Profiles'!$G$22=$B$10,7,0)+IF('Standard Profiles'!$G$22=$B$17,14,0)+IF('Standard Profiles'!$G$22=$B$24,21,0),MOD($C2995,24)+1)/SUM(INDEX($D$3:$AA$30,INDEX(Jesper!$R$2:$R$366,ROW(INDEX(Jesper!AL$2:AL$366,ROUNDDOWN($C2995/24,0)+1,1))-1)+IF('Standard Profiles'!$G$22=$B$10,7,0)+IF('Standard Profiles'!$G$22=$B$17,14,0)+IF('Standard Profiles'!$G$22=$B$24,21,0),0)),0)</f>
        <v>0</v>
      </c>
      <c r="I2995">
        <f t="shared" si="342"/>
        <v>0.40860812446957295</v>
      </c>
      <c r="J2995">
        <f t="shared" si="343"/>
        <v>1.3620270815652433</v>
      </c>
      <c r="K2995">
        <f t="shared" si="344"/>
        <v>2.0430406223478648</v>
      </c>
      <c r="L2995">
        <f t="shared" si="345"/>
        <v>9.8065949872697509</v>
      </c>
      <c r="M2995">
        <f t="shared" si="346"/>
        <v>0</v>
      </c>
      <c r="N2995" s="46">
        <f t="shared" si="347"/>
        <v>45415.374999992819</v>
      </c>
    </row>
    <row r="2996" spans="2:14" x14ac:dyDescent="0.3">
      <c r="B2996">
        <f t="shared" si="341"/>
        <v>5</v>
      </c>
      <c r="C2996" s="16">
        <v>2962</v>
      </c>
      <c r="D2996" cm="1">
        <f t="array" ref="D2996">IFERROR(INDEX(Jesper!AH$2:AH$366,ROUNDDOWN($C2996/24,0)+1,1)*INDEX($D$3:$AA$30,INDEX(Jesper!$R$2:$R$366,ROW(INDEX(Jesper!AH$2:AH$366,ROUNDDOWN($C2996/24,0)+1,1))-1)+IF('Standard Profiles'!$G$18=$B$10,7,0)+IF('Standard Profiles'!$G$18=$B$17,14,0)+IF('Standard Profiles'!$G$18=$B$24,21,0),MOD($C2996,24)+1)/SUM(INDEX($D$3:$AA$30,INDEX(Jesper!$R$2:$R$366,ROW(INDEX(Jesper!AH$2:AH$366,ROUNDDOWN($C2996/24,0)+1,1))-1)+IF('Standard Profiles'!$G$18=$B$10,7,0)+IF('Standard Profiles'!$G$18=$B$17,14,0)+IF('Standard Profiles'!$G$18=$B$24,21,0),0)),0)</f>
        <v>14.16508164827853</v>
      </c>
      <c r="E2996" cm="1">
        <f t="array" ref="E2996">IFERROR(INDEX(Jesper!AI$2:AI$366,ROUNDDOWN($C2996/24,0)+1,1)*INDEX($D$3:$AA$30,INDEX(Jesper!$R$2:$R$366,ROW(INDEX(Jesper!AI$2:AI$366,ROUNDDOWN($C2996/24,0)+1,1))-1)+IF('Standard Profiles'!$G$19=$B$10,7,0)+IF('Standard Profiles'!$G$19=$B$17,14,0)+IF('Standard Profiles'!$G$19=$B$24,21,0),MOD($C2996,24)+1)/SUM(INDEX($D$3:$AA$30,INDEX(Jesper!$R$2:$R$366,ROW(INDEX(Jesper!AI$2:AI$366,ROUNDDOWN($C2996/24,0)+1,1))-1)+IF('Standard Profiles'!$G$19=$B$10,7,0)+IF('Standard Profiles'!$G$19=$B$17,14,0)+IF('Standard Profiles'!$G$19=$B$24,21,0),0)),0)</f>
        <v>0</v>
      </c>
      <c r="F2996" cm="1">
        <f t="array" ref="F2996">IFERROR(INDEX(Jesper!AJ$2:AJ$366,ROUNDDOWN($C2996/24,0)+1,1)*INDEX($D$3:$AA$30,INDEX(Jesper!$R$2:$R$366,ROW(INDEX(Jesper!AJ$2:AJ$366,ROUNDDOWN($C2996/24,0)+1,1))-1)+IF('Standard Profiles'!$G$20=$B$10,7,0)+IF('Standard Profiles'!$G$20=$B$17,14,0)+IF('Standard Profiles'!$G$20=$B$24,21,0),MOD($C2996,24)+1)/SUM(INDEX($D$3:$AA$30,INDEX(Jesper!$R$2:$R$366,ROW(INDEX(Jesper!AJ$2:AJ$366,ROUNDDOWN($C2996/24,0)+1,1))-1)+IF('Standard Profiles'!$G$20=$B$10,7,0)+IF('Standard Profiles'!$G$20=$B$17,14,0)+IF('Standard Profiles'!$G$20=$B$24,21,0),0)),0)</f>
        <v>0</v>
      </c>
      <c r="G2996" cm="1">
        <f t="array" ref="G2996">IFERROR(INDEX(Jesper!AK$2:AK$366,ROUNDDOWN($C2996/24,0)+1,1)*INDEX($D$3:$AA$30,INDEX(Jesper!$R$2:$R$366,ROW(INDEX(Jesper!AK$2:AK$366,ROUNDDOWN($C2996/24,0)+1,1))-1)+IF('Standard Profiles'!$G$21=$B$10,7,0)+IF('Standard Profiles'!$G$21=$B$17,14,0)+IF('Standard Profiles'!$G$21=$B$24,21,0),MOD($C2996,24)+1)/SUM(INDEX($D$3:$AA$30,INDEX(Jesper!$R$2:$R$366,ROW(INDEX(Jesper!AK$2:AK$366,ROUNDDOWN($C2996/24,0)+1,1))-1)+IF('Standard Profiles'!$G$21=$B$10,7,0)+IF('Standard Profiles'!$G$21=$B$17,14,0)+IF('Standard Profiles'!$G$21=$B$24,21,0),0)),0)</f>
        <v>0</v>
      </c>
      <c r="H2996" cm="1">
        <f t="array" ref="H2996">IFERROR(INDEX(Jesper!AL$2:AL$366,ROUNDDOWN($C2996/24,0)+1,1)*INDEX($D$3:$AA$30,INDEX(Jesper!$R$2:$R$366,ROW(INDEX(Jesper!AL$2:AL$366,ROUNDDOWN($C2996/24,0)+1,1))-1)+IF('Standard Profiles'!$G$22=$B$10,7,0)+IF('Standard Profiles'!$G$22=$B$17,14,0)+IF('Standard Profiles'!$G$22=$B$24,21,0),MOD($C2996,24)+1)/SUM(INDEX($D$3:$AA$30,INDEX(Jesper!$R$2:$R$366,ROW(INDEX(Jesper!AL$2:AL$366,ROUNDDOWN($C2996/24,0)+1,1))-1)+IF('Standard Profiles'!$G$22=$B$10,7,0)+IF('Standard Profiles'!$G$22=$B$17,14,0)+IF('Standard Profiles'!$G$22=$B$24,21,0),0)),0)</f>
        <v>0</v>
      </c>
      <c r="I2996">
        <f t="shared" si="342"/>
        <v>0.42495244944835592</v>
      </c>
      <c r="J2996">
        <f t="shared" si="343"/>
        <v>1.416508164827853</v>
      </c>
      <c r="K2996">
        <f t="shared" si="344"/>
        <v>2.1247622472417795</v>
      </c>
      <c r="L2996">
        <f t="shared" si="345"/>
        <v>10.198858786760541</v>
      </c>
      <c r="M2996">
        <f t="shared" si="346"/>
        <v>0</v>
      </c>
      <c r="N2996" s="46">
        <f t="shared" si="347"/>
        <v>45415.416666659483</v>
      </c>
    </row>
    <row r="2997" spans="2:14" x14ac:dyDescent="0.3">
      <c r="B2997">
        <f t="shared" si="341"/>
        <v>5</v>
      </c>
      <c r="C2997" s="16">
        <v>2963</v>
      </c>
      <c r="D2997" cm="1">
        <f t="array" ref="D2997">IFERROR(INDEX(Jesper!AH$2:AH$366,ROUNDDOWN($C2997/24,0)+1,1)*INDEX($D$3:$AA$30,INDEX(Jesper!$R$2:$R$366,ROW(INDEX(Jesper!AH$2:AH$366,ROUNDDOWN($C2997/24,0)+1,1))-1)+IF('Standard Profiles'!$G$18=$B$10,7,0)+IF('Standard Profiles'!$G$18=$B$17,14,0)+IF('Standard Profiles'!$G$18=$B$24,21,0),MOD($C2997,24)+1)/SUM(INDEX($D$3:$AA$30,INDEX(Jesper!$R$2:$R$366,ROW(INDEX(Jesper!AH$2:AH$366,ROUNDDOWN($C2997/24,0)+1,1))-1)+IF('Standard Profiles'!$G$18=$B$10,7,0)+IF('Standard Profiles'!$G$18=$B$17,14,0)+IF('Standard Profiles'!$G$18=$B$24,21,0),0)),0)</f>
        <v>16.344324978782918</v>
      </c>
      <c r="E2997" cm="1">
        <f t="array" ref="E2997">IFERROR(INDEX(Jesper!AI$2:AI$366,ROUNDDOWN($C2997/24,0)+1,1)*INDEX($D$3:$AA$30,INDEX(Jesper!$R$2:$R$366,ROW(INDEX(Jesper!AI$2:AI$366,ROUNDDOWN($C2997/24,0)+1,1))-1)+IF('Standard Profiles'!$G$19=$B$10,7,0)+IF('Standard Profiles'!$G$19=$B$17,14,0)+IF('Standard Profiles'!$G$19=$B$24,21,0),MOD($C2997,24)+1)/SUM(INDEX($D$3:$AA$30,INDEX(Jesper!$R$2:$R$366,ROW(INDEX(Jesper!AI$2:AI$366,ROUNDDOWN($C2997/24,0)+1,1))-1)+IF('Standard Profiles'!$G$19=$B$10,7,0)+IF('Standard Profiles'!$G$19=$B$17,14,0)+IF('Standard Profiles'!$G$19=$B$24,21,0),0)),0)</f>
        <v>0</v>
      </c>
      <c r="F2997" cm="1">
        <f t="array" ref="F2997">IFERROR(INDEX(Jesper!AJ$2:AJ$366,ROUNDDOWN($C2997/24,0)+1,1)*INDEX($D$3:$AA$30,INDEX(Jesper!$R$2:$R$366,ROW(INDEX(Jesper!AJ$2:AJ$366,ROUNDDOWN($C2997/24,0)+1,1))-1)+IF('Standard Profiles'!$G$20=$B$10,7,0)+IF('Standard Profiles'!$G$20=$B$17,14,0)+IF('Standard Profiles'!$G$20=$B$24,21,0),MOD($C2997,24)+1)/SUM(INDEX($D$3:$AA$30,INDEX(Jesper!$R$2:$R$366,ROW(INDEX(Jesper!AJ$2:AJ$366,ROUNDDOWN($C2997/24,0)+1,1))-1)+IF('Standard Profiles'!$G$20=$B$10,7,0)+IF('Standard Profiles'!$G$20=$B$17,14,0)+IF('Standard Profiles'!$G$20=$B$24,21,0),0)),0)</f>
        <v>0</v>
      </c>
      <c r="G2997" cm="1">
        <f t="array" ref="G2997">IFERROR(INDEX(Jesper!AK$2:AK$366,ROUNDDOWN($C2997/24,0)+1,1)*INDEX($D$3:$AA$30,INDEX(Jesper!$R$2:$R$366,ROW(INDEX(Jesper!AK$2:AK$366,ROUNDDOWN($C2997/24,0)+1,1))-1)+IF('Standard Profiles'!$G$21=$B$10,7,0)+IF('Standard Profiles'!$G$21=$B$17,14,0)+IF('Standard Profiles'!$G$21=$B$24,21,0),MOD($C2997,24)+1)/SUM(INDEX($D$3:$AA$30,INDEX(Jesper!$R$2:$R$366,ROW(INDEX(Jesper!AK$2:AK$366,ROUNDDOWN($C2997/24,0)+1,1))-1)+IF('Standard Profiles'!$G$21=$B$10,7,0)+IF('Standard Profiles'!$G$21=$B$17,14,0)+IF('Standard Profiles'!$G$21=$B$24,21,0),0)),0)</f>
        <v>0</v>
      </c>
      <c r="H2997" cm="1">
        <f t="array" ref="H2997">IFERROR(INDEX(Jesper!AL$2:AL$366,ROUNDDOWN($C2997/24,0)+1,1)*INDEX($D$3:$AA$30,INDEX(Jesper!$R$2:$R$366,ROW(INDEX(Jesper!AL$2:AL$366,ROUNDDOWN($C2997/24,0)+1,1))-1)+IF('Standard Profiles'!$G$22=$B$10,7,0)+IF('Standard Profiles'!$G$22=$B$17,14,0)+IF('Standard Profiles'!$G$22=$B$24,21,0),MOD($C2997,24)+1)/SUM(INDEX($D$3:$AA$30,INDEX(Jesper!$R$2:$R$366,ROW(INDEX(Jesper!AL$2:AL$366,ROUNDDOWN($C2997/24,0)+1,1))-1)+IF('Standard Profiles'!$G$22=$B$10,7,0)+IF('Standard Profiles'!$G$22=$B$17,14,0)+IF('Standard Profiles'!$G$22=$B$24,21,0),0)),0)</f>
        <v>0</v>
      </c>
      <c r="I2997">
        <f t="shared" si="342"/>
        <v>0.4903297493634875</v>
      </c>
      <c r="J2997">
        <f t="shared" si="343"/>
        <v>1.6344324978782918</v>
      </c>
      <c r="K2997">
        <f t="shared" si="344"/>
        <v>2.4516487468174377</v>
      </c>
      <c r="L2997">
        <f t="shared" si="345"/>
        <v>11.7679139847237</v>
      </c>
      <c r="M2997">
        <f t="shared" si="346"/>
        <v>0</v>
      </c>
      <c r="N2997" s="46">
        <f t="shared" si="347"/>
        <v>45415.458333326147</v>
      </c>
    </row>
    <row r="2998" spans="2:14" x14ac:dyDescent="0.3">
      <c r="B2998">
        <f t="shared" si="341"/>
        <v>5</v>
      </c>
      <c r="C2998" s="16">
        <v>2964</v>
      </c>
      <c r="D2998" cm="1">
        <f t="array" ref="D2998">IFERROR(INDEX(Jesper!AH$2:AH$366,ROUNDDOWN($C2998/24,0)+1,1)*INDEX($D$3:$AA$30,INDEX(Jesper!$R$2:$R$366,ROW(INDEX(Jesper!AH$2:AH$366,ROUNDDOWN($C2998/24,0)+1,1))-1)+IF('Standard Profiles'!$G$18=$B$10,7,0)+IF('Standard Profiles'!$G$18=$B$17,14,0)+IF('Standard Profiles'!$G$18=$B$24,21,0),MOD($C2998,24)+1)/SUM(INDEX($D$3:$AA$30,INDEX(Jesper!$R$2:$R$366,ROW(INDEX(Jesper!AH$2:AH$366,ROUNDDOWN($C2998/24,0)+1,1))-1)+IF('Standard Profiles'!$G$18=$B$10,7,0)+IF('Standard Profiles'!$G$18=$B$17,14,0)+IF('Standard Profiles'!$G$18=$B$24,21,0),0)),0)</f>
        <v>16.344324978782918</v>
      </c>
      <c r="E2998" cm="1">
        <f t="array" ref="E2998">IFERROR(INDEX(Jesper!AI$2:AI$366,ROUNDDOWN($C2998/24,0)+1,1)*INDEX($D$3:$AA$30,INDEX(Jesper!$R$2:$R$366,ROW(INDEX(Jesper!AI$2:AI$366,ROUNDDOWN($C2998/24,0)+1,1))-1)+IF('Standard Profiles'!$G$19=$B$10,7,0)+IF('Standard Profiles'!$G$19=$B$17,14,0)+IF('Standard Profiles'!$G$19=$B$24,21,0),MOD($C2998,24)+1)/SUM(INDEX($D$3:$AA$30,INDEX(Jesper!$R$2:$R$366,ROW(INDEX(Jesper!AI$2:AI$366,ROUNDDOWN($C2998/24,0)+1,1))-1)+IF('Standard Profiles'!$G$19=$B$10,7,0)+IF('Standard Profiles'!$G$19=$B$17,14,0)+IF('Standard Profiles'!$G$19=$B$24,21,0),0)),0)</f>
        <v>0</v>
      </c>
      <c r="F2998" cm="1">
        <f t="array" ref="F2998">IFERROR(INDEX(Jesper!AJ$2:AJ$366,ROUNDDOWN($C2998/24,0)+1,1)*INDEX($D$3:$AA$30,INDEX(Jesper!$R$2:$R$366,ROW(INDEX(Jesper!AJ$2:AJ$366,ROUNDDOWN($C2998/24,0)+1,1))-1)+IF('Standard Profiles'!$G$20=$B$10,7,0)+IF('Standard Profiles'!$G$20=$B$17,14,0)+IF('Standard Profiles'!$G$20=$B$24,21,0),MOD($C2998,24)+1)/SUM(INDEX($D$3:$AA$30,INDEX(Jesper!$R$2:$R$366,ROW(INDEX(Jesper!AJ$2:AJ$366,ROUNDDOWN($C2998/24,0)+1,1))-1)+IF('Standard Profiles'!$G$20=$B$10,7,0)+IF('Standard Profiles'!$G$20=$B$17,14,0)+IF('Standard Profiles'!$G$20=$B$24,21,0),0)),0)</f>
        <v>0</v>
      </c>
      <c r="G2998" cm="1">
        <f t="array" ref="G2998">IFERROR(INDEX(Jesper!AK$2:AK$366,ROUNDDOWN($C2998/24,0)+1,1)*INDEX($D$3:$AA$30,INDEX(Jesper!$R$2:$R$366,ROW(INDEX(Jesper!AK$2:AK$366,ROUNDDOWN($C2998/24,0)+1,1))-1)+IF('Standard Profiles'!$G$21=$B$10,7,0)+IF('Standard Profiles'!$G$21=$B$17,14,0)+IF('Standard Profiles'!$G$21=$B$24,21,0),MOD($C2998,24)+1)/SUM(INDEX($D$3:$AA$30,INDEX(Jesper!$R$2:$R$366,ROW(INDEX(Jesper!AK$2:AK$366,ROUNDDOWN($C2998/24,0)+1,1))-1)+IF('Standard Profiles'!$G$21=$B$10,7,0)+IF('Standard Profiles'!$G$21=$B$17,14,0)+IF('Standard Profiles'!$G$21=$B$24,21,0),0)),0)</f>
        <v>0</v>
      </c>
      <c r="H2998" cm="1">
        <f t="array" ref="H2998">IFERROR(INDEX(Jesper!AL$2:AL$366,ROUNDDOWN($C2998/24,0)+1,1)*INDEX($D$3:$AA$30,INDEX(Jesper!$R$2:$R$366,ROW(INDEX(Jesper!AL$2:AL$366,ROUNDDOWN($C2998/24,0)+1,1))-1)+IF('Standard Profiles'!$G$22=$B$10,7,0)+IF('Standard Profiles'!$G$22=$B$17,14,0)+IF('Standard Profiles'!$G$22=$B$24,21,0),MOD($C2998,24)+1)/SUM(INDEX($D$3:$AA$30,INDEX(Jesper!$R$2:$R$366,ROW(INDEX(Jesper!AL$2:AL$366,ROUNDDOWN($C2998/24,0)+1,1))-1)+IF('Standard Profiles'!$G$22=$B$10,7,0)+IF('Standard Profiles'!$G$22=$B$17,14,0)+IF('Standard Profiles'!$G$22=$B$24,21,0),0)),0)</f>
        <v>0</v>
      </c>
      <c r="I2998">
        <f t="shared" si="342"/>
        <v>0.4903297493634875</v>
      </c>
      <c r="J2998">
        <f t="shared" si="343"/>
        <v>1.6344324978782918</v>
      </c>
      <c r="K2998">
        <f t="shared" si="344"/>
        <v>2.4516487468174377</v>
      </c>
      <c r="L2998">
        <f t="shared" si="345"/>
        <v>11.7679139847237</v>
      </c>
      <c r="M2998">
        <f t="shared" si="346"/>
        <v>0</v>
      </c>
      <c r="N2998" s="46">
        <f t="shared" si="347"/>
        <v>45415.499999992811</v>
      </c>
    </row>
    <row r="2999" spans="2:14" x14ac:dyDescent="0.3">
      <c r="B2999">
        <f t="shared" si="341"/>
        <v>5</v>
      </c>
      <c r="C2999" s="16">
        <v>2965</v>
      </c>
      <c r="D2999" cm="1">
        <f t="array" ref="D2999">IFERROR(INDEX(Jesper!AH$2:AH$366,ROUNDDOWN($C2999/24,0)+1,1)*INDEX($D$3:$AA$30,INDEX(Jesper!$R$2:$R$366,ROW(INDEX(Jesper!AH$2:AH$366,ROUNDDOWN($C2999/24,0)+1,1))-1)+IF('Standard Profiles'!$G$18=$B$10,7,0)+IF('Standard Profiles'!$G$18=$B$17,14,0)+IF('Standard Profiles'!$G$18=$B$24,21,0),MOD($C2999,24)+1)/SUM(INDEX($D$3:$AA$30,INDEX(Jesper!$R$2:$R$366,ROW(INDEX(Jesper!AH$2:AH$366,ROUNDDOWN($C2999/24,0)+1,1))-1)+IF('Standard Profiles'!$G$18=$B$10,7,0)+IF('Standard Profiles'!$G$18=$B$17,14,0)+IF('Standard Profiles'!$G$18=$B$24,21,0),0)),0)</f>
        <v>16.344324978782918</v>
      </c>
      <c r="E2999" cm="1">
        <f t="array" ref="E2999">IFERROR(INDEX(Jesper!AI$2:AI$366,ROUNDDOWN($C2999/24,0)+1,1)*INDEX($D$3:$AA$30,INDEX(Jesper!$R$2:$R$366,ROW(INDEX(Jesper!AI$2:AI$366,ROUNDDOWN($C2999/24,0)+1,1))-1)+IF('Standard Profiles'!$G$19=$B$10,7,0)+IF('Standard Profiles'!$G$19=$B$17,14,0)+IF('Standard Profiles'!$G$19=$B$24,21,0),MOD($C2999,24)+1)/SUM(INDEX($D$3:$AA$30,INDEX(Jesper!$R$2:$R$366,ROW(INDEX(Jesper!AI$2:AI$366,ROUNDDOWN($C2999/24,0)+1,1))-1)+IF('Standard Profiles'!$G$19=$B$10,7,0)+IF('Standard Profiles'!$G$19=$B$17,14,0)+IF('Standard Profiles'!$G$19=$B$24,21,0),0)),0)</f>
        <v>0</v>
      </c>
      <c r="F2999" cm="1">
        <f t="array" ref="F2999">IFERROR(INDEX(Jesper!AJ$2:AJ$366,ROUNDDOWN($C2999/24,0)+1,1)*INDEX($D$3:$AA$30,INDEX(Jesper!$R$2:$R$366,ROW(INDEX(Jesper!AJ$2:AJ$366,ROUNDDOWN($C2999/24,0)+1,1))-1)+IF('Standard Profiles'!$G$20=$B$10,7,0)+IF('Standard Profiles'!$G$20=$B$17,14,0)+IF('Standard Profiles'!$G$20=$B$24,21,0),MOD($C2999,24)+1)/SUM(INDEX($D$3:$AA$30,INDEX(Jesper!$R$2:$R$366,ROW(INDEX(Jesper!AJ$2:AJ$366,ROUNDDOWN($C2999/24,0)+1,1))-1)+IF('Standard Profiles'!$G$20=$B$10,7,0)+IF('Standard Profiles'!$G$20=$B$17,14,0)+IF('Standard Profiles'!$G$20=$B$24,21,0),0)),0)</f>
        <v>0</v>
      </c>
      <c r="G2999" cm="1">
        <f t="array" ref="G2999">IFERROR(INDEX(Jesper!AK$2:AK$366,ROUNDDOWN($C2999/24,0)+1,1)*INDEX($D$3:$AA$30,INDEX(Jesper!$R$2:$R$366,ROW(INDEX(Jesper!AK$2:AK$366,ROUNDDOWN($C2999/24,0)+1,1))-1)+IF('Standard Profiles'!$G$21=$B$10,7,0)+IF('Standard Profiles'!$G$21=$B$17,14,0)+IF('Standard Profiles'!$G$21=$B$24,21,0),MOD($C2999,24)+1)/SUM(INDEX($D$3:$AA$30,INDEX(Jesper!$R$2:$R$366,ROW(INDEX(Jesper!AK$2:AK$366,ROUNDDOWN($C2999/24,0)+1,1))-1)+IF('Standard Profiles'!$G$21=$B$10,7,0)+IF('Standard Profiles'!$G$21=$B$17,14,0)+IF('Standard Profiles'!$G$21=$B$24,21,0),0)),0)</f>
        <v>0</v>
      </c>
      <c r="H2999" cm="1">
        <f t="array" ref="H2999">IFERROR(INDEX(Jesper!AL$2:AL$366,ROUNDDOWN($C2999/24,0)+1,1)*INDEX($D$3:$AA$30,INDEX(Jesper!$R$2:$R$366,ROW(INDEX(Jesper!AL$2:AL$366,ROUNDDOWN($C2999/24,0)+1,1))-1)+IF('Standard Profiles'!$G$22=$B$10,7,0)+IF('Standard Profiles'!$G$22=$B$17,14,0)+IF('Standard Profiles'!$G$22=$B$24,21,0),MOD($C2999,24)+1)/SUM(INDEX($D$3:$AA$30,INDEX(Jesper!$R$2:$R$366,ROW(INDEX(Jesper!AL$2:AL$366,ROUNDDOWN($C2999/24,0)+1,1))-1)+IF('Standard Profiles'!$G$22=$B$10,7,0)+IF('Standard Profiles'!$G$22=$B$17,14,0)+IF('Standard Profiles'!$G$22=$B$24,21,0),0)),0)</f>
        <v>0</v>
      </c>
      <c r="I2999">
        <f t="shared" si="342"/>
        <v>0.4903297493634875</v>
      </c>
      <c r="J2999">
        <f t="shared" si="343"/>
        <v>1.6344324978782918</v>
      </c>
      <c r="K2999">
        <f t="shared" si="344"/>
        <v>2.4516487468174377</v>
      </c>
      <c r="L2999">
        <f t="shared" si="345"/>
        <v>11.7679139847237</v>
      </c>
      <c r="M2999">
        <f t="shared" si="346"/>
        <v>0</v>
      </c>
      <c r="N2999" s="46">
        <f t="shared" si="347"/>
        <v>45415.541666659476</v>
      </c>
    </row>
    <row r="3000" spans="2:14" x14ac:dyDescent="0.3">
      <c r="B3000">
        <f t="shared" si="341"/>
        <v>5</v>
      </c>
      <c r="C3000" s="16">
        <v>2966</v>
      </c>
      <c r="D3000" cm="1">
        <f t="array" ref="D3000">IFERROR(INDEX(Jesper!AH$2:AH$366,ROUNDDOWN($C3000/24,0)+1,1)*INDEX($D$3:$AA$30,INDEX(Jesper!$R$2:$R$366,ROW(INDEX(Jesper!AH$2:AH$366,ROUNDDOWN($C3000/24,0)+1,1))-1)+IF('Standard Profiles'!$G$18=$B$10,7,0)+IF('Standard Profiles'!$G$18=$B$17,14,0)+IF('Standard Profiles'!$G$18=$B$24,21,0),MOD($C3000,24)+1)/SUM(INDEX($D$3:$AA$30,INDEX(Jesper!$R$2:$R$366,ROW(INDEX(Jesper!AH$2:AH$366,ROUNDDOWN($C3000/24,0)+1,1))-1)+IF('Standard Profiles'!$G$18=$B$10,7,0)+IF('Standard Profiles'!$G$18=$B$17,14,0)+IF('Standard Profiles'!$G$18=$B$24,21,0),0)),0)</f>
        <v>16.344324978782918</v>
      </c>
      <c r="E3000" cm="1">
        <f t="array" ref="E3000">IFERROR(INDEX(Jesper!AI$2:AI$366,ROUNDDOWN($C3000/24,0)+1,1)*INDEX($D$3:$AA$30,INDEX(Jesper!$R$2:$R$366,ROW(INDEX(Jesper!AI$2:AI$366,ROUNDDOWN($C3000/24,0)+1,1))-1)+IF('Standard Profiles'!$G$19=$B$10,7,0)+IF('Standard Profiles'!$G$19=$B$17,14,0)+IF('Standard Profiles'!$G$19=$B$24,21,0),MOD($C3000,24)+1)/SUM(INDEX($D$3:$AA$30,INDEX(Jesper!$R$2:$R$366,ROW(INDEX(Jesper!AI$2:AI$366,ROUNDDOWN($C3000/24,0)+1,1))-1)+IF('Standard Profiles'!$G$19=$B$10,7,0)+IF('Standard Profiles'!$G$19=$B$17,14,0)+IF('Standard Profiles'!$G$19=$B$24,21,0),0)),0)</f>
        <v>0</v>
      </c>
      <c r="F3000" cm="1">
        <f t="array" ref="F3000">IFERROR(INDEX(Jesper!AJ$2:AJ$366,ROUNDDOWN($C3000/24,0)+1,1)*INDEX($D$3:$AA$30,INDEX(Jesper!$R$2:$R$366,ROW(INDEX(Jesper!AJ$2:AJ$366,ROUNDDOWN($C3000/24,0)+1,1))-1)+IF('Standard Profiles'!$G$20=$B$10,7,0)+IF('Standard Profiles'!$G$20=$B$17,14,0)+IF('Standard Profiles'!$G$20=$B$24,21,0),MOD($C3000,24)+1)/SUM(INDEX($D$3:$AA$30,INDEX(Jesper!$R$2:$R$366,ROW(INDEX(Jesper!AJ$2:AJ$366,ROUNDDOWN($C3000/24,0)+1,1))-1)+IF('Standard Profiles'!$G$20=$B$10,7,0)+IF('Standard Profiles'!$G$20=$B$17,14,0)+IF('Standard Profiles'!$G$20=$B$24,21,0),0)),0)</f>
        <v>0</v>
      </c>
      <c r="G3000" cm="1">
        <f t="array" ref="G3000">IFERROR(INDEX(Jesper!AK$2:AK$366,ROUNDDOWN($C3000/24,0)+1,1)*INDEX($D$3:$AA$30,INDEX(Jesper!$R$2:$R$366,ROW(INDEX(Jesper!AK$2:AK$366,ROUNDDOWN($C3000/24,0)+1,1))-1)+IF('Standard Profiles'!$G$21=$B$10,7,0)+IF('Standard Profiles'!$G$21=$B$17,14,0)+IF('Standard Profiles'!$G$21=$B$24,21,0),MOD($C3000,24)+1)/SUM(INDEX($D$3:$AA$30,INDEX(Jesper!$R$2:$R$366,ROW(INDEX(Jesper!AK$2:AK$366,ROUNDDOWN($C3000/24,0)+1,1))-1)+IF('Standard Profiles'!$G$21=$B$10,7,0)+IF('Standard Profiles'!$G$21=$B$17,14,0)+IF('Standard Profiles'!$G$21=$B$24,21,0),0)),0)</f>
        <v>0</v>
      </c>
      <c r="H3000" cm="1">
        <f t="array" ref="H3000">IFERROR(INDEX(Jesper!AL$2:AL$366,ROUNDDOWN($C3000/24,0)+1,1)*INDEX($D$3:$AA$30,INDEX(Jesper!$R$2:$R$366,ROW(INDEX(Jesper!AL$2:AL$366,ROUNDDOWN($C3000/24,0)+1,1))-1)+IF('Standard Profiles'!$G$22=$B$10,7,0)+IF('Standard Profiles'!$G$22=$B$17,14,0)+IF('Standard Profiles'!$G$22=$B$24,21,0),MOD($C3000,24)+1)/SUM(INDEX($D$3:$AA$30,INDEX(Jesper!$R$2:$R$366,ROW(INDEX(Jesper!AL$2:AL$366,ROUNDDOWN($C3000/24,0)+1,1))-1)+IF('Standard Profiles'!$G$22=$B$10,7,0)+IF('Standard Profiles'!$G$22=$B$17,14,0)+IF('Standard Profiles'!$G$22=$B$24,21,0),0)),0)</f>
        <v>0</v>
      </c>
      <c r="I3000">
        <f t="shared" si="342"/>
        <v>0.4903297493634875</v>
      </c>
      <c r="J3000">
        <f t="shared" si="343"/>
        <v>1.6344324978782918</v>
      </c>
      <c r="K3000">
        <f t="shared" si="344"/>
        <v>2.4516487468174377</v>
      </c>
      <c r="L3000">
        <f t="shared" si="345"/>
        <v>11.7679139847237</v>
      </c>
      <c r="M3000">
        <f t="shared" si="346"/>
        <v>0</v>
      </c>
      <c r="N3000" s="46">
        <f t="shared" si="347"/>
        <v>45415.58333332614</v>
      </c>
    </row>
    <row r="3001" spans="2:14" x14ac:dyDescent="0.3">
      <c r="B3001">
        <f t="shared" si="341"/>
        <v>5</v>
      </c>
      <c r="C3001" s="16">
        <v>2967</v>
      </c>
      <c r="D3001" cm="1">
        <f t="array" ref="D3001">IFERROR(INDEX(Jesper!AH$2:AH$366,ROUNDDOWN($C3001/24,0)+1,1)*INDEX($D$3:$AA$30,INDEX(Jesper!$R$2:$R$366,ROW(INDEX(Jesper!AH$2:AH$366,ROUNDDOWN($C3001/24,0)+1,1))-1)+IF('Standard Profiles'!$G$18=$B$10,7,0)+IF('Standard Profiles'!$G$18=$B$17,14,0)+IF('Standard Profiles'!$G$18=$B$24,21,0),MOD($C3001,24)+1)/SUM(INDEX($D$3:$AA$30,INDEX(Jesper!$R$2:$R$366,ROW(INDEX(Jesper!AH$2:AH$366,ROUNDDOWN($C3001/24,0)+1,1))-1)+IF('Standard Profiles'!$G$18=$B$10,7,0)+IF('Standard Profiles'!$G$18=$B$17,14,0)+IF('Standard Profiles'!$G$18=$B$24,21,0),0)),0)</f>
        <v>13.620270815652432</v>
      </c>
      <c r="E3001" cm="1">
        <f t="array" ref="E3001">IFERROR(INDEX(Jesper!AI$2:AI$366,ROUNDDOWN($C3001/24,0)+1,1)*INDEX($D$3:$AA$30,INDEX(Jesper!$R$2:$R$366,ROW(INDEX(Jesper!AI$2:AI$366,ROUNDDOWN($C3001/24,0)+1,1))-1)+IF('Standard Profiles'!$G$19=$B$10,7,0)+IF('Standard Profiles'!$G$19=$B$17,14,0)+IF('Standard Profiles'!$G$19=$B$24,21,0),MOD($C3001,24)+1)/SUM(INDEX($D$3:$AA$30,INDEX(Jesper!$R$2:$R$366,ROW(INDEX(Jesper!AI$2:AI$366,ROUNDDOWN($C3001/24,0)+1,1))-1)+IF('Standard Profiles'!$G$19=$B$10,7,0)+IF('Standard Profiles'!$G$19=$B$17,14,0)+IF('Standard Profiles'!$G$19=$B$24,21,0),0)),0)</f>
        <v>0</v>
      </c>
      <c r="F3001" cm="1">
        <f t="array" ref="F3001">IFERROR(INDEX(Jesper!AJ$2:AJ$366,ROUNDDOWN($C3001/24,0)+1,1)*INDEX($D$3:$AA$30,INDEX(Jesper!$R$2:$R$366,ROW(INDEX(Jesper!AJ$2:AJ$366,ROUNDDOWN($C3001/24,0)+1,1))-1)+IF('Standard Profiles'!$G$20=$B$10,7,0)+IF('Standard Profiles'!$G$20=$B$17,14,0)+IF('Standard Profiles'!$G$20=$B$24,21,0),MOD($C3001,24)+1)/SUM(INDEX($D$3:$AA$30,INDEX(Jesper!$R$2:$R$366,ROW(INDEX(Jesper!AJ$2:AJ$366,ROUNDDOWN($C3001/24,0)+1,1))-1)+IF('Standard Profiles'!$G$20=$B$10,7,0)+IF('Standard Profiles'!$G$20=$B$17,14,0)+IF('Standard Profiles'!$G$20=$B$24,21,0),0)),0)</f>
        <v>0</v>
      </c>
      <c r="G3001" cm="1">
        <f t="array" ref="G3001">IFERROR(INDEX(Jesper!AK$2:AK$366,ROUNDDOWN($C3001/24,0)+1,1)*INDEX($D$3:$AA$30,INDEX(Jesper!$R$2:$R$366,ROW(INDEX(Jesper!AK$2:AK$366,ROUNDDOWN($C3001/24,0)+1,1))-1)+IF('Standard Profiles'!$G$21=$B$10,7,0)+IF('Standard Profiles'!$G$21=$B$17,14,0)+IF('Standard Profiles'!$G$21=$B$24,21,0),MOD($C3001,24)+1)/SUM(INDEX($D$3:$AA$30,INDEX(Jesper!$R$2:$R$366,ROW(INDEX(Jesper!AK$2:AK$366,ROUNDDOWN($C3001/24,0)+1,1))-1)+IF('Standard Profiles'!$G$21=$B$10,7,0)+IF('Standard Profiles'!$G$21=$B$17,14,0)+IF('Standard Profiles'!$G$21=$B$24,21,0),0)),0)</f>
        <v>0</v>
      </c>
      <c r="H3001" cm="1">
        <f t="array" ref="H3001">IFERROR(INDEX(Jesper!AL$2:AL$366,ROUNDDOWN($C3001/24,0)+1,1)*INDEX($D$3:$AA$30,INDEX(Jesper!$R$2:$R$366,ROW(INDEX(Jesper!AL$2:AL$366,ROUNDDOWN($C3001/24,0)+1,1))-1)+IF('Standard Profiles'!$G$22=$B$10,7,0)+IF('Standard Profiles'!$G$22=$B$17,14,0)+IF('Standard Profiles'!$G$22=$B$24,21,0),MOD($C3001,24)+1)/SUM(INDEX($D$3:$AA$30,INDEX(Jesper!$R$2:$R$366,ROW(INDEX(Jesper!AL$2:AL$366,ROUNDDOWN($C3001/24,0)+1,1))-1)+IF('Standard Profiles'!$G$22=$B$10,7,0)+IF('Standard Profiles'!$G$22=$B$17,14,0)+IF('Standard Profiles'!$G$22=$B$24,21,0),0)),0)</f>
        <v>0</v>
      </c>
      <c r="I3001">
        <f t="shared" si="342"/>
        <v>0.40860812446957295</v>
      </c>
      <c r="J3001">
        <f t="shared" si="343"/>
        <v>1.3620270815652433</v>
      </c>
      <c r="K3001">
        <f t="shared" si="344"/>
        <v>2.0430406223478648</v>
      </c>
      <c r="L3001">
        <f t="shared" si="345"/>
        <v>9.8065949872697509</v>
      </c>
      <c r="M3001">
        <f t="shared" si="346"/>
        <v>0</v>
      </c>
      <c r="N3001" s="46">
        <f t="shared" si="347"/>
        <v>45415.624999992804</v>
      </c>
    </row>
    <row r="3002" spans="2:14" x14ac:dyDescent="0.3">
      <c r="B3002">
        <f t="shared" si="341"/>
        <v>5</v>
      </c>
      <c r="C3002" s="16">
        <v>2968</v>
      </c>
      <c r="D3002" cm="1">
        <f t="array" ref="D3002">IFERROR(INDEX(Jesper!AH$2:AH$366,ROUNDDOWN($C3002/24,0)+1,1)*INDEX($D$3:$AA$30,INDEX(Jesper!$R$2:$R$366,ROW(INDEX(Jesper!AH$2:AH$366,ROUNDDOWN($C3002/24,0)+1,1))-1)+IF('Standard Profiles'!$G$18=$B$10,7,0)+IF('Standard Profiles'!$G$18=$B$17,14,0)+IF('Standard Profiles'!$G$18=$B$24,21,0),MOD($C3002,24)+1)/SUM(INDEX($D$3:$AA$30,INDEX(Jesper!$R$2:$R$366,ROW(INDEX(Jesper!AH$2:AH$366,ROUNDDOWN($C3002/24,0)+1,1))-1)+IF('Standard Profiles'!$G$18=$B$10,7,0)+IF('Standard Profiles'!$G$18=$B$17,14,0)+IF('Standard Profiles'!$G$18=$B$24,21,0),0)),0)</f>
        <v>12.893856372150969</v>
      </c>
      <c r="E3002" cm="1">
        <f t="array" ref="E3002">IFERROR(INDEX(Jesper!AI$2:AI$366,ROUNDDOWN($C3002/24,0)+1,1)*INDEX($D$3:$AA$30,INDEX(Jesper!$R$2:$R$366,ROW(INDEX(Jesper!AI$2:AI$366,ROUNDDOWN($C3002/24,0)+1,1))-1)+IF('Standard Profiles'!$G$19=$B$10,7,0)+IF('Standard Profiles'!$G$19=$B$17,14,0)+IF('Standard Profiles'!$G$19=$B$24,21,0),MOD($C3002,24)+1)/SUM(INDEX($D$3:$AA$30,INDEX(Jesper!$R$2:$R$366,ROW(INDEX(Jesper!AI$2:AI$366,ROUNDDOWN($C3002/24,0)+1,1))-1)+IF('Standard Profiles'!$G$19=$B$10,7,0)+IF('Standard Profiles'!$G$19=$B$17,14,0)+IF('Standard Profiles'!$G$19=$B$24,21,0),0)),0)</f>
        <v>0</v>
      </c>
      <c r="F3002" cm="1">
        <f t="array" ref="F3002">IFERROR(INDEX(Jesper!AJ$2:AJ$366,ROUNDDOWN($C3002/24,0)+1,1)*INDEX($D$3:$AA$30,INDEX(Jesper!$R$2:$R$366,ROW(INDEX(Jesper!AJ$2:AJ$366,ROUNDDOWN($C3002/24,0)+1,1))-1)+IF('Standard Profiles'!$G$20=$B$10,7,0)+IF('Standard Profiles'!$G$20=$B$17,14,0)+IF('Standard Profiles'!$G$20=$B$24,21,0),MOD($C3002,24)+1)/SUM(INDEX($D$3:$AA$30,INDEX(Jesper!$R$2:$R$366,ROW(INDEX(Jesper!AJ$2:AJ$366,ROUNDDOWN($C3002/24,0)+1,1))-1)+IF('Standard Profiles'!$G$20=$B$10,7,0)+IF('Standard Profiles'!$G$20=$B$17,14,0)+IF('Standard Profiles'!$G$20=$B$24,21,0),0)),0)</f>
        <v>0</v>
      </c>
      <c r="G3002" cm="1">
        <f t="array" ref="G3002">IFERROR(INDEX(Jesper!AK$2:AK$366,ROUNDDOWN($C3002/24,0)+1,1)*INDEX($D$3:$AA$30,INDEX(Jesper!$R$2:$R$366,ROW(INDEX(Jesper!AK$2:AK$366,ROUNDDOWN($C3002/24,0)+1,1))-1)+IF('Standard Profiles'!$G$21=$B$10,7,0)+IF('Standard Profiles'!$G$21=$B$17,14,0)+IF('Standard Profiles'!$G$21=$B$24,21,0),MOD($C3002,24)+1)/SUM(INDEX($D$3:$AA$30,INDEX(Jesper!$R$2:$R$366,ROW(INDEX(Jesper!AK$2:AK$366,ROUNDDOWN($C3002/24,0)+1,1))-1)+IF('Standard Profiles'!$G$21=$B$10,7,0)+IF('Standard Profiles'!$G$21=$B$17,14,0)+IF('Standard Profiles'!$G$21=$B$24,21,0),0)),0)</f>
        <v>0</v>
      </c>
      <c r="H3002" cm="1">
        <f t="array" ref="H3002">IFERROR(INDEX(Jesper!AL$2:AL$366,ROUNDDOWN($C3002/24,0)+1,1)*INDEX($D$3:$AA$30,INDEX(Jesper!$R$2:$R$366,ROW(INDEX(Jesper!AL$2:AL$366,ROUNDDOWN($C3002/24,0)+1,1))-1)+IF('Standard Profiles'!$G$22=$B$10,7,0)+IF('Standard Profiles'!$G$22=$B$17,14,0)+IF('Standard Profiles'!$G$22=$B$24,21,0),MOD($C3002,24)+1)/SUM(INDEX($D$3:$AA$30,INDEX(Jesper!$R$2:$R$366,ROW(INDEX(Jesper!AL$2:AL$366,ROUNDDOWN($C3002/24,0)+1,1))-1)+IF('Standard Profiles'!$G$22=$B$10,7,0)+IF('Standard Profiles'!$G$22=$B$17,14,0)+IF('Standard Profiles'!$G$22=$B$24,21,0),0)),0)</f>
        <v>0</v>
      </c>
      <c r="I3002">
        <f t="shared" si="342"/>
        <v>0.38681569116452907</v>
      </c>
      <c r="J3002">
        <f t="shared" si="343"/>
        <v>1.2893856372150969</v>
      </c>
      <c r="K3002">
        <f t="shared" si="344"/>
        <v>1.9340784558226454</v>
      </c>
      <c r="L3002">
        <f t="shared" si="345"/>
        <v>9.2835765879486978</v>
      </c>
      <c r="M3002">
        <f t="shared" si="346"/>
        <v>0</v>
      </c>
      <c r="N3002" s="46">
        <f t="shared" si="347"/>
        <v>45415.666666659468</v>
      </c>
    </row>
    <row r="3003" spans="2:14" x14ac:dyDescent="0.3">
      <c r="B3003">
        <f t="shared" si="341"/>
        <v>5</v>
      </c>
      <c r="C3003" s="16">
        <v>2969</v>
      </c>
      <c r="D3003" cm="1">
        <f t="array" ref="D3003">IFERROR(INDEX(Jesper!AH$2:AH$366,ROUNDDOWN($C3003/24,0)+1,1)*INDEX($D$3:$AA$30,INDEX(Jesper!$R$2:$R$366,ROW(INDEX(Jesper!AH$2:AH$366,ROUNDDOWN($C3003/24,0)+1,1))-1)+IF('Standard Profiles'!$G$18=$B$10,7,0)+IF('Standard Profiles'!$G$18=$B$17,14,0)+IF('Standard Profiles'!$G$18=$B$24,21,0),MOD($C3003,24)+1)/SUM(INDEX($D$3:$AA$30,INDEX(Jesper!$R$2:$R$366,ROW(INDEX(Jesper!AH$2:AH$366,ROUNDDOWN($C3003/24,0)+1,1))-1)+IF('Standard Profiles'!$G$18=$B$10,7,0)+IF('Standard Profiles'!$G$18=$B$17,14,0)+IF('Standard Profiles'!$G$18=$B$24,21,0),0)),0)</f>
        <v>12.893856372150969</v>
      </c>
      <c r="E3003" cm="1">
        <f t="array" ref="E3003">IFERROR(INDEX(Jesper!AI$2:AI$366,ROUNDDOWN($C3003/24,0)+1,1)*INDEX($D$3:$AA$30,INDEX(Jesper!$R$2:$R$366,ROW(INDEX(Jesper!AI$2:AI$366,ROUNDDOWN($C3003/24,0)+1,1))-1)+IF('Standard Profiles'!$G$19=$B$10,7,0)+IF('Standard Profiles'!$G$19=$B$17,14,0)+IF('Standard Profiles'!$G$19=$B$24,21,0),MOD($C3003,24)+1)/SUM(INDEX($D$3:$AA$30,INDEX(Jesper!$R$2:$R$366,ROW(INDEX(Jesper!AI$2:AI$366,ROUNDDOWN($C3003/24,0)+1,1))-1)+IF('Standard Profiles'!$G$19=$B$10,7,0)+IF('Standard Profiles'!$G$19=$B$17,14,0)+IF('Standard Profiles'!$G$19=$B$24,21,0),0)),0)</f>
        <v>0</v>
      </c>
      <c r="F3003" cm="1">
        <f t="array" ref="F3003">IFERROR(INDEX(Jesper!AJ$2:AJ$366,ROUNDDOWN($C3003/24,0)+1,1)*INDEX($D$3:$AA$30,INDEX(Jesper!$R$2:$R$366,ROW(INDEX(Jesper!AJ$2:AJ$366,ROUNDDOWN($C3003/24,0)+1,1))-1)+IF('Standard Profiles'!$G$20=$B$10,7,0)+IF('Standard Profiles'!$G$20=$B$17,14,0)+IF('Standard Profiles'!$G$20=$B$24,21,0),MOD($C3003,24)+1)/SUM(INDEX($D$3:$AA$30,INDEX(Jesper!$R$2:$R$366,ROW(INDEX(Jesper!AJ$2:AJ$366,ROUNDDOWN($C3003/24,0)+1,1))-1)+IF('Standard Profiles'!$G$20=$B$10,7,0)+IF('Standard Profiles'!$G$20=$B$17,14,0)+IF('Standard Profiles'!$G$20=$B$24,21,0),0)),0)</f>
        <v>0</v>
      </c>
      <c r="G3003" cm="1">
        <f t="array" ref="G3003">IFERROR(INDEX(Jesper!AK$2:AK$366,ROUNDDOWN($C3003/24,0)+1,1)*INDEX($D$3:$AA$30,INDEX(Jesper!$R$2:$R$366,ROW(INDEX(Jesper!AK$2:AK$366,ROUNDDOWN($C3003/24,0)+1,1))-1)+IF('Standard Profiles'!$G$21=$B$10,7,0)+IF('Standard Profiles'!$G$21=$B$17,14,0)+IF('Standard Profiles'!$G$21=$B$24,21,0),MOD($C3003,24)+1)/SUM(INDEX($D$3:$AA$30,INDEX(Jesper!$R$2:$R$366,ROW(INDEX(Jesper!AK$2:AK$366,ROUNDDOWN($C3003/24,0)+1,1))-1)+IF('Standard Profiles'!$G$21=$B$10,7,0)+IF('Standard Profiles'!$G$21=$B$17,14,0)+IF('Standard Profiles'!$G$21=$B$24,21,0),0)),0)</f>
        <v>0</v>
      </c>
      <c r="H3003" cm="1">
        <f t="array" ref="H3003">IFERROR(INDEX(Jesper!AL$2:AL$366,ROUNDDOWN($C3003/24,0)+1,1)*INDEX($D$3:$AA$30,INDEX(Jesper!$R$2:$R$366,ROW(INDEX(Jesper!AL$2:AL$366,ROUNDDOWN($C3003/24,0)+1,1))-1)+IF('Standard Profiles'!$G$22=$B$10,7,0)+IF('Standard Profiles'!$G$22=$B$17,14,0)+IF('Standard Profiles'!$G$22=$B$24,21,0),MOD($C3003,24)+1)/SUM(INDEX($D$3:$AA$30,INDEX(Jesper!$R$2:$R$366,ROW(INDEX(Jesper!AL$2:AL$366,ROUNDDOWN($C3003/24,0)+1,1))-1)+IF('Standard Profiles'!$G$22=$B$10,7,0)+IF('Standard Profiles'!$G$22=$B$17,14,0)+IF('Standard Profiles'!$G$22=$B$24,21,0),0)),0)</f>
        <v>0</v>
      </c>
      <c r="I3003">
        <f t="shared" si="342"/>
        <v>0.38681569116452907</v>
      </c>
      <c r="J3003">
        <f t="shared" si="343"/>
        <v>1.2893856372150969</v>
      </c>
      <c r="K3003">
        <f t="shared" si="344"/>
        <v>1.9340784558226454</v>
      </c>
      <c r="L3003">
        <f t="shared" si="345"/>
        <v>9.2835765879486978</v>
      </c>
      <c r="M3003">
        <f t="shared" si="346"/>
        <v>0</v>
      </c>
      <c r="N3003" s="46">
        <f t="shared" si="347"/>
        <v>45415.708333326133</v>
      </c>
    </row>
    <row r="3004" spans="2:14" x14ac:dyDescent="0.3">
      <c r="B3004">
        <f t="shared" si="341"/>
        <v>5</v>
      </c>
      <c r="C3004" s="16">
        <v>2970</v>
      </c>
      <c r="D3004" cm="1">
        <f t="array" ref="D3004">IFERROR(INDEX(Jesper!AH$2:AH$366,ROUNDDOWN($C3004/24,0)+1,1)*INDEX($D$3:$AA$30,INDEX(Jesper!$R$2:$R$366,ROW(INDEX(Jesper!AH$2:AH$366,ROUNDDOWN($C3004/24,0)+1,1))-1)+IF('Standard Profiles'!$G$18=$B$10,7,0)+IF('Standard Profiles'!$G$18=$B$17,14,0)+IF('Standard Profiles'!$G$18=$B$24,21,0),MOD($C3004,24)+1)/SUM(INDEX($D$3:$AA$30,INDEX(Jesper!$R$2:$R$366,ROW(INDEX(Jesper!AH$2:AH$366,ROUNDDOWN($C3004/24,0)+1,1))-1)+IF('Standard Profiles'!$G$18=$B$10,7,0)+IF('Standard Profiles'!$G$18=$B$17,14,0)+IF('Standard Profiles'!$G$18=$B$24,21,0),0)),0)</f>
        <v>12.893856372150969</v>
      </c>
      <c r="E3004" cm="1">
        <f t="array" ref="E3004">IFERROR(INDEX(Jesper!AI$2:AI$366,ROUNDDOWN($C3004/24,0)+1,1)*INDEX($D$3:$AA$30,INDEX(Jesper!$R$2:$R$366,ROW(INDEX(Jesper!AI$2:AI$366,ROUNDDOWN($C3004/24,0)+1,1))-1)+IF('Standard Profiles'!$G$19=$B$10,7,0)+IF('Standard Profiles'!$G$19=$B$17,14,0)+IF('Standard Profiles'!$G$19=$B$24,21,0),MOD($C3004,24)+1)/SUM(INDEX($D$3:$AA$30,INDEX(Jesper!$R$2:$R$366,ROW(INDEX(Jesper!AI$2:AI$366,ROUNDDOWN($C3004/24,0)+1,1))-1)+IF('Standard Profiles'!$G$19=$B$10,7,0)+IF('Standard Profiles'!$G$19=$B$17,14,0)+IF('Standard Profiles'!$G$19=$B$24,21,0),0)),0)</f>
        <v>0</v>
      </c>
      <c r="F3004" cm="1">
        <f t="array" ref="F3004">IFERROR(INDEX(Jesper!AJ$2:AJ$366,ROUNDDOWN($C3004/24,0)+1,1)*INDEX($D$3:$AA$30,INDEX(Jesper!$R$2:$R$366,ROW(INDEX(Jesper!AJ$2:AJ$366,ROUNDDOWN($C3004/24,0)+1,1))-1)+IF('Standard Profiles'!$G$20=$B$10,7,0)+IF('Standard Profiles'!$G$20=$B$17,14,0)+IF('Standard Profiles'!$G$20=$B$24,21,0),MOD($C3004,24)+1)/SUM(INDEX($D$3:$AA$30,INDEX(Jesper!$R$2:$R$366,ROW(INDEX(Jesper!AJ$2:AJ$366,ROUNDDOWN($C3004/24,0)+1,1))-1)+IF('Standard Profiles'!$G$20=$B$10,7,0)+IF('Standard Profiles'!$G$20=$B$17,14,0)+IF('Standard Profiles'!$G$20=$B$24,21,0),0)),0)</f>
        <v>0</v>
      </c>
      <c r="G3004" cm="1">
        <f t="array" ref="G3004">IFERROR(INDEX(Jesper!AK$2:AK$366,ROUNDDOWN($C3004/24,0)+1,1)*INDEX($D$3:$AA$30,INDEX(Jesper!$R$2:$R$366,ROW(INDEX(Jesper!AK$2:AK$366,ROUNDDOWN($C3004/24,0)+1,1))-1)+IF('Standard Profiles'!$G$21=$B$10,7,0)+IF('Standard Profiles'!$G$21=$B$17,14,0)+IF('Standard Profiles'!$G$21=$B$24,21,0),MOD($C3004,24)+1)/SUM(INDEX($D$3:$AA$30,INDEX(Jesper!$R$2:$R$366,ROW(INDEX(Jesper!AK$2:AK$366,ROUNDDOWN($C3004/24,0)+1,1))-1)+IF('Standard Profiles'!$G$21=$B$10,7,0)+IF('Standard Profiles'!$G$21=$B$17,14,0)+IF('Standard Profiles'!$G$21=$B$24,21,0),0)),0)</f>
        <v>0</v>
      </c>
      <c r="H3004" cm="1">
        <f t="array" ref="H3004">IFERROR(INDEX(Jesper!AL$2:AL$366,ROUNDDOWN($C3004/24,0)+1,1)*INDEX($D$3:$AA$30,INDEX(Jesper!$R$2:$R$366,ROW(INDEX(Jesper!AL$2:AL$366,ROUNDDOWN($C3004/24,0)+1,1))-1)+IF('Standard Profiles'!$G$22=$B$10,7,0)+IF('Standard Profiles'!$G$22=$B$17,14,0)+IF('Standard Profiles'!$G$22=$B$24,21,0),MOD($C3004,24)+1)/SUM(INDEX($D$3:$AA$30,INDEX(Jesper!$R$2:$R$366,ROW(INDEX(Jesper!AL$2:AL$366,ROUNDDOWN($C3004/24,0)+1,1))-1)+IF('Standard Profiles'!$G$22=$B$10,7,0)+IF('Standard Profiles'!$G$22=$B$17,14,0)+IF('Standard Profiles'!$G$22=$B$24,21,0),0)),0)</f>
        <v>0</v>
      </c>
      <c r="I3004">
        <f t="shared" si="342"/>
        <v>0.38681569116452907</v>
      </c>
      <c r="J3004">
        <f t="shared" si="343"/>
        <v>1.2893856372150969</v>
      </c>
      <c r="K3004">
        <f t="shared" si="344"/>
        <v>1.9340784558226454</v>
      </c>
      <c r="L3004">
        <f t="shared" si="345"/>
        <v>9.2835765879486978</v>
      </c>
      <c r="M3004">
        <f t="shared" si="346"/>
        <v>0</v>
      </c>
      <c r="N3004" s="46">
        <f t="shared" si="347"/>
        <v>45415.749999992797</v>
      </c>
    </row>
    <row r="3005" spans="2:14" x14ac:dyDescent="0.3">
      <c r="B3005">
        <f t="shared" si="341"/>
        <v>5</v>
      </c>
      <c r="C3005" s="16">
        <v>2971</v>
      </c>
      <c r="D3005" cm="1">
        <f t="array" ref="D3005">IFERROR(INDEX(Jesper!AH$2:AH$366,ROUNDDOWN($C3005/24,0)+1,1)*INDEX($D$3:$AA$30,INDEX(Jesper!$R$2:$R$366,ROW(INDEX(Jesper!AH$2:AH$366,ROUNDDOWN($C3005/24,0)+1,1))-1)+IF('Standard Profiles'!$G$18=$B$10,7,0)+IF('Standard Profiles'!$G$18=$B$17,14,0)+IF('Standard Profiles'!$G$18=$B$24,21,0),MOD($C3005,24)+1)/SUM(INDEX($D$3:$AA$30,INDEX(Jesper!$R$2:$R$366,ROW(INDEX(Jesper!AH$2:AH$366,ROUNDDOWN($C3005/24,0)+1,1))-1)+IF('Standard Profiles'!$G$18=$B$10,7,0)+IF('Standard Profiles'!$G$18=$B$17,14,0)+IF('Standard Profiles'!$G$18=$B$24,21,0),0)),0)</f>
        <v>12.893856372150969</v>
      </c>
      <c r="E3005" cm="1">
        <f t="array" ref="E3005">IFERROR(INDEX(Jesper!AI$2:AI$366,ROUNDDOWN($C3005/24,0)+1,1)*INDEX($D$3:$AA$30,INDEX(Jesper!$R$2:$R$366,ROW(INDEX(Jesper!AI$2:AI$366,ROUNDDOWN($C3005/24,0)+1,1))-1)+IF('Standard Profiles'!$G$19=$B$10,7,0)+IF('Standard Profiles'!$G$19=$B$17,14,0)+IF('Standard Profiles'!$G$19=$B$24,21,0),MOD($C3005,24)+1)/SUM(INDEX($D$3:$AA$30,INDEX(Jesper!$R$2:$R$366,ROW(INDEX(Jesper!AI$2:AI$366,ROUNDDOWN($C3005/24,0)+1,1))-1)+IF('Standard Profiles'!$G$19=$B$10,7,0)+IF('Standard Profiles'!$G$19=$B$17,14,0)+IF('Standard Profiles'!$G$19=$B$24,21,0),0)),0)</f>
        <v>0</v>
      </c>
      <c r="F3005" cm="1">
        <f t="array" ref="F3005">IFERROR(INDEX(Jesper!AJ$2:AJ$366,ROUNDDOWN($C3005/24,0)+1,1)*INDEX($D$3:$AA$30,INDEX(Jesper!$R$2:$R$366,ROW(INDEX(Jesper!AJ$2:AJ$366,ROUNDDOWN($C3005/24,0)+1,1))-1)+IF('Standard Profiles'!$G$20=$B$10,7,0)+IF('Standard Profiles'!$G$20=$B$17,14,0)+IF('Standard Profiles'!$G$20=$B$24,21,0),MOD($C3005,24)+1)/SUM(INDEX($D$3:$AA$30,INDEX(Jesper!$R$2:$R$366,ROW(INDEX(Jesper!AJ$2:AJ$366,ROUNDDOWN($C3005/24,0)+1,1))-1)+IF('Standard Profiles'!$G$20=$B$10,7,0)+IF('Standard Profiles'!$G$20=$B$17,14,0)+IF('Standard Profiles'!$G$20=$B$24,21,0),0)),0)</f>
        <v>0</v>
      </c>
      <c r="G3005" cm="1">
        <f t="array" ref="G3005">IFERROR(INDEX(Jesper!AK$2:AK$366,ROUNDDOWN($C3005/24,0)+1,1)*INDEX($D$3:$AA$30,INDEX(Jesper!$R$2:$R$366,ROW(INDEX(Jesper!AK$2:AK$366,ROUNDDOWN($C3005/24,0)+1,1))-1)+IF('Standard Profiles'!$G$21=$B$10,7,0)+IF('Standard Profiles'!$G$21=$B$17,14,0)+IF('Standard Profiles'!$G$21=$B$24,21,0),MOD($C3005,24)+1)/SUM(INDEX($D$3:$AA$30,INDEX(Jesper!$R$2:$R$366,ROW(INDEX(Jesper!AK$2:AK$366,ROUNDDOWN($C3005/24,0)+1,1))-1)+IF('Standard Profiles'!$G$21=$B$10,7,0)+IF('Standard Profiles'!$G$21=$B$17,14,0)+IF('Standard Profiles'!$G$21=$B$24,21,0),0)),0)</f>
        <v>0</v>
      </c>
      <c r="H3005" cm="1">
        <f t="array" ref="H3005">IFERROR(INDEX(Jesper!AL$2:AL$366,ROUNDDOWN($C3005/24,0)+1,1)*INDEX($D$3:$AA$30,INDEX(Jesper!$R$2:$R$366,ROW(INDEX(Jesper!AL$2:AL$366,ROUNDDOWN($C3005/24,0)+1,1))-1)+IF('Standard Profiles'!$G$22=$B$10,7,0)+IF('Standard Profiles'!$G$22=$B$17,14,0)+IF('Standard Profiles'!$G$22=$B$24,21,0),MOD($C3005,24)+1)/SUM(INDEX($D$3:$AA$30,INDEX(Jesper!$R$2:$R$366,ROW(INDEX(Jesper!AL$2:AL$366,ROUNDDOWN($C3005/24,0)+1,1))-1)+IF('Standard Profiles'!$G$22=$B$10,7,0)+IF('Standard Profiles'!$G$22=$B$17,14,0)+IF('Standard Profiles'!$G$22=$B$24,21,0),0)),0)</f>
        <v>0</v>
      </c>
      <c r="I3005">
        <f t="shared" si="342"/>
        <v>0.38681569116452907</v>
      </c>
      <c r="J3005">
        <f t="shared" si="343"/>
        <v>1.2893856372150969</v>
      </c>
      <c r="K3005">
        <f t="shared" si="344"/>
        <v>1.9340784558226454</v>
      </c>
      <c r="L3005">
        <f t="shared" si="345"/>
        <v>9.2835765879486978</v>
      </c>
      <c r="M3005">
        <f t="shared" si="346"/>
        <v>0</v>
      </c>
      <c r="N3005" s="46">
        <f t="shared" si="347"/>
        <v>45415.791666659461</v>
      </c>
    </row>
    <row r="3006" spans="2:14" x14ac:dyDescent="0.3">
      <c r="B3006">
        <f t="shared" si="341"/>
        <v>5</v>
      </c>
      <c r="C3006" s="16">
        <v>2972</v>
      </c>
      <c r="D3006" cm="1">
        <f t="array" ref="D3006">IFERROR(INDEX(Jesper!AH$2:AH$366,ROUNDDOWN($C3006/24,0)+1,1)*INDEX($D$3:$AA$30,INDEX(Jesper!$R$2:$R$366,ROW(INDEX(Jesper!AH$2:AH$366,ROUNDDOWN($C3006/24,0)+1,1))-1)+IF('Standard Profiles'!$G$18=$B$10,7,0)+IF('Standard Profiles'!$G$18=$B$17,14,0)+IF('Standard Profiles'!$G$18=$B$24,21,0),MOD($C3006,24)+1)/SUM(INDEX($D$3:$AA$30,INDEX(Jesper!$R$2:$R$366,ROW(INDEX(Jesper!AH$2:AH$366,ROUNDDOWN($C3006/24,0)+1,1))-1)+IF('Standard Profiles'!$G$18=$B$10,7,0)+IF('Standard Profiles'!$G$18=$B$17,14,0)+IF('Standard Profiles'!$G$18=$B$24,21,0),0)),0)</f>
        <v>9.9881985981451162</v>
      </c>
      <c r="E3006" cm="1">
        <f t="array" ref="E3006">IFERROR(INDEX(Jesper!AI$2:AI$366,ROUNDDOWN($C3006/24,0)+1,1)*INDEX($D$3:$AA$30,INDEX(Jesper!$R$2:$R$366,ROW(INDEX(Jesper!AI$2:AI$366,ROUNDDOWN($C3006/24,0)+1,1))-1)+IF('Standard Profiles'!$G$19=$B$10,7,0)+IF('Standard Profiles'!$G$19=$B$17,14,0)+IF('Standard Profiles'!$G$19=$B$24,21,0),MOD($C3006,24)+1)/SUM(INDEX($D$3:$AA$30,INDEX(Jesper!$R$2:$R$366,ROW(INDEX(Jesper!AI$2:AI$366,ROUNDDOWN($C3006/24,0)+1,1))-1)+IF('Standard Profiles'!$G$19=$B$10,7,0)+IF('Standard Profiles'!$G$19=$B$17,14,0)+IF('Standard Profiles'!$G$19=$B$24,21,0),0)),0)</f>
        <v>0</v>
      </c>
      <c r="F3006" cm="1">
        <f t="array" ref="F3006">IFERROR(INDEX(Jesper!AJ$2:AJ$366,ROUNDDOWN($C3006/24,0)+1,1)*INDEX($D$3:$AA$30,INDEX(Jesper!$R$2:$R$366,ROW(INDEX(Jesper!AJ$2:AJ$366,ROUNDDOWN($C3006/24,0)+1,1))-1)+IF('Standard Profiles'!$G$20=$B$10,7,0)+IF('Standard Profiles'!$G$20=$B$17,14,0)+IF('Standard Profiles'!$G$20=$B$24,21,0),MOD($C3006,24)+1)/SUM(INDEX($D$3:$AA$30,INDEX(Jesper!$R$2:$R$366,ROW(INDEX(Jesper!AJ$2:AJ$366,ROUNDDOWN($C3006/24,0)+1,1))-1)+IF('Standard Profiles'!$G$20=$B$10,7,0)+IF('Standard Profiles'!$G$20=$B$17,14,0)+IF('Standard Profiles'!$G$20=$B$24,21,0),0)),0)</f>
        <v>0</v>
      </c>
      <c r="G3006" cm="1">
        <f t="array" ref="G3006">IFERROR(INDEX(Jesper!AK$2:AK$366,ROUNDDOWN($C3006/24,0)+1,1)*INDEX($D$3:$AA$30,INDEX(Jesper!$R$2:$R$366,ROW(INDEX(Jesper!AK$2:AK$366,ROUNDDOWN($C3006/24,0)+1,1))-1)+IF('Standard Profiles'!$G$21=$B$10,7,0)+IF('Standard Profiles'!$G$21=$B$17,14,0)+IF('Standard Profiles'!$G$21=$B$24,21,0),MOD($C3006,24)+1)/SUM(INDEX($D$3:$AA$30,INDEX(Jesper!$R$2:$R$366,ROW(INDEX(Jesper!AK$2:AK$366,ROUNDDOWN($C3006/24,0)+1,1))-1)+IF('Standard Profiles'!$G$21=$B$10,7,0)+IF('Standard Profiles'!$G$21=$B$17,14,0)+IF('Standard Profiles'!$G$21=$B$24,21,0),0)),0)</f>
        <v>0</v>
      </c>
      <c r="H3006" cm="1">
        <f t="array" ref="H3006">IFERROR(INDEX(Jesper!AL$2:AL$366,ROUNDDOWN($C3006/24,0)+1,1)*INDEX($D$3:$AA$30,INDEX(Jesper!$R$2:$R$366,ROW(INDEX(Jesper!AL$2:AL$366,ROUNDDOWN($C3006/24,0)+1,1))-1)+IF('Standard Profiles'!$G$22=$B$10,7,0)+IF('Standard Profiles'!$G$22=$B$17,14,0)+IF('Standard Profiles'!$G$22=$B$24,21,0),MOD($C3006,24)+1)/SUM(INDEX($D$3:$AA$30,INDEX(Jesper!$R$2:$R$366,ROW(INDEX(Jesper!AL$2:AL$366,ROUNDDOWN($C3006/24,0)+1,1))-1)+IF('Standard Profiles'!$G$22=$B$10,7,0)+IF('Standard Profiles'!$G$22=$B$17,14,0)+IF('Standard Profiles'!$G$22=$B$24,21,0),0)),0)</f>
        <v>0</v>
      </c>
      <c r="I3006">
        <f t="shared" si="342"/>
        <v>0.2996459579443535</v>
      </c>
      <c r="J3006">
        <f t="shared" si="343"/>
        <v>0.99881985981451171</v>
      </c>
      <c r="K3006">
        <f t="shared" si="344"/>
        <v>1.4982297897217673</v>
      </c>
      <c r="L3006">
        <f t="shared" si="345"/>
        <v>7.1915029906644836</v>
      </c>
      <c r="M3006">
        <f t="shared" si="346"/>
        <v>0</v>
      </c>
      <c r="N3006" s="46">
        <f t="shared" si="347"/>
        <v>45415.833333326125</v>
      </c>
    </row>
    <row r="3007" spans="2:14" x14ac:dyDescent="0.3">
      <c r="B3007">
        <f t="shared" si="341"/>
        <v>5</v>
      </c>
      <c r="C3007" s="16">
        <v>2973</v>
      </c>
      <c r="D3007" cm="1">
        <f t="array" ref="D3007">IFERROR(INDEX(Jesper!AH$2:AH$366,ROUNDDOWN($C3007/24,0)+1,1)*INDEX($D$3:$AA$30,INDEX(Jesper!$R$2:$R$366,ROW(INDEX(Jesper!AH$2:AH$366,ROUNDDOWN($C3007/24,0)+1,1))-1)+IF('Standard Profiles'!$G$18=$B$10,7,0)+IF('Standard Profiles'!$G$18=$B$17,14,0)+IF('Standard Profiles'!$G$18=$B$24,21,0),MOD($C3007,24)+1)/SUM(INDEX($D$3:$AA$30,INDEX(Jesper!$R$2:$R$366,ROW(INDEX(Jesper!AH$2:AH$366,ROUNDDOWN($C3007/24,0)+1,1))-1)+IF('Standard Profiles'!$G$18=$B$10,7,0)+IF('Standard Profiles'!$G$18=$B$17,14,0)+IF('Standard Profiles'!$G$18=$B$24,21,0),0)),0)</f>
        <v>3.813675828382681</v>
      </c>
      <c r="E3007" cm="1">
        <f t="array" ref="E3007">IFERROR(INDEX(Jesper!AI$2:AI$366,ROUNDDOWN($C3007/24,0)+1,1)*INDEX($D$3:$AA$30,INDEX(Jesper!$R$2:$R$366,ROW(INDEX(Jesper!AI$2:AI$366,ROUNDDOWN($C3007/24,0)+1,1))-1)+IF('Standard Profiles'!$G$19=$B$10,7,0)+IF('Standard Profiles'!$G$19=$B$17,14,0)+IF('Standard Profiles'!$G$19=$B$24,21,0),MOD($C3007,24)+1)/SUM(INDEX($D$3:$AA$30,INDEX(Jesper!$R$2:$R$366,ROW(INDEX(Jesper!AI$2:AI$366,ROUNDDOWN($C3007/24,0)+1,1))-1)+IF('Standard Profiles'!$G$19=$B$10,7,0)+IF('Standard Profiles'!$G$19=$B$17,14,0)+IF('Standard Profiles'!$G$19=$B$24,21,0),0)),0)</f>
        <v>0</v>
      </c>
      <c r="F3007" cm="1">
        <f t="array" ref="F3007">IFERROR(INDEX(Jesper!AJ$2:AJ$366,ROUNDDOWN($C3007/24,0)+1,1)*INDEX($D$3:$AA$30,INDEX(Jesper!$R$2:$R$366,ROW(INDEX(Jesper!AJ$2:AJ$366,ROUNDDOWN($C3007/24,0)+1,1))-1)+IF('Standard Profiles'!$G$20=$B$10,7,0)+IF('Standard Profiles'!$G$20=$B$17,14,0)+IF('Standard Profiles'!$G$20=$B$24,21,0),MOD($C3007,24)+1)/SUM(INDEX($D$3:$AA$30,INDEX(Jesper!$R$2:$R$366,ROW(INDEX(Jesper!AJ$2:AJ$366,ROUNDDOWN($C3007/24,0)+1,1))-1)+IF('Standard Profiles'!$G$20=$B$10,7,0)+IF('Standard Profiles'!$G$20=$B$17,14,0)+IF('Standard Profiles'!$G$20=$B$24,21,0),0)),0)</f>
        <v>0</v>
      </c>
      <c r="G3007" cm="1">
        <f t="array" ref="G3007">IFERROR(INDEX(Jesper!AK$2:AK$366,ROUNDDOWN($C3007/24,0)+1,1)*INDEX($D$3:$AA$30,INDEX(Jesper!$R$2:$R$366,ROW(INDEX(Jesper!AK$2:AK$366,ROUNDDOWN($C3007/24,0)+1,1))-1)+IF('Standard Profiles'!$G$21=$B$10,7,0)+IF('Standard Profiles'!$G$21=$B$17,14,0)+IF('Standard Profiles'!$G$21=$B$24,21,0),MOD($C3007,24)+1)/SUM(INDEX($D$3:$AA$30,INDEX(Jesper!$R$2:$R$366,ROW(INDEX(Jesper!AK$2:AK$366,ROUNDDOWN($C3007/24,0)+1,1))-1)+IF('Standard Profiles'!$G$21=$B$10,7,0)+IF('Standard Profiles'!$G$21=$B$17,14,0)+IF('Standard Profiles'!$G$21=$B$24,21,0),0)),0)</f>
        <v>0</v>
      </c>
      <c r="H3007" cm="1">
        <f t="array" ref="H3007">IFERROR(INDEX(Jesper!AL$2:AL$366,ROUNDDOWN($C3007/24,0)+1,1)*INDEX($D$3:$AA$30,INDEX(Jesper!$R$2:$R$366,ROW(INDEX(Jesper!AL$2:AL$366,ROUNDDOWN($C3007/24,0)+1,1))-1)+IF('Standard Profiles'!$G$22=$B$10,7,0)+IF('Standard Profiles'!$G$22=$B$17,14,0)+IF('Standard Profiles'!$G$22=$B$24,21,0),MOD($C3007,24)+1)/SUM(INDEX($D$3:$AA$30,INDEX(Jesper!$R$2:$R$366,ROW(INDEX(Jesper!AL$2:AL$366,ROUNDDOWN($C3007/24,0)+1,1))-1)+IF('Standard Profiles'!$G$22=$B$10,7,0)+IF('Standard Profiles'!$G$22=$B$17,14,0)+IF('Standard Profiles'!$G$22=$B$24,21,0),0)),0)</f>
        <v>0</v>
      </c>
      <c r="I3007">
        <f t="shared" si="342"/>
        <v>0.11441027485148042</v>
      </c>
      <c r="J3007">
        <f t="shared" si="343"/>
        <v>0.3813675828382681</v>
      </c>
      <c r="K3007">
        <f t="shared" si="344"/>
        <v>0.57205137425740216</v>
      </c>
      <c r="L3007">
        <f t="shared" si="345"/>
        <v>2.7458465964355301</v>
      </c>
      <c r="M3007">
        <f t="shared" si="346"/>
        <v>0</v>
      </c>
      <c r="N3007" s="46">
        <f t="shared" si="347"/>
        <v>45415.87499999279</v>
      </c>
    </row>
    <row r="3008" spans="2:14" x14ac:dyDescent="0.3">
      <c r="B3008">
        <f t="shared" si="341"/>
        <v>5</v>
      </c>
      <c r="C3008" s="16">
        <v>2974</v>
      </c>
      <c r="D3008" cm="1">
        <f t="array" ref="D3008">IFERROR(INDEX(Jesper!AH$2:AH$366,ROUNDDOWN($C3008/24,0)+1,1)*INDEX($D$3:$AA$30,INDEX(Jesper!$R$2:$R$366,ROW(INDEX(Jesper!AH$2:AH$366,ROUNDDOWN($C3008/24,0)+1,1))-1)+IF('Standard Profiles'!$G$18=$B$10,7,0)+IF('Standard Profiles'!$G$18=$B$17,14,0)+IF('Standard Profiles'!$G$18=$B$24,21,0),MOD($C3008,24)+1)/SUM(INDEX($D$3:$AA$30,INDEX(Jesper!$R$2:$R$366,ROW(INDEX(Jesper!AH$2:AH$366,ROUNDDOWN($C3008/24,0)+1,1))-1)+IF('Standard Profiles'!$G$18=$B$10,7,0)+IF('Standard Profiles'!$G$18=$B$17,14,0)+IF('Standard Profiles'!$G$18=$B$24,21,0),0)),0)</f>
        <v>3.813675828382681</v>
      </c>
      <c r="E3008" cm="1">
        <f t="array" ref="E3008">IFERROR(INDEX(Jesper!AI$2:AI$366,ROUNDDOWN($C3008/24,0)+1,1)*INDEX($D$3:$AA$30,INDEX(Jesper!$R$2:$R$366,ROW(INDEX(Jesper!AI$2:AI$366,ROUNDDOWN($C3008/24,0)+1,1))-1)+IF('Standard Profiles'!$G$19=$B$10,7,0)+IF('Standard Profiles'!$G$19=$B$17,14,0)+IF('Standard Profiles'!$G$19=$B$24,21,0),MOD($C3008,24)+1)/SUM(INDEX($D$3:$AA$30,INDEX(Jesper!$R$2:$R$366,ROW(INDEX(Jesper!AI$2:AI$366,ROUNDDOWN($C3008/24,0)+1,1))-1)+IF('Standard Profiles'!$G$19=$B$10,7,0)+IF('Standard Profiles'!$G$19=$B$17,14,0)+IF('Standard Profiles'!$G$19=$B$24,21,0),0)),0)</f>
        <v>0</v>
      </c>
      <c r="F3008" cm="1">
        <f t="array" ref="F3008">IFERROR(INDEX(Jesper!AJ$2:AJ$366,ROUNDDOWN($C3008/24,0)+1,1)*INDEX($D$3:$AA$30,INDEX(Jesper!$R$2:$R$366,ROW(INDEX(Jesper!AJ$2:AJ$366,ROUNDDOWN($C3008/24,0)+1,1))-1)+IF('Standard Profiles'!$G$20=$B$10,7,0)+IF('Standard Profiles'!$G$20=$B$17,14,0)+IF('Standard Profiles'!$G$20=$B$24,21,0),MOD($C3008,24)+1)/SUM(INDEX($D$3:$AA$30,INDEX(Jesper!$R$2:$R$366,ROW(INDEX(Jesper!AJ$2:AJ$366,ROUNDDOWN($C3008/24,0)+1,1))-1)+IF('Standard Profiles'!$G$20=$B$10,7,0)+IF('Standard Profiles'!$G$20=$B$17,14,0)+IF('Standard Profiles'!$G$20=$B$24,21,0),0)),0)</f>
        <v>0</v>
      </c>
      <c r="G3008" cm="1">
        <f t="array" ref="G3008">IFERROR(INDEX(Jesper!AK$2:AK$366,ROUNDDOWN($C3008/24,0)+1,1)*INDEX($D$3:$AA$30,INDEX(Jesper!$R$2:$R$366,ROW(INDEX(Jesper!AK$2:AK$366,ROUNDDOWN($C3008/24,0)+1,1))-1)+IF('Standard Profiles'!$G$21=$B$10,7,0)+IF('Standard Profiles'!$G$21=$B$17,14,0)+IF('Standard Profiles'!$G$21=$B$24,21,0),MOD($C3008,24)+1)/SUM(INDEX($D$3:$AA$30,INDEX(Jesper!$R$2:$R$366,ROW(INDEX(Jesper!AK$2:AK$366,ROUNDDOWN($C3008/24,0)+1,1))-1)+IF('Standard Profiles'!$G$21=$B$10,7,0)+IF('Standard Profiles'!$G$21=$B$17,14,0)+IF('Standard Profiles'!$G$21=$B$24,21,0),0)),0)</f>
        <v>0</v>
      </c>
      <c r="H3008" cm="1">
        <f t="array" ref="H3008">IFERROR(INDEX(Jesper!AL$2:AL$366,ROUNDDOWN($C3008/24,0)+1,1)*INDEX($D$3:$AA$30,INDEX(Jesper!$R$2:$R$366,ROW(INDEX(Jesper!AL$2:AL$366,ROUNDDOWN($C3008/24,0)+1,1))-1)+IF('Standard Profiles'!$G$22=$B$10,7,0)+IF('Standard Profiles'!$G$22=$B$17,14,0)+IF('Standard Profiles'!$G$22=$B$24,21,0),MOD($C3008,24)+1)/SUM(INDEX($D$3:$AA$30,INDEX(Jesper!$R$2:$R$366,ROW(INDEX(Jesper!AL$2:AL$366,ROUNDDOWN($C3008/24,0)+1,1))-1)+IF('Standard Profiles'!$G$22=$B$10,7,0)+IF('Standard Profiles'!$G$22=$B$17,14,0)+IF('Standard Profiles'!$G$22=$B$24,21,0),0)),0)</f>
        <v>0</v>
      </c>
      <c r="I3008">
        <f t="shared" si="342"/>
        <v>0.11441027485148042</v>
      </c>
      <c r="J3008">
        <f t="shared" si="343"/>
        <v>0.3813675828382681</v>
      </c>
      <c r="K3008">
        <f t="shared" si="344"/>
        <v>0.57205137425740216</v>
      </c>
      <c r="L3008">
        <f t="shared" si="345"/>
        <v>2.7458465964355301</v>
      </c>
      <c r="M3008">
        <f t="shared" si="346"/>
        <v>0</v>
      </c>
      <c r="N3008" s="46">
        <f t="shared" si="347"/>
        <v>45415.916666659454</v>
      </c>
    </row>
    <row r="3009" spans="2:14" x14ac:dyDescent="0.3">
      <c r="B3009">
        <f t="shared" si="341"/>
        <v>5</v>
      </c>
      <c r="C3009" s="16">
        <v>2975</v>
      </c>
      <c r="D3009" cm="1">
        <f t="array" ref="D3009">IFERROR(INDEX(Jesper!AH$2:AH$366,ROUNDDOWN($C3009/24,0)+1,1)*INDEX($D$3:$AA$30,INDEX(Jesper!$R$2:$R$366,ROW(INDEX(Jesper!AH$2:AH$366,ROUNDDOWN($C3009/24,0)+1,1))-1)+IF('Standard Profiles'!$G$18=$B$10,7,0)+IF('Standard Profiles'!$G$18=$B$17,14,0)+IF('Standard Profiles'!$G$18=$B$24,21,0),MOD($C3009,24)+1)/SUM(INDEX($D$3:$AA$30,INDEX(Jesper!$R$2:$R$366,ROW(INDEX(Jesper!AH$2:AH$366,ROUNDDOWN($C3009/24,0)+1,1))-1)+IF('Standard Profiles'!$G$18=$B$10,7,0)+IF('Standard Profiles'!$G$18=$B$17,14,0)+IF('Standard Profiles'!$G$18=$B$24,21,0),0)),0)</f>
        <v>3.813675828382681</v>
      </c>
      <c r="E3009" cm="1">
        <f t="array" ref="E3009">IFERROR(INDEX(Jesper!AI$2:AI$366,ROUNDDOWN($C3009/24,0)+1,1)*INDEX($D$3:$AA$30,INDEX(Jesper!$R$2:$R$366,ROW(INDEX(Jesper!AI$2:AI$366,ROUNDDOWN($C3009/24,0)+1,1))-1)+IF('Standard Profiles'!$G$19=$B$10,7,0)+IF('Standard Profiles'!$G$19=$B$17,14,0)+IF('Standard Profiles'!$G$19=$B$24,21,0),MOD($C3009,24)+1)/SUM(INDEX($D$3:$AA$30,INDEX(Jesper!$R$2:$R$366,ROW(INDEX(Jesper!AI$2:AI$366,ROUNDDOWN($C3009/24,0)+1,1))-1)+IF('Standard Profiles'!$G$19=$B$10,7,0)+IF('Standard Profiles'!$G$19=$B$17,14,0)+IF('Standard Profiles'!$G$19=$B$24,21,0),0)),0)</f>
        <v>0</v>
      </c>
      <c r="F3009" cm="1">
        <f t="array" ref="F3009">IFERROR(INDEX(Jesper!AJ$2:AJ$366,ROUNDDOWN($C3009/24,0)+1,1)*INDEX($D$3:$AA$30,INDEX(Jesper!$R$2:$R$366,ROW(INDEX(Jesper!AJ$2:AJ$366,ROUNDDOWN($C3009/24,0)+1,1))-1)+IF('Standard Profiles'!$G$20=$B$10,7,0)+IF('Standard Profiles'!$G$20=$B$17,14,0)+IF('Standard Profiles'!$G$20=$B$24,21,0),MOD($C3009,24)+1)/SUM(INDEX($D$3:$AA$30,INDEX(Jesper!$R$2:$R$366,ROW(INDEX(Jesper!AJ$2:AJ$366,ROUNDDOWN($C3009/24,0)+1,1))-1)+IF('Standard Profiles'!$G$20=$B$10,7,0)+IF('Standard Profiles'!$G$20=$B$17,14,0)+IF('Standard Profiles'!$G$20=$B$24,21,0),0)),0)</f>
        <v>0</v>
      </c>
      <c r="G3009" cm="1">
        <f t="array" ref="G3009">IFERROR(INDEX(Jesper!AK$2:AK$366,ROUNDDOWN($C3009/24,0)+1,1)*INDEX($D$3:$AA$30,INDEX(Jesper!$R$2:$R$366,ROW(INDEX(Jesper!AK$2:AK$366,ROUNDDOWN($C3009/24,0)+1,1))-1)+IF('Standard Profiles'!$G$21=$B$10,7,0)+IF('Standard Profiles'!$G$21=$B$17,14,0)+IF('Standard Profiles'!$G$21=$B$24,21,0),MOD($C3009,24)+1)/SUM(INDEX($D$3:$AA$30,INDEX(Jesper!$R$2:$R$366,ROW(INDEX(Jesper!AK$2:AK$366,ROUNDDOWN($C3009/24,0)+1,1))-1)+IF('Standard Profiles'!$G$21=$B$10,7,0)+IF('Standard Profiles'!$G$21=$B$17,14,0)+IF('Standard Profiles'!$G$21=$B$24,21,0),0)),0)</f>
        <v>0</v>
      </c>
      <c r="H3009" cm="1">
        <f t="array" ref="H3009">IFERROR(INDEX(Jesper!AL$2:AL$366,ROUNDDOWN($C3009/24,0)+1,1)*INDEX($D$3:$AA$30,INDEX(Jesper!$R$2:$R$366,ROW(INDEX(Jesper!AL$2:AL$366,ROUNDDOWN($C3009/24,0)+1,1))-1)+IF('Standard Profiles'!$G$22=$B$10,7,0)+IF('Standard Profiles'!$G$22=$B$17,14,0)+IF('Standard Profiles'!$G$22=$B$24,21,0),MOD($C3009,24)+1)/SUM(INDEX($D$3:$AA$30,INDEX(Jesper!$R$2:$R$366,ROW(INDEX(Jesper!AL$2:AL$366,ROUNDDOWN($C3009/24,0)+1,1))-1)+IF('Standard Profiles'!$G$22=$B$10,7,0)+IF('Standard Profiles'!$G$22=$B$17,14,0)+IF('Standard Profiles'!$G$22=$B$24,21,0),0)),0)</f>
        <v>0</v>
      </c>
      <c r="I3009">
        <f t="shared" si="342"/>
        <v>0.11441027485148042</v>
      </c>
      <c r="J3009">
        <f t="shared" si="343"/>
        <v>0.3813675828382681</v>
      </c>
      <c r="K3009">
        <f t="shared" si="344"/>
        <v>0.57205137425740216</v>
      </c>
      <c r="L3009">
        <f t="shared" si="345"/>
        <v>2.7458465964355301</v>
      </c>
      <c r="M3009">
        <f t="shared" si="346"/>
        <v>0</v>
      </c>
      <c r="N3009" s="46">
        <f t="shared" si="347"/>
        <v>45415.958333326118</v>
      </c>
    </row>
    <row r="3010" spans="2:14" x14ac:dyDescent="0.3">
      <c r="B3010">
        <f t="shared" si="341"/>
        <v>6</v>
      </c>
      <c r="C3010" s="16">
        <v>2976</v>
      </c>
      <c r="D3010" cm="1">
        <f t="array" ref="D3010">IFERROR(INDEX(Jesper!AH$2:AH$366,ROUNDDOWN($C3010/24,0)+1,1)*INDEX($D$3:$AA$30,INDEX(Jesper!$R$2:$R$366,ROW(INDEX(Jesper!AH$2:AH$366,ROUNDDOWN($C3010/24,0)+1,1))-1)+IF('Standard Profiles'!$G$18=$B$10,7,0)+IF('Standard Profiles'!$G$18=$B$17,14,0)+IF('Standard Profiles'!$G$18=$B$24,21,0),MOD($C3010,24)+1)/SUM(INDEX($D$3:$AA$30,INDEX(Jesper!$R$2:$R$366,ROW(INDEX(Jesper!AH$2:AH$366,ROUNDDOWN($C3010/24,0)+1,1))-1)+IF('Standard Profiles'!$G$18=$B$10,7,0)+IF('Standard Profiles'!$G$18=$B$17,14,0)+IF('Standard Profiles'!$G$18=$B$24,21,0),0)),0)</f>
        <v>3.877587631334968</v>
      </c>
      <c r="E3010" cm="1">
        <f t="array" ref="E3010">IFERROR(INDEX(Jesper!AI$2:AI$366,ROUNDDOWN($C3010/24,0)+1,1)*INDEX($D$3:$AA$30,INDEX(Jesper!$R$2:$R$366,ROW(INDEX(Jesper!AI$2:AI$366,ROUNDDOWN($C3010/24,0)+1,1))-1)+IF('Standard Profiles'!$G$19=$B$10,7,0)+IF('Standard Profiles'!$G$19=$B$17,14,0)+IF('Standard Profiles'!$G$19=$B$24,21,0),MOD($C3010,24)+1)/SUM(INDEX($D$3:$AA$30,INDEX(Jesper!$R$2:$R$366,ROW(INDEX(Jesper!AI$2:AI$366,ROUNDDOWN($C3010/24,0)+1,1))-1)+IF('Standard Profiles'!$G$19=$B$10,7,0)+IF('Standard Profiles'!$G$19=$B$17,14,0)+IF('Standard Profiles'!$G$19=$B$24,21,0),0)),0)</f>
        <v>0.76369551871083008</v>
      </c>
      <c r="F3010" cm="1">
        <f t="array" ref="F3010">IFERROR(INDEX(Jesper!AJ$2:AJ$366,ROUNDDOWN($C3010/24,0)+1,1)*INDEX($D$3:$AA$30,INDEX(Jesper!$R$2:$R$366,ROW(INDEX(Jesper!AJ$2:AJ$366,ROUNDDOWN($C3010/24,0)+1,1))-1)+IF('Standard Profiles'!$G$20=$B$10,7,0)+IF('Standard Profiles'!$G$20=$B$17,14,0)+IF('Standard Profiles'!$G$20=$B$24,21,0),MOD($C3010,24)+1)/SUM(INDEX($D$3:$AA$30,INDEX(Jesper!$R$2:$R$366,ROW(INDEX(Jesper!AJ$2:AJ$366,ROUNDDOWN($C3010/24,0)+1,1))-1)+IF('Standard Profiles'!$G$20=$B$10,7,0)+IF('Standard Profiles'!$G$20=$B$17,14,0)+IF('Standard Profiles'!$G$20=$B$24,21,0),0)),0)</f>
        <v>0</v>
      </c>
      <c r="G3010" cm="1">
        <f t="array" ref="G3010">IFERROR(INDEX(Jesper!AK$2:AK$366,ROUNDDOWN($C3010/24,0)+1,1)*INDEX($D$3:$AA$30,INDEX(Jesper!$R$2:$R$366,ROW(INDEX(Jesper!AK$2:AK$366,ROUNDDOWN($C3010/24,0)+1,1))-1)+IF('Standard Profiles'!$G$21=$B$10,7,0)+IF('Standard Profiles'!$G$21=$B$17,14,0)+IF('Standard Profiles'!$G$21=$B$24,21,0),MOD($C3010,24)+1)/SUM(INDEX($D$3:$AA$30,INDEX(Jesper!$R$2:$R$366,ROW(INDEX(Jesper!AK$2:AK$366,ROUNDDOWN($C3010/24,0)+1,1))-1)+IF('Standard Profiles'!$G$21=$B$10,7,0)+IF('Standard Profiles'!$G$21=$B$17,14,0)+IF('Standard Profiles'!$G$21=$B$24,21,0),0)),0)</f>
        <v>0</v>
      </c>
      <c r="H3010" cm="1">
        <f t="array" ref="H3010">IFERROR(INDEX(Jesper!AL$2:AL$366,ROUNDDOWN($C3010/24,0)+1,1)*INDEX($D$3:$AA$30,INDEX(Jesper!$R$2:$R$366,ROW(INDEX(Jesper!AL$2:AL$366,ROUNDDOWN($C3010/24,0)+1,1))-1)+IF('Standard Profiles'!$G$22=$B$10,7,0)+IF('Standard Profiles'!$G$22=$B$17,14,0)+IF('Standard Profiles'!$G$22=$B$24,21,0),MOD($C3010,24)+1)/SUM(INDEX($D$3:$AA$30,INDEX(Jesper!$R$2:$R$366,ROW(INDEX(Jesper!AL$2:AL$366,ROUNDDOWN($C3010/24,0)+1,1))-1)+IF('Standard Profiles'!$G$22=$B$10,7,0)+IF('Standard Profiles'!$G$22=$B$17,14,0)+IF('Standard Profiles'!$G$22=$B$24,21,0),0)),0)</f>
        <v>0</v>
      </c>
      <c r="I3010">
        <f t="shared" si="342"/>
        <v>6.8801398082056778E-2</v>
      </c>
      <c r="J3010">
        <f t="shared" si="343"/>
        <v>0.22933799360685597</v>
      </c>
      <c r="K3010">
        <f t="shared" si="344"/>
        <v>0.34400699041028393</v>
      </c>
      <c r="L3010">
        <f t="shared" si="345"/>
        <v>3.9991367679466014</v>
      </c>
      <c r="M3010">
        <f t="shared" si="346"/>
        <v>0</v>
      </c>
      <c r="N3010" s="46">
        <f t="shared" si="347"/>
        <v>45415.999999992782</v>
      </c>
    </row>
    <row r="3011" spans="2:14" x14ac:dyDescent="0.3">
      <c r="B3011">
        <f t="shared" si="341"/>
        <v>6</v>
      </c>
      <c r="C3011" s="16">
        <v>2977</v>
      </c>
      <c r="D3011" cm="1">
        <f t="array" ref="D3011">IFERROR(INDEX(Jesper!AH$2:AH$366,ROUNDDOWN($C3011/24,0)+1,1)*INDEX($D$3:$AA$30,INDEX(Jesper!$R$2:$R$366,ROW(INDEX(Jesper!AH$2:AH$366,ROUNDDOWN($C3011/24,0)+1,1))-1)+IF('Standard Profiles'!$G$18=$B$10,7,0)+IF('Standard Profiles'!$G$18=$B$17,14,0)+IF('Standard Profiles'!$G$18=$B$24,21,0),MOD($C3011,24)+1)/SUM(INDEX($D$3:$AA$30,INDEX(Jesper!$R$2:$R$366,ROW(INDEX(Jesper!AH$2:AH$366,ROUNDDOWN($C3011/24,0)+1,1))-1)+IF('Standard Profiles'!$G$18=$B$10,7,0)+IF('Standard Profiles'!$G$18=$B$17,14,0)+IF('Standard Profiles'!$G$18=$B$24,21,0),0)),0)</f>
        <v>7.5705282326063674</v>
      </c>
      <c r="E3011" cm="1">
        <f t="array" ref="E3011">IFERROR(INDEX(Jesper!AI$2:AI$366,ROUNDDOWN($C3011/24,0)+1,1)*INDEX($D$3:$AA$30,INDEX(Jesper!$R$2:$R$366,ROW(INDEX(Jesper!AI$2:AI$366,ROUNDDOWN($C3011/24,0)+1,1))-1)+IF('Standard Profiles'!$G$19=$B$10,7,0)+IF('Standard Profiles'!$G$19=$B$17,14,0)+IF('Standard Profiles'!$G$19=$B$24,21,0),MOD($C3011,24)+1)/SUM(INDEX($D$3:$AA$30,INDEX(Jesper!$R$2:$R$366,ROW(INDEX(Jesper!AI$2:AI$366,ROUNDDOWN($C3011/24,0)+1,1))-1)+IF('Standard Profiles'!$G$19=$B$10,7,0)+IF('Standard Profiles'!$G$19=$B$17,14,0)+IF('Standard Profiles'!$G$19=$B$24,21,0),0)),0)</f>
        <v>1.4910245841497163</v>
      </c>
      <c r="F3011" cm="1">
        <f t="array" ref="F3011">IFERROR(INDEX(Jesper!AJ$2:AJ$366,ROUNDDOWN($C3011/24,0)+1,1)*INDEX($D$3:$AA$30,INDEX(Jesper!$R$2:$R$366,ROW(INDEX(Jesper!AJ$2:AJ$366,ROUNDDOWN($C3011/24,0)+1,1))-1)+IF('Standard Profiles'!$G$20=$B$10,7,0)+IF('Standard Profiles'!$G$20=$B$17,14,0)+IF('Standard Profiles'!$G$20=$B$24,21,0),MOD($C3011,24)+1)/SUM(INDEX($D$3:$AA$30,INDEX(Jesper!$R$2:$R$366,ROW(INDEX(Jesper!AJ$2:AJ$366,ROUNDDOWN($C3011/24,0)+1,1))-1)+IF('Standard Profiles'!$G$20=$B$10,7,0)+IF('Standard Profiles'!$G$20=$B$17,14,0)+IF('Standard Profiles'!$G$20=$B$24,21,0),0)),0)</f>
        <v>0</v>
      </c>
      <c r="G3011" cm="1">
        <f t="array" ref="G3011">IFERROR(INDEX(Jesper!AK$2:AK$366,ROUNDDOWN($C3011/24,0)+1,1)*INDEX($D$3:$AA$30,INDEX(Jesper!$R$2:$R$366,ROW(INDEX(Jesper!AK$2:AK$366,ROUNDDOWN($C3011/24,0)+1,1))-1)+IF('Standard Profiles'!$G$21=$B$10,7,0)+IF('Standard Profiles'!$G$21=$B$17,14,0)+IF('Standard Profiles'!$G$21=$B$24,21,0),MOD($C3011,24)+1)/SUM(INDEX($D$3:$AA$30,INDEX(Jesper!$R$2:$R$366,ROW(INDEX(Jesper!AK$2:AK$366,ROUNDDOWN($C3011/24,0)+1,1))-1)+IF('Standard Profiles'!$G$21=$B$10,7,0)+IF('Standard Profiles'!$G$21=$B$17,14,0)+IF('Standard Profiles'!$G$21=$B$24,21,0),0)),0)</f>
        <v>0</v>
      </c>
      <c r="H3011" cm="1">
        <f t="array" ref="H3011">IFERROR(INDEX(Jesper!AL$2:AL$366,ROUNDDOWN($C3011/24,0)+1,1)*INDEX($D$3:$AA$30,INDEX(Jesper!$R$2:$R$366,ROW(INDEX(Jesper!AL$2:AL$366,ROUNDDOWN($C3011/24,0)+1,1))-1)+IF('Standard Profiles'!$G$22=$B$10,7,0)+IF('Standard Profiles'!$G$22=$B$17,14,0)+IF('Standard Profiles'!$G$22=$B$24,21,0),MOD($C3011,24)+1)/SUM(INDEX($D$3:$AA$30,INDEX(Jesper!$R$2:$R$366,ROW(INDEX(Jesper!AL$2:AL$366,ROUNDDOWN($C3011/24,0)+1,1))-1)+IF('Standard Profiles'!$G$22=$B$10,7,0)+IF('Standard Profiles'!$G$22=$B$17,14,0)+IF('Standard Profiles'!$G$22=$B$24,21,0),0)),0)</f>
        <v>0</v>
      </c>
      <c r="I3011">
        <f t="shared" si="342"/>
        <v>0.1343265391125871</v>
      </c>
      <c r="J3011">
        <f t="shared" si="343"/>
        <v>0.44775513037529036</v>
      </c>
      <c r="K3011">
        <f t="shared" si="344"/>
        <v>0.67163269556293548</v>
      </c>
      <c r="L3011">
        <f t="shared" si="345"/>
        <v>7.8078384517052708</v>
      </c>
      <c r="M3011">
        <f t="shared" si="346"/>
        <v>0</v>
      </c>
      <c r="N3011" s="46">
        <f t="shared" si="347"/>
        <v>45416.041666659446</v>
      </c>
    </row>
    <row r="3012" spans="2:14" x14ac:dyDescent="0.3">
      <c r="B3012">
        <f t="shared" si="341"/>
        <v>6</v>
      </c>
      <c r="C3012" s="16">
        <v>2978</v>
      </c>
      <c r="D3012" cm="1">
        <f t="array" ref="D3012">IFERROR(INDEX(Jesper!AH$2:AH$366,ROUNDDOWN($C3012/24,0)+1,1)*INDEX($D$3:$AA$30,INDEX(Jesper!$R$2:$R$366,ROW(INDEX(Jesper!AH$2:AH$366,ROUNDDOWN($C3012/24,0)+1,1))-1)+IF('Standard Profiles'!$G$18=$B$10,7,0)+IF('Standard Profiles'!$G$18=$B$17,14,0)+IF('Standard Profiles'!$G$18=$B$24,21,0),MOD($C3012,24)+1)/SUM(INDEX($D$3:$AA$30,INDEX(Jesper!$R$2:$R$366,ROW(INDEX(Jesper!AH$2:AH$366,ROUNDDOWN($C3012/24,0)+1,1))-1)+IF('Standard Profiles'!$G$18=$B$10,7,0)+IF('Standard Profiles'!$G$18=$B$17,14,0)+IF('Standard Profiles'!$G$18=$B$24,21,0),0)),0)</f>
        <v>7.5705282326063674</v>
      </c>
      <c r="E3012" cm="1">
        <f t="array" ref="E3012">IFERROR(INDEX(Jesper!AI$2:AI$366,ROUNDDOWN($C3012/24,0)+1,1)*INDEX($D$3:$AA$30,INDEX(Jesper!$R$2:$R$366,ROW(INDEX(Jesper!AI$2:AI$366,ROUNDDOWN($C3012/24,0)+1,1))-1)+IF('Standard Profiles'!$G$19=$B$10,7,0)+IF('Standard Profiles'!$G$19=$B$17,14,0)+IF('Standard Profiles'!$G$19=$B$24,21,0),MOD($C3012,24)+1)/SUM(INDEX($D$3:$AA$30,INDEX(Jesper!$R$2:$R$366,ROW(INDEX(Jesper!AI$2:AI$366,ROUNDDOWN($C3012/24,0)+1,1))-1)+IF('Standard Profiles'!$G$19=$B$10,7,0)+IF('Standard Profiles'!$G$19=$B$17,14,0)+IF('Standard Profiles'!$G$19=$B$24,21,0),0)),0)</f>
        <v>1.4910245841497163</v>
      </c>
      <c r="F3012" cm="1">
        <f t="array" ref="F3012">IFERROR(INDEX(Jesper!AJ$2:AJ$366,ROUNDDOWN($C3012/24,0)+1,1)*INDEX($D$3:$AA$30,INDEX(Jesper!$R$2:$R$366,ROW(INDEX(Jesper!AJ$2:AJ$366,ROUNDDOWN($C3012/24,0)+1,1))-1)+IF('Standard Profiles'!$G$20=$B$10,7,0)+IF('Standard Profiles'!$G$20=$B$17,14,0)+IF('Standard Profiles'!$G$20=$B$24,21,0),MOD($C3012,24)+1)/SUM(INDEX($D$3:$AA$30,INDEX(Jesper!$R$2:$R$366,ROW(INDEX(Jesper!AJ$2:AJ$366,ROUNDDOWN($C3012/24,0)+1,1))-1)+IF('Standard Profiles'!$G$20=$B$10,7,0)+IF('Standard Profiles'!$G$20=$B$17,14,0)+IF('Standard Profiles'!$G$20=$B$24,21,0),0)),0)</f>
        <v>0</v>
      </c>
      <c r="G3012" cm="1">
        <f t="array" ref="G3012">IFERROR(INDEX(Jesper!AK$2:AK$366,ROUNDDOWN($C3012/24,0)+1,1)*INDEX($D$3:$AA$30,INDEX(Jesper!$R$2:$R$366,ROW(INDEX(Jesper!AK$2:AK$366,ROUNDDOWN($C3012/24,0)+1,1))-1)+IF('Standard Profiles'!$G$21=$B$10,7,0)+IF('Standard Profiles'!$G$21=$B$17,14,0)+IF('Standard Profiles'!$G$21=$B$24,21,0),MOD($C3012,24)+1)/SUM(INDEX($D$3:$AA$30,INDEX(Jesper!$R$2:$R$366,ROW(INDEX(Jesper!AK$2:AK$366,ROUNDDOWN($C3012/24,0)+1,1))-1)+IF('Standard Profiles'!$G$21=$B$10,7,0)+IF('Standard Profiles'!$G$21=$B$17,14,0)+IF('Standard Profiles'!$G$21=$B$24,21,0),0)),0)</f>
        <v>0</v>
      </c>
      <c r="H3012" cm="1">
        <f t="array" ref="H3012">IFERROR(INDEX(Jesper!AL$2:AL$366,ROUNDDOWN($C3012/24,0)+1,1)*INDEX($D$3:$AA$30,INDEX(Jesper!$R$2:$R$366,ROW(INDEX(Jesper!AL$2:AL$366,ROUNDDOWN($C3012/24,0)+1,1))-1)+IF('Standard Profiles'!$G$22=$B$10,7,0)+IF('Standard Profiles'!$G$22=$B$17,14,0)+IF('Standard Profiles'!$G$22=$B$24,21,0),MOD($C3012,24)+1)/SUM(INDEX($D$3:$AA$30,INDEX(Jesper!$R$2:$R$366,ROW(INDEX(Jesper!AL$2:AL$366,ROUNDDOWN($C3012/24,0)+1,1))-1)+IF('Standard Profiles'!$G$22=$B$10,7,0)+IF('Standard Profiles'!$G$22=$B$17,14,0)+IF('Standard Profiles'!$G$22=$B$24,21,0),0)),0)</f>
        <v>0</v>
      </c>
      <c r="I3012">
        <f t="shared" si="342"/>
        <v>0.1343265391125871</v>
      </c>
      <c r="J3012">
        <f t="shared" si="343"/>
        <v>0.44775513037529036</v>
      </c>
      <c r="K3012">
        <f t="shared" si="344"/>
        <v>0.67163269556293548</v>
      </c>
      <c r="L3012">
        <f t="shared" si="345"/>
        <v>7.8078384517052708</v>
      </c>
      <c r="M3012">
        <f t="shared" si="346"/>
        <v>0</v>
      </c>
      <c r="N3012" s="46">
        <f t="shared" si="347"/>
        <v>45416.083333326111</v>
      </c>
    </row>
    <row r="3013" spans="2:14" x14ac:dyDescent="0.3">
      <c r="B3013">
        <f t="shared" si="341"/>
        <v>6</v>
      </c>
      <c r="C3013" s="16">
        <v>2979</v>
      </c>
      <c r="D3013" cm="1">
        <f t="array" ref="D3013">IFERROR(INDEX(Jesper!AH$2:AH$366,ROUNDDOWN($C3013/24,0)+1,1)*INDEX($D$3:$AA$30,INDEX(Jesper!$R$2:$R$366,ROW(INDEX(Jesper!AH$2:AH$366,ROUNDDOWN($C3013/24,0)+1,1))-1)+IF('Standard Profiles'!$G$18=$B$10,7,0)+IF('Standard Profiles'!$G$18=$B$17,14,0)+IF('Standard Profiles'!$G$18=$B$24,21,0),MOD($C3013,24)+1)/SUM(INDEX($D$3:$AA$30,INDEX(Jesper!$R$2:$R$366,ROW(INDEX(Jesper!AH$2:AH$366,ROUNDDOWN($C3013/24,0)+1,1))-1)+IF('Standard Profiles'!$G$18=$B$10,7,0)+IF('Standard Profiles'!$G$18=$B$17,14,0)+IF('Standard Profiles'!$G$18=$B$24,21,0),0)),0)</f>
        <v>7.5705282326063674</v>
      </c>
      <c r="E3013" cm="1">
        <f t="array" ref="E3013">IFERROR(INDEX(Jesper!AI$2:AI$366,ROUNDDOWN($C3013/24,0)+1,1)*INDEX($D$3:$AA$30,INDEX(Jesper!$R$2:$R$366,ROW(INDEX(Jesper!AI$2:AI$366,ROUNDDOWN($C3013/24,0)+1,1))-1)+IF('Standard Profiles'!$G$19=$B$10,7,0)+IF('Standard Profiles'!$G$19=$B$17,14,0)+IF('Standard Profiles'!$G$19=$B$24,21,0),MOD($C3013,24)+1)/SUM(INDEX($D$3:$AA$30,INDEX(Jesper!$R$2:$R$366,ROW(INDEX(Jesper!AI$2:AI$366,ROUNDDOWN($C3013/24,0)+1,1))-1)+IF('Standard Profiles'!$G$19=$B$10,7,0)+IF('Standard Profiles'!$G$19=$B$17,14,0)+IF('Standard Profiles'!$G$19=$B$24,21,0),0)),0)</f>
        <v>1.4910245841497163</v>
      </c>
      <c r="F3013" cm="1">
        <f t="array" ref="F3013">IFERROR(INDEX(Jesper!AJ$2:AJ$366,ROUNDDOWN($C3013/24,0)+1,1)*INDEX($D$3:$AA$30,INDEX(Jesper!$R$2:$R$366,ROW(INDEX(Jesper!AJ$2:AJ$366,ROUNDDOWN($C3013/24,0)+1,1))-1)+IF('Standard Profiles'!$G$20=$B$10,7,0)+IF('Standard Profiles'!$G$20=$B$17,14,0)+IF('Standard Profiles'!$G$20=$B$24,21,0),MOD($C3013,24)+1)/SUM(INDEX($D$3:$AA$30,INDEX(Jesper!$R$2:$R$366,ROW(INDEX(Jesper!AJ$2:AJ$366,ROUNDDOWN($C3013/24,0)+1,1))-1)+IF('Standard Profiles'!$G$20=$B$10,7,0)+IF('Standard Profiles'!$G$20=$B$17,14,0)+IF('Standard Profiles'!$G$20=$B$24,21,0),0)),0)</f>
        <v>0</v>
      </c>
      <c r="G3013" cm="1">
        <f t="array" ref="G3013">IFERROR(INDEX(Jesper!AK$2:AK$366,ROUNDDOWN($C3013/24,0)+1,1)*INDEX($D$3:$AA$30,INDEX(Jesper!$R$2:$R$366,ROW(INDEX(Jesper!AK$2:AK$366,ROUNDDOWN($C3013/24,0)+1,1))-1)+IF('Standard Profiles'!$G$21=$B$10,7,0)+IF('Standard Profiles'!$G$21=$B$17,14,0)+IF('Standard Profiles'!$G$21=$B$24,21,0),MOD($C3013,24)+1)/SUM(INDEX($D$3:$AA$30,INDEX(Jesper!$R$2:$R$366,ROW(INDEX(Jesper!AK$2:AK$366,ROUNDDOWN($C3013/24,0)+1,1))-1)+IF('Standard Profiles'!$G$21=$B$10,7,0)+IF('Standard Profiles'!$G$21=$B$17,14,0)+IF('Standard Profiles'!$G$21=$B$24,21,0),0)),0)</f>
        <v>0</v>
      </c>
      <c r="H3013" cm="1">
        <f t="array" ref="H3013">IFERROR(INDEX(Jesper!AL$2:AL$366,ROUNDDOWN($C3013/24,0)+1,1)*INDEX($D$3:$AA$30,INDEX(Jesper!$R$2:$R$366,ROW(INDEX(Jesper!AL$2:AL$366,ROUNDDOWN($C3013/24,0)+1,1))-1)+IF('Standard Profiles'!$G$22=$B$10,7,0)+IF('Standard Profiles'!$G$22=$B$17,14,0)+IF('Standard Profiles'!$G$22=$B$24,21,0),MOD($C3013,24)+1)/SUM(INDEX($D$3:$AA$30,INDEX(Jesper!$R$2:$R$366,ROW(INDEX(Jesper!AL$2:AL$366,ROUNDDOWN($C3013/24,0)+1,1))-1)+IF('Standard Profiles'!$G$22=$B$10,7,0)+IF('Standard Profiles'!$G$22=$B$17,14,0)+IF('Standard Profiles'!$G$22=$B$24,21,0),0)),0)</f>
        <v>0</v>
      </c>
      <c r="I3013">
        <f t="shared" si="342"/>
        <v>0.1343265391125871</v>
      </c>
      <c r="J3013">
        <f t="shared" si="343"/>
        <v>0.44775513037529036</v>
      </c>
      <c r="K3013">
        <f t="shared" si="344"/>
        <v>0.67163269556293548</v>
      </c>
      <c r="L3013">
        <f t="shared" si="345"/>
        <v>7.8078384517052708</v>
      </c>
      <c r="M3013">
        <f t="shared" si="346"/>
        <v>0</v>
      </c>
      <c r="N3013" s="46">
        <f t="shared" si="347"/>
        <v>45416.124999992775</v>
      </c>
    </row>
    <row r="3014" spans="2:14" x14ac:dyDescent="0.3">
      <c r="B3014">
        <f t="shared" si="341"/>
        <v>6</v>
      </c>
      <c r="C3014" s="16">
        <v>2980</v>
      </c>
      <c r="D3014" cm="1">
        <f t="array" ref="D3014">IFERROR(INDEX(Jesper!AH$2:AH$366,ROUNDDOWN($C3014/24,0)+1,1)*INDEX($D$3:$AA$30,INDEX(Jesper!$R$2:$R$366,ROW(INDEX(Jesper!AH$2:AH$366,ROUNDDOWN($C3014/24,0)+1,1))-1)+IF('Standard Profiles'!$G$18=$B$10,7,0)+IF('Standard Profiles'!$G$18=$B$17,14,0)+IF('Standard Profiles'!$G$18=$B$24,21,0),MOD($C3014,24)+1)/SUM(INDEX($D$3:$AA$30,INDEX(Jesper!$R$2:$R$366,ROW(INDEX(Jesper!AH$2:AH$366,ROUNDDOWN($C3014/24,0)+1,1))-1)+IF('Standard Profiles'!$G$18=$B$10,7,0)+IF('Standard Profiles'!$G$18=$B$17,14,0)+IF('Standard Profiles'!$G$18=$B$24,21,0),0)),0)</f>
        <v>7.5705282326063674</v>
      </c>
      <c r="E3014" cm="1">
        <f t="array" ref="E3014">IFERROR(INDEX(Jesper!AI$2:AI$366,ROUNDDOWN($C3014/24,0)+1,1)*INDEX($D$3:$AA$30,INDEX(Jesper!$R$2:$R$366,ROW(INDEX(Jesper!AI$2:AI$366,ROUNDDOWN($C3014/24,0)+1,1))-1)+IF('Standard Profiles'!$G$19=$B$10,7,0)+IF('Standard Profiles'!$G$19=$B$17,14,0)+IF('Standard Profiles'!$G$19=$B$24,21,0),MOD($C3014,24)+1)/SUM(INDEX($D$3:$AA$30,INDEX(Jesper!$R$2:$R$366,ROW(INDEX(Jesper!AI$2:AI$366,ROUNDDOWN($C3014/24,0)+1,1))-1)+IF('Standard Profiles'!$G$19=$B$10,7,0)+IF('Standard Profiles'!$G$19=$B$17,14,0)+IF('Standard Profiles'!$G$19=$B$24,21,0),0)),0)</f>
        <v>1.4910245841497163</v>
      </c>
      <c r="F3014" cm="1">
        <f t="array" ref="F3014">IFERROR(INDEX(Jesper!AJ$2:AJ$366,ROUNDDOWN($C3014/24,0)+1,1)*INDEX($D$3:$AA$30,INDEX(Jesper!$R$2:$R$366,ROW(INDEX(Jesper!AJ$2:AJ$366,ROUNDDOWN($C3014/24,0)+1,1))-1)+IF('Standard Profiles'!$G$20=$B$10,7,0)+IF('Standard Profiles'!$G$20=$B$17,14,0)+IF('Standard Profiles'!$G$20=$B$24,21,0),MOD($C3014,24)+1)/SUM(INDEX($D$3:$AA$30,INDEX(Jesper!$R$2:$R$366,ROW(INDEX(Jesper!AJ$2:AJ$366,ROUNDDOWN($C3014/24,0)+1,1))-1)+IF('Standard Profiles'!$G$20=$B$10,7,0)+IF('Standard Profiles'!$G$20=$B$17,14,0)+IF('Standard Profiles'!$G$20=$B$24,21,0),0)),0)</f>
        <v>0</v>
      </c>
      <c r="G3014" cm="1">
        <f t="array" ref="G3014">IFERROR(INDEX(Jesper!AK$2:AK$366,ROUNDDOWN($C3014/24,0)+1,1)*INDEX($D$3:$AA$30,INDEX(Jesper!$R$2:$R$366,ROW(INDEX(Jesper!AK$2:AK$366,ROUNDDOWN($C3014/24,0)+1,1))-1)+IF('Standard Profiles'!$G$21=$B$10,7,0)+IF('Standard Profiles'!$G$21=$B$17,14,0)+IF('Standard Profiles'!$G$21=$B$24,21,0),MOD($C3014,24)+1)/SUM(INDEX($D$3:$AA$30,INDEX(Jesper!$R$2:$R$366,ROW(INDEX(Jesper!AK$2:AK$366,ROUNDDOWN($C3014/24,0)+1,1))-1)+IF('Standard Profiles'!$G$21=$B$10,7,0)+IF('Standard Profiles'!$G$21=$B$17,14,0)+IF('Standard Profiles'!$G$21=$B$24,21,0),0)),0)</f>
        <v>0</v>
      </c>
      <c r="H3014" cm="1">
        <f t="array" ref="H3014">IFERROR(INDEX(Jesper!AL$2:AL$366,ROUNDDOWN($C3014/24,0)+1,1)*INDEX($D$3:$AA$30,INDEX(Jesper!$R$2:$R$366,ROW(INDEX(Jesper!AL$2:AL$366,ROUNDDOWN($C3014/24,0)+1,1))-1)+IF('Standard Profiles'!$G$22=$B$10,7,0)+IF('Standard Profiles'!$G$22=$B$17,14,0)+IF('Standard Profiles'!$G$22=$B$24,21,0),MOD($C3014,24)+1)/SUM(INDEX($D$3:$AA$30,INDEX(Jesper!$R$2:$R$366,ROW(INDEX(Jesper!AL$2:AL$366,ROUNDDOWN($C3014/24,0)+1,1))-1)+IF('Standard Profiles'!$G$22=$B$10,7,0)+IF('Standard Profiles'!$G$22=$B$17,14,0)+IF('Standard Profiles'!$G$22=$B$24,21,0),0)),0)</f>
        <v>0</v>
      </c>
      <c r="I3014">
        <f t="shared" si="342"/>
        <v>0.1343265391125871</v>
      </c>
      <c r="J3014">
        <f t="shared" si="343"/>
        <v>0.44775513037529036</v>
      </c>
      <c r="K3014">
        <f t="shared" si="344"/>
        <v>0.67163269556293548</v>
      </c>
      <c r="L3014">
        <f t="shared" si="345"/>
        <v>7.8078384517052708</v>
      </c>
      <c r="M3014">
        <f t="shared" si="346"/>
        <v>0</v>
      </c>
      <c r="N3014" s="46">
        <f t="shared" si="347"/>
        <v>45416.166666659439</v>
      </c>
    </row>
    <row r="3015" spans="2:14" x14ac:dyDescent="0.3">
      <c r="B3015">
        <f t="shared" si="341"/>
        <v>6</v>
      </c>
      <c r="C3015" s="16">
        <v>2981</v>
      </c>
      <c r="D3015" cm="1">
        <f t="array" ref="D3015">IFERROR(INDEX(Jesper!AH$2:AH$366,ROUNDDOWN($C3015/24,0)+1,1)*INDEX($D$3:$AA$30,INDEX(Jesper!$R$2:$R$366,ROW(INDEX(Jesper!AH$2:AH$366,ROUNDDOWN($C3015/24,0)+1,1))-1)+IF('Standard Profiles'!$G$18=$B$10,7,0)+IF('Standard Profiles'!$G$18=$B$17,14,0)+IF('Standard Profiles'!$G$18=$B$24,21,0),MOD($C3015,24)+1)/SUM(INDEX($D$3:$AA$30,INDEX(Jesper!$R$2:$R$366,ROW(INDEX(Jesper!AH$2:AH$366,ROUNDDOWN($C3015/24,0)+1,1))-1)+IF('Standard Profiles'!$G$18=$B$10,7,0)+IF('Standard Profiles'!$G$18=$B$17,14,0)+IF('Standard Profiles'!$G$18=$B$24,21,0),0)),0)</f>
        <v>9.4169985332420669</v>
      </c>
      <c r="E3015" cm="1">
        <f t="array" ref="E3015">IFERROR(INDEX(Jesper!AI$2:AI$366,ROUNDDOWN($C3015/24,0)+1,1)*INDEX($D$3:$AA$30,INDEX(Jesper!$R$2:$R$366,ROW(INDEX(Jesper!AI$2:AI$366,ROUNDDOWN($C3015/24,0)+1,1))-1)+IF('Standard Profiles'!$G$19=$B$10,7,0)+IF('Standard Profiles'!$G$19=$B$17,14,0)+IF('Standard Profiles'!$G$19=$B$24,21,0),MOD($C3015,24)+1)/SUM(INDEX($D$3:$AA$30,INDEX(Jesper!$R$2:$R$366,ROW(INDEX(Jesper!AI$2:AI$366,ROUNDDOWN($C3015/24,0)+1,1))-1)+IF('Standard Profiles'!$G$19=$B$10,7,0)+IF('Standard Profiles'!$G$19=$B$17,14,0)+IF('Standard Profiles'!$G$19=$B$24,21,0),0)),0)</f>
        <v>1.854689116869159</v>
      </c>
      <c r="F3015" cm="1">
        <f t="array" ref="F3015">IFERROR(INDEX(Jesper!AJ$2:AJ$366,ROUNDDOWN($C3015/24,0)+1,1)*INDEX($D$3:$AA$30,INDEX(Jesper!$R$2:$R$366,ROW(INDEX(Jesper!AJ$2:AJ$366,ROUNDDOWN($C3015/24,0)+1,1))-1)+IF('Standard Profiles'!$G$20=$B$10,7,0)+IF('Standard Profiles'!$G$20=$B$17,14,0)+IF('Standard Profiles'!$G$20=$B$24,21,0),MOD($C3015,24)+1)/SUM(INDEX($D$3:$AA$30,INDEX(Jesper!$R$2:$R$366,ROW(INDEX(Jesper!AJ$2:AJ$366,ROUNDDOWN($C3015/24,0)+1,1))-1)+IF('Standard Profiles'!$G$20=$B$10,7,0)+IF('Standard Profiles'!$G$20=$B$17,14,0)+IF('Standard Profiles'!$G$20=$B$24,21,0),0)),0)</f>
        <v>0</v>
      </c>
      <c r="G3015" cm="1">
        <f t="array" ref="G3015">IFERROR(INDEX(Jesper!AK$2:AK$366,ROUNDDOWN($C3015/24,0)+1,1)*INDEX($D$3:$AA$30,INDEX(Jesper!$R$2:$R$366,ROW(INDEX(Jesper!AK$2:AK$366,ROUNDDOWN($C3015/24,0)+1,1))-1)+IF('Standard Profiles'!$G$21=$B$10,7,0)+IF('Standard Profiles'!$G$21=$B$17,14,0)+IF('Standard Profiles'!$G$21=$B$24,21,0),MOD($C3015,24)+1)/SUM(INDEX($D$3:$AA$30,INDEX(Jesper!$R$2:$R$366,ROW(INDEX(Jesper!AK$2:AK$366,ROUNDDOWN($C3015/24,0)+1,1))-1)+IF('Standard Profiles'!$G$21=$B$10,7,0)+IF('Standard Profiles'!$G$21=$B$17,14,0)+IF('Standard Profiles'!$G$21=$B$24,21,0),0)),0)</f>
        <v>0</v>
      </c>
      <c r="H3015" cm="1">
        <f t="array" ref="H3015">IFERROR(INDEX(Jesper!AL$2:AL$366,ROUNDDOWN($C3015/24,0)+1,1)*INDEX($D$3:$AA$30,INDEX(Jesper!$R$2:$R$366,ROW(INDEX(Jesper!AL$2:AL$366,ROUNDDOWN($C3015/24,0)+1,1))-1)+IF('Standard Profiles'!$G$22=$B$10,7,0)+IF('Standard Profiles'!$G$22=$B$17,14,0)+IF('Standard Profiles'!$G$22=$B$24,21,0),MOD($C3015,24)+1)/SUM(INDEX($D$3:$AA$30,INDEX(Jesper!$R$2:$R$366,ROW(INDEX(Jesper!AL$2:AL$366,ROUNDDOWN($C3015/24,0)+1,1))-1)+IF('Standard Profiles'!$G$22=$B$10,7,0)+IF('Standard Profiles'!$G$22=$B$17,14,0)+IF('Standard Profiles'!$G$22=$B$24,21,0),0)),0)</f>
        <v>0</v>
      </c>
      <c r="I3015">
        <f t="shared" si="342"/>
        <v>0.1670891096278522</v>
      </c>
      <c r="J3015">
        <f t="shared" si="343"/>
        <v>0.55696369875950746</v>
      </c>
      <c r="K3015">
        <f t="shared" si="344"/>
        <v>0.8354455481392612</v>
      </c>
      <c r="L3015">
        <f t="shared" si="345"/>
        <v>9.7121892935846059</v>
      </c>
      <c r="M3015">
        <f t="shared" si="346"/>
        <v>0</v>
      </c>
      <c r="N3015" s="46">
        <f t="shared" si="347"/>
        <v>45416.208333326103</v>
      </c>
    </row>
    <row r="3016" spans="2:14" x14ac:dyDescent="0.3">
      <c r="B3016">
        <f t="shared" si="341"/>
        <v>6</v>
      </c>
      <c r="C3016" s="16">
        <v>2982</v>
      </c>
      <c r="D3016" cm="1">
        <f t="array" ref="D3016">IFERROR(INDEX(Jesper!AH$2:AH$366,ROUNDDOWN($C3016/24,0)+1,1)*INDEX($D$3:$AA$30,INDEX(Jesper!$R$2:$R$366,ROW(INDEX(Jesper!AH$2:AH$366,ROUNDDOWN($C3016/24,0)+1,1))-1)+IF('Standard Profiles'!$G$18=$B$10,7,0)+IF('Standard Profiles'!$G$18=$B$17,14,0)+IF('Standard Profiles'!$G$18=$B$24,21,0),MOD($C3016,24)+1)/SUM(INDEX($D$3:$AA$30,INDEX(Jesper!$R$2:$R$366,ROW(INDEX(Jesper!AH$2:AH$366,ROUNDDOWN($C3016/24,0)+1,1))-1)+IF('Standard Profiles'!$G$18=$B$10,7,0)+IF('Standard Profiles'!$G$18=$B$17,14,0)+IF('Standard Profiles'!$G$18=$B$24,21,0),0)),0)</f>
        <v>11.817409924068475</v>
      </c>
      <c r="E3016" cm="1">
        <f t="array" ref="E3016">IFERROR(INDEX(Jesper!AI$2:AI$366,ROUNDDOWN($C3016/24,0)+1,1)*INDEX($D$3:$AA$30,INDEX(Jesper!$R$2:$R$366,ROW(INDEX(Jesper!AI$2:AI$366,ROUNDDOWN($C3016/24,0)+1,1))-1)+IF('Standard Profiles'!$G$19=$B$10,7,0)+IF('Standard Profiles'!$G$19=$B$17,14,0)+IF('Standard Profiles'!$G$19=$B$24,21,0),MOD($C3016,24)+1)/SUM(INDEX($D$3:$AA$30,INDEX(Jesper!$R$2:$R$366,ROW(INDEX(Jesper!AI$2:AI$366,ROUNDDOWN($C3016/24,0)+1,1))-1)+IF('Standard Profiles'!$G$19=$B$10,7,0)+IF('Standard Profiles'!$G$19=$B$17,14,0)+IF('Standard Profiles'!$G$19=$B$24,21,0),0)),0)</f>
        <v>2.3274530094044348</v>
      </c>
      <c r="F3016" cm="1">
        <f t="array" ref="F3016">IFERROR(INDEX(Jesper!AJ$2:AJ$366,ROUNDDOWN($C3016/24,0)+1,1)*INDEX($D$3:$AA$30,INDEX(Jesper!$R$2:$R$366,ROW(INDEX(Jesper!AJ$2:AJ$366,ROUNDDOWN($C3016/24,0)+1,1))-1)+IF('Standard Profiles'!$G$20=$B$10,7,0)+IF('Standard Profiles'!$G$20=$B$17,14,0)+IF('Standard Profiles'!$G$20=$B$24,21,0),MOD($C3016,24)+1)/SUM(INDEX($D$3:$AA$30,INDEX(Jesper!$R$2:$R$366,ROW(INDEX(Jesper!AJ$2:AJ$366,ROUNDDOWN($C3016/24,0)+1,1))-1)+IF('Standard Profiles'!$G$20=$B$10,7,0)+IF('Standard Profiles'!$G$20=$B$17,14,0)+IF('Standard Profiles'!$G$20=$B$24,21,0),0)),0)</f>
        <v>0</v>
      </c>
      <c r="G3016" cm="1">
        <f t="array" ref="G3016">IFERROR(INDEX(Jesper!AK$2:AK$366,ROUNDDOWN($C3016/24,0)+1,1)*INDEX($D$3:$AA$30,INDEX(Jesper!$R$2:$R$366,ROW(INDEX(Jesper!AK$2:AK$366,ROUNDDOWN($C3016/24,0)+1,1))-1)+IF('Standard Profiles'!$G$21=$B$10,7,0)+IF('Standard Profiles'!$G$21=$B$17,14,0)+IF('Standard Profiles'!$G$21=$B$24,21,0),MOD($C3016,24)+1)/SUM(INDEX($D$3:$AA$30,INDEX(Jesper!$R$2:$R$366,ROW(INDEX(Jesper!AK$2:AK$366,ROUNDDOWN($C3016/24,0)+1,1))-1)+IF('Standard Profiles'!$G$21=$B$10,7,0)+IF('Standard Profiles'!$G$21=$B$17,14,0)+IF('Standard Profiles'!$G$21=$B$24,21,0),0)),0)</f>
        <v>0</v>
      </c>
      <c r="H3016" cm="1">
        <f t="array" ref="H3016">IFERROR(INDEX(Jesper!AL$2:AL$366,ROUNDDOWN($C3016/24,0)+1,1)*INDEX($D$3:$AA$30,INDEX(Jesper!$R$2:$R$366,ROW(INDEX(Jesper!AL$2:AL$366,ROUNDDOWN($C3016/24,0)+1,1))-1)+IF('Standard Profiles'!$G$22=$B$10,7,0)+IF('Standard Profiles'!$G$22=$B$17,14,0)+IF('Standard Profiles'!$G$22=$B$24,21,0),MOD($C3016,24)+1)/SUM(INDEX($D$3:$AA$30,INDEX(Jesper!$R$2:$R$366,ROW(INDEX(Jesper!AL$2:AL$366,ROUNDDOWN($C3016/24,0)+1,1))-1)+IF('Standard Profiles'!$G$22=$B$10,7,0)+IF('Standard Profiles'!$G$22=$B$17,14,0)+IF('Standard Profiles'!$G$22=$B$24,21,0),0)),0)</f>
        <v>0</v>
      </c>
      <c r="I3016">
        <f t="shared" si="342"/>
        <v>0.20968045129769688</v>
      </c>
      <c r="J3016">
        <f t="shared" si="343"/>
        <v>0.69893483765898967</v>
      </c>
      <c r="K3016">
        <f t="shared" si="344"/>
        <v>1.0484022564884845</v>
      </c>
      <c r="L3016">
        <f t="shared" si="345"/>
        <v>12.187845388027739</v>
      </c>
      <c r="M3016">
        <f t="shared" si="346"/>
        <v>0</v>
      </c>
      <c r="N3016" s="46">
        <f t="shared" si="347"/>
        <v>45416.249999992768</v>
      </c>
    </row>
    <row r="3017" spans="2:14" x14ac:dyDescent="0.3">
      <c r="B3017">
        <f t="shared" si="341"/>
        <v>6</v>
      </c>
      <c r="C3017" s="16">
        <v>2983</v>
      </c>
      <c r="D3017" cm="1">
        <f t="array" ref="D3017">IFERROR(INDEX(Jesper!AH$2:AH$366,ROUNDDOWN($C3017/24,0)+1,1)*INDEX($D$3:$AA$30,INDEX(Jesper!$R$2:$R$366,ROW(INDEX(Jesper!AH$2:AH$366,ROUNDDOWN($C3017/24,0)+1,1))-1)+IF('Standard Profiles'!$G$18=$B$10,7,0)+IF('Standard Profiles'!$G$18=$B$17,14,0)+IF('Standard Profiles'!$G$18=$B$24,21,0),MOD($C3017,24)+1)/SUM(INDEX($D$3:$AA$30,INDEX(Jesper!$R$2:$R$366,ROW(INDEX(Jesper!AH$2:AH$366,ROUNDDOWN($C3017/24,0)+1,1))-1)+IF('Standard Profiles'!$G$18=$B$10,7,0)+IF('Standard Profiles'!$G$18=$B$17,14,0)+IF('Standard Profiles'!$G$18=$B$24,21,0),0)),0)</f>
        <v>13.479233194640603</v>
      </c>
      <c r="E3017" cm="1">
        <f t="array" ref="E3017">IFERROR(INDEX(Jesper!AI$2:AI$366,ROUNDDOWN($C3017/24,0)+1,1)*INDEX($D$3:$AA$30,INDEX(Jesper!$R$2:$R$366,ROW(INDEX(Jesper!AI$2:AI$366,ROUNDDOWN($C3017/24,0)+1,1))-1)+IF('Standard Profiles'!$G$19=$B$10,7,0)+IF('Standard Profiles'!$G$19=$B$17,14,0)+IF('Standard Profiles'!$G$19=$B$24,21,0),MOD($C3017,24)+1)/SUM(INDEX($D$3:$AA$30,INDEX(Jesper!$R$2:$R$366,ROW(INDEX(Jesper!AI$2:AI$366,ROUNDDOWN($C3017/24,0)+1,1))-1)+IF('Standard Profiles'!$G$19=$B$10,7,0)+IF('Standard Profiles'!$G$19=$B$17,14,0)+IF('Standard Profiles'!$G$19=$B$24,21,0),0)),0)</f>
        <v>2.6547510888519334</v>
      </c>
      <c r="F3017" cm="1">
        <f t="array" ref="F3017">IFERROR(INDEX(Jesper!AJ$2:AJ$366,ROUNDDOWN($C3017/24,0)+1,1)*INDEX($D$3:$AA$30,INDEX(Jesper!$R$2:$R$366,ROW(INDEX(Jesper!AJ$2:AJ$366,ROUNDDOWN($C3017/24,0)+1,1))-1)+IF('Standard Profiles'!$G$20=$B$10,7,0)+IF('Standard Profiles'!$G$20=$B$17,14,0)+IF('Standard Profiles'!$G$20=$B$24,21,0),MOD($C3017,24)+1)/SUM(INDEX($D$3:$AA$30,INDEX(Jesper!$R$2:$R$366,ROW(INDEX(Jesper!AJ$2:AJ$366,ROUNDDOWN($C3017/24,0)+1,1))-1)+IF('Standard Profiles'!$G$20=$B$10,7,0)+IF('Standard Profiles'!$G$20=$B$17,14,0)+IF('Standard Profiles'!$G$20=$B$24,21,0),0)),0)</f>
        <v>0</v>
      </c>
      <c r="G3017" cm="1">
        <f t="array" ref="G3017">IFERROR(INDEX(Jesper!AK$2:AK$366,ROUNDDOWN($C3017/24,0)+1,1)*INDEX($D$3:$AA$30,INDEX(Jesper!$R$2:$R$366,ROW(INDEX(Jesper!AK$2:AK$366,ROUNDDOWN($C3017/24,0)+1,1))-1)+IF('Standard Profiles'!$G$21=$B$10,7,0)+IF('Standard Profiles'!$G$21=$B$17,14,0)+IF('Standard Profiles'!$G$21=$B$24,21,0),MOD($C3017,24)+1)/SUM(INDEX($D$3:$AA$30,INDEX(Jesper!$R$2:$R$366,ROW(INDEX(Jesper!AK$2:AK$366,ROUNDDOWN($C3017/24,0)+1,1))-1)+IF('Standard Profiles'!$G$21=$B$10,7,0)+IF('Standard Profiles'!$G$21=$B$17,14,0)+IF('Standard Profiles'!$G$21=$B$24,21,0),0)),0)</f>
        <v>0</v>
      </c>
      <c r="H3017" cm="1">
        <f t="array" ref="H3017">IFERROR(INDEX(Jesper!AL$2:AL$366,ROUNDDOWN($C3017/24,0)+1,1)*INDEX($D$3:$AA$30,INDEX(Jesper!$R$2:$R$366,ROW(INDEX(Jesper!AL$2:AL$366,ROUNDDOWN($C3017/24,0)+1,1))-1)+IF('Standard Profiles'!$G$22=$B$10,7,0)+IF('Standard Profiles'!$G$22=$B$17,14,0)+IF('Standard Profiles'!$G$22=$B$24,21,0),MOD($C3017,24)+1)/SUM(INDEX($D$3:$AA$30,INDEX(Jesper!$R$2:$R$366,ROW(INDEX(Jesper!AL$2:AL$366,ROUNDDOWN($C3017/24,0)+1,1))-1)+IF('Standard Profiles'!$G$22=$B$10,7,0)+IF('Standard Profiles'!$G$22=$B$17,14,0)+IF('Standard Profiles'!$G$22=$B$24,21,0),0)),0)</f>
        <v>0</v>
      </c>
      <c r="I3017">
        <f t="shared" si="342"/>
        <v>0.2391667647614355</v>
      </c>
      <c r="J3017">
        <f t="shared" si="343"/>
        <v>0.79722254920478508</v>
      </c>
      <c r="K3017">
        <f t="shared" si="344"/>
        <v>1.1958338238071777</v>
      </c>
      <c r="L3017">
        <f t="shared" si="345"/>
        <v>13.901761145719139</v>
      </c>
      <c r="M3017">
        <f t="shared" si="346"/>
        <v>0</v>
      </c>
      <c r="N3017" s="46">
        <f t="shared" si="347"/>
        <v>45416.291666659432</v>
      </c>
    </row>
    <row r="3018" spans="2:14" x14ac:dyDescent="0.3">
      <c r="B3018">
        <f t="shared" si="341"/>
        <v>6</v>
      </c>
      <c r="C3018" s="16">
        <v>2984</v>
      </c>
      <c r="D3018" cm="1">
        <f t="array" ref="D3018">IFERROR(INDEX(Jesper!AH$2:AH$366,ROUNDDOWN($C3018/24,0)+1,1)*INDEX($D$3:$AA$30,INDEX(Jesper!$R$2:$R$366,ROW(INDEX(Jesper!AH$2:AH$366,ROUNDDOWN($C3018/24,0)+1,1))-1)+IF('Standard Profiles'!$G$18=$B$10,7,0)+IF('Standard Profiles'!$G$18=$B$17,14,0)+IF('Standard Profiles'!$G$18=$B$24,21,0),MOD($C3018,24)+1)/SUM(INDEX($D$3:$AA$30,INDEX(Jesper!$R$2:$R$366,ROW(INDEX(Jesper!AH$2:AH$366,ROUNDDOWN($C3018/24,0)+1,1))-1)+IF('Standard Profiles'!$G$18=$B$10,7,0)+IF('Standard Profiles'!$G$18=$B$17,14,0)+IF('Standard Profiles'!$G$18=$B$24,21,0),0)),0)</f>
        <v>13.479233194640603</v>
      </c>
      <c r="E3018" cm="1">
        <f t="array" ref="E3018">IFERROR(INDEX(Jesper!AI$2:AI$366,ROUNDDOWN($C3018/24,0)+1,1)*INDEX($D$3:$AA$30,INDEX(Jesper!$R$2:$R$366,ROW(INDEX(Jesper!AI$2:AI$366,ROUNDDOWN($C3018/24,0)+1,1))-1)+IF('Standard Profiles'!$G$19=$B$10,7,0)+IF('Standard Profiles'!$G$19=$B$17,14,0)+IF('Standard Profiles'!$G$19=$B$24,21,0),MOD($C3018,24)+1)/SUM(INDEX($D$3:$AA$30,INDEX(Jesper!$R$2:$R$366,ROW(INDEX(Jesper!AI$2:AI$366,ROUNDDOWN($C3018/24,0)+1,1))-1)+IF('Standard Profiles'!$G$19=$B$10,7,0)+IF('Standard Profiles'!$G$19=$B$17,14,0)+IF('Standard Profiles'!$G$19=$B$24,21,0),0)),0)</f>
        <v>2.6547510888519334</v>
      </c>
      <c r="F3018" cm="1">
        <f t="array" ref="F3018">IFERROR(INDEX(Jesper!AJ$2:AJ$366,ROUNDDOWN($C3018/24,0)+1,1)*INDEX($D$3:$AA$30,INDEX(Jesper!$R$2:$R$366,ROW(INDEX(Jesper!AJ$2:AJ$366,ROUNDDOWN($C3018/24,0)+1,1))-1)+IF('Standard Profiles'!$G$20=$B$10,7,0)+IF('Standard Profiles'!$G$20=$B$17,14,0)+IF('Standard Profiles'!$G$20=$B$24,21,0),MOD($C3018,24)+1)/SUM(INDEX($D$3:$AA$30,INDEX(Jesper!$R$2:$R$366,ROW(INDEX(Jesper!AJ$2:AJ$366,ROUNDDOWN($C3018/24,0)+1,1))-1)+IF('Standard Profiles'!$G$20=$B$10,7,0)+IF('Standard Profiles'!$G$20=$B$17,14,0)+IF('Standard Profiles'!$G$20=$B$24,21,0),0)),0)</f>
        <v>0</v>
      </c>
      <c r="G3018" cm="1">
        <f t="array" ref="G3018">IFERROR(INDEX(Jesper!AK$2:AK$366,ROUNDDOWN($C3018/24,0)+1,1)*INDEX($D$3:$AA$30,INDEX(Jesper!$R$2:$R$366,ROW(INDEX(Jesper!AK$2:AK$366,ROUNDDOWN($C3018/24,0)+1,1))-1)+IF('Standard Profiles'!$G$21=$B$10,7,0)+IF('Standard Profiles'!$G$21=$B$17,14,0)+IF('Standard Profiles'!$G$21=$B$24,21,0),MOD($C3018,24)+1)/SUM(INDEX($D$3:$AA$30,INDEX(Jesper!$R$2:$R$366,ROW(INDEX(Jesper!AK$2:AK$366,ROUNDDOWN($C3018/24,0)+1,1))-1)+IF('Standard Profiles'!$G$21=$B$10,7,0)+IF('Standard Profiles'!$G$21=$B$17,14,0)+IF('Standard Profiles'!$G$21=$B$24,21,0),0)),0)</f>
        <v>0</v>
      </c>
      <c r="H3018" cm="1">
        <f t="array" ref="H3018">IFERROR(INDEX(Jesper!AL$2:AL$366,ROUNDDOWN($C3018/24,0)+1,1)*INDEX($D$3:$AA$30,INDEX(Jesper!$R$2:$R$366,ROW(INDEX(Jesper!AL$2:AL$366,ROUNDDOWN($C3018/24,0)+1,1))-1)+IF('Standard Profiles'!$G$22=$B$10,7,0)+IF('Standard Profiles'!$G$22=$B$17,14,0)+IF('Standard Profiles'!$G$22=$B$24,21,0),MOD($C3018,24)+1)/SUM(INDEX($D$3:$AA$30,INDEX(Jesper!$R$2:$R$366,ROW(INDEX(Jesper!AL$2:AL$366,ROUNDDOWN($C3018/24,0)+1,1))-1)+IF('Standard Profiles'!$G$22=$B$10,7,0)+IF('Standard Profiles'!$G$22=$B$17,14,0)+IF('Standard Profiles'!$G$22=$B$24,21,0),0)),0)</f>
        <v>0</v>
      </c>
      <c r="I3018">
        <f t="shared" si="342"/>
        <v>0.2391667647614355</v>
      </c>
      <c r="J3018">
        <f t="shared" si="343"/>
        <v>0.79722254920478508</v>
      </c>
      <c r="K3018">
        <f t="shared" si="344"/>
        <v>1.1958338238071777</v>
      </c>
      <c r="L3018">
        <f t="shared" si="345"/>
        <v>13.901761145719139</v>
      </c>
      <c r="M3018">
        <f t="shared" si="346"/>
        <v>0</v>
      </c>
      <c r="N3018" s="46">
        <f t="shared" si="347"/>
        <v>45416.333333326096</v>
      </c>
    </row>
    <row r="3019" spans="2:14" x14ac:dyDescent="0.3">
      <c r="B3019">
        <f t="shared" si="341"/>
        <v>6</v>
      </c>
      <c r="C3019" s="16">
        <v>2985</v>
      </c>
      <c r="D3019" cm="1">
        <f t="array" ref="D3019">IFERROR(INDEX(Jesper!AH$2:AH$366,ROUNDDOWN($C3019/24,0)+1,1)*INDEX($D$3:$AA$30,INDEX(Jesper!$R$2:$R$366,ROW(INDEX(Jesper!AH$2:AH$366,ROUNDDOWN($C3019/24,0)+1,1))-1)+IF('Standard Profiles'!$G$18=$B$10,7,0)+IF('Standard Profiles'!$G$18=$B$17,14,0)+IF('Standard Profiles'!$G$18=$B$24,21,0),MOD($C3019,24)+1)/SUM(INDEX($D$3:$AA$30,INDEX(Jesper!$R$2:$R$366,ROW(INDEX(Jesper!AH$2:AH$366,ROUNDDOWN($C3019/24,0)+1,1))-1)+IF('Standard Profiles'!$G$18=$B$10,7,0)+IF('Standard Profiles'!$G$18=$B$17,14,0)+IF('Standard Profiles'!$G$18=$B$24,21,0),0)),0)</f>
        <v>13.479233194640603</v>
      </c>
      <c r="E3019" cm="1">
        <f t="array" ref="E3019">IFERROR(INDEX(Jesper!AI$2:AI$366,ROUNDDOWN($C3019/24,0)+1,1)*INDEX($D$3:$AA$30,INDEX(Jesper!$R$2:$R$366,ROW(INDEX(Jesper!AI$2:AI$366,ROUNDDOWN($C3019/24,0)+1,1))-1)+IF('Standard Profiles'!$G$19=$B$10,7,0)+IF('Standard Profiles'!$G$19=$B$17,14,0)+IF('Standard Profiles'!$G$19=$B$24,21,0),MOD($C3019,24)+1)/SUM(INDEX($D$3:$AA$30,INDEX(Jesper!$R$2:$R$366,ROW(INDEX(Jesper!AI$2:AI$366,ROUNDDOWN($C3019/24,0)+1,1))-1)+IF('Standard Profiles'!$G$19=$B$10,7,0)+IF('Standard Profiles'!$G$19=$B$17,14,0)+IF('Standard Profiles'!$G$19=$B$24,21,0),0)),0)</f>
        <v>2.6547510888519334</v>
      </c>
      <c r="F3019" cm="1">
        <f t="array" ref="F3019">IFERROR(INDEX(Jesper!AJ$2:AJ$366,ROUNDDOWN($C3019/24,0)+1,1)*INDEX($D$3:$AA$30,INDEX(Jesper!$R$2:$R$366,ROW(INDEX(Jesper!AJ$2:AJ$366,ROUNDDOWN($C3019/24,0)+1,1))-1)+IF('Standard Profiles'!$G$20=$B$10,7,0)+IF('Standard Profiles'!$G$20=$B$17,14,0)+IF('Standard Profiles'!$G$20=$B$24,21,0),MOD($C3019,24)+1)/SUM(INDEX($D$3:$AA$30,INDEX(Jesper!$R$2:$R$366,ROW(INDEX(Jesper!AJ$2:AJ$366,ROUNDDOWN($C3019/24,0)+1,1))-1)+IF('Standard Profiles'!$G$20=$B$10,7,0)+IF('Standard Profiles'!$G$20=$B$17,14,0)+IF('Standard Profiles'!$G$20=$B$24,21,0),0)),0)</f>
        <v>0</v>
      </c>
      <c r="G3019" cm="1">
        <f t="array" ref="G3019">IFERROR(INDEX(Jesper!AK$2:AK$366,ROUNDDOWN($C3019/24,0)+1,1)*INDEX($D$3:$AA$30,INDEX(Jesper!$R$2:$R$366,ROW(INDEX(Jesper!AK$2:AK$366,ROUNDDOWN($C3019/24,0)+1,1))-1)+IF('Standard Profiles'!$G$21=$B$10,7,0)+IF('Standard Profiles'!$G$21=$B$17,14,0)+IF('Standard Profiles'!$G$21=$B$24,21,0),MOD($C3019,24)+1)/SUM(INDEX($D$3:$AA$30,INDEX(Jesper!$R$2:$R$366,ROW(INDEX(Jesper!AK$2:AK$366,ROUNDDOWN($C3019/24,0)+1,1))-1)+IF('Standard Profiles'!$G$21=$B$10,7,0)+IF('Standard Profiles'!$G$21=$B$17,14,0)+IF('Standard Profiles'!$G$21=$B$24,21,0),0)),0)</f>
        <v>0</v>
      </c>
      <c r="H3019" cm="1">
        <f t="array" ref="H3019">IFERROR(INDEX(Jesper!AL$2:AL$366,ROUNDDOWN($C3019/24,0)+1,1)*INDEX($D$3:$AA$30,INDEX(Jesper!$R$2:$R$366,ROW(INDEX(Jesper!AL$2:AL$366,ROUNDDOWN($C3019/24,0)+1,1))-1)+IF('Standard Profiles'!$G$22=$B$10,7,0)+IF('Standard Profiles'!$G$22=$B$17,14,0)+IF('Standard Profiles'!$G$22=$B$24,21,0),MOD($C3019,24)+1)/SUM(INDEX($D$3:$AA$30,INDEX(Jesper!$R$2:$R$366,ROW(INDEX(Jesper!AL$2:AL$366,ROUNDDOWN($C3019/24,0)+1,1))-1)+IF('Standard Profiles'!$G$22=$B$10,7,0)+IF('Standard Profiles'!$G$22=$B$17,14,0)+IF('Standard Profiles'!$G$22=$B$24,21,0),0)),0)</f>
        <v>0</v>
      </c>
      <c r="I3019">
        <f t="shared" si="342"/>
        <v>0.2391667647614355</v>
      </c>
      <c r="J3019">
        <f t="shared" si="343"/>
        <v>0.79722254920478508</v>
      </c>
      <c r="K3019">
        <f t="shared" si="344"/>
        <v>1.1958338238071777</v>
      </c>
      <c r="L3019">
        <f t="shared" si="345"/>
        <v>13.901761145719139</v>
      </c>
      <c r="M3019">
        <f t="shared" si="346"/>
        <v>0</v>
      </c>
      <c r="N3019" s="46">
        <f t="shared" si="347"/>
        <v>45416.37499999276</v>
      </c>
    </row>
    <row r="3020" spans="2:14" x14ac:dyDescent="0.3">
      <c r="B3020">
        <f t="shared" si="341"/>
        <v>6</v>
      </c>
      <c r="C3020" s="16">
        <v>2986</v>
      </c>
      <c r="D3020" cm="1">
        <f t="array" ref="D3020">IFERROR(INDEX(Jesper!AH$2:AH$366,ROUNDDOWN($C3020/24,0)+1,1)*INDEX($D$3:$AA$30,INDEX(Jesper!$R$2:$R$366,ROW(INDEX(Jesper!AH$2:AH$366,ROUNDDOWN($C3020/24,0)+1,1))-1)+IF('Standard Profiles'!$G$18=$B$10,7,0)+IF('Standard Profiles'!$G$18=$B$17,14,0)+IF('Standard Profiles'!$G$18=$B$24,21,0),MOD($C3020,24)+1)/SUM(INDEX($D$3:$AA$30,INDEX(Jesper!$R$2:$R$366,ROW(INDEX(Jesper!AH$2:AH$366,ROUNDDOWN($C3020/24,0)+1,1))-1)+IF('Standard Profiles'!$G$18=$B$10,7,0)+IF('Standard Profiles'!$G$18=$B$17,14,0)+IF('Standard Profiles'!$G$18=$B$24,21,0),0)),0)</f>
        <v>13.479233194640603</v>
      </c>
      <c r="E3020" cm="1">
        <f t="array" ref="E3020">IFERROR(INDEX(Jesper!AI$2:AI$366,ROUNDDOWN($C3020/24,0)+1,1)*INDEX($D$3:$AA$30,INDEX(Jesper!$R$2:$R$366,ROW(INDEX(Jesper!AI$2:AI$366,ROUNDDOWN($C3020/24,0)+1,1))-1)+IF('Standard Profiles'!$G$19=$B$10,7,0)+IF('Standard Profiles'!$G$19=$B$17,14,0)+IF('Standard Profiles'!$G$19=$B$24,21,0),MOD($C3020,24)+1)/SUM(INDEX($D$3:$AA$30,INDEX(Jesper!$R$2:$R$366,ROW(INDEX(Jesper!AI$2:AI$366,ROUNDDOWN($C3020/24,0)+1,1))-1)+IF('Standard Profiles'!$G$19=$B$10,7,0)+IF('Standard Profiles'!$G$19=$B$17,14,0)+IF('Standard Profiles'!$G$19=$B$24,21,0),0)),0)</f>
        <v>2.6547510888519334</v>
      </c>
      <c r="F3020" cm="1">
        <f t="array" ref="F3020">IFERROR(INDEX(Jesper!AJ$2:AJ$366,ROUNDDOWN($C3020/24,0)+1,1)*INDEX($D$3:$AA$30,INDEX(Jesper!$R$2:$R$366,ROW(INDEX(Jesper!AJ$2:AJ$366,ROUNDDOWN($C3020/24,0)+1,1))-1)+IF('Standard Profiles'!$G$20=$B$10,7,0)+IF('Standard Profiles'!$G$20=$B$17,14,0)+IF('Standard Profiles'!$G$20=$B$24,21,0),MOD($C3020,24)+1)/SUM(INDEX($D$3:$AA$30,INDEX(Jesper!$R$2:$R$366,ROW(INDEX(Jesper!AJ$2:AJ$366,ROUNDDOWN($C3020/24,0)+1,1))-1)+IF('Standard Profiles'!$G$20=$B$10,7,0)+IF('Standard Profiles'!$G$20=$B$17,14,0)+IF('Standard Profiles'!$G$20=$B$24,21,0),0)),0)</f>
        <v>0</v>
      </c>
      <c r="G3020" cm="1">
        <f t="array" ref="G3020">IFERROR(INDEX(Jesper!AK$2:AK$366,ROUNDDOWN($C3020/24,0)+1,1)*INDEX($D$3:$AA$30,INDEX(Jesper!$R$2:$R$366,ROW(INDEX(Jesper!AK$2:AK$366,ROUNDDOWN($C3020/24,0)+1,1))-1)+IF('Standard Profiles'!$G$21=$B$10,7,0)+IF('Standard Profiles'!$G$21=$B$17,14,0)+IF('Standard Profiles'!$G$21=$B$24,21,0),MOD($C3020,24)+1)/SUM(INDEX($D$3:$AA$30,INDEX(Jesper!$R$2:$R$366,ROW(INDEX(Jesper!AK$2:AK$366,ROUNDDOWN($C3020/24,0)+1,1))-1)+IF('Standard Profiles'!$G$21=$B$10,7,0)+IF('Standard Profiles'!$G$21=$B$17,14,0)+IF('Standard Profiles'!$G$21=$B$24,21,0),0)),0)</f>
        <v>0</v>
      </c>
      <c r="H3020" cm="1">
        <f t="array" ref="H3020">IFERROR(INDEX(Jesper!AL$2:AL$366,ROUNDDOWN($C3020/24,0)+1,1)*INDEX($D$3:$AA$30,INDEX(Jesper!$R$2:$R$366,ROW(INDEX(Jesper!AL$2:AL$366,ROUNDDOWN($C3020/24,0)+1,1))-1)+IF('Standard Profiles'!$G$22=$B$10,7,0)+IF('Standard Profiles'!$G$22=$B$17,14,0)+IF('Standard Profiles'!$G$22=$B$24,21,0),MOD($C3020,24)+1)/SUM(INDEX($D$3:$AA$30,INDEX(Jesper!$R$2:$R$366,ROW(INDEX(Jesper!AL$2:AL$366,ROUNDDOWN($C3020/24,0)+1,1))-1)+IF('Standard Profiles'!$G$22=$B$10,7,0)+IF('Standard Profiles'!$G$22=$B$17,14,0)+IF('Standard Profiles'!$G$22=$B$24,21,0),0)),0)</f>
        <v>0</v>
      </c>
      <c r="I3020">
        <f t="shared" si="342"/>
        <v>0.2391667647614355</v>
      </c>
      <c r="J3020">
        <f t="shared" si="343"/>
        <v>0.79722254920478508</v>
      </c>
      <c r="K3020">
        <f t="shared" si="344"/>
        <v>1.1958338238071777</v>
      </c>
      <c r="L3020">
        <f t="shared" si="345"/>
        <v>13.901761145719139</v>
      </c>
      <c r="M3020">
        <f t="shared" si="346"/>
        <v>0</v>
      </c>
      <c r="N3020" s="46">
        <f t="shared" si="347"/>
        <v>45416.416666659425</v>
      </c>
    </row>
    <row r="3021" spans="2:14" x14ac:dyDescent="0.3">
      <c r="B3021">
        <f t="shared" si="341"/>
        <v>6</v>
      </c>
      <c r="C3021" s="16">
        <v>2987</v>
      </c>
      <c r="D3021" cm="1">
        <f t="array" ref="D3021">IFERROR(INDEX(Jesper!AH$2:AH$366,ROUNDDOWN($C3021/24,0)+1,1)*INDEX($D$3:$AA$30,INDEX(Jesper!$R$2:$R$366,ROW(INDEX(Jesper!AH$2:AH$366,ROUNDDOWN($C3021/24,0)+1,1))-1)+IF('Standard Profiles'!$G$18=$B$10,7,0)+IF('Standard Profiles'!$G$18=$B$17,14,0)+IF('Standard Profiles'!$G$18=$B$24,21,0),MOD($C3021,24)+1)/SUM(INDEX($D$3:$AA$30,INDEX(Jesper!$R$2:$R$366,ROW(INDEX(Jesper!AH$2:AH$366,ROUNDDOWN($C3021/24,0)+1,1))-1)+IF('Standard Profiles'!$G$18=$B$10,7,0)+IF('Standard Profiles'!$G$18=$B$17,14,0)+IF('Standard Profiles'!$G$18=$B$24,21,0),0)),0)</f>
        <v>13.479233194640603</v>
      </c>
      <c r="E3021" cm="1">
        <f t="array" ref="E3021">IFERROR(INDEX(Jesper!AI$2:AI$366,ROUNDDOWN($C3021/24,0)+1,1)*INDEX($D$3:$AA$30,INDEX(Jesper!$R$2:$R$366,ROW(INDEX(Jesper!AI$2:AI$366,ROUNDDOWN($C3021/24,0)+1,1))-1)+IF('Standard Profiles'!$G$19=$B$10,7,0)+IF('Standard Profiles'!$G$19=$B$17,14,0)+IF('Standard Profiles'!$G$19=$B$24,21,0),MOD($C3021,24)+1)/SUM(INDEX($D$3:$AA$30,INDEX(Jesper!$R$2:$R$366,ROW(INDEX(Jesper!AI$2:AI$366,ROUNDDOWN($C3021/24,0)+1,1))-1)+IF('Standard Profiles'!$G$19=$B$10,7,0)+IF('Standard Profiles'!$G$19=$B$17,14,0)+IF('Standard Profiles'!$G$19=$B$24,21,0),0)),0)</f>
        <v>2.6547510888519334</v>
      </c>
      <c r="F3021" cm="1">
        <f t="array" ref="F3021">IFERROR(INDEX(Jesper!AJ$2:AJ$366,ROUNDDOWN($C3021/24,0)+1,1)*INDEX($D$3:$AA$30,INDEX(Jesper!$R$2:$R$366,ROW(INDEX(Jesper!AJ$2:AJ$366,ROUNDDOWN($C3021/24,0)+1,1))-1)+IF('Standard Profiles'!$G$20=$B$10,7,0)+IF('Standard Profiles'!$G$20=$B$17,14,0)+IF('Standard Profiles'!$G$20=$B$24,21,0),MOD($C3021,24)+1)/SUM(INDEX($D$3:$AA$30,INDEX(Jesper!$R$2:$R$366,ROW(INDEX(Jesper!AJ$2:AJ$366,ROUNDDOWN($C3021/24,0)+1,1))-1)+IF('Standard Profiles'!$G$20=$B$10,7,0)+IF('Standard Profiles'!$G$20=$B$17,14,0)+IF('Standard Profiles'!$G$20=$B$24,21,0),0)),0)</f>
        <v>0</v>
      </c>
      <c r="G3021" cm="1">
        <f t="array" ref="G3021">IFERROR(INDEX(Jesper!AK$2:AK$366,ROUNDDOWN($C3021/24,0)+1,1)*INDEX($D$3:$AA$30,INDEX(Jesper!$R$2:$R$366,ROW(INDEX(Jesper!AK$2:AK$366,ROUNDDOWN($C3021/24,0)+1,1))-1)+IF('Standard Profiles'!$G$21=$B$10,7,0)+IF('Standard Profiles'!$G$21=$B$17,14,0)+IF('Standard Profiles'!$G$21=$B$24,21,0),MOD($C3021,24)+1)/SUM(INDEX($D$3:$AA$30,INDEX(Jesper!$R$2:$R$366,ROW(INDEX(Jesper!AK$2:AK$366,ROUNDDOWN($C3021/24,0)+1,1))-1)+IF('Standard Profiles'!$G$21=$B$10,7,0)+IF('Standard Profiles'!$G$21=$B$17,14,0)+IF('Standard Profiles'!$G$21=$B$24,21,0),0)),0)</f>
        <v>0</v>
      </c>
      <c r="H3021" cm="1">
        <f t="array" ref="H3021">IFERROR(INDEX(Jesper!AL$2:AL$366,ROUNDDOWN($C3021/24,0)+1,1)*INDEX($D$3:$AA$30,INDEX(Jesper!$R$2:$R$366,ROW(INDEX(Jesper!AL$2:AL$366,ROUNDDOWN($C3021/24,0)+1,1))-1)+IF('Standard Profiles'!$G$22=$B$10,7,0)+IF('Standard Profiles'!$G$22=$B$17,14,0)+IF('Standard Profiles'!$G$22=$B$24,21,0),MOD($C3021,24)+1)/SUM(INDEX($D$3:$AA$30,INDEX(Jesper!$R$2:$R$366,ROW(INDEX(Jesper!AL$2:AL$366,ROUNDDOWN($C3021/24,0)+1,1))-1)+IF('Standard Profiles'!$G$22=$B$10,7,0)+IF('Standard Profiles'!$G$22=$B$17,14,0)+IF('Standard Profiles'!$G$22=$B$24,21,0),0)),0)</f>
        <v>0</v>
      </c>
      <c r="I3021">
        <f t="shared" si="342"/>
        <v>0.2391667647614355</v>
      </c>
      <c r="J3021">
        <f t="shared" si="343"/>
        <v>0.79722254920478508</v>
      </c>
      <c r="K3021">
        <f t="shared" si="344"/>
        <v>1.1958338238071777</v>
      </c>
      <c r="L3021">
        <f t="shared" si="345"/>
        <v>13.901761145719139</v>
      </c>
      <c r="M3021">
        <f t="shared" si="346"/>
        <v>0</v>
      </c>
      <c r="N3021" s="46">
        <f t="shared" si="347"/>
        <v>45416.458333326089</v>
      </c>
    </row>
    <row r="3022" spans="2:14" x14ac:dyDescent="0.3">
      <c r="B3022">
        <f t="shared" si="341"/>
        <v>6</v>
      </c>
      <c r="C3022" s="16">
        <v>2988</v>
      </c>
      <c r="D3022" cm="1">
        <f t="array" ref="D3022">IFERROR(INDEX(Jesper!AH$2:AH$366,ROUNDDOWN($C3022/24,0)+1,1)*INDEX($D$3:$AA$30,INDEX(Jesper!$R$2:$R$366,ROW(INDEX(Jesper!AH$2:AH$366,ROUNDDOWN($C3022/24,0)+1,1))-1)+IF('Standard Profiles'!$G$18=$B$10,7,0)+IF('Standard Profiles'!$G$18=$B$17,14,0)+IF('Standard Profiles'!$G$18=$B$24,21,0),MOD($C3022,24)+1)/SUM(INDEX($D$3:$AA$30,INDEX(Jesper!$R$2:$R$366,ROW(INDEX(Jesper!AH$2:AH$366,ROUNDDOWN($C3022/24,0)+1,1))-1)+IF('Standard Profiles'!$G$18=$B$10,7,0)+IF('Standard Profiles'!$G$18=$B$17,14,0)+IF('Standard Profiles'!$G$18=$B$24,21,0),0)),0)</f>
        <v>13.479233194640603</v>
      </c>
      <c r="E3022" cm="1">
        <f t="array" ref="E3022">IFERROR(INDEX(Jesper!AI$2:AI$366,ROUNDDOWN($C3022/24,0)+1,1)*INDEX($D$3:$AA$30,INDEX(Jesper!$R$2:$R$366,ROW(INDEX(Jesper!AI$2:AI$366,ROUNDDOWN($C3022/24,0)+1,1))-1)+IF('Standard Profiles'!$G$19=$B$10,7,0)+IF('Standard Profiles'!$G$19=$B$17,14,0)+IF('Standard Profiles'!$G$19=$B$24,21,0),MOD($C3022,24)+1)/SUM(INDEX($D$3:$AA$30,INDEX(Jesper!$R$2:$R$366,ROW(INDEX(Jesper!AI$2:AI$366,ROUNDDOWN($C3022/24,0)+1,1))-1)+IF('Standard Profiles'!$G$19=$B$10,7,0)+IF('Standard Profiles'!$G$19=$B$17,14,0)+IF('Standard Profiles'!$G$19=$B$24,21,0),0)),0)</f>
        <v>2.6547510888519334</v>
      </c>
      <c r="F3022" cm="1">
        <f t="array" ref="F3022">IFERROR(INDEX(Jesper!AJ$2:AJ$366,ROUNDDOWN($C3022/24,0)+1,1)*INDEX($D$3:$AA$30,INDEX(Jesper!$R$2:$R$366,ROW(INDEX(Jesper!AJ$2:AJ$366,ROUNDDOWN($C3022/24,0)+1,1))-1)+IF('Standard Profiles'!$G$20=$B$10,7,0)+IF('Standard Profiles'!$G$20=$B$17,14,0)+IF('Standard Profiles'!$G$20=$B$24,21,0),MOD($C3022,24)+1)/SUM(INDEX($D$3:$AA$30,INDEX(Jesper!$R$2:$R$366,ROW(INDEX(Jesper!AJ$2:AJ$366,ROUNDDOWN($C3022/24,0)+1,1))-1)+IF('Standard Profiles'!$G$20=$B$10,7,0)+IF('Standard Profiles'!$G$20=$B$17,14,0)+IF('Standard Profiles'!$G$20=$B$24,21,0),0)),0)</f>
        <v>0</v>
      </c>
      <c r="G3022" cm="1">
        <f t="array" ref="G3022">IFERROR(INDEX(Jesper!AK$2:AK$366,ROUNDDOWN($C3022/24,0)+1,1)*INDEX($D$3:$AA$30,INDEX(Jesper!$R$2:$R$366,ROW(INDEX(Jesper!AK$2:AK$366,ROUNDDOWN($C3022/24,0)+1,1))-1)+IF('Standard Profiles'!$G$21=$B$10,7,0)+IF('Standard Profiles'!$G$21=$B$17,14,0)+IF('Standard Profiles'!$G$21=$B$24,21,0),MOD($C3022,24)+1)/SUM(INDEX($D$3:$AA$30,INDEX(Jesper!$R$2:$R$366,ROW(INDEX(Jesper!AK$2:AK$366,ROUNDDOWN($C3022/24,0)+1,1))-1)+IF('Standard Profiles'!$G$21=$B$10,7,0)+IF('Standard Profiles'!$G$21=$B$17,14,0)+IF('Standard Profiles'!$G$21=$B$24,21,0),0)),0)</f>
        <v>0</v>
      </c>
      <c r="H3022" cm="1">
        <f t="array" ref="H3022">IFERROR(INDEX(Jesper!AL$2:AL$366,ROUNDDOWN($C3022/24,0)+1,1)*INDEX($D$3:$AA$30,INDEX(Jesper!$R$2:$R$366,ROW(INDEX(Jesper!AL$2:AL$366,ROUNDDOWN($C3022/24,0)+1,1))-1)+IF('Standard Profiles'!$G$22=$B$10,7,0)+IF('Standard Profiles'!$G$22=$B$17,14,0)+IF('Standard Profiles'!$G$22=$B$24,21,0),MOD($C3022,24)+1)/SUM(INDEX($D$3:$AA$30,INDEX(Jesper!$R$2:$R$366,ROW(INDEX(Jesper!AL$2:AL$366,ROUNDDOWN($C3022/24,0)+1,1))-1)+IF('Standard Profiles'!$G$22=$B$10,7,0)+IF('Standard Profiles'!$G$22=$B$17,14,0)+IF('Standard Profiles'!$G$22=$B$24,21,0),0)),0)</f>
        <v>0</v>
      </c>
      <c r="I3022">
        <f t="shared" si="342"/>
        <v>0.2391667647614355</v>
      </c>
      <c r="J3022">
        <f t="shared" si="343"/>
        <v>0.79722254920478508</v>
      </c>
      <c r="K3022">
        <f t="shared" si="344"/>
        <v>1.1958338238071777</v>
      </c>
      <c r="L3022">
        <f t="shared" si="345"/>
        <v>13.901761145719139</v>
      </c>
      <c r="M3022">
        <f t="shared" si="346"/>
        <v>0</v>
      </c>
      <c r="N3022" s="46">
        <f t="shared" si="347"/>
        <v>45416.499999992753</v>
      </c>
    </row>
    <row r="3023" spans="2:14" x14ac:dyDescent="0.3">
      <c r="B3023">
        <f t="shared" si="341"/>
        <v>6</v>
      </c>
      <c r="C3023" s="16">
        <v>2989</v>
      </c>
      <c r="D3023" cm="1">
        <f t="array" ref="D3023">IFERROR(INDEX(Jesper!AH$2:AH$366,ROUNDDOWN($C3023/24,0)+1,1)*INDEX($D$3:$AA$30,INDEX(Jesper!$R$2:$R$366,ROW(INDEX(Jesper!AH$2:AH$366,ROUNDDOWN($C3023/24,0)+1,1))-1)+IF('Standard Profiles'!$G$18=$B$10,7,0)+IF('Standard Profiles'!$G$18=$B$17,14,0)+IF('Standard Profiles'!$G$18=$B$24,21,0),MOD($C3023,24)+1)/SUM(INDEX($D$3:$AA$30,INDEX(Jesper!$R$2:$R$366,ROW(INDEX(Jesper!AH$2:AH$366,ROUNDDOWN($C3023/24,0)+1,1))-1)+IF('Standard Profiles'!$G$18=$B$10,7,0)+IF('Standard Profiles'!$G$18=$B$17,14,0)+IF('Standard Profiles'!$G$18=$B$24,21,0),0)),0)</f>
        <v>13.479233194640603</v>
      </c>
      <c r="E3023" cm="1">
        <f t="array" ref="E3023">IFERROR(INDEX(Jesper!AI$2:AI$366,ROUNDDOWN($C3023/24,0)+1,1)*INDEX($D$3:$AA$30,INDEX(Jesper!$R$2:$R$366,ROW(INDEX(Jesper!AI$2:AI$366,ROUNDDOWN($C3023/24,0)+1,1))-1)+IF('Standard Profiles'!$G$19=$B$10,7,0)+IF('Standard Profiles'!$G$19=$B$17,14,0)+IF('Standard Profiles'!$G$19=$B$24,21,0),MOD($C3023,24)+1)/SUM(INDEX($D$3:$AA$30,INDEX(Jesper!$R$2:$R$366,ROW(INDEX(Jesper!AI$2:AI$366,ROUNDDOWN($C3023/24,0)+1,1))-1)+IF('Standard Profiles'!$G$19=$B$10,7,0)+IF('Standard Profiles'!$G$19=$B$17,14,0)+IF('Standard Profiles'!$G$19=$B$24,21,0),0)),0)</f>
        <v>2.6547510888519334</v>
      </c>
      <c r="F3023" cm="1">
        <f t="array" ref="F3023">IFERROR(INDEX(Jesper!AJ$2:AJ$366,ROUNDDOWN($C3023/24,0)+1,1)*INDEX($D$3:$AA$30,INDEX(Jesper!$R$2:$R$366,ROW(INDEX(Jesper!AJ$2:AJ$366,ROUNDDOWN($C3023/24,0)+1,1))-1)+IF('Standard Profiles'!$G$20=$B$10,7,0)+IF('Standard Profiles'!$G$20=$B$17,14,0)+IF('Standard Profiles'!$G$20=$B$24,21,0),MOD($C3023,24)+1)/SUM(INDEX($D$3:$AA$30,INDEX(Jesper!$R$2:$R$366,ROW(INDEX(Jesper!AJ$2:AJ$366,ROUNDDOWN($C3023/24,0)+1,1))-1)+IF('Standard Profiles'!$G$20=$B$10,7,0)+IF('Standard Profiles'!$G$20=$B$17,14,0)+IF('Standard Profiles'!$G$20=$B$24,21,0),0)),0)</f>
        <v>0</v>
      </c>
      <c r="G3023" cm="1">
        <f t="array" ref="G3023">IFERROR(INDEX(Jesper!AK$2:AK$366,ROUNDDOWN($C3023/24,0)+1,1)*INDEX($D$3:$AA$30,INDEX(Jesper!$R$2:$R$366,ROW(INDEX(Jesper!AK$2:AK$366,ROUNDDOWN($C3023/24,0)+1,1))-1)+IF('Standard Profiles'!$G$21=$B$10,7,0)+IF('Standard Profiles'!$G$21=$B$17,14,0)+IF('Standard Profiles'!$G$21=$B$24,21,0),MOD($C3023,24)+1)/SUM(INDEX($D$3:$AA$30,INDEX(Jesper!$R$2:$R$366,ROW(INDEX(Jesper!AK$2:AK$366,ROUNDDOWN($C3023/24,0)+1,1))-1)+IF('Standard Profiles'!$G$21=$B$10,7,0)+IF('Standard Profiles'!$G$21=$B$17,14,0)+IF('Standard Profiles'!$G$21=$B$24,21,0),0)),0)</f>
        <v>0</v>
      </c>
      <c r="H3023" cm="1">
        <f t="array" ref="H3023">IFERROR(INDEX(Jesper!AL$2:AL$366,ROUNDDOWN($C3023/24,0)+1,1)*INDEX($D$3:$AA$30,INDEX(Jesper!$R$2:$R$366,ROW(INDEX(Jesper!AL$2:AL$366,ROUNDDOWN($C3023/24,0)+1,1))-1)+IF('Standard Profiles'!$G$22=$B$10,7,0)+IF('Standard Profiles'!$G$22=$B$17,14,0)+IF('Standard Profiles'!$G$22=$B$24,21,0),MOD($C3023,24)+1)/SUM(INDEX($D$3:$AA$30,INDEX(Jesper!$R$2:$R$366,ROW(INDEX(Jesper!AL$2:AL$366,ROUNDDOWN($C3023/24,0)+1,1))-1)+IF('Standard Profiles'!$G$22=$B$10,7,0)+IF('Standard Profiles'!$G$22=$B$17,14,0)+IF('Standard Profiles'!$G$22=$B$24,21,0),0)),0)</f>
        <v>0</v>
      </c>
      <c r="I3023">
        <f t="shared" si="342"/>
        <v>0.2391667647614355</v>
      </c>
      <c r="J3023">
        <f t="shared" si="343"/>
        <v>0.79722254920478508</v>
      </c>
      <c r="K3023">
        <f t="shared" si="344"/>
        <v>1.1958338238071777</v>
      </c>
      <c r="L3023">
        <f t="shared" si="345"/>
        <v>13.901761145719139</v>
      </c>
      <c r="M3023">
        <f t="shared" si="346"/>
        <v>0</v>
      </c>
      <c r="N3023" s="46">
        <f t="shared" si="347"/>
        <v>45416.541666659417</v>
      </c>
    </row>
    <row r="3024" spans="2:14" x14ac:dyDescent="0.3">
      <c r="B3024">
        <f t="shared" si="341"/>
        <v>6</v>
      </c>
      <c r="C3024" s="16">
        <v>2990</v>
      </c>
      <c r="D3024" cm="1">
        <f t="array" ref="D3024">IFERROR(INDEX(Jesper!AH$2:AH$366,ROUNDDOWN($C3024/24,0)+1,1)*INDEX($D$3:$AA$30,INDEX(Jesper!$R$2:$R$366,ROW(INDEX(Jesper!AH$2:AH$366,ROUNDDOWN($C3024/24,0)+1,1))-1)+IF('Standard Profiles'!$G$18=$B$10,7,0)+IF('Standard Profiles'!$G$18=$B$17,14,0)+IF('Standard Profiles'!$G$18=$B$24,21,0),MOD($C3024,24)+1)/SUM(INDEX($D$3:$AA$30,INDEX(Jesper!$R$2:$R$366,ROW(INDEX(Jesper!AH$2:AH$366,ROUNDDOWN($C3024/24,0)+1,1))-1)+IF('Standard Profiles'!$G$18=$B$10,7,0)+IF('Standard Profiles'!$G$18=$B$17,14,0)+IF('Standard Profiles'!$G$18=$B$24,21,0),0)),0)</f>
        <v>13.479233194640603</v>
      </c>
      <c r="E3024" cm="1">
        <f t="array" ref="E3024">IFERROR(INDEX(Jesper!AI$2:AI$366,ROUNDDOWN($C3024/24,0)+1,1)*INDEX($D$3:$AA$30,INDEX(Jesper!$R$2:$R$366,ROW(INDEX(Jesper!AI$2:AI$366,ROUNDDOWN($C3024/24,0)+1,1))-1)+IF('Standard Profiles'!$G$19=$B$10,7,0)+IF('Standard Profiles'!$G$19=$B$17,14,0)+IF('Standard Profiles'!$G$19=$B$24,21,0),MOD($C3024,24)+1)/SUM(INDEX($D$3:$AA$30,INDEX(Jesper!$R$2:$R$366,ROW(INDEX(Jesper!AI$2:AI$366,ROUNDDOWN($C3024/24,0)+1,1))-1)+IF('Standard Profiles'!$G$19=$B$10,7,0)+IF('Standard Profiles'!$G$19=$B$17,14,0)+IF('Standard Profiles'!$G$19=$B$24,21,0),0)),0)</f>
        <v>2.6547510888519334</v>
      </c>
      <c r="F3024" cm="1">
        <f t="array" ref="F3024">IFERROR(INDEX(Jesper!AJ$2:AJ$366,ROUNDDOWN($C3024/24,0)+1,1)*INDEX($D$3:$AA$30,INDEX(Jesper!$R$2:$R$366,ROW(INDEX(Jesper!AJ$2:AJ$366,ROUNDDOWN($C3024/24,0)+1,1))-1)+IF('Standard Profiles'!$G$20=$B$10,7,0)+IF('Standard Profiles'!$G$20=$B$17,14,0)+IF('Standard Profiles'!$G$20=$B$24,21,0),MOD($C3024,24)+1)/SUM(INDEX($D$3:$AA$30,INDEX(Jesper!$R$2:$R$366,ROW(INDEX(Jesper!AJ$2:AJ$366,ROUNDDOWN($C3024/24,0)+1,1))-1)+IF('Standard Profiles'!$G$20=$B$10,7,0)+IF('Standard Profiles'!$G$20=$B$17,14,0)+IF('Standard Profiles'!$G$20=$B$24,21,0),0)),0)</f>
        <v>0</v>
      </c>
      <c r="G3024" cm="1">
        <f t="array" ref="G3024">IFERROR(INDEX(Jesper!AK$2:AK$366,ROUNDDOWN($C3024/24,0)+1,1)*INDEX($D$3:$AA$30,INDEX(Jesper!$R$2:$R$366,ROW(INDEX(Jesper!AK$2:AK$366,ROUNDDOWN($C3024/24,0)+1,1))-1)+IF('Standard Profiles'!$G$21=$B$10,7,0)+IF('Standard Profiles'!$G$21=$B$17,14,0)+IF('Standard Profiles'!$G$21=$B$24,21,0),MOD($C3024,24)+1)/SUM(INDEX($D$3:$AA$30,INDEX(Jesper!$R$2:$R$366,ROW(INDEX(Jesper!AK$2:AK$366,ROUNDDOWN($C3024/24,0)+1,1))-1)+IF('Standard Profiles'!$G$21=$B$10,7,0)+IF('Standard Profiles'!$G$21=$B$17,14,0)+IF('Standard Profiles'!$G$21=$B$24,21,0),0)),0)</f>
        <v>0</v>
      </c>
      <c r="H3024" cm="1">
        <f t="array" ref="H3024">IFERROR(INDEX(Jesper!AL$2:AL$366,ROUNDDOWN($C3024/24,0)+1,1)*INDEX($D$3:$AA$30,INDEX(Jesper!$R$2:$R$366,ROW(INDEX(Jesper!AL$2:AL$366,ROUNDDOWN($C3024/24,0)+1,1))-1)+IF('Standard Profiles'!$G$22=$B$10,7,0)+IF('Standard Profiles'!$G$22=$B$17,14,0)+IF('Standard Profiles'!$G$22=$B$24,21,0),MOD($C3024,24)+1)/SUM(INDEX($D$3:$AA$30,INDEX(Jesper!$R$2:$R$366,ROW(INDEX(Jesper!AL$2:AL$366,ROUNDDOWN($C3024/24,0)+1,1))-1)+IF('Standard Profiles'!$G$22=$B$10,7,0)+IF('Standard Profiles'!$G$22=$B$17,14,0)+IF('Standard Profiles'!$G$22=$B$24,21,0),0)),0)</f>
        <v>0</v>
      </c>
      <c r="I3024">
        <f t="shared" si="342"/>
        <v>0.2391667647614355</v>
      </c>
      <c r="J3024">
        <f t="shared" si="343"/>
        <v>0.79722254920478508</v>
      </c>
      <c r="K3024">
        <f t="shared" si="344"/>
        <v>1.1958338238071777</v>
      </c>
      <c r="L3024">
        <f t="shared" si="345"/>
        <v>13.901761145719139</v>
      </c>
      <c r="M3024">
        <f t="shared" si="346"/>
        <v>0</v>
      </c>
      <c r="N3024" s="46">
        <f t="shared" si="347"/>
        <v>45416.583333326082</v>
      </c>
    </row>
    <row r="3025" spans="2:14" x14ac:dyDescent="0.3">
      <c r="B3025">
        <f t="shared" si="341"/>
        <v>6</v>
      </c>
      <c r="C3025" s="16">
        <v>2991</v>
      </c>
      <c r="D3025" cm="1">
        <f t="array" ref="D3025">IFERROR(INDEX(Jesper!AH$2:AH$366,ROUNDDOWN($C3025/24,0)+1,1)*INDEX($D$3:$AA$30,INDEX(Jesper!$R$2:$R$366,ROW(INDEX(Jesper!AH$2:AH$366,ROUNDDOWN($C3025/24,0)+1,1))-1)+IF('Standard Profiles'!$G$18=$B$10,7,0)+IF('Standard Profiles'!$G$18=$B$17,14,0)+IF('Standard Profiles'!$G$18=$B$24,21,0),MOD($C3025,24)+1)/SUM(INDEX($D$3:$AA$30,INDEX(Jesper!$R$2:$R$366,ROW(INDEX(Jesper!AH$2:AH$366,ROUNDDOWN($C3025/24,0)+1,1))-1)+IF('Standard Profiles'!$G$18=$B$10,7,0)+IF('Standard Profiles'!$G$18=$B$17,14,0)+IF('Standard Profiles'!$G$18=$B$24,21,0),0)),0)</f>
        <v>12.186703984195614</v>
      </c>
      <c r="E3025" cm="1">
        <f t="array" ref="E3025">IFERROR(INDEX(Jesper!AI$2:AI$366,ROUNDDOWN($C3025/24,0)+1,1)*INDEX($D$3:$AA$30,INDEX(Jesper!$R$2:$R$366,ROW(INDEX(Jesper!AI$2:AI$366,ROUNDDOWN($C3025/24,0)+1,1))-1)+IF('Standard Profiles'!$G$19=$B$10,7,0)+IF('Standard Profiles'!$G$19=$B$17,14,0)+IF('Standard Profiles'!$G$19=$B$24,21,0),MOD($C3025,24)+1)/SUM(INDEX($D$3:$AA$30,INDEX(Jesper!$R$2:$R$366,ROW(INDEX(Jesper!AI$2:AI$366,ROUNDDOWN($C3025/24,0)+1,1))-1)+IF('Standard Profiles'!$G$19=$B$10,7,0)+IF('Standard Profiles'!$G$19=$B$17,14,0)+IF('Standard Profiles'!$G$19=$B$24,21,0),0)),0)</f>
        <v>2.400185915948323</v>
      </c>
      <c r="F3025" cm="1">
        <f t="array" ref="F3025">IFERROR(INDEX(Jesper!AJ$2:AJ$366,ROUNDDOWN($C3025/24,0)+1,1)*INDEX($D$3:$AA$30,INDEX(Jesper!$R$2:$R$366,ROW(INDEX(Jesper!AJ$2:AJ$366,ROUNDDOWN($C3025/24,0)+1,1))-1)+IF('Standard Profiles'!$G$20=$B$10,7,0)+IF('Standard Profiles'!$G$20=$B$17,14,0)+IF('Standard Profiles'!$G$20=$B$24,21,0),MOD($C3025,24)+1)/SUM(INDEX($D$3:$AA$30,INDEX(Jesper!$R$2:$R$366,ROW(INDEX(Jesper!AJ$2:AJ$366,ROUNDDOWN($C3025/24,0)+1,1))-1)+IF('Standard Profiles'!$G$20=$B$10,7,0)+IF('Standard Profiles'!$G$20=$B$17,14,0)+IF('Standard Profiles'!$G$20=$B$24,21,0),0)),0)</f>
        <v>0</v>
      </c>
      <c r="G3025" cm="1">
        <f t="array" ref="G3025">IFERROR(INDEX(Jesper!AK$2:AK$366,ROUNDDOWN($C3025/24,0)+1,1)*INDEX($D$3:$AA$30,INDEX(Jesper!$R$2:$R$366,ROW(INDEX(Jesper!AK$2:AK$366,ROUNDDOWN($C3025/24,0)+1,1))-1)+IF('Standard Profiles'!$G$21=$B$10,7,0)+IF('Standard Profiles'!$G$21=$B$17,14,0)+IF('Standard Profiles'!$G$21=$B$24,21,0),MOD($C3025,24)+1)/SUM(INDEX($D$3:$AA$30,INDEX(Jesper!$R$2:$R$366,ROW(INDEX(Jesper!AK$2:AK$366,ROUNDDOWN($C3025/24,0)+1,1))-1)+IF('Standard Profiles'!$G$21=$B$10,7,0)+IF('Standard Profiles'!$G$21=$B$17,14,0)+IF('Standard Profiles'!$G$21=$B$24,21,0),0)),0)</f>
        <v>0</v>
      </c>
      <c r="H3025" cm="1">
        <f t="array" ref="H3025">IFERROR(INDEX(Jesper!AL$2:AL$366,ROUNDDOWN($C3025/24,0)+1,1)*INDEX($D$3:$AA$30,INDEX(Jesper!$R$2:$R$366,ROW(INDEX(Jesper!AL$2:AL$366,ROUNDDOWN($C3025/24,0)+1,1))-1)+IF('Standard Profiles'!$G$22=$B$10,7,0)+IF('Standard Profiles'!$G$22=$B$17,14,0)+IF('Standard Profiles'!$G$22=$B$24,21,0),MOD($C3025,24)+1)/SUM(INDEX($D$3:$AA$30,INDEX(Jesper!$R$2:$R$366,ROW(INDEX(Jesper!AL$2:AL$366,ROUNDDOWN($C3025/24,0)+1,1))-1)+IF('Standard Profiles'!$G$22=$B$10,7,0)+IF('Standard Profiles'!$G$22=$B$17,14,0)+IF('Standard Profiles'!$G$22=$B$24,21,0),0)),0)</f>
        <v>0</v>
      </c>
      <c r="I3025">
        <f t="shared" si="342"/>
        <v>0.21623296540074988</v>
      </c>
      <c r="J3025">
        <f t="shared" si="343"/>
        <v>0.72077655133583296</v>
      </c>
      <c r="K3025">
        <f t="shared" si="344"/>
        <v>1.0811648270037495</v>
      </c>
      <c r="L3025">
        <f t="shared" si="345"/>
        <v>12.568715556403605</v>
      </c>
      <c r="M3025">
        <f t="shared" si="346"/>
        <v>0</v>
      </c>
      <c r="N3025" s="46">
        <f t="shared" si="347"/>
        <v>45416.624999992746</v>
      </c>
    </row>
    <row r="3026" spans="2:14" x14ac:dyDescent="0.3">
      <c r="B3026">
        <f t="shared" si="341"/>
        <v>6</v>
      </c>
      <c r="C3026" s="16">
        <v>2992</v>
      </c>
      <c r="D3026" cm="1">
        <f t="array" ref="D3026">IFERROR(INDEX(Jesper!AH$2:AH$366,ROUNDDOWN($C3026/24,0)+1,1)*INDEX($D$3:$AA$30,INDEX(Jesper!$R$2:$R$366,ROW(INDEX(Jesper!AH$2:AH$366,ROUNDDOWN($C3026/24,0)+1,1))-1)+IF('Standard Profiles'!$G$18=$B$10,7,0)+IF('Standard Profiles'!$G$18=$B$17,14,0)+IF('Standard Profiles'!$G$18=$B$24,21,0),MOD($C3026,24)+1)/SUM(INDEX($D$3:$AA$30,INDEX(Jesper!$R$2:$R$366,ROW(INDEX(Jesper!AH$2:AH$366,ROUNDDOWN($C3026/24,0)+1,1))-1)+IF('Standard Profiles'!$G$18=$B$10,7,0)+IF('Standard Profiles'!$G$18=$B$17,14,0)+IF('Standard Profiles'!$G$18=$B$24,21,0),0)),0)</f>
        <v>11.078821803814195</v>
      </c>
      <c r="E3026" cm="1">
        <f t="array" ref="E3026">IFERROR(INDEX(Jesper!AI$2:AI$366,ROUNDDOWN($C3026/24,0)+1,1)*INDEX($D$3:$AA$30,INDEX(Jesper!$R$2:$R$366,ROW(INDEX(Jesper!AI$2:AI$366,ROUNDDOWN($C3026/24,0)+1,1))-1)+IF('Standard Profiles'!$G$19=$B$10,7,0)+IF('Standard Profiles'!$G$19=$B$17,14,0)+IF('Standard Profiles'!$G$19=$B$24,21,0),MOD($C3026,24)+1)/SUM(INDEX($D$3:$AA$30,INDEX(Jesper!$R$2:$R$366,ROW(INDEX(Jesper!AI$2:AI$366,ROUNDDOWN($C3026/24,0)+1,1))-1)+IF('Standard Profiles'!$G$19=$B$10,7,0)+IF('Standard Profiles'!$G$19=$B$17,14,0)+IF('Standard Profiles'!$G$19=$B$24,21,0),0)),0)</f>
        <v>2.1819871963166575</v>
      </c>
      <c r="F3026" cm="1">
        <f t="array" ref="F3026">IFERROR(INDEX(Jesper!AJ$2:AJ$366,ROUNDDOWN($C3026/24,0)+1,1)*INDEX($D$3:$AA$30,INDEX(Jesper!$R$2:$R$366,ROW(INDEX(Jesper!AJ$2:AJ$366,ROUNDDOWN($C3026/24,0)+1,1))-1)+IF('Standard Profiles'!$G$20=$B$10,7,0)+IF('Standard Profiles'!$G$20=$B$17,14,0)+IF('Standard Profiles'!$G$20=$B$24,21,0),MOD($C3026,24)+1)/SUM(INDEX($D$3:$AA$30,INDEX(Jesper!$R$2:$R$366,ROW(INDEX(Jesper!AJ$2:AJ$366,ROUNDDOWN($C3026/24,0)+1,1))-1)+IF('Standard Profiles'!$G$20=$B$10,7,0)+IF('Standard Profiles'!$G$20=$B$17,14,0)+IF('Standard Profiles'!$G$20=$B$24,21,0),0)),0)</f>
        <v>0</v>
      </c>
      <c r="G3026" cm="1">
        <f t="array" ref="G3026">IFERROR(INDEX(Jesper!AK$2:AK$366,ROUNDDOWN($C3026/24,0)+1,1)*INDEX($D$3:$AA$30,INDEX(Jesper!$R$2:$R$366,ROW(INDEX(Jesper!AK$2:AK$366,ROUNDDOWN($C3026/24,0)+1,1))-1)+IF('Standard Profiles'!$G$21=$B$10,7,0)+IF('Standard Profiles'!$G$21=$B$17,14,0)+IF('Standard Profiles'!$G$21=$B$24,21,0),MOD($C3026,24)+1)/SUM(INDEX($D$3:$AA$30,INDEX(Jesper!$R$2:$R$366,ROW(INDEX(Jesper!AK$2:AK$366,ROUNDDOWN($C3026/24,0)+1,1))-1)+IF('Standard Profiles'!$G$21=$B$10,7,0)+IF('Standard Profiles'!$G$21=$B$17,14,0)+IF('Standard Profiles'!$G$21=$B$24,21,0),0)),0)</f>
        <v>0</v>
      </c>
      <c r="H3026" cm="1">
        <f t="array" ref="H3026">IFERROR(INDEX(Jesper!AL$2:AL$366,ROUNDDOWN($C3026/24,0)+1,1)*INDEX($D$3:$AA$30,INDEX(Jesper!$R$2:$R$366,ROW(INDEX(Jesper!AL$2:AL$366,ROUNDDOWN($C3026/24,0)+1,1))-1)+IF('Standard Profiles'!$G$22=$B$10,7,0)+IF('Standard Profiles'!$G$22=$B$17,14,0)+IF('Standard Profiles'!$G$22=$B$24,21,0),MOD($C3026,24)+1)/SUM(INDEX($D$3:$AA$30,INDEX(Jesper!$R$2:$R$366,ROW(INDEX(Jesper!AL$2:AL$366,ROUNDDOWN($C3026/24,0)+1,1))-1)+IF('Standard Profiles'!$G$22=$B$10,7,0)+IF('Standard Profiles'!$G$22=$B$17,14,0)+IF('Standard Profiles'!$G$22=$B$24,21,0),0)),0)</f>
        <v>0</v>
      </c>
      <c r="I3026">
        <f t="shared" si="342"/>
        <v>0.19657542309159082</v>
      </c>
      <c r="J3026">
        <f t="shared" si="343"/>
        <v>0.65525141030530276</v>
      </c>
      <c r="K3026">
        <f t="shared" si="344"/>
        <v>0.9828771154579542</v>
      </c>
      <c r="L3026">
        <f t="shared" si="345"/>
        <v>11.426105051276005</v>
      </c>
      <c r="M3026">
        <f t="shared" si="346"/>
        <v>0</v>
      </c>
      <c r="N3026" s="46">
        <f t="shared" si="347"/>
        <v>45416.66666665941</v>
      </c>
    </row>
    <row r="3027" spans="2:14" x14ac:dyDescent="0.3">
      <c r="B3027">
        <f t="shared" si="341"/>
        <v>6</v>
      </c>
      <c r="C3027" s="16">
        <v>2993</v>
      </c>
      <c r="D3027" cm="1">
        <f t="array" ref="D3027">IFERROR(INDEX(Jesper!AH$2:AH$366,ROUNDDOWN($C3027/24,0)+1,1)*INDEX($D$3:$AA$30,INDEX(Jesper!$R$2:$R$366,ROW(INDEX(Jesper!AH$2:AH$366,ROUNDDOWN($C3027/24,0)+1,1))-1)+IF('Standard Profiles'!$G$18=$B$10,7,0)+IF('Standard Profiles'!$G$18=$B$17,14,0)+IF('Standard Profiles'!$G$18=$B$24,21,0),MOD($C3027,24)+1)/SUM(INDEX($D$3:$AA$30,INDEX(Jesper!$R$2:$R$366,ROW(INDEX(Jesper!AH$2:AH$366,ROUNDDOWN($C3027/24,0)+1,1))-1)+IF('Standard Profiles'!$G$18=$B$10,7,0)+IF('Standard Profiles'!$G$18=$B$17,14,0)+IF('Standard Profiles'!$G$18=$B$24,21,0),0)),0)</f>
        <v>9.970939623432777</v>
      </c>
      <c r="E3027" cm="1">
        <f t="array" ref="E3027">IFERROR(INDEX(Jesper!AI$2:AI$366,ROUNDDOWN($C3027/24,0)+1,1)*INDEX($D$3:$AA$30,INDEX(Jesper!$R$2:$R$366,ROW(INDEX(Jesper!AI$2:AI$366,ROUNDDOWN($C3027/24,0)+1,1))-1)+IF('Standard Profiles'!$G$19=$B$10,7,0)+IF('Standard Profiles'!$G$19=$B$17,14,0)+IF('Standard Profiles'!$G$19=$B$24,21,0),MOD($C3027,24)+1)/SUM(INDEX($D$3:$AA$30,INDEX(Jesper!$R$2:$R$366,ROW(INDEX(Jesper!AI$2:AI$366,ROUNDDOWN($C3027/24,0)+1,1))-1)+IF('Standard Profiles'!$G$19=$B$10,7,0)+IF('Standard Profiles'!$G$19=$B$17,14,0)+IF('Standard Profiles'!$G$19=$B$24,21,0),0)),0)</f>
        <v>1.963788476684992</v>
      </c>
      <c r="F3027" cm="1">
        <f t="array" ref="F3027">IFERROR(INDEX(Jesper!AJ$2:AJ$366,ROUNDDOWN($C3027/24,0)+1,1)*INDEX($D$3:$AA$30,INDEX(Jesper!$R$2:$R$366,ROW(INDEX(Jesper!AJ$2:AJ$366,ROUNDDOWN($C3027/24,0)+1,1))-1)+IF('Standard Profiles'!$G$20=$B$10,7,0)+IF('Standard Profiles'!$G$20=$B$17,14,0)+IF('Standard Profiles'!$G$20=$B$24,21,0),MOD($C3027,24)+1)/SUM(INDEX($D$3:$AA$30,INDEX(Jesper!$R$2:$R$366,ROW(INDEX(Jesper!AJ$2:AJ$366,ROUNDDOWN($C3027/24,0)+1,1))-1)+IF('Standard Profiles'!$G$20=$B$10,7,0)+IF('Standard Profiles'!$G$20=$B$17,14,0)+IF('Standard Profiles'!$G$20=$B$24,21,0),0)),0)</f>
        <v>0</v>
      </c>
      <c r="G3027" cm="1">
        <f t="array" ref="G3027">IFERROR(INDEX(Jesper!AK$2:AK$366,ROUNDDOWN($C3027/24,0)+1,1)*INDEX($D$3:$AA$30,INDEX(Jesper!$R$2:$R$366,ROW(INDEX(Jesper!AK$2:AK$366,ROUNDDOWN($C3027/24,0)+1,1))-1)+IF('Standard Profiles'!$G$21=$B$10,7,0)+IF('Standard Profiles'!$G$21=$B$17,14,0)+IF('Standard Profiles'!$G$21=$B$24,21,0),MOD($C3027,24)+1)/SUM(INDEX($D$3:$AA$30,INDEX(Jesper!$R$2:$R$366,ROW(INDEX(Jesper!AK$2:AK$366,ROUNDDOWN($C3027/24,0)+1,1))-1)+IF('Standard Profiles'!$G$21=$B$10,7,0)+IF('Standard Profiles'!$G$21=$B$17,14,0)+IF('Standard Profiles'!$G$21=$B$24,21,0),0)),0)</f>
        <v>0</v>
      </c>
      <c r="H3027" cm="1">
        <f t="array" ref="H3027">IFERROR(INDEX(Jesper!AL$2:AL$366,ROUNDDOWN($C3027/24,0)+1,1)*INDEX($D$3:$AA$30,INDEX(Jesper!$R$2:$R$366,ROW(INDEX(Jesper!AL$2:AL$366,ROUNDDOWN($C3027/24,0)+1,1))-1)+IF('Standard Profiles'!$G$22=$B$10,7,0)+IF('Standard Profiles'!$G$22=$B$17,14,0)+IF('Standard Profiles'!$G$22=$B$24,21,0),MOD($C3027,24)+1)/SUM(INDEX($D$3:$AA$30,INDEX(Jesper!$R$2:$R$366,ROW(INDEX(Jesper!AL$2:AL$366,ROUNDDOWN($C3027/24,0)+1,1))-1)+IF('Standard Profiles'!$G$22=$B$10,7,0)+IF('Standard Profiles'!$G$22=$B$17,14,0)+IF('Standard Profiles'!$G$22=$B$24,21,0),0)),0)</f>
        <v>0</v>
      </c>
      <c r="I3027">
        <f t="shared" si="342"/>
        <v>0.17691788078243176</v>
      </c>
      <c r="J3027">
        <f t="shared" si="343"/>
        <v>0.58972626927477256</v>
      </c>
      <c r="K3027">
        <f t="shared" si="344"/>
        <v>0.8845894039121589</v>
      </c>
      <c r="L3027">
        <f t="shared" si="345"/>
        <v>10.283494546148406</v>
      </c>
      <c r="M3027">
        <f t="shared" si="346"/>
        <v>0</v>
      </c>
      <c r="N3027" s="46">
        <f t="shared" si="347"/>
        <v>45416.708333326074</v>
      </c>
    </row>
    <row r="3028" spans="2:14" x14ac:dyDescent="0.3">
      <c r="B3028">
        <f t="shared" si="341"/>
        <v>6</v>
      </c>
      <c r="C3028" s="16">
        <v>2994</v>
      </c>
      <c r="D3028" cm="1">
        <f t="array" ref="D3028">IFERROR(INDEX(Jesper!AH$2:AH$366,ROUNDDOWN($C3028/24,0)+1,1)*INDEX($D$3:$AA$30,INDEX(Jesper!$R$2:$R$366,ROW(INDEX(Jesper!AH$2:AH$366,ROUNDDOWN($C3028/24,0)+1,1))-1)+IF('Standard Profiles'!$G$18=$B$10,7,0)+IF('Standard Profiles'!$G$18=$B$17,14,0)+IF('Standard Profiles'!$G$18=$B$24,21,0),MOD($C3028,24)+1)/SUM(INDEX($D$3:$AA$30,INDEX(Jesper!$R$2:$R$366,ROW(INDEX(Jesper!AH$2:AH$366,ROUNDDOWN($C3028/24,0)+1,1))-1)+IF('Standard Profiles'!$G$18=$B$10,7,0)+IF('Standard Profiles'!$G$18=$B$17,14,0)+IF('Standard Profiles'!$G$18=$B$24,21,0),0)),0)</f>
        <v>9.6016455633056363</v>
      </c>
      <c r="E3028" cm="1">
        <f t="array" ref="E3028">IFERROR(INDEX(Jesper!AI$2:AI$366,ROUNDDOWN($C3028/24,0)+1,1)*INDEX($D$3:$AA$30,INDEX(Jesper!$R$2:$R$366,ROW(INDEX(Jesper!AI$2:AI$366,ROUNDDOWN($C3028/24,0)+1,1))-1)+IF('Standard Profiles'!$G$19=$B$10,7,0)+IF('Standard Profiles'!$G$19=$B$17,14,0)+IF('Standard Profiles'!$G$19=$B$24,21,0),MOD($C3028,24)+1)/SUM(INDEX($D$3:$AA$30,INDEX(Jesper!$R$2:$R$366,ROW(INDEX(Jesper!AI$2:AI$366,ROUNDDOWN($C3028/24,0)+1,1))-1)+IF('Standard Profiles'!$G$19=$B$10,7,0)+IF('Standard Profiles'!$G$19=$B$17,14,0)+IF('Standard Profiles'!$G$19=$B$24,21,0),0)),0)</f>
        <v>1.8910555701411029</v>
      </c>
      <c r="F3028" cm="1">
        <f t="array" ref="F3028">IFERROR(INDEX(Jesper!AJ$2:AJ$366,ROUNDDOWN($C3028/24,0)+1,1)*INDEX($D$3:$AA$30,INDEX(Jesper!$R$2:$R$366,ROW(INDEX(Jesper!AJ$2:AJ$366,ROUNDDOWN($C3028/24,0)+1,1))-1)+IF('Standard Profiles'!$G$20=$B$10,7,0)+IF('Standard Profiles'!$G$20=$B$17,14,0)+IF('Standard Profiles'!$G$20=$B$24,21,0),MOD($C3028,24)+1)/SUM(INDEX($D$3:$AA$30,INDEX(Jesper!$R$2:$R$366,ROW(INDEX(Jesper!AJ$2:AJ$366,ROUNDDOWN($C3028/24,0)+1,1))-1)+IF('Standard Profiles'!$G$20=$B$10,7,0)+IF('Standard Profiles'!$G$20=$B$17,14,0)+IF('Standard Profiles'!$G$20=$B$24,21,0),0)),0)</f>
        <v>0</v>
      </c>
      <c r="G3028" cm="1">
        <f t="array" ref="G3028">IFERROR(INDEX(Jesper!AK$2:AK$366,ROUNDDOWN($C3028/24,0)+1,1)*INDEX($D$3:$AA$30,INDEX(Jesper!$R$2:$R$366,ROW(INDEX(Jesper!AK$2:AK$366,ROUNDDOWN($C3028/24,0)+1,1))-1)+IF('Standard Profiles'!$G$21=$B$10,7,0)+IF('Standard Profiles'!$G$21=$B$17,14,0)+IF('Standard Profiles'!$G$21=$B$24,21,0),MOD($C3028,24)+1)/SUM(INDEX($D$3:$AA$30,INDEX(Jesper!$R$2:$R$366,ROW(INDEX(Jesper!AK$2:AK$366,ROUNDDOWN($C3028/24,0)+1,1))-1)+IF('Standard Profiles'!$G$21=$B$10,7,0)+IF('Standard Profiles'!$G$21=$B$17,14,0)+IF('Standard Profiles'!$G$21=$B$24,21,0),0)),0)</f>
        <v>0</v>
      </c>
      <c r="H3028" cm="1">
        <f t="array" ref="H3028">IFERROR(INDEX(Jesper!AL$2:AL$366,ROUNDDOWN($C3028/24,0)+1,1)*INDEX($D$3:$AA$30,INDEX(Jesper!$R$2:$R$366,ROW(INDEX(Jesper!AL$2:AL$366,ROUNDDOWN($C3028/24,0)+1,1))-1)+IF('Standard Profiles'!$G$22=$B$10,7,0)+IF('Standard Profiles'!$G$22=$B$17,14,0)+IF('Standard Profiles'!$G$22=$B$24,21,0),MOD($C3028,24)+1)/SUM(INDEX($D$3:$AA$30,INDEX(Jesper!$R$2:$R$366,ROW(INDEX(Jesper!AL$2:AL$366,ROUNDDOWN($C3028/24,0)+1,1))-1)+IF('Standard Profiles'!$G$22=$B$10,7,0)+IF('Standard Profiles'!$G$22=$B$17,14,0)+IF('Standard Profiles'!$G$22=$B$24,21,0),0)),0)</f>
        <v>0</v>
      </c>
      <c r="I3028">
        <f t="shared" si="342"/>
        <v>0.17036536667937868</v>
      </c>
      <c r="J3028">
        <f t="shared" si="343"/>
        <v>0.56788455559792905</v>
      </c>
      <c r="K3028">
        <f t="shared" si="344"/>
        <v>0.85182683339689358</v>
      </c>
      <c r="L3028">
        <f t="shared" si="345"/>
        <v>9.902624377772538</v>
      </c>
      <c r="M3028">
        <f t="shared" si="346"/>
        <v>0</v>
      </c>
      <c r="N3028" s="46">
        <f t="shared" si="347"/>
        <v>45416.749999992739</v>
      </c>
    </row>
    <row r="3029" spans="2:14" x14ac:dyDescent="0.3">
      <c r="B3029">
        <f t="shared" si="341"/>
        <v>6</v>
      </c>
      <c r="C3029" s="16">
        <v>2995</v>
      </c>
      <c r="D3029" cm="1">
        <f t="array" ref="D3029">IFERROR(INDEX(Jesper!AH$2:AH$366,ROUNDDOWN($C3029/24,0)+1,1)*INDEX($D$3:$AA$30,INDEX(Jesper!$R$2:$R$366,ROW(INDEX(Jesper!AH$2:AH$366,ROUNDDOWN($C3029/24,0)+1,1))-1)+IF('Standard Profiles'!$G$18=$B$10,7,0)+IF('Standard Profiles'!$G$18=$B$17,14,0)+IF('Standard Profiles'!$G$18=$B$24,21,0),MOD($C3029,24)+1)/SUM(INDEX($D$3:$AA$30,INDEX(Jesper!$R$2:$R$366,ROW(INDEX(Jesper!AH$2:AH$366,ROUNDDOWN($C3029/24,0)+1,1))-1)+IF('Standard Profiles'!$G$18=$B$10,7,0)+IF('Standard Profiles'!$G$18=$B$17,14,0)+IF('Standard Profiles'!$G$18=$B$24,21,0),0)),0)</f>
        <v>7.755175262669936</v>
      </c>
      <c r="E3029" cm="1">
        <f t="array" ref="E3029">IFERROR(INDEX(Jesper!AI$2:AI$366,ROUNDDOWN($C3029/24,0)+1,1)*INDEX($D$3:$AA$30,INDEX(Jesper!$R$2:$R$366,ROW(INDEX(Jesper!AI$2:AI$366,ROUNDDOWN($C3029/24,0)+1,1))-1)+IF('Standard Profiles'!$G$19=$B$10,7,0)+IF('Standard Profiles'!$G$19=$B$17,14,0)+IF('Standard Profiles'!$G$19=$B$24,21,0),MOD($C3029,24)+1)/SUM(INDEX($D$3:$AA$30,INDEX(Jesper!$R$2:$R$366,ROW(INDEX(Jesper!AI$2:AI$366,ROUNDDOWN($C3029/24,0)+1,1))-1)+IF('Standard Profiles'!$G$19=$B$10,7,0)+IF('Standard Profiles'!$G$19=$B$17,14,0)+IF('Standard Profiles'!$G$19=$B$24,21,0),0)),0)</f>
        <v>1.5273910374216602</v>
      </c>
      <c r="F3029" cm="1">
        <f t="array" ref="F3029">IFERROR(INDEX(Jesper!AJ$2:AJ$366,ROUNDDOWN($C3029/24,0)+1,1)*INDEX($D$3:$AA$30,INDEX(Jesper!$R$2:$R$366,ROW(INDEX(Jesper!AJ$2:AJ$366,ROUNDDOWN($C3029/24,0)+1,1))-1)+IF('Standard Profiles'!$G$20=$B$10,7,0)+IF('Standard Profiles'!$G$20=$B$17,14,0)+IF('Standard Profiles'!$G$20=$B$24,21,0),MOD($C3029,24)+1)/SUM(INDEX($D$3:$AA$30,INDEX(Jesper!$R$2:$R$366,ROW(INDEX(Jesper!AJ$2:AJ$366,ROUNDDOWN($C3029/24,0)+1,1))-1)+IF('Standard Profiles'!$G$20=$B$10,7,0)+IF('Standard Profiles'!$G$20=$B$17,14,0)+IF('Standard Profiles'!$G$20=$B$24,21,0),0)),0)</f>
        <v>0</v>
      </c>
      <c r="G3029" cm="1">
        <f t="array" ref="G3029">IFERROR(INDEX(Jesper!AK$2:AK$366,ROUNDDOWN($C3029/24,0)+1,1)*INDEX($D$3:$AA$30,INDEX(Jesper!$R$2:$R$366,ROW(INDEX(Jesper!AK$2:AK$366,ROUNDDOWN($C3029/24,0)+1,1))-1)+IF('Standard Profiles'!$G$21=$B$10,7,0)+IF('Standard Profiles'!$G$21=$B$17,14,0)+IF('Standard Profiles'!$G$21=$B$24,21,0),MOD($C3029,24)+1)/SUM(INDEX($D$3:$AA$30,INDEX(Jesper!$R$2:$R$366,ROW(INDEX(Jesper!AK$2:AK$366,ROUNDDOWN($C3029/24,0)+1,1))-1)+IF('Standard Profiles'!$G$21=$B$10,7,0)+IF('Standard Profiles'!$G$21=$B$17,14,0)+IF('Standard Profiles'!$G$21=$B$24,21,0),0)),0)</f>
        <v>0</v>
      </c>
      <c r="H3029" cm="1">
        <f t="array" ref="H3029">IFERROR(INDEX(Jesper!AL$2:AL$366,ROUNDDOWN($C3029/24,0)+1,1)*INDEX($D$3:$AA$30,INDEX(Jesper!$R$2:$R$366,ROW(INDEX(Jesper!AL$2:AL$366,ROUNDDOWN($C3029/24,0)+1,1))-1)+IF('Standard Profiles'!$G$22=$B$10,7,0)+IF('Standard Profiles'!$G$22=$B$17,14,0)+IF('Standard Profiles'!$G$22=$B$24,21,0),MOD($C3029,24)+1)/SUM(INDEX($D$3:$AA$30,INDEX(Jesper!$R$2:$R$366,ROW(INDEX(Jesper!AL$2:AL$366,ROUNDDOWN($C3029/24,0)+1,1))-1)+IF('Standard Profiles'!$G$22=$B$10,7,0)+IF('Standard Profiles'!$G$22=$B$17,14,0)+IF('Standard Profiles'!$G$22=$B$24,21,0),0)),0)</f>
        <v>0</v>
      </c>
      <c r="I3029">
        <f t="shared" si="342"/>
        <v>0.13760279616411356</v>
      </c>
      <c r="J3029">
        <f t="shared" si="343"/>
        <v>0.45867598721371194</v>
      </c>
      <c r="K3029">
        <f t="shared" si="344"/>
        <v>0.68801398082056786</v>
      </c>
      <c r="L3029">
        <f t="shared" si="345"/>
        <v>7.9982735358932029</v>
      </c>
      <c r="M3029">
        <f t="shared" si="346"/>
        <v>0</v>
      </c>
      <c r="N3029" s="46">
        <f t="shared" si="347"/>
        <v>45416.791666659403</v>
      </c>
    </row>
    <row r="3030" spans="2:14" x14ac:dyDescent="0.3">
      <c r="B3030">
        <f t="shared" si="341"/>
        <v>6</v>
      </c>
      <c r="C3030" s="16">
        <v>2996</v>
      </c>
      <c r="D3030" cm="1">
        <f t="array" ref="D3030">IFERROR(INDEX(Jesper!AH$2:AH$366,ROUNDDOWN($C3030/24,0)+1,1)*INDEX($D$3:$AA$30,INDEX(Jesper!$R$2:$R$366,ROW(INDEX(Jesper!AH$2:AH$366,ROUNDDOWN($C3030/24,0)+1,1))-1)+IF('Standard Profiles'!$G$18=$B$10,7,0)+IF('Standard Profiles'!$G$18=$B$17,14,0)+IF('Standard Profiles'!$G$18=$B$24,21,0),MOD($C3030,24)+1)/SUM(INDEX($D$3:$AA$30,INDEX(Jesper!$R$2:$R$366,ROW(INDEX(Jesper!AH$2:AH$366,ROUNDDOWN($C3030/24,0)+1,1))-1)+IF('Standard Profiles'!$G$18=$B$10,7,0)+IF('Standard Profiles'!$G$18=$B$17,14,0)+IF('Standard Profiles'!$G$18=$B$24,21,0),0)),0)</f>
        <v>5.724057931970667</v>
      </c>
      <c r="E3030" cm="1">
        <f t="array" ref="E3030">IFERROR(INDEX(Jesper!AI$2:AI$366,ROUNDDOWN($C3030/24,0)+1,1)*INDEX($D$3:$AA$30,INDEX(Jesper!$R$2:$R$366,ROW(INDEX(Jesper!AI$2:AI$366,ROUNDDOWN($C3030/24,0)+1,1))-1)+IF('Standard Profiles'!$G$19=$B$10,7,0)+IF('Standard Profiles'!$G$19=$B$17,14,0)+IF('Standard Profiles'!$G$19=$B$24,21,0),MOD($C3030,24)+1)/SUM(INDEX($D$3:$AA$30,INDEX(Jesper!$R$2:$R$366,ROW(INDEX(Jesper!AI$2:AI$366,ROUNDDOWN($C3030/24,0)+1,1))-1)+IF('Standard Profiles'!$G$19=$B$10,7,0)+IF('Standard Profiles'!$G$19=$B$17,14,0)+IF('Standard Profiles'!$G$19=$B$24,21,0),0)),0)</f>
        <v>1.1273600514302728</v>
      </c>
      <c r="F3030" cm="1">
        <f t="array" ref="F3030">IFERROR(INDEX(Jesper!AJ$2:AJ$366,ROUNDDOWN($C3030/24,0)+1,1)*INDEX($D$3:$AA$30,INDEX(Jesper!$R$2:$R$366,ROW(INDEX(Jesper!AJ$2:AJ$366,ROUNDDOWN($C3030/24,0)+1,1))-1)+IF('Standard Profiles'!$G$20=$B$10,7,0)+IF('Standard Profiles'!$G$20=$B$17,14,0)+IF('Standard Profiles'!$G$20=$B$24,21,0),MOD($C3030,24)+1)/SUM(INDEX($D$3:$AA$30,INDEX(Jesper!$R$2:$R$366,ROW(INDEX(Jesper!AJ$2:AJ$366,ROUNDDOWN($C3030/24,0)+1,1))-1)+IF('Standard Profiles'!$G$20=$B$10,7,0)+IF('Standard Profiles'!$G$20=$B$17,14,0)+IF('Standard Profiles'!$G$20=$B$24,21,0),0)),0)</f>
        <v>0</v>
      </c>
      <c r="G3030" cm="1">
        <f t="array" ref="G3030">IFERROR(INDEX(Jesper!AK$2:AK$366,ROUNDDOWN($C3030/24,0)+1,1)*INDEX($D$3:$AA$30,INDEX(Jesper!$R$2:$R$366,ROW(INDEX(Jesper!AK$2:AK$366,ROUNDDOWN($C3030/24,0)+1,1))-1)+IF('Standard Profiles'!$G$21=$B$10,7,0)+IF('Standard Profiles'!$G$21=$B$17,14,0)+IF('Standard Profiles'!$G$21=$B$24,21,0),MOD($C3030,24)+1)/SUM(INDEX($D$3:$AA$30,INDEX(Jesper!$R$2:$R$366,ROW(INDEX(Jesper!AK$2:AK$366,ROUNDDOWN($C3030/24,0)+1,1))-1)+IF('Standard Profiles'!$G$21=$B$10,7,0)+IF('Standard Profiles'!$G$21=$B$17,14,0)+IF('Standard Profiles'!$G$21=$B$24,21,0),0)),0)</f>
        <v>0</v>
      </c>
      <c r="H3030" cm="1">
        <f t="array" ref="H3030">IFERROR(INDEX(Jesper!AL$2:AL$366,ROUNDDOWN($C3030/24,0)+1,1)*INDEX($D$3:$AA$30,INDEX(Jesper!$R$2:$R$366,ROW(INDEX(Jesper!AL$2:AL$366,ROUNDDOWN($C3030/24,0)+1,1))-1)+IF('Standard Profiles'!$G$22=$B$10,7,0)+IF('Standard Profiles'!$G$22=$B$17,14,0)+IF('Standard Profiles'!$G$22=$B$24,21,0),MOD($C3030,24)+1)/SUM(INDEX($D$3:$AA$30,INDEX(Jesper!$R$2:$R$366,ROW(INDEX(Jesper!AL$2:AL$366,ROUNDDOWN($C3030/24,0)+1,1))-1)+IF('Standard Profiles'!$G$22=$B$10,7,0)+IF('Standard Profiles'!$G$22=$B$17,14,0)+IF('Standard Profiles'!$G$22=$B$24,21,0),0)),0)</f>
        <v>0</v>
      </c>
      <c r="I3030">
        <f t="shared" si="342"/>
        <v>0.1015639685973219</v>
      </c>
      <c r="J3030">
        <f t="shared" si="343"/>
        <v>0.33854656199107308</v>
      </c>
      <c r="K3030">
        <f t="shared" si="344"/>
        <v>0.50781984298660954</v>
      </c>
      <c r="L3030">
        <f t="shared" si="345"/>
        <v>5.9034876098259357</v>
      </c>
      <c r="M3030">
        <f t="shared" si="346"/>
        <v>0</v>
      </c>
      <c r="N3030" s="46">
        <f t="shared" si="347"/>
        <v>45416.833333326067</v>
      </c>
    </row>
    <row r="3031" spans="2:14" x14ac:dyDescent="0.3">
      <c r="B3031">
        <f t="shared" si="341"/>
        <v>6</v>
      </c>
      <c r="C3031" s="16">
        <v>2997</v>
      </c>
      <c r="D3031" cm="1">
        <f t="array" ref="D3031">IFERROR(INDEX(Jesper!AH$2:AH$366,ROUNDDOWN($C3031/24,0)+1,1)*INDEX($D$3:$AA$30,INDEX(Jesper!$R$2:$R$366,ROW(INDEX(Jesper!AH$2:AH$366,ROUNDDOWN($C3031/24,0)+1,1))-1)+IF('Standard Profiles'!$G$18=$B$10,7,0)+IF('Standard Profiles'!$G$18=$B$17,14,0)+IF('Standard Profiles'!$G$18=$B$24,21,0),MOD($C3031,24)+1)/SUM(INDEX($D$3:$AA$30,INDEX(Jesper!$R$2:$R$366,ROW(INDEX(Jesper!AH$2:AH$366,ROUNDDOWN($C3031/24,0)+1,1))-1)+IF('Standard Profiles'!$G$18=$B$10,7,0)+IF('Standard Profiles'!$G$18=$B$17,14,0)+IF('Standard Profiles'!$G$18=$B$24,21,0),0)),0)</f>
        <v>5.724057931970667</v>
      </c>
      <c r="E3031" cm="1">
        <f t="array" ref="E3031">IFERROR(INDEX(Jesper!AI$2:AI$366,ROUNDDOWN($C3031/24,0)+1,1)*INDEX($D$3:$AA$30,INDEX(Jesper!$R$2:$R$366,ROW(INDEX(Jesper!AI$2:AI$366,ROUNDDOWN($C3031/24,0)+1,1))-1)+IF('Standard Profiles'!$G$19=$B$10,7,0)+IF('Standard Profiles'!$G$19=$B$17,14,0)+IF('Standard Profiles'!$G$19=$B$24,21,0),MOD($C3031,24)+1)/SUM(INDEX($D$3:$AA$30,INDEX(Jesper!$R$2:$R$366,ROW(INDEX(Jesper!AI$2:AI$366,ROUNDDOWN($C3031/24,0)+1,1))-1)+IF('Standard Profiles'!$G$19=$B$10,7,0)+IF('Standard Profiles'!$G$19=$B$17,14,0)+IF('Standard Profiles'!$G$19=$B$24,21,0),0)),0)</f>
        <v>1.1273600514302728</v>
      </c>
      <c r="F3031" cm="1">
        <f t="array" ref="F3031">IFERROR(INDEX(Jesper!AJ$2:AJ$366,ROUNDDOWN($C3031/24,0)+1,1)*INDEX($D$3:$AA$30,INDEX(Jesper!$R$2:$R$366,ROW(INDEX(Jesper!AJ$2:AJ$366,ROUNDDOWN($C3031/24,0)+1,1))-1)+IF('Standard Profiles'!$G$20=$B$10,7,0)+IF('Standard Profiles'!$G$20=$B$17,14,0)+IF('Standard Profiles'!$G$20=$B$24,21,0),MOD($C3031,24)+1)/SUM(INDEX($D$3:$AA$30,INDEX(Jesper!$R$2:$R$366,ROW(INDEX(Jesper!AJ$2:AJ$366,ROUNDDOWN($C3031/24,0)+1,1))-1)+IF('Standard Profiles'!$G$20=$B$10,7,0)+IF('Standard Profiles'!$G$20=$B$17,14,0)+IF('Standard Profiles'!$G$20=$B$24,21,0),0)),0)</f>
        <v>0</v>
      </c>
      <c r="G3031" cm="1">
        <f t="array" ref="G3031">IFERROR(INDEX(Jesper!AK$2:AK$366,ROUNDDOWN($C3031/24,0)+1,1)*INDEX($D$3:$AA$30,INDEX(Jesper!$R$2:$R$366,ROW(INDEX(Jesper!AK$2:AK$366,ROUNDDOWN($C3031/24,0)+1,1))-1)+IF('Standard Profiles'!$G$21=$B$10,7,0)+IF('Standard Profiles'!$G$21=$B$17,14,0)+IF('Standard Profiles'!$G$21=$B$24,21,0),MOD($C3031,24)+1)/SUM(INDEX($D$3:$AA$30,INDEX(Jesper!$R$2:$R$366,ROW(INDEX(Jesper!AK$2:AK$366,ROUNDDOWN($C3031/24,0)+1,1))-1)+IF('Standard Profiles'!$G$21=$B$10,7,0)+IF('Standard Profiles'!$G$21=$B$17,14,0)+IF('Standard Profiles'!$G$21=$B$24,21,0),0)),0)</f>
        <v>0</v>
      </c>
      <c r="H3031" cm="1">
        <f t="array" ref="H3031">IFERROR(INDEX(Jesper!AL$2:AL$366,ROUNDDOWN($C3031/24,0)+1,1)*INDEX($D$3:$AA$30,INDEX(Jesper!$R$2:$R$366,ROW(INDEX(Jesper!AL$2:AL$366,ROUNDDOWN($C3031/24,0)+1,1))-1)+IF('Standard Profiles'!$G$22=$B$10,7,0)+IF('Standard Profiles'!$G$22=$B$17,14,0)+IF('Standard Profiles'!$G$22=$B$24,21,0),MOD($C3031,24)+1)/SUM(INDEX($D$3:$AA$30,INDEX(Jesper!$R$2:$R$366,ROW(INDEX(Jesper!AL$2:AL$366,ROUNDDOWN($C3031/24,0)+1,1))-1)+IF('Standard Profiles'!$G$22=$B$10,7,0)+IF('Standard Profiles'!$G$22=$B$17,14,0)+IF('Standard Profiles'!$G$22=$B$24,21,0),0)),0)</f>
        <v>0</v>
      </c>
      <c r="I3031">
        <f t="shared" si="342"/>
        <v>0.1015639685973219</v>
      </c>
      <c r="J3031">
        <f t="shared" si="343"/>
        <v>0.33854656199107308</v>
      </c>
      <c r="K3031">
        <f t="shared" si="344"/>
        <v>0.50781984298660954</v>
      </c>
      <c r="L3031">
        <f t="shared" si="345"/>
        <v>5.9034876098259357</v>
      </c>
      <c r="M3031">
        <f t="shared" si="346"/>
        <v>0</v>
      </c>
      <c r="N3031" s="46">
        <f t="shared" si="347"/>
        <v>45416.874999992731</v>
      </c>
    </row>
    <row r="3032" spans="2:14" x14ac:dyDescent="0.3">
      <c r="B3032">
        <f t="shared" si="341"/>
        <v>6</v>
      </c>
      <c r="C3032" s="16">
        <v>2998</v>
      </c>
      <c r="D3032" cm="1">
        <f t="array" ref="D3032">IFERROR(INDEX(Jesper!AH$2:AH$366,ROUNDDOWN($C3032/24,0)+1,1)*INDEX($D$3:$AA$30,INDEX(Jesper!$R$2:$R$366,ROW(INDEX(Jesper!AH$2:AH$366,ROUNDDOWN($C3032/24,0)+1,1))-1)+IF('Standard Profiles'!$G$18=$B$10,7,0)+IF('Standard Profiles'!$G$18=$B$17,14,0)+IF('Standard Profiles'!$G$18=$B$24,21,0),MOD($C3032,24)+1)/SUM(INDEX($D$3:$AA$30,INDEX(Jesper!$R$2:$R$366,ROW(INDEX(Jesper!AH$2:AH$366,ROUNDDOWN($C3032/24,0)+1,1))-1)+IF('Standard Profiles'!$G$18=$B$10,7,0)+IF('Standard Profiles'!$G$18=$B$17,14,0)+IF('Standard Profiles'!$G$18=$B$24,21,0),0)),0)</f>
        <v>5.724057931970667</v>
      </c>
      <c r="E3032" cm="1">
        <f t="array" ref="E3032">IFERROR(INDEX(Jesper!AI$2:AI$366,ROUNDDOWN($C3032/24,0)+1,1)*INDEX($D$3:$AA$30,INDEX(Jesper!$R$2:$R$366,ROW(INDEX(Jesper!AI$2:AI$366,ROUNDDOWN($C3032/24,0)+1,1))-1)+IF('Standard Profiles'!$G$19=$B$10,7,0)+IF('Standard Profiles'!$G$19=$B$17,14,0)+IF('Standard Profiles'!$G$19=$B$24,21,0),MOD($C3032,24)+1)/SUM(INDEX($D$3:$AA$30,INDEX(Jesper!$R$2:$R$366,ROW(INDEX(Jesper!AI$2:AI$366,ROUNDDOWN($C3032/24,0)+1,1))-1)+IF('Standard Profiles'!$G$19=$B$10,7,0)+IF('Standard Profiles'!$G$19=$B$17,14,0)+IF('Standard Profiles'!$G$19=$B$24,21,0),0)),0)</f>
        <v>1.1273600514302728</v>
      </c>
      <c r="F3032" cm="1">
        <f t="array" ref="F3032">IFERROR(INDEX(Jesper!AJ$2:AJ$366,ROUNDDOWN($C3032/24,0)+1,1)*INDEX($D$3:$AA$30,INDEX(Jesper!$R$2:$R$366,ROW(INDEX(Jesper!AJ$2:AJ$366,ROUNDDOWN($C3032/24,0)+1,1))-1)+IF('Standard Profiles'!$G$20=$B$10,7,0)+IF('Standard Profiles'!$G$20=$B$17,14,0)+IF('Standard Profiles'!$G$20=$B$24,21,0),MOD($C3032,24)+1)/SUM(INDEX($D$3:$AA$30,INDEX(Jesper!$R$2:$R$366,ROW(INDEX(Jesper!AJ$2:AJ$366,ROUNDDOWN($C3032/24,0)+1,1))-1)+IF('Standard Profiles'!$G$20=$B$10,7,0)+IF('Standard Profiles'!$G$20=$B$17,14,0)+IF('Standard Profiles'!$G$20=$B$24,21,0),0)),0)</f>
        <v>0</v>
      </c>
      <c r="G3032" cm="1">
        <f t="array" ref="G3032">IFERROR(INDEX(Jesper!AK$2:AK$366,ROUNDDOWN($C3032/24,0)+1,1)*INDEX($D$3:$AA$30,INDEX(Jesper!$R$2:$R$366,ROW(INDEX(Jesper!AK$2:AK$366,ROUNDDOWN($C3032/24,0)+1,1))-1)+IF('Standard Profiles'!$G$21=$B$10,7,0)+IF('Standard Profiles'!$G$21=$B$17,14,0)+IF('Standard Profiles'!$G$21=$B$24,21,0),MOD($C3032,24)+1)/SUM(INDEX($D$3:$AA$30,INDEX(Jesper!$R$2:$R$366,ROW(INDEX(Jesper!AK$2:AK$366,ROUNDDOWN($C3032/24,0)+1,1))-1)+IF('Standard Profiles'!$G$21=$B$10,7,0)+IF('Standard Profiles'!$G$21=$B$17,14,0)+IF('Standard Profiles'!$G$21=$B$24,21,0),0)),0)</f>
        <v>0</v>
      </c>
      <c r="H3032" cm="1">
        <f t="array" ref="H3032">IFERROR(INDEX(Jesper!AL$2:AL$366,ROUNDDOWN($C3032/24,0)+1,1)*INDEX($D$3:$AA$30,INDEX(Jesper!$R$2:$R$366,ROW(INDEX(Jesper!AL$2:AL$366,ROUNDDOWN($C3032/24,0)+1,1))-1)+IF('Standard Profiles'!$G$22=$B$10,7,0)+IF('Standard Profiles'!$G$22=$B$17,14,0)+IF('Standard Profiles'!$G$22=$B$24,21,0),MOD($C3032,24)+1)/SUM(INDEX($D$3:$AA$30,INDEX(Jesper!$R$2:$R$366,ROW(INDEX(Jesper!AL$2:AL$366,ROUNDDOWN($C3032/24,0)+1,1))-1)+IF('Standard Profiles'!$G$22=$B$10,7,0)+IF('Standard Profiles'!$G$22=$B$17,14,0)+IF('Standard Profiles'!$G$22=$B$24,21,0),0)),0)</f>
        <v>0</v>
      </c>
      <c r="I3032">
        <f t="shared" si="342"/>
        <v>0.1015639685973219</v>
      </c>
      <c r="J3032">
        <f t="shared" si="343"/>
        <v>0.33854656199107308</v>
      </c>
      <c r="K3032">
        <f t="shared" si="344"/>
        <v>0.50781984298660954</v>
      </c>
      <c r="L3032">
        <f t="shared" si="345"/>
        <v>5.9034876098259357</v>
      </c>
      <c r="M3032">
        <f t="shared" si="346"/>
        <v>0</v>
      </c>
      <c r="N3032" s="46">
        <f t="shared" si="347"/>
        <v>45416.916666659396</v>
      </c>
    </row>
    <row r="3033" spans="2:14" x14ac:dyDescent="0.3">
      <c r="B3033">
        <f t="shared" si="341"/>
        <v>6</v>
      </c>
      <c r="C3033" s="16">
        <v>2999</v>
      </c>
      <c r="D3033" cm="1">
        <f t="array" ref="D3033">IFERROR(INDEX(Jesper!AH$2:AH$366,ROUNDDOWN($C3033/24,0)+1,1)*INDEX($D$3:$AA$30,INDEX(Jesper!$R$2:$R$366,ROW(INDEX(Jesper!AH$2:AH$366,ROUNDDOWN($C3033/24,0)+1,1))-1)+IF('Standard Profiles'!$G$18=$B$10,7,0)+IF('Standard Profiles'!$G$18=$B$17,14,0)+IF('Standard Profiles'!$G$18=$B$24,21,0),MOD($C3033,24)+1)/SUM(INDEX($D$3:$AA$30,INDEX(Jesper!$R$2:$R$366,ROW(INDEX(Jesper!AH$2:AH$366,ROUNDDOWN($C3033/24,0)+1,1))-1)+IF('Standard Profiles'!$G$18=$B$10,7,0)+IF('Standard Profiles'!$G$18=$B$17,14,0)+IF('Standard Profiles'!$G$18=$B$24,21,0),0)),0)</f>
        <v>5.724057931970667</v>
      </c>
      <c r="E3033" cm="1">
        <f t="array" ref="E3033">IFERROR(INDEX(Jesper!AI$2:AI$366,ROUNDDOWN($C3033/24,0)+1,1)*INDEX($D$3:$AA$30,INDEX(Jesper!$R$2:$R$366,ROW(INDEX(Jesper!AI$2:AI$366,ROUNDDOWN($C3033/24,0)+1,1))-1)+IF('Standard Profiles'!$G$19=$B$10,7,0)+IF('Standard Profiles'!$G$19=$B$17,14,0)+IF('Standard Profiles'!$G$19=$B$24,21,0),MOD($C3033,24)+1)/SUM(INDEX($D$3:$AA$30,INDEX(Jesper!$R$2:$R$366,ROW(INDEX(Jesper!AI$2:AI$366,ROUNDDOWN($C3033/24,0)+1,1))-1)+IF('Standard Profiles'!$G$19=$B$10,7,0)+IF('Standard Profiles'!$G$19=$B$17,14,0)+IF('Standard Profiles'!$G$19=$B$24,21,0),0)),0)</f>
        <v>1.1273600514302728</v>
      </c>
      <c r="F3033" cm="1">
        <f t="array" ref="F3033">IFERROR(INDEX(Jesper!AJ$2:AJ$366,ROUNDDOWN($C3033/24,0)+1,1)*INDEX($D$3:$AA$30,INDEX(Jesper!$R$2:$R$366,ROW(INDEX(Jesper!AJ$2:AJ$366,ROUNDDOWN($C3033/24,0)+1,1))-1)+IF('Standard Profiles'!$G$20=$B$10,7,0)+IF('Standard Profiles'!$G$20=$B$17,14,0)+IF('Standard Profiles'!$G$20=$B$24,21,0),MOD($C3033,24)+1)/SUM(INDEX($D$3:$AA$30,INDEX(Jesper!$R$2:$R$366,ROW(INDEX(Jesper!AJ$2:AJ$366,ROUNDDOWN($C3033/24,0)+1,1))-1)+IF('Standard Profiles'!$G$20=$B$10,7,0)+IF('Standard Profiles'!$G$20=$B$17,14,0)+IF('Standard Profiles'!$G$20=$B$24,21,0),0)),0)</f>
        <v>0</v>
      </c>
      <c r="G3033" cm="1">
        <f t="array" ref="G3033">IFERROR(INDEX(Jesper!AK$2:AK$366,ROUNDDOWN($C3033/24,0)+1,1)*INDEX($D$3:$AA$30,INDEX(Jesper!$R$2:$R$366,ROW(INDEX(Jesper!AK$2:AK$366,ROUNDDOWN($C3033/24,0)+1,1))-1)+IF('Standard Profiles'!$G$21=$B$10,7,0)+IF('Standard Profiles'!$G$21=$B$17,14,0)+IF('Standard Profiles'!$G$21=$B$24,21,0),MOD($C3033,24)+1)/SUM(INDEX($D$3:$AA$30,INDEX(Jesper!$R$2:$R$366,ROW(INDEX(Jesper!AK$2:AK$366,ROUNDDOWN($C3033/24,0)+1,1))-1)+IF('Standard Profiles'!$G$21=$B$10,7,0)+IF('Standard Profiles'!$G$21=$B$17,14,0)+IF('Standard Profiles'!$G$21=$B$24,21,0),0)),0)</f>
        <v>0</v>
      </c>
      <c r="H3033" cm="1">
        <f t="array" ref="H3033">IFERROR(INDEX(Jesper!AL$2:AL$366,ROUNDDOWN($C3033/24,0)+1,1)*INDEX($D$3:$AA$30,INDEX(Jesper!$R$2:$R$366,ROW(INDEX(Jesper!AL$2:AL$366,ROUNDDOWN($C3033/24,0)+1,1))-1)+IF('Standard Profiles'!$G$22=$B$10,7,0)+IF('Standard Profiles'!$G$22=$B$17,14,0)+IF('Standard Profiles'!$G$22=$B$24,21,0),MOD($C3033,24)+1)/SUM(INDEX($D$3:$AA$30,INDEX(Jesper!$R$2:$R$366,ROW(INDEX(Jesper!AL$2:AL$366,ROUNDDOWN($C3033/24,0)+1,1))-1)+IF('Standard Profiles'!$G$22=$B$10,7,0)+IF('Standard Profiles'!$G$22=$B$17,14,0)+IF('Standard Profiles'!$G$22=$B$24,21,0),0)),0)</f>
        <v>0</v>
      </c>
      <c r="I3033">
        <f t="shared" si="342"/>
        <v>0.1015639685973219</v>
      </c>
      <c r="J3033">
        <f t="shared" si="343"/>
        <v>0.33854656199107308</v>
      </c>
      <c r="K3033">
        <f t="shared" si="344"/>
        <v>0.50781984298660954</v>
      </c>
      <c r="L3033">
        <f t="shared" si="345"/>
        <v>5.9034876098259357</v>
      </c>
      <c r="M3033">
        <f t="shared" si="346"/>
        <v>0</v>
      </c>
      <c r="N3033" s="46">
        <f t="shared" si="347"/>
        <v>45416.95833332606</v>
      </c>
    </row>
    <row r="3034" spans="2:14" x14ac:dyDescent="0.3">
      <c r="B3034">
        <f t="shared" si="341"/>
        <v>7</v>
      </c>
      <c r="C3034" s="16">
        <v>3000</v>
      </c>
      <c r="D3034" cm="1">
        <f t="array" ref="D3034">IFERROR(INDEX(Jesper!AH$2:AH$366,ROUNDDOWN($C3034/24,0)+1,1)*INDEX($D$3:$AA$30,INDEX(Jesper!$R$2:$R$366,ROW(INDEX(Jesper!AH$2:AH$366,ROUNDDOWN($C3034/24,0)+1,1))-1)+IF('Standard Profiles'!$G$18=$B$10,7,0)+IF('Standard Profiles'!$G$18=$B$17,14,0)+IF('Standard Profiles'!$G$18=$B$24,21,0),MOD($C3034,24)+1)/SUM(INDEX($D$3:$AA$30,INDEX(Jesper!$R$2:$R$366,ROW(INDEX(Jesper!AH$2:AH$366,ROUNDDOWN($C3034/24,0)+1,1))-1)+IF('Standard Profiles'!$G$18=$B$10,7,0)+IF('Standard Profiles'!$G$18=$B$17,14,0)+IF('Standard Profiles'!$G$18=$B$24,21,0),0)),0)</f>
        <v>6.3337108779872491</v>
      </c>
      <c r="E3034" cm="1">
        <f t="array" ref="E3034">IFERROR(INDEX(Jesper!AI$2:AI$366,ROUNDDOWN($C3034/24,0)+1,1)*INDEX($D$3:$AA$30,INDEX(Jesper!$R$2:$R$366,ROW(INDEX(Jesper!AI$2:AI$366,ROUNDDOWN($C3034/24,0)+1,1))-1)+IF('Standard Profiles'!$G$19=$B$10,7,0)+IF('Standard Profiles'!$G$19=$B$17,14,0)+IF('Standard Profiles'!$G$19=$B$24,21,0),MOD($C3034,24)+1)/SUM(INDEX($D$3:$AA$30,INDEX(Jesper!$R$2:$R$366,ROW(INDEX(Jesper!AI$2:AI$366,ROUNDDOWN($C3034/24,0)+1,1))-1)+IF('Standard Profiles'!$G$19=$B$10,7,0)+IF('Standard Profiles'!$G$19=$B$17,14,0)+IF('Standard Profiles'!$G$19=$B$24,21,0),0)),0)</f>
        <v>1.1895325892967838</v>
      </c>
      <c r="F3034" cm="1">
        <f t="array" ref="F3034">IFERROR(INDEX(Jesper!AJ$2:AJ$366,ROUNDDOWN($C3034/24,0)+1,1)*INDEX($D$3:$AA$30,INDEX(Jesper!$R$2:$R$366,ROW(INDEX(Jesper!AJ$2:AJ$366,ROUNDDOWN($C3034/24,0)+1,1))-1)+IF('Standard Profiles'!$G$20=$B$10,7,0)+IF('Standard Profiles'!$G$20=$B$17,14,0)+IF('Standard Profiles'!$G$20=$B$24,21,0),MOD($C3034,24)+1)/SUM(INDEX($D$3:$AA$30,INDEX(Jesper!$R$2:$R$366,ROW(INDEX(Jesper!AJ$2:AJ$366,ROUNDDOWN($C3034/24,0)+1,1))-1)+IF('Standard Profiles'!$G$20=$B$10,7,0)+IF('Standard Profiles'!$G$20=$B$17,14,0)+IF('Standard Profiles'!$G$20=$B$24,21,0),0)),0)</f>
        <v>0</v>
      </c>
      <c r="G3034" cm="1">
        <f t="array" ref="G3034">IFERROR(INDEX(Jesper!AK$2:AK$366,ROUNDDOWN($C3034/24,0)+1,1)*INDEX($D$3:$AA$30,INDEX(Jesper!$R$2:$R$366,ROW(INDEX(Jesper!AK$2:AK$366,ROUNDDOWN($C3034/24,0)+1,1))-1)+IF('Standard Profiles'!$G$21=$B$10,7,0)+IF('Standard Profiles'!$G$21=$B$17,14,0)+IF('Standard Profiles'!$G$21=$B$24,21,0),MOD($C3034,24)+1)/SUM(INDEX($D$3:$AA$30,INDEX(Jesper!$R$2:$R$366,ROW(INDEX(Jesper!AK$2:AK$366,ROUNDDOWN($C3034/24,0)+1,1))-1)+IF('Standard Profiles'!$G$21=$B$10,7,0)+IF('Standard Profiles'!$G$21=$B$17,14,0)+IF('Standard Profiles'!$G$21=$B$24,21,0),0)),0)</f>
        <v>0</v>
      </c>
      <c r="H3034" cm="1">
        <f t="array" ref="H3034">IFERROR(INDEX(Jesper!AL$2:AL$366,ROUNDDOWN($C3034/24,0)+1,1)*INDEX($D$3:$AA$30,INDEX(Jesper!$R$2:$R$366,ROW(INDEX(Jesper!AL$2:AL$366,ROUNDDOWN($C3034/24,0)+1,1))-1)+IF('Standard Profiles'!$G$22=$B$10,7,0)+IF('Standard Profiles'!$G$22=$B$17,14,0)+IF('Standard Profiles'!$G$22=$B$24,21,0),MOD($C3034,24)+1)/SUM(INDEX($D$3:$AA$30,INDEX(Jesper!$R$2:$R$366,ROW(INDEX(Jesper!AL$2:AL$366,ROUNDDOWN($C3034/24,0)+1,1))-1)+IF('Standard Profiles'!$G$22=$B$10,7,0)+IF('Standard Profiles'!$G$22=$B$17,14,0)+IF('Standard Profiles'!$G$22=$B$24,21,0),0)),0)</f>
        <v>0</v>
      </c>
      <c r="I3034">
        <f t="shared" si="342"/>
        <v>0.10716509813484541</v>
      </c>
      <c r="J3034">
        <f t="shared" si="343"/>
        <v>0.35721699378281813</v>
      </c>
      <c r="K3034">
        <f t="shared" si="344"/>
        <v>0.53582549067422713</v>
      </c>
      <c r="L3034">
        <f t="shared" si="345"/>
        <v>6.5230358846921419</v>
      </c>
      <c r="M3034">
        <f t="shared" si="346"/>
        <v>0</v>
      </c>
      <c r="N3034" s="46">
        <f t="shared" si="347"/>
        <v>45416.999999992724</v>
      </c>
    </row>
    <row r="3035" spans="2:14" x14ac:dyDescent="0.3">
      <c r="B3035">
        <f t="shared" si="341"/>
        <v>7</v>
      </c>
      <c r="C3035" s="16">
        <v>3001</v>
      </c>
      <c r="D3035" cm="1">
        <f t="array" ref="D3035">IFERROR(INDEX(Jesper!AH$2:AH$366,ROUNDDOWN($C3035/24,0)+1,1)*INDEX($D$3:$AA$30,INDEX(Jesper!$R$2:$R$366,ROW(INDEX(Jesper!AH$2:AH$366,ROUNDDOWN($C3035/24,0)+1,1))-1)+IF('Standard Profiles'!$G$18=$B$10,7,0)+IF('Standard Profiles'!$G$18=$B$17,14,0)+IF('Standard Profiles'!$G$18=$B$24,21,0),MOD($C3035,24)+1)/SUM(INDEX($D$3:$AA$30,INDEX(Jesper!$R$2:$R$366,ROW(INDEX(Jesper!AH$2:AH$366,ROUNDDOWN($C3035/24,0)+1,1))-1)+IF('Standard Profiles'!$G$18=$B$10,7,0)+IF('Standard Profiles'!$G$18=$B$17,14,0)+IF('Standard Profiles'!$G$18=$B$24,21,0),0)),0)</f>
        <v>7.3552771486303543</v>
      </c>
      <c r="E3035" cm="1">
        <f t="array" ref="E3035">IFERROR(INDEX(Jesper!AI$2:AI$366,ROUNDDOWN($C3035/24,0)+1,1)*INDEX($D$3:$AA$30,INDEX(Jesper!$R$2:$R$366,ROW(INDEX(Jesper!AI$2:AI$366,ROUNDDOWN($C3035/24,0)+1,1))-1)+IF('Standard Profiles'!$G$19=$B$10,7,0)+IF('Standard Profiles'!$G$19=$B$17,14,0)+IF('Standard Profiles'!$G$19=$B$24,21,0),MOD($C3035,24)+1)/SUM(INDEX($D$3:$AA$30,INDEX(Jesper!$R$2:$R$366,ROW(INDEX(Jesper!AI$2:AI$366,ROUNDDOWN($C3035/24,0)+1,1))-1)+IF('Standard Profiles'!$G$19=$B$10,7,0)+IF('Standard Profiles'!$G$19=$B$17,14,0)+IF('Standard Profiles'!$G$19=$B$24,21,0),0)),0)</f>
        <v>1.381392684344652</v>
      </c>
      <c r="F3035" cm="1">
        <f t="array" ref="F3035">IFERROR(INDEX(Jesper!AJ$2:AJ$366,ROUNDDOWN($C3035/24,0)+1,1)*INDEX($D$3:$AA$30,INDEX(Jesper!$R$2:$R$366,ROW(INDEX(Jesper!AJ$2:AJ$366,ROUNDDOWN($C3035/24,0)+1,1))-1)+IF('Standard Profiles'!$G$20=$B$10,7,0)+IF('Standard Profiles'!$G$20=$B$17,14,0)+IF('Standard Profiles'!$G$20=$B$24,21,0),MOD($C3035,24)+1)/SUM(INDEX($D$3:$AA$30,INDEX(Jesper!$R$2:$R$366,ROW(INDEX(Jesper!AJ$2:AJ$366,ROUNDDOWN($C3035/24,0)+1,1))-1)+IF('Standard Profiles'!$G$20=$B$10,7,0)+IF('Standard Profiles'!$G$20=$B$17,14,0)+IF('Standard Profiles'!$G$20=$B$24,21,0),0)),0)</f>
        <v>0</v>
      </c>
      <c r="G3035" cm="1">
        <f t="array" ref="G3035">IFERROR(INDEX(Jesper!AK$2:AK$366,ROUNDDOWN($C3035/24,0)+1,1)*INDEX($D$3:$AA$30,INDEX(Jesper!$R$2:$R$366,ROW(INDEX(Jesper!AK$2:AK$366,ROUNDDOWN($C3035/24,0)+1,1))-1)+IF('Standard Profiles'!$G$21=$B$10,7,0)+IF('Standard Profiles'!$G$21=$B$17,14,0)+IF('Standard Profiles'!$G$21=$B$24,21,0),MOD($C3035,24)+1)/SUM(INDEX($D$3:$AA$30,INDEX(Jesper!$R$2:$R$366,ROW(INDEX(Jesper!AK$2:AK$366,ROUNDDOWN($C3035/24,0)+1,1))-1)+IF('Standard Profiles'!$G$21=$B$10,7,0)+IF('Standard Profiles'!$G$21=$B$17,14,0)+IF('Standard Profiles'!$G$21=$B$24,21,0),0)),0)</f>
        <v>0</v>
      </c>
      <c r="H3035" cm="1">
        <f t="array" ref="H3035">IFERROR(INDEX(Jesper!AL$2:AL$366,ROUNDDOWN($C3035/24,0)+1,1)*INDEX($D$3:$AA$30,INDEX(Jesper!$R$2:$R$366,ROW(INDEX(Jesper!AL$2:AL$366,ROUNDDOWN($C3035/24,0)+1,1))-1)+IF('Standard Profiles'!$G$22=$B$10,7,0)+IF('Standard Profiles'!$G$22=$B$17,14,0)+IF('Standard Profiles'!$G$22=$B$24,21,0),MOD($C3035,24)+1)/SUM(INDEX($D$3:$AA$30,INDEX(Jesper!$R$2:$R$366,ROW(INDEX(Jesper!AL$2:AL$366,ROUNDDOWN($C3035/24,0)+1,1))-1)+IF('Standard Profiles'!$G$22=$B$10,7,0)+IF('Standard Profiles'!$G$22=$B$17,14,0)+IF('Standard Profiles'!$G$22=$B$24,21,0),0)),0)</f>
        <v>0</v>
      </c>
      <c r="I3035">
        <f t="shared" si="342"/>
        <v>0.12444979138240111</v>
      </c>
      <c r="J3035">
        <f t="shared" si="343"/>
        <v>0.41483263794133712</v>
      </c>
      <c r="K3035">
        <f t="shared" si="344"/>
        <v>0.62224895691200566</v>
      </c>
      <c r="L3035">
        <f t="shared" si="345"/>
        <v>7.5751384467392624</v>
      </c>
      <c r="M3035">
        <f t="shared" si="346"/>
        <v>0</v>
      </c>
      <c r="N3035" s="46">
        <f t="shared" si="347"/>
        <v>45417.041666659388</v>
      </c>
    </row>
    <row r="3036" spans="2:14" x14ac:dyDescent="0.3">
      <c r="B3036">
        <f t="shared" si="341"/>
        <v>7</v>
      </c>
      <c r="C3036" s="16">
        <v>3002</v>
      </c>
      <c r="D3036" cm="1">
        <f t="array" ref="D3036">IFERROR(INDEX(Jesper!AH$2:AH$366,ROUNDDOWN($C3036/24,0)+1,1)*INDEX($D$3:$AA$30,INDEX(Jesper!$R$2:$R$366,ROW(INDEX(Jesper!AH$2:AH$366,ROUNDDOWN($C3036/24,0)+1,1))-1)+IF('Standard Profiles'!$G$18=$B$10,7,0)+IF('Standard Profiles'!$G$18=$B$17,14,0)+IF('Standard Profiles'!$G$18=$B$24,21,0),MOD($C3036,24)+1)/SUM(INDEX($D$3:$AA$30,INDEX(Jesper!$R$2:$R$366,ROW(INDEX(Jesper!AH$2:AH$366,ROUNDDOWN($C3036/24,0)+1,1))-1)+IF('Standard Profiles'!$G$18=$B$10,7,0)+IF('Standard Profiles'!$G$18=$B$17,14,0)+IF('Standard Profiles'!$G$18=$B$24,21,0),0)),0)</f>
        <v>7.3552771486303543</v>
      </c>
      <c r="E3036" cm="1">
        <f t="array" ref="E3036">IFERROR(INDEX(Jesper!AI$2:AI$366,ROUNDDOWN($C3036/24,0)+1,1)*INDEX($D$3:$AA$30,INDEX(Jesper!$R$2:$R$366,ROW(INDEX(Jesper!AI$2:AI$366,ROUNDDOWN($C3036/24,0)+1,1))-1)+IF('Standard Profiles'!$G$19=$B$10,7,0)+IF('Standard Profiles'!$G$19=$B$17,14,0)+IF('Standard Profiles'!$G$19=$B$24,21,0),MOD($C3036,24)+1)/SUM(INDEX($D$3:$AA$30,INDEX(Jesper!$R$2:$R$366,ROW(INDEX(Jesper!AI$2:AI$366,ROUNDDOWN($C3036/24,0)+1,1))-1)+IF('Standard Profiles'!$G$19=$B$10,7,0)+IF('Standard Profiles'!$G$19=$B$17,14,0)+IF('Standard Profiles'!$G$19=$B$24,21,0),0)),0)</f>
        <v>1.381392684344652</v>
      </c>
      <c r="F3036" cm="1">
        <f t="array" ref="F3036">IFERROR(INDEX(Jesper!AJ$2:AJ$366,ROUNDDOWN($C3036/24,0)+1,1)*INDEX($D$3:$AA$30,INDEX(Jesper!$R$2:$R$366,ROW(INDEX(Jesper!AJ$2:AJ$366,ROUNDDOWN($C3036/24,0)+1,1))-1)+IF('Standard Profiles'!$G$20=$B$10,7,0)+IF('Standard Profiles'!$G$20=$B$17,14,0)+IF('Standard Profiles'!$G$20=$B$24,21,0),MOD($C3036,24)+1)/SUM(INDEX($D$3:$AA$30,INDEX(Jesper!$R$2:$R$366,ROW(INDEX(Jesper!AJ$2:AJ$366,ROUNDDOWN($C3036/24,0)+1,1))-1)+IF('Standard Profiles'!$G$20=$B$10,7,0)+IF('Standard Profiles'!$G$20=$B$17,14,0)+IF('Standard Profiles'!$G$20=$B$24,21,0),0)),0)</f>
        <v>0</v>
      </c>
      <c r="G3036" cm="1">
        <f t="array" ref="G3036">IFERROR(INDEX(Jesper!AK$2:AK$366,ROUNDDOWN($C3036/24,0)+1,1)*INDEX($D$3:$AA$30,INDEX(Jesper!$R$2:$R$366,ROW(INDEX(Jesper!AK$2:AK$366,ROUNDDOWN($C3036/24,0)+1,1))-1)+IF('Standard Profiles'!$G$21=$B$10,7,0)+IF('Standard Profiles'!$G$21=$B$17,14,0)+IF('Standard Profiles'!$G$21=$B$24,21,0),MOD($C3036,24)+1)/SUM(INDEX($D$3:$AA$30,INDEX(Jesper!$R$2:$R$366,ROW(INDEX(Jesper!AK$2:AK$366,ROUNDDOWN($C3036/24,0)+1,1))-1)+IF('Standard Profiles'!$G$21=$B$10,7,0)+IF('Standard Profiles'!$G$21=$B$17,14,0)+IF('Standard Profiles'!$G$21=$B$24,21,0),0)),0)</f>
        <v>0</v>
      </c>
      <c r="H3036" cm="1">
        <f t="array" ref="H3036">IFERROR(INDEX(Jesper!AL$2:AL$366,ROUNDDOWN($C3036/24,0)+1,1)*INDEX($D$3:$AA$30,INDEX(Jesper!$R$2:$R$366,ROW(INDEX(Jesper!AL$2:AL$366,ROUNDDOWN($C3036/24,0)+1,1))-1)+IF('Standard Profiles'!$G$22=$B$10,7,0)+IF('Standard Profiles'!$G$22=$B$17,14,0)+IF('Standard Profiles'!$G$22=$B$24,21,0),MOD($C3036,24)+1)/SUM(INDEX($D$3:$AA$30,INDEX(Jesper!$R$2:$R$366,ROW(INDEX(Jesper!AL$2:AL$366,ROUNDDOWN($C3036/24,0)+1,1))-1)+IF('Standard Profiles'!$G$22=$B$10,7,0)+IF('Standard Profiles'!$G$22=$B$17,14,0)+IF('Standard Profiles'!$G$22=$B$24,21,0),0)),0)</f>
        <v>0</v>
      </c>
      <c r="I3036">
        <f t="shared" si="342"/>
        <v>0.12444979138240111</v>
      </c>
      <c r="J3036">
        <f t="shared" si="343"/>
        <v>0.41483263794133712</v>
      </c>
      <c r="K3036">
        <f t="shared" si="344"/>
        <v>0.62224895691200566</v>
      </c>
      <c r="L3036">
        <f t="shared" si="345"/>
        <v>7.5751384467392624</v>
      </c>
      <c r="M3036">
        <f t="shared" si="346"/>
        <v>0</v>
      </c>
      <c r="N3036" s="46">
        <f t="shared" si="347"/>
        <v>45417.083333326053</v>
      </c>
    </row>
    <row r="3037" spans="2:14" x14ac:dyDescent="0.3">
      <c r="B3037">
        <f t="shared" si="341"/>
        <v>7</v>
      </c>
      <c r="C3037" s="16">
        <v>3003</v>
      </c>
      <c r="D3037" cm="1">
        <f t="array" ref="D3037">IFERROR(INDEX(Jesper!AH$2:AH$366,ROUNDDOWN($C3037/24,0)+1,1)*INDEX($D$3:$AA$30,INDEX(Jesper!$R$2:$R$366,ROW(INDEX(Jesper!AH$2:AH$366,ROUNDDOWN($C3037/24,0)+1,1))-1)+IF('Standard Profiles'!$G$18=$B$10,7,0)+IF('Standard Profiles'!$G$18=$B$17,14,0)+IF('Standard Profiles'!$G$18=$B$24,21,0),MOD($C3037,24)+1)/SUM(INDEX($D$3:$AA$30,INDEX(Jesper!$R$2:$R$366,ROW(INDEX(Jesper!AH$2:AH$366,ROUNDDOWN($C3037/24,0)+1,1))-1)+IF('Standard Profiles'!$G$18=$B$10,7,0)+IF('Standard Profiles'!$G$18=$B$17,14,0)+IF('Standard Profiles'!$G$18=$B$24,21,0),0)),0)</f>
        <v>7.3552771486303543</v>
      </c>
      <c r="E3037" cm="1">
        <f t="array" ref="E3037">IFERROR(INDEX(Jesper!AI$2:AI$366,ROUNDDOWN($C3037/24,0)+1,1)*INDEX($D$3:$AA$30,INDEX(Jesper!$R$2:$R$366,ROW(INDEX(Jesper!AI$2:AI$366,ROUNDDOWN($C3037/24,0)+1,1))-1)+IF('Standard Profiles'!$G$19=$B$10,7,0)+IF('Standard Profiles'!$G$19=$B$17,14,0)+IF('Standard Profiles'!$G$19=$B$24,21,0),MOD($C3037,24)+1)/SUM(INDEX($D$3:$AA$30,INDEX(Jesper!$R$2:$R$366,ROW(INDEX(Jesper!AI$2:AI$366,ROUNDDOWN($C3037/24,0)+1,1))-1)+IF('Standard Profiles'!$G$19=$B$10,7,0)+IF('Standard Profiles'!$G$19=$B$17,14,0)+IF('Standard Profiles'!$G$19=$B$24,21,0),0)),0)</f>
        <v>1.381392684344652</v>
      </c>
      <c r="F3037" cm="1">
        <f t="array" ref="F3037">IFERROR(INDEX(Jesper!AJ$2:AJ$366,ROUNDDOWN($C3037/24,0)+1,1)*INDEX($D$3:$AA$30,INDEX(Jesper!$R$2:$R$366,ROW(INDEX(Jesper!AJ$2:AJ$366,ROUNDDOWN($C3037/24,0)+1,1))-1)+IF('Standard Profiles'!$G$20=$B$10,7,0)+IF('Standard Profiles'!$G$20=$B$17,14,0)+IF('Standard Profiles'!$G$20=$B$24,21,0),MOD($C3037,24)+1)/SUM(INDEX($D$3:$AA$30,INDEX(Jesper!$R$2:$R$366,ROW(INDEX(Jesper!AJ$2:AJ$366,ROUNDDOWN($C3037/24,0)+1,1))-1)+IF('Standard Profiles'!$G$20=$B$10,7,0)+IF('Standard Profiles'!$G$20=$B$17,14,0)+IF('Standard Profiles'!$G$20=$B$24,21,0),0)),0)</f>
        <v>0</v>
      </c>
      <c r="G3037" cm="1">
        <f t="array" ref="G3037">IFERROR(INDEX(Jesper!AK$2:AK$366,ROUNDDOWN($C3037/24,0)+1,1)*INDEX($D$3:$AA$30,INDEX(Jesper!$R$2:$R$366,ROW(INDEX(Jesper!AK$2:AK$366,ROUNDDOWN($C3037/24,0)+1,1))-1)+IF('Standard Profiles'!$G$21=$B$10,7,0)+IF('Standard Profiles'!$G$21=$B$17,14,0)+IF('Standard Profiles'!$G$21=$B$24,21,0),MOD($C3037,24)+1)/SUM(INDEX($D$3:$AA$30,INDEX(Jesper!$R$2:$R$366,ROW(INDEX(Jesper!AK$2:AK$366,ROUNDDOWN($C3037/24,0)+1,1))-1)+IF('Standard Profiles'!$G$21=$B$10,7,0)+IF('Standard Profiles'!$G$21=$B$17,14,0)+IF('Standard Profiles'!$G$21=$B$24,21,0),0)),0)</f>
        <v>0</v>
      </c>
      <c r="H3037" cm="1">
        <f t="array" ref="H3037">IFERROR(INDEX(Jesper!AL$2:AL$366,ROUNDDOWN($C3037/24,0)+1,1)*INDEX($D$3:$AA$30,INDEX(Jesper!$R$2:$R$366,ROW(INDEX(Jesper!AL$2:AL$366,ROUNDDOWN($C3037/24,0)+1,1))-1)+IF('Standard Profiles'!$G$22=$B$10,7,0)+IF('Standard Profiles'!$G$22=$B$17,14,0)+IF('Standard Profiles'!$G$22=$B$24,21,0),MOD($C3037,24)+1)/SUM(INDEX($D$3:$AA$30,INDEX(Jesper!$R$2:$R$366,ROW(INDEX(Jesper!AL$2:AL$366,ROUNDDOWN($C3037/24,0)+1,1))-1)+IF('Standard Profiles'!$G$22=$B$10,7,0)+IF('Standard Profiles'!$G$22=$B$17,14,0)+IF('Standard Profiles'!$G$22=$B$24,21,0),0)),0)</f>
        <v>0</v>
      </c>
      <c r="I3037">
        <f t="shared" si="342"/>
        <v>0.12444979138240111</v>
      </c>
      <c r="J3037">
        <f t="shared" si="343"/>
        <v>0.41483263794133712</v>
      </c>
      <c r="K3037">
        <f t="shared" si="344"/>
        <v>0.62224895691200566</v>
      </c>
      <c r="L3037">
        <f t="shared" si="345"/>
        <v>7.5751384467392624</v>
      </c>
      <c r="M3037">
        <f t="shared" si="346"/>
        <v>0</v>
      </c>
      <c r="N3037" s="46">
        <f t="shared" si="347"/>
        <v>45417.124999992717</v>
      </c>
    </row>
    <row r="3038" spans="2:14" x14ac:dyDescent="0.3">
      <c r="B3038">
        <f t="shared" si="341"/>
        <v>7</v>
      </c>
      <c r="C3038" s="16">
        <v>3004</v>
      </c>
      <c r="D3038" cm="1">
        <f t="array" ref="D3038">IFERROR(INDEX(Jesper!AH$2:AH$366,ROUNDDOWN($C3038/24,0)+1,1)*INDEX($D$3:$AA$30,INDEX(Jesper!$R$2:$R$366,ROW(INDEX(Jesper!AH$2:AH$366,ROUNDDOWN($C3038/24,0)+1,1))-1)+IF('Standard Profiles'!$G$18=$B$10,7,0)+IF('Standard Profiles'!$G$18=$B$17,14,0)+IF('Standard Profiles'!$G$18=$B$24,21,0),MOD($C3038,24)+1)/SUM(INDEX($D$3:$AA$30,INDEX(Jesper!$R$2:$R$366,ROW(INDEX(Jesper!AH$2:AH$366,ROUNDDOWN($C3038/24,0)+1,1))-1)+IF('Standard Profiles'!$G$18=$B$10,7,0)+IF('Standard Profiles'!$G$18=$B$17,14,0)+IF('Standard Profiles'!$G$18=$B$24,21,0),0)),0)</f>
        <v>7.3552771486303543</v>
      </c>
      <c r="E3038" cm="1">
        <f t="array" ref="E3038">IFERROR(INDEX(Jesper!AI$2:AI$366,ROUNDDOWN($C3038/24,0)+1,1)*INDEX($D$3:$AA$30,INDEX(Jesper!$R$2:$R$366,ROW(INDEX(Jesper!AI$2:AI$366,ROUNDDOWN($C3038/24,0)+1,1))-1)+IF('Standard Profiles'!$G$19=$B$10,7,0)+IF('Standard Profiles'!$G$19=$B$17,14,0)+IF('Standard Profiles'!$G$19=$B$24,21,0),MOD($C3038,24)+1)/SUM(INDEX($D$3:$AA$30,INDEX(Jesper!$R$2:$R$366,ROW(INDEX(Jesper!AI$2:AI$366,ROUNDDOWN($C3038/24,0)+1,1))-1)+IF('Standard Profiles'!$G$19=$B$10,7,0)+IF('Standard Profiles'!$G$19=$B$17,14,0)+IF('Standard Profiles'!$G$19=$B$24,21,0),0)),0)</f>
        <v>1.381392684344652</v>
      </c>
      <c r="F3038" cm="1">
        <f t="array" ref="F3038">IFERROR(INDEX(Jesper!AJ$2:AJ$366,ROUNDDOWN($C3038/24,0)+1,1)*INDEX($D$3:$AA$30,INDEX(Jesper!$R$2:$R$366,ROW(INDEX(Jesper!AJ$2:AJ$366,ROUNDDOWN($C3038/24,0)+1,1))-1)+IF('Standard Profiles'!$G$20=$B$10,7,0)+IF('Standard Profiles'!$G$20=$B$17,14,0)+IF('Standard Profiles'!$G$20=$B$24,21,0),MOD($C3038,24)+1)/SUM(INDEX($D$3:$AA$30,INDEX(Jesper!$R$2:$R$366,ROW(INDEX(Jesper!AJ$2:AJ$366,ROUNDDOWN($C3038/24,0)+1,1))-1)+IF('Standard Profiles'!$G$20=$B$10,7,0)+IF('Standard Profiles'!$G$20=$B$17,14,0)+IF('Standard Profiles'!$G$20=$B$24,21,0),0)),0)</f>
        <v>0</v>
      </c>
      <c r="G3038" cm="1">
        <f t="array" ref="G3038">IFERROR(INDEX(Jesper!AK$2:AK$366,ROUNDDOWN($C3038/24,0)+1,1)*INDEX($D$3:$AA$30,INDEX(Jesper!$R$2:$R$366,ROW(INDEX(Jesper!AK$2:AK$366,ROUNDDOWN($C3038/24,0)+1,1))-1)+IF('Standard Profiles'!$G$21=$B$10,7,0)+IF('Standard Profiles'!$G$21=$B$17,14,0)+IF('Standard Profiles'!$G$21=$B$24,21,0),MOD($C3038,24)+1)/SUM(INDEX($D$3:$AA$30,INDEX(Jesper!$R$2:$R$366,ROW(INDEX(Jesper!AK$2:AK$366,ROUNDDOWN($C3038/24,0)+1,1))-1)+IF('Standard Profiles'!$G$21=$B$10,7,0)+IF('Standard Profiles'!$G$21=$B$17,14,0)+IF('Standard Profiles'!$G$21=$B$24,21,0),0)),0)</f>
        <v>0</v>
      </c>
      <c r="H3038" cm="1">
        <f t="array" ref="H3038">IFERROR(INDEX(Jesper!AL$2:AL$366,ROUNDDOWN($C3038/24,0)+1,1)*INDEX($D$3:$AA$30,INDEX(Jesper!$R$2:$R$366,ROW(INDEX(Jesper!AL$2:AL$366,ROUNDDOWN($C3038/24,0)+1,1))-1)+IF('Standard Profiles'!$G$22=$B$10,7,0)+IF('Standard Profiles'!$G$22=$B$17,14,0)+IF('Standard Profiles'!$G$22=$B$24,21,0),MOD($C3038,24)+1)/SUM(INDEX($D$3:$AA$30,INDEX(Jesper!$R$2:$R$366,ROW(INDEX(Jesper!AL$2:AL$366,ROUNDDOWN($C3038/24,0)+1,1))-1)+IF('Standard Profiles'!$G$22=$B$10,7,0)+IF('Standard Profiles'!$G$22=$B$17,14,0)+IF('Standard Profiles'!$G$22=$B$24,21,0),0)),0)</f>
        <v>0</v>
      </c>
      <c r="I3038">
        <f t="shared" si="342"/>
        <v>0.12444979138240111</v>
      </c>
      <c r="J3038">
        <f t="shared" si="343"/>
        <v>0.41483263794133712</v>
      </c>
      <c r="K3038">
        <f t="shared" si="344"/>
        <v>0.62224895691200566</v>
      </c>
      <c r="L3038">
        <f t="shared" si="345"/>
        <v>7.5751384467392624</v>
      </c>
      <c r="M3038">
        <f t="shared" si="346"/>
        <v>0</v>
      </c>
      <c r="N3038" s="46">
        <f t="shared" si="347"/>
        <v>45417.166666659381</v>
      </c>
    </row>
    <row r="3039" spans="2:14" x14ac:dyDescent="0.3">
      <c r="B3039">
        <f t="shared" si="341"/>
        <v>7</v>
      </c>
      <c r="C3039" s="16">
        <v>3005</v>
      </c>
      <c r="D3039" cm="1">
        <f t="array" ref="D3039">IFERROR(INDEX(Jesper!AH$2:AH$366,ROUNDDOWN($C3039/24,0)+1,1)*INDEX($D$3:$AA$30,INDEX(Jesper!$R$2:$R$366,ROW(INDEX(Jesper!AH$2:AH$366,ROUNDDOWN($C3039/24,0)+1,1))-1)+IF('Standard Profiles'!$G$18=$B$10,7,0)+IF('Standard Profiles'!$G$18=$B$17,14,0)+IF('Standard Profiles'!$G$18=$B$24,21,0),MOD($C3039,24)+1)/SUM(INDEX($D$3:$AA$30,INDEX(Jesper!$R$2:$R$366,ROW(INDEX(Jesper!AH$2:AH$366,ROUNDDOWN($C3039/24,0)+1,1))-1)+IF('Standard Profiles'!$G$18=$B$10,7,0)+IF('Standard Profiles'!$G$18=$B$17,14,0)+IF('Standard Profiles'!$G$18=$B$24,21,0),0)),0)</f>
        <v>9.1940964357879427</v>
      </c>
      <c r="E3039" cm="1">
        <f t="array" ref="E3039">IFERROR(INDEX(Jesper!AI$2:AI$366,ROUNDDOWN($C3039/24,0)+1,1)*INDEX($D$3:$AA$30,INDEX(Jesper!$R$2:$R$366,ROW(INDEX(Jesper!AI$2:AI$366,ROUNDDOWN($C3039/24,0)+1,1))-1)+IF('Standard Profiles'!$G$19=$B$10,7,0)+IF('Standard Profiles'!$G$19=$B$17,14,0)+IF('Standard Profiles'!$G$19=$B$24,21,0),MOD($C3039,24)+1)/SUM(INDEX($D$3:$AA$30,INDEX(Jesper!$R$2:$R$366,ROW(INDEX(Jesper!AI$2:AI$366,ROUNDDOWN($C3039/24,0)+1,1))-1)+IF('Standard Profiles'!$G$19=$B$10,7,0)+IF('Standard Profiles'!$G$19=$B$17,14,0)+IF('Standard Profiles'!$G$19=$B$24,21,0),0)),0)</f>
        <v>1.726740855430815</v>
      </c>
      <c r="F3039" cm="1">
        <f t="array" ref="F3039">IFERROR(INDEX(Jesper!AJ$2:AJ$366,ROUNDDOWN($C3039/24,0)+1,1)*INDEX($D$3:$AA$30,INDEX(Jesper!$R$2:$R$366,ROW(INDEX(Jesper!AJ$2:AJ$366,ROUNDDOWN($C3039/24,0)+1,1))-1)+IF('Standard Profiles'!$G$20=$B$10,7,0)+IF('Standard Profiles'!$G$20=$B$17,14,0)+IF('Standard Profiles'!$G$20=$B$24,21,0),MOD($C3039,24)+1)/SUM(INDEX($D$3:$AA$30,INDEX(Jesper!$R$2:$R$366,ROW(INDEX(Jesper!AJ$2:AJ$366,ROUNDDOWN($C3039/24,0)+1,1))-1)+IF('Standard Profiles'!$G$20=$B$10,7,0)+IF('Standard Profiles'!$G$20=$B$17,14,0)+IF('Standard Profiles'!$G$20=$B$24,21,0),0)),0)</f>
        <v>0</v>
      </c>
      <c r="G3039" cm="1">
        <f t="array" ref="G3039">IFERROR(INDEX(Jesper!AK$2:AK$366,ROUNDDOWN($C3039/24,0)+1,1)*INDEX($D$3:$AA$30,INDEX(Jesper!$R$2:$R$366,ROW(INDEX(Jesper!AK$2:AK$366,ROUNDDOWN($C3039/24,0)+1,1))-1)+IF('Standard Profiles'!$G$21=$B$10,7,0)+IF('Standard Profiles'!$G$21=$B$17,14,0)+IF('Standard Profiles'!$G$21=$B$24,21,0),MOD($C3039,24)+1)/SUM(INDEX($D$3:$AA$30,INDEX(Jesper!$R$2:$R$366,ROW(INDEX(Jesper!AK$2:AK$366,ROUNDDOWN($C3039/24,0)+1,1))-1)+IF('Standard Profiles'!$G$21=$B$10,7,0)+IF('Standard Profiles'!$G$21=$B$17,14,0)+IF('Standard Profiles'!$G$21=$B$24,21,0),0)),0)</f>
        <v>0</v>
      </c>
      <c r="H3039" cm="1">
        <f t="array" ref="H3039">IFERROR(INDEX(Jesper!AL$2:AL$366,ROUNDDOWN($C3039/24,0)+1,1)*INDEX($D$3:$AA$30,INDEX(Jesper!$R$2:$R$366,ROW(INDEX(Jesper!AL$2:AL$366,ROUNDDOWN($C3039/24,0)+1,1))-1)+IF('Standard Profiles'!$G$22=$B$10,7,0)+IF('Standard Profiles'!$G$22=$B$17,14,0)+IF('Standard Profiles'!$G$22=$B$24,21,0),MOD($C3039,24)+1)/SUM(INDEX($D$3:$AA$30,INDEX(Jesper!$R$2:$R$366,ROW(INDEX(Jesper!AL$2:AL$366,ROUNDDOWN($C3039/24,0)+1,1))-1)+IF('Standard Profiles'!$G$22=$B$10,7,0)+IF('Standard Profiles'!$G$22=$B$17,14,0)+IF('Standard Profiles'!$G$22=$B$24,21,0),0)),0)</f>
        <v>0</v>
      </c>
      <c r="I3039">
        <f t="shared" si="342"/>
        <v>0.15556223922800139</v>
      </c>
      <c r="J3039">
        <f t="shared" si="343"/>
        <v>0.51854079742667136</v>
      </c>
      <c r="K3039">
        <f t="shared" si="344"/>
        <v>0.77781119614000704</v>
      </c>
      <c r="L3039">
        <f t="shared" si="345"/>
        <v>9.4689230584240782</v>
      </c>
      <c r="M3039">
        <f t="shared" si="346"/>
        <v>0</v>
      </c>
      <c r="N3039" s="46">
        <f t="shared" si="347"/>
        <v>45417.208333326045</v>
      </c>
    </row>
    <row r="3040" spans="2:14" x14ac:dyDescent="0.3">
      <c r="B3040">
        <f t="shared" si="341"/>
        <v>7</v>
      </c>
      <c r="C3040" s="16">
        <v>3006</v>
      </c>
      <c r="D3040" cm="1">
        <f t="array" ref="D3040">IFERROR(INDEX(Jesper!AH$2:AH$366,ROUNDDOWN($C3040/24,0)+1,1)*INDEX($D$3:$AA$30,INDEX(Jesper!$R$2:$R$366,ROW(INDEX(Jesper!AH$2:AH$366,ROUNDDOWN($C3040/24,0)+1,1))-1)+IF('Standard Profiles'!$G$18=$B$10,7,0)+IF('Standard Profiles'!$G$18=$B$17,14,0)+IF('Standard Profiles'!$G$18=$B$24,21,0),MOD($C3040,24)+1)/SUM(INDEX($D$3:$AA$30,INDEX(Jesper!$R$2:$R$366,ROW(INDEX(Jesper!AH$2:AH$366,ROUNDDOWN($C3040/24,0)+1,1))-1)+IF('Standard Profiles'!$G$18=$B$10,7,0)+IF('Standard Profiles'!$G$18=$B$17,14,0)+IF('Standard Profiles'!$G$18=$B$24,21,0),0)),0)</f>
        <v>10.828602468816911</v>
      </c>
      <c r="E3040" cm="1">
        <f t="array" ref="E3040">IFERROR(INDEX(Jesper!AI$2:AI$366,ROUNDDOWN($C3040/24,0)+1,1)*INDEX($D$3:$AA$30,INDEX(Jesper!$R$2:$R$366,ROW(INDEX(Jesper!AI$2:AI$366,ROUNDDOWN($C3040/24,0)+1,1))-1)+IF('Standard Profiles'!$G$19=$B$10,7,0)+IF('Standard Profiles'!$G$19=$B$17,14,0)+IF('Standard Profiles'!$G$19=$B$24,21,0),MOD($C3040,24)+1)/SUM(INDEX($D$3:$AA$30,INDEX(Jesper!$R$2:$R$366,ROW(INDEX(Jesper!AI$2:AI$366,ROUNDDOWN($C3040/24,0)+1,1))-1)+IF('Standard Profiles'!$G$19=$B$10,7,0)+IF('Standard Profiles'!$G$19=$B$17,14,0)+IF('Standard Profiles'!$G$19=$B$24,21,0),0)),0)</f>
        <v>2.0337170075074047</v>
      </c>
      <c r="F3040" cm="1">
        <f t="array" ref="F3040">IFERROR(INDEX(Jesper!AJ$2:AJ$366,ROUNDDOWN($C3040/24,0)+1,1)*INDEX($D$3:$AA$30,INDEX(Jesper!$R$2:$R$366,ROW(INDEX(Jesper!AJ$2:AJ$366,ROUNDDOWN($C3040/24,0)+1,1))-1)+IF('Standard Profiles'!$G$20=$B$10,7,0)+IF('Standard Profiles'!$G$20=$B$17,14,0)+IF('Standard Profiles'!$G$20=$B$24,21,0),MOD($C3040,24)+1)/SUM(INDEX($D$3:$AA$30,INDEX(Jesper!$R$2:$R$366,ROW(INDEX(Jesper!AJ$2:AJ$366,ROUNDDOWN($C3040/24,0)+1,1))-1)+IF('Standard Profiles'!$G$20=$B$10,7,0)+IF('Standard Profiles'!$G$20=$B$17,14,0)+IF('Standard Profiles'!$G$20=$B$24,21,0),0)),0)</f>
        <v>0</v>
      </c>
      <c r="G3040" cm="1">
        <f t="array" ref="G3040">IFERROR(INDEX(Jesper!AK$2:AK$366,ROUNDDOWN($C3040/24,0)+1,1)*INDEX($D$3:$AA$30,INDEX(Jesper!$R$2:$R$366,ROW(INDEX(Jesper!AK$2:AK$366,ROUNDDOWN($C3040/24,0)+1,1))-1)+IF('Standard Profiles'!$G$21=$B$10,7,0)+IF('Standard Profiles'!$G$21=$B$17,14,0)+IF('Standard Profiles'!$G$21=$B$24,21,0),MOD($C3040,24)+1)/SUM(INDEX($D$3:$AA$30,INDEX(Jesper!$R$2:$R$366,ROW(INDEX(Jesper!AK$2:AK$366,ROUNDDOWN($C3040/24,0)+1,1))-1)+IF('Standard Profiles'!$G$21=$B$10,7,0)+IF('Standard Profiles'!$G$21=$B$17,14,0)+IF('Standard Profiles'!$G$21=$B$24,21,0),0)),0)</f>
        <v>0</v>
      </c>
      <c r="H3040" cm="1">
        <f t="array" ref="H3040">IFERROR(INDEX(Jesper!AL$2:AL$366,ROUNDDOWN($C3040/24,0)+1,1)*INDEX($D$3:$AA$30,INDEX(Jesper!$R$2:$R$366,ROW(INDEX(Jesper!AL$2:AL$366,ROUNDDOWN($C3040/24,0)+1,1))-1)+IF('Standard Profiles'!$G$22=$B$10,7,0)+IF('Standard Profiles'!$G$22=$B$17,14,0)+IF('Standard Profiles'!$G$22=$B$24,21,0),MOD($C3040,24)+1)/SUM(INDEX($D$3:$AA$30,INDEX(Jesper!$R$2:$R$366,ROW(INDEX(Jesper!AL$2:AL$366,ROUNDDOWN($C3040/24,0)+1,1))-1)+IF('Standard Profiles'!$G$22=$B$10,7,0)+IF('Standard Profiles'!$G$22=$B$17,14,0)+IF('Standard Profiles'!$G$22=$B$24,21,0),0)),0)</f>
        <v>0</v>
      </c>
      <c r="I3040">
        <f t="shared" si="342"/>
        <v>0.18321774842409055</v>
      </c>
      <c r="J3040">
        <f t="shared" si="343"/>
        <v>0.61072582808030196</v>
      </c>
      <c r="K3040">
        <f t="shared" si="344"/>
        <v>0.91608874212045288</v>
      </c>
      <c r="L3040">
        <f t="shared" si="345"/>
        <v>11.152287157699471</v>
      </c>
      <c r="M3040">
        <f t="shared" si="346"/>
        <v>0</v>
      </c>
      <c r="N3040" s="46">
        <f t="shared" si="347"/>
        <v>45417.249999992709</v>
      </c>
    </row>
    <row r="3041" spans="2:14" x14ac:dyDescent="0.3">
      <c r="B3041">
        <f t="shared" si="341"/>
        <v>7</v>
      </c>
      <c r="C3041" s="16">
        <v>3007</v>
      </c>
      <c r="D3041" cm="1">
        <f t="array" ref="D3041">IFERROR(INDEX(Jesper!AH$2:AH$366,ROUNDDOWN($C3041/24,0)+1,1)*INDEX($D$3:$AA$30,INDEX(Jesper!$R$2:$R$366,ROW(INDEX(Jesper!AH$2:AH$366,ROUNDDOWN($C3041/24,0)+1,1))-1)+IF('Standard Profiles'!$G$18=$B$10,7,0)+IF('Standard Profiles'!$G$18=$B$17,14,0)+IF('Standard Profiles'!$G$18=$B$24,21,0),MOD($C3041,24)+1)/SUM(INDEX($D$3:$AA$30,INDEX(Jesper!$R$2:$R$366,ROW(INDEX(Jesper!AH$2:AH$366,ROUNDDOWN($C3041/24,0)+1,1))-1)+IF('Standard Profiles'!$G$18=$B$10,7,0)+IF('Standard Profiles'!$G$18=$B$17,14,0)+IF('Standard Profiles'!$G$18=$B$24,21,0),0)),0)</f>
        <v>12.871735010103119</v>
      </c>
      <c r="E3041" cm="1">
        <f t="array" ref="E3041">IFERROR(INDEX(Jesper!AI$2:AI$366,ROUNDDOWN($C3041/24,0)+1,1)*INDEX($D$3:$AA$30,INDEX(Jesper!$R$2:$R$366,ROW(INDEX(Jesper!AI$2:AI$366,ROUNDDOWN($C3041/24,0)+1,1))-1)+IF('Standard Profiles'!$G$19=$B$10,7,0)+IF('Standard Profiles'!$G$19=$B$17,14,0)+IF('Standard Profiles'!$G$19=$B$24,21,0),MOD($C3041,24)+1)/SUM(INDEX($D$3:$AA$30,INDEX(Jesper!$R$2:$R$366,ROW(INDEX(Jesper!AI$2:AI$366,ROUNDDOWN($C3041/24,0)+1,1))-1)+IF('Standard Profiles'!$G$19=$B$10,7,0)+IF('Standard Profiles'!$G$19=$B$17,14,0)+IF('Standard Profiles'!$G$19=$B$24,21,0),0)),0)</f>
        <v>2.4174371976031415</v>
      </c>
      <c r="F3041" cm="1">
        <f t="array" ref="F3041">IFERROR(INDEX(Jesper!AJ$2:AJ$366,ROUNDDOWN($C3041/24,0)+1,1)*INDEX($D$3:$AA$30,INDEX(Jesper!$R$2:$R$366,ROW(INDEX(Jesper!AJ$2:AJ$366,ROUNDDOWN($C3041/24,0)+1,1))-1)+IF('Standard Profiles'!$G$20=$B$10,7,0)+IF('Standard Profiles'!$G$20=$B$17,14,0)+IF('Standard Profiles'!$G$20=$B$24,21,0),MOD($C3041,24)+1)/SUM(INDEX($D$3:$AA$30,INDEX(Jesper!$R$2:$R$366,ROW(INDEX(Jesper!AJ$2:AJ$366,ROUNDDOWN($C3041/24,0)+1,1))-1)+IF('Standard Profiles'!$G$20=$B$10,7,0)+IF('Standard Profiles'!$G$20=$B$17,14,0)+IF('Standard Profiles'!$G$20=$B$24,21,0),0)),0)</f>
        <v>0</v>
      </c>
      <c r="G3041" cm="1">
        <f t="array" ref="G3041">IFERROR(INDEX(Jesper!AK$2:AK$366,ROUNDDOWN($C3041/24,0)+1,1)*INDEX($D$3:$AA$30,INDEX(Jesper!$R$2:$R$366,ROW(INDEX(Jesper!AK$2:AK$366,ROUNDDOWN($C3041/24,0)+1,1))-1)+IF('Standard Profiles'!$G$21=$B$10,7,0)+IF('Standard Profiles'!$G$21=$B$17,14,0)+IF('Standard Profiles'!$G$21=$B$24,21,0),MOD($C3041,24)+1)/SUM(INDEX($D$3:$AA$30,INDEX(Jesper!$R$2:$R$366,ROW(INDEX(Jesper!AK$2:AK$366,ROUNDDOWN($C3041/24,0)+1,1))-1)+IF('Standard Profiles'!$G$21=$B$10,7,0)+IF('Standard Profiles'!$G$21=$B$17,14,0)+IF('Standard Profiles'!$G$21=$B$24,21,0),0)),0)</f>
        <v>0</v>
      </c>
      <c r="H3041" cm="1">
        <f t="array" ref="H3041">IFERROR(INDEX(Jesper!AL$2:AL$366,ROUNDDOWN($C3041/24,0)+1,1)*INDEX($D$3:$AA$30,INDEX(Jesper!$R$2:$R$366,ROW(INDEX(Jesper!AL$2:AL$366,ROUNDDOWN($C3041/24,0)+1,1))-1)+IF('Standard Profiles'!$G$22=$B$10,7,0)+IF('Standard Profiles'!$G$22=$B$17,14,0)+IF('Standard Profiles'!$G$22=$B$24,21,0),MOD($C3041,24)+1)/SUM(INDEX($D$3:$AA$30,INDEX(Jesper!$R$2:$R$366,ROW(INDEX(Jesper!AL$2:AL$366,ROUNDDOWN($C3041/24,0)+1,1))-1)+IF('Standard Profiles'!$G$22=$B$10,7,0)+IF('Standard Profiles'!$G$22=$B$17,14,0)+IF('Standard Profiles'!$G$22=$B$24,21,0),0)),0)</f>
        <v>0</v>
      </c>
      <c r="I3041">
        <f t="shared" si="342"/>
        <v>0.21778713491920199</v>
      </c>
      <c r="J3041">
        <f t="shared" si="343"/>
        <v>0.72595711639734006</v>
      </c>
      <c r="K3041">
        <f t="shared" si="344"/>
        <v>1.0889356745960102</v>
      </c>
      <c r="L3041">
        <f t="shared" si="345"/>
        <v>13.256492281793708</v>
      </c>
      <c r="M3041">
        <f t="shared" si="346"/>
        <v>0</v>
      </c>
      <c r="N3041" s="46">
        <f t="shared" si="347"/>
        <v>45417.291666659374</v>
      </c>
    </row>
    <row r="3042" spans="2:14" x14ac:dyDescent="0.3">
      <c r="B3042">
        <f t="shared" si="341"/>
        <v>7</v>
      </c>
      <c r="C3042" s="16">
        <v>3008</v>
      </c>
      <c r="D3042" cm="1">
        <f t="array" ref="D3042">IFERROR(INDEX(Jesper!AH$2:AH$366,ROUNDDOWN($C3042/24,0)+1,1)*INDEX($D$3:$AA$30,INDEX(Jesper!$R$2:$R$366,ROW(INDEX(Jesper!AH$2:AH$366,ROUNDDOWN($C3042/24,0)+1,1))-1)+IF('Standard Profiles'!$G$18=$B$10,7,0)+IF('Standard Profiles'!$G$18=$B$17,14,0)+IF('Standard Profiles'!$G$18=$B$24,21,0),MOD($C3042,24)+1)/SUM(INDEX($D$3:$AA$30,INDEX(Jesper!$R$2:$R$366,ROW(INDEX(Jesper!AH$2:AH$366,ROUNDDOWN($C3042/24,0)+1,1))-1)+IF('Standard Profiles'!$G$18=$B$10,7,0)+IF('Standard Profiles'!$G$18=$B$17,14,0)+IF('Standard Profiles'!$G$18=$B$24,21,0),0)),0)</f>
        <v>12.871735010103119</v>
      </c>
      <c r="E3042" cm="1">
        <f t="array" ref="E3042">IFERROR(INDEX(Jesper!AI$2:AI$366,ROUNDDOWN($C3042/24,0)+1,1)*INDEX($D$3:$AA$30,INDEX(Jesper!$R$2:$R$366,ROW(INDEX(Jesper!AI$2:AI$366,ROUNDDOWN($C3042/24,0)+1,1))-1)+IF('Standard Profiles'!$G$19=$B$10,7,0)+IF('Standard Profiles'!$G$19=$B$17,14,0)+IF('Standard Profiles'!$G$19=$B$24,21,0),MOD($C3042,24)+1)/SUM(INDEX($D$3:$AA$30,INDEX(Jesper!$R$2:$R$366,ROW(INDEX(Jesper!AI$2:AI$366,ROUNDDOWN($C3042/24,0)+1,1))-1)+IF('Standard Profiles'!$G$19=$B$10,7,0)+IF('Standard Profiles'!$G$19=$B$17,14,0)+IF('Standard Profiles'!$G$19=$B$24,21,0),0)),0)</f>
        <v>2.4174371976031415</v>
      </c>
      <c r="F3042" cm="1">
        <f t="array" ref="F3042">IFERROR(INDEX(Jesper!AJ$2:AJ$366,ROUNDDOWN($C3042/24,0)+1,1)*INDEX($D$3:$AA$30,INDEX(Jesper!$R$2:$R$366,ROW(INDEX(Jesper!AJ$2:AJ$366,ROUNDDOWN($C3042/24,0)+1,1))-1)+IF('Standard Profiles'!$G$20=$B$10,7,0)+IF('Standard Profiles'!$G$20=$B$17,14,0)+IF('Standard Profiles'!$G$20=$B$24,21,0),MOD($C3042,24)+1)/SUM(INDEX($D$3:$AA$30,INDEX(Jesper!$R$2:$R$366,ROW(INDEX(Jesper!AJ$2:AJ$366,ROUNDDOWN($C3042/24,0)+1,1))-1)+IF('Standard Profiles'!$G$20=$B$10,7,0)+IF('Standard Profiles'!$G$20=$B$17,14,0)+IF('Standard Profiles'!$G$20=$B$24,21,0),0)),0)</f>
        <v>0</v>
      </c>
      <c r="G3042" cm="1">
        <f t="array" ref="G3042">IFERROR(INDEX(Jesper!AK$2:AK$366,ROUNDDOWN($C3042/24,0)+1,1)*INDEX($D$3:$AA$30,INDEX(Jesper!$R$2:$R$366,ROW(INDEX(Jesper!AK$2:AK$366,ROUNDDOWN($C3042/24,0)+1,1))-1)+IF('Standard Profiles'!$G$21=$B$10,7,0)+IF('Standard Profiles'!$G$21=$B$17,14,0)+IF('Standard Profiles'!$G$21=$B$24,21,0),MOD($C3042,24)+1)/SUM(INDEX($D$3:$AA$30,INDEX(Jesper!$R$2:$R$366,ROW(INDEX(Jesper!AK$2:AK$366,ROUNDDOWN($C3042/24,0)+1,1))-1)+IF('Standard Profiles'!$G$21=$B$10,7,0)+IF('Standard Profiles'!$G$21=$B$17,14,0)+IF('Standard Profiles'!$G$21=$B$24,21,0),0)),0)</f>
        <v>0</v>
      </c>
      <c r="H3042" cm="1">
        <f t="array" ref="H3042">IFERROR(INDEX(Jesper!AL$2:AL$366,ROUNDDOWN($C3042/24,0)+1,1)*INDEX($D$3:$AA$30,INDEX(Jesper!$R$2:$R$366,ROW(INDEX(Jesper!AL$2:AL$366,ROUNDDOWN($C3042/24,0)+1,1))-1)+IF('Standard Profiles'!$G$22=$B$10,7,0)+IF('Standard Profiles'!$G$22=$B$17,14,0)+IF('Standard Profiles'!$G$22=$B$24,21,0),MOD($C3042,24)+1)/SUM(INDEX($D$3:$AA$30,INDEX(Jesper!$R$2:$R$366,ROW(INDEX(Jesper!AL$2:AL$366,ROUNDDOWN($C3042/24,0)+1,1))-1)+IF('Standard Profiles'!$G$22=$B$10,7,0)+IF('Standard Profiles'!$G$22=$B$17,14,0)+IF('Standard Profiles'!$G$22=$B$24,21,0),0)),0)</f>
        <v>0</v>
      </c>
      <c r="I3042">
        <f t="shared" si="342"/>
        <v>0.21778713491920199</v>
      </c>
      <c r="J3042">
        <f t="shared" si="343"/>
        <v>0.72595711639734006</v>
      </c>
      <c r="K3042">
        <f t="shared" si="344"/>
        <v>1.0889356745960102</v>
      </c>
      <c r="L3042">
        <f t="shared" si="345"/>
        <v>13.256492281793708</v>
      </c>
      <c r="M3042">
        <f t="shared" si="346"/>
        <v>0</v>
      </c>
      <c r="N3042" s="46">
        <f t="shared" si="347"/>
        <v>45417.333333326038</v>
      </c>
    </row>
    <row r="3043" spans="2:14" x14ac:dyDescent="0.3">
      <c r="B3043">
        <f t="shared" ref="B3043:B3106" si="348">WEEKDAY(N3043,2)</f>
        <v>7</v>
      </c>
      <c r="C3043" s="16">
        <v>3009</v>
      </c>
      <c r="D3043" cm="1">
        <f t="array" ref="D3043">IFERROR(INDEX(Jesper!AH$2:AH$366,ROUNDDOWN($C3043/24,0)+1,1)*INDEX($D$3:$AA$30,INDEX(Jesper!$R$2:$R$366,ROW(INDEX(Jesper!AH$2:AH$366,ROUNDDOWN($C3043/24,0)+1,1))-1)+IF('Standard Profiles'!$G$18=$B$10,7,0)+IF('Standard Profiles'!$G$18=$B$17,14,0)+IF('Standard Profiles'!$G$18=$B$24,21,0),MOD($C3043,24)+1)/SUM(INDEX($D$3:$AA$30,INDEX(Jesper!$R$2:$R$366,ROW(INDEX(Jesper!AH$2:AH$366,ROUNDDOWN($C3043/24,0)+1,1))-1)+IF('Standard Profiles'!$G$18=$B$10,7,0)+IF('Standard Profiles'!$G$18=$B$17,14,0)+IF('Standard Profiles'!$G$18=$B$24,21,0),0)),0)</f>
        <v>12.871735010103119</v>
      </c>
      <c r="E3043" cm="1">
        <f t="array" ref="E3043">IFERROR(INDEX(Jesper!AI$2:AI$366,ROUNDDOWN($C3043/24,0)+1,1)*INDEX($D$3:$AA$30,INDEX(Jesper!$R$2:$R$366,ROW(INDEX(Jesper!AI$2:AI$366,ROUNDDOWN($C3043/24,0)+1,1))-1)+IF('Standard Profiles'!$G$19=$B$10,7,0)+IF('Standard Profiles'!$G$19=$B$17,14,0)+IF('Standard Profiles'!$G$19=$B$24,21,0),MOD($C3043,24)+1)/SUM(INDEX($D$3:$AA$30,INDEX(Jesper!$R$2:$R$366,ROW(INDEX(Jesper!AI$2:AI$366,ROUNDDOWN($C3043/24,0)+1,1))-1)+IF('Standard Profiles'!$G$19=$B$10,7,0)+IF('Standard Profiles'!$G$19=$B$17,14,0)+IF('Standard Profiles'!$G$19=$B$24,21,0),0)),0)</f>
        <v>2.4174371976031415</v>
      </c>
      <c r="F3043" cm="1">
        <f t="array" ref="F3043">IFERROR(INDEX(Jesper!AJ$2:AJ$366,ROUNDDOWN($C3043/24,0)+1,1)*INDEX($D$3:$AA$30,INDEX(Jesper!$R$2:$R$366,ROW(INDEX(Jesper!AJ$2:AJ$366,ROUNDDOWN($C3043/24,0)+1,1))-1)+IF('Standard Profiles'!$G$20=$B$10,7,0)+IF('Standard Profiles'!$G$20=$B$17,14,0)+IF('Standard Profiles'!$G$20=$B$24,21,0),MOD($C3043,24)+1)/SUM(INDEX($D$3:$AA$30,INDEX(Jesper!$R$2:$R$366,ROW(INDEX(Jesper!AJ$2:AJ$366,ROUNDDOWN($C3043/24,0)+1,1))-1)+IF('Standard Profiles'!$G$20=$B$10,7,0)+IF('Standard Profiles'!$G$20=$B$17,14,0)+IF('Standard Profiles'!$G$20=$B$24,21,0),0)),0)</f>
        <v>0</v>
      </c>
      <c r="G3043" cm="1">
        <f t="array" ref="G3043">IFERROR(INDEX(Jesper!AK$2:AK$366,ROUNDDOWN($C3043/24,0)+1,1)*INDEX($D$3:$AA$30,INDEX(Jesper!$R$2:$R$366,ROW(INDEX(Jesper!AK$2:AK$366,ROUNDDOWN($C3043/24,0)+1,1))-1)+IF('Standard Profiles'!$G$21=$B$10,7,0)+IF('Standard Profiles'!$G$21=$B$17,14,0)+IF('Standard Profiles'!$G$21=$B$24,21,0),MOD($C3043,24)+1)/SUM(INDEX($D$3:$AA$30,INDEX(Jesper!$R$2:$R$366,ROW(INDEX(Jesper!AK$2:AK$366,ROUNDDOWN($C3043/24,0)+1,1))-1)+IF('Standard Profiles'!$G$21=$B$10,7,0)+IF('Standard Profiles'!$G$21=$B$17,14,0)+IF('Standard Profiles'!$G$21=$B$24,21,0),0)),0)</f>
        <v>0</v>
      </c>
      <c r="H3043" cm="1">
        <f t="array" ref="H3043">IFERROR(INDEX(Jesper!AL$2:AL$366,ROUNDDOWN($C3043/24,0)+1,1)*INDEX($D$3:$AA$30,INDEX(Jesper!$R$2:$R$366,ROW(INDEX(Jesper!AL$2:AL$366,ROUNDDOWN($C3043/24,0)+1,1))-1)+IF('Standard Profiles'!$G$22=$B$10,7,0)+IF('Standard Profiles'!$G$22=$B$17,14,0)+IF('Standard Profiles'!$G$22=$B$24,21,0),MOD($C3043,24)+1)/SUM(INDEX($D$3:$AA$30,INDEX(Jesper!$R$2:$R$366,ROW(INDEX(Jesper!AL$2:AL$366,ROUNDDOWN($C3043/24,0)+1,1))-1)+IF('Standard Profiles'!$G$22=$B$10,7,0)+IF('Standard Profiles'!$G$22=$B$17,14,0)+IF('Standard Profiles'!$G$22=$B$24,21,0),0)),0)</f>
        <v>0</v>
      </c>
      <c r="I3043">
        <f t="shared" ref="I3043:I3106" si="349">IF($B3043&lt;6,AC$37*$D3043+AC$38*$E3043+AC$39*$F3043+AC$40*$G3043,AC$46*$D3043+AC$47*$E3043+AC$48*$F3043+AC$49*$G3043+AC$50*$H3043)</f>
        <v>0.21778713491920199</v>
      </c>
      <c r="J3043">
        <f t="shared" ref="J3043:J3106" si="350">IF($B3043&lt;6,AD$37*$D3043+AD$38*$E3043+AD$39*$F3043+AD$40*$G3043,AD$46*$D3043+AD$47*$E3043+AD$48*$F3043+AD$49*$G3043+AD$50*$H3043)</f>
        <v>0.72595711639734006</v>
      </c>
      <c r="K3043">
        <f t="shared" ref="K3043:K3106" si="351">IF($B3043&lt;6,AE$37*$D3043+AE$38*$E3043+AE$39*$F3043+AE$40*$G3043,AE$46*$D3043+AE$47*$E3043+AE$48*$F3043+AE$49*$G3043+AE$50*$H3043)</f>
        <v>1.0889356745960102</v>
      </c>
      <c r="L3043">
        <f t="shared" ref="L3043:L3106" si="352">IF($B3043&lt;6,AF$37*$D3043+AF$38*$E3043+AF$39*$F3043+AF$40*$G3043,AF$46*$D3043+AF$47*$E3043+AF$48*$F3043+AF$49*$G3043+AF$50*$H3043)</f>
        <v>13.256492281793708</v>
      </c>
      <c r="M3043">
        <f t="shared" ref="M3043:M3106" si="353">IF($B3043&lt;6,AG$37*$D3043+AG$38*$E3043+AG$39*$F3043+AG$40*$G3043,AG$46*$D3043+AG$47*$E3043+AG$48*$F3043+AG$49*$G3043+AG$50*$H3043)</f>
        <v>0</v>
      </c>
      <c r="N3043" s="46">
        <f t="shared" si="347"/>
        <v>45417.374999992702</v>
      </c>
    </row>
    <row r="3044" spans="2:14" x14ac:dyDescent="0.3">
      <c r="B3044">
        <f t="shared" si="348"/>
        <v>7</v>
      </c>
      <c r="C3044" s="16">
        <v>3010</v>
      </c>
      <c r="D3044" cm="1">
        <f t="array" ref="D3044">IFERROR(INDEX(Jesper!AH$2:AH$366,ROUNDDOWN($C3044/24,0)+1,1)*INDEX($D$3:$AA$30,INDEX(Jesper!$R$2:$R$366,ROW(INDEX(Jesper!AH$2:AH$366,ROUNDDOWN($C3044/24,0)+1,1))-1)+IF('Standard Profiles'!$G$18=$B$10,7,0)+IF('Standard Profiles'!$G$18=$B$17,14,0)+IF('Standard Profiles'!$G$18=$B$24,21,0),MOD($C3044,24)+1)/SUM(INDEX($D$3:$AA$30,INDEX(Jesper!$R$2:$R$366,ROW(INDEX(Jesper!AH$2:AH$366,ROUNDDOWN($C3044/24,0)+1,1))-1)+IF('Standard Profiles'!$G$18=$B$10,7,0)+IF('Standard Profiles'!$G$18=$B$17,14,0)+IF('Standard Profiles'!$G$18=$B$24,21,0),0)),0)</f>
        <v>12.871735010103119</v>
      </c>
      <c r="E3044" cm="1">
        <f t="array" ref="E3044">IFERROR(INDEX(Jesper!AI$2:AI$366,ROUNDDOWN($C3044/24,0)+1,1)*INDEX($D$3:$AA$30,INDEX(Jesper!$R$2:$R$366,ROW(INDEX(Jesper!AI$2:AI$366,ROUNDDOWN($C3044/24,0)+1,1))-1)+IF('Standard Profiles'!$G$19=$B$10,7,0)+IF('Standard Profiles'!$G$19=$B$17,14,0)+IF('Standard Profiles'!$G$19=$B$24,21,0),MOD($C3044,24)+1)/SUM(INDEX($D$3:$AA$30,INDEX(Jesper!$R$2:$R$366,ROW(INDEX(Jesper!AI$2:AI$366,ROUNDDOWN($C3044/24,0)+1,1))-1)+IF('Standard Profiles'!$G$19=$B$10,7,0)+IF('Standard Profiles'!$G$19=$B$17,14,0)+IF('Standard Profiles'!$G$19=$B$24,21,0),0)),0)</f>
        <v>2.4174371976031415</v>
      </c>
      <c r="F3044" cm="1">
        <f t="array" ref="F3044">IFERROR(INDEX(Jesper!AJ$2:AJ$366,ROUNDDOWN($C3044/24,0)+1,1)*INDEX($D$3:$AA$30,INDEX(Jesper!$R$2:$R$366,ROW(INDEX(Jesper!AJ$2:AJ$366,ROUNDDOWN($C3044/24,0)+1,1))-1)+IF('Standard Profiles'!$G$20=$B$10,7,0)+IF('Standard Profiles'!$G$20=$B$17,14,0)+IF('Standard Profiles'!$G$20=$B$24,21,0),MOD($C3044,24)+1)/SUM(INDEX($D$3:$AA$30,INDEX(Jesper!$R$2:$R$366,ROW(INDEX(Jesper!AJ$2:AJ$366,ROUNDDOWN($C3044/24,0)+1,1))-1)+IF('Standard Profiles'!$G$20=$B$10,7,0)+IF('Standard Profiles'!$G$20=$B$17,14,0)+IF('Standard Profiles'!$G$20=$B$24,21,0),0)),0)</f>
        <v>0</v>
      </c>
      <c r="G3044" cm="1">
        <f t="array" ref="G3044">IFERROR(INDEX(Jesper!AK$2:AK$366,ROUNDDOWN($C3044/24,0)+1,1)*INDEX($D$3:$AA$30,INDEX(Jesper!$R$2:$R$366,ROW(INDEX(Jesper!AK$2:AK$366,ROUNDDOWN($C3044/24,0)+1,1))-1)+IF('Standard Profiles'!$G$21=$B$10,7,0)+IF('Standard Profiles'!$G$21=$B$17,14,0)+IF('Standard Profiles'!$G$21=$B$24,21,0),MOD($C3044,24)+1)/SUM(INDEX($D$3:$AA$30,INDEX(Jesper!$R$2:$R$366,ROW(INDEX(Jesper!AK$2:AK$366,ROUNDDOWN($C3044/24,0)+1,1))-1)+IF('Standard Profiles'!$G$21=$B$10,7,0)+IF('Standard Profiles'!$G$21=$B$17,14,0)+IF('Standard Profiles'!$G$21=$B$24,21,0),0)),0)</f>
        <v>0</v>
      </c>
      <c r="H3044" cm="1">
        <f t="array" ref="H3044">IFERROR(INDEX(Jesper!AL$2:AL$366,ROUNDDOWN($C3044/24,0)+1,1)*INDEX($D$3:$AA$30,INDEX(Jesper!$R$2:$R$366,ROW(INDEX(Jesper!AL$2:AL$366,ROUNDDOWN($C3044/24,0)+1,1))-1)+IF('Standard Profiles'!$G$22=$B$10,7,0)+IF('Standard Profiles'!$G$22=$B$17,14,0)+IF('Standard Profiles'!$G$22=$B$24,21,0),MOD($C3044,24)+1)/SUM(INDEX($D$3:$AA$30,INDEX(Jesper!$R$2:$R$366,ROW(INDEX(Jesper!AL$2:AL$366,ROUNDDOWN($C3044/24,0)+1,1))-1)+IF('Standard Profiles'!$G$22=$B$10,7,0)+IF('Standard Profiles'!$G$22=$B$17,14,0)+IF('Standard Profiles'!$G$22=$B$24,21,0),0)),0)</f>
        <v>0</v>
      </c>
      <c r="I3044">
        <f t="shared" si="349"/>
        <v>0.21778713491920199</v>
      </c>
      <c r="J3044">
        <f t="shared" si="350"/>
        <v>0.72595711639734006</v>
      </c>
      <c r="K3044">
        <f t="shared" si="351"/>
        <v>1.0889356745960102</v>
      </c>
      <c r="L3044">
        <f t="shared" si="352"/>
        <v>13.256492281793708</v>
      </c>
      <c r="M3044">
        <f t="shared" si="353"/>
        <v>0</v>
      </c>
      <c r="N3044" s="46">
        <f t="shared" ref="N3044:N3107" si="354">N3043+1/24</f>
        <v>45417.416666659366</v>
      </c>
    </row>
    <row r="3045" spans="2:14" x14ac:dyDescent="0.3">
      <c r="B3045">
        <f t="shared" si="348"/>
        <v>7</v>
      </c>
      <c r="C3045" s="16">
        <v>3011</v>
      </c>
      <c r="D3045" cm="1">
        <f t="array" ref="D3045">IFERROR(INDEX(Jesper!AH$2:AH$366,ROUNDDOWN($C3045/24,0)+1,1)*INDEX($D$3:$AA$30,INDEX(Jesper!$R$2:$R$366,ROW(INDEX(Jesper!AH$2:AH$366,ROUNDDOWN($C3045/24,0)+1,1))-1)+IF('Standard Profiles'!$G$18=$B$10,7,0)+IF('Standard Profiles'!$G$18=$B$17,14,0)+IF('Standard Profiles'!$G$18=$B$24,21,0),MOD($C3045,24)+1)/SUM(INDEX($D$3:$AA$30,INDEX(Jesper!$R$2:$R$366,ROW(INDEX(Jesper!AH$2:AH$366,ROUNDDOWN($C3045/24,0)+1,1))-1)+IF('Standard Profiles'!$G$18=$B$10,7,0)+IF('Standard Profiles'!$G$18=$B$17,14,0)+IF('Standard Profiles'!$G$18=$B$24,21,0),0)),0)</f>
        <v>12.871735010103119</v>
      </c>
      <c r="E3045" cm="1">
        <f t="array" ref="E3045">IFERROR(INDEX(Jesper!AI$2:AI$366,ROUNDDOWN($C3045/24,0)+1,1)*INDEX($D$3:$AA$30,INDEX(Jesper!$R$2:$R$366,ROW(INDEX(Jesper!AI$2:AI$366,ROUNDDOWN($C3045/24,0)+1,1))-1)+IF('Standard Profiles'!$G$19=$B$10,7,0)+IF('Standard Profiles'!$G$19=$B$17,14,0)+IF('Standard Profiles'!$G$19=$B$24,21,0),MOD($C3045,24)+1)/SUM(INDEX($D$3:$AA$30,INDEX(Jesper!$R$2:$R$366,ROW(INDEX(Jesper!AI$2:AI$366,ROUNDDOWN($C3045/24,0)+1,1))-1)+IF('Standard Profiles'!$G$19=$B$10,7,0)+IF('Standard Profiles'!$G$19=$B$17,14,0)+IF('Standard Profiles'!$G$19=$B$24,21,0),0)),0)</f>
        <v>2.4174371976031415</v>
      </c>
      <c r="F3045" cm="1">
        <f t="array" ref="F3045">IFERROR(INDEX(Jesper!AJ$2:AJ$366,ROUNDDOWN($C3045/24,0)+1,1)*INDEX($D$3:$AA$30,INDEX(Jesper!$R$2:$R$366,ROW(INDEX(Jesper!AJ$2:AJ$366,ROUNDDOWN($C3045/24,0)+1,1))-1)+IF('Standard Profiles'!$G$20=$B$10,7,0)+IF('Standard Profiles'!$G$20=$B$17,14,0)+IF('Standard Profiles'!$G$20=$B$24,21,0),MOD($C3045,24)+1)/SUM(INDEX($D$3:$AA$30,INDEX(Jesper!$R$2:$R$366,ROW(INDEX(Jesper!AJ$2:AJ$366,ROUNDDOWN($C3045/24,0)+1,1))-1)+IF('Standard Profiles'!$G$20=$B$10,7,0)+IF('Standard Profiles'!$G$20=$B$17,14,0)+IF('Standard Profiles'!$G$20=$B$24,21,0),0)),0)</f>
        <v>0</v>
      </c>
      <c r="G3045" cm="1">
        <f t="array" ref="G3045">IFERROR(INDEX(Jesper!AK$2:AK$366,ROUNDDOWN($C3045/24,0)+1,1)*INDEX($D$3:$AA$30,INDEX(Jesper!$R$2:$R$366,ROW(INDEX(Jesper!AK$2:AK$366,ROUNDDOWN($C3045/24,0)+1,1))-1)+IF('Standard Profiles'!$G$21=$B$10,7,0)+IF('Standard Profiles'!$G$21=$B$17,14,0)+IF('Standard Profiles'!$G$21=$B$24,21,0),MOD($C3045,24)+1)/SUM(INDEX($D$3:$AA$30,INDEX(Jesper!$R$2:$R$366,ROW(INDEX(Jesper!AK$2:AK$366,ROUNDDOWN($C3045/24,0)+1,1))-1)+IF('Standard Profiles'!$G$21=$B$10,7,0)+IF('Standard Profiles'!$G$21=$B$17,14,0)+IF('Standard Profiles'!$G$21=$B$24,21,0),0)),0)</f>
        <v>0</v>
      </c>
      <c r="H3045" cm="1">
        <f t="array" ref="H3045">IFERROR(INDEX(Jesper!AL$2:AL$366,ROUNDDOWN($C3045/24,0)+1,1)*INDEX($D$3:$AA$30,INDEX(Jesper!$R$2:$R$366,ROW(INDEX(Jesper!AL$2:AL$366,ROUNDDOWN($C3045/24,0)+1,1))-1)+IF('Standard Profiles'!$G$22=$B$10,7,0)+IF('Standard Profiles'!$G$22=$B$17,14,0)+IF('Standard Profiles'!$G$22=$B$24,21,0),MOD($C3045,24)+1)/SUM(INDEX($D$3:$AA$30,INDEX(Jesper!$R$2:$R$366,ROW(INDEX(Jesper!AL$2:AL$366,ROUNDDOWN($C3045/24,0)+1,1))-1)+IF('Standard Profiles'!$G$22=$B$10,7,0)+IF('Standard Profiles'!$G$22=$B$17,14,0)+IF('Standard Profiles'!$G$22=$B$24,21,0),0)),0)</f>
        <v>0</v>
      </c>
      <c r="I3045">
        <f t="shared" si="349"/>
        <v>0.21778713491920199</v>
      </c>
      <c r="J3045">
        <f t="shared" si="350"/>
        <v>0.72595711639734006</v>
      </c>
      <c r="K3045">
        <f t="shared" si="351"/>
        <v>1.0889356745960102</v>
      </c>
      <c r="L3045">
        <f t="shared" si="352"/>
        <v>13.256492281793708</v>
      </c>
      <c r="M3045">
        <f t="shared" si="353"/>
        <v>0</v>
      </c>
      <c r="N3045" s="46">
        <f t="shared" si="354"/>
        <v>45417.458333326031</v>
      </c>
    </row>
    <row r="3046" spans="2:14" x14ac:dyDescent="0.3">
      <c r="B3046">
        <f t="shared" si="348"/>
        <v>7</v>
      </c>
      <c r="C3046" s="16">
        <v>3012</v>
      </c>
      <c r="D3046" cm="1">
        <f t="array" ref="D3046">IFERROR(INDEX(Jesper!AH$2:AH$366,ROUNDDOWN($C3046/24,0)+1,1)*INDEX($D$3:$AA$30,INDEX(Jesper!$R$2:$R$366,ROW(INDEX(Jesper!AH$2:AH$366,ROUNDDOWN($C3046/24,0)+1,1))-1)+IF('Standard Profiles'!$G$18=$B$10,7,0)+IF('Standard Profiles'!$G$18=$B$17,14,0)+IF('Standard Profiles'!$G$18=$B$24,21,0),MOD($C3046,24)+1)/SUM(INDEX($D$3:$AA$30,INDEX(Jesper!$R$2:$R$366,ROW(INDEX(Jesper!AH$2:AH$366,ROUNDDOWN($C3046/24,0)+1,1))-1)+IF('Standard Profiles'!$G$18=$B$10,7,0)+IF('Standard Profiles'!$G$18=$B$17,14,0)+IF('Standard Profiles'!$G$18=$B$24,21,0),0)),0)</f>
        <v>12.871735010103119</v>
      </c>
      <c r="E3046" cm="1">
        <f t="array" ref="E3046">IFERROR(INDEX(Jesper!AI$2:AI$366,ROUNDDOWN($C3046/24,0)+1,1)*INDEX($D$3:$AA$30,INDEX(Jesper!$R$2:$R$366,ROW(INDEX(Jesper!AI$2:AI$366,ROUNDDOWN($C3046/24,0)+1,1))-1)+IF('Standard Profiles'!$G$19=$B$10,7,0)+IF('Standard Profiles'!$G$19=$B$17,14,0)+IF('Standard Profiles'!$G$19=$B$24,21,0),MOD($C3046,24)+1)/SUM(INDEX($D$3:$AA$30,INDEX(Jesper!$R$2:$R$366,ROW(INDEX(Jesper!AI$2:AI$366,ROUNDDOWN($C3046/24,0)+1,1))-1)+IF('Standard Profiles'!$G$19=$B$10,7,0)+IF('Standard Profiles'!$G$19=$B$17,14,0)+IF('Standard Profiles'!$G$19=$B$24,21,0),0)),0)</f>
        <v>2.4174371976031415</v>
      </c>
      <c r="F3046" cm="1">
        <f t="array" ref="F3046">IFERROR(INDEX(Jesper!AJ$2:AJ$366,ROUNDDOWN($C3046/24,0)+1,1)*INDEX($D$3:$AA$30,INDEX(Jesper!$R$2:$R$366,ROW(INDEX(Jesper!AJ$2:AJ$366,ROUNDDOWN($C3046/24,0)+1,1))-1)+IF('Standard Profiles'!$G$20=$B$10,7,0)+IF('Standard Profiles'!$G$20=$B$17,14,0)+IF('Standard Profiles'!$G$20=$B$24,21,0),MOD($C3046,24)+1)/SUM(INDEX($D$3:$AA$30,INDEX(Jesper!$R$2:$R$366,ROW(INDEX(Jesper!AJ$2:AJ$366,ROUNDDOWN($C3046/24,0)+1,1))-1)+IF('Standard Profiles'!$G$20=$B$10,7,0)+IF('Standard Profiles'!$G$20=$B$17,14,0)+IF('Standard Profiles'!$G$20=$B$24,21,0),0)),0)</f>
        <v>0</v>
      </c>
      <c r="G3046" cm="1">
        <f t="array" ref="G3046">IFERROR(INDEX(Jesper!AK$2:AK$366,ROUNDDOWN($C3046/24,0)+1,1)*INDEX($D$3:$AA$30,INDEX(Jesper!$R$2:$R$366,ROW(INDEX(Jesper!AK$2:AK$366,ROUNDDOWN($C3046/24,0)+1,1))-1)+IF('Standard Profiles'!$G$21=$B$10,7,0)+IF('Standard Profiles'!$G$21=$B$17,14,0)+IF('Standard Profiles'!$G$21=$B$24,21,0),MOD($C3046,24)+1)/SUM(INDEX($D$3:$AA$30,INDEX(Jesper!$R$2:$R$366,ROW(INDEX(Jesper!AK$2:AK$366,ROUNDDOWN($C3046/24,0)+1,1))-1)+IF('Standard Profiles'!$G$21=$B$10,7,0)+IF('Standard Profiles'!$G$21=$B$17,14,0)+IF('Standard Profiles'!$G$21=$B$24,21,0),0)),0)</f>
        <v>0</v>
      </c>
      <c r="H3046" cm="1">
        <f t="array" ref="H3046">IFERROR(INDEX(Jesper!AL$2:AL$366,ROUNDDOWN($C3046/24,0)+1,1)*INDEX($D$3:$AA$30,INDEX(Jesper!$R$2:$R$366,ROW(INDEX(Jesper!AL$2:AL$366,ROUNDDOWN($C3046/24,0)+1,1))-1)+IF('Standard Profiles'!$G$22=$B$10,7,0)+IF('Standard Profiles'!$G$22=$B$17,14,0)+IF('Standard Profiles'!$G$22=$B$24,21,0),MOD($C3046,24)+1)/SUM(INDEX($D$3:$AA$30,INDEX(Jesper!$R$2:$R$366,ROW(INDEX(Jesper!AL$2:AL$366,ROUNDDOWN($C3046/24,0)+1,1))-1)+IF('Standard Profiles'!$G$22=$B$10,7,0)+IF('Standard Profiles'!$G$22=$B$17,14,0)+IF('Standard Profiles'!$G$22=$B$24,21,0),0)),0)</f>
        <v>0</v>
      </c>
      <c r="I3046">
        <f t="shared" si="349"/>
        <v>0.21778713491920199</v>
      </c>
      <c r="J3046">
        <f t="shared" si="350"/>
        <v>0.72595711639734006</v>
      </c>
      <c r="K3046">
        <f t="shared" si="351"/>
        <v>1.0889356745960102</v>
      </c>
      <c r="L3046">
        <f t="shared" si="352"/>
        <v>13.256492281793708</v>
      </c>
      <c r="M3046">
        <f t="shared" si="353"/>
        <v>0</v>
      </c>
      <c r="N3046" s="46">
        <f t="shared" si="354"/>
        <v>45417.499999992695</v>
      </c>
    </row>
    <row r="3047" spans="2:14" x14ac:dyDescent="0.3">
      <c r="B3047">
        <f t="shared" si="348"/>
        <v>7</v>
      </c>
      <c r="C3047" s="16">
        <v>3013</v>
      </c>
      <c r="D3047" cm="1">
        <f t="array" ref="D3047">IFERROR(INDEX(Jesper!AH$2:AH$366,ROUNDDOWN($C3047/24,0)+1,1)*INDEX($D$3:$AA$30,INDEX(Jesper!$R$2:$R$366,ROW(INDEX(Jesper!AH$2:AH$366,ROUNDDOWN($C3047/24,0)+1,1))-1)+IF('Standard Profiles'!$G$18=$B$10,7,0)+IF('Standard Profiles'!$G$18=$B$17,14,0)+IF('Standard Profiles'!$G$18=$B$24,21,0),MOD($C3047,24)+1)/SUM(INDEX($D$3:$AA$30,INDEX(Jesper!$R$2:$R$366,ROW(INDEX(Jesper!AH$2:AH$366,ROUNDDOWN($C3047/24,0)+1,1))-1)+IF('Standard Profiles'!$G$18=$B$10,7,0)+IF('Standard Profiles'!$G$18=$B$17,14,0)+IF('Standard Profiles'!$G$18=$B$24,21,0),0)),0)</f>
        <v>12.871735010103119</v>
      </c>
      <c r="E3047" cm="1">
        <f t="array" ref="E3047">IFERROR(INDEX(Jesper!AI$2:AI$366,ROUNDDOWN($C3047/24,0)+1,1)*INDEX($D$3:$AA$30,INDEX(Jesper!$R$2:$R$366,ROW(INDEX(Jesper!AI$2:AI$366,ROUNDDOWN($C3047/24,0)+1,1))-1)+IF('Standard Profiles'!$G$19=$B$10,7,0)+IF('Standard Profiles'!$G$19=$B$17,14,0)+IF('Standard Profiles'!$G$19=$B$24,21,0),MOD($C3047,24)+1)/SUM(INDEX($D$3:$AA$30,INDEX(Jesper!$R$2:$R$366,ROW(INDEX(Jesper!AI$2:AI$366,ROUNDDOWN($C3047/24,0)+1,1))-1)+IF('Standard Profiles'!$G$19=$B$10,7,0)+IF('Standard Profiles'!$G$19=$B$17,14,0)+IF('Standard Profiles'!$G$19=$B$24,21,0),0)),0)</f>
        <v>2.4174371976031415</v>
      </c>
      <c r="F3047" cm="1">
        <f t="array" ref="F3047">IFERROR(INDEX(Jesper!AJ$2:AJ$366,ROUNDDOWN($C3047/24,0)+1,1)*INDEX($D$3:$AA$30,INDEX(Jesper!$R$2:$R$366,ROW(INDEX(Jesper!AJ$2:AJ$366,ROUNDDOWN($C3047/24,0)+1,1))-1)+IF('Standard Profiles'!$G$20=$B$10,7,0)+IF('Standard Profiles'!$G$20=$B$17,14,0)+IF('Standard Profiles'!$G$20=$B$24,21,0),MOD($C3047,24)+1)/SUM(INDEX($D$3:$AA$30,INDEX(Jesper!$R$2:$R$366,ROW(INDEX(Jesper!AJ$2:AJ$366,ROUNDDOWN($C3047/24,0)+1,1))-1)+IF('Standard Profiles'!$G$20=$B$10,7,0)+IF('Standard Profiles'!$G$20=$B$17,14,0)+IF('Standard Profiles'!$G$20=$B$24,21,0),0)),0)</f>
        <v>0</v>
      </c>
      <c r="G3047" cm="1">
        <f t="array" ref="G3047">IFERROR(INDEX(Jesper!AK$2:AK$366,ROUNDDOWN($C3047/24,0)+1,1)*INDEX($D$3:$AA$30,INDEX(Jesper!$R$2:$R$366,ROW(INDEX(Jesper!AK$2:AK$366,ROUNDDOWN($C3047/24,0)+1,1))-1)+IF('Standard Profiles'!$G$21=$B$10,7,0)+IF('Standard Profiles'!$G$21=$B$17,14,0)+IF('Standard Profiles'!$G$21=$B$24,21,0),MOD($C3047,24)+1)/SUM(INDEX($D$3:$AA$30,INDEX(Jesper!$R$2:$R$366,ROW(INDEX(Jesper!AK$2:AK$366,ROUNDDOWN($C3047/24,0)+1,1))-1)+IF('Standard Profiles'!$G$21=$B$10,7,0)+IF('Standard Profiles'!$G$21=$B$17,14,0)+IF('Standard Profiles'!$G$21=$B$24,21,0),0)),0)</f>
        <v>0</v>
      </c>
      <c r="H3047" cm="1">
        <f t="array" ref="H3047">IFERROR(INDEX(Jesper!AL$2:AL$366,ROUNDDOWN($C3047/24,0)+1,1)*INDEX($D$3:$AA$30,INDEX(Jesper!$R$2:$R$366,ROW(INDEX(Jesper!AL$2:AL$366,ROUNDDOWN($C3047/24,0)+1,1))-1)+IF('Standard Profiles'!$G$22=$B$10,7,0)+IF('Standard Profiles'!$G$22=$B$17,14,0)+IF('Standard Profiles'!$G$22=$B$24,21,0),MOD($C3047,24)+1)/SUM(INDEX($D$3:$AA$30,INDEX(Jesper!$R$2:$R$366,ROW(INDEX(Jesper!AL$2:AL$366,ROUNDDOWN($C3047/24,0)+1,1))-1)+IF('Standard Profiles'!$G$22=$B$10,7,0)+IF('Standard Profiles'!$G$22=$B$17,14,0)+IF('Standard Profiles'!$G$22=$B$24,21,0),0)),0)</f>
        <v>0</v>
      </c>
      <c r="I3047">
        <f t="shared" si="349"/>
        <v>0.21778713491920199</v>
      </c>
      <c r="J3047">
        <f t="shared" si="350"/>
        <v>0.72595711639734006</v>
      </c>
      <c r="K3047">
        <f t="shared" si="351"/>
        <v>1.0889356745960102</v>
      </c>
      <c r="L3047">
        <f t="shared" si="352"/>
        <v>13.256492281793708</v>
      </c>
      <c r="M3047">
        <f t="shared" si="353"/>
        <v>0</v>
      </c>
      <c r="N3047" s="46">
        <f t="shared" si="354"/>
        <v>45417.541666659359</v>
      </c>
    </row>
    <row r="3048" spans="2:14" x14ac:dyDescent="0.3">
      <c r="B3048">
        <f t="shared" si="348"/>
        <v>7</v>
      </c>
      <c r="C3048" s="16">
        <v>3014</v>
      </c>
      <c r="D3048" cm="1">
        <f t="array" ref="D3048">IFERROR(INDEX(Jesper!AH$2:AH$366,ROUNDDOWN($C3048/24,0)+1,1)*INDEX($D$3:$AA$30,INDEX(Jesper!$R$2:$R$366,ROW(INDEX(Jesper!AH$2:AH$366,ROUNDDOWN($C3048/24,0)+1,1))-1)+IF('Standard Profiles'!$G$18=$B$10,7,0)+IF('Standard Profiles'!$G$18=$B$17,14,0)+IF('Standard Profiles'!$G$18=$B$24,21,0),MOD($C3048,24)+1)/SUM(INDEX($D$3:$AA$30,INDEX(Jesper!$R$2:$R$366,ROW(INDEX(Jesper!AH$2:AH$366,ROUNDDOWN($C3048/24,0)+1,1))-1)+IF('Standard Profiles'!$G$18=$B$10,7,0)+IF('Standard Profiles'!$G$18=$B$17,14,0)+IF('Standard Profiles'!$G$18=$B$24,21,0),0)),0)</f>
        <v>12.871735010103119</v>
      </c>
      <c r="E3048" cm="1">
        <f t="array" ref="E3048">IFERROR(INDEX(Jesper!AI$2:AI$366,ROUNDDOWN($C3048/24,0)+1,1)*INDEX($D$3:$AA$30,INDEX(Jesper!$R$2:$R$366,ROW(INDEX(Jesper!AI$2:AI$366,ROUNDDOWN($C3048/24,0)+1,1))-1)+IF('Standard Profiles'!$G$19=$B$10,7,0)+IF('Standard Profiles'!$G$19=$B$17,14,0)+IF('Standard Profiles'!$G$19=$B$24,21,0),MOD($C3048,24)+1)/SUM(INDEX($D$3:$AA$30,INDEX(Jesper!$R$2:$R$366,ROW(INDEX(Jesper!AI$2:AI$366,ROUNDDOWN($C3048/24,0)+1,1))-1)+IF('Standard Profiles'!$G$19=$B$10,7,0)+IF('Standard Profiles'!$G$19=$B$17,14,0)+IF('Standard Profiles'!$G$19=$B$24,21,0),0)),0)</f>
        <v>2.4174371976031415</v>
      </c>
      <c r="F3048" cm="1">
        <f t="array" ref="F3048">IFERROR(INDEX(Jesper!AJ$2:AJ$366,ROUNDDOWN($C3048/24,0)+1,1)*INDEX($D$3:$AA$30,INDEX(Jesper!$R$2:$R$366,ROW(INDEX(Jesper!AJ$2:AJ$366,ROUNDDOWN($C3048/24,0)+1,1))-1)+IF('Standard Profiles'!$G$20=$B$10,7,0)+IF('Standard Profiles'!$G$20=$B$17,14,0)+IF('Standard Profiles'!$G$20=$B$24,21,0),MOD($C3048,24)+1)/SUM(INDEX($D$3:$AA$30,INDEX(Jesper!$R$2:$R$366,ROW(INDEX(Jesper!AJ$2:AJ$366,ROUNDDOWN($C3048/24,0)+1,1))-1)+IF('Standard Profiles'!$G$20=$B$10,7,0)+IF('Standard Profiles'!$G$20=$B$17,14,0)+IF('Standard Profiles'!$G$20=$B$24,21,0),0)),0)</f>
        <v>0</v>
      </c>
      <c r="G3048" cm="1">
        <f t="array" ref="G3048">IFERROR(INDEX(Jesper!AK$2:AK$366,ROUNDDOWN($C3048/24,0)+1,1)*INDEX($D$3:$AA$30,INDEX(Jesper!$R$2:$R$366,ROW(INDEX(Jesper!AK$2:AK$366,ROUNDDOWN($C3048/24,0)+1,1))-1)+IF('Standard Profiles'!$G$21=$B$10,7,0)+IF('Standard Profiles'!$G$21=$B$17,14,0)+IF('Standard Profiles'!$G$21=$B$24,21,0),MOD($C3048,24)+1)/SUM(INDEX($D$3:$AA$30,INDEX(Jesper!$R$2:$R$366,ROW(INDEX(Jesper!AK$2:AK$366,ROUNDDOWN($C3048/24,0)+1,1))-1)+IF('Standard Profiles'!$G$21=$B$10,7,0)+IF('Standard Profiles'!$G$21=$B$17,14,0)+IF('Standard Profiles'!$G$21=$B$24,21,0),0)),0)</f>
        <v>0</v>
      </c>
      <c r="H3048" cm="1">
        <f t="array" ref="H3048">IFERROR(INDEX(Jesper!AL$2:AL$366,ROUNDDOWN($C3048/24,0)+1,1)*INDEX($D$3:$AA$30,INDEX(Jesper!$R$2:$R$366,ROW(INDEX(Jesper!AL$2:AL$366,ROUNDDOWN($C3048/24,0)+1,1))-1)+IF('Standard Profiles'!$G$22=$B$10,7,0)+IF('Standard Profiles'!$G$22=$B$17,14,0)+IF('Standard Profiles'!$G$22=$B$24,21,0),MOD($C3048,24)+1)/SUM(INDEX($D$3:$AA$30,INDEX(Jesper!$R$2:$R$366,ROW(INDEX(Jesper!AL$2:AL$366,ROUNDDOWN($C3048/24,0)+1,1))-1)+IF('Standard Profiles'!$G$22=$B$10,7,0)+IF('Standard Profiles'!$G$22=$B$17,14,0)+IF('Standard Profiles'!$G$22=$B$24,21,0),0)),0)</f>
        <v>0</v>
      </c>
      <c r="I3048">
        <f t="shared" si="349"/>
        <v>0.21778713491920199</v>
      </c>
      <c r="J3048">
        <f t="shared" si="350"/>
        <v>0.72595711639734006</v>
      </c>
      <c r="K3048">
        <f t="shared" si="351"/>
        <v>1.0889356745960102</v>
      </c>
      <c r="L3048">
        <f t="shared" si="352"/>
        <v>13.256492281793708</v>
      </c>
      <c r="M3048">
        <f t="shared" si="353"/>
        <v>0</v>
      </c>
      <c r="N3048" s="46">
        <f t="shared" si="354"/>
        <v>45417.583333326023</v>
      </c>
    </row>
    <row r="3049" spans="2:14" x14ac:dyDescent="0.3">
      <c r="B3049">
        <f t="shared" si="348"/>
        <v>7</v>
      </c>
      <c r="C3049" s="16">
        <v>3015</v>
      </c>
      <c r="D3049" cm="1">
        <f t="array" ref="D3049">IFERROR(INDEX(Jesper!AH$2:AH$366,ROUNDDOWN($C3049/24,0)+1,1)*INDEX($D$3:$AA$30,INDEX(Jesper!$R$2:$R$366,ROW(INDEX(Jesper!AH$2:AH$366,ROUNDDOWN($C3049/24,0)+1,1))-1)+IF('Standard Profiles'!$G$18=$B$10,7,0)+IF('Standard Profiles'!$G$18=$B$17,14,0)+IF('Standard Profiles'!$G$18=$B$24,21,0),MOD($C3049,24)+1)/SUM(INDEX($D$3:$AA$30,INDEX(Jesper!$R$2:$R$366,ROW(INDEX(Jesper!AH$2:AH$366,ROUNDDOWN($C3049/24,0)+1,1))-1)+IF('Standard Profiles'!$G$18=$B$10,7,0)+IF('Standard Profiles'!$G$18=$B$17,14,0)+IF('Standard Profiles'!$G$18=$B$24,21,0),0)),0)</f>
        <v>11.441542231202774</v>
      </c>
      <c r="E3049" cm="1">
        <f t="array" ref="E3049">IFERROR(INDEX(Jesper!AI$2:AI$366,ROUNDDOWN($C3049/24,0)+1,1)*INDEX($D$3:$AA$30,INDEX(Jesper!$R$2:$R$366,ROW(INDEX(Jesper!AI$2:AI$366,ROUNDDOWN($C3049/24,0)+1,1))-1)+IF('Standard Profiles'!$G$19=$B$10,7,0)+IF('Standard Profiles'!$G$19=$B$17,14,0)+IF('Standard Profiles'!$G$19=$B$24,21,0),MOD($C3049,24)+1)/SUM(INDEX($D$3:$AA$30,INDEX(Jesper!$R$2:$R$366,ROW(INDEX(Jesper!AI$2:AI$366,ROUNDDOWN($C3049/24,0)+1,1))-1)+IF('Standard Profiles'!$G$19=$B$10,7,0)+IF('Standard Profiles'!$G$19=$B$17,14,0)+IF('Standard Profiles'!$G$19=$B$24,21,0),0)),0)</f>
        <v>2.1488330645361255</v>
      </c>
      <c r="F3049" cm="1">
        <f t="array" ref="F3049">IFERROR(INDEX(Jesper!AJ$2:AJ$366,ROUNDDOWN($C3049/24,0)+1,1)*INDEX($D$3:$AA$30,INDEX(Jesper!$R$2:$R$366,ROW(INDEX(Jesper!AJ$2:AJ$366,ROUNDDOWN($C3049/24,0)+1,1))-1)+IF('Standard Profiles'!$G$20=$B$10,7,0)+IF('Standard Profiles'!$G$20=$B$17,14,0)+IF('Standard Profiles'!$G$20=$B$24,21,0),MOD($C3049,24)+1)/SUM(INDEX($D$3:$AA$30,INDEX(Jesper!$R$2:$R$366,ROW(INDEX(Jesper!AJ$2:AJ$366,ROUNDDOWN($C3049/24,0)+1,1))-1)+IF('Standard Profiles'!$G$20=$B$10,7,0)+IF('Standard Profiles'!$G$20=$B$17,14,0)+IF('Standard Profiles'!$G$20=$B$24,21,0),0)),0)</f>
        <v>0</v>
      </c>
      <c r="G3049" cm="1">
        <f t="array" ref="G3049">IFERROR(INDEX(Jesper!AK$2:AK$366,ROUNDDOWN($C3049/24,0)+1,1)*INDEX($D$3:$AA$30,INDEX(Jesper!$R$2:$R$366,ROW(INDEX(Jesper!AK$2:AK$366,ROUNDDOWN($C3049/24,0)+1,1))-1)+IF('Standard Profiles'!$G$21=$B$10,7,0)+IF('Standard Profiles'!$G$21=$B$17,14,0)+IF('Standard Profiles'!$G$21=$B$24,21,0),MOD($C3049,24)+1)/SUM(INDEX($D$3:$AA$30,INDEX(Jesper!$R$2:$R$366,ROW(INDEX(Jesper!AK$2:AK$366,ROUNDDOWN($C3049/24,0)+1,1))-1)+IF('Standard Profiles'!$G$21=$B$10,7,0)+IF('Standard Profiles'!$G$21=$B$17,14,0)+IF('Standard Profiles'!$G$21=$B$24,21,0),0)),0)</f>
        <v>0</v>
      </c>
      <c r="H3049" cm="1">
        <f t="array" ref="H3049">IFERROR(INDEX(Jesper!AL$2:AL$366,ROUNDDOWN($C3049/24,0)+1,1)*INDEX($D$3:$AA$30,INDEX(Jesper!$R$2:$R$366,ROW(INDEX(Jesper!AL$2:AL$366,ROUNDDOWN($C3049/24,0)+1,1))-1)+IF('Standard Profiles'!$G$22=$B$10,7,0)+IF('Standard Profiles'!$G$22=$B$17,14,0)+IF('Standard Profiles'!$G$22=$B$24,21,0),MOD($C3049,24)+1)/SUM(INDEX($D$3:$AA$30,INDEX(Jesper!$R$2:$R$366,ROW(INDEX(Jesper!AL$2:AL$366,ROUNDDOWN($C3049/24,0)+1,1))-1)+IF('Standard Profiles'!$G$22=$B$10,7,0)+IF('Standard Profiles'!$G$22=$B$17,14,0)+IF('Standard Profiles'!$G$22=$B$24,21,0),0)),0)</f>
        <v>0</v>
      </c>
      <c r="I3049">
        <f t="shared" si="349"/>
        <v>0.19358856437262398</v>
      </c>
      <c r="J3049">
        <f t="shared" si="350"/>
        <v>0.64529521457541328</v>
      </c>
      <c r="K3049">
        <f t="shared" si="351"/>
        <v>0.96794282186311997</v>
      </c>
      <c r="L3049">
        <f t="shared" si="352"/>
        <v>11.783548694927743</v>
      </c>
      <c r="M3049">
        <f t="shared" si="353"/>
        <v>0</v>
      </c>
      <c r="N3049" s="46">
        <f t="shared" si="354"/>
        <v>45417.624999992688</v>
      </c>
    </row>
    <row r="3050" spans="2:14" x14ac:dyDescent="0.3">
      <c r="B3050">
        <f t="shared" si="348"/>
        <v>7</v>
      </c>
      <c r="C3050" s="16">
        <v>3016</v>
      </c>
      <c r="D3050" cm="1">
        <f t="array" ref="D3050">IFERROR(INDEX(Jesper!AH$2:AH$366,ROUNDDOWN($C3050/24,0)+1,1)*INDEX($D$3:$AA$30,INDEX(Jesper!$R$2:$R$366,ROW(INDEX(Jesper!AH$2:AH$366,ROUNDDOWN($C3050/24,0)+1,1))-1)+IF('Standard Profiles'!$G$18=$B$10,7,0)+IF('Standard Profiles'!$G$18=$B$17,14,0)+IF('Standard Profiles'!$G$18=$B$24,21,0),MOD($C3050,24)+1)/SUM(INDEX($D$3:$AA$30,INDEX(Jesper!$R$2:$R$366,ROW(INDEX(Jesper!AH$2:AH$366,ROUNDDOWN($C3050/24,0)+1,1))-1)+IF('Standard Profiles'!$G$18=$B$10,7,0)+IF('Standard Profiles'!$G$18=$B$17,14,0)+IF('Standard Profiles'!$G$18=$B$24,21,0),0)),0)</f>
        <v>11.237228977074151</v>
      </c>
      <c r="E3050" cm="1">
        <f t="array" ref="E3050">IFERROR(INDEX(Jesper!AI$2:AI$366,ROUNDDOWN($C3050/24,0)+1,1)*INDEX($D$3:$AA$30,INDEX(Jesper!$R$2:$R$366,ROW(INDEX(Jesper!AI$2:AI$366,ROUNDDOWN($C3050/24,0)+1,1))-1)+IF('Standard Profiles'!$G$19=$B$10,7,0)+IF('Standard Profiles'!$G$19=$B$17,14,0)+IF('Standard Profiles'!$G$19=$B$24,21,0),MOD($C3050,24)+1)/SUM(INDEX($D$3:$AA$30,INDEX(Jesper!$R$2:$R$366,ROW(INDEX(Jesper!AI$2:AI$366,ROUNDDOWN($C3050/24,0)+1,1))-1)+IF('Standard Profiles'!$G$19=$B$10,7,0)+IF('Standard Profiles'!$G$19=$B$17,14,0)+IF('Standard Profiles'!$G$19=$B$24,21,0),0)),0)</f>
        <v>2.1104610455265518</v>
      </c>
      <c r="F3050" cm="1">
        <f t="array" ref="F3050">IFERROR(INDEX(Jesper!AJ$2:AJ$366,ROUNDDOWN($C3050/24,0)+1,1)*INDEX($D$3:$AA$30,INDEX(Jesper!$R$2:$R$366,ROW(INDEX(Jesper!AJ$2:AJ$366,ROUNDDOWN($C3050/24,0)+1,1))-1)+IF('Standard Profiles'!$G$20=$B$10,7,0)+IF('Standard Profiles'!$G$20=$B$17,14,0)+IF('Standard Profiles'!$G$20=$B$24,21,0),MOD($C3050,24)+1)/SUM(INDEX($D$3:$AA$30,INDEX(Jesper!$R$2:$R$366,ROW(INDEX(Jesper!AJ$2:AJ$366,ROUNDDOWN($C3050/24,0)+1,1))-1)+IF('Standard Profiles'!$G$20=$B$10,7,0)+IF('Standard Profiles'!$G$20=$B$17,14,0)+IF('Standard Profiles'!$G$20=$B$24,21,0),0)),0)</f>
        <v>0</v>
      </c>
      <c r="G3050" cm="1">
        <f t="array" ref="G3050">IFERROR(INDEX(Jesper!AK$2:AK$366,ROUNDDOWN($C3050/24,0)+1,1)*INDEX($D$3:$AA$30,INDEX(Jesper!$R$2:$R$366,ROW(INDEX(Jesper!AK$2:AK$366,ROUNDDOWN($C3050/24,0)+1,1))-1)+IF('Standard Profiles'!$G$21=$B$10,7,0)+IF('Standard Profiles'!$G$21=$B$17,14,0)+IF('Standard Profiles'!$G$21=$B$24,21,0),MOD($C3050,24)+1)/SUM(INDEX($D$3:$AA$30,INDEX(Jesper!$R$2:$R$366,ROW(INDEX(Jesper!AK$2:AK$366,ROUNDDOWN($C3050/24,0)+1,1))-1)+IF('Standard Profiles'!$G$21=$B$10,7,0)+IF('Standard Profiles'!$G$21=$B$17,14,0)+IF('Standard Profiles'!$G$21=$B$24,21,0),0)),0)</f>
        <v>0</v>
      </c>
      <c r="H3050" cm="1">
        <f t="array" ref="H3050">IFERROR(INDEX(Jesper!AL$2:AL$366,ROUNDDOWN($C3050/24,0)+1,1)*INDEX($D$3:$AA$30,INDEX(Jesper!$R$2:$R$366,ROW(INDEX(Jesper!AL$2:AL$366,ROUNDDOWN($C3050/24,0)+1,1))-1)+IF('Standard Profiles'!$G$22=$B$10,7,0)+IF('Standard Profiles'!$G$22=$B$17,14,0)+IF('Standard Profiles'!$G$22=$B$24,21,0),MOD($C3050,24)+1)/SUM(INDEX($D$3:$AA$30,INDEX(Jesper!$R$2:$R$366,ROW(INDEX(Jesper!AL$2:AL$366,ROUNDDOWN($C3050/24,0)+1,1))-1)+IF('Standard Profiles'!$G$22=$B$10,7,0)+IF('Standard Profiles'!$G$22=$B$17,14,0)+IF('Standard Profiles'!$G$22=$B$24,21,0),0)),0)</f>
        <v>0</v>
      </c>
      <c r="I3050">
        <f t="shared" si="349"/>
        <v>0.19013162572311282</v>
      </c>
      <c r="J3050">
        <f t="shared" si="350"/>
        <v>0.63377208574370947</v>
      </c>
      <c r="K3050">
        <f t="shared" si="351"/>
        <v>0.9506581286155642</v>
      </c>
      <c r="L3050">
        <f t="shared" si="352"/>
        <v>11.573128182518317</v>
      </c>
      <c r="M3050">
        <f t="shared" si="353"/>
        <v>0</v>
      </c>
      <c r="N3050" s="46">
        <f t="shared" si="354"/>
        <v>45417.666666659352</v>
      </c>
    </row>
    <row r="3051" spans="2:14" x14ac:dyDescent="0.3">
      <c r="B3051">
        <f t="shared" si="348"/>
        <v>7</v>
      </c>
      <c r="C3051" s="16">
        <v>3017</v>
      </c>
      <c r="D3051" cm="1">
        <f t="array" ref="D3051">IFERROR(INDEX(Jesper!AH$2:AH$366,ROUNDDOWN($C3051/24,0)+1,1)*INDEX($D$3:$AA$30,INDEX(Jesper!$R$2:$R$366,ROW(INDEX(Jesper!AH$2:AH$366,ROUNDDOWN($C3051/24,0)+1,1))-1)+IF('Standard Profiles'!$G$18=$B$10,7,0)+IF('Standard Profiles'!$G$18=$B$17,14,0)+IF('Standard Profiles'!$G$18=$B$24,21,0),MOD($C3051,24)+1)/SUM(INDEX($D$3:$AA$30,INDEX(Jesper!$R$2:$R$366,ROW(INDEX(Jesper!AH$2:AH$366,ROUNDDOWN($C3051/24,0)+1,1))-1)+IF('Standard Profiles'!$G$18=$B$10,7,0)+IF('Standard Profiles'!$G$18=$B$17,14,0)+IF('Standard Profiles'!$G$18=$B$24,21,0),0)),0)</f>
        <v>9.6027229440451851</v>
      </c>
      <c r="E3051" cm="1">
        <f t="array" ref="E3051">IFERROR(INDEX(Jesper!AI$2:AI$366,ROUNDDOWN($C3051/24,0)+1,1)*INDEX($D$3:$AA$30,INDEX(Jesper!$R$2:$R$366,ROW(INDEX(Jesper!AI$2:AI$366,ROUNDDOWN($C3051/24,0)+1,1))-1)+IF('Standard Profiles'!$G$19=$B$10,7,0)+IF('Standard Profiles'!$G$19=$B$17,14,0)+IF('Standard Profiles'!$G$19=$B$24,21,0),MOD($C3051,24)+1)/SUM(INDEX($D$3:$AA$30,INDEX(Jesper!$R$2:$R$366,ROW(INDEX(Jesper!AI$2:AI$366,ROUNDDOWN($C3051/24,0)+1,1))-1)+IF('Standard Profiles'!$G$19=$B$10,7,0)+IF('Standard Profiles'!$G$19=$B$17,14,0)+IF('Standard Profiles'!$G$19=$B$24,21,0),0)),0)</f>
        <v>1.8034848934499625</v>
      </c>
      <c r="F3051" cm="1">
        <f t="array" ref="F3051">IFERROR(INDEX(Jesper!AJ$2:AJ$366,ROUNDDOWN($C3051/24,0)+1,1)*INDEX($D$3:$AA$30,INDEX(Jesper!$R$2:$R$366,ROW(INDEX(Jesper!AJ$2:AJ$366,ROUNDDOWN($C3051/24,0)+1,1))-1)+IF('Standard Profiles'!$G$20=$B$10,7,0)+IF('Standard Profiles'!$G$20=$B$17,14,0)+IF('Standard Profiles'!$G$20=$B$24,21,0),MOD($C3051,24)+1)/SUM(INDEX($D$3:$AA$30,INDEX(Jesper!$R$2:$R$366,ROW(INDEX(Jesper!AJ$2:AJ$366,ROUNDDOWN($C3051/24,0)+1,1))-1)+IF('Standard Profiles'!$G$20=$B$10,7,0)+IF('Standard Profiles'!$G$20=$B$17,14,0)+IF('Standard Profiles'!$G$20=$B$24,21,0),0)),0)</f>
        <v>0</v>
      </c>
      <c r="G3051" cm="1">
        <f t="array" ref="G3051">IFERROR(INDEX(Jesper!AK$2:AK$366,ROUNDDOWN($C3051/24,0)+1,1)*INDEX($D$3:$AA$30,INDEX(Jesper!$R$2:$R$366,ROW(INDEX(Jesper!AK$2:AK$366,ROUNDDOWN($C3051/24,0)+1,1))-1)+IF('Standard Profiles'!$G$21=$B$10,7,0)+IF('Standard Profiles'!$G$21=$B$17,14,0)+IF('Standard Profiles'!$G$21=$B$24,21,0),MOD($C3051,24)+1)/SUM(INDEX($D$3:$AA$30,INDEX(Jesper!$R$2:$R$366,ROW(INDEX(Jesper!AK$2:AK$366,ROUNDDOWN($C3051/24,0)+1,1))-1)+IF('Standard Profiles'!$G$21=$B$10,7,0)+IF('Standard Profiles'!$G$21=$B$17,14,0)+IF('Standard Profiles'!$G$21=$B$24,21,0),0)),0)</f>
        <v>0</v>
      </c>
      <c r="H3051" cm="1">
        <f t="array" ref="H3051">IFERROR(INDEX(Jesper!AL$2:AL$366,ROUNDDOWN($C3051/24,0)+1,1)*INDEX($D$3:$AA$30,INDEX(Jesper!$R$2:$R$366,ROW(INDEX(Jesper!AL$2:AL$366,ROUNDDOWN($C3051/24,0)+1,1))-1)+IF('Standard Profiles'!$G$22=$B$10,7,0)+IF('Standard Profiles'!$G$22=$B$17,14,0)+IF('Standard Profiles'!$G$22=$B$24,21,0),MOD($C3051,24)+1)/SUM(INDEX($D$3:$AA$30,INDEX(Jesper!$R$2:$R$366,ROW(INDEX(Jesper!AL$2:AL$366,ROUNDDOWN($C3051/24,0)+1,1))-1)+IF('Standard Profiles'!$G$22=$B$10,7,0)+IF('Standard Profiles'!$G$22=$B$17,14,0)+IF('Standard Profiles'!$G$22=$B$24,21,0),0)),0)</f>
        <v>0</v>
      </c>
      <c r="I3051">
        <f t="shared" si="349"/>
        <v>0.16247611652702371</v>
      </c>
      <c r="J3051">
        <f t="shared" si="350"/>
        <v>0.54158705509007909</v>
      </c>
      <c r="K3051">
        <f t="shared" si="351"/>
        <v>0.81238058263511859</v>
      </c>
      <c r="L3051">
        <f t="shared" si="352"/>
        <v>9.8897640832429268</v>
      </c>
      <c r="M3051">
        <f t="shared" si="353"/>
        <v>0</v>
      </c>
      <c r="N3051" s="46">
        <f t="shared" si="354"/>
        <v>45417.708333326016</v>
      </c>
    </row>
    <row r="3052" spans="2:14" x14ac:dyDescent="0.3">
      <c r="B3052">
        <f t="shared" si="348"/>
        <v>7</v>
      </c>
      <c r="C3052" s="16">
        <v>3018</v>
      </c>
      <c r="D3052" cm="1">
        <f t="array" ref="D3052">IFERROR(INDEX(Jesper!AH$2:AH$366,ROUNDDOWN($C3052/24,0)+1,1)*INDEX($D$3:$AA$30,INDEX(Jesper!$R$2:$R$366,ROW(INDEX(Jesper!AH$2:AH$366,ROUNDDOWN($C3052/24,0)+1,1))-1)+IF('Standard Profiles'!$G$18=$B$10,7,0)+IF('Standard Profiles'!$G$18=$B$17,14,0)+IF('Standard Profiles'!$G$18=$B$24,21,0),MOD($C3052,24)+1)/SUM(INDEX($D$3:$AA$30,INDEX(Jesper!$R$2:$R$366,ROW(INDEX(Jesper!AH$2:AH$366,ROUNDDOWN($C3052/24,0)+1,1))-1)+IF('Standard Profiles'!$G$18=$B$10,7,0)+IF('Standard Profiles'!$G$18=$B$17,14,0)+IF('Standard Profiles'!$G$18=$B$24,21,0),0)),0)</f>
        <v>8.9897831816593214</v>
      </c>
      <c r="E3052" cm="1">
        <f t="array" ref="E3052">IFERROR(INDEX(Jesper!AI$2:AI$366,ROUNDDOWN($C3052/24,0)+1,1)*INDEX($D$3:$AA$30,INDEX(Jesper!$R$2:$R$366,ROW(INDEX(Jesper!AI$2:AI$366,ROUNDDOWN($C3052/24,0)+1,1))-1)+IF('Standard Profiles'!$G$19=$B$10,7,0)+IF('Standard Profiles'!$G$19=$B$17,14,0)+IF('Standard Profiles'!$G$19=$B$24,21,0),MOD($C3052,24)+1)/SUM(INDEX($D$3:$AA$30,INDEX(Jesper!$R$2:$R$366,ROW(INDEX(Jesper!AI$2:AI$366,ROUNDDOWN($C3052/24,0)+1,1))-1)+IF('Standard Profiles'!$G$19=$B$10,7,0)+IF('Standard Profiles'!$G$19=$B$17,14,0)+IF('Standard Profiles'!$G$19=$B$24,21,0),0)),0)</f>
        <v>1.6883688364212415</v>
      </c>
      <c r="F3052" cm="1">
        <f t="array" ref="F3052">IFERROR(INDEX(Jesper!AJ$2:AJ$366,ROUNDDOWN($C3052/24,0)+1,1)*INDEX($D$3:$AA$30,INDEX(Jesper!$R$2:$R$366,ROW(INDEX(Jesper!AJ$2:AJ$366,ROUNDDOWN($C3052/24,0)+1,1))-1)+IF('Standard Profiles'!$G$20=$B$10,7,0)+IF('Standard Profiles'!$G$20=$B$17,14,0)+IF('Standard Profiles'!$G$20=$B$24,21,0),MOD($C3052,24)+1)/SUM(INDEX($D$3:$AA$30,INDEX(Jesper!$R$2:$R$366,ROW(INDEX(Jesper!AJ$2:AJ$366,ROUNDDOWN($C3052/24,0)+1,1))-1)+IF('Standard Profiles'!$G$20=$B$10,7,0)+IF('Standard Profiles'!$G$20=$B$17,14,0)+IF('Standard Profiles'!$G$20=$B$24,21,0),0)),0)</f>
        <v>0</v>
      </c>
      <c r="G3052" cm="1">
        <f t="array" ref="G3052">IFERROR(INDEX(Jesper!AK$2:AK$366,ROUNDDOWN($C3052/24,0)+1,1)*INDEX($D$3:$AA$30,INDEX(Jesper!$R$2:$R$366,ROW(INDEX(Jesper!AK$2:AK$366,ROUNDDOWN($C3052/24,0)+1,1))-1)+IF('Standard Profiles'!$G$21=$B$10,7,0)+IF('Standard Profiles'!$G$21=$B$17,14,0)+IF('Standard Profiles'!$G$21=$B$24,21,0),MOD($C3052,24)+1)/SUM(INDEX($D$3:$AA$30,INDEX(Jesper!$R$2:$R$366,ROW(INDEX(Jesper!AK$2:AK$366,ROUNDDOWN($C3052/24,0)+1,1))-1)+IF('Standard Profiles'!$G$21=$B$10,7,0)+IF('Standard Profiles'!$G$21=$B$17,14,0)+IF('Standard Profiles'!$G$21=$B$24,21,0),0)),0)</f>
        <v>0</v>
      </c>
      <c r="H3052" cm="1">
        <f t="array" ref="H3052">IFERROR(INDEX(Jesper!AL$2:AL$366,ROUNDDOWN($C3052/24,0)+1,1)*INDEX($D$3:$AA$30,INDEX(Jesper!$R$2:$R$366,ROW(INDEX(Jesper!AL$2:AL$366,ROUNDDOWN($C3052/24,0)+1,1))-1)+IF('Standard Profiles'!$G$22=$B$10,7,0)+IF('Standard Profiles'!$G$22=$B$17,14,0)+IF('Standard Profiles'!$G$22=$B$24,21,0),MOD($C3052,24)+1)/SUM(INDEX($D$3:$AA$30,INDEX(Jesper!$R$2:$R$366,ROW(INDEX(Jesper!AL$2:AL$366,ROUNDDOWN($C3052/24,0)+1,1))-1)+IF('Standard Profiles'!$G$22=$B$10,7,0)+IF('Standard Profiles'!$G$22=$B$17,14,0)+IF('Standard Profiles'!$G$22=$B$24,21,0),0)),0)</f>
        <v>0</v>
      </c>
      <c r="I3052">
        <f t="shared" si="349"/>
        <v>0.15210530057849025</v>
      </c>
      <c r="J3052">
        <f t="shared" si="350"/>
        <v>0.50701766859496755</v>
      </c>
      <c r="K3052">
        <f t="shared" si="351"/>
        <v>0.76052650289245138</v>
      </c>
      <c r="L3052">
        <f t="shared" si="352"/>
        <v>9.2585025460146539</v>
      </c>
      <c r="M3052">
        <f t="shared" si="353"/>
        <v>0</v>
      </c>
      <c r="N3052" s="46">
        <f t="shared" si="354"/>
        <v>45417.74999999268</v>
      </c>
    </row>
    <row r="3053" spans="2:14" x14ac:dyDescent="0.3">
      <c r="B3053">
        <f t="shared" si="348"/>
        <v>7</v>
      </c>
      <c r="C3053" s="16">
        <v>3019</v>
      </c>
      <c r="D3053" cm="1">
        <f t="array" ref="D3053">IFERROR(INDEX(Jesper!AH$2:AH$366,ROUNDDOWN($C3053/24,0)+1,1)*INDEX($D$3:$AA$30,INDEX(Jesper!$R$2:$R$366,ROW(INDEX(Jesper!AH$2:AH$366,ROUNDDOWN($C3053/24,0)+1,1))-1)+IF('Standard Profiles'!$G$18=$B$10,7,0)+IF('Standard Profiles'!$G$18=$B$17,14,0)+IF('Standard Profiles'!$G$18=$B$24,21,0),MOD($C3053,24)+1)/SUM(INDEX($D$3:$AA$30,INDEX(Jesper!$R$2:$R$366,ROW(INDEX(Jesper!AH$2:AH$366,ROUNDDOWN($C3053/24,0)+1,1))-1)+IF('Standard Profiles'!$G$18=$B$10,7,0)+IF('Standard Profiles'!$G$18=$B$17,14,0)+IF('Standard Profiles'!$G$18=$B$24,21,0),0)),0)</f>
        <v>7.5595904027589755</v>
      </c>
      <c r="E3053" cm="1">
        <f t="array" ref="E3053">IFERROR(INDEX(Jesper!AI$2:AI$366,ROUNDDOWN($C3053/24,0)+1,1)*INDEX($D$3:$AA$30,INDEX(Jesper!$R$2:$R$366,ROW(INDEX(Jesper!AI$2:AI$366,ROUNDDOWN($C3053/24,0)+1,1))-1)+IF('Standard Profiles'!$G$19=$B$10,7,0)+IF('Standard Profiles'!$G$19=$B$17,14,0)+IF('Standard Profiles'!$G$19=$B$24,21,0),MOD($C3053,24)+1)/SUM(INDEX($D$3:$AA$30,INDEX(Jesper!$R$2:$R$366,ROW(INDEX(Jesper!AI$2:AI$366,ROUNDDOWN($C3053/24,0)+1,1))-1)+IF('Standard Profiles'!$G$19=$B$10,7,0)+IF('Standard Profiles'!$G$19=$B$17,14,0)+IF('Standard Profiles'!$G$19=$B$24,21,0),0)),0)</f>
        <v>1.4197647033542258</v>
      </c>
      <c r="F3053" cm="1">
        <f t="array" ref="F3053">IFERROR(INDEX(Jesper!AJ$2:AJ$366,ROUNDDOWN($C3053/24,0)+1,1)*INDEX($D$3:$AA$30,INDEX(Jesper!$R$2:$R$366,ROW(INDEX(Jesper!AJ$2:AJ$366,ROUNDDOWN($C3053/24,0)+1,1))-1)+IF('Standard Profiles'!$G$20=$B$10,7,0)+IF('Standard Profiles'!$G$20=$B$17,14,0)+IF('Standard Profiles'!$G$20=$B$24,21,0),MOD($C3053,24)+1)/SUM(INDEX($D$3:$AA$30,INDEX(Jesper!$R$2:$R$366,ROW(INDEX(Jesper!AJ$2:AJ$366,ROUNDDOWN($C3053/24,0)+1,1))-1)+IF('Standard Profiles'!$G$20=$B$10,7,0)+IF('Standard Profiles'!$G$20=$B$17,14,0)+IF('Standard Profiles'!$G$20=$B$24,21,0),0)),0)</f>
        <v>0</v>
      </c>
      <c r="G3053" cm="1">
        <f t="array" ref="G3053">IFERROR(INDEX(Jesper!AK$2:AK$366,ROUNDDOWN($C3053/24,0)+1,1)*INDEX($D$3:$AA$30,INDEX(Jesper!$R$2:$R$366,ROW(INDEX(Jesper!AK$2:AK$366,ROUNDDOWN($C3053/24,0)+1,1))-1)+IF('Standard Profiles'!$G$21=$B$10,7,0)+IF('Standard Profiles'!$G$21=$B$17,14,0)+IF('Standard Profiles'!$G$21=$B$24,21,0),MOD($C3053,24)+1)/SUM(INDEX($D$3:$AA$30,INDEX(Jesper!$R$2:$R$366,ROW(INDEX(Jesper!AK$2:AK$366,ROUNDDOWN($C3053/24,0)+1,1))-1)+IF('Standard Profiles'!$G$21=$B$10,7,0)+IF('Standard Profiles'!$G$21=$B$17,14,0)+IF('Standard Profiles'!$G$21=$B$24,21,0),0)),0)</f>
        <v>0</v>
      </c>
      <c r="H3053" cm="1">
        <f t="array" ref="H3053">IFERROR(INDEX(Jesper!AL$2:AL$366,ROUNDDOWN($C3053/24,0)+1,1)*INDEX($D$3:$AA$30,INDEX(Jesper!$R$2:$R$366,ROW(INDEX(Jesper!AL$2:AL$366,ROUNDDOWN($C3053/24,0)+1,1))-1)+IF('Standard Profiles'!$G$22=$B$10,7,0)+IF('Standard Profiles'!$G$22=$B$17,14,0)+IF('Standard Profiles'!$G$22=$B$24,21,0),MOD($C3053,24)+1)/SUM(INDEX($D$3:$AA$30,INDEX(Jesper!$R$2:$R$366,ROW(INDEX(Jesper!AL$2:AL$366,ROUNDDOWN($C3053/24,0)+1,1))-1)+IF('Standard Profiles'!$G$22=$B$10,7,0)+IF('Standard Profiles'!$G$22=$B$17,14,0)+IF('Standard Profiles'!$G$22=$B$24,21,0),0)),0)</f>
        <v>0</v>
      </c>
      <c r="I3053">
        <f t="shared" si="349"/>
        <v>0.12790673003191227</v>
      </c>
      <c r="J3053">
        <f t="shared" si="350"/>
        <v>0.42635576677304093</v>
      </c>
      <c r="K3053">
        <f t="shared" si="351"/>
        <v>0.63953365015956143</v>
      </c>
      <c r="L3053">
        <f t="shared" si="352"/>
        <v>7.7855589591486867</v>
      </c>
      <c r="M3053">
        <f t="shared" si="353"/>
        <v>0</v>
      </c>
      <c r="N3053" s="46">
        <f t="shared" si="354"/>
        <v>45417.791666659345</v>
      </c>
    </row>
    <row r="3054" spans="2:14" x14ac:dyDescent="0.3">
      <c r="B3054">
        <f t="shared" si="348"/>
        <v>7</v>
      </c>
      <c r="C3054" s="16">
        <v>3020</v>
      </c>
      <c r="D3054" cm="1">
        <f t="array" ref="D3054">IFERROR(INDEX(Jesper!AH$2:AH$366,ROUNDDOWN($C3054/24,0)+1,1)*INDEX($D$3:$AA$30,INDEX(Jesper!$R$2:$R$366,ROW(INDEX(Jesper!AH$2:AH$366,ROUNDDOWN($C3054/24,0)+1,1))-1)+IF('Standard Profiles'!$G$18=$B$10,7,0)+IF('Standard Profiles'!$G$18=$B$17,14,0)+IF('Standard Profiles'!$G$18=$B$24,21,0),MOD($C3054,24)+1)/SUM(INDEX($D$3:$AA$30,INDEX(Jesper!$R$2:$R$366,ROW(INDEX(Jesper!AH$2:AH$366,ROUNDDOWN($C3054/24,0)+1,1))-1)+IF('Standard Profiles'!$G$18=$B$10,7,0)+IF('Standard Profiles'!$G$18=$B$17,14,0)+IF('Standard Profiles'!$G$18=$B$24,21,0),0)),0)</f>
        <v>6.3337108779872491</v>
      </c>
      <c r="E3054" cm="1">
        <f t="array" ref="E3054">IFERROR(INDEX(Jesper!AI$2:AI$366,ROUNDDOWN($C3054/24,0)+1,1)*INDEX($D$3:$AA$30,INDEX(Jesper!$R$2:$R$366,ROW(INDEX(Jesper!AI$2:AI$366,ROUNDDOWN($C3054/24,0)+1,1))-1)+IF('Standard Profiles'!$G$19=$B$10,7,0)+IF('Standard Profiles'!$G$19=$B$17,14,0)+IF('Standard Profiles'!$G$19=$B$24,21,0),MOD($C3054,24)+1)/SUM(INDEX($D$3:$AA$30,INDEX(Jesper!$R$2:$R$366,ROW(INDEX(Jesper!AI$2:AI$366,ROUNDDOWN($C3054/24,0)+1,1))-1)+IF('Standard Profiles'!$G$19=$B$10,7,0)+IF('Standard Profiles'!$G$19=$B$17,14,0)+IF('Standard Profiles'!$G$19=$B$24,21,0),0)),0)</f>
        <v>1.1895325892967838</v>
      </c>
      <c r="F3054" cm="1">
        <f t="array" ref="F3054">IFERROR(INDEX(Jesper!AJ$2:AJ$366,ROUNDDOWN($C3054/24,0)+1,1)*INDEX($D$3:$AA$30,INDEX(Jesper!$R$2:$R$366,ROW(INDEX(Jesper!AJ$2:AJ$366,ROUNDDOWN($C3054/24,0)+1,1))-1)+IF('Standard Profiles'!$G$20=$B$10,7,0)+IF('Standard Profiles'!$G$20=$B$17,14,0)+IF('Standard Profiles'!$G$20=$B$24,21,0),MOD($C3054,24)+1)/SUM(INDEX($D$3:$AA$30,INDEX(Jesper!$R$2:$R$366,ROW(INDEX(Jesper!AJ$2:AJ$366,ROUNDDOWN($C3054/24,0)+1,1))-1)+IF('Standard Profiles'!$G$20=$B$10,7,0)+IF('Standard Profiles'!$G$20=$B$17,14,0)+IF('Standard Profiles'!$G$20=$B$24,21,0),0)),0)</f>
        <v>0</v>
      </c>
      <c r="G3054" cm="1">
        <f t="array" ref="G3054">IFERROR(INDEX(Jesper!AK$2:AK$366,ROUNDDOWN($C3054/24,0)+1,1)*INDEX($D$3:$AA$30,INDEX(Jesper!$R$2:$R$366,ROW(INDEX(Jesper!AK$2:AK$366,ROUNDDOWN($C3054/24,0)+1,1))-1)+IF('Standard Profiles'!$G$21=$B$10,7,0)+IF('Standard Profiles'!$G$21=$B$17,14,0)+IF('Standard Profiles'!$G$21=$B$24,21,0),MOD($C3054,24)+1)/SUM(INDEX($D$3:$AA$30,INDEX(Jesper!$R$2:$R$366,ROW(INDEX(Jesper!AK$2:AK$366,ROUNDDOWN($C3054/24,0)+1,1))-1)+IF('Standard Profiles'!$G$21=$B$10,7,0)+IF('Standard Profiles'!$G$21=$B$17,14,0)+IF('Standard Profiles'!$G$21=$B$24,21,0),0)),0)</f>
        <v>0</v>
      </c>
      <c r="H3054" cm="1">
        <f t="array" ref="H3054">IFERROR(INDEX(Jesper!AL$2:AL$366,ROUNDDOWN($C3054/24,0)+1,1)*INDEX($D$3:$AA$30,INDEX(Jesper!$R$2:$R$366,ROW(INDEX(Jesper!AL$2:AL$366,ROUNDDOWN($C3054/24,0)+1,1))-1)+IF('Standard Profiles'!$G$22=$B$10,7,0)+IF('Standard Profiles'!$G$22=$B$17,14,0)+IF('Standard Profiles'!$G$22=$B$24,21,0),MOD($C3054,24)+1)/SUM(INDEX($D$3:$AA$30,INDEX(Jesper!$R$2:$R$366,ROW(INDEX(Jesper!AL$2:AL$366,ROUNDDOWN($C3054/24,0)+1,1))-1)+IF('Standard Profiles'!$G$22=$B$10,7,0)+IF('Standard Profiles'!$G$22=$B$17,14,0)+IF('Standard Profiles'!$G$22=$B$24,21,0),0)),0)</f>
        <v>0</v>
      </c>
      <c r="I3054">
        <f t="shared" si="349"/>
        <v>0.10716509813484541</v>
      </c>
      <c r="J3054">
        <f t="shared" si="350"/>
        <v>0.35721699378281813</v>
      </c>
      <c r="K3054">
        <f t="shared" si="351"/>
        <v>0.53582549067422713</v>
      </c>
      <c r="L3054">
        <f t="shared" si="352"/>
        <v>6.5230358846921419</v>
      </c>
      <c r="M3054">
        <f t="shared" si="353"/>
        <v>0</v>
      </c>
      <c r="N3054" s="46">
        <f t="shared" si="354"/>
        <v>45417.833333326009</v>
      </c>
    </row>
    <row r="3055" spans="2:14" x14ac:dyDescent="0.3">
      <c r="B3055">
        <f t="shared" si="348"/>
        <v>7</v>
      </c>
      <c r="C3055" s="16">
        <v>3021</v>
      </c>
      <c r="D3055" cm="1">
        <f t="array" ref="D3055">IFERROR(INDEX(Jesper!AH$2:AH$366,ROUNDDOWN($C3055/24,0)+1,1)*INDEX($D$3:$AA$30,INDEX(Jesper!$R$2:$R$366,ROW(INDEX(Jesper!AH$2:AH$366,ROUNDDOWN($C3055/24,0)+1,1))-1)+IF('Standard Profiles'!$G$18=$B$10,7,0)+IF('Standard Profiles'!$G$18=$B$17,14,0)+IF('Standard Profiles'!$G$18=$B$24,21,0),MOD($C3055,24)+1)/SUM(INDEX($D$3:$AA$30,INDEX(Jesper!$R$2:$R$366,ROW(INDEX(Jesper!AH$2:AH$366,ROUNDDOWN($C3055/24,0)+1,1))-1)+IF('Standard Profiles'!$G$18=$B$10,7,0)+IF('Standard Profiles'!$G$18=$B$17,14,0)+IF('Standard Profiles'!$G$18=$B$24,21,0),0)),0)</f>
        <v>5.516457861472766</v>
      </c>
      <c r="E3055" cm="1">
        <f t="array" ref="E3055">IFERROR(INDEX(Jesper!AI$2:AI$366,ROUNDDOWN($C3055/24,0)+1,1)*INDEX($D$3:$AA$30,INDEX(Jesper!$R$2:$R$366,ROW(INDEX(Jesper!AI$2:AI$366,ROUNDDOWN($C3055/24,0)+1,1))-1)+IF('Standard Profiles'!$G$19=$B$10,7,0)+IF('Standard Profiles'!$G$19=$B$17,14,0)+IF('Standard Profiles'!$G$19=$B$24,21,0),MOD($C3055,24)+1)/SUM(INDEX($D$3:$AA$30,INDEX(Jesper!$R$2:$R$366,ROW(INDEX(Jesper!AI$2:AI$366,ROUNDDOWN($C3055/24,0)+1,1))-1)+IF('Standard Profiles'!$G$19=$B$10,7,0)+IF('Standard Profiles'!$G$19=$B$17,14,0)+IF('Standard Profiles'!$G$19=$B$24,21,0),0)),0)</f>
        <v>1.0360445132584892</v>
      </c>
      <c r="F3055" cm="1">
        <f t="array" ref="F3055">IFERROR(INDEX(Jesper!AJ$2:AJ$366,ROUNDDOWN($C3055/24,0)+1,1)*INDEX($D$3:$AA$30,INDEX(Jesper!$R$2:$R$366,ROW(INDEX(Jesper!AJ$2:AJ$366,ROUNDDOWN($C3055/24,0)+1,1))-1)+IF('Standard Profiles'!$G$20=$B$10,7,0)+IF('Standard Profiles'!$G$20=$B$17,14,0)+IF('Standard Profiles'!$G$20=$B$24,21,0),MOD($C3055,24)+1)/SUM(INDEX($D$3:$AA$30,INDEX(Jesper!$R$2:$R$366,ROW(INDEX(Jesper!AJ$2:AJ$366,ROUNDDOWN($C3055/24,0)+1,1))-1)+IF('Standard Profiles'!$G$20=$B$10,7,0)+IF('Standard Profiles'!$G$20=$B$17,14,0)+IF('Standard Profiles'!$G$20=$B$24,21,0),0)),0)</f>
        <v>0</v>
      </c>
      <c r="G3055" cm="1">
        <f t="array" ref="G3055">IFERROR(INDEX(Jesper!AK$2:AK$366,ROUNDDOWN($C3055/24,0)+1,1)*INDEX($D$3:$AA$30,INDEX(Jesper!$R$2:$R$366,ROW(INDEX(Jesper!AK$2:AK$366,ROUNDDOWN($C3055/24,0)+1,1))-1)+IF('Standard Profiles'!$G$21=$B$10,7,0)+IF('Standard Profiles'!$G$21=$B$17,14,0)+IF('Standard Profiles'!$G$21=$B$24,21,0),MOD($C3055,24)+1)/SUM(INDEX($D$3:$AA$30,INDEX(Jesper!$R$2:$R$366,ROW(INDEX(Jesper!AK$2:AK$366,ROUNDDOWN($C3055/24,0)+1,1))-1)+IF('Standard Profiles'!$G$21=$B$10,7,0)+IF('Standard Profiles'!$G$21=$B$17,14,0)+IF('Standard Profiles'!$G$21=$B$24,21,0),0)),0)</f>
        <v>0</v>
      </c>
      <c r="H3055" cm="1">
        <f t="array" ref="H3055">IFERROR(INDEX(Jesper!AL$2:AL$366,ROUNDDOWN($C3055/24,0)+1,1)*INDEX($D$3:$AA$30,INDEX(Jesper!$R$2:$R$366,ROW(INDEX(Jesper!AL$2:AL$366,ROUNDDOWN($C3055/24,0)+1,1))-1)+IF('Standard Profiles'!$G$22=$B$10,7,0)+IF('Standard Profiles'!$G$22=$B$17,14,0)+IF('Standard Profiles'!$G$22=$B$24,21,0),MOD($C3055,24)+1)/SUM(INDEX($D$3:$AA$30,INDEX(Jesper!$R$2:$R$366,ROW(INDEX(Jesper!AL$2:AL$366,ROUNDDOWN($C3055/24,0)+1,1))-1)+IF('Standard Profiles'!$G$22=$B$10,7,0)+IF('Standard Profiles'!$G$22=$B$17,14,0)+IF('Standard Profiles'!$G$22=$B$24,21,0),0)),0)</f>
        <v>0</v>
      </c>
      <c r="I3055">
        <f t="shared" si="349"/>
        <v>9.3337343536800857E-2</v>
      </c>
      <c r="J3055">
        <f t="shared" si="350"/>
        <v>0.31112447845600288</v>
      </c>
      <c r="K3055">
        <f t="shared" si="351"/>
        <v>0.46668671768400433</v>
      </c>
      <c r="L3055">
        <f t="shared" si="352"/>
        <v>5.6813538350544475</v>
      </c>
      <c r="M3055">
        <f t="shared" si="353"/>
        <v>0</v>
      </c>
      <c r="N3055" s="46">
        <f t="shared" si="354"/>
        <v>45417.874999992673</v>
      </c>
    </row>
    <row r="3056" spans="2:14" x14ac:dyDescent="0.3">
      <c r="B3056">
        <f t="shared" si="348"/>
        <v>7</v>
      </c>
      <c r="C3056" s="16">
        <v>3022</v>
      </c>
      <c r="D3056" cm="1">
        <f t="array" ref="D3056">IFERROR(INDEX(Jesper!AH$2:AH$366,ROUNDDOWN($C3056/24,0)+1,1)*INDEX($D$3:$AA$30,INDEX(Jesper!$R$2:$R$366,ROW(INDEX(Jesper!AH$2:AH$366,ROUNDDOWN($C3056/24,0)+1,1))-1)+IF('Standard Profiles'!$G$18=$B$10,7,0)+IF('Standard Profiles'!$G$18=$B$17,14,0)+IF('Standard Profiles'!$G$18=$B$24,21,0),MOD($C3056,24)+1)/SUM(INDEX($D$3:$AA$30,INDEX(Jesper!$R$2:$R$366,ROW(INDEX(Jesper!AH$2:AH$366,ROUNDDOWN($C3056/24,0)+1,1))-1)+IF('Standard Profiles'!$G$18=$B$10,7,0)+IF('Standard Profiles'!$G$18=$B$17,14,0)+IF('Standard Profiles'!$G$18=$B$24,21,0),0)),0)</f>
        <v>5.516457861472766</v>
      </c>
      <c r="E3056" cm="1">
        <f t="array" ref="E3056">IFERROR(INDEX(Jesper!AI$2:AI$366,ROUNDDOWN($C3056/24,0)+1,1)*INDEX($D$3:$AA$30,INDEX(Jesper!$R$2:$R$366,ROW(INDEX(Jesper!AI$2:AI$366,ROUNDDOWN($C3056/24,0)+1,1))-1)+IF('Standard Profiles'!$G$19=$B$10,7,0)+IF('Standard Profiles'!$G$19=$B$17,14,0)+IF('Standard Profiles'!$G$19=$B$24,21,0),MOD($C3056,24)+1)/SUM(INDEX($D$3:$AA$30,INDEX(Jesper!$R$2:$R$366,ROW(INDEX(Jesper!AI$2:AI$366,ROUNDDOWN($C3056/24,0)+1,1))-1)+IF('Standard Profiles'!$G$19=$B$10,7,0)+IF('Standard Profiles'!$G$19=$B$17,14,0)+IF('Standard Profiles'!$G$19=$B$24,21,0),0)),0)</f>
        <v>1.0360445132584892</v>
      </c>
      <c r="F3056" cm="1">
        <f t="array" ref="F3056">IFERROR(INDEX(Jesper!AJ$2:AJ$366,ROUNDDOWN($C3056/24,0)+1,1)*INDEX($D$3:$AA$30,INDEX(Jesper!$R$2:$R$366,ROW(INDEX(Jesper!AJ$2:AJ$366,ROUNDDOWN($C3056/24,0)+1,1))-1)+IF('Standard Profiles'!$G$20=$B$10,7,0)+IF('Standard Profiles'!$G$20=$B$17,14,0)+IF('Standard Profiles'!$G$20=$B$24,21,0),MOD($C3056,24)+1)/SUM(INDEX($D$3:$AA$30,INDEX(Jesper!$R$2:$R$366,ROW(INDEX(Jesper!AJ$2:AJ$366,ROUNDDOWN($C3056/24,0)+1,1))-1)+IF('Standard Profiles'!$G$20=$B$10,7,0)+IF('Standard Profiles'!$G$20=$B$17,14,0)+IF('Standard Profiles'!$G$20=$B$24,21,0),0)),0)</f>
        <v>0</v>
      </c>
      <c r="G3056" cm="1">
        <f t="array" ref="G3056">IFERROR(INDEX(Jesper!AK$2:AK$366,ROUNDDOWN($C3056/24,0)+1,1)*INDEX($D$3:$AA$30,INDEX(Jesper!$R$2:$R$366,ROW(INDEX(Jesper!AK$2:AK$366,ROUNDDOWN($C3056/24,0)+1,1))-1)+IF('Standard Profiles'!$G$21=$B$10,7,0)+IF('Standard Profiles'!$G$21=$B$17,14,0)+IF('Standard Profiles'!$G$21=$B$24,21,0),MOD($C3056,24)+1)/SUM(INDEX($D$3:$AA$30,INDEX(Jesper!$R$2:$R$366,ROW(INDEX(Jesper!AK$2:AK$366,ROUNDDOWN($C3056/24,0)+1,1))-1)+IF('Standard Profiles'!$G$21=$B$10,7,0)+IF('Standard Profiles'!$G$21=$B$17,14,0)+IF('Standard Profiles'!$G$21=$B$24,21,0),0)),0)</f>
        <v>0</v>
      </c>
      <c r="H3056" cm="1">
        <f t="array" ref="H3056">IFERROR(INDEX(Jesper!AL$2:AL$366,ROUNDDOWN($C3056/24,0)+1,1)*INDEX($D$3:$AA$30,INDEX(Jesper!$R$2:$R$366,ROW(INDEX(Jesper!AL$2:AL$366,ROUNDDOWN($C3056/24,0)+1,1))-1)+IF('Standard Profiles'!$G$22=$B$10,7,0)+IF('Standard Profiles'!$G$22=$B$17,14,0)+IF('Standard Profiles'!$G$22=$B$24,21,0),MOD($C3056,24)+1)/SUM(INDEX($D$3:$AA$30,INDEX(Jesper!$R$2:$R$366,ROW(INDEX(Jesper!AL$2:AL$366,ROUNDDOWN($C3056/24,0)+1,1))-1)+IF('Standard Profiles'!$G$22=$B$10,7,0)+IF('Standard Profiles'!$G$22=$B$17,14,0)+IF('Standard Profiles'!$G$22=$B$24,21,0),0)),0)</f>
        <v>0</v>
      </c>
      <c r="I3056">
        <f t="shared" si="349"/>
        <v>9.3337343536800857E-2</v>
      </c>
      <c r="J3056">
        <f t="shared" si="350"/>
        <v>0.31112447845600288</v>
      </c>
      <c r="K3056">
        <f t="shared" si="351"/>
        <v>0.46668671768400433</v>
      </c>
      <c r="L3056">
        <f t="shared" si="352"/>
        <v>5.6813538350544475</v>
      </c>
      <c r="M3056">
        <f t="shared" si="353"/>
        <v>0</v>
      </c>
      <c r="N3056" s="46">
        <f t="shared" si="354"/>
        <v>45417.916666659337</v>
      </c>
    </row>
    <row r="3057" spans="2:14" x14ac:dyDescent="0.3">
      <c r="B3057">
        <f t="shared" si="348"/>
        <v>7</v>
      </c>
      <c r="C3057" s="16">
        <v>3023</v>
      </c>
      <c r="D3057" cm="1">
        <f t="array" ref="D3057">IFERROR(INDEX(Jesper!AH$2:AH$366,ROUNDDOWN($C3057/24,0)+1,1)*INDEX($D$3:$AA$30,INDEX(Jesper!$R$2:$R$366,ROW(INDEX(Jesper!AH$2:AH$366,ROUNDDOWN($C3057/24,0)+1,1))-1)+IF('Standard Profiles'!$G$18=$B$10,7,0)+IF('Standard Profiles'!$G$18=$B$17,14,0)+IF('Standard Profiles'!$G$18=$B$24,21,0),MOD($C3057,24)+1)/SUM(INDEX($D$3:$AA$30,INDEX(Jesper!$R$2:$R$366,ROW(INDEX(Jesper!AH$2:AH$366,ROUNDDOWN($C3057/24,0)+1,1))-1)+IF('Standard Profiles'!$G$18=$B$10,7,0)+IF('Standard Profiles'!$G$18=$B$17,14,0)+IF('Standard Profiles'!$G$18=$B$24,21,0),0)),0)</f>
        <v>5.516457861472766</v>
      </c>
      <c r="E3057" cm="1">
        <f t="array" ref="E3057">IFERROR(INDEX(Jesper!AI$2:AI$366,ROUNDDOWN($C3057/24,0)+1,1)*INDEX($D$3:$AA$30,INDEX(Jesper!$R$2:$R$366,ROW(INDEX(Jesper!AI$2:AI$366,ROUNDDOWN($C3057/24,0)+1,1))-1)+IF('Standard Profiles'!$G$19=$B$10,7,0)+IF('Standard Profiles'!$G$19=$B$17,14,0)+IF('Standard Profiles'!$G$19=$B$24,21,0),MOD($C3057,24)+1)/SUM(INDEX($D$3:$AA$30,INDEX(Jesper!$R$2:$R$366,ROW(INDEX(Jesper!AI$2:AI$366,ROUNDDOWN($C3057/24,0)+1,1))-1)+IF('Standard Profiles'!$G$19=$B$10,7,0)+IF('Standard Profiles'!$G$19=$B$17,14,0)+IF('Standard Profiles'!$G$19=$B$24,21,0),0)),0)</f>
        <v>1.0360445132584892</v>
      </c>
      <c r="F3057" cm="1">
        <f t="array" ref="F3057">IFERROR(INDEX(Jesper!AJ$2:AJ$366,ROUNDDOWN($C3057/24,0)+1,1)*INDEX($D$3:$AA$30,INDEX(Jesper!$R$2:$R$366,ROW(INDEX(Jesper!AJ$2:AJ$366,ROUNDDOWN($C3057/24,0)+1,1))-1)+IF('Standard Profiles'!$G$20=$B$10,7,0)+IF('Standard Profiles'!$G$20=$B$17,14,0)+IF('Standard Profiles'!$G$20=$B$24,21,0),MOD($C3057,24)+1)/SUM(INDEX($D$3:$AA$30,INDEX(Jesper!$R$2:$R$366,ROW(INDEX(Jesper!AJ$2:AJ$366,ROUNDDOWN($C3057/24,0)+1,1))-1)+IF('Standard Profiles'!$G$20=$B$10,7,0)+IF('Standard Profiles'!$G$20=$B$17,14,0)+IF('Standard Profiles'!$G$20=$B$24,21,0),0)),0)</f>
        <v>0</v>
      </c>
      <c r="G3057" cm="1">
        <f t="array" ref="G3057">IFERROR(INDEX(Jesper!AK$2:AK$366,ROUNDDOWN($C3057/24,0)+1,1)*INDEX($D$3:$AA$30,INDEX(Jesper!$R$2:$R$366,ROW(INDEX(Jesper!AK$2:AK$366,ROUNDDOWN($C3057/24,0)+1,1))-1)+IF('Standard Profiles'!$G$21=$B$10,7,0)+IF('Standard Profiles'!$G$21=$B$17,14,0)+IF('Standard Profiles'!$G$21=$B$24,21,0),MOD($C3057,24)+1)/SUM(INDEX($D$3:$AA$30,INDEX(Jesper!$R$2:$R$366,ROW(INDEX(Jesper!AK$2:AK$366,ROUNDDOWN($C3057/24,0)+1,1))-1)+IF('Standard Profiles'!$G$21=$B$10,7,0)+IF('Standard Profiles'!$G$21=$B$17,14,0)+IF('Standard Profiles'!$G$21=$B$24,21,0),0)),0)</f>
        <v>0</v>
      </c>
      <c r="H3057" cm="1">
        <f t="array" ref="H3057">IFERROR(INDEX(Jesper!AL$2:AL$366,ROUNDDOWN($C3057/24,0)+1,1)*INDEX($D$3:$AA$30,INDEX(Jesper!$R$2:$R$366,ROW(INDEX(Jesper!AL$2:AL$366,ROUNDDOWN($C3057/24,0)+1,1))-1)+IF('Standard Profiles'!$G$22=$B$10,7,0)+IF('Standard Profiles'!$G$22=$B$17,14,0)+IF('Standard Profiles'!$G$22=$B$24,21,0),MOD($C3057,24)+1)/SUM(INDEX($D$3:$AA$30,INDEX(Jesper!$R$2:$R$366,ROW(INDEX(Jesper!AL$2:AL$366,ROUNDDOWN($C3057/24,0)+1,1))-1)+IF('Standard Profiles'!$G$22=$B$10,7,0)+IF('Standard Profiles'!$G$22=$B$17,14,0)+IF('Standard Profiles'!$G$22=$B$24,21,0),0)),0)</f>
        <v>0</v>
      </c>
      <c r="I3057">
        <f t="shared" si="349"/>
        <v>9.3337343536800857E-2</v>
      </c>
      <c r="J3057">
        <f t="shared" si="350"/>
        <v>0.31112447845600288</v>
      </c>
      <c r="K3057">
        <f t="shared" si="351"/>
        <v>0.46668671768400433</v>
      </c>
      <c r="L3057">
        <f t="shared" si="352"/>
        <v>5.6813538350544475</v>
      </c>
      <c r="M3057">
        <f t="shared" si="353"/>
        <v>0</v>
      </c>
      <c r="N3057" s="46">
        <f t="shared" si="354"/>
        <v>45417.958333326002</v>
      </c>
    </row>
    <row r="3058" spans="2:14" x14ac:dyDescent="0.3">
      <c r="B3058">
        <f t="shared" si="348"/>
        <v>1</v>
      </c>
      <c r="C3058" s="16">
        <v>3024</v>
      </c>
      <c r="D3058" cm="1">
        <f t="array" ref="D3058">IFERROR(INDEX(Jesper!AH$2:AH$366,ROUNDDOWN($C3058/24,0)+1,1)*INDEX($D$3:$AA$30,INDEX(Jesper!$R$2:$R$366,ROW(INDEX(Jesper!AH$2:AH$366,ROUNDDOWN($C3058/24,0)+1,1))-1)+IF('Standard Profiles'!$G$18=$B$10,7,0)+IF('Standard Profiles'!$G$18=$B$17,14,0)+IF('Standard Profiles'!$G$18=$B$24,21,0),MOD($C3058,24)+1)/SUM(INDEX($D$3:$AA$30,INDEX(Jesper!$R$2:$R$366,ROW(INDEX(Jesper!AH$2:AH$366,ROUNDDOWN($C3058/24,0)+1,1))-1)+IF('Standard Profiles'!$G$18=$B$10,7,0)+IF('Standard Profiles'!$G$18=$B$17,14,0)+IF('Standard Profiles'!$G$18=$B$24,21,0),0)),0)</f>
        <v>2.4698808366338487</v>
      </c>
      <c r="E3058" cm="1">
        <f t="array" ref="E3058">IFERROR(INDEX(Jesper!AI$2:AI$366,ROUNDDOWN($C3058/24,0)+1,1)*INDEX($D$3:$AA$30,INDEX(Jesper!$R$2:$R$366,ROW(INDEX(Jesper!AI$2:AI$366,ROUNDDOWN($C3058/24,0)+1,1))-1)+IF('Standard Profiles'!$G$19=$B$10,7,0)+IF('Standard Profiles'!$G$19=$B$17,14,0)+IF('Standard Profiles'!$G$19=$B$24,21,0),MOD($C3058,24)+1)/SUM(INDEX($D$3:$AA$30,INDEX(Jesper!$R$2:$R$366,ROW(INDEX(Jesper!AI$2:AI$366,ROUNDDOWN($C3058/24,0)+1,1))-1)+IF('Standard Profiles'!$G$19=$B$10,7,0)+IF('Standard Profiles'!$G$19=$B$17,14,0)+IF('Standard Profiles'!$G$19=$B$24,21,0),0)),0)</f>
        <v>0</v>
      </c>
      <c r="F3058" cm="1">
        <f t="array" ref="F3058">IFERROR(INDEX(Jesper!AJ$2:AJ$366,ROUNDDOWN($C3058/24,0)+1,1)*INDEX($D$3:$AA$30,INDEX(Jesper!$R$2:$R$366,ROW(INDEX(Jesper!AJ$2:AJ$366,ROUNDDOWN($C3058/24,0)+1,1))-1)+IF('Standard Profiles'!$G$20=$B$10,7,0)+IF('Standard Profiles'!$G$20=$B$17,14,0)+IF('Standard Profiles'!$G$20=$B$24,21,0),MOD($C3058,24)+1)/SUM(INDEX($D$3:$AA$30,INDEX(Jesper!$R$2:$R$366,ROW(INDEX(Jesper!AJ$2:AJ$366,ROUNDDOWN($C3058/24,0)+1,1))-1)+IF('Standard Profiles'!$G$20=$B$10,7,0)+IF('Standard Profiles'!$G$20=$B$17,14,0)+IF('Standard Profiles'!$G$20=$B$24,21,0),0)),0)</f>
        <v>0</v>
      </c>
      <c r="G3058" cm="1">
        <f t="array" ref="G3058">IFERROR(INDEX(Jesper!AK$2:AK$366,ROUNDDOWN($C3058/24,0)+1,1)*INDEX($D$3:$AA$30,INDEX(Jesper!$R$2:$R$366,ROW(INDEX(Jesper!AK$2:AK$366,ROUNDDOWN($C3058/24,0)+1,1))-1)+IF('Standard Profiles'!$G$21=$B$10,7,0)+IF('Standard Profiles'!$G$21=$B$17,14,0)+IF('Standard Profiles'!$G$21=$B$24,21,0),MOD($C3058,24)+1)/SUM(INDEX($D$3:$AA$30,INDEX(Jesper!$R$2:$R$366,ROW(INDEX(Jesper!AK$2:AK$366,ROUNDDOWN($C3058/24,0)+1,1))-1)+IF('Standard Profiles'!$G$21=$B$10,7,0)+IF('Standard Profiles'!$G$21=$B$17,14,0)+IF('Standard Profiles'!$G$21=$B$24,21,0),0)),0)</f>
        <v>0</v>
      </c>
      <c r="H3058" cm="1">
        <f t="array" ref="H3058">IFERROR(INDEX(Jesper!AL$2:AL$366,ROUNDDOWN($C3058/24,0)+1,1)*INDEX($D$3:$AA$30,INDEX(Jesper!$R$2:$R$366,ROW(INDEX(Jesper!AL$2:AL$366,ROUNDDOWN($C3058/24,0)+1,1))-1)+IF('Standard Profiles'!$G$22=$B$10,7,0)+IF('Standard Profiles'!$G$22=$B$17,14,0)+IF('Standard Profiles'!$G$22=$B$24,21,0),MOD($C3058,24)+1)/SUM(INDEX($D$3:$AA$30,INDEX(Jesper!$R$2:$R$366,ROW(INDEX(Jesper!AL$2:AL$366,ROUNDDOWN($C3058/24,0)+1,1))-1)+IF('Standard Profiles'!$G$22=$B$10,7,0)+IF('Standard Profiles'!$G$22=$B$17,14,0)+IF('Standard Profiles'!$G$22=$B$24,21,0),0)),0)</f>
        <v>0</v>
      </c>
      <c r="I3058">
        <f t="shared" si="349"/>
        <v>7.4096425099015456E-2</v>
      </c>
      <c r="J3058">
        <f t="shared" si="350"/>
        <v>0.24698808366338487</v>
      </c>
      <c r="K3058">
        <f t="shared" si="351"/>
        <v>0.37048212549507731</v>
      </c>
      <c r="L3058">
        <f t="shared" si="352"/>
        <v>1.7783142023763709</v>
      </c>
      <c r="M3058">
        <f t="shared" si="353"/>
        <v>0</v>
      </c>
      <c r="N3058" s="46">
        <f t="shared" si="354"/>
        <v>45417.999999992666</v>
      </c>
    </row>
    <row r="3059" spans="2:14" x14ac:dyDescent="0.3">
      <c r="B3059">
        <f t="shared" si="348"/>
        <v>1</v>
      </c>
      <c r="C3059" s="16">
        <v>3025</v>
      </c>
      <c r="D3059" cm="1">
        <f t="array" ref="D3059">IFERROR(INDEX(Jesper!AH$2:AH$366,ROUNDDOWN($C3059/24,0)+1,1)*INDEX($D$3:$AA$30,INDEX(Jesper!$R$2:$R$366,ROW(INDEX(Jesper!AH$2:AH$366,ROUNDDOWN($C3059/24,0)+1,1))-1)+IF('Standard Profiles'!$G$18=$B$10,7,0)+IF('Standard Profiles'!$G$18=$B$17,14,0)+IF('Standard Profiles'!$G$18=$B$24,21,0),MOD($C3059,24)+1)/SUM(INDEX($D$3:$AA$30,INDEX(Jesper!$R$2:$R$366,ROW(INDEX(Jesper!AH$2:AH$366,ROUNDDOWN($C3059/24,0)+1,1))-1)+IF('Standard Profiles'!$G$18=$B$10,7,0)+IF('Standard Profiles'!$G$18=$B$17,14,0)+IF('Standard Profiles'!$G$18=$B$24,21,0),0)),0)</f>
        <v>2.4698808366338487</v>
      </c>
      <c r="E3059" cm="1">
        <f t="array" ref="E3059">IFERROR(INDEX(Jesper!AI$2:AI$366,ROUNDDOWN($C3059/24,0)+1,1)*INDEX($D$3:$AA$30,INDEX(Jesper!$R$2:$R$366,ROW(INDEX(Jesper!AI$2:AI$366,ROUNDDOWN($C3059/24,0)+1,1))-1)+IF('Standard Profiles'!$G$19=$B$10,7,0)+IF('Standard Profiles'!$G$19=$B$17,14,0)+IF('Standard Profiles'!$G$19=$B$24,21,0),MOD($C3059,24)+1)/SUM(INDEX($D$3:$AA$30,INDEX(Jesper!$R$2:$R$366,ROW(INDEX(Jesper!AI$2:AI$366,ROUNDDOWN($C3059/24,0)+1,1))-1)+IF('Standard Profiles'!$G$19=$B$10,7,0)+IF('Standard Profiles'!$G$19=$B$17,14,0)+IF('Standard Profiles'!$G$19=$B$24,21,0),0)),0)</f>
        <v>0</v>
      </c>
      <c r="F3059" cm="1">
        <f t="array" ref="F3059">IFERROR(INDEX(Jesper!AJ$2:AJ$366,ROUNDDOWN($C3059/24,0)+1,1)*INDEX($D$3:$AA$30,INDEX(Jesper!$R$2:$R$366,ROW(INDEX(Jesper!AJ$2:AJ$366,ROUNDDOWN($C3059/24,0)+1,1))-1)+IF('Standard Profiles'!$G$20=$B$10,7,0)+IF('Standard Profiles'!$G$20=$B$17,14,0)+IF('Standard Profiles'!$G$20=$B$24,21,0),MOD($C3059,24)+1)/SUM(INDEX($D$3:$AA$30,INDEX(Jesper!$R$2:$R$366,ROW(INDEX(Jesper!AJ$2:AJ$366,ROUNDDOWN($C3059/24,0)+1,1))-1)+IF('Standard Profiles'!$G$20=$B$10,7,0)+IF('Standard Profiles'!$G$20=$B$17,14,0)+IF('Standard Profiles'!$G$20=$B$24,21,0),0)),0)</f>
        <v>0</v>
      </c>
      <c r="G3059" cm="1">
        <f t="array" ref="G3059">IFERROR(INDEX(Jesper!AK$2:AK$366,ROUNDDOWN($C3059/24,0)+1,1)*INDEX($D$3:$AA$30,INDEX(Jesper!$R$2:$R$366,ROW(INDEX(Jesper!AK$2:AK$366,ROUNDDOWN($C3059/24,0)+1,1))-1)+IF('Standard Profiles'!$G$21=$B$10,7,0)+IF('Standard Profiles'!$G$21=$B$17,14,0)+IF('Standard Profiles'!$G$21=$B$24,21,0),MOD($C3059,24)+1)/SUM(INDEX($D$3:$AA$30,INDEX(Jesper!$R$2:$R$366,ROW(INDEX(Jesper!AK$2:AK$366,ROUNDDOWN($C3059/24,0)+1,1))-1)+IF('Standard Profiles'!$G$21=$B$10,7,0)+IF('Standard Profiles'!$G$21=$B$17,14,0)+IF('Standard Profiles'!$G$21=$B$24,21,0),0)),0)</f>
        <v>0</v>
      </c>
      <c r="H3059" cm="1">
        <f t="array" ref="H3059">IFERROR(INDEX(Jesper!AL$2:AL$366,ROUNDDOWN($C3059/24,0)+1,1)*INDEX($D$3:$AA$30,INDEX(Jesper!$R$2:$R$366,ROW(INDEX(Jesper!AL$2:AL$366,ROUNDDOWN($C3059/24,0)+1,1))-1)+IF('Standard Profiles'!$G$22=$B$10,7,0)+IF('Standard Profiles'!$G$22=$B$17,14,0)+IF('Standard Profiles'!$G$22=$B$24,21,0),MOD($C3059,24)+1)/SUM(INDEX($D$3:$AA$30,INDEX(Jesper!$R$2:$R$366,ROW(INDEX(Jesper!AL$2:AL$366,ROUNDDOWN($C3059/24,0)+1,1))-1)+IF('Standard Profiles'!$G$22=$B$10,7,0)+IF('Standard Profiles'!$G$22=$B$17,14,0)+IF('Standard Profiles'!$G$22=$B$24,21,0),0)),0)</f>
        <v>0</v>
      </c>
      <c r="I3059">
        <f t="shared" si="349"/>
        <v>7.4096425099015456E-2</v>
      </c>
      <c r="J3059">
        <f t="shared" si="350"/>
        <v>0.24698808366338487</v>
      </c>
      <c r="K3059">
        <f t="shared" si="351"/>
        <v>0.37048212549507731</v>
      </c>
      <c r="L3059">
        <f t="shared" si="352"/>
        <v>1.7783142023763709</v>
      </c>
      <c r="M3059">
        <f t="shared" si="353"/>
        <v>0</v>
      </c>
      <c r="N3059" s="46">
        <f t="shared" si="354"/>
        <v>45418.04166665933</v>
      </c>
    </row>
    <row r="3060" spans="2:14" x14ac:dyDescent="0.3">
      <c r="B3060">
        <f t="shared" si="348"/>
        <v>1</v>
      </c>
      <c r="C3060" s="16">
        <v>3026</v>
      </c>
      <c r="D3060" cm="1">
        <f t="array" ref="D3060">IFERROR(INDEX(Jesper!AH$2:AH$366,ROUNDDOWN($C3060/24,0)+1,1)*INDEX($D$3:$AA$30,INDEX(Jesper!$R$2:$R$366,ROW(INDEX(Jesper!AH$2:AH$366,ROUNDDOWN($C3060/24,0)+1,1))-1)+IF('Standard Profiles'!$G$18=$B$10,7,0)+IF('Standard Profiles'!$G$18=$B$17,14,0)+IF('Standard Profiles'!$G$18=$B$24,21,0),MOD($C3060,24)+1)/SUM(INDEX($D$3:$AA$30,INDEX(Jesper!$R$2:$R$366,ROW(INDEX(Jesper!AH$2:AH$366,ROUNDDOWN($C3060/24,0)+1,1))-1)+IF('Standard Profiles'!$G$18=$B$10,7,0)+IF('Standard Profiles'!$G$18=$B$17,14,0)+IF('Standard Profiles'!$G$18=$B$24,21,0),0)),0)</f>
        <v>2.4698808366338487</v>
      </c>
      <c r="E3060" cm="1">
        <f t="array" ref="E3060">IFERROR(INDEX(Jesper!AI$2:AI$366,ROUNDDOWN($C3060/24,0)+1,1)*INDEX($D$3:$AA$30,INDEX(Jesper!$R$2:$R$366,ROW(INDEX(Jesper!AI$2:AI$366,ROUNDDOWN($C3060/24,0)+1,1))-1)+IF('Standard Profiles'!$G$19=$B$10,7,0)+IF('Standard Profiles'!$G$19=$B$17,14,0)+IF('Standard Profiles'!$G$19=$B$24,21,0),MOD($C3060,24)+1)/SUM(INDEX($D$3:$AA$30,INDEX(Jesper!$R$2:$R$366,ROW(INDEX(Jesper!AI$2:AI$366,ROUNDDOWN($C3060/24,0)+1,1))-1)+IF('Standard Profiles'!$G$19=$B$10,7,0)+IF('Standard Profiles'!$G$19=$B$17,14,0)+IF('Standard Profiles'!$G$19=$B$24,21,0),0)),0)</f>
        <v>0</v>
      </c>
      <c r="F3060" cm="1">
        <f t="array" ref="F3060">IFERROR(INDEX(Jesper!AJ$2:AJ$366,ROUNDDOWN($C3060/24,0)+1,1)*INDEX($D$3:$AA$30,INDEX(Jesper!$R$2:$R$366,ROW(INDEX(Jesper!AJ$2:AJ$366,ROUNDDOWN($C3060/24,0)+1,1))-1)+IF('Standard Profiles'!$G$20=$B$10,7,0)+IF('Standard Profiles'!$G$20=$B$17,14,0)+IF('Standard Profiles'!$G$20=$B$24,21,0),MOD($C3060,24)+1)/SUM(INDEX($D$3:$AA$30,INDEX(Jesper!$R$2:$R$366,ROW(INDEX(Jesper!AJ$2:AJ$366,ROUNDDOWN($C3060/24,0)+1,1))-1)+IF('Standard Profiles'!$G$20=$B$10,7,0)+IF('Standard Profiles'!$G$20=$B$17,14,0)+IF('Standard Profiles'!$G$20=$B$24,21,0),0)),0)</f>
        <v>0</v>
      </c>
      <c r="G3060" cm="1">
        <f t="array" ref="G3060">IFERROR(INDEX(Jesper!AK$2:AK$366,ROUNDDOWN($C3060/24,0)+1,1)*INDEX($D$3:$AA$30,INDEX(Jesper!$R$2:$R$366,ROW(INDEX(Jesper!AK$2:AK$366,ROUNDDOWN($C3060/24,0)+1,1))-1)+IF('Standard Profiles'!$G$21=$B$10,7,0)+IF('Standard Profiles'!$G$21=$B$17,14,0)+IF('Standard Profiles'!$G$21=$B$24,21,0),MOD($C3060,24)+1)/SUM(INDEX($D$3:$AA$30,INDEX(Jesper!$R$2:$R$366,ROW(INDEX(Jesper!AK$2:AK$366,ROUNDDOWN($C3060/24,0)+1,1))-1)+IF('Standard Profiles'!$G$21=$B$10,7,0)+IF('Standard Profiles'!$G$21=$B$17,14,0)+IF('Standard Profiles'!$G$21=$B$24,21,0),0)),0)</f>
        <v>0</v>
      </c>
      <c r="H3060" cm="1">
        <f t="array" ref="H3060">IFERROR(INDEX(Jesper!AL$2:AL$366,ROUNDDOWN($C3060/24,0)+1,1)*INDEX($D$3:$AA$30,INDEX(Jesper!$R$2:$R$366,ROW(INDEX(Jesper!AL$2:AL$366,ROUNDDOWN($C3060/24,0)+1,1))-1)+IF('Standard Profiles'!$G$22=$B$10,7,0)+IF('Standard Profiles'!$G$22=$B$17,14,0)+IF('Standard Profiles'!$G$22=$B$24,21,0),MOD($C3060,24)+1)/SUM(INDEX($D$3:$AA$30,INDEX(Jesper!$R$2:$R$366,ROW(INDEX(Jesper!AL$2:AL$366,ROUNDDOWN($C3060/24,0)+1,1))-1)+IF('Standard Profiles'!$G$22=$B$10,7,0)+IF('Standard Profiles'!$G$22=$B$17,14,0)+IF('Standard Profiles'!$G$22=$B$24,21,0),0)),0)</f>
        <v>0</v>
      </c>
      <c r="I3060">
        <f t="shared" si="349"/>
        <v>7.4096425099015456E-2</v>
      </c>
      <c r="J3060">
        <f t="shared" si="350"/>
        <v>0.24698808366338487</v>
      </c>
      <c r="K3060">
        <f t="shared" si="351"/>
        <v>0.37048212549507731</v>
      </c>
      <c r="L3060">
        <f t="shared" si="352"/>
        <v>1.7783142023763709</v>
      </c>
      <c r="M3060">
        <f t="shared" si="353"/>
        <v>0</v>
      </c>
      <c r="N3060" s="46">
        <f t="shared" si="354"/>
        <v>45418.083333325994</v>
      </c>
    </row>
    <row r="3061" spans="2:14" x14ac:dyDescent="0.3">
      <c r="B3061">
        <f t="shared" si="348"/>
        <v>1</v>
      </c>
      <c r="C3061" s="16">
        <v>3027</v>
      </c>
      <c r="D3061" cm="1">
        <f t="array" ref="D3061">IFERROR(INDEX(Jesper!AH$2:AH$366,ROUNDDOWN($C3061/24,0)+1,1)*INDEX($D$3:$AA$30,INDEX(Jesper!$R$2:$R$366,ROW(INDEX(Jesper!AH$2:AH$366,ROUNDDOWN($C3061/24,0)+1,1))-1)+IF('Standard Profiles'!$G$18=$B$10,7,0)+IF('Standard Profiles'!$G$18=$B$17,14,0)+IF('Standard Profiles'!$G$18=$B$24,21,0),MOD($C3061,24)+1)/SUM(INDEX($D$3:$AA$30,INDEX(Jesper!$R$2:$R$366,ROW(INDEX(Jesper!AH$2:AH$366,ROUNDDOWN($C3061/24,0)+1,1))-1)+IF('Standard Profiles'!$G$18=$B$10,7,0)+IF('Standard Profiles'!$G$18=$B$17,14,0)+IF('Standard Profiles'!$G$18=$B$24,21,0),0)),0)</f>
        <v>2.4698808366338487</v>
      </c>
      <c r="E3061" cm="1">
        <f t="array" ref="E3061">IFERROR(INDEX(Jesper!AI$2:AI$366,ROUNDDOWN($C3061/24,0)+1,1)*INDEX($D$3:$AA$30,INDEX(Jesper!$R$2:$R$366,ROW(INDEX(Jesper!AI$2:AI$366,ROUNDDOWN($C3061/24,0)+1,1))-1)+IF('Standard Profiles'!$G$19=$B$10,7,0)+IF('Standard Profiles'!$G$19=$B$17,14,0)+IF('Standard Profiles'!$G$19=$B$24,21,0),MOD($C3061,24)+1)/SUM(INDEX($D$3:$AA$30,INDEX(Jesper!$R$2:$R$366,ROW(INDEX(Jesper!AI$2:AI$366,ROUNDDOWN($C3061/24,0)+1,1))-1)+IF('Standard Profiles'!$G$19=$B$10,7,0)+IF('Standard Profiles'!$G$19=$B$17,14,0)+IF('Standard Profiles'!$G$19=$B$24,21,0),0)),0)</f>
        <v>0</v>
      </c>
      <c r="F3061" cm="1">
        <f t="array" ref="F3061">IFERROR(INDEX(Jesper!AJ$2:AJ$366,ROUNDDOWN($C3061/24,0)+1,1)*INDEX($D$3:$AA$30,INDEX(Jesper!$R$2:$R$366,ROW(INDEX(Jesper!AJ$2:AJ$366,ROUNDDOWN($C3061/24,0)+1,1))-1)+IF('Standard Profiles'!$G$20=$B$10,7,0)+IF('Standard Profiles'!$G$20=$B$17,14,0)+IF('Standard Profiles'!$G$20=$B$24,21,0),MOD($C3061,24)+1)/SUM(INDEX($D$3:$AA$30,INDEX(Jesper!$R$2:$R$366,ROW(INDEX(Jesper!AJ$2:AJ$366,ROUNDDOWN($C3061/24,0)+1,1))-1)+IF('Standard Profiles'!$G$20=$B$10,7,0)+IF('Standard Profiles'!$G$20=$B$17,14,0)+IF('Standard Profiles'!$G$20=$B$24,21,0),0)),0)</f>
        <v>0</v>
      </c>
      <c r="G3061" cm="1">
        <f t="array" ref="G3061">IFERROR(INDEX(Jesper!AK$2:AK$366,ROUNDDOWN($C3061/24,0)+1,1)*INDEX($D$3:$AA$30,INDEX(Jesper!$R$2:$R$366,ROW(INDEX(Jesper!AK$2:AK$366,ROUNDDOWN($C3061/24,0)+1,1))-1)+IF('Standard Profiles'!$G$21=$B$10,7,0)+IF('Standard Profiles'!$G$21=$B$17,14,0)+IF('Standard Profiles'!$G$21=$B$24,21,0),MOD($C3061,24)+1)/SUM(INDEX($D$3:$AA$30,INDEX(Jesper!$R$2:$R$366,ROW(INDEX(Jesper!AK$2:AK$366,ROUNDDOWN($C3061/24,0)+1,1))-1)+IF('Standard Profiles'!$G$21=$B$10,7,0)+IF('Standard Profiles'!$G$21=$B$17,14,0)+IF('Standard Profiles'!$G$21=$B$24,21,0),0)),0)</f>
        <v>0</v>
      </c>
      <c r="H3061" cm="1">
        <f t="array" ref="H3061">IFERROR(INDEX(Jesper!AL$2:AL$366,ROUNDDOWN($C3061/24,0)+1,1)*INDEX($D$3:$AA$30,INDEX(Jesper!$R$2:$R$366,ROW(INDEX(Jesper!AL$2:AL$366,ROUNDDOWN($C3061/24,0)+1,1))-1)+IF('Standard Profiles'!$G$22=$B$10,7,0)+IF('Standard Profiles'!$G$22=$B$17,14,0)+IF('Standard Profiles'!$G$22=$B$24,21,0),MOD($C3061,24)+1)/SUM(INDEX($D$3:$AA$30,INDEX(Jesper!$R$2:$R$366,ROW(INDEX(Jesper!AL$2:AL$366,ROUNDDOWN($C3061/24,0)+1,1))-1)+IF('Standard Profiles'!$G$22=$B$10,7,0)+IF('Standard Profiles'!$G$22=$B$17,14,0)+IF('Standard Profiles'!$G$22=$B$24,21,0),0)),0)</f>
        <v>0</v>
      </c>
      <c r="I3061">
        <f t="shared" si="349"/>
        <v>7.4096425099015456E-2</v>
      </c>
      <c r="J3061">
        <f t="shared" si="350"/>
        <v>0.24698808366338487</v>
      </c>
      <c r="K3061">
        <f t="shared" si="351"/>
        <v>0.37048212549507731</v>
      </c>
      <c r="L3061">
        <f t="shared" si="352"/>
        <v>1.7783142023763709</v>
      </c>
      <c r="M3061">
        <f t="shared" si="353"/>
        <v>0</v>
      </c>
      <c r="N3061" s="46">
        <f t="shared" si="354"/>
        <v>45418.124999992659</v>
      </c>
    </row>
    <row r="3062" spans="2:14" x14ac:dyDescent="0.3">
      <c r="B3062">
        <f t="shared" si="348"/>
        <v>1</v>
      </c>
      <c r="C3062" s="16">
        <v>3028</v>
      </c>
      <c r="D3062" cm="1">
        <f t="array" ref="D3062">IFERROR(INDEX(Jesper!AH$2:AH$366,ROUNDDOWN($C3062/24,0)+1,1)*INDEX($D$3:$AA$30,INDEX(Jesper!$R$2:$R$366,ROW(INDEX(Jesper!AH$2:AH$366,ROUNDDOWN($C3062/24,0)+1,1))-1)+IF('Standard Profiles'!$G$18=$B$10,7,0)+IF('Standard Profiles'!$G$18=$B$17,14,0)+IF('Standard Profiles'!$G$18=$B$24,21,0),MOD($C3062,24)+1)/SUM(INDEX($D$3:$AA$30,INDEX(Jesper!$R$2:$R$366,ROW(INDEX(Jesper!AH$2:AH$366,ROUNDDOWN($C3062/24,0)+1,1))-1)+IF('Standard Profiles'!$G$18=$B$10,7,0)+IF('Standard Profiles'!$G$18=$B$17,14,0)+IF('Standard Profiles'!$G$18=$B$24,21,0),0)),0)</f>
        <v>2.4698808366338487</v>
      </c>
      <c r="E3062" cm="1">
        <f t="array" ref="E3062">IFERROR(INDEX(Jesper!AI$2:AI$366,ROUNDDOWN($C3062/24,0)+1,1)*INDEX($D$3:$AA$30,INDEX(Jesper!$R$2:$R$366,ROW(INDEX(Jesper!AI$2:AI$366,ROUNDDOWN($C3062/24,0)+1,1))-1)+IF('Standard Profiles'!$G$19=$B$10,7,0)+IF('Standard Profiles'!$G$19=$B$17,14,0)+IF('Standard Profiles'!$G$19=$B$24,21,0),MOD($C3062,24)+1)/SUM(INDEX($D$3:$AA$30,INDEX(Jesper!$R$2:$R$366,ROW(INDEX(Jesper!AI$2:AI$366,ROUNDDOWN($C3062/24,0)+1,1))-1)+IF('Standard Profiles'!$G$19=$B$10,7,0)+IF('Standard Profiles'!$G$19=$B$17,14,0)+IF('Standard Profiles'!$G$19=$B$24,21,0),0)),0)</f>
        <v>0</v>
      </c>
      <c r="F3062" cm="1">
        <f t="array" ref="F3062">IFERROR(INDEX(Jesper!AJ$2:AJ$366,ROUNDDOWN($C3062/24,0)+1,1)*INDEX($D$3:$AA$30,INDEX(Jesper!$R$2:$R$366,ROW(INDEX(Jesper!AJ$2:AJ$366,ROUNDDOWN($C3062/24,0)+1,1))-1)+IF('Standard Profiles'!$G$20=$B$10,7,0)+IF('Standard Profiles'!$G$20=$B$17,14,0)+IF('Standard Profiles'!$G$20=$B$24,21,0),MOD($C3062,24)+1)/SUM(INDEX($D$3:$AA$30,INDEX(Jesper!$R$2:$R$366,ROW(INDEX(Jesper!AJ$2:AJ$366,ROUNDDOWN($C3062/24,0)+1,1))-1)+IF('Standard Profiles'!$G$20=$B$10,7,0)+IF('Standard Profiles'!$G$20=$B$17,14,0)+IF('Standard Profiles'!$G$20=$B$24,21,0),0)),0)</f>
        <v>0</v>
      </c>
      <c r="G3062" cm="1">
        <f t="array" ref="G3062">IFERROR(INDEX(Jesper!AK$2:AK$366,ROUNDDOWN($C3062/24,0)+1,1)*INDEX($D$3:$AA$30,INDEX(Jesper!$R$2:$R$366,ROW(INDEX(Jesper!AK$2:AK$366,ROUNDDOWN($C3062/24,0)+1,1))-1)+IF('Standard Profiles'!$G$21=$B$10,7,0)+IF('Standard Profiles'!$G$21=$B$17,14,0)+IF('Standard Profiles'!$G$21=$B$24,21,0),MOD($C3062,24)+1)/SUM(INDEX($D$3:$AA$30,INDEX(Jesper!$R$2:$R$366,ROW(INDEX(Jesper!AK$2:AK$366,ROUNDDOWN($C3062/24,0)+1,1))-1)+IF('Standard Profiles'!$G$21=$B$10,7,0)+IF('Standard Profiles'!$G$21=$B$17,14,0)+IF('Standard Profiles'!$G$21=$B$24,21,0),0)),0)</f>
        <v>0</v>
      </c>
      <c r="H3062" cm="1">
        <f t="array" ref="H3062">IFERROR(INDEX(Jesper!AL$2:AL$366,ROUNDDOWN($C3062/24,0)+1,1)*INDEX($D$3:$AA$30,INDEX(Jesper!$R$2:$R$366,ROW(INDEX(Jesper!AL$2:AL$366,ROUNDDOWN($C3062/24,0)+1,1))-1)+IF('Standard Profiles'!$G$22=$B$10,7,0)+IF('Standard Profiles'!$G$22=$B$17,14,0)+IF('Standard Profiles'!$G$22=$B$24,21,0),MOD($C3062,24)+1)/SUM(INDEX($D$3:$AA$30,INDEX(Jesper!$R$2:$R$366,ROW(INDEX(Jesper!AL$2:AL$366,ROUNDDOWN($C3062/24,0)+1,1))-1)+IF('Standard Profiles'!$G$22=$B$10,7,0)+IF('Standard Profiles'!$G$22=$B$17,14,0)+IF('Standard Profiles'!$G$22=$B$24,21,0),0)),0)</f>
        <v>0</v>
      </c>
      <c r="I3062">
        <f t="shared" si="349"/>
        <v>7.4096425099015456E-2</v>
      </c>
      <c r="J3062">
        <f t="shared" si="350"/>
        <v>0.24698808366338487</v>
      </c>
      <c r="K3062">
        <f t="shared" si="351"/>
        <v>0.37048212549507731</v>
      </c>
      <c r="L3062">
        <f t="shared" si="352"/>
        <v>1.7783142023763709</v>
      </c>
      <c r="M3062">
        <f t="shared" si="353"/>
        <v>0</v>
      </c>
      <c r="N3062" s="46">
        <f t="shared" si="354"/>
        <v>45418.166666659323</v>
      </c>
    </row>
    <row r="3063" spans="2:14" x14ac:dyDescent="0.3">
      <c r="B3063">
        <f t="shared" si="348"/>
        <v>1</v>
      </c>
      <c r="C3063" s="16">
        <v>3029</v>
      </c>
      <c r="D3063" cm="1">
        <f t="array" ref="D3063">IFERROR(INDEX(Jesper!AH$2:AH$366,ROUNDDOWN($C3063/24,0)+1,1)*INDEX($D$3:$AA$30,INDEX(Jesper!$R$2:$R$366,ROW(INDEX(Jesper!AH$2:AH$366,ROUNDDOWN($C3063/24,0)+1,1))-1)+IF('Standard Profiles'!$G$18=$B$10,7,0)+IF('Standard Profiles'!$G$18=$B$17,14,0)+IF('Standard Profiles'!$G$18=$B$24,21,0),MOD($C3063,24)+1)/SUM(INDEX($D$3:$AA$30,INDEX(Jesper!$R$2:$R$366,ROW(INDEX(Jesper!AH$2:AH$366,ROUNDDOWN($C3063/24,0)+1,1))-1)+IF('Standard Profiles'!$G$18=$B$10,7,0)+IF('Standard Profiles'!$G$18=$B$17,14,0)+IF('Standard Profiles'!$G$18=$B$24,21,0),0)),0)</f>
        <v>10.702816958746679</v>
      </c>
      <c r="E3063" cm="1">
        <f t="array" ref="E3063">IFERROR(INDEX(Jesper!AI$2:AI$366,ROUNDDOWN($C3063/24,0)+1,1)*INDEX($D$3:$AA$30,INDEX(Jesper!$R$2:$R$366,ROW(INDEX(Jesper!AI$2:AI$366,ROUNDDOWN($C3063/24,0)+1,1))-1)+IF('Standard Profiles'!$G$19=$B$10,7,0)+IF('Standard Profiles'!$G$19=$B$17,14,0)+IF('Standard Profiles'!$G$19=$B$24,21,0),MOD($C3063,24)+1)/SUM(INDEX($D$3:$AA$30,INDEX(Jesper!$R$2:$R$366,ROW(INDEX(Jesper!AI$2:AI$366,ROUNDDOWN($C3063/24,0)+1,1))-1)+IF('Standard Profiles'!$G$19=$B$10,7,0)+IF('Standard Profiles'!$G$19=$B$17,14,0)+IF('Standard Profiles'!$G$19=$B$24,21,0),0)),0)</f>
        <v>0</v>
      </c>
      <c r="F3063" cm="1">
        <f t="array" ref="F3063">IFERROR(INDEX(Jesper!AJ$2:AJ$366,ROUNDDOWN($C3063/24,0)+1,1)*INDEX($D$3:$AA$30,INDEX(Jesper!$R$2:$R$366,ROW(INDEX(Jesper!AJ$2:AJ$366,ROUNDDOWN($C3063/24,0)+1,1))-1)+IF('Standard Profiles'!$G$20=$B$10,7,0)+IF('Standard Profiles'!$G$20=$B$17,14,0)+IF('Standard Profiles'!$G$20=$B$24,21,0),MOD($C3063,24)+1)/SUM(INDEX($D$3:$AA$30,INDEX(Jesper!$R$2:$R$366,ROW(INDEX(Jesper!AJ$2:AJ$366,ROUNDDOWN($C3063/24,0)+1,1))-1)+IF('Standard Profiles'!$G$20=$B$10,7,0)+IF('Standard Profiles'!$G$20=$B$17,14,0)+IF('Standard Profiles'!$G$20=$B$24,21,0),0)),0)</f>
        <v>0</v>
      </c>
      <c r="G3063" cm="1">
        <f t="array" ref="G3063">IFERROR(INDEX(Jesper!AK$2:AK$366,ROUNDDOWN($C3063/24,0)+1,1)*INDEX($D$3:$AA$30,INDEX(Jesper!$R$2:$R$366,ROW(INDEX(Jesper!AK$2:AK$366,ROUNDDOWN($C3063/24,0)+1,1))-1)+IF('Standard Profiles'!$G$21=$B$10,7,0)+IF('Standard Profiles'!$G$21=$B$17,14,0)+IF('Standard Profiles'!$G$21=$B$24,21,0),MOD($C3063,24)+1)/SUM(INDEX($D$3:$AA$30,INDEX(Jesper!$R$2:$R$366,ROW(INDEX(Jesper!AK$2:AK$366,ROUNDDOWN($C3063/24,0)+1,1))-1)+IF('Standard Profiles'!$G$21=$B$10,7,0)+IF('Standard Profiles'!$G$21=$B$17,14,0)+IF('Standard Profiles'!$G$21=$B$24,21,0),0)),0)</f>
        <v>0</v>
      </c>
      <c r="H3063" cm="1">
        <f t="array" ref="H3063">IFERROR(INDEX(Jesper!AL$2:AL$366,ROUNDDOWN($C3063/24,0)+1,1)*INDEX($D$3:$AA$30,INDEX(Jesper!$R$2:$R$366,ROW(INDEX(Jesper!AL$2:AL$366,ROUNDDOWN($C3063/24,0)+1,1))-1)+IF('Standard Profiles'!$G$22=$B$10,7,0)+IF('Standard Profiles'!$G$22=$B$17,14,0)+IF('Standard Profiles'!$G$22=$B$24,21,0),MOD($C3063,24)+1)/SUM(INDEX($D$3:$AA$30,INDEX(Jesper!$R$2:$R$366,ROW(INDEX(Jesper!AL$2:AL$366,ROUNDDOWN($C3063/24,0)+1,1))-1)+IF('Standard Profiles'!$G$22=$B$10,7,0)+IF('Standard Profiles'!$G$22=$B$17,14,0)+IF('Standard Profiles'!$G$22=$B$24,21,0),0)),0)</f>
        <v>0</v>
      </c>
      <c r="I3063">
        <f t="shared" si="349"/>
        <v>0.32108450876240036</v>
      </c>
      <c r="J3063">
        <f t="shared" si="350"/>
        <v>1.0702816958746679</v>
      </c>
      <c r="K3063">
        <f t="shared" si="351"/>
        <v>1.6054225438120018</v>
      </c>
      <c r="L3063">
        <f t="shared" si="352"/>
        <v>7.7060282102976085</v>
      </c>
      <c r="M3063">
        <f t="shared" si="353"/>
        <v>0</v>
      </c>
      <c r="N3063" s="46">
        <f t="shared" si="354"/>
        <v>45418.208333325987</v>
      </c>
    </row>
    <row r="3064" spans="2:14" x14ac:dyDescent="0.3">
      <c r="B3064">
        <f t="shared" si="348"/>
        <v>1</v>
      </c>
      <c r="C3064" s="16">
        <v>3030</v>
      </c>
      <c r="D3064" cm="1">
        <f t="array" ref="D3064">IFERROR(INDEX(Jesper!AH$2:AH$366,ROUNDDOWN($C3064/24,0)+1,1)*INDEX($D$3:$AA$30,INDEX(Jesper!$R$2:$R$366,ROW(INDEX(Jesper!AH$2:AH$366,ROUNDDOWN($C3064/24,0)+1,1))-1)+IF('Standard Profiles'!$G$18=$B$10,7,0)+IF('Standard Profiles'!$G$18=$B$17,14,0)+IF('Standard Profiles'!$G$18=$B$24,21,0),MOD($C3064,24)+1)/SUM(INDEX($D$3:$AA$30,INDEX(Jesper!$R$2:$R$366,ROW(INDEX(Jesper!AH$2:AH$366,ROUNDDOWN($C3064/24,0)+1,1))-1)+IF('Standard Profiles'!$G$18=$B$10,7,0)+IF('Standard Profiles'!$G$18=$B$17,14,0)+IF('Standard Profiles'!$G$18=$B$24,21,0),0)),0)</f>
        <v>12.143580780116425</v>
      </c>
      <c r="E3064" cm="1">
        <f t="array" ref="E3064">IFERROR(INDEX(Jesper!AI$2:AI$366,ROUNDDOWN($C3064/24,0)+1,1)*INDEX($D$3:$AA$30,INDEX(Jesper!$R$2:$R$366,ROW(INDEX(Jesper!AI$2:AI$366,ROUNDDOWN($C3064/24,0)+1,1))-1)+IF('Standard Profiles'!$G$19=$B$10,7,0)+IF('Standard Profiles'!$G$19=$B$17,14,0)+IF('Standard Profiles'!$G$19=$B$24,21,0),MOD($C3064,24)+1)/SUM(INDEX($D$3:$AA$30,INDEX(Jesper!$R$2:$R$366,ROW(INDEX(Jesper!AI$2:AI$366,ROUNDDOWN($C3064/24,0)+1,1))-1)+IF('Standard Profiles'!$G$19=$B$10,7,0)+IF('Standard Profiles'!$G$19=$B$17,14,0)+IF('Standard Profiles'!$G$19=$B$24,21,0),0)),0)</f>
        <v>0</v>
      </c>
      <c r="F3064" cm="1">
        <f t="array" ref="F3064">IFERROR(INDEX(Jesper!AJ$2:AJ$366,ROUNDDOWN($C3064/24,0)+1,1)*INDEX($D$3:$AA$30,INDEX(Jesper!$R$2:$R$366,ROW(INDEX(Jesper!AJ$2:AJ$366,ROUNDDOWN($C3064/24,0)+1,1))-1)+IF('Standard Profiles'!$G$20=$B$10,7,0)+IF('Standard Profiles'!$G$20=$B$17,14,0)+IF('Standard Profiles'!$G$20=$B$24,21,0),MOD($C3064,24)+1)/SUM(INDEX($D$3:$AA$30,INDEX(Jesper!$R$2:$R$366,ROW(INDEX(Jesper!AJ$2:AJ$366,ROUNDDOWN($C3064/24,0)+1,1))-1)+IF('Standard Profiles'!$G$20=$B$10,7,0)+IF('Standard Profiles'!$G$20=$B$17,14,0)+IF('Standard Profiles'!$G$20=$B$24,21,0),0)),0)</f>
        <v>0</v>
      </c>
      <c r="G3064" cm="1">
        <f t="array" ref="G3064">IFERROR(INDEX(Jesper!AK$2:AK$366,ROUNDDOWN($C3064/24,0)+1,1)*INDEX($D$3:$AA$30,INDEX(Jesper!$R$2:$R$366,ROW(INDEX(Jesper!AK$2:AK$366,ROUNDDOWN($C3064/24,0)+1,1))-1)+IF('Standard Profiles'!$G$21=$B$10,7,0)+IF('Standard Profiles'!$G$21=$B$17,14,0)+IF('Standard Profiles'!$G$21=$B$24,21,0),MOD($C3064,24)+1)/SUM(INDEX($D$3:$AA$30,INDEX(Jesper!$R$2:$R$366,ROW(INDEX(Jesper!AK$2:AK$366,ROUNDDOWN($C3064/24,0)+1,1))-1)+IF('Standard Profiles'!$G$21=$B$10,7,0)+IF('Standard Profiles'!$G$21=$B$17,14,0)+IF('Standard Profiles'!$G$21=$B$24,21,0),0)),0)</f>
        <v>0</v>
      </c>
      <c r="H3064" cm="1">
        <f t="array" ref="H3064">IFERROR(INDEX(Jesper!AL$2:AL$366,ROUNDDOWN($C3064/24,0)+1,1)*INDEX($D$3:$AA$30,INDEX(Jesper!$R$2:$R$366,ROW(INDEX(Jesper!AL$2:AL$366,ROUNDDOWN($C3064/24,0)+1,1))-1)+IF('Standard Profiles'!$G$22=$B$10,7,0)+IF('Standard Profiles'!$G$22=$B$17,14,0)+IF('Standard Profiles'!$G$22=$B$24,21,0),MOD($C3064,24)+1)/SUM(INDEX($D$3:$AA$30,INDEX(Jesper!$R$2:$R$366,ROW(INDEX(Jesper!AL$2:AL$366,ROUNDDOWN($C3064/24,0)+1,1))-1)+IF('Standard Profiles'!$G$22=$B$10,7,0)+IF('Standard Profiles'!$G$22=$B$17,14,0)+IF('Standard Profiles'!$G$22=$B$24,21,0),0)),0)</f>
        <v>0</v>
      </c>
      <c r="I3064">
        <f t="shared" si="349"/>
        <v>0.36430742340349276</v>
      </c>
      <c r="J3064">
        <f t="shared" si="350"/>
        <v>1.2143580780116425</v>
      </c>
      <c r="K3064">
        <f t="shared" si="351"/>
        <v>1.8215371170174637</v>
      </c>
      <c r="L3064">
        <f t="shared" si="352"/>
        <v>8.7433781616838253</v>
      </c>
      <c r="M3064">
        <f t="shared" si="353"/>
        <v>0</v>
      </c>
      <c r="N3064" s="46">
        <f t="shared" si="354"/>
        <v>45418.249999992651</v>
      </c>
    </row>
    <row r="3065" spans="2:14" x14ac:dyDescent="0.3">
      <c r="B3065">
        <f t="shared" si="348"/>
        <v>1</v>
      </c>
      <c r="C3065" s="16">
        <v>3031</v>
      </c>
      <c r="D3065" cm="1">
        <f t="array" ref="D3065">IFERROR(INDEX(Jesper!AH$2:AH$366,ROUNDDOWN($C3065/24,0)+1,1)*INDEX($D$3:$AA$30,INDEX(Jesper!$R$2:$R$366,ROW(INDEX(Jesper!AH$2:AH$366,ROUNDDOWN($C3065/24,0)+1,1))-1)+IF('Standard Profiles'!$G$18=$B$10,7,0)+IF('Standard Profiles'!$G$18=$B$17,14,0)+IF('Standard Profiles'!$G$18=$B$24,21,0),MOD($C3065,24)+1)/SUM(INDEX($D$3:$AA$30,INDEX(Jesper!$R$2:$R$366,ROW(INDEX(Jesper!AH$2:AH$366,ROUNDDOWN($C3065/24,0)+1,1))-1)+IF('Standard Profiles'!$G$18=$B$10,7,0)+IF('Standard Profiles'!$G$18=$B$17,14,0)+IF('Standard Profiles'!$G$18=$B$24,21,0),0)),0)</f>
        <v>12.143580780116425</v>
      </c>
      <c r="E3065" cm="1">
        <f t="array" ref="E3065">IFERROR(INDEX(Jesper!AI$2:AI$366,ROUNDDOWN($C3065/24,0)+1,1)*INDEX($D$3:$AA$30,INDEX(Jesper!$R$2:$R$366,ROW(INDEX(Jesper!AI$2:AI$366,ROUNDDOWN($C3065/24,0)+1,1))-1)+IF('Standard Profiles'!$G$19=$B$10,7,0)+IF('Standard Profiles'!$G$19=$B$17,14,0)+IF('Standard Profiles'!$G$19=$B$24,21,0),MOD($C3065,24)+1)/SUM(INDEX($D$3:$AA$30,INDEX(Jesper!$R$2:$R$366,ROW(INDEX(Jesper!AI$2:AI$366,ROUNDDOWN($C3065/24,0)+1,1))-1)+IF('Standard Profiles'!$G$19=$B$10,7,0)+IF('Standard Profiles'!$G$19=$B$17,14,0)+IF('Standard Profiles'!$G$19=$B$24,21,0),0)),0)</f>
        <v>0</v>
      </c>
      <c r="F3065" cm="1">
        <f t="array" ref="F3065">IFERROR(INDEX(Jesper!AJ$2:AJ$366,ROUNDDOWN($C3065/24,0)+1,1)*INDEX($D$3:$AA$30,INDEX(Jesper!$R$2:$R$366,ROW(INDEX(Jesper!AJ$2:AJ$366,ROUNDDOWN($C3065/24,0)+1,1))-1)+IF('Standard Profiles'!$G$20=$B$10,7,0)+IF('Standard Profiles'!$G$20=$B$17,14,0)+IF('Standard Profiles'!$G$20=$B$24,21,0),MOD($C3065,24)+1)/SUM(INDEX($D$3:$AA$30,INDEX(Jesper!$R$2:$R$366,ROW(INDEX(Jesper!AJ$2:AJ$366,ROUNDDOWN($C3065/24,0)+1,1))-1)+IF('Standard Profiles'!$G$20=$B$10,7,0)+IF('Standard Profiles'!$G$20=$B$17,14,0)+IF('Standard Profiles'!$G$20=$B$24,21,0),0)),0)</f>
        <v>0</v>
      </c>
      <c r="G3065" cm="1">
        <f t="array" ref="G3065">IFERROR(INDEX(Jesper!AK$2:AK$366,ROUNDDOWN($C3065/24,0)+1,1)*INDEX($D$3:$AA$30,INDEX(Jesper!$R$2:$R$366,ROW(INDEX(Jesper!AK$2:AK$366,ROUNDDOWN($C3065/24,0)+1,1))-1)+IF('Standard Profiles'!$G$21=$B$10,7,0)+IF('Standard Profiles'!$G$21=$B$17,14,0)+IF('Standard Profiles'!$G$21=$B$24,21,0),MOD($C3065,24)+1)/SUM(INDEX($D$3:$AA$30,INDEX(Jesper!$R$2:$R$366,ROW(INDEX(Jesper!AK$2:AK$366,ROUNDDOWN($C3065/24,0)+1,1))-1)+IF('Standard Profiles'!$G$21=$B$10,7,0)+IF('Standard Profiles'!$G$21=$B$17,14,0)+IF('Standard Profiles'!$G$21=$B$24,21,0),0)),0)</f>
        <v>0</v>
      </c>
      <c r="H3065" cm="1">
        <f t="array" ref="H3065">IFERROR(INDEX(Jesper!AL$2:AL$366,ROUNDDOWN($C3065/24,0)+1,1)*INDEX($D$3:$AA$30,INDEX(Jesper!$R$2:$R$366,ROW(INDEX(Jesper!AL$2:AL$366,ROUNDDOWN($C3065/24,0)+1,1))-1)+IF('Standard Profiles'!$G$22=$B$10,7,0)+IF('Standard Profiles'!$G$22=$B$17,14,0)+IF('Standard Profiles'!$G$22=$B$24,21,0),MOD($C3065,24)+1)/SUM(INDEX($D$3:$AA$30,INDEX(Jesper!$R$2:$R$366,ROW(INDEX(Jesper!AL$2:AL$366,ROUNDDOWN($C3065/24,0)+1,1))-1)+IF('Standard Profiles'!$G$22=$B$10,7,0)+IF('Standard Profiles'!$G$22=$B$17,14,0)+IF('Standard Profiles'!$G$22=$B$24,21,0),0)),0)</f>
        <v>0</v>
      </c>
      <c r="I3065">
        <f t="shared" si="349"/>
        <v>0.36430742340349276</v>
      </c>
      <c r="J3065">
        <f t="shared" si="350"/>
        <v>1.2143580780116425</v>
      </c>
      <c r="K3065">
        <f t="shared" si="351"/>
        <v>1.8215371170174637</v>
      </c>
      <c r="L3065">
        <f t="shared" si="352"/>
        <v>8.7433781616838253</v>
      </c>
      <c r="M3065">
        <f t="shared" si="353"/>
        <v>0</v>
      </c>
      <c r="N3065" s="46">
        <f t="shared" si="354"/>
        <v>45418.291666659316</v>
      </c>
    </row>
    <row r="3066" spans="2:14" x14ac:dyDescent="0.3">
      <c r="B3066">
        <f t="shared" si="348"/>
        <v>1</v>
      </c>
      <c r="C3066" s="16">
        <v>3032</v>
      </c>
      <c r="D3066" cm="1">
        <f t="array" ref="D3066">IFERROR(INDEX(Jesper!AH$2:AH$366,ROUNDDOWN($C3066/24,0)+1,1)*INDEX($D$3:$AA$30,INDEX(Jesper!$R$2:$R$366,ROW(INDEX(Jesper!AH$2:AH$366,ROUNDDOWN($C3066/24,0)+1,1))-1)+IF('Standard Profiles'!$G$18=$B$10,7,0)+IF('Standard Profiles'!$G$18=$B$17,14,0)+IF('Standard Profiles'!$G$18=$B$24,21,0),MOD($C3066,24)+1)/SUM(INDEX($D$3:$AA$30,INDEX(Jesper!$R$2:$R$366,ROW(INDEX(Jesper!AH$2:AH$366,ROUNDDOWN($C3066/24,0)+1,1))-1)+IF('Standard Profiles'!$G$18=$B$10,7,0)+IF('Standard Profiles'!$G$18=$B$17,14,0)+IF('Standard Profiles'!$G$18=$B$24,21,0),0)),0)</f>
        <v>12.143580780116425</v>
      </c>
      <c r="E3066" cm="1">
        <f t="array" ref="E3066">IFERROR(INDEX(Jesper!AI$2:AI$366,ROUNDDOWN($C3066/24,0)+1,1)*INDEX($D$3:$AA$30,INDEX(Jesper!$R$2:$R$366,ROW(INDEX(Jesper!AI$2:AI$366,ROUNDDOWN($C3066/24,0)+1,1))-1)+IF('Standard Profiles'!$G$19=$B$10,7,0)+IF('Standard Profiles'!$G$19=$B$17,14,0)+IF('Standard Profiles'!$G$19=$B$24,21,0),MOD($C3066,24)+1)/SUM(INDEX($D$3:$AA$30,INDEX(Jesper!$R$2:$R$366,ROW(INDEX(Jesper!AI$2:AI$366,ROUNDDOWN($C3066/24,0)+1,1))-1)+IF('Standard Profiles'!$G$19=$B$10,7,0)+IF('Standard Profiles'!$G$19=$B$17,14,0)+IF('Standard Profiles'!$G$19=$B$24,21,0),0)),0)</f>
        <v>0</v>
      </c>
      <c r="F3066" cm="1">
        <f t="array" ref="F3066">IFERROR(INDEX(Jesper!AJ$2:AJ$366,ROUNDDOWN($C3066/24,0)+1,1)*INDEX($D$3:$AA$30,INDEX(Jesper!$R$2:$R$366,ROW(INDEX(Jesper!AJ$2:AJ$366,ROUNDDOWN($C3066/24,0)+1,1))-1)+IF('Standard Profiles'!$G$20=$B$10,7,0)+IF('Standard Profiles'!$G$20=$B$17,14,0)+IF('Standard Profiles'!$G$20=$B$24,21,0),MOD($C3066,24)+1)/SUM(INDEX($D$3:$AA$30,INDEX(Jesper!$R$2:$R$366,ROW(INDEX(Jesper!AJ$2:AJ$366,ROUNDDOWN($C3066/24,0)+1,1))-1)+IF('Standard Profiles'!$G$20=$B$10,7,0)+IF('Standard Profiles'!$G$20=$B$17,14,0)+IF('Standard Profiles'!$G$20=$B$24,21,0),0)),0)</f>
        <v>0</v>
      </c>
      <c r="G3066" cm="1">
        <f t="array" ref="G3066">IFERROR(INDEX(Jesper!AK$2:AK$366,ROUNDDOWN($C3066/24,0)+1,1)*INDEX($D$3:$AA$30,INDEX(Jesper!$R$2:$R$366,ROW(INDEX(Jesper!AK$2:AK$366,ROUNDDOWN($C3066/24,0)+1,1))-1)+IF('Standard Profiles'!$G$21=$B$10,7,0)+IF('Standard Profiles'!$G$21=$B$17,14,0)+IF('Standard Profiles'!$G$21=$B$24,21,0),MOD($C3066,24)+1)/SUM(INDEX($D$3:$AA$30,INDEX(Jesper!$R$2:$R$366,ROW(INDEX(Jesper!AK$2:AK$366,ROUNDDOWN($C3066/24,0)+1,1))-1)+IF('Standard Profiles'!$G$21=$B$10,7,0)+IF('Standard Profiles'!$G$21=$B$17,14,0)+IF('Standard Profiles'!$G$21=$B$24,21,0),0)),0)</f>
        <v>0</v>
      </c>
      <c r="H3066" cm="1">
        <f t="array" ref="H3066">IFERROR(INDEX(Jesper!AL$2:AL$366,ROUNDDOWN($C3066/24,0)+1,1)*INDEX($D$3:$AA$30,INDEX(Jesper!$R$2:$R$366,ROW(INDEX(Jesper!AL$2:AL$366,ROUNDDOWN($C3066/24,0)+1,1))-1)+IF('Standard Profiles'!$G$22=$B$10,7,0)+IF('Standard Profiles'!$G$22=$B$17,14,0)+IF('Standard Profiles'!$G$22=$B$24,21,0),MOD($C3066,24)+1)/SUM(INDEX($D$3:$AA$30,INDEX(Jesper!$R$2:$R$366,ROW(INDEX(Jesper!AL$2:AL$366,ROUNDDOWN($C3066/24,0)+1,1))-1)+IF('Standard Profiles'!$G$22=$B$10,7,0)+IF('Standard Profiles'!$G$22=$B$17,14,0)+IF('Standard Profiles'!$G$22=$B$24,21,0),0)),0)</f>
        <v>0</v>
      </c>
      <c r="I3066">
        <f t="shared" si="349"/>
        <v>0.36430742340349276</v>
      </c>
      <c r="J3066">
        <f t="shared" si="350"/>
        <v>1.2143580780116425</v>
      </c>
      <c r="K3066">
        <f t="shared" si="351"/>
        <v>1.8215371170174637</v>
      </c>
      <c r="L3066">
        <f t="shared" si="352"/>
        <v>8.7433781616838253</v>
      </c>
      <c r="M3066">
        <f t="shared" si="353"/>
        <v>0</v>
      </c>
      <c r="N3066" s="46">
        <f t="shared" si="354"/>
        <v>45418.33333332598</v>
      </c>
    </row>
    <row r="3067" spans="2:14" x14ac:dyDescent="0.3">
      <c r="B3067">
        <f t="shared" si="348"/>
        <v>1</v>
      </c>
      <c r="C3067" s="16">
        <v>3033</v>
      </c>
      <c r="D3067" cm="1">
        <f t="array" ref="D3067">IFERROR(INDEX(Jesper!AH$2:AH$366,ROUNDDOWN($C3067/24,0)+1,1)*INDEX($D$3:$AA$30,INDEX(Jesper!$R$2:$R$366,ROW(INDEX(Jesper!AH$2:AH$366,ROUNDDOWN($C3067/24,0)+1,1))-1)+IF('Standard Profiles'!$G$18=$B$10,7,0)+IF('Standard Profiles'!$G$18=$B$17,14,0)+IF('Standard Profiles'!$G$18=$B$24,21,0),MOD($C3067,24)+1)/SUM(INDEX($D$3:$AA$30,INDEX(Jesper!$R$2:$R$366,ROW(INDEX(Jesper!AH$2:AH$366,ROUNDDOWN($C3067/24,0)+1,1))-1)+IF('Standard Profiles'!$G$18=$B$10,7,0)+IF('Standard Profiles'!$G$18=$B$17,14,0)+IF('Standard Profiles'!$G$18=$B$24,21,0),0)),0)</f>
        <v>12.966874392327709</v>
      </c>
      <c r="E3067" cm="1">
        <f t="array" ref="E3067">IFERROR(INDEX(Jesper!AI$2:AI$366,ROUNDDOWN($C3067/24,0)+1,1)*INDEX($D$3:$AA$30,INDEX(Jesper!$R$2:$R$366,ROW(INDEX(Jesper!AI$2:AI$366,ROUNDDOWN($C3067/24,0)+1,1))-1)+IF('Standard Profiles'!$G$19=$B$10,7,0)+IF('Standard Profiles'!$G$19=$B$17,14,0)+IF('Standard Profiles'!$G$19=$B$24,21,0),MOD($C3067,24)+1)/SUM(INDEX($D$3:$AA$30,INDEX(Jesper!$R$2:$R$366,ROW(INDEX(Jesper!AI$2:AI$366,ROUNDDOWN($C3067/24,0)+1,1))-1)+IF('Standard Profiles'!$G$19=$B$10,7,0)+IF('Standard Profiles'!$G$19=$B$17,14,0)+IF('Standard Profiles'!$G$19=$B$24,21,0),0)),0)</f>
        <v>0</v>
      </c>
      <c r="F3067" cm="1">
        <f t="array" ref="F3067">IFERROR(INDEX(Jesper!AJ$2:AJ$366,ROUNDDOWN($C3067/24,0)+1,1)*INDEX($D$3:$AA$30,INDEX(Jesper!$R$2:$R$366,ROW(INDEX(Jesper!AJ$2:AJ$366,ROUNDDOWN($C3067/24,0)+1,1))-1)+IF('Standard Profiles'!$G$20=$B$10,7,0)+IF('Standard Profiles'!$G$20=$B$17,14,0)+IF('Standard Profiles'!$G$20=$B$24,21,0),MOD($C3067,24)+1)/SUM(INDEX($D$3:$AA$30,INDEX(Jesper!$R$2:$R$366,ROW(INDEX(Jesper!AJ$2:AJ$366,ROUNDDOWN($C3067/24,0)+1,1))-1)+IF('Standard Profiles'!$G$20=$B$10,7,0)+IF('Standard Profiles'!$G$20=$B$17,14,0)+IF('Standard Profiles'!$G$20=$B$24,21,0),0)),0)</f>
        <v>0</v>
      </c>
      <c r="G3067" cm="1">
        <f t="array" ref="G3067">IFERROR(INDEX(Jesper!AK$2:AK$366,ROUNDDOWN($C3067/24,0)+1,1)*INDEX($D$3:$AA$30,INDEX(Jesper!$R$2:$R$366,ROW(INDEX(Jesper!AK$2:AK$366,ROUNDDOWN($C3067/24,0)+1,1))-1)+IF('Standard Profiles'!$G$21=$B$10,7,0)+IF('Standard Profiles'!$G$21=$B$17,14,0)+IF('Standard Profiles'!$G$21=$B$24,21,0),MOD($C3067,24)+1)/SUM(INDEX($D$3:$AA$30,INDEX(Jesper!$R$2:$R$366,ROW(INDEX(Jesper!AK$2:AK$366,ROUNDDOWN($C3067/24,0)+1,1))-1)+IF('Standard Profiles'!$G$21=$B$10,7,0)+IF('Standard Profiles'!$G$21=$B$17,14,0)+IF('Standard Profiles'!$G$21=$B$24,21,0),0)),0)</f>
        <v>0</v>
      </c>
      <c r="H3067" cm="1">
        <f t="array" ref="H3067">IFERROR(INDEX(Jesper!AL$2:AL$366,ROUNDDOWN($C3067/24,0)+1,1)*INDEX($D$3:$AA$30,INDEX(Jesper!$R$2:$R$366,ROW(INDEX(Jesper!AL$2:AL$366,ROUNDDOWN($C3067/24,0)+1,1))-1)+IF('Standard Profiles'!$G$22=$B$10,7,0)+IF('Standard Profiles'!$G$22=$B$17,14,0)+IF('Standard Profiles'!$G$22=$B$24,21,0),MOD($C3067,24)+1)/SUM(INDEX($D$3:$AA$30,INDEX(Jesper!$R$2:$R$366,ROW(INDEX(Jesper!AL$2:AL$366,ROUNDDOWN($C3067/24,0)+1,1))-1)+IF('Standard Profiles'!$G$22=$B$10,7,0)+IF('Standard Profiles'!$G$22=$B$17,14,0)+IF('Standard Profiles'!$G$22=$B$24,21,0),0)),0)</f>
        <v>0</v>
      </c>
      <c r="I3067">
        <f t="shared" si="349"/>
        <v>0.38900623176983123</v>
      </c>
      <c r="J3067">
        <f t="shared" si="350"/>
        <v>1.296687439232771</v>
      </c>
      <c r="K3067">
        <f t="shared" si="351"/>
        <v>1.9450311588491562</v>
      </c>
      <c r="L3067">
        <f t="shared" si="352"/>
        <v>9.3361495624759492</v>
      </c>
      <c r="M3067">
        <f t="shared" si="353"/>
        <v>0</v>
      </c>
      <c r="N3067" s="46">
        <f t="shared" si="354"/>
        <v>45418.374999992644</v>
      </c>
    </row>
    <row r="3068" spans="2:14" x14ac:dyDescent="0.3">
      <c r="B3068">
        <f t="shared" si="348"/>
        <v>1</v>
      </c>
      <c r="C3068" s="16">
        <v>3034</v>
      </c>
      <c r="D3068" cm="1">
        <f t="array" ref="D3068">IFERROR(INDEX(Jesper!AH$2:AH$366,ROUNDDOWN($C3068/24,0)+1,1)*INDEX($D$3:$AA$30,INDEX(Jesper!$R$2:$R$366,ROW(INDEX(Jesper!AH$2:AH$366,ROUNDDOWN($C3068/24,0)+1,1))-1)+IF('Standard Profiles'!$G$18=$B$10,7,0)+IF('Standard Profiles'!$G$18=$B$17,14,0)+IF('Standard Profiles'!$G$18=$B$24,21,0),MOD($C3068,24)+1)/SUM(INDEX($D$3:$AA$30,INDEX(Jesper!$R$2:$R$366,ROW(INDEX(Jesper!AH$2:AH$366,ROUNDDOWN($C3068/24,0)+1,1))-1)+IF('Standard Profiles'!$G$18=$B$10,7,0)+IF('Standard Profiles'!$G$18=$B$17,14,0)+IF('Standard Profiles'!$G$18=$B$24,21,0),0)),0)</f>
        <v>12.966874392327709</v>
      </c>
      <c r="E3068" cm="1">
        <f t="array" ref="E3068">IFERROR(INDEX(Jesper!AI$2:AI$366,ROUNDDOWN($C3068/24,0)+1,1)*INDEX($D$3:$AA$30,INDEX(Jesper!$R$2:$R$366,ROW(INDEX(Jesper!AI$2:AI$366,ROUNDDOWN($C3068/24,0)+1,1))-1)+IF('Standard Profiles'!$G$19=$B$10,7,0)+IF('Standard Profiles'!$G$19=$B$17,14,0)+IF('Standard Profiles'!$G$19=$B$24,21,0),MOD($C3068,24)+1)/SUM(INDEX($D$3:$AA$30,INDEX(Jesper!$R$2:$R$366,ROW(INDEX(Jesper!AI$2:AI$366,ROUNDDOWN($C3068/24,0)+1,1))-1)+IF('Standard Profiles'!$G$19=$B$10,7,0)+IF('Standard Profiles'!$G$19=$B$17,14,0)+IF('Standard Profiles'!$G$19=$B$24,21,0),0)),0)</f>
        <v>0</v>
      </c>
      <c r="F3068" cm="1">
        <f t="array" ref="F3068">IFERROR(INDEX(Jesper!AJ$2:AJ$366,ROUNDDOWN($C3068/24,0)+1,1)*INDEX($D$3:$AA$30,INDEX(Jesper!$R$2:$R$366,ROW(INDEX(Jesper!AJ$2:AJ$366,ROUNDDOWN($C3068/24,0)+1,1))-1)+IF('Standard Profiles'!$G$20=$B$10,7,0)+IF('Standard Profiles'!$G$20=$B$17,14,0)+IF('Standard Profiles'!$G$20=$B$24,21,0),MOD($C3068,24)+1)/SUM(INDEX($D$3:$AA$30,INDEX(Jesper!$R$2:$R$366,ROW(INDEX(Jesper!AJ$2:AJ$366,ROUNDDOWN($C3068/24,0)+1,1))-1)+IF('Standard Profiles'!$G$20=$B$10,7,0)+IF('Standard Profiles'!$G$20=$B$17,14,0)+IF('Standard Profiles'!$G$20=$B$24,21,0),0)),0)</f>
        <v>0</v>
      </c>
      <c r="G3068" cm="1">
        <f t="array" ref="G3068">IFERROR(INDEX(Jesper!AK$2:AK$366,ROUNDDOWN($C3068/24,0)+1,1)*INDEX($D$3:$AA$30,INDEX(Jesper!$R$2:$R$366,ROW(INDEX(Jesper!AK$2:AK$366,ROUNDDOWN($C3068/24,0)+1,1))-1)+IF('Standard Profiles'!$G$21=$B$10,7,0)+IF('Standard Profiles'!$G$21=$B$17,14,0)+IF('Standard Profiles'!$G$21=$B$24,21,0),MOD($C3068,24)+1)/SUM(INDEX($D$3:$AA$30,INDEX(Jesper!$R$2:$R$366,ROW(INDEX(Jesper!AK$2:AK$366,ROUNDDOWN($C3068/24,0)+1,1))-1)+IF('Standard Profiles'!$G$21=$B$10,7,0)+IF('Standard Profiles'!$G$21=$B$17,14,0)+IF('Standard Profiles'!$G$21=$B$24,21,0),0)),0)</f>
        <v>0</v>
      </c>
      <c r="H3068" cm="1">
        <f t="array" ref="H3068">IFERROR(INDEX(Jesper!AL$2:AL$366,ROUNDDOWN($C3068/24,0)+1,1)*INDEX($D$3:$AA$30,INDEX(Jesper!$R$2:$R$366,ROW(INDEX(Jesper!AL$2:AL$366,ROUNDDOWN($C3068/24,0)+1,1))-1)+IF('Standard Profiles'!$G$22=$B$10,7,0)+IF('Standard Profiles'!$G$22=$B$17,14,0)+IF('Standard Profiles'!$G$22=$B$24,21,0),MOD($C3068,24)+1)/SUM(INDEX($D$3:$AA$30,INDEX(Jesper!$R$2:$R$366,ROW(INDEX(Jesper!AL$2:AL$366,ROUNDDOWN($C3068/24,0)+1,1))-1)+IF('Standard Profiles'!$G$22=$B$10,7,0)+IF('Standard Profiles'!$G$22=$B$17,14,0)+IF('Standard Profiles'!$G$22=$B$24,21,0),0)),0)</f>
        <v>0</v>
      </c>
      <c r="I3068">
        <f t="shared" si="349"/>
        <v>0.38900623176983123</v>
      </c>
      <c r="J3068">
        <f t="shared" si="350"/>
        <v>1.296687439232771</v>
      </c>
      <c r="K3068">
        <f t="shared" si="351"/>
        <v>1.9450311588491562</v>
      </c>
      <c r="L3068">
        <f t="shared" si="352"/>
        <v>9.3361495624759492</v>
      </c>
      <c r="M3068">
        <f t="shared" si="353"/>
        <v>0</v>
      </c>
      <c r="N3068" s="46">
        <f t="shared" si="354"/>
        <v>45418.416666659308</v>
      </c>
    </row>
    <row r="3069" spans="2:14" x14ac:dyDescent="0.3">
      <c r="B3069">
        <f t="shared" si="348"/>
        <v>1</v>
      </c>
      <c r="C3069" s="16">
        <v>3035</v>
      </c>
      <c r="D3069" cm="1">
        <f t="array" ref="D3069">IFERROR(INDEX(Jesper!AH$2:AH$366,ROUNDDOWN($C3069/24,0)+1,1)*INDEX($D$3:$AA$30,INDEX(Jesper!$R$2:$R$366,ROW(INDEX(Jesper!AH$2:AH$366,ROUNDDOWN($C3069/24,0)+1,1))-1)+IF('Standard Profiles'!$G$18=$B$10,7,0)+IF('Standard Profiles'!$G$18=$B$17,14,0)+IF('Standard Profiles'!$G$18=$B$24,21,0),MOD($C3069,24)+1)/SUM(INDEX($D$3:$AA$30,INDEX(Jesper!$R$2:$R$366,ROW(INDEX(Jesper!AH$2:AH$366,ROUNDDOWN($C3069/24,0)+1,1))-1)+IF('Standard Profiles'!$G$18=$B$10,7,0)+IF('Standard Profiles'!$G$18=$B$17,14,0)+IF('Standard Profiles'!$G$18=$B$24,21,0),0)),0)</f>
        <v>16.465872244225661</v>
      </c>
      <c r="E3069" cm="1">
        <f t="array" ref="E3069">IFERROR(INDEX(Jesper!AI$2:AI$366,ROUNDDOWN($C3069/24,0)+1,1)*INDEX($D$3:$AA$30,INDEX(Jesper!$R$2:$R$366,ROW(INDEX(Jesper!AI$2:AI$366,ROUNDDOWN($C3069/24,0)+1,1))-1)+IF('Standard Profiles'!$G$19=$B$10,7,0)+IF('Standard Profiles'!$G$19=$B$17,14,0)+IF('Standard Profiles'!$G$19=$B$24,21,0),MOD($C3069,24)+1)/SUM(INDEX($D$3:$AA$30,INDEX(Jesper!$R$2:$R$366,ROW(INDEX(Jesper!AI$2:AI$366,ROUNDDOWN($C3069/24,0)+1,1))-1)+IF('Standard Profiles'!$G$19=$B$10,7,0)+IF('Standard Profiles'!$G$19=$B$17,14,0)+IF('Standard Profiles'!$G$19=$B$24,21,0),0)),0)</f>
        <v>0</v>
      </c>
      <c r="F3069" cm="1">
        <f t="array" ref="F3069">IFERROR(INDEX(Jesper!AJ$2:AJ$366,ROUNDDOWN($C3069/24,0)+1,1)*INDEX($D$3:$AA$30,INDEX(Jesper!$R$2:$R$366,ROW(INDEX(Jesper!AJ$2:AJ$366,ROUNDDOWN($C3069/24,0)+1,1))-1)+IF('Standard Profiles'!$G$20=$B$10,7,0)+IF('Standard Profiles'!$G$20=$B$17,14,0)+IF('Standard Profiles'!$G$20=$B$24,21,0),MOD($C3069,24)+1)/SUM(INDEX($D$3:$AA$30,INDEX(Jesper!$R$2:$R$366,ROW(INDEX(Jesper!AJ$2:AJ$366,ROUNDDOWN($C3069/24,0)+1,1))-1)+IF('Standard Profiles'!$G$20=$B$10,7,0)+IF('Standard Profiles'!$G$20=$B$17,14,0)+IF('Standard Profiles'!$G$20=$B$24,21,0),0)),0)</f>
        <v>0</v>
      </c>
      <c r="G3069" cm="1">
        <f t="array" ref="G3069">IFERROR(INDEX(Jesper!AK$2:AK$366,ROUNDDOWN($C3069/24,0)+1,1)*INDEX($D$3:$AA$30,INDEX(Jesper!$R$2:$R$366,ROW(INDEX(Jesper!AK$2:AK$366,ROUNDDOWN($C3069/24,0)+1,1))-1)+IF('Standard Profiles'!$G$21=$B$10,7,0)+IF('Standard Profiles'!$G$21=$B$17,14,0)+IF('Standard Profiles'!$G$21=$B$24,21,0),MOD($C3069,24)+1)/SUM(INDEX($D$3:$AA$30,INDEX(Jesper!$R$2:$R$366,ROW(INDEX(Jesper!AK$2:AK$366,ROUNDDOWN($C3069/24,0)+1,1))-1)+IF('Standard Profiles'!$G$21=$B$10,7,0)+IF('Standard Profiles'!$G$21=$B$17,14,0)+IF('Standard Profiles'!$G$21=$B$24,21,0),0)),0)</f>
        <v>0</v>
      </c>
      <c r="H3069" cm="1">
        <f t="array" ref="H3069">IFERROR(INDEX(Jesper!AL$2:AL$366,ROUNDDOWN($C3069/24,0)+1,1)*INDEX($D$3:$AA$30,INDEX(Jesper!$R$2:$R$366,ROW(INDEX(Jesper!AL$2:AL$366,ROUNDDOWN($C3069/24,0)+1,1))-1)+IF('Standard Profiles'!$G$22=$B$10,7,0)+IF('Standard Profiles'!$G$22=$B$17,14,0)+IF('Standard Profiles'!$G$22=$B$24,21,0),MOD($C3069,24)+1)/SUM(INDEX($D$3:$AA$30,INDEX(Jesper!$R$2:$R$366,ROW(INDEX(Jesper!AL$2:AL$366,ROUNDDOWN($C3069/24,0)+1,1))-1)+IF('Standard Profiles'!$G$22=$B$10,7,0)+IF('Standard Profiles'!$G$22=$B$17,14,0)+IF('Standard Profiles'!$G$22=$B$24,21,0),0)),0)</f>
        <v>0</v>
      </c>
      <c r="I3069">
        <f t="shared" si="349"/>
        <v>0.4939761673267698</v>
      </c>
      <c r="J3069">
        <f t="shared" si="350"/>
        <v>1.6465872244225661</v>
      </c>
      <c r="K3069">
        <f t="shared" si="351"/>
        <v>2.4698808366338492</v>
      </c>
      <c r="L3069">
        <f t="shared" si="352"/>
        <v>11.855428015842476</v>
      </c>
      <c r="M3069">
        <f t="shared" si="353"/>
        <v>0</v>
      </c>
      <c r="N3069" s="46">
        <f t="shared" si="354"/>
        <v>45418.458333325972</v>
      </c>
    </row>
    <row r="3070" spans="2:14" x14ac:dyDescent="0.3">
      <c r="B3070">
        <f t="shared" si="348"/>
        <v>1</v>
      </c>
      <c r="C3070" s="16">
        <v>3036</v>
      </c>
      <c r="D3070" cm="1">
        <f t="array" ref="D3070">IFERROR(INDEX(Jesper!AH$2:AH$366,ROUNDDOWN($C3070/24,0)+1,1)*INDEX($D$3:$AA$30,INDEX(Jesper!$R$2:$R$366,ROW(INDEX(Jesper!AH$2:AH$366,ROUNDDOWN($C3070/24,0)+1,1))-1)+IF('Standard Profiles'!$G$18=$B$10,7,0)+IF('Standard Profiles'!$G$18=$B$17,14,0)+IF('Standard Profiles'!$G$18=$B$24,21,0),MOD($C3070,24)+1)/SUM(INDEX($D$3:$AA$30,INDEX(Jesper!$R$2:$R$366,ROW(INDEX(Jesper!AH$2:AH$366,ROUNDDOWN($C3070/24,0)+1,1))-1)+IF('Standard Profiles'!$G$18=$B$10,7,0)+IF('Standard Profiles'!$G$18=$B$17,14,0)+IF('Standard Profiles'!$G$18=$B$24,21,0),0)),0)</f>
        <v>16.465872244225661</v>
      </c>
      <c r="E3070" cm="1">
        <f t="array" ref="E3070">IFERROR(INDEX(Jesper!AI$2:AI$366,ROUNDDOWN($C3070/24,0)+1,1)*INDEX($D$3:$AA$30,INDEX(Jesper!$R$2:$R$366,ROW(INDEX(Jesper!AI$2:AI$366,ROUNDDOWN($C3070/24,0)+1,1))-1)+IF('Standard Profiles'!$G$19=$B$10,7,0)+IF('Standard Profiles'!$G$19=$B$17,14,0)+IF('Standard Profiles'!$G$19=$B$24,21,0),MOD($C3070,24)+1)/SUM(INDEX($D$3:$AA$30,INDEX(Jesper!$R$2:$R$366,ROW(INDEX(Jesper!AI$2:AI$366,ROUNDDOWN($C3070/24,0)+1,1))-1)+IF('Standard Profiles'!$G$19=$B$10,7,0)+IF('Standard Profiles'!$G$19=$B$17,14,0)+IF('Standard Profiles'!$G$19=$B$24,21,0),0)),0)</f>
        <v>0</v>
      </c>
      <c r="F3070" cm="1">
        <f t="array" ref="F3070">IFERROR(INDEX(Jesper!AJ$2:AJ$366,ROUNDDOWN($C3070/24,0)+1,1)*INDEX($D$3:$AA$30,INDEX(Jesper!$R$2:$R$366,ROW(INDEX(Jesper!AJ$2:AJ$366,ROUNDDOWN($C3070/24,0)+1,1))-1)+IF('Standard Profiles'!$G$20=$B$10,7,0)+IF('Standard Profiles'!$G$20=$B$17,14,0)+IF('Standard Profiles'!$G$20=$B$24,21,0),MOD($C3070,24)+1)/SUM(INDEX($D$3:$AA$30,INDEX(Jesper!$R$2:$R$366,ROW(INDEX(Jesper!AJ$2:AJ$366,ROUNDDOWN($C3070/24,0)+1,1))-1)+IF('Standard Profiles'!$G$20=$B$10,7,0)+IF('Standard Profiles'!$G$20=$B$17,14,0)+IF('Standard Profiles'!$G$20=$B$24,21,0),0)),0)</f>
        <v>0</v>
      </c>
      <c r="G3070" cm="1">
        <f t="array" ref="G3070">IFERROR(INDEX(Jesper!AK$2:AK$366,ROUNDDOWN($C3070/24,0)+1,1)*INDEX($D$3:$AA$30,INDEX(Jesper!$R$2:$R$366,ROW(INDEX(Jesper!AK$2:AK$366,ROUNDDOWN($C3070/24,0)+1,1))-1)+IF('Standard Profiles'!$G$21=$B$10,7,0)+IF('Standard Profiles'!$G$21=$B$17,14,0)+IF('Standard Profiles'!$G$21=$B$24,21,0),MOD($C3070,24)+1)/SUM(INDEX($D$3:$AA$30,INDEX(Jesper!$R$2:$R$366,ROW(INDEX(Jesper!AK$2:AK$366,ROUNDDOWN($C3070/24,0)+1,1))-1)+IF('Standard Profiles'!$G$21=$B$10,7,0)+IF('Standard Profiles'!$G$21=$B$17,14,0)+IF('Standard Profiles'!$G$21=$B$24,21,0),0)),0)</f>
        <v>0</v>
      </c>
      <c r="H3070" cm="1">
        <f t="array" ref="H3070">IFERROR(INDEX(Jesper!AL$2:AL$366,ROUNDDOWN($C3070/24,0)+1,1)*INDEX($D$3:$AA$30,INDEX(Jesper!$R$2:$R$366,ROW(INDEX(Jesper!AL$2:AL$366,ROUNDDOWN($C3070/24,0)+1,1))-1)+IF('Standard Profiles'!$G$22=$B$10,7,0)+IF('Standard Profiles'!$G$22=$B$17,14,0)+IF('Standard Profiles'!$G$22=$B$24,21,0),MOD($C3070,24)+1)/SUM(INDEX($D$3:$AA$30,INDEX(Jesper!$R$2:$R$366,ROW(INDEX(Jesper!AL$2:AL$366,ROUNDDOWN($C3070/24,0)+1,1))-1)+IF('Standard Profiles'!$G$22=$B$10,7,0)+IF('Standard Profiles'!$G$22=$B$17,14,0)+IF('Standard Profiles'!$G$22=$B$24,21,0),0)),0)</f>
        <v>0</v>
      </c>
      <c r="I3070">
        <f t="shared" si="349"/>
        <v>0.4939761673267698</v>
      </c>
      <c r="J3070">
        <f t="shared" si="350"/>
        <v>1.6465872244225661</v>
      </c>
      <c r="K3070">
        <f t="shared" si="351"/>
        <v>2.4698808366338492</v>
      </c>
      <c r="L3070">
        <f t="shared" si="352"/>
        <v>11.855428015842476</v>
      </c>
      <c r="M3070">
        <f t="shared" si="353"/>
        <v>0</v>
      </c>
      <c r="N3070" s="46">
        <f t="shared" si="354"/>
        <v>45418.499999992637</v>
      </c>
    </row>
    <row r="3071" spans="2:14" x14ac:dyDescent="0.3">
      <c r="B3071">
        <f t="shared" si="348"/>
        <v>1</v>
      </c>
      <c r="C3071" s="16">
        <v>3037</v>
      </c>
      <c r="D3071" cm="1">
        <f t="array" ref="D3071">IFERROR(INDEX(Jesper!AH$2:AH$366,ROUNDDOWN($C3071/24,0)+1,1)*INDEX($D$3:$AA$30,INDEX(Jesper!$R$2:$R$366,ROW(INDEX(Jesper!AH$2:AH$366,ROUNDDOWN($C3071/24,0)+1,1))-1)+IF('Standard Profiles'!$G$18=$B$10,7,0)+IF('Standard Profiles'!$G$18=$B$17,14,0)+IF('Standard Profiles'!$G$18=$B$24,21,0),MOD($C3071,24)+1)/SUM(INDEX($D$3:$AA$30,INDEX(Jesper!$R$2:$R$366,ROW(INDEX(Jesper!AH$2:AH$366,ROUNDDOWN($C3071/24,0)+1,1))-1)+IF('Standard Profiles'!$G$18=$B$10,7,0)+IF('Standard Profiles'!$G$18=$B$17,14,0)+IF('Standard Profiles'!$G$18=$B$24,21,0),0)),0)</f>
        <v>10.908640361799499</v>
      </c>
      <c r="E3071" cm="1">
        <f t="array" ref="E3071">IFERROR(INDEX(Jesper!AI$2:AI$366,ROUNDDOWN($C3071/24,0)+1,1)*INDEX($D$3:$AA$30,INDEX(Jesper!$R$2:$R$366,ROW(INDEX(Jesper!AI$2:AI$366,ROUNDDOWN($C3071/24,0)+1,1))-1)+IF('Standard Profiles'!$G$19=$B$10,7,0)+IF('Standard Profiles'!$G$19=$B$17,14,0)+IF('Standard Profiles'!$G$19=$B$24,21,0),MOD($C3071,24)+1)/SUM(INDEX($D$3:$AA$30,INDEX(Jesper!$R$2:$R$366,ROW(INDEX(Jesper!AI$2:AI$366,ROUNDDOWN($C3071/24,0)+1,1))-1)+IF('Standard Profiles'!$G$19=$B$10,7,0)+IF('Standard Profiles'!$G$19=$B$17,14,0)+IF('Standard Profiles'!$G$19=$B$24,21,0),0)),0)</f>
        <v>0</v>
      </c>
      <c r="F3071" cm="1">
        <f t="array" ref="F3071">IFERROR(INDEX(Jesper!AJ$2:AJ$366,ROUNDDOWN($C3071/24,0)+1,1)*INDEX($D$3:$AA$30,INDEX(Jesper!$R$2:$R$366,ROW(INDEX(Jesper!AJ$2:AJ$366,ROUNDDOWN($C3071/24,0)+1,1))-1)+IF('Standard Profiles'!$G$20=$B$10,7,0)+IF('Standard Profiles'!$G$20=$B$17,14,0)+IF('Standard Profiles'!$G$20=$B$24,21,0),MOD($C3071,24)+1)/SUM(INDEX($D$3:$AA$30,INDEX(Jesper!$R$2:$R$366,ROW(INDEX(Jesper!AJ$2:AJ$366,ROUNDDOWN($C3071/24,0)+1,1))-1)+IF('Standard Profiles'!$G$20=$B$10,7,0)+IF('Standard Profiles'!$G$20=$B$17,14,0)+IF('Standard Profiles'!$G$20=$B$24,21,0),0)),0)</f>
        <v>0</v>
      </c>
      <c r="G3071" cm="1">
        <f t="array" ref="G3071">IFERROR(INDEX(Jesper!AK$2:AK$366,ROUNDDOWN($C3071/24,0)+1,1)*INDEX($D$3:$AA$30,INDEX(Jesper!$R$2:$R$366,ROW(INDEX(Jesper!AK$2:AK$366,ROUNDDOWN($C3071/24,0)+1,1))-1)+IF('Standard Profiles'!$G$21=$B$10,7,0)+IF('Standard Profiles'!$G$21=$B$17,14,0)+IF('Standard Profiles'!$G$21=$B$24,21,0),MOD($C3071,24)+1)/SUM(INDEX($D$3:$AA$30,INDEX(Jesper!$R$2:$R$366,ROW(INDEX(Jesper!AK$2:AK$366,ROUNDDOWN($C3071/24,0)+1,1))-1)+IF('Standard Profiles'!$G$21=$B$10,7,0)+IF('Standard Profiles'!$G$21=$B$17,14,0)+IF('Standard Profiles'!$G$21=$B$24,21,0),0)),0)</f>
        <v>0</v>
      </c>
      <c r="H3071" cm="1">
        <f t="array" ref="H3071">IFERROR(INDEX(Jesper!AL$2:AL$366,ROUNDDOWN($C3071/24,0)+1,1)*INDEX($D$3:$AA$30,INDEX(Jesper!$R$2:$R$366,ROW(INDEX(Jesper!AL$2:AL$366,ROUNDDOWN($C3071/24,0)+1,1))-1)+IF('Standard Profiles'!$G$22=$B$10,7,0)+IF('Standard Profiles'!$G$22=$B$17,14,0)+IF('Standard Profiles'!$G$22=$B$24,21,0),MOD($C3071,24)+1)/SUM(INDEX($D$3:$AA$30,INDEX(Jesper!$R$2:$R$366,ROW(INDEX(Jesper!AL$2:AL$366,ROUNDDOWN($C3071/24,0)+1,1))-1)+IF('Standard Profiles'!$G$22=$B$10,7,0)+IF('Standard Profiles'!$G$22=$B$17,14,0)+IF('Standard Profiles'!$G$22=$B$24,21,0),0)),0)</f>
        <v>0</v>
      </c>
      <c r="I3071">
        <f t="shared" si="349"/>
        <v>0.32725921085398496</v>
      </c>
      <c r="J3071">
        <f t="shared" si="350"/>
        <v>1.09086403617995</v>
      </c>
      <c r="K3071">
        <f t="shared" si="351"/>
        <v>1.6362960542699247</v>
      </c>
      <c r="L3071">
        <f t="shared" si="352"/>
        <v>7.8542210604956386</v>
      </c>
      <c r="M3071">
        <f t="shared" si="353"/>
        <v>0</v>
      </c>
      <c r="N3071" s="46">
        <f t="shared" si="354"/>
        <v>45418.541666659301</v>
      </c>
    </row>
    <row r="3072" spans="2:14" x14ac:dyDescent="0.3">
      <c r="B3072">
        <f t="shared" si="348"/>
        <v>1</v>
      </c>
      <c r="C3072" s="16">
        <v>3038</v>
      </c>
      <c r="D3072" cm="1">
        <f t="array" ref="D3072">IFERROR(INDEX(Jesper!AH$2:AH$366,ROUNDDOWN($C3072/24,0)+1,1)*INDEX($D$3:$AA$30,INDEX(Jesper!$R$2:$R$366,ROW(INDEX(Jesper!AH$2:AH$366,ROUNDDOWN($C3072/24,0)+1,1))-1)+IF('Standard Profiles'!$G$18=$B$10,7,0)+IF('Standard Profiles'!$G$18=$B$17,14,0)+IF('Standard Profiles'!$G$18=$B$24,21,0),MOD($C3072,24)+1)/SUM(INDEX($D$3:$AA$30,INDEX(Jesper!$R$2:$R$366,ROW(INDEX(Jesper!AH$2:AH$366,ROUNDDOWN($C3072/24,0)+1,1))-1)+IF('Standard Profiles'!$G$18=$B$10,7,0)+IF('Standard Profiles'!$G$18=$B$17,14,0)+IF('Standard Profiles'!$G$18=$B$24,21,0),0)),0)</f>
        <v>16.465872244225661</v>
      </c>
      <c r="E3072" cm="1">
        <f t="array" ref="E3072">IFERROR(INDEX(Jesper!AI$2:AI$366,ROUNDDOWN($C3072/24,0)+1,1)*INDEX($D$3:$AA$30,INDEX(Jesper!$R$2:$R$366,ROW(INDEX(Jesper!AI$2:AI$366,ROUNDDOWN($C3072/24,0)+1,1))-1)+IF('Standard Profiles'!$G$19=$B$10,7,0)+IF('Standard Profiles'!$G$19=$B$17,14,0)+IF('Standard Profiles'!$G$19=$B$24,21,0),MOD($C3072,24)+1)/SUM(INDEX($D$3:$AA$30,INDEX(Jesper!$R$2:$R$366,ROW(INDEX(Jesper!AI$2:AI$366,ROUNDDOWN($C3072/24,0)+1,1))-1)+IF('Standard Profiles'!$G$19=$B$10,7,0)+IF('Standard Profiles'!$G$19=$B$17,14,0)+IF('Standard Profiles'!$G$19=$B$24,21,0),0)),0)</f>
        <v>0</v>
      </c>
      <c r="F3072" cm="1">
        <f t="array" ref="F3072">IFERROR(INDEX(Jesper!AJ$2:AJ$366,ROUNDDOWN($C3072/24,0)+1,1)*INDEX($D$3:$AA$30,INDEX(Jesper!$R$2:$R$366,ROW(INDEX(Jesper!AJ$2:AJ$366,ROUNDDOWN($C3072/24,0)+1,1))-1)+IF('Standard Profiles'!$G$20=$B$10,7,0)+IF('Standard Profiles'!$G$20=$B$17,14,0)+IF('Standard Profiles'!$G$20=$B$24,21,0),MOD($C3072,24)+1)/SUM(INDEX($D$3:$AA$30,INDEX(Jesper!$R$2:$R$366,ROW(INDEX(Jesper!AJ$2:AJ$366,ROUNDDOWN($C3072/24,0)+1,1))-1)+IF('Standard Profiles'!$G$20=$B$10,7,0)+IF('Standard Profiles'!$G$20=$B$17,14,0)+IF('Standard Profiles'!$G$20=$B$24,21,0),0)),0)</f>
        <v>0</v>
      </c>
      <c r="G3072" cm="1">
        <f t="array" ref="G3072">IFERROR(INDEX(Jesper!AK$2:AK$366,ROUNDDOWN($C3072/24,0)+1,1)*INDEX($D$3:$AA$30,INDEX(Jesper!$R$2:$R$366,ROW(INDEX(Jesper!AK$2:AK$366,ROUNDDOWN($C3072/24,0)+1,1))-1)+IF('Standard Profiles'!$G$21=$B$10,7,0)+IF('Standard Profiles'!$G$21=$B$17,14,0)+IF('Standard Profiles'!$G$21=$B$24,21,0),MOD($C3072,24)+1)/SUM(INDEX($D$3:$AA$30,INDEX(Jesper!$R$2:$R$366,ROW(INDEX(Jesper!AK$2:AK$366,ROUNDDOWN($C3072/24,0)+1,1))-1)+IF('Standard Profiles'!$G$21=$B$10,7,0)+IF('Standard Profiles'!$G$21=$B$17,14,0)+IF('Standard Profiles'!$G$21=$B$24,21,0),0)),0)</f>
        <v>0</v>
      </c>
      <c r="H3072" cm="1">
        <f t="array" ref="H3072">IFERROR(INDEX(Jesper!AL$2:AL$366,ROUNDDOWN($C3072/24,0)+1,1)*INDEX($D$3:$AA$30,INDEX(Jesper!$R$2:$R$366,ROW(INDEX(Jesper!AL$2:AL$366,ROUNDDOWN($C3072/24,0)+1,1))-1)+IF('Standard Profiles'!$G$22=$B$10,7,0)+IF('Standard Profiles'!$G$22=$B$17,14,0)+IF('Standard Profiles'!$G$22=$B$24,21,0),MOD($C3072,24)+1)/SUM(INDEX($D$3:$AA$30,INDEX(Jesper!$R$2:$R$366,ROW(INDEX(Jesper!AL$2:AL$366,ROUNDDOWN($C3072/24,0)+1,1))-1)+IF('Standard Profiles'!$G$22=$B$10,7,0)+IF('Standard Profiles'!$G$22=$B$17,14,0)+IF('Standard Profiles'!$G$22=$B$24,21,0),0)),0)</f>
        <v>0</v>
      </c>
      <c r="I3072">
        <f t="shared" si="349"/>
        <v>0.4939761673267698</v>
      </c>
      <c r="J3072">
        <f t="shared" si="350"/>
        <v>1.6465872244225661</v>
      </c>
      <c r="K3072">
        <f t="shared" si="351"/>
        <v>2.4698808366338492</v>
      </c>
      <c r="L3072">
        <f t="shared" si="352"/>
        <v>11.855428015842476</v>
      </c>
      <c r="M3072">
        <f t="shared" si="353"/>
        <v>0</v>
      </c>
      <c r="N3072" s="46">
        <f t="shared" si="354"/>
        <v>45418.583333325965</v>
      </c>
    </row>
    <row r="3073" spans="2:14" x14ac:dyDescent="0.3">
      <c r="B3073">
        <f t="shared" si="348"/>
        <v>1</v>
      </c>
      <c r="C3073" s="16">
        <v>3039</v>
      </c>
      <c r="D3073" cm="1">
        <f t="array" ref="D3073">IFERROR(INDEX(Jesper!AH$2:AH$366,ROUNDDOWN($C3073/24,0)+1,1)*INDEX($D$3:$AA$30,INDEX(Jesper!$R$2:$R$366,ROW(INDEX(Jesper!AH$2:AH$366,ROUNDDOWN($C3073/24,0)+1,1))-1)+IF('Standard Profiles'!$G$18=$B$10,7,0)+IF('Standard Profiles'!$G$18=$B$17,14,0)+IF('Standard Profiles'!$G$18=$B$24,21,0),MOD($C3073,24)+1)/SUM(INDEX($D$3:$AA$30,INDEX(Jesper!$R$2:$R$366,ROW(INDEX(Jesper!AH$2:AH$366,ROUNDDOWN($C3073/24,0)+1,1))-1)+IF('Standard Profiles'!$G$18=$B$10,7,0)+IF('Standard Profiles'!$G$18=$B$17,14,0)+IF('Standard Profiles'!$G$18=$B$24,21,0),0)),0)</f>
        <v>16.465872244225661</v>
      </c>
      <c r="E3073" cm="1">
        <f t="array" ref="E3073">IFERROR(INDEX(Jesper!AI$2:AI$366,ROUNDDOWN($C3073/24,0)+1,1)*INDEX($D$3:$AA$30,INDEX(Jesper!$R$2:$R$366,ROW(INDEX(Jesper!AI$2:AI$366,ROUNDDOWN($C3073/24,0)+1,1))-1)+IF('Standard Profiles'!$G$19=$B$10,7,0)+IF('Standard Profiles'!$G$19=$B$17,14,0)+IF('Standard Profiles'!$G$19=$B$24,21,0),MOD($C3073,24)+1)/SUM(INDEX($D$3:$AA$30,INDEX(Jesper!$R$2:$R$366,ROW(INDEX(Jesper!AI$2:AI$366,ROUNDDOWN($C3073/24,0)+1,1))-1)+IF('Standard Profiles'!$G$19=$B$10,7,0)+IF('Standard Profiles'!$G$19=$B$17,14,0)+IF('Standard Profiles'!$G$19=$B$24,21,0),0)),0)</f>
        <v>0</v>
      </c>
      <c r="F3073" cm="1">
        <f t="array" ref="F3073">IFERROR(INDEX(Jesper!AJ$2:AJ$366,ROUNDDOWN($C3073/24,0)+1,1)*INDEX($D$3:$AA$30,INDEX(Jesper!$R$2:$R$366,ROW(INDEX(Jesper!AJ$2:AJ$366,ROUNDDOWN($C3073/24,0)+1,1))-1)+IF('Standard Profiles'!$G$20=$B$10,7,0)+IF('Standard Profiles'!$G$20=$B$17,14,0)+IF('Standard Profiles'!$G$20=$B$24,21,0),MOD($C3073,24)+1)/SUM(INDEX($D$3:$AA$30,INDEX(Jesper!$R$2:$R$366,ROW(INDEX(Jesper!AJ$2:AJ$366,ROUNDDOWN($C3073/24,0)+1,1))-1)+IF('Standard Profiles'!$G$20=$B$10,7,0)+IF('Standard Profiles'!$G$20=$B$17,14,0)+IF('Standard Profiles'!$G$20=$B$24,21,0),0)),0)</f>
        <v>0</v>
      </c>
      <c r="G3073" cm="1">
        <f t="array" ref="G3073">IFERROR(INDEX(Jesper!AK$2:AK$366,ROUNDDOWN($C3073/24,0)+1,1)*INDEX($D$3:$AA$30,INDEX(Jesper!$R$2:$R$366,ROW(INDEX(Jesper!AK$2:AK$366,ROUNDDOWN($C3073/24,0)+1,1))-1)+IF('Standard Profiles'!$G$21=$B$10,7,0)+IF('Standard Profiles'!$G$21=$B$17,14,0)+IF('Standard Profiles'!$G$21=$B$24,21,0),MOD($C3073,24)+1)/SUM(INDEX($D$3:$AA$30,INDEX(Jesper!$R$2:$R$366,ROW(INDEX(Jesper!AK$2:AK$366,ROUNDDOWN($C3073/24,0)+1,1))-1)+IF('Standard Profiles'!$G$21=$B$10,7,0)+IF('Standard Profiles'!$G$21=$B$17,14,0)+IF('Standard Profiles'!$G$21=$B$24,21,0),0)),0)</f>
        <v>0</v>
      </c>
      <c r="H3073" cm="1">
        <f t="array" ref="H3073">IFERROR(INDEX(Jesper!AL$2:AL$366,ROUNDDOWN($C3073/24,0)+1,1)*INDEX($D$3:$AA$30,INDEX(Jesper!$R$2:$R$366,ROW(INDEX(Jesper!AL$2:AL$366,ROUNDDOWN($C3073/24,0)+1,1))-1)+IF('Standard Profiles'!$G$22=$B$10,7,0)+IF('Standard Profiles'!$G$22=$B$17,14,0)+IF('Standard Profiles'!$G$22=$B$24,21,0),MOD($C3073,24)+1)/SUM(INDEX($D$3:$AA$30,INDEX(Jesper!$R$2:$R$366,ROW(INDEX(Jesper!AL$2:AL$366,ROUNDDOWN($C3073/24,0)+1,1))-1)+IF('Standard Profiles'!$G$22=$B$10,7,0)+IF('Standard Profiles'!$G$22=$B$17,14,0)+IF('Standard Profiles'!$G$22=$B$24,21,0),0)),0)</f>
        <v>0</v>
      </c>
      <c r="I3073">
        <f t="shared" si="349"/>
        <v>0.4939761673267698</v>
      </c>
      <c r="J3073">
        <f t="shared" si="350"/>
        <v>1.6465872244225661</v>
      </c>
      <c r="K3073">
        <f t="shared" si="351"/>
        <v>2.4698808366338492</v>
      </c>
      <c r="L3073">
        <f t="shared" si="352"/>
        <v>11.855428015842476</v>
      </c>
      <c r="M3073">
        <f t="shared" si="353"/>
        <v>0</v>
      </c>
      <c r="N3073" s="46">
        <f t="shared" si="354"/>
        <v>45418.624999992629</v>
      </c>
    </row>
    <row r="3074" spans="2:14" x14ac:dyDescent="0.3">
      <c r="B3074">
        <f t="shared" si="348"/>
        <v>1</v>
      </c>
      <c r="C3074" s="16">
        <v>3040</v>
      </c>
      <c r="D3074" cm="1">
        <f t="array" ref="D3074">IFERROR(INDEX(Jesper!AH$2:AH$366,ROUNDDOWN($C3074/24,0)+1,1)*INDEX($D$3:$AA$30,INDEX(Jesper!$R$2:$R$366,ROW(INDEX(Jesper!AH$2:AH$366,ROUNDDOWN($C3074/24,0)+1,1))-1)+IF('Standard Profiles'!$G$18=$B$10,7,0)+IF('Standard Profiles'!$G$18=$B$17,14,0)+IF('Standard Profiles'!$G$18=$B$24,21,0),MOD($C3074,24)+1)/SUM(INDEX($D$3:$AA$30,INDEX(Jesper!$R$2:$R$366,ROW(INDEX(Jesper!AH$2:AH$366,ROUNDDOWN($C3074/24,0)+1,1))-1)+IF('Standard Profiles'!$G$18=$B$10,7,0)+IF('Standard Profiles'!$G$18=$B$17,14,0)+IF('Standard Profiles'!$G$18=$B$24,21,0),0)),0)</f>
        <v>16.465872244225661</v>
      </c>
      <c r="E3074" cm="1">
        <f t="array" ref="E3074">IFERROR(INDEX(Jesper!AI$2:AI$366,ROUNDDOWN($C3074/24,0)+1,1)*INDEX($D$3:$AA$30,INDEX(Jesper!$R$2:$R$366,ROW(INDEX(Jesper!AI$2:AI$366,ROUNDDOWN($C3074/24,0)+1,1))-1)+IF('Standard Profiles'!$G$19=$B$10,7,0)+IF('Standard Profiles'!$G$19=$B$17,14,0)+IF('Standard Profiles'!$G$19=$B$24,21,0),MOD($C3074,24)+1)/SUM(INDEX($D$3:$AA$30,INDEX(Jesper!$R$2:$R$366,ROW(INDEX(Jesper!AI$2:AI$366,ROUNDDOWN($C3074/24,0)+1,1))-1)+IF('Standard Profiles'!$G$19=$B$10,7,0)+IF('Standard Profiles'!$G$19=$B$17,14,0)+IF('Standard Profiles'!$G$19=$B$24,21,0),0)),0)</f>
        <v>0</v>
      </c>
      <c r="F3074" cm="1">
        <f t="array" ref="F3074">IFERROR(INDEX(Jesper!AJ$2:AJ$366,ROUNDDOWN($C3074/24,0)+1,1)*INDEX($D$3:$AA$30,INDEX(Jesper!$R$2:$R$366,ROW(INDEX(Jesper!AJ$2:AJ$366,ROUNDDOWN($C3074/24,0)+1,1))-1)+IF('Standard Profiles'!$G$20=$B$10,7,0)+IF('Standard Profiles'!$G$20=$B$17,14,0)+IF('Standard Profiles'!$G$20=$B$24,21,0),MOD($C3074,24)+1)/SUM(INDEX($D$3:$AA$30,INDEX(Jesper!$R$2:$R$366,ROW(INDEX(Jesper!AJ$2:AJ$366,ROUNDDOWN($C3074/24,0)+1,1))-1)+IF('Standard Profiles'!$G$20=$B$10,7,0)+IF('Standard Profiles'!$G$20=$B$17,14,0)+IF('Standard Profiles'!$G$20=$B$24,21,0),0)),0)</f>
        <v>0</v>
      </c>
      <c r="G3074" cm="1">
        <f t="array" ref="G3074">IFERROR(INDEX(Jesper!AK$2:AK$366,ROUNDDOWN($C3074/24,0)+1,1)*INDEX($D$3:$AA$30,INDEX(Jesper!$R$2:$R$366,ROW(INDEX(Jesper!AK$2:AK$366,ROUNDDOWN($C3074/24,0)+1,1))-1)+IF('Standard Profiles'!$G$21=$B$10,7,0)+IF('Standard Profiles'!$G$21=$B$17,14,0)+IF('Standard Profiles'!$G$21=$B$24,21,0),MOD($C3074,24)+1)/SUM(INDEX($D$3:$AA$30,INDEX(Jesper!$R$2:$R$366,ROW(INDEX(Jesper!AK$2:AK$366,ROUNDDOWN($C3074/24,0)+1,1))-1)+IF('Standard Profiles'!$G$21=$B$10,7,0)+IF('Standard Profiles'!$G$21=$B$17,14,0)+IF('Standard Profiles'!$G$21=$B$24,21,0),0)),0)</f>
        <v>0</v>
      </c>
      <c r="H3074" cm="1">
        <f t="array" ref="H3074">IFERROR(INDEX(Jesper!AL$2:AL$366,ROUNDDOWN($C3074/24,0)+1,1)*INDEX($D$3:$AA$30,INDEX(Jesper!$R$2:$R$366,ROW(INDEX(Jesper!AL$2:AL$366,ROUNDDOWN($C3074/24,0)+1,1))-1)+IF('Standard Profiles'!$G$22=$B$10,7,0)+IF('Standard Profiles'!$G$22=$B$17,14,0)+IF('Standard Profiles'!$G$22=$B$24,21,0),MOD($C3074,24)+1)/SUM(INDEX($D$3:$AA$30,INDEX(Jesper!$R$2:$R$366,ROW(INDEX(Jesper!AL$2:AL$366,ROUNDDOWN($C3074/24,0)+1,1))-1)+IF('Standard Profiles'!$G$22=$B$10,7,0)+IF('Standard Profiles'!$G$22=$B$17,14,0)+IF('Standard Profiles'!$G$22=$B$24,21,0),0)),0)</f>
        <v>0</v>
      </c>
      <c r="I3074">
        <f t="shared" si="349"/>
        <v>0.4939761673267698</v>
      </c>
      <c r="J3074">
        <f t="shared" si="350"/>
        <v>1.6465872244225661</v>
      </c>
      <c r="K3074">
        <f t="shared" si="351"/>
        <v>2.4698808366338492</v>
      </c>
      <c r="L3074">
        <f t="shared" si="352"/>
        <v>11.855428015842476</v>
      </c>
      <c r="M3074">
        <f t="shared" si="353"/>
        <v>0</v>
      </c>
      <c r="N3074" s="46">
        <f t="shared" si="354"/>
        <v>45418.666666659294</v>
      </c>
    </row>
    <row r="3075" spans="2:14" x14ac:dyDescent="0.3">
      <c r="B3075">
        <f t="shared" si="348"/>
        <v>1</v>
      </c>
      <c r="C3075" s="16">
        <v>3041</v>
      </c>
      <c r="D3075" cm="1">
        <f t="array" ref="D3075">IFERROR(INDEX(Jesper!AH$2:AH$366,ROUNDDOWN($C3075/24,0)+1,1)*INDEX($D$3:$AA$30,INDEX(Jesper!$R$2:$R$366,ROW(INDEX(Jesper!AH$2:AH$366,ROUNDDOWN($C3075/24,0)+1,1))-1)+IF('Standard Profiles'!$G$18=$B$10,7,0)+IF('Standard Profiles'!$G$18=$B$17,14,0)+IF('Standard Profiles'!$G$18=$B$24,21,0),MOD($C3075,24)+1)/SUM(INDEX($D$3:$AA$30,INDEX(Jesper!$R$2:$R$366,ROW(INDEX(Jesper!AH$2:AH$366,ROUNDDOWN($C3075/24,0)+1,1))-1)+IF('Standard Profiles'!$G$18=$B$10,7,0)+IF('Standard Profiles'!$G$18=$B$17,14,0)+IF('Standard Profiles'!$G$18=$B$24,21,0),0)),0)</f>
        <v>16.465872244225661</v>
      </c>
      <c r="E3075" cm="1">
        <f t="array" ref="E3075">IFERROR(INDEX(Jesper!AI$2:AI$366,ROUNDDOWN($C3075/24,0)+1,1)*INDEX($D$3:$AA$30,INDEX(Jesper!$R$2:$R$366,ROW(INDEX(Jesper!AI$2:AI$366,ROUNDDOWN($C3075/24,0)+1,1))-1)+IF('Standard Profiles'!$G$19=$B$10,7,0)+IF('Standard Profiles'!$G$19=$B$17,14,0)+IF('Standard Profiles'!$G$19=$B$24,21,0),MOD($C3075,24)+1)/SUM(INDEX($D$3:$AA$30,INDEX(Jesper!$R$2:$R$366,ROW(INDEX(Jesper!AI$2:AI$366,ROUNDDOWN($C3075/24,0)+1,1))-1)+IF('Standard Profiles'!$G$19=$B$10,7,0)+IF('Standard Profiles'!$G$19=$B$17,14,0)+IF('Standard Profiles'!$G$19=$B$24,21,0),0)),0)</f>
        <v>0</v>
      </c>
      <c r="F3075" cm="1">
        <f t="array" ref="F3075">IFERROR(INDEX(Jesper!AJ$2:AJ$366,ROUNDDOWN($C3075/24,0)+1,1)*INDEX($D$3:$AA$30,INDEX(Jesper!$R$2:$R$366,ROW(INDEX(Jesper!AJ$2:AJ$366,ROUNDDOWN($C3075/24,0)+1,1))-1)+IF('Standard Profiles'!$G$20=$B$10,7,0)+IF('Standard Profiles'!$G$20=$B$17,14,0)+IF('Standard Profiles'!$G$20=$B$24,21,0),MOD($C3075,24)+1)/SUM(INDEX($D$3:$AA$30,INDEX(Jesper!$R$2:$R$366,ROW(INDEX(Jesper!AJ$2:AJ$366,ROUNDDOWN($C3075/24,0)+1,1))-1)+IF('Standard Profiles'!$G$20=$B$10,7,0)+IF('Standard Profiles'!$G$20=$B$17,14,0)+IF('Standard Profiles'!$G$20=$B$24,21,0),0)),0)</f>
        <v>0</v>
      </c>
      <c r="G3075" cm="1">
        <f t="array" ref="G3075">IFERROR(INDEX(Jesper!AK$2:AK$366,ROUNDDOWN($C3075/24,0)+1,1)*INDEX($D$3:$AA$30,INDEX(Jesper!$R$2:$R$366,ROW(INDEX(Jesper!AK$2:AK$366,ROUNDDOWN($C3075/24,0)+1,1))-1)+IF('Standard Profiles'!$G$21=$B$10,7,0)+IF('Standard Profiles'!$G$21=$B$17,14,0)+IF('Standard Profiles'!$G$21=$B$24,21,0),MOD($C3075,24)+1)/SUM(INDEX($D$3:$AA$30,INDEX(Jesper!$R$2:$R$366,ROW(INDEX(Jesper!AK$2:AK$366,ROUNDDOWN($C3075/24,0)+1,1))-1)+IF('Standard Profiles'!$G$21=$B$10,7,0)+IF('Standard Profiles'!$G$21=$B$17,14,0)+IF('Standard Profiles'!$G$21=$B$24,21,0),0)),0)</f>
        <v>0</v>
      </c>
      <c r="H3075" cm="1">
        <f t="array" ref="H3075">IFERROR(INDEX(Jesper!AL$2:AL$366,ROUNDDOWN($C3075/24,0)+1,1)*INDEX($D$3:$AA$30,INDEX(Jesper!$R$2:$R$366,ROW(INDEX(Jesper!AL$2:AL$366,ROUNDDOWN($C3075/24,0)+1,1))-1)+IF('Standard Profiles'!$G$22=$B$10,7,0)+IF('Standard Profiles'!$G$22=$B$17,14,0)+IF('Standard Profiles'!$G$22=$B$24,21,0),MOD($C3075,24)+1)/SUM(INDEX($D$3:$AA$30,INDEX(Jesper!$R$2:$R$366,ROW(INDEX(Jesper!AL$2:AL$366,ROUNDDOWN($C3075/24,0)+1,1))-1)+IF('Standard Profiles'!$G$22=$B$10,7,0)+IF('Standard Profiles'!$G$22=$B$17,14,0)+IF('Standard Profiles'!$G$22=$B$24,21,0),0)),0)</f>
        <v>0</v>
      </c>
      <c r="I3075">
        <f t="shared" si="349"/>
        <v>0.4939761673267698</v>
      </c>
      <c r="J3075">
        <f t="shared" si="350"/>
        <v>1.6465872244225661</v>
      </c>
      <c r="K3075">
        <f t="shared" si="351"/>
        <v>2.4698808366338492</v>
      </c>
      <c r="L3075">
        <f t="shared" si="352"/>
        <v>11.855428015842476</v>
      </c>
      <c r="M3075">
        <f t="shared" si="353"/>
        <v>0</v>
      </c>
      <c r="N3075" s="46">
        <f t="shared" si="354"/>
        <v>45418.708333325958</v>
      </c>
    </row>
    <row r="3076" spans="2:14" x14ac:dyDescent="0.3">
      <c r="B3076">
        <f t="shared" si="348"/>
        <v>1</v>
      </c>
      <c r="C3076" s="16">
        <v>3042</v>
      </c>
      <c r="D3076" cm="1">
        <f t="array" ref="D3076">IFERROR(INDEX(Jesper!AH$2:AH$366,ROUNDDOWN($C3076/24,0)+1,1)*INDEX($D$3:$AA$30,INDEX(Jesper!$R$2:$R$366,ROW(INDEX(Jesper!AH$2:AH$366,ROUNDDOWN($C3076/24,0)+1,1))-1)+IF('Standard Profiles'!$G$18=$B$10,7,0)+IF('Standard Profiles'!$G$18=$B$17,14,0)+IF('Standard Profiles'!$G$18=$B$24,21,0),MOD($C3076,24)+1)/SUM(INDEX($D$3:$AA$30,INDEX(Jesper!$R$2:$R$366,ROW(INDEX(Jesper!AH$2:AH$366,ROUNDDOWN($C3076/24,0)+1,1))-1)+IF('Standard Profiles'!$G$18=$B$10,7,0)+IF('Standard Profiles'!$G$18=$B$17,14,0)+IF('Standard Profiles'!$G$18=$B$24,21,0),0)),0)</f>
        <v>16.465872244225661</v>
      </c>
      <c r="E3076" cm="1">
        <f t="array" ref="E3076">IFERROR(INDEX(Jesper!AI$2:AI$366,ROUNDDOWN($C3076/24,0)+1,1)*INDEX($D$3:$AA$30,INDEX(Jesper!$R$2:$R$366,ROW(INDEX(Jesper!AI$2:AI$366,ROUNDDOWN($C3076/24,0)+1,1))-1)+IF('Standard Profiles'!$G$19=$B$10,7,0)+IF('Standard Profiles'!$G$19=$B$17,14,0)+IF('Standard Profiles'!$G$19=$B$24,21,0),MOD($C3076,24)+1)/SUM(INDEX($D$3:$AA$30,INDEX(Jesper!$R$2:$R$366,ROW(INDEX(Jesper!AI$2:AI$366,ROUNDDOWN($C3076/24,0)+1,1))-1)+IF('Standard Profiles'!$G$19=$B$10,7,0)+IF('Standard Profiles'!$G$19=$B$17,14,0)+IF('Standard Profiles'!$G$19=$B$24,21,0),0)),0)</f>
        <v>0</v>
      </c>
      <c r="F3076" cm="1">
        <f t="array" ref="F3076">IFERROR(INDEX(Jesper!AJ$2:AJ$366,ROUNDDOWN($C3076/24,0)+1,1)*INDEX($D$3:$AA$30,INDEX(Jesper!$R$2:$R$366,ROW(INDEX(Jesper!AJ$2:AJ$366,ROUNDDOWN($C3076/24,0)+1,1))-1)+IF('Standard Profiles'!$G$20=$B$10,7,0)+IF('Standard Profiles'!$G$20=$B$17,14,0)+IF('Standard Profiles'!$G$20=$B$24,21,0),MOD($C3076,24)+1)/SUM(INDEX($D$3:$AA$30,INDEX(Jesper!$R$2:$R$366,ROW(INDEX(Jesper!AJ$2:AJ$366,ROUNDDOWN($C3076/24,0)+1,1))-1)+IF('Standard Profiles'!$G$20=$B$10,7,0)+IF('Standard Profiles'!$G$20=$B$17,14,0)+IF('Standard Profiles'!$G$20=$B$24,21,0),0)),0)</f>
        <v>0</v>
      </c>
      <c r="G3076" cm="1">
        <f t="array" ref="G3076">IFERROR(INDEX(Jesper!AK$2:AK$366,ROUNDDOWN($C3076/24,0)+1,1)*INDEX($D$3:$AA$30,INDEX(Jesper!$R$2:$R$366,ROW(INDEX(Jesper!AK$2:AK$366,ROUNDDOWN($C3076/24,0)+1,1))-1)+IF('Standard Profiles'!$G$21=$B$10,7,0)+IF('Standard Profiles'!$G$21=$B$17,14,0)+IF('Standard Profiles'!$G$21=$B$24,21,0),MOD($C3076,24)+1)/SUM(INDEX($D$3:$AA$30,INDEX(Jesper!$R$2:$R$366,ROW(INDEX(Jesper!AK$2:AK$366,ROUNDDOWN($C3076/24,0)+1,1))-1)+IF('Standard Profiles'!$G$21=$B$10,7,0)+IF('Standard Profiles'!$G$21=$B$17,14,0)+IF('Standard Profiles'!$G$21=$B$24,21,0),0)),0)</f>
        <v>0</v>
      </c>
      <c r="H3076" cm="1">
        <f t="array" ref="H3076">IFERROR(INDEX(Jesper!AL$2:AL$366,ROUNDDOWN($C3076/24,0)+1,1)*INDEX($D$3:$AA$30,INDEX(Jesper!$R$2:$R$366,ROW(INDEX(Jesper!AL$2:AL$366,ROUNDDOWN($C3076/24,0)+1,1))-1)+IF('Standard Profiles'!$G$22=$B$10,7,0)+IF('Standard Profiles'!$G$22=$B$17,14,0)+IF('Standard Profiles'!$G$22=$B$24,21,0),MOD($C3076,24)+1)/SUM(INDEX($D$3:$AA$30,INDEX(Jesper!$R$2:$R$366,ROW(INDEX(Jesper!AL$2:AL$366,ROUNDDOWN($C3076/24,0)+1,1))-1)+IF('Standard Profiles'!$G$22=$B$10,7,0)+IF('Standard Profiles'!$G$22=$B$17,14,0)+IF('Standard Profiles'!$G$22=$B$24,21,0),0)),0)</f>
        <v>0</v>
      </c>
      <c r="I3076">
        <f t="shared" si="349"/>
        <v>0.4939761673267698</v>
      </c>
      <c r="J3076">
        <f t="shared" si="350"/>
        <v>1.6465872244225661</v>
      </c>
      <c r="K3076">
        <f t="shared" si="351"/>
        <v>2.4698808366338492</v>
      </c>
      <c r="L3076">
        <f t="shared" si="352"/>
        <v>11.855428015842476</v>
      </c>
      <c r="M3076">
        <f t="shared" si="353"/>
        <v>0</v>
      </c>
      <c r="N3076" s="46">
        <f t="shared" si="354"/>
        <v>45418.749999992622</v>
      </c>
    </row>
    <row r="3077" spans="2:14" x14ac:dyDescent="0.3">
      <c r="B3077">
        <f t="shared" si="348"/>
        <v>1</v>
      </c>
      <c r="C3077" s="16">
        <v>3043</v>
      </c>
      <c r="D3077" cm="1">
        <f t="array" ref="D3077">IFERROR(INDEX(Jesper!AH$2:AH$366,ROUNDDOWN($C3077/24,0)+1,1)*INDEX($D$3:$AA$30,INDEX(Jesper!$R$2:$R$366,ROW(INDEX(Jesper!AH$2:AH$366,ROUNDDOWN($C3077/24,0)+1,1))-1)+IF('Standard Profiles'!$G$18=$B$10,7,0)+IF('Standard Profiles'!$G$18=$B$17,14,0)+IF('Standard Profiles'!$G$18=$B$24,21,0),MOD($C3077,24)+1)/SUM(INDEX($D$3:$AA$30,INDEX(Jesper!$R$2:$R$366,ROW(INDEX(Jesper!AH$2:AH$366,ROUNDDOWN($C3077/24,0)+1,1))-1)+IF('Standard Profiles'!$G$18=$B$10,7,0)+IF('Standard Profiles'!$G$18=$B$17,14,0)+IF('Standard Profiles'!$G$18=$B$24,21,0),0)),0)</f>
        <v>13.790168004538991</v>
      </c>
      <c r="E3077" cm="1">
        <f t="array" ref="E3077">IFERROR(INDEX(Jesper!AI$2:AI$366,ROUNDDOWN($C3077/24,0)+1,1)*INDEX($D$3:$AA$30,INDEX(Jesper!$R$2:$R$366,ROW(INDEX(Jesper!AI$2:AI$366,ROUNDDOWN($C3077/24,0)+1,1))-1)+IF('Standard Profiles'!$G$19=$B$10,7,0)+IF('Standard Profiles'!$G$19=$B$17,14,0)+IF('Standard Profiles'!$G$19=$B$24,21,0),MOD($C3077,24)+1)/SUM(INDEX($D$3:$AA$30,INDEX(Jesper!$R$2:$R$366,ROW(INDEX(Jesper!AI$2:AI$366,ROUNDDOWN($C3077/24,0)+1,1))-1)+IF('Standard Profiles'!$G$19=$B$10,7,0)+IF('Standard Profiles'!$G$19=$B$17,14,0)+IF('Standard Profiles'!$G$19=$B$24,21,0),0)),0)</f>
        <v>0</v>
      </c>
      <c r="F3077" cm="1">
        <f t="array" ref="F3077">IFERROR(INDEX(Jesper!AJ$2:AJ$366,ROUNDDOWN($C3077/24,0)+1,1)*INDEX($D$3:$AA$30,INDEX(Jesper!$R$2:$R$366,ROW(INDEX(Jesper!AJ$2:AJ$366,ROUNDDOWN($C3077/24,0)+1,1))-1)+IF('Standard Profiles'!$G$20=$B$10,7,0)+IF('Standard Profiles'!$G$20=$B$17,14,0)+IF('Standard Profiles'!$G$20=$B$24,21,0),MOD($C3077,24)+1)/SUM(INDEX($D$3:$AA$30,INDEX(Jesper!$R$2:$R$366,ROW(INDEX(Jesper!AJ$2:AJ$366,ROUNDDOWN($C3077/24,0)+1,1))-1)+IF('Standard Profiles'!$G$20=$B$10,7,0)+IF('Standard Profiles'!$G$20=$B$17,14,0)+IF('Standard Profiles'!$G$20=$B$24,21,0),0)),0)</f>
        <v>0</v>
      </c>
      <c r="G3077" cm="1">
        <f t="array" ref="G3077">IFERROR(INDEX(Jesper!AK$2:AK$366,ROUNDDOWN($C3077/24,0)+1,1)*INDEX($D$3:$AA$30,INDEX(Jesper!$R$2:$R$366,ROW(INDEX(Jesper!AK$2:AK$366,ROUNDDOWN($C3077/24,0)+1,1))-1)+IF('Standard Profiles'!$G$21=$B$10,7,0)+IF('Standard Profiles'!$G$21=$B$17,14,0)+IF('Standard Profiles'!$G$21=$B$24,21,0),MOD($C3077,24)+1)/SUM(INDEX($D$3:$AA$30,INDEX(Jesper!$R$2:$R$366,ROW(INDEX(Jesper!AK$2:AK$366,ROUNDDOWN($C3077/24,0)+1,1))-1)+IF('Standard Profiles'!$G$21=$B$10,7,0)+IF('Standard Profiles'!$G$21=$B$17,14,0)+IF('Standard Profiles'!$G$21=$B$24,21,0),0)),0)</f>
        <v>0</v>
      </c>
      <c r="H3077" cm="1">
        <f t="array" ref="H3077">IFERROR(INDEX(Jesper!AL$2:AL$366,ROUNDDOWN($C3077/24,0)+1,1)*INDEX($D$3:$AA$30,INDEX(Jesper!$R$2:$R$366,ROW(INDEX(Jesper!AL$2:AL$366,ROUNDDOWN($C3077/24,0)+1,1))-1)+IF('Standard Profiles'!$G$22=$B$10,7,0)+IF('Standard Profiles'!$G$22=$B$17,14,0)+IF('Standard Profiles'!$G$22=$B$24,21,0),MOD($C3077,24)+1)/SUM(INDEX($D$3:$AA$30,INDEX(Jesper!$R$2:$R$366,ROW(INDEX(Jesper!AL$2:AL$366,ROUNDDOWN($C3077/24,0)+1,1))-1)+IF('Standard Profiles'!$G$22=$B$10,7,0)+IF('Standard Profiles'!$G$22=$B$17,14,0)+IF('Standard Profiles'!$G$22=$B$24,21,0),0)),0)</f>
        <v>0</v>
      </c>
      <c r="I3077">
        <f t="shared" si="349"/>
        <v>0.41370504013616971</v>
      </c>
      <c r="J3077">
        <f t="shared" si="350"/>
        <v>1.3790168004538992</v>
      </c>
      <c r="K3077">
        <f t="shared" si="351"/>
        <v>2.0685252006808486</v>
      </c>
      <c r="L3077">
        <f t="shared" si="352"/>
        <v>9.9289209632680731</v>
      </c>
      <c r="M3077">
        <f t="shared" si="353"/>
        <v>0</v>
      </c>
      <c r="N3077" s="46">
        <f t="shared" si="354"/>
        <v>45418.791666659286</v>
      </c>
    </row>
    <row r="3078" spans="2:14" x14ac:dyDescent="0.3">
      <c r="B3078">
        <f t="shared" si="348"/>
        <v>1</v>
      </c>
      <c r="C3078" s="16">
        <v>3044</v>
      </c>
      <c r="D3078" cm="1">
        <f t="array" ref="D3078">IFERROR(INDEX(Jesper!AH$2:AH$366,ROUNDDOWN($C3078/24,0)+1,1)*INDEX($D$3:$AA$30,INDEX(Jesper!$R$2:$R$366,ROW(INDEX(Jesper!AH$2:AH$366,ROUNDDOWN($C3078/24,0)+1,1))-1)+IF('Standard Profiles'!$G$18=$B$10,7,0)+IF('Standard Profiles'!$G$18=$B$17,14,0)+IF('Standard Profiles'!$G$18=$B$24,21,0),MOD($C3078,24)+1)/SUM(INDEX($D$3:$AA$30,INDEX(Jesper!$R$2:$R$366,ROW(INDEX(Jesper!AH$2:AH$366,ROUNDDOWN($C3078/24,0)+1,1))-1)+IF('Standard Profiles'!$G$18=$B$10,7,0)+IF('Standard Profiles'!$G$18=$B$17,14,0)+IF('Standard Profiles'!$G$18=$B$24,21,0),0)),0)</f>
        <v>11.320287167905141</v>
      </c>
      <c r="E3078" cm="1">
        <f t="array" ref="E3078">IFERROR(INDEX(Jesper!AI$2:AI$366,ROUNDDOWN($C3078/24,0)+1,1)*INDEX($D$3:$AA$30,INDEX(Jesper!$R$2:$R$366,ROW(INDEX(Jesper!AI$2:AI$366,ROUNDDOWN($C3078/24,0)+1,1))-1)+IF('Standard Profiles'!$G$19=$B$10,7,0)+IF('Standard Profiles'!$G$19=$B$17,14,0)+IF('Standard Profiles'!$G$19=$B$24,21,0),MOD($C3078,24)+1)/SUM(INDEX($D$3:$AA$30,INDEX(Jesper!$R$2:$R$366,ROW(INDEX(Jesper!AI$2:AI$366,ROUNDDOWN($C3078/24,0)+1,1))-1)+IF('Standard Profiles'!$G$19=$B$10,7,0)+IF('Standard Profiles'!$G$19=$B$17,14,0)+IF('Standard Profiles'!$G$19=$B$24,21,0),0)),0)</f>
        <v>0</v>
      </c>
      <c r="F3078" cm="1">
        <f t="array" ref="F3078">IFERROR(INDEX(Jesper!AJ$2:AJ$366,ROUNDDOWN($C3078/24,0)+1,1)*INDEX($D$3:$AA$30,INDEX(Jesper!$R$2:$R$366,ROW(INDEX(Jesper!AJ$2:AJ$366,ROUNDDOWN($C3078/24,0)+1,1))-1)+IF('Standard Profiles'!$G$20=$B$10,7,0)+IF('Standard Profiles'!$G$20=$B$17,14,0)+IF('Standard Profiles'!$G$20=$B$24,21,0),MOD($C3078,24)+1)/SUM(INDEX($D$3:$AA$30,INDEX(Jesper!$R$2:$R$366,ROW(INDEX(Jesper!AJ$2:AJ$366,ROUNDDOWN($C3078/24,0)+1,1))-1)+IF('Standard Profiles'!$G$20=$B$10,7,0)+IF('Standard Profiles'!$G$20=$B$17,14,0)+IF('Standard Profiles'!$G$20=$B$24,21,0),0)),0)</f>
        <v>0</v>
      </c>
      <c r="G3078" cm="1">
        <f t="array" ref="G3078">IFERROR(INDEX(Jesper!AK$2:AK$366,ROUNDDOWN($C3078/24,0)+1,1)*INDEX($D$3:$AA$30,INDEX(Jesper!$R$2:$R$366,ROW(INDEX(Jesper!AK$2:AK$366,ROUNDDOWN($C3078/24,0)+1,1))-1)+IF('Standard Profiles'!$G$21=$B$10,7,0)+IF('Standard Profiles'!$G$21=$B$17,14,0)+IF('Standard Profiles'!$G$21=$B$24,21,0),MOD($C3078,24)+1)/SUM(INDEX($D$3:$AA$30,INDEX(Jesper!$R$2:$R$366,ROW(INDEX(Jesper!AK$2:AK$366,ROUNDDOWN($C3078/24,0)+1,1))-1)+IF('Standard Profiles'!$G$21=$B$10,7,0)+IF('Standard Profiles'!$G$21=$B$17,14,0)+IF('Standard Profiles'!$G$21=$B$24,21,0),0)),0)</f>
        <v>0</v>
      </c>
      <c r="H3078" cm="1">
        <f t="array" ref="H3078">IFERROR(INDEX(Jesper!AL$2:AL$366,ROUNDDOWN($C3078/24,0)+1,1)*INDEX($D$3:$AA$30,INDEX(Jesper!$R$2:$R$366,ROW(INDEX(Jesper!AL$2:AL$366,ROUNDDOWN($C3078/24,0)+1,1))-1)+IF('Standard Profiles'!$G$22=$B$10,7,0)+IF('Standard Profiles'!$G$22=$B$17,14,0)+IF('Standard Profiles'!$G$22=$B$24,21,0),MOD($C3078,24)+1)/SUM(INDEX($D$3:$AA$30,INDEX(Jesper!$R$2:$R$366,ROW(INDEX(Jesper!AL$2:AL$366,ROUNDDOWN($C3078/24,0)+1,1))-1)+IF('Standard Profiles'!$G$22=$B$10,7,0)+IF('Standard Profiles'!$G$22=$B$17,14,0)+IF('Standard Profiles'!$G$22=$B$24,21,0),0)),0)</f>
        <v>0</v>
      </c>
      <c r="I3078">
        <f t="shared" si="349"/>
        <v>0.33960861503715423</v>
      </c>
      <c r="J3078">
        <f t="shared" si="350"/>
        <v>1.1320287167905141</v>
      </c>
      <c r="K3078">
        <f t="shared" si="351"/>
        <v>1.6980430751857711</v>
      </c>
      <c r="L3078">
        <f t="shared" si="352"/>
        <v>8.1506067608917014</v>
      </c>
      <c r="M3078">
        <f t="shared" si="353"/>
        <v>0</v>
      </c>
      <c r="N3078" s="46">
        <f t="shared" si="354"/>
        <v>45418.833333325951</v>
      </c>
    </row>
    <row r="3079" spans="2:14" x14ac:dyDescent="0.3">
      <c r="B3079">
        <f t="shared" si="348"/>
        <v>1</v>
      </c>
      <c r="C3079" s="16">
        <v>3045</v>
      </c>
      <c r="D3079" cm="1">
        <f t="array" ref="D3079">IFERROR(INDEX(Jesper!AH$2:AH$366,ROUNDDOWN($C3079/24,0)+1,1)*INDEX($D$3:$AA$30,INDEX(Jesper!$R$2:$R$366,ROW(INDEX(Jesper!AH$2:AH$366,ROUNDDOWN($C3079/24,0)+1,1))-1)+IF('Standard Profiles'!$G$18=$B$10,7,0)+IF('Standard Profiles'!$G$18=$B$17,14,0)+IF('Standard Profiles'!$G$18=$B$24,21,0),MOD($C3079,24)+1)/SUM(INDEX($D$3:$AA$30,INDEX(Jesper!$R$2:$R$366,ROW(INDEX(Jesper!AH$2:AH$366,ROUNDDOWN($C3079/24,0)+1,1))-1)+IF('Standard Profiles'!$G$18=$B$10,7,0)+IF('Standard Profiles'!$G$18=$B$17,14,0)+IF('Standard Profiles'!$G$18=$B$24,21,0),0)),0)</f>
        <v>8.2329361221128305</v>
      </c>
      <c r="E3079" cm="1">
        <f t="array" ref="E3079">IFERROR(INDEX(Jesper!AI$2:AI$366,ROUNDDOWN($C3079/24,0)+1,1)*INDEX($D$3:$AA$30,INDEX(Jesper!$R$2:$R$366,ROW(INDEX(Jesper!AI$2:AI$366,ROUNDDOWN($C3079/24,0)+1,1))-1)+IF('Standard Profiles'!$G$19=$B$10,7,0)+IF('Standard Profiles'!$G$19=$B$17,14,0)+IF('Standard Profiles'!$G$19=$B$24,21,0),MOD($C3079,24)+1)/SUM(INDEX($D$3:$AA$30,INDEX(Jesper!$R$2:$R$366,ROW(INDEX(Jesper!AI$2:AI$366,ROUNDDOWN($C3079/24,0)+1,1))-1)+IF('Standard Profiles'!$G$19=$B$10,7,0)+IF('Standard Profiles'!$G$19=$B$17,14,0)+IF('Standard Profiles'!$G$19=$B$24,21,0),0)),0)</f>
        <v>0</v>
      </c>
      <c r="F3079" cm="1">
        <f t="array" ref="F3079">IFERROR(INDEX(Jesper!AJ$2:AJ$366,ROUNDDOWN($C3079/24,0)+1,1)*INDEX($D$3:$AA$30,INDEX(Jesper!$R$2:$R$366,ROW(INDEX(Jesper!AJ$2:AJ$366,ROUNDDOWN($C3079/24,0)+1,1))-1)+IF('Standard Profiles'!$G$20=$B$10,7,0)+IF('Standard Profiles'!$G$20=$B$17,14,0)+IF('Standard Profiles'!$G$20=$B$24,21,0),MOD($C3079,24)+1)/SUM(INDEX($D$3:$AA$30,INDEX(Jesper!$R$2:$R$366,ROW(INDEX(Jesper!AJ$2:AJ$366,ROUNDDOWN($C3079/24,0)+1,1))-1)+IF('Standard Profiles'!$G$20=$B$10,7,0)+IF('Standard Profiles'!$G$20=$B$17,14,0)+IF('Standard Profiles'!$G$20=$B$24,21,0),0)),0)</f>
        <v>0</v>
      </c>
      <c r="G3079" cm="1">
        <f t="array" ref="G3079">IFERROR(INDEX(Jesper!AK$2:AK$366,ROUNDDOWN($C3079/24,0)+1,1)*INDEX($D$3:$AA$30,INDEX(Jesper!$R$2:$R$366,ROW(INDEX(Jesper!AK$2:AK$366,ROUNDDOWN($C3079/24,0)+1,1))-1)+IF('Standard Profiles'!$G$21=$B$10,7,0)+IF('Standard Profiles'!$G$21=$B$17,14,0)+IF('Standard Profiles'!$G$21=$B$24,21,0),MOD($C3079,24)+1)/SUM(INDEX($D$3:$AA$30,INDEX(Jesper!$R$2:$R$366,ROW(INDEX(Jesper!AK$2:AK$366,ROUNDDOWN($C3079/24,0)+1,1))-1)+IF('Standard Profiles'!$G$21=$B$10,7,0)+IF('Standard Profiles'!$G$21=$B$17,14,0)+IF('Standard Profiles'!$G$21=$B$24,21,0),0)),0)</f>
        <v>0</v>
      </c>
      <c r="H3079" cm="1">
        <f t="array" ref="H3079">IFERROR(INDEX(Jesper!AL$2:AL$366,ROUNDDOWN($C3079/24,0)+1,1)*INDEX($D$3:$AA$30,INDEX(Jesper!$R$2:$R$366,ROW(INDEX(Jesper!AL$2:AL$366,ROUNDDOWN($C3079/24,0)+1,1))-1)+IF('Standard Profiles'!$G$22=$B$10,7,0)+IF('Standard Profiles'!$G$22=$B$17,14,0)+IF('Standard Profiles'!$G$22=$B$24,21,0),MOD($C3079,24)+1)/SUM(INDEX($D$3:$AA$30,INDEX(Jesper!$R$2:$R$366,ROW(INDEX(Jesper!AL$2:AL$366,ROUNDDOWN($C3079/24,0)+1,1))-1)+IF('Standard Profiles'!$G$22=$B$10,7,0)+IF('Standard Profiles'!$G$22=$B$17,14,0)+IF('Standard Profiles'!$G$22=$B$24,21,0),0)),0)</f>
        <v>0</v>
      </c>
      <c r="I3079">
        <f t="shared" si="349"/>
        <v>0.2469880836633849</v>
      </c>
      <c r="J3079">
        <f t="shared" si="350"/>
        <v>0.82329361221128305</v>
      </c>
      <c r="K3079">
        <f t="shared" si="351"/>
        <v>1.2349404183169246</v>
      </c>
      <c r="L3079">
        <f t="shared" si="352"/>
        <v>5.9277140079212378</v>
      </c>
      <c r="M3079">
        <f t="shared" si="353"/>
        <v>0</v>
      </c>
      <c r="N3079" s="46">
        <f t="shared" si="354"/>
        <v>45418.874999992615</v>
      </c>
    </row>
    <row r="3080" spans="2:14" x14ac:dyDescent="0.3">
      <c r="B3080">
        <f t="shared" si="348"/>
        <v>1</v>
      </c>
      <c r="C3080" s="16">
        <v>3046</v>
      </c>
      <c r="D3080" cm="1">
        <f t="array" ref="D3080">IFERROR(INDEX(Jesper!AH$2:AH$366,ROUNDDOWN($C3080/24,0)+1,1)*INDEX($D$3:$AA$30,INDEX(Jesper!$R$2:$R$366,ROW(INDEX(Jesper!AH$2:AH$366,ROUNDDOWN($C3080/24,0)+1,1))-1)+IF('Standard Profiles'!$G$18=$B$10,7,0)+IF('Standard Profiles'!$G$18=$B$17,14,0)+IF('Standard Profiles'!$G$18=$B$24,21,0),MOD($C3080,24)+1)/SUM(INDEX($D$3:$AA$30,INDEX(Jesper!$R$2:$R$366,ROW(INDEX(Jesper!AH$2:AH$366,ROUNDDOWN($C3080/24,0)+1,1))-1)+IF('Standard Profiles'!$G$18=$B$10,7,0)+IF('Standard Profiles'!$G$18=$B$17,14,0)+IF('Standard Profiles'!$G$18=$B$24,21,0),0)),0)</f>
        <v>7.8212893160071886</v>
      </c>
      <c r="E3080" cm="1">
        <f t="array" ref="E3080">IFERROR(INDEX(Jesper!AI$2:AI$366,ROUNDDOWN($C3080/24,0)+1,1)*INDEX($D$3:$AA$30,INDEX(Jesper!$R$2:$R$366,ROW(INDEX(Jesper!AI$2:AI$366,ROUNDDOWN($C3080/24,0)+1,1))-1)+IF('Standard Profiles'!$G$19=$B$10,7,0)+IF('Standard Profiles'!$G$19=$B$17,14,0)+IF('Standard Profiles'!$G$19=$B$24,21,0),MOD($C3080,24)+1)/SUM(INDEX($D$3:$AA$30,INDEX(Jesper!$R$2:$R$366,ROW(INDEX(Jesper!AI$2:AI$366,ROUNDDOWN($C3080/24,0)+1,1))-1)+IF('Standard Profiles'!$G$19=$B$10,7,0)+IF('Standard Profiles'!$G$19=$B$17,14,0)+IF('Standard Profiles'!$G$19=$B$24,21,0),0)),0)</f>
        <v>0</v>
      </c>
      <c r="F3080" cm="1">
        <f t="array" ref="F3080">IFERROR(INDEX(Jesper!AJ$2:AJ$366,ROUNDDOWN($C3080/24,0)+1,1)*INDEX($D$3:$AA$30,INDEX(Jesper!$R$2:$R$366,ROW(INDEX(Jesper!AJ$2:AJ$366,ROUNDDOWN($C3080/24,0)+1,1))-1)+IF('Standard Profiles'!$G$20=$B$10,7,0)+IF('Standard Profiles'!$G$20=$B$17,14,0)+IF('Standard Profiles'!$G$20=$B$24,21,0),MOD($C3080,24)+1)/SUM(INDEX($D$3:$AA$30,INDEX(Jesper!$R$2:$R$366,ROW(INDEX(Jesper!AJ$2:AJ$366,ROUNDDOWN($C3080/24,0)+1,1))-1)+IF('Standard Profiles'!$G$20=$B$10,7,0)+IF('Standard Profiles'!$G$20=$B$17,14,0)+IF('Standard Profiles'!$G$20=$B$24,21,0),0)),0)</f>
        <v>0</v>
      </c>
      <c r="G3080" cm="1">
        <f t="array" ref="G3080">IFERROR(INDEX(Jesper!AK$2:AK$366,ROUNDDOWN($C3080/24,0)+1,1)*INDEX($D$3:$AA$30,INDEX(Jesper!$R$2:$R$366,ROW(INDEX(Jesper!AK$2:AK$366,ROUNDDOWN($C3080/24,0)+1,1))-1)+IF('Standard Profiles'!$G$21=$B$10,7,0)+IF('Standard Profiles'!$G$21=$B$17,14,0)+IF('Standard Profiles'!$G$21=$B$24,21,0),MOD($C3080,24)+1)/SUM(INDEX($D$3:$AA$30,INDEX(Jesper!$R$2:$R$366,ROW(INDEX(Jesper!AK$2:AK$366,ROUNDDOWN($C3080/24,0)+1,1))-1)+IF('Standard Profiles'!$G$21=$B$10,7,0)+IF('Standard Profiles'!$G$21=$B$17,14,0)+IF('Standard Profiles'!$G$21=$B$24,21,0),0)),0)</f>
        <v>0</v>
      </c>
      <c r="H3080" cm="1">
        <f t="array" ref="H3080">IFERROR(INDEX(Jesper!AL$2:AL$366,ROUNDDOWN($C3080/24,0)+1,1)*INDEX($D$3:$AA$30,INDEX(Jesper!$R$2:$R$366,ROW(INDEX(Jesper!AL$2:AL$366,ROUNDDOWN($C3080/24,0)+1,1))-1)+IF('Standard Profiles'!$G$22=$B$10,7,0)+IF('Standard Profiles'!$G$22=$B$17,14,0)+IF('Standard Profiles'!$G$22=$B$24,21,0),MOD($C3080,24)+1)/SUM(INDEX($D$3:$AA$30,INDEX(Jesper!$R$2:$R$366,ROW(INDEX(Jesper!AL$2:AL$366,ROUNDDOWN($C3080/24,0)+1,1))-1)+IF('Standard Profiles'!$G$22=$B$10,7,0)+IF('Standard Profiles'!$G$22=$B$17,14,0)+IF('Standard Profiles'!$G$22=$B$24,21,0),0)),0)</f>
        <v>0</v>
      </c>
      <c r="I3080">
        <f t="shared" si="349"/>
        <v>0.23463867948021566</v>
      </c>
      <c r="J3080">
        <f t="shared" si="350"/>
        <v>0.78212893160071895</v>
      </c>
      <c r="K3080">
        <f t="shared" si="351"/>
        <v>1.1731933974010782</v>
      </c>
      <c r="L3080">
        <f t="shared" si="352"/>
        <v>5.6313283075251759</v>
      </c>
      <c r="M3080">
        <f t="shared" si="353"/>
        <v>0</v>
      </c>
      <c r="N3080" s="46">
        <f t="shared" si="354"/>
        <v>45418.916666659279</v>
      </c>
    </row>
    <row r="3081" spans="2:14" x14ac:dyDescent="0.3">
      <c r="B3081">
        <f t="shared" si="348"/>
        <v>1</v>
      </c>
      <c r="C3081" s="16">
        <v>3047</v>
      </c>
      <c r="D3081" cm="1">
        <f t="array" ref="D3081">IFERROR(INDEX(Jesper!AH$2:AH$366,ROUNDDOWN($C3081/24,0)+1,1)*INDEX($D$3:$AA$30,INDEX(Jesper!$R$2:$R$366,ROW(INDEX(Jesper!AH$2:AH$366,ROUNDDOWN($C3081/24,0)+1,1))-1)+IF('Standard Profiles'!$G$18=$B$10,7,0)+IF('Standard Profiles'!$G$18=$B$17,14,0)+IF('Standard Profiles'!$G$18=$B$24,21,0),MOD($C3081,24)+1)/SUM(INDEX($D$3:$AA$30,INDEX(Jesper!$R$2:$R$366,ROW(INDEX(Jesper!AH$2:AH$366,ROUNDDOWN($C3081/24,0)+1,1))-1)+IF('Standard Profiles'!$G$18=$B$10,7,0)+IF('Standard Profiles'!$G$18=$B$17,14,0)+IF('Standard Profiles'!$G$18=$B$24,21,0),0)),0)</f>
        <v>7.8212893160071886</v>
      </c>
      <c r="E3081" cm="1">
        <f t="array" ref="E3081">IFERROR(INDEX(Jesper!AI$2:AI$366,ROUNDDOWN($C3081/24,0)+1,1)*INDEX($D$3:$AA$30,INDEX(Jesper!$R$2:$R$366,ROW(INDEX(Jesper!AI$2:AI$366,ROUNDDOWN($C3081/24,0)+1,1))-1)+IF('Standard Profiles'!$G$19=$B$10,7,0)+IF('Standard Profiles'!$G$19=$B$17,14,0)+IF('Standard Profiles'!$G$19=$B$24,21,0),MOD($C3081,24)+1)/SUM(INDEX($D$3:$AA$30,INDEX(Jesper!$R$2:$R$366,ROW(INDEX(Jesper!AI$2:AI$366,ROUNDDOWN($C3081/24,0)+1,1))-1)+IF('Standard Profiles'!$G$19=$B$10,7,0)+IF('Standard Profiles'!$G$19=$B$17,14,0)+IF('Standard Profiles'!$G$19=$B$24,21,0),0)),0)</f>
        <v>0</v>
      </c>
      <c r="F3081" cm="1">
        <f t="array" ref="F3081">IFERROR(INDEX(Jesper!AJ$2:AJ$366,ROUNDDOWN($C3081/24,0)+1,1)*INDEX($D$3:$AA$30,INDEX(Jesper!$R$2:$R$366,ROW(INDEX(Jesper!AJ$2:AJ$366,ROUNDDOWN($C3081/24,0)+1,1))-1)+IF('Standard Profiles'!$G$20=$B$10,7,0)+IF('Standard Profiles'!$G$20=$B$17,14,0)+IF('Standard Profiles'!$G$20=$B$24,21,0),MOD($C3081,24)+1)/SUM(INDEX($D$3:$AA$30,INDEX(Jesper!$R$2:$R$366,ROW(INDEX(Jesper!AJ$2:AJ$366,ROUNDDOWN($C3081/24,0)+1,1))-1)+IF('Standard Profiles'!$G$20=$B$10,7,0)+IF('Standard Profiles'!$G$20=$B$17,14,0)+IF('Standard Profiles'!$G$20=$B$24,21,0),0)),0)</f>
        <v>0</v>
      </c>
      <c r="G3081" cm="1">
        <f t="array" ref="G3081">IFERROR(INDEX(Jesper!AK$2:AK$366,ROUNDDOWN($C3081/24,0)+1,1)*INDEX($D$3:$AA$30,INDEX(Jesper!$R$2:$R$366,ROW(INDEX(Jesper!AK$2:AK$366,ROUNDDOWN($C3081/24,0)+1,1))-1)+IF('Standard Profiles'!$G$21=$B$10,7,0)+IF('Standard Profiles'!$G$21=$B$17,14,0)+IF('Standard Profiles'!$G$21=$B$24,21,0),MOD($C3081,24)+1)/SUM(INDEX($D$3:$AA$30,INDEX(Jesper!$R$2:$R$366,ROW(INDEX(Jesper!AK$2:AK$366,ROUNDDOWN($C3081/24,0)+1,1))-1)+IF('Standard Profiles'!$G$21=$B$10,7,0)+IF('Standard Profiles'!$G$21=$B$17,14,0)+IF('Standard Profiles'!$G$21=$B$24,21,0),0)),0)</f>
        <v>0</v>
      </c>
      <c r="H3081" cm="1">
        <f t="array" ref="H3081">IFERROR(INDEX(Jesper!AL$2:AL$366,ROUNDDOWN($C3081/24,0)+1,1)*INDEX($D$3:$AA$30,INDEX(Jesper!$R$2:$R$366,ROW(INDEX(Jesper!AL$2:AL$366,ROUNDDOWN($C3081/24,0)+1,1))-1)+IF('Standard Profiles'!$G$22=$B$10,7,0)+IF('Standard Profiles'!$G$22=$B$17,14,0)+IF('Standard Profiles'!$G$22=$B$24,21,0),MOD($C3081,24)+1)/SUM(INDEX($D$3:$AA$30,INDEX(Jesper!$R$2:$R$366,ROW(INDEX(Jesper!AL$2:AL$366,ROUNDDOWN($C3081/24,0)+1,1))-1)+IF('Standard Profiles'!$G$22=$B$10,7,0)+IF('Standard Profiles'!$G$22=$B$17,14,0)+IF('Standard Profiles'!$G$22=$B$24,21,0),0)),0)</f>
        <v>0</v>
      </c>
      <c r="I3081">
        <f t="shared" si="349"/>
        <v>0.23463867948021566</v>
      </c>
      <c r="J3081">
        <f t="shared" si="350"/>
        <v>0.78212893160071895</v>
      </c>
      <c r="K3081">
        <f t="shared" si="351"/>
        <v>1.1731933974010782</v>
      </c>
      <c r="L3081">
        <f t="shared" si="352"/>
        <v>5.6313283075251759</v>
      </c>
      <c r="M3081">
        <f t="shared" si="353"/>
        <v>0</v>
      </c>
      <c r="N3081" s="46">
        <f t="shared" si="354"/>
        <v>45418.958333325943</v>
      </c>
    </row>
    <row r="3082" spans="2:14" x14ac:dyDescent="0.3">
      <c r="B3082">
        <f t="shared" si="348"/>
        <v>2</v>
      </c>
      <c r="C3082" s="16">
        <v>3048</v>
      </c>
      <c r="D3082" cm="1">
        <f t="array" ref="D3082">IFERROR(INDEX(Jesper!AH$2:AH$366,ROUNDDOWN($C3082/24,0)+1,1)*INDEX($D$3:$AA$30,INDEX(Jesper!$R$2:$R$366,ROW(INDEX(Jesper!AH$2:AH$366,ROUNDDOWN($C3082/24,0)+1,1))-1)+IF('Standard Profiles'!$G$18=$B$10,7,0)+IF('Standard Profiles'!$G$18=$B$17,14,0)+IF('Standard Profiles'!$G$18=$B$24,21,0),MOD($C3082,24)+1)/SUM(INDEX($D$3:$AA$30,INDEX(Jesper!$R$2:$R$366,ROW(INDEX(Jesper!AH$2:AH$366,ROUNDDOWN($C3082/24,0)+1,1))-1)+IF('Standard Profiles'!$G$18=$B$10,7,0)+IF('Standard Profiles'!$G$18=$B$17,14,0)+IF('Standard Profiles'!$G$18=$B$24,21,0),0)),0)</f>
        <v>7.0791520195557629</v>
      </c>
      <c r="E3082" cm="1">
        <f t="array" ref="E3082">IFERROR(INDEX(Jesper!AI$2:AI$366,ROUNDDOWN($C3082/24,0)+1,1)*INDEX($D$3:$AA$30,INDEX(Jesper!$R$2:$R$366,ROW(INDEX(Jesper!AI$2:AI$366,ROUNDDOWN($C3082/24,0)+1,1))-1)+IF('Standard Profiles'!$G$19=$B$10,7,0)+IF('Standard Profiles'!$G$19=$B$17,14,0)+IF('Standard Profiles'!$G$19=$B$24,21,0),MOD($C3082,24)+1)/SUM(INDEX($D$3:$AA$30,INDEX(Jesper!$R$2:$R$366,ROW(INDEX(Jesper!AI$2:AI$366,ROUNDDOWN($C3082/24,0)+1,1))-1)+IF('Standard Profiles'!$G$19=$B$10,7,0)+IF('Standard Profiles'!$G$19=$B$17,14,0)+IF('Standard Profiles'!$G$19=$B$24,21,0),0)),0)</f>
        <v>0</v>
      </c>
      <c r="F3082" cm="1">
        <f t="array" ref="F3082">IFERROR(INDEX(Jesper!AJ$2:AJ$366,ROUNDDOWN($C3082/24,0)+1,1)*INDEX($D$3:$AA$30,INDEX(Jesper!$R$2:$R$366,ROW(INDEX(Jesper!AJ$2:AJ$366,ROUNDDOWN($C3082/24,0)+1,1))-1)+IF('Standard Profiles'!$G$20=$B$10,7,0)+IF('Standard Profiles'!$G$20=$B$17,14,0)+IF('Standard Profiles'!$G$20=$B$24,21,0),MOD($C3082,24)+1)/SUM(INDEX($D$3:$AA$30,INDEX(Jesper!$R$2:$R$366,ROW(INDEX(Jesper!AJ$2:AJ$366,ROUNDDOWN($C3082/24,0)+1,1))-1)+IF('Standard Profiles'!$G$20=$B$10,7,0)+IF('Standard Profiles'!$G$20=$B$17,14,0)+IF('Standard Profiles'!$G$20=$B$24,21,0),0)),0)</f>
        <v>0</v>
      </c>
      <c r="G3082" cm="1">
        <f t="array" ref="G3082">IFERROR(INDEX(Jesper!AK$2:AK$366,ROUNDDOWN($C3082/24,0)+1,1)*INDEX($D$3:$AA$30,INDEX(Jesper!$R$2:$R$366,ROW(INDEX(Jesper!AK$2:AK$366,ROUNDDOWN($C3082/24,0)+1,1))-1)+IF('Standard Profiles'!$G$21=$B$10,7,0)+IF('Standard Profiles'!$G$21=$B$17,14,0)+IF('Standard Profiles'!$G$21=$B$24,21,0),MOD($C3082,24)+1)/SUM(INDEX($D$3:$AA$30,INDEX(Jesper!$R$2:$R$366,ROW(INDEX(Jesper!AK$2:AK$366,ROUNDDOWN($C3082/24,0)+1,1))-1)+IF('Standard Profiles'!$G$21=$B$10,7,0)+IF('Standard Profiles'!$G$21=$B$17,14,0)+IF('Standard Profiles'!$G$21=$B$24,21,0),0)),0)</f>
        <v>0</v>
      </c>
      <c r="H3082" cm="1">
        <f t="array" ref="H3082">IFERROR(INDEX(Jesper!AL$2:AL$366,ROUNDDOWN($C3082/24,0)+1,1)*INDEX($D$3:$AA$30,INDEX(Jesper!$R$2:$R$366,ROW(INDEX(Jesper!AL$2:AL$366,ROUNDDOWN($C3082/24,0)+1,1))-1)+IF('Standard Profiles'!$G$22=$B$10,7,0)+IF('Standard Profiles'!$G$22=$B$17,14,0)+IF('Standard Profiles'!$G$22=$B$24,21,0),MOD($C3082,24)+1)/SUM(INDEX($D$3:$AA$30,INDEX(Jesper!$R$2:$R$366,ROW(INDEX(Jesper!AL$2:AL$366,ROUNDDOWN($C3082/24,0)+1,1))-1)+IF('Standard Profiles'!$G$22=$B$10,7,0)+IF('Standard Profiles'!$G$22=$B$17,14,0)+IF('Standard Profiles'!$G$22=$B$24,21,0),0)),0)</f>
        <v>0</v>
      </c>
      <c r="I3082">
        <f t="shared" si="349"/>
        <v>0.21237456058667287</v>
      </c>
      <c r="J3082">
        <f t="shared" si="350"/>
        <v>0.70791520195557633</v>
      </c>
      <c r="K3082">
        <f t="shared" si="351"/>
        <v>1.0618728029333644</v>
      </c>
      <c r="L3082">
        <f t="shared" si="352"/>
        <v>5.0969894540801493</v>
      </c>
      <c r="M3082">
        <f t="shared" si="353"/>
        <v>0</v>
      </c>
      <c r="N3082" s="46">
        <f t="shared" si="354"/>
        <v>45418.999999992608</v>
      </c>
    </row>
    <row r="3083" spans="2:14" x14ac:dyDescent="0.3">
      <c r="B3083">
        <f t="shared" si="348"/>
        <v>2</v>
      </c>
      <c r="C3083" s="16">
        <v>3049</v>
      </c>
      <c r="D3083" cm="1">
        <f t="array" ref="D3083">IFERROR(INDEX(Jesper!AH$2:AH$366,ROUNDDOWN($C3083/24,0)+1,1)*INDEX($D$3:$AA$30,INDEX(Jesper!$R$2:$R$366,ROW(INDEX(Jesper!AH$2:AH$366,ROUNDDOWN($C3083/24,0)+1,1))-1)+IF('Standard Profiles'!$G$18=$B$10,7,0)+IF('Standard Profiles'!$G$18=$B$17,14,0)+IF('Standard Profiles'!$G$18=$B$24,21,0),MOD($C3083,24)+1)/SUM(INDEX($D$3:$AA$30,INDEX(Jesper!$R$2:$R$366,ROW(INDEX(Jesper!AH$2:AH$366,ROUNDDOWN($C3083/24,0)+1,1))-1)+IF('Standard Profiles'!$G$18=$B$10,7,0)+IF('Standard Profiles'!$G$18=$B$17,14,0)+IF('Standard Profiles'!$G$18=$B$24,21,0),0)),0)</f>
        <v>7.0791520195557629</v>
      </c>
      <c r="E3083" cm="1">
        <f t="array" ref="E3083">IFERROR(INDEX(Jesper!AI$2:AI$366,ROUNDDOWN($C3083/24,0)+1,1)*INDEX($D$3:$AA$30,INDEX(Jesper!$R$2:$R$366,ROW(INDEX(Jesper!AI$2:AI$366,ROUNDDOWN($C3083/24,0)+1,1))-1)+IF('Standard Profiles'!$G$19=$B$10,7,0)+IF('Standard Profiles'!$G$19=$B$17,14,0)+IF('Standard Profiles'!$G$19=$B$24,21,0),MOD($C3083,24)+1)/SUM(INDEX($D$3:$AA$30,INDEX(Jesper!$R$2:$R$366,ROW(INDEX(Jesper!AI$2:AI$366,ROUNDDOWN($C3083/24,0)+1,1))-1)+IF('Standard Profiles'!$G$19=$B$10,7,0)+IF('Standard Profiles'!$G$19=$B$17,14,0)+IF('Standard Profiles'!$G$19=$B$24,21,0),0)),0)</f>
        <v>0</v>
      </c>
      <c r="F3083" cm="1">
        <f t="array" ref="F3083">IFERROR(INDEX(Jesper!AJ$2:AJ$366,ROUNDDOWN($C3083/24,0)+1,1)*INDEX($D$3:$AA$30,INDEX(Jesper!$R$2:$R$366,ROW(INDEX(Jesper!AJ$2:AJ$366,ROUNDDOWN($C3083/24,0)+1,1))-1)+IF('Standard Profiles'!$G$20=$B$10,7,0)+IF('Standard Profiles'!$G$20=$B$17,14,0)+IF('Standard Profiles'!$G$20=$B$24,21,0),MOD($C3083,24)+1)/SUM(INDEX($D$3:$AA$30,INDEX(Jesper!$R$2:$R$366,ROW(INDEX(Jesper!AJ$2:AJ$366,ROUNDDOWN($C3083/24,0)+1,1))-1)+IF('Standard Profiles'!$G$20=$B$10,7,0)+IF('Standard Profiles'!$G$20=$B$17,14,0)+IF('Standard Profiles'!$G$20=$B$24,21,0),0)),0)</f>
        <v>0</v>
      </c>
      <c r="G3083" cm="1">
        <f t="array" ref="G3083">IFERROR(INDEX(Jesper!AK$2:AK$366,ROUNDDOWN($C3083/24,0)+1,1)*INDEX($D$3:$AA$30,INDEX(Jesper!$R$2:$R$366,ROW(INDEX(Jesper!AK$2:AK$366,ROUNDDOWN($C3083/24,0)+1,1))-1)+IF('Standard Profiles'!$G$21=$B$10,7,0)+IF('Standard Profiles'!$G$21=$B$17,14,0)+IF('Standard Profiles'!$G$21=$B$24,21,0),MOD($C3083,24)+1)/SUM(INDEX($D$3:$AA$30,INDEX(Jesper!$R$2:$R$366,ROW(INDEX(Jesper!AK$2:AK$366,ROUNDDOWN($C3083/24,0)+1,1))-1)+IF('Standard Profiles'!$G$21=$B$10,7,0)+IF('Standard Profiles'!$G$21=$B$17,14,0)+IF('Standard Profiles'!$G$21=$B$24,21,0),0)),0)</f>
        <v>0</v>
      </c>
      <c r="H3083" cm="1">
        <f t="array" ref="H3083">IFERROR(INDEX(Jesper!AL$2:AL$366,ROUNDDOWN($C3083/24,0)+1,1)*INDEX($D$3:$AA$30,INDEX(Jesper!$R$2:$R$366,ROW(INDEX(Jesper!AL$2:AL$366,ROUNDDOWN($C3083/24,0)+1,1))-1)+IF('Standard Profiles'!$G$22=$B$10,7,0)+IF('Standard Profiles'!$G$22=$B$17,14,0)+IF('Standard Profiles'!$G$22=$B$24,21,0),MOD($C3083,24)+1)/SUM(INDEX($D$3:$AA$30,INDEX(Jesper!$R$2:$R$366,ROW(INDEX(Jesper!AL$2:AL$366,ROUNDDOWN($C3083/24,0)+1,1))-1)+IF('Standard Profiles'!$G$22=$B$10,7,0)+IF('Standard Profiles'!$G$22=$B$17,14,0)+IF('Standard Profiles'!$G$22=$B$24,21,0),0)),0)</f>
        <v>0</v>
      </c>
      <c r="I3083">
        <f t="shared" si="349"/>
        <v>0.21237456058667287</v>
      </c>
      <c r="J3083">
        <f t="shared" si="350"/>
        <v>0.70791520195557633</v>
      </c>
      <c r="K3083">
        <f t="shared" si="351"/>
        <v>1.0618728029333644</v>
      </c>
      <c r="L3083">
        <f t="shared" si="352"/>
        <v>5.0969894540801493</v>
      </c>
      <c r="M3083">
        <f t="shared" si="353"/>
        <v>0</v>
      </c>
      <c r="N3083" s="46">
        <f t="shared" si="354"/>
        <v>45419.041666659272</v>
      </c>
    </row>
    <row r="3084" spans="2:14" x14ac:dyDescent="0.3">
      <c r="B3084">
        <f t="shared" si="348"/>
        <v>2</v>
      </c>
      <c r="C3084" s="16">
        <v>3050</v>
      </c>
      <c r="D3084" cm="1">
        <f t="array" ref="D3084">IFERROR(INDEX(Jesper!AH$2:AH$366,ROUNDDOWN($C3084/24,0)+1,1)*INDEX($D$3:$AA$30,INDEX(Jesper!$R$2:$R$366,ROW(INDEX(Jesper!AH$2:AH$366,ROUNDDOWN($C3084/24,0)+1,1))-1)+IF('Standard Profiles'!$G$18=$B$10,7,0)+IF('Standard Profiles'!$G$18=$B$17,14,0)+IF('Standard Profiles'!$G$18=$B$24,21,0),MOD($C3084,24)+1)/SUM(INDEX($D$3:$AA$30,INDEX(Jesper!$R$2:$R$366,ROW(INDEX(Jesper!AH$2:AH$366,ROUNDDOWN($C3084/24,0)+1,1))-1)+IF('Standard Profiles'!$G$18=$B$10,7,0)+IF('Standard Profiles'!$G$18=$B$17,14,0)+IF('Standard Profiles'!$G$18=$B$24,21,0),0)),0)</f>
        <v>7.0791520195557629</v>
      </c>
      <c r="E3084" cm="1">
        <f t="array" ref="E3084">IFERROR(INDEX(Jesper!AI$2:AI$366,ROUNDDOWN($C3084/24,0)+1,1)*INDEX($D$3:$AA$30,INDEX(Jesper!$R$2:$R$366,ROW(INDEX(Jesper!AI$2:AI$366,ROUNDDOWN($C3084/24,0)+1,1))-1)+IF('Standard Profiles'!$G$19=$B$10,7,0)+IF('Standard Profiles'!$G$19=$B$17,14,0)+IF('Standard Profiles'!$G$19=$B$24,21,0),MOD($C3084,24)+1)/SUM(INDEX($D$3:$AA$30,INDEX(Jesper!$R$2:$R$366,ROW(INDEX(Jesper!AI$2:AI$366,ROUNDDOWN($C3084/24,0)+1,1))-1)+IF('Standard Profiles'!$G$19=$B$10,7,0)+IF('Standard Profiles'!$G$19=$B$17,14,0)+IF('Standard Profiles'!$G$19=$B$24,21,0),0)),0)</f>
        <v>0</v>
      </c>
      <c r="F3084" cm="1">
        <f t="array" ref="F3084">IFERROR(INDEX(Jesper!AJ$2:AJ$366,ROUNDDOWN($C3084/24,0)+1,1)*INDEX($D$3:$AA$30,INDEX(Jesper!$R$2:$R$366,ROW(INDEX(Jesper!AJ$2:AJ$366,ROUNDDOWN($C3084/24,0)+1,1))-1)+IF('Standard Profiles'!$G$20=$B$10,7,0)+IF('Standard Profiles'!$G$20=$B$17,14,0)+IF('Standard Profiles'!$G$20=$B$24,21,0),MOD($C3084,24)+1)/SUM(INDEX($D$3:$AA$30,INDEX(Jesper!$R$2:$R$366,ROW(INDEX(Jesper!AJ$2:AJ$366,ROUNDDOWN($C3084/24,0)+1,1))-1)+IF('Standard Profiles'!$G$20=$B$10,7,0)+IF('Standard Profiles'!$G$20=$B$17,14,0)+IF('Standard Profiles'!$G$20=$B$24,21,0),0)),0)</f>
        <v>0</v>
      </c>
      <c r="G3084" cm="1">
        <f t="array" ref="G3084">IFERROR(INDEX(Jesper!AK$2:AK$366,ROUNDDOWN($C3084/24,0)+1,1)*INDEX($D$3:$AA$30,INDEX(Jesper!$R$2:$R$366,ROW(INDEX(Jesper!AK$2:AK$366,ROUNDDOWN($C3084/24,0)+1,1))-1)+IF('Standard Profiles'!$G$21=$B$10,7,0)+IF('Standard Profiles'!$G$21=$B$17,14,0)+IF('Standard Profiles'!$G$21=$B$24,21,0),MOD($C3084,24)+1)/SUM(INDEX($D$3:$AA$30,INDEX(Jesper!$R$2:$R$366,ROW(INDEX(Jesper!AK$2:AK$366,ROUNDDOWN($C3084/24,0)+1,1))-1)+IF('Standard Profiles'!$G$21=$B$10,7,0)+IF('Standard Profiles'!$G$21=$B$17,14,0)+IF('Standard Profiles'!$G$21=$B$24,21,0),0)),0)</f>
        <v>0</v>
      </c>
      <c r="H3084" cm="1">
        <f t="array" ref="H3084">IFERROR(INDEX(Jesper!AL$2:AL$366,ROUNDDOWN($C3084/24,0)+1,1)*INDEX($D$3:$AA$30,INDEX(Jesper!$R$2:$R$366,ROW(INDEX(Jesper!AL$2:AL$366,ROUNDDOWN($C3084/24,0)+1,1))-1)+IF('Standard Profiles'!$G$22=$B$10,7,0)+IF('Standard Profiles'!$G$22=$B$17,14,0)+IF('Standard Profiles'!$G$22=$B$24,21,0),MOD($C3084,24)+1)/SUM(INDEX($D$3:$AA$30,INDEX(Jesper!$R$2:$R$366,ROW(INDEX(Jesper!AL$2:AL$366,ROUNDDOWN($C3084/24,0)+1,1))-1)+IF('Standard Profiles'!$G$22=$B$10,7,0)+IF('Standard Profiles'!$G$22=$B$17,14,0)+IF('Standard Profiles'!$G$22=$B$24,21,0),0)),0)</f>
        <v>0</v>
      </c>
      <c r="I3084">
        <f t="shared" si="349"/>
        <v>0.21237456058667287</v>
      </c>
      <c r="J3084">
        <f t="shared" si="350"/>
        <v>0.70791520195557633</v>
      </c>
      <c r="K3084">
        <f t="shared" si="351"/>
        <v>1.0618728029333644</v>
      </c>
      <c r="L3084">
        <f t="shared" si="352"/>
        <v>5.0969894540801493</v>
      </c>
      <c r="M3084">
        <f t="shared" si="353"/>
        <v>0</v>
      </c>
      <c r="N3084" s="46">
        <f t="shared" si="354"/>
        <v>45419.083333325936</v>
      </c>
    </row>
    <row r="3085" spans="2:14" x14ac:dyDescent="0.3">
      <c r="B3085">
        <f t="shared" si="348"/>
        <v>2</v>
      </c>
      <c r="C3085" s="16">
        <v>3051</v>
      </c>
      <c r="D3085" cm="1">
        <f t="array" ref="D3085">IFERROR(INDEX(Jesper!AH$2:AH$366,ROUNDDOWN($C3085/24,0)+1,1)*INDEX($D$3:$AA$30,INDEX(Jesper!$R$2:$R$366,ROW(INDEX(Jesper!AH$2:AH$366,ROUNDDOWN($C3085/24,0)+1,1))-1)+IF('Standard Profiles'!$G$18=$B$10,7,0)+IF('Standard Profiles'!$G$18=$B$17,14,0)+IF('Standard Profiles'!$G$18=$B$24,21,0),MOD($C3085,24)+1)/SUM(INDEX($D$3:$AA$30,INDEX(Jesper!$R$2:$R$366,ROW(INDEX(Jesper!AH$2:AH$366,ROUNDDOWN($C3085/24,0)+1,1))-1)+IF('Standard Profiles'!$G$18=$B$10,7,0)+IF('Standard Profiles'!$G$18=$B$17,14,0)+IF('Standard Profiles'!$G$18=$B$24,21,0),0)),0)</f>
        <v>7.0791520195557629</v>
      </c>
      <c r="E3085" cm="1">
        <f t="array" ref="E3085">IFERROR(INDEX(Jesper!AI$2:AI$366,ROUNDDOWN($C3085/24,0)+1,1)*INDEX($D$3:$AA$30,INDEX(Jesper!$R$2:$R$366,ROW(INDEX(Jesper!AI$2:AI$366,ROUNDDOWN($C3085/24,0)+1,1))-1)+IF('Standard Profiles'!$G$19=$B$10,7,0)+IF('Standard Profiles'!$G$19=$B$17,14,0)+IF('Standard Profiles'!$G$19=$B$24,21,0),MOD($C3085,24)+1)/SUM(INDEX($D$3:$AA$30,INDEX(Jesper!$R$2:$R$366,ROW(INDEX(Jesper!AI$2:AI$366,ROUNDDOWN($C3085/24,0)+1,1))-1)+IF('Standard Profiles'!$G$19=$B$10,7,0)+IF('Standard Profiles'!$G$19=$B$17,14,0)+IF('Standard Profiles'!$G$19=$B$24,21,0),0)),0)</f>
        <v>0</v>
      </c>
      <c r="F3085" cm="1">
        <f t="array" ref="F3085">IFERROR(INDEX(Jesper!AJ$2:AJ$366,ROUNDDOWN($C3085/24,0)+1,1)*INDEX($D$3:$AA$30,INDEX(Jesper!$R$2:$R$366,ROW(INDEX(Jesper!AJ$2:AJ$366,ROUNDDOWN($C3085/24,0)+1,1))-1)+IF('Standard Profiles'!$G$20=$B$10,7,0)+IF('Standard Profiles'!$G$20=$B$17,14,0)+IF('Standard Profiles'!$G$20=$B$24,21,0),MOD($C3085,24)+1)/SUM(INDEX($D$3:$AA$30,INDEX(Jesper!$R$2:$R$366,ROW(INDEX(Jesper!AJ$2:AJ$366,ROUNDDOWN($C3085/24,0)+1,1))-1)+IF('Standard Profiles'!$G$20=$B$10,7,0)+IF('Standard Profiles'!$G$20=$B$17,14,0)+IF('Standard Profiles'!$G$20=$B$24,21,0),0)),0)</f>
        <v>0</v>
      </c>
      <c r="G3085" cm="1">
        <f t="array" ref="G3085">IFERROR(INDEX(Jesper!AK$2:AK$366,ROUNDDOWN($C3085/24,0)+1,1)*INDEX($D$3:$AA$30,INDEX(Jesper!$R$2:$R$366,ROW(INDEX(Jesper!AK$2:AK$366,ROUNDDOWN($C3085/24,0)+1,1))-1)+IF('Standard Profiles'!$G$21=$B$10,7,0)+IF('Standard Profiles'!$G$21=$B$17,14,0)+IF('Standard Profiles'!$G$21=$B$24,21,0),MOD($C3085,24)+1)/SUM(INDEX($D$3:$AA$30,INDEX(Jesper!$R$2:$R$366,ROW(INDEX(Jesper!AK$2:AK$366,ROUNDDOWN($C3085/24,0)+1,1))-1)+IF('Standard Profiles'!$G$21=$B$10,7,0)+IF('Standard Profiles'!$G$21=$B$17,14,0)+IF('Standard Profiles'!$G$21=$B$24,21,0),0)),0)</f>
        <v>0</v>
      </c>
      <c r="H3085" cm="1">
        <f t="array" ref="H3085">IFERROR(INDEX(Jesper!AL$2:AL$366,ROUNDDOWN($C3085/24,0)+1,1)*INDEX($D$3:$AA$30,INDEX(Jesper!$R$2:$R$366,ROW(INDEX(Jesper!AL$2:AL$366,ROUNDDOWN($C3085/24,0)+1,1))-1)+IF('Standard Profiles'!$G$22=$B$10,7,0)+IF('Standard Profiles'!$G$22=$B$17,14,0)+IF('Standard Profiles'!$G$22=$B$24,21,0),MOD($C3085,24)+1)/SUM(INDEX($D$3:$AA$30,INDEX(Jesper!$R$2:$R$366,ROW(INDEX(Jesper!AL$2:AL$366,ROUNDDOWN($C3085/24,0)+1,1))-1)+IF('Standard Profiles'!$G$22=$B$10,7,0)+IF('Standard Profiles'!$G$22=$B$17,14,0)+IF('Standard Profiles'!$G$22=$B$24,21,0),0)),0)</f>
        <v>0</v>
      </c>
      <c r="I3085">
        <f t="shared" si="349"/>
        <v>0.21237456058667287</v>
      </c>
      <c r="J3085">
        <f t="shared" si="350"/>
        <v>0.70791520195557633</v>
      </c>
      <c r="K3085">
        <f t="shared" si="351"/>
        <v>1.0618728029333644</v>
      </c>
      <c r="L3085">
        <f t="shared" si="352"/>
        <v>5.0969894540801493</v>
      </c>
      <c r="M3085">
        <f t="shared" si="353"/>
        <v>0</v>
      </c>
      <c r="N3085" s="46">
        <f t="shared" si="354"/>
        <v>45419.1249999926</v>
      </c>
    </row>
    <row r="3086" spans="2:14" x14ac:dyDescent="0.3">
      <c r="B3086">
        <f t="shared" si="348"/>
        <v>2</v>
      </c>
      <c r="C3086" s="16">
        <v>3052</v>
      </c>
      <c r="D3086" cm="1">
        <f t="array" ref="D3086">IFERROR(INDEX(Jesper!AH$2:AH$366,ROUNDDOWN($C3086/24,0)+1,1)*INDEX($D$3:$AA$30,INDEX(Jesper!$R$2:$R$366,ROW(INDEX(Jesper!AH$2:AH$366,ROUNDDOWN($C3086/24,0)+1,1))-1)+IF('Standard Profiles'!$G$18=$B$10,7,0)+IF('Standard Profiles'!$G$18=$B$17,14,0)+IF('Standard Profiles'!$G$18=$B$24,21,0),MOD($C3086,24)+1)/SUM(INDEX($D$3:$AA$30,INDEX(Jesper!$R$2:$R$366,ROW(INDEX(Jesper!AH$2:AH$366,ROUNDDOWN($C3086/24,0)+1,1))-1)+IF('Standard Profiles'!$G$18=$B$10,7,0)+IF('Standard Profiles'!$G$18=$B$17,14,0)+IF('Standard Profiles'!$G$18=$B$24,21,0),0)),0)</f>
        <v>7.0791520195557629</v>
      </c>
      <c r="E3086" cm="1">
        <f t="array" ref="E3086">IFERROR(INDEX(Jesper!AI$2:AI$366,ROUNDDOWN($C3086/24,0)+1,1)*INDEX($D$3:$AA$30,INDEX(Jesper!$R$2:$R$366,ROW(INDEX(Jesper!AI$2:AI$366,ROUNDDOWN($C3086/24,0)+1,1))-1)+IF('Standard Profiles'!$G$19=$B$10,7,0)+IF('Standard Profiles'!$G$19=$B$17,14,0)+IF('Standard Profiles'!$G$19=$B$24,21,0),MOD($C3086,24)+1)/SUM(INDEX($D$3:$AA$30,INDEX(Jesper!$R$2:$R$366,ROW(INDEX(Jesper!AI$2:AI$366,ROUNDDOWN($C3086/24,0)+1,1))-1)+IF('Standard Profiles'!$G$19=$B$10,7,0)+IF('Standard Profiles'!$G$19=$B$17,14,0)+IF('Standard Profiles'!$G$19=$B$24,21,0),0)),0)</f>
        <v>0</v>
      </c>
      <c r="F3086" cm="1">
        <f t="array" ref="F3086">IFERROR(INDEX(Jesper!AJ$2:AJ$366,ROUNDDOWN($C3086/24,0)+1,1)*INDEX($D$3:$AA$30,INDEX(Jesper!$R$2:$R$366,ROW(INDEX(Jesper!AJ$2:AJ$366,ROUNDDOWN($C3086/24,0)+1,1))-1)+IF('Standard Profiles'!$G$20=$B$10,7,0)+IF('Standard Profiles'!$G$20=$B$17,14,0)+IF('Standard Profiles'!$G$20=$B$24,21,0),MOD($C3086,24)+1)/SUM(INDEX($D$3:$AA$30,INDEX(Jesper!$R$2:$R$366,ROW(INDEX(Jesper!AJ$2:AJ$366,ROUNDDOWN($C3086/24,0)+1,1))-1)+IF('Standard Profiles'!$G$20=$B$10,7,0)+IF('Standard Profiles'!$G$20=$B$17,14,0)+IF('Standard Profiles'!$G$20=$B$24,21,0),0)),0)</f>
        <v>0</v>
      </c>
      <c r="G3086" cm="1">
        <f t="array" ref="G3086">IFERROR(INDEX(Jesper!AK$2:AK$366,ROUNDDOWN($C3086/24,0)+1,1)*INDEX($D$3:$AA$30,INDEX(Jesper!$R$2:$R$366,ROW(INDEX(Jesper!AK$2:AK$366,ROUNDDOWN($C3086/24,0)+1,1))-1)+IF('Standard Profiles'!$G$21=$B$10,7,0)+IF('Standard Profiles'!$G$21=$B$17,14,0)+IF('Standard Profiles'!$G$21=$B$24,21,0),MOD($C3086,24)+1)/SUM(INDEX($D$3:$AA$30,INDEX(Jesper!$R$2:$R$366,ROW(INDEX(Jesper!AK$2:AK$366,ROUNDDOWN($C3086/24,0)+1,1))-1)+IF('Standard Profiles'!$G$21=$B$10,7,0)+IF('Standard Profiles'!$G$21=$B$17,14,0)+IF('Standard Profiles'!$G$21=$B$24,21,0),0)),0)</f>
        <v>0</v>
      </c>
      <c r="H3086" cm="1">
        <f t="array" ref="H3086">IFERROR(INDEX(Jesper!AL$2:AL$366,ROUNDDOWN($C3086/24,0)+1,1)*INDEX($D$3:$AA$30,INDEX(Jesper!$R$2:$R$366,ROW(INDEX(Jesper!AL$2:AL$366,ROUNDDOWN($C3086/24,0)+1,1))-1)+IF('Standard Profiles'!$G$22=$B$10,7,0)+IF('Standard Profiles'!$G$22=$B$17,14,0)+IF('Standard Profiles'!$G$22=$B$24,21,0),MOD($C3086,24)+1)/SUM(INDEX($D$3:$AA$30,INDEX(Jesper!$R$2:$R$366,ROW(INDEX(Jesper!AL$2:AL$366,ROUNDDOWN($C3086/24,0)+1,1))-1)+IF('Standard Profiles'!$G$22=$B$10,7,0)+IF('Standard Profiles'!$G$22=$B$17,14,0)+IF('Standard Profiles'!$G$22=$B$24,21,0),0)),0)</f>
        <v>0</v>
      </c>
      <c r="I3086">
        <f t="shared" si="349"/>
        <v>0.21237456058667287</v>
      </c>
      <c r="J3086">
        <f t="shared" si="350"/>
        <v>0.70791520195557633</v>
      </c>
      <c r="K3086">
        <f t="shared" si="351"/>
        <v>1.0618728029333644</v>
      </c>
      <c r="L3086">
        <f t="shared" si="352"/>
        <v>5.0969894540801493</v>
      </c>
      <c r="M3086">
        <f t="shared" si="353"/>
        <v>0</v>
      </c>
      <c r="N3086" s="46">
        <f t="shared" si="354"/>
        <v>45419.166666659265</v>
      </c>
    </row>
    <row r="3087" spans="2:14" x14ac:dyDescent="0.3">
      <c r="B3087">
        <f t="shared" si="348"/>
        <v>2</v>
      </c>
      <c r="C3087" s="16">
        <v>3053</v>
      </c>
      <c r="D3087" cm="1">
        <f t="array" ref="D3087">IFERROR(INDEX(Jesper!AH$2:AH$366,ROUNDDOWN($C3087/24,0)+1,1)*INDEX($D$3:$AA$30,INDEX(Jesper!$R$2:$R$366,ROW(INDEX(Jesper!AH$2:AH$366,ROUNDDOWN($C3087/24,0)+1,1))-1)+IF('Standard Profiles'!$G$18=$B$10,7,0)+IF('Standard Profiles'!$G$18=$B$17,14,0)+IF('Standard Profiles'!$G$18=$B$24,21,0),MOD($C3087,24)+1)/SUM(INDEX($D$3:$AA$30,INDEX(Jesper!$R$2:$R$366,ROW(INDEX(Jesper!AH$2:AH$366,ROUNDDOWN($C3087/24,0)+1,1))-1)+IF('Standard Profiles'!$G$18=$B$10,7,0)+IF('Standard Profiles'!$G$18=$B$17,14,0)+IF('Standard Profiles'!$G$18=$B$24,21,0),0)),0)</f>
        <v>9.2028976254224908</v>
      </c>
      <c r="E3087" cm="1">
        <f t="array" ref="E3087">IFERROR(INDEX(Jesper!AI$2:AI$366,ROUNDDOWN($C3087/24,0)+1,1)*INDEX($D$3:$AA$30,INDEX(Jesper!$R$2:$R$366,ROW(INDEX(Jesper!AI$2:AI$366,ROUNDDOWN($C3087/24,0)+1,1))-1)+IF('Standard Profiles'!$G$19=$B$10,7,0)+IF('Standard Profiles'!$G$19=$B$17,14,0)+IF('Standard Profiles'!$G$19=$B$24,21,0),MOD($C3087,24)+1)/SUM(INDEX($D$3:$AA$30,INDEX(Jesper!$R$2:$R$366,ROW(INDEX(Jesper!AI$2:AI$366,ROUNDDOWN($C3087/24,0)+1,1))-1)+IF('Standard Profiles'!$G$19=$B$10,7,0)+IF('Standard Profiles'!$G$19=$B$17,14,0)+IF('Standard Profiles'!$G$19=$B$24,21,0),0)),0)</f>
        <v>0</v>
      </c>
      <c r="F3087" cm="1">
        <f t="array" ref="F3087">IFERROR(INDEX(Jesper!AJ$2:AJ$366,ROUNDDOWN($C3087/24,0)+1,1)*INDEX($D$3:$AA$30,INDEX(Jesper!$R$2:$R$366,ROW(INDEX(Jesper!AJ$2:AJ$366,ROUNDDOWN($C3087/24,0)+1,1))-1)+IF('Standard Profiles'!$G$20=$B$10,7,0)+IF('Standard Profiles'!$G$20=$B$17,14,0)+IF('Standard Profiles'!$G$20=$B$24,21,0),MOD($C3087,24)+1)/SUM(INDEX($D$3:$AA$30,INDEX(Jesper!$R$2:$R$366,ROW(INDEX(Jesper!AJ$2:AJ$366,ROUNDDOWN($C3087/24,0)+1,1))-1)+IF('Standard Profiles'!$G$20=$B$10,7,0)+IF('Standard Profiles'!$G$20=$B$17,14,0)+IF('Standard Profiles'!$G$20=$B$24,21,0),0)),0)</f>
        <v>0</v>
      </c>
      <c r="G3087" cm="1">
        <f t="array" ref="G3087">IFERROR(INDEX(Jesper!AK$2:AK$366,ROUNDDOWN($C3087/24,0)+1,1)*INDEX($D$3:$AA$30,INDEX(Jesper!$R$2:$R$366,ROW(INDEX(Jesper!AK$2:AK$366,ROUNDDOWN($C3087/24,0)+1,1))-1)+IF('Standard Profiles'!$G$21=$B$10,7,0)+IF('Standard Profiles'!$G$21=$B$17,14,0)+IF('Standard Profiles'!$G$21=$B$24,21,0),MOD($C3087,24)+1)/SUM(INDEX($D$3:$AA$30,INDEX(Jesper!$R$2:$R$366,ROW(INDEX(Jesper!AK$2:AK$366,ROUNDDOWN($C3087/24,0)+1,1))-1)+IF('Standard Profiles'!$G$21=$B$10,7,0)+IF('Standard Profiles'!$G$21=$B$17,14,0)+IF('Standard Profiles'!$G$21=$B$24,21,0),0)),0)</f>
        <v>0</v>
      </c>
      <c r="H3087" cm="1">
        <f t="array" ref="H3087">IFERROR(INDEX(Jesper!AL$2:AL$366,ROUNDDOWN($C3087/24,0)+1,1)*INDEX($D$3:$AA$30,INDEX(Jesper!$R$2:$R$366,ROW(INDEX(Jesper!AL$2:AL$366,ROUNDDOWN($C3087/24,0)+1,1))-1)+IF('Standard Profiles'!$G$22=$B$10,7,0)+IF('Standard Profiles'!$G$22=$B$17,14,0)+IF('Standard Profiles'!$G$22=$B$24,21,0),MOD($C3087,24)+1)/SUM(INDEX($D$3:$AA$30,INDEX(Jesper!$R$2:$R$366,ROW(INDEX(Jesper!AL$2:AL$366,ROUNDDOWN($C3087/24,0)+1,1))-1)+IF('Standard Profiles'!$G$22=$B$10,7,0)+IF('Standard Profiles'!$G$22=$B$17,14,0)+IF('Standard Profiles'!$G$22=$B$24,21,0),0)),0)</f>
        <v>0</v>
      </c>
      <c r="I3087">
        <f t="shared" si="349"/>
        <v>0.27608692876267471</v>
      </c>
      <c r="J3087">
        <f t="shared" si="350"/>
        <v>0.92028976254224915</v>
      </c>
      <c r="K3087">
        <f t="shared" si="351"/>
        <v>1.3804346438133737</v>
      </c>
      <c r="L3087">
        <f t="shared" si="352"/>
        <v>6.626086290304193</v>
      </c>
      <c r="M3087">
        <f t="shared" si="353"/>
        <v>0</v>
      </c>
      <c r="N3087" s="46">
        <f t="shared" si="354"/>
        <v>45419.208333325929</v>
      </c>
    </row>
    <row r="3088" spans="2:14" x14ac:dyDescent="0.3">
      <c r="B3088">
        <f t="shared" si="348"/>
        <v>2</v>
      </c>
      <c r="C3088" s="16">
        <v>3054</v>
      </c>
      <c r="D3088" cm="1">
        <f t="array" ref="D3088">IFERROR(INDEX(Jesper!AH$2:AH$366,ROUNDDOWN($C3088/24,0)+1,1)*INDEX($D$3:$AA$30,INDEX(Jesper!$R$2:$R$366,ROW(INDEX(Jesper!AH$2:AH$366,ROUNDDOWN($C3088/24,0)+1,1))-1)+IF('Standard Profiles'!$G$18=$B$10,7,0)+IF('Standard Profiles'!$G$18=$B$17,14,0)+IF('Standard Profiles'!$G$18=$B$24,21,0),MOD($C3088,24)+1)/SUM(INDEX($D$3:$AA$30,INDEX(Jesper!$R$2:$R$366,ROW(INDEX(Jesper!AH$2:AH$366,ROUNDDOWN($C3088/24,0)+1,1))-1)+IF('Standard Profiles'!$G$18=$B$10,7,0)+IF('Standard Profiles'!$G$18=$B$17,14,0)+IF('Standard Profiles'!$G$18=$B$24,21,0),0)),0)</f>
        <v>10.264770428355854</v>
      </c>
      <c r="E3088" cm="1">
        <f t="array" ref="E3088">IFERROR(INDEX(Jesper!AI$2:AI$366,ROUNDDOWN($C3088/24,0)+1,1)*INDEX($D$3:$AA$30,INDEX(Jesper!$R$2:$R$366,ROW(INDEX(Jesper!AI$2:AI$366,ROUNDDOWN($C3088/24,0)+1,1))-1)+IF('Standard Profiles'!$G$19=$B$10,7,0)+IF('Standard Profiles'!$G$19=$B$17,14,0)+IF('Standard Profiles'!$G$19=$B$24,21,0),MOD($C3088,24)+1)/SUM(INDEX($D$3:$AA$30,INDEX(Jesper!$R$2:$R$366,ROW(INDEX(Jesper!AI$2:AI$366,ROUNDDOWN($C3088/24,0)+1,1))-1)+IF('Standard Profiles'!$G$19=$B$10,7,0)+IF('Standard Profiles'!$G$19=$B$17,14,0)+IF('Standard Profiles'!$G$19=$B$24,21,0),0)),0)</f>
        <v>0</v>
      </c>
      <c r="F3088" cm="1">
        <f t="array" ref="F3088">IFERROR(INDEX(Jesper!AJ$2:AJ$366,ROUNDDOWN($C3088/24,0)+1,1)*INDEX($D$3:$AA$30,INDEX(Jesper!$R$2:$R$366,ROW(INDEX(Jesper!AJ$2:AJ$366,ROUNDDOWN($C3088/24,0)+1,1))-1)+IF('Standard Profiles'!$G$20=$B$10,7,0)+IF('Standard Profiles'!$G$20=$B$17,14,0)+IF('Standard Profiles'!$G$20=$B$24,21,0),MOD($C3088,24)+1)/SUM(INDEX($D$3:$AA$30,INDEX(Jesper!$R$2:$R$366,ROW(INDEX(Jesper!AJ$2:AJ$366,ROUNDDOWN($C3088/24,0)+1,1))-1)+IF('Standard Profiles'!$G$20=$B$10,7,0)+IF('Standard Profiles'!$G$20=$B$17,14,0)+IF('Standard Profiles'!$G$20=$B$24,21,0),0)),0)</f>
        <v>0</v>
      </c>
      <c r="G3088" cm="1">
        <f t="array" ref="G3088">IFERROR(INDEX(Jesper!AK$2:AK$366,ROUNDDOWN($C3088/24,0)+1,1)*INDEX($D$3:$AA$30,INDEX(Jesper!$R$2:$R$366,ROW(INDEX(Jesper!AK$2:AK$366,ROUNDDOWN($C3088/24,0)+1,1))-1)+IF('Standard Profiles'!$G$21=$B$10,7,0)+IF('Standard Profiles'!$G$21=$B$17,14,0)+IF('Standard Profiles'!$G$21=$B$24,21,0),MOD($C3088,24)+1)/SUM(INDEX($D$3:$AA$30,INDEX(Jesper!$R$2:$R$366,ROW(INDEX(Jesper!AK$2:AK$366,ROUNDDOWN($C3088/24,0)+1,1))-1)+IF('Standard Profiles'!$G$21=$B$10,7,0)+IF('Standard Profiles'!$G$21=$B$17,14,0)+IF('Standard Profiles'!$G$21=$B$24,21,0),0)),0)</f>
        <v>0</v>
      </c>
      <c r="H3088" cm="1">
        <f t="array" ref="H3088">IFERROR(INDEX(Jesper!AL$2:AL$366,ROUNDDOWN($C3088/24,0)+1,1)*INDEX($D$3:$AA$30,INDEX(Jesper!$R$2:$R$366,ROW(INDEX(Jesper!AL$2:AL$366,ROUNDDOWN($C3088/24,0)+1,1))-1)+IF('Standard Profiles'!$G$22=$B$10,7,0)+IF('Standard Profiles'!$G$22=$B$17,14,0)+IF('Standard Profiles'!$G$22=$B$24,21,0),MOD($C3088,24)+1)/SUM(INDEX($D$3:$AA$30,INDEX(Jesper!$R$2:$R$366,ROW(INDEX(Jesper!AL$2:AL$366,ROUNDDOWN($C3088/24,0)+1,1))-1)+IF('Standard Profiles'!$G$22=$B$10,7,0)+IF('Standard Profiles'!$G$22=$B$17,14,0)+IF('Standard Profiles'!$G$22=$B$24,21,0),0)),0)</f>
        <v>0</v>
      </c>
      <c r="I3088">
        <f t="shared" si="349"/>
        <v>0.3079431128506756</v>
      </c>
      <c r="J3088">
        <f t="shared" si="350"/>
        <v>1.0264770428355854</v>
      </c>
      <c r="K3088">
        <f t="shared" si="351"/>
        <v>1.5397155642533782</v>
      </c>
      <c r="L3088">
        <f t="shared" si="352"/>
        <v>7.3906347084162149</v>
      </c>
      <c r="M3088">
        <f t="shared" si="353"/>
        <v>0</v>
      </c>
      <c r="N3088" s="46">
        <f t="shared" si="354"/>
        <v>45419.249999992593</v>
      </c>
    </row>
    <row r="3089" spans="2:14" x14ac:dyDescent="0.3">
      <c r="B3089">
        <f t="shared" si="348"/>
        <v>2</v>
      </c>
      <c r="C3089" s="16">
        <v>3055</v>
      </c>
      <c r="D3089" cm="1">
        <f t="array" ref="D3089">IFERROR(INDEX(Jesper!AH$2:AH$366,ROUNDDOWN($C3089/24,0)+1,1)*INDEX($D$3:$AA$30,INDEX(Jesper!$R$2:$R$366,ROW(INDEX(Jesper!AH$2:AH$366,ROUNDDOWN($C3089/24,0)+1,1))-1)+IF('Standard Profiles'!$G$18=$B$10,7,0)+IF('Standard Profiles'!$G$18=$B$17,14,0)+IF('Standard Profiles'!$G$18=$B$24,21,0),MOD($C3089,24)+1)/SUM(INDEX($D$3:$AA$30,INDEX(Jesper!$R$2:$R$366,ROW(INDEX(Jesper!AH$2:AH$366,ROUNDDOWN($C3089/24,0)+1,1))-1)+IF('Standard Profiles'!$G$18=$B$10,7,0)+IF('Standard Profiles'!$G$18=$B$17,14,0)+IF('Standard Profiles'!$G$18=$B$24,21,0),0)),0)</f>
        <v>10.618728029333644</v>
      </c>
      <c r="E3089" cm="1">
        <f t="array" ref="E3089">IFERROR(INDEX(Jesper!AI$2:AI$366,ROUNDDOWN($C3089/24,0)+1,1)*INDEX($D$3:$AA$30,INDEX(Jesper!$R$2:$R$366,ROW(INDEX(Jesper!AI$2:AI$366,ROUNDDOWN($C3089/24,0)+1,1))-1)+IF('Standard Profiles'!$G$19=$B$10,7,0)+IF('Standard Profiles'!$G$19=$B$17,14,0)+IF('Standard Profiles'!$G$19=$B$24,21,0),MOD($C3089,24)+1)/SUM(INDEX($D$3:$AA$30,INDEX(Jesper!$R$2:$R$366,ROW(INDEX(Jesper!AI$2:AI$366,ROUNDDOWN($C3089/24,0)+1,1))-1)+IF('Standard Profiles'!$G$19=$B$10,7,0)+IF('Standard Profiles'!$G$19=$B$17,14,0)+IF('Standard Profiles'!$G$19=$B$24,21,0),0)),0)</f>
        <v>0</v>
      </c>
      <c r="F3089" cm="1">
        <f t="array" ref="F3089">IFERROR(INDEX(Jesper!AJ$2:AJ$366,ROUNDDOWN($C3089/24,0)+1,1)*INDEX($D$3:$AA$30,INDEX(Jesper!$R$2:$R$366,ROW(INDEX(Jesper!AJ$2:AJ$366,ROUNDDOWN($C3089/24,0)+1,1))-1)+IF('Standard Profiles'!$G$20=$B$10,7,0)+IF('Standard Profiles'!$G$20=$B$17,14,0)+IF('Standard Profiles'!$G$20=$B$24,21,0),MOD($C3089,24)+1)/SUM(INDEX($D$3:$AA$30,INDEX(Jesper!$R$2:$R$366,ROW(INDEX(Jesper!AJ$2:AJ$366,ROUNDDOWN($C3089/24,0)+1,1))-1)+IF('Standard Profiles'!$G$20=$B$10,7,0)+IF('Standard Profiles'!$G$20=$B$17,14,0)+IF('Standard Profiles'!$G$20=$B$24,21,0),0)),0)</f>
        <v>0</v>
      </c>
      <c r="G3089" cm="1">
        <f t="array" ref="G3089">IFERROR(INDEX(Jesper!AK$2:AK$366,ROUNDDOWN($C3089/24,0)+1,1)*INDEX($D$3:$AA$30,INDEX(Jesper!$R$2:$R$366,ROW(INDEX(Jesper!AK$2:AK$366,ROUNDDOWN($C3089/24,0)+1,1))-1)+IF('Standard Profiles'!$G$21=$B$10,7,0)+IF('Standard Profiles'!$G$21=$B$17,14,0)+IF('Standard Profiles'!$G$21=$B$24,21,0),MOD($C3089,24)+1)/SUM(INDEX($D$3:$AA$30,INDEX(Jesper!$R$2:$R$366,ROW(INDEX(Jesper!AK$2:AK$366,ROUNDDOWN($C3089/24,0)+1,1))-1)+IF('Standard Profiles'!$G$21=$B$10,7,0)+IF('Standard Profiles'!$G$21=$B$17,14,0)+IF('Standard Profiles'!$G$21=$B$24,21,0),0)),0)</f>
        <v>0</v>
      </c>
      <c r="H3089" cm="1">
        <f t="array" ref="H3089">IFERROR(INDEX(Jesper!AL$2:AL$366,ROUNDDOWN($C3089/24,0)+1,1)*INDEX($D$3:$AA$30,INDEX(Jesper!$R$2:$R$366,ROW(INDEX(Jesper!AL$2:AL$366,ROUNDDOWN($C3089/24,0)+1,1))-1)+IF('Standard Profiles'!$G$22=$B$10,7,0)+IF('Standard Profiles'!$G$22=$B$17,14,0)+IF('Standard Profiles'!$G$22=$B$24,21,0),MOD($C3089,24)+1)/SUM(INDEX($D$3:$AA$30,INDEX(Jesper!$R$2:$R$366,ROW(INDEX(Jesper!AL$2:AL$366,ROUNDDOWN($C3089/24,0)+1,1))-1)+IF('Standard Profiles'!$G$22=$B$10,7,0)+IF('Standard Profiles'!$G$22=$B$17,14,0)+IF('Standard Profiles'!$G$22=$B$24,21,0),0)),0)</f>
        <v>0</v>
      </c>
      <c r="I3089">
        <f t="shared" si="349"/>
        <v>0.31856184088000933</v>
      </c>
      <c r="J3089">
        <f t="shared" si="350"/>
        <v>1.0618728029333644</v>
      </c>
      <c r="K3089">
        <f t="shared" si="351"/>
        <v>1.5928092044000466</v>
      </c>
      <c r="L3089">
        <f t="shared" si="352"/>
        <v>7.6454841811202234</v>
      </c>
      <c r="M3089">
        <f t="shared" si="353"/>
        <v>0</v>
      </c>
      <c r="N3089" s="46">
        <f t="shared" si="354"/>
        <v>45419.291666659257</v>
      </c>
    </row>
    <row r="3090" spans="2:14" x14ac:dyDescent="0.3">
      <c r="B3090">
        <f t="shared" si="348"/>
        <v>2</v>
      </c>
      <c r="C3090" s="16">
        <v>3056</v>
      </c>
      <c r="D3090" cm="1">
        <f t="array" ref="D3090">IFERROR(INDEX(Jesper!AH$2:AH$366,ROUNDDOWN($C3090/24,0)+1,1)*INDEX($D$3:$AA$30,INDEX(Jesper!$R$2:$R$366,ROW(INDEX(Jesper!AH$2:AH$366,ROUNDDOWN($C3090/24,0)+1,1))-1)+IF('Standard Profiles'!$G$18=$B$10,7,0)+IF('Standard Profiles'!$G$18=$B$17,14,0)+IF('Standard Profiles'!$G$18=$B$24,21,0),MOD($C3090,24)+1)/SUM(INDEX($D$3:$AA$30,INDEX(Jesper!$R$2:$R$366,ROW(INDEX(Jesper!AH$2:AH$366,ROUNDDOWN($C3090/24,0)+1,1))-1)+IF('Standard Profiles'!$G$18=$B$10,7,0)+IF('Standard Profiles'!$G$18=$B$17,14,0)+IF('Standard Profiles'!$G$18=$B$24,21,0),0)),0)</f>
        <v>10.618728029333644</v>
      </c>
      <c r="E3090" cm="1">
        <f t="array" ref="E3090">IFERROR(INDEX(Jesper!AI$2:AI$366,ROUNDDOWN($C3090/24,0)+1,1)*INDEX($D$3:$AA$30,INDEX(Jesper!$R$2:$R$366,ROW(INDEX(Jesper!AI$2:AI$366,ROUNDDOWN($C3090/24,0)+1,1))-1)+IF('Standard Profiles'!$G$19=$B$10,7,0)+IF('Standard Profiles'!$G$19=$B$17,14,0)+IF('Standard Profiles'!$G$19=$B$24,21,0),MOD($C3090,24)+1)/SUM(INDEX($D$3:$AA$30,INDEX(Jesper!$R$2:$R$366,ROW(INDEX(Jesper!AI$2:AI$366,ROUNDDOWN($C3090/24,0)+1,1))-1)+IF('Standard Profiles'!$G$19=$B$10,7,0)+IF('Standard Profiles'!$G$19=$B$17,14,0)+IF('Standard Profiles'!$G$19=$B$24,21,0),0)),0)</f>
        <v>0</v>
      </c>
      <c r="F3090" cm="1">
        <f t="array" ref="F3090">IFERROR(INDEX(Jesper!AJ$2:AJ$366,ROUNDDOWN($C3090/24,0)+1,1)*INDEX($D$3:$AA$30,INDEX(Jesper!$R$2:$R$366,ROW(INDEX(Jesper!AJ$2:AJ$366,ROUNDDOWN($C3090/24,0)+1,1))-1)+IF('Standard Profiles'!$G$20=$B$10,7,0)+IF('Standard Profiles'!$G$20=$B$17,14,0)+IF('Standard Profiles'!$G$20=$B$24,21,0),MOD($C3090,24)+1)/SUM(INDEX($D$3:$AA$30,INDEX(Jesper!$R$2:$R$366,ROW(INDEX(Jesper!AJ$2:AJ$366,ROUNDDOWN($C3090/24,0)+1,1))-1)+IF('Standard Profiles'!$G$20=$B$10,7,0)+IF('Standard Profiles'!$G$20=$B$17,14,0)+IF('Standard Profiles'!$G$20=$B$24,21,0),0)),0)</f>
        <v>0</v>
      </c>
      <c r="G3090" cm="1">
        <f t="array" ref="G3090">IFERROR(INDEX(Jesper!AK$2:AK$366,ROUNDDOWN($C3090/24,0)+1,1)*INDEX($D$3:$AA$30,INDEX(Jesper!$R$2:$R$366,ROW(INDEX(Jesper!AK$2:AK$366,ROUNDDOWN($C3090/24,0)+1,1))-1)+IF('Standard Profiles'!$G$21=$B$10,7,0)+IF('Standard Profiles'!$G$21=$B$17,14,0)+IF('Standard Profiles'!$G$21=$B$24,21,0),MOD($C3090,24)+1)/SUM(INDEX($D$3:$AA$30,INDEX(Jesper!$R$2:$R$366,ROW(INDEX(Jesper!AK$2:AK$366,ROUNDDOWN($C3090/24,0)+1,1))-1)+IF('Standard Profiles'!$G$21=$B$10,7,0)+IF('Standard Profiles'!$G$21=$B$17,14,0)+IF('Standard Profiles'!$G$21=$B$24,21,0),0)),0)</f>
        <v>0</v>
      </c>
      <c r="H3090" cm="1">
        <f t="array" ref="H3090">IFERROR(INDEX(Jesper!AL$2:AL$366,ROUNDDOWN($C3090/24,0)+1,1)*INDEX($D$3:$AA$30,INDEX(Jesper!$R$2:$R$366,ROW(INDEX(Jesper!AL$2:AL$366,ROUNDDOWN($C3090/24,0)+1,1))-1)+IF('Standard Profiles'!$G$22=$B$10,7,0)+IF('Standard Profiles'!$G$22=$B$17,14,0)+IF('Standard Profiles'!$G$22=$B$24,21,0),MOD($C3090,24)+1)/SUM(INDEX($D$3:$AA$30,INDEX(Jesper!$R$2:$R$366,ROW(INDEX(Jesper!AL$2:AL$366,ROUNDDOWN($C3090/24,0)+1,1))-1)+IF('Standard Profiles'!$G$22=$B$10,7,0)+IF('Standard Profiles'!$G$22=$B$17,14,0)+IF('Standard Profiles'!$G$22=$B$24,21,0),0)),0)</f>
        <v>0</v>
      </c>
      <c r="I3090">
        <f t="shared" si="349"/>
        <v>0.31856184088000933</v>
      </c>
      <c r="J3090">
        <f t="shared" si="350"/>
        <v>1.0618728029333644</v>
      </c>
      <c r="K3090">
        <f t="shared" si="351"/>
        <v>1.5928092044000466</v>
      </c>
      <c r="L3090">
        <f t="shared" si="352"/>
        <v>7.6454841811202234</v>
      </c>
      <c r="M3090">
        <f t="shared" si="353"/>
        <v>0</v>
      </c>
      <c r="N3090" s="46">
        <f t="shared" si="354"/>
        <v>45419.333333325922</v>
      </c>
    </row>
    <row r="3091" spans="2:14" x14ac:dyDescent="0.3">
      <c r="B3091">
        <f t="shared" si="348"/>
        <v>2</v>
      </c>
      <c r="C3091" s="16">
        <v>3057</v>
      </c>
      <c r="D3091" cm="1">
        <f t="array" ref="D3091">IFERROR(INDEX(Jesper!AH$2:AH$366,ROUNDDOWN($C3091/24,0)+1,1)*INDEX($D$3:$AA$30,INDEX(Jesper!$R$2:$R$366,ROW(INDEX(Jesper!AH$2:AH$366,ROUNDDOWN($C3091/24,0)+1,1))-1)+IF('Standard Profiles'!$G$18=$B$10,7,0)+IF('Standard Profiles'!$G$18=$B$17,14,0)+IF('Standard Profiles'!$G$18=$B$24,21,0),MOD($C3091,24)+1)/SUM(INDEX($D$3:$AA$30,INDEX(Jesper!$R$2:$R$366,ROW(INDEX(Jesper!AH$2:AH$366,ROUNDDOWN($C3091/24,0)+1,1))-1)+IF('Standard Profiles'!$G$18=$B$10,7,0)+IF('Standard Profiles'!$G$18=$B$17,14,0)+IF('Standard Profiles'!$G$18=$B$24,21,0),0)),0)</f>
        <v>11.503622031778114</v>
      </c>
      <c r="E3091" cm="1">
        <f t="array" ref="E3091">IFERROR(INDEX(Jesper!AI$2:AI$366,ROUNDDOWN($C3091/24,0)+1,1)*INDEX($D$3:$AA$30,INDEX(Jesper!$R$2:$R$366,ROW(INDEX(Jesper!AI$2:AI$366,ROUNDDOWN($C3091/24,0)+1,1))-1)+IF('Standard Profiles'!$G$19=$B$10,7,0)+IF('Standard Profiles'!$G$19=$B$17,14,0)+IF('Standard Profiles'!$G$19=$B$24,21,0),MOD($C3091,24)+1)/SUM(INDEX($D$3:$AA$30,INDEX(Jesper!$R$2:$R$366,ROW(INDEX(Jesper!AI$2:AI$366,ROUNDDOWN($C3091/24,0)+1,1))-1)+IF('Standard Profiles'!$G$19=$B$10,7,0)+IF('Standard Profiles'!$G$19=$B$17,14,0)+IF('Standard Profiles'!$G$19=$B$24,21,0),0)),0)</f>
        <v>0</v>
      </c>
      <c r="F3091" cm="1">
        <f t="array" ref="F3091">IFERROR(INDEX(Jesper!AJ$2:AJ$366,ROUNDDOWN($C3091/24,0)+1,1)*INDEX($D$3:$AA$30,INDEX(Jesper!$R$2:$R$366,ROW(INDEX(Jesper!AJ$2:AJ$366,ROUNDDOWN($C3091/24,0)+1,1))-1)+IF('Standard Profiles'!$G$20=$B$10,7,0)+IF('Standard Profiles'!$G$20=$B$17,14,0)+IF('Standard Profiles'!$G$20=$B$24,21,0),MOD($C3091,24)+1)/SUM(INDEX($D$3:$AA$30,INDEX(Jesper!$R$2:$R$366,ROW(INDEX(Jesper!AJ$2:AJ$366,ROUNDDOWN($C3091/24,0)+1,1))-1)+IF('Standard Profiles'!$G$20=$B$10,7,0)+IF('Standard Profiles'!$G$20=$B$17,14,0)+IF('Standard Profiles'!$G$20=$B$24,21,0),0)),0)</f>
        <v>0</v>
      </c>
      <c r="G3091" cm="1">
        <f t="array" ref="G3091">IFERROR(INDEX(Jesper!AK$2:AK$366,ROUNDDOWN($C3091/24,0)+1,1)*INDEX($D$3:$AA$30,INDEX(Jesper!$R$2:$R$366,ROW(INDEX(Jesper!AK$2:AK$366,ROUNDDOWN($C3091/24,0)+1,1))-1)+IF('Standard Profiles'!$G$21=$B$10,7,0)+IF('Standard Profiles'!$G$21=$B$17,14,0)+IF('Standard Profiles'!$G$21=$B$24,21,0),MOD($C3091,24)+1)/SUM(INDEX($D$3:$AA$30,INDEX(Jesper!$R$2:$R$366,ROW(INDEX(Jesper!AK$2:AK$366,ROUNDDOWN($C3091/24,0)+1,1))-1)+IF('Standard Profiles'!$G$21=$B$10,7,0)+IF('Standard Profiles'!$G$21=$B$17,14,0)+IF('Standard Profiles'!$G$21=$B$24,21,0),0)),0)</f>
        <v>0</v>
      </c>
      <c r="H3091" cm="1">
        <f t="array" ref="H3091">IFERROR(INDEX(Jesper!AL$2:AL$366,ROUNDDOWN($C3091/24,0)+1,1)*INDEX($D$3:$AA$30,INDEX(Jesper!$R$2:$R$366,ROW(INDEX(Jesper!AL$2:AL$366,ROUNDDOWN($C3091/24,0)+1,1))-1)+IF('Standard Profiles'!$G$22=$B$10,7,0)+IF('Standard Profiles'!$G$22=$B$17,14,0)+IF('Standard Profiles'!$G$22=$B$24,21,0),MOD($C3091,24)+1)/SUM(INDEX($D$3:$AA$30,INDEX(Jesper!$R$2:$R$366,ROW(INDEX(Jesper!AL$2:AL$366,ROUNDDOWN($C3091/24,0)+1,1))-1)+IF('Standard Profiles'!$G$22=$B$10,7,0)+IF('Standard Profiles'!$G$22=$B$17,14,0)+IF('Standard Profiles'!$G$22=$B$24,21,0),0)),0)</f>
        <v>0</v>
      </c>
      <c r="I3091">
        <f t="shared" si="349"/>
        <v>0.34510866095334342</v>
      </c>
      <c r="J3091">
        <f t="shared" si="350"/>
        <v>1.1503622031778116</v>
      </c>
      <c r="K3091">
        <f t="shared" si="351"/>
        <v>1.725543304766717</v>
      </c>
      <c r="L3091">
        <f t="shared" si="352"/>
        <v>8.2826078628802424</v>
      </c>
      <c r="M3091">
        <f t="shared" si="353"/>
        <v>0</v>
      </c>
      <c r="N3091" s="46">
        <f t="shared" si="354"/>
        <v>45419.374999992586</v>
      </c>
    </row>
    <row r="3092" spans="2:14" x14ac:dyDescent="0.3">
      <c r="B3092">
        <f t="shared" si="348"/>
        <v>2</v>
      </c>
      <c r="C3092" s="16">
        <v>3058</v>
      </c>
      <c r="D3092" cm="1">
        <f t="array" ref="D3092">IFERROR(INDEX(Jesper!AH$2:AH$366,ROUNDDOWN($C3092/24,0)+1,1)*INDEX($D$3:$AA$30,INDEX(Jesper!$R$2:$R$366,ROW(INDEX(Jesper!AH$2:AH$366,ROUNDDOWN($C3092/24,0)+1,1))-1)+IF('Standard Profiles'!$G$18=$B$10,7,0)+IF('Standard Profiles'!$G$18=$B$17,14,0)+IF('Standard Profiles'!$G$18=$B$24,21,0),MOD($C3092,24)+1)/SUM(INDEX($D$3:$AA$30,INDEX(Jesper!$R$2:$R$366,ROW(INDEX(Jesper!AH$2:AH$366,ROUNDDOWN($C3092/24,0)+1,1))-1)+IF('Standard Profiles'!$G$18=$B$10,7,0)+IF('Standard Profiles'!$G$18=$B$17,14,0)+IF('Standard Profiles'!$G$18=$B$24,21,0),0)),0)</f>
        <v>12.034558433244795</v>
      </c>
      <c r="E3092" cm="1">
        <f t="array" ref="E3092">IFERROR(INDEX(Jesper!AI$2:AI$366,ROUNDDOWN($C3092/24,0)+1,1)*INDEX($D$3:$AA$30,INDEX(Jesper!$R$2:$R$366,ROW(INDEX(Jesper!AI$2:AI$366,ROUNDDOWN($C3092/24,0)+1,1))-1)+IF('Standard Profiles'!$G$19=$B$10,7,0)+IF('Standard Profiles'!$G$19=$B$17,14,0)+IF('Standard Profiles'!$G$19=$B$24,21,0),MOD($C3092,24)+1)/SUM(INDEX($D$3:$AA$30,INDEX(Jesper!$R$2:$R$366,ROW(INDEX(Jesper!AI$2:AI$366,ROUNDDOWN($C3092/24,0)+1,1))-1)+IF('Standard Profiles'!$G$19=$B$10,7,0)+IF('Standard Profiles'!$G$19=$B$17,14,0)+IF('Standard Profiles'!$G$19=$B$24,21,0),0)),0)</f>
        <v>0</v>
      </c>
      <c r="F3092" cm="1">
        <f t="array" ref="F3092">IFERROR(INDEX(Jesper!AJ$2:AJ$366,ROUNDDOWN($C3092/24,0)+1,1)*INDEX($D$3:$AA$30,INDEX(Jesper!$R$2:$R$366,ROW(INDEX(Jesper!AJ$2:AJ$366,ROUNDDOWN($C3092/24,0)+1,1))-1)+IF('Standard Profiles'!$G$20=$B$10,7,0)+IF('Standard Profiles'!$G$20=$B$17,14,0)+IF('Standard Profiles'!$G$20=$B$24,21,0),MOD($C3092,24)+1)/SUM(INDEX($D$3:$AA$30,INDEX(Jesper!$R$2:$R$366,ROW(INDEX(Jesper!AJ$2:AJ$366,ROUNDDOWN($C3092/24,0)+1,1))-1)+IF('Standard Profiles'!$G$20=$B$10,7,0)+IF('Standard Profiles'!$G$20=$B$17,14,0)+IF('Standard Profiles'!$G$20=$B$24,21,0),0)),0)</f>
        <v>0</v>
      </c>
      <c r="G3092" cm="1">
        <f t="array" ref="G3092">IFERROR(INDEX(Jesper!AK$2:AK$366,ROUNDDOWN($C3092/24,0)+1,1)*INDEX($D$3:$AA$30,INDEX(Jesper!$R$2:$R$366,ROW(INDEX(Jesper!AK$2:AK$366,ROUNDDOWN($C3092/24,0)+1,1))-1)+IF('Standard Profiles'!$G$21=$B$10,7,0)+IF('Standard Profiles'!$G$21=$B$17,14,0)+IF('Standard Profiles'!$G$21=$B$24,21,0),MOD($C3092,24)+1)/SUM(INDEX($D$3:$AA$30,INDEX(Jesper!$R$2:$R$366,ROW(INDEX(Jesper!AK$2:AK$366,ROUNDDOWN($C3092/24,0)+1,1))-1)+IF('Standard Profiles'!$G$21=$B$10,7,0)+IF('Standard Profiles'!$G$21=$B$17,14,0)+IF('Standard Profiles'!$G$21=$B$24,21,0),0)),0)</f>
        <v>0</v>
      </c>
      <c r="H3092" cm="1">
        <f t="array" ref="H3092">IFERROR(INDEX(Jesper!AL$2:AL$366,ROUNDDOWN($C3092/24,0)+1,1)*INDEX($D$3:$AA$30,INDEX(Jesper!$R$2:$R$366,ROW(INDEX(Jesper!AL$2:AL$366,ROUNDDOWN($C3092/24,0)+1,1))-1)+IF('Standard Profiles'!$G$22=$B$10,7,0)+IF('Standard Profiles'!$G$22=$B$17,14,0)+IF('Standard Profiles'!$G$22=$B$24,21,0),MOD($C3092,24)+1)/SUM(INDEX($D$3:$AA$30,INDEX(Jesper!$R$2:$R$366,ROW(INDEX(Jesper!AL$2:AL$366,ROUNDDOWN($C3092/24,0)+1,1))-1)+IF('Standard Profiles'!$G$22=$B$10,7,0)+IF('Standard Profiles'!$G$22=$B$17,14,0)+IF('Standard Profiles'!$G$22=$B$24,21,0),0)),0)</f>
        <v>0</v>
      </c>
      <c r="I3092">
        <f t="shared" si="349"/>
        <v>0.36103675299734383</v>
      </c>
      <c r="J3092">
        <f t="shared" si="350"/>
        <v>1.2034558433244795</v>
      </c>
      <c r="K3092">
        <f t="shared" si="351"/>
        <v>1.8051837649867193</v>
      </c>
      <c r="L3092">
        <f t="shared" si="352"/>
        <v>8.6648820719362529</v>
      </c>
      <c r="M3092">
        <f t="shared" si="353"/>
        <v>0</v>
      </c>
      <c r="N3092" s="46">
        <f t="shared" si="354"/>
        <v>45419.41666665925</v>
      </c>
    </row>
    <row r="3093" spans="2:14" x14ac:dyDescent="0.3">
      <c r="B3093">
        <f t="shared" si="348"/>
        <v>2</v>
      </c>
      <c r="C3093" s="16">
        <v>3059</v>
      </c>
      <c r="D3093" cm="1">
        <f t="array" ref="D3093">IFERROR(INDEX(Jesper!AH$2:AH$366,ROUNDDOWN($C3093/24,0)+1,1)*INDEX($D$3:$AA$30,INDEX(Jesper!$R$2:$R$366,ROW(INDEX(Jesper!AH$2:AH$366,ROUNDDOWN($C3093/24,0)+1,1))-1)+IF('Standard Profiles'!$G$18=$B$10,7,0)+IF('Standard Profiles'!$G$18=$B$17,14,0)+IF('Standard Profiles'!$G$18=$B$24,21,0),MOD($C3093,24)+1)/SUM(INDEX($D$3:$AA$30,INDEX(Jesper!$R$2:$R$366,ROW(INDEX(Jesper!AH$2:AH$366,ROUNDDOWN($C3093/24,0)+1,1))-1)+IF('Standard Profiles'!$G$18=$B$10,7,0)+IF('Standard Profiles'!$G$18=$B$17,14,0)+IF('Standard Profiles'!$G$18=$B$24,21,0),0)),0)</f>
        <v>14.158304039111526</v>
      </c>
      <c r="E3093" cm="1">
        <f t="array" ref="E3093">IFERROR(INDEX(Jesper!AI$2:AI$366,ROUNDDOWN($C3093/24,0)+1,1)*INDEX($D$3:$AA$30,INDEX(Jesper!$R$2:$R$366,ROW(INDEX(Jesper!AI$2:AI$366,ROUNDDOWN($C3093/24,0)+1,1))-1)+IF('Standard Profiles'!$G$19=$B$10,7,0)+IF('Standard Profiles'!$G$19=$B$17,14,0)+IF('Standard Profiles'!$G$19=$B$24,21,0),MOD($C3093,24)+1)/SUM(INDEX($D$3:$AA$30,INDEX(Jesper!$R$2:$R$366,ROW(INDEX(Jesper!AI$2:AI$366,ROUNDDOWN($C3093/24,0)+1,1))-1)+IF('Standard Profiles'!$G$19=$B$10,7,0)+IF('Standard Profiles'!$G$19=$B$17,14,0)+IF('Standard Profiles'!$G$19=$B$24,21,0),0)),0)</f>
        <v>0</v>
      </c>
      <c r="F3093" cm="1">
        <f t="array" ref="F3093">IFERROR(INDEX(Jesper!AJ$2:AJ$366,ROUNDDOWN($C3093/24,0)+1,1)*INDEX($D$3:$AA$30,INDEX(Jesper!$R$2:$R$366,ROW(INDEX(Jesper!AJ$2:AJ$366,ROUNDDOWN($C3093/24,0)+1,1))-1)+IF('Standard Profiles'!$G$20=$B$10,7,0)+IF('Standard Profiles'!$G$20=$B$17,14,0)+IF('Standard Profiles'!$G$20=$B$24,21,0),MOD($C3093,24)+1)/SUM(INDEX($D$3:$AA$30,INDEX(Jesper!$R$2:$R$366,ROW(INDEX(Jesper!AJ$2:AJ$366,ROUNDDOWN($C3093/24,0)+1,1))-1)+IF('Standard Profiles'!$G$20=$B$10,7,0)+IF('Standard Profiles'!$G$20=$B$17,14,0)+IF('Standard Profiles'!$G$20=$B$24,21,0),0)),0)</f>
        <v>0</v>
      </c>
      <c r="G3093" cm="1">
        <f t="array" ref="G3093">IFERROR(INDEX(Jesper!AK$2:AK$366,ROUNDDOWN($C3093/24,0)+1,1)*INDEX($D$3:$AA$30,INDEX(Jesper!$R$2:$R$366,ROW(INDEX(Jesper!AK$2:AK$366,ROUNDDOWN($C3093/24,0)+1,1))-1)+IF('Standard Profiles'!$G$21=$B$10,7,0)+IF('Standard Profiles'!$G$21=$B$17,14,0)+IF('Standard Profiles'!$G$21=$B$24,21,0),MOD($C3093,24)+1)/SUM(INDEX($D$3:$AA$30,INDEX(Jesper!$R$2:$R$366,ROW(INDEX(Jesper!AK$2:AK$366,ROUNDDOWN($C3093/24,0)+1,1))-1)+IF('Standard Profiles'!$G$21=$B$10,7,0)+IF('Standard Profiles'!$G$21=$B$17,14,0)+IF('Standard Profiles'!$G$21=$B$24,21,0),0)),0)</f>
        <v>0</v>
      </c>
      <c r="H3093" cm="1">
        <f t="array" ref="H3093">IFERROR(INDEX(Jesper!AL$2:AL$366,ROUNDDOWN($C3093/24,0)+1,1)*INDEX($D$3:$AA$30,INDEX(Jesper!$R$2:$R$366,ROW(INDEX(Jesper!AL$2:AL$366,ROUNDDOWN($C3093/24,0)+1,1))-1)+IF('Standard Profiles'!$G$22=$B$10,7,0)+IF('Standard Profiles'!$G$22=$B$17,14,0)+IF('Standard Profiles'!$G$22=$B$24,21,0),MOD($C3093,24)+1)/SUM(INDEX($D$3:$AA$30,INDEX(Jesper!$R$2:$R$366,ROW(INDEX(Jesper!AL$2:AL$366,ROUNDDOWN($C3093/24,0)+1,1))-1)+IF('Standard Profiles'!$G$22=$B$10,7,0)+IF('Standard Profiles'!$G$22=$B$17,14,0)+IF('Standard Profiles'!$G$22=$B$24,21,0),0)),0)</f>
        <v>0</v>
      </c>
      <c r="I3093">
        <f t="shared" si="349"/>
        <v>0.42474912117334573</v>
      </c>
      <c r="J3093">
        <f t="shared" si="350"/>
        <v>1.4158304039111527</v>
      </c>
      <c r="K3093">
        <f t="shared" si="351"/>
        <v>2.1237456058667288</v>
      </c>
      <c r="L3093">
        <f t="shared" si="352"/>
        <v>10.193978908160299</v>
      </c>
      <c r="M3093">
        <f t="shared" si="353"/>
        <v>0</v>
      </c>
      <c r="N3093" s="46">
        <f t="shared" si="354"/>
        <v>45419.458333325914</v>
      </c>
    </row>
    <row r="3094" spans="2:14" x14ac:dyDescent="0.3">
      <c r="B3094">
        <f t="shared" si="348"/>
        <v>2</v>
      </c>
      <c r="C3094" s="16">
        <v>3060</v>
      </c>
      <c r="D3094" cm="1">
        <f t="array" ref="D3094">IFERROR(INDEX(Jesper!AH$2:AH$366,ROUNDDOWN($C3094/24,0)+1,1)*INDEX($D$3:$AA$30,INDEX(Jesper!$R$2:$R$366,ROW(INDEX(Jesper!AH$2:AH$366,ROUNDDOWN($C3094/24,0)+1,1))-1)+IF('Standard Profiles'!$G$18=$B$10,7,0)+IF('Standard Profiles'!$G$18=$B$17,14,0)+IF('Standard Profiles'!$G$18=$B$24,21,0),MOD($C3094,24)+1)/SUM(INDEX($D$3:$AA$30,INDEX(Jesper!$R$2:$R$366,ROW(INDEX(Jesper!AH$2:AH$366,ROUNDDOWN($C3094/24,0)+1,1))-1)+IF('Standard Profiles'!$G$18=$B$10,7,0)+IF('Standard Profiles'!$G$18=$B$17,14,0)+IF('Standard Profiles'!$G$18=$B$24,21,0),0)),0)</f>
        <v>14.158304039111526</v>
      </c>
      <c r="E3094" cm="1">
        <f t="array" ref="E3094">IFERROR(INDEX(Jesper!AI$2:AI$366,ROUNDDOWN($C3094/24,0)+1,1)*INDEX($D$3:$AA$30,INDEX(Jesper!$R$2:$R$366,ROW(INDEX(Jesper!AI$2:AI$366,ROUNDDOWN($C3094/24,0)+1,1))-1)+IF('Standard Profiles'!$G$19=$B$10,7,0)+IF('Standard Profiles'!$G$19=$B$17,14,0)+IF('Standard Profiles'!$G$19=$B$24,21,0),MOD($C3094,24)+1)/SUM(INDEX($D$3:$AA$30,INDEX(Jesper!$R$2:$R$366,ROW(INDEX(Jesper!AI$2:AI$366,ROUNDDOWN($C3094/24,0)+1,1))-1)+IF('Standard Profiles'!$G$19=$B$10,7,0)+IF('Standard Profiles'!$G$19=$B$17,14,0)+IF('Standard Profiles'!$G$19=$B$24,21,0),0)),0)</f>
        <v>0</v>
      </c>
      <c r="F3094" cm="1">
        <f t="array" ref="F3094">IFERROR(INDEX(Jesper!AJ$2:AJ$366,ROUNDDOWN($C3094/24,0)+1,1)*INDEX($D$3:$AA$30,INDEX(Jesper!$R$2:$R$366,ROW(INDEX(Jesper!AJ$2:AJ$366,ROUNDDOWN($C3094/24,0)+1,1))-1)+IF('Standard Profiles'!$G$20=$B$10,7,0)+IF('Standard Profiles'!$G$20=$B$17,14,0)+IF('Standard Profiles'!$G$20=$B$24,21,0),MOD($C3094,24)+1)/SUM(INDEX($D$3:$AA$30,INDEX(Jesper!$R$2:$R$366,ROW(INDEX(Jesper!AJ$2:AJ$366,ROUNDDOWN($C3094/24,0)+1,1))-1)+IF('Standard Profiles'!$G$20=$B$10,7,0)+IF('Standard Profiles'!$G$20=$B$17,14,0)+IF('Standard Profiles'!$G$20=$B$24,21,0),0)),0)</f>
        <v>0</v>
      </c>
      <c r="G3094" cm="1">
        <f t="array" ref="G3094">IFERROR(INDEX(Jesper!AK$2:AK$366,ROUNDDOWN($C3094/24,0)+1,1)*INDEX($D$3:$AA$30,INDEX(Jesper!$R$2:$R$366,ROW(INDEX(Jesper!AK$2:AK$366,ROUNDDOWN($C3094/24,0)+1,1))-1)+IF('Standard Profiles'!$G$21=$B$10,7,0)+IF('Standard Profiles'!$G$21=$B$17,14,0)+IF('Standard Profiles'!$G$21=$B$24,21,0),MOD($C3094,24)+1)/SUM(INDEX($D$3:$AA$30,INDEX(Jesper!$R$2:$R$366,ROW(INDEX(Jesper!AK$2:AK$366,ROUNDDOWN($C3094/24,0)+1,1))-1)+IF('Standard Profiles'!$G$21=$B$10,7,0)+IF('Standard Profiles'!$G$21=$B$17,14,0)+IF('Standard Profiles'!$G$21=$B$24,21,0),0)),0)</f>
        <v>0</v>
      </c>
      <c r="H3094" cm="1">
        <f t="array" ref="H3094">IFERROR(INDEX(Jesper!AL$2:AL$366,ROUNDDOWN($C3094/24,0)+1,1)*INDEX($D$3:$AA$30,INDEX(Jesper!$R$2:$R$366,ROW(INDEX(Jesper!AL$2:AL$366,ROUNDDOWN($C3094/24,0)+1,1))-1)+IF('Standard Profiles'!$G$22=$B$10,7,0)+IF('Standard Profiles'!$G$22=$B$17,14,0)+IF('Standard Profiles'!$G$22=$B$24,21,0),MOD($C3094,24)+1)/SUM(INDEX($D$3:$AA$30,INDEX(Jesper!$R$2:$R$366,ROW(INDEX(Jesper!AL$2:AL$366,ROUNDDOWN($C3094/24,0)+1,1))-1)+IF('Standard Profiles'!$G$22=$B$10,7,0)+IF('Standard Profiles'!$G$22=$B$17,14,0)+IF('Standard Profiles'!$G$22=$B$24,21,0),0)),0)</f>
        <v>0</v>
      </c>
      <c r="I3094">
        <f t="shared" si="349"/>
        <v>0.42474912117334573</v>
      </c>
      <c r="J3094">
        <f t="shared" si="350"/>
        <v>1.4158304039111527</v>
      </c>
      <c r="K3094">
        <f t="shared" si="351"/>
        <v>2.1237456058667288</v>
      </c>
      <c r="L3094">
        <f t="shared" si="352"/>
        <v>10.193978908160299</v>
      </c>
      <c r="M3094">
        <f t="shared" si="353"/>
        <v>0</v>
      </c>
      <c r="N3094" s="46">
        <f t="shared" si="354"/>
        <v>45419.499999992579</v>
      </c>
    </row>
    <row r="3095" spans="2:14" x14ac:dyDescent="0.3">
      <c r="B3095">
        <f t="shared" si="348"/>
        <v>2</v>
      </c>
      <c r="C3095" s="16">
        <v>3061</v>
      </c>
      <c r="D3095" cm="1">
        <f t="array" ref="D3095">IFERROR(INDEX(Jesper!AH$2:AH$366,ROUNDDOWN($C3095/24,0)+1,1)*INDEX($D$3:$AA$30,INDEX(Jesper!$R$2:$R$366,ROW(INDEX(Jesper!AH$2:AH$366,ROUNDDOWN($C3095/24,0)+1,1))-1)+IF('Standard Profiles'!$G$18=$B$10,7,0)+IF('Standard Profiles'!$G$18=$B$17,14,0)+IF('Standard Profiles'!$G$18=$B$24,21,0),MOD($C3095,24)+1)/SUM(INDEX($D$3:$AA$30,INDEX(Jesper!$R$2:$R$366,ROW(INDEX(Jesper!AH$2:AH$366,ROUNDDOWN($C3095/24,0)+1,1))-1)+IF('Standard Profiles'!$G$18=$B$10,7,0)+IF('Standard Profiles'!$G$18=$B$17,14,0)+IF('Standard Profiles'!$G$18=$B$24,21,0),0)),0)</f>
        <v>14.158304039111526</v>
      </c>
      <c r="E3095" cm="1">
        <f t="array" ref="E3095">IFERROR(INDEX(Jesper!AI$2:AI$366,ROUNDDOWN($C3095/24,0)+1,1)*INDEX($D$3:$AA$30,INDEX(Jesper!$R$2:$R$366,ROW(INDEX(Jesper!AI$2:AI$366,ROUNDDOWN($C3095/24,0)+1,1))-1)+IF('Standard Profiles'!$G$19=$B$10,7,0)+IF('Standard Profiles'!$G$19=$B$17,14,0)+IF('Standard Profiles'!$G$19=$B$24,21,0),MOD($C3095,24)+1)/SUM(INDEX($D$3:$AA$30,INDEX(Jesper!$R$2:$R$366,ROW(INDEX(Jesper!AI$2:AI$366,ROUNDDOWN($C3095/24,0)+1,1))-1)+IF('Standard Profiles'!$G$19=$B$10,7,0)+IF('Standard Profiles'!$G$19=$B$17,14,0)+IF('Standard Profiles'!$G$19=$B$24,21,0),0)),0)</f>
        <v>0</v>
      </c>
      <c r="F3095" cm="1">
        <f t="array" ref="F3095">IFERROR(INDEX(Jesper!AJ$2:AJ$366,ROUNDDOWN($C3095/24,0)+1,1)*INDEX($D$3:$AA$30,INDEX(Jesper!$R$2:$R$366,ROW(INDEX(Jesper!AJ$2:AJ$366,ROUNDDOWN($C3095/24,0)+1,1))-1)+IF('Standard Profiles'!$G$20=$B$10,7,0)+IF('Standard Profiles'!$G$20=$B$17,14,0)+IF('Standard Profiles'!$G$20=$B$24,21,0),MOD($C3095,24)+1)/SUM(INDEX($D$3:$AA$30,INDEX(Jesper!$R$2:$R$366,ROW(INDEX(Jesper!AJ$2:AJ$366,ROUNDDOWN($C3095/24,0)+1,1))-1)+IF('Standard Profiles'!$G$20=$B$10,7,0)+IF('Standard Profiles'!$G$20=$B$17,14,0)+IF('Standard Profiles'!$G$20=$B$24,21,0),0)),0)</f>
        <v>0</v>
      </c>
      <c r="G3095" cm="1">
        <f t="array" ref="G3095">IFERROR(INDEX(Jesper!AK$2:AK$366,ROUNDDOWN($C3095/24,0)+1,1)*INDEX($D$3:$AA$30,INDEX(Jesper!$R$2:$R$366,ROW(INDEX(Jesper!AK$2:AK$366,ROUNDDOWN($C3095/24,0)+1,1))-1)+IF('Standard Profiles'!$G$21=$B$10,7,0)+IF('Standard Profiles'!$G$21=$B$17,14,0)+IF('Standard Profiles'!$G$21=$B$24,21,0),MOD($C3095,24)+1)/SUM(INDEX($D$3:$AA$30,INDEX(Jesper!$R$2:$R$366,ROW(INDEX(Jesper!AK$2:AK$366,ROUNDDOWN($C3095/24,0)+1,1))-1)+IF('Standard Profiles'!$G$21=$B$10,7,0)+IF('Standard Profiles'!$G$21=$B$17,14,0)+IF('Standard Profiles'!$G$21=$B$24,21,0),0)),0)</f>
        <v>0</v>
      </c>
      <c r="H3095" cm="1">
        <f t="array" ref="H3095">IFERROR(INDEX(Jesper!AL$2:AL$366,ROUNDDOWN($C3095/24,0)+1,1)*INDEX($D$3:$AA$30,INDEX(Jesper!$R$2:$R$366,ROW(INDEX(Jesper!AL$2:AL$366,ROUNDDOWN($C3095/24,0)+1,1))-1)+IF('Standard Profiles'!$G$22=$B$10,7,0)+IF('Standard Profiles'!$G$22=$B$17,14,0)+IF('Standard Profiles'!$G$22=$B$24,21,0),MOD($C3095,24)+1)/SUM(INDEX($D$3:$AA$30,INDEX(Jesper!$R$2:$R$366,ROW(INDEX(Jesper!AL$2:AL$366,ROUNDDOWN($C3095/24,0)+1,1))-1)+IF('Standard Profiles'!$G$22=$B$10,7,0)+IF('Standard Profiles'!$G$22=$B$17,14,0)+IF('Standard Profiles'!$G$22=$B$24,21,0),0)),0)</f>
        <v>0</v>
      </c>
      <c r="I3095">
        <f t="shared" si="349"/>
        <v>0.42474912117334573</v>
      </c>
      <c r="J3095">
        <f t="shared" si="350"/>
        <v>1.4158304039111527</v>
      </c>
      <c r="K3095">
        <f t="shared" si="351"/>
        <v>2.1237456058667288</v>
      </c>
      <c r="L3095">
        <f t="shared" si="352"/>
        <v>10.193978908160299</v>
      </c>
      <c r="M3095">
        <f t="shared" si="353"/>
        <v>0</v>
      </c>
      <c r="N3095" s="46">
        <f t="shared" si="354"/>
        <v>45419.541666659243</v>
      </c>
    </row>
    <row r="3096" spans="2:14" x14ac:dyDescent="0.3">
      <c r="B3096">
        <f t="shared" si="348"/>
        <v>2</v>
      </c>
      <c r="C3096" s="16">
        <v>3062</v>
      </c>
      <c r="D3096" cm="1">
        <f t="array" ref="D3096">IFERROR(INDEX(Jesper!AH$2:AH$366,ROUNDDOWN($C3096/24,0)+1,1)*INDEX($D$3:$AA$30,INDEX(Jesper!$R$2:$R$366,ROW(INDEX(Jesper!AH$2:AH$366,ROUNDDOWN($C3096/24,0)+1,1))-1)+IF('Standard Profiles'!$G$18=$B$10,7,0)+IF('Standard Profiles'!$G$18=$B$17,14,0)+IF('Standard Profiles'!$G$18=$B$24,21,0),MOD($C3096,24)+1)/SUM(INDEX($D$3:$AA$30,INDEX(Jesper!$R$2:$R$366,ROW(INDEX(Jesper!AH$2:AH$366,ROUNDDOWN($C3096/24,0)+1,1))-1)+IF('Standard Profiles'!$G$18=$B$10,7,0)+IF('Standard Profiles'!$G$18=$B$17,14,0)+IF('Standard Profiles'!$G$18=$B$24,21,0),0)),0)</f>
        <v>14.158304039111526</v>
      </c>
      <c r="E3096" cm="1">
        <f t="array" ref="E3096">IFERROR(INDEX(Jesper!AI$2:AI$366,ROUNDDOWN($C3096/24,0)+1,1)*INDEX($D$3:$AA$30,INDEX(Jesper!$R$2:$R$366,ROW(INDEX(Jesper!AI$2:AI$366,ROUNDDOWN($C3096/24,0)+1,1))-1)+IF('Standard Profiles'!$G$19=$B$10,7,0)+IF('Standard Profiles'!$G$19=$B$17,14,0)+IF('Standard Profiles'!$G$19=$B$24,21,0),MOD($C3096,24)+1)/SUM(INDEX($D$3:$AA$30,INDEX(Jesper!$R$2:$R$366,ROW(INDEX(Jesper!AI$2:AI$366,ROUNDDOWN($C3096/24,0)+1,1))-1)+IF('Standard Profiles'!$G$19=$B$10,7,0)+IF('Standard Profiles'!$G$19=$B$17,14,0)+IF('Standard Profiles'!$G$19=$B$24,21,0),0)),0)</f>
        <v>0</v>
      </c>
      <c r="F3096" cm="1">
        <f t="array" ref="F3096">IFERROR(INDEX(Jesper!AJ$2:AJ$366,ROUNDDOWN($C3096/24,0)+1,1)*INDEX($D$3:$AA$30,INDEX(Jesper!$R$2:$R$366,ROW(INDEX(Jesper!AJ$2:AJ$366,ROUNDDOWN($C3096/24,0)+1,1))-1)+IF('Standard Profiles'!$G$20=$B$10,7,0)+IF('Standard Profiles'!$G$20=$B$17,14,0)+IF('Standard Profiles'!$G$20=$B$24,21,0),MOD($C3096,24)+1)/SUM(INDEX($D$3:$AA$30,INDEX(Jesper!$R$2:$R$366,ROW(INDEX(Jesper!AJ$2:AJ$366,ROUNDDOWN($C3096/24,0)+1,1))-1)+IF('Standard Profiles'!$G$20=$B$10,7,0)+IF('Standard Profiles'!$G$20=$B$17,14,0)+IF('Standard Profiles'!$G$20=$B$24,21,0),0)),0)</f>
        <v>0</v>
      </c>
      <c r="G3096" cm="1">
        <f t="array" ref="G3096">IFERROR(INDEX(Jesper!AK$2:AK$366,ROUNDDOWN($C3096/24,0)+1,1)*INDEX($D$3:$AA$30,INDEX(Jesper!$R$2:$R$366,ROW(INDEX(Jesper!AK$2:AK$366,ROUNDDOWN($C3096/24,0)+1,1))-1)+IF('Standard Profiles'!$G$21=$B$10,7,0)+IF('Standard Profiles'!$G$21=$B$17,14,0)+IF('Standard Profiles'!$G$21=$B$24,21,0),MOD($C3096,24)+1)/SUM(INDEX($D$3:$AA$30,INDEX(Jesper!$R$2:$R$366,ROW(INDEX(Jesper!AK$2:AK$366,ROUNDDOWN($C3096/24,0)+1,1))-1)+IF('Standard Profiles'!$G$21=$B$10,7,0)+IF('Standard Profiles'!$G$21=$B$17,14,0)+IF('Standard Profiles'!$G$21=$B$24,21,0),0)),0)</f>
        <v>0</v>
      </c>
      <c r="H3096" cm="1">
        <f t="array" ref="H3096">IFERROR(INDEX(Jesper!AL$2:AL$366,ROUNDDOWN($C3096/24,0)+1,1)*INDEX($D$3:$AA$30,INDEX(Jesper!$R$2:$R$366,ROW(INDEX(Jesper!AL$2:AL$366,ROUNDDOWN($C3096/24,0)+1,1))-1)+IF('Standard Profiles'!$G$22=$B$10,7,0)+IF('Standard Profiles'!$G$22=$B$17,14,0)+IF('Standard Profiles'!$G$22=$B$24,21,0),MOD($C3096,24)+1)/SUM(INDEX($D$3:$AA$30,INDEX(Jesper!$R$2:$R$366,ROW(INDEX(Jesper!AL$2:AL$366,ROUNDDOWN($C3096/24,0)+1,1))-1)+IF('Standard Profiles'!$G$22=$B$10,7,0)+IF('Standard Profiles'!$G$22=$B$17,14,0)+IF('Standard Profiles'!$G$22=$B$24,21,0),0)),0)</f>
        <v>0</v>
      </c>
      <c r="I3096">
        <f t="shared" si="349"/>
        <v>0.42474912117334573</v>
      </c>
      <c r="J3096">
        <f t="shared" si="350"/>
        <v>1.4158304039111527</v>
      </c>
      <c r="K3096">
        <f t="shared" si="351"/>
        <v>2.1237456058667288</v>
      </c>
      <c r="L3096">
        <f t="shared" si="352"/>
        <v>10.193978908160299</v>
      </c>
      <c r="M3096">
        <f t="shared" si="353"/>
        <v>0</v>
      </c>
      <c r="N3096" s="46">
        <f t="shared" si="354"/>
        <v>45419.583333325907</v>
      </c>
    </row>
    <row r="3097" spans="2:14" x14ac:dyDescent="0.3">
      <c r="B3097">
        <f t="shared" si="348"/>
        <v>2</v>
      </c>
      <c r="C3097" s="16">
        <v>3063</v>
      </c>
      <c r="D3097" cm="1">
        <f t="array" ref="D3097">IFERROR(INDEX(Jesper!AH$2:AH$366,ROUNDDOWN($C3097/24,0)+1,1)*INDEX($D$3:$AA$30,INDEX(Jesper!$R$2:$R$366,ROW(INDEX(Jesper!AH$2:AH$366,ROUNDDOWN($C3097/24,0)+1,1))-1)+IF('Standard Profiles'!$G$18=$B$10,7,0)+IF('Standard Profiles'!$G$18=$B$17,14,0)+IF('Standard Profiles'!$G$18=$B$24,21,0),MOD($C3097,24)+1)/SUM(INDEX($D$3:$AA$30,INDEX(Jesper!$R$2:$R$366,ROW(INDEX(Jesper!AH$2:AH$366,ROUNDDOWN($C3097/24,0)+1,1))-1)+IF('Standard Profiles'!$G$18=$B$10,7,0)+IF('Standard Profiles'!$G$18=$B$17,14,0)+IF('Standard Profiles'!$G$18=$B$24,21,0),0)),0)</f>
        <v>14.158304039111526</v>
      </c>
      <c r="E3097" cm="1">
        <f t="array" ref="E3097">IFERROR(INDEX(Jesper!AI$2:AI$366,ROUNDDOWN($C3097/24,0)+1,1)*INDEX($D$3:$AA$30,INDEX(Jesper!$R$2:$R$366,ROW(INDEX(Jesper!AI$2:AI$366,ROUNDDOWN($C3097/24,0)+1,1))-1)+IF('Standard Profiles'!$G$19=$B$10,7,0)+IF('Standard Profiles'!$G$19=$B$17,14,0)+IF('Standard Profiles'!$G$19=$B$24,21,0),MOD($C3097,24)+1)/SUM(INDEX($D$3:$AA$30,INDEX(Jesper!$R$2:$R$366,ROW(INDEX(Jesper!AI$2:AI$366,ROUNDDOWN($C3097/24,0)+1,1))-1)+IF('Standard Profiles'!$G$19=$B$10,7,0)+IF('Standard Profiles'!$G$19=$B$17,14,0)+IF('Standard Profiles'!$G$19=$B$24,21,0),0)),0)</f>
        <v>0</v>
      </c>
      <c r="F3097" cm="1">
        <f t="array" ref="F3097">IFERROR(INDEX(Jesper!AJ$2:AJ$366,ROUNDDOWN($C3097/24,0)+1,1)*INDEX($D$3:$AA$30,INDEX(Jesper!$R$2:$R$366,ROW(INDEX(Jesper!AJ$2:AJ$366,ROUNDDOWN($C3097/24,0)+1,1))-1)+IF('Standard Profiles'!$G$20=$B$10,7,0)+IF('Standard Profiles'!$G$20=$B$17,14,0)+IF('Standard Profiles'!$G$20=$B$24,21,0),MOD($C3097,24)+1)/SUM(INDEX($D$3:$AA$30,INDEX(Jesper!$R$2:$R$366,ROW(INDEX(Jesper!AJ$2:AJ$366,ROUNDDOWN($C3097/24,0)+1,1))-1)+IF('Standard Profiles'!$G$20=$B$10,7,0)+IF('Standard Profiles'!$G$20=$B$17,14,0)+IF('Standard Profiles'!$G$20=$B$24,21,0),0)),0)</f>
        <v>0</v>
      </c>
      <c r="G3097" cm="1">
        <f t="array" ref="G3097">IFERROR(INDEX(Jesper!AK$2:AK$366,ROUNDDOWN($C3097/24,0)+1,1)*INDEX($D$3:$AA$30,INDEX(Jesper!$R$2:$R$366,ROW(INDEX(Jesper!AK$2:AK$366,ROUNDDOWN($C3097/24,0)+1,1))-1)+IF('Standard Profiles'!$G$21=$B$10,7,0)+IF('Standard Profiles'!$G$21=$B$17,14,0)+IF('Standard Profiles'!$G$21=$B$24,21,0),MOD($C3097,24)+1)/SUM(INDEX($D$3:$AA$30,INDEX(Jesper!$R$2:$R$366,ROW(INDEX(Jesper!AK$2:AK$366,ROUNDDOWN($C3097/24,0)+1,1))-1)+IF('Standard Profiles'!$G$21=$B$10,7,0)+IF('Standard Profiles'!$G$21=$B$17,14,0)+IF('Standard Profiles'!$G$21=$B$24,21,0),0)),0)</f>
        <v>0</v>
      </c>
      <c r="H3097" cm="1">
        <f t="array" ref="H3097">IFERROR(INDEX(Jesper!AL$2:AL$366,ROUNDDOWN($C3097/24,0)+1,1)*INDEX($D$3:$AA$30,INDEX(Jesper!$R$2:$R$366,ROW(INDEX(Jesper!AL$2:AL$366,ROUNDDOWN($C3097/24,0)+1,1))-1)+IF('Standard Profiles'!$G$22=$B$10,7,0)+IF('Standard Profiles'!$G$22=$B$17,14,0)+IF('Standard Profiles'!$G$22=$B$24,21,0),MOD($C3097,24)+1)/SUM(INDEX($D$3:$AA$30,INDEX(Jesper!$R$2:$R$366,ROW(INDEX(Jesper!AL$2:AL$366,ROUNDDOWN($C3097/24,0)+1,1))-1)+IF('Standard Profiles'!$G$22=$B$10,7,0)+IF('Standard Profiles'!$G$22=$B$17,14,0)+IF('Standard Profiles'!$G$22=$B$24,21,0),0)),0)</f>
        <v>0</v>
      </c>
      <c r="I3097">
        <f t="shared" si="349"/>
        <v>0.42474912117334573</v>
      </c>
      <c r="J3097">
        <f t="shared" si="350"/>
        <v>1.4158304039111527</v>
      </c>
      <c r="K3097">
        <f t="shared" si="351"/>
        <v>2.1237456058667288</v>
      </c>
      <c r="L3097">
        <f t="shared" si="352"/>
        <v>10.193978908160299</v>
      </c>
      <c r="M3097">
        <f t="shared" si="353"/>
        <v>0</v>
      </c>
      <c r="N3097" s="46">
        <f t="shared" si="354"/>
        <v>45419.624999992571</v>
      </c>
    </row>
    <row r="3098" spans="2:14" x14ac:dyDescent="0.3">
      <c r="B3098">
        <f t="shared" si="348"/>
        <v>2</v>
      </c>
      <c r="C3098" s="16">
        <v>3064</v>
      </c>
      <c r="D3098" cm="1">
        <f t="array" ref="D3098">IFERROR(INDEX(Jesper!AH$2:AH$366,ROUNDDOWN($C3098/24,0)+1,1)*INDEX($D$3:$AA$30,INDEX(Jesper!$R$2:$R$366,ROW(INDEX(Jesper!AH$2:AH$366,ROUNDDOWN($C3098/24,0)+1,1))-1)+IF('Standard Profiles'!$G$18=$B$10,7,0)+IF('Standard Profiles'!$G$18=$B$17,14,0)+IF('Standard Profiles'!$G$18=$B$24,21,0),MOD($C3098,24)+1)/SUM(INDEX($D$3:$AA$30,INDEX(Jesper!$R$2:$R$366,ROW(INDEX(Jesper!AH$2:AH$366,ROUNDDOWN($C3098/24,0)+1,1))-1)+IF('Standard Profiles'!$G$18=$B$10,7,0)+IF('Standard Profiles'!$G$18=$B$17,14,0)+IF('Standard Profiles'!$G$18=$B$24,21,0),0)),0)</f>
        <v>14.158304039111526</v>
      </c>
      <c r="E3098" cm="1">
        <f t="array" ref="E3098">IFERROR(INDEX(Jesper!AI$2:AI$366,ROUNDDOWN($C3098/24,0)+1,1)*INDEX($D$3:$AA$30,INDEX(Jesper!$R$2:$R$366,ROW(INDEX(Jesper!AI$2:AI$366,ROUNDDOWN($C3098/24,0)+1,1))-1)+IF('Standard Profiles'!$G$19=$B$10,7,0)+IF('Standard Profiles'!$G$19=$B$17,14,0)+IF('Standard Profiles'!$G$19=$B$24,21,0),MOD($C3098,24)+1)/SUM(INDEX($D$3:$AA$30,INDEX(Jesper!$R$2:$R$366,ROW(INDEX(Jesper!AI$2:AI$366,ROUNDDOWN($C3098/24,0)+1,1))-1)+IF('Standard Profiles'!$G$19=$B$10,7,0)+IF('Standard Profiles'!$G$19=$B$17,14,0)+IF('Standard Profiles'!$G$19=$B$24,21,0),0)),0)</f>
        <v>0</v>
      </c>
      <c r="F3098" cm="1">
        <f t="array" ref="F3098">IFERROR(INDEX(Jesper!AJ$2:AJ$366,ROUNDDOWN($C3098/24,0)+1,1)*INDEX($D$3:$AA$30,INDEX(Jesper!$R$2:$R$366,ROW(INDEX(Jesper!AJ$2:AJ$366,ROUNDDOWN($C3098/24,0)+1,1))-1)+IF('Standard Profiles'!$G$20=$B$10,7,0)+IF('Standard Profiles'!$G$20=$B$17,14,0)+IF('Standard Profiles'!$G$20=$B$24,21,0),MOD($C3098,24)+1)/SUM(INDEX($D$3:$AA$30,INDEX(Jesper!$R$2:$R$366,ROW(INDEX(Jesper!AJ$2:AJ$366,ROUNDDOWN($C3098/24,0)+1,1))-1)+IF('Standard Profiles'!$G$20=$B$10,7,0)+IF('Standard Profiles'!$G$20=$B$17,14,0)+IF('Standard Profiles'!$G$20=$B$24,21,0),0)),0)</f>
        <v>0</v>
      </c>
      <c r="G3098" cm="1">
        <f t="array" ref="G3098">IFERROR(INDEX(Jesper!AK$2:AK$366,ROUNDDOWN($C3098/24,0)+1,1)*INDEX($D$3:$AA$30,INDEX(Jesper!$R$2:$R$366,ROW(INDEX(Jesper!AK$2:AK$366,ROUNDDOWN($C3098/24,0)+1,1))-1)+IF('Standard Profiles'!$G$21=$B$10,7,0)+IF('Standard Profiles'!$G$21=$B$17,14,0)+IF('Standard Profiles'!$G$21=$B$24,21,0),MOD($C3098,24)+1)/SUM(INDEX($D$3:$AA$30,INDEX(Jesper!$R$2:$R$366,ROW(INDEX(Jesper!AK$2:AK$366,ROUNDDOWN($C3098/24,0)+1,1))-1)+IF('Standard Profiles'!$G$21=$B$10,7,0)+IF('Standard Profiles'!$G$21=$B$17,14,0)+IF('Standard Profiles'!$G$21=$B$24,21,0),0)),0)</f>
        <v>0</v>
      </c>
      <c r="H3098" cm="1">
        <f t="array" ref="H3098">IFERROR(INDEX(Jesper!AL$2:AL$366,ROUNDDOWN($C3098/24,0)+1,1)*INDEX($D$3:$AA$30,INDEX(Jesper!$R$2:$R$366,ROW(INDEX(Jesper!AL$2:AL$366,ROUNDDOWN($C3098/24,0)+1,1))-1)+IF('Standard Profiles'!$G$22=$B$10,7,0)+IF('Standard Profiles'!$G$22=$B$17,14,0)+IF('Standard Profiles'!$G$22=$B$24,21,0),MOD($C3098,24)+1)/SUM(INDEX($D$3:$AA$30,INDEX(Jesper!$R$2:$R$366,ROW(INDEX(Jesper!AL$2:AL$366,ROUNDDOWN($C3098/24,0)+1,1))-1)+IF('Standard Profiles'!$G$22=$B$10,7,0)+IF('Standard Profiles'!$G$22=$B$17,14,0)+IF('Standard Profiles'!$G$22=$B$24,21,0),0)),0)</f>
        <v>0</v>
      </c>
      <c r="I3098">
        <f t="shared" si="349"/>
        <v>0.42474912117334573</v>
      </c>
      <c r="J3098">
        <f t="shared" si="350"/>
        <v>1.4158304039111527</v>
      </c>
      <c r="K3098">
        <f t="shared" si="351"/>
        <v>2.1237456058667288</v>
      </c>
      <c r="L3098">
        <f t="shared" si="352"/>
        <v>10.193978908160299</v>
      </c>
      <c r="M3098">
        <f t="shared" si="353"/>
        <v>0</v>
      </c>
      <c r="N3098" s="46">
        <f t="shared" si="354"/>
        <v>45419.666666659235</v>
      </c>
    </row>
    <row r="3099" spans="2:14" x14ac:dyDescent="0.3">
      <c r="B3099">
        <f t="shared" si="348"/>
        <v>2</v>
      </c>
      <c r="C3099" s="16">
        <v>3065</v>
      </c>
      <c r="D3099" cm="1">
        <f t="array" ref="D3099">IFERROR(INDEX(Jesper!AH$2:AH$366,ROUNDDOWN($C3099/24,0)+1,1)*INDEX($D$3:$AA$30,INDEX(Jesper!$R$2:$R$366,ROW(INDEX(Jesper!AH$2:AH$366,ROUNDDOWN($C3099/24,0)+1,1))-1)+IF('Standard Profiles'!$G$18=$B$10,7,0)+IF('Standard Profiles'!$G$18=$B$17,14,0)+IF('Standard Profiles'!$G$18=$B$24,21,0),MOD($C3099,24)+1)/SUM(INDEX($D$3:$AA$30,INDEX(Jesper!$R$2:$R$366,ROW(INDEX(Jesper!AH$2:AH$366,ROUNDDOWN($C3099/24,0)+1,1))-1)+IF('Standard Profiles'!$G$18=$B$10,7,0)+IF('Standard Profiles'!$G$18=$B$17,14,0)+IF('Standard Profiles'!$G$18=$B$24,21,0),0)),0)</f>
        <v>14.158304039111526</v>
      </c>
      <c r="E3099" cm="1">
        <f t="array" ref="E3099">IFERROR(INDEX(Jesper!AI$2:AI$366,ROUNDDOWN($C3099/24,0)+1,1)*INDEX($D$3:$AA$30,INDEX(Jesper!$R$2:$R$366,ROW(INDEX(Jesper!AI$2:AI$366,ROUNDDOWN($C3099/24,0)+1,1))-1)+IF('Standard Profiles'!$G$19=$B$10,7,0)+IF('Standard Profiles'!$G$19=$B$17,14,0)+IF('Standard Profiles'!$G$19=$B$24,21,0),MOD($C3099,24)+1)/SUM(INDEX($D$3:$AA$30,INDEX(Jesper!$R$2:$R$366,ROW(INDEX(Jesper!AI$2:AI$366,ROUNDDOWN($C3099/24,0)+1,1))-1)+IF('Standard Profiles'!$G$19=$B$10,7,0)+IF('Standard Profiles'!$G$19=$B$17,14,0)+IF('Standard Profiles'!$G$19=$B$24,21,0),0)),0)</f>
        <v>0</v>
      </c>
      <c r="F3099" cm="1">
        <f t="array" ref="F3099">IFERROR(INDEX(Jesper!AJ$2:AJ$366,ROUNDDOWN($C3099/24,0)+1,1)*INDEX($D$3:$AA$30,INDEX(Jesper!$R$2:$R$366,ROW(INDEX(Jesper!AJ$2:AJ$366,ROUNDDOWN($C3099/24,0)+1,1))-1)+IF('Standard Profiles'!$G$20=$B$10,7,0)+IF('Standard Profiles'!$G$20=$B$17,14,0)+IF('Standard Profiles'!$G$20=$B$24,21,0),MOD($C3099,24)+1)/SUM(INDEX($D$3:$AA$30,INDEX(Jesper!$R$2:$R$366,ROW(INDEX(Jesper!AJ$2:AJ$366,ROUNDDOWN($C3099/24,0)+1,1))-1)+IF('Standard Profiles'!$G$20=$B$10,7,0)+IF('Standard Profiles'!$G$20=$B$17,14,0)+IF('Standard Profiles'!$G$20=$B$24,21,0),0)),0)</f>
        <v>0</v>
      </c>
      <c r="G3099" cm="1">
        <f t="array" ref="G3099">IFERROR(INDEX(Jesper!AK$2:AK$366,ROUNDDOWN($C3099/24,0)+1,1)*INDEX($D$3:$AA$30,INDEX(Jesper!$R$2:$R$366,ROW(INDEX(Jesper!AK$2:AK$366,ROUNDDOWN($C3099/24,0)+1,1))-1)+IF('Standard Profiles'!$G$21=$B$10,7,0)+IF('Standard Profiles'!$G$21=$B$17,14,0)+IF('Standard Profiles'!$G$21=$B$24,21,0),MOD($C3099,24)+1)/SUM(INDEX($D$3:$AA$30,INDEX(Jesper!$R$2:$R$366,ROW(INDEX(Jesper!AK$2:AK$366,ROUNDDOWN($C3099/24,0)+1,1))-1)+IF('Standard Profiles'!$G$21=$B$10,7,0)+IF('Standard Profiles'!$G$21=$B$17,14,0)+IF('Standard Profiles'!$G$21=$B$24,21,0),0)),0)</f>
        <v>0</v>
      </c>
      <c r="H3099" cm="1">
        <f t="array" ref="H3099">IFERROR(INDEX(Jesper!AL$2:AL$366,ROUNDDOWN($C3099/24,0)+1,1)*INDEX($D$3:$AA$30,INDEX(Jesper!$R$2:$R$366,ROW(INDEX(Jesper!AL$2:AL$366,ROUNDDOWN($C3099/24,0)+1,1))-1)+IF('Standard Profiles'!$G$22=$B$10,7,0)+IF('Standard Profiles'!$G$22=$B$17,14,0)+IF('Standard Profiles'!$G$22=$B$24,21,0),MOD($C3099,24)+1)/SUM(INDEX($D$3:$AA$30,INDEX(Jesper!$R$2:$R$366,ROW(INDEX(Jesper!AL$2:AL$366,ROUNDDOWN($C3099/24,0)+1,1))-1)+IF('Standard Profiles'!$G$22=$B$10,7,0)+IF('Standard Profiles'!$G$22=$B$17,14,0)+IF('Standard Profiles'!$G$22=$B$24,21,0),0)),0)</f>
        <v>0</v>
      </c>
      <c r="I3099">
        <f t="shared" si="349"/>
        <v>0.42474912117334573</v>
      </c>
      <c r="J3099">
        <f t="shared" si="350"/>
        <v>1.4158304039111527</v>
      </c>
      <c r="K3099">
        <f t="shared" si="351"/>
        <v>2.1237456058667288</v>
      </c>
      <c r="L3099">
        <f t="shared" si="352"/>
        <v>10.193978908160299</v>
      </c>
      <c r="M3099">
        <f t="shared" si="353"/>
        <v>0</v>
      </c>
      <c r="N3099" s="46">
        <f t="shared" si="354"/>
        <v>45419.7083333259</v>
      </c>
    </row>
    <row r="3100" spans="2:14" x14ac:dyDescent="0.3">
      <c r="B3100">
        <f t="shared" si="348"/>
        <v>2</v>
      </c>
      <c r="C3100" s="16">
        <v>3066</v>
      </c>
      <c r="D3100" cm="1">
        <f t="array" ref="D3100">IFERROR(INDEX(Jesper!AH$2:AH$366,ROUNDDOWN($C3100/24,0)+1,1)*INDEX($D$3:$AA$30,INDEX(Jesper!$R$2:$R$366,ROW(INDEX(Jesper!AH$2:AH$366,ROUNDDOWN($C3100/24,0)+1,1))-1)+IF('Standard Profiles'!$G$18=$B$10,7,0)+IF('Standard Profiles'!$G$18=$B$17,14,0)+IF('Standard Profiles'!$G$18=$B$24,21,0),MOD($C3100,24)+1)/SUM(INDEX($D$3:$AA$30,INDEX(Jesper!$R$2:$R$366,ROW(INDEX(Jesper!AH$2:AH$366,ROUNDDOWN($C3100/24,0)+1,1))-1)+IF('Standard Profiles'!$G$18=$B$10,7,0)+IF('Standard Profiles'!$G$18=$B$17,14,0)+IF('Standard Profiles'!$G$18=$B$24,21,0),0)),0)</f>
        <v>14.158304039111526</v>
      </c>
      <c r="E3100" cm="1">
        <f t="array" ref="E3100">IFERROR(INDEX(Jesper!AI$2:AI$366,ROUNDDOWN($C3100/24,0)+1,1)*INDEX($D$3:$AA$30,INDEX(Jesper!$R$2:$R$366,ROW(INDEX(Jesper!AI$2:AI$366,ROUNDDOWN($C3100/24,0)+1,1))-1)+IF('Standard Profiles'!$G$19=$B$10,7,0)+IF('Standard Profiles'!$G$19=$B$17,14,0)+IF('Standard Profiles'!$G$19=$B$24,21,0),MOD($C3100,24)+1)/SUM(INDEX($D$3:$AA$30,INDEX(Jesper!$R$2:$R$366,ROW(INDEX(Jesper!AI$2:AI$366,ROUNDDOWN($C3100/24,0)+1,1))-1)+IF('Standard Profiles'!$G$19=$B$10,7,0)+IF('Standard Profiles'!$G$19=$B$17,14,0)+IF('Standard Profiles'!$G$19=$B$24,21,0),0)),0)</f>
        <v>0</v>
      </c>
      <c r="F3100" cm="1">
        <f t="array" ref="F3100">IFERROR(INDEX(Jesper!AJ$2:AJ$366,ROUNDDOWN($C3100/24,0)+1,1)*INDEX($D$3:$AA$30,INDEX(Jesper!$R$2:$R$366,ROW(INDEX(Jesper!AJ$2:AJ$366,ROUNDDOWN($C3100/24,0)+1,1))-1)+IF('Standard Profiles'!$G$20=$B$10,7,0)+IF('Standard Profiles'!$G$20=$B$17,14,0)+IF('Standard Profiles'!$G$20=$B$24,21,0),MOD($C3100,24)+1)/SUM(INDEX($D$3:$AA$30,INDEX(Jesper!$R$2:$R$366,ROW(INDEX(Jesper!AJ$2:AJ$366,ROUNDDOWN($C3100/24,0)+1,1))-1)+IF('Standard Profiles'!$G$20=$B$10,7,0)+IF('Standard Profiles'!$G$20=$B$17,14,0)+IF('Standard Profiles'!$G$20=$B$24,21,0),0)),0)</f>
        <v>0</v>
      </c>
      <c r="G3100" cm="1">
        <f t="array" ref="G3100">IFERROR(INDEX(Jesper!AK$2:AK$366,ROUNDDOWN($C3100/24,0)+1,1)*INDEX($D$3:$AA$30,INDEX(Jesper!$R$2:$R$366,ROW(INDEX(Jesper!AK$2:AK$366,ROUNDDOWN($C3100/24,0)+1,1))-1)+IF('Standard Profiles'!$G$21=$B$10,7,0)+IF('Standard Profiles'!$G$21=$B$17,14,0)+IF('Standard Profiles'!$G$21=$B$24,21,0),MOD($C3100,24)+1)/SUM(INDEX($D$3:$AA$30,INDEX(Jesper!$R$2:$R$366,ROW(INDEX(Jesper!AK$2:AK$366,ROUNDDOWN($C3100/24,0)+1,1))-1)+IF('Standard Profiles'!$G$21=$B$10,7,0)+IF('Standard Profiles'!$G$21=$B$17,14,0)+IF('Standard Profiles'!$G$21=$B$24,21,0),0)),0)</f>
        <v>0</v>
      </c>
      <c r="H3100" cm="1">
        <f t="array" ref="H3100">IFERROR(INDEX(Jesper!AL$2:AL$366,ROUNDDOWN($C3100/24,0)+1,1)*INDEX($D$3:$AA$30,INDEX(Jesper!$R$2:$R$366,ROW(INDEX(Jesper!AL$2:AL$366,ROUNDDOWN($C3100/24,0)+1,1))-1)+IF('Standard Profiles'!$G$22=$B$10,7,0)+IF('Standard Profiles'!$G$22=$B$17,14,0)+IF('Standard Profiles'!$G$22=$B$24,21,0),MOD($C3100,24)+1)/SUM(INDEX($D$3:$AA$30,INDEX(Jesper!$R$2:$R$366,ROW(INDEX(Jesper!AL$2:AL$366,ROUNDDOWN($C3100/24,0)+1,1))-1)+IF('Standard Profiles'!$G$22=$B$10,7,0)+IF('Standard Profiles'!$G$22=$B$17,14,0)+IF('Standard Profiles'!$G$22=$B$24,21,0),0)),0)</f>
        <v>0</v>
      </c>
      <c r="I3100">
        <f t="shared" si="349"/>
        <v>0.42474912117334573</v>
      </c>
      <c r="J3100">
        <f t="shared" si="350"/>
        <v>1.4158304039111527</v>
      </c>
      <c r="K3100">
        <f t="shared" si="351"/>
        <v>2.1237456058667288</v>
      </c>
      <c r="L3100">
        <f t="shared" si="352"/>
        <v>10.193978908160299</v>
      </c>
      <c r="M3100">
        <f t="shared" si="353"/>
        <v>0</v>
      </c>
      <c r="N3100" s="46">
        <f t="shared" si="354"/>
        <v>45419.749999992564</v>
      </c>
    </row>
    <row r="3101" spans="2:14" x14ac:dyDescent="0.3">
      <c r="B3101">
        <f t="shared" si="348"/>
        <v>2</v>
      </c>
      <c r="C3101" s="16">
        <v>3067</v>
      </c>
      <c r="D3101" cm="1">
        <f t="array" ref="D3101">IFERROR(INDEX(Jesper!AH$2:AH$366,ROUNDDOWN($C3101/24,0)+1,1)*INDEX($D$3:$AA$30,INDEX(Jesper!$R$2:$R$366,ROW(INDEX(Jesper!AH$2:AH$366,ROUNDDOWN($C3101/24,0)+1,1))-1)+IF('Standard Profiles'!$G$18=$B$10,7,0)+IF('Standard Profiles'!$G$18=$B$17,14,0)+IF('Standard Profiles'!$G$18=$B$24,21,0),MOD($C3101,24)+1)/SUM(INDEX($D$3:$AA$30,INDEX(Jesper!$R$2:$R$366,ROW(INDEX(Jesper!AH$2:AH$366,ROUNDDOWN($C3101/24,0)+1,1))-1)+IF('Standard Profiles'!$G$18=$B$10,7,0)+IF('Standard Profiles'!$G$18=$B$17,14,0)+IF('Standard Profiles'!$G$18=$B$24,21,0),0)),0)</f>
        <v>11.857579632755902</v>
      </c>
      <c r="E3101" cm="1">
        <f t="array" ref="E3101">IFERROR(INDEX(Jesper!AI$2:AI$366,ROUNDDOWN($C3101/24,0)+1,1)*INDEX($D$3:$AA$30,INDEX(Jesper!$R$2:$R$366,ROW(INDEX(Jesper!AI$2:AI$366,ROUNDDOWN($C3101/24,0)+1,1))-1)+IF('Standard Profiles'!$G$19=$B$10,7,0)+IF('Standard Profiles'!$G$19=$B$17,14,0)+IF('Standard Profiles'!$G$19=$B$24,21,0),MOD($C3101,24)+1)/SUM(INDEX($D$3:$AA$30,INDEX(Jesper!$R$2:$R$366,ROW(INDEX(Jesper!AI$2:AI$366,ROUNDDOWN($C3101/24,0)+1,1))-1)+IF('Standard Profiles'!$G$19=$B$10,7,0)+IF('Standard Profiles'!$G$19=$B$17,14,0)+IF('Standard Profiles'!$G$19=$B$24,21,0),0)),0)</f>
        <v>0</v>
      </c>
      <c r="F3101" cm="1">
        <f t="array" ref="F3101">IFERROR(INDEX(Jesper!AJ$2:AJ$366,ROUNDDOWN($C3101/24,0)+1,1)*INDEX($D$3:$AA$30,INDEX(Jesper!$R$2:$R$366,ROW(INDEX(Jesper!AJ$2:AJ$366,ROUNDDOWN($C3101/24,0)+1,1))-1)+IF('Standard Profiles'!$G$20=$B$10,7,0)+IF('Standard Profiles'!$G$20=$B$17,14,0)+IF('Standard Profiles'!$G$20=$B$24,21,0),MOD($C3101,24)+1)/SUM(INDEX($D$3:$AA$30,INDEX(Jesper!$R$2:$R$366,ROW(INDEX(Jesper!AJ$2:AJ$366,ROUNDDOWN($C3101/24,0)+1,1))-1)+IF('Standard Profiles'!$G$20=$B$10,7,0)+IF('Standard Profiles'!$G$20=$B$17,14,0)+IF('Standard Profiles'!$G$20=$B$24,21,0),0)),0)</f>
        <v>0</v>
      </c>
      <c r="G3101" cm="1">
        <f t="array" ref="G3101">IFERROR(INDEX(Jesper!AK$2:AK$366,ROUNDDOWN($C3101/24,0)+1,1)*INDEX($D$3:$AA$30,INDEX(Jesper!$R$2:$R$366,ROW(INDEX(Jesper!AK$2:AK$366,ROUNDDOWN($C3101/24,0)+1,1))-1)+IF('Standard Profiles'!$G$21=$B$10,7,0)+IF('Standard Profiles'!$G$21=$B$17,14,0)+IF('Standard Profiles'!$G$21=$B$24,21,0),MOD($C3101,24)+1)/SUM(INDEX($D$3:$AA$30,INDEX(Jesper!$R$2:$R$366,ROW(INDEX(Jesper!AK$2:AK$366,ROUNDDOWN($C3101/24,0)+1,1))-1)+IF('Standard Profiles'!$G$21=$B$10,7,0)+IF('Standard Profiles'!$G$21=$B$17,14,0)+IF('Standard Profiles'!$G$21=$B$24,21,0),0)),0)</f>
        <v>0</v>
      </c>
      <c r="H3101" cm="1">
        <f t="array" ref="H3101">IFERROR(INDEX(Jesper!AL$2:AL$366,ROUNDDOWN($C3101/24,0)+1,1)*INDEX($D$3:$AA$30,INDEX(Jesper!$R$2:$R$366,ROW(INDEX(Jesper!AL$2:AL$366,ROUNDDOWN($C3101/24,0)+1,1))-1)+IF('Standard Profiles'!$G$22=$B$10,7,0)+IF('Standard Profiles'!$G$22=$B$17,14,0)+IF('Standard Profiles'!$G$22=$B$24,21,0),MOD($C3101,24)+1)/SUM(INDEX($D$3:$AA$30,INDEX(Jesper!$R$2:$R$366,ROW(INDEX(Jesper!AL$2:AL$366,ROUNDDOWN($C3101/24,0)+1,1))-1)+IF('Standard Profiles'!$G$22=$B$10,7,0)+IF('Standard Profiles'!$G$22=$B$17,14,0)+IF('Standard Profiles'!$G$22=$B$24,21,0),0)),0)</f>
        <v>0</v>
      </c>
      <c r="I3101">
        <f t="shared" si="349"/>
        <v>0.35572738898267703</v>
      </c>
      <c r="J3101">
        <f t="shared" si="350"/>
        <v>1.1857579632755904</v>
      </c>
      <c r="K3101">
        <f t="shared" si="351"/>
        <v>1.7786369449133852</v>
      </c>
      <c r="L3101">
        <f t="shared" si="352"/>
        <v>8.53745733558425</v>
      </c>
      <c r="M3101">
        <f t="shared" si="353"/>
        <v>0</v>
      </c>
      <c r="N3101" s="46">
        <f t="shared" si="354"/>
        <v>45419.791666659228</v>
      </c>
    </row>
    <row r="3102" spans="2:14" x14ac:dyDescent="0.3">
      <c r="B3102">
        <f t="shared" si="348"/>
        <v>2</v>
      </c>
      <c r="C3102" s="16">
        <v>3068</v>
      </c>
      <c r="D3102" cm="1">
        <f t="array" ref="D3102">IFERROR(INDEX(Jesper!AH$2:AH$366,ROUNDDOWN($C3102/24,0)+1,1)*INDEX($D$3:$AA$30,INDEX(Jesper!$R$2:$R$366,ROW(INDEX(Jesper!AH$2:AH$366,ROUNDDOWN($C3102/24,0)+1,1))-1)+IF('Standard Profiles'!$G$18=$B$10,7,0)+IF('Standard Profiles'!$G$18=$B$17,14,0)+IF('Standard Profiles'!$G$18=$B$24,21,0),MOD($C3102,24)+1)/SUM(INDEX($D$3:$AA$30,INDEX(Jesper!$R$2:$R$366,ROW(INDEX(Jesper!AH$2:AH$366,ROUNDDOWN($C3102/24,0)+1,1))-1)+IF('Standard Profiles'!$G$18=$B$10,7,0)+IF('Standard Profiles'!$G$18=$B$17,14,0)+IF('Standard Profiles'!$G$18=$B$24,21,0),0)),0)</f>
        <v>9.7338340268891717</v>
      </c>
      <c r="E3102" cm="1">
        <f t="array" ref="E3102">IFERROR(INDEX(Jesper!AI$2:AI$366,ROUNDDOWN($C3102/24,0)+1,1)*INDEX($D$3:$AA$30,INDEX(Jesper!$R$2:$R$366,ROW(INDEX(Jesper!AI$2:AI$366,ROUNDDOWN($C3102/24,0)+1,1))-1)+IF('Standard Profiles'!$G$19=$B$10,7,0)+IF('Standard Profiles'!$G$19=$B$17,14,0)+IF('Standard Profiles'!$G$19=$B$24,21,0),MOD($C3102,24)+1)/SUM(INDEX($D$3:$AA$30,INDEX(Jesper!$R$2:$R$366,ROW(INDEX(Jesper!AI$2:AI$366,ROUNDDOWN($C3102/24,0)+1,1))-1)+IF('Standard Profiles'!$G$19=$B$10,7,0)+IF('Standard Profiles'!$G$19=$B$17,14,0)+IF('Standard Profiles'!$G$19=$B$24,21,0),0)),0)</f>
        <v>0</v>
      </c>
      <c r="F3102" cm="1">
        <f t="array" ref="F3102">IFERROR(INDEX(Jesper!AJ$2:AJ$366,ROUNDDOWN($C3102/24,0)+1,1)*INDEX($D$3:$AA$30,INDEX(Jesper!$R$2:$R$366,ROW(INDEX(Jesper!AJ$2:AJ$366,ROUNDDOWN($C3102/24,0)+1,1))-1)+IF('Standard Profiles'!$G$20=$B$10,7,0)+IF('Standard Profiles'!$G$20=$B$17,14,0)+IF('Standard Profiles'!$G$20=$B$24,21,0),MOD($C3102,24)+1)/SUM(INDEX($D$3:$AA$30,INDEX(Jesper!$R$2:$R$366,ROW(INDEX(Jesper!AJ$2:AJ$366,ROUNDDOWN($C3102/24,0)+1,1))-1)+IF('Standard Profiles'!$G$20=$B$10,7,0)+IF('Standard Profiles'!$G$20=$B$17,14,0)+IF('Standard Profiles'!$G$20=$B$24,21,0),0)),0)</f>
        <v>0</v>
      </c>
      <c r="G3102" cm="1">
        <f t="array" ref="G3102">IFERROR(INDEX(Jesper!AK$2:AK$366,ROUNDDOWN($C3102/24,0)+1,1)*INDEX($D$3:$AA$30,INDEX(Jesper!$R$2:$R$366,ROW(INDEX(Jesper!AK$2:AK$366,ROUNDDOWN($C3102/24,0)+1,1))-1)+IF('Standard Profiles'!$G$21=$B$10,7,0)+IF('Standard Profiles'!$G$21=$B$17,14,0)+IF('Standard Profiles'!$G$21=$B$24,21,0),MOD($C3102,24)+1)/SUM(INDEX($D$3:$AA$30,INDEX(Jesper!$R$2:$R$366,ROW(INDEX(Jesper!AK$2:AK$366,ROUNDDOWN($C3102/24,0)+1,1))-1)+IF('Standard Profiles'!$G$21=$B$10,7,0)+IF('Standard Profiles'!$G$21=$B$17,14,0)+IF('Standard Profiles'!$G$21=$B$24,21,0),0)),0)</f>
        <v>0</v>
      </c>
      <c r="H3102" cm="1">
        <f t="array" ref="H3102">IFERROR(INDEX(Jesper!AL$2:AL$366,ROUNDDOWN($C3102/24,0)+1,1)*INDEX($D$3:$AA$30,INDEX(Jesper!$R$2:$R$366,ROW(INDEX(Jesper!AL$2:AL$366,ROUNDDOWN($C3102/24,0)+1,1))-1)+IF('Standard Profiles'!$G$22=$B$10,7,0)+IF('Standard Profiles'!$G$22=$B$17,14,0)+IF('Standard Profiles'!$G$22=$B$24,21,0),MOD($C3102,24)+1)/SUM(INDEX($D$3:$AA$30,INDEX(Jesper!$R$2:$R$366,ROW(INDEX(Jesper!AL$2:AL$366,ROUNDDOWN($C3102/24,0)+1,1))-1)+IF('Standard Profiles'!$G$22=$B$10,7,0)+IF('Standard Profiles'!$G$22=$B$17,14,0)+IF('Standard Profiles'!$G$22=$B$24,21,0),0)),0)</f>
        <v>0</v>
      </c>
      <c r="I3102">
        <f t="shared" si="349"/>
        <v>0.29201502080667513</v>
      </c>
      <c r="J3102">
        <f t="shared" si="350"/>
        <v>0.97338340268891721</v>
      </c>
      <c r="K3102">
        <f t="shared" si="351"/>
        <v>1.4600751040333757</v>
      </c>
      <c r="L3102">
        <f t="shared" si="352"/>
        <v>7.0083604993602036</v>
      </c>
      <c r="M3102">
        <f t="shared" si="353"/>
        <v>0</v>
      </c>
      <c r="N3102" s="46">
        <f t="shared" si="354"/>
        <v>45419.833333325892</v>
      </c>
    </row>
    <row r="3103" spans="2:14" x14ac:dyDescent="0.3">
      <c r="B3103">
        <f t="shared" si="348"/>
        <v>2</v>
      </c>
      <c r="C3103" s="16">
        <v>3069</v>
      </c>
      <c r="D3103" cm="1">
        <f t="array" ref="D3103">IFERROR(INDEX(Jesper!AH$2:AH$366,ROUNDDOWN($C3103/24,0)+1,1)*INDEX($D$3:$AA$30,INDEX(Jesper!$R$2:$R$366,ROW(INDEX(Jesper!AH$2:AH$366,ROUNDDOWN($C3103/24,0)+1,1))-1)+IF('Standard Profiles'!$G$18=$B$10,7,0)+IF('Standard Profiles'!$G$18=$B$17,14,0)+IF('Standard Profiles'!$G$18=$B$24,21,0),MOD($C3103,24)+1)/SUM(INDEX($D$3:$AA$30,INDEX(Jesper!$R$2:$R$366,ROW(INDEX(Jesper!AH$2:AH$366,ROUNDDOWN($C3103/24,0)+1,1))-1)+IF('Standard Profiles'!$G$18=$B$10,7,0)+IF('Standard Profiles'!$G$18=$B$17,14,0)+IF('Standard Profiles'!$G$18=$B$24,21,0),0)),0)</f>
        <v>7.0791520195557629</v>
      </c>
      <c r="E3103" cm="1">
        <f t="array" ref="E3103">IFERROR(INDEX(Jesper!AI$2:AI$366,ROUNDDOWN($C3103/24,0)+1,1)*INDEX($D$3:$AA$30,INDEX(Jesper!$R$2:$R$366,ROW(INDEX(Jesper!AI$2:AI$366,ROUNDDOWN($C3103/24,0)+1,1))-1)+IF('Standard Profiles'!$G$19=$B$10,7,0)+IF('Standard Profiles'!$G$19=$B$17,14,0)+IF('Standard Profiles'!$G$19=$B$24,21,0),MOD($C3103,24)+1)/SUM(INDEX($D$3:$AA$30,INDEX(Jesper!$R$2:$R$366,ROW(INDEX(Jesper!AI$2:AI$366,ROUNDDOWN($C3103/24,0)+1,1))-1)+IF('Standard Profiles'!$G$19=$B$10,7,0)+IF('Standard Profiles'!$G$19=$B$17,14,0)+IF('Standard Profiles'!$G$19=$B$24,21,0),0)),0)</f>
        <v>0</v>
      </c>
      <c r="F3103" cm="1">
        <f t="array" ref="F3103">IFERROR(INDEX(Jesper!AJ$2:AJ$366,ROUNDDOWN($C3103/24,0)+1,1)*INDEX($D$3:$AA$30,INDEX(Jesper!$R$2:$R$366,ROW(INDEX(Jesper!AJ$2:AJ$366,ROUNDDOWN($C3103/24,0)+1,1))-1)+IF('Standard Profiles'!$G$20=$B$10,7,0)+IF('Standard Profiles'!$G$20=$B$17,14,0)+IF('Standard Profiles'!$G$20=$B$24,21,0),MOD($C3103,24)+1)/SUM(INDEX($D$3:$AA$30,INDEX(Jesper!$R$2:$R$366,ROW(INDEX(Jesper!AJ$2:AJ$366,ROUNDDOWN($C3103/24,0)+1,1))-1)+IF('Standard Profiles'!$G$20=$B$10,7,0)+IF('Standard Profiles'!$G$20=$B$17,14,0)+IF('Standard Profiles'!$G$20=$B$24,21,0),0)),0)</f>
        <v>0</v>
      </c>
      <c r="G3103" cm="1">
        <f t="array" ref="G3103">IFERROR(INDEX(Jesper!AK$2:AK$366,ROUNDDOWN($C3103/24,0)+1,1)*INDEX($D$3:$AA$30,INDEX(Jesper!$R$2:$R$366,ROW(INDEX(Jesper!AK$2:AK$366,ROUNDDOWN($C3103/24,0)+1,1))-1)+IF('Standard Profiles'!$G$21=$B$10,7,0)+IF('Standard Profiles'!$G$21=$B$17,14,0)+IF('Standard Profiles'!$G$21=$B$24,21,0),MOD($C3103,24)+1)/SUM(INDEX($D$3:$AA$30,INDEX(Jesper!$R$2:$R$366,ROW(INDEX(Jesper!AK$2:AK$366,ROUNDDOWN($C3103/24,0)+1,1))-1)+IF('Standard Profiles'!$G$21=$B$10,7,0)+IF('Standard Profiles'!$G$21=$B$17,14,0)+IF('Standard Profiles'!$G$21=$B$24,21,0),0)),0)</f>
        <v>0</v>
      </c>
      <c r="H3103" cm="1">
        <f t="array" ref="H3103">IFERROR(INDEX(Jesper!AL$2:AL$366,ROUNDDOWN($C3103/24,0)+1,1)*INDEX($D$3:$AA$30,INDEX(Jesper!$R$2:$R$366,ROW(INDEX(Jesper!AL$2:AL$366,ROUNDDOWN($C3103/24,0)+1,1))-1)+IF('Standard Profiles'!$G$22=$B$10,7,0)+IF('Standard Profiles'!$G$22=$B$17,14,0)+IF('Standard Profiles'!$G$22=$B$24,21,0),MOD($C3103,24)+1)/SUM(INDEX($D$3:$AA$30,INDEX(Jesper!$R$2:$R$366,ROW(INDEX(Jesper!AL$2:AL$366,ROUNDDOWN($C3103/24,0)+1,1))-1)+IF('Standard Profiles'!$G$22=$B$10,7,0)+IF('Standard Profiles'!$G$22=$B$17,14,0)+IF('Standard Profiles'!$G$22=$B$24,21,0),0)),0)</f>
        <v>0</v>
      </c>
      <c r="I3103">
        <f t="shared" si="349"/>
        <v>0.21237456058667287</v>
      </c>
      <c r="J3103">
        <f t="shared" si="350"/>
        <v>0.70791520195557633</v>
      </c>
      <c r="K3103">
        <f t="shared" si="351"/>
        <v>1.0618728029333644</v>
      </c>
      <c r="L3103">
        <f t="shared" si="352"/>
        <v>5.0969894540801493</v>
      </c>
      <c r="M3103">
        <f t="shared" si="353"/>
        <v>0</v>
      </c>
      <c r="N3103" s="46">
        <f t="shared" si="354"/>
        <v>45419.874999992557</v>
      </c>
    </row>
    <row r="3104" spans="2:14" x14ac:dyDescent="0.3">
      <c r="B3104">
        <f t="shared" si="348"/>
        <v>2</v>
      </c>
      <c r="C3104" s="16">
        <v>3070</v>
      </c>
      <c r="D3104" cm="1">
        <f t="array" ref="D3104">IFERROR(INDEX(Jesper!AH$2:AH$366,ROUNDDOWN($C3104/24,0)+1,1)*INDEX($D$3:$AA$30,INDEX(Jesper!$R$2:$R$366,ROW(INDEX(Jesper!AH$2:AH$366,ROUNDDOWN($C3104/24,0)+1,1))-1)+IF('Standard Profiles'!$G$18=$B$10,7,0)+IF('Standard Profiles'!$G$18=$B$17,14,0)+IF('Standard Profiles'!$G$18=$B$24,21,0),MOD($C3104,24)+1)/SUM(INDEX($D$3:$AA$30,INDEX(Jesper!$R$2:$R$366,ROW(INDEX(Jesper!AH$2:AH$366,ROUNDDOWN($C3104/24,0)+1,1))-1)+IF('Standard Profiles'!$G$18=$B$10,7,0)+IF('Standard Profiles'!$G$18=$B$17,14,0)+IF('Standard Profiles'!$G$18=$B$24,21,0),0)),0)</f>
        <v>7.0791520195557629</v>
      </c>
      <c r="E3104" cm="1">
        <f t="array" ref="E3104">IFERROR(INDEX(Jesper!AI$2:AI$366,ROUNDDOWN($C3104/24,0)+1,1)*INDEX($D$3:$AA$30,INDEX(Jesper!$R$2:$R$366,ROW(INDEX(Jesper!AI$2:AI$366,ROUNDDOWN($C3104/24,0)+1,1))-1)+IF('Standard Profiles'!$G$19=$B$10,7,0)+IF('Standard Profiles'!$G$19=$B$17,14,0)+IF('Standard Profiles'!$G$19=$B$24,21,0),MOD($C3104,24)+1)/SUM(INDEX($D$3:$AA$30,INDEX(Jesper!$R$2:$R$366,ROW(INDEX(Jesper!AI$2:AI$366,ROUNDDOWN($C3104/24,0)+1,1))-1)+IF('Standard Profiles'!$G$19=$B$10,7,0)+IF('Standard Profiles'!$G$19=$B$17,14,0)+IF('Standard Profiles'!$G$19=$B$24,21,0),0)),0)</f>
        <v>0</v>
      </c>
      <c r="F3104" cm="1">
        <f t="array" ref="F3104">IFERROR(INDEX(Jesper!AJ$2:AJ$366,ROUNDDOWN($C3104/24,0)+1,1)*INDEX($D$3:$AA$30,INDEX(Jesper!$R$2:$R$366,ROW(INDEX(Jesper!AJ$2:AJ$366,ROUNDDOWN($C3104/24,0)+1,1))-1)+IF('Standard Profiles'!$G$20=$B$10,7,0)+IF('Standard Profiles'!$G$20=$B$17,14,0)+IF('Standard Profiles'!$G$20=$B$24,21,0),MOD($C3104,24)+1)/SUM(INDEX($D$3:$AA$30,INDEX(Jesper!$R$2:$R$366,ROW(INDEX(Jesper!AJ$2:AJ$366,ROUNDDOWN($C3104/24,0)+1,1))-1)+IF('Standard Profiles'!$G$20=$B$10,7,0)+IF('Standard Profiles'!$G$20=$B$17,14,0)+IF('Standard Profiles'!$G$20=$B$24,21,0),0)),0)</f>
        <v>0</v>
      </c>
      <c r="G3104" cm="1">
        <f t="array" ref="G3104">IFERROR(INDEX(Jesper!AK$2:AK$366,ROUNDDOWN($C3104/24,0)+1,1)*INDEX($D$3:$AA$30,INDEX(Jesper!$R$2:$R$366,ROW(INDEX(Jesper!AK$2:AK$366,ROUNDDOWN($C3104/24,0)+1,1))-1)+IF('Standard Profiles'!$G$21=$B$10,7,0)+IF('Standard Profiles'!$G$21=$B$17,14,0)+IF('Standard Profiles'!$G$21=$B$24,21,0),MOD($C3104,24)+1)/SUM(INDEX($D$3:$AA$30,INDEX(Jesper!$R$2:$R$366,ROW(INDEX(Jesper!AK$2:AK$366,ROUNDDOWN($C3104/24,0)+1,1))-1)+IF('Standard Profiles'!$G$21=$B$10,7,0)+IF('Standard Profiles'!$G$21=$B$17,14,0)+IF('Standard Profiles'!$G$21=$B$24,21,0),0)),0)</f>
        <v>0</v>
      </c>
      <c r="H3104" cm="1">
        <f t="array" ref="H3104">IFERROR(INDEX(Jesper!AL$2:AL$366,ROUNDDOWN($C3104/24,0)+1,1)*INDEX($D$3:$AA$30,INDEX(Jesper!$R$2:$R$366,ROW(INDEX(Jesper!AL$2:AL$366,ROUNDDOWN($C3104/24,0)+1,1))-1)+IF('Standard Profiles'!$G$22=$B$10,7,0)+IF('Standard Profiles'!$G$22=$B$17,14,0)+IF('Standard Profiles'!$G$22=$B$24,21,0),MOD($C3104,24)+1)/SUM(INDEX($D$3:$AA$30,INDEX(Jesper!$R$2:$R$366,ROW(INDEX(Jesper!AL$2:AL$366,ROUNDDOWN($C3104/24,0)+1,1))-1)+IF('Standard Profiles'!$G$22=$B$10,7,0)+IF('Standard Profiles'!$G$22=$B$17,14,0)+IF('Standard Profiles'!$G$22=$B$24,21,0),0)),0)</f>
        <v>0</v>
      </c>
      <c r="I3104">
        <f t="shared" si="349"/>
        <v>0.21237456058667287</v>
      </c>
      <c r="J3104">
        <f t="shared" si="350"/>
        <v>0.70791520195557633</v>
      </c>
      <c r="K3104">
        <f t="shared" si="351"/>
        <v>1.0618728029333644</v>
      </c>
      <c r="L3104">
        <f t="shared" si="352"/>
        <v>5.0969894540801493</v>
      </c>
      <c r="M3104">
        <f t="shared" si="353"/>
        <v>0</v>
      </c>
      <c r="N3104" s="46">
        <f t="shared" si="354"/>
        <v>45419.916666659221</v>
      </c>
    </row>
    <row r="3105" spans="2:14" x14ac:dyDescent="0.3">
      <c r="B3105">
        <f t="shared" si="348"/>
        <v>2</v>
      </c>
      <c r="C3105" s="16">
        <v>3071</v>
      </c>
      <c r="D3105" cm="1">
        <f t="array" ref="D3105">IFERROR(INDEX(Jesper!AH$2:AH$366,ROUNDDOWN($C3105/24,0)+1,1)*INDEX($D$3:$AA$30,INDEX(Jesper!$R$2:$R$366,ROW(INDEX(Jesper!AH$2:AH$366,ROUNDDOWN($C3105/24,0)+1,1))-1)+IF('Standard Profiles'!$G$18=$B$10,7,0)+IF('Standard Profiles'!$G$18=$B$17,14,0)+IF('Standard Profiles'!$G$18=$B$24,21,0),MOD($C3105,24)+1)/SUM(INDEX($D$3:$AA$30,INDEX(Jesper!$R$2:$R$366,ROW(INDEX(Jesper!AH$2:AH$366,ROUNDDOWN($C3105/24,0)+1,1))-1)+IF('Standard Profiles'!$G$18=$B$10,7,0)+IF('Standard Profiles'!$G$18=$B$17,14,0)+IF('Standard Profiles'!$G$18=$B$24,21,0),0)),0)</f>
        <v>7.0791520195557629</v>
      </c>
      <c r="E3105" cm="1">
        <f t="array" ref="E3105">IFERROR(INDEX(Jesper!AI$2:AI$366,ROUNDDOWN($C3105/24,0)+1,1)*INDEX($D$3:$AA$30,INDEX(Jesper!$R$2:$R$366,ROW(INDEX(Jesper!AI$2:AI$366,ROUNDDOWN($C3105/24,0)+1,1))-1)+IF('Standard Profiles'!$G$19=$B$10,7,0)+IF('Standard Profiles'!$G$19=$B$17,14,0)+IF('Standard Profiles'!$G$19=$B$24,21,0),MOD($C3105,24)+1)/SUM(INDEX($D$3:$AA$30,INDEX(Jesper!$R$2:$R$366,ROW(INDEX(Jesper!AI$2:AI$366,ROUNDDOWN($C3105/24,0)+1,1))-1)+IF('Standard Profiles'!$G$19=$B$10,7,0)+IF('Standard Profiles'!$G$19=$B$17,14,0)+IF('Standard Profiles'!$G$19=$B$24,21,0),0)),0)</f>
        <v>0</v>
      </c>
      <c r="F3105" cm="1">
        <f t="array" ref="F3105">IFERROR(INDEX(Jesper!AJ$2:AJ$366,ROUNDDOWN($C3105/24,0)+1,1)*INDEX($D$3:$AA$30,INDEX(Jesper!$R$2:$R$366,ROW(INDEX(Jesper!AJ$2:AJ$366,ROUNDDOWN($C3105/24,0)+1,1))-1)+IF('Standard Profiles'!$G$20=$B$10,7,0)+IF('Standard Profiles'!$G$20=$B$17,14,0)+IF('Standard Profiles'!$G$20=$B$24,21,0),MOD($C3105,24)+1)/SUM(INDEX($D$3:$AA$30,INDEX(Jesper!$R$2:$R$366,ROW(INDEX(Jesper!AJ$2:AJ$366,ROUNDDOWN($C3105/24,0)+1,1))-1)+IF('Standard Profiles'!$G$20=$B$10,7,0)+IF('Standard Profiles'!$G$20=$B$17,14,0)+IF('Standard Profiles'!$G$20=$B$24,21,0),0)),0)</f>
        <v>0</v>
      </c>
      <c r="G3105" cm="1">
        <f t="array" ref="G3105">IFERROR(INDEX(Jesper!AK$2:AK$366,ROUNDDOWN($C3105/24,0)+1,1)*INDEX($D$3:$AA$30,INDEX(Jesper!$R$2:$R$366,ROW(INDEX(Jesper!AK$2:AK$366,ROUNDDOWN($C3105/24,0)+1,1))-1)+IF('Standard Profiles'!$G$21=$B$10,7,0)+IF('Standard Profiles'!$G$21=$B$17,14,0)+IF('Standard Profiles'!$G$21=$B$24,21,0),MOD($C3105,24)+1)/SUM(INDEX($D$3:$AA$30,INDEX(Jesper!$R$2:$R$366,ROW(INDEX(Jesper!AK$2:AK$366,ROUNDDOWN($C3105/24,0)+1,1))-1)+IF('Standard Profiles'!$G$21=$B$10,7,0)+IF('Standard Profiles'!$G$21=$B$17,14,0)+IF('Standard Profiles'!$G$21=$B$24,21,0),0)),0)</f>
        <v>0</v>
      </c>
      <c r="H3105" cm="1">
        <f t="array" ref="H3105">IFERROR(INDEX(Jesper!AL$2:AL$366,ROUNDDOWN($C3105/24,0)+1,1)*INDEX($D$3:$AA$30,INDEX(Jesper!$R$2:$R$366,ROW(INDEX(Jesper!AL$2:AL$366,ROUNDDOWN($C3105/24,0)+1,1))-1)+IF('Standard Profiles'!$G$22=$B$10,7,0)+IF('Standard Profiles'!$G$22=$B$17,14,0)+IF('Standard Profiles'!$G$22=$B$24,21,0),MOD($C3105,24)+1)/SUM(INDEX($D$3:$AA$30,INDEX(Jesper!$R$2:$R$366,ROW(INDEX(Jesper!AL$2:AL$366,ROUNDDOWN($C3105/24,0)+1,1))-1)+IF('Standard Profiles'!$G$22=$B$10,7,0)+IF('Standard Profiles'!$G$22=$B$17,14,0)+IF('Standard Profiles'!$G$22=$B$24,21,0),0)),0)</f>
        <v>0</v>
      </c>
      <c r="I3105">
        <f t="shared" si="349"/>
        <v>0.21237456058667287</v>
      </c>
      <c r="J3105">
        <f t="shared" si="350"/>
        <v>0.70791520195557633</v>
      </c>
      <c r="K3105">
        <f t="shared" si="351"/>
        <v>1.0618728029333644</v>
      </c>
      <c r="L3105">
        <f t="shared" si="352"/>
        <v>5.0969894540801493</v>
      </c>
      <c r="M3105">
        <f t="shared" si="353"/>
        <v>0</v>
      </c>
      <c r="N3105" s="46">
        <f t="shared" si="354"/>
        <v>45419.958333325885</v>
      </c>
    </row>
    <row r="3106" spans="2:14" x14ac:dyDescent="0.3">
      <c r="B3106">
        <f t="shared" si="348"/>
        <v>3</v>
      </c>
      <c r="C3106" s="16">
        <v>3072</v>
      </c>
      <c r="D3106" cm="1">
        <f t="array" ref="D3106">IFERROR(INDEX(Jesper!AH$2:AH$366,ROUNDDOWN($C3106/24,0)+1,1)*INDEX($D$3:$AA$30,INDEX(Jesper!$R$2:$R$366,ROW(INDEX(Jesper!AH$2:AH$366,ROUNDDOWN($C3106/24,0)+1,1))-1)+IF('Standard Profiles'!$G$18=$B$10,7,0)+IF('Standard Profiles'!$G$18=$B$17,14,0)+IF('Standard Profiles'!$G$18=$B$24,21,0),MOD($C3106,24)+1)/SUM(INDEX($D$3:$AA$30,INDEX(Jesper!$R$2:$R$366,ROW(INDEX(Jesper!AH$2:AH$366,ROUNDDOWN($C3106/24,0)+1,1))-1)+IF('Standard Profiles'!$G$18=$B$10,7,0)+IF('Standard Profiles'!$G$18=$B$17,14,0)+IF('Standard Profiles'!$G$18=$B$24,21,0),0)),0)</f>
        <v>6.2447707981499008</v>
      </c>
      <c r="E3106" cm="1">
        <f t="array" ref="E3106">IFERROR(INDEX(Jesper!AI$2:AI$366,ROUNDDOWN($C3106/24,0)+1,1)*INDEX($D$3:$AA$30,INDEX(Jesper!$R$2:$R$366,ROW(INDEX(Jesper!AI$2:AI$366,ROUNDDOWN($C3106/24,0)+1,1))-1)+IF('Standard Profiles'!$G$19=$B$10,7,0)+IF('Standard Profiles'!$G$19=$B$17,14,0)+IF('Standard Profiles'!$G$19=$B$24,21,0),MOD($C3106,24)+1)/SUM(INDEX($D$3:$AA$30,INDEX(Jesper!$R$2:$R$366,ROW(INDEX(Jesper!AI$2:AI$366,ROUNDDOWN($C3106/24,0)+1,1))-1)+IF('Standard Profiles'!$G$19=$B$10,7,0)+IF('Standard Profiles'!$G$19=$B$17,14,0)+IF('Standard Profiles'!$G$19=$B$24,21,0),0)),0)</f>
        <v>0</v>
      </c>
      <c r="F3106" cm="1">
        <f t="array" ref="F3106">IFERROR(INDEX(Jesper!AJ$2:AJ$366,ROUNDDOWN($C3106/24,0)+1,1)*INDEX($D$3:$AA$30,INDEX(Jesper!$R$2:$R$366,ROW(INDEX(Jesper!AJ$2:AJ$366,ROUNDDOWN($C3106/24,0)+1,1))-1)+IF('Standard Profiles'!$G$20=$B$10,7,0)+IF('Standard Profiles'!$G$20=$B$17,14,0)+IF('Standard Profiles'!$G$20=$B$24,21,0),MOD($C3106,24)+1)/SUM(INDEX($D$3:$AA$30,INDEX(Jesper!$R$2:$R$366,ROW(INDEX(Jesper!AJ$2:AJ$366,ROUNDDOWN($C3106/24,0)+1,1))-1)+IF('Standard Profiles'!$G$20=$B$10,7,0)+IF('Standard Profiles'!$G$20=$B$17,14,0)+IF('Standard Profiles'!$G$20=$B$24,21,0),0)),0)</f>
        <v>0</v>
      </c>
      <c r="G3106" cm="1">
        <f t="array" ref="G3106">IFERROR(INDEX(Jesper!AK$2:AK$366,ROUNDDOWN($C3106/24,0)+1,1)*INDEX($D$3:$AA$30,INDEX(Jesper!$R$2:$R$366,ROW(INDEX(Jesper!AK$2:AK$366,ROUNDDOWN($C3106/24,0)+1,1))-1)+IF('Standard Profiles'!$G$21=$B$10,7,0)+IF('Standard Profiles'!$G$21=$B$17,14,0)+IF('Standard Profiles'!$G$21=$B$24,21,0),MOD($C3106,24)+1)/SUM(INDEX($D$3:$AA$30,INDEX(Jesper!$R$2:$R$366,ROW(INDEX(Jesper!AK$2:AK$366,ROUNDDOWN($C3106/24,0)+1,1))-1)+IF('Standard Profiles'!$G$21=$B$10,7,0)+IF('Standard Profiles'!$G$21=$B$17,14,0)+IF('Standard Profiles'!$G$21=$B$24,21,0),0)),0)</f>
        <v>0</v>
      </c>
      <c r="H3106" cm="1">
        <f t="array" ref="H3106">IFERROR(INDEX(Jesper!AL$2:AL$366,ROUNDDOWN($C3106/24,0)+1,1)*INDEX($D$3:$AA$30,INDEX(Jesper!$R$2:$R$366,ROW(INDEX(Jesper!AL$2:AL$366,ROUNDDOWN($C3106/24,0)+1,1))-1)+IF('Standard Profiles'!$G$22=$B$10,7,0)+IF('Standard Profiles'!$G$22=$B$17,14,0)+IF('Standard Profiles'!$G$22=$B$24,21,0),MOD($C3106,24)+1)/SUM(INDEX($D$3:$AA$30,INDEX(Jesper!$R$2:$R$366,ROW(INDEX(Jesper!AL$2:AL$366,ROUNDDOWN($C3106/24,0)+1,1))-1)+IF('Standard Profiles'!$G$22=$B$10,7,0)+IF('Standard Profiles'!$G$22=$B$17,14,0)+IF('Standard Profiles'!$G$22=$B$24,21,0),0)),0)</f>
        <v>0</v>
      </c>
      <c r="I3106">
        <f t="shared" si="349"/>
        <v>0.18734312394449701</v>
      </c>
      <c r="J3106">
        <f t="shared" si="350"/>
        <v>0.62447707981499012</v>
      </c>
      <c r="K3106">
        <f t="shared" si="351"/>
        <v>0.93671561972248507</v>
      </c>
      <c r="L3106">
        <f t="shared" si="352"/>
        <v>4.496234974667928</v>
      </c>
      <c r="M3106">
        <f t="shared" si="353"/>
        <v>0</v>
      </c>
      <c r="N3106" s="46">
        <f t="shared" si="354"/>
        <v>45419.999999992549</v>
      </c>
    </row>
    <row r="3107" spans="2:14" x14ac:dyDescent="0.3">
      <c r="B3107">
        <f t="shared" ref="B3107:B3170" si="355">WEEKDAY(N3107,2)</f>
        <v>3</v>
      </c>
      <c r="C3107" s="16">
        <v>3073</v>
      </c>
      <c r="D3107" cm="1">
        <f t="array" ref="D3107">IFERROR(INDEX(Jesper!AH$2:AH$366,ROUNDDOWN($C3107/24,0)+1,1)*INDEX($D$3:$AA$30,INDEX(Jesper!$R$2:$R$366,ROW(INDEX(Jesper!AH$2:AH$366,ROUNDDOWN($C3107/24,0)+1,1))-1)+IF('Standard Profiles'!$G$18=$B$10,7,0)+IF('Standard Profiles'!$G$18=$B$17,14,0)+IF('Standard Profiles'!$G$18=$B$24,21,0),MOD($C3107,24)+1)/SUM(INDEX($D$3:$AA$30,INDEX(Jesper!$R$2:$R$366,ROW(INDEX(Jesper!AH$2:AH$366,ROUNDDOWN($C3107/24,0)+1,1))-1)+IF('Standard Profiles'!$G$18=$B$10,7,0)+IF('Standard Profiles'!$G$18=$B$17,14,0)+IF('Standard Profiles'!$G$18=$B$24,21,0),0)),0)</f>
        <v>7.0253671479186366</v>
      </c>
      <c r="E3107" cm="1">
        <f t="array" ref="E3107">IFERROR(INDEX(Jesper!AI$2:AI$366,ROUNDDOWN($C3107/24,0)+1,1)*INDEX($D$3:$AA$30,INDEX(Jesper!$R$2:$R$366,ROW(INDEX(Jesper!AI$2:AI$366,ROUNDDOWN($C3107/24,0)+1,1))-1)+IF('Standard Profiles'!$G$19=$B$10,7,0)+IF('Standard Profiles'!$G$19=$B$17,14,0)+IF('Standard Profiles'!$G$19=$B$24,21,0),MOD($C3107,24)+1)/SUM(INDEX($D$3:$AA$30,INDEX(Jesper!$R$2:$R$366,ROW(INDEX(Jesper!AI$2:AI$366,ROUNDDOWN($C3107/24,0)+1,1))-1)+IF('Standard Profiles'!$G$19=$B$10,7,0)+IF('Standard Profiles'!$G$19=$B$17,14,0)+IF('Standard Profiles'!$G$19=$B$24,21,0),0)),0)</f>
        <v>0</v>
      </c>
      <c r="F3107" cm="1">
        <f t="array" ref="F3107">IFERROR(INDEX(Jesper!AJ$2:AJ$366,ROUNDDOWN($C3107/24,0)+1,1)*INDEX($D$3:$AA$30,INDEX(Jesper!$R$2:$R$366,ROW(INDEX(Jesper!AJ$2:AJ$366,ROUNDDOWN($C3107/24,0)+1,1))-1)+IF('Standard Profiles'!$G$20=$B$10,7,0)+IF('Standard Profiles'!$G$20=$B$17,14,0)+IF('Standard Profiles'!$G$20=$B$24,21,0),MOD($C3107,24)+1)/SUM(INDEX($D$3:$AA$30,INDEX(Jesper!$R$2:$R$366,ROW(INDEX(Jesper!AJ$2:AJ$366,ROUNDDOWN($C3107/24,0)+1,1))-1)+IF('Standard Profiles'!$G$20=$B$10,7,0)+IF('Standard Profiles'!$G$20=$B$17,14,0)+IF('Standard Profiles'!$G$20=$B$24,21,0),0)),0)</f>
        <v>0</v>
      </c>
      <c r="G3107" cm="1">
        <f t="array" ref="G3107">IFERROR(INDEX(Jesper!AK$2:AK$366,ROUNDDOWN($C3107/24,0)+1,1)*INDEX($D$3:$AA$30,INDEX(Jesper!$R$2:$R$366,ROW(INDEX(Jesper!AK$2:AK$366,ROUNDDOWN($C3107/24,0)+1,1))-1)+IF('Standard Profiles'!$G$21=$B$10,7,0)+IF('Standard Profiles'!$G$21=$B$17,14,0)+IF('Standard Profiles'!$G$21=$B$24,21,0),MOD($C3107,24)+1)/SUM(INDEX($D$3:$AA$30,INDEX(Jesper!$R$2:$R$366,ROW(INDEX(Jesper!AK$2:AK$366,ROUNDDOWN($C3107/24,0)+1,1))-1)+IF('Standard Profiles'!$G$21=$B$10,7,0)+IF('Standard Profiles'!$G$21=$B$17,14,0)+IF('Standard Profiles'!$G$21=$B$24,21,0),0)),0)</f>
        <v>0</v>
      </c>
      <c r="H3107" cm="1">
        <f t="array" ref="H3107">IFERROR(INDEX(Jesper!AL$2:AL$366,ROUNDDOWN($C3107/24,0)+1,1)*INDEX($D$3:$AA$30,INDEX(Jesper!$R$2:$R$366,ROW(INDEX(Jesper!AL$2:AL$366,ROUNDDOWN($C3107/24,0)+1,1))-1)+IF('Standard Profiles'!$G$22=$B$10,7,0)+IF('Standard Profiles'!$G$22=$B$17,14,0)+IF('Standard Profiles'!$G$22=$B$24,21,0),MOD($C3107,24)+1)/SUM(INDEX($D$3:$AA$30,INDEX(Jesper!$R$2:$R$366,ROW(INDEX(Jesper!AL$2:AL$366,ROUNDDOWN($C3107/24,0)+1,1))-1)+IF('Standard Profiles'!$G$22=$B$10,7,0)+IF('Standard Profiles'!$G$22=$B$17,14,0)+IF('Standard Profiles'!$G$22=$B$24,21,0),0)),0)</f>
        <v>0</v>
      </c>
      <c r="I3107">
        <f t="shared" ref="I3107:I3170" si="356">IF($B3107&lt;6,AC$37*$D3107+AC$38*$E3107+AC$39*$F3107+AC$40*$G3107,AC$46*$D3107+AC$47*$E3107+AC$48*$F3107+AC$49*$G3107+AC$50*$H3107)</f>
        <v>0.2107610144375591</v>
      </c>
      <c r="J3107">
        <f t="shared" ref="J3107:J3170" si="357">IF($B3107&lt;6,AD$37*$D3107+AD$38*$E3107+AD$39*$F3107+AD$40*$G3107,AD$46*$D3107+AD$47*$E3107+AD$48*$F3107+AD$49*$G3107+AD$50*$H3107)</f>
        <v>0.70253671479186375</v>
      </c>
      <c r="K3107">
        <f t="shared" ref="K3107:K3170" si="358">IF($B3107&lt;6,AE$37*$D3107+AE$38*$E3107+AE$39*$F3107+AE$40*$G3107,AE$46*$D3107+AE$47*$E3107+AE$48*$F3107+AE$49*$G3107+AE$50*$H3107)</f>
        <v>1.0538050721877954</v>
      </c>
      <c r="L3107">
        <f t="shared" ref="L3107:L3170" si="359">IF($B3107&lt;6,AF$37*$D3107+AF$38*$E3107+AF$39*$F3107+AF$40*$G3107,AF$46*$D3107+AF$47*$E3107+AF$48*$F3107+AF$49*$G3107+AF$50*$H3107)</f>
        <v>5.0582643465014181</v>
      </c>
      <c r="M3107">
        <f t="shared" ref="M3107:M3170" si="360">IF($B3107&lt;6,AG$37*$D3107+AG$38*$E3107+AG$39*$F3107+AG$40*$G3107,AG$46*$D3107+AG$47*$E3107+AG$48*$F3107+AG$49*$G3107+AG$50*$H3107)</f>
        <v>0</v>
      </c>
      <c r="N3107" s="46">
        <f t="shared" si="354"/>
        <v>45420.041666659214</v>
      </c>
    </row>
    <row r="3108" spans="2:14" x14ac:dyDescent="0.3">
      <c r="B3108">
        <f t="shared" si="355"/>
        <v>3</v>
      </c>
      <c r="C3108" s="16">
        <v>3074</v>
      </c>
      <c r="D3108" cm="1">
        <f t="array" ref="D3108">IFERROR(INDEX(Jesper!AH$2:AH$366,ROUNDDOWN($C3108/24,0)+1,1)*INDEX($D$3:$AA$30,INDEX(Jesper!$R$2:$R$366,ROW(INDEX(Jesper!AH$2:AH$366,ROUNDDOWN($C3108/24,0)+1,1))-1)+IF('Standard Profiles'!$G$18=$B$10,7,0)+IF('Standard Profiles'!$G$18=$B$17,14,0)+IF('Standard Profiles'!$G$18=$B$24,21,0),MOD($C3108,24)+1)/SUM(INDEX($D$3:$AA$30,INDEX(Jesper!$R$2:$R$366,ROW(INDEX(Jesper!AH$2:AH$366,ROUNDDOWN($C3108/24,0)+1,1))-1)+IF('Standard Profiles'!$G$18=$B$10,7,0)+IF('Standard Profiles'!$G$18=$B$17,14,0)+IF('Standard Profiles'!$G$18=$B$24,21,0),0)),0)</f>
        <v>7.0253671479186366</v>
      </c>
      <c r="E3108" cm="1">
        <f t="array" ref="E3108">IFERROR(INDEX(Jesper!AI$2:AI$366,ROUNDDOWN($C3108/24,0)+1,1)*INDEX($D$3:$AA$30,INDEX(Jesper!$R$2:$R$366,ROW(INDEX(Jesper!AI$2:AI$366,ROUNDDOWN($C3108/24,0)+1,1))-1)+IF('Standard Profiles'!$G$19=$B$10,7,0)+IF('Standard Profiles'!$G$19=$B$17,14,0)+IF('Standard Profiles'!$G$19=$B$24,21,0),MOD($C3108,24)+1)/SUM(INDEX($D$3:$AA$30,INDEX(Jesper!$R$2:$R$366,ROW(INDEX(Jesper!AI$2:AI$366,ROUNDDOWN($C3108/24,0)+1,1))-1)+IF('Standard Profiles'!$G$19=$B$10,7,0)+IF('Standard Profiles'!$G$19=$B$17,14,0)+IF('Standard Profiles'!$G$19=$B$24,21,0),0)),0)</f>
        <v>0</v>
      </c>
      <c r="F3108" cm="1">
        <f t="array" ref="F3108">IFERROR(INDEX(Jesper!AJ$2:AJ$366,ROUNDDOWN($C3108/24,0)+1,1)*INDEX($D$3:$AA$30,INDEX(Jesper!$R$2:$R$366,ROW(INDEX(Jesper!AJ$2:AJ$366,ROUNDDOWN($C3108/24,0)+1,1))-1)+IF('Standard Profiles'!$G$20=$B$10,7,0)+IF('Standard Profiles'!$G$20=$B$17,14,0)+IF('Standard Profiles'!$G$20=$B$24,21,0),MOD($C3108,24)+1)/SUM(INDEX($D$3:$AA$30,INDEX(Jesper!$R$2:$R$366,ROW(INDEX(Jesper!AJ$2:AJ$366,ROUNDDOWN($C3108/24,0)+1,1))-1)+IF('Standard Profiles'!$G$20=$B$10,7,0)+IF('Standard Profiles'!$G$20=$B$17,14,0)+IF('Standard Profiles'!$G$20=$B$24,21,0),0)),0)</f>
        <v>0</v>
      </c>
      <c r="G3108" cm="1">
        <f t="array" ref="G3108">IFERROR(INDEX(Jesper!AK$2:AK$366,ROUNDDOWN($C3108/24,0)+1,1)*INDEX($D$3:$AA$30,INDEX(Jesper!$R$2:$R$366,ROW(INDEX(Jesper!AK$2:AK$366,ROUNDDOWN($C3108/24,0)+1,1))-1)+IF('Standard Profiles'!$G$21=$B$10,7,0)+IF('Standard Profiles'!$G$21=$B$17,14,0)+IF('Standard Profiles'!$G$21=$B$24,21,0),MOD($C3108,24)+1)/SUM(INDEX($D$3:$AA$30,INDEX(Jesper!$R$2:$R$366,ROW(INDEX(Jesper!AK$2:AK$366,ROUNDDOWN($C3108/24,0)+1,1))-1)+IF('Standard Profiles'!$G$21=$B$10,7,0)+IF('Standard Profiles'!$G$21=$B$17,14,0)+IF('Standard Profiles'!$G$21=$B$24,21,0),0)),0)</f>
        <v>0</v>
      </c>
      <c r="H3108" cm="1">
        <f t="array" ref="H3108">IFERROR(INDEX(Jesper!AL$2:AL$366,ROUNDDOWN($C3108/24,0)+1,1)*INDEX($D$3:$AA$30,INDEX(Jesper!$R$2:$R$366,ROW(INDEX(Jesper!AL$2:AL$366,ROUNDDOWN($C3108/24,0)+1,1))-1)+IF('Standard Profiles'!$G$22=$B$10,7,0)+IF('Standard Profiles'!$G$22=$B$17,14,0)+IF('Standard Profiles'!$G$22=$B$24,21,0),MOD($C3108,24)+1)/SUM(INDEX($D$3:$AA$30,INDEX(Jesper!$R$2:$R$366,ROW(INDEX(Jesper!AL$2:AL$366,ROUNDDOWN($C3108/24,0)+1,1))-1)+IF('Standard Profiles'!$G$22=$B$10,7,0)+IF('Standard Profiles'!$G$22=$B$17,14,0)+IF('Standard Profiles'!$G$22=$B$24,21,0),0)),0)</f>
        <v>0</v>
      </c>
      <c r="I3108">
        <f t="shared" si="356"/>
        <v>0.2107610144375591</v>
      </c>
      <c r="J3108">
        <f t="shared" si="357"/>
        <v>0.70253671479186375</v>
      </c>
      <c r="K3108">
        <f t="shared" si="358"/>
        <v>1.0538050721877954</v>
      </c>
      <c r="L3108">
        <f t="shared" si="359"/>
        <v>5.0582643465014181</v>
      </c>
      <c r="M3108">
        <f t="shared" si="360"/>
        <v>0</v>
      </c>
      <c r="N3108" s="46">
        <f t="shared" ref="N3108:N3171" si="361">N3107+1/24</f>
        <v>45420.083333325878</v>
      </c>
    </row>
    <row r="3109" spans="2:14" x14ac:dyDescent="0.3">
      <c r="B3109">
        <f t="shared" si="355"/>
        <v>3</v>
      </c>
      <c r="C3109" s="16">
        <v>3075</v>
      </c>
      <c r="D3109" cm="1">
        <f t="array" ref="D3109">IFERROR(INDEX(Jesper!AH$2:AH$366,ROUNDDOWN($C3109/24,0)+1,1)*INDEX($D$3:$AA$30,INDEX(Jesper!$R$2:$R$366,ROW(INDEX(Jesper!AH$2:AH$366,ROUNDDOWN($C3109/24,0)+1,1))-1)+IF('Standard Profiles'!$G$18=$B$10,7,0)+IF('Standard Profiles'!$G$18=$B$17,14,0)+IF('Standard Profiles'!$G$18=$B$24,21,0),MOD($C3109,24)+1)/SUM(INDEX($D$3:$AA$30,INDEX(Jesper!$R$2:$R$366,ROW(INDEX(Jesper!AH$2:AH$366,ROUNDDOWN($C3109/24,0)+1,1))-1)+IF('Standard Profiles'!$G$18=$B$10,7,0)+IF('Standard Profiles'!$G$18=$B$17,14,0)+IF('Standard Profiles'!$G$18=$B$24,21,0),0)),0)</f>
        <v>7.0253671479186366</v>
      </c>
      <c r="E3109" cm="1">
        <f t="array" ref="E3109">IFERROR(INDEX(Jesper!AI$2:AI$366,ROUNDDOWN($C3109/24,0)+1,1)*INDEX($D$3:$AA$30,INDEX(Jesper!$R$2:$R$366,ROW(INDEX(Jesper!AI$2:AI$366,ROUNDDOWN($C3109/24,0)+1,1))-1)+IF('Standard Profiles'!$G$19=$B$10,7,0)+IF('Standard Profiles'!$G$19=$B$17,14,0)+IF('Standard Profiles'!$G$19=$B$24,21,0),MOD($C3109,24)+1)/SUM(INDEX($D$3:$AA$30,INDEX(Jesper!$R$2:$R$366,ROW(INDEX(Jesper!AI$2:AI$366,ROUNDDOWN($C3109/24,0)+1,1))-1)+IF('Standard Profiles'!$G$19=$B$10,7,0)+IF('Standard Profiles'!$G$19=$B$17,14,0)+IF('Standard Profiles'!$G$19=$B$24,21,0),0)),0)</f>
        <v>0</v>
      </c>
      <c r="F3109" cm="1">
        <f t="array" ref="F3109">IFERROR(INDEX(Jesper!AJ$2:AJ$366,ROUNDDOWN($C3109/24,0)+1,1)*INDEX($D$3:$AA$30,INDEX(Jesper!$R$2:$R$366,ROW(INDEX(Jesper!AJ$2:AJ$366,ROUNDDOWN($C3109/24,0)+1,1))-1)+IF('Standard Profiles'!$G$20=$B$10,7,0)+IF('Standard Profiles'!$G$20=$B$17,14,0)+IF('Standard Profiles'!$G$20=$B$24,21,0),MOD($C3109,24)+1)/SUM(INDEX($D$3:$AA$30,INDEX(Jesper!$R$2:$R$366,ROW(INDEX(Jesper!AJ$2:AJ$366,ROUNDDOWN($C3109/24,0)+1,1))-1)+IF('Standard Profiles'!$G$20=$B$10,7,0)+IF('Standard Profiles'!$G$20=$B$17,14,0)+IF('Standard Profiles'!$G$20=$B$24,21,0),0)),0)</f>
        <v>0</v>
      </c>
      <c r="G3109" cm="1">
        <f t="array" ref="G3109">IFERROR(INDEX(Jesper!AK$2:AK$366,ROUNDDOWN($C3109/24,0)+1,1)*INDEX($D$3:$AA$30,INDEX(Jesper!$R$2:$R$366,ROW(INDEX(Jesper!AK$2:AK$366,ROUNDDOWN($C3109/24,0)+1,1))-1)+IF('Standard Profiles'!$G$21=$B$10,7,0)+IF('Standard Profiles'!$G$21=$B$17,14,0)+IF('Standard Profiles'!$G$21=$B$24,21,0),MOD($C3109,24)+1)/SUM(INDEX($D$3:$AA$30,INDEX(Jesper!$R$2:$R$366,ROW(INDEX(Jesper!AK$2:AK$366,ROUNDDOWN($C3109/24,0)+1,1))-1)+IF('Standard Profiles'!$G$21=$B$10,7,0)+IF('Standard Profiles'!$G$21=$B$17,14,0)+IF('Standard Profiles'!$G$21=$B$24,21,0),0)),0)</f>
        <v>0</v>
      </c>
      <c r="H3109" cm="1">
        <f t="array" ref="H3109">IFERROR(INDEX(Jesper!AL$2:AL$366,ROUNDDOWN($C3109/24,0)+1,1)*INDEX($D$3:$AA$30,INDEX(Jesper!$R$2:$R$366,ROW(INDEX(Jesper!AL$2:AL$366,ROUNDDOWN($C3109/24,0)+1,1))-1)+IF('Standard Profiles'!$G$22=$B$10,7,0)+IF('Standard Profiles'!$G$22=$B$17,14,0)+IF('Standard Profiles'!$G$22=$B$24,21,0),MOD($C3109,24)+1)/SUM(INDEX($D$3:$AA$30,INDEX(Jesper!$R$2:$R$366,ROW(INDEX(Jesper!AL$2:AL$366,ROUNDDOWN($C3109/24,0)+1,1))-1)+IF('Standard Profiles'!$G$22=$B$10,7,0)+IF('Standard Profiles'!$G$22=$B$17,14,0)+IF('Standard Profiles'!$G$22=$B$24,21,0),0)),0)</f>
        <v>0</v>
      </c>
      <c r="I3109">
        <f t="shared" si="356"/>
        <v>0.2107610144375591</v>
      </c>
      <c r="J3109">
        <f t="shared" si="357"/>
        <v>0.70253671479186375</v>
      </c>
      <c r="K3109">
        <f t="shared" si="358"/>
        <v>1.0538050721877954</v>
      </c>
      <c r="L3109">
        <f t="shared" si="359"/>
        <v>5.0582643465014181</v>
      </c>
      <c r="M3109">
        <f t="shared" si="360"/>
        <v>0</v>
      </c>
      <c r="N3109" s="46">
        <f t="shared" si="361"/>
        <v>45420.124999992542</v>
      </c>
    </row>
    <row r="3110" spans="2:14" x14ac:dyDescent="0.3">
      <c r="B3110">
        <f t="shared" si="355"/>
        <v>3</v>
      </c>
      <c r="C3110" s="16">
        <v>3076</v>
      </c>
      <c r="D3110" cm="1">
        <f t="array" ref="D3110">IFERROR(INDEX(Jesper!AH$2:AH$366,ROUNDDOWN($C3110/24,0)+1,1)*INDEX($D$3:$AA$30,INDEX(Jesper!$R$2:$R$366,ROW(INDEX(Jesper!AH$2:AH$366,ROUNDDOWN($C3110/24,0)+1,1))-1)+IF('Standard Profiles'!$G$18=$B$10,7,0)+IF('Standard Profiles'!$G$18=$B$17,14,0)+IF('Standard Profiles'!$G$18=$B$24,21,0),MOD($C3110,24)+1)/SUM(INDEX($D$3:$AA$30,INDEX(Jesper!$R$2:$R$366,ROW(INDEX(Jesper!AH$2:AH$366,ROUNDDOWN($C3110/24,0)+1,1))-1)+IF('Standard Profiles'!$G$18=$B$10,7,0)+IF('Standard Profiles'!$G$18=$B$17,14,0)+IF('Standard Profiles'!$G$18=$B$24,21,0),0)),0)</f>
        <v>7.0253671479186366</v>
      </c>
      <c r="E3110" cm="1">
        <f t="array" ref="E3110">IFERROR(INDEX(Jesper!AI$2:AI$366,ROUNDDOWN($C3110/24,0)+1,1)*INDEX($D$3:$AA$30,INDEX(Jesper!$R$2:$R$366,ROW(INDEX(Jesper!AI$2:AI$366,ROUNDDOWN($C3110/24,0)+1,1))-1)+IF('Standard Profiles'!$G$19=$B$10,7,0)+IF('Standard Profiles'!$G$19=$B$17,14,0)+IF('Standard Profiles'!$G$19=$B$24,21,0),MOD($C3110,24)+1)/SUM(INDEX($D$3:$AA$30,INDEX(Jesper!$R$2:$R$366,ROW(INDEX(Jesper!AI$2:AI$366,ROUNDDOWN($C3110/24,0)+1,1))-1)+IF('Standard Profiles'!$G$19=$B$10,7,0)+IF('Standard Profiles'!$G$19=$B$17,14,0)+IF('Standard Profiles'!$G$19=$B$24,21,0),0)),0)</f>
        <v>0</v>
      </c>
      <c r="F3110" cm="1">
        <f t="array" ref="F3110">IFERROR(INDEX(Jesper!AJ$2:AJ$366,ROUNDDOWN($C3110/24,0)+1,1)*INDEX($D$3:$AA$30,INDEX(Jesper!$R$2:$R$366,ROW(INDEX(Jesper!AJ$2:AJ$366,ROUNDDOWN($C3110/24,0)+1,1))-1)+IF('Standard Profiles'!$G$20=$B$10,7,0)+IF('Standard Profiles'!$G$20=$B$17,14,0)+IF('Standard Profiles'!$G$20=$B$24,21,0),MOD($C3110,24)+1)/SUM(INDEX($D$3:$AA$30,INDEX(Jesper!$R$2:$R$366,ROW(INDEX(Jesper!AJ$2:AJ$366,ROUNDDOWN($C3110/24,0)+1,1))-1)+IF('Standard Profiles'!$G$20=$B$10,7,0)+IF('Standard Profiles'!$G$20=$B$17,14,0)+IF('Standard Profiles'!$G$20=$B$24,21,0),0)),0)</f>
        <v>0</v>
      </c>
      <c r="G3110" cm="1">
        <f t="array" ref="G3110">IFERROR(INDEX(Jesper!AK$2:AK$366,ROUNDDOWN($C3110/24,0)+1,1)*INDEX($D$3:$AA$30,INDEX(Jesper!$R$2:$R$366,ROW(INDEX(Jesper!AK$2:AK$366,ROUNDDOWN($C3110/24,0)+1,1))-1)+IF('Standard Profiles'!$G$21=$B$10,7,0)+IF('Standard Profiles'!$G$21=$B$17,14,0)+IF('Standard Profiles'!$G$21=$B$24,21,0),MOD($C3110,24)+1)/SUM(INDEX($D$3:$AA$30,INDEX(Jesper!$R$2:$R$366,ROW(INDEX(Jesper!AK$2:AK$366,ROUNDDOWN($C3110/24,0)+1,1))-1)+IF('Standard Profiles'!$G$21=$B$10,7,0)+IF('Standard Profiles'!$G$21=$B$17,14,0)+IF('Standard Profiles'!$G$21=$B$24,21,0),0)),0)</f>
        <v>0</v>
      </c>
      <c r="H3110" cm="1">
        <f t="array" ref="H3110">IFERROR(INDEX(Jesper!AL$2:AL$366,ROUNDDOWN($C3110/24,0)+1,1)*INDEX($D$3:$AA$30,INDEX(Jesper!$R$2:$R$366,ROW(INDEX(Jesper!AL$2:AL$366,ROUNDDOWN($C3110/24,0)+1,1))-1)+IF('Standard Profiles'!$G$22=$B$10,7,0)+IF('Standard Profiles'!$G$22=$B$17,14,0)+IF('Standard Profiles'!$G$22=$B$24,21,0),MOD($C3110,24)+1)/SUM(INDEX($D$3:$AA$30,INDEX(Jesper!$R$2:$R$366,ROW(INDEX(Jesper!AL$2:AL$366,ROUNDDOWN($C3110/24,0)+1,1))-1)+IF('Standard Profiles'!$G$22=$B$10,7,0)+IF('Standard Profiles'!$G$22=$B$17,14,0)+IF('Standard Profiles'!$G$22=$B$24,21,0),0)),0)</f>
        <v>0</v>
      </c>
      <c r="I3110">
        <f t="shared" si="356"/>
        <v>0.2107610144375591</v>
      </c>
      <c r="J3110">
        <f t="shared" si="357"/>
        <v>0.70253671479186375</v>
      </c>
      <c r="K3110">
        <f t="shared" si="358"/>
        <v>1.0538050721877954</v>
      </c>
      <c r="L3110">
        <f t="shared" si="359"/>
        <v>5.0582643465014181</v>
      </c>
      <c r="M3110">
        <f t="shared" si="360"/>
        <v>0</v>
      </c>
      <c r="N3110" s="46">
        <f t="shared" si="361"/>
        <v>45420.166666659206</v>
      </c>
    </row>
    <row r="3111" spans="2:14" x14ac:dyDescent="0.3">
      <c r="B3111">
        <f t="shared" si="355"/>
        <v>3</v>
      </c>
      <c r="C3111" s="16">
        <v>3077</v>
      </c>
      <c r="D3111" cm="1">
        <f t="array" ref="D3111">IFERROR(INDEX(Jesper!AH$2:AH$366,ROUNDDOWN($C3111/24,0)+1,1)*INDEX($D$3:$AA$30,INDEX(Jesper!$R$2:$R$366,ROW(INDEX(Jesper!AH$2:AH$366,ROUNDDOWN($C3111/24,0)+1,1))-1)+IF('Standard Profiles'!$G$18=$B$10,7,0)+IF('Standard Profiles'!$G$18=$B$17,14,0)+IF('Standard Profiles'!$G$18=$B$24,21,0),MOD($C3111,24)+1)/SUM(INDEX($D$3:$AA$30,INDEX(Jesper!$R$2:$R$366,ROW(INDEX(Jesper!AH$2:AH$366,ROUNDDOWN($C3111/24,0)+1,1))-1)+IF('Standard Profiles'!$G$18=$B$10,7,0)+IF('Standard Profiles'!$G$18=$B$17,14,0)+IF('Standard Profiles'!$G$18=$B$24,21,0),0)),0)</f>
        <v>9.054917657317354</v>
      </c>
      <c r="E3111" cm="1">
        <f t="array" ref="E3111">IFERROR(INDEX(Jesper!AI$2:AI$366,ROUNDDOWN($C3111/24,0)+1,1)*INDEX($D$3:$AA$30,INDEX(Jesper!$R$2:$R$366,ROW(INDEX(Jesper!AI$2:AI$366,ROUNDDOWN($C3111/24,0)+1,1))-1)+IF('Standard Profiles'!$G$19=$B$10,7,0)+IF('Standard Profiles'!$G$19=$B$17,14,0)+IF('Standard Profiles'!$G$19=$B$24,21,0),MOD($C3111,24)+1)/SUM(INDEX($D$3:$AA$30,INDEX(Jesper!$R$2:$R$366,ROW(INDEX(Jesper!AI$2:AI$366,ROUNDDOWN($C3111/24,0)+1,1))-1)+IF('Standard Profiles'!$G$19=$B$10,7,0)+IF('Standard Profiles'!$G$19=$B$17,14,0)+IF('Standard Profiles'!$G$19=$B$24,21,0),0)),0)</f>
        <v>0</v>
      </c>
      <c r="F3111" cm="1">
        <f t="array" ref="F3111">IFERROR(INDEX(Jesper!AJ$2:AJ$366,ROUNDDOWN($C3111/24,0)+1,1)*INDEX($D$3:$AA$30,INDEX(Jesper!$R$2:$R$366,ROW(INDEX(Jesper!AJ$2:AJ$366,ROUNDDOWN($C3111/24,0)+1,1))-1)+IF('Standard Profiles'!$G$20=$B$10,7,0)+IF('Standard Profiles'!$G$20=$B$17,14,0)+IF('Standard Profiles'!$G$20=$B$24,21,0),MOD($C3111,24)+1)/SUM(INDEX($D$3:$AA$30,INDEX(Jesper!$R$2:$R$366,ROW(INDEX(Jesper!AJ$2:AJ$366,ROUNDDOWN($C3111/24,0)+1,1))-1)+IF('Standard Profiles'!$G$20=$B$10,7,0)+IF('Standard Profiles'!$G$20=$B$17,14,0)+IF('Standard Profiles'!$G$20=$B$24,21,0),0)),0)</f>
        <v>0</v>
      </c>
      <c r="G3111" cm="1">
        <f t="array" ref="G3111">IFERROR(INDEX(Jesper!AK$2:AK$366,ROUNDDOWN($C3111/24,0)+1,1)*INDEX($D$3:$AA$30,INDEX(Jesper!$R$2:$R$366,ROW(INDEX(Jesper!AK$2:AK$366,ROUNDDOWN($C3111/24,0)+1,1))-1)+IF('Standard Profiles'!$G$21=$B$10,7,0)+IF('Standard Profiles'!$G$21=$B$17,14,0)+IF('Standard Profiles'!$G$21=$B$24,21,0),MOD($C3111,24)+1)/SUM(INDEX($D$3:$AA$30,INDEX(Jesper!$R$2:$R$366,ROW(INDEX(Jesper!AK$2:AK$366,ROUNDDOWN($C3111/24,0)+1,1))-1)+IF('Standard Profiles'!$G$21=$B$10,7,0)+IF('Standard Profiles'!$G$21=$B$17,14,0)+IF('Standard Profiles'!$G$21=$B$24,21,0),0)),0)</f>
        <v>0</v>
      </c>
      <c r="H3111" cm="1">
        <f t="array" ref="H3111">IFERROR(INDEX(Jesper!AL$2:AL$366,ROUNDDOWN($C3111/24,0)+1,1)*INDEX($D$3:$AA$30,INDEX(Jesper!$R$2:$R$366,ROW(INDEX(Jesper!AL$2:AL$366,ROUNDDOWN($C3111/24,0)+1,1))-1)+IF('Standard Profiles'!$G$22=$B$10,7,0)+IF('Standard Profiles'!$G$22=$B$17,14,0)+IF('Standard Profiles'!$G$22=$B$24,21,0),MOD($C3111,24)+1)/SUM(INDEX($D$3:$AA$30,INDEX(Jesper!$R$2:$R$366,ROW(INDEX(Jesper!AL$2:AL$366,ROUNDDOWN($C3111/24,0)+1,1))-1)+IF('Standard Profiles'!$G$22=$B$10,7,0)+IF('Standard Profiles'!$G$22=$B$17,14,0)+IF('Standard Profiles'!$G$22=$B$24,21,0),0)),0)</f>
        <v>0</v>
      </c>
      <c r="I3111">
        <f t="shared" si="356"/>
        <v>0.27164752971952061</v>
      </c>
      <c r="J3111">
        <f t="shared" si="357"/>
        <v>0.9054917657317354</v>
      </c>
      <c r="K3111">
        <f t="shared" si="358"/>
        <v>1.3582376485976031</v>
      </c>
      <c r="L3111">
        <f t="shared" si="359"/>
        <v>6.519540713268495</v>
      </c>
      <c r="M3111">
        <f t="shared" si="360"/>
        <v>0</v>
      </c>
      <c r="N3111" s="46">
        <f t="shared" si="361"/>
        <v>45420.208333325871</v>
      </c>
    </row>
    <row r="3112" spans="2:14" x14ac:dyDescent="0.3">
      <c r="B3112">
        <f t="shared" si="355"/>
        <v>3</v>
      </c>
      <c r="C3112" s="16">
        <v>3078</v>
      </c>
      <c r="D3112" cm="1">
        <f t="array" ref="D3112">IFERROR(INDEX(Jesper!AH$2:AH$366,ROUNDDOWN($C3112/24,0)+1,1)*INDEX($D$3:$AA$30,INDEX(Jesper!$R$2:$R$366,ROW(INDEX(Jesper!AH$2:AH$366,ROUNDDOWN($C3112/24,0)+1,1))-1)+IF('Standard Profiles'!$G$18=$B$10,7,0)+IF('Standard Profiles'!$G$18=$B$17,14,0)+IF('Standard Profiles'!$G$18=$B$24,21,0),MOD($C3112,24)+1)/SUM(INDEX($D$3:$AA$30,INDEX(Jesper!$R$2:$R$366,ROW(INDEX(Jesper!AH$2:AH$366,ROUNDDOWN($C3112/24,0)+1,1))-1)+IF('Standard Profiles'!$G$18=$B$10,7,0)+IF('Standard Profiles'!$G$18=$B$17,14,0)+IF('Standard Profiles'!$G$18=$B$24,21,0),0)),0)</f>
        <v>10.459991086901082</v>
      </c>
      <c r="E3112" cm="1">
        <f t="array" ref="E3112">IFERROR(INDEX(Jesper!AI$2:AI$366,ROUNDDOWN($C3112/24,0)+1,1)*INDEX($D$3:$AA$30,INDEX(Jesper!$R$2:$R$366,ROW(INDEX(Jesper!AI$2:AI$366,ROUNDDOWN($C3112/24,0)+1,1))-1)+IF('Standard Profiles'!$G$19=$B$10,7,0)+IF('Standard Profiles'!$G$19=$B$17,14,0)+IF('Standard Profiles'!$G$19=$B$24,21,0),MOD($C3112,24)+1)/SUM(INDEX($D$3:$AA$30,INDEX(Jesper!$R$2:$R$366,ROW(INDEX(Jesper!AI$2:AI$366,ROUNDDOWN($C3112/24,0)+1,1))-1)+IF('Standard Profiles'!$G$19=$B$10,7,0)+IF('Standard Profiles'!$G$19=$B$17,14,0)+IF('Standard Profiles'!$G$19=$B$24,21,0),0)),0)</f>
        <v>0</v>
      </c>
      <c r="F3112" cm="1">
        <f t="array" ref="F3112">IFERROR(INDEX(Jesper!AJ$2:AJ$366,ROUNDDOWN($C3112/24,0)+1,1)*INDEX($D$3:$AA$30,INDEX(Jesper!$R$2:$R$366,ROW(INDEX(Jesper!AJ$2:AJ$366,ROUNDDOWN($C3112/24,0)+1,1))-1)+IF('Standard Profiles'!$G$20=$B$10,7,0)+IF('Standard Profiles'!$G$20=$B$17,14,0)+IF('Standard Profiles'!$G$20=$B$24,21,0),MOD($C3112,24)+1)/SUM(INDEX($D$3:$AA$30,INDEX(Jesper!$R$2:$R$366,ROW(INDEX(Jesper!AJ$2:AJ$366,ROUNDDOWN($C3112/24,0)+1,1))-1)+IF('Standard Profiles'!$G$20=$B$10,7,0)+IF('Standard Profiles'!$G$20=$B$17,14,0)+IF('Standard Profiles'!$G$20=$B$24,21,0),0)),0)</f>
        <v>0</v>
      </c>
      <c r="G3112" cm="1">
        <f t="array" ref="G3112">IFERROR(INDEX(Jesper!AK$2:AK$366,ROUNDDOWN($C3112/24,0)+1,1)*INDEX($D$3:$AA$30,INDEX(Jesper!$R$2:$R$366,ROW(INDEX(Jesper!AK$2:AK$366,ROUNDDOWN($C3112/24,0)+1,1))-1)+IF('Standard Profiles'!$G$21=$B$10,7,0)+IF('Standard Profiles'!$G$21=$B$17,14,0)+IF('Standard Profiles'!$G$21=$B$24,21,0),MOD($C3112,24)+1)/SUM(INDEX($D$3:$AA$30,INDEX(Jesper!$R$2:$R$366,ROW(INDEX(Jesper!AK$2:AK$366,ROUNDDOWN($C3112/24,0)+1,1))-1)+IF('Standard Profiles'!$G$21=$B$10,7,0)+IF('Standard Profiles'!$G$21=$B$17,14,0)+IF('Standard Profiles'!$G$21=$B$24,21,0),0)),0)</f>
        <v>0</v>
      </c>
      <c r="H3112" cm="1">
        <f t="array" ref="H3112">IFERROR(INDEX(Jesper!AL$2:AL$366,ROUNDDOWN($C3112/24,0)+1,1)*INDEX($D$3:$AA$30,INDEX(Jesper!$R$2:$R$366,ROW(INDEX(Jesper!AL$2:AL$366,ROUNDDOWN($C3112/24,0)+1,1))-1)+IF('Standard Profiles'!$G$22=$B$10,7,0)+IF('Standard Profiles'!$G$22=$B$17,14,0)+IF('Standard Profiles'!$G$22=$B$24,21,0),MOD($C3112,24)+1)/SUM(INDEX($D$3:$AA$30,INDEX(Jesper!$R$2:$R$366,ROW(INDEX(Jesper!AL$2:AL$366,ROUNDDOWN($C3112/24,0)+1,1))-1)+IF('Standard Profiles'!$G$22=$B$10,7,0)+IF('Standard Profiles'!$G$22=$B$17,14,0)+IF('Standard Profiles'!$G$22=$B$24,21,0),0)),0)</f>
        <v>0</v>
      </c>
      <c r="I3112">
        <f t="shared" si="356"/>
        <v>0.31379973260703248</v>
      </c>
      <c r="J3112">
        <f t="shared" si="357"/>
        <v>1.0459991086901084</v>
      </c>
      <c r="K3112">
        <f t="shared" si="358"/>
        <v>1.5689986630351622</v>
      </c>
      <c r="L3112">
        <f t="shared" si="359"/>
        <v>7.531193582568779</v>
      </c>
      <c r="M3112">
        <f t="shared" si="360"/>
        <v>0</v>
      </c>
      <c r="N3112" s="46">
        <f t="shared" si="361"/>
        <v>45420.249999992535</v>
      </c>
    </row>
    <row r="3113" spans="2:14" x14ac:dyDescent="0.3">
      <c r="B3113">
        <f t="shared" si="355"/>
        <v>3</v>
      </c>
      <c r="C3113" s="16">
        <v>3079</v>
      </c>
      <c r="D3113" cm="1">
        <f t="array" ref="D3113">IFERROR(INDEX(Jesper!AH$2:AH$366,ROUNDDOWN($C3113/24,0)+1,1)*INDEX($D$3:$AA$30,INDEX(Jesper!$R$2:$R$366,ROW(INDEX(Jesper!AH$2:AH$366,ROUNDDOWN($C3113/24,0)+1,1))-1)+IF('Standard Profiles'!$G$18=$B$10,7,0)+IF('Standard Profiles'!$G$18=$B$17,14,0)+IF('Standard Profiles'!$G$18=$B$24,21,0),MOD($C3113,24)+1)/SUM(INDEX($D$3:$AA$30,INDEX(Jesper!$R$2:$R$366,ROW(INDEX(Jesper!AH$2:AH$366,ROUNDDOWN($C3113/24,0)+1,1))-1)+IF('Standard Profiles'!$G$18=$B$10,7,0)+IF('Standard Profiles'!$G$18=$B$17,14,0)+IF('Standard Profiles'!$G$18=$B$24,21,0),0)),0)</f>
        <v>10.459991086901082</v>
      </c>
      <c r="E3113" cm="1">
        <f t="array" ref="E3113">IFERROR(INDEX(Jesper!AI$2:AI$366,ROUNDDOWN($C3113/24,0)+1,1)*INDEX($D$3:$AA$30,INDEX(Jesper!$R$2:$R$366,ROW(INDEX(Jesper!AI$2:AI$366,ROUNDDOWN($C3113/24,0)+1,1))-1)+IF('Standard Profiles'!$G$19=$B$10,7,0)+IF('Standard Profiles'!$G$19=$B$17,14,0)+IF('Standard Profiles'!$G$19=$B$24,21,0),MOD($C3113,24)+1)/SUM(INDEX($D$3:$AA$30,INDEX(Jesper!$R$2:$R$366,ROW(INDEX(Jesper!AI$2:AI$366,ROUNDDOWN($C3113/24,0)+1,1))-1)+IF('Standard Profiles'!$G$19=$B$10,7,0)+IF('Standard Profiles'!$G$19=$B$17,14,0)+IF('Standard Profiles'!$G$19=$B$24,21,0),0)),0)</f>
        <v>0</v>
      </c>
      <c r="F3113" cm="1">
        <f t="array" ref="F3113">IFERROR(INDEX(Jesper!AJ$2:AJ$366,ROUNDDOWN($C3113/24,0)+1,1)*INDEX($D$3:$AA$30,INDEX(Jesper!$R$2:$R$366,ROW(INDEX(Jesper!AJ$2:AJ$366,ROUNDDOWN($C3113/24,0)+1,1))-1)+IF('Standard Profiles'!$G$20=$B$10,7,0)+IF('Standard Profiles'!$G$20=$B$17,14,0)+IF('Standard Profiles'!$G$20=$B$24,21,0),MOD($C3113,24)+1)/SUM(INDEX($D$3:$AA$30,INDEX(Jesper!$R$2:$R$366,ROW(INDEX(Jesper!AJ$2:AJ$366,ROUNDDOWN($C3113/24,0)+1,1))-1)+IF('Standard Profiles'!$G$20=$B$10,7,0)+IF('Standard Profiles'!$G$20=$B$17,14,0)+IF('Standard Profiles'!$G$20=$B$24,21,0),0)),0)</f>
        <v>0</v>
      </c>
      <c r="G3113" cm="1">
        <f t="array" ref="G3113">IFERROR(INDEX(Jesper!AK$2:AK$366,ROUNDDOWN($C3113/24,0)+1,1)*INDEX($D$3:$AA$30,INDEX(Jesper!$R$2:$R$366,ROW(INDEX(Jesper!AK$2:AK$366,ROUNDDOWN($C3113/24,0)+1,1))-1)+IF('Standard Profiles'!$G$21=$B$10,7,0)+IF('Standard Profiles'!$G$21=$B$17,14,0)+IF('Standard Profiles'!$G$21=$B$24,21,0),MOD($C3113,24)+1)/SUM(INDEX($D$3:$AA$30,INDEX(Jesper!$R$2:$R$366,ROW(INDEX(Jesper!AK$2:AK$366,ROUNDDOWN($C3113/24,0)+1,1))-1)+IF('Standard Profiles'!$G$21=$B$10,7,0)+IF('Standard Profiles'!$G$21=$B$17,14,0)+IF('Standard Profiles'!$G$21=$B$24,21,0),0)),0)</f>
        <v>0</v>
      </c>
      <c r="H3113" cm="1">
        <f t="array" ref="H3113">IFERROR(INDEX(Jesper!AL$2:AL$366,ROUNDDOWN($C3113/24,0)+1,1)*INDEX($D$3:$AA$30,INDEX(Jesper!$R$2:$R$366,ROW(INDEX(Jesper!AL$2:AL$366,ROUNDDOWN($C3113/24,0)+1,1))-1)+IF('Standard Profiles'!$G$22=$B$10,7,0)+IF('Standard Profiles'!$G$22=$B$17,14,0)+IF('Standard Profiles'!$G$22=$B$24,21,0),MOD($C3113,24)+1)/SUM(INDEX($D$3:$AA$30,INDEX(Jesper!$R$2:$R$366,ROW(INDEX(Jesper!AL$2:AL$366,ROUNDDOWN($C3113/24,0)+1,1))-1)+IF('Standard Profiles'!$G$22=$B$10,7,0)+IF('Standard Profiles'!$G$22=$B$17,14,0)+IF('Standard Profiles'!$G$22=$B$24,21,0),0)),0)</f>
        <v>0</v>
      </c>
      <c r="I3113">
        <f t="shared" si="356"/>
        <v>0.31379973260703248</v>
      </c>
      <c r="J3113">
        <f t="shared" si="357"/>
        <v>1.0459991086901084</v>
      </c>
      <c r="K3113">
        <f t="shared" si="358"/>
        <v>1.5689986630351622</v>
      </c>
      <c r="L3113">
        <f t="shared" si="359"/>
        <v>7.531193582568779</v>
      </c>
      <c r="M3113">
        <f t="shared" si="360"/>
        <v>0</v>
      </c>
      <c r="N3113" s="46">
        <f t="shared" si="361"/>
        <v>45420.291666659199</v>
      </c>
    </row>
    <row r="3114" spans="2:14" x14ac:dyDescent="0.3">
      <c r="B3114">
        <f t="shared" si="355"/>
        <v>3</v>
      </c>
      <c r="C3114" s="16">
        <v>3080</v>
      </c>
      <c r="D3114" cm="1">
        <f t="array" ref="D3114">IFERROR(INDEX(Jesper!AH$2:AH$366,ROUNDDOWN($C3114/24,0)+1,1)*INDEX($D$3:$AA$30,INDEX(Jesper!$R$2:$R$366,ROW(INDEX(Jesper!AH$2:AH$366,ROUNDDOWN($C3114/24,0)+1,1))-1)+IF('Standard Profiles'!$G$18=$B$10,7,0)+IF('Standard Profiles'!$G$18=$B$17,14,0)+IF('Standard Profiles'!$G$18=$B$24,21,0),MOD($C3114,24)+1)/SUM(INDEX($D$3:$AA$30,INDEX(Jesper!$R$2:$R$366,ROW(INDEX(Jesper!AH$2:AH$366,ROUNDDOWN($C3114/24,0)+1,1))-1)+IF('Standard Profiles'!$G$18=$B$10,7,0)+IF('Standard Profiles'!$G$18=$B$17,14,0)+IF('Standard Profiles'!$G$18=$B$24,21,0),0)),0)</f>
        <v>10.459991086901082</v>
      </c>
      <c r="E3114" cm="1">
        <f t="array" ref="E3114">IFERROR(INDEX(Jesper!AI$2:AI$366,ROUNDDOWN($C3114/24,0)+1,1)*INDEX($D$3:$AA$30,INDEX(Jesper!$R$2:$R$366,ROW(INDEX(Jesper!AI$2:AI$366,ROUNDDOWN($C3114/24,0)+1,1))-1)+IF('Standard Profiles'!$G$19=$B$10,7,0)+IF('Standard Profiles'!$G$19=$B$17,14,0)+IF('Standard Profiles'!$G$19=$B$24,21,0),MOD($C3114,24)+1)/SUM(INDEX($D$3:$AA$30,INDEX(Jesper!$R$2:$R$366,ROW(INDEX(Jesper!AI$2:AI$366,ROUNDDOWN($C3114/24,0)+1,1))-1)+IF('Standard Profiles'!$G$19=$B$10,7,0)+IF('Standard Profiles'!$G$19=$B$17,14,0)+IF('Standard Profiles'!$G$19=$B$24,21,0),0)),0)</f>
        <v>0</v>
      </c>
      <c r="F3114" cm="1">
        <f t="array" ref="F3114">IFERROR(INDEX(Jesper!AJ$2:AJ$366,ROUNDDOWN($C3114/24,0)+1,1)*INDEX($D$3:$AA$30,INDEX(Jesper!$R$2:$R$366,ROW(INDEX(Jesper!AJ$2:AJ$366,ROUNDDOWN($C3114/24,0)+1,1))-1)+IF('Standard Profiles'!$G$20=$B$10,7,0)+IF('Standard Profiles'!$G$20=$B$17,14,0)+IF('Standard Profiles'!$G$20=$B$24,21,0),MOD($C3114,24)+1)/SUM(INDEX($D$3:$AA$30,INDEX(Jesper!$R$2:$R$366,ROW(INDEX(Jesper!AJ$2:AJ$366,ROUNDDOWN($C3114/24,0)+1,1))-1)+IF('Standard Profiles'!$G$20=$B$10,7,0)+IF('Standard Profiles'!$G$20=$B$17,14,0)+IF('Standard Profiles'!$G$20=$B$24,21,0),0)),0)</f>
        <v>0</v>
      </c>
      <c r="G3114" cm="1">
        <f t="array" ref="G3114">IFERROR(INDEX(Jesper!AK$2:AK$366,ROUNDDOWN($C3114/24,0)+1,1)*INDEX($D$3:$AA$30,INDEX(Jesper!$R$2:$R$366,ROW(INDEX(Jesper!AK$2:AK$366,ROUNDDOWN($C3114/24,0)+1,1))-1)+IF('Standard Profiles'!$G$21=$B$10,7,0)+IF('Standard Profiles'!$G$21=$B$17,14,0)+IF('Standard Profiles'!$G$21=$B$24,21,0),MOD($C3114,24)+1)/SUM(INDEX($D$3:$AA$30,INDEX(Jesper!$R$2:$R$366,ROW(INDEX(Jesper!AK$2:AK$366,ROUNDDOWN($C3114/24,0)+1,1))-1)+IF('Standard Profiles'!$G$21=$B$10,7,0)+IF('Standard Profiles'!$G$21=$B$17,14,0)+IF('Standard Profiles'!$G$21=$B$24,21,0),0)),0)</f>
        <v>0</v>
      </c>
      <c r="H3114" cm="1">
        <f t="array" ref="H3114">IFERROR(INDEX(Jesper!AL$2:AL$366,ROUNDDOWN($C3114/24,0)+1,1)*INDEX($D$3:$AA$30,INDEX(Jesper!$R$2:$R$366,ROW(INDEX(Jesper!AL$2:AL$366,ROUNDDOWN($C3114/24,0)+1,1))-1)+IF('Standard Profiles'!$G$22=$B$10,7,0)+IF('Standard Profiles'!$G$22=$B$17,14,0)+IF('Standard Profiles'!$G$22=$B$24,21,0),MOD($C3114,24)+1)/SUM(INDEX($D$3:$AA$30,INDEX(Jesper!$R$2:$R$366,ROW(INDEX(Jesper!AL$2:AL$366,ROUNDDOWN($C3114/24,0)+1,1))-1)+IF('Standard Profiles'!$G$22=$B$10,7,0)+IF('Standard Profiles'!$G$22=$B$17,14,0)+IF('Standard Profiles'!$G$22=$B$24,21,0),0)),0)</f>
        <v>0</v>
      </c>
      <c r="I3114">
        <f t="shared" si="356"/>
        <v>0.31379973260703248</v>
      </c>
      <c r="J3114">
        <f t="shared" si="357"/>
        <v>1.0459991086901084</v>
      </c>
      <c r="K3114">
        <f t="shared" si="358"/>
        <v>1.5689986630351622</v>
      </c>
      <c r="L3114">
        <f t="shared" si="359"/>
        <v>7.531193582568779</v>
      </c>
      <c r="M3114">
        <f t="shared" si="360"/>
        <v>0</v>
      </c>
      <c r="N3114" s="46">
        <f t="shared" si="361"/>
        <v>45420.333333325863</v>
      </c>
    </row>
    <row r="3115" spans="2:14" x14ac:dyDescent="0.3">
      <c r="B3115">
        <f t="shared" si="355"/>
        <v>3</v>
      </c>
      <c r="C3115" s="16">
        <v>3081</v>
      </c>
      <c r="D3115" cm="1">
        <f t="array" ref="D3115">IFERROR(INDEX(Jesper!AH$2:AH$366,ROUNDDOWN($C3115/24,0)+1,1)*INDEX($D$3:$AA$30,INDEX(Jesper!$R$2:$R$366,ROW(INDEX(Jesper!AH$2:AH$366,ROUNDDOWN($C3115/24,0)+1,1))-1)+IF('Standard Profiles'!$G$18=$B$10,7,0)+IF('Standard Profiles'!$G$18=$B$17,14,0)+IF('Standard Profiles'!$G$18=$B$24,21,0),MOD($C3115,24)+1)/SUM(INDEX($D$3:$AA$30,INDEX(Jesper!$R$2:$R$366,ROW(INDEX(Jesper!AH$2:AH$366,ROUNDDOWN($C3115/24,0)+1,1))-1)+IF('Standard Profiles'!$G$18=$B$10,7,0)+IF('Standard Profiles'!$G$18=$B$17,14,0)+IF('Standard Profiles'!$G$18=$B$24,21,0),0)),0)</f>
        <v>11.24058743666982</v>
      </c>
      <c r="E3115" cm="1">
        <f t="array" ref="E3115">IFERROR(INDEX(Jesper!AI$2:AI$366,ROUNDDOWN($C3115/24,0)+1,1)*INDEX($D$3:$AA$30,INDEX(Jesper!$R$2:$R$366,ROW(INDEX(Jesper!AI$2:AI$366,ROUNDDOWN($C3115/24,0)+1,1))-1)+IF('Standard Profiles'!$G$19=$B$10,7,0)+IF('Standard Profiles'!$G$19=$B$17,14,0)+IF('Standard Profiles'!$G$19=$B$24,21,0),MOD($C3115,24)+1)/SUM(INDEX($D$3:$AA$30,INDEX(Jesper!$R$2:$R$366,ROW(INDEX(Jesper!AI$2:AI$366,ROUNDDOWN($C3115/24,0)+1,1))-1)+IF('Standard Profiles'!$G$19=$B$10,7,0)+IF('Standard Profiles'!$G$19=$B$17,14,0)+IF('Standard Profiles'!$G$19=$B$24,21,0),0)),0)</f>
        <v>0</v>
      </c>
      <c r="F3115" cm="1">
        <f t="array" ref="F3115">IFERROR(INDEX(Jesper!AJ$2:AJ$366,ROUNDDOWN($C3115/24,0)+1,1)*INDEX($D$3:$AA$30,INDEX(Jesper!$R$2:$R$366,ROW(INDEX(Jesper!AJ$2:AJ$366,ROUNDDOWN($C3115/24,0)+1,1))-1)+IF('Standard Profiles'!$G$20=$B$10,7,0)+IF('Standard Profiles'!$G$20=$B$17,14,0)+IF('Standard Profiles'!$G$20=$B$24,21,0),MOD($C3115,24)+1)/SUM(INDEX($D$3:$AA$30,INDEX(Jesper!$R$2:$R$366,ROW(INDEX(Jesper!AJ$2:AJ$366,ROUNDDOWN($C3115/24,0)+1,1))-1)+IF('Standard Profiles'!$G$20=$B$10,7,0)+IF('Standard Profiles'!$G$20=$B$17,14,0)+IF('Standard Profiles'!$G$20=$B$24,21,0),0)),0)</f>
        <v>0</v>
      </c>
      <c r="G3115" cm="1">
        <f t="array" ref="G3115">IFERROR(INDEX(Jesper!AK$2:AK$366,ROUNDDOWN($C3115/24,0)+1,1)*INDEX($D$3:$AA$30,INDEX(Jesper!$R$2:$R$366,ROW(INDEX(Jesper!AK$2:AK$366,ROUNDDOWN($C3115/24,0)+1,1))-1)+IF('Standard Profiles'!$G$21=$B$10,7,0)+IF('Standard Profiles'!$G$21=$B$17,14,0)+IF('Standard Profiles'!$G$21=$B$24,21,0),MOD($C3115,24)+1)/SUM(INDEX($D$3:$AA$30,INDEX(Jesper!$R$2:$R$366,ROW(INDEX(Jesper!AK$2:AK$366,ROUNDDOWN($C3115/24,0)+1,1))-1)+IF('Standard Profiles'!$G$21=$B$10,7,0)+IF('Standard Profiles'!$G$21=$B$17,14,0)+IF('Standard Profiles'!$G$21=$B$24,21,0),0)),0)</f>
        <v>0</v>
      </c>
      <c r="H3115" cm="1">
        <f t="array" ref="H3115">IFERROR(INDEX(Jesper!AL$2:AL$366,ROUNDDOWN($C3115/24,0)+1,1)*INDEX($D$3:$AA$30,INDEX(Jesper!$R$2:$R$366,ROW(INDEX(Jesper!AL$2:AL$366,ROUNDDOWN($C3115/24,0)+1,1))-1)+IF('Standard Profiles'!$G$22=$B$10,7,0)+IF('Standard Profiles'!$G$22=$B$17,14,0)+IF('Standard Profiles'!$G$22=$B$24,21,0),MOD($C3115,24)+1)/SUM(INDEX($D$3:$AA$30,INDEX(Jesper!$R$2:$R$366,ROW(INDEX(Jesper!AL$2:AL$366,ROUNDDOWN($C3115/24,0)+1,1))-1)+IF('Standard Profiles'!$G$22=$B$10,7,0)+IF('Standard Profiles'!$G$22=$B$17,14,0)+IF('Standard Profiles'!$G$22=$B$24,21,0),0)),0)</f>
        <v>0</v>
      </c>
      <c r="I3115">
        <f t="shared" si="356"/>
        <v>0.33721762310009457</v>
      </c>
      <c r="J3115">
        <f t="shared" si="357"/>
        <v>1.124058743666982</v>
      </c>
      <c r="K3115">
        <f t="shared" si="358"/>
        <v>1.686088115500473</v>
      </c>
      <c r="L3115">
        <f t="shared" si="359"/>
        <v>8.09322295440227</v>
      </c>
      <c r="M3115">
        <f t="shared" si="360"/>
        <v>0</v>
      </c>
      <c r="N3115" s="46">
        <f t="shared" si="361"/>
        <v>45420.374999992528</v>
      </c>
    </row>
    <row r="3116" spans="2:14" x14ac:dyDescent="0.3">
      <c r="B3116">
        <f t="shared" si="355"/>
        <v>3</v>
      </c>
      <c r="C3116" s="16">
        <v>3082</v>
      </c>
      <c r="D3116" cm="1">
        <f t="array" ref="D3116">IFERROR(INDEX(Jesper!AH$2:AH$366,ROUNDDOWN($C3116/24,0)+1,1)*INDEX($D$3:$AA$30,INDEX(Jesper!$R$2:$R$366,ROW(INDEX(Jesper!AH$2:AH$366,ROUNDDOWN($C3116/24,0)+1,1))-1)+IF('Standard Profiles'!$G$18=$B$10,7,0)+IF('Standard Profiles'!$G$18=$B$17,14,0)+IF('Standard Profiles'!$G$18=$B$24,21,0),MOD($C3116,24)+1)/SUM(INDEX($D$3:$AA$30,INDEX(Jesper!$R$2:$R$366,ROW(INDEX(Jesper!AH$2:AH$366,ROUNDDOWN($C3116/24,0)+1,1))-1)+IF('Standard Profiles'!$G$18=$B$10,7,0)+IF('Standard Profiles'!$G$18=$B$17,14,0)+IF('Standard Profiles'!$G$18=$B$24,21,0),0)),0)</f>
        <v>12.177303056392304</v>
      </c>
      <c r="E3116" cm="1">
        <f t="array" ref="E3116">IFERROR(INDEX(Jesper!AI$2:AI$366,ROUNDDOWN($C3116/24,0)+1,1)*INDEX($D$3:$AA$30,INDEX(Jesper!$R$2:$R$366,ROW(INDEX(Jesper!AI$2:AI$366,ROUNDDOWN($C3116/24,0)+1,1))-1)+IF('Standard Profiles'!$G$19=$B$10,7,0)+IF('Standard Profiles'!$G$19=$B$17,14,0)+IF('Standard Profiles'!$G$19=$B$24,21,0),MOD($C3116,24)+1)/SUM(INDEX($D$3:$AA$30,INDEX(Jesper!$R$2:$R$366,ROW(INDEX(Jesper!AI$2:AI$366,ROUNDDOWN($C3116/24,0)+1,1))-1)+IF('Standard Profiles'!$G$19=$B$10,7,0)+IF('Standard Profiles'!$G$19=$B$17,14,0)+IF('Standard Profiles'!$G$19=$B$24,21,0),0)),0)</f>
        <v>0</v>
      </c>
      <c r="F3116" cm="1">
        <f t="array" ref="F3116">IFERROR(INDEX(Jesper!AJ$2:AJ$366,ROUNDDOWN($C3116/24,0)+1,1)*INDEX($D$3:$AA$30,INDEX(Jesper!$R$2:$R$366,ROW(INDEX(Jesper!AJ$2:AJ$366,ROUNDDOWN($C3116/24,0)+1,1))-1)+IF('Standard Profiles'!$G$20=$B$10,7,0)+IF('Standard Profiles'!$G$20=$B$17,14,0)+IF('Standard Profiles'!$G$20=$B$24,21,0),MOD($C3116,24)+1)/SUM(INDEX($D$3:$AA$30,INDEX(Jesper!$R$2:$R$366,ROW(INDEX(Jesper!AJ$2:AJ$366,ROUNDDOWN($C3116/24,0)+1,1))-1)+IF('Standard Profiles'!$G$20=$B$10,7,0)+IF('Standard Profiles'!$G$20=$B$17,14,0)+IF('Standard Profiles'!$G$20=$B$24,21,0),0)),0)</f>
        <v>0</v>
      </c>
      <c r="G3116" cm="1">
        <f t="array" ref="G3116">IFERROR(INDEX(Jesper!AK$2:AK$366,ROUNDDOWN($C3116/24,0)+1,1)*INDEX($D$3:$AA$30,INDEX(Jesper!$R$2:$R$366,ROW(INDEX(Jesper!AK$2:AK$366,ROUNDDOWN($C3116/24,0)+1,1))-1)+IF('Standard Profiles'!$G$21=$B$10,7,0)+IF('Standard Profiles'!$G$21=$B$17,14,0)+IF('Standard Profiles'!$G$21=$B$24,21,0),MOD($C3116,24)+1)/SUM(INDEX($D$3:$AA$30,INDEX(Jesper!$R$2:$R$366,ROW(INDEX(Jesper!AK$2:AK$366,ROUNDDOWN($C3116/24,0)+1,1))-1)+IF('Standard Profiles'!$G$21=$B$10,7,0)+IF('Standard Profiles'!$G$21=$B$17,14,0)+IF('Standard Profiles'!$G$21=$B$24,21,0),0)),0)</f>
        <v>0</v>
      </c>
      <c r="H3116" cm="1">
        <f t="array" ref="H3116">IFERROR(INDEX(Jesper!AL$2:AL$366,ROUNDDOWN($C3116/24,0)+1,1)*INDEX($D$3:$AA$30,INDEX(Jesper!$R$2:$R$366,ROW(INDEX(Jesper!AL$2:AL$366,ROUNDDOWN($C3116/24,0)+1,1))-1)+IF('Standard Profiles'!$G$22=$B$10,7,0)+IF('Standard Profiles'!$G$22=$B$17,14,0)+IF('Standard Profiles'!$G$22=$B$24,21,0),MOD($C3116,24)+1)/SUM(INDEX($D$3:$AA$30,INDEX(Jesper!$R$2:$R$366,ROW(INDEX(Jesper!AL$2:AL$366,ROUNDDOWN($C3116/24,0)+1,1))-1)+IF('Standard Profiles'!$G$22=$B$10,7,0)+IF('Standard Profiles'!$G$22=$B$17,14,0)+IF('Standard Profiles'!$G$22=$B$24,21,0),0)),0)</f>
        <v>0</v>
      </c>
      <c r="I3116">
        <f t="shared" si="356"/>
        <v>0.36531909169176913</v>
      </c>
      <c r="J3116">
        <f t="shared" si="357"/>
        <v>1.2177303056392306</v>
      </c>
      <c r="K3116">
        <f t="shared" si="358"/>
        <v>1.8265954584588455</v>
      </c>
      <c r="L3116">
        <f t="shared" si="359"/>
        <v>8.7676582006024582</v>
      </c>
      <c r="M3116">
        <f t="shared" si="360"/>
        <v>0</v>
      </c>
      <c r="N3116" s="46">
        <f t="shared" si="361"/>
        <v>45420.416666659192</v>
      </c>
    </row>
    <row r="3117" spans="2:14" x14ac:dyDescent="0.3">
      <c r="B3117">
        <f t="shared" si="355"/>
        <v>3</v>
      </c>
      <c r="C3117" s="16">
        <v>3083</v>
      </c>
      <c r="D3117" cm="1">
        <f t="array" ref="D3117">IFERROR(INDEX(Jesper!AH$2:AH$366,ROUNDDOWN($C3117/24,0)+1,1)*INDEX($D$3:$AA$30,INDEX(Jesper!$R$2:$R$366,ROW(INDEX(Jesper!AH$2:AH$366,ROUNDDOWN($C3117/24,0)+1,1))-1)+IF('Standard Profiles'!$G$18=$B$10,7,0)+IF('Standard Profiles'!$G$18=$B$17,14,0)+IF('Standard Profiles'!$G$18=$B$24,21,0),MOD($C3117,24)+1)/SUM(INDEX($D$3:$AA$30,INDEX(Jesper!$R$2:$R$366,ROW(INDEX(Jesper!AH$2:AH$366,ROUNDDOWN($C3117/24,0)+1,1))-1)+IF('Standard Profiles'!$G$18=$B$10,7,0)+IF('Standard Profiles'!$G$18=$B$17,14,0)+IF('Standard Profiles'!$G$18=$B$24,21,0),0)),0)</f>
        <v>14.050734295837273</v>
      </c>
      <c r="E3117" cm="1">
        <f t="array" ref="E3117">IFERROR(INDEX(Jesper!AI$2:AI$366,ROUNDDOWN($C3117/24,0)+1,1)*INDEX($D$3:$AA$30,INDEX(Jesper!$R$2:$R$366,ROW(INDEX(Jesper!AI$2:AI$366,ROUNDDOWN($C3117/24,0)+1,1))-1)+IF('Standard Profiles'!$G$19=$B$10,7,0)+IF('Standard Profiles'!$G$19=$B$17,14,0)+IF('Standard Profiles'!$G$19=$B$24,21,0),MOD($C3117,24)+1)/SUM(INDEX($D$3:$AA$30,INDEX(Jesper!$R$2:$R$366,ROW(INDEX(Jesper!AI$2:AI$366,ROUNDDOWN($C3117/24,0)+1,1))-1)+IF('Standard Profiles'!$G$19=$B$10,7,0)+IF('Standard Profiles'!$G$19=$B$17,14,0)+IF('Standard Profiles'!$G$19=$B$24,21,0),0)),0)</f>
        <v>0</v>
      </c>
      <c r="F3117" cm="1">
        <f t="array" ref="F3117">IFERROR(INDEX(Jesper!AJ$2:AJ$366,ROUNDDOWN($C3117/24,0)+1,1)*INDEX($D$3:$AA$30,INDEX(Jesper!$R$2:$R$366,ROW(INDEX(Jesper!AJ$2:AJ$366,ROUNDDOWN($C3117/24,0)+1,1))-1)+IF('Standard Profiles'!$G$20=$B$10,7,0)+IF('Standard Profiles'!$G$20=$B$17,14,0)+IF('Standard Profiles'!$G$20=$B$24,21,0),MOD($C3117,24)+1)/SUM(INDEX($D$3:$AA$30,INDEX(Jesper!$R$2:$R$366,ROW(INDEX(Jesper!AJ$2:AJ$366,ROUNDDOWN($C3117/24,0)+1,1))-1)+IF('Standard Profiles'!$G$20=$B$10,7,0)+IF('Standard Profiles'!$G$20=$B$17,14,0)+IF('Standard Profiles'!$G$20=$B$24,21,0),0)),0)</f>
        <v>0</v>
      </c>
      <c r="G3117" cm="1">
        <f t="array" ref="G3117">IFERROR(INDEX(Jesper!AK$2:AK$366,ROUNDDOWN($C3117/24,0)+1,1)*INDEX($D$3:$AA$30,INDEX(Jesper!$R$2:$R$366,ROW(INDEX(Jesper!AK$2:AK$366,ROUNDDOWN($C3117/24,0)+1,1))-1)+IF('Standard Profiles'!$G$21=$B$10,7,0)+IF('Standard Profiles'!$G$21=$B$17,14,0)+IF('Standard Profiles'!$G$21=$B$24,21,0),MOD($C3117,24)+1)/SUM(INDEX($D$3:$AA$30,INDEX(Jesper!$R$2:$R$366,ROW(INDEX(Jesper!AK$2:AK$366,ROUNDDOWN($C3117/24,0)+1,1))-1)+IF('Standard Profiles'!$G$21=$B$10,7,0)+IF('Standard Profiles'!$G$21=$B$17,14,0)+IF('Standard Profiles'!$G$21=$B$24,21,0),0)),0)</f>
        <v>0</v>
      </c>
      <c r="H3117" cm="1">
        <f t="array" ref="H3117">IFERROR(INDEX(Jesper!AL$2:AL$366,ROUNDDOWN($C3117/24,0)+1,1)*INDEX($D$3:$AA$30,INDEX(Jesper!$R$2:$R$366,ROW(INDEX(Jesper!AL$2:AL$366,ROUNDDOWN($C3117/24,0)+1,1))-1)+IF('Standard Profiles'!$G$22=$B$10,7,0)+IF('Standard Profiles'!$G$22=$B$17,14,0)+IF('Standard Profiles'!$G$22=$B$24,21,0),MOD($C3117,24)+1)/SUM(INDEX($D$3:$AA$30,INDEX(Jesper!$R$2:$R$366,ROW(INDEX(Jesper!AL$2:AL$366,ROUNDDOWN($C3117/24,0)+1,1))-1)+IF('Standard Profiles'!$G$22=$B$10,7,0)+IF('Standard Profiles'!$G$22=$B$17,14,0)+IF('Standard Profiles'!$G$22=$B$24,21,0),0)),0)</f>
        <v>0</v>
      </c>
      <c r="I3117">
        <f t="shared" si="356"/>
        <v>0.42152202887511819</v>
      </c>
      <c r="J3117">
        <f t="shared" si="357"/>
        <v>1.4050734295837275</v>
      </c>
      <c r="K3117">
        <f t="shared" si="358"/>
        <v>2.1076101443755908</v>
      </c>
      <c r="L3117">
        <f t="shared" si="359"/>
        <v>10.116528693002836</v>
      </c>
      <c r="M3117">
        <f t="shared" si="360"/>
        <v>0</v>
      </c>
      <c r="N3117" s="46">
        <f t="shared" si="361"/>
        <v>45420.458333325856</v>
      </c>
    </row>
    <row r="3118" spans="2:14" x14ac:dyDescent="0.3">
      <c r="B3118">
        <f t="shared" si="355"/>
        <v>3</v>
      </c>
      <c r="C3118" s="16">
        <v>3084</v>
      </c>
      <c r="D3118" cm="1">
        <f t="array" ref="D3118">IFERROR(INDEX(Jesper!AH$2:AH$366,ROUNDDOWN($C3118/24,0)+1,1)*INDEX($D$3:$AA$30,INDEX(Jesper!$R$2:$R$366,ROW(INDEX(Jesper!AH$2:AH$366,ROUNDDOWN($C3118/24,0)+1,1))-1)+IF('Standard Profiles'!$G$18=$B$10,7,0)+IF('Standard Profiles'!$G$18=$B$17,14,0)+IF('Standard Profiles'!$G$18=$B$24,21,0),MOD($C3118,24)+1)/SUM(INDEX($D$3:$AA$30,INDEX(Jesper!$R$2:$R$366,ROW(INDEX(Jesper!AH$2:AH$366,ROUNDDOWN($C3118/24,0)+1,1))-1)+IF('Standard Profiles'!$G$18=$B$10,7,0)+IF('Standard Profiles'!$G$18=$B$17,14,0)+IF('Standard Profiles'!$G$18=$B$24,21,0),0)),0)</f>
        <v>14.050734295837273</v>
      </c>
      <c r="E3118" cm="1">
        <f t="array" ref="E3118">IFERROR(INDEX(Jesper!AI$2:AI$366,ROUNDDOWN($C3118/24,0)+1,1)*INDEX($D$3:$AA$30,INDEX(Jesper!$R$2:$R$366,ROW(INDEX(Jesper!AI$2:AI$366,ROUNDDOWN($C3118/24,0)+1,1))-1)+IF('Standard Profiles'!$G$19=$B$10,7,0)+IF('Standard Profiles'!$G$19=$B$17,14,0)+IF('Standard Profiles'!$G$19=$B$24,21,0),MOD($C3118,24)+1)/SUM(INDEX($D$3:$AA$30,INDEX(Jesper!$R$2:$R$366,ROW(INDEX(Jesper!AI$2:AI$366,ROUNDDOWN($C3118/24,0)+1,1))-1)+IF('Standard Profiles'!$G$19=$B$10,7,0)+IF('Standard Profiles'!$G$19=$B$17,14,0)+IF('Standard Profiles'!$G$19=$B$24,21,0),0)),0)</f>
        <v>0</v>
      </c>
      <c r="F3118" cm="1">
        <f t="array" ref="F3118">IFERROR(INDEX(Jesper!AJ$2:AJ$366,ROUNDDOWN($C3118/24,0)+1,1)*INDEX($D$3:$AA$30,INDEX(Jesper!$R$2:$R$366,ROW(INDEX(Jesper!AJ$2:AJ$366,ROUNDDOWN($C3118/24,0)+1,1))-1)+IF('Standard Profiles'!$G$20=$B$10,7,0)+IF('Standard Profiles'!$G$20=$B$17,14,0)+IF('Standard Profiles'!$G$20=$B$24,21,0),MOD($C3118,24)+1)/SUM(INDEX($D$3:$AA$30,INDEX(Jesper!$R$2:$R$366,ROW(INDEX(Jesper!AJ$2:AJ$366,ROUNDDOWN($C3118/24,0)+1,1))-1)+IF('Standard Profiles'!$G$20=$B$10,7,0)+IF('Standard Profiles'!$G$20=$B$17,14,0)+IF('Standard Profiles'!$G$20=$B$24,21,0),0)),0)</f>
        <v>0</v>
      </c>
      <c r="G3118" cm="1">
        <f t="array" ref="G3118">IFERROR(INDEX(Jesper!AK$2:AK$366,ROUNDDOWN($C3118/24,0)+1,1)*INDEX($D$3:$AA$30,INDEX(Jesper!$R$2:$R$366,ROW(INDEX(Jesper!AK$2:AK$366,ROUNDDOWN($C3118/24,0)+1,1))-1)+IF('Standard Profiles'!$G$21=$B$10,7,0)+IF('Standard Profiles'!$G$21=$B$17,14,0)+IF('Standard Profiles'!$G$21=$B$24,21,0),MOD($C3118,24)+1)/SUM(INDEX($D$3:$AA$30,INDEX(Jesper!$R$2:$R$366,ROW(INDEX(Jesper!AK$2:AK$366,ROUNDDOWN($C3118/24,0)+1,1))-1)+IF('Standard Profiles'!$G$21=$B$10,7,0)+IF('Standard Profiles'!$G$21=$B$17,14,0)+IF('Standard Profiles'!$G$21=$B$24,21,0),0)),0)</f>
        <v>0</v>
      </c>
      <c r="H3118" cm="1">
        <f t="array" ref="H3118">IFERROR(INDEX(Jesper!AL$2:AL$366,ROUNDDOWN($C3118/24,0)+1,1)*INDEX($D$3:$AA$30,INDEX(Jesper!$R$2:$R$366,ROW(INDEX(Jesper!AL$2:AL$366,ROUNDDOWN($C3118/24,0)+1,1))-1)+IF('Standard Profiles'!$G$22=$B$10,7,0)+IF('Standard Profiles'!$G$22=$B$17,14,0)+IF('Standard Profiles'!$G$22=$B$24,21,0),MOD($C3118,24)+1)/SUM(INDEX($D$3:$AA$30,INDEX(Jesper!$R$2:$R$366,ROW(INDEX(Jesper!AL$2:AL$366,ROUNDDOWN($C3118/24,0)+1,1))-1)+IF('Standard Profiles'!$G$22=$B$10,7,0)+IF('Standard Profiles'!$G$22=$B$17,14,0)+IF('Standard Profiles'!$G$22=$B$24,21,0),0)),0)</f>
        <v>0</v>
      </c>
      <c r="I3118">
        <f t="shared" si="356"/>
        <v>0.42152202887511819</v>
      </c>
      <c r="J3118">
        <f t="shared" si="357"/>
        <v>1.4050734295837275</v>
      </c>
      <c r="K3118">
        <f t="shared" si="358"/>
        <v>2.1076101443755908</v>
      </c>
      <c r="L3118">
        <f t="shared" si="359"/>
        <v>10.116528693002836</v>
      </c>
      <c r="M3118">
        <f t="shared" si="360"/>
        <v>0</v>
      </c>
      <c r="N3118" s="46">
        <f t="shared" si="361"/>
        <v>45420.49999999252</v>
      </c>
    </row>
    <row r="3119" spans="2:14" x14ac:dyDescent="0.3">
      <c r="B3119">
        <f t="shared" si="355"/>
        <v>3</v>
      </c>
      <c r="C3119" s="16">
        <v>3085</v>
      </c>
      <c r="D3119" cm="1">
        <f t="array" ref="D3119">IFERROR(INDEX(Jesper!AH$2:AH$366,ROUNDDOWN($C3119/24,0)+1,1)*INDEX($D$3:$AA$30,INDEX(Jesper!$R$2:$R$366,ROW(INDEX(Jesper!AH$2:AH$366,ROUNDDOWN($C3119/24,0)+1,1))-1)+IF('Standard Profiles'!$G$18=$B$10,7,0)+IF('Standard Profiles'!$G$18=$B$17,14,0)+IF('Standard Profiles'!$G$18=$B$24,21,0),MOD($C3119,24)+1)/SUM(INDEX($D$3:$AA$30,INDEX(Jesper!$R$2:$R$366,ROW(INDEX(Jesper!AH$2:AH$366,ROUNDDOWN($C3119/24,0)+1,1))-1)+IF('Standard Profiles'!$G$18=$B$10,7,0)+IF('Standard Profiles'!$G$18=$B$17,14,0)+IF('Standard Profiles'!$G$18=$B$24,21,0),0)),0)</f>
        <v>14.050734295837273</v>
      </c>
      <c r="E3119" cm="1">
        <f t="array" ref="E3119">IFERROR(INDEX(Jesper!AI$2:AI$366,ROUNDDOWN($C3119/24,0)+1,1)*INDEX($D$3:$AA$30,INDEX(Jesper!$R$2:$R$366,ROW(INDEX(Jesper!AI$2:AI$366,ROUNDDOWN($C3119/24,0)+1,1))-1)+IF('Standard Profiles'!$G$19=$B$10,7,0)+IF('Standard Profiles'!$G$19=$B$17,14,0)+IF('Standard Profiles'!$G$19=$B$24,21,0),MOD($C3119,24)+1)/SUM(INDEX($D$3:$AA$30,INDEX(Jesper!$R$2:$R$366,ROW(INDEX(Jesper!AI$2:AI$366,ROUNDDOWN($C3119/24,0)+1,1))-1)+IF('Standard Profiles'!$G$19=$B$10,7,0)+IF('Standard Profiles'!$G$19=$B$17,14,0)+IF('Standard Profiles'!$G$19=$B$24,21,0),0)),0)</f>
        <v>0</v>
      </c>
      <c r="F3119" cm="1">
        <f t="array" ref="F3119">IFERROR(INDEX(Jesper!AJ$2:AJ$366,ROUNDDOWN($C3119/24,0)+1,1)*INDEX($D$3:$AA$30,INDEX(Jesper!$R$2:$R$366,ROW(INDEX(Jesper!AJ$2:AJ$366,ROUNDDOWN($C3119/24,0)+1,1))-1)+IF('Standard Profiles'!$G$20=$B$10,7,0)+IF('Standard Profiles'!$G$20=$B$17,14,0)+IF('Standard Profiles'!$G$20=$B$24,21,0),MOD($C3119,24)+1)/SUM(INDEX($D$3:$AA$30,INDEX(Jesper!$R$2:$R$366,ROW(INDEX(Jesper!AJ$2:AJ$366,ROUNDDOWN($C3119/24,0)+1,1))-1)+IF('Standard Profiles'!$G$20=$B$10,7,0)+IF('Standard Profiles'!$G$20=$B$17,14,0)+IF('Standard Profiles'!$G$20=$B$24,21,0),0)),0)</f>
        <v>0</v>
      </c>
      <c r="G3119" cm="1">
        <f t="array" ref="G3119">IFERROR(INDEX(Jesper!AK$2:AK$366,ROUNDDOWN($C3119/24,0)+1,1)*INDEX($D$3:$AA$30,INDEX(Jesper!$R$2:$R$366,ROW(INDEX(Jesper!AK$2:AK$366,ROUNDDOWN($C3119/24,0)+1,1))-1)+IF('Standard Profiles'!$G$21=$B$10,7,0)+IF('Standard Profiles'!$G$21=$B$17,14,0)+IF('Standard Profiles'!$G$21=$B$24,21,0),MOD($C3119,24)+1)/SUM(INDEX($D$3:$AA$30,INDEX(Jesper!$R$2:$R$366,ROW(INDEX(Jesper!AK$2:AK$366,ROUNDDOWN($C3119/24,0)+1,1))-1)+IF('Standard Profiles'!$G$21=$B$10,7,0)+IF('Standard Profiles'!$G$21=$B$17,14,0)+IF('Standard Profiles'!$G$21=$B$24,21,0),0)),0)</f>
        <v>0</v>
      </c>
      <c r="H3119" cm="1">
        <f t="array" ref="H3119">IFERROR(INDEX(Jesper!AL$2:AL$366,ROUNDDOWN($C3119/24,0)+1,1)*INDEX($D$3:$AA$30,INDEX(Jesper!$R$2:$R$366,ROW(INDEX(Jesper!AL$2:AL$366,ROUNDDOWN($C3119/24,0)+1,1))-1)+IF('Standard Profiles'!$G$22=$B$10,7,0)+IF('Standard Profiles'!$G$22=$B$17,14,0)+IF('Standard Profiles'!$G$22=$B$24,21,0),MOD($C3119,24)+1)/SUM(INDEX($D$3:$AA$30,INDEX(Jesper!$R$2:$R$366,ROW(INDEX(Jesper!AL$2:AL$366,ROUNDDOWN($C3119/24,0)+1,1))-1)+IF('Standard Profiles'!$G$22=$B$10,7,0)+IF('Standard Profiles'!$G$22=$B$17,14,0)+IF('Standard Profiles'!$G$22=$B$24,21,0),0)),0)</f>
        <v>0</v>
      </c>
      <c r="I3119">
        <f t="shared" si="356"/>
        <v>0.42152202887511819</v>
      </c>
      <c r="J3119">
        <f t="shared" si="357"/>
        <v>1.4050734295837275</v>
      </c>
      <c r="K3119">
        <f t="shared" si="358"/>
        <v>2.1076101443755908</v>
      </c>
      <c r="L3119">
        <f t="shared" si="359"/>
        <v>10.116528693002836</v>
      </c>
      <c r="M3119">
        <f t="shared" si="360"/>
        <v>0</v>
      </c>
      <c r="N3119" s="46">
        <f t="shared" si="361"/>
        <v>45420.541666659185</v>
      </c>
    </row>
    <row r="3120" spans="2:14" x14ac:dyDescent="0.3">
      <c r="B3120">
        <f t="shared" si="355"/>
        <v>3</v>
      </c>
      <c r="C3120" s="16">
        <v>3086</v>
      </c>
      <c r="D3120" cm="1">
        <f t="array" ref="D3120">IFERROR(INDEX(Jesper!AH$2:AH$366,ROUNDDOWN($C3120/24,0)+1,1)*INDEX($D$3:$AA$30,INDEX(Jesper!$R$2:$R$366,ROW(INDEX(Jesper!AH$2:AH$366,ROUNDDOWN($C3120/24,0)+1,1))-1)+IF('Standard Profiles'!$G$18=$B$10,7,0)+IF('Standard Profiles'!$G$18=$B$17,14,0)+IF('Standard Profiles'!$G$18=$B$24,21,0),MOD($C3120,24)+1)/SUM(INDEX($D$3:$AA$30,INDEX(Jesper!$R$2:$R$366,ROW(INDEX(Jesper!AH$2:AH$366,ROUNDDOWN($C3120/24,0)+1,1))-1)+IF('Standard Profiles'!$G$18=$B$10,7,0)+IF('Standard Profiles'!$G$18=$B$17,14,0)+IF('Standard Profiles'!$G$18=$B$24,21,0),0)),0)</f>
        <v>14.050734295837273</v>
      </c>
      <c r="E3120" cm="1">
        <f t="array" ref="E3120">IFERROR(INDEX(Jesper!AI$2:AI$366,ROUNDDOWN($C3120/24,0)+1,1)*INDEX($D$3:$AA$30,INDEX(Jesper!$R$2:$R$366,ROW(INDEX(Jesper!AI$2:AI$366,ROUNDDOWN($C3120/24,0)+1,1))-1)+IF('Standard Profiles'!$G$19=$B$10,7,0)+IF('Standard Profiles'!$G$19=$B$17,14,0)+IF('Standard Profiles'!$G$19=$B$24,21,0),MOD($C3120,24)+1)/SUM(INDEX($D$3:$AA$30,INDEX(Jesper!$R$2:$R$366,ROW(INDEX(Jesper!AI$2:AI$366,ROUNDDOWN($C3120/24,0)+1,1))-1)+IF('Standard Profiles'!$G$19=$B$10,7,0)+IF('Standard Profiles'!$G$19=$B$17,14,0)+IF('Standard Profiles'!$G$19=$B$24,21,0),0)),0)</f>
        <v>0</v>
      </c>
      <c r="F3120" cm="1">
        <f t="array" ref="F3120">IFERROR(INDEX(Jesper!AJ$2:AJ$366,ROUNDDOWN($C3120/24,0)+1,1)*INDEX($D$3:$AA$30,INDEX(Jesper!$R$2:$R$366,ROW(INDEX(Jesper!AJ$2:AJ$366,ROUNDDOWN($C3120/24,0)+1,1))-1)+IF('Standard Profiles'!$G$20=$B$10,7,0)+IF('Standard Profiles'!$G$20=$B$17,14,0)+IF('Standard Profiles'!$G$20=$B$24,21,0),MOD($C3120,24)+1)/SUM(INDEX($D$3:$AA$30,INDEX(Jesper!$R$2:$R$366,ROW(INDEX(Jesper!AJ$2:AJ$366,ROUNDDOWN($C3120/24,0)+1,1))-1)+IF('Standard Profiles'!$G$20=$B$10,7,0)+IF('Standard Profiles'!$G$20=$B$17,14,0)+IF('Standard Profiles'!$G$20=$B$24,21,0),0)),0)</f>
        <v>0</v>
      </c>
      <c r="G3120" cm="1">
        <f t="array" ref="G3120">IFERROR(INDEX(Jesper!AK$2:AK$366,ROUNDDOWN($C3120/24,0)+1,1)*INDEX($D$3:$AA$30,INDEX(Jesper!$R$2:$R$366,ROW(INDEX(Jesper!AK$2:AK$366,ROUNDDOWN($C3120/24,0)+1,1))-1)+IF('Standard Profiles'!$G$21=$B$10,7,0)+IF('Standard Profiles'!$G$21=$B$17,14,0)+IF('Standard Profiles'!$G$21=$B$24,21,0),MOD($C3120,24)+1)/SUM(INDEX($D$3:$AA$30,INDEX(Jesper!$R$2:$R$366,ROW(INDEX(Jesper!AK$2:AK$366,ROUNDDOWN($C3120/24,0)+1,1))-1)+IF('Standard Profiles'!$G$21=$B$10,7,0)+IF('Standard Profiles'!$G$21=$B$17,14,0)+IF('Standard Profiles'!$G$21=$B$24,21,0),0)),0)</f>
        <v>0</v>
      </c>
      <c r="H3120" cm="1">
        <f t="array" ref="H3120">IFERROR(INDEX(Jesper!AL$2:AL$366,ROUNDDOWN($C3120/24,0)+1,1)*INDEX($D$3:$AA$30,INDEX(Jesper!$R$2:$R$366,ROW(INDEX(Jesper!AL$2:AL$366,ROUNDDOWN($C3120/24,0)+1,1))-1)+IF('Standard Profiles'!$G$22=$B$10,7,0)+IF('Standard Profiles'!$G$22=$B$17,14,0)+IF('Standard Profiles'!$G$22=$B$24,21,0),MOD($C3120,24)+1)/SUM(INDEX($D$3:$AA$30,INDEX(Jesper!$R$2:$R$366,ROW(INDEX(Jesper!AL$2:AL$366,ROUNDDOWN($C3120/24,0)+1,1))-1)+IF('Standard Profiles'!$G$22=$B$10,7,0)+IF('Standard Profiles'!$G$22=$B$17,14,0)+IF('Standard Profiles'!$G$22=$B$24,21,0),0)),0)</f>
        <v>0</v>
      </c>
      <c r="I3120">
        <f t="shared" si="356"/>
        <v>0.42152202887511819</v>
      </c>
      <c r="J3120">
        <f t="shared" si="357"/>
        <v>1.4050734295837275</v>
      </c>
      <c r="K3120">
        <f t="shared" si="358"/>
        <v>2.1076101443755908</v>
      </c>
      <c r="L3120">
        <f t="shared" si="359"/>
        <v>10.116528693002836</v>
      </c>
      <c r="M3120">
        <f t="shared" si="360"/>
        <v>0</v>
      </c>
      <c r="N3120" s="46">
        <f t="shared" si="361"/>
        <v>45420.583333325849</v>
      </c>
    </row>
    <row r="3121" spans="2:14" x14ac:dyDescent="0.3">
      <c r="B3121">
        <f t="shared" si="355"/>
        <v>3</v>
      </c>
      <c r="C3121" s="16">
        <v>3087</v>
      </c>
      <c r="D3121" cm="1">
        <f t="array" ref="D3121">IFERROR(INDEX(Jesper!AH$2:AH$366,ROUNDDOWN($C3121/24,0)+1,1)*INDEX($D$3:$AA$30,INDEX(Jesper!$R$2:$R$366,ROW(INDEX(Jesper!AH$2:AH$366,ROUNDDOWN($C3121/24,0)+1,1))-1)+IF('Standard Profiles'!$G$18=$B$10,7,0)+IF('Standard Profiles'!$G$18=$B$17,14,0)+IF('Standard Profiles'!$G$18=$B$24,21,0),MOD($C3121,24)+1)/SUM(INDEX($D$3:$AA$30,INDEX(Jesper!$R$2:$R$366,ROW(INDEX(Jesper!AH$2:AH$366,ROUNDDOWN($C3121/24,0)+1,1))-1)+IF('Standard Profiles'!$G$18=$B$10,7,0)+IF('Standard Profiles'!$G$18=$B$17,14,0)+IF('Standard Profiles'!$G$18=$B$24,21,0),0)),0)</f>
        <v>14.050734295837273</v>
      </c>
      <c r="E3121" cm="1">
        <f t="array" ref="E3121">IFERROR(INDEX(Jesper!AI$2:AI$366,ROUNDDOWN($C3121/24,0)+1,1)*INDEX($D$3:$AA$30,INDEX(Jesper!$R$2:$R$366,ROW(INDEX(Jesper!AI$2:AI$366,ROUNDDOWN($C3121/24,0)+1,1))-1)+IF('Standard Profiles'!$G$19=$B$10,7,0)+IF('Standard Profiles'!$G$19=$B$17,14,0)+IF('Standard Profiles'!$G$19=$B$24,21,0),MOD($C3121,24)+1)/SUM(INDEX($D$3:$AA$30,INDEX(Jesper!$R$2:$R$366,ROW(INDEX(Jesper!AI$2:AI$366,ROUNDDOWN($C3121/24,0)+1,1))-1)+IF('Standard Profiles'!$G$19=$B$10,7,0)+IF('Standard Profiles'!$G$19=$B$17,14,0)+IF('Standard Profiles'!$G$19=$B$24,21,0),0)),0)</f>
        <v>0</v>
      </c>
      <c r="F3121" cm="1">
        <f t="array" ref="F3121">IFERROR(INDEX(Jesper!AJ$2:AJ$366,ROUNDDOWN($C3121/24,0)+1,1)*INDEX($D$3:$AA$30,INDEX(Jesper!$R$2:$R$366,ROW(INDEX(Jesper!AJ$2:AJ$366,ROUNDDOWN($C3121/24,0)+1,1))-1)+IF('Standard Profiles'!$G$20=$B$10,7,0)+IF('Standard Profiles'!$G$20=$B$17,14,0)+IF('Standard Profiles'!$G$20=$B$24,21,0),MOD($C3121,24)+1)/SUM(INDEX($D$3:$AA$30,INDEX(Jesper!$R$2:$R$366,ROW(INDEX(Jesper!AJ$2:AJ$366,ROUNDDOWN($C3121/24,0)+1,1))-1)+IF('Standard Profiles'!$G$20=$B$10,7,0)+IF('Standard Profiles'!$G$20=$B$17,14,0)+IF('Standard Profiles'!$G$20=$B$24,21,0),0)),0)</f>
        <v>0</v>
      </c>
      <c r="G3121" cm="1">
        <f t="array" ref="G3121">IFERROR(INDEX(Jesper!AK$2:AK$366,ROUNDDOWN($C3121/24,0)+1,1)*INDEX($D$3:$AA$30,INDEX(Jesper!$R$2:$R$366,ROW(INDEX(Jesper!AK$2:AK$366,ROUNDDOWN($C3121/24,0)+1,1))-1)+IF('Standard Profiles'!$G$21=$B$10,7,0)+IF('Standard Profiles'!$G$21=$B$17,14,0)+IF('Standard Profiles'!$G$21=$B$24,21,0),MOD($C3121,24)+1)/SUM(INDEX($D$3:$AA$30,INDEX(Jesper!$R$2:$R$366,ROW(INDEX(Jesper!AK$2:AK$366,ROUNDDOWN($C3121/24,0)+1,1))-1)+IF('Standard Profiles'!$G$21=$B$10,7,0)+IF('Standard Profiles'!$G$21=$B$17,14,0)+IF('Standard Profiles'!$G$21=$B$24,21,0),0)),0)</f>
        <v>0</v>
      </c>
      <c r="H3121" cm="1">
        <f t="array" ref="H3121">IFERROR(INDEX(Jesper!AL$2:AL$366,ROUNDDOWN($C3121/24,0)+1,1)*INDEX($D$3:$AA$30,INDEX(Jesper!$R$2:$R$366,ROW(INDEX(Jesper!AL$2:AL$366,ROUNDDOWN($C3121/24,0)+1,1))-1)+IF('Standard Profiles'!$G$22=$B$10,7,0)+IF('Standard Profiles'!$G$22=$B$17,14,0)+IF('Standard Profiles'!$G$22=$B$24,21,0),MOD($C3121,24)+1)/SUM(INDEX($D$3:$AA$30,INDEX(Jesper!$R$2:$R$366,ROW(INDEX(Jesper!AL$2:AL$366,ROUNDDOWN($C3121/24,0)+1,1))-1)+IF('Standard Profiles'!$G$22=$B$10,7,0)+IF('Standard Profiles'!$G$22=$B$17,14,0)+IF('Standard Profiles'!$G$22=$B$24,21,0),0)),0)</f>
        <v>0</v>
      </c>
      <c r="I3121">
        <f t="shared" si="356"/>
        <v>0.42152202887511819</v>
      </c>
      <c r="J3121">
        <f t="shared" si="357"/>
        <v>1.4050734295837275</v>
      </c>
      <c r="K3121">
        <f t="shared" si="358"/>
        <v>2.1076101443755908</v>
      </c>
      <c r="L3121">
        <f t="shared" si="359"/>
        <v>10.116528693002836</v>
      </c>
      <c r="M3121">
        <f t="shared" si="360"/>
        <v>0</v>
      </c>
      <c r="N3121" s="46">
        <f t="shared" si="361"/>
        <v>45420.624999992513</v>
      </c>
    </row>
    <row r="3122" spans="2:14" x14ac:dyDescent="0.3">
      <c r="B3122">
        <f t="shared" si="355"/>
        <v>3</v>
      </c>
      <c r="C3122" s="16">
        <v>3088</v>
      </c>
      <c r="D3122" cm="1">
        <f t="array" ref="D3122">IFERROR(INDEX(Jesper!AH$2:AH$366,ROUNDDOWN($C3122/24,0)+1,1)*INDEX($D$3:$AA$30,INDEX(Jesper!$R$2:$R$366,ROW(INDEX(Jesper!AH$2:AH$366,ROUNDDOWN($C3122/24,0)+1,1))-1)+IF('Standard Profiles'!$G$18=$B$10,7,0)+IF('Standard Profiles'!$G$18=$B$17,14,0)+IF('Standard Profiles'!$G$18=$B$24,21,0),MOD($C3122,24)+1)/SUM(INDEX($D$3:$AA$30,INDEX(Jesper!$R$2:$R$366,ROW(INDEX(Jesper!AH$2:AH$366,ROUNDDOWN($C3122/24,0)+1,1))-1)+IF('Standard Profiles'!$G$18=$B$10,7,0)+IF('Standard Profiles'!$G$18=$B$17,14,0)+IF('Standard Profiles'!$G$18=$B$24,21,0),0)),0)</f>
        <v>14.050734295837273</v>
      </c>
      <c r="E3122" cm="1">
        <f t="array" ref="E3122">IFERROR(INDEX(Jesper!AI$2:AI$366,ROUNDDOWN($C3122/24,0)+1,1)*INDEX($D$3:$AA$30,INDEX(Jesper!$R$2:$R$366,ROW(INDEX(Jesper!AI$2:AI$366,ROUNDDOWN($C3122/24,0)+1,1))-1)+IF('Standard Profiles'!$G$19=$B$10,7,0)+IF('Standard Profiles'!$G$19=$B$17,14,0)+IF('Standard Profiles'!$G$19=$B$24,21,0),MOD($C3122,24)+1)/SUM(INDEX($D$3:$AA$30,INDEX(Jesper!$R$2:$R$366,ROW(INDEX(Jesper!AI$2:AI$366,ROUNDDOWN($C3122/24,0)+1,1))-1)+IF('Standard Profiles'!$G$19=$B$10,7,0)+IF('Standard Profiles'!$G$19=$B$17,14,0)+IF('Standard Profiles'!$G$19=$B$24,21,0),0)),0)</f>
        <v>0</v>
      </c>
      <c r="F3122" cm="1">
        <f t="array" ref="F3122">IFERROR(INDEX(Jesper!AJ$2:AJ$366,ROUNDDOWN($C3122/24,0)+1,1)*INDEX($D$3:$AA$30,INDEX(Jesper!$R$2:$R$366,ROW(INDEX(Jesper!AJ$2:AJ$366,ROUNDDOWN($C3122/24,0)+1,1))-1)+IF('Standard Profiles'!$G$20=$B$10,7,0)+IF('Standard Profiles'!$G$20=$B$17,14,0)+IF('Standard Profiles'!$G$20=$B$24,21,0),MOD($C3122,24)+1)/SUM(INDEX($D$3:$AA$30,INDEX(Jesper!$R$2:$R$366,ROW(INDEX(Jesper!AJ$2:AJ$366,ROUNDDOWN($C3122/24,0)+1,1))-1)+IF('Standard Profiles'!$G$20=$B$10,7,0)+IF('Standard Profiles'!$G$20=$B$17,14,0)+IF('Standard Profiles'!$G$20=$B$24,21,0),0)),0)</f>
        <v>0</v>
      </c>
      <c r="G3122" cm="1">
        <f t="array" ref="G3122">IFERROR(INDEX(Jesper!AK$2:AK$366,ROUNDDOWN($C3122/24,0)+1,1)*INDEX($D$3:$AA$30,INDEX(Jesper!$R$2:$R$366,ROW(INDEX(Jesper!AK$2:AK$366,ROUNDDOWN($C3122/24,0)+1,1))-1)+IF('Standard Profiles'!$G$21=$B$10,7,0)+IF('Standard Profiles'!$G$21=$B$17,14,0)+IF('Standard Profiles'!$G$21=$B$24,21,0),MOD($C3122,24)+1)/SUM(INDEX($D$3:$AA$30,INDEX(Jesper!$R$2:$R$366,ROW(INDEX(Jesper!AK$2:AK$366,ROUNDDOWN($C3122/24,0)+1,1))-1)+IF('Standard Profiles'!$G$21=$B$10,7,0)+IF('Standard Profiles'!$G$21=$B$17,14,0)+IF('Standard Profiles'!$G$21=$B$24,21,0),0)),0)</f>
        <v>0</v>
      </c>
      <c r="H3122" cm="1">
        <f t="array" ref="H3122">IFERROR(INDEX(Jesper!AL$2:AL$366,ROUNDDOWN($C3122/24,0)+1,1)*INDEX($D$3:$AA$30,INDEX(Jesper!$R$2:$R$366,ROW(INDEX(Jesper!AL$2:AL$366,ROUNDDOWN($C3122/24,0)+1,1))-1)+IF('Standard Profiles'!$G$22=$B$10,7,0)+IF('Standard Profiles'!$G$22=$B$17,14,0)+IF('Standard Profiles'!$G$22=$B$24,21,0),MOD($C3122,24)+1)/SUM(INDEX($D$3:$AA$30,INDEX(Jesper!$R$2:$R$366,ROW(INDEX(Jesper!AL$2:AL$366,ROUNDDOWN($C3122/24,0)+1,1))-1)+IF('Standard Profiles'!$G$22=$B$10,7,0)+IF('Standard Profiles'!$G$22=$B$17,14,0)+IF('Standard Profiles'!$G$22=$B$24,21,0),0)),0)</f>
        <v>0</v>
      </c>
      <c r="I3122">
        <f t="shared" si="356"/>
        <v>0.42152202887511819</v>
      </c>
      <c r="J3122">
        <f t="shared" si="357"/>
        <v>1.4050734295837275</v>
      </c>
      <c r="K3122">
        <f t="shared" si="358"/>
        <v>2.1076101443755908</v>
      </c>
      <c r="L3122">
        <f t="shared" si="359"/>
        <v>10.116528693002836</v>
      </c>
      <c r="M3122">
        <f t="shared" si="360"/>
        <v>0</v>
      </c>
      <c r="N3122" s="46">
        <f t="shared" si="361"/>
        <v>45420.666666659177</v>
      </c>
    </row>
    <row r="3123" spans="2:14" x14ac:dyDescent="0.3">
      <c r="B3123">
        <f t="shared" si="355"/>
        <v>3</v>
      </c>
      <c r="C3123" s="16">
        <v>3089</v>
      </c>
      <c r="D3123" cm="1">
        <f t="array" ref="D3123">IFERROR(INDEX(Jesper!AH$2:AH$366,ROUNDDOWN($C3123/24,0)+1,1)*INDEX($D$3:$AA$30,INDEX(Jesper!$R$2:$R$366,ROW(INDEX(Jesper!AH$2:AH$366,ROUNDDOWN($C3123/24,0)+1,1))-1)+IF('Standard Profiles'!$G$18=$B$10,7,0)+IF('Standard Profiles'!$G$18=$B$17,14,0)+IF('Standard Profiles'!$G$18=$B$24,21,0),MOD($C3123,24)+1)/SUM(INDEX($D$3:$AA$30,INDEX(Jesper!$R$2:$R$366,ROW(INDEX(Jesper!AH$2:AH$366,ROUNDDOWN($C3123/24,0)+1,1))-1)+IF('Standard Profiles'!$G$18=$B$10,7,0)+IF('Standard Profiles'!$G$18=$B$17,14,0)+IF('Standard Profiles'!$G$18=$B$24,21,0),0)),0)</f>
        <v>14.050734295837273</v>
      </c>
      <c r="E3123" cm="1">
        <f t="array" ref="E3123">IFERROR(INDEX(Jesper!AI$2:AI$366,ROUNDDOWN($C3123/24,0)+1,1)*INDEX($D$3:$AA$30,INDEX(Jesper!$R$2:$R$366,ROW(INDEX(Jesper!AI$2:AI$366,ROUNDDOWN($C3123/24,0)+1,1))-1)+IF('Standard Profiles'!$G$19=$B$10,7,0)+IF('Standard Profiles'!$G$19=$B$17,14,0)+IF('Standard Profiles'!$G$19=$B$24,21,0),MOD($C3123,24)+1)/SUM(INDEX($D$3:$AA$30,INDEX(Jesper!$R$2:$R$366,ROW(INDEX(Jesper!AI$2:AI$366,ROUNDDOWN($C3123/24,0)+1,1))-1)+IF('Standard Profiles'!$G$19=$B$10,7,0)+IF('Standard Profiles'!$G$19=$B$17,14,0)+IF('Standard Profiles'!$G$19=$B$24,21,0),0)),0)</f>
        <v>0</v>
      </c>
      <c r="F3123" cm="1">
        <f t="array" ref="F3123">IFERROR(INDEX(Jesper!AJ$2:AJ$366,ROUNDDOWN($C3123/24,0)+1,1)*INDEX($D$3:$AA$30,INDEX(Jesper!$R$2:$R$366,ROW(INDEX(Jesper!AJ$2:AJ$366,ROUNDDOWN($C3123/24,0)+1,1))-1)+IF('Standard Profiles'!$G$20=$B$10,7,0)+IF('Standard Profiles'!$G$20=$B$17,14,0)+IF('Standard Profiles'!$G$20=$B$24,21,0),MOD($C3123,24)+1)/SUM(INDEX($D$3:$AA$30,INDEX(Jesper!$R$2:$R$366,ROW(INDEX(Jesper!AJ$2:AJ$366,ROUNDDOWN($C3123/24,0)+1,1))-1)+IF('Standard Profiles'!$G$20=$B$10,7,0)+IF('Standard Profiles'!$G$20=$B$17,14,0)+IF('Standard Profiles'!$G$20=$B$24,21,0),0)),0)</f>
        <v>0</v>
      </c>
      <c r="G3123" cm="1">
        <f t="array" ref="G3123">IFERROR(INDEX(Jesper!AK$2:AK$366,ROUNDDOWN($C3123/24,0)+1,1)*INDEX($D$3:$AA$30,INDEX(Jesper!$R$2:$R$366,ROW(INDEX(Jesper!AK$2:AK$366,ROUNDDOWN($C3123/24,0)+1,1))-1)+IF('Standard Profiles'!$G$21=$B$10,7,0)+IF('Standard Profiles'!$G$21=$B$17,14,0)+IF('Standard Profiles'!$G$21=$B$24,21,0),MOD($C3123,24)+1)/SUM(INDEX($D$3:$AA$30,INDEX(Jesper!$R$2:$R$366,ROW(INDEX(Jesper!AK$2:AK$366,ROUNDDOWN($C3123/24,0)+1,1))-1)+IF('Standard Profiles'!$G$21=$B$10,7,0)+IF('Standard Profiles'!$G$21=$B$17,14,0)+IF('Standard Profiles'!$G$21=$B$24,21,0),0)),0)</f>
        <v>0</v>
      </c>
      <c r="H3123" cm="1">
        <f t="array" ref="H3123">IFERROR(INDEX(Jesper!AL$2:AL$366,ROUNDDOWN($C3123/24,0)+1,1)*INDEX($D$3:$AA$30,INDEX(Jesper!$R$2:$R$366,ROW(INDEX(Jesper!AL$2:AL$366,ROUNDDOWN($C3123/24,0)+1,1))-1)+IF('Standard Profiles'!$G$22=$B$10,7,0)+IF('Standard Profiles'!$G$22=$B$17,14,0)+IF('Standard Profiles'!$G$22=$B$24,21,0),MOD($C3123,24)+1)/SUM(INDEX($D$3:$AA$30,INDEX(Jesper!$R$2:$R$366,ROW(INDEX(Jesper!AL$2:AL$366,ROUNDDOWN($C3123/24,0)+1,1))-1)+IF('Standard Profiles'!$G$22=$B$10,7,0)+IF('Standard Profiles'!$G$22=$B$17,14,0)+IF('Standard Profiles'!$G$22=$B$24,21,0),0)),0)</f>
        <v>0</v>
      </c>
      <c r="I3123">
        <f t="shared" si="356"/>
        <v>0.42152202887511819</v>
      </c>
      <c r="J3123">
        <f t="shared" si="357"/>
        <v>1.4050734295837275</v>
      </c>
      <c r="K3123">
        <f t="shared" si="358"/>
        <v>2.1076101443755908</v>
      </c>
      <c r="L3123">
        <f t="shared" si="359"/>
        <v>10.116528693002836</v>
      </c>
      <c r="M3123">
        <f t="shared" si="360"/>
        <v>0</v>
      </c>
      <c r="N3123" s="46">
        <f t="shared" si="361"/>
        <v>45420.708333325842</v>
      </c>
    </row>
    <row r="3124" spans="2:14" x14ac:dyDescent="0.3">
      <c r="B3124">
        <f t="shared" si="355"/>
        <v>3</v>
      </c>
      <c r="C3124" s="16">
        <v>3090</v>
      </c>
      <c r="D3124" cm="1">
        <f t="array" ref="D3124">IFERROR(INDEX(Jesper!AH$2:AH$366,ROUNDDOWN($C3124/24,0)+1,1)*INDEX($D$3:$AA$30,INDEX(Jesper!$R$2:$R$366,ROW(INDEX(Jesper!AH$2:AH$366,ROUNDDOWN($C3124/24,0)+1,1))-1)+IF('Standard Profiles'!$G$18=$B$10,7,0)+IF('Standard Profiles'!$G$18=$B$17,14,0)+IF('Standard Profiles'!$G$18=$B$24,21,0),MOD($C3124,24)+1)/SUM(INDEX($D$3:$AA$30,INDEX(Jesper!$R$2:$R$366,ROW(INDEX(Jesper!AH$2:AH$366,ROUNDDOWN($C3124/24,0)+1,1))-1)+IF('Standard Profiles'!$G$18=$B$10,7,0)+IF('Standard Profiles'!$G$18=$B$17,14,0)+IF('Standard Profiles'!$G$18=$B$24,21,0),0)),0)</f>
        <v>14.050734295837273</v>
      </c>
      <c r="E3124" cm="1">
        <f t="array" ref="E3124">IFERROR(INDEX(Jesper!AI$2:AI$366,ROUNDDOWN($C3124/24,0)+1,1)*INDEX($D$3:$AA$30,INDEX(Jesper!$R$2:$R$366,ROW(INDEX(Jesper!AI$2:AI$366,ROUNDDOWN($C3124/24,0)+1,1))-1)+IF('Standard Profiles'!$G$19=$B$10,7,0)+IF('Standard Profiles'!$G$19=$B$17,14,0)+IF('Standard Profiles'!$G$19=$B$24,21,0),MOD($C3124,24)+1)/SUM(INDEX($D$3:$AA$30,INDEX(Jesper!$R$2:$R$366,ROW(INDEX(Jesper!AI$2:AI$366,ROUNDDOWN($C3124/24,0)+1,1))-1)+IF('Standard Profiles'!$G$19=$B$10,7,0)+IF('Standard Profiles'!$G$19=$B$17,14,0)+IF('Standard Profiles'!$G$19=$B$24,21,0),0)),0)</f>
        <v>0</v>
      </c>
      <c r="F3124" cm="1">
        <f t="array" ref="F3124">IFERROR(INDEX(Jesper!AJ$2:AJ$366,ROUNDDOWN($C3124/24,0)+1,1)*INDEX($D$3:$AA$30,INDEX(Jesper!$R$2:$R$366,ROW(INDEX(Jesper!AJ$2:AJ$366,ROUNDDOWN($C3124/24,0)+1,1))-1)+IF('Standard Profiles'!$G$20=$B$10,7,0)+IF('Standard Profiles'!$G$20=$B$17,14,0)+IF('Standard Profiles'!$G$20=$B$24,21,0),MOD($C3124,24)+1)/SUM(INDEX($D$3:$AA$30,INDEX(Jesper!$R$2:$R$366,ROW(INDEX(Jesper!AJ$2:AJ$366,ROUNDDOWN($C3124/24,0)+1,1))-1)+IF('Standard Profiles'!$G$20=$B$10,7,0)+IF('Standard Profiles'!$G$20=$B$17,14,0)+IF('Standard Profiles'!$G$20=$B$24,21,0),0)),0)</f>
        <v>0</v>
      </c>
      <c r="G3124" cm="1">
        <f t="array" ref="G3124">IFERROR(INDEX(Jesper!AK$2:AK$366,ROUNDDOWN($C3124/24,0)+1,1)*INDEX($D$3:$AA$30,INDEX(Jesper!$R$2:$R$366,ROW(INDEX(Jesper!AK$2:AK$366,ROUNDDOWN($C3124/24,0)+1,1))-1)+IF('Standard Profiles'!$G$21=$B$10,7,0)+IF('Standard Profiles'!$G$21=$B$17,14,0)+IF('Standard Profiles'!$G$21=$B$24,21,0),MOD($C3124,24)+1)/SUM(INDEX($D$3:$AA$30,INDEX(Jesper!$R$2:$R$366,ROW(INDEX(Jesper!AK$2:AK$366,ROUNDDOWN($C3124/24,0)+1,1))-1)+IF('Standard Profiles'!$G$21=$B$10,7,0)+IF('Standard Profiles'!$G$21=$B$17,14,0)+IF('Standard Profiles'!$G$21=$B$24,21,0),0)),0)</f>
        <v>0</v>
      </c>
      <c r="H3124" cm="1">
        <f t="array" ref="H3124">IFERROR(INDEX(Jesper!AL$2:AL$366,ROUNDDOWN($C3124/24,0)+1,1)*INDEX($D$3:$AA$30,INDEX(Jesper!$R$2:$R$366,ROW(INDEX(Jesper!AL$2:AL$366,ROUNDDOWN($C3124/24,0)+1,1))-1)+IF('Standard Profiles'!$G$22=$B$10,7,0)+IF('Standard Profiles'!$G$22=$B$17,14,0)+IF('Standard Profiles'!$G$22=$B$24,21,0),MOD($C3124,24)+1)/SUM(INDEX($D$3:$AA$30,INDEX(Jesper!$R$2:$R$366,ROW(INDEX(Jesper!AL$2:AL$366,ROUNDDOWN($C3124/24,0)+1,1))-1)+IF('Standard Profiles'!$G$22=$B$10,7,0)+IF('Standard Profiles'!$G$22=$B$17,14,0)+IF('Standard Profiles'!$G$22=$B$24,21,0),0)),0)</f>
        <v>0</v>
      </c>
      <c r="I3124">
        <f t="shared" si="356"/>
        <v>0.42152202887511819</v>
      </c>
      <c r="J3124">
        <f t="shared" si="357"/>
        <v>1.4050734295837275</v>
      </c>
      <c r="K3124">
        <f t="shared" si="358"/>
        <v>2.1076101443755908</v>
      </c>
      <c r="L3124">
        <f t="shared" si="359"/>
        <v>10.116528693002836</v>
      </c>
      <c r="M3124">
        <f t="shared" si="360"/>
        <v>0</v>
      </c>
      <c r="N3124" s="46">
        <f t="shared" si="361"/>
        <v>45420.749999992506</v>
      </c>
    </row>
    <row r="3125" spans="2:14" x14ac:dyDescent="0.3">
      <c r="B3125">
        <f t="shared" si="355"/>
        <v>3</v>
      </c>
      <c r="C3125" s="16">
        <v>3091</v>
      </c>
      <c r="D3125" cm="1">
        <f t="array" ref="D3125">IFERROR(INDEX(Jesper!AH$2:AH$366,ROUNDDOWN($C3125/24,0)+1,1)*INDEX($D$3:$AA$30,INDEX(Jesper!$R$2:$R$366,ROW(INDEX(Jesper!AH$2:AH$366,ROUNDDOWN($C3125/24,0)+1,1))-1)+IF('Standard Profiles'!$G$18=$B$10,7,0)+IF('Standard Profiles'!$G$18=$B$17,14,0)+IF('Standard Profiles'!$G$18=$B$24,21,0),MOD($C3125,24)+1)/SUM(INDEX($D$3:$AA$30,INDEX(Jesper!$R$2:$R$366,ROW(INDEX(Jesper!AH$2:AH$366,ROUNDDOWN($C3125/24,0)+1,1))-1)+IF('Standard Profiles'!$G$18=$B$10,7,0)+IF('Standard Profiles'!$G$18=$B$17,14,0)+IF('Standard Profiles'!$G$18=$B$24,21,0),0)),0)</f>
        <v>11.708945246531062</v>
      </c>
      <c r="E3125" cm="1">
        <f t="array" ref="E3125">IFERROR(INDEX(Jesper!AI$2:AI$366,ROUNDDOWN($C3125/24,0)+1,1)*INDEX($D$3:$AA$30,INDEX(Jesper!$R$2:$R$366,ROW(INDEX(Jesper!AI$2:AI$366,ROUNDDOWN($C3125/24,0)+1,1))-1)+IF('Standard Profiles'!$G$19=$B$10,7,0)+IF('Standard Profiles'!$G$19=$B$17,14,0)+IF('Standard Profiles'!$G$19=$B$24,21,0),MOD($C3125,24)+1)/SUM(INDEX($D$3:$AA$30,INDEX(Jesper!$R$2:$R$366,ROW(INDEX(Jesper!AI$2:AI$366,ROUNDDOWN($C3125/24,0)+1,1))-1)+IF('Standard Profiles'!$G$19=$B$10,7,0)+IF('Standard Profiles'!$G$19=$B$17,14,0)+IF('Standard Profiles'!$G$19=$B$24,21,0),0)),0)</f>
        <v>0</v>
      </c>
      <c r="F3125" cm="1">
        <f t="array" ref="F3125">IFERROR(INDEX(Jesper!AJ$2:AJ$366,ROUNDDOWN($C3125/24,0)+1,1)*INDEX($D$3:$AA$30,INDEX(Jesper!$R$2:$R$366,ROW(INDEX(Jesper!AJ$2:AJ$366,ROUNDDOWN($C3125/24,0)+1,1))-1)+IF('Standard Profiles'!$G$20=$B$10,7,0)+IF('Standard Profiles'!$G$20=$B$17,14,0)+IF('Standard Profiles'!$G$20=$B$24,21,0),MOD($C3125,24)+1)/SUM(INDEX($D$3:$AA$30,INDEX(Jesper!$R$2:$R$366,ROW(INDEX(Jesper!AJ$2:AJ$366,ROUNDDOWN($C3125/24,0)+1,1))-1)+IF('Standard Profiles'!$G$20=$B$10,7,0)+IF('Standard Profiles'!$G$20=$B$17,14,0)+IF('Standard Profiles'!$G$20=$B$24,21,0),0)),0)</f>
        <v>0</v>
      </c>
      <c r="G3125" cm="1">
        <f t="array" ref="G3125">IFERROR(INDEX(Jesper!AK$2:AK$366,ROUNDDOWN($C3125/24,0)+1,1)*INDEX($D$3:$AA$30,INDEX(Jesper!$R$2:$R$366,ROW(INDEX(Jesper!AK$2:AK$366,ROUNDDOWN($C3125/24,0)+1,1))-1)+IF('Standard Profiles'!$G$21=$B$10,7,0)+IF('Standard Profiles'!$G$21=$B$17,14,0)+IF('Standard Profiles'!$G$21=$B$24,21,0),MOD($C3125,24)+1)/SUM(INDEX($D$3:$AA$30,INDEX(Jesper!$R$2:$R$366,ROW(INDEX(Jesper!AK$2:AK$366,ROUNDDOWN($C3125/24,0)+1,1))-1)+IF('Standard Profiles'!$G$21=$B$10,7,0)+IF('Standard Profiles'!$G$21=$B$17,14,0)+IF('Standard Profiles'!$G$21=$B$24,21,0),0)),0)</f>
        <v>0</v>
      </c>
      <c r="H3125" cm="1">
        <f t="array" ref="H3125">IFERROR(INDEX(Jesper!AL$2:AL$366,ROUNDDOWN($C3125/24,0)+1,1)*INDEX($D$3:$AA$30,INDEX(Jesper!$R$2:$R$366,ROW(INDEX(Jesper!AL$2:AL$366,ROUNDDOWN($C3125/24,0)+1,1))-1)+IF('Standard Profiles'!$G$22=$B$10,7,0)+IF('Standard Profiles'!$G$22=$B$17,14,0)+IF('Standard Profiles'!$G$22=$B$24,21,0),MOD($C3125,24)+1)/SUM(INDEX($D$3:$AA$30,INDEX(Jesper!$R$2:$R$366,ROW(INDEX(Jesper!AL$2:AL$366,ROUNDDOWN($C3125/24,0)+1,1))-1)+IF('Standard Profiles'!$G$22=$B$10,7,0)+IF('Standard Profiles'!$G$22=$B$17,14,0)+IF('Standard Profiles'!$G$22=$B$24,21,0),0)),0)</f>
        <v>0</v>
      </c>
      <c r="I3125">
        <f t="shared" si="356"/>
        <v>0.35126835739593187</v>
      </c>
      <c r="J3125">
        <f t="shared" si="357"/>
        <v>1.1708945246531062</v>
      </c>
      <c r="K3125">
        <f t="shared" si="358"/>
        <v>1.7563417869796594</v>
      </c>
      <c r="L3125">
        <f t="shared" si="359"/>
        <v>8.430440577502365</v>
      </c>
      <c r="M3125">
        <f t="shared" si="360"/>
        <v>0</v>
      </c>
      <c r="N3125" s="46">
        <f t="shared" si="361"/>
        <v>45420.79166665917</v>
      </c>
    </row>
    <row r="3126" spans="2:14" x14ac:dyDescent="0.3">
      <c r="B3126">
        <f t="shared" si="355"/>
        <v>3</v>
      </c>
      <c r="C3126" s="16">
        <v>3092</v>
      </c>
      <c r="D3126" cm="1">
        <f t="array" ref="D3126">IFERROR(INDEX(Jesper!AH$2:AH$366,ROUNDDOWN($C3126/24,0)+1,1)*INDEX($D$3:$AA$30,INDEX(Jesper!$R$2:$R$366,ROW(INDEX(Jesper!AH$2:AH$366,ROUNDDOWN($C3126/24,0)+1,1))-1)+IF('Standard Profiles'!$G$18=$B$10,7,0)+IF('Standard Profiles'!$G$18=$B$17,14,0)+IF('Standard Profiles'!$G$18=$B$24,21,0),MOD($C3126,24)+1)/SUM(INDEX($D$3:$AA$30,INDEX(Jesper!$R$2:$R$366,ROW(INDEX(Jesper!AH$2:AH$366,ROUNDDOWN($C3126/24,0)+1,1))-1)+IF('Standard Profiles'!$G$18=$B$10,7,0)+IF('Standard Profiles'!$G$18=$B$17,14,0)+IF('Standard Profiles'!$G$18=$B$24,21,0),0)),0)</f>
        <v>9.3671561972248494</v>
      </c>
      <c r="E3126" cm="1">
        <f t="array" ref="E3126">IFERROR(INDEX(Jesper!AI$2:AI$366,ROUNDDOWN($C3126/24,0)+1,1)*INDEX($D$3:$AA$30,INDEX(Jesper!$R$2:$R$366,ROW(INDEX(Jesper!AI$2:AI$366,ROUNDDOWN($C3126/24,0)+1,1))-1)+IF('Standard Profiles'!$G$19=$B$10,7,0)+IF('Standard Profiles'!$G$19=$B$17,14,0)+IF('Standard Profiles'!$G$19=$B$24,21,0),MOD($C3126,24)+1)/SUM(INDEX($D$3:$AA$30,INDEX(Jesper!$R$2:$R$366,ROW(INDEX(Jesper!AI$2:AI$366,ROUNDDOWN($C3126/24,0)+1,1))-1)+IF('Standard Profiles'!$G$19=$B$10,7,0)+IF('Standard Profiles'!$G$19=$B$17,14,0)+IF('Standard Profiles'!$G$19=$B$24,21,0),0)),0)</f>
        <v>0</v>
      </c>
      <c r="F3126" cm="1">
        <f t="array" ref="F3126">IFERROR(INDEX(Jesper!AJ$2:AJ$366,ROUNDDOWN($C3126/24,0)+1,1)*INDEX($D$3:$AA$30,INDEX(Jesper!$R$2:$R$366,ROW(INDEX(Jesper!AJ$2:AJ$366,ROUNDDOWN($C3126/24,0)+1,1))-1)+IF('Standard Profiles'!$G$20=$B$10,7,0)+IF('Standard Profiles'!$G$20=$B$17,14,0)+IF('Standard Profiles'!$G$20=$B$24,21,0),MOD($C3126,24)+1)/SUM(INDEX($D$3:$AA$30,INDEX(Jesper!$R$2:$R$366,ROW(INDEX(Jesper!AJ$2:AJ$366,ROUNDDOWN($C3126/24,0)+1,1))-1)+IF('Standard Profiles'!$G$20=$B$10,7,0)+IF('Standard Profiles'!$G$20=$B$17,14,0)+IF('Standard Profiles'!$G$20=$B$24,21,0),0)),0)</f>
        <v>0</v>
      </c>
      <c r="G3126" cm="1">
        <f t="array" ref="G3126">IFERROR(INDEX(Jesper!AK$2:AK$366,ROUNDDOWN($C3126/24,0)+1,1)*INDEX($D$3:$AA$30,INDEX(Jesper!$R$2:$R$366,ROW(INDEX(Jesper!AK$2:AK$366,ROUNDDOWN($C3126/24,0)+1,1))-1)+IF('Standard Profiles'!$G$21=$B$10,7,0)+IF('Standard Profiles'!$G$21=$B$17,14,0)+IF('Standard Profiles'!$G$21=$B$24,21,0),MOD($C3126,24)+1)/SUM(INDEX($D$3:$AA$30,INDEX(Jesper!$R$2:$R$366,ROW(INDEX(Jesper!AK$2:AK$366,ROUNDDOWN($C3126/24,0)+1,1))-1)+IF('Standard Profiles'!$G$21=$B$10,7,0)+IF('Standard Profiles'!$G$21=$B$17,14,0)+IF('Standard Profiles'!$G$21=$B$24,21,0),0)),0)</f>
        <v>0</v>
      </c>
      <c r="H3126" cm="1">
        <f t="array" ref="H3126">IFERROR(INDEX(Jesper!AL$2:AL$366,ROUNDDOWN($C3126/24,0)+1,1)*INDEX($D$3:$AA$30,INDEX(Jesper!$R$2:$R$366,ROW(INDEX(Jesper!AL$2:AL$366,ROUNDDOWN($C3126/24,0)+1,1))-1)+IF('Standard Profiles'!$G$22=$B$10,7,0)+IF('Standard Profiles'!$G$22=$B$17,14,0)+IF('Standard Profiles'!$G$22=$B$24,21,0),MOD($C3126,24)+1)/SUM(INDEX($D$3:$AA$30,INDEX(Jesper!$R$2:$R$366,ROW(INDEX(Jesper!AL$2:AL$366,ROUNDDOWN($C3126/24,0)+1,1))-1)+IF('Standard Profiles'!$G$22=$B$10,7,0)+IF('Standard Profiles'!$G$22=$B$17,14,0)+IF('Standard Profiles'!$G$22=$B$24,21,0),0)),0)</f>
        <v>0</v>
      </c>
      <c r="I3126">
        <f t="shared" si="356"/>
        <v>0.28101468591674544</v>
      </c>
      <c r="J3126">
        <f t="shared" si="357"/>
        <v>0.93671561972248496</v>
      </c>
      <c r="K3126">
        <f t="shared" si="358"/>
        <v>1.4050734295837273</v>
      </c>
      <c r="L3126">
        <f t="shared" si="359"/>
        <v>6.7443524620018911</v>
      </c>
      <c r="M3126">
        <f t="shared" si="360"/>
        <v>0</v>
      </c>
      <c r="N3126" s="46">
        <f t="shared" si="361"/>
        <v>45420.833333325834</v>
      </c>
    </row>
    <row r="3127" spans="2:14" x14ac:dyDescent="0.3">
      <c r="B3127">
        <f t="shared" si="355"/>
        <v>3</v>
      </c>
      <c r="C3127" s="16">
        <v>3093</v>
      </c>
      <c r="D3127" cm="1">
        <f t="array" ref="D3127">IFERROR(INDEX(Jesper!AH$2:AH$366,ROUNDDOWN($C3127/24,0)+1,1)*INDEX($D$3:$AA$30,INDEX(Jesper!$R$2:$R$366,ROW(INDEX(Jesper!AH$2:AH$366,ROUNDDOWN($C3127/24,0)+1,1))-1)+IF('Standard Profiles'!$G$18=$B$10,7,0)+IF('Standard Profiles'!$G$18=$B$17,14,0)+IF('Standard Profiles'!$G$18=$B$24,21,0),MOD($C3127,24)+1)/SUM(INDEX($D$3:$AA$30,INDEX(Jesper!$R$2:$R$366,ROW(INDEX(Jesper!AH$2:AH$366,ROUNDDOWN($C3127/24,0)+1,1))-1)+IF('Standard Profiles'!$G$18=$B$10,7,0)+IF('Standard Profiles'!$G$18=$B$17,14,0)+IF('Standard Profiles'!$G$18=$B$24,21,0),0)),0)</f>
        <v>7.0253671479186366</v>
      </c>
      <c r="E3127" cm="1">
        <f t="array" ref="E3127">IFERROR(INDEX(Jesper!AI$2:AI$366,ROUNDDOWN($C3127/24,0)+1,1)*INDEX($D$3:$AA$30,INDEX(Jesper!$R$2:$R$366,ROW(INDEX(Jesper!AI$2:AI$366,ROUNDDOWN($C3127/24,0)+1,1))-1)+IF('Standard Profiles'!$G$19=$B$10,7,0)+IF('Standard Profiles'!$G$19=$B$17,14,0)+IF('Standard Profiles'!$G$19=$B$24,21,0),MOD($C3127,24)+1)/SUM(INDEX($D$3:$AA$30,INDEX(Jesper!$R$2:$R$366,ROW(INDEX(Jesper!AI$2:AI$366,ROUNDDOWN($C3127/24,0)+1,1))-1)+IF('Standard Profiles'!$G$19=$B$10,7,0)+IF('Standard Profiles'!$G$19=$B$17,14,0)+IF('Standard Profiles'!$G$19=$B$24,21,0),0)),0)</f>
        <v>0</v>
      </c>
      <c r="F3127" cm="1">
        <f t="array" ref="F3127">IFERROR(INDEX(Jesper!AJ$2:AJ$366,ROUNDDOWN($C3127/24,0)+1,1)*INDEX($D$3:$AA$30,INDEX(Jesper!$R$2:$R$366,ROW(INDEX(Jesper!AJ$2:AJ$366,ROUNDDOWN($C3127/24,0)+1,1))-1)+IF('Standard Profiles'!$G$20=$B$10,7,0)+IF('Standard Profiles'!$G$20=$B$17,14,0)+IF('Standard Profiles'!$G$20=$B$24,21,0),MOD($C3127,24)+1)/SUM(INDEX($D$3:$AA$30,INDEX(Jesper!$R$2:$R$366,ROW(INDEX(Jesper!AJ$2:AJ$366,ROUNDDOWN($C3127/24,0)+1,1))-1)+IF('Standard Profiles'!$G$20=$B$10,7,0)+IF('Standard Profiles'!$G$20=$B$17,14,0)+IF('Standard Profiles'!$G$20=$B$24,21,0),0)),0)</f>
        <v>0</v>
      </c>
      <c r="G3127" cm="1">
        <f t="array" ref="G3127">IFERROR(INDEX(Jesper!AK$2:AK$366,ROUNDDOWN($C3127/24,0)+1,1)*INDEX($D$3:$AA$30,INDEX(Jesper!$R$2:$R$366,ROW(INDEX(Jesper!AK$2:AK$366,ROUNDDOWN($C3127/24,0)+1,1))-1)+IF('Standard Profiles'!$G$21=$B$10,7,0)+IF('Standard Profiles'!$G$21=$B$17,14,0)+IF('Standard Profiles'!$G$21=$B$24,21,0),MOD($C3127,24)+1)/SUM(INDEX($D$3:$AA$30,INDEX(Jesper!$R$2:$R$366,ROW(INDEX(Jesper!AK$2:AK$366,ROUNDDOWN($C3127/24,0)+1,1))-1)+IF('Standard Profiles'!$G$21=$B$10,7,0)+IF('Standard Profiles'!$G$21=$B$17,14,0)+IF('Standard Profiles'!$G$21=$B$24,21,0),0)),0)</f>
        <v>0</v>
      </c>
      <c r="H3127" cm="1">
        <f t="array" ref="H3127">IFERROR(INDEX(Jesper!AL$2:AL$366,ROUNDDOWN($C3127/24,0)+1,1)*INDEX($D$3:$AA$30,INDEX(Jesper!$R$2:$R$366,ROW(INDEX(Jesper!AL$2:AL$366,ROUNDDOWN($C3127/24,0)+1,1))-1)+IF('Standard Profiles'!$G$22=$B$10,7,0)+IF('Standard Profiles'!$G$22=$B$17,14,0)+IF('Standard Profiles'!$G$22=$B$24,21,0),MOD($C3127,24)+1)/SUM(INDEX($D$3:$AA$30,INDEX(Jesper!$R$2:$R$366,ROW(INDEX(Jesper!AL$2:AL$366,ROUNDDOWN($C3127/24,0)+1,1))-1)+IF('Standard Profiles'!$G$22=$B$10,7,0)+IF('Standard Profiles'!$G$22=$B$17,14,0)+IF('Standard Profiles'!$G$22=$B$24,21,0),0)),0)</f>
        <v>0</v>
      </c>
      <c r="I3127">
        <f t="shared" si="356"/>
        <v>0.2107610144375591</v>
      </c>
      <c r="J3127">
        <f t="shared" si="357"/>
        <v>0.70253671479186375</v>
      </c>
      <c r="K3127">
        <f t="shared" si="358"/>
        <v>1.0538050721877954</v>
      </c>
      <c r="L3127">
        <f t="shared" si="359"/>
        <v>5.0582643465014181</v>
      </c>
      <c r="M3127">
        <f t="shared" si="360"/>
        <v>0</v>
      </c>
      <c r="N3127" s="46">
        <f t="shared" si="361"/>
        <v>45420.874999992498</v>
      </c>
    </row>
    <row r="3128" spans="2:14" x14ac:dyDescent="0.3">
      <c r="B3128">
        <f t="shared" si="355"/>
        <v>3</v>
      </c>
      <c r="C3128" s="16">
        <v>3094</v>
      </c>
      <c r="D3128" cm="1">
        <f t="array" ref="D3128">IFERROR(INDEX(Jesper!AH$2:AH$366,ROUNDDOWN($C3128/24,0)+1,1)*INDEX($D$3:$AA$30,INDEX(Jesper!$R$2:$R$366,ROW(INDEX(Jesper!AH$2:AH$366,ROUNDDOWN($C3128/24,0)+1,1))-1)+IF('Standard Profiles'!$G$18=$B$10,7,0)+IF('Standard Profiles'!$G$18=$B$17,14,0)+IF('Standard Profiles'!$G$18=$B$24,21,0),MOD($C3128,24)+1)/SUM(INDEX($D$3:$AA$30,INDEX(Jesper!$R$2:$R$366,ROW(INDEX(Jesper!AH$2:AH$366,ROUNDDOWN($C3128/24,0)+1,1))-1)+IF('Standard Profiles'!$G$18=$B$10,7,0)+IF('Standard Profiles'!$G$18=$B$17,14,0)+IF('Standard Profiles'!$G$18=$B$24,21,0),0)),0)</f>
        <v>7.0253671479186366</v>
      </c>
      <c r="E3128" cm="1">
        <f t="array" ref="E3128">IFERROR(INDEX(Jesper!AI$2:AI$366,ROUNDDOWN($C3128/24,0)+1,1)*INDEX($D$3:$AA$30,INDEX(Jesper!$R$2:$R$366,ROW(INDEX(Jesper!AI$2:AI$366,ROUNDDOWN($C3128/24,0)+1,1))-1)+IF('Standard Profiles'!$G$19=$B$10,7,0)+IF('Standard Profiles'!$G$19=$B$17,14,0)+IF('Standard Profiles'!$G$19=$B$24,21,0),MOD($C3128,24)+1)/SUM(INDEX($D$3:$AA$30,INDEX(Jesper!$R$2:$R$366,ROW(INDEX(Jesper!AI$2:AI$366,ROUNDDOWN($C3128/24,0)+1,1))-1)+IF('Standard Profiles'!$G$19=$B$10,7,0)+IF('Standard Profiles'!$G$19=$B$17,14,0)+IF('Standard Profiles'!$G$19=$B$24,21,0),0)),0)</f>
        <v>0</v>
      </c>
      <c r="F3128" cm="1">
        <f t="array" ref="F3128">IFERROR(INDEX(Jesper!AJ$2:AJ$366,ROUNDDOWN($C3128/24,0)+1,1)*INDEX($D$3:$AA$30,INDEX(Jesper!$R$2:$R$366,ROW(INDEX(Jesper!AJ$2:AJ$366,ROUNDDOWN($C3128/24,0)+1,1))-1)+IF('Standard Profiles'!$G$20=$B$10,7,0)+IF('Standard Profiles'!$G$20=$B$17,14,0)+IF('Standard Profiles'!$G$20=$B$24,21,0),MOD($C3128,24)+1)/SUM(INDEX($D$3:$AA$30,INDEX(Jesper!$R$2:$R$366,ROW(INDEX(Jesper!AJ$2:AJ$366,ROUNDDOWN($C3128/24,0)+1,1))-1)+IF('Standard Profiles'!$G$20=$B$10,7,0)+IF('Standard Profiles'!$G$20=$B$17,14,0)+IF('Standard Profiles'!$G$20=$B$24,21,0),0)),0)</f>
        <v>0</v>
      </c>
      <c r="G3128" cm="1">
        <f t="array" ref="G3128">IFERROR(INDEX(Jesper!AK$2:AK$366,ROUNDDOWN($C3128/24,0)+1,1)*INDEX($D$3:$AA$30,INDEX(Jesper!$R$2:$R$366,ROW(INDEX(Jesper!AK$2:AK$366,ROUNDDOWN($C3128/24,0)+1,1))-1)+IF('Standard Profiles'!$G$21=$B$10,7,0)+IF('Standard Profiles'!$G$21=$B$17,14,0)+IF('Standard Profiles'!$G$21=$B$24,21,0),MOD($C3128,24)+1)/SUM(INDEX($D$3:$AA$30,INDEX(Jesper!$R$2:$R$366,ROW(INDEX(Jesper!AK$2:AK$366,ROUNDDOWN($C3128/24,0)+1,1))-1)+IF('Standard Profiles'!$G$21=$B$10,7,0)+IF('Standard Profiles'!$G$21=$B$17,14,0)+IF('Standard Profiles'!$G$21=$B$24,21,0),0)),0)</f>
        <v>0</v>
      </c>
      <c r="H3128" cm="1">
        <f t="array" ref="H3128">IFERROR(INDEX(Jesper!AL$2:AL$366,ROUNDDOWN($C3128/24,0)+1,1)*INDEX($D$3:$AA$30,INDEX(Jesper!$R$2:$R$366,ROW(INDEX(Jesper!AL$2:AL$366,ROUNDDOWN($C3128/24,0)+1,1))-1)+IF('Standard Profiles'!$G$22=$B$10,7,0)+IF('Standard Profiles'!$G$22=$B$17,14,0)+IF('Standard Profiles'!$G$22=$B$24,21,0),MOD($C3128,24)+1)/SUM(INDEX($D$3:$AA$30,INDEX(Jesper!$R$2:$R$366,ROW(INDEX(Jesper!AL$2:AL$366,ROUNDDOWN($C3128/24,0)+1,1))-1)+IF('Standard Profiles'!$G$22=$B$10,7,0)+IF('Standard Profiles'!$G$22=$B$17,14,0)+IF('Standard Profiles'!$G$22=$B$24,21,0),0)),0)</f>
        <v>0</v>
      </c>
      <c r="I3128">
        <f t="shared" si="356"/>
        <v>0.2107610144375591</v>
      </c>
      <c r="J3128">
        <f t="shared" si="357"/>
        <v>0.70253671479186375</v>
      </c>
      <c r="K3128">
        <f t="shared" si="358"/>
        <v>1.0538050721877954</v>
      </c>
      <c r="L3128">
        <f t="shared" si="359"/>
        <v>5.0582643465014181</v>
      </c>
      <c r="M3128">
        <f t="shared" si="360"/>
        <v>0</v>
      </c>
      <c r="N3128" s="46">
        <f t="shared" si="361"/>
        <v>45420.916666659163</v>
      </c>
    </row>
    <row r="3129" spans="2:14" x14ac:dyDescent="0.3">
      <c r="B3129">
        <f t="shared" si="355"/>
        <v>3</v>
      </c>
      <c r="C3129" s="16">
        <v>3095</v>
      </c>
      <c r="D3129" cm="1">
        <f t="array" ref="D3129">IFERROR(INDEX(Jesper!AH$2:AH$366,ROUNDDOWN($C3129/24,0)+1,1)*INDEX($D$3:$AA$30,INDEX(Jesper!$R$2:$R$366,ROW(INDEX(Jesper!AH$2:AH$366,ROUNDDOWN($C3129/24,0)+1,1))-1)+IF('Standard Profiles'!$G$18=$B$10,7,0)+IF('Standard Profiles'!$G$18=$B$17,14,0)+IF('Standard Profiles'!$G$18=$B$24,21,0),MOD($C3129,24)+1)/SUM(INDEX($D$3:$AA$30,INDEX(Jesper!$R$2:$R$366,ROW(INDEX(Jesper!AH$2:AH$366,ROUNDDOWN($C3129/24,0)+1,1))-1)+IF('Standard Profiles'!$G$18=$B$10,7,0)+IF('Standard Profiles'!$G$18=$B$17,14,0)+IF('Standard Profiles'!$G$18=$B$24,21,0),0)),0)</f>
        <v>7.0253671479186366</v>
      </c>
      <c r="E3129" cm="1">
        <f t="array" ref="E3129">IFERROR(INDEX(Jesper!AI$2:AI$366,ROUNDDOWN($C3129/24,0)+1,1)*INDEX($D$3:$AA$30,INDEX(Jesper!$R$2:$R$366,ROW(INDEX(Jesper!AI$2:AI$366,ROUNDDOWN($C3129/24,0)+1,1))-1)+IF('Standard Profiles'!$G$19=$B$10,7,0)+IF('Standard Profiles'!$G$19=$B$17,14,0)+IF('Standard Profiles'!$G$19=$B$24,21,0),MOD($C3129,24)+1)/SUM(INDEX($D$3:$AA$30,INDEX(Jesper!$R$2:$R$366,ROW(INDEX(Jesper!AI$2:AI$366,ROUNDDOWN($C3129/24,0)+1,1))-1)+IF('Standard Profiles'!$G$19=$B$10,7,0)+IF('Standard Profiles'!$G$19=$B$17,14,0)+IF('Standard Profiles'!$G$19=$B$24,21,0),0)),0)</f>
        <v>0</v>
      </c>
      <c r="F3129" cm="1">
        <f t="array" ref="F3129">IFERROR(INDEX(Jesper!AJ$2:AJ$366,ROUNDDOWN($C3129/24,0)+1,1)*INDEX($D$3:$AA$30,INDEX(Jesper!$R$2:$R$366,ROW(INDEX(Jesper!AJ$2:AJ$366,ROUNDDOWN($C3129/24,0)+1,1))-1)+IF('Standard Profiles'!$G$20=$B$10,7,0)+IF('Standard Profiles'!$G$20=$B$17,14,0)+IF('Standard Profiles'!$G$20=$B$24,21,0),MOD($C3129,24)+1)/SUM(INDEX($D$3:$AA$30,INDEX(Jesper!$R$2:$R$366,ROW(INDEX(Jesper!AJ$2:AJ$366,ROUNDDOWN($C3129/24,0)+1,1))-1)+IF('Standard Profiles'!$G$20=$B$10,7,0)+IF('Standard Profiles'!$G$20=$B$17,14,0)+IF('Standard Profiles'!$G$20=$B$24,21,0),0)),0)</f>
        <v>0</v>
      </c>
      <c r="G3129" cm="1">
        <f t="array" ref="G3129">IFERROR(INDEX(Jesper!AK$2:AK$366,ROUNDDOWN($C3129/24,0)+1,1)*INDEX($D$3:$AA$30,INDEX(Jesper!$R$2:$R$366,ROW(INDEX(Jesper!AK$2:AK$366,ROUNDDOWN($C3129/24,0)+1,1))-1)+IF('Standard Profiles'!$G$21=$B$10,7,0)+IF('Standard Profiles'!$G$21=$B$17,14,0)+IF('Standard Profiles'!$G$21=$B$24,21,0),MOD($C3129,24)+1)/SUM(INDEX($D$3:$AA$30,INDEX(Jesper!$R$2:$R$366,ROW(INDEX(Jesper!AK$2:AK$366,ROUNDDOWN($C3129/24,0)+1,1))-1)+IF('Standard Profiles'!$G$21=$B$10,7,0)+IF('Standard Profiles'!$G$21=$B$17,14,0)+IF('Standard Profiles'!$G$21=$B$24,21,0),0)),0)</f>
        <v>0</v>
      </c>
      <c r="H3129" cm="1">
        <f t="array" ref="H3129">IFERROR(INDEX(Jesper!AL$2:AL$366,ROUNDDOWN($C3129/24,0)+1,1)*INDEX($D$3:$AA$30,INDEX(Jesper!$R$2:$R$366,ROW(INDEX(Jesper!AL$2:AL$366,ROUNDDOWN($C3129/24,0)+1,1))-1)+IF('Standard Profiles'!$G$22=$B$10,7,0)+IF('Standard Profiles'!$G$22=$B$17,14,0)+IF('Standard Profiles'!$G$22=$B$24,21,0),MOD($C3129,24)+1)/SUM(INDEX($D$3:$AA$30,INDEX(Jesper!$R$2:$R$366,ROW(INDEX(Jesper!AL$2:AL$366,ROUNDDOWN($C3129/24,0)+1,1))-1)+IF('Standard Profiles'!$G$22=$B$10,7,0)+IF('Standard Profiles'!$G$22=$B$17,14,0)+IF('Standard Profiles'!$G$22=$B$24,21,0),0)),0)</f>
        <v>0</v>
      </c>
      <c r="I3129">
        <f t="shared" si="356"/>
        <v>0.2107610144375591</v>
      </c>
      <c r="J3129">
        <f t="shared" si="357"/>
        <v>0.70253671479186375</v>
      </c>
      <c r="K3129">
        <f t="shared" si="358"/>
        <v>1.0538050721877954</v>
      </c>
      <c r="L3129">
        <f t="shared" si="359"/>
        <v>5.0582643465014181</v>
      </c>
      <c r="M3129">
        <f t="shared" si="360"/>
        <v>0</v>
      </c>
      <c r="N3129" s="46">
        <f t="shared" si="361"/>
        <v>45420.958333325827</v>
      </c>
    </row>
    <row r="3130" spans="2:14" x14ac:dyDescent="0.3">
      <c r="B3130">
        <f t="shared" si="355"/>
        <v>4</v>
      </c>
      <c r="C3130" s="16">
        <v>3096</v>
      </c>
      <c r="D3130" cm="1">
        <f t="array" ref="D3130">IFERROR(INDEX(Jesper!AH$2:AH$366,ROUNDDOWN($C3130/24,0)+1,1)*INDEX($D$3:$AA$30,INDEX(Jesper!$R$2:$R$366,ROW(INDEX(Jesper!AH$2:AH$366,ROUNDDOWN($C3130/24,0)+1,1))-1)+IF('Standard Profiles'!$G$18=$B$10,7,0)+IF('Standard Profiles'!$G$18=$B$17,14,0)+IF('Standard Profiles'!$G$18=$B$24,21,0),MOD($C3130,24)+1)/SUM(INDEX($D$3:$AA$30,INDEX(Jesper!$R$2:$R$366,ROW(INDEX(Jesper!AH$2:AH$366,ROUNDDOWN($C3130/24,0)+1,1))-1)+IF('Standard Profiles'!$G$18=$B$10,7,0)+IF('Standard Profiles'!$G$18=$B$17,14,0)+IF('Standard Profiles'!$G$18=$B$24,21,0),0)),0)</f>
        <v>6.9676443570856641</v>
      </c>
      <c r="E3130" cm="1">
        <f t="array" ref="E3130">IFERROR(INDEX(Jesper!AI$2:AI$366,ROUNDDOWN($C3130/24,0)+1,1)*INDEX($D$3:$AA$30,INDEX(Jesper!$R$2:$R$366,ROW(INDEX(Jesper!AI$2:AI$366,ROUNDDOWN($C3130/24,0)+1,1))-1)+IF('Standard Profiles'!$G$19=$B$10,7,0)+IF('Standard Profiles'!$G$19=$B$17,14,0)+IF('Standard Profiles'!$G$19=$B$24,21,0),MOD($C3130,24)+1)/SUM(INDEX($D$3:$AA$30,INDEX(Jesper!$R$2:$R$366,ROW(INDEX(Jesper!AI$2:AI$366,ROUNDDOWN($C3130/24,0)+1,1))-1)+IF('Standard Profiles'!$G$19=$B$10,7,0)+IF('Standard Profiles'!$G$19=$B$17,14,0)+IF('Standard Profiles'!$G$19=$B$24,21,0),0)),0)</f>
        <v>0</v>
      </c>
      <c r="F3130" cm="1">
        <f t="array" ref="F3130">IFERROR(INDEX(Jesper!AJ$2:AJ$366,ROUNDDOWN($C3130/24,0)+1,1)*INDEX($D$3:$AA$30,INDEX(Jesper!$R$2:$R$366,ROW(INDEX(Jesper!AJ$2:AJ$366,ROUNDDOWN($C3130/24,0)+1,1))-1)+IF('Standard Profiles'!$G$20=$B$10,7,0)+IF('Standard Profiles'!$G$20=$B$17,14,0)+IF('Standard Profiles'!$G$20=$B$24,21,0),MOD($C3130,24)+1)/SUM(INDEX($D$3:$AA$30,INDEX(Jesper!$R$2:$R$366,ROW(INDEX(Jesper!AJ$2:AJ$366,ROUNDDOWN($C3130/24,0)+1,1))-1)+IF('Standard Profiles'!$G$20=$B$10,7,0)+IF('Standard Profiles'!$G$20=$B$17,14,0)+IF('Standard Profiles'!$G$20=$B$24,21,0),0)),0)</f>
        <v>0</v>
      </c>
      <c r="G3130" cm="1">
        <f t="array" ref="G3130">IFERROR(INDEX(Jesper!AK$2:AK$366,ROUNDDOWN($C3130/24,0)+1,1)*INDEX($D$3:$AA$30,INDEX(Jesper!$R$2:$R$366,ROW(INDEX(Jesper!AK$2:AK$366,ROUNDDOWN($C3130/24,0)+1,1))-1)+IF('Standard Profiles'!$G$21=$B$10,7,0)+IF('Standard Profiles'!$G$21=$B$17,14,0)+IF('Standard Profiles'!$G$21=$B$24,21,0),MOD($C3130,24)+1)/SUM(INDEX($D$3:$AA$30,INDEX(Jesper!$R$2:$R$366,ROW(INDEX(Jesper!AK$2:AK$366,ROUNDDOWN($C3130/24,0)+1,1))-1)+IF('Standard Profiles'!$G$21=$B$10,7,0)+IF('Standard Profiles'!$G$21=$B$17,14,0)+IF('Standard Profiles'!$G$21=$B$24,21,0),0)),0)</f>
        <v>0</v>
      </c>
      <c r="H3130" cm="1">
        <f t="array" ref="H3130">IFERROR(INDEX(Jesper!AL$2:AL$366,ROUNDDOWN($C3130/24,0)+1,1)*INDEX($D$3:$AA$30,INDEX(Jesper!$R$2:$R$366,ROW(INDEX(Jesper!AL$2:AL$366,ROUNDDOWN($C3130/24,0)+1,1))-1)+IF('Standard Profiles'!$G$22=$B$10,7,0)+IF('Standard Profiles'!$G$22=$B$17,14,0)+IF('Standard Profiles'!$G$22=$B$24,21,0),MOD($C3130,24)+1)/SUM(INDEX($D$3:$AA$30,INDEX(Jesper!$R$2:$R$366,ROW(INDEX(Jesper!AL$2:AL$366,ROUNDDOWN($C3130/24,0)+1,1))-1)+IF('Standard Profiles'!$G$22=$B$10,7,0)+IF('Standard Profiles'!$G$22=$B$17,14,0)+IF('Standard Profiles'!$G$22=$B$24,21,0),0)),0)</f>
        <v>0</v>
      </c>
      <c r="I3130">
        <f t="shared" si="356"/>
        <v>0.20902933071256991</v>
      </c>
      <c r="J3130">
        <f t="shared" si="357"/>
        <v>0.6967644357085665</v>
      </c>
      <c r="K3130">
        <f t="shared" si="358"/>
        <v>1.0451466535628495</v>
      </c>
      <c r="L3130">
        <f t="shared" si="359"/>
        <v>5.0167039371016777</v>
      </c>
      <c r="M3130">
        <f t="shared" si="360"/>
        <v>0</v>
      </c>
      <c r="N3130" s="46">
        <f t="shared" si="361"/>
        <v>45420.999999992491</v>
      </c>
    </row>
    <row r="3131" spans="2:14" x14ac:dyDescent="0.3">
      <c r="B3131">
        <f t="shared" si="355"/>
        <v>4</v>
      </c>
      <c r="C3131" s="16">
        <v>3097</v>
      </c>
      <c r="D3131" cm="1">
        <f t="array" ref="D3131">IFERROR(INDEX(Jesper!AH$2:AH$366,ROUNDDOWN($C3131/24,0)+1,1)*INDEX($D$3:$AA$30,INDEX(Jesper!$R$2:$R$366,ROW(INDEX(Jesper!AH$2:AH$366,ROUNDDOWN($C3131/24,0)+1,1))-1)+IF('Standard Profiles'!$G$18=$B$10,7,0)+IF('Standard Profiles'!$G$18=$B$17,14,0)+IF('Standard Profiles'!$G$18=$B$24,21,0),MOD($C3131,24)+1)/SUM(INDEX($D$3:$AA$30,INDEX(Jesper!$R$2:$R$366,ROW(INDEX(Jesper!AH$2:AH$366,ROUNDDOWN($C3131/24,0)+1,1))-1)+IF('Standard Profiles'!$G$18=$B$10,7,0)+IF('Standard Profiles'!$G$18=$B$17,14,0)+IF('Standard Profiles'!$G$18=$B$24,21,0),0)),0)</f>
        <v>6.9676443570856641</v>
      </c>
      <c r="E3131" cm="1">
        <f t="array" ref="E3131">IFERROR(INDEX(Jesper!AI$2:AI$366,ROUNDDOWN($C3131/24,0)+1,1)*INDEX($D$3:$AA$30,INDEX(Jesper!$R$2:$R$366,ROW(INDEX(Jesper!AI$2:AI$366,ROUNDDOWN($C3131/24,0)+1,1))-1)+IF('Standard Profiles'!$G$19=$B$10,7,0)+IF('Standard Profiles'!$G$19=$B$17,14,0)+IF('Standard Profiles'!$G$19=$B$24,21,0),MOD($C3131,24)+1)/SUM(INDEX($D$3:$AA$30,INDEX(Jesper!$R$2:$R$366,ROW(INDEX(Jesper!AI$2:AI$366,ROUNDDOWN($C3131/24,0)+1,1))-1)+IF('Standard Profiles'!$G$19=$B$10,7,0)+IF('Standard Profiles'!$G$19=$B$17,14,0)+IF('Standard Profiles'!$G$19=$B$24,21,0),0)),0)</f>
        <v>0</v>
      </c>
      <c r="F3131" cm="1">
        <f t="array" ref="F3131">IFERROR(INDEX(Jesper!AJ$2:AJ$366,ROUNDDOWN($C3131/24,0)+1,1)*INDEX($D$3:$AA$30,INDEX(Jesper!$R$2:$R$366,ROW(INDEX(Jesper!AJ$2:AJ$366,ROUNDDOWN($C3131/24,0)+1,1))-1)+IF('Standard Profiles'!$G$20=$B$10,7,0)+IF('Standard Profiles'!$G$20=$B$17,14,0)+IF('Standard Profiles'!$G$20=$B$24,21,0),MOD($C3131,24)+1)/SUM(INDEX($D$3:$AA$30,INDEX(Jesper!$R$2:$R$366,ROW(INDEX(Jesper!AJ$2:AJ$366,ROUNDDOWN($C3131/24,0)+1,1))-1)+IF('Standard Profiles'!$G$20=$B$10,7,0)+IF('Standard Profiles'!$G$20=$B$17,14,0)+IF('Standard Profiles'!$G$20=$B$24,21,0),0)),0)</f>
        <v>0</v>
      </c>
      <c r="G3131" cm="1">
        <f t="array" ref="G3131">IFERROR(INDEX(Jesper!AK$2:AK$366,ROUNDDOWN($C3131/24,0)+1,1)*INDEX($D$3:$AA$30,INDEX(Jesper!$R$2:$R$366,ROW(INDEX(Jesper!AK$2:AK$366,ROUNDDOWN($C3131/24,0)+1,1))-1)+IF('Standard Profiles'!$G$21=$B$10,7,0)+IF('Standard Profiles'!$G$21=$B$17,14,0)+IF('Standard Profiles'!$G$21=$B$24,21,0),MOD($C3131,24)+1)/SUM(INDEX($D$3:$AA$30,INDEX(Jesper!$R$2:$R$366,ROW(INDEX(Jesper!AK$2:AK$366,ROUNDDOWN($C3131/24,0)+1,1))-1)+IF('Standard Profiles'!$G$21=$B$10,7,0)+IF('Standard Profiles'!$G$21=$B$17,14,0)+IF('Standard Profiles'!$G$21=$B$24,21,0),0)),0)</f>
        <v>0</v>
      </c>
      <c r="H3131" cm="1">
        <f t="array" ref="H3131">IFERROR(INDEX(Jesper!AL$2:AL$366,ROUNDDOWN($C3131/24,0)+1,1)*INDEX($D$3:$AA$30,INDEX(Jesper!$R$2:$R$366,ROW(INDEX(Jesper!AL$2:AL$366,ROUNDDOWN($C3131/24,0)+1,1))-1)+IF('Standard Profiles'!$G$22=$B$10,7,0)+IF('Standard Profiles'!$G$22=$B$17,14,0)+IF('Standard Profiles'!$G$22=$B$24,21,0),MOD($C3131,24)+1)/SUM(INDEX($D$3:$AA$30,INDEX(Jesper!$R$2:$R$366,ROW(INDEX(Jesper!AL$2:AL$366,ROUNDDOWN($C3131/24,0)+1,1))-1)+IF('Standard Profiles'!$G$22=$B$10,7,0)+IF('Standard Profiles'!$G$22=$B$17,14,0)+IF('Standard Profiles'!$G$22=$B$24,21,0),0)),0)</f>
        <v>0</v>
      </c>
      <c r="I3131">
        <f t="shared" si="356"/>
        <v>0.20902933071256991</v>
      </c>
      <c r="J3131">
        <f t="shared" si="357"/>
        <v>0.6967644357085665</v>
      </c>
      <c r="K3131">
        <f t="shared" si="358"/>
        <v>1.0451466535628495</v>
      </c>
      <c r="L3131">
        <f t="shared" si="359"/>
        <v>5.0167039371016777</v>
      </c>
      <c r="M3131">
        <f t="shared" si="360"/>
        <v>0</v>
      </c>
      <c r="N3131" s="46">
        <f t="shared" si="361"/>
        <v>45421.041666659155</v>
      </c>
    </row>
    <row r="3132" spans="2:14" x14ac:dyDescent="0.3">
      <c r="B3132">
        <f t="shared" si="355"/>
        <v>4</v>
      </c>
      <c r="C3132" s="16">
        <v>3098</v>
      </c>
      <c r="D3132" cm="1">
        <f t="array" ref="D3132">IFERROR(INDEX(Jesper!AH$2:AH$366,ROUNDDOWN($C3132/24,0)+1,1)*INDEX($D$3:$AA$30,INDEX(Jesper!$R$2:$R$366,ROW(INDEX(Jesper!AH$2:AH$366,ROUNDDOWN($C3132/24,0)+1,1))-1)+IF('Standard Profiles'!$G$18=$B$10,7,0)+IF('Standard Profiles'!$G$18=$B$17,14,0)+IF('Standard Profiles'!$G$18=$B$24,21,0),MOD($C3132,24)+1)/SUM(INDEX($D$3:$AA$30,INDEX(Jesper!$R$2:$R$366,ROW(INDEX(Jesper!AH$2:AH$366,ROUNDDOWN($C3132/24,0)+1,1))-1)+IF('Standard Profiles'!$G$18=$B$10,7,0)+IF('Standard Profiles'!$G$18=$B$17,14,0)+IF('Standard Profiles'!$G$18=$B$24,21,0),0)),0)</f>
        <v>6.9676443570856641</v>
      </c>
      <c r="E3132" cm="1">
        <f t="array" ref="E3132">IFERROR(INDEX(Jesper!AI$2:AI$366,ROUNDDOWN($C3132/24,0)+1,1)*INDEX($D$3:$AA$30,INDEX(Jesper!$R$2:$R$366,ROW(INDEX(Jesper!AI$2:AI$366,ROUNDDOWN($C3132/24,0)+1,1))-1)+IF('Standard Profiles'!$G$19=$B$10,7,0)+IF('Standard Profiles'!$G$19=$B$17,14,0)+IF('Standard Profiles'!$G$19=$B$24,21,0),MOD($C3132,24)+1)/SUM(INDEX($D$3:$AA$30,INDEX(Jesper!$R$2:$R$366,ROW(INDEX(Jesper!AI$2:AI$366,ROUNDDOWN($C3132/24,0)+1,1))-1)+IF('Standard Profiles'!$G$19=$B$10,7,0)+IF('Standard Profiles'!$G$19=$B$17,14,0)+IF('Standard Profiles'!$G$19=$B$24,21,0),0)),0)</f>
        <v>0</v>
      </c>
      <c r="F3132" cm="1">
        <f t="array" ref="F3132">IFERROR(INDEX(Jesper!AJ$2:AJ$366,ROUNDDOWN($C3132/24,0)+1,1)*INDEX($D$3:$AA$30,INDEX(Jesper!$R$2:$R$366,ROW(INDEX(Jesper!AJ$2:AJ$366,ROUNDDOWN($C3132/24,0)+1,1))-1)+IF('Standard Profiles'!$G$20=$B$10,7,0)+IF('Standard Profiles'!$G$20=$B$17,14,0)+IF('Standard Profiles'!$G$20=$B$24,21,0),MOD($C3132,24)+1)/SUM(INDEX($D$3:$AA$30,INDEX(Jesper!$R$2:$R$366,ROW(INDEX(Jesper!AJ$2:AJ$366,ROUNDDOWN($C3132/24,0)+1,1))-1)+IF('Standard Profiles'!$G$20=$B$10,7,0)+IF('Standard Profiles'!$G$20=$B$17,14,0)+IF('Standard Profiles'!$G$20=$B$24,21,0),0)),0)</f>
        <v>0</v>
      </c>
      <c r="G3132" cm="1">
        <f t="array" ref="G3132">IFERROR(INDEX(Jesper!AK$2:AK$366,ROUNDDOWN($C3132/24,0)+1,1)*INDEX($D$3:$AA$30,INDEX(Jesper!$R$2:$R$366,ROW(INDEX(Jesper!AK$2:AK$366,ROUNDDOWN($C3132/24,0)+1,1))-1)+IF('Standard Profiles'!$G$21=$B$10,7,0)+IF('Standard Profiles'!$G$21=$B$17,14,0)+IF('Standard Profiles'!$G$21=$B$24,21,0),MOD($C3132,24)+1)/SUM(INDEX($D$3:$AA$30,INDEX(Jesper!$R$2:$R$366,ROW(INDEX(Jesper!AK$2:AK$366,ROUNDDOWN($C3132/24,0)+1,1))-1)+IF('Standard Profiles'!$G$21=$B$10,7,0)+IF('Standard Profiles'!$G$21=$B$17,14,0)+IF('Standard Profiles'!$G$21=$B$24,21,0),0)),0)</f>
        <v>0</v>
      </c>
      <c r="H3132" cm="1">
        <f t="array" ref="H3132">IFERROR(INDEX(Jesper!AL$2:AL$366,ROUNDDOWN($C3132/24,0)+1,1)*INDEX($D$3:$AA$30,INDEX(Jesper!$R$2:$R$366,ROW(INDEX(Jesper!AL$2:AL$366,ROUNDDOWN($C3132/24,0)+1,1))-1)+IF('Standard Profiles'!$G$22=$B$10,7,0)+IF('Standard Profiles'!$G$22=$B$17,14,0)+IF('Standard Profiles'!$G$22=$B$24,21,0),MOD($C3132,24)+1)/SUM(INDEX($D$3:$AA$30,INDEX(Jesper!$R$2:$R$366,ROW(INDEX(Jesper!AL$2:AL$366,ROUNDDOWN($C3132/24,0)+1,1))-1)+IF('Standard Profiles'!$G$22=$B$10,7,0)+IF('Standard Profiles'!$G$22=$B$17,14,0)+IF('Standard Profiles'!$G$22=$B$24,21,0),0)),0)</f>
        <v>0</v>
      </c>
      <c r="I3132">
        <f t="shared" si="356"/>
        <v>0.20902933071256991</v>
      </c>
      <c r="J3132">
        <f t="shared" si="357"/>
        <v>0.6967644357085665</v>
      </c>
      <c r="K3132">
        <f t="shared" si="358"/>
        <v>1.0451466535628495</v>
      </c>
      <c r="L3132">
        <f t="shared" si="359"/>
        <v>5.0167039371016777</v>
      </c>
      <c r="M3132">
        <f t="shared" si="360"/>
        <v>0</v>
      </c>
      <c r="N3132" s="46">
        <f t="shared" si="361"/>
        <v>45421.08333332582</v>
      </c>
    </row>
    <row r="3133" spans="2:14" x14ac:dyDescent="0.3">
      <c r="B3133">
        <f t="shared" si="355"/>
        <v>4</v>
      </c>
      <c r="C3133" s="16">
        <v>3099</v>
      </c>
      <c r="D3133" cm="1">
        <f t="array" ref="D3133">IFERROR(INDEX(Jesper!AH$2:AH$366,ROUNDDOWN($C3133/24,0)+1,1)*INDEX($D$3:$AA$30,INDEX(Jesper!$R$2:$R$366,ROW(INDEX(Jesper!AH$2:AH$366,ROUNDDOWN($C3133/24,0)+1,1))-1)+IF('Standard Profiles'!$G$18=$B$10,7,0)+IF('Standard Profiles'!$G$18=$B$17,14,0)+IF('Standard Profiles'!$G$18=$B$24,21,0),MOD($C3133,24)+1)/SUM(INDEX($D$3:$AA$30,INDEX(Jesper!$R$2:$R$366,ROW(INDEX(Jesper!AH$2:AH$366,ROUNDDOWN($C3133/24,0)+1,1))-1)+IF('Standard Profiles'!$G$18=$B$10,7,0)+IF('Standard Profiles'!$G$18=$B$17,14,0)+IF('Standard Profiles'!$G$18=$B$24,21,0),0)),0)</f>
        <v>6.9676443570856641</v>
      </c>
      <c r="E3133" cm="1">
        <f t="array" ref="E3133">IFERROR(INDEX(Jesper!AI$2:AI$366,ROUNDDOWN($C3133/24,0)+1,1)*INDEX($D$3:$AA$30,INDEX(Jesper!$R$2:$R$366,ROW(INDEX(Jesper!AI$2:AI$366,ROUNDDOWN($C3133/24,0)+1,1))-1)+IF('Standard Profiles'!$G$19=$B$10,7,0)+IF('Standard Profiles'!$G$19=$B$17,14,0)+IF('Standard Profiles'!$G$19=$B$24,21,0),MOD($C3133,24)+1)/SUM(INDEX($D$3:$AA$30,INDEX(Jesper!$R$2:$R$366,ROW(INDEX(Jesper!AI$2:AI$366,ROUNDDOWN($C3133/24,0)+1,1))-1)+IF('Standard Profiles'!$G$19=$B$10,7,0)+IF('Standard Profiles'!$G$19=$B$17,14,0)+IF('Standard Profiles'!$G$19=$B$24,21,0),0)),0)</f>
        <v>0</v>
      </c>
      <c r="F3133" cm="1">
        <f t="array" ref="F3133">IFERROR(INDEX(Jesper!AJ$2:AJ$366,ROUNDDOWN($C3133/24,0)+1,1)*INDEX($D$3:$AA$30,INDEX(Jesper!$R$2:$R$366,ROW(INDEX(Jesper!AJ$2:AJ$366,ROUNDDOWN($C3133/24,0)+1,1))-1)+IF('Standard Profiles'!$G$20=$B$10,7,0)+IF('Standard Profiles'!$G$20=$B$17,14,0)+IF('Standard Profiles'!$G$20=$B$24,21,0),MOD($C3133,24)+1)/SUM(INDEX($D$3:$AA$30,INDEX(Jesper!$R$2:$R$366,ROW(INDEX(Jesper!AJ$2:AJ$366,ROUNDDOWN($C3133/24,0)+1,1))-1)+IF('Standard Profiles'!$G$20=$B$10,7,0)+IF('Standard Profiles'!$G$20=$B$17,14,0)+IF('Standard Profiles'!$G$20=$B$24,21,0),0)),0)</f>
        <v>0</v>
      </c>
      <c r="G3133" cm="1">
        <f t="array" ref="G3133">IFERROR(INDEX(Jesper!AK$2:AK$366,ROUNDDOWN($C3133/24,0)+1,1)*INDEX($D$3:$AA$30,INDEX(Jesper!$R$2:$R$366,ROW(INDEX(Jesper!AK$2:AK$366,ROUNDDOWN($C3133/24,0)+1,1))-1)+IF('Standard Profiles'!$G$21=$B$10,7,0)+IF('Standard Profiles'!$G$21=$B$17,14,0)+IF('Standard Profiles'!$G$21=$B$24,21,0),MOD($C3133,24)+1)/SUM(INDEX($D$3:$AA$30,INDEX(Jesper!$R$2:$R$366,ROW(INDEX(Jesper!AK$2:AK$366,ROUNDDOWN($C3133/24,0)+1,1))-1)+IF('Standard Profiles'!$G$21=$B$10,7,0)+IF('Standard Profiles'!$G$21=$B$17,14,0)+IF('Standard Profiles'!$G$21=$B$24,21,0),0)),0)</f>
        <v>0</v>
      </c>
      <c r="H3133" cm="1">
        <f t="array" ref="H3133">IFERROR(INDEX(Jesper!AL$2:AL$366,ROUNDDOWN($C3133/24,0)+1,1)*INDEX($D$3:$AA$30,INDEX(Jesper!$R$2:$R$366,ROW(INDEX(Jesper!AL$2:AL$366,ROUNDDOWN($C3133/24,0)+1,1))-1)+IF('Standard Profiles'!$G$22=$B$10,7,0)+IF('Standard Profiles'!$G$22=$B$17,14,0)+IF('Standard Profiles'!$G$22=$B$24,21,0),MOD($C3133,24)+1)/SUM(INDEX($D$3:$AA$30,INDEX(Jesper!$R$2:$R$366,ROW(INDEX(Jesper!AL$2:AL$366,ROUNDDOWN($C3133/24,0)+1,1))-1)+IF('Standard Profiles'!$G$22=$B$10,7,0)+IF('Standard Profiles'!$G$22=$B$17,14,0)+IF('Standard Profiles'!$G$22=$B$24,21,0),0)),0)</f>
        <v>0</v>
      </c>
      <c r="I3133">
        <f t="shared" si="356"/>
        <v>0.20902933071256991</v>
      </c>
      <c r="J3133">
        <f t="shared" si="357"/>
        <v>0.6967644357085665</v>
      </c>
      <c r="K3133">
        <f t="shared" si="358"/>
        <v>1.0451466535628495</v>
      </c>
      <c r="L3133">
        <f t="shared" si="359"/>
        <v>5.0167039371016777</v>
      </c>
      <c r="M3133">
        <f t="shared" si="360"/>
        <v>0</v>
      </c>
      <c r="N3133" s="46">
        <f t="shared" si="361"/>
        <v>45421.124999992484</v>
      </c>
    </row>
    <row r="3134" spans="2:14" x14ac:dyDescent="0.3">
      <c r="B3134">
        <f t="shared" si="355"/>
        <v>4</v>
      </c>
      <c r="C3134" s="16">
        <v>3100</v>
      </c>
      <c r="D3134" cm="1">
        <f t="array" ref="D3134">IFERROR(INDEX(Jesper!AH$2:AH$366,ROUNDDOWN($C3134/24,0)+1,1)*INDEX($D$3:$AA$30,INDEX(Jesper!$R$2:$R$366,ROW(INDEX(Jesper!AH$2:AH$366,ROUNDDOWN($C3134/24,0)+1,1))-1)+IF('Standard Profiles'!$G$18=$B$10,7,0)+IF('Standard Profiles'!$G$18=$B$17,14,0)+IF('Standard Profiles'!$G$18=$B$24,21,0),MOD($C3134,24)+1)/SUM(INDEX($D$3:$AA$30,INDEX(Jesper!$R$2:$R$366,ROW(INDEX(Jesper!AH$2:AH$366,ROUNDDOWN($C3134/24,0)+1,1))-1)+IF('Standard Profiles'!$G$18=$B$10,7,0)+IF('Standard Profiles'!$G$18=$B$17,14,0)+IF('Standard Profiles'!$G$18=$B$24,21,0),0)),0)</f>
        <v>6.9676443570856641</v>
      </c>
      <c r="E3134" cm="1">
        <f t="array" ref="E3134">IFERROR(INDEX(Jesper!AI$2:AI$366,ROUNDDOWN($C3134/24,0)+1,1)*INDEX($D$3:$AA$30,INDEX(Jesper!$R$2:$R$366,ROW(INDEX(Jesper!AI$2:AI$366,ROUNDDOWN($C3134/24,0)+1,1))-1)+IF('Standard Profiles'!$G$19=$B$10,7,0)+IF('Standard Profiles'!$G$19=$B$17,14,0)+IF('Standard Profiles'!$G$19=$B$24,21,0),MOD($C3134,24)+1)/SUM(INDEX($D$3:$AA$30,INDEX(Jesper!$R$2:$R$366,ROW(INDEX(Jesper!AI$2:AI$366,ROUNDDOWN($C3134/24,0)+1,1))-1)+IF('Standard Profiles'!$G$19=$B$10,7,0)+IF('Standard Profiles'!$G$19=$B$17,14,0)+IF('Standard Profiles'!$G$19=$B$24,21,0),0)),0)</f>
        <v>0</v>
      </c>
      <c r="F3134" cm="1">
        <f t="array" ref="F3134">IFERROR(INDEX(Jesper!AJ$2:AJ$366,ROUNDDOWN($C3134/24,0)+1,1)*INDEX($D$3:$AA$30,INDEX(Jesper!$R$2:$R$366,ROW(INDEX(Jesper!AJ$2:AJ$366,ROUNDDOWN($C3134/24,0)+1,1))-1)+IF('Standard Profiles'!$G$20=$B$10,7,0)+IF('Standard Profiles'!$G$20=$B$17,14,0)+IF('Standard Profiles'!$G$20=$B$24,21,0),MOD($C3134,24)+1)/SUM(INDEX($D$3:$AA$30,INDEX(Jesper!$R$2:$R$366,ROW(INDEX(Jesper!AJ$2:AJ$366,ROUNDDOWN($C3134/24,0)+1,1))-1)+IF('Standard Profiles'!$G$20=$B$10,7,0)+IF('Standard Profiles'!$G$20=$B$17,14,0)+IF('Standard Profiles'!$G$20=$B$24,21,0),0)),0)</f>
        <v>0</v>
      </c>
      <c r="G3134" cm="1">
        <f t="array" ref="G3134">IFERROR(INDEX(Jesper!AK$2:AK$366,ROUNDDOWN($C3134/24,0)+1,1)*INDEX($D$3:$AA$30,INDEX(Jesper!$R$2:$R$366,ROW(INDEX(Jesper!AK$2:AK$366,ROUNDDOWN($C3134/24,0)+1,1))-1)+IF('Standard Profiles'!$G$21=$B$10,7,0)+IF('Standard Profiles'!$G$21=$B$17,14,0)+IF('Standard Profiles'!$G$21=$B$24,21,0),MOD($C3134,24)+1)/SUM(INDEX($D$3:$AA$30,INDEX(Jesper!$R$2:$R$366,ROW(INDEX(Jesper!AK$2:AK$366,ROUNDDOWN($C3134/24,0)+1,1))-1)+IF('Standard Profiles'!$G$21=$B$10,7,0)+IF('Standard Profiles'!$G$21=$B$17,14,0)+IF('Standard Profiles'!$G$21=$B$24,21,0),0)),0)</f>
        <v>0</v>
      </c>
      <c r="H3134" cm="1">
        <f t="array" ref="H3134">IFERROR(INDEX(Jesper!AL$2:AL$366,ROUNDDOWN($C3134/24,0)+1,1)*INDEX($D$3:$AA$30,INDEX(Jesper!$R$2:$R$366,ROW(INDEX(Jesper!AL$2:AL$366,ROUNDDOWN($C3134/24,0)+1,1))-1)+IF('Standard Profiles'!$G$22=$B$10,7,0)+IF('Standard Profiles'!$G$22=$B$17,14,0)+IF('Standard Profiles'!$G$22=$B$24,21,0),MOD($C3134,24)+1)/SUM(INDEX($D$3:$AA$30,INDEX(Jesper!$R$2:$R$366,ROW(INDEX(Jesper!AL$2:AL$366,ROUNDDOWN($C3134/24,0)+1,1))-1)+IF('Standard Profiles'!$G$22=$B$10,7,0)+IF('Standard Profiles'!$G$22=$B$17,14,0)+IF('Standard Profiles'!$G$22=$B$24,21,0),0)),0)</f>
        <v>0</v>
      </c>
      <c r="I3134">
        <f t="shared" si="356"/>
        <v>0.20902933071256991</v>
      </c>
      <c r="J3134">
        <f t="shared" si="357"/>
        <v>0.6967644357085665</v>
      </c>
      <c r="K3134">
        <f t="shared" si="358"/>
        <v>1.0451466535628495</v>
      </c>
      <c r="L3134">
        <f t="shared" si="359"/>
        <v>5.0167039371016777</v>
      </c>
      <c r="M3134">
        <f t="shared" si="360"/>
        <v>0</v>
      </c>
      <c r="N3134" s="46">
        <f t="shared" si="361"/>
        <v>45421.166666659148</v>
      </c>
    </row>
    <row r="3135" spans="2:14" x14ac:dyDescent="0.3">
      <c r="B3135">
        <f t="shared" si="355"/>
        <v>4</v>
      </c>
      <c r="C3135" s="16">
        <v>3101</v>
      </c>
      <c r="D3135" cm="1">
        <f t="array" ref="D3135">IFERROR(INDEX(Jesper!AH$2:AH$366,ROUNDDOWN($C3135/24,0)+1,1)*INDEX($D$3:$AA$30,INDEX(Jesper!$R$2:$R$366,ROW(INDEX(Jesper!AH$2:AH$366,ROUNDDOWN($C3135/24,0)+1,1))-1)+IF('Standard Profiles'!$G$18=$B$10,7,0)+IF('Standard Profiles'!$G$18=$B$17,14,0)+IF('Standard Profiles'!$G$18=$B$24,21,0),MOD($C3135,24)+1)/SUM(INDEX($D$3:$AA$30,INDEX(Jesper!$R$2:$R$366,ROW(INDEX(Jesper!AH$2:AH$366,ROUNDDOWN($C3135/24,0)+1,1))-1)+IF('Standard Profiles'!$G$18=$B$10,7,0)+IF('Standard Profiles'!$G$18=$B$17,14,0)+IF('Standard Profiles'!$G$18=$B$24,21,0),0)),0)</f>
        <v>8.9805193935770795</v>
      </c>
      <c r="E3135" cm="1">
        <f t="array" ref="E3135">IFERROR(INDEX(Jesper!AI$2:AI$366,ROUNDDOWN($C3135/24,0)+1,1)*INDEX($D$3:$AA$30,INDEX(Jesper!$R$2:$R$366,ROW(INDEX(Jesper!AI$2:AI$366,ROUNDDOWN($C3135/24,0)+1,1))-1)+IF('Standard Profiles'!$G$19=$B$10,7,0)+IF('Standard Profiles'!$G$19=$B$17,14,0)+IF('Standard Profiles'!$G$19=$B$24,21,0),MOD($C3135,24)+1)/SUM(INDEX($D$3:$AA$30,INDEX(Jesper!$R$2:$R$366,ROW(INDEX(Jesper!AI$2:AI$366,ROUNDDOWN($C3135/24,0)+1,1))-1)+IF('Standard Profiles'!$G$19=$B$10,7,0)+IF('Standard Profiles'!$G$19=$B$17,14,0)+IF('Standard Profiles'!$G$19=$B$24,21,0),0)),0)</f>
        <v>0</v>
      </c>
      <c r="F3135" cm="1">
        <f t="array" ref="F3135">IFERROR(INDEX(Jesper!AJ$2:AJ$366,ROUNDDOWN($C3135/24,0)+1,1)*INDEX($D$3:$AA$30,INDEX(Jesper!$R$2:$R$366,ROW(INDEX(Jesper!AJ$2:AJ$366,ROUNDDOWN($C3135/24,0)+1,1))-1)+IF('Standard Profiles'!$G$20=$B$10,7,0)+IF('Standard Profiles'!$G$20=$B$17,14,0)+IF('Standard Profiles'!$G$20=$B$24,21,0),MOD($C3135,24)+1)/SUM(INDEX($D$3:$AA$30,INDEX(Jesper!$R$2:$R$366,ROW(INDEX(Jesper!AJ$2:AJ$366,ROUNDDOWN($C3135/24,0)+1,1))-1)+IF('Standard Profiles'!$G$20=$B$10,7,0)+IF('Standard Profiles'!$G$20=$B$17,14,0)+IF('Standard Profiles'!$G$20=$B$24,21,0),0)),0)</f>
        <v>0</v>
      </c>
      <c r="G3135" cm="1">
        <f t="array" ref="G3135">IFERROR(INDEX(Jesper!AK$2:AK$366,ROUNDDOWN($C3135/24,0)+1,1)*INDEX($D$3:$AA$30,INDEX(Jesper!$R$2:$R$366,ROW(INDEX(Jesper!AK$2:AK$366,ROUNDDOWN($C3135/24,0)+1,1))-1)+IF('Standard Profiles'!$G$21=$B$10,7,0)+IF('Standard Profiles'!$G$21=$B$17,14,0)+IF('Standard Profiles'!$G$21=$B$24,21,0),MOD($C3135,24)+1)/SUM(INDEX($D$3:$AA$30,INDEX(Jesper!$R$2:$R$366,ROW(INDEX(Jesper!AK$2:AK$366,ROUNDDOWN($C3135/24,0)+1,1))-1)+IF('Standard Profiles'!$G$21=$B$10,7,0)+IF('Standard Profiles'!$G$21=$B$17,14,0)+IF('Standard Profiles'!$G$21=$B$24,21,0),0)),0)</f>
        <v>0</v>
      </c>
      <c r="H3135" cm="1">
        <f t="array" ref="H3135">IFERROR(INDEX(Jesper!AL$2:AL$366,ROUNDDOWN($C3135/24,0)+1,1)*INDEX($D$3:$AA$30,INDEX(Jesper!$R$2:$R$366,ROW(INDEX(Jesper!AL$2:AL$366,ROUNDDOWN($C3135/24,0)+1,1))-1)+IF('Standard Profiles'!$G$22=$B$10,7,0)+IF('Standard Profiles'!$G$22=$B$17,14,0)+IF('Standard Profiles'!$G$22=$B$24,21,0),MOD($C3135,24)+1)/SUM(INDEX($D$3:$AA$30,INDEX(Jesper!$R$2:$R$366,ROW(INDEX(Jesper!AL$2:AL$366,ROUNDDOWN($C3135/24,0)+1,1))-1)+IF('Standard Profiles'!$G$22=$B$10,7,0)+IF('Standard Profiles'!$G$22=$B$17,14,0)+IF('Standard Profiles'!$G$22=$B$24,21,0),0)),0)</f>
        <v>0</v>
      </c>
      <c r="I3135">
        <f t="shared" si="356"/>
        <v>0.2694155818073124</v>
      </c>
      <c r="J3135">
        <f t="shared" si="357"/>
        <v>0.898051939357708</v>
      </c>
      <c r="K3135">
        <f t="shared" si="358"/>
        <v>1.3470779090365619</v>
      </c>
      <c r="L3135">
        <f t="shared" si="359"/>
        <v>6.4659739633754967</v>
      </c>
      <c r="M3135">
        <f t="shared" si="360"/>
        <v>0</v>
      </c>
      <c r="N3135" s="46">
        <f t="shared" si="361"/>
        <v>45421.208333325812</v>
      </c>
    </row>
    <row r="3136" spans="2:14" x14ac:dyDescent="0.3">
      <c r="B3136">
        <f t="shared" si="355"/>
        <v>4</v>
      </c>
      <c r="C3136" s="16">
        <v>3102</v>
      </c>
      <c r="D3136" cm="1">
        <f t="array" ref="D3136">IFERROR(INDEX(Jesper!AH$2:AH$366,ROUNDDOWN($C3136/24,0)+1,1)*INDEX($D$3:$AA$30,INDEX(Jesper!$R$2:$R$366,ROW(INDEX(Jesper!AH$2:AH$366,ROUNDDOWN($C3136/24,0)+1,1))-1)+IF('Standard Profiles'!$G$18=$B$10,7,0)+IF('Standard Profiles'!$G$18=$B$17,14,0)+IF('Standard Profiles'!$G$18=$B$24,21,0),MOD($C3136,24)+1)/SUM(INDEX($D$3:$AA$30,INDEX(Jesper!$R$2:$R$366,ROW(INDEX(Jesper!AH$2:AH$366,ROUNDDOWN($C3136/24,0)+1,1))-1)+IF('Standard Profiles'!$G$18=$B$10,7,0)+IF('Standard Profiles'!$G$18=$B$17,14,0)+IF('Standard Profiles'!$G$18=$B$24,21,0),0)),0)</f>
        <v>10.374048264994212</v>
      </c>
      <c r="E3136" cm="1">
        <f t="array" ref="E3136">IFERROR(INDEX(Jesper!AI$2:AI$366,ROUNDDOWN($C3136/24,0)+1,1)*INDEX($D$3:$AA$30,INDEX(Jesper!$R$2:$R$366,ROW(INDEX(Jesper!AI$2:AI$366,ROUNDDOWN($C3136/24,0)+1,1))-1)+IF('Standard Profiles'!$G$19=$B$10,7,0)+IF('Standard Profiles'!$G$19=$B$17,14,0)+IF('Standard Profiles'!$G$19=$B$24,21,0),MOD($C3136,24)+1)/SUM(INDEX($D$3:$AA$30,INDEX(Jesper!$R$2:$R$366,ROW(INDEX(Jesper!AI$2:AI$366,ROUNDDOWN($C3136/24,0)+1,1))-1)+IF('Standard Profiles'!$G$19=$B$10,7,0)+IF('Standard Profiles'!$G$19=$B$17,14,0)+IF('Standard Profiles'!$G$19=$B$24,21,0),0)),0)</f>
        <v>0</v>
      </c>
      <c r="F3136" cm="1">
        <f t="array" ref="F3136">IFERROR(INDEX(Jesper!AJ$2:AJ$366,ROUNDDOWN($C3136/24,0)+1,1)*INDEX($D$3:$AA$30,INDEX(Jesper!$R$2:$R$366,ROW(INDEX(Jesper!AJ$2:AJ$366,ROUNDDOWN($C3136/24,0)+1,1))-1)+IF('Standard Profiles'!$G$20=$B$10,7,0)+IF('Standard Profiles'!$G$20=$B$17,14,0)+IF('Standard Profiles'!$G$20=$B$24,21,0),MOD($C3136,24)+1)/SUM(INDEX($D$3:$AA$30,INDEX(Jesper!$R$2:$R$366,ROW(INDEX(Jesper!AJ$2:AJ$366,ROUNDDOWN($C3136/24,0)+1,1))-1)+IF('Standard Profiles'!$G$20=$B$10,7,0)+IF('Standard Profiles'!$G$20=$B$17,14,0)+IF('Standard Profiles'!$G$20=$B$24,21,0),0)),0)</f>
        <v>0</v>
      </c>
      <c r="G3136" cm="1">
        <f t="array" ref="G3136">IFERROR(INDEX(Jesper!AK$2:AK$366,ROUNDDOWN($C3136/24,0)+1,1)*INDEX($D$3:$AA$30,INDEX(Jesper!$R$2:$R$366,ROW(INDEX(Jesper!AK$2:AK$366,ROUNDDOWN($C3136/24,0)+1,1))-1)+IF('Standard Profiles'!$G$21=$B$10,7,0)+IF('Standard Profiles'!$G$21=$B$17,14,0)+IF('Standard Profiles'!$G$21=$B$24,21,0),MOD($C3136,24)+1)/SUM(INDEX($D$3:$AA$30,INDEX(Jesper!$R$2:$R$366,ROW(INDEX(Jesper!AK$2:AK$366,ROUNDDOWN($C3136/24,0)+1,1))-1)+IF('Standard Profiles'!$G$21=$B$10,7,0)+IF('Standard Profiles'!$G$21=$B$17,14,0)+IF('Standard Profiles'!$G$21=$B$24,21,0),0)),0)</f>
        <v>0</v>
      </c>
      <c r="H3136" cm="1">
        <f t="array" ref="H3136">IFERROR(INDEX(Jesper!AL$2:AL$366,ROUNDDOWN($C3136/24,0)+1,1)*INDEX($D$3:$AA$30,INDEX(Jesper!$R$2:$R$366,ROW(INDEX(Jesper!AL$2:AL$366,ROUNDDOWN($C3136/24,0)+1,1))-1)+IF('Standard Profiles'!$G$22=$B$10,7,0)+IF('Standard Profiles'!$G$22=$B$17,14,0)+IF('Standard Profiles'!$G$22=$B$24,21,0),MOD($C3136,24)+1)/SUM(INDEX($D$3:$AA$30,INDEX(Jesper!$R$2:$R$366,ROW(INDEX(Jesper!AL$2:AL$366,ROUNDDOWN($C3136/24,0)+1,1))-1)+IF('Standard Profiles'!$G$22=$B$10,7,0)+IF('Standard Profiles'!$G$22=$B$17,14,0)+IF('Standard Profiles'!$G$22=$B$24,21,0),0)),0)</f>
        <v>0</v>
      </c>
      <c r="I3136">
        <f t="shared" si="356"/>
        <v>0.31122144794982631</v>
      </c>
      <c r="J3136">
        <f t="shared" si="357"/>
        <v>1.0374048264994211</v>
      </c>
      <c r="K3136">
        <f t="shared" si="358"/>
        <v>1.5561072397491318</v>
      </c>
      <c r="L3136">
        <f t="shared" si="359"/>
        <v>7.4693147507958324</v>
      </c>
      <c r="M3136">
        <f t="shared" si="360"/>
        <v>0</v>
      </c>
      <c r="N3136" s="46">
        <f t="shared" si="361"/>
        <v>45421.249999992477</v>
      </c>
    </row>
    <row r="3137" spans="2:14" x14ac:dyDescent="0.3">
      <c r="B3137">
        <f t="shared" si="355"/>
        <v>4</v>
      </c>
      <c r="C3137" s="16">
        <v>3103</v>
      </c>
      <c r="D3137" cm="1">
        <f t="array" ref="D3137">IFERROR(INDEX(Jesper!AH$2:AH$366,ROUNDDOWN($C3137/24,0)+1,1)*INDEX($D$3:$AA$30,INDEX(Jesper!$R$2:$R$366,ROW(INDEX(Jesper!AH$2:AH$366,ROUNDDOWN($C3137/24,0)+1,1))-1)+IF('Standard Profiles'!$G$18=$B$10,7,0)+IF('Standard Profiles'!$G$18=$B$17,14,0)+IF('Standard Profiles'!$G$18=$B$24,21,0),MOD($C3137,24)+1)/SUM(INDEX($D$3:$AA$30,INDEX(Jesper!$R$2:$R$366,ROW(INDEX(Jesper!AH$2:AH$366,ROUNDDOWN($C3137/24,0)+1,1))-1)+IF('Standard Profiles'!$G$18=$B$10,7,0)+IF('Standard Profiles'!$G$18=$B$17,14,0)+IF('Standard Profiles'!$G$18=$B$24,21,0),0)),0)</f>
        <v>10.374048264994212</v>
      </c>
      <c r="E3137" cm="1">
        <f t="array" ref="E3137">IFERROR(INDEX(Jesper!AI$2:AI$366,ROUNDDOWN($C3137/24,0)+1,1)*INDEX($D$3:$AA$30,INDEX(Jesper!$R$2:$R$366,ROW(INDEX(Jesper!AI$2:AI$366,ROUNDDOWN($C3137/24,0)+1,1))-1)+IF('Standard Profiles'!$G$19=$B$10,7,0)+IF('Standard Profiles'!$G$19=$B$17,14,0)+IF('Standard Profiles'!$G$19=$B$24,21,0),MOD($C3137,24)+1)/SUM(INDEX($D$3:$AA$30,INDEX(Jesper!$R$2:$R$366,ROW(INDEX(Jesper!AI$2:AI$366,ROUNDDOWN($C3137/24,0)+1,1))-1)+IF('Standard Profiles'!$G$19=$B$10,7,0)+IF('Standard Profiles'!$G$19=$B$17,14,0)+IF('Standard Profiles'!$G$19=$B$24,21,0),0)),0)</f>
        <v>0</v>
      </c>
      <c r="F3137" cm="1">
        <f t="array" ref="F3137">IFERROR(INDEX(Jesper!AJ$2:AJ$366,ROUNDDOWN($C3137/24,0)+1,1)*INDEX($D$3:$AA$30,INDEX(Jesper!$R$2:$R$366,ROW(INDEX(Jesper!AJ$2:AJ$366,ROUNDDOWN($C3137/24,0)+1,1))-1)+IF('Standard Profiles'!$G$20=$B$10,7,0)+IF('Standard Profiles'!$G$20=$B$17,14,0)+IF('Standard Profiles'!$G$20=$B$24,21,0),MOD($C3137,24)+1)/SUM(INDEX($D$3:$AA$30,INDEX(Jesper!$R$2:$R$366,ROW(INDEX(Jesper!AJ$2:AJ$366,ROUNDDOWN($C3137/24,0)+1,1))-1)+IF('Standard Profiles'!$G$20=$B$10,7,0)+IF('Standard Profiles'!$G$20=$B$17,14,0)+IF('Standard Profiles'!$G$20=$B$24,21,0),0)),0)</f>
        <v>0</v>
      </c>
      <c r="G3137" cm="1">
        <f t="array" ref="G3137">IFERROR(INDEX(Jesper!AK$2:AK$366,ROUNDDOWN($C3137/24,0)+1,1)*INDEX($D$3:$AA$30,INDEX(Jesper!$R$2:$R$366,ROW(INDEX(Jesper!AK$2:AK$366,ROUNDDOWN($C3137/24,0)+1,1))-1)+IF('Standard Profiles'!$G$21=$B$10,7,0)+IF('Standard Profiles'!$G$21=$B$17,14,0)+IF('Standard Profiles'!$G$21=$B$24,21,0),MOD($C3137,24)+1)/SUM(INDEX($D$3:$AA$30,INDEX(Jesper!$R$2:$R$366,ROW(INDEX(Jesper!AK$2:AK$366,ROUNDDOWN($C3137/24,0)+1,1))-1)+IF('Standard Profiles'!$G$21=$B$10,7,0)+IF('Standard Profiles'!$G$21=$B$17,14,0)+IF('Standard Profiles'!$G$21=$B$24,21,0),0)),0)</f>
        <v>0</v>
      </c>
      <c r="H3137" cm="1">
        <f t="array" ref="H3137">IFERROR(INDEX(Jesper!AL$2:AL$366,ROUNDDOWN($C3137/24,0)+1,1)*INDEX($D$3:$AA$30,INDEX(Jesper!$R$2:$R$366,ROW(INDEX(Jesper!AL$2:AL$366,ROUNDDOWN($C3137/24,0)+1,1))-1)+IF('Standard Profiles'!$G$22=$B$10,7,0)+IF('Standard Profiles'!$G$22=$B$17,14,0)+IF('Standard Profiles'!$G$22=$B$24,21,0),MOD($C3137,24)+1)/SUM(INDEX($D$3:$AA$30,INDEX(Jesper!$R$2:$R$366,ROW(INDEX(Jesper!AL$2:AL$366,ROUNDDOWN($C3137/24,0)+1,1))-1)+IF('Standard Profiles'!$G$22=$B$10,7,0)+IF('Standard Profiles'!$G$22=$B$17,14,0)+IF('Standard Profiles'!$G$22=$B$24,21,0),0)),0)</f>
        <v>0</v>
      </c>
      <c r="I3137">
        <f t="shared" si="356"/>
        <v>0.31122144794982631</v>
      </c>
      <c r="J3137">
        <f t="shared" si="357"/>
        <v>1.0374048264994211</v>
      </c>
      <c r="K3137">
        <f t="shared" si="358"/>
        <v>1.5561072397491318</v>
      </c>
      <c r="L3137">
        <f t="shared" si="359"/>
        <v>7.4693147507958324</v>
      </c>
      <c r="M3137">
        <f t="shared" si="360"/>
        <v>0</v>
      </c>
      <c r="N3137" s="46">
        <f t="shared" si="361"/>
        <v>45421.291666659141</v>
      </c>
    </row>
    <row r="3138" spans="2:14" x14ac:dyDescent="0.3">
      <c r="B3138">
        <f t="shared" si="355"/>
        <v>4</v>
      </c>
      <c r="C3138" s="16">
        <v>3104</v>
      </c>
      <c r="D3138" cm="1">
        <f t="array" ref="D3138">IFERROR(INDEX(Jesper!AH$2:AH$366,ROUNDDOWN($C3138/24,0)+1,1)*INDEX($D$3:$AA$30,INDEX(Jesper!$R$2:$R$366,ROW(INDEX(Jesper!AH$2:AH$366,ROUNDDOWN($C3138/24,0)+1,1))-1)+IF('Standard Profiles'!$G$18=$B$10,7,0)+IF('Standard Profiles'!$G$18=$B$17,14,0)+IF('Standard Profiles'!$G$18=$B$24,21,0),MOD($C3138,24)+1)/SUM(INDEX($D$3:$AA$30,INDEX(Jesper!$R$2:$R$366,ROW(INDEX(Jesper!AH$2:AH$366,ROUNDDOWN($C3138/24,0)+1,1))-1)+IF('Standard Profiles'!$G$18=$B$10,7,0)+IF('Standard Profiles'!$G$18=$B$17,14,0)+IF('Standard Profiles'!$G$18=$B$24,21,0),0)),0)</f>
        <v>10.374048264994212</v>
      </c>
      <c r="E3138" cm="1">
        <f t="array" ref="E3138">IFERROR(INDEX(Jesper!AI$2:AI$366,ROUNDDOWN($C3138/24,0)+1,1)*INDEX($D$3:$AA$30,INDEX(Jesper!$R$2:$R$366,ROW(INDEX(Jesper!AI$2:AI$366,ROUNDDOWN($C3138/24,0)+1,1))-1)+IF('Standard Profiles'!$G$19=$B$10,7,0)+IF('Standard Profiles'!$G$19=$B$17,14,0)+IF('Standard Profiles'!$G$19=$B$24,21,0),MOD($C3138,24)+1)/SUM(INDEX($D$3:$AA$30,INDEX(Jesper!$R$2:$R$366,ROW(INDEX(Jesper!AI$2:AI$366,ROUNDDOWN($C3138/24,0)+1,1))-1)+IF('Standard Profiles'!$G$19=$B$10,7,0)+IF('Standard Profiles'!$G$19=$B$17,14,0)+IF('Standard Profiles'!$G$19=$B$24,21,0),0)),0)</f>
        <v>0</v>
      </c>
      <c r="F3138" cm="1">
        <f t="array" ref="F3138">IFERROR(INDEX(Jesper!AJ$2:AJ$366,ROUNDDOWN($C3138/24,0)+1,1)*INDEX($D$3:$AA$30,INDEX(Jesper!$R$2:$R$366,ROW(INDEX(Jesper!AJ$2:AJ$366,ROUNDDOWN($C3138/24,0)+1,1))-1)+IF('Standard Profiles'!$G$20=$B$10,7,0)+IF('Standard Profiles'!$G$20=$B$17,14,0)+IF('Standard Profiles'!$G$20=$B$24,21,0),MOD($C3138,24)+1)/SUM(INDEX($D$3:$AA$30,INDEX(Jesper!$R$2:$R$366,ROW(INDEX(Jesper!AJ$2:AJ$366,ROUNDDOWN($C3138/24,0)+1,1))-1)+IF('Standard Profiles'!$G$20=$B$10,7,0)+IF('Standard Profiles'!$G$20=$B$17,14,0)+IF('Standard Profiles'!$G$20=$B$24,21,0),0)),0)</f>
        <v>0</v>
      </c>
      <c r="G3138" cm="1">
        <f t="array" ref="G3138">IFERROR(INDEX(Jesper!AK$2:AK$366,ROUNDDOWN($C3138/24,0)+1,1)*INDEX($D$3:$AA$30,INDEX(Jesper!$R$2:$R$366,ROW(INDEX(Jesper!AK$2:AK$366,ROUNDDOWN($C3138/24,0)+1,1))-1)+IF('Standard Profiles'!$G$21=$B$10,7,0)+IF('Standard Profiles'!$G$21=$B$17,14,0)+IF('Standard Profiles'!$G$21=$B$24,21,0),MOD($C3138,24)+1)/SUM(INDEX($D$3:$AA$30,INDEX(Jesper!$R$2:$R$366,ROW(INDEX(Jesper!AK$2:AK$366,ROUNDDOWN($C3138/24,0)+1,1))-1)+IF('Standard Profiles'!$G$21=$B$10,7,0)+IF('Standard Profiles'!$G$21=$B$17,14,0)+IF('Standard Profiles'!$G$21=$B$24,21,0),0)),0)</f>
        <v>0</v>
      </c>
      <c r="H3138" cm="1">
        <f t="array" ref="H3138">IFERROR(INDEX(Jesper!AL$2:AL$366,ROUNDDOWN($C3138/24,0)+1,1)*INDEX($D$3:$AA$30,INDEX(Jesper!$R$2:$R$366,ROW(INDEX(Jesper!AL$2:AL$366,ROUNDDOWN($C3138/24,0)+1,1))-1)+IF('Standard Profiles'!$G$22=$B$10,7,0)+IF('Standard Profiles'!$G$22=$B$17,14,0)+IF('Standard Profiles'!$G$22=$B$24,21,0),MOD($C3138,24)+1)/SUM(INDEX($D$3:$AA$30,INDEX(Jesper!$R$2:$R$366,ROW(INDEX(Jesper!AL$2:AL$366,ROUNDDOWN($C3138/24,0)+1,1))-1)+IF('Standard Profiles'!$G$22=$B$10,7,0)+IF('Standard Profiles'!$G$22=$B$17,14,0)+IF('Standard Profiles'!$G$22=$B$24,21,0),0)),0)</f>
        <v>0</v>
      </c>
      <c r="I3138">
        <f t="shared" si="356"/>
        <v>0.31122144794982631</v>
      </c>
      <c r="J3138">
        <f t="shared" si="357"/>
        <v>1.0374048264994211</v>
      </c>
      <c r="K3138">
        <f t="shared" si="358"/>
        <v>1.5561072397491318</v>
      </c>
      <c r="L3138">
        <f t="shared" si="359"/>
        <v>7.4693147507958324</v>
      </c>
      <c r="M3138">
        <f t="shared" si="360"/>
        <v>0</v>
      </c>
      <c r="N3138" s="46">
        <f t="shared" si="361"/>
        <v>45421.333333325805</v>
      </c>
    </row>
    <row r="3139" spans="2:14" x14ac:dyDescent="0.3">
      <c r="B3139">
        <f t="shared" si="355"/>
        <v>4</v>
      </c>
      <c r="C3139" s="16">
        <v>3105</v>
      </c>
      <c r="D3139" cm="1">
        <f t="array" ref="D3139">IFERROR(INDEX(Jesper!AH$2:AH$366,ROUNDDOWN($C3139/24,0)+1,1)*INDEX($D$3:$AA$30,INDEX(Jesper!$R$2:$R$366,ROW(INDEX(Jesper!AH$2:AH$366,ROUNDDOWN($C3139/24,0)+1,1))-1)+IF('Standard Profiles'!$G$18=$B$10,7,0)+IF('Standard Profiles'!$G$18=$B$17,14,0)+IF('Standard Profiles'!$G$18=$B$24,21,0),MOD($C3139,24)+1)/SUM(INDEX($D$3:$AA$30,INDEX(Jesper!$R$2:$R$366,ROW(INDEX(Jesper!AH$2:AH$366,ROUNDDOWN($C3139/24,0)+1,1))-1)+IF('Standard Profiles'!$G$18=$B$10,7,0)+IF('Standard Profiles'!$G$18=$B$17,14,0)+IF('Standard Profiles'!$G$18=$B$24,21,0),0)),0)</f>
        <v>11.148230971337064</v>
      </c>
      <c r="E3139" cm="1">
        <f t="array" ref="E3139">IFERROR(INDEX(Jesper!AI$2:AI$366,ROUNDDOWN($C3139/24,0)+1,1)*INDEX($D$3:$AA$30,INDEX(Jesper!$R$2:$R$366,ROW(INDEX(Jesper!AI$2:AI$366,ROUNDDOWN($C3139/24,0)+1,1))-1)+IF('Standard Profiles'!$G$19=$B$10,7,0)+IF('Standard Profiles'!$G$19=$B$17,14,0)+IF('Standard Profiles'!$G$19=$B$24,21,0),MOD($C3139,24)+1)/SUM(INDEX($D$3:$AA$30,INDEX(Jesper!$R$2:$R$366,ROW(INDEX(Jesper!AI$2:AI$366,ROUNDDOWN($C3139/24,0)+1,1))-1)+IF('Standard Profiles'!$G$19=$B$10,7,0)+IF('Standard Profiles'!$G$19=$B$17,14,0)+IF('Standard Profiles'!$G$19=$B$24,21,0),0)),0)</f>
        <v>0</v>
      </c>
      <c r="F3139" cm="1">
        <f t="array" ref="F3139">IFERROR(INDEX(Jesper!AJ$2:AJ$366,ROUNDDOWN($C3139/24,0)+1,1)*INDEX($D$3:$AA$30,INDEX(Jesper!$R$2:$R$366,ROW(INDEX(Jesper!AJ$2:AJ$366,ROUNDDOWN($C3139/24,0)+1,1))-1)+IF('Standard Profiles'!$G$20=$B$10,7,0)+IF('Standard Profiles'!$G$20=$B$17,14,0)+IF('Standard Profiles'!$G$20=$B$24,21,0),MOD($C3139,24)+1)/SUM(INDEX($D$3:$AA$30,INDEX(Jesper!$R$2:$R$366,ROW(INDEX(Jesper!AJ$2:AJ$366,ROUNDDOWN($C3139/24,0)+1,1))-1)+IF('Standard Profiles'!$G$20=$B$10,7,0)+IF('Standard Profiles'!$G$20=$B$17,14,0)+IF('Standard Profiles'!$G$20=$B$24,21,0),0)),0)</f>
        <v>0</v>
      </c>
      <c r="G3139" cm="1">
        <f t="array" ref="G3139">IFERROR(INDEX(Jesper!AK$2:AK$366,ROUNDDOWN($C3139/24,0)+1,1)*INDEX($D$3:$AA$30,INDEX(Jesper!$R$2:$R$366,ROW(INDEX(Jesper!AK$2:AK$366,ROUNDDOWN($C3139/24,0)+1,1))-1)+IF('Standard Profiles'!$G$21=$B$10,7,0)+IF('Standard Profiles'!$G$21=$B$17,14,0)+IF('Standard Profiles'!$G$21=$B$24,21,0),MOD($C3139,24)+1)/SUM(INDEX($D$3:$AA$30,INDEX(Jesper!$R$2:$R$366,ROW(INDEX(Jesper!AK$2:AK$366,ROUNDDOWN($C3139/24,0)+1,1))-1)+IF('Standard Profiles'!$G$21=$B$10,7,0)+IF('Standard Profiles'!$G$21=$B$17,14,0)+IF('Standard Profiles'!$G$21=$B$24,21,0),0)),0)</f>
        <v>0</v>
      </c>
      <c r="H3139" cm="1">
        <f t="array" ref="H3139">IFERROR(INDEX(Jesper!AL$2:AL$366,ROUNDDOWN($C3139/24,0)+1,1)*INDEX($D$3:$AA$30,INDEX(Jesper!$R$2:$R$366,ROW(INDEX(Jesper!AL$2:AL$366,ROUNDDOWN($C3139/24,0)+1,1))-1)+IF('Standard Profiles'!$G$22=$B$10,7,0)+IF('Standard Profiles'!$G$22=$B$17,14,0)+IF('Standard Profiles'!$G$22=$B$24,21,0),MOD($C3139,24)+1)/SUM(INDEX($D$3:$AA$30,INDEX(Jesper!$R$2:$R$366,ROW(INDEX(Jesper!AL$2:AL$366,ROUNDDOWN($C3139/24,0)+1,1))-1)+IF('Standard Profiles'!$G$22=$B$10,7,0)+IF('Standard Profiles'!$G$22=$B$17,14,0)+IF('Standard Profiles'!$G$22=$B$24,21,0),0)),0)</f>
        <v>0</v>
      </c>
      <c r="I3139">
        <f t="shared" si="356"/>
        <v>0.33444692914011193</v>
      </c>
      <c r="J3139">
        <f t="shared" si="357"/>
        <v>1.1148230971337065</v>
      </c>
      <c r="K3139">
        <f t="shared" si="358"/>
        <v>1.6722346457005595</v>
      </c>
      <c r="L3139">
        <f t="shared" si="359"/>
        <v>8.0267262993626858</v>
      </c>
      <c r="M3139">
        <f t="shared" si="360"/>
        <v>0</v>
      </c>
      <c r="N3139" s="46">
        <f t="shared" si="361"/>
        <v>45421.374999992469</v>
      </c>
    </row>
    <row r="3140" spans="2:14" x14ac:dyDescent="0.3">
      <c r="B3140">
        <f t="shared" si="355"/>
        <v>4</v>
      </c>
      <c r="C3140" s="16">
        <v>3106</v>
      </c>
      <c r="D3140" cm="1">
        <f t="array" ref="D3140">IFERROR(INDEX(Jesper!AH$2:AH$366,ROUNDDOWN($C3140/24,0)+1,1)*INDEX($D$3:$AA$30,INDEX(Jesper!$R$2:$R$366,ROW(INDEX(Jesper!AH$2:AH$366,ROUNDDOWN($C3140/24,0)+1,1))-1)+IF('Standard Profiles'!$G$18=$B$10,7,0)+IF('Standard Profiles'!$G$18=$B$17,14,0)+IF('Standard Profiles'!$G$18=$B$24,21,0),MOD($C3140,24)+1)/SUM(INDEX($D$3:$AA$30,INDEX(Jesper!$R$2:$R$366,ROW(INDEX(Jesper!AH$2:AH$366,ROUNDDOWN($C3140/24,0)+1,1))-1)+IF('Standard Profiles'!$G$18=$B$10,7,0)+IF('Standard Profiles'!$G$18=$B$17,14,0)+IF('Standard Profiles'!$G$18=$B$24,21,0),0)),0)</f>
        <v>12.077250218948484</v>
      </c>
      <c r="E3140" cm="1">
        <f t="array" ref="E3140">IFERROR(INDEX(Jesper!AI$2:AI$366,ROUNDDOWN($C3140/24,0)+1,1)*INDEX($D$3:$AA$30,INDEX(Jesper!$R$2:$R$366,ROW(INDEX(Jesper!AI$2:AI$366,ROUNDDOWN($C3140/24,0)+1,1))-1)+IF('Standard Profiles'!$G$19=$B$10,7,0)+IF('Standard Profiles'!$G$19=$B$17,14,0)+IF('Standard Profiles'!$G$19=$B$24,21,0),MOD($C3140,24)+1)/SUM(INDEX($D$3:$AA$30,INDEX(Jesper!$R$2:$R$366,ROW(INDEX(Jesper!AI$2:AI$366,ROUNDDOWN($C3140/24,0)+1,1))-1)+IF('Standard Profiles'!$G$19=$B$10,7,0)+IF('Standard Profiles'!$G$19=$B$17,14,0)+IF('Standard Profiles'!$G$19=$B$24,21,0),0)),0)</f>
        <v>0</v>
      </c>
      <c r="F3140" cm="1">
        <f t="array" ref="F3140">IFERROR(INDEX(Jesper!AJ$2:AJ$366,ROUNDDOWN($C3140/24,0)+1,1)*INDEX($D$3:$AA$30,INDEX(Jesper!$R$2:$R$366,ROW(INDEX(Jesper!AJ$2:AJ$366,ROUNDDOWN($C3140/24,0)+1,1))-1)+IF('Standard Profiles'!$G$20=$B$10,7,0)+IF('Standard Profiles'!$G$20=$B$17,14,0)+IF('Standard Profiles'!$G$20=$B$24,21,0),MOD($C3140,24)+1)/SUM(INDEX($D$3:$AA$30,INDEX(Jesper!$R$2:$R$366,ROW(INDEX(Jesper!AJ$2:AJ$366,ROUNDDOWN($C3140/24,0)+1,1))-1)+IF('Standard Profiles'!$G$20=$B$10,7,0)+IF('Standard Profiles'!$G$20=$B$17,14,0)+IF('Standard Profiles'!$G$20=$B$24,21,0),0)),0)</f>
        <v>0</v>
      </c>
      <c r="G3140" cm="1">
        <f t="array" ref="G3140">IFERROR(INDEX(Jesper!AK$2:AK$366,ROUNDDOWN($C3140/24,0)+1,1)*INDEX($D$3:$AA$30,INDEX(Jesper!$R$2:$R$366,ROW(INDEX(Jesper!AK$2:AK$366,ROUNDDOWN($C3140/24,0)+1,1))-1)+IF('Standard Profiles'!$G$21=$B$10,7,0)+IF('Standard Profiles'!$G$21=$B$17,14,0)+IF('Standard Profiles'!$G$21=$B$24,21,0),MOD($C3140,24)+1)/SUM(INDEX($D$3:$AA$30,INDEX(Jesper!$R$2:$R$366,ROW(INDEX(Jesper!AK$2:AK$366,ROUNDDOWN($C3140/24,0)+1,1))-1)+IF('Standard Profiles'!$G$21=$B$10,7,0)+IF('Standard Profiles'!$G$21=$B$17,14,0)+IF('Standard Profiles'!$G$21=$B$24,21,0),0)),0)</f>
        <v>0</v>
      </c>
      <c r="H3140" cm="1">
        <f t="array" ref="H3140">IFERROR(INDEX(Jesper!AL$2:AL$366,ROUNDDOWN($C3140/24,0)+1,1)*INDEX($D$3:$AA$30,INDEX(Jesper!$R$2:$R$366,ROW(INDEX(Jesper!AL$2:AL$366,ROUNDDOWN($C3140/24,0)+1,1))-1)+IF('Standard Profiles'!$G$22=$B$10,7,0)+IF('Standard Profiles'!$G$22=$B$17,14,0)+IF('Standard Profiles'!$G$22=$B$24,21,0),MOD($C3140,24)+1)/SUM(INDEX($D$3:$AA$30,INDEX(Jesper!$R$2:$R$366,ROW(INDEX(Jesper!AL$2:AL$366,ROUNDDOWN($C3140/24,0)+1,1))-1)+IF('Standard Profiles'!$G$22=$B$10,7,0)+IF('Standard Profiles'!$G$22=$B$17,14,0)+IF('Standard Profiles'!$G$22=$B$24,21,0),0)),0)</f>
        <v>0</v>
      </c>
      <c r="I3140">
        <f t="shared" si="356"/>
        <v>0.36231750656845452</v>
      </c>
      <c r="J3140">
        <f t="shared" si="357"/>
        <v>1.2077250218948485</v>
      </c>
      <c r="K3140">
        <f t="shared" si="358"/>
        <v>1.8115875328422724</v>
      </c>
      <c r="L3140">
        <f t="shared" si="359"/>
        <v>8.6956201576429084</v>
      </c>
      <c r="M3140">
        <f t="shared" si="360"/>
        <v>0</v>
      </c>
      <c r="N3140" s="46">
        <f t="shared" si="361"/>
        <v>45421.416666659134</v>
      </c>
    </row>
    <row r="3141" spans="2:14" x14ac:dyDescent="0.3">
      <c r="B3141">
        <f t="shared" si="355"/>
        <v>4</v>
      </c>
      <c r="C3141" s="16">
        <v>3107</v>
      </c>
      <c r="D3141" cm="1">
        <f t="array" ref="D3141">IFERROR(INDEX(Jesper!AH$2:AH$366,ROUNDDOWN($C3141/24,0)+1,1)*INDEX($D$3:$AA$30,INDEX(Jesper!$R$2:$R$366,ROW(INDEX(Jesper!AH$2:AH$366,ROUNDDOWN($C3141/24,0)+1,1))-1)+IF('Standard Profiles'!$G$18=$B$10,7,0)+IF('Standard Profiles'!$G$18=$B$17,14,0)+IF('Standard Profiles'!$G$18=$B$24,21,0),MOD($C3141,24)+1)/SUM(INDEX($D$3:$AA$30,INDEX(Jesper!$R$2:$R$366,ROW(INDEX(Jesper!AH$2:AH$366,ROUNDDOWN($C3141/24,0)+1,1))-1)+IF('Standard Profiles'!$G$18=$B$10,7,0)+IF('Standard Profiles'!$G$18=$B$17,14,0)+IF('Standard Profiles'!$G$18=$B$24,21,0),0)),0)</f>
        <v>13.935288714171328</v>
      </c>
      <c r="E3141" cm="1">
        <f t="array" ref="E3141">IFERROR(INDEX(Jesper!AI$2:AI$366,ROUNDDOWN($C3141/24,0)+1,1)*INDEX($D$3:$AA$30,INDEX(Jesper!$R$2:$R$366,ROW(INDEX(Jesper!AI$2:AI$366,ROUNDDOWN($C3141/24,0)+1,1))-1)+IF('Standard Profiles'!$G$19=$B$10,7,0)+IF('Standard Profiles'!$G$19=$B$17,14,0)+IF('Standard Profiles'!$G$19=$B$24,21,0),MOD($C3141,24)+1)/SUM(INDEX($D$3:$AA$30,INDEX(Jesper!$R$2:$R$366,ROW(INDEX(Jesper!AI$2:AI$366,ROUNDDOWN($C3141/24,0)+1,1))-1)+IF('Standard Profiles'!$G$19=$B$10,7,0)+IF('Standard Profiles'!$G$19=$B$17,14,0)+IF('Standard Profiles'!$G$19=$B$24,21,0),0)),0)</f>
        <v>0</v>
      </c>
      <c r="F3141" cm="1">
        <f t="array" ref="F3141">IFERROR(INDEX(Jesper!AJ$2:AJ$366,ROUNDDOWN($C3141/24,0)+1,1)*INDEX($D$3:$AA$30,INDEX(Jesper!$R$2:$R$366,ROW(INDEX(Jesper!AJ$2:AJ$366,ROUNDDOWN($C3141/24,0)+1,1))-1)+IF('Standard Profiles'!$G$20=$B$10,7,0)+IF('Standard Profiles'!$G$20=$B$17,14,0)+IF('Standard Profiles'!$G$20=$B$24,21,0),MOD($C3141,24)+1)/SUM(INDEX($D$3:$AA$30,INDEX(Jesper!$R$2:$R$366,ROW(INDEX(Jesper!AJ$2:AJ$366,ROUNDDOWN($C3141/24,0)+1,1))-1)+IF('Standard Profiles'!$G$20=$B$10,7,0)+IF('Standard Profiles'!$G$20=$B$17,14,0)+IF('Standard Profiles'!$G$20=$B$24,21,0),0)),0)</f>
        <v>0</v>
      </c>
      <c r="G3141" cm="1">
        <f t="array" ref="G3141">IFERROR(INDEX(Jesper!AK$2:AK$366,ROUNDDOWN($C3141/24,0)+1,1)*INDEX($D$3:$AA$30,INDEX(Jesper!$R$2:$R$366,ROW(INDEX(Jesper!AK$2:AK$366,ROUNDDOWN($C3141/24,0)+1,1))-1)+IF('Standard Profiles'!$G$21=$B$10,7,0)+IF('Standard Profiles'!$G$21=$B$17,14,0)+IF('Standard Profiles'!$G$21=$B$24,21,0),MOD($C3141,24)+1)/SUM(INDEX($D$3:$AA$30,INDEX(Jesper!$R$2:$R$366,ROW(INDEX(Jesper!AK$2:AK$366,ROUNDDOWN($C3141/24,0)+1,1))-1)+IF('Standard Profiles'!$G$21=$B$10,7,0)+IF('Standard Profiles'!$G$21=$B$17,14,0)+IF('Standard Profiles'!$G$21=$B$24,21,0),0)),0)</f>
        <v>0</v>
      </c>
      <c r="H3141" cm="1">
        <f t="array" ref="H3141">IFERROR(INDEX(Jesper!AL$2:AL$366,ROUNDDOWN($C3141/24,0)+1,1)*INDEX($D$3:$AA$30,INDEX(Jesper!$R$2:$R$366,ROW(INDEX(Jesper!AL$2:AL$366,ROUNDDOWN($C3141/24,0)+1,1))-1)+IF('Standard Profiles'!$G$22=$B$10,7,0)+IF('Standard Profiles'!$G$22=$B$17,14,0)+IF('Standard Profiles'!$G$22=$B$24,21,0),MOD($C3141,24)+1)/SUM(INDEX($D$3:$AA$30,INDEX(Jesper!$R$2:$R$366,ROW(INDEX(Jesper!AL$2:AL$366,ROUNDDOWN($C3141/24,0)+1,1))-1)+IF('Standard Profiles'!$G$22=$B$10,7,0)+IF('Standard Profiles'!$G$22=$B$17,14,0)+IF('Standard Profiles'!$G$22=$B$24,21,0),0)),0)</f>
        <v>0</v>
      </c>
      <c r="I3141">
        <f t="shared" si="356"/>
        <v>0.41805866142513981</v>
      </c>
      <c r="J3141">
        <f t="shared" si="357"/>
        <v>1.393528871417133</v>
      </c>
      <c r="K3141">
        <f t="shared" si="358"/>
        <v>2.0902933071256991</v>
      </c>
      <c r="L3141">
        <f t="shared" si="359"/>
        <v>10.033407874203355</v>
      </c>
      <c r="M3141">
        <f t="shared" si="360"/>
        <v>0</v>
      </c>
      <c r="N3141" s="46">
        <f t="shared" si="361"/>
        <v>45421.458333325798</v>
      </c>
    </row>
    <row r="3142" spans="2:14" x14ac:dyDescent="0.3">
      <c r="B3142">
        <f t="shared" si="355"/>
        <v>4</v>
      </c>
      <c r="C3142" s="16">
        <v>3108</v>
      </c>
      <c r="D3142" cm="1">
        <f t="array" ref="D3142">IFERROR(INDEX(Jesper!AH$2:AH$366,ROUNDDOWN($C3142/24,0)+1,1)*INDEX($D$3:$AA$30,INDEX(Jesper!$R$2:$R$366,ROW(INDEX(Jesper!AH$2:AH$366,ROUNDDOWN($C3142/24,0)+1,1))-1)+IF('Standard Profiles'!$G$18=$B$10,7,0)+IF('Standard Profiles'!$G$18=$B$17,14,0)+IF('Standard Profiles'!$G$18=$B$24,21,0),MOD($C3142,24)+1)/SUM(INDEX($D$3:$AA$30,INDEX(Jesper!$R$2:$R$366,ROW(INDEX(Jesper!AH$2:AH$366,ROUNDDOWN($C3142/24,0)+1,1))-1)+IF('Standard Profiles'!$G$18=$B$10,7,0)+IF('Standard Profiles'!$G$18=$B$17,14,0)+IF('Standard Profiles'!$G$18=$B$24,21,0),0)),0)</f>
        <v>13.935288714171328</v>
      </c>
      <c r="E3142" cm="1">
        <f t="array" ref="E3142">IFERROR(INDEX(Jesper!AI$2:AI$366,ROUNDDOWN($C3142/24,0)+1,1)*INDEX($D$3:$AA$30,INDEX(Jesper!$R$2:$R$366,ROW(INDEX(Jesper!AI$2:AI$366,ROUNDDOWN($C3142/24,0)+1,1))-1)+IF('Standard Profiles'!$G$19=$B$10,7,0)+IF('Standard Profiles'!$G$19=$B$17,14,0)+IF('Standard Profiles'!$G$19=$B$24,21,0),MOD($C3142,24)+1)/SUM(INDEX($D$3:$AA$30,INDEX(Jesper!$R$2:$R$366,ROW(INDEX(Jesper!AI$2:AI$366,ROUNDDOWN($C3142/24,0)+1,1))-1)+IF('Standard Profiles'!$G$19=$B$10,7,0)+IF('Standard Profiles'!$G$19=$B$17,14,0)+IF('Standard Profiles'!$G$19=$B$24,21,0),0)),0)</f>
        <v>0</v>
      </c>
      <c r="F3142" cm="1">
        <f t="array" ref="F3142">IFERROR(INDEX(Jesper!AJ$2:AJ$366,ROUNDDOWN($C3142/24,0)+1,1)*INDEX($D$3:$AA$30,INDEX(Jesper!$R$2:$R$366,ROW(INDEX(Jesper!AJ$2:AJ$366,ROUNDDOWN($C3142/24,0)+1,1))-1)+IF('Standard Profiles'!$G$20=$B$10,7,0)+IF('Standard Profiles'!$G$20=$B$17,14,0)+IF('Standard Profiles'!$G$20=$B$24,21,0),MOD($C3142,24)+1)/SUM(INDEX($D$3:$AA$30,INDEX(Jesper!$R$2:$R$366,ROW(INDEX(Jesper!AJ$2:AJ$366,ROUNDDOWN($C3142/24,0)+1,1))-1)+IF('Standard Profiles'!$G$20=$B$10,7,0)+IF('Standard Profiles'!$G$20=$B$17,14,0)+IF('Standard Profiles'!$G$20=$B$24,21,0),0)),0)</f>
        <v>0</v>
      </c>
      <c r="G3142" cm="1">
        <f t="array" ref="G3142">IFERROR(INDEX(Jesper!AK$2:AK$366,ROUNDDOWN($C3142/24,0)+1,1)*INDEX($D$3:$AA$30,INDEX(Jesper!$R$2:$R$366,ROW(INDEX(Jesper!AK$2:AK$366,ROUNDDOWN($C3142/24,0)+1,1))-1)+IF('Standard Profiles'!$G$21=$B$10,7,0)+IF('Standard Profiles'!$G$21=$B$17,14,0)+IF('Standard Profiles'!$G$21=$B$24,21,0),MOD($C3142,24)+1)/SUM(INDEX($D$3:$AA$30,INDEX(Jesper!$R$2:$R$366,ROW(INDEX(Jesper!AK$2:AK$366,ROUNDDOWN($C3142/24,0)+1,1))-1)+IF('Standard Profiles'!$G$21=$B$10,7,0)+IF('Standard Profiles'!$G$21=$B$17,14,0)+IF('Standard Profiles'!$G$21=$B$24,21,0),0)),0)</f>
        <v>0</v>
      </c>
      <c r="H3142" cm="1">
        <f t="array" ref="H3142">IFERROR(INDEX(Jesper!AL$2:AL$366,ROUNDDOWN($C3142/24,0)+1,1)*INDEX($D$3:$AA$30,INDEX(Jesper!$R$2:$R$366,ROW(INDEX(Jesper!AL$2:AL$366,ROUNDDOWN($C3142/24,0)+1,1))-1)+IF('Standard Profiles'!$G$22=$B$10,7,0)+IF('Standard Profiles'!$G$22=$B$17,14,0)+IF('Standard Profiles'!$G$22=$B$24,21,0),MOD($C3142,24)+1)/SUM(INDEX($D$3:$AA$30,INDEX(Jesper!$R$2:$R$366,ROW(INDEX(Jesper!AL$2:AL$366,ROUNDDOWN($C3142/24,0)+1,1))-1)+IF('Standard Profiles'!$G$22=$B$10,7,0)+IF('Standard Profiles'!$G$22=$B$17,14,0)+IF('Standard Profiles'!$G$22=$B$24,21,0),0)),0)</f>
        <v>0</v>
      </c>
      <c r="I3142">
        <f t="shared" si="356"/>
        <v>0.41805866142513981</v>
      </c>
      <c r="J3142">
        <f t="shared" si="357"/>
        <v>1.393528871417133</v>
      </c>
      <c r="K3142">
        <f t="shared" si="358"/>
        <v>2.0902933071256991</v>
      </c>
      <c r="L3142">
        <f t="shared" si="359"/>
        <v>10.033407874203355</v>
      </c>
      <c r="M3142">
        <f t="shared" si="360"/>
        <v>0</v>
      </c>
      <c r="N3142" s="46">
        <f t="shared" si="361"/>
        <v>45421.499999992462</v>
      </c>
    </row>
    <row r="3143" spans="2:14" x14ac:dyDescent="0.3">
      <c r="B3143">
        <f t="shared" si="355"/>
        <v>4</v>
      </c>
      <c r="C3143" s="16">
        <v>3109</v>
      </c>
      <c r="D3143" cm="1">
        <f t="array" ref="D3143">IFERROR(INDEX(Jesper!AH$2:AH$366,ROUNDDOWN($C3143/24,0)+1,1)*INDEX($D$3:$AA$30,INDEX(Jesper!$R$2:$R$366,ROW(INDEX(Jesper!AH$2:AH$366,ROUNDDOWN($C3143/24,0)+1,1))-1)+IF('Standard Profiles'!$G$18=$B$10,7,0)+IF('Standard Profiles'!$G$18=$B$17,14,0)+IF('Standard Profiles'!$G$18=$B$24,21,0),MOD($C3143,24)+1)/SUM(INDEX($D$3:$AA$30,INDEX(Jesper!$R$2:$R$366,ROW(INDEX(Jesper!AH$2:AH$366,ROUNDDOWN($C3143/24,0)+1,1))-1)+IF('Standard Profiles'!$G$18=$B$10,7,0)+IF('Standard Profiles'!$G$18=$B$17,14,0)+IF('Standard Profiles'!$G$18=$B$24,21,0),0)),0)</f>
        <v>13.935288714171328</v>
      </c>
      <c r="E3143" cm="1">
        <f t="array" ref="E3143">IFERROR(INDEX(Jesper!AI$2:AI$366,ROUNDDOWN($C3143/24,0)+1,1)*INDEX($D$3:$AA$30,INDEX(Jesper!$R$2:$R$366,ROW(INDEX(Jesper!AI$2:AI$366,ROUNDDOWN($C3143/24,0)+1,1))-1)+IF('Standard Profiles'!$G$19=$B$10,7,0)+IF('Standard Profiles'!$G$19=$B$17,14,0)+IF('Standard Profiles'!$G$19=$B$24,21,0),MOD($C3143,24)+1)/SUM(INDEX($D$3:$AA$30,INDEX(Jesper!$R$2:$R$366,ROW(INDEX(Jesper!AI$2:AI$366,ROUNDDOWN($C3143/24,0)+1,1))-1)+IF('Standard Profiles'!$G$19=$B$10,7,0)+IF('Standard Profiles'!$G$19=$B$17,14,0)+IF('Standard Profiles'!$G$19=$B$24,21,0),0)),0)</f>
        <v>0</v>
      </c>
      <c r="F3143" cm="1">
        <f t="array" ref="F3143">IFERROR(INDEX(Jesper!AJ$2:AJ$366,ROUNDDOWN($C3143/24,0)+1,1)*INDEX($D$3:$AA$30,INDEX(Jesper!$R$2:$R$366,ROW(INDEX(Jesper!AJ$2:AJ$366,ROUNDDOWN($C3143/24,0)+1,1))-1)+IF('Standard Profiles'!$G$20=$B$10,7,0)+IF('Standard Profiles'!$G$20=$B$17,14,0)+IF('Standard Profiles'!$G$20=$B$24,21,0),MOD($C3143,24)+1)/SUM(INDEX($D$3:$AA$30,INDEX(Jesper!$R$2:$R$366,ROW(INDEX(Jesper!AJ$2:AJ$366,ROUNDDOWN($C3143/24,0)+1,1))-1)+IF('Standard Profiles'!$G$20=$B$10,7,0)+IF('Standard Profiles'!$G$20=$B$17,14,0)+IF('Standard Profiles'!$G$20=$B$24,21,0),0)),0)</f>
        <v>0</v>
      </c>
      <c r="G3143" cm="1">
        <f t="array" ref="G3143">IFERROR(INDEX(Jesper!AK$2:AK$366,ROUNDDOWN($C3143/24,0)+1,1)*INDEX($D$3:$AA$30,INDEX(Jesper!$R$2:$R$366,ROW(INDEX(Jesper!AK$2:AK$366,ROUNDDOWN($C3143/24,0)+1,1))-1)+IF('Standard Profiles'!$G$21=$B$10,7,0)+IF('Standard Profiles'!$G$21=$B$17,14,0)+IF('Standard Profiles'!$G$21=$B$24,21,0),MOD($C3143,24)+1)/SUM(INDEX($D$3:$AA$30,INDEX(Jesper!$R$2:$R$366,ROW(INDEX(Jesper!AK$2:AK$366,ROUNDDOWN($C3143/24,0)+1,1))-1)+IF('Standard Profiles'!$G$21=$B$10,7,0)+IF('Standard Profiles'!$G$21=$B$17,14,0)+IF('Standard Profiles'!$G$21=$B$24,21,0),0)),0)</f>
        <v>0</v>
      </c>
      <c r="H3143" cm="1">
        <f t="array" ref="H3143">IFERROR(INDEX(Jesper!AL$2:AL$366,ROUNDDOWN($C3143/24,0)+1,1)*INDEX($D$3:$AA$30,INDEX(Jesper!$R$2:$R$366,ROW(INDEX(Jesper!AL$2:AL$366,ROUNDDOWN($C3143/24,0)+1,1))-1)+IF('Standard Profiles'!$G$22=$B$10,7,0)+IF('Standard Profiles'!$G$22=$B$17,14,0)+IF('Standard Profiles'!$G$22=$B$24,21,0),MOD($C3143,24)+1)/SUM(INDEX($D$3:$AA$30,INDEX(Jesper!$R$2:$R$366,ROW(INDEX(Jesper!AL$2:AL$366,ROUNDDOWN($C3143/24,0)+1,1))-1)+IF('Standard Profiles'!$G$22=$B$10,7,0)+IF('Standard Profiles'!$G$22=$B$17,14,0)+IF('Standard Profiles'!$G$22=$B$24,21,0),0)),0)</f>
        <v>0</v>
      </c>
      <c r="I3143">
        <f t="shared" si="356"/>
        <v>0.41805866142513981</v>
      </c>
      <c r="J3143">
        <f t="shared" si="357"/>
        <v>1.393528871417133</v>
      </c>
      <c r="K3143">
        <f t="shared" si="358"/>
        <v>2.0902933071256991</v>
      </c>
      <c r="L3143">
        <f t="shared" si="359"/>
        <v>10.033407874203355</v>
      </c>
      <c r="M3143">
        <f t="shared" si="360"/>
        <v>0</v>
      </c>
      <c r="N3143" s="46">
        <f t="shared" si="361"/>
        <v>45421.541666659126</v>
      </c>
    </row>
    <row r="3144" spans="2:14" x14ac:dyDescent="0.3">
      <c r="B3144">
        <f t="shared" si="355"/>
        <v>4</v>
      </c>
      <c r="C3144" s="16">
        <v>3110</v>
      </c>
      <c r="D3144" cm="1">
        <f t="array" ref="D3144">IFERROR(INDEX(Jesper!AH$2:AH$366,ROUNDDOWN($C3144/24,0)+1,1)*INDEX($D$3:$AA$30,INDEX(Jesper!$R$2:$R$366,ROW(INDEX(Jesper!AH$2:AH$366,ROUNDDOWN($C3144/24,0)+1,1))-1)+IF('Standard Profiles'!$G$18=$B$10,7,0)+IF('Standard Profiles'!$G$18=$B$17,14,0)+IF('Standard Profiles'!$G$18=$B$24,21,0),MOD($C3144,24)+1)/SUM(INDEX($D$3:$AA$30,INDEX(Jesper!$R$2:$R$366,ROW(INDEX(Jesper!AH$2:AH$366,ROUNDDOWN($C3144/24,0)+1,1))-1)+IF('Standard Profiles'!$G$18=$B$10,7,0)+IF('Standard Profiles'!$G$18=$B$17,14,0)+IF('Standard Profiles'!$G$18=$B$24,21,0),0)),0)</f>
        <v>13.935288714171328</v>
      </c>
      <c r="E3144" cm="1">
        <f t="array" ref="E3144">IFERROR(INDEX(Jesper!AI$2:AI$366,ROUNDDOWN($C3144/24,0)+1,1)*INDEX($D$3:$AA$30,INDEX(Jesper!$R$2:$R$366,ROW(INDEX(Jesper!AI$2:AI$366,ROUNDDOWN($C3144/24,0)+1,1))-1)+IF('Standard Profiles'!$G$19=$B$10,7,0)+IF('Standard Profiles'!$G$19=$B$17,14,0)+IF('Standard Profiles'!$G$19=$B$24,21,0),MOD($C3144,24)+1)/SUM(INDEX($D$3:$AA$30,INDEX(Jesper!$R$2:$R$366,ROW(INDEX(Jesper!AI$2:AI$366,ROUNDDOWN($C3144/24,0)+1,1))-1)+IF('Standard Profiles'!$G$19=$B$10,7,0)+IF('Standard Profiles'!$G$19=$B$17,14,0)+IF('Standard Profiles'!$G$19=$B$24,21,0),0)),0)</f>
        <v>0</v>
      </c>
      <c r="F3144" cm="1">
        <f t="array" ref="F3144">IFERROR(INDEX(Jesper!AJ$2:AJ$366,ROUNDDOWN($C3144/24,0)+1,1)*INDEX($D$3:$AA$30,INDEX(Jesper!$R$2:$R$366,ROW(INDEX(Jesper!AJ$2:AJ$366,ROUNDDOWN($C3144/24,0)+1,1))-1)+IF('Standard Profiles'!$G$20=$B$10,7,0)+IF('Standard Profiles'!$G$20=$B$17,14,0)+IF('Standard Profiles'!$G$20=$B$24,21,0),MOD($C3144,24)+1)/SUM(INDEX($D$3:$AA$30,INDEX(Jesper!$R$2:$R$366,ROW(INDEX(Jesper!AJ$2:AJ$366,ROUNDDOWN($C3144/24,0)+1,1))-1)+IF('Standard Profiles'!$G$20=$B$10,7,0)+IF('Standard Profiles'!$G$20=$B$17,14,0)+IF('Standard Profiles'!$G$20=$B$24,21,0),0)),0)</f>
        <v>0</v>
      </c>
      <c r="G3144" cm="1">
        <f t="array" ref="G3144">IFERROR(INDEX(Jesper!AK$2:AK$366,ROUNDDOWN($C3144/24,0)+1,1)*INDEX($D$3:$AA$30,INDEX(Jesper!$R$2:$R$366,ROW(INDEX(Jesper!AK$2:AK$366,ROUNDDOWN($C3144/24,0)+1,1))-1)+IF('Standard Profiles'!$G$21=$B$10,7,0)+IF('Standard Profiles'!$G$21=$B$17,14,0)+IF('Standard Profiles'!$G$21=$B$24,21,0),MOD($C3144,24)+1)/SUM(INDEX($D$3:$AA$30,INDEX(Jesper!$R$2:$R$366,ROW(INDEX(Jesper!AK$2:AK$366,ROUNDDOWN($C3144/24,0)+1,1))-1)+IF('Standard Profiles'!$G$21=$B$10,7,0)+IF('Standard Profiles'!$G$21=$B$17,14,0)+IF('Standard Profiles'!$G$21=$B$24,21,0),0)),0)</f>
        <v>0</v>
      </c>
      <c r="H3144" cm="1">
        <f t="array" ref="H3144">IFERROR(INDEX(Jesper!AL$2:AL$366,ROUNDDOWN($C3144/24,0)+1,1)*INDEX($D$3:$AA$30,INDEX(Jesper!$R$2:$R$366,ROW(INDEX(Jesper!AL$2:AL$366,ROUNDDOWN($C3144/24,0)+1,1))-1)+IF('Standard Profiles'!$G$22=$B$10,7,0)+IF('Standard Profiles'!$G$22=$B$17,14,0)+IF('Standard Profiles'!$G$22=$B$24,21,0),MOD($C3144,24)+1)/SUM(INDEX($D$3:$AA$30,INDEX(Jesper!$R$2:$R$366,ROW(INDEX(Jesper!AL$2:AL$366,ROUNDDOWN($C3144/24,0)+1,1))-1)+IF('Standard Profiles'!$G$22=$B$10,7,0)+IF('Standard Profiles'!$G$22=$B$17,14,0)+IF('Standard Profiles'!$G$22=$B$24,21,0),0)),0)</f>
        <v>0</v>
      </c>
      <c r="I3144">
        <f t="shared" si="356"/>
        <v>0.41805866142513981</v>
      </c>
      <c r="J3144">
        <f t="shared" si="357"/>
        <v>1.393528871417133</v>
      </c>
      <c r="K3144">
        <f t="shared" si="358"/>
        <v>2.0902933071256991</v>
      </c>
      <c r="L3144">
        <f t="shared" si="359"/>
        <v>10.033407874203355</v>
      </c>
      <c r="M3144">
        <f t="shared" si="360"/>
        <v>0</v>
      </c>
      <c r="N3144" s="46">
        <f t="shared" si="361"/>
        <v>45421.583333325791</v>
      </c>
    </row>
    <row r="3145" spans="2:14" x14ac:dyDescent="0.3">
      <c r="B3145">
        <f t="shared" si="355"/>
        <v>4</v>
      </c>
      <c r="C3145" s="16">
        <v>3111</v>
      </c>
      <c r="D3145" cm="1">
        <f t="array" ref="D3145">IFERROR(INDEX(Jesper!AH$2:AH$366,ROUNDDOWN($C3145/24,0)+1,1)*INDEX($D$3:$AA$30,INDEX(Jesper!$R$2:$R$366,ROW(INDEX(Jesper!AH$2:AH$366,ROUNDDOWN($C3145/24,0)+1,1))-1)+IF('Standard Profiles'!$G$18=$B$10,7,0)+IF('Standard Profiles'!$G$18=$B$17,14,0)+IF('Standard Profiles'!$G$18=$B$24,21,0),MOD($C3145,24)+1)/SUM(INDEX($D$3:$AA$30,INDEX(Jesper!$R$2:$R$366,ROW(INDEX(Jesper!AH$2:AH$366,ROUNDDOWN($C3145/24,0)+1,1))-1)+IF('Standard Profiles'!$G$18=$B$10,7,0)+IF('Standard Profiles'!$G$18=$B$17,14,0)+IF('Standard Profiles'!$G$18=$B$24,21,0),0)),0)</f>
        <v>13.935288714171328</v>
      </c>
      <c r="E3145" cm="1">
        <f t="array" ref="E3145">IFERROR(INDEX(Jesper!AI$2:AI$366,ROUNDDOWN($C3145/24,0)+1,1)*INDEX($D$3:$AA$30,INDEX(Jesper!$R$2:$R$366,ROW(INDEX(Jesper!AI$2:AI$366,ROUNDDOWN($C3145/24,0)+1,1))-1)+IF('Standard Profiles'!$G$19=$B$10,7,0)+IF('Standard Profiles'!$G$19=$B$17,14,0)+IF('Standard Profiles'!$G$19=$B$24,21,0),MOD($C3145,24)+1)/SUM(INDEX($D$3:$AA$30,INDEX(Jesper!$R$2:$R$366,ROW(INDEX(Jesper!AI$2:AI$366,ROUNDDOWN($C3145/24,0)+1,1))-1)+IF('Standard Profiles'!$G$19=$B$10,7,0)+IF('Standard Profiles'!$G$19=$B$17,14,0)+IF('Standard Profiles'!$G$19=$B$24,21,0),0)),0)</f>
        <v>0</v>
      </c>
      <c r="F3145" cm="1">
        <f t="array" ref="F3145">IFERROR(INDEX(Jesper!AJ$2:AJ$366,ROUNDDOWN($C3145/24,0)+1,1)*INDEX($D$3:$AA$30,INDEX(Jesper!$R$2:$R$366,ROW(INDEX(Jesper!AJ$2:AJ$366,ROUNDDOWN($C3145/24,0)+1,1))-1)+IF('Standard Profiles'!$G$20=$B$10,7,0)+IF('Standard Profiles'!$G$20=$B$17,14,0)+IF('Standard Profiles'!$G$20=$B$24,21,0),MOD($C3145,24)+1)/SUM(INDEX($D$3:$AA$30,INDEX(Jesper!$R$2:$R$366,ROW(INDEX(Jesper!AJ$2:AJ$366,ROUNDDOWN($C3145/24,0)+1,1))-1)+IF('Standard Profiles'!$G$20=$B$10,7,0)+IF('Standard Profiles'!$G$20=$B$17,14,0)+IF('Standard Profiles'!$G$20=$B$24,21,0),0)),0)</f>
        <v>0</v>
      </c>
      <c r="G3145" cm="1">
        <f t="array" ref="G3145">IFERROR(INDEX(Jesper!AK$2:AK$366,ROUNDDOWN($C3145/24,0)+1,1)*INDEX($D$3:$AA$30,INDEX(Jesper!$R$2:$R$366,ROW(INDEX(Jesper!AK$2:AK$366,ROUNDDOWN($C3145/24,0)+1,1))-1)+IF('Standard Profiles'!$G$21=$B$10,7,0)+IF('Standard Profiles'!$G$21=$B$17,14,0)+IF('Standard Profiles'!$G$21=$B$24,21,0),MOD($C3145,24)+1)/SUM(INDEX($D$3:$AA$30,INDEX(Jesper!$R$2:$R$366,ROW(INDEX(Jesper!AK$2:AK$366,ROUNDDOWN($C3145/24,0)+1,1))-1)+IF('Standard Profiles'!$G$21=$B$10,7,0)+IF('Standard Profiles'!$G$21=$B$17,14,0)+IF('Standard Profiles'!$G$21=$B$24,21,0),0)),0)</f>
        <v>0</v>
      </c>
      <c r="H3145" cm="1">
        <f t="array" ref="H3145">IFERROR(INDEX(Jesper!AL$2:AL$366,ROUNDDOWN($C3145/24,0)+1,1)*INDEX($D$3:$AA$30,INDEX(Jesper!$R$2:$R$366,ROW(INDEX(Jesper!AL$2:AL$366,ROUNDDOWN($C3145/24,0)+1,1))-1)+IF('Standard Profiles'!$G$22=$B$10,7,0)+IF('Standard Profiles'!$G$22=$B$17,14,0)+IF('Standard Profiles'!$G$22=$B$24,21,0),MOD($C3145,24)+1)/SUM(INDEX($D$3:$AA$30,INDEX(Jesper!$R$2:$R$366,ROW(INDEX(Jesper!AL$2:AL$366,ROUNDDOWN($C3145/24,0)+1,1))-1)+IF('Standard Profiles'!$G$22=$B$10,7,0)+IF('Standard Profiles'!$G$22=$B$17,14,0)+IF('Standard Profiles'!$G$22=$B$24,21,0),0)),0)</f>
        <v>0</v>
      </c>
      <c r="I3145">
        <f t="shared" si="356"/>
        <v>0.41805866142513981</v>
      </c>
      <c r="J3145">
        <f t="shared" si="357"/>
        <v>1.393528871417133</v>
      </c>
      <c r="K3145">
        <f t="shared" si="358"/>
        <v>2.0902933071256991</v>
      </c>
      <c r="L3145">
        <f t="shared" si="359"/>
        <v>10.033407874203355</v>
      </c>
      <c r="M3145">
        <f t="shared" si="360"/>
        <v>0</v>
      </c>
      <c r="N3145" s="46">
        <f t="shared" si="361"/>
        <v>45421.624999992455</v>
      </c>
    </row>
    <row r="3146" spans="2:14" x14ac:dyDescent="0.3">
      <c r="B3146">
        <f t="shared" si="355"/>
        <v>4</v>
      </c>
      <c r="C3146" s="16">
        <v>3112</v>
      </c>
      <c r="D3146" cm="1">
        <f t="array" ref="D3146">IFERROR(INDEX(Jesper!AH$2:AH$366,ROUNDDOWN($C3146/24,0)+1,1)*INDEX($D$3:$AA$30,INDEX(Jesper!$R$2:$R$366,ROW(INDEX(Jesper!AH$2:AH$366,ROUNDDOWN($C3146/24,0)+1,1))-1)+IF('Standard Profiles'!$G$18=$B$10,7,0)+IF('Standard Profiles'!$G$18=$B$17,14,0)+IF('Standard Profiles'!$G$18=$B$24,21,0),MOD($C3146,24)+1)/SUM(INDEX($D$3:$AA$30,INDEX(Jesper!$R$2:$R$366,ROW(INDEX(Jesper!AH$2:AH$366,ROUNDDOWN($C3146/24,0)+1,1))-1)+IF('Standard Profiles'!$G$18=$B$10,7,0)+IF('Standard Profiles'!$G$18=$B$17,14,0)+IF('Standard Profiles'!$G$18=$B$24,21,0),0)),0)</f>
        <v>13.935288714171328</v>
      </c>
      <c r="E3146" cm="1">
        <f t="array" ref="E3146">IFERROR(INDEX(Jesper!AI$2:AI$366,ROUNDDOWN($C3146/24,0)+1,1)*INDEX($D$3:$AA$30,INDEX(Jesper!$R$2:$R$366,ROW(INDEX(Jesper!AI$2:AI$366,ROUNDDOWN($C3146/24,0)+1,1))-1)+IF('Standard Profiles'!$G$19=$B$10,7,0)+IF('Standard Profiles'!$G$19=$B$17,14,0)+IF('Standard Profiles'!$G$19=$B$24,21,0),MOD($C3146,24)+1)/SUM(INDEX($D$3:$AA$30,INDEX(Jesper!$R$2:$R$366,ROW(INDEX(Jesper!AI$2:AI$366,ROUNDDOWN($C3146/24,0)+1,1))-1)+IF('Standard Profiles'!$G$19=$B$10,7,0)+IF('Standard Profiles'!$G$19=$B$17,14,0)+IF('Standard Profiles'!$G$19=$B$24,21,0),0)),0)</f>
        <v>0</v>
      </c>
      <c r="F3146" cm="1">
        <f t="array" ref="F3146">IFERROR(INDEX(Jesper!AJ$2:AJ$366,ROUNDDOWN($C3146/24,0)+1,1)*INDEX($D$3:$AA$30,INDEX(Jesper!$R$2:$R$366,ROW(INDEX(Jesper!AJ$2:AJ$366,ROUNDDOWN($C3146/24,0)+1,1))-1)+IF('Standard Profiles'!$G$20=$B$10,7,0)+IF('Standard Profiles'!$G$20=$B$17,14,0)+IF('Standard Profiles'!$G$20=$B$24,21,0),MOD($C3146,24)+1)/SUM(INDEX($D$3:$AA$30,INDEX(Jesper!$R$2:$R$366,ROW(INDEX(Jesper!AJ$2:AJ$366,ROUNDDOWN($C3146/24,0)+1,1))-1)+IF('Standard Profiles'!$G$20=$B$10,7,0)+IF('Standard Profiles'!$G$20=$B$17,14,0)+IF('Standard Profiles'!$G$20=$B$24,21,0),0)),0)</f>
        <v>0</v>
      </c>
      <c r="G3146" cm="1">
        <f t="array" ref="G3146">IFERROR(INDEX(Jesper!AK$2:AK$366,ROUNDDOWN($C3146/24,0)+1,1)*INDEX($D$3:$AA$30,INDEX(Jesper!$R$2:$R$366,ROW(INDEX(Jesper!AK$2:AK$366,ROUNDDOWN($C3146/24,0)+1,1))-1)+IF('Standard Profiles'!$G$21=$B$10,7,0)+IF('Standard Profiles'!$G$21=$B$17,14,0)+IF('Standard Profiles'!$G$21=$B$24,21,0),MOD($C3146,24)+1)/SUM(INDEX($D$3:$AA$30,INDEX(Jesper!$R$2:$R$366,ROW(INDEX(Jesper!AK$2:AK$366,ROUNDDOWN($C3146/24,0)+1,1))-1)+IF('Standard Profiles'!$G$21=$B$10,7,0)+IF('Standard Profiles'!$G$21=$B$17,14,0)+IF('Standard Profiles'!$G$21=$B$24,21,0),0)),0)</f>
        <v>0</v>
      </c>
      <c r="H3146" cm="1">
        <f t="array" ref="H3146">IFERROR(INDEX(Jesper!AL$2:AL$366,ROUNDDOWN($C3146/24,0)+1,1)*INDEX($D$3:$AA$30,INDEX(Jesper!$R$2:$R$366,ROW(INDEX(Jesper!AL$2:AL$366,ROUNDDOWN($C3146/24,0)+1,1))-1)+IF('Standard Profiles'!$G$22=$B$10,7,0)+IF('Standard Profiles'!$G$22=$B$17,14,0)+IF('Standard Profiles'!$G$22=$B$24,21,0),MOD($C3146,24)+1)/SUM(INDEX($D$3:$AA$30,INDEX(Jesper!$R$2:$R$366,ROW(INDEX(Jesper!AL$2:AL$366,ROUNDDOWN($C3146/24,0)+1,1))-1)+IF('Standard Profiles'!$G$22=$B$10,7,0)+IF('Standard Profiles'!$G$22=$B$17,14,0)+IF('Standard Profiles'!$G$22=$B$24,21,0),0)),0)</f>
        <v>0</v>
      </c>
      <c r="I3146">
        <f t="shared" si="356"/>
        <v>0.41805866142513981</v>
      </c>
      <c r="J3146">
        <f t="shared" si="357"/>
        <v>1.393528871417133</v>
      </c>
      <c r="K3146">
        <f t="shared" si="358"/>
        <v>2.0902933071256991</v>
      </c>
      <c r="L3146">
        <f t="shared" si="359"/>
        <v>10.033407874203355</v>
      </c>
      <c r="M3146">
        <f t="shared" si="360"/>
        <v>0</v>
      </c>
      <c r="N3146" s="46">
        <f t="shared" si="361"/>
        <v>45421.666666659119</v>
      </c>
    </row>
    <row r="3147" spans="2:14" x14ac:dyDescent="0.3">
      <c r="B3147">
        <f t="shared" si="355"/>
        <v>4</v>
      </c>
      <c r="C3147" s="16">
        <v>3113</v>
      </c>
      <c r="D3147" cm="1">
        <f t="array" ref="D3147">IFERROR(INDEX(Jesper!AH$2:AH$366,ROUNDDOWN($C3147/24,0)+1,1)*INDEX($D$3:$AA$30,INDEX(Jesper!$R$2:$R$366,ROW(INDEX(Jesper!AH$2:AH$366,ROUNDDOWN($C3147/24,0)+1,1))-1)+IF('Standard Profiles'!$G$18=$B$10,7,0)+IF('Standard Profiles'!$G$18=$B$17,14,0)+IF('Standard Profiles'!$G$18=$B$24,21,0),MOD($C3147,24)+1)/SUM(INDEX($D$3:$AA$30,INDEX(Jesper!$R$2:$R$366,ROW(INDEX(Jesper!AH$2:AH$366,ROUNDDOWN($C3147/24,0)+1,1))-1)+IF('Standard Profiles'!$G$18=$B$10,7,0)+IF('Standard Profiles'!$G$18=$B$17,14,0)+IF('Standard Profiles'!$G$18=$B$24,21,0),0)),0)</f>
        <v>13.935288714171328</v>
      </c>
      <c r="E3147" cm="1">
        <f t="array" ref="E3147">IFERROR(INDEX(Jesper!AI$2:AI$366,ROUNDDOWN($C3147/24,0)+1,1)*INDEX($D$3:$AA$30,INDEX(Jesper!$R$2:$R$366,ROW(INDEX(Jesper!AI$2:AI$366,ROUNDDOWN($C3147/24,0)+1,1))-1)+IF('Standard Profiles'!$G$19=$B$10,7,0)+IF('Standard Profiles'!$G$19=$B$17,14,0)+IF('Standard Profiles'!$G$19=$B$24,21,0),MOD($C3147,24)+1)/SUM(INDEX($D$3:$AA$30,INDEX(Jesper!$R$2:$R$366,ROW(INDEX(Jesper!AI$2:AI$366,ROUNDDOWN($C3147/24,0)+1,1))-1)+IF('Standard Profiles'!$G$19=$B$10,7,0)+IF('Standard Profiles'!$G$19=$B$17,14,0)+IF('Standard Profiles'!$G$19=$B$24,21,0),0)),0)</f>
        <v>0</v>
      </c>
      <c r="F3147" cm="1">
        <f t="array" ref="F3147">IFERROR(INDEX(Jesper!AJ$2:AJ$366,ROUNDDOWN($C3147/24,0)+1,1)*INDEX($D$3:$AA$30,INDEX(Jesper!$R$2:$R$366,ROW(INDEX(Jesper!AJ$2:AJ$366,ROUNDDOWN($C3147/24,0)+1,1))-1)+IF('Standard Profiles'!$G$20=$B$10,7,0)+IF('Standard Profiles'!$G$20=$B$17,14,0)+IF('Standard Profiles'!$G$20=$B$24,21,0),MOD($C3147,24)+1)/SUM(INDEX($D$3:$AA$30,INDEX(Jesper!$R$2:$R$366,ROW(INDEX(Jesper!AJ$2:AJ$366,ROUNDDOWN($C3147/24,0)+1,1))-1)+IF('Standard Profiles'!$G$20=$B$10,7,0)+IF('Standard Profiles'!$G$20=$B$17,14,0)+IF('Standard Profiles'!$G$20=$B$24,21,0),0)),0)</f>
        <v>0</v>
      </c>
      <c r="G3147" cm="1">
        <f t="array" ref="G3147">IFERROR(INDEX(Jesper!AK$2:AK$366,ROUNDDOWN($C3147/24,0)+1,1)*INDEX($D$3:$AA$30,INDEX(Jesper!$R$2:$R$366,ROW(INDEX(Jesper!AK$2:AK$366,ROUNDDOWN($C3147/24,0)+1,1))-1)+IF('Standard Profiles'!$G$21=$B$10,7,0)+IF('Standard Profiles'!$G$21=$B$17,14,0)+IF('Standard Profiles'!$G$21=$B$24,21,0),MOD($C3147,24)+1)/SUM(INDEX($D$3:$AA$30,INDEX(Jesper!$R$2:$R$366,ROW(INDEX(Jesper!AK$2:AK$366,ROUNDDOWN($C3147/24,0)+1,1))-1)+IF('Standard Profiles'!$G$21=$B$10,7,0)+IF('Standard Profiles'!$G$21=$B$17,14,0)+IF('Standard Profiles'!$G$21=$B$24,21,0),0)),0)</f>
        <v>0</v>
      </c>
      <c r="H3147" cm="1">
        <f t="array" ref="H3147">IFERROR(INDEX(Jesper!AL$2:AL$366,ROUNDDOWN($C3147/24,0)+1,1)*INDEX($D$3:$AA$30,INDEX(Jesper!$R$2:$R$366,ROW(INDEX(Jesper!AL$2:AL$366,ROUNDDOWN($C3147/24,0)+1,1))-1)+IF('Standard Profiles'!$G$22=$B$10,7,0)+IF('Standard Profiles'!$G$22=$B$17,14,0)+IF('Standard Profiles'!$G$22=$B$24,21,0),MOD($C3147,24)+1)/SUM(INDEX($D$3:$AA$30,INDEX(Jesper!$R$2:$R$366,ROW(INDEX(Jesper!AL$2:AL$366,ROUNDDOWN($C3147/24,0)+1,1))-1)+IF('Standard Profiles'!$G$22=$B$10,7,0)+IF('Standard Profiles'!$G$22=$B$17,14,0)+IF('Standard Profiles'!$G$22=$B$24,21,0),0)),0)</f>
        <v>0</v>
      </c>
      <c r="I3147">
        <f t="shared" si="356"/>
        <v>0.41805866142513981</v>
      </c>
      <c r="J3147">
        <f t="shared" si="357"/>
        <v>1.393528871417133</v>
      </c>
      <c r="K3147">
        <f t="shared" si="358"/>
        <v>2.0902933071256991</v>
      </c>
      <c r="L3147">
        <f t="shared" si="359"/>
        <v>10.033407874203355</v>
      </c>
      <c r="M3147">
        <f t="shared" si="360"/>
        <v>0</v>
      </c>
      <c r="N3147" s="46">
        <f t="shared" si="361"/>
        <v>45421.708333325783</v>
      </c>
    </row>
    <row r="3148" spans="2:14" x14ac:dyDescent="0.3">
      <c r="B3148">
        <f t="shared" si="355"/>
        <v>4</v>
      </c>
      <c r="C3148" s="16">
        <v>3114</v>
      </c>
      <c r="D3148" cm="1">
        <f t="array" ref="D3148">IFERROR(INDEX(Jesper!AH$2:AH$366,ROUNDDOWN($C3148/24,0)+1,1)*INDEX($D$3:$AA$30,INDEX(Jesper!$R$2:$R$366,ROW(INDEX(Jesper!AH$2:AH$366,ROUNDDOWN($C3148/24,0)+1,1))-1)+IF('Standard Profiles'!$G$18=$B$10,7,0)+IF('Standard Profiles'!$G$18=$B$17,14,0)+IF('Standard Profiles'!$G$18=$B$24,21,0),MOD($C3148,24)+1)/SUM(INDEX($D$3:$AA$30,INDEX(Jesper!$R$2:$R$366,ROW(INDEX(Jesper!AH$2:AH$366,ROUNDDOWN($C3148/24,0)+1,1))-1)+IF('Standard Profiles'!$G$18=$B$10,7,0)+IF('Standard Profiles'!$G$18=$B$17,14,0)+IF('Standard Profiles'!$G$18=$B$24,21,0),0)),0)</f>
        <v>13.935288714171328</v>
      </c>
      <c r="E3148" cm="1">
        <f t="array" ref="E3148">IFERROR(INDEX(Jesper!AI$2:AI$366,ROUNDDOWN($C3148/24,0)+1,1)*INDEX($D$3:$AA$30,INDEX(Jesper!$R$2:$R$366,ROW(INDEX(Jesper!AI$2:AI$366,ROUNDDOWN($C3148/24,0)+1,1))-1)+IF('Standard Profiles'!$G$19=$B$10,7,0)+IF('Standard Profiles'!$G$19=$B$17,14,0)+IF('Standard Profiles'!$G$19=$B$24,21,0),MOD($C3148,24)+1)/SUM(INDEX($D$3:$AA$30,INDEX(Jesper!$R$2:$R$366,ROW(INDEX(Jesper!AI$2:AI$366,ROUNDDOWN($C3148/24,0)+1,1))-1)+IF('Standard Profiles'!$G$19=$B$10,7,0)+IF('Standard Profiles'!$G$19=$B$17,14,0)+IF('Standard Profiles'!$G$19=$B$24,21,0),0)),0)</f>
        <v>0</v>
      </c>
      <c r="F3148" cm="1">
        <f t="array" ref="F3148">IFERROR(INDEX(Jesper!AJ$2:AJ$366,ROUNDDOWN($C3148/24,0)+1,1)*INDEX($D$3:$AA$30,INDEX(Jesper!$R$2:$R$366,ROW(INDEX(Jesper!AJ$2:AJ$366,ROUNDDOWN($C3148/24,0)+1,1))-1)+IF('Standard Profiles'!$G$20=$B$10,7,0)+IF('Standard Profiles'!$G$20=$B$17,14,0)+IF('Standard Profiles'!$G$20=$B$24,21,0),MOD($C3148,24)+1)/SUM(INDEX($D$3:$AA$30,INDEX(Jesper!$R$2:$R$366,ROW(INDEX(Jesper!AJ$2:AJ$366,ROUNDDOWN($C3148/24,0)+1,1))-1)+IF('Standard Profiles'!$G$20=$B$10,7,0)+IF('Standard Profiles'!$G$20=$B$17,14,0)+IF('Standard Profiles'!$G$20=$B$24,21,0),0)),0)</f>
        <v>0</v>
      </c>
      <c r="G3148" cm="1">
        <f t="array" ref="G3148">IFERROR(INDEX(Jesper!AK$2:AK$366,ROUNDDOWN($C3148/24,0)+1,1)*INDEX($D$3:$AA$30,INDEX(Jesper!$R$2:$R$366,ROW(INDEX(Jesper!AK$2:AK$366,ROUNDDOWN($C3148/24,0)+1,1))-1)+IF('Standard Profiles'!$G$21=$B$10,7,0)+IF('Standard Profiles'!$G$21=$B$17,14,0)+IF('Standard Profiles'!$G$21=$B$24,21,0),MOD($C3148,24)+1)/SUM(INDEX($D$3:$AA$30,INDEX(Jesper!$R$2:$R$366,ROW(INDEX(Jesper!AK$2:AK$366,ROUNDDOWN($C3148/24,0)+1,1))-1)+IF('Standard Profiles'!$G$21=$B$10,7,0)+IF('Standard Profiles'!$G$21=$B$17,14,0)+IF('Standard Profiles'!$G$21=$B$24,21,0),0)),0)</f>
        <v>0</v>
      </c>
      <c r="H3148" cm="1">
        <f t="array" ref="H3148">IFERROR(INDEX(Jesper!AL$2:AL$366,ROUNDDOWN($C3148/24,0)+1,1)*INDEX($D$3:$AA$30,INDEX(Jesper!$R$2:$R$366,ROW(INDEX(Jesper!AL$2:AL$366,ROUNDDOWN($C3148/24,0)+1,1))-1)+IF('Standard Profiles'!$G$22=$B$10,7,0)+IF('Standard Profiles'!$G$22=$B$17,14,0)+IF('Standard Profiles'!$G$22=$B$24,21,0),MOD($C3148,24)+1)/SUM(INDEX($D$3:$AA$30,INDEX(Jesper!$R$2:$R$366,ROW(INDEX(Jesper!AL$2:AL$366,ROUNDDOWN($C3148/24,0)+1,1))-1)+IF('Standard Profiles'!$G$22=$B$10,7,0)+IF('Standard Profiles'!$G$22=$B$17,14,0)+IF('Standard Profiles'!$G$22=$B$24,21,0),0)),0)</f>
        <v>0</v>
      </c>
      <c r="I3148">
        <f t="shared" si="356"/>
        <v>0.41805866142513981</v>
      </c>
      <c r="J3148">
        <f t="shared" si="357"/>
        <v>1.393528871417133</v>
      </c>
      <c r="K3148">
        <f t="shared" si="358"/>
        <v>2.0902933071256991</v>
      </c>
      <c r="L3148">
        <f t="shared" si="359"/>
        <v>10.033407874203355</v>
      </c>
      <c r="M3148">
        <f t="shared" si="360"/>
        <v>0</v>
      </c>
      <c r="N3148" s="46">
        <f t="shared" si="361"/>
        <v>45421.749999992448</v>
      </c>
    </row>
    <row r="3149" spans="2:14" x14ac:dyDescent="0.3">
      <c r="B3149">
        <f t="shared" si="355"/>
        <v>4</v>
      </c>
      <c r="C3149" s="16">
        <v>3115</v>
      </c>
      <c r="D3149" cm="1">
        <f t="array" ref="D3149">IFERROR(INDEX(Jesper!AH$2:AH$366,ROUNDDOWN($C3149/24,0)+1,1)*INDEX($D$3:$AA$30,INDEX(Jesper!$R$2:$R$366,ROW(INDEX(Jesper!AH$2:AH$366,ROUNDDOWN($C3149/24,0)+1,1))-1)+IF('Standard Profiles'!$G$18=$B$10,7,0)+IF('Standard Profiles'!$G$18=$B$17,14,0)+IF('Standard Profiles'!$G$18=$B$24,21,0),MOD($C3149,24)+1)/SUM(INDEX($D$3:$AA$30,INDEX(Jesper!$R$2:$R$366,ROW(INDEX(Jesper!AH$2:AH$366,ROUNDDOWN($C3149/24,0)+1,1))-1)+IF('Standard Profiles'!$G$18=$B$10,7,0)+IF('Standard Profiles'!$G$18=$B$17,14,0)+IF('Standard Profiles'!$G$18=$B$24,21,0),0)),0)</f>
        <v>11.612740595142773</v>
      </c>
      <c r="E3149" cm="1">
        <f t="array" ref="E3149">IFERROR(INDEX(Jesper!AI$2:AI$366,ROUNDDOWN($C3149/24,0)+1,1)*INDEX($D$3:$AA$30,INDEX(Jesper!$R$2:$R$366,ROW(INDEX(Jesper!AI$2:AI$366,ROUNDDOWN($C3149/24,0)+1,1))-1)+IF('Standard Profiles'!$G$19=$B$10,7,0)+IF('Standard Profiles'!$G$19=$B$17,14,0)+IF('Standard Profiles'!$G$19=$B$24,21,0),MOD($C3149,24)+1)/SUM(INDEX($D$3:$AA$30,INDEX(Jesper!$R$2:$R$366,ROW(INDEX(Jesper!AI$2:AI$366,ROUNDDOWN($C3149/24,0)+1,1))-1)+IF('Standard Profiles'!$G$19=$B$10,7,0)+IF('Standard Profiles'!$G$19=$B$17,14,0)+IF('Standard Profiles'!$G$19=$B$24,21,0),0)),0)</f>
        <v>0</v>
      </c>
      <c r="F3149" cm="1">
        <f t="array" ref="F3149">IFERROR(INDEX(Jesper!AJ$2:AJ$366,ROUNDDOWN($C3149/24,0)+1,1)*INDEX($D$3:$AA$30,INDEX(Jesper!$R$2:$R$366,ROW(INDEX(Jesper!AJ$2:AJ$366,ROUNDDOWN($C3149/24,0)+1,1))-1)+IF('Standard Profiles'!$G$20=$B$10,7,0)+IF('Standard Profiles'!$G$20=$B$17,14,0)+IF('Standard Profiles'!$G$20=$B$24,21,0),MOD($C3149,24)+1)/SUM(INDEX($D$3:$AA$30,INDEX(Jesper!$R$2:$R$366,ROW(INDEX(Jesper!AJ$2:AJ$366,ROUNDDOWN($C3149/24,0)+1,1))-1)+IF('Standard Profiles'!$G$20=$B$10,7,0)+IF('Standard Profiles'!$G$20=$B$17,14,0)+IF('Standard Profiles'!$G$20=$B$24,21,0),0)),0)</f>
        <v>0</v>
      </c>
      <c r="G3149" cm="1">
        <f t="array" ref="G3149">IFERROR(INDEX(Jesper!AK$2:AK$366,ROUNDDOWN($C3149/24,0)+1,1)*INDEX($D$3:$AA$30,INDEX(Jesper!$R$2:$R$366,ROW(INDEX(Jesper!AK$2:AK$366,ROUNDDOWN($C3149/24,0)+1,1))-1)+IF('Standard Profiles'!$G$21=$B$10,7,0)+IF('Standard Profiles'!$G$21=$B$17,14,0)+IF('Standard Profiles'!$G$21=$B$24,21,0),MOD($C3149,24)+1)/SUM(INDEX($D$3:$AA$30,INDEX(Jesper!$R$2:$R$366,ROW(INDEX(Jesper!AK$2:AK$366,ROUNDDOWN($C3149/24,0)+1,1))-1)+IF('Standard Profiles'!$G$21=$B$10,7,0)+IF('Standard Profiles'!$G$21=$B$17,14,0)+IF('Standard Profiles'!$G$21=$B$24,21,0),0)),0)</f>
        <v>0</v>
      </c>
      <c r="H3149" cm="1">
        <f t="array" ref="H3149">IFERROR(INDEX(Jesper!AL$2:AL$366,ROUNDDOWN($C3149/24,0)+1,1)*INDEX($D$3:$AA$30,INDEX(Jesper!$R$2:$R$366,ROW(INDEX(Jesper!AL$2:AL$366,ROUNDDOWN($C3149/24,0)+1,1))-1)+IF('Standard Profiles'!$G$22=$B$10,7,0)+IF('Standard Profiles'!$G$22=$B$17,14,0)+IF('Standard Profiles'!$G$22=$B$24,21,0),MOD($C3149,24)+1)/SUM(INDEX($D$3:$AA$30,INDEX(Jesper!$R$2:$R$366,ROW(INDEX(Jesper!AL$2:AL$366,ROUNDDOWN($C3149/24,0)+1,1))-1)+IF('Standard Profiles'!$G$22=$B$10,7,0)+IF('Standard Profiles'!$G$22=$B$17,14,0)+IF('Standard Profiles'!$G$22=$B$24,21,0),0)),0)</f>
        <v>0</v>
      </c>
      <c r="I3149">
        <f t="shared" si="356"/>
        <v>0.34838221785428319</v>
      </c>
      <c r="J3149">
        <f t="shared" si="357"/>
        <v>1.1612740595142774</v>
      </c>
      <c r="K3149">
        <f t="shared" si="358"/>
        <v>1.7419110892714158</v>
      </c>
      <c r="L3149">
        <f t="shared" si="359"/>
        <v>8.3611732285027962</v>
      </c>
      <c r="M3149">
        <f t="shared" si="360"/>
        <v>0</v>
      </c>
      <c r="N3149" s="46">
        <f t="shared" si="361"/>
        <v>45421.791666659112</v>
      </c>
    </row>
    <row r="3150" spans="2:14" x14ac:dyDescent="0.3">
      <c r="B3150">
        <f t="shared" si="355"/>
        <v>4</v>
      </c>
      <c r="C3150" s="16">
        <v>3116</v>
      </c>
      <c r="D3150" cm="1">
        <f t="array" ref="D3150">IFERROR(INDEX(Jesper!AH$2:AH$366,ROUNDDOWN($C3150/24,0)+1,1)*INDEX($D$3:$AA$30,INDEX(Jesper!$R$2:$R$366,ROW(INDEX(Jesper!AH$2:AH$366,ROUNDDOWN($C3150/24,0)+1,1))-1)+IF('Standard Profiles'!$G$18=$B$10,7,0)+IF('Standard Profiles'!$G$18=$B$17,14,0)+IF('Standard Profiles'!$G$18=$B$24,21,0),MOD($C3150,24)+1)/SUM(INDEX($D$3:$AA$30,INDEX(Jesper!$R$2:$R$366,ROW(INDEX(Jesper!AH$2:AH$366,ROUNDDOWN($C3150/24,0)+1,1))-1)+IF('Standard Profiles'!$G$18=$B$10,7,0)+IF('Standard Profiles'!$G$18=$B$17,14,0)+IF('Standard Profiles'!$G$18=$B$24,21,0),0)),0)</f>
        <v>9.2901924761142194</v>
      </c>
      <c r="E3150" cm="1">
        <f t="array" ref="E3150">IFERROR(INDEX(Jesper!AI$2:AI$366,ROUNDDOWN($C3150/24,0)+1,1)*INDEX($D$3:$AA$30,INDEX(Jesper!$R$2:$R$366,ROW(INDEX(Jesper!AI$2:AI$366,ROUNDDOWN($C3150/24,0)+1,1))-1)+IF('Standard Profiles'!$G$19=$B$10,7,0)+IF('Standard Profiles'!$G$19=$B$17,14,0)+IF('Standard Profiles'!$G$19=$B$24,21,0),MOD($C3150,24)+1)/SUM(INDEX($D$3:$AA$30,INDEX(Jesper!$R$2:$R$366,ROW(INDEX(Jesper!AI$2:AI$366,ROUNDDOWN($C3150/24,0)+1,1))-1)+IF('Standard Profiles'!$G$19=$B$10,7,0)+IF('Standard Profiles'!$G$19=$B$17,14,0)+IF('Standard Profiles'!$G$19=$B$24,21,0),0)),0)</f>
        <v>0</v>
      </c>
      <c r="F3150" cm="1">
        <f t="array" ref="F3150">IFERROR(INDEX(Jesper!AJ$2:AJ$366,ROUNDDOWN($C3150/24,0)+1,1)*INDEX($D$3:$AA$30,INDEX(Jesper!$R$2:$R$366,ROW(INDEX(Jesper!AJ$2:AJ$366,ROUNDDOWN($C3150/24,0)+1,1))-1)+IF('Standard Profiles'!$G$20=$B$10,7,0)+IF('Standard Profiles'!$G$20=$B$17,14,0)+IF('Standard Profiles'!$G$20=$B$24,21,0),MOD($C3150,24)+1)/SUM(INDEX($D$3:$AA$30,INDEX(Jesper!$R$2:$R$366,ROW(INDEX(Jesper!AJ$2:AJ$366,ROUNDDOWN($C3150/24,0)+1,1))-1)+IF('Standard Profiles'!$G$20=$B$10,7,0)+IF('Standard Profiles'!$G$20=$B$17,14,0)+IF('Standard Profiles'!$G$20=$B$24,21,0),0)),0)</f>
        <v>0</v>
      </c>
      <c r="G3150" cm="1">
        <f t="array" ref="G3150">IFERROR(INDEX(Jesper!AK$2:AK$366,ROUNDDOWN($C3150/24,0)+1,1)*INDEX($D$3:$AA$30,INDEX(Jesper!$R$2:$R$366,ROW(INDEX(Jesper!AK$2:AK$366,ROUNDDOWN($C3150/24,0)+1,1))-1)+IF('Standard Profiles'!$G$21=$B$10,7,0)+IF('Standard Profiles'!$G$21=$B$17,14,0)+IF('Standard Profiles'!$G$21=$B$24,21,0),MOD($C3150,24)+1)/SUM(INDEX($D$3:$AA$30,INDEX(Jesper!$R$2:$R$366,ROW(INDEX(Jesper!AK$2:AK$366,ROUNDDOWN($C3150/24,0)+1,1))-1)+IF('Standard Profiles'!$G$21=$B$10,7,0)+IF('Standard Profiles'!$G$21=$B$17,14,0)+IF('Standard Profiles'!$G$21=$B$24,21,0),0)),0)</f>
        <v>0</v>
      </c>
      <c r="H3150" cm="1">
        <f t="array" ref="H3150">IFERROR(INDEX(Jesper!AL$2:AL$366,ROUNDDOWN($C3150/24,0)+1,1)*INDEX($D$3:$AA$30,INDEX(Jesper!$R$2:$R$366,ROW(INDEX(Jesper!AL$2:AL$366,ROUNDDOWN($C3150/24,0)+1,1))-1)+IF('Standard Profiles'!$G$22=$B$10,7,0)+IF('Standard Profiles'!$G$22=$B$17,14,0)+IF('Standard Profiles'!$G$22=$B$24,21,0),MOD($C3150,24)+1)/SUM(INDEX($D$3:$AA$30,INDEX(Jesper!$R$2:$R$366,ROW(INDEX(Jesper!AL$2:AL$366,ROUNDDOWN($C3150/24,0)+1,1))-1)+IF('Standard Profiles'!$G$22=$B$10,7,0)+IF('Standard Profiles'!$G$22=$B$17,14,0)+IF('Standard Profiles'!$G$22=$B$24,21,0),0)),0)</f>
        <v>0</v>
      </c>
      <c r="I3150">
        <f t="shared" si="356"/>
        <v>0.27870577428342658</v>
      </c>
      <c r="J3150">
        <f t="shared" si="357"/>
        <v>0.92901924761142196</v>
      </c>
      <c r="K3150">
        <f t="shared" si="358"/>
        <v>1.3935288714171328</v>
      </c>
      <c r="L3150">
        <f t="shared" si="359"/>
        <v>6.6889385828022379</v>
      </c>
      <c r="M3150">
        <f t="shared" si="360"/>
        <v>0</v>
      </c>
      <c r="N3150" s="46">
        <f t="shared" si="361"/>
        <v>45421.833333325776</v>
      </c>
    </row>
    <row r="3151" spans="2:14" x14ac:dyDescent="0.3">
      <c r="B3151">
        <f t="shared" si="355"/>
        <v>4</v>
      </c>
      <c r="C3151" s="16">
        <v>3117</v>
      </c>
      <c r="D3151" cm="1">
        <f t="array" ref="D3151">IFERROR(INDEX(Jesper!AH$2:AH$366,ROUNDDOWN($C3151/24,0)+1,1)*INDEX($D$3:$AA$30,INDEX(Jesper!$R$2:$R$366,ROW(INDEX(Jesper!AH$2:AH$366,ROUNDDOWN($C3151/24,0)+1,1))-1)+IF('Standard Profiles'!$G$18=$B$10,7,0)+IF('Standard Profiles'!$G$18=$B$17,14,0)+IF('Standard Profiles'!$G$18=$B$24,21,0),MOD($C3151,24)+1)/SUM(INDEX($D$3:$AA$30,INDEX(Jesper!$R$2:$R$366,ROW(INDEX(Jesper!AH$2:AH$366,ROUNDDOWN($C3151/24,0)+1,1))-1)+IF('Standard Profiles'!$G$18=$B$10,7,0)+IF('Standard Profiles'!$G$18=$B$17,14,0)+IF('Standard Profiles'!$G$18=$B$24,21,0),0)),0)</f>
        <v>6.9676443570856641</v>
      </c>
      <c r="E3151" cm="1">
        <f t="array" ref="E3151">IFERROR(INDEX(Jesper!AI$2:AI$366,ROUNDDOWN($C3151/24,0)+1,1)*INDEX($D$3:$AA$30,INDEX(Jesper!$R$2:$R$366,ROW(INDEX(Jesper!AI$2:AI$366,ROUNDDOWN($C3151/24,0)+1,1))-1)+IF('Standard Profiles'!$G$19=$B$10,7,0)+IF('Standard Profiles'!$G$19=$B$17,14,0)+IF('Standard Profiles'!$G$19=$B$24,21,0),MOD($C3151,24)+1)/SUM(INDEX($D$3:$AA$30,INDEX(Jesper!$R$2:$R$366,ROW(INDEX(Jesper!AI$2:AI$366,ROUNDDOWN($C3151/24,0)+1,1))-1)+IF('Standard Profiles'!$G$19=$B$10,7,0)+IF('Standard Profiles'!$G$19=$B$17,14,0)+IF('Standard Profiles'!$G$19=$B$24,21,0),0)),0)</f>
        <v>0</v>
      </c>
      <c r="F3151" cm="1">
        <f t="array" ref="F3151">IFERROR(INDEX(Jesper!AJ$2:AJ$366,ROUNDDOWN($C3151/24,0)+1,1)*INDEX($D$3:$AA$30,INDEX(Jesper!$R$2:$R$366,ROW(INDEX(Jesper!AJ$2:AJ$366,ROUNDDOWN($C3151/24,0)+1,1))-1)+IF('Standard Profiles'!$G$20=$B$10,7,0)+IF('Standard Profiles'!$G$20=$B$17,14,0)+IF('Standard Profiles'!$G$20=$B$24,21,0),MOD($C3151,24)+1)/SUM(INDEX($D$3:$AA$30,INDEX(Jesper!$R$2:$R$366,ROW(INDEX(Jesper!AJ$2:AJ$366,ROUNDDOWN($C3151/24,0)+1,1))-1)+IF('Standard Profiles'!$G$20=$B$10,7,0)+IF('Standard Profiles'!$G$20=$B$17,14,0)+IF('Standard Profiles'!$G$20=$B$24,21,0),0)),0)</f>
        <v>0</v>
      </c>
      <c r="G3151" cm="1">
        <f t="array" ref="G3151">IFERROR(INDEX(Jesper!AK$2:AK$366,ROUNDDOWN($C3151/24,0)+1,1)*INDEX($D$3:$AA$30,INDEX(Jesper!$R$2:$R$366,ROW(INDEX(Jesper!AK$2:AK$366,ROUNDDOWN($C3151/24,0)+1,1))-1)+IF('Standard Profiles'!$G$21=$B$10,7,0)+IF('Standard Profiles'!$G$21=$B$17,14,0)+IF('Standard Profiles'!$G$21=$B$24,21,0),MOD($C3151,24)+1)/SUM(INDEX($D$3:$AA$30,INDEX(Jesper!$R$2:$R$366,ROW(INDEX(Jesper!AK$2:AK$366,ROUNDDOWN($C3151/24,0)+1,1))-1)+IF('Standard Profiles'!$G$21=$B$10,7,0)+IF('Standard Profiles'!$G$21=$B$17,14,0)+IF('Standard Profiles'!$G$21=$B$24,21,0),0)),0)</f>
        <v>0</v>
      </c>
      <c r="H3151" cm="1">
        <f t="array" ref="H3151">IFERROR(INDEX(Jesper!AL$2:AL$366,ROUNDDOWN($C3151/24,0)+1,1)*INDEX($D$3:$AA$30,INDEX(Jesper!$R$2:$R$366,ROW(INDEX(Jesper!AL$2:AL$366,ROUNDDOWN($C3151/24,0)+1,1))-1)+IF('Standard Profiles'!$G$22=$B$10,7,0)+IF('Standard Profiles'!$G$22=$B$17,14,0)+IF('Standard Profiles'!$G$22=$B$24,21,0),MOD($C3151,24)+1)/SUM(INDEX($D$3:$AA$30,INDEX(Jesper!$R$2:$R$366,ROW(INDEX(Jesper!AL$2:AL$366,ROUNDDOWN($C3151/24,0)+1,1))-1)+IF('Standard Profiles'!$G$22=$B$10,7,0)+IF('Standard Profiles'!$G$22=$B$17,14,0)+IF('Standard Profiles'!$G$22=$B$24,21,0),0)),0)</f>
        <v>0</v>
      </c>
      <c r="I3151">
        <f t="shared" si="356"/>
        <v>0.20902933071256991</v>
      </c>
      <c r="J3151">
        <f t="shared" si="357"/>
        <v>0.6967644357085665</v>
      </c>
      <c r="K3151">
        <f t="shared" si="358"/>
        <v>1.0451466535628495</v>
      </c>
      <c r="L3151">
        <f t="shared" si="359"/>
        <v>5.0167039371016777</v>
      </c>
      <c r="M3151">
        <f t="shared" si="360"/>
        <v>0</v>
      </c>
      <c r="N3151" s="46">
        <f t="shared" si="361"/>
        <v>45421.87499999244</v>
      </c>
    </row>
    <row r="3152" spans="2:14" x14ac:dyDescent="0.3">
      <c r="B3152">
        <f t="shared" si="355"/>
        <v>4</v>
      </c>
      <c r="C3152" s="16">
        <v>3118</v>
      </c>
      <c r="D3152" cm="1">
        <f t="array" ref="D3152">IFERROR(INDEX(Jesper!AH$2:AH$366,ROUNDDOWN($C3152/24,0)+1,1)*INDEX($D$3:$AA$30,INDEX(Jesper!$R$2:$R$366,ROW(INDEX(Jesper!AH$2:AH$366,ROUNDDOWN($C3152/24,0)+1,1))-1)+IF('Standard Profiles'!$G$18=$B$10,7,0)+IF('Standard Profiles'!$G$18=$B$17,14,0)+IF('Standard Profiles'!$G$18=$B$24,21,0),MOD($C3152,24)+1)/SUM(INDEX($D$3:$AA$30,INDEX(Jesper!$R$2:$R$366,ROW(INDEX(Jesper!AH$2:AH$366,ROUNDDOWN($C3152/24,0)+1,1))-1)+IF('Standard Profiles'!$G$18=$B$10,7,0)+IF('Standard Profiles'!$G$18=$B$17,14,0)+IF('Standard Profiles'!$G$18=$B$24,21,0),0)),0)</f>
        <v>6.9676443570856641</v>
      </c>
      <c r="E3152" cm="1">
        <f t="array" ref="E3152">IFERROR(INDEX(Jesper!AI$2:AI$366,ROUNDDOWN($C3152/24,0)+1,1)*INDEX($D$3:$AA$30,INDEX(Jesper!$R$2:$R$366,ROW(INDEX(Jesper!AI$2:AI$366,ROUNDDOWN($C3152/24,0)+1,1))-1)+IF('Standard Profiles'!$G$19=$B$10,7,0)+IF('Standard Profiles'!$G$19=$B$17,14,0)+IF('Standard Profiles'!$G$19=$B$24,21,0),MOD($C3152,24)+1)/SUM(INDEX($D$3:$AA$30,INDEX(Jesper!$R$2:$R$366,ROW(INDEX(Jesper!AI$2:AI$366,ROUNDDOWN($C3152/24,0)+1,1))-1)+IF('Standard Profiles'!$G$19=$B$10,7,0)+IF('Standard Profiles'!$G$19=$B$17,14,0)+IF('Standard Profiles'!$G$19=$B$24,21,0),0)),0)</f>
        <v>0</v>
      </c>
      <c r="F3152" cm="1">
        <f t="array" ref="F3152">IFERROR(INDEX(Jesper!AJ$2:AJ$366,ROUNDDOWN($C3152/24,0)+1,1)*INDEX($D$3:$AA$30,INDEX(Jesper!$R$2:$R$366,ROW(INDEX(Jesper!AJ$2:AJ$366,ROUNDDOWN($C3152/24,0)+1,1))-1)+IF('Standard Profiles'!$G$20=$B$10,7,0)+IF('Standard Profiles'!$G$20=$B$17,14,0)+IF('Standard Profiles'!$G$20=$B$24,21,0),MOD($C3152,24)+1)/SUM(INDEX($D$3:$AA$30,INDEX(Jesper!$R$2:$R$366,ROW(INDEX(Jesper!AJ$2:AJ$366,ROUNDDOWN($C3152/24,0)+1,1))-1)+IF('Standard Profiles'!$G$20=$B$10,7,0)+IF('Standard Profiles'!$G$20=$B$17,14,0)+IF('Standard Profiles'!$G$20=$B$24,21,0),0)),0)</f>
        <v>0</v>
      </c>
      <c r="G3152" cm="1">
        <f t="array" ref="G3152">IFERROR(INDEX(Jesper!AK$2:AK$366,ROUNDDOWN($C3152/24,0)+1,1)*INDEX($D$3:$AA$30,INDEX(Jesper!$R$2:$R$366,ROW(INDEX(Jesper!AK$2:AK$366,ROUNDDOWN($C3152/24,0)+1,1))-1)+IF('Standard Profiles'!$G$21=$B$10,7,0)+IF('Standard Profiles'!$G$21=$B$17,14,0)+IF('Standard Profiles'!$G$21=$B$24,21,0),MOD($C3152,24)+1)/SUM(INDEX($D$3:$AA$30,INDEX(Jesper!$R$2:$R$366,ROW(INDEX(Jesper!AK$2:AK$366,ROUNDDOWN($C3152/24,0)+1,1))-1)+IF('Standard Profiles'!$G$21=$B$10,7,0)+IF('Standard Profiles'!$G$21=$B$17,14,0)+IF('Standard Profiles'!$G$21=$B$24,21,0),0)),0)</f>
        <v>0</v>
      </c>
      <c r="H3152" cm="1">
        <f t="array" ref="H3152">IFERROR(INDEX(Jesper!AL$2:AL$366,ROUNDDOWN($C3152/24,0)+1,1)*INDEX($D$3:$AA$30,INDEX(Jesper!$R$2:$R$366,ROW(INDEX(Jesper!AL$2:AL$366,ROUNDDOWN($C3152/24,0)+1,1))-1)+IF('Standard Profiles'!$G$22=$B$10,7,0)+IF('Standard Profiles'!$G$22=$B$17,14,0)+IF('Standard Profiles'!$G$22=$B$24,21,0),MOD($C3152,24)+1)/SUM(INDEX($D$3:$AA$30,INDEX(Jesper!$R$2:$R$366,ROW(INDEX(Jesper!AL$2:AL$366,ROUNDDOWN($C3152/24,0)+1,1))-1)+IF('Standard Profiles'!$G$22=$B$10,7,0)+IF('Standard Profiles'!$G$22=$B$17,14,0)+IF('Standard Profiles'!$G$22=$B$24,21,0),0)),0)</f>
        <v>0</v>
      </c>
      <c r="I3152">
        <f t="shared" si="356"/>
        <v>0.20902933071256991</v>
      </c>
      <c r="J3152">
        <f t="shared" si="357"/>
        <v>0.6967644357085665</v>
      </c>
      <c r="K3152">
        <f t="shared" si="358"/>
        <v>1.0451466535628495</v>
      </c>
      <c r="L3152">
        <f t="shared" si="359"/>
        <v>5.0167039371016777</v>
      </c>
      <c r="M3152">
        <f t="shared" si="360"/>
        <v>0</v>
      </c>
      <c r="N3152" s="46">
        <f t="shared" si="361"/>
        <v>45421.916666659105</v>
      </c>
    </row>
    <row r="3153" spans="2:14" x14ac:dyDescent="0.3">
      <c r="B3153">
        <f t="shared" si="355"/>
        <v>4</v>
      </c>
      <c r="C3153" s="16">
        <v>3119</v>
      </c>
      <c r="D3153" cm="1">
        <f t="array" ref="D3153">IFERROR(INDEX(Jesper!AH$2:AH$366,ROUNDDOWN($C3153/24,0)+1,1)*INDEX($D$3:$AA$30,INDEX(Jesper!$R$2:$R$366,ROW(INDEX(Jesper!AH$2:AH$366,ROUNDDOWN($C3153/24,0)+1,1))-1)+IF('Standard Profiles'!$G$18=$B$10,7,0)+IF('Standard Profiles'!$G$18=$B$17,14,0)+IF('Standard Profiles'!$G$18=$B$24,21,0),MOD($C3153,24)+1)/SUM(INDEX($D$3:$AA$30,INDEX(Jesper!$R$2:$R$366,ROW(INDEX(Jesper!AH$2:AH$366,ROUNDDOWN($C3153/24,0)+1,1))-1)+IF('Standard Profiles'!$G$18=$B$10,7,0)+IF('Standard Profiles'!$G$18=$B$17,14,0)+IF('Standard Profiles'!$G$18=$B$24,21,0),0)),0)</f>
        <v>6.9676443570856641</v>
      </c>
      <c r="E3153" cm="1">
        <f t="array" ref="E3153">IFERROR(INDEX(Jesper!AI$2:AI$366,ROUNDDOWN($C3153/24,0)+1,1)*INDEX($D$3:$AA$30,INDEX(Jesper!$R$2:$R$366,ROW(INDEX(Jesper!AI$2:AI$366,ROUNDDOWN($C3153/24,0)+1,1))-1)+IF('Standard Profiles'!$G$19=$B$10,7,0)+IF('Standard Profiles'!$G$19=$B$17,14,0)+IF('Standard Profiles'!$G$19=$B$24,21,0),MOD($C3153,24)+1)/SUM(INDEX($D$3:$AA$30,INDEX(Jesper!$R$2:$R$366,ROW(INDEX(Jesper!AI$2:AI$366,ROUNDDOWN($C3153/24,0)+1,1))-1)+IF('Standard Profiles'!$G$19=$B$10,7,0)+IF('Standard Profiles'!$G$19=$B$17,14,0)+IF('Standard Profiles'!$G$19=$B$24,21,0),0)),0)</f>
        <v>0</v>
      </c>
      <c r="F3153" cm="1">
        <f t="array" ref="F3153">IFERROR(INDEX(Jesper!AJ$2:AJ$366,ROUNDDOWN($C3153/24,0)+1,1)*INDEX($D$3:$AA$30,INDEX(Jesper!$R$2:$R$366,ROW(INDEX(Jesper!AJ$2:AJ$366,ROUNDDOWN($C3153/24,0)+1,1))-1)+IF('Standard Profiles'!$G$20=$B$10,7,0)+IF('Standard Profiles'!$G$20=$B$17,14,0)+IF('Standard Profiles'!$G$20=$B$24,21,0),MOD($C3153,24)+1)/SUM(INDEX($D$3:$AA$30,INDEX(Jesper!$R$2:$R$366,ROW(INDEX(Jesper!AJ$2:AJ$366,ROUNDDOWN($C3153/24,0)+1,1))-1)+IF('Standard Profiles'!$G$20=$B$10,7,0)+IF('Standard Profiles'!$G$20=$B$17,14,0)+IF('Standard Profiles'!$G$20=$B$24,21,0),0)),0)</f>
        <v>0</v>
      </c>
      <c r="G3153" cm="1">
        <f t="array" ref="G3153">IFERROR(INDEX(Jesper!AK$2:AK$366,ROUNDDOWN($C3153/24,0)+1,1)*INDEX($D$3:$AA$30,INDEX(Jesper!$R$2:$R$366,ROW(INDEX(Jesper!AK$2:AK$366,ROUNDDOWN($C3153/24,0)+1,1))-1)+IF('Standard Profiles'!$G$21=$B$10,7,0)+IF('Standard Profiles'!$G$21=$B$17,14,0)+IF('Standard Profiles'!$G$21=$B$24,21,0),MOD($C3153,24)+1)/SUM(INDEX($D$3:$AA$30,INDEX(Jesper!$R$2:$R$366,ROW(INDEX(Jesper!AK$2:AK$366,ROUNDDOWN($C3153/24,0)+1,1))-1)+IF('Standard Profiles'!$G$21=$B$10,7,0)+IF('Standard Profiles'!$G$21=$B$17,14,0)+IF('Standard Profiles'!$G$21=$B$24,21,0),0)),0)</f>
        <v>0</v>
      </c>
      <c r="H3153" cm="1">
        <f t="array" ref="H3153">IFERROR(INDEX(Jesper!AL$2:AL$366,ROUNDDOWN($C3153/24,0)+1,1)*INDEX($D$3:$AA$30,INDEX(Jesper!$R$2:$R$366,ROW(INDEX(Jesper!AL$2:AL$366,ROUNDDOWN($C3153/24,0)+1,1))-1)+IF('Standard Profiles'!$G$22=$B$10,7,0)+IF('Standard Profiles'!$G$22=$B$17,14,0)+IF('Standard Profiles'!$G$22=$B$24,21,0),MOD($C3153,24)+1)/SUM(INDEX($D$3:$AA$30,INDEX(Jesper!$R$2:$R$366,ROW(INDEX(Jesper!AL$2:AL$366,ROUNDDOWN($C3153/24,0)+1,1))-1)+IF('Standard Profiles'!$G$22=$B$10,7,0)+IF('Standard Profiles'!$G$22=$B$17,14,0)+IF('Standard Profiles'!$G$22=$B$24,21,0),0)),0)</f>
        <v>0</v>
      </c>
      <c r="I3153">
        <f t="shared" si="356"/>
        <v>0.20902933071256991</v>
      </c>
      <c r="J3153">
        <f t="shared" si="357"/>
        <v>0.6967644357085665</v>
      </c>
      <c r="K3153">
        <f t="shared" si="358"/>
        <v>1.0451466535628495</v>
      </c>
      <c r="L3153">
        <f t="shared" si="359"/>
        <v>5.0167039371016777</v>
      </c>
      <c r="M3153">
        <f t="shared" si="360"/>
        <v>0</v>
      </c>
      <c r="N3153" s="46">
        <f t="shared" si="361"/>
        <v>45421.958333325769</v>
      </c>
    </row>
    <row r="3154" spans="2:14" x14ac:dyDescent="0.3">
      <c r="B3154">
        <f t="shared" si="355"/>
        <v>5</v>
      </c>
      <c r="C3154" s="16">
        <v>3120</v>
      </c>
      <c r="D3154" cm="1">
        <f t="array" ref="D3154">IFERROR(INDEX(Jesper!AH$2:AH$366,ROUNDDOWN($C3154/24,0)+1,1)*INDEX($D$3:$AA$30,INDEX(Jesper!$R$2:$R$366,ROW(INDEX(Jesper!AH$2:AH$366,ROUNDDOWN($C3154/24,0)+1,1))-1)+IF('Standard Profiles'!$G$18=$B$10,7,0)+IF('Standard Profiles'!$G$18=$B$17,14,0)+IF('Standard Profiles'!$G$18=$B$24,21,0),MOD($C3154,24)+1)/SUM(INDEX($D$3:$AA$30,INDEX(Jesper!$R$2:$R$366,ROW(INDEX(Jesper!AH$2:AH$366,ROUNDDOWN($C3154/24,0)+1,1))-1)+IF('Standard Profiles'!$G$18=$B$10,7,0)+IF('Standard Profiles'!$G$18=$B$17,14,0)+IF('Standard Profiles'!$G$18=$B$24,21,0),0)),0)</f>
        <v>7.7486846700111851</v>
      </c>
      <c r="E3154" cm="1">
        <f t="array" ref="E3154">IFERROR(INDEX(Jesper!AI$2:AI$366,ROUNDDOWN($C3154/24,0)+1,1)*INDEX($D$3:$AA$30,INDEX(Jesper!$R$2:$R$366,ROW(INDEX(Jesper!AI$2:AI$366,ROUNDDOWN($C3154/24,0)+1,1))-1)+IF('Standard Profiles'!$G$19=$B$10,7,0)+IF('Standard Profiles'!$G$19=$B$17,14,0)+IF('Standard Profiles'!$G$19=$B$24,21,0),MOD($C3154,24)+1)/SUM(INDEX($D$3:$AA$30,INDEX(Jesper!$R$2:$R$366,ROW(INDEX(Jesper!AI$2:AI$366,ROUNDDOWN($C3154/24,0)+1,1))-1)+IF('Standard Profiles'!$G$19=$B$10,7,0)+IF('Standard Profiles'!$G$19=$B$17,14,0)+IF('Standard Profiles'!$G$19=$B$24,21,0),0)),0)</f>
        <v>0</v>
      </c>
      <c r="F3154" cm="1">
        <f t="array" ref="F3154">IFERROR(INDEX(Jesper!AJ$2:AJ$366,ROUNDDOWN($C3154/24,0)+1,1)*INDEX($D$3:$AA$30,INDEX(Jesper!$R$2:$R$366,ROW(INDEX(Jesper!AJ$2:AJ$366,ROUNDDOWN($C3154/24,0)+1,1))-1)+IF('Standard Profiles'!$G$20=$B$10,7,0)+IF('Standard Profiles'!$G$20=$B$17,14,0)+IF('Standard Profiles'!$G$20=$B$24,21,0),MOD($C3154,24)+1)/SUM(INDEX($D$3:$AA$30,INDEX(Jesper!$R$2:$R$366,ROW(INDEX(Jesper!AJ$2:AJ$366,ROUNDDOWN($C3154/24,0)+1,1))-1)+IF('Standard Profiles'!$G$20=$B$10,7,0)+IF('Standard Profiles'!$G$20=$B$17,14,0)+IF('Standard Profiles'!$G$20=$B$24,21,0),0)),0)</f>
        <v>0</v>
      </c>
      <c r="G3154" cm="1">
        <f t="array" ref="G3154">IFERROR(INDEX(Jesper!AK$2:AK$366,ROUNDDOWN($C3154/24,0)+1,1)*INDEX($D$3:$AA$30,INDEX(Jesper!$R$2:$R$366,ROW(INDEX(Jesper!AK$2:AK$366,ROUNDDOWN($C3154/24,0)+1,1))-1)+IF('Standard Profiles'!$G$21=$B$10,7,0)+IF('Standard Profiles'!$G$21=$B$17,14,0)+IF('Standard Profiles'!$G$21=$B$24,21,0),MOD($C3154,24)+1)/SUM(INDEX($D$3:$AA$30,INDEX(Jesper!$R$2:$R$366,ROW(INDEX(Jesper!AK$2:AK$366,ROUNDDOWN($C3154/24,0)+1,1))-1)+IF('Standard Profiles'!$G$21=$B$10,7,0)+IF('Standard Profiles'!$G$21=$B$17,14,0)+IF('Standard Profiles'!$G$21=$B$24,21,0),0)),0)</f>
        <v>0</v>
      </c>
      <c r="H3154" cm="1">
        <f t="array" ref="H3154">IFERROR(INDEX(Jesper!AL$2:AL$366,ROUNDDOWN($C3154/24,0)+1,1)*INDEX($D$3:$AA$30,INDEX(Jesper!$R$2:$R$366,ROW(INDEX(Jesper!AL$2:AL$366,ROUNDDOWN($C3154/24,0)+1,1))-1)+IF('Standard Profiles'!$G$22=$B$10,7,0)+IF('Standard Profiles'!$G$22=$B$17,14,0)+IF('Standard Profiles'!$G$22=$B$24,21,0),MOD($C3154,24)+1)/SUM(INDEX($D$3:$AA$30,INDEX(Jesper!$R$2:$R$366,ROW(INDEX(Jesper!AL$2:AL$366,ROUNDDOWN($C3154/24,0)+1,1))-1)+IF('Standard Profiles'!$G$22=$B$10,7,0)+IF('Standard Profiles'!$G$22=$B$17,14,0)+IF('Standard Profiles'!$G$22=$B$24,21,0),0)),0)</f>
        <v>0</v>
      </c>
      <c r="I3154">
        <f t="shared" si="356"/>
        <v>0.23246054010033554</v>
      </c>
      <c r="J3154">
        <f t="shared" si="357"/>
        <v>0.77486846700111855</v>
      </c>
      <c r="K3154">
        <f t="shared" si="358"/>
        <v>1.1623027005016777</v>
      </c>
      <c r="L3154">
        <f t="shared" si="359"/>
        <v>5.5790529624080527</v>
      </c>
      <c r="M3154">
        <f t="shared" si="360"/>
        <v>0</v>
      </c>
      <c r="N3154" s="46">
        <f t="shared" si="361"/>
        <v>45421.999999992433</v>
      </c>
    </row>
    <row r="3155" spans="2:14" x14ac:dyDescent="0.3">
      <c r="B3155">
        <f t="shared" si="355"/>
        <v>5</v>
      </c>
      <c r="C3155" s="16">
        <v>3121</v>
      </c>
      <c r="D3155" cm="1">
        <f t="array" ref="D3155">IFERROR(INDEX(Jesper!AH$2:AH$366,ROUNDDOWN($C3155/24,0)+1,1)*INDEX($D$3:$AA$30,INDEX(Jesper!$R$2:$R$366,ROW(INDEX(Jesper!AH$2:AH$366,ROUNDDOWN($C3155/24,0)+1,1))-1)+IF('Standard Profiles'!$G$18=$B$10,7,0)+IF('Standard Profiles'!$G$18=$B$17,14,0)+IF('Standard Profiles'!$G$18=$B$24,21,0),MOD($C3155,24)+1)/SUM(INDEX($D$3:$AA$30,INDEX(Jesper!$R$2:$R$366,ROW(INDEX(Jesper!AH$2:AH$366,ROUNDDOWN($C3155/24,0)+1,1))-1)+IF('Standard Profiles'!$G$18=$B$10,7,0)+IF('Standard Profiles'!$G$18=$B$17,14,0)+IF('Standard Profiles'!$G$18=$B$24,21,0),0)),0)</f>
        <v>7.7486846700111851</v>
      </c>
      <c r="E3155" cm="1">
        <f t="array" ref="E3155">IFERROR(INDEX(Jesper!AI$2:AI$366,ROUNDDOWN($C3155/24,0)+1,1)*INDEX($D$3:$AA$30,INDEX(Jesper!$R$2:$R$366,ROW(INDEX(Jesper!AI$2:AI$366,ROUNDDOWN($C3155/24,0)+1,1))-1)+IF('Standard Profiles'!$G$19=$B$10,7,0)+IF('Standard Profiles'!$G$19=$B$17,14,0)+IF('Standard Profiles'!$G$19=$B$24,21,0),MOD($C3155,24)+1)/SUM(INDEX($D$3:$AA$30,INDEX(Jesper!$R$2:$R$366,ROW(INDEX(Jesper!AI$2:AI$366,ROUNDDOWN($C3155/24,0)+1,1))-1)+IF('Standard Profiles'!$G$19=$B$10,7,0)+IF('Standard Profiles'!$G$19=$B$17,14,0)+IF('Standard Profiles'!$G$19=$B$24,21,0),0)),0)</f>
        <v>0</v>
      </c>
      <c r="F3155" cm="1">
        <f t="array" ref="F3155">IFERROR(INDEX(Jesper!AJ$2:AJ$366,ROUNDDOWN($C3155/24,0)+1,1)*INDEX($D$3:$AA$30,INDEX(Jesper!$R$2:$R$366,ROW(INDEX(Jesper!AJ$2:AJ$366,ROUNDDOWN($C3155/24,0)+1,1))-1)+IF('Standard Profiles'!$G$20=$B$10,7,0)+IF('Standard Profiles'!$G$20=$B$17,14,0)+IF('Standard Profiles'!$G$20=$B$24,21,0),MOD($C3155,24)+1)/SUM(INDEX($D$3:$AA$30,INDEX(Jesper!$R$2:$R$366,ROW(INDEX(Jesper!AJ$2:AJ$366,ROUNDDOWN($C3155/24,0)+1,1))-1)+IF('Standard Profiles'!$G$20=$B$10,7,0)+IF('Standard Profiles'!$G$20=$B$17,14,0)+IF('Standard Profiles'!$G$20=$B$24,21,0),0)),0)</f>
        <v>0</v>
      </c>
      <c r="G3155" cm="1">
        <f t="array" ref="G3155">IFERROR(INDEX(Jesper!AK$2:AK$366,ROUNDDOWN($C3155/24,0)+1,1)*INDEX($D$3:$AA$30,INDEX(Jesper!$R$2:$R$366,ROW(INDEX(Jesper!AK$2:AK$366,ROUNDDOWN($C3155/24,0)+1,1))-1)+IF('Standard Profiles'!$G$21=$B$10,7,0)+IF('Standard Profiles'!$G$21=$B$17,14,0)+IF('Standard Profiles'!$G$21=$B$24,21,0),MOD($C3155,24)+1)/SUM(INDEX($D$3:$AA$30,INDEX(Jesper!$R$2:$R$366,ROW(INDEX(Jesper!AK$2:AK$366,ROUNDDOWN($C3155/24,0)+1,1))-1)+IF('Standard Profiles'!$G$21=$B$10,7,0)+IF('Standard Profiles'!$G$21=$B$17,14,0)+IF('Standard Profiles'!$G$21=$B$24,21,0),0)),0)</f>
        <v>0</v>
      </c>
      <c r="H3155" cm="1">
        <f t="array" ref="H3155">IFERROR(INDEX(Jesper!AL$2:AL$366,ROUNDDOWN($C3155/24,0)+1,1)*INDEX($D$3:$AA$30,INDEX(Jesper!$R$2:$R$366,ROW(INDEX(Jesper!AL$2:AL$366,ROUNDDOWN($C3155/24,0)+1,1))-1)+IF('Standard Profiles'!$G$22=$B$10,7,0)+IF('Standard Profiles'!$G$22=$B$17,14,0)+IF('Standard Profiles'!$G$22=$B$24,21,0),MOD($C3155,24)+1)/SUM(INDEX($D$3:$AA$30,INDEX(Jesper!$R$2:$R$366,ROW(INDEX(Jesper!AL$2:AL$366,ROUNDDOWN($C3155/24,0)+1,1))-1)+IF('Standard Profiles'!$G$22=$B$10,7,0)+IF('Standard Profiles'!$G$22=$B$17,14,0)+IF('Standard Profiles'!$G$22=$B$24,21,0),0)),0)</f>
        <v>0</v>
      </c>
      <c r="I3155">
        <f t="shared" si="356"/>
        <v>0.23246054010033554</v>
      </c>
      <c r="J3155">
        <f t="shared" si="357"/>
        <v>0.77486846700111855</v>
      </c>
      <c r="K3155">
        <f t="shared" si="358"/>
        <v>1.1623027005016777</v>
      </c>
      <c r="L3155">
        <f t="shared" si="359"/>
        <v>5.5790529624080527</v>
      </c>
      <c r="M3155">
        <f t="shared" si="360"/>
        <v>0</v>
      </c>
      <c r="N3155" s="46">
        <f t="shared" si="361"/>
        <v>45422.041666659097</v>
      </c>
    </row>
    <row r="3156" spans="2:14" x14ac:dyDescent="0.3">
      <c r="B3156">
        <f t="shared" si="355"/>
        <v>5</v>
      </c>
      <c r="C3156" s="16">
        <v>3122</v>
      </c>
      <c r="D3156" cm="1">
        <f t="array" ref="D3156">IFERROR(INDEX(Jesper!AH$2:AH$366,ROUNDDOWN($C3156/24,0)+1,1)*INDEX($D$3:$AA$30,INDEX(Jesper!$R$2:$R$366,ROW(INDEX(Jesper!AH$2:AH$366,ROUNDDOWN($C3156/24,0)+1,1))-1)+IF('Standard Profiles'!$G$18=$B$10,7,0)+IF('Standard Profiles'!$G$18=$B$17,14,0)+IF('Standard Profiles'!$G$18=$B$24,21,0),MOD($C3156,24)+1)/SUM(INDEX($D$3:$AA$30,INDEX(Jesper!$R$2:$R$366,ROW(INDEX(Jesper!AH$2:AH$366,ROUNDDOWN($C3156/24,0)+1,1))-1)+IF('Standard Profiles'!$G$18=$B$10,7,0)+IF('Standard Profiles'!$G$18=$B$17,14,0)+IF('Standard Profiles'!$G$18=$B$24,21,0),0)),0)</f>
        <v>7.7486846700111851</v>
      </c>
      <c r="E3156" cm="1">
        <f t="array" ref="E3156">IFERROR(INDEX(Jesper!AI$2:AI$366,ROUNDDOWN($C3156/24,0)+1,1)*INDEX($D$3:$AA$30,INDEX(Jesper!$R$2:$R$366,ROW(INDEX(Jesper!AI$2:AI$366,ROUNDDOWN($C3156/24,0)+1,1))-1)+IF('Standard Profiles'!$G$19=$B$10,7,0)+IF('Standard Profiles'!$G$19=$B$17,14,0)+IF('Standard Profiles'!$G$19=$B$24,21,0),MOD($C3156,24)+1)/SUM(INDEX($D$3:$AA$30,INDEX(Jesper!$R$2:$R$366,ROW(INDEX(Jesper!AI$2:AI$366,ROUNDDOWN($C3156/24,0)+1,1))-1)+IF('Standard Profiles'!$G$19=$B$10,7,0)+IF('Standard Profiles'!$G$19=$B$17,14,0)+IF('Standard Profiles'!$G$19=$B$24,21,0),0)),0)</f>
        <v>0</v>
      </c>
      <c r="F3156" cm="1">
        <f t="array" ref="F3156">IFERROR(INDEX(Jesper!AJ$2:AJ$366,ROUNDDOWN($C3156/24,0)+1,1)*INDEX($D$3:$AA$30,INDEX(Jesper!$R$2:$R$366,ROW(INDEX(Jesper!AJ$2:AJ$366,ROUNDDOWN($C3156/24,0)+1,1))-1)+IF('Standard Profiles'!$G$20=$B$10,7,0)+IF('Standard Profiles'!$G$20=$B$17,14,0)+IF('Standard Profiles'!$G$20=$B$24,21,0),MOD($C3156,24)+1)/SUM(INDEX($D$3:$AA$30,INDEX(Jesper!$R$2:$R$366,ROW(INDEX(Jesper!AJ$2:AJ$366,ROUNDDOWN($C3156/24,0)+1,1))-1)+IF('Standard Profiles'!$G$20=$B$10,7,0)+IF('Standard Profiles'!$G$20=$B$17,14,0)+IF('Standard Profiles'!$G$20=$B$24,21,0),0)),0)</f>
        <v>0</v>
      </c>
      <c r="G3156" cm="1">
        <f t="array" ref="G3156">IFERROR(INDEX(Jesper!AK$2:AK$366,ROUNDDOWN($C3156/24,0)+1,1)*INDEX($D$3:$AA$30,INDEX(Jesper!$R$2:$R$366,ROW(INDEX(Jesper!AK$2:AK$366,ROUNDDOWN($C3156/24,0)+1,1))-1)+IF('Standard Profiles'!$G$21=$B$10,7,0)+IF('Standard Profiles'!$G$21=$B$17,14,0)+IF('Standard Profiles'!$G$21=$B$24,21,0),MOD($C3156,24)+1)/SUM(INDEX($D$3:$AA$30,INDEX(Jesper!$R$2:$R$366,ROW(INDEX(Jesper!AK$2:AK$366,ROUNDDOWN($C3156/24,0)+1,1))-1)+IF('Standard Profiles'!$G$21=$B$10,7,0)+IF('Standard Profiles'!$G$21=$B$17,14,0)+IF('Standard Profiles'!$G$21=$B$24,21,0),0)),0)</f>
        <v>0</v>
      </c>
      <c r="H3156" cm="1">
        <f t="array" ref="H3156">IFERROR(INDEX(Jesper!AL$2:AL$366,ROUNDDOWN($C3156/24,0)+1,1)*INDEX($D$3:$AA$30,INDEX(Jesper!$R$2:$R$366,ROW(INDEX(Jesper!AL$2:AL$366,ROUNDDOWN($C3156/24,0)+1,1))-1)+IF('Standard Profiles'!$G$22=$B$10,7,0)+IF('Standard Profiles'!$G$22=$B$17,14,0)+IF('Standard Profiles'!$G$22=$B$24,21,0),MOD($C3156,24)+1)/SUM(INDEX($D$3:$AA$30,INDEX(Jesper!$R$2:$R$366,ROW(INDEX(Jesper!AL$2:AL$366,ROUNDDOWN($C3156/24,0)+1,1))-1)+IF('Standard Profiles'!$G$22=$B$10,7,0)+IF('Standard Profiles'!$G$22=$B$17,14,0)+IF('Standard Profiles'!$G$22=$B$24,21,0),0)),0)</f>
        <v>0</v>
      </c>
      <c r="I3156">
        <f t="shared" si="356"/>
        <v>0.23246054010033554</v>
      </c>
      <c r="J3156">
        <f t="shared" si="357"/>
        <v>0.77486846700111855</v>
      </c>
      <c r="K3156">
        <f t="shared" si="358"/>
        <v>1.1623027005016777</v>
      </c>
      <c r="L3156">
        <f t="shared" si="359"/>
        <v>5.5790529624080527</v>
      </c>
      <c r="M3156">
        <f t="shared" si="360"/>
        <v>0</v>
      </c>
      <c r="N3156" s="46">
        <f t="shared" si="361"/>
        <v>45422.083333325761</v>
      </c>
    </row>
    <row r="3157" spans="2:14" x14ac:dyDescent="0.3">
      <c r="B3157">
        <f t="shared" si="355"/>
        <v>5</v>
      </c>
      <c r="C3157" s="16">
        <v>3123</v>
      </c>
      <c r="D3157" cm="1">
        <f t="array" ref="D3157">IFERROR(INDEX(Jesper!AH$2:AH$366,ROUNDDOWN($C3157/24,0)+1,1)*INDEX($D$3:$AA$30,INDEX(Jesper!$R$2:$R$366,ROW(INDEX(Jesper!AH$2:AH$366,ROUNDDOWN($C3157/24,0)+1,1))-1)+IF('Standard Profiles'!$G$18=$B$10,7,0)+IF('Standard Profiles'!$G$18=$B$17,14,0)+IF('Standard Profiles'!$G$18=$B$24,21,0),MOD($C3157,24)+1)/SUM(INDEX($D$3:$AA$30,INDEX(Jesper!$R$2:$R$366,ROW(INDEX(Jesper!AH$2:AH$366,ROUNDDOWN($C3157/24,0)+1,1))-1)+IF('Standard Profiles'!$G$18=$B$10,7,0)+IF('Standard Profiles'!$G$18=$B$17,14,0)+IF('Standard Profiles'!$G$18=$B$24,21,0),0)),0)</f>
        <v>7.7486846700111851</v>
      </c>
      <c r="E3157" cm="1">
        <f t="array" ref="E3157">IFERROR(INDEX(Jesper!AI$2:AI$366,ROUNDDOWN($C3157/24,0)+1,1)*INDEX($D$3:$AA$30,INDEX(Jesper!$R$2:$R$366,ROW(INDEX(Jesper!AI$2:AI$366,ROUNDDOWN($C3157/24,0)+1,1))-1)+IF('Standard Profiles'!$G$19=$B$10,7,0)+IF('Standard Profiles'!$G$19=$B$17,14,0)+IF('Standard Profiles'!$G$19=$B$24,21,0),MOD($C3157,24)+1)/SUM(INDEX($D$3:$AA$30,INDEX(Jesper!$R$2:$R$366,ROW(INDEX(Jesper!AI$2:AI$366,ROUNDDOWN($C3157/24,0)+1,1))-1)+IF('Standard Profiles'!$G$19=$B$10,7,0)+IF('Standard Profiles'!$G$19=$B$17,14,0)+IF('Standard Profiles'!$G$19=$B$24,21,0),0)),0)</f>
        <v>0</v>
      </c>
      <c r="F3157" cm="1">
        <f t="array" ref="F3157">IFERROR(INDEX(Jesper!AJ$2:AJ$366,ROUNDDOWN($C3157/24,0)+1,1)*INDEX($D$3:$AA$30,INDEX(Jesper!$R$2:$R$366,ROW(INDEX(Jesper!AJ$2:AJ$366,ROUNDDOWN($C3157/24,0)+1,1))-1)+IF('Standard Profiles'!$G$20=$B$10,7,0)+IF('Standard Profiles'!$G$20=$B$17,14,0)+IF('Standard Profiles'!$G$20=$B$24,21,0),MOD($C3157,24)+1)/SUM(INDEX($D$3:$AA$30,INDEX(Jesper!$R$2:$R$366,ROW(INDEX(Jesper!AJ$2:AJ$366,ROUNDDOWN($C3157/24,0)+1,1))-1)+IF('Standard Profiles'!$G$20=$B$10,7,0)+IF('Standard Profiles'!$G$20=$B$17,14,0)+IF('Standard Profiles'!$G$20=$B$24,21,0),0)),0)</f>
        <v>0</v>
      </c>
      <c r="G3157" cm="1">
        <f t="array" ref="G3157">IFERROR(INDEX(Jesper!AK$2:AK$366,ROUNDDOWN($C3157/24,0)+1,1)*INDEX($D$3:$AA$30,INDEX(Jesper!$R$2:$R$366,ROW(INDEX(Jesper!AK$2:AK$366,ROUNDDOWN($C3157/24,0)+1,1))-1)+IF('Standard Profiles'!$G$21=$B$10,7,0)+IF('Standard Profiles'!$G$21=$B$17,14,0)+IF('Standard Profiles'!$G$21=$B$24,21,0),MOD($C3157,24)+1)/SUM(INDEX($D$3:$AA$30,INDEX(Jesper!$R$2:$R$366,ROW(INDEX(Jesper!AK$2:AK$366,ROUNDDOWN($C3157/24,0)+1,1))-1)+IF('Standard Profiles'!$G$21=$B$10,7,0)+IF('Standard Profiles'!$G$21=$B$17,14,0)+IF('Standard Profiles'!$G$21=$B$24,21,0),0)),0)</f>
        <v>0</v>
      </c>
      <c r="H3157" cm="1">
        <f t="array" ref="H3157">IFERROR(INDEX(Jesper!AL$2:AL$366,ROUNDDOWN($C3157/24,0)+1,1)*INDEX($D$3:$AA$30,INDEX(Jesper!$R$2:$R$366,ROW(INDEX(Jesper!AL$2:AL$366,ROUNDDOWN($C3157/24,0)+1,1))-1)+IF('Standard Profiles'!$G$22=$B$10,7,0)+IF('Standard Profiles'!$G$22=$B$17,14,0)+IF('Standard Profiles'!$G$22=$B$24,21,0),MOD($C3157,24)+1)/SUM(INDEX($D$3:$AA$30,INDEX(Jesper!$R$2:$R$366,ROW(INDEX(Jesper!AL$2:AL$366,ROUNDDOWN($C3157/24,0)+1,1))-1)+IF('Standard Profiles'!$G$22=$B$10,7,0)+IF('Standard Profiles'!$G$22=$B$17,14,0)+IF('Standard Profiles'!$G$22=$B$24,21,0),0)),0)</f>
        <v>0</v>
      </c>
      <c r="I3157">
        <f t="shared" si="356"/>
        <v>0.23246054010033554</v>
      </c>
      <c r="J3157">
        <f t="shared" si="357"/>
        <v>0.77486846700111855</v>
      </c>
      <c r="K3157">
        <f t="shared" si="358"/>
        <v>1.1623027005016777</v>
      </c>
      <c r="L3157">
        <f t="shared" si="359"/>
        <v>5.5790529624080527</v>
      </c>
      <c r="M3157">
        <f t="shared" si="360"/>
        <v>0</v>
      </c>
      <c r="N3157" s="46">
        <f t="shared" si="361"/>
        <v>45422.124999992426</v>
      </c>
    </row>
    <row r="3158" spans="2:14" x14ac:dyDescent="0.3">
      <c r="B3158">
        <f t="shared" si="355"/>
        <v>5</v>
      </c>
      <c r="C3158" s="16">
        <v>3124</v>
      </c>
      <c r="D3158" cm="1">
        <f t="array" ref="D3158">IFERROR(INDEX(Jesper!AH$2:AH$366,ROUNDDOWN($C3158/24,0)+1,1)*INDEX($D$3:$AA$30,INDEX(Jesper!$R$2:$R$366,ROW(INDEX(Jesper!AH$2:AH$366,ROUNDDOWN($C3158/24,0)+1,1))-1)+IF('Standard Profiles'!$G$18=$B$10,7,0)+IF('Standard Profiles'!$G$18=$B$17,14,0)+IF('Standard Profiles'!$G$18=$B$24,21,0),MOD($C3158,24)+1)/SUM(INDEX($D$3:$AA$30,INDEX(Jesper!$R$2:$R$366,ROW(INDEX(Jesper!AH$2:AH$366,ROUNDDOWN($C3158/24,0)+1,1))-1)+IF('Standard Profiles'!$G$18=$B$10,7,0)+IF('Standard Profiles'!$G$18=$B$17,14,0)+IF('Standard Profiles'!$G$18=$B$24,21,0),0)),0)</f>
        <v>7.7486846700111851</v>
      </c>
      <c r="E3158" cm="1">
        <f t="array" ref="E3158">IFERROR(INDEX(Jesper!AI$2:AI$366,ROUNDDOWN($C3158/24,0)+1,1)*INDEX($D$3:$AA$30,INDEX(Jesper!$R$2:$R$366,ROW(INDEX(Jesper!AI$2:AI$366,ROUNDDOWN($C3158/24,0)+1,1))-1)+IF('Standard Profiles'!$G$19=$B$10,7,0)+IF('Standard Profiles'!$G$19=$B$17,14,0)+IF('Standard Profiles'!$G$19=$B$24,21,0),MOD($C3158,24)+1)/SUM(INDEX($D$3:$AA$30,INDEX(Jesper!$R$2:$R$366,ROW(INDEX(Jesper!AI$2:AI$366,ROUNDDOWN($C3158/24,0)+1,1))-1)+IF('Standard Profiles'!$G$19=$B$10,7,0)+IF('Standard Profiles'!$G$19=$B$17,14,0)+IF('Standard Profiles'!$G$19=$B$24,21,0),0)),0)</f>
        <v>0</v>
      </c>
      <c r="F3158" cm="1">
        <f t="array" ref="F3158">IFERROR(INDEX(Jesper!AJ$2:AJ$366,ROUNDDOWN($C3158/24,0)+1,1)*INDEX($D$3:$AA$30,INDEX(Jesper!$R$2:$R$366,ROW(INDEX(Jesper!AJ$2:AJ$366,ROUNDDOWN($C3158/24,0)+1,1))-1)+IF('Standard Profiles'!$G$20=$B$10,7,0)+IF('Standard Profiles'!$G$20=$B$17,14,0)+IF('Standard Profiles'!$G$20=$B$24,21,0),MOD($C3158,24)+1)/SUM(INDEX($D$3:$AA$30,INDEX(Jesper!$R$2:$R$366,ROW(INDEX(Jesper!AJ$2:AJ$366,ROUNDDOWN($C3158/24,0)+1,1))-1)+IF('Standard Profiles'!$G$20=$B$10,7,0)+IF('Standard Profiles'!$G$20=$B$17,14,0)+IF('Standard Profiles'!$G$20=$B$24,21,0),0)),0)</f>
        <v>0</v>
      </c>
      <c r="G3158" cm="1">
        <f t="array" ref="G3158">IFERROR(INDEX(Jesper!AK$2:AK$366,ROUNDDOWN($C3158/24,0)+1,1)*INDEX($D$3:$AA$30,INDEX(Jesper!$R$2:$R$366,ROW(INDEX(Jesper!AK$2:AK$366,ROUNDDOWN($C3158/24,0)+1,1))-1)+IF('Standard Profiles'!$G$21=$B$10,7,0)+IF('Standard Profiles'!$G$21=$B$17,14,0)+IF('Standard Profiles'!$G$21=$B$24,21,0),MOD($C3158,24)+1)/SUM(INDEX($D$3:$AA$30,INDEX(Jesper!$R$2:$R$366,ROW(INDEX(Jesper!AK$2:AK$366,ROUNDDOWN($C3158/24,0)+1,1))-1)+IF('Standard Profiles'!$G$21=$B$10,7,0)+IF('Standard Profiles'!$G$21=$B$17,14,0)+IF('Standard Profiles'!$G$21=$B$24,21,0),0)),0)</f>
        <v>0</v>
      </c>
      <c r="H3158" cm="1">
        <f t="array" ref="H3158">IFERROR(INDEX(Jesper!AL$2:AL$366,ROUNDDOWN($C3158/24,0)+1,1)*INDEX($D$3:$AA$30,INDEX(Jesper!$R$2:$R$366,ROW(INDEX(Jesper!AL$2:AL$366,ROUNDDOWN($C3158/24,0)+1,1))-1)+IF('Standard Profiles'!$G$22=$B$10,7,0)+IF('Standard Profiles'!$G$22=$B$17,14,0)+IF('Standard Profiles'!$G$22=$B$24,21,0),MOD($C3158,24)+1)/SUM(INDEX($D$3:$AA$30,INDEX(Jesper!$R$2:$R$366,ROW(INDEX(Jesper!AL$2:AL$366,ROUNDDOWN($C3158/24,0)+1,1))-1)+IF('Standard Profiles'!$G$22=$B$10,7,0)+IF('Standard Profiles'!$G$22=$B$17,14,0)+IF('Standard Profiles'!$G$22=$B$24,21,0),0)),0)</f>
        <v>0</v>
      </c>
      <c r="I3158">
        <f t="shared" si="356"/>
        <v>0.23246054010033554</v>
      </c>
      <c r="J3158">
        <f t="shared" si="357"/>
        <v>0.77486846700111855</v>
      </c>
      <c r="K3158">
        <f t="shared" si="358"/>
        <v>1.1623027005016777</v>
      </c>
      <c r="L3158">
        <f t="shared" si="359"/>
        <v>5.5790529624080527</v>
      </c>
      <c r="M3158">
        <f t="shared" si="360"/>
        <v>0</v>
      </c>
      <c r="N3158" s="46">
        <f t="shared" si="361"/>
        <v>45422.16666665909</v>
      </c>
    </row>
    <row r="3159" spans="2:14" x14ac:dyDescent="0.3">
      <c r="B3159">
        <f t="shared" si="355"/>
        <v>5</v>
      </c>
      <c r="C3159" s="16">
        <v>3125</v>
      </c>
      <c r="D3159" cm="1">
        <f t="array" ref="D3159">IFERROR(INDEX(Jesper!AH$2:AH$366,ROUNDDOWN($C3159/24,0)+1,1)*INDEX($D$3:$AA$30,INDEX(Jesper!$R$2:$R$366,ROW(INDEX(Jesper!AH$2:AH$366,ROUNDDOWN($C3159/24,0)+1,1))-1)+IF('Standard Profiles'!$G$18=$B$10,7,0)+IF('Standard Profiles'!$G$18=$B$17,14,0)+IF('Standard Profiles'!$G$18=$B$24,21,0),MOD($C3159,24)+1)/SUM(INDEX($D$3:$AA$30,INDEX(Jesper!$R$2:$R$366,ROW(INDEX(Jesper!AH$2:AH$366,ROUNDDOWN($C3159/24,0)+1,1))-1)+IF('Standard Profiles'!$G$18=$B$10,7,0)+IF('Standard Profiles'!$G$18=$B$17,14,0)+IF('Standard Profiles'!$G$18=$B$24,21,0),0)),0)</f>
        <v>9.9871935746810827</v>
      </c>
      <c r="E3159" cm="1">
        <f t="array" ref="E3159">IFERROR(INDEX(Jesper!AI$2:AI$366,ROUNDDOWN($C3159/24,0)+1,1)*INDEX($D$3:$AA$30,INDEX(Jesper!$R$2:$R$366,ROW(INDEX(Jesper!AI$2:AI$366,ROUNDDOWN($C3159/24,0)+1,1))-1)+IF('Standard Profiles'!$G$19=$B$10,7,0)+IF('Standard Profiles'!$G$19=$B$17,14,0)+IF('Standard Profiles'!$G$19=$B$24,21,0),MOD($C3159,24)+1)/SUM(INDEX($D$3:$AA$30,INDEX(Jesper!$R$2:$R$366,ROW(INDEX(Jesper!AI$2:AI$366,ROUNDDOWN($C3159/24,0)+1,1))-1)+IF('Standard Profiles'!$G$19=$B$10,7,0)+IF('Standard Profiles'!$G$19=$B$17,14,0)+IF('Standard Profiles'!$G$19=$B$24,21,0),0)),0)</f>
        <v>0</v>
      </c>
      <c r="F3159" cm="1">
        <f t="array" ref="F3159">IFERROR(INDEX(Jesper!AJ$2:AJ$366,ROUNDDOWN($C3159/24,0)+1,1)*INDEX($D$3:$AA$30,INDEX(Jesper!$R$2:$R$366,ROW(INDEX(Jesper!AJ$2:AJ$366,ROUNDDOWN($C3159/24,0)+1,1))-1)+IF('Standard Profiles'!$G$20=$B$10,7,0)+IF('Standard Profiles'!$G$20=$B$17,14,0)+IF('Standard Profiles'!$G$20=$B$24,21,0),MOD($C3159,24)+1)/SUM(INDEX($D$3:$AA$30,INDEX(Jesper!$R$2:$R$366,ROW(INDEX(Jesper!AJ$2:AJ$366,ROUNDDOWN($C3159/24,0)+1,1))-1)+IF('Standard Profiles'!$G$20=$B$10,7,0)+IF('Standard Profiles'!$G$20=$B$17,14,0)+IF('Standard Profiles'!$G$20=$B$24,21,0),0)),0)</f>
        <v>0</v>
      </c>
      <c r="G3159" cm="1">
        <f t="array" ref="G3159">IFERROR(INDEX(Jesper!AK$2:AK$366,ROUNDDOWN($C3159/24,0)+1,1)*INDEX($D$3:$AA$30,INDEX(Jesper!$R$2:$R$366,ROW(INDEX(Jesper!AK$2:AK$366,ROUNDDOWN($C3159/24,0)+1,1))-1)+IF('Standard Profiles'!$G$21=$B$10,7,0)+IF('Standard Profiles'!$G$21=$B$17,14,0)+IF('Standard Profiles'!$G$21=$B$24,21,0),MOD($C3159,24)+1)/SUM(INDEX($D$3:$AA$30,INDEX(Jesper!$R$2:$R$366,ROW(INDEX(Jesper!AK$2:AK$366,ROUNDDOWN($C3159/24,0)+1,1))-1)+IF('Standard Profiles'!$G$21=$B$10,7,0)+IF('Standard Profiles'!$G$21=$B$17,14,0)+IF('Standard Profiles'!$G$21=$B$24,21,0),0)),0)</f>
        <v>0</v>
      </c>
      <c r="H3159" cm="1">
        <f t="array" ref="H3159">IFERROR(INDEX(Jesper!AL$2:AL$366,ROUNDDOWN($C3159/24,0)+1,1)*INDEX($D$3:$AA$30,INDEX(Jesper!$R$2:$R$366,ROW(INDEX(Jesper!AL$2:AL$366,ROUNDDOWN($C3159/24,0)+1,1))-1)+IF('Standard Profiles'!$G$22=$B$10,7,0)+IF('Standard Profiles'!$G$22=$B$17,14,0)+IF('Standard Profiles'!$G$22=$B$24,21,0),MOD($C3159,24)+1)/SUM(INDEX($D$3:$AA$30,INDEX(Jesper!$R$2:$R$366,ROW(INDEX(Jesper!AL$2:AL$366,ROUNDDOWN($C3159/24,0)+1,1))-1)+IF('Standard Profiles'!$G$22=$B$10,7,0)+IF('Standard Profiles'!$G$22=$B$17,14,0)+IF('Standard Profiles'!$G$22=$B$24,21,0),0)),0)</f>
        <v>0</v>
      </c>
      <c r="I3159">
        <f t="shared" si="356"/>
        <v>0.29961580724043246</v>
      </c>
      <c r="J3159">
        <f t="shared" si="357"/>
        <v>0.99871935746810836</v>
      </c>
      <c r="K3159">
        <f t="shared" si="358"/>
        <v>1.4980790362021623</v>
      </c>
      <c r="L3159">
        <f t="shared" si="359"/>
        <v>7.1907793737703791</v>
      </c>
      <c r="M3159">
        <f t="shared" si="360"/>
        <v>0</v>
      </c>
      <c r="N3159" s="46">
        <f t="shared" si="361"/>
        <v>45422.208333325754</v>
      </c>
    </row>
    <row r="3160" spans="2:14" x14ac:dyDescent="0.3">
      <c r="B3160">
        <f t="shared" si="355"/>
        <v>5</v>
      </c>
      <c r="C3160" s="16">
        <v>3126</v>
      </c>
      <c r="D3160" cm="1">
        <f t="array" ref="D3160">IFERROR(INDEX(Jesper!AH$2:AH$366,ROUNDDOWN($C3160/24,0)+1,1)*INDEX($D$3:$AA$30,INDEX(Jesper!$R$2:$R$366,ROW(INDEX(Jesper!AH$2:AH$366,ROUNDDOWN($C3160/24,0)+1,1))-1)+IF('Standard Profiles'!$G$18=$B$10,7,0)+IF('Standard Profiles'!$G$18=$B$17,14,0)+IF('Standard Profiles'!$G$18=$B$24,21,0),MOD($C3160,24)+1)/SUM(INDEX($D$3:$AA$30,INDEX(Jesper!$R$2:$R$366,ROW(INDEX(Jesper!AH$2:AH$366,ROUNDDOWN($C3160/24,0)+1,1))-1)+IF('Standard Profiles'!$G$18=$B$10,7,0)+IF('Standard Profiles'!$G$18=$B$17,14,0)+IF('Standard Profiles'!$G$18=$B$24,21,0),0)),0)</f>
        <v>12.053509486684067</v>
      </c>
      <c r="E3160" cm="1">
        <f t="array" ref="E3160">IFERROR(INDEX(Jesper!AI$2:AI$366,ROUNDDOWN($C3160/24,0)+1,1)*INDEX($D$3:$AA$30,INDEX(Jesper!$R$2:$R$366,ROW(INDEX(Jesper!AI$2:AI$366,ROUNDDOWN($C3160/24,0)+1,1))-1)+IF('Standard Profiles'!$G$19=$B$10,7,0)+IF('Standard Profiles'!$G$19=$B$17,14,0)+IF('Standard Profiles'!$G$19=$B$24,21,0),MOD($C3160,24)+1)/SUM(INDEX($D$3:$AA$30,INDEX(Jesper!$R$2:$R$366,ROW(INDEX(Jesper!AI$2:AI$366,ROUNDDOWN($C3160/24,0)+1,1))-1)+IF('Standard Profiles'!$G$19=$B$10,7,0)+IF('Standard Profiles'!$G$19=$B$17,14,0)+IF('Standard Profiles'!$G$19=$B$24,21,0),0)),0)</f>
        <v>0</v>
      </c>
      <c r="F3160" cm="1">
        <f t="array" ref="F3160">IFERROR(INDEX(Jesper!AJ$2:AJ$366,ROUNDDOWN($C3160/24,0)+1,1)*INDEX($D$3:$AA$30,INDEX(Jesper!$R$2:$R$366,ROW(INDEX(Jesper!AJ$2:AJ$366,ROUNDDOWN($C3160/24,0)+1,1))-1)+IF('Standard Profiles'!$G$20=$B$10,7,0)+IF('Standard Profiles'!$G$20=$B$17,14,0)+IF('Standard Profiles'!$G$20=$B$24,21,0),MOD($C3160,24)+1)/SUM(INDEX($D$3:$AA$30,INDEX(Jesper!$R$2:$R$366,ROW(INDEX(Jesper!AJ$2:AJ$366,ROUNDDOWN($C3160/24,0)+1,1))-1)+IF('Standard Profiles'!$G$20=$B$10,7,0)+IF('Standard Profiles'!$G$20=$B$17,14,0)+IF('Standard Profiles'!$G$20=$B$24,21,0),0)),0)</f>
        <v>0</v>
      </c>
      <c r="G3160" cm="1">
        <f t="array" ref="G3160">IFERROR(INDEX(Jesper!AK$2:AK$366,ROUNDDOWN($C3160/24,0)+1,1)*INDEX($D$3:$AA$30,INDEX(Jesper!$R$2:$R$366,ROW(INDEX(Jesper!AK$2:AK$366,ROUNDDOWN($C3160/24,0)+1,1))-1)+IF('Standard Profiles'!$G$21=$B$10,7,0)+IF('Standard Profiles'!$G$21=$B$17,14,0)+IF('Standard Profiles'!$G$21=$B$24,21,0),MOD($C3160,24)+1)/SUM(INDEX($D$3:$AA$30,INDEX(Jesper!$R$2:$R$366,ROW(INDEX(Jesper!AK$2:AK$366,ROUNDDOWN($C3160/24,0)+1,1))-1)+IF('Standard Profiles'!$G$21=$B$10,7,0)+IF('Standard Profiles'!$G$21=$B$17,14,0)+IF('Standard Profiles'!$G$21=$B$24,21,0),0)),0)</f>
        <v>0</v>
      </c>
      <c r="H3160" cm="1">
        <f t="array" ref="H3160">IFERROR(INDEX(Jesper!AL$2:AL$366,ROUNDDOWN($C3160/24,0)+1,1)*INDEX($D$3:$AA$30,INDEX(Jesper!$R$2:$R$366,ROW(INDEX(Jesper!AL$2:AL$366,ROUNDDOWN($C3160/24,0)+1,1))-1)+IF('Standard Profiles'!$G$22=$B$10,7,0)+IF('Standard Profiles'!$G$22=$B$17,14,0)+IF('Standard Profiles'!$G$22=$B$24,21,0),MOD($C3160,24)+1)/SUM(INDEX($D$3:$AA$30,INDEX(Jesper!$R$2:$R$366,ROW(INDEX(Jesper!AL$2:AL$366,ROUNDDOWN($C3160/24,0)+1,1))-1)+IF('Standard Profiles'!$G$22=$B$10,7,0)+IF('Standard Profiles'!$G$22=$B$17,14,0)+IF('Standard Profiles'!$G$22=$B$24,21,0),0)),0)</f>
        <v>0</v>
      </c>
      <c r="I3160">
        <f t="shared" si="356"/>
        <v>0.36160528460052199</v>
      </c>
      <c r="J3160">
        <f t="shared" si="357"/>
        <v>1.2053509486684069</v>
      </c>
      <c r="K3160">
        <f t="shared" si="358"/>
        <v>1.80802642300261</v>
      </c>
      <c r="L3160">
        <f t="shared" si="359"/>
        <v>8.6785268304125278</v>
      </c>
      <c r="M3160">
        <f t="shared" si="360"/>
        <v>0</v>
      </c>
      <c r="N3160" s="46">
        <f t="shared" si="361"/>
        <v>45422.249999992418</v>
      </c>
    </row>
    <row r="3161" spans="2:14" x14ac:dyDescent="0.3">
      <c r="B3161">
        <f t="shared" si="355"/>
        <v>5</v>
      </c>
      <c r="C3161" s="16">
        <v>3127</v>
      </c>
      <c r="D3161" cm="1">
        <f t="array" ref="D3161">IFERROR(INDEX(Jesper!AH$2:AH$366,ROUNDDOWN($C3161/24,0)+1,1)*INDEX($D$3:$AA$30,INDEX(Jesper!$R$2:$R$366,ROW(INDEX(Jesper!AH$2:AH$366,ROUNDDOWN($C3161/24,0)+1,1))-1)+IF('Standard Profiles'!$G$18=$B$10,7,0)+IF('Standard Profiles'!$G$18=$B$17,14,0)+IF('Standard Profiles'!$G$18=$B$24,21,0),MOD($C3161,24)+1)/SUM(INDEX($D$3:$AA$30,INDEX(Jesper!$R$2:$R$366,ROW(INDEX(Jesper!AH$2:AH$366,ROUNDDOWN($C3161/24,0)+1,1))-1)+IF('Standard Profiles'!$G$18=$B$10,7,0)+IF('Standard Profiles'!$G$18=$B$17,14,0)+IF('Standard Profiles'!$G$18=$B$24,21,0),0)),0)</f>
        <v>12.053509486684067</v>
      </c>
      <c r="E3161" cm="1">
        <f t="array" ref="E3161">IFERROR(INDEX(Jesper!AI$2:AI$366,ROUNDDOWN($C3161/24,0)+1,1)*INDEX($D$3:$AA$30,INDEX(Jesper!$R$2:$R$366,ROW(INDEX(Jesper!AI$2:AI$366,ROUNDDOWN($C3161/24,0)+1,1))-1)+IF('Standard Profiles'!$G$19=$B$10,7,0)+IF('Standard Profiles'!$G$19=$B$17,14,0)+IF('Standard Profiles'!$G$19=$B$24,21,0),MOD($C3161,24)+1)/SUM(INDEX($D$3:$AA$30,INDEX(Jesper!$R$2:$R$366,ROW(INDEX(Jesper!AI$2:AI$366,ROUNDDOWN($C3161/24,0)+1,1))-1)+IF('Standard Profiles'!$G$19=$B$10,7,0)+IF('Standard Profiles'!$G$19=$B$17,14,0)+IF('Standard Profiles'!$G$19=$B$24,21,0),0)),0)</f>
        <v>0</v>
      </c>
      <c r="F3161" cm="1">
        <f t="array" ref="F3161">IFERROR(INDEX(Jesper!AJ$2:AJ$366,ROUNDDOWN($C3161/24,0)+1,1)*INDEX($D$3:$AA$30,INDEX(Jesper!$R$2:$R$366,ROW(INDEX(Jesper!AJ$2:AJ$366,ROUNDDOWN($C3161/24,0)+1,1))-1)+IF('Standard Profiles'!$G$20=$B$10,7,0)+IF('Standard Profiles'!$G$20=$B$17,14,0)+IF('Standard Profiles'!$G$20=$B$24,21,0),MOD($C3161,24)+1)/SUM(INDEX($D$3:$AA$30,INDEX(Jesper!$R$2:$R$366,ROW(INDEX(Jesper!AJ$2:AJ$366,ROUNDDOWN($C3161/24,0)+1,1))-1)+IF('Standard Profiles'!$G$20=$B$10,7,0)+IF('Standard Profiles'!$G$20=$B$17,14,0)+IF('Standard Profiles'!$G$20=$B$24,21,0),0)),0)</f>
        <v>0</v>
      </c>
      <c r="G3161" cm="1">
        <f t="array" ref="G3161">IFERROR(INDEX(Jesper!AK$2:AK$366,ROUNDDOWN($C3161/24,0)+1,1)*INDEX($D$3:$AA$30,INDEX(Jesper!$R$2:$R$366,ROW(INDEX(Jesper!AK$2:AK$366,ROUNDDOWN($C3161/24,0)+1,1))-1)+IF('Standard Profiles'!$G$21=$B$10,7,0)+IF('Standard Profiles'!$G$21=$B$17,14,0)+IF('Standard Profiles'!$G$21=$B$24,21,0),MOD($C3161,24)+1)/SUM(INDEX($D$3:$AA$30,INDEX(Jesper!$R$2:$R$366,ROW(INDEX(Jesper!AK$2:AK$366,ROUNDDOWN($C3161/24,0)+1,1))-1)+IF('Standard Profiles'!$G$21=$B$10,7,0)+IF('Standard Profiles'!$G$21=$B$17,14,0)+IF('Standard Profiles'!$G$21=$B$24,21,0),0)),0)</f>
        <v>0</v>
      </c>
      <c r="H3161" cm="1">
        <f t="array" ref="H3161">IFERROR(INDEX(Jesper!AL$2:AL$366,ROUNDDOWN($C3161/24,0)+1,1)*INDEX($D$3:$AA$30,INDEX(Jesper!$R$2:$R$366,ROW(INDEX(Jesper!AL$2:AL$366,ROUNDDOWN($C3161/24,0)+1,1))-1)+IF('Standard Profiles'!$G$22=$B$10,7,0)+IF('Standard Profiles'!$G$22=$B$17,14,0)+IF('Standard Profiles'!$G$22=$B$24,21,0),MOD($C3161,24)+1)/SUM(INDEX($D$3:$AA$30,INDEX(Jesper!$R$2:$R$366,ROW(INDEX(Jesper!AL$2:AL$366,ROUNDDOWN($C3161/24,0)+1,1))-1)+IF('Standard Profiles'!$G$22=$B$10,7,0)+IF('Standard Profiles'!$G$22=$B$17,14,0)+IF('Standard Profiles'!$G$22=$B$24,21,0),0)),0)</f>
        <v>0</v>
      </c>
      <c r="I3161">
        <f t="shared" si="356"/>
        <v>0.36160528460052199</v>
      </c>
      <c r="J3161">
        <f t="shared" si="357"/>
        <v>1.2053509486684069</v>
      </c>
      <c r="K3161">
        <f t="shared" si="358"/>
        <v>1.80802642300261</v>
      </c>
      <c r="L3161">
        <f t="shared" si="359"/>
        <v>8.6785268304125278</v>
      </c>
      <c r="M3161">
        <f t="shared" si="360"/>
        <v>0</v>
      </c>
      <c r="N3161" s="46">
        <f t="shared" si="361"/>
        <v>45422.291666659083</v>
      </c>
    </row>
    <row r="3162" spans="2:14" x14ac:dyDescent="0.3">
      <c r="B3162">
        <f t="shared" si="355"/>
        <v>5</v>
      </c>
      <c r="C3162" s="16">
        <v>3128</v>
      </c>
      <c r="D3162" cm="1">
        <f t="array" ref="D3162">IFERROR(INDEX(Jesper!AH$2:AH$366,ROUNDDOWN($C3162/24,0)+1,1)*INDEX($D$3:$AA$30,INDEX(Jesper!$R$2:$R$366,ROW(INDEX(Jesper!AH$2:AH$366,ROUNDDOWN($C3162/24,0)+1,1))-1)+IF('Standard Profiles'!$G$18=$B$10,7,0)+IF('Standard Profiles'!$G$18=$B$17,14,0)+IF('Standard Profiles'!$G$18=$B$24,21,0),MOD($C3162,24)+1)/SUM(INDEX($D$3:$AA$30,INDEX(Jesper!$R$2:$R$366,ROW(INDEX(Jesper!AH$2:AH$366,ROUNDDOWN($C3162/24,0)+1,1))-1)+IF('Standard Profiles'!$G$18=$B$10,7,0)+IF('Standard Profiles'!$G$18=$B$17,14,0)+IF('Standard Profiles'!$G$18=$B$24,21,0),0)),0)</f>
        <v>12.053509486684067</v>
      </c>
      <c r="E3162" cm="1">
        <f t="array" ref="E3162">IFERROR(INDEX(Jesper!AI$2:AI$366,ROUNDDOWN($C3162/24,0)+1,1)*INDEX($D$3:$AA$30,INDEX(Jesper!$R$2:$R$366,ROW(INDEX(Jesper!AI$2:AI$366,ROUNDDOWN($C3162/24,0)+1,1))-1)+IF('Standard Profiles'!$G$19=$B$10,7,0)+IF('Standard Profiles'!$G$19=$B$17,14,0)+IF('Standard Profiles'!$G$19=$B$24,21,0),MOD($C3162,24)+1)/SUM(INDEX($D$3:$AA$30,INDEX(Jesper!$R$2:$R$366,ROW(INDEX(Jesper!AI$2:AI$366,ROUNDDOWN($C3162/24,0)+1,1))-1)+IF('Standard Profiles'!$G$19=$B$10,7,0)+IF('Standard Profiles'!$G$19=$B$17,14,0)+IF('Standard Profiles'!$G$19=$B$24,21,0),0)),0)</f>
        <v>0</v>
      </c>
      <c r="F3162" cm="1">
        <f t="array" ref="F3162">IFERROR(INDEX(Jesper!AJ$2:AJ$366,ROUNDDOWN($C3162/24,0)+1,1)*INDEX($D$3:$AA$30,INDEX(Jesper!$R$2:$R$366,ROW(INDEX(Jesper!AJ$2:AJ$366,ROUNDDOWN($C3162/24,0)+1,1))-1)+IF('Standard Profiles'!$G$20=$B$10,7,0)+IF('Standard Profiles'!$G$20=$B$17,14,0)+IF('Standard Profiles'!$G$20=$B$24,21,0),MOD($C3162,24)+1)/SUM(INDEX($D$3:$AA$30,INDEX(Jesper!$R$2:$R$366,ROW(INDEX(Jesper!AJ$2:AJ$366,ROUNDDOWN($C3162/24,0)+1,1))-1)+IF('Standard Profiles'!$G$20=$B$10,7,0)+IF('Standard Profiles'!$G$20=$B$17,14,0)+IF('Standard Profiles'!$G$20=$B$24,21,0),0)),0)</f>
        <v>0</v>
      </c>
      <c r="G3162" cm="1">
        <f t="array" ref="G3162">IFERROR(INDEX(Jesper!AK$2:AK$366,ROUNDDOWN($C3162/24,0)+1,1)*INDEX($D$3:$AA$30,INDEX(Jesper!$R$2:$R$366,ROW(INDEX(Jesper!AK$2:AK$366,ROUNDDOWN($C3162/24,0)+1,1))-1)+IF('Standard Profiles'!$G$21=$B$10,7,0)+IF('Standard Profiles'!$G$21=$B$17,14,0)+IF('Standard Profiles'!$G$21=$B$24,21,0),MOD($C3162,24)+1)/SUM(INDEX($D$3:$AA$30,INDEX(Jesper!$R$2:$R$366,ROW(INDEX(Jesper!AK$2:AK$366,ROUNDDOWN($C3162/24,0)+1,1))-1)+IF('Standard Profiles'!$G$21=$B$10,7,0)+IF('Standard Profiles'!$G$21=$B$17,14,0)+IF('Standard Profiles'!$G$21=$B$24,21,0),0)),0)</f>
        <v>0</v>
      </c>
      <c r="H3162" cm="1">
        <f t="array" ref="H3162">IFERROR(INDEX(Jesper!AL$2:AL$366,ROUNDDOWN($C3162/24,0)+1,1)*INDEX($D$3:$AA$30,INDEX(Jesper!$R$2:$R$366,ROW(INDEX(Jesper!AL$2:AL$366,ROUNDDOWN($C3162/24,0)+1,1))-1)+IF('Standard Profiles'!$G$22=$B$10,7,0)+IF('Standard Profiles'!$G$22=$B$17,14,0)+IF('Standard Profiles'!$G$22=$B$24,21,0),MOD($C3162,24)+1)/SUM(INDEX($D$3:$AA$30,INDEX(Jesper!$R$2:$R$366,ROW(INDEX(Jesper!AL$2:AL$366,ROUNDDOWN($C3162/24,0)+1,1))-1)+IF('Standard Profiles'!$G$22=$B$10,7,0)+IF('Standard Profiles'!$G$22=$B$17,14,0)+IF('Standard Profiles'!$G$22=$B$24,21,0),0)),0)</f>
        <v>0</v>
      </c>
      <c r="I3162">
        <f t="shared" si="356"/>
        <v>0.36160528460052199</v>
      </c>
      <c r="J3162">
        <f t="shared" si="357"/>
        <v>1.2053509486684069</v>
      </c>
      <c r="K3162">
        <f t="shared" si="358"/>
        <v>1.80802642300261</v>
      </c>
      <c r="L3162">
        <f t="shared" si="359"/>
        <v>8.6785268304125278</v>
      </c>
      <c r="M3162">
        <f t="shared" si="360"/>
        <v>0</v>
      </c>
      <c r="N3162" s="46">
        <f t="shared" si="361"/>
        <v>45422.333333325747</v>
      </c>
    </row>
    <row r="3163" spans="2:14" x14ac:dyDescent="0.3">
      <c r="B3163">
        <f t="shared" si="355"/>
        <v>5</v>
      </c>
      <c r="C3163" s="16">
        <v>3129</v>
      </c>
      <c r="D3163" cm="1">
        <f t="array" ref="D3163">IFERROR(INDEX(Jesper!AH$2:AH$366,ROUNDDOWN($C3163/24,0)+1,1)*INDEX($D$3:$AA$30,INDEX(Jesper!$R$2:$R$366,ROW(INDEX(Jesper!AH$2:AH$366,ROUNDDOWN($C3163/24,0)+1,1))-1)+IF('Standard Profiles'!$G$18=$B$10,7,0)+IF('Standard Profiles'!$G$18=$B$17,14,0)+IF('Standard Profiles'!$G$18=$B$24,21,0),MOD($C3163,24)+1)/SUM(INDEX($D$3:$AA$30,INDEX(Jesper!$R$2:$R$366,ROW(INDEX(Jesper!AH$2:AH$366,ROUNDDOWN($C3163/24,0)+1,1))-1)+IF('Standard Profiles'!$G$18=$B$10,7,0)+IF('Standard Profiles'!$G$18=$B$17,14,0)+IF('Standard Profiles'!$G$18=$B$24,21,0),0)),0)</f>
        <v>12.914474450018643</v>
      </c>
      <c r="E3163" cm="1">
        <f t="array" ref="E3163">IFERROR(INDEX(Jesper!AI$2:AI$366,ROUNDDOWN($C3163/24,0)+1,1)*INDEX($D$3:$AA$30,INDEX(Jesper!$R$2:$R$366,ROW(INDEX(Jesper!AI$2:AI$366,ROUNDDOWN($C3163/24,0)+1,1))-1)+IF('Standard Profiles'!$G$19=$B$10,7,0)+IF('Standard Profiles'!$G$19=$B$17,14,0)+IF('Standard Profiles'!$G$19=$B$24,21,0),MOD($C3163,24)+1)/SUM(INDEX($D$3:$AA$30,INDEX(Jesper!$R$2:$R$366,ROW(INDEX(Jesper!AI$2:AI$366,ROUNDDOWN($C3163/24,0)+1,1))-1)+IF('Standard Profiles'!$G$19=$B$10,7,0)+IF('Standard Profiles'!$G$19=$B$17,14,0)+IF('Standard Profiles'!$G$19=$B$24,21,0),0)),0)</f>
        <v>0</v>
      </c>
      <c r="F3163" cm="1">
        <f t="array" ref="F3163">IFERROR(INDEX(Jesper!AJ$2:AJ$366,ROUNDDOWN($C3163/24,0)+1,1)*INDEX($D$3:$AA$30,INDEX(Jesper!$R$2:$R$366,ROW(INDEX(Jesper!AJ$2:AJ$366,ROUNDDOWN($C3163/24,0)+1,1))-1)+IF('Standard Profiles'!$G$20=$B$10,7,0)+IF('Standard Profiles'!$G$20=$B$17,14,0)+IF('Standard Profiles'!$G$20=$B$24,21,0),MOD($C3163,24)+1)/SUM(INDEX($D$3:$AA$30,INDEX(Jesper!$R$2:$R$366,ROW(INDEX(Jesper!AJ$2:AJ$366,ROUNDDOWN($C3163/24,0)+1,1))-1)+IF('Standard Profiles'!$G$20=$B$10,7,0)+IF('Standard Profiles'!$G$20=$B$17,14,0)+IF('Standard Profiles'!$G$20=$B$24,21,0),0)),0)</f>
        <v>0</v>
      </c>
      <c r="G3163" cm="1">
        <f t="array" ref="G3163">IFERROR(INDEX(Jesper!AK$2:AK$366,ROUNDDOWN($C3163/24,0)+1,1)*INDEX($D$3:$AA$30,INDEX(Jesper!$R$2:$R$366,ROW(INDEX(Jesper!AK$2:AK$366,ROUNDDOWN($C3163/24,0)+1,1))-1)+IF('Standard Profiles'!$G$21=$B$10,7,0)+IF('Standard Profiles'!$G$21=$B$17,14,0)+IF('Standard Profiles'!$G$21=$B$24,21,0),MOD($C3163,24)+1)/SUM(INDEX($D$3:$AA$30,INDEX(Jesper!$R$2:$R$366,ROW(INDEX(Jesper!AK$2:AK$366,ROUNDDOWN($C3163/24,0)+1,1))-1)+IF('Standard Profiles'!$G$21=$B$10,7,0)+IF('Standard Profiles'!$G$21=$B$17,14,0)+IF('Standard Profiles'!$G$21=$B$24,21,0),0)),0)</f>
        <v>0</v>
      </c>
      <c r="H3163" cm="1">
        <f t="array" ref="H3163">IFERROR(INDEX(Jesper!AL$2:AL$366,ROUNDDOWN($C3163/24,0)+1,1)*INDEX($D$3:$AA$30,INDEX(Jesper!$R$2:$R$366,ROW(INDEX(Jesper!AL$2:AL$366,ROUNDDOWN($C3163/24,0)+1,1))-1)+IF('Standard Profiles'!$G$22=$B$10,7,0)+IF('Standard Profiles'!$G$22=$B$17,14,0)+IF('Standard Profiles'!$G$22=$B$24,21,0),MOD($C3163,24)+1)/SUM(INDEX($D$3:$AA$30,INDEX(Jesper!$R$2:$R$366,ROW(INDEX(Jesper!AL$2:AL$366,ROUNDDOWN($C3163/24,0)+1,1))-1)+IF('Standard Profiles'!$G$22=$B$10,7,0)+IF('Standard Profiles'!$G$22=$B$17,14,0)+IF('Standard Profiles'!$G$22=$B$24,21,0),0)),0)</f>
        <v>0</v>
      </c>
      <c r="I3163">
        <f t="shared" si="356"/>
        <v>0.38743423350055928</v>
      </c>
      <c r="J3163">
        <f t="shared" si="357"/>
        <v>1.2914474450018645</v>
      </c>
      <c r="K3163">
        <f t="shared" si="358"/>
        <v>1.9371711675027963</v>
      </c>
      <c r="L3163">
        <f t="shared" si="359"/>
        <v>9.2984216040134218</v>
      </c>
      <c r="M3163">
        <f t="shared" si="360"/>
        <v>0</v>
      </c>
      <c r="N3163" s="46">
        <f t="shared" si="361"/>
        <v>45422.374999992411</v>
      </c>
    </row>
    <row r="3164" spans="2:14" x14ac:dyDescent="0.3">
      <c r="B3164">
        <f t="shared" si="355"/>
        <v>5</v>
      </c>
      <c r="C3164" s="16">
        <v>3130</v>
      </c>
      <c r="D3164" cm="1">
        <f t="array" ref="D3164">IFERROR(INDEX(Jesper!AH$2:AH$366,ROUNDDOWN($C3164/24,0)+1,1)*INDEX($D$3:$AA$30,INDEX(Jesper!$R$2:$R$366,ROW(INDEX(Jesper!AH$2:AH$366,ROUNDDOWN($C3164/24,0)+1,1))-1)+IF('Standard Profiles'!$G$18=$B$10,7,0)+IF('Standard Profiles'!$G$18=$B$17,14,0)+IF('Standard Profiles'!$G$18=$B$24,21,0),MOD($C3164,24)+1)/SUM(INDEX($D$3:$AA$30,INDEX(Jesper!$R$2:$R$366,ROW(INDEX(Jesper!AH$2:AH$366,ROUNDDOWN($C3164/24,0)+1,1))-1)+IF('Standard Profiles'!$G$18=$B$10,7,0)+IF('Standard Profiles'!$G$18=$B$17,14,0)+IF('Standard Profiles'!$G$18=$B$24,21,0),0)),0)</f>
        <v>13.431053428019387</v>
      </c>
      <c r="E3164" cm="1">
        <f t="array" ref="E3164">IFERROR(INDEX(Jesper!AI$2:AI$366,ROUNDDOWN($C3164/24,0)+1,1)*INDEX($D$3:$AA$30,INDEX(Jesper!$R$2:$R$366,ROW(INDEX(Jesper!AI$2:AI$366,ROUNDDOWN($C3164/24,0)+1,1))-1)+IF('Standard Profiles'!$G$19=$B$10,7,0)+IF('Standard Profiles'!$G$19=$B$17,14,0)+IF('Standard Profiles'!$G$19=$B$24,21,0),MOD($C3164,24)+1)/SUM(INDEX($D$3:$AA$30,INDEX(Jesper!$R$2:$R$366,ROW(INDEX(Jesper!AI$2:AI$366,ROUNDDOWN($C3164/24,0)+1,1))-1)+IF('Standard Profiles'!$G$19=$B$10,7,0)+IF('Standard Profiles'!$G$19=$B$17,14,0)+IF('Standard Profiles'!$G$19=$B$24,21,0),0)),0)</f>
        <v>0</v>
      </c>
      <c r="F3164" cm="1">
        <f t="array" ref="F3164">IFERROR(INDEX(Jesper!AJ$2:AJ$366,ROUNDDOWN($C3164/24,0)+1,1)*INDEX($D$3:$AA$30,INDEX(Jesper!$R$2:$R$366,ROW(INDEX(Jesper!AJ$2:AJ$366,ROUNDDOWN($C3164/24,0)+1,1))-1)+IF('Standard Profiles'!$G$20=$B$10,7,0)+IF('Standard Profiles'!$G$20=$B$17,14,0)+IF('Standard Profiles'!$G$20=$B$24,21,0),MOD($C3164,24)+1)/SUM(INDEX($D$3:$AA$30,INDEX(Jesper!$R$2:$R$366,ROW(INDEX(Jesper!AJ$2:AJ$366,ROUNDDOWN($C3164/24,0)+1,1))-1)+IF('Standard Profiles'!$G$20=$B$10,7,0)+IF('Standard Profiles'!$G$20=$B$17,14,0)+IF('Standard Profiles'!$G$20=$B$24,21,0),0)),0)</f>
        <v>0</v>
      </c>
      <c r="G3164" cm="1">
        <f t="array" ref="G3164">IFERROR(INDEX(Jesper!AK$2:AK$366,ROUNDDOWN($C3164/24,0)+1,1)*INDEX($D$3:$AA$30,INDEX(Jesper!$R$2:$R$366,ROW(INDEX(Jesper!AK$2:AK$366,ROUNDDOWN($C3164/24,0)+1,1))-1)+IF('Standard Profiles'!$G$21=$B$10,7,0)+IF('Standard Profiles'!$G$21=$B$17,14,0)+IF('Standard Profiles'!$G$21=$B$24,21,0),MOD($C3164,24)+1)/SUM(INDEX($D$3:$AA$30,INDEX(Jesper!$R$2:$R$366,ROW(INDEX(Jesper!AK$2:AK$366,ROUNDDOWN($C3164/24,0)+1,1))-1)+IF('Standard Profiles'!$G$21=$B$10,7,0)+IF('Standard Profiles'!$G$21=$B$17,14,0)+IF('Standard Profiles'!$G$21=$B$24,21,0),0)),0)</f>
        <v>0</v>
      </c>
      <c r="H3164" cm="1">
        <f t="array" ref="H3164">IFERROR(INDEX(Jesper!AL$2:AL$366,ROUNDDOWN($C3164/24,0)+1,1)*INDEX($D$3:$AA$30,INDEX(Jesper!$R$2:$R$366,ROW(INDEX(Jesper!AL$2:AL$366,ROUNDDOWN($C3164/24,0)+1,1))-1)+IF('Standard Profiles'!$G$22=$B$10,7,0)+IF('Standard Profiles'!$G$22=$B$17,14,0)+IF('Standard Profiles'!$G$22=$B$24,21,0),MOD($C3164,24)+1)/SUM(INDEX($D$3:$AA$30,INDEX(Jesper!$R$2:$R$366,ROW(INDEX(Jesper!AL$2:AL$366,ROUNDDOWN($C3164/24,0)+1,1))-1)+IF('Standard Profiles'!$G$22=$B$10,7,0)+IF('Standard Profiles'!$G$22=$B$17,14,0)+IF('Standard Profiles'!$G$22=$B$24,21,0),0)),0)</f>
        <v>0</v>
      </c>
      <c r="I3164">
        <f t="shared" si="356"/>
        <v>0.4029316028405816</v>
      </c>
      <c r="J3164">
        <f t="shared" si="357"/>
        <v>1.3431053428019388</v>
      </c>
      <c r="K3164">
        <f t="shared" si="358"/>
        <v>2.014658014202908</v>
      </c>
      <c r="L3164">
        <f t="shared" si="359"/>
        <v>9.6703584681739585</v>
      </c>
      <c r="M3164">
        <f t="shared" si="360"/>
        <v>0</v>
      </c>
      <c r="N3164" s="46">
        <f t="shared" si="361"/>
        <v>45422.416666659075</v>
      </c>
    </row>
    <row r="3165" spans="2:14" x14ac:dyDescent="0.3">
      <c r="B3165">
        <f t="shared" si="355"/>
        <v>5</v>
      </c>
      <c r="C3165" s="16">
        <v>3131</v>
      </c>
      <c r="D3165" cm="1">
        <f t="array" ref="D3165">IFERROR(INDEX(Jesper!AH$2:AH$366,ROUNDDOWN($C3165/24,0)+1,1)*INDEX($D$3:$AA$30,INDEX(Jesper!$R$2:$R$366,ROW(INDEX(Jesper!AH$2:AH$366,ROUNDDOWN($C3165/24,0)+1,1))-1)+IF('Standard Profiles'!$G$18=$B$10,7,0)+IF('Standard Profiles'!$G$18=$B$17,14,0)+IF('Standard Profiles'!$G$18=$B$24,21,0),MOD($C3165,24)+1)/SUM(INDEX($D$3:$AA$30,INDEX(Jesper!$R$2:$R$366,ROW(INDEX(Jesper!AH$2:AH$366,ROUNDDOWN($C3165/24,0)+1,1))-1)+IF('Standard Profiles'!$G$18=$B$10,7,0)+IF('Standard Profiles'!$G$18=$B$17,14,0)+IF('Standard Profiles'!$G$18=$B$24,21,0),0)),0)</f>
        <v>15.49736934002237</v>
      </c>
      <c r="E3165" cm="1">
        <f t="array" ref="E3165">IFERROR(INDEX(Jesper!AI$2:AI$366,ROUNDDOWN($C3165/24,0)+1,1)*INDEX($D$3:$AA$30,INDEX(Jesper!$R$2:$R$366,ROW(INDEX(Jesper!AI$2:AI$366,ROUNDDOWN($C3165/24,0)+1,1))-1)+IF('Standard Profiles'!$G$19=$B$10,7,0)+IF('Standard Profiles'!$G$19=$B$17,14,0)+IF('Standard Profiles'!$G$19=$B$24,21,0),MOD($C3165,24)+1)/SUM(INDEX($D$3:$AA$30,INDEX(Jesper!$R$2:$R$366,ROW(INDEX(Jesper!AI$2:AI$366,ROUNDDOWN($C3165/24,0)+1,1))-1)+IF('Standard Profiles'!$G$19=$B$10,7,0)+IF('Standard Profiles'!$G$19=$B$17,14,0)+IF('Standard Profiles'!$G$19=$B$24,21,0),0)),0)</f>
        <v>0</v>
      </c>
      <c r="F3165" cm="1">
        <f t="array" ref="F3165">IFERROR(INDEX(Jesper!AJ$2:AJ$366,ROUNDDOWN($C3165/24,0)+1,1)*INDEX($D$3:$AA$30,INDEX(Jesper!$R$2:$R$366,ROW(INDEX(Jesper!AJ$2:AJ$366,ROUNDDOWN($C3165/24,0)+1,1))-1)+IF('Standard Profiles'!$G$20=$B$10,7,0)+IF('Standard Profiles'!$G$20=$B$17,14,0)+IF('Standard Profiles'!$G$20=$B$24,21,0),MOD($C3165,24)+1)/SUM(INDEX($D$3:$AA$30,INDEX(Jesper!$R$2:$R$366,ROW(INDEX(Jesper!AJ$2:AJ$366,ROUNDDOWN($C3165/24,0)+1,1))-1)+IF('Standard Profiles'!$G$20=$B$10,7,0)+IF('Standard Profiles'!$G$20=$B$17,14,0)+IF('Standard Profiles'!$G$20=$B$24,21,0),0)),0)</f>
        <v>0</v>
      </c>
      <c r="G3165" cm="1">
        <f t="array" ref="G3165">IFERROR(INDEX(Jesper!AK$2:AK$366,ROUNDDOWN($C3165/24,0)+1,1)*INDEX($D$3:$AA$30,INDEX(Jesper!$R$2:$R$366,ROW(INDEX(Jesper!AK$2:AK$366,ROUNDDOWN($C3165/24,0)+1,1))-1)+IF('Standard Profiles'!$G$21=$B$10,7,0)+IF('Standard Profiles'!$G$21=$B$17,14,0)+IF('Standard Profiles'!$G$21=$B$24,21,0),MOD($C3165,24)+1)/SUM(INDEX($D$3:$AA$30,INDEX(Jesper!$R$2:$R$366,ROW(INDEX(Jesper!AK$2:AK$366,ROUNDDOWN($C3165/24,0)+1,1))-1)+IF('Standard Profiles'!$G$21=$B$10,7,0)+IF('Standard Profiles'!$G$21=$B$17,14,0)+IF('Standard Profiles'!$G$21=$B$24,21,0),0)),0)</f>
        <v>0</v>
      </c>
      <c r="H3165" cm="1">
        <f t="array" ref="H3165">IFERROR(INDEX(Jesper!AL$2:AL$366,ROUNDDOWN($C3165/24,0)+1,1)*INDEX($D$3:$AA$30,INDEX(Jesper!$R$2:$R$366,ROW(INDEX(Jesper!AL$2:AL$366,ROUNDDOWN($C3165/24,0)+1,1))-1)+IF('Standard Profiles'!$G$22=$B$10,7,0)+IF('Standard Profiles'!$G$22=$B$17,14,0)+IF('Standard Profiles'!$G$22=$B$24,21,0),MOD($C3165,24)+1)/SUM(INDEX($D$3:$AA$30,INDEX(Jesper!$R$2:$R$366,ROW(INDEX(Jesper!AL$2:AL$366,ROUNDDOWN($C3165/24,0)+1,1))-1)+IF('Standard Profiles'!$G$22=$B$10,7,0)+IF('Standard Profiles'!$G$22=$B$17,14,0)+IF('Standard Profiles'!$G$22=$B$24,21,0),0)),0)</f>
        <v>0</v>
      </c>
      <c r="I3165">
        <f t="shared" si="356"/>
        <v>0.46492108020067108</v>
      </c>
      <c r="J3165">
        <f t="shared" si="357"/>
        <v>1.5497369340022371</v>
      </c>
      <c r="K3165">
        <f t="shared" si="358"/>
        <v>2.3246054010033554</v>
      </c>
      <c r="L3165">
        <f t="shared" si="359"/>
        <v>11.158105924816105</v>
      </c>
      <c r="M3165">
        <f t="shared" si="360"/>
        <v>0</v>
      </c>
      <c r="N3165" s="46">
        <f t="shared" si="361"/>
        <v>45422.45833332574</v>
      </c>
    </row>
    <row r="3166" spans="2:14" x14ac:dyDescent="0.3">
      <c r="B3166">
        <f t="shared" si="355"/>
        <v>5</v>
      </c>
      <c r="C3166" s="16">
        <v>3132</v>
      </c>
      <c r="D3166" cm="1">
        <f t="array" ref="D3166">IFERROR(INDEX(Jesper!AH$2:AH$366,ROUNDDOWN($C3166/24,0)+1,1)*INDEX($D$3:$AA$30,INDEX(Jesper!$R$2:$R$366,ROW(INDEX(Jesper!AH$2:AH$366,ROUNDDOWN($C3166/24,0)+1,1))-1)+IF('Standard Profiles'!$G$18=$B$10,7,0)+IF('Standard Profiles'!$G$18=$B$17,14,0)+IF('Standard Profiles'!$G$18=$B$24,21,0),MOD($C3166,24)+1)/SUM(INDEX($D$3:$AA$30,INDEX(Jesper!$R$2:$R$366,ROW(INDEX(Jesper!AH$2:AH$366,ROUNDDOWN($C3166/24,0)+1,1))-1)+IF('Standard Profiles'!$G$18=$B$10,7,0)+IF('Standard Profiles'!$G$18=$B$17,14,0)+IF('Standard Profiles'!$G$18=$B$24,21,0),0)),0)</f>
        <v>15.49736934002237</v>
      </c>
      <c r="E3166" cm="1">
        <f t="array" ref="E3166">IFERROR(INDEX(Jesper!AI$2:AI$366,ROUNDDOWN($C3166/24,0)+1,1)*INDEX($D$3:$AA$30,INDEX(Jesper!$R$2:$R$366,ROW(INDEX(Jesper!AI$2:AI$366,ROUNDDOWN($C3166/24,0)+1,1))-1)+IF('Standard Profiles'!$G$19=$B$10,7,0)+IF('Standard Profiles'!$G$19=$B$17,14,0)+IF('Standard Profiles'!$G$19=$B$24,21,0),MOD($C3166,24)+1)/SUM(INDEX($D$3:$AA$30,INDEX(Jesper!$R$2:$R$366,ROW(INDEX(Jesper!AI$2:AI$366,ROUNDDOWN($C3166/24,0)+1,1))-1)+IF('Standard Profiles'!$G$19=$B$10,7,0)+IF('Standard Profiles'!$G$19=$B$17,14,0)+IF('Standard Profiles'!$G$19=$B$24,21,0),0)),0)</f>
        <v>0</v>
      </c>
      <c r="F3166" cm="1">
        <f t="array" ref="F3166">IFERROR(INDEX(Jesper!AJ$2:AJ$366,ROUNDDOWN($C3166/24,0)+1,1)*INDEX($D$3:$AA$30,INDEX(Jesper!$R$2:$R$366,ROW(INDEX(Jesper!AJ$2:AJ$366,ROUNDDOWN($C3166/24,0)+1,1))-1)+IF('Standard Profiles'!$G$20=$B$10,7,0)+IF('Standard Profiles'!$G$20=$B$17,14,0)+IF('Standard Profiles'!$G$20=$B$24,21,0),MOD($C3166,24)+1)/SUM(INDEX($D$3:$AA$30,INDEX(Jesper!$R$2:$R$366,ROW(INDEX(Jesper!AJ$2:AJ$366,ROUNDDOWN($C3166/24,0)+1,1))-1)+IF('Standard Profiles'!$G$20=$B$10,7,0)+IF('Standard Profiles'!$G$20=$B$17,14,0)+IF('Standard Profiles'!$G$20=$B$24,21,0),0)),0)</f>
        <v>0</v>
      </c>
      <c r="G3166" cm="1">
        <f t="array" ref="G3166">IFERROR(INDEX(Jesper!AK$2:AK$366,ROUNDDOWN($C3166/24,0)+1,1)*INDEX($D$3:$AA$30,INDEX(Jesper!$R$2:$R$366,ROW(INDEX(Jesper!AK$2:AK$366,ROUNDDOWN($C3166/24,0)+1,1))-1)+IF('Standard Profiles'!$G$21=$B$10,7,0)+IF('Standard Profiles'!$G$21=$B$17,14,0)+IF('Standard Profiles'!$G$21=$B$24,21,0),MOD($C3166,24)+1)/SUM(INDEX($D$3:$AA$30,INDEX(Jesper!$R$2:$R$366,ROW(INDEX(Jesper!AK$2:AK$366,ROUNDDOWN($C3166/24,0)+1,1))-1)+IF('Standard Profiles'!$G$21=$B$10,7,0)+IF('Standard Profiles'!$G$21=$B$17,14,0)+IF('Standard Profiles'!$G$21=$B$24,21,0),0)),0)</f>
        <v>0</v>
      </c>
      <c r="H3166" cm="1">
        <f t="array" ref="H3166">IFERROR(INDEX(Jesper!AL$2:AL$366,ROUNDDOWN($C3166/24,0)+1,1)*INDEX($D$3:$AA$30,INDEX(Jesper!$R$2:$R$366,ROW(INDEX(Jesper!AL$2:AL$366,ROUNDDOWN($C3166/24,0)+1,1))-1)+IF('Standard Profiles'!$G$22=$B$10,7,0)+IF('Standard Profiles'!$G$22=$B$17,14,0)+IF('Standard Profiles'!$G$22=$B$24,21,0),MOD($C3166,24)+1)/SUM(INDEX($D$3:$AA$30,INDEX(Jesper!$R$2:$R$366,ROW(INDEX(Jesper!AL$2:AL$366,ROUNDDOWN($C3166/24,0)+1,1))-1)+IF('Standard Profiles'!$G$22=$B$10,7,0)+IF('Standard Profiles'!$G$22=$B$17,14,0)+IF('Standard Profiles'!$G$22=$B$24,21,0),0)),0)</f>
        <v>0</v>
      </c>
      <c r="I3166">
        <f t="shared" si="356"/>
        <v>0.46492108020067108</v>
      </c>
      <c r="J3166">
        <f t="shared" si="357"/>
        <v>1.5497369340022371</v>
      </c>
      <c r="K3166">
        <f t="shared" si="358"/>
        <v>2.3246054010033554</v>
      </c>
      <c r="L3166">
        <f t="shared" si="359"/>
        <v>11.158105924816105</v>
      </c>
      <c r="M3166">
        <f t="shared" si="360"/>
        <v>0</v>
      </c>
      <c r="N3166" s="46">
        <f t="shared" si="361"/>
        <v>45422.499999992404</v>
      </c>
    </row>
    <row r="3167" spans="2:14" x14ac:dyDescent="0.3">
      <c r="B3167">
        <f t="shared" si="355"/>
        <v>5</v>
      </c>
      <c r="C3167" s="16">
        <v>3133</v>
      </c>
      <c r="D3167" cm="1">
        <f t="array" ref="D3167">IFERROR(INDEX(Jesper!AH$2:AH$366,ROUNDDOWN($C3167/24,0)+1,1)*INDEX($D$3:$AA$30,INDEX(Jesper!$R$2:$R$366,ROW(INDEX(Jesper!AH$2:AH$366,ROUNDDOWN($C3167/24,0)+1,1))-1)+IF('Standard Profiles'!$G$18=$B$10,7,0)+IF('Standard Profiles'!$G$18=$B$17,14,0)+IF('Standard Profiles'!$G$18=$B$24,21,0),MOD($C3167,24)+1)/SUM(INDEX($D$3:$AA$30,INDEX(Jesper!$R$2:$R$366,ROW(INDEX(Jesper!AH$2:AH$366,ROUNDDOWN($C3167/24,0)+1,1))-1)+IF('Standard Profiles'!$G$18=$B$10,7,0)+IF('Standard Profiles'!$G$18=$B$17,14,0)+IF('Standard Profiles'!$G$18=$B$24,21,0),0)),0)</f>
        <v>15.49736934002237</v>
      </c>
      <c r="E3167" cm="1">
        <f t="array" ref="E3167">IFERROR(INDEX(Jesper!AI$2:AI$366,ROUNDDOWN($C3167/24,0)+1,1)*INDEX($D$3:$AA$30,INDEX(Jesper!$R$2:$R$366,ROW(INDEX(Jesper!AI$2:AI$366,ROUNDDOWN($C3167/24,0)+1,1))-1)+IF('Standard Profiles'!$G$19=$B$10,7,0)+IF('Standard Profiles'!$G$19=$B$17,14,0)+IF('Standard Profiles'!$G$19=$B$24,21,0),MOD($C3167,24)+1)/SUM(INDEX($D$3:$AA$30,INDEX(Jesper!$R$2:$R$366,ROW(INDEX(Jesper!AI$2:AI$366,ROUNDDOWN($C3167/24,0)+1,1))-1)+IF('Standard Profiles'!$G$19=$B$10,7,0)+IF('Standard Profiles'!$G$19=$B$17,14,0)+IF('Standard Profiles'!$G$19=$B$24,21,0),0)),0)</f>
        <v>0</v>
      </c>
      <c r="F3167" cm="1">
        <f t="array" ref="F3167">IFERROR(INDEX(Jesper!AJ$2:AJ$366,ROUNDDOWN($C3167/24,0)+1,1)*INDEX($D$3:$AA$30,INDEX(Jesper!$R$2:$R$366,ROW(INDEX(Jesper!AJ$2:AJ$366,ROUNDDOWN($C3167/24,0)+1,1))-1)+IF('Standard Profiles'!$G$20=$B$10,7,0)+IF('Standard Profiles'!$G$20=$B$17,14,0)+IF('Standard Profiles'!$G$20=$B$24,21,0),MOD($C3167,24)+1)/SUM(INDEX($D$3:$AA$30,INDEX(Jesper!$R$2:$R$366,ROW(INDEX(Jesper!AJ$2:AJ$366,ROUNDDOWN($C3167/24,0)+1,1))-1)+IF('Standard Profiles'!$G$20=$B$10,7,0)+IF('Standard Profiles'!$G$20=$B$17,14,0)+IF('Standard Profiles'!$G$20=$B$24,21,0),0)),0)</f>
        <v>0</v>
      </c>
      <c r="G3167" cm="1">
        <f t="array" ref="G3167">IFERROR(INDEX(Jesper!AK$2:AK$366,ROUNDDOWN($C3167/24,0)+1,1)*INDEX($D$3:$AA$30,INDEX(Jesper!$R$2:$R$366,ROW(INDEX(Jesper!AK$2:AK$366,ROUNDDOWN($C3167/24,0)+1,1))-1)+IF('Standard Profiles'!$G$21=$B$10,7,0)+IF('Standard Profiles'!$G$21=$B$17,14,0)+IF('Standard Profiles'!$G$21=$B$24,21,0),MOD($C3167,24)+1)/SUM(INDEX($D$3:$AA$30,INDEX(Jesper!$R$2:$R$366,ROW(INDEX(Jesper!AK$2:AK$366,ROUNDDOWN($C3167/24,0)+1,1))-1)+IF('Standard Profiles'!$G$21=$B$10,7,0)+IF('Standard Profiles'!$G$21=$B$17,14,0)+IF('Standard Profiles'!$G$21=$B$24,21,0),0)),0)</f>
        <v>0</v>
      </c>
      <c r="H3167" cm="1">
        <f t="array" ref="H3167">IFERROR(INDEX(Jesper!AL$2:AL$366,ROUNDDOWN($C3167/24,0)+1,1)*INDEX($D$3:$AA$30,INDEX(Jesper!$R$2:$R$366,ROW(INDEX(Jesper!AL$2:AL$366,ROUNDDOWN($C3167/24,0)+1,1))-1)+IF('Standard Profiles'!$G$22=$B$10,7,0)+IF('Standard Profiles'!$G$22=$B$17,14,0)+IF('Standard Profiles'!$G$22=$B$24,21,0),MOD($C3167,24)+1)/SUM(INDEX($D$3:$AA$30,INDEX(Jesper!$R$2:$R$366,ROW(INDEX(Jesper!AL$2:AL$366,ROUNDDOWN($C3167/24,0)+1,1))-1)+IF('Standard Profiles'!$G$22=$B$10,7,0)+IF('Standard Profiles'!$G$22=$B$17,14,0)+IF('Standard Profiles'!$G$22=$B$24,21,0),0)),0)</f>
        <v>0</v>
      </c>
      <c r="I3167">
        <f t="shared" si="356"/>
        <v>0.46492108020067108</v>
      </c>
      <c r="J3167">
        <f t="shared" si="357"/>
        <v>1.5497369340022371</v>
      </c>
      <c r="K3167">
        <f t="shared" si="358"/>
        <v>2.3246054010033554</v>
      </c>
      <c r="L3167">
        <f t="shared" si="359"/>
        <v>11.158105924816105</v>
      </c>
      <c r="M3167">
        <f t="shared" si="360"/>
        <v>0</v>
      </c>
      <c r="N3167" s="46">
        <f t="shared" si="361"/>
        <v>45422.541666659068</v>
      </c>
    </row>
    <row r="3168" spans="2:14" x14ac:dyDescent="0.3">
      <c r="B3168">
        <f t="shared" si="355"/>
        <v>5</v>
      </c>
      <c r="C3168" s="16">
        <v>3134</v>
      </c>
      <c r="D3168" cm="1">
        <f t="array" ref="D3168">IFERROR(INDEX(Jesper!AH$2:AH$366,ROUNDDOWN($C3168/24,0)+1,1)*INDEX($D$3:$AA$30,INDEX(Jesper!$R$2:$R$366,ROW(INDEX(Jesper!AH$2:AH$366,ROUNDDOWN($C3168/24,0)+1,1))-1)+IF('Standard Profiles'!$G$18=$B$10,7,0)+IF('Standard Profiles'!$G$18=$B$17,14,0)+IF('Standard Profiles'!$G$18=$B$24,21,0),MOD($C3168,24)+1)/SUM(INDEX($D$3:$AA$30,INDEX(Jesper!$R$2:$R$366,ROW(INDEX(Jesper!AH$2:AH$366,ROUNDDOWN($C3168/24,0)+1,1))-1)+IF('Standard Profiles'!$G$18=$B$10,7,0)+IF('Standard Profiles'!$G$18=$B$17,14,0)+IF('Standard Profiles'!$G$18=$B$24,21,0),0)),0)</f>
        <v>15.49736934002237</v>
      </c>
      <c r="E3168" cm="1">
        <f t="array" ref="E3168">IFERROR(INDEX(Jesper!AI$2:AI$366,ROUNDDOWN($C3168/24,0)+1,1)*INDEX($D$3:$AA$30,INDEX(Jesper!$R$2:$R$366,ROW(INDEX(Jesper!AI$2:AI$366,ROUNDDOWN($C3168/24,0)+1,1))-1)+IF('Standard Profiles'!$G$19=$B$10,7,0)+IF('Standard Profiles'!$G$19=$B$17,14,0)+IF('Standard Profiles'!$G$19=$B$24,21,0),MOD($C3168,24)+1)/SUM(INDEX($D$3:$AA$30,INDEX(Jesper!$R$2:$R$366,ROW(INDEX(Jesper!AI$2:AI$366,ROUNDDOWN($C3168/24,0)+1,1))-1)+IF('Standard Profiles'!$G$19=$B$10,7,0)+IF('Standard Profiles'!$G$19=$B$17,14,0)+IF('Standard Profiles'!$G$19=$B$24,21,0),0)),0)</f>
        <v>0</v>
      </c>
      <c r="F3168" cm="1">
        <f t="array" ref="F3168">IFERROR(INDEX(Jesper!AJ$2:AJ$366,ROUNDDOWN($C3168/24,0)+1,1)*INDEX($D$3:$AA$30,INDEX(Jesper!$R$2:$R$366,ROW(INDEX(Jesper!AJ$2:AJ$366,ROUNDDOWN($C3168/24,0)+1,1))-1)+IF('Standard Profiles'!$G$20=$B$10,7,0)+IF('Standard Profiles'!$G$20=$B$17,14,0)+IF('Standard Profiles'!$G$20=$B$24,21,0),MOD($C3168,24)+1)/SUM(INDEX($D$3:$AA$30,INDEX(Jesper!$R$2:$R$366,ROW(INDEX(Jesper!AJ$2:AJ$366,ROUNDDOWN($C3168/24,0)+1,1))-1)+IF('Standard Profiles'!$G$20=$B$10,7,0)+IF('Standard Profiles'!$G$20=$B$17,14,0)+IF('Standard Profiles'!$G$20=$B$24,21,0),0)),0)</f>
        <v>0</v>
      </c>
      <c r="G3168" cm="1">
        <f t="array" ref="G3168">IFERROR(INDEX(Jesper!AK$2:AK$366,ROUNDDOWN($C3168/24,0)+1,1)*INDEX($D$3:$AA$30,INDEX(Jesper!$R$2:$R$366,ROW(INDEX(Jesper!AK$2:AK$366,ROUNDDOWN($C3168/24,0)+1,1))-1)+IF('Standard Profiles'!$G$21=$B$10,7,0)+IF('Standard Profiles'!$G$21=$B$17,14,0)+IF('Standard Profiles'!$G$21=$B$24,21,0),MOD($C3168,24)+1)/SUM(INDEX($D$3:$AA$30,INDEX(Jesper!$R$2:$R$366,ROW(INDEX(Jesper!AK$2:AK$366,ROUNDDOWN($C3168/24,0)+1,1))-1)+IF('Standard Profiles'!$G$21=$B$10,7,0)+IF('Standard Profiles'!$G$21=$B$17,14,0)+IF('Standard Profiles'!$G$21=$B$24,21,0),0)),0)</f>
        <v>0</v>
      </c>
      <c r="H3168" cm="1">
        <f t="array" ref="H3168">IFERROR(INDEX(Jesper!AL$2:AL$366,ROUNDDOWN($C3168/24,0)+1,1)*INDEX($D$3:$AA$30,INDEX(Jesper!$R$2:$R$366,ROW(INDEX(Jesper!AL$2:AL$366,ROUNDDOWN($C3168/24,0)+1,1))-1)+IF('Standard Profiles'!$G$22=$B$10,7,0)+IF('Standard Profiles'!$G$22=$B$17,14,0)+IF('Standard Profiles'!$G$22=$B$24,21,0),MOD($C3168,24)+1)/SUM(INDEX($D$3:$AA$30,INDEX(Jesper!$R$2:$R$366,ROW(INDEX(Jesper!AL$2:AL$366,ROUNDDOWN($C3168/24,0)+1,1))-1)+IF('Standard Profiles'!$G$22=$B$10,7,0)+IF('Standard Profiles'!$G$22=$B$17,14,0)+IF('Standard Profiles'!$G$22=$B$24,21,0),0)),0)</f>
        <v>0</v>
      </c>
      <c r="I3168">
        <f t="shared" si="356"/>
        <v>0.46492108020067108</v>
      </c>
      <c r="J3168">
        <f t="shared" si="357"/>
        <v>1.5497369340022371</v>
      </c>
      <c r="K3168">
        <f t="shared" si="358"/>
        <v>2.3246054010033554</v>
      </c>
      <c r="L3168">
        <f t="shared" si="359"/>
        <v>11.158105924816105</v>
      </c>
      <c r="M3168">
        <f t="shared" si="360"/>
        <v>0</v>
      </c>
      <c r="N3168" s="46">
        <f t="shared" si="361"/>
        <v>45422.583333325732</v>
      </c>
    </row>
    <row r="3169" spans="2:14" x14ac:dyDescent="0.3">
      <c r="B3169">
        <f t="shared" si="355"/>
        <v>5</v>
      </c>
      <c r="C3169" s="16">
        <v>3135</v>
      </c>
      <c r="D3169" cm="1">
        <f t="array" ref="D3169">IFERROR(INDEX(Jesper!AH$2:AH$366,ROUNDDOWN($C3169/24,0)+1,1)*INDEX($D$3:$AA$30,INDEX(Jesper!$R$2:$R$366,ROW(INDEX(Jesper!AH$2:AH$366,ROUNDDOWN($C3169/24,0)+1,1))-1)+IF('Standard Profiles'!$G$18=$B$10,7,0)+IF('Standard Profiles'!$G$18=$B$17,14,0)+IF('Standard Profiles'!$G$18=$B$24,21,0),MOD($C3169,24)+1)/SUM(INDEX($D$3:$AA$30,INDEX(Jesper!$R$2:$R$366,ROW(INDEX(Jesper!AH$2:AH$366,ROUNDDOWN($C3169/24,0)+1,1))-1)+IF('Standard Profiles'!$G$18=$B$10,7,0)+IF('Standard Profiles'!$G$18=$B$17,14,0)+IF('Standard Profiles'!$G$18=$B$24,21,0),0)),0)</f>
        <v>12.914474450018643</v>
      </c>
      <c r="E3169" cm="1">
        <f t="array" ref="E3169">IFERROR(INDEX(Jesper!AI$2:AI$366,ROUNDDOWN($C3169/24,0)+1,1)*INDEX($D$3:$AA$30,INDEX(Jesper!$R$2:$R$366,ROW(INDEX(Jesper!AI$2:AI$366,ROUNDDOWN($C3169/24,0)+1,1))-1)+IF('Standard Profiles'!$G$19=$B$10,7,0)+IF('Standard Profiles'!$G$19=$B$17,14,0)+IF('Standard Profiles'!$G$19=$B$24,21,0),MOD($C3169,24)+1)/SUM(INDEX($D$3:$AA$30,INDEX(Jesper!$R$2:$R$366,ROW(INDEX(Jesper!AI$2:AI$366,ROUNDDOWN($C3169/24,0)+1,1))-1)+IF('Standard Profiles'!$G$19=$B$10,7,0)+IF('Standard Profiles'!$G$19=$B$17,14,0)+IF('Standard Profiles'!$G$19=$B$24,21,0),0)),0)</f>
        <v>0</v>
      </c>
      <c r="F3169" cm="1">
        <f t="array" ref="F3169">IFERROR(INDEX(Jesper!AJ$2:AJ$366,ROUNDDOWN($C3169/24,0)+1,1)*INDEX($D$3:$AA$30,INDEX(Jesper!$R$2:$R$366,ROW(INDEX(Jesper!AJ$2:AJ$366,ROUNDDOWN($C3169/24,0)+1,1))-1)+IF('Standard Profiles'!$G$20=$B$10,7,0)+IF('Standard Profiles'!$G$20=$B$17,14,0)+IF('Standard Profiles'!$G$20=$B$24,21,0),MOD($C3169,24)+1)/SUM(INDEX($D$3:$AA$30,INDEX(Jesper!$R$2:$R$366,ROW(INDEX(Jesper!AJ$2:AJ$366,ROUNDDOWN($C3169/24,0)+1,1))-1)+IF('Standard Profiles'!$G$20=$B$10,7,0)+IF('Standard Profiles'!$G$20=$B$17,14,0)+IF('Standard Profiles'!$G$20=$B$24,21,0),0)),0)</f>
        <v>0</v>
      </c>
      <c r="G3169" cm="1">
        <f t="array" ref="G3169">IFERROR(INDEX(Jesper!AK$2:AK$366,ROUNDDOWN($C3169/24,0)+1,1)*INDEX($D$3:$AA$30,INDEX(Jesper!$R$2:$R$366,ROW(INDEX(Jesper!AK$2:AK$366,ROUNDDOWN($C3169/24,0)+1,1))-1)+IF('Standard Profiles'!$G$21=$B$10,7,0)+IF('Standard Profiles'!$G$21=$B$17,14,0)+IF('Standard Profiles'!$G$21=$B$24,21,0),MOD($C3169,24)+1)/SUM(INDEX($D$3:$AA$30,INDEX(Jesper!$R$2:$R$366,ROW(INDEX(Jesper!AK$2:AK$366,ROUNDDOWN($C3169/24,0)+1,1))-1)+IF('Standard Profiles'!$G$21=$B$10,7,0)+IF('Standard Profiles'!$G$21=$B$17,14,0)+IF('Standard Profiles'!$G$21=$B$24,21,0),0)),0)</f>
        <v>0</v>
      </c>
      <c r="H3169" cm="1">
        <f t="array" ref="H3169">IFERROR(INDEX(Jesper!AL$2:AL$366,ROUNDDOWN($C3169/24,0)+1,1)*INDEX($D$3:$AA$30,INDEX(Jesper!$R$2:$R$366,ROW(INDEX(Jesper!AL$2:AL$366,ROUNDDOWN($C3169/24,0)+1,1))-1)+IF('Standard Profiles'!$G$22=$B$10,7,0)+IF('Standard Profiles'!$G$22=$B$17,14,0)+IF('Standard Profiles'!$G$22=$B$24,21,0),MOD($C3169,24)+1)/SUM(INDEX($D$3:$AA$30,INDEX(Jesper!$R$2:$R$366,ROW(INDEX(Jesper!AL$2:AL$366,ROUNDDOWN($C3169/24,0)+1,1))-1)+IF('Standard Profiles'!$G$22=$B$10,7,0)+IF('Standard Profiles'!$G$22=$B$17,14,0)+IF('Standard Profiles'!$G$22=$B$24,21,0),0)),0)</f>
        <v>0</v>
      </c>
      <c r="I3169">
        <f t="shared" si="356"/>
        <v>0.38743423350055928</v>
      </c>
      <c r="J3169">
        <f t="shared" si="357"/>
        <v>1.2914474450018645</v>
      </c>
      <c r="K3169">
        <f t="shared" si="358"/>
        <v>1.9371711675027963</v>
      </c>
      <c r="L3169">
        <f t="shared" si="359"/>
        <v>9.2984216040134218</v>
      </c>
      <c r="M3169">
        <f t="shared" si="360"/>
        <v>0</v>
      </c>
      <c r="N3169" s="46">
        <f t="shared" si="361"/>
        <v>45422.624999992397</v>
      </c>
    </row>
    <row r="3170" spans="2:14" x14ac:dyDescent="0.3">
      <c r="B3170">
        <f t="shared" si="355"/>
        <v>5</v>
      </c>
      <c r="C3170" s="16">
        <v>3136</v>
      </c>
      <c r="D3170" cm="1">
        <f t="array" ref="D3170">IFERROR(INDEX(Jesper!AH$2:AH$366,ROUNDDOWN($C3170/24,0)+1,1)*INDEX($D$3:$AA$30,INDEX(Jesper!$R$2:$R$366,ROW(INDEX(Jesper!AH$2:AH$366,ROUNDDOWN($C3170/24,0)+1,1))-1)+IF('Standard Profiles'!$G$18=$B$10,7,0)+IF('Standard Profiles'!$G$18=$B$17,14,0)+IF('Standard Profiles'!$G$18=$B$24,21,0),MOD($C3170,24)+1)/SUM(INDEX($D$3:$AA$30,INDEX(Jesper!$R$2:$R$366,ROW(INDEX(Jesper!AH$2:AH$366,ROUNDDOWN($C3170/24,0)+1,1))-1)+IF('Standard Profiles'!$G$18=$B$10,7,0)+IF('Standard Profiles'!$G$18=$B$17,14,0)+IF('Standard Profiles'!$G$18=$B$24,21,0),0)),0)</f>
        <v>12.225702479350982</v>
      </c>
      <c r="E3170" cm="1">
        <f t="array" ref="E3170">IFERROR(INDEX(Jesper!AI$2:AI$366,ROUNDDOWN($C3170/24,0)+1,1)*INDEX($D$3:$AA$30,INDEX(Jesper!$R$2:$R$366,ROW(INDEX(Jesper!AI$2:AI$366,ROUNDDOWN($C3170/24,0)+1,1))-1)+IF('Standard Profiles'!$G$19=$B$10,7,0)+IF('Standard Profiles'!$G$19=$B$17,14,0)+IF('Standard Profiles'!$G$19=$B$24,21,0),MOD($C3170,24)+1)/SUM(INDEX($D$3:$AA$30,INDEX(Jesper!$R$2:$R$366,ROW(INDEX(Jesper!AI$2:AI$366,ROUNDDOWN($C3170/24,0)+1,1))-1)+IF('Standard Profiles'!$G$19=$B$10,7,0)+IF('Standard Profiles'!$G$19=$B$17,14,0)+IF('Standard Profiles'!$G$19=$B$24,21,0),0)),0)</f>
        <v>0</v>
      </c>
      <c r="F3170" cm="1">
        <f t="array" ref="F3170">IFERROR(INDEX(Jesper!AJ$2:AJ$366,ROUNDDOWN($C3170/24,0)+1,1)*INDEX($D$3:$AA$30,INDEX(Jesper!$R$2:$R$366,ROW(INDEX(Jesper!AJ$2:AJ$366,ROUNDDOWN($C3170/24,0)+1,1))-1)+IF('Standard Profiles'!$G$20=$B$10,7,0)+IF('Standard Profiles'!$G$20=$B$17,14,0)+IF('Standard Profiles'!$G$20=$B$24,21,0),MOD($C3170,24)+1)/SUM(INDEX($D$3:$AA$30,INDEX(Jesper!$R$2:$R$366,ROW(INDEX(Jesper!AJ$2:AJ$366,ROUNDDOWN($C3170/24,0)+1,1))-1)+IF('Standard Profiles'!$G$20=$B$10,7,0)+IF('Standard Profiles'!$G$20=$B$17,14,0)+IF('Standard Profiles'!$G$20=$B$24,21,0),0)),0)</f>
        <v>0</v>
      </c>
      <c r="G3170" cm="1">
        <f t="array" ref="G3170">IFERROR(INDEX(Jesper!AK$2:AK$366,ROUNDDOWN($C3170/24,0)+1,1)*INDEX($D$3:$AA$30,INDEX(Jesper!$R$2:$R$366,ROW(INDEX(Jesper!AK$2:AK$366,ROUNDDOWN($C3170/24,0)+1,1))-1)+IF('Standard Profiles'!$G$21=$B$10,7,0)+IF('Standard Profiles'!$G$21=$B$17,14,0)+IF('Standard Profiles'!$G$21=$B$24,21,0),MOD($C3170,24)+1)/SUM(INDEX($D$3:$AA$30,INDEX(Jesper!$R$2:$R$366,ROW(INDEX(Jesper!AK$2:AK$366,ROUNDDOWN($C3170/24,0)+1,1))-1)+IF('Standard Profiles'!$G$21=$B$10,7,0)+IF('Standard Profiles'!$G$21=$B$17,14,0)+IF('Standard Profiles'!$G$21=$B$24,21,0),0)),0)</f>
        <v>0</v>
      </c>
      <c r="H3170" cm="1">
        <f t="array" ref="H3170">IFERROR(INDEX(Jesper!AL$2:AL$366,ROUNDDOWN($C3170/24,0)+1,1)*INDEX($D$3:$AA$30,INDEX(Jesper!$R$2:$R$366,ROW(INDEX(Jesper!AL$2:AL$366,ROUNDDOWN($C3170/24,0)+1,1))-1)+IF('Standard Profiles'!$G$22=$B$10,7,0)+IF('Standard Profiles'!$G$22=$B$17,14,0)+IF('Standard Profiles'!$G$22=$B$24,21,0),MOD($C3170,24)+1)/SUM(INDEX($D$3:$AA$30,INDEX(Jesper!$R$2:$R$366,ROW(INDEX(Jesper!AL$2:AL$366,ROUNDDOWN($C3170/24,0)+1,1))-1)+IF('Standard Profiles'!$G$22=$B$10,7,0)+IF('Standard Profiles'!$G$22=$B$17,14,0)+IF('Standard Profiles'!$G$22=$B$24,21,0),0)),0)</f>
        <v>0</v>
      </c>
      <c r="I3170">
        <f t="shared" si="356"/>
        <v>0.36677107438052947</v>
      </c>
      <c r="J3170">
        <f t="shared" si="357"/>
        <v>1.2225702479350984</v>
      </c>
      <c r="K3170">
        <f t="shared" si="358"/>
        <v>1.8338553719026471</v>
      </c>
      <c r="L3170">
        <f t="shared" si="359"/>
        <v>8.8025057851327073</v>
      </c>
      <c r="M3170">
        <f t="shared" si="360"/>
        <v>0</v>
      </c>
      <c r="N3170" s="46">
        <f t="shared" si="361"/>
        <v>45422.666666659061</v>
      </c>
    </row>
    <row r="3171" spans="2:14" x14ac:dyDescent="0.3">
      <c r="B3171">
        <f t="shared" ref="B3171:B3234" si="362">WEEKDAY(N3171,2)</f>
        <v>5</v>
      </c>
      <c r="C3171" s="16">
        <v>3137</v>
      </c>
      <c r="D3171" cm="1">
        <f t="array" ref="D3171">IFERROR(INDEX(Jesper!AH$2:AH$366,ROUNDDOWN($C3171/24,0)+1,1)*INDEX($D$3:$AA$30,INDEX(Jesper!$R$2:$R$366,ROW(INDEX(Jesper!AH$2:AH$366,ROUNDDOWN($C3171/24,0)+1,1))-1)+IF('Standard Profiles'!$G$18=$B$10,7,0)+IF('Standard Profiles'!$G$18=$B$17,14,0)+IF('Standard Profiles'!$G$18=$B$24,21,0),MOD($C3171,24)+1)/SUM(INDEX($D$3:$AA$30,INDEX(Jesper!$R$2:$R$366,ROW(INDEX(Jesper!AH$2:AH$366,ROUNDDOWN($C3171/24,0)+1,1))-1)+IF('Standard Profiles'!$G$18=$B$10,7,0)+IF('Standard Profiles'!$G$18=$B$17,14,0)+IF('Standard Profiles'!$G$18=$B$24,21,0),0)),0)</f>
        <v>12.225702479350982</v>
      </c>
      <c r="E3171" cm="1">
        <f t="array" ref="E3171">IFERROR(INDEX(Jesper!AI$2:AI$366,ROUNDDOWN($C3171/24,0)+1,1)*INDEX($D$3:$AA$30,INDEX(Jesper!$R$2:$R$366,ROW(INDEX(Jesper!AI$2:AI$366,ROUNDDOWN($C3171/24,0)+1,1))-1)+IF('Standard Profiles'!$G$19=$B$10,7,0)+IF('Standard Profiles'!$G$19=$B$17,14,0)+IF('Standard Profiles'!$G$19=$B$24,21,0),MOD($C3171,24)+1)/SUM(INDEX($D$3:$AA$30,INDEX(Jesper!$R$2:$R$366,ROW(INDEX(Jesper!AI$2:AI$366,ROUNDDOWN($C3171/24,0)+1,1))-1)+IF('Standard Profiles'!$G$19=$B$10,7,0)+IF('Standard Profiles'!$G$19=$B$17,14,0)+IF('Standard Profiles'!$G$19=$B$24,21,0),0)),0)</f>
        <v>0</v>
      </c>
      <c r="F3171" cm="1">
        <f t="array" ref="F3171">IFERROR(INDEX(Jesper!AJ$2:AJ$366,ROUNDDOWN($C3171/24,0)+1,1)*INDEX($D$3:$AA$30,INDEX(Jesper!$R$2:$R$366,ROW(INDEX(Jesper!AJ$2:AJ$366,ROUNDDOWN($C3171/24,0)+1,1))-1)+IF('Standard Profiles'!$G$20=$B$10,7,0)+IF('Standard Profiles'!$G$20=$B$17,14,0)+IF('Standard Profiles'!$G$20=$B$24,21,0),MOD($C3171,24)+1)/SUM(INDEX($D$3:$AA$30,INDEX(Jesper!$R$2:$R$366,ROW(INDEX(Jesper!AJ$2:AJ$366,ROUNDDOWN($C3171/24,0)+1,1))-1)+IF('Standard Profiles'!$G$20=$B$10,7,0)+IF('Standard Profiles'!$G$20=$B$17,14,0)+IF('Standard Profiles'!$G$20=$B$24,21,0),0)),0)</f>
        <v>0</v>
      </c>
      <c r="G3171" cm="1">
        <f t="array" ref="G3171">IFERROR(INDEX(Jesper!AK$2:AK$366,ROUNDDOWN($C3171/24,0)+1,1)*INDEX($D$3:$AA$30,INDEX(Jesper!$R$2:$R$366,ROW(INDEX(Jesper!AK$2:AK$366,ROUNDDOWN($C3171/24,0)+1,1))-1)+IF('Standard Profiles'!$G$21=$B$10,7,0)+IF('Standard Profiles'!$G$21=$B$17,14,0)+IF('Standard Profiles'!$G$21=$B$24,21,0),MOD($C3171,24)+1)/SUM(INDEX($D$3:$AA$30,INDEX(Jesper!$R$2:$R$366,ROW(INDEX(Jesper!AK$2:AK$366,ROUNDDOWN($C3171/24,0)+1,1))-1)+IF('Standard Profiles'!$G$21=$B$10,7,0)+IF('Standard Profiles'!$G$21=$B$17,14,0)+IF('Standard Profiles'!$G$21=$B$24,21,0),0)),0)</f>
        <v>0</v>
      </c>
      <c r="H3171" cm="1">
        <f t="array" ref="H3171">IFERROR(INDEX(Jesper!AL$2:AL$366,ROUNDDOWN($C3171/24,0)+1,1)*INDEX($D$3:$AA$30,INDEX(Jesper!$R$2:$R$366,ROW(INDEX(Jesper!AL$2:AL$366,ROUNDDOWN($C3171/24,0)+1,1))-1)+IF('Standard Profiles'!$G$22=$B$10,7,0)+IF('Standard Profiles'!$G$22=$B$17,14,0)+IF('Standard Profiles'!$G$22=$B$24,21,0),MOD($C3171,24)+1)/SUM(INDEX($D$3:$AA$30,INDEX(Jesper!$R$2:$R$366,ROW(INDEX(Jesper!AL$2:AL$366,ROUNDDOWN($C3171/24,0)+1,1))-1)+IF('Standard Profiles'!$G$22=$B$10,7,0)+IF('Standard Profiles'!$G$22=$B$17,14,0)+IF('Standard Profiles'!$G$22=$B$24,21,0),0)),0)</f>
        <v>0</v>
      </c>
      <c r="I3171">
        <f t="shared" ref="I3171:I3234" si="363">IF($B3171&lt;6,AC$37*$D3171+AC$38*$E3171+AC$39*$F3171+AC$40*$G3171,AC$46*$D3171+AC$47*$E3171+AC$48*$F3171+AC$49*$G3171+AC$50*$H3171)</f>
        <v>0.36677107438052947</v>
      </c>
      <c r="J3171">
        <f t="shared" ref="J3171:J3234" si="364">IF($B3171&lt;6,AD$37*$D3171+AD$38*$E3171+AD$39*$F3171+AD$40*$G3171,AD$46*$D3171+AD$47*$E3171+AD$48*$F3171+AD$49*$G3171+AD$50*$H3171)</f>
        <v>1.2225702479350984</v>
      </c>
      <c r="K3171">
        <f t="shared" ref="K3171:K3234" si="365">IF($B3171&lt;6,AE$37*$D3171+AE$38*$E3171+AE$39*$F3171+AE$40*$G3171,AE$46*$D3171+AE$47*$E3171+AE$48*$F3171+AE$49*$G3171+AE$50*$H3171)</f>
        <v>1.8338553719026471</v>
      </c>
      <c r="L3171">
        <f t="shared" ref="L3171:L3234" si="366">IF($B3171&lt;6,AF$37*$D3171+AF$38*$E3171+AF$39*$F3171+AF$40*$G3171,AF$46*$D3171+AF$47*$E3171+AF$48*$F3171+AF$49*$G3171+AF$50*$H3171)</f>
        <v>8.8025057851327073</v>
      </c>
      <c r="M3171">
        <f t="shared" ref="M3171:M3234" si="367">IF($B3171&lt;6,AG$37*$D3171+AG$38*$E3171+AG$39*$F3171+AG$40*$G3171,AG$46*$D3171+AG$47*$E3171+AG$48*$F3171+AG$49*$G3171+AG$50*$H3171)</f>
        <v>0</v>
      </c>
      <c r="N3171" s="46">
        <f t="shared" si="361"/>
        <v>45422.708333325725</v>
      </c>
    </row>
    <row r="3172" spans="2:14" x14ac:dyDescent="0.3">
      <c r="B3172">
        <f t="shared" si="362"/>
        <v>5</v>
      </c>
      <c r="C3172" s="16">
        <v>3138</v>
      </c>
      <c r="D3172" cm="1">
        <f t="array" ref="D3172">IFERROR(INDEX(Jesper!AH$2:AH$366,ROUNDDOWN($C3172/24,0)+1,1)*INDEX($D$3:$AA$30,INDEX(Jesper!$R$2:$R$366,ROW(INDEX(Jesper!AH$2:AH$366,ROUNDDOWN($C3172/24,0)+1,1))-1)+IF('Standard Profiles'!$G$18=$B$10,7,0)+IF('Standard Profiles'!$G$18=$B$17,14,0)+IF('Standard Profiles'!$G$18=$B$24,21,0),MOD($C3172,24)+1)/SUM(INDEX($D$3:$AA$30,INDEX(Jesper!$R$2:$R$366,ROW(INDEX(Jesper!AH$2:AH$366,ROUNDDOWN($C3172/24,0)+1,1))-1)+IF('Standard Profiles'!$G$18=$B$10,7,0)+IF('Standard Profiles'!$G$18=$B$17,14,0)+IF('Standard Profiles'!$G$18=$B$24,21,0),0)),0)</f>
        <v>12.225702479350982</v>
      </c>
      <c r="E3172" cm="1">
        <f t="array" ref="E3172">IFERROR(INDEX(Jesper!AI$2:AI$366,ROUNDDOWN($C3172/24,0)+1,1)*INDEX($D$3:$AA$30,INDEX(Jesper!$R$2:$R$366,ROW(INDEX(Jesper!AI$2:AI$366,ROUNDDOWN($C3172/24,0)+1,1))-1)+IF('Standard Profiles'!$G$19=$B$10,7,0)+IF('Standard Profiles'!$G$19=$B$17,14,0)+IF('Standard Profiles'!$G$19=$B$24,21,0),MOD($C3172,24)+1)/SUM(INDEX($D$3:$AA$30,INDEX(Jesper!$R$2:$R$366,ROW(INDEX(Jesper!AI$2:AI$366,ROUNDDOWN($C3172/24,0)+1,1))-1)+IF('Standard Profiles'!$G$19=$B$10,7,0)+IF('Standard Profiles'!$G$19=$B$17,14,0)+IF('Standard Profiles'!$G$19=$B$24,21,0),0)),0)</f>
        <v>0</v>
      </c>
      <c r="F3172" cm="1">
        <f t="array" ref="F3172">IFERROR(INDEX(Jesper!AJ$2:AJ$366,ROUNDDOWN($C3172/24,0)+1,1)*INDEX($D$3:$AA$30,INDEX(Jesper!$R$2:$R$366,ROW(INDEX(Jesper!AJ$2:AJ$366,ROUNDDOWN($C3172/24,0)+1,1))-1)+IF('Standard Profiles'!$G$20=$B$10,7,0)+IF('Standard Profiles'!$G$20=$B$17,14,0)+IF('Standard Profiles'!$G$20=$B$24,21,0),MOD($C3172,24)+1)/SUM(INDEX($D$3:$AA$30,INDEX(Jesper!$R$2:$R$366,ROW(INDEX(Jesper!AJ$2:AJ$366,ROUNDDOWN($C3172/24,0)+1,1))-1)+IF('Standard Profiles'!$G$20=$B$10,7,0)+IF('Standard Profiles'!$G$20=$B$17,14,0)+IF('Standard Profiles'!$G$20=$B$24,21,0),0)),0)</f>
        <v>0</v>
      </c>
      <c r="G3172" cm="1">
        <f t="array" ref="G3172">IFERROR(INDEX(Jesper!AK$2:AK$366,ROUNDDOWN($C3172/24,0)+1,1)*INDEX($D$3:$AA$30,INDEX(Jesper!$R$2:$R$366,ROW(INDEX(Jesper!AK$2:AK$366,ROUNDDOWN($C3172/24,0)+1,1))-1)+IF('Standard Profiles'!$G$21=$B$10,7,0)+IF('Standard Profiles'!$G$21=$B$17,14,0)+IF('Standard Profiles'!$G$21=$B$24,21,0),MOD($C3172,24)+1)/SUM(INDEX($D$3:$AA$30,INDEX(Jesper!$R$2:$R$366,ROW(INDEX(Jesper!AK$2:AK$366,ROUNDDOWN($C3172/24,0)+1,1))-1)+IF('Standard Profiles'!$G$21=$B$10,7,0)+IF('Standard Profiles'!$G$21=$B$17,14,0)+IF('Standard Profiles'!$G$21=$B$24,21,0),0)),0)</f>
        <v>0</v>
      </c>
      <c r="H3172" cm="1">
        <f t="array" ref="H3172">IFERROR(INDEX(Jesper!AL$2:AL$366,ROUNDDOWN($C3172/24,0)+1,1)*INDEX($D$3:$AA$30,INDEX(Jesper!$R$2:$R$366,ROW(INDEX(Jesper!AL$2:AL$366,ROUNDDOWN($C3172/24,0)+1,1))-1)+IF('Standard Profiles'!$G$22=$B$10,7,0)+IF('Standard Profiles'!$G$22=$B$17,14,0)+IF('Standard Profiles'!$G$22=$B$24,21,0),MOD($C3172,24)+1)/SUM(INDEX($D$3:$AA$30,INDEX(Jesper!$R$2:$R$366,ROW(INDEX(Jesper!AL$2:AL$366,ROUNDDOWN($C3172/24,0)+1,1))-1)+IF('Standard Profiles'!$G$22=$B$10,7,0)+IF('Standard Profiles'!$G$22=$B$17,14,0)+IF('Standard Profiles'!$G$22=$B$24,21,0),0)),0)</f>
        <v>0</v>
      </c>
      <c r="I3172">
        <f t="shared" si="363"/>
        <v>0.36677107438052947</v>
      </c>
      <c r="J3172">
        <f t="shared" si="364"/>
        <v>1.2225702479350984</v>
      </c>
      <c r="K3172">
        <f t="shared" si="365"/>
        <v>1.8338553719026471</v>
      </c>
      <c r="L3172">
        <f t="shared" si="366"/>
        <v>8.8025057851327073</v>
      </c>
      <c r="M3172">
        <f t="shared" si="367"/>
        <v>0</v>
      </c>
      <c r="N3172" s="46">
        <f t="shared" ref="N3172:N3235" si="368">N3171+1/24</f>
        <v>45422.749999992389</v>
      </c>
    </row>
    <row r="3173" spans="2:14" x14ac:dyDescent="0.3">
      <c r="B3173">
        <f t="shared" si="362"/>
        <v>5</v>
      </c>
      <c r="C3173" s="16">
        <v>3139</v>
      </c>
      <c r="D3173" cm="1">
        <f t="array" ref="D3173">IFERROR(INDEX(Jesper!AH$2:AH$366,ROUNDDOWN($C3173/24,0)+1,1)*INDEX($D$3:$AA$30,INDEX(Jesper!$R$2:$R$366,ROW(INDEX(Jesper!AH$2:AH$366,ROUNDDOWN($C3173/24,0)+1,1))-1)+IF('Standard Profiles'!$G$18=$B$10,7,0)+IF('Standard Profiles'!$G$18=$B$17,14,0)+IF('Standard Profiles'!$G$18=$B$24,21,0),MOD($C3173,24)+1)/SUM(INDEX($D$3:$AA$30,INDEX(Jesper!$R$2:$R$366,ROW(INDEX(Jesper!AH$2:AH$366,ROUNDDOWN($C3173/24,0)+1,1))-1)+IF('Standard Profiles'!$G$18=$B$10,7,0)+IF('Standard Profiles'!$G$18=$B$17,14,0)+IF('Standard Profiles'!$G$18=$B$24,21,0),0)),0)</f>
        <v>12.225702479350982</v>
      </c>
      <c r="E3173" cm="1">
        <f t="array" ref="E3173">IFERROR(INDEX(Jesper!AI$2:AI$366,ROUNDDOWN($C3173/24,0)+1,1)*INDEX($D$3:$AA$30,INDEX(Jesper!$R$2:$R$366,ROW(INDEX(Jesper!AI$2:AI$366,ROUNDDOWN($C3173/24,0)+1,1))-1)+IF('Standard Profiles'!$G$19=$B$10,7,0)+IF('Standard Profiles'!$G$19=$B$17,14,0)+IF('Standard Profiles'!$G$19=$B$24,21,0),MOD($C3173,24)+1)/SUM(INDEX($D$3:$AA$30,INDEX(Jesper!$R$2:$R$366,ROW(INDEX(Jesper!AI$2:AI$366,ROUNDDOWN($C3173/24,0)+1,1))-1)+IF('Standard Profiles'!$G$19=$B$10,7,0)+IF('Standard Profiles'!$G$19=$B$17,14,0)+IF('Standard Profiles'!$G$19=$B$24,21,0),0)),0)</f>
        <v>0</v>
      </c>
      <c r="F3173" cm="1">
        <f t="array" ref="F3173">IFERROR(INDEX(Jesper!AJ$2:AJ$366,ROUNDDOWN($C3173/24,0)+1,1)*INDEX($D$3:$AA$30,INDEX(Jesper!$R$2:$R$366,ROW(INDEX(Jesper!AJ$2:AJ$366,ROUNDDOWN($C3173/24,0)+1,1))-1)+IF('Standard Profiles'!$G$20=$B$10,7,0)+IF('Standard Profiles'!$G$20=$B$17,14,0)+IF('Standard Profiles'!$G$20=$B$24,21,0),MOD($C3173,24)+1)/SUM(INDEX($D$3:$AA$30,INDEX(Jesper!$R$2:$R$366,ROW(INDEX(Jesper!AJ$2:AJ$366,ROUNDDOWN($C3173/24,0)+1,1))-1)+IF('Standard Profiles'!$G$20=$B$10,7,0)+IF('Standard Profiles'!$G$20=$B$17,14,0)+IF('Standard Profiles'!$G$20=$B$24,21,0),0)),0)</f>
        <v>0</v>
      </c>
      <c r="G3173" cm="1">
        <f t="array" ref="G3173">IFERROR(INDEX(Jesper!AK$2:AK$366,ROUNDDOWN($C3173/24,0)+1,1)*INDEX($D$3:$AA$30,INDEX(Jesper!$R$2:$R$366,ROW(INDEX(Jesper!AK$2:AK$366,ROUNDDOWN($C3173/24,0)+1,1))-1)+IF('Standard Profiles'!$G$21=$B$10,7,0)+IF('Standard Profiles'!$G$21=$B$17,14,0)+IF('Standard Profiles'!$G$21=$B$24,21,0),MOD($C3173,24)+1)/SUM(INDEX($D$3:$AA$30,INDEX(Jesper!$R$2:$R$366,ROW(INDEX(Jesper!AK$2:AK$366,ROUNDDOWN($C3173/24,0)+1,1))-1)+IF('Standard Profiles'!$G$21=$B$10,7,0)+IF('Standard Profiles'!$G$21=$B$17,14,0)+IF('Standard Profiles'!$G$21=$B$24,21,0),0)),0)</f>
        <v>0</v>
      </c>
      <c r="H3173" cm="1">
        <f t="array" ref="H3173">IFERROR(INDEX(Jesper!AL$2:AL$366,ROUNDDOWN($C3173/24,0)+1,1)*INDEX($D$3:$AA$30,INDEX(Jesper!$R$2:$R$366,ROW(INDEX(Jesper!AL$2:AL$366,ROUNDDOWN($C3173/24,0)+1,1))-1)+IF('Standard Profiles'!$G$22=$B$10,7,0)+IF('Standard Profiles'!$G$22=$B$17,14,0)+IF('Standard Profiles'!$G$22=$B$24,21,0),MOD($C3173,24)+1)/SUM(INDEX($D$3:$AA$30,INDEX(Jesper!$R$2:$R$366,ROW(INDEX(Jesper!AL$2:AL$366,ROUNDDOWN($C3173/24,0)+1,1))-1)+IF('Standard Profiles'!$G$22=$B$10,7,0)+IF('Standard Profiles'!$G$22=$B$17,14,0)+IF('Standard Profiles'!$G$22=$B$24,21,0),0)),0)</f>
        <v>0</v>
      </c>
      <c r="I3173">
        <f t="shared" si="363"/>
        <v>0.36677107438052947</v>
      </c>
      <c r="J3173">
        <f t="shared" si="364"/>
        <v>1.2225702479350984</v>
      </c>
      <c r="K3173">
        <f t="shared" si="365"/>
        <v>1.8338553719026471</v>
      </c>
      <c r="L3173">
        <f t="shared" si="366"/>
        <v>8.8025057851327073</v>
      </c>
      <c r="M3173">
        <f t="shared" si="367"/>
        <v>0</v>
      </c>
      <c r="N3173" s="46">
        <f t="shared" si="368"/>
        <v>45422.791666659054</v>
      </c>
    </row>
    <row r="3174" spans="2:14" x14ac:dyDescent="0.3">
      <c r="B3174">
        <f t="shared" si="362"/>
        <v>5</v>
      </c>
      <c r="C3174" s="16">
        <v>3140</v>
      </c>
      <c r="D3174" cm="1">
        <f t="array" ref="D3174">IFERROR(INDEX(Jesper!AH$2:AH$366,ROUNDDOWN($C3174/24,0)+1,1)*INDEX($D$3:$AA$30,INDEX(Jesper!$R$2:$R$366,ROW(INDEX(Jesper!AH$2:AH$366,ROUNDDOWN($C3174/24,0)+1,1))-1)+IF('Standard Profiles'!$G$18=$B$10,7,0)+IF('Standard Profiles'!$G$18=$B$17,14,0)+IF('Standard Profiles'!$G$18=$B$24,21,0),MOD($C3174,24)+1)/SUM(INDEX($D$3:$AA$30,INDEX(Jesper!$R$2:$R$366,ROW(INDEX(Jesper!AH$2:AH$366,ROUNDDOWN($C3174/24,0)+1,1))-1)+IF('Standard Profiles'!$G$18=$B$10,7,0)+IF('Standard Profiles'!$G$18=$B$17,14,0)+IF('Standard Profiles'!$G$18=$B$24,21,0),0)),0)</f>
        <v>9.4706145966803383</v>
      </c>
      <c r="E3174" cm="1">
        <f t="array" ref="E3174">IFERROR(INDEX(Jesper!AI$2:AI$366,ROUNDDOWN($C3174/24,0)+1,1)*INDEX($D$3:$AA$30,INDEX(Jesper!$R$2:$R$366,ROW(INDEX(Jesper!AI$2:AI$366,ROUNDDOWN($C3174/24,0)+1,1))-1)+IF('Standard Profiles'!$G$19=$B$10,7,0)+IF('Standard Profiles'!$G$19=$B$17,14,0)+IF('Standard Profiles'!$G$19=$B$24,21,0),MOD($C3174,24)+1)/SUM(INDEX($D$3:$AA$30,INDEX(Jesper!$R$2:$R$366,ROW(INDEX(Jesper!AI$2:AI$366,ROUNDDOWN($C3174/24,0)+1,1))-1)+IF('Standard Profiles'!$G$19=$B$10,7,0)+IF('Standard Profiles'!$G$19=$B$17,14,0)+IF('Standard Profiles'!$G$19=$B$24,21,0),0)),0)</f>
        <v>0</v>
      </c>
      <c r="F3174" cm="1">
        <f t="array" ref="F3174">IFERROR(INDEX(Jesper!AJ$2:AJ$366,ROUNDDOWN($C3174/24,0)+1,1)*INDEX($D$3:$AA$30,INDEX(Jesper!$R$2:$R$366,ROW(INDEX(Jesper!AJ$2:AJ$366,ROUNDDOWN($C3174/24,0)+1,1))-1)+IF('Standard Profiles'!$G$20=$B$10,7,0)+IF('Standard Profiles'!$G$20=$B$17,14,0)+IF('Standard Profiles'!$G$20=$B$24,21,0),MOD($C3174,24)+1)/SUM(INDEX($D$3:$AA$30,INDEX(Jesper!$R$2:$R$366,ROW(INDEX(Jesper!AJ$2:AJ$366,ROUNDDOWN($C3174/24,0)+1,1))-1)+IF('Standard Profiles'!$G$20=$B$10,7,0)+IF('Standard Profiles'!$G$20=$B$17,14,0)+IF('Standard Profiles'!$G$20=$B$24,21,0),0)),0)</f>
        <v>0</v>
      </c>
      <c r="G3174" cm="1">
        <f t="array" ref="G3174">IFERROR(INDEX(Jesper!AK$2:AK$366,ROUNDDOWN($C3174/24,0)+1,1)*INDEX($D$3:$AA$30,INDEX(Jesper!$R$2:$R$366,ROW(INDEX(Jesper!AK$2:AK$366,ROUNDDOWN($C3174/24,0)+1,1))-1)+IF('Standard Profiles'!$G$21=$B$10,7,0)+IF('Standard Profiles'!$G$21=$B$17,14,0)+IF('Standard Profiles'!$G$21=$B$24,21,0),MOD($C3174,24)+1)/SUM(INDEX($D$3:$AA$30,INDEX(Jesper!$R$2:$R$366,ROW(INDEX(Jesper!AK$2:AK$366,ROUNDDOWN($C3174/24,0)+1,1))-1)+IF('Standard Profiles'!$G$21=$B$10,7,0)+IF('Standard Profiles'!$G$21=$B$17,14,0)+IF('Standard Profiles'!$G$21=$B$24,21,0),0)),0)</f>
        <v>0</v>
      </c>
      <c r="H3174" cm="1">
        <f t="array" ref="H3174">IFERROR(INDEX(Jesper!AL$2:AL$366,ROUNDDOWN($C3174/24,0)+1,1)*INDEX($D$3:$AA$30,INDEX(Jesper!$R$2:$R$366,ROW(INDEX(Jesper!AL$2:AL$366,ROUNDDOWN($C3174/24,0)+1,1))-1)+IF('Standard Profiles'!$G$22=$B$10,7,0)+IF('Standard Profiles'!$G$22=$B$17,14,0)+IF('Standard Profiles'!$G$22=$B$24,21,0),MOD($C3174,24)+1)/SUM(INDEX($D$3:$AA$30,INDEX(Jesper!$R$2:$R$366,ROW(INDEX(Jesper!AL$2:AL$366,ROUNDDOWN($C3174/24,0)+1,1))-1)+IF('Standard Profiles'!$G$22=$B$10,7,0)+IF('Standard Profiles'!$G$22=$B$17,14,0)+IF('Standard Profiles'!$G$22=$B$24,21,0),0)),0)</f>
        <v>0</v>
      </c>
      <c r="I3174">
        <f t="shared" si="363"/>
        <v>0.28411843790041014</v>
      </c>
      <c r="J3174">
        <f t="shared" si="364"/>
        <v>0.9470614596680339</v>
      </c>
      <c r="K3174">
        <f t="shared" si="365"/>
        <v>1.4205921895020508</v>
      </c>
      <c r="L3174">
        <f t="shared" si="366"/>
        <v>6.8188425096098433</v>
      </c>
      <c r="M3174">
        <f t="shared" si="367"/>
        <v>0</v>
      </c>
      <c r="N3174" s="46">
        <f t="shared" si="368"/>
        <v>45422.833333325718</v>
      </c>
    </row>
    <row r="3175" spans="2:14" x14ac:dyDescent="0.3">
      <c r="B3175">
        <f t="shared" si="362"/>
        <v>5</v>
      </c>
      <c r="C3175" s="16">
        <v>3141</v>
      </c>
      <c r="D3175" cm="1">
        <f t="array" ref="D3175">IFERROR(INDEX(Jesper!AH$2:AH$366,ROUNDDOWN($C3175/24,0)+1,1)*INDEX($D$3:$AA$30,INDEX(Jesper!$R$2:$R$366,ROW(INDEX(Jesper!AH$2:AH$366,ROUNDDOWN($C3175/24,0)+1,1))-1)+IF('Standard Profiles'!$G$18=$B$10,7,0)+IF('Standard Profiles'!$G$18=$B$17,14,0)+IF('Standard Profiles'!$G$18=$B$24,21,0),MOD($C3175,24)+1)/SUM(INDEX($D$3:$AA$30,INDEX(Jesper!$R$2:$R$366,ROW(INDEX(Jesper!AH$2:AH$366,ROUNDDOWN($C3175/24,0)+1,1))-1)+IF('Standard Profiles'!$G$18=$B$10,7,0)+IF('Standard Profiles'!$G$18=$B$17,14,0)+IF('Standard Profiles'!$G$18=$B$24,21,0),0)),0)</f>
        <v>3.6160528460052199</v>
      </c>
      <c r="E3175" cm="1">
        <f t="array" ref="E3175">IFERROR(INDEX(Jesper!AI$2:AI$366,ROUNDDOWN($C3175/24,0)+1,1)*INDEX($D$3:$AA$30,INDEX(Jesper!$R$2:$R$366,ROW(INDEX(Jesper!AI$2:AI$366,ROUNDDOWN($C3175/24,0)+1,1))-1)+IF('Standard Profiles'!$G$19=$B$10,7,0)+IF('Standard Profiles'!$G$19=$B$17,14,0)+IF('Standard Profiles'!$G$19=$B$24,21,0),MOD($C3175,24)+1)/SUM(INDEX($D$3:$AA$30,INDEX(Jesper!$R$2:$R$366,ROW(INDEX(Jesper!AI$2:AI$366,ROUNDDOWN($C3175/24,0)+1,1))-1)+IF('Standard Profiles'!$G$19=$B$10,7,0)+IF('Standard Profiles'!$G$19=$B$17,14,0)+IF('Standard Profiles'!$G$19=$B$24,21,0),0)),0)</f>
        <v>0</v>
      </c>
      <c r="F3175" cm="1">
        <f t="array" ref="F3175">IFERROR(INDEX(Jesper!AJ$2:AJ$366,ROUNDDOWN($C3175/24,0)+1,1)*INDEX($D$3:$AA$30,INDEX(Jesper!$R$2:$R$366,ROW(INDEX(Jesper!AJ$2:AJ$366,ROUNDDOWN($C3175/24,0)+1,1))-1)+IF('Standard Profiles'!$G$20=$B$10,7,0)+IF('Standard Profiles'!$G$20=$B$17,14,0)+IF('Standard Profiles'!$G$20=$B$24,21,0),MOD($C3175,24)+1)/SUM(INDEX($D$3:$AA$30,INDEX(Jesper!$R$2:$R$366,ROW(INDEX(Jesper!AJ$2:AJ$366,ROUNDDOWN($C3175/24,0)+1,1))-1)+IF('Standard Profiles'!$G$20=$B$10,7,0)+IF('Standard Profiles'!$G$20=$B$17,14,0)+IF('Standard Profiles'!$G$20=$B$24,21,0),0)),0)</f>
        <v>0</v>
      </c>
      <c r="G3175" cm="1">
        <f t="array" ref="G3175">IFERROR(INDEX(Jesper!AK$2:AK$366,ROUNDDOWN($C3175/24,0)+1,1)*INDEX($D$3:$AA$30,INDEX(Jesper!$R$2:$R$366,ROW(INDEX(Jesper!AK$2:AK$366,ROUNDDOWN($C3175/24,0)+1,1))-1)+IF('Standard Profiles'!$G$21=$B$10,7,0)+IF('Standard Profiles'!$G$21=$B$17,14,0)+IF('Standard Profiles'!$G$21=$B$24,21,0),MOD($C3175,24)+1)/SUM(INDEX($D$3:$AA$30,INDEX(Jesper!$R$2:$R$366,ROW(INDEX(Jesper!AK$2:AK$366,ROUNDDOWN($C3175/24,0)+1,1))-1)+IF('Standard Profiles'!$G$21=$B$10,7,0)+IF('Standard Profiles'!$G$21=$B$17,14,0)+IF('Standard Profiles'!$G$21=$B$24,21,0),0)),0)</f>
        <v>0</v>
      </c>
      <c r="H3175" cm="1">
        <f t="array" ref="H3175">IFERROR(INDEX(Jesper!AL$2:AL$366,ROUNDDOWN($C3175/24,0)+1,1)*INDEX($D$3:$AA$30,INDEX(Jesper!$R$2:$R$366,ROW(INDEX(Jesper!AL$2:AL$366,ROUNDDOWN($C3175/24,0)+1,1))-1)+IF('Standard Profiles'!$G$22=$B$10,7,0)+IF('Standard Profiles'!$G$22=$B$17,14,0)+IF('Standard Profiles'!$G$22=$B$24,21,0),MOD($C3175,24)+1)/SUM(INDEX($D$3:$AA$30,INDEX(Jesper!$R$2:$R$366,ROW(INDEX(Jesper!AL$2:AL$366,ROUNDDOWN($C3175/24,0)+1,1))-1)+IF('Standard Profiles'!$G$22=$B$10,7,0)+IF('Standard Profiles'!$G$22=$B$17,14,0)+IF('Standard Profiles'!$G$22=$B$24,21,0),0)),0)</f>
        <v>0</v>
      </c>
      <c r="I3175">
        <f t="shared" si="363"/>
        <v>0.10848158538015659</v>
      </c>
      <c r="J3175">
        <f t="shared" si="364"/>
        <v>0.36160528460052199</v>
      </c>
      <c r="K3175">
        <f t="shared" si="365"/>
        <v>0.54240792690078299</v>
      </c>
      <c r="L3175">
        <f t="shared" si="366"/>
        <v>2.6035580491237584</v>
      </c>
      <c r="M3175">
        <f t="shared" si="367"/>
        <v>0</v>
      </c>
      <c r="N3175" s="46">
        <f t="shared" si="368"/>
        <v>45422.874999992382</v>
      </c>
    </row>
    <row r="3176" spans="2:14" x14ac:dyDescent="0.3">
      <c r="B3176">
        <f t="shared" si="362"/>
        <v>5</v>
      </c>
      <c r="C3176" s="16">
        <v>3142</v>
      </c>
      <c r="D3176" cm="1">
        <f t="array" ref="D3176">IFERROR(INDEX(Jesper!AH$2:AH$366,ROUNDDOWN($C3176/24,0)+1,1)*INDEX($D$3:$AA$30,INDEX(Jesper!$R$2:$R$366,ROW(INDEX(Jesper!AH$2:AH$366,ROUNDDOWN($C3176/24,0)+1,1))-1)+IF('Standard Profiles'!$G$18=$B$10,7,0)+IF('Standard Profiles'!$G$18=$B$17,14,0)+IF('Standard Profiles'!$G$18=$B$24,21,0),MOD($C3176,24)+1)/SUM(INDEX($D$3:$AA$30,INDEX(Jesper!$R$2:$R$366,ROW(INDEX(Jesper!AH$2:AH$366,ROUNDDOWN($C3176/24,0)+1,1))-1)+IF('Standard Profiles'!$G$18=$B$10,7,0)+IF('Standard Profiles'!$G$18=$B$17,14,0)+IF('Standard Profiles'!$G$18=$B$24,21,0),0)),0)</f>
        <v>3.6160528460052199</v>
      </c>
      <c r="E3176" cm="1">
        <f t="array" ref="E3176">IFERROR(INDEX(Jesper!AI$2:AI$366,ROUNDDOWN($C3176/24,0)+1,1)*INDEX($D$3:$AA$30,INDEX(Jesper!$R$2:$R$366,ROW(INDEX(Jesper!AI$2:AI$366,ROUNDDOWN($C3176/24,0)+1,1))-1)+IF('Standard Profiles'!$G$19=$B$10,7,0)+IF('Standard Profiles'!$G$19=$B$17,14,0)+IF('Standard Profiles'!$G$19=$B$24,21,0),MOD($C3176,24)+1)/SUM(INDEX($D$3:$AA$30,INDEX(Jesper!$R$2:$R$366,ROW(INDEX(Jesper!AI$2:AI$366,ROUNDDOWN($C3176/24,0)+1,1))-1)+IF('Standard Profiles'!$G$19=$B$10,7,0)+IF('Standard Profiles'!$G$19=$B$17,14,0)+IF('Standard Profiles'!$G$19=$B$24,21,0),0)),0)</f>
        <v>0</v>
      </c>
      <c r="F3176" cm="1">
        <f t="array" ref="F3176">IFERROR(INDEX(Jesper!AJ$2:AJ$366,ROUNDDOWN($C3176/24,0)+1,1)*INDEX($D$3:$AA$30,INDEX(Jesper!$R$2:$R$366,ROW(INDEX(Jesper!AJ$2:AJ$366,ROUNDDOWN($C3176/24,0)+1,1))-1)+IF('Standard Profiles'!$G$20=$B$10,7,0)+IF('Standard Profiles'!$G$20=$B$17,14,0)+IF('Standard Profiles'!$G$20=$B$24,21,0),MOD($C3176,24)+1)/SUM(INDEX($D$3:$AA$30,INDEX(Jesper!$R$2:$R$366,ROW(INDEX(Jesper!AJ$2:AJ$366,ROUNDDOWN($C3176/24,0)+1,1))-1)+IF('Standard Profiles'!$G$20=$B$10,7,0)+IF('Standard Profiles'!$G$20=$B$17,14,0)+IF('Standard Profiles'!$G$20=$B$24,21,0),0)),0)</f>
        <v>0</v>
      </c>
      <c r="G3176" cm="1">
        <f t="array" ref="G3176">IFERROR(INDEX(Jesper!AK$2:AK$366,ROUNDDOWN($C3176/24,0)+1,1)*INDEX($D$3:$AA$30,INDEX(Jesper!$R$2:$R$366,ROW(INDEX(Jesper!AK$2:AK$366,ROUNDDOWN($C3176/24,0)+1,1))-1)+IF('Standard Profiles'!$G$21=$B$10,7,0)+IF('Standard Profiles'!$G$21=$B$17,14,0)+IF('Standard Profiles'!$G$21=$B$24,21,0),MOD($C3176,24)+1)/SUM(INDEX($D$3:$AA$30,INDEX(Jesper!$R$2:$R$366,ROW(INDEX(Jesper!AK$2:AK$366,ROUNDDOWN($C3176/24,0)+1,1))-1)+IF('Standard Profiles'!$G$21=$B$10,7,0)+IF('Standard Profiles'!$G$21=$B$17,14,0)+IF('Standard Profiles'!$G$21=$B$24,21,0),0)),0)</f>
        <v>0</v>
      </c>
      <c r="H3176" cm="1">
        <f t="array" ref="H3176">IFERROR(INDEX(Jesper!AL$2:AL$366,ROUNDDOWN($C3176/24,0)+1,1)*INDEX($D$3:$AA$30,INDEX(Jesper!$R$2:$R$366,ROW(INDEX(Jesper!AL$2:AL$366,ROUNDDOWN($C3176/24,0)+1,1))-1)+IF('Standard Profiles'!$G$22=$B$10,7,0)+IF('Standard Profiles'!$G$22=$B$17,14,0)+IF('Standard Profiles'!$G$22=$B$24,21,0),MOD($C3176,24)+1)/SUM(INDEX($D$3:$AA$30,INDEX(Jesper!$R$2:$R$366,ROW(INDEX(Jesper!AL$2:AL$366,ROUNDDOWN($C3176/24,0)+1,1))-1)+IF('Standard Profiles'!$G$22=$B$10,7,0)+IF('Standard Profiles'!$G$22=$B$17,14,0)+IF('Standard Profiles'!$G$22=$B$24,21,0),0)),0)</f>
        <v>0</v>
      </c>
      <c r="I3176">
        <f t="shared" si="363"/>
        <v>0.10848158538015659</v>
      </c>
      <c r="J3176">
        <f t="shared" si="364"/>
        <v>0.36160528460052199</v>
      </c>
      <c r="K3176">
        <f t="shared" si="365"/>
        <v>0.54240792690078299</v>
      </c>
      <c r="L3176">
        <f t="shared" si="366"/>
        <v>2.6035580491237584</v>
      </c>
      <c r="M3176">
        <f t="shared" si="367"/>
        <v>0</v>
      </c>
      <c r="N3176" s="46">
        <f t="shared" si="368"/>
        <v>45422.916666659046</v>
      </c>
    </row>
    <row r="3177" spans="2:14" x14ac:dyDescent="0.3">
      <c r="B3177">
        <f t="shared" si="362"/>
        <v>5</v>
      </c>
      <c r="C3177" s="16">
        <v>3143</v>
      </c>
      <c r="D3177" cm="1">
        <f t="array" ref="D3177">IFERROR(INDEX(Jesper!AH$2:AH$366,ROUNDDOWN($C3177/24,0)+1,1)*INDEX($D$3:$AA$30,INDEX(Jesper!$R$2:$R$366,ROW(INDEX(Jesper!AH$2:AH$366,ROUNDDOWN($C3177/24,0)+1,1))-1)+IF('Standard Profiles'!$G$18=$B$10,7,0)+IF('Standard Profiles'!$G$18=$B$17,14,0)+IF('Standard Profiles'!$G$18=$B$24,21,0),MOD($C3177,24)+1)/SUM(INDEX($D$3:$AA$30,INDEX(Jesper!$R$2:$R$366,ROW(INDEX(Jesper!AH$2:AH$366,ROUNDDOWN($C3177/24,0)+1,1))-1)+IF('Standard Profiles'!$G$18=$B$10,7,0)+IF('Standard Profiles'!$G$18=$B$17,14,0)+IF('Standard Profiles'!$G$18=$B$24,21,0),0)),0)</f>
        <v>3.6160528460052199</v>
      </c>
      <c r="E3177" cm="1">
        <f t="array" ref="E3177">IFERROR(INDEX(Jesper!AI$2:AI$366,ROUNDDOWN($C3177/24,0)+1,1)*INDEX($D$3:$AA$30,INDEX(Jesper!$R$2:$R$366,ROW(INDEX(Jesper!AI$2:AI$366,ROUNDDOWN($C3177/24,0)+1,1))-1)+IF('Standard Profiles'!$G$19=$B$10,7,0)+IF('Standard Profiles'!$G$19=$B$17,14,0)+IF('Standard Profiles'!$G$19=$B$24,21,0),MOD($C3177,24)+1)/SUM(INDEX($D$3:$AA$30,INDEX(Jesper!$R$2:$R$366,ROW(INDEX(Jesper!AI$2:AI$366,ROUNDDOWN($C3177/24,0)+1,1))-1)+IF('Standard Profiles'!$G$19=$B$10,7,0)+IF('Standard Profiles'!$G$19=$B$17,14,0)+IF('Standard Profiles'!$G$19=$B$24,21,0),0)),0)</f>
        <v>0</v>
      </c>
      <c r="F3177" cm="1">
        <f t="array" ref="F3177">IFERROR(INDEX(Jesper!AJ$2:AJ$366,ROUNDDOWN($C3177/24,0)+1,1)*INDEX($D$3:$AA$30,INDEX(Jesper!$R$2:$R$366,ROW(INDEX(Jesper!AJ$2:AJ$366,ROUNDDOWN($C3177/24,0)+1,1))-1)+IF('Standard Profiles'!$G$20=$B$10,7,0)+IF('Standard Profiles'!$G$20=$B$17,14,0)+IF('Standard Profiles'!$G$20=$B$24,21,0),MOD($C3177,24)+1)/SUM(INDEX($D$3:$AA$30,INDEX(Jesper!$R$2:$R$366,ROW(INDEX(Jesper!AJ$2:AJ$366,ROUNDDOWN($C3177/24,0)+1,1))-1)+IF('Standard Profiles'!$G$20=$B$10,7,0)+IF('Standard Profiles'!$G$20=$B$17,14,0)+IF('Standard Profiles'!$G$20=$B$24,21,0),0)),0)</f>
        <v>0</v>
      </c>
      <c r="G3177" cm="1">
        <f t="array" ref="G3177">IFERROR(INDEX(Jesper!AK$2:AK$366,ROUNDDOWN($C3177/24,0)+1,1)*INDEX($D$3:$AA$30,INDEX(Jesper!$R$2:$R$366,ROW(INDEX(Jesper!AK$2:AK$366,ROUNDDOWN($C3177/24,0)+1,1))-1)+IF('Standard Profiles'!$G$21=$B$10,7,0)+IF('Standard Profiles'!$G$21=$B$17,14,0)+IF('Standard Profiles'!$G$21=$B$24,21,0),MOD($C3177,24)+1)/SUM(INDEX($D$3:$AA$30,INDEX(Jesper!$R$2:$R$366,ROW(INDEX(Jesper!AK$2:AK$366,ROUNDDOWN($C3177/24,0)+1,1))-1)+IF('Standard Profiles'!$G$21=$B$10,7,0)+IF('Standard Profiles'!$G$21=$B$17,14,0)+IF('Standard Profiles'!$G$21=$B$24,21,0),0)),0)</f>
        <v>0</v>
      </c>
      <c r="H3177" cm="1">
        <f t="array" ref="H3177">IFERROR(INDEX(Jesper!AL$2:AL$366,ROUNDDOWN($C3177/24,0)+1,1)*INDEX($D$3:$AA$30,INDEX(Jesper!$R$2:$R$366,ROW(INDEX(Jesper!AL$2:AL$366,ROUNDDOWN($C3177/24,0)+1,1))-1)+IF('Standard Profiles'!$G$22=$B$10,7,0)+IF('Standard Profiles'!$G$22=$B$17,14,0)+IF('Standard Profiles'!$G$22=$B$24,21,0),MOD($C3177,24)+1)/SUM(INDEX($D$3:$AA$30,INDEX(Jesper!$R$2:$R$366,ROW(INDEX(Jesper!AL$2:AL$366,ROUNDDOWN($C3177/24,0)+1,1))-1)+IF('Standard Profiles'!$G$22=$B$10,7,0)+IF('Standard Profiles'!$G$22=$B$17,14,0)+IF('Standard Profiles'!$G$22=$B$24,21,0),0)),0)</f>
        <v>0</v>
      </c>
      <c r="I3177">
        <f t="shared" si="363"/>
        <v>0.10848158538015659</v>
      </c>
      <c r="J3177">
        <f t="shared" si="364"/>
        <v>0.36160528460052199</v>
      </c>
      <c r="K3177">
        <f t="shared" si="365"/>
        <v>0.54240792690078299</v>
      </c>
      <c r="L3177">
        <f t="shared" si="366"/>
        <v>2.6035580491237584</v>
      </c>
      <c r="M3177">
        <f t="shared" si="367"/>
        <v>0</v>
      </c>
      <c r="N3177" s="46">
        <f t="shared" si="368"/>
        <v>45422.958333325711</v>
      </c>
    </row>
    <row r="3178" spans="2:14" x14ac:dyDescent="0.3">
      <c r="B3178">
        <f t="shared" si="362"/>
        <v>6</v>
      </c>
      <c r="C3178" s="16">
        <v>3144</v>
      </c>
      <c r="D3178" cm="1">
        <f t="array" ref="D3178">IFERROR(INDEX(Jesper!AH$2:AH$366,ROUNDDOWN($C3178/24,0)+1,1)*INDEX($D$3:$AA$30,INDEX(Jesper!$R$2:$R$366,ROW(INDEX(Jesper!AH$2:AH$366,ROUNDDOWN($C3178/24,0)+1,1))-1)+IF('Standard Profiles'!$G$18=$B$10,7,0)+IF('Standard Profiles'!$G$18=$B$17,14,0)+IF('Standard Profiles'!$G$18=$B$24,21,0),MOD($C3178,24)+1)/SUM(INDEX($D$3:$AA$30,INDEX(Jesper!$R$2:$R$366,ROW(INDEX(Jesper!AH$2:AH$366,ROUNDDOWN($C3178/24,0)+1,1))-1)+IF('Standard Profiles'!$G$18=$B$10,7,0)+IF('Standard Profiles'!$G$18=$B$17,14,0)+IF('Standard Profiles'!$G$18=$B$24,21,0),0)),0)</f>
        <v>3.5884181801333712</v>
      </c>
      <c r="E3178" cm="1">
        <f t="array" ref="E3178">IFERROR(INDEX(Jesper!AI$2:AI$366,ROUNDDOWN($C3178/24,0)+1,1)*INDEX($D$3:$AA$30,INDEX(Jesper!$R$2:$R$366,ROW(INDEX(Jesper!AI$2:AI$366,ROUNDDOWN($C3178/24,0)+1,1))-1)+IF('Standard Profiles'!$G$19=$B$10,7,0)+IF('Standard Profiles'!$G$19=$B$17,14,0)+IF('Standard Profiles'!$G$19=$B$24,21,0),MOD($C3178,24)+1)/SUM(INDEX($D$3:$AA$30,INDEX(Jesper!$R$2:$R$366,ROW(INDEX(Jesper!AI$2:AI$366,ROUNDDOWN($C3178/24,0)+1,1))-1)+IF('Standard Profiles'!$G$19=$B$10,7,0)+IF('Standard Profiles'!$G$19=$B$17,14,0)+IF('Standard Profiles'!$G$19=$B$24,21,0),0)),0)</f>
        <v>0.60930160767806107</v>
      </c>
      <c r="F3178" cm="1">
        <f t="array" ref="F3178">IFERROR(INDEX(Jesper!AJ$2:AJ$366,ROUNDDOWN($C3178/24,0)+1,1)*INDEX($D$3:$AA$30,INDEX(Jesper!$R$2:$R$366,ROW(INDEX(Jesper!AJ$2:AJ$366,ROUNDDOWN($C3178/24,0)+1,1))-1)+IF('Standard Profiles'!$G$20=$B$10,7,0)+IF('Standard Profiles'!$G$20=$B$17,14,0)+IF('Standard Profiles'!$G$20=$B$24,21,0),MOD($C3178,24)+1)/SUM(INDEX($D$3:$AA$30,INDEX(Jesper!$R$2:$R$366,ROW(INDEX(Jesper!AJ$2:AJ$366,ROUNDDOWN($C3178/24,0)+1,1))-1)+IF('Standard Profiles'!$G$20=$B$10,7,0)+IF('Standard Profiles'!$G$20=$B$17,14,0)+IF('Standard Profiles'!$G$20=$B$24,21,0),0)),0)</f>
        <v>0</v>
      </c>
      <c r="G3178" cm="1">
        <f t="array" ref="G3178">IFERROR(INDEX(Jesper!AK$2:AK$366,ROUNDDOWN($C3178/24,0)+1,1)*INDEX($D$3:$AA$30,INDEX(Jesper!$R$2:$R$366,ROW(INDEX(Jesper!AK$2:AK$366,ROUNDDOWN($C3178/24,0)+1,1))-1)+IF('Standard Profiles'!$G$21=$B$10,7,0)+IF('Standard Profiles'!$G$21=$B$17,14,0)+IF('Standard Profiles'!$G$21=$B$24,21,0),MOD($C3178,24)+1)/SUM(INDEX($D$3:$AA$30,INDEX(Jesper!$R$2:$R$366,ROW(INDEX(Jesper!AK$2:AK$366,ROUNDDOWN($C3178/24,0)+1,1))-1)+IF('Standard Profiles'!$G$21=$B$10,7,0)+IF('Standard Profiles'!$G$21=$B$17,14,0)+IF('Standard Profiles'!$G$21=$B$24,21,0),0)),0)</f>
        <v>0</v>
      </c>
      <c r="H3178" cm="1">
        <f t="array" ref="H3178">IFERROR(INDEX(Jesper!AL$2:AL$366,ROUNDDOWN($C3178/24,0)+1,1)*INDEX($D$3:$AA$30,INDEX(Jesper!$R$2:$R$366,ROW(INDEX(Jesper!AL$2:AL$366,ROUNDDOWN($C3178/24,0)+1,1))-1)+IF('Standard Profiles'!$G$22=$B$10,7,0)+IF('Standard Profiles'!$G$22=$B$17,14,0)+IF('Standard Profiles'!$G$22=$B$24,21,0),MOD($C3178,24)+1)/SUM(INDEX($D$3:$AA$30,INDEX(Jesper!$R$2:$R$366,ROW(INDEX(Jesper!AL$2:AL$366,ROUNDDOWN($C3178/24,0)+1,1))-1)+IF('Standard Profiles'!$G$22=$B$10,7,0)+IF('Standard Profiles'!$G$22=$B$17,14,0)+IF('Standard Profiles'!$G$22=$B$24,21,0),0)),0)</f>
        <v>0</v>
      </c>
      <c r="I3178">
        <f t="shared" si="363"/>
        <v>5.4892036727753266E-2</v>
      </c>
      <c r="J3178">
        <f t="shared" si="364"/>
        <v>0.18297345575917756</v>
      </c>
      <c r="K3178">
        <f t="shared" si="365"/>
        <v>0.27446018363876634</v>
      </c>
      <c r="L3178">
        <f t="shared" si="366"/>
        <v>3.6853941116857349</v>
      </c>
      <c r="M3178">
        <f t="shared" si="367"/>
        <v>0</v>
      </c>
      <c r="N3178" s="46">
        <f t="shared" si="368"/>
        <v>45422.999999992375</v>
      </c>
    </row>
    <row r="3179" spans="2:14" x14ac:dyDescent="0.3">
      <c r="B3179">
        <f t="shared" si="362"/>
        <v>6</v>
      </c>
      <c r="C3179" s="16">
        <v>3145</v>
      </c>
      <c r="D3179" cm="1">
        <f t="array" ref="D3179">IFERROR(INDEX(Jesper!AH$2:AH$366,ROUNDDOWN($C3179/24,0)+1,1)*INDEX($D$3:$AA$30,INDEX(Jesper!$R$2:$R$366,ROW(INDEX(Jesper!AH$2:AH$366,ROUNDDOWN($C3179/24,0)+1,1))-1)+IF('Standard Profiles'!$G$18=$B$10,7,0)+IF('Standard Profiles'!$G$18=$B$17,14,0)+IF('Standard Profiles'!$G$18=$B$24,21,0),MOD($C3179,24)+1)/SUM(INDEX($D$3:$AA$30,INDEX(Jesper!$R$2:$R$366,ROW(INDEX(Jesper!AH$2:AH$366,ROUNDDOWN($C3179/24,0)+1,1))-1)+IF('Standard Profiles'!$G$18=$B$10,7,0)+IF('Standard Profiles'!$G$18=$B$17,14,0)+IF('Standard Profiles'!$G$18=$B$24,21,0),0)),0)</f>
        <v>7.0059593040699166</v>
      </c>
      <c r="E3179" cm="1">
        <f t="array" ref="E3179">IFERROR(INDEX(Jesper!AI$2:AI$366,ROUNDDOWN($C3179/24,0)+1,1)*INDEX($D$3:$AA$30,INDEX(Jesper!$R$2:$R$366,ROW(INDEX(Jesper!AI$2:AI$366,ROUNDDOWN($C3179/24,0)+1,1))-1)+IF('Standard Profiles'!$G$19=$B$10,7,0)+IF('Standard Profiles'!$G$19=$B$17,14,0)+IF('Standard Profiles'!$G$19=$B$24,21,0),MOD($C3179,24)+1)/SUM(INDEX($D$3:$AA$30,INDEX(Jesper!$R$2:$R$366,ROW(INDEX(Jesper!AI$2:AI$366,ROUNDDOWN($C3179/24,0)+1,1))-1)+IF('Standard Profiles'!$G$19=$B$10,7,0)+IF('Standard Profiles'!$G$19=$B$17,14,0)+IF('Standard Profiles'!$G$19=$B$24,21,0),0)),0)</f>
        <v>1.1895888530857384</v>
      </c>
      <c r="F3179" cm="1">
        <f t="array" ref="F3179">IFERROR(INDEX(Jesper!AJ$2:AJ$366,ROUNDDOWN($C3179/24,0)+1,1)*INDEX($D$3:$AA$30,INDEX(Jesper!$R$2:$R$366,ROW(INDEX(Jesper!AJ$2:AJ$366,ROUNDDOWN($C3179/24,0)+1,1))-1)+IF('Standard Profiles'!$G$20=$B$10,7,0)+IF('Standard Profiles'!$G$20=$B$17,14,0)+IF('Standard Profiles'!$G$20=$B$24,21,0),MOD($C3179,24)+1)/SUM(INDEX($D$3:$AA$30,INDEX(Jesper!$R$2:$R$366,ROW(INDEX(Jesper!AJ$2:AJ$366,ROUNDDOWN($C3179/24,0)+1,1))-1)+IF('Standard Profiles'!$G$20=$B$10,7,0)+IF('Standard Profiles'!$G$20=$B$17,14,0)+IF('Standard Profiles'!$G$20=$B$24,21,0),0)),0)</f>
        <v>0</v>
      </c>
      <c r="G3179" cm="1">
        <f t="array" ref="G3179">IFERROR(INDEX(Jesper!AK$2:AK$366,ROUNDDOWN($C3179/24,0)+1,1)*INDEX($D$3:$AA$30,INDEX(Jesper!$R$2:$R$366,ROW(INDEX(Jesper!AK$2:AK$366,ROUNDDOWN($C3179/24,0)+1,1))-1)+IF('Standard Profiles'!$G$21=$B$10,7,0)+IF('Standard Profiles'!$G$21=$B$17,14,0)+IF('Standard Profiles'!$G$21=$B$24,21,0),MOD($C3179,24)+1)/SUM(INDEX($D$3:$AA$30,INDEX(Jesper!$R$2:$R$366,ROW(INDEX(Jesper!AK$2:AK$366,ROUNDDOWN($C3179/24,0)+1,1))-1)+IF('Standard Profiles'!$G$21=$B$10,7,0)+IF('Standard Profiles'!$G$21=$B$17,14,0)+IF('Standard Profiles'!$G$21=$B$24,21,0),0)),0)</f>
        <v>0</v>
      </c>
      <c r="H3179" cm="1">
        <f t="array" ref="H3179">IFERROR(INDEX(Jesper!AL$2:AL$366,ROUNDDOWN($C3179/24,0)+1,1)*INDEX($D$3:$AA$30,INDEX(Jesper!$R$2:$R$366,ROW(INDEX(Jesper!AL$2:AL$366,ROUNDDOWN($C3179/24,0)+1,1))-1)+IF('Standard Profiles'!$G$22=$B$10,7,0)+IF('Standard Profiles'!$G$22=$B$17,14,0)+IF('Standard Profiles'!$G$22=$B$24,21,0),MOD($C3179,24)+1)/SUM(INDEX($D$3:$AA$30,INDEX(Jesper!$R$2:$R$366,ROW(INDEX(Jesper!AL$2:AL$366,ROUNDDOWN($C3179/24,0)+1,1))-1)+IF('Standard Profiles'!$G$22=$B$10,7,0)+IF('Standard Profiles'!$G$22=$B$17,14,0)+IF('Standard Profiles'!$G$22=$B$24,21,0),0)),0)</f>
        <v>0</v>
      </c>
      <c r="I3179">
        <f t="shared" si="363"/>
        <v>0.10717016694466114</v>
      </c>
      <c r="J3179">
        <f t="shared" si="364"/>
        <v>0.35723388981553716</v>
      </c>
      <c r="K3179">
        <f t="shared" si="365"/>
        <v>0.53585083472330575</v>
      </c>
      <c r="L3179">
        <f t="shared" si="366"/>
        <v>7.1952932656721513</v>
      </c>
      <c r="M3179">
        <f t="shared" si="367"/>
        <v>0</v>
      </c>
      <c r="N3179" s="46">
        <f t="shared" si="368"/>
        <v>45423.041666659039</v>
      </c>
    </row>
    <row r="3180" spans="2:14" x14ac:dyDescent="0.3">
      <c r="B3180">
        <f t="shared" si="362"/>
        <v>6</v>
      </c>
      <c r="C3180" s="16">
        <v>3146</v>
      </c>
      <c r="D3180" cm="1">
        <f t="array" ref="D3180">IFERROR(INDEX(Jesper!AH$2:AH$366,ROUNDDOWN($C3180/24,0)+1,1)*INDEX($D$3:$AA$30,INDEX(Jesper!$R$2:$R$366,ROW(INDEX(Jesper!AH$2:AH$366,ROUNDDOWN($C3180/24,0)+1,1))-1)+IF('Standard Profiles'!$G$18=$B$10,7,0)+IF('Standard Profiles'!$G$18=$B$17,14,0)+IF('Standard Profiles'!$G$18=$B$24,21,0),MOD($C3180,24)+1)/SUM(INDEX($D$3:$AA$30,INDEX(Jesper!$R$2:$R$366,ROW(INDEX(Jesper!AH$2:AH$366,ROUNDDOWN($C3180/24,0)+1,1))-1)+IF('Standard Profiles'!$G$18=$B$10,7,0)+IF('Standard Profiles'!$G$18=$B$17,14,0)+IF('Standard Profiles'!$G$18=$B$24,21,0),0)),0)</f>
        <v>7.0059593040699166</v>
      </c>
      <c r="E3180" cm="1">
        <f t="array" ref="E3180">IFERROR(INDEX(Jesper!AI$2:AI$366,ROUNDDOWN($C3180/24,0)+1,1)*INDEX($D$3:$AA$30,INDEX(Jesper!$R$2:$R$366,ROW(INDEX(Jesper!AI$2:AI$366,ROUNDDOWN($C3180/24,0)+1,1))-1)+IF('Standard Profiles'!$G$19=$B$10,7,0)+IF('Standard Profiles'!$G$19=$B$17,14,0)+IF('Standard Profiles'!$G$19=$B$24,21,0),MOD($C3180,24)+1)/SUM(INDEX($D$3:$AA$30,INDEX(Jesper!$R$2:$R$366,ROW(INDEX(Jesper!AI$2:AI$366,ROUNDDOWN($C3180/24,0)+1,1))-1)+IF('Standard Profiles'!$G$19=$B$10,7,0)+IF('Standard Profiles'!$G$19=$B$17,14,0)+IF('Standard Profiles'!$G$19=$B$24,21,0),0)),0)</f>
        <v>1.1895888530857384</v>
      </c>
      <c r="F3180" cm="1">
        <f t="array" ref="F3180">IFERROR(INDEX(Jesper!AJ$2:AJ$366,ROUNDDOWN($C3180/24,0)+1,1)*INDEX($D$3:$AA$30,INDEX(Jesper!$R$2:$R$366,ROW(INDEX(Jesper!AJ$2:AJ$366,ROUNDDOWN($C3180/24,0)+1,1))-1)+IF('Standard Profiles'!$G$20=$B$10,7,0)+IF('Standard Profiles'!$G$20=$B$17,14,0)+IF('Standard Profiles'!$G$20=$B$24,21,0),MOD($C3180,24)+1)/SUM(INDEX($D$3:$AA$30,INDEX(Jesper!$R$2:$R$366,ROW(INDEX(Jesper!AJ$2:AJ$366,ROUNDDOWN($C3180/24,0)+1,1))-1)+IF('Standard Profiles'!$G$20=$B$10,7,0)+IF('Standard Profiles'!$G$20=$B$17,14,0)+IF('Standard Profiles'!$G$20=$B$24,21,0),0)),0)</f>
        <v>0</v>
      </c>
      <c r="G3180" cm="1">
        <f t="array" ref="G3180">IFERROR(INDEX(Jesper!AK$2:AK$366,ROUNDDOWN($C3180/24,0)+1,1)*INDEX($D$3:$AA$30,INDEX(Jesper!$R$2:$R$366,ROW(INDEX(Jesper!AK$2:AK$366,ROUNDDOWN($C3180/24,0)+1,1))-1)+IF('Standard Profiles'!$G$21=$B$10,7,0)+IF('Standard Profiles'!$G$21=$B$17,14,0)+IF('Standard Profiles'!$G$21=$B$24,21,0),MOD($C3180,24)+1)/SUM(INDEX($D$3:$AA$30,INDEX(Jesper!$R$2:$R$366,ROW(INDEX(Jesper!AK$2:AK$366,ROUNDDOWN($C3180/24,0)+1,1))-1)+IF('Standard Profiles'!$G$21=$B$10,7,0)+IF('Standard Profiles'!$G$21=$B$17,14,0)+IF('Standard Profiles'!$G$21=$B$24,21,0),0)),0)</f>
        <v>0</v>
      </c>
      <c r="H3180" cm="1">
        <f t="array" ref="H3180">IFERROR(INDEX(Jesper!AL$2:AL$366,ROUNDDOWN($C3180/24,0)+1,1)*INDEX($D$3:$AA$30,INDEX(Jesper!$R$2:$R$366,ROW(INDEX(Jesper!AL$2:AL$366,ROUNDDOWN($C3180/24,0)+1,1))-1)+IF('Standard Profiles'!$G$22=$B$10,7,0)+IF('Standard Profiles'!$G$22=$B$17,14,0)+IF('Standard Profiles'!$G$22=$B$24,21,0),MOD($C3180,24)+1)/SUM(INDEX($D$3:$AA$30,INDEX(Jesper!$R$2:$R$366,ROW(INDEX(Jesper!AL$2:AL$366,ROUNDDOWN($C3180/24,0)+1,1))-1)+IF('Standard Profiles'!$G$22=$B$10,7,0)+IF('Standard Profiles'!$G$22=$B$17,14,0)+IF('Standard Profiles'!$G$22=$B$24,21,0),0)),0)</f>
        <v>0</v>
      </c>
      <c r="I3180">
        <f t="shared" si="363"/>
        <v>0.10717016694466114</v>
      </c>
      <c r="J3180">
        <f t="shared" si="364"/>
        <v>0.35723388981553716</v>
      </c>
      <c r="K3180">
        <f t="shared" si="365"/>
        <v>0.53585083472330575</v>
      </c>
      <c r="L3180">
        <f t="shared" si="366"/>
        <v>7.1952932656721513</v>
      </c>
      <c r="M3180">
        <f t="shared" si="367"/>
        <v>0</v>
      </c>
      <c r="N3180" s="46">
        <f t="shared" si="368"/>
        <v>45423.083333325703</v>
      </c>
    </row>
    <row r="3181" spans="2:14" x14ac:dyDescent="0.3">
      <c r="B3181">
        <f t="shared" si="362"/>
        <v>6</v>
      </c>
      <c r="C3181" s="16">
        <v>3147</v>
      </c>
      <c r="D3181" cm="1">
        <f t="array" ref="D3181">IFERROR(INDEX(Jesper!AH$2:AH$366,ROUNDDOWN($C3181/24,0)+1,1)*INDEX($D$3:$AA$30,INDEX(Jesper!$R$2:$R$366,ROW(INDEX(Jesper!AH$2:AH$366,ROUNDDOWN($C3181/24,0)+1,1))-1)+IF('Standard Profiles'!$G$18=$B$10,7,0)+IF('Standard Profiles'!$G$18=$B$17,14,0)+IF('Standard Profiles'!$G$18=$B$24,21,0),MOD($C3181,24)+1)/SUM(INDEX($D$3:$AA$30,INDEX(Jesper!$R$2:$R$366,ROW(INDEX(Jesper!AH$2:AH$366,ROUNDDOWN($C3181/24,0)+1,1))-1)+IF('Standard Profiles'!$G$18=$B$10,7,0)+IF('Standard Profiles'!$G$18=$B$17,14,0)+IF('Standard Profiles'!$G$18=$B$24,21,0),0)),0)</f>
        <v>7.0059593040699166</v>
      </c>
      <c r="E3181" cm="1">
        <f t="array" ref="E3181">IFERROR(INDEX(Jesper!AI$2:AI$366,ROUNDDOWN($C3181/24,0)+1,1)*INDEX($D$3:$AA$30,INDEX(Jesper!$R$2:$R$366,ROW(INDEX(Jesper!AI$2:AI$366,ROUNDDOWN($C3181/24,0)+1,1))-1)+IF('Standard Profiles'!$G$19=$B$10,7,0)+IF('Standard Profiles'!$G$19=$B$17,14,0)+IF('Standard Profiles'!$G$19=$B$24,21,0),MOD($C3181,24)+1)/SUM(INDEX($D$3:$AA$30,INDEX(Jesper!$R$2:$R$366,ROW(INDEX(Jesper!AI$2:AI$366,ROUNDDOWN($C3181/24,0)+1,1))-1)+IF('Standard Profiles'!$G$19=$B$10,7,0)+IF('Standard Profiles'!$G$19=$B$17,14,0)+IF('Standard Profiles'!$G$19=$B$24,21,0),0)),0)</f>
        <v>1.1895888530857384</v>
      </c>
      <c r="F3181" cm="1">
        <f t="array" ref="F3181">IFERROR(INDEX(Jesper!AJ$2:AJ$366,ROUNDDOWN($C3181/24,0)+1,1)*INDEX($D$3:$AA$30,INDEX(Jesper!$R$2:$R$366,ROW(INDEX(Jesper!AJ$2:AJ$366,ROUNDDOWN($C3181/24,0)+1,1))-1)+IF('Standard Profiles'!$G$20=$B$10,7,0)+IF('Standard Profiles'!$G$20=$B$17,14,0)+IF('Standard Profiles'!$G$20=$B$24,21,0),MOD($C3181,24)+1)/SUM(INDEX($D$3:$AA$30,INDEX(Jesper!$R$2:$R$366,ROW(INDEX(Jesper!AJ$2:AJ$366,ROUNDDOWN($C3181/24,0)+1,1))-1)+IF('Standard Profiles'!$G$20=$B$10,7,0)+IF('Standard Profiles'!$G$20=$B$17,14,0)+IF('Standard Profiles'!$G$20=$B$24,21,0),0)),0)</f>
        <v>0</v>
      </c>
      <c r="G3181" cm="1">
        <f t="array" ref="G3181">IFERROR(INDEX(Jesper!AK$2:AK$366,ROUNDDOWN($C3181/24,0)+1,1)*INDEX($D$3:$AA$30,INDEX(Jesper!$R$2:$R$366,ROW(INDEX(Jesper!AK$2:AK$366,ROUNDDOWN($C3181/24,0)+1,1))-1)+IF('Standard Profiles'!$G$21=$B$10,7,0)+IF('Standard Profiles'!$G$21=$B$17,14,0)+IF('Standard Profiles'!$G$21=$B$24,21,0),MOD($C3181,24)+1)/SUM(INDEX($D$3:$AA$30,INDEX(Jesper!$R$2:$R$366,ROW(INDEX(Jesper!AK$2:AK$366,ROUNDDOWN($C3181/24,0)+1,1))-1)+IF('Standard Profiles'!$G$21=$B$10,7,0)+IF('Standard Profiles'!$G$21=$B$17,14,0)+IF('Standard Profiles'!$G$21=$B$24,21,0),0)),0)</f>
        <v>0</v>
      </c>
      <c r="H3181" cm="1">
        <f t="array" ref="H3181">IFERROR(INDEX(Jesper!AL$2:AL$366,ROUNDDOWN($C3181/24,0)+1,1)*INDEX($D$3:$AA$30,INDEX(Jesper!$R$2:$R$366,ROW(INDEX(Jesper!AL$2:AL$366,ROUNDDOWN($C3181/24,0)+1,1))-1)+IF('Standard Profiles'!$G$22=$B$10,7,0)+IF('Standard Profiles'!$G$22=$B$17,14,0)+IF('Standard Profiles'!$G$22=$B$24,21,0),MOD($C3181,24)+1)/SUM(INDEX($D$3:$AA$30,INDEX(Jesper!$R$2:$R$366,ROW(INDEX(Jesper!AL$2:AL$366,ROUNDDOWN($C3181/24,0)+1,1))-1)+IF('Standard Profiles'!$G$22=$B$10,7,0)+IF('Standard Profiles'!$G$22=$B$17,14,0)+IF('Standard Profiles'!$G$22=$B$24,21,0),0)),0)</f>
        <v>0</v>
      </c>
      <c r="I3181">
        <f t="shared" si="363"/>
        <v>0.10717016694466114</v>
      </c>
      <c r="J3181">
        <f t="shared" si="364"/>
        <v>0.35723388981553716</v>
      </c>
      <c r="K3181">
        <f t="shared" si="365"/>
        <v>0.53585083472330575</v>
      </c>
      <c r="L3181">
        <f t="shared" si="366"/>
        <v>7.1952932656721513</v>
      </c>
      <c r="M3181">
        <f t="shared" si="367"/>
        <v>0</v>
      </c>
      <c r="N3181" s="46">
        <f t="shared" si="368"/>
        <v>45423.124999992368</v>
      </c>
    </row>
    <row r="3182" spans="2:14" x14ac:dyDescent="0.3">
      <c r="B3182">
        <f t="shared" si="362"/>
        <v>6</v>
      </c>
      <c r="C3182" s="16">
        <v>3148</v>
      </c>
      <c r="D3182" cm="1">
        <f t="array" ref="D3182">IFERROR(INDEX(Jesper!AH$2:AH$366,ROUNDDOWN($C3182/24,0)+1,1)*INDEX($D$3:$AA$30,INDEX(Jesper!$R$2:$R$366,ROW(INDEX(Jesper!AH$2:AH$366,ROUNDDOWN($C3182/24,0)+1,1))-1)+IF('Standard Profiles'!$G$18=$B$10,7,0)+IF('Standard Profiles'!$G$18=$B$17,14,0)+IF('Standard Profiles'!$G$18=$B$24,21,0),MOD($C3182,24)+1)/SUM(INDEX($D$3:$AA$30,INDEX(Jesper!$R$2:$R$366,ROW(INDEX(Jesper!AH$2:AH$366,ROUNDDOWN($C3182/24,0)+1,1))-1)+IF('Standard Profiles'!$G$18=$B$10,7,0)+IF('Standard Profiles'!$G$18=$B$17,14,0)+IF('Standard Profiles'!$G$18=$B$24,21,0),0)),0)</f>
        <v>7.0059593040699166</v>
      </c>
      <c r="E3182" cm="1">
        <f t="array" ref="E3182">IFERROR(INDEX(Jesper!AI$2:AI$366,ROUNDDOWN($C3182/24,0)+1,1)*INDEX($D$3:$AA$30,INDEX(Jesper!$R$2:$R$366,ROW(INDEX(Jesper!AI$2:AI$366,ROUNDDOWN($C3182/24,0)+1,1))-1)+IF('Standard Profiles'!$G$19=$B$10,7,0)+IF('Standard Profiles'!$G$19=$B$17,14,0)+IF('Standard Profiles'!$G$19=$B$24,21,0),MOD($C3182,24)+1)/SUM(INDEX($D$3:$AA$30,INDEX(Jesper!$R$2:$R$366,ROW(INDEX(Jesper!AI$2:AI$366,ROUNDDOWN($C3182/24,0)+1,1))-1)+IF('Standard Profiles'!$G$19=$B$10,7,0)+IF('Standard Profiles'!$G$19=$B$17,14,0)+IF('Standard Profiles'!$G$19=$B$24,21,0),0)),0)</f>
        <v>1.1895888530857384</v>
      </c>
      <c r="F3182" cm="1">
        <f t="array" ref="F3182">IFERROR(INDEX(Jesper!AJ$2:AJ$366,ROUNDDOWN($C3182/24,0)+1,1)*INDEX($D$3:$AA$30,INDEX(Jesper!$R$2:$R$366,ROW(INDEX(Jesper!AJ$2:AJ$366,ROUNDDOWN($C3182/24,0)+1,1))-1)+IF('Standard Profiles'!$G$20=$B$10,7,0)+IF('Standard Profiles'!$G$20=$B$17,14,0)+IF('Standard Profiles'!$G$20=$B$24,21,0),MOD($C3182,24)+1)/SUM(INDEX($D$3:$AA$30,INDEX(Jesper!$R$2:$R$366,ROW(INDEX(Jesper!AJ$2:AJ$366,ROUNDDOWN($C3182/24,0)+1,1))-1)+IF('Standard Profiles'!$G$20=$B$10,7,0)+IF('Standard Profiles'!$G$20=$B$17,14,0)+IF('Standard Profiles'!$G$20=$B$24,21,0),0)),0)</f>
        <v>0</v>
      </c>
      <c r="G3182" cm="1">
        <f t="array" ref="G3182">IFERROR(INDEX(Jesper!AK$2:AK$366,ROUNDDOWN($C3182/24,0)+1,1)*INDEX($D$3:$AA$30,INDEX(Jesper!$R$2:$R$366,ROW(INDEX(Jesper!AK$2:AK$366,ROUNDDOWN($C3182/24,0)+1,1))-1)+IF('Standard Profiles'!$G$21=$B$10,7,0)+IF('Standard Profiles'!$G$21=$B$17,14,0)+IF('Standard Profiles'!$G$21=$B$24,21,0),MOD($C3182,24)+1)/SUM(INDEX($D$3:$AA$30,INDEX(Jesper!$R$2:$R$366,ROW(INDEX(Jesper!AK$2:AK$366,ROUNDDOWN($C3182/24,0)+1,1))-1)+IF('Standard Profiles'!$G$21=$B$10,7,0)+IF('Standard Profiles'!$G$21=$B$17,14,0)+IF('Standard Profiles'!$G$21=$B$24,21,0),0)),0)</f>
        <v>0</v>
      </c>
      <c r="H3182" cm="1">
        <f t="array" ref="H3182">IFERROR(INDEX(Jesper!AL$2:AL$366,ROUNDDOWN($C3182/24,0)+1,1)*INDEX($D$3:$AA$30,INDEX(Jesper!$R$2:$R$366,ROW(INDEX(Jesper!AL$2:AL$366,ROUNDDOWN($C3182/24,0)+1,1))-1)+IF('Standard Profiles'!$G$22=$B$10,7,0)+IF('Standard Profiles'!$G$22=$B$17,14,0)+IF('Standard Profiles'!$G$22=$B$24,21,0),MOD($C3182,24)+1)/SUM(INDEX($D$3:$AA$30,INDEX(Jesper!$R$2:$R$366,ROW(INDEX(Jesper!AL$2:AL$366,ROUNDDOWN($C3182/24,0)+1,1))-1)+IF('Standard Profiles'!$G$22=$B$10,7,0)+IF('Standard Profiles'!$G$22=$B$17,14,0)+IF('Standard Profiles'!$G$22=$B$24,21,0),0)),0)</f>
        <v>0</v>
      </c>
      <c r="I3182">
        <f t="shared" si="363"/>
        <v>0.10717016694466114</v>
      </c>
      <c r="J3182">
        <f t="shared" si="364"/>
        <v>0.35723388981553716</v>
      </c>
      <c r="K3182">
        <f t="shared" si="365"/>
        <v>0.53585083472330575</v>
      </c>
      <c r="L3182">
        <f t="shared" si="366"/>
        <v>7.1952932656721513</v>
      </c>
      <c r="M3182">
        <f t="shared" si="367"/>
        <v>0</v>
      </c>
      <c r="N3182" s="46">
        <f t="shared" si="368"/>
        <v>45423.166666659032</v>
      </c>
    </row>
    <row r="3183" spans="2:14" x14ac:dyDescent="0.3">
      <c r="B3183">
        <f t="shared" si="362"/>
        <v>6</v>
      </c>
      <c r="C3183" s="16">
        <v>3149</v>
      </c>
      <c r="D3183" cm="1">
        <f t="array" ref="D3183">IFERROR(INDEX(Jesper!AH$2:AH$366,ROUNDDOWN($C3183/24,0)+1,1)*INDEX($D$3:$AA$30,INDEX(Jesper!$R$2:$R$366,ROW(INDEX(Jesper!AH$2:AH$366,ROUNDDOWN($C3183/24,0)+1,1))-1)+IF('Standard Profiles'!$G$18=$B$10,7,0)+IF('Standard Profiles'!$G$18=$B$17,14,0)+IF('Standard Profiles'!$G$18=$B$24,21,0),MOD($C3183,24)+1)/SUM(INDEX($D$3:$AA$30,INDEX(Jesper!$R$2:$R$366,ROW(INDEX(Jesper!AH$2:AH$366,ROUNDDOWN($C3183/24,0)+1,1))-1)+IF('Standard Profiles'!$G$18=$B$10,7,0)+IF('Standard Profiles'!$G$18=$B$17,14,0)+IF('Standard Profiles'!$G$18=$B$24,21,0),0)),0)</f>
        <v>8.7147298660381871</v>
      </c>
      <c r="E3183" cm="1">
        <f t="array" ref="E3183">IFERROR(INDEX(Jesper!AI$2:AI$366,ROUNDDOWN($C3183/24,0)+1,1)*INDEX($D$3:$AA$30,INDEX(Jesper!$R$2:$R$366,ROW(INDEX(Jesper!AI$2:AI$366,ROUNDDOWN($C3183/24,0)+1,1))-1)+IF('Standard Profiles'!$G$19=$B$10,7,0)+IF('Standard Profiles'!$G$19=$B$17,14,0)+IF('Standard Profiles'!$G$19=$B$24,21,0),MOD($C3183,24)+1)/SUM(INDEX($D$3:$AA$30,INDEX(Jesper!$R$2:$R$366,ROW(INDEX(Jesper!AI$2:AI$366,ROUNDDOWN($C3183/24,0)+1,1))-1)+IF('Standard Profiles'!$G$19=$B$10,7,0)+IF('Standard Profiles'!$G$19=$B$17,14,0)+IF('Standard Profiles'!$G$19=$B$24,21,0),0)),0)</f>
        <v>1.4797324757895771</v>
      </c>
      <c r="F3183" cm="1">
        <f t="array" ref="F3183">IFERROR(INDEX(Jesper!AJ$2:AJ$366,ROUNDDOWN($C3183/24,0)+1,1)*INDEX($D$3:$AA$30,INDEX(Jesper!$R$2:$R$366,ROW(INDEX(Jesper!AJ$2:AJ$366,ROUNDDOWN($C3183/24,0)+1,1))-1)+IF('Standard Profiles'!$G$20=$B$10,7,0)+IF('Standard Profiles'!$G$20=$B$17,14,0)+IF('Standard Profiles'!$G$20=$B$24,21,0),MOD($C3183,24)+1)/SUM(INDEX($D$3:$AA$30,INDEX(Jesper!$R$2:$R$366,ROW(INDEX(Jesper!AJ$2:AJ$366,ROUNDDOWN($C3183/24,0)+1,1))-1)+IF('Standard Profiles'!$G$20=$B$10,7,0)+IF('Standard Profiles'!$G$20=$B$17,14,0)+IF('Standard Profiles'!$G$20=$B$24,21,0),0)),0)</f>
        <v>0</v>
      </c>
      <c r="G3183" cm="1">
        <f t="array" ref="G3183">IFERROR(INDEX(Jesper!AK$2:AK$366,ROUNDDOWN($C3183/24,0)+1,1)*INDEX($D$3:$AA$30,INDEX(Jesper!$R$2:$R$366,ROW(INDEX(Jesper!AK$2:AK$366,ROUNDDOWN($C3183/24,0)+1,1))-1)+IF('Standard Profiles'!$G$21=$B$10,7,0)+IF('Standard Profiles'!$G$21=$B$17,14,0)+IF('Standard Profiles'!$G$21=$B$24,21,0),MOD($C3183,24)+1)/SUM(INDEX($D$3:$AA$30,INDEX(Jesper!$R$2:$R$366,ROW(INDEX(Jesper!AK$2:AK$366,ROUNDDOWN($C3183/24,0)+1,1))-1)+IF('Standard Profiles'!$G$21=$B$10,7,0)+IF('Standard Profiles'!$G$21=$B$17,14,0)+IF('Standard Profiles'!$G$21=$B$24,21,0),0)),0)</f>
        <v>0</v>
      </c>
      <c r="H3183" cm="1">
        <f t="array" ref="H3183">IFERROR(INDEX(Jesper!AL$2:AL$366,ROUNDDOWN($C3183/24,0)+1,1)*INDEX($D$3:$AA$30,INDEX(Jesper!$R$2:$R$366,ROW(INDEX(Jesper!AL$2:AL$366,ROUNDDOWN($C3183/24,0)+1,1))-1)+IF('Standard Profiles'!$G$22=$B$10,7,0)+IF('Standard Profiles'!$G$22=$B$17,14,0)+IF('Standard Profiles'!$G$22=$B$24,21,0),MOD($C3183,24)+1)/SUM(INDEX($D$3:$AA$30,INDEX(Jesper!$R$2:$R$366,ROW(INDEX(Jesper!AL$2:AL$366,ROUNDDOWN($C3183/24,0)+1,1))-1)+IF('Standard Profiles'!$G$22=$B$10,7,0)+IF('Standard Profiles'!$G$22=$B$17,14,0)+IF('Standard Profiles'!$G$22=$B$24,21,0),0)),0)</f>
        <v>0</v>
      </c>
      <c r="I3183">
        <f t="shared" si="363"/>
        <v>0.1333092320531151</v>
      </c>
      <c r="J3183">
        <f t="shared" si="364"/>
        <v>0.44436410684371702</v>
      </c>
      <c r="K3183">
        <f t="shared" si="365"/>
        <v>0.66654616026557556</v>
      </c>
      <c r="L3183">
        <f t="shared" si="366"/>
        <v>8.9502428426653573</v>
      </c>
      <c r="M3183">
        <f t="shared" si="367"/>
        <v>0</v>
      </c>
      <c r="N3183" s="46">
        <f t="shared" si="368"/>
        <v>45423.208333325696</v>
      </c>
    </row>
    <row r="3184" spans="2:14" x14ac:dyDescent="0.3">
      <c r="B3184">
        <f t="shared" si="362"/>
        <v>6</v>
      </c>
      <c r="C3184" s="16">
        <v>3150</v>
      </c>
      <c r="D3184" cm="1">
        <f t="array" ref="D3184">IFERROR(INDEX(Jesper!AH$2:AH$366,ROUNDDOWN($C3184/24,0)+1,1)*INDEX($D$3:$AA$30,INDEX(Jesper!$R$2:$R$366,ROW(INDEX(Jesper!AH$2:AH$366,ROUNDDOWN($C3184/24,0)+1,1))-1)+IF('Standard Profiles'!$G$18=$B$10,7,0)+IF('Standard Profiles'!$G$18=$B$17,14,0)+IF('Standard Profiles'!$G$18=$B$24,21,0),MOD($C3184,24)+1)/SUM(INDEX($D$3:$AA$30,INDEX(Jesper!$R$2:$R$366,ROW(INDEX(Jesper!AH$2:AH$366,ROUNDDOWN($C3184/24,0)+1,1))-1)+IF('Standard Profiles'!$G$18=$B$10,7,0)+IF('Standard Profiles'!$G$18=$B$17,14,0)+IF('Standard Profiles'!$G$18=$B$24,21,0),0)),0)</f>
        <v>10.936131596596942</v>
      </c>
      <c r="E3184" cm="1">
        <f t="array" ref="E3184">IFERROR(INDEX(Jesper!AI$2:AI$366,ROUNDDOWN($C3184/24,0)+1,1)*INDEX($D$3:$AA$30,INDEX(Jesper!$R$2:$R$366,ROW(INDEX(Jesper!AI$2:AI$366,ROUNDDOWN($C3184/24,0)+1,1))-1)+IF('Standard Profiles'!$G$19=$B$10,7,0)+IF('Standard Profiles'!$G$19=$B$17,14,0)+IF('Standard Profiles'!$G$19=$B$24,21,0),MOD($C3184,24)+1)/SUM(INDEX($D$3:$AA$30,INDEX(Jesper!$R$2:$R$366,ROW(INDEX(Jesper!AI$2:AI$366,ROUNDDOWN($C3184/24,0)+1,1))-1)+IF('Standard Profiles'!$G$19=$B$10,7,0)+IF('Standard Profiles'!$G$19=$B$17,14,0)+IF('Standard Profiles'!$G$19=$B$24,21,0),0)),0)</f>
        <v>1.8569191853045672</v>
      </c>
      <c r="F3184" cm="1">
        <f t="array" ref="F3184">IFERROR(INDEX(Jesper!AJ$2:AJ$366,ROUNDDOWN($C3184/24,0)+1,1)*INDEX($D$3:$AA$30,INDEX(Jesper!$R$2:$R$366,ROW(INDEX(Jesper!AJ$2:AJ$366,ROUNDDOWN($C3184/24,0)+1,1))-1)+IF('Standard Profiles'!$G$20=$B$10,7,0)+IF('Standard Profiles'!$G$20=$B$17,14,0)+IF('Standard Profiles'!$G$20=$B$24,21,0),MOD($C3184,24)+1)/SUM(INDEX($D$3:$AA$30,INDEX(Jesper!$R$2:$R$366,ROW(INDEX(Jesper!AJ$2:AJ$366,ROUNDDOWN($C3184/24,0)+1,1))-1)+IF('Standard Profiles'!$G$20=$B$10,7,0)+IF('Standard Profiles'!$G$20=$B$17,14,0)+IF('Standard Profiles'!$G$20=$B$24,21,0),0)),0)</f>
        <v>0</v>
      </c>
      <c r="G3184" cm="1">
        <f t="array" ref="G3184">IFERROR(INDEX(Jesper!AK$2:AK$366,ROUNDDOWN($C3184/24,0)+1,1)*INDEX($D$3:$AA$30,INDEX(Jesper!$R$2:$R$366,ROW(INDEX(Jesper!AK$2:AK$366,ROUNDDOWN($C3184/24,0)+1,1))-1)+IF('Standard Profiles'!$G$21=$B$10,7,0)+IF('Standard Profiles'!$G$21=$B$17,14,0)+IF('Standard Profiles'!$G$21=$B$24,21,0),MOD($C3184,24)+1)/SUM(INDEX($D$3:$AA$30,INDEX(Jesper!$R$2:$R$366,ROW(INDEX(Jesper!AK$2:AK$366,ROUNDDOWN($C3184/24,0)+1,1))-1)+IF('Standard Profiles'!$G$21=$B$10,7,0)+IF('Standard Profiles'!$G$21=$B$17,14,0)+IF('Standard Profiles'!$G$21=$B$24,21,0),0)),0)</f>
        <v>0</v>
      </c>
      <c r="H3184" cm="1">
        <f t="array" ref="H3184">IFERROR(INDEX(Jesper!AL$2:AL$366,ROUNDDOWN($C3184/24,0)+1,1)*INDEX($D$3:$AA$30,INDEX(Jesper!$R$2:$R$366,ROW(INDEX(Jesper!AL$2:AL$366,ROUNDDOWN($C3184/24,0)+1,1))-1)+IF('Standard Profiles'!$G$22=$B$10,7,0)+IF('Standard Profiles'!$G$22=$B$17,14,0)+IF('Standard Profiles'!$G$22=$B$24,21,0),MOD($C3184,24)+1)/SUM(INDEX($D$3:$AA$30,INDEX(Jesper!$R$2:$R$366,ROW(INDEX(Jesper!AL$2:AL$366,ROUNDDOWN($C3184/24,0)+1,1))-1)+IF('Standard Profiles'!$G$22=$B$10,7,0)+IF('Standard Profiles'!$G$22=$B$17,14,0)+IF('Standard Profiles'!$G$22=$B$24,21,0),0)),0)</f>
        <v>0</v>
      </c>
      <c r="I3184">
        <f t="shared" si="363"/>
        <v>0.1672900166941052</v>
      </c>
      <c r="J3184">
        <f t="shared" si="364"/>
        <v>0.55763338898035075</v>
      </c>
      <c r="K3184">
        <f t="shared" si="365"/>
        <v>0.83645008347052607</v>
      </c>
      <c r="L3184">
        <f t="shared" si="366"/>
        <v>11.231677292756528</v>
      </c>
      <c r="M3184">
        <f t="shared" si="367"/>
        <v>0</v>
      </c>
      <c r="N3184" s="46">
        <f t="shared" si="368"/>
        <v>45423.24999999236</v>
      </c>
    </row>
    <row r="3185" spans="2:14" x14ac:dyDescent="0.3">
      <c r="B3185">
        <f t="shared" si="362"/>
        <v>6</v>
      </c>
      <c r="C3185" s="16">
        <v>3151</v>
      </c>
      <c r="D3185" cm="1">
        <f t="array" ref="D3185">IFERROR(INDEX(Jesper!AH$2:AH$366,ROUNDDOWN($C3185/24,0)+1,1)*INDEX($D$3:$AA$30,INDEX(Jesper!$R$2:$R$366,ROW(INDEX(Jesper!AH$2:AH$366,ROUNDDOWN($C3185/24,0)+1,1))-1)+IF('Standard Profiles'!$G$18=$B$10,7,0)+IF('Standard Profiles'!$G$18=$B$17,14,0)+IF('Standard Profiles'!$G$18=$B$24,21,0),MOD($C3185,24)+1)/SUM(INDEX($D$3:$AA$30,INDEX(Jesper!$R$2:$R$366,ROW(INDEX(Jesper!AH$2:AH$366,ROUNDDOWN($C3185/24,0)+1,1))-1)+IF('Standard Profiles'!$G$18=$B$10,7,0)+IF('Standard Profiles'!$G$18=$B$17,14,0)+IF('Standard Profiles'!$G$18=$B$24,21,0),0)),0)</f>
        <v>12.474025102368387</v>
      </c>
      <c r="E3185" cm="1">
        <f t="array" ref="E3185">IFERROR(INDEX(Jesper!AI$2:AI$366,ROUNDDOWN($C3185/24,0)+1,1)*INDEX($D$3:$AA$30,INDEX(Jesper!$R$2:$R$366,ROW(INDEX(Jesper!AI$2:AI$366,ROUNDDOWN($C3185/24,0)+1,1))-1)+IF('Standard Profiles'!$G$19=$B$10,7,0)+IF('Standard Profiles'!$G$19=$B$17,14,0)+IF('Standard Profiles'!$G$19=$B$24,21,0),MOD($C3185,24)+1)/SUM(INDEX($D$3:$AA$30,INDEX(Jesper!$R$2:$R$366,ROW(INDEX(Jesper!AI$2:AI$366,ROUNDDOWN($C3185/24,0)+1,1))-1)+IF('Standard Profiles'!$G$19=$B$10,7,0)+IF('Standard Profiles'!$G$19=$B$17,14,0)+IF('Standard Profiles'!$G$19=$B$24,21,0),0)),0)</f>
        <v>2.118048445738022</v>
      </c>
      <c r="F3185" cm="1">
        <f t="array" ref="F3185">IFERROR(INDEX(Jesper!AJ$2:AJ$366,ROUNDDOWN($C3185/24,0)+1,1)*INDEX($D$3:$AA$30,INDEX(Jesper!$R$2:$R$366,ROW(INDEX(Jesper!AJ$2:AJ$366,ROUNDDOWN($C3185/24,0)+1,1))-1)+IF('Standard Profiles'!$G$20=$B$10,7,0)+IF('Standard Profiles'!$G$20=$B$17,14,0)+IF('Standard Profiles'!$G$20=$B$24,21,0),MOD($C3185,24)+1)/SUM(INDEX($D$3:$AA$30,INDEX(Jesper!$R$2:$R$366,ROW(INDEX(Jesper!AJ$2:AJ$366,ROUNDDOWN($C3185/24,0)+1,1))-1)+IF('Standard Profiles'!$G$20=$B$10,7,0)+IF('Standard Profiles'!$G$20=$B$17,14,0)+IF('Standard Profiles'!$G$20=$B$24,21,0),0)),0)</f>
        <v>0</v>
      </c>
      <c r="G3185" cm="1">
        <f t="array" ref="G3185">IFERROR(INDEX(Jesper!AK$2:AK$366,ROUNDDOWN($C3185/24,0)+1,1)*INDEX($D$3:$AA$30,INDEX(Jesper!$R$2:$R$366,ROW(INDEX(Jesper!AK$2:AK$366,ROUNDDOWN($C3185/24,0)+1,1))-1)+IF('Standard Profiles'!$G$21=$B$10,7,0)+IF('Standard Profiles'!$G$21=$B$17,14,0)+IF('Standard Profiles'!$G$21=$B$24,21,0),MOD($C3185,24)+1)/SUM(INDEX($D$3:$AA$30,INDEX(Jesper!$R$2:$R$366,ROW(INDEX(Jesper!AK$2:AK$366,ROUNDDOWN($C3185/24,0)+1,1))-1)+IF('Standard Profiles'!$G$21=$B$10,7,0)+IF('Standard Profiles'!$G$21=$B$17,14,0)+IF('Standard Profiles'!$G$21=$B$24,21,0),0)),0)</f>
        <v>0</v>
      </c>
      <c r="H3185" cm="1">
        <f t="array" ref="H3185">IFERROR(INDEX(Jesper!AL$2:AL$366,ROUNDDOWN($C3185/24,0)+1,1)*INDEX($D$3:$AA$30,INDEX(Jesper!$R$2:$R$366,ROW(INDEX(Jesper!AL$2:AL$366,ROUNDDOWN($C3185/24,0)+1,1))-1)+IF('Standard Profiles'!$G$22=$B$10,7,0)+IF('Standard Profiles'!$G$22=$B$17,14,0)+IF('Standard Profiles'!$G$22=$B$24,21,0),MOD($C3185,24)+1)/SUM(INDEX($D$3:$AA$30,INDEX(Jesper!$R$2:$R$366,ROW(INDEX(Jesper!AL$2:AL$366,ROUNDDOWN($C3185/24,0)+1,1))-1)+IF('Standard Profiles'!$G$22=$B$10,7,0)+IF('Standard Profiles'!$G$22=$B$17,14,0)+IF('Standard Profiles'!$G$22=$B$24,21,0),0)),0)</f>
        <v>0</v>
      </c>
      <c r="I3185">
        <f t="shared" si="363"/>
        <v>0.19081517529171374</v>
      </c>
      <c r="J3185">
        <f t="shared" si="364"/>
        <v>0.6360505843057126</v>
      </c>
      <c r="K3185">
        <f t="shared" si="365"/>
        <v>0.95407587645856884</v>
      </c>
      <c r="L3185">
        <f t="shared" si="366"/>
        <v>12.811131912050413</v>
      </c>
      <c r="M3185">
        <f t="shared" si="367"/>
        <v>0</v>
      </c>
      <c r="N3185" s="46">
        <f t="shared" si="368"/>
        <v>45423.291666659024</v>
      </c>
    </row>
    <row r="3186" spans="2:14" x14ac:dyDescent="0.3">
      <c r="B3186">
        <f t="shared" si="362"/>
        <v>6</v>
      </c>
      <c r="C3186" s="16">
        <v>3152</v>
      </c>
      <c r="D3186" cm="1">
        <f t="array" ref="D3186">IFERROR(INDEX(Jesper!AH$2:AH$366,ROUNDDOWN($C3186/24,0)+1,1)*INDEX($D$3:$AA$30,INDEX(Jesper!$R$2:$R$366,ROW(INDEX(Jesper!AH$2:AH$366,ROUNDDOWN($C3186/24,0)+1,1))-1)+IF('Standard Profiles'!$G$18=$B$10,7,0)+IF('Standard Profiles'!$G$18=$B$17,14,0)+IF('Standard Profiles'!$G$18=$B$24,21,0),MOD($C3186,24)+1)/SUM(INDEX($D$3:$AA$30,INDEX(Jesper!$R$2:$R$366,ROW(INDEX(Jesper!AH$2:AH$366,ROUNDDOWN($C3186/24,0)+1,1))-1)+IF('Standard Profiles'!$G$18=$B$10,7,0)+IF('Standard Profiles'!$G$18=$B$17,14,0)+IF('Standard Profiles'!$G$18=$B$24,21,0),0)),0)</f>
        <v>12.474025102368387</v>
      </c>
      <c r="E3186" cm="1">
        <f t="array" ref="E3186">IFERROR(INDEX(Jesper!AI$2:AI$366,ROUNDDOWN($C3186/24,0)+1,1)*INDEX($D$3:$AA$30,INDEX(Jesper!$R$2:$R$366,ROW(INDEX(Jesper!AI$2:AI$366,ROUNDDOWN($C3186/24,0)+1,1))-1)+IF('Standard Profiles'!$G$19=$B$10,7,0)+IF('Standard Profiles'!$G$19=$B$17,14,0)+IF('Standard Profiles'!$G$19=$B$24,21,0),MOD($C3186,24)+1)/SUM(INDEX($D$3:$AA$30,INDEX(Jesper!$R$2:$R$366,ROW(INDEX(Jesper!AI$2:AI$366,ROUNDDOWN($C3186/24,0)+1,1))-1)+IF('Standard Profiles'!$G$19=$B$10,7,0)+IF('Standard Profiles'!$G$19=$B$17,14,0)+IF('Standard Profiles'!$G$19=$B$24,21,0),0)),0)</f>
        <v>2.118048445738022</v>
      </c>
      <c r="F3186" cm="1">
        <f t="array" ref="F3186">IFERROR(INDEX(Jesper!AJ$2:AJ$366,ROUNDDOWN($C3186/24,0)+1,1)*INDEX($D$3:$AA$30,INDEX(Jesper!$R$2:$R$366,ROW(INDEX(Jesper!AJ$2:AJ$366,ROUNDDOWN($C3186/24,0)+1,1))-1)+IF('Standard Profiles'!$G$20=$B$10,7,0)+IF('Standard Profiles'!$G$20=$B$17,14,0)+IF('Standard Profiles'!$G$20=$B$24,21,0),MOD($C3186,24)+1)/SUM(INDEX($D$3:$AA$30,INDEX(Jesper!$R$2:$R$366,ROW(INDEX(Jesper!AJ$2:AJ$366,ROUNDDOWN($C3186/24,0)+1,1))-1)+IF('Standard Profiles'!$G$20=$B$10,7,0)+IF('Standard Profiles'!$G$20=$B$17,14,0)+IF('Standard Profiles'!$G$20=$B$24,21,0),0)),0)</f>
        <v>0</v>
      </c>
      <c r="G3186" cm="1">
        <f t="array" ref="G3186">IFERROR(INDEX(Jesper!AK$2:AK$366,ROUNDDOWN($C3186/24,0)+1,1)*INDEX($D$3:$AA$30,INDEX(Jesper!$R$2:$R$366,ROW(INDEX(Jesper!AK$2:AK$366,ROUNDDOWN($C3186/24,0)+1,1))-1)+IF('Standard Profiles'!$G$21=$B$10,7,0)+IF('Standard Profiles'!$G$21=$B$17,14,0)+IF('Standard Profiles'!$G$21=$B$24,21,0),MOD($C3186,24)+1)/SUM(INDEX($D$3:$AA$30,INDEX(Jesper!$R$2:$R$366,ROW(INDEX(Jesper!AK$2:AK$366,ROUNDDOWN($C3186/24,0)+1,1))-1)+IF('Standard Profiles'!$G$21=$B$10,7,0)+IF('Standard Profiles'!$G$21=$B$17,14,0)+IF('Standard Profiles'!$G$21=$B$24,21,0),0)),0)</f>
        <v>0</v>
      </c>
      <c r="H3186" cm="1">
        <f t="array" ref="H3186">IFERROR(INDEX(Jesper!AL$2:AL$366,ROUNDDOWN($C3186/24,0)+1,1)*INDEX($D$3:$AA$30,INDEX(Jesper!$R$2:$R$366,ROW(INDEX(Jesper!AL$2:AL$366,ROUNDDOWN($C3186/24,0)+1,1))-1)+IF('Standard Profiles'!$G$22=$B$10,7,0)+IF('Standard Profiles'!$G$22=$B$17,14,0)+IF('Standard Profiles'!$G$22=$B$24,21,0),MOD($C3186,24)+1)/SUM(INDEX($D$3:$AA$30,INDEX(Jesper!$R$2:$R$366,ROW(INDEX(Jesper!AL$2:AL$366,ROUNDDOWN($C3186/24,0)+1,1))-1)+IF('Standard Profiles'!$G$22=$B$10,7,0)+IF('Standard Profiles'!$G$22=$B$17,14,0)+IF('Standard Profiles'!$G$22=$B$24,21,0),0)),0)</f>
        <v>0</v>
      </c>
      <c r="I3186">
        <f t="shared" si="363"/>
        <v>0.19081517529171374</v>
      </c>
      <c r="J3186">
        <f t="shared" si="364"/>
        <v>0.6360505843057126</v>
      </c>
      <c r="K3186">
        <f t="shared" si="365"/>
        <v>0.95407587645856884</v>
      </c>
      <c r="L3186">
        <f t="shared" si="366"/>
        <v>12.811131912050413</v>
      </c>
      <c r="M3186">
        <f t="shared" si="367"/>
        <v>0</v>
      </c>
      <c r="N3186" s="46">
        <f t="shared" si="368"/>
        <v>45423.333333325689</v>
      </c>
    </row>
    <row r="3187" spans="2:14" x14ac:dyDescent="0.3">
      <c r="B3187">
        <f t="shared" si="362"/>
        <v>6</v>
      </c>
      <c r="C3187" s="16">
        <v>3153</v>
      </c>
      <c r="D3187" cm="1">
        <f t="array" ref="D3187">IFERROR(INDEX(Jesper!AH$2:AH$366,ROUNDDOWN($C3187/24,0)+1,1)*INDEX($D$3:$AA$30,INDEX(Jesper!$R$2:$R$366,ROW(INDEX(Jesper!AH$2:AH$366,ROUNDDOWN($C3187/24,0)+1,1))-1)+IF('Standard Profiles'!$G$18=$B$10,7,0)+IF('Standard Profiles'!$G$18=$B$17,14,0)+IF('Standard Profiles'!$G$18=$B$24,21,0),MOD($C3187,24)+1)/SUM(INDEX($D$3:$AA$30,INDEX(Jesper!$R$2:$R$366,ROW(INDEX(Jesper!AH$2:AH$366,ROUNDDOWN($C3187/24,0)+1,1))-1)+IF('Standard Profiles'!$G$18=$B$10,7,0)+IF('Standard Profiles'!$G$18=$B$17,14,0)+IF('Standard Profiles'!$G$18=$B$24,21,0),0)),0)</f>
        <v>12.474025102368387</v>
      </c>
      <c r="E3187" cm="1">
        <f t="array" ref="E3187">IFERROR(INDEX(Jesper!AI$2:AI$366,ROUNDDOWN($C3187/24,0)+1,1)*INDEX($D$3:$AA$30,INDEX(Jesper!$R$2:$R$366,ROW(INDEX(Jesper!AI$2:AI$366,ROUNDDOWN($C3187/24,0)+1,1))-1)+IF('Standard Profiles'!$G$19=$B$10,7,0)+IF('Standard Profiles'!$G$19=$B$17,14,0)+IF('Standard Profiles'!$G$19=$B$24,21,0),MOD($C3187,24)+1)/SUM(INDEX($D$3:$AA$30,INDEX(Jesper!$R$2:$R$366,ROW(INDEX(Jesper!AI$2:AI$366,ROUNDDOWN($C3187/24,0)+1,1))-1)+IF('Standard Profiles'!$G$19=$B$10,7,0)+IF('Standard Profiles'!$G$19=$B$17,14,0)+IF('Standard Profiles'!$G$19=$B$24,21,0),0)),0)</f>
        <v>2.118048445738022</v>
      </c>
      <c r="F3187" cm="1">
        <f t="array" ref="F3187">IFERROR(INDEX(Jesper!AJ$2:AJ$366,ROUNDDOWN($C3187/24,0)+1,1)*INDEX($D$3:$AA$30,INDEX(Jesper!$R$2:$R$366,ROW(INDEX(Jesper!AJ$2:AJ$366,ROUNDDOWN($C3187/24,0)+1,1))-1)+IF('Standard Profiles'!$G$20=$B$10,7,0)+IF('Standard Profiles'!$G$20=$B$17,14,0)+IF('Standard Profiles'!$G$20=$B$24,21,0),MOD($C3187,24)+1)/SUM(INDEX($D$3:$AA$30,INDEX(Jesper!$R$2:$R$366,ROW(INDEX(Jesper!AJ$2:AJ$366,ROUNDDOWN($C3187/24,0)+1,1))-1)+IF('Standard Profiles'!$G$20=$B$10,7,0)+IF('Standard Profiles'!$G$20=$B$17,14,0)+IF('Standard Profiles'!$G$20=$B$24,21,0),0)),0)</f>
        <v>0</v>
      </c>
      <c r="G3187" cm="1">
        <f t="array" ref="G3187">IFERROR(INDEX(Jesper!AK$2:AK$366,ROUNDDOWN($C3187/24,0)+1,1)*INDEX($D$3:$AA$30,INDEX(Jesper!$R$2:$R$366,ROW(INDEX(Jesper!AK$2:AK$366,ROUNDDOWN($C3187/24,0)+1,1))-1)+IF('Standard Profiles'!$G$21=$B$10,7,0)+IF('Standard Profiles'!$G$21=$B$17,14,0)+IF('Standard Profiles'!$G$21=$B$24,21,0),MOD($C3187,24)+1)/SUM(INDEX($D$3:$AA$30,INDEX(Jesper!$R$2:$R$366,ROW(INDEX(Jesper!AK$2:AK$366,ROUNDDOWN($C3187/24,0)+1,1))-1)+IF('Standard Profiles'!$G$21=$B$10,7,0)+IF('Standard Profiles'!$G$21=$B$17,14,0)+IF('Standard Profiles'!$G$21=$B$24,21,0),0)),0)</f>
        <v>0</v>
      </c>
      <c r="H3187" cm="1">
        <f t="array" ref="H3187">IFERROR(INDEX(Jesper!AL$2:AL$366,ROUNDDOWN($C3187/24,0)+1,1)*INDEX($D$3:$AA$30,INDEX(Jesper!$R$2:$R$366,ROW(INDEX(Jesper!AL$2:AL$366,ROUNDDOWN($C3187/24,0)+1,1))-1)+IF('Standard Profiles'!$G$22=$B$10,7,0)+IF('Standard Profiles'!$G$22=$B$17,14,0)+IF('Standard Profiles'!$G$22=$B$24,21,0),MOD($C3187,24)+1)/SUM(INDEX($D$3:$AA$30,INDEX(Jesper!$R$2:$R$366,ROW(INDEX(Jesper!AL$2:AL$366,ROUNDDOWN($C3187/24,0)+1,1))-1)+IF('Standard Profiles'!$G$22=$B$10,7,0)+IF('Standard Profiles'!$G$22=$B$17,14,0)+IF('Standard Profiles'!$G$22=$B$24,21,0),0)),0)</f>
        <v>0</v>
      </c>
      <c r="I3187">
        <f t="shared" si="363"/>
        <v>0.19081517529171374</v>
      </c>
      <c r="J3187">
        <f t="shared" si="364"/>
        <v>0.6360505843057126</v>
      </c>
      <c r="K3187">
        <f t="shared" si="365"/>
        <v>0.95407587645856884</v>
      </c>
      <c r="L3187">
        <f t="shared" si="366"/>
        <v>12.811131912050413</v>
      </c>
      <c r="M3187">
        <f t="shared" si="367"/>
        <v>0</v>
      </c>
      <c r="N3187" s="46">
        <f t="shared" si="368"/>
        <v>45423.374999992353</v>
      </c>
    </row>
    <row r="3188" spans="2:14" x14ac:dyDescent="0.3">
      <c r="B3188">
        <f t="shared" si="362"/>
        <v>6</v>
      </c>
      <c r="C3188" s="16">
        <v>3154</v>
      </c>
      <c r="D3188" cm="1">
        <f t="array" ref="D3188">IFERROR(INDEX(Jesper!AH$2:AH$366,ROUNDDOWN($C3188/24,0)+1,1)*INDEX($D$3:$AA$30,INDEX(Jesper!$R$2:$R$366,ROW(INDEX(Jesper!AH$2:AH$366,ROUNDDOWN($C3188/24,0)+1,1))-1)+IF('Standard Profiles'!$G$18=$B$10,7,0)+IF('Standard Profiles'!$G$18=$B$17,14,0)+IF('Standard Profiles'!$G$18=$B$24,21,0),MOD($C3188,24)+1)/SUM(INDEX($D$3:$AA$30,INDEX(Jesper!$R$2:$R$366,ROW(INDEX(Jesper!AH$2:AH$366,ROUNDDOWN($C3188/24,0)+1,1))-1)+IF('Standard Profiles'!$G$18=$B$10,7,0)+IF('Standard Profiles'!$G$18=$B$17,14,0)+IF('Standard Profiles'!$G$18=$B$24,21,0),0)),0)</f>
        <v>12.474025102368387</v>
      </c>
      <c r="E3188" cm="1">
        <f t="array" ref="E3188">IFERROR(INDEX(Jesper!AI$2:AI$366,ROUNDDOWN($C3188/24,0)+1,1)*INDEX($D$3:$AA$30,INDEX(Jesper!$R$2:$R$366,ROW(INDEX(Jesper!AI$2:AI$366,ROUNDDOWN($C3188/24,0)+1,1))-1)+IF('Standard Profiles'!$G$19=$B$10,7,0)+IF('Standard Profiles'!$G$19=$B$17,14,0)+IF('Standard Profiles'!$G$19=$B$24,21,0),MOD($C3188,24)+1)/SUM(INDEX($D$3:$AA$30,INDEX(Jesper!$R$2:$R$366,ROW(INDEX(Jesper!AI$2:AI$366,ROUNDDOWN($C3188/24,0)+1,1))-1)+IF('Standard Profiles'!$G$19=$B$10,7,0)+IF('Standard Profiles'!$G$19=$B$17,14,0)+IF('Standard Profiles'!$G$19=$B$24,21,0),0)),0)</f>
        <v>2.118048445738022</v>
      </c>
      <c r="F3188" cm="1">
        <f t="array" ref="F3188">IFERROR(INDEX(Jesper!AJ$2:AJ$366,ROUNDDOWN($C3188/24,0)+1,1)*INDEX($D$3:$AA$30,INDEX(Jesper!$R$2:$R$366,ROW(INDEX(Jesper!AJ$2:AJ$366,ROUNDDOWN($C3188/24,0)+1,1))-1)+IF('Standard Profiles'!$G$20=$B$10,7,0)+IF('Standard Profiles'!$G$20=$B$17,14,0)+IF('Standard Profiles'!$G$20=$B$24,21,0),MOD($C3188,24)+1)/SUM(INDEX($D$3:$AA$30,INDEX(Jesper!$R$2:$R$366,ROW(INDEX(Jesper!AJ$2:AJ$366,ROUNDDOWN($C3188/24,0)+1,1))-1)+IF('Standard Profiles'!$G$20=$B$10,7,0)+IF('Standard Profiles'!$G$20=$B$17,14,0)+IF('Standard Profiles'!$G$20=$B$24,21,0),0)),0)</f>
        <v>0</v>
      </c>
      <c r="G3188" cm="1">
        <f t="array" ref="G3188">IFERROR(INDEX(Jesper!AK$2:AK$366,ROUNDDOWN($C3188/24,0)+1,1)*INDEX($D$3:$AA$30,INDEX(Jesper!$R$2:$R$366,ROW(INDEX(Jesper!AK$2:AK$366,ROUNDDOWN($C3188/24,0)+1,1))-1)+IF('Standard Profiles'!$G$21=$B$10,7,0)+IF('Standard Profiles'!$G$21=$B$17,14,0)+IF('Standard Profiles'!$G$21=$B$24,21,0),MOD($C3188,24)+1)/SUM(INDEX($D$3:$AA$30,INDEX(Jesper!$R$2:$R$366,ROW(INDEX(Jesper!AK$2:AK$366,ROUNDDOWN($C3188/24,0)+1,1))-1)+IF('Standard Profiles'!$G$21=$B$10,7,0)+IF('Standard Profiles'!$G$21=$B$17,14,0)+IF('Standard Profiles'!$G$21=$B$24,21,0),0)),0)</f>
        <v>0</v>
      </c>
      <c r="H3188" cm="1">
        <f t="array" ref="H3188">IFERROR(INDEX(Jesper!AL$2:AL$366,ROUNDDOWN($C3188/24,0)+1,1)*INDEX($D$3:$AA$30,INDEX(Jesper!$R$2:$R$366,ROW(INDEX(Jesper!AL$2:AL$366,ROUNDDOWN($C3188/24,0)+1,1))-1)+IF('Standard Profiles'!$G$22=$B$10,7,0)+IF('Standard Profiles'!$G$22=$B$17,14,0)+IF('Standard Profiles'!$G$22=$B$24,21,0),MOD($C3188,24)+1)/SUM(INDEX($D$3:$AA$30,INDEX(Jesper!$R$2:$R$366,ROW(INDEX(Jesper!AL$2:AL$366,ROUNDDOWN($C3188/24,0)+1,1))-1)+IF('Standard Profiles'!$G$22=$B$10,7,0)+IF('Standard Profiles'!$G$22=$B$17,14,0)+IF('Standard Profiles'!$G$22=$B$24,21,0),0)),0)</f>
        <v>0</v>
      </c>
      <c r="I3188">
        <f t="shared" si="363"/>
        <v>0.19081517529171374</v>
      </c>
      <c r="J3188">
        <f t="shared" si="364"/>
        <v>0.6360505843057126</v>
      </c>
      <c r="K3188">
        <f t="shared" si="365"/>
        <v>0.95407587645856884</v>
      </c>
      <c r="L3188">
        <f t="shared" si="366"/>
        <v>12.811131912050413</v>
      </c>
      <c r="M3188">
        <f t="shared" si="367"/>
        <v>0</v>
      </c>
      <c r="N3188" s="46">
        <f t="shared" si="368"/>
        <v>45423.416666659017</v>
      </c>
    </row>
    <row r="3189" spans="2:14" x14ac:dyDescent="0.3">
      <c r="B3189">
        <f t="shared" si="362"/>
        <v>6</v>
      </c>
      <c r="C3189" s="16">
        <v>3155</v>
      </c>
      <c r="D3189" cm="1">
        <f t="array" ref="D3189">IFERROR(INDEX(Jesper!AH$2:AH$366,ROUNDDOWN($C3189/24,0)+1,1)*INDEX($D$3:$AA$30,INDEX(Jesper!$R$2:$R$366,ROW(INDEX(Jesper!AH$2:AH$366,ROUNDDOWN($C3189/24,0)+1,1))-1)+IF('Standard Profiles'!$G$18=$B$10,7,0)+IF('Standard Profiles'!$G$18=$B$17,14,0)+IF('Standard Profiles'!$G$18=$B$24,21,0),MOD($C3189,24)+1)/SUM(INDEX($D$3:$AA$30,INDEX(Jesper!$R$2:$R$366,ROW(INDEX(Jesper!AH$2:AH$366,ROUNDDOWN($C3189/24,0)+1,1))-1)+IF('Standard Profiles'!$G$18=$B$10,7,0)+IF('Standard Profiles'!$G$18=$B$17,14,0)+IF('Standard Profiles'!$G$18=$B$24,21,0),0)),0)</f>
        <v>12.474025102368387</v>
      </c>
      <c r="E3189" cm="1">
        <f t="array" ref="E3189">IFERROR(INDEX(Jesper!AI$2:AI$366,ROUNDDOWN($C3189/24,0)+1,1)*INDEX($D$3:$AA$30,INDEX(Jesper!$R$2:$R$366,ROW(INDEX(Jesper!AI$2:AI$366,ROUNDDOWN($C3189/24,0)+1,1))-1)+IF('Standard Profiles'!$G$19=$B$10,7,0)+IF('Standard Profiles'!$G$19=$B$17,14,0)+IF('Standard Profiles'!$G$19=$B$24,21,0),MOD($C3189,24)+1)/SUM(INDEX($D$3:$AA$30,INDEX(Jesper!$R$2:$R$366,ROW(INDEX(Jesper!AI$2:AI$366,ROUNDDOWN($C3189/24,0)+1,1))-1)+IF('Standard Profiles'!$G$19=$B$10,7,0)+IF('Standard Profiles'!$G$19=$B$17,14,0)+IF('Standard Profiles'!$G$19=$B$24,21,0),0)),0)</f>
        <v>2.118048445738022</v>
      </c>
      <c r="F3189" cm="1">
        <f t="array" ref="F3189">IFERROR(INDEX(Jesper!AJ$2:AJ$366,ROUNDDOWN($C3189/24,0)+1,1)*INDEX($D$3:$AA$30,INDEX(Jesper!$R$2:$R$366,ROW(INDEX(Jesper!AJ$2:AJ$366,ROUNDDOWN($C3189/24,0)+1,1))-1)+IF('Standard Profiles'!$G$20=$B$10,7,0)+IF('Standard Profiles'!$G$20=$B$17,14,0)+IF('Standard Profiles'!$G$20=$B$24,21,0),MOD($C3189,24)+1)/SUM(INDEX($D$3:$AA$30,INDEX(Jesper!$R$2:$R$366,ROW(INDEX(Jesper!AJ$2:AJ$366,ROUNDDOWN($C3189/24,0)+1,1))-1)+IF('Standard Profiles'!$G$20=$B$10,7,0)+IF('Standard Profiles'!$G$20=$B$17,14,0)+IF('Standard Profiles'!$G$20=$B$24,21,0),0)),0)</f>
        <v>0</v>
      </c>
      <c r="G3189" cm="1">
        <f t="array" ref="G3189">IFERROR(INDEX(Jesper!AK$2:AK$366,ROUNDDOWN($C3189/24,0)+1,1)*INDEX($D$3:$AA$30,INDEX(Jesper!$R$2:$R$366,ROW(INDEX(Jesper!AK$2:AK$366,ROUNDDOWN($C3189/24,0)+1,1))-1)+IF('Standard Profiles'!$G$21=$B$10,7,0)+IF('Standard Profiles'!$G$21=$B$17,14,0)+IF('Standard Profiles'!$G$21=$B$24,21,0),MOD($C3189,24)+1)/SUM(INDEX($D$3:$AA$30,INDEX(Jesper!$R$2:$R$366,ROW(INDEX(Jesper!AK$2:AK$366,ROUNDDOWN($C3189/24,0)+1,1))-1)+IF('Standard Profiles'!$G$21=$B$10,7,0)+IF('Standard Profiles'!$G$21=$B$17,14,0)+IF('Standard Profiles'!$G$21=$B$24,21,0),0)),0)</f>
        <v>0</v>
      </c>
      <c r="H3189" cm="1">
        <f t="array" ref="H3189">IFERROR(INDEX(Jesper!AL$2:AL$366,ROUNDDOWN($C3189/24,0)+1,1)*INDEX($D$3:$AA$30,INDEX(Jesper!$R$2:$R$366,ROW(INDEX(Jesper!AL$2:AL$366,ROUNDDOWN($C3189/24,0)+1,1))-1)+IF('Standard Profiles'!$G$22=$B$10,7,0)+IF('Standard Profiles'!$G$22=$B$17,14,0)+IF('Standard Profiles'!$G$22=$B$24,21,0),MOD($C3189,24)+1)/SUM(INDEX($D$3:$AA$30,INDEX(Jesper!$R$2:$R$366,ROW(INDEX(Jesper!AL$2:AL$366,ROUNDDOWN($C3189/24,0)+1,1))-1)+IF('Standard Profiles'!$G$22=$B$10,7,0)+IF('Standard Profiles'!$G$22=$B$17,14,0)+IF('Standard Profiles'!$G$22=$B$24,21,0),0)),0)</f>
        <v>0</v>
      </c>
      <c r="I3189">
        <f t="shared" si="363"/>
        <v>0.19081517529171374</v>
      </c>
      <c r="J3189">
        <f t="shared" si="364"/>
        <v>0.6360505843057126</v>
      </c>
      <c r="K3189">
        <f t="shared" si="365"/>
        <v>0.95407587645856884</v>
      </c>
      <c r="L3189">
        <f t="shared" si="366"/>
        <v>12.811131912050413</v>
      </c>
      <c r="M3189">
        <f t="shared" si="367"/>
        <v>0</v>
      </c>
      <c r="N3189" s="46">
        <f t="shared" si="368"/>
        <v>45423.458333325681</v>
      </c>
    </row>
    <row r="3190" spans="2:14" x14ac:dyDescent="0.3">
      <c r="B3190">
        <f t="shared" si="362"/>
        <v>6</v>
      </c>
      <c r="C3190" s="16">
        <v>3156</v>
      </c>
      <c r="D3190" cm="1">
        <f t="array" ref="D3190">IFERROR(INDEX(Jesper!AH$2:AH$366,ROUNDDOWN($C3190/24,0)+1,1)*INDEX($D$3:$AA$30,INDEX(Jesper!$R$2:$R$366,ROW(INDEX(Jesper!AH$2:AH$366,ROUNDDOWN($C3190/24,0)+1,1))-1)+IF('Standard Profiles'!$G$18=$B$10,7,0)+IF('Standard Profiles'!$G$18=$B$17,14,0)+IF('Standard Profiles'!$G$18=$B$24,21,0),MOD($C3190,24)+1)/SUM(INDEX($D$3:$AA$30,INDEX(Jesper!$R$2:$R$366,ROW(INDEX(Jesper!AH$2:AH$366,ROUNDDOWN($C3190/24,0)+1,1))-1)+IF('Standard Profiles'!$G$18=$B$10,7,0)+IF('Standard Profiles'!$G$18=$B$17,14,0)+IF('Standard Profiles'!$G$18=$B$24,21,0),0)),0)</f>
        <v>12.474025102368387</v>
      </c>
      <c r="E3190" cm="1">
        <f t="array" ref="E3190">IFERROR(INDEX(Jesper!AI$2:AI$366,ROUNDDOWN($C3190/24,0)+1,1)*INDEX($D$3:$AA$30,INDEX(Jesper!$R$2:$R$366,ROW(INDEX(Jesper!AI$2:AI$366,ROUNDDOWN($C3190/24,0)+1,1))-1)+IF('Standard Profiles'!$G$19=$B$10,7,0)+IF('Standard Profiles'!$G$19=$B$17,14,0)+IF('Standard Profiles'!$G$19=$B$24,21,0),MOD($C3190,24)+1)/SUM(INDEX($D$3:$AA$30,INDEX(Jesper!$R$2:$R$366,ROW(INDEX(Jesper!AI$2:AI$366,ROUNDDOWN($C3190/24,0)+1,1))-1)+IF('Standard Profiles'!$G$19=$B$10,7,0)+IF('Standard Profiles'!$G$19=$B$17,14,0)+IF('Standard Profiles'!$G$19=$B$24,21,0),0)),0)</f>
        <v>2.118048445738022</v>
      </c>
      <c r="F3190" cm="1">
        <f t="array" ref="F3190">IFERROR(INDEX(Jesper!AJ$2:AJ$366,ROUNDDOWN($C3190/24,0)+1,1)*INDEX($D$3:$AA$30,INDEX(Jesper!$R$2:$R$366,ROW(INDEX(Jesper!AJ$2:AJ$366,ROUNDDOWN($C3190/24,0)+1,1))-1)+IF('Standard Profiles'!$G$20=$B$10,7,0)+IF('Standard Profiles'!$G$20=$B$17,14,0)+IF('Standard Profiles'!$G$20=$B$24,21,0),MOD($C3190,24)+1)/SUM(INDEX($D$3:$AA$30,INDEX(Jesper!$R$2:$R$366,ROW(INDEX(Jesper!AJ$2:AJ$366,ROUNDDOWN($C3190/24,0)+1,1))-1)+IF('Standard Profiles'!$G$20=$B$10,7,0)+IF('Standard Profiles'!$G$20=$B$17,14,0)+IF('Standard Profiles'!$G$20=$B$24,21,0),0)),0)</f>
        <v>0</v>
      </c>
      <c r="G3190" cm="1">
        <f t="array" ref="G3190">IFERROR(INDEX(Jesper!AK$2:AK$366,ROUNDDOWN($C3190/24,0)+1,1)*INDEX($D$3:$AA$30,INDEX(Jesper!$R$2:$R$366,ROW(INDEX(Jesper!AK$2:AK$366,ROUNDDOWN($C3190/24,0)+1,1))-1)+IF('Standard Profiles'!$G$21=$B$10,7,0)+IF('Standard Profiles'!$G$21=$B$17,14,0)+IF('Standard Profiles'!$G$21=$B$24,21,0),MOD($C3190,24)+1)/SUM(INDEX($D$3:$AA$30,INDEX(Jesper!$R$2:$R$366,ROW(INDEX(Jesper!AK$2:AK$366,ROUNDDOWN($C3190/24,0)+1,1))-1)+IF('Standard Profiles'!$G$21=$B$10,7,0)+IF('Standard Profiles'!$G$21=$B$17,14,0)+IF('Standard Profiles'!$G$21=$B$24,21,0),0)),0)</f>
        <v>0</v>
      </c>
      <c r="H3190" cm="1">
        <f t="array" ref="H3190">IFERROR(INDEX(Jesper!AL$2:AL$366,ROUNDDOWN($C3190/24,0)+1,1)*INDEX($D$3:$AA$30,INDEX(Jesper!$R$2:$R$366,ROW(INDEX(Jesper!AL$2:AL$366,ROUNDDOWN($C3190/24,0)+1,1))-1)+IF('Standard Profiles'!$G$22=$B$10,7,0)+IF('Standard Profiles'!$G$22=$B$17,14,0)+IF('Standard Profiles'!$G$22=$B$24,21,0),MOD($C3190,24)+1)/SUM(INDEX($D$3:$AA$30,INDEX(Jesper!$R$2:$R$366,ROW(INDEX(Jesper!AL$2:AL$366,ROUNDDOWN($C3190/24,0)+1,1))-1)+IF('Standard Profiles'!$G$22=$B$10,7,0)+IF('Standard Profiles'!$G$22=$B$17,14,0)+IF('Standard Profiles'!$G$22=$B$24,21,0),0)),0)</f>
        <v>0</v>
      </c>
      <c r="I3190">
        <f t="shared" si="363"/>
        <v>0.19081517529171374</v>
      </c>
      <c r="J3190">
        <f t="shared" si="364"/>
        <v>0.6360505843057126</v>
      </c>
      <c r="K3190">
        <f t="shared" si="365"/>
        <v>0.95407587645856884</v>
      </c>
      <c r="L3190">
        <f t="shared" si="366"/>
        <v>12.811131912050413</v>
      </c>
      <c r="M3190">
        <f t="shared" si="367"/>
        <v>0</v>
      </c>
      <c r="N3190" s="46">
        <f t="shared" si="368"/>
        <v>45423.499999992346</v>
      </c>
    </row>
    <row r="3191" spans="2:14" x14ac:dyDescent="0.3">
      <c r="B3191">
        <f t="shared" si="362"/>
        <v>6</v>
      </c>
      <c r="C3191" s="16">
        <v>3157</v>
      </c>
      <c r="D3191" cm="1">
        <f t="array" ref="D3191">IFERROR(INDEX(Jesper!AH$2:AH$366,ROUNDDOWN($C3191/24,0)+1,1)*INDEX($D$3:$AA$30,INDEX(Jesper!$R$2:$R$366,ROW(INDEX(Jesper!AH$2:AH$366,ROUNDDOWN($C3191/24,0)+1,1))-1)+IF('Standard Profiles'!$G$18=$B$10,7,0)+IF('Standard Profiles'!$G$18=$B$17,14,0)+IF('Standard Profiles'!$G$18=$B$24,21,0),MOD($C3191,24)+1)/SUM(INDEX($D$3:$AA$30,INDEX(Jesper!$R$2:$R$366,ROW(INDEX(Jesper!AH$2:AH$366,ROUNDDOWN($C3191/24,0)+1,1))-1)+IF('Standard Profiles'!$G$18=$B$10,7,0)+IF('Standard Profiles'!$G$18=$B$17,14,0)+IF('Standard Profiles'!$G$18=$B$24,21,0),0)),0)</f>
        <v>12.474025102368387</v>
      </c>
      <c r="E3191" cm="1">
        <f t="array" ref="E3191">IFERROR(INDEX(Jesper!AI$2:AI$366,ROUNDDOWN($C3191/24,0)+1,1)*INDEX($D$3:$AA$30,INDEX(Jesper!$R$2:$R$366,ROW(INDEX(Jesper!AI$2:AI$366,ROUNDDOWN($C3191/24,0)+1,1))-1)+IF('Standard Profiles'!$G$19=$B$10,7,0)+IF('Standard Profiles'!$G$19=$B$17,14,0)+IF('Standard Profiles'!$G$19=$B$24,21,0),MOD($C3191,24)+1)/SUM(INDEX($D$3:$AA$30,INDEX(Jesper!$R$2:$R$366,ROW(INDEX(Jesper!AI$2:AI$366,ROUNDDOWN($C3191/24,0)+1,1))-1)+IF('Standard Profiles'!$G$19=$B$10,7,0)+IF('Standard Profiles'!$G$19=$B$17,14,0)+IF('Standard Profiles'!$G$19=$B$24,21,0),0)),0)</f>
        <v>2.118048445738022</v>
      </c>
      <c r="F3191" cm="1">
        <f t="array" ref="F3191">IFERROR(INDEX(Jesper!AJ$2:AJ$366,ROUNDDOWN($C3191/24,0)+1,1)*INDEX($D$3:$AA$30,INDEX(Jesper!$R$2:$R$366,ROW(INDEX(Jesper!AJ$2:AJ$366,ROUNDDOWN($C3191/24,0)+1,1))-1)+IF('Standard Profiles'!$G$20=$B$10,7,0)+IF('Standard Profiles'!$G$20=$B$17,14,0)+IF('Standard Profiles'!$G$20=$B$24,21,0),MOD($C3191,24)+1)/SUM(INDEX($D$3:$AA$30,INDEX(Jesper!$R$2:$R$366,ROW(INDEX(Jesper!AJ$2:AJ$366,ROUNDDOWN($C3191/24,0)+1,1))-1)+IF('Standard Profiles'!$G$20=$B$10,7,0)+IF('Standard Profiles'!$G$20=$B$17,14,0)+IF('Standard Profiles'!$G$20=$B$24,21,0),0)),0)</f>
        <v>0</v>
      </c>
      <c r="G3191" cm="1">
        <f t="array" ref="G3191">IFERROR(INDEX(Jesper!AK$2:AK$366,ROUNDDOWN($C3191/24,0)+1,1)*INDEX($D$3:$AA$30,INDEX(Jesper!$R$2:$R$366,ROW(INDEX(Jesper!AK$2:AK$366,ROUNDDOWN($C3191/24,0)+1,1))-1)+IF('Standard Profiles'!$G$21=$B$10,7,0)+IF('Standard Profiles'!$G$21=$B$17,14,0)+IF('Standard Profiles'!$G$21=$B$24,21,0),MOD($C3191,24)+1)/SUM(INDEX($D$3:$AA$30,INDEX(Jesper!$R$2:$R$366,ROW(INDEX(Jesper!AK$2:AK$366,ROUNDDOWN($C3191/24,0)+1,1))-1)+IF('Standard Profiles'!$G$21=$B$10,7,0)+IF('Standard Profiles'!$G$21=$B$17,14,0)+IF('Standard Profiles'!$G$21=$B$24,21,0),0)),0)</f>
        <v>0</v>
      </c>
      <c r="H3191" cm="1">
        <f t="array" ref="H3191">IFERROR(INDEX(Jesper!AL$2:AL$366,ROUNDDOWN($C3191/24,0)+1,1)*INDEX($D$3:$AA$30,INDEX(Jesper!$R$2:$R$366,ROW(INDEX(Jesper!AL$2:AL$366,ROUNDDOWN($C3191/24,0)+1,1))-1)+IF('Standard Profiles'!$G$22=$B$10,7,0)+IF('Standard Profiles'!$G$22=$B$17,14,0)+IF('Standard Profiles'!$G$22=$B$24,21,0),MOD($C3191,24)+1)/SUM(INDEX($D$3:$AA$30,INDEX(Jesper!$R$2:$R$366,ROW(INDEX(Jesper!AL$2:AL$366,ROUNDDOWN($C3191/24,0)+1,1))-1)+IF('Standard Profiles'!$G$22=$B$10,7,0)+IF('Standard Profiles'!$G$22=$B$17,14,0)+IF('Standard Profiles'!$G$22=$B$24,21,0),0)),0)</f>
        <v>0</v>
      </c>
      <c r="I3191">
        <f t="shared" si="363"/>
        <v>0.19081517529171374</v>
      </c>
      <c r="J3191">
        <f t="shared" si="364"/>
        <v>0.6360505843057126</v>
      </c>
      <c r="K3191">
        <f t="shared" si="365"/>
        <v>0.95407587645856884</v>
      </c>
      <c r="L3191">
        <f t="shared" si="366"/>
        <v>12.811131912050413</v>
      </c>
      <c r="M3191">
        <f t="shared" si="367"/>
        <v>0</v>
      </c>
      <c r="N3191" s="46">
        <f t="shared" si="368"/>
        <v>45423.54166665901</v>
      </c>
    </row>
    <row r="3192" spans="2:14" x14ac:dyDescent="0.3">
      <c r="B3192">
        <f t="shared" si="362"/>
        <v>6</v>
      </c>
      <c r="C3192" s="16">
        <v>3158</v>
      </c>
      <c r="D3192" cm="1">
        <f t="array" ref="D3192">IFERROR(INDEX(Jesper!AH$2:AH$366,ROUNDDOWN($C3192/24,0)+1,1)*INDEX($D$3:$AA$30,INDEX(Jesper!$R$2:$R$366,ROW(INDEX(Jesper!AH$2:AH$366,ROUNDDOWN($C3192/24,0)+1,1))-1)+IF('Standard Profiles'!$G$18=$B$10,7,0)+IF('Standard Profiles'!$G$18=$B$17,14,0)+IF('Standard Profiles'!$G$18=$B$24,21,0),MOD($C3192,24)+1)/SUM(INDEX($D$3:$AA$30,INDEX(Jesper!$R$2:$R$366,ROW(INDEX(Jesper!AH$2:AH$366,ROUNDDOWN($C3192/24,0)+1,1))-1)+IF('Standard Profiles'!$G$18=$B$10,7,0)+IF('Standard Profiles'!$G$18=$B$17,14,0)+IF('Standard Profiles'!$G$18=$B$24,21,0),0)),0)</f>
        <v>12.474025102368387</v>
      </c>
      <c r="E3192" cm="1">
        <f t="array" ref="E3192">IFERROR(INDEX(Jesper!AI$2:AI$366,ROUNDDOWN($C3192/24,0)+1,1)*INDEX($D$3:$AA$30,INDEX(Jesper!$R$2:$R$366,ROW(INDEX(Jesper!AI$2:AI$366,ROUNDDOWN($C3192/24,0)+1,1))-1)+IF('Standard Profiles'!$G$19=$B$10,7,0)+IF('Standard Profiles'!$G$19=$B$17,14,0)+IF('Standard Profiles'!$G$19=$B$24,21,0),MOD($C3192,24)+1)/SUM(INDEX($D$3:$AA$30,INDEX(Jesper!$R$2:$R$366,ROW(INDEX(Jesper!AI$2:AI$366,ROUNDDOWN($C3192/24,0)+1,1))-1)+IF('Standard Profiles'!$G$19=$B$10,7,0)+IF('Standard Profiles'!$G$19=$B$17,14,0)+IF('Standard Profiles'!$G$19=$B$24,21,0),0)),0)</f>
        <v>2.118048445738022</v>
      </c>
      <c r="F3192" cm="1">
        <f t="array" ref="F3192">IFERROR(INDEX(Jesper!AJ$2:AJ$366,ROUNDDOWN($C3192/24,0)+1,1)*INDEX($D$3:$AA$30,INDEX(Jesper!$R$2:$R$366,ROW(INDEX(Jesper!AJ$2:AJ$366,ROUNDDOWN($C3192/24,0)+1,1))-1)+IF('Standard Profiles'!$G$20=$B$10,7,0)+IF('Standard Profiles'!$G$20=$B$17,14,0)+IF('Standard Profiles'!$G$20=$B$24,21,0),MOD($C3192,24)+1)/SUM(INDEX($D$3:$AA$30,INDEX(Jesper!$R$2:$R$366,ROW(INDEX(Jesper!AJ$2:AJ$366,ROUNDDOWN($C3192/24,0)+1,1))-1)+IF('Standard Profiles'!$G$20=$B$10,7,0)+IF('Standard Profiles'!$G$20=$B$17,14,0)+IF('Standard Profiles'!$G$20=$B$24,21,0),0)),0)</f>
        <v>0</v>
      </c>
      <c r="G3192" cm="1">
        <f t="array" ref="G3192">IFERROR(INDEX(Jesper!AK$2:AK$366,ROUNDDOWN($C3192/24,0)+1,1)*INDEX($D$3:$AA$30,INDEX(Jesper!$R$2:$R$366,ROW(INDEX(Jesper!AK$2:AK$366,ROUNDDOWN($C3192/24,0)+1,1))-1)+IF('Standard Profiles'!$G$21=$B$10,7,0)+IF('Standard Profiles'!$G$21=$B$17,14,0)+IF('Standard Profiles'!$G$21=$B$24,21,0),MOD($C3192,24)+1)/SUM(INDEX($D$3:$AA$30,INDEX(Jesper!$R$2:$R$366,ROW(INDEX(Jesper!AK$2:AK$366,ROUNDDOWN($C3192/24,0)+1,1))-1)+IF('Standard Profiles'!$G$21=$B$10,7,0)+IF('Standard Profiles'!$G$21=$B$17,14,0)+IF('Standard Profiles'!$G$21=$B$24,21,0),0)),0)</f>
        <v>0</v>
      </c>
      <c r="H3192" cm="1">
        <f t="array" ref="H3192">IFERROR(INDEX(Jesper!AL$2:AL$366,ROUNDDOWN($C3192/24,0)+1,1)*INDEX($D$3:$AA$30,INDEX(Jesper!$R$2:$R$366,ROW(INDEX(Jesper!AL$2:AL$366,ROUNDDOWN($C3192/24,0)+1,1))-1)+IF('Standard Profiles'!$G$22=$B$10,7,0)+IF('Standard Profiles'!$G$22=$B$17,14,0)+IF('Standard Profiles'!$G$22=$B$24,21,0),MOD($C3192,24)+1)/SUM(INDEX($D$3:$AA$30,INDEX(Jesper!$R$2:$R$366,ROW(INDEX(Jesper!AL$2:AL$366,ROUNDDOWN($C3192/24,0)+1,1))-1)+IF('Standard Profiles'!$G$22=$B$10,7,0)+IF('Standard Profiles'!$G$22=$B$17,14,0)+IF('Standard Profiles'!$G$22=$B$24,21,0),0)),0)</f>
        <v>0</v>
      </c>
      <c r="I3192">
        <f t="shared" si="363"/>
        <v>0.19081517529171374</v>
      </c>
      <c r="J3192">
        <f t="shared" si="364"/>
        <v>0.6360505843057126</v>
      </c>
      <c r="K3192">
        <f t="shared" si="365"/>
        <v>0.95407587645856884</v>
      </c>
      <c r="L3192">
        <f t="shared" si="366"/>
        <v>12.811131912050413</v>
      </c>
      <c r="M3192">
        <f t="shared" si="367"/>
        <v>0</v>
      </c>
      <c r="N3192" s="46">
        <f t="shared" si="368"/>
        <v>45423.583333325674</v>
      </c>
    </row>
    <row r="3193" spans="2:14" x14ac:dyDescent="0.3">
      <c r="B3193">
        <f t="shared" si="362"/>
        <v>6</v>
      </c>
      <c r="C3193" s="16">
        <v>3159</v>
      </c>
      <c r="D3193" cm="1">
        <f t="array" ref="D3193">IFERROR(INDEX(Jesper!AH$2:AH$366,ROUNDDOWN($C3193/24,0)+1,1)*INDEX($D$3:$AA$30,INDEX(Jesper!$R$2:$R$366,ROW(INDEX(Jesper!AH$2:AH$366,ROUNDDOWN($C3193/24,0)+1,1))-1)+IF('Standard Profiles'!$G$18=$B$10,7,0)+IF('Standard Profiles'!$G$18=$B$17,14,0)+IF('Standard Profiles'!$G$18=$B$24,21,0),MOD($C3193,24)+1)/SUM(INDEX($D$3:$AA$30,INDEX(Jesper!$R$2:$R$366,ROW(INDEX(Jesper!AH$2:AH$366,ROUNDDOWN($C3193/24,0)+1,1))-1)+IF('Standard Profiles'!$G$18=$B$10,7,0)+IF('Standard Profiles'!$G$18=$B$17,14,0)+IF('Standard Profiles'!$G$18=$B$24,21,0),0)),0)</f>
        <v>11.277885708990597</v>
      </c>
      <c r="E3193" cm="1">
        <f t="array" ref="E3193">IFERROR(INDEX(Jesper!AI$2:AI$366,ROUNDDOWN($C3193/24,0)+1,1)*INDEX($D$3:$AA$30,INDEX(Jesper!$R$2:$R$366,ROW(INDEX(Jesper!AI$2:AI$366,ROUNDDOWN($C3193/24,0)+1,1))-1)+IF('Standard Profiles'!$G$19=$B$10,7,0)+IF('Standard Profiles'!$G$19=$B$17,14,0)+IF('Standard Profiles'!$G$19=$B$24,21,0),MOD($C3193,24)+1)/SUM(INDEX($D$3:$AA$30,INDEX(Jesper!$R$2:$R$366,ROW(INDEX(Jesper!AI$2:AI$366,ROUNDDOWN($C3193/24,0)+1,1))-1)+IF('Standard Profiles'!$G$19=$B$10,7,0)+IF('Standard Profiles'!$G$19=$B$17,14,0)+IF('Standard Profiles'!$G$19=$B$24,21,0),0)),0)</f>
        <v>1.9149479098453348</v>
      </c>
      <c r="F3193" cm="1">
        <f t="array" ref="F3193">IFERROR(INDEX(Jesper!AJ$2:AJ$366,ROUNDDOWN($C3193/24,0)+1,1)*INDEX($D$3:$AA$30,INDEX(Jesper!$R$2:$R$366,ROW(INDEX(Jesper!AJ$2:AJ$366,ROUNDDOWN($C3193/24,0)+1,1))-1)+IF('Standard Profiles'!$G$20=$B$10,7,0)+IF('Standard Profiles'!$G$20=$B$17,14,0)+IF('Standard Profiles'!$G$20=$B$24,21,0),MOD($C3193,24)+1)/SUM(INDEX($D$3:$AA$30,INDEX(Jesper!$R$2:$R$366,ROW(INDEX(Jesper!AJ$2:AJ$366,ROUNDDOWN($C3193/24,0)+1,1))-1)+IF('Standard Profiles'!$G$20=$B$10,7,0)+IF('Standard Profiles'!$G$20=$B$17,14,0)+IF('Standard Profiles'!$G$20=$B$24,21,0),0)),0)</f>
        <v>0</v>
      </c>
      <c r="G3193" cm="1">
        <f t="array" ref="G3193">IFERROR(INDEX(Jesper!AK$2:AK$366,ROUNDDOWN($C3193/24,0)+1,1)*INDEX($D$3:$AA$30,INDEX(Jesper!$R$2:$R$366,ROW(INDEX(Jesper!AK$2:AK$366,ROUNDDOWN($C3193/24,0)+1,1))-1)+IF('Standard Profiles'!$G$21=$B$10,7,0)+IF('Standard Profiles'!$G$21=$B$17,14,0)+IF('Standard Profiles'!$G$21=$B$24,21,0),MOD($C3193,24)+1)/SUM(INDEX($D$3:$AA$30,INDEX(Jesper!$R$2:$R$366,ROW(INDEX(Jesper!AK$2:AK$366,ROUNDDOWN($C3193/24,0)+1,1))-1)+IF('Standard Profiles'!$G$21=$B$10,7,0)+IF('Standard Profiles'!$G$21=$B$17,14,0)+IF('Standard Profiles'!$G$21=$B$24,21,0),0)),0)</f>
        <v>0</v>
      </c>
      <c r="H3193" cm="1">
        <f t="array" ref="H3193">IFERROR(INDEX(Jesper!AL$2:AL$366,ROUNDDOWN($C3193/24,0)+1,1)*INDEX($D$3:$AA$30,INDEX(Jesper!$R$2:$R$366,ROW(INDEX(Jesper!AL$2:AL$366,ROUNDDOWN($C3193/24,0)+1,1))-1)+IF('Standard Profiles'!$G$22=$B$10,7,0)+IF('Standard Profiles'!$G$22=$B$17,14,0)+IF('Standard Profiles'!$G$22=$B$24,21,0),MOD($C3193,24)+1)/SUM(INDEX($D$3:$AA$30,INDEX(Jesper!$R$2:$R$366,ROW(INDEX(Jesper!AL$2:AL$366,ROUNDDOWN($C3193/24,0)+1,1))-1)+IF('Standard Profiles'!$G$22=$B$10,7,0)+IF('Standard Profiles'!$G$22=$B$17,14,0)+IF('Standard Profiles'!$G$22=$B$24,21,0),0)),0)</f>
        <v>0</v>
      </c>
      <c r="I3193">
        <f t="shared" si="363"/>
        <v>0.17251782971579596</v>
      </c>
      <c r="J3193">
        <f t="shared" si="364"/>
        <v>0.57505943238598667</v>
      </c>
      <c r="K3193">
        <f t="shared" si="365"/>
        <v>0.86258914857897995</v>
      </c>
      <c r="L3193">
        <f t="shared" si="366"/>
        <v>11.58266720815517</v>
      </c>
      <c r="M3193">
        <f t="shared" si="367"/>
        <v>0</v>
      </c>
      <c r="N3193" s="46">
        <f t="shared" si="368"/>
        <v>45423.624999992338</v>
      </c>
    </row>
    <row r="3194" spans="2:14" x14ac:dyDescent="0.3">
      <c r="B3194">
        <f t="shared" si="362"/>
        <v>6</v>
      </c>
      <c r="C3194" s="16">
        <v>3160</v>
      </c>
      <c r="D3194" cm="1">
        <f t="array" ref="D3194">IFERROR(INDEX(Jesper!AH$2:AH$366,ROUNDDOWN($C3194/24,0)+1,1)*INDEX($D$3:$AA$30,INDEX(Jesper!$R$2:$R$366,ROW(INDEX(Jesper!AH$2:AH$366,ROUNDDOWN($C3194/24,0)+1,1))-1)+IF('Standard Profiles'!$G$18=$B$10,7,0)+IF('Standard Profiles'!$G$18=$B$17,14,0)+IF('Standard Profiles'!$G$18=$B$24,21,0),MOD($C3194,24)+1)/SUM(INDEX($D$3:$AA$30,INDEX(Jesper!$R$2:$R$366,ROW(INDEX(Jesper!AH$2:AH$366,ROUNDDOWN($C3194/24,0)+1,1))-1)+IF('Standard Profiles'!$G$18=$B$10,7,0)+IF('Standard Profiles'!$G$18=$B$17,14,0)+IF('Standard Profiles'!$G$18=$B$24,21,0),0)),0)</f>
        <v>10.252623371809634</v>
      </c>
      <c r="E3194" cm="1">
        <f t="array" ref="E3194">IFERROR(INDEX(Jesper!AI$2:AI$366,ROUNDDOWN($C3194/24,0)+1,1)*INDEX($D$3:$AA$30,INDEX(Jesper!$R$2:$R$366,ROW(INDEX(Jesper!AI$2:AI$366,ROUNDDOWN($C3194/24,0)+1,1))-1)+IF('Standard Profiles'!$G$19=$B$10,7,0)+IF('Standard Profiles'!$G$19=$B$17,14,0)+IF('Standard Profiles'!$G$19=$B$24,21,0),MOD($C3194,24)+1)/SUM(INDEX($D$3:$AA$30,INDEX(Jesper!$R$2:$R$366,ROW(INDEX(Jesper!AI$2:AI$366,ROUNDDOWN($C3194/24,0)+1,1))-1)+IF('Standard Profiles'!$G$19=$B$10,7,0)+IF('Standard Profiles'!$G$19=$B$17,14,0)+IF('Standard Profiles'!$G$19=$B$24,21,0),0)),0)</f>
        <v>1.7408617362230319</v>
      </c>
      <c r="F3194" cm="1">
        <f t="array" ref="F3194">IFERROR(INDEX(Jesper!AJ$2:AJ$366,ROUNDDOWN($C3194/24,0)+1,1)*INDEX($D$3:$AA$30,INDEX(Jesper!$R$2:$R$366,ROW(INDEX(Jesper!AJ$2:AJ$366,ROUNDDOWN($C3194/24,0)+1,1))-1)+IF('Standard Profiles'!$G$20=$B$10,7,0)+IF('Standard Profiles'!$G$20=$B$17,14,0)+IF('Standard Profiles'!$G$20=$B$24,21,0),MOD($C3194,24)+1)/SUM(INDEX($D$3:$AA$30,INDEX(Jesper!$R$2:$R$366,ROW(INDEX(Jesper!AJ$2:AJ$366,ROUNDDOWN($C3194/24,0)+1,1))-1)+IF('Standard Profiles'!$G$20=$B$10,7,0)+IF('Standard Profiles'!$G$20=$B$17,14,0)+IF('Standard Profiles'!$G$20=$B$24,21,0),0)),0)</f>
        <v>0</v>
      </c>
      <c r="G3194" cm="1">
        <f t="array" ref="G3194">IFERROR(INDEX(Jesper!AK$2:AK$366,ROUNDDOWN($C3194/24,0)+1,1)*INDEX($D$3:$AA$30,INDEX(Jesper!$R$2:$R$366,ROW(INDEX(Jesper!AK$2:AK$366,ROUNDDOWN($C3194/24,0)+1,1))-1)+IF('Standard Profiles'!$G$21=$B$10,7,0)+IF('Standard Profiles'!$G$21=$B$17,14,0)+IF('Standard Profiles'!$G$21=$B$24,21,0),MOD($C3194,24)+1)/SUM(INDEX($D$3:$AA$30,INDEX(Jesper!$R$2:$R$366,ROW(INDEX(Jesper!AK$2:AK$366,ROUNDDOWN($C3194/24,0)+1,1))-1)+IF('Standard Profiles'!$G$21=$B$10,7,0)+IF('Standard Profiles'!$G$21=$B$17,14,0)+IF('Standard Profiles'!$G$21=$B$24,21,0),0)),0)</f>
        <v>0</v>
      </c>
      <c r="H3194" cm="1">
        <f t="array" ref="H3194">IFERROR(INDEX(Jesper!AL$2:AL$366,ROUNDDOWN($C3194/24,0)+1,1)*INDEX($D$3:$AA$30,INDEX(Jesper!$R$2:$R$366,ROW(INDEX(Jesper!AL$2:AL$366,ROUNDDOWN($C3194/24,0)+1,1))-1)+IF('Standard Profiles'!$G$22=$B$10,7,0)+IF('Standard Profiles'!$G$22=$B$17,14,0)+IF('Standard Profiles'!$G$22=$B$24,21,0),MOD($C3194,24)+1)/SUM(INDEX($D$3:$AA$30,INDEX(Jesper!$R$2:$R$366,ROW(INDEX(Jesper!AL$2:AL$366,ROUNDDOWN($C3194/24,0)+1,1))-1)+IF('Standard Profiles'!$G$22=$B$10,7,0)+IF('Standard Profiles'!$G$22=$B$17,14,0)+IF('Standard Profiles'!$G$22=$B$24,21,0),0)),0)</f>
        <v>0</v>
      </c>
      <c r="I3194">
        <f t="shared" si="363"/>
        <v>0.15683439065072363</v>
      </c>
      <c r="J3194">
        <f t="shared" si="364"/>
        <v>0.52278130216907881</v>
      </c>
      <c r="K3194">
        <f t="shared" si="365"/>
        <v>0.78417195325361821</v>
      </c>
      <c r="L3194">
        <f t="shared" si="366"/>
        <v>10.529697461959245</v>
      </c>
      <c r="M3194">
        <f t="shared" si="367"/>
        <v>0</v>
      </c>
      <c r="N3194" s="46">
        <f t="shared" si="368"/>
        <v>45423.666666659003</v>
      </c>
    </row>
    <row r="3195" spans="2:14" x14ac:dyDescent="0.3">
      <c r="B3195">
        <f t="shared" si="362"/>
        <v>6</v>
      </c>
      <c r="C3195" s="16">
        <v>3161</v>
      </c>
      <c r="D3195" cm="1">
        <f t="array" ref="D3195">IFERROR(INDEX(Jesper!AH$2:AH$366,ROUNDDOWN($C3195/24,0)+1,1)*INDEX($D$3:$AA$30,INDEX(Jesper!$R$2:$R$366,ROW(INDEX(Jesper!AH$2:AH$366,ROUNDDOWN($C3195/24,0)+1,1))-1)+IF('Standard Profiles'!$G$18=$B$10,7,0)+IF('Standard Profiles'!$G$18=$B$17,14,0)+IF('Standard Profiles'!$G$18=$B$24,21,0),MOD($C3195,24)+1)/SUM(INDEX($D$3:$AA$30,INDEX(Jesper!$R$2:$R$366,ROW(INDEX(Jesper!AH$2:AH$366,ROUNDDOWN($C3195/24,0)+1,1))-1)+IF('Standard Profiles'!$G$18=$B$10,7,0)+IF('Standard Profiles'!$G$18=$B$17,14,0)+IF('Standard Profiles'!$G$18=$B$24,21,0),0)),0)</f>
        <v>9.2273610346286699</v>
      </c>
      <c r="E3195" cm="1">
        <f t="array" ref="E3195">IFERROR(INDEX(Jesper!AI$2:AI$366,ROUNDDOWN($C3195/24,0)+1,1)*INDEX($D$3:$AA$30,INDEX(Jesper!$R$2:$R$366,ROW(INDEX(Jesper!AI$2:AI$366,ROUNDDOWN($C3195/24,0)+1,1))-1)+IF('Standard Profiles'!$G$19=$B$10,7,0)+IF('Standard Profiles'!$G$19=$B$17,14,0)+IF('Standard Profiles'!$G$19=$B$24,21,0),MOD($C3195,24)+1)/SUM(INDEX($D$3:$AA$30,INDEX(Jesper!$R$2:$R$366,ROW(INDEX(Jesper!AI$2:AI$366,ROUNDDOWN($C3195/24,0)+1,1))-1)+IF('Standard Profiles'!$G$19=$B$10,7,0)+IF('Standard Profiles'!$G$19=$B$17,14,0)+IF('Standard Profiles'!$G$19=$B$24,21,0),0)),0)</f>
        <v>1.5667755626007287</v>
      </c>
      <c r="F3195" cm="1">
        <f t="array" ref="F3195">IFERROR(INDEX(Jesper!AJ$2:AJ$366,ROUNDDOWN($C3195/24,0)+1,1)*INDEX($D$3:$AA$30,INDEX(Jesper!$R$2:$R$366,ROW(INDEX(Jesper!AJ$2:AJ$366,ROUNDDOWN($C3195/24,0)+1,1))-1)+IF('Standard Profiles'!$G$20=$B$10,7,0)+IF('Standard Profiles'!$G$20=$B$17,14,0)+IF('Standard Profiles'!$G$20=$B$24,21,0),MOD($C3195,24)+1)/SUM(INDEX($D$3:$AA$30,INDEX(Jesper!$R$2:$R$366,ROW(INDEX(Jesper!AJ$2:AJ$366,ROUNDDOWN($C3195/24,0)+1,1))-1)+IF('Standard Profiles'!$G$20=$B$10,7,0)+IF('Standard Profiles'!$G$20=$B$17,14,0)+IF('Standard Profiles'!$G$20=$B$24,21,0),0)),0)</f>
        <v>0</v>
      </c>
      <c r="G3195" cm="1">
        <f t="array" ref="G3195">IFERROR(INDEX(Jesper!AK$2:AK$366,ROUNDDOWN($C3195/24,0)+1,1)*INDEX($D$3:$AA$30,INDEX(Jesper!$R$2:$R$366,ROW(INDEX(Jesper!AK$2:AK$366,ROUNDDOWN($C3195/24,0)+1,1))-1)+IF('Standard Profiles'!$G$21=$B$10,7,0)+IF('Standard Profiles'!$G$21=$B$17,14,0)+IF('Standard Profiles'!$G$21=$B$24,21,0),MOD($C3195,24)+1)/SUM(INDEX($D$3:$AA$30,INDEX(Jesper!$R$2:$R$366,ROW(INDEX(Jesper!AK$2:AK$366,ROUNDDOWN($C3195/24,0)+1,1))-1)+IF('Standard Profiles'!$G$21=$B$10,7,0)+IF('Standard Profiles'!$G$21=$B$17,14,0)+IF('Standard Profiles'!$G$21=$B$24,21,0),0)),0)</f>
        <v>0</v>
      </c>
      <c r="H3195" cm="1">
        <f t="array" ref="H3195">IFERROR(INDEX(Jesper!AL$2:AL$366,ROUNDDOWN($C3195/24,0)+1,1)*INDEX($D$3:$AA$30,INDEX(Jesper!$R$2:$R$366,ROW(INDEX(Jesper!AL$2:AL$366,ROUNDDOWN($C3195/24,0)+1,1))-1)+IF('Standard Profiles'!$G$22=$B$10,7,0)+IF('Standard Profiles'!$G$22=$B$17,14,0)+IF('Standard Profiles'!$G$22=$B$24,21,0),MOD($C3195,24)+1)/SUM(INDEX($D$3:$AA$30,INDEX(Jesper!$R$2:$R$366,ROW(INDEX(Jesper!AL$2:AL$366,ROUNDDOWN($C3195/24,0)+1,1))-1)+IF('Standard Profiles'!$G$22=$B$10,7,0)+IF('Standard Profiles'!$G$22=$B$17,14,0)+IF('Standard Profiles'!$G$22=$B$24,21,0),0)),0)</f>
        <v>0</v>
      </c>
      <c r="I3195">
        <f t="shared" si="363"/>
        <v>0.14115095158565127</v>
      </c>
      <c r="J3195">
        <f t="shared" si="364"/>
        <v>0.47050317195217095</v>
      </c>
      <c r="K3195">
        <f t="shared" si="365"/>
        <v>0.70575475792825648</v>
      </c>
      <c r="L3195">
        <f t="shared" si="366"/>
        <v>9.4767277157633192</v>
      </c>
      <c r="M3195">
        <f t="shared" si="367"/>
        <v>0</v>
      </c>
      <c r="N3195" s="46">
        <f t="shared" si="368"/>
        <v>45423.708333325667</v>
      </c>
    </row>
    <row r="3196" spans="2:14" x14ac:dyDescent="0.3">
      <c r="B3196">
        <f t="shared" si="362"/>
        <v>6</v>
      </c>
      <c r="C3196" s="16">
        <v>3162</v>
      </c>
      <c r="D3196" cm="1">
        <f t="array" ref="D3196">IFERROR(INDEX(Jesper!AH$2:AH$366,ROUNDDOWN($C3196/24,0)+1,1)*INDEX($D$3:$AA$30,INDEX(Jesper!$R$2:$R$366,ROW(INDEX(Jesper!AH$2:AH$366,ROUNDDOWN($C3196/24,0)+1,1))-1)+IF('Standard Profiles'!$G$18=$B$10,7,0)+IF('Standard Profiles'!$G$18=$B$17,14,0)+IF('Standard Profiles'!$G$18=$B$24,21,0),MOD($C3196,24)+1)/SUM(INDEX($D$3:$AA$30,INDEX(Jesper!$R$2:$R$366,ROW(INDEX(Jesper!AH$2:AH$366,ROUNDDOWN($C3196/24,0)+1,1))-1)+IF('Standard Profiles'!$G$18=$B$10,7,0)+IF('Standard Profiles'!$G$18=$B$17,14,0)+IF('Standard Profiles'!$G$18=$B$24,21,0),0)),0)</f>
        <v>8.8856069222350147</v>
      </c>
      <c r="E3196" cm="1">
        <f t="array" ref="E3196">IFERROR(INDEX(Jesper!AI$2:AI$366,ROUNDDOWN($C3196/24,0)+1,1)*INDEX($D$3:$AA$30,INDEX(Jesper!$R$2:$R$366,ROW(INDEX(Jesper!AI$2:AI$366,ROUNDDOWN($C3196/24,0)+1,1))-1)+IF('Standard Profiles'!$G$19=$B$10,7,0)+IF('Standard Profiles'!$G$19=$B$17,14,0)+IF('Standard Profiles'!$G$19=$B$24,21,0),MOD($C3196,24)+1)/SUM(INDEX($D$3:$AA$30,INDEX(Jesper!$R$2:$R$366,ROW(INDEX(Jesper!AI$2:AI$366,ROUNDDOWN($C3196/24,0)+1,1))-1)+IF('Standard Profiles'!$G$19=$B$10,7,0)+IF('Standard Profiles'!$G$19=$B$17,14,0)+IF('Standard Profiles'!$G$19=$B$24,21,0),0)),0)</f>
        <v>1.5087468380599607</v>
      </c>
      <c r="F3196" cm="1">
        <f t="array" ref="F3196">IFERROR(INDEX(Jesper!AJ$2:AJ$366,ROUNDDOWN($C3196/24,0)+1,1)*INDEX($D$3:$AA$30,INDEX(Jesper!$R$2:$R$366,ROW(INDEX(Jesper!AJ$2:AJ$366,ROUNDDOWN($C3196/24,0)+1,1))-1)+IF('Standard Profiles'!$G$20=$B$10,7,0)+IF('Standard Profiles'!$G$20=$B$17,14,0)+IF('Standard Profiles'!$G$20=$B$24,21,0),MOD($C3196,24)+1)/SUM(INDEX($D$3:$AA$30,INDEX(Jesper!$R$2:$R$366,ROW(INDEX(Jesper!AJ$2:AJ$366,ROUNDDOWN($C3196/24,0)+1,1))-1)+IF('Standard Profiles'!$G$20=$B$10,7,0)+IF('Standard Profiles'!$G$20=$B$17,14,0)+IF('Standard Profiles'!$G$20=$B$24,21,0),0)),0)</f>
        <v>0</v>
      </c>
      <c r="G3196" cm="1">
        <f t="array" ref="G3196">IFERROR(INDEX(Jesper!AK$2:AK$366,ROUNDDOWN($C3196/24,0)+1,1)*INDEX($D$3:$AA$30,INDEX(Jesper!$R$2:$R$366,ROW(INDEX(Jesper!AK$2:AK$366,ROUNDDOWN($C3196/24,0)+1,1))-1)+IF('Standard Profiles'!$G$21=$B$10,7,0)+IF('Standard Profiles'!$G$21=$B$17,14,0)+IF('Standard Profiles'!$G$21=$B$24,21,0),MOD($C3196,24)+1)/SUM(INDEX($D$3:$AA$30,INDEX(Jesper!$R$2:$R$366,ROW(INDEX(Jesper!AK$2:AK$366,ROUNDDOWN($C3196/24,0)+1,1))-1)+IF('Standard Profiles'!$G$21=$B$10,7,0)+IF('Standard Profiles'!$G$21=$B$17,14,0)+IF('Standard Profiles'!$G$21=$B$24,21,0),0)),0)</f>
        <v>0</v>
      </c>
      <c r="H3196" cm="1">
        <f t="array" ref="H3196">IFERROR(INDEX(Jesper!AL$2:AL$366,ROUNDDOWN($C3196/24,0)+1,1)*INDEX($D$3:$AA$30,INDEX(Jesper!$R$2:$R$366,ROW(INDEX(Jesper!AL$2:AL$366,ROUNDDOWN($C3196/24,0)+1,1))-1)+IF('Standard Profiles'!$G$22=$B$10,7,0)+IF('Standard Profiles'!$G$22=$B$17,14,0)+IF('Standard Profiles'!$G$22=$B$24,21,0),MOD($C3196,24)+1)/SUM(INDEX($D$3:$AA$30,INDEX(Jesper!$R$2:$R$366,ROW(INDEX(Jesper!AL$2:AL$366,ROUNDDOWN($C3196/24,0)+1,1))-1)+IF('Standard Profiles'!$G$22=$B$10,7,0)+IF('Standard Profiles'!$G$22=$B$17,14,0)+IF('Standard Profiles'!$G$22=$B$24,21,0),0)),0)</f>
        <v>0</v>
      </c>
      <c r="I3196">
        <f t="shared" si="363"/>
        <v>0.13592313856396046</v>
      </c>
      <c r="J3196">
        <f t="shared" si="364"/>
        <v>0.45307712854653492</v>
      </c>
      <c r="K3196">
        <f t="shared" si="365"/>
        <v>0.67961569281980239</v>
      </c>
      <c r="L3196">
        <f t="shared" si="366"/>
        <v>9.1257378003646785</v>
      </c>
      <c r="M3196">
        <f t="shared" si="367"/>
        <v>0</v>
      </c>
      <c r="N3196" s="46">
        <f t="shared" si="368"/>
        <v>45423.749999992331</v>
      </c>
    </row>
    <row r="3197" spans="2:14" x14ac:dyDescent="0.3">
      <c r="B3197">
        <f t="shared" si="362"/>
        <v>6</v>
      </c>
      <c r="C3197" s="16">
        <v>3163</v>
      </c>
      <c r="D3197" cm="1">
        <f t="array" ref="D3197">IFERROR(INDEX(Jesper!AH$2:AH$366,ROUNDDOWN($C3197/24,0)+1,1)*INDEX($D$3:$AA$30,INDEX(Jesper!$R$2:$R$366,ROW(INDEX(Jesper!AH$2:AH$366,ROUNDDOWN($C3197/24,0)+1,1))-1)+IF('Standard Profiles'!$G$18=$B$10,7,0)+IF('Standard Profiles'!$G$18=$B$17,14,0)+IF('Standard Profiles'!$G$18=$B$24,21,0),MOD($C3197,24)+1)/SUM(INDEX($D$3:$AA$30,INDEX(Jesper!$R$2:$R$366,ROW(INDEX(Jesper!AH$2:AH$366,ROUNDDOWN($C3197/24,0)+1,1))-1)+IF('Standard Profiles'!$G$18=$B$10,7,0)+IF('Standard Profiles'!$G$18=$B$17,14,0)+IF('Standard Profiles'!$G$18=$B$24,21,0),0)),0)</f>
        <v>7.1768363602667424</v>
      </c>
      <c r="E3197" cm="1">
        <f t="array" ref="E3197">IFERROR(INDEX(Jesper!AI$2:AI$366,ROUNDDOWN($C3197/24,0)+1,1)*INDEX($D$3:$AA$30,INDEX(Jesper!$R$2:$R$366,ROW(INDEX(Jesper!AI$2:AI$366,ROUNDDOWN($C3197/24,0)+1,1))-1)+IF('Standard Profiles'!$G$19=$B$10,7,0)+IF('Standard Profiles'!$G$19=$B$17,14,0)+IF('Standard Profiles'!$G$19=$B$24,21,0),MOD($C3197,24)+1)/SUM(INDEX($D$3:$AA$30,INDEX(Jesper!$R$2:$R$366,ROW(INDEX(Jesper!AI$2:AI$366,ROUNDDOWN($C3197/24,0)+1,1))-1)+IF('Standard Profiles'!$G$19=$B$10,7,0)+IF('Standard Profiles'!$G$19=$B$17,14,0)+IF('Standard Profiles'!$G$19=$B$24,21,0),0)),0)</f>
        <v>1.2186032153561221</v>
      </c>
      <c r="F3197" cm="1">
        <f t="array" ref="F3197">IFERROR(INDEX(Jesper!AJ$2:AJ$366,ROUNDDOWN($C3197/24,0)+1,1)*INDEX($D$3:$AA$30,INDEX(Jesper!$R$2:$R$366,ROW(INDEX(Jesper!AJ$2:AJ$366,ROUNDDOWN($C3197/24,0)+1,1))-1)+IF('Standard Profiles'!$G$20=$B$10,7,0)+IF('Standard Profiles'!$G$20=$B$17,14,0)+IF('Standard Profiles'!$G$20=$B$24,21,0),MOD($C3197,24)+1)/SUM(INDEX($D$3:$AA$30,INDEX(Jesper!$R$2:$R$366,ROW(INDEX(Jesper!AJ$2:AJ$366,ROUNDDOWN($C3197/24,0)+1,1))-1)+IF('Standard Profiles'!$G$20=$B$10,7,0)+IF('Standard Profiles'!$G$20=$B$17,14,0)+IF('Standard Profiles'!$G$20=$B$24,21,0),0)),0)</f>
        <v>0</v>
      </c>
      <c r="G3197" cm="1">
        <f t="array" ref="G3197">IFERROR(INDEX(Jesper!AK$2:AK$366,ROUNDDOWN($C3197/24,0)+1,1)*INDEX($D$3:$AA$30,INDEX(Jesper!$R$2:$R$366,ROW(INDEX(Jesper!AK$2:AK$366,ROUNDDOWN($C3197/24,0)+1,1))-1)+IF('Standard Profiles'!$G$21=$B$10,7,0)+IF('Standard Profiles'!$G$21=$B$17,14,0)+IF('Standard Profiles'!$G$21=$B$24,21,0),MOD($C3197,24)+1)/SUM(INDEX($D$3:$AA$30,INDEX(Jesper!$R$2:$R$366,ROW(INDEX(Jesper!AK$2:AK$366,ROUNDDOWN($C3197/24,0)+1,1))-1)+IF('Standard Profiles'!$G$21=$B$10,7,0)+IF('Standard Profiles'!$G$21=$B$17,14,0)+IF('Standard Profiles'!$G$21=$B$24,21,0),0)),0)</f>
        <v>0</v>
      </c>
      <c r="H3197" cm="1">
        <f t="array" ref="H3197">IFERROR(INDEX(Jesper!AL$2:AL$366,ROUNDDOWN($C3197/24,0)+1,1)*INDEX($D$3:$AA$30,INDEX(Jesper!$R$2:$R$366,ROW(INDEX(Jesper!AL$2:AL$366,ROUNDDOWN($C3197/24,0)+1,1))-1)+IF('Standard Profiles'!$G$22=$B$10,7,0)+IF('Standard Profiles'!$G$22=$B$17,14,0)+IF('Standard Profiles'!$G$22=$B$24,21,0),MOD($C3197,24)+1)/SUM(INDEX($D$3:$AA$30,INDEX(Jesper!$R$2:$R$366,ROW(INDEX(Jesper!AL$2:AL$366,ROUNDDOWN($C3197/24,0)+1,1))-1)+IF('Standard Profiles'!$G$22=$B$10,7,0)+IF('Standard Profiles'!$G$22=$B$17,14,0)+IF('Standard Profiles'!$G$22=$B$24,21,0),0)),0)</f>
        <v>0</v>
      </c>
      <c r="I3197">
        <f t="shared" si="363"/>
        <v>0.10978407345550653</v>
      </c>
      <c r="J3197">
        <f t="shared" si="364"/>
        <v>0.36594691151835512</v>
      </c>
      <c r="K3197">
        <f t="shared" si="365"/>
        <v>0.54892036727753268</v>
      </c>
      <c r="L3197">
        <f t="shared" si="366"/>
        <v>7.3707882233714699</v>
      </c>
      <c r="M3197">
        <f t="shared" si="367"/>
        <v>0</v>
      </c>
      <c r="N3197" s="46">
        <f t="shared" si="368"/>
        <v>45423.791666658995</v>
      </c>
    </row>
    <row r="3198" spans="2:14" x14ac:dyDescent="0.3">
      <c r="B3198">
        <f t="shared" si="362"/>
        <v>6</v>
      </c>
      <c r="C3198" s="16">
        <v>3164</v>
      </c>
      <c r="D3198" cm="1">
        <f t="array" ref="D3198">IFERROR(INDEX(Jesper!AH$2:AH$366,ROUNDDOWN($C3198/24,0)+1,1)*INDEX($D$3:$AA$30,INDEX(Jesper!$R$2:$R$366,ROW(INDEX(Jesper!AH$2:AH$366,ROUNDDOWN($C3198/24,0)+1,1))-1)+IF('Standard Profiles'!$G$18=$B$10,7,0)+IF('Standard Profiles'!$G$18=$B$17,14,0)+IF('Standard Profiles'!$G$18=$B$24,21,0),MOD($C3198,24)+1)/SUM(INDEX($D$3:$AA$30,INDEX(Jesper!$R$2:$R$366,ROW(INDEX(Jesper!AH$2:AH$366,ROUNDDOWN($C3198/24,0)+1,1))-1)+IF('Standard Profiles'!$G$18=$B$10,7,0)+IF('Standard Profiles'!$G$18=$B$17,14,0)+IF('Standard Profiles'!$G$18=$B$24,21,0),0)),0)</f>
        <v>5.2971887421016435</v>
      </c>
      <c r="E3198" cm="1">
        <f t="array" ref="E3198">IFERROR(INDEX(Jesper!AI$2:AI$366,ROUNDDOWN($C3198/24,0)+1,1)*INDEX($D$3:$AA$30,INDEX(Jesper!$R$2:$R$366,ROW(INDEX(Jesper!AI$2:AI$366,ROUNDDOWN($C3198/24,0)+1,1))-1)+IF('Standard Profiles'!$G$19=$B$10,7,0)+IF('Standard Profiles'!$G$19=$B$17,14,0)+IF('Standard Profiles'!$G$19=$B$24,21,0),MOD($C3198,24)+1)/SUM(INDEX($D$3:$AA$30,INDEX(Jesper!$R$2:$R$366,ROW(INDEX(Jesper!AI$2:AI$366,ROUNDDOWN($C3198/24,0)+1,1))-1)+IF('Standard Profiles'!$G$19=$B$10,7,0)+IF('Standard Profiles'!$G$19=$B$17,14,0)+IF('Standard Profiles'!$G$19=$B$24,21,0),0)),0)</f>
        <v>0.89944523038189972</v>
      </c>
      <c r="F3198" cm="1">
        <f t="array" ref="F3198">IFERROR(INDEX(Jesper!AJ$2:AJ$366,ROUNDDOWN($C3198/24,0)+1,1)*INDEX($D$3:$AA$30,INDEX(Jesper!$R$2:$R$366,ROW(INDEX(Jesper!AJ$2:AJ$366,ROUNDDOWN($C3198/24,0)+1,1))-1)+IF('Standard Profiles'!$G$20=$B$10,7,0)+IF('Standard Profiles'!$G$20=$B$17,14,0)+IF('Standard Profiles'!$G$20=$B$24,21,0),MOD($C3198,24)+1)/SUM(INDEX($D$3:$AA$30,INDEX(Jesper!$R$2:$R$366,ROW(INDEX(Jesper!AJ$2:AJ$366,ROUNDDOWN($C3198/24,0)+1,1))-1)+IF('Standard Profiles'!$G$20=$B$10,7,0)+IF('Standard Profiles'!$G$20=$B$17,14,0)+IF('Standard Profiles'!$G$20=$B$24,21,0),0)),0)</f>
        <v>0</v>
      </c>
      <c r="G3198" cm="1">
        <f t="array" ref="G3198">IFERROR(INDEX(Jesper!AK$2:AK$366,ROUNDDOWN($C3198/24,0)+1,1)*INDEX($D$3:$AA$30,INDEX(Jesper!$R$2:$R$366,ROW(INDEX(Jesper!AK$2:AK$366,ROUNDDOWN($C3198/24,0)+1,1))-1)+IF('Standard Profiles'!$G$21=$B$10,7,0)+IF('Standard Profiles'!$G$21=$B$17,14,0)+IF('Standard Profiles'!$G$21=$B$24,21,0),MOD($C3198,24)+1)/SUM(INDEX($D$3:$AA$30,INDEX(Jesper!$R$2:$R$366,ROW(INDEX(Jesper!AK$2:AK$366,ROUNDDOWN($C3198/24,0)+1,1))-1)+IF('Standard Profiles'!$G$21=$B$10,7,0)+IF('Standard Profiles'!$G$21=$B$17,14,0)+IF('Standard Profiles'!$G$21=$B$24,21,0),0)),0)</f>
        <v>0</v>
      </c>
      <c r="H3198" cm="1">
        <f t="array" ref="H3198">IFERROR(INDEX(Jesper!AL$2:AL$366,ROUNDDOWN($C3198/24,0)+1,1)*INDEX($D$3:$AA$30,INDEX(Jesper!$R$2:$R$366,ROW(INDEX(Jesper!AL$2:AL$366,ROUNDDOWN($C3198/24,0)+1,1))-1)+IF('Standard Profiles'!$G$22=$B$10,7,0)+IF('Standard Profiles'!$G$22=$B$17,14,0)+IF('Standard Profiles'!$G$22=$B$24,21,0),MOD($C3198,24)+1)/SUM(INDEX($D$3:$AA$30,INDEX(Jesper!$R$2:$R$366,ROW(INDEX(Jesper!AL$2:AL$366,ROUNDDOWN($C3198/24,0)+1,1))-1)+IF('Standard Profiles'!$G$22=$B$10,7,0)+IF('Standard Profiles'!$G$22=$B$17,14,0)+IF('Standard Profiles'!$G$22=$B$24,21,0),0)),0)</f>
        <v>0</v>
      </c>
      <c r="I3198">
        <f t="shared" si="363"/>
        <v>8.1031101836207209E-2</v>
      </c>
      <c r="J3198">
        <f t="shared" si="364"/>
        <v>0.27010367278735736</v>
      </c>
      <c r="K3198">
        <f t="shared" si="365"/>
        <v>0.40515550918103604</v>
      </c>
      <c r="L3198">
        <f t="shared" si="366"/>
        <v>5.4403436886789427</v>
      </c>
      <c r="M3198">
        <f t="shared" si="367"/>
        <v>0</v>
      </c>
      <c r="N3198" s="46">
        <f t="shared" si="368"/>
        <v>45423.83333332566</v>
      </c>
    </row>
    <row r="3199" spans="2:14" x14ac:dyDescent="0.3">
      <c r="B3199">
        <f t="shared" si="362"/>
        <v>6</v>
      </c>
      <c r="C3199" s="16">
        <v>3165</v>
      </c>
      <c r="D3199" cm="1">
        <f t="array" ref="D3199">IFERROR(INDEX(Jesper!AH$2:AH$366,ROUNDDOWN($C3199/24,0)+1,1)*INDEX($D$3:$AA$30,INDEX(Jesper!$R$2:$R$366,ROW(INDEX(Jesper!AH$2:AH$366,ROUNDDOWN($C3199/24,0)+1,1))-1)+IF('Standard Profiles'!$G$18=$B$10,7,0)+IF('Standard Profiles'!$G$18=$B$17,14,0)+IF('Standard Profiles'!$G$18=$B$24,21,0),MOD($C3199,24)+1)/SUM(INDEX($D$3:$AA$30,INDEX(Jesper!$R$2:$R$366,ROW(INDEX(Jesper!AH$2:AH$366,ROUNDDOWN($C3199/24,0)+1,1))-1)+IF('Standard Profiles'!$G$18=$B$10,7,0)+IF('Standard Profiles'!$G$18=$B$17,14,0)+IF('Standard Profiles'!$G$18=$B$24,21,0),0)),0)</f>
        <v>5.2971887421016435</v>
      </c>
      <c r="E3199" cm="1">
        <f t="array" ref="E3199">IFERROR(INDEX(Jesper!AI$2:AI$366,ROUNDDOWN($C3199/24,0)+1,1)*INDEX($D$3:$AA$30,INDEX(Jesper!$R$2:$R$366,ROW(INDEX(Jesper!AI$2:AI$366,ROUNDDOWN($C3199/24,0)+1,1))-1)+IF('Standard Profiles'!$G$19=$B$10,7,0)+IF('Standard Profiles'!$G$19=$B$17,14,0)+IF('Standard Profiles'!$G$19=$B$24,21,0),MOD($C3199,24)+1)/SUM(INDEX($D$3:$AA$30,INDEX(Jesper!$R$2:$R$366,ROW(INDEX(Jesper!AI$2:AI$366,ROUNDDOWN($C3199/24,0)+1,1))-1)+IF('Standard Profiles'!$G$19=$B$10,7,0)+IF('Standard Profiles'!$G$19=$B$17,14,0)+IF('Standard Profiles'!$G$19=$B$24,21,0),0)),0)</f>
        <v>0.89944523038189972</v>
      </c>
      <c r="F3199" cm="1">
        <f t="array" ref="F3199">IFERROR(INDEX(Jesper!AJ$2:AJ$366,ROUNDDOWN($C3199/24,0)+1,1)*INDEX($D$3:$AA$30,INDEX(Jesper!$R$2:$R$366,ROW(INDEX(Jesper!AJ$2:AJ$366,ROUNDDOWN($C3199/24,0)+1,1))-1)+IF('Standard Profiles'!$G$20=$B$10,7,0)+IF('Standard Profiles'!$G$20=$B$17,14,0)+IF('Standard Profiles'!$G$20=$B$24,21,0),MOD($C3199,24)+1)/SUM(INDEX($D$3:$AA$30,INDEX(Jesper!$R$2:$R$366,ROW(INDEX(Jesper!AJ$2:AJ$366,ROUNDDOWN($C3199/24,0)+1,1))-1)+IF('Standard Profiles'!$G$20=$B$10,7,0)+IF('Standard Profiles'!$G$20=$B$17,14,0)+IF('Standard Profiles'!$G$20=$B$24,21,0),0)),0)</f>
        <v>0</v>
      </c>
      <c r="G3199" cm="1">
        <f t="array" ref="G3199">IFERROR(INDEX(Jesper!AK$2:AK$366,ROUNDDOWN($C3199/24,0)+1,1)*INDEX($D$3:$AA$30,INDEX(Jesper!$R$2:$R$366,ROW(INDEX(Jesper!AK$2:AK$366,ROUNDDOWN($C3199/24,0)+1,1))-1)+IF('Standard Profiles'!$G$21=$B$10,7,0)+IF('Standard Profiles'!$G$21=$B$17,14,0)+IF('Standard Profiles'!$G$21=$B$24,21,0),MOD($C3199,24)+1)/SUM(INDEX($D$3:$AA$30,INDEX(Jesper!$R$2:$R$366,ROW(INDEX(Jesper!AK$2:AK$366,ROUNDDOWN($C3199/24,0)+1,1))-1)+IF('Standard Profiles'!$G$21=$B$10,7,0)+IF('Standard Profiles'!$G$21=$B$17,14,0)+IF('Standard Profiles'!$G$21=$B$24,21,0),0)),0)</f>
        <v>0</v>
      </c>
      <c r="H3199" cm="1">
        <f t="array" ref="H3199">IFERROR(INDEX(Jesper!AL$2:AL$366,ROUNDDOWN($C3199/24,0)+1,1)*INDEX($D$3:$AA$30,INDEX(Jesper!$R$2:$R$366,ROW(INDEX(Jesper!AL$2:AL$366,ROUNDDOWN($C3199/24,0)+1,1))-1)+IF('Standard Profiles'!$G$22=$B$10,7,0)+IF('Standard Profiles'!$G$22=$B$17,14,0)+IF('Standard Profiles'!$G$22=$B$24,21,0),MOD($C3199,24)+1)/SUM(INDEX($D$3:$AA$30,INDEX(Jesper!$R$2:$R$366,ROW(INDEX(Jesper!AL$2:AL$366,ROUNDDOWN($C3199/24,0)+1,1))-1)+IF('Standard Profiles'!$G$22=$B$10,7,0)+IF('Standard Profiles'!$G$22=$B$17,14,0)+IF('Standard Profiles'!$G$22=$B$24,21,0),0)),0)</f>
        <v>0</v>
      </c>
      <c r="I3199">
        <f t="shared" si="363"/>
        <v>8.1031101836207209E-2</v>
      </c>
      <c r="J3199">
        <f t="shared" si="364"/>
        <v>0.27010367278735736</v>
      </c>
      <c r="K3199">
        <f t="shared" si="365"/>
        <v>0.40515550918103604</v>
      </c>
      <c r="L3199">
        <f t="shared" si="366"/>
        <v>5.4403436886789427</v>
      </c>
      <c r="M3199">
        <f t="shared" si="367"/>
        <v>0</v>
      </c>
      <c r="N3199" s="46">
        <f t="shared" si="368"/>
        <v>45423.874999992324</v>
      </c>
    </row>
    <row r="3200" spans="2:14" x14ac:dyDescent="0.3">
      <c r="B3200">
        <f t="shared" si="362"/>
        <v>6</v>
      </c>
      <c r="C3200" s="16">
        <v>3166</v>
      </c>
      <c r="D3200" cm="1">
        <f t="array" ref="D3200">IFERROR(INDEX(Jesper!AH$2:AH$366,ROUNDDOWN($C3200/24,0)+1,1)*INDEX($D$3:$AA$30,INDEX(Jesper!$R$2:$R$366,ROW(INDEX(Jesper!AH$2:AH$366,ROUNDDOWN($C3200/24,0)+1,1))-1)+IF('Standard Profiles'!$G$18=$B$10,7,0)+IF('Standard Profiles'!$G$18=$B$17,14,0)+IF('Standard Profiles'!$G$18=$B$24,21,0),MOD($C3200,24)+1)/SUM(INDEX($D$3:$AA$30,INDEX(Jesper!$R$2:$R$366,ROW(INDEX(Jesper!AH$2:AH$366,ROUNDDOWN($C3200/24,0)+1,1))-1)+IF('Standard Profiles'!$G$18=$B$10,7,0)+IF('Standard Profiles'!$G$18=$B$17,14,0)+IF('Standard Profiles'!$G$18=$B$24,21,0),0)),0)</f>
        <v>5.2971887421016435</v>
      </c>
      <c r="E3200" cm="1">
        <f t="array" ref="E3200">IFERROR(INDEX(Jesper!AI$2:AI$366,ROUNDDOWN($C3200/24,0)+1,1)*INDEX($D$3:$AA$30,INDEX(Jesper!$R$2:$R$366,ROW(INDEX(Jesper!AI$2:AI$366,ROUNDDOWN($C3200/24,0)+1,1))-1)+IF('Standard Profiles'!$G$19=$B$10,7,0)+IF('Standard Profiles'!$G$19=$B$17,14,0)+IF('Standard Profiles'!$G$19=$B$24,21,0),MOD($C3200,24)+1)/SUM(INDEX($D$3:$AA$30,INDEX(Jesper!$R$2:$R$366,ROW(INDEX(Jesper!AI$2:AI$366,ROUNDDOWN($C3200/24,0)+1,1))-1)+IF('Standard Profiles'!$G$19=$B$10,7,0)+IF('Standard Profiles'!$G$19=$B$17,14,0)+IF('Standard Profiles'!$G$19=$B$24,21,0),0)),0)</f>
        <v>0.89944523038189972</v>
      </c>
      <c r="F3200" cm="1">
        <f t="array" ref="F3200">IFERROR(INDEX(Jesper!AJ$2:AJ$366,ROUNDDOWN($C3200/24,0)+1,1)*INDEX($D$3:$AA$30,INDEX(Jesper!$R$2:$R$366,ROW(INDEX(Jesper!AJ$2:AJ$366,ROUNDDOWN($C3200/24,0)+1,1))-1)+IF('Standard Profiles'!$G$20=$B$10,7,0)+IF('Standard Profiles'!$G$20=$B$17,14,0)+IF('Standard Profiles'!$G$20=$B$24,21,0),MOD($C3200,24)+1)/SUM(INDEX($D$3:$AA$30,INDEX(Jesper!$R$2:$R$366,ROW(INDEX(Jesper!AJ$2:AJ$366,ROUNDDOWN($C3200/24,0)+1,1))-1)+IF('Standard Profiles'!$G$20=$B$10,7,0)+IF('Standard Profiles'!$G$20=$B$17,14,0)+IF('Standard Profiles'!$G$20=$B$24,21,0),0)),0)</f>
        <v>0</v>
      </c>
      <c r="G3200" cm="1">
        <f t="array" ref="G3200">IFERROR(INDEX(Jesper!AK$2:AK$366,ROUNDDOWN($C3200/24,0)+1,1)*INDEX($D$3:$AA$30,INDEX(Jesper!$R$2:$R$366,ROW(INDEX(Jesper!AK$2:AK$366,ROUNDDOWN($C3200/24,0)+1,1))-1)+IF('Standard Profiles'!$G$21=$B$10,7,0)+IF('Standard Profiles'!$G$21=$B$17,14,0)+IF('Standard Profiles'!$G$21=$B$24,21,0),MOD($C3200,24)+1)/SUM(INDEX($D$3:$AA$30,INDEX(Jesper!$R$2:$R$366,ROW(INDEX(Jesper!AK$2:AK$366,ROUNDDOWN($C3200/24,0)+1,1))-1)+IF('Standard Profiles'!$G$21=$B$10,7,0)+IF('Standard Profiles'!$G$21=$B$17,14,0)+IF('Standard Profiles'!$G$21=$B$24,21,0),0)),0)</f>
        <v>0</v>
      </c>
      <c r="H3200" cm="1">
        <f t="array" ref="H3200">IFERROR(INDEX(Jesper!AL$2:AL$366,ROUNDDOWN($C3200/24,0)+1,1)*INDEX($D$3:$AA$30,INDEX(Jesper!$R$2:$R$366,ROW(INDEX(Jesper!AL$2:AL$366,ROUNDDOWN($C3200/24,0)+1,1))-1)+IF('Standard Profiles'!$G$22=$B$10,7,0)+IF('Standard Profiles'!$G$22=$B$17,14,0)+IF('Standard Profiles'!$G$22=$B$24,21,0),MOD($C3200,24)+1)/SUM(INDEX($D$3:$AA$30,INDEX(Jesper!$R$2:$R$366,ROW(INDEX(Jesper!AL$2:AL$366,ROUNDDOWN($C3200/24,0)+1,1))-1)+IF('Standard Profiles'!$G$22=$B$10,7,0)+IF('Standard Profiles'!$G$22=$B$17,14,0)+IF('Standard Profiles'!$G$22=$B$24,21,0),0)),0)</f>
        <v>0</v>
      </c>
      <c r="I3200">
        <f t="shared" si="363"/>
        <v>8.1031101836207209E-2</v>
      </c>
      <c r="J3200">
        <f t="shared" si="364"/>
        <v>0.27010367278735736</v>
      </c>
      <c r="K3200">
        <f t="shared" si="365"/>
        <v>0.40515550918103604</v>
      </c>
      <c r="L3200">
        <f t="shared" si="366"/>
        <v>5.4403436886789427</v>
      </c>
      <c r="M3200">
        <f t="shared" si="367"/>
        <v>0</v>
      </c>
      <c r="N3200" s="46">
        <f t="shared" si="368"/>
        <v>45423.916666658988</v>
      </c>
    </row>
    <row r="3201" spans="2:14" x14ac:dyDescent="0.3">
      <c r="B3201">
        <f t="shared" si="362"/>
        <v>6</v>
      </c>
      <c r="C3201" s="16">
        <v>3167</v>
      </c>
      <c r="D3201" cm="1">
        <f t="array" ref="D3201">IFERROR(INDEX(Jesper!AH$2:AH$366,ROUNDDOWN($C3201/24,0)+1,1)*INDEX($D$3:$AA$30,INDEX(Jesper!$R$2:$R$366,ROW(INDEX(Jesper!AH$2:AH$366,ROUNDDOWN($C3201/24,0)+1,1))-1)+IF('Standard Profiles'!$G$18=$B$10,7,0)+IF('Standard Profiles'!$G$18=$B$17,14,0)+IF('Standard Profiles'!$G$18=$B$24,21,0),MOD($C3201,24)+1)/SUM(INDEX($D$3:$AA$30,INDEX(Jesper!$R$2:$R$366,ROW(INDEX(Jesper!AH$2:AH$366,ROUNDDOWN($C3201/24,0)+1,1))-1)+IF('Standard Profiles'!$G$18=$B$10,7,0)+IF('Standard Profiles'!$G$18=$B$17,14,0)+IF('Standard Profiles'!$G$18=$B$24,21,0),0)),0)</f>
        <v>5.2971887421016435</v>
      </c>
      <c r="E3201" cm="1">
        <f t="array" ref="E3201">IFERROR(INDEX(Jesper!AI$2:AI$366,ROUNDDOWN($C3201/24,0)+1,1)*INDEX($D$3:$AA$30,INDEX(Jesper!$R$2:$R$366,ROW(INDEX(Jesper!AI$2:AI$366,ROUNDDOWN($C3201/24,0)+1,1))-1)+IF('Standard Profiles'!$G$19=$B$10,7,0)+IF('Standard Profiles'!$G$19=$B$17,14,0)+IF('Standard Profiles'!$G$19=$B$24,21,0),MOD($C3201,24)+1)/SUM(INDEX($D$3:$AA$30,INDEX(Jesper!$R$2:$R$366,ROW(INDEX(Jesper!AI$2:AI$366,ROUNDDOWN($C3201/24,0)+1,1))-1)+IF('Standard Profiles'!$G$19=$B$10,7,0)+IF('Standard Profiles'!$G$19=$B$17,14,0)+IF('Standard Profiles'!$G$19=$B$24,21,0),0)),0)</f>
        <v>0.89944523038189972</v>
      </c>
      <c r="F3201" cm="1">
        <f t="array" ref="F3201">IFERROR(INDEX(Jesper!AJ$2:AJ$366,ROUNDDOWN($C3201/24,0)+1,1)*INDEX($D$3:$AA$30,INDEX(Jesper!$R$2:$R$366,ROW(INDEX(Jesper!AJ$2:AJ$366,ROUNDDOWN($C3201/24,0)+1,1))-1)+IF('Standard Profiles'!$G$20=$B$10,7,0)+IF('Standard Profiles'!$G$20=$B$17,14,0)+IF('Standard Profiles'!$G$20=$B$24,21,0),MOD($C3201,24)+1)/SUM(INDEX($D$3:$AA$30,INDEX(Jesper!$R$2:$R$366,ROW(INDEX(Jesper!AJ$2:AJ$366,ROUNDDOWN($C3201/24,0)+1,1))-1)+IF('Standard Profiles'!$G$20=$B$10,7,0)+IF('Standard Profiles'!$G$20=$B$17,14,0)+IF('Standard Profiles'!$G$20=$B$24,21,0),0)),0)</f>
        <v>0</v>
      </c>
      <c r="G3201" cm="1">
        <f t="array" ref="G3201">IFERROR(INDEX(Jesper!AK$2:AK$366,ROUNDDOWN($C3201/24,0)+1,1)*INDEX($D$3:$AA$30,INDEX(Jesper!$R$2:$R$366,ROW(INDEX(Jesper!AK$2:AK$366,ROUNDDOWN($C3201/24,0)+1,1))-1)+IF('Standard Profiles'!$G$21=$B$10,7,0)+IF('Standard Profiles'!$G$21=$B$17,14,0)+IF('Standard Profiles'!$G$21=$B$24,21,0),MOD($C3201,24)+1)/SUM(INDEX($D$3:$AA$30,INDEX(Jesper!$R$2:$R$366,ROW(INDEX(Jesper!AK$2:AK$366,ROUNDDOWN($C3201/24,0)+1,1))-1)+IF('Standard Profiles'!$G$21=$B$10,7,0)+IF('Standard Profiles'!$G$21=$B$17,14,0)+IF('Standard Profiles'!$G$21=$B$24,21,0),0)),0)</f>
        <v>0</v>
      </c>
      <c r="H3201" cm="1">
        <f t="array" ref="H3201">IFERROR(INDEX(Jesper!AL$2:AL$366,ROUNDDOWN($C3201/24,0)+1,1)*INDEX($D$3:$AA$30,INDEX(Jesper!$R$2:$R$366,ROW(INDEX(Jesper!AL$2:AL$366,ROUNDDOWN($C3201/24,0)+1,1))-1)+IF('Standard Profiles'!$G$22=$B$10,7,0)+IF('Standard Profiles'!$G$22=$B$17,14,0)+IF('Standard Profiles'!$G$22=$B$24,21,0),MOD($C3201,24)+1)/SUM(INDEX($D$3:$AA$30,INDEX(Jesper!$R$2:$R$366,ROW(INDEX(Jesper!AL$2:AL$366,ROUNDDOWN($C3201/24,0)+1,1))-1)+IF('Standard Profiles'!$G$22=$B$10,7,0)+IF('Standard Profiles'!$G$22=$B$17,14,0)+IF('Standard Profiles'!$G$22=$B$24,21,0),0)),0)</f>
        <v>0</v>
      </c>
      <c r="I3201">
        <f t="shared" si="363"/>
        <v>8.1031101836207209E-2</v>
      </c>
      <c r="J3201">
        <f t="shared" si="364"/>
        <v>0.27010367278735736</v>
      </c>
      <c r="K3201">
        <f t="shared" si="365"/>
        <v>0.40515550918103604</v>
      </c>
      <c r="L3201">
        <f t="shared" si="366"/>
        <v>5.4403436886789427</v>
      </c>
      <c r="M3201">
        <f t="shared" si="367"/>
        <v>0</v>
      </c>
      <c r="N3201" s="46">
        <f t="shared" si="368"/>
        <v>45423.958333325652</v>
      </c>
    </row>
    <row r="3202" spans="2:14" x14ac:dyDescent="0.3">
      <c r="B3202">
        <f t="shared" si="362"/>
        <v>7</v>
      </c>
      <c r="C3202" s="16">
        <v>3168</v>
      </c>
      <c r="D3202" cm="1">
        <f t="array" ref="D3202">IFERROR(INDEX(Jesper!AH$2:AH$366,ROUNDDOWN($C3202/24,0)+1,1)*INDEX($D$3:$AA$30,INDEX(Jesper!$R$2:$R$366,ROW(INDEX(Jesper!AH$2:AH$366,ROUNDDOWN($C3202/24,0)+1,1))-1)+IF('Standard Profiles'!$G$18=$B$10,7,0)+IF('Standard Profiles'!$G$18=$B$17,14,0)+IF('Standard Profiles'!$G$18=$B$24,21,0),MOD($C3202,24)+1)/SUM(INDEX($D$3:$AA$30,INDEX(Jesper!$R$2:$R$366,ROW(INDEX(Jesper!AH$2:AH$366,ROUNDDOWN($C3202/24,0)+1,1))-1)+IF('Standard Profiles'!$G$18=$B$10,7,0)+IF('Standard Profiles'!$G$18=$B$17,14,0)+IF('Standard Profiles'!$G$18=$B$24,21,0),0)),0)</f>
        <v>5.8889924001848719</v>
      </c>
      <c r="E3202" cm="1">
        <f t="array" ref="E3202">IFERROR(INDEX(Jesper!AI$2:AI$366,ROUNDDOWN($C3202/24,0)+1,1)*INDEX($D$3:$AA$30,INDEX(Jesper!$R$2:$R$366,ROW(INDEX(Jesper!AI$2:AI$366,ROUNDDOWN($C3202/24,0)+1,1))-1)+IF('Standard Profiles'!$G$19=$B$10,7,0)+IF('Standard Profiles'!$G$19=$B$17,14,0)+IF('Standard Profiles'!$G$19=$B$24,21,0),MOD($C3202,24)+1)/SUM(INDEX($D$3:$AA$30,INDEX(Jesper!$R$2:$R$366,ROW(INDEX(Jesper!AI$2:AI$366,ROUNDDOWN($C3202/24,0)+1,1))-1)+IF('Standard Profiles'!$G$19=$B$10,7,0)+IF('Standard Profiles'!$G$19=$B$17,14,0)+IF('Standard Profiles'!$G$19=$B$24,21,0),0)),0)</f>
        <v>0.9520876420136748</v>
      </c>
      <c r="F3202" cm="1">
        <f t="array" ref="F3202">IFERROR(INDEX(Jesper!AJ$2:AJ$366,ROUNDDOWN($C3202/24,0)+1,1)*INDEX($D$3:$AA$30,INDEX(Jesper!$R$2:$R$366,ROW(INDEX(Jesper!AJ$2:AJ$366,ROUNDDOWN($C3202/24,0)+1,1))-1)+IF('Standard Profiles'!$G$20=$B$10,7,0)+IF('Standard Profiles'!$G$20=$B$17,14,0)+IF('Standard Profiles'!$G$20=$B$24,21,0),MOD($C3202,24)+1)/SUM(INDEX($D$3:$AA$30,INDEX(Jesper!$R$2:$R$366,ROW(INDEX(Jesper!AJ$2:AJ$366,ROUNDDOWN($C3202/24,0)+1,1))-1)+IF('Standard Profiles'!$G$20=$B$10,7,0)+IF('Standard Profiles'!$G$20=$B$17,14,0)+IF('Standard Profiles'!$G$20=$B$24,21,0),0)),0)</f>
        <v>0</v>
      </c>
      <c r="G3202" cm="1">
        <f t="array" ref="G3202">IFERROR(INDEX(Jesper!AK$2:AK$366,ROUNDDOWN($C3202/24,0)+1,1)*INDEX($D$3:$AA$30,INDEX(Jesper!$R$2:$R$366,ROW(INDEX(Jesper!AK$2:AK$366,ROUNDDOWN($C3202/24,0)+1,1))-1)+IF('Standard Profiles'!$G$21=$B$10,7,0)+IF('Standard Profiles'!$G$21=$B$17,14,0)+IF('Standard Profiles'!$G$21=$B$24,21,0),MOD($C3202,24)+1)/SUM(INDEX($D$3:$AA$30,INDEX(Jesper!$R$2:$R$366,ROW(INDEX(Jesper!AK$2:AK$366,ROUNDDOWN($C3202/24,0)+1,1))-1)+IF('Standard Profiles'!$G$21=$B$10,7,0)+IF('Standard Profiles'!$G$21=$B$17,14,0)+IF('Standard Profiles'!$G$21=$B$24,21,0),0)),0)</f>
        <v>0</v>
      </c>
      <c r="H3202" cm="1">
        <f t="array" ref="H3202">IFERROR(INDEX(Jesper!AL$2:AL$366,ROUNDDOWN($C3202/24,0)+1,1)*INDEX($D$3:$AA$30,INDEX(Jesper!$R$2:$R$366,ROW(INDEX(Jesper!AL$2:AL$366,ROUNDDOWN($C3202/24,0)+1,1))-1)+IF('Standard Profiles'!$G$22=$B$10,7,0)+IF('Standard Profiles'!$G$22=$B$17,14,0)+IF('Standard Profiles'!$G$22=$B$24,21,0),MOD($C3202,24)+1)/SUM(INDEX($D$3:$AA$30,INDEX(Jesper!$R$2:$R$366,ROW(INDEX(Jesper!AL$2:AL$366,ROUNDDOWN($C3202/24,0)+1,1))-1)+IF('Standard Profiles'!$G$22=$B$10,7,0)+IF('Standard Profiles'!$G$22=$B$17,14,0)+IF('Standard Profiles'!$G$22=$B$24,21,0),0)),0)</f>
        <v>0</v>
      </c>
      <c r="I3202">
        <f t="shared" si="363"/>
        <v>8.5773661442673427E-2</v>
      </c>
      <c r="J3202">
        <f t="shared" si="364"/>
        <v>0.28591220480891144</v>
      </c>
      <c r="K3202">
        <f t="shared" si="365"/>
        <v>0.42886830721336722</v>
      </c>
      <c r="L3202">
        <f t="shared" si="366"/>
        <v>6.040525868733595</v>
      </c>
      <c r="M3202">
        <f t="shared" si="367"/>
        <v>0</v>
      </c>
      <c r="N3202" s="46">
        <f t="shared" si="368"/>
        <v>45423.999999992317</v>
      </c>
    </row>
    <row r="3203" spans="2:14" x14ac:dyDescent="0.3">
      <c r="B3203">
        <f t="shared" si="362"/>
        <v>7</v>
      </c>
      <c r="C3203" s="16">
        <v>3169</v>
      </c>
      <c r="D3203" cm="1">
        <f t="array" ref="D3203">IFERROR(INDEX(Jesper!AH$2:AH$366,ROUNDDOWN($C3203/24,0)+1,1)*INDEX($D$3:$AA$30,INDEX(Jesper!$R$2:$R$366,ROW(INDEX(Jesper!AH$2:AH$366,ROUNDDOWN($C3203/24,0)+1,1))-1)+IF('Standard Profiles'!$G$18=$B$10,7,0)+IF('Standard Profiles'!$G$18=$B$17,14,0)+IF('Standard Profiles'!$G$18=$B$24,21,0),MOD($C3203,24)+1)/SUM(INDEX($D$3:$AA$30,INDEX(Jesper!$R$2:$R$366,ROW(INDEX(Jesper!AH$2:AH$366,ROUNDDOWN($C3203/24,0)+1,1))-1)+IF('Standard Profiles'!$G$18=$B$10,7,0)+IF('Standard Profiles'!$G$18=$B$17,14,0)+IF('Standard Profiles'!$G$18=$B$24,21,0),0)),0)</f>
        <v>6.8388298840856576</v>
      </c>
      <c r="E3203" cm="1">
        <f t="array" ref="E3203">IFERROR(INDEX(Jesper!AI$2:AI$366,ROUNDDOWN($C3203/24,0)+1,1)*INDEX($D$3:$AA$30,INDEX(Jesper!$R$2:$R$366,ROW(INDEX(Jesper!AI$2:AI$366,ROUNDDOWN($C3203/24,0)+1,1))-1)+IF('Standard Profiles'!$G$19=$B$10,7,0)+IF('Standard Profiles'!$G$19=$B$17,14,0)+IF('Standard Profiles'!$G$19=$B$24,21,0),MOD($C3203,24)+1)/SUM(INDEX($D$3:$AA$30,INDEX(Jesper!$R$2:$R$366,ROW(INDEX(Jesper!AI$2:AI$366,ROUNDDOWN($C3203/24,0)+1,1))-1)+IF('Standard Profiles'!$G$19=$B$10,7,0)+IF('Standard Profiles'!$G$19=$B$17,14,0)+IF('Standard Profiles'!$G$19=$B$24,21,0),0)),0)</f>
        <v>1.1056501649191062</v>
      </c>
      <c r="F3203" cm="1">
        <f t="array" ref="F3203">IFERROR(INDEX(Jesper!AJ$2:AJ$366,ROUNDDOWN($C3203/24,0)+1,1)*INDEX($D$3:$AA$30,INDEX(Jesper!$R$2:$R$366,ROW(INDEX(Jesper!AJ$2:AJ$366,ROUNDDOWN($C3203/24,0)+1,1))-1)+IF('Standard Profiles'!$G$20=$B$10,7,0)+IF('Standard Profiles'!$G$20=$B$17,14,0)+IF('Standard Profiles'!$G$20=$B$24,21,0),MOD($C3203,24)+1)/SUM(INDEX($D$3:$AA$30,INDEX(Jesper!$R$2:$R$366,ROW(INDEX(Jesper!AJ$2:AJ$366,ROUNDDOWN($C3203/24,0)+1,1))-1)+IF('Standard Profiles'!$G$20=$B$10,7,0)+IF('Standard Profiles'!$G$20=$B$17,14,0)+IF('Standard Profiles'!$G$20=$B$24,21,0),0)),0)</f>
        <v>0</v>
      </c>
      <c r="G3203" cm="1">
        <f t="array" ref="G3203">IFERROR(INDEX(Jesper!AK$2:AK$366,ROUNDDOWN($C3203/24,0)+1,1)*INDEX($D$3:$AA$30,INDEX(Jesper!$R$2:$R$366,ROW(INDEX(Jesper!AK$2:AK$366,ROUNDDOWN($C3203/24,0)+1,1))-1)+IF('Standard Profiles'!$G$21=$B$10,7,0)+IF('Standard Profiles'!$G$21=$B$17,14,0)+IF('Standard Profiles'!$G$21=$B$24,21,0),MOD($C3203,24)+1)/SUM(INDEX($D$3:$AA$30,INDEX(Jesper!$R$2:$R$366,ROW(INDEX(Jesper!AK$2:AK$366,ROUNDDOWN($C3203/24,0)+1,1))-1)+IF('Standard Profiles'!$G$21=$B$10,7,0)+IF('Standard Profiles'!$G$21=$B$17,14,0)+IF('Standard Profiles'!$G$21=$B$24,21,0),0)),0)</f>
        <v>0</v>
      </c>
      <c r="H3203" cm="1">
        <f t="array" ref="H3203">IFERROR(INDEX(Jesper!AL$2:AL$366,ROUNDDOWN($C3203/24,0)+1,1)*INDEX($D$3:$AA$30,INDEX(Jesper!$R$2:$R$366,ROW(INDEX(Jesper!AL$2:AL$366,ROUNDDOWN($C3203/24,0)+1,1))-1)+IF('Standard Profiles'!$G$22=$B$10,7,0)+IF('Standard Profiles'!$G$22=$B$17,14,0)+IF('Standard Profiles'!$G$22=$B$24,21,0),MOD($C3203,24)+1)/SUM(INDEX($D$3:$AA$30,INDEX(Jesper!$R$2:$R$366,ROW(INDEX(Jesper!AL$2:AL$366,ROUNDDOWN($C3203/24,0)+1,1))-1)+IF('Standard Profiles'!$G$22=$B$10,7,0)+IF('Standard Profiles'!$G$22=$B$17,14,0)+IF('Standard Profiles'!$G$22=$B$24,21,0),0)),0)</f>
        <v>0</v>
      </c>
      <c r="I3203">
        <f t="shared" si="363"/>
        <v>9.9608122965685261E-2</v>
      </c>
      <c r="J3203">
        <f t="shared" si="364"/>
        <v>0.33202707655228425</v>
      </c>
      <c r="K3203">
        <f t="shared" si="365"/>
        <v>0.49804061482842638</v>
      </c>
      <c r="L3203">
        <f t="shared" si="366"/>
        <v>7.0148042346583681</v>
      </c>
      <c r="M3203">
        <f t="shared" si="367"/>
        <v>0</v>
      </c>
      <c r="N3203" s="46">
        <f t="shared" si="368"/>
        <v>45424.041666658981</v>
      </c>
    </row>
    <row r="3204" spans="2:14" x14ac:dyDescent="0.3">
      <c r="B3204">
        <f t="shared" si="362"/>
        <v>7</v>
      </c>
      <c r="C3204" s="16">
        <v>3170</v>
      </c>
      <c r="D3204" cm="1">
        <f t="array" ref="D3204">IFERROR(INDEX(Jesper!AH$2:AH$366,ROUNDDOWN($C3204/24,0)+1,1)*INDEX($D$3:$AA$30,INDEX(Jesper!$R$2:$R$366,ROW(INDEX(Jesper!AH$2:AH$366,ROUNDDOWN($C3204/24,0)+1,1))-1)+IF('Standard Profiles'!$G$18=$B$10,7,0)+IF('Standard Profiles'!$G$18=$B$17,14,0)+IF('Standard Profiles'!$G$18=$B$24,21,0),MOD($C3204,24)+1)/SUM(INDEX($D$3:$AA$30,INDEX(Jesper!$R$2:$R$366,ROW(INDEX(Jesper!AH$2:AH$366,ROUNDDOWN($C3204/24,0)+1,1))-1)+IF('Standard Profiles'!$G$18=$B$10,7,0)+IF('Standard Profiles'!$G$18=$B$17,14,0)+IF('Standard Profiles'!$G$18=$B$24,21,0),0)),0)</f>
        <v>6.8388298840856576</v>
      </c>
      <c r="E3204" cm="1">
        <f t="array" ref="E3204">IFERROR(INDEX(Jesper!AI$2:AI$366,ROUNDDOWN($C3204/24,0)+1,1)*INDEX($D$3:$AA$30,INDEX(Jesper!$R$2:$R$366,ROW(INDEX(Jesper!AI$2:AI$366,ROUNDDOWN($C3204/24,0)+1,1))-1)+IF('Standard Profiles'!$G$19=$B$10,7,0)+IF('Standard Profiles'!$G$19=$B$17,14,0)+IF('Standard Profiles'!$G$19=$B$24,21,0),MOD($C3204,24)+1)/SUM(INDEX($D$3:$AA$30,INDEX(Jesper!$R$2:$R$366,ROW(INDEX(Jesper!AI$2:AI$366,ROUNDDOWN($C3204/24,0)+1,1))-1)+IF('Standard Profiles'!$G$19=$B$10,7,0)+IF('Standard Profiles'!$G$19=$B$17,14,0)+IF('Standard Profiles'!$G$19=$B$24,21,0),0)),0)</f>
        <v>1.1056501649191062</v>
      </c>
      <c r="F3204" cm="1">
        <f t="array" ref="F3204">IFERROR(INDEX(Jesper!AJ$2:AJ$366,ROUNDDOWN($C3204/24,0)+1,1)*INDEX($D$3:$AA$30,INDEX(Jesper!$R$2:$R$366,ROW(INDEX(Jesper!AJ$2:AJ$366,ROUNDDOWN($C3204/24,0)+1,1))-1)+IF('Standard Profiles'!$G$20=$B$10,7,0)+IF('Standard Profiles'!$G$20=$B$17,14,0)+IF('Standard Profiles'!$G$20=$B$24,21,0),MOD($C3204,24)+1)/SUM(INDEX($D$3:$AA$30,INDEX(Jesper!$R$2:$R$366,ROW(INDEX(Jesper!AJ$2:AJ$366,ROUNDDOWN($C3204/24,0)+1,1))-1)+IF('Standard Profiles'!$G$20=$B$10,7,0)+IF('Standard Profiles'!$G$20=$B$17,14,0)+IF('Standard Profiles'!$G$20=$B$24,21,0),0)),0)</f>
        <v>0</v>
      </c>
      <c r="G3204" cm="1">
        <f t="array" ref="G3204">IFERROR(INDEX(Jesper!AK$2:AK$366,ROUNDDOWN($C3204/24,0)+1,1)*INDEX($D$3:$AA$30,INDEX(Jesper!$R$2:$R$366,ROW(INDEX(Jesper!AK$2:AK$366,ROUNDDOWN($C3204/24,0)+1,1))-1)+IF('Standard Profiles'!$G$21=$B$10,7,0)+IF('Standard Profiles'!$G$21=$B$17,14,0)+IF('Standard Profiles'!$G$21=$B$24,21,0),MOD($C3204,24)+1)/SUM(INDEX($D$3:$AA$30,INDEX(Jesper!$R$2:$R$366,ROW(INDEX(Jesper!AK$2:AK$366,ROUNDDOWN($C3204/24,0)+1,1))-1)+IF('Standard Profiles'!$G$21=$B$10,7,0)+IF('Standard Profiles'!$G$21=$B$17,14,0)+IF('Standard Profiles'!$G$21=$B$24,21,0),0)),0)</f>
        <v>0</v>
      </c>
      <c r="H3204" cm="1">
        <f t="array" ref="H3204">IFERROR(INDEX(Jesper!AL$2:AL$366,ROUNDDOWN($C3204/24,0)+1,1)*INDEX($D$3:$AA$30,INDEX(Jesper!$R$2:$R$366,ROW(INDEX(Jesper!AL$2:AL$366,ROUNDDOWN($C3204/24,0)+1,1))-1)+IF('Standard Profiles'!$G$22=$B$10,7,0)+IF('Standard Profiles'!$G$22=$B$17,14,0)+IF('Standard Profiles'!$G$22=$B$24,21,0),MOD($C3204,24)+1)/SUM(INDEX($D$3:$AA$30,INDEX(Jesper!$R$2:$R$366,ROW(INDEX(Jesper!AL$2:AL$366,ROUNDDOWN($C3204/24,0)+1,1))-1)+IF('Standard Profiles'!$G$22=$B$10,7,0)+IF('Standard Profiles'!$G$22=$B$17,14,0)+IF('Standard Profiles'!$G$22=$B$24,21,0),0)),0)</f>
        <v>0</v>
      </c>
      <c r="I3204">
        <f t="shared" si="363"/>
        <v>9.9608122965685261E-2</v>
      </c>
      <c r="J3204">
        <f t="shared" si="364"/>
        <v>0.33202707655228425</v>
      </c>
      <c r="K3204">
        <f t="shared" si="365"/>
        <v>0.49804061482842638</v>
      </c>
      <c r="L3204">
        <f t="shared" si="366"/>
        <v>7.0148042346583681</v>
      </c>
      <c r="M3204">
        <f t="shared" si="367"/>
        <v>0</v>
      </c>
      <c r="N3204" s="46">
        <f t="shared" si="368"/>
        <v>45424.083333325645</v>
      </c>
    </row>
    <row r="3205" spans="2:14" x14ac:dyDescent="0.3">
      <c r="B3205">
        <f t="shared" si="362"/>
        <v>7</v>
      </c>
      <c r="C3205" s="16">
        <v>3171</v>
      </c>
      <c r="D3205" cm="1">
        <f t="array" ref="D3205">IFERROR(INDEX(Jesper!AH$2:AH$366,ROUNDDOWN($C3205/24,0)+1,1)*INDEX($D$3:$AA$30,INDEX(Jesper!$R$2:$R$366,ROW(INDEX(Jesper!AH$2:AH$366,ROUNDDOWN($C3205/24,0)+1,1))-1)+IF('Standard Profiles'!$G$18=$B$10,7,0)+IF('Standard Profiles'!$G$18=$B$17,14,0)+IF('Standard Profiles'!$G$18=$B$24,21,0),MOD($C3205,24)+1)/SUM(INDEX($D$3:$AA$30,INDEX(Jesper!$R$2:$R$366,ROW(INDEX(Jesper!AH$2:AH$366,ROUNDDOWN($C3205/24,0)+1,1))-1)+IF('Standard Profiles'!$G$18=$B$10,7,0)+IF('Standard Profiles'!$G$18=$B$17,14,0)+IF('Standard Profiles'!$G$18=$B$24,21,0),0)),0)</f>
        <v>6.8388298840856576</v>
      </c>
      <c r="E3205" cm="1">
        <f t="array" ref="E3205">IFERROR(INDEX(Jesper!AI$2:AI$366,ROUNDDOWN($C3205/24,0)+1,1)*INDEX($D$3:$AA$30,INDEX(Jesper!$R$2:$R$366,ROW(INDEX(Jesper!AI$2:AI$366,ROUNDDOWN($C3205/24,0)+1,1))-1)+IF('Standard Profiles'!$G$19=$B$10,7,0)+IF('Standard Profiles'!$G$19=$B$17,14,0)+IF('Standard Profiles'!$G$19=$B$24,21,0),MOD($C3205,24)+1)/SUM(INDEX($D$3:$AA$30,INDEX(Jesper!$R$2:$R$366,ROW(INDEX(Jesper!AI$2:AI$366,ROUNDDOWN($C3205/24,0)+1,1))-1)+IF('Standard Profiles'!$G$19=$B$10,7,0)+IF('Standard Profiles'!$G$19=$B$17,14,0)+IF('Standard Profiles'!$G$19=$B$24,21,0),0)),0)</f>
        <v>1.1056501649191062</v>
      </c>
      <c r="F3205" cm="1">
        <f t="array" ref="F3205">IFERROR(INDEX(Jesper!AJ$2:AJ$366,ROUNDDOWN($C3205/24,0)+1,1)*INDEX($D$3:$AA$30,INDEX(Jesper!$R$2:$R$366,ROW(INDEX(Jesper!AJ$2:AJ$366,ROUNDDOWN($C3205/24,0)+1,1))-1)+IF('Standard Profiles'!$G$20=$B$10,7,0)+IF('Standard Profiles'!$G$20=$B$17,14,0)+IF('Standard Profiles'!$G$20=$B$24,21,0),MOD($C3205,24)+1)/SUM(INDEX($D$3:$AA$30,INDEX(Jesper!$R$2:$R$366,ROW(INDEX(Jesper!AJ$2:AJ$366,ROUNDDOWN($C3205/24,0)+1,1))-1)+IF('Standard Profiles'!$G$20=$B$10,7,0)+IF('Standard Profiles'!$G$20=$B$17,14,0)+IF('Standard Profiles'!$G$20=$B$24,21,0),0)),0)</f>
        <v>0</v>
      </c>
      <c r="G3205" cm="1">
        <f t="array" ref="G3205">IFERROR(INDEX(Jesper!AK$2:AK$366,ROUNDDOWN($C3205/24,0)+1,1)*INDEX($D$3:$AA$30,INDEX(Jesper!$R$2:$R$366,ROW(INDEX(Jesper!AK$2:AK$366,ROUNDDOWN($C3205/24,0)+1,1))-1)+IF('Standard Profiles'!$G$21=$B$10,7,0)+IF('Standard Profiles'!$G$21=$B$17,14,0)+IF('Standard Profiles'!$G$21=$B$24,21,0),MOD($C3205,24)+1)/SUM(INDEX($D$3:$AA$30,INDEX(Jesper!$R$2:$R$366,ROW(INDEX(Jesper!AK$2:AK$366,ROUNDDOWN($C3205/24,0)+1,1))-1)+IF('Standard Profiles'!$G$21=$B$10,7,0)+IF('Standard Profiles'!$G$21=$B$17,14,0)+IF('Standard Profiles'!$G$21=$B$24,21,0),0)),0)</f>
        <v>0</v>
      </c>
      <c r="H3205" cm="1">
        <f t="array" ref="H3205">IFERROR(INDEX(Jesper!AL$2:AL$366,ROUNDDOWN($C3205/24,0)+1,1)*INDEX($D$3:$AA$30,INDEX(Jesper!$R$2:$R$366,ROW(INDEX(Jesper!AL$2:AL$366,ROUNDDOWN($C3205/24,0)+1,1))-1)+IF('Standard Profiles'!$G$22=$B$10,7,0)+IF('Standard Profiles'!$G$22=$B$17,14,0)+IF('Standard Profiles'!$G$22=$B$24,21,0),MOD($C3205,24)+1)/SUM(INDEX($D$3:$AA$30,INDEX(Jesper!$R$2:$R$366,ROW(INDEX(Jesper!AL$2:AL$366,ROUNDDOWN($C3205/24,0)+1,1))-1)+IF('Standard Profiles'!$G$22=$B$10,7,0)+IF('Standard Profiles'!$G$22=$B$17,14,0)+IF('Standard Profiles'!$G$22=$B$24,21,0),0)),0)</f>
        <v>0</v>
      </c>
      <c r="I3205">
        <f t="shared" si="363"/>
        <v>9.9608122965685261E-2</v>
      </c>
      <c r="J3205">
        <f t="shared" si="364"/>
        <v>0.33202707655228425</v>
      </c>
      <c r="K3205">
        <f t="shared" si="365"/>
        <v>0.49804061482842638</v>
      </c>
      <c r="L3205">
        <f t="shared" si="366"/>
        <v>7.0148042346583681</v>
      </c>
      <c r="M3205">
        <f t="shared" si="367"/>
        <v>0</v>
      </c>
      <c r="N3205" s="46">
        <f t="shared" si="368"/>
        <v>45424.124999992309</v>
      </c>
    </row>
    <row r="3206" spans="2:14" x14ac:dyDescent="0.3">
      <c r="B3206">
        <f t="shared" si="362"/>
        <v>7</v>
      </c>
      <c r="C3206" s="16">
        <v>3172</v>
      </c>
      <c r="D3206" cm="1">
        <f t="array" ref="D3206">IFERROR(INDEX(Jesper!AH$2:AH$366,ROUNDDOWN($C3206/24,0)+1,1)*INDEX($D$3:$AA$30,INDEX(Jesper!$R$2:$R$366,ROW(INDEX(Jesper!AH$2:AH$366,ROUNDDOWN($C3206/24,0)+1,1))-1)+IF('Standard Profiles'!$G$18=$B$10,7,0)+IF('Standard Profiles'!$G$18=$B$17,14,0)+IF('Standard Profiles'!$G$18=$B$24,21,0),MOD($C3206,24)+1)/SUM(INDEX($D$3:$AA$30,INDEX(Jesper!$R$2:$R$366,ROW(INDEX(Jesper!AH$2:AH$366,ROUNDDOWN($C3206/24,0)+1,1))-1)+IF('Standard Profiles'!$G$18=$B$10,7,0)+IF('Standard Profiles'!$G$18=$B$17,14,0)+IF('Standard Profiles'!$G$18=$B$24,21,0),0)),0)</f>
        <v>6.8388298840856576</v>
      </c>
      <c r="E3206" cm="1">
        <f t="array" ref="E3206">IFERROR(INDEX(Jesper!AI$2:AI$366,ROUNDDOWN($C3206/24,0)+1,1)*INDEX($D$3:$AA$30,INDEX(Jesper!$R$2:$R$366,ROW(INDEX(Jesper!AI$2:AI$366,ROUNDDOWN($C3206/24,0)+1,1))-1)+IF('Standard Profiles'!$G$19=$B$10,7,0)+IF('Standard Profiles'!$G$19=$B$17,14,0)+IF('Standard Profiles'!$G$19=$B$24,21,0),MOD($C3206,24)+1)/SUM(INDEX($D$3:$AA$30,INDEX(Jesper!$R$2:$R$366,ROW(INDEX(Jesper!AI$2:AI$366,ROUNDDOWN($C3206/24,0)+1,1))-1)+IF('Standard Profiles'!$G$19=$B$10,7,0)+IF('Standard Profiles'!$G$19=$B$17,14,0)+IF('Standard Profiles'!$G$19=$B$24,21,0),0)),0)</f>
        <v>1.1056501649191062</v>
      </c>
      <c r="F3206" cm="1">
        <f t="array" ref="F3206">IFERROR(INDEX(Jesper!AJ$2:AJ$366,ROUNDDOWN($C3206/24,0)+1,1)*INDEX($D$3:$AA$30,INDEX(Jesper!$R$2:$R$366,ROW(INDEX(Jesper!AJ$2:AJ$366,ROUNDDOWN($C3206/24,0)+1,1))-1)+IF('Standard Profiles'!$G$20=$B$10,7,0)+IF('Standard Profiles'!$G$20=$B$17,14,0)+IF('Standard Profiles'!$G$20=$B$24,21,0),MOD($C3206,24)+1)/SUM(INDEX($D$3:$AA$30,INDEX(Jesper!$R$2:$R$366,ROW(INDEX(Jesper!AJ$2:AJ$366,ROUNDDOWN($C3206/24,0)+1,1))-1)+IF('Standard Profiles'!$G$20=$B$10,7,0)+IF('Standard Profiles'!$G$20=$B$17,14,0)+IF('Standard Profiles'!$G$20=$B$24,21,0),0)),0)</f>
        <v>0</v>
      </c>
      <c r="G3206" cm="1">
        <f t="array" ref="G3206">IFERROR(INDEX(Jesper!AK$2:AK$366,ROUNDDOWN($C3206/24,0)+1,1)*INDEX($D$3:$AA$30,INDEX(Jesper!$R$2:$R$366,ROW(INDEX(Jesper!AK$2:AK$366,ROUNDDOWN($C3206/24,0)+1,1))-1)+IF('Standard Profiles'!$G$21=$B$10,7,0)+IF('Standard Profiles'!$G$21=$B$17,14,0)+IF('Standard Profiles'!$G$21=$B$24,21,0),MOD($C3206,24)+1)/SUM(INDEX($D$3:$AA$30,INDEX(Jesper!$R$2:$R$366,ROW(INDEX(Jesper!AK$2:AK$366,ROUNDDOWN($C3206/24,0)+1,1))-1)+IF('Standard Profiles'!$G$21=$B$10,7,0)+IF('Standard Profiles'!$G$21=$B$17,14,0)+IF('Standard Profiles'!$G$21=$B$24,21,0),0)),0)</f>
        <v>0</v>
      </c>
      <c r="H3206" cm="1">
        <f t="array" ref="H3206">IFERROR(INDEX(Jesper!AL$2:AL$366,ROUNDDOWN($C3206/24,0)+1,1)*INDEX($D$3:$AA$30,INDEX(Jesper!$R$2:$R$366,ROW(INDEX(Jesper!AL$2:AL$366,ROUNDDOWN($C3206/24,0)+1,1))-1)+IF('Standard Profiles'!$G$22=$B$10,7,0)+IF('Standard Profiles'!$G$22=$B$17,14,0)+IF('Standard Profiles'!$G$22=$B$24,21,0),MOD($C3206,24)+1)/SUM(INDEX($D$3:$AA$30,INDEX(Jesper!$R$2:$R$366,ROW(INDEX(Jesper!AL$2:AL$366,ROUNDDOWN($C3206/24,0)+1,1))-1)+IF('Standard Profiles'!$G$22=$B$10,7,0)+IF('Standard Profiles'!$G$22=$B$17,14,0)+IF('Standard Profiles'!$G$22=$B$24,21,0),0)),0)</f>
        <v>0</v>
      </c>
      <c r="I3206">
        <f t="shared" si="363"/>
        <v>9.9608122965685261E-2</v>
      </c>
      <c r="J3206">
        <f t="shared" si="364"/>
        <v>0.33202707655228425</v>
      </c>
      <c r="K3206">
        <f t="shared" si="365"/>
        <v>0.49804061482842638</v>
      </c>
      <c r="L3206">
        <f t="shared" si="366"/>
        <v>7.0148042346583681</v>
      </c>
      <c r="M3206">
        <f t="shared" si="367"/>
        <v>0</v>
      </c>
      <c r="N3206" s="46">
        <f t="shared" si="368"/>
        <v>45424.166666658974</v>
      </c>
    </row>
    <row r="3207" spans="2:14" x14ac:dyDescent="0.3">
      <c r="B3207">
        <f t="shared" si="362"/>
        <v>7</v>
      </c>
      <c r="C3207" s="16">
        <v>3173</v>
      </c>
      <c r="D3207" cm="1">
        <f t="array" ref="D3207">IFERROR(INDEX(Jesper!AH$2:AH$366,ROUNDDOWN($C3207/24,0)+1,1)*INDEX($D$3:$AA$30,INDEX(Jesper!$R$2:$R$366,ROW(INDEX(Jesper!AH$2:AH$366,ROUNDDOWN($C3207/24,0)+1,1))-1)+IF('Standard Profiles'!$G$18=$B$10,7,0)+IF('Standard Profiles'!$G$18=$B$17,14,0)+IF('Standard Profiles'!$G$18=$B$24,21,0),MOD($C3207,24)+1)/SUM(INDEX($D$3:$AA$30,INDEX(Jesper!$R$2:$R$366,ROW(INDEX(Jesper!AH$2:AH$366,ROUNDDOWN($C3207/24,0)+1,1))-1)+IF('Standard Profiles'!$G$18=$B$10,7,0)+IF('Standard Profiles'!$G$18=$B$17,14,0)+IF('Standard Profiles'!$G$18=$B$24,21,0),0)),0)</f>
        <v>8.5485373551070722</v>
      </c>
      <c r="E3207" cm="1">
        <f t="array" ref="E3207">IFERROR(INDEX(Jesper!AI$2:AI$366,ROUNDDOWN($C3207/24,0)+1,1)*INDEX($D$3:$AA$30,INDEX(Jesper!$R$2:$R$366,ROW(INDEX(Jesper!AI$2:AI$366,ROUNDDOWN($C3207/24,0)+1,1))-1)+IF('Standard Profiles'!$G$19=$B$10,7,0)+IF('Standard Profiles'!$G$19=$B$17,14,0)+IF('Standard Profiles'!$G$19=$B$24,21,0),MOD($C3207,24)+1)/SUM(INDEX($D$3:$AA$30,INDEX(Jesper!$R$2:$R$366,ROW(INDEX(Jesper!AI$2:AI$366,ROUNDDOWN($C3207/24,0)+1,1))-1)+IF('Standard Profiles'!$G$19=$B$10,7,0)+IF('Standard Profiles'!$G$19=$B$17,14,0)+IF('Standard Profiles'!$G$19=$B$24,21,0),0)),0)</f>
        <v>1.3820627061488828</v>
      </c>
      <c r="F3207" cm="1">
        <f t="array" ref="F3207">IFERROR(INDEX(Jesper!AJ$2:AJ$366,ROUNDDOWN($C3207/24,0)+1,1)*INDEX($D$3:$AA$30,INDEX(Jesper!$R$2:$R$366,ROW(INDEX(Jesper!AJ$2:AJ$366,ROUNDDOWN($C3207/24,0)+1,1))-1)+IF('Standard Profiles'!$G$20=$B$10,7,0)+IF('Standard Profiles'!$G$20=$B$17,14,0)+IF('Standard Profiles'!$G$20=$B$24,21,0),MOD($C3207,24)+1)/SUM(INDEX($D$3:$AA$30,INDEX(Jesper!$R$2:$R$366,ROW(INDEX(Jesper!AJ$2:AJ$366,ROUNDDOWN($C3207/24,0)+1,1))-1)+IF('Standard Profiles'!$G$20=$B$10,7,0)+IF('Standard Profiles'!$G$20=$B$17,14,0)+IF('Standard Profiles'!$G$20=$B$24,21,0),0)),0)</f>
        <v>0</v>
      </c>
      <c r="G3207" cm="1">
        <f t="array" ref="G3207">IFERROR(INDEX(Jesper!AK$2:AK$366,ROUNDDOWN($C3207/24,0)+1,1)*INDEX($D$3:$AA$30,INDEX(Jesper!$R$2:$R$366,ROW(INDEX(Jesper!AK$2:AK$366,ROUNDDOWN($C3207/24,0)+1,1))-1)+IF('Standard Profiles'!$G$21=$B$10,7,0)+IF('Standard Profiles'!$G$21=$B$17,14,0)+IF('Standard Profiles'!$G$21=$B$24,21,0),MOD($C3207,24)+1)/SUM(INDEX($D$3:$AA$30,INDEX(Jesper!$R$2:$R$366,ROW(INDEX(Jesper!AK$2:AK$366,ROUNDDOWN($C3207/24,0)+1,1))-1)+IF('Standard Profiles'!$G$21=$B$10,7,0)+IF('Standard Profiles'!$G$21=$B$17,14,0)+IF('Standard Profiles'!$G$21=$B$24,21,0),0)),0)</f>
        <v>0</v>
      </c>
      <c r="H3207" cm="1">
        <f t="array" ref="H3207">IFERROR(INDEX(Jesper!AL$2:AL$366,ROUNDDOWN($C3207/24,0)+1,1)*INDEX($D$3:$AA$30,INDEX(Jesper!$R$2:$R$366,ROW(INDEX(Jesper!AL$2:AL$366,ROUNDDOWN($C3207/24,0)+1,1))-1)+IF('Standard Profiles'!$G$22=$B$10,7,0)+IF('Standard Profiles'!$G$22=$B$17,14,0)+IF('Standard Profiles'!$G$22=$B$24,21,0),MOD($C3207,24)+1)/SUM(INDEX($D$3:$AA$30,INDEX(Jesper!$R$2:$R$366,ROW(INDEX(Jesper!AL$2:AL$366,ROUNDDOWN($C3207/24,0)+1,1))-1)+IF('Standard Profiles'!$G$22=$B$10,7,0)+IF('Standard Profiles'!$G$22=$B$17,14,0)+IF('Standard Profiles'!$G$22=$B$24,21,0),0)),0)</f>
        <v>0</v>
      </c>
      <c r="I3207">
        <f t="shared" si="363"/>
        <v>0.12451015370710659</v>
      </c>
      <c r="J3207">
        <f t="shared" si="364"/>
        <v>0.41503384569035534</v>
      </c>
      <c r="K3207">
        <f t="shared" si="365"/>
        <v>0.62255076853553304</v>
      </c>
      <c r="L3207">
        <f t="shared" si="366"/>
        <v>8.7685052933229599</v>
      </c>
      <c r="M3207">
        <f t="shared" si="367"/>
        <v>0</v>
      </c>
      <c r="N3207" s="46">
        <f t="shared" si="368"/>
        <v>45424.208333325638</v>
      </c>
    </row>
    <row r="3208" spans="2:14" x14ac:dyDescent="0.3">
      <c r="B3208">
        <f t="shared" si="362"/>
        <v>7</v>
      </c>
      <c r="C3208" s="16">
        <v>3174</v>
      </c>
      <c r="D3208" cm="1">
        <f t="array" ref="D3208">IFERROR(INDEX(Jesper!AH$2:AH$366,ROUNDDOWN($C3208/24,0)+1,1)*INDEX($D$3:$AA$30,INDEX(Jesper!$R$2:$R$366,ROW(INDEX(Jesper!AH$2:AH$366,ROUNDDOWN($C3208/24,0)+1,1))-1)+IF('Standard Profiles'!$G$18=$B$10,7,0)+IF('Standard Profiles'!$G$18=$B$17,14,0)+IF('Standard Profiles'!$G$18=$B$24,21,0),MOD($C3208,24)+1)/SUM(INDEX($D$3:$AA$30,INDEX(Jesper!$R$2:$R$366,ROW(INDEX(Jesper!AH$2:AH$366,ROUNDDOWN($C3208/24,0)+1,1))-1)+IF('Standard Profiles'!$G$18=$B$10,7,0)+IF('Standard Profiles'!$G$18=$B$17,14,0)+IF('Standard Profiles'!$G$18=$B$24,21,0),0)),0)</f>
        <v>10.06827732934833</v>
      </c>
      <c r="E3208" cm="1">
        <f t="array" ref="E3208">IFERROR(INDEX(Jesper!AI$2:AI$366,ROUNDDOWN($C3208/24,0)+1,1)*INDEX($D$3:$AA$30,INDEX(Jesper!$R$2:$R$366,ROW(INDEX(Jesper!AI$2:AI$366,ROUNDDOWN($C3208/24,0)+1,1))-1)+IF('Standard Profiles'!$G$19=$B$10,7,0)+IF('Standard Profiles'!$G$19=$B$17,14,0)+IF('Standard Profiles'!$G$19=$B$24,21,0),MOD($C3208,24)+1)/SUM(INDEX($D$3:$AA$30,INDEX(Jesper!$R$2:$R$366,ROW(INDEX(Jesper!AI$2:AI$366,ROUNDDOWN($C3208/24,0)+1,1))-1)+IF('Standard Profiles'!$G$19=$B$10,7,0)+IF('Standard Profiles'!$G$19=$B$17,14,0)+IF('Standard Profiles'!$G$19=$B$24,21,0),0)),0)</f>
        <v>1.6277627427975732</v>
      </c>
      <c r="F3208" cm="1">
        <f t="array" ref="F3208">IFERROR(INDEX(Jesper!AJ$2:AJ$366,ROUNDDOWN($C3208/24,0)+1,1)*INDEX($D$3:$AA$30,INDEX(Jesper!$R$2:$R$366,ROW(INDEX(Jesper!AJ$2:AJ$366,ROUNDDOWN($C3208/24,0)+1,1))-1)+IF('Standard Profiles'!$G$20=$B$10,7,0)+IF('Standard Profiles'!$G$20=$B$17,14,0)+IF('Standard Profiles'!$G$20=$B$24,21,0),MOD($C3208,24)+1)/SUM(INDEX($D$3:$AA$30,INDEX(Jesper!$R$2:$R$366,ROW(INDEX(Jesper!AJ$2:AJ$366,ROUNDDOWN($C3208/24,0)+1,1))-1)+IF('Standard Profiles'!$G$20=$B$10,7,0)+IF('Standard Profiles'!$G$20=$B$17,14,0)+IF('Standard Profiles'!$G$20=$B$24,21,0),0)),0)</f>
        <v>0</v>
      </c>
      <c r="G3208" cm="1">
        <f t="array" ref="G3208">IFERROR(INDEX(Jesper!AK$2:AK$366,ROUNDDOWN($C3208/24,0)+1,1)*INDEX($D$3:$AA$30,INDEX(Jesper!$R$2:$R$366,ROW(INDEX(Jesper!AK$2:AK$366,ROUNDDOWN($C3208/24,0)+1,1))-1)+IF('Standard Profiles'!$G$21=$B$10,7,0)+IF('Standard Profiles'!$G$21=$B$17,14,0)+IF('Standard Profiles'!$G$21=$B$24,21,0),MOD($C3208,24)+1)/SUM(INDEX($D$3:$AA$30,INDEX(Jesper!$R$2:$R$366,ROW(INDEX(Jesper!AK$2:AK$366,ROUNDDOWN($C3208/24,0)+1,1))-1)+IF('Standard Profiles'!$G$21=$B$10,7,0)+IF('Standard Profiles'!$G$21=$B$17,14,0)+IF('Standard Profiles'!$G$21=$B$24,21,0),0)),0)</f>
        <v>0</v>
      </c>
      <c r="H3208" cm="1">
        <f t="array" ref="H3208">IFERROR(INDEX(Jesper!AL$2:AL$366,ROUNDDOWN($C3208/24,0)+1,1)*INDEX($D$3:$AA$30,INDEX(Jesper!$R$2:$R$366,ROW(INDEX(Jesper!AL$2:AL$366,ROUNDDOWN($C3208/24,0)+1,1))-1)+IF('Standard Profiles'!$G$22=$B$10,7,0)+IF('Standard Profiles'!$G$22=$B$17,14,0)+IF('Standard Profiles'!$G$22=$B$24,21,0),MOD($C3208,24)+1)/SUM(INDEX($D$3:$AA$30,INDEX(Jesper!$R$2:$R$366,ROW(INDEX(Jesper!AL$2:AL$366,ROUNDDOWN($C3208/24,0)+1,1))-1)+IF('Standard Profiles'!$G$22=$B$10,7,0)+IF('Standard Profiles'!$G$22=$B$17,14,0)+IF('Standard Profiles'!$G$22=$B$24,21,0),0)),0)</f>
        <v>0</v>
      </c>
      <c r="I3208">
        <f t="shared" si="363"/>
        <v>0.14664529214392555</v>
      </c>
      <c r="J3208">
        <f t="shared" si="364"/>
        <v>0.4888176404797519</v>
      </c>
      <c r="K3208">
        <f t="shared" si="365"/>
        <v>0.73322646071962783</v>
      </c>
      <c r="L3208">
        <f t="shared" si="366"/>
        <v>10.327350678802597</v>
      </c>
      <c r="M3208">
        <f t="shared" si="367"/>
        <v>0</v>
      </c>
      <c r="N3208" s="46">
        <f t="shared" si="368"/>
        <v>45424.249999992302</v>
      </c>
    </row>
    <row r="3209" spans="2:14" x14ac:dyDescent="0.3">
      <c r="B3209">
        <f t="shared" si="362"/>
        <v>7</v>
      </c>
      <c r="C3209" s="16">
        <v>3175</v>
      </c>
      <c r="D3209" cm="1">
        <f t="array" ref="D3209">IFERROR(INDEX(Jesper!AH$2:AH$366,ROUNDDOWN($C3209/24,0)+1,1)*INDEX($D$3:$AA$30,INDEX(Jesper!$R$2:$R$366,ROW(INDEX(Jesper!AH$2:AH$366,ROUNDDOWN($C3209/24,0)+1,1))-1)+IF('Standard Profiles'!$G$18=$B$10,7,0)+IF('Standard Profiles'!$G$18=$B$17,14,0)+IF('Standard Profiles'!$G$18=$B$24,21,0),MOD($C3209,24)+1)/SUM(INDEX($D$3:$AA$30,INDEX(Jesper!$R$2:$R$366,ROW(INDEX(Jesper!AH$2:AH$366,ROUNDDOWN($C3209/24,0)+1,1))-1)+IF('Standard Profiles'!$G$18=$B$10,7,0)+IF('Standard Profiles'!$G$18=$B$17,14,0)+IF('Standard Profiles'!$G$18=$B$24,21,0),0)),0)</f>
        <v>11.967952297149901</v>
      </c>
      <c r="E3209" cm="1">
        <f t="array" ref="E3209">IFERROR(INDEX(Jesper!AI$2:AI$366,ROUNDDOWN($C3209/24,0)+1,1)*INDEX($D$3:$AA$30,INDEX(Jesper!$R$2:$R$366,ROW(INDEX(Jesper!AI$2:AI$366,ROUNDDOWN($C3209/24,0)+1,1))-1)+IF('Standard Profiles'!$G$19=$B$10,7,0)+IF('Standard Profiles'!$G$19=$B$17,14,0)+IF('Standard Profiles'!$G$19=$B$24,21,0),MOD($C3209,24)+1)/SUM(INDEX($D$3:$AA$30,INDEX(Jesper!$R$2:$R$366,ROW(INDEX(Jesper!AI$2:AI$366,ROUNDDOWN($C3209/24,0)+1,1))-1)+IF('Standard Profiles'!$G$19=$B$10,7,0)+IF('Standard Profiles'!$G$19=$B$17,14,0)+IF('Standard Profiles'!$G$19=$B$24,21,0),0)),0)</f>
        <v>1.9348877886084359</v>
      </c>
      <c r="F3209" cm="1">
        <f t="array" ref="F3209">IFERROR(INDEX(Jesper!AJ$2:AJ$366,ROUNDDOWN($C3209/24,0)+1,1)*INDEX($D$3:$AA$30,INDEX(Jesper!$R$2:$R$366,ROW(INDEX(Jesper!AJ$2:AJ$366,ROUNDDOWN($C3209/24,0)+1,1))-1)+IF('Standard Profiles'!$G$20=$B$10,7,0)+IF('Standard Profiles'!$G$20=$B$17,14,0)+IF('Standard Profiles'!$G$20=$B$24,21,0),MOD($C3209,24)+1)/SUM(INDEX($D$3:$AA$30,INDEX(Jesper!$R$2:$R$366,ROW(INDEX(Jesper!AJ$2:AJ$366,ROUNDDOWN($C3209/24,0)+1,1))-1)+IF('Standard Profiles'!$G$20=$B$10,7,0)+IF('Standard Profiles'!$G$20=$B$17,14,0)+IF('Standard Profiles'!$G$20=$B$24,21,0),0)),0)</f>
        <v>0</v>
      </c>
      <c r="G3209" cm="1">
        <f t="array" ref="G3209">IFERROR(INDEX(Jesper!AK$2:AK$366,ROUNDDOWN($C3209/24,0)+1,1)*INDEX($D$3:$AA$30,INDEX(Jesper!$R$2:$R$366,ROW(INDEX(Jesper!AK$2:AK$366,ROUNDDOWN($C3209/24,0)+1,1))-1)+IF('Standard Profiles'!$G$21=$B$10,7,0)+IF('Standard Profiles'!$G$21=$B$17,14,0)+IF('Standard Profiles'!$G$21=$B$24,21,0),MOD($C3209,24)+1)/SUM(INDEX($D$3:$AA$30,INDEX(Jesper!$R$2:$R$366,ROW(INDEX(Jesper!AK$2:AK$366,ROUNDDOWN($C3209/24,0)+1,1))-1)+IF('Standard Profiles'!$G$21=$B$10,7,0)+IF('Standard Profiles'!$G$21=$B$17,14,0)+IF('Standard Profiles'!$G$21=$B$24,21,0),0)),0)</f>
        <v>0</v>
      </c>
      <c r="H3209" cm="1">
        <f t="array" ref="H3209">IFERROR(INDEX(Jesper!AL$2:AL$366,ROUNDDOWN($C3209/24,0)+1,1)*INDEX($D$3:$AA$30,INDEX(Jesper!$R$2:$R$366,ROW(INDEX(Jesper!AL$2:AL$366,ROUNDDOWN($C3209/24,0)+1,1))-1)+IF('Standard Profiles'!$G$22=$B$10,7,0)+IF('Standard Profiles'!$G$22=$B$17,14,0)+IF('Standard Profiles'!$G$22=$B$24,21,0),MOD($C3209,24)+1)/SUM(INDEX($D$3:$AA$30,INDEX(Jesper!$R$2:$R$366,ROW(INDEX(Jesper!AL$2:AL$366,ROUNDDOWN($C3209/24,0)+1,1))-1)+IF('Standard Profiles'!$G$22=$B$10,7,0)+IF('Standard Profiles'!$G$22=$B$17,14,0)+IF('Standard Profiles'!$G$22=$B$24,21,0),0)),0)</f>
        <v>0</v>
      </c>
      <c r="I3209">
        <f t="shared" si="363"/>
        <v>0.17431421518994922</v>
      </c>
      <c r="J3209">
        <f t="shared" si="364"/>
        <v>0.58104738396649747</v>
      </c>
      <c r="K3209">
        <f t="shared" si="365"/>
        <v>0.87157107594974625</v>
      </c>
      <c r="L3209">
        <f t="shared" si="366"/>
        <v>12.275907410652145</v>
      </c>
      <c r="M3209">
        <f t="shared" si="367"/>
        <v>0</v>
      </c>
      <c r="N3209" s="46">
        <f t="shared" si="368"/>
        <v>45424.291666658966</v>
      </c>
    </row>
    <row r="3210" spans="2:14" x14ac:dyDescent="0.3">
      <c r="B3210">
        <f t="shared" si="362"/>
        <v>7</v>
      </c>
      <c r="C3210" s="16">
        <v>3176</v>
      </c>
      <c r="D3210" cm="1">
        <f t="array" ref="D3210">IFERROR(INDEX(Jesper!AH$2:AH$366,ROUNDDOWN($C3210/24,0)+1,1)*INDEX($D$3:$AA$30,INDEX(Jesper!$R$2:$R$366,ROW(INDEX(Jesper!AH$2:AH$366,ROUNDDOWN($C3210/24,0)+1,1))-1)+IF('Standard Profiles'!$G$18=$B$10,7,0)+IF('Standard Profiles'!$G$18=$B$17,14,0)+IF('Standard Profiles'!$G$18=$B$24,21,0),MOD($C3210,24)+1)/SUM(INDEX($D$3:$AA$30,INDEX(Jesper!$R$2:$R$366,ROW(INDEX(Jesper!AH$2:AH$366,ROUNDDOWN($C3210/24,0)+1,1))-1)+IF('Standard Profiles'!$G$18=$B$10,7,0)+IF('Standard Profiles'!$G$18=$B$17,14,0)+IF('Standard Profiles'!$G$18=$B$24,21,0),0)),0)</f>
        <v>11.967952297149901</v>
      </c>
      <c r="E3210" cm="1">
        <f t="array" ref="E3210">IFERROR(INDEX(Jesper!AI$2:AI$366,ROUNDDOWN($C3210/24,0)+1,1)*INDEX($D$3:$AA$30,INDEX(Jesper!$R$2:$R$366,ROW(INDEX(Jesper!AI$2:AI$366,ROUNDDOWN($C3210/24,0)+1,1))-1)+IF('Standard Profiles'!$G$19=$B$10,7,0)+IF('Standard Profiles'!$G$19=$B$17,14,0)+IF('Standard Profiles'!$G$19=$B$24,21,0),MOD($C3210,24)+1)/SUM(INDEX($D$3:$AA$30,INDEX(Jesper!$R$2:$R$366,ROW(INDEX(Jesper!AI$2:AI$366,ROUNDDOWN($C3210/24,0)+1,1))-1)+IF('Standard Profiles'!$G$19=$B$10,7,0)+IF('Standard Profiles'!$G$19=$B$17,14,0)+IF('Standard Profiles'!$G$19=$B$24,21,0),0)),0)</f>
        <v>1.9348877886084359</v>
      </c>
      <c r="F3210" cm="1">
        <f t="array" ref="F3210">IFERROR(INDEX(Jesper!AJ$2:AJ$366,ROUNDDOWN($C3210/24,0)+1,1)*INDEX($D$3:$AA$30,INDEX(Jesper!$R$2:$R$366,ROW(INDEX(Jesper!AJ$2:AJ$366,ROUNDDOWN($C3210/24,0)+1,1))-1)+IF('Standard Profiles'!$G$20=$B$10,7,0)+IF('Standard Profiles'!$G$20=$B$17,14,0)+IF('Standard Profiles'!$G$20=$B$24,21,0),MOD($C3210,24)+1)/SUM(INDEX($D$3:$AA$30,INDEX(Jesper!$R$2:$R$366,ROW(INDEX(Jesper!AJ$2:AJ$366,ROUNDDOWN($C3210/24,0)+1,1))-1)+IF('Standard Profiles'!$G$20=$B$10,7,0)+IF('Standard Profiles'!$G$20=$B$17,14,0)+IF('Standard Profiles'!$G$20=$B$24,21,0),0)),0)</f>
        <v>0</v>
      </c>
      <c r="G3210" cm="1">
        <f t="array" ref="G3210">IFERROR(INDEX(Jesper!AK$2:AK$366,ROUNDDOWN($C3210/24,0)+1,1)*INDEX($D$3:$AA$30,INDEX(Jesper!$R$2:$R$366,ROW(INDEX(Jesper!AK$2:AK$366,ROUNDDOWN($C3210/24,0)+1,1))-1)+IF('Standard Profiles'!$G$21=$B$10,7,0)+IF('Standard Profiles'!$G$21=$B$17,14,0)+IF('Standard Profiles'!$G$21=$B$24,21,0),MOD($C3210,24)+1)/SUM(INDEX($D$3:$AA$30,INDEX(Jesper!$R$2:$R$366,ROW(INDEX(Jesper!AK$2:AK$366,ROUNDDOWN($C3210/24,0)+1,1))-1)+IF('Standard Profiles'!$G$21=$B$10,7,0)+IF('Standard Profiles'!$G$21=$B$17,14,0)+IF('Standard Profiles'!$G$21=$B$24,21,0),0)),0)</f>
        <v>0</v>
      </c>
      <c r="H3210" cm="1">
        <f t="array" ref="H3210">IFERROR(INDEX(Jesper!AL$2:AL$366,ROUNDDOWN($C3210/24,0)+1,1)*INDEX($D$3:$AA$30,INDEX(Jesper!$R$2:$R$366,ROW(INDEX(Jesper!AL$2:AL$366,ROUNDDOWN($C3210/24,0)+1,1))-1)+IF('Standard Profiles'!$G$22=$B$10,7,0)+IF('Standard Profiles'!$G$22=$B$17,14,0)+IF('Standard Profiles'!$G$22=$B$24,21,0),MOD($C3210,24)+1)/SUM(INDEX($D$3:$AA$30,INDEX(Jesper!$R$2:$R$366,ROW(INDEX(Jesper!AL$2:AL$366,ROUNDDOWN($C3210/24,0)+1,1))-1)+IF('Standard Profiles'!$G$22=$B$10,7,0)+IF('Standard Profiles'!$G$22=$B$17,14,0)+IF('Standard Profiles'!$G$22=$B$24,21,0),0)),0)</f>
        <v>0</v>
      </c>
      <c r="I3210">
        <f t="shared" si="363"/>
        <v>0.17431421518994922</v>
      </c>
      <c r="J3210">
        <f t="shared" si="364"/>
        <v>0.58104738396649747</v>
      </c>
      <c r="K3210">
        <f t="shared" si="365"/>
        <v>0.87157107594974625</v>
      </c>
      <c r="L3210">
        <f t="shared" si="366"/>
        <v>12.275907410652145</v>
      </c>
      <c r="M3210">
        <f t="shared" si="367"/>
        <v>0</v>
      </c>
      <c r="N3210" s="46">
        <f t="shared" si="368"/>
        <v>45424.333333325631</v>
      </c>
    </row>
    <row r="3211" spans="2:14" x14ac:dyDescent="0.3">
      <c r="B3211">
        <f t="shared" si="362"/>
        <v>7</v>
      </c>
      <c r="C3211" s="16">
        <v>3177</v>
      </c>
      <c r="D3211" cm="1">
        <f t="array" ref="D3211">IFERROR(INDEX(Jesper!AH$2:AH$366,ROUNDDOWN($C3211/24,0)+1,1)*INDEX($D$3:$AA$30,INDEX(Jesper!$R$2:$R$366,ROW(INDEX(Jesper!AH$2:AH$366,ROUNDDOWN($C3211/24,0)+1,1))-1)+IF('Standard Profiles'!$G$18=$B$10,7,0)+IF('Standard Profiles'!$G$18=$B$17,14,0)+IF('Standard Profiles'!$G$18=$B$24,21,0),MOD($C3211,24)+1)/SUM(INDEX($D$3:$AA$30,INDEX(Jesper!$R$2:$R$366,ROW(INDEX(Jesper!AH$2:AH$366,ROUNDDOWN($C3211/24,0)+1,1))-1)+IF('Standard Profiles'!$G$18=$B$10,7,0)+IF('Standard Profiles'!$G$18=$B$17,14,0)+IF('Standard Profiles'!$G$18=$B$24,21,0),0)),0)</f>
        <v>11.967952297149901</v>
      </c>
      <c r="E3211" cm="1">
        <f t="array" ref="E3211">IFERROR(INDEX(Jesper!AI$2:AI$366,ROUNDDOWN($C3211/24,0)+1,1)*INDEX($D$3:$AA$30,INDEX(Jesper!$R$2:$R$366,ROW(INDEX(Jesper!AI$2:AI$366,ROUNDDOWN($C3211/24,0)+1,1))-1)+IF('Standard Profiles'!$G$19=$B$10,7,0)+IF('Standard Profiles'!$G$19=$B$17,14,0)+IF('Standard Profiles'!$G$19=$B$24,21,0),MOD($C3211,24)+1)/SUM(INDEX($D$3:$AA$30,INDEX(Jesper!$R$2:$R$366,ROW(INDEX(Jesper!AI$2:AI$366,ROUNDDOWN($C3211/24,0)+1,1))-1)+IF('Standard Profiles'!$G$19=$B$10,7,0)+IF('Standard Profiles'!$G$19=$B$17,14,0)+IF('Standard Profiles'!$G$19=$B$24,21,0),0)),0)</f>
        <v>1.9348877886084359</v>
      </c>
      <c r="F3211" cm="1">
        <f t="array" ref="F3211">IFERROR(INDEX(Jesper!AJ$2:AJ$366,ROUNDDOWN($C3211/24,0)+1,1)*INDEX($D$3:$AA$30,INDEX(Jesper!$R$2:$R$366,ROW(INDEX(Jesper!AJ$2:AJ$366,ROUNDDOWN($C3211/24,0)+1,1))-1)+IF('Standard Profiles'!$G$20=$B$10,7,0)+IF('Standard Profiles'!$G$20=$B$17,14,0)+IF('Standard Profiles'!$G$20=$B$24,21,0),MOD($C3211,24)+1)/SUM(INDEX($D$3:$AA$30,INDEX(Jesper!$R$2:$R$366,ROW(INDEX(Jesper!AJ$2:AJ$366,ROUNDDOWN($C3211/24,0)+1,1))-1)+IF('Standard Profiles'!$G$20=$B$10,7,0)+IF('Standard Profiles'!$G$20=$B$17,14,0)+IF('Standard Profiles'!$G$20=$B$24,21,0),0)),0)</f>
        <v>0</v>
      </c>
      <c r="G3211" cm="1">
        <f t="array" ref="G3211">IFERROR(INDEX(Jesper!AK$2:AK$366,ROUNDDOWN($C3211/24,0)+1,1)*INDEX($D$3:$AA$30,INDEX(Jesper!$R$2:$R$366,ROW(INDEX(Jesper!AK$2:AK$366,ROUNDDOWN($C3211/24,0)+1,1))-1)+IF('Standard Profiles'!$G$21=$B$10,7,0)+IF('Standard Profiles'!$G$21=$B$17,14,0)+IF('Standard Profiles'!$G$21=$B$24,21,0),MOD($C3211,24)+1)/SUM(INDEX($D$3:$AA$30,INDEX(Jesper!$R$2:$R$366,ROW(INDEX(Jesper!AK$2:AK$366,ROUNDDOWN($C3211/24,0)+1,1))-1)+IF('Standard Profiles'!$G$21=$B$10,7,0)+IF('Standard Profiles'!$G$21=$B$17,14,0)+IF('Standard Profiles'!$G$21=$B$24,21,0),0)),0)</f>
        <v>0</v>
      </c>
      <c r="H3211" cm="1">
        <f t="array" ref="H3211">IFERROR(INDEX(Jesper!AL$2:AL$366,ROUNDDOWN($C3211/24,0)+1,1)*INDEX($D$3:$AA$30,INDEX(Jesper!$R$2:$R$366,ROW(INDEX(Jesper!AL$2:AL$366,ROUNDDOWN($C3211/24,0)+1,1))-1)+IF('Standard Profiles'!$G$22=$B$10,7,0)+IF('Standard Profiles'!$G$22=$B$17,14,0)+IF('Standard Profiles'!$G$22=$B$24,21,0),MOD($C3211,24)+1)/SUM(INDEX($D$3:$AA$30,INDEX(Jesper!$R$2:$R$366,ROW(INDEX(Jesper!AL$2:AL$366,ROUNDDOWN($C3211/24,0)+1,1))-1)+IF('Standard Profiles'!$G$22=$B$10,7,0)+IF('Standard Profiles'!$G$22=$B$17,14,0)+IF('Standard Profiles'!$G$22=$B$24,21,0),0)),0)</f>
        <v>0</v>
      </c>
      <c r="I3211">
        <f t="shared" si="363"/>
        <v>0.17431421518994922</v>
      </c>
      <c r="J3211">
        <f t="shared" si="364"/>
        <v>0.58104738396649747</v>
      </c>
      <c r="K3211">
        <f t="shared" si="365"/>
        <v>0.87157107594974625</v>
      </c>
      <c r="L3211">
        <f t="shared" si="366"/>
        <v>12.275907410652145</v>
      </c>
      <c r="M3211">
        <f t="shared" si="367"/>
        <v>0</v>
      </c>
      <c r="N3211" s="46">
        <f t="shared" si="368"/>
        <v>45424.374999992295</v>
      </c>
    </row>
    <row r="3212" spans="2:14" x14ac:dyDescent="0.3">
      <c r="B3212">
        <f t="shared" si="362"/>
        <v>7</v>
      </c>
      <c r="C3212" s="16">
        <v>3178</v>
      </c>
      <c r="D3212" cm="1">
        <f t="array" ref="D3212">IFERROR(INDEX(Jesper!AH$2:AH$366,ROUNDDOWN($C3212/24,0)+1,1)*INDEX($D$3:$AA$30,INDEX(Jesper!$R$2:$R$366,ROW(INDEX(Jesper!AH$2:AH$366,ROUNDDOWN($C3212/24,0)+1,1))-1)+IF('Standard Profiles'!$G$18=$B$10,7,0)+IF('Standard Profiles'!$G$18=$B$17,14,0)+IF('Standard Profiles'!$G$18=$B$24,21,0),MOD($C3212,24)+1)/SUM(INDEX($D$3:$AA$30,INDEX(Jesper!$R$2:$R$366,ROW(INDEX(Jesper!AH$2:AH$366,ROUNDDOWN($C3212/24,0)+1,1))-1)+IF('Standard Profiles'!$G$18=$B$10,7,0)+IF('Standard Profiles'!$G$18=$B$17,14,0)+IF('Standard Profiles'!$G$18=$B$24,21,0),0)),0)</f>
        <v>11.967952297149901</v>
      </c>
      <c r="E3212" cm="1">
        <f t="array" ref="E3212">IFERROR(INDEX(Jesper!AI$2:AI$366,ROUNDDOWN($C3212/24,0)+1,1)*INDEX($D$3:$AA$30,INDEX(Jesper!$R$2:$R$366,ROW(INDEX(Jesper!AI$2:AI$366,ROUNDDOWN($C3212/24,0)+1,1))-1)+IF('Standard Profiles'!$G$19=$B$10,7,0)+IF('Standard Profiles'!$G$19=$B$17,14,0)+IF('Standard Profiles'!$G$19=$B$24,21,0),MOD($C3212,24)+1)/SUM(INDEX($D$3:$AA$30,INDEX(Jesper!$R$2:$R$366,ROW(INDEX(Jesper!AI$2:AI$366,ROUNDDOWN($C3212/24,0)+1,1))-1)+IF('Standard Profiles'!$G$19=$B$10,7,0)+IF('Standard Profiles'!$G$19=$B$17,14,0)+IF('Standard Profiles'!$G$19=$B$24,21,0),0)),0)</f>
        <v>1.9348877886084359</v>
      </c>
      <c r="F3212" cm="1">
        <f t="array" ref="F3212">IFERROR(INDEX(Jesper!AJ$2:AJ$366,ROUNDDOWN($C3212/24,0)+1,1)*INDEX($D$3:$AA$30,INDEX(Jesper!$R$2:$R$366,ROW(INDEX(Jesper!AJ$2:AJ$366,ROUNDDOWN($C3212/24,0)+1,1))-1)+IF('Standard Profiles'!$G$20=$B$10,7,0)+IF('Standard Profiles'!$G$20=$B$17,14,0)+IF('Standard Profiles'!$G$20=$B$24,21,0),MOD($C3212,24)+1)/SUM(INDEX($D$3:$AA$30,INDEX(Jesper!$R$2:$R$366,ROW(INDEX(Jesper!AJ$2:AJ$366,ROUNDDOWN($C3212/24,0)+1,1))-1)+IF('Standard Profiles'!$G$20=$B$10,7,0)+IF('Standard Profiles'!$G$20=$B$17,14,0)+IF('Standard Profiles'!$G$20=$B$24,21,0),0)),0)</f>
        <v>0</v>
      </c>
      <c r="G3212" cm="1">
        <f t="array" ref="G3212">IFERROR(INDEX(Jesper!AK$2:AK$366,ROUNDDOWN($C3212/24,0)+1,1)*INDEX($D$3:$AA$30,INDEX(Jesper!$R$2:$R$366,ROW(INDEX(Jesper!AK$2:AK$366,ROUNDDOWN($C3212/24,0)+1,1))-1)+IF('Standard Profiles'!$G$21=$B$10,7,0)+IF('Standard Profiles'!$G$21=$B$17,14,0)+IF('Standard Profiles'!$G$21=$B$24,21,0),MOD($C3212,24)+1)/SUM(INDEX($D$3:$AA$30,INDEX(Jesper!$R$2:$R$366,ROW(INDEX(Jesper!AK$2:AK$366,ROUNDDOWN($C3212/24,0)+1,1))-1)+IF('Standard Profiles'!$G$21=$B$10,7,0)+IF('Standard Profiles'!$G$21=$B$17,14,0)+IF('Standard Profiles'!$G$21=$B$24,21,0),0)),0)</f>
        <v>0</v>
      </c>
      <c r="H3212" cm="1">
        <f t="array" ref="H3212">IFERROR(INDEX(Jesper!AL$2:AL$366,ROUNDDOWN($C3212/24,0)+1,1)*INDEX($D$3:$AA$30,INDEX(Jesper!$R$2:$R$366,ROW(INDEX(Jesper!AL$2:AL$366,ROUNDDOWN($C3212/24,0)+1,1))-1)+IF('Standard Profiles'!$G$22=$B$10,7,0)+IF('Standard Profiles'!$G$22=$B$17,14,0)+IF('Standard Profiles'!$G$22=$B$24,21,0),MOD($C3212,24)+1)/SUM(INDEX($D$3:$AA$30,INDEX(Jesper!$R$2:$R$366,ROW(INDEX(Jesper!AL$2:AL$366,ROUNDDOWN($C3212/24,0)+1,1))-1)+IF('Standard Profiles'!$G$22=$B$10,7,0)+IF('Standard Profiles'!$G$22=$B$17,14,0)+IF('Standard Profiles'!$G$22=$B$24,21,0),0)),0)</f>
        <v>0</v>
      </c>
      <c r="I3212">
        <f t="shared" si="363"/>
        <v>0.17431421518994922</v>
      </c>
      <c r="J3212">
        <f t="shared" si="364"/>
        <v>0.58104738396649747</v>
      </c>
      <c r="K3212">
        <f t="shared" si="365"/>
        <v>0.87157107594974625</v>
      </c>
      <c r="L3212">
        <f t="shared" si="366"/>
        <v>12.275907410652145</v>
      </c>
      <c r="M3212">
        <f t="shared" si="367"/>
        <v>0</v>
      </c>
      <c r="N3212" s="46">
        <f t="shared" si="368"/>
        <v>45424.416666658959</v>
      </c>
    </row>
    <row r="3213" spans="2:14" x14ac:dyDescent="0.3">
      <c r="B3213">
        <f t="shared" si="362"/>
        <v>7</v>
      </c>
      <c r="C3213" s="16">
        <v>3179</v>
      </c>
      <c r="D3213" cm="1">
        <f t="array" ref="D3213">IFERROR(INDEX(Jesper!AH$2:AH$366,ROUNDDOWN($C3213/24,0)+1,1)*INDEX($D$3:$AA$30,INDEX(Jesper!$R$2:$R$366,ROW(INDEX(Jesper!AH$2:AH$366,ROUNDDOWN($C3213/24,0)+1,1))-1)+IF('Standard Profiles'!$G$18=$B$10,7,0)+IF('Standard Profiles'!$G$18=$B$17,14,0)+IF('Standard Profiles'!$G$18=$B$24,21,0),MOD($C3213,24)+1)/SUM(INDEX($D$3:$AA$30,INDEX(Jesper!$R$2:$R$366,ROW(INDEX(Jesper!AH$2:AH$366,ROUNDDOWN($C3213/24,0)+1,1))-1)+IF('Standard Profiles'!$G$18=$B$10,7,0)+IF('Standard Profiles'!$G$18=$B$17,14,0)+IF('Standard Profiles'!$G$18=$B$24,21,0),0)),0)</f>
        <v>11.967952297149901</v>
      </c>
      <c r="E3213" cm="1">
        <f t="array" ref="E3213">IFERROR(INDEX(Jesper!AI$2:AI$366,ROUNDDOWN($C3213/24,0)+1,1)*INDEX($D$3:$AA$30,INDEX(Jesper!$R$2:$R$366,ROW(INDEX(Jesper!AI$2:AI$366,ROUNDDOWN($C3213/24,0)+1,1))-1)+IF('Standard Profiles'!$G$19=$B$10,7,0)+IF('Standard Profiles'!$G$19=$B$17,14,0)+IF('Standard Profiles'!$G$19=$B$24,21,0),MOD($C3213,24)+1)/SUM(INDEX($D$3:$AA$30,INDEX(Jesper!$R$2:$R$366,ROW(INDEX(Jesper!AI$2:AI$366,ROUNDDOWN($C3213/24,0)+1,1))-1)+IF('Standard Profiles'!$G$19=$B$10,7,0)+IF('Standard Profiles'!$G$19=$B$17,14,0)+IF('Standard Profiles'!$G$19=$B$24,21,0),0)),0)</f>
        <v>1.9348877886084359</v>
      </c>
      <c r="F3213" cm="1">
        <f t="array" ref="F3213">IFERROR(INDEX(Jesper!AJ$2:AJ$366,ROUNDDOWN($C3213/24,0)+1,1)*INDEX($D$3:$AA$30,INDEX(Jesper!$R$2:$R$366,ROW(INDEX(Jesper!AJ$2:AJ$366,ROUNDDOWN($C3213/24,0)+1,1))-1)+IF('Standard Profiles'!$G$20=$B$10,7,0)+IF('Standard Profiles'!$G$20=$B$17,14,0)+IF('Standard Profiles'!$G$20=$B$24,21,0),MOD($C3213,24)+1)/SUM(INDEX($D$3:$AA$30,INDEX(Jesper!$R$2:$R$366,ROW(INDEX(Jesper!AJ$2:AJ$366,ROUNDDOWN($C3213/24,0)+1,1))-1)+IF('Standard Profiles'!$G$20=$B$10,7,0)+IF('Standard Profiles'!$G$20=$B$17,14,0)+IF('Standard Profiles'!$G$20=$B$24,21,0),0)),0)</f>
        <v>0</v>
      </c>
      <c r="G3213" cm="1">
        <f t="array" ref="G3213">IFERROR(INDEX(Jesper!AK$2:AK$366,ROUNDDOWN($C3213/24,0)+1,1)*INDEX($D$3:$AA$30,INDEX(Jesper!$R$2:$R$366,ROW(INDEX(Jesper!AK$2:AK$366,ROUNDDOWN($C3213/24,0)+1,1))-1)+IF('Standard Profiles'!$G$21=$B$10,7,0)+IF('Standard Profiles'!$G$21=$B$17,14,0)+IF('Standard Profiles'!$G$21=$B$24,21,0),MOD($C3213,24)+1)/SUM(INDEX($D$3:$AA$30,INDEX(Jesper!$R$2:$R$366,ROW(INDEX(Jesper!AK$2:AK$366,ROUNDDOWN($C3213/24,0)+1,1))-1)+IF('Standard Profiles'!$G$21=$B$10,7,0)+IF('Standard Profiles'!$G$21=$B$17,14,0)+IF('Standard Profiles'!$G$21=$B$24,21,0),0)),0)</f>
        <v>0</v>
      </c>
      <c r="H3213" cm="1">
        <f t="array" ref="H3213">IFERROR(INDEX(Jesper!AL$2:AL$366,ROUNDDOWN($C3213/24,0)+1,1)*INDEX($D$3:$AA$30,INDEX(Jesper!$R$2:$R$366,ROW(INDEX(Jesper!AL$2:AL$366,ROUNDDOWN($C3213/24,0)+1,1))-1)+IF('Standard Profiles'!$G$22=$B$10,7,0)+IF('Standard Profiles'!$G$22=$B$17,14,0)+IF('Standard Profiles'!$G$22=$B$24,21,0),MOD($C3213,24)+1)/SUM(INDEX($D$3:$AA$30,INDEX(Jesper!$R$2:$R$366,ROW(INDEX(Jesper!AL$2:AL$366,ROUNDDOWN($C3213/24,0)+1,1))-1)+IF('Standard Profiles'!$G$22=$B$10,7,0)+IF('Standard Profiles'!$G$22=$B$17,14,0)+IF('Standard Profiles'!$G$22=$B$24,21,0),0)),0)</f>
        <v>0</v>
      </c>
      <c r="I3213">
        <f t="shared" si="363"/>
        <v>0.17431421518994922</v>
      </c>
      <c r="J3213">
        <f t="shared" si="364"/>
        <v>0.58104738396649747</v>
      </c>
      <c r="K3213">
        <f t="shared" si="365"/>
        <v>0.87157107594974625</v>
      </c>
      <c r="L3213">
        <f t="shared" si="366"/>
        <v>12.275907410652145</v>
      </c>
      <c r="M3213">
        <f t="shared" si="367"/>
        <v>0</v>
      </c>
      <c r="N3213" s="46">
        <f t="shared" si="368"/>
        <v>45424.458333325623</v>
      </c>
    </row>
    <row r="3214" spans="2:14" x14ac:dyDescent="0.3">
      <c r="B3214">
        <f t="shared" si="362"/>
        <v>7</v>
      </c>
      <c r="C3214" s="16">
        <v>3180</v>
      </c>
      <c r="D3214" cm="1">
        <f t="array" ref="D3214">IFERROR(INDEX(Jesper!AH$2:AH$366,ROUNDDOWN($C3214/24,0)+1,1)*INDEX($D$3:$AA$30,INDEX(Jesper!$R$2:$R$366,ROW(INDEX(Jesper!AH$2:AH$366,ROUNDDOWN($C3214/24,0)+1,1))-1)+IF('Standard Profiles'!$G$18=$B$10,7,0)+IF('Standard Profiles'!$G$18=$B$17,14,0)+IF('Standard Profiles'!$G$18=$B$24,21,0),MOD($C3214,24)+1)/SUM(INDEX($D$3:$AA$30,INDEX(Jesper!$R$2:$R$366,ROW(INDEX(Jesper!AH$2:AH$366,ROUNDDOWN($C3214/24,0)+1,1))-1)+IF('Standard Profiles'!$G$18=$B$10,7,0)+IF('Standard Profiles'!$G$18=$B$17,14,0)+IF('Standard Profiles'!$G$18=$B$24,21,0),0)),0)</f>
        <v>11.967952297149901</v>
      </c>
      <c r="E3214" cm="1">
        <f t="array" ref="E3214">IFERROR(INDEX(Jesper!AI$2:AI$366,ROUNDDOWN($C3214/24,0)+1,1)*INDEX($D$3:$AA$30,INDEX(Jesper!$R$2:$R$366,ROW(INDEX(Jesper!AI$2:AI$366,ROUNDDOWN($C3214/24,0)+1,1))-1)+IF('Standard Profiles'!$G$19=$B$10,7,0)+IF('Standard Profiles'!$G$19=$B$17,14,0)+IF('Standard Profiles'!$G$19=$B$24,21,0),MOD($C3214,24)+1)/SUM(INDEX($D$3:$AA$30,INDEX(Jesper!$R$2:$R$366,ROW(INDEX(Jesper!AI$2:AI$366,ROUNDDOWN($C3214/24,0)+1,1))-1)+IF('Standard Profiles'!$G$19=$B$10,7,0)+IF('Standard Profiles'!$G$19=$B$17,14,0)+IF('Standard Profiles'!$G$19=$B$24,21,0),0)),0)</f>
        <v>1.9348877886084359</v>
      </c>
      <c r="F3214" cm="1">
        <f t="array" ref="F3214">IFERROR(INDEX(Jesper!AJ$2:AJ$366,ROUNDDOWN($C3214/24,0)+1,1)*INDEX($D$3:$AA$30,INDEX(Jesper!$R$2:$R$366,ROW(INDEX(Jesper!AJ$2:AJ$366,ROUNDDOWN($C3214/24,0)+1,1))-1)+IF('Standard Profiles'!$G$20=$B$10,7,0)+IF('Standard Profiles'!$G$20=$B$17,14,0)+IF('Standard Profiles'!$G$20=$B$24,21,0),MOD($C3214,24)+1)/SUM(INDEX($D$3:$AA$30,INDEX(Jesper!$R$2:$R$366,ROW(INDEX(Jesper!AJ$2:AJ$366,ROUNDDOWN($C3214/24,0)+1,1))-1)+IF('Standard Profiles'!$G$20=$B$10,7,0)+IF('Standard Profiles'!$G$20=$B$17,14,0)+IF('Standard Profiles'!$G$20=$B$24,21,0),0)),0)</f>
        <v>0</v>
      </c>
      <c r="G3214" cm="1">
        <f t="array" ref="G3214">IFERROR(INDEX(Jesper!AK$2:AK$366,ROUNDDOWN($C3214/24,0)+1,1)*INDEX($D$3:$AA$30,INDEX(Jesper!$R$2:$R$366,ROW(INDEX(Jesper!AK$2:AK$366,ROUNDDOWN($C3214/24,0)+1,1))-1)+IF('Standard Profiles'!$G$21=$B$10,7,0)+IF('Standard Profiles'!$G$21=$B$17,14,0)+IF('Standard Profiles'!$G$21=$B$24,21,0),MOD($C3214,24)+1)/SUM(INDEX($D$3:$AA$30,INDEX(Jesper!$R$2:$R$366,ROW(INDEX(Jesper!AK$2:AK$366,ROUNDDOWN($C3214/24,0)+1,1))-1)+IF('Standard Profiles'!$G$21=$B$10,7,0)+IF('Standard Profiles'!$G$21=$B$17,14,0)+IF('Standard Profiles'!$G$21=$B$24,21,0),0)),0)</f>
        <v>0</v>
      </c>
      <c r="H3214" cm="1">
        <f t="array" ref="H3214">IFERROR(INDEX(Jesper!AL$2:AL$366,ROUNDDOWN($C3214/24,0)+1,1)*INDEX($D$3:$AA$30,INDEX(Jesper!$R$2:$R$366,ROW(INDEX(Jesper!AL$2:AL$366,ROUNDDOWN($C3214/24,0)+1,1))-1)+IF('Standard Profiles'!$G$22=$B$10,7,0)+IF('Standard Profiles'!$G$22=$B$17,14,0)+IF('Standard Profiles'!$G$22=$B$24,21,0),MOD($C3214,24)+1)/SUM(INDEX($D$3:$AA$30,INDEX(Jesper!$R$2:$R$366,ROW(INDEX(Jesper!AL$2:AL$366,ROUNDDOWN($C3214/24,0)+1,1))-1)+IF('Standard Profiles'!$G$22=$B$10,7,0)+IF('Standard Profiles'!$G$22=$B$17,14,0)+IF('Standard Profiles'!$G$22=$B$24,21,0),0)),0)</f>
        <v>0</v>
      </c>
      <c r="I3214">
        <f t="shared" si="363"/>
        <v>0.17431421518994922</v>
      </c>
      <c r="J3214">
        <f t="shared" si="364"/>
        <v>0.58104738396649747</v>
      </c>
      <c r="K3214">
        <f t="shared" si="365"/>
        <v>0.87157107594974625</v>
      </c>
      <c r="L3214">
        <f t="shared" si="366"/>
        <v>12.275907410652145</v>
      </c>
      <c r="M3214">
        <f t="shared" si="367"/>
        <v>0</v>
      </c>
      <c r="N3214" s="46">
        <f t="shared" si="368"/>
        <v>45424.499999992287</v>
      </c>
    </row>
    <row r="3215" spans="2:14" x14ac:dyDescent="0.3">
      <c r="B3215">
        <f t="shared" si="362"/>
        <v>7</v>
      </c>
      <c r="C3215" s="16">
        <v>3181</v>
      </c>
      <c r="D3215" cm="1">
        <f t="array" ref="D3215">IFERROR(INDEX(Jesper!AH$2:AH$366,ROUNDDOWN($C3215/24,0)+1,1)*INDEX($D$3:$AA$30,INDEX(Jesper!$R$2:$R$366,ROW(INDEX(Jesper!AH$2:AH$366,ROUNDDOWN($C3215/24,0)+1,1))-1)+IF('Standard Profiles'!$G$18=$B$10,7,0)+IF('Standard Profiles'!$G$18=$B$17,14,0)+IF('Standard Profiles'!$G$18=$B$24,21,0),MOD($C3215,24)+1)/SUM(INDEX($D$3:$AA$30,INDEX(Jesper!$R$2:$R$366,ROW(INDEX(Jesper!AH$2:AH$366,ROUNDDOWN($C3215/24,0)+1,1))-1)+IF('Standard Profiles'!$G$18=$B$10,7,0)+IF('Standard Profiles'!$G$18=$B$17,14,0)+IF('Standard Profiles'!$G$18=$B$24,21,0),0)),0)</f>
        <v>11.967952297149901</v>
      </c>
      <c r="E3215" cm="1">
        <f t="array" ref="E3215">IFERROR(INDEX(Jesper!AI$2:AI$366,ROUNDDOWN($C3215/24,0)+1,1)*INDEX($D$3:$AA$30,INDEX(Jesper!$R$2:$R$366,ROW(INDEX(Jesper!AI$2:AI$366,ROUNDDOWN($C3215/24,0)+1,1))-1)+IF('Standard Profiles'!$G$19=$B$10,7,0)+IF('Standard Profiles'!$G$19=$B$17,14,0)+IF('Standard Profiles'!$G$19=$B$24,21,0),MOD($C3215,24)+1)/SUM(INDEX($D$3:$AA$30,INDEX(Jesper!$R$2:$R$366,ROW(INDEX(Jesper!AI$2:AI$366,ROUNDDOWN($C3215/24,0)+1,1))-1)+IF('Standard Profiles'!$G$19=$B$10,7,0)+IF('Standard Profiles'!$G$19=$B$17,14,0)+IF('Standard Profiles'!$G$19=$B$24,21,0),0)),0)</f>
        <v>1.9348877886084359</v>
      </c>
      <c r="F3215" cm="1">
        <f t="array" ref="F3215">IFERROR(INDEX(Jesper!AJ$2:AJ$366,ROUNDDOWN($C3215/24,0)+1,1)*INDEX($D$3:$AA$30,INDEX(Jesper!$R$2:$R$366,ROW(INDEX(Jesper!AJ$2:AJ$366,ROUNDDOWN($C3215/24,0)+1,1))-1)+IF('Standard Profiles'!$G$20=$B$10,7,0)+IF('Standard Profiles'!$G$20=$B$17,14,0)+IF('Standard Profiles'!$G$20=$B$24,21,0),MOD($C3215,24)+1)/SUM(INDEX($D$3:$AA$30,INDEX(Jesper!$R$2:$R$366,ROW(INDEX(Jesper!AJ$2:AJ$366,ROUNDDOWN($C3215/24,0)+1,1))-1)+IF('Standard Profiles'!$G$20=$B$10,7,0)+IF('Standard Profiles'!$G$20=$B$17,14,0)+IF('Standard Profiles'!$G$20=$B$24,21,0),0)),0)</f>
        <v>0</v>
      </c>
      <c r="G3215" cm="1">
        <f t="array" ref="G3215">IFERROR(INDEX(Jesper!AK$2:AK$366,ROUNDDOWN($C3215/24,0)+1,1)*INDEX($D$3:$AA$30,INDEX(Jesper!$R$2:$R$366,ROW(INDEX(Jesper!AK$2:AK$366,ROUNDDOWN($C3215/24,0)+1,1))-1)+IF('Standard Profiles'!$G$21=$B$10,7,0)+IF('Standard Profiles'!$G$21=$B$17,14,0)+IF('Standard Profiles'!$G$21=$B$24,21,0),MOD($C3215,24)+1)/SUM(INDEX($D$3:$AA$30,INDEX(Jesper!$R$2:$R$366,ROW(INDEX(Jesper!AK$2:AK$366,ROUNDDOWN($C3215/24,0)+1,1))-1)+IF('Standard Profiles'!$G$21=$B$10,7,0)+IF('Standard Profiles'!$G$21=$B$17,14,0)+IF('Standard Profiles'!$G$21=$B$24,21,0),0)),0)</f>
        <v>0</v>
      </c>
      <c r="H3215" cm="1">
        <f t="array" ref="H3215">IFERROR(INDEX(Jesper!AL$2:AL$366,ROUNDDOWN($C3215/24,0)+1,1)*INDEX($D$3:$AA$30,INDEX(Jesper!$R$2:$R$366,ROW(INDEX(Jesper!AL$2:AL$366,ROUNDDOWN($C3215/24,0)+1,1))-1)+IF('Standard Profiles'!$G$22=$B$10,7,0)+IF('Standard Profiles'!$G$22=$B$17,14,0)+IF('Standard Profiles'!$G$22=$B$24,21,0),MOD($C3215,24)+1)/SUM(INDEX($D$3:$AA$30,INDEX(Jesper!$R$2:$R$366,ROW(INDEX(Jesper!AL$2:AL$366,ROUNDDOWN($C3215/24,0)+1,1))-1)+IF('Standard Profiles'!$G$22=$B$10,7,0)+IF('Standard Profiles'!$G$22=$B$17,14,0)+IF('Standard Profiles'!$G$22=$B$24,21,0),0)),0)</f>
        <v>0</v>
      </c>
      <c r="I3215">
        <f t="shared" si="363"/>
        <v>0.17431421518994922</v>
      </c>
      <c r="J3215">
        <f t="shared" si="364"/>
        <v>0.58104738396649747</v>
      </c>
      <c r="K3215">
        <f t="shared" si="365"/>
        <v>0.87157107594974625</v>
      </c>
      <c r="L3215">
        <f t="shared" si="366"/>
        <v>12.275907410652145</v>
      </c>
      <c r="M3215">
        <f t="shared" si="367"/>
        <v>0</v>
      </c>
      <c r="N3215" s="46">
        <f t="shared" si="368"/>
        <v>45424.541666658952</v>
      </c>
    </row>
    <row r="3216" spans="2:14" x14ac:dyDescent="0.3">
      <c r="B3216">
        <f t="shared" si="362"/>
        <v>7</v>
      </c>
      <c r="C3216" s="16">
        <v>3182</v>
      </c>
      <c r="D3216" cm="1">
        <f t="array" ref="D3216">IFERROR(INDEX(Jesper!AH$2:AH$366,ROUNDDOWN($C3216/24,0)+1,1)*INDEX($D$3:$AA$30,INDEX(Jesper!$R$2:$R$366,ROW(INDEX(Jesper!AH$2:AH$366,ROUNDDOWN($C3216/24,0)+1,1))-1)+IF('Standard Profiles'!$G$18=$B$10,7,0)+IF('Standard Profiles'!$G$18=$B$17,14,0)+IF('Standard Profiles'!$G$18=$B$24,21,0),MOD($C3216,24)+1)/SUM(INDEX($D$3:$AA$30,INDEX(Jesper!$R$2:$R$366,ROW(INDEX(Jesper!AH$2:AH$366,ROUNDDOWN($C3216/24,0)+1,1))-1)+IF('Standard Profiles'!$G$18=$B$10,7,0)+IF('Standard Profiles'!$G$18=$B$17,14,0)+IF('Standard Profiles'!$G$18=$B$24,21,0),0)),0)</f>
        <v>11.967952297149901</v>
      </c>
      <c r="E3216" cm="1">
        <f t="array" ref="E3216">IFERROR(INDEX(Jesper!AI$2:AI$366,ROUNDDOWN($C3216/24,0)+1,1)*INDEX($D$3:$AA$30,INDEX(Jesper!$R$2:$R$366,ROW(INDEX(Jesper!AI$2:AI$366,ROUNDDOWN($C3216/24,0)+1,1))-1)+IF('Standard Profiles'!$G$19=$B$10,7,0)+IF('Standard Profiles'!$G$19=$B$17,14,0)+IF('Standard Profiles'!$G$19=$B$24,21,0),MOD($C3216,24)+1)/SUM(INDEX($D$3:$AA$30,INDEX(Jesper!$R$2:$R$366,ROW(INDEX(Jesper!AI$2:AI$366,ROUNDDOWN($C3216/24,0)+1,1))-1)+IF('Standard Profiles'!$G$19=$B$10,7,0)+IF('Standard Profiles'!$G$19=$B$17,14,0)+IF('Standard Profiles'!$G$19=$B$24,21,0),0)),0)</f>
        <v>1.9348877886084359</v>
      </c>
      <c r="F3216" cm="1">
        <f t="array" ref="F3216">IFERROR(INDEX(Jesper!AJ$2:AJ$366,ROUNDDOWN($C3216/24,0)+1,1)*INDEX($D$3:$AA$30,INDEX(Jesper!$R$2:$R$366,ROW(INDEX(Jesper!AJ$2:AJ$366,ROUNDDOWN($C3216/24,0)+1,1))-1)+IF('Standard Profiles'!$G$20=$B$10,7,0)+IF('Standard Profiles'!$G$20=$B$17,14,0)+IF('Standard Profiles'!$G$20=$B$24,21,0),MOD($C3216,24)+1)/SUM(INDEX($D$3:$AA$30,INDEX(Jesper!$R$2:$R$366,ROW(INDEX(Jesper!AJ$2:AJ$366,ROUNDDOWN($C3216/24,0)+1,1))-1)+IF('Standard Profiles'!$G$20=$B$10,7,0)+IF('Standard Profiles'!$G$20=$B$17,14,0)+IF('Standard Profiles'!$G$20=$B$24,21,0),0)),0)</f>
        <v>0</v>
      </c>
      <c r="G3216" cm="1">
        <f t="array" ref="G3216">IFERROR(INDEX(Jesper!AK$2:AK$366,ROUNDDOWN($C3216/24,0)+1,1)*INDEX($D$3:$AA$30,INDEX(Jesper!$R$2:$R$366,ROW(INDEX(Jesper!AK$2:AK$366,ROUNDDOWN($C3216/24,0)+1,1))-1)+IF('Standard Profiles'!$G$21=$B$10,7,0)+IF('Standard Profiles'!$G$21=$B$17,14,0)+IF('Standard Profiles'!$G$21=$B$24,21,0),MOD($C3216,24)+1)/SUM(INDEX($D$3:$AA$30,INDEX(Jesper!$R$2:$R$366,ROW(INDEX(Jesper!AK$2:AK$366,ROUNDDOWN($C3216/24,0)+1,1))-1)+IF('Standard Profiles'!$G$21=$B$10,7,0)+IF('Standard Profiles'!$G$21=$B$17,14,0)+IF('Standard Profiles'!$G$21=$B$24,21,0),0)),0)</f>
        <v>0</v>
      </c>
      <c r="H3216" cm="1">
        <f t="array" ref="H3216">IFERROR(INDEX(Jesper!AL$2:AL$366,ROUNDDOWN($C3216/24,0)+1,1)*INDEX($D$3:$AA$30,INDEX(Jesper!$R$2:$R$366,ROW(INDEX(Jesper!AL$2:AL$366,ROUNDDOWN($C3216/24,0)+1,1))-1)+IF('Standard Profiles'!$G$22=$B$10,7,0)+IF('Standard Profiles'!$G$22=$B$17,14,0)+IF('Standard Profiles'!$G$22=$B$24,21,0),MOD($C3216,24)+1)/SUM(INDEX($D$3:$AA$30,INDEX(Jesper!$R$2:$R$366,ROW(INDEX(Jesper!AL$2:AL$366,ROUNDDOWN($C3216/24,0)+1,1))-1)+IF('Standard Profiles'!$G$22=$B$10,7,0)+IF('Standard Profiles'!$G$22=$B$17,14,0)+IF('Standard Profiles'!$G$22=$B$24,21,0),0)),0)</f>
        <v>0</v>
      </c>
      <c r="I3216">
        <f t="shared" si="363"/>
        <v>0.17431421518994922</v>
      </c>
      <c r="J3216">
        <f t="shared" si="364"/>
        <v>0.58104738396649747</v>
      </c>
      <c r="K3216">
        <f t="shared" si="365"/>
        <v>0.87157107594974625</v>
      </c>
      <c r="L3216">
        <f t="shared" si="366"/>
        <v>12.275907410652145</v>
      </c>
      <c r="M3216">
        <f t="shared" si="367"/>
        <v>0</v>
      </c>
      <c r="N3216" s="46">
        <f t="shared" si="368"/>
        <v>45424.583333325616</v>
      </c>
    </row>
    <row r="3217" spans="2:14" x14ac:dyDescent="0.3">
      <c r="B3217">
        <f t="shared" si="362"/>
        <v>7</v>
      </c>
      <c r="C3217" s="16">
        <v>3183</v>
      </c>
      <c r="D3217" cm="1">
        <f t="array" ref="D3217">IFERROR(INDEX(Jesper!AH$2:AH$366,ROUNDDOWN($C3217/24,0)+1,1)*INDEX($D$3:$AA$30,INDEX(Jesper!$R$2:$R$366,ROW(INDEX(Jesper!AH$2:AH$366,ROUNDDOWN($C3217/24,0)+1,1))-1)+IF('Standard Profiles'!$G$18=$B$10,7,0)+IF('Standard Profiles'!$G$18=$B$17,14,0)+IF('Standard Profiles'!$G$18=$B$24,21,0),MOD($C3217,24)+1)/SUM(INDEX($D$3:$AA$30,INDEX(Jesper!$R$2:$R$366,ROW(INDEX(Jesper!AH$2:AH$366,ROUNDDOWN($C3217/24,0)+1,1))-1)+IF('Standard Profiles'!$G$18=$B$10,7,0)+IF('Standard Profiles'!$G$18=$B$17,14,0)+IF('Standard Profiles'!$G$18=$B$24,21,0),0)),0)</f>
        <v>10.638179819688801</v>
      </c>
      <c r="E3217" cm="1">
        <f t="array" ref="E3217">IFERROR(INDEX(Jesper!AI$2:AI$366,ROUNDDOWN($C3217/24,0)+1,1)*INDEX($D$3:$AA$30,INDEX(Jesper!$R$2:$R$366,ROW(INDEX(Jesper!AI$2:AI$366,ROUNDDOWN($C3217/24,0)+1,1))-1)+IF('Standard Profiles'!$G$19=$B$10,7,0)+IF('Standard Profiles'!$G$19=$B$17,14,0)+IF('Standard Profiles'!$G$19=$B$24,21,0),MOD($C3217,24)+1)/SUM(INDEX($D$3:$AA$30,INDEX(Jesper!$R$2:$R$366,ROW(INDEX(Jesper!AI$2:AI$366,ROUNDDOWN($C3217/24,0)+1,1))-1)+IF('Standard Profiles'!$G$19=$B$10,7,0)+IF('Standard Profiles'!$G$19=$B$17,14,0)+IF('Standard Profiles'!$G$19=$B$24,21,0),0)),0)</f>
        <v>1.7199002565408319</v>
      </c>
      <c r="F3217" cm="1">
        <f t="array" ref="F3217">IFERROR(INDEX(Jesper!AJ$2:AJ$366,ROUNDDOWN($C3217/24,0)+1,1)*INDEX($D$3:$AA$30,INDEX(Jesper!$R$2:$R$366,ROW(INDEX(Jesper!AJ$2:AJ$366,ROUNDDOWN($C3217/24,0)+1,1))-1)+IF('Standard Profiles'!$G$20=$B$10,7,0)+IF('Standard Profiles'!$G$20=$B$17,14,0)+IF('Standard Profiles'!$G$20=$B$24,21,0),MOD($C3217,24)+1)/SUM(INDEX($D$3:$AA$30,INDEX(Jesper!$R$2:$R$366,ROW(INDEX(Jesper!AJ$2:AJ$366,ROUNDDOWN($C3217/24,0)+1,1))-1)+IF('Standard Profiles'!$G$20=$B$10,7,0)+IF('Standard Profiles'!$G$20=$B$17,14,0)+IF('Standard Profiles'!$G$20=$B$24,21,0),0)),0)</f>
        <v>0</v>
      </c>
      <c r="G3217" cm="1">
        <f t="array" ref="G3217">IFERROR(INDEX(Jesper!AK$2:AK$366,ROUNDDOWN($C3217/24,0)+1,1)*INDEX($D$3:$AA$30,INDEX(Jesper!$R$2:$R$366,ROW(INDEX(Jesper!AK$2:AK$366,ROUNDDOWN($C3217/24,0)+1,1))-1)+IF('Standard Profiles'!$G$21=$B$10,7,0)+IF('Standard Profiles'!$G$21=$B$17,14,0)+IF('Standard Profiles'!$G$21=$B$24,21,0),MOD($C3217,24)+1)/SUM(INDEX($D$3:$AA$30,INDEX(Jesper!$R$2:$R$366,ROW(INDEX(Jesper!AK$2:AK$366,ROUNDDOWN($C3217/24,0)+1,1))-1)+IF('Standard Profiles'!$G$21=$B$10,7,0)+IF('Standard Profiles'!$G$21=$B$17,14,0)+IF('Standard Profiles'!$G$21=$B$24,21,0),0)),0)</f>
        <v>0</v>
      </c>
      <c r="H3217" cm="1">
        <f t="array" ref="H3217">IFERROR(INDEX(Jesper!AL$2:AL$366,ROUNDDOWN($C3217/24,0)+1,1)*INDEX($D$3:$AA$30,INDEX(Jesper!$R$2:$R$366,ROW(INDEX(Jesper!AL$2:AL$366,ROUNDDOWN($C3217/24,0)+1,1))-1)+IF('Standard Profiles'!$G$22=$B$10,7,0)+IF('Standard Profiles'!$G$22=$B$17,14,0)+IF('Standard Profiles'!$G$22=$B$24,21,0),MOD($C3217,24)+1)/SUM(INDEX($D$3:$AA$30,INDEX(Jesper!$R$2:$R$366,ROW(INDEX(Jesper!AL$2:AL$366,ROUNDDOWN($C3217/24,0)+1,1))-1)+IF('Standard Profiles'!$G$22=$B$10,7,0)+IF('Standard Profiles'!$G$22=$B$17,14,0)+IF('Standard Profiles'!$G$22=$B$24,21,0),0)),0)</f>
        <v>0</v>
      </c>
      <c r="I3217">
        <f t="shared" si="363"/>
        <v>0.15494596905773264</v>
      </c>
      <c r="J3217">
        <f t="shared" si="364"/>
        <v>0.51648656352577549</v>
      </c>
      <c r="K3217">
        <f t="shared" si="365"/>
        <v>0.77472984528866329</v>
      </c>
      <c r="L3217">
        <f t="shared" si="366"/>
        <v>10.911917698357462</v>
      </c>
      <c r="M3217">
        <f t="shared" si="367"/>
        <v>0</v>
      </c>
      <c r="N3217" s="46">
        <f t="shared" si="368"/>
        <v>45424.62499999228</v>
      </c>
    </row>
    <row r="3218" spans="2:14" x14ac:dyDescent="0.3">
      <c r="B3218">
        <f t="shared" si="362"/>
        <v>7</v>
      </c>
      <c r="C3218" s="16">
        <v>3184</v>
      </c>
      <c r="D3218" cm="1">
        <f t="array" ref="D3218">IFERROR(INDEX(Jesper!AH$2:AH$366,ROUNDDOWN($C3218/24,0)+1,1)*INDEX($D$3:$AA$30,INDEX(Jesper!$R$2:$R$366,ROW(INDEX(Jesper!AH$2:AH$366,ROUNDDOWN($C3218/24,0)+1,1))-1)+IF('Standard Profiles'!$G$18=$B$10,7,0)+IF('Standard Profiles'!$G$18=$B$17,14,0)+IF('Standard Profiles'!$G$18=$B$24,21,0),MOD($C3218,24)+1)/SUM(INDEX($D$3:$AA$30,INDEX(Jesper!$R$2:$R$366,ROW(INDEX(Jesper!AH$2:AH$366,ROUNDDOWN($C3218/24,0)+1,1))-1)+IF('Standard Profiles'!$G$18=$B$10,7,0)+IF('Standard Profiles'!$G$18=$B$17,14,0)+IF('Standard Profiles'!$G$18=$B$24,21,0),0)),0)</f>
        <v>10.448212322908645</v>
      </c>
      <c r="E3218" cm="1">
        <f t="array" ref="E3218">IFERROR(INDEX(Jesper!AI$2:AI$366,ROUNDDOWN($C3218/24,0)+1,1)*INDEX($D$3:$AA$30,INDEX(Jesper!$R$2:$R$366,ROW(INDEX(Jesper!AI$2:AI$366,ROUNDDOWN($C3218/24,0)+1,1))-1)+IF('Standard Profiles'!$G$19=$B$10,7,0)+IF('Standard Profiles'!$G$19=$B$17,14,0)+IF('Standard Profiles'!$G$19=$B$24,21,0),MOD($C3218,24)+1)/SUM(INDEX($D$3:$AA$30,INDEX(Jesper!$R$2:$R$366,ROW(INDEX(Jesper!AI$2:AI$366,ROUNDDOWN($C3218/24,0)+1,1))-1)+IF('Standard Profiles'!$G$19=$B$10,7,0)+IF('Standard Profiles'!$G$19=$B$17,14,0)+IF('Standard Profiles'!$G$19=$B$24,21,0),0)),0)</f>
        <v>1.6891877519597456</v>
      </c>
      <c r="F3218" cm="1">
        <f t="array" ref="F3218">IFERROR(INDEX(Jesper!AJ$2:AJ$366,ROUNDDOWN($C3218/24,0)+1,1)*INDEX($D$3:$AA$30,INDEX(Jesper!$R$2:$R$366,ROW(INDEX(Jesper!AJ$2:AJ$366,ROUNDDOWN($C3218/24,0)+1,1))-1)+IF('Standard Profiles'!$G$20=$B$10,7,0)+IF('Standard Profiles'!$G$20=$B$17,14,0)+IF('Standard Profiles'!$G$20=$B$24,21,0),MOD($C3218,24)+1)/SUM(INDEX($D$3:$AA$30,INDEX(Jesper!$R$2:$R$366,ROW(INDEX(Jesper!AJ$2:AJ$366,ROUNDDOWN($C3218/24,0)+1,1))-1)+IF('Standard Profiles'!$G$20=$B$10,7,0)+IF('Standard Profiles'!$G$20=$B$17,14,0)+IF('Standard Profiles'!$G$20=$B$24,21,0),0)),0)</f>
        <v>0</v>
      </c>
      <c r="G3218" cm="1">
        <f t="array" ref="G3218">IFERROR(INDEX(Jesper!AK$2:AK$366,ROUNDDOWN($C3218/24,0)+1,1)*INDEX($D$3:$AA$30,INDEX(Jesper!$R$2:$R$366,ROW(INDEX(Jesper!AK$2:AK$366,ROUNDDOWN($C3218/24,0)+1,1))-1)+IF('Standard Profiles'!$G$21=$B$10,7,0)+IF('Standard Profiles'!$G$21=$B$17,14,0)+IF('Standard Profiles'!$G$21=$B$24,21,0),MOD($C3218,24)+1)/SUM(INDEX($D$3:$AA$30,INDEX(Jesper!$R$2:$R$366,ROW(INDEX(Jesper!AK$2:AK$366,ROUNDDOWN($C3218/24,0)+1,1))-1)+IF('Standard Profiles'!$G$21=$B$10,7,0)+IF('Standard Profiles'!$G$21=$B$17,14,0)+IF('Standard Profiles'!$G$21=$B$24,21,0),0)),0)</f>
        <v>0</v>
      </c>
      <c r="H3218" cm="1">
        <f t="array" ref="H3218">IFERROR(INDEX(Jesper!AL$2:AL$366,ROUNDDOWN($C3218/24,0)+1,1)*INDEX($D$3:$AA$30,INDEX(Jesper!$R$2:$R$366,ROW(INDEX(Jesper!AL$2:AL$366,ROUNDDOWN($C3218/24,0)+1,1))-1)+IF('Standard Profiles'!$G$22=$B$10,7,0)+IF('Standard Profiles'!$G$22=$B$17,14,0)+IF('Standard Profiles'!$G$22=$B$24,21,0),MOD($C3218,24)+1)/SUM(INDEX($D$3:$AA$30,INDEX(Jesper!$R$2:$R$366,ROW(INDEX(Jesper!AL$2:AL$366,ROUNDDOWN($C3218/24,0)+1,1))-1)+IF('Standard Profiles'!$G$22=$B$10,7,0)+IF('Standard Profiles'!$G$22=$B$17,14,0)+IF('Standard Profiles'!$G$22=$B$24,21,0),0)),0)</f>
        <v>0</v>
      </c>
      <c r="I3218">
        <f t="shared" si="363"/>
        <v>0.15217907675313028</v>
      </c>
      <c r="J3218">
        <f t="shared" si="364"/>
        <v>0.50726358917710102</v>
      </c>
      <c r="K3218">
        <f t="shared" si="365"/>
        <v>0.76089538376565147</v>
      </c>
      <c r="L3218">
        <f t="shared" si="366"/>
        <v>10.717062025172508</v>
      </c>
      <c r="M3218">
        <f t="shared" si="367"/>
        <v>0</v>
      </c>
      <c r="N3218" s="46">
        <f t="shared" si="368"/>
        <v>45424.666666658944</v>
      </c>
    </row>
    <row r="3219" spans="2:14" x14ac:dyDescent="0.3">
      <c r="B3219">
        <f t="shared" si="362"/>
        <v>7</v>
      </c>
      <c r="C3219" s="16">
        <v>3185</v>
      </c>
      <c r="D3219" cm="1">
        <f t="array" ref="D3219">IFERROR(INDEX(Jesper!AH$2:AH$366,ROUNDDOWN($C3219/24,0)+1,1)*INDEX($D$3:$AA$30,INDEX(Jesper!$R$2:$R$366,ROW(INDEX(Jesper!AH$2:AH$366,ROUNDDOWN($C3219/24,0)+1,1))-1)+IF('Standard Profiles'!$G$18=$B$10,7,0)+IF('Standard Profiles'!$G$18=$B$17,14,0)+IF('Standard Profiles'!$G$18=$B$24,21,0),MOD($C3219,24)+1)/SUM(INDEX($D$3:$AA$30,INDEX(Jesper!$R$2:$R$366,ROW(INDEX(Jesper!AH$2:AH$366,ROUNDDOWN($C3219/24,0)+1,1))-1)+IF('Standard Profiles'!$G$18=$B$10,7,0)+IF('Standard Profiles'!$G$18=$B$17,14,0)+IF('Standard Profiles'!$G$18=$B$24,21,0),0)),0)</f>
        <v>8.9284723486673876</v>
      </c>
      <c r="E3219" cm="1">
        <f t="array" ref="E3219">IFERROR(INDEX(Jesper!AI$2:AI$366,ROUNDDOWN($C3219/24,0)+1,1)*INDEX($D$3:$AA$30,INDEX(Jesper!$R$2:$R$366,ROW(INDEX(Jesper!AI$2:AI$366,ROUNDDOWN($C3219/24,0)+1,1))-1)+IF('Standard Profiles'!$G$19=$B$10,7,0)+IF('Standard Profiles'!$G$19=$B$17,14,0)+IF('Standard Profiles'!$G$19=$B$24,21,0),MOD($C3219,24)+1)/SUM(INDEX($D$3:$AA$30,INDEX(Jesper!$R$2:$R$366,ROW(INDEX(Jesper!AI$2:AI$366,ROUNDDOWN($C3219/24,0)+1,1))-1)+IF('Standard Profiles'!$G$19=$B$10,7,0)+IF('Standard Profiles'!$G$19=$B$17,14,0)+IF('Standard Profiles'!$G$19=$B$24,21,0),0)),0)</f>
        <v>1.4434877153110555</v>
      </c>
      <c r="F3219" cm="1">
        <f t="array" ref="F3219">IFERROR(INDEX(Jesper!AJ$2:AJ$366,ROUNDDOWN($C3219/24,0)+1,1)*INDEX($D$3:$AA$30,INDEX(Jesper!$R$2:$R$366,ROW(INDEX(Jesper!AJ$2:AJ$366,ROUNDDOWN($C3219/24,0)+1,1))-1)+IF('Standard Profiles'!$G$20=$B$10,7,0)+IF('Standard Profiles'!$G$20=$B$17,14,0)+IF('Standard Profiles'!$G$20=$B$24,21,0),MOD($C3219,24)+1)/SUM(INDEX($D$3:$AA$30,INDEX(Jesper!$R$2:$R$366,ROW(INDEX(Jesper!AJ$2:AJ$366,ROUNDDOWN($C3219/24,0)+1,1))-1)+IF('Standard Profiles'!$G$20=$B$10,7,0)+IF('Standard Profiles'!$G$20=$B$17,14,0)+IF('Standard Profiles'!$G$20=$B$24,21,0),0)),0)</f>
        <v>0</v>
      </c>
      <c r="G3219" cm="1">
        <f t="array" ref="G3219">IFERROR(INDEX(Jesper!AK$2:AK$366,ROUNDDOWN($C3219/24,0)+1,1)*INDEX($D$3:$AA$30,INDEX(Jesper!$R$2:$R$366,ROW(INDEX(Jesper!AK$2:AK$366,ROUNDDOWN($C3219/24,0)+1,1))-1)+IF('Standard Profiles'!$G$21=$B$10,7,0)+IF('Standard Profiles'!$G$21=$B$17,14,0)+IF('Standard Profiles'!$G$21=$B$24,21,0),MOD($C3219,24)+1)/SUM(INDEX($D$3:$AA$30,INDEX(Jesper!$R$2:$R$366,ROW(INDEX(Jesper!AK$2:AK$366,ROUNDDOWN($C3219/24,0)+1,1))-1)+IF('Standard Profiles'!$G$21=$B$10,7,0)+IF('Standard Profiles'!$G$21=$B$17,14,0)+IF('Standard Profiles'!$G$21=$B$24,21,0),0)),0)</f>
        <v>0</v>
      </c>
      <c r="H3219" cm="1">
        <f t="array" ref="H3219">IFERROR(INDEX(Jesper!AL$2:AL$366,ROUNDDOWN($C3219/24,0)+1,1)*INDEX($D$3:$AA$30,INDEX(Jesper!$R$2:$R$366,ROW(INDEX(Jesper!AL$2:AL$366,ROUNDDOWN($C3219/24,0)+1,1))-1)+IF('Standard Profiles'!$G$22=$B$10,7,0)+IF('Standard Profiles'!$G$22=$B$17,14,0)+IF('Standard Profiles'!$G$22=$B$24,21,0),MOD($C3219,24)+1)/SUM(INDEX($D$3:$AA$30,INDEX(Jesper!$R$2:$R$366,ROW(INDEX(Jesper!AL$2:AL$366,ROUNDDOWN($C3219/24,0)+1,1))-1)+IF('Standard Profiles'!$G$22=$B$10,7,0)+IF('Standard Profiles'!$G$22=$B$17,14,0)+IF('Standard Profiles'!$G$22=$B$24,21,0),0)),0)</f>
        <v>0</v>
      </c>
      <c r="I3219">
        <f t="shared" si="363"/>
        <v>0.13004393831631134</v>
      </c>
      <c r="J3219">
        <f t="shared" si="364"/>
        <v>0.43347979438770451</v>
      </c>
      <c r="K3219">
        <f t="shared" si="365"/>
        <v>0.65021969158155679</v>
      </c>
      <c r="L3219">
        <f t="shared" si="366"/>
        <v>9.1582166396928706</v>
      </c>
      <c r="M3219">
        <f t="shared" si="367"/>
        <v>0</v>
      </c>
      <c r="N3219" s="46">
        <f t="shared" si="368"/>
        <v>45424.708333325609</v>
      </c>
    </row>
    <row r="3220" spans="2:14" x14ac:dyDescent="0.3">
      <c r="B3220">
        <f t="shared" si="362"/>
        <v>7</v>
      </c>
      <c r="C3220" s="16">
        <v>3186</v>
      </c>
      <c r="D3220" cm="1">
        <f t="array" ref="D3220">IFERROR(INDEX(Jesper!AH$2:AH$366,ROUNDDOWN($C3220/24,0)+1,1)*INDEX($D$3:$AA$30,INDEX(Jesper!$R$2:$R$366,ROW(INDEX(Jesper!AH$2:AH$366,ROUNDDOWN($C3220/24,0)+1,1))-1)+IF('Standard Profiles'!$G$18=$B$10,7,0)+IF('Standard Profiles'!$G$18=$B$17,14,0)+IF('Standard Profiles'!$G$18=$B$24,21,0),MOD($C3220,24)+1)/SUM(INDEX($D$3:$AA$30,INDEX(Jesper!$R$2:$R$366,ROW(INDEX(Jesper!AH$2:AH$366,ROUNDDOWN($C3220/24,0)+1,1))-1)+IF('Standard Profiles'!$G$18=$B$10,7,0)+IF('Standard Profiles'!$G$18=$B$17,14,0)+IF('Standard Profiles'!$G$18=$B$24,21,0),0)),0)</f>
        <v>8.3585698583269163</v>
      </c>
      <c r="E3220" cm="1">
        <f t="array" ref="E3220">IFERROR(INDEX(Jesper!AI$2:AI$366,ROUNDDOWN($C3220/24,0)+1,1)*INDEX($D$3:$AA$30,INDEX(Jesper!$R$2:$R$366,ROW(INDEX(Jesper!AI$2:AI$366,ROUNDDOWN($C3220/24,0)+1,1))-1)+IF('Standard Profiles'!$G$19=$B$10,7,0)+IF('Standard Profiles'!$G$19=$B$17,14,0)+IF('Standard Profiles'!$G$19=$B$24,21,0),MOD($C3220,24)+1)/SUM(INDEX($D$3:$AA$30,INDEX(Jesper!$R$2:$R$366,ROW(INDEX(Jesper!AI$2:AI$366,ROUNDDOWN($C3220/24,0)+1,1))-1)+IF('Standard Profiles'!$G$19=$B$10,7,0)+IF('Standard Profiles'!$G$19=$B$17,14,0)+IF('Standard Profiles'!$G$19=$B$24,21,0),0)),0)</f>
        <v>1.3513502015677965</v>
      </c>
      <c r="F3220" cm="1">
        <f t="array" ref="F3220">IFERROR(INDEX(Jesper!AJ$2:AJ$366,ROUNDDOWN($C3220/24,0)+1,1)*INDEX($D$3:$AA$30,INDEX(Jesper!$R$2:$R$366,ROW(INDEX(Jesper!AJ$2:AJ$366,ROUNDDOWN($C3220/24,0)+1,1))-1)+IF('Standard Profiles'!$G$20=$B$10,7,0)+IF('Standard Profiles'!$G$20=$B$17,14,0)+IF('Standard Profiles'!$G$20=$B$24,21,0),MOD($C3220,24)+1)/SUM(INDEX($D$3:$AA$30,INDEX(Jesper!$R$2:$R$366,ROW(INDEX(Jesper!AJ$2:AJ$366,ROUNDDOWN($C3220/24,0)+1,1))-1)+IF('Standard Profiles'!$G$20=$B$10,7,0)+IF('Standard Profiles'!$G$20=$B$17,14,0)+IF('Standard Profiles'!$G$20=$B$24,21,0),0)),0)</f>
        <v>0</v>
      </c>
      <c r="G3220" cm="1">
        <f t="array" ref="G3220">IFERROR(INDEX(Jesper!AK$2:AK$366,ROUNDDOWN($C3220/24,0)+1,1)*INDEX($D$3:$AA$30,INDEX(Jesper!$R$2:$R$366,ROW(INDEX(Jesper!AK$2:AK$366,ROUNDDOWN($C3220/24,0)+1,1))-1)+IF('Standard Profiles'!$G$21=$B$10,7,0)+IF('Standard Profiles'!$G$21=$B$17,14,0)+IF('Standard Profiles'!$G$21=$B$24,21,0),MOD($C3220,24)+1)/SUM(INDEX($D$3:$AA$30,INDEX(Jesper!$R$2:$R$366,ROW(INDEX(Jesper!AK$2:AK$366,ROUNDDOWN($C3220/24,0)+1,1))-1)+IF('Standard Profiles'!$G$21=$B$10,7,0)+IF('Standard Profiles'!$G$21=$B$17,14,0)+IF('Standard Profiles'!$G$21=$B$24,21,0),0)),0)</f>
        <v>0</v>
      </c>
      <c r="H3220" cm="1">
        <f t="array" ref="H3220">IFERROR(INDEX(Jesper!AL$2:AL$366,ROUNDDOWN($C3220/24,0)+1,1)*INDEX($D$3:$AA$30,INDEX(Jesper!$R$2:$R$366,ROW(INDEX(Jesper!AL$2:AL$366,ROUNDDOWN($C3220/24,0)+1,1))-1)+IF('Standard Profiles'!$G$22=$B$10,7,0)+IF('Standard Profiles'!$G$22=$B$17,14,0)+IF('Standard Profiles'!$G$22=$B$24,21,0),MOD($C3220,24)+1)/SUM(INDEX($D$3:$AA$30,INDEX(Jesper!$R$2:$R$366,ROW(INDEX(Jesper!AL$2:AL$366,ROUNDDOWN($C3220/24,0)+1,1))-1)+IF('Standard Profiles'!$G$22=$B$10,7,0)+IF('Standard Profiles'!$G$22=$B$17,14,0)+IF('Standard Profiles'!$G$22=$B$24,21,0),0)),0)</f>
        <v>0</v>
      </c>
      <c r="I3220">
        <f t="shared" si="363"/>
        <v>0.12174326140250422</v>
      </c>
      <c r="J3220">
        <f t="shared" si="364"/>
        <v>0.40581087134168081</v>
      </c>
      <c r="K3220">
        <f t="shared" si="365"/>
        <v>0.60871630701252122</v>
      </c>
      <c r="L3220">
        <f t="shared" si="366"/>
        <v>8.5736496201380064</v>
      </c>
      <c r="M3220">
        <f t="shared" si="367"/>
        <v>0</v>
      </c>
      <c r="N3220" s="46">
        <f t="shared" si="368"/>
        <v>45424.749999992273</v>
      </c>
    </row>
    <row r="3221" spans="2:14" x14ac:dyDescent="0.3">
      <c r="B3221">
        <f t="shared" si="362"/>
        <v>7</v>
      </c>
      <c r="C3221" s="16">
        <v>3187</v>
      </c>
      <c r="D3221" cm="1">
        <f t="array" ref="D3221">IFERROR(INDEX(Jesper!AH$2:AH$366,ROUNDDOWN($C3221/24,0)+1,1)*INDEX($D$3:$AA$30,INDEX(Jesper!$R$2:$R$366,ROW(INDEX(Jesper!AH$2:AH$366,ROUNDDOWN($C3221/24,0)+1,1))-1)+IF('Standard Profiles'!$G$18=$B$10,7,0)+IF('Standard Profiles'!$G$18=$B$17,14,0)+IF('Standard Profiles'!$G$18=$B$24,21,0),MOD($C3221,24)+1)/SUM(INDEX($D$3:$AA$30,INDEX(Jesper!$R$2:$R$366,ROW(INDEX(Jesper!AH$2:AH$366,ROUNDDOWN($C3221/24,0)+1,1))-1)+IF('Standard Profiles'!$G$18=$B$10,7,0)+IF('Standard Profiles'!$G$18=$B$17,14,0)+IF('Standard Profiles'!$G$18=$B$24,21,0),0)),0)</f>
        <v>7.0287973808658162</v>
      </c>
      <c r="E3221" cm="1">
        <f t="array" ref="E3221">IFERROR(INDEX(Jesper!AI$2:AI$366,ROUNDDOWN($C3221/24,0)+1,1)*INDEX($D$3:$AA$30,INDEX(Jesper!$R$2:$R$366,ROW(INDEX(Jesper!AI$2:AI$366,ROUNDDOWN($C3221/24,0)+1,1))-1)+IF('Standard Profiles'!$G$19=$B$10,7,0)+IF('Standard Profiles'!$G$19=$B$17,14,0)+IF('Standard Profiles'!$G$19=$B$24,21,0),MOD($C3221,24)+1)/SUM(INDEX($D$3:$AA$30,INDEX(Jesper!$R$2:$R$366,ROW(INDEX(Jesper!AI$2:AI$366,ROUNDDOWN($C3221/24,0)+1,1))-1)+IF('Standard Profiles'!$G$19=$B$10,7,0)+IF('Standard Profiles'!$G$19=$B$17,14,0)+IF('Standard Profiles'!$G$19=$B$24,21,0),0)),0)</f>
        <v>1.1363626695001925</v>
      </c>
      <c r="F3221" cm="1">
        <f t="array" ref="F3221">IFERROR(INDEX(Jesper!AJ$2:AJ$366,ROUNDDOWN($C3221/24,0)+1,1)*INDEX($D$3:$AA$30,INDEX(Jesper!$R$2:$R$366,ROW(INDEX(Jesper!AJ$2:AJ$366,ROUNDDOWN($C3221/24,0)+1,1))-1)+IF('Standard Profiles'!$G$20=$B$10,7,0)+IF('Standard Profiles'!$G$20=$B$17,14,0)+IF('Standard Profiles'!$G$20=$B$24,21,0),MOD($C3221,24)+1)/SUM(INDEX($D$3:$AA$30,INDEX(Jesper!$R$2:$R$366,ROW(INDEX(Jesper!AJ$2:AJ$366,ROUNDDOWN($C3221/24,0)+1,1))-1)+IF('Standard Profiles'!$G$20=$B$10,7,0)+IF('Standard Profiles'!$G$20=$B$17,14,0)+IF('Standard Profiles'!$G$20=$B$24,21,0),0)),0)</f>
        <v>0</v>
      </c>
      <c r="G3221" cm="1">
        <f t="array" ref="G3221">IFERROR(INDEX(Jesper!AK$2:AK$366,ROUNDDOWN($C3221/24,0)+1,1)*INDEX($D$3:$AA$30,INDEX(Jesper!$R$2:$R$366,ROW(INDEX(Jesper!AK$2:AK$366,ROUNDDOWN($C3221/24,0)+1,1))-1)+IF('Standard Profiles'!$G$21=$B$10,7,0)+IF('Standard Profiles'!$G$21=$B$17,14,0)+IF('Standard Profiles'!$G$21=$B$24,21,0),MOD($C3221,24)+1)/SUM(INDEX($D$3:$AA$30,INDEX(Jesper!$R$2:$R$366,ROW(INDEX(Jesper!AK$2:AK$366,ROUNDDOWN($C3221/24,0)+1,1))-1)+IF('Standard Profiles'!$G$21=$B$10,7,0)+IF('Standard Profiles'!$G$21=$B$17,14,0)+IF('Standard Profiles'!$G$21=$B$24,21,0),0)),0)</f>
        <v>0</v>
      </c>
      <c r="H3221" cm="1">
        <f t="array" ref="H3221">IFERROR(INDEX(Jesper!AL$2:AL$366,ROUNDDOWN($C3221/24,0)+1,1)*INDEX($D$3:$AA$30,INDEX(Jesper!$R$2:$R$366,ROW(INDEX(Jesper!AL$2:AL$366,ROUNDDOWN($C3221/24,0)+1,1))-1)+IF('Standard Profiles'!$G$22=$B$10,7,0)+IF('Standard Profiles'!$G$22=$B$17,14,0)+IF('Standard Profiles'!$G$22=$B$24,21,0),MOD($C3221,24)+1)/SUM(INDEX($D$3:$AA$30,INDEX(Jesper!$R$2:$R$366,ROW(INDEX(Jesper!AL$2:AL$366,ROUNDDOWN($C3221/24,0)+1,1))-1)+IF('Standard Profiles'!$G$22=$B$10,7,0)+IF('Standard Profiles'!$G$22=$B$17,14,0)+IF('Standard Profiles'!$G$22=$B$24,21,0),0)),0)</f>
        <v>0</v>
      </c>
      <c r="I3221">
        <f t="shared" si="363"/>
        <v>0.10237501527028764</v>
      </c>
      <c r="J3221">
        <f t="shared" si="364"/>
        <v>0.34125005090095883</v>
      </c>
      <c r="K3221">
        <f t="shared" si="365"/>
        <v>0.51187507635143825</v>
      </c>
      <c r="L3221">
        <f t="shared" si="366"/>
        <v>7.2096599078433243</v>
      </c>
      <c r="M3221">
        <f t="shared" si="367"/>
        <v>0</v>
      </c>
      <c r="N3221" s="46">
        <f t="shared" si="368"/>
        <v>45424.791666658937</v>
      </c>
    </row>
    <row r="3222" spans="2:14" x14ac:dyDescent="0.3">
      <c r="B3222">
        <f t="shared" si="362"/>
        <v>7</v>
      </c>
      <c r="C3222" s="16">
        <v>3188</v>
      </c>
      <c r="D3222" cm="1">
        <f t="array" ref="D3222">IFERROR(INDEX(Jesper!AH$2:AH$366,ROUNDDOWN($C3222/24,0)+1,1)*INDEX($D$3:$AA$30,INDEX(Jesper!$R$2:$R$366,ROW(INDEX(Jesper!AH$2:AH$366,ROUNDDOWN($C3222/24,0)+1,1))-1)+IF('Standard Profiles'!$G$18=$B$10,7,0)+IF('Standard Profiles'!$G$18=$B$17,14,0)+IF('Standard Profiles'!$G$18=$B$24,21,0),MOD($C3222,24)+1)/SUM(INDEX($D$3:$AA$30,INDEX(Jesper!$R$2:$R$366,ROW(INDEX(Jesper!AH$2:AH$366,ROUNDDOWN($C3222/24,0)+1,1))-1)+IF('Standard Profiles'!$G$18=$B$10,7,0)+IF('Standard Profiles'!$G$18=$B$17,14,0)+IF('Standard Profiles'!$G$18=$B$24,21,0),0)),0)</f>
        <v>5.8889924001848719</v>
      </c>
      <c r="E3222" cm="1">
        <f t="array" ref="E3222">IFERROR(INDEX(Jesper!AI$2:AI$366,ROUNDDOWN($C3222/24,0)+1,1)*INDEX($D$3:$AA$30,INDEX(Jesper!$R$2:$R$366,ROW(INDEX(Jesper!AI$2:AI$366,ROUNDDOWN($C3222/24,0)+1,1))-1)+IF('Standard Profiles'!$G$19=$B$10,7,0)+IF('Standard Profiles'!$G$19=$B$17,14,0)+IF('Standard Profiles'!$G$19=$B$24,21,0),MOD($C3222,24)+1)/SUM(INDEX($D$3:$AA$30,INDEX(Jesper!$R$2:$R$366,ROW(INDEX(Jesper!AI$2:AI$366,ROUNDDOWN($C3222/24,0)+1,1))-1)+IF('Standard Profiles'!$G$19=$B$10,7,0)+IF('Standard Profiles'!$G$19=$B$17,14,0)+IF('Standard Profiles'!$G$19=$B$24,21,0),0)),0)</f>
        <v>0.9520876420136748</v>
      </c>
      <c r="F3222" cm="1">
        <f t="array" ref="F3222">IFERROR(INDEX(Jesper!AJ$2:AJ$366,ROUNDDOWN($C3222/24,0)+1,1)*INDEX($D$3:$AA$30,INDEX(Jesper!$R$2:$R$366,ROW(INDEX(Jesper!AJ$2:AJ$366,ROUNDDOWN($C3222/24,0)+1,1))-1)+IF('Standard Profiles'!$G$20=$B$10,7,0)+IF('Standard Profiles'!$G$20=$B$17,14,0)+IF('Standard Profiles'!$G$20=$B$24,21,0),MOD($C3222,24)+1)/SUM(INDEX($D$3:$AA$30,INDEX(Jesper!$R$2:$R$366,ROW(INDEX(Jesper!AJ$2:AJ$366,ROUNDDOWN($C3222/24,0)+1,1))-1)+IF('Standard Profiles'!$G$20=$B$10,7,0)+IF('Standard Profiles'!$G$20=$B$17,14,0)+IF('Standard Profiles'!$G$20=$B$24,21,0),0)),0)</f>
        <v>0</v>
      </c>
      <c r="G3222" cm="1">
        <f t="array" ref="G3222">IFERROR(INDEX(Jesper!AK$2:AK$366,ROUNDDOWN($C3222/24,0)+1,1)*INDEX($D$3:$AA$30,INDEX(Jesper!$R$2:$R$366,ROW(INDEX(Jesper!AK$2:AK$366,ROUNDDOWN($C3222/24,0)+1,1))-1)+IF('Standard Profiles'!$G$21=$B$10,7,0)+IF('Standard Profiles'!$G$21=$B$17,14,0)+IF('Standard Profiles'!$G$21=$B$24,21,0),MOD($C3222,24)+1)/SUM(INDEX($D$3:$AA$30,INDEX(Jesper!$R$2:$R$366,ROW(INDEX(Jesper!AK$2:AK$366,ROUNDDOWN($C3222/24,0)+1,1))-1)+IF('Standard Profiles'!$G$21=$B$10,7,0)+IF('Standard Profiles'!$G$21=$B$17,14,0)+IF('Standard Profiles'!$G$21=$B$24,21,0),0)),0)</f>
        <v>0</v>
      </c>
      <c r="H3222" cm="1">
        <f t="array" ref="H3222">IFERROR(INDEX(Jesper!AL$2:AL$366,ROUNDDOWN($C3222/24,0)+1,1)*INDEX($D$3:$AA$30,INDEX(Jesper!$R$2:$R$366,ROW(INDEX(Jesper!AL$2:AL$366,ROUNDDOWN($C3222/24,0)+1,1))-1)+IF('Standard Profiles'!$G$22=$B$10,7,0)+IF('Standard Profiles'!$G$22=$B$17,14,0)+IF('Standard Profiles'!$G$22=$B$24,21,0),MOD($C3222,24)+1)/SUM(INDEX($D$3:$AA$30,INDEX(Jesper!$R$2:$R$366,ROW(INDEX(Jesper!AL$2:AL$366,ROUNDDOWN($C3222/24,0)+1,1))-1)+IF('Standard Profiles'!$G$22=$B$10,7,0)+IF('Standard Profiles'!$G$22=$B$17,14,0)+IF('Standard Profiles'!$G$22=$B$24,21,0),0)),0)</f>
        <v>0</v>
      </c>
      <c r="I3222">
        <f t="shared" si="363"/>
        <v>8.5773661442673427E-2</v>
      </c>
      <c r="J3222">
        <f t="shared" si="364"/>
        <v>0.28591220480891144</v>
      </c>
      <c r="K3222">
        <f t="shared" si="365"/>
        <v>0.42886830721336722</v>
      </c>
      <c r="L3222">
        <f t="shared" si="366"/>
        <v>6.040525868733595</v>
      </c>
      <c r="M3222">
        <f t="shared" si="367"/>
        <v>0</v>
      </c>
      <c r="N3222" s="46">
        <f t="shared" si="368"/>
        <v>45424.833333325601</v>
      </c>
    </row>
    <row r="3223" spans="2:14" x14ac:dyDescent="0.3">
      <c r="B3223">
        <f t="shared" si="362"/>
        <v>7</v>
      </c>
      <c r="C3223" s="16">
        <v>3189</v>
      </c>
      <c r="D3223" cm="1">
        <f t="array" ref="D3223">IFERROR(INDEX(Jesper!AH$2:AH$366,ROUNDDOWN($C3223/24,0)+1,1)*INDEX($D$3:$AA$30,INDEX(Jesper!$R$2:$R$366,ROW(INDEX(Jesper!AH$2:AH$366,ROUNDDOWN($C3223/24,0)+1,1))-1)+IF('Standard Profiles'!$G$18=$B$10,7,0)+IF('Standard Profiles'!$G$18=$B$17,14,0)+IF('Standard Profiles'!$G$18=$B$24,21,0),MOD($C3223,24)+1)/SUM(INDEX($D$3:$AA$30,INDEX(Jesper!$R$2:$R$366,ROW(INDEX(Jesper!AH$2:AH$366,ROUNDDOWN($C3223/24,0)+1,1))-1)+IF('Standard Profiles'!$G$18=$B$10,7,0)+IF('Standard Profiles'!$G$18=$B$17,14,0)+IF('Standard Profiles'!$G$18=$B$24,21,0),0)),0)</f>
        <v>5.1291224130642448</v>
      </c>
      <c r="E3223" cm="1">
        <f t="array" ref="E3223">IFERROR(INDEX(Jesper!AI$2:AI$366,ROUNDDOWN($C3223/24,0)+1,1)*INDEX($D$3:$AA$30,INDEX(Jesper!$R$2:$R$366,ROW(INDEX(Jesper!AI$2:AI$366,ROUNDDOWN($C3223/24,0)+1,1))-1)+IF('Standard Profiles'!$G$19=$B$10,7,0)+IF('Standard Profiles'!$G$19=$B$17,14,0)+IF('Standard Profiles'!$G$19=$B$24,21,0),MOD($C3223,24)+1)/SUM(INDEX($D$3:$AA$30,INDEX(Jesper!$R$2:$R$366,ROW(INDEX(Jesper!AI$2:AI$366,ROUNDDOWN($C3223/24,0)+1,1))-1)+IF('Standard Profiles'!$G$19=$B$10,7,0)+IF('Standard Profiles'!$G$19=$B$17,14,0)+IF('Standard Profiles'!$G$19=$B$24,21,0),0)),0)</f>
        <v>0.82923762368932985</v>
      </c>
      <c r="F3223" cm="1">
        <f t="array" ref="F3223">IFERROR(INDEX(Jesper!AJ$2:AJ$366,ROUNDDOWN($C3223/24,0)+1,1)*INDEX($D$3:$AA$30,INDEX(Jesper!$R$2:$R$366,ROW(INDEX(Jesper!AJ$2:AJ$366,ROUNDDOWN($C3223/24,0)+1,1))-1)+IF('Standard Profiles'!$G$20=$B$10,7,0)+IF('Standard Profiles'!$G$20=$B$17,14,0)+IF('Standard Profiles'!$G$20=$B$24,21,0),MOD($C3223,24)+1)/SUM(INDEX($D$3:$AA$30,INDEX(Jesper!$R$2:$R$366,ROW(INDEX(Jesper!AJ$2:AJ$366,ROUNDDOWN($C3223/24,0)+1,1))-1)+IF('Standard Profiles'!$G$20=$B$10,7,0)+IF('Standard Profiles'!$G$20=$B$17,14,0)+IF('Standard Profiles'!$G$20=$B$24,21,0),0)),0)</f>
        <v>0</v>
      </c>
      <c r="G3223" cm="1">
        <f t="array" ref="G3223">IFERROR(INDEX(Jesper!AK$2:AK$366,ROUNDDOWN($C3223/24,0)+1,1)*INDEX($D$3:$AA$30,INDEX(Jesper!$R$2:$R$366,ROW(INDEX(Jesper!AK$2:AK$366,ROUNDDOWN($C3223/24,0)+1,1))-1)+IF('Standard Profiles'!$G$21=$B$10,7,0)+IF('Standard Profiles'!$G$21=$B$17,14,0)+IF('Standard Profiles'!$G$21=$B$24,21,0),MOD($C3223,24)+1)/SUM(INDEX($D$3:$AA$30,INDEX(Jesper!$R$2:$R$366,ROW(INDEX(Jesper!AK$2:AK$366,ROUNDDOWN($C3223/24,0)+1,1))-1)+IF('Standard Profiles'!$G$21=$B$10,7,0)+IF('Standard Profiles'!$G$21=$B$17,14,0)+IF('Standard Profiles'!$G$21=$B$24,21,0),0)),0)</f>
        <v>0</v>
      </c>
      <c r="H3223" cm="1">
        <f t="array" ref="H3223">IFERROR(INDEX(Jesper!AL$2:AL$366,ROUNDDOWN($C3223/24,0)+1,1)*INDEX($D$3:$AA$30,INDEX(Jesper!$R$2:$R$366,ROW(INDEX(Jesper!AL$2:AL$366,ROUNDDOWN($C3223/24,0)+1,1))-1)+IF('Standard Profiles'!$G$22=$B$10,7,0)+IF('Standard Profiles'!$G$22=$B$17,14,0)+IF('Standard Profiles'!$G$22=$B$24,21,0),MOD($C3223,24)+1)/SUM(INDEX($D$3:$AA$30,INDEX(Jesper!$R$2:$R$366,ROW(INDEX(Jesper!AL$2:AL$366,ROUNDDOWN($C3223/24,0)+1,1))-1)+IF('Standard Profiles'!$G$22=$B$10,7,0)+IF('Standard Profiles'!$G$22=$B$17,14,0)+IF('Standard Profiles'!$G$22=$B$24,21,0),0)),0)</f>
        <v>0</v>
      </c>
      <c r="I3223">
        <f t="shared" si="363"/>
        <v>7.470609222426397E-2</v>
      </c>
      <c r="J3223">
        <f t="shared" si="364"/>
        <v>0.24902030741421327</v>
      </c>
      <c r="K3223">
        <f t="shared" si="365"/>
        <v>0.37353046112131988</v>
      </c>
      <c r="L3223">
        <f t="shared" si="366"/>
        <v>5.2611031759937772</v>
      </c>
      <c r="M3223">
        <f t="shared" si="367"/>
        <v>0</v>
      </c>
      <c r="N3223" s="46">
        <f t="shared" si="368"/>
        <v>45424.874999992266</v>
      </c>
    </row>
    <row r="3224" spans="2:14" x14ac:dyDescent="0.3">
      <c r="B3224">
        <f t="shared" si="362"/>
        <v>7</v>
      </c>
      <c r="C3224" s="16">
        <v>3190</v>
      </c>
      <c r="D3224" cm="1">
        <f t="array" ref="D3224">IFERROR(INDEX(Jesper!AH$2:AH$366,ROUNDDOWN($C3224/24,0)+1,1)*INDEX($D$3:$AA$30,INDEX(Jesper!$R$2:$R$366,ROW(INDEX(Jesper!AH$2:AH$366,ROUNDDOWN($C3224/24,0)+1,1))-1)+IF('Standard Profiles'!$G$18=$B$10,7,0)+IF('Standard Profiles'!$G$18=$B$17,14,0)+IF('Standard Profiles'!$G$18=$B$24,21,0),MOD($C3224,24)+1)/SUM(INDEX($D$3:$AA$30,INDEX(Jesper!$R$2:$R$366,ROW(INDEX(Jesper!AH$2:AH$366,ROUNDDOWN($C3224/24,0)+1,1))-1)+IF('Standard Profiles'!$G$18=$B$10,7,0)+IF('Standard Profiles'!$G$18=$B$17,14,0)+IF('Standard Profiles'!$G$18=$B$24,21,0),0)),0)</f>
        <v>5.1291224130642448</v>
      </c>
      <c r="E3224" cm="1">
        <f t="array" ref="E3224">IFERROR(INDEX(Jesper!AI$2:AI$366,ROUNDDOWN($C3224/24,0)+1,1)*INDEX($D$3:$AA$30,INDEX(Jesper!$R$2:$R$366,ROW(INDEX(Jesper!AI$2:AI$366,ROUNDDOWN($C3224/24,0)+1,1))-1)+IF('Standard Profiles'!$G$19=$B$10,7,0)+IF('Standard Profiles'!$G$19=$B$17,14,0)+IF('Standard Profiles'!$G$19=$B$24,21,0),MOD($C3224,24)+1)/SUM(INDEX($D$3:$AA$30,INDEX(Jesper!$R$2:$R$366,ROW(INDEX(Jesper!AI$2:AI$366,ROUNDDOWN($C3224/24,0)+1,1))-1)+IF('Standard Profiles'!$G$19=$B$10,7,0)+IF('Standard Profiles'!$G$19=$B$17,14,0)+IF('Standard Profiles'!$G$19=$B$24,21,0),0)),0)</f>
        <v>0.82923762368932985</v>
      </c>
      <c r="F3224" cm="1">
        <f t="array" ref="F3224">IFERROR(INDEX(Jesper!AJ$2:AJ$366,ROUNDDOWN($C3224/24,0)+1,1)*INDEX($D$3:$AA$30,INDEX(Jesper!$R$2:$R$366,ROW(INDEX(Jesper!AJ$2:AJ$366,ROUNDDOWN($C3224/24,0)+1,1))-1)+IF('Standard Profiles'!$G$20=$B$10,7,0)+IF('Standard Profiles'!$G$20=$B$17,14,0)+IF('Standard Profiles'!$G$20=$B$24,21,0),MOD($C3224,24)+1)/SUM(INDEX($D$3:$AA$30,INDEX(Jesper!$R$2:$R$366,ROW(INDEX(Jesper!AJ$2:AJ$366,ROUNDDOWN($C3224/24,0)+1,1))-1)+IF('Standard Profiles'!$G$20=$B$10,7,0)+IF('Standard Profiles'!$G$20=$B$17,14,0)+IF('Standard Profiles'!$G$20=$B$24,21,0),0)),0)</f>
        <v>0</v>
      </c>
      <c r="G3224" cm="1">
        <f t="array" ref="G3224">IFERROR(INDEX(Jesper!AK$2:AK$366,ROUNDDOWN($C3224/24,0)+1,1)*INDEX($D$3:$AA$30,INDEX(Jesper!$R$2:$R$366,ROW(INDEX(Jesper!AK$2:AK$366,ROUNDDOWN($C3224/24,0)+1,1))-1)+IF('Standard Profiles'!$G$21=$B$10,7,0)+IF('Standard Profiles'!$G$21=$B$17,14,0)+IF('Standard Profiles'!$G$21=$B$24,21,0),MOD($C3224,24)+1)/SUM(INDEX($D$3:$AA$30,INDEX(Jesper!$R$2:$R$366,ROW(INDEX(Jesper!AK$2:AK$366,ROUNDDOWN($C3224/24,0)+1,1))-1)+IF('Standard Profiles'!$G$21=$B$10,7,0)+IF('Standard Profiles'!$G$21=$B$17,14,0)+IF('Standard Profiles'!$G$21=$B$24,21,0),0)),0)</f>
        <v>0</v>
      </c>
      <c r="H3224" cm="1">
        <f t="array" ref="H3224">IFERROR(INDEX(Jesper!AL$2:AL$366,ROUNDDOWN($C3224/24,0)+1,1)*INDEX($D$3:$AA$30,INDEX(Jesper!$R$2:$R$366,ROW(INDEX(Jesper!AL$2:AL$366,ROUNDDOWN($C3224/24,0)+1,1))-1)+IF('Standard Profiles'!$G$22=$B$10,7,0)+IF('Standard Profiles'!$G$22=$B$17,14,0)+IF('Standard Profiles'!$G$22=$B$24,21,0),MOD($C3224,24)+1)/SUM(INDEX($D$3:$AA$30,INDEX(Jesper!$R$2:$R$366,ROW(INDEX(Jesper!AL$2:AL$366,ROUNDDOWN($C3224/24,0)+1,1))-1)+IF('Standard Profiles'!$G$22=$B$10,7,0)+IF('Standard Profiles'!$G$22=$B$17,14,0)+IF('Standard Profiles'!$G$22=$B$24,21,0),0)),0)</f>
        <v>0</v>
      </c>
      <c r="I3224">
        <f t="shared" si="363"/>
        <v>7.470609222426397E-2</v>
      </c>
      <c r="J3224">
        <f t="shared" si="364"/>
        <v>0.24902030741421327</v>
      </c>
      <c r="K3224">
        <f t="shared" si="365"/>
        <v>0.37353046112131988</v>
      </c>
      <c r="L3224">
        <f t="shared" si="366"/>
        <v>5.2611031759937772</v>
      </c>
      <c r="M3224">
        <f t="shared" si="367"/>
        <v>0</v>
      </c>
      <c r="N3224" s="46">
        <f t="shared" si="368"/>
        <v>45424.91666665893</v>
      </c>
    </row>
    <row r="3225" spans="2:14" x14ac:dyDescent="0.3">
      <c r="B3225">
        <f t="shared" si="362"/>
        <v>7</v>
      </c>
      <c r="C3225" s="16">
        <v>3191</v>
      </c>
      <c r="D3225" cm="1">
        <f t="array" ref="D3225">IFERROR(INDEX(Jesper!AH$2:AH$366,ROUNDDOWN($C3225/24,0)+1,1)*INDEX($D$3:$AA$30,INDEX(Jesper!$R$2:$R$366,ROW(INDEX(Jesper!AH$2:AH$366,ROUNDDOWN($C3225/24,0)+1,1))-1)+IF('Standard Profiles'!$G$18=$B$10,7,0)+IF('Standard Profiles'!$G$18=$B$17,14,0)+IF('Standard Profiles'!$G$18=$B$24,21,0),MOD($C3225,24)+1)/SUM(INDEX($D$3:$AA$30,INDEX(Jesper!$R$2:$R$366,ROW(INDEX(Jesper!AH$2:AH$366,ROUNDDOWN($C3225/24,0)+1,1))-1)+IF('Standard Profiles'!$G$18=$B$10,7,0)+IF('Standard Profiles'!$G$18=$B$17,14,0)+IF('Standard Profiles'!$G$18=$B$24,21,0),0)),0)</f>
        <v>5.1291224130642448</v>
      </c>
      <c r="E3225" cm="1">
        <f t="array" ref="E3225">IFERROR(INDEX(Jesper!AI$2:AI$366,ROUNDDOWN($C3225/24,0)+1,1)*INDEX($D$3:$AA$30,INDEX(Jesper!$R$2:$R$366,ROW(INDEX(Jesper!AI$2:AI$366,ROUNDDOWN($C3225/24,0)+1,1))-1)+IF('Standard Profiles'!$G$19=$B$10,7,0)+IF('Standard Profiles'!$G$19=$B$17,14,0)+IF('Standard Profiles'!$G$19=$B$24,21,0),MOD($C3225,24)+1)/SUM(INDEX($D$3:$AA$30,INDEX(Jesper!$R$2:$R$366,ROW(INDEX(Jesper!AI$2:AI$366,ROUNDDOWN($C3225/24,0)+1,1))-1)+IF('Standard Profiles'!$G$19=$B$10,7,0)+IF('Standard Profiles'!$G$19=$B$17,14,0)+IF('Standard Profiles'!$G$19=$B$24,21,0),0)),0)</f>
        <v>0.82923762368932985</v>
      </c>
      <c r="F3225" cm="1">
        <f t="array" ref="F3225">IFERROR(INDEX(Jesper!AJ$2:AJ$366,ROUNDDOWN($C3225/24,0)+1,1)*INDEX($D$3:$AA$30,INDEX(Jesper!$R$2:$R$366,ROW(INDEX(Jesper!AJ$2:AJ$366,ROUNDDOWN($C3225/24,0)+1,1))-1)+IF('Standard Profiles'!$G$20=$B$10,7,0)+IF('Standard Profiles'!$G$20=$B$17,14,0)+IF('Standard Profiles'!$G$20=$B$24,21,0),MOD($C3225,24)+1)/SUM(INDEX($D$3:$AA$30,INDEX(Jesper!$R$2:$R$366,ROW(INDEX(Jesper!AJ$2:AJ$366,ROUNDDOWN($C3225/24,0)+1,1))-1)+IF('Standard Profiles'!$G$20=$B$10,7,0)+IF('Standard Profiles'!$G$20=$B$17,14,0)+IF('Standard Profiles'!$G$20=$B$24,21,0),0)),0)</f>
        <v>0</v>
      </c>
      <c r="G3225" cm="1">
        <f t="array" ref="G3225">IFERROR(INDEX(Jesper!AK$2:AK$366,ROUNDDOWN($C3225/24,0)+1,1)*INDEX($D$3:$AA$30,INDEX(Jesper!$R$2:$R$366,ROW(INDEX(Jesper!AK$2:AK$366,ROUNDDOWN($C3225/24,0)+1,1))-1)+IF('Standard Profiles'!$G$21=$B$10,7,0)+IF('Standard Profiles'!$G$21=$B$17,14,0)+IF('Standard Profiles'!$G$21=$B$24,21,0),MOD($C3225,24)+1)/SUM(INDEX($D$3:$AA$30,INDEX(Jesper!$R$2:$R$366,ROW(INDEX(Jesper!AK$2:AK$366,ROUNDDOWN($C3225/24,0)+1,1))-1)+IF('Standard Profiles'!$G$21=$B$10,7,0)+IF('Standard Profiles'!$G$21=$B$17,14,0)+IF('Standard Profiles'!$G$21=$B$24,21,0),0)),0)</f>
        <v>0</v>
      </c>
      <c r="H3225" cm="1">
        <f t="array" ref="H3225">IFERROR(INDEX(Jesper!AL$2:AL$366,ROUNDDOWN($C3225/24,0)+1,1)*INDEX($D$3:$AA$30,INDEX(Jesper!$R$2:$R$366,ROW(INDEX(Jesper!AL$2:AL$366,ROUNDDOWN($C3225/24,0)+1,1))-1)+IF('Standard Profiles'!$G$22=$B$10,7,0)+IF('Standard Profiles'!$G$22=$B$17,14,0)+IF('Standard Profiles'!$G$22=$B$24,21,0),MOD($C3225,24)+1)/SUM(INDEX($D$3:$AA$30,INDEX(Jesper!$R$2:$R$366,ROW(INDEX(Jesper!AL$2:AL$366,ROUNDDOWN($C3225/24,0)+1,1))-1)+IF('Standard Profiles'!$G$22=$B$10,7,0)+IF('Standard Profiles'!$G$22=$B$17,14,0)+IF('Standard Profiles'!$G$22=$B$24,21,0),0)),0)</f>
        <v>0</v>
      </c>
      <c r="I3225">
        <f t="shared" si="363"/>
        <v>7.470609222426397E-2</v>
      </c>
      <c r="J3225">
        <f t="shared" si="364"/>
        <v>0.24902030741421327</v>
      </c>
      <c r="K3225">
        <f t="shared" si="365"/>
        <v>0.37353046112131988</v>
      </c>
      <c r="L3225">
        <f t="shared" si="366"/>
        <v>5.2611031759937772</v>
      </c>
      <c r="M3225">
        <f t="shared" si="367"/>
        <v>0</v>
      </c>
      <c r="N3225" s="46">
        <f t="shared" si="368"/>
        <v>45424.958333325594</v>
      </c>
    </row>
    <row r="3226" spans="2:14" x14ac:dyDescent="0.3">
      <c r="B3226">
        <f t="shared" si="362"/>
        <v>1</v>
      </c>
      <c r="C3226" s="16">
        <v>3192</v>
      </c>
      <c r="D3226" cm="1">
        <f t="array" ref="D3226">IFERROR(INDEX(Jesper!AH$2:AH$366,ROUNDDOWN($C3226/24,0)+1,1)*INDEX($D$3:$AA$30,INDEX(Jesper!$R$2:$R$366,ROW(INDEX(Jesper!AH$2:AH$366,ROUNDDOWN($C3226/24,0)+1,1))-1)+IF('Standard Profiles'!$G$18=$B$10,7,0)+IF('Standard Profiles'!$G$18=$B$17,14,0)+IF('Standard Profiles'!$G$18=$B$24,21,0),MOD($C3226,24)+1)/SUM(INDEX($D$3:$AA$30,INDEX(Jesper!$R$2:$R$366,ROW(INDEX(Jesper!AH$2:AH$366,ROUNDDOWN($C3226/24,0)+1,1))-1)+IF('Standard Profiles'!$G$18=$B$10,7,0)+IF('Standard Profiles'!$G$18=$B$17,14,0)+IF('Standard Profiles'!$G$18=$B$24,21,0),0)),0)</f>
        <v>2.360526182378659</v>
      </c>
      <c r="E3226" cm="1">
        <f t="array" ref="E3226">IFERROR(INDEX(Jesper!AI$2:AI$366,ROUNDDOWN($C3226/24,0)+1,1)*INDEX($D$3:$AA$30,INDEX(Jesper!$R$2:$R$366,ROW(INDEX(Jesper!AI$2:AI$366,ROUNDDOWN($C3226/24,0)+1,1))-1)+IF('Standard Profiles'!$G$19=$B$10,7,0)+IF('Standard Profiles'!$G$19=$B$17,14,0)+IF('Standard Profiles'!$G$19=$B$24,21,0),MOD($C3226,24)+1)/SUM(INDEX($D$3:$AA$30,INDEX(Jesper!$R$2:$R$366,ROW(INDEX(Jesper!AI$2:AI$366,ROUNDDOWN($C3226/24,0)+1,1))-1)+IF('Standard Profiles'!$G$19=$B$10,7,0)+IF('Standard Profiles'!$G$19=$B$17,14,0)+IF('Standard Profiles'!$G$19=$B$24,21,0),0)),0)</f>
        <v>0</v>
      </c>
      <c r="F3226" cm="1">
        <f t="array" ref="F3226">IFERROR(INDEX(Jesper!AJ$2:AJ$366,ROUNDDOWN($C3226/24,0)+1,1)*INDEX($D$3:$AA$30,INDEX(Jesper!$R$2:$R$366,ROW(INDEX(Jesper!AJ$2:AJ$366,ROUNDDOWN($C3226/24,0)+1,1))-1)+IF('Standard Profiles'!$G$20=$B$10,7,0)+IF('Standard Profiles'!$G$20=$B$17,14,0)+IF('Standard Profiles'!$G$20=$B$24,21,0),MOD($C3226,24)+1)/SUM(INDEX($D$3:$AA$30,INDEX(Jesper!$R$2:$R$366,ROW(INDEX(Jesper!AJ$2:AJ$366,ROUNDDOWN($C3226/24,0)+1,1))-1)+IF('Standard Profiles'!$G$20=$B$10,7,0)+IF('Standard Profiles'!$G$20=$B$17,14,0)+IF('Standard Profiles'!$G$20=$B$24,21,0),0)),0)</f>
        <v>0</v>
      </c>
      <c r="G3226" cm="1">
        <f t="array" ref="G3226">IFERROR(INDEX(Jesper!AK$2:AK$366,ROUNDDOWN($C3226/24,0)+1,1)*INDEX($D$3:$AA$30,INDEX(Jesper!$R$2:$R$366,ROW(INDEX(Jesper!AK$2:AK$366,ROUNDDOWN($C3226/24,0)+1,1))-1)+IF('Standard Profiles'!$G$21=$B$10,7,0)+IF('Standard Profiles'!$G$21=$B$17,14,0)+IF('Standard Profiles'!$G$21=$B$24,21,0),MOD($C3226,24)+1)/SUM(INDEX($D$3:$AA$30,INDEX(Jesper!$R$2:$R$366,ROW(INDEX(Jesper!AK$2:AK$366,ROUNDDOWN($C3226/24,0)+1,1))-1)+IF('Standard Profiles'!$G$21=$B$10,7,0)+IF('Standard Profiles'!$G$21=$B$17,14,0)+IF('Standard Profiles'!$G$21=$B$24,21,0),0)),0)</f>
        <v>0</v>
      </c>
      <c r="H3226" cm="1">
        <f t="array" ref="H3226">IFERROR(INDEX(Jesper!AL$2:AL$366,ROUNDDOWN($C3226/24,0)+1,1)*INDEX($D$3:$AA$30,INDEX(Jesper!$R$2:$R$366,ROW(INDEX(Jesper!AL$2:AL$366,ROUNDDOWN($C3226/24,0)+1,1))-1)+IF('Standard Profiles'!$G$22=$B$10,7,0)+IF('Standard Profiles'!$G$22=$B$17,14,0)+IF('Standard Profiles'!$G$22=$B$24,21,0),MOD($C3226,24)+1)/SUM(INDEX($D$3:$AA$30,INDEX(Jesper!$R$2:$R$366,ROW(INDEX(Jesper!AL$2:AL$366,ROUNDDOWN($C3226/24,0)+1,1))-1)+IF('Standard Profiles'!$G$22=$B$10,7,0)+IF('Standard Profiles'!$G$22=$B$17,14,0)+IF('Standard Profiles'!$G$22=$B$24,21,0),0)),0)</f>
        <v>0</v>
      </c>
      <c r="I3226">
        <f t="shared" si="363"/>
        <v>7.0815785471359763E-2</v>
      </c>
      <c r="J3226">
        <f t="shared" si="364"/>
        <v>0.23605261823786591</v>
      </c>
      <c r="K3226">
        <f t="shared" si="365"/>
        <v>0.35407892735679886</v>
      </c>
      <c r="L3226">
        <f t="shared" si="366"/>
        <v>1.6995788513126344</v>
      </c>
      <c r="M3226">
        <f t="shared" si="367"/>
        <v>0</v>
      </c>
      <c r="N3226" s="46">
        <f t="shared" si="368"/>
        <v>45424.999999992258</v>
      </c>
    </row>
    <row r="3227" spans="2:14" x14ac:dyDescent="0.3">
      <c r="B3227">
        <f t="shared" si="362"/>
        <v>1</v>
      </c>
      <c r="C3227" s="16">
        <v>3193</v>
      </c>
      <c r="D3227" cm="1">
        <f t="array" ref="D3227">IFERROR(INDEX(Jesper!AH$2:AH$366,ROUNDDOWN($C3227/24,0)+1,1)*INDEX($D$3:$AA$30,INDEX(Jesper!$R$2:$R$366,ROW(INDEX(Jesper!AH$2:AH$366,ROUNDDOWN($C3227/24,0)+1,1))-1)+IF('Standard Profiles'!$G$18=$B$10,7,0)+IF('Standard Profiles'!$G$18=$B$17,14,0)+IF('Standard Profiles'!$G$18=$B$24,21,0),MOD($C3227,24)+1)/SUM(INDEX($D$3:$AA$30,INDEX(Jesper!$R$2:$R$366,ROW(INDEX(Jesper!AH$2:AH$366,ROUNDDOWN($C3227/24,0)+1,1))-1)+IF('Standard Profiles'!$G$18=$B$10,7,0)+IF('Standard Profiles'!$G$18=$B$17,14,0)+IF('Standard Profiles'!$G$18=$B$24,21,0),0)),0)</f>
        <v>2.360526182378659</v>
      </c>
      <c r="E3227" cm="1">
        <f t="array" ref="E3227">IFERROR(INDEX(Jesper!AI$2:AI$366,ROUNDDOWN($C3227/24,0)+1,1)*INDEX($D$3:$AA$30,INDEX(Jesper!$R$2:$R$366,ROW(INDEX(Jesper!AI$2:AI$366,ROUNDDOWN($C3227/24,0)+1,1))-1)+IF('Standard Profiles'!$G$19=$B$10,7,0)+IF('Standard Profiles'!$G$19=$B$17,14,0)+IF('Standard Profiles'!$G$19=$B$24,21,0),MOD($C3227,24)+1)/SUM(INDEX($D$3:$AA$30,INDEX(Jesper!$R$2:$R$366,ROW(INDEX(Jesper!AI$2:AI$366,ROUNDDOWN($C3227/24,0)+1,1))-1)+IF('Standard Profiles'!$G$19=$B$10,7,0)+IF('Standard Profiles'!$G$19=$B$17,14,0)+IF('Standard Profiles'!$G$19=$B$24,21,0),0)),0)</f>
        <v>0</v>
      </c>
      <c r="F3227" cm="1">
        <f t="array" ref="F3227">IFERROR(INDEX(Jesper!AJ$2:AJ$366,ROUNDDOWN($C3227/24,0)+1,1)*INDEX($D$3:$AA$30,INDEX(Jesper!$R$2:$R$366,ROW(INDEX(Jesper!AJ$2:AJ$366,ROUNDDOWN($C3227/24,0)+1,1))-1)+IF('Standard Profiles'!$G$20=$B$10,7,0)+IF('Standard Profiles'!$G$20=$B$17,14,0)+IF('Standard Profiles'!$G$20=$B$24,21,0),MOD($C3227,24)+1)/SUM(INDEX($D$3:$AA$30,INDEX(Jesper!$R$2:$R$366,ROW(INDEX(Jesper!AJ$2:AJ$366,ROUNDDOWN($C3227/24,0)+1,1))-1)+IF('Standard Profiles'!$G$20=$B$10,7,0)+IF('Standard Profiles'!$G$20=$B$17,14,0)+IF('Standard Profiles'!$G$20=$B$24,21,0),0)),0)</f>
        <v>0</v>
      </c>
      <c r="G3227" cm="1">
        <f t="array" ref="G3227">IFERROR(INDEX(Jesper!AK$2:AK$366,ROUNDDOWN($C3227/24,0)+1,1)*INDEX($D$3:$AA$30,INDEX(Jesper!$R$2:$R$366,ROW(INDEX(Jesper!AK$2:AK$366,ROUNDDOWN($C3227/24,0)+1,1))-1)+IF('Standard Profiles'!$G$21=$B$10,7,0)+IF('Standard Profiles'!$G$21=$B$17,14,0)+IF('Standard Profiles'!$G$21=$B$24,21,0),MOD($C3227,24)+1)/SUM(INDEX($D$3:$AA$30,INDEX(Jesper!$R$2:$R$366,ROW(INDEX(Jesper!AK$2:AK$366,ROUNDDOWN($C3227/24,0)+1,1))-1)+IF('Standard Profiles'!$G$21=$B$10,7,0)+IF('Standard Profiles'!$G$21=$B$17,14,0)+IF('Standard Profiles'!$G$21=$B$24,21,0),0)),0)</f>
        <v>0</v>
      </c>
      <c r="H3227" cm="1">
        <f t="array" ref="H3227">IFERROR(INDEX(Jesper!AL$2:AL$366,ROUNDDOWN($C3227/24,0)+1,1)*INDEX($D$3:$AA$30,INDEX(Jesper!$R$2:$R$366,ROW(INDEX(Jesper!AL$2:AL$366,ROUNDDOWN($C3227/24,0)+1,1))-1)+IF('Standard Profiles'!$G$22=$B$10,7,0)+IF('Standard Profiles'!$G$22=$B$17,14,0)+IF('Standard Profiles'!$G$22=$B$24,21,0),MOD($C3227,24)+1)/SUM(INDEX($D$3:$AA$30,INDEX(Jesper!$R$2:$R$366,ROW(INDEX(Jesper!AL$2:AL$366,ROUNDDOWN($C3227/24,0)+1,1))-1)+IF('Standard Profiles'!$G$22=$B$10,7,0)+IF('Standard Profiles'!$G$22=$B$17,14,0)+IF('Standard Profiles'!$G$22=$B$24,21,0),0)),0)</f>
        <v>0</v>
      </c>
      <c r="I3227">
        <f t="shared" si="363"/>
        <v>7.0815785471359763E-2</v>
      </c>
      <c r="J3227">
        <f t="shared" si="364"/>
        <v>0.23605261823786591</v>
      </c>
      <c r="K3227">
        <f t="shared" si="365"/>
        <v>0.35407892735679886</v>
      </c>
      <c r="L3227">
        <f t="shared" si="366"/>
        <v>1.6995788513126344</v>
      </c>
      <c r="M3227">
        <f t="shared" si="367"/>
        <v>0</v>
      </c>
      <c r="N3227" s="46">
        <f t="shared" si="368"/>
        <v>45425.041666658923</v>
      </c>
    </row>
    <row r="3228" spans="2:14" x14ac:dyDescent="0.3">
      <c r="B3228">
        <f t="shared" si="362"/>
        <v>1</v>
      </c>
      <c r="C3228" s="16">
        <v>3194</v>
      </c>
      <c r="D3228" cm="1">
        <f t="array" ref="D3228">IFERROR(INDEX(Jesper!AH$2:AH$366,ROUNDDOWN($C3228/24,0)+1,1)*INDEX($D$3:$AA$30,INDEX(Jesper!$R$2:$R$366,ROW(INDEX(Jesper!AH$2:AH$366,ROUNDDOWN($C3228/24,0)+1,1))-1)+IF('Standard Profiles'!$G$18=$B$10,7,0)+IF('Standard Profiles'!$G$18=$B$17,14,0)+IF('Standard Profiles'!$G$18=$B$24,21,0),MOD($C3228,24)+1)/SUM(INDEX($D$3:$AA$30,INDEX(Jesper!$R$2:$R$366,ROW(INDEX(Jesper!AH$2:AH$366,ROUNDDOWN($C3228/24,0)+1,1))-1)+IF('Standard Profiles'!$G$18=$B$10,7,0)+IF('Standard Profiles'!$G$18=$B$17,14,0)+IF('Standard Profiles'!$G$18=$B$24,21,0),0)),0)</f>
        <v>2.360526182378659</v>
      </c>
      <c r="E3228" cm="1">
        <f t="array" ref="E3228">IFERROR(INDEX(Jesper!AI$2:AI$366,ROUNDDOWN($C3228/24,0)+1,1)*INDEX($D$3:$AA$30,INDEX(Jesper!$R$2:$R$366,ROW(INDEX(Jesper!AI$2:AI$366,ROUNDDOWN($C3228/24,0)+1,1))-1)+IF('Standard Profiles'!$G$19=$B$10,7,0)+IF('Standard Profiles'!$G$19=$B$17,14,0)+IF('Standard Profiles'!$G$19=$B$24,21,0),MOD($C3228,24)+1)/SUM(INDEX($D$3:$AA$30,INDEX(Jesper!$R$2:$R$366,ROW(INDEX(Jesper!AI$2:AI$366,ROUNDDOWN($C3228/24,0)+1,1))-1)+IF('Standard Profiles'!$G$19=$B$10,7,0)+IF('Standard Profiles'!$G$19=$B$17,14,0)+IF('Standard Profiles'!$G$19=$B$24,21,0),0)),0)</f>
        <v>0</v>
      </c>
      <c r="F3228" cm="1">
        <f t="array" ref="F3228">IFERROR(INDEX(Jesper!AJ$2:AJ$366,ROUNDDOWN($C3228/24,0)+1,1)*INDEX($D$3:$AA$30,INDEX(Jesper!$R$2:$R$366,ROW(INDEX(Jesper!AJ$2:AJ$366,ROUNDDOWN($C3228/24,0)+1,1))-1)+IF('Standard Profiles'!$G$20=$B$10,7,0)+IF('Standard Profiles'!$G$20=$B$17,14,0)+IF('Standard Profiles'!$G$20=$B$24,21,0),MOD($C3228,24)+1)/SUM(INDEX($D$3:$AA$30,INDEX(Jesper!$R$2:$R$366,ROW(INDEX(Jesper!AJ$2:AJ$366,ROUNDDOWN($C3228/24,0)+1,1))-1)+IF('Standard Profiles'!$G$20=$B$10,7,0)+IF('Standard Profiles'!$G$20=$B$17,14,0)+IF('Standard Profiles'!$G$20=$B$24,21,0),0)),0)</f>
        <v>0</v>
      </c>
      <c r="G3228" cm="1">
        <f t="array" ref="G3228">IFERROR(INDEX(Jesper!AK$2:AK$366,ROUNDDOWN($C3228/24,0)+1,1)*INDEX($D$3:$AA$30,INDEX(Jesper!$R$2:$R$366,ROW(INDEX(Jesper!AK$2:AK$366,ROUNDDOWN($C3228/24,0)+1,1))-1)+IF('Standard Profiles'!$G$21=$B$10,7,0)+IF('Standard Profiles'!$G$21=$B$17,14,0)+IF('Standard Profiles'!$G$21=$B$24,21,0),MOD($C3228,24)+1)/SUM(INDEX($D$3:$AA$30,INDEX(Jesper!$R$2:$R$366,ROW(INDEX(Jesper!AK$2:AK$366,ROUNDDOWN($C3228/24,0)+1,1))-1)+IF('Standard Profiles'!$G$21=$B$10,7,0)+IF('Standard Profiles'!$G$21=$B$17,14,0)+IF('Standard Profiles'!$G$21=$B$24,21,0),0)),0)</f>
        <v>0</v>
      </c>
      <c r="H3228" cm="1">
        <f t="array" ref="H3228">IFERROR(INDEX(Jesper!AL$2:AL$366,ROUNDDOWN($C3228/24,0)+1,1)*INDEX($D$3:$AA$30,INDEX(Jesper!$R$2:$R$366,ROW(INDEX(Jesper!AL$2:AL$366,ROUNDDOWN($C3228/24,0)+1,1))-1)+IF('Standard Profiles'!$G$22=$B$10,7,0)+IF('Standard Profiles'!$G$22=$B$17,14,0)+IF('Standard Profiles'!$G$22=$B$24,21,0),MOD($C3228,24)+1)/SUM(INDEX($D$3:$AA$30,INDEX(Jesper!$R$2:$R$366,ROW(INDEX(Jesper!AL$2:AL$366,ROUNDDOWN($C3228/24,0)+1,1))-1)+IF('Standard Profiles'!$G$22=$B$10,7,0)+IF('Standard Profiles'!$G$22=$B$17,14,0)+IF('Standard Profiles'!$G$22=$B$24,21,0),0)),0)</f>
        <v>0</v>
      </c>
      <c r="I3228">
        <f t="shared" si="363"/>
        <v>7.0815785471359763E-2</v>
      </c>
      <c r="J3228">
        <f t="shared" si="364"/>
        <v>0.23605261823786591</v>
      </c>
      <c r="K3228">
        <f t="shared" si="365"/>
        <v>0.35407892735679886</v>
      </c>
      <c r="L3228">
        <f t="shared" si="366"/>
        <v>1.6995788513126344</v>
      </c>
      <c r="M3228">
        <f t="shared" si="367"/>
        <v>0</v>
      </c>
      <c r="N3228" s="46">
        <f t="shared" si="368"/>
        <v>45425.083333325587</v>
      </c>
    </row>
    <row r="3229" spans="2:14" x14ac:dyDescent="0.3">
      <c r="B3229">
        <f t="shared" si="362"/>
        <v>1</v>
      </c>
      <c r="C3229" s="16">
        <v>3195</v>
      </c>
      <c r="D3229" cm="1">
        <f t="array" ref="D3229">IFERROR(INDEX(Jesper!AH$2:AH$366,ROUNDDOWN($C3229/24,0)+1,1)*INDEX($D$3:$AA$30,INDEX(Jesper!$R$2:$R$366,ROW(INDEX(Jesper!AH$2:AH$366,ROUNDDOWN($C3229/24,0)+1,1))-1)+IF('Standard Profiles'!$G$18=$B$10,7,0)+IF('Standard Profiles'!$G$18=$B$17,14,0)+IF('Standard Profiles'!$G$18=$B$24,21,0),MOD($C3229,24)+1)/SUM(INDEX($D$3:$AA$30,INDEX(Jesper!$R$2:$R$366,ROW(INDEX(Jesper!AH$2:AH$366,ROUNDDOWN($C3229/24,0)+1,1))-1)+IF('Standard Profiles'!$G$18=$B$10,7,0)+IF('Standard Profiles'!$G$18=$B$17,14,0)+IF('Standard Profiles'!$G$18=$B$24,21,0),0)),0)</f>
        <v>2.360526182378659</v>
      </c>
      <c r="E3229" cm="1">
        <f t="array" ref="E3229">IFERROR(INDEX(Jesper!AI$2:AI$366,ROUNDDOWN($C3229/24,0)+1,1)*INDEX($D$3:$AA$30,INDEX(Jesper!$R$2:$R$366,ROW(INDEX(Jesper!AI$2:AI$366,ROUNDDOWN($C3229/24,0)+1,1))-1)+IF('Standard Profiles'!$G$19=$B$10,7,0)+IF('Standard Profiles'!$G$19=$B$17,14,0)+IF('Standard Profiles'!$G$19=$B$24,21,0),MOD($C3229,24)+1)/SUM(INDEX($D$3:$AA$30,INDEX(Jesper!$R$2:$R$366,ROW(INDEX(Jesper!AI$2:AI$366,ROUNDDOWN($C3229/24,0)+1,1))-1)+IF('Standard Profiles'!$G$19=$B$10,7,0)+IF('Standard Profiles'!$G$19=$B$17,14,0)+IF('Standard Profiles'!$G$19=$B$24,21,0),0)),0)</f>
        <v>0</v>
      </c>
      <c r="F3229" cm="1">
        <f t="array" ref="F3229">IFERROR(INDEX(Jesper!AJ$2:AJ$366,ROUNDDOWN($C3229/24,0)+1,1)*INDEX($D$3:$AA$30,INDEX(Jesper!$R$2:$R$366,ROW(INDEX(Jesper!AJ$2:AJ$366,ROUNDDOWN($C3229/24,0)+1,1))-1)+IF('Standard Profiles'!$G$20=$B$10,7,0)+IF('Standard Profiles'!$G$20=$B$17,14,0)+IF('Standard Profiles'!$G$20=$B$24,21,0),MOD($C3229,24)+1)/SUM(INDEX($D$3:$AA$30,INDEX(Jesper!$R$2:$R$366,ROW(INDEX(Jesper!AJ$2:AJ$366,ROUNDDOWN($C3229/24,0)+1,1))-1)+IF('Standard Profiles'!$G$20=$B$10,7,0)+IF('Standard Profiles'!$G$20=$B$17,14,0)+IF('Standard Profiles'!$G$20=$B$24,21,0),0)),0)</f>
        <v>0</v>
      </c>
      <c r="G3229" cm="1">
        <f t="array" ref="G3229">IFERROR(INDEX(Jesper!AK$2:AK$366,ROUNDDOWN($C3229/24,0)+1,1)*INDEX($D$3:$AA$30,INDEX(Jesper!$R$2:$R$366,ROW(INDEX(Jesper!AK$2:AK$366,ROUNDDOWN($C3229/24,0)+1,1))-1)+IF('Standard Profiles'!$G$21=$B$10,7,0)+IF('Standard Profiles'!$G$21=$B$17,14,0)+IF('Standard Profiles'!$G$21=$B$24,21,0),MOD($C3229,24)+1)/SUM(INDEX($D$3:$AA$30,INDEX(Jesper!$R$2:$R$366,ROW(INDEX(Jesper!AK$2:AK$366,ROUNDDOWN($C3229/24,0)+1,1))-1)+IF('Standard Profiles'!$G$21=$B$10,7,0)+IF('Standard Profiles'!$G$21=$B$17,14,0)+IF('Standard Profiles'!$G$21=$B$24,21,0),0)),0)</f>
        <v>0</v>
      </c>
      <c r="H3229" cm="1">
        <f t="array" ref="H3229">IFERROR(INDEX(Jesper!AL$2:AL$366,ROUNDDOWN($C3229/24,0)+1,1)*INDEX($D$3:$AA$30,INDEX(Jesper!$R$2:$R$366,ROW(INDEX(Jesper!AL$2:AL$366,ROUNDDOWN($C3229/24,0)+1,1))-1)+IF('Standard Profiles'!$G$22=$B$10,7,0)+IF('Standard Profiles'!$G$22=$B$17,14,0)+IF('Standard Profiles'!$G$22=$B$24,21,0),MOD($C3229,24)+1)/SUM(INDEX($D$3:$AA$30,INDEX(Jesper!$R$2:$R$366,ROW(INDEX(Jesper!AL$2:AL$366,ROUNDDOWN($C3229/24,0)+1,1))-1)+IF('Standard Profiles'!$G$22=$B$10,7,0)+IF('Standard Profiles'!$G$22=$B$17,14,0)+IF('Standard Profiles'!$G$22=$B$24,21,0),0)),0)</f>
        <v>0</v>
      </c>
      <c r="I3229">
        <f t="shared" si="363"/>
        <v>7.0815785471359763E-2</v>
      </c>
      <c r="J3229">
        <f t="shared" si="364"/>
        <v>0.23605261823786591</v>
      </c>
      <c r="K3229">
        <f t="shared" si="365"/>
        <v>0.35407892735679886</v>
      </c>
      <c r="L3229">
        <f t="shared" si="366"/>
        <v>1.6995788513126344</v>
      </c>
      <c r="M3229">
        <f t="shared" si="367"/>
        <v>0</v>
      </c>
      <c r="N3229" s="46">
        <f t="shared" si="368"/>
        <v>45425.124999992251</v>
      </c>
    </row>
    <row r="3230" spans="2:14" x14ac:dyDescent="0.3">
      <c r="B3230">
        <f t="shared" si="362"/>
        <v>1</v>
      </c>
      <c r="C3230" s="16">
        <v>3196</v>
      </c>
      <c r="D3230" cm="1">
        <f t="array" ref="D3230">IFERROR(INDEX(Jesper!AH$2:AH$366,ROUNDDOWN($C3230/24,0)+1,1)*INDEX($D$3:$AA$30,INDEX(Jesper!$R$2:$R$366,ROW(INDEX(Jesper!AH$2:AH$366,ROUNDDOWN($C3230/24,0)+1,1))-1)+IF('Standard Profiles'!$G$18=$B$10,7,0)+IF('Standard Profiles'!$G$18=$B$17,14,0)+IF('Standard Profiles'!$G$18=$B$24,21,0),MOD($C3230,24)+1)/SUM(INDEX($D$3:$AA$30,INDEX(Jesper!$R$2:$R$366,ROW(INDEX(Jesper!AH$2:AH$366,ROUNDDOWN($C3230/24,0)+1,1))-1)+IF('Standard Profiles'!$G$18=$B$10,7,0)+IF('Standard Profiles'!$G$18=$B$17,14,0)+IF('Standard Profiles'!$G$18=$B$24,21,0),0)),0)</f>
        <v>2.360526182378659</v>
      </c>
      <c r="E3230" cm="1">
        <f t="array" ref="E3230">IFERROR(INDEX(Jesper!AI$2:AI$366,ROUNDDOWN($C3230/24,0)+1,1)*INDEX($D$3:$AA$30,INDEX(Jesper!$R$2:$R$366,ROW(INDEX(Jesper!AI$2:AI$366,ROUNDDOWN($C3230/24,0)+1,1))-1)+IF('Standard Profiles'!$G$19=$B$10,7,0)+IF('Standard Profiles'!$G$19=$B$17,14,0)+IF('Standard Profiles'!$G$19=$B$24,21,0),MOD($C3230,24)+1)/SUM(INDEX($D$3:$AA$30,INDEX(Jesper!$R$2:$R$366,ROW(INDEX(Jesper!AI$2:AI$366,ROUNDDOWN($C3230/24,0)+1,1))-1)+IF('Standard Profiles'!$G$19=$B$10,7,0)+IF('Standard Profiles'!$G$19=$B$17,14,0)+IF('Standard Profiles'!$G$19=$B$24,21,0),0)),0)</f>
        <v>0</v>
      </c>
      <c r="F3230" cm="1">
        <f t="array" ref="F3230">IFERROR(INDEX(Jesper!AJ$2:AJ$366,ROUNDDOWN($C3230/24,0)+1,1)*INDEX($D$3:$AA$30,INDEX(Jesper!$R$2:$R$366,ROW(INDEX(Jesper!AJ$2:AJ$366,ROUNDDOWN($C3230/24,0)+1,1))-1)+IF('Standard Profiles'!$G$20=$B$10,7,0)+IF('Standard Profiles'!$G$20=$B$17,14,0)+IF('Standard Profiles'!$G$20=$B$24,21,0),MOD($C3230,24)+1)/SUM(INDEX($D$3:$AA$30,INDEX(Jesper!$R$2:$R$366,ROW(INDEX(Jesper!AJ$2:AJ$366,ROUNDDOWN($C3230/24,0)+1,1))-1)+IF('Standard Profiles'!$G$20=$B$10,7,0)+IF('Standard Profiles'!$G$20=$B$17,14,0)+IF('Standard Profiles'!$G$20=$B$24,21,0),0)),0)</f>
        <v>0</v>
      </c>
      <c r="G3230" cm="1">
        <f t="array" ref="G3230">IFERROR(INDEX(Jesper!AK$2:AK$366,ROUNDDOWN($C3230/24,0)+1,1)*INDEX($D$3:$AA$30,INDEX(Jesper!$R$2:$R$366,ROW(INDEX(Jesper!AK$2:AK$366,ROUNDDOWN($C3230/24,0)+1,1))-1)+IF('Standard Profiles'!$G$21=$B$10,7,0)+IF('Standard Profiles'!$G$21=$B$17,14,0)+IF('Standard Profiles'!$G$21=$B$24,21,0),MOD($C3230,24)+1)/SUM(INDEX($D$3:$AA$30,INDEX(Jesper!$R$2:$R$366,ROW(INDEX(Jesper!AK$2:AK$366,ROUNDDOWN($C3230/24,0)+1,1))-1)+IF('Standard Profiles'!$G$21=$B$10,7,0)+IF('Standard Profiles'!$G$21=$B$17,14,0)+IF('Standard Profiles'!$G$21=$B$24,21,0),0)),0)</f>
        <v>0</v>
      </c>
      <c r="H3230" cm="1">
        <f t="array" ref="H3230">IFERROR(INDEX(Jesper!AL$2:AL$366,ROUNDDOWN($C3230/24,0)+1,1)*INDEX($D$3:$AA$30,INDEX(Jesper!$R$2:$R$366,ROW(INDEX(Jesper!AL$2:AL$366,ROUNDDOWN($C3230/24,0)+1,1))-1)+IF('Standard Profiles'!$G$22=$B$10,7,0)+IF('Standard Profiles'!$G$22=$B$17,14,0)+IF('Standard Profiles'!$G$22=$B$24,21,0),MOD($C3230,24)+1)/SUM(INDEX($D$3:$AA$30,INDEX(Jesper!$R$2:$R$366,ROW(INDEX(Jesper!AL$2:AL$366,ROUNDDOWN($C3230/24,0)+1,1))-1)+IF('Standard Profiles'!$G$22=$B$10,7,0)+IF('Standard Profiles'!$G$22=$B$17,14,0)+IF('Standard Profiles'!$G$22=$B$24,21,0),0)),0)</f>
        <v>0</v>
      </c>
      <c r="I3230">
        <f t="shared" si="363"/>
        <v>7.0815785471359763E-2</v>
      </c>
      <c r="J3230">
        <f t="shared" si="364"/>
        <v>0.23605261823786591</v>
      </c>
      <c r="K3230">
        <f t="shared" si="365"/>
        <v>0.35407892735679886</v>
      </c>
      <c r="L3230">
        <f t="shared" si="366"/>
        <v>1.6995788513126344</v>
      </c>
      <c r="M3230">
        <f t="shared" si="367"/>
        <v>0</v>
      </c>
      <c r="N3230" s="46">
        <f t="shared" si="368"/>
        <v>45425.166666658915</v>
      </c>
    </row>
    <row r="3231" spans="2:14" x14ac:dyDescent="0.3">
      <c r="B3231">
        <f t="shared" si="362"/>
        <v>1</v>
      </c>
      <c r="C3231" s="16">
        <v>3197</v>
      </c>
      <c r="D3231" cm="1">
        <f t="array" ref="D3231">IFERROR(INDEX(Jesper!AH$2:AH$366,ROUNDDOWN($C3231/24,0)+1,1)*INDEX($D$3:$AA$30,INDEX(Jesper!$R$2:$R$366,ROW(INDEX(Jesper!AH$2:AH$366,ROUNDDOWN($C3231/24,0)+1,1))-1)+IF('Standard Profiles'!$G$18=$B$10,7,0)+IF('Standard Profiles'!$G$18=$B$17,14,0)+IF('Standard Profiles'!$G$18=$B$24,21,0),MOD($C3231,24)+1)/SUM(INDEX($D$3:$AA$30,INDEX(Jesper!$R$2:$R$366,ROW(INDEX(Jesper!AH$2:AH$366,ROUNDDOWN($C3231/24,0)+1,1))-1)+IF('Standard Profiles'!$G$18=$B$10,7,0)+IF('Standard Profiles'!$G$18=$B$17,14,0)+IF('Standard Profiles'!$G$18=$B$24,21,0),0)),0)</f>
        <v>10.228946790307521</v>
      </c>
      <c r="E3231" cm="1">
        <f t="array" ref="E3231">IFERROR(INDEX(Jesper!AI$2:AI$366,ROUNDDOWN($C3231/24,0)+1,1)*INDEX($D$3:$AA$30,INDEX(Jesper!$R$2:$R$366,ROW(INDEX(Jesper!AI$2:AI$366,ROUNDDOWN($C3231/24,0)+1,1))-1)+IF('Standard Profiles'!$G$19=$B$10,7,0)+IF('Standard Profiles'!$G$19=$B$17,14,0)+IF('Standard Profiles'!$G$19=$B$24,21,0),MOD($C3231,24)+1)/SUM(INDEX($D$3:$AA$30,INDEX(Jesper!$R$2:$R$366,ROW(INDEX(Jesper!AI$2:AI$366,ROUNDDOWN($C3231/24,0)+1,1))-1)+IF('Standard Profiles'!$G$19=$B$10,7,0)+IF('Standard Profiles'!$G$19=$B$17,14,0)+IF('Standard Profiles'!$G$19=$B$24,21,0),0)),0)</f>
        <v>0</v>
      </c>
      <c r="F3231" cm="1">
        <f t="array" ref="F3231">IFERROR(INDEX(Jesper!AJ$2:AJ$366,ROUNDDOWN($C3231/24,0)+1,1)*INDEX($D$3:$AA$30,INDEX(Jesper!$R$2:$R$366,ROW(INDEX(Jesper!AJ$2:AJ$366,ROUNDDOWN($C3231/24,0)+1,1))-1)+IF('Standard Profiles'!$G$20=$B$10,7,0)+IF('Standard Profiles'!$G$20=$B$17,14,0)+IF('Standard Profiles'!$G$20=$B$24,21,0),MOD($C3231,24)+1)/SUM(INDEX($D$3:$AA$30,INDEX(Jesper!$R$2:$R$366,ROW(INDEX(Jesper!AJ$2:AJ$366,ROUNDDOWN($C3231/24,0)+1,1))-1)+IF('Standard Profiles'!$G$20=$B$10,7,0)+IF('Standard Profiles'!$G$20=$B$17,14,0)+IF('Standard Profiles'!$G$20=$B$24,21,0),0)),0)</f>
        <v>0</v>
      </c>
      <c r="G3231" cm="1">
        <f t="array" ref="G3231">IFERROR(INDEX(Jesper!AK$2:AK$366,ROUNDDOWN($C3231/24,0)+1,1)*INDEX($D$3:$AA$30,INDEX(Jesper!$R$2:$R$366,ROW(INDEX(Jesper!AK$2:AK$366,ROUNDDOWN($C3231/24,0)+1,1))-1)+IF('Standard Profiles'!$G$21=$B$10,7,0)+IF('Standard Profiles'!$G$21=$B$17,14,0)+IF('Standard Profiles'!$G$21=$B$24,21,0),MOD($C3231,24)+1)/SUM(INDEX($D$3:$AA$30,INDEX(Jesper!$R$2:$R$366,ROW(INDEX(Jesper!AK$2:AK$366,ROUNDDOWN($C3231/24,0)+1,1))-1)+IF('Standard Profiles'!$G$21=$B$10,7,0)+IF('Standard Profiles'!$G$21=$B$17,14,0)+IF('Standard Profiles'!$G$21=$B$24,21,0),0)),0)</f>
        <v>0</v>
      </c>
      <c r="H3231" cm="1">
        <f t="array" ref="H3231">IFERROR(INDEX(Jesper!AL$2:AL$366,ROUNDDOWN($C3231/24,0)+1,1)*INDEX($D$3:$AA$30,INDEX(Jesper!$R$2:$R$366,ROW(INDEX(Jesper!AL$2:AL$366,ROUNDDOWN($C3231/24,0)+1,1))-1)+IF('Standard Profiles'!$G$22=$B$10,7,0)+IF('Standard Profiles'!$G$22=$B$17,14,0)+IF('Standard Profiles'!$G$22=$B$24,21,0),MOD($C3231,24)+1)/SUM(INDEX($D$3:$AA$30,INDEX(Jesper!$R$2:$R$366,ROW(INDEX(Jesper!AL$2:AL$366,ROUNDDOWN($C3231/24,0)+1,1))-1)+IF('Standard Profiles'!$G$22=$B$10,7,0)+IF('Standard Profiles'!$G$22=$B$17,14,0)+IF('Standard Profiles'!$G$22=$B$24,21,0),0)),0)</f>
        <v>0</v>
      </c>
      <c r="I3231">
        <f t="shared" si="363"/>
        <v>0.30686840370922563</v>
      </c>
      <c r="J3231">
        <f t="shared" si="364"/>
        <v>1.0228946790307523</v>
      </c>
      <c r="K3231">
        <f t="shared" si="365"/>
        <v>1.5343420185461281</v>
      </c>
      <c r="L3231">
        <f t="shared" si="366"/>
        <v>7.3648416890214152</v>
      </c>
      <c r="M3231">
        <f t="shared" si="367"/>
        <v>0</v>
      </c>
      <c r="N3231" s="46">
        <f t="shared" si="368"/>
        <v>45425.20833332558</v>
      </c>
    </row>
    <row r="3232" spans="2:14" x14ac:dyDescent="0.3">
      <c r="B3232">
        <f t="shared" si="362"/>
        <v>1</v>
      </c>
      <c r="C3232" s="16">
        <v>3198</v>
      </c>
      <c r="D3232" cm="1">
        <f t="array" ref="D3232">IFERROR(INDEX(Jesper!AH$2:AH$366,ROUNDDOWN($C3232/24,0)+1,1)*INDEX($D$3:$AA$30,INDEX(Jesper!$R$2:$R$366,ROW(INDEX(Jesper!AH$2:AH$366,ROUNDDOWN($C3232/24,0)+1,1))-1)+IF('Standard Profiles'!$G$18=$B$10,7,0)+IF('Standard Profiles'!$G$18=$B$17,14,0)+IF('Standard Profiles'!$G$18=$B$24,21,0),MOD($C3232,24)+1)/SUM(INDEX($D$3:$AA$30,INDEX(Jesper!$R$2:$R$366,ROW(INDEX(Jesper!AH$2:AH$366,ROUNDDOWN($C3232/24,0)+1,1))-1)+IF('Standard Profiles'!$G$18=$B$10,7,0)+IF('Standard Profiles'!$G$18=$B$17,14,0)+IF('Standard Profiles'!$G$18=$B$24,21,0),0)),0)</f>
        <v>11.605920396695073</v>
      </c>
      <c r="E3232" cm="1">
        <f t="array" ref="E3232">IFERROR(INDEX(Jesper!AI$2:AI$366,ROUNDDOWN($C3232/24,0)+1,1)*INDEX($D$3:$AA$30,INDEX(Jesper!$R$2:$R$366,ROW(INDEX(Jesper!AI$2:AI$366,ROUNDDOWN($C3232/24,0)+1,1))-1)+IF('Standard Profiles'!$G$19=$B$10,7,0)+IF('Standard Profiles'!$G$19=$B$17,14,0)+IF('Standard Profiles'!$G$19=$B$24,21,0),MOD($C3232,24)+1)/SUM(INDEX($D$3:$AA$30,INDEX(Jesper!$R$2:$R$366,ROW(INDEX(Jesper!AI$2:AI$366,ROUNDDOWN($C3232/24,0)+1,1))-1)+IF('Standard Profiles'!$G$19=$B$10,7,0)+IF('Standard Profiles'!$G$19=$B$17,14,0)+IF('Standard Profiles'!$G$19=$B$24,21,0),0)),0)</f>
        <v>0</v>
      </c>
      <c r="F3232" cm="1">
        <f t="array" ref="F3232">IFERROR(INDEX(Jesper!AJ$2:AJ$366,ROUNDDOWN($C3232/24,0)+1,1)*INDEX($D$3:$AA$30,INDEX(Jesper!$R$2:$R$366,ROW(INDEX(Jesper!AJ$2:AJ$366,ROUNDDOWN($C3232/24,0)+1,1))-1)+IF('Standard Profiles'!$G$20=$B$10,7,0)+IF('Standard Profiles'!$G$20=$B$17,14,0)+IF('Standard Profiles'!$G$20=$B$24,21,0),MOD($C3232,24)+1)/SUM(INDEX($D$3:$AA$30,INDEX(Jesper!$R$2:$R$366,ROW(INDEX(Jesper!AJ$2:AJ$366,ROUNDDOWN($C3232/24,0)+1,1))-1)+IF('Standard Profiles'!$G$20=$B$10,7,0)+IF('Standard Profiles'!$G$20=$B$17,14,0)+IF('Standard Profiles'!$G$20=$B$24,21,0),0)),0)</f>
        <v>0</v>
      </c>
      <c r="G3232" cm="1">
        <f t="array" ref="G3232">IFERROR(INDEX(Jesper!AK$2:AK$366,ROUNDDOWN($C3232/24,0)+1,1)*INDEX($D$3:$AA$30,INDEX(Jesper!$R$2:$R$366,ROW(INDEX(Jesper!AK$2:AK$366,ROUNDDOWN($C3232/24,0)+1,1))-1)+IF('Standard Profiles'!$G$21=$B$10,7,0)+IF('Standard Profiles'!$G$21=$B$17,14,0)+IF('Standard Profiles'!$G$21=$B$24,21,0),MOD($C3232,24)+1)/SUM(INDEX($D$3:$AA$30,INDEX(Jesper!$R$2:$R$366,ROW(INDEX(Jesper!AK$2:AK$366,ROUNDDOWN($C3232/24,0)+1,1))-1)+IF('Standard Profiles'!$G$21=$B$10,7,0)+IF('Standard Profiles'!$G$21=$B$17,14,0)+IF('Standard Profiles'!$G$21=$B$24,21,0),0)),0)</f>
        <v>0</v>
      </c>
      <c r="H3232" cm="1">
        <f t="array" ref="H3232">IFERROR(INDEX(Jesper!AL$2:AL$366,ROUNDDOWN($C3232/24,0)+1,1)*INDEX($D$3:$AA$30,INDEX(Jesper!$R$2:$R$366,ROW(INDEX(Jesper!AL$2:AL$366,ROUNDDOWN($C3232/24,0)+1,1))-1)+IF('Standard Profiles'!$G$22=$B$10,7,0)+IF('Standard Profiles'!$G$22=$B$17,14,0)+IF('Standard Profiles'!$G$22=$B$24,21,0),MOD($C3232,24)+1)/SUM(INDEX($D$3:$AA$30,INDEX(Jesper!$R$2:$R$366,ROW(INDEX(Jesper!AL$2:AL$366,ROUNDDOWN($C3232/24,0)+1,1))-1)+IF('Standard Profiles'!$G$22=$B$10,7,0)+IF('Standard Profiles'!$G$22=$B$17,14,0)+IF('Standard Profiles'!$G$22=$B$24,21,0),0)),0)</f>
        <v>0</v>
      </c>
      <c r="I3232">
        <f t="shared" si="363"/>
        <v>0.34817761190085217</v>
      </c>
      <c r="J3232">
        <f t="shared" si="364"/>
        <v>1.1605920396695073</v>
      </c>
      <c r="K3232">
        <f t="shared" si="365"/>
        <v>1.7408880595042608</v>
      </c>
      <c r="L3232">
        <f t="shared" si="366"/>
        <v>8.356262685620452</v>
      </c>
      <c r="M3232">
        <f t="shared" si="367"/>
        <v>0</v>
      </c>
      <c r="N3232" s="46">
        <f t="shared" si="368"/>
        <v>45425.249999992244</v>
      </c>
    </row>
    <row r="3233" spans="2:14" x14ac:dyDescent="0.3">
      <c r="B3233">
        <f t="shared" si="362"/>
        <v>1</v>
      </c>
      <c r="C3233" s="16">
        <v>3199</v>
      </c>
      <c r="D3233" cm="1">
        <f t="array" ref="D3233">IFERROR(INDEX(Jesper!AH$2:AH$366,ROUNDDOWN($C3233/24,0)+1,1)*INDEX($D$3:$AA$30,INDEX(Jesper!$R$2:$R$366,ROW(INDEX(Jesper!AH$2:AH$366,ROUNDDOWN($C3233/24,0)+1,1))-1)+IF('Standard Profiles'!$G$18=$B$10,7,0)+IF('Standard Profiles'!$G$18=$B$17,14,0)+IF('Standard Profiles'!$G$18=$B$24,21,0),MOD($C3233,24)+1)/SUM(INDEX($D$3:$AA$30,INDEX(Jesper!$R$2:$R$366,ROW(INDEX(Jesper!AH$2:AH$366,ROUNDDOWN($C3233/24,0)+1,1))-1)+IF('Standard Profiles'!$G$18=$B$10,7,0)+IF('Standard Profiles'!$G$18=$B$17,14,0)+IF('Standard Profiles'!$G$18=$B$24,21,0),0)),0)</f>
        <v>11.605920396695073</v>
      </c>
      <c r="E3233" cm="1">
        <f t="array" ref="E3233">IFERROR(INDEX(Jesper!AI$2:AI$366,ROUNDDOWN($C3233/24,0)+1,1)*INDEX($D$3:$AA$30,INDEX(Jesper!$R$2:$R$366,ROW(INDEX(Jesper!AI$2:AI$366,ROUNDDOWN($C3233/24,0)+1,1))-1)+IF('Standard Profiles'!$G$19=$B$10,7,0)+IF('Standard Profiles'!$G$19=$B$17,14,0)+IF('Standard Profiles'!$G$19=$B$24,21,0),MOD($C3233,24)+1)/SUM(INDEX($D$3:$AA$30,INDEX(Jesper!$R$2:$R$366,ROW(INDEX(Jesper!AI$2:AI$366,ROUNDDOWN($C3233/24,0)+1,1))-1)+IF('Standard Profiles'!$G$19=$B$10,7,0)+IF('Standard Profiles'!$G$19=$B$17,14,0)+IF('Standard Profiles'!$G$19=$B$24,21,0),0)),0)</f>
        <v>0</v>
      </c>
      <c r="F3233" cm="1">
        <f t="array" ref="F3233">IFERROR(INDEX(Jesper!AJ$2:AJ$366,ROUNDDOWN($C3233/24,0)+1,1)*INDEX($D$3:$AA$30,INDEX(Jesper!$R$2:$R$366,ROW(INDEX(Jesper!AJ$2:AJ$366,ROUNDDOWN($C3233/24,0)+1,1))-1)+IF('Standard Profiles'!$G$20=$B$10,7,0)+IF('Standard Profiles'!$G$20=$B$17,14,0)+IF('Standard Profiles'!$G$20=$B$24,21,0),MOD($C3233,24)+1)/SUM(INDEX($D$3:$AA$30,INDEX(Jesper!$R$2:$R$366,ROW(INDEX(Jesper!AJ$2:AJ$366,ROUNDDOWN($C3233/24,0)+1,1))-1)+IF('Standard Profiles'!$G$20=$B$10,7,0)+IF('Standard Profiles'!$G$20=$B$17,14,0)+IF('Standard Profiles'!$G$20=$B$24,21,0),0)),0)</f>
        <v>0</v>
      </c>
      <c r="G3233" cm="1">
        <f t="array" ref="G3233">IFERROR(INDEX(Jesper!AK$2:AK$366,ROUNDDOWN($C3233/24,0)+1,1)*INDEX($D$3:$AA$30,INDEX(Jesper!$R$2:$R$366,ROW(INDEX(Jesper!AK$2:AK$366,ROUNDDOWN($C3233/24,0)+1,1))-1)+IF('Standard Profiles'!$G$21=$B$10,7,0)+IF('Standard Profiles'!$G$21=$B$17,14,0)+IF('Standard Profiles'!$G$21=$B$24,21,0),MOD($C3233,24)+1)/SUM(INDEX($D$3:$AA$30,INDEX(Jesper!$R$2:$R$366,ROW(INDEX(Jesper!AK$2:AK$366,ROUNDDOWN($C3233/24,0)+1,1))-1)+IF('Standard Profiles'!$G$21=$B$10,7,0)+IF('Standard Profiles'!$G$21=$B$17,14,0)+IF('Standard Profiles'!$G$21=$B$24,21,0),0)),0)</f>
        <v>0</v>
      </c>
      <c r="H3233" cm="1">
        <f t="array" ref="H3233">IFERROR(INDEX(Jesper!AL$2:AL$366,ROUNDDOWN($C3233/24,0)+1,1)*INDEX($D$3:$AA$30,INDEX(Jesper!$R$2:$R$366,ROW(INDEX(Jesper!AL$2:AL$366,ROUNDDOWN($C3233/24,0)+1,1))-1)+IF('Standard Profiles'!$G$22=$B$10,7,0)+IF('Standard Profiles'!$G$22=$B$17,14,0)+IF('Standard Profiles'!$G$22=$B$24,21,0),MOD($C3233,24)+1)/SUM(INDEX($D$3:$AA$30,INDEX(Jesper!$R$2:$R$366,ROW(INDEX(Jesper!AL$2:AL$366,ROUNDDOWN($C3233/24,0)+1,1))-1)+IF('Standard Profiles'!$G$22=$B$10,7,0)+IF('Standard Profiles'!$G$22=$B$17,14,0)+IF('Standard Profiles'!$G$22=$B$24,21,0),0)),0)</f>
        <v>0</v>
      </c>
      <c r="I3233">
        <f t="shared" si="363"/>
        <v>0.34817761190085217</v>
      </c>
      <c r="J3233">
        <f t="shared" si="364"/>
        <v>1.1605920396695073</v>
      </c>
      <c r="K3233">
        <f t="shared" si="365"/>
        <v>1.7408880595042608</v>
      </c>
      <c r="L3233">
        <f t="shared" si="366"/>
        <v>8.356262685620452</v>
      </c>
      <c r="M3233">
        <f t="shared" si="367"/>
        <v>0</v>
      </c>
      <c r="N3233" s="46">
        <f t="shared" si="368"/>
        <v>45425.291666658908</v>
      </c>
    </row>
    <row r="3234" spans="2:14" x14ac:dyDescent="0.3">
      <c r="B3234">
        <f t="shared" si="362"/>
        <v>1</v>
      </c>
      <c r="C3234" s="16">
        <v>3200</v>
      </c>
      <c r="D3234" cm="1">
        <f t="array" ref="D3234">IFERROR(INDEX(Jesper!AH$2:AH$366,ROUNDDOWN($C3234/24,0)+1,1)*INDEX($D$3:$AA$30,INDEX(Jesper!$R$2:$R$366,ROW(INDEX(Jesper!AH$2:AH$366,ROUNDDOWN($C3234/24,0)+1,1))-1)+IF('Standard Profiles'!$G$18=$B$10,7,0)+IF('Standard Profiles'!$G$18=$B$17,14,0)+IF('Standard Profiles'!$G$18=$B$24,21,0),MOD($C3234,24)+1)/SUM(INDEX($D$3:$AA$30,INDEX(Jesper!$R$2:$R$366,ROW(INDEX(Jesper!AH$2:AH$366,ROUNDDOWN($C3234/24,0)+1,1))-1)+IF('Standard Profiles'!$G$18=$B$10,7,0)+IF('Standard Profiles'!$G$18=$B$17,14,0)+IF('Standard Profiles'!$G$18=$B$24,21,0),0)),0)</f>
        <v>11.605920396695073</v>
      </c>
      <c r="E3234" cm="1">
        <f t="array" ref="E3234">IFERROR(INDEX(Jesper!AI$2:AI$366,ROUNDDOWN($C3234/24,0)+1,1)*INDEX($D$3:$AA$30,INDEX(Jesper!$R$2:$R$366,ROW(INDEX(Jesper!AI$2:AI$366,ROUNDDOWN($C3234/24,0)+1,1))-1)+IF('Standard Profiles'!$G$19=$B$10,7,0)+IF('Standard Profiles'!$G$19=$B$17,14,0)+IF('Standard Profiles'!$G$19=$B$24,21,0),MOD($C3234,24)+1)/SUM(INDEX($D$3:$AA$30,INDEX(Jesper!$R$2:$R$366,ROW(INDEX(Jesper!AI$2:AI$366,ROUNDDOWN($C3234/24,0)+1,1))-1)+IF('Standard Profiles'!$G$19=$B$10,7,0)+IF('Standard Profiles'!$G$19=$B$17,14,0)+IF('Standard Profiles'!$G$19=$B$24,21,0),0)),0)</f>
        <v>0</v>
      </c>
      <c r="F3234" cm="1">
        <f t="array" ref="F3234">IFERROR(INDEX(Jesper!AJ$2:AJ$366,ROUNDDOWN($C3234/24,0)+1,1)*INDEX($D$3:$AA$30,INDEX(Jesper!$R$2:$R$366,ROW(INDEX(Jesper!AJ$2:AJ$366,ROUNDDOWN($C3234/24,0)+1,1))-1)+IF('Standard Profiles'!$G$20=$B$10,7,0)+IF('Standard Profiles'!$G$20=$B$17,14,0)+IF('Standard Profiles'!$G$20=$B$24,21,0),MOD($C3234,24)+1)/SUM(INDEX($D$3:$AA$30,INDEX(Jesper!$R$2:$R$366,ROW(INDEX(Jesper!AJ$2:AJ$366,ROUNDDOWN($C3234/24,0)+1,1))-1)+IF('Standard Profiles'!$G$20=$B$10,7,0)+IF('Standard Profiles'!$G$20=$B$17,14,0)+IF('Standard Profiles'!$G$20=$B$24,21,0),0)),0)</f>
        <v>0</v>
      </c>
      <c r="G3234" cm="1">
        <f t="array" ref="G3234">IFERROR(INDEX(Jesper!AK$2:AK$366,ROUNDDOWN($C3234/24,0)+1,1)*INDEX($D$3:$AA$30,INDEX(Jesper!$R$2:$R$366,ROW(INDEX(Jesper!AK$2:AK$366,ROUNDDOWN($C3234/24,0)+1,1))-1)+IF('Standard Profiles'!$G$21=$B$10,7,0)+IF('Standard Profiles'!$G$21=$B$17,14,0)+IF('Standard Profiles'!$G$21=$B$24,21,0),MOD($C3234,24)+1)/SUM(INDEX($D$3:$AA$30,INDEX(Jesper!$R$2:$R$366,ROW(INDEX(Jesper!AK$2:AK$366,ROUNDDOWN($C3234/24,0)+1,1))-1)+IF('Standard Profiles'!$G$21=$B$10,7,0)+IF('Standard Profiles'!$G$21=$B$17,14,0)+IF('Standard Profiles'!$G$21=$B$24,21,0),0)),0)</f>
        <v>0</v>
      </c>
      <c r="H3234" cm="1">
        <f t="array" ref="H3234">IFERROR(INDEX(Jesper!AL$2:AL$366,ROUNDDOWN($C3234/24,0)+1,1)*INDEX($D$3:$AA$30,INDEX(Jesper!$R$2:$R$366,ROW(INDEX(Jesper!AL$2:AL$366,ROUNDDOWN($C3234/24,0)+1,1))-1)+IF('Standard Profiles'!$G$22=$B$10,7,0)+IF('Standard Profiles'!$G$22=$B$17,14,0)+IF('Standard Profiles'!$G$22=$B$24,21,0),MOD($C3234,24)+1)/SUM(INDEX($D$3:$AA$30,INDEX(Jesper!$R$2:$R$366,ROW(INDEX(Jesper!AL$2:AL$366,ROUNDDOWN($C3234/24,0)+1,1))-1)+IF('Standard Profiles'!$G$22=$B$10,7,0)+IF('Standard Profiles'!$G$22=$B$17,14,0)+IF('Standard Profiles'!$G$22=$B$24,21,0),0)),0)</f>
        <v>0</v>
      </c>
      <c r="I3234">
        <f t="shared" si="363"/>
        <v>0.34817761190085217</v>
      </c>
      <c r="J3234">
        <f t="shared" si="364"/>
        <v>1.1605920396695073</v>
      </c>
      <c r="K3234">
        <f t="shared" si="365"/>
        <v>1.7408880595042608</v>
      </c>
      <c r="L3234">
        <f t="shared" si="366"/>
        <v>8.356262685620452</v>
      </c>
      <c r="M3234">
        <f t="shared" si="367"/>
        <v>0</v>
      </c>
      <c r="N3234" s="46">
        <f t="shared" si="368"/>
        <v>45425.333333325572</v>
      </c>
    </row>
    <row r="3235" spans="2:14" x14ac:dyDescent="0.3">
      <c r="B3235">
        <f t="shared" ref="B3235:B3298" si="369">WEEKDAY(N3235,2)</f>
        <v>1</v>
      </c>
      <c r="C3235" s="16">
        <v>3201</v>
      </c>
      <c r="D3235" cm="1">
        <f t="array" ref="D3235">IFERROR(INDEX(Jesper!AH$2:AH$366,ROUNDDOWN($C3235/24,0)+1,1)*INDEX($D$3:$AA$30,INDEX(Jesper!$R$2:$R$366,ROW(INDEX(Jesper!AH$2:AH$366,ROUNDDOWN($C3235/24,0)+1,1))-1)+IF('Standard Profiles'!$G$18=$B$10,7,0)+IF('Standard Profiles'!$G$18=$B$17,14,0)+IF('Standard Profiles'!$G$18=$B$24,21,0),MOD($C3235,24)+1)/SUM(INDEX($D$3:$AA$30,INDEX(Jesper!$R$2:$R$366,ROW(INDEX(Jesper!AH$2:AH$366,ROUNDDOWN($C3235/24,0)+1,1))-1)+IF('Standard Profiles'!$G$18=$B$10,7,0)+IF('Standard Profiles'!$G$18=$B$17,14,0)+IF('Standard Profiles'!$G$18=$B$24,21,0),0)),0)</f>
        <v>12.39276245748796</v>
      </c>
      <c r="E3235" cm="1">
        <f t="array" ref="E3235">IFERROR(INDEX(Jesper!AI$2:AI$366,ROUNDDOWN($C3235/24,0)+1,1)*INDEX($D$3:$AA$30,INDEX(Jesper!$R$2:$R$366,ROW(INDEX(Jesper!AI$2:AI$366,ROUNDDOWN($C3235/24,0)+1,1))-1)+IF('Standard Profiles'!$G$19=$B$10,7,0)+IF('Standard Profiles'!$G$19=$B$17,14,0)+IF('Standard Profiles'!$G$19=$B$24,21,0),MOD($C3235,24)+1)/SUM(INDEX($D$3:$AA$30,INDEX(Jesper!$R$2:$R$366,ROW(INDEX(Jesper!AI$2:AI$366,ROUNDDOWN($C3235/24,0)+1,1))-1)+IF('Standard Profiles'!$G$19=$B$10,7,0)+IF('Standard Profiles'!$G$19=$B$17,14,0)+IF('Standard Profiles'!$G$19=$B$24,21,0),0)),0)</f>
        <v>0</v>
      </c>
      <c r="F3235" cm="1">
        <f t="array" ref="F3235">IFERROR(INDEX(Jesper!AJ$2:AJ$366,ROUNDDOWN($C3235/24,0)+1,1)*INDEX($D$3:$AA$30,INDEX(Jesper!$R$2:$R$366,ROW(INDEX(Jesper!AJ$2:AJ$366,ROUNDDOWN($C3235/24,0)+1,1))-1)+IF('Standard Profiles'!$G$20=$B$10,7,0)+IF('Standard Profiles'!$G$20=$B$17,14,0)+IF('Standard Profiles'!$G$20=$B$24,21,0),MOD($C3235,24)+1)/SUM(INDEX($D$3:$AA$30,INDEX(Jesper!$R$2:$R$366,ROW(INDEX(Jesper!AJ$2:AJ$366,ROUNDDOWN($C3235/24,0)+1,1))-1)+IF('Standard Profiles'!$G$20=$B$10,7,0)+IF('Standard Profiles'!$G$20=$B$17,14,0)+IF('Standard Profiles'!$G$20=$B$24,21,0),0)),0)</f>
        <v>0</v>
      </c>
      <c r="G3235" cm="1">
        <f t="array" ref="G3235">IFERROR(INDEX(Jesper!AK$2:AK$366,ROUNDDOWN($C3235/24,0)+1,1)*INDEX($D$3:$AA$30,INDEX(Jesper!$R$2:$R$366,ROW(INDEX(Jesper!AK$2:AK$366,ROUNDDOWN($C3235/24,0)+1,1))-1)+IF('Standard Profiles'!$G$21=$B$10,7,0)+IF('Standard Profiles'!$G$21=$B$17,14,0)+IF('Standard Profiles'!$G$21=$B$24,21,0),MOD($C3235,24)+1)/SUM(INDEX($D$3:$AA$30,INDEX(Jesper!$R$2:$R$366,ROW(INDEX(Jesper!AK$2:AK$366,ROUNDDOWN($C3235/24,0)+1,1))-1)+IF('Standard Profiles'!$G$21=$B$10,7,0)+IF('Standard Profiles'!$G$21=$B$17,14,0)+IF('Standard Profiles'!$G$21=$B$24,21,0),0)),0)</f>
        <v>0</v>
      </c>
      <c r="H3235" cm="1">
        <f t="array" ref="H3235">IFERROR(INDEX(Jesper!AL$2:AL$366,ROUNDDOWN($C3235/24,0)+1,1)*INDEX($D$3:$AA$30,INDEX(Jesper!$R$2:$R$366,ROW(INDEX(Jesper!AL$2:AL$366,ROUNDDOWN($C3235/24,0)+1,1))-1)+IF('Standard Profiles'!$G$22=$B$10,7,0)+IF('Standard Profiles'!$G$22=$B$17,14,0)+IF('Standard Profiles'!$G$22=$B$24,21,0),MOD($C3235,24)+1)/SUM(INDEX($D$3:$AA$30,INDEX(Jesper!$R$2:$R$366,ROW(INDEX(Jesper!AL$2:AL$366,ROUNDDOWN($C3235/24,0)+1,1))-1)+IF('Standard Profiles'!$G$22=$B$10,7,0)+IF('Standard Profiles'!$G$22=$B$17,14,0)+IF('Standard Profiles'!$G$22=$B$24,21,0),0)),0)</f>
        <v>0</v>
      </c>
      <c r="I3235">
        <f t="shared" ref="I3235:I3298" si="370">IF($B3235&lt;6,AC$37*$D3235+AC$38*$E3235+AC$39*$F3235+AC$40*$G3235,AC$46*$D3235+AC$47*$E3235+AC$48*$F3235+AC$49*$G3235+AC$50*$H3235)</f>
        <v>0.37178287372463881</v>
      </c>
      <c r="J3235">
        <f t="shared" ref="J3235:J3298" si="371">IF($B3235&lt;6,AD$37*$D3235+AD$38*$E3235+AD$39*$F3235+AD$40*$G3235,AD$46*$D3235+AD$47*$E3235+AD$48*$F3235+AD$49*$G3235+AD$50*$H3235)</f>
        <v>1.239276245748796</v>
      </c>
      <c r="K3235">
        <f t="shared" ref="K3235:K3298" si="372">IF($B3235&lt;6,AE$37*$D3235+AE$38*$E3235+AE$39*$F3235+AE$40*$G3235,AE$46*$D3235+AE$47*$E3235+AE$48*$F3235+AE$49*$G3235+AE$50*$H3235)</f>
        <v>1.8589143686231939</v>
      </c>
      <c r="L3235">
        <f t="shared" ref="L3235:L3298" si="373">IF($B3235&lt;6,AF$37*$D3235+AF$38*$E3235+AF$39*$F3235+AF$40*$G3235,AF$46*$D3235+AF$47*$E3235+AF$48*$F3235+AF$49*$G3235+AF$50*$H3235)</f>
        <v>8.9227889693913305</v>
      </c>
      <c r="M3235">
        <f t="shared" ref="M3235:M3298" si="374">IF($B3235&lt;6,AG$37*$D3235+AG$38*$E3235+AG$39*$F3235+AG$40*$G3235,AG$46*$D3235+AG$47*$E3235+AG$48*$F3235+AG$49*$G3235+AG$50*$H3235)</f>
        <v>0</v>
      </c>
      <c r="N3235" s="46">
        <f t="shared" si="368"/>
        <v>45425.374999992237</v>
      </c>
    </row>
    <row r="3236" spans="2:14" x14ac:dyDescent="0.3">
      <c r="B3236">
        <f t="shared" si="369"/>
        <v>1</v>
      </c>
      <c r="C3236" s="16">
        <v>3202</v>
      </c>
      <c r="D3236" cm="1">
        <f t="array" ref="D3236">IFERROR(INDEX(Jesper!AH$2:AH$366,ROUNDDOWN($C3236/24,0)+1,1)*INDEX($D$3:$AA$30,INDEX(Jesper!$R$2:$R$366,ROW(INDEX(Jesper!AH$2:AH$366,ROUNDDOWN($C3236/24,0)+1,1))-1)+IF('Standard Profiles'!$G$18=$B$10,7,0)+IF('Standard Profiles'!$G$18=$B$17,14,0)+IF('Standard Profiles'!$G$18=$B$24,21,0),MOD($C3236,24)+1)/SUM(INDEX($D$3:$AA$30,INDEX(Jesper!$R$2:$R$366,ROW(INDEX(Jesper!AH$2:AH$366,ROUNDDOWN($C3236/24,0)+1,1))-1)+IF('Standard Profiles'!$G$18=$B$10,7,0)+IF('Standard Profiles'!$G$18=$B$17,14,0)+IF('Standard Profiles'!$G$18=$B$24,21,0),0)),0)</f>
        <v>12.39276245748796</v>
      </c>
      <c r="E3236" cm="1">
        <f t="array" ref="E3236">IFERROR(INDEX(Jesper!AI$2:AI$366,ROUNDDOWN($C3236/24,0)+1,1)*INDEX($D$3:$AA$30,INDEX(Jesper!$R$2:$R$366,ROW(INDEX(Jesper!AI$2:AI$366,ROUNDDOWN($C3236/24,0)+1,1))-1)+IF('Standard Profiles'!$G$19=$B$10,7,0)+IF('Standard Profiles'!$G$19=$B$17,14,0)+IF('Standard Profiles'!$G$19=$B$24,21,0),MOD($C3236,24)+1)/SUM(INDEX($D$3:$AA$30,INDEX(Jesper!$R$2:$R$366,ROW(INDEX(Jesper!AI$2:AI$366,ROUNDDOWN($C3236/24,0)+1,1))-1)+IF('Standard Profiles'!$G$19=$B$10,7,0)+IF('Standard Profiles'!$G$19=$B$17,14,0)+IF('Standard Profiles'!$G$19=$B$24,21,0),0)),0)</f>
        <v>0</v>
      </c>
      <c r="F3236" cm="1">
        <f t="array" ref="F3236">IFERROR(INDEX(Jesper!AJ$2:AJ$366,ROUNDDOWN($C3236/24,0)+1,1)*INDEX($D$3:$AA$30,INDEX(Jesper!$R$2:$R$366,ROW(INDEX(Jesper!AJ$2:AJ$366,ROUNDDOWN($C3236/24,0)+1,1))-1)+IF('Standard Profiles'!$G$20=$B$10,7,0)+IF('Standard Profiles'!$G$20=$B$17,14,0)+IF('Standard Profiles'!$G$20=$B$24,21,0),MOD($C3236,24)+1)/SUM(INDEX($D$3:$AA$30,INDEX(Jesper!$R$2:$R$366,ROW(INDEX(Jesper!AJ$2:AJ$366,ROUNDDOWN($C3236/24,0)+1,1))-1)+IF('Standard Profiles'!$G$20=$B$10,7,0)+IF('Standard Profiles'!$G$20=$B$17,14,0)+IF('Standard Profiles'!$G$20=$B$24,21,0),0)),0)</f>
        <v>0</v>
      </c>
      <c r="G3236" cm="1">
        <f t="array" ref="G3236">IFERROR(INDEX(Jesper!AK$2:AK$366,ROUNDDOWN($C3236/24,0)+1,1)*INDEX($D$3:$AA$30,INDEX(Jesper!$R$2:$R$366,ROW(INDEX(Jesper!AK$2:AK$366,ROUNDDOWN($C3236/24,0)+1,1))-1)+IF('Standard Profiles'!$G$21=$B$10,7,0)+IF('Standard Profiles'!$G$21=$B$17,14,0)+IF('Standard Profiles'!$G$21=$B$24,21,0),MOD($C3236,24)+1)/SUM(INDEX($D$3:$AA$30,INDEX(Jesper!$R$2:$R$366,ROW(INDEX(Jesper!AK$2:AK$366,ROUNDDOWN($C3236/24,0)+1,1))-1)+IF('Standard Profiles'!$G$21=$B$10,7,0)+IF('Standard Profiles'!$G$21=$B$17,14,0)+IF('Standard Profiles'!$G$21=$B$24,21,0),0)),0)</f>
        <v>0</v>
      </c>
      <c r="H3236" cm="1">
        <f t="array" ref="H3236">IFERROR(INDEX(Jesper!AL$2:AL$366,ROUNDDOWN($C3236/24,0)+1,1)*INDEX($D$3:$AA$30,INDEX(Jesper!$R$2:$R$366,ROW(INDEX(Jesper!AL$2:AL$366,ROUNDDOWN($C3236/24,0)+1,1))-1)+IF('Standard Profiles'!$G$22=$B$10,7,0)+IF('Standard Profiles'!$G$22=$B$17,14,0)+IF('Standard Profiles'!$G$22=$B$24,21,0),MOD($C3236,24)+1)/SUM(INDEX($D$3:$AA$30,INDEX(Jesper!$R$2:$R$366,ROW(INDEX(Jesper!AL$2:AL$366,ROUNDDOWN($C3236/24,0)+1,1))-1)+IF('Standard Profiles'!$G$22=$B$10,7,0)+IF('Standard Profiles'!$G$22=$B$17,14,0)+IF('Standard Profiles'!$G$22=$B$24,21,0),0)),0)</f>
        <v>0</v>
      </c>
      <c r="I3236">
        <f t="shared" si="370"/>
        <v>0.37178287372463881</v>
      </c>
      <c r="J3236">
        <f t="shared" si="371"/>
        <v>1.239276245748796</v>
      </c>
      <c r="K3236">
        <f t="shared" si="372"/>
        <v>1.8589143686231939</v>
      </c>
      <c r="L3236">
        <f t="shared" si="373"/>
        <v>8.9227889693913305</v>
      </c>
      <c r="M3236">
        <f t="shared" si="374"/>
        <v>0</v>
      </c>
      <c r="N3236" s="46">
        <f t="shared" ref="N3236:N3299" si="375">N3235+1/24</f>
        <v>45425.416666658901</v>
      </c>
    </row>
    <row r="3237" spans="2:14" x14ac:dyDescent="0.3">
      <c r="B3237">
        <f t="shared" si="369"/>
        <v>1</v>
      </c>
      <c r="C3237" s="16">
        <v>3203</v>
      </c>
      <c r="D3237" cm="1">
        <f t="array" ref="D3237">IFERROR(INDEX(Jesper!AH$2:AH$366,ROUNDDOWN($C3237/24,0)+1,1)*INDEX($D$3:$AA$30,INDEX(Jesper!$R$2:$R$366,ROW(INDEX(Jesper!AH$2:AH$366,ROUNDDOWN($C3237/24,0)+1,1))-1)+IF('Standard Profiles'!$G$18=$B$10,7,0)+IF('Standard Profiles'!$G$18=$B$17,14,0)+IF('Standard Profiles'!$G$18=$B$24,21,0),MOD($C3237,24)+1)/SUM(INDEX($D$3:$AA$30,INDEX(Jesper!$R$2:$R$366,ROW(INDEX(Jesper!AH$2:AH$366,ROUNDDOWN($C3237/24,0)+1,1))-1)+IF('Standard Profiles'!$G$18=$B$10,7,0)+IF('Standard Profiles'!$G$18=$B$17,14,0)+IF('Standard Profiles'!$G$18=$B$24,21,0),0)),0)</f>
        <v>15.736841215857728</v>
      </c>
      <c r="E3237" cm="1">
        <f t="array" ref="E3237">IFERROR(INDEX(Jesper!AI$2:AI$366,ROUNDDOWN($C3237/24,0)+1,1)*INDEX($D$3:$AA$30,INDEX(Jesper!$R$2:$R$366,ROW(INDEX(Jesper!AI$2:AI$366,ROUNDDOWN($C3237/24,0)+1,1))-1)+IF('Standard Profiles'!$G$19=$B$10,7,0)+IF('Standard Profiles'!$G$19=$B$17,14,0)+IF('Standard Profiles'!$G$19=$B$24,21,0),MOD($C3237,24)+1)/SUM(INDEX($D$3:$AA$30,INDEX(Jesper!$R$2:$R$366,ROW(INDEX(Jesper!AI$2:AI$366,ROUNDDOWN($C3237/24,0)+1,1))-1)+IF('Standard Profiles'!$G$19=$B$10,7,0)+IF('Standard Profiles'!$G$19=$B$17,14,0)+IF('Standard Profiles'!$G$19=$B$24,21,0),0)),0)</f>
        <v>0</v>
      </c>
      <c r="F3237" cm="1">
        <f t="array" ref="F3237">IFERROR(INDEX(Jesper!AJ$2:AJ$366,ROUNDDOWN($C3237/24,0)+1,1)*INDEX($D$3:$AA$30,INDEX(Jesper!$R$2:$R$366,ROW(INDEX(Jesper!AJ$2:AJ$366,ROUNDDOWN($C3237/24,0)+1,1))-1)+IF('Standard Profiles'!$G$20=$B$10,7,0)+IF('Standard Profiles'!$G$20=$B$17,14,0)+IF('Standard Profiles'!$G$20=$B$24,21,0),MOD($C3237,24)+1)/SUM(INDEX($D$3:$AA$30,INDEX(Jesper!$R$2:$R$366,ROW(INDEX(Jesper!AJ$2:AJ$366,ROUNDDOWN($C3237/24,0)+1,1))-1)+IF('Standard Profiles'!$G$20=$B$10,7,0)+IF('Standard Profiles'!$G$20=$B$17,14,0)+IF('Standard Profiles'!$G$20=$B$24,21,0),0)),0)</f>
        <v>0</v>
      </c>
      <c r="G3237" cm="1">
        <f t="array" ref="G3237">IFERROR(INDEX(Jesper!AK$2:AK$366,ROUNDDOWN($C3237/24,0)+1,1)*INDEX($D$3:$AA$30,INDEX(Jesper!$R$2:$R$366,ROW(INDEX(Jesper!AK$2:AK$366,ROUNDDOWN($C3237/24,0)+1,1))-1)+IF('Standard Profiles'!$G$21=$B$10,7,0)+IF('Standard Profiles'!$G$21=$B$17,14,0)+IF('Standard Profiles'!$G$21=$B$24,21,0),MOD($C3237,24)+1)/SUM(INDEX($D$3:$AA$30,INDEX(Jesper!$R$2:$R$366,ROW(INDEX(Jesper!AK$2:AK$366,ROUNDDOWN($C3237/24,0)+1,1))-1)+IF('Standard Profiles'!$G$21=$B$10,7,0)+IF('Standard Profiles'!$G$21=$B$17,14,0)+IF('Standard Profiles'!$G$21=$B$24,21,0),0)),0)</f>
        <v>0</v>
      </c>
      <c r="H3237" cm="1">
        <f t="array" ref="H3237">IFERROR(INDEX(Jesper!AL$2:AL$366,ROUNDDOWN($C3237/24,0)+1,1)*INDEX($D$3:$AA$30,INDEX(Jesper!$R$2:$R$366,ROW(INDEX(Jesper!AL$2:AL$366,ROUNDDOWN($C3237/24,0)+1,1))-1)+IF('Standard Profiles'!$G$22=$B$10,7,0)+IF('Standard Profiles'!$G$22=$B$17,14,0)+IF('Standard Profiles'!$G$22=$B$24,21,0),MOD($C3237,24)+1)/SUM(INDEX($D$3:$AA$30,INDEX(Jesper!$R$2:$R$366,ROW(INDEX(Jesper!AL$2:AL$366,ROUNDDOWN($C3237/24,0)+1,1))-1)+IF('Standard Profiles'!$G$22=$B$10,7,0)+IF('Standard Profiles'!$G$22=$B$17,14,0)+IF('Standard Profiles'!$G$22=$B$24,21,0),0)),0)</f>
        <v>0</v>
      </c>
      <c r="I3237">
        <f t="shared" si="370"/>
        <v>0.47210523647573183</v>
      </c>
      <c r="J3237">
        <f t="shared" si="371"/>
        <v>1.5736841215857729</v>
      </c>
      <c r="K3237">
        <f t="shared" si="372"/>
        <v>2.360526182378659</v>
      </c>
      <c r="L3237">
        <f t="shared" si="373"/>
        <v>11.330525675417563</v>
      </c>
      <c r="M3237">
        <f t="shared" si="374"/>
        <v>0</v>
      </c>
      <c r="N3237" s="46">
        <f t="shared" si="375"/>
        <v>45425.458333325565</v>
      </c>
    </row>
    <row r="3238" spans="2:14" x14ac:dyDescent="0.3">
      <c r="B3238">
        <f t="shared" si="369"/>
        <v>1</v>
      </c>
      <c r="C3238" s="16">
        <v>3204</v>
      </c>
      <c r="D3238" cm="1">
        <f t="array" ref="D3238">IFERROR(INDEX(Jesper!AH$2:AH$366,ROUNDDOWN($C3238/24,0)+1,1)*INDEX($D$3:$AA$30,INDEX(Jesper!$R$2:$R$366,ROW(INDEX(Jesper!AH$2:AH$366,ROUNDDOWN($C3238/24,0)+1,1))-1)+IF('Standard Profiles'!$G$18=$B$10,7,0)+IF('Standard Profiles'!$G$18=$B$17,14,0)+IF('Standard Profiles'!$G$18=$B$24,21,0),MOD($C3238,24)+1)/SUM(INDEX($D$3:$AA$30,INDEX(Jesper!$R$2:$R$366,ROW(INDEX(Jesper!AH$2:AH$366,ROUNDDOWN($C3238/24,0)+1,1))-1)+IF('Standard Profiles'!$G$18=$B$10,7,0)+IF('Standard Profiles'!$G$18=$B$17,14,0)+IF('Standard Profiles'!$G$18=$B$24,21,0),0)),0)</f>
        <v>15.736841215857728</v>
      </c>
      <c r="E3238" cm="1">
        <f t="array" ref="E3238">IFERROR(INDEX(Jesper!AI$2:AI$366,ROUNDDOWN($C3238/24,0)+1,1)*INDEX($D$3:$AA$30,INDEX(Jesper!$R$2:$R$366,ROW(INDEX(Jesper!AI$2:AI$366,ROUNDDOWN($C3238/24,0)+1,1))-1)+IF('Standard Profiles'!$G$19=$B$10,7,0)+IF('Standard Profiles'!$G$19=$B$17,14,0)+IF('Standard Profiles'!$G$19=$B$24,21,0),MOD($C3238,24)+1)/SUM(INDEX($D$3:$AA$30,INDEX(Jesper!$R$2:$R$366,ROW(INDEX(Jesper!AI$2:AI$366,ROUNDDOWN($C3238/24,0)+1,1))-1)+IF('Standard Profiles'!$G$19=$B$10,7,0)+IF('Standard Profiles'!$G$19=$B$17,14,0)+IF('Standard Profiles'!$G$19=$B$24,21,0),0)),0)</f>
        <v>0</v>
      </c>
      <c r="F3238" cm="1">
        <f t="array" ref="F3238">IFERROR(INDEX(Jesper!AJ$2:AJ$366,ROUNDDOWN($C3238/24,0)+1,1)*INDEX($D$3:$AA$30,INDEX(Jesper!$R$2:$R$366,ROW(INDEX(Jesper!AJ$2:AJ$366,ROUNDDOWN($C3238/24,0)+1,1))-1)+IF('Standard Profiles'!$G$20=$B$10,7,0)+IF('Standard Profiles'!$G$20=$B$17,14,0)+IF('Standard Profiles'!$G$20=$B$24,21,0),MOD($C3238,24)+1)/SUM(INDEX($D$3:$AA$30,INDEX(Jesper!$R$2:$R$366,ROW(INDEX(Jesper!AJ$2:AJ$366,ROUNDDOWN($C3238/24,0)+1,1))-1)+IF('Standard Profiles'!$G$20=$B$10,7,0)+IF('Standard Profiles'!$G$20=$B$17,14,0)+IF('Standard Profiles'!$G$20=$B$24,21,0),0)),0)</f>
        <v>0</v>
      </c>
      <c r="G3238" cm="1">
        <f t="array" ref="G3238">IFERROR(INDEX(Jesper!AK$2:AK$366,ROUNDDOWN($C3238/24,0)+1,1)*INDEX($D$3:$AA$30,INDEX(Jesper!$R$2:$R$366,ROW(INDEX(Jesper!AK$2:AK$366,ROUNDDOWN($C3238/24,0)+1,1))-1)+IF('Standard Profiles'!$G$21=$B$10,7,0)+IF('Standard Profiles'!$G$21=$B$17,14,0)+IF('Standard Profiles'!$G$21=$B$24,21,0),MOD($C3238,24)+1)/SUM(INDEX($D$3:$AA$30,INDEX(Jesper!$R$2:$R$366,ROW(INDEX(Jesper!AK$2:AK$366,ROUNDDOWN($C3238/24,0)+1,1))-1)+IF('Standard Profiles'!$G$21=$B$10,7,0)+IF('Standard Profiles'!$G$21=$B$17,14,0)+IF('Standard Profiles'!$G$21=$B$24,21,0),0)),0)</f>
        <v>0</v>
      </c>
      <c r="H3238" cm="1">
        <f t="array" ref="H3238">IFERROR(INDEX(Jesper!AL$2:AL$366,ROUNDDOWN($C3238/24,0)+1,1)*INDEX($D$3:$AA$30,INDEX(Jesper!$R$2:$R$366,ROW(INDEX(Jesper!AL$2:AL$366,ROUNDDOWN($C3238/24,0)+1,1))-1)+IF('Standard Profiles'!$G$22=$B$10,7,0)+IF('Standard Profiles'!$G$22=$B$17,14,0)+IF('Standard Profiles'!$G$22=$B$24,21,0),MOD($C3238,24)+1)/SUM(INDEX($D$3:$AA$30,INDEX(Jesper!$R$2:$R$366,ROW(INDEX(Jesper!AL$2:AL$366,ROUNDDOWN($C3238/24,0)+1,1))-1)+IF('Standard Profiles'!$G$22=$B$10,7,0)+IF('Standard Profiles'!$G$22=$B$17,14,0)+IF('Standard Profiles'!$G$22=$B$24,21,0),0)),0)</f>
        <v>0</v>
      </c>
      <c r="I3238">
        <f t="shared" si="370"/>
        <v>0.47210523647573183</v>
      </c>
      <c r="J3238">
        <f t="shared" si="371"/>
        <v>1.5736841215857729</v>
      </c>
      <c r="K3238">
        <f t="shared" si="372"/>
        <v>2.360526182378659</v>
      </c>
      <c r="L3238">
        <f t="shared" si="373"/>
        <v>11.330525675417563</v>
      </c>
      <c r="M3238">
        <f t="shared" si="374"/>
        <v>0</v>
      </c>
      <c r="N3238" s="46">
        <f t="shared" si="375"/>
        <v>45425.499999992229</v>
      </c>
    </row>
    <row r="3239" spans="2:14" x14ac:dyDescent="0.3">
      <c r="B3239">
        <f t="shared" si="369"/>
        <v>1</v>
      </c>
      <c r="C3239" s="16">
        <v>3205</v>
      </c>
      <c r="D3239" cm="1">
        <f t="array" ref="D3239">IFERROR(INDEX(Jesper!AH$2:AH$366,ROUNDDOWN($C3239/24,0)+1,1)*INDEX($D$3:$AA$30,INDEX(Jesper!$R$2:$R$366,ROW(INDEX(Jesper!AH$2:AH$366,ROUNDDOWN($C3239/24,0)+1,1))-1)+IF('Standard Profiles'!$G$18=$B$10,7,0)+IF('Standard Profiles'!$G$18=$B$17,14,0)+IF('Standard Profiles'!$G$18=$B$24,21,0),MOD($C3239,24)+1)/SUM(INDEX($D$3:$AA$30,INDEX(Jesper!$R$2:$R$366,ROW(INDEX(Jesper!AH$2:AH$366,ROUNDDOWN($C3239/24,0)+1,1))-1)+IF('Standard Profiles'!$G$18=$B$10,7,0)+IF('Standard Profiles'!$G$18=$B$17,14,0)+IF('Standard Profiles'!$G$18=$B$24,21,0),0)),0)</f>
        <v>10.425657305505744</v>
      </c>
      <c r="E3239" cm="1">
        <f t="array" ref="E3239">IFERROR(INDEX(Jesper!AI$2:AI$366,ROUNDDOWN($C3239/24,0)+1,1)*INDEX($D$3:$AA$30,INDEX(Jesper!$R$2:$R$366,ROW(INDEX(Jesper!AI$2:AI$366,ROUNDDOWN($C3239/24,0)+1,1))-1)+IF('Standard Profiles'!$G$19=$B$10,7,0)+IF('Standard Profiles'!$G$19=$B$17,14,0)+IF('Standard Profiles'!$G$19=$B$24,21,0),MOD($C3239,24)+1)/SUM(INDEX($D$3:$AA$30,INDEX(Jesper!$R$2:$R$366,ROW(INDEX(Jesper!AI$2:AI$366,ROUNDDOWN($C3239/24,0)+1,1))-1)+IF('Standard Profiles'!$G$19=$B$10,7,0)+IF('Standard Profiles'!$G$19=$B$17,14,0)+IF('Standard Profiles'!$G$19=$B$24,21,0),0)),0)</f>
        <v>0</v>
      </c>
      <c r="F3239" cm="1">
        <f t="array" ref="F3239">IFERROR(INDEX(Jesper!AJ$2:AJ$366,ROUNDDOWN($C3239/24,0)+1,1)*INDEX($D$3:$AA$30,INDEX(Jesper!$R$2:$R$366,ROW(INDEX(Jesper!AJ$2:AJ$366,ROUNDDOWN($C3239/24,0)+1,1))-1)+IF('Standard Profiles'!$G$20=$B$10,7,0)+IF('Standard Profiles'!$G$20=$B$17,14,0)+IF('Standard Profiles'!$G$20=$B$24,21,0),MOD($C3239,24)+1)/SUM(INDEX($D$3:$AA$30,INDEX(Jesper!$R$2:$R$366,ROW(INDEX(Jesper!AJ$2:AJ$366,ROUNDDOWN($C3239/24,0)+1,1))-1)+IF('Standard Profiles'!$G$20=$B$10,7,0)+IF('Standard Profiles'!$G$20=$B$17,14,0)+IF('Standard Profiles'!$G$20=$B$24,21,0),0)),0)</f>
        <v>0</v>
      </c>
      <c r="G3239" cm="1">
        <f t="array" ref="G3239">IFERROR(INDEX(Jesper!AK$2:AK$366,ROUNDDOWN($C3239/24,0)+1,1)*INDEX($D$3:$AA$30,INDEX(Jesper!$R$2:$R$366,ROW(INDEX(Jesper!AK$2:AK$366,ROUNDDOWN($C3239/24,0)+1,1))-1)+IF('Standard Profiles'!$G$21=$B$10,7,0)+IF('Standard Profiles'!$G$21=$B$17,14,0)+IF('Standard Profiles'!$G$21=$B$24,21,0),MOD($C3239,24)+1)/SUM(INDEX($D$3:$AA$30,INDEX(Jesper!$R$2:$R$366,ROW(INDEX(Jesper!AK$2:AK$366,ROUNDDOWN($C3239/24,0)+1,1))-1)+IF('Standard Profiles'!$G$21=$B$10,7,0)+IF('Standard Profiles'!$G$21=$B$17,14,0)+IF('Standard Profiles'!$G$21=$B$24,21,0),0)),0)</f>
        <v>0</v>
      </c>
      <c r="H3239" cm="1">
        <f t="array" ref="H3239">IFERROR(INDEX(Jesper!AL$2:AL$366,ROUNDDOWN($C3239/24,0)+1,1)*INDEX($D$3:$AA$30,INDEX(Jesper!$R$2:$R$366,ROW(INDEX(Jesper!AL$2:AL$366,ROUNDDOWN($C3239/24,0)+1,1))-1)+IF('Standard Profiles'!$G$22=$B$10,7,0)+IF('Standard Profiles'!$G$22=$B$17,14,0)+IF('Standard Profiles'!$G$22=$B$24,21,0),MOD($C3239,24)+1)/SUM(INDEX($D$3:$AA$30,INDEX(Jesper!$R$2:$R$366,ROW(INDEX(Jesper!AL$2:AL$366,ROUNDDOWN($C3239/24,0)+1,1))-1)+IF('Standard Profiles'!$G$22=$B$10,7,0)+IF('Standard Profiles'!$G$22=$B$17,14,0)+IF('Standard Profiles'!$G$22=$B$24,21,0),0)),0)</f>
        <v>0</v>
      </c>
      <c r="I3239">
        <f t="shared" si="370"/>
        <v>0.31276971916517232</v>
      </c>
      <c r="J3239">
        <f t="shared" si="371"/>
        <v>1.0425657305505744</v>
      </c>
      <c r="K3239">
        <f t="shared" si="372"/>
        <v>1.5638485958258617</v>
      </c>
      <c r="L3239">
        <f t="shared" si="373"/>
        <v>7.5064732599641353</v>
      </c>
      <c r="M3239">
        <f t="shared" si="374"/>
        <v>0</v>
      </c>
      <c r="N3239" s="46">
        <f t="shared" si="375"/>
        <v>45425.541666658894</v>
      </c>
    </row>
    <row r="3240" spans="2:14" x14ac:dyDescent="0.3">
      <c r="B3240">
        <f t="shared" si="369"/>
        <v>1</v>
      </c>
      <c r="C3240" s="16">
        <v>3206</v>
      </c>
      <c r="D3240" cm="1">
        <f t="array" ref="D3240">IFERROR(INDEX(Jesper!AH$2:AH$366,ROUNDDOWN($C3240/24,0)+1,1)*INDEX($D$3:$AA$30,INDEX(Jesper!$R$2:$R$366,ROW(INDEX(Jesper!AH$2:AH$366,ROUNDDOWN($C3240/24,0)+1,1))-1)+IF('Standard Profiles'!$G$18=$B$10,7,0)+IF('Standard Profiles'!$G$18=$B$17,14,0)+IF('Standard Profiles'!$G$18=$B$24,21,0),MOD($C3240,24)+1)/SUM(INDEX($D$3:$AA$30,INDEX(Jesper!$R$2:$R$366,ROW(INDEX(Jesper!AH$2:AH$366,ROUNDDOWN($C3240/24,0)+1,1))-1)+IF('Standard Profiles'!$G$18=$B$10,7,0)+IF('Standard Profiles'!$G$18=$B$17,14,0)+IF('Standard Profiles'!$G$18=$B$24,21,0),0)),0)</f>
        <v>15.736841215857728</v>
      </c>
      <c r="E3240" cm="1">
        <f t="array" ref="E3240">IFERROR(INDEX(Jesper!AI$2:AI$366,ROUNDDOWN($C3240/24,0)+1,1)*INDEX($D$3:$AA$30,INDEX(Jesper!$R$2:$R$366,ROW(INDEX(Jesper!AI$2:AI$366,ROUNDDOWN($C3240/24,0)+1,1))-1)+IF('Standard Profiles'!$G$19=$B$10,7,0)+IF('Standard Profiles'!$G$19=$B$17,14,0)+IF('Standard Profiles'!$G$19=$B$24,21,0),MOD($C3240,24)+1)/SUM(INDEX($D$3:$AA$30,INDEX(Jesper!$R$2:$R$366,ROW(INDEX(Jesper!AI$2:AI$366,ROUNDDOWN($C3240/24,0)+1,1))-1)+IF('Standard Profiles'!$G$19=$B$10,7,0)+IF('Standard Profiles'!$G$19=$B$17,14,0)+IF('Standard Profiles'!$G$19=$B$24,21,0),0)),0)</f>
        <v>0</v>
      </c>
      <c r="F3240" cm="1">
        <f t="array" ref="F3240">IFERROR(INDEX(Jesper!AJ$2:AJ$366,ROUNDDOWN($C3240/24,0)+1,1)*INDEX($D$3:$AA$30,INDEX(Jesper!$R$2:$R$366,ROW(INDEX(Jesper!AJ$2:AJ$366,ROUNDDOWN($C3240/24,0)+1,1))-1)+IF('Standard Profiles'!$G$20=$B$10,7,0)+IF('Standard Profiles'!$G$20=$B$17,14,0)+IF('Standard Profiles'!$G$20=$B$24,21,0),MOD($C3240,24)+1)/SUM(INDEX($D$3:$AA$30,INDEX(Jesper!$R$2:$R$366,ROW(INDEX(Jesper!AJ$2:AJ$366,ROUNDDOWN($C3240/24,0)+1,1))-1)+IF('Standard Profiles'!$G$20=$B$10,7,0)+IF('Standard Profiles'!$G$20=$B$17,14,0)+IF('Standard Profiles'!$G$20=$B$24,21,0),0)),0)</f>
        <v>0</v>
      </c>
      <c r="G3240" cm="1">
        <f t="array" ref="G3240">IFERROR(INDEX(Jesper!AK$2:AK$366,ROUNDDOWN($C3240/24,0)+1,1)*INDEX($D$3:$AA$30,INDEX(Jesper!$R$2:$R$366,ROW(INDEX(Jesper!AK$2:AK$366,ROUNDDOWN($C3240/24,0)+1,1))-1)+IF('Standard Profiles'!$G$21=$B$10,7,0)+IF('Standard Profiles'!$G$21=$B$17,14,0)+IF('Standard Profiles'!$G$21=$B$24,21,0),MOD($C3240,24)+1)/SUM(INDEX($D$3:$AA$30,INDEX(Jesper!$R$2:$R$366,ROW(INDEX(Jesper!AK$2:AK$366,ROUNDDOWN($C3240/24,0)+1,1))-1)+IF('Standard Profiles'!$G$21=$B$10,7,0)+IF('Standard Profiles'!$G$21=$B$17,14,0)+IF('Standard Profiles'!$G$21=$B$24,21,0),0)),0)</f>
        <v>0</v>
      </c>
      <c r="H3240" cm="1">
        <f t="array" ref="H3240">IFERROR(INDEX(Jesper!AL$2:AL$366,ROUNDDOWN($C3240/24,0)+1,1)*INDEX($D$3:$AA$30,INDEX(Jesper!$R$2:$R$366,ROW(INDEX(Jesper!AL$2:AL$366,ROUNDDOWN($C3240/24,0)+1,1))-1)+IF('Standard Profiles'!$G$22=$B$10,7,0)+IF('Standard Profiles'!$G$22=$B$17,14,0)+IF('Standard Profiles'!$G$22=$B$24,21,0),MOD($C3240,24)+1)/SUM(INDEX($D$3:$AA$30,INDEX(Jesper!$R$2:$R$366,ROW(INDEX(Jesper!AL$2:AL$366,ROUNDDOWN($C3240/24,0)+1,1))-1)+IF('Standard Profiles'!$G$22=$B$10,7,0)+IF('Standard Profiles'!$G$22=$B$17,14,0)+IF('Standard Profiles'!$G$22=$B$24,21,0),0)),0)</f>
        <v>0</v>
      </c>
      <c r="I3240">
        <f t="shared" si="370"/>
        <v>0.47210523647573183</v>
      </c>
      <c r="J3240">
        <f t="shared" si="371"/>
        <v>1.5736841215857729</v>
      </c>
      <c r="K3240">
        <f t="shared" si="372"/>
        <v>2.360526182378659</v>
      </c>
      <c r="L3240">
        <f t="shared" si="373"/>
        <v>11.330525675417563</v>
      </c>
      <c r="M3240">
        <f t="shared" si="374"/>
        <v>0</v>
      </c>
      <c r="N3240" s="46">
        <f t="shared" si="375"/>
        <v>45425.583333325558</v>
      </c>
    </row>
    <row r="3241" spans="2:14" x14ac:dyDescent="0.3">
      <c r="B3241">
        <f t="shared" si="369"/>
        <v>1</v>
      </c>
      <c r="C3241" s="16">
        <v>3207</v>
      </c>
      <c r="D3241" cm="1">
        <f t="array" ref="D3241">IFERROR(INDEX(Jesper!AH$2:AH$366,ROUNDDOWN($C3241/24,0)+1,1)*INDEX($D$3:$AA$30,INDEX(Jesper!$R$2:$R$366,ROW(INDEX(Jesper!AH$2:AH$366,ROUNDDOWN($C3241/24,0)+1,1))-1)+IF('Standard Profiles'!$G$18=$B$10,7,0)+IF('Standard Profiles'!$G$18=$B$17,14,0)+IF('Standard Profiles'!$G$18=$B$24,21,0),MOD($C3241,24)+1)/SUM(INDEX($D$3:$AA$30,INDEX(Jesper!$R$2:$R$366,ROW(INDEX(Jesper!AH$2:AH$366,ROUNDDOWN($C3241/24,0)+1,1))-1)+IF('Standard Profiles'!$G$18=$B$10,7,0)+IF('Standard Profiles'!$G$18=$B$17,14,0)+IF('Standard Profiles'!$G$18=$B$24,21,0),0)),0)</f>
        <v>15.736841215857728</v>
      </c>
      <c r="E3241" cm="1">
        <f t="array" ref="E3241">IFERROR(INDEX(Jesper!AI$2:AI$366,ROUNDDOWN($C3241/24,0)+1,1)*INDEX($D$3:$AA$30,INDEX(Jesper!$R$2:$R$366,ROW(INDEX(Jesper!AI$2:AI$366,ROUNDDOWN($C3241/24,0)+1,1))-1)+IF('Standard Profiles'!$G$19=$B$10,7,0)+IF('Standard Profiles'!$G$19=$B$17,14,0)+IF('Standard Profiles'!$G$19=$B$24,21,0),MOD($C3241,24)+1)/SUM(INDEX($D$3:$AA$30,INDEX(Jesper!$R$2:$R$366,ROW(INDEX(Jesper!AI$2:AI$366,ROUNDDOWN($C3241/24,0)+1,1))-1)+IF('Standard Profiles'!$G$19=$B$10,7,0)+IF('Standard Profiles'!$G$19=$B$17,14,0)+IF('Standard Profiles'!$G$19=$B$24,21,0),0)),0)</f>
        <v>0</v>
      </c>
      <c r="F3241" cm="1">
        <f t="array" ref="F3241">IFERROR(INDEX(Jesper!AJ$2:AJ$366,ROUNDDOWN($C3241/24,0)+1,1)*INDEX($D$3:$AA$30,INDEX(Jesper!$R$2:$R$366,ROW(INDEX(Jesper!AJ$2:AJ$366,ROUNDDOWN($C3241/24,0)+1,1))-1)+IF('Standard Profiles'!$G$20=$B$10,7,0)+IF('Standard Profiles'!$G$20=$B$17,14,0)+IF('Standard Profiles'!$G$20=$B$24,21,0),MOD($C3241,24)+1)/SUM(INDEX($D$3:$AA$30,INDEX(Jesper!$R$2:$R$366,ROW(INDEX(Jesper!AJ$2:AJ$366,ROUNDDOWN($C3241/24,0)+1,1))-1)+IF('Standard Profiles'!$G$20=$B$10,7,0)+IF('Standard Profiles'!$G$20=$B$17,14,0)+IF('Standard Profiles'!$G$20=$B$24,21,0),0)),0)</f>
        <v>0</v>
      </c>
      <c r="G3241" cm="1">
        <f t="array" ref="G3241">IFERROR(INDEX(Jesper!AK$2:AK$366,ROUNDDOWN($C3241/24,0)+1,1)*INDEX($D$3:$AA$30,INDEX(Jesper!$R$2:$R$366,ROW(INDEX(Jesper!AK$2:AK$366,ROUNDDOWN($C3241/24,0)+1,1))-1)+IF('Standard Profiles'!$G$21=$B$10,7,0)+IF('Standard Profiles'!$G$21=$B$17,14,0)+IF('Standard Profiles'!$G$21=$B$24,21,0),MOD($C3241,24)+1)/SUM(INDEX($D$3:$AA$30,INDEX(Jesper!$R$2:$R$366,ROW(INDEX(Jesper!AK$2:AK$366,ROUNDDOWN($C3241/24,0)+1,1))-1)+IF('Standard Profiles'!$G$21=$B$10,7,0)+IF('Standard Profiles'!$G$21=$B$17,14,0)+IF('Standard Profiles'!$G$21=$B$24,21,0),0)),0)</f>
        <v>0</v>
      </c>
      <c r="H3241" cm="1">
        <f t="array" ref="H3241">IFERROR(INDEX(Jesper!AL$2:AL$366,ROUNDDOWN($C3241/24,0)+1,1)*INDEX($D$3:$AA$30,INDEX(Jesper!$R$2:$R$366,ROW(INDEX(Jesper!AL$2:AL$366,ROUNDDOWN($C3241/24,0)+1,1))-1)+IF('Standard Profiles'!$G$22=$B$10,7,0)+IF('Standard Profiles'!$G$22=$B$17,14,0)+IF('Standard Profiles'!$G$22=$B$24,21,0),MOD($C3241,24)+1)/SUM(INDEX($D$3:$AA$30,INDEX(Jesper!$R$2:$R$366,ROW(INDEX(Jesper!AL$2:AL$366,ROUNDDOWN($C3241/24,0)+1,1))-1)+IF('Standard Profiles'!$G$22=$B$10,7,0)+IF('Standard Profiles'!$G$22=$B$17,14,0)+IF('Standard Profiles'!$G$22=$B$24,21,0),0)),0)</f>
        <v>0</v>
      </c>
      <c r="I3241">
        <f t="shared" si="370"/>
        <v>0.47210523647573183</v>
      </c>
      <c r="J3241">
        <f t="shared" si="371"/>
        <v>1.5736841215857729</v>
      </c>
      <c r="K3241">
        <f t="shared" si="372"/>
        <v>2.360526182378659</v>
      </c>
      <c r="L3241">
        <f t="shared" si="373"/>
        <v>11.330525675417563</v>
      </c>
      <c r="M3241">
        <f t="shared" si="374"/>
        <v>0</v>
      </c>
      <c r="N3241" s="46">
        <f t="shared" si="375"/>
        <v>45425.624999992222</v>
      </c>
    </row>
    <row r="3242" spans="2:14" x14ac:dyDescent="0.3">
      <c r="B3242">
        <f t="shared" si="369"/>
        <v>1</v>
      </c>
      <c r="C3242" s="16">
        <v>3208</v>
      </c>
      <c r="D3242" cm="1">
        <f t="array" ref="D3242">IFERROR(INDEX(Jesper!AH$2:AH$366,ROUNDDOWN($C3242/24,0)+1,1)*INDEX($D$3:$AA$30,INDEX(Jesper!$R$2:$R$366,ROW(INDEX(Jesper!AH$2:AH$366,ROUNDDOWN($C3242/24,0)+1,1))-1)+IF('Standard Profiles'!$G$18=$B$10,7,0)+IF('Standard Profiles'!$G$18=$B$17,14,0)+IF('Standard Profiles'!$G$18=$B$24,21,0),MOD($C3242,24)+1)/SUM(INDEX($D$3:$AA$30,INDEX(Jesper!$R$2:$R$366,ROW(INDEX(Jesper!AH$2:AH$366,ROUNDDOWN($C3242/24,0)+1,1))-1)+IF('Standard Profiles'!$G$18=$B$10,7,0)+IF('Standard Profiles'!$G$18=$B$17,14,0)+IF('Standard Profiles'!$G$18=$B$24,21,0),0)),0)</f>
        <v>15.736841215857728</v>
      </c>
      <c r="E3242" cm="1">
        <f t="array" ref="E3242">IFERROR(INDEX(Jesper!AI$2:AI$366,ROUNDDOWN($C3242/24,0)+1,1)*INDEX($D$3:$AA$30,INDEX(Jesper!$R$2:$R$366,ROW(INDEX(Jesper!AI$2:AI$366,ROUNDDOWN($C3242/24,0)+1,1))-1)+IF('Standard Profiles'!$G$19=$B$10,7,0)+IF('Standard Profiles'!$G$19=$B$17,14,0)+IF('Standard Profiles'!$G$19=$B$24,21,0),MOD($C3242,24)+1)/SUM(INDEX($D$3:$AA$30,INDEX(Jesper!$R$2:$R$366,ROW(INDEX(Jesper!AI$2:AI$366,ROUNDDOWN($C3242/24,0)+1,1))-1)+IF('Standard Profiles'!$G$19=$B$10,7,0)+IF('Standard Profiles'!$G$19=$B$17,14,0)+IF('Standard Profiles'!$G$19=$B$24,21,0),0)),0)</f>
        <v>0</v>
      </c>
      <c r="F3242" cm="1">
        <f t="array" ref="F3242">IFERROR(INDEX(Jesper!AJ$2:AJ$366,ROUNDDOWN($C3242/24,0)+1,1)*INDEX($D$3:$AA$30,INDEX(Jesper!$R$2:$R$366,ROW(INDEX(Jesper!AJ$2:AJ$366,ROUNDDOWN($C3242/24,0)+1,1))-1)+IF('Standard Profiles'!$G$20=$B$10,7,0)+IF('Standard Profiles'!$G$20=$B$17,14,0)+IF('Standard Profiles'!$G$20=$B$24,21,0),MOD($C3242,24)+1)/SUM(INDEX($D$3:$AA$30,INDEX(Jesper!$R$2:$R$366,ROW(INDEX(Jesper!AJ$2:AJ$366,ROUNDDOWN($C3242/24,0)+1,1))-1)+IF('Standard Profiles'!$G$20=$B$10,7,0)+IF('Standard Profiles'!$G$20=$B$17,14,0)+IF('Standard Profiles'!$G$20=$B$24,21,0),0)),0)</f>
        <v>0</v>
      </c>
      <c r="G3242" cm="1">
        <f t="array" ref="G3242">IFERROR(INDEX(Jesper!AK$2:AK$366,ROUNDDOWN($C3242/24,0)+1,1)*INDEX($D$3:$AA$30,INDEX(Jesper!$R$2:$R$366,ROW(INDEX(Jesper!AK$2:AK$366,ROUNDDOWN($C3242/24,0)+1,1))-1)+IF('Standard Profiles'!$G$21=$B$10,7,0)+IF('Standard Profiles'!$G$21=$B$17,14,0)+IF('Standard Profiles'!$G$21=$B$24,21,0),MOD($C3242,24)+1)/SUM(INDEX($D$3:$AA$30,INDEX(Jesper!$R$2:$R$366,ROW(INDEX(Jesper!AK$2:AK$366,ROUNDDOWN($C3242/24,0)+1,1))-1)+IF('Standard Profiles'!$G$21=$B$10,7,0)+IF('Standard Profiles'!$G$21=$B$17,14,0)+IF('Standard Profiles'!$G$21=$B$24,21,0),0)),0)</f>
        <v>0</v>
      </c>
      <c r="H3242" cm="1">
        <f t="array" ref="H3242">IFERROR(INDEX(Jesper!AL$2:AL$366,ROUNDDOWN($C3242/24,0)+1,1)*INDEX($D$3:$AA$30,INDEX(Jesper!$R$2:$R$366,ROW(INDEX(Jesper!AL$2:AL$366,ROUNDDOWN($C3242/24,0)+1,1))-1)+IF('Standard Profiles'!$G$22=$B$10,7,0)+IF('Standard Profiles'!$G$22=$B$17,14,0)+IF('Standard Profiles'!$G$22=$B$24,21,0),MOD($C3242,24)+1)/SUM(INDEX($D$3:$AA$30,INDEX(Jesper!$R$2:$R$366,ROW(INDEX(Jesper!AL$2:AL$366,ROUNDDOWN($C3242/24,0)+1,1))-1)+IF('Standard Profiles'!$G$22=$B$10,7,0)+IF('Standard Profiles'!$G$22=$B$17,14,0)+IF('Standard Profiles'!$G$22=$B$24,21,0),0)),0)</f>
        <v>0</v>
      </c>
      <c r="I3242">
        <f t="shared" si="370"/>
        <v>0.47210523647573183</v>
      </c>
      <c r="J3242">
        <f t="shared" si="371"/>
        <v>1.5736841215857729</v>
      </c>
      <c r="K3242">
        <f t="shared" si="372"/>
        <v>2.360526182378659</v>
      </c>
      <c r="L3242">
        <f t="shared" si="373"/>
        <v>11.330525675417563</v>
      </c>
      <c r="M3242">
        <f t="shared" si="374"/>
        <v>0</v>
      </c>
      <c r="N3242" s="46">
        <f t="shared" si="375"/>
        <v>45425.666666658886</v>
      </c>
    </row>
    <row r="3243" spans="2:14" x14ac:dyDescent="0.3">
      <c r="B3243">
        <f t="shared" si="369"/>
        <v>1</v>
      </c>
      <c r="C3243" s="16">
        <v>3209</v>
      </c>
      <c r="D3243" cm="1">
        <f t="array" ref="D3243">IFERROR(INDEX(Jesper!AH$2:AH$366,ROUNDDOWN($C3243/24,0)+1,1)*INDEX($D$3:$AA$30,INDEX(Jesper!$R$2:$R$366,ROW(INDEX(Jesper!AH$2:AH$366,ROUNDDOWN($C3243/24,0)+1,1))-1)+IF('Standard Profiles'!$G$18=$B$10,7,0)+IF('Standard Profiles'!$G$18=$B$17,14,0)+IF('Standard Profiles'!$G$18=$B$24,21,0),MOD($C3243,24)+1)/SUM(INDEX($D$3:$AA$30,INDEX(Jesper!$R$2:$R$366,ROW(INDEX(Jesper!AH$2:AH$366,ROUNDDOWN($C3243/24,0)+1,1))-1)+IF('Standard Profiles'!$G$18=$B$10,7,0)+IF('Standard Profiles'!$G$18=$B$17,14,0)+IF('Standard Profiles'!$G$18=$B$24,21,0),0)),0)</f>
        <v>15.736841215857728</v>
      </c>
      <c r="E3243" cm="1">
        <f t="array" ref="E3243">IFERROR(INDEX(Jesper!AI$2:AI$366,ROUNDDOWN($C3243/24,0)+1,1)*INDEX($D$3:$AA$30,INDEX(Jesper!$R$2:$R$366,ROW(INDEX(Jesper!AI$2:AI$366,ROUNDDOWN($C3243/24,0)+1,1))-1)+IF('Standard Profiles'!$G$19=$B$10,7,0)+IF('Standard Profiles'!$G$19=$B$17,14,0)+IF('Standard Profiles'!$G$19=$B$24,21,0),MOD($C3243,24)+1)/SUM(INDEX($D$3:$AA$30,INDEX(Jesper!$R$2:$R$366,ROW(INDEX(Jesper!AI$2:AI$366,ROUNDDOWN($C3243/24,0)+1,1))-1)+IF('Standard Profiles'!$G$19=$B$10,7,0)+IF('Standard Profiles'!$G$19=$B$17,14,0)+IF('Standard Profiles'!$G$19=$B$24,21,0),0)),0)</f>
        <v>0</v>
      </c>
      <c r="F3243" cm="1">
        <f t="array" ref="F3243">IFERROR(INDEX(Jesper!AJ$2:AJ$366,ROUNDDOWN($C3243/24,0)+1,1)*INDEX($D$3:$AA$30,INDEX(Jesper!$R$2:$R$366,ROW(INDEX(Jesper!AJ$2:AJ$366,ROUNDDOWN($C3243/24,0)+1,1))-1)+IF('Standard Profiles'!$G$20=$B$10,7,0)+IF('Standard Profiles'!$G$20=$B$17,14,0)+IF('Standard Profiles'!$G$20=$B$24,21,0),MOD($C3243,24)+1)/SUM(INDEX($D$3:$AA$30,INDEX(Jesper!$R$2:$R$366,ROW(INDEX(Jesper!AJ$2:AJ$366,ROUNDDOWN($C3243/24,0)+1,1))-1)+IF('Standard Profiles'!$G$20=$B$10,7,0)+IF('Standard Profiles'!$G$20=$B$17,14,0)+IF('Standard Profiles'!$G$20=$B$24,21,0),0)),0)</f>
        <v>0</v>
      </c>
      <c r="G3243" cm="1">
        <f t="array" ref="G3243">IFERROR(INDEX(Jesper!AK$2:AK$366,ROUNDDOWN($C3243/24,0)+1,1)*INDEX($D$3:$AA$30,INDEX(Jesper!$R$2:$R$366,ROW(INDEX(Jesper!AK$2:AK$366,ROUNDDOWN($C3243/24,0)+1,1))-1)+IF('Standard Profiles'!$G$21=$B$10,7,0)+IF('Standard Profiles'!$G$21=$B$17,14,0)+IF('Standard Profiles'!$G$21=$B$24,21,0),MOD($C3243,24)+1)/SUM(INDEX($D$3:$AA$30,INDEX(Jesper!$R$2:$R$366,ROW(INDEX(Jesper!AK$2:AK$366,ROUNDDOWN($C3243/24,0)+1,1))-1)+IF('Standard Profiles'!$G$21=$B$10,7,0)+IF('Standard Profiles'!$G$21=$B$17,14,0)+IF('Standard Profiles'!$G$21=$B$24,21,0),0)),0)</f>
        <v>0</v>
      </c>
      <c r="H3243" cm="1">
        <f t="array" ref="H3243">IFERROR(INDEX(Jesper!AL$2:AL$366,ROUNDDOWN($C3243/24,0)+1,1)*INDEX($D$3:$AA$30,INDEX(Jesper!$R$2:$R$366,ROW(INDEX(Jesper!AL$2:AL$366,ROUNDDOWN($C3243/24,0)+1,1))-1)+IF('Standard Profiles'!$G$22=$B$10,7,0)+IF('Standard Profiles'!$G$22=$B$17,14,0)+IF('Standard Profiles'!$G$22=$B$24,21,0),MOD($C3243,24)+1)/SUM(INDEX($D$3:$AA$30,INDEX(Jesper!$R$2:$R$366,ROW(INDEX(Jesper!AL$2:AL$366,ROUNDDOWN($C3243/24,0)+1,1))-1)+IF('Standard Profiles'!$G$22=$B$10,7,0)+IF('Standard Profiles'!$G$22=$B$17,14,0)+IF('Standard Profiles'!$G$22=$B$24,21,0),0)),0)</f>
        <v>0</v>
      </c>
      <c r="I3243">
        <f t="shared" si="370"/>
        <v>0.47210523647573183</v>
      </c>
      <c r="J3243">
        <f t="shared" si="371"/>
        <v>1.5736841215857729</v>
      </c>
      <c r="K3243">
        <f t="shared" si="372"/>
        <v>2.360526182378659</v>
      </c>
      <c r="L3243">
        <f t="shared" si="373"/>
        <v>11.330525675417563</v>
      </c>
      <c r="M3243">
        <f t="shared" si="374"/>
        <v>0</v>
      </c>
      <c r="N3243" s="46">
        <f t="shared" si="375"/>
        <v>45425.70833332555</v>
      </c>
    </row>
    <row r="3244" spans="2:14" x14ac:dyDescent="0.3">
      <c r="B3244">
        <f t="shared" si="369"/>
        <v>1</v>
      </c>
      <c r="C3244" s="16">
        <v>3210</v>
      </c>
      <c r="D3244" cm="1">
        <f t="array" ref="D3244">IFERROR(INDEX(Jesper!AH$2:AH$366,ROUNDDOWN($C3244/24,0)+1,1)*INDEX($D$3:$AA$30,INDEX(Jesper!$R$2:$R$366,ROW(INDEX(Jesper!AH$2:AH$366,ROUNDDOWN($C3244/24,0)+1,1))-1)+IF('Standard Profiles'!$G$18=$B$10,7,0)+IF('Standard Profiles'!$G$18=$B$17,14,0)+IF('Standard Profiles'!$G$18=$B$24,21,0),MOD($C3244,24)+1)/SUM(INDEX($D$3:$AA$30,INDEX(Jesper!$R$2:$R$366,ROW(INDEX(Jesper!AH$2:AH$366,ROUNDDOWN($C3244/24,0)+1,1))-1)+IF('Standard Profiles'!$G$18=$B$10,7,0)+IF('Standard Profiles'!$G$18=$B$17,14,0)+IF('Standard Profiles'!$G$18=$B$24,21,0),0)),0)</f>
        <v>15.736841215857728</v>
      </c>
      <c r="E3244" cm="1">
        <f t="array" ref="E3244">IFERROR(INDEX(Jesper!AI$2:AI$366,ROUNDDOWN($C3244/24,0)+1,1)*INDEX($D$3:$AA$30,INDEX(Jesper!$R$2:$R$366,ROW(INDEX(Jesper!AI$2:AI$366,ROUNDDOWN($C3244/24,0)+1,1))-1)+IF('Standard Profiles'!$G$19=$B$10,7,0)+IF('Standard Profiles'!$G$19=$B$17,14,0)+IF('Standard Profiles'!$G$19=$B$24,21,0),MOD($C3244,24)+1)/SUM(INDEX($D$3:$AA$30,INDEX(Jesper!$R$2:$R$366,ROW(INDEX(Jesper!AI$2:AI$366,ROUNDDOWN($C3244/24,0)+1,1))-1)+IF('Standard Profiles'!$G$19=$B$10,7,0)+IF('Standard Profiles'!$G$19=$B$17,14,0)+IF('Standard Profiles'!$G$19=$B$24,21,0),0)),0)</f>
        <v>0</v>
      </c>
      <c r="F3244" cm="1">
        <f t="array" ref="F3244">IFERROR(INDEX(Jesper!AJ$2:AJ$366,ROUNDDOWN($C3244/24,0)+1,1)*INDEX($D$3:$AA$30,INDEX(Jesper!$R$2:$R$366,ROW(INDEX(Jesper!AJ$2:AJ$366,ROUNDDOWN($C3244/24,0)+1,1))-1)+IF('Standard Profiles'!$G$20=$B$10,7,0)+IF('Standard Profiles'!$G$20=$B$17,14,0)+IF('Standard Profiles'!$G$20=$B$24,21,0),MOD($C3244,24)+1)/SUM(INDEX($D$3:$AA$30,INDEX(Jesper!$R$2:$R$366,ROW(INDEX(Jesper!AJ$2:AJ$366,ROUNDDOWN($C3244/24,0)+1,1))-1)+IF('Standard Profiles'!$G$20=$B$10,7,0)+IF('Standard Profiles'!$G$20=$B$17,14,0)+IF('Standard Profiles'!$G$20=$B$24,21,0),0)),0)</f>
        <v>0</v>
      </c>
      <c r="G3244" cm="1">
        <f t="array" ref="G3244">IFERROR(INDEX(Jesper!AK$2:AK$366,ROUNDDOWN($C3244/24,0)+1,1)*INDEX($D$3:$AA$30,INDEX(Jesper!$R$2:$R$366,ROW(INDEX(Jesper!AK$2:AK$366,ROUNDDOWN($C3244/24,0)+1,1))-1)+IF('Standard Profiles'!$G$21=$B$10,7,0)+IF('Standard Profiles'!$G$21=$B$17,14,0)+IF('Standard Profiles'!$G$21=$B$24,21,0),MOD($C3244,24)+1)/SUM(INDEX($D$3:$AA$30,INDEX(Jesper!$R$2:$R$366,ROW(INDEX(Jesper!AK$2:AK$366,ROUNDDOWN($C3244/24,0)+1,1))-1)+IF('Standard Profiles'!$G$21=$B$10,7,0)+IF('Standard Profiles'!$G$21=$B$17,14,0)+IF('Standard Profiles'!$G$21=$B$24,21,0),0)),0)</f>
        <v>0</v>
      </c>
      <c r="H3244" cm="1">
        <f t="array" ref="H3244">IFERROR(INDEX(Jesper!AL$2:AL$366,ROUNDDOWN($C3244/24,0)+1,1)*INDEX($D$3:$AA$30,INDEX(Jesper!$R$2:$R$366,ROW(INDEX(Jesper!AL$2:AL$366,ROUNDDOWN($C3244/24,0)+1,1))-1)+IF('Standard Profiles'!$G$22=$B$10,7,0)+IF('Standard Profiles'!$G$22=$B$17,14,0)+IF('Standard Profiles'!$G$22=$B$24,21,0),MOD($C3244,24)+1)/SUM(INDEX($D$3:$AA$30,INDEX(Jesper!$R$2:$R$366,ROW(INDEX(Jesper!AL$2:AL$366,ROUNDDOWN($C3244/24,0)+1,1))-1)+IF('Standard Profiles'!$G$22=$B$10,7,0)+IF('Standard Profiles'!$G$22=$B$17,14,0)+IF('Standard Profiles'!$G$22=$B$24,21,0),0)),0)</f>
        <v>0</v>
      </c>
      <c r="I3244">
        <f t="shared" si="370"/>
        <v>0.47210523647573183</v>
      </c>
      <c r="J3244">
        <f t="shared" si="371"/>
        <v>1.5736841215857729</v>
      </c>
      <c r="K3244">
        <f t="shared" si="372"/>
        <v>2.360526182378659</v>
      </c>
      <c r="L3244">
        <f t="shared" si="373"/>
        <v>11.330525675417563</v>
      </c>
      <c r="M3244">
        <f t="shared" si="374"/>
        <v>0</v>
      </c>
      <c r="N3244" s="46">
        <f t="shared" si="375"/>
        <v>45425.749999992215</v>
      </c>
    </row>
    <row r="3245" spans="2:14" x14ac:dyDescent="0.3">
      <c r="B3245">
        <f t="shared" si="369"/>
        <v>1</v>
      </c>
      <c r="C3245" s="16">
        <v>3211</v>
      </c>
      <c r="D3245" cm="1">
        <f t="array" ref="D3245">IFERROR(INDEX(Jesper!AH$2:AH$366,ROUNDDOWN($C3245/24,0)+1,1)*INDEX($D$3:$AA$30,INDEX(Jesper!$R$2:$R$366,ROW(INDEX(Jesper!AH$2:AH$366,ROUNDDOWN($C3245/24,0)+1,1))-1)+IF('Standard Profiles'!$G$18=$B$10,7,0)+IF('Standard Profiles'!$G$18=$B$17,14,0)+IF('Standard Profiles'!$G$18=$B$24,21,0),MOD($C3245,24)+1)/SUM(INDEX($D$3:$AA$30,INDEX(Jesper!$R$2:$R$366,ROW(INDEX(Jesper!AH$2:AH$366,ROUNDDOWN($C3245/24,0)+1,1))-1)+IF('Standard Profiles'!$G$18=$B$10,7,0)+IF('Standard Profiles'!$G$18=$B$17,14,0)+IF('Standard Profiles'!$G$18=$B$24,21,0),0)),0)</f>
        <v>13.179604518280847</v>
      </c>
      <c r="E3245" cm="1">
        <f t="array" ref="E3245">IFERROR(INDEX(Jesper!AI$2:AI$366,ROUNDDOWN($C3245/24,0)+1,1)*INDEX($D$3:$AA$30,INDEX(Jesper!$R$2:$R$366,ROW(INDEX(Jesper!AI$2:AI$366,ROUNDDOWN($C3245/24,0)+1,1))-1)+IF('Standard Profiles'!$G$19=$B$10,7,0)+IF('Standard Profiles'!$G$19=$B$17,14,0)+IF('Standard Profiles'!$G$19=$B$24,21,0),MOD($C3245,24)+1)/SUM(INDEX($D$3:$AA$30,INDEX(Jesper!$R$2:$R$366,ROW(INDEX(Jesper!AI$2:AI$366,ROUNDDOWN($C3245/24,0)+1,1))-1)+IF('Standard Profiles'!$G$19=$B$10,7,0)+IF('Standard Profiles'!$G$19=$B$17,14,0)+IF('Standard Profiles'!$G$19=$B$24,21,0),0)),0)</f>
        <v>0</v>
      </c>
      <c r="F3245" cm="1">
        <f t="array" ref="F3245">IFERROR(INDEX(Jesper!AJ$2:AJ$366,ROUNDDOWN($C3245/24,0)+1,1)*INDEX($D$3:$AA$30,INDEX(Jesper!$R$2:$R$366,ROW(INDEX(Jesper!AJ$2:AJ$366,ROUNDDOWN($C3245/24,0)+1,1))-1)+IF('Standard Profiles'!$G$20=$B$10,7,0)+IF('Standard Profiles'!$G$20=$B$17,14,0)+IF('Standard Profiles'!$G$20=$B$24,21,0),MOD($C3245,24)+1)/SUM(INDEX($D$3:$AA$30,INDEX(Jesper!$R$2:$R$366,ROW(INDEX(Jesper!AJ$2:AJ$366,ROUNDDOWN($C3245/24,0)+1,1))-1)+IF('Standard Profiles'!$G$20=$B$10,7,0)+IF('Standard Profiles'!$G$20=$B$17,14,0)+IF('Standard Profiles'!$G$20=$B$24,21,0),0)),0)</f>
        <v>0</v>
      </c>
      <c r="G3245" cm="1">
        <f t="array" ref="G3245">IFERROR(INDEX(Jesper!AK$2:AK$366,ROUNDDOWN($C3245/24,0)+1,1)*INDEX($D$3:$AA$30,INDEX(Jesper!$R$2:$R$366,ROW(INDEX(Jesper!AK$2:AK$366,ROUNDDOWN($C3245/24,0)+1,1))-1)+IF('Standard Profiles'!$G$21=$B$10,7,0)+IF('Standard Profiles'!$G$21=$B$17,14,0)+IF('Standard Profiles'!$G$21=$B$24,21,0),MOD($C3245,24)+1)/SUM(INDEX($D$3:$AA$30,INDEX(Jesper!$R$2:$R$366,ROW(INDEX(Jesper!AK$2:AK$366,ROUNDDOWN($C3245/24,0)+1,1))-1)+IF('Standard Profiles'!$G$21=$B$10,7,0)+IF('Standard Profiles'!$G$21=$B$17,14,0)+IF('Standard Profiles'!$G$21=$B$24,21,0),0)),0)</f>
        <v>0</v>
      </c>
      <c r="H3245" cm="1">
        <f t="array" ref="H3245">IFERROR(INDEX(Jesper!AL$2:AL$366,ROUNDDOWN($C3245/24,0)+1,1)*INDEX($D$3:$AA$30,INDEX(Jesper!$R$2:$R$366,ROW(INDEX(Jesper!AL$2:AL$366,ROUNDDOWN($C3245/24,0)+1,1))-1)+IF('Standard Profiles'!$G$22=$B$10,7,0)+IF('Standard Profiles'!$G$22=$B$17,14,0)+IF('Standard Profiles'!$G$22=$B$24,21,0),MOD($C3245,24)+1)/SUM(INDEX($D$3:$AA$30,INDEX(Jesper!$R$2:$R$366,ROW(INDEX(Jesper!AL$2:AL$366,ROUNDDOWN($C3245/24,0)+1,1))-1)+IF('Standard Profiles'!$G$22=$B$10,7,0)+IF('Standard Profiles'!$G$22=$B$17,14,0)+IF('Standard Profiles'!$G$22=$B$24,21,0),0)),0)</f>
        <v>0</v>
      </c>
      <c r="I3245">
        <f t="shared" si="370"/>
        <v>0.39538813554842539</v>
      </c>
      <c r="J3245">
        <f t="shared" si="371"/>
        <v>1.3179604518280847</v>
      </c>
      <c r="K3245">
        <f t="shared" si="372"/>
        <v>1.976940677742127</v>
      </c>
      <c r="L3245">
        <f t="shared" si="373"/>
        <v>9.4893152531622089</v>
      </c>
      <c r="M3245">
        <f t="shared" si="374"/>
        <v>0</v>
      </c>
      <c r="N3245" s="46">
        <f t="shared" si="375"/>
        <v>45425.791666658879</v>
      </c>
    </row>
    <row r="3246" spans="2:14" x14ac:dyDescent="0.3">
      <c r="B3246">
        <f t="shared" si="369"/>
        <v>1</v>
      </c>
      <c r="C3246" s="16">
        <v>3212</v>
      </c>
      <c r="D3246" cm="1">
        <f t="array" ref="D3246">IFERROR(INDEX(Jesper!AH$2:AH$366,ROUNDDOWN($C3246/24,0)+1,1)*INDEX($D$3:$AA$30,INDEX(Jesper!$R$2:$R$366,ROW(INDEX(Jesper!AH$2:AH$366,ROUNDDOWN($C3246/24,0)+1,1))-1)+IF('Standard Profiles'!$G$18=$B$10,7,0)+IF('Standard Profiles'!$G$18=$B$17,14,0)+IF('Standard Profiles'!$G$18=$B$24,21,0),MOD($C3246,24)+1)/SUM(INDEX($D$3:$AA$30,INDEX(Jesper!$R$2:$R$366,ROW(INDEX(Jesper!AH$2:AH$366,ROUNDDOWN($C3246/24,0)+1,1))-1)+IF('Standard Profiles'!$G$18=$B$10,7,0)+IF('Standard Profiles'!$G$18=$B$17,14,0)+IF('Standard Profiles'!$G$18=$B$24,21,0),0)),0)</f>
        <v>10.819078335902187</v>
      </c>
      <c r="E3246" cm="1">
        <f t="array" ref="E3246">IFERROR(INDEX(Jesper!AI$2:AI$366,ROUNDDOWN($C3246/24,0)+1,1)*INDEX($D$3:$AA$30,INDEX(Jesper!$R$2:$R$366,ROW(INDEX(Jesper!AI$2:AI$366,ROUNDDOWN($C3246/24,0)+1,1))-1)+IF('Standard Profiles'!$G$19=$B$10,7,0)+IF('Standard Profiles'!$G$19=$B$17,14,0)+IF('Standard Profiles'!$G$19=$B$24,21,0),MOD($C3246,24)+1)/SUM(INDEX($D$3:$AA$30,INDEX(Jesper!$R$2:$R$366,ROW(INDEX(Jesper!AI$2:AI$366,ROUNDDOWN($C3246/24,0)+1,1))-1)+IF('Standard Profiles'!$G$19=$B$10,7,0)+IF('Standard Profiles'!$G$19=$B$17,14,0)+IF('Standard Profiles'!$G$19=$B$24,21,0),0)),0)</f>
        <v>0</v>
      </c>
      <c r="F3246" cm="1">
        <f t="array" ref="F3246">IFERROR(INDEX(Jesper!AJ$2:AJ$366,ROUNDDOWN($C3246/24,0)+1,1)*INDEX($D$3:$AA$30,INDEX(Jesper!$R$2:$R$366,ROW(INDEX(Jesper!AJ$2:AJ$366,ROUNDDOWN($C3246/24,0)+1,1))-1)+IF('Standard Profiles'!$G$20=$B$10,7,0)+IF('Standard Profiles'!$G$20=$B$17,14,0)+IF('Standard Profiles'!$G$20=$B$24,21,0),MOD($C3246,24)+1)/SUM(INDEX($D$3:$AA$30,INDEX(Jesper!$R$2:$R$366,ROW(INDEX(Jesper!AJ$2:AJ$366,ROUNDDOWN($C3246/24,0)+1,1))-1)+IF('Standard Profiles'!$G$20=$B$10,7,0)+IF('Standard Profiles'!$G$20=$B$17,14,0)+IF('Standard Profiles'!$G$20=$B$24,21,0),0)),0)</f>
        <v>0</v>
      </c>
      <c r="G3246" cm="1">
        <f t="array" ref="G3246">IFERROR(INDEX(Jesper!AK$2:AK$366,ROUNDDOWN($C3246/24,0)+1,1)*INDEX($D$3:$AA$30,INDEX(Jesper!$R$2:$R$366,ROW(INDEX(Jesper!AK$2:AK$366,ROUNDDOWN($C3246/24,0)+1,1))-1)+IF('Standard Profiles'!$G$21=$B$10,7,0)+IF('Standard Profiles'!$G$21=$B$17,14,0)+IF('Standard Profiles'!$G$21=$B$24,21,0),MOD($C3246,24)+1)/SUM(INDEX($D$3:$AA$30,INDEX(Jesper!$R$2:$R$366,ROW(INDEX(Jesper!AK$2:AK$366,ROUNDDOWN($C3246/24,0)+1,1))-1)+IF('Standard Profiles'!$G$21=$B$10,7,0)+IF('Standard Profiles'!$G$21=$B$17,14,0)+IF('Standard Profiles'!$G$21=$B$24,21,0),0)),0)</f>
        <v>0</v>
      </c>
      <c r="H3246" cm="1">
        <f t="array" ref="H3246">IFERROR(INDEX(Jesper!AL$2:AL$366,ROUNDDOWN($C3246/24,0)+1,1)*INDEX($D$3:$AA$30,INDEX(Jesper!$R$2:$R$366,ROW(INDEX(Jesper!AL$2:AL$366,ROUNDDOWN($C3246/24,0)+1,1))-1)+IF('Standard Profiles'!$G$22=$B$10,7,0)+IF('Standard Profiles'!$G$22=$B$17,14,0)+IF('Standard Profiles'!$G$22=$B$24,21,0),MOD($C3246,24)+1)/SUM(INDEX($D$3:$AA$30,INDEX(Jesper!$R$2:$R$366,ROW(INDEX(Jesper!AL$2:AL$366,ROUNDDOWN($C3246/24,0)+1,1))-1)+IF('Standard Profiles'!$G$22=$B$10,7,0)+IF('Standard Profiles'!$G$22=$B$17,14,0)+IF('Standard Profiles'!$G$22=$B$24,21,0),0)),0)</f>
        <v>0</v>
      </c>
      <c r="I3246">
        <f t="shared" si="370"/>
        <v>0.32457235007706559</v>
      </c>
      <c r="J3246">
        <f t="shared" si="371"/>
        <v>1.0819078335902188</v>
      </c>
      <c r="K3246">
        <f t="shared" si="372"/>
        <v>1.622861750385328</v>
      </c>
      <c r="L3246">
        <f t="shared" si="373"/>
        <v>7.7897364018495745</v>
      </c>
      <c r="M3246">
        <f t="shared" si="374"/>
        <v>0</v>
      </c>
      <c r="N3246" s="46">
        <f t="shared" si="375"/>
        <v>45425.833333325543</v>
      </c>
    </row>
    <row r="3247" spans="2:14" x14ac:dyDescent="0.3">
      <c r="B3247">
        <f t="shared" si="369"/>
        <v>1</v>
      </c>
      <c r="C3247" s="16">
        <v>3213</v>
      </c>
      <c r="D3247" cm="1">
        <f t="array" ref="D3247">IFERROR(INDEX(Jesper!AH$2:AH$366,ROUNDDOWN($C3247/24,0)+1,1)*INDEX($D$3:$AA$30,INDEX(Jesper!$R$2:$R$366,ROW(INDEX(Jesper!AH$2:AH$366,ROUNDDOWN($C3247/24,0)+1,1))-1)+IF('Standard Profiles'!$G$18=$B$10,7,0)+IF('Standard Profiles'!$G$18=$B$17,14,0)+IF('Standard Profiles'!$G$18=$B$24,21,0),MOD($C3247,24)+1)/SUM(INDEX($D$3:$AA$30,INDEX(Jesper!$R$2:$R$366,ROW(INDEX(Jesper!AH$2:AH$366,ROUNDDOWN($C3247/24,0)+1,1))-1)+IF('Standard Profiles'!$G$18=$B$10,7,0)+IF('Standard Profiles'!$G$18=$B$17,14,0)+IF('Standard Profiles'!$G$18=$B$24,21,0),0)),0)</f>
        <v>7.8684206079288641</v>
      </c>
      <c r="E3247" cm="1">
        <f t="array" ref="E3247">IFERROR(INDEX(Jesper!AI$2:AI$366,ROUNDDOWN($C3247/24,0)+1,1)*INDEX($D$3:$AA$30,INDEX(Jesper!$R$2:$R$366,ROW(INDEX(Jesper!AI$2:AI$366,ROUNDDOWN($C3247/24,0)+1,1))-1)+IF('Standard Profiles'!$G$19=$B$10,7,0)+IF('Standard Profiles'!$G$19=$B$17,14,0)+IF('Standard Profiles'!$G$19=$B$24,21,0),MOD($C3247,24)+1)/SUM(INDEX($D$3:$AA$30,INDEX(Jesper!$R$2:$R$366,ROW(INDEX(Jesper!AI$2:AI$366,ROUNDDOWN($C3247/24,0)+1,1))-1)+IF('Standard Profiles'!$G$19=$B$10,7,0)+IF('Standard Profiles'!$G$19=$B$17,14,0)+IF('Standard Profiles'!$G$19=$B$24,21,0),0)),0)</f>
        <v>0</v>
      </c>
      <c r="F3247" cm="1">
        <f t="array" ref="F3247">IFERROR(INDEX(Jesper!AJ$2:AJ$366,ROUNDDOWN($C3247/24,0)+1,1)*INDEX($D$3:$AA$30,INDEX(Jesper!$R$2:$R$366,ROW(INDEX(Jesper!AJ$2:AJ$366,ROUNDDOWN($C3247/24,0)+1,1))-1)+IF('Standard Profiles'!$G$20=$B$10,7,0)+IF('Standard Profiles'!$G$20=$B$17,14,0)+IF('Standard Profiles'!$G$20=$B$24,21,0),MOD($C3247,24)+1)/SUM(INDEX($D$3:$AA$30,INDEX(Jesper!$R$2:$R$366,ROW(INDEX(Jesper!AJ$2:AJ$366,ROUNDDOWN($C3247/24,0)+1,1))-1)+IF('Standard Profiles'!$G$20=$B$10,7,0)+IF('Standard Profiles'!$G$20=$B$17,14,0)+IF('Standard Profiles'!$G$20=$B$24,21,0),0)),0)</f>
        <v>0</v>
      </c>
      <c r="G3247" cm="1">
        <f t="array" ref="G3247">IFERROR(INDEX(Jesper!AK$2:AK$366,ROUNDDOWN($C3247/24,0)+1,1)*INDEX($D$3:$AA$30,INDEX(Jesper!$R$2:$R$366,ROW(INDEX(Jesper!AK$2:AK$366,ROUNDDOWN($C3247/24,0)+1,1))-1)+IF('Standard Profiles'!$G$21=$B$10,7,0)+IF('Standard Profiles'!$G$21=$B$17,14,0)+IF('Standard Profiles'!$G$21=$B$24,21,0),MOD($C3247,24)+1)/SUM(INDEX($D$3:$AA$30,INDEX(Jesper!$R$2:$R$366,ROW(INDEX(Jesper!AK$2:AK$366,ROUNDDOWN($C3247/24,0)+1,1))-1)+IF('Standard Profiles'!$G$21=$B$10,7,0)+IF('Standard Profiles'!$G$21=$B$17,14,0)+IF('Standard Profiles'!$G$21=$B$24,21,0),0)),0)</f>
        <v>0</v>
      </c>
      <c r="H3247" cm="1">
        <f t="array" ref="H3247">IFERROR(INDEX(Jesper!AL$2:AL$366,ROUNDDOWN($C3247/24,0)+1,1)*INDEX($D$3:$AA$30,INDEX(Jesper!$R$2:$R$366,ROW(INDEX(Jesper!AL$2:AL$366,ROUNDDOWN($C3247/24,0)+1,1))-1)+IF('Standard Profiles'!$G$22=$B$10,7,0)+IF('Standard Profiles'!$G$22=$B$17,14,0)+IF('Standard Profiles'!$G$22=$B$24,21,0),MOD($C3247,24)+1)/SUM(INDEX($D$3:$AA$30,INDEX(Jesper!$R$2:$R$366,ROW(INDEX(Jesper!AL$2:AL$366,ROUNDDOWN($C3247/24,0)+1,1))-1)+IF('Standard Profiles'!$G$22=$B$10,7,0)+IF('Standard Profiles'!$G$22=$B$17,14,0)+IF('Standard Profiles'!$G$22=$B$24,21,0),0)),0)</f>
        <v>0</v>
      </c>
      <c r="I3247">
        <f t="shared" si="370"/>
        <v>0.23605261823786591</v>
      </c>
      <c r="J3247">
        <f t="shared" si="371"/>
        <v>0.78684206079288643</v>
      </c>
      <c r="K3247">
        <f t="shared" si="372"/>
        <v>1.1802630911893295</v>
      </c>
      <c r="L3247">
        <f t="shared" si="373"/>
        <v>5.6652628377087817</v>
      </c>
      <c r="M3247">
        <f t="shared" si="374"/>
        <v>0</v>
      </c>
      <c r="N3247" s="46">
        <f t="shared" si="375"/>
        <v>45425.874999992207</v>
      </c>
    </row>
    <row r="3248" spans="2:14" x14ac:dyDescent="0.3">
      <c r="B3248">
        <f t="shared" si="369"/>
        <v>1</v>
      </c>
      <c r="C3248" s="16">
        <v>3214</v>
      </c>
      <c r="D3248" cm="1">
        <f t="array" ref="D3248">IFERROR(INDEX(Jesper!AH$2:AH$366,ROUNDDOWN($C3248/24,0)+1,1)*INDEX($D$3:$AA$30,INDEX(Jesper!$R$2:$R$366,ROW(INDEX(Jesper!AH$2:AH$366,ROUNDDOWN($C3248/24,0)+1,1))-1)+IF('Standard Profiles'!$G$18=$B$10,7,0)+IF('Standard Profiles'!$G$18=$B$17,14,0)+IF('Standard Profiles'!$G$18=$B$24,21,0),MOD($C3248,24)+1)/SUM(INDEX($D$3:$AA$30,INDEX(Jesper!$R$2:$R$366,ROW(INDEX(Jesper!AH$2:AH$366,ROUNDDOWN($C3248/24,0)+1,1))-1)+IF('Standard Profiles'!$G$18=$B$10,7,0)+IF('Standard Profiles'!$G$18=$B$17,14,0)+IF('Standard Profiles'!$G$18=$B$24,21,0),0)),0)</f>
        <v>7.4749995775324205</v>
      </c>
      <c r="E3248" cm="1">
        <f t="array" ref="E3248">IFERROR(INDEX(Jesper!AI$2:AI$366,ROUNDDOWN($C3248/24,0)+1,1)*INDEX($D$3:$AA$30,INDEX(Jesper!$R$2:$R$366,ROW(INDEX(Jesper!AI$2:AI$366,ROUNDDOWN($C3248/24,0)+1,1))-1)+IF('Standard Profiles'!$G$19=$B$10,7,0)+IF('Standard Profiles'!$G$19=$B$17,14,0)+IF('Standard Profiles'!$G$19=$B$24,21,0),MOD($C3248,24)+1)/SUM(INDEX($D$3:$AA$30,INDEX(Jesper!$R$2:$R$366,ROW(INDEX(Jesper!AI$2:AI$366,ROUNDDOWN($C3248/24,0)+1,1))-1)+IF('Standard Profiles'!$G$19=$B$10,7,0)+IF('Standard Profiles'!$G$19=$B$17,14,0)+IF('Standard Profiles'!$G$19=$B$24,21,0),0)),0)</f>
        <v>0</v>
      </c>
      <c r="F3248" cm="1">
        <f t="array" ref="F3248">IFERROR(INDEX(Jesper!AJ$2:AJ$366,ROUNDDOWN($C3248/24,0)+1,1)*INDEX($D$3:$AA$30,INDEX(Jesper!$R$2:$R$366,ROW(INDEX(Jesper!AJ$2:AJ$366,ROUNDDOWN($C3248/24,0)+1,1))-1)+IF('Standard Profiles'!$G$20=$B$10,7,0)+IF('Standard Profiles'!$G$20=$B$17,14,0)+IF('Standard Profiles'!$G$20=$B$24,21,0),MOD($C3248,24)+1)/SUM(INDEX($D$3:$AA$30,INDEX(Jesper!$R$2:$R$366,ROW(INDEX(Jesper!AJ$2:AJ$366,ROUNDDOWN($C3248/24,0)+1,1))-1)+IF('Standard Profiles'!$G$20=$B$10,7,0)+IF('Standard Profiles'!$G$20=$B$17,14,0)+IF('Standard Profiles'!$G$20=$B$24,21,0),0)),0)</f>
        <v>0</v>
      </c>
      <c r="G3248" cm="1">
        <f t="array" ref="G3248">IFERROR(INDEX(Jesper!AK$2:AK$366,ROUNDDOWN($C3248/24,0)+1,1)*INDEX($D$3:$AA$30,INDEX(Jesper!$R$2:$R$366,ROW(INDEX(Jesper!AK$2:AK$366,ROUNDDOWN($C3248/24,0)+1,1))-1)+IF('Standard Profiles'!$G$21=$B$10,7,0)+IF('Standard Profiles'!$G$21=$B$17,14,0)+IF('Standard Profiles'!$G$21=$B$24,21,0),MOD($C3248,24)+1)/SUM(INDEX($D$3:$AA$30,INDEX(Jesper!$R$2:$R$366,ROW(INDEX(Jesper!AK$2:AK$366,ROUNDDOWN($C3248/24,0)+1,1))-1)+IF('Standard Profiles'!$G$21=$B$10,7,0)+IF('Standard Profiles'!$G$21=$B$17,14,0)+IF('Standard Profiles'!$G$21=$B$24,21,0),0)),0)</f>
        <v>0</v>
      </c>
      <c r="H3248" cm="1">
        <f t="array" ref="H3248">IFERROR(INDEX(Jesper!AL$2:AL$366,ROUNDDOWN($C3248/24,0)+1,1)*INDEX($D$3:$AA$30,INDEX(Jesper!$R$2:$R$366,ROW(INDEX(Jesper!AL$2:AL$366,ROUNDDOWN($C3248/24,0)+1,1))-1)+IF('Standard Profiles'!$G$22=$B$10,7,0)+IF('Standard Profiles'!$G$22=$B$17,14,0)+IF('Standard Profiles'!$G$22=$B$24,21,0),MOD($C3248,24)+1)/SUM(INDEX($D$3:$AA$30,INDEX(Jesper!$R$2:$R$366,ROW(INDEX(Jesper!AL$2:AL$366,ROUNDDOWN($C3248/24,0)+1,1))-1)+IF('Standard Profiles'!$G$22=$B$10,7,0)+IF('Standard Profiles'!$G$22=$B$17,14,0)+IF('Standard Profiles'!$G$22=$B$24,21,0),0)),0)</f>
        <v>0</v>
      </c>
      <c r="I3248">
        <f t="shared" si="370"/>
        <v>0.22424998732597259</v>
      </c>
      <c r="J3248">
        <f t="shared" si="371"/>
        <v>0.74749995775324207</v>
      </c>
      <c r="K3248">
        <f t="shared" si="372"/>
        <v>1.1212499366298629</v>
      </c>
      <c r="L3248">
        <f t="shared" si="373"/>
        <v>5.3819996958233425</v>
      </c>
      <c r="M3248">
        <f t="shared" si="374"/>
        <v>0</v>
      </c>
      <c r="N3248" s="46">
        <f t="shared" si="375"/>
        <v>45425.916666658872</v>
      </c>
    </row>
    <row r="3249" spans="2:14" x14ac:dyDescent="0.3">
      <c r="B3249">
        <f t="shared" si="369"/>
        <v>1</v>
      </c>
      <c r="C3249" s="16">
        <v>3215</v>
      </c>
      <c r="D3249" cm="1">
        <f t="array" ref="D3249">IFERROR(INDEX(Jesper!AH$2:AH$366,ROUNDDOWN($C3249/24,0)+1,1)*INDEX($D$3:$AA$30,INDEX(Jesper!$R$2:$R$366,ROW(INDEX(Jesper!AH$2:AH$366,ROUNDDOWN($C3249/24,0)+1,1))-1)+IF('Standard Profiles'!$G$18=$B$10,7,0)+IF('Standard Profiles'!$G$18=$B$17,14,0)+IF('Standard Profiles'!$G$18=$B$24,21,0),MOD($C3249,24)+1)/SUM(INDEX($D$3:$AA$30,INDEX(Jesper!$R$2:$R$366,ROW(INDEX(Jesper!AH$2:AH$366,ROUNDDOWN($C3249/24,0)+1,1))-1)+IF('Standard Profiles'!$G$18=$B$10,7,0)+IF('Standard Profiles'!$G$18=$B$17,14,0)+IF('Standard Profiles'!$G$18=$B$24,21,0),0)),0)</f>
        <v>7.4749995775324205</v>
      </c>
      <c r="E3249" cm="1">
        <f t="array" ref="E3249">IFERROR(INDEX(Jesper!AI$2:AI$366,ROUNDDOWN($C3249/24,0)+1,1)*INDEX($D$3:$AA$30,INDEX(Jesper!$R$2:$R$366,ROW(INDEX(Jesper!AI$2:AI$366,ROUNDDOWN($C3249/24,0)+1,1))-1)+IF('Standard Profiles'!$G$19=$B$10,7,0)+IF('Standard Profiles'!$G$19=$B$17,14,0)+IF('Standard Profiles'!$G$19=$B$24,21,0),MOD($C3249,24)+1)/SUM(INDEX($D$3:$AA$30,INDEX(Jesper!$R$2:$R$366,ROW(INDEX(Jesper!AI$2:AI$366,ROUNDDOWN($C3249/24,0)+1,1))-1)+IF('Standard Profiles'!$G$19=$B$10,7,0)+IF('Standard Profiles'!$G$19=$B$17,14,0)+IF('Standard Profiles'!$G$19=$B$24,21,0),0)),0)</f>
        <v>0</v>
      </c>
      <c r="F3249" cm="1">
        <f t="array" ref="F3249">IFERROR(INDEX(Jesper!AJ$2:AJ$366,ROUNDDOWN($C3249/24,0)+1,1)*INDEX($D$3:$AA$30,INDEX(Jesper!$R$2:$R$366,ROW(INDEX(Jesper!AJ$2:AJ$366,ROUNDDOWN($C3249/24,0)+1,1))-1)+IF('Standard Profiles'!$G$20=$B$10,7,0)+IF('Standard Profiles'!$G$20=$B$17,14,0)+IF('Standard Profiles'!$G$20=$B$24,21,0),MOD($C3249,24)+1)/SUM(INDEX($D$3:$AA$30,INDEX(Jesper!$R$2:$R$366,ROW(INDEX(Jesper!AJ$2:AJ$366,ROUNDDOWN($C3249/24,0)+1,1))-1)+IF('Standard Profiles'!$G$20=$B$10,7,0)+IF('Standard Profiles'!$G$20=$B$17,14,0)+IF('Standard Profiles'!$G$20=$B$24,21,0),0)),0)</f>
        <v>0</v>
      </c>
      <c r="G3249" cm="1">
        <f t="array" ref="G3249">IFERROR(INDEX(Jesper!AK$2:AK$366,ROUNDDOWN($C3249/24,0)+1,1)*INDEX($D$3:$AA$30,INDEX(Jesper!$R$2:$R$366,ROW(INDEX(Jesper!AK$2:AK$366,ROUNDDOWN($C3249/24,0)+1,1))-1)+IF('Standard Profiles'!$G$21=$B$10,7,0)+IF('Standard Profiles'!$G$21=$B$17,14,0)+IF('Standard Profiles'!$G$21=$B$24,21,0),MOD($C3249,24)+1)/SUM(INDEX($D$3:$AA$30,INDEX(Jesper!$R$2:$R$366,ROW(INDEX(Jesper!AK$2:AK$366,ROUNDDOWN($C3249/24,0)+1,1))-1)+IF('Standard Profiles'!$G$21=$B$10,7,0)+IF('Standard Profiles'!$G$21=$B$17,14,0)+IF('Standard Profiles'!$G$21=$B$24,21,0),0)),0)</f>
        <v>0</v>
      </c>
      <c r="H3249" cm="1">
        <f t="array" ref="H3249">IFERROR(INDEX(Jesper!AL$2:AL$366,ROUNDDOWN($C3249/24,0)+1,1)*INDEX($D$3:$AA$30,INDEX(Jesper!$R$2:$R$366,ROW(INDEX(Jesper!AL$2:AL$366,ROUNDDOWN($C3249/24,0)+1,1))-1)+IF('Standard Profiles'!$G$22=$B$10,7,0)+IF('Standard Profiles'!$G$22=$B$17,14,0)+IF('Standard Profiles'!$G$22=$B$24,21,0),MOD($C3249,24)+1)/SUM(INDEX($D$3:$AA$30,INDEX(Jesper!$R$2:$R$366,ROW(INDEX(Jesper!AL$2:AL$366,ROUNDDOWN($C3249/24,0)+1,1))-1)+IF('Standard Profiles'!$G$22=$B$10,7,0)+IF('Standard Profiles'!$G$22=$B$17,14,0)+IF('Standard Profiles'!$G$22=$B$24,21,0),0)),0)</f>
        <v>0</v>
      </c>
      <c r="I3249">
        <f t="shared" si="370"/>
        <v>0.22424998732597259</v>
      </c>
      <c r="J3249">
        <f t="shared" si="371"/>
        <v>0.74749995775324207</v>
      </c>
      <c r="K3249">
        <f t="shared" si="372"/>
        <v>1.1212499366298629</v>
      </c>
      <c r="L3249">
        <f t="shared" si="373"/>
        <v>5.3819996958233425</v>
      </c>
      <c r="M3249">
        <f t="shared" si="374"/>
        <v>0</v>
      </c>
      <c r="N3249" s="46">
        <f t="shared" si="375"/>
        <v>45425.958333325536</v>
      </c>
    </row>
    <row r="3250" spans="2:14" x14ac:dyDescent="0.3">
      <c r="B3250">
        <f t="shared" si="369"/>
        <v>2</v>
      </c>
      <c r="C3250" s="16">
        <v>3216</v>
      </c>
      <c r="D3250" cm="1">
        <f t="array" ref="D3250">IFERROR(INDEX(Jesper!AH$2:AH$366,ROUNDDOWN($C3250/24,0)+1,1)*INDEX($D$3:$AA$30,INDEX(Jesper!$R$2:$R$366,ROW(INDEX(Jesper!AH$2:AH$366,ROUNDDOWN($C3250/24,0)+1,1))-1)+IF('Standard Profiles'!$G$18=$B$10,7,0)+IF('Standard Profiles'!$G$18=$B$17,14,0)+IF('Standard Profiles'!$G$18=$B$24,21,0),MOD($C3250,24)+1)/SUM(INDEX($D$3:$AA$30,INDEX(Jesper!$R$2:$R$366,ROW(INDEX(Jesper!AH$2:AH$366,ROUNDDOWN($C3250/24,0)+1,1))-1)+IF('Standard Profiles'!$G$18=$B$10,7,0)+IF('Standard Profiles'!$G$18=$B$17,14,0)+IF('Standard Profiles'!$G$18=$B$24,21,0),0)),0)</f>
        <v>7.0636990680782459</v>
      </c>
      <c r="E3250" cm="1">
        <f t="array" ref="E3250">IFERROR(INDEX(Jesper!AI$2:AI$366,ROUNDDOWN($C3250/24,0)+1,1)*INDEX($D$3:$AA$30,INDEX(Jesper!$R$2:$R$366,ROW(INDEX(Jesper!AI$2:AI$366,ROUNDDOWN($C3250/24,0)+1,1))-1)+IF('Standard Profiles'!$G$19=$B$10,7,0)+IF('Standard Profiles'!$G$19=$B$17,14,0)+IF('Standard Profiles'!$G$19=$B$24,21,0),MOD($C3250,24)+1)/SUM(INDEX($D$3:$AA$30,INDEX(Jesper!$R$2:$R$366,ROW(INDEX(Jesper!AI$2:AI$366,ROUNDDOWN($C3250/24,0)+1,1))-1)+IF('Standard Profiles'!$G$19=$B$10,7,0)+IF('Standard Profiles'!$G$19=$B$17,14,0)+IF('Standard Profiles'!$G$19=$B$24,21,0),0)),0)</f>
        <v>0</v>
      </c>
      <c r="F3250" cm="1">
        <f t="array" ref="F3250">IFERROR(INDEX(Jesper!AJ$2:AJ$366,ROUNDDOWN($C3250/24,0)+1,1)*INDEX($D$3:$AA$30,INDEX(Jesper!$R$2:$R$366,ROW(INDEX(Jesper!AJ$2:AJ$366,ROUNDDOWN($C3250/24,0)+1,1))-1)+IF('Standard Profiles'!$G$20=$B$10,7,0)+IF('Standard Profiles'!$G$20=$B$17,14,0)+IF('Standard Profiles'!$G$20=$B$24,21,0),MOD($C3250,24)+1)/SUM(INDEX($D$3:$AA$30,INDEX(Jesper!$R$2:$R$366,ROW(INDEX(Jesper!AJ$2:AJ$366,ROUNDDOWN($C3250/24,0)+1,1))-1)+IF('Standard Profiles'!$G$20=$B$10,7,0)+IF('Standard Profiles'!$G$20=$B$17,14,0)+IF('Standard Profiles'!$G$20=$B$24,21,0),0)),0)</f>
        <v>0</v>
      </c>
      <c r="G3250" cm="1">
        <f t="array" ref="G3250">IFERROR(INDEX(Jesper!AK$2:AK$366,ROUNDDOWN($C3250/24,0)+1,1)*INDEX($D$3:$AA$30,INDEX(Jesper!$R$2:$R$366,ROW(INDEX(Jesper!AK$2:AK$366,ROUNDDOWN($C3250/24,0)+1,1))-1)+IF('Standard Profiles'!$G$21=$B$10,7,0)+IF('Standard Profiles'!$G$21=$B$17,14,0)+IF('Standard Profiles'!$G$21=$B$24,21,0),MOD($C3250,24)+1)/SUM(INDEX($D$3:$AA$30,INDEX(Jesper!$R$2:$R$366,ROW(INDEX(Jesper!AK$2:AK$366,ROUNDDOWN($C3250/24,0)+1,1))-1)+IF('Standard Profiles'!$G$21=$B$10,7,0)+IF('Standard Profiles'!$G$21=$B$17,14,0)+IF('Standard Profiles'!$G$21=$B$24,21,0),0)),0)</f>
        <v>0</v>
      </c>
      <c r="H3250" cm="1">
        <f t="array" ref="H3250">IFERROR(INDEX(Jesper!AL$2:AL$366,ROUNDDOWN($C3250/24,0)+1,1)*INDEX($D$3:$AA$30,INDEX(Jesper!$R$2:$R$366,ROW(INDEX(Jesper!AL$2:AL$366,ROUNDDOWN($C3250/24,0)+1,1))-1)+IF('Standard Profiles'!$G$22=$B$10,7,0)+IF('Standard Profiles'!$G$22=$B$17,14,0)+IF('Standard Profiles'!$G$22=$B$24,21,0),MOD($C3250,24)+1)/SUM(INDEX($D$3:$AA$30,INDEX(Jesper!$R$2:$R$366,ROW(INDEX(Jesper!AL$2:AL$366,ROUNDDOWN($C3250/24,0)+1,1))-1)+IF('Standard Profiles'!$G$22=$B$10,7,0)+IF('Standard Profiles'!$G$22=$B$17,14,0)+IF('Standard Profiles'!$G$22=$B$24,21,0),0)),0)</f>
        <v>0</v>
      </c>
      <c r="I3250">
        <f t="shared" si="370"/>
        <v>0.21191097204234738</v>
      </c>
      <c r="J3250">
        <f t="shared" si="371"/>
        <v>0.70636990680782463</v>
      </c>
      <c r="K3250">
        <f t="shared" si="372"/>
        <v>1.0595548602117368</v>
      </c>
      <c r="L3250">
        <f t="shared" si="373"/>
        <v>5.0858633290163366</v>
      </c>
      <c r="M3250">
        <f t="shared" si="374"/>
        <v>0</v>
      </c>
      <c r="N3250" s="46">
        <f t="shared" si="375"/>
        <v>45425.9999999922</v>
      </c>
    </row>
    <row r="3251" spans="2:14" x14ac:dyDescent="0.3">
      <c r="B3251">
        <f t="shared" si="369"/>
        <v>2</v>
      </c>
      <c r="C3251" s="16">
        <v>3217</v>
      </c>
      <c r="D3251" cm="1">
        <f t="array" ref="D3251">IFERROR(INDEX(Jesper!AH$2:AH$366,ROUNDDOWN($C3251/24,0)+1,1)*INDEX($D$3:$AA$30,INDEX(Jesper!$R$2:$R$366,ROW(INDEX(Jesper!AH$2:AH$366,ROUNDDOWN($C3251/24,0)+1,1))-1)+IF('Standard Profiles'!$G$18=$B$10,7,0)+IF('Standard Profiles'!$G$18=$B$17,14,0)+IF('Standard Profiles'!$G$18=$B$24,21,0),MOD($C3251,24)+1)/SUM(INDEX($D$3:$AA$30,INDEX(Jesper!$R$2:$R$366,ROW(INDEX(Jesper!AH$2:AH$366,ROUNDDOWN($C3251/24,0)+1,1))-1)+IF('Standard Profiles'!$G$18=$B$10,7,0)+IF('Standard Profiles'!$G$18=$B$17,14,0)+IF('Standard Profiles'!$G$18=$B$24,21,0),0)),0)</f>
        <v>7.0636990680782459</v>
      </c>
      <c r="E3251" cm="1">
        <f t="array" ref="E3251">IFERROR(INDEX(Jesper!AI$2:AI$366,ROUNDDOWN($C3251/24,0)+1,1)*INDEX($D$3:$AA$30,INDEX(Jesper!$R$2:$R$366,ROW(INDEX(Jesper!AI$2:AI$366,ROUNDDOWN($C3251/24,0)+1,1))-1)+IF('Standard Profiles'!$G$19=$B$10,7,0)+IF('Standard Profiles'!$G$19=$B$17,14,0)+IF('Standard Profiles'!$G$19=$B$24,21,0),MOD($C3251,24)+1)/SUM(INDEX($D$3:$AA$30,INDEX(Jesper!$R$2:$R$366,ROW(INDEX(Jesper!AI$2:AI$366,ROUNDDOWN($C3251/24,0)+1,1))-1)+IF('Standard Profiles'!$G$19=$B$10,7,0)+IF('Standard Profiles'!$G$19=$B$17,14,0)+IF('Standard Profiles'!$G$19=$B$24,21,0),0)),0)</f>
        <v>0</v>
      </c>
      <c r="F3251" cm="1">
        <f t="array" ref="F3251">IFERROR(INDEX(Jesper!AJ$2:AJ$366,ROUNDDOWN($C3251/24,0)+1,1)*INDEX($D$3:$AA$30,INDEX(Jesper!$R$2:$R$366,ROW(INDEX(Jesper!AJ$2:AJ$366,ROUNDDOWN($C3251/24,0)+1,1))-1)+IF('Standard Profiles'!$G$20=$B$10,7,0)+IF('Standard Profiles'!$G$20=$B$17,14,0)+IF('Standard Profiles'!$G$20=$B$24,21,0),MOD($C3251,24)+1)/SUM(INDEX($D$3:$AA$30,INDEX(Jesper!$R$2:$R$366,ROW(INDEX(Jesper!AJ$2:AJ$366,ROUNDDOWN($C3251/24,0)+1,1))-1)+IF('Standard Profiles'!$G$20=$B$10,7,0)+IF('Standard Profiles'!$G$20=$B$17,14,0)+IF('Standard Profiles'!$G$20=$B$24,21,0),0)),0)</f>
        <v>0</v>
      </c>
      <c r="G3251" cm="1">
        <f t="array" ref="G3251">IFERROR(INDEX(Jesper!AK$2:AK$366,ROUNDDOWN($C3251/24,0)+1,1)*INDEX($D$3:$AA$30,INDEX(Jesper!$R$2:$R$366,ROW(INDEX(Jesper!AK$2:AK$366,ROUNDDOWN($C3251/24,0)+1,1))-1)+IF('Standard Profiles'!$G$21=$B$10,7,0)+IF('Standard Profiles'!$G$21=$B$17,14,0)+IF('Standard Profiles'!$G$21=$B$24,21,0),MOD($C3251,24)+1)/SUM(INDEX($D$3:$AA$30,INDEX(Jesper!$R$2:$R$366,ROW(INDEX(Jesper!AK$2:AK$366,ROUNDDOWN($C3251/24,0)+1,1))-1)+IF('Standard Profiles'!$G$21=$B$10,7,0)+IF('Standard Profiles'!$G$21=$B$17,14,0)+IF('Standard Profiles'!$G$21=$B$24,21,0),0)),0)</f>
        <v>0</v>
      </c>
      <c r="H3251" cm="1">
        <f t="array" ref="H3251">IFERROR(INDEX(Jesper!AL$2:AL$366,ROUNDDOWN($C3251/24,0)+1,1)*INDEX($D$3:$AA$30,INDEX(Jesper!$R$2:$R$366,ROW(INDEX(Jesper!AL$2:AL$366,ROUNDDOWN($C3251/24,0)+1,1))-1)+IF('Standard Profiles'!$G$22=$B$10,7,0)+IF('Standard Profiles'!$G$22=$B$17,14,0)+IF('Standard Profiles'!$G$22=$B$24,21,0),MOD($C3251,24)+1)/SUM(INDEX($D$3:$AA$30,INDEX(Jesper!$R$2:$R$366,ROW(INDEX(Jesper!AL$2:AL$366,ROUNDDOWN($C3251/24,0)+1,1))-1)+IF('Standard Profiles'!$G$22=$B$10,7,0)+IF('Standard Profiles'!$G$22=$B$17,14,0)+IF('Standard Profiles'!$G$22=$B$24,21,0),0)),0)</f>
        <v>0</v>
      </c>
      <c r="I3251">
        <f t="shared" si="370"/>
        <v>0.21191097204234738</v>
      </c>
      <c r="J3251">
        <f t="shared" si="371"/>
        <v>0.70636990680782463</v>
      </c>
      <c r="K3251">
        <f t="shared" si="372"/>
        <v>1.0595548602117368</v>
      </c>
      <c r="L3251">
        <f t="shared" si="373"/>
        <v>5.0858633290163366</v>
      </c>
      <c r="M3251">
        <f t="shared" si="374"/>
        <v>0</v>
      </c>
      <c r="N3251" s="46">
        <f t="shared" si="375"/>
        <v>45426.041666658864</v>
      </c>
    </row>
    <row r="3252" spans="2:14" x14ac:dyDescent="0.3">
      <c r="B3252">
        <f t="shared" si="369"/>
        <v>2</v>
      </c>
      <c r="C3252" s="16">
        <v>3218</v>
      </c>
      <c r="D3252" cm="1">
        <f t="array" ref="D3252">IFERROR(INDEX(Jesper!AH$2:AH$366,ROUNDDOWN($C3252/24,0)+1,1)*INDEX($D$3:$AA$30,INDEX(Jesper!$R$2:$R$366,ROW(INDEX(Jesper!AH$2:AH$366,ROUNDDOWN($C3252/24,0)+1,1))-1)+IF('Standard Profiles'!$G$18=$B$10,7,0)+IF('Standard Profiles'!$G$18=$B$17,14,0)+IF('Standard Profiles'!$G$18=$B$24,21,0),MOD($C3252,24)+1)/SUM(INDEX($D$3:$AA$30,INDEX(Jesper!$R$2:$R$366,ROW(INDEX(Jesper!AH$2:AH$366,ROUNDDOWN($C3252/24,0)+1,1))-1)+IF('Standard Profiles'!$G$18=$B$10,7,0)+IF('Standard Profiles'!$G$18=$B$17,14,0)+IF('Standard Profiles'!$G$18=$B$24,21,0),0)),0)</f>
        <v>7.0636990680782459</v>
      </c>
      <c r="E3252" cm="1">
        <f t="array" ref="E3252">IFERROR(INDEX(Jesper!AI$2:AI$366,ROUNDDOWN($C3252/24,0)+1,1)*INDEX($D$3:$AA$30,INDEX(Jesper!$R$2:$R$366,ROW(INDEX(Jesper!AI$2:AI$366,ROUNDDOWN($C3252/24,0)+1,1))-1)+IF('Standard Profiles'!$G$19=$B$10,7,0)+IF('Standard Profiles'!$G$19=$B$17,14,0)+IF('Standard Profiles'!$G$19=$B$24,21,0),MOD($C3252,24)+1)/SUM(INDEX($D$3:$AA$30,INDEX(Jesper!$R$2:$R$366,ROW(INDEX(Jesper!AI$2:AI$366,ROUNDDOWN($C3252/24,0)+1,1))-1)+IF('Standard Profiles'!$G$19=$B$10,7,0)+IF('Standard Profiles'!$G$19=$B$17,14,0)+IF('Standard Profiles'!$G$19=$B$24,21,0),0)),0)</f>
        <v>0</v>
      </c>
      <c r="F3252" cm="1">
        <f t="array" ref="F3252">IFERROR(INDEX(Jesper!AJ$2:AJ$366,ROUNDDOWN($C3252/24,0)+1,1)*INDEX($D$3:$AA$30,INDEX(Jesper!$R$2:$R$366,ROW(INDEX(Jesper!AJ$2:AJ$366,ROUNDDOWN($C3252/24,0)+1,1))-1)+IF('Standard Profiles'!$G$20=$B$10,7,0)+IF('Standard Profiles'!$G$20=$B$17,14,0)+IF('Standard Profiles'!$G$20=$B$24,21,0),MOD($C3252,24)+1)/SUM(INDEX($D$3:$AA$30,INDEX(Jesper!$R$2:$R$366,ROW(INDEX(Jesper!AJ$2:AJ$366,ROUNDDOWN($C3252/24,0)+1,1))-1)+IF('Standard Profiles'!$G$20=$B$10,7,0)+IF('Standard Profiles'!$G$20=$B$17,14,0)+IF('Standard Profiles'!$G$20=$B$24,21,0),0)),0)</f>
        <v>0</v>
      </c>
      <c r="G3252" cm="1">
        <f t="array" ref="G3252">IFERROR(INDEX(Jesper!AK$2:AK$366,ROUNDDOWN($C3252/24,0)+1,1)*INDEX($D$3:$AA$30,INDEX(Jesper!$R$2:$R$366,ROW(INDEX(Jesper!AK$2:AK$366,ROUNDDOWN($C3252/24,0)+1,1))-1)+IF('Standard Profiles'!$G$21=$B$10,7,0)+IF('Standard Profiles'!$G$21=$B$17,14,0)+IF('Standard Profiles'!$G$21=$B$24,21,0),MOD($C3252,24)+1)/SUM(INDEX($D$3:$AA$30,INDEX(Jesper!$R$2:$R$366,ROW(INDEX(Jesper!AK$2:AK$366,ROUNDDOWN($C3252/24,0)+1,1))-1)+IF('Standard Profiles'!$G$21=$B$10,7,0)+IF('Standard Profiles'!$G$21=$B$17,14,0)+IF('Standard Profiles'!$G$21=$B$24,21,0),0)),0)</f>
        <v>0</v>
      </c>
      <c r="H3252" cm="1">
        <f t="array" ref="H3252">IFERROR(INDEX(Jesper!AL$2:AL$366,ROUNDDOWN($C3252/24,0)+1,1)*INDEX($D$3:$AA$30,INDEX(Jesper!$R$2:$R$366,ROW(INDEX(Jesper!AL$2:AL$366,ROUNDDOWN($C3252/24,0)+1,1))-1)+IF('Standard Profiles'!$G$22=$B$10,7,0)+IF('Standard Profiles'!$G$22=$B$17,14,0)+IF('Standard Profiles'!$G$22=$B$24,21,0),MOD($C3252,24)+1)/SUM(INDEX($D$3:$AA$30,INDEX(Jesper!$R$2:$R$366,ROW(INDEX(Jesper!AL$2:AL$366,ROUNDDOWN($C3252/24,0)+1,1))-1)+IF('Standard Profiles'!$G$22=$B$10,7,0)+IF('Standard Profiles'!$G$22=$B$17,14,0)+IF('Standard Profiles'!$G$22=$B$24,21,0),0)),0)</f>
        <v>0</v>
      </c>
      <c r="I3252">
        <f t="shared" si="370"/>
        <v>0.21191097204234738</v>
      </c>
      <c r="J3252">
        <f t="shared" si="371"/>
        <v>0.70636990680782463</v>
      </c>
      <c r="K3252">
        <f t="shared" si="372"/>
        <v>1.0595548602117368</v>
      </c>
      <c r="L3252">
        <f t="shared" si="373"/>
        <v>5.0858633290163366</v>
      </c>
      <c r="M3252">
        <f t="shared" si="374"/>
        <v>0</v>
      </c>
      <c r="N3252" s="46">
        <f t="shared" si="375"/>
        <v>45426.083333325529</v>
      </c>
    </row>
    <row r="3253" spans="2:14" x14ac:dyDescent="0.3">
      <c r="B3253">
        <f t="shared" si="369"/>
        <v>2</v>
      </c>
      <c r="C3253" s="16">
        <v>3219</v>
      </c>
      <c r="D3253" cm="1">
        <f t="array" ref="D3253">IFERROR(INDEX(Jesper!AH$2:AH$366,ROUNDDOWN($C3253/24,0)+1,1)*INDEX($D$3:$AA$30,INDEX(Jesper!$R$2:$R$366,ROW(INDEX(Jesper!AH$2:AH$366,ROUNDDOWN($C3253/24,0)+1,1))-1)+IF('Standard Profiles'!$G$18=$B$10,7,0)+IF('Standard Profiles'!$G$18=$B$17,14,0)+IF('Standard Profiles'!$G$18=$B$24,21,0),MOD($C3253,24)+1)/SUM(INDEX($D$3:$AA$30,INDEX(Jesper!$R$2:$R$366,ROW(INDEX(Jesper!AH$2:AH$366,ROUNDDOWN($C3253/24,0)+1,1))-1)+IF('Standard Profiles'!$G$18=$B$10,7,0)+IF('Standard Profiles'!$G$18=$B$17,14,0)+IF('Standard Profiles'!$G$18=$B$24,21,0),0)),0)</f>
        <v>7.0636990680782459</v>
      </c>
      <c r="E3253" cm="1">
        <f t="array" ref="E3253">IFERROR(INDEX(Jesper!AI$2:AI$366,ROUNDDOWN($C3253/24,0)+1,1)*INDEX($D$3:$AA$30,INDEX(Jesper!$R$2:$R$366,ROW(INDEX(Jesper!AI$2:AI$366,ROUNDDOWN($C3253/24,0)+1,1))-1)+IF('Standard Profiles'!$G$19=$B$10,7,0)+IF('Standard Profiles'!$G$19=$B$17,14,0)+IF('Standard Profiles'!$G$19=$B$24,21,0),MOD($C3253,24)+1)/SUM(INDEX($D$3:$AA$30,INDEX(Jesper!$R$2:$R$366,ROW(INDEX(Jesper!AI$2:AI$366,ROUNDDOWN($C3253/24,0)+1,1))-1)+IF('Standard Profiles'!$G$19=$B$10,7,0)+IF('Standard Profiles'!$G$19=$B$17,14,0)+IF('Standard Profiles'!$G$19=$B$24,21,0),0)),0)</f>
        <v>0</v>
      </c>
      <c r="F3253" cm="1">
        <f t="array" ref="F3253">IFERROR(INDEX(Jesper!AJ$2:AJ$366,ROUNDDOWN($C3253/24,0)+1,1)*INDEX($D$3:$AA$30,INDEX(Jesper!$R$2:$R$366,ROW(INDEX(Jesper!AJ$2:AJ$366,ROUNDDOWN($C3253/24,0)+1,1))-1)+IF('Standard Profiles'!$G$20=$B$10,7,0)+IF('Standard Profiles'!$G$20=$B$17,14,0)+IF('Standard Profiles'!$G$20=$B$24,21,0),MOD($C3253,24)+1)/SUM(INDEX($D$3:$AA$30,INDEX(Jesper!$R$2:$R$366,ROW(INDEX(Jesper!AJ$2:AJ$366,ROUNDDOWN($C3253/24,0)+1,1))-1)+IF('Standard Profiles'!$G$20=$B$10,7,0)+IF('Standard Profiles'!$G$20=$B$17,14,0)+IF('Standard Profiles'!$G$20=$B$24,21,0),0)),0)</f>
        <v>0</v>
      </c>
      <c r="G3253" cm="1">
        <f t="array" ref="G3253">IFERROR(INDEX(Jesper!AK$2:AK$366,ROUNDDOWN($C3253/24,0)+1,1)*INDEX($D$3:$AA$30,INDEX(Jesper!$R$2:$R$366,ROW(INDEX(Jesper!AK$2:AK$366,ROUNDDOWN($C3253/24,0)+1,1))-1)+IF('Standard Profiles'!$G$21=$B$10,7,0)+IF('Standard Profiles'!$G$21=$B$17,14,0)+IF('Standard Profiles'!$G$21=$B$24,21,0),MOD($C3253,24)+1)/SUM(INDEX($D$3:$AA$30,INDEX(Jesper!$R$2:$R$366,ROW(INDEX(Jesper!AK$2:AK$366,ROUNDDOWN($C3253/24,0)+1,1))-1)+IF('Standard Profiles'!$G$21=$B$10,7,0)+IF('Standard Profiles'!$G$21=$B$17,14,0)+IF('Standard Profiles'!$G$21=$B$24,21,0),0)),0)</f>
        <v>0</v>
      </c>
      <c r="H3253" cm="1">
        <f t="array" ref="H3253">IFERROR(INDEX(Jesper!AL$2:AL$366,ROUNDDOWN($C3253/24,0)+1,1)*INDEX($D$3:$AA$30,INDEX(Jesper!$R$2:$R$366,ROW(INDEX(Jesper!AL$2:AL$366,ROUNDDOWN($C3253/24,0)+1,1))-1)+IF('Standard Profiles'!$G$22=$B$10,7,0)+IF('Standard Profiles'!$G$22=$B$17,14,0)+IF('Standard Profiles'!$G$22=$B$24,21,0),MOD($C3253,24)+1)/SUM(INDEX($D$3:$AA$30,INDEX(Jesper!$R$2:$R$366,ROW(INDEX(Jesper!AL$2:AL$366,ROUNDDOWN($C3253/24,0)+1,1))-1)+IF('Standard Profiles'!$G$22=$B$10,7,0)+IF('Standard Profiles'!$G$22=$B$17,14,0)+IF('Standard Profiles'!$G$22=$B$24,21,0),0)),0)</f>
        <v>0</v>
      </c>
      <c r="I3253">
        <f t="shared" si="370"/>
        <v>0.21191097204234738</v>
      </c>
      <c r="J3253">
        <f t="shared" si="371"/>
        <v>0.70636990680782463</v>
      </c>
      <c r="K3253">
        <f t="shared" si="372"/>
        <v>1.0595548602117368</v>
      </c>
      <c r="L3253">
        <f t="shared" si="373"/>
        <v>5.0858633290163366</v>
      </c>
      <c r="M3253">
        <f t="shared" si="374"/>
        <v>0</v>
      </c>
      <c r="N3253" s="46">
        <f t="shared" si="375"/>
        <v>45426.124999992193</v>
      </c>
    </row>
    <row r="3254" spans="2:14" x14ac:dyDescent="0.3">
      <c r="B3254">
        <f t="shared" si="369"/>
        <v>2</v>
      </c>
      <c r="C3254" s="16">
        <v>3220</v>
      </c>
      <c r="D3254" cm="1">
        <f t="array" ref="D3254">IFERROR(INDEX(Jesper!AH$2:AH$366,ROUNDDOWN($C3254/24,0)+1,1)*INDEX($D$3:$AA$30,INDEX(Jesper!$R$2:$R$366,ROW(INDEX(Jesper!AH$2:AH$366,ROUNDDOWN($C3254/24,0)+1,1))-1)+IF('Standard Profiles'!$G$18=$B$10,7,0)+IF('Standard Profiles'!$G$18=$B$17,14,0)+IF('Standard Profiles'!$G$18=$B$24,21,0),MOD($C3254,24)+1)/SUM(INDEX($D$3:$AA$30,INDEX(Jesper!$R$2:$R$366,ROW(INDEX(Jesper!AH$2:AH$366,ROUNDDOWN($C3254/24,0)+1,1))-1)+IF('Standard Profiles'!$G$18=$B$10,7,0)+IF('Standard Profiles'!$G$18=$B$17,14,0)+IF('Standard Profiles'!$G$18=$B$24,21,0),0)),0)</f>
        <v>7.0636990680782459</v>
      </c>
      <c r="E3254" cm="1">
        <f t="array" ref="E3254">IFERROR(INDEX(Jesper!AI$2:AI$366,ROUNDDOWN($C3254/24,0)+1,1)*INDEX($D$3:$AA$30,INDEX(Jesper!$R$2:$R$366,ROW(INDEX(Jesper!AI$2:AI$366,ROUNDDOWN($C3254/24,0)+1,1))-1)+IF('Standard Profiles'!$G$19=$B$10,7,0)+IF('Standard Profiles'!$G$19=$B$17,14,0)+IF('Standard Profiles'!$G$19=$B$24,21,0),MOD($C3254,24)+1)/SUM(INDEX($D$3:$AA$30,INDEX(Jesper!$R$2:$R$366,ROW(INDEX(Jesper!AI$2:AI$366,ROUNDDOWN($C3254/24,0)+1,1))-1)+IF('Standard Profiles'!$G$19=$B$10,7,0)+IF('Standard Profiles'!$G$19=$B$17,14,0)+IF('Standard Profiles'!$G$19=$B$24,21,0),0)),0)</f>
        <v>0</v>
      </c>
      <c r="F3254" cm="1">
        <f t="array" ref="F3254">IFERROR(INDEX(Jesper!AJ$2:AJ$366,ROUNDDOWN($C3254/24,0)+1,1)*INDEX($D$3:$AA$30,INDEX(Jesper!$R$2:$R$366,ROW(INDEX(Jesper!AJ$2:AJ$366,ROUNDDOWN($C3254/24,0)+1,1))-1)+IF('Standard Profiles'!$G$20=$B$10,7,0)+IF('Standard Profiles'!$G$20=$B$17,14,0)+IF('Standard Profiles'!$G$20=$B$24,21,0),MOD($C3254,24)+1)/SUM(INDEX($D$3:$AA$30,INDEX(Jesper!$R$2:$R$366,ROW(INDEX(Jesper!AJ$2:AJ$366,ROUNDDOWN($C3254/24,0)+1,1))-1)+IF('Standard Profiles'!$G$20=$B$10,7,0)+IF('Standard Profiles'!$G$20=$B$17,14,0)+IF('Standard Profiles'!$G$20=$B$24,21,0),0)),0)</f>
        <v>0</v>
      </c>
      <c r="G3254" cm="1">
        <f t="array" ref="G3254">IFERROR(INDEX(Jesper!AK$2:AK$366,ROUNDDOWN($C3254/24,0)+1,1)*INDEX($D$3:$AA$30,INDEX(Jesper!$R$2:$R$366,ROW(INDEX(Jesper!AK$2:AK$366,ROUNDDOWN($C3254/24,0)+1,1))-1)+IF('Standard Profiles'!$G$21=$B$10,7,0)+IF('Standard Profiles'!$G$21=$B$17,14,0)+IF('Standard Profiles'!$G$21=$B$24,21,0),MOD($C3254,24)+1)/SUM(INDEX($D$3:$AA$30,INDEX(Jesper!$R$2:$R$366,ROW(INDEX(Jesper!AK$2:AK$366,ROUNDDOWN($C3254/24,0)+1,1))-1)+IF('Standard Profiles'!$G$21=$B$10,7,0)+IF('Standard Profiles'!$G$21=$B$17,14,0)+IF('Standard Profiles'!$G$21=$B$24,21,0),0)),0)</f>
        <v>0</v>
      </c>
      <c r="H3254" cm="1">
        <f t="array" ref="H3254">IFERROR(INDEX(Jesper!AL$2:AL$366,ROUNDDOWN($C3254/24,0)+1,1)*INDEX($D$3:$AA$30,INDEX(Jesper!$R$2:$R$366,ROW(INDEX(Jesper!AL$2:AL$366,ROUNDDOWN($C3254/24,0)+1,1))-1)+IF('Standard Profiles'!$G$22=$B$10,7,0)+IF('Standard Profiles'!$G$22=$B$17,14,0)+IF('Standard Profiles'!$G$22=$B$24,21,0),MOD($C3254,24)+1)/SUM(INDEX($D$3:$AA$30,INDEX(Jesper!$R$2:$R$366,ROW(INDEX(Jesper!AL$2:AL$366,ROUNDDOWN($C3254/24,0)+1,1))-1)+IF('Standard Profiles'!$G$22=$B$10,7,0)+IF('Standard Profiles'!$G$22=$B$17,14,0)+IF('Standard Profiles'!$G$22=$B$24,21,0),0)),0)</f>
        <v>0</v>
      </c>
      <c r="I3254">
        <f t="shared" si="370"/>
        <v>0.21191097204234738</v>
      </c>
      <c r="J3254">
        <f t="shared" si="371"/>
        <v>0.70636990680782463</v>
      </c>
      <c r="K3254">
        <f t="shared" si="372"/>
        <v>1.0595548602117368</v>
      </c>
      <c r="L3254">
        <f t="shared" si="373"/>
        <v>5.0858633290163366</v>
      </c>
      <c r="M3254">
        <f t="shared" si="374"/>
        <v>0</v>
      </c>
      <c r="N3254" s="46">
        <f t="shared" si="375"/>
        <v>45426.166666658857</v>
      </c>
    </row>
    <row r="3255" spans="2:14" x14ac:dyDescent="0.3">
      <c r="B3255">
        <f t="shared" si="369"/>
        <v>2</v>
      </c>
      <c r="C3255" s="16">
        <v>3221</v>
      </c>
      <c r="D3255" cm="1">
        <f t="array" ref="D3255">IFERROR(INDEX(Jesper!AH$2:AH$366,ROUNDDOWN($C3255/24,0)+1,1)*INDEX($D$3:$AA$30,INDEX(Jesper!$R$2:$R$366,ROW(INDEX(Jesper!AH$2:AH$366,ROUNDDOWN($C3255/24,0)+1,1))-1)+IF('Standard Profiles'!$G$18=$B$10,7,0)+IF('Standard Profiles'!$G$18=$B$17,14,0)+IF('Standard Profiles'!$G$18=$B$24,21,0),MOD($C3255,24)+1)/SUM(INDEX($D$3:$AA$30,INDEX(Jesper!$R$2:$R$366,ROW(INDEX(Jesper!AH$2:AH$366,ROUNDDOWN($C3255/24,0)+1,1))-1)+IF('Standard Profiles'!$G$18=$B$10,7,0)+IF('Standard Profiles'!$G$18=$B$17,14,0)+IF('Standard Profiles'!$G$18=$B$24,21,0),0)),0)</f>
        <v>9.1828087885017187</v>
      </c>
      <c r="E3255" cm="1">
        <f t="array" ref="E3255">IFERROR(INDEX(Jesper!AI$2:AI$366,ROUNDDOWN($C3255/24,0)+1,1)*INDEX($D$3:$AA$30,INDEX(Jesper!$R$2:$R$366,ROW(INDEX(Jesper!AI$2:AI$366,ROUNDDOWN($C3255/24,0)+1,1))-1)+IF('Standard Profiles'!$G$19=$B$10,7,0)+IF('Standard Profiles'!$G$19=$B$17,14,0)+IF('Standard Profiles'!$G$19=$B$24,21,0),MOD($C3255,24)+1)/SUM(INDEX($D$3:$AA$30,INDEX(Jesper!$R$2:$R$366,ROW(INDEX(Jesper!AI$2:AI$366,ROUNDDOWN($C3255/24,0)+1,1))-1)+IF('Standard Profiles'!$G$19=$B$10,7,0)+IF('Standard Profiles'!$G$19=$B$17,14,0)+IF('Standard Profiles'!$G$19=$B$24,21,0),0)),0)</f>
        <v>0</v>
      </c>
      <c r="F3255" cm="1">
        <f t="array" ref="F3255">IFERROR(INDEX(Jesper!AJ$2:AJ$366,ROUNDDOWN($C3255/24,0)+1,1)*INDEX($D$3:$AA$30,INDEX(Jesper!$R$2:$R$366,ROW(INDEX(Jesper!AJ$2:AJ$366,ROUNDDOWN($C3255/24,0)+1,1))-1)+IF('Standard Profiles'!$G$20=$B$10,7,0)+IF('Standard Profiles'!$G$20=$B$17,14,0)+IF('Standard Profiles'!$G$20=$B$24,21,0),MOD($C3255,24)+1)/SUM(INDEX($D$3:$AA$30,INDEX(Jesper!$R$2:$R$366,ROW(INDEX(Jesper!AJ$2:AJ$366,ROUNDDOWN($C3255/24,0)+1,1))-1)+IF('Standard Profiles'!$G$20=$B$10,7,0)+IF('Standard Profiles'!$G$20=$B$17,14,0)+IF('Standard Profiles'!$G$20=$B$24,21,0),0)),0)</f>
        <v>0</v>
      </c>
      <c r="G3255" cm="1">
        <f t="array" ref="G3255">IFERROR(INDEX(Jesper!AK$2:AK$366,ROUNDDOWN($C3255/24,0)+1,1)*INDEX($D$3:$AA$30,INDEX(Jesper!$R$2:$R$366,ROW(INDEX(Jesper!AK$2:AK$366,ROUNDDOWN($C3255/24,0)+1,1))-1)+IF('Standard Profiles'!$G$21=$B$10,7,0)+IF('Standard Profiles'!$G$21=$B$17,14,0)+IF('Standard Profiles'!$G$21=$B$24,21,0),MOD($C3255,24)+1)/SUM(INDEX($D$3:$AA$30,INDEX(Jesper!$R$2:$R$366,ROW(INDEX(Jesper!AK$2:AK$366,ROUNDDOWN($C3255/24,0)+1,1))-1)+IF('Standard Profiles'!$G$21=$B$10,7,0)+IF('Standard Profiles'!$G$21=$B$17,14,0)+IF('Standard Profiles'!$G$21=$B$24,21,0),0)),0)</f>
        <v>0</v>
      </c>
      <c r="H3255" cm="1">
        <f t="array" ref="H3255">IFERROR(INDEX(Jesper!AL$2:AL$366,ROUNDDOWN($C3255/24,0)+1,1)*INDEX($D$3:$AA$30,INDEX(Jesper!$R$2:$R$366,ROW(INDEX(Jesper!AL$2:AL$366,ROUNDDOWN($C3255/24,0)+1,1))-1)+IF('Standard Profiles'!$G$22=$B$10,7,0)+IF('Standard Profiles'!$G$22=$B$17,14,0)+IF('Standard Profiles'!$G$22=$B$24,21,0),MOD($C3255,24)+1)/SUM(INDEX($D$3:$AA$30,INDEX(Jesper!$R$2:$R$366,ROW(INDEX(Jesper!AL$2:AL$366,ROUNDDOWN($C3255/24,0)+1,1))-1)+IF('Standard Profiles'!$G$22=$B$10,7,0)+IF('Standard Profiles'!$G$22=$B$17,14,0)+IF('Standard Profiles'!$G$22=$B$24,21,0),0)),0)</f>
        <v>0</v>
      </c>
      <c r="I3255">
        <f t="shared" si="370"/>
        <v>0.27548426365505158</v>
      </c>
      <c r="J3255">
        <f t="shared" si="371"/>
        <v>0.91828087885017196</v>
      </c>
      <c r="K3255">
        <f t="shared" si="372"/>
        <v>1.3774213182752577</v>
      </c>
      <c r="L3255">
        <f t="shared" si="373"/>
        <v>6.6116223277212374</v>
      </c>
      <c r="M3255">
        <f t="shared" si="374"/>
        <v>0</v>
      </c>
      <c r="N3255" s="46">
        <f t="shared" si="375"/>
        <v>45426.208333325521</v>
      </c>
    </row>
    <row r="3256" spans="2:14" x14ac:dyDescent="0.3">
      <c r="B3256">
        <f t="shared" si="369"/>
        <v>2</v>
      </c>
      <c r="C3256" s="16">
        <v>3222</v>
      </c>
      <c r="D3256" cm="1">
        <f t="array" ref="D3256">IFERROR(INDEX(Jesper!AH$2:AH$366,ROUNDDOWN($C3256/24,0)+1,1)*INDEX($D$3:$AA$30,INDEX(Jesper!$R$2:$R$366,ROW(INDEX(Jesper!AH$2:AH$366,ROUNDDOWN($C3256/24,0)+1,1))-1)+IF('Standard Profiles'!$G$18=$B$10,7,0)+IF('Standard Profiles'!$G$18=$B$17,14,0)+IF('Standard Profiles'!$G$18=$B$24,21,0),MOD($C3256,24)+1)/SUM(INDEX($D$3:$AA$30,INDEX(Jesper!$R$2:$R$366,ROW(INDEX(Jesper!AH$2:AH$366,ROUNDDOWN($C3256/24,0)+1,1))-1)+IF('Standard Profiles'!$G$18=$B$10,7,0)+IF('Standard Profiles'!$G$18=$B$17,14,0)+IF('Standard Profiles'!$G$18=$B$24,21,0),0)),0)</f>
        <v>10.242363648713456</v>
      </c>
      <c r="E3256" cm="1">
        <f t="array" ref="E3256">IFERROR(INDEX(Jesper!AI$2:AI$366,ROUNDDOWN($C3256/24,0)+1,1)*INDEX($D$3:$AA$30,INDEX(Jesper!$R$2:$R$366,ROW(INDEX(Jesper!AI$2:AI$366,ROUNDDOWN($C3256/24,0)+1,1))-1)+IF('Standard Profiles'!$G$19=$B$10,7,0)+IF('Standard Profiles'!$G$19=$B$17,14,0)+IF('Standard Profiles'!$G$19=$B$24,21,0),MOD($C3256,24)+1)/SUM(INDEX($D$3:$AA$30,INDEX(Jesper!$R$2:$R$366,ROW(INDEX(Jesper!AI$2:AI$366,ROUNDDOWN($C3256/24,0)+1,1))-1)+IF('Standard Profiles'!$G$19=$B$10,7,0)+IF('Standard Profiles'!$G$19=$B$17,14,0)+IF('Standard Profiles'!$G$19=$B$24,21,0),0)),0)</f>
        <v>0</v>
      </c>
      <c r="F3256" cm="1">
        <f t="array" ref="F3256">IFERROR(INDEX(Jesper!AJ$2:AJ$366,ROUNDDOWN($C3256/24,0)+1,1)*INDEX($D$3:$AA$30,INDEX(Jesper!$R$2:$R$366,ROW(INDEX(Jesper!AJ$2:AJ$366,ROUNDDOWN($C3256/24,0)+1,1))-1)+IF('Standard Profiles'!$G$20=$B$10,7,0)+IF('Standard Profiles'!$G$20=$B$17,14,0)+IF('Standard Profiles'!$G$20=$B$24,21,0),MOD($C3256,24)+1)/SUM(INDEX($D$3:$AA$30,INDEX(Jesper!$R$2:$R$366,ROW(INDEX(Jesper!AJ$2:AJ$366,ROUNDDOWN($C3256/24,0)+1,1))-1)+IF('Standard Profiles'!$G$20=$B$10,7,0)+IF('Standard Profiles'!$G$20=$B$17,14,0)+IF('Standard Profiles'!$G$20=$B$24,21,0),0)),0)</f>
        <v>0</v>
      </c>
      <c r="G3256" cm="1">
        <f t="array" ref="G3256">IFERROR(INDEX(Jesper!AK$2:AK$366,ROUNDDOWN($C3256/24,0)+1,1)*INDEX($D$3:$AA$30,INDEX(Jesper!$R$2:$R$366,ROW(INDEX(Jesper!AK$2:AK$366,ROUNDDOWN($C3256/24,0)+1,1))-1)+IF('Standard Profiles'!$G$21=$B$10,7,0)+IF('Standard Profiles'!$G$21=$B$17,14,0)+IF('Standard Profiles'!$G$21=$B$24,21,0),MOD($C3256,24)+1)/SUM(INDEX($D$3:$AA$30,INDEX(Jesper!$R$2:$R$366,ROW(INDEX(Jesper!AK$2:AK$366,ROUNDDOWN($C3256/24,0)+1,1))-1)+IF('Standard Profiles'!$G$21=$B$10,7,0)+IF('Standard Profiles'!$G$21=$B$17,14,0)+IF('Standard Profiles'!$G$21=$B$24,21,0),0)),0)</f>
        <v>0</v>
      </c>
      <c r="H3256" cm="1">
        <f t="array" ref="H3256">IFERROR(INDEX(Jesper!AL$2:AL$366,ROUNDDOWN($C3256/24,0)+1,1)*INDEX($D$3:$AA$30,INDEX(Jesper!$R$2:$R$366,ROW(INDEX(Jesper!AL$2:AL$366,ROUNDDOWN($C3256/24,0)+1,1))-1)+IF('Standard Profiles'!$G$22=$B$10,7,0)+IF('Standard Profiles'!$G$22=$B$17,14,0)+IF('Standard Profiles'!$G$22=$B$24,21,0),MOD($C3256,24)+1)/SUM(INDEX($D$3:$AA$30,INDEX(Jesper!$R$2:$R$366,ROW(INDEX(Jesper!AL$2:AL$366,ROUNDDOWN($C3256/24,0)+1,1))-1)+IF('Standard Profiles'!$G$22=$B$10,7,0)+IF('Standard Profiles'!$G$22=$B$17,14,0)+IF('Standard Profiles'!$G$22=$B$24,21,0),0)),0)</f>
        <v>0</v>
      </c>
      <c r="I3256">
        <f t="shared" si="370"/>
        <v>0.30727090946140367</v>
      </c>
      <c r="J3256">
        <f t="shared" si="371"/>
        <v>1.0242363648713455</v>
      </c>
      <c r="K3256">
        <f t="shared" si="372"/>
        <v>1.5363545473070184</v>
      </c>
      <c r="L3256">
        <f t="shared" si="373"/>
        <v>7.3745018270736873</v>
      </c>
      <c r="M3256">
        <f t="shared" si="374"/>
        <v>0</v>
      </c>
      <c r="N3256" s="46">
        <f t="shared" si="375"/>
        <v>45426.249999992186</v>
      </c>
    </row>
    <row r="3257" spans="2:14" x14ac:dyDescent="0.3">
      <c r="B3257">
        <f t="shared" si="369"/>
        <v>2</v>
      </c>
      <c r="C3257" s="16">
        <v>3223</v>
      </c>
      <c r="D3257" cm="1">
        <f t="array" ref="D3257">IFERROR(INDEX(Jesper!AH$2:AH$366,ROUNDDOWN($C3257/24,0)+1,1)*INDEX($D$3:$AA$30,INDEX(Jesper!$R$2:$R$366,ROW(INDEX(Jesper!AH$2:AH$366,ROUNDDOWN($C3257/24,0)+1,1))-1)+IF('Standard Profiles'!$G$18=$B$10,7,0)+IF('Standard Profiles'!$G$18=$B$17,14,0)+IF('Standard Profiles'!$G$18=$B$24,21,0),MOD($C3257,24)+1)/SUM(INDEX($D$3:$AA$30,INDEX(Jesper!$R$2:$R$366,ROW(INDEX(Jesper!AH$2:AH$366,ROUNDDOWN($C3257/24,0)+1,1))-1)+IF('Standard Profiles'!$G$18=$B$10,7,0)+IF('Standard Profiles'!$G$18=$B$17,14,0)+IF('Standard Profiles'!$G$18=$B$24,21,0),0)),0)</f>
        <v>10.595548602117368</v>
      </c>
      <c r="E3257" cm="1">
        <f t="array" ref="E3257">IFERROR(INDEX(Jesper!AI$2:AI$366,ROUNDDOWN($C3257/24,0)+1,1)*INDEX($D$3:$AA$30,INDEX(Jesper!$R$2:$R$366,ROW(INDEX(Jesper!AI$2:AI$366,ROUNDDOWN($C3257/24,0)+1,1))-1)+IF('Standard Profiles'!$G$19=$B$10,7,0)+IF('Standard Profiles'!$G$19=$B$17,14,0)+IF('Standard Profiles'!$G$19=$B$24,21,0),MOD($C3257,24)+1)/SUM(INDEX($D$3:$AA$30,INDEX(Jesper!$R$2:$R$366,ROW(INDEX(Jesper!AI$2:AI$366,ROUNDDOWN($C3257/24,0)+1,1))-1)+IF('Standard Profiles'!$G$19=$B$10,7,0)+IF('Standard Profiles'!$G$19=$B$17,14,0)+IF('Standard Profiles'!$G$19=$B$24,21,0),0)),0)</f>
        <v>0</v>
      </c>
      <c r="F3257" cm="1">
        <f t="array" ref="F3257">IFERROR(INDEX(Jesper!AJ$2:AJ$366,ROUNDDOWN($C3257/24,0)+1,1)*INDEX($D$3:$AA$30,INDEX(Jesper!$R$2:$R$366,ROW(INDEX(Jesper!AJ$2:AJ$366,ROUNDDOWN($C3257/24,0)+1,1))-1)+IF('Standard Profiles'!$G$20=$B$10,7,0)+IF('Standard Profiles'!$G$20=$B$17,14,0)+IF('Standard Profiles'!$G$20=$B$24,21,0),MOD($C3257,24)+1)/SUM(INDEX($D$3:$AA$30,INDEX(Jesper!$R$2:$R$366,ROW(INDEX(Jesper!AJ$2:AJ$366,ROUNDDOWN($C3257/24,0)+1,1))-1)+IF('Standard Profiles'!$G$20=$B$10,7,0)+IF('Standard Profiles'!$G$20=$B$17,14,0)+IF('Standard Profiles'!$G$20=$B$24,21,0),0)),0)</f>
        <v>0</v>
      </c>
      <c r="G3257" cm="1">
        <f t="array" ref="G3257">IFERROR(INDEX(Jesper!AK$2:AK$366,ROUNDDOWN($C3257/24,0)+1,1)*INDEX($D$3:$AA$30,INDEX(Jesper!$R$2:$R$366,ROW(INDEX(Jesper!AK$2:AK$366,ROUNDDOWN($C3257/24,0)+1,1))-1)+IF('Standard Profiles'!$G$21=$B$10,7,0)+IF('Standard Profiles'!$G$21=$B$17,14,0)+IF('Standard Profiles'!$G$21=$B$24,21,0),MOD($C3257,24)+1)/SUM(INDEX($D$3:$AA$30,INDEX(Jesper!$R$2:$R$366,ROW(INDEX(Jesper!AK$2:AK$366,ROUNDDOWN($C3257/24,0)+1,1))-1)+IF('Standard Profiles'!$G$21=$B$10,7,0)+IF('Standard Profiles'!$G$21=$B$17,14,0)+IF('Standard Profiles'!$G$21=$B$24,21,0),0)),0)</f>
        <v>0</v>
      </c>
      <c r="H3257" cm="1">
        <f t="array" ref="H3257">IFERROR(INDEX(Jesper!AL$2:AL$366,ROUNDDOWN($C3257/24,0)+1,1)*INDEX($D$3:$AA$30,INDEX(Jesper!$R$2:$R$366,ROW(INDEX(Jesper!AL$2:AL$366,ROUNDDOWN($C3257/24,0)+1,1))-1)+IF('Standard Profiles'!$G$22=$B$10,7,0)+IF('Standard Profiles'!$G$22=$B$17,14,0)+IF('Standard Profiles'!$G$22=$B$24,21,0),MOD($C3257,24)+1)/SUM(INDEX($D$3:$AA$30,INDEX(Jesper!$R$2:$R$366,ROW(INDEX(Jesper!AL$2:AL$366,ROUNDDOWN($C3257/24,0)+1,1))-1)+IF('Standard Profiles'!$G$22=$B$10,7,0)+IF('Standard Profiles'!$G$22=$B$17,14,0)+IF('Standard Profiles'!$G$22=$B$24,21,0),0)),0)</f>
        <v>0</v>
      </c>
      <c r="I3257">
        <f t="shared" si="370"/>
        <v>0.31786645806352104</v>
      </c>
      <c r="J3257">
        <f t="shared" si="371"/>
        <v>1.0595548602117368</v>
      </c>
      <c r="K3257">
        <f t="shared" si="372"/>
        <v>1.5893322903176053</v>
      </c>
      <c r="L3257">
        <f t="shared" si="373"/>
        <v>7.6287949935245045</v>
      </c>
      <c r="M3257">
        <f t="shared" si="374"/>
        <v>0</v>
      </c>
      <c r="N3257" s="46">
        <f t="shared" si="375"/>
        <v>45426.29166665885</v>
      </c>
    </row>
    <row r="3258" spans="2:14" x14ac:dyDescent="0.3">
      <c r="B3258">
        <f t="shared" si="369"/>
        <v>2</v>
      </c>
      <c r="C3258" s="16">
        <v>3224</v>
      </c>
      <c r="D3258" cm="1">
        <f t="array" ref="D3258">IFERROR(INDEX(Jesper!AH$2:AH$366,ROUNDDOWN($C3258/24,0)+1,1)*INDEX($D$3:$AA$30,INDEX(Jesper!$R$2:$R$366,ROW(INDEX(Jesper!AH$2:AH$366,ROUNDDOWN($C3258/24,0)+1,1))-1)+IF('Standard Profiles'!$G$18=$B$10,7,0)+IF('Standard Profiles'!$G$18=$B$17,14,0)+IF('Standard Profiles'!$G$18=$B$24,21,0),MOD($C3258,24)+1)/SUM(INDEX($D$3:$AA$30,INDEX(Jesper!$R$2:$R$366,ROW(INDEX(Jesper!AH$2:AH$366,ROUNDDOWN($C3258/24,0)+1,1))-1)+IF('Standard Profiles'!$G$18=$B$10,7,0)+IF('Standard Profiles'!$G$18=$B$17,14,0)+IF('Standard Profiles'!$G$18=$B$24,21,0),0)),0)</f>
        <v>10.595548602117368</v>
      </c>
      <c r="E3258" cm="1">
        <f t="array" ref="E3258">IFERROR(INDEX(Jesper!AI$2:AI$366,ROUNDDOWN($C3258/24,0)+1,1)*INDEX($D$3:$AA$30,INDEX(Jesper!$R$2:$R$366,ROW(INDEX(Jesper!AI$2:AI$366,ROUNDDOWN($C3258/24,0)+1,1))-1)+IF('Standard Profiles'!$G$19=$B$10,7,0)+IF('Standard Profiles'!$G$19=$B$17,14,0)+IF('Standard Profiles'!$G$19=$B$24,21,0),MOD($C3258,24)+1)/SUM(INDEX($D$3:$AA$30,INDEX(Jesper!$R$2:$R$366,ROW(INDEX(Jesper!AI$2:AI$366,ROUNDDOWN($C3258/24,0)+1,1))-1)+IF('Standard Profiles'!$G$19=$B$10,7,0)+IF('Standard Profiles'!$G$19=$B$17,14,0)+IF('Standard Profiles'!$G$19=$B$24,21,0),0)),0)</f>
        <v>0</v>
      </c>
      <c r="F3258" cm="1">
        <f t="array" ref="F3258">IFERROR(INDEX(Jesper!AJ$2:AJ$366,ROUNDDOWN($C3258/24,0)+1,1)*INDEX($D$3:$AA$30,INDEX(Jesper!$R$2:$R$366,ROW(INDEX(Jesper!AJ$2:AJ$366,ROUNDDOWN($C3258/24,0)+1,1))-1)+IF('Standard Profiles'!$G$20=$B$10,7,0)+IF('Standard Profiles'!$G$20=$B$17,14,0)+IF('Standard Profiles'!$G$20=$B$24,21,0),MOD($C3258,24)+1)/SUM(INDEX($D$3:$AA$30,INDEX(Jesper!$R$2:$R$366,ROW(INDEX(Jesper!AJ$2:AJ$366,ROUNDDOWN($C3258/24,0)+1,1))-1)+IF('Standard Profiles'!$G$20=$B$10,7,0)+IF('Standard Profiles'!$G$20=$B$17,14,0)+IF('Standard Profiles'!$G$20=$B$24,21,0),0)),0)</f>
        <v>0</v>
      </c>
      <c r="G3258" cm="1">
        <f t="array" ref="G3258">IFERROR(INDEX(Jesper!AK$2:AK$366,ROUNDDOWN($C3258/24,0)+1,1)*INDEX($D$3:$AA$30,INDEX(Jesper!$R$2:$R$366,ROW(INDEX(Jesper!AK$2:AK$366,ROUNDDOWN($C3258/24,0)+1,1))-1)+IF('Standard Profiles'!$G$21=$B$10,7,0)+IF('Standard Profiles'!$G$21=$B$17,14,0)+IF('Standard Profiles'!$G$21=$B$24,21,0),MOD($C3258,24)+1)/SUM(INDEX($D$3:$AA$30,INDEX(Jesper!$R$2:$R$366,ROW(INDEX(Jesper!AK$2:AK$366,ROUNDDOWN($C3258/24,0)+1,1))-1)+IF('Standard Profiles'!$G$21=$B$10,7,0)+IF('Standard Profiles'!$G$21=$B$17,14,0)+IF('Standard Profiles'!$G$21=$B$24,21,0),0)),0)</f>
        <v>0</v>
      </c>
      <c r="H3258" cm="1">
        <f t="array" ref="H3258">IFERROR(INDEX(Jesper!AL$2:AL$366,ROUNDDOWN($C3258/24,0)+1,1)*INDEX($D$3:$AA$30,INDEX(Jesper!$R$2:$R$366,ROW(INDEX(Jesper!AL$2:AL$366,ROUNDDOWN($C3258/24,0)+1,1))-1)+IF('Standard Profiles'!$G$22=$B$10,7,0)+IF('Standard Profiles'!$G$22=$B$17,14,0)+IF('Standard Profiles'!$G$22=$B$24,21,0),MOD($C3258,24)+1)/SUM(INDEX($D$3:$AA$30,INDEX(Jesper!$R$2:$R$366,ROW(INDEX(Jesper!AL$2:AL$366,ROUNDDOWN($C3258/24,0)+1,1))-1)+IF('Standard Profiles'!$G$22=$B$10,7,0)+IF('Standard Profiles'!$G$22=$B$17,14,0)+IF('Standard Profiles'!$G$22=$B$24,21,0),0)),0)</f>
        <v>0</v>
      </c>
      <c r="I3258">
        <f t="shared" si="370"/>
        <v>0.31786645806352104</v>
      </c>
      <c r="J3258">
        <f t="shared" si="371"/>
        <v>1.0595548602117368</v>
      </c>
      <c r="K3258">
        <f t="shared" si="372"/>
        <v>1.5893322903176053</v>
      </c>
      <c r="L3258">
        <f t="shared" si="373"/>
        <v>7.6287949935245045</v>
      </c>
      <c r="M3258">
        <f t="shared" si="374"/>
        <v>0</v>
      </c>
      <c r="N3258" s="46">
        <f t="shared" si="375"/>
        <v>45426.333333325514</v>
      </c>
    </row>
    <row r="3259" spans="2:14" x14ac:dyDescent="0.3">
      <c r="B3259">
        <f t="shared" si="369"/>
        <v>2</v>
      </c>
      <c r="C3259" s="16">
        <v>3225</v>
      </c>
      <c r="D3259" cm="1">
        <f t="array" ref="D3259">IFERROR(INDEX(Jesper!AH$2:AH$366,ROUNDDOWN($C3259/24,0)+1,1)*INDEX($D$3:$AA$30,INDEX(Jesper!$R$2:$R$366,ROW(INDEX(Jesper!AH$2:AH$366,ROUNDDOWN($C3259/24,0)+1,1))-1)+IF('Standard Profiles'!$G$18=$B$10,7,0)+IF('Standard Profiles'!$G$18=$B$17,14,0)+IF('Standard Profiles'!$G$18=$B$24,21,0),MOD($C3259,24)+1)/SUM(INDEX($D$3:$AA$30,INDEX(Jesper!$R$2:$R$366,ROW(INDEX(Jesper!AH$2:AH$366,ROUNDDOWN($C3259/24,0)+1,1))-1)+IF('Standard Profiles'!$G$18=$B$10,7,0)+IF('Standard Profiles'!$G$18=$B$17,14,0)+IF('Standard Profiles'!$G$18=$B$24,21,0),0)),0)</f>
        <v>11.47851098562715</v>
      </c>
      <c r="E3259" cm="1">
        <f t="array" ref="E3259">IFERROR(INDEX(Jesper!AI$2:AI$366,ROUNDDOWN($C3259/24,0)+1,1)*INDEX($D$3:$AA$30,INDEX(Jesper!$R$2:$R$366,ROW(INDEX(Jesper!AI$2:AI$366,ROUNDDOWN($C3259/24,0)+1,1))-1)+IF('Standard Profiles'!$G$19=$B$10,7,0)+IF('Standard Profiles'!$G$19=$B$17,14,0)+IF('Standard Profiles'!$G$19=$B$24,21,0),MOD($C3259,24)+1)/SUM(INDEX($D$3:$AA$30,INDEX(Jesper!$R$2:$R$366,ROW(INDEX(Jesper!AI$2:AI$366,ROUNDDOWN($C3259/24,0)+1,1))-1)+IF('Standard Profiles'!$G$19=$B$10,7,0)+IF('Standard Profiles'!$G$19=$B$17,14,0)+IF('Standard Profiles'!$G$19=$B$24,21,0),0)),0)</f>
        <v>0</v>
      </c>
      <c r="F3259" cm="1">
        <f t="array" ref="F3259">IFERROR(INDEX(Jesper!AJ$2:AJ$366,ROUNDDOWN($C3259/24,0)+1,1)*INDEX($D$3:$AA$30,INDEX(Jesper!$R$2:$R$366,ROW(INDEX(Jesper!AJ$2:AJ$366,ROUNDDOWN($C3259/24,0)+1,1))-1)+IF('Standard Profiles'!$G$20=$B$10,7,0)+IF('Standard Profiles'!$G$20=$B$17,14,0)+IF('Standard Profiles'!$G$20=$B$24,21,0),MOD($C3259,24)+1)/SUM(INDEX($D$3:$AA$30,INDEX(Jesper!$R$2:$R$366,ROW(INDEX(Jesper!AJ$2:AJ$366,ROUNDDOWN($C3259/24,0)+1,1))-1)+IF('Standard Profiles'!$G$20=$B$10,7,0)+IF('Standard Profiles'!$G$20=$B$17,14,0)+IF('Standard Profiles'!$G$20=$B$24,21,0),0)),0)</f>
        <v>0</v>
      </c>
      <c r="G3259" cm="1">
        <f t="array" ref="G3259">IFERROR(INDEX(Jesper!AK$2:AK$366,ROUNDDOWN($C3259/24,0)+1,1)*INDEX($D$3:$AA$30,INDEX(Jesper!$R$2:$R$366,ROW(INDEX(Jesper!AK$2:AK$366,ROUNDDOWN($C3259/24,0)+1,1))-1)+IF('Standard Profiles'!$G$21=$B$10,7,0)+IF('Standard Profiles'!$G$21=$B$17,14,0)+IF('Standard Profiles'!$G$21=$B$24,21,0),MOD($C3259,24)+1)/SUM(INDEX($D$3:$AA$30,INDEX(Jesper!$R$2:$R$366,ROW(INDEX(Jesper!AK$2:AK$366,ROUNDDOWN($C3259/24,0)+1,1))-1)+IF('Standard Profiles'!$G$21=$B$10,7,0)+IF('Standard Profiles'!$G$21=$B$17,14,0)+IF('Standard Profiles'!$G$21=$B$24,21,0),0)),0)</f>
        <v>0</v>
      </c>
      <c r="H3259" cm="1">
        <f t="array" ref="H3259">IFERROR(INDEX(Jesper!AL$2:AL$366,ROUNDDOWN($C3259/24,0)+1,1)*INDEX($D$3:$AA$30,INDEX(Jesper!$R$2:$R$366,ROW(INDEX(Jesper!AL$2:AL$366,ROUNDDOWN($C3259/24,0)+1,1))-1)+IF('Standard Profiles'!$G$22=$B$10,7,0)+IF('Standard Profiles'!$G$22=$B$17,14,0)+IF('Standard Profiles'!$G$22=$B$24,21,0),MOD($C3259,24)+1)/SUM(INDEX($D$3:$AA$30,INDEX(Jesper!$R$2:$R$366,ROW(INDEX(Jesper!AL$2:AL$366,ROUNDDOWN($C3259/24,0)+1,1))-1)+IF('Standard Profiles'!$G$22=$B$10,7,0)+IF('Standard Profiles'!$G$22=$B$17,14,0)+IF('Standard Profiles'!$G$22=$B$24,21,0),0)),0)</f>
        <v>0</v>
      </c>
      <c r="I3259">
        <f t="shared" si="370"/>
        <v>0.34435532956881448</v>
      </c>
      <c r="J3259">
        <f t="shared" si="371"/>
        <v>1.1478510985627151</v>
      </c>
      <c r="K3259">
        <f t="shared" si="372"/>
        <v>1.7217766478440724</v>
      </c>
      <c r="L3259">
        <f t="shared" si="373"/>
        <v>8.264527909651548</v>
      </c>
      <c r="M3259">
        <f t="shared" si="374"/>
        <v>0</v>
      </c>
      <c r="N3259" s="46">
        <f t="shared" si="375"/>
        <v>45426.374999992178</v>
      </c>
    </row>
    <row r="3260" spans="2:14" x14ac:dyDescent="0.3">
      <c r="B3260">
        <f t="shared" si="369"/>
        <v>2</v>
      </c>
      <c r="C3260" s="16">
        <v>3226</v>
      </c>
      <c r="D3260" cm="1">
        <f t="array" ref="D3260">IFERROR(INDEX(Jesper!AH$2:AH$366,ROUNDDOWN($C3260/24,0)+1,1)*INDEX($D$3:$AA$30,INDEX(Jesper!$R$2:$R$366,ROW(INDEX(Jesper!AH$2:AH$366,ROUNDDOWN($C3260/24,0)+1,1))-1)+IF('Standard Profiles'!$G$18=$B$10,7,0)+IF('Standard Profiles'!$G$18=$B$17,14,0)+IF('Standard Profiles'!$G$18=$B$24,21,0),MOD($C3260,24)+1)/SUM(INDEX($D$3:$AA$30,INDEX(Jesper!$R$2:$R$366,ROW(INDEX(Jesper!AH$2:AH$366,ROUNDDOWN($C3260/24,0)+1,1))-1)+IF('Standard Profiles'!$G$18=$B$10,7,0)+IF('Standard Profiles'!$G$18=$B$17,14,0)+IF('Standard Profiles'!$G$18=$B$24,21,0),0)),0)</f>
        <v>12.008288415733016</v>
      </c>
      <c r="E3260" cm="1">
        <f t="array" ref="E3260">IFERROR(INDEX(Jesper!AI$2:AI$366,ROUNDDOWN($C3260/24,0)+1,1)*INDEX($D$3:$AA$30,INDEX(Jesper!$R$2:$R$366,ROW(INDEX(Jesper!AI$2:AI$366,ROUNDDOWN($C3260/24,0)+1,1))-1)+IF('Standard Profiles'!$G$19=$B$10,7,0)+IF('Standard Profiles'!$G$19=$B$17,14,0)+IF('Standard Profiles'!$G$19=$B$24,21,0),MOD($C3260,24)+1)/SUM(INDEX($D$3:$AA$30,INDEX(Jesper!$R$2:$R$366,ROW(INDEX(Jesper!AI$2:AI$366,ROUNDDOWN($C3260/24,0)+1,1))-1)+IF('Standard Profiles'!$G$19=$B$10,7,0)+IF('Standard Profiles'!$G$19=$B$17,14,0)+IF('Standard Profiles'!$G$19=$B$24,21,0),0)),0)</f>
        <v>0</v>
      </c>
      <c r="F3260" cm="1">
        <f t="array" ref="F3260">IFERROR(INDEX(Jesper!AJ$2:AJ$366,ROUNDDOWN($C3260/24,0)+1,1)*INDEX($D$3:$AA$30,INDEX(Jesper!$R$2:$R$366,ROW(INDEX(Jesper!AJ$2:AJ$366,ROUNDDOWN($C3260/24,0)+1,1))-1)+IF('Standard Profiles'!$G$20=$B$10,7,0)+IF('Standard Profiles'!$G$20=$B$17,14,0)+IF('Standard Profiles'!$G$20=$B$24,21,0),MOD($C3260,24)+1)/SUM(INDEX($D$3:$AA$30,INDEX(Jesper!$R$2:$R$366,ROW(INDEX(Jesper!AJ$2:AJ$366,ROUNDDOWN($C3260/24,0)+1,1))-1)+IF('Standard Profiles'!$G$20=$B$10,7,0)+IF('Standard Profiles'!$G$20=$B$17,14,0)+IF('Standard Profiles'!$G$20=$B$24,21,0),0)),0)</f>
        <v>0</v>
      </c>
      <c r="G3260" cm="1">
        <f t="array" ref="G3260">IFERROR(INDEX(Jesper!AK$2:AK$366,ROUNDDOWN($C3260/24,0)+1,1)*INDEX($D$3:$AA$30,INDEX(Jesper!$R$2:$R$366,ROW(INDEX(Jesper!AK$2:AK$366,ROUNDDOWN($C3260/24,0)+1,1))-1)+IF('Standard Profiles'!$G$21=$B$10,7,0)+IF('Standard Profiles'!$G$21=$B$17,14,0)+IF('Standard Profiles'!$G$21=$B$24,21,0),MOD($C3260,24)+1)/SUM(INDEX($D$3:$AA$30,INDEX(Jesper!$R$2:$R$366,ROW(INDEX(Jesper!AK$2:AK$366,ROUNDDOWN($C3260/24,0)+1,1))-1)+IF('Standard Profiles'!$G$21=$B$10,7,0)+IF('Standard Profiles'!$G$21=$B$17,14,0)+IF('Standard Profiles'!$G$21=$B$24,21,0),0)),0)</f>
        <v>0</v>
      </c>
      <c r="H3260" cm="1">
        <f t="array" ref="H3260">IFERROR(INDEX(Jesper!AL$2:AL$366,ROUNDDOWN($C3260/24,0)+1,1)*INDEX($D$3:$AA$30,INDEX(Jesper!$R$2:$R$366,ROW(INDEX(Jesper!AL$2:AL$366,ROUNDDOWN($C3260/24,0)+1,1))-1)+IF('Standard Profiles'!$G$22=$B$10,7,0)+IF('Standard Profiles'!$G$22=$B$17,14,0)+IF('Standard Profiles'!$G$22=$B$24,21,0),MOD($C3260,24)+1)/SUM(INDEX($D$3:$AA$30,INDEX(Jesper!$R$2:$R$366,ROW(INDEX(Jesper!AL$2:AL$366,ROUNDDOWN($C3260/24,0)+1,1))-1)+IF('Standard Profiles'!$G$22=$B$10,7,0)+IF('Standard Profiles'!$G$22=$B$17,14,0)+IF('Standard Profiles'!$G$22=$B$24,21,0),0)),0)</f>
        <v>0</v>
      </c>
      <c r="I3260">
        <f t="shared" si="370"/>
        <v>0.36024865247199045</v>
      </c>
      <c r="J3260">
        <f t="shared" si="371"/>
        <v>1.2008288415733017</v>
      </c>
      <c r="K3260">
        <f t="shared" si="372"/>
        <v>1.8012432623599524</v>
      </c>
      <c r="L3260">
        <f t="shared" si="373"/>
        <v>8.6459676593277717</v>
      </c>
      <c r="M3260">
        <f t="shared" si="374"/>
        <v>0</v>
      </c>
      <c r="N3260" s="46">
        <f t="shared" si="375"/>
        <v>45426.416666658843</v>
      </c>
    </row>
    <row r="3261" spans="2:14" x14ac:dyDescent="0.3">
      <c r="B3261">
        <f t="shared" si="369"/>
        <v>2</v>
      </c>
      <c r="C3261" s="16">
        <v>3227</v>
      </c>
      <c r="D3261" cm="1">
        <f t="array" ref="D3261">IFERROR(INDEX(Jesper!AH$2:AH$366,ROUNDDOWN($C3261/24,0)+1,1)*INDEX($D$3:$AA$30,INDEX(Jesper!$R$2:$R$366,ROW(INDEX(Jesper!AH$2:AH$366,ROUNDDOWN($C3261/24,0)+1,1))-1)+IF('Standard Profiles'!$G$18=$B$10,7,0)+IF('Standard Profiles'!$G$18=$B$17,14,0)+IF('Standard Profiles'!$G$18=$B$24,21,0),MOD($C3261,24)+1)/SUM(INDEX($D$3:$AA$30,INDEX(Jesper!$R$2:$R$366,ROW(INDEX(Jesper!AH$2:AH$366,ROUNDDOWN($C3261/24,0)+1,1))-1)+IF('Standard Profiles'!$G$18=$B$10,7,0)+IF('Standard Profiles'!$G$18=$B$17,14,0)+IF('Standard Profiles'!$G$18=$B$24,21,0),0)),0)</f>
        <v>14.127398136156492</v>
      </c>
      <c r="E3261" cm="1">
        <f t="array" ref="E3261">IFERROR(INDEX(Jesper!AI$2:AI$366,ROUNDDOWN($C3261/24,0)+1,1)*INDEX($D$3:$AA$30,INDEX(Jesper!$R$2:$R$366,ROW(INDEX(Jesper!AI$2:AI$366,ROUNDDOWN($C3261/24,0)+1,1))-1)+IF('Standard Profiles'!$G$19=$B$10,7,0)+IF('Standard Profiles'!$G$19=$B$17,14,0)+IF('Standard Profiles'!$G$19=$B$24,21,0),MOD($C3261,24)+1)/SUM(INDEX($D$3:$AA$30,INDEX(Jesper!$R$2:$R$366,ROW(INDEX(Jesper!AI$2:AI$366,ROUNDDOWN($C3261/24,0)+1,1))-1)+IF('Standard Profiles'!$G$19=$B$10,7,0)+IF('Standard Profiles'!$G$19=$B$17,14,0)+IF('Standard Profiles'!$G$19=$B$24,21,0),0)),0)</f>
        <v>0</v>
      </c>
      <c r="F3261" cm="1">
        <f t="array" ref="F3261">IFERROR(INDEX(Jesper!AJ$2:AJ$366,ROUNDDOWN($C3261/24,0)+1,1)*INDEX($D$3:$AA$30,INDEX(Jesper!$R$2:$R$366,ROW(INDEX(Jesper!AJ$2:AJ$366,ROUNDDOWN($C3261/24,0)+1,1))-1)+IF('Standard Profiles'!$G$20=$B$10,7,0)+IF('Standard Profiles'!$G$20=$B$17,14,0)+IF('Standard Profiles'!$G$20=$B$24,21,0),MOD($C3261,24)+1)/SUM(INDEX($D$3:$AA$30,INDEX(Jesper!$R$2:$R$366,ROW(INDEX(Jesper!AJ$2:AJ$366,ROUNDDOWN($C3261/24,0)+1,1))-1)+IF('Standard Profiles'!$G$20=$B$10,7,0)+IF('Standard Profiles'!$G$20=$B$17,14,0)+IF('Standard Profiles'!$G$20=$B$24,21,0),0)),0)</f>
        <v>0</v>
      </c>
      <c r="G3261" cm="1">
        <f t="array" ref="G3261">IFERROR(INDEX(Jesper!AK$2:AK$366,ROUNDDOWN($C3261/24,0)+1,1)*INDEX($D$3:$AA$30,INDEX(Jesper!$R$2:$R$366,ROW(INDEX(Jesper!AK$2:AK$366,ROUNDDOWN($C3261/24,0)+1,1))-1)+IF('Standard Profiles'!$G$21=$B$10,7,0)+IF('Standard Profiles'!$G$21=$B$17,14,0)+IF('Standard Profiles'!$G$21=$B$24,21,0),MOD($C3261,24)+1)/SUM(INDEX($D$3:$AA$30,INDEX(Jesper!$R$2:$R$366,ROW(INDEX(Jesper!AK$2:AK$366,ROUNDDOWN($C3261/24,0)+1,1))-1)+IF('Standard Profiles'!$G$21=$B$10,7,0)+IF('Standard Profiles'!$G$21=$B$17,14,0)+IF('Standard Profiles'!$G$21=$B$24,21,0),0)),0)</f>
        <v>0</v>
      </c>
      <c r="H3261" cm="1">
        <f t="array" ref="H3261">IFERROR(INDEX(Jesper!AL$2:AL$366,ROUNDDOWN($C3261/24,0)+1,1)*INDEX($D$3:$AA$30,INDEX(Jesper!$R$2:$R$366,ROW(INDEX(Jesper!AL$2:AL$366,ROUNDDOWN($C3261/24,0)+1,1))-1)+IF('Standard Profiles'!$G$22=$B$10,7,0)+IF('Standard Profiles'!$G$22=$B$17,14,0)+IF('Standard Profiles'!$G$22=$B$24,21,0),MOD($C3261,24)+1)/SUM(INDEX($D$3:$AA$30,INDEX(Jesper!$R$2:$R$366,ROW(INDEX(Jesper!AL$2:AL$366,ROUNDDOWN($C3261/24,0)+1,1))-1)+IF('Standard Profiles'!$G$22=$B$10,7,0)+IF('Standard Profiles'!$G$22=$B$17,14,0)+IF('Standard Profiles'!$G$22=$B$24,21,0),0)),0)</f>
        <v>0</v>
      </c>
      <c r="I3261">
        <f t="shared" si="370"/>
        <v>0.42382194408469476</v>
      </c>
      <c r="J3261">
        <f t="shared" si="371"/>
        <v>1.4127398136156493</v>
      </c>
      <c r="K3261">
        <f t="shared" si="372"/>
        <v>2.1191097204234737</v>
      </c>
      <c r="L3261">
        <f t="shared" si="373"/>
        <v>10.171726658032673</v>
      </c>
      <c r="M3261">
        <f t="shared" si="374"/>
        <v>0</v>
      </c>
      <c r="N3261" s="46">
        <f t="shared" si="375"/>
        <v>45426.458333325507</v>
      </c>
    </row>
    <row r="3262" spans="2:14" x14ac:dyDescent="0.3">
      <c r="B3262">
        <f t="shared" si="369"/>
        <v>2</v>
      </c>
      <c r="C3262" s="16">
        <v>3228</v>
      </c>
      <c r="D3262" cm="1">
        <f t="array" ref="D3262">IFERROR(INDEX(Jesper!AH$2:AH$366,ROUNDDOWN($C3262/24,0)+1,1)*INDEX($D$3:$AA$30,INDEX(Jesper!$R$2:$R$366,ROW(INDEX(Jesper!AH$2:AH$366,ROUNDDOWN($C3262/24,0)+1,1))-1)+IF('Standard Profiles'!$G$18=$B$10,7,0)+IF('Standard Profiles'!$G$18=$B$17,14,0)+IF('Standard Profiles'!$G$18=$B$24,21,0),MOD($C3262,24)+1)/SUM(INDEX($D$3:$AA$30,INDEX(Jesper!$R$2:$R$366,ROW(INDEX(Jesper!AH$2:AH$366,ROUNDDOWN($C3262/24,0)+1,1))-1)+IF('Standard Profiles'!$G$18=$B$10,7,0)+IF('Standard Profiles'!$G$18=$B$17,14,0)+IF('Standard Profiles'!$G$18=$B$24,21,0),0)),0)</f>
        <v>14.127398136156492</v>
      </c>
      <c r="E3262" cm="1">
        <f t="array" ref="E3262">IFERROR(INDEX(Jesper!AI$2:AI$366,ROUNDDOWN($C3262/24,0)+1,1)*INDEX($D$3:$AA$30,INDEX(Jesper!$R$2:$R$366,ROW(INDEX(Jesper!AI$2:AI$366,ROUNDDOWN($C3262/24,0)+1,1))-1)+IF('Standard Profiles'!$G$19=$B$10,7,0)+IF('Standard Profiles'!$G$19=$B$17,14,0)+IF('Standard Profiles'!$G$19=$B$24,21,0),MOD($C3262,24)+1)/SUM(INDEX($D$3:$AA$30,INDEX(Jesper!$R$2:$R$366,ROW(INDEX(Jesper!AI$2:AI$366,ROUNDDOWN($C3262/24,0)+1,1))-1)+IF('Standard Profiles'!$G$19=$B$10,7,0)+IF('Standard Profiles'!$G$19=$B$17,14,0)+IF('Standard Profiles'!$G$19=$B$24,21,0),0)),0)</f>
        <v>0</v>
      </c>
      <c r="F3262" cm="1">
        <f t="array" ref="F3262">IFERROR(INDEX(Jesper!AJ$2:AJ$366,ROUNDDOWN($C3262/24,0)+1,1)*INDEX($D$3:$AA$30,INDEX(Jesper!$R$2:$R$366,ROW(INDEX(Jesper!AJ$2:AJ$366,ROUNDDOWN($C3262/24,0)+1,1))-1)+IF('Standard Profiles'!$G$20=$B$10,7,0)+IF('Standard Profiles'!$G$20=$B$17,14,0)+IF('Standard Profiles'!$G$20=$B$24,21,0),MOD($C3262,24)+1)/SUM(INDEX($D$3:$AA$30,INDEX(Jesper!$R$2:$R$366,ROW(INDEX(Jesper!AJ$2:AJ$366,ROUNDDOWN($C3262/24,0)+1,1))-1)+IF('Standard Profiles'!$G$20=$B$10,7,0)+IF('Standard Profiles'!$G$20=$B$17,14,0)+IF('Standard Profiles'!$G$20=$B$24,21,0),0)),0)</f>
        <v>0</v>
      </c>
      <c r="G3262" cm="1">
        <f t="array" ref="G3262">IFERROR(INDEX(Jesper!AK$2:AK$366,ROUNDDOWN($C3262/24,0)+1,1)*INDEX($D$3:$AA$30,INDEX(Jesper!$R$2:$R$366,ROW(INDEX(Jesper!AK$2:AK$366,ROUNDDOWN($C3262/24,0)+1,1))-1)+IF('Standard Profiles'!$G$21=$B$10,7,0)+IF('Standard Profiles'!$G$21=$B$17,14,0)+IF('Standard Profiles'!$G$21=$B$24,21,0),MOD($C3262,24)+1)/SUM(INDEX($D$3:$AA$30,INDEX(Jesper!$R$2:$R$366,ROW(INDEX(Jesper!AK$2:AK$366,ROUNDDOWN($C3262/24,0)+1,1))-1)+IF('Standard Profiles'!$G$21=$B$10,7,0)+IF('Standard Profiles'!$G$21=$B$17,14,0)+IF('Standard Profiles'!$G$21=$B$24,21,0),0)),0)</f>
        <v>0</v>
      </c>
      <c r="H3262" cm="1">
        <f t="array" ref="H3262">IFERROR(INDEX(Jesper!AL$2:AL$366,ROUNDDOWN($C3262/24,0)+1,1)*INDEX($D$3:$AA$30,INDEX(Jesper!$R$2:$R$366,ROW(INDEX(Jesper!AL$2:AL$366,ROUNDDOWN($C3262/24,0)+1,1))-1)+IF('Standard Profiles'!$G$22=$B$10,7,0)+IF('Standard Profiles'!$G$22=$B$17,14,0)+IF('Standard Profiles'!$G$22=$B$24,21,0),MOD($C3262,24)+1)/SUM(INDEX($D$3:$AA$30,INDEX(Jesper!$R$2:$R$366,ROW(INDEX(Jesper!AL$2:AL$366,ROUNDDOWN($C3262/24,0)+1,1))-1)+IF('Standard Profiles'!$G$22=$B$10,7,0)+IF('Standard Profiles'!$G$22=$B$17,14,0)+IF('Standard Profiles'!$G$22=$B$24,21,0),0)),0)</f>
        <v>0</v>
      </c>
      <c r="I3262">
        <f t="shared" si="370"/>
        <v>0.42382194408469476</v>
      </c>
      <c r="J3262">
        <f t="shared" si="371"/>
        <v>1.4127398136156493</v>
      </c>
      <c r="K3262">
        <f t="shared" si="372"/>
        <v>2.1191097204234737</v>
      </c>
      <c r="L3262">
        <f t="shared" si="373"/>
        <v>10.171726658032673</v>
      </c>
      <c r="M3262">
        <f t="shared" si="374"/>
        <v>0</v>
      </c>
      <c r="N3262" s="46">
        <f t="shared" si="375"/>
        <v>45426.499999992171</v>
      </c>
    </row>
    <row r="3263" spans="2:14" x14ac:dyDescent="0.3">
      <c r="B3263">
        <f t="shared" si="369"/>
        <v>2</v>
      </c>
      <c r="C3263" s="16">
        <v>3229</v>
      </c>
      <c r="D3263" cm="1">
        <f t="array" ref="D3263">IFERROR(INDEX(Jesper!AH$2:AH$366,ROUNDDOWN($C3263/24,0)+1,1)*INDEX($D$3:$AA$30,INDEX(Jesper!$R$2:$R$366,ROW(INDEX(Jesper!AH$2:AH$366,ROUNDDOWN($C3263/24,0)+1,1))-1)+IF('Standard Profiles'!$G$18=$B$10,7,0)+IF('Standard Profiles'!$G$18=$B$17,14,0)+IF('Standard Profiles'!$G$18=$B$24,21,0),MOD($C3263,24)+1)/SUM(INDEX($D$3:$AA$30,INDEX(Jesper!$R$2:$R$366,ROW(INDEX(Jesper!AH$2:AH$366,ROUNDDOWN($C3263/24,0)+1,1))-1)+IF('Standard Profiles'!$G$18=$B$10,7,0)+IF('Standard Profiles'!$G$18=$B$17,14,0)+IF('Standard Profiles'!$G$18=$B$24,21,0),0)),0)</f>
        <v>14.127398136156492</v>
      </c>
      <c r="E3263" cm="1">
        <f t="array" ref="E3263">IFERROR(INDEX(Jesper!AI$2:AI$366,ROUNDDOWN($C3263/24,0)+1,1)*INDEX($D$3:$AA$30,INDEX(Jesper!$R$2:$R$366,ROW(INDEX(Jesper!AI$2:AI$366,ROUNDDOWN($C3263/24,0)+1,1))-1)+IF('Standard Profiles'!$G$19=$B$10,7,0)+IF('Standard Profiles'!$G$19=$B$17,14,0)+IF('Standard Profiles'!$G$19=$B$24,21,0),MOD($C3263,24)+1)/SUM(INDEX($D$3:$AA$30,INDEX(Jesper!$R$2:$R$366,ROW(INDEX(Jesper!AI$2:AI$366,ROUNDDOWN($C3263/24,0)+1,1))-1)+IF('Standard Profiles'!$G$19=$B$10,7,0)+IF('Standard Profiles'!$G$19=$B$17,14,0)+IF('Standard Profiles'!$G$19=$B$24,21,0),0)),0)</f>
        <v>0</v>
      </c>
      <c r="F3263" cm="1">
        <f t="array" ref="F3263">IFERROR(INDEX(Jesper!AJ$2:AJ$366,ROUNDDOWN($C3263/24,0)+1,1)*INDEX($D$3:$AA$30,INDEX(Jesper!$R$2:$R$366,ROW(INDEX(Jesper!AJ$2:AJ$366,ROUNDDOWN($C3263/24,0)+1,1))-1)+IF('Standard Profiles'!$G$20=$B$10,7,0)+IF('Standard Profiles'!$G$20=$B$17,14,0)+IF('Standard Profiles'!$G$20=$B$24,21,0),MOD($C3263,24)+1)/SUM(INDEX($D$3:$AA$30,INDEX(Jesper!$R$2:$R$366,ROW(INDEX(Jesper!AJ$2:AJ$366,ROUNDDOWN($C3263/24,0)+1,1))-1)+IF('Standard Profiles'!$G$20=$B$10,7,0)+IF('Standard Profiles'!$G$20=$B$17,14,0)+IF('Standard Profiles'!$G$20=$B$24,21,0),0)),0)</f>
        <v>0</v>
      </c>
      <c r="G3263" cm="1">
        <f t="array" ref="G3263">IFERROR(INDEX(Jesper!AK$2:AK$366,ROUNDDOWN($C3263/24,0)+1,1)*INDEX($D$3:$AA$30,INDEX(Jesper!$R$2:$R$366,ROW(INDEX(Jesper!AK$2:AK$366,ROUNDDOWN($C3263/24,0)+1,1))-1)+IF('Standard Profiles'!$G$21=$B$10,7,0)+IF('Standard Profiles'!$G$21=$B$17,14,0)+IF('Standard Profiles'!$G$21=$B$24,21,0),MOD($C3263,24)+1)/SUM(INDEX($D$3:$AA$30,INDEX(Jesper!$R$2:$R$366,ROW(INDEX(Jesper!AK$2:AK$366,ROUNDDOWN($C3263/24,0)+1,1))-1)+IF('Standard Profiles'!$G$21=$B$10,7,0)+IF('Standard Profiles'!$G$21=$B$17,14,0)+IF('Standard Profiles'!$G$21=$B$24,21,0),0)),0)</f>
        <v>0</v>
      </c>
      <c r="H3263" cm="1">
        <f t="array" ref="H3263">IFERROR(INDEX(Jesper!AL$2:AL$366,ROUNDDOWN($C3263/24,0)+1,1)*INDEX($D$3:$AA$30,INDEX(Jesper!$R$2:$R$366,ROW(INDEX(Jesper!AL$2:AL$366,ROUNDDOWN($C3263/24,0)+1,1))-1)+IF('Standard Profiles'!$G$22=$B$10,7,0)+IF('Standard Profiles'!$G$22=$B$17,14,0)+IF('Standard Profiles'!$G$22=$B$24,21,0),MOD($C3263,24)+1)/SUM(INDEX($D$3:$AA$30,INDEX(Jesper!$R$2:$R$366,ROW(INDEX(Jesper!AL$2:AL$366,ROUNDDOWN($C3263/24,0)+1,1))-1)+IF('Standard Profiles'!$G$22=$B$10,7,0)+IF('Standard Profiles'!$G$22=$B$17,14,0)+IF('Standard Profiles'!$G$22=$B$24,21,0),0)),0)</f>
        <v>0</v>
      </c>
      <c r="I3263">
        <f t="shared" si="370"/>
        <v>0.42382194408469476</v>
      </c>
      <c r="J3263">
        <f t="shared" si="371"/>
        <v>1.4127398136156493</v>
      </c>
      <c r="K3263">
        <f t="shared" si="372"/>
        <v>2.1191097204234737</v>
      </c>
      <c r="L3263">
        <f t="shared" si="373"/>
        <v>10.171726658032673</v>
      </c>
      <c r="M3263">
        <f t="shared" si="374"/>
        <v>0</v>
      </c>
      <c r="N3263" s="46">
        <f t="shared" si="375"/>
        <v>45426.541666658835</v>
      </c>
    </row>
    <row r="3264" spans="2:14" x14ac:dyDescent="0.3">
      <c r="B3264">
        <f t="shared" si="369"/>
        <v>2</v>
      </c>
      <c r="C3264" s="16">
        <v>3230</v>
      </c>
      <c r="D3264" cm="1">
        <f t="array" ref="D3264">IFERROR(INDEX(Jesper!AH$2:AH$366,ROUNDDOWN($C3264/24,0)+1,1)*INDEX($D$3:$AA$30,INDEX(Jesper!$R$2:$R$366,ROW(INDEX(Jesper!AH$2:AH$366,ROUNDDOWN($C3264/24,0)+1,1))-1)+IF('Standard Profiles'!$G$18=$B$10,7,0)+IF('Standard Profiles'!$G$18=$B$17,14,0)+IF('Standard Profiles'!$G$18=$B$24,21,0),MOD($C3264,24)+1)/SUM(INDEX($D$3:$AA$30,INDEX(Jesper!$R$2:$R$366,ROW(INDEX(Jesper!AH$2:AH$366,ROUNDDOWN($C3264/24,0)+1,1))-1)+IF('Standard Profiles'!$G$18=$B$10,7,0)+IF('Standard Profiles'!$G$18=$B$17,14,0)+IF('Standard Profiles'!$G$18=$B$24,21,0),0)),0)</f>
        <v>14.127398136156492</v>
      </c>
      <c r="E3264" cm="1">
        <f t="array" ref="E3264">IFERROR(INDEX(Jesper!AI$2:AI$366,ROUNDDOWN($C3264/24,0)+1,1)*INDEX($D$3:$AA$30,INDEX(Jesper!$R$2:$R$366,ROW(INDEX(Jesper!AI$2:AI$366,ROUNDDOWN($C3264/24,0)+1,1))-1)+IF('Standard Profiles'!$G$19=$B$10,7,0)+IF('Standard Profiles'!$G$19=$B$17,14,0)+IF('Standard Profiles'!$G$19=$B$24,21,0),MOD($C3264,24)+1)/SUM(INDEX($D$3:$AA$30,INDEX(Jesper!$R$2:$R$366,ROW(INDEX(Jesper!AI$2:AI$366,ROUNDDOWN($C3264/24,0)+1,1))-1)+IF('Standard Profiles'!$G$19=$B$10,7,0)+IF('Standard Profiles'!$G$19=$B$17,14,0)+IF('Standard Profiles'!$G$19=$B$24,21,0),0)),0)</f>
        <v>0</v>
      </c>
      <c r="F3264" cm="1">
        <f t="array" ref="F3264">IFERROR(INDEX(Jesper!AJ$2:AJ$366,ROUNDDOWN($C3264/24,0)+1,1)*INDEX($D$3:$AA$30,INDEX(Jesper!$R$2:$R$366,ROW(INDEX(Jesper!AJ$2:AJ$366,ROUNDDOWN($C3264/24,0)+1,1))-1)+IF('Standard Profiles'!$G$20=$B$10,7,0)+IF('Standard Profiles'!$G$20=$B$17,14,0)+IF('Standard Profiles'!$G$20=$B$24,21,0),MOD($C3264,24)+1)/SUM(INDEX($D$3:$AA$30,INDEX(Jesper!$R$2:$R$366,ROW(INDEX(Jesper!AJ$2:AJ$366,ROUNDDOWN($C3264/24,0)+1,1))-1)+IF('Standard Profiles'!$G$20=$B$10,7,0)+IF('Standard Profiles'!$G$20=$B$17,14,0)+IF('Standard Profiles'!$G$20=$B$24,21,0),0)),0)</f>
        <v>0</v>
      </c>
      <c r="G3264" cm="1">
        <f t="array" ref="G3264">IFERROR(INDEX(Jesper!AK$2:AK$366,ROUNDDOWN($C3264/24,0)+1,1)*INDEX($D$3:$AA$30,INDEX(Jesper!$R$2:$R$366,ROW(INDEX(Jesper!AK$2:AK$366,ROUNDDOWN($C3264/24,0)+1,1))-1)+IF('Standard Profiles'!$G$21=$B$10,7,0)+IF('Standard Profiles'!$G$21=$B$17,14,0)+IF('Standard Profiles'!$G$21=$B$24,21,0),MOD($C3264,24)+1)/SUM(INDEX($D$3:$AA$30,INDEX(Jesper!$R$2:$R$366,ROW(INDEX(Jesper!AK$2:AK$366,ROUNDDOWN($C3264/24,0)+1,1))-1)+IF('Standard Profiles'!$G$21=$B$10,7,0)+IF('Standard Profiles'!$G$21=$B$17,14,0)+IF('Standard Profiles'!$G$21=$B$24,21,0),0)),0)</f>
        <v>0</v>
      </c>
      <c r="H3264" cm="1">
        <f t="array" ref="H3264">IFERROR(INDEX(Jesper!AL$2:AL$366,ROUNDDOWN($C3264/24,0)+1,1)*INDEX($D$3:$AA$30,INDEX(Jesper!$R$2:$R$366,ROW(INDEX(Jesper!AL$2:AL$366,ROUNDDOWN($C3264/24,0)+1,1))-1)+IF('Standard Profiles'!$G$22=$B$10,7,0)+IF('Standard Profiles'!$G$22=$B$17,14,0)+IF('Standard Profiles'!$G$22=$B$24,21,0),MOD($C3264,24)+1)/SUM(INDEX($D$3:$AA$30,INDEX(Jesper!$R$2:$R$366,ROW(INDEX(Jesper!AL$2:AL$366,ROUNDDOWN($C3264/24,0)+1,1))-1)+IF('Standard Profiles'!$G$22=$B$10,7,0)+IF('Standard Profiles'!$G$22=$B$17,14,0)+IF('Standard Profiles'!$G$22=$B$24,21,0),0)),0)</f>
        <v>0</v>
      </c>
      <c r="I3264">
        <f t="shared" si="370"/>
        <v>0.42382194408469476</v>
      </c>
      <c r="J3264">
        <f t="shared" si="371"/>
        <v>1.4127398136156493</v>
      </c>
      <c r="K3264">
        <f t="shared" si="372"/>
        <v>2.1191097204234737</v>
      </c>
      <c r="L3264">
        <f t="shared" si="373"/>
        <v>10.171726658032673</v>
      </c>
      <c r="M3264">
        <f t="shared" si="374"/>
        <v>0</v>
      </c>
      <c r="N3264" s="46">
        <f t="shared" si="375"/>
        <v>45426.5833333255</v>
      </c>
    </row>
    <row r="3265" spans="2:14" x14ac:dyDescent="0.3">
      <c r="B3265">
        <f t="shared" si="369"/>
        <v>2</v>
      </c>
      <c r="C3265" s="16">
        <v>3231</v>
      </c>
      <c r="D3265" cm="1">
        <f t="array" ref="D3265">IFERROR(INDEX(Jesper!AH$2:AH$366,ROUNDDOWN($C3265/24,0)+1,1)*INDEX($D$3:$AA$30,INDEX(Jesper!$R$2:$R$366,ROW(INDEX(Jesper!AH$2:AH$366,ROUNDDOWN($C3265/24,0)+1,1))-1)+IF('Standard Profiles'!$G$18=$B$10,7,0)+IF('Standard Profiles'!$G$18=$B$17,14,0)+IF('Standard Profiles'!$G$18=$B$24,21,0),MOD($C3265,24)+1)/SUM(INDEX($D$3:$AA$30,INDEX(Jesper!$R$2:$R$366,ROW(INDEX(Jesper!AH$2:AH$366,ROUNDDOWN($C3265/24,0)+1,1))-1)+IF('Standard Profiles'!$G$18=$B$10,7,0)+IF('Standard Profiles'!$G$18=$B$17,14,0)+IF('Standard Profiles'!$G$18=$B$24,21,0),0)),0)</f>
        <v>14.127398136156492</v>
      </c>
      <c r="E3265" cm="1">
        <f t="array" ref="E3265">IFERROR(INDEX(Jesper!AI$2:AI$366,ROUNDDOWN($C3265/24,0)+1,1)*INDEX($D$3:$AA$30,INDEX(Jesper!$R$2:$R$366,ROW(INDEX(Jesper!AI$2:AI$366,ROUNDDOWN($C3265/24,0)+1,1))-1)+IF('Standard Profiles'!$G$19=$B$10,7,0)+IF('Standard Profiles'!$G$19=$B$17,14,0)+IF('Standard Profiles'!$G$19=$B$24,21,0),MOD($C3265,24)+1)/SUM(INDEX($D$3:$AA$30,INDEX(Jesper!$R$2:$R$366,ROW(INDEX(Jesper!AI$2:AI$366,ROUNDDOWN($C3265/24,0)+1,1))-1)+IF('Standard Profiles'!$G$19=$B$10,7,0)+IF('Standard Profiles'!$G$19=$B$17,14,0)+IF('Standard Profiles'!$G$19=$B$24,21,0),0)),0)</f>
        <v>0</v>
      </c>
      <c r="F3265" cm="1">
        <f t="array" ref="F3265">IFERROR(INDEX(Jesper!AJ$2:AJ$366,ROUNDDOWN($C3265/24,0)+1,1)*INDEX($D$3:$AA$30,INDEX(Jesper!$R$2:$R$366,ROW(INDEX(Jesper!AJ$2:AJ$366,ROUNDDOWN($C3265/24,0)+1,1))-1)+IF('Standard Profiles'!$G$20=$B$10,7,0)+IF('Standard Profiles'!$G$20=$B$17,14,0)+IF('Standard Profiles'!$G$20=$B$24,21,0),MOD($C3265,24)+1)/SUM(INDEX($D$3:$AA$30,INDEX(Jesper!$R$2:$R$366,ROW(INDEX(Jesper!AJ$2:AJ$366,ROUNDDOWN($C3265/24,0)+1,1))-1)+IF('Standard Profiles'!$G$20=$B$10,7,0)+IF('Standard Profiles'!$G$20=$B$17,14,0)+IF('Standard Profiles'!$G$20=$B$24,21,0),0)),0)</f>
        <v>0</v>
      </c>
      <c r="G3265" cm="1">
        <f t="array" ref="G3265">IFERROR(INDEX(Jesper!AK$2:AK$366,ROUNDDOWN($C3265/24,0)+1,1)*INDEX($D$3:$AA$30,INDEX(Jesper!$R$2:$R$366,ROW(INDEX(Jesper!AK$2:AK$366,ROUNDDOWN($C3265/24,0)+1,1))-1)+IF('Standard Profiles'!$G$21=$B$10,7,0)+IF('Standard Profiles'!$G$21=$B$17,14,0)+IF('Standard Profiles'!$G$21=$B$24,21,0),MOD($C3265,24)+1)/SUM(INDEX($D$3:$AA$30,INDEX(Jesper!$R$2:$R$366,ROW(INDEX(Jesper!AK$2:AK$366,ROUNDDOWN($C3265/24,0)+1,1))-1)+IF('Standard Profiles'!$G$21=$B$10,7,0)+IF('Standard Profiles'!$G$21=$B$17,14,0)+IF('Standard Profiles'!$G$21=$B$24,21,0),0)),0)</f>
        <v>0</v>
      </c>
      <c r="H3265" cm="1">
        <f t="array" ref="H3265">IFERROR(INDEX(Jesper!AL$2:AL$366,ROUNDDOWN($C3265/24,0)+1,1)*INDEX($D$3:$AA$30,INDEX(Jesper!$R$2:$R$366,ROW(INDEX(Jesper!AL$2:AL$366,ROUNDDOWN($C3265/24,0)+1,1))-1)+IF('Standard Profiles'!$G$22=$B$10,7,0)+IF('Standard Profiles'!$G$22=$B$17,14,0)+IF('Standard Profiles'!$G$22=$B$24,21,0),MOD($C3265,24)+1)/SUM(INDEX($D$3:$AA$30,INDEX(Jesper!$R$2:$R$366,ROW(INDEX(Jesper!AL$2:AL$366,ROUNDDOWN($C3265/24,0)+1,1))-1)+IF('Standard Profiles'!$G$22=$B$10,7,0)+IF('Standard Profiles'!$G$22=$B$17,14,0)+IF('Standard Profiles'!$G$22=$B$24,21,0),0)),0)</f>
        <v>0</v>
      </c>
      <c r="I3265">
        <f t="shared" si="370"/>
        <v>0.42382194408469476</v>
      </c>
      <c r="J3265">
        <f t="shared" si="371"/>
        <v>1.4127398136156493</v>
      </c>
      <c r="K3265">
        <f t="shared" si="372"/>
        <v>2.1191097204234737</v>
      </c>
      <c r="L3265">
        <f t="shared" si="373"/>
        <v>10.171726658032673</v>
      </c>
      <c r="M3265">
        <f t="shared" si="374"/>
        <v>0</v>
      </c>
      <c r="N3265" s="46">
        <f t="shared" si="375"/>
        <v>45426.624999992164</v>
      </c>
    </row>
    <row r="3266" spans="2:14" x14ac:dyDescent="0.3">
      <c r="B3266">
        <f t="shared" si="369"/>
        <v>2</v>
      </c>
      <c r="C3266" s="16">
        <v>3232</v>
      </c>
      <c r="D3266" cm="1">
        <f t="array" ref="D3266">IFERROR(INDEX(Jesper!AH$2:AH$366,ROUNDDOWN($C3266/24,0)+1,1)*INDEX($D$3:$AA$30,INDEX(Jesper!$R$2:$R$366,ROW(INDEX(Jesper!AH$2:AH$366,ROUNDDOWN($C3266/24,0)+1,1))-1)+IF('Standard Profiles'!$G$18=$B$10,7,0)+IF('Standard Profiles'!$G$18=$B$17,14,0)+IF('Standard Profiles'!$G$18=$B$24,21,0),MOD($C3266,24)+1)/SUM(INDEX($D$3:$AA$30,INDEX(Jesper!$R$2:$R$366,ROW(INDEX(Jesper!AH$2:AH$366,ROUNDDOWN($C3266/24,0)+1,1))-1)+IF('Standard Profiles'!$G$18=$B$10,7,0)+IF('Standard Profiles'!$G$18=$B$17,14,0)+IF('Standard Profiles'!$G$18=$B$24,21,0),0)),0)</f>
        <v>14.127398136156492</v>
      </c>
      <c r="E3266" cm="1">
        <f t="array" ref="E3266">IFERROR(INDEX(Jesper!AI$2:AI$366,ROUNDDOWN($C3266/24,0)+1,1)*INDEX($D$3:$AA$30,INDEX(Jesper!$R$2:$R$366,ROW(INDEX(Jesper!AI$2:AI$366,ROUNDDOWN($C3266/24,0)+1,1))-1)+IF('Standard Profiles'!$G$19=$B$10,7,0)+IF('Standard Profiles'!$G$19=$B$17,14,0)+IF('Standard Profiles'!$G$19=$B$24,21,0),MOD($C3266,24)+1)/SUM(INDEX($D$3:$AA$30,INDEX(Jesper!$R$2:$R$366,ROW(INDEX(Jesper!AI$2:AI$366,ROUNDDOWN($C3266/24,0)+1,1))-1)+IF('Standard Profiles'!$G$19=$B$10,7,0)+IF('Standard Profiles'!$G$19=$B$17,14,0)+IF('Standard Profiles'!$G$19=$B$24,21,0),0)),0)</f>
        <v>0</v>
      </c>
      <c r="F3266" cm="1">
        <f t="array" ref="F3266">IFERROR(INDEX(Jesper!AJ$2:AJ$366,ROUNDDOWN($C3266/24,0)+1,1)*INDEX($D$3:$AA$30,INDEX(Jesper!$R$2:$R$366,ROW(INDEX(Jesper!AJ$2:AJ$366,ROUNDDOWN($C3266/24,0)+1,1))-1)+IF('Standard Profiles'!$G$20=$B$10,7,0)+IF('Standard Profiles'!$G$20=$B$17,14,0)+IF('Standard Profiles'!$G$20=$B$24,21,0),MOD($C3266,24)+1)/SUM(INDEX($D$3:$AA$30,INDEX(Jesper!$R$2:$R$366,ROW(INDEX(Jesper!AJ$2:AJ$366,ROUNDDOWN($C3266/24,0)+1,1))-1)+IF('Standard Profiles'!$G$20=$B$10,7,0)+IF('Standard Profiles'!$G$20=$B$17,14,0)+IF('Standard Profiles'!$G$20=$B$24,21,0),0)),0)</f>
        <v>0</v>
      </c>
      <c r="G3266" cm="1">
        <f t="array" ref="G3266">IFERROR(INDEX(Jesper!AK$2:AK$366,ROUNDDOWN($C3266/24,0)+1,1)*INDEX($D$3:$AA$30,INDEX(Jesper!$R$2:$R$366,ROW(INDEX(Jesper!AK$2:AK$366,ROUNDDOWN($C3266/24,0)+1,1))-1)+IF('Standard Profiles'!$G$21=$B$10,7,0)+IF('Standard Profiles'!$G$21=$B$17,14,0)+IF('Standard Profiles'!$G$21=$B$24,21,0),MOD($C3266,24)+1)/SUM(INDEX($D$3:$AA$30,INDEX(Jesper!$R$2:$R$366,ROW(INDEX(Jesper!AK$2:AK$366,ROUNDDOWN($C3266/24,0)+1,1))-1)+IF('Standard Profiles'!$G$21=$B$10,7,0)+IF('Standard Profiles'!$G$21=$B$17,14,0)+IF('Standard Profiles'!$G$21=$B$24,21,0),0)),0)</f>
        <v>0</v>
      </c>
      <c r="H3266" cm="1">
        <f t="array" ref="H3266">IFERROR(INDEX(Jesper!AL$2:AL$366,ROUNDDOWN($C3266/24,0)+1,1)*INDEX($D$3:$AA$30,INDEX(Jesper!$R$2:$R$366,ROW(INDEX(Jesper!AL$2:AL$366,ROUNDDOWN($C3266/24,0)+1,1))-1)+IF('Standard Profiles'!$G$22=$B$10,7,0)+IF('Standard Profiles'!$G$22=$B$17,14,0)+IF('Standard Profiles'!$G$22=$B$24,21,0),MOD($C3266,24)+1)/SUM(INDEX($D$3:$AA$30,INDEX(Jesper!$R$2:$R$366,ROW(INDEX(Jesper!AL$2:AL$366,ROUNDDOWN($C3266/24,0)+1,1))-1)+IF('Standard Profiles'!$G$22=$B$10,7,0)+IF('Standard Profiles'!$G$22=$B$17,14,0)+IF('Standard Profiles'!$G$22=$B$24,21,0),0)),0)</f>
        <v>0</v>
      </c>
      <c r="I3266">
        <f t="shared" si="370"/>
        <v>0.42382194408469476</v>
      </c>
      <c r="J3266">
        <f t="shared" si="371"/>
        <v>1.4127398136156493</v>
      </c>
      <c r="K3266">
        <f t="shared" si="372"/>
        <v>2.1191097204234737</v>
      </c>
      <c r="L3266">
        <f t="shared" si="373"/>
        <v>10.171726658032673</v>
      </c>
      <c r="M3266">
        <f t="shared" si="374"/>
        <v>0</v>
      </c>
      <c r="N3266" s="46">
        <f t="shared" si="375"/>
        <v>45426.666666658828</v>
      </c>
    </row>
    <row r="3267" spans="2:14" x14ac:dyDescent="0.3">
      <c r="B3267">
        <f t="shared" si="369"/>
        <v>2</v>
      </c>
      <c r="C3267" s="16">
        <v>3233</v>
      </c>
      <c r="D3267" cm="1">
        <f t="array" ref="D3267">IFERROR(INDEX(Jesper!AH$2:AH$366,ROUNDDOWN($C3267/24,0)+1,1)*INDEX($D$3:$AA$30,INDEX(Jesper!$R$2:$R$366,ROW(INDEX(Jesper!AH$2:AH$366,ROUNDDOWN($C3267/24,0)+1,1))-1)+IF('Standard Profiles'!$G$18=$B$10,7,0)+IF('Standard Profiles'!$G$18=$B$17,14,0)+IF('Standard Profiles'!$G$18=$B$24,21,0),MOD($C3267,24)+1)/SUM(INDEX($D$3:$AA$30,INDEX(Jesper!$R$2:$R$366,ROW(INDEX(Jesper!AH$2:AH$366,ROUNDDOWN($C3267/24,0)+1,1))-1)+IF('Standard Profiles'!$G$18=$B$10,7,0)+IF('Standard Profiles'!$G$18=$B$17,14,0)+IF('Standard Profiles'!$G$18=$B$24,21,0),0)),0)</f>
        <v>14.127398136156492</v>
      </c>
      <c r="E3267" cm="1">
        <f t="array" ref="E3267">IFERROR(INDEX(Jesper!AI$2:AI$366,ROUNDDOWN($C3267/24,0)+1,1)*INDEX($D$3:$AA$30,INDEX(Jesper!$R$2:$R$366,ROW(INDEX(Jesper!AI$2:AI$366,ROUNDDOWN($C3267/24,0)+1,1))-1)+IF('Standard Profiles'!$G$19=$B$10,7,0)+IF('Standard Profiles'!$G$19=$B$17,14,0)+IF('Standard Profiles'!$G$19=$B$24,21,0),MOD($C3267,24)+1)/SUM(INDEX($D$3:$AA$30,INDEX(Jesper!$R$2:$R$366,ROW(INDEX(Jesper!AI$2:AI$366,ROUNDDOWN($C3267/24,0)+1,1))-1)+IF('Standard Profiles'!$G$19=$B$10,7,0)+IF('Standard Profiles'!$G$19=$B$17,14,0)+IF('Standard Profiles'!$G$19=$B$24,21,0),0)),0)</f>
        <v>0</v>
      </c>
      <c r="F3267" cm="1">
        <f t="array" ref="F3267">IFERROR(INDEX(Jesper!AJ$2:AJ$366,ROUNDDOWN($C3267/24,0)+1,1)*INDEX($D$3:$AA$30,INDEX(Jesper!$R$2:$R$366,ROW(INDEX(Jesper!AJ$2:AJ$366,ROUNDDOWN($C3267/24,0)+1,1))-1)+IF('Standard Profiles'!$G$20=$B$10,7,0)+IF('Standard Profiles'!$G$20=$B$17,14,0)+IF('Standard Profiles'!$G$20=$B$24,21,0),MOD($C3267,24)+1)/SUM(INDEX($D$3:$AA$30,INDEX(Jesper!$R$2:$R$366,ROW(INDEX(Jesper!AJ$2:AJ$366,ROUNDDOWN($C3267/24,0)+1,1))-1)+IF('Standard Profiles'!$G$20=$B$10,7,0)+IF('Standard Profiles'!$G$20=$B$17,14,0)+IF('Standard Profiles'!$G$20=$B$24,21,0),0)),0)</f>
        <v>0</v>
      </c>
      <c r="G3267" cm="1">
        <f t="array" ref="G3267">IFERROR(INDEX(Jesper!AK$2:AK$366,ROUNDDOWN($C3267/24,0)+1,1)*INDEX($D$3:$AA$30,INDEX(Jesper!$R$2:$R$366,ROW(INDEX(Jesper!AK$2:AK$366,ROUNDDOWN($C3267/24,0)+1,1))-1)+IF('Standard Profiles'!$G$21=$B$10,7,0)+IF('Standard Profiles'!$G$21=$B$17,14,0)+IF('Standard Profiles'!$G$21=$B$24,21,0),MOD($C3267,24)+1)/SUM(INDEX($D$3:$AA$30,INDEX(Jesper!$R$2:$R$366,ROW(INDEX(Jesper!AK$2:AK$366,ROUNDDOWN($C3267/24,0)+1,1))-1)+IF('Standard Profiles'!$G$21=$B$10,7,0)+IF('Standard Profiles'!$G$21=$B$17,14,0)+IF('Standard Profiles'!$G$21=$B$24,21,0),0)),0)</f>
        <v>0</v>
      </c>
      <c r="H3267" cm="1">
        <f t="array" ref="H3267">IFERROR(INDEX(Jesper!AL$2:AL$366,ROUNDDOWN($C3267/24,0)+1,1)*INDEX($D$3:$AA$30,INDEX(Jesper!$R$2:$R$366,ROW(INDEX(Jesper!AL$2:AL$366,ROUNDDOWN($C3267/24,0)+1,1))-1)+IF('Standard Profiles'!$G$22=$B$10,7,0)+IF('Standard Profiles'!$G$22=$B$17,14,0)+IF('Standard Profiles'!$G$22=$B$24,21,0),MOD($C3267,24)+1)/SUM(INDEX($D$3:$AA$30,INDEX(Jesper!$R$2:$R$366,ROW(INDEX(Jesper!AL$2:AL$366,ROUNDDOWN($C3267/24,0)+1,1))-1)+IF('Standard Profiles'!$G$22=$B$10,7,0)+IF('Standard Profiles'!$G$22=$B$17,14,0)+IF('Standard Profiles'!$G$22=$B$24,21,0),0)),0)</f>
        <v>0</v>
      </c>
      <c r="I3267">
        <f t="shared" si="370"/>
        <v>0.42382194408469476</v>
      </c>
      <c r="J3267">
        <f t="shared" si="371"/>
        <v>1.4127398136156493</v>
      </c>
      <c r="K3267">
        <f t="shared" si="372"/>
        <v>2.1191097204234737</v>
      </c>
      <c r="L3267">
        <f t="shared" si="373"/>
        <v>10.171726658032673</v>
      </c>
      <c r="M3267">
        <f t="shared" si="374"/>
        <v>0</v>
      </c>
      <c r="N3267" s="46">
        <f t="shared" si="375"/>
        <v>45426.708333325492</v>
      </c>
    </row>
    <row r="3268" spans="2:14" x14ac:dyDescent="0.3">
      <c r="B3268">
        <f t="shared" si="369"/>
        <v>2</v>
      </c>
      <c r="C3268" s="16">
        <v>3234</v>
      </c>
      <c r="D3268" cm="1">
        <f t="array" ref="D3268">IFERROR(INDEX(Jesper!AH$2:AH$366,ROUNDDOWN($C3268/24,0)+1,1)*INDEX($D$3:$AA$30,INDEX(Jesper!$R$2:$R$366,ROW(INDEX(Jesper!AH$2:AH$366,ROUNDDOWN($C3268/24,0)+1,1))-1)+IF('Standard Profiles'!$G$18=$B$10,7,0)+IF('Standard Profiles'!$G$18=$B$17,14,0)+IF('Standard Profiles'!$G$18=$B$24,21,0),MOD($C3268,24)+1)/SUM(INDEX($D$3:$AA$30,INDEX(Jesper!$R$2:$R$366,ROW(INDEX(Jesper!AH$2:AH$366,ROUNDDOWN($C3268/24,0)+1,1))-1)+IF('Standard Profiles'!$G$18=$B$10,7,0)+IF('Standard Profiles'!$G$18=$B$17,14,0)+IF('Standard Profiles'!$G$18=$B$24,21,0),0)),0)</f>
        <v>14.127398136156492</v>
      </c>
      <c r="E3268" cm="1">
        <f t="array" ref="E3268">IFERROR(INDEX(Jesper!AI$2:AI$366,ROUNDDOWN($C3268/24,0)+1,1)*INDEX($D$3:$AA$30,INDEX(Jesper!$R$2:$R$366,ROW(INDEX(Jesper!AI$2:AI$366,ROUNDDOWN($C3268/24,0)+1,1))-1)+IF('Standard Profiles'!$G$19=$B$10,7,0)+IF('Standard Profiles'!$G$19=$B$17,14,0)+IF('Standard Profiles'!$G$19=$B$24,21,0),MOD($C3268,24)+1)/SUM(INDEX($D$3:$AA$30,INDEX(Jesper!$R$2:$R$366,ROW(INDEX(Jesper!AI$2:AI$366,ROUNDDOWN($C3268/24,0)+1,1))-1)+IF('Standard Profiles'!$G$19=$B$10,7,0)+IF('Standard Profiles'!$G$19=$B$17,14,0)+IF('Standard Profiles'!$G$19=$B$24,21,0),0)),0)</f>
        <v>0</v>
      </c>
      <c r="F3268" cm="1">
        <f t="array" ref="F3268">IFERROR(INDEX(Jesper!AJ$2:AJ$366,ROUNDDOWN($C3268/24,0)+1,1)*INDEX($D$3:$AA$30,INDEX(Jesper!$R$2:$R$366,ROW(INDEX(Jesper!AJ$2:AJ$366,ROUNDDOWN($C3268/24,0)+1,1))-1)+IF('Standard Profiles'!$G$20=$B$10,7,0)+IF('Standard Profiles'!$G$20=$B$17,14,0)+IF('Standard Profiles'!$G$20=$B$24,21,0),MOD($C3268,24)+1)/SUM(INDEX($D$3:$AA$30,INDEX(Jesper!$R$2:$R$366,ROW(INDEX(Jesper!AJ$2:AJ$366,ROUNDDOWN($C3268/24,0)+1,1))-1)+IF('Standard Profiles'!$G$20=$B$10,7,0)+IF('Standard Profiles'!$G$20=$B$17,14,0)+IF('Standard Profiles'!$G$20=$B$24,21,0),0)),0)</f>
        <v>0</v>
      </c>
      <c r="G3268" cm="1">
        <f t="array" ref="G3268">IFERROR(INDEX(Jesper!AK$2:AK$366,ROUNDDOWN($C3268/24,0)+1,1)*INDEX($D$3:$AA$30,INDEX(Jesper!$R$2:$R$366,ROW(INDEX(Jesper!AK$2:AK$366,ROUNDDOWN($C3268/24,0)+1,1))-1)+IF('Standard Profiles'!$G$21=$B$10,7,0)+IF('Standard Profiles'!$G$21=$B$17,14,0)+IF('Standard Profiles'!$G$21=$B$24,21,0),MOD($C3268,24)+1)/SUM(INDEX($D$3:$AA$30,INDEX(Jesper!$R$2:$R$366,ROW(INDEX(Jesper!AK$2:AK$366,ROUNDDOWN($C3268/24,0)+1,1))-1)+IF('Standard Profiles'!$G$21=$B$10,7,0)+IF('Standard Profiles'!$G$21=$B$17,14,0)+IF('Standard Profiles'!$G$21=$B$24,21,0),0)),0)</f>
        <v>0</v>
      </c>
      <c r="H3268" cm="1">
        <f t="array" ref="H3268">IFERROR(INDEX(Jesper!AL$2:AL$366,ROUNDDOWN($C3268/24,0)+1,1)*INDEX($D$3:$AA$30,INDEX(Jesper!$R$2:$R$366,ROW(INDEX(Jesper!AL$2:AL$366,ROUNDDOWN($C3268/24,0)+1,1))-1)+IF('Standard Profiles'!$G$22=$B$10,7,0)+IF('Standard Profiles'!$G$22=$B$17,14,0)+IF('Standard Profiles'!$G$22=$B$24,21,0),MOD($C3268,24)+1)/SUM(INDEX($D$3:$AA$30,INDEX(Jesper!$R$2:$R$366,ROW(INDEX(Jesper!AL$2:AL$366,ROUNDDOWN($C3268/24,0)+1,1))-1)+IF('Standard Profiles'!$G$22=$B$10,7,0)+IF('Standard Profiles'!$G$22=$B$17,14,0)+IF('Standard Profiles'!$G$22=$B$24,21,0),0)),0)</f>
        <v>0</v>
      </c>
      <c r="I3268">
        <f t="shared" si="370"/>
        <v>0.42382194408469476</v>
      </c>
      <c r="J3268">
        <f t="shared" si="371"/>
        <v>1.4127398136156493</v>
      </c>
      <c r="K3268">
        <f t="shared" si="372"/>
        <v>2.1191097204234737</v>
      </c>
      <c r="L3268">
        <f t="shared" si="373"/>
        <v>10.171726658032673</v>
      </c>
      <c r="M3268">
        <f t="shared" si="374"/>
        <v>0</v>
      </c>
      <c r="N3268" s="46">
        <f t="shared" si="375"/>
        <v>45426.749999992157</v>
      </c>
    </row>
    <row r="3269" spans="2:14" x14ac:dyDescent="0.3">
      <c r="B3269">
        <f t="shared" si="369"/>
        <v>2</v>
      </c>
      <c r="C3269" s="16">
        <v>3235</v>
      </c>
      <c r="D3269" cm="1">
        <f t="array" ref="D3269">IFERROR(INDEX(Jesper!AH$2:AH$366,ROUNDDOWN($C3269/24,0)+1,1)*INDEX($D$3:$AA$30,INDEX(Jesper!$R$2:$R$366,ROW(INDEX(Jesper!AH$2:AH$366,ROUNDDOWN($C3269/24,0)+1,1))-1)+IF('Standard Profiles'!$G$18=$B$10,7,0)+IF('Standard Profiles'!$G$18=$B$17,14,0)+IF('Standard Profiles'!$G$18=$B$24,21,0),MOD($C3269,24)+1)/SUM(INDEX($D$3:$AA$30,INDEX(Jesper!$R$2:$R$366,ROW(INDEX(Jesper!AH$2:AH$366,ROUNDDOWN($C3269/24,0)+1,1))-1)+IF('Standard Profiles'!$G$18=$B$10,7,0)+IF('Standard Profiles'!$G$18=$B$17,14,0)+IF('Standard Profiles'!$G$18=$B$24,21,0),0)),0)</f>
        <v>11.831695939031063</v>
      </c>
      <c r="E3269" cm="1">
        <f t="array" ref="E3269">IFERROR(INDEX(Jesper!AI$2:AI$366,ROUNDDOWN($C3269/24,0)+1,1)*INDEX($D$3:$AA$30,INDEX(Jesper!$R$2:$R$366,ROW(INDEX(Jesper!AI$2:AI$366,ROUNDDOWN($C3269/24,0)+1,1))-1)+IF('Standard Profiles'!$G$19=$B$10,7,0)+IF('Standard Profiles'!$G$19=$B$17,14,0)+IF('Standard Profiles'!$G$19=$B$24,21,0),MOD($C3269,24)+1)/SUM(INDEX($D$3:$AA$30,INDEX(Jesper!$R$2:$R$366,ROW(INDEX(Jesper!AI$2:AI$366,ROUNDDOWN($C3269/24,0)+1,1))-1)+IF('Standard Profiles'!$G$19=$B$10,7,0)+IF('Standard Profiles'!$G$19=$B$17,14,0)+IF('Standard Profiles'!$G$19=$B$24,21,0),0)),0)</f>
        <v>0</v>
      </c>
      <c r="F3269" cm="1">
        <f t="array" ref="F3269">IFERROR(INDEX(Jesper!AJ$2:AJ$366,ROUNDDOWN($C3269/24,0)+1,1)*INDEX($D$3:$AA$30,INDEX(Jesper!$R$2:$R$366,ROW(INDEX(Jesper!AJ$2:AJ$366,ROUNDDOWN($C3269/24,0)+1,1))-1)+IF('Standard Profiles'!$G$20=$B$10,7,0)+IF('Standard Profiles'!$G$20=$B$17,14,0)+IF('Standard Profiles'!$G$20=$B$24,21,0),MOD($C3269,24)+1)/SUM(INDEX($D$3:$AA$30,INDEX(Jesper!$R$2:$R$366,ROW(INDEX(Jesper!AJ$2:AJ$366,ROUNDDOWN($C3269/24,0)+1,1))-1)+IF('Standard Profiles'!$G$20=$B$10,7,0)+IF('Standard Profiles'!$G$20=$B$17,14,0)+IF('Standard Profiles'!$G$20=$B$24,21,0),0)),0)</f>
        <v>0</v>
      </c>
      <c r="G3269" cm="1">
        <f t="array" ref="G3269">IFERROR(INDEX(Jesper!AK$2:AK$366,ROUNDDOWN($C3269/24,0)+1,1)*INDEX($D$3:$AA$30,INDEX(Jesper!$R$2:$R$366,ROW(INDEX(Jesper!AK$2:AK$366,ROUNDDOWN($C3269/24,0)+1,1))-1)+IF('Standard Profiles'!$G$21=$B$10,7,0)+IF('Standard Profiles'!$G$21=$B$17,14,0)+IF('Standard Profiles'!$G$21=$B$24,21,0),MOD($C3269,24)+1)/SUM(INDEX($D$3:$AA$30,INDEX(Jesper!$R$2:$R$366,ROW(INDEX(Jesper!AK$2:AK$366,ROUNDDOWN($C3269/24,0)+1,1))-1)+IF('Standard Profiles'!$G$21=$B$10,7,0)+IF('Standard Profiles'!$G$21=$B$17,14,0)+IF('Standard Profiles'!$G$21=$B$24,21,0),0)),0)</f>
        <v>0</v>
      </c>
      <c r="H3269" cm="1">
        <f t="array" ref="H3269">IFERROR(INDEX(Jesper!AL$2:AL$366,ROUNDDOWN($C3269/24,0)+1,1)*INDEX($D$3:$AA$30,INDEX(Jesper!$R$2:$R$366,ROW(INDEX(Jesper!AL$2:AL$366,ROUNDDOWN($C3269/24,0)+1,1))-1)+IF('Standard Profiles'!$G$22=$B$10,7,0)+IF('Standard Profiles'!$G$22=$B$17,14,0)+IF('Standard Profiles'!$G$22=$B$24,21,0),MOD($C3269,24)+1)/SUM(INDEX($D$3:$AA$30,INDEX(Jesper!$R$2:$R$366,ROW(INDEX(Jesper!AL$2:AL$366,ROUNDDOWN($C3269/24,0)+1,1))-1)+IF('Standard Profiles'!$G$22=$B$10,7,0)+IF('Standard Profiles'!$G$22=$B$17,14,0)+IF('Standard Profiles'!$G$22=$B$24,21,0),0)),0)</f>
        <v>0</v>
      </c>
      <c r="I3269">
        <f t="shared" si="370"/>
        <v>0.35495087817093185</v>
      </c>
      <c r="J3269">
        <f t="shared" si="371"/>
        <v>1.1831695939031064</v>
      </c>
      <c r="K3269">
        <f t="shared" si="372"/>
        <v>1.7747543908546592</v>
      </c>
      <c r="L3269">
        <f t="shared" si="373"/>
        <v>8.5188210761023644</v>
      </c>
      <c r="M3269">
        <f t="shared" si="374"/>
        <v>0</v>
      </c>
      <c r="N3269" s="46">
        <f t="shared" si="375"/>
        <v>45426.791666658821</v>
      </c>
    </row>
    <row r="3270" spans="2:14" x14ac:dyDescent="0.3">
      <c r="B3270">
        <f t="shared" si="369"/>
        <v>2</v>
      </c>
      <c r="C3270" s="16">
        <v>3236</v>
      </c>
      <c r="D3270" cm="1">
        <f t="array" ref="D3270">IFERROR(INDEX(Jesper!AH$2:AH$366,ROUNDDOWN($C3270/24,0)+1,1)*INDEX($D$3:$AA$30,INDEX(Jesper!$R$2:$R$366,ROW(INDEX(Jesper!AH$2:AH$366,ROUNDDOWN($C3270/24,0)+1,1))-1)+IF('Standard Profiles'!$G$18=$B$10,7,0)+IF('Standard Profiles'!$G$18=$B$17,14,0)+IF('Standard Profiles'!$G$18=$B$24,21,0),MOD($C3270,24)+1)/SUM(INDEX($D$3:$AA$30,INDEX(Jesper!$R$2:$R$366,ROW(INDEX(Jesper!AH$2:AH$366,ROUNDDOWN($C3270/24,0)+1,1))-1)+IF('Standard Profiles'!$G$18=$B$10,7,0)+IF('Standard Profiles'!$G$18=$B$17,14,0)+IF('Standard Profiles'!$G$18=$B$24,21,0),0)),0)</f>
        <v>9.7125862186075871</v>
      </c>
      <c r="E3270" cm="1">
        <f t="array" ref="E3270">IFERROR(INDEX(Jesper!AI$2:AI$366,ROUNDDOWN($C3270/24,0)+1,1)*INDEX($D$3:$AA$30,INDEX(Jesper!$R$2:$R$366,ROW(INDEX(Jesper!AI$2:AI$366,ROUNDDOWN($C3270/24,0)+1,1))-1)+IF('Standard Profiles'!$G$19=$B$10,7,0)+IF('Standard Profiles'!$G$19=$B$17,14,0)+IF('Standard Profiles'!$G$19=$B$24,21,0),MOD($C3270,24)+1)/SUM(INDEX($D$3:$AA$30,INDEX(Jesper!$R$2:$R$366,ROW(INDEX(Jesper!AI$2:AI$366,ROUNDDOWN($C3270/24,0)+1,1))-1)+IF('Standard Profiles'!$G$19=$B$10,7,0)+IF('Standard Profiles'!$G$19=$B$17,14,0)+IF('Standard Profiles'!$G$19=$B$24,21,0),0)),0)</f>
        <v>0</v>
      </c>
      <c r="F3270" cm="1">
        <f t="array" ref="F3270">IFERROR(INDEX(Jesper!AJ$2:AJ$366,ROUNDDOWN($C3270/24,0)+1,1)*INDEX($D$3:$AA$30,INDEX(Jesper!$R$2:$R$366,ROW(INDEX(Jesper!AJ$2:AJ$366,ROUNDDOWN($C3270/24,0)+1,1))-1)+IF('Standard Profiles'!$G$20=$B$10,7,0)+IF('Standard Profiles'!$G$20=$B$17,14,0)+IF('Standard Profiles'!$G$20=$B$24,21,0),MOD($C3270,24)+1)/SUM(INDEX($D$3:$AA$30,INDEX(Jesper!$R$2:$R$366,ROW(INDEX(Jesper!AJ$2:AJ$366,ROUNDDOWN($C3270/24,0)+1,1))-1)+IF('Standard Profiles'!$G$20=$B$10,7,0)+IF('Standard Profiles'!$G$20=$B$17,14,0)+IF('Standard Profiles'!$G$20=$B$24,21,0),0)),0)</f>
        <v>0</v>
      </c>
      <c r="G3270" cm="1">
        <f t="array" ref="G3270">IFERROR(INDEX(Jesper!AK$2:AK$366,ROUNDDOWN($C3270/24,0)+1,1)*INDEX($D$3:$AA$30,INDEX(Jesper!$R$2:$R$366,ROW(INDEX(Jesper!AK$2:AK$366,ROUNDDOWN($C3270/24,0)+1,1))-1)+IF('Standard Profiles'!$G$21=$B$10,7,0)+IF('Standard Profiles'!$G$21=$B$17,14,0)+IF('Standard Profiles'!$G$21=$B$24,21,0),MOD($C3270,24)+1)/SUM(INDEX($D$3:$AA$30,INDEX(Jesper!$R$2:$R$366,ROW(INDEX(Jesper!AK$2:AK$366,ROUNDDOWN($C3270/24,0)+1,1))-1)+IF('Standard Profiles'!$G$21=$B$10,7,0)+IF('Standard Profiles'!$G$21=$B$17,14,0)+IF('Standard Profiles'!$G$21=$B$24,21,0),0)),0)</f>
        <v>0</v>
      </c>
      <c r="H3270" cm="1">
        <f t="array" ref="H3270">IFERROR(INDEX(Jesper!AL$2:AL$366,ROUNDDOWN($C3270/24,0)+1,1)*INDEX($D$3:$AA$30,INDEX(Jesper!$R$2:$R$366,ROW(INDEX(Jesper!AL$2:AL$366,ROUNDDOWN($C3270/24,0)+1,1))-1)+IF('Standard Profiles'!$G$22=$B$10,7,0)+IF('Standard Profiles'!$G$22=$B$17,14,0)+IF('Standard Profiles'!$G$22=$B$24,21,0),MOD($C3270,24)+1)/SUM(INDEX($D$3:$AA$30,INDEX(Jesper!$R$2:$R$366,ROW(INDEX(Jesper!AL$2:AL$366,ROUNDDOWN($C3270/24,0)+1,1))-1)+IF('Standard Profiles'!$G$22=$B$10,7,0)+IF('Standard Profiles'!$G$22=$B$17,14,0)+IF('Standard Profiles'!$G$22=$B$24,21,0),0)),0)</f>
        <v>0</v>
      </c>
      <c r="I3270">
        <f t="shared" si="370"/>
        <v>0.2913775865582276</v>
      </c>
      <c r="J3270">
        <f t="shared" si="371"/>
        <v>0.97125862186075873</v>
      </c>
      <c r="K3270">
        <f t="shared" si="372"/>
        <v>1.4568879327911379</v>
      </c>
      <c r="L3270">
        <f t="shared" si="373"/>
        <v>6.9930620773974628</v>
      </c>
      <c r="M3270">
        <f t="shared" si="374"/>
        <v>0</v>
      </c>
      <c r="N3270" s="46">
        <f t="shared" si="375"/>
        <v>45426.833333325485</v>
      </c>
    </row>
    <row r="3271" spans="2:14" x14ac:dyDescent="0.3">
      <c r="B3271">
        <f t="shared" si="369"/>
        <v>2</v>
      </c>
      <c r="C3271" s="16">
        <v>3237</v>
      </c>
      <c r="D3271" cm="1">
        <f t="array" ref="D3271">IFERROR(INDEX(Jesper!AH$2:AH$366,ROUNDDOWN($C3271/24,0)+1,1)*INDEX($D$3:$AA$30,INDEX(Jesper!$R$2:$R$366,ROW(INDEX(Jesper!AH$2:AH$366,ROUNDDOWN($C3271/24,0)+1,1))-1)+IF('Standard Profiles'!$G$18=$B$10,7,0)+IF('Standard Profiles'!$G$18=$B$17,14,0)+IF('Standard Profiles'!$G$18=$B$24,21,0),MOD($C3271,24)+1)/SUM(INDEX($D$3:$AA$30,INDEX(Jesper!$R$2:$R$366,ROW(INDEX(Jesper!AH$2:AH$366,ROUNDDOWN($C3271/24,0)+1,1))-1)+IF('Standard Profiles'!$G$18=$B$10,7,0)+IF('Standard Profiles'!$G$18=$B$17,14,0)+IF('Standard Profiles'!$G$18=$B$24,21,0),0)),0)</f>
        <v>7.0636990680782459</v>
      </c>
      <c r="E3271" cm="1">
        <f t="array" ref="E3271">IFERROR(INDEX(Jesper!AI$2:AI$366,ROUNDDOWN($C3271/24,0)+1,1)*INDEX($D$3:$AA$30,INDEX(Jesper!$R$2:$R$366,ROW(INDEX(Jesper!AI$2:AI$366,ROUNDDOWN($C3271/24,0)+1,1))-1)+IF('Standard Profiles'!$G$19=$B$10,7,0)+IF('Standard Profiles'!$G$19=$B$17,14,0)+IF('Standard Profiles'!$G$19=$B$24,21,0),MOD($C3271,24)+1)/SUM(INDEX($D$3:$AA$30,INDEX(Jesper!$R$2:$R$366,ROW(INDEX(Jesper!AI$2:AI$366,ROUNDDOWN($C3271/24,0)+1,1))-1)+IF('Standard Profiles'!$G$19=$B$10,7,0)+IF('Standard Profiles'!$G$19=$B$17,14,0)+IF('Standard Profiles'!$G$19=$B$24,21,0),0)),0)</f>
        <v>0</v>
      </c>
      <c r="F3271" cm="1">
        <f t="array" ref="F3271">IFERROR(INDEX(Jesper!AJ$2:AJ$366,ROUNDDOWN($C3271/24,0)+1,1)*INDEX($D$3:$AA$30,INDEX(Jesper!$R$2:$R$366,ROW(INDEX(Jesper!AJ$2:AJ$366,ROUNDDOWN($C3271/24,0)+1,1))-1)+IF('Standard Profiles'!$G$20=$B$10,7,0)+IF('Standard Profiles'!$G$20=$B$17,14,0)+IF('Standard Profiles'!$G$20=$B$24,21,0),MOD($C3271,24)+1)/SUM(INDEX($D$3:$AA$30,INDEX(Jesper!$R$2:$R$366,ROW(INDEX(Jesper!AJ$2:AJ$366,ROUNDDOWN($C3271/24,0)+1,1))-1)+IF('Standard Profiles'!$G$20=$B$10,7,0)+IF('Standard Profiles'!$G$20=$B$17,14,0)+IF('Standard Profiles'!$G$20=$B$24,21,0),0)),0)</f>
        <v>0</v>
      </c>
      <c r="G3271" cm="1">
        <f t="array" ref="G3271">IFERROR(INDEX(Jesper!AK$2:AK$366,ROUNDDOWN($C3271/24,0)+1,1)*INDEX($D$3:$AA$30,INDEX(Jesper!$R$2:$R$366,ROW(INDEX(Jesper!AK$2:AK$366,ROUNDDOWN($C3271/24,0)+1,1))-1)+IF('Standard Profiles'!$G$21=$B$10,7,0)+IF('Standard Profiles'!$G$21=$B$17,14,0)+IF('Standard Profiles'!$G$21=$B$24,21,0),MOD($C3271,24)+1)/SUM(INDEX($D$3:$AA$30,INDEX(Jesper!$R$2:$R$366,ROW(INDEX(Jesper!AK$2:AK$366,ROUNDDOWN($C3271/24,0)+1,1))-1)+IF('Standard Profiles'!$G$21=$B$10,7,0)+IF('Standard Profiles'!$G$21=$B$17,14,0)+IF('Standard Profiles'!$G$21=$B$24,21,0),0)),0)</f>
        <v>0</v>
      </c>
      <c r="H3271" cm="1">
        <f t="array" ref="H3271">IFERROR(INDEX(Jesper!AL$2:AL$366,ROUNDDOWN($C3271/24,0)+1,1)*INDEX($D$3:$AA$30,INDEX(Jesper!$R$2:$R$366,ROW(INDEX(Jesper!AL$2:AL$366,ROUNDDOWN($C3271/24,0)+1,1))-1)+IF('Standard Profiles'!$G$22=$B$10,7,0)+IF('Standard Profiles'!$G$22=$B$17,14,0)+IF('Standard Profiles'!$G$22=$B$24,21,0),MOD($C3271,24)+1)/SUM(INDEX($D$3:$AA$30,INDEX(Jesper!$R$2:$R$366,ROW(INDEX(Jesper!AL$2:AL$366,ROUNDDOWN($C3271/24,0)+1,1))-1)+IF('Standard Profiles'!$G$22=$B$10,7,0)+IF('Standard Profiles'!$G$22=$B$17,14,0)+IF('Standard Profiles'!$G$22=$B$24,21,0),0)),0)</f>
        <v>0</v>
      </c>
      <c r="I3271">
        <f t="shared" si="370"/>
        <v>0.21191097204234738</v>
      </c>
      <c r="J3271">
        <f t="shared" si="371"/>
        <v>0.70636990680782463</v>
      </c>
      <c r="K3271">
        <f t="shared" si="372"/>
        <v>1.0595548602117368</v>
      </c>
      <c r="L3271">
        <f t="shared" si="373"/>
        <v>5.0858633290163366</v>
      </c>
      <c r="M3271">
        <f t="shared" si="374"/>
        <v>0</v>
      </c>
      <c r="N3271" s="46">
        <f t="shared" si="375"/>
        <v>45426.874999992149</v>
      </c>
    </row>
    <row r="3272" spans="2:14" x14ac:dyDescent="0.3">
      <c r="B3272">
        <f t="shared" si="369"/>
        <v>2</v>
      </c>
      <c r="C3272" s="16">
        <v>3238</v>
      </c>
      <c r="D3272" cm="1">
        <f t="array" ref="D3272">IFERROR(INDEX(Jesper!AH$2:AH$366,ROUNDDOWN($C3272/24,0)+1,1)*INDEX($D$3:$AA$30,INDEX(Jesper!$R$2:$R$366,ROW(INDEX(Jesper!AH$2:AH$366,ROUNDDOWN($C3272/24,0)+1,1))-1)+IF('Standard Profiles'!$G$18=$B$10,7,0)+IF('Standard Profiles'!$G$18=$B$17,14,0)+IF('Standard Profiles'!$G$18=$B$24,21,0),MOD($C3272,24)+1)/SUM(INDEX($D$3:$AA$30,INDEX(Jesper!$R$2:$R$366,ROW(INDEX(Jesper!AH$2:AH$366,ROUNDDOWN($C3272/24,0)+1,1))-1)+IF('Standard Profiles'!$G$18=$B$10,7,0)+IF('Standard Profiles'!$G$18=$B$17,14,0)+IF('Standard Profiles'!$G$18=$B$24,21,0),0)),0)</f>
        <v>7.0636990680782459</v>
      </c>
      <c r="E3272" cm="1">
        <f t="array" ref="E3272">IFERROR(INDEX(Jesper!AI$2:AI$366,ROUNDDOWN($C3272/24,0)+1,1)*INDEX($D$3:$AA$30,INDEX(Jesper!$R$2:$R$366,ROW(INDEX(Jesper!AI$2:AI$366,ROUNDDOWN($C3272/24,0)+1,1))-1)+IF('Standard Profiles'!$G$19=$B$10,7,0)+IF('Standard Profiles'!$G$19=$B$17,14,0)+IF('Standard Profiles'!$G$19=$B$24,21,0),MOD($C3272,24)+1)/SUM(INDEX($D$3:$AA$30,INDEX(Jesper!$R$2:$R$366,ROW(INDEX(Jesper!AI$2:AI$366,ROUNDDOWN($C3272/24,0)+1,1))-1)+IF('Standard Profiles'!$G$19=$B$10,7,0)+IF('Standard Profiles'!$G$19=$B$17,14,0)+IF('Standard Profiles'!$G$19=$B$24,21,0),0)),0)</f>
        <v>0</v>
      </c>
      <c r="F3272" cm="1">
        <f t="array" ref="F3272">IFERROR(INDEX(Jesper!AJ$2:AJ$366,ROUNDDOWN($C3272/24,0)+1,1)*INDEX($D$3:$AA$30,INDEX(Jesper!$R$2:$R$366,ROW(INDEX(Jesper!AJ$2:AJ$366,ROUNDDOWN($C3272/24,0)+1,1))-1)+IF('Standard Profiles'!$G$20=$B$10,7,0)+IF('Standard Profiles'!$G$20=$B$17,14,0)+IF('Standard Profiles'!$G$20=$B$24,21,0),MOD($C3272,24)+1)/SUM(INDEX($D$3:$AA$30,INDEX(Jesper!$R$2:$R$366,ROW(INDEX(Jesper!AJ$2:AJ$366,ROUNDDOWN($C3272/24,0)+1,1))-1)+IF('Standard Profiles'!$G$20=$B$10,7,0)+IF('Standard Profiles'!$G$20=$B$17,14,0)+IF('Standard Profiles'!$G$20=$B$24,21,0),0)),0)</f>
        <v>0</v>
      </c>
      <c r="G3272" cm="1">
        <f t="array" ref="G3272">IFERROR(INDEX(Jesper!AK$2:AK$366,ROUNDDOWN($C3272/24,0)+1,1)*INDEX($D$3:$AA$30,INDEX(Jesper!$R$2:$R$366,ROW(INDEX(Jesper!AK$2:AK$366,ROUNDDOWN($C3272/24,0)+1,1))-1)+IF('Standard Profiles'!$G$21=$B$10,7,0)+IF('Standard Profiles'!$G$21=$B$17,14,0)+IF('Standard Profiles'!$G$21=$B$24,21,0),MOD($C3272,24)+1)/SUM(INDEX($D$3:$AA$30,INDEX(Jesper!$R$2:$R$366,ROW(INDEX(Jesper!AK$2:AK$366,ROUNDDOWN($C3272/24,0)+1,1))-1)+IF('Standard Profiles'!$G$21=$B$10,7,0)+IF('Standard Profiles'!$G$21=$B$17,14,0)+IF('Standard Profiles'!$G$21=$B$24,21,0),0)),0)</f>
        <v>0</v>
      </c>
      <c r="H3272" cm="1">
        <f t="array" ref="H3272">IFERROR(INDEX(Jesper!AL$2:AL$366,ROUNDDOWN($C3272/24,0)+1,1)*INDEX($D$3:$AA$30,INDEX(Jesper!$R$2:$R$366,ROW(INDEX(Jesper!AL$2:AL$366,ROUNDDOWN($C3272/24,0)+1,1))-1)+IF('Standard Profiles'!$G$22=$B$10,7,0)+IF('Standard Profiles'!$G$22=$B$17,14,0)+IF('Standard Profiles'!$G$22=$B$24,21,0),MOD($C3272,24)+1)/SUM(INDEX($D$3:$AA$30,INDEX(Jesper!$R$2:$R$366,ROW(INDEX(Jesper!AL$2:AL$366,ROUNDDOWN($C3272/24,0)+1,1))-1)+IF('Standard Profiles'!$G$22=$B$10,7,0)+IF('Standard Profiles'!$G$22=$B$17,14,0)+IF('Standard Profiles'!$G$22=$B$24,21,0),0)),0)</f>
        <v>0</v>
      </c>
      <c r="I3272">
        <f t="shared" si="370"/>
        <v>0.21191097204234738</v>
      </c>
      <c r="J3272">
        <f t="shared" si="371"/>
        <v>0.70636990680782463</v>
      </c>
      <c r="K3272">
        <f t="shared" si="372"/>
        <v>1.0595548602117368</v>
      </c>
      <c r="L3272">
        <f t="shared" si="373"/>
        <v>5.0858633290163366</v>
      </c>
      <c r="M3272">
        <f t="shared" si="374"/>
        <v>0</v>
      </c>
      <c r="N3272" s="46">
        <f t="shared" si="375"/>
        <v>45426.916666658813</v>
      </c>
    </row>
    <row r="3273" spans="2:14" x14ac:dyDescent="0.3">
      <c r="B3273">
        <f t="shared" si="369"/>
        <v>2</v>
      </c>
      <c r="C3273" s="16">
        <v>3239</v>
      </c>
      <c r="D3273" cm="1">
        <f t="array" ref="D3273">IFERROR(INDEX(Jesper!AH$2:AH$366,ROUNDDOWN($C3273/24,0)+1,1)*INDEX($D$3:$AA$30,INDEX(Jesper!$R$2:$R$366,ROW(INDEX(Jesper!AH$2:AH$366,ROUNDDOWN($C3273/24,0)+1,1))-1)+IF('Standard Profiles'!$G$18=$B$10,7,0)+IF('Standard Profiles'!$G$18=$B$17,14,0)+IF('Standard Profiles'!$G$18=$B$24,21,0),MOD($C3273,24)+1)/SUM(INDEX($D$3:$AA$30,INDEX(Jesper!$R$2:$R$366,ROW(INDEX(Jesper!AH$2:AH$366,ROUNDDOWN($C3273/24,0)+1,1))-1)+IF('Standard Profiles'!$G$18=$B$10,7,0)+IF('Standard Profiles'!$G$18=$B$17,14,0)+IF('Standard Profiles'!$G$18=$B$24,21,0),0)),0)</f>
        <v>7.0636990680782459</v>
      </c>
      <c r="E3273" cm="1">
        <f t="array" ref="E3273">IFERROR(INDEX(Jesper!AI$2:AI$366,ROUNDDOWN($C3273/24,0)+1,1)*INDEX($D$3:$AA$30,INDEX(Jesper!$R$2:$R$366,ROW(INDEX(Jesper!AI$2:AI$366,ROUNDDOWN($C3273/24,0)+1,1))-1)+IF('Standard Profiles'!$G$19=$B$10,7,0)+IF('Standard Profiles'!$G$19=$B$17,14,0)+IF('Standard Profiles'!$G$19=$B$24,21,0),MOD($C3273,24)+1)/SUM(INDEX($D$3:$AA$30,INDEX(Jesper!$R$2:$R$366,ROW(INDEX(Jesper!AI$2:AI$366,ROUNDDOWN($C3273/24,0)+1,1))-1)+IF('Standard Profiles'!$G$19=$B$10,7,0)+IF('Standard Profiles'!$G$19=$B$17,14,0)+IF('Standard Profiles'!$G$19=$B$24,21,0),0)),0)</f>
        <v>0</v>
      </c>
      <c r="F3273" cm="1">
        <f t="array" ref="F3273">IFERROR(INDEX(Jesper!AJ$2:AJ$366,ROUNDDOWN($C3273/24,0)+1,1)*INDEX($D$3:$AA$30,INDEX(Jesper!$R$2:$R$366,ROW(INDEX(Jesper!AJ$2:AJ$366,ROUNDDOWN($C3273/24,0)+1,1))-1)+IF('Standard Profiles'!$G$20=$B$10,7,0)+IF('Standard Profiles'!$G$20=$B$17,14,0)+IF('Standard Profiles'!$G$20=$B$24,21,0),MOD($C3273,24)+1)/SUM(INDEX($D$3:$AA$30,INDEX(Jesper!$R$2:$R$366,ROW(INDEX(Jesper!AJ$2:AJ$366,ROUNDDOWN($C3273/24,0)+1,1))-1)+IF('Standard Profiles'!$G$20=$B$10,7,0)+IF('Standard Profiles'!$G$20=$B$17,14,0)+IF('Standard Profiles'!$G$20=$B$24,21,0),0)),0)</f>
        <v>0</v>
      </c>
      <c r="G3273" cm="1">
        <f t="array" ref="G3273">IFERROR(INDEX(Jesper!AK$2:AK$366,ROUNDDOWN($C3273/24,0)+1,1)*INDEX($D$3:$AA$30,INDEX(Jesper!$R$2:$R$366,ROW(INDEX(Jesper!AK$2:AK$366,ROUNDDOWN($C3273/24,0)+1,1))-1)+IF('Standard Profiles'!$G$21=$B$10,7,0)+IF('Standard Profiles'!$G$21=$B$17,14,0)+IF('Standard Profiles'!$G$21=$B$24,21,0),MOD($C3273,24)+1)/SUM(INDEX($D$3:$AA$30,INDEX(Jesper!$R$2:$R$366,ROW(INDEX(Jesper!AK$2:AK$366,ROUNDDOWN($C3273/24,0)+1,1))-1)+IF('Standard Profiles'!$G$21=$B$10,7,0)+IF('Standard Profiles'!$G$21=$B$17,14,0)+IF('Standard Profiles'!$G$21=$B$24,21,0),0)),0)</f>
        <v>0</v>
      </c>
      <c r="H3273" cm="1">
        <f t="array" ref="H3273">IFERROR(INDEX(Jesper!AL$2:AL$366,ROUNDDOWN($C3273/24,0)+1,1)*INDEX($D$3:$AA$30,INDEX(Jesper!$R$2:$R$366,ROW(INDEX(Jesper!AL$2:AL$366,ROUNDDOWN($C3273/24,0)+1,1))-1)+IF('Standard Profiles'!$G$22=$B$10,7,0)+IF('Standard Profiles'!$G$22=$B$17,14,0)+IF('Standard Profiles'!$G$22=$B$24,21,0),MOD($C3273,24)+1)/SUM(INDEX($D$3:$AA$30,INDEX(Jesper!$R$2:$R$366,ROW(INDEX(Jesper!AL$2:AL$366,ROUNDDOWN($C3273/24,0)+1,1))-1)+IF('Standard Profiles'!$G$22=$B$10,7,0)+IF('Standard Profiles'!$G$22=$B$17,14,0)+IF('Standard Profiles'!$G$22=$B$24,21,0),0)),0)</f>
        <v>0</v>
      </c>
      <c r="I3273">
        <f t="shared" si="370"/>
        <v>0.21191097204234738</v>
      </c>
      <c r="J3273">
        <f t="shared" si="371"/>
        <v>0.70636990680782463</v>
      </c>
      <c r="K3273">
        <f t="shared" si="372"/>
        <v>1.0595548602117368</v>
      </c>
      <c r="L3273">
        <f t="shared" si="373"/>
        <v>5.0858633290163366</v>
      </c>
      <c r="M3273">
        <f t="shared" si="374"/>
        <v>0</v>
      </c>
      <c r="N3273" s="46">
        <f t="shared" si="375"/>
        <v>45426.958333325478</v>
      </c>
    </row>
    <row r="3274" spans="2:14" x14ac:dyDescent="0.3">
      <c r="B3274">
        <f t="shared" si="369"/>
        <v>3</v>
      </c>
      <c r="C3274" s="16">
        <v>3240</v>
      </c>
      <c r="D3274" cm="1">
        <f t="array" ref="D3274">IFERROR(INDEX(Jesper!AH$2:AH$366,ROUNDDOWN($C3274/24,0)+1,1)*INDEX($D$3:$AA$30,INDEX(Jesper!$R$2:$R$366,ROW(INDEX(Jesper!AH$2:AH$366,ROUNDDOWN($C3274/24,0)+1,1))-1)+IF('Standard Profiles'!$G$18=$B$10,7,0)+IF('Standard Profiles'!$G$18=$B$17,14,0)+IF('Standard Profiles'!$G$18=$B$24,21,0),MOD($C3274,24)+1)/SUM(INDEX($D$3:$AA$30,INDEX(Jesper!$R$2:$R$366,ROW(INDEX(Jesper!AH$2:AH$366,ROUNDDOWN($C3274/24,0)+1,1))-1)+IF('Standard Profiles'!$G$18=$B$10,7,0)+IF('Standard Profiles'!$G$18=$B$17,14,0)+IF('Standard Profiles'!$G$18=$B$24,21,0),0)),0)</f>
        <v>6.5344062599073052</v>
      </c>
      <c r="E3274" cm="1">
        <f t="array" ref="E3274">IFERROR(INDEX(Jesper!AI$2:AI$366,ROUNDDOWN($C3274/24,0)+1,1)*INDEX($D$3:$AA$30,INDEX(Jesper!$R$2:$R$366,ROW(INDEX(Jesper!AI$2:AI$366,ROUNDDOWN($C3274/24,0)+1,1))-1)+IF('Standard Profiles'!$G$19=$B$10,7,0)+IF('Standard Profiles'!$G$19=$B$17,14,0)+IF('Standard Profiles'!$G$19=$B$24,21,0),MOD($C3274,24)+1)/SUM(INDEX($D$3:$AA$30,INDEX(Jesper!$R$2:$R$366,ROW(INDEX(Jesper!AI$2:AI$366,ROUNDDOWN($C3274/24,0)+1,1))-1)+IF('Standard Profiles'!$G$19=$B$10,7,0)+IF('Standard Profiles'!$G$19=$B$17,14,0)+IF('Standard Profiles'!$G$19=$B$24,21,0),0)),0)</f>
        <v>0</v>
      </c>
      <c r="F3274" cm="1">
        <f t="array" ref="F3274">IFERROR(INDEX(Jesper!AJ$2:AJ$366,ROUNDDOWN($C3274/24,0)+1,1)*INDEX($D$3:$AA$30,INDEX(Jesper!$R$2:$R$366,ROW(INDEX(Jesper!AJ$2:AJ$366,ROUNDDOWN($C3274/24,0)+1,1))-1)+IF('Standard Profiles'!$G$20=$B$10,7,0)+IF('Standard Profiles'!$G$20=$B$17,14,0)+IF('Standard Profiles'!$G$20=$B$24,21,0),MOD($C3274,24)+1)/SUM(INDEX($D$3:$AA$30,INDEX(Jesper!$R$2:$R$366,ROW(INDEX(Jesper!AJ$2:AJ$366,ROUNDDOWN($C3274/24,0)+1,1))-1)+IF('Standard Profiles'!$G$20=$B$10,7,0)+IF('Standard Profiles'!$G$20=$B$17,14,0)+IF('Standard Profiles'!$G$20=$B$24,21,0),0)),0)</f>
        <v>0</v>
      </c>
      <c r="G3274" cm="1">
        <f t="array" ref="G3274">IFERROR(INDEX(Jesper!AK$2:AK$366,ROUNDDOWN($C3274/24,0)+1,1)*INDEX($D$3:$AA$30,INDEX(Jesper!$R$2:$R$366,ROW(INDEX(Jesper!AK$2:AK$366,ROUNDDOWN($C3274/24,0)+1,1))-1)+IF('Standard Profiles'!$G$21=$B$10,7,0)+IF('Standard Profiles'!$G$21=$B$17,14,0)+IF('Standard Profiles'!$G$21=$B$24,21,0),MOD($C3274,24)+1)/SUM(INDEX($D$3:$AA$30,INDEX(Jesper!$R$2:$R$366,ROW(INDEX(Jesper!AK$2:AK$366,ROUNDDOWN($C3274/24,0)+1,1))-1)+IF('Standard Profiles'!$G$21=$B$10,7,0)+IF('Standard Profiles'!$G$21=$B$17,14,0)+IF('Standard Profiles'!$G$21=$B$24,21,0),0)),0)</f>
        <v>0</v>
      </c>
      <c r="H3274" cm="1">
        <f t="array" ref="H3274">IFERROR(INDEX(Jesper!AL$2:AL$366,ROUNDDOWN($C3274/24,0)+1,1)*INDEX($D$3:$AA$30,INDEX(Jesper!$R$2:$R$366,ROW(INDEX(Jesper!AL$2:AL$366,ROUNDDOWN($C3274/24,0)+1,1))-1)+IF('Standard Profiles'!$G$22=$B$10,7,0)+IF('Standard Profiles'!$G$22=$B$17,14,0)+IF('Standard Profiles'!$G$22=$B$24,21,0),MOD($C3274,24)+1)/SUM(INDEX($D$3:$AA$30,INDEX(Jesper!$R$2:$R$366,ROW(INDEX(Jesper!AL$2:AL$366,ROUNDDOWN($C3274/24,0)+1,1))-1)+IF('Standard Profiles'!$G$22=$B$10,7,0)+IF('Standard Profiles'!$G$22=$B$17,14,0)+IF('Standard Profiles'!$G$22=$B$24,21,0),0)),0)</f>
        <v>0</v>
      </c>
      <c r="I3274">
        <f t="shared" si="370"/>
        <v>0.19603218779721915</v>
      </c>
      <c r="J3274">
        <f t="shared" si="371"/>
        <v>0.65344062599073061</v>
      </c>
      <c r="K3274">
        <f t="shared" si="372"/>
        <v>0.98016093898609569</v>
      </c>
      <c r="L3274">
        <f t="shared" si="373"/>
        <v>4.7047725071332591</v>
      </c>
      <c r="M3274">
        <f t="shared" si="374"/>
        <v>0</v>
      </c>
      <c r="N3274" s="46">
        <f t="shared" si="375"/>
        <v>45426.999999992142</v>
      </c>
    </row>
    <row r="3275" spans="2:14" x14ac:dyDescent="0.3">
      <c r="B3275">
        <f t="shared" si="369"/>
        <v>3</v>
      </c>
      <c r="C3275" s="16">
        <v>3241</v>
      </c>
      <c r="D3275" cm="1">
        <f t="array" ref="D3275">IFERROR(INDEX(Jesper!AH$2:AH$366,ROUNDDOWN($C3275/24,0)+1,1)*INDEX($D$3:$AA$30,INDEX(Jesper!$R$2:$R$366,ROW(INDEX(Jesper!AH$2:AH$366,ROUNDDOWN($C3275/24,0)+1,1))-1)+IF('Standard Profiles'!$G$18=$B$10,7,0)+IF('Standard Profiles'!$G$18=$B$17,14,0)+IF('Standard Profiles'!$G$18=$B$24,21,0),MOD($C3275,24)+1)/SUM(INDEX($D$3:$AA$30,INDEX(Jesper!$R$2:$R$366,ROW(INDEX(Jesper!AH$2:AH$366,ROUNDDOWN($C3275/24,0)+1,1))-1)+IF('Standard Profiles'!$G$18=$B$10,7,0)+IF('Standard Profiles'!$G$18=$B$17,14,0)+IF('Standard Profiles'!$G$18=$B$24,21,0),0)),0)</f>
        <v>7.3512070423957168</v>
      </c>
      <c r="E3275" cm="1">
        <f t="array" ref="E3275">IFERROR(INDEX(Jesper!AI$2:AI$366,ROUNDDOWN($C3275/24,0)+1,1)*INDEX($D$3:$AA$30,INDEX(Jesper!$R$2:$R$366,ROW(INDEX(Jesper!AI$2:AI$366,ROUNDDOWN($C3275/24,0)+1,1))-1)+IF('Standard Profiles'!$G$19=$B$10,7,0)+IF('Standard Profiles'!$G$19=$B$17,14,0)+IF('Standard Profiles'!$G$19=$B$24,21,0),MOD($C3275,24)+1)/SUM(INDEX($D$3:$AA$30,INDEX(Jesper!$R$2:$R$366,ROW(INDEX(Jesper!AI$2:AI$366,ROUNDDOWN($C3275/24,0)+1,1))-1)+IF('Standard Profiles'!$G$19=$B$10,7,0)+IF('Standard Profiles'!$G$19=$B$17,14,0)+IF('Standard Profiles'!$G$19=$B$24,21,0),0)),0)</f>
        <v>0</v>
      </c>
      <c r="F3275" cm="1">
        <f t="array" ref="F3275">IFERROR(INDEX(Jesper!AJ$2:AJ$366,ROUNDDOWN($C3275/24,0)+1,1)*INDEX($D$3:$AA$30,INDEX(Jesper!$R$2:$R$366,ROW(INDEX(Jesper!AJ$2:AJ$366,ROUNDDOWN($C3275/24,0)+1,1))-1)+IF('Standard Profiles'!$G$20=$B$10,7,0)+IF('Standard Profiles'!$G$20=$B$17,14,0)+IF('Standard Profiles'!$G$20=$B$24,21,0),MOD($C3275,24)+1)/SUM(INDEX($D$3:$AA$30,INDEX(Jesper!$R$2:$R$366,ROW(INDEX(Jesper!AJ$2:AJ$366,ROUNDDOWN($C3275/24,0)+1,1))-1)+IF('Standard Profiles'!$G$20=$B$10,7,0)+IF('Standard Profiles'!$G$20=$B$17,14,0)+IF('Standard Profiles'!$G$20=$B$24,21,0),0)),0)</f>
        <v>0</v>
      </c>
      <c r="G3275" cm="1">
        <f t="array" ref="G3275">IFERROR(INDEX(Jesper!AK$2:AK$366,ROUNDDOWN($C3275/24,0)+1,1)*INDEX($D$3:$AA$30,INDEX(Jesper!$R$2:$R$366,ROW(INDEX(Jesper!AK$2:AK$366,ROUNDDOWN($C3275/24,0)+1,1))-1)+IF('Standard Profiles'!$G$21=$B$10,7,0)+IF('Standard Profiles'!$G$21=$B$17,14,0)+IF('Standard Profiles'!$G$21=$B$24,21,0),MOD($C3275,24)+1)/SUM(INDEX($D$3:$AA$30,INDEX(Jesper!$R$2:$R$366,ROW(INDEX(Jesper!AK$2:AK$366,ROUNDDOWN($C3275/24,0)+1,1))-1)+IF('Standard Profiles'!$G$21=$B$10,7,0)+IF('Standard Profiles'!$G$21=$B$17,14,0)+IF('Standard Profiles'!$G$21=$B$24,21,0),0)),0)</f>
        <v>0</v>
      </c>
      <c r="H3275" cm="1">
        <f t="array" ref="H3275">IFERROR(INDEX(Jesper!AL$2:AL$366,ROUNDDOWN($C3275/24,0)+1,1)*INDEX($D$3:$AA$30,INDEX(Jesper!$R$2:$R$366,ROW(INDEX(Jesper!AL$2:AL$366,ROUNDDOWN($C3275/24,0)+1,1))-1)+IF('Standard Profiles'!$G$22=$B$10,7,0)+IF('Standard Profiles'!$G$22=$B$17,14,0)+IF('Standard Profiles'!$G$22=$B$24,21,0),MOD($C3275,24)+1)/SUM(INDEX($D$3:$AA$30,INDEX(Jesper!$R$2:$R$366,ROW(INDEX(Jesper!AL$2:AL$366,ROUNDDOWN($C3275/24,0)+1,1))-1)+IF('Standard Profiles'!$G$22=$B$10,7,0)+IF('Standard Profiles'!$G$22=$B$17,14,0)+IF('Standard Profiles'!$G$22=$B$24,21,0),0)),0)</f>
        <v>0</v>
      </c>
      <c r="I3275">
        <f t="shared" si="370"/>
        <v>0.22053621127187151</v>
      </c>
      <c r="J3275">
        <f t="shared" si="371"/>
        <v>0.73512070423957177</v>
      </c>
      <c r="K3275">
        <f t="shared" si="372"/>
        <v>1.1026810563593574</v>
      </c>
      <c r="L3275">
        <f t="shared" si="373"/>
        <v>5.2928690705249162</v>
      </c>
      <c r="M3275">
        <f t="shared" si="374"/>
        <v>0</v>
      </c>
      <c r="N3275" s="46">
        <f t="shared" si="375"/>
        <v>45427.041666658806</v>
      </c>
    </row>
    <row r="3276" spans="2:14" x14ac:dyDescent="0.3">
      <c r="B3276">
        <f t="shared" si="369"/>
        <v>3</v>
      </c>
      <c r="C3276" s="16">
        <v>3242</v>
      </c>
      <c r="D3276" cm="1">
        <f t="array" ref="D3276">IFERROR(INDEX(Jesper!AH$2:AH$366,ROUNDDOWN($C3276/24,0)+1,1)*INDEX($D$3:$AA$30,INDEX(Jesper!$R$2:$R$366,ROW(INDEX(Jesper!AH$2:AH$366,ROUNDDOWN($C3276/24,0)+1,1))-1)+IF('Standard Profiles'!$G$18=$B$10,7,0)+IF('Standard Profiles'!$G$18=$B$17,14,0)+IF('Standard Profiles'!$G$18=$B$24,21,0),MOD($C3276,24)+1)/SUM(INDEX($D$3:$AA$30,INDEX(Jesper!$R$2:$R$366,ROW(INDEX(Jesper!AH$2:AH$366,ROUNDDOWN($C3276/24,0)+1,1))-1)+IF('Standard Profiles'!$G$18=$B$10,7,0)+IF('Standard Profiles'!$G$18=$B$17,14,0)+IF('Standard Profiles'!$G$18=$B$24,21,0),0)),0)</f>
        <v>7.3512070423957168</v>
      </c>
      <c r="E3276" cm="1">
        <f t="array" ref="E3276">IFERROR(INDEX(Jesper!AI$2:AI$366,ROUNDDOWN($C3276/24,0)+1,1)*INDEX($D$3:$AA$30,INDEX(Jesper!$R$2:$R$366,ROW(INDEX(Jesper!AI$2:AI$366,ROUNDDOWN($C3276/24,0)+1,1))-1)+IF('Standard Profiles'!$G$19=$B$10,7,0)+IF('Standard Profiles'!$G$19=$B$17,14,0)+IF('Standard Profiles'!$G$19=$B$24,21,0),MOD($C3276,24)+1)/SUM(INDEX($D$3:$AA$30,INDEX(Jesper!$R$2:$R$366,ROW(INDEX(Jesper!AI$2:AI$366,ROUNDDOWN($C3276/24,0)+1,1))-1)+IF('Standard Profiles'!$G$19=$B$10,7,0)+IF('Standard Profiles'!$G$19=$B$17,14,0)+IF('Standard Profiles'!$G$19=$B$24,21,0),0)),0)</f>
        <v>0</v>
      </c>
      <c r="F3276" cm="1">
        <f t="array" ref="F3276">IFERROR(INDEX(Jesper!AJ$2:AJ$366,ROUNDDOWN($C3276/24,0)+1,1)*INDEX($D$3:$AA$30,INDEX(Jesper!$R$2:$R$366,ROW(INDEX(Jesper!AJ$2:AJ$366,ROUNDDOWN($C3276/24,0)+1,1))-1)+IF('Standard Profiles'!$G$20=$B$10,7,0)+IF('Standard Profiles'!$G$20=$B$17,14,0)+IF('Standard Profiles'!$G$20=$B$24,21,0),MOD($C3276,24)+1)/SUM(INDEX($D$3:$AA$30,INDEX(Jesper!$R$2:$R$366,ROW(INDEX(Jesper!AJ$2:AJ$366,ROUNDDOWN($C3276/24,0)+1,1))-1)+IF('Standard Profiles'!$G$20=$B$10,7,0)+IF('Standard Profiles'!$G$20=$B$17,14,0)+IF('Standard Profiles'!$G$20=$B$24,21,0),0)),0)</f>
        <v>0</v>
      </c>
      <c r="G3276" cm="1">
        <f t="array" ref="G3276">IFERROR(INDEX(Jesper!AK$2:AK$366,ROUNDDOWN($C3276/24,0)+1,1)*INDEX($D$3:$AA$30,INDEX(Jesper!$R$2:$R$366,ROW(INDEX(Jesper!AK$2:AK$366,ROUNDDOWN($C3276/24,0)+1,1))-1)+IF('Standard Profiles'!$G$21=$B$10,7,0)+IF('Standard Profiles'!$G$21=$B$17,14,0)+IF('Standard Profiles'!$G$21=$B$24,21,0),MOD($C3276,24)+1)/SUM(INDEX($D$3:$AA$30,INDEX(Jesper!$R$2:$R$366,ROW(INDEX(Jesper!AK$2:AK$366,ROUNDDOWN($C3276/24,0)+1,1))-1)+IF('Standard Profiles'!$G$21=$B$10,7,0)+IF('Standard Profiles'!$G$21=$B$17,14,0)+IF('Standard Profiles'!$G$21=$B$24,21,0),0)),0)</f>
        <v>0</v>
      </c>
      <c r="H3276" cm="1">
        <f t="array" ref="H3276">IFERROR(INDEX(Jesper!AL$2:AL$366,ROUNDDOWN($C3276/24,0)+1,1)*INDEX($D$3:$AA$30,INDEX(Jesper!$R$2:$R$366,ROW(INDEX(Jesper!AL$2:AL$366,ROUNDDOWN($C3276/24,0)+1,1))-1)+IF('Standard Profiles'!$G$22=$B$10,7,0)+IF('Standard Profiles'!$G$22=$B$17,14,0)+IF('Standard Profiles'!$G$22=$B$24,21,0),MOD($C3276,24)+1)/SUM(INDEX($D$3:$AA$30,INDEX(Jesper!$R$2:$R$366,ROW(INDEX(Jesper!AL$2:AL$366,ROUNDDOWN($C3276/24,0)+1,1))-1)+IF('Standard Profiles'!$G$22=$B$10,7,0)+IF('Standard Profiles'!$G$22=$B$17,14,0)+IF('Standard Profiles'!$G$22=$B$24,21,0),0)),0)</f>
        <v>0</v>
      </c>
      <c r="I3276">
        <f t="shared" si="370"/>
        <v>0.22053621127187151</v>
      </c>
      <c r="J3276">
        <f t="shared" si="371"/>
        <v>0.73512070423957177</v>
      </c>
      <c r="K3276">
        <f t="shared" si="372"/>
        <v>1.1026810563593574</v>
      </c>
      <c r="L3276">
        <f t="shared" si="373"/>
        <v>5.2928690705249162</v>
      </c>
      <c r="M3276">
        <f t="shared" si="374"/>
        <v>0</v>
      </c>
      <c r="N3276" s="46">
        <f t="shared" si="375"/>
        <v>45427.08333332547</v>
      </c>
    </row>
    <row r="3277" spans="2:14" x14ac:dyDescent="0.3">
      <c r="B3277">
        <f t="shared" si="369"/>
        <v>3</v>
      </c>
      <c r="C3277" s="16">
        <v>3243</v>
      </c>
      <c r="D3277" cm="1">
        <f t="array" ref="D3277">IFERROR(INDEX(Jesper!AH$2:AH$366,ROUNDDOWN($C3277/24,0)+1,1)*INDEX($D$3:$AA$30,INDEX(Jesper!$R$2:$R$366,ROW(INDEX(Jesper!AH$2:AH$366,ROUNDDOWN($C3277/24,0)+1,1))-1)+IF('Standard Profiles'!$G$18=$B$10,7,0)+IF('Standard Profiles'!$G$18=$B$17,14,0)+IF('Standard Profiles'!$G$18=$B$24,21,0),MOD($C3277,24)+1)/SUM(INDEX($D$3:$AA$30,INDEX(Jesper!$R$2:$R$366,ROW(INDEX(Jesper!AH$2:AH$366,ROUNDDOWN($C3277/24,0)+1,1))-1)+IF('Standard Profiles'!$G$18=$B$10,7,0)+IF('Standard Profiles'!$G$18=$B$17,14,0)+IF('Standard Profiles'!$G$18=$B$24,21,0),0)),0)</f>
        <v>7.3512070423957168</v>
      </c>
      <c r="E3277" cm="1">
        <f t="array" ref="E3277">IFERROR(INDEX(Jesper!AI$2:AI$366,ROUNDDOWN($C3277/24,0)+1,1)*INDEX($D$3:$AA$30,INDEX(Jesper!$R$2:$R$366,ROW(INDEX(Jesper!AI$2:AI$366,ROUNDDOWN($C3277/24,0)+1,1))-1)+IF('Standard Profiles'!$G$19=$B$10,7,0)+IF('Standard Profiles'!$G$19=$B$17,14,0)+IF('Standard Profiles'!$G$19=$B$24,21,0),MOD($C3277,24)+1)/SUM(INDEX($D$3:$AA$30,INDEX(Jesper!$R$2:$R$366,ROW(INDEX(Jesper!AI$2:AI$366,ROUNDDOWN($C3277/24,0)+1,1))-1)+IF('Standard Profiles'!$G$19=$B$10,7,0)+IF('Standard Profiles'!$G$19=$B$17,14,0)+IF('Standard Profiles'!$G$19=$B$24,21,0),0)),0)</f>
        <v>0</v>
      </c>
      <c r="F3277" cm="1">
        <f t="array" ref="F3277">IFERROR(INDEX(Jesper!AJ$2:AJ$366,ROUNDDOWN($C3277/24,0)+1,1)*INDEX($D$3:$AA$30,INDEX(Jesper!$R$2:$R$366,ROW(INDEX(Jesper!AJ$2:AJ$366,ROUNDDOWN($C3277/24,0)+1,1))-1)+IF('Standard Profiles'!$G$20=$B$10,7,0)+IF('Standard Profiles'!$G$20=$B$17,14,0)+IF('Standard Profiles'!$G$20=$B$24,21,0),MOD($C3277,24)+1)/SUM(INDEX($D$3:$AA$30,INDEX(Jesper!$R$2:$R$366,ROW(INDEX(Jesper!AJ$2:AJ$366,ROUNDDOWN($C3277/24,0)+1,1))-1)+IF('Standard Profiles'!$G$20=$B$10,7,0)+IF('Standard Profiles'!$G$20=$B$17,14,0)+IF('Standard Profiles'!$G$20=$B$24,21,0),0)),0)</f>
        <v>0</v>
      </c>
      <c r="G3277" cm="1">
        <f t="array" ref="G3277">IFERROR(INDEX(Jesper!AK$2:AK$366,ROUNDDOWN($C3277/24,0)+1,1)*INDEX($D$3:$AA$30,INDEX(Jesper!$R$2:$R$366,ROW(INDEX(Jesper!AK$2:AK$366,ROUNDDOWN($C3277/24,0)+1,1))-1)+IF('Standard Profiles'!$G$21=$B$10,7,0)+IF('Standard Profiles'!$G$21=$B$17,14,0)+IF('Standard Profiles'!$G$21=$B$24,21,0),MOD($C3277,24)+1)/SUM(INDEX($D$3:$AA$30,INDEX(Jesper!$R$2:$R$366,ROW(INDEX(Jesper!AK$2:AK$366,ROUNDDOWN($C3277/24,0)+1,1))-1)+IF('Standard Profiles'!$G$21=$B$10,7,0)+IF('Standard Profiles'!$G$21=$B$17,14,0)+IF('Standard Profiles'!$G$21=$B$24,21,0),0)),0)</f>
        <v>0</v>
      </c>
      <c r="H3277" cm="1">
        <f t="array" ref="H3277">IFERROR(INDEX(Jesper!AL$2:AL$366,ROUNDDOWN($C3277/24,0)+1,1)*INDEX($D$3:$AA$30,INDEX(Jesper!$R$2:$R$366,ROW(INDEX(Jesper!AL$2:AL$366,ROUNDDOWN($C3277/24,0)+1,1))-1)+IF('Standard Profiles'!$G$22=$B$10,7,0)+IF('Standard Profiles'!$G$22=$B$17,14,0)+IF('Standard Profiles'!$G$22=$B$24,21,0),MOD($C3277,24)+1)/SUM(INDEX($D$3:$AA$30,INDEX(Jesper!$R$2:$R$366,ROW(INDEX(Jesper!AL$2:AL$366,ROUNDDOWN($C3277/24,0)+1,1))-1)+IF('Standard Profiles'!$G$22=$B$10,7,0)+IF('Standard Profiles'!$G$22=$B$17,14,0)+IF('Standard Profiles'!$G$22=$B$24,21,0),0)),0)</f>
        <v>0</v>
      </c>
      <c r="I3277">
        <f t="shared" si="370"/>
        <v>0.22053621127187151</v>
      </c>
      <c r="J3277">
        <f t="shared" si="371"/>
        <v>0.73512070423957177</v>
      </c>
      <c r="K3277">
        <f t="shared" si="372"/>
        <v>1.1026810563593574</v>
      </c>
      <c r="L3277">
        <f t="shared" si="373"/>
        <v>5.2928690705249162</v>
      </c>
      <c r="M3277">
        <f t="shared" si="374"/>
        <v>0</v>
      </c>
      <c r="N3277" s="46">
        <f t="shared" si="375"/>
        <v>45427.124999992135</v>
      </c>
    </row>
    <row r="3278" spans="2:14" x14ac:dyDescent="0.3">
      <c r="B3278">
        <f t="shared" si="369"/>
        <v>3</v>
      </c>
      <c r="C3278" s="16">
        <v>3244</v>
      </c>
      <c r="D3278" cm="1">
        <f t="array" ref="D3278">IFERROR(INDEX(Jesper!AH$2:AH$366,ROUNDDOWN($C3278/24,0)+1,1)*INDEX($D$3:$AA$30,INDEX(Jesper!$R$2:$R$366,ROW(INDEX(Jesper!AH$2:AH$366,ROUNDDOWN($C3278/24,0)+1,1))-1)+IF('Standard Profiles'!$G$18=$B$10,7,0)+IF('Standard Profiles'!$G$18=$B$17,14,0)+IF('Standard Profiles'!$G$18=$B$24,21,0),MOD($C3278,24)+1)/SUM(INDEX($D$3:$AA$30,INDEX(Jesper!$R$2:$R$366,ROW(INDEX(Jesper!AH$2:AH$366,ROUNDDOWN($C3278/24,0)+1,1))-1)+IF('Standard Profiles'!$G$18=$B$10,7,0)+IF('Standard Profiles'!$G$18=$B$17,14,0)+IF('Standard Profiles'!$G$18=$B$24,21,0),0)),0)</f>
        <v>7.3512070423957168</v>
      </c>
      <c r="E3278" cm="1">
        <f t="array" ref="E3278">IFERROR(INDEX(Jesper!AI$2:AI$366,ROUNDDOWN($C3278/24,0)+1,1)*INDEX($D$3:$AA$30,INDEX(Jesper!$R$2:$R$366,ROW(INDEX(Jesper!AI$2:AI$366,ROUNDDOWN($C3278/24,0)+1,1))-1)+IF('Standard Profiles'!$G$19=$B$10,7,0)+IF('Standard Profiles'!$G$19=$B$17,14,0)+IF('Standard Profiles'!$G$19=$B$24,21,0),MOD($C3278,24)+1)/SUM(INDEX($D$3:$AA$30,INDEX(Jesper!$R$2:$R$366,ROW(INDEX(Jesper!AI$2:AI$366,ROUNDDOWN($C3278/24,0)+1,1))-1)+IF('Standard Profiles'!$G$19=$B$10,7,0)+IF('Standard Profiles'!$G$19=$B$17,14,0)+IF('Standard Profiles'!$G$19=$B$24,21,0),0)),0)</f>
        <v>0</v>
      </c>
      <c r="F3278" cm="1">
        <f t="array" ref="F3278">IFERROR(INDEX(Jesper!AJ$2:AJ$366,ROUNDDOWN($C3278/24,0)+1,1)*INDEX($D$3:$AA$30,INDEX(Jesper!$R$2:$R$366,ROW(INDEX(Jesper!AJ$2:AJ$366,ROUNDDOWN($C3278/24,0)+1,1))-1)+IF('Standard Profiles'!$G$20=$B$10,7,0)+IF('Standard Profiles'!$G$20=$B$17,14,0)+IF('Standard Profiles'!$G$20=$B$24,21,0),MOD($C3278,24)+1)/SUM(INDEX($D$3:$AA$30,INDEX(Jesper!$R$2:$R$366,ROW(INDEX(Jesper!AJ$2:AJ$366,ROUNDDOWN($C3278/24,0)+1,1))-1)+IF('Standard Profiles'!$G$20=$B$10,7,0)+IF('Standard Profiles'!$G$20=$B$17,14,0)+IF('Standard Profiles'!$G$20=$B$24,21,0),0)),0)</f>
        <v>0</v>
      </c>
      <c r="G3278" cm="1">
        <f t="array" ref="G3278">IFERROR(INDEX(Jesper!AK$2:AK$366,ROUNDDOWN($C3278/24,0)+1,1)*INDEX($D$3:$AA$30,INDEX(Jesper!$R$2:$R$366,ROW(INDEX(Jesper!AK$2:AK$366,ROUNDDOWN($C3278/24,0)+1,1))-1)+IF('Standard Profiles'!$G$21=$B$10,7,0)+IF('Standard Profiles'!$G$21=$B$17,14,0)+IF('Standard Profiles'!$G$21=$B$24,21,0),MOD($C3278,24)+1)/SUM(INDEX($D$3:$AA$30,INDEX(Jesper!$R$2:$R$366,ROW(INDEX(Jesper!AK$2:AK$366,ROUNDDOWN($C3278/24,0)+1,1))-1)+IF('Standard Profiles'!$G$21=$B$10,7,0)+IF('Standard Profiles'!$G$21=$B$17,14,0)+IF('Standard Profiles'!$G$21=$B$24,21,0),0)),0)</f>
        <v>0</v>
      </c>
      <c r="H3278" cm="1">
        <f t="array" ref="H3278">IFERROR(INDEX(Jesper!AL$2:AL$366,ROUNDDOWN($C3278/24,0)+1,1)*INDEX($D$3:$AA$30,INDEX(Jesper!$R$2:$R$366,ROW(INDEX(Jesper!AL$2:AL$366,ROUNDDOWN($C3278/24,0)+1,1))-1)+IF('Standard Profiles'!$G$22=$B$10,7,0)+IF('Standard Profiles'!$G$22=$B$17,14,0)+IF('Standard Profiles'!$G$22=$B$24,21,0),MOD($C3278,24)+1)/SUM(INDEX($D$3:$AA$30,INDEX(Jesper!$R$2:$R$366,ROW(INDEX(Jesper!AL$2:AL$366,ROUNDDOWN($C3278/24,0)+1,1))-1)+IF('Standard Profiles'!$G$22=$B$10,7,0)+IF('Standard Profiles'!$G$22=$B$17,14,0)+IF('Standard Profiles'!$G$22=$B$24,21,0),0)),0)</f>
        <v>0</v>
      </c>
      <c r="I3278">
        <f t="shared" si="370"/>
        <v>0.22053621127187151</v>
      </c>
      <c r="J3278">
        <f t="shared" si="371"/>
        <v>0.73512070423957177</v>
      </c>
      <c r="K3278">
        <f t="shared" si="372"/>
        <v>1.1026810563593574</v>
      </c>
      <c r="L3278">
        <f t="shared" si="373"/>
        <v>5.2928690705249162</v>
      </c>
      <c r="M3278">
        <f t="shared" si="374"/>
        <v>0</v>
      </c>
      <c r="N3278" s="46">
        <f t="shared" si="375"/>
        <v>45427.166666658799</v>
      </c>
    </row>
    <row r="3279" spans="2:14" x14ac:dyDescent="0.3">
      <c r="B3279">
        <f t="shared" si="369"/>
        <v>3</v>
      </c>
      <c r="C3279" s="16">
        <v>3245</v>
      </c>
      <c r="D3279" cm="1">
        <f t="array" ref="D3279">IFERROR(INDEX(Jesper!AH$2:AH$366,ROUNDDOWN($C3279/24,0)+1,1)*INDEX($D$3:$AA$30,INDEX(Jesper!$R$2:$R$366,ROW(INDEX(Jesper!AH$2:AH$366,ROUNDDOWN($C3279/24,0)+1,1))-1)+IF('Standard Profiles'!$G$18=$B$10,7,0)+IF('Standard Profiles'!$G$18=$B$17,14,0)+IF('Standard Profiles'!$G$18=$B$24,21,0),MOD($C3279,24)+1)/SUM(INDEX($D$3:$AA$30,INDEX(Jesper!$R$2:$R$366,ROW(INDEX(Jesper!AH$2:AH$366,ROUNDDOWN($C3279/24,0)+1,1))-1)+IF('Standard Profiles'!$G$18=$B$10,7,0)+IF('Standard Profiles'!$G$18=$B$17,14,0)+IF('Standard Profiles'!$G$18=$B$24,21,0),0)),0)</f>
        <v>9.4748890768655922</v>
      </c>
      <c r="E3279" cm="1">
        <f t="array" ref="E3279">IFERROR(INDEX(Jesper!AI$2:AI$366,ROUNDDOWN($C3279/24,0)+1,1)*INDEX($D$3:$AA$30,INDEX(Jesper!$R$2:$R$366,ROW(INDEX(Jesper!AI$2:AI$366,ROUNDDOWN($C3279/24,0)+1,1))-1)+IF('Standard Profiles'!$G$19=$B$10,7,0)+IF('Standard Profiles'!$G$19=$B$17,14,0)+IF('Standard Profiles'!$G$19=$B$24,21,0),MOD($C3279,24)+1)/SUM(INDEX($D$3:$AA$30,INDEX(Jesper!$R$2:$R$366,ROW(INDEX(Jesper!AI$2:AI$366,ROUNDDOWN($C3279/24,0)+1,1))-1)+IF('Standard Profiles'!$G$19=$B$10,7,0)+IF('Standard Profiles'!$G$19=$B$17,14,0)+IF('Standard Profiles'!$G$19=$B$24,21,0),0)),0)</f>
        <v>0</v>
      </c>
      <c r="F3279" cm="1">
        <f t="array" ref="F3279">IFERROR(INDEX(Jesper!AJ$2:AJ$366,ROUNDDOWN($C3279/24,0)+1,1)*INDEX($D$3:$AA$30,INDEX(Jesper!$R$2:$R$366,ROW(INDEX(Jesper!AJ$2:AJ$366,ROUNDDOWN($C3279/24,0)+1,1))-1)+IF('Standard Profiles'!$G$20=$B$10,7,0)+IF('Standard Profiles'!$G$20=$B$17,14,0)+IF('Standard Profiles'!$G$20=$B$24,21,0),MOD($C3279,24)+1)/SUM(INDEX($D$3:$AA$30,INDEX(Jesper!$R$2:$R$366,ROW(INDEX(Jesper!AJ$2:AJ$366,ROUNDDOWN($C3279/24,0)+1,1))-1)+IF('Standard Profiles'!$G$20=$B$10,7,0)+IF('Standard Profiles'!$G$20=$B$17,14,0)+IF('Standard Profiles'!$G$20=$B$24,21,0),0)),0)</f>
        <v>0</v>
      </c>
      <c r="G3279" cm="1">
        <f t="array" ref="G3279">IFERROR(INDEX(Jesper!AK$2:AK$366,ROUNDDOWN($C3279/24,0)+1,1)*INDEX($D$3:$AA$30,INDEX(Jesper!$R$2:$R$366,ROW(INDEX(Jesper!AK$2:AK$366,ROUNDDOWN($C3279/24,0)+1,1))-1)+IF('Standard Profiles'!$G$21=$B$10,7,0)+IF('Standard Profiles'!$G$21=$B$17,14,0)+IF('Standard Profiles'!$G$21=$B$24,21,0),MOD($C3279,24)+1)/SUM(INDEX($D$3:$AA$30,INDEX(Jesper!$R$2:$R$366,ROW(INDEX(Jesper!AK$2:AK$366,ROUNDDOWN($C3279/24,0)+1,1))-1)+IF('Standard Profiles'!$G$21=$B$10,7,0)+IF('Standard Profiles'!$G$21=$B$17,14,0)+IF('Standard Profiles'!$G$21=$B$24,21,0),0)),0)</f>
        <v>0</v>
      </c>
      <c r="H3279" cm="1">
        <f t="array" ref="H3279">IFERROR(INDEX(Jesper!AL$2:AL$366,ROUNDDOWN($C3279/24,0)+1,1)*INDEX($D$3:$AA$30,INDEX(Jesper!$R$2:$R$366,ROW(INDEX(Jesper!AL$2:AL$366,ROUNDDOWN($C3279/24,0)+1,1))-1)+IF('Standard Profiles'!$G$22=$B$10,7,0)+IF('Standard Profiles'!$G$22=$B$17,14,0)+IF('Standard Profiles'!$G$22=$B$24,21,0),MOD($C3279,24)+1)/SUM(INDEX($D$3:$AA$30,INDEX(Jesper!$R$2:$R$366,ROW(INDEX(Jesper!AL$2:AL$366,ROUNDDOWN($C3279/24,0)+1,1))-1)+IF('Standard Profiles'!$G$22=$B$10,7,0)+IF('Standard Profiles'!$G$22=$B$17,14,0)+IF('Standard Profiles'!$G$22=$B$24,21,0),0)),0)</f>
        <v>0</v>
      </c>
      <c r="I3279">
        <f t="shared" si="370"/>
        <v>0.28424667230596773</v>
      </c>
      <c r="J3279">
        <f t="shared" si="371"/>
        <v>0.94748890768655925</v>
      </c>
      <c r="K3279">
        <f t="shared" si="372"/>
        <v>1.4212333615298387</v>
      </c>
      <c r="L3279">
        <f t="shared" si="373"/>
        <v>6.8219201353432259</v>
      </c>
      <c r="M3279">
        <f t="shared" si="374"/>
        <v>0</v>
      </c>
      <c r="N3279" s="46">
        <f t="shared" si="375"/>
        <v>45427.208333325463</v>
      </c>
    </row>
    <row r="3280" spans="2:14" x14ac:dyDescent="0.3">
      <c r="B3280">
        <f t="shared" si="369"/>
        <v>3</v>
      </c>
      <c r="C3280" s="16">
        <v>3246</v>
      </c>
      <c r="D3280" cm="1">
        <f t="array" ref="D3280">IFERROR(INDEX(Jesper!AH$2:AH$366,ROUNDDOWN($C3280/24,0)+1,1)*INDEX($D$3:$AA$30,INDEX(Jesper!$R$2:$R$366,ROW(INDEX(Jesper!AH$2:AH$366,ROUNDDOWN($C3280/24,0)+1,1))-1)+IF('Standard Profiles'!$G$18=$B$10,7,0)+IF('Standard Profiles'!$G$18=$B$17,14,0)+IF('Standard Profiles'!$G$18=$B$24,21,0),MOD($C3280,24)+1)/SUM(INDEX($D$3:$AA$30,INDEX(Jesper!$R$2:$R$366,ROW(INDEX(Jesper!AH$2:AH$366,ROUNDDOWN($C3280/24,0)+1,1))-1)+IF('Standard Profiles'!$G$18=$B$10,7,0)+IF('Standard Profiles'!$G$18=$B$17,14,0)+IF('Standard Profiles'!$G$18=$B$24,21,0),0)),0)</f>
        <v>10.945130485344736</v>
      </c>
      <c r="E3280" cm="1">
        <f t="array" ref="E3280">IFERROR(INDEX(Jesper!AI$2:AI$366,ROUNDDOWN($C3280/24,0)+1,1)*INDEX($D$3:$AA$30,INDEX(Jesper!$R$2:$R$366,ROW(INDEX(Jesper!AI$2:AI$366,ROUNDDOWN($C3280/24,0)+1,1))-1)+IF('Standard Profiles'!$G$19=$B$10,7,0)+IF('Standard Profiles'!$G$19=$B$17,14,0)+IF('Standard Profiles'!$G$19=$B$24,21,0),MOD($C3280,24)+1)/SUM(INDEX($D$3:$AA$30,INDEX(Jesper!$R$2:$R$366,ROW(INDEX(Jesper!AI$2:AI$366,ROUNDDOWN($C3280/24,0)+1,1))-1)+IF('Standard Profiles'!$G$19=$B$10,7,0)+IF('Standard Profiles'!$G$19=$B$17,14,0)+IF('Standard Profiles'!$G$19=$B$24,21,0),0)),0)</f>
        <v>0</v>
      </c>
      <c r="F3280" cm="1">
        <f t="array" ref="F3280">IFERROR(INDEX(Jesper!AJ$2:AJ$366,ROUNDDOWN($C3280/24,0)+1,1)*INDEX($D$3:$AA$30,INDEX(Jesper!$R$2:$R$366,ROW(INDEX(Jesper!AJ$2:AJ$366,ROUNDDOWN($C3280/24,0)+1,1))-1)+IF('Standard Profiles'!$G$20=$B$10,7,0)+IF('Standard Profiles'!$G$20=$B$17,14,0)+IF('Standard Profiles'!$G$20=$B$24,21,0),MOD($C3280,24)+1)/SUM(INDEX($D$3:$AA$30,INDEX(Jesper!$R$2:$R$366,ROW(INDEX(Jesper!AJ$2:AJ$366,ROUNDDOWN($C3280/24,0)+1,1))-1)+IF('Standard Profiles'!$G$20=$B$10,7,0)+IF('Standard Profiles'!$G$20=$B$17,14,0)+IF('Standard Profiles'!$G$20=$B$24,21,0),0)),0)</f>
        <v>0</v>
      </c>
      <c r="G3280" cm="1">
        <f t="array" ref="G3280">IFERROR(INDEX(Jesper!AK$2:AK$366,ROUNDDOWN($C3280/24,0)+1,1)*INDEX($D$3:$AA$30,INDEX(Jesper!$R$2:$R$366,ROW(INDEX(Jesper!AK$2:AK$366,ROUNDDOWN($C3280/24,0)+1,1))-1)+IF('Standard Profiles'!$G$21=$B$10,7,0)+IF('Standard Profiles'!$G$21=$B$17,14,0)+IF('Standard Profiles'!$G$21=$B$24,21,0),MOD($C3280,24)+1)/SUM(INDEX($D$3:$AA$30,INDEX(Jesper!$R$2:$R$366,ROW(INDEX(Jesper!AK$2:AK$366,ROUNDDOWN($C3280/24,0)+1,1))-1)+IF('Standard Profiles'!$G$21=$B$10,7,0)+IF('Standard Profiles'!$G$21=$B$17,14,0)+IF('Standard Profiles'!$G$21=$B$24,21,0),0)),0)</f>
        <v>0</v>
      </c>
      <c r="H3280" cm="1">
        <f t="array" ref="H3280">IFERROR(INDEX(Jesper!AL$2:AL$366,ROUNDDOWN($C3280/24,0)+1,1)*INDEX($D$3:$AA$30,INDEX(Jesper!$R$2:$R$366,ROW(INDEX(Jesper!AL$2:AL$366,ROUNDDOWN($C3280/24,0)+1,1))-1)+IF('Standard Profiles'!$G$22=$B$10,7,0)+IF('Standard Profiles'!$G$22=$B$17,14,0)+IF('Standard Profiles'!$G$22=$B$24,21,0),MOD($C3280,24)+1)/SUM(INDEX($D$3:$AA$30,INDEX(Jesper!$R$2:$R$366,ROW(INDEX(Jesper!AL$2:AL$366,ROUNDDOWN($C3280/24,0)+1,1))-1)+IF('Standard Profiles'!$G$22=$B$10,7,0)+IF('Standard Profiles'!$G$22=$B$17,14,0)+IF('Standard Profiles'!$G$22=$B$24,21,0),0)),0)</f>
        <v>0</v>
      </c>
      <c r="I3280">
        <f t="shared" si="370"/>
        <v>0.32835391456034208</v>
      </c>
      <c r="J3280">
        <f t="shared" si="371"/>
        <v>1.0945130485344736</v>
      </c>
      <c r="K3280">
        <f t="shared" si="372"/>
        <v>1.6417695728017103</v>
      </c>
      <c r="L3280">
        <f t="shared" si="373"/>
        <v>7.8804939494482094</v>
      </c>
      <c r="M3280">
        <f t="shared" si="374"/>
        <v>0</v>
      </c>
      <c r="N3280" s="46">
        <f t="shared" si="375"/>
        <v>45427.249999992127</v>
      </c>
    </row>
    <row r="3281" spans="2:14" x14ac:dyDescent="0.3">
      <c r="B3281">
        <f t="shared" si="369"/>
        <v>3</v>
      </c>
      <c r="C3281" s="16">
        <v>3247</v>
      </c>
      <c r="D3281" cm="1">
        <f t="array" ref="D3281">IFERROR(INDEX(Jesper!AH$2:AH$366,ROUNDDOWN($C3281/24,0)+1,1)*INDEX($D$3:$AA$30,INDEX(Jesper!$R$2:$R$366,ROW(INDEX(Jesper!AH$2:AH$366,ROUNDDOWN($C3281/24,0)+1,1))-1)+IF('Standard Profiles'!$G$18=$B$10,7,0)+IF('Standard Profiles'!$G$18=$B$17,14,0)+IF('Standard Profiles'!$G$18=$B$24,21,0),MOD($C3281,24)+1)/SUM(INDEX($D$3:$AA$30,INDEX(Jesper!$R$2:$R$366,ROW(INDEX(Jesper!AH$2:AH$366,ROUNDDOWN($C3281/24,0)+1,1))-1)+IF('Standard Profiles'!$G$18=$B$10,7,0)+IF('Standard Profiles'!$G$18=$B$17,14,0)+IF('Standard Profiles'!$G$18=$B$24,21,0),0)),0)</f>
        <v>10.945130485344736</v>
      </c>
      <c r="E3281" cm="1">
        <f t="array" ref="E3281">IFERROR(INDEX(Jesper!AI$2:AI$366,ROUNDDOWN($C3281/24,0)+1,1)*INDEX($D$3:$AA$30,INDEX(Jesper!$R$2:$R$366,ROW(INDEX(Jesper!AI$2:AI$366,ROUNDDOWN($C3281/24,0)+1,1))-1)+IF('Standard Profiles'!$G$19=$B$10,7,0)+IF('Standard Profiles'!$G$19=$B$17,14,0)+IF('Standard Profiles'!$G$19=$B$24,21,0),MOD($C3281,24)+1)/SUM(INDEX($D$3:$AA$30,INDEX(Jesper!$R$2:$R$366,ROW(INDEX(Jesper!AI$2:AI$366,ROUNDDOWN($C3281/24,0)+1,1))-1)+IF('Standard Profiles'!$G$19=$B$10,7,0)+IF('Standard Profiles'!$G$19=$B$17,14,0)+IF('Standard Profiles'!$G$19=$B$24,21,0),0)),0)</f>
        <v>0</v>
      </c>
      <c r="F3281" cm="1">
        <f t="array" ref="F3281">IFERROR(INDEX(Jesper!AJ$2:AJ$366,ROUNDDOWN($C3281/24,0)+1,1)*INDEX($D$3:$AA$30,INDEX(Jesper!$R$2:$R$366,ROW(INDEX(Jesper!AJ$2:AJ$366,ROUNDDOWN($C3281/24,0)+1,1))-1)+IF('Standard Profiles'!$G$20=$B$10,7,0)+IF('Standard Profiles'!$G$20=$B$17,14,0)+IF('Standard Profiles'!$G$20=$B$24,21,0),MOD($C3281,24)+1)/SUM(INDEX($D$3:$AA$30,INDEX(Jesper!$R$2:$R$366,ROW(INDEX(Jesper!AJ$2:AJ$366,ROUNDDOWN($C3281/24,0)+1,1))-1)+IF('Standard Profiles'!$G$20=$B$10,7,0)+IF('Standard Profiles'!$G$20=$B$17,14,0)+IF('Standard Profiles'!$G$20=$B$24,21,0),0)),0)</f>
        <v>0</v>
      </c>
      <c r="G3281" cm="1">
        <f t="array" ref="G3281">IFERROR(INDEX(Jesper!AK$2:AK$366,ROUNDDOWN($C3281/24,0)+1,1)*INDEX($D$3:$AA$30,INDEX(Jesper!$R$2:$R$366,ROW(INDEX(Jesper!AK$2:AK$366,ROUNDDOWN($C3281/24,0)+1,1))-1)+IF('Standard Profiles'!$G$21=$B$10,7,0)+IF('Standard Profiles'!$G$21=$B$17,14,0)+IF('Standard Profiles'!$G$21=$B$24,21,0),MOD($C3281,24)+1)/SUM(INDEX($D$3:$AA$30,INDEX(Jesper!$R$2:$R$366,ROW(INDEX(Jesper!AK$2:AK$366,ROUNDDOWN($C3281/24,0)+1,1))-1)+IF('Standard Profiles'!$G$21=$B$10,7,0)+IF('Standard Profiles'!$G$21=$B$17,14,0)+IF('Standard Profiles'!$G$21=$B$24,21,0),0)),0)</f>
        <v>0</v>
      </c>
      <c r="H3281" cm="1">
        <f t="array" ref="H3281">IFERROR(INDEX(Jesper!AL$2:AL$366,ROUNDDOWN($C3281/24,0)+1,1)*INDEX($D$3:$AA$30,INDEX(Jesper!$R$2:$R$366,ROW(INDEX(Jesper!AL$2:AL$366,ROUNDDOWN($C3281/24,0)+1,1))-1)+IF('Standard Profiles'!$G$22=$B$10,7,0)+IF('Standard Profiles'!$G$22=$B$17,14,0)+IF('Standard Profiles'!$G$22=$B$24,21,0),MOD($C3281,24)+1)/SUM(INDEX($D$3:$AA$30,INDEX(Jesper!$R$2:$R$366,ROW(INDEX(Jesper!AL$2:AL$366,ROUNDDOWN($C3281/24,0)+1,1))-1)+IF('Standard Profiles'!$G$22=$B$10,7,0)+IF('Standard Profiles'!$G$22=$B$17,14,0)+IF('Standard Profiles'!$G$22=$B$24,21,0),0)),0)</f>
        <v>0</v>
      </c>
      <c r="I3281">
        <f t="shared" si="370"/>
        <v>0.32835391456034208</v>
      </c>
      <c r="J3281">
        <f t="shared" si="371"/>
        <v>1.0945130485344736</v>
      </c>
      <c r="K3281">
        <f t="shared" si="372"/>
        <v>1.6417695728017103</v>
      </c>
      <c r="L3281">
        <f t="shared" si="373"/>
        <v>7.8804939494482094</v>
      </c>
      <c r="M3281">
        <f t="shared" si="374"/>
        <v>0</v>
      </c>
      <c r="N3281" s="46">
        <f t="shared" si="375"/>
        <v>45427.291666658792</v>
      </c>
    </row>
    <row r="3282" spans="2:14" x14ac:dyDescent="0.3">
      <c r="B3282">
        <f t="shared" si="369"/>
        <v>3</v>
      </c>
      <c r="C3282" s="16">
        <v>3248</v>
      </c>
      <c r="D3282" cm="1">
        <f t="array" ref="D3282">IFERROR(INDEX(Jesper!AH$2:AH$366,ROUNDDOWN($C3282/24,0)+1,1)*INDEX($D$3:$AA$30,INDEX(Jesper!$R$2:$R$366,ROW(INDEX(Jesper!AH$2:AH$366,ROUNDDOWN($C3282/24,0)+1,1))-1)+IF('Standard Profiles'!$G$18=$B$10,7,0)+IF('Standard Profiles'!$G$18=$B$17,14,0)+IF('Standard Profiles'!$G$18=$B$24,21,0),MOD($C3282,24)+1)/SUM(INDEX($D$3:$AA$30,INDEX(Jesper!$R$2:$R$366,ROW(INDEX(Jesper!AH$2:AH$366,ROUNDDOWN($C3282/24,0)+1,1))-1)+IF('Standard Profiles'!$G$18=$B$10,7,0)+IF('Standard Profiles'!$G$18=$B$17,14,0)+IF('Standard Profiles'!$G$18=$B$24,21,0),0)),0)</f>
        <v>10.945130485344736</v>
      </c>
      <c r="E3282" cm="1">
        <f t="array" ref="E3282">IFERROR(INDEX(Jesper!AI$2:AI$366,ROUNDDOWN($C3282/24,0)+1,1)*INDEX($D$3:$AA$30,INDEX(Jesper!$R$2:$R$366,ROW(INDEX(Jesper!AI$2:AI$366,ROUNDDOWN($C3282/24,0)+1,1))-1)+IF('Standard Profiles'!$G$19=$B$10,7,0)+IF('Standard Profiles'!$G$19=$B$17,14,0)+IF('Standard Profiles'!$G$19=$B$24,21,0),MOD($C3282,24)+1)/SUM(INDEX($D$3:$AA$30,INDEX(Jesper!$R$2:$R$366,ROW(INDEX(Jesper!AI$2:AI$366,ROUNDDOWN($C3282/24,0)+1,1))-1)+IF('Standard Profiles'!$G$19=$B$10,7,0)+IF('Standard Profiles'!$G$19=$B$17,14,0)+IF('Standard Profiles'!$G$19=$B$24,21,0),0)),0)</f>
        <v>0</v>
      </c>
      <c r="F3282" cm="1">
        <f t="array" ref="F3282">IFERROR(INDEX(Jesper!AJ$2:AJ$366,ROUNDDOWN($C3282/24,0)+1,1)*INDEX($D$3:$AA$30,INDEX(Jesper!$R$2:$R$366,ROW(INDEX(Jesper!AJ$2:AJ$366,ROUNDDOWN($C3282/24,0)+1,1))-1)+IF('Standard Profiles'!$G$20=$B$10,7,0)+IF('Standard Profiles'!$G$20=$B$17,14,0)+IF('Standard Profiles'!$G$20=$B$24,21,0),MOD($C3282,24)+1)/SUM(INDEX($D$3:$AA$30,INDEX(Jesper!$R$2:$R$366,ROW(INDEX(Jesper!AJ$2:AJ$366,ROUNDDOWN($C3282/24,0)+1,1))-1)+IF('Standard Profiles'!$G$20=$B$10,7,0)+IF('Standard Profiles'!$G$20=$B$17,14,0)+IF('Standard Profiles'!$G$20=$B$24,21,0),0)),0)</f>
        <v>0</v>
      </c>
      <c r="G3282" cm="1">
        <f t="array" ref="G3282">IFERROR(INDEX(Jesper!AK$2:AK$366,ROUNDDOWN($C3282/24,0)+1,1)*INDEX($D$3:$AA$30,INDEX(Jesper!$R$2:$R$366,ROW(INDEX(Jesper!AK$2:AK$366,ROUNDDOWN($C3282/24,0)+1,1))-1)+IF('Standard Profiles'!$G$21=$B$10,7,0)+IF('Standard Profiles'!$G$21=$B$17,14,0)+IF('Standard Profiles'!$G$21=$B$24,21,0),MOD($C3282,24)+1)/SUM(INDEX($D$3:$AA$30,INDEX(Jesper!$R$2:$R$366,ROW(INDEX(Jesper!AK$2:AK$366,ROUNDDOWN($C3282/24,0)+1,1))-1)+IF('Standard Profiles'!$G$21=$B$10,7,0)+IF('Standard Profiles'!$G$21=$B$17,14,0)+IF('Standard Profiles'!$G$21=$B$24,21,0),0)),0)</f>
        <v>0</v>
      </c>
      <c r="H3282" cm="1">
        <f t="array" ref="H3282">IFERROR(INDEX(Jesper!AL$2:AL$366,ROUNDDOWN($C3282/24,0)+1,1)*INDEX($D$3:$AA$30,INDEX(Jesper!$R$2:$R$366,ROW(INDEX(Jesper!AL$2:AL$366,ROUNDDOWN($C3282/24,0)+1,1))-1)+IF('Standard Profiles'!$G$22=$B$10,7,0)+IF('Standard Profiles'!$G$22=$B$17,14,0)+IF('Standard Profiles'!$G$22=$B$24,21,0),MOD($C3282,24)+1)/SUM(INDEX($D$3:$AA$30,INDEX(Jesper!$R$2:$R$366,ROW(INDEX(Jesper!AL$2:AL$366,ROUNDDOWN($C3282/24,0)+1,1))-1)+IF('Standard Profiles'!$G$22=$B$10,7,0)+IF('Standard Profiles'!$G$22=$B$17,14,0)+IF('Standard Profiles'!$G$22=$B$24,21,0),0)),0)</f>
        <v>0</v>
      </c>
      <c r="I3282">
        <f t="shared" si="370"/>
        <v>0.32835391456034208</v>
      </c>
      <c r="J3282">
        <f t="shared" si="371"/>
        <v>1.0945130485344736</v>
      </c>
      <c r="K3282">
        <f t="shared" si="372"/>
        <v>1.6417695728017103</v>
      </c>
      <c r="L3282">
        <f t="shared" si="373"/>
        <v>7.8804939494482094</v>
      </c>
      <c r="M3282">
        <f t="shared" si="374"/>
        <v>0</v>
      </c>
      <c r="N3282" s="46">
        <f t="shared" si="375"/>
        <v>45427.333333325456</v>
      </c>
    </row>
    <row r="3283" spans="2:14" x14ac:dyDescent="0.3">
      <c r="B3283">
        <f t="shared" si="369"/>
        <v>3</v>
      </c>
      <c r="C3283" s="16">
        <v>3249</v>
      </c>
      <c r="D3283" cm="1">
        <f t="array" ref="D3283">IFERROR(INDEX(Jesper!AH$2:AH$366,ROUNDDOWN($C3283/24,0)+1,1)*INDEX($D$3:$AA$30,INDEX(Jesper!$R$2:$R$366,ROW(INDEX(Jesper!AH$2:AH$366,ROUNDDOWN($C3283/24,0)+1,1))-1)+IF('Standard Profiles'!$G$18=$B$10,7,0)+IF('Standard Profiles'!$G$18=$B$17,14,0)+IF('Standard Profiles'!$G$18=$B$24,21,0),MOD($C3283,24)+1)/SUM(INDEX($D$3:$AA$30,INDEX(Jesper!$R$2:$R$366,ROW(INDEX(Jesper!AH$2:AH$366,ROUNDDOWN($C3283/24,0)+1,1))-1)+IF('Standard Profiles'!$G$18=$B$10,7,0)+IF('Standard Profiles'!$G$18=$B$17,14,0)+IF('Standard Profiles'!$G$18=$B$24,21,0),0)),0)</f>
        <v>11.761931267833148</v>
      </c>
      <c r="E3283" cm="1">
        <f t="array" ref="E3283">IFERROR(INDEX(Jesper!AI$2:AI$366,ROUNDDOWN($C3283/24,0)+1,1)*INDEX($D$3:$AA$30,INDEX(Jesper!$R$2:$R$366,ROW(INDEX(Jesper!AI$2:AI$366,ROUNDDOWN($C3283/24,0)+1,1))-1)+IF('Standard Profiles'!$G$19=$B$10,7,0)+IF('Standard Profiles'!$G$19=$B$17,14,0)+IF('Standard Profiles'!$G$19=$B$24,21,0),MOD($C3283,24)+1)/SUM(INDEX($D$3:$AA$30,INDEX(Jesper!$R$2:$R$366,ROW(INDEX(Jesper!AI$2:AI$366,ROUNDDOWN($C3283/24,0)+1,1))-1)+IF('Standard Profiles'!$G$19=$B$10,7,0)+IF('Standard Profiles'!$G$19=$B$17,14,0)+IF('Standard Profiles'!$G$19=$B$24,21,0),0)),0)</f>
        <v>0</v>
      </c>
      <c r="F3283" cm="1">
        <f t="array" ref="F3283">IFERROR(INDEX(Jesper!AJ$2:AJ$366,ROUNDDOWN($C3283/24,0)+1,1)*INDEX($D$3:$AA$30,INDEX(Jesper!$R$2:$R$366,ROW(INDEX(Jesper!AJ$2:AJ$366,ROUNDDOWN($C3283/24,0)+1,1))-1)+IF('Standard Profiles'!$G$20=$B$10,7,0)+IF('Standard Profiles'!$G$20=$B$17,14,0)+IF('Standard Profiles'!$G$20=$B$24,21,0),MOD($C3283,24)+1)/SUM(INDEX($D$3:$AA$30,INDEX(Jesper!$R$2:$R$366,ROW(INDEX(Jesper!AJ$2:AJ$366,ROUNDDOWN($C3283/24,0)+1,1))-1)+IF('Standard Profiles'!$G$20=$B$10,7,0)+IF('Standard Profiles'!$G$20=$B$17,14,0)+IF('Standard Profiles'!$G$20=$B$24,21,0),0)),0)</f>
        <v>0</v>
      </c>
      <c r="G3283" cm="1">
        <f t="array" ref="G3283">IFERROR(INDEX(Jesper!AK$2:AK$366,ROUNDDOWN($C3283/24,0)+1,1)*INDEX($D$3:$AA$30,INDEX(Jesper!$R$2:$R$366,ROW(INDEX(Jesper!AK$2:AK$366,ROUNDDOWN($C3283/24,0)+1,1))-1)+IF('Standard Profiles'!$G$21=$B$10,7,0)+IF('Standard Profiles'!$G$21=$B$17,14,0)+IF('Standard Profiles'!$G$21=$B$24,21,0),MOD($C3283,24)+1)/SUM(INDEX($D$3:$AA$30,INDEX(Jesper!$R$2:$R$366,ROW(INDEX(Jesper!AK$2:AK$366,ROUNDDOWN($C3283/24,0)+1,1))-1)+IF('Standard Profiles'!$G$21=$B$10,7,0)+IF('Standard Profiles'!$G$21=$B$17,14,0)+IF('Standard Profiles'!$G$21=$B$24,21,0),0)),0)</f>
        <v>0</v>
      </c>
      <c r="H3283" cm="1">
        <f t="array" ref="H3283">IFERROR(INDEX(Jesper!AL$2:AL$366,ROUNDDOWN($C3283/24,0)+1,1)*INDEX($D$3:$AA$30,INDEX(Jesper!$R$2:$R$366,ROW(INDEX(Jesper!AL$2:AL$366,ROUNDDOWN($C3283/24,0)+1,1))-1)+IF('Standard Profiles'!$G$22=$B$10,7,0)+IF('Standard Profiles'!$G$22=$B$17,14,0)+IF('Standard Profiles'!$G$22=$B$24,21,0),MOD($C3283,24)+1)/SUM(INDEX($D$3:$AA$30,INDEX(Jesper!$R$2:$R$366,ROW(INDEX(Jesper!AL$2:AL$366,ROUNDDOWN($C3283/24,0)+1,1))-1)+IF('Standard Profiles'!$G$22=$B$10,7,0)+IF('Standard Profiles'!$G$22=$B$17,14,0)+IF('Standard Profiles'!$G$22=$B$24,21,0),0)),0)</f>
        <v>0</v>
      </c>
      <c r="I3283">
        <f t="shared" si="370"/>
        <v>0.35285793803499443</v>
      </c>
      <c r="J3283">
        <f t="shared" si="371"/>
        <v>1.1761931267833148</v>
      </c>
      <c r="K3283">
        <f t="shared" si="372"/>
        <v>1.7642896901749723</v>
      </c>
      <c r="L3283">
        <f t="shared" si="373"/>
        <v>8.4685905128398673</v>
      </c>
      <c r="M3283">
        <f t="shared" si="374"/>
        <v>0</v>
      </c>
      <c r="N3283" s="46">
        <f t="shared" si="375"/>
        <v>45427.37499999212</v>
      </c>
    </row>
    <row r="3284" spans="2:14" x14ac:dyDescent="0.3">
      <c r="B3284">
        <f t="shared" si="369"/>
        <v>3</v>
      </c>
      <c r="C3284" s="16">
        <v>3250</v>
      </c>
      <c r="D3284" cm="1">
        <f t="array" ref="D3284">IFERROR(INDEX(Jesper!AH$2:AH$366,ROUNDDOWN($C3284/24,0)+1,1)*INDEX($D$3:$AA$30,INDEX(Jesper!$R$2:$R$366,ROW(INDEX(Jesper!AH$2:AH$366,ROUNDDOWN($C3284/24,0)+1,1))-1)+IF('Standard Profiles'!$G$18=$B$10,7,0)+IF('Standard Profiles'!$G$18=$B$17,14,0)+IF('Standard Profiles'!$G$18=$B$24,21,0),MOD($C3284,24)+1)/SUM(INDEX($D$3:$AA$30,INDEX(Jesper!$R$2:$R$366,ROW(INDEX(Jesper!AH$2:AH$366,ROUNDDOWN($C3284/24,0)+1,1))-1)+IF('Standard Profiles'!$G$18=$B$10,7,0)+IF('Standard Profiles'!$G$18=$B$17,14,0)+IF('Standard Profiles'!$G$18=$B$24,21,0),0)),0)</f>
        <v>12.742092206819246</v>
      </c>
      <c r="E3284" cm="1">
        <f t="array" ref="E3284">IFERROR(INDEX(Jesper!AI$2:AI$366,ROUNDDOWN($C3284/24,0)+1,1)*INDEX($D$3:$AA$30,INDEX(Jesper!$R$2:$R$366,ROW(INDEX(Jesper!AI$2:AI$366,ROUNDDOWN($C3284/24,0)+1,1))-1)+IF('Standard Profiles'!$G$19=$B$10,7,0)+IF('Standard Profiles'!$G$19=$B$17,14,0)+IF('Standard Profiles'!$G$19=$B$24,21,0),MOD($C3284,24)+1)/SUM(INDEX($D$3:$AA$30,INDEX(Jesper!$R$2:$R$366,ROW(INDEX(Jesper!AI$2:AI$366,ROUNDDOWN($C3284/24,0)+1,1))-1)+IF('Standard Profiles'!$G$19=$B$10,7,0)+IF('Standard Profiles'!$G$19=$B$17,14,0)+IF('Standard Profiles'!$G$19=$B$24,21,0),0)),0)</f>
        <v>0</v>
      </c>
      <c r="F3284" cm="1">
        <f t="array" ref="F3284">IFERROR(INDEX(Jesper!AJ$2:AJ$366,ROUNDDOWN($C3284/24,0)+1,1)*INDEX($D$3:$AA$30,INDEX(Jesper!$R$2:$R$366,ROW(INDEX(Jesper!AJ$2:AJ$366,ROUNDDOWN($C3284/24,0)+1,1))-1)+IF('Standard Profiles'!$G$20=$B$10,7,0)+IF('Standard Profiles'!$G$20=$B$17,14,0)+IF('Standard Profiles'!$G$20=$B$24,21,0),MOD($C3284,24)+1)/SUM(INDEX($D$3:$AA$30,INDEX(Jesper!$R$2:$R$366,ROW(INDEX(Jesper!AJ$2:AJ$366,ROUNDDOWN($C3284/24,0)+1,1))-1)+IF('Standard Profiles'!$G$20=$B$10,7,0)+IF('Standard Profiles'!$G$20=$B$17,14,0)+IF('Standard Profiles'!$G$20=$B$24,21,0),0)),0)</f>
        <v>0</v>
      </c>
      <c r="G3284" cm="1">
        <f t="array" ref="G3284">IFERROR(INDEX(Jesper!AK$2:AK$366,ROUNDDOWN($C3284/24,0)+1,1)*INDEX($D$3:$AA$30,INDEX(Jesper!$R$2:$R$366,ROW(INDEX(Jesper!AK$2:AK$366,ROUNDDOWN($C3284/24,0)+1,1))-1)+IF('Standard Profiles'!$G$21=$B$10,7,0)+IF('Standard Profiles'!$G$21=$B$17,14,0)+IF('Standard Profiles'!$G$21=$B$24,21,0),MOD($C3284,24)+1)/SUM(INDEX($D$3:$AA$30,INDEX(Jesper!$R$2:$R$366,ROW(INDEX(Jesper!AK$2:AK$366,ROUNDDOWN($C3284/24,0)+1,1))-1)+IF('Standard Profiles'!$G$21=$B$10,7,0)+IF('Standard Profiles'!$G$21=$B$17,14,0)+IF('Standard Profiles'!$G$21=$B$24,21,0),0)),0)</f>
        <v>0</v>
      </c>
      <c r="H3284" cm="1">
        <f t="array" ref="H3284">IFERROR(INDEX(Jesper!AL$2:AL$366,ROUNDDOWN($C3284/24,0)+1,1)*INDEX($D$3:$AA$30,INDEX(Jesper!$R$2:$R$366,ROW(INDEX(Jesper!AL$2:AL$366,ROUNDDOWN($C3284/24,0)+1,1))-1)+IF('Standard Profiles'!$G$22=$B$10,7,0)+IF('Standard Profiles'!$G$22=$B$17,14,0)+IF('Standard Profiles'!$G$22=$B$24,21,0),MOD($C3284,24)+1)/SUM(INDEX($D$3:$AA$30,INDEX(Jesper!$R$2:$R$366,ROW(INDEX(Jesper!AL$2:AL$366,ROUNDDOWN($C3284/24,0)+1,1))-1)+IF('Standard Profiles'!$G$22=$B$10,7,0)+IF('Standard Profiles'!$G$22=$B$17,14,0)+IF('Standard Profiles'!$G$22=$B$24,21,0),0)),0)</f>
        <v>0</v>
      </c>
      <c r="I3284">
        <f t="shared" si="370"/>
        <v>0.38226276620457733</v>
      </c>
      <c r="J3284">
        <f t="shared" si="371"/>
        <v>1.2742092206819247</v>
      </c>
      <c r="K3284">
        <f t="shared" si="372"/>
        <v>1.9113138310228868</v>
      </c>
      <c r="L3284">
        <f t="shared" si="373"/>
        <v>9.1743063889098568</v>
      </c>
      <c r="M3284">
        <f t="shared" si="374"/>
        <v>0</v>
      </c>
      <c r="N3284" s="46">
        <f t="shared" si="375"/>
        <v>45427.416666658784</v>
      </c>
    </row>
    <row r="3285" spans="2:14" x14ac:dyDescent="0.3">
      <c r="B3285">
        <f t="shared" si="369"/>
        <v>3</v>
      </c>
      <c r="C3285" s="16">
        <v>3251</v>
      </c>
      <c r="D3285" cm="1">
        <f t="array" ref="D3285">IFERROR(INDEX(Jesper!AH$2:AH$366,ROUNDDOWN($C3285/24,0)+1,1)*INDEX($D$3:$AA$30,INDEX(Jesper!$R$2:$R$366,ROW(INDEX(Jesper!AH$2:AH$366,ROUNDDOWN($C3285/24,0)+1,1))-1)+IF('Standard Profiles'!$G$18=$B$10,7,0)+IF('Standard Profiles'!$G$18=$B$17,14,0)+IF('Standard Profiles'!$G$18=$B$24,21,0),MOD($C3285,24)+1)/SUM(INDEX($D$3:$AA$30,INDEX(Jesper!$R$2:$R$366,ROW(INDEX(Jesper!AH$2:AH$366,ROUNDDOWN($C3285/24,0)+1,1))-1)+IF('Standard Profiles'!$G$18=$B$10,7,0)+IF('Standard Profiles'!$G$18=$B$17,14,0)+IF('Standard Profiles'!$G$18=$B$24,21,0),0)),0)</f>
        <v>14.702414084791434</v>
      </c>
      <c r="E3285" cm="1">
        <f t="array" ref="E3285">IFERROR(INDEX(Jesper!AI$2:AI$366,ROUNDDOWN($C3285/24,0)+1,1)*INDEX($D$3:$AA$30,INDEX(Jesper!$R$2:$R$366,ROW(INDEX(Jesper!AI$2:AI$366,ROUNDDOWN($C3285/24,0)+1,1))-1)+IF('Standard Profiles'!$G$19=$B$10,7,0)+IF('Standard Profiles'!$G$19=$B$17,14,0)+IF('Standard Profiles'!$G$19=$B$24,21,0),MOD($C3285,24)+1)/SUM(INDEX($D$3:$AA$30,INDEX(Jesper!$R$2:$R$366,ROW(INDEX(Jesper!AI$2:AI$366,ROUNDDOWN($C3285/24,0)+1,1))-1)+IF('Standard Profiles'!$G$19=$B$10,7,0)+IF('Standard Profiles'!$G$19=$B$17,14,0)+IF('Standard Profiles'!$G$19=$B$24,21,0),0)),0)</f>
        <v>0</v>
      </c>
      <c r="F3285" cm="1">
        <f t="array" ref="F3285">IFERROR(INDEX(Jesper!AJ$2:AJ$366,ROUNDDOWN($C3285/24,0)+1,1)*INDEX($D$3:$AA$30,INDEX(Jesper!$R$2:$R$366,ROW(INDEX(Jesper!AJ$2:AJ$366,ROUNDDOWN($C3285/24,0)+1,1))-1)+IF('Standard Profiles'!$G$20=$B$10,7,0)+IF('Standard Profiles'!$G$20=$B$17,14,0)+IF('Standard Profiles'!$G$20=$B$24,21,0),MOD($C3285,24)+1)/SUM(INDEX($D$3:$AA$30,INDEX(Jesper!$R$2:$R$366,ROW(INDEX(Jesper!AJ$2:AJ$366,ROUNDDOWN($C3285/24,0)+1,1))-1)+IF('Standard Profiles'!$G$20=$B$10,7,0)+IF('Standard Profiles'!$G$20=$B$17,14,0)+IF('Standard Profiles'!$G$20=$B$24,21,0),0)),0)</f>
        <v>0</v>
      </c>
      <c r="G3285" cm="1">
        <f t="array" ref="G3285">IFERROR(INDEX(Jesper!AK$2:AK$366,ROUNDDOWN($C3285/24,0)+1,1)*INDEX($D$3:$AA$30,INDEX(Jesper!$R$2:$R$366,ROW(INDEX(Jesper!AK$2:AK$366,ROUNDDOWN($C3285/24,0)+1,1))-1)+IF('Standard Profiles'!$G$21=$B$10,7,0)+IF('Standard Profiles'!$G$21=$B$17,14,0)+IF('Standard Profiles'!$G$21=$B$24,21,0),MOD($C3285,24)+1)/SUM(INDEX($D$3:$AA$30,INDEX(Jesper!$R$2:$R$366,ROW(INDEX(Jesper!AK$2:AK$366,ROUNDDOWN($C3285/24,0)+1,1))-1)+IF('Standard Profiles'!$G$21=$B$10,7,0)+IF('Standard Profiles'!$G$21=$B$17,14,0)+IF('Standard Profiles'!$G$21=$B$24,21,0),0)),0)</f>
        <v>0</v>
      </c>
      <c r="H3285" cm="1">
        <f t="array" ref="H3285">IFERROR(INDEX(Jesper!AL$2:AL$366,ROUNDDOWN($C3285/24,0)+1,1)*INDEX($D$3:$AA$30,INDEX(Jesper!$R$2:$R$366,ROW(INDEX(Jesper!AL$2:AL$366,ROUNDDOWN($C3285/24,0)+1,1))-1)+IF('Standard Profiles'!$G$22=$B$10,7,0)+IF('Standard Profiles'!$G$22=$B$17,14,0)+IF('Standard Profiles'!$G$22=$B$24,21,0),MOD($C3285,24)+1)/SUM(INDEX($D$3:$AA$30,INDEX(Jesper!$R$2:$R$366,ROW(INDEX(Jesper!AL$2:AL$366,ROUNDDOWN($C3285/24,0)+1,1))-1)+IF('Standard Profiles'!$G$22=$B$10,7,0)+IF('Standard Profiles'!$G$22=$B$17,14,0)+IF('Standard Profiles'!$G$22=$B$24,21,0),0)),0)</f>
        <v>0</v>
      </c>
      <c r="I3285">
        <f t="shared" si="370"/>
        <v>0.44107242254374301</v>
      </c>
      <c r="J3285">
        <f t="shared" si="371"/>
        <v>1.4702414084791435</v>
      </c>
      <c r="K3285">
        <f t="shared" si="372"/>
        <v>2.2053621127187149</v>
      </c>
      <c r="L3285">
        <f t="shared" si="373"/>
        <v>10.585738141049832</v>
      </c>
      <c r="M3285">
        <f t="shared" si="374"/>
        <v>0</v>
      </c>
      <c r="N3285" s="46">
        <f t="shared" si="375"/>
        <v>45427.458333325449</v>
      </c>
    </row>
    <row r="3286" spans="2:14" x14ac:dyDescent="0.3">
      <c r="B3286">
        <f t="shared" si="369"/>
        <v>3</v>
      </c>
      <c r="C3286" s="16">
        <v>3252</v>
      </c>
      <c r="D3286" cm="1">
        <f t="array" ref="D3286">IFERROR(INDEX(Jesper!AH$2:AH$366,ROUNDDOWN($C3286/24,0)+1,1)*INDEX($D$3:$AA$30,INDEX(Jesper!$R$2:$R$366,ROW(INDEX(Jesper!AH$2:AH$366,ROUNDDOWN($C3286/24,0)+1,1))-1)+IF('Standard Profiles'!$G$18=$B$10,7,0)+IF('Standard Profiles'!$G$18=$B$17,14,0)+IF('Standard Profiles'!$G$18=$B$24,21,0),MOD($C3286,24)+1)/SUM(INDEX($D$3:$AA$30,INDEX(Jesper!$R$2:$R$366,ROW(INDEX(Jesper!AH$2:AH$366,ROUNDDOWN($C3286/24,0)+1,1))-1)+IF('Standard Profiles'!$G$18=$B$10,7,0)+IF('Standard Profiles'!$G$18=$B$17,14,0)+IF('Standard Profiles'!$G$18=$B$24,21,0),0)),0)</f>
        <v>14.702414084791434</v>
      </c>
      <c r="E3286" cm="1">
        <f t="array" ref="E3286">IFERROR(INDEX(Jesper!AI$2:AI$366,ROUNDDOWN($C3286/24,0)+1,1)*INDEX($D$3:$AA$30,INDEX(Jesper!$R$2:$R$366,ROW(INDEX(Jesper!AI$2:AI$366,ROUNDDOWN($C3286/24,0)+1,1))-1)+IF('Standard Profiles'!$G$19=$B$10,7,0)+IF('Standard Profiles'!$G$19=$B$17,14,0)+IF('Standard Profiles'!$G$19=$B$24,21,0),MOD($C3286,24)+1)/SUM(INDEX($D$3:$AA$30,INDEX(Jesper!$R$2:$R$366,ROW(INDEX(Jesper!AI$2:AI$366,ROUNDDOWN($C3286/24,0)+1,1))-1)+IF('Standard Profiles'!$G$19=$B$10,7,0)+IF('Standard Profiles'!$G$19=$B$17,14,0)+IF('Standard Profiles'!$G$19=$B$24,21,0),0)),0)</f>
        <v>0</v>
      </c>
      <c r="F3286" cm="1">
        <f t="array" ref="F3286">IFERROR(INDEX(Jesper!AJ$2:AJ$366,ROUNDDOWN($C3286/24,0)+1,1)*INDEX($D$3:$AA$30,INDEX(Jesper!$R$2:$R$366,ROW(INDEX(Jesper!AJ$2:AJ$366,ROUNDDOWN($C3286/24,0)+1,1))-1)+IF('Standard Profiles'!$G$20=$B$10,7,0)+IF('Standard Profiles'!$G$20=$B$17,14,0)+IF('Standard Profiles'!$G$20=$B$24,21,0),MOD($C3286,24)+1)/SUM(INDEX($D$3:$AA$30,INDEX(Jesper!$R$2:$R$366,ROW(INDEX(Jesper!AJ$2:AJ$366,ROUNDDOWN($C3286/24,0)+1,1))-1)+IF('Standard Profiles'!$G$20=$B$10,7,0)+IF('Standard Profiles'!$G$20=$B$17,14,0)+IF('Standard Profiles'!$G$20=$B$24,21,0),0)),0)</f>
        <v>0</v>
      </c>
      <c r="G3286" cm="1">
        <f t="array" ref="G3286">IFERROR(INDEX(Jesper!AK$2:AK$366,ROUNDDOWN($C3286/24,0)+1,1)*INDEX($D$3:$AA$30,INDEX(Jesper!$R$2:$R$366,ROW(INDEX(Jesper!AK$2:AK$366,ROUNDDOWN($C3286/24,0)+1,1))-1)+IF('Standard Profiles'!$G$21=$B$10,7,0)+IF('Standard Profiles'!$G$21=$B$17,14,0)+IF('Standard Profiles'!$G$21=$B$24,21,0),MOD($C3286,24)+1)/SUM(INDEX($D$3:$AA$30,INDEX(Jesper!$R$2:$R$366,ROW(INDEX(Jesper!AK$2:AK$366,ROUNDDOWN($C3286/24,0)+1,1))-1)+IF('Standard Profiles'!$G$21=$B$10,7,0)+IF('Standard Profiles'!$G$21=$B$17,14,0)+IF('Standard Profiles'!$G$21=$B$24,21,0),0)),0)</f>
        <v>0</v>
      </c>
      <c r="H3286" cm="1">
        <f t="array" ref="H3286">IFERROR(INDEX(Jesper!AL$2:AL$366,ROUNDDOWN($C3286/24,0)+1,1)*INDEX($D$3:$AA$30,INDEX(Jesper!$R$2:$R$366,ROW(INDEX(Jesper!AL$2:AL$366,ROUNDDOWN($C3286/24,0)+1,1))-1)+IF('Standard Profiles'!$G$22=$B$10,7,0)+IF('Standard Profiles'!$G$22=$B$17,14,0)+IF('Standard Profiles'!$G$22=$B$24,21,0),MOD($C3286,24)+1)/SUM(INDEX($D$3:$AA$30,INDEX(Jesper!$R$2:$R$366,ROW(INDEX(Jesper!AL$2:AL$366,ROUNDDOWN($C3286/24,0)+1,1))-1)+IF('Standard Profiles'!$G$22=$B$10,7,0)+IF('Standard Profiles'!$G$22=$B$17,14,0)+IF('Standard Profiles'!$G$22=$B$24,21,0),0)),0)</f>
        <v>0</v>
      </c>
      <c r="I3286">
        <f t="shared" si="370"/>
        <v>0.44107242254374301</v>
      </c>
      <c r="J3286">
        <f t="shared" si="371"/>
        <v>1.4702414084791435</v>
      </c>
      <c r="K3286">
        <f t="shared" si="372"/>
        <v>2.2053621127187149</v>
      </c>
      <c r="L3286">
        <f t="shared" si="373"/>
        <v>10.585738141049832</v>
      </c>
      <c r="M3286">
        <f t="shared" si="374"/>
        <v>0</v>
      </c>
      <c r="N3286" s="46">
        <f t="shared" si="375"/>
        <v>45427.499999992113</v>
      </c>
    </row>
    <row r="3287" spans="2:14" x14ac:dyDescent="0.3">
      <c r="B3287">
        <f t="shared" si="369"/>
        <v>3</v>
      </c>
      <c r="C3287" s="16">
        <v>3253</v>
      </c>
      <c r="D3287" cm="1">
        <f t="array" ref="D3287">IFERROR(INDEX(Jesper!AH$2:AH$366,ROUNDDOWN($C3287/24,0)+1,1)*INDEX($D$3:$AA$30,INDEX(Jesper!$R$2:$R$366,ROW(INDEX(Jesper!AH$2:AH$366,ROUNDDOWN($C3287/24,0)+1,1))-1)+IF('Standard Profiles'!$G$18=$B$10,7,0)+IF('Standard Profiles'!$G$18=$B$17,14,0)+IF('Standard Profiles'!$G$18=$B$24,21,0),MOD($C3287,24)+1)/SUM(INDEX($D$3:$AA$30,INDEX(Jesper!$R$2:$R$366,ROW(INDEX(Jesper!AH$2:AH$366,ROUNDDOWN($C3287/24,0)+1,1))-1)+IF('Standard Profiles'!$G$18=$B$10,7,0)+IF('Standard Profiles'!$G$18=$B$17,14,0)+IF('Standard Profiles'!$G$18=$B$24,21,0),0)),0)</f>
        <v>14.702414084791434</v>
      </c>
      <c r="E3287" cm="1">
        <f t="array" ref="E3287">IFERROR(INDEX(Jesper!AI$2:AI$366,ROUNDDOWN($C3287/24,0)+1,1)*INDEX($D$3:$AA$30,INDEX(Jesper!$R$2:$R$366,ROW(INDEX(Jesper!AI$2:AI$366,ROUNDDOWN($C3287/24,0)+1,1))-1)+IF('Standard Profiles'!$G$19=$B$10,7,0)+IF('Standard Profiles'!$G$19=$B$17,14,0)+IF('Standard Profiles'!$G$19=$B$24,21,0),MOD($C3287,24)+1)/SUM(INDEX($D$3:$AA$30,INDEX(Jesper!$R$2:$R$366,ROW(INDEX(Jesper!AI$2:AI$366,ROUNDDOWN($C3287/24,0)+1,1))-1)+IF('Standard Profiles'!$G$19=$B$10,7,0)+IF('Standard Profiles'!$G$19=$B$17,14,0)+IF('Standard Profiles'!$G$19=$B$24,21,0),0)),0)</f>
        <v>0</v>
      </c>
      <c r="F3287" cm="1">
        <f t="array" ref="F3287">IFERROR(INDEX(Jesper!AJ$2:AJ$366,ROUNDDOWN($C3287/24,0)+1,1)*INDEX($D$3:$AA$30,INDEX(Jesper!$R$2:$R$366,ROW(INDEX(Jesper!AJ$2:AJ$366,ROUNDDOWN($C3287/24,0)+1,1))-1)+IF('Standard Profiles'!$G$20=$B$10,7,0)+IF('Standard Profiles'!$G$20=$B$17,14,0)+IF('Standard Profiles'!$G$20=$B$24,21,0),MOD($C3287,24)+1)/SUM(INDEX($D$3:$AA$30,INDEX(Jesper!$R$2:$R$366,ROW(INDEX(Jesper!AJ$2:AJ$366,ROUNDDOWN($C3287/24,0)+1,1))-1)+IF('Standard Profiles'!$G$20=$B$10,7,0)+IF('Standard Profiles'!$G$20=$B$17,14,0)+IF('Standard Profiles'!$G$20=$B$24,21,0),0)),0)</f>
        <v>0</v>
      </c>
      <c r="G3287" cm="1">
        <f t="array" ref="G3287">IFERROR(INDEX(Jesper!AK$2:AK$366,ROUNDDOWN($C3287/24,0)+1,1)*INDEX($D$3:$AA$30,INDEX(Jesper!$R$2:$R$366,ROW(INDEX(Jesper!AK$2:AK$366,ROUNDDOWN($C3287/24,0)+1,1))-1)+IF('Standard Profiles'!$G$21=$B$10,7,0)+IF('Standard Profiles'!$G$21=$B$17,14,0)+IF('Standard Profiles'!$G$21=$B$24,21,0),MOD($C3287,24)+1)/SUM(INDEX($D$3:$AA$30,INDEX(Jesper!$R$2:$R$366,ROW(INDEX(Jesper!AK$2:AK$366,ROUNDDOWN($C3287/24,0)+1,1))-1)+IF('Standard Profiles'!$G$21=$B$10,7,0)+IF('Standard Profiles'!$G$21=$B$17,14,0)+IF('Standard Profiles'!$G$21=$B$24,21,0),0)),0)</f>
        <v>0</v>
      </c>
      <c r="H3287" cm="1">
        <f t="array" ref="H3287">IFERROR(INDEX(Jesper!AL$2:AL$366,ROUNDDOWN($C3287/24,0)+1,1)*INDEX($D$3:$AA$30,INDEX(Jesper!$R$2:$R$366,ROW(INDEX(Jesper!AL$2:AL$366,ROUNDDOWN($C3287/24,0)+1,1))-1)+IF('Standard Profiles'!$G$22=$B$10,7,0)+IF('Standard Profiles'!$G$22=$B$17,14,0)+IF('Standard Profiles'!$G$22=$B$24,21,0),MOD($C3287,24)+1)/SUM(INDEX($D$3:$AA$30,INDEX(Jesper!$R$2:$R$366,ROW(INDEX(Jesper!AL$2:AL$366,ROUNDDOWN($C3287/24,0)+1,1))-1)+IF('Standard Profiles'!$G$22=$B$10,7,0)+IF('Standard Profiles'!$G$22=$B$17,14,0)+IF('Standard Profiles'!$G$22=$B$24,21,0),0)),0)</f>
        <v>0</v>
      </c>
      <c r="I3287">
        <f t="shared" si="370"/>
        <v>0.44107242254374301</v>
      </c>
      <c r="J3287">
        <f t="shared" si="371"/>
        <v>1.4702414084791435</v>
      </c>
      <c r="K3287">
        <f t="shared" si="372"/>
        <v>2.2053621127187149</v>
      </c>
      <c r="L3287">
        <f t="shared" si="373"/>
        <v>10.585738141049832</v>
      </c>
      <c r="M3287">
        <f t="shared" si="374"/>
        <v>0</v>
      </c>
      <c r="N3287" s="46">
        <f t="shared" si="375"/>
        <v>45427.541666658777</v>
      </c>
    </row>
    <row r="3288" spans="2:14" x14ac:dyDescent="0.3">
      <c r="B3288">
        <f t="shared" si="369"/>
        <v>3</v>
      </c>
      <c r="C3288" s="16">
        <v>3254</v>
      </c>
      <c r="D3288" cm="1">
        <f t="array" ref="D3288">IFERROR(INDEX(Jesper!AH$2:AH$366,ROUNDDOWN($C3288/24,0)+1,1)*INDEX($D$3:$AA$30,INDEX(Jesper!$R$2:$R$366,ROW(INDEX(Jesper!AH$2:AH$366,ROUNDDOWN($C3288/24,0)+1,1))-1)+IF('Standard Profiles'!$G$18=$B$10,7,0)+IF('Standard Profiles'!$G$18=$B$17,14,0)+IF('Standard Profiles'!$G$18=$B$24,21,0),MOD($C3288,24)+1)/SUM(INDEX($D$3:$AA$30,INDEX(Jesper!$R$2:$R$366,ROW(INDEX(Jesper!AH$2:AH$366,ROUNDDOWN($C3288/24,0)+1,1))-1)+IF('Standard Profiles'!$G$18=$B$10,7,0)+IF('Standard Profiles'!$G$18=$B$17,14,0)+IF('Standard Profiles'!$G$18=$B$24,21,0),0)),0)</f>
        <v>14.702414084791434</v>
      </c>
      <c r="E3288" cm="1">
        <f t="array" ref="E3288">IFERROR(INDEX(Jesper!AI$2:AI$366,ROUNDDOWN($C3288/24,0)+1,1)*INDEX($D$3:$AA$30,INDEX(Jesper!$R$2:$R$366,ROW(INDEX(Jesper!AI$2:AI$366,ROUNDDOWN($C3288/24,0)+1,1))-1)+IF('Standard Profiles'!$G$19=$B$10,7,0)+IF('Standard Profiles'!$G$19=$B$17,14,0)+IF('Standard Profiles'!$G$19=$B$24,21,0),MOD($C3288,24)+1)/SUM(INDEX($D$3:$AA$30,INDEX(Jesper!$R$2:$R$366,ROW(INDEX(Jesper!AI$2:AI$366,ROUNDDOWN($C3288/24,0)+1,1))-1)+IF('Standard Profiles'!$G$19=$B$10,7,0)+IF('Standard Profiles'!$G$19=$B$17,14,0)+IF('Standard Profiles'!$G$19=$B$24,21,0),0)),0)</f>
        <v>0</v>
      </c>
      <c r="F3288" cm="1">
        <f t="array" ref="F3288">IFERROR(INDEX(Jesper!AJ$2:AJ$366,ROUNDDOWN($C3288/24,0)+1,1)*INDEX($D$3:$AA$30,INDEX(Jesper!$R$2:$R$366,ROW(INDEX(Jesper!AJ$2:AJ$366,ROUNDDOWN($C3288/24,0)+1,1))-1)+IF('Standard Profiles'!$G$20=$B$10,7,0)+IF('Standard Profiles'!$G$20=$B$17,14,0)+IF('Standard Profiles'!$G$20=$B$24,21,0),MOD($C3288,24)+1)/SUM(INDEX($D$3:$AA$30,INDEX(Jesper!$R$2:$R$366,ROW(INDEX(Jesper!AJ$2:AJ$366,ROUNDDOWN($C3288/24,0)+1,1))-1)+IF('Standard Profiles'!$G$20=$B$10,7,0)+IF('Standard Profiles'!$G$20=$B$17,14,0)+IF('Standard Profiles'!$G$20=$B$24,21,0),0)),0)</f>
        <v>0</v>
      </c>
      <c r="G3288" cm="1">
        <f t="array" ref="G3288">IFERROR(INDEX(Jesper!AK$2:AK$366,ROUNDDOWN($C3288/24,0)+1,1)*INDEX($D$3:$AA$30,INDEX(Jesper!$R$2:$R$366,ROW(INDEX(Jesper!AK$2:AK$366,ROUNDDOWN($C3288/24,0)+1,1))-1)+IF('Standard Profiles'!$G$21=$B$10,7,0)+IF('Standard Profiles'!$G$21=$B$17,14,0)+IF('Standard Profiles'!$G$21=$B$24,21,0),MOD($C3288,24)+1)/SUM(INDEX($D$3:$AA$30,INDEX(Jesper!$R$2:$R$366,ROW(INDEX(Jesper!AK$2:AK$366,ROUNDDOWN($C3288/24,0)+1,1))-1)+IF('Standard Profiles'!$G$21=$B$10,7,0)+IF('Standard Profiles'!$G$21=$B$17,14,0)+IF('Standard Profiles'!$G$21=$B$24,21,0),0)),0)</f>
        <v>0</v>
      </c>
      <c r="H3288" cm="1">
        <f t="array" ref="H3288">IFERROR(INDEX(Jesper!AL$2:AL$366,ROUNDDOWN($C3288/24,0)+1,1)*INDEX($D$3:$AA$30,INDEX(Jesper!$R$2:$R$366,ROW(INDEX(Jesper!AL$2:AL$366,ROUNDDOWN($C3288/24,0)+1,1))-1)+IF('Standard Profiles'!$G$22=$B$10,7,0)+IF('Standard Profiles'!$G$22=$B$17,14,0)+IF('Standard Profiles'!$G$22=$B$24,21,0),MOD($C3288,24)+1)/SUM(INDEX($D$3:$AA$30,INDEX(Jesper!$R$2:$R$366,ROW(INDEX(Jesper!AL$2:AL$366,ROUNDDOWN($C3288/24,0)+1,1))-1)+IF('Standard Profiles'!$G$22=$B$10,7,0)+IF('Standard Profiles'!$G$22=$B$17,14,0)+IF('Standard Profiles'!$G$22=$B$24,21,0),0)),0)</f>
        <v>0</v>
      </c>
      <c r="I3288">
        <f t="shared" si="370"/>
        <v>0.44107242254374301</v>
      </c>
      <c r="J3288">
        <f t="shared" si="371"/>
        <v>1.4702414084791435</v>
      </c>
      <c r="K3288">
        <f t="shared" si="372"/>
        <v>2.2053621127187149</v>
      </c>
      <c r="L3288">
        <f t="shared" si="373"/>
        <v>10.585738141049832</v>
      </c>
      <c r="M3288">
        <f t="shared" si="374"/>
        <v>0</v>
      </c>
      <c r="N3288" s="46">
        <f t="shared" si="375"/>
        <v>45427.583333325441</v>
      </c>
    </row>
    <row r="3289" spans="2:14" x14ac:dyDescent="0.3">
      <c r="B3289">
        <f t="shared" si="369"/>
        <v>3</v>
      </c>
      <c r="C3289" s="16">
        <v>3255</v>
      </c>
      <c r="D3289" cm="1">
        <f t="array" ref="D3289">IFERROR(INDEX(Jesper!AH$2:AH$366,ROUNDDOWN($C3289/24,0)+1,1)*INDEX($D$3:$AA$30,INDEX(Jesper!$R$2:$R$366,ROW(INDEX(Jesper!AH$2:AH$366,ROUNDDOWN($C3289/24,0)+1,1))-1)+IF('Standard Profiles'!$G$18=$B$10,7,0)+IF('Standard Profiles'!$G$18=$B$17,14,0)+IF('Standard Profiles'!$G$18=$B$24,21,0),MOD($C3289,24)+1)/SUM(INDEX($D$3:$AA$30,INDEX(Jesper!$R$2:$R$366,ROW(INDEX(Jesper!AH$2:AH$366,ROUNDDOWN($C3289/24,0)+1,1))-1)+IF('Standard Profiles'!$G$18=$B$10,7,0)+IF('Standard Profiles'!$G$18=$B$17,14,0)+IF('Standard Profiles'!$G$18=$B$24,21,0),0)),0)</f>
        <v>14.702414084791434</v>
      </c>
      <c r="E3289" cm="1">
        <f t="array" ref="E3289">IFERROR(INDEX(Jesper!AI$2:AI$366,ROUNDDOWN($C3289/24,0)+1,1)*INDEX($D$3:$AA$30,INDEX(Jesper!$R$2:$R$366,ROW(INDEX(Jesper!AI$2:AI$366,ROUNDDOWN($C3289/24,0)+1,1))-1)+IF('Standard Profiles'!$G$19=$B$10,7,0)+IF('Standard Profiles'!$G$19=$B$17,14,0)+IF('Standard Profiles'!$G$19=$B$24,21,0),MOD($C3289,24)+1)/SUM(INDEX($D$3:$AA$30,INDEX(Jesper!$R$2:$R$366,ROW(INDEX(Jesper!AI$2:AI$366,ROUNDDOWN($C3289/24,0)+1,1))-1)+IF('Standard Profiles'!$G$19=$B$10,7,0)+IF('Standard Profiles'!$G$19=$B$17,14,0)+IF('Standard Profiles'!$G$19=$B$24,21,0),0)),0)</f>
        <v>0</v>
      </c>
      <c r="F3289" cm="1">
        <f t="array" ref="F3289">IFERROR(INDEX(Jesper!AJ$2:AJ$366,ROUNDDOWN($C3289/24,0)+1,1)*INDEX($D$3:$AA$30,INDEX(Jesper!$R$2:$R$366,ROW(INDEX(Jesper!AJ$2:AJ$366,ROUNDDOWN($C3289/24,0)+1,1))-1)+IF('Standard Profiles'!$G$20=$B$10,7,0)+IF('Standard Profiles'!$G$20=$B$17,14,0)+IF('Standard Profiles'!$G$20=$B$24,21,0),MOD($C3289,24)+1)/SUM(INDEX($D$3:$AA$30,INDEX(Jesper!$R$2:$R$366,ROW(INDEX(Jesper!AJ$2:AJ$366,ROUNDDOWN($C3289/24,0)+1,1))-1)+IF('Standard Profiles'!$G$20=$B$10,7,0)+IF('Standard Profiles'!$G$20=$B$17,14,0)+IF('Standard Profiles'!$G$20=$B$24,21,0),0)),0)</f>
        <v>0</v>
      </c>
      <c r="G3289" cm="1">
        <f t="array" ref="G3289">IFERROR(INDEX(Jesper!AK$2:AK$366,ROUNDDOWN($C3289/24,0)+1,1)*INDEX($D$3:$AA$30,INDEX(Jesper!$R$2:$R$366,ROW(INDEX(Jesper!AK$2:AK$366,ROUNDDOWN($C3289/24,0)+1,1))-1)+IF('Standard Profiles'!$G$21=$B$10,7,0)+IF('Standard Profiles'!$G$21=$B$17,14,0)+IF('Standard Profiles'!$G$21=$B$24,21,0),MOD($C3289,24)+1)/SUM(INDEX($D$3:$AA$30,INDEX(Jesper!$R$2:$R$366,ROW(INDEX(Jesper!AK$2:AK$366,ROUNDDOWN($C3289/24,0)+1,1))-1)+IF('Standard Profiles'!$G$21=$B$10,7,0)+IF('Standard Profiles'!$G$21=$B$17,14,0)+IF('Standard Profiles'!$G$21=$B$24,21,0),0)),0)</f>
        <v>0</v>
      </c>
      <c r="H3289" cm="1">
        <f t="array" ref="H3289">IFERROR(INDEX(Jesper!AL$2:AL$366,ROUNDDOWN($C3289/24,0)+1,1)*INDEX($D$3:$AA$30,INDEX(Jesper!$R$2:$R$366,ROW(INDEX(Jesper!AL$2:AL$366,ROUNDDOWN($C3289/24,0)+1,1))-1)+IF('Standard Profiles'!$G$22=$B$10,7,0)+IF('Standard Profiles'!$G$22=$B$17,14,0)+IF('Standard Profiles'!$G$22=$B$24,21,0),MOD($C3289,24)+1)/SUM(INDEX($D$3:$AA$30,INDEX(Jesper!$R$2:$R$366,ROW(INDEX(Jesper!AL$2:AL$366,ROUNDDOWN($C3289/24,0)+1,1))-1)+IF('Standard Profiles'!$G$22=$B$10,7,0)+IF('Standard Profiles'!$G$22=$B$17,14,0)+IF('Standard Profiles'!$G$22=$B$24,21,0),0)),0)</f>
        <v>0</v>
      </c>
      <c r="I3289">
        <f t="shared" si="370"/>
        <v>0.44107242254374301</v>
      </c>
      <c r="J3289">
        <f t="shared" si="371"/>
        <v>1.4702414084791435</v>
      </c>
      <c r="K3289">
        <f t="shared" si="372"/>
        <v>2.2053621127187149</v>
      </c>
      <c r="L3289">
        <f t="shared" si="373"/>
        <v>10.585738141049832</v>
      </c>
      <c r="M3289">
        <f t="shared" si="374"/>
        <v>0</v>
      </c>
      <c r="N3289" s="46">
        <f t="shared" si="375"/>
        <v>45427.624999992106</v>
      </c>
    </row>
    <row r="3290" spans="2:14" x14ac:dyDescent="0.3">
      <c r="B3290">
        <f t="shared" si="369"/>
        <v>3</v>
      </c>
      <c r="C3290" s="16">
        <v>3256</v>
      </c>
      <c r="D3290" cm="1">
        <f t="array" ref="D3290">IFERROR(INDEX(Jesper!AH$2:AH$366,ROUNDDOWN($C3290/24,0)+1,1)*INDEX($D$3:$AA$30,INDEX(Jesper!$R$2:$R$366,ROW(INDEX(Jesper!AH$2:AH$366,ROUNDDOWN($C3290/24,0)+1,1))-1)+IF('Standard Profiles'!$G$18=$B$10,7,0)+IF('Standard Profiles'!$G$18=$B$17,14,0)+IF('Standard Profiles'!$G$18=$B$24,21,0),MOD($C3290,24)+1)/SUM(INDEX($D$3:$AA$30,INDEX(Jesper!$R$2:$R$366,ROW(INDEX(Jesper!AH$2:AH$366,ROUNDDOWN($C3290/24,0)+1,1))-1)+IF('Standard Profiles'!$G$18=$B$10,7,0)+IF('Standard Profiles'!$G$18=$B$17,14,0)+IF('Standard Profiles'!$G$18=$B$24,21,0),0)),0)</f>
        <v>14.702414084791434</v>
      </c>
      <c r="E3290" cm="1">
        <f t="array" ref="E3290">IFERROR(INDEX(Jesper!AI$2:AI$366,ROUNDDOWN($C3290/24,0)+1,1)*INDEX($D$3:$AA$30,INDEX(Jesper!$R$2:$R$366,ROW(INDEX(Jesper!AI$2:AI$366,ROUNDDOWN($C3290/24,0)+1,1))-1)+IF('Standard Profiles'!$G$19=$B$10,7,0)+IF('Standard Profiles'!$G$19=$B$17,14,0)+IF('Standard Profiles'!$G$19=$B$24,21,0),MOD($C3290,24)+1)/SUM(INDEX($D$3:$AA$30,INDEX(Jesper!$R$2:$R$366,ROW(INDEX(Jesper!AI$2:AI$366,ROUNDDOWN($C3290/24,0)+1,1))-1)+IF('Standard Profiles'!$G$19=$B$10,7,0)+IF('Standard Profiles'!$G$19=$B$17,14,0)+IF('Standard Profiles'!$G$19=$B$24,21,0),0)),0)</f>
        <v>0</v>
      </c>
      <c r="F3290" cm="1">
        <f t="array" ref="F3290">IFERROR(INDEX(Jesper!AJ$2:AJ$366,ROUNDDOWN($C3290/24,0)+1,1)*INDEX($D$3:$AA$30,INDEX(Jesper!$R$2:$R$366,ROW(INDEX(Jesper!AJ$2:AJ$366,ROUNDDOWN($C3290/24,0)+1,1))-1)+IF('Standard Profiles'!$G$20=$B$10,7,0)+IF('Standard Profiles'!$G$20=$B$17,14,0)+IF('Standard Profiles'!$G$20=$B$24,21,0),MOD($C3290,24)+1)/SUM(INDEX($D$3:$AA$30,INDEX(Jesper!$R$2:$R$366,ROW(INDEX(Jesper!AJ$2:AJ$366,ROUNDDOWN($C3290/24,0)+1,1))-1)+IF('Standard Profiles'!$G$20=$B$10,7,0)+IF('Standard Profiles'!$G$20=$B$17,14,0)+IF('Standard Profiles'!$G$20=$B$24,21,0),0)),0)</f>
        <v>0</v>
      </c>
      <c r="G3290" cm="1">
        <f t="array" ref="G3290">IFERROR(INDEX(Jesper!AK$2:AK$366,ROUNDDOWN($C3290/24,0)+1,1)*INDEX($D$3:$AA$30,INDEX(Jesper!$R$2:$R$366,ROW(INDEX(Jesper!AK$2:AK$366,ROUNDDOWN($C3290/24,0)+1,1))-1)+IF('Standard Profiles'!$G$21=$B$10,7,0)+IF('Standard Profiles'!$G$21=$B$17,14,0)+IF('Standard Profiles'!$G$21=$B$24,21,0),MOD($C3290,24)+1)/SUM(INDEX($D$3:$AA$30,INDEX(Jesper!$R$2:$R$366,ROW(INDEX(Jesper!AK$2:AK$366,ROUNDDOWN($C3290/24,0)+1,1))-1)+IF('Standard Profiles'!$G$21=$B$10,7,0)+IF('Standard Profiles'!$G$21=$B$17,14,0)+IF('Standard Profiles'!$G$21=$B$24,21,0),0)),0)</f>
        <v>0</v>
      </c>
      <c r="H3290" cm="1">
        <f t="array" ref="H3290">IFERROR(INDEX(Jesper!AL$2:AL$366,ROUNDDOWN($C3290/24,0)+1,1)*INDEX($D$3:$AA$30,INDEX(Jesper!$R$2:$R$366,ROW(INDEX(Jesper!AL$2:AL$366,ROUNDDOWN($C3290/24,0)+1,1))-1)+IF('Standard Profiles'!$G$22=$B$10,7,0)+IF('Standard Profiles'!$G$22=$B$17,14,0)+IF('Standard Profiles'!$G$22=$B$24,21,0),MOD($C3290,24)+1)/SUM(INDEX($D$3:$AA$30,INDEX(Jesper!$R$2:$R$366,ROW(INDEX(Jesper!AL$2:AL$366,ROUNDDOWN($C3290/24,0)+1,1))-1)+IF('Standard Profiles'!$G$22=$B$10,7,0)+IF('Standard Profiles'!$G$22=$B$17,14,0)+IF('Standard Profiles'!$G$22=$B$24,21,0),0)),0)</f>
        <v>0</v>
      </c>
      <c r="I3290">
        <f t="shared" si="370"/>
        <v>0.44107242254374301</v>
      </c>
      <c r="J3290">
        <f t="shared" si="371"/>
        <v>1.4702414084791435</v>
      </c>
      <c r="K3290">
        <f t="shared" si="372"/>
        <v>2.2053621127187149</v>
      </c>
      <c r="L3290">
        <f t="shared" si="373"/>
        <v>10.585738141049832</v>
      </c>
      <c r="M3290">
        <f t="shared" si="374"/>
        <v>0</v>
      </c>
      <c r="N3290" s="46">
        <f t="shared" si="375"/>
        <v>45427.66666665877</v>
      </c>
    </row>
    <row r="3291" spans="2:14" x14ac:dyDescent="0.3">
      <c r="B3291">
        <f t="shared" si="369"/>
        <v>3</v>
      </c>
      <c r="C3291" s="16">
        <v>3257</v>
      </c>
      <c r="D3291" cm="1">
        <f t="array" ref="D3291">IFERROR(INDEX(Jesper!AH$2:AH$366,ROUNDDOWN($C3291/24,0)+1,1)*INDEX($D$3:$AA$30,INDEX(Jesper!$R$2:$R$366,ROW(INDEX(Jesper!AH$2:AH$366,ROUNDDOWN($C3291/24,0)+1,1))-1)+IF('Standard Profiles'!$G$18=$B$10,7,0)+IF('Standard Profiles'!$G$18=$B$17,14,0)+IF('Standard Profiles'!$G$18=$B$24,21,0),MOD($C3291,24)+1)/SUM(INDEX($D$3:$AA$30,INDEX(Jesper!$R$2:$R$366,ROW(INDEX(Jesper!AH$2:AH$366,ROUNDDOWN($C3291/24,0)+1,1))-1)+IF('Standard Profiles'!$G$18=$B$10,7,0)+IF('Standard Profiles'!$G$18=$B$17,14,0)+IF('Standard Profiles'!$G$18=$B$24,21,0),0)),0)</f>
        <v>14.702414084791434</v>
      </c>
      <c r="E3291" cm="1">
        <f t="array" ref="E3291">IFERROR(INDEX(Jesper!AI$2:AI$366,ROUNDDOWN($C3291/24,0)+1,1)*INDEX($D$3:$AA$30,INDEX(Jesper!$R$2:$R$366,ROW(INDEX(Jesper!AI$2:AI$366,ROUNDDOWN($C3291/24,0)+1,1))-1)+IF('Standard Profiles'!$G$19=$B$10,7,0)+IF('Standard Profiles'!$G$19=$B$17,14,0)+IF('Standard Profiles'!$G$19=$B$24,21,0),MOD($C3291,24)+1)/SUM(INDEX($D$3:$AA$30,INDEX(Jesper!$R$2:$R$366,ROW(INDEX(Jesper!AI$2:AI$366,ROUNDDOWN($C3291/24,0)+1,1))-1)+IF('Standard Profiles'!$G$19=$B$10,7,0)+IF('Standard Profiles'!$G$19=$B$17,14,0)+IF('Standard Profiles'!$G$19=$B$24,21,0),0)),0)</f>
        <v>0</v>
      </c>
      <c r="F3291" cm="1">
        <f t="array" ref="F3291">IFERROR(INDEX(Jesper!AJ$2:AJ$366,ROUNDDOWN($C3291/24,0)+1,1)*INDEX($D$3:$AA$30,INDEX(Jesper!$R$2:$R$366,ROW(INDEX(Jesper!AJ$2:AJ$366,ROUNDDOWN($C3291/24,0)+1,1))-1)+IF('Standard Profiles'!$G$20=$B$10,7,0)+IF('Standard Profiles'!$G$20=$B$17,14,0)+IF('Standard Profiles'!$G$20=$B$24,21,0),MOD($C3291,24)+1)/SUM(INDEX($D$3:$AA$30,INDEX(Jesper!$R$2:$R$366,ROW(INDEX(Jesper!AJ$2:AJ$366,ROUNDDOWN($C3291/24,0)+1,1))-1)+IF('Standard Profiles'!$G$20=$B$10,7,0)+IF('Standard Profiles'!$G$20=$B$17,14,0)+IF('Standard Profiles'!$G$20=$B$24,21,0),0)),0)</f>
        <v>0</v>
      </c>
      <c r="G3291" cm="1">
        <f t="array" ref="G3291">IFERROR(INDEX(Jesper!AK$2:AK$366,ROUNDDOWN($C3291/24,0)+1,1)*INDEX($D$3:$AA$30,INDEX(Jesper!$R$2:$R$366,ROW(INDEX(Jesper!AK$2:AK$366,ROUNDDOWN($C3291/24,0)+1,1))-1)+IF('Standard Profiles'!$G$21=$B$10,7,0)+IF('Standard Profiles'!$G$21=$B$17,14,0)+IF('Standard Profiles'!$G$21=$B$24,21,0),MOD($C3291,24)+1)/SUM(INDEX($D$3:$AA$30,INDEX(Jesper!$R$2:$R$366,ROW(INDEX(Jesper!AK$2:AK$366,ROUNDDOWN($C3291/24,0)+1,1))-1)+IF('Standard Profiles'!$G$21=$B$10,7,0)+IF('Standard Profiles'!$G$21=$B$17,14,0)+IF('Standard Profiles'!$G$21=$B$24,21,0),0)),0)</f>
        <v>0</v>
      </c>
      <c r="H3291" cm="1">
        <f t="array" ref="H3291">IFERROR(INDEX(Jesper!AL$2:AL$366,ROUNDDOWN($C3291/24,0)+1,1)*INDEX($D$3:$AA$30,INDEX(Jesper!$R$2:$R$366,ROW(INDEX(Jesper!AL$2:AL$366,ROUNDDOWN($C3291/24,0)+1,1))-1)+IF('Standard Profiles'!$G$22=$B$10,7,0)+IF('Standard Profiles'!$G$22=$B$17,14,0)+IF('Standard Profiles'!$G$22=$B$24,21,0),MOD($C3291,24)+1)/SUM(INDEX($D$3:$AA$30,INDEX(Jesper!$R$2:$R$366,ROW(INDEX(Jesper!AL$2:AL$366,ROUNDDOWN($C3291/24,0)+1,1))-1)+IF('Standard Profiles'!$G$22=$B$10,7,0)+IF('Standard Profiles'!$G$22=$B$17,14,0)+IF('Standard Profiles'!$G$22=$B$24,21,0),0)),0)</f>
        <v>0</v>
      </c>
      <c r="I3291">
        <f t="shared" si="370"/>
        <v>0.44107242254374301</v>
      </c>
      <c r="J3291">
        <f t="shared" si="371"/>
        <v>1.4702414084791435</v>
      </c>
      <c r="K3291">
        <f t="shared" si="372"/>
        <v>2.2053621127187149</v>
      </c>
      <c r="L3291">
        <f t="shared" si="373"/>
        <v>10.585738141049832</v>
      </c>
      <c r="M3291">
        <f t="shared" si="374"/>
        <v>0</v>
      </c>
      <c r="N3291" s="46">
        <f t="shared" si="375"/>
        <v>45427.708333325434</v>
      </c>
    </row>
    <row r="3292" spans="2:14" x14ac:dyDescent="0.3">
      <c r="B3292">
        <f t="shared" si="369"/>
        <v>3</v>
      </c>
      <c r="C3292" s="16">
        <v>3258</v>
      </c>
      <c r="D3292" cm="1">
        <f t="array" ref="D3292">IFERROR(INDEX(Jesper!AH$2:AH$366,ROUNDDOWN($C3292/24,0)+1,1)*INDEX($D$3:$AA$30,INDEX(Jesper!$R$2:$R$366,ROW(INDEX(Jesper!AH$2:AH$366,ROUNDDOWN($C3292/24,0)+1,1))-1)+IF('Standard Profiles'!$G$18=$B$10,7,0)+IF('Standard Profiles'!$G$18=$B$17,14,0)+IF('Standard Profiles'!$G$18=$B$24,21,0),MOD($C3292,24)+1)/SUM(INDEX($D$3:$AA$30,INDEX(Jesper!$R$2:$R$366,ROW(INDEX(Jesper!AH$2:AH$366,ROUNDDOWN($C3292/24,0)+1,1))-1)+IF('Standard Profiles'!$G$18=$B$10,7,0)+IF('Standard Profiles'!$G$18=$B$17,14,0)+IF('Standard Profiles'!$G$18=$B$24,21,0),0)),0)</f>
        <v>14.702414084791434</v>
      </c>
      <c r="E3292" cm="1">
        <f t="array" ref="E3292">IFERROR(INDEX(Jesper!AI$2:AI$366,ROUNDDOWN($C3292/24,0)+1,1)*INDEX($D$3:$AA$30,INDEX(Jesper!$R$2:$R$366,ROW(INDEX(Jesper!AI$2:AI$366,ROUNDDOWN($C3292/24,0)+1,1))-1)+IF('Standard Profiles'!$G$19=$B$10,7,0)+IF('Standard Profiles'!$G$19=$B$17,14,0)+IF('Standard Profiles'!$G$19=$B$24,21,0),MOD($C3292,24)+1)/SUM(INDEX($D$3:$AA$30,INDEX(Jesper!$R$2:$R$366,ROW(INDEX(Jesper!AI$2:AI$366,ROUNDDOWN($C3292/24,0)+1,1))-1)+IF('Standard Profiles'!$G$19=$B$10,7,0)+IF('Standard Profiles'!$G$19=$B$17,14,0)+IF('Standard Profiles'!$G$19=$B$24,21,0),0)),0)</f>
        <v>0</v>
      </c>
      <c r="F3292" cm="1">
        <f t="array" ref="F3292">IFERROR(INDEX(Jesper!AJ$2:AJ$366,ROUNDDOWN($C3292/24,0)+1,1)*INDEX($D$3:$AA$30,INDEX(Jesper!$R$2:$R$366,ROW(INDEX(Jesper!AJ$2:AJ$366,ROUNDDOWN($C3292/24,0)+1,1))-1)+IF('Standard Profiles'!$G$20=$B$10,7,0)+IF('Standard Profiles'!$G$20=$B$17,14,0)+IF('Standard Profiles'!$G$20=$B$24,21,0),MOD($C3292,24)+1)/SUM(INDEX($D$3:$AA$30,INDEX(Jesper!$R$2:$R$366,ROW(INDEX(Jesper!AJ$2:AJ$366,ROUNDDOWN($C3292/24,0)+1,1))-1)+IF('Standard Profiles'!$G$20=$B$10,7,0)+IF('Standard Profiles'!$G$20=$B$17,14,0)+IF('Standard Profiles'!$G$20=$B$24,21,0),0)),0)</f>
        <v>0</v>
      </c>
      <c r="G3292" cm="1">
        <f t="array" ref="G3292">IFERROR(INDEX(Jesper!AK$2:AK$366,ROUNDDOWN($C3292/24,0)+1,1)*INDEX($D$3:$AA$30,INDEX(Jesper!$R$2:$R$366,ROW(INDEX(Jesper!AK$2:AK$366,ROUNDDOWN($C3292/24,0)+1,1))-1)+IF('Standard Profiles'!$G$21=$B$10,7,0)+IF('Standard Profiles'!$G$21=$B$17,14,0)+IF('Standard Profiles'!$G$21=$B$24,21,0),MOD($C3292,24)+1)/SUM(INDEX($D$3:$AA$30,INDEX(Jesper!$R$2:$R$366,ROW(INDEX(Jesper!AK$2:AK$366,ROUNDDOWN($C3292/24,0)+1,1))-1)+IF('Standard Profiles'!$G$21=$B$10,7,0)+IF('Standard Profiles'!$G$21=$B$17,14,0)+IF('Standard Profiles'!$G$21=$B$24,21,0),0)),0)</f>
        <v>0</v>
      </c>
      <c r="H3292" cm="1">
        <f t="array" ref="H3292">IFERROR(INDEX(Jesper!AL$2:AL$366,ROUNDDOWN($C3292/24,0)+1,1)*INDEX($D$3:$AA$30,INDEX(Jesper!$R$2:$R$366,ROW(INDEX(Jesper!AL$2:AL$366,ROUNDDOWN($C3292/24,0)+1,1))-1)+IF('Standard Profiles'!$G$22=$B$10,7,0)+IF('Standard Profiles'!$G$22=$B$17,14,0)+IF('Standard Profiles'!$G$22=$B$24,21,0),MOD($C3292,24)+1)/SUM(INDEX($D$3:$AA$30,INDEX(Jesper!$R$2:$R$366,ROW(INDEX(Jesper!AL$2:AL$366,ROUNDDOWN($C3292/24,0)+1,1))-1)+IF('Standard Profiles'!$G$22=$B$10,7,0)+IF('Standard Profiles'!$G$22=$B$17,14,0)+IF('Standard Profiles'!$G$22=$B$24,21,0),0)),0)</f>
        <v>0</v>
      </c>
      <c r="I3292">
        <f t="shared" si="370"/>
        <v>0.44107242254374301</v>
      </c>
      <c r="J3292">
        <f t="shared" si="371"/>
        <v>1.4702414084791435</v>
      </c>
      <c r="K3292">
        <f t="shared" si="372"/>
        <v>2.2053621127187149</v>
      </c>
      <c r="L3292">
        <f t="shared" si="373"/>
        <v>10.585738141049832</v>
      </c>
      <c r="M3292">
        <f t="shared" si="374"/>
        <v>0</v>
      </c>
      <c r="N3292" s="46">
        <f t="shared" si="375"/>
        <v>45427.749999992098</v>
      </c>
    </row>
    <row r="3293" spans="2:14" x14ac:dyDescent="0.3">
      <c r="B3293">
        <f t="shared" si="369"/>
        <v>3</v>
      </c>
      <c r="C3293" s="16">
        <v>3259</v>
      </c>
      <c r="D3293" cm="1">
        <f t="array" ref="D3293">IFERROR(INDEX(Jesper!AH$2:AH$366,ROUNDDOWN($C3293/24,0)+1,1)*INDEX($D$3:$AA$30,INDEX(Jesper!$R$2:$R$366,ROW(INDEX(Jesper!AH$2:AH$366,ROUNDDOWN($C3293/24,0)+1,1))-1)+IF('Standard Profiles'!$G$18=$B$10,7,0)+IF('Standard Profiles'!$G$18=$B$17,14,0)+IF('Standard Profiles'!$G$18=$B$24,21,0),MOD($C3293,24)+1)/SUM(INDEX($D$3:$AA$30,INDEX(Jesper!$R$2:$R$366,ROW(INDEX(Jesper!AH$2:AH$366,ROUNDDOWN($C3293/24,0)+1,1))-1)+IF('Standard Profiles'!$G$18=$B$10,7,0)+IF('Standard Profiles'!$G$18=$B$17,14,0)+IF('Standard Profiles'!$G$18=$B$24,21,0),0)),0)</f>
        <v>12.252011737326196</v>
      </c>
      <c r="E3293" cm="1">
        <f t="array" ref="E3293">IFERROR(INDEX(Jesper!AI$2:AI$366,ROUNDDOWN($C3293/24,0)+1,1)*INDEX($D$3:$AA$30,INDEX(Jesper!$R$2:$R$366,ROW(INDEX(Jesper!AI$2:AI$366,ROUNDDOWN($C3293/24,0)+1,1))-1)+IF('Standard Profiles'!$G$19=$B$10,7,0)+IF('Standard Profiles'!$G$19=$B$17,14,0)+IF('Standard Profiles'!$G$19=$B$24,21,0),MOD($C3293,24)+1)/SUM(INDEX($D$3:$AA$30,INDEX(Jesper!$R$2:$R$366,ROW(INDEX(Jesper!AI$2:AI$366,ROUNDDOWN($C3293/24,0)+1,1))-1)+IF('Standard Profiles'!$G$19=$B$10,7,0)+IF('Standard Profiles'!$G$19=$B$17,14,0)+IF('Standard Profiles'!$G$19=$B$24,21,0),0)),0)</f>
        <v>0</v>
      </c>
      <c r="F3293" cm="1">
        <f t="array" ref="F3293">IFERROR(INDEX(Jesper!AJ$2:AJ$366,ROUNDDOWN($C3293/24,0)+1,1)*INDEX($D$3:$AA$30,INDEX(Jesper!$R$2:$R$366,ROW(INDEX(Jesper!AJ$2:AJ$366,ROUNDDOWN($C3293/24,0)+1,1))-1)+IF('Standard Profiles'!$G$20=$B$10,7,0)+IF('Standard Profiles'!$G$20=$B$17,14,0)+IF('Standard Profiles'!$G$20=$B$24,21,0),MOD($C3293,24)+1)/SUM(INDEX($D$3:$AA$30,INDEX(Jesper!$R$2:$R$366,ROW(INDEX(Jesper!AJ$2:AJ$366,ROUNDDOWN($C3293/24,0)+1,1))-1)+IF('Standard Profiles'!$G$20=$B$10,7,0)+IF('Standard Profiles'!$G$20=$B$17,14,0)+IF('Standard Profiles'!$G$20=$B$24,21,0),0)),0)</f>
        <v>0</v>
      </c>
      <c r="G3293" cm="1">
        <f t="array" ref="G3293">IFERROR(INDEX(Jesper!AK$2:AK$366,ROUNDDOWN($C3293/24,0)+1,1)*INDEX($D$3:$AA$30,INDEX(Jesper!$R$2:$R$366,ROW(INDEX(Jesper!AK$2:AK$366,ROUNDDOWN($C3293/24,0)+1,1))-1)+IF('Standard Profiles'!$G$21=$B$10,7,0)+IF('Standard Profiles'!$G$21=$B$17,14,0)+IF('Standard Profiles'!$G$21=$B$24,21,0),MOD($C3293,24)+1)/SUM(INDEX($D$3:$AA$30,INDEX(Jesper!$R$2:$R$366,ROW(INDEX(Jesper!AK$2:AK$366,ROUNDDOWN($C3293/24,0)+1,1))-1)+IF('Standard Profiles'!$G$21=$B$10,7,0)+IF('Standard Profiles'!$G$21=$B$17,14,0)+IF('Standard Profiles'!$G$21=$B$24,21,0),0)),0)</f>
        <v>0</v>
      </c>
      <c r="H3293" cm="1">
        <f t="array" ref="H3293">IFERROR(INDEX(Jesper!AL$2:AL$366,ROUNDDOWN($C3293/24,0)+1,1)*INDEX($D$3:$AA$30,INDEX(Jesper!$R$2:$R$366,ROW(INDEX(Jesper!AL$2:AL$366,ROUNDDOWN($C3293/24,0)+1,1))-1)+IF('Standard Profiles'!$G$22=$B$10,7,0)+IF('Standard Profiles'!$G$22=$B$17,14,0)+IF('Standard Profiles'!$G$22=$B$24,21,0),MOD($C3293,24)+1)/SUM(INDEX($D$3:$AA$30,INDEX(Jesper!$R$2:$R$366,ROW(INDEX(Jesper!AL$2:AL$366,ROUNDDOWN($C3293/24,0)+1,1))-1)+IF('Standard Profiles'!$G$22=$B$10,7,0)+IF('Standard Profiles'!$G$22=$B$17,14,0)+IF('Standard Profiles'!$G$22=$B$24,21,0),0)),0)</f>
        <v>0</v>
      </c>
      <c r="I3293">
        <f t="shared" si="370"/>
        <v>0.36756035211978588</v>
      </c>
      <c r="J3293">
        <f t="shared" si="371"/>
        <v>1.2252011737326196</v>
      </c>
      <c r="K3293">
        <f t="shared" si="372"/>
        <v>1.8378017605989294</v>
      </c>
      <c r="L3293">
        <f t="shared" si="373"/>
        <v>8.8214484508748612</v>
      </c>
      <c r="M3293">
        <f t="shared" si="374"/>
        <v>0</v>
      </c>
      <c r="N3293" s="46">
        <f t="shared" si="375"/>
        <v>45427.791666658763</v>
      </c>
    </row>
    <row r="3294" spans="2:14" x14ac:dyDescent="0.3">
      <c r="B3294">
        <f t="shared" si="369"/>
        <v>3</v>
      </c>
      <c r="C3294" s="16">
        <v>3260</v>
      </c>
      <c r="D3294" cm="1">
        <f t="array" ref="D3294">IFERROR(INDEX(Jesper!AH$2:AH$366,ROUNDDOWN($C3294/24,0)+1,1)*INDEX($D$3:$AA$30,INDEX(Jesper!$R$2:$R$366,ROW(INDEX(Jesper!AH$2:AH$366,ROUNDDOWN($C3294/24,0)+1,1))-1)+IF('Standard Profiles'!$G$18=$B$10,7,0)+IF('Standard Profiles'!$G$18=$B$17,14,0)+IF('Standard Profiles'!$G$18=$B$24,21,0),MOD($C3294,24)+1)/SUM(INDEX($D$3:$AA$30,INDEX(Jesper!$R$2:$R$366,ROW(INDEX(Jesper!AH$2:AH$366,ROUNDDOWN($C3294/24,0)+1,1))-1)+IF('Standard Profiles'!$G$18=$B$10,7,0)+IF('Standard Profiles'!$G$18=$B$17,14,0)+IF('Standard Profiles'!$G$18=$B$24,21,0),0)),0)</f>
        <v>9.8016093898609586</v>
      </c>
      <c r="E3294" cm="1">
        <f t="array" ref="E3294">IFERROR(INDEX(Jesper!AI$2:AI$366,ROUNDDOWN($C3294/24,0)+1,1)*INDEX($D$3:$AA$30,INDEX(Jesper!$R$2:$R$366,ROW(INDEX(Jesper!AI$2:AI$366,ROUNDDOWN($C3294/24,0)+1,1))-1)+IF('Standard Profiles'!$G$19=$B$10,7,0)+IF('Standard Profiles'!$G$19=$B$17,14,0)+IF('Standard Profiles'!$G$19=$B$24,21,0),MOD($C3294,24)+1)/SUM(INDEX($D$3:$AA$30,INDEX(Jesper!$R$2:$R$366,ROW(INDEX(Jesper!AI$2:AI$366,ROUNDDOWN($C3294/24,0)+1,1))-1)+IF('Standard Profiles'!$G$19=$B$10,7,0)+IF('Standard Profiles'!$G$19=$B$17,14,0)+IF('Standard Profiles'!$G$19=$B$24,21,0),0)),0)</f>
        <v>0</v>
      </c>
      <c r="F3294" cm="1">
        <f t="array" ref="F3294">IFERROR(INDEX(Jesper!AJ$2:AJ$366,ROUNDDOWN($C3294/24,0)+1,1)*INDEX($D$3:$AA$30,INDEX(Jesper!$R$2:$R$366,ROW(INDEX(Jesper!AJ$2:AJ$366,ROUNDDOWN($C3294/24,0)+1,1))-1)+IF('Standard Profiles'!$G$20=$B$10,7,0)+IF('Standard Profiles'!$G$20=$B$17,14,0)+IF('Standard Profiles'!$G$20=$B$24,21,0),MOD($C3294,24)+1)/SUM(INDEX($D$3:$AA$30,INDEX(Jesper!$R$2:$R$366,ROW(INDEX(Jesper!AJ$2:AJ$366,ROUNDDOWN($C3294/24,0)+1,1))-1)+IF('Standard Profiles'!$G$20=$B$10,7,0)+IF('Standard Profiles'!$G$20=$B$17,14,0)+IF('Standard Profiles'!$G$20=$B$24,21,0),0)),0)</f>
        <v>0</v>
      </c>
      <c r="G3294" cm="1">
        <f t="array" ref="G3294">IFERROR(INDEX(Jesper!AK$2:AK$366,ROUNDDOWN($C3294/24,0)+1,1)*INDEX($D$3:$AA$30,INDEX(Jesper!$R$2:$R$366,ROW(INDEX(Jesper!AK$2:AK$366,ROUNDDOWN($C3294/24,0)+1,1))-1)+IF('Standard Profiles'!$G$21=$B$10,7,0)+IF('Standard Profiles'!$G$21=$B$17,14,0)+IF('Standard Profiles'!$G$21=$B$24,21,0),MOD($C3294,24)+1)/SUM(INDEX($D$3:$AA$30,INDEX(Jesper!$R$2:$R$366,ROW(INDEX(Jesper!AK$2:AK$366,ROUNDDOWN($C3294/24,0)+1,1))-1)+IF('Standard Profiles'!$G$21=$B$10,7,0)+IF('Standard Profiles'!$G$21=$B$17,14,0)+IF('Standard Profiles'!$G$21=$B$24,21,0),0)),0)</f>
        <v>0</v>
      </c>
      <c r="H3294" cm="1">
        <f t="array" ref="H3294">IFERROR(INDEX(Jesper!AL$2:AL$366,ROUNDDOWN($C3294/24,0)+1,1)*INDEX($D$3:$AA$30,INDEX(Jesper!$R$2:$R$366,ROW(INDEX(Jesper!AL$2:AL$366,ROUNDDOWN($C3294/24,0)+1,1))-1)+IF('Standard Profiles'!$G$22=$B$10,7,0)+IF('Standard Profiles'!$G$22=$B$17,14,0)+IF('Standard Profiles'!$G$22=$B$24,21,0),MOD($C3294,24)+1)/SUM(INDEX($D$3:$AA$30,INDEX(Jesper!$R$2:$R$366,ROW(INDEX(Jesper!AL$2:AL$366,ROUNDDOWN($C3294/24,0)+1,1))-1)+IF('Standard Profiles'!$G$22=$B$10,7,0)+IF('Standard Profiles'!$G$22=$B$17,14,0)+IF('Standard Profiles'!$G$22=$B$24,21,0),0)),0)</f>
        <v>0</v>
      </c>
      <c r="I3294">
        <f t="shared" si="370"/>
        <v>0.29404828169582875</v>
      </c>
      <c r="J3294">
        <f t="shared" si="371"/>
        <v>0.98016093898609591</v>
      </c>
      <c r="K3294">
        <f t="shared" si="372"/>
        <v>1.4702414084791438</v>
      </c>
      <c r="L3294">
        <f t="shared" si="373"/>
        <v>7.05715876069989</v>
      </c>
      <c r="M3294">
        <f t="shared" si="374"/>
        <v>0</v>
      </c>
      <c r="N3294" s="46">
        <f t="shared" si="375"/>
        <v>45427.833333325427</v>
      </c>
    </row>
    <row r="3295" spans="2:14" x14ac:dyDescent="0.3">
      <c r="B3295">
        <f t="shared" si="369"/>
        <v>3</v>
      </c>
      <c r="C3295" s="16">
        <v>3261</v>
      </c>
      <c r="D3295" cm="1">
        <f t="array" ref="D3295">IFERROR(INDEX(Jesper!AH$2:AH$366,ROUNDDOWN($C3295/24,0)+1,1)*INDEX($D$3:$AA$30,INDEX(Jesper!$R$2:$R$366,ROW(INDEX(Jesper!AH$2:AH$366,ROUNDDOWN($C3295/24,0)+1,1))-1)+IF('Standard Profiles'!$G$18=$B$10,7,0)+IF('Standard Profiles'!$G$18=$B$17,14,0)+IF('Standard Profiles'!$G$18=$B$24,21,0),MOD($C3295,24)+1)/SUM(INDEX($D$3:$AA$30,INDEX(Jesper!$R$2:$R$366,ROW(INDEX(Jesper!AH$2:AH$366,ROUNDDOWN($C3295/24,0)+1,1))-1)+IF('Standard Profiles'!$G$18=$B$10,7,0)+IF('Standard Profiles'!$G$18=$B$17,14,0)+IF('Standard Profiles'!$G$18=$B$24,21,0),0)),0)</f>
        <v>7.3512070423957168</v>
      </c>
      <c r="E3295" cm="1">
        <f t="array" ref="E3295">IFERROR(INDEX(Jesper!AI$2:AI$366,ROUNDDOWN($C3295/24,0)+1,1)*INDEX($D$3:$AA$30,INDEX(Jesper!$R$2:$R$366,ROW(INDEX(Jesper!AI$2:AI$366,ROUNDDOWN($C3295/24,0)+1,1))-1)+IF('Standard Profiles'!$G$19=$B$10,7,0)+IF('Standard Profiles'!$G$19=$B$17,14,0)+IF('Standard Profiles'!$G$19=$B$24,21,0),MOD($C3295,24)+1)/SUM(INDEX($D$3:$AA$30,INDEX(Jesper!$R$2:$R$366,ROW(INDEX(Jesper!AI$2:AI$366,ROUNDDOWN($C3295/24,0)+1,1))-1)+IF('Standard Profiles'!$G$19=$B$10,7,0)+IF('Standard Profiles'!$G$19=$B$17,14,0)+IF('Standard Profiles'!$G$19=$B$24,21,0),0)),0)</f>
        <v>0</v>
      </c>
      <c r="F3295" cm="1">
        <f t="array" ref="F3295">IFERROR(INDEX(Jesper!AJ$2:AJ$366,ROUNDDOWN($C3295/24,0)+1,1)*INDEX($D$3:$AA$30,INDEX(Jesper!$R$2:$R$366,ROW(INDEX(Jesper!AJ$2:AJ$366,ROUNDDOWN($C3295/24,0)+1,1))-1)+IF('Standard Profiles'!$G$20=$B$10,7,0)+IF('Standard Profiles'!$G$20=$B$17,14,0)+IF('Standard Profiles'!$G$20=$B$24,21,0),MOD($C3295,24)+1)/SUM(INDEX($D$3:$AA$30,INDEX(Jesper!$R$2:$R$366,ROW(INDEX(Jesper!AJ$2:AJ$366,ROUNDDOWN($C3295/24,0)+1,1))-1)+IF('Standard Profiles'!$G$20=$B$10,7,0)+IF('Standard Profiles'!$G$20=$B$17,14,0)+IF('Standard Profiles'!$G$20=$B$24,21,0),0)),0)</f>
        <v>0</v>
      </c>
      <c r="G3295" cm="1">
        <f t="array" ref="G3295">IFERROR(INDEX(Jesper!AK$2:AK$366,ROUNDDOWN($C3295/24,0)+1,1)*INDEX($D$3:$AA$30,INDEX(Jesper!$R$2:$R$366,ROW(INDEX(Jesper!AK$2:AK$366,ROUNDDOWN($C3295/24,0)+1,1))-1)+IF('Standard Profiles'!$G$21=$B$10,7,0)+IF('Standard Profiles'!$G$21=$B$17,14,0)+IF('Standard Profiles'!$G$21=$B$24,21,0),MOD($C3295,24)+1)/SUM(INDEX($D$3:$AA$30,INDEX(Jesper!$R$2:$R$366,ROW(INDEX(Jesper!AK$2:AK$366,ROUNDDOWN($C3295/24,0)+1,1))-1)+IF('Standard Profiles'!$G$21=$B$10,7,0)+IF('Standard Profiles'!$G$21=$B$17,14,0)+IF('Standard Profiles'!$G$21=$B$24,21,0),0)),0)</f>
        <v>0</v>
      </c>
      <c r="H3295" cm="1">
        <f t="array" ref="H3295">IFERROR(INDEX(Jesper!AL$2:AL$366,ROUNDDOWN($C3295/24,0)+1,1)*INDEX($D$3:$AA$30,INDEX(Jesper!$R$2:$R$366,ROW(INDEX(Jesper!AL$2:AL$366,ROUNDDOWN($C3295/24,0)+1,1))-1)+IF('Standard Profiles'!$G$22=$B$10,7,0)+IF('Standard Profiles'!$G$22=$B$17,14,0)+IF('Standard Profiles'!$G$22=$B$24,21,0),MOD($C3295,24)+1)/SUM(INDEX($D$3:$AA$30,INDEX(Jesper!$R$2:$R$366,ROW(INDEX(Jesper!AL$2:AL$366,ROUNDDOWN($C3295/24,0)+1,1))-1)+IF('Standard Profiles'!$G$22=$B$10,7,0)+IF('Standard Profiles'!$G$22=$B$17,14,0)+IF('Standard Profiles'!$G$22=$B$24,21,0),0)),0)</f>
        <v>0</v>
      </c>
      <c r="I3295">
        <f t="shared" si="370"/>
        <v>0.22053621127187151</v>
      </c>
      <c r="J3295">
        <f t="shared" si="371"/>
        <v>0.73512070423957177</v>
      </c>
      <c r="K3295">
        <f t="shared" si="372"/>
        <v>1.1026810563593574</v>
      </c>
      <c r="L3295">
        <f t="shared" si="373"/>
        <v>5.2928690705249162</v>
      </c>
      <c r="M3295">
        <f t="shared" si="374"/>
        <v>0</v>
      </c>
      <c r="N3295" s="46">
        <f t="shared" si="375"/>
        <v>45427.874999992091</v>
      </c>
    </row>
    <row r="3296" spans="2:14" x14ac:dyDescent="0.3">
      <c r="B3296">
        <f t="shared" si="369"/>
        <v>3</v>
      </c>
      <c r="C3296" s="16">
        <v>3262</v>
      </c>
      <c r="D3296" cm="1">
        <f t="array" ref="D3296">IFERROR(INDEX(Jesper!AH$2:AH$366,ROUNDDOWN($C3296/24,0)+1,1)*INDEX($D$3:$AA$30,INDEX(Jesper!$R$2:$R$366,ROW(INDEX(Jesper!AH$2:AH$366,ROUNDDOWN($C3296/24,0)+1,1))-1)+IF('Standard Profiles'!$G$18=$B$10,7,0)+IF('Standard Profiles'!$G$18=$B$17,14,0)+IF('Standard Profiles'!$G$18=$B$24,21,0),MOD($C3296,24)+1)/SUM(INDEX($D$3:$AA$30,INDEX(Jesper!$R$2:$R$366,ROW(INDEX(Jesper!AH$2:AH$366,ROUNDDOWN($C3296/24,0)+1,1))-1)+IF('Standard Profiles'!$G$18=$B$10,7,0)+IF('Standard Profiles'!$G$18=$B$17,14,0)+IF('Standard Profiles'!$G$18=$B$24,21,0),0)),0)</f>
        <v>7.3512070423957168</v>
      </c>
      <c r="E3296" cm="1">
        <f t="array" ref="E3296">IFERROR(INDEX(Jesper!AI$2:AI$366,ROUNDDOWN($C3296/24,0)+1,1)*INDEX($D$3:$AA$30,INDEX(Jesper!$R$2:$R$366,ROW(INDEX(Jesper!AI$2:AI$366,ROUNDDOWN($C3296/24,0)+1,1))-1)+IF('Standard Profiles'!$G$19=$B$10,7,0)+IF('Standard Profiles'!$G$19=$B$17,14,0)+IF('Standard Profiles'!$G$19=$B$24,21,0),MOD($C3296,24)+1)/SUM(INDEX($D$3:$AA$30,INDEX(Jesper!$R$2:$R$366,ROW(INDEX(Jesper!AI$2:AI$366,ROUNDDOWN($C3296/24,0)+1,1))-1)+IF('Standard Profiles'!$G$19=$B$10,7,0)+IF('Standard Profiles'!$G$19=$B$17,14,0)+IF('Standard Profiles'!$G$19=$B$24,21,0),0)),0)</f>
        <v>0</v>
      </c>
      <c r="F3296" cm="1">
        <f t="array" ref="F3296">IFERROR(INDEX(Jesper!AJ$2:AJ$366,ROUNDDOWN($C3296/24,0)+1,1)*INDEX($D$3:$AA$30,INDEX(Jesper!$R$2:$R$366,ROW(INDEX(Jesper!AJ$2:AJ$366,ROUNDDOWN($C3296/24,0)+1,1))-1)+IF('Standard Profiles'!$G$20=$B$10,7,0)+IF('Standard Profiles'!$G$20=$B$17,14,0)+IF('Standard Profiles'!$G$20=$B$24,21,0),MOD($C3296,24)+1)/SUM(INDEX($D$3:$AA$30,INDEX(Jesper!$R$2:$R$366,ROW(INDEX(Jesper!AJ$2:AJ$366,ROUNDDOWN($C3296/24,0)+1,1))-1)+IF('Standard Profiles'!$G$20=$B$10,7,0)+IF('Standard Profiles'!$G$20=$B$17,14,0)+IF('Standard Profiles'!$G$20=$B$24,21,0),0)),0)</f>
        <v>0</v>
      </c>
      <c r="G3296" cm="1">
        <f t="array" ref="G3296">IFERROR(INDEX(Jesper!AK$2:AK$366,ROUNDDOWN($C3296/24,0)+1,1)*INDEX($D$3:$AA$30,INDEX(Jesper!$R$2:$R$366,ROW(INDEX(Jesper!AK$2:AK$366,ROUNDDOWN($C3296/24,0)+1,1))-1)+IF('Standard Profiles'!$G$21=$B$10,7,0)+IF('Standard Profiles'!$G$21=$B$17,14,0)+IF('Standard Profiles'!$G$21=$B$24,21,0),MOD($C3296,24)+1)/SUM(INDEX($D$3:$AA$30,INDEX(Jesper!$R$2:$R$366,ROW(INDEX(Jesper!AK$2:AK$366,ROUNDDOWN($C3296/24,0)+1,1))-1)+IF('Standard Profiles'!$G$21=$B$10,7,0)+IF('Standard Profiles'!$G$21=$B$17,14,0)+IF('Standard Profiles'!$G$21=$B$24,21,0),0)),0)</f>
        <v>0</v>
      </c>
      <c r="H3296" cm="1">
        <f t="array" ref="H3296">IFERROR(INDEX(Jesper!AL$2:AL$366,ROUNDDOWN($C3296/24,0)+1,1)*INDEX($D$3:$AA$30,INDEX(Jesper!$R$2:$R$366,ROW(INDEX(Jesper!AL$2:AL$366,ROUNDDOWN($C3296/24,0)+1,1))-1)+IF('Standard Profiles'!$G$22=$B$10,7,0)+IF('Standard Profiles'!$G$22=$B$17,14,0)+IF('Standard Profiles'!$G$22=$B$24,21,0),MOD($C3296,24)+1)/SUM(INDEX($D$3:$AA$30,INDEX(Jesper!$R$2:$R$366,ROW(INDEX(Jesper!AL$2:AL$366,ROUNDDOWN($C3296/24,0)+1,1))-1)+IF('Standard Profiles'!$G$22=$B$10,7,0)+IF('Standard Profiles'!$G$22=$B$17,14,0)+IF('Standard Profiles'!$G$22=$B$24,21,0),0)),0)</f>
        <v>0</v>
      </c>
      <c r="I3296">
        <f t="shared" si="370"/>
        <v>0.22053621127187151</v>
      </c>
      <c r="J3296">
        <f t="shared" si="371"/>
        <v>0.73512070423957177</v>
      </c>
      <c r="K3296">
        <f t="shared" si="372"/>
        <v>1.1026810563593574</v>
      </c>
      <c r="L3296">
        <f t="shared" si="373"/>
        <v>5.2928690705249162</v>
      </c>
      <c r="M3296">
        <f t="shared" si="374"/>
        <v>0</v>
      </c>
      <c r="N3296" s="46">
        <f t="shared" si="375"/>
        <v>45427.916666658755</v>
      </c>
    </row>
    <row r="3297" spans="2:14" x14ac:dyDescent="0.3">
      <c r="B3297">
        <f t="shared" si="369"/>
        <v>3</v>
      </c>
      <c r="C3297" s="16">
        <v>3263</v>
      </c>
      <c r="D3297" cm="1">
        <f t="array" ref="D3297">IFERROR(INDEX(Jesper!AH$2:AH$366,ROUNDDOWN($C3297/24,0)+1,1)*INDEX($D$3:$AA$30,INDEX(Jesper!$R$2:$R$366,ROW(INDEX(Jesper!AH$2:AH$366,ROUNDDOWN($C3297/24,0)+1,1))-1)+IF('Standard Profiles'!$G$18=$B$10,7,0)+IF('Standard Profiles'!$G$18=$B$17,14,0)+IF('Standard Profiles'!$G$18=$B$24,21,0),MOD($C3297,24)+1)/SUM(INDEX($D$3:$AA$30,INDEX(Jesper!$R$2:$R$366,ROW(INDEX(Jesper!AH$2:AH$366,ROUNDDOWN($C3297/24,0)+1,1))-1)+IF('Standard Profiles'!$G$18=$B$10,7,0)+IF('Standard Profiles'!$G$18=$B$17,14,0)+IF('Standard Profiles'!$G$18=$B$24,21,0),0)),0)</f>
        <v>7.3512070423957168</v>
      </c>
      <c r="E3297" cm="1">
        <f t="array" ref="E3297">IFERROR(INDEX(Jesper!AI$2:AI$366,ROUNDDOWN($C3297/24,0)+1,1)*INDEX($D$3:$AA$30,INDEX(Jesper!$R$2:$R$366,ROW(INDEX(Jesper!AI$2:AI$366,ROUNDDOWN($C3297/24,0)+1,1))-1)+IF('Standard Profiles'!$G$19=$B$10,7,0)+IF('Standard Profiles'!$G$19=$B$17,14,0)+IF('Standard Profiles'!$G$19=$B$24,21,0),MOD($C3297,24)+1)/SUM(INDEX($D$3:$AA$30,INDEX(Jesper!$R$2:$R$366,ROW(INDEX(Jesper!AI$2:AI$366,ROUNDDOWN($C3297/24,0)+1,1))-1)+IF('Standard Profiles'!$G$19=$B$10,7,0)+IF('Standard Profiles'!$G$19=$B$17,14,0)+IF('Standard Profiles'!$G$19=$B$24,21,0),0)),0)</f>
        <v>0</v>
      </c>
      <c r="F3297" cm="1">
        <f t="array" ref="F3297">IFERROR(INDEX(Jesper!AJ$2:AJ$366,ROUNDDOWN($C3297/24,0)+1,1)*INDEX($D$3:$AA$30,INDEX(Jesper!$R$2:$R$366,ROW(INDEX(Jesper!AJ$2:AJ$366,ROUNDDOWN($C3297/24,0)+1,1))-1)+IF('Standard Profiles'!$G$20=$B$10,7,0)+IF('Standard Profiles'!$G$20=$B$17,14,0)+IF('Standard Profiles'!$G$20=$B$24,21,0),MOD($C3297,24)+1)/SUM(INDEX($D$3:$AA$30,INDEX(Jesper!$R$2:$R$366,ROW(INDEX(Jesper!AJ$2:AJ$366,ROUNDDOWN($C3297/24,0)+1,1))-1)+IF('Standard Profiles'!$G$20=$B$10,7,0)+IF('Standard Profiles'!$G$20=$B$17,14,0)+IF('Standard Profiles'!$G$20=$B$24,21,0),0)),0)</f>
        <v>0</v>
      </c>
      <c r="G3297" cm="1">
        <f t="array" ref="G3297">IFERROR(INDEX(Jesper!AK$2:AK$366,ROUNDDOWN($C3297/24,0)+1,1)*INDEX($D$3:$AA$30,INDEX(Jesper!$R$2:$R$366,ROW(INDEX(Jesper!AK$2:AK$366,ROUNDDOWN($C3297/24,0)+1,1))-1)+IF('Standard Profiles'!$G$21=$B$10,7,0)+IF('Standard Profiles'!$G$21=$B$17,14,0)+IF('Standard Profiles'!$G$21=$B$24,21,0),MOD($C3297,24)+1)/SUM(INDEX($D$3:$AA$30,INDEX(Jesper!$R$2:$R$366,ROW(INDEX(Jesper!AK$2:AK$366,ROUNDDOWN($C3297/24,0)+1,1))-1)+IF('Standard Profiles'!$G$21=$B$10,7,0)+IF('Standard Profiles'!$G$21=$B$17,14,0)+IF('Standard Profiles'!$G$21=$B$24,21,0),0)),0)</f>
        <v>0</v>
      </c>
      <c r="H3297" cm="1">
        <f t="array" ref="H3297">IFERROR(INDEX(Jesper!AL$2:AL$366,ROUNDDOWN($C3297/24,0)+1,1)*INDEX($D$3:$AA$30,INDEX(Jesper!$R$2:$R$366,ROW(INDEX(Jesper!AL$2:AL$366,ROUNDDOWN($C3297/24,0)+1,1))-1)+IF('Standard Profiles'!$G$22=$B$10,7,0)+IF('Standard Profiles'!$G$22=$B$17,14,0)+IF('Standard Profiles'!$G$22=$B$24,21,0),MOD($C3297,24)+1)/SUM(INDEX($D$3:$AA$30,INDEX(Jesper!$R$2:$R$366,ROW(INDEX(Jesper!AL$2:AL$366,ROUNDDOWN($C3297/24,0)+1,1))-1)+IF('Standard Profiles'!$G$22=$B$10,7,0)+IF('Standard Profiles'!$G$22=$B$17,14,0)+IF('Standard Profiles'!$G$22=$B$24,21,0),0)),0)</f>
        <v>0</v>
      </c>
      <c r="I3297">
        <f t="shared" si="370"/>
        <v>0.22053621127187151</v>
      </c>
      <c r="J3297">
        <f t="shared" si="371"/>
        <v>0.73512070423957177</v>
      </c>
      <c r="K3297">
        <f t="shared" si="372"/>
        <v>1.1026810563593574</v>
      </c>
      <c r="L3297">
        <f t="shared" si="373"/>
        <v>5.2928690705249162</v>
      </c>
      <c r="M3297">
        <f t="shared" si="374"/>
        <v>0</v>
      </c>
      <c r="N3297" s="46">
        <f t="shared" si="375"/>
        <v>45427.95833332542</v>
      </c>
    </row>
    <row r="3298" spans="2:14" x14ac:dyDescent="0.3">
      <c r="B3298">
        <f t="shared" si="369"/>
        <v>4</v>
      </c>
      <c r="C3298" s="16">
        <v>3264</v>
      </c>
      <c r="D3298" cm="1">
        <f t="array" ref="D3298">IFERROR(INDEX(Jesper!AH$2:AH$366,ROUNDDOWN($C3298/24,0)+1,1)*INDEX($D$3:$AA$30,INDEX(Jesper!$R$2:$R$366,ROW(INDEX(Jesper!AH$2:AH$366,ROUNDDOWN($C3298/24,0)+1,1))-1)+IF('Standard Profiles'!$G$18=$B$10,7,0)+IF('Standard Profiles'!$G$18=$B$17,14,0)+IF('Standard Profiles'!$G$18=$B$24,21,0),MOD($C3298,24)+1)/SUM(INDEX($D$3:$AA$30,INDEX(Jesper!$R$2:$R$366,ROW(INDEX(Jesper!AH$2:AH$366,ROUNDDOWN($C3298/24,0)+1,1))-1)+IF('Standard Profiles'!$G$18=$B$10,7,0)+IF('Standard Profiles'!$G$18=$B$17,14,0)+IF('Standard Profiles'!$G$18=$B$24,21,0),0)),0)</f>
        <v>7.4368529133978631</v>
      </c>
      <c r="E3298" cm="1">
        <f t="array" ref="E3298">IFERROR(INDEX(Jesper!AI$2:AI$366,ROUNDDOWN($C3298/24,0)+1,1)*INDEX($D$3:$AA$30,INDEX(Jesper!$R$2:$R$366,ROW(INDEX(Jesper!AI$2:AI$366,ROUNDDOWN($C3298/24,0)+1,1))-1)+IF('Standard Profiles'!$G$19=$B$10,7,0)+IF('Standard Profiles'!$G$19=$B$17,14,0)+IF('Standard Profiles'!$G$19=$B$24,21,0),MOD($C3298,24)+1)/SUM(INDEX($D$3:$AA$30,INDEX(Jesper!$R$2:$R$366,ROW(INDEX(Jesper!AI$2:AI$366,ROUNDDOWN($C3298/24,0)+1,1))-1)+IF('Standard Profiles'!$G$19=$B$10,7,0)+IF('Standard Profiles'!$G$19=$B$17,14,0)+IF('Standard Profiles'!$G$19=$B$24,21,0),0)),0)</f>
        <v>0</v>
      </c>
      <c r="F3298" cm="1">
        <f t="array" ref="F3298">IFERROR(INDEX(Jesper!AJ$2:AJ$366,ROUNDDOWN($C3298/24,0)+1,1)*INDEX($D$3:$AA$30,INDEX(Jesper!$R$2:$R$366,ROW(INDEX(Jesper!AJ$2:AJ$366,ROUNDDOWN($C3298/24,0)+1,1))-1)+IF('Standard Profiles'!$G$20=$B$10,7,0)+IF('Standard Profiles'!$G$20=$B$17,14,0)+IF('Standard Profiles'!$G$20=$B$24,21,0),MOD($C3298,24)+1)/SUM(INDEX($D$3:$AA$30,INDEX(Jesper!$R$2:$R$366,ROW(INDEX(Jesper!AJ$2:AJ$366,ROUNDDOWN($C3298/24,0)+1,1))-1)+IF('Standard Profiles'!$G$20=$B$10,7,0)+IF('Standard Profiles'!$G$20=$B$17,14,0)+IF('Standard Profiles'!$G$20=$B$24,21,0),0)),0)</f>
        <v>0</v>
      </c>
      <c r="G3298" cm="1">
        <f t="array" ref="G3298">IFERROR(INDEX(Jesper!AK$2:AK$366,ROUNDDOWN($C3298/24,0)+1,1)*INDEX($D$3:$AA$30,INDEX(Jesper!$R$2:$R$366,ROW(INDEX(Jesper!AK$2:AK$366,ROUNDDOWN($C3298/24,0)+1,1))-1)+IF('Standard Profiles'!$G$21=$B$10,7,0)+IF('Standard Profiles'!$G$21=$B$17,14,0)+IF('Standard Profiles'!$G$21=$B$24,21,0),MOD($C3298,24)+1)/SUM(INDEX($D$3:$AA$30,INDEX(Jesper!$R$2:$R$366,ROW(INDEX(Jesper!AK$2:AK$366,ROUNDDOWN($C3298/24,0)+1,1))-1)+IF('Standard Profiles'!$G$21=$B$10,7,0)+IF('Standard Profiles'!$G$21=$B$17,14,0)+IF('Standard Profiles'!$G$21=$B$24,21,0),0)),0)</f>
        <v>0</v>
      </c>
      <c r="H3298" cm="1">
        <f t="array" ref="H3298">IFERROR(INDEX(Jesper!AL$2:AL$366,ROUNDDOWN($C3298/24,0)+1,1)*INDEX($D$3:$AA$30,INDEX(Jesper!$R$2:$R$366,ROW(INDEX(Jesper!AL$2:AL$366,ROUNDDOWN($C3298/24,0)+1,1))-1)+IF('Standard Profiles'!$G$22=$B$10,7,0)+IF('Standard Profiles'!$G$22=$B$17,14,0)+IF('Standard Profiles'!$G$22=$B$24,21,0),MOD($C3298,24)+1)/SUM(INDEX($D$3:$AA$30,INDEX(Jesper!$R$2:$R$366,ROW(INDEX(Jesper!AL$2:AL$366,ROUNDDOWN($C3298/24,0)+1,1))-1)+IF('Standard Profiles'!$G$22=$B$10,7,0)+IF('Standard Profiles'!$G$22=$B$17,14,0)+IF('Standard Profiles'!$G$22=$B$24,21,0),0)),0)</f>
        <v>0</v>
      </c>
      <c r="I3298">
        <f t="shared" si="370"/>
        <v>0.2231055874019359</v>
      </c>
      <c r="J3298">
        <f t="shared" si="371"/>
        <v>0.74368529133978634</v>
      </c>
      <c r="K3298">
        <f t="shared" si="372"/>
        <v>1.1155279370096793</v>
      </c>
      <c r="L3298">
        <f t="shared" si="373"/>
        <v>5.3545340976464608</v>
      </c>
      <c r="M3298">
        <f t="shared" si="374"/>
        <v>0</v>
      </c>
      <c r="N3298" s="46">
        <f t="shared" si="375"/>
        <v>45427.999999992084</v>
      </c>
    </row>
    <row r="3299" spans="2:14" x14ac:dyDescent="0.3">
      <c r="B3299">
        <f t="shared" ref="B3299:B3362" si="376">WEEKDAY(N3299,2)</f>
        <v>4</v>
      </c>
      <c r="C3299" s="16">
        <v>3265</v>
      </c>
      <c r="D3299" cm="1">
        <f t="array" ref="D3299">IFERROR(INDEX(Jesper!AH$2:AH$366,ROUNDDOWN($C3299/24,0)+1,1)*INDEX($D$3:$AA$30,INDEX(Jesper!$R$2:$R$366,ROW(INDEX(Jesper!AH$2:AH$366,ROUNDDOWN($C3299/24,0)+1,1))-1)+IF('Standard Profiles'!$G$18=$B$10,7,0)+IF('Standard Profiles'!$G$18=$B$17,14,0)+IF('Standard Profiles'!$G$18=$B$24,21,0),MOD($C3299,24)+1)/SUM(INDEX($D$3:$AA$30,INDEX(Jesper!$R$2:$R$366,ROW(INDEX(Jesper!AH$2:AH$366,ROUNDDOWN($C3299/24,0)+1,1))-1)+IF('Standard Profiles'!$G$18=$B$10,7,0)+IF('Standard Profiles'!$G$18=$B$17,14,0)+IF('Standard Profiles'!$G$18=$B$24,21,0),0)),0)</f>
        <v>7.4368529133978631</v>
      </c>
      <c r="E3299" cm="1">
        <f t="array" ref="E3299">IFERROR(INDEX(Jesper!AI$2:AI$366,ROUNDDOWN($C3299/24,0)+1,1)*INDEX($D$3:$AA$30,INDEX(Jesper!$R$2:$R$366,ROW(INDEX(Jesper!AI$2:AI$366,ROUNDDOWN($C3299/24,0)+1,1))-1)+IF('Standard Profiles'!$G$19=$B$10,7,0)+IF('Standard Profiles'!$G$19=$B$17,14,0)+IF('Standard Profiles'!$G$19=$B$24,21,0),MOD($C3299,24)+1)/SUM(INDEX($D$3:$AA$30,INDEX(Jesper!$R$2:$R$366,ROW(INDEX(Jesper!AI$2:AI$366,ROUNDDOWN($C3299/24,0)+1,1))-1)+IF('Standard Profiles'!$G$19=$B$10,7,0)+IF('Standard Profiles'!$G$19=$B$17,14,0)+IF('Standard Profiles'!$G$19=$B$24,21,0),0)),0)</f>
        <v>0</v>
      </c>
      <c r="F3299" cm="1">
        <f t="array" ref="F3299">IFERROR(INDEX(Jesper!AJ$2:AJ$366,ROUNDDOWN($C3299/24,0)+1,1)*INDEX($D$3:$AA$30,INDEX(Jesper!$R$2:$R$366,ROW(INDEX(Jesper!AJ$2:AJ$366,ROUNDDOWN($C3299/24,0)+1,1))-1)+IF('Standard Profiles'!$G$20=$B$10,7,0)+IF('Standard Profiles'!$G$20=$B$17,14,0)+IF('Standard Profiles'!$G$20=$B$24,21,0),MOD($C3299,24)+1)/SUM(INDEX($D$3:$AA$30,INDEX(Jesper!$R$2:$R$366,ROW(INDEX(Jesper!AJ$2:AJ$366,ROUNDDOWN($C3299/24,0)+1,1))-1)+IF('Standard Profiles'!$G$20=$B$10,7,0)+IF('Standard Profiles'!$G$20=$B$17,14,0)+IF('Standard Profiles'!$G$20=$B$24,21,0),0)),0)</f>
        <v>0</v>
      </c>
      <c r="G3299" cm="1">
        <f t="array" ref="G3299">IFERROR(INDEX(Jesper!AK$2:AK$366,ROUNDDOWN($C3299/24,0)+1,1)*INDEX($D$3:$AA$30,INDEX(Jesper!$R$2:$R$366,ROW(INDEX(Jesper!AK$2:AK$366,ROUNDDOWN($C3299/24,0)+1,1))-1)+IF('Standard Profiles'!$G$21=$B$10,7,0)+IF('Standard Profiles'!$G$21=$B$17,14,0)+IF('Standard Profiles'!$G$21=$B$24,21,0),MOD($C3299,24)+1)/SUM(INDEX($D$3:$AA$30,INDEX(Jesper!$R$2:$R$366,ROW(INDEX(Jesper!AK$2:AK$366,ROUNDDOWN($C3299/24,0)+1,1))-1)+IF('Standard Profiles'!$G$21=$B$10,7,0)+IF('Standard Profiles'!$G$21=$B$17,14,0)+IF('Standard Profiles'!$G$21=$B$24,21,0),0)),0)</f>
        <v>0</v>
      </c>
      <c r="H3299" cm="1">
        <f t="array" ref="H3299">IFERROR(INDEX(Jesper!AL$2:AL$366,ROUNDDOWN($C3299/24,0)+1,1)*INDEX($D$3:$AA$30,INDEX(Jesper!$R$2:$R$366,ROW(INDEX(Jesper!AL$2:AL$366,ROUNDDOWN($C3299/24,0)+1,1))-1)+IF('Standard Profiles'!$G$22=$B$10,7,0)+IF('Standard Profiles'!$G$22=$B$17,14,0)+IF('Standard Profiles'!$G$22=$B$24,21,0),MOD($C3299,24)+1)/SUM(INDEX($D$3:$AA$30,INDEX(Jesper!$R$2:$R$366,ROW(INDEX(Jesper!AL$2:AL$366,ROUNDDOWN($C3299/24,0)+1,1))-1)+IF('Standard Profiles'!$G$22=$B$10,7,0)+IF('Standard Profiles'!$G$22=$B$17,14,0)+IF('Standard Profiles'!$G$22=$B$24,21,0),0)),0)</f>
        <v>0</v>
      </c>
      <c r="I3299">
        <f t="shared" ref="I3299:I3362" si="377">IF($B3299&lt;6,AC$37*$D3299+AC$38*$E3299+AC$39*$F3299+AC$40*$G3299,AC$46*$D3299+AC$47*$E3299+AC$48*$F3299+AC$49*$G3299+AC$50*$H3299)</f>
        <v>0.2231055874019359</v>
      </c>
      <c r="J3299">
        <f t="shared" ref="J3299:J3362" si="378">IF($B3299&lt;6,AD$37*$D3299+AD$38*$E3299+AD$39*$F3299+AD$40*$G3299,AD$46*$D3299+AD$47*$E3299+AD$48*$F3299+AD$49*$G3299+AD$50*$H3299)</f>
        <v>0.74368529133978634</v>
      </c>
      <c r="K3299">
        <f t="shared" ref="K3299:K3362" si="379">IF($B3299&lt;6,AE$37*$D3299+AE$38*$E3299+AE$39*$F3299+AE$40*$G3299,AE$46*$D3299+AE$47*$E3299+AE$48*$F3299+AE$49*$G3299+AE$50*$H3299)</f>
        <v>1.1155279370096793</v>
      </c>
      <c r="L3299">
        <f t="shared" ref="L3299:L3362" si="380">IF($B3299&lt;6,AF$37*$D3299+AF$38*$E3299+AF$39*$F3299+AF$40*$G3299,AF$46*$D3299+AF$47*$E3299+AF$48*$F3299+AF$49*$G3299+AF$50*$H3299)</f>
        <v>5.3545340976464608</v>
      </c>
      <c r="M3299">
        <f t="shared" ref="M3299:M3362" si="381">IF($B3299&lt;6,AG$37*$D3299+AG$38*$E3299+AG$39*$F3299+AG$40*$G3299,AG$46*$D3299+AG$47*$E3299+AG$48*$F3299+AG$49*$G3299+AG$50*$H3299)</f>
        <v>0</v>
      </c>
      <c r="N3299" s="46">
        <f t="shared" si="375"/>
        <v>45428.041666658748</v>
      </c>
    </row>
    <row r="3300" spans="2:14" x14ac:dyDescent="0.3">
      <c r="B3300">
        <f t="shared" si="376"/>
        <v>4</v>
      </c>
      <c r="C3300" s="16">
        <v>3266</v>
      </c>
      <c r="D3300" cm="1">
        <f t="array" ref="D3300">IFERROR(INDEX(Jesper!AH$2:AH$366,ROUNDDOWN($C3300/24,0)+1,1)*INDEX($D$3:$AA$30,INDEX(Jesper!$R$2:$R$366,ROW(INDEX(Jesper!AH$2:AH$366,ROUNDDOWN($C3300/24,0)+1,1))-1)+IF('Standard Profiles'!$G$18=$B$10,7,0)+IF('Standard Profiles'!$G$18=$B$17,14,0)+IF('Standard Profiles'!$G$18=$B$24,21,0),MOD($C3300,24)+1)/SUM(INDEX($D$3:$AA$30,INDEX(Jesper!$R$2:$R$366,ROW(INDEX(Jesper!AH$2:AH$366,ROUNDDOWN($C3300/24,0)+1,1))-1)+IF('Standard Profiles'!$G$18=$B$10,7,0)+IF('Standard Profiles'!$G$18=$B$17,14,0)+IF('Standard Profiles'!$G$18=$B$24,21,0),0)),0)</f>
        <v>7.4368529133978631</v>
      </c>
      <c r="E3300" cm="1">
        <f t="array" ref="E3300">IFERROR(INDEX(Jesper!AI$2:AI$366,ROUNDDOWN($C3300/24,0)+1,1)*INDEX($D$3:$AA$30,INDEX(Jesper!$R$2:$R$366,ROW(INDEX(Jesper!AI$2:AI$366,ROUNDDOWN($C3300/24,0)+1,1))-1)+IF('Standard Profiles'!$G$19=$B$10,7,0)+IF('Standard Profiles'!$G$19=$B$17,14,0)+IF('Standard Profiles'!$G$19=$B$24,21,0),MOD($C3300,24)+1)/SUM(INDEX($D$3:$AA$30,INDEX(Jesper!$R$2:$R$366,ROW(INDEX(Jesper!AI$2:AI$366,ROUNDDOWN($C3300/24,0)+1,1))-1)+IF('Standard Profiles'!$G$19=$B$10,7,0)+IF('Standard Profiles'!$G$19=$B$17,14,0)+IF('Standard Profiles'!$G$19=$B$24,21,0),0)),0)</f>
        <v>0</v>
      </c>
      <c r="F3300" cm="1">
        <f t="array" ref="F3300">IFERROR(INDEX(Jesper!AJ$2:AJ$366,ROUNDDOWN($C3300/24,0)+1,1)*INDEX($D$3:$AA$30,INDEX(Jesper!$R$2:$R$366,ROW(INDEX(Jesper!AJ$2:AJ$366,ROUNDDOWN($C3300/24,0)+1,1))-1)+IF('Standard Profiles'!$G$20=$B$10,7,0)+IF('Standard Profiles'!$G$20=$B$17,14,0)+IF('Standard Profiles'!$G$20=$B$24,21,0),MOD($C3300,24)+1)/SUM(INDEX($D$3:$AA$30,INDEX(Jesper!$R$2:$R$366,ROW(INDEX(Jesper!AJ$2:AJ$366,ROUNDDOWN($C3300/24,0)+1,1))-1)+IF('Standard Profiles'!$G$20=$B$10,7,0)+IF('Standard Profiles'!$G$20=$B$17,14,0)+IF('Standard Profiles'!$G$20=$B$24,21,0),0)),0)</f>
        <v>0</v>
      </c>
      <c r="G3300" cm="1">
        <f t="array" ref="G3300">IFERROR(INDEX(Jesper!AK$2:AK$366,ROUNDDOWN($C3300/24,0)+1,1)*INDEX($D$3:$AA$30,INDEX(Jesper!$R$2:$R$366,ROW(INDEX(Jesper!AK$2:AK$366,ROUNDDOWN($C3300/24,0)+1,1))-1)+IF('Standard Profiles'!$G$21=$B$10,7,0)+IF('Standard Profiles'!$G$21=$B$17,14,0)+IF('Standard Profiles'!$G$21=$B$24,21,0),MOD($C3300,24)+1)/SUM(INDEX($D$3:$AA$30,INDEX(Jesper!$R$2:$R$366,ROW(INDEX(Jesper!AK$2:AK$366,ROUNDDOWN($C3300/24,0)+1,1))-1)+IF('Standard Profiles'!$G$21=$B$10,7,0)+IF('Standard Profiles'!$G$21=$B$17,14,0)+IF('Standard Profiles'!$G$21=$B$24,21,0),0)),0)</f>
        <v>0</v>
      </c>
      <c r="H3300" cm="1">
        <f t="array" ref="H3300">IFERROR(INDEX(Jesper!AL$2:AL$366,ROUNDDOWN($C3300/24,0)+1,1)*INDEX($D$3:$AA$30,INDEX(Jesper!$R$2:$R$366,ROW(INDEX(Jesper!AL$2:AL$366,ROUNDDOWN($C3300/24,0)+1,1))-1)+IF('Standard Profiles'!$G$22=$B$10,7,0)+IF('Standard Profiles'!$G$22=$B$17,14,0)+IF('Standard Profiles'!$G$22=$B$24,21,0),MOD($C3300,24)+1)/SUM(INDEX($D$3:$AA$30,INDEX(Jesper!$R$2:$R$366,ROW(INDEX(Jesper!AL$2:AL$366,ROUNDDOWN($C3300/24,0)+1,1))-1)+IF('Standard Profiles'!$G$22=$B$10,7,0)+IF('Standard Profiles'!$G$22=$B$17,14,0)+IF('Standard Profiles'!$G$22=$B$24,21,0),0)),0)</f>
        <v>0</v>
      </c>
      <c r="I3300">
        <f t="shared" si="377"/>
        <v>0.2231055874019359</v>
      </c>
      <c r="J3300">
        <f t="shared" si="378"/>
        <v>0.74368529133978634</v>
      </c>
      <c r="K3300">
        <f t="shared" si="379"/>
        <v>1.1155279370096793</v>
      </c>
      <c r="L3300">
        <f t="shared" si="380"/>
        <v>5.3545340976464608</v>
      </c>
      <c r="M3300">
        <f t="shared" si="381"/>
        <v>0</v>
      </c>
      <c r="N3300" s="46">
        <f t="shared" ref="N3300:N3363" si="382">N3299+1/24</f>
        <v>45428.083333325412</v>
      </c>
    </row>
    <row r="3301" spans="2:14" x14ac:dyDescent="0.3">
      <c r="B3301">
        <f t="shared" si="376"/>
        <v>4</v>
      </c>
      <c r="C3301" s="16">
        <v>3267</v>
      </c>
      <c r="D3301" cm="1">
        <f t="array" ref="D3301">IFERROR(INDEX(Jesper!AH$2:AH$366,ROUNDDOWN($C3301/24,0)+1,1)*INDEX($D$3:$AA$30,INDEX(Jesper!$R$2:$R$366,ROW(INDEX(Jesper!AH$2:AH$366,ROUNDDOWN($C3301/24,0)+1,1))-1)+IF('Standard Profiles'!$G$18=$B$10,7,0)+IF('Standard Profiles'!$G$18=$B$17,14,0)+IF('Standard Profiles'!$G$18=$B$24,21,0),MOD($C3301,24)+1)/SUM(INDEX($D$3:$AA$30,INDEX(Jesper!$R$2:$R$366,ROW(INDEX(Jesper!AH$2:AH$366,ROUNDDOWN($C3301/24,0)+1,1))-1)+IF('Standard Profiles'!$G$18=$B$10,7,0)+IF('Standard Profiles'!$G$18=$B$17,14,0)+IF('Standard Profiles'!$G$18=$B$24,21,0),0)),0)</f>
        <v>7.4368529133978631</v>
      </c>
      <c r="E3301" cm="1">
        <f t="array" ref="E3301">IFERROR(INDEX(Jesper!AI$2:AI$366,ROUNDDOWN($C3301/24,0)+1,1)*INDEX($D$3:$AA$30,INDEX(Jesper!$R$2:$R$366,ROW(INDEX(Jesper!AI$2:AI$366,ROUNDDOWN($C3301/24,0)+1,1))-1)+IF('Standard Profiles'!$G$19=$B$10,7,0)+IF('Standard Profiles'!$G$19=$B$17,14,0)+IF('Standard Profiles'!$G$19=$B$24,21,0),MOD($C3301,24)+1)/SUM(INDEX($D$3:$AA$30,INDEX(Jesper!$R$2:$R$366,ROW(INDEX(Jesper!AI$2:AI$366,ROUNDDOWN($C3301/24,0)+1,1))-1)+IF('Standard Profiles'!$G$19=$B$10,7,0)+IF('Standard Profiles'!$G$19=$B$17,14,0)+IF('Standard Profiles'!$G$19=$B$24,21,0),0)),0)</f>
        <v>0</v>
      </c>
      <c r="F3301" cm="1">
        <f t="array" ref="F3301">IFERROR(INDEX(Jesper!AJ$2:AJ$366,ROUNDDOWN($C3301/24,0)+1,1)*INDEX($D$3:$AA$30,INDEX(Jesper!$R$2:$R$366,ROW(INDEX(Jesper!AJ$2:AJ$366,ROUNDDOWN($C3301/24,0)+1,1))-1)+IF('Standard Profiles'!$G$20=$B$10,7,0)+IF('Standard Profiles'!$G$20=$B$17,14,0)+IF('Standard Profiles'!$G$20=$B$24,21,0),MOD($C3301,24)+1)/SUM(INDEX($D$3:$AA$30,INDEX(Jesper!$R$2:$R$366,ROW(INDEX(Jesper!AJ$2:AJ$366,ROUNDDOWN($C3301/24,0)+1,1))-1)+IF('Standard Profiles'!$G$20=$B$10,7,0)+IF('Standard Profiles'!$G$20=$B$17,14,0)+IF('Standard Profiles'!$G$20=$B$24,21,0),0)),0)</f>
        <v>0</v>
      </c>
      <c r="G3301" cm="1">
        <f t="array" ref="G3301">IFERROR(INDEX(Jesper!AK$2:AK$366,ROUNDDOWN($C3301/24,0)+1,1)*INDEX($D$3:$AA$30,INDEX(Jesper!$R$2:$R$366,ROW(INDEX(Jesper!AK$2:AK$366,ROUNDDOWN($C3301/24,0)+1,1))-1)+IF('Standard Profiles'!$G$21=$B$10,7,0)+IF('Standard Profiles'!$G$21=$B$17,14,0)+IF('Standard Profiles'!$G$21=$B$24,21,0),MOD($C3301,24)+1)/SUM(INDEX($D$3:$AA$30,INDEX(Jesper!$R$2:$R$366,ROW(INDEX(Jesper!AK$2:AK$366,ROUNDDOWN($C3301/24,0)+1,1))-1)+IF('Standard Profiles'!$G$21=$B$10,7,0)+IF('Standard Profiles'!$G$21=$B$17,14,0)+IF('Standard Profiles'!$G$21=$B$24,21,0),0)),0)</f>
        <v>0</v>
      </c>
      <c r="H3301" cm="1">
        <f t="array" ref="H3301">IFERROR(INDEX(Jesper!AL$2:AL$366,ROUNDDOWN($C3301/24,0)+1,1)*INDEX($D$3:$AA$30,INDEX(Jesper!$R$2:$R$366,ROW(INDEX(Jesper!AL$2:AL$366,ROUNDDOWN($C3301/24,0)+1,1))-1)+IF('Standard Profiles'!$G$22=$B$10,7,0)+IF('Standard Profiles'!$G$22=$B$17,14,0)+IF('Standard Profiles'!$G$22=$B$24,21,0),MOD($C3301,24)+1)/SUM(INDEX($D$3:$AA$30,INDEX(Jesper!$R$2:$R$366,ROW(INDEX(Jesper!AL$2:AL$366,ROUNDDOWN($C3301/24,0)+1,1))-1)+IF('Standard Profiles'!$G$22=$B$10,7,0)+IF('Standard Profiles'!$G$22=$B$17,14,0)+IF('Standard Profiles'!$G$22=$B$24,21,0),0)),0)</f>
        <v>0</v>
      </c>
      <c r="I3301">
        <f t="shared" si="377"/>
        <v>0.2231055874019359</v>
      </c>
      <c r="J3301">
        <f t="shared" si="378"/>
        <v>0.74368529133978634</v>
      </c>
      <c r="K3301">
        <f t="shared" si="379"/>
        <v>1.1155279370096793</v>
      </c>
      <c r="L3301">
        <f t="shared" si="380"/>
        <v>5.3545340976464608</v>
      </c>
      <c r="M3301">
        <f t="shared" si="381"/>
        <v>0</v>
      </c>
      <c r="N3301" s="46">
        <f t="shared" si="382"/>
        <v>45428.124999992076</v>
      </c>
    </row>
    <row r="3302" spans="2:14" x14ac:dyDescent="0.3">
      <c r="B3302">
        <f t="shared" si="376"/>
        <v>4</v>
      </c>
      <c r="C3302" s="16">
        <v>3268</v>
      </c>
      <c r="D3302" cm="1">
        <f t="array" ref="D3302">IFERROR(INDEX(Jesper!AH$2:AH$366,ROUNDDOWN($C3302/24,0)+1,1)*INDEX($D$3:$AA$30,INDEX(Jesper!$R$2:$R$366,ROW(INDEX(Jesper!AH$2:AH$366,ROUNDDOWN($C3302/24,0)+1,1))-1)+IF('Standard Profiles'!$G$18=$B$10,7,0)+IF('Standard Profiles'!$G$18=$B$17,14,0)+IF('Standard Profiles'!$G$18=$B$24,21,0),MOD($C3302,24)+1)/SUM(INDEX($D$3:$AA$30,INDEX(Jesper!$R$2:$R$366,ROW(INDEX(Jesper!AH$2:AH$366,ROUNDDOWN($C3302/24,0)+1,1))-1)+IF('Standard Profiles'!$G$18=$B$10,7,0)+IF('Standard Profiles'!$G$18=$B$17,14,0)+IF('Standard Profiles'!$G$18=$B$24,21,0),0)),0)</f>
        <v>7.4368529133978631</v>
      </c>
      <c r="E3302" cm="1">
        <f t="array" ref="E3302">IFERROR(INDEX(Jesper!AI$2:AI$366,ROUNDDOWN($C3302/24,0)+1,1)*INDEX($D$3:$AA$30,INDEX(Jesper!$R$2:$R$366,ROW(INDEX(Jesper!AI$2:AI$366,ROUNDDOWN($C3302/24,0)+1,1))-1)+IF('Standard Profiles'!$G$19=$B$10,7,0)+IF('Standard Profiles'!$G$19=$B$17,14,0)+IF('Standard Profiles'!$G$19=$B$24,21,0),MOD($C3302,24)+1)/SUM(INDEX($D$3:$AA$30,INDEX(Jesper!$R$2:$R$366,ROW(INDEX(Jesper!AI$2:AI$366,ROUNDDOWN($C3302/24,0)+1,1))-1)+IF('Standard Profiles'!$G$19=$B$10,7,0)+IF('Standard Profiles'!$G$19=$B$17,14,0)+IF('Standard Profiles'!$G$19=$B$24,21,0),0)),0)</f>
        <v>0</v>
      </c>
      <c r="F3302" cm="1">
        <f t="array" ref="F3302">IFERROR(INDEX(Jesper!AJ$2:AJ$366,ROUNDDOWN($C3302/24,0)+1,1)*INDEX($D$3:$AA$30,INDEX(Jesper!$R$2:$R$366,ROW(INDEX(Jesper!AJ$2:AJ$366,ROUNDDOWN($C3302/24,0)+1,1))-1)+IF('Standard Profiles'!$G$20=$B$10,7,0)+IF('Standard Profiles'!$G$20=$B$17,14,0)+IF('Standard Profiles'!$G$20=$B$24,21,0),MOD($C3302,24)+1)/SUM(INDEX($D$3:$AA$30,INDEX(Jesper!$R$2:$R$366,ROW(INDEX(Jesper!AJ$2:AJ$366,ROUNDDOWN($C3302/24,0)+1,1))-1)+IF('Standard Profiles'!$G$20=$B$10,7,0)+IF('Standard Profiles'!$G$20=$B$17,14,0)+IF('Standard Profiles'!$G$20=$B$24,21,0),0)),0)</f>
        <v>0</v>
      </c>
      <c r="G3302" cm="1">
        <f t="array" ref="G3302">IFERROR(INDEX(Jesper!AK$2:AK$366,ROUNDDOWN($C3302/24,0)+1,1)*INDEX($D$3:$AA$30,INDEX(Jesper!$R$2:$R$366,ROW(INDEX(Jesper!AK$2:AK$366,ROUNDDOWN($C3302/24,0)+1,1))-1)+IF('Standard Profiles'!$G$21=$B$10,7,0)+IF('Standard Profiles'!$G$21=$B$17,14,0)+IF('Standard Profiles'!$G$21=$B$24,21,0),MOD($C3302,24)+1)/SUM(INDEX($D$3:$AA$30,INDEX(Jesper!$R$2:$R$366,ROW(INDEX(Jesper!AK$2:AK$366,ROUNDDOWN($C3302/24,0)+1,1))-1)+IF('Standard Profiles'!$G$21=$B$10,7,0)+IF('Standard Profiles'!$G$21=$B$17,14,0)+IF('Standard Profiles'!$G$21=$B$24,21,0),0)),0)</f>
        <v>0</v>
      </c>
      <c r="H3302" cm="1">
        <f t="array" ref="H3302">IFERROR(INDEX(Jesper!AL$2:AL$366,ROUNDDOWN($C3302/24,0)+1,1)*INDEX($D$3:$AA$30,INDEX(Jesper!$R$2:$R$366,ROW(INDEX(Jesper!AL$2:AL$366,ROUNDDOWN($C3302/24,0)+1,1))-1)+IF('Standard Profiles'!$G$22=$B$10,7,0)+IF('Standard Profiles'!$G$22=$B$17,14,0)+IF('Standard Profiles'!$G$22=$B$24,21,0),MOD($C3302,24)+1)/SUM(INDEX($D$3:$AA$30,INDEX(Jesper!$R$2:$R$366,ROW(INDEX(Jesper!AL$2:AL$366,ROUNDDOWN($C3302/24,0)+1,1))-1)+IF('Standard Profiles'!$G$22=$B$10,7,0)+IF('Standard Profiles'!$G$22=$B$17,14,0)+IF('Standard Profiles'!$G$22=$B$24,21,0),0)),0)</f>
        <v>0</v>
      </c>
      <c r="I3302">
        <f t="shared" si="377"/>
        <v>0.2231055874019359</v>
      </c>
      <c r="J3302">
        <f t="shared" si="378"/>
        <v>0.74368529133978634</v>
      </c>
      <c r="K3302">
        <f t="shared" si="379"/>
        <v>1.1155279370096793</v>
      </c>
      <c r="L3302">
        <f t="shared" si="380"/>
        <v>5.3545340976464608</v>
      </c>
      <c r="M3302">
        <f t="shared" si="381"/>
        <v>0</v>
      </c>
      <c r="N3302" s="46">
        <f t="shared" si="382"/>
        <v>45428.166666658741</v>
      </c>
    </row>
    <row r="3303" spans="2:14" x14ac:dyDescent="0.3">
      <c r="B3303">
        <f t="shared" si="376"/>
        <v>4</v>
      </c>
      <c r="C3303" s="16">
        <v>3269</v>
      </c>
      <c r="D3303" cm="1">
        <f t="array" ref="D3303">IFERROR(INDEX(Jesper!AH$2:AH$366,ROUNDDOWN($C3303/24,0)+1,1)*INDEX($D$3:$AA$30,INDEX(Jesper!$R$2:$R$366,ROW(INDEX(Jesper!AH$2:AH$366,ROUNDDOWN($C3303/24,0)+1,1))-1)+IF('Standard Profiles'!$G$18=$B$10,7,0)+IF('Standard Profiles'!$G$18=$B$17,14,0)+IF('Standard Profiles'!$G$18=$B$24,21,0),MOD($C3303,24)+1)/SUM(INDEX($D$3:$AA$30,INDEX(Jesper!$R$2:$R$366,ROW(INDEX(Jesper!AH$2:AH$366,ROUNDDOWN($C3303/24,0)+1,1))-1)+IF('Standard Profiles'!$G$18=$B$10,7,0)+IF('Standard Profiles'!$G$18=$B$17,14,0)+IF('Standard Profiles'!$G$18=$B$24,21,0),0)),0)</f>
        <v>9.5852770883794687</v>
      </c>
      <c r="E3303" cm="1">
        <f t="array" ref="E3303">IFERROR(INDEX(Jesper!AI$2:AI$366,ROUNDDOWN($C3303/24,0)+1,1)*INDEX($D$3:$AA$30,INDEX(Jesper!$R$2:$R$366,ROW(INDEX(Jesper!AI$2:AI$366,ROUNDDOWN($C3303/24,0)+1,1))-1)+IF('Standard Profiles'!$G$19=$B$10,7,0)+IF('Standard Profiles'!$G$19=$B$17,14,0)+IF('Standard Profiles'!$G$19=$B$24,21,0),MOD($C3303,24)+1)/SUM(INDEX($D$3:$AA$30,INDEX(Jesper!$R$2:$R$366,ROW(INDEX(Jesper!AI$2:AI$366,ROUNDDOWN($C3303/24,0)+1,1))-1)+IF('Standard Profiles'!$G$19=$B$10,7,0)+IF('Standard Profiles'!$G$19=$B$17,14,0)+IF('Standard Profiles'!$G$19=$B$24,21,0),0)),0)</f>
        <v>0</v>
      </c>
      <c r="F3303" cm="1">
        <f t="array" ref="F3303">IFERROR(INDEX(Jesper!AJ$2:AJ$366,ROUNDDOWN($C3303/24,0)+1,1)*INDEX($D$3:$AA$30,INDEX(Jesper!$R$2:$R$366,ROW(INDEX(Jesper!AJ$2:AJ$366,ROUNDDOWN($C3303/24,0)+1,1))-1)+IF('Standard Profiles'!$G$20=$B$10,7,0)+IF('Standard Profiles'!$G$20=$B$17,14,0)+IF('Standard Profiles'!$G$20=$B$24,21,0),MOD($C3303,24)+1)/SUM(INDEX($D$3:$AA$30,INDEX(Jesper!$R$2:$R$366,ROW(INDEX(Jesper!AJ$2:AJ$366,ROUNDDOWN($C3303/24,0)+1,1))-1)+IF('Standard Profiles'!$G$20=$B$10,7,0)+IF('Standard Profiles'!$G$20=$B$17,14,0)+IF('Standard Profiles'!$G$20=$B$24,21,0),0)),0)</f>
        <v>0</v>
      </c>
      <c r="G3303" cm="1">
        <f t="array" ref="G3303">IFERROR(INDEX(Jesper!AK$2:AK$366,ROUNDDOWN($C3303/24,0)+1,1)*INDEX($D$3:$AA$30,INDEX(Jesper!$R$2:$R$366,ROW(INDEX(Jesper!AK$2:AK$366,ROUNDDOWN($C3303/24,0)+1,1))-1)+IF('Standard Profiles'!$G$21=$B$10,7,0)+IF('Standard Profiles'!$G$21=$B$17,14,0)+IF('Standard Profiles'!$G$21=$B$24,21,0),MOD($C3303,24)+1)/SUM(INDEX($D$3:$AA$30,INDEX(Jesper!$R$2:$R$366,ROW(INDEX(Jesper!AK$2:AK$366,ROUNDDOWN($C3303/24,0)+1,1))-1)+IF('Standard Profiles'!$G$21=$B$10,7,0)+IF('Standard Profiles'!$G$21=$B$17,14,0)+IF('Standard Profiles'!$G$21=$B$24,21,0),0)),0)</f>
        <v>0</v>
      </c>
      <c r="H3303" cm="1">
        <f t="array" ref="H3303">IFERROR(INDEX(Jesper!AL$2:AL$366,ROUNDDOWN($C3303/24,0)+1,1)*INDEX($D$3:$AA$30,INDEX(Jesper!$R$2:$R$366,ROW(INDEX(Jesper!AL$2:AL$366,ROUNDDOWN($C3303/24,0)+1,1))-1)+IF('Standard Profiles'!$G$22=$B$10,7,0)+IF('Standard Profiles'!$G$22=$B$17,14,0)+IF('Standard Profiles'!$G$22=$B$24,21,0),MOD($C3303,24)+1)/SUM(INDEX($D$3:$AA$30,INDEX(Jesper!$R$2:$R$366,ROW(INDEX(Jesper!AL$2:AL$366,ROUNDDOWN($C3303/24,0)+1,1))-1)+IF('Standard Profiles'!$G$22=$B$10,7,0)+IF('Standard Profiles'!$G$22=$B$17,14,0)+IF('Standard Profiles'!$G$22=$B$24,21,0),0)),0)</f>
        <v>0</v>
      </c>
      <c r="I3303">
        <f t="shared" si="377"/>
        <v>0.28755831265138404</v>
      </c>
      <c r="J3303">
        <f t="shared" si="378"/>
        <v>0.95852770883794691</v>
      </c>
      <c r="K3303">
        <f t="shared" si="379"/>
        <v>1.4377915632569203</v>
      </c>
      <c r="L3303">
        <f t="shared" si="380"/>
        <v>6.9013995036332174</v>
      </c>
      <c r="M3303">
        <f t="shared" si="381"/>
        <v>0</v>
      </c>
      <c r="N3303" s="46">
        <f t="shared" si="382"/>
        <v>45428.208333325405</v>
      </c>
    </row>
    <row r="3304" spans="2:14" x14ac:dyDescent="0.3">
      <c r="B3304">
        <f t="shared" si="376"/>
        <v>4</v>
      </c>
      <c r="C3304" s="16">
        <v>3270</v>
      </c>
      <c r="D3304" cm="1">
        <f t="array" ref="D3304">IFERROR(INDEX(Jesper!AH$2:AH$366,ROUNDDOWN($C3304/24,0)+1,1)*INDEX($D$3:$AA$30,INDEX(Jesper!$R$2:$R$366,ROW(INDEX(Jesper!AH$2:AH$366,ROUNDDOWN($C3304/24,0)+1,1))-1)+IF('Standard Profiles'!$G$18=$B$10,7,0)+IF('Standard Profiles'!$G$18=$B$17,14,0)+IF('Standard Profiles'!$G$18=$B$24,21,0),MOD($C3304,24)+1)/SUM(INDEX($D$3:$AA$30,INDEX(Jesper!$R$2:$R$366,ROW(INDEX(Jesper!AH$2:AH$366,ROUNDDOWN($C3304/24,0)+1,1))-1)+IF('Standard Profiles'!$G$18=$B$10,7,0)+IF('Standard Profiles'!$G$18=$B$17,14,0)+IF('Standard Profiles'!$G$18=$B$24,21,0),0)),0)</f>
        <v>11.072647671059041</v>
      </c>
      <c r="E3304" cm="1">
        <f t="array" ref="E3304">IFERROR(INDEX(Jesper!AI$2:AI$366,ROUNDDOWN($C3304/24,0)+1,1)*INDEX($D$3:$AA$30,INDEX(Jesper!$R$2:$R$366,ROW(INDEX(Jesper!AI$2:AI$366,ROUNDDOWN($C3304/24,0)+1,1))-1)+IF('Standard Profiles'!$G$19=$B$10,7,0)+IF('Standard Profiles'!$G$19=$B$17,14,0)+IF('Standard Profiles'!$G$19=$B$24,21,0),MOD($C3304,24)+1)/SUM(INDEX($D$3:$AA$30,INDEX(Jesper!$R$2:$R$366,ROW(INDEX(Jesper!AI$2:AI$366,ROUNDDOWN($C3304/24,0)+1,1))-1)+IF('Standard Profiles'!$G$19=$B$10,7,0)+IF('Standard Profiles'!$G$19=$B$17,14,0)+IF('Standard Profiles'!$G$19=$B$24,21,0),0)),0)</f>
        <v>0</v>
      </c>
      <c r="F3304" cm="1">
        <f t="array" ref="F3304">IFERROR(INDEX(Jesper!AJ$2:AJ$366,ROUNDDOWN($C3304/24,0)+1,1)*INDEX($D$3:$AA$30,INDEX(Jesper!$R$2:$R$366,ROW(INDEX(Jesper!AJ$2:AJ$366,ROUNDDOWN($C3304/24,0)+1,1))-1)+IF('Standard Profiles'!$G$20=$B$10,7,0)+IF('Standard Profiles'!$G$20=$B$17,14,0)+IF('Standard Profiles'!$G$20=$B$24,21,0),MOD($C3304,24)+1)/SUM(INDEX($D$3:$AA$30,INDEX(Jesper!$R$2:$R$366,ROW(INDEX(Jesper!AJ$2:AJ$366,ROUNDDOWN($C3304/24,0)+1,1))-1)+IF('Standard Profiles'!$G$20=$B$10,7,0)+IF('Standard Profiles'!$G$20=$B$17,14,0)+IF('Standard Profiles'!$G$20=$B$24,21,0),0)),0)</f>
        <v>0</v>
      </c>
      <c r="G3304" cm="1">
        <f t="array" ref="G3304">IFERROR(INDEX(Jesper!AK$2:AK$366,ROUNDDOWN($C3304/24,0)+1,1)*INDEX($D$3:$AA$30,INDEX(Jesper!$R$2:$R$366,ROW(INDEX(Jesper!AK$2:AK$366,ROUNDDOWN($C3304/24,0)+1,1))-1)+IF('Standard Profiles'!$G$21=$B$10,7,0)+IF('Standard Profiles'!$G$21=$B$17,14,0)+IF('Standard Profiles'!$G$21=$B$24,21,0),MOD($C3304,24)+1)/SUM(INDEX($D$3:$AA$30,INDEX(Jesper!$R$2:$R$366,ROW(INDEX(Jesper!AK$2:AK$366,ROUNDDOWN($C3304/24,0)+1,1))-1)+IF('Standard Profiles'!$G$21=$B$10,7,0)+IF('Standard Profiles'!$G$21=$B$17,14,0)+IF('Standard Profiles'!$G$21=$B$24,21,0),0)),0)</f>
        <v>0</v>
      </c>
      <c r="H3304" cm="1">
        <f t="array" ref="H3304">IFERROR(INDEX(Jesper!AL$2:AL$366,ROUNDDOWN($C3304/24,0)+1,1)*INDEX($D$3:$AA$30,INDEX(Jesper!$R$2:$R$366,ROW(INDEX(Jesper!AL$2:AL$366,ROUNDDOWN($C3304/24,0)+1,1))-1)+IF('Standard Profiles'!$G$22=$B$10,7,0)+IF('Standard Profiles'!$G$22=$B$17,14,0)+IF('Standard Profiles'!$G$22=$B$24,21,0),MOD($C3304,24)+1)/SUM(INDEX($D$3:$AA$30,INDEX(Jesper!$R$2:$R$366,ROW(INDEX(Jesper!AL$2:AL$366,ROUNDDOWN($C3304/24,0)+1,1))-1)+IF('Standard Profiles'!$G$22=$B$10,7,0)+IF('Standard Profiles'!$G$22=$B$17,14,0)+IF('Standard Profiles'!$G$22=$B$24,21,0),0)),0)</f>
        <v>0</v>
      </c>
      <c r="I3304">
        <f t="shared" si="377"/>
        <v>0.3321794301317712</v>
      </c>
      <c r="J3304">
        <f t="shared" si="378"/>
        <v>1.1072647671059042</v>
      </c>
      <c r="K3304">
        <f t="shared" si="379"/>
        <v>1.6608971506588561</v>
      </c>
      <c r="L3304">
        <f t="shared" si="380"/>
        <v>7.9723063231625098</v>
      </c>
      <c r="M3304">
        <f t="shared" si="381"/>
        <v>0</v>
      </c>
      <c r="N3304" s="46">
        <f t="shared" si="382"/>
        <v>45428.249999992069</v>
      </c>
    </row>
    <row r="3305" spans="2:14" x14ac:dyDescent="0.3">
      <c r="B3305">
        <f t="shared" si="376"/>
        <v>4</v>
      </c>
      <c r="C3305" s="16">
        <v>3271</v>
      </c>
      <c r="D3305" cm="1">
        <f t="array" ref="D3305">IFERROR(INDEX(Jesper!AH$2:AH$366,ROUNDDOWN($C3305/24,0)+1,1)*INDEX($D$3:$AA$30,INDEX(Jesper!$R$2:$R$366,ROW(INDEX(Jesper!AH$2:AH$366,ROUNDDOWN($C3305/24,0)+1,1))-1)+IF('Standard Profiles'!$G$18=$B$10,7,0)+IF('Standard Profiles'!$G$18=$B$17,14,0)+IF('Standard Profiles'!$G$18=$B$24,21,0),MOD($C3305,24)+1)/SUM(INDEX($D$3:$AA$30,INDEX(Jesper!$R$2:$R$366,ROW(INDEX(Jesper!AH$2:AH$366,ROUNDDOWN($C3305/24,0)+1,1))-1)+IF('Standard Profiles'!$G$18=$B$10,7,0)+IF('Standard Profiles'!$G$18=$B$17,14,0)+IF('Standard Profiles'!$G$18=$B$24,21,0),0)),0)</f>
        <v>11.072647671059041</v>
      </c>
      <c r="E3305" cm="1">
        <f t="array" ref="E3305">IFERROR(INDEX(Jesper!AI$2:AI$366,ROUNDDOWN($C3305/24,0)+1,1)*INDEX($D$3:$AA$30,INDEX(Jesper!$R$2:$R$366,ROW(INDEX(Jesper!AI$2:AI$366,ROUNDDOWN($C3305/24,0)+1,1))-1)+IF('Standard Profiles'!$G$19=$B$10,7,0)+IF('Standard Profiles'!$G$19=$B$17,14,0)+IF('Standard Profiles'!$G$19=$B$24,21,0),MOD($C3305,24)+1)/SUM(INDEX($D$3:$AA$30,INDEX(Jesper!$R$2:$R$366,ROW(INDEX(Jesper!AI$2:AI$366,ROUNDDOWN($C3305/24,0)+1,1))-1)+IF('Standard Profiles'!$G$19=$B$10,7,0)+IF('Standard Profiles'!$G$19=$B$17,14,0)+IF('Standard Profiles'!$G$19=$B$24,21,0),0)),0)</f>
        <v>0</v>
      </c>
      <c r="F3305" cm="1">
        <f t="array" ref="F3305">IFERROR(INDEX(Jesper!AJ$2:AJ$366,ROUNDDOWN($C3305/24,0)+1,1)*INDEX($D$3:$AA$30,INDEX(Jesper!$R$2:$R$366,ROW(INDEX(Jesper!AJ$2:AJ$366,ROUNDDOWN($C3305/24,0)+1,1))-1)+IF('Standard Profiles'!$G$20=$B$10,7,0)+IF('Standard Profiles'!$G$20=$B$17,14,0)+IF('Standard Profiles'!$G$20=$B$24,21,0),MOD($C3305,24)+1)/SUM(INDEX($D$3:$AA$30,INDEX(Jesper!$R$2:$R$366,ROW(INDEX(Jesper!AJ$2:AJ$366,ROUNDDOWN($C3305/24,0)+1,1))-1)+IF('Standard Profiles'!$G$20=$B$10,7,0)+IF('Standard Profiles'!$G$20=$B$17,14,0)+IF('Standard Profiles'!$G$20=$B$24,21,0),0)),0)</f>
        <v>0</v>
      </c>
      <c r="G3305" cm="1">
        <f t="array" ref="G3305">IFERROR(INDEX(Jesper!AK$2:AK$366,ROUNDDOWN($C3305/24,0)+1,1)*INDEX($D$3:$AA$30,INDEX(Jesper!$R$2:$R$366,ROW(INDEX(Jesper!AK$2:AK$366,ROUNDDOWN($C3305/24,0)+1,1))-1)+IF('Standard Profiles'!$G$21=$B$10,7,0)+IF('Standard Profiles'!$G$21=$B$17,14,0)+IF('Standard Profiles'!$G$21=$B$24,21,0),MOD($C3305,24)+1)/SUM(INDEX($D$3:$AA$30,INDEX(Jesper!$R$2:$R$366,ROW(INDEX(Jesper!AK$2:AK$366,ROUNDDOWN($C3305/24,0)+1,1))-1)+IF('Standard Profiles'!$G$21=$B$10,7,0)+IF('Standard Profiles'!$G$21=$B$17,14,0)+IF('Standard Profiles'!$G$21=$B$24,21,0),0)),0)</f>
        <v>0</v>
      </c>
      <c r="H3305" cm="1">
        <f t="array" ref="H3305">IFERROR(INDEX(Jesper!AL$2:AL$366,ROUNDDOWN($C3305/24,0)+1,1)*INDEX($D$3:$AA$30,INDEX(Jesper!$R$2:$R$366,ROW(INDEX(Jesper!AL$2:AL$366,ROUNDDOWN($C3305/24,0)+1,1))-1)+IF('Standard Profiles'!$G$22=$B$10,7,0)+IF('Standard Profiles'!$G$22=$B$17,14,0)+IF('Standard Profiles'!$G$22=$B$24,21,0),MOD($C3305,24)+1)/SUM(INDEX($D$3:$AA$30,INDEX(Jesper!$R$2:$R$366,ROW(INDEX(Jesper!AL$2:AL$366,ROUNDDOWN($C3305/24,0)+1,1))-1)+IF('Standard Profiles'!$G$22=$B$10,7,0)+IF('Standard Profiles'!$G$22=$B$17,14,0)+IF('Standard Profiles'!$G$22=$B$24,21,0),0)),0)</f>
        <v>0</v>
      </c>
      <c r="I3305">
        <f t="shared" si="377"/>
        <v>0.3321794301317712</v>
      </c>
      <c r="J3305">
        <f t="shared" si="378"/>
        <v>1.1072647671059042</v>
      </c>
      <c r="K3305">
        <f t="shared" si="379"/>
        <v>1.6608971506588561</v>
      </c>
      <c r="L3305">
        <f t="shared" si="380"/>
        <v>7.9723063231625098</v>
      </c>
      <c r="M3305">
        <f t="shared" si="381"/>
        <v>0</v>
      </c>
      <c r="N3305" s="46">
        <f t="shared" si="382"/>
        <v>45428.291666658733</v>
      </c>
    </row>
    <row r="3306" spans="2:14" x14ac:dyDescent="0.3">
      <c r="B3306">
        <f t="shared" si="376"/>
        <v>4</v>
      </c>
      <c r="C3306" s="16">
        <v>3272</v>
      </c>
      <c r="D3306" cm="1">
        <f t="array" ref="D3306">IFERROR(INDEX(Jesper!AH$2:AH$366,ROUNDDOWN($C3306/24,0)+1,1)*INDEX($D$3:$AA$30,INDEX(Jesper!$R$2:$R$366,ROW(INDEX(Jesper!AH$2:AH$366,ROUNDDOWN($C3306/24,0)+1,1))-1)+IF('Standard Profiles'!$G$18=$B$10,7,0)+IF('Standard Profiles'!$G$18=$B$17,14,0)+IF('Standard Profiles'!$G$18=$B$24,21,0),MOD($C3306,24)+1)/SUM(INDEX($D$3:$AA$30,INDEX(Jesper!$R$2:$R$366,ROW(INDEX(Jesper!AH$2:AH$366,ROUNDDOWN($C3306/24,0)+1,1))-1)+IF('Standard Profiles'!$G$18=$B$10,7,0)+IF('Standard Profiles'!$G$18=$B$17,14,0)+IF('Standard Profiles'!$G$18=$B$24,21,0),0)),0)</f>
        <v>11.072647671059041</v>
      </c>
      <c r="E3306" cm="1">
        <f t="array" ref="E3306">IFERROR(INDEX(Jesper!AI$2:AI$366,ROUNDDOWN($C3306/24,0)+1,1)*INDEX($D$3:$AA$30,INDEX(Jesper!$R$2:$R$366,ROW(INDEX(Jesper!AI$2:AI$366,ROUNDDOWN($C3306/24,0)+1,1))-1)+IF('Standard Profiles'!$G$19=$B$10,7,0)+IF('Standard Profiles'!$G$19=$B$17,14,0)+IF('Standard Profiles'!$G$19=$B$24,21,0),MOD($C3306,24)+1)/SUM(INDEX($D$3:$AA$30,INDEX(Jesper!$R$2:$R$366,ROW(INDEX(Jesper!AI$2:AI$366,ROUNDDOWN($C3306/24,0)+1,1))-1)+IF('Standard Profiles'!$G$19=$B$10,7,0)+IF('Standard Profiles'!$G$19=$B$17,14,0)+IF('Standard Profiles'!$G$19=$B$24,21,0),0)),0)</f>
        <v>0</v>
      </c>
      <c r="F3306" cm="1">
        <f t="array" ref="F3306">IFERROR(INDEX(Jesper!AJ$2:AJ$366,ROUNDDOWN($C3306/24,0)+1,1)*INDEX($D$3:$AA$30,INDEX(Jesper!$R$2:$R$366,ROW(INDEX(Jesper!AJ$2:AJ$366,ROUNDDOWN($C3306/24,0)+1,1))-1)+IF('Standard Profiles'!$G$20=$B$10,7,0)+IF('Standard Profiles'!$G$20=$B$17,14,0)+IF('Standard Profiles'!$G$20=$B$24,21,0),MOD($C3306,24)+1)/SUM(INDEX($D$3:$AA$30,INDEX(Jesper!$R$2:$R$366,ROW(INDEX(Jesper!AJ$2:AJ$366,ROUNDDOWN($C3306/24,0)+1,1))-1)+IF('Standard Profiles'!$G$20=$B$10,7,0)+IF('Standard Profiles'!$G$20=$B$17,14,0)+IF('Standard Profiles'!$G$20=$B$24,21,0),0)),0)</f>
        <v>0</v>
      </c>
      <c r="G3306" cm="1">
        <f t="array" ref="G3306">IFERROR(INDEX(Jesper!AK$2:AK$366,ROUNDDOWN($C3306/24,0)+1,1)*INDEX($D$3:$AA$30,INDEX(Jesper!$R$2:$R$366,ROW(INDEX(Jesper!AK$2:AK$366,ROUNDDOWN($C3306/24,0)+1,1))-1)+IF('Standard Profiles'!$G$21=$B$10,7,0)+IF('Standard Profiles'!$G$21=$B$17,14,0)+IF('Standard Profiles'!$G$21=$B$24,21,0),MOD($C3306,24)+1)/SUM(INDEX($D$3:$AA$30,INDEX(Jesper!$R$2:$R$366,ROW(INDEX(Jesper!AK$2:AK$366,ROUNDDOWN($C3306/24,0)+1,1))-1)+IF('Standard Profiles'!$G$21=$B$10,7,0)+IF('Standard Profiles'!$G$21=$B$17,14,0)+IF('Standard Profiles'!$G$21=$B$24,21,0),0)),0)</f>
        <v>0</v>
      </c>
      <c r="H3306" cm="1">
        <f t="array" ref="H3306">IFERROR(INDEX(Jesper!AL$2:AL$366,ROUNDDOWN($C3306/24,0)+1,1)*INDEX($D$3:$AA$30,INDEX(Jesper!$R$2:$R$366,ROW(INDEX(Jesper!AL$2:AL$366,ROUNDDOWN($C3306/24,0)+1,1))-1)+IF('Standard Profiles'!$G$22=$B$10,7,0)+IF('Standard Profiles'!$G$22=$B$17,14,0)+IF('Standard Profiles'!$G$22=$B$24,21,0),MOD($C3306,24)+1)/SUM(INDEX($D$3:$AA$30,INDEX(Jesper!$R$2:$R$366,ROW(INDEX(Jesper!AL$2:AL$366,ROUNDDOWN($C3306/24,0)+1,1))-1)+IF('Standard Profiles'!$G$22=$B$10,7,0)+IF('Standard Profiles'!$G$22=$B$17,14,0)+IF('Standard Profiles'!$G$22=$B$24,21,0),0)),0)</f>
        <v>0</v>
      </c>
      <c r="I3306">
        <f t="shared" si="377"/>
        <v>0.3321794301317712</v>
      </c>
      <c r="J3306">
        <f t="shared" si="378"/>
        <v>1.1072647671059042</v>
      </c>
      <c r="K3306">
        <f t="shared" si="379"/>
        <v>1.6608971506588561</v>
      </c>
      <c r="L3306">
        <f t="shared" si="380"/>
        <v>7.9723063231625098</v>
      </c>
      <c r="M3306">
        <f t="shared" si="381"/>
        <v>0</v>
      </c>
      <c r="N3306" s="46">
        <f t="shared" si="382"/>
        <v>45428.333333325398</v>
      </c>
    </row>
    <row r="3307" spans="2:14" x14ac:dyDescent="0.3">
      <c r="B3307">
        <f t="shared" si="376"/>
        <v>4</v>
      </c>
      <c r="C3307" s="16">
        <v>3273</v>
      </c>
      <c r="D3307" cm="1">
        <f t="array" ref="D3307">IFERROR(INDEX(Jesper!AH$2:AH$366,ROUNDDOWN($C3307/24,0)+1,1)*INDEX($D$3:$AA$30,INDEX(Jesper!$R$2:$R$366,ROW(INDEX(Jesper!AH$2:AH$366,ROUNDDOWN($C3307/24,0)+1,1))-1)+IF('Standard Profiles'!$G$18=$B$10,7,0)+IF('Standard Profiles'!$G$18=$B$17,14,0)+IF('Standard Profiles'!$G$18=$B$24,21,0),MOD($C3307,24)+1)/SUM(INDEX($D$3:$AA$30,INDEX(Jesper!$R$2:$R$366,ROW(INDEX(Jesper!AH$2:AH$366,ROUNDDOWN($C3307/24,0)+1,1))-1)+IF('Standard Profiles'!$G$18=$B$10,7,0)+IF('Standard Profiles'!$G$18=$B$17,14,0)+IF('Standard Profiles'!$G$18=$B$24,21,0),0)),0)</f>
        <v>11.898964661436581</v>
      </c>
      <c r="E3307" cm="1">
        <f t="array" ref="E3307">IFERROR(INDEX(Jesper!AI$2:AI$366,ROUNDDOWN($C3307/24,0)+1,1)*INDEX($D$3:$AA$30,INDEX(Jesper!$R$2:$R$366,ROW(INDEX(Jesper!AI$2:AI$366,ROUNDDOWN($C3307/24,0)+1,1))-1)+IF('Standard Profiles'!$G$19=$B$10,7,0)+IF('Standard Profiles'!$G$19=$B$17,14,0)+IF('Standard Profiles'!$G$19=$B$24,21,0),MOD($C3307,24)+1)/SUM(INDEX($D$3:$AA$30,INDEX(Jesper!$R$2:$R$366,ROW(INDEX(Jesper!AI$2:AI$366,ROUNDDOWN($C3307/24,0)+1,1))-1)+IF('Standard Profiles'!$G$19=$B$10,7,0)+IF('Standard Profiles'!$G$19=$B$17,14,0)+IF('Standard Profiles'!$G$19=$B$24,21,0),0)),0)</f>
        <v>0</v>
      </c>
      <c r="F3307" cm="1">
        <f t="array" ref="F3307">IFERROR(INDEX(Jesper!AJ$2:AJ$366,ROUNDDOWN($C3307/24,0)+1,1)*INDEX($D$3:$AA$30,INDEX(Jesper!$R$2:$R$366,ROW(INDEX(Jesper!AJ$2:AJ$366,ROUNDDOWN($C3307/24,0)+1,1))-1)+IF('Standard Profiles'!$G$20=$B$10,7,0)+IF('Standard Profiles'!$G$20=$B$17,14,0)+IF('Standard Profiles'!$G$20=$B$24,21,0),MOD($C3307,24)+1)/SUM(INDEX($D$3:$AA$30,INDEX(Jesper!$R$2:$R$366,ROW(INDEX(Jesper!AJ$2:AJ$366,ROUNDDOWN($C3307/24,0)+1,1))-1)+IF('Standard Profiles'!$G$20=$B$10,7,0)+IF('Standard Profiles'!$G$20=$B$17,14,0)+IF('Standard Profiles'!$G$20=$B$24,21,0),0)),0)</f>
        <v>0</v>
      </c>
      <c r="G3307" cm="1">
        <f t="array" ref="G3307">IFERROR(INDEX(Jesper!AK$2:AK$366,ROUNDDOWN($C3307/24,0)+1,1)*INDEX($D$3:$AA$30,INDEX(Jesper!$R$2:$R$366,ROW(INDEX(Jesper!AK$2:AK$366,ROUNDDOWN($C3307/24,0)+1,1))-1)+IF('Standard Profiles'!$G$21=$B$10,7,0)+IF('Standard Profiles'!$G$21=$B$17,14,0)+IF('Standard Profiles'!$G$21=$B$24,21,0),MOD($C3307,24)+1)/SUM(INDEX($D$3:$AA$30,INDEX(Jesper!$R$2:$R$366,ROW(INDEX(Jesper!AK$2:AK$366,ROUNDDOWN($C3307/24,0)+1,1))-1)+IF('Standard Profiles'!$G$21=$B$10,7,0)+IF('Standard Profiles'!$G$21=$B$17,14,0)+IF('Standard Profiles'!$G$21=$B$24,21,0),0)),0)</f>
        <v>0</v>
      </c>
      <c r="H3307" cm="1">
        <f t="array" ref="H3307">IFERROR(INDEX(Jesper!AL$2:AL$366,ROUNDDOWN($C3307/24,0)+1,1)*INDEX($D$3:$AA$30,INDEX(Jesper!$R$2:$R$366,ROW(INDEX(Jesper!AL$2:AL$366,ROUNDDOWN($C3307/24,0)+1,1))-1)+IF('Standard Profiles'!$G$22=$B$10,7,0)+IF('Standard Profiles'!$G$22=$B$17,14,0)+IF('Standard Profiles'!$G$22=$B$24,21,0),MOD($C3307,24)+1)/SUM(INDEX($D$3:$AA$30,INDEX(Jesper!$R$2:$R$366,ROW(INDEX(Jesper!AL$2:AL$366,ROUNDDOWN($C3307/24,0)+1,1))-1)+IF('Standard Profiles'!$G$22=$B$10,7,0)+IF('Standard Profiles'!$G$22=$B$17,14,0)+IF('Standard Profiles'!$G$22=$B$24,21,0),0)),0)</f>
        <v>0</v>
      </c>
      <c r="I3307">
        <f t="shared" si="377"/>
        <v>0.35696893984309741</v>
      </c>
      <c r="J3307">
        <f t="shared" si="378"/>
        <v>1.1898964661436582</v>
      </c>
      <c r="K3307">
        <f t="shared" si="379"/>
        <v>1.7848446992154872</v>
      </c>
      <c r="L3307">
        <f t="shared" si="380"/>
        <v>8.5672545562343387</v>
      </c>
      <c r="M3307">
        <f t="shared" si="381"/>
        <v>0</v>
      </c>
      <c r="N3307" s="46">
        <f t="shared" si="382"/>
        <v>45428.374999992062</v>
      </c>
    </row>
    <row r="3308" spans="2:14" x14ac:dyDescent="0.3">
      <c r="B3308">
        <f t="shared" si="376"/>
        <v>4</v>
      </c>
      <c r="C3308" s="16">
        <v>3274</v>
      </c>
      <c r="D3308" cm="1">
        <f t="array" ref="D3308">IFERROR(INDEX(Jesper!AH$2:AH$366,ROUNDDOWN($C3308/24,0)+1,1)*INDEX($D$3:$AA$30,INDEX(Jesper!$R$2:$R$366,ROW(INDEX(Jesper!AH$2:AH$366,ROUNDDOWN($C3308/24,0)+1,1))-1)+IF('Standard Profiles'!$G$18=$B$10,7,0)+IF('Standard Profiles'!$G$18=$B$17,14,0)+IF('Standard Profiles'!$G$18=$B$24,21,0),MOD($C3308,24)+1)/SUM(INDEX($D$3:$AA$30,INDEX(Jesper!$R$2:$R$366,ROW(INDEX(Jesper!AH$2:AH$366,ROUNDDOWN($C3308/24,0)+1,1))-1)+IF('Standard Profiles'!$G$18=$B$10,7,0)+IF('Standard Profiles'!$G$18=$B$17,14,0)+IF('Standard Profiles'!$G$18=$B$24,21,0),0)),0)</f>
        <v>12.890545049889631</v>
      </c>
      <c r="E3308" cm="1">
        <f t="array" ref="E3308">IFERROR(INDEX(Jesper!AI$2:AI$366,ROUNDDOWN($C3308/24,0)+1,1)*INDEX($D$3:$AA$30,INDEX(Jesper!$R$2:$R$366,ROW(INDEX(Jesper!AI$2:AI$366,ROUNDDOWN($C3308/24,0)+1,1))-1)+IF('Standard Profiles'!$G$19=$B$10,7,0)+IF('Standard Profiles'!$G$19=$B$17,14,0)+IF('Standard Profiles'!$G$19=$B$24,21,0),MOD($C3308,24)+1)/SUM(INDEX($D$3:$AA$30,INDEX(Jesper!$R$2:$R$366,ROW(INDEX(Jesper!AI$2:AI$366,ROUNDDOWN($C3308/24,0)+1,1))-1)+IF('Standard Profiles'!$G$19=$B$10,7,0)+IF('Standard Profiles'!$G$19=$B$17,14,0)+IF('Standard Profiles'!$G$19=$B$24,21,0),0)),0)</f>
        <v>0</v>
      </c>
      <c r="F3308" cm="1">
        <f t="array" ref="F3308">IFERROR(INDEX(Jesper!AJ$2:AJ$366,ROUNDDOWN($C3308/24,0)+1,1)*INDEX($D$3:$AA$30,INDEX(Jesper!$R$2:$R$366,ROW(INDEX(Jesper!AJ$2:AJ$366,ROUNDDOWN($C3308/24,0)+1,1))-1)+IF('Standard Profiles'!$G$20=$B$10,7,0)+IF('Standard Profiles'!$G$20=$B$17,14,0)+IF('Standard Profiles'!$G$20=$B$24,21,0),MOD($C3308,24)+1)/SUM(INDEX($D$3:$AA$30,INDEX(Jesper!$R$2:$R$366,ROW(INDEX(Jesper!AJ$2:AJ$366,ROUNDDOWN($C3308/24,0)+1,1))-1)+IF('Standard Profiles'!$G$20=$B$10,7,0)+IF('Standard Profiles'!$G$20=$B$17,14,0)+IF('Standard Profiles'!$G$20=$B$24,21,0),0)),0)</f>
        <v>0</v>
      </c>
      <c r="G3308" cm="1">
        <f t="array" ref="G3308">IFERROR(INDEX(Jesper!AK$2:AK$366,ROUNDDOWN($C3308/24,0)+1,1)*INDEX($D$3:$AA$30,INDEX(Jesper!$R$2:$R$366,ROW(INDEX(Jesper!AK$2:AK$366,ROUNDDOWN($C3308/24,0)+1,1))-1)+IF('Standard Profiles'!$G$21=$B$10,7,0)+IF('Standard Profiles'!$G$21=$B$17,14,0)+IF('Standard Profiles'!$G$21=$B$24,21,0),MOD($C3308,24)+1)/SUM(INDEX($D$3:$AA$30,INDEX(Jesper!$R$2:$R$366,ROW(INDEX(Jesper!AK$2:AK$366,ROUNDDOWN($C3308/24,0)+1,1))-1)+IF('Standard Profiles'!$G$21=$B$10,7,0)+IF('Standard Profiles'!$G$21=$B$17,14,0)+IF('Standard Profiles'!$G$21=$B$24,21,0),0)),0)</f>
        <v>0</v>
      </c>
      <c r="H3308" cm="1">
        <f t="array" ref="H3308">IFERROR(INDEX(Jesper!AL$2:AL$366,ROUNDDOWN($C3308/24,0)+1,1)*INDEX($D$3:$AA$30,INDEX(Jesper!$R$2:$R$366,ROW(INDEX(Jesper!AL$2:AL$366,ROUNDDOWN($C3308/24,0)+1,1))-1)+IF('Standard Profiles'!$G$22=$B$10,7,0)+IF('Standard Profiles'!$G$22=$B$17,14,0)+IF('Standard Profiles'!$G$22=$B$24,21,0),MOD($C3308,24)+1)/SUM(INDEX($D$3:$AA$30,INDEX(Jesper!$R$2:$R$366,ROW(INDEX(Jesper!AL$2:AL$366,ROUNDDOWN($C3308/24,0)+1,1))-1)+IF('Standard Profiles'!$G$22=$B$10,7,0)+IF('Standard Profiles'!$G$22=$B$17,14,0)+IF('Standard Profiles'!$G$22=$B$24,21,0),0)),0)</f>
        <v>0</v>
      </c>
      <c r="I3308">
        <f t="shared" si="377"/>
        <v>0.38671635149668893</v>
      </c>
      <c r="J3308">
        <f t="shared" si="378"/>
        <v>1.2890545049889632</v>
      </c>
      <c r="K3308">
        <f t="shared" si="379"/>
        <v>1.9335817574834446</v>
      </c>
      <c r="L3308">
        <f t="shared" si="380"/>
        <v>9.2811924359205342</v>
      </c>
      <c r="M3308">
        <f t="shared" si="381"/>
        <v>0</v>
      </c>
      <c r="N3308" s="46">
        <f t="shared" si="382"/>
        <v>45428.416666658726</v>
      </c>
    </row>
    <row r="3309" spans="2:14" x14ac:dyDescent="0.3">
      <c r="B3309">
        <f t="shared" si="376"/>
        <v>4</v>
      </c>
      <c r="C3309" s="16">
        <v>3275</v>
      </c>
      <c r="D3309" cm="1">
        <f t="array" ref="D3309">IFERROR(INDEX(Jesper!AH$2:AH$366,ROUNDDOWN($C3309/24,0)+1,1)*INDEX($D$3:$AA$30,INDEX(Jesper!$R$2:$R$366,ROW(INDEX(Jesper!AH$2:AH$366,ROUNDDOWN($C3309/24,0)+1,1))-1)+IF('Standard Profiles'!$G$18=$B$10,7,0)+IF('Standard Profiles'!$G$18=$B$17,14,0)+IF('Standard Profiles'!$G$18=$B$24,21,0),MOD($C3309,24)+1)/SUM(INDEX($D$3:$AA$30,INDEX(Jesper!$R$2:$R$366,ROW(INDEX(Jesper!AH$2:AH$366,ROUNDDOWN($C3309/24,0)+1,1))-1)+IF('Standard Profiles'!$G$18=$B$10,7,0)+IF('Standard Profiles'!$G$18=$B$17,14,0)+IF('Standard Profiles'!$G$18=$B$24,21,0),0)),0)</f>
        <v>14.873705826795726</v>
      </c>
      <c r="E3309" cm="1">
        <f t="array" ref="E3309">IFERROR(INDEX(Jesper!AI$2:AI$366,ROUNDDOWN($C3309/24,0)+1,1)*INDEX($D$3:$AA$30,INDEX(Jesper!$R$2:$R$366,ROW(INDEX(Jesper!AI$2:AI$366,ROUNDDOWN($C3309/24,0)+1,1))-1)+IF('Standard Profiles'!$G$19=$B$10,7,0)+IF('Standard Profiles'!$G$19=$B$17,14,0)+IF('Standard Profiles'!$G$19=$B$24,21,0),MOD($C3309,24)+1)/SUM(INDEX($D$3:$AA$30,INDEX(Jesper!$R$2:$R$366,ROW(INDEX(Jesper!AI$2:AI$366,ROUNDDOWN($C3309/24,0)+1,1))-1)+IF('Standard Profiles'!$G$19=$B$10,7,0)+IF('Standard Profiles'!$G$19=$B$17,14,0)+IF('Standard Profiles'!$G$19=$B$24,21,0),0)),0)</f>
        <v>0</v>
      </c>
      <c r="F3309" cm="1">
        <f t="array" ref="F3309">IFERROR(INDEX(Jesper!AJ$2:AJ$366,ROUNDDOWN($C3309/24,0)+1,1)*INDEX($D$3:$AA$30,INDEX(Jesper!$R$2:$R$366,ROW(INDEX(Jesper!AJ$2:AJ$366,ROUNDDOWN($C3309/24,0)+1,1))-1)+IF('Standard Profiles'!$G$20=$B$10,7,0)+IF('Standard Profiles'!$G$20=$B$17,14,0)+IF('Standard Profiles'!$G$20=$B$24,21,0),MOD($C3309,24)+1)/SUM(INDEX($D$3:$AA$30,INDEX(Jesper!$R$2:$R$366,ROW(INDEX(Jesper!AJ$2:AJ$366,ROUNDDOWN($C3309/24,0)+1,1))-1)+IF('Standard Profiles'!$G$20=$B$10,7,0)+IF('Standard Profiles'!$G$20=$B$17,14,0)+IF('Standard Profiles'!$G$20=$B$24,21,0),0)),0)</f>
        <v>0</v>
      </c>
      <c r="G3309" cm="1">
        <f t="array" ref="G3309">IFERROR(INDEX(Jesper!AK$2:AK$366,ROUNDDOWN($C3309/24,0)+1,1)*INDEX($D$3:$AA$30,INDEX(Jesper!$R$2:$R$366,ROW(INDEX(Jesper!AK$2:AK$366,ROUNDDOWN($C3309/24,0)+1,1))-1)+IF('Standard Profiles'!$G$21=$B$10,7,0)+IF('Standard Profiles'!$G$21=$B$17,14,0)+IF('Standard Profiles'!$G$21=$B$24,21,0),MOD($C3309,24)+1)/SUM(INDEX($D$3:$AA$30,INDEX(Jesper!$R$2:$R$366,ROW(INDEX(Jesper!AK$2:AK$366,ROUNDDOWN($C3309/24,0)+1,1))-1)+IF('Standard Profiles'!$G$21=$B$10,7,0)+IF('Standard Profiles'!$G$21=$B$17,14,0)+IF('Standard Profiles'!$G$21=$B$24,21,0),0)),0)</f>
        <v>0</v>
      </c>
      <c r="H3309" cm="1">
        <f t="array" ref="H3309">IFERROR(INDEX(Jesper!AL$2:AL$366,ROUNDDOWN($C3309/24,0)+1,1)*INDEX($D$3:$AA$30,INDEX(Jesper!$R$2:$R$366,ROW(INDEX(Jesper!AL$2:AL$366,ROUNDDOWN($C3309/24,0)+1,1))-1)+IF('Standard Profiles'!$G$22=$B$10,7,0)+IF('Standard Profiles'!$G$22=$B$17,14,0)+IF('Standard Profiles'!$G$22=$B$24,21,0),MOD($C3309,24)+1)/SUM(INDEX($D$3:$AA$30,INDEX(Jesper!$R$2:$R$366,ROW(INDEX(Jesper!AL$2:AL$366,ROUNDDOWN($C3309/24,0)+1,1))-1)+IF('Standard Profiles'!$G$22=$B$10,7,0)+IF('Standard Profiles'!$G$22=$B$17,14,0)+IF('Standard Profiles'!$G$22=$B$24,21,0),0)),0)</f>
        <v>0</v>
      </c>
      <c r="I3309">
        <f t="shared" si="377"/>
        <v>0.44621117480387179</v>
      </c>
      <c r="J3309">
        <f t="shared" si="378"/>
        <v>1.4873705826795727</v>
      </c>
      <c r="K3309">
        <f t="shared" si="379"/>
        <v>2.2310558740193587</v>
      </c>
      <c r="L3309">
        <f t="shared" si="380"/>
        <v>10.709068195292922</v>
      </c>
      <c r="M3309">
        <f t="shared" si="381"/>
        <v>0</v>
      </c>
      <c r="N3309" s="46">
        <f t="shared" si="382"/>
        <v>45428.45833332539</v>
      </c>
    </row>
    <row r="3310" spans="2:14" x14ac:dyDescent="0.3">
      <c r="B3310">
        <f t="shared" si="376"/>
        <v>4</v>
      </c>
      <c r="C3310" s="16">
        <v>3276</v>
      </c>
      <c r="D3310" cm="1">
        <f t="array" ref="D3310">IFERROR(INDEX(Jesper!AH$2:AH$366,ROUNDDOWN($C3310/24,0)+1,1)*INDEX($D$3:$AA$30,INDEX(Jesper!$R$2:$R$366,ROW(INDEX(Jesper!AH$2:AH$366,ROUNDDOWN($C3310/24,0)+1,1))-1)+IF('Standard Profiles'!$G$18=$B$10,7,0)+IF('Standard Profiles'!$G$18=$B$17,14,0)+IF('Standard Profiles'!$G$18=$B$24,21,0),MOD($C3310,24)+1)/SUM(INDEX($D$3:$AA$30,INDEX(Jesper!$R$2:$R$366,ROW(INDEX(Jesper!AH$2:AH$366,ROUNDDOWN($C3310/24,0)+1,1))-1)+IF('Standard Profiles'!$G$18=$B$10,7,0)+IF('Standard Profiles'!$G$18=$B$17,14,0)+IF('Standard Profiles'!$G$18=$B$24,21,0),0)),0)</f>
        <v>14.873705826795726</v>
      </c>
      <c r="E3310" cm="1">
        <f t="array" ref="E3310">IFERROR(INDEX(Jesper!AI$2:AI$366,ROUNDDOWN($C3310/24,0)+1,1)*INDEX($D$3:$AA$30,INDEX(Jesper!$R$2:$R$366,ROW(INDEX(Jesper!AI$2:AI$366,ROUNDDOWN($C3310/24,0)+1,1))-1)+IF('Standard Profiles'!$G$19=$B$10,7,0)+IF('Standard Profiles'!$G$19=$B$17,14,0)+IF('Standard Profiles'!$G$19=$B$24,21,0),MOD($C3310,24)+1)/SUM(INDEX($D$3:$AA$30,INDEX(Jesper!$R$2:$R$366,ROW(INDEX(Jesper!AI$2:AI$366,ROUNDDOWN($C3310/24,0)+1,1))-1)+IF('Standard Profiles'!$G$19=$B$10,7,0)+IF('Standard Profiles'!$G$19=$B$17,14,0)+IF('Standard Profiles'!$G$19=$B$24,21,0),0)),0)</f>
        <v>0</v>
      </c>
      <c r="F3310" cm="1">
        <f t="array" ref="F3310">IFERROR(INDEX(Jesper!AJ$2:AJ$366,ROUNDDOWN($C3310/24,0)+1,1)*INDEX($D$3:$AA$30,INDEX(Jesper!$R$2:$R$366,ROW(INDEX(Jesper!AJ$2:AJ$366,ROUNDDOWN($C3310/24,0)+1,1))-1)+IF('Standard Profiles'!$G$20=$B$10,7,0)+IF('Standard Profiles'!$G$20=$B$17,14,0)+IF('Standard Profiles'!$G$20=$B$24,21,0),MOD($C3310,24)+1)/SUM(INDEX($D$3:$AA$30,INDEX(Jesper!$R$2:$R$366,ROW(INDEX(Jesper!AJ$2:AJ$366,ROUNDDOWN($C3310/24,0)+1,1))-1)+IF('Standard Profiles'!$G$20=$B$10,7,0)+IF('Standard Profiles'!$G$20=$B$17,14,0)+IF('Standard Profiles'!$G$20=$B$24,21,0),0)),0)</f>
        <v>0</v>
      </c>
      <c r="G3310" cm="1">
        <f t="array" ref="G3310">IFERROR(INDEX(Jesper!AK$2:AK$366,ROUNDDOWN($C3310/24,0)+1,1)*INDEX($D$3:$AA$30,INDEX(Jesper!$R$2:$R$366,ROW(INDEX(Jesper!AK$2:AK$366,ROUNDDOWN($C3310/24,0)+1,1))-1)+IF('Standard Profiles'!$G$21=$B$10,7,0)+IF('Standard Profiles'!$G$21=$B$17,14,0)+IF('Standard Profiles'!$G$21=$B$24,21,0),MOD($C3310,24)+1)/SUM(INDEX($D$3:$AA$30,INDEX(Jesper!$R$2:$R$366,ROW(INDEX(Jesper!AK$2:AK$366,ROUNDDOWN($C3310/24,0)+1,1))-1)+IF('Standard Profiles'!$G$21=$B$10,7,0)+IF('Standard Profiles'!$G$21=$B$17,14,0)+IF('Standard Profiles'!$G$21=$B$24,21,0),0)),0)</f>
        <v>0</v>
      </c>
      <c r="H3310" cm="1">
        <f t="array" ref="H3310">IFERROR(INDEX(Jesper!AL$2:AL$366,ROUNDDOWN($C3310/24,0)+1,1)*INDEX($D$3:$AA$30,INDEX(Jesper!$R$2:$R$366,ROW(INDEX(Jesper!AL$2:AL$366,ROUNDDOWN($C3310/24,0)+1,1))-1)+IF('Standard Profiles'!$G$22=$B$10,7,0)+IF('Standard Profiles'!$G$22=$B$17,14,0)+IF('Standard Profiles'!$G$22=$B$24,21,0),MOD($C3310,24)+1)/SUM(INDEX($D$3:$AA$30,INDEX(Jesper!$R$2:$R$366,ROW(INDEX(Jesper!AL$2:AL$366,ROUNDDOWN($C3310/24,0)+1,1))-1)+IF('Standard Profiles'!$G$22=$B$10,7,0)+IF('Standard Profiles'!$G$22=$B$17,14,0)+IF('Standard Profiles'!$G$22=$B$24,21,0),0)),0)</f>
        <v>0</v>
      </c>
      <c r="I3310">
        <f t="shared" si="377"/>
        <v>0.44621117480387179</v>
      </c>
      <c r="J3310">
        <f t="shared" si="378"/>
        <v>1.4873705826795727</v>
      </c>
      <c r="K3310">
        <f t="shared" si="379"/>
        <v>2.2310558740193587</v>
      </c>
      <c r="L3310">
        <f t="shared" si="380"/>
        <v>10.709068195292922</v>
      </c>
      <c r="M3310">
        <f t="shared" si="381"/>
        <v>0</v>
      </c>
      <c r="N3310" s="46">
        <f t="shared" si="382"/>
        <v>45428.499999992055</v>
      </c>
    </row>
    <row r="3311" spans="2:14" x14ac:dyDescent="0.3">
      <c r="B3311">
        <f t="shared" si="376"/>
        <v>4</v>
      </c>
      <c r="C3311" s="16">
        <v>3277</v>
      </c>
      <c r="D3311" cm="1">
        <f t="array" ref="D3311">IFERROR(INDEX(Jesper!AH$2:AH$366,ROUNDDOWN($C3311/24,0)+1,1)*INDEX($D$3:$AA$30,INDEX(Jesper!$R$2:$R$366,ROW(INDEX(Jesper!AH$2:AH$366,ROUNDDOWN($C3311/24,0)+1,1))-1)+IF('Standard Profiles'!$G$18=$B$10,7,0)+IF('Standard Profiles'!$G$18=$B$17,14,0)+IF('Standard Profiles'!$G$18=$B$24,21,0),MOD($C3311,24)+1)/SUM(INDEX($D$3:$AA$30,INDEX(Jesper!$R$2:$R$366,ROW(INDEX(Jesper!AH$2:AH$366,ROUNDDOWN($C3311/24,0)+1,1))-1)+IF('Standard Profiles'!$G$18=$B$10,7,0)+IF('Standard Profiles'!$G$18=$B$17,14,0)+IF('Standard Profiles'!$G$18=$B$24,21,0),0)),0)</f>
        <v>14.873705826795726</v>
      </c>
      <c r="E3311" cm="1">
        <f t="array" ref="E3311">IFERROR(INDEX(Jesper!AI$2:AI$366,ROUNDDOWN($C3311/24,0)+1,1)*INDEX($D$3:$AA$30,INDEX(Jesper!$R$2:$R$366,ROW(INDEX(Jesper!AI$2:AI$366,ROUNDDOWN($C3311/24,0)+1,1))-1)+IF('Standard Profiles'!$G$19=$B$10,7,0)+IF('Standard Profiles'!$G$19=$B$17,14,0)+IF('Standard Profiles'!$G$19=$B$24,21,0),MOD($C3311,24)+1)/SUM(INDEX($D$3:$AA$30,INDEX(Jesper!$R$2:$R$366,ROW(INDEX(Jesper!AI$2:AI$366,ROUNDDOWN($C3311/24,0)+1,1))-1)+IF('Standard Profiles'!$G$19=$B$10,7,0)+IF('Standard Profiles'!$G$19=$B$17,14,0)+IF('Standard Profiles'!$G$19=$B$24,21,0),0)),0)</f>
        <v>0</v>
      </c>
      <c r="F3311" cm="1">
        <f t="array" ref="F3311">IFERROR(INDEX(Jesper!AJ$2:AJ$366,ROUNDDOWN($C3311/24,0)+1,1)*INDEX($D$3:$AA$30,INDEX(Jesper!$R$2:$R$366,ROW(INDEX(Jesper!AJ$2:AJ$366,ROUNDDOWN($C3311/24,0)+1,1))-1)+IF('Standard Profiles'!$G$20=$B$10,7,0)+IF('Standard Profiles'!$G$20=$B$17,14,0)+IF('Standard Profiles'!$G$20=$B$24,21,0),MOD($C3311,24)+1)/SUM(INDEX($D$3:$AA$30,INDEX(Jesper!$R$2:$R$366,ROW(INDEX(Jesper!AJ$2:AJ$366,ROUNDDOWN($C3311/24,0)+1,1))-1)+IF('Standard Profiles'!$G$20=$B$10,7,0)+IF('Standard Profiles'!$G$20=$B$17,14,0)+IF('Standard Profiles'!$G$20=$B$24,21,0),0)),0)</f>
        <v>0</v>
      </c>
      <c r="G3311" cm="1">
        <f t="array" ref="G3311">IFERROR(INDEX(Jesper!AK$2:AK$366,ROUNDDOWN($C3311/24,0)+1,1)*INDEX($D$3:$AA$30,INDEX(Jesper!$R$2:$R$366,ROW(INDEX(Jesper!AK$2:AK$366,ROUNDDOWN($C3311/24,0)+1,1))-1)+IF('Standard Profiles'!$G$21=$B$10,7,0)+IF('Standard Profiles'!$G$21=$B$17,14,0)+IF('Standard Profiles'!$G$21=$B$24,21,0),MOD($C3311,24)+1)/SUM(INDEX($D$3:$AA$30,INDEX(Jesper!$R$2:$R$366,ROW(INDEX(Jesper!AK$2:AK$366,ROUNDDOWN($C3311/24,0)+1,1))-1)+IF('Standard Profiles'!$G$21=$B$10,7,0)+IF('Standard Profiles'!$G$21=$B$17,14,0)+IF('Standard Profiles'!$G$21=$B$24,21,0),0)),0)</f>
        <v>0</v>
      </c>
      <c r="H3311" cm="1">
        <f t="array" ref="H3311">IFERROR(INDEX(Jesper!AL$2:AL$366,ROUNDDOWN($C3311/24,0)+1,1)*INDEX($D$3:$AA$30,INDEX(Jesper!$R$2:$R$366,ROW(INDEX(Jesper!AL$2:AL$366,ROUNDDOWN($C3311/24,0)+1,1))-1)+IF('Standard Profiles'!$G$22=$B$10,7,0)+IF('Standard Profiles'!$G$22=$B$17,14,0)+IF('Standard Profiles'!$G$22=$B$24,21,0),MOD($C3311,24)+1)/SUM(INDEX($D$3:$AA$30,INDEX(Jesper!$R$2:$R$366,ROW(INDEX(Jesper!AL$2:AL$366,ROUNDDOWN($C3311/24,0)+1,1))-1)+IF('Standard Profiles'!$G$22=$B$10,7,0)+IF('Standard Profiles'!$G$22=$B$17,14,0)+IF('Standard Profiles'!$G$22=$B$24,21,0),0)),0)</f>
        <v>0</v>
      </c>
      <c r="I3311">
        <f t="shared" si="377"/>
        <v>0.44621117480387179</v>
      </c>
      <c r="J3311">
        <f t="shared" si="378"/>
        <v>1.4873705826795727</v>
      </c>
      <c r="K3311">
        <f t="shared" si="379"/>
        <v>2.2310558740193587</v>
      </c>
      <c r="L3311">
        <f t="shared" si="380"/>
        <v>10.709068195292922</v>
      </c>
      <c r="M3311">
        <f t="shared" si="381"/>
        <v>0</v>
      </c>
      <c r="N3311" s="46">
        <f t="shared" si="382"/>
        <v>45428.541666658719</v>
      </c>
    </row>
    <row r="3312" spans="2:14" x14ac:dyDescent="0.3">
      <c r="B3312">
        <f t="shared" si="376"/>
        <v>4</v>
      </c>
      <c r="C3312" s="16">
        <v>3278</v>
      </c>
      <c r="D3312" cm="1">
        <f t="array" ref="D3312">IFERROR(INDEX(Jesper!AH$2:AH$366,ROUNDDOWN($C3312/24,0)+1,1)*INDEX($D$3:$AA$30,INDEX(Jesper!$R$2:$R$366,ROW(INDEX(Jesper!AH$2:AH$366,ROUNDDOWN($C3312/24,0)+1,1))-1)+IF('Standard Profiles'!$G$18=$B$10,7,0)+IF('Standard Profiles'!$G$18=$B$17,14,0)+IF('Standard Profiles'!$G$18=$B$24,21,0),MOD($C3312,24)+1)/SUM(INDEX($D$3:$AA$30,INDEX(Jesper!$R$2:$R$366,ROW(INDEX(Jesper!AH$2:AH$366,ROUNDDOWN($C3312/24,0)+1,1))-1)+IF('Standard Profiles'!$G$18=$B$10,7,0)+IF('Standard Profiles'!$G$18=$B$17,14,0)+IF('Standard Profiles'!$G$18=$B$24,21,0),0)),0)</f>
        <v>14.873705826795726</v>
      </c>
      <c r="E3312" cm="1">
        <f t="array" ref="E3312">IFERROR(INDEX(Jesper!AI$2:AI$366,ROUNDDOWN($C3312/24,0)+1,1)*INDEX($D$3:$AA$30,INDEX(Jesper!$R$2:$R$366,ROW(INDEX(Jesper!AI$2:AI$366,ROUNDDOWN($C3312/24,0)+1,1))-1)+IF('Standard Profiles'!$G$19=$B$10,7,0)+IF('Standard Profiles'!$G$19=$B$17,14,0)+IF('Standard Profiles'!$G$19=$B$24,21,0),MOD($C3312,24)+1)/SUM(INDEX($D$3:$AA$30,INDEX(Jesper!$R$2:$R$366,ROW(INDEX(Jesper!AI$2:AI$366,ROUNDDOWN($C3312/24,0)+1,1))-1)+IF('Standard Profiles'!$G$19=$B$10,7,0)+IF('Standard Profiles'!$G$19=$B$17,14,0)+IF('Standard Profiles'!$G$19=$B$24,21,0),0)),0)</f>
        <v>0</v>
      </c>
      <c r="F3312" cm="1">
        <f t="array" ref="F3312">IFERROR(INDEX(Jesper!AJ$2:AJ$366,ROUNDDOWN($C3312/24,0)+1,1)*INDEX($D$3:$AA$30,INDEX(Jesper!$R$2:$R$366,ROW(INDEX(Jesper!AJ$2:AJ$366,ROUNDDOWN($C3312/24,0)+1,1))-1)+IF('Standard Profiles'!$G$20=$B$10,7,0)+IF('Standard Profiles'!$G$20=$B$17,14,0)+IF('Standard Profiles'!$G$20=$B$24,21,0),MOD($C3312,24)+1)/SUM(INDEX($D$3:$AA$30,INDEX(Jesper!$R$2:$R$366,ROW(INDEX(Jesper!AJ$2:AJ$366,ROUNDDOWN($C3312/24,0)+1,1))-1)+IF('Standard Profiles'!$G$20=$B$10,7,0)+IF('Standard Profiles'!$G$20=$B$17,14,0)+IF('Standard Profiles'!$G$20=$B$24,21,0),0)),0)</f>
        <v>0</v>
      </c>
      <c r="G3312" cm="1">
        <f t="array" ref="G3312">IFERROR(INDEX(Jesper!AK$2:AK$366,ROUNDDOWN($C3312/24,0)+1,1)*INDEX($D$3:$AA$30,INDEX(Jesper!$R$2:$R$366,ROW(INDEX(Jesper!AK$2:AK$366,ROUNDDOWN($C3312/24,0)+1,1))-1)+IF('Standard Profiles'!$G$21=$B$10,7,0)+IF('Standard Profiles'!$G$21=$B$17,14,0)+IF('Standard Profiles'!$G$21=$B$24,21,0),MOD($C3312,24)+1)/SUM(INDEX($D$3:$AA$30,INDEX(Jesper!$R$2:$R$366,ROW(INDEX(Jesper!AK$2:AK$366,ROUNDDOWN($C3312/24,0)+1,1))-1)+IF('Standard Profiles'!$G$21=$B$10,7,0)+IF('Standard Profiles'!$G$21=$B$17,14,0)+IF('Standard Profiles'!$G$21=$B$24,21,0),0)),0)</f>
        <v>0</v>
      </c>
      <c r="H3312" cm="1">
        <f t="array" ref="H3312">IFERROR(INDEX(Jesper!AL$2:AL$366,ROUNDDOWN($C3312/24,0)+1,1)*INDEX($D$3:$AA$30,INDEX(Jesper!$R$2:$R$366,ROW(INDEX(Jesper!AL$2:AL$366,ROUNDDOWN($C3312/24,0)+1,1))-1)+IF('Standard Profiles'!$G$22=$B$10,7,0)+IF('Standard Profiles'!$G$22=$B$17,14,0)+IF('Standard Profiles'!$G$22=$B$24,21,0),MOD($C3312,24)+1)/SUM(INDEX($D$3:$AA$30,INDEX(Jesper!$R$2:$R$366,ROW(INDEX(Jesper!AL$2:AL$366,ROUNDDOWN($C3312/24,0)+1,1))-1)+IF('Standard Profiles'!$G$22=$B$10,7,0)+IF('Standard Profiles'!$G$22=$B$17,14,0)+IF('Standard Profiles'!$G$22=$B$24,21,0),0)),0)</f>
        <v>0</v>
      </c>
      <c r="I3312">
        <f t="shared" si="377"/>
        <v>0.44621117480387179</v>
      </c>
      <c r="J3312">
        <f t="shared" si="378"/>
        <v>1.4873705826795727</v>
      </c>
      <c r="K3312">
        <f t="shared" si="379"/>
        <v>2.2310558740193587</v>
      </c>
      <c r="L3312">
        <f t="shared" si="380"/>
        <v>10.709068195292922</v>
      </c>
      <c r="M3312">
        <f t="shared" si="381"/>
        <v>0</v>
      </c>
      <c r="N3312" s="46">
        <f t="shared" si="382"/>
        <v>45428.583333325383</v>
      </c>
    </row>
    <row r="3313" spans="2:14" x14ac:dyDescent="0.3">
      <c r="B3313">
        <f t="shared" si="376"/>
        <v>4</v>
      </c>
      <c r="C3313" s="16">
        <v>3279</v>
      </c>
      <c r="D3313" cm="1">
        <f t="array" ref="D3313">IFERROR(INDEX(Jesper!AH$2:AH$366,ROUNDDOWN($C3313/24,0)+1,1)*INDEX($D$3:$AA$30,INDEX(Jesper!$R$2:$R$366,ROW(INDEX(Jesper!AH$2:AH$366,ROUNDDOWN($C3313/24,0)+1,1))-1)+IF('Standard Profiles'!$G$18=$B$10,7,0)+IF('Standard Profiles'!$G$18=$B$17,14,0)+IF('Standard Profiles'!$G$18=$B$24,21,0),MOD($C3313,24)+1)/SUM(INDEX($D$3:$AA$30,INDEX(Jesper!$R$2:$R$366,ROW(INDEX(Jesper!AH$2:AH$366,ROUNDDOWN($C3313/24,0)+1,1))-1)+IF('Standard Profiles'!$G$18=$B$10,7,0)+IF('Standard Profiles'!$G$18=$B$17,14,0)+IF('Standard Profiles'!$G$18=$B$24,21,0),0)),0)</f>
        <v>14.873705826795726</v>
      </c>
      <c r="E3313" cm="1">
        <f t="array" ref="E3313">IFERROR(INDEX(Jesper!AI$2:AI$366,ROUNDDOWN($C3313/24,0)+1,1)*INDEX($D$3:$AA$30,INDEX(Jesper!$R$2:$R$366,ROW(INDEX(Jesper!AI$2:AI$366,ROUNDDOWN($C3313/24,0)+1,1))-1)+IF('Standard Profiles'!$G$19=$B$10,7,0)+IF('Standard Profiles'!$G$19=$B$17,14,0)+IF('Standard Profiles'!$G$19=$B$24,21,0),MOD($C3313,24)+1)/SUM(INDEX($D$3:$AA$30,INDEX(Jesper!$R$2:$R$366,ROW(INDEX(Jesper!AI$2:AI$366,ROUNDDOWN($C3313/24,0)+1,1))-1)+IF('Standard Profiles'!$G$19=$B$10,7,0)+IF('Standard Profiles'!$G$19=$B$17,14,0)+IF('Standard Profiles'!$G$19=$B$24,21,0),0)),0)</f>
        <v>0</v>
      </c>
      <c r="F3313" cm="1">
        <f t="array" ref="F3313">IFERROR(INDEX(Jesper!AJ$2:AJ$366,ROUNDDOWN($C3313/24,0)+1,1)*INDEX($D$3:$AA$30,INDEX(Jesper!$R$2:$R$366,ROW(INDEX(Jesper!AJ$2:AJ$366,ROUNDDOWN($C3313/24,0)+1,1))-1)+IF('Standard Profiles'!$G$20=$B$10,7,0)+IF('Standard Profiles'!$G$20=$B$17,14,0)+IF('Standard Profiles'!$G$20=$B$24,21,0),MOD($C3313,24)+1)/SUM(INDEX($D$3:$AA$30,INDEX(Jesper!$R$2:$R$366,ROW(INDEX(Jesper!AJ$2:AJ$366,ROUNDDOWN($C3313/24,0)+1,1))-1)+IF('Standard Profiles'!$G$20=$B$10,7,0)+IF('Standard Profiles'!$G$20=$B$17,14,0)+IF('Standard Profiles'!$G$20=$B$24,21,0),0)),0)</f>
        <v>0</v>
      </c>
      <c r="G3313" cm="1">
        <f t="array" ref="G3313">IFERROR(INDEX(Jesper!AK$2:AK$366,ROUNDDOWN($C3313/24,0)+1,1)*INDEX($D$3:$AA$30,INDEX(Jesper!$R$2:$R$366,ROW(INDEX(Jesper!AK$2:AK$366,ROUNDDOWN($C3313/24,0)+1,1))-1)+IF('Standard Profiles'!$G$21=$B$10,7,0)+IF('Standard Profiles'!$G$21=$B$17,14,0)+IF('Standard Profiles'!$G$21=$B$24,21,0),MOD($C3313,24)+1)/SUM(INDEX($D$3:$AA$30,INDEX(Jesper!$R$2:$R$366,ROW(INDEX(Jesper!AK$2:AK$366,ROUNDDOWN($C3313/24,0)+1,1))-1)+IF('Standard Profiles'!$G$21=$B$10,7,0)+IF('Standard Profiles'!$G$21=$B$17,14,0)+IF('Standard Profiles'!$G$21=$B$24,21,0),0)),0)</f>
        <v>0</v>
      </c>
      <c r="H3313" cm="1">
        <f t="array" ref="H3313">IFERROR(INDEX(Jesper!AL$2:AL$366,ROUNDDOWN($C3313/24,0)+1,1)*INDEX($D$3:$AA$30,INDEX(Jesper!$R$2:$R$366,ROW(INDEX(Jesper!AL$2:AL$366,ROUNDDOWN($C3313/24,0)+1,1))-1)+IF('Standard Profiles'!$G$22=$B$10,7,0)+IF('Standard Profiles'!$G$22=$B$17,14,0)+IF('Standard Profiles'!$G$22=$B$24,21,0),MOD($C3313,24)+1)/SUM(INDEX($D$3:$AA$30,INDEX(Jesper!$R$2:$R$366,ROW(INDEX(Jesper!AL$2:AL$366,ROUNDDOWN($C3313/24,0)+1,1))-1)+IF('Standard Profiles'!$G$22=$B$10,7,0)+IF('Standard Profiles'!$G$22=$B$17,14,0)+IF('Standard Profiles'!$G$22=$B$24,21,0),0)),0)</f>
        <v>0</v>
      </c>
      <c r="I3313">
        <f t="shared" si="377"/>
        <v>0.44621117480387179</v>
      </c>
      <c r="J3313">
        <f t="shared" si="378"/>
        <v>1.4873705826795727</v>
      </c>
      <c r="K3313">
        <f t="shared" si="379"/>
        <v>2.2310558740193587</v>
      </c>
      <c r="L3313">
        <f t="shared" si="380"/>
        <v>10.709068195292922</v>
      </c>
      <c r="M3313">
        <f t="shared" si="381"/>
        <v>0</v>
      </c>
      <c r="N3313" s="46">
        <f t="shared" si="382"/>
        <v>45428.624999992047</v>
      </c>
    </row>
    <row r="3314" spans="2:14" x14ac:dyDescent="0.3">
      <c r="B3314">
        <f t="shared" si="376"/>
        <v>4</v>
      </c>
      <c r="C3314" s="16">
        <v>3280</v>
      </c>
      <c r="D3314" cm="1">
        <f t="array" ref="D3314">IFERROR(INDEX(Jesper!AH$2:AH$366,ROUNDDOWN($C3314/24,0)+1,1)*INDEX($D$3:$AA$30,INDEX(Jesper!$R$2:$R$366,ROW(INDEX(Jesper!AH$2:AH$366,ROUNDDOWN($C3314/24,0)+1,1))-1)+IF('Standard Profiles'!$G$18=$B$10,7,0)+IF('Standard Profiles'!$G$18=$B$17,14,0)+IF('Standard Profiles'!$G$18=$B$24,21,0),MOD($C3314,24)+1)/SUM(INDEX($D$3:$AA$30,INDEX(Jesper!$R$2:$R$366,ROW(INDEX(Jesper!AH$2:AH$366,ROUNDDOWN($C3314/24,0)+1,1))-1)+IF('Standard Profiles'!$G$18=$B$10,7,0)+IF('Standard Profiles'!$G$18=$B$17,14,0)+IF('Standard Profiles'!$G$18=$B$24,21,0),0)),0)</f>
        <v>14.873705826795726</v>
      </c>
      <c r="E3314" cm="1">
        <f t="array" ref="E3314">IFERROR(INDEX(Jesper!AI$2:AI$366,ROUNDDOWN($C3314/24,0)+1,1)*INDEX($D$3:$AA$30,INDEX(Jesper!$R$2:$R$366,ROW(INDEX(Jesper!AI$2:AI$366,ROUNDDOWN($C3314/24,0)+1,1))-1)+IF('Standard Profiles'!$G$19=$B$10,7,0)+IF('Standard Profiles'!$G$19=$B$17,14,0)+IF('Standard Profiles'!$G$19=$B$24,21,0),MOD($C3314,24)+1)/SUM(INDEX($D$3:$AA$30,INDEX(Jesper!$R$2:$R$366,ROW(INDEX(Jesper!AI$2:AI$366,ROUNDDOWN($C3314/24,0)+1,1))-1)+IF('Standard Profiles'!$G$19=$B$10,7,0)+IF('Standard Profiles'!$G$19=$B$17,14,0)+IF('Standard Profiles'!$G$19=$B$24,21,0),0)),0)</f>
        <v>0</v>
      </c>
      <c r="F3314" cm="1">
        <f t="array" ref="F3314">IFERROR(INDEX(Jesper!AJ$2:AJ$366,ROUNDDOWN($C3314/24,0)+1,1)*INDEX($D$3:$AA$30,INDEX(Jesper!$R$2:$R$366,ROW(INDEX(Jesper!AJ$2:AJ$366,ROUNDDOWN($C3314/24,0)+1,1))-1)+IF('Standard Profiles'!$G$20=$B$10,7,0)+IF('Standard Profiles'!$G$20=$B$17,14,0)+IF('Standard Profiles'!$G$20=$B$24,21,0),MOD($C3314,24)+1)/SUM(INDEX($D$3:$AA$30,INDEX(Jesper!$R$2:$R$366,ROW(INDEX(Jesper!AJ$2:AJ$366,ROUNDDOWN($C3314/24,0)+1,1))-1)+IF('Standard Profiles'!$G$20=$B$10,7,0)+IF('Standard Profiles'!$G$20=$B$17,14,0)+IF('Standard Profiles'!$G$20=$B$24,21,0),0)),0)</f>
        <v>0</v>
      </c>
      <c r="G3314" cm="1">
        <f t="array" ref="G3314">IFERROR(INDEX(Jesper!AK$2:AK$366,ROUNDDOWN($C3314/24,0)+1,1)*INDEX($D$3:$AA$30,INDEX(Jesper!$R$2:$R$366,ROW(INDEX(Jesper!AK$2:AK$366,ROUNDDOWN($C3314/24,0)+1,1))-1)+IF('Standard Profiles'!$G$21=$B$10,7,0)+IF('Standard Profiles'!$G$21=$B$17,14,0)+IF('Standard Profiles'!$G$21=$B$24,21,0),MOD($C3314,24)+1)/SUM(INDEX($D$3:$AA$30,INDEX(Jesper!$R$2:$R$366,ROW(INDEX(Jesper!AK$2:AK$366,ROUNDDOWN($C3314/24,0)+1,1))-1)+IF('Standard Profiles'!$G$21=$B$10,7,0)+IF('Standard Profiles'!$G$21=$B$17,14,0)+IF('Standard Profiles'!$G$21=$B$24,21,0),0)),0)</f>
        <v>0</v>
      </c>
      <c r="H3314" cm="1">
        <f t="array" ref="H3314">IFERROR(INDEX(Jesper!AL$2:AL$366,ROUNDDOWN($C3314/24,0)+1,1)*INDEX($D$3:$AA$30,INDEX(Jesper!$R$2:$R$366,ROW(INDEX(Jesper!AL$2:AL$366,ROUNDDOWN($C3314/24,0)+1,1))-1)+IF('Standard Profiles'!$G$22=$B$10,7,0)+IF('Standard Profiles'!$G$22=$B$17,14,0)+IF('Standard Profiles'!$G$22=$B$24,21,0),MOD($C3314,24)+1)/SUM(INDEX($D$3:$AA$30,INDEX(Jesper!$R$2:$R$366,ROW(INDEX(Jesper!AL$2:AL$366,ROUNDDOWN($C3314/24,0)+1,1))-1)+IF('Standard Profiles'!$G$22=$B$10,7,0)+IF('Standard Profiles'!$G$22=$B$17,14,0)+IF('Standard Profiles'!$G$22=$B$24,21,0),0)),0)</f>
        <v>0</v>
      </c>
      <c r="I3314">
        <f t="shared" si="377"/>
        <v>0.44621117480387179</v>
      </c>
      <c r="J3314">
        <f t="shared" si="378"/>
        <v>1.4873705826795727</v>
      </c>
      <c r="K3314">
        <f t="shared" si="379"/>
        <v>2.2310558740193587</v>
      </c>
      <c r="L3314">
        <f t="shared" si="380"/>
        <v>10.709068195292922</v>
      </c>
      <c r="M3314">
        <f t="shared" si="381"/>
        <v>0</v>
      </c>
      <c r="N3314" s="46">
        <f t="shared" si="382"/>
        <v>45428.666666658712</v>
      </c>
    </row>
    <row r="3315" spans="2:14" x14ac:dyDescent="0.3">
      <c r="B3315">
        <f t="shared" si="376"/>
        <v>4</v>
      </c>
      <c r="C3315" s="16">
        <v>3281</v>
      </c>
      <c r="D3315" cm="1">
        <f t="array" ref="D3315">IFERROR(INDEX(Jesper!AH$2:AH$366,ROUNDDOWN($C3315/24,0)+1,1)*INDEX($D$3:$AA$30,INDEX(Jesper!$R$2:$R$366,ROW(INDEX(Jesper!AH$2:AH$366,ROUNDDOWN($C3315/24,0)+1,1))-1)+IF('Standard Profiles'!$G$18=$B$10,7,0)+IF('Standard Profiles'!$G$18=$B$17,14,0)+IF('Standard Profiles'!$G$18=$B$24,21,0),MOD($C3315,24)+1)/SUM(INDEX($D$3:$AA$30,INDEX(Jesper!$R$2:$R$366,ROW(INDEX(Jesper!AH$2:AH$366,ROUNDDOWN($C3315/24,0)+1,1))-1)+IF('Standard Profiles'!$G$18=$B$10,7,0)+IF('Standard Profiles'!$G$18=$B$17,14,0)+IF('Standard Profiles'!$G$18=$B$24,21,0),0)),0)</f>
        <v>14.873705826795726</v>
      </c>
      <c r="E3315" cm="1">
        <f t="array" ref="E3315">IFERROR(INDEX(Jesper!AI$2:AI$366,ROUNDDOWN($C3315/24,0)+1,1)*INDEX($D$3:$AA$30,INDEX(Jesper!$R$2:$R$366,ROW(INDEX(Jesper!AI$2:AI$366,ROUNDDOWN($C3315/24,0)+1,1))-1)+IF('Standard Profiles'!$G$19=$B$10,7,0)+IF('Standard Profiles'!$G$19=$B$17,14,0)+IF('Standard Profiles'!$G$19=$B$24,21,0),MOD($C3315,24)+1)/SUM(INDEX($D$3:$AA$30,INDEX(Jesper!$R$2:$R$366,ROW(INDEX(Jesper!AI$2:AI$366,ROUNDDOWN($C3315/24,0)+1,1))-1)+IF('Standard Profiles'!$G$19=$B$10,7,0)+IF('Standard Profiles'!$G$19=$B$17,14,0)+IF('Standard Profiles'!$G$19=$B$24,21,0),0)),0)</f>
        <v>0</v>
      </c>
      <c r="F3315" cm="1">
        <f t="array" ref="F3315">IFERROR(INDEX(Jesper!AJ$2:AJ$366,ROUNDDOWN($C3315/24,0)+1,1)*INDEX($D$3:$AA$30,INDEX(Jesper!$R$2:$R$366,ROW(INDEX(Jesper!AJ$2:AJ$366,ROUNDDOWN($C3315/24,0)+1,1))-1)+IF('Standard Profiles'!$G$20=$B$10,7,0)+IF('Standard Profiles'!$G$20=$B$17,14,0)+IF('Standard Profiles'!$G$20=$B$24,21,0),MOD($C3315,24)+1)/SUM(INDEX($D$3:$AA$30,INDEX(Jesper!$R$2:$R$366,ROW(INDEX(Jesper!AJ$2:AJ$366,ROUNDDOWN($C3315/24,0)+1,1))-1)+IF('Standard Profiles'!$G$20=$B$10,7,0)+IF('Standard Profiles'!$G$20=$B$17,14,0)+IF('Standard Profiles'!$G$20=$B$24,21,0),0)),0)</f>
        <v>0</v>
      </c>
      <c r="G3315" cm="1">
        <f t="array" ref="G3315">IFERROR(INDEX(Jesper!AK$2:AK$366,ROUNDDOWN($C3315/24,0)+1,1)*INDEX($D$3:$AA$30,INDEX(Jesper!$R$2:$R$366,ROW(INDEX(Jesper!AK$2:AK$366,ROUNDDOWN($C3315/24,0)+1,1))-1)+IF('Standard Profiles'!$G$21=$B$10,7,0)+IF('Standard Profiles'!$G$21=$B$17,14,0)+IF('Standard Profiles'!$G$21=$B$24,21,0),MOD($C3315,24)+1)/SUM(INDEX($D$3:$AA$30,INDEX(Jesper!$R$2:$R$366,ROW(INDEX(Jesper!AK$2:AK$366,ROUNDDOWN($C3315/24,0)+1,1))-1)+IF('Standard Profiles'!$G$21=$B$10,7,0)+IF('Standard Profiles'!$G$21=$B$17,14,0)+IF('Standard Profiles'!$G$21=$B$24,21,0),0)),0)</f>
        <v>0</v>
      </c>
      <c r="H3315" cm="1">
        <f t="array" ref="H3315">IFERROR(INDEX(Jesper!AL$2:AL$366,ROUNDDOWN($C3315/24,0)+1,1)*INDEX($D$3:$AA$30,INDEX(Jesper!$R$2:$R$366,ROW(INDEX(Jesper!AL$2:AL$366,ROUNDDOWN($C3315/24,0)+1,1))-1)+IF('Standard Profiles'!$G$22=$B$10,7,0)+IF('Standard Profiles'!$G$22=$B$17,14,0)+IF('Standard Profiles'!$G$22=$B$24,21,0),MOD($C3315,24)+1)/SUM(INDEX($D$3:$AA$30,INDEX(Jesper!$R$2:$R$366,ROW(INDEX(Jesper!AL$2:AL$366,ROUNDDOWN($C3315/24,0)+1,1))-1)+IF('Standard Profiles'!$G$22=$B$10,7,0)+IF('Standard Profiles'!$G$22=$B$17,14,0)+IF('Standard Profiles'!$G$22=$B$24,21,0),0)),0)</f>
        <v>0</v>
      </c>
      <c r="I3315">
        <f t="shared" si="377"/>
        <v>0.44621117480387179</v>
      </c>
      <c r="J3315">
        <f t="shared" si="378"/>
        <v>1.4873705826795727</v>
      </c>
      <c r="K3315">
        <f t="shared" si="379"/>
        <v>2.2310558740193587</v>
      </c>
      <c r="L3315">
        <f t="shared" si="380"/>
        <v>10.709068195292922</v>
      </c>
      <c r="M3315">
        <f t="shared" si="381"/>
        <v>0</v>
      </c>
      <c r="N3315" s="46">
        <f t="shared" si="382"/>
        <v>45428.708333325376</v>
      </c>
    </row>
    <row r="3316" spans="2:14" x14ac:dyDescent="0.3">
      <c r="B3316">
        <f t="shared" si="376"/>
        <v>4</v>
      </c>
      <c r="C3316" s="16">
        <v>3282</v>
      </c>
      <c r="D3316" cm="1">
        <f t="array" ref="D3316">IFERROR(INDEX(Jesper!AH$2:AH$366,ROUNDDOWN($C3316/24,0)+1,1)*INDEX($D$3:$AA$30,INDEX(Jesper!$R$2:$R$366,ROW(INDEX(Jesper!AH$2:AH$366,ROUNDDOWN($C3316/24,0)+1,1))-1)+IF('Standard Profiles'!$G$18=$B$10,7,0)+IF('Standard Profiles'!$G$18=$B$17,14,0)+IF('Standard Profiles'!$G$18=$B$24,21,0),MOD($C3316,24)+1)/SUM(INDEX($D$3:$AA$30,INDEX(Jesper!$R$2:$R$366,ROW(INDEX(Jesper!AH$2:AH$366,ROUNDDOWN($C3316/24,0)+1,1))-1)+IF('Standard Profiles'!$G$18=$B$10,7,0)+IF('Standard Profiles'!$G$18=$B$17,14,0)+IF('Standard Profiles'!$G$18=$B$24,21,0),0)),0)</f>
        <v>14.873705826795726</v>
      </c>
      <c r="E3316" cm="1">
        <f t="array" ref="E3316">IFERROR(INDEX(Jesper!AI$2:AI$366,ROUNDDOWN($C3316/24,0)+1,1)*INDEX($D$3:$AA$30,INDEX(Jesper!$R$2:$R$366,ROW(INDEX(Jesper!AI$2:AI$366,ROUNDDOWN($C3316/24,0)+1,1))-1)+IF('Standard Profiles'!$G$19=$B$10,7,0)+IF('Standard Profiles'!$G$19=$B$17,14,0)+IF('Standard Profiles'!$G$19=$B$24,21,0),MOD($C3316,24)+1)/SUM(INDEX($D$3:$AA$30,INDEX(Jesper!$R$2:$R$366,ROW(INDEX(Jesper!AI$2:AI$366,ROUNDDOWN($C3316/24,0)+1,1))-1)+IF('Standard Profiles'!$G$19=$B$10,7,0)+IF('Standard Profiles'!$G$19=$B$17,14,0)+IF('Standard Profiles'!$G$19=$B$24,21,0),0)),0)</f>
        <v>0</v>
      </c>
      <c r="F3316" cm="1">
        <f t="array" ref="F3316">IFERROR(INDEX(Jesper!AJ$2:AJ$366,ROUNDDOWN($C3316/24,0)+1,1)*INDEX($D$3:$AA$30,INDEX(Jesper!$R$2:$R$366,ROW(INDEX(Jesper!AJ$2:AJ$366,ROUNDDOWN($C3316/24,0)+1,1))-1)+IF('Standard Profiles'!$G$20=$B$10,7,0)+IF('Standard Profiles'!$G$20=$B$17,14,0)+IF('Standard Profiles'!$G$20=$B$24,21,0),MOD($C3316,24)+1)/SUM(INDEX($D$3:$AA$30,INDEX(Jesper!$R$2:$R$366,ROW(INDEX(Jesper!AJ$2:AJ$366,ROUNDDOWN($C3316/24,0)+1,1))-1)+IF('Standard Profiles'!$G$20=$B$10,7,0)+IF('Standard Profiles'!$G$20=$B$17,14,0)+IF('Standard Profiles'!$G$20=$B$24,21,0),0)),0)</f>
        <v>0</v>
      </c>
      <c r="G3316" cm="1">
        <f t="array" ref="G3316">IFERROR(INDEX(Jesper!AK$2:AK$366,ROUNDDOWN($C3316/24,0)+1,1)*INDEX($D$3:$AA$30,INDEX(Jesper!$R$2:$R$366,ROW(INDEX(Jesper!AK$2:AK$366,ROUNDDOWN($C3316/24,0)+1,1))-1)+IF('Standard Profiles'!$G$21=$B$10,7,0)+IF('Standard Profiles'!$G$21=$B$17,14,0)+IF('Standard Profiles'!$G$21=$B$24,21,0),MOD($C3316,24)+1)/SUM(INDEX($D$3:$AA$30,INDEX(Jesper!$R$2:$R$366,ROW(INDEX(Jesper!AK$2:AK$366,ROUNDDOWN($C3316/24,0)+1,1))-1)+IF('Standard Profiles'!$G$21=$B$10,7,0)+IF('Standard Profiles'!$G$21=$B$17,14,0)+IF('Standard Profiles'!$G$21=$B$24,21,0),0)),0)</f>
        <v>0</v>
      </c>
      <c r="H3316" cm="1">
        <f t="array" ref="H3316">IFERROR(INDEX(Jesper!AL$2:AL$366,ROUNDDOWN($C3316/24,0)+1,1)*INDEX($D$3:$AA$30,INDEX(Jesper!$R$2:$R$366,ROW(INDEX(Jesper!AL$2:AL$366,ROUNDDOWN($C3316/24,0)+1,1))-1)+IF('Standard Profiles'!$G$22=$B$10,7,0)+IF('Standard Profiles'!$G$22=$B$17,14,0)+IF('Standard Profiles'!$G$22=$B$24,21,0),MOD($C3316,24)+1)/SUM(INDEX($D$3:$AA$30,INDEX(Jesper!$R$2:$R$366,ROW(INDEX(Jesper!AL$2:AL$366,ROUNDDOWN($C3316/24,0)+1,1))-1)+IF('Standard Profiles'!$G$22=$B$10,7,0)+IF('Standard Profiles'!$G$22=$B$17,14,0)+IF('Standard Profiles'!$G$22=$B$24,21,0),0)),0)</f>
        <v>0</v>
      </c>
      <c r="I3316">
        <f t="shared" si="377"/>
        <v>0.44621117480387179</v>
      </c>
      <c r="J3316">
        <f t="shared" si="378"/>
        <v>1.4873705826795727</v>
      </c>
      <c r="K3316">
        <f t="shared" si="379"/>
        <v>2.2310558740193587</v>
      </c>
      <c r="L3316">
        <f t="shared" si="380"/>
        <v>10.709068195292922</v>
      </c>
      <c r="M3316">
        <f t="shared" si="381"/>
        <v>0</v>
      </c>
      <c r="N3316" s="46">
        <f t="shared" si="382"/>
        <v>45428.74999999204</v>
      </c>
    </row>
    <row r="3317" spans="2:14" x14ac:dyDescent="0.3">
      <c r="B3317">
        <f t="shared" si="376"/>
        <v>4</v>
      </c>
      <c r="C3317" s="16">
        <v>3283</v>
      </c>
      <c r="D3317" cm="1">
        <f t="array" ref="D3317">IFERROR(INDEX(Jesper!AH$2:AH$366,ROUNDDOWN($C3317/24,0)+1,1)*INDEX($D$3:$AA$30,INDEX(Jesper!$R$2:$R$366,ROW(INDEX(Jesper!AH$2:AH$366,ROUNDDOWN($C3317/24,0)+1,1))-1)+IF('Standard Profiles'!$G$18=$B$10,7,0)+IF('Standard Profiles'!$G$18=$B$17,14,0)+IF('Standard Profiles'!$G$18=$B$24,21,0),MOD($C3317,24)+1)/SUM(INDEX($D$3:$AA$30,INDEX(Jesper!$R$2:$R$366,ROW(INDEX(Jesper!AH$2:AH$366,ROUNDDOWN($C3317/24,0)+1,1))-1)+IF('Standard Profiles'!$G$18=$B$10,7,0)+IF('Standard Profiles'!$G$18=$B$17,14,0)+IF('Standard Profiles'!$G$18=$B$24,21,0),0)),0)</f>
        <v>12.394754855663106</v>
      </c>
      <c r="E3317" cm="1">
        <f t="array" ref="E3317">IFERROR(INDEX(Jesper!AI$2:AI$366,ROUNDDOWN($C3317/24,0)+1,1)*INDEX($D$3:$AA$30,INDEX(Jesper!$R$2:$R$366,ROW(INDEX(Jesper!AI$2:AI$366,ROUNDDOWN($C3317/24,0)+1,1))-1)+IF('Standard Profiles'!$G$19=$B$10,7,0)+IF('Standard Profiles'!$G$19=$B$17,14,0)+IF('Standard Profiles'!$G$19=$B$24,21,0),MOD($C3317,24)+1)/SUM(INDEX($D$3:$AA$30,INDEX(Jesper!$R$2:$R$366,ROW(INDEX(Jesper!AI$2:AI$366,ROUNDDOWN($C3317/24,0)+1,1))-1)+IF('Standard Profiles'!$G$19=$B$10,7,0)+IF('Standard Profiles'!$G$19=$B$17,14,0)+IF('Standard Profiles'!$G$19=$B$24,21,0),0)),0)</f>
        <v>0</v>
      </c>
      <c r="F3317" cm="1">
        <f t="array" ref="F3317">IFERROR(INDEX(Jesper!AJ$2:AJ$366,ROUNDDOWN($C3317/24,0)+1,1)*INDEX($D$3:$AA$30,INDEX(Jesper!$R$2:$R$366,ROW(INDEX(Jesper!AJ$2:AJ$366,ROUNDDOWN($C3317/24,0)+1,1))-1)+IF('Standard Profiles'!$G$20=$B$10,7,0)+IF('Standard Profiles'!$G$20=$B$17,14,0)+IF('Standard Profiles'!$G$20=$B$24,21,0),MOD($C3317,24)+1)/SUM(INDEX($D$3:$AA$30,INDEX(Jesper!$R$2:$R$366,ROW(INDEX(Jesper!AJ$2:AJ$366,ROUNDDOWN($C3317/24,0)+1,1))-1)+IF('Standard Profiles'!$G$20=$B$10,7,0)+IF('Standard Profiles'!$G$20=$B$17,14,0)+IF('Standard Profiles'!$G$20=$B$24,21,0),0)),0)</f>
        <v>0</v>
      </c>
      <c r="G3317" cm="1">
        <f t="array" ref="G3317">IFERROR(INDEX(Jesper!AK$2:AK$366,ROUNDDOWN($C3317/24,0)+1,1)*INDEX($D$3:$AA$30,INDEX(Jesper!$R$2:$R$366,ROW(INDEX(Jesper!AK$2:AK$366,ROUNDDOWN($C3317/24,0)+1,1))-1)+IF('Standard Profiles'!$G$21=$B$10,7,0)+IF('Standard Profiles'!$G$21=$B$17,14,0)+IF('Standard Profiles'!$G$21=$B$24,21,0),MOD($C3317,24)+1)/SUM(INDEX($D$3:$AA$30,INDEX(Jesper!$R$2:$R$366,ROW(INDEX(Jesper!AK$2:AK$366,ROUNDDOWN($C3317/24,0)+1,1))-1)+IF('Standard Profiles'!$G$21=$B$10,7,0)+IF('Standard Profiles'!$G$21=$B$17,14,0)+IF('Standard Profiles'!$G$21=$B$24,21,0),0)),0)</f>
        <v>0</v>
      </c>
      <c r="H3317" cm="1">
        <f t="array" ref="H3317">IFERROR(INDEX(Jesper!AL$2:AL$366,ROUNDDOWN($C3317/24,0)+1,1)*INDEX($D$3:$AA$30,INDEX(Jesper!$R$2:$R$366,ROW(INDEX(Jesper!AL$2:AL$366,ROUNDDOWN($C3317/24,0)+1,1))-1)+IF('Standard Profiles'!$G$22=$B$10,7,0)+IF('Standard Profiles'!$G$22=$B$17,14,0)+IF('Standard Profiles'!$G$22=$B$24,21,0),MOD($C3317,24)+1)/SUM(INDEX($D$3:$AA$30,INDEX(Jesper!$R$2:$R$366,ROW(INDEX(Jesper!AL$2:AL$366,ROUNDDOWN($C3317/24,0)+1,1))-1)+IF('Standard Profiles'!$G$22=$B$10,7,0)+IF('Standard Profiles'!$G$22=$B$17,14,0)+IF('Standard Profiles'!$G$22=$B$24,21,0),0)),0)</f>
        <v>0</v>
      </c>
      <c r="I3317">
        <f t="shared" si="377"/>
        <v>0.37184264566989317</v>
      </c>
      <c r="J3317">
        <f t="shared" si="378"/>
        <v>1.2394754855663106</v>
      </c>
      <c r="K3317">
        <f t="shared" si="379"/>
        <v>1.8592132283494658</v>
      </c>
      <c r="L3317">
        <f t="shared" si="380"/>
        <v>8.9242234960774365</v>
      </c>
      <c r="M3317">
        <f t="shared" si="381"/>
        <v>0</v>
      </c>
      <c r="N3317" s="46">
        <f t="shared" si="382"/>
        <v>45428.791666658704</v>
      </c>
    </row>
    <row r="3318" spans="2:14" x14ac:dyDescent="0.3">
      <c r="B3318">
        <f t="shared" si="376"/>
        <v>4</v>
      </c>
      <c r="C3318" s="16">
        <v>3284</v>
      </c>
      <c r="D3318" cm="1">
        <f t="array" ref="D3318">IFERROR(INDEX(Jesper!AH$2:AH$366,ROUNDDOWN($C3318/24,0)+1,1)*INDEX($D$3:$AA$30,INDEX(Jesper!$R$2:$R$366,ROW(INDEX(Jesper!AH$2:AH$366,ROUNDDOWN($C3318/24,0)+1,1))-1)+IF('Standard Profiles'!$G$18=$B$10,7,0)+IF('Standard Profiles'!$G$18=$B$17,14,0)+IF('Standard Profiles'!$G$18=$B$24,21,0),MOD($C3318,24)+1)/SUM(INDEX($D$3:$AA$30,INDEX(Jesper!$R$2:$R$366,ROW(INDEX(Jesper!AH$2:AH$366,ROUNDDOWN($C3318/24,0)+1,1))-1)+IF('Standard Profiles'!$G$18=$B$10,7,0)+IF('Standard Profiles'!$G$18=$B$17,14,0)+IF('Standard Profiles'!$G$18=$B$24,21,0),0)),0)</f>
        <v>9.9158038845304848</v>
      </c>
      <c r="E3318" cm="1">
        <f t="array" ref="E3318">IFERROR(INDEX(Jesper!AI$2:AI$366,ROUNDDOWN($C3318/24,0)+1,1)*INDEX($D$3:$AA$30,INDEX(Jesper!$R$2:$R$366,ROW(INDEX(Jesper!AI$2:AI$366,ROUNDDOWN($C3318/24,0)+1,1))-1)+IF('Standard Profiles'!$G$19=$B$10,7,0)+IF('Standard Profiles'!$G$19=$B$17,14,0)+IF('Standard Profiles'!$G$19=$B$24,21,0),MOD($C3318,24)+1)/SUM(INDEX($D$3:$AA$30,INDEX(Jesper!$R$2:$R$366,ROW(INDEX(Jesper!AI$2:AI$366,ROUNDDOWN($C3318/24,0)+1,1))-1)+IF('Standard Profiles'!$G$19=$B$10,7,0)+IF('Standard Profiles'!$G$19=$B$17,14,0)+IF('Standard Profiles'!$G$19=$B$24,21,0),0)),0)</f>
        <v>0</v>
      </c>
      <c r="F3318" cm="1">
        <f t="array" ref="F3318">IFERROR(INDEX(Jesper!AJ$2:AJ$366,ROUNDDOWN($C3318/24,0)+1,1)*INDEX($D$3:$AA$30,INDEX(Jesper!$R$2:$R$366,ROW(INDEX(Jesper!AJ$2:AJ$366,ROUNDDOWN($C3318/24,0)+1,1))-1)+IF('Standard Profiles'!$G$20=$B$10,7,0)+IF('Standard Profiles'!$G$20=$B$17,14,0)+IF('Standard Profiles'!$G$20=$B$24,21,0),MOD($C3318,24)+1)/SUM(INDEX($D$3:$AA$30,INDEX(Jesper!$R$2:$R$366,ROW(INDEX(Jesper!AJ$2:AJ$366,ROUNDDOWN($C3318/24,0)+1,1))-1)+IF('Standard Profiles'!$G$20=$B$10,7,0)+IF('Standard Profiles'!$G$20=$B$17,14,0)+IF('Standard Profiles'!$G$20=$B$24,21,0),0)),0)</f>
        <v>0</v>
      </c>
      <c r="G3318" cm="1">
        <f t="array" ref="G3318">IFERROR(INDEX(Jesper!AK$2:AK$366,ROUNDDOWN($C3318/24,0)+1,1)*INDEX($D$3:$AA$30,INDEX(Jesper!$R$2:$R$366,ROW(INDEX(Jesper!AK$2:AK$366,ROUNDDOWN($C3318/24,0)+1,1))-1)+IF('Standard Profiles'!$G$21=$B$10,7,0)+IF('Standard Profiles'!$G$21=$B$17,14,0)+IF('Standard Profiles'!$G$21=$B$24,21,0),MOD($C3318,24)+1)/SUM(INDEX($D$3:$AA$30,INDEX(Jesper!$R$2:$R$366,ROW(INDEX(Jesper!AK$2:AK$366,ROUNDDOWN($C3318/24,0)+1,1))-1)+IF('Standard Profiles'!$G$21=$B$10,7,0)+IF('Standard Profiles'!$G$21=$B$17,14,0)+IF('Standard Profiles'!$G$21=$B$24,21,0),0)),0)</f>
        <v>0</v>
      </c>
      <c r="H3318" cm="1">
        <f t="array" ref="H3318">IFERROR(INDEX(Jesper!AL$2:AL$366,ROUNDDOWN($C3318/24,0)+1,1)*INDEX($D$3:$AA$30,INDEX(Jesper!$R$2:$R$366,ROW(INDEX(Jesper!AL$2:AL$366,ROUNDDOWN($C3318/24,0)+1,1))-1)+IF('Standard Profiles'!$G$22=$B$10,7,0)+IF('Standard Profiles'!$G$22=$B$17,14,0)+IF('Standard Profiles'!$G$22=$B$24,21,0),MOD($C3318,24)+1)/SUM(INDEX($D$3:$AA$30,INDEX(Jesper!$R$2:$R$366,ROW(INDEX(Jesper!AL$2:AL$366,ROUNDDOWN($C3318/24,0)+1,1))-1)+IF('Standard Profiles'!$G$22=$B$10,7,0)+IF('Standard Profiles'!$G$22=$B$17,14,0)+IF('Standard Profiles'!$G$22=$B$24,21,0),0)),0)</f>
        <v>0</v>
      </c>
      <c r="I3318">
        <f t="shared" si="377"/>
        <v>0.29747411653591455</v>
      </c>
      <c r="J3318">
        <f t="shared" si="378"/>
        <v>0.99158038845304852</v>
      </c>
      <c r="K3318">
        <f t="shared" si="379"/>
        <v>1.4873705826795727</v>
      </c>
      <c r="L3318">
        <f t="shared" si="380"/>
        <v>7.1393787968619487</v>
      </c>
      <c r="M3318">
        <f t="shared" si="381"/>
        <v>0</v>
      </c>
      <c r="N3318" s="46">
        <f t="shared" si="382"/>
        <v>45428.833333325369</v>
      </c>
    </row>
    <row r="3319" spans="2:14" x14ac:dyDescent="0.3">
      <c r="B3319">
        <f t="shared" si="376"/>
        <v>4</v>
      </c>
      <c r="C3319" s="16">
        <v>3285</v>
      </c>
      <c r="D3319" cm="1">
        <f t="array" ref="D3319">IFERROR(INDEX(Jesper!AH$2:AH$366,ROUNDDOWN($C3319/24,0)+1,1)*INDEX($D$3:$AA$30,INDEX(Jesper!$R$2:$R$366,ROW(INDEX(Jesper!AH$2:AH$366,ROUNDDOWN($C3319/24,0)+1,1))-1)+IF('Standard Profiles'!$G$18=$B$10,7,0)+IF('Standard Profiles'!$G$18=$B$17,14,0)+IF('Standard Profiles'!$G$18=$B$24,21,0),MOD($C3319,24)+1)/SUM(INDEX($D$3:$AA$30,INDEX(Jesper!$R$2:$R$366,ROW(INDEX(Jesper!AH$2:AH$366,ROUNDDOWN($C3319/24,0)+1,1))-1)+IF('Standard Profiles'!$G$18=$B$10,7,0)+IF('Standard Profiles'!$G$18=$B$17,14,0)+IF('Standard Profiles'!$G$18=$B$24,21,0),0)),0)</f>
        <v>7.4368529133978631</v>
      </c>
      <c r="E3319" cm="1">
        <f t="array" ref="E3319">IFERROR(INDEX(Jesper!AI$2:AI$366,ROUNDDOWN($C3319/24,0)+1,1)*INDEX($D$3:$AA$30,INDEX(Jesper!$R$2:$R$366,ROW(INDEX(Jesper!AI$2:AI$366,ROUNDDOWN($C3319/24,0)+1,1))-1)+IF('Standard Profiles'!$G$19=$B$10,7,0)+IF('Standard Profiles'!$G$19=$B$17,14,0)+IF('Standard Profiles'!$G$19=$B$24,21,0),MOD($C3319,24)+1)/SUM(INDEX($D$3:$AA$30,INDEX(Jesper!$R$2:$R$366,ROW(INDEX(Jesper!AI$2:AI$366,ROUNDDOWN($C3319/24,0)+1,1))-1)+IF('Standard Profiles'!$G$19=$B$10,7,0)+IF('Standard Profiles'!$G$19=$B$17,14,0)+IF('Standard Profiles'!$G$19=$B$24,21,0),0)),0)</f>
        <v>0</v>
      </c>
      <c r="F3319" cm="1">
        <f t="array" ref="F3319">IFERROR(INDEX(Jesper!AJ$2:AJ$366,ROUNDDOWN($C3319/24,0)+1,1)*INDEX($D$3:$AA$30,INDEX(Jesper!$R$2:$R$366,ROW(INDEX(Jesper!AJ$2:AJ$366,ROUNDDOWN($C3319/24,0)+1,1))-1)+IF('Standard Profiles'!$G$20=$B$10,7,0)+IF('Standard Profiles'!$G$20=$B$17,14,0)+IF('Standard Profiles'!$G$20=$B$24,21,0),MOD($C3319,24)+1)/SUM(INDEX($D$3:$AA$30,INDEX(Jesper!$R$2:$R$366,ROW(INDEX(Jesper!AJ$2:AJ$366,ROUNDDOWN($C3319/24,0)+1,1))-1)+IF('Standard Profiles'!$G$20=$B$10,7,0)+IF('Standard Profiles'!$G$20=$B$17,14,0)+IF('Standard Profiles'!$G$20=$B$24,21,0),0)),0)</f>
        <v>0</v>
      </c>
      <c r="G3319" cm="1">
        <f t="array" ref="G3319">IFERROR(INDEX(Jesper!AK$2:AK$366,ROUNDDOWN($C3319/24,0)+1,1)*INDEX($D$3:$AA$30,INDEX(Jesper!$R$2:$R$366,ROW(INDEX(Jesper!AK$2:AK$366,ROUNDDOWN($C3319/24,0)+1,1))-1)+IF('Standard Profiles'!$G$21=$B$10,7,0)+IF('Standard Profiles'!$G$21=$B$17,14,0)+IF('Standard Profiles'!$G$21=$B$24,21,0),MOD($C3319,24)+1)/SUM(INDEX($D$3:$AA$30,INDEX(Jesper!$R$2:$R$366,ROW(INDEX(Jesper!AK$2:AK$366,ROUNDDOWN($C3319/24,0)+1,1))-1)+IF('Standard Profiles'!$G$21=$B$10,7,0)+IF('Standard Profiles'!$G$21=$B$17,14,0)+IF('Standard Profiles'!$G$21=$B$24,21,0),0)),0)</f>
        <v>0</v>
      </c>
      <c r="H3319" cm="1">
        <f t="array" ref="H3319">IFERROR(INDEX(Jesper!AL$2:AL$366,ROUNDDOWN($C3319/24,0)+1,1)*INDEX($D$3:$AA$30,INDEX(Jesper!$R$2:$R$366,ROW(INDEX(Jesper!AL$2:AL$366,ROUNDDOWN($C3319/24,0)+1,1))-1)+IF('Standard Profiles'!$G$22=$B$10,7,0)+IF('Standard Profiles'!$G$22=$B$17,14,0)+IF('Standard Profiles'!$G$22=$B$24,21,0),MOD($C3319,24)+1)/SUM(INDEX($D$3:$AA$30,INDEX(Jesper!$R$2:$R$366,ROW(INDEX(Jesper!AL$2:AL$366,ROUNDDOWN($C3319/24,0)+1,1))-1)+IF('Standard Profiles'!$G$22=$B$10,7,0)+IF('Standard Profiles'!$G$22=$B$17,14,0)+IF('Standard Profiles'!$G$22=$B$24,21,0),0)),0)</f>
        <v>0</v>
      </c>
      <c r="I3319">
        <f t="shared" si="377"/>
        <v>0.2231055874019359</v>
      </c>
      <c r="J3319">
        <f t="shared" si="378"/>
        <v>0.74368529133978634</v>
      </c>
      <c r="K3319">
        <f t="shared" si="379"/>
        <v>1.1155279370096793</v>
      </c>
      <c r="L3319">
        <f t="shared" si="380"/>
        <v>5.3545340976464608</v>
      </c>
      <c r="M3319">
        <f t="shared" si="381"/>
        <v>0</v>
      </c>
      <c r="N3319" s="46">
        <f t="shared" si="382"/>
        <v>45428.874999992033</v>
      </c>
    </row>
    <row r="3320" spans="2:14" x14ac:dyDescent="0.3">
      <c r="B3320">
        <f t="shared" si="376"/>
        <v>4</v>
      </c>
      <c r="C3320" s="16">
        <v>3286</v>
      </c>
      <c r="D3320" cm="1">
        <f t="array" ref="D3320">IFERROR(INDEX(Jesper!AH$2:AH$366,ROUNDDOWN($C3320/24,0)+1,1)*INDEX($D$3:$AA$30,INDEX(Jesper!$R$2:$R$366,ROW(INDEX(Jesper!AH$2:AH$366,ROUNDDOWN($C3320/24,0)+1,1))-1)+IF('Standard Profiles'!$G$18=$B$10,7,0)+IF('Standard Profiles'!$G$18=$B$17,14,0)+IF('Standard Profiles'!$G$18=$B$24,21,0),MOD($C3320,24)+1)/SUM(INDEX($D$3:$AA$30,INDEX(Jesper!$R$2:$R$366,ROW(INDEX(Jesper!AH$2:AH$366,ROUNDDOWN($C3320/24,0)+1,1))-1)+IF('Standard Profiles'!$G$18=$B$10,7,0)+IF('Standard Profiles'!$G$18=$B$17,14,0)+IF('Standard Profiles'!$G$18=$B$24,21,0),0)),0)</f>
        <v>7.4368529133978631</v>
      </c>
      <c r="E3320" cm="1">
        <f t="array" ref="E3320">IFERROR(INDEX(Jesper!AI$2:AI$366,ROUNDDOWN($C3320/24,0)+1,1)*INDEX($D$3:$AA$30,INDEX(Jesper!$R$2:$R$366,ROW(INDEX(Jesper!AI$2:AI$366,ROUNDDOWN($C3320/24,0)+1,1))-1)+IF('Standard Profiles'!$G$19=$B$10,7,0)+IF('Standard Profiles'!$G$19=$B$17,14,0)+IF('Standard Profiles'!$G$19=$B$24,21,0),MOD($C3320,24)+1)/SUM(INDEX($D$3:$AA$30,INDEX(Jesper!$R$2:$R$366,ROW(INDEX(Jesper!AI$2:AI$366,ROUNDDOWN($C3320/24,0)+1,1))-1)+IF('Standard Profiles'!$G$19=$B$10,7,0)+IF('Standard Profiles'!$G$19=$B$17,14,0)+IF('Standard Profiles'!$G$19=$B$24,21,0),0)),0)</f>
        <v>0</v>
      </c>
      <c r="F3320" cm="1">
        <f t="array" ref="F3320">IFERROR(INDEX(Jesper!AJ$2:AJ$366,ROUNDDOWN($C3320/24,0)+1,1)*INDEX($D$3:$AA$30,INDEX(Jesper!$R$2:$R$366,ROW(INDEX(Jesper!AJ$2:AJ$366,ROUNDDOWN($C3320/24,0)+1,1))-1)+IF('Standard Profiles'!$G$20=$B$10,7,0)+IF('Standard Profiles'!$G$20=$B$17,14,0)+IF('Standard Profiles'!$G$20=$B$24,21,0),MOD($C3320,24)+1)/SUM(INDEX($D$3:$AA$30,INDEX(Jesper!$R$2:$R$366,ROW(INDEX(Jesper!AJ$2:AJ$366,ROUNDDOWN($C3320/24,0)+1,1))-1)+IF('Standard Profiles'!$G$20=$B$10,7,0)+IF('Standard Profiles'!$G$20=$B$17,14,0)+IF('Standard Profiles'!$G$20=$B$24,21,0),0)),0)</f>
        <v>0</v>
      </c>
      <c r="G3320" cm="1">
        <f t="array" ref="G3320">IFERROR(INDEX(Jesper!AK$2:AK$366,ROUNDDOWN($C3320/24,0)+1,1)*INDEX($D$3:$AA$30,INDEX(Jesper!$R$2:$R$366,ROW(INDEX(Jesper!AK$2:AK$366,ROUNDDOWN($C3320/24,0)+1,1))-1)+IF('Standard Profiles'!$G$21=$B$10,7,0)+IF('Standard Profiles'!$G$21=$B$17,14,0)+IF('Standard Profiles'!$G$21=$B$24,21,0),MOD($C3320,24)+1)/SUM(INDEX($D$3:$AA$30,INDEX(Jesper!$R$2:$R$366,ROW(INDEX(Jesper!AK$2:AK$366,ROUNDDOWN($C3320/24,0)+1,1))-1)+IF('Standard Profiles'!$G$21=$B$10,7,0)+IF('Standard Profiles'!$G$21=$B$17,14,0)+IF('Standard Profiles'!$G$21=$B$24,21,0),0)),0)</f>
        <v>0</v>
      </c>
      <c r="H3320" cm="1">
        <f t="array" ref="H3320">IFERROR(INDEX(Jesper!AL$2:AL$366,ROUNDDOWN($C3320/24,0)+1,1)*INDEX($D$3:$AA$30,INDEX(Jesper!$R$2:$R$366,ROW(INDEX(Jesper!AL$2:AL$366,ROUNDDOWN($C3320/24,0)+1,1))-1)+IF('Standard Profiles'!$G$22=$B$10,7,0)+IF('Standard Profiles'!$G$22=$B$17,14,0)+IF('Standard Profiles'!$G$22=$B$24,21,0),MOD($C3320,24)+1)/SUM(INDEX($D$3:$AA$30,INDEX(Jesper!$R$2:$R$366,ROW(INDEX(Jesper!AL$2:AL$366,ROUNDDOWN($C3320/24,0)+1,1))-1)+IF('Standard Profiles'!$G$22=$B$10,7,0)+IF('Standard Profiles'!$G$22=$B$17,14,0)+IF('Standard Profiles'!$G$22=$B$24,21,0),0)),0)</f>
        <v>0</v>
      </c>
      <c r="I3320">
        <f t="shared" si="377"/>
        <v>0.2231055874019359</v>
      </c>
      <c r="J3320">
        <f t="shared" si="378"/>
        <v>0.74368529133978634</v>
      </c>
      <c r="K3320">
        <f t="shared" si="379"/>
        <v>1.1155279370096793</v>
      </c>
      <c r="L3320">
        <f t="shared" si="380"/>
        <v>5.3545340976464608</v>
      </c>
      <c r="M3320">
        <f t="shared" si="381"/>
        <v>0</v>
      </c>
      <c r="N3320" s="46">
        <f t="shared" si="382"/>
        <v>45428.916666658697</v>
      </c>
    </row>
    <row r="3321" spans="2:14" x14ac:dyDescent="0.3">
      <c r="B3321">
        <f t="shared" si="376"/>
        <v>4</v>
      </c>
      <c r="C3321" s="16">
        <v>3287</v>
      </c>
      <c r="D3321" cm="1">
        <f t="array" ref="D3321">IFERROR(INDEX(Jesper!AH$2:AH$366,ROUNDDOWN($C3321/24,0)+1,1)*INDEX($D$3:$AA$30,INDEX(Jesper!$R$2:$R$366,ROW(INDEX(Jesper!AH$2:AH$366,ROUNDDOWN($C3321/24,0)+1,1))-1)+IF('Standard Profiles'!$G$18=$B$10,7,0)+IF('Standard Profiles'!$G$18=$B$17,14,0)+IF('Standard Profiles'!$G$18=$B$24,21,0),MOD($C3321,24)+1)/SUM(INDEX($D$3:$AA$30,INDEX(Jesper!$R$2:$R$366,ROW(INDEX(Jesper!AH$2:AH$366,ROUNDDOWN($C3321/24,0)+1,1))-1)+IF('Standard Profiles'!$G$18=$B$10,7,0)+IF('Standard Profiles'!$G$18=$B$17,14,0)+IF('Standard Profiles'!$G$18=$B$24,21,0),0)),0)</f>
        <v>7.4368529133978631</v>
      </c>
      <c r="E3321" cm="1">
        <f t="array" ref="E3321">IFERROR(INDEX(Jesper!AI$2:AI$366,ROUNDDOWN($C3321/24,0)+1,1)*INDEX($D$3:$AA$30,INDEX(Jesper!$R$2:$R$366,ROW(INDEX(Jesper!AI$2:AI$366,ROUNDDOWN($C3321/24,0)+1,1))-1)+IF('Standard Profiles'!$G$19=$B$10,7,0)+IF('Standard Profiles'!$G$19=$B$17,14,0)+IF('Standard Profiles'!$G$19=$B$24,21,0),MOD($C3321,24)+1)/SUM(INDEX($D$3:$AA$30,INDEX(Jesper!$R$2:$R$366,ROW(INDEX(Jesper!AI$2:AI$366,ROUNDDOWN($C3321/24,0)+1,1))-1)+IF('Standard Profiles'!$G$19=$B$10,7,0)+IF('Standard Profiles'!$G$19=$B$17,14,0)+IF('Standard Profiles'!$G$19=$B$24,21,0),0)),0)</f>
        <v>0</v>
      </c>
      <c r="F3321" cm="1">
        <f t="array" ref="F3321">IFERROR(INDEX(Jesper!AJ$2:AJ$366,ROUNDDOWN($C3321/24,0)+1,1)*INDEX($D$3:$AA$30,INDEX(Jesper!$R$2:$R$366,ROW(INDEX(Jesper!AJ$2:AJ$366,ROUNDDOWN($C3321/24,0)+1,1))-1)+IF('Standard Profiles'!$G$20=$B$10,7,0)+IF('Standard Profiles'!$G$20=$B$17,14,0)+IF('Standard Profiles'!$G$20=$B$24,21,0),MOD($C3321,24)+1)/SUM(INDEX($D$3:$AA$30,INDEX(Jesper!$R$2:$R$366,ROW(INDEX(Jesper!AJ$2:AJ$366,ROUNDDOWN($C3321/24,0)+1,1))-1)+IF('Standard Profiles'!$G$20=$B$10,7,0)+IF('Standard Profiles'!$G$20=$B$17,14,0)+IF('Standard Profiles'!$G$20=$B$24,21,0),0)),0)</f>
        <v>0</v>
      </c>
      <c r="G3321" cm="1">
        <f t="array" ref="G3321">IFERROR(INDEX(Jesper!AK$2:AK$366,ROUNDDOWN($C3321/24,0)+1,1)*INDEX($D$3:$AA$30,INDEX(Jesper!$R$2:$R$366,ROW(INDEX(Jesper!AK$2:AK$366,ROUNDDOWN($C3321/24,0)+1,1))-1)+IF('Standard Profiles'!$G$21=$B$10,7,0)+IF('Standard Profiles'!$G$21=$B$17,14,0)+IF('Standard Profiles'!$G$21=$B$24,21,0),MOD($C3321,24)+1)/SUM(INDEX($D$3:$AA$30,INDEX(Jesper!$R$2:$R$366,ROW(INDEX(Jesper!AK$2:AK$366,ROUNDDOWN($C3321/24,0)+1,1))-1)+IF('Standard Profiles'!$G$21=$B$10,7,0)+IF('Standard Profiles'!$G$21=$B$17,14,0)+IF('Standard Profiles'!$G$21=$B$24,21,0),0)),0)</f>
        <v>0</v>
      </c>
      <c r="H3321" cm="1">
        <f t="array" ref="H3321">IFERROR(INDEX(Jesper!AL$2:AL$366,ROUNDDOWN($C3321/24,0)+1,1)*INDEX($D$3:$AA$30,INDEX(Jesper!$R$2:$R$366,ROW(INDEX(Jesper!AL$2:AL$366,ROUNDDOWN($C3321/24,0)+1,1))-1)+IF('Standard Profiles'!$G$22=$B$10,7,0)+IF('Standard Profiles'!$G$22=$B$17,14,0)+IF('Standard Profiles'!$G$22=$B$24,21,0),MOD($C3321,24)+1)/SUM(INDEX($D$3:$AA$30,INDEX(Jesper!$R$2:$R$366,ROW(INDEX(Jesper!AL$2:AL$366,ROUNDDOWN($C3321/24,0)+1,1))-1)+IF('Standard Profiles'!$G$22=$B$10,7,0)+IF('Standard Profiles'!$G$22=$B$17,14,0)+IF('Standard Profiles'!$G$22=$B$24,21,0),0)),0)</f>
        <v>0</v>
      </c>
      <c r="I3321">
        <f t="shared" si="377"/>
        <v>0.2231055874019359</v>
      </c>
      <c r="J3321">
        <f t="shared" si="378"/>
        <v>0.74368529133978634</v>
      </c>
      <c r="K3321">
        <f t="shared" si="379"/>
        <v>1.1155279370096793</v>
      </c>
      <c r="L3321">
        <f t="shared" si="380"/>
        <v>5.3545340976464608</v>
      </c>
      <c r="M3321">
        <f t="shared" si="381"/>
        <v>0</v>
      </c>
      <c r="N3321" s="46">
        <f t="shared" si="382"/>
        <v>45428.958333325361</v>
      </c>
    </row>
    <row r="3322" spans="2:14" x14ac:dyDescent="0.3">
      <c r="B3322">
        <f t="shared" si="376"/>
        <v>5</v>
      </c>
      <c r="C3322" s="16">
        <v>3288</v>
      </c>
      <c r="D3322" cm="1">
        <f t="array" ref="D3322">IFERROR(INDEX(Jesper!AH$2:AH$366,ROUNDDOWN($C3322/24,0)+1,1)*INDEX($D$3:$AA$30,INDEX(Jesper!$R$2:$R$366,ROW(INDEX(Jesper!AH$2:AH$366,ROUNDDOWN($C3322/24,0)+1,1))-1)+IF('Standard Profiles'!$G$18=$B$10,7,0)+IF('Standard Profiles'!$G$18=$B$17,14,0)+IF('Standard Profiles'!$G$18=$B$24,21,0),MOD($C3322,24)+1)/SUM(INDEX($D$3:$AA$30,INDEX(Jesper!$R$2:$R$366,ROW(INDEX(Jesper!AH$2:AH$366,ROUNDDOWN($C3322/24,0)+1,1))-1)+IF('Standard Profiles'!$G$18=$B$10,7,0)+IF('Standard Profiles'!$G$18=$B$17,14,0)+IF('Standard Profiles'!$G$18=$B$24,21,0),0)),0)</f>
        <v>7.8559657175875213</v>
      </c>
      <c r="E3322" cm="1">
        <f t="array" ref="E3322">IFERROR(INDEX(Jesper!AI$2:AI$366,ROUNDDOWN($C3322/24,0)+1,1)*INDEX($D$3:$AA$30,INDEX(Jesper!$R$2:$R$366,ROW(INDEX(Jesper!AI$2:AI$366,ROUNDDOWN($C3322/24,0)+1,1))-1)+IF('Standard Profiles'!$G$19=$B$10,7,0)+IF('Standard Profiles'!$G$19=$B$17,14,0)+IF('Standard Profiles'!$G$19=$B$24,21,0),MOD($C3322,24)+1)/SUM(INDEX($D$3:$AA$30,INDEX(Jesper!$R$2:$R$366,ROW(INDEX(Jesper!AI$2:AI$366,ROUNDDOWN($C3322/24,0)+1,1))-1)+IF('Standard Profiles'!$G$19=$B$10,7,0)+IF('Standard Profiles'!$G$19=$B$17,14,0)+IF('Standard Profiles'!$G$19=$B$24,21,0),0)),0)</f>
        <v>0</v>
      </c>
      <c r="F3322" cm="1">
        <f t="array" ref="F3322">IFERROR(INDEX(Jesper!AJ$2:AJ$366,ROUNDDOWN($C3322/24,0)+1,1)*INDEX($D$3:$AA$30,INDEX(Jesper!$R$2:$R$366,ROW(INDEX(Jesper!AJ$2:AJ$366,ROUNDDOWN($C3322/24,0)+1,1))-1)+IF('Standard Profiles'!$G$20=$B$10,7,0)+IF('Standard Profiles'!$G$20=$B$17,14,0)+IF('Standard Profiles'!$G$20=$B$24,21,0),MOD($C3322,24)+1)/SUM(INDEX($D$3:$AA$30,INDEX(Jesper!$R$2:$R$366,ROW(INDEX(Jesper!AJ$2:AJ$366,ROUNDDOWN($C3322/24,0)+1,1))-1)+IF('Standard Profiles'!$G$20=$B$10,7,0)+IF('Standard Profiles'!$G$20=$B$17,14,0)+IF('Standard Profiles'!$G$20=$B$24,21,0),0)),0)</f>
        <v>0</v>
      </c>
      <c r="G3322" cm="1">
        <f t="array" ref="G3322">IFERROR(INDEX(Jesper!AK$2:AK$366,ROUNDDOWN($C3322/24,0)+1,1)*INDEX($D$3:$AA$30,INDEX(Jesper!$R$2:$R$366,ROW(INDEX(Jesper!AK$2:AK$366,ROUNDDOWN($C3322/24,0)+1,1))-1)+IF('Standard Profiles'!$G$21=$B$10,7,0)+IF('Standard Profiles'!$G$21=$B$17,14,0)+IF('Standard Profiles'!$G$21=$B$24,21,0),MOD($C3322,24)+1)/SUM(INDEX($D$3:$AA$30,INDEX(Jesper!$R$2:$R$366,ROW(INDEX(Jesper!AK$2:AK$366,ROUNDDOWN($C3322/24,0)+1,1))-1)+IF('Standard Profiles'!$G$21=$B$10,7,0)+IF('Standard Profiles'!$G$21=$B$17,14,0)+IF('Standard Profiles'!$G$21=$B$24,21,0),0)),0)</f>
        <v>0</v>
      </c>
      <c r="H3322" cm="1">
        <f t="array" ref="H3322">IFERROR(INDEX(Jesper!AL$2:AL$366,ROUNDDOWN($C3322/24,0)+1,1)*INDEX($D$3:$AA$30,INDEX(Jesper!$R$2:$R$366,ROW(INDEX(Jesper!AL$2:AL$366,ROUNDDOWN($C3322/24,0)+1,1))-1)+IF('Standard Profiles'!$G$22=$B$10,7,0)+IF('Standard Profiles'!$G$22=$B$17,14,0)+IF('Standard Profiles'!$G$22=$B$24,21,0),MOD($C3322,24)+1)/SUM(INDEX($D$3:$AA$30,INDEX(Jesper!$R$2:$R$366,ROW(INDEX(Jesper!AL$2:AL$366,ROUNDDOWN($C3322/24,0)+1,1))-1)+IF('Standard Profiles'!$G$22=$B$10,7,0)+IF('Standard Profiles'!$G$22=$B$17,14,0)+IF('Standard Profiles'!$G$22=$B$24,21,0),0)),0)</f>
        <v>0</v>
      </c>
      <c r="I3322">
        <f t="shared" si="377"/>
        <v>0.23567897152762562</v>
      </c>
      <c r="J3322">
        <f t="shared" si="378"/>
        <v>0.78559657175875219</v>
      </c>
      <c r="K3322">
        <f t="shared" si="379"/>
        <v>1.1783948576381282</v>
      </c>
      <c r="L3322">
        <f t="shared" si="380"/>
        <v>5.656295316663015</v>
      </c>
      <c r="M3322">
        <f t="shared" si="381"/>
        <v>0</v>
      </c>
      <c r="N3322" s="46">
        <f t="shared" si="382"/>
        <v>45428.999999992026</v>
      </c>
    </row>
    <row r="3323" spans="2:14" x14ac:dyDescent="0.3">
      <c r="B3323">
        <f t="shared" si="376"/>
        <v>5</v>
      </c>
      <c r="C3323" s="16">
        <v>3289</v>
      </c>
      <c r="D3323" cm="1">
        <f t="array" ref="D3323">IFERROR(INDEX(Jesper!AH$2:AH$366,ROUNDDOWN($C3323/24,0)+1,1)*INDEX($D$3:$AA$30,INDEX(Jesper!$R$2:$R$366,ROW(INDEX(Jesper!AH$2:AH$366,ROUNDDOWN($C3323/24,0)+1,1))-1)+IF('Standard Profiles'!$G$18=$B$10,7,0)+IF('Standard Profiles'!$G$18=$B$17,14,0)+IF('Standard Profiles'!$G$18=$B$24,21,0),MOD($C3323,24)+1)/SUM(INDEX($D$3:$AA$30,INDEX(Jesper!$R$2:$R$366,ROW(INDEX(Jesper!AH$2:AH$366,ROUNDDOWN($C3323/24,0)+1,1))-1)+IF('Standard Profiles'!$G$18=$B$10,7,0)+IF('Standard Profiles'!$G$18=$B$17,14,0)+IF('Standard Profiles'!$G$18=$B$24,21,0),0)),0)</f>
        <v>7.8559657175875213</v>
      </c>
      <c r="E3323" cm="1">
        <f t="array" ref="E3323">IFERROR(INDEX(Jesper!AI$2:AI$366,ROUNDDOWN($C3323/24,0)+1,1)*INDEX($D$3:$AA$30,INDEX(Jesper!$R$2:$R$366,ROW(INDEX(Jesper!AI$2:AI$366,ROUNDDOWN($C3323/24,0)+1,1))-1)+IF('Standard Profiles'!$G$19=$B$10,7,0)+IF('Standard Profiles'!$G$19=$B$17,14,0)+IF('Standard Profiles'!$G$19=$B$24,21,0),MOD($C3323,24)+1)/SUM(INDEX($D$3:$AA$30,INDEX(Jesper!$R$2:$R$366,ROW(INDEX(Jesper!AI$2:AI$366,ROUNDDOWN($C3323/24,0)+1,1))-1)+IF('Standard Profiles'!$G$19=$B$10,7,0)+IF('Standard Profiles'!$G$19=$B$17,14,0)+IF('Standard Profiles'!$G$19=$B$24,21,0),0)),0)</f>
        <v>0</v>
      </c>
      <c r="F3323" cm="1">
        <f t="array" ref="F3323">IFERROR(INDEX(Jesper!AJ$2:AJ$366,ROUNDDOWN($C3323/24,0)+1,1)*INDEX($D$3:$AA$30,INDEX(Jesper!$R$2:$R$366,ROW(INDEX(Jesper!AJ$2:AJ$366,ROUNDDOWN($C3323/24,0)+1,1))-1)+IF('Standard Profiles'!$G$20=$B$10,7,0)+IF('Standard Profiles'!$G$20=$B$17,14,0)+IF('Standard Profiles'!$G$20=$B$24,21,0),MOD($C3323,24)+1)/SUM(INDEX($D$3:$AA$30,INDEX(Jesper!$R$2:$R$366,ROW(INDEX(Jesper!AJ$2:AJ$366,ROUNDDOWN($C3323/24,0)+1,1))-1)+IF('Standard Profiles'!$G$20=$B$10,7,0)+IF('Standard Profiles'!$G$20=$B$17,14,0)+IF('Standard Profiles'!$G$20=$B$24,21,0),0)),0)</f>
        <v>0</v>
      </c>
      <c r="G3323" cm="1">
        <f t="array" ref="G3323">IFERROR(INDEX(Jesper!AK$2:AK$366,ROUNDDOWN($C3323/24,0)+1,1)*INDEX($D$3:$AA$30,INDEX(Jesper!$R$2:$R$366,ROW(INDEX(Jesper!AK$2:AK$366,ROUNDDOWN($C3323/24,0)+1,1))-1)+IF('Standard Profiles'!$G$21=$B$10,7,0)+IF('Standard Profiles'!$G$21=$B$17,14,0)+IF('Standard Profiles'!$G$21=$B$24,21,0),MOD($C3323,24)+1)/SUM(INDEX($D$3:$AA$30,INDEX(Jesper!$R$2:$R$366,ROW(INDEX(Jesper!AK$2:AK$366,ROUNDDOWN($C3323/24,0)+1,1))-1)+IF('Standard Profiles'!$G$21=$B$10,7,0)+IF('Standard Profiles'!$G$21=$B$17,14,0)+IF('Standard Profiles'!$G$21=$B$24,21,0),0)),0)</f>
        <v>0</v>
      </c>
      <c r="H3323" cm="1">
        <f t="array" ref="H3323">IFERROR(INDEX(Jesper!AL$2:AL$366,ROUNDDOWN($C3323/24,0)+1,1)*INDEX($D$3:$AA$30,INDEX(Jesper!$R$2:$R$366,ROW(INDEX(Jesper!AL$2:AL$366,ROUNDDOWN($C3323/24,0)+1,1))-1)+IF('Standard Profiles'!$G$22=$B$10,7,0)+IF('Standard Profiles'!$G$22=$B$17,14,0)+IF('Standard Profiles'!$G$22=$B$24,21,0),MOD($C3323,24)+1)/SUM(INDEX($D$3:$AA$30,INDEX(Jesper!$R$2:$R$366,ROW(INDEX(Jesper!AL$2:AL$366,ROUNDDOWN($C3323/24,0)+1,1))-1)+IF('Standard Profiles'!$G$22=$B$10,7,0)+IF('Standard Profiles'!$G$22=$B$17,14,0)+IF('Standard Profiles'!$G$22=$B$24,21,0),0)),0)</f>
        <v>0</v>
      </c>
      <c r="I3323">
        <f t="shared" si="377"/>
        <v>0.23567897152762562</v>
      </c>
      <c r="J3323">
        <f t="shared" si="378"/>
        <v>0.78559657175875219</v>
      </c>
      <c r="K3323">
        <f t="shared" si="379"/>
        <v>1.1783948576381282</v>
      </c>
      <c r="L3323">
        <f t="shared" si="380"/>
        <v>5.656295316663015</v>
      </c>
      <c r="M3323">
        <f t="shared" si="381"/>
        <v>0</v>
      </c>
      <c r="N3323" s="46">
        <f t="shared" si="382"/>
        <v>45429.04166665869</v>
      </c>
    </row>
    <row r="3324" spans="2:14" x14ac:dyDescent="0.3">
      <c r="B3324">
        <f t="shared" si="376"/>
        <v>5</v>
      </c>
      <c r="C3324" s="16">
        <v>3290</v>
      </c>
      <c r="D3324" cm="1">
        <f t="array" ref="D3324">IFERROR(INDEX(Jesper!AH$2:AH$366,ROUNDDOWN($C3324/24,0)+1,1)*INDEX($D$3:$AA$30,INDEX(Jesper!$R$2:$R$366,ROW(INDEX(Jesper!AH$2:AH$366,ROUNDDOWN($C3324/24,0)+1,1))-1)+IF('Standard Profiles'!$G$18=$B$10,7,0)+IF('Standard Profiles'!$G$18=$B$17,14,0)+IF('Standard Profiles'!$G$18=$B$24,21,0),MOD($C3324,24)+1)/SUM(INDEX($D$3:$AA$30,INDEX(Jesper!$R$2:$R$366,ROW(INDEX(Jesper!AH$2:AH$366,ROUNDDOWN($C3324/24,0)+1,1))-1)+IF('Standard Profiles'!$G$18=$B$10,7,0)+IF('Standard Profiles'!$G$18=$B$17,14,0)+IF('Standard Profiles'!$G$18=$B$24,21,0),0)),0)</f>
        <v>7.8559657175875213</v>
      </c>
      <c r="E3324" cm="1">
        <f t="array" ref="E3324">IFERROR(INDEX(Jesper!AI$2:AI$366,ROUNDDOWN($C3324/24,0)+1,1)*INDEX($D$3:$AA$30,INDEX(Jesper!$R$2:$R$366,ROW(INDEX(Jesper!AI$2:AI$366,ROUNDDOWN($C3324/24,0)+1,1))-1)+IF('Standard Profiles'!$G$19=$B$10,7,0)+IF('Standard Profiles'!$G$19=$B$17,14,0)+IF('Standard Profiles'!$G$19=$B$24,21,0),MOD($C3324,24)+1)/SUM(INDEX($D$3:$AA$30,INDEX(Jesper!$R$2:$R$366,ROW(INDEX(Jesper!AI$2:AI$366,ROUNDDOWN($C3324/24,0)+1,1))-1)+IF('Standard Profiles'!$G$19=$B$10,7,0)+IF('Standard Profiles'!$G$19=$B$17,14,0)+IF('Standard Profiles'!$G$19=$B$24,21,0),0)),0)</f>
        <v>0</v>
      </c>
      <c r="F3324" cm="1">
        <f t="array" ref="F3324">IFERROR(INDEX(Jesper!AJ$2:AJ$366,ROUNDDOWN($C3324/24,0)+1,1)*INDEX($D$3:$AA$30,INDEX(Jesper!$R$2:$R$366,ROW(INDEX(Jesper!AJ$2:AJ$366,ROUNDDOWN($C3324/24,0)+1,1))-1)+IF('Standard Profiles'!$G$20=$B$10,7,0)+IF('Standard Profiles'!$G$20=$B$17,14,0)+IF('Standard Profiles'!$G$20=$B$24,21,0),MOD($C3324,24)+1)/SUM(INDEX($D$3:$AA$30,INDEX(Jesper!$R$2:$R$366,ROW(INDEX(Jesper!AJ$2:AJ$366,ROUNDDOWN($C3324/24,0)+1,1))-1)+IF('Standard Profiles'!$G$20=$B$10,7,0)+IF('Standard Profiles'!$G$20=$B$17,14,0)+IF('Standard Profiles'!$G$20=$B$24,21,0),0)),0)</f>
        <v>0</v>
      </c>
      <c r="G3324" cm="1">
        <f t="array" ref="G3324">IFERROR(INDEX(Jesper!AK$2:AK$366,ROUNDDOWN($C3324/24,0)+1,1)*INDEX($D$3:$AA$30,INDEX(Jesper!$R$2:$R$366,ROW(INDEX(Jesper!AK$2:AK$366,ROUNDDOWN($C3324/24,0)+1,1))-1)+IF('Standard Profiles'!$G$21=$B$10,7,0)+IF('Standard Profiles'!$G$21=$B$17,14,0)+IF('Standard Profiles'!$G$21=$B$24,21,0),MOD($C3324,24)+1)/SUM(INDEX($D$3:$AA$30,INDEX(Jesper!$R$2:$R$366,ROW(INDEX(Jesper!AK$2:AK$366,ROUNDDOWN($C3324/24,0)+1,1))-1)+IF('Standard Profiles'!$G$21=$B$10,7,0)+IF('Standard Profiles'!$G$21=$B$17,14,0)+IF('Standard Profiles'!$G$21=$B$24,21,0),0)),0)</f>
        <v>0</v>
      </c>
      <c r="H3324" cm="1">
        <f t="array" ref="H3324">IFERROR(INDEX(Jesper!AL$2:AL$366,ROUNDDOWN($C3324/24,0)+1,1)*INDEX($D$3:$AA$30,INDEX(Jesper!$R$2:$R$366,ROW(INDEX(Jesper!AL$2:AL$366,ROUNDDOWN($C3324/24,0)+1,1))-1)+IF('Standard Profiles'!$G$22=$B$10,7,0)+IF('Standard Profiles'!$G$22=$B$17,14,0)+IF('Standard Profiles'!$G$22=$B$24,21,0),MOD($C3324,24)+1)/SUM(INDEX($D$3:$AA$30,INDEX(Jesper!$R$2:$R$366,ROW(INDEX(Jesper!AL$2:AL$366,ROUNDDOWN($C3324/24,0)+1,1))-1)+IF('Standard Profiles'!$G$22=$B$10,7,0)+IF('Standard Profiles'!$G$22=$B$17,14,0)+IF('Standard Profiles'!$G$22=$B$24,21,0),0)),0)</f>
        <v>0</v>
      </c>
      <c r="I3324">
        <f t="shared" si="377"/>
        <v>0.23567897152762562</v>
      </c>
      <c r="J3324">
        <f t="shared" si="378"/>
        <v>0.78559657175875219</v>
      </c>
      <c r="K3324">
        <f t="shared" si="379"/>
        <v>1.1783948576381282</v>
      </c>
      <c r="L3324">
        <f t="shared" si="380"/>
        <v>5.656295316663015</v>
      </c>
      <c r="M3324">
        <f t="shared" si="381"/>
        <v>0</v>
      </c>
      <c r="N3324" s="46">
        <f t="shared" si="382"/>
        <v>45429.083333325354</v>
      </c>
    </row>
    <row r="3325" spans="2:14" x14ac:dyDescent="0.3">
      <c r="B3325">
        <f t="shared" si="376"/>
        <v>5</v>
      </c>
      <c r="C3325" s="16">
        <v>3291</v>
      </c>
      <c r="D3325" cm="1">
        <f t="array" ref="D3325">IFERROR(INDEX(Jesper!AH$2:AH$366,ROUNDDOWN($C3325/24,0)+1,1)*INDEX($D$3:$AA$30,INDEX(Jesper!$R$2:$R$366,ROW(INDEX(Jesper!AH$2:AH$366,ROUNDDOWN($C3325/24,0)+1,1))-1)+IF('Standard Profiles'!$G$18=$B$10,7,0)+IF('Standard Profiles'!$G$18=$B$17,14,0)+IF('Standard Profiles'!$G$18=$B$24,21,0),MOD($C3325,24)+1)/SUM(INDEX($D$3:$AA$30,INDEX(Jesper!$R$2:$R$366,ROW(INDEX(Jesper!AH$2:AH$366,ROUNDDOWN($C3325/24,0)+1,1))-1)+IF('Standard Profiles'!$G$18=$B$10,7,0)+IF('Standard Profiles'!$G$18=$B$17,14,0)+IF('Standard Profiles'!$G$18=$B$24,21,0),0)),0)</f>
        <v>7.8559657175875213</v>
      </c>
      <c r="E3325" cm="1">
        <f t="array" ref="E3325">IFERROR(INDEX(Jesper!AI$2:AI$366,ROUNDDOWN($C3325/24,0)+1,1)*INDEX($D$3:$AA$30,INDEX(Jesper!$R$2:$R$366,ROW(INDEX(Jesper!AI$2:AI$366,ROUNDDOWN($C3325/24,0)+1,1))-1)+IF('Standard Profiles'!$G$19=$B$10,7,0)+IF('Standard Profiles'!$G$19=$B$17,14,0)+IF('Standard Profiles'!$G$19=$B$24,21,0),MOD($C3325,24)+1)/SUM(INDEX($D$3:$AA$30,INDEX(Jesper!$R$2:$R$366,ROW(INDEX(Jesper!AI$2:AI$366,ROUNDDOWN($C3325/24,0)+1,1))-1)+IF('Standard Profiles'!$G$19=$B$10,7,0)+IF('Standard Profiles'!$G$19=$B$17,14,0)+IF('Standard Profiles'!$G$19=$B$24,21,0),0)),0)</f>
        <v>0</v>
      </c>
      <c r="F3325" cm="1">
        <f t="array" ref="F3325">IFERROR(INDEX(Jesper!AJ$2:AJ$366,ROUNDDOWN($C3325/24,0)+1,1)*INDEX($D$3:$AA$30,INDEX(Jesper!$R$2:$R$366,ROW(INDEX(Jesper!AJ$2:AJ$366,ROUNDDOWN($C3325/24,0)+1,1))-1)+IF('Standard Profiles'!$G$20=$B$10,7,0)+IF('Standard Profiles'!$G$20=$B$17,14,0)+IF('Standard Profiles'!$G$20=$B$24,21,0),MOD($C3325,24)+1)/SUM(INDEX($D$3:$AA$30,INDEX(Jesper!$R$2:$R$366,ROW(INDEX(Jesper!AJ$2:AJ$366,ROUNDDOWN($C3325/24,0)+1,1))-1)+IF('Standard Profiles'!$G$20=$B$10,7,0)+IF('Standard Profiles'!$G$20=$B$17,14,0)+IF('Standard Profiles'!$G$20=$B$24,21,0),0)),0)</f>
        <v>0</v>
      </c>
      <c r="G3325" cm="1">
        <f t="array" ref="G3325">IFERROR(INDEX(Jesper!AK$2:AK$366,ROUNDDOWN($C3325/24,0)+1,1)*INDEX($D$3:$AA$30,INDEX(Jesper!$R$2:$R$366,ROW(INDEX(Jesper!AK$2:AK$366,ROUNDDOWN($C3325/24,0)+1,1))-1)+IF('Standard Profiles'!$G$21=$B$10,7,0)+IF('Standard Profiles'!$G$21=$B$17,14,0)+IF('Standard Profiles'!$G$21=$B$24,21,0),MOD($C3325,24)+1)/SUM(INDEX($D$3:$AA$30,INDEX(Jesper!$R$2:$R$366,ROW(INDEX(Jesper!AK$2:AK$366,ROUNDDOWN($C3325/24,0)+1,1))-1)+IF('Standard Profiles'!$G$21=$B$10,7,0)+IF('Standard Profiles'!$G$21=$B$17,14,0)+IF('Standard Profiles'!$G$21=$B$24,21,0),0)),0)</f>
        <v>0</v>
      </c>
      <c r="H3325" cm="1">
        <f t="array" ref="H3325">IFERROR(INDEX(Jesper!AL$2:AL$366,ROUNDDOWN($C3325/24,0)+1,1)*INDEX($D$3:$AA$30,INDEX(Jesper!$R$2:$R$366,ROW(INDEX(Jesper!AL$2:AL$366,ROUNDDOWN($C3325/24,0)+1,1))-1)+IF('Standard Profiles'!$G$22=$B$10,7,0)+IF('Standard Profiles'!$G$22=$B$17,14,0)+IF('Standard Profiles'!$G$22=$B$24,21,0),MOD($C3325,24)+1)/SUM(INDEX($D$3:$AA$30,INDEX(Jesper!$R$2:$R$366,ROW(INDEX(Jesper!AL$2:AL$366,ROUNDDOWN($C3325/24,0)+1,1))-1)+IF('Standard Profiles'!$G$22=$B$10,7,0)+IF('Standard Profiles'!$G$22=$B$17,14,0)+IF('Standard Profiles'!$G$22=$B$24,21,0),0)),0)</f>
        <v>0</v>
      </c>
      <c r="I3325">
        <f t="shared" si="377"/>
        <v>0.23567897152762562</v>
      </c>
      <c r="J3325">
        <f t="shared" si="378"/>
        <v>0.78559657175875219</v>
      </c>
      <c r="K3325">
        <f t="shared" si="379"/>
        <v>1.1783948576381282</v>
      </c>
      <c r="L3325">
        <f t="shared" si="380"/>
        <v>5.656295316663015</v>
      </c>
      <c r="M3325">
        <f t="shared" si="381"/>
        <v>0</v>
      </c>
      <c r="N3325" s="46">
        <f t="shared" si="382"/>
        <v>45429.124999992018</v>
      </c>
    </row>
    <row r="3326" spans="2:14" x14ac:dyDescent="0.3">
      <c r="B3326">
        <f t="shared" si="376"/>
        <v>5</v>
      </c>
      <c r="C3326" s="16">
        <v>3292</v>
      </c>
      <c r="D3326" cm="1">
        <f t="array" ref="D3326">IFERROR(INDEX(Jesper!AH$2:AH$366,ROUNDDOWN($C3326/24,0)+1,1)*INDEX($D$3:$AA$30,INDEX(Jesper!$R$2:$R$366,ROW(INDEX(Jesper!AH$2:AH$366,ROUNDDOWN($C3326/24,0)+1,1))-1)+IF('Standard Profiles'!$G$18=$B$10,7,0)+IF('Standard Profiles'!$G$18=$B$17,14,0)+IF('Standard Profiles'!$G$18=$B$24,21,0),MOD($C3326,24)+1)/SUM(INDEX($D$3:$AA$30,INDEX(Jesper!$R$2:$R$366,ROW(INDEX(Jesper!AH$2:AH$366,ROUNDDOWN($C3326/24,0)+1,1))-1)+IF('Standard Profiles'!$G$18=$B$10,7,0)+IF('Standard Profiles'!$G$18=$B$17,14,0)+IF('Standard Profiles'!$G$18=$B$24,21,0),0)),0)</f>
        <v>7.8559657175875213</v>
      </c>
      <c r="E3326" cm="1">
        <f t="array" ref="E3326">IFERROR(INDEX(Jesper!AI$2:AI$366,ROUNDDOWN($C3326/24,0)+1,1)*INDEX($D$3:$AA$30,INDEX(Jesper!$R$2:$R$366,ROW(INDEX(Jesper!AI$2:AI$366,ROUNDDOWN($C3326/24,0)+1,1))-1)+IF('Standard Profiles'!$G$19=$B$10,7,0)+IF('Standard Profiles'!$G$19=$B$17,14,0)+IF('Standard Profiles'!$G$19=$B$24,21,0),MOD($C3326,24)+1)/SUM(INDEX($D$3:$AA$30,INDEX(Jesper!$R$2:$R$366,ROW(INDEX(Jesper!AI$2:AI$366,ROUNDDOWN($C3326/24,0)+1,1))-1)+IF('Standard Profiles'!$G$19=$B$10,7,0)+IF('Standard Profiles'!$G$19=$B$17,14,0)+IF('Standard Profiles'!$G$19=$B$24,21,0),0)),0)</f>
        <v>0</v>
      </c>
      <c r="F3326" cm="1">
        <f t="array" ref="F3326">IFERROR(INDEX(Jesper!AJ$2:AJ$366,ROUNDDOWN($C3326/24,0)+1,1)*INDEX($D$3:$AA$30,INDEX(Jesper!$R$2:$R$366,ROW(INDEX(Jesper!AJ$2:AJ$366,ROUNDDOWN($C3326/24,0)+1,1))-1)+IF('Standard Profiles'!$G$20=$B$10,7,0)+IF('Standard Profiles'!$G$20=$B$17,14,0)+IF('Standard Profiles'!$G$20=$B$24,21,0),MOD($C3326,24)+1)/SUM(INDEX($D$3:$AA$30,INDEX(Jesper!$R$2:$R$366,ROW(INDEX(Jesper!AJ$2:AJ$366,ROUNDDOWN($C3326/24,0)+1,1))-1)+IF('Standard Profiles'!$G$20=$B$10,7,0)+IF('Standard Profiles'!$G$20=$B$17,14,0)+IF('Standard Profiles'!$G$20=$B$24,21,0),0)),0)</f>
        <v>0</v>
      </c>
      <c r="G3326" cm="1">
        <f t="array" ref="G3326">IFERROR(INDEX(Jesper!AK$2:AK$366,ROUNDDOWN($C3326/24,0)+1,1)*INDEX($D$3:$AA$30,INDEX(Jesper!$R$2:$R$366,ROW(INDEX(Jesper!AK$2:AK$366,ROUNDDOWN($C3326/24,0)+1,1))-1)+IF('Standard Profiles'!$G$21=$B$10,7,0)+IF('Standard Profiles'!$G$21=$B$17,14,0)+IF('Standard Profiles'!$G$21=$B$24,21,0),MOD($C3326,24)+1)/SUM(INDEX($D$3:$AA$30,INDEX(Jesper!$R$2:$R$366,ROW(INDEX(Jesper!AK$2:AK$366,ROUNDDOWN($C3326/24,0)+1,1))-1)+IF('Standard Profiles'!$G$21=$B$10,7,0)+IF('Standard Profiles'!$G$21=$B$17,14,0)+IF('Standard Profiles'!$G$21=$B$24,21,0),0)),0)</f>
        <v>0</v>
      </c>
      <c r="H3326" cm="1">
        <f t="array" ref="H3326">IFERROR(INDEX(Jesper!AL$2:AL$366,ROUNDDOWN($C3326/24,0)+1,1)*INDEX($D$3:$AA$30,INDEX(Jesper!$R$2:$R$366,ROW(INDEX(Jesper!AL$2:AL$366,ROUNDDOWN($C3326/24,0)+1,1))-1)+IF('Standard Profiles'!$G$22=$B$10,7,0)+IF('Standard Profiles'!$G$22=$B$17,14,0)+IF('Standard Profiles'!$G$22=$B$24,21,0),MOD($C3326,24)+1)/SUM(INDEX($D$3:$AA$30,INDEX(Jesper!$R$2:$R$366,ROW(INDEX(Jesper!AL$2:AL$366,ROUNDDOWN($C3326/24,0)+1,1))-1)+IF('Standard Profiles'!$G$22=$B$10,7,0)+IF('Standard Profiles'!$G$22=$B$17,14,0)+IF('Standard Profiles'!$G$22=$B$24,21,0),0)),0)</f>
        <v>0</v>
      </c>
      <c r="I3326">
        <f t="shared" si="377"/>
        <v>0.23567897152762562</v>
      </c>
      <c r="J3326">
        <f t="shared" si="378"/>
        <v>0.78559657175875219</v>
      </c>
      <c r="K3326">
        <f t="shared" si="379"/>
        <v>1.1783948576381282</v>
      </c>
      <c r="L3326">
        <f t="shared" si="380"/>
        <v>5.656295316663015</v>
      </c>
      <c r="M3326">
        <f t="shared" si="381"/>
        <v>0</v>
      </c>
      <c r="N3326" s="46">
        <f t="shared" si="382"/>
        <v>45429.166666658683</v>
      </c>
    </row>
    <row r="3327" spans="2:14" x14ac:dyDescent="0.3">
      <c r="B3327">
        <f t="shared" si="376"/>
        <v>5</v>
      </c>
      <c r="C3327" s="16">
        <v>3293</v>
      </c>
      <c r="D3327" cm="1">
        <f t="array" ref="D3327">IFERROR(INDEX(Jesper!AH$2:AH$366,ROUNDDOWN($C3327/24,0)+1,1)*INDEX($D$3:$AA$30,INDEX(Jesper!$R$2:$R$366,ROW(INDEX(Jesper!AH$2:AH$366,ROUNDDOWN($C3327/24,0)+1,1))-1)+IF('Standard Profiles'!$G$18=$B$10,7,0)+IF('Standard Profiles'!$G$18=$B$17,14,0)+IF('Standard Profiles'!$G$18=$B$24,21,0),MOD($C3327,24)+1)/SUM(INDEX($D$3:$AA$30,INDEX(Jesper!$R$2:$R$366,ROW(INDEX(Jesper!AH$2:AH$366,ROUNDDOWN($C3327/24,0)+1,1))-1)+IF('Standard Profiles'!$G$18=$B$10,7,0)+IF('Standard Profiles'!$G$18=$B$17,14,0)+IF('Standard Profiles'!$G$18=$B$24,21,0),0)),0)</f>
        <v>10.125466924890583</v>
      </c>
      <c r="E3327" cm="1">
        <f t="array" ref="E3327">IFERROR(INDEX(Jesper!AI$2:AI$366,ROUNDDOWN($C3327/24,0)+1,1)*INDEX($D$3:$AA$30,INDEX(Jesper!$R$2:$R$366,ROW(INDEX(Jesper!AI$2:AI$366,ROUNDDOWN($C3327/24,0)+1,1))-1)+IF('Standard Profiles'!$G$19=$B$10,7,0)+IF('Standard Profiles'!$G$19=$B$17,14,0)+IF('Standard Profiles'!$G$19=$B$24,21,0),MOD($C3327,24)+1)/SUM(INDEX($D$3:$AA$30,INDEX(Jesper!$R$2:$R$366,ROW(INDEX(Jesper!AI$2:AI$366,ROUNDDOWN($C3327/24,0)+1,1))-1)+IF('Standard Profiles'!$G$19=$B$10,7,0)+IF('Standard Profiles'!$G$19=$B$17,14,0)+IF('Standard Profiles'!$G$19=$B$24,21,0),0)),0)</f>
        <v>0</v>
      </c>
      <c r="F3327" cm="1">
        <f t="array" ref="F3327">IFERROR(INDEX(Jesper!AJ$2:AJ$366,ROUNDDOWN($C3327/24,0)+1,1)*INDEX($D$3:$AA$30,INDEX(Jesper!$R$2:$R$366,ROW(INDEX(Jesper!AJ$2:AJ$366,ROUNDDOWN($C3327/24,0)+1,1))-1)+IF('Standard Profiles'!$G$20=$B$10,7,0)+IF('Standard Profiles'!$G$20=$B$17,14,0)+IF('Standard Profiles'!$G$20=$B$24,21,0),MOD($C3327,24)+1)/SUM(INDEX($D$3:$AA$30,INDEX(Jesper!$R$2:$R$366,ROW(INDEX(Jesper!AJ$2:AJ$366,ROUNDDOWN($C3327/24,0)+1,1))-1)+IF('Standard Profiles'!$G$20=$B$10,7,0)+IF('Standard Profiles'!$G$20=$B$17,14,0)+IF('Standard Profiles'!$G$20=$B$24,21,0),0)),0)</f>
        <v>0</v>
      </c>
      <c r="G3327" cm="1">
        <f t="array" ref="G3327">IFERROR(INDEX(Jesper!AK$2:AK$366,ROUNDDOWN($C3327/24,0)+1,1)*INDEX($D$3:$AA$30,INDEX(Jesper!$R$2:$R$366,ROW(INDEX(Jesper!AK$2:AK$366,ROUNDDOWN($C3327/24,0)+1,1))-1)+IF('Standard Profiles'!$G$21=$B$10,7,0)+IF('Standard Profiles'!$G$21=$B$17,14,0)+IF('Standard Profiles'!$G$21=$B$24,21,0),MOD($C3327,24)+1)/SUM(INDEX($D$3:$AA$30,INDEX(Jesper!$R$2:$R$366,ROW(INDEX(Jesper!AK$2:AK$366,ROUNDDOWN($C3327/24,0)+1,1))-1)+IF('Standard Profiles'!$G$21=$B$10,7,0)+IF('Standard Profiles'!$G$21=$B$17,14,0)+IF('Standard Profiles'!$G$21=$B$24,21,0),0)),0)</f>
        <v>0</v>
      </c>
      <c r="H3327" cm="1">
        <f t="array" ref="H3327">IFERROR(INDEX(Jesper!AL$2:AL$366,ROUNDDOWN($C3327/24,0)+1,1)*INDEX($D$3:$AA$30,INDEX(Jesper!$R$2:$R$366,ROW(INDEX(Jesper!AL$2:AL$366,ROUNDDOWN($C3327/24,0)+1,1))-1)+IF('Standard Profiles'!$G$22=$B$10,7,0)+IF('Standard Profiles'!$G$22=$B$17,14,0)+IF('Standard Profiles'!$G$22=$B$24,21,0),MOD($C3327,24)+1)/SUM(INDEX($D$3:$AA$30,INDEX(Jesper!$R$2:$R$366,ROW(INDEX(Jesper!AL$2:AL$366,ROUNDDOWN($C3327/24,0)+1,1))-1)+IF('Standard Profiles'!$G$22=$B$10,7,0)+IF('Standard Profiles'!$G$22=$B$17,14,0)+IF('Standard Profiles'!$G$22=$B$24,21,0),0)),0)</f>
        <v>0</v>
      </c>
      <c r="I3327">
        <f t="shared" si="377"/>
        <v>0.30376400774671747</v>
      </c>
      <c r="J3327">
        <f t="shared" si="378"/>
        <v>1.0125466924890583</v>
      </c>
      <c r="K3327">
        <f t="shared" si="379"/>
        <v>1.5188200387335875</v>
      </c>
      <c r="L3327">
        <f t="shared" si="380"/>
        <v>7.2903361859212197</v>
      </c>
      <c r="M3327">
        <f t="shared" si="381"/>
        <v>0</v>
      </c>
      <c r="N3327" s="46">
        <f t="shared" si="382"/>
        <v>45429.208333325347</v>
      </c>
    </row>
    <row r="3328" spans="2:14" x14ac:dyDescent="0.3">
      <c r="B3328">
        <f t="shared" si="376"/>
        <v>5</v>
      </c>
      <c r="C3328" s="16">
        <v>3294</v>
      </c>
      <c r="D3328" cm="1">
        <f t="array" ref="D3328">IFERROR(INDEX(Jesper!AH$2:AH$366,ROUNDDOWN($C3328/24,0)+1,1)*INDEX($D$3:$AA$30,INDEX(Jesper!$R$2:$R$366,ROW(INDEX(Jesper!AH$2:AH$366,ROUNDDOWN($C3328/24,0)+1,1))-1)+IF('Standard Profiles'!$G$18=$B$10,7,0)+IF('Standard Profiles'!$G$18=$B$17,14,0)+IF('Standard Profiles'!$G$18=$B$24,21,0),MOD($C3328,24)+1)/SUM(INDEX($D$3:$AA$30,INDEX(Jesper!$R$2:$R$366,ROW(INDEX(Jesper!AH$2:AH$366,ROUNDDOWN($C3328/24,0)+1,1))-1)+IF('Standard Profiles'!$G$18=$B$10,7,0)+IF('Standard Profiles'!$G$18=$B$17,14,0)+IF('Standard Profiles'!$G$18=$B$24,21,0),0)),0)</f>
        <v>12.220391116247256</v>
      </c>
      <c r="E3328" cm="1">
        <f t="array" ref="E3328">IFERROR(INDEX(Jesper!AI$2:AI$366,ROUNDDOWN($C3328/24,0)+1,1)*INDEX($D$3:$AA$30,INDEX(Jesper!$R$2:$R$366,ROW(INDEX(Jesper!AI$2:AI$366,ROUNDDOWN($C3328/24,0)+1,1))-1)+IF('Standard Profiles'!$G$19=$B$10,7,0)+IF('Standard Profiles'!$G$19=$B$17,14,0)+IF('Standard Profiles'!$G$19=$B$24,21,0),MOD($C3328,24)+1)/SUM(INDEX($D$3:$AA$30,INDEX(Jesper!$R$2:$R$366,ROW(INDEX(Jesper!AI$2:AI$366,ROUNDDOWN($C3328/24,0)+1,1))-1)+IF('Standard Profiles'!$G$19=$B$10,7,0)+IF('Standard Profiles'!$G$19=$B$17,14,0)+IF('Standard Profiles'!$G$19=$B$24,21,0),0)),0)</f>
        <v>0</v>
      </c>
      <c r="F3328" cm="1">
        <f t="array" ref="F3328">IFERROR(INDEX(Jesper!AJ$2:AJ$366,ROUNDDOWN($C3328/24,0)+1,1)*INDEX($D$3:$AA$30,INDEX(Jesper!$R$2:$R$366,ROW(INDEX(Jesper!AJ$2:AJ$366,ROUNDDOWN($C3328/24,0)+1,1))-1)+IF('Standard Profiles'!$G$20=$B$10,7,0)+IF('Standard Profiles'!$G$20=$B$17,14,0)+IF('Standard Profiles'!$G$20=$B$24,21,0),MOD($C3328,24)+1)/SUM(INDEX($D$3:$AA$30,INDEX(Jesper!$R$2:$R$366,ROW(INDEX(Jesper!AJ$2:AJ$366,ROUNDDOWN($C3328/24,0)+1,1))-1)+IF('Standard Profiles'!$G$20=$B$10,7,0)+IF('Standard Profiles'!$G$20=$B$17,14,0)+IF('Standard Profiles'!$G$20=$B$24,21,0),0)),0)</f>
        <v>0</v>
      </c>
      <c r="G3328" cm="1">
        <f t="array" ref="G3328">IFERROR(INDEX(Jesper!AK$2:AK$366,ROUNDDOWN($C3328/24,0)+1,1)*INDEX($D$3:$AA$30,INDEX(Jesper!$R$2:$R$366,ROW(INDEX(Jesper!AK$2:AK$366,ROUNDDOWN($C3328/24,0)+1,1))-1)+IF('Standard Profiles'!$G$21=$B$10,7,0)+IF('Standard Profiles'!$G$21=$B$17,14,0)+IF('Standard Profiles'!$G$21=$B$24,21,0),MOD($C3328,24)+1)/SUM(INDEX($D$3:$AA$30,INDEX(Jesper!$R$2:$R$366,ROW(INDEX(Jesper!AK$2:AK$366,ROUNDDOWN($C3328/24,0)+1,1))-1)+IF('Standard Profiles'!$G$21=$B$10,7,0)+IF('Standard Profiles'!$G$21=$B$17,14,0)+IF('Standard Profiles'!$G$21=$B$24,21,0),0)),0)</f>
        <v>0</v>
      </c>
      <c r="H3328" cm="1">
        <f t="array" ref="H3328">IFERROR(INDEX(Jesper!AL$2:AL$366,ROUNDDOWN($C3328/24,0)+1,1)*INDEX($D$3:$AA$30,INDEX(Jesper!$R$2:$R$366,ROW(INDEX(Jesper!AL$2:AL$366,ROUNDDOWN($C3328/24,0)+1,1))-1)+IF('Standard Profiles'!$G$22=$B$10,7,0)+IF('Standard Profiles'!$G$22=$B$17,14,0)+IF('Standard Profiles'!$G$22=$B$24,21,0),MOD($C3328,24)+1)/SUM(INDEX($D$3:$AA$30,INDEX(Jesper!$R$2:$R$366,ROW(INDEX(Jesper!AL$2:AL$366,ROUNDDOWN($C3328/24,0)+1,1))-1)+IF('Standard Profiles'!$G$22=$B$10,7,0)+IF('Standard Profiles'!$G$22=$B$17,14,0)+IF('Standard Profiles'!$G$22=$B$24,21,0),0)),0)</f>
        <v>0</v>
      </c>
      <c r="I3328">
        <f t="shared" si="377"/>
        <v>0.36661173348741766</v>
      </c>
      <c r="J3328">
        <f t="shared" si="378"/>
        <v>1.2220391116247258</v>
      </c>
      <c r="K3328">
        <f t="shared" si="379"/>
        <v>1.8330586674370883</v>
      </c>
      <c r="L3328">
        <f t="shared" si="380"/>
        <v>8.7986816036980251</v>
      </c>
      <c r="M3328">
        <f t="shared" si="381"/>
        <v>0</v>
      </c>
      <c r="N3328" s="46">
        <f t="shared" si="382"/>
        <v>45429.249999992011</v>
      </c>
    </row>
    <row r="3329" spans="2:14" x14ac:dyDescent="0.3">
      <c r="B3329">
        <f t="shared" si="376"/>
        <v>5</v>
      </c>
      <c r="C3329" s="16">
        <v>3295</v>
      </c>
      <c r="D3329" cm="1">
        <f t="array" ref="D3329">IFERROR(INDEX(Jesper!AH$2:AH$366,ROUNDDOWN($C3329/24,0)+1,1)*INDEX($D$3:$AA$30,INDEX(Jesper!$R$2:$R$366,ROW(INDEX(Jesper!AH$2:AH$366,ROUNDDOWN($C3329/24,0)+1,1))-1)+IF('Standard Profiles'!$G$18=$B$10,7,0)+IF('Standard Profiles'!$G$18=$B$17,14,0)+IF('Standard Profiles'!$G$18=$B$24,21,0),MOD($C3329,24)+1)/SUM(INDEX($D$3:$AA$30,INDEX(Jesper!$R$2:$R$366,ROW(INDEX(Jesper!AH$2:AH$366,ROUNDDOWN($C3329/24,0)+1,1))-1)+IF('Standard Profiles'!$G$18=$B$10,7,0)+IF('Standard Profiles'!$G$18=$B$17,14,0)+IF('Standard Profiles'!$G$18=$B$24,21,0),0)),0)</f>
        <v>12.220391116247256</v>
      </c>
      <c r="E3329" cm="1">
        <f t="array" ref="E3329">IFERROR(INDEX(Jesper!AI$2:AI$366,ROUNDDOWN($C3329/24,0)+1,1)*INDEX($D$3:$AA$30,INDEX(Jesper!$R$2:$R$366,ROW(INDEX(Jesper!AI$2:AI$366,ROUNDDOWN($C3329/24,0)+1,1))-1)+IF('Standard Profiles'!$G$19=$B$10,7,0)+IF('Standard Profiles'!$G$19=$B$17,14,0)+IF('Standard Profiles'!$G$19=$B$24,21,0),MOD($C3329,24)+1)/SUM(INDEX($D$3:$AA$30,INDEX(Jesper!$R$2:$R$366,ROW(INDEX(Jesper!AI$2:AI$366,ROUNDDOWN($C3329/24,0)+1,1))-1)+IF('Standard Profiles'!$G$19=$B$10,7,0)+IF('Standard Profiles'!$G$19=$B$17,14,0)+IF('Standard Profiles'!$G$19=$B$24,21,0),0)),0)</f>
        <v>0</v>
      </c>
      <c r="F3329" cm="1">
        <f t="array" ref="F3329">IFERROR(INDEX(Jesper!AJ$2:AJ$366,ROUNDDOWN($C3329/24,0)+1,1)*INDEX($D$3:$AA$30,INDEX(Jesper!$R$2:$R$366,ROW(INDEX(Jesper!AJ$2:AJ$366,ROUNDDOWN($C3329/24,0)+1,1))-1)+IF('Standard Profiles'!$G$20=$B$10,7,0)+IF('Standard Profiles'!$G$20=$B$17,14,0)+IF('Standard Profiles'!$G$20=$B$24,21,0),MOD($C3329,24)+1)/SUM(INDEX($D$3:$AA$30,INDEX(Jesper!$R$2:$R$366,ROW(INDEX(Jesper!AJ$2:AJ$366,ROUNDDOWN($C3329/24,0)+1,1))-1)+IF('Standard Profiles'!$G$20=$B$10,7,0)+IF('Standard Profiles'!$G$20=$B$17,14,0)+IF('Standard Profiles'!$G$20=$B$24,21,0),0)),0)</f>
        <v>0</v>
      </c>
      <c r="G3329" cm="1">
        <f t="array" ref="G3329">IFERROR(INDEX(Jesper!AK$2:AK$366,ROUNDDOWN($C3329/24,0)+1,1)*INDEX($D$3:$AA$30,INDEX(Jesper!$R$2:$R$366,ROW(INDEX(Jesper!AK$2:AK$366,ROUNDDOWN($C3329/24,0)+1,1))-1)+IF('Standard Profiles'!$G$21=$B$10,7,0)+IF('Standard Profiles'!$G$21=$B$17,14,0)+IF('Standard Profiles'!$G$21=$B$24,21,0),MOD($C3329,24)+1)/SUM(INDEX($D$3:$AA$30,INDEX(Jesper!$R$2:$R$366,ROW(INDEX(Jesper!AK$2:AK$366,ROUNDDOWN($C3329/24,0)+1,1))-1)+IF('Standard Profiles'!$G$21=$B$10,7,0)+IF('Standard Profiles'!$G$21=$B$17,14,0)+IF('Standard Profiles'!$G$21=$B$24,21,0),0)),0)</f>
        <v>0</v>
      </c>
      <c r="H3329" cm="1">
        <f t="array" ref="H3329">IFERROR(INDEX(Jesper!AL$2:AL$366,ROUNDDOWN($C3329/24,0)+1,1)*INDEX($D$3:$AA$30,INDEX(Jesper!$R$2:$R$366,ROW(INDEX(Jesper!AL$2:AL$366,ROUNDDOWN($C3329/24,0)+1,1))-1)+IF('Standard Profiles'!$G$22=$B$10,7,0)+IF('Standard Profiles'!$G$22=$B$17,14,0)+IF('Standard Profiles'!$G$22=$B$24,21,0),MOD($C3329,24)+1)/SUM(INDEX($D$3:$AA$30,INDEX(Jesper!$R$2:$R$366,ROW(INDEX(Jesper!AL$2:AL$366,ROUNDDOWN($C3329/24,0)+1,1))-1)+IF('Standard Profiles'!$G$22=$B$10,7,0)+IF('Standard Profiles'!$G$22=$B$17,14,0)+IF('Standard Profiles'!$G$22=$B$24,21,0),0)),0)</f>
        <v>0</v>
      </c>
      <c r="I3329">
        <f t="shared" si="377"/>
        <v>0.36661173348741766</v>
      </c>
      <c r="J3329">
        <f t="shared" si="378"/>
        <v>1.2220391116247258</v>
      </c>
      <c r="K3329">
        <f t="shared" si="379"/>
        <v>1.8330586674370883</v>
      </c>
      <c r="L3329">
        <f t="shared" si="380"/>
        <v>8.7986816036980251</v>
      </c>
      <c r="M3329">
        <f t="shared" si="381"/>
        <v>0</v>
      </c>
      <c r="N3329" s="46">
        <f t="shared" si="382"/>
        <v>45429.291666658675</v>
      </c>
    </row>
    <row r="3330" spans="2:14" x14ac:dyDescent="0.3">
      <c r="B3330">
        <f t="shared" si="376"/>
        <v>5</v>
      </c>
      <c r="C3330" s="16">
        <v>3296</v>
      </c>
      <c r="D3330" cm="1">
        <f t="array" ref="D3330">IFERROR(INDEX(Jesper!AH$2:AH$366,ROUNDDOWN($C3330/24,0)+1,1)*INDEX($D$3:$AA$30,INDEX(Jesper!$R$2:$R$366,ROW(INDEX(Jesper!AH$2:AH$366,ROUNDDOWN($C3330/24,0)+1,1))-1)+IF('Standard Profiles'!$G$18=$B$10,7,0)+IF('Standard Profiles'!$G$18=$B$17,14,0)+IF('Standard Profiles'!$G$18=$B$24,21,0),MOD($C3330,24)+1)/SUM(INDEX($D$3:$AA$30,INDEX(Jesper!$R$2:$R$366,ROW(INDEX(Jesper!AH$2:AH$366,ROUNDDOWN($C3330/24,0)+1,1))-1)+IF('Standard Profiles'!$G$18=$B$10,7,0)+IF('Standard Profiles'!$G$18=$B$17,14,0)+IF('Standard Profiles'!$G$18=$B$24,21,0),0)),0)</f>
        <v>12.220391116247256</v>
      </c>
      <c r="E3330" cm="1">
        <f t="array" ref="E3330">IFERROR(INDEX(Jesper!AI$2:AI$366,ROUNDDOWN($C3330/24,0)+1,1)*INDEX($D$3:$AA$30,INDEX(Jesper!$R$2:$R$366,ROW(INDEX(Jesper!AI$2:AI$366,ROUNDDOWN($C3330/24,0)+1,1))-1)+IF('Standard Profiles'!$G$19=$B$10,7,0)+IF('Standard Profiles'!$G$19=$B$17,14,0)+IF('Standard Profiles'!$G$19=$B$24,21,0),MOD($C3330,24)+1)/SUM(INDEX($D$3:$AA$30,INDEX(Jesper!$R$2:$R$366,ROW(INDEX(Jesper!AI$2:AI$366,ROUNDDOWN($C3330/24,0)+1,1))-1)+IF('Standard Profiles'!$G$19=$B$10,7,0)+IF('Standard Profiles'!$G$19=$B$17,14,0)+IF('Standard Profiles'!$G$19=$B$24,21,0),0)),0)</f>
        <v>0</v>
      </c>
      <c r="F3330" cm="1">
        <f t="array" ref="F3330">IFERROR(INDEX(Jesper!AJ$2:AJ$366,ROUNDDOWN($C3330/24,0)+1,1)*INDEX($D$3:$AA$30,INDEX(Jesper!$R$2:$R$366,ROW(INDEX(Jesper!AJ$2:AJ$366,ROUNDDOWN($C3330/24,0)+1,1))-1)+IF('Standard Profiles'!$G$20=$B$10,7,0)+IF('Standard Profiles'!$G$20=$B$17,14,0)+IF('Standard Profiles'!$G$20=$B$24,21,0),MOD($C3330,24)+1)/SUM(INDEX($D$3:$AA$30,INDEX(Jesper!$R$2:$R$366,ROW(INDEX(Jesper!AJ$2:AJ$366,ROUNDDOWN($C3330/24,0)+1,1))-1)+IF('Standard Profiles'!$G$20=$B$10,7,0)+IF('Standard Profiles'!$G$20=$B$17,14,0)+IF('Standard Profiles'!$G$20=$B$24,21,0),0)),0)</f>
        <v>0</v>
      </c>
      <c r="G3330" cm="1">
        <f t="array" ref="G3330">IFERROR(INDEX(Jesper!AK$2:AK$366,ROUNDDOWN($C3330/24,0)+1,1)*INDEX($D$3:$AA$30,INDEX(Jesper!$R$2:$R$366,ROW(INDEX(Jesper!AK$2:AK$366,ROUNDDOWN($C3330/24,0)+1,1))-1)+IF('Standard Profiles'!$G$21=$B$10,7,0)+IF('Standard Profiles'!$G$21=$B$17,14,0)+IF('Standard Profiles'!$G$21=$B$24,21,0),MOD($C3330,24)+1)/SUM(INDEX($D$3:$AA$30,INDEX(Jesper!$R$2:$R$366,ROW(INDEX(Jesper!AK$2:AK$366,ROUNDDOWN($C3330/24,0)+1,1))-1)+IF('Standard Profiles'!$G$21=$B$10,7,0)+IF('Standard Profiles'!$G$21=$B$17,14,0)+IF('Standard Profiles'!$G$21=$B$24,21,0),0)),0)</f>
        <v>0</v>
      </c>
      <c r="H3330" cm="1">
        <f t="array" ref="H3330">IFERROR(INDEX(Jesper!AL$2:AL$366,ROUNDDOWN($C3330/24,0)+1,1)*INDEX($D$3:$AA$30,INDEX(Jesper!$R$2:$R$366,ROW(INDEX(Jesper!AL$2:AL$366,ROUNDDOWN($C3330/24,0)+1,1))-1)+IF('Standard Profiles'!$G$22=$B$10,7,0)+IF('Standard Profiles'!$G$22=$B$17,14,0)+IF('Standard Profiles'!$G$22=$B$24,21,0),MOD($C3330,24)+1)/SUM(INDEX($D$3:$AA$30,INDEX(Jesper!$R$2:$R$366,ROW(INDEX(Jesper!AL$2:AL$366,ROUNDDOWN($C3330/24,0)+1,1))-1)+IF('Standard Profiles'!$G$22=$B$10,7,0)+IF('Standard Profiles'!$G$22=$B$17,14,0)+IF('Standard Profiles'!$G$22=$B$24,21,0),0)),0)</f>
        <v>0</v>
      </c>
      <c r="I3330">
        <f t="shared" si="377"/>
        <v>0.36661173348741766</v>
      </c>
      <c r="J3330">
        <f t="shared" si="378"/>
        <v>1.2220391116247258</v>
      </c>
      <c r="K3330">
        <f t="shared" si="379"/>
        <v>1.8330586674370883</v>
      </c>
      <c r="L3330">
        <f t="shared" si="380"/>
        <v>8.7986816036980251</v>
      </c>
      <c r="M3330">
        <f t="shared" si="381"/>
        <v>0</v>
      </c>
      <c r="N3330" s="46">
        <f t="shared" si="382"/>
        <v>45429.333333325339</v>
      </c>
    </row>
    <row r="3331" spans="2:14" x14ac:dyDescent="0.3">
      <c r="B3331">
        <f t="shared" si="376"/>
        <v>5</v>
      </c>
      <c r="C3331" s="16">
        <v>3297</v>
      </c>
      <c r="D3331" cm="1">
        <f t="array" ref="D3331">IFERROR(INDEX(Jesper!AH$2:AH$366,ROUNDDOWN($C3331/24,0)+1,1)*INDEX($D$3:$AA$30,INDEX(Jesper!$R$2:$R$366,ROW(INDEX(Jesper!AH$2:AH$366,ROUNDDOWN($C3331/24,0)+1,1))-1)+IF('Standard Profiles'!$G$18=$B$10,7,0)+IF('Standard Profiles'!$G$18=$B$17,14,0)+IF('Standard Profiles'!$G$18=$B$24,21,0),MOD($C3331,24)+1)/SUM(INDEX($D$3:$AA$30,INDEX(Jesper!$R$2:$R$366,ROW(INDEX(Jesper!AH$2:AH$366,ROUNDDOWN($C3331/24,0)+1,1))-1)+IF('Standard Profiles'!$G$18=$B$10,7,0)+IF('Standard Profiles'!$G$18=$B$17,14,0)+IF('Standard Profiles'!$G$18=$B$24,21,0),0)),0)</f>
        <v>13.093276195979202</v>
      </c>
      <c r="E3331" cm="1">
        <f t="array" ref="E3331">IFERROR(INDEX(Jesper!AI$2:AI$366,ROUNDDOWN($C3331/24,0)+1,1)*INDEX($D$3:$AA$30,INDEX(Jesper!$R$2:$R$366,ROW(INDEX(Jesper!AI$2:AI$366,ROUNDDOWN($C3331/24,0)+1,1))-1)+IF('Standard Profiles'!$G$19=$B$10,7,0)+IF('Standard Profiles'!$G$19=$B$17,14,0)+IF('Standard Profiles'!$G$19=$B$24,21,0),MOD($C3331,24)+1)/SUM(INDEX($D$3:$AA$30,INDEX(Jesper!$R$2:$R$366,ROW(INDEX(Jesper!AI$2:AI$366,ROUNDDOWN($C3331/24,0)+1,1))-1)+IF('Standard Profiles'!$G$19=$B$10,7,0)+IF('Standard Profiles'!$G$19=$B$17,14,0)+IF('Standard Profiles'!$G$19=$B$24,21,0),0)),0)</f>
        <v>0</v>
      </c>
      <c r="F3331" cm="1">
        <f t="array" ref="F3331">IFERROR(INDEX(Jesper!AJ$2:AJ$366,ROUNDDOWN($C3331/24,0)+1,1)*INDEX($D$3:$AA$30,INDEX(Jesper!$R$2:$R$366,ROW(INDEX(Jesper!AJ$2:AJ$366,ROUNDDOWN($C3331/24,0)+1,1))-1)+IF('Standard Profiles'!$G$20=$B$10,7,0)+IF('Standard Profiles'!$G$20=$B$17,14,0)+IF('Standard Profiles'!$G$20=$B$24,21,0),MOD($C3331,24)+1)/SUM(INDEX($D$3:$AA$30,INDEX(Jesper!$R$2:$R$366,ROW(INDEX(Jesper!AJ$2:AJ$366,ROUNDDOWN($C3331/24,0)+1,1))-1)+IF('Standard Profiles'!$G$20=$B$10,7,0)+IF('Standard Profiles'!$G$20=$B$17,14,0)+IF('Standard Profiles'!$G$20=$B$24,21,0),0)),0)</f>
        <v>0</v>
      </c>
      <c r="G3331" cm="1">
        <f t="array" ref="G3331">IFERROR(INDEX(Jesper!AK$2:AK$366,ROUNDDOWN($C3331/24,0)+1,1)*INDEX($D$3:$AA$30,INDEX(Jesper!$R$2:$R$366,ROW(INDEX(Jesper!AK$2:AK$366,ROUNDDOWN($C3331/24,0)+1,1))-1)+IF('Standard Profiles'!$G$21=$B$10,7,0)+IF('Standard Profiles'!$G$21=$B$17,14,0)+IF('Standard Profiles'!$G$21=$B$24,21,0),MOD($C3331,24)+1)/SUM(INDEX($D$3:$AA$30,INDEX(Jesper!$R$2:$R$366,ROW(INDEX(Jesper!AK$2:AK$366,ROUNDDOWN($C3331/24,0)+1,1))-1)+IF('Standard Profiles'!$G$21=$B$10,7,0)+IF('Standard Profiles'!$G$21=$B$17,14,0)+IF('Standard Profiles'!$G$21=$B$24,21,0),0)),0)</f>
        <v>0</v>
      </c>
      <c r="H3331" cm="1">
        <f t="array" ref="H3331">IFERROR(INDEX(Jesper!AL$2:AL$366,ROUNDDOWN($C3331/24,0)+1,1)*INDEX($D$3:$AA$30,INDEX(Jesper!$R$2:$R$366,ROW(INDEX(Jesper!AL$2:AL$366,ROUNDDOWN($C3331/24,0)+1,1))-1)+IF('Standard Profiles'!$G$22=$B$10,7,0)+IF('Standard Profiles'!$G$22=$B$17,14,0)+IF('Standard Profiles'!$G$22=$B$24,21,0),MOD($C3331,24)+1)/SUM(INDEX($D$3:$AA$30,INDEX(Jesper!$R$2:$R$366,ROW(INDEX(Jesper!AL$2:AL$366,ROUNDDOWN($C3331/24,0)+1,1))-1)+IF('Standard Profiles'!$G$22=$B$10,7,0)+IF('Standard Profiles'!$G$22=$B$17,14,0)+IF('Standard Profiles'!$G$22=$B$24,21,0),0)),0)</f>
        <v>0</v>
      </c>
      <c r="I3331">
        <f t="shared" si="377"/>
        <v>0.39279828587937604</v>
      </c>
      <c r="J3331">
        <f t="shared" si="378"/>
        <v>1.3093276195979202</v>
      </c>
      <c r="K3331">
        <f t="shared" si="379"/>
        <v>1.9639914293968803</v>
      </c>
      <c r="L3331">
        <f t="shared" si="380"/>
        <v>9.4271588611050259</v>
      </c>
      <c r="M3331">
        <f t="shared" si="381"/>
        <v>0</v>
      </c>
      <c r="N3331" s="46">
        <f t="shared" si="382"/>
        <v>45429.374999992004</v>
      </c>
    </row>
    <row r="3332" spans="2:14" x14ac:dyDescent="0.3">
      <c r="B3332">
        <f t="shared" si="376"/>
        <v>5</v>
      </c>
      <c r="C3332" s="16">
        <v>3298</v>
      </c>
      <c r="D3332" cm="1">
        <f t="array" ref="D3332">IFERROR(INDEX(Jesper!AH$2:AH$366,ROUNDDOWN($C3332/24,0)+1,1)*INDEX($D$3:$AA$30,INDEX(Jesper!$R$2:$R$366,ROW(INDEX(Jesper!AH$2:AH$366,ROUNDDOWN($C3332/24,0)+1,1))-1)+IF('Standard Profiles'!$G$18=$B$10,7,0)+IF('Standard Profiles'!$G$18=$B$17,14,0)+IF('Standard Profiles'!$G$18=$B$24,21,0),MOD($C3332,24)+1)/SUM(INDEX($D$3:$AA$30,INDEX(Jesper!$R$2:$R$366,ROW(INDEX(Jesper!AH$2:AH$366,ROUNDDOWN($C3332/24,0)+1,1))-1)+IF('Standard Profiles'!$G$18=$B$10,7,0)+IF('Standard Profiles'!$G$18=$B$17,14,0)+IF('Standard Profiles'!$G$18=$B$24,21,0),0)),0)</f>
        <v>13.617007243818369</v>
      </c>
      <c r="E3332" cm="1">
        <f t="array" ref="E3332">IFERROR(INDEX(Jesper!AI$2:AI$366,ROUNDDOWN($C3332/24,0)+1,1)*INDEX($D$3:$AA$30,INDEX(Jesper!$R$2:$R$366,ROW(INDEX(Jesper!AI$2:AI$366,ROUNDDOWN($C3332/24,0)+1,1))-1)+IF('Standard Profiles'!$G$19=$B$10,7,0)+IF('Standard Profiles'!$G$19=$B$17,14,0)+IF('Standard Profiles'!$G$19=$B$24,21,0),MOD($C3332,24)+1)/SUM(INDEX($D$3:$AA$30,INDEX(Jesper!$R$2:$R$366,ROW(INDEX(Jesper!AI$2:AI$366,ROUNDDOWN($C3332/24,0)+1,1))-1)+IF('Standard Profiles'!$G$19=$B$10,7,0)+IF('Standard Profiles'!$G$19=$B$17,14,0)+IF('Standard Profiles'!$G$19=$B$24,21,0),0)),0)</f>
        <v>0</v>
      </c>
      <c r="F3332" cm="1">
        <f t="array" ref="F3332">IFERROR(INDEX(Jesper!AJ$2:AJ$366,ROUNDDOWN($C3332/24,0)+1,1)*INDEX($D$3:$AA$30,INDEX(Jesper!$R$2:$R$366,ROW(INDEX(Jesper!AJ$2:AJ$366,ROUNDDOWN($C3332/24,0)+1,1))-1)+IF('Standard Profiles'!$G$20=$B$10,7,0)+IF('Standard Profiles'!$G$20=$B$17,14,0)+IF('Standard Profiles'!$G$20=$B$24,21,0),MOD($C3332,24)+1)/SUM(INDEX($D$3:$AA$30,INDEX(Jesper!$R$2:$R$366,ROW(INDEX(Jesper!AJ$2:AJ$366,ROUNDDOWN($C3332/24,0)+1,1))-1)+IF('Standard Profiles'!$G$20=$B$10,7,0)+IF('Standard Profiles'!$G$20=$B$17,14,0)+IF('Standard Profiles'!$G$20=$B$24,21,0),0)),0)</f>
        <v>0</v>
      </c>
      <c r="G3332" cm="1">
        <f t="array" ref="G3332">IFERROR(INDEX(Jesper!AK$2:AK$366,ROUNDDOWN($C3332/24,0)+1,1)*INDEX($D$3:$AA$30,INDEX(Jesper!$R$2:$R$366,ROW(INDEX(Jesper!AK$2:AK$366,ROUNDDOWN($C3332/24,0)+1,1))-1)+IF('Standard Profiles'!$G$21=$B$10,7,0)+IF('Standard Profiles'!$G$21=$B$17,14,0)+IF('Standard Profiles'!$G$21=$B$24,21,0),MOD($C3332,24)+1)/SUM(INDEX($D$3:$AA$30,INDEX(Jesper!$R$2:$R$366,ROW(INDEX(Jesper!AK$2:AK$366,ROUNDDOWN($C3332/24,0)+1,1))-1)+IF('Standard Profiles'!$G$21=$B$10,7,0)+IF('Standard Profiles'!$G$21=$B$17,14,0)+IF('Standard Profiles'!$G$21=$B$24,21,0),0)),0)</f>
        <v>0</v>
      </c>
      <c r="H3332" cm="1">
        <f t="array" ref="H3332">IFERROR(INDEX(Jesper!AL$2:AL$366,ROUNDDOWN($C3332/24,0)+1,1)*INDEX($D$3:$AA$30,INDEX(Jesper!$R$2:$R$366,ROW(INDEX(Jesper!AL$2:AL$366,ROUNDDOWN($C3332/24,0)+1,1))-1)+IF('Standard Profiles'!$G$22=$B$10,7,0)+IF('Standard Profiles'!$G$22=$B$17,14,0)+IF('Standard Profiles'!$G$22=$B$24,21,0),MOD($C3332,24)+1)/SUM(INDEX($D$3:$AA$30,INDEX(Jesper!$R$2:$R$366,ROW(INDEX(Jesper!AL$2:AL$366,ROUNDDOWN($C3332/24,0)+1,1))-1)+IF('Standard Profiles'!$G$22=$B$10,7,0)+IF('Standard Profiles'!$G$22=$B$17,14,0)+IF('Standard Profiles'!$G$22=$B$24,21,0),0)),0)</f>
        <v>0</v>
      </c>
      <c r="I3332">
        <f t="shared" si="377"/>
        <v>0.40851021731455106</v>
      </c>
      <c r="J3332">
        <f t="shared" si="378"/>
        <v>1.3617007243818371</v>
      </c>
      <c r="K3332">
        <f t="shared" si="379"/>
        <v>2.0425510865727552</v>
      </c>
      <c r="L3332">
        <f t="shared" si="380"/>
        <v>9.8042452155492246</v>
      </c>
      <c r="M3332">
        <f t="shared" si="381"/>
        <v>0</v>
      </c>
      <c r="N3332" s="46">
        <f t="shared" si="382"/>
        <v>45429.416666658668</v>
      </c>
    </row>
    <row r="3333" spans="2:14" x14ac:dyDescent="0.3">
      <c r="B3333">
        <f t="shared" si="376"/>
        <v>5</v>
      </c>
      <c r="C3333" s="16">
        <v>3299</v>
      </c>
      <c r="D3333" cm="1">
        <f t="array" ref="D3333">IFERROR(INDEX(Jesper!AH$2:AH$366,ROUNDDOWN($C3333/24,0)+1,1)*INDEX($D$3:$AA$30,INDEX(Jesper!$R$2:$R$366,ROW(INDEX(Jesper!AH$2:AH$366,ROUNDDOWN($C3333/24,0)+1,1))-1)+IF('Standard Profiles'!$G$18=$B$10,7,0)+IF('Standard Profiles'!$G$18=$B$17,14,0)+IF('Standard Profiles'!$G$18=$B$24,21,0),MOD($C3333,24)+1)/SUM(INDEX($D$3:$AA$30,INDEX(Jesper!$R$2:$R$366,ROW(INDEX(Jesper!AH$2:AH$366,ROUNDDOWN($C3333/24,0)+1,1))-1)+IF('Standard Profiles'!$G$18=$B$10,7,0)+IF('Standard Profiles'!$G$18=$B$17,14,0)+IF('Standard Profiles'!$G$18=$B$24,21,0),0)),0)</f>
        <v>15.711931435175043</v>
      </c>
      <c r="E3333" cm="1">
        <f t="array" ref="E3333">IFERROR(INDEX(Jesper!AI$2:AI$366,ROUNDDOWN($C3333/24,0)+1,1)*INDEX($D$3:$AA$30,INDEX(Jesper!$R$2:$R$366,ROW(INDEX(Jesper!AI$2:AI$366,ROUNDDOWN($C3333/24,0)+1,1))-1)+IF('Standard Profiles'!$G$19=$B$10,7,0)+IF('Standard Profiles'!$G$19=$B$17,14,0)+IF('Standard Profiles'!$G$19=$B$24,21,0),MOD($C3333,24)+1)/SUM(INDEX($D$3:$AA$30,INDEX(Jesper!$R$2:$R$366,ROW(INDEX(Jesper!AI$2:AI$366,ROUNDDOWN($C3333/24,0)+1,1))-1)+IF('Standard Profiles'!$G$19=$B$10,7,0)+IF('Standard Profiles'!$G$19=$B$17,14,0)+IF('Standard Profiles'!$G$19=$B$24,21,0),0)),0)</f>
        <v>0</v>
      </c>
      <c r="F3333" cm="1">
        <f t="array" ref="F3333">IFERROR(INDEX(Jesper!AJ$2:AJ$366,ROUNDDOWN($C3333/24,0)+1,1)*INDEX($D$3:$AA$30,INDEX(Jesper!$R$2:$R$366,ROW(INDEX(Jesper!AJ$2:AJ$366,ROUNDDOWN($C3333/24,0)+1,1))-1)+IF('Standard Profiles'!$G$20=$B$10,7,0)+IF('Standard Profiles'!$G$20=$B$17,14,0)+IF('Standard Profiles'!$G$20=$B$24,21,0),MOD($C3333,24)+1)/SUM(INDEX($D$3:$AA$30,INDEX(Jesper!$R$2:$R$366,ROW(INDEX(Jesper!AJ$2:AJ$366,ROUNDDOWN($C3333/24,0)+1,1))-1)+IF('Standard Profiles'!$G$20=$B$10,7,0)+IF('Standard Profiles'!$G$20=$B$17,14,0)+IF('Standard Profiles'!$G$20=$B$24,21,0),0)),0)</f>
        <v>0</v>
      </c>
      <c r="G3333" cm="1">
        <f t="array" ref="G3333">IFERROR(INDEX(Jesper!AK$2:AK$366,ROUNDDOWN($C3333/24,0)+1,1)*INDEX($D$3:$AA$30,INDEX(Jesper!$R$2:$R$366,ROW(INDEX(Jesper!AK$2:AK$366,ROUNDDOWN($C3333/24,0)+1,1))-1)+IF('Standard Profiles'!$G$21=$B$10,7,0)+IF('Standard Profiles'!$G$21=$B$17,14,0)+IF('Standard Profiles'!$G$21=$B$24,21,0),MOD($C3333,24)+1)/SUM(INDEX($D$3:$AA$30,INDEX(Jesper!$R$2:$R$366,ROW(INDEX(Jesper!AK$2:AK$366,ROUNDDOWN($C3333/24,0)+1,1))-1)+IF('Standard Profiles'!$G$21=$B$10,7,0)+IF('Standard Profiles'!$G$21=$B$17,14,0)+IF('Standard Profiles'!$G$21=$B$24,21,0),0)),0)</f>
        <v>0</v>
      </c>
      <c r="H3333" cm="1">
        <f t="array" ref="H3333">IFERROR(INDEX(Jesper!AL$2:AL$366,ROUNDDOWN($C3333/24,0)+1,1)*INDEX($D$3:$AA$30,INDEX(Jesper!$R$2:$R$366,ROW(INDEX(Jesper!AL$2:AL$366,ROUNDDOWN($C3333/24,0)+1,1))-1)+IF('Standard Profiles'!$G$22=$B$10,7,0)+IF('Standard Profiles'!$G$22=$B$17,14,0)+IF('Standard Profiles'!$G$22=$B$24,21,0),MOD($C3333,24)+1)/SUM(INDEX($D$3:$AA$30,INDEX(Jesper!$R$2:$R$366,ROW(INDEX(Jesper!AL$2:AL$366,ROUNDDOWN($C3333/24,0)+1,1))-1)+IF('Standard Profiles'!$G$22=$B$10,7,0)+IF('Standard Profiles'!$G$22=$B$17,14,0)+IF('Standard Profiles'!$G$22=$B$24,21,0),0)),0)</f>
        <v>0</v>
      </c>
      <c r="I3333">
        <f t="shared" si="377"/>
        <v>0.47135794305525125</v>
      </c>
      <c r="J3333">
        <f t="shared" si="378"/>
        <v>1.5711931435175044</v>
      </c>
      <c r="K3333">
        <f t="shared" si="379"/>
        <v>2.3567897152762565</v>
      </c>
      <c r="L3333">
        <f t="shared" si="380"/>
        <v>11.31259063332603</v>
      </c>
      <c r="M3333">
        <f t="shared" si="381"/>
        <v>0</v>
      </c>
      <c r="N3333" s="46">
        <f t="shared" si="382"/>
        <v>45429.458333325332</v>
      </c>
    </row>
    <row r="3334" spans="2:14" x14ac:dyDescent="0.3">
      <c r="B3334">
        <f t="shared" si="376"/>
        <v>5</v>
      </c>
      <c r="C3334" s="16">
        <v>3300</v>
      </c>
      <c r="D3334" cm="1">
        <f t="array" ref="D3334">IFERROR(INDEX(Jesper!AH$2:AH$366,ROUNDDOWN($C3334/24,0)+1,1)*INDEX($D$3:$AA$30,INDEX(Jesper!$R$2:$R$366,ROW(INDEX(Jesper!AH$2:AH$366,ROUNDDOWN($C3334/24,0)+1,1))-1)+IF('Standard Profiles'!$G$18=$B$10,7,0)+IF('Standard Profiles'!$G$18=$B$17,14,0)+IF('Standard Profiles'!$G$18=$B$24,21,0),MOD($C3334,24)+1)/SUM(INDEX($D$3:$AA$30,INDEX(Jesper!$R$2:$R$366,ROW(INDEX(Jesper!AH$2:AH$366,ROUNDDOWN($C3334/24,0)+1,1))-1)+IF('Standard Profiles'!$G$18=$B$10,7,0)+IF('Standard Profiles'!$G$18=$B$17,14,0)+IF('Standard Profiles'!$G$18=$B$24,21,0),0)),0)</f>
        <v>15.711931435175043</v>
      </c>
      <c r="E3334" cm="1">
        <f t="array" ref="E3334">IFERROR(INDEX(Jesper!AI$2:AI$366,ROUNDDOWN($C3334/24,0)+1,1)*INDEX($D$3:$AA$30,INDEX(Jesper!$R$2:$R$366,ROW(INDEX(Jesper!AI$2:AI$366,ROUNDDOWN($C3334/24,0)+1,1))-1)+IF('Standard Profiles'!$G$19=$B$10,7,0)+IF('Standard Profiles'!$G$19=$B$17,14,0)+IF('Standard Profiles'!$G$19=$B$24,21,0),MOD($C3334,24)+1)/SUM(INDEX($D$3:$AA$30,INDEX(Jesper!$R$2:$R$366,ROW(INDEX(Jesper!AI$2:AI$366,ROUNDDOWN($C3334/24,0)+1,1))-1)+IF('Standard Profiles'!$G$19=$B$10,7,0)+IF('Standard Profiles'!$G$19=$B$17,14,0)+IF('Standard Profiles'!$G$19=$B$24,21,0),0)),0)</f>
        <v>0</v>
      </c>
      <c r="F3334" cm="1">
        <f t="array" ref="F3334">IFERROR(INDEX(Jesper!AJ$2:AJ$366,ROUNDDOWN($C3334/24,0)+1,1)*INDEX($D$3:$AA$30,INDEX(Jesper!$R$2:$R$366,ROW(INDEX(Jesper!AJ$2:AJ$366,ROUNDDOWN($C3334/24,0)+1,1))-1)+IF('Standard Profiles'!$G$20=$B$10,7,0)+IF('Standard Profiles'!$G$20=$B$17,14,0)+IF('Standard Profiles'!$G$20=$B$24,21,0),MOD($C3334,24)+1)/SUM(INDEX($D$3:$AA$30,INDEX(Jesper!$R$2:$R$366,ROW(INDEX(Jesper!AJ$2:AJ$366,ROUNDDOWN($C3334/24,0)+1,1))-1)+IF('Standard Profiles'!$G$20=$B$10,7,0)+IF('Standard Profiles'!$G$20=$B$17,14,0)+IF('Standard Profiles'!$G$20=$B$24,21,0),0)),0)</f>
        <v>0</v>
      </c>
      <c r="G3334" cm="1">
        <f t="array" ref="G3334">IFERROR(INDEX(Jesper!AK$2:AK$366,ROUNDDOWN($C3334/24,0)+1,1)*INDEX($D$3:$AA$30,INDEX(Jesper!$R$2:$R$366,ROW(INDEX(Jesper!AK$2:AK$366,ROUNDDOWN($C3334/24,0)+1,1))-1)+IF('Standard Profiles'!$G$21=$B$10,7,0)+IF('Standard Profiles'!$G$21=$B$17,14,0)+IF('Standard Profiles'!$G$21=$B$24,21,0),MOD($C3334,24)+1)/SUM(INDEX($D$3:$AA$30,INDEX(Jesper!$R$2:$R$366,ROW(INDEX(Jesper!AK$2:AK$366,ROUNDDOWN($C3334/24,0)+1,1))-1)+IF('Standard Profiles'!$G$21=$B$10,7,0)+IF('Standard Profiles'!$G$21=$B$17,14,0)+IF('Standard Profiles'!$G$21=$B$24,21,0),0)),0)</f>
        <v>0</v>
      </c>
      <c r="H3334" cm="1">
        <f t="array" ref="H3334">IFERROR(INDEX(Jesper!AL$2:AL$366,ROUNDDOWN($C3334/24,0)+1,1)*INDEX($D$3:$AA$30,INDEX(Jesper!$R$2:$R$366,ROW(INDEX(Jesper!AL$2:AL$366,ROUNDDOWN($C3334/24,0)+1,1))-1)+IF('Standard Profiles'!$G$22=$B$10,7,0)+IF('Standard Profiles'!$G$22=$B$17,14,0)+IF('Standard Profiles'!$G$22=$B$24,21,0),MOD($C3334,24)+1)/SUM(INDEX($D$3:$AA$30,INDEX(Jesper!$R$2:$R$366,ROW(INDEX(Jesper!AL$2:AL$366,ROUNDDOWN($C3334/24,0)+1,1))-1)+IF('Standard Profiles'!$G$22=$B$10,7,0)+IF('Standard Profiles'!$G$22=$B$17,14,0)+IF('Standard Profiles'!$G$22=$B$24,21,0),0)),0)</f>
        <v>0</v>
      </c>
      <c r="I3334">
        <f t="shared" si="377"/>
        <v>0.47135794305525125</v>
      </c>
      <c r="J3334">
        <f t="shared" si="378"/>
        <v>1.5711931435175044</v>
      </c>
      <c r="K3334">
        <f t="shared" si="379"/>
        <v>2.3567897152762565</v>
      </c>
      <c r="L3334">
        <f t="shared" si="380"/>
        <v>11.31259063332603</v>
      </c>
      <c r="M3334">
        <f t="shared" si="381"/>
        <v>0</v>
      </c>
      <c r="N3334" s="46">
        <f t="shared" si="382"/>
        <v>45429.499999991996</v>
      </c>
    </row>
    <row r="3335" spans="2:14" x14ac:dyDescent="0.3">
      <c r="B3335">
        <f t="shared" si="376"/>
        <v>5</v>
      </c>
      <c r="C3335" s="16">
        <v>3301</v>
      </c>
      <c r="D3335" cm="1">
        <f t="array" ref="D3335">IFERROR(INDEX(Jesper!AH$2:AH$366,ROUNDDOWN($C3335/24,0)+1,1)*INDEX($D$3:$AA$30,INDEX(Jesper!$R$2:$R$366,ROW(INDEX(Jesper!AH$2:AH$366,ROUNDDOWN($C3335/24,0)+1,1))-1)+IF('Standard Profiles'!$G$18=$B$10,7,0)+IF('Standard Profiles'!$G$18=$B$17,14,0)+IF('Standard Profiles'!$G$18=$B$24,21,0),MOD($C3335,24)+1)/SUM(INDEX($D$3:$AA$30,INDEX(Jesper!$R$2:$R$366,ROW(INDEX(Jesper!AH$2:AH$366,ROUNDDOWN($C3335/24,0)+1,1))-1)+IF('Standard Profiles'!$G$18=$B$10,7,0)+IF('Standard Profiles'!$G$18=$B$17,14,0)+IF('Standard Profiles'!$G$18=$B$24,21,0),0)),0)</f>
        <v>15.711931435175043</v>
      </c>
      <c r="E3335" cm="1">
        <f t="array" ref="E3335">IFERROR(INDEX(Jesper!AI$2:AI$366,ROUNDDOWN($C3335/24,0)+1,1)*INDEX($D$3:$AA$30,INDEX(Jesper!$R$2:$R$366,ROW(INDEX(Jesper!AI$2:AI$366,ROUNDDOWN($C3335/24,0)+1,1))-1)+IF('Standard Profiles'!$G$19=$B$10,7,0)+IF('Standard Profiles'!$G$19=$B$17,14,0)+IF('Standard Profiles'!$G$19=$B$24,21,0),MOD($C3335,24)+1)/SUM(INDEX($D$3:$AA$30,INDEX(Jesper!$R$2:$R$366,ROW(INDEX(Jesper!AI$2:AI$366,ROUNDDOWN($C3335/24,0)+1,1))-1)+IF('Standard Profiles'!$G$19=$B$10,7,0)+IF('Standard Profiles'!$G$19=$B$17,14,0)+IF('Standard Profiles'!$G$19=$B$24,21,0),0)),0)</f>
        <v>0</v>
      </c>
      <c r="F3335" cm="1">
        <f t="array" ref="F3335">IFERROR(INDEX(Jesper!AJ$2:AJ$366,ROUNDDOWN($C3335/24,0)+1,1)*INDEX($D$3:$AA$30,INDEX(Jesper!$R$2:$R$366,ROW(INDEX(Jesper!AJ$2:AJ$366,ROUNDDOWN($C3335/24,0)+1,1))-1)+IF('Standard Profiles'!$G$20=$B$10,7,0)+IF('Standard Profiles'!$G$20=$B$17,14,0)+IF('Standard Profiles'!$G$20=$B$24,21,0),MOD($C3335,24)+1)/SUM(INDEX($D$3:$AA$30,INDEX(Jesper!$R$2:$R$366,ROW(INDEX(Jesper!AJ$2:AJ$366,ROUNDDOWN($C3335/24,0)+1,1))-1)+IF('Standard Profiles'!$G$20=$B$10,7,0)+IF('Standard Profiles'!$G$20=$B$17,14,0)+IF('Standard Profiles'!$G$20=$B$24,21,0),0)),0)</f>
        <v>0</v>
      </c>
      <c r="G3335" cm="1">
        <f t="array" ref="G3335">IFERROR(INDEX(Jesper!AK$2:AK$366,ROUNDDOWN($C3335/24,0)+1,1)*INDEX($D$3:$AA$30,INDEX(Jesper!$R$2:$R$366,ROW(INDEX(Jesper!AK$2:AK$366,ROUNDDOWN($C3335/24,0)+1,1))-1)+IF('Standard Profiles'!$G$21=$B$10,7,0)+IF('Standard Profiles'!$G$21=$B$17,14,0)+IF('Standard Profiles'!$G$21=$B$24,21,0),MOD($C3335,24)+1)/SUM(INDEX($D$3:$AA$30,INDEX(Jesper!$R$2:$R$366,ROW(INDEX(Jesper!AK$2:AK$366,ROUNDDOWN($C3335/24,0)+1,1))-1)+IF('Standard Profiles'!$G$21=$B$10,7,0)+IF('Standard Profiles'!$G$21=$B$17,14,0)+IF('Standard Profiles'!$G$21=$B$24,21,0),0)),0)</f>
        <v>0</v>
      </c>
      <c r="H3335" cm="1">
        <f t="array" ref="H3335">IFERROR(INDEX(Jesper!AL$2:AL$366,ROUNDDOWN($C3335/24,0)+1,1)*INDEX($D$3:$AA$30,INDEX(Jesper!$R$2:$R$366,ROW(INDEX(Jesper!AL$2:AL$366,ROUNDDOWN($C3335/24,0)+1,1))-1)+IF('Standard Profiles'!$G$22=$B$10,7,0)+IF('Standard Profiles'!$G$22=$B$17,14,0)+IF('Standard Profiles'!$G$22=$B$24,21,0),MOD($C3335,24)+1)/SUM(INDEX($D$3:$AA$30,INDEX(Jesper!$R$2:$R$366,ROW(INDEX(Jesper!AL$2:AL$366,ROUNDDOWN($C3335/24,0)+1,1))-1)+IF('Standard Profiles'!$G$22=$B$10,7,0)+IF('Standard Profiles'!$G$22=$B$17,14,0)+IF('Standard Profiles'!$G$22=$B$24,21,0),0)),0)</f>
        <v>0</v>
      </c>
      <c r="I3335">
        <f t="shared" si="377"/>
        <v>0.47135794305525125</v>
      </c>
      <c r="J3335">
        <f t="shared" si="378"/>
        <v>1.5711931435175044</v>
      </c>
      <c r="K3335">
        <f t="shared" si="379"/>
        <v>2.3567897152762565</v>
      </c>
      <c r="L3335">
        <f t="shared" si="380"/>
        <v>11.31259063332603</v>
      </c>
      <c r="M3335">
        <f t="shared" si="381"/>
        <v>0</v>
      </c>
      <c r="N3335" s="46">
        <f t="shared" si="382"/>
        <v>45429.541666658661</v>
      </c>
    </row>
    <row r="3336" spans="2:14" x14ac:dyDescent="0.3">
      <c r="B3336">
        <f t="shared" si="376"/>
        <v>5</v>
      </c>
      <c r="C3336" s="16">
        <v>3302</v>
      </c>
      <c r="D3336" cm="1">
        <f t="array" ref="D3336">IFERROR(INDEX(Jesper!AH$2:AH$366,ROUNDDOWN($C3336/24,0)+1,1)*INDEX($D$3:$AA$30,INDEX(Jesper!$R$2:$R$366,ROW(INDEX(Jesper!AH$2:AH$366,ROUNDDOWN($C3336/24,0)+1,1))-1)+IF('Standard Profiles'!$G$18=$B$10,7,0)+IF('Standard Profiles'!$G$18=$B$17,14,0)+IF('Standard Profiles'!$G$18=$B$24,21,0),MOD($C3336,24)+1)/SUM(INDEX($D$3:$AA$30,INDEX(Jesper!$R$2:$R$366,ROW(INDEX(Jesper!AH$2:AH$366,ROUNDDOWN($C3336/24,0)+1,1))-1)+IF('Standard Profiles'!$G$18=$B$10,7,0)+IF('Standard Profiles'!$G$18=$B$17,14,0)+IF('Standard Profiles'!$G$18=$B$24,21,0),0)),0)</f>
        <v>15.711931435175043</v>
      </c>
      <c r="E3336" cm="1">
        <f t="array" ref="E3336">IFERROR(INDEX(Jesper!AI$2:AI$366,ROUNDDOWN($C3336/24,0)+1,1)*INDEX($D$3:$AA$30,INDEX(Jesper!$R$2:$R$366,ROW(INDEX(Jesper!AI$2:AI$366,ROUNDDOWN($C3336/24,0)+1,1))-1)+IF('Standard Profiles'!$G$19=$B$10,7,0)+IF('Standard Profiles'!$G$19=$B$17,14,0)+IF('Standard Profiles'!$G$19=$B$24,21,0),MOD($C3336,24)+1)/SUM(INDEX($D$3:$AA$30,INDEX(Jesper!$R$2:$R$366,ROW(INDEX(Jesper!AI$2:AI$366,ROUNDDOWN($C3336/24,0)+1,1))-1)+IF('Standard Profiles'!$G$19=$B$10,7,0)+IF('Standard Profiles'!$G$19=$B$17,14,0)+IF('Standard Profiles'!$G$19=$B$24,21,0),0)),0)</f>
        <v>0</v>
      </c>
      <c r="F3336" cm="1">
        <f t="array" ref="F3336">IFERROR(INDEX(Jesper!AJ$2:AJ$366,ROUNDDOWN($C3336/24,0)+1,1)*INDEX($D$3:$AA$30,INDEX(Jesper!$R$2:$R$366,ROW(INDEX(Jesper!AJ$2:AJ$366,ROUNDDOWN($C3336/24,0)+1,1))-1)+IF('Standard Profiles'!$G$20=$B$10,7,0)+IF('Standard Profiles'!$G$20=$B$17,14,0)+IF('Standard Profiles'!$G$20=$B$24,21,0),MOD($C3336,24)+1)/SUM(INDEX($D$3:$AA$30,INDEX(Jesper!$R$2:$R$366,ROW(INDEX(Jesper!AJ$2:AJ$366,ROUNDDOWN($C3336/24,0)+1,1))-1)+IF('Standard Profiles'!$G$20=$B$10,7,0)+IF('Standard Profiles'!$G$20=$B$17,14,0)+IF('Standard Profiles'!$G$20=$B$24,21,0),0)),0)</f>
        <v>0</v>
      </c>
      <c r="G3336" cm="1">
        <f t="array" ref="G3336">IFERROR(INDEX(Jesper!AK$2:AK$366,ROUNDDOWN($C3336/24,0)+1,1)*INDEX($D$3:$AA$30,INDEX(Jesper!$R$2:$R$366,ROW(INDEX(Jesper!AK$2:AK$366,ROUNDDOWN($C3336/24,0)+1,1))-1)+IF('Standard Profiles'!$G$21=$B$10,7,0)+IF('Standard Profiles'!$G$21=$B$17,14,0)+IF('Standard Profiles'!$G$21=$B$24,21,0),MOD($C3336,24)+1)/SUM(INDEX($D$3:$AA$30,INDEX(Jesper!$R$2:$R$366,ROW(INDEX(Jesper!AK$2:AK$366,ROUNDDOWN($C3336/24,0)+1,1))-1)+IF('Standard Profiles'!$G$21=$B$10,7,0)+IF('Standard Profiles'!$G$21=$B$17,14,0)+IF('Standard Profiles'!$G$21=$B$24,21,0),0)),0)</f>
        <v>0</v>
      </c>
      <c r="H3336" cm="1">
        <f t="array" ref="H3336">IFERROR(INDEX(Jesper!AL$2:AL$366,ROUNDDOWN($C3336/24,0)+1,1)*INDEX($D$3:$AA$30,INDEX(Jesper!$R$2:$R$366,ROW(INDEX(Jesper!AL$2:AL$366,ROUNDDOWN($C3336/24,0)+1,1))-1)+IF('Standard Profiles'!$G$22=$B$10,7,0)+IF('Standard Profiles'!$G$22=$B$17,14,0)+IF('Standard Profiles'!$G$22=$B$24,21,0),MOD($C3336,24)+1)/SUM(INDEX($D$3:$AA$30,INDEX(Jesper!$R$2:$R$366,ROW(INDEX(Jesper!AL$2:AL$366,ROUNDDOWN($C3336/24,0)+1,1))-1)+IF('Standard Profiles'!$G$22=$B$10,7,0)+IF('Standard Profiles'!$G$22=$B$17,14,0)+IF('Standard Profiles'!$G$22=$B$24,21,0),0)),0)</f>
        <v>0</v>
      </c>
      <c r="I3336">
        <f t="shared" si="377"/>
        <v>0.47135794305525125</v>
      </c>
      <c r="J3336">
        <f t="shared" si="378"/>
        <v>1.5711931435175044</v>
      </c>
      <c r="K3336">
        <f t="shared" si="379"/>
        <v>2.3567897152762565</v>
      </c>
      <c r="L3336">
        <f t="shared" si="380"/>
        <v>11.31259063332603</v>
      </c>
      <c r="M3336">
        <f t="shared" si="381"/>
        <v>0</v>
      </c>
      <c r="N3336" s="46">
        <f t="shared" si="382"/>
        <v>45429.583333325325</v>
      </c>
    </row>
    <row r="3337" spans="2:14" x14ac:dyDescent="0.3">
      <c r="B3337">
        <f t="shared" si="376"/>
        <v>5</v>
      </c>
      <c r="C3337" s="16">
        <v>3303</v>
      </c>
      <c r="D3337" cm="1">
        <f t="array" ref="D3337">IFERROR(INDEX(Jesper!AH$2:AH$366,ROUNDDOWN($C3337/24,0)+1,1)*INDEX($D$3:$AA$30,INDEX(Jesper!$R$2:$R$366,ROW(INDEX(Jesper!AH$2:AH$366,ROUNDDOWN($C3337/24,0)+1,1))-1)+IF('Standard Profiles'!$G$18=$B$10,7,0)+IF('Standard Profiles'!$G$18=$B$17,14,0)+IF('Standard Profiles'!$G$18=$B$24,21,0),MOD($C3337,24)+1)/SUM(INDEX($D$3:$AA$30,INDEX(Jesper!$R$2:$R$366,ROW(INDEX(Jesper!AH$2:AH$366,ROUNDDOWN($C3337/24,0)+1,1))-1)+IF('Standard Profiles'!$G$18=$B$10,7,0)+IF('Standard Profiles'!$G$18=$B$17,14,0)+IF('Standard Profiles'!$G$18=$B$24,21,0),0)),0)</f>
        <v>13.093276195979202</v>
      </c>
      <c r="E3337" cm="1">
        <f t="array" ref="E3337">IFERROR(INDEX(Jesper!AI$2:AI$366,ROUNDDOWN($C3337/24,0)+1,1)*INDEX($D$3:$AA$30,INDEX(Jesper!$R$2:$R$366,ROW(INDEX(Jesper!AI$2:AI$366,ROUNDDOWN($C3337/24,0)+1,1))-1)+IF('Standard Profiles'!$G$19=$B$10,7,0)+IF('Standard Profiles'!$G$19=$B$17,14,0)+IF('Standard Profiles'!$G$19=$B$24,21,0),MOD($C3337,24)+1)/SUM(INDEX($D$3:$AA$30,INDEX(Jesper!$R$2:$R$366,ROW(INDEX(Jesper!AI$2:AI$366,ROUNDDOWN($C3337/24,0)+1,1))-1)+IF('Standard Profiles'!$G$19=$B$10,7,0)+IF('Standard Profiles'!$G$19=$B$17,14,0)+IF('Standard Profiles'!$G$19=$B$24,21,0),0)),0)</f>
        <v>0</v>
      </c>
      <c r="F3337" cm="1">
        <f t="array" ref="F3337">IFERROR(INDEX(Jesper!AJ$2:AJ$366,ROUNDDOWN($C3337/24,0)+1,1)*INDEX($D$3:$AA$30,INDEX(Jesper!$R$2:$R$366,ROW(INDEX(Jesper!AJ$2:AJ$366,ROUNDDOWN($C3337/24,0)+1,1))-1)+IF('Standard Profiles'!$G$20=$B$10,7,0)+IF('Standard Profiles'!$G$20=$B$17,14,0)+IF('Standard Profiles'!$G$20=$B$24,21,0),MOD($C3337,24)+1)/SUM(INDEX($D$3:$AA$30,INDEX(Jesper!$R$2:$R$366,ROW(INDEX(Jesper!AJ$2:AJ$366,ROUNDDOWN($C3337/24,0)+1,1))-1)+IF('Standard Profiles'!$G$20=$B$10,7,0)+IF('Standard Profiles'!$G$20=$B$17,14,0)+IF('Standard Profiles'!$G$20=$B$24,21,0),0)),0)</f>
        <v>0</v>
      </c>
      <c r="G3337" cm="1">
        <f t="array" ref="G3337">IFERROR(INDEX(Jesper!AK$2:AK$366,ROUNDDOWN($C3337/24,0)+1,1)*INDEX($D$3:$AA$30,INDEX(Jesper!$R$2:$R$366,ROW(INDEX(Jesper!AK$2:AK$366,ROUNDDOWN($C3337/24,0)+1,1))-1)+IF('Standard Profiles'!$G$21=$B$10,7,0)+IF('Standard Profiles'!$G$21=$B$17,14,0)+IF('Standard Profiles'!$G$21=$B$24,21,0),MOD($C3337,24)+1)/SUM(INDEX($D$3:$AA$30,INDEX(Jesper!$R$2:$R$366,ROW(INDEX(Jesper!AK$2:AK$366,ROUNDDOWN($C3337/24,0)+1,1))-1)+IF('Standard Profiles'!$G$21=$B$10,7,0)+IF('Standard Profiles'!$G$21=$B$17,14,0)+IF('Standard Profiles'!$G$21=$B$24,21,0),0)),0)</f>
        <v>0</v>
      </c>
      <c r="H3337" cm="1">
        <f t="array" ref="H3337">IFERROR(INDEX(Jesper!AL$2:AL$366,ROUNDDOWN($C3337/24,0)+1,1)*INDEX($D$3:$AA$30,INDEX(Jesper!$R$2:$R$366,ROW(INDEX(Jesper!AL$2:AL$366,ROUNDDOWN($C3337/24,0)+1,1))-1)+IF('Standard Profiles'!$G$22=$B$10,7,0)+IF('Standard Profiles'!$G$22=$B$17,14,0)+IF('Standard Profiles'!$G$22=$B$24,21,0),MOD($C3337,24)+1)/SUM(INDEX($D$3:$AA$30,INDEX(Jesper!$R$2:$R$366,ROW(INDEX(Jesper!AL$2:AL$366,ROUNDDOWN($C3337/24,0)+1,1))-1)+IF('Standard Profiles'!$G$22=$B$10,7,0)+IF('Standard Profiles'!$G$22=$B$17,14,0)+IF('Standard Profiles'!$G$22=$B$24,21,0),0)),0)</f>
        <v>0</v>
      </c>
      <c r="I3337">
        <f t="shared" si="377"/>
        <v>0.39279828587937604</v>
      </c>
      <c r="J3337">
        <f t="shared" si="378"/>
        <v>1.3093276195979202</v>
      </c>
      <c r="K3337">
        <f t="shared" si="379"/>
        <v>1.9639914293968803</v>
      </c>
      <c r="L3337">
        <f t="shared" si="380"/>
        <v>9.4271588611050259</v>
      </c>
      <c r="M3337">
        <f t="shared" si="381"/>
        <v>0</v>
      </c>
      <c r="N3337" s="46">
        <f t="shared" si="382"/>
        <v>45429.624999991989</v>
      </c>
    </row>
    <row r="3338" spans="2:14" x14ac:dyDescent="0.3">
      <c r="B3338">
        <f t="shared" si="376"/>
        <v>5</v>
      </c>
      <c r="C3338" s="16">
        <v>3304</v>
      </c>
      <c r="D3338" cm="1">
        <f t="array" ref="D3338">IFERROR(INDEX(Jesper!AH$2:AH$366,ROUNDDOWN($C3338/24,0)+1,1)*INDEX($D$3:$AA$30,INDEX(Jesper!$R$2:$R$366,ROW(INDEX(Jesper!AH$2:AH$366,ROUNDDOWN($C3338/24,0)+1,1))-1)+IF('Standard Profiles'!$G$18=$B$10,7,0)+IF('Standard Profiles'!$G$18=$B$17,14,0)+IF('Standard Profiles'!$G$18=$B$24,21,0),MOD($C3338,24)+1)/SUM(INDEX($D$3:$AA$30,INDEX(Jesper!$R$2:$R$366,ROW(INDEX(Jesper!AH$2:AH$366,ROUNDDOWN($C3338/24,0)+1,1))-1)+IF('Standard Profiles'!$G$18=$B$10,7,0)+IF('Standard Profiles'!$G$18=$B$17,14,0)+IF('Standard Profiles'!$G$18=$B$24,21,0),0)),0)</f>
        <v>12.394968132193645</v>
      </c>
      <c r="E3338" cm="1">
        <f t="array" ref="E3338">IFERROR(INDEX(Jesper!AI$2:AI$366,ROUNDDOWN($C3338/24,0)+1,1)*INDEX($D$3:$AA$30,INDEX(Jesper!$R$2:$R$366,ROW(INDEX(Jesper!AI$2:AI$366,ROUNDDOWN($C3338/24,0)+1,1))-1)+IF('Standard Profiles'!$G$19=$B$10,7,0)+IF('Standard Profiles'!$G$19=$B$17,14,0)+IF('Standard Profiles'!$G$19=$B$24,21,0),MOD($C3338,24)+1)/SUM(INDEX($D$3:$AA$30,INDEX(Jesper!$R$2:$R$366,ROW(INDEX(Jesper!AI$2:AI$366,ROUNDDOWN($C3338/24,0)+1,1))-1)+IF('Standard Profiles'!$G$19=$B$10,7,0)+IF('Standard Profiles'!$G$19=$B$17,14,0)+IF('Standard Profiles'!$G$19=$B$24,21,0),0)),0)</f>
        <v>0</v>
      </c>
      <c r="F3338" cm="1">
        <f t="array" ref="F3338">IFERROR(INDEX(Jesper!AJ$2:AJ$366,ROUNDDOWN($C3338/24,0)+1,1)*INDEX($D$3:$AA$30,INDEX(Jesper!$R$2:$R$366,ROW(INDEX(Jesper!AJ$2:AJ$366,ROUNDDOWN($C3338/24,0)+1,1))-1)+IF('Standard Profiles'!$G$20=$B$10,7,0)+IF('Standard Profiles'!$G$20=$B$17,14,0)+IF('Standard Profiles'!$G$20=$B$24,21,0),MOD($C3338,24)+1)/SUM(INDEX($D$3:$AA$30,INDEX(Jesper!$R$2:$R$366,ROW(INDEX(Jesper!AJ$2:AJ$366,ROUNDDOWN($C3338/24,0)+1,1))-1)+IF('Standard Profiles'!$G$20=$B$10,7,0)+IF('Standard Profiles'!$G$20=$B$17,14,0)+IF('Standard Profiles'!$G$20=$B$24,21,0),0)),0)</f>
        <v>0</v>
      </c>
      <c r="G3338" cm="1">
        <f t="array" ref="G3338">IFERROR(INDEX(Jesper!AK$2:AK$366,ROUNDDOWN($C3338/24,0)+1,1)*INDEX($D$3:$AA$30,INDEX(Jesper!$R$2:$R$366,ROW(INDEX(Jesper!AK$2:AK$366,ROUNDDOWN($C3338/24,0)+1,1))-1)+IF('Standard Profiles'!$G$21=$B$10,7,0)+IF('Standard Profiles'!$G$21=$B$17,14,0)+IF('Standard Profiles'!$G$21=$B$24,21,0),MOD($C3338,24)+1)/SUM(INDEX($D$3:$AA$30,INDEX(Jesper!$R$2:$R$366,ROW(INDEX(Jesper!AK$2:AK$366,ROUNDDOWN($C3338/24,0)+1,1))-1)+IF('Standard Profiles'!$G$21=$B$10,7,0)+IF('Standard Profiles'!$G$21=$B$17,14,0)+IF('Standard Profiles'!$G$21=$B$24,21,0),0)),0)</f>
        <v>0</v>
      </c>
      <c r="H3338" cm="1">
        <f t="array" ref="H3338">IFERROR(INDEX(Jesper!AL$2:AL$366,ROUNDDOWN($C3338/24,0)+1,1)*INDEX($D$3:$AA$30,INDEX(Jesper!$R$2:$R$366,ROW(INDEX(Jesper!AL$2:AL$366,ROUNDDOWN($C3338/24,0)+1,1))-1)+IF('Standard Profiles'!$G$22=$B$10,7,0)+IF('Standard Profiles'!$G$22=$B$17,14,0)+IF('Standard Profiles'!$G$22=$B$24,21,0),MOD($C3338,24)+1)/SUM(INDEX($D$3:$AA$30,INDEX(Jesper!$R$2:$R$366,ROW(INDEX(Jesper!AL$2:AL$366,ROUNDDOWN($C3338/24,0)+1,1))-1)+IF('Standard Profiles'!$G$22=$B$10,7,0)+IF('Standard Profiles'!$G$22=$B$17,14,0)+IF('Standard Profiles'!$G$22=$B$24,21,0),0)),0)</f>
        <v>0</v>
      </c>
      <c r="I3338">
        <f t="shared" si="377"/>
        <v>0.37184904396580931</v>
      </c>
      <c r="J3338">
        <f t="shared" si="378"/>
        <v>1.2394968132193647</v>
      </c>
      <c r="K3338">
        <f t="shared" si="379"/>
        <v>1.8592452198290466</v>
      </c>
      <c r="L3338">
        <f t="shared" si="380"/>
        <v>8.9243770551794235</v>
      </c>
      <c r="M3338">
        <f t="shared" si="381"/>
        <v>0</v>
      </c>
      <c r="N3338" s="46">
        <f t="shared" si="382"/>
        <v>45429.666666658653</v>
      </c>
    </row>
    <row r="3339" spans="2:14" x14ac:dyDescent="0.3">
      <c r="B3339">
        <f t="shared" si="376"/>
        <v>5</v>
      </c>
      <c r="C3339" s="16">
        <v>3305</v>
      </c>
      <c r="D3339" cm="1">
        <f t="array" ref="D3339">IFERROR(INDEX(Jesper!AH$2:AH$366,ROUNDDOWN($C3339/24,0)+1,1)*INDEX($D$3:$AA$30,INDEX(Jesper!$R$2:$R$366,ROW(INDEX(Jesper!AH$2:AH$366,ROUNDDOWN($C3339/24,0)+1,1))-1)+IF('Standard Profiles'!$G$18=$B$10,7,0)+IF('Standard Profiles'!$G$18=$B$17,14,0)+IF('Standard Profiles'!$G$18=$B$24,21,0),MOD($C3339,24)+1)/SUM(INDEX($D$3:$AA$30,INDEX(Jesper!$R$2:$R$366,ROW(INDEX(Jesper!AH$2:AH$366,ROUNDDOWN($C3339/24,0)+1,1))-1)+IF('Standard Profiles'!$G$18=$B$10,7,0)+IF('Standard Profiles'!$G$18=$B$17,14,0)+IF('Standard Profiles'!$G$18=$B$24,21,0),0)),0)</f>
        <v>12.394968132193645</v>
      </c>
      <c r="E3339" cm="1">
        <f t="array" ref="E3339">IFERROR(INDEX(Jesper!AI$2:AI$366,ROUNDDOWN($C3339/24,0)+1,1)*INDEX($D$3:$AA$30,INDEX(Jesper!$R$2:$R$366,ROW(INDEX(Jesper!AI$2:AI$366,ROUNDDOWN($C3339/24,0)+1,1))-1)+IF('Standard Profiles'!$G$19=$B$10,7,0)+IF('Standard Profiles'!$G$19=$B$17,14,0)+IF('Standard Profiles'!$G$19=$B$24,21,0),MOD($C3339,24)+1)/SUM(INDEX($D$3:$AA$30,INDEX(Jesper!$R$2:$R$366,ROW(INDEX(Jesper!AI$2:AI$366,ROUNDDOWN($C3339/24,0)+1,1))-1)+IF('Standard Profiles'!$G$19=$B$10,7,0)+IF('Standard Profiles'!$G$19=$B$17,14,0)+IF('Standard Profiles'!$G$19=$B$24,21,0),0)),0)</f>
        <v>0</v>
      </c>
      <c r="F3339" cm="1">
        <f t="array" ref="F3339">IFERROR(INDEX(Jesper!AJ$2:AJ$366,ROUNDDOWN($C3339/24,0)+1,1)*INDEX($D$3:$AA$30,INDEX(Jesper!$R$2:$R$366,ROW(INDEX(Jesper!AJ$2:AJ$366,ROUNDDOWN($C3339/24,0)+1,1))-1)+IF('Standard Profiles'!$G$20=$B$10,7,0)+IF('Standard Profiles'!$G$20=$B$17,14,0)+IF('Standard Profiles'!$G$20=$B$24,21,0),MOD($C3339,24)+1)/SUM(INDEX($D$3:$AA$30,INDEX(Jesper!$R$2:$R$366,ROW(INDEX(Jesper!AJ$2:AJ$366,ROUNDDOWN($C3339/24,0)+1,1))-1)+IF('Standard Profiles'!$G$20=$B$10,7,0)+IF('Standard Profiles'!$G$20=$B$17,14,0)+IF('Standard Profiles'!$G$20=$B$24,21,0),0)),0)</f>
        <v>0</v>
      </c>
      <c r="G3339" cm="1">
        <f t="array" ref="G3339">IFERROR(INDEX(Jesper!AK$2:AK$366,ROUNDDOWN($C3339/24,0)+1,1)*INDEX($D$3:$AA$30,INDEX(Jesper!$R$2:$R$366,ROW(INDEX(Jesper!AK$2:AK$366,ROUNDDOWN($C3339/24,0)+1,1))-1)+IF('Standard Profiles'!$G$21=$B$10,7,0)+IF('Standard Profiles'!$G$21=$B$17,14,0)+IF('Standard Profiles'!$G$21=$B$24,21,0),MOD($C3339,24)+1)/SUM(INDEX($D$3:$AA$30,INDEX(Jesper!$R$2:$R$366,ROW(INDEX(Jesper!AK$2:AK$366,ROUNDDOWN($C3339/24,0)+1,1))-1)+IF('Standard Profiles'!$G$21=$B$10,7,0)+IF('Standard Profiles'!$G$21=$B$17,14,0)+IF('Standard Profiles'!$G$21=$B$24,21,0),0)),0)</f>
        <v>0</v>
      </c>
      <c r="H3339" cm="1">
        <f t="array" ref="H3339">IFERROR(INDEX(Jesper!AL$2:AL$366,ROUNDDOWN($C3339/24,0)+1,1)*INDEX($D$3:$AA$30,INDEX(Jesper!$R$2:$R$366,ROW(INDEX(Jesper!AL$2:AL$366,ROUNDDOWN($C3339/24,0)+1,1))-1)+IF('Standard Profiles'!$G$22=$B$10,7,0)+IF('Standard Profiles'!$G$22=$B$17,14,0)+IF('Standard Profiles'!$G$22=$B$24,21,0),MOD($C3339,24)+1)/SUM(INDEX($D$3:$AA$30,INDEX(Jesper!$R$2:$R$366,ROW(INDEX(Jesper!AL$2:AL$366,ROUNDDOWN($C3339/24,0)+1,1))-1)+IF('Standard Profiles'!$G$22=$B$10,7,0)+IF('Standard Profiles'!$G$22=$B$17,14,0)+IF('Standard Profiles'!$G$22=$B$24,21,0),0)),0)</f>
        <v>0</v>
      </c>
      <c r="I3339">
        <f t="shared" si="377"/>
        <v>0.37184904396580931</v>
      </c>
      <c r="J3339">
        <f t="shared" si="378"/>
        <v>1.2394968132193647</v>
      </c>
      <c r="K3339">
        <f t="shared" si="379"/>
        <v>1.8592452198290466</v>
      </c>
      <c r="L3339">
        <f t="shared" si="380"/>
        <v>8.9243770551794235</v>
      </c>
      <c r="M3339">
        <f t="shared" si="381"/>
        <v>0</v>
      </c>
      <c r="N3339" s="46">
        <f t="shared" si="382"/>
        <v>45429.708333325318</v>
      </c>
    </row>
    <row r="3340" spans="2:14" x14ac:dyDescent="0.3">
      <c r="B3340">
        <f t="shared" si="376"/>
        <v>5</v>
      </c>
      <c r="C3340" s="16">
        <v>3306</v>
      </c>
      <c r="D3340" cm="1">
        <f t="array" ref="D3340">IFERROR(INDEX(Jesper!AH$2:AH$366,ROUNDDOWN($C3340/24,0)+1,1)*INDEX($D$3:$AA$30,INDEX(Jesper!$R$2:$R$366,ROW(INDEX(Jesper!AH$2:AH$366,ROUNDDOWN($C3340/24,0)+1,1))-1)+IF('Standard Profiles'!$G$18=$B$10,7,0)+IF('Standard Profiles'!$G$18=$B$17,14,0)+IF('Standard Profiles'!$G$18=$B$24,21,0),MOD($C3340,24)+1)/SUM(INDEX($D$3:$AA$30,INDEX(Jesper!$R$2:$R$366,ROW(INDEX(Jesper!AH$2:AH$366,ROUNDDOWN($C3340/24,0)+1,1))-1)+IF('Standard Profiles'!$G$18=$B$10,7,0)+IF('Standard Profiles'!$G$18=$B$17,14,0)+IF('Standard Profiles'!$G$18=$B$24,21,0),0)),0)</f>
        <v>12.394968132193645</v>
      </c>
      <c r="E3340" cm="1">
        <f t="array" ref="E3340">IFERROR(INDEX(Jesper!AI$2:AI$366,ROUNDDOWN($C3340/24,0)+1,1)*INDEX($D$3:$AA$30,INDEX(Jesper!$R$2:$R$366,ROW(INDEX(Jesper!AI$2:AI$366,ROUNDDOWN($C3340/24,0)+1,1))-1)+IF('Standard Profiles'!$G$19=$B$10,7,0)+IF('Standard Profiles'!$G$19=$B$17,14,0)+IF('Standard Profiles'!$G$19=$B$24,21,0),MOD($C3340,24)+1)/SUM(INDEX($D$3:$AA$30,INDEX(Jesper!$R$2:$R$366,ROW(INDEX(Jesper!AI$2:AI$366,ROUNDDOWN($C3340/24,0)+1,1))-1)+IF('Standard Profiles'!$G$19=$B$10,7,0)+IF('Standard Profiles'!$G$19=$B$17,14,0)+IF('Standard Profiles'!$G$19=$B$24,21,0),0)),0)</f>
        <v>0</v>
      </c>
      <c r="F3340" cm="1">
        <f t="array" ref="F3340">IFERROR(INDEX(Jesper!AJ$2:AJ$366,ROUNDDOWN($C3340/24,0)+1,1)*INDEX($D$3:$AA$30,INDEX(Jesper!$R$2:$R$366,ROW(INDEX(Jesper!AJ$2:AJ$366,ROUNDDOWN($C3340/24,0)+1,1))-1)+IF('Standard Profiles'!$G$20=$B$10,7,0)+IF('Standard Profiles'!$G$20=$B$17,14,0)+IF('Standard Profiles'!$G$20=$B$24,21,0),MOD($C3340,24)+1)/SUM(INDEX($D$3:$AA$30,INDEX(Jesper!$R$2:$R$366,ROW(INDEX(Jesper!AJ$2:AJ$366,ROUNDDOWN($C3340/24,0)+1,1))-1)+IF('Standard Profiles'!$G$20=$B$10,7,0)+IF('Standard Profiles'!$G$20=$B$17,14,0)+IF('Standard Profiles'!$G$20=$B$24,21,0),0)),0)</f>
        <v>0</v>
      </c>
      <c r="G3340" cm="1">
        <f t="array" ref="G3340">IFERROR(INDEX(Jesper!AK$2:AK$366,ROUNDDOWN($C3340/24,0)+1,1)*INDEX($D$3:$AA$30,INDEX(Jesper!$R$2:$R$366,ROW(INDEX(Jesper!AK$2:AK$366,ROUNDDOWN($C3340/24,0)+1,1))-1)+IF('Standard Profiles'!$G$21=$B$10,7,0)+IF('Standard Profiles'!$G$21=$B$17,14,0)+IF('Standard Profiles'!$G$21=$B$24,21,0),MOD($C3340,24)+1)/SUM(INDEX($D$3:$AA$30,INDEX(Jesper!$R$2:$R$366,ROW(INDEX(Jesper!AK$2:AK$366,ROUNDDOWN($C3340/24,0)+1,1))-1)+IF('Standard Profiles'!$G$21=$B$10,7,0)+IF('Standard Profiles'!$G$21=$B$17,14,0)+IF('Standard Profiles'!$G$21=$B$24,21,0),0)),0)</f>
        <v>0</v>
      </c>
      <c r="H3340" cm="1">
        <f t="array" ref="H3340">IFERROR(INDEX(Jesper!AL$2:AL$366,ROUNDDOWN($C3340/24,0)+1,1)*INDEX($D$3:$AA$30,INDEX(Jesper!$R$2:$R$366,ROW(INDEX(Jesper!AL$2:AL$366,ROUNDDOWN($C3340/24,0)+1,1))-1)+IF('Standard Profiles'!$G$22=$B$10,7,0)+IF('Standard Profiles'!$G$22=$B$17,14,0)+IF('Standard Profiles'!$G$22=$B$24,21,0),MOD($C3340,24)+1)/SUM(INDEX($D$3:$AA$30,INDEX(Jesper!$R$2:$R$366,ROW(INDEX(Jesper!AL$2:AL$366,ROUNDDOWN($C3340/24,0)+1,1))-1)+IF('Standard Profiles'!$G$22=$B$10,7,0)+IF('Standard Profiles'!$G$22=$B$17,14,0)+IF('Standard Profiles'!$G$22=$B$24,21,0),0)),0)</f>
        <v>0</v>
      </c>
      <c r="I3340">
        <f t="shared" si="377"/>
        <v>0.37184904396580931</v>
      </c>
      <c r="J3340">
        <f t="shared" si="378"/>
        <v>1.2394968132193647</v>
      </c>
      <c r="K3340">
        <f t="shared" si="379"/>
        <v>1.8592452198290466</v>
      </c>
      <c r="L3340">
        <f t="shared" si="380"/>
        <v>8.9243770551794235</v>
      </c>
      <c r="M3340">
        <f t="shared" si="381"/>
        <v>0</v>
      </c>
      <c r="N3340" s="46">
        <f t="shared" si="382"/>
        <v>45429.749999991982</v>
      </c>
    </row>
    <row r="3341" spans="2:14" x14ac:dyDescent="0.3">
      <c r="B3341">
        <f t="shared" si="376"/>
        <v>5</v>
      </c>
      <c r="C3341" s="16">
        <v>3307</v>
      </c>
      <c r="D3341" cm="1">
        <f t="array" ref="D3341">IFERROR(INDEX(Jesper!AH$2:AH$366,ROUNDDOWN($C3341/24,0)+1,1)*INDEX($D$3:$AA$30,INDEX(Jesper!$R$2:$R$366,ROW(INDEX(Jesper!AH$2:AH$366,ROUNDDOWN($C3341/24,0)+1,1))-1)+IF('Standard Profiles'!$G$18=$B$10,7,0)+IF('Standard Profiles'!$G$18=$B$17,14,0)+IF('Standard Profiles'!$G$18=$B$24,21,0),MOD($C3341,24)+1)/SUM(INDEX($D$3:$AA$30,INDEX(Jesper!$R$2:$R$366,ROW(INDEX(Jesper!AH$2:AH$366,ROUNDDOWN($C3341/24,0)+1,1))-1)+IF('Standard Profiles'!$G$18=$B$10,7,0)+IF('Standard Profiles'!$G$18=$B$17,14,0)+IF('Standard Profiles'!$G$18=$B$24,21,0),0)),0)</f>
        <v>12.394968132193645</v>
      </c>
      <c r="E3341" cm="1">
        <f t="array" ref="E3341">IFERROR(INDEX(Jesper!AI$2:AI$366,ROUNDDOWN($C3341/24,0)+1,1)*INDEX($D$3:$AA$30,INDEX(Jesper!$R$2:$R$366,ROW(INDEX(Jesper!AI$2:AI$366,ROUNDDOWN($C3341/24,0)+1,1))-1)+IF('Standard Profiles'!$G$19=$B$10,7,0)+IF('Standard Profiles'!$G$19=$B$17,14,0)+IF('Standard Profiles'!$G$19=$B$24,21,0),MOD($C3341,24)+1)/SUM(INDEX($D$3:$AA$30,INDEX(Jesper!$R$2:$R$366,ROW(INDEX(Jesper!AI$2:AI$366,ROUNDDOWN($C3341/24,0)+1,1))-1)+IF('Standard Profiles'!$G$19=$B$10,7,0)+IF('Standard Profiles'!$G$19=$B$17,14,0)+IF('Standard Profiles'!$G$19=$B$24,21,0),0)),0)</f>
        <v>0</v>
      </c>
      <c r="F3341" cm="1">
        <f t="array" ref="F3341">IFERROR(INDEX(Jesper!AJ$2:AJ$366,ROUNDDOWN($C3341/24,0)+1,1)*INDEX($D$3:$AA$30,INDEX(Jesper!$R$2:$R$366,ROW(INDEX(Jesper!AJ$2:AJ$366,ROUNDDOWN($C3341/24,0)+1,1))-1)+IF('Standard Profiles'!$G$20=$B$10,7,0)+IF('Standard Profiles'!$G$20=$B$17,14,0)+IF('Standard Profiles'!$G$20=$B$24,21,0),MOD($C3341,24)+1)/SUM(INDEX($D$3:$AA$30,INDEX(Jesper!$R$2:$R$366,ROW(INDEX(Jesper!AJ$2:AJ$366,ROUNDDOWN($C3341/24,0)+1,1))-1)+IF('Standard Profiles'!$G$20=$B$10,7,0)+IF('Standard Profiles'!$G$20=$B$17,14,0)+IF('Standard Profiles'!$G$20=$B$24,21,0),0)),0)</f>
        <v>0</v>
      </c>
      <c r="G3341" cm="1">
        <f t="array" ref="G3341">IFERROR(INDEX(Jesper!AK$2:AK$366,ROUNDDOWN($C3341/24,0)+1,1)*INDEX($D$3:$AA$30,INDEX(Jesper!$R$2:$R$366,ROW(INDEX(Jesper!AK$2:AK$366,ROUNDDOWN($C3341/24,0)+1,1))-1)+IF('Standard Profiles'!$G$21=$B$10,7,0)+IF('Standard Profiles'!$G$21=$B$17,14,0)+IF('Standard Profiles'!$G$21=$B$24,21,0),MOD($C3341,24)+1)/SUM(INDEX($D$3:$AA$30,INDEX(Jesper!$R$2:$R$366,ROW(INDEX(Jesper!AK$2:AK$366,ROUNDDOWN($C3341/24,0)+1,1))-1)+IF('Standard Profiles'!$G$21=$B$10,7,0)+IF('Standard Profiles'!$G$21=$B$17,14,0)+IF('Standard Profiles'!$G$21=$B$24,21,0),0)),0)</f>
        <v>0</v>
      </c>
      <c r="H3341" cm="1">
        <f t="array" ref="H3341">IFERROR(INDEX(Jesper!AL$2:AL$366,ROUNDDOWN($C3341/24,0)+1,1)*INDEX($D$3:$AA$30,INDEX(Jesper!$R$2:$R$366,ROW(INDEX(Jesper!AL$2:AL$366,ROUNDDOWN($C3341/24,0)+1,1))-1)+IF('Standard Profiles'!$G$22=$B$10,7,0)+IF('Standard Profiles'!$G$22=$B$17,14,0)+IF('Standard Profiles'!$G$22=$B$24,21,0),MOD($C3341,24)+1)/SUM(INDEX($D$3:$AA$30,INDEX(Jesper!$R$2:$R$366,ROW(INDEX(Jesper!AL$2:AL$366,ROUNDDOWN($C3341/24,0)+1,1))-1)+IF('Standard Profiles'!$G$22=$B$10,7,0)+IF('Standard Profiles'!$G$22=$B$17,14,0)+IF('Standard Profiles'!$G$22=$B$24,21,0),0)),0)</f>
        <v>0</v>
      </c>
      <c r="I3341">
        <f t="shared" si="377"/>
        <v>0.37184904396580931</v>
      </c>
      <c r="J3341">
        <f t="shared" si="378"/>
        <v>1.2394968132193647</v>
      </c>
      <c r="K3341">
        <f t="shared" si="379"/>
        <v>1.8592452198290466</v>
      </c>
      <c r="L3341">
        <f t="shared" si="380"/>
        <v>8.9243770551794235</v>
      </c>
      <c r="M3341">
        <f t="shared" si="381"/>
        <v>0</v>
      </c>
      <c r="N3341" s="46">
        <f t="shared" si="382"/>
        <v>45429.791666658646</v>
      </c>
    </row>
    <row r="3342" spans="2:14" x14ac:dyDescent="0.3">
      <c r="B3342">
        <f t="shared" si="376"/>
        <v>5</v>
      </c>
      <c r="C3342" s="16">
        <v>3308</v>
      </c>
      <c r="D3342" cm="1">
        <f t="array" ref="D3342">IFERROR(INDEX(Jesper!AH$2:AH$366,ROUNDDOWN($C3342/24,0)+1,1)*INDEX($D$3:$AA$30,INDEX(Jesper!$R$2:$R$366,ROW(INDEX(Jesper!AH$2:AH$366,ROUNDDOWN($C3342/24,0)+1,1))-1)+IF('Standard Profiles'!$G$18=$B$10,7,0)+IF('Standard Profiles'!$G$18=$B$17,14,0)+IF('Standard Profiles'!$G$18=$B$24,21,0),MOD($C3342,24)+1)/SUM(INDEX($D$3:$AA$30,INDEX(Jesper!$R$2:$R$366,ROW(INDEX(Jesper!AH$2:AH$366,ROUNDDOWN($C3342/24,0)+1,1))-1)+IF('Standard Profiles'!$G$18=$B$10,7,0)+IF('Standard Profiles'!$G$18=$B$17,14,0)+IF('Standard Profiles'!$G$18=$B$24,21,0),0)),0)</f>
        <v>9.6017358770514143</v>
      </c>
      <c r="E3342" cm="1">
        <f t="array" ref="E3342">IFERROR(INDEX(Jesper!AI$2:AI$366,ROUNDDOWN($C3342/24,0)+1,1)*INDEX($D$3:$AA$30,INDEX(Jesper!$R$2:$R$366,ROW(INDEX(Jesper!AI$2:AI$366,ROUNDDOWN($C3342/24,0)+1,1))-1)+IF('Standard Profiles'!$G$19=$B$10,7,0)+IF('Standard Profiles'!$G$19=$B$17,14,0)+IF('Standard Profiles'!$G$19=$B$24,21,0),MOD($C3342,24)+1)/SUM(INDEX($D$3:$AA$30,INDEX(Jesper!$R$2:$R$366,ROW(INDEX(Jesper!AI$2:AI$366,ROUNDDOWN($C3342/24,0)+1,1))-1)+IF('Standard Profiles'!$G$19=$B$10,7,0)+IF('Standard Profiles'!$G$19=$B$17,14,0)+IF('Standard Profiles'!$G$19=$B$24,21,0),0)),0)</f>
        <v>0</v>
      </c>
      <c r="F3342" cm="1">
        <f t="array" ref="F3342">IFERROR(INDEX(Jesper!AJ$2:AJ$366,ROUNDDOWN($C3342/24,0)+1,1)*INDEX($D$3:$AA$30,INDEX(Jesper!$R$2:$R$366,ROW(INDEX(Jesper!AJ$2:AJ$366,ROUNDDOWN($C3342/24,0)+1,1))-1)+IF('Standard Profiles'!$G$20=$B$10,7,0)+IF('Standard Profiles'!$G$20=$B$17,14,0)+IF('Standard Profiles'!$G$20=$B$24,21,0),MOD($C3342,24)+1)/SUM(INDEX($D$3:$AA$30,INDEX(Jesper!$R$2:$R$366,ROW(INDEX(Jesper!AJ$2:AJ$366,ROUNDDOWN($C3342/24,0)+1,1))-1)+IF('Standard Profiles'!$G$20=$B$10,7,0)+IF('Standard Profiles'!$G$20=$B$17,14,0)+IF('Standard Profiles'!$G$20=$B$24,21,0),0)),0)</f>
        <v>0</v>
      </c>
      <c r="G3342" cm="1">
        <f t="array" ref="G3342">IFERROR(INDEX(Jesper!AK$2:AK$366,ROUNDDOWN($C3342/24,0)+1,1)*INDEX($D$3:$AA$30,INDEX(Jesper!$R$2:$R$366,ROW(INDEX(Jesper!AK$2:AK$366,ROUNDDOWN($C3342/24,0)+1,1))-1)+IF('Standard Profiles'!$G$21=$B$10,7,0)+IF('Standard Profiles'!$G$21=$B$17,14,0)+IF('Standard Profiles'!$G$21=$B$24,21,0),MOD($C3342,24)+1)/SUM(INDEX($D$3:$AA$30,INDEX(Jesper!$R$2:$R$366,ROW(INDEX(Jesper!AK$2:AK$366,ROUNDDOWN($C3342/24,0)+1,1))-1)+IF('Standard Profiles'!$G$21=$B$10,7,0)+IF('Standard Profiles'!$G$21=$B$17,14,0)+IF('Standard Profiles'!$G$21=$B$24,21,0),0)),0)</f>
        <v>0</v>
      </c>
      <c r="H3342" cm="1">
        <f t="array" ref="H3342">IFERROR(INDEX(Jesper!AL$2:AL$366,ROUNDDOWN($C3342/24,0)+1,1)*INDEX($D$3:$AA$30,INDEX(Jesper!$R$2:$R$366,ROW(INDEX(Jesper!AL$2:AL$366,ROUNDDOWN($C3342/24,0)+1,1))-1)+IF('Standard Profiles'!$G$22=$B$10,7,0)+IF('Standard Profiles'!$G$22=$B$17,14,0)+IF('Standard Profiles'!$G$22=$B$24,21,0),MOD($C3342,24)+1)/SUM(INDEX($D$3:$AA$30,INDEX(Jesper!$R$2:$R$366,ROW(INDEX(Jesper!AL$2:AL$366,ROUNDDOWN($C3342/24,0)+1,1))-1)+IF('Standard Profiles'!$G$22=$B$10,7,0)+IF('Standard Profiles'!$G$22=$B$17,14,0)+IF('Standard Profiles'!$G$22=$B$24,21,0),0)),0)</f>
        <v>0</v>
      </c>
      <c r="I3342">
        <f t="shared" si="377"/>
        <v>0.28805207631154239</v>
      </c>
      <c r="J3342">
        <f t="shared" si="378"/>
        <v>0.9601735877051415</v>
      </c>
      <c r="K3342">
        <f t="shared" si="379"/>
        <v>1.4402603815577122</v>
      </c>
      <c r="L3342">
        <f t="shared" si="380"/>
        <v>6.9132498314770183</v>
      </c>
      <c r="M3342">
        <f t="shared" si="381"/>
        <v>0</v>
      </c>
      <c r="N3342" s="46">
        <f t="shared" si="382"/>
        <v>45429.83333332531</v>
      </c>
    </row>
    <row r="3343" spans="2:14" x14ac:dyDescent="0.3">
      <c r="B3343">
        <f t="shared" si="376"/>
        <v>5</v>
      </c>
      <c r="C3343" s="16">
        <v>3309</v>
      </c>
      <c r="D3343" cm="1">
        <f t="array" ref="D3343">IFERROR(INDEX(Jesper!AH$2:AH$366,ROUNDDOWN($C3343/24,0)+1,1)*INDEX($D$3:$AA$30,INDEX(Jesper!$R$2:$R$366,ROW(INDEX(Jesper!AH$2:AH$366,ROUNDDOWN($C3343/24,0)+1,1))-1)+IF('Standard Profiles'!$G$18=$B$10,7,0)+IF('Standard Profiles'!$G$18=$B$17,14,0)+IF('Standard Profiles'!$G$18=$B$24,21,0),MOD($C3343,24)+1)/SUM(INDEX($D$3:$AA$30,INDEX(Jesper!$R$2:$R$366,ROW(INDEX(Jesper!AH$2:AH$366,ROUNDDOWN($C3343/24,0)+1,1))-1)+IF('Standard Profiles'!$G$18=$B$10,7,0)+IF('Standard Profiles'!$G$18=$B$17,14,0)+IF('Standard Profiles'!$G$18=$B$24,21,0),0)),0)</f>
        <v>3.6661173348741767</v>
      </c>
      <c r="E3343" cm="1">
        <f t="array" ref="E3343">IFERROR(INDEX(Jesper!AI$2:AI$366,ROUNDDOWN($C3343/24,0)+1,1)*INDEX($D$3:$AA$30,INDEX(Jesper!$R$2:$R$366,ROW(INDEX(Jesper!AI$2:AI$366,ROUNDDOWN($C3343/24,0)+1,1))-1)+IF('Standard Profiles'!$G$19=$B$10,7,0)+IF('Standard Profiles'!$G$19=$B$17,14,0)+IF('Standard Profiles'!$G$19=$B$24,21,0),MOD($C3343,24)+1)/SUM(INDEX($D$3:$AA$30,INDEX(Jesper!$R$2:$R$366,ROW(INDEX(Jesper!AI$2:AI$366,ROUNDDOWN($C3343/24,0)+1,1))-1)+IF('Standard Profiles'!$G$19=$B$10,7,0)+IF('Standard Profiles'!$G$19=$B$17,14,0)+IF('Standard Profiles'!$G$19=$B$24,21,0),0)),0)</f>
        <v>0</v>
      </c>
      <c r="F3343" cm="1">
        <f t="array" ref="F3343">IFERROR(INDEX(Jesper!AJ$2:AJ$366,ROUNDDOWN($C3343/24,0)+1,1)*INDEX($D$3:$AA$30,INDEX(Jesper!$R$2:$R$366,ROW(INDEX(Jesper!AJ$2:AJ$366,ROUNDDOWN($C3343/24,0)+1,1))-1)+IF('Standard Profiles'!$G$20=$B$10,7,0)+IF('Standard Profiles'!$G$20=$B$17,14,0)+IF('Standard Profiles'!$G$20=$B$24,21,0),MOD($C3343,24)+1)/SUM(INDEX($D$3:$AA$30,INDEX(Jesper!$R$2:$R$366,ROW(INDEX(Jesper!AJ$2:AJ$366,ROUNDDOWN($C3343/24,0)+1,1))-1)+IF('Standard Profiles'!$G$20=$B$10,7,0)+IF('Standard Profiles'!$G$20=$B$17,14,0)+IF('Standard Profiles'!$G$20=$B$24,21,0),0)),0)</f>
        <v>0</v>
      </c>
      <c r="G3343" cm="1">
        <f t="array" ref="G3343">IFERROR(INDEX(Jesper!AK$2:AK$366,ROUNDDOWN($C3343/24,0)+1,1)*INDEX($D$3:$AA$30,INDEX(Jesper!$R$2:$R$366,ROW(INDEX(Jesper!AK$2:AK$366,ROUNDDOWN($C3343/24,0)+1,1))-1)+IF('Standard Profiles'!$G$21=$B$10,7,0)+IF('Standard Profiles'!$G$21=$B$17,14,0)+IF('Standard Profiles'!$G$21=$B$24,21,0),MOD($C3343,24)+1)/SUM(INDEX($D$3:$AA$30,INDEX(Jesper!$R$2:$R$366,ROW(INDEX(Jesper!AK$2:AK$366,ROUNDDOWN($C3343/24,0)+1,1))-1)+IF('Standard Profiles'!$G$21=$B$10,7,0)+IF('Standard Profiles'!$G$21=$B$17,14,0)+IF('Standard Profiles'!$G$21=$B$24,21,0),0)),0)</f>
        <v>0</v>
      </c>
      <c r="H3343" cm="1">
        <f t="array" ref="H3343">IFERROR(INDEX(Jesper!AL$2:AL$366,ROUNDDOWN($C3343/24,0)+1,1)*INDEX($D$3:$AA$30,INDEX(Jesper!$R$2:$R$366,ROW(INDEX(Jesper!AL$2:AL$366,ROUNDDOWN($C3343/24,0)+1,1))-1)+IF('Standard Profiles'!$G$22=$B$10,7,0)+IF('Standard Profiles'!$G$22=$B$17,14,0)+IF('Standard Profiles'!$G$22=$B$24,21,0),MOD($C3343,24)+1)/SUM(INDEX($D$3:$AA$30,INDEX(Jesper!$R$2:$R$366,ROW(INDEX(Jesper!AL$2:AL$366,ROUNDDOWN($C3343/24,0)+1,1))-1)+IF('Standard Profiles'!$G$22=$B$10,7,0)+IF('Standard Profiles'!$G$22=$B$17,14,0)+IF('Standard Profiles'!$G$22=$B$24,21,0),0)),0)</f>
        <v>0</v>
      </c>
      <c r="I3343">
        <f t="shared" si="377"/>
        <v>0.1099835200462253</v>
      </c>
      <c r="J3343">
        <f t="shared" si="378"/>
        <v>0.36661173348741771</v>
      </c>
      <c r="K3343">
        <f t="shared" si="379"/>
        <v>0.54991760023112646</v>
      </c>
      <c r="L3343">
        <f t="shared" si="380"/>
        <v>2.6396044811094073</v>
      </c>
      <c r="M3343">
        <f t="shared" si="381"/>
        <v>0</v>
      </c>
      <c r="N3343" s="46">
        <f t="shared" si="382"/>
        <v>45429.874999991975</v>
      </c>
    </row>
    <row r="3344" spans="2:14" x14ac:dyDescent="0.3">
      <c r="B3344">
        <f t="shared" si="376"/>
        <v>5</v>
      </c>
      <c r="C3344" s="16">
        <v>3310</v>
      </c>
      <c r="D3344" cm="1">
        <f t="array" ref="D3344">IFERROR(INDEX(Jesper!AH$2:AH$366,ROUNDDOWN($C3344/24,0)+1,1)*INDEX($D$3:$AA$30,INDEX(Jesper!$R$2:$R$366,ROW(INDEX(Jesper!AH$2:AH$366,ROUNDDOWN($C3344/24,0)+1,1))-1)+IF('Standard Profiles'!$G$18=$B$10,7,0)+IF('Standard Profiles'!$G$18=$B$17,14,0)+IF('Standard Profiles'!$G$18=$B$24,21,0),MOD($C3344,24)+1)/SUM(INDEX($D$3:$AA$30,INDEX(Jesper!$R$2:$R$366,ROW(INDEX(Jesper!AH$2:AH$366,ROUNDDOWN($C3344/24,0)+1,1))-1)+IF('Standard Profiles'!$G$18=$B$10,7,0)+IF('Standard Profiles'!$G$18=$B$17,14,0)+IF('Standard Profiles'!$G$18=$B$24,21,0),0)),0)</f>
        <v>3.6661173348741767</v>
      </c>
      <c r="E3344" cm="1">
        <f t="array" ref="E3344">IFERROR(INDEX(Jesper!AI$2:AI$366,ROUNDDOWN($C3344/24,0)+1,1)*INDEX($D$3:$AA$30,INDEX(Jesper!$R$2:$R$366,ROW(INDEX(Jesper!AI$2:AI$366,ROUNDDOWN($C3344/24,0)+1,1))-1)+IF('Standard Profiles'!$G$19=$B$10,7,0)+IF('Standard Profiles'!$G$19=$B$17,14,0)+IF('Standard Profiles'!$G$19=$B$24,21,0),MOD($C3344,24)+1)/SUM(INDEX($D$3:$AA$30,INDEX(Jesper!$R$2:$R$366,ROW(INDEX(Jesper!AI$2:AI$366,ROUNDDOWN($C3344/24,0)+1,1))-1)+IF('Standard Profiles'!$G$19=$B$10,7,0)+IF('Standard Profiles'!$G$19=$B$17,14,0)+IF('Standard Profiles'!$G$19=$B$24,21,0),0)),0)</f>
        <v>0</v>
      </c>
      <c r="F3344" cm="1">
        <f t="array" ref="F3344">IFERROR(INDEX(Jesper!AJ$2:AJ$366,ROUNDDOWN($C3344/24,0)+1,1)*INDEX($D$3:$AA$30,INDEX(Jesper!$R$2:$R$366,ROW(INDEX(Jesper!AJ$2:AJ$366,ROUNDDOWN($C3344/24,0)+1,1))-1)+IF('Standard Profiles'!$G$20=$B$10,7,0)+IF('Standard Profiles'!$G$20=$B$17,14,0)+IF('Standard Profiles'!$G$20=$B$24,21,0),MOD($C3344,24)+1)/SUM(INDEX($D$3:$AA$30,INDEX(Jesper!$R$2:$R$366,ROW(INDEX(Jesper!AJ$2:AJ$366,ROUNDDOWN($C3344/24,0)+1,1))-1)+IF('Standard Profiles'!$G$20=$B$10,7,0)+IF('Standard Profiles'!$G$20=$B$17,14,0)+IF('Standard Profiles'!$G$20=$B$24,21,0),0)),0)</f>
        <v>0</v>
      </c>
      <c r="G3344" cm="1">
        <f t="array" ref="G3344">IFERROR(INDEX(Jesper!AK$2:AK$366,ROUNDDOWN($C3344/24,0)+1,1)*INDEX($D$3:$AA$30,INDEX(Jesper!$R$2:$R$366,ROW(INDEX(Jesper!AK$2:AK$366,ROUNDDOWN($C3344/24,0)+1,1))-1)+IF('Standard Profiles'!$G$21=$B$10,7,0)+IF('Standard Profiles'!$G$21=$B$17,14,0)+IF('Standard Profiles'!$G$21=$B$24,21,0),MOD($C3344,24)+1)/SUM(INDEX($D$3:$AA$30,INDEX(Jesper!$R$2:$R$366,ROW(INDEX(Jesper!AK$2:AK$366,ROUNDDOWN($C3344/24,0)+1,1))-1)+IF('Standard Profiles'!$G$21=$B$10,7,0)+IF('Standard Profiles'!$G$21=$B$17,14,0)+IF('Standard Profiles'!$G$21=$B$24,21,0),0)),0)</f>
        <v>0</v>
      </c>
      <c r="H3344" cm="1">
        <f t="array" ref="H3344">IFERROR(INDEX(Jesper!AL$2:AL$366,ROUNDDOWN($C3344/24,0)+1,1)*INDEX($D$3:$AA$30,INDEX(Jesper!$R$2:$R$366,ROW(INDEX(Jesper!AL$2:AL$366,ROUNDDOWN($C3344/24,0)+1,1))-1)+IF('Standard Profiles'!$G$22=$B$10,7,0)+IF('Standard Profiles'!$G$22=$B$17,14,0)+IF('Standard Profiles'!$G$22=$B$24,21,0),MOD($C3344,24)+1)/SUM(INDEX($D$3:$AA$30,INDEX(Jesper!$R$2:$R$366,ROW(INDEX(Jesper!AL$2:AL$366,ROUNDDOWN($C3344/24,0)+1,1))-1)+IF('Standard Profiles'!$G$22=$B$10,7,0)+IF('Standard Profiles'!$G$22=$B$17,14,0)+IF('Standard Profiles'!$G$22=$B$24,21,0),0)),0)</f>
        <v>0</v>
      </c>
      <c r="I3344">
        <f t="shared" si="377"/>
        <v>0.1099835200462253</v>
      </c>
      <c r="J3344">
        <f t="shared" si="378"/>
        <v>0.36661173348741771</v>
      </c>
      <c r="K3344">
        <f t="shared" si="379"/>
        <v>0.54991760023112646</v>
      </c>
      <c r="L3344">
        <f t="shared" si="380"/>
        <v>2.6396044811094073</v>
      </c>
      <c r="M3344">
        <f t="shared" si="381"/>
        <v>0</v>
      </c>
      <c r="N3344" s="46">
        <f t="shared" si="382"/>
        <v>45429.916666658639</v>
      </c>
    </row>
    <row r="3345" spans="2:14" x14ac:dyDescent="0.3">
      <c r="B3345">
        <f t="shared" si="376"/>
        <v>5</v>
      </c>
      <c r="C3345" s="16">
        <v>3311</v>
      </c>
      <c r="D3345" cm="1">
        <f t="array" ref="D3345">IFERROR(INDEX(Jesper!AH$2:AH$366,ROUNDDOWN($C3345/24,0)+1,1)*INDEX($D$3:$AA$30,INDEX(Jesper!$R$2:$R$366,ROW(INDEX(Jesper!AH$2:AH$366,ROUNDDOWN($C3345/24,0)+1,1))-1)+IF('Standard Profiles'!$G$18=$B$10,7,0)+IF('Standard Profiles'!$G$18=$B$17,14,0)+IF('Standard Profiles'!$G$18=$B$24,21,0),MOD($C3345,24)+1)/SUM(INDEX($D$3:$AA$30,INDEX(Jesper!$R$2:$R$366,ROW(INDEX(Jesper!AH$2:AH$366,ROUNDDOWN($C3345/24,0)+1,1))-1)+IF('Standard Profiles'!$G$18=$B$10,7,0)+IF('Standard Profiles'!$G$18=$B$17,14,0)+IF('Standard Profiles'!$G$18=$B$24,21,0),0)),0)</f>
        <v>3.6661173348741767</v>
      </c>
      <c r="E3345" cm="1">
        <f t="array" ref="E3345">IFERROR(INDEX(Jesper!AI$2:AI$366,ROUNDDOWN($C3345/24,0)+1,1)*INDEX($D$3:$AA$30,INDEX(Jesper!$R$2:$R$366,ROW(INDEX(Jesper!AI$2:AI$366,ROUNDDOWN($C3345/24,0)+1,1))-1)+IF('Standard Profiles'!$G$19=$B$10,7,0)+IF('Standard Profiles'!$G$19=$B$17,14,0)+IF('Standard Profiles'!$G$19=$B$24,21,0),MOD($C3345,24)+1)/SUM(INDEX($D$3:$AA$30,INDEX(Jesper!$R$2:$R$366,ROW(INDEX(Jesper!AI$2:AI$366,ROUNDDOWN($C3345/24,0)+1,1))-1)+IF('Standard Profiles'!$G$19=$B$10,7,0)+IF('Standard Profiles'!$G$19=$B$17,14,0)+IF('Standard Profiles'!$G$19=$B$24,21,0),0)),0)</f>
        <v>0</v>
      </c>
      <c r="F3345" cm="1">
        <f t="array" ref="F3345">IFERROR(INDEX(Jesper!AJ$2:AJ$366,ROUNDDOWN($C3345/24,0)+1,1)*INDEX($D$3:$AA$30,INDEX(Jesper!$R$2:$R$366,ROW(INDEX(Jesper!AJ$2:AJ$366,ROUNDDOWN($C3345/24,0)+1,1))-1)+IF('Standard Profiles'!$G$20=$B$10,7,0)+IF('Standard Profiles'!$G$20=$B$17,14,0)+IF('Standard Profiles'!$G$20=$B$24,21,0),MOD($C3345,24)+1)/SUM(INDEX($D$3:$AA$30,INDEX(Jesper!$R$2:$R$366,ROW(INDEX(Jesper!AJ$2:AJ$366,ROUNDDOWN($C3345/24,0)+1,1))-1)+IF('Standard Profiles'!$G$20=$B$10,7,0)+IF('Standard Profiles'!$G$20=$B$17,14,0)+IF('Standard Profiles'!$G$20=$B$24,21,0),0)),0)</f>
        <v>0</v>
      </c>
      <c r="G3345" cm="1">
        <f t="array" ref="G3345">IFERROR(INDEX(Jesper!AK$2:AK$366,ROUNDDOWN($C3345/24,0)+1,1)*INDEX($D$3:$AA$30,INDEX(Jesper!$R$2:$R$366,ROW(INDEX(Jesper!AK$2:AK$366,ROUNDDOWN($C3345/24,0)+1,1))-1)+IF('Standard Profiles'!$G$21=$B$10,7,0)+IF('Standard Profiles'!$G$21=$B$17,14,0)+IF('Standard Profiles'!$G$21=$B$24,21,0),MOD($C3345,24)+1)/SUM(INDEX($D$3:$AA$30,INDEX(Jesper!$R$2:$R$366,ROW(INDEX(Jesper!AK$2:AK$366,ROUNDDOWN($C3345/24,0)+1,1))-1)+IF('Standard Profiles'!$G$21=$B$10,7,0)+IF('Standard Profiles'!$G$21=$B$17,14,0)+IF('Standard Profiles'!$G$21=$B$24,21,0),0)),0)</f>
        <v>0</v>
      </c>
      <c r="H3345" cm="1">
        <f t="array" ref="H3345">IFERROR(INDEX(Jesper!AL$2:AL$366,ROUNDDOWN($C3345/24,0)+1,1)*INDEX($D$3:$AA$30,INDEX(Jesper!$R$2:$R$366,ROW(INDEX(Jesper!AL$2:AL$366,ROUNDDOWN($C3345/24,0)+1,1))-1)+IF('Standard Profiles'!$G$22=$B$10,7,0)+IF('Standard Profiles'!$G$22=$B$17,14,0)+IF('Standard Profiles'!$G$22=$B$24,21,0),MOD($C3345,24)+1)/SUM(INDEX($D$3:$AA$30,INDEX(Jesper!$R$2:$R$366,ROW(INDEX(Jesper!AL$2:AL$366,ROUNDDOWN($C3345/24,0)+1,1))-1)+IF('Standard Profiles'!$G$22=$B$10,7,0)+IF('Standard Profiles'!$G$22=$B$17,14,0)+IF('Standard Profiles'!$G$22=$B$24,21,0),0)),0)</f>
        <v>0</v>
      </c>
      <c r="I3345">
        <f t="shared" si="377"/>
        <v>0.1099835200462253</v>
      </c>
      <c r="J3345">
        <f t="shared" si="378"/>
        <v>0.36661173348741771</v>
      </c>
      <c r="K3345">
        <f t="shared" si="379"/>
        <v>0.54991760023112646</v>
      </c>
      <c r="L3345">
        <f t="shared" si="380"/>
        <v>2.6396044811094073</v>
      </c>
      <c r="M3345">
        <f t="shared" si="381"/>
        <v>0</v>
      </c>
      <c r="N3345" s="46">
        <f t="shared" si="382"/>
        <v>45429.958333325303</v>
      </c>
    </row>
    <row r="3346" spans="2:14" x14ac:dyDescent="0.3">
      <c r="B3346">
        <f t="shared" si="376"/>
        <v>6</v>
      </c>
      <c r="C3346" s="16">
        <v>3312</v>
      </c>
      <c r="D3346" cm="1">
        <f t="array" ref="D3346">IFERROR(INDEX(Jesper!AH$2:AH$366,ROUNDDOWN($C3346/24,0)+1,1)*INDEX($D$3:$AA$30,INDEX(Jesper!$R$2:$R$366,ROW(INDEX(Jesper!AH$2:AH$366,ROUNDDOWN($C3346/24,0)+1,1))-1)+IF('Standard Profiles'!$G$18=$B$10,7,0)+IF('Standard Profiles'!$G$18=$B$17,14,0)+IF('Standard Profiles'!$G$18=$B$24,21,0),MOD($C3346,24)+1)/SUM(INDEX($D$3:$AA$30,INDEX(Jesper!$R$2:$R$366,ROW(INDEX(Jesper!AH$2:AH$366,ROUNDDOWN($C3346/24,0)+1,1))-1)+IF('Standard Profiles'!$G$18=$B$10,7,0)+IF('Standard Profiles'!$G$18=$B$17,14,0)+IF('Standard Profiles'!$G$18=$B$24,21,0),0)),0)</f>
        <v>3.5462476351664711</v>
      </c>
      <c r="E3346" cm="1">
        <f t="array" ref="E3346">IFERROR(INDEX(Jesper!AI$2:AI$366,ROUNDDOWN($C3346/24,0)+1,1)*INDEX($D$3:$AA$30,INDEX(Jesper!$R$2:$R$366,ROW(INDEX(Jesper!AI$2:AI$366,ROUNDDOWN($C3346/24,0)+1,1))-1)+IF('Standard Profiles'!$G$19=$B$10,7,0)+IF('Standard Profiles'!$G$19=$B$17,14,0)+IF('Standard Profiles'!$G$19=$B$24,21,0),MOD($C3346,24)+1)/SUM(INDEX($D$3:$AA$30,INDEX(Jesper!$R$2:$R$366,ROW(INDEX(Jesper!AI$2:AI$366,ROUNDDOWN($C3346/24,0)+1,1))-1)+IF('Standard Profiles'!$G$19=$B$10,7,0)+IF('Standard Profiles'!$G$19=$B$17,14,0)+IF('Standard Profiles'!$G$19=$B$24,21,0),0)),0)</f>
        <v>0.58678582898578224</v>
      </c>
      <c r="F3346" cm="1">
        <f t="array" ref="F3346">IFERROR(INDEX(Jesper!AJ$2:AJ$366,ROUNDDOWN($C3346/24,0)+1,1)*INDEX($D$3:$AA$30,INDEX(Jesper!$R$2:$R$366,ROW(INDEX(Jesper!AJ$2:AJ$366,ROUNDDOWN($C3346/24,0)+1,1))-1)+IF('Standard Profiles'!$G$20=$B$10,7,0)+IF('Standard Profiles'!$G$20=$B$17,14,0)+IF('Standard Profiles'!$G$20=$B$24,21,0),MOD($C3346,24)+1)/SUM(INDEX($D$3:$AA$30,INDEX(Jesper!$R$2:$R$366,ROW(INDEX(Jesper!AJ$2:AJ$366,ROUNDDOWN($C3346/24,0)+1,1))-1)+IF('Standard Profiles'!$G$20=$B$10,7,0)+IF('Standard Profiles'!$G$20=$B$17,14,0)+IF('Standard Profiles'!$G$20=$B$24,21,0),0)),0)</f>
        <v>0</v>
      </c>
      <c r="G3346" cm="1">
        <f t="array" ref="G3346">IFERROR(INDEX(Jesper!AK$2:AK$366,ROUNDDOWN($C3346/24,0)+1,1)*INDEX($D$3:$AA$30,INDEX(Jesper!$R$2:$R$366,ROW(INDEX(Jesper!AK$2:AK$366,ROUNDDOWN($C3346/24,0)+1,1))-1)+IF('Standard Profiles'!$G$21=$B$10,7,0)+IF('Standard Profiles'!$G$21=$B$17,14,0)+IF('Standard Profiles'!$G$21=$B$24,21,0),MOD($C3346,24)+1)/SUM(INDEX($D$3:$AA$30,INDEX(Jesper!$R$2:$R$366,ROW(INDEX(Jesper!AK$2:AK$366,ROUNDDOWN($C3346/24,0)+1,1))-1)+IF('Standard Profiles'!$G$21=$B$10,7,0)+IF('Standard Profiles'!$G$21=$B$17,14,0)+IF('Standard Profiles'!$G$21=$B$24,21,0),0)),0)</f>
        <v>0</v>
      </c>
      <c r="H3346" cm="1">
        <f t="array" ref="H3346">IFERROR(INDEX(Jesper!AL$2:AL$366,ROUNDDOWN($C3346/24,0)+1,1)*INDEX($D$3:$AA$30,INDEX(Jesper!$R$2:$R$366,ROW(INDEX(Jesper!AL$2:AL$366,ROUNDDOWN($C3346/24,0)+1,1))-1)+IF('Standard Profiles'!$G$22=$B$10,7,0)+IF('Standard Profiles'!$G$22=$B$17,14,0)+IF('Standard Profiles'!$G$22=$B$24,21,0),MOD($C3346,24)+1)/SUM(INDEX($D$3:$AA$30,INDEX(Jesper!$R$2:$R$366,ROW(INDEX(Jesper!AL$2:AL$366,ROUNDDOWN($C3346/24,0)+1,1))-1)+IF('Standard Profiles'!$G$22=$B$10,7,0)+IF('Standard Profiles'!$G$22=$B$17,14,0)+IF('Standard Profiles'!$G$22=$B$24,21,0),0)),0)</f>
        <v>0</v>
      </c>
      <c r="I3346">
        <f t="shared" si="377"/>
        <v>5.2863588196917333E-2</v>
      </c>
      <c r="J3346">
        <f t="shared" si="378"/>
        <v>0.17621196065639114</v>
      </c>
      <c r="K3346">
        <f t="shared" si="379"/>
        <v>0.26431794098458672</v>
      </c>
      <c r="L3346">
        <f t="shared" si="380"/>
        <v>3.6396399743143584</v>
      </c>
      <c r="M3346">
        <f t="shared" si="381"/>
        <v>0</v>
      </c>
      <c r="N3346" s="46">
        <f t="shared" si="382"/>
        <v>45429.999999991967</v>
      </c>
    </row>
    <row r="3347" spans="2:14" x14ac:dyDescent="0.3">
      <c r="B3347">
        <f t="shared" si="376"/>
        <v>6</v>
      </c>
      <c r="C3347" s="16">
        <v>3313</v>
      </c>
      <c r="D3347" cm="1">
        <f t="array" ref="D3347">IFERROR(INDEX(Jesper!AH$2:AH$366,ROUNDDOWN($C3347/24,0)+1,1)*INDEX($D$3:$AA$30,INDEX(Jesper!$R$2:$R$366,ROW(INDEX(Jesper!AH$2:AH$366,ROUNDDOWN($C3347/24,0)+1,1))-1)+IF('Standard Profiles'!$G$18=$B$10,7,0)+IF('Standard Profiles'!$G$18=$B$17,14,0)+IF('Standard Profiles'!$G$18=$B$24,21,0),MOD($C3347,24)+1)/SUM(INDEX($D$3:$AA$30,INDEX(Jesper!$R$2:$R$366,ROW(INDEX(Jesper!AH$2:AH$366,ROUNDDOWN($C3347/24,0)+1,1))-1)+IF('Standard Profiles'!$G$18=$B$10,7,0)+IF('Standard Profiles'!$G$18=$B$17,14,0)+IF('Standard Profiles'!$G$18=$B$24,21,0),0)),0)</f>
        <v>6.9236263353250163</v>
      </c>
      <c r="E3347" cm="1">
        <f t="array" ref="E3347">IFERROR(INDEX(Jesper!AI$2:AI$366,ROUNDDOWN($C3347/24,0)+1,1)*INDEX($D$3:$AA$30,INDEX(Jesper!$R$2:$R$366,ROW(INDEX(Jesper!AI$2:AI$366,ROUNDDOWN($C3347/24,0)+1,1))-1)+IF('Standard Profiles'!$G$19=$B$10,7,0)+IF('Standard Profiles'!$G$19=$B$17,14,0)+IF('Standard Profiles'!$G$19=$B$24,21,0),MOD($C3347,24)+1)/SUM(INDEX($D$3:$AA$30,INDEX(Jesper!$R$2:$R$366,ROW(INDEX(Jesper!AI$2:AI$366,ROUNDDOWN($C3347/24,0)+1,1))-1)+IF('Standard Profiles'!$G$19=$B$10,7,0)+IF('Standard Profiles'!$G$19=$B$17,14,0)+IF('Standard Profiles'!$G$19=$B$24,21,0),0)),0)</f>
        <v>1.1456294756389083</v>
      </c>
      <c r="F3347" cm="1">
        <f t="array" ref="F3347">IFERROR(INDEX(Jesper!AJ$2:AJ$366,ROUNDDOWN($C3347/24,0)+1,1)*INDEX($D$3:$AA$30,INDEX(Jesper!$R$2:$R$366,ROW(INDEX(Jesper!AJ$2:AJ$366,ROUNDDOWN($C3347/24,0)+1,1))-1)+IF('Standard Profiles'!$G$20=$B$10,7,0)+IF('Standard Profiles'!$G$20=$B$17,14,0)+IF('Standard Profiles'!$G$20=$B$24,21,0),MOD($C3347,24)+1)/SUM(INDEX($D$3:$AA$30,INDEX(Jesper!$R$2:$R$366,ROW(INDEX(Jesper!AJ$2:AJ$366,ROUNDDOWN($C3347/24,0)+1,1))-1)+IF('Standard Profiles'!$G$20=$B$10,7,0)+IF('Standard Profiles'!$G$20=$B$17,14,0)+IF('Standard Profiles'!$G$20=$B$24,21,0),0)),0)</f>
        <v>0</v>
      </c>
      <c r="G3347" cm="1">
        <f t="array" ref="G3347">IFERROR(INDEX(Jesper!AK$2:AK$366,ROUNDDOWN($C3347/24,0)+1,1)*INDEX($D$3:$AA$30,INDEX(Jesper!$R$2:$R$366,ROW(INDEX(Jesper!AK$2:AK$366,ROUNDDOWN($C3347/24,0)+1,1))-1)+IF('Standard Profiles'!$G$21=$B$10,7,0)+IF('Standard Profiles'!$G$21=$B$17,14,0)+IF('Standard Profiles'!$G$21=$B$24,21,0),MOD($C3347,24)+1)/SUM(INDEX($D$3:$AA$30,INDEX(Jesper!$R$2:$R$366,ROW(INDEX(Jesper!AK$2:AK$366,ROUNDDOWN($C3347/24,0)+1,1))-1)+IF('Standard Profiles'!$G$21=$B$10,7,0)+IF('Standard Profiles'!$G$21=$B$17,14,0)+IF('Standard Profiles'!$G$21=$B$24,21,0),0)),0)</f>
        <v>0</v>
      </c>
      <c r="H3347" cm="1">
        <f t="array" ref="H3347">IFERROR(INDEX(Jesper!AL$2:AL$366,ROUNDDOWN($C3347/24,0)+1,1)*INDEX($D$3:$AA$30,INDEX(Jesper!$R$2:$R$366,ROW(INDEX(Jesper!AL$2:AL$366,ROUNDDOWN($C3347/24,0)+1,1))-1)+IF('Standard Profiles'!$G$22=$B$10,7,0)+IF('Standard Profiles'!$G$22=$B$17,14,0)+IF('Standard Profiles'!$G$22=$B$24,21,0),MOD($C3347,24)+1)/SUM(INDEX($D$3:$AA$30,INDEX(Jesper!$R$2:$R$366,ROW(INDEX(Jesper!AL$2:AL$366,ROUNDDOWN($C3347/24,0)+1,1))-1)+IF('Standard Profiles'!$G$22=$B$10,7,0)+IF('Standard Profiles'!$G$22=$B$17,14,0)+IF('Standard Profiles'!$G$22=$B$24,21,0),0)),0)</f>
        <v>0</v>
      </c>
      <c r="I3347">
        <f t="shared" si="377"/>
        <v>0.10320986267017195</v>
      </c>
      <c r="J3347">
        <f t="shared" si="378"/>
        <v>0.34403287556723983</v>
      </c>
      <c r="K3347">
        <f t="shared" si="379"/>
        <v>0.5160493133508598</v>
      </c>
      <c r="L3347">
        <f t="shared" si="380"/>
        <v>7.1059637593756531</v>
      </c>
      <c r="M3347">
        <f t="shared" si="381"/>
        <v>0</v>
      </c>
      <c r="N3347" s="46">
        <f t="shared" si="382"/>
        <v>45430.041666658632</v>
      </c>
    </row>
    <row r="3348" spans="2:14" x14ac:dyDescent="0.3">
      <c r="B3348">
        <f t="shared" si="376"/>
        <v>6</v>
      </c>
      <c r="C3348" s="16">
        <v>3314</v>
      </c>
      <c r="D3348" cm="1">
        <f t="array" ref="D3348">IFERROR(INDEX(Jesper!AH$2:AH$366,ROUNDDOWN($C3348/24,0)+1,1)*INDEX($D$3:$AA$30,INDEX(Jesper!$R$2:$R$366,ROW(INDEX(Jesper!AH$2:AH$366,ROUNDDOWN($C3348/24,0)+1,1))-1)+IF('Standard Profiles'!$G$18=$B$10,7,0)+IF('Standard Profiles'!$G$18=$B$17,14,0)+IF('Standard Profiles'!$G$18=$B$24,21,0),MOD($C3348,24)+1)/SUM(INDEX($D$3:$AA$30,INDEX(Jesper!$R$2:$R$366,ROW(INDEX(Jesper!AH$2:AH$366,ROUNDDOWN($C3348/24,0)+1,1))-1)+IF('Standard Profiles'!$G$18=$B$10,7,0)+IF('Standard Profiles'!$G$18=$B$17,14,0)+IF('Standard Profiles'!$G$18=$B$24,21,0),0)),0)</f>
        <v>6.9236263353250163</v>
      </c>
      <c r="E3348" cm="1">
        <f t="array" ref="E3348">IFERROR(INDEX(Jesper!AI$2:AI$366,ROUNDDOWN($C3348/24,0)+1,1)*INDEX($D$3:$AA$30,INDEX(Jesper!$R$2:$R$366,ROW(INDEX(Jesper!AI$2:AI$366,ROUNDDOWN($C3348/24,0)+1,1))-1)+IF('Standard Profiles'!$G$19=$B$10,7,0)+IF('Standard Profiles'!$G$19=$B$17,14,0)+IF('Standard Profiles'!$G$19=$B$24,21,0),MOD($C3348,24)+1)/SUM(INDEX($D$3:$AA$30,INDEX(Jesper!$R$2:$R$366,ROW(INDEX(Jesper!AI$2:AI$366,ROUNDDOWN($C3348/24,0)+1,1))-1)+IF('Standard Profiles'!$G$19=$B$10,7,0)+IF('Standard Profiles'!$G$19=$B$17,14,0)+IF('Standard Profiles'!$G$19=$B$24,21,0),0)),0)</f>
        <v>1.1456294756389083</v>
      </c>
      <c r="F3348" cm="1">
        <f t="array" ref="F3348">IFERROR(INDEX(Jesper!AJ$2:AJ$366,ROUNDDOWN($C3348/24,0)+1,1)*INDEX($D$3:$AA$30,INDEX(Jesper!$R$2:$R$366,ROW(INDEX(Jesper!AJ$2:AJ$366,ROUNDDOWN($C3348/24,0)+1,1))-1)+IF('Standard Profiles'!$G$20=$B$10,7,0)+IF('Standard Profiles'!$G$20=$B$17,14,0)+IF('Standard Profiles'!$G$20=$B$24,21,0),MOD($C3348,24)+1)/SUM(INDEX($D$3:$AA$30,INDEX(Jesper!$R$2:$R$366,ROW(INDEX(Jesper!AJ$2:AJ$366,ROUNDDOWN($C3348/24,0)+1,1))-1)+IF('Standard Profiles'!$G$20=$B$10,7,0)+IF('Standard Profiles'!$G$20=$B$17,14,0)+IF('Standard Profiles'!$G$20=$B$24,21,0),0)),0)</f>
        <v>0</v>
      </c>
      <c r="G3348" cm="1">
        <f t="array" ref="G3348">IFERROR(INDEX(Jesper!AK$2:AK$366,ROUNDDOWN($C3348/24,0)+1,1)*INDEX($D$3:$AA$30,INDEX(Jesper!$R$2:$R$366,ROW(INDEX(Jesper!AK$2:AK$366,ROUNDDOWN($C3348/24,0)+1,1))-1)+IF('Standard Profiles'!$G$21=$B$10,7,0)+IF('Standard Profiles'!$G$21=$B$17,14,0)+IF('Standard Profiles'!$G$21=$B$24,21,0),MOD($C3348,24)+1)/SUM(INDEX($D$3:$AA$30,INDEX(Jesper!$R$2:$R$366,ROW(INDEX(Jesper!AK$2:AK$366,ROUNDDOWN($C3348/24,0)+1,1))-1)+IF('Standard Profiles'!$G$21=$B$10,7,0)+IF('Standard Profiles'!$G$21=$B$17,14,0)+IF('Standard Profiles'!$G$21=$B$24,21,0),0)),0)</f>
        <v>0</v>
      </c>
      <c r="H3348" cm="1">
        <f t="array" ref="H3348">IFERROR(INDEX(Jesper!AL$2:AL$366,ROUNDDOWN($C3348/24,0)+1,1)*INDEX($D$3:$AA$30,INDEX(Jesper!$R$2:$R$366,ROW(INDEX(Jesper!AL$2:AL$366,ROUNDDOWN($C3348/24,0)+1,1))-1)+IF('Standard Profiles'!$G$22=$B$10,7,0)+IF('Standard Profiles'!$G$22=$B$17,14,0)+IF('Standard Profiles'!$G$22=$B$24,21,0),MOD($C3348,24)+1)/SUM(INDEX($D$3:$AA$30,INDEX(Jesper!$R$2:$R$366,ROW(INDEX(Jesper!AL$2:AL$366,ROUNDDOWN($C3348/24,0)+1,1))-1)+IF('Standard Profiles'!$G$22=$B$10,7,0)+IF('Standard Profiles'!$G$22=$B$17,14,0)+IF('Standard Profiles'!$G$22=$B$24,21,0),0)),0)</f>
        <v>0</v>
      </c>
      <c r="I3348">
        <f t="shared" si="377"/>
        <v>0.10320986267017195</v>
      </c>
      <c r="J3348">
        <f t="shared" si="378"/>
        <v>0.34403287556723983</v>
      </c>
      <c r="K3348">
        <f t="shared" si="379"/>
        <v>0.5160493133508598</v>
      </c>
      <c r="L3348">
        <f t="shared" si="380"/>
        <v>7.1059637593756531</v>
      </c>
      <c r="M3348">
        <f t="shared" si="381"/>
        <v>0</v>
      </c>
      <c r="N3348" s="46">
        <f t="shared" si="382"/>
        <v>45430.083333325296</v>
      </c>
    </row>
    <row r="3349" spans="2:14" x14ac:dyDescent="0.3">
      <c r="B3349">
        <f t="shared" si="376"/>
        <v>6</v>
      </c>
      <c r="C3349" s="16">
        <v>3315</v>
      </c>
      <c r="D3349" cm="1">
        <f t="array" ref="D3349">IFERROR(INDEX(Jesper!AH$2:AH$366,ROUNDDOWN($C3349/24,0)+1,1)*INDEX($D$3:$AA$30,INDEX(Jesper!$R$2:$R$366,ROW(INDEX(Jesper!AH$2:AH$366,ROUNDDOWN($C3349/24,0)+1,1))-1)+IF('Standard Profiles'!$G$18=$B$10,7,0)+IF('Standard Profiles'!$G$18=$B$17,14,0)+IF('Standard Profiles'!$G$18=$B$24,21,0),MOD($C3349,24)+1)/SUM(INDEX($D$3:$AA$30,INDEX(Jesper!$R$2:$R$366,ROW(INDEX(Jesper!AH$2:AH$366,ROUNDDOWN($C3349/24,0)+1,1))-1)+IF('Standard Profiles'!$G$18=$B$10,7,0)+IF('Standard Profiles'!$G$18=$B$17,14,0)+IF('Standard Profiles'!$G$18=$B$24,21,0),0)),0)</f>
        <v>6.9236263353250163</v>
      </c>
      <c r="E3349" cm="1">
        <f t="array" ref="E3349">IFERROR(INDEX(Jesper!AI$2:AI$366,ROUNDDOWN($C3349/24,0)+1,1)*INDEX($D$3:$AA$30,INDEX(Jesper!$R$2:$R$366,ROW(INDEX(Jesper!AI$2:AI$366,ROUNDDOWN($C3349/24,0)+1,1))-1)+IF('Standard Profiles'!$G$19=$B$10,7,0)+IF('Standard Profiles'!$G$19=$B$17,14,0)+IF('Standard Profiles'!$G$19=$B$24,21,0),MOD($C3349,24)+1)/SUM(INDEX($D$3:$AA$30,INDEX(Jesper!$R$2:$R$366,ROW(INDEX(Jesper!AI$2:AI$366,ROUNDDOWN($C3349/24,0)+1,1))-1)+IF('Standard Profiles'!$G$19=$B$10,7,0)+IF('Standard Profiles'!$G$19=$B$17,14,0)+IF('Standard Profiles'!$G$19=$B$24,21,0),0)),0)</f>
        <v>1.1456294756389083</v>
      </c>
      <c r="F3349" cm="1">
        <f t="array" ref="F3349">IFERROR(INDEX(Jesper!AJ$2:AJ$366,ROUNDDOWN($C3349/24,0)+1,1)*INDEX($D$3:$AA$30,INDEX(Jesper!$R$2:$R$366,ROW(INDEX(Jesper!AJ$2:AJ$366,ROUNDDOWN($C3349/24,0)+1,1))-1)+IF('Standard Profiles'!$G$20=$B$10,7,0)+IF('Standard Profiles'!$G$20=$B$17,14,0)+IF('Standard Profiles'!$G$20=$B$24,21,0),MOD($C3349,24)+1)/SUM(INDEX($D$3:$AA$30,INDEX(Jesper!$R$2:$R$366,ROW(INDEX(Jesper!AJ$2:AJ$366,ROUNDDOWN($C3349/24,0)+1,1))-1)+IF('Standard Profiles'!$G$20=$B$10,7,0)+IF('Standard Profiles'!$G$20=$B$17,14,0)+IF('Standard Profiles'!$G$20=$B$24,21,0),0)),0)</f>
        <v>0</v>
      </c>
      <c r="G3349" cm="1">
        <f t="array" ref="G3349">IFERROR(INDEX(Jesper!AK$2:AK$366,ROUNDDOWN($C3349/24,0)+1,1)*INDEX($D$3:$AA$30,INDEX(Jesper!$R$2:$R$366,ROW(INDEX(Jesper!AK$2:AK$366,ROUNDDOWN($C3349/24,0)+1,1))-1)+IF('Standard Profiles'!$G$21=$B$10,7,0)+IF('Standard Profiles'!$G$21=$B$17,14,0)+IF('Standard Profiles'!$G$21=$B$24,21,0),MOD($C3349,24)+1)/SUM(INDEX($D$3:$AA$30,INDEX(Jesper!$R$2:$R$366,ROW(INDEX(Jesper!AK$2:AK$366,ROUNDDOWN($C3349/24,0)+1,1))-1)+IF('Standard Profiles'!$G$21=$B$10,7,0)+IF('Standard Profiles'!$G$21=$B$17,14,0)+IF('Standard Profiles'!$G$21=$B$24,21,0),0)),0)</f>
        <v>0</v>
      </c>
      <c r="H3349" cm="1">
        <f t="array" ref="H3349">IFERROR(INDEX(Jesper!AL$2:AL$366,ROUNDDOWN($C3349/24,0)+1,1)*INDEX($D$3:$AA$30,INDEX(Jesper!$R$2:$R$366,ROW(INDEX(Jesper!AL$2:AL$366,ROUNDDOWN($C3349/24,0)+1,1))-1)+IF('Standard Profiles'!$G$22=$B$10,7,0)+IF('Standard Profiles'!$G$22=$B$17,14,0)+IF('Standard Profiles'!$G$22=$B$24,21,0),MOD($C3349,24)+1)/SUM(INDEX($D$3:$AA$30,INDEX(Jesper!$R$2:$R$366,ROW(INDEX(Jesper!AL$2:AL$366,ROUNDDOWN($C3349/24,0)+1,1))-1)+IF('Standard Profiles'!$G$22=$B$10,7,0)+IF('Standard Profiles'!$G$22=$B$17,14,0)+IF('Standard Profiles'!$G$22=$B$24,21,0),0)),0)</f>
        <v>0</v>
      </c>
      <c r="I3349">
        <f t="shared" si="377"/>
        <v>0.10320986267017195</v>
      </c>
      <c r="J3349">
        <f t="shared" si="378"/>
        <v>0.34403287556723983</v>
      </c>
      <c r="K3349">
        <f t="shared" si="379"/>
        <v>0.5160493133508598</v>
      </c>
      <c r="L3349">
        <f t="shared" si="380"/>
        <v>7.1059637593756531</v>
      </c>
      <c r="M3349">
        <f t="shared" si="381"/>
        <v>0</v>
      </c>
      <c r="N3349" s="46">
        <f t="shared" si="382"/>
        <v>45430.12499999196</v>
      </c>
    </row>
    <row r="3350" spans="2:14" x14ac:dyDescent="0.3">
      <c r="B3350">
        <f t="shared" si="376"/>
        <v>6</v>
      </c>
      <c r="C3350" s="16">
        <v>3316</v>
      </c>
      <c r="D3350" cm="1">
        <f t="array" ref="D3350">IFERROR(INDEX(Jesper!AH$2:AH$366,ROUNDDOWN($C3350/24,0)+1,1)*INDEX($D$3:$AA$30,INDEX(Jesper!$R$2:$R$366,ROW(INDEX(Jesper!AH$2:AH$366,ROUNDDOWN($C3350/24,0)+1,1))-1)+IF('Standard Profiles'!$G$18=$B$10,7,0)+IF('Standard Profiles'!$G$18=$B$17,14,0)+IF('Standard Profiles'!$G$18=$B$24,21,0),MOD($C3350,24)+1)/SUM(INDEX($D$3:$AA$30,INDEX(Jesper!$R$2:$R$366,ROW(INDEX(Jesper!AH$2:AH$366,ROUNDDOWN($C3350/24,0)+1,1))-1)+IF('Standard Profiles'!$G$18=$B$10,7,0)+IF('Standard Profiles'!$G$18=$B$17,14,0)+IF('Standard Profiles'!$G$18=$B$24,21,0),0)),0)</f>
        <v>6.9236263353250163</v>
      </c>
      <c r="E3350" cm="1">
        <f t="array" ref="E3350">IFERROR(INDEX(Jesper!AI$2:AI$366,ROUNDDOWN($C3350/24,0)+1,1)*INDEX($D$3:$AA$30,INDEX(Jesper!$R$2:$R$366,ROW(INDEX(Jesper!AI$2:AI$366,ROUNDDOWN($C3350/24,0)+1,1))-1)+IF('Standard Profiles'!$G$19=$B$10,7,0)+IF('Standard Profiles'!$G$19=$B$17,14,0)+IF('Standard Profiles'!$G$19=$B$24,21,0),MOD($C3350,24)+1)/SUM(INDEX($D$3:$AA$30,INDEX(Jesper!$R$2:$R$366,ROW(INDEX(Jesper!AI$2:AI$366,ROUNDDOWN($C3350/24,0)+1,1))-1)+IF('Standard Profiles'!$G$19=$B$10,7,0)+IF('Standard Profiles'!$G$19=$B$17,14,0)+IF('Standard Profiles'!$G$19=$B$24,21,0),0)),0)</f>
        <v>1.1456294756389083</v>
      </c>
      <c r="F3350" cm="1">
        <f t="array" ref="F3350">IFERROR(INDEX(Jesper!AJ$2:AJ$366,ROUNDDOWN($C3350/24,0)+1,1)*INDEX($D$3:$AA$30,INDEX(Jesper!$R$2:$R$366,ROW(INDEX(Jesper!AJ$2:AJ$366,ROUNDDOWN($C3350/24,0)+1,1))-1)+IF('Standard Profiles'!$G$20=$B$10,7,0)+IF('Standard Profiles'!$G$20=$B$17,14,0)+IF('Standard Profiles'!$G$20=$B$24,21,0),MOD($C3350,24)+1)/SUM(INDEX($D$3:$AA$30,INDEX(Jesper!$R$2:$R$366,ROW(INDEX(Jesper!AJ$2:AJ$366,ROUNDDOWN($C3350/24,0)+1,1))-1)+IF('Standard Profiles'!$G$20=$B$10,7,0)+IF('Standard Profiles'!$G$20=$B$17,14,0)+IF('Standard Profiles'!$G$20=$B$24,21,0),0)),0)</f>
        <v>0</v>
      </c>
      <c r="G3350" cm="1">
        <f t="array" ref="G3350">IFERROR(INDEX(Jesper!AK$2:AK$366,ROUNDDOWN($C3350/24,0)+1,1)*INDEX($D$3:$AA$30,INDEX(Jesper!$R$2:$R$366,ROW(INDEX(Jesper!AK$2:AK$366,ROUNDDOWN($C3350/24,0)+1,1))-1)+IF('Standard Profiles'!$G$21=$B$10,7,0)+IF('Standard Profiles'!$G$21=$B$17,14,0)+IF('Standard Profiles'!$G$21=$B$24,21,0),MOD($C3350,24)+1)/SUM(INDEX($D$3:$AA$30,INDEX(Jesper!$R$2:$R$366,ROW(INDEX(Jesper!AK$2:AK$366,ROUNDDOWN($C3350/24,0)+1,1))-1)+IF('Standard Profiles'!$G$21=$B$10,7,0)+IF('Standard Profiles'!$G$21=$B$17,14,0)+IF('Standard Profiles'!$G$21=$B$24,21,0),0)),0)</f>
        <v>0</v>
      </c>
      <c r="H3350" cm="1">
        <f t="array" ref="H3350">IFERROR(INDEX(Jesper!AL$2:AL$366,ROUNDDOWN($C3350/24,0)+1,1)*INDEX($D$3:$AA$30,INDEX(Jesper!$R$2:$R$366,ROW(INDEX(Jesper!AL$2:AL$366,ROUNDDOWN($C3350/24,0)+1,1))-1)+IF('Standard Profiles'!$G$22=$B$10,7,0)+IF('Standard Profiles'!$G$22=$B$17,14,0)+IF('Standard Profiles'!$G$22=$B$24,21,0),MOD($C3350,24)+1)/SUM(INDEX($D$3:$AA$30,INDEX(Jesper!$R$2:$R$366,ROW(INDEX(Jesper!AL$2:AL$366,ROUNDDOWN($C3350/24,0)+1,1))-1)+IF('Standard Profiles'!$G$22=$B$10,7,0)+IF('Standard Profiles'!$G$22=$B$17,14,0)+IF('Standard Profiles'!$G$22=$B$24,21,0),0)),0)</f>
        <v>0</v>
      </c>
      <c r="I3350">
        <f t="shared" si="377"/>
        <v>0.10320986267017195</v>
      </c>
      <c r="J3350">
        <f t="shared" si="378"/>
        <v>0.34403287556723983</v>
      </c>
      <c r="K3350">
        <f t="shared" si="379"/>
        <v>0.5160493133508598</v>
      </c>
      <c r="L3350">
        <f t="shared" si="380"/>
        <v>7.1059637593756531</v>
      </c>
      <c r="M3350">
        <f t="shared" si="381"/>
        <v>0</v>
      </c>
      <c r="N3350" s="46">
        <f t="shared" si="382"/>
        <v>45430.166666658624</v>
      </c>
    </row>
    <row r="3351" spans="2:14" x14ac:dyDescent="0.3">
      <c r="B3351">
        <f t="shared" si="376"/>
        <v>6</v>
      </c>
      <c r="C3351" s="16">
        <v>3317</v>
      </c>
      <c r="D3351" cm="1">
        <f t="array" ref="D3351">IFERROR(INDEX(Jesper!AH$2:AH$366,ROUNDDOWN($C3351/24,0)+1,1)*INDEX($D$3:$AA$30,INDEX(Jesper!$R$2:$R$366,ROW(INDEX(Jesper!AH$2:AH$366,ROUNDDOWN($C3351/24,0)+1,1))-1)+IF('Standard Profiles'!$G$18=$B$10,7,0)+IF('Standard Profiles'!$G$18=$B$17,14,0)+IF('Standard Profiles'!$G$18=$B$24,21,0),MOD($C3351,24)+1)/SUM(INDEX($D$3:$AA$30,INDEX(Jesper!$R$2:$R$366,ROW(INDEX(Jesper!AH$2:AH$366,ROUNDDOWN($C3351/24,0)+1,1))-1)+IF('Standard Profiles'!$G$18=$B$10,7,0)+IF('Standard Profiles'!$G$18=$B$17,14,0)+IF('Standard Profiles'!$G$18=$B$24,21,0),0)),0)</f>
        <v>8.6123156854042886</v>
      </c>
      <c r="E3351" cm="1">
        <f t="array" ref="E3351">IFERROR(INDEX(Jesper!AI$2:AI$366,ROUNDDOWN($C3351/24,0)+1,1)*INDEX($D$3:$AA$30,INDEX(Jesper!$R$2:$R$366,ROW(INDEX(Jesper!AI$2:AI$366,ROUNDDOWN($C3351/24,0)+1,1))-1)+IF('Standard Profiles'!$G$19=$B$10,7,0)+IF('Standard Profiles'!$G$19=$B$17,14,0)+IF('Standard Profiles'!$G$19=$B$24,21,0),MOD($C3351,24)+1)/SUM(INDEX($D$3:$AA$30,INDEX(Jesper!$R$2:$R$366,ROW(INDEX(Jesper!AI$2:AI$366,ROUNDDOWN($C3351/24,0)+1,1))-1)+IF('Standard Profiles'!$G$19=$B$10,7,0)+IF('Standard Profiles'!$G$19=$B$17,14,0)+IF('Standard Profiles'!$G$19=$B$24,21,0),0)),0)</f>
        <v>1.4250512989654711</v>
      </c>
      <c r="F3351" cm="1">
        <f t="array" ref="F3351">IFERROR(INDEX(Jesper!AJ$2:AJ$366,ROUNDDOWN($C3351/24,0)+1,1)*INDEX($D$3:$AA$30,INDEX(Jesper!$R$2:$R$366,ROW(INDEX(Jesper!AJ$2:AJ$366,ROUNDDOWN($C3351/24,0)+1,1))-1)+IF('Standard Profiles'!$G$20=$B$10,7,0)+IF('Standard Profiles'!$G$20=$B$17,14,0)+IF('Standard Profiles'!$G$20=$B$24,21,0),MOD($C3351,24)+1)/SUM(INDEX($D$3:$AA$30,INDEX(Jesper!$R$2:$R$366,ROW(INDEX(Jesper!AJ$2:AJ$366,ROUNDDOWN($C3351/24,0)+1,1))-1)+IF('Standard Profiles'!$G$20=$B$10,7,0)+IF('Standard Profiles'!$G$20=$B$17,14,0)+IF('Standard Profiles'!$G$20=$B$24,21,0),0)),0)</f>
        <v>0</v>
      </c>
      <c r="G3351" cm="1">
        <f t="array" ref="G3351">IFERROR(INDEX(Jesper!AK$2:AK$366,ROUNDDOWN($C3351/24,0)+1,1)*INDEX($D$3:$AA$30,INDEX(Jesper!$R$2:$R$366,ROW(INDEX(Jesper!AK$2:AK$366,ROUNDDOWN($C3351/24,0)+1,1))-1)+IF('Standard Profiles'!$G$21=$B$10,7,0)+IF('Standard Profiles'!$G$21=$B$17,14,0)+IF('Standard Profiles'!$G$21=$B$24,21,0),MOD($C3351,24)+1)/SUM(INDEX($D$3:$AA$30,INDEX(Jesper!$R$2:$R$366,ROW(INDEX(Jesper!AK$2:AK$366,ROUNDDOWN($C3351/24,0)+1,1))-1)+IF('Standard Profiles'!$G$21=$B$10,7,0)+IF('Standard Profiles'!$G$21=$B$17,14,0)+IF('Standard Profiles'!$G$21=$B$24,21,0),0)),0)</f>
        <v>0</v>
      </c>
      <c r="H3351" cm="1">
        <f t="array" ref="H3351">IFERROR(INDEX(Jesper!AL$2:AL$366,ROUNDDOWN($C3351/24,0)+1,1)*INDEX($D$3:$AA$30,INDEX(Jesper!$R$2:$R$366,ROW(INDEX(Jesper!AL$2:AL$366,ROUNDDOWN($C3351/24,0)+1,1))-1)+IF('Standard Profiles'!$G$22=$B$10,7,0)+IF('Standard Profiles'!$G$22=$B$17,14,0)+IF('Standard Profiles'!$G$22=$B$24,21,0),MOD($C3351,24)+1)/SUM(INDEX($D$3:$AA$30,INDEX(Jesper!$R$2:$R$366,ROW(INDEX(Jesper!AL$2:AL$366,ROUNDDOWN($C3351/24,0)+1,1))-1)+IF('Standard Profiles'!$G$22=$B$10,7,0)+IF('Standard Profiles'!$G$22=$B$17,14,0)+IF('Standard Profiles'!$G$22=$B$24,21,0),0)),0)</f>
        <v>0</v>
      </c>
      <c r="I3351">
        <f t="shared" si="377"/>
        <v>0.12838299990679924</v>
      </c>
      <c r="J3351">
        <f t="shared" si="378"/>
        <v>0.42794333302266419</v>
      </c>
      <c r="K3351">
        <f t="shared" si="379"/>
        <v>0.64191499953399622</v>
      </c>
      <c r="L3351">
        <f t="shared" si="380"/>
        <v>8.8391256519063006</v>
      </c>
      <c r="M3351">
        <f t="shared" si="381"/>
        <v>0</v>
      </c>
      <c r="N3351" s="46">
        <f t="shared" si="382"/>
        <v>45430.208333325289</v>
      </c>
    </row>
    <row r="3352" spans="2:14" x14ac:dyDescent="0.3">
      <c r="B3352">
        <f t="shared" si="376"/>
        <v>6</v>
      </c>
      <c r="C3352" s="16">
        <v>3318</v>
      </c>
      <c r="D3352" cm="1">
        <f t="array" ref="D3352">IFERROR(INDEX(Jesper!AH$2:AH$366,ROUNDDOWN($C3352/24,0)+1,1)*INDEX($D$3:$AA$30,INDEX(Jesper!$R$2:$R$366,ROW(INDEX(Jesper!AH$2:AH$366,ROUNDDOWN($C3352/24,0)+1,1))-1)+IF('Standard Profiles'!$G$18=$B$10,7,0)+IF('Standard Profiles'!$G$18=$B$17,14,0)+IF('Standard Profiles'!$G$18=$B$24,21,0),MOD($C3352,24)+1)/SUM(INDEX($D$3:$AA$30,INDEX(Jesper!$R$2:$R$366,ROW(INDEX(Jesper!AH$2:AH$366,ROUNDDOWN($C3352/24,0)+1,1))-1)+IF('Standard Profiles'!$G$18=$B$10,7,0)+IF('Standard Profiles'!$G$18=$B$17,14,0)+IF('Standard Profiles'!$G$18=$B$24,21,0),0)),0)</f>
        <v>10.807611840507342</v>
      </c>
      <c r="E3352" cm="1">
        <f t="array" ref="E3352">IFERROR(INDEX(Jesper!AI$2:AI$366,ROUNDDOWN($C3352/24,0)+1,1)*INDEX($D$3:$AA$30,INDEX(Jesper!$R$2:$R$366,ROW(INDEX(Jesper!AI$2:AI$366,ROUNDDOWN($C3352/24,0)+1,1))-1)+IF('Standard Profiles'!$G$19=$B$10,7,0)+IF('Standard Profiles'!$G$19=$B$17,14,0)+IF('Standard Profiles'!$G$19=$B$24,21,0),MOD($C3352,24)+1)/SUM(INDEX($D$3:$AA$30,INDEX(Jesper!$R$2:$R$366,ROW(INDEX(Jesper!AI$2:AI$366,ROUNDDOWN($C3352/24,0)+1,1))-1)+IF('Standard Profiles'!$G$19=$B$10,7,0)+IF('Standard Profiles'!$G$19=$B$17,14,0)+IF('Standard Profiles'!$G$19=$B$24,21,0),0)),0)</f>
        <v>1.7882996692900033</v>
      </c>
      <c r="F3352" cm="1">
        <f t="array" ref="F3352">IFERROR(INDEX(Jesper!AJ$2:AJ$366,ROUNDDOWN($C3352/24,0)+1,1)*INDEX($D$3:$AA$30,INDEX(Jesper!$R$2:$R$366,ROW(INDEX(Jesper!AJ$2:AJ$366,ROUNDDOWN($C3352/24,0)+1,1))-1)+IF('Standard Profiles'!$G$20=$B$10,7,0)+IF('Standard Profiles'!$G$20=$B$17,14,0)+IF('Standard Profiles'!$G$20=$B$24,21,0),MOD($C3352,24)+1)/SUM(INDEX($D$3:$AA$30,INDEX(Jesper!$R$2:$R$366,ROW(INDEX(Jesper!AJ$2:AJ$366,ROUNDDOWN($C3352/24,0)+1,1))-1)+IF('Standard Profiles'!$G$20=$B$10,7,0)+IF('Standard Profiles'!$G$20=$B$17,14,0)+IF('Standard Profiles'!$G$20=$B$24,21,0),0)),0)</f>
        <v>0</v>
      </c>
      <c r="G3352" cm="1">
        <f t="array" ref="G3352">IFERROR(INDEX(Jesper!AK$2:AK$366,ROUNDDOWN($C3352/24,0)+1,1)*INDEX($D$3:$AA$30,INDEX(Jesper!$R$2:$R$366,ROW(INDEX(Jesper!AK$2:AK$366,ROUNDDOWN($C3352/24,0)+1,1))-1)+IF('Standard Profiles'!$G$21=$B$10,7,0)+IF('Standard Profiles'!$G$21=$B$17,14,0)+IF('Standard Profiles'!$G$21=$B$24,21,0),MOD($C3352,24)+1)/SUM(INDEX($D$3:$AA$30,INDEX(Jesper!$R$2:$R$366,ROW(INDEX(Jesper!AK$2:AK$366,ROUNDDOWN($C3352/24,0)+1,1))-1)+IF('Standard Profiles'!$G$21=$B$10,7,0)+IF('Standard Profiles'!$G$21=$B$17,14,0)+IF('Standard Profiles'!$G$21=$B$24,21,0),0)),0)</f>
        <v>0</v>
      </c>
      <c r="H3352" cm="1">
        <f t="array" ref="H3352">IFERROR(INDEX(Jesper!AL$2:AL$366,ROUNDDOWN($C3352/24,0)+1,1)*INDEX($D$3:$AA$30,INDEX(Jesper!$R$2:$R$366,ROW(INDEX(Jesper!AL$2:AL$366,ROUNDDOWN($C3352/24,0)+1,1))-1)+IF('Standard Profiles'!$G$22=$B$10,7,0)+IF('Standard Profiles'!$G$22=$B$17,14,0)+IF('Standard Profiles'!$G$22=$B$24,21,0),MOD($C3352,24)+1)/SUM(INDEX($D$3:$AA$30,INDEX(Jesper!$R$2:$R$366,ROW(INDEX(Jesper!AL$2:AL$366,ROUNDDOWN($C3352/24,0)+1,1))-1)+IF('Standard Profiles'!$G$22=$B$10,7,0)+IF('Standard Profiles'!$G$22=$B$17,14,0)+IF('Standard Profiles'!$G$22=$B$24,21,0),0)),0)</f>
        <v>0</v>
      </c>
      <c r="I3352">
        <f t="shared" si="377"/>
        <v>0.16110807831441476</v>
      </c>
      <c r="J3352">
        <f t="shared" si="378"/>
        <v>0.53702692771471594</v>
      </c>
      <c r="K3352">
        <f t="shared" si="379"/>
        <v>0.80554039157207391</v>
      </c>
      <c r="L3352">
        <f t="shared" si="380"/>
        <v>11.09223611219614</v>
      </c>
      <c r="M3352">
        <f t="shared" si="381"/>
        <v>0</v>
      </c>
      <c r="N3352" s="46">
        <f t="shared" si="382"/>
        <v>45430.249999991953</v>
      </c>
    </row>
    <row r="3353" spans="2:14" x14ac:dyDescent="0.3">
      <c r="B3353">
        <f t="shared" si="376"/>
        <v>6</v>
      </c>
      <c r="C3353" s="16">
        <v>3319</v>
      </c>
      <c r="D3353" cm="1">
        <f t="array" ref="D3353">IFERROR(INDEX(Jesper!AH$2:AH$366,ROUNDDOWN($C3353/24,0)+1,1)*INDEX($D$3:$AA$30,INDEX(Jesper!$R$2:$R$366,ROW(INDEX(Jesper!AH$2:AH$366,ROUNDDOWN($C3353/24,0)+1,1))-1)+IF('Standard Profiles'!$G$18=$B$10,7,0)+IF('Standard Profiles'!$G$18=$B$17,14,0)+IF('Standard Profiles'!$G$18=$B$24,21,0),MOD($C3353,24)+1)/SUM(INDEX($D$3:$AA$30,INDEX(Jesper!$R$2:$R$366,ROW(INDEX(Jesper!AH$2:AH$366,ROUNDDOWN($C3353/24,0)+1,1))-1)+IF('Standard Profiles'!$G$18=$B$10,7,0)+IF('Standard Profiles'!$G$18=$B$17,14,0)+IF('Standard Profiles'!$G$18=$B$24,21,0),0)),0)</f>
        <v>12.327432255578687</v>
      </c>
      <c r="E3353" cm="1">
        <f t="array" ref="E3353">IFERROR(INDEX(Jesper!AI$2:AI$366,ROUNDDOWN($C3353/24,0)+1,1)*INDEX($D$3:$AA$30,INDEX(Jesper!$R$2:$R$366,ROW(INDEX(Jesper!AI$2:AI$366,ROUNDDOWN($C3353/24,0)+1,1))-1)+IF('Standard Profiles'!$G$19=$B$10,7,0)+IF('Standard Profiles'!$G$19=$B$17,14,0)+IF('Standard Profiles'!$G$19=$B$24,21,0),MOD($C3353,24)+1)/SUM(INDEX($D$3:$AA$30,INDEX(Jesper!$R$2:$R$366,ROW(INDEX(Jesper!AI$2:AI$366,ROUNDDOWN($C3353/24,0)+1,1))-1)+IF('Standard Profiles'!$G$19=$B$10,7,0)+IF('Standard Profiles'!$G$19=$B$17,14,0)+IF('Standard Profiles'!$G$19=$B$24,21,0),0)),0)</f>
        <v>2.0397793102839099</v>
      </c>
      <c r="F3353" cm="1">
        <f t="array" ref="F3353">IFERROR(INDEX(Jesper!AJ$2:AJ$366,ROUNDDOWN($C3353/24,0)+1,1)*INDEX($D$3:$AA$30,INDEX(Jesper!$R$2:$R$366,ROW(INDEX(Jesper!AJ$2:AJ$366,ROUNDDOWN($C3353/24,0)+1,1))-1)+IF('Standard Profiles'!$G$20=$B$10,7,0)+IF('Standard Profiles'!$G$20=$B$17,14,0)+IF('Standard Profiles'!$G$20=$B$24,21,0),MOD($C3353,24)+1)/SUM(INDEX($D$3:$AA$30,INDEX(Jesper!$R$2:$R$366,ROW(INDEX(Jesper!AJ$2:AJ$366,ROUNDDOWN($C3353/24,0)+1,1))-1)+IF('Standard Profiles'!$G$20=$B$10,7,0)+IF('Standard Profiles'!$G$20=$B$17,14,0)+IF('Standard Profiles'!$G$20=$B$24,21,0),0)),0)</f>
        <v>0</v>
      </c>
      <c r="G3353" cm="1">
        <f t="array" ref="G3353">IFERROR(INDEX(Jesper!AK$2:AK$366,ROUNDDOWN($C3353/24,0)+1,1)*INDEX($D$3:$AA$30,INDEX(Jesper!$R$2:$R$366,ROW(INDEX(Jesper!AK$2:AK$366,ROUNDDOWN($C3353/24,0)+1,1))-1)+IF('Standard Profiles'!$G$21=$B$10,7,0)+IF('Standard Profiles'!$G$21=$B$17,14,0)+IF('Standard Profiles'!$G$21=$B$24,21,0),MOD($C3353,24)+1)/SUM(INDEX($D$3:$AA$30,INDEX(Jesper!$R$2:$R$366,ROW(INDEX(Jesper!AK$2:AK$366,ROUNDDOWN($C3353/24,0)+1,1))-1)+IF('Standard Profiles'!$G$21=$B$10,7,0)+IF('Standard Profiles'!$G$21=$B$17,14,0)+IF('Standard Profiles'!$G$21=$B$24,21,0),0)),0)</f>
        <v>0</v>
      </c>
      <c r="H3353" cm="1">
        <f t="array" ref="H3353">IFERROR(INDEX(Jesper!AL$2:AL$366,ROUNDDOWN($C3353/24,0)+1,1)*INDEX($D$3:$AA$30,INDEX(Jesper!$R$2:$R$366,ROW(INDEX(Jesper!AL$2:AL$366,ROUNDDOWN($C3353/24,0)+1,1))-1)+IF('Standard Profiles'!$G$22=$B$10,7,0)+IF('Standard Profiles'!$G$22=$B$17,14,0)+IF('Standard Profiles'!$G$22=$B$24,21,0),MOD($C3353,24)+1)/SUM(INDEX($D$3:$AA$30,INDEX(Jesper!$R$2:$R$366,ROW(INDEX(Jesper!AL$2:AL$366,ROUNDDOWN($C3353/24,0)+1,1))-1)+IF('Standard Profiles'!$G$22=$B$10,7,0)+IF('Standard Profiles'!$G$22=$B$17,14,0)+IF('Standard Profiles'!$G$22=$B$24,21,0),0)),0)</f>
        <v>0</v>
      </c>
      <c r="I3353">
        <f t="shared" si="377"/>
        <v>0.18376390182737931</v>
      </c>
      <c r="J3353">
        <f t="shared" si="378"/>
        <v>0.6125463394245978</v>
      </c>
      <c r="K3353">
        <f t="shared" si="379"/>
        <v>0.91881950913689669</v>
      </c>
      <c r="L3353">
        <f t="shared" si="380"/>
        <v>12.652081815473723</v>
      </c>
      <c r="M3353">
        <f t="shared" si="381"/>
        <v>0</v>
      </c>
      <c r="N3353" s="46">
        <f t="shared" si="382"/>
        <v>45430.291666658617</v>
      </c>
    </row>
    <row r="3354" spans="2:14" x14ac:dyDescent="0.3">
      <c r="B3354">
        <f t="shared" si="376"/>
        <v>6</v>
      </c>
      <c r="C3354" s="16">
        <v>3320</v>
      </c>
      <c r="D3354" cm="1">
        <f t="array" ref="D3354">IFERROR(INDEX(Jesper!AH$2:AH$366,ROUNDDOWN($C3354/24,0)+1,1)*INDEX($D$3:$AA$30,INDEX(Jesper!$R$2:$R$366,ROW(INDEX(Jesper!AH$2:AH$366,ROUNDDOWN($C3354/24,0)+1,1))-1)+IF('Standard Profiles'!$G$18=$B$10,7,0)+IF('Standard Profiles'!$G$18=$B$17,14,0)+IF('Standard Profiles'!$G$18=$B$24,21,0),MOD($C3354,24)+1)/SUM(INDEX($D$3:$AA$30,INDEX(Jesper!$R$2:$R$366,ROW(INDEX(Jesper!AH$2:AH$366,ROUNDDOWN($C3354/24,0)+1,1))-1)+IF('Standard Profiles'!$G$18=$B$10,7,0)+IF('Standard Profiles'!$G$18=$B$17,14,0)+IF('Standard Profiles'!$G$18=$B$24,21,0),0)),0)</f>
        <v>12.327432255578687</v>
      </c>
      <c r="E3354" cm="1">
        <f t="array" ref="E3354">IFERROR(INDEX(Jesper!AI$2:AI$366,ROUNDDOWN($C3354/24,0)+1,1)*INDEX($D$3:$AA$30,INDEX(Jesper!$R$2:$R$366,ROW(INDEX(Jesper!AI$2:AI$366,ROUNDDOWN($C3354/24,0)+1,1))-1)+IF('Standard Profiles'!$G$19=$B$10,7,0)+IF('Standard Profiles'!$G$19=$B$17,14,0)+IF('Standard Profiles'!$G$19=$B$24,21,0),MOD($C3354,24)+1)/SUM(INDEX($D$3:$AA$30,INDEX(Jesper!$R$2:$R$366,ROW(INDEX(Jesper!AI$2:AI$366,ROUNDDOWN($C3354/24,0)+1,1))-1)+IF('Standard Profiles'!$G$19=$B$10,7,0)+IF('Standard Profiles'!$G$19=$B$17,14,0)+IF('Standard Profiles'!$G$19=$B$24,21,0),0)),0)</f>
        <v>2.0397793102839099</v>
      </c>
      <c r="F3354" cm="1">
        <f t="array" ref="F3354">IFERROR(INDEX(Jesper!AJ$2:AJ$366,ROUNDDOWN($C3354/24,0)+1,1)*INDEX($D$3:$AA$30,INDEX(Jesper!$R$2:$R$366,ROW(INDEX(Jesper!AJ$2:AJ$366,ROUNDDOWN($C3354/24,0)+1,1))-1)+IF('Standard Profiles'!$G$20=$B$10,7,0)+IF('Standard Profiles'!$G$20=$B$17,14,0)+IF('Standard Profiles'!$G$20=$B$24,21,0),MOD($C3354,24)+1)/SUM(INDEX($D$3:$AA$30,INDEX(Jesper!$R$2:$R$366,ROW(INDEX(Jesper!AJ$2:AJ$366,ROUNDDOWN($C3354/24,0)+1,1))-1)+IF('Standard Profiles'!$G$20=$B$10,7,0)+IF('Standard Profiles'!$G$20=$B$17,14,0)+IF('Standard Profiles'!$G$20=$B$24,21,0),0)),0)</f>
        <v>0</v>
      </c>
      <c r="G3354" cm="1">
        <f t="array" ref="G3354">IFERROR(INDEX(Jesper!AK$2:AK$366,ROUNDDOWN($C3354/24,0)+1,1)*INDEX($D$3:$AA$30,INDEX(Jesper!$R$2:$R$366,ROW(INDEX(Jesper!AK$2:AK$366,ROUNDDOWN($C3354/24,0)+1,1))-1)+IF('Standard Profiles'!$G$21=$B$10,7,0)+IF('Standard Profiles'!$G$21=$B$17,14,0)+IF('Standard Profiles'!$G$21=$B$24,21,0),MOD($C3354,24)+1)/SUM(INDEX($D$3:$AA$30,INDEX(Jesper!$R$2:$R$366,ROW(INDEX(Jesper!AK$2:AK$366,ROUNDDOWN($C3354/24,0)+1,1))-1)+IF('Standard Profiles'!$G$21=$B$10,7,0)+IF('Standard Profiles'!$G$21=$B$17,14,0)+IF('Standard Profiles'!$G$21=$B$24,21,0),0)),0)</f>
        <v>0</v>
      </c>
      <c r="H3354" cm="1">
        <f t="array" ref="H3354">IFERROR(INDEX(Jesper!AL$2:AL$366,ROUNDDOWN($C3354/24,0)+1,1)*INDEX($D$3:$AA$30,INDEX(Jesper!$R$2:$R$366,ROW(INDEX(Jesper!AL$2:AL$366,ROUNDDOWN($C3354/24,0)+1,1))-1)+IF('Standard Profiles'!$G$22=$B$10,7,0)+IF('Standard Profiles'!$G$22=$B$17,14,0)+IF('Standard Profiles'!$G$22=$B$24,21,0),MOD($C3354,24)+1)/SUM(INDEX($D$3:$AA$30,INDEX(Jesper!$R$2:$R$366,ROW(INDEX(Jesper!AL$2:AL$366,ROUNDDOWN($C3354/24,0)+1,1))-1)+IF('Standard Profiles'!$G$22=$B$10,7,0)+IF('Standard Profiles'!$G$22=$B$17,14,0)+IF('Standard Profiles'!$G$22=$B$24,21,0),0)),0)</f>
        <v>0</v>
      </c>
      <c r="I3354">
        <f t="shared" si="377"/>
        <v>0.18376390182737931</v>
      </c>
      <c r="J3354">
        <f t="shared" si="378"/>
        <v>0.6125463394245978</v>
      </c>
      <c r="K3354">
        <f t="shared" si="379"/>
        <v>0.91881950913689669</v>
      </c>
      <c r="L3354">
        <f t="shared" si="380"/>
        <v>12.652081815473723</v>
      </c>
      <c r="M3354">
        <f t="shared" si="381"/>
        <v>0</v>
      </c>
      <c r="N3354" s="46">
        <f t="shared" si="382"/>
        <v>45430.333333325281</v>
      </c>
    </row>
    <row r="3355" spans="2:14" x14ac:dyDescent="0.3">
      <c r="B3355">
        <f t="shared" si="376"/>
        <v>6</v>
      </c>
      <c r="C3355" s="16">
        <v>3321</v>
      </c>
      <c r="D3355" cm="1">
        <f t="array" ref="D3355">IFERROR(INDEX(Jesper!AH$2:AH$366,ROUNDDOWN($C3355/24,0)+1,1)*INDEX($D$3:$AA$30,INDEX(Jesper!$R$2:$R$366,ROW(INDEX(Jesper!AH$2:AH$366,ROUNDDOWN($C3355/24,0)+1,1))-1)+IF('Standard Profiles'!$G$18=$B$10,7,0)+IF('Standard Profiles'!$G$18=$B$17,14,0)+IF('Standard Profiles'!$G$18=$B$24,21,0),MOD($C3355,24)+1)/SUM(INDEX($D$3:$AA$30,INDEX(Jesper!$R$2:$R$366,ROW(INDEX(Jesper!AH$2:AH$366,ROUNDDOWN($C3355/24,0)+1,1))-1)+IF('Standard Profiles'!$G$18=$B$10,7,0)+IF('Standard Profiles'!$G$18=$B$17,14,0)+IF('Standard Profiles'!$G$18=$B$24,21,0),0)),0)</f>
        <v>12.327432255578687</v>
      </c>
      <c r="E3355" cm="1">
        <f t="array" ref="E3355">IFERROR(INDEX(Jesper!AI$2:AI$366,ROUNDDOWN($C3355/24,0)+1,1)*INDEX($D$3:$AA$30,INDEX(Jesper!$R$2:$R$366,ROW(INDEX(Jesper!AI$2:AI$366,ROUNDDOWN($C3355/24,0)+1,1))-1)+IF('Standard Profiles'!$G$19=$B$10,7,0)+IF('Standard Profiles'!$G$19=$B$17,14,0)+IF('Standard Profiles'!$G$19=$B$24,21,0),MOD($C3355,24)+1)/SUM(INDEX($D$3:$AA$30,INDEX(Jesper!$R$2:$R$366,ROW(INDEX(Jesper!AI$2:AI$366,ROUNDDOWN($C3355/24,0)+1,1))-1)+IF('Standard Profiles'!$G$19=$B$10,7,0)+IF('Standard Profiles'!$G$19=$B$17,14,0)+IF('Standard Profiles'!$G$19=$B$24,21,0),0)),0)</f>
        <v>2.0397793102839099</v>
      </c>
      <c r="F3355" cm="1">
        <f t="array" ref="F3355">IFERROR(INDEX(Jesper!AJ$2:AJ$366,ROUNDDOWN($C3355/24,0)+1,1)*INDEX($D$3:$AA$30,INDEX(Jesper!$R$2:$R$366,ROW(INDEX(Jesper!AJ$2:AJ$366,ROUNDDOWN($C3355/24,0)+1,1))-1)+IF('Standard Profiles'!$G$20=$B$10,7,0)+IF('Standard Profiles'!$G$20=$B$17,14,0)+IF('Standard Profiles'!$G$20=$B$24,21,0),MOD($C3355,24)+1)/SUM(INDEX($D$3:$AA$30,INDEX(Jesper!$R$2:$R$366,ROW(INDEX(Jesper!AJ$2:AJ$366,ROUNDDOWN($C3355/24,0)+1,1))-1)+IF('Standard Profiles'!$G$20=$B$10,7,0)+IF('Standard Profiles'!$G$20=$B$17,14,0)+IF('Standard Profiles'!$G$20=$B$24,21,0),0)),0)</f>
        <v>0</v>
      </c>
      <c r="G3355" cm="1">
        <f t="array" ref="G3355">IFERROR(INDEX(Jesper!AK$2:AK$366,ROUNDDOWN($C3355/24,0)+1,1)*INDEX($D$3:$AA$30,INDEX(Jesper!$R$2:$R$366,ROW(INDEX(Jesper!AK$2:AK$366,ROUNDDOWN($C3355/24,0)+1,1))-1)+IF('Standard Profiles'!$G$21=$B$10,7,0)+IF('Standard Profiles'!$G$21=$B$17,14,0)+IF('Standard Profiles'!$G$21=$B$24,21,0),MOD($C3355,24)+1)/SUM(INDEX($D$3:$AA$30,INDEX(Jesper!$R$2:$R$366,ROW(INDEX(Jesper!AK$2:AK$366,ROUNDDOWN($C3355/24,0)+1,1))-1)+IF('Standard Profiles'!$G$21=$B$10,7,0)+IF('Standard Profiles'!$G$21=$B$17,14,0)+IF('Standard Profiles'!$G$21=$B$24,21,0),0)),0)</f>
        <v>0</v>
      </c>
      <c r="H3355" cm="1">
        <f t="array" ref="H3355">IFERROR(INDEX(Jesper!AL$2:AL$366,ROUNDDOWN($C3355/24,0)+1,1)*INDEX($D$3:$AA$30,INDEX(Jesper!$R$2:$R$366,ROW(INDEX(Jesper!AL$2:AL$366,ROUNDDOWN($C3355/24,0)+1,1))-1)+IF('Standard Profiles'!$G$22=$B$10,7,0)+IF('Standard Profiles'!$G$22=$B$17,14,0)+IF('Standard Profiles'!$G$22=$B$24,21,0),MOD($C3355,24)+1)/SUM(INDEX($D$3:$AA$30,INDEX(Jesper!$R$2:$R$366,ROW(INDEX(Jesper!AL$2:AL$366,ROUNDDOWN($C3355/24,0)+1,1))-1)+IF('Standard Profiles'!$G$22=$B$10,7,0)+IF('Standard Profiles'!$G$22=$B$17,14,0)+IF('Standard Profiles'!$G$22=$B$24,21,0),0)),0)</f>
        <v>0</v>
      </c>
      <c r="I3355">
        <f t="shared" si="377"/>
        <v>0.18376390182737931</v>
      </c>
      <c r="J3355">
        <f t="shared" si="378"/>
        <v>0.6125463394245978</v>
      </c>
      <c r="K3355">
        <f t="shared" si="379"/>
        <v>0.91881950913689669</v>
      </c>
      <c r="L3355">
        <f t="shared" si="380"/>
        <v>12.652081815473723</v>
      </c>
      <c r="M3355">
        <f t="shared" si="381"/>
        <v>0</v>
      </c>
      <c r="N3355" s="46">
        <f t="shared" si="382"/>
        <v>45430.374999991946</v>
      </c>
    </row>
    <row r="3356" spans="2:14" x14ac:dyDescent="0.3">
      <c r="B3356">
        <f t="shared" si="376"/>
        <v>6</v>
      </c>
      <c r="C3356" s="16">
        <v>3322</v>
      </c>
      <c r="D3356" cm="1">
        <f t="array" ref="D3356">IFERROR(INDEX(Jesper!AH$2:AH$366,ROUNDDOWN($C3356/24,0)+1,1)*INDEX($D$3:$AA$30,INDEX(Jesper!$R$2:$R$366,ROW(INDEX(Jesper!AH$2:AH$366,ROUNDDOWN($C3356/24,0)+1,1))-1)+IF('Standard Profiles'!$G$18=$B$10,7,0)+IF('Standard Profiles'!$G$18=$B$17,14,0)+IF('Standard Profiles'!$G$18=$B$24,21,0),MOD($C3356,24)+1)/SUM(INDEX($D$3:$AA$30,INDEX(Jesper!$R$2:$R$366,ROW(INDEX(Jesper!AH$2:AH$366,ROUNDDOWN($C3356/24,0)+1,1))-1)+IF('Standard Profiles'!$G$18=$B$10,7,0)+IF('Standard Profiles'!$G$18=$B$17,14,0)+IF('Standard Profiles'!$G$18=$B$24,21,0),0)),0)</f>
        <v>12.327432255578687</v>
      </c>
      <c r="E3356" cm="1">
        <f t="array" ref="E3356">IFERROR(INDEX(Jesper!AI$2:AI$366,ROUNDDOWN($C3356/24,0)+1,1)*INDEX($D$3:$AA$30,INDEX(Jesper!$R$2:$R$366,ROW(INDEX(Jesper!AI$2:AI$366,ROUNDDOWN($C3356/24,0)+1,1))-1)+IF('Standard Profiles'!$G$19=$B$10,7,0)+IF('Standard Profiles'!$G$19=$B$17,14,0)+IF('Standard Profiles'!$G$19=$B$24,21,0),MOD($C3356,24)+1)/SUM(INDEX($D$3:$AA$30,INDEX(Jesper!$R$2:$R$366,ROW(INDEX(Jesper!AI$2:AI$366,ROUNDDOWN($C3356/24,0)+1,1))-1)+IF('Standard Profiles'!$G$19=$B$10,7,0)+IF('Standard Profiles'!$G$19=$B$17,14,0)+IF('Standard Profiles'!$G$19=$B$24,21,0),0)),0)</f>
        <v>2.0397793102839099</v>
      </c>
      <c r="F3356" cm="1">
        <f t="array" ref="F3356">IFERROR(INDEX(Jesper!AJ$2:AJ$366,ROUNDDOWN($C3356/24,0)+1,1)*INDEX($D$3:$AA$30,INDEX(Jesper!$R$2:$R$366,ROW(INDEX(Jesper!AJ$2:AJ$366,ROUNDDOWN($C3356/24,0)+1,1))-1)+IF('Standard Profiles'!$G$20=$B$10,7,0)+IF('Standard Profiles'!$G$20=$B$17,14,0)+IF('Standard Profiles'!$G$20=$B$24,21,0),MOD($C3356,24)+1)/SUM(INDEX($D$3:$AA$30,INDEX(Jesper!$R$2:$R$366,ROW(INDEX(Jesper!AJ$2:AJ$366,ROUNDDOWN($C3356/24,0)+1,1))-1)+IF('Standard Profiles'!$G$20=$B$10,7,0)+IF('Standard Profiles'!$G$20=$B$17,14,0)+IF('Standard Profiles'!$G$20=$B$24,21,0),0)),0)</f>
        <v>0</v>
      </c>
      <c r="G3356" cm="1">
        <f t="array" ref="G3356">IFERROR(INDEX(Jesper!AK$2:AK$366,ROUNDDOWN($C3356/24,0)+1,1)*INDEX($D$3:$AA$30,INDEX(Jesper!$R$2:$R$366,ROW(INDEX(Jesper!AK$2:AK$366,ROUNDDOWN($C3356/24,0)+1,1))-1)+IF('Standard Profiles'!$G$21=$B$10,7,0)+IF('Standard Profiles'!$G$21=$B$17,14,0)+IF('Standard Profiles'!$G$21=$B$24,21,0),MOD($C3356,24)+1)/SUM(INDEX($D$3:$AA$30,INDEX(Jesper!$R$2:$R$366,ROW(INDEX(Jesper!AK$2:AK$366,ROUNDDOWN($C3356/24,0)+1,1))-1)+IF('Standard Profiles'!$G$21=$B$10,7,0)+IF('Standard Profiles'!$G$21=$B$17,14,0)+IF('Standard Profiles'!$G$21=$B$24,21,0),0)),0)</f>
        <v>0</v>
      </c>
      <c r="H3356" cm="1">
        <f t="array" ref="H3356">IFERROR(INDEX(Jesper!AL$2:AL$366,ROUNDDOWN($C3356/24,0)+1,1)*INDEX($D$3:$AA$30,INDEX(Jesper!$R$2:$R$366,ROW(INDEX(Jesper!AL$2:AL$366,ROUNDDOWN($C3356/24,0)+1,1))-1)+IF('Standard Profiles'!$G$22=$B$10,7,0)+IF('Standard Profiles'!$G$22=$B$17,14,0)+IF('Standard Profiles'!$G$22=$B$24,21,0),MOD($C3356,24)+1)/SUM(INDEX($D$3:$AA$30,INDEX(Jesper!$R$2:$R$366,ROW(INDEX(Jesper!AL$2:AL$366,ROUNDDOWN($C3356/24,0)+1,1))-1)+IF('Standard Profiles'!$G$22=$B$10,7,0)+IF('Standard Profiles'!$G$22=$B$17,14,0)+IF('Standard Profiles'!$G$22=$B$24,21,0),0)),0)</f>
        <v>0</v>
      </c>
      <c r="I3356">
        <f t="shared" si="377"/>
        <v>0.18376390182737931</v>
      </c>
      <c r="J3356">
        <f t="shared" si="378"/>
        <v>0.6125463394245978</v>
      </c>
      <c r="K3356">
        <f t="shared" si="379"/>
        <v>0.91881950913689669</v>
      </c>
      <c r="L3356">
        <f t="shared" si="380"/>
        <v>12.652081815473723</v>
      </c>
      <c r="M3356">
        <f t="shared" si="381"/>
        <v>0</v>
      </c>
      <c r="N3356" s="46">
        <f t="shared" si="382"/>
        <v>45430.41666665861</v>
      </c>
    </row>
    <row r="3357" spans="2:14" x14ac:dyDescent="0.3">
      <c r="B3357">
        <f t="shared" si="376"/>
        <v>6</v>
      </c>
      <c r="C3357" s="16">
        <v>3323</v>
      </c>
      <c r="D3357" cm="1">
        <f t="array" ref="D3357">IFERROR(INDEX(Jesper!AH$2:AH$366,ROUNDDOWN($C3357/24,0)+1,1)*INDEX($D$3:$AA$30,INDEX(Jesper!$R$2:$R$366,ROW(INDEX(Jesper!AH$2:AH$366,ROUNDDOWN($C3357/24,0)+1,1))-1)+IF('Standard Profiles'!$G$18=$B$10,7,0)+IF('Standard Profiles'!$G$18=$B$17,14,0)+IF('Standard Profiles'!$G$18=$B$24,21,0),MOD($C3357,24)+1)/SUM(INDEX($D$3:$AA$30,INDEX(Jesper!$R$2:$R$366,ROW(INDEX(Jesper!AH$2:AH$366,ROUNDDOWN($C3357/24,0)+1,1))-1)+IF('Standard Profiles'!$G$18=$B$10,7,0)+IF('Standard Profiles'!$G$18=$B$17,14,0)+IF('Standard Profiles'!$G$18=$B$24,21,0),0)),0)</f>
        <v>12.327432255578687</v>
      </c>
      <c r="E3357" cm="1">
        <f t="array" ref="E3357">IFERROR(INDEX(Jesper!AI$2:AI$366,ROUNDDOWN($C3357/24,0)+1,1)*INDEX($D$3:$AA$30,INDEX(Jesper!$R$2:$R$366,ROW(INDEX(Jesper!AI$2:AI$366,ROUNDDOWN($C3357/24,0)+1,1))-1)+IF('Standard Profiles'!$G$19=$B$10,7,0)+IF('Standard Profiles'!$G$19=$B$17,14,0)+IF('Standard Profiles'!$G$19=$B$24,21,0),MOD($C3357,24)+1)/SUM(INDEX($D$3:$AA$30,INDEX(Jesper!$R$2:$R$366,ROW(INDEX(Jesper!AI$2:AI$366,ROUNDDOWN($C3357/24,0)+1,1))-1)+IF('Standard Profiles'!$G$19=$B$10,7,0)+IF('Standard Profiles'!$G$19=$B$17,14,0)+IF('Standard Profiles'!$G$19=$B$24,21,0),0)),0)</f>
        <v>2.0397793102839099</v>
      </c>
      <c r="F3357" cm="1">
        <f t="array" ref="F3357">IFERROR(INDEX(Jesper!AJ$2:AJ$366,ROUNDDOWN($C3357/24,0)+1,1)*INDEX($D$3:$AA$30,INDEX(Jesper!$R$2:$R$366,ROW(INDEX(Jesper!AJ$2:AJ$366,ROUNDDOWN($C3357/24,0)+1,1))-1)+IF('Standard Profiles'!$G$20=$B$10,7,0)+IF('Standard Profiles'!$G$20=$B$17,14,0)+IF('Standard Profiles'!$G$20=$B$24,21,0),MOD($C3357,24)+1)/SUM(INDEX($D$3:$AA$30,INDEX(Jesper!$R$2:$R$366,ROW(INDEX(Jesper!AJ$2:AJ$366,ROUNDDOWN($C3357/24,0)+1,1))-1)+IF('Standard Profiles'!$G$20=$B$10,7,0)+IF('Standard Profiles'!$G$20=$B$17,14,0)+IF('Standard Profiles'!$G$20=$B$24,21,0),0)),0)</f>
        <v>0</v>
      </c>
      <c r="G3357" cm="1">
        <f t="array" ref="G3357">IFERROR(INDEX(Jesper!AK$2:AK$366,ROUNDDOWN($C3357/24,0)+1,1)*INDEX($D$3:$AA$30,INDEX(Jesper!$R$2:$R$366,ROW(INDEX(Jesper!AK$2:AK$366,ROUNDDOWN($C3357/24,0)+1,1))-1)+IF('Standard Profiles'!$G$21=$B$10,7,0)+IF('Standard Profiles'!$G$21=$B$17,14,0)+IF('Standard Profiles'!$G$21=$B$24,21,0),MOD($C3357,24)+1)/SUM(INDEX($D$3:$AA$30,INDEX(Jesper!$R$2:$R$366,ROW(INDEX(Jesper!AK$2:AK$366,ROUNDDOWN($C3357/24,0)+1,1))-1)+IF('Standard Profiles'!$G$21=$B$10,7,0)+IF('Standard Profiles'!$G$21=$B$17,14,0)+IF('Standard Profiles'!$G$21=$B$24,21,0),0)),0)</f>
        <v>0</v>
      </c>
      <c r="H3357" cm="1">
        <f t="array" ref="H3357">IFERROR(INDEX(Jesper!AL$2:AL$366,ROUNDDOWN($C3357/24,0)+1,1)*INDEX($D$3:$AA$30,INDEX(Jesper!$R$2:$R$366,ROW(INDEX(Jesper!AL$2:AL$366,ROUNDDOWN($C3357/24,0)+1,1))-1)+IF('Standard Profiles'!$G$22=$B$10,7,0)+IF('Standard Profiles'!$G$22=$B$17,14,0)+IF('Standard Profiles'!$G$22=$B$24,21,0),MOD($C3357,24)+1)/SUM(INDEX($D$3:$AA$30,INDEX(Jesper!$R$2:$R$366,ROW(INDEX(Jesper!AL$2:AL$366,ROUNDDOWN($C3357/24,0)+1,1))-1)+IF('Standard Profiles'!$G$22=$B$10,7,0)+IF('Standard Profiles'!$G$22=$B$17,14,0)+IF('Standard Profiles'!$G$22=$B$24,21,0),0)),0)</f>
        <v>0</v>
      </c>
      <c r="I3357">
        <f t="shared" si="377"/>
        <v>0.18376390182737931</v>
      </c>
      <c r="J3357">
        <f t="shared" si="378"/>
        <v>0.6125463394245978</v>
      </c>
      <c r="K3357">
        <f t="shared" si="379"/>
        <v>0.91881950913689669</v>
      </c>
      <c r="L3357">
        <f t="shared" si="380"/>
        <v>12.652081815473723</v>
      </c>
      <c r="M3357">
        <f t="shared" si="381"/>
        <v>0</v>
      </c>
      <c r="N3357" s="46">
        <f t="shared" si="382"/>
        <v>45430.458333325274</v>
      </c>
    </row>
    <row r="3358" spans="2:14" x14ac:dyDescent="0.3">
      <c r="B3358">
        <f t="shared" si="376"/>
        <v>6</v>
      </c>
      <c r="C3358" s="16">
        <v>3324</v>
      </c>
      <c r="D3358" cm="1">
        <f t="array" ref="D3358">IFERROR(INDEX(Jesper!AH$2:AH$366,ROUNDDOWN($C3358/24,0)+1,1)*INDEX($D$3:$AA$30,INDEX(Jesper!$R$2:$R$366,ROW(INDEX(Jesper!AH$2:AH$366,ROUNDDOWN($C3358/24,0)+1,1))-1)+IF('Standard Profiles'!$G$18=$B$10,7,0)+IF('Standard Profiles'!$G$18=$B$17,14,0)+IF('Standard Profiles'!$G$18=$B$24,21,0),MOD($C3358,24)+1)/SUM(INDEX($D$3:$AA$30,INDEX(Jesper!$R$2:$R$366,ROW(INDEX(Jesper!AH$2:AH$366,ROUNDDOWN($C3358/24,0)+1,1))-1)+IF('Standard Profiles'!$G$18=$B$10,7,0)+IF('Standard Profiles'!$G$18=$B$17,14,0)+IF('Standard Profiles'!$G$18=$B$24,21,0),0)),0)</f>
        <v>12.327432255578687</v>
      </c>
      <c r="E3358" cm="1">
        <f t="array" ref="E3358">IFERROR(INDEX(Jesper!AI$2:AI$366,ROUNDDOWN($C3358/24,0)+1,1)*INDEX($D$3:$AA$30,INDEX(Jesper!$R$2:$R$366,ROW(INDEX(Jesper!AI$2:AI$366,ROUNDDOWN($C3358/24,0)+1,1))-1)+IF('Standard Profiles'!$G$19=$B$10,7,0)+IF('Standard Profiles'!$G$19=$B$17,14,0)+IF('Standard Profiles'!$G$19=$B$24,21,0),MOD($C3358,24)+1)/SUM(INDEX($D$3:$AA$30,INDEX(Jesper!$R$2:$R$366,ROW(INDEX(Jesper!AI$2:AI$366,ROUNDDOWN($C3358/24,0)+1,1))-1)+IF('Standard Profiles'!$G$19=$B$10,7,0)+IF('Standard Profiles'!$G$19=$B$17,14,0)+IF('Standard Profiles'!$G$19=$B$24,21,0),0)),0)</f>
        <v>2.0397793102839099</v>
      </c>
      <c r="F3358" cm="1">
        <f t="array" ref="F3358">IFERROR(INDEX(Jesper!AJ$2:AJ$366,ROUNDDOWN($C3358/24,0)+1,1)*INDEX($D$3:$AA$30,INDEX(Jesper!$R$2:$R$366,ROW(INDEX(Jesper!AJ$2:AJ$366,ROUNDDOWN($C3358/24,0)+1,1))-1)+IF('Standard Profiles'!$G$20=$B$10,7,0)+IF('Standard Profiles'!$G$20=$B$17,14,0)+IF('Standard Profiles'!$G$20=$B$24,21,0),MOD($C3358,24)+1)/SUM(INDEX($D$3:$AA$30,INDEX(Jesper!$R$2:$R$366,ROW(INDEX(Jesper!AJ$2:AJ$366,ROUNDDOWN($C3358/24,0)+1,1))-1)+IF('Standard Profiles'!$G$20=$B$10,7,0)+IF('Standard Profiles'!$G$20=$B$17,14,0)+IF('Standard Profiles'!$G$20=$B$24,21,0),0)),0)</f>
        <v>0</v>
      </c>
      <c r="G3358" cm="1">
        <f t="array" ref="G3358">IFERROR(INDEX(Jesper!AK$2:AK$366,ROUNDDOWN($C3358/24,0)+1,1)*INDEX($D$3:$AA$30,INDEX(Jesper!$R$2:$R$366,ROW(INDEX(Jesper!AK$2:AK$366,ROUNDDOWN($C3358/24,0)+1,1))-1)+IF('Standard Profiles'!$G$21=$B$10,7,0)+IF('Standard Profiles'!$G$21=$B$17,14,0)+IF('Standard Profiles'!$G$21=$B$24,21,0),MOD($C3358,24)+1)/SUM(INDEX($D$3:$AA$30,INDEX(Jesper!$R$2:$R$366,ROW(INDEX(Jesper!AK$2:AK$366,ROUNDDOWN($C3358/24,0)+1,1))-1)+IF('Standard Profiles'!$G$21=$B$10,7,0)+IF('Standard Profiles'!$G$21=$B$17,14,0)+IF('Standard Profiles'!$G$21=$B$24,21,0),0)),0)</f>
        <v>0</v>
      </c>
      <c r="H3358" cm="1">
        <f t="array" ref="H3358">IFERROR(INDEX(Jesper!AL$2:AL$366,ROUNDDOWN($C3358/24,0)+1,1)*INDEX($D$3:$AA$30,INDEX(Jesper!$R$2:$R$366,ROW(INDEX(Jesper!AL$2:AL$366,ROUNDDOWN($C3358/24,0)+1,1))-1)+IF('Standard Profiles'!$G$22=$B$10,7,0)+IF('Standard Profiles'!$G$22=$B$17,14,0)+IF('Standard Profiles'!$G$22=$B$24,21,0),MOD($C3358,24)+1)/SUM(INDEX($D$3:$AA$30,INDEX(Jesper!$R$2:$R$366,ROW(INDEX(Jesper!AL$2:AL$366,ROUNDDOWN($C3358/24,0)+1,1))-1)+IF('Standard Profiles'!$G$22=$B$10,7,0)+IF('Standard Profiles'!$G$22=$B$17,14,0)+IF('Standard Profiles'!$G$22=$B$24,21,0),0)),0)</f>
        <v>0</v>
      </c>
      <c r="I3358">
        <f t="shared" si="377"/>
        <v>0.18376390182737931</v>
      </c>
      <c r="J3358">
        <f t="shared" si="378"/>
        <v>0.6125463394245978</v>
      </c>
      <c r="K3358">
        <f t="shared" si="379"/>
        <v>0.91881950913689669</v>
      </c>
      <c r="L3358">
        <f t="shared" si="380"/>
        <v>12.652081815473723</v>
      </c>
      <c r="M3358">
        <f t="shared" si="381"/>
        <v>0</v>
      </c>
      <c r="N3358" s="46">
        <f t="shared" si="382"/>
        <v>45430.499999991938</v>
      </c>
    </row>
    <row r="3359" spans="2:14" x14ac:dyDescent="0.3">
      <c r="B3359">
        <f t="shared" si="376"/>
        <v>6</v>
      </c>
      <c r="C3359" s="16">
        <v>3325</v>
      </c>
      <c r="D3359" cm="1">
        <f t="array" ref="D3359">IFERROR(INDEX(Jesper!AH$2:AH$366,ROUNDDOWN($C3359/24,0)+1,1)*INDEX($D$3:$AA$30,INDEX(Jesper!$R$2:$R$366,ROW(INDEX(Jesper!AH$2:AH$366,ROUNDDOWN($C3359/24,0)+1,1))-1)+IF('Standard Profiles'!$G$18=$B$10,7,0)+IF('Standard Profiles'!$G$18=$B$17,14,0)+IF('Standard Profiles'!$G$18=$B$24,21,0),MOD($C3359,24)+1)/SUM(INDEX($D$3:$AA$30,INDEX(Jesper!$R$2:$R$366,ROW(INDEX(Jesper!AH$2:AH$366,ROUNDDOWN($C3359/24,0)+1,1))-1)+IF('Standard Profiles'!$G$18=$B$10,7,0)+IF('Standard Profiles'!$G$18=$B$17,14,0)+IF('Standard Profiles'!$G$18=$B$24,21,0),0)),0)</f>
        <v>12.327432255578687</v>
      </c>
      <c r="E3359" cm="1">
        <f t="array" ref="E3359">IFERROR(INDEX(Jesper!AI$2:AI$366,ROUNDDOWN($C3359/24,0)+1,1)*INDEX($D$3:$AA$30,INDEX(Jesper!$R$2:$R$366,ROW(INDEX(Jesper!AI$2:AI$366,ROUNDDOWN($C3359/24,0)+1,1))-1)+IF('Standard Profiles'!$G$19=$B$10,7,0)+IF('Standard Profiles'!$G$19=$B$17,14,0)+IF('Standard Profiles'!$G$19=$B$24,21,0),MOD($C3359,24)+1)/SUM(INDEX($D$3:$AA$30,INDEX(Jesper!$R$2:$R$366,ROW(INDEX(Jesper!AI$2:AI$366,ROUNDDOWN($C3359/24,0)+1,1))-1)+IF('Standard Profiles'!$G$19=$B$10,7,0)+IF('Standard Profiles'!$G$19=$B$17,14,0)+IF('Standard Profiles'!$G$19=$B$24,21,0),0)),0)</f>
        <v>2.0397793102839099</v>
      </c>
      <c r="F3359" cm="1">
        <f t="array" ref="F3359">IFERROR(INDEX(Jesper!AJ$2:AJ$366,ROUNDDOWN($C3359/24,0)+1,1)*INDEX($D$3:$AA$30,INDEX(Jesper!$R$2:$R$366,ROW(INDEX(Jesper!AJ$2:AJ$366,ROUNDDOWN($C3359/24,0)+1,1))-1)+IF('Standard Profiles'!$G$20=$B$10,7,0)+IF('Standard Profiles'!$G$20=$B$17,14,0)+IF('Standard Profiles'!$G$20=$B$24,21,0),MOD($C3359,24)+1)/SUM(INDEX($D$3:$AA$30,INDEX(Jesper!$R$2:$R$366,ROW(INDEX(Jesper!AJ$2:AJ$366,ROUNDDOWN($C3359/24,0)+1,1))-1)+IF('Standard Profiles'!$G$20=$B$10,7,0)+IF('Standard Profiles'!$G$20=$B$17,14,0)+IF('Standard Profiles'!$G$20=$B$24,21,0),0)),0)</f>
        <v>0</v>
      </c>
      <c r="G3359" cm="1">
        <f t="array" ref="G3359">IFERROR(INDEX(Jesper!AK$2:AK$366,ROUNDDOWN($C3359/24,0)+1,1)*INDEX($D$3:$AA$30,INDEX(Jesper!$R$2:$R$366,ROW(INDEX(Jesper!AK$2:AK$366,ROUNDDOWN($C3359/24,0)+1,1))-1)+IF('Standard Profiles'!$G$21=$B$10,7,0)+IF('Standard Profiles'!$G$21=$B$17,14,0)+IF('Standard Profiles'!$G$21=$B$24,21,0),MOD($C3359,24)+1)/SUM(INDEX($D$3:$AA$30,INDEX(Jesper!$R$2:$R$366,ROW(INDEX(Jesper!AK$2:AK$366,ROUNDDOWN($C3359/24,0)+1,1))-1)+IF('Standard Profiles'!$G$21=$B$10,7,0)+IF('Standard Profiles'!$G$21=$B$17,14,0)+IF('Standard Profiles'!$G$21=$B$24,21,0),0)),0)</f>
        <v>0</v>
      </c>
      <c r="H3359" cm="1">
        <f t="array" ref="H3359">IFERROR(INDEX(Jesper!AL$2:AL$366,ROUNDDOWN($C3359/24,0)+1,1)*INDEX($D$3:$AA$30,INDEX(Jesper!$R$2:$R$366,ROW(INDEX(Jesper!AL$2:AL$366,ROUNDDOWN($C3359/24,0)+1,1))-1)+IF('Standard Profiles'!$G$22=$B$10,7,0)+IF('Standard Profiles'!$G$22=$B$17,14,0)+IF('Standard Profiles'!$G$22=$B$24,21,0),MOD($C3359,24)+1)/SUM(INDEX($D$3:$AA$30,INDEX(Jesper!$R$2:$R$366,ROW(INDEX(Jesper!AL$2:AL$366,ROUNDDOWN($C3359/24,0)+1,1))-1)+IF('Standard Profiles'!$G$22=$B$10,7,0)+IF('Standard Profiles'!$G$22=$B$17,14,0)+IF('Standard Profiles'!$G$22=$B$24,21,0),0)),0)</f>
        <v>0</v>
      </c>
      <c r="I3359">
        <f t="shared" si="377"/>
        <v>0.18376390182737931</v>
      </c>
      <c r="J3359">
        <f t="shared" si="378"/>
        <v>0.6125463394245978</v>
      </c>
      <c r="K3359">
        <f t="shared" si="379"/>
        <v>0.91881950913689669</v>
      </c>
      <c r="L3359">
        <f t="shared" si="380"/>
        <v>12.652081815473723</v>
      </c>
      <c r="M3359">
        <f t="shared" si="381"/>
        <v>0</v>
      </c>
      <c r="N3359" s="46">
        <f t="shared" si="382"/>
        <v>45430.541666658602</v>
      </c>
    </row>
    <row r="3360" spans="2:14" x14ac:dyDescent="0.3">
      <c r="B3360">
        <f t="shared" si="376"/>
        <v>6</v>
      </c>
      <c r="C3360" s="16">
        <v>3326</v>
      </c>
      <c r="D3360" cm="1">
        <f t="array" ref="D3360">IFERROR(INDEX(Jesper!AH$2:AH$366,ROUNDDOWN($C3360/24,0)+1,1)*INDEX($D$3:$AA$30,INDEX(Jesper!$R$2:$R$366,ROW(INDEX(Jesper!AH$2:AH$366,ROUNDDOWN($C3360/24,0)+1,1))-1)+IF('Standard Profiles'!$G$18=$B$10,7,0)+IF('Standard Profiles'!$G$18=$B$17,14,0)+IF('Standard Profiles'!$G$18=$B$24,21,0),MOD($C3360,24)+1)/SUM(INDEX($D$3:$AA$30,INDEX(Jesper!$R$2:$R$366,ROW(INDEX(Jesper!AH$2:AH$366,ROUNDDOWN($C3360/24,0)+1,1))-1)+IF('Standard Profiles'!$G$18=$B$10,7,0)+IF('Standard Profiles'!$G$18=$B$17,14,0)+IF('Standard Profiles'!$G$18=$B$24,21,0),0)),0)</f>
        <v>12.327432255578687</v>
      </c>
      <c r="E3360" cm="1">
        <f t="array" ref="E3360">IFERROR(INDEX(Jesper!AI$2:AI$366,ROUNDDOWN($C3360/24,0)+1,1)*INDEX($D$3:$AA$30,INDEX(Jesper!$R$2:$R$366,ROW(INDEX(Jesper!AI$2:AI$366,ROUNDDOWN($C3360/24,0)+1,1))-1)+IF('Standard Profiles'!$G$19=$B$10,7,0)+IF('Standard Profiles'!$G$19=$B$17,14,0)+IF('Standard Profiles'!$G$19=$B$24,21,0),MOD($C3360,24)+1)/SUM(INDEX($D$3:$AA$30,INDEX(Jesper!$R$2:$R$366,ROW(INDEX(Jesper!AI$2:AI$366,ROUNDDOWN($C3360/24,0)+1,1))-1)+IF('Standard Profiles'!$G$19=$B$10,7,0)+IF('Standard Profiles'!$G$19=$B$17,14,0)+IF('Standard Profiles'!$G$19=$B$24,21,0),0)),0)</f>
        <v>2.0397793102839099</v>
      </c>
      <c r="F3360" cm="1">
        <f t="array" ref="F3360">IFERROR(INDEX(Jesper!AJ$2:AJ$366,ROUNDDOWN($C3360/24,0)+1,1)*INDEX($D$3:$AA$30,INDEX(Jesper!$R$2:$R$366,ROW(INDEX(Jesper!AJ$2:AJ$366,ROUNDDOWN($C3360/24,0)+1,1))-1)+IF('Standard Profiles'!$G$20=$B$10,7,0)+IF('Standard Profiles'!$G$20=$B$17,14,0)+IF('Standard Profiles'!$G$20=$B$24,21,0),MOD($C3360,24)+1)/SUM(INDEX($D$3:$AA$30,INDEX(Jesper!$R$2:$R$366,ROW(INDEX(Jesper!AJ$2:AJ$366,ROUNDDOWN($C3360/24,0)+1,1))-1)+IF('Standard Profiles'!$G$20=$B$10,7,0)+IF('Standard Profiles'!$G$20=$B$17,14,0)+IF('Standard Profiles'!$G$20=$B$24,21,0),0)),0)</f>
        <v>0</v>
      </c>
      <c r="G3360" cm="1">
        <f t="array" ref="G3360">IFERROR(INDEX(Jesper!AK$2:AK$366,ROUNDDOWN($C3360/24,0)+1,1)*INDEX($D$3:$AA$30,INDEX(Jesper!$R$2:$R$366,ROW(INDEX(Jesper!AK$2:AK$366,ROUNDDOWN($C3360/24,0)+1,1))-1)+IF('Standard Profiles'!$G$21=$B$10,7,0)+IF('Standard Profiles'!$G$21=$B$17,14,0)+IF('Standard Profiles'!$G$21=$B$24,21,0),MOD($C3360,24)+1)/SUM(INDEX($D$3:$AA$30,INDEX(Jesper!$R$2:$R$366,ROW(INDEX(Jesper!AK$2:AK$366,ROUNDDOWN($C3360/24,0)+1,1))-1)+IF('Standard Profiles'!$G$21=$B$10,7,0)+IF('Standard Profiles'!$G$21=$B$17,14,0)+IF('Standard Profiles'!$G$21=$B$24,21,0),0)),0)</f>
        <v>0</v>
      </c>
      <c r="H3360" cm="1">
        <f t="array" ref="H3360">IFERROR(INDEX(Jesper!AL$2:AL$366,ROUNDDOWN($C3360/24,0)+1,1)*INDEX($D$3:$AA$30,INDEX(Jesper!$R$2:$R$366,ROW(INDEX(Jesper!AL$2:AL$366,ROUNDDOWN($C3360/24,0)+1,1))-1)+IF('Standard Profiles'!$G$22=$B$10,7,0)+IF('Standard Profiles'!$G$22=$B$17,14,0)+IF('Standard Profiles'!$G$22=$B$24,21,0),MOD($C3360,24)+1)/SUM(INDEX($D$3:$AA$30,INDEX(Jesper!$R$2:$R$366,ROW(INDEX(Jesper!AL$2:AL$366,ROUNDDOWN($C3360/24,0)+1,1))-1)+IF('Standard Profiles'!$G$22=$B$10,7,0)+IF('Standard Profiles'!$G$22=$B$17,14,0)+IF('Standard Profiles'!$G$22=$B$24,21,0),0)),0)</f>
        <v>0</v>
      </c>
      <c r="I3360">
        <f t="shared" si="377"/>
        <v>0.18376390182737931</v>
      </c>
      <c r="J3360">
        <f t="shared" si="378"/>
        <v>0.6125463394245978</v>
      </c>
      <c r="K3360">
        <f t="shared" si="379"/>
        <v>0.91881950913689669</v>
      </c>
      <c r="L3360">
        <f t="shared" si="380"/>
        <v>12.652081815473723</v>
      </c>
      <c r="M3360">
        <f t="shared" si="381"/>
        <v>0</v>
      </c>
      <c r="N3360" s="46">
        <f t="shared" si="382"/>
        <v>45430.583333325267</v>
      </c>
    </row>
    <row r="3361" spans="2:14" x14ac:dyDescent="0.3">
      <c r="B3361">
        <f t="shared" si="376"/>
        <v>6</v>
      </c>
      <c r="C3361" s="16">
        <v>3327</v>
      </c>
      <c r="D3361" cm="1">
        <f t="array" ref="D3361">IFERROR(INDEX(Jesper!AH$2:AH$366,ROUNDDOWN($C3361/24,0)+1,1)*INDEX($D$3:$AA$30,INDEX(Jesper!$R$2:$R$366,ROW(INDEX(Jesper!AH$2:AH$366,ROUNDDOWN($C3361/24,0)+1,1))-1)+IF('Standard Profiles'!$G$18=$B$10,7,0)+IF('Standard Profiles'!$G$18=$B$17,14,0)+IF('Standard Profiles'!$G$18=$B$24,21,0),MOD($C3361,24)+1)/SUM(INDEX($D$3:$AA$30,INDEX(Jesper!$R$2:$R$366,ROW(INDEX(Jesper!AH$2:AH$366,ROUNDDOWN($C3361/24,0)+1,1))-1)+IF('Standard Profiles'!$G$18=$B$10,7,0)+IF('Standard Profiles'!$G$18=$B$17,14,0)+IF('Standard Profiles'!$G$18=$B$24,21,0),0)),0)</f>
        <v>11.145349710523195</v>
      </c>
      <c r="E3361" cm="1">
        <f t="array" ref="E3361">IFERROR(INDEX(Jesper!AI$2:AI$366,ROUNDDOWN($C3361/24,0)+1,1)*INDEX($D$3:$AA$30,INDEX(Jesper!$R$2:$R$366,ROW(INDEX(Jesper!AI$2:AI$366,ROUNDDOWN($C3361/24,0)+1,1))-1)+IF('Standard Profiles'!$G$19=$B$10,7,0)+IF('Standard Profiles'!$G$19=$B$17,14,0)+IF('Standard Profiles'!$G$19=$B$24,21,0),MOD($C3361,24)+1)/SUM(INDEX($D$3:$AA$30,INDEX(Jesper!$R$2:$R$366,ROW(INDEX(Jesper!AI$2:AI$366,ROUNDDOWN($C3361/24,0)+1,1))-1)+IF('Standard Profiles'!$G$19=$B$10,7,0)+IF('Standard Profiles'!$G$19=$B$17,14,0)+IF('Standard Profiles'!$G$19=$B$24,21,0),0)),0)</f>
        <v>1.8441840339553157</v>
      </c>
      <c r="F3361" cm="1">
        <f t="array" ref="F3361">IFERROR(INDEX(Jesper!AJ$2:AJ$366,ROUNDDOWN($C3361/24,0)+1,1)*INDEX($D$3:$AA$30,INDEX(Jesper!$R$2:$R$366,ROW(INDEX(Jesper!AJ$2:AJ$366,ROUNDDOWN($C3361/24,0)+1,1))-1)+IF('Standard Profiles'!$G$20=$B$10,7,0)+IF('Standard Profiles'!$G$20=$B$17,14,0)+IF('Standard Profiles'!$G$20=$B$24,21,0),MOD($C3361,24)+1)/SUM(INDEX($D$3:$AA$30,INDEX(Jesper!$R$2:$R$366,ROW(INDEX(Jesper!AJ$2:AJ$366,ROUNDDOWN($C3361/24,0)+1,1))-1)+IF('Standard Profiles'!$G$20=$B$10,7,0)+IF('Standard Profiles'!$G$20=$B$17,14,0)+IF('Standard Profiles'!$G$20=$B$24,21,0),0)),0)</f>
        <v>0</v>
      </c>
      <c r="G3361" cm="1">
        <f t="array" ref="G3361">IFERROR(INDEX(Jesper!AK$2:AK$366,ROUNDDOWN($C3361/24,0)+1,1)*INDEX($D$3:$AA$30,INDEX(Jesper!$R$2:$R$366,ROW(INDEX(Jesper!AK$2:AK$366,ROUNDDOWN($C3361/24,0)+1,1))-1)+IF('Standard Profiles'!$G$21=$B$10,7,0)+IF('Standard Profiles'!$G$21=$B$17,14,0)+IF('Standard Profiles'!$G$21=$B$24,21,0),MOD($C3361,24)+1)/SUM(INDEX($D$3:$AA$30,INDEX(Jesper!$R$2:$R$366,ROW(INDEX(Jesper!AK$2:AK$366,ROUNDDOWN($C3361/24,0)+1,1))-1)+IF('Standard Profiles'!$G$21=$B$10,7,0)+IF('Standard Profiles'!$G$21=$B$17,14,0)+IF('Standard Profiles'!$G$21=$B$24,21,0),0)),0)</f>
        <v>0</v>
      </c>
      <c r="H3361" cm="1">
        <f t="array" ref="H3361">IFERROR(INDEX(Jesper!AL$2:AL$366,ROUNDDOWN($C3361/24,0)+1,1)*INDEX($D$3:$AA$30,INDEX(Jesper!$R$2:$R$366,ROW(INDEX(Jesper!AL$2:AL$366,ROUNDDOWN($C3361/24,0)+1,1))-1)+IF('Standard Profiles'!$G$22=$B$10,7,0)+IF('Standard Profiles'!$G$22=$B$17,14,0)+IF('Standard Profiles'!$G$22=$B$24,21,0),MOD($C3361,24)+1)/SUM(INDEX($D$3:$AA$30,INDEX(Jesper!$R$2:$R$366,ROW(INDEX(Jesper!AL$2:AL$366,ROUNDDOWN($C3361/24,0)+1,1))-1)+IF('Standard Profiles'!$G$22=$B$10,7,0)+IF('Standard Profiles'!$G$22=$B$17,14,0)+IF('Standard Profiles'!$G$22=$B$24,21,0),0)),0)</f>
        <v>0</v>
      </c>
      <c r="I3361">
        <f t="shared" si="377"/>
        <v>0.1661427057617402</v>
      </c>
      <c r="J3361">
        <f t="shared" si="378"/>
        <v>0.55380901920580072</v>
      </c>
      <c r="K3361">
        <f t="shared" si="379"/>
        <v>0.83071352880870108</v>
      </c>
      <c r="L3361">
        <f t="shared" si="380"/>
        <v>11.438868490702269</v>
      </c>
      <c r="M3361">
        <f t="shared" si="381"/>
        <v>0</v>
      </c>
      <c r="N3361" s="46">
        <f t="shared" si="382"/>
        <v>45430.624999991931</v>
      </c>
    </row>
    <row r="3362" spans="2:14" x14ac:dyDescent="0.3">
      <c r="B3362">
        <f t="shared" si="376"/>
        <v>6</v>
      </c>
      <c r="C3362" s="16">
        <v>3328</v>
      </c>
      <c r="D3362" cm="1">
        <f t="array" ref="D3362">IFERROR(INDEX(Jesper!AH$2:AH$366,ROUNDDOWN($C3362/24,0)+1,1)*INDEX($D$3:$AA$30,INDEX(Jesper!$R$2:$R$366,ROW(INDEX(Jesper!AH$2:AH$366,ROUNDDOWN($C3362/24,0)+1,1))-1)+IF('Standard Profiles'!$G$18=$B$10,7,0)+IF('Standard Profiles'!$G$18=$B$17,14,0)+IF('Standard Profiles'!$G$18=$B$24,21,0),MOD($C3362,24)+1)/SUM(INDEX($D$3:$AA$30,INDEX(Jesper!$R$2:$R$366,ROW(INDEX(Jesper!AH$2:AH$366,ROUNDDOWN($C3362/24,0)+1,1))-1)+IF('Standard Profiles'!$G$18=$B$10,7,0)+IF('Standard Profiles'!$G$18=$B$17,14,0)+IF('Standard Profiles'!$G$18=$B$24,21,0),0)),0)</f>
        <v>10.132136100475632</v>
      </c>
      <c r="E3362" cm="1">
        <f t="array" ref="E3362">IFERROR(INDEX(Jesper!AI$2:AI$366,ROUNDDOWN($C3362/24,0)+1,1)*INDEX($D$3:$AA$30,INDEX(Jesper!$R$2:$R$366,ROW(INDEX(Jesper!AI$2:AI$366,ROUNDDOWN($C3362/24,0)+1,1))-1)+IF('Standard Profiles'!$G$19=$B$10,7,0)+IF('Standard Profiles'!$G$19=$B$17,14,0)+IF('Standard Profiles'!$G$19=$B$24,21,0),MOD($C3362,24)+1)/SUM(INDEX($D$3:$AA$30,INDEX(Jesper!$R$2:$R$366,ROW(INDEX(Jesper!AI$2:AI$366,ROUNDDOWN($C3362/24,0)+1,1))-1)+IF('Standard Profiles'!$G$19=$B$10,7,0)+IF('Standard Profiles'!$G$19=$B$17,14,0)+IF('Standard Profiles'!$G$19=$B$24,21,0),0)),0)</f>
        <v>1.676530939959378</v>
      </c>
      <c r="F3362" cm="1">
        <f t="array" ref="F3362">IFERROR(INDEX(Jesper!AJ$2:AJ$366,ROUNDDOWN($C3362/24,0)+1,1)*INDEX($D$3:$AA$30,INDEX(Jesper!$R$2:$R$366,ROW(INDEX(Jesper!AJ$2:AJ$366,ROUNDDOWN($C3362/24,0)+1,1))-1)+IF('Standard Profiles'!$G$20=$B$10,7,0)+IF('Standard Profiles'!$G$20=$B$17,14,0)+IF('Standard Profiles'!$G$20=$B$24,21,0),MOD($C3362,24)+1)/SUM(INDEX($D$3:$AA$30,INDEX(Jesper!$R$2:$R$366,ROW(INDEX(Jesper!AJ$2:AJ$366,ROUNDDOWN($C3362/24,0)+1,1))-1)+IF('Standard Profiles'!$G$20=$B$10,7,0)+IF('Standard Profiles'!$G$20=$B$17,14,0)+IF('Standard Profiles'!$G$20=$B$24,21,0),0)),0)</f>
        <v>0</v>
      </c>
      <c r="G3362" cm="1">
        <f t="array" ref="G3362">IFERROR(INDEX(Jesper!AK$2:AK$366,ROUNDDOWN($C3362/24,0)+1,1)*INDEX($D$3:$AA$30,INDEX(Jesper!$R$2:$R$366,ROW(INDEX(Jesper!AK$2:AK$366,ROUNDDOWN($C3362/24,0)+1,1))-1)+IF('Standard Profiles'!$G$21=$B$10,7,0)+IF('Standard Profiles'!$G$21=$B$17,14,0)+IF('Standard Profiles'!$G$21=$B$24,21,0),MOD($C3362,24)+1)/SUM(INDEX($D$3:$AA$30,INDEX(Jesper!$R$2:$R$366,ROW(INDEX(Jesper!AK$2:AK$366,ROUNDDOWN($C3362/24,0)+1,1))-1)+IF('Standard Profiles'!$G$21=$B$10,7,0)+IF('Standard Profiles'!$G$21=$B$17,14,0)+IF('Standard Profiles'!$G$21=$B$24,21,0),0)),0)</f>
        <v>0</v>
      </c>
      <c r="H3362" cm="1">
        <f t="array" ref="H3362">IFERROR(INDEX(Jesper!AL$2:AL$366,ROUNDDOWN($C3362/24,0)+1,1)*INDEX($D$3:$AA$30,INDEX(Jesper!$R$2:$R$366,ROW(INDEX(Jesper!AL$2:AL$366,ROUNDDOWN($C3362/24,0)+1,1))-1)+IF('Standard Profiles'!$G$22=$B$10,7,0)+IF('Standard Profiles'!$G$22=$B$17,14,0)+IF('Standard Profiles'!$G$22=$B$24,21,0),MOD($C3362,24)+1)/SUM(INDEX($D$3:$AA$30,INDEX(Jesper!$R$2:$R$366,ROW(INDEX(Jesper!AL$2:AL$366,ROUNDDOWN($C3362/24,0)+1,1))-1)+IF('Standard Profiles'!$G$22=$B$10,7,0)+IF('Standard Profiles'!$G$22=$B$17,14,0)+IF('Standard Profiles'!$G$22=$B$24,21,0),0)),0)</f>
        <v>0</v>
      </c>
      <c r="I3362">
        <f t="shared" si="377"/>
        <v>0.15103882341976382</v>
      </c>
      <c r="J3362">
        <f t="shared" si="378"/>
        <v>0.50346274473254615</v>
      </c>
      <c r="K3362">
        <f t="shared" si="379"/>
        <v>0.75519411709881923</v>
      </c>
      <c r="L3362">
        <f t="shared" si="380"/>
        <v>10.398971355183882</v>
      </c>
      <c r="M3362">
        <f t="shared" si="381"/>
        <v>0</v>
      </c>
      <c r="N3362" s="46">
        <f t="shared" si="382"/>
        <v>45430.666666658595</v>
      </c>
    </row>
    <row r="3363" spans="2:14" x14ac:dyDescent="0.3">
      <c r="B3363">
        <f t="shared" ref="B3363:B3426" si="383">WEEKDAY(N3363,2)</f>
        <v>6</v>
      </c>
      <c r="C3363" s="16">
        <v>3329</v>
      </c>
      <c r="D3363" cm="1">
        <f t="array" ref="D3363">IFERROR(INDEX(Jesper!AH$2:AH$366,ROUNDDOWN($C3363/24,0)+1,1)*INDEX($D$3:$AA$30,INDEX(Jesper!$R$2:$R$366,ROW(INDEX(Jesper!AH$2:AH$366,ROUNDDOWN($C3363/24,0)+1,1))-1)+IF('Standard Profiles'!$G$18=$B$10,7,0)+IF('Standard Profiles'!$G$18=$B$17,14,0)+IF('Standard Profiles'!$G$18=$B$24,21,0),MOD($C3363,24)+1)/SUM(INDEX($D$3:$AA$30,INDEX(Jesper!$R$2:$R$366,ROW(INDEX(Jesper!AH$2:AH$366,ROUNDDOWN($C3363/24,0)+1,1))-1)+IF('Standard Profiles'!$G$18=$B$10,7,0)+IF('Standard Profiles'!$G$18=$B$17,14,0)+IF('Standard Profiles'!$G$18=$B$24,21,0),0)),0)</f>
        <v>9.1189224904280692</v>
      </c>
      <c r="E3363" cm="1">
        <f t="array" ref="E3363">IFERROR(INDEX(Jesper!AI$2:AI$366,ROUNDDOWN($C3363/24,0)+1,1)*INDEX($D$3:$AA$30,INDEX(Jesper!$R$2:$R$366,ROW(INDEX(Jesper!AI$2:AI$366,ROUNDDOWN($C3363/24,0)+1,1))-1)+IF('Standard Profiles'!$G$19=$B$10,7,0)+IF('Standard Profiles'!$G$19=$B$17,14,0)+IF('Standard Profiles'!$G$19=$B$24,21,0),MOD($C3363,24)+1)/SUM(INDEX($D$3:$AA$30,INDEX(Jesper!$R$2:$R$366,ROW(INDEX(Jesper!AI$2:AI$366,ROUNDDOWN($C3363/24,0)+1,1))-1)+IF('Standard Profiles'!$G$19=$B$10,7,0)+IF('Standard Profiles'!$G$19=$B$17,14,0)+IF('Standard Profiles'!$G$19=$B$24,21,0),0)),0)</f>
        <v>1.5088778459634402</v>
      </c>
      <c r="F3363" cm="1">
        <f t="array" ref="F3363">IFERROR(INDEX(Jesper!AJ$2:AJ$366,ROUNDDOWN($C3363/24,0)+1,1)*INDEX($D$3:$AA$30,INDEX(Jesper!$R$2:$R$366,ROW(INDEX(Jesper!AJ$2:AJ$366,ROUNDDOWN($C3363/24,0)+1,1))-1)+IF('Standard Profiles'!$G$20=$B$10,7,0)+IF('Standard Profiles'!$G$20=$B$17,14,0)+IF('Standard Profiles'!$G$20=$B$24,21,0),MOD($C3363,24)+1)/SUM(INDEX($D$3:$AA$30,INDEX(Jesper!$R$2:$R$366,ROW(INDEX(Jesper!AJ$2:AJ$366,ROUNDDOWN($C3363/24,0)+1,1))-1)+IF('Standard Profiles'!$G$20=$B$10,7,0)+IF('Standard Profiles'!$G$20=$B$17,14,0)+IF('Standard Profiles'!$G$20=$B$24,21,0),0)),0)</f>
        <v>0</v>
      </c>
      <c r="G3363" cm="1">
        <f t="array" ref="G3363">IFERROR(INDEX(Jesper!AK$2:AK$366,ROUNDDOWN($C3363/24,0)+1,1)*INDEX($D$3:$AA$30,INDEX(Jesper!$R$2:$R$366,ROW(INDEX(Jesper!AK$2:AK$366,ROUNDDOWN($C3363/24,0)+1,1))-1)+IF('Standard Profiles'!$G$21=$B$10,7,0)+IF('Standard Profiles'!$G$21=$B$17,14,0)+IF('Standard Profiles'!$G$21=$B$24,21,0),MOD($C3363,24)+1)/SUM(INDEX($D$3:$AA$30,INDEX(Jesper!$R$2:$R$366,ROW(INDEX(Jesper!AK$2:AK$366,ROUNDDOWN($C3363/24,0)+1,1))-1)+IF('Standard Profiles'!$G$21=$B$10,7,0)+IF('Standard Profiles'!$G$21=$B$17,14,0)+IF('Standard Profiles'!$G$21=$B$24,21,0),0)),0)</f>
        <v>0</v>
      </c>
      <c r="H3363" cm="1">
        <f t="array" ref="H3363">IFERROR(INDEX(Jesper!AL$2:AL$366,ROUNDDOWN($C3363/24,0)+1,1)*INDEX($D$3:$AA$30,INDEX(Jesper!$R$2:$R$366,ROW(INDEX(Jesper!AL$2:AL$366,ROUNDDOWN($C3363/24,0)+1,1))-1)+IF('Standard Profiles'!$G$22=$B$10,7,0)+IF('Standard Profiles'!$G$22=$B$17,14,0)+IF('Standard Profiles'!$G$22=$B$24,21,0),MOD($C3363,24)+1)/SUM(INDEX($D$3:$AA$30,INDEX(Jesper!$R$2:$R$366,ROW(INDEX(Jesper!AL$2:AL$366,ROUNDDOWN($C3363/24,0)+1,1))-1)+IF('Standard Profiles'!$G$22=$B$10,7,0)+IF('Standard Profiles'!$G$22=$B$17,14,0)+IF('Standard Profiles'!$G$22=$B$24,21,0),0)),0)</f>
        <v>0</v>
      </c>
      <c r="I3363">
        <f t="shared" ref="I3363:I3426" si="384">IF($B3363&lt;6,AC$37*$D3363+AC$38*$E3363+AC$39*$F3363+AC$40*$G3363,AC$46*$D3363+AC$47*$E3363+AC$48*$F3363+AC$49*$G3363+AC$50*$H3363)</f>
        <v>0.13593494107778745</v>
      </c>
      <c r="J3363">
        <f t="shared" ref="J3363:J3426" si="385">IF($B3363&lt;6,AD$37*$D3363+AD$38*$E3363+AD$39*$F3363+AD$40*$G3363,AD$46*$D3363+AD$47*$E3363+AD$48*$F3363+AD$49*$G3363+AD$50*$H3363)</f>
        <v>0.45311647025929153</v>
      </c>
      <c r="K3363">
        <f t="shared" ref="K3363:K3426" si="386">IF($B3363&lt;6,AE$37*$D3363+AE$38*$E3363+AE$39*$F3363+AE$40*$G3363,AE$46*$D3363+AE$47*$E3363+AE$48*$F3363+AE$49*$G3363+AE$50*$H3363)</f>
        <v>0.67967470538893726</v>
      </c>
      <c r="L3363">
        <f t="shared" ref="L3363:L3426" si="387">IF($B3363&lt;6,AF$37*$D3363+AF$38*$E3363+AF$39*$F3363+AF$40*$G3363,AF$46*$D3363+AF$47*$E3363+AF$48*$F3363+AF$49*$G3363+AF$50*$H3363)</f>
        <v>9.3590742196654926</v>
      </c>
      <c r="M3363">
        <f t="shared" ref="M3363:M3426" si="388">IF($B3363&lt;6,AG$37*$D3363+AG$38*$E3363+AG$39*$F3363+AG$40*$G3363,AG$46*$D3363+AG$47*$E3363+AG$48*$F3363+AG$49*$G3363+AG$50*$H3363)</f>
        <v>0</v>
      </c>
      <c r="N3363" s="46">
        <f t="shared" si="382"/>
        <v>45430.708333325259</v>
      </c>
    </row>
    <row r="3364" spans="2:14" x14ac:dyDescent="0.3">
      <c r="B3364">
        <f t="shared" si="383"/>
        <v>6</v>
      </c>
      <c r="C3364" s="16">
        <v>3330</v>
      </c>
      <c r="D3364" cm="1">
        <f t="array" ref="D3364">IFERROR(INDEX(Jesper!AH$2:AH$366,ROUNDDOWN($C3364/24,0)+1,1)*INDEX($D$3:$AA$30,INDEX(Jesper!$R$2:$R$366,ROW(INDEX(Jesper!AH$2:AH$366,ROUNDDOWN($C3364/24,0)+1,1))-1)+IF('Standard Profiles'!$G$18=$B$10,7,0)+IF('Standard Profiles'!$G$18=$B$17,14,0)+IF('Standard Profiles'!$G$18=$B$24,21,0),MOD($C3364,24)+1)/SUM(INDEX($D$3:$AA$30,INDEX(Jesper!$R$2:$R$366,ROW(INDEX(Jesper!AH$2:AH$366,ROUNDDOWN($C3364/24,0)+1,1))-1)+IF('Standard Profiles'!$G$18=$B$10,7,0)+IF('Standard Profiles'!$G$18=$B$17,14,0)+IF('Standard Profiles'!$G$18=$B$24,21,0),0)),0)</f>
        <v>8.7811846204122155</v>
      </c>
      <c r="E3364" cm="1">
        <f t="array" ref="E3364">IFERROR(INDEX(Jesper!AI$2:AI$366,ROUNDDOWN($C3364/24,0)+1,1)*INDEX($D$3:$AA$30,INDEX(Jesper!$R$2:$R$366,ROW(INDEX(Jesper!AI$2:AI$366,ROUNDDOWN($C3364/24,0)+1,1))-1)+IF('Standard Profiles'!$G$19=$B$10,7,0)+IF('Standard Profiles'!$G$19=$B$17,14,0)+IF('Standard Profiles'!$G$19=$B$24,21,0),MOD($C3364,24)+1)/SUM(INDEX($D$3:$AA$30,INDEX(Jesper!$R$2:$R$366,ROW(INDEX(Jesper!AI$2:AI$366,ROUNDDOWN($C3364/24,0)+1,1))-1)+IF('Standard Profiles'!$G$19=$B$10,7,0)+IF('Standard Profiles'!$G$19=$B$17,14,0)+IF('Standard Profiles'!$G$19=$B$24,21,0),0)),0)</f>
        <v>1.4529934812981276</v>
      </c>
      <c r="F3364" cm="1">
        <f t="array" ref="F3364">IFERROR(INDEX(Jesper!AJ$2:AJ$366,ROUNDDOWN($C3364/24,0)+1,1)*INDEX($D$3:$AA$30,INDEX(Jesper!$R$2:$R$366,ROW(INDEX(Jesper!AJ$2:AJ$366,ROUNDDOWN($C3364/24,0)+1,1))-1)+IF('Standard Profiles'!$G$20=$B$10,7,0)+IF('Standard Profiles'!$G$20=$B$17,14,0)+IF('Standard Profiles'!$G$20=$B$24,21,0),MOD($C3364,24)+1)/SUM(INDEX($D$3:$AA$30,INDEX(Jesper!$R$2:$R$366,ROW(INDEX(Jesper!AJ$2:AJ$366,ROUNDDOWN($C3364/24,0)+1,1))-1)+IF('Standard Profiles'!$G$20=$B$10,7,0)+IF('Standard Profiles'!$G$20=$B$17,14,0)+IF('Standard Profiles'!$G$20=$B$24,21,0),0)),0)</f>
        <v>0</v>
      </c>
      <c r="G3364" cm="1">
        <f t="array" ref="G3364">IFERROR(INDEX(Jesper!AK$2:AK$366,ROUNDDOWN($C3364/24,0)+1,1)*INDEX($D$3:$AA$30,INDEX(Jesper!$R$2:$R$366,ROW(INDEX(Jesper!AK$2:AK$366,ROUNDDOWN($C3364/24,0)+1,1))-1)+IF('Standard Profiles'!$G$21=$B$10,7,0)+IF('Standard Profiles'!$G$21=$B$17,14,0)+IF('Standard Profiles'!$G$21=$B$24,21,0),MOD($C3364,24)+1)/SUM(INDEX($D$3:$AA$30,INDEX(Jesper!$R$2:$R$366,ROW(INDEX(Jesper!AK$2:AK$366,ROUNDDOWN($C3364/24,0)+1,1))-1)+IF('Standard Profiles'!$G$21=$B$10,7,0)+IF('Standard Profiles'!$G$21=$B$17,14,0)+IF('Standard Profiles'!$G$21=$B$24,21,0),0)),0)</f>
        <v>0</v>
      </c>
      <c r="H3364" cm="1">
        <f t="array" ref="H3364">IFERROR(INDEX(Jesper!AL$2:AL$366,ROUNDDOWN($C3364/24,0)+1,1)*INDEX($D$3:$AA$30,INDEX(Jesper!$R$2:$R$366,ROW(INDEX(Jesper!AL$2:AL$366,ROUNDDOWN($C3364/24,0)+1,1))-1)+IF('Standard Profiles'!$G$22=$B$10,7,0)+IF('Standard Profiles'!$G$22=$B$17,14,0)+IF('Standard Profiles'!$G$22=$B$24,21,0),MOD($C3364,24)+1)/SUM(INDEX($D$3:$AA$30,INDEX(Jesper!$R$2:$R$366,ROW(INDEX(Jesper!AL$2:AL$366,ROUNDDOWN($C3364/24,0)+1,1))-1)+IF('Standard Profiles'!$G$22=$B$10,7,0)+IF('Standard Profiles'!$G$22=$B$17,14,0)+IF('Standard Profiles'!$G$22=$B$24,21,0),0)),0)</f>
        <v>0</v>
      </c>
      <c r="I3364">
        <f t="shared" si="384"/>
        <v>0.13090031363046198</v>
      </c>
      <c r="J3364">
        <f t="shared" si="385"/>
        <v>0.43633437876820663</v>
      </c>
      <c r="K3364">
        <f t="shared" si="386"/>
        <v>0.65450156815230998</v>
      </c>
      <c r="L3364">
        <f t="shared" si="387"/>
        <v>9.0124418411593652</v>
      </c>
      <c r="M3364">
        <f t="shared" si="388"/>
        <v>0</v>
      </c>
      <c r="N3364" s="46">
        <f t="shared" ref="N3364:N3427" si="389">N3363+1/24</f>
        <v>45430.749999991924</v>
      </c>
    </row>
    <row r="3365" spans="2:14" x14ac:dyDescent="0.3">
      <c r="B3365">
        <f t="shared" si="383"/>
        <v>6</v>
      </c>
      <c r="C3365" s="16">
        <v>3331</v>
      </c>
      <c r="D3365" cm="1">
        <f t="array" ref="D3365">IFERROR(INDEX(Jesper!AH$2:AH$366,ROUNDDOWN($C3365/24,0)+1,1)*INDEX($D$3:$AA$30,INDEX(Jesper!$R$2:$R$366,ROW(INDEX(Jesper!AH$2:AH$366,ROUNDDOWN($C3365/24,0)+1,1))-1)+IF('Standard Profiles'!$G$18=$B$10,7,0)+IF('Standard Profiles'!$G$18=$B$17,14,0)+IF('Standard Profiles'!$G$18=$B$24,21,0),MOD($C3365,24)+1)/SUM(INDEX($D$3:$AA$30,INDEX(Jesper!$R$2:$R$366,ROW(INDEX(Jesper!AH$2:AH$366,ROUNDDOWN($C3365/24,0)+1,1))-1)+IF('Standard Profiles'!$G$18=$B$10,7,0)+IF('Standard Profiles'!$G$18=$B$17,14,0)+IF('Standard Profiles'!$G$18=$B$24,21,0),0)),0)</f>
        <v>7.0924952703329422</v>
      </c>
      <c r="E3365" cm="1">
        <f t="array" ref="E3365">IFERROR(INDEX(Jesper!AI$2:AI$366,ROUNDDOWN($C3365/24,0)+1,1)*INDEX($D$3:$AA$30,INDEX(Jesper!$R$2:$R$366,ROW(INDEX(Jesper!AI$2:AI$366,ROUNDDOWN($C3365/24,0)+1,1))-1)+IF('Standard Profiles'!$G$19=$B$10,7,0)+IF('Standard Profiles'!$G$19=$B$17,14,0)+IF('Standard Profiles'!$G$19=$B$24,21,0),MOD($C3365,24)+1)/SUM(INDEX($D$3:$AA$30,INDEX(Jesper!$R$2:$R$366,ROW(INDEX(Jesper!AI$2:AI$366,ROUNDDOWN($C3365/24,0)+1,1))-1)+IF('Standard Profiles'!$G$19=$B$10,7,0)+IF('Standard Profiles'!$G$19=$B$17,14,0)+IF('Standard Profiles'!$G$19=$B$24,21,0),0)),0)</f>
        <v>1.1735716579715645</v>
      </c>
      <c r="F3365" cm="1">
        <f t="array" ref="F3365">IFERROR(INDEX(Jesper!AJ$2:AJ$366,ROUNDDOWN($C3365/24,0)+1,1)*INDEX($D$3:$AA$30,INDEX(Jesper!$R$2:$R$366,ROW(INDEX(Jesper!AJ$2:AJ$366,ROUNDDOWN($C3365/24,0)+1,1))-1)+IF('Standard Profiles'!$G$20=$B$10,7,0)+IF('Standard Profiles'!$G$20=$B$17,14,0)+IF('Standard Profiles'!$G$20=$B$24,21,0),MOD($C3365,24)+1)/SUM(INDEX($D$3:$AA$30,INDEX(Jesper!$R$2:$R$366,ROW(INDEX(Jesper!AJ$2:AJ$366,ROUNDDOWN($C3365/24,0)+1,1))-1)+IF('Standard Profiles'!$G$20=$B$10,7,0)+IF('Standard Profiles'!$G$20=$B$17,14,0)+IF('Standard Profiles'!$G$20=$B$24,21,0),0)),0)</f>
        <v>0</v>
      </c>
      <c r="G3365" cm="1">
        <f t="array" ref="G3365">IFERROR(INDEX(Jesper!AK$2:AK$366,ROUNDDOWN($C3365/24,0)+1,1)*INDEX($D$3:$AA$30,INDEX(Jesper!$R$2:$R$366,ROW(INDEX(Jesper!AK$2:AK$366,ROUNDDOWN($C3365/24,0)+1,1))-1)+IF('Standard Profiles'!$G$21=$B$10,7,0)+IF('Standard Profiles'!$G$21=$B$17,14,0)+IF('Standard Profiles'!$G$21=$B$24,21,0),MOD($C3365,24)+1)/SUM(INDEX($D$3:$AA$30,INDEX(Jesper!$R$2:$R$366,ROW(INDEX(Jesper!AK$2:AK$366,ROUNDDOWN($C3365/24,0)+1,1))-1)+IF('Standard Profiles'!$G$21=$B$10,7,0)+IF('Standard Profiles'!$G$21=$B$17,14,0)+IF('Standard Profiles'!$G$21=$B$24,21,0),0)),0)</f>
        <v>0</v>
      </c>
      <c r="H3365" cm="1">
        <f t="array" ref="H3365">IFERROR(INDEX(Jesper!AL$2:AL$366,ROUNDDOWN($C3365/24,0)+1,1)*INDEX($D$3:$AA$30,INDEX(Jesper!$R$2:$R$366,ROW(INDEX(Jesper!AL$2:AL$366,ROUNDDOWN($C3365/24,0)+1,1))-1)+IF('Standard Profiles'!$G$22=$B$10,7,0)+IF('Standard Profiles'!$G$22=$B$17,14,0)+IF('Standard Profiles'!$G$22=$B$24,21,0),MOD($C3365,24)+1)/SUM(INDEX($D$3:$AA$30,INDEX(Jesper!$R$2:$R$366,ROW(INDEX(Jesper!AL$2:AL$366,ROUNDDOWN($C3365/24,0)+1,1))-1)+IF('Standard Profiles'!$G$22=$B$10,7,0)+IF('Standard Profiles'!$G$22=$B$17,14,0)+IF('Standard Profiles'!$G$22=$B$24,21,0),0)),0)</f>
        <v>0</v>
      </c>
      <c r="I3365">
        <f t="shared" si="384"/>
        <v>0.10572717639383467</v>
      </c>
      <c r="J3365">
        <f t="shared" si="385"/>
        <v>0.35242392131278227</v>
      </c>
      <c r="K3365">
        <f t="shared" si="386"/>
        <v>0.52863588196917344</v>
      </c>
      <c r="L3365">
        <f t="shared" si="387"/>
        <v>7.2792799486287167</v>
      </c>
      <c r="M3365">
        <f t="shared" si="388"/>
        <v>0</v>
      </c>
      <c r="N3365" s="46">
        <f t="shared" si="389"/>
        <v>45430.791666658588</v>
      </c>
    </row>
    <row r="3366" spans="2:14" x14ac:dyDescent="0.3">
      <c r="B3366">
        <f t="shared" si="383"/>
        <v>6</v>
      </c>
      <c r="C3366" s="16">
        <v>3332</v>
      </c>
      <c r="D3366" cm="1">
        <f t="array" ref="D3366">IFERROR(INDEX(Jesper!AH$2:AH$366,ROUNDDOWN($C3366/24,0)+1,1)*INDEX($D$3:$AA$30,INDEX(Jesper!$R$2:$R$366,ROW(INDEX(Jesper!AH$2:AH$366,ROUNDDOWN($C3366/24,0)+1,1))-1)+IF('Standard Profiles'!$G$18=$B$10,7,0)+IF('Standard Profiles'!$G$18=$B$17,14,0)+IF('Standard Profiles'!$G$18=$B$24,21,0),MOD($C3366,24)+1)/SUM(INDEX($D$3:$AA$30,INDEX(Jesper!$R$2:$R$366,ROW(INDEX(Jesper!AH$2:AH$366,ROUNDDOWN($C3366/24,0)+1,1))-1)+IF('Standard Profiles'!$G$18=$B$10,7,0)+IF('Standard Profiles'!$G$18=$B$17,14,0)+IF('Standard Profiles'!$G$18=$B$24,21,0),0)),0)</f>
        <v>5.2349369852457439</v>
      </c>
      <c r="E3366" cm="1">
        <f t="array" ref="E3366">IFERROR(INDEX(Jesper!AI$2:AI$366,ROUNDDOWN($C3366/24,0)+1,1)*INDEX($D$3:$AA$30,INDEX(Jesper!$R$2:$R$366,ROW(INDEX(Jesper!AI$2:AI$366,ROUNDDOWN($C3366/24,0)+1,1))-1)+IF('Standard Profiles'!$G$19=$B$10,7,0)+IF('Standard Profiles'!$G$19=$B$17,14,0)+IF('Standard Profiles'!$G$19=$B$24,21,0),MOD($C3366,24)+1)/SUM(INDEX($D$3:$AA$30,INDEX(Jesper!$R$2:$R$366,ROW(INDEX(Jesper!AI$2:AI$366,ROUNDDOWN($C3366/24,0)+1,1))-1)+IF('Standard Profiles'!$G$19=$B$10,7,0)+IF('Standard Profiles'!$G$19=$B$17,14,0)+IF('Standard Profiles'!$G$19=$B$24,21,0),0)),0)</f>
        <v>0.8662076523123452</v>
      </c>
      <c r="F3366" cm="1">
        <f t="array" ref="F3366">IFERROR(INDEX(Jesper!AJ$2:AJ$366,ROUNDDOWN($C3366/24,0)+1,1)*INDEX($D$3:$AA$30,INDEX(Jesper!$R$2:$R$366,ROW(INDEX(Jesper!AJ$2:AJ$366,ROUNDDOWN($C3366/24,0)+1,1))-1)+IF('Standard Profiles'!$G$20=$B$10,7,0)+IF('Standard Profiles'!$G$20=$B$17,14,0)+IF('Standard Profiles'!$G$20=$B$24,21,0),MOD($C3366,24)+1)/SUM(INDEX($D$3:$AA$30,INDEX(Jesper!$R$2:$R$366,ROW(INDEX(Jesper!AJ$2:AJ$366,ROUNDDOWN($C3366/24,0)+1,1))-1)+IF('Standard Profiles'!$G$20=$B$10,7,0)+IF('Standard Profiles'!$G$20=$B$17,14,0)+IF('Standard Profiles'!$G$20=$B$24,21,0),0)),0)</f>
        <v>0</v>
      </c>
      <c r="G3366" cm="1">
        <f t="array" ref="G3366">IFERROR(INDEX(Jesper!AK$2:AK$366,ROUNDDOWN($C3366/24,0)+1,1)*INDEX($D$3:$AA$30,INDEX(Jesper!$R$2:$R$366,ROW(INDEX(Jesper!AK$2:AK$366,ROUNDDOWN($C3366/24,0)+1,1))-1)+IF('Standard Profiles'!$G$21=$B$10,7,0)+IF('Standard Profiles'!$G$21=$B$17,14,0)+IF('Standard Profiles'!$G$21=$B$24,21,0),MOD($C3366,24)+1)/SUM(INDEX($D$3:$AA$30,INDEX(Jesper!$R$2:$R$366,ROW(INDEX(Jesper!AK$2:AK$366,ROUNDDOWN($C3366/24,0)+1,1))-1)+IF('Standard Profiles'!$G$21=$B$10,7,0)+IF('Standard Profiles'!$G$21=$B$17,14,0)+IF('Standard Profiles'!$G$21=$B$24,21,0),0)),0)</f>
        <v>0</v>
      </c>
      <c r="H3366" cm="1">
        <f t="array" ref="H3366">IFERROR(INDEX(Jesper!AL$2:AL$366,ROUNDDOWN($C3366/24,0)+1,1)*INDEX($D$3:$AA$30,INDEX(Jesper!$R$2:$R$366,ROW(INDEX(Jesper!AL$2:AL$366,ROUNDDOWN($C3366/24,0)+1,1))-1)+IF('Standard Profiles'!$G$22=$B$10,7,0)+IF('Standard Profiles'!$G$22=$B$17,14,0)+IF('Standard Profiles'!$G$22=$B$24,21,0),MOD($C3366,24)+1)/SUM(INDEX($D$3:$AA$30,INDEX(Jesper!$R$2:$R$366,ROW(INDEX(Jesper!AL$2:AL$366,ROUNDDOWN($C3366/24,0)+1,1))-1)+IF('Standard Profiles'!$G$22=$B$10,7,0)+IF('Standard Profiles'!$G$22=$B$17,14,0)+IF('Standard Profiles'!$G$22=$B$24,21,0),0)),0)</f>
        <v>0</v>
      </c>
      <c r="I3366">
        <f t="shared" si="384"/>
        <v>7.8036725433544632E-2</v>
      </c>
      <c r="J3366">
        <f t="shared" si="385"/>
        <v>0.26012241811181547</v>
      </c>
      <c r="K3366">
        <f t="shared" si="386"/>
        <v>0.3901836271677232</v>
      </c>
      <c r="L3366">
        <f t="shared" si="387"/>
        <v>5.3728018668450055</v>
      </c>
      <c r="M3366">
        <f t="shared" si="388"/>
        <v>0</v>
      </c>
      <c r="N3366" s="46">
        <f t="shared" si="389"/>
        <v>45430.833333325252</v>
      </c>
    </row>
    <row r="3367" spans="2:14" x14ac:dyDescent="0.3">
      <c r="B3367">
        <f t="shared" si="383"/>
        <v>6</v>
      </c>
      <c r="C3367" s="16">
        <v>3333</v>
      </c>
      <c r="D3367" cm="1">
        <f t="array" ref="D3367">IFERROR(INDEX(Jesper!AH$2:AH$366,ROUNDDOWN($C3367/24,0)+1,1)*INDEX($D$3:$AA$30,INDEX(Jesper!$R$2:$R$366,ROW(INDEX(Jesper!AH$2:AH$366,ROUNDDOWN($C3367/24,0)+1,1))-1)+IF('Standard Profiles'!$G$18=$B$10,7,0)+IF('Standard Profiles'!$G$18=$B$17,14,0)+IF('Standard Profiles'!$G$18=$B$24,21,0),MOD($C3367,24)+1)/SUM(INDEX($D$3:$AA$30,INDEX(Jesper!$R$2:$R$366,ROW(INDEX(Jesper!AH$2:AH$366,ROUNDDOWN($C3367/24,0)+1,1))-1)+IF('Standard Profiles'!$G$18=$B$10,7,0)+IF('Standard Profiles'!$G$18=$B$17,14,0)+IF('Standard Profiles'!$G$18=$B$24,21,0),0)),0)</f>
        <v>5.2349369852457439</v>
      </c>
      <c r="E3367" cm="1">
        <f t="array" ref="E3367">IFERROR(INDEX(Jesper!AI$2:AI$366,ROUNDDOWN($C3367/24,0)+1,1)*INDEX($D$3:$AA$30,INDEX(Jesper!$R$2:$R$366,ROW(INDEX(Jesper!AI$2:AI$366,ROUNDDOWN($C3367/24,0)+1,1))-1)+IF('Standard Profiles'!$G$19=$B$10,7,0)+IF('Standard Profiles'!$G$19=$B$17,14,0)+IF('Standard Profiles'!$G$19=$B$24,21,0),MOD($C3367,24)+1)/SUM(INDEX($D$3:$AA$30,INDEX(Jesper!$R$2:$R$366,ROW(INDEX(Jesper!AI$2:AI$366,ROUNDDOWN($C3367/24,0)+1,1))-1)+IF('Standard Profiles'!$G$19=$B$10,7,0)+IF('Standard Profiles'!$G$19=$B$17,14,0)+IF('Standard Profiles'!$G$19=$B$24,21,0),0)),0)</f>
        <v>0.8662076523123452</v>
      </c>
      <c r="F3367" cm="1">
        <f t="array" ref="F3367">IFERROR(INDEX(Jesper!AJ$2:AJ$366,ROUNDDOWN($C3367/24,0)+1,1)*INDEX($D$3:$AA$30,INDEX(Jesper!$R$2:$R$366,ROW(INDEX(Jesper!AJ$2:AJ$366,ROUNDDOWN($C3367/24,0)+1,1))-1)+IF('Standard Profiles'!$G$20=$B$10,7,0)+IF('Standard Profiles'!$G$20=$B$17,14,0)+IF('Standard Profiles'!$G$20=$B$24,21,0),MOD($C3367,24)+1)/SUM(INDEX($D$3:$AA$30,INDEX(Jesper!$R$2:$R$366,ROW(INDEX(Jesper!AJ$2:AJ$366,ROUNDDOWN($C3367/24,0)+1,1))-1)+IF('Standard Profiles'!$G$20=$B$10,7,0)+IF('Standard Profiles'!$G$20=$B$17,14,0)+IF('Standard Profiles'!$G$20=$B$24,21,0),0)),0)</f>
        <v>0</v>
      </c>
      <c r="G3367" cm="1">
        <f t="array" ref="G3367">IFERROR(INDEX(Jesper!AK$2:AK$366,ROUNDDOWN($C3367/24,0)+1,1)*INDEX($D$3:$AA$30,INDEX(Jesper!$R$2:$R$366,ROW(INDEX(Jesper!AK$2:AK$366,ROUNDDOWN($C3367/24,0)+1,1))-1)+IF('Standard Profiles'!$G$21=$B$10,7,0)+IF('Standard Profiles'!$G$21=$B$17,14,0)+IF('Standard Profiles'!$G$21=$B$24,21,0),MOD($C3367,24)+1)/SUM(INDEX($D$3:$AA$30,INDEX(Jesper!$R$2:$R$366,ROW(INDEX(Jesper!AK$2:AK$366,ROUNDDOWN($C3367/24,0)+1,1))-1)+IF('Standard Profiles'!$G$21=$B$10,7,0)+IF('Standard Profiles'!$G$21=$B$17,14,0)+IF('Standard Profiles'!$G$21=$B$24,21,0),0)),0)</f>
        <v>0</v>
      </c>
      <c r="H3367" cm="1">
        <f t="array" ref="H3367">IFERROR(INDEX(Jesper!AL$2:AL$366,ROUNDDOWN($C3367/24,0)+1,1)*INDEX($D$3:$AA$30,INDEX(Jesper!$R$2:$R$366,ROW(INDEX(Jesper!AL$2:AL$366,ROUNDDOWN($C3367/24,0)+1,1))-1)+IF('Standard Profiles'!$G$22=$B$10,7,0)+IF('Standard Profiles'!$G$22=$B$17,14,0)+IF('Standard Profiles'!$G$22=$B$24,21,0),MOD($C3367,24)+1)/SUM(INDEX($D$3:$AA$30,INDEX(Jesper!$R$2:$R$366,ROW(INDEX(Jesper!AL$2:AL$366,ROUNDDOWN($C3367/24,0)+1,1))-1)+IF('Standard Profiles'!$G$22=$B$10,7,0)+IF('Standard Profiles'!$G$22=$B$17,14,0)+IF('Standard Profiles'!$G$22=$B$24,21,0),0)),0)</f>
        <v>0</v>
      </c>
      <c r="I3367">
        <f t="shared" si="384"/>
        <v>7.8036725433544632E-2</v>
      </c>
      <c r="J3367">
        <f t="shared" si="385"/>
        <v>0.26012241811181547</v>
      </c>
      <c r="K3367">
        <f t="shared" si="386"/>
        <v>0.3901836271677232</v>
      </c>
      <c r="L3367">
        <f t="shared" si="387"/>
        <v>5.3728018668450055</v>
      </c>
      <c r="M3367">
        <f t="shared" si="388"/>
        <v>0</v>
      </c>
      <c r="N3367" s="46">
        <f t="shared" si="389"/>
        <v>45430.874999991916</v>
      </c>
    </row>
    <row r="3368" spans="2:14" x14ac:dyDescent="0.3">
      <c r="B3368">
        <f t="shared" si="383"/>
        <v>6</v>
      </c>
      <c r="C3368" s="16">
        <v>3334</v>
      </c>
      <c r="D3368" cm="1">
        <f t="array" ref="D3368">IFERROR(INDEX(Jesper!AH$2:AH$366,ROUNDDOWN($C3368/24,0)+1,1)*INDEX($D$3:$AA$30,INDEX(Jesper!$R$2:$R$366,ROW(INDEX(Jesper!AH$2:AH$366,ROUNDDOWN($C3368/24,0)+1,1))-1)+IF('Standard Profiles'!$G$18=$B$10,7,0)+IF('Standard Profiles'!$G$18=$B$17,14,0)+IF('Standard Profiles'!$G$18=$B$24,21,0),MOD($C3368,24)+1)/SUM(INDEX($D$3:$AA$30,INDEX(Jesper!$R$2:$R$366,ROW(INDEX(Jesper!AH$2:AH$366,ROUNDDOWN($C3368/24,0)+1,1))-1)+IF('Standard Profiles'!$G$18=$B$10,7,0)+IF('Standard Profiles'!$G$18=$B$17,14,0)+IF('Standard Profiles'!$G$18=$B$24,21,0),0)),0)</f>
        <v>5.2349369852457439</v>
      </c>
      <c r="E3368" cm="1">
        <f t="array" ref="E3368">IFERROR(INDEX(Jesper!AI$2:AI$366,ROUNDDOWN($C3368/24,0)+1,1)*INDEX($D$3:$AA$30,INDEX(Jesper!$R$2:$R$366,ROW(INDEX(Jesper!AI$2:AI$366,ROUNDDOWN($C3368/24,0)+1,1))-1)+IF('Standard Profiles'!$G$19=$B$10,7,0)+IF('Standard Profiles'!$G$19=$B$17,14,0)+IF('Standard Profiles'!$G$19=$B$24,21,0),MOD($C3368,24)+1)/SUM(INDEX($D$3:$AA$30,INDEX(Jesper!$R$2:$R$366,ROW(INDEX(Jesper!AI$2:AI$366,ROUNDDOWN($C3368/24,0)+1,1))-1)+IF('Standard Profiles'!$G$19=$B$10,7,0)+IF('Standard Profiles'!$G$19=$B$17,14,0)+IF('Standard Profiles'!$G$19=$B$24,21,0),0)),0)</f>
        <v>0.8662076523123452</v>
      </c>
      <c r="F3368" cm="1">
        <f t="array" ref="F3368">IFERROR(INDEX(Jesper!AJ$2:AJ$366,ROUNDDOWN($C3368/24,0)+1,1)*INDEX($D$3:$AA$30,INDEX(Jesper!$R$2:$R$366,ROW(INDEX(Jesper!AJ$2:AJ$366,ROUNDDOWN($C3368/24,0)+1,1))-1)+IF('Standard Profiles'!$G$20=$B$10,7,0)+IF('Standard Profiles'!$G$20=$B$17,14,0)+IF('Standard Profiles'!$G$20=$B$24,21,0),MOD($C3368,24)+1)/SUM(INDEX($D$3:$AA$30,INDEX(Jesper!$R$2:$R$366,ROW(INDEX(Jesper!AJ$2:AJ$366,ROUNDDOWN($C3368/24,0)+1,1))-1)+IF('Standard Profiles'!$G$20=$B$10,7,0)+IF('Standard Profiles'!$G$20=$B$17,14,0)+IF('Standard Profiles'!$G$20=$B$24,21,0),0)),0)</f>
        <v>0</v>
      </c>
      <c r="G3368" cm="1">
        <f t="array" ref="G3368">IFERROR(INDEX(Jesper!AK$2:AK$366,ROUNDDOWN($C3368/24,0)+1,1)*INDEX($D$3:$AA$30,INDEX(Jesper!$R$2:$R$366,ROW(INDEX(Jesper!AK$2:AK$366,ROUNDDOWN($C3368/24,0)+1,1))-1)+IF('Standard Profiles'!$G$21=$B$10,7,0)+IF('Standard Profiles'!$G$21=$B$17,14,0)+IF('Standard Profiles'!$G$21=$B$24,21,0),MOD($C3368,24)+1)/SUM(INDEX($D$3:$AA$30,INDEX(Jesper!$R$2:$R$366,ROW(INDEX(Jesper!AK$2:AK$366,ROUNDDOWN($C3368/24,0)+1,1))-1)+IF('Standard Profiles'!$G$21=$B$10,7,0)+IF('Standard Profiles'!$G$21=$B$17,14,0)+IF('Standard Profiles'!$G$21=$B$24,21,0),0)),0)</f>
        <v>0</v>
      </c>
      <c r="H3368" cm="1">
        <f t="array" ref="H3368">IFERROR(INDEX(Jesper!AL$2:AL$366,ROUNDDOWN($C3368/24,0)+1,1)*INDEX($D$3:$AA$30,INDEX(Jesper!$R$2:$R$366,ROW(INDEX(Jesper!AL$2:AL$366,ROUNDDOWN($C3368/24,0)+1,1))-1)+IF('Standard Profiles'!$G$22=$B$10,7,0)+IF('Standard Profiles'!$G$22=$B$17,14,0)+IF('Standard Profiles'!$G$22=$B$24,21,0),MOD($C3368,24)+1)/SUM(INDEX($D$3:$AA$30,INDEX(Jesper!$R$2:$R$366,ROW(INDEX(Jesper!AL$2:AL$366,ROUNDDOWN($C3368/24,0)+1,1))-1)+IF('Standard Profiles'!$G$22=$B$10,7,0)+IF('Standard Profiles'!$G$22=$B$17,14,0)+IF('Standard Profiles'!$G$22=$B$24,21,0),0)),0)</f>
        <v>0</v>
      </c>
      <c r="I3368">
        <f t="shared" si="384"/>
        <v>7.8036725433544632E-2</v>
      </c>
      <c r="J3368">
        <f t="shared" si="385"/>
        <v>0.26012241811181547</v>
      </c>
      <c r="K3368">
        <f t="shared" si="386"/>
        <v>0.3901836271677232</v>
      </c>
      <c r="L3368">
        <f t="shared" si="387"/>
        <v>5.3728018668450055</v>
      </c>
      <c r="M3368">
        <f t="shared" si="388"/>
        <v>0</v>
      </c>
      <c r="N3368" s="46">
        <f t="shared" si="389"/>
        <v>45430.916666658581</v>
      </c>
    </row>
    <row r="3369" spans="2:14" x14ac:dyDescent="0.3">
      <c r="B3369">
        <f t="shared" si="383"/>
        <v>6</v>
      </c>
      <c r="C3369" s="16">
        <v>3335</v>
      </c>
      <c r="D3369" cm="1">
        <f t="array" ref="D3369">IFERROR(INDEX(Jesper!AH$2:AH$366,ROUNDDOWN($C3369/24,0)+1,1)*INDEX($D$3:$AA$30,INDEX(Jesper!$R$2:$R$366,ROW(INDEX(Jesper!AH$2:AH$366,ROUNDDOWN($C3369/24,0)+1,1))-1)+IF('Standard Profiles'!$G$18=$B$10,7,0)+IF('Standard Profiles'!$G$18=$B$17,14,0)+IF('Standard Profiles'!$G$18=$B$24,21,0),MOD($C3369,24)+1)/SUM(INDEX($D$3:$AA$30,INDEX(Jesper!$R$2:$R$366,ROW(INDEX(Jesper!AH$2:AH$366,ROUNDDOWN($C3369/24,0)+1,1))-1)+IF('Standard Profiles'!$G$18=$B$10,7,0)+IF('Standard Profiles'!$G$18=$B$17,14,0)+IF('Standard Profiles'!$G$18=$B$24,21,0),0)),0)</f>
        <v>5.2349369852457439</v>
      </c>
      <c r="E3369" cm="1">
        <f t="array" ref="E3369">IFERROR(INDEX(Jesper!AI$2:AI$366,ROUNDDOWN($C3369/24,0)+1,1)*INDEX($D$3:$AA$30,INDEX(Jesper!$R$2:$R$366,ROW(INDEX(Jesper!AI$2:AI$366,ROUNDDOWN($C3369/24,0)+1,1))-1)+IF('Standard Profiles'!$G$19=$B$10,7,0)+IF('Standard Profiles'!$G$19=$B$17,14,0)+IF('Standard Profiles'!$G$19=$B$24,21,0),MOD($C3369,24)+1)/SUM(INDEX($D$3:$AA$30,INDEX(Jesper!$R$2:$R$366,ROW(INDEX(Jesper!AI$2:AI$366,ROUNDDOWN($C3369/24,0)+1,1))-1)+IF('Standard Profiles'!$G$19=$B$10,7,0)+IF('Standard Profiles'!$G$19=$B$17,14,0)+IF('Standard Profiles'!$G$19=$B$24,21,0),0)),0)</f>
        <v>0.8662076523123452</v>
      </c>
      <c r="F3369" cm="1">
        <f t="array" ref="F3369">IFERROR(INDEX(Jesper!AJ$2:AJ$366,ROUNDDOWN($C3369/24,0)+1,1)*INDEX($D$3:$AA$30,INDEX(Jesper!$R$2:$R$366,ROW(INDEX(Jesper!AJ$2:AJ$366,ROUNDDOWN($C3369/24,0)+1,1))-1)+IF('Standard Profiles'!$G$20=$B$10,7,0)+IF('Standard Profiles'!$G$20=$B$17,14,0)+IF('Standard Profiles'!$G$20=$B$24,21,0),MOD($C3369,24)+1)/SUM(INDEX($D$3:$AA$30,INDEX(Jesper!$R$2:$R$366,ROW(INDEX(Jesper!AJ$2:AJ$366,ROUNDDOWN($C3369/24,0)+1,1))-1)+IF('Standard Profiles'!$G$20=$B$10,7,0)+IF('Standard Profiles'!$G$20=$B$17,14,0)+IF('Standard Profiles'!$G$20=$B$24,21,0),0)),0)</f>
        <v>0</v>
      </c>
      <c r="G3369" cm="1">
        <f t="array" ref="G3369">IFERROR(INDEX(Jesper!AK$2:AK$366,ROUNDDOWN($C3369/24,0)+1,1)*INDEX($D$3:$AA$30,INDEX(Jesper!$R$2:$R$366,ROW(INDEX(Jesper!AK$2:AK$366,ROUNDDOWN($C3369/24,0)+1,1))-1)+IF('Standard Profiles'!$G$21=$B$10,7,0)+IF('Standard Profiles'!$G$21=$B$17,14,0)+IF('Standard Profiles'!$G$21=$B$24,21,0),MOD($C3369,24)+1)/SUM(INDEX($D$3:$AA$30,INDEX(Jesper!$R$2:$R$366,ROW(INDEX(Jesper!AK$2:AK$366,ROUNDDOWN($C3369/24,0)+1,1))-1)+IF('Standard Profiles'!$G$21=$B$10,7,0)+IF('Standard Profiles'!$G$21=$B$17,14,0)+IF('Standard Profiles'!$G$21=$B$24,21,0),0)),0)</f>
        <v>0</v>
      </c>
      <c r="H3369" cm="1">
        <f t="array" ref="H3369">IFERROR(INDEX(Jesper!AL$2:AL$366,ROUNDDOWN($C3369/24,0)+1,1)*INDEX($D$3:$AA$30,INDEX(Jesper!$R$2:$R$366,ROW(INDEX(Jesper!AL$2:AL$366,ROUNDDOWN($C3369/24,0)+1,1))-1)+IF('Standard Profiles'!$G$22=$B$10,7,0)+IF('Standard Profiles'!$G$22=$B$17,14,0)+IF('Standard Profiles'!$G$22=$B$24,21,0),MOD($C3369,24)+1)/SUM(INDEX($D$3:$AA$30,INDEX(Jesper!$R$2:$R$366,ROW(INDEX(Jesper!AL$2:AL$366,ROUNDDOWN($C3369/24,0)+1,1))-1)+IF('Standard Profiles'!$G$22=$B$10,7,0)+IF('Standard Profiles'!$G$22=$B$17,14,0)+IF('Standard Profiles'!$G$22=$B$24,21,0),0)),0)</f>
        <v>0</v>
      </c>
      <c r="I3369">
        <f t="shared" si="384"/>
        <v>7.8036725433544632E-2</v>
      </c>
      <c r="J3369">
        <f t="shared" si="385"/>
        <v>0.26012241811181547</v>
      </c>
      <c r="K3369">
        <f t="shared" si="386"/>
        <v>0.3901836271677232</v>
      </c>
      <c r="L3369">
        <f t="shared" si="387"/>
        <v>5.3728018668450055</v>
      </c>
      <c r="M3369">
        <f t="shared" si="388"/>
        <v>0</v>
      </c>
      <c r="N3369" s="46">
        <f t="shared" si="389"/>
        <v>45430.958333325245</v>
      </c>
    </row>
    <row r="3370" spans="2:14" x14ac:dyDescent="0.3">
      <c r="B3370">
        <f t="shared" si="383"/>
        <v>7</v>
      </c>
      <c r="C3370" s="16">
        <v>3336</v>
      </c>
      <c r="D3370" cm="1">
        <f t="array" ref="D3370">IFERROR(INDEX(Jesper!AH$2:AH$366,ROUNDDOWN($C3370/24,0)+1,1)*INDEX($D$3:$AA$30,INDEX(Jesper!$R$2:$R$366,ROW(INDEX(Jesper!AH$2:AH$366,ROUNDDOWN($C3370/24,0)+1,1))-1)+IF('Standard Profiles'!$G$18=$B$10,7,0)+IF('Standard Profiles'!$G$18=$B$17,14,0)+IF('Standard Profiles'!$G$18=$B$24,21,0),MOD($C3370,24)+1)/SUM(INDEX($D$3:$AA$30,INDEX(Jesper!$R$2:$R$366,ROW(INDEX(Jesper!AH$2:AH$366,ROUNDDOWN($C3370/24,0)+1,1))-1)+IF('Standard Profiles'!$G$18=$B$10,7,0)+IF('Standard Profiles'!$G$18=$B$17,14,0)+IF('Standard Profiles'!$G$18=$B$24,21,0),0)),0)</f>
        <v>5.757598304470533</v>
      </c>
      <c r="E3370" cm="1">
        <f t="array" ref="E3370">IFERROR(INDEX(Jesper!AI$2:AI$366,ROUNDDOWN($C3370/24,0)+1,1)*INDEX($D$3:$AA$30,INDEX(Jesper!$R$2:$R$366,ROW(INDEX(Jesper!AI$2:AI$366,ROUNDDOWN($C3370/24,0)+1,1))-1)+IF('Standard Profiles'!$G$19=$B$10,7,0)+IF('Standard Profiles'!$G$19=$B$17,14,0)+IF('Standard Profiles'!$G$19=$B$24,21,0),MOD($C3370,24)+1)/SUM(INDEX($D$3:$AA$30,INDEX(Jesper!$R$2:$R$366,ROW(INDEX(Jesper!AI$2:AI$366,ROUNDDOWN($C3370/24,0)+1,1))-1)+IF('Standard Profiles'!$G$19=$B$10,7,0)+IF('Standard Profiles'!$G$19=$B$17,14,0)+IF('Standard Profiles'!$G$19=$B$24,21,0),0)),0)</f>
        <v>0.88193345304366511</v>
      </c>
      <c r="F3370" cm="1">
        <f t="array" ref="F3370">IFERROR(INDEX(Jesper!AJ$2:AJ$366,ROUNDDOWN($C3370/24,0)+1,1)*INDEX($D$3:$AA$30,INDEX(Jesper!$R$2:$R$366,ROW(INDEX(Jesper!AJ$2:AJ$366,ROUNDDOWN($C3370/24,0)+1,1))-1)+IF('Standard Profiles'!$G$20=$B$10,7,0)+IF('Standard Profiles'!$G$20=$B$17,14,0)+IF('Standard Profiles'!$G$20=$B$24,21,0),MOD($C3370,24)+1)/SUM(INDEX($D$3:$AA$30,INDEX(Jesper!$R$2:$R$366,ROW(INDEX(Jesper!AJ$2:AJ$366,ROUNDDOWN($C3370/24,0)+1,1))-1)+IF('Standard Profiles'!$G$20=$B$10,7,0)+IF('Standard Profiles'!$G$20=$B$17,14,0)+IF('Standard Profiles'!$G$20=$B$24,21,0),0)),0)</f>
        <v>0</v>
      </c>
      <c r="G3370" cm="1">
        <f t="array" ref="G3370">IFERROR(INDEX(Jesper!AK$2:AK$366,ROUNDDOWN($C3370/24,0)+1,1)*INDEX($D$3:$AA$30,INDEX(Jesper!$R$2:$R$366,ROW(INDEX(Jesper!AK$2:AK$366,ROUNDDOWN($C3370/24,0)+1,1))-1)+IF('Standard Profiles'!$G$21=$B$10,7,0)+IF('Standard Profiles'!$G$21=$B$17,14,0)+IF('Standard Profiles'!$G$21=$B$24,21,0),MOD($C3370,24)+1)/SUM(INDEX($D$3:$AA$30,INDEX(Jesper!$R$2:$R$366,ROW(INDEX(Jesper!AK$2:AK$366,ROUNDDOWN($C3370/24,0)+1,1))-1)+IF('Standard Profiles'!$G$21=$B$10,7,0)+IF('Standard Profiles'!$G$21=$B$17,14,0)+IF('Standard Profiles'!$G$21=$B$24,21,0),0)),0)</f>
        <v>0</v>
      </c>
      <c r="H3370" cm="1">
        <f t="array" ref="H3370">IFERROR(INDEX(Jesper!AL$2:AL$366,ROUNDDOWN($C3370/24,0)+1,1)*INDEX($D$3:$AA$30,INDEX(Jesper!$R$2:$R$366,ROW(INDEX(Jesper!AL$2:AL$366,ROUNDDOWN($C3370/24,0)+1,1))-1)+IF('Standard Profiles'!$G$22=$B$10,7,0)+IF('Standard Profiles'!$G$22=$B$17,14,0)+IF('Standard Profiles'!$G$22=$B$24,21,0),MOD($C3370,24)+1)/SUM(INDEX($D$3:$AA$30,INDEX(Jesper!$R$2:$R$366,ROW(INDEX(Jesper!AL$2:AL$366,ROUNDDOWN($C3370/24,0)+1,1))-1)+IF('Standard Profiles'!$G$22=$B$10,7,0)+IF('Standard Profiles'!$G$22=$B$17,14,0)+IF('Standard Profiles'!$G$22=$B$24,21,0),0)),0)</f>
        <v>0</v>
      </c>
      <c r="I3370">
        <f t="shared" si="384"/>
        <v>7.9453464238168042E-2</v>
      </c>
      <c r="J3370">
        <f t="shared" si="385"/>
        <v>0.26484488079389351</v>
      </c>
      <c r="K3370">
        <f t="shared" si="386"/>
        <v>0.39726732119084029</v>
      </c>
      <c r="L3370">
        <f t="shared" si="387"/>
        <v>5.8979660912912966</v>
      </c>
      <c r="M3370">
        <f t="shared" si="388"/>
        <v>0</v>
      </c>
      <c r="N3370" s="46">
        <f t="shared" si="389"/>
        <v>45430.999999991909</v>
      </c>
    </row>
    <row r="3371" spans="2:14" x14ac:dyDescent="0.3">
      <c r="B3371">
        <f t="shared" si="383"/>
        <v>7</v>
      </c>
      <c r="C3371" s="16">
        <v>3337</v>
      </c>
      <c r="D3371" cm="1">
        <f t="array" ref="D3371">IFERROR(INDEX(Jesper!AH$2:AH$366,ROUNDDOWN($C3371/24,0)+1,1)*INDEX($D$3:$AA$30,INDEX(Jesper!$R$2:$R$366,ROW(INDEX(Jesper!AH$2:AH$366,ROUNDDOWN($C3371/24,0)+1,1))-1)+IF('Standard Profiles'!$G$18=$B$10,7,0)+IF('Standard Profiles'!$G$18=$B$17,14,0)+IF('Standard Profiles'!$G$18=$B$24,21,0),MOD($C3371,24)+1)/SUM(INDEX($D$3:$AA$30,INDEX(Jesper!$R$2:$R$366,ROW(INDEX(Jesper!AH$2:AH$366,ROUNDDOWN($C3371/24,0)+1,1))-1)+IF('Standard Profiles'!$G$18=$B$10,7,0)+IF('Standard Profiles'!$G$18=$B$17,14,0)+IF('Standard Profiles'!$G$18=$B$24,21,0),0)),0)</f>
        <v>6.6862431922883605</v>
      </c>
      <c r="E3371" cm="1">
        <f t="array" ref="E3371">IFERROR(INDEX(Jesper!AI$2:AI$366,ROUNDDOWN($C3371/24,0)+1,1)*INDEX($D$3:$AA$30,INDEX(Jesper!$R$2:$R$366,ROW(INDEX(Jesper!AI$2:AI$366,ROUNDDOWN($C3371/24,0)+1,1))-1)+IF('Standard Profiles'!$G$19=$B$10,7,0)+IF('Standard Profiles'!$G$19=$B$17,14,0)+IF('Standard Profiles'!$G$19=$B$24,21,0),MOD($C3371,24)+1)/SUM(INDEX($D$3:$AA$30,INDEX(Jesper!$R$2:$R$366,ROW(INDEX(Jesper!AI$2:AI$366,ROUNDDOWN($C3371/24,0)+1,1))-1)+IF('Standard Profiles'!$G$19=$B$10,7,0)+IF('Standard Profiles'!$G$19=$B$17,14,0)+IF('Standard Profiles'!$G$19=$B$24,21,0),0)),0)</f>
        <v>1.0241807841797403</v>
      </c>
      <c r="F3371" cm="1">
        <f t="array" ref="F3371">IFERROR(INDEX(Jesper!AJ$2:AJ$366,ROUNDDOWN($C3371/24,0)+1,1)*INDEX($D$3:$AA$30,INDEX(Jesper!$R$2:$R$366,ROW(INDEX(Jesper!AJ$2:AJ$366,ROUNDDOWN($C3371/24,0)+1,1))-1)+IF('Standard Profiles'!$G$20=$B$10,7,0)+IF('Standard Profiles'!$G$20=$B$17,14,0)+IF('Standard Profiles'!$G$20=$B$24,21,0),MOD($C3371,24)+1)/SUM(INDEX($D$3:$AA$30,INDEX(Jesper!$R$2:$R$366,ROW(INDEX(Jesper!AJ$2:AJ$366,ROUNDDOWN($C3371/24,0)+1,1))-1)+IF('Standard Profiles'!$G$20=$B$10,7,0)+IF('Standard Profiles'!$G$20=$B$17,14,0)+IF('Standard Profiles'!$G$20=$B$24,21,0),0)),0)</f>
        <v>0</v>
      </c>
      <c r="G3371" cm="1">
        <f t="array" ref="G3371">IFERROR(INDEX(Jesper!AK$2:AK$366,ROUNDDOWN($C3371/24,0)+1,1)*INDEX($D$3:$AA$30,INDEX(Jesper!$R$2:$R$366,ROW(INDEX(Jesper!AK$2:AK$366,ROUNDDOWN($C3371/24,0)+1,1))-1)+IF('Standard Profiles'!$G$21=$B$10,7,0)+IF('Standard Profiles'!$G$21=$B$17,14,0)+IF('Standard Profiles'!$G$21=$B$24,21,0),MOD($C3371,24)+1)/SUM(INDEX($D$3:$AA$30,INDEX(Jesper!$R$2:$R$366,ROW(INDEX(Jesper!AK$2:AK$366,ROUNDDOWN($C3371/24,0)+1,1))-1)+IF('Standard Profiles'!$G$21=$B$10,7,0)+IF('Standard Profiles'!$G$21=$B$17,14,0)+IF('Standard Profiles'!$G$21=$B$24,21,0),0)),0)</f>
        <v>0</v>
      </c>
      <c r="H3371" cm="1">
        <f t="array" ref="H3371">IFERROR(INDEX(Jesper!AL$2:AL$366,ROUNDDOWN($C3371/24,0)+1,1)*INDEX($D$3:$AA$30,INDEX(Jesper!$R$2:$R$366,ROW(INDEX(Jesper!AL$2:AL$366,ROUNDDOWN($C3371/24,0)+1,1))-1)+IF('Standard Profiles'!$G$22=$B$10,7,0)+IF('Standard Profiles'!$G$22=$B$17,14,0)+IF('Standard Profiles'!$G$22=$B$24,21,0),MOD($C3371,24)+1)/SUM(INDEX($D$3:$AA$30,INDEX(Jesper!$R$2:$R$366,ROW(INDEX(Jesper!AL$2:AL$366,ROUNDDOWN($C3371/24,0)+1,1))-1)+IF('Standard Profiles'!$G$22=$B$10,7,0)+IF('Standard Profiles'!$G$22=$B$17,14,0)+IF('Standard Profiles'!$G$22=$B$24,21,0),0)),0)</f>
        <v>0</v>
      </c>
      <c r="I3371">
        <f t="shared" si="384"/>
        <v>9.2268539115291953E-2</v>
      </c>
      <c r="J3371">
        <f t="shared" si="385"/>
        <v>0.3075617970509732</v>
      </c>
      <c r="K3371">
        <f t="shared" si="386"/>
        <v>0.46134269557645979</v>
      </c>
      <c r="L3371">
        <f t="shared" si="387"/>
        <v>6.8492509447253758</v>
      </c>
      <c r="M3371">
        <f t="shared" si="388"/>
        <v>0</v>
      </c>
      <c r="N3371" s="46">
        <f t="shared" si="389"/>
        <v>45431.041666658573</v>
      </c>
    </row>
    <row r="3372" spans="2:14" x14ac:dyDescent="0.3">
      <c r="B3372">
        <f t="shared" si="383"/>
        <v>7</v>
      </c>
      <c r="C3372" s="16">
        <v>3338</v>
      </c>
      <c r="D3372" cm="1">
        <f t="array" ref="D3372">IFERROR(INDEX(Jesper!AH$2:AH$366,ROUNDDOWN($C3372/24,0)+1,1)*INDEX($D$3:$AA$30,INDEX(Jesper!$R$2:$R$366,ROW(INDEX(Jesper!AH$2:AH$366,ROUNDDOWN($C3372/24,0)+1,1))-1)+IF('Standard Profiles'!$G$18=$B$10,7,0)+IF('Standard Profiles'!$G$18=$B$17,14,0)+IF('Standard Profiles'!$G$18=$B$24,21,0),MOD($C3372,24)+1)/SUM(INDEX($D$3:$AA$30,INDEX(Jesper!$R$2:$R$366,ROW(INDEX(Jesper!AH$2:AH$366,ROUNDDOWN($C3372/24,0)+1,1))-1)+IF('Standard Profiles'!$G$18=$B$10,7,0)+IF('Standard Profiles'!$G$18=$B$17,14,0)+IF('Standard Profiles'!$G$18=$B$24,21,0),0)),0)</f>
        <v>6.6862431922883605</v>
      </c>
      <c r="E3372" cm="1">
        <f t="array" ref="E3372">IFERROR(INDEX(Jesper!AI$2:AI$366,ROUNDDOWN($C3372/24,0)+1,1)*INDEX($D$3:$AA$30,INDEX(Jesper!$R$2:$R$366,ROW(INDEX(Jesper!AI$2:AI$366,ROUNDDOWN($C3372/24,0)+1,1))-1)+IF('Standard Profiles'!$G$19=$B$10,7,0)+IF('Standard Profiles'!$G$19=$B$17,14,0)+IF('Standard Profiles'!$G$19=$B$24,21,0),MOD($C3372,24)+1)/SUM(INDEX($D$3:$AA$30,INDEX(Jesper!$R$2:$R$366,ROW(INDEX(Jesper!AI$2:AI$366,ROUNDDOWN($C3372/24,0)+1,1))-1)+IF('Standard Profiles'!$G$19=$B$10,7,0)+IF('Standard Profiles'!$G$19=$B$17,14,0)+IF('Standard Profiles'!$G$19=$B$24,21,0),0)),0)</f>
        <v>1.0241807841797403</v>
      </c>
      <c r="F3372" cm="1">
        <f t="array" ref="F3372">IFERROR(INDEX(Jesper!AJ$2:AJ$366,ROUNDDOWN($C3372/24,0)+1,1)*INDEX($D$3:$AA$30,INDEX(Jesper!$R$2:$R$366,ROW(INDEX(Jesper!AJ$2:AJ$366,ROUNDDOWN($C3372/24,0)+1,1))-1)+IF('Standard Profiles'!$G$20=$B$10,7,0)+IF('Standard Profiles'!$G$20=$B$17,14,0)+IF('Standard Profiles'!$G$20=$B$24,21,0),MOD($C3372,24)+1)/SUM(INDEX($D$3:$AA$30,INDEX(Jesper!$R$2:$R$366,ROW(INDEX(Jesper!AJ$2:AJ$366,ROUNDDOWN($C3372/24,0)+1,1))-1)+IF('Standard Profiles'!$G$20=$B$10,7,0)+IF('Standard Profiles'!$G$20=$B$17,14,0)+IF('Standard Profiles'!$G$20=$B$24,21,0),0)),0)</f>
        <v>0</v>
      </c>
      <c r="G3372" cm="1">
        <f t="array" ref="G3372">IFERROR(INDEX(Jesper!AK$2:AK$366,ROUNDDOWN($C3372/24,0)+1,1)*INDEX($D$3:$AA$30,INDEX(Jesper!$R$2:$R$366,ROW(INDEX(Jesper!AK$2:AK$366,ROUNDDOWN($C3372/24,0)+1,1))-1)+IF('Standard Profiles'!$G$21=$B$10,7,0)+IF('Standard Profiles'!$G$21=$B$17,14,0)+IF('Standard Profiles'!$G$21=$B$24,21,0),MOD($C3372,24)+1)/SUM(INDEX($D$3:$AA$30,INDEX(Jesper!$R$2:$R$366,ROW(INDEX(Jesper!AK$2:AK$366,ROUNDDOWN($C3372/24,0)+1,1))-1)+IF('Standard Profiles'!$G$21=$B$10,7,0)+IF('Standard Profiles'!$G$21=$B$17,14,0)+IF('Standard Profiles'!$G$21=$B$24,21,0),0)),0)</f>
        <v>0</v>
      </c>
      <c r="H3372" cm="1">
        <f t="array" ref="H3372">IFERROR(INDEX(Jesper!AL$2:AL$366,ROUNDDOWN($C3372/24,0)+1,1)*INDEX($D$3:$AA$30,INDEX(Jesper!$R$2:$R$366,ROW(INDEX(Jesper!AL$2:AL$366,ROUNDDOWN($C3372/24,0)+1,1))-1)+IF('Standard Profiles'!$G$22=$B$10,7,0)+IF('Standard Profiles'!$G$22=$B$17,14,0)+IF('Standard Profiles'!$G$22=$B$24,21,0),MOD($C3372,24)+1)/SUM(INDEX($D$3:$AA$30,INDEX(Jesper!$R$2:$R$366,ROW(INDEX(Jesper!AL$2:AL$366,ROUNDDOWN($C3372/24,0)+1,1))-1)+IF('Standard Profiles'!$G$22=$B$10,7,0)+IF('Standard Profiles'!$G$22=$B$17,14,0)+IF('Standard Profiles'!$G$22=$B$24,21,0),0)),0)</f>
        <v>0</v>
      </c>
      <c r="I3372">
        <f t="shared" si="384"/>
        <v>9.2268539115291953E-2</v>
      </c>
      <c r="J3372">
        <f t="shared" si="385"/>
        <v>0.3075617970509732</v>
      </c>
      <c r="K3372">
        <f t="shared" si="386"/>
        <v>0.46134269557645979</v>
      </c>
      <c r="L3372">
        <f t="shared" si="387"/>
        <v>6.8492509447253758</v>
      </c>
      <c r="M3372">
        <f t="shared" si="388"/>
        <v>0</v>
      </c>
      <c r="N3372" s="46">
        <f t="shared" si="389"/>
        <v>45431.083333325238</v>
      </c>
    </row>
    <row r="3373" spans="2:14" x14ac:dyDescent="0.3">
      <c r="B3373">
        <f t="shared" si="383"/>
        <v>7</v>
      </c>
      <c r="C3373" s="16">
        <v>3339</v>
      </c>
      <c r="D3373" cm="1">
        <f t="array" ref="D3373">IFERROR(INDEX(Jesper!AH$2:AH$366,ROUNDDOWN($C3373/24,0)+1,1)*INDEX($D$3:$AA$30,INDEX(Jesper!$R$2:$R$366,ROW(INDEX(Jesper!AH$2:AH$366,ROUNDDOWN($C3373/24,0)+1,1))-1)+IF('Standard Profiles'!$G$18=$B$10,7,0)+IF('Standard Profiles'!$G$18=$B$17,14,0)+IF('Standard Profiles'!$G$18=$B$24,21,0),MOD($C3373,24)+1)/SUM(INDEX($D$3:$AA$30,INDEX(Jesper!$R$2:$R$366,ROW(INDEX(Jesper!AH$2:AH$366,ROUNDDOWN($C3373/24,0)+1,1))-1)+IF('Standard Profiles'!$G$18=$B$10,7,0)+IF('Standard Profiles'!$G$18=$B$17,14,0)+IF('Standard Profiles'!$G$18=$B$24,21,0),0)),0)</f>
        <v>6.6862431922883605</v>
      </c>
      <c r="E3373" cm="1">
        <f t="array" ref="E3373">IFERROR(INDEX(Jesper!AI$2:AI$366,ROUNDDOWN($C3373/24,0)+1,1)*INDEX($D$3:$AA$30,INDEX(Jesper!$R$2:$R$366,ROW(INDEX(Jesper!AI$2:AI$366,ROUNDDOWN($C3373/24,0)+1,1))-1)+IF('Standard Profiles'!$G$19=$B$10,7,0)+IF('Standard Profiles'!$G$19=$B$17,14,0)+IF('Standard Profiles'!$G$19=$B$24,21,0),MOD($C3373,24)+1)/SUM(INDEX($D$3:$AA$30,INDEX(Jesper!$R$2:$R$366,ROW(INDEX(Jesper!AI$2:AI$366,ROUNDDOWN($C3373/24,0)+1,1))-1)+IF('Standard Profiles'!$G$19=$B$10,7,0)+IF('Standard Profiles'!$G$19=$B$17,14,0)+IF('Standard Profiles'!$G$19=$B$24,21,0),0)),0)</f>
        <v>1.0241807841797403</v>
      </c>
      <c r="F3373" cm="1">
        <f t="array" ref="F3373">IFERROR(INDEX(Jesper!AJ$2:AJ$366,ROUNDDOWN($C3373/24,0)+1,1)*INDEX($D$3:$AA$30,INDEX(Jesper!$R$2:$R$366,ROW(INDEX(Jesper!AJ$2:AJ$366,ROUNDDOWN($C3373/24,0)+1,1))-1)+IF('Standard Profiles'!$G$20=$B$10,7,0)+IF('Standard Profiles'!$G$20=$B$17,14,0)+IF('Standard Profiles'!$G$20=$B$24,21,0),MOD($C3373,24)+1)/SUM(INDEX($D$3:$AA$30,INDEX(Jesper!$R$2:$R$366,ROW(INDEX(Jesper!AJ$2:AJ$366,ROUNDDOWN($C3373/24,0)+1,1))-1)+IF('Standard Profiles'!$G$20=$B$10,7,0)+IF('Standard Profiles'!$G$20=$B$17,14,0)+IF('Standard Profiles'!$G$20=$B$24,21,0),0)),0)</f>
        <v>0</v>
      </c>
      <c r="G3373" cm="1">
        <f t="array" ref="G3373">IFERROR(INDEX(Jesper!AK$2:AK$366,ROUNDDOWN($C3373/24,0)+1,1)*INDEX($D$3:$AA$30,INDEX(Jesper!$R$2:$R$366,ROW(INDEX(Jesper!AK$2:AK$366,ROUNDDOWN($C3373/24,0)+1,1))-1)+IF('Standard Profiles'!$G$21=$B$10,7,0)+IF('Standard Profiles'!$G$21=$B$17,14,0)+IF('Standard Profiles'!$G$21=$B$24,21,0),MOD($C3373,24)+1)/SUM(INDEX($D$3:$AA$30,INDEX(Jesper!$R$2:$R$366,ROW(INDEX(Jesper!AK$2:AK$366,ROUNDDOWN($C3373/24,0)+1,1))-1)+IF('Standard Profiles'!$G$21=$B$10,7,0)+IF('Standard Profiles'!$G$21=$B$17,14,0)+IF('Standard Profiles'!$G$21=$B$24,21,0),0)),0)</f>
        <v>0</v>
      </c>
      <c r="H3373" cm="1">
        <f t="array" ref="H3373">IFERROR(INDEX(Jesper!AL$2:AL$366,ROUNDDOWN($C3373/24,0)+1,1)*INDEX($D$3:$AA$30,INDEX(Jesper!$R$2:$R$366,ROW(INDEX(Jesper!AL$2:AL$366,ROUNDDOWN($C3373/24,0)+1,1))-1)+IF('Standard Profiles'!$G$22=$B$10,7,0)+IF('Standard Profiles'!$G$22=$B$17,14,0)+IF('Standard Profiles'!$G$22=$B$24,21,0),MOD($C3373,24)+1)/SUM(INDEX($D$3:$AA$30,INDEX(Jesper!$R$2:$R$366,ROW(INDEX(Jesper!AL$2:AL$366,ROUNDDOWN($C3373/24,0)+1,1))-1)+IF('Standard Profiles'!$G$22=$B$10,7,0)+IF('Standard Profiles'!$G$22=$B$17,14,0)+IF('Standard Profiles'!$G$22=$B$24,21,0),0)),0)</f>
        <v>0</v>
      </c>
      <c r="I3373">
        <f t="shared" si="384"/>
        <v>9.2268539115291953E-2</v>
      </c>
      <c r="J3373">
        <f t="shared" si="385"/>
        <v>0.3075617970509732</v>
      </c>
      <c r="K3373">
        <f t="shared" si="386"/>
        <v>0.46134269557645979</v>
      </c>
      <c r="L3373">
        <f t="shared" si="387"/>
        <v>6.8492509447253758</v>
      </c>
      <c r="M3373">
        <f t="shared" si="388"/>
        <v>0</v>
      </c>
      <c r="N3373" s="46">
        <f t="shared" si="389"/>
        <v>45431.124999991902</v>
      </c>
    </row>
    <row r="3374" spans="2:14" x14ac:dyDescent="0.3">
      <c r="B3374">
        <f t="shared" si="383"/>
        <v>7</v>
      </c>
      <c r="C3374" s="16">
        <v>3340</v>
      </c>
      <c r="D3374" cm="1">
        <f t="array" ref="D3374">IFERROR(INDEX(Jesper!AH$2:AH$366,ROUNDDOWN($C3374/24,0)+1,1)*INDEX($D$3:$AA$30,INDEX(Jesper!$R$2:$R$366,ROW(INDEX(Jesper!AH$2:AH$366,ROUNDDOWN($C3374/24,0)+1,1))-1)+IF('Standard Profiles'!$G$18=$B$10,7,0)+IF('Standard Profiles'!$G$18=$B$17,14,0)+IF('Standard Profiles'!$G$18=$B$24,21,0),MOD($C3374,24)+1)/SUM(INDEX($D$3:$AA$30,INDEX(Jesper!$R$2:$R$366,ROW(INDEX(Jesper!AH$2:AH$366,ROUNDDOWN($C3374/24,0)+1,1))-1)+IF('Standard Profiles'!$G$18=$B$10,7,0)+IF('Standard Profiles'!$G$18=$B$17,14,0)+IF('Standard Profiles'!$G$18=$B$24,21,0),0)),0)</f>
        <v>6.6862431922883605</v>
      </c>
      <c r="E3374" cm="1">
        <f t="array" ref="E3374">IFERROR(INDEX(Jesper!AI$2:AI$366,ROUNDDOWN($C3374/24,0)+1,1)*INDEX($D$3:$AA$30,INDEX(Jesper!$R$2:$R$366,ROW(INDEX(Jesper!AI$2:AI$366,ROUNDDOWN($C3374/24,0)+1,1))-1)+IF('Standard Profiles'!$G$19=$B$10,7,0)+IF('Standard Profiles'!$G$19=$B$17,14,0)+IF('Standard Profiles'!$G$19=$B$24,21,0),MOD($C3374,24)+1)/SUM(INDEX($D$3:$AA$30,INDEX(Jesper!$R$2:$R$366,ROW(INDEX(Jesper!AI$2:AI$366,ROUNDDOWN($C3374/24,0)+1,1))-1)+IF('Standard Profiles'!$G$19=$B$10,7,0)+IF('Standard Profiles'!$G$19=$B$17,14,0)+IF('Standard Profiles'!$G$19=$B$24,21,0),0)),0)</f>
        <v>1.0241807841797403</v>
      </c>
      <c r="F3374" cm="1">
        <f t="array" ref="F3374">IFERROR(INDEX(Jesper!AJ$2:AJ$366,ROUNDDOWN($C3374/24,0)+1,1)*INDEX($D$3:$AA$30,INDEX(Jesper!$R$2:$R$366,ROW(INDEX(Jesper!AJ$2:AJ$366,ROUNDDOWN($C3374/24,0)+1,1))-1)+IF('Standard Profiles'!$G$20=$B$10,7,0)+IF('Standard Profiles'!$G$20=$B$17,14,0)+IF('Standard Profiles'!$G$20=$B$24,21,0),MOD($C3374,24)+1)/SUM(INDEX($D$3:$AA$30,INDEX(Jesper!$R$2:$R$366,ROW(INDEX(Jesper!AJ$2:AJ$366,ROUNDDOWN($C3374/24,0)+1,1))-1)+IF('Standard Profiles'!$G$20=$B$10,7,0)+IF('Standard Profiles'!$G$20=$B$17,14,0)+IF('Standard Profiles'!$G$20=$B$24,21,0),0)),0)</f>
        <v>0</v>
      </c>
      <c r="G3374" cm="1">
        <f t="array" ref="G3374">IFERROR(INDEX(Jesper!AK$2:AK$366,ROUNDDOWN($C3374/24,0)+1,1)*INDEX($D$3:$AA$30,INDEX(Jesper!$R$2:$R$366,ROW(INDEX(Jesper!AK$2:AK$366,ROUNDDOWN($C3374/24,0)+1,1))-1)+IF('Standard Profiles'!$G$21=$B$10,7,0)+IF('Standard Profiles'!$G$21=$B$17,14,0)+IF('Standard Profiles'!$G$21=$B$24,21,0),MOD($C3374,24)+1)/SUM(INDEX($D$3:$AA$30,INDEX(Jesper!$R$2:$R$366,ROW(INDEX(Jesper!AK$2:AK$366,ROUNDDOWN($C3374/24,0)+1,1))-1)+IF('Standard Profiles'!$G$21=$B$10,7,0)+IF('Standard Profiles'!$G$21=$B$17,14,0)+IF('Standard Profiles'!$G$21=$B$24,21,0),0)),0)</f>
        <v>0</v>
      </c>
      <c r="H3374" cm="1">
        <f t="array" ref="H3374">IFERROR(INDEX(Jesper!AL$2:AL$366,ROUNDDOWN($C3374/24,0)+1,1)*INDEX($D$3:$AA$30,INDEX(Jesper!$R$2:$R$366,ROW(INDEX(Jesper!AL$2:AL$366,ROUNDDOWN($C3374/24,0)+1,1))-1)+IF('Standard Profiles'!$G$22=$B$10,7,0)+IF('Standard Profiles'!$G$22=$B$17,14,0)+IF('Standard Profiles'!$G$22=$B$24,21,0),MOD($C3374,24)+1)/SUM(INDEX($D$3:$AA$30,INDEX(Jesper!$R$2:$R$366,ROW(INDEX(Jesper!AL$2:AL$366,ROUNDDOWN($C3374/24,0)+1,1))-1)+IF('Standard Profiles'!$G$22=$B$10,7,0)+IF('Standard Profiles'!$G$22=$B$17,14,0)+IF('Standard Profiles'!$G$22=$B$24,21,0),0)),0)</f>
        <v>0</v>
      </c>
      <c r="I3374">
        <f t="shared" si="384"/>
        <v>9.2268539115291953E-2</v>
      </c>
      <c r="J3374">
        <f t="shared" si="385"/>
        <v>0.3075617970509732</v>
      </c>
      <c r="K3374">
        <f t="shared" si="386"/>
        <v>0.46134269557645979</v>
      </c>
      <c r="L3374">
        <f t="shared" si="387"/>
        <v>6.8492509447253758</v>
      </c>
      <c r="M3374">
        <f t="shared" si="388"/>
        <v>0</v>
      </c>
      <c r="N3374" s="46">
        <f t="shared" si="389"/>
        <v>45431.166666658566</v>
      </c>
    </row>
    <row r="3375" spans="2:14" x14ac:dyDescent="0.3">
      <c r="B3375">
        <f t="shared" si="383"/>
        <v>7</v>
      </c>
      <c r="C3375" s="16">
        <v>3341</v>
      </c>
      <c r="D3375" cm="1">
        <f t="array" ref="D3375">IFERROR(INDEX(Jesper!AH$2:AH$366,ROUNDDOWN($C3375/24,0)+1,1)*INDEX($D$3:$AA$30,INDEX(Jesper!$R$2:$R$366,ROW(INDEX(Jesper!AH$2:AH$366,ROUNDDOWN($C3375/24,0)+1,1))-1)+IF('Standard Profiles'!$G$18=$B$10,7,0)+IF('Standard Profiles'!$G$18=$B$17,14,0)+IF('Standard Profiles'!$G$18=$B$24,21,0),MOD($C3375,24)+1)/SUM(INDEX($D$3:$AA$30,INDEX(Jesper!$R$2:$R$366,ROW(INDEX(Jesper!AH$2:AH$366,ROUNDDOWN($C3375/24,0)+1,1))-1)+IF('Standard Profiles'!$G$18=$B$10,7,0)+IF('Standard Profiles'!$G$18=$B$17,14,0)+IF('Standard Profiles'!$G$18=$B$24,21,0),0)),0)</f>
        <v>8.3578039903604502</v>
      </c>
      <c r="E3375" cm="1">
        <f t="array" ref="E3375">IFERROR(INDEX(Jesper!AI$2:AI$366,ROUNDDOWN($C3375/24,0)+1,1)*INDEX($D$3:$AA$30,INDEX(Jesper!$R$2:$R$366,ROW(INDEX(Jesper!AI$2:AI$366,ROUNDDOWN($C3375/24,0)+1,1))-1)+IF('Standard Profiles'!$G$19=$B$10,7,0)+IF('Standard Profiles'!$G$19=$B$17,14,0)+IF('Standard Profiles'!$G$19=$B$24,21,0),MOD($C3375,24)+1)/SUM(INDEX($D$3:$AA$30,INDEX(Jesper!$R$2:$R$366,ROW(INDEX(Jesper!AI$2:AI$366,ROUNDDOWN($C3375/24,0)+1,1))-1)+IF('Standard Profiles'!$G$19=$B$10,7,0)+IF('Standard Profiles'!$G$19=$B$17,14,0)+IF('Standard Profiles'!$G$19=$B$24,21,0),0)),0)</f>
        <v>1.2802259802246752</v>
      </c>
      <c r="F3375" cm="1">
        <f t="array" ref="F3375">IFERROR(INDEX(Jesper!AJ$2:AJ$366,ROUNDDOWN($C3375/24,0)+1,1)*INDEX($D$3:$AA$30,INDEX(Jesper!$R$2:$R$366,ROW(INDEX(Jesper!AJ$2:AJ$366,ROUNDDOWN($C3375/24,0)+1,1))-1)+IF('Standard Profiles'!$G$20=$B$10,7,0)+IF('Standard Profiles'!$G$20=$B$17,14,0)+IF('Standard Profiles'!$G$20=$B$24,21,0),MOD($C3375,24)+1)/SUM(INDEX($D$3:$AA$30,INDEX(Jesper!$R$2:$R$366,ROW(INDEX(Jesper!AJ$2:AJ$366,ROUNDDOWN($C3375/24,0)+1,1))-1)+IF('Standard Profiles'!$G$20=$B$10,7,0)+IF('Standard Profiles'!$G$20=$B$17,14,0)+IF('Standard Profiles'!$G$20=$B$24,21,0),0)),0)</f>
        <v>0</v>
      </c>
      <c r="G3375" cm="1">
        <f t="array" ref="G3375">IFERROR(INDEX(Jesper!AK$2:AK$366,ROUNDDOWN($C3375/24,0)+1,1)*INDEX($D$3:$AA$30,INDEX(Jesper!$R$2:$R$366,ROW(INDEX(Jesper!AK$2:AK$366,ROUNDDOWN($C3375/24,0)+1,1))-1)+IF('Standard Profiles'!$G$21=$B$10,7,0)+IF('Standard Profiles'!$G$21=$B$17,14,0)+IF('Standard Profiles'!$G$21=$B$24,21,0),MOD($C3375,24)+1)/SUM(INDEX($D$3:$AA$30,INDEX(Jesper!$R$2:$R$366,ROW(INDEX(Jesper!AK$2:AK$366,ROUNDDOWN($C3375/24,0)+1,1))-1)+IF('Standard Profiles'!$G$21=$B$10,7,0)+IF('Standard Profiles'!$G$21=$B$17,14,0)+IF('Standard Profiles'!$G$21=$B$24,21,0),0)),0)</f>
        <v>0</v>
      </c>
      <c r="H3375" cm="1">
        <f t="array" ref="H3375">IFERROR(INDEX(Jesper!AL$2:AL$366,ROUNDDOWN($C3375/24,0)+1,1)*INDEX($D$3:$AA$30,INDEX(Jesper!$R$2:$R$366,ROW(INDEX(Jesper!AL$2:AL$366,ROUNDDOWN($C3375/24,0)+1,1))-1)+IF('Standard Profiles'!$G$22=$B$10,7,0)+IF('Standard Profiles'!$G$22=$B$17,14,0)+IF('Standard Profiles'!$G$22=$B$24,21,0),MOD($C3375,24)+1)/SUM(INDEX($D$3:$AA$30,INDEX(Jesper!$R$2:$R$366,ROW(INDEX(Jesper!AL$2:AL$366,ROUNDDOWN($C3375/24,0)+1,1))-1)+IF('Standard Profiles'!$G$22=$B$10,7,0)+IF('Standard Profiles'!$G$22=$B$17,14,0)+IF('Standard Profiles'!$G$22=$B$24,21,0),0)),0)</f>
        <v>0</v>
      </c>
      <c r="I3375">
        <f t="shared" si="384"/>
        <v>0.11533567389411491</v>
      </c>
      <c r="J3375">
        <f t="shared" si="385"/>
        <v>0.38445224631371638</v>
      </c>
      <c r="K3375">
        <f t="shared" si="386"/>
        <v>0.5766783694705746</v>
      </c>
      <c r="L3375">
        <f t="shared" si="387"/>
        <v>8.561563680906719</v>
      </c>
      <c r="M3375">
        <f t="shared" si="388"/>
        <v>0</v>
      </c>
      <c r="N3375" s="46">
        <f t="shared" si="389"/>
        <v>45431.20833332523</v>
      </c>
    </row>
    <row r="3376" spans="2:14" x14ac:dyDescent="0.3">
      <c r="B3376">
        <f t="shared" si="383"/>
        <v>7</v>
      </c>
      <c r="C3376" s="16">
        <v>3342</v>
      </c>
      <c r="D3376" cm="1">
        <f t="array" ref="D3376">IFERROR(INDEX(Jesper!AH$2:AH$366,ROUNDDOWN($C3376/24,0)+1,1)*INDEX($D$3:$AA$30,INDEX(Jesper!$R$2:$R$366,ROW(INDEX(Jesper!AH$2:AH$366,ROUNDDOWN($C3376/24,0)+1,1))-1)+IF('Standard Profiles'!$G$18=$B$10,7,0)+IF('Standard Profiles'!$G$18=$B$17,14,0)+IF('Standard Profiles'!$G$18=$B$24,21,0),MOD($C3376,24)+1)/SUM(INDEX($D$3:$AA$30,INDEX(Jesper!$R$2:$R$366,ROW(INDEX(Jesper!AH$2:AH$366,ROUNDDOWN($C3376/24,0)+1,1))-1)+IF('Standard Profiles'!$G$18=$B$10,7,0)+IF('Standard Profiles'!$G$18=$B$17,14,0)+IF('Standard Profiles'!$G$18=$B$24,21,0),0)),0)</f>
        <v>9.8436358108689763</v>
      </c>
      <c r="E3376" cm="1">
        <f t="array" ref="E3376">IFERROR(INDEX(Jesper!AI$2:AI$366,ROUNDDOWN($C3376/24,0)+1,1)*INDEX($D$3:$AA$30,INDEX(Jesper!$R$2:$R$366,ROW(INDEX(Jesper!AI$2:AI$366,ROUNDDOWN($C3376/24,0)+1,1))-1)+IF('Standard Profiles'!$G$19=$B$10,7,0)+IF('Standard Profiles'!$G$19=$B$17,14,0)+IF('Standard Profiles'!$G$19=$B$24,21,0),MOD($C3376,24)+1)/SUM(INDEX($D$3:$AA$30,INDEX(Jesper!$R$2:$R$366,ROW(INDEX(Jesper!AI$2:AI$366,ROUNDDOWN($C3376/24,0)+1,1))-1)+IF('Standard Profiles'!$G$19=$B$10,7,0)+IF('Standard Profiles'!$G$19=$B$17,14,0)+IF('Standard Profiles'!$G$19=$B$24,21,0),0)),0)</f>
        <v>1.5078217100423954</v>
      </c>
      <c r="F3376" cm="1">
        <f t="array" ref="F3376">IFERROR(INDEX(Jesper!AJ$2:AJ$366,ROUNDDOWN($C3376/24,0)+1,1)*INDEX($D$3:$AA$30,INDEX(Jesper!$R$2:$R$366,ROW(INDEX(Jesper!AJ$2:AJ$366,ROUNDDOWN($C3376/24,0)+1,1))-1)+IF('Standard Profiles'!$G$20=$B$10,7,0)+IF('Standard Profiles'!$G$20=$B$17,14,0)+IF('Standard Profiles'!$G$20=$B$24,21,0),MOD($C3376,24)+1)/SUM(INDEX($D$3:$AA$30,INDEX(Jesper!$R$2:$R$366,ROW(INDEX(Jesper!AJ$2:AJ$366,ROUNDDOWN($C3376/24,0)+1,1))-1)+IF('Standard Profiles'!$G$20=$B$10,7,0)+IF('Standard Profiles'!$G$20=$B$17,14,0)+IF('Standard Profiles'!$G$20=$B$24,21,0),0)),0)</f>
        <v>0</v>
      </c>
      <c r="G3376" cm="1">
        <f t="array" ref="G3376">IFERROR(INDEX(Jesper!AK$2:AK$366,ROUNDDOWN($C3376/24,0)+1,1)*INDEX($D$3:$AA$30,INDEX(Jesper!$R$2:$R$366,ROW(INDEX(Jesper!AK$2:AK$366,ROUNDDOWN($C3376/24,0)+1,1))-1)+IF('Standard Profiles'!$G$21=$B$10,7,0)+IF('Standard Profiles'!$G$21=$B$17,14,0)+IF('Standard Profiles'!$G$21=$B$24,21,0),MOD($C3376,24)+1)/SUM(INDEX($D$3:$AA$30,INDEX(Jesper!$R$2:$R$366,ROW(INDEX(Jesper!AK$2:AK$366,ROUNDDOWN($C3376/24,0)+1,1))-1)+IF('Standard Profiles'!$G$21=$B$10,7,0)+IF('Standard Profiles'!$G$21=$B$17,14,0)+IF('Standard Profiles'!$G$21=$B$24,21,0),0)),0)</f>
        <v>0</v>
      </c>
      <c r="H3376" cm="1">
        <f t="array" ref="H3376">IFERROR(INDEX(Jesper!AL$2:AL$366,ROUNDDOWN($C3376/24,0)+1,1)*INDEX($D$3:$AA$30,INDEX(Jesper!$R$2:$R$366,ROW(INDEX(Jesper!AL$2:AL$366,ROUNDDOWN($C3376/24,0)+1,1))-1)+IF('Standard Profiles'!$G$22=$B$10,7,0)+IF('Standard Profiles'!$G$22=$B$17,14,0)+IF('Standard Profiles'!$G$22=$B$24,21,0),MOD($C3376,24)+1)/SUM(INDEX($D$3:$AA$30,INDEX(Jesper!$R$2:$R$366,ROW(INDEX(Jesper!AL$2:AL$366,ROUNDDOWN($C3376/24,0)+1,1))-1)+IF('Standard Profiles'!$G$22=$B$10,7,0)+IF('Standard Profiles'!$G$22=$B$17,14,0)+IF('Standard Profiles'!$G$22=$B$24,21,0),0)),0)</f>
        <v>0</v>
      </c>
      <c r="I3376">
        <f t="shared" si="384"/>
        <v>0.13583979369751314</v>
      </c>
      <c r="J3376">
        <f t="shared" si="385"/>
        <v>0.45279931232504383</v>
      </c>
      <c r="K3376">
        <f t="shared" si="386"/>
        <v>0.67919896848756578</v>
      </c>
      <c r="L3376">
        <f t="shared" si="387"/>
        <v>10.083619446401249</v>
      </c>
      <c r="M3376">
        <f t="shared" si="388"/>
        <v>0</v>
      </c>
      <c r="N3376" s="46">
        <f t="shared" si="389"/>
        <v>45431.249999991895</v>
      </c>
    </row>
    <row r="3377" spans="2:14" x14ac:dyDescent="0.3">
      <c r="B3377">
        <f t="shared" si="383"/>
        <v>7</v>
      </c>
      <c r="C3377" s="16">
        <v>3343</v>
      </c>
      <c r="D3377" cm="1">
        <f t="array" ref="D3377">IFERROR(INDEX(Jesper!AH$2:AH$366,ROUNDDOWN($C3377/24,0)+1,1)*INDEX($D$3:$AA$30,INDEX(Jesper!$R$2:$R$366,ROW(INDEX(Jesper!AH$2:AH$366,ROUNDDOWN($C3377/24,0)+1,1))-1)+IF('Standard Profiles'!$G$18=$B$10,7,0)+IF('Standard Profiles'!$G$18=$B$17,14,0)+IF('Standard Profiles'!$G$18=$B$24,21,0),MOD($C3377,24)+1)/SUM(INDEX($D$3:$AA$30,INDEX(Jesper!$R$2:$R$366,ROW(INDEX(Jesper!AH$2:AH$366,ROUNDDOWN($C3377/24,0)+1,1))-1)+IF('Standard Profiles'!$G$18=$B$10,7,0)+IF('Standard Profiles'!$G$18=$B$17,14,0)+IF('Standard Profiles'!$G$18=$B$24,21,0),0)),0)</f>
        <v>11.700925586504631</v>
      </c>
      <c r="E3377" cm="1">
        <f t="array" ref="E3377">IFERROR(INDEX(Jesper!AI$2:AI$366,ROUNDDOWN($C3377/24,0)+1,1)*INDEX($D$3:$AA$30,INDEX(Jesper!$R$2:$R$366,ROW(INDEX(Jesper!AI$2:AI$366,ROUNDDOWN($C3377/24,0)+1,1))-1)+IF('Standard Profiles'!$G$19=$B$10,7,0)+IF('Standard Profiles'!$G$19=$B$17,14,0)+IF('Standard Profiles'!$G$19=$B$24,21,0),MOD($C3377,24)+1)/SUM(INDEX($D$3:$AA$30,INDEX(Jesper!$R$2:$R$366,ROW(INDEX(Jesper!AI$2:AI$366,ROUNDDOWN($C3377/24,0)+1,1))-1)+IF('Standard Profiles'!$G$19=$B$10,7,0)+IF('Standard Profiles'!$G$19=$B$17,14,0)+IF('Standard Profiles'!$G$19=$B$24,21,0),0)),0)</f>
        <v>1.7923163723145454</v>
      </c>
      <c r="F3377" cm="1">
        <f t="array" ref="F3377">IFERROR(INDEX(Jesper!AJ$2:AJ$366,ROUNDDOWN($C3377/24,0)+1,1)*INDEX($D$3:$AA$30,INDEX(Jesper!$R$2:$R$366,ROW(INDEX(Jesper!AJ$2:AJ$366,ROUNDDOWN($C3377/24,0)+1,1))-1)+IF('Standard Profiles'!$G$20=$B$10,7,0)+IF('Standard Profiles'!$G$20=$B$17,14,0)+IF('Standard Profiles'!$G$20=$B$24,21,0),MOD($C3377,24)+1)/SUM(INDEX($D$3:$AA$30,INDEX(Jesper!$R$2:$R$366,ROW(INDEX(Jesper!AJ$2:AJ$366,ROUNDDOWN($C3377/24,0)+1,1))-1)+IF('Standard Profiles'!$G$20=$B$10,7,0)+IF('Standard Profiles'!$G$20=$B$17,14,0)+IF('Standard Profiles'!$G$20=$B$24,21,0),0)),0)</f>
        <v>0</v>
      </c>
      <c r="G3377" cm="1">
        <f t="array" ref="G3377">IFERROR(INDEX(Jesper!AK$2:AK$366,ROUNDDOWN($C3377/24,0)+1,1)*INDEX($D$3:$AA$30,INDEX(Jesper!$R$2:$R$366,ROW(INDEX(Jesper!AK$2:AK$366,ROUNDDOWN($C3377/24,0)+1,1))-1)+IF('Standard Profiles'!$G$21=$B$10,7,0)+IF('Standard Profiles'!$G$21=$B$17,14,0)+IF('Standard Profiles'!$G$21=$B$24,21,0),MOD($C3377,24)+1)/SUM(INDEX($D$3:$AA$30,INDEX(Jesper!$R$2:$R$366,ROW(INDEX(Jesper!AK$2:AK$366,ROUNDDOWN($C3377/24,0)+1,1))-1)+IF('Standard Profiles'!$G$21=$B$10,7,0)+IF('Standard Profiles'!$G$21=$B$17,14,0)+IF('Standard Profiles'!$G$21=$B$24,21,0),0)),0)</f>
        <v>0</v>
      </c>
      <c r="H3377" cm="1">
        <f t="array" ref="H3377">IFERROR(INDEX(Jesper!AL$2:AL$366,ROUNDDOWN($C3377/24,0)+1,1)*INDEX($D$3:$AA$30,INDEX(Jesper!$R$2:$R$366,ROW(INDEX(Jesper!AL$2:AL$366,ROUNDDOWN($C3377/24,0)+1,1))-1)+IF('Standard Profiles'!$G$22=$B$10,7,0)+IF('Standard Profiles'!$G$22=$B$17,14,0)+IF('Standard Profiles'!$G$22=$B$24,21,0),MOD($C3377,24)+1)/SUM(INDEX($D$3:$AA$30,INDEX(Jesper!$R$2:$R$366,ROW(INDEX(Jesper!AL$2:AL$366,ROUNDDOWN($C3377/24,0)+1,1))-1)+IF('Standard Profiles'!$G$22=$B$10,7,0)+IF('Standard Profiles'!$G$22=$B$17,14,0)+IF('Standard Profiles'!$G$22=$B$24,21,0),0)),0)</f>
        <v>0</v>
      </c>
      <c r="I3377">
        <f t="shared" si="384"/>
        <v>0.16146994345176088</v>
      </c>
      <c r="J3377">
        <f t="shared" si="385"/>
        <v>0.53823314483920304</v>
      </c>
      <c r="K3377">
        <f t="shared" si="386"/>
        <v>0.80734971725880456</v>
      </c>
      <c r="L3377">
        <f t="shared" si="387"/>
        <v>11.986189153269409</v>
      </c>
      <c r="M3377">
        <f t="shared" si="388"/>
        <v>0</v>
      </c>
      <c r="N3377" s="46">
        <f t="shared" si="389"/>
        <v>45431.291666658559</v>
      </c>
    </row>
    <row r="3378" spans="2:14" x14ac:dyDescent="0.3">
      <c r="B3378">
        <f t="shared" si="383"/>
        <v>7</v>
      </c>
      <c r="C3378" s="16">
        <v>3344</v>
      </c>
      <c r="D3378" cm="1">
        <f t="array" ref="D3378">IFERROR(INDEX(Jesper!AH$2:AH$366,ROUNDDOWN($C3378/24,0)+1,1)*INDEX($D$3:$AA$30,INDEX(Jesper!$R$2:$R$366,ROW(INDEX(Jesper!AH$2:AH$366,ROUNDDOWN($C3378/24,0)+1,1))-1)+IF('Standard Profiles'!$G$18=$B$10,7,0)+IF('Standard Profiles'!$G$18=$B$17,14,0)+IF('Standard Profiles'!$G$18=$B$24,21,0),MOD($C3378,24)+1)/SUM(INDEX($D$3:$AA$30,INDEX(Jesper!$R$2:$R$366,ROW(INDEX(Jesper!AH$2:AH$366,ROUNDDOWN($C3378/24,0)+1,1))-1)+IF('Standard Profiles'!$G$18=$B$10,7,0)+IF('Standard Profiles'!$G$18=$B$17,14,0)+IF('Standard Profiles'!$G$18=$B$24,21,0),0)),0)</f>
        <v>11.700925586504631</v>
      </c>
      <c r="E3378" cm="1">
        <f t="array" ref="E3378">IFERROR(INDEX(Jesper!AI$2:AI$366,ROUNDDOWN($C3378/24,0)+1,1)*INDEX($D$3:$AA$30,INDEX(Jesper!$R$2:$R$366,ROW(INDEX(Jesper!AI$2:AI$366,ROUNDDOWN($C3378/24,0)+1,1))-1)+IF('Standard Profiles'!$G$19=$B$10,7,0)+IF('Standard Profiles'!$G$19=$B$17,14,0)+IF('Standard Profiles'!$G$19=$B$24,21,0),MOD($C3378,24)+1)/SUM(INDEX($D$3:$AA$30,INDEX(Jesper!$R$2:$R$366,ROW(INDEX(Jesper!AI$2:AI$366,ROUNDDOWN($C3378/24,0)+1,1))-1)+IF('Standard Profiles'!$G$19=$B$10,7,0)+IF('Standard Profiles'!$G$19=$B$17,14,0)+IF('Standard Profiles'!$G$19=$B$24,21,0),0)),0)</f>
        <v>1.7923163723145454</v>
      </c>
      <c r="F3378" cm="1">
        <f t="array" ref="F3378">IFERROR(INDEX(Jesper!AJ$2:AJ$366,ROUNDDOWN($C3378/24,0)+1,1)*INDEX($D$3:$AA$30,INDEX(Jesper!$R$2:$R$366,ROW(INDEX(Jesper!AJ$2:AJ$366,ROUNDDOWN($C3378/24,0)+1,1))-1)+IF('Standard Profiles'!$G$20=$B$10,7,0)+IF('Standard Profiles'!$G$20=$B$17,14,0)+IF('Standard Profiles'!$G$20=$B$24,21,0),MOD($C3378,24)+1)/SUM(INDEX($D$3:$AA$30,INDEX(Jesper!$R$2:$R$366,ROW(INDEX(Jesper!AJ$2:AJ$366,ROUNDDOWN($C3378/24,0)+1,1))-1)+IF('Standard Profiles'!$G$20=$B$10,7,0)+IF('Standard Profiles'!$G$20=$B$17,14,0)+IF('Standard Profiles'!$G$20=$B$24,21,0),0)),0)</f>
        <v>0</v>
      </c>
      <c r="G3378" cm="1">
        <f t="array" ref="G3378">IFERROR(INDEX(Jesper!AK$2:AK$366,ROUNDDOWN($C3378/24,0)+1,1)*INDEX($D$3:$AA$30,INDEX(Jesper!$R$2:$R$366,ROW(INDEX(Jesper!AK$2:AK$366,ROUNDDOWN($C3378/24,0)+1,1))-1)+IF('Standard Profiles'!$G$21=$B$10,7,0)+IF('Standard Profiles'!$G$21=$B$17,14,0)+IF('Standard Profiles'!$G$21=$B$24,21,0),MOD($C3378,24)+1)/SUM(INDEX($D$3:$AA$30,INDEX(Jesper!$R$2:$R$366,ROW(INDEX(Jesper!AK$2:AK$366,ROUNDDOWN($C3378/24,0)+1,1))-1)+IF('Standard Profiles'!$G$21=$B$10,7,0)+IF('Standard Profiles'!$G$21=$B$17,14,0)+IF('Standard Profiles'!$G$21=$B$24,21,0),0)),0)</f>
        <v>0</v>
      </c>
      <c r="H3378" cm="1">
        <f t="array" ref="H3378">IFERROR(INDEX(Jesper!AL$2:AL$366,ROUNDDOWN($C3378/24,0)+1,1)*INDEX($D$3:$AA$30,INDEX(Jesper!$R$2:$R$366,ROW(INDEX(Jesper!AL$2:AL$366,ROUNDDOWN($C3378/24,0)+1,1))-1)+IF('Standard Profiles'!$G$22=$B$10,7,0)+IF('Standard Profiles'!$G$22=$B$17,14,0)+IF('Standard Profiles'!$G$22=$B$24,21,0),MOD($C3378,24)+1)/SUM(INDEX($D$3:$AA$30,INDEX(Jesper!$R$2:$R$366,ROW(INDEX(Jesper!AL$2:AL$366,ROUNDDOWN($C3378/24,0)+1,1))-1)+IF('Standard Profiles'!$G$22=$B$10,7,0)+IF('Standard Profiles'!$G$22=$B$17,14,0)+IF('Standard Profiles'!$G$22=$B$24,21,0),0)),0)</f>
        <v>0</v>
      </c>
      <c r="I3378">
        <f t="shared" si="384"/>
        <v>0.16146994345176088</v>
      </c>
      <c r="J3378">
        <f t="shared" si="385"/>
        <v>0.53823314483920304</v>
      </c>
      <c r="K3378">
        <f t="shared" si="386"/>
        <v>0.80734971725880456</v>
      </c>
      <c r="L3378">
        <f t="shared" si="387"/>
        <v>11.986189153269409</v>
      </c>
      <c r="M3378">
        <f t="shared" si="388"/>
        <v>0</v>
      </c>
      <c r="N3378" s="46">
        <f t="shared" si="389"/>
        <v>45431.333333325223</v>
      </c>
    </row>
    <row r="3379" spans="2:14" x14ac:dyDescent="0.3">
      <c r="B3379">
        <f t="shared" si="383"/>
        <v>7</v>
      </c>
      <c r="C3379" s="16">
        <v>3345</v>
      </c>
      <c r="D3379" cm="1">
        <f t="array" ref="D3379">IFERROR(INDEX(Jesper!AH$2:AH$366,ROUNDDOWN($C3379/24,0)+1,1)*INDEX($D$3:$AA$30,INDEX(Jesper!$R$2:$R$366,ROW(INDEX(Jesper!AH$2:AH$366,ROUNDDOWN($C3379/24,0)+1,1))-1)+IF('Standard Profiles'!$G$18=$B$10,7,0)+IF('Standard Profiles'!$G$18=$B$17,14,0)+IF('Standard Profiles'!$G$18=$B$24,21,0),MOD($C3379,24)+1)/SUM(INDEX($D$3:$AA$30,INDEX(Jesper!$R$2:$R$366,ROW(INDEX(Jesper!AH$2:AH$366,ROUNDDOWN($C3379/24,0)+1,1))-1)+IF('Standard Profiles'!$G$18=$B$10,7,0)+IF('Standard Profiles'!$G$18=$B$17,14,0)+IF('Standard Profiles'!$G$18=$B$24,21,0),0)),0)</f>
        <v>11.700925586504631</v>
      </c>
      <c r="E3379" cm="1">
        <f t="array" ref="E3379">IFERROR(INDEX(Jesper!AI$2:AI$366,ROUNDDOWN($C3379/24,0)+1,1)*INDEX($D$3:$AA$30,INDEX(Jesper!$R$2:$R$366,ROW(INDEX(Jesper!AI$2:AI$366,ROUNDDOWN($C3379/24,0)+1,1))-1)+IF('Standard Profiles'!$G$19=$B$10,7,0)+IF('Standard Profiles'!$G$19=$B$17,14,0)+IF('Standard Profiles'!$G$19=$B$24,21,0),MOD($C3379,24)+1)/SUM(INDEX($D$3:$AA$30,INDEX(Jesper!$R$2:$R$366,ROW(INDEX(Jesper!AI$2:AI$366,ROUNDDOWN($C3379/24,0)+1,1))-1)+IF('Standard Profiles'!$G$19=$B$10,7,0)+IF('Standard Profiles'!$G$19=$B$17,14,0)+IF('Standard Profiles'!$G$19=$B$24,21,0),0)),0)</f>
        <v>1.7923163723145454</v>
      </c>
      <c r="F3379" cm="1">
        <f t="array" ref="F3379">IFERROR(INDEX(Jesper!AJ$2:AJ$366,ROUNDDOWN($C3379/24,0)+1,1)*INDEX($D$3:$AA$30,INDEX(Jesper!$R$2:$R$366,ROW(INDEX(Jesper!AJ$2:AJ$366,ROUNDDOWN($C3379/24,0)+1,1))-1)+IF('Standard Profiles'!$G$20=$B$10,7,0)+IF('Standard Profiles'!$G$20=$B$17,14,0)+IF('Standard Profiles'!$G$20=$B$24,21,0),MOD($C3379,24)+1)/SUM(INDEX($D$3:$AA$30,INDEX(Jesper!$R$2:$R$366,ROW(INDEX(Jesper!AJ$2:AJ$366,ROUNDDOWN($C3379/24,0)+1,1))-1)+IF('Standard Profiles'!$G$20=$B$10,7,0)+IF('Standard Profiles'!$G$20=$B$17,14,0)+IF('Standard Profiles'!$G$20=$B$24,21,0),0)),0)</f>
        <v>0</v>
      </c>
      <c r="G3379" cm="1">
        <f t="array" ref="G3379">IFERROR(INDEX(Jesper!AK$2:AK$366,ROUNDDOWN($C3379/24,0)+1,1)*INDEX($D$3:$AA$30,INDEX(Jesper!$R$2:$R$366,ROW(INDEX(Jesper!AK$2:AK$366,ROUNDDOWN($C3379/24,0)+1,1))-1)+IF('Standard Profiles'!$G$21=$B$10,7,0)+IF('Standard Profiles'!$G$21=$B$17,14,0)+IF('Standard Profiles'!$G$21=$B$24,21,0),MOD($C3379,24)+1)/SUM(INDEX($D$3:$AA$30,INDEX(Jesper!$R$2:$R$366,ROW(INDEX(Jesper!AK$2:AK$366,ROUNDDOWN($C3379/24,0)+1,1))-1)+IF('Standard Profiles'!$G$21=$B$10,7,0)+IF('Standard Profiles'!$G$21=$B$17,14,0)+IF('Standard Profiles'!$G$21=$B$24,21,0),0)),0)</f>
        <v>0</v>
      </c>
      <c r="H3379" cm="1">
        <f t="array" ref="H3379">IFERROR(INDEX(Jesper!AL$2:AL$366,ROUNDDOWN($C3379/24,0)+1,1)*INDEX($D$3:$AA$30,INDEX(Jesper!$R$2:$R$366,ROW(INDEX(Jesper!AL$2:AL$366,ROUNDDOWN($C3379/24,0)+1,1))-1)+IF('Standard Profiles'!$G$22=$B$10,7,0)+IF('Standard Profiles'!$G$22=$B$17,14,0)+IF('Standard Profiles'!$G$22=$B$24,21,0),MOD($C3379,24)+1)/SUM(INDEX($D$3:$AA$30,INDEX(Jesper!$R$2:$R$366,ROW(INDEX(Jesper!AL$2:AL$366,ROUNDDOWN($C3379/24,0)+1,1))-1)+IF('Standard Profiles'!$G$22=$B$10,7,0)+IF('Standard Profiles'!$G$22=$B$17,14,0)+IF('Standard Profiles'!$G$22=$B$24,21,0),0)),0)</f>
        <v>0</v>
      </c>
      <c r="I3379">
        <f t="shared" si="384"/>
        <v>0.16146994345176088</v>
      </c>
      <c r="J3379">
        <f t="shared" si="385"/>
        <v>0.53823314483920304</v>
      </c>
      <c r="K3379">
        <f t="shared" si="386"/>
        <v>0.80734971725880456</v>
      </c>
      <c r="L3379">
        <f t="shared" si="387"/>
        <v>11.986189153269409</v>
      </c>
      <c r="M3379">
        <f t="shared" si="388"/>
        <v>0</v>
      </c>
      <c r="N3379" s="46">
        <f t="shared" si="389"/>
        <v>45431.374999991887</v>
      </c>
    </row>
    <row r="3380" spans="2:14" x14ac:dyDescent="0.3">
      <c r="B3380">
        <f t="shared" si="383"/>
        <v>7</v>
      </c>
      <c r="C3380" s="16">
        <v>3346</v>
      </c>
      <c r="D3380" cm="1">
        <f t="array" ref="D3380">IFERROR(INDEX(Jesper!AH$2:AH$366,ROUNDDOWN($C3380/24,0)+1,1)*INDEX($D$3:$AA$30,INDEX(Jesper!$R$2:$R$366,ROW(INDEX(Jesper!AH$2:AH$366,ROUNDDOWN($C3380/24,0)+1,1))-1)+IF('Standard Profiles'!$G$18=$B$10,7,0)+IF('Standard Profiles'!$G$18=$B$17,14,0)+IF('Standard Profiles'!$G$18=$B$24,21,0),MOD($C3380,24)+1)/SUM(INDEX($D$3:$AA$30,INDEX(Jesper!$R$2:$R$366,ROW(INDEX(Jesper!AH$2:AH$366,ROUNDDOWN($C3380/24,0)+1,1))-1)+IF('Standard Profiles'!$G$18=$B$10,7,0)+IF('Standard Profiles'!$G$18=$B$17,14,0)+IF('Standard Profiles'!$G$18=$B$24,21,0),0)),0)</f>
        <v>11.700925586504631</v>
      </c>
      <c r="E3380" cm="1">
        <f t="array" ref="E3380">IFERROR(INDEX(Jesper!AI$2:AI$366,ROUNDDOWN($C3380/24,0)+1,1)*INDEX($D$3:$AA$30,INDEX(Jesper!$R$2:$R$366,ROW(INDEX(Jesper!AI$2:AI$366,ROUNDDOWN($C3380/24,0)+1,1))-1)+IF('Standard Profiles'!$G$19=$B$10,7,0)+IF('Standard Profiles'!$G$19=$B$17,14,0)+IF('Standard Profiles'!$G$19=$B$24,21,0),MOD($C3380,24)+1)/SUM(INDEX($D$3:$AA$30,INDEX(Jesper!$R$2:$R$366,ROW(INDEX(Jesper!AI$2:AI$366,ROUNDDOWN($C3380/24,0)+1,1))-1)+IF('Standard Profiles'!$G$19=$B$10,7,0)+IF('Standard Profiles'!$G$19=$B$17,14,0)+IF('Standard Profiles'!$G$19=$B$24,21,0),0)),0)</f>
        <v>1.7923163723145454</v>
      </c>
      <c r="F3380" cm="1">
        <f t="array" ref="F3380">IFERROR(INDEX(Jesper!AJ$2:AJ$366,ROUNDDOWN($C3380/24,0)+1,1)*INDEX($D$3:$AA$30,INDEX(Jesper!$R$2:$R$366,ROW(INDEX(Jesper!AJ$2:AJ$366,ROUNDDOWN($C3380/24,0)+1,1))-1)+IF('Standard Profiles'!$G$20=$B$10,7,0)+IF('Standard Profiles'!$G$20=$B$17,14,0)+IF('Standard Profiles'!$G$20=$B$24,21,0),MOD($C3380,24)+1)/SUM(INDEX($D$3:$AA$30,INDEX(Jesper!$R$2:$R$366,ROW(INDEX(Jesper!AJ$2:AJ$366,ROUNDDOWN($C3380/24,0)+1,1))-1)+IF('Standard Profiles'!$G$20=$B$10,7,0)+IF('Standard Profiles'!$G$20=$B$17,14,0)+IF('Standard Profiles'!$G$20=$B$24,21,0),0)),0)</f>
        <v>0</v>
      </c>
      <c r="G3380" cm="1">
        <f t="array" ref="G3380">IFERROR(INDEX(Jesper!AK$2:AK$366,ROUNDDOWN($C3380/24,0)+1,1)*INDEX($D$3:$AA$30,INDEX(Jesper!$R$2:$R$366,ROW(INDEX(Jesper!AK$2:AK$366,ROUNDDOWN($C3380/24,0)+1,1))-1)+IF('Standard Profiles'!$G$21=$B$10,7,0)+IF('Standard Profiles'!$G$21=$B$17,14,0)+IF('Standard Profiles'!$G$21=$B$24,21,0),MOD($C3380,24)+1)/SUM(INDEX($D$3:$AA$30,INDEX(Jesper!$R$2:$R$366,ROW(INDEX(Jesper!AK$2:AK$366,ROUNDDOWN($C3380/24,0)+1,1))-1)+IF('Standard Profiles'!$G$21=$B$10,7,0)+IF('Standard Profiles'!$G$21=$B$17,14,0)+IF('Standard Profiles'!$G$21=$B$24,21,0),0)),0)</f>
        <v>0</v>
      </c>
      <c r="H3380" cm="1">
        <f t="array" ref="H3380">IFERROR(INDEX(Jesper!AL$2:AL$366,ROUNDDOWN($C3380/24,0)+1,1)*INDEX($D$3:$AA$30,INDEX(Jesper!$R$2:$R$366,ROW(INDEX(Jesper!AL$2:AL$366,ROUNDDOWN($C3380/24,0)+1,1))-1)+IF('Standard Profiles'!$G$22=$B$10,7,0)+IF('Standard Profiles'!$G$22=$B$17,14,0)+IF('Standard Profiles'!$G$22=$B$24,21,0),MOD($C3380,24)+1)/SUM(INDEX($D$3:$AA$30,INDEX(Jesper!$R$2:$R$366,ROW(INDEX(Jesper!AL$2:AL$366,ROUNDDOWN($C3380/24,0)+1,1))-1)+IF('Standard Profiles'!$G$22=$B$10,7,0)+IF('Standard Profiles'!$G$22=$B$17,14,0)+IF('Standard Profiles'!$G$22=$B$24,21,0),0)),0)</f>
        <v>0</v>
      </c>
      <c r="I3380">
        <f t="shared" si="384"/>
        <v>0.16146994345176088</v>
      </c>
      <c r="J3380">
        <f t="shared" si="385"/>
        <v>0.53823314483920304</v>
      </c>
      <c r="K3380">
        <f t="shared" si="386"/>
        <v>0.80734971725880456</v>
      </c>
      <c r="L3380">
        <f t="shared" si="387"/>
        <v>11.986189153269409</v>
      </c>
      <c r="M3380">
        <f t="shared" si="388"/>
        <v>0</v>
      </c>
      <c r="N3380" s="46">
        <f t="shared" si="389"/>
        <v>45431.416666658552</v>
      </c>
    </row>
    <row r="3381" spans="2:14" x14ac:dyDescent="0.3">
      <c r="B3381">
        <f t="shared" si="383"/>
        <v>7</v>
      </c>
      <c r="C3381" s="16">
        <v>3347</v>
      </c>
      <c r="D3381" cm="1">
        <f t="array" ref="D3381">IFERROR(INDEX(Jesper!AH$2:AH$366,ROUNDDOWN($C3381/24,0)+1,1)*INDEX($D$3:$AA$30,INDEX(Jesper!$R$2:$R$366,ROW(INDEX(Jesper!AH$2:AH$366,ROUNDDOWN($C3381/24,0)+1,1))-1)+IF('Standard Profiles'!$G$18=$B$10,7,0)+IF('Standard Profiles'!$G$18=$B$17,14,0)+IF('Standard Profiles'!$G$18=$B$24,21,0),MOD($C3381,24)+1)/SUM(INDEX($D$3:$AA$30,INDEX(Jesper!$R$2:$R$366,ROW(INDEX(Jesper!AH$2:AH$366,ROUNDDOWN($C3381/24,0)+1,1))-1)+IF('Standard Profiles'!$G$18=$B$10,7,0)+IF('Standard Profiles'!$G$18=$B$17,14,0)+IF('Standard Profiles'!$G$18=$B$24,21,0),0)),0)</f>
        <v>11.700925586504631</v>
      </c>
      <c r="E3381" cm="1">
        <f t="array" ref="E3381">IFERROR(INDEX(Jesper!AI$2:AI$366,ROUNDDOWN($C3381/24,0)+1,1)*INDEX($D$3:$AA$30,INDEX(Jesper!$R$2:$R$366,ROW(INDEX(Jesper!AI$2:AI$366,ROUNDDOWN($C3381/24,0)+1,1))-1)+IF('Standard Profiles'!$G$19=$B$10,7,0)+IF('Standard Profiles'!$G$19=$B$17,14,0)+IF('Standard Profiles'!$G$19=$B$24,21,0),MOD($C3381,24)+1)/SUM(INDEX($D$3:$AA$30,INDEX(Jesper!$R$2:$R$366,ROW(INDEX(Jesper!AI$2:AI$366,ROUNDDOWN($C3381/24,0)+1,1))-1)+IF('Standard Profiles'!$G$19=$B$10,7,0)+IF('Standard Profiles'!$G$19=$B$17,14,0)+IF('Standard Profiles'!$G$19=$B$24,21,0),0)),0)</f>
        <v>1.7923163723145454</v>
      </c>
      <c r="F3381" cm="1">
        <f t="array" ref="F3381">IFERROR(INDEX(Jesper!AJ$2:AJ$366,ROUNDDOWN($C3381/24,0)+1,1)*INDEX($D$3:$AA$30,INDEX(Jesper!$R$2:$R$366,ROW(INDEX(Jesper!AJ$2:AJ$366,ROUNDDOWN($C3381/24,0)+1,1))-1)+IF('Standard Profiles'!$G$20=$B$10,7,0)+IF('Standard Profiles'!$G$20=$B$17,14,0)+IF('Standard Profiles'!$G$20=$B$24,21,0),MOD($C3381,24)+1)/SUM(INDEX($D$3:$AA$30,INDEX(Jesper!$R$2:$R$366,ROW(INDEX(Jesper!AJ$2:AJ$366,ROUNDDOWN($C3381/24,0)+1,1))-1)+IF('Standard Profiles'!$G$20=$B$10,7,0)+IF('Standard Profiles'!$G$20=$B$17,14,0)+IF('Standard Profiles'!$G$20=$B$24,21,0),0)),0)</f>
        <v>0</v>
      </c>
      <c r="G3381" cm="1">
        <f t="array" ref="G3381">IFERROR(INDEX(Jesper!AK$2:AK$366,ROUNDDOWN($C3381/24,0)+1,1)*INDEX($D$3:$AA$30,INDEX(Jesper!$R$2:$R$366,ROW(INDEX(Jesper!AK$2:AK$366,ROUNDDOWN($C3381/24,0)+1,1))-1)+IF('Standard Profiles'!$G$21=$B$10,7,0)+IF('Standard Profiles'!$G$21=$B$17,14,0)+IF('Standard Profiles'!$G$21=$B$24,21,0),MOD($C3381,24)+1)/SUM(INDEX($D$3:$AA$30,INDEX(Jesper!$R$2:$R$366,ROW(INDEX(Jesper!AK$2:AK$366,ROUNDDOWN($C3381/24,0)+1,1))-1)+IF('Standard Profiles'!$G$21=$B$10,7,0)+IF('Standard Profiles'!$G$21=$B$17,14,0)+IF('Standard Profiles'!$G$21=$B$24,21,0),0)),0)</f>
        <v>0</v>
      </c>
      <c r="H3381" cm="1">
        <f t="array" ref="H3381">IFERROR(INDEX(Jesper!AL$2:AL$366,ROUNDDOWN($C3381/24,0)+1,1)*INDEX($D$3:$AA$30,INDEX(Jesper!$R$2:$R$366,ROW(INDEX(Jesper!AL$2:AL$366,ROUNDDOWN($C3381/24,0)+1,1))-1)+IF('Standard Profiles'!$G$22=$B$10,7,0)+IF('Standard Profiles'!$G$22=$B$17,14,0)+IF('Standard Profiles'!$G$22=$B$24,21,0),MOD($C3381,24)+1)/SUM(INDEX($D$3:$AA$30,INDEX(Jesper!$R$2:$R$366,ROW(INDEX(Jesper!AL$2:AL$366,ROUNDDOWN($C3381/24,0)+1,1))-1)+IF('Standard Profiles'!$G$22=$B$10,7,0)+IF('Standard Profiles'!$G$22=$B$17,14,0)+IF('Standard Profiles'!$G$22=$B$24,21,0),0)),0)</f>
        <v>0</v>
      </c>
      <c r="I3381">
        <f t="shared" si="384"/>
        <v>0.16146994345176088</v>
      </c>
      <c r="J3381">
        <f t="shared" si="385"/>
        <v>0.53823314483920304</v>
      </c>
      <c r="K3381">
        <f t="shared" si="386"/>
        <v>0.80734971725880456</v>
      </c>
      <c r="L3381">
        <f t="shared" si="387"/>
        <v>11.986189153269409</v>
      </c>
      <c r="M3381">
        <f t="shared" si="388"/>
        <v>0</v>
      </c>
      <c r="N3381" s="46">
        <f t="shared" si="389"/>
        <v>45431.458333325216</v>
      </c>
    </row>
    <row r="3382" spans="2:14" x14ac:dyDescent="0.3">
      <c r="B3382">
        <f t="shared" si="383"/>
        <v>7</v>
      </c>
      <c r="C3382" s="16">
        <v>3348</v>
      </c>
      <c r="D3382" cm="1">
        <f t="array" ref="D3382">IFERROR(INDEX(Jesper!AH$2:AH$366,ROUNDDOWN($C3382/24,0)+1,1)*INDEX($D$3:$AA$30,INDEX(Jesper!$R$2:$R$366,ROW(INDEX(Jesper!AH$2:AH$366,ROUNDDOWN($C3382/24,0)+1,1))-1)+IF('Standard Profiles'!$G$18=$B$10,7,0)+IF('Standard Profiles'!$G$18=$B$17,14,0)+IF('Standard Profiles'!$G$18=$B$24,21,0),MOD($C3382,24)+1)/SUM(INDEX($D$3:$AA$30,INDEX(Jesper!$R$2:$R$366,ROW(INDEX(Jesper!AH$2:AH$366,ROUNDDOWN($C3382/24,0)+1,1))-1)+IF('Standard Profiles'!$G$18=$B$10,7,0)+IF('Standard Profiles'!$G$18=$B$17,14,0)+IF('Standard Profiles'!$G$18=$B$24,21,0),0)),0)</f>
        <v>11.700925586504631</v>
      </c>
      <c r="E3382" cm="1">
        <f t="array" ref="E3382">IFERROR(INDEX(Jesper!AI$2:AI$366,ROUNDDOWN($C3382/24,0)+1,1)*INDEX($D$3:$AA$30,INDEX(Jesper!$R$2:$R$366,ROW(INDEX(Jesper!AI$2:AI$366,ROUNDDOWN($C3382/24,0)+1,1))-1)+IF('Standard Profiles'!$G$19=$B$10,7,0)+IF('Standard Profiles'!$G$19=$B$17,14,0)+IF('Standard Profiles'!$G$19=$B$24,21,0),MOD($C3382,24)+1)/SUM(INDEX($D$3:$AA$30,INDEX(Jesper!$R$2:$R$366,ROW(INDEX(Jesper!AI$2:AI$366,ROUNDDOWN($C3382/24,0)+1,1))-1)+IF('Standard Profiles'!$G$19=$B$10,7,0)+IF('Standard Profiles'!$G$19=$B$17,14,0)+IF('Standard Profiles'!$G$19=$B$24,21,0),0)),0)</f>
        <v>1.7923163723145454</v>
      </c>
      <c r="F3382" cm="1">
        <f t="array" ref="F3382">IFERROR(INDEX(Jesper!AJ$2:AJ$366,ROUNDDOWN($C3382/24,0)+1,1)*INDEX($D$3:$AA$30,INDEX(Jesper!$R$2:$R$366,ROW(INDEX(Jesper!AJ$2:AJ$366,ROUNDDOWN($C3382/24,0)+1,1))-1)+IF('Standard Profiles'!$G$20=$B$10,7,0)+IF('Standard Profiles'!$G$20=$B$17,14,0)+IF('Standard Profiles'!$G$20=$B$24,21,0),MOD($C3382,24)+1)/SUM(INDEX($D$3:$AA$30,INDEX(Jesper!$R$2:$R$366,ROW(INDEX(Jesper!AJ$2:AJ$366,ROUNDDOWN($C3382/24,0)+1,1))-1)+IF('Standard Profiles'!$G$20=$B$10,7,0)+IF('Standard Profiles'!$G$20=$B$17,14,0)+IF('Standard Profiles'!$G$20=$B$24,21,0),0)),0)</f>
        <v>0</v>
      </c>
      <c r="G3382" cm="1">
        <f t="array" ref="G3382">IFERROR(INDEX(Jesper!AK$2:AK$366,ROUNDDOWN($C3382/24,0)+1,1)*INDEX($D$3:$AA$30,INDEX(Jesper!$R$2:$R$366,ROW(INDEX(Jesper!AK$2:AK$366,ROUNDDOWN($C3382/24,0)+1,1))-1)+IF('Standard Profiles'!$G$21=$B$10,7,0)+IF('Standard Profiles'!$G$21=$B$17,14,0)+IF('Standard Profiles'!$G$21=$B$24,21,0),MOD($C3382,24)+1)/SUM(INDEX($D$3:$AA$30,INDEX(Jesper!$R$2:$R$366,ROW(INDEX(Jesper!AK$2:AK$366,ROUNDDOWN($C3382/24,0)+1,1))-1)+IF('Standard Profiles'!$G$21=$B$10,7,0)+IF('Standard Profiles'!$G$21=$B$17,14,0)+IF('Standard Profiles'!$G$21=$B$24,21,0),0)),0)</f>
        <v>0</v>
      </c>
      <c r="H3382" cm="1">
        <f t="array" ref="H3382">IFERROR(INDEX(Jesper!AL$2:AL$366,ROUNDDOWN($C3382/24,0)+1,1)*INDEX($D$3:$AA$30,INDEX(Jesper!$R$2:$R$366,ROW(INDEX(Jesper!AL$2:AL$366,ROUNDDOWN($C3382/24,0)+1,1))-1)+IF('Standard Profiles'!$G$22=$B$10,7,0)+IF('Standard Profiles'!$G$22=$B$17,14,0)+IF('Standard Profiles'!$G$22=$B$24,21,0),MOD($C3382,24)+1)/SUM(INDEX($D$3:$AA$30,INDEX(Jesper!$R$2:$R$366,ROW(INDEX(Jesper!AL$2:AL$366,ROUNDDOWN($C3382/24,0)+1,1))-1)+IF('Standard Profiles'!$G$22=$B$10,7,0)+IF('Standard Profiles'!$G$22=$B$17,14,0)+IF('Standard Profiles'!$G$22=$B$24,21,0),0)),0)</f>
        <v>0</v>
      </c>
      <c r="I3382">
        <f t="shared" si="384"/>
        <v>0.16146994345176088</v>
      </c>
      <c r="J3382">
        <f t="shared" si="385"/>
        <v>0.53823314483920304</v>
      </c>
      <c r="K3382">
        <f t="shared" si="386"/>
        <v>0.80734971725880456</v>
      </c>
      <c r="L3382">
        <f t="shared" si="387"/>
        <v>11.986189153269409</v>
      </c>
      <c r="M3382">
        <f t="shared" si="388"/>
        <v>0</v>
      </c>
      <c r="N3382" s="46">
        <f t="shared" si="389"/>
        <v>45431.49999999188</v>
      </c>
    </row>
    <row r="3383" spans="2:14" x14ac:dyDescent="0.3">
      <c r="B3383">
        <f t="shared" si="383"/>
        <v>7</v>
      </c>
      <c r="C3383" s="16">
        <v>3349</v>
      </c>
      <c r="D3383" cm="1">
        <f t="array" ref="D3383">IFERROR(INDEX(Jesper!AH$2:AH$366,ROUNDDOWN($C3383/24,0)+1,1)*INDEX($D$3:$AA$30,INDEX(Jesper!$R$2:$R$366,ROW(INDEX(Jesper!AH$2:AH$366,ROUNDDOWN($C3383/24,0)+1,1))-1)+IF('Standard Profiles'!$G$18=$B$10,7,0)+IF('Standard Profiles'!$G$18=$B$17,14,0)+IF('Standard Profiles'!$G$18=$B$24,21,0),MOD($C3383,24)+1)/SUM(INDEX($D$3:$AA$30,INDEX(Jesper!$R$2:$R$366,ROW(INDEX(Jesper!AH$2:AH$366,ROUNDDOWN($C3383/24,0)+1,1))-1)+IF('Standard Profiles'!$G$18=$B$10,7,0)+IF('Standard Profiles'!$G$18=$B$17,14,0)+IF('Standard Profiles'!$G$18=$B$24,21,0),0)),0)</f>
        <v>11.700925586504631</v>
      </c>
      <c r="E3383" cm="1">
        <f t="array" ref="E3383">IFERROR(INDEX(Jesper!AI$2:AI$366,ROUNDDOWN($C3383/24,0)+1,1)*INDEX($D$3:$AA$30,INDEX(Jesper!$R$2:$R$366,ROW(INDEX(Jesper!AI$2:AI$366,ROUNDDOWN($C3383/24,0)+1,1))-1)+IF('Standard Profiles'!$G$19=$B$10,7,0)+IF('Standard Profiles'!$G$19=$B$17,14,0)+IF('Standard Profiles'!$G$19=$B$24,21,0),MOD($C3383,24)+1)/SUM(INDEX($D$3:$AA$30,INDEX(Jesper!$R$2:$R$366,ROW(INDEX(Jesper!AI$2:AI$366,ROUNDDOWN($C3383/24,0)+1,1))-1)+IF('Standard Profiles'!$G$19=$B$10,7,0)+IF('Standard Profiles'!$G$19=$B$17,14,0)+IF('Standard Profiles'!$G$19=$B$24,21,0),0)),0)</f>
        <v>1.7923163723145454</v>
      </c>
      <c r="F3383" cm="1">
        <f t="array" ref="F3383">IFERROR(INDEX(Jesper!AJ$2:AJ$366,ROUNDDOWN($C3383/24,0)+1,1)*INDEX($D$3:$AA$30,INDEX(Jesper!$R$2:$R$366,ROW(INDEX(Jesper!AJ$2:AJ$366,ROUNDDOWN($C3383/24,0)+1,1))-1)+IF('Standard Profiles'!$G$20=$B$10,7,0)+IF('Standard Profiles'!$G$20=$B$17,14,0)+IF('Standard Profiles'!$G$20=$B$24,21,0),MOD($C3383,24)+1)/SUM(INDEX($D$3:$AA$30,INDEX(Jesper!$R$2:$R$366,ROW(INDEX(Jesper!AJ$2:AJ$366,ROUNDDOWN($C3383/24,0)+1,1))-1)+IF('Standard Profiles'!$G$20=$B$10,7,0)+IF('Standard Profiles'!$G$20=$B$17,14,0)+IF('Standard Profiles'!$G$20=$B$24,21,0),0)),0)</f>
        <v>0</v>
      </c>
      <c r="G3383" cm="1">
        <f t="array" ref="G3383">IFERROR(INDEX(Jesper!AK$2:AK$366,ROUNDDOWN($C3383/24,0)+1,1)*INDEX($D$3:$AA$30,INDEX(Jesper!$R$2:$R$366,ROW(INDEX(Jesper!AK$2:AK$366,ROUNDDOWN($C3383/24,0)+1,1))-1)+IF('Standard Profiles'!$G$21=$B$10,7,0)+IF('Standard Profiles'!$G$21=$B$17,14,0)+IF('Standard Profiles'!$G$21=$B$24,21,0),MOD($C3383,24)+1)/SUM(INDEX($D$3:$AA$30,INDEX(Jesper!$R$2:$R$366,ROW(INDEX(Jesper!AK$2:AK$366,ROUNDDOWN($C3383/24,0)+1,1))-1)+IF('Standard Profiles'!$G$21=$B$10,7,0)+IF('Standard Profiles'!$G$21=$B$17,14,0)+IF('Standard Profiles'!$G$21=$B$24,21,0),0)),0)</f>
        <v>0</v>
      </c>
      <c r="H3383" cm="1">
        <f t="array" ref="H3383">IFERROR(INDEX(Jesper!AL$2:AL$366,ROUNDDOWN($C3383/24,0)+1,1)*INDEX($D$3:$AA$30,INDEX(Jesper!$R$2:$R$366,ROW(INDEX(Jesper!AL$2:AL$366,ROUNDDOWN($C3383/24,0)+1,1))-1)+IF('Standard Profiles'!$G$22=$B$10,7,0)+IF('Standard Profiles'!$G$22=$B$17,14,0)+IF('Standard Profiles'!$G$22=$B$24,21,0),MOD($C3383,24)+1)/SUM(INDEX($D$3:$AA$30,INDEX(Jesper!$R$2:$R$366,ROW(INDEX(Jesper!AL$2:AL$366,ROUNDDOWN($C3383/24,0)+1,1))-1)+IF('Standard Profiles'!$G$22=$B$10,7,0)+IF('Standard Profiles'!$G$22=$B$17,14,0)+IF('Standard Profiles'!$G$22=$B$24,21,0),0)),0)</f>
        <v>0</v>
      </c>
      <c r="I3383">
        <f t="shared" si="384"/>
        <v>0.16146994345176088</v>
      </c>
      <c r="J3383">
        <f t="shared" si="385"/>
        <v>0.53823314483920304</v>
      </c>
      <c r="K3383">
        <f t="shared" si="386"/>
        <v>0.80734971725880456</v>
      </c>
      <c r="L3383">
        <f t="shared" si="387"/>
        <v>11.986189153269409</v>
      </c>
      <c r="M3383">
        <f t="shared" si="388"/>
        <v>0</v>
      </c>
      <c r="N3383" s="46">
        <f t="shared" si="389"/>
        <v>45431.541666658544</v>
      </c>
    </row>
    <row r="3384" spans="2:14" x14ac:dyDescent="0.3">
      <c r="B3384">
        <f t="shared" si="383"/>
        <v>7</v>
      </c>
      <c r="C3384" s="16">
        <v>3350</v>
      </c>
      <c r="D3384" cm="1">
        <f t="array" ref="D3384">IFERROR(INDEX(Jesper!AH$2:AH$366,ROUNDDOWN($C3384/24,0)+1,1)*INDEX($D$3:$AA$30,INDEX(Jesper!$R$2:$R$366,ROW(INDEX(Jesper!AH$2:AH$366,ROUNDDOWN($C3384/24,0)+1,1))-1)+IF('Standard Profiles'!$G$18=$B$10,7,0)+IF('Standard Profiles'!$G$18=$B$17,14,0)+IF('Standard Profiles'!$G$18=$B$24,21,0),MOD($C3384,24)+1)/SUM(INDEX($D$3:$AA$30,INDEX(Jesper!$R$2:$R$366,ROW(INDEX(Jesper!AH$2:AH$366,ROUNDDOWN($C3384/24,0)+1,1))-1)+IF('Standard Profiles'!$G$18=$B$10,7,0)+IF('Standard Profiles'!$G$18=$B$17,14,0)+IF('Standard Profiles'!$G$18=$B$24,21,0),0)),0)</f>
        <v>11.700925586504631</v>
      </c>
      <c r="E3384" cm="1">
        <f t="array" ref="E3384">IFERROR(INDEX(Jesper!AI$2:AI$366,ROUNDDOWN($C3384/24,0)+1,1)*INDEX($D$3:$AA$30,INDEX(Jesper!$R$2:$R$366,ROW(INDEX(Jesper!AI$2:AI$366,ROUNDDOWN($C3384/24,0)+1,1))-1)+IF('Standard Profiles'!$G$19=$B$10,7,0)+IF('Standard Profiles'!$G$19=$B$17,14,0)+IF('Standard Profiles'!$G$19=$B$24,21,0),MOD($C3384,24)+1)/SUM(INDEX($D$3:$AA$30,INDEX(Jesper!$R$2:$R$366,ROW(INDEX(Jesper!AI$2:AI$366,ROUNDDOWN($C3384/24,0)+1,1))-1)+IF('Standard Profiles'!$G$19=$B$10,7,0)+IF('Standard Profiles'!$G$19=$B$17,14,0)+IF('Standard Profiles'!$G$19=$B$24,21,0),0)),0)</f>
        <v>1.7923163723145454</v>
      </c>
      <c r="F3384" cm="1">
        <f t="array" ref="F3384">IFERROR(INDEX(Jesper!AJ$2:AJ$366,ROUNDDOWN($C3384/24,0)+1,1)*INDEX($D$3:$AA$30,INDEX(Jesper!$R$2:$R$366,ROW(INDEX(Jesper!AJ$2:AJ$366,ROUNDDOWN($C3384/24,0)+1,1))-1)+IF('Standard Profiles'!$G$20=$B$10,7,0)+IF('Standard Profiles'!$G$20=$B$17,14,0)+IF('Standard Profiles'!$G$20=$B$24,21,0),MOD($C3384,24)+1)/SUM(INDEX($D$3:$AA$30,INDEX(Jesper!$R$2:$R$366,ROW(INDEX(Jesper!AJ$2:AJ$366,ROUNDDOWN($C3384/24,0)+1,1))-1)+IF('Standard Profiles'!$G$20=$B$10,7,0)+IF('Standard Profiles'!$G$20=$B$17,14,0)+IF('Standard Profiles'!$G$20=$B$24,21,0),0)),0)</f>
        <v>0</v>
      </c>
      <c r="G3384" cm="1">
        <f t="array" ref="G3384">IFERROR(INDEX(Jesper!AK$2:AK$366,ROUNDDOWN($C3384/24,0)+1,1)*INDEX($D$3:$AA$30,INDEX(Jesper!$R$2:$R$366,ROW(INDEX(Jesper!AK$2:AK$366,ROUNDDOWN($C3384/24,0)+1,1))-1)+IF('Standard Profiles'!$G$21=$B$10,7,0)+IF('Standard Profiles'!$G$21=$B$17,14,0)+IF('Standard Profiles'!$G$21=$B$24,21,0),MOD($C3384,24)+1)/SUM(INDEX($D$3:$AA$30,INDEX(Jesper!$R$2:$R$366,ROW(INDEX(Jesper!AK$2:AK$366,ROUNDDOWN($C3384/24,0)+1,1))-1)+IF('Standard Profiles'!$G$21=$B$10,7,0)+IF('Standard Profiles'!$G$21=$B$17,14,0)+IF('Standard Profiles'!$G$21=$B$24,21,0),0)),0)</f>
        <v>0</v>
      </c>
      <c r="H3384" cm="1">
        <f t="array" ref="H3384">IFERROR(INDEX(Jesper!AL$2:AL$366,ROUNDDOWN($C3384/24,0)+1,1)*INDEX($D$3:$AA$30,INDEX(Jesper!$R$2:$R$366,ROW(INDEX(Jesper!AL$2:AL$366,ROUNDDOWN($C3384/24,0)+1,1))-1)+IF('Standard Profiles'!$G$22=$B$10,7,0)+IF('Standard Profiles'!$G$22=$B$17,14,0)+IF('Standard Profiles'!$G$22=$B$24,21,0),MOD($C3384,24)+1)/SUM(INDEX($D$3:$AA$30,INDEX(Jesper!$R$2:$R$366,ROW(INDEX(Jesper!AL$2:AL$366,ROUNDDOWN($C3384/24,0)+1,1))-1)+IF('Standard Profiles'!$G$22=$B$10,7,0)+IF('Standard Profiles'!$G$22=$B$17,14,0)+IF('Standard Profiles'!$G$22=$B$24,21,0),0)),0)</f>
        <v>0</v>
      </c>
      <c r="I3384">
        <f t="shared" si="384"/>
        <v>0.16146994345176088</v>
      </c>
      <c r="J3384">
        <f t="shared" si="385"/>
        <v>0.53823314483920304</v>
      </c>
      <c r="K3384">
        <f t="shared" si="386"/>
        <v>0.80734971725880456</v>
      </c>
      <c r="L3384">
        <f t="shared" si="387"/>
        <v>11.986189153269409</v>
      </c>
      <c r="M3384">
        <f t="shared" si="388"/>
        <v>0</v>
      </c>
      <c r="N3384" s="46">
        <f t="shared" si="389"/>
        <v>45431.583333325209</v>
      </c>
    </row>
    <row r="3385" spans="2:14" x14ac:dyDescent="0.3">
      <c r="B3385">
        <f t="shared" si="383"/>
        <v>7</v>
      </c>
      <c r="C3385" s="16">
        <v>3351</v>
      </c>
      <c r="D3385" cm="1">
        <f t="array" ref="D3385">IFERROR(INDEX(Jesper!AH$2:AH$366,ROUNDDOWN($C3385/24,0)+1,1)*INDEX($D$3:$AA$30,INDEX(Jesper!$R$2:$R$366,ROW(INDEX(Jesper!AH$2:AH$366,ROUNDDOWN($C3385/24,0)+1,1))-1)+IF('Standard Profiles'!$G$18=$B$10,7,0)+IF('Standard Profiles'!$G$18=$B$17,14,0)+IF('Standard Profiles'!$G$18=$B$24,21,0),MOD($C3385,24)+1)/SUM(INDEX($D$3:$AA$30,INDEX(Jesper!$R$2:$R$366,ROW(INDEX(Jesper!AH$2:AH$366,ROUNDDOWN($C3385/24,0)+1,1))-1)+IF('Standard Profiles'!$G$18=$B$10,7,0)+IF('Standard Profiles'!$G$18=$B$17,14,0)+IF('Standard Profiles'!$G$18=$B$24,21,0),0)),0)</f>
        <v>10.400822743559672</v>
      </c>
      <c r="E3385" cm="1">
        <f t="array" ref="E3385">IFERROR(INDEX(Jesper!AI$2:AI$366,ROUNDDOWN($C3385/24,0)+1,1)*INDEX($D$3:$AA$30,INDEX(Jesper!$R$2:$R$366,ROW(INDEX(Jesper!AI$2:AI$366,ROUNDDOWN($C3385/24,0)+1,1))-1)+IF('Standard Profiles'!$G$19=$B$10,7,0)+IF('Standard Profiles'!$G$19=$B$17,14,0)+IF('Standard Profiles'!$G$19=$B$24,21,0),MOD($C3385,24)+1)/SUM(INDEX($D$3:$AA$30,INDEX(Jesper!$R$2:$R$366,ROW(INDEX(Jesper!AI$2:AI$366,ROUNDDOWN($C3385/24,0)+1,1))-1)+IF('Standard Profiles'!$G$19=$B$10,7,0)+IF('Standard Profiles'!$G$19=$B$17,14,0)+IF('Standard Profiles'!$G$19=$B$24,21,0),0)),0)</f>
        <v>1.5931701087240404</v>
      </c>
      <c r="F3385" cm="1">
        <f t="array" ref="F3385">IFERROR(INDEX(Jesper!AJ$2:AJ$366,ROUNDDOWN($C3385/24,0)+1,1)*INDEX($D$3:$AA$30,INDEX(Jesper!$R$2:$R$366,ROW(INDEX(Jesper!AJ$2:AJ$366,ROUNDDOWN($C3385/24,0)+1,1))-1)+IF('Standard Profiles'!$G$20=$B$10,7,0)+IF('Standard Profiles'!$G$20=$B$17,14,0)+IF('Standard Profiles'!$G$20=$B$24,21,0),MOD($C3385,24)+1)/SUM(INDEX($D$3:$AA$30,INDEX(Jesper!$R$2:$R$366,ROW(INDEX(Jesper!AJ$2:AJ$366,ROUNDDOWN($C3385/24,0)+1,1))-1)+IF('Standard Profiles'!$G$20=$B$10,7,0)+IF('Standard Profiles'!$G$20=$B$17,14,0)+IF('Standard Profiles'!$G$20=$B$24,21,0),0)),0)</f>
        <v>0</v>
      </c>
      <c r="G3385" cm="1">
        <f t="array" ref="G3385">IFERROR(INDEX(Jesper!AK$2:AK$366,ROUNDDOWN($C3385/24,0)+1,1)*INDEX($D$3:$AA$30,INDEX(Jesper!$R$2:$R$366,ROW(INDEX(Jesper!AK$2:AK$366,ROUNDDOWN($C3385/24,0)+1,1))-1)+IF('Standard Profiles'!$G$21=$B$10,7,0)+IF('Standard Profiles'!$G$21=$B$17,14,0)+IF('Standard Profiles'!$G$21=$B$24,21,0),MOD($C3385,24)+1)/SUM(INDEX($D$3:$AA$30,INDEX(Jesper!$R$2:$R$366,ROW(INDEX(Jesper!AK$2:AK$366,ROUNDDOWN($C3385/24,0)+1,1))-1)+IF('Standard Profiles'!$G$21=$B$10,7,0)+IF('Standard Profiles'!$G$21=$B$17,14,0)+IF('Standard Profiles'!$G$21=$B$24,21,0),0)),0)</f>
        <v>0</v>
      </c>
      <c r="H3385" cm="1">
        <f t="array" ref="H3385">IFERROR(INDEX(Jesper!AL$2:AL$366,ROUNDDOWN($C3385/24,0)+1,1)*INDEX($D$3:$AA$30,INDEX(Jesper!$R$2:$R$366,ROW(INDEX(Jesper!AL$2:AL$366,ROUNDDOWN($C3385/24,0)+1,1))-1)+IF('Standard Profiles'!$G$22=$B$10,7,0)+IF('Standard Profiles'!$G$22=$B$17,14,0)+IF('Standard Profiles'!$G$22=$B$24,21,0),MOD($C3385,24)+1)/SUM(INDEX($D$3:$AA$30,INDEX(Jesper!$R$2:$R$366,ROW(INDEX(Jesper!AL$2:AL$366,ROUNDDOWN($C3385/24,0)+1,1))-1)+IF('Standard Profiles'!$G$22=$B$10,7,0)+IF('Standard Profiles'!$G$22=$B$17,14,0)+IF('Standard Profiles'!$G$22=$B$24,21,0),0)),0)</f>
        <v>0</v>
      </c>
      <c r="I3385">
        <f t="shared" si="384"/>
        <v>0.14352883862378746</v>
      </c>
      <c r="J3385">
        <f t="shared" si="385"/>
        <v>0.4784294620792916</v>
      </c>
      <c r="K3385">
        <f t="shared" si="386"/>
        <v>0.71764419311893735</v>
      </c>
      <c r="L3385">
        <f t="shared" si="387"/>
        <v>10.654390358461697</v>
      </c>
      <c r="M3385">
        <f t="shared" si="388"/>
        <v>0</v>
      </c>
      <c r="N3385" s="46">
        <f t="shared" si="389"/>
        <v>45431.624999991873</v>
      </c>
    </row>
    <row r="3386" spans="2:14" x14ac:dyDescent="0.3">
      <c r="B3386">
        <f t="shared" si="383"/>
        <v>7</v>
      </c>
      <c r="C3386" s="16">
        <v>3352</v>
      </c>
      <c r="D3386" cm="1">
        <f t="array" ref="D3386">IFERROR(INDEX(Jesper!AH$2:AH$366,ROUNDDOWN($C3386/24,0)+1,1)*INDEX($D$3:$AA$30,INDEX(Jesper!$R$2:$R$366,ROW(INDEX(Jesper!AH$2:AH$366,ROUNDDOWN($C3386/24,0)+1,1))-1)+IF('Standard Profiles'!$G$18=$B$10,7,0)+IF('Standard Profiles'!$G$18=$B$17,14,0)+IF('Standard Profiles'!$G$18=$B$24,21,0),MOD($C3386,24)+1)/SUM(INDEX($D$3:$AA$30,INDEX(Jesper!$R$2:$R$366,ROW(INDEX(Jesper!AH$2:AH$366,ROUNDDOWN($C3386/24,0)+1,1))-1)+IF('Standard Profiles'!$G$18=$B$10,7,0)+IF('Standard Profiles'!$G$18=$B$17,14,0)+IF('Standard Profiles'!$G$18=$B$24,21,0),0)),0)</f>
        <v>10.215093765996107</v>
      </c>
      <c r="E3386" cm="1">
        <f t="array" ref="E3386">IFERROR(INDEX(Jesper!AI$2:AI$366,ROUNDDOWN($C3386/24,0)+1,1)*INDEX($D$3:$AA$30,INDEX(Jesper!$R$2:$R$366,ROW(INDEX(Jesper!AI$2:AI$366,ROUNDDOWN($C3386/24,0)+1,1))-1)+IF('Standard Profiles'!$G$19=$B$10,7,0)+IF('Standard Profiles'!$G$19=$B$17,14,0)+IF('Standard Profiles'!$G$19=$B$24,21,0),MOD($C3386,24)+1)/SUM(INDEX($D$3:$AA$30,INDEX(Jesper!$R$2:$R$366,ROW(INDEX(Jesper!AI$2:AI$366,ROUNDDOWN($C3386/24,0)+1,1))-1)+IF('Standard Profiles'!$G$19=$B$10,7,0)+IF('Standard Profiles'!$G$19=$B$17,14,0)+IF('Standard Profiles'!$G$19=$B$24,21,0),0)),0)</f>
        <v>1.5647206424968252</v>
      </c>
      <c r="F3386" cm="1">
        <f t="array" ref="F3386">IFERROR(INDEX(Jesper!AJ$2:AJ$366,ROUNDDOWN($C3386/24,0)+1,1)*INDEX($D$3:$AA$30,INDEX(Jesper!$R$2:$R$366,ROW(INDEX(Jesper!AJ$2:AJ$366,ROUNDDOWN($C3386/24,0)+1,1))-1)+IF('Standard Profiles'!$G$20=$B$10,7,0)+IF('Standard Profiles'!$G$20=$B$17,14,0)+IF('Standard Profiles'!$G$20=$B$24,21,0),MOD($C3386,24)+1)/SUM(INDEX($D$3:$AA$30,INDEX(Jesper!$R$2:$R$366,ROW(INDEX(Jesper!AJ$2:AJ$366,ROUNDDOWN($C3386/24,0)+1,1))-1)+IF('Standard Profiles'!$G$20=$B$10,7,0)+IF('Standard Profiles'!$G$20=$B$17,14,0)+IF('Standard Profiles'!$G$20=$B$24,21,0),0)),0)</f>
        <v>0</v>
      </c>
      <c r="G3386" cm="1">
        <f t="array" ref="G3386">IFERROR(INDEX(Jesper!AK$2:AK$366,ROUNDDOWN($C3386/24,0)+1,1)*INDEX($D$3:$AA$30,INDEX(Jesper!$R$2:$R$366,ROW(INDEX(Jesper!AK$2:AK$366,ROUNDDOWN($C3386/24,0)+1,1))-1)+IF('Standard Profiles'!$G$21=$B$10,7,0)+IF('Standard Profiles'!$G$21=$B$17,14,0)+IF('Standard Profiles'!$G$21=$B$24,21,0),MOD($C3386,24)+1)/SUM(INDEX($D$3:$AA$30,INDEX(Jesper!$R$2:$R$366,ROW(INDEX(Jesper!AK$2:AK$366,ROUNDDOWN($C3386/24,0)+1,1))-1)+IF('Standard Profiles'!$G$21=$B$10,7,0)+IF('Standard Profiles'!$G$21=$B$17,14,0)+IF('Standard Profiles'!$G$21=$B$24,21,0),0)),0)</f>
        <v>0</v>
      </c>
      <c r="H3386" cm="1">
        <f t="array" ref="H3386">IFERROR(INDEX(Jesper!AL$2:AL$366,ROUNDDOWN($C3386/24,0)+1,1)*INDEX($D$3:$AA$30,INDEX(Jesper!$R$2:$R$366,ROW(INDEX(Jesper!AL$2:AL$366,ROUNDDOWN($C3386/24,0)+1,1))-1)+IF('Standard Profiles'!$G$22=$B$10,7,0)+IF('Standard Profiles'!$G$22=$B$17,14,0)+IF('Standard Profiles'!$G$22=$B$24,21,0),MOD($C3386,24)+1)/SUM(INDEX($D$3:$AA$30,INDEX(Jesper!$R$2:$R$366,ROW(INDEX(Jesper!AL$2:AL$366,ROUNDDOWN($C3386/24,0)+1,1))-1)+IF('Standard Profiles'!$G$22=$B$10,7,0)+IF('Standard Profiles'!$G$22=$B$17,14,0)+IF('Standard Profiles'!$G$22=$B$24,21,0),0)),0)</f>
        <v>0</v>
      </c>
      <c r="I3386">
        <f t="shared" si="384"/>
        <v>0.14096582364836266</v>
      </c>
      <c r="J3386">
        <f t="shared" si="385"/>
        <v>0.46988607882787559</v>
      </c>
      <c r="K3386">
        <f t="shared" si="386"/>
        <v>0.70482911824181338</v>
      </c>
      <c r="L3386">
        <f t="shared" si="387"/>
        <v>10.464133387774881</v>
      </c>
      <c r="M3386">
        <f t="shared" si="388"/>
        <v>0</v>
      </c>
      <c r="N3386" s="46">
        <f t="shared" si="389"/>
        <v>45431.666666658537</v>
      </c>
    </row>
    <row r="3387" spans="2:14" x14ac:dyDescent="0.3">
      <c r="B3387">
        <f t="shared" si="383"/>
        <v>7</v>
      </c>
      <c r="C3387" s="16">
        <v>3353</v>
      </c>
      <c r="D3387" cm="1">
        <f t="array" ref="D3387">IFERROR(INDEX(Jesper!AH$2:AH$366,ROUNDDOWN($C3387/24,0)+1,1)*INDEX($D$3:$AA$30,INDEX(Jesper!$R$2:$R$366,ROW(INDEX(Jesper!AH$2:AH$366,ROUNDDOWN($C3387/24,0)+1,1))-1)+IF('Standard Profiles'!$G$18=$B$10,7,0)+IF('Standard Profiles'!$G$18=$B$17,14,0)+IF('Standard Profiles'!$G$18=$B$24,21,0),MOD($C3387,24)+1)/SUM(INDEX($D$3:$AA$30,INDEX(Jesper!$R$2:$R$366,ROW(INDEX(Jesper!AH$2:AH$366,ROUNDDOWN($C3387/24,0)+1,1))-1)+IF('Standard Profiles'!$G$18=$B$10,7,0)+IF('Standard Profiles'!$G$18=$B$17,14,0)+IF('Standard Profiles'!$G$18=$B$24,21,0),0)),0)</f>
        <v>8.7292619454875826</v>
      </c>
      <c r="E3387" cm="1">
        <f t="array" ref="E3387">IFERROR(INDEX(Jesper!AI$2:AI$366,ROUNDDOWN($C3387/24,0)+1,1)*INDEX($D$3:$AA$30,INDEX(Jesper!$R$2:$R$366,ROW(INDEX(Jesper!AI$2:AI$366,ROUNDDOWN($C3387/24,0)+1,1))-1)+IF('Standard Profiles'!$G$19=$B$10,7,0)+IF('Standard Profiles'!$G$19=$B$17,14,0)+IF('Standard Profiles'!$G$19=$B$24,21,0),MOD($C3387,24)+1)/SUM(INDEX($D$3:$AA$30,INDEX(Jesper!$R$2:$R$366,ROW(INDEX(Jesper!AI$2:AI$366,ROUNDDOWN($C3387/24,0)+1,1))-1)+IF('Standard Profiles'!$G$19=$B$10,7,0)+IF('Standard Profiles'!$G$19=$B$17,14,0)+IF('Standard Profiles'!$G$19=$B$24,21,0),0)),0)</f>
        <v>1.3371249126791052</v>
      </c>
      <c r="F3387" cm="1">
        <f t="array" ref="F3387">IFERROR(INDEX(Jesper!AJ$2:AJ$366,ROUNDDOWN($C3387/24,0)+1,1)*INDEX($D$3:$AA$30,INDEX(Jesper!$R$2:$R$366,ROW(INDEX(Jesper!AJ$2:AJ$366,ROUNDDOWN($C3387/24,0)+1,1))-1)+IF('Standard Profiles'!$G$20=$B$10,7,0)+IF('Standard Profiles'!$G$20=$B$17,14,0)+IF('Standard Profiles'!$G$20=$B$24,21,0),MOD($C3387,24)+1)/SUM(INDEX($D$3:$AA$30,INDEX(Jesper!$R$2:$R$366,ROW(INDEX(Jesper!AJ$2:AJ$366,ROUNDDOWN($C3387/24,0)+1,1))-1)+IF('Standard Profiles'!$G$20=$B$10,7,0)+IF('Standard Profiles'!$G$20=$B$17,14,0)+IF('Standard Profiles'!$G$20=$B$24,21,0),0)),0)</f>
        <v>0</v>
      </c>
      <c r="G3387" cm="1">
        <f t="array" ref="G3387">IFERROR(INDEX(Jesper!AK$2:AK$366,ROUNDDOWN($C3387/24,0)+1,1)*INDEX($D$3:$AA$30,INDEX(Jesper!$R$2:$R$366,ROW(INDEX(Jesper!AK$2:AK$366,ROUNDDOWN($C3387/24,0)+1,1))-1)+IF('Standard Profiles'!$G$21=$B$10,7,0)+IF('Standard Profiles'!$G$21=$B$17,14,0)+IF('Standard Profiles'!$G$21=$B$24,21,0),MOD($C3387,24)+1)/SUM(INDEX($D$3:$AA$30,INDEX(Jesper!$R$2:$R$366,ROW(INDEX(Jesper!AK$2:AK$366,ROUNDDOWN($C3387/24,0)+1,1))-1)+IF('Standard Profiles'!$G$21=$B$10,7,0)+IF('Standard Profiles'!$G$21=$B$17,14,0)+IF('Standard Profiles'!$G$21=$B$24,21,0),0)),0)</f>
        <v>0</v>
      </c>
      <c r="H3387" cm="1">
        <f t="array" ref="H3387">IFERROR(INDEX(Jesper!AL$2:AL$366,ROUNDDOWN($C3387/24,0)+1,1)*INDEX($D$3:$AA$30,INDEX(Jesper!$R$2:$R$366,ROW(INDEX(Jesper!AL$2:AL$366,ROUNDDOWN($C3387/24,0)+1,1))-1)+IF('Standard Profiles'!$G$22=$B$10,7,0)+IF('Standard Profiles'!$G$22=$B$17,14,0)+IF('Standard Profiles'!$G$22=$B$24,21,0),MOD($C3387,24)+1)/SUM(INDEX($D$3:$AA$30,INDEX(Jesper!$R$2:$R$366,ROW(INDEX(Jesper!AL$2:AL$366,ROUNDDOWN($C3387/24,0)+1,1))-1)+IF('Standard Profiles'!$G$22=$B$10,7,0)+IF('Standard Profiles'!$G$22=$B$17,14,0)+IF('Standard Profiles'!$G$22=$B$24,21,0),0)),0)</f>
        <v>0</v>
      </c>
      <c r="I3387">
        <f t="shared" si="384"/>
        <v>0.12046170384496446</v>
      </c>
      <c r="J3387">
        <f t="shared" si="385"/>
        <v>0.40153901281654825</v>
      </c>
      <c r="K3387">
        <f t="shared" si="386"/>
        <v>0.60230851922482243</v>
      </c>
      <c r="L3387">
        <f t="shared" si="387"/>
        <v>8.9420776222803529</v>
      </c>
      <c r="M3387">
        <f t="shared" si="388"/>
        <v>0</v>
      </c>
      <c r="N3387" s="46">
        <f t="shared" si="389"/>
        <v>45431.708333325201</v>
      </c>
    </row>
    <row r="3388" spans="2:14" x14ac:dyDescent="0.3">
      <c r="B3388">
        <f t="shared" si="383"/>
        <v>7</v>
      </c>
      <c r="C3388" s="16">
        <v>3354</v>
      </c>
      <c r="D3388" cm="1">
        <f t="array" ref="D3388">IFERROR(INDEX(Jesper!AH$2:AH$366,ROUNDDOWN($C3388/24,0)+1,1)*INDEX($D$3:$AA$30,INDEX(Jesper!$R$2:$R$366,ROW(INDEX(Jesper!AH$2:AH$366,ROUNDDOWN($C3388/24,0)+1,1))-1)+IF('Standard Profiles'!$G$18=$B$10,7,0)+IF('Standard Profiles'!$G$18=$B$17,14,0)+IF('Standard Profiles'!$G$18=$B$24,21,0),MOD($C3388,24)+1)/SUM(INDEX($D$3:$AA$30,INDEX(Jesper!$R$2:$R$366,ROW(INDEX(Jesper!AH$2:AH$366,ROUNDDOWN($C3388/24,0)+1,1))-1)+IF('Standard Profiles'!$G$18=$B$10,7,0)+IF('Standard Profiles'!$G$18=$B$17,14,0)+IF('Standard Profiles'!$G$18=$B$24,21,0),0)),0)</f>
        <v>8.1720750127968866</v>
      </c>
      <c r="E3388" cm="1">
        <f t="array" ref="E3388">IFERROR(INDEX(Jesper!AI$2:AI$366,ROUNDDOWN($C3388/24,0)+1,1)*INDEX($D$3:$AA$30,INDEX(Jesper!$R$2:$R$366,ROW(INDEX(Jesper!AI$2:AI$366,ROUNDDOWN($C3388/24,0)+1,1))-1)+IF('Standard Profiles'!$G$19=$B$10,7,0)+IF('Standard Profiles'!$G$19=$B$17,14,0)+IF('Standard Profiles'!$G$19=$B$24,21,0),MOD($C3388,24)+1)/SUM(INDEX($D$3:$AA$30,INDEX(Jesper!$R$2:$R$366,ROW(INDEX(Jesper!AI$2:AI$366,ROUNDDOWN($C3388/24,0)+1,1))-1)+IF('Standard Profiles'!$G$19=$B$10,7,0)+IF('Standard Profiles'!$G$19=$B$17,14,0)+IF('Standard Profiles'!$G$19=$B$24,21,0),0)),0)</f>
        <v>1.2517765139974604</v>
      </c>
      <c r="F3388" cm="1">
        <f t="array" ref="F3388">IFERROR(INDEX(Jesper!AJ$2:AJ$366,ROUNDDOWN($C3388/24,0)+1,1)*INDEX($D$3:$AA$30,INDEX(Jesper!$R$2:$R$366,ROW(INDEX(Jesper!AJ$2:AJ$366,ROUNDDOWN($C3388/24,0)+1,1))-1)+IF('Standard Profiles'!$G$20=$B$10,7,0)+IF('Standard Profiles'!$G$20=$B$17,14,0)+IF('Standard Profiles'!$G$20=$B$24,21,0),MOD($C3388,24)+1)/SUM(INDEX($D$3:$AA$30,INDEX(Jesper!$R$2:$R$366,ROW(INDEX(Jesper!AJ$2:AJ$366,ROUNDDOWN($C3388/24,0)+1,1))-1)+IF('Standard Profiles'!$G$20=$B$10,7,0)+IF('Standard Profiles'!$G$20=$B$17,14,0)+IF('Standard Profiles'!$G$20=$B$24,21,0),0)),0)</f>
        <v>0</v>
      </c>
      <c r="G3388" cm="1">
        <f t="array" ref="G3388">IFERROR(INDEX(Jesper!AK$2:AK$366,ROUNDDOWN($C3388/24,0)+1,1)*INDEX($D$3:$AA$30,INDEX(Jesper!$R$2:$R$366,ROW(INDEX(Jesper!AK$2:AK$366,ROUNDDOWN($C3388/24,0)+1,1))-1)+IF('Standard Profiles'!$G$21=$B$10,7,0)+IF('Standard Profiles'!$G$21=$B$17,14,0)+IF('Standard Profiles'!$G$21=$B$24,21,0),MOD($C3388,24)+1)/SUM(INDEX($D$3:$AA$30,INDEX(Jesper!$R$2:$R$366,ROW(INDEX(Jesper!AK$2:AK$366,ROUNDDOWN($C3388/24,0)+1,1))-1)+IF('Standard Profiles'!$G$21=$B$10,7,0)+IF('Standard Profiles'!$G$21=$B$17,14,0)+IF('Standard Profiles'!$G$21=$B$24,21,0),0)),0)</f>
        <v>0</v>
      </c>
      <c r="H3388" cm="1">
        <f t="array" ref="H3388">IFERROR(INDEX(Jesper!AL$2:AL$366,ROUNDDOWN($C3388/24,0)+1,1)*INDEX($D$3:$AA$30,INDEX(Jesper!$R$2:$R$366,ROW(INDEX(Jesper!AL$2:AL$366,ROUNDDOWN($C3388/24,0)+1,1))-1)+IF('Standard Profiles'!$G$22=$B$10,7,0)+IF('Standard Profiles'!$G$22=$B$17,14,0)+IF('Standard Profiles'!$G$22=$B$24,21,0),MOD($C3388,24)+1)/SUM(INDEX($D$3:$AA$30,INDEX(Jesper!$R$2:$R$366,ROW(INDEX(Jesper!AL$2:AL$366,ROUNDDOWN($C3388/24,0)+1,1))-1)+IF('Standard Profiles'!$G$22=$B$10,7,0)+IF('Standard Profiles'!$G$22=$B$17,14,0)+IF('Standard Profiles'!$G$22=$B$24,21,0),0)),0)</f>
        <v>0</v>
      </c>
      <c r="I3388">
        <f t="shared" si="384"/>
        <v>0.11277265891869015</v>
      </c>
      <c r="J3388">
        <f t="shared" si="385"/>
        <v>0.37590886306230054</v>
      </c>
      <c r="K3388">
        <f t="shared" si="386"/>
        <v>0.56386329459345086</v>
      </c>
      <c r="L3388">
        <f t="shared" si="387"/>
        <v>8.3713067102199048</v>
      </c>
      <c r="M3388">
        <f t="shared" si="388"/>
        <v>0</v>
      </c>
      <c r="N3388" s="46">
        <f t="shared" si="389"/>
        <v>45431.749999991865</v>
      </c>
    </row>
    <row r="3389" spans="2:14" x14ac:dyDescent="0.3">
      <c r="B3389">
        <f t="shared" si="383"/>
        <v>7</v>
      </c>
      <c r="C3389" s="16">
        <v>3355</v>
      </c>
      <c r="D3389" cm="1">
        <f t="array" ref="D3389">IFERROR(INDEX(Jesper!AH$2:AH$366,ROUNDDOWN($C3389/24,0)+1,1)*INDEX($D$3:$AA$30,INDEX(Jesper!$R$2:$R$366,ROW(INDEX(Jesper!AH$2:AH$366,ROUNDDOWN($C3389/24,0)+1,1))-1)+IF('Standard Profiles'!$G$18=$B$10,7,0)+IF('Standard Profiles'!$G$18=$B$17,14,0)+IF('Standard Profiles'!$G$18=$B$24,21,0),MOD($C3389,24)+1)/SUM(INDEX($D$3:$AA$30,INDEX(Jesper!$R$2:$R$366,ROW(INDEX(Jesper!AH$2:AH$366,ROUNDDOWN($C3389/24,0)+1,1))-1)+IF('Standard Profiles'!$G$18=$B$10,7,0)+IF('Standard Profiles'!$G$18=$B$17,14,0)+IF('Standard Profiles'!$G$18=$B$24,21,0),0)),0)</f>
        <v>6.8719721698519267</v>
      </c>
      <c r="E3389" cm="1">
        <f t="array" ref="E3389">IFERROR(INDEX(Jesper!AI$2:AI$366,ROUNDDOWN($C3389/24,0)+1,1)*INDEX($D$3:$AA$30,INDEX(Jesper!$R$2:$R$366,ROW(INDEX(Jesper!AI$2:AI$366,ROUNDDOWN($C3389/24,0)+1,1))-1)+IF('Standard Profiles'!$G$19=$B$10,7,0)+IF('Standard Profiles'!$G$19=$B$17,14,0)+IF('Standard Profiles'!$G$19=$B$24,21,0),MOD($C3389,24)+1)/SUM(INDEX($D$3:$AA$30,INDEX(Jesper!$R$2:$R$366,ROW(INDEX(Jesper!AI$2:AI$366,ROUNDDOWN($C3389/24,0)+1,1))-1)+IF('Standard Profiles'!$G$19=$B$10,7,0)+IF('Standard Profiles'!$G$19=$B$17,14,0)+IF('Standard Profiles'!$G$19=$B$24,21,0),0)),0)</f>
        <v>1.0526302504069553</v>
      </c>
      <c r="F3389" cm="1">
        <f t="array" ref="F3389">IFERROR(INDEX(Jesper!AJ$2:AJ$366,ROUNDDOWN($C3389/24,0)+1,1)*INDEX($D$3:$AA$30,INDEX(Jesper!$R$2:$R$366,ROW(INDEX(Jesper!AJ$2:AJ$366,ROUNDDOWN($C3389/24,0)+1,1))-1)+IF('Standard Profiles'!$G$20=$B$10,7,0)+IF('Standard Profiles'!$G$20=$B$17,14,0)+IF('Standard Profiles'!$G$20=$B$24,21,0),MOD($C3389,24)+1)/SUM(INDEX($D$3:$AA$30,INDEX(Jesper!$R$2:$R$366,ROW(INDEX(Jesper!AJ$2:AJ$366,ROUNDDOWN($C3389/24,0)+1,1))-1)+IF('Standard Profiles'!$G$20=$B$10,7,0)+IF('Standard Profiles'!$G$20=$B$17,14,0)+IF('Standard Profiles'!$G$20=$B$24,21,0),0)),0)</f>
        <v>0</v>
      </c>
      <c r="G3389" cm="1">
        <f t="array" ref="G3389">IFERROR(INDEX(Jesper!AK$2:AK$366,ROUNDDOWN($C3389/24,0)+1,1)*INDEX($D$3:$AA$30,INDEX(Jesper!$R$2:$R$366,ROW(INDEX(Jesper!AK$2:AK$366,ROUNDDOWN($C3389/24,0)+1,1))-1)+IF('Standard Profiles'!$G$21=$B$10,7,0)+IF('Standard Profiles'!$G$21=$B$17,14,0)+IF('Standard Profiles'!$G$21=$B$24,21,0),MOD($C3389,24)+1)/SUM(INDEX($D$3:$AA$30,INDEX(Jesper!$R$2:$R$366,ROW(INDEX(Jesper!AK$2:AK$366,ROUNDDOWN($C3389/24,0)+1,1))-1)+IF('Standard Profiles'!$G$21=$B$10,7,0)+IF('Standard Profiles'!$G$21=$B$17,14,0)+IF('Standard Profiles'!$G$21=$B$24,21,0),0)),0)</f>
        <v>0</v>
      </c>
      <c r="H3389" cm="1">
        <f t="array" ref="H3389">IFERROR(INDEX(Jesper!AL$2:AL$366,ROUNDDOWN($C3389/24,0)+1,1)*INDEX($D$3:$AA$30,INDEX(Jesper!$R$2:$R$366,ROW(INDEX(Jesper!AL$2:AL$366,ROUNDDOWN($C3389/24,0)+1,1))-1)+IF('Standard Profiles'!$G$22=$B$10,7,0)+IF('Standard Profiles'!$G$22=$B$17,14,0)+IF('Standard Profiles'!$G$22=$B$24,21,0),MOD($C3389,24)+1)/SUM(INDEX($D$3:$AA$30,INDEX(Jesper!$R$2:$R$366,ROW(INDEX(Jesper!AL$2:AL$366,ROUNDDOWN($C3389/24,0)+1,1))-1)+IF('Standard Profiles'!$G$22=$B$10,7,0)+IF('Standard Profiles'!$G$22=$B$17,14,0)+IF('Standard Profiles'!$G$22=$B$24,21,0),0)),0)</f>
        <v>0</v>
      </c>
      <c r="I3389">
        <f t="shared" si="384"/>
        <v>9.4831554090716724E-2</v>
      </c>
      <c r="J3389">
        <f t="shared" si="385"/>
        <v>0.3161051803023891</v>
      </c>
      <c r="K3389">
        <f t="shared" si="386"/>
        <v>0.47415777045358365</v>
      </c>
      <c r="L3389">
        <f t="shared" si="387"/>
        <v>7.0395079154121927</v>
      </c>
      <c r="M3389">
        <f t="shared" si="388"/>
        <v>0</v>
      </c>
      <c r="N3389" s="46">
        <f t="shared" si="389"/>
        <v>45431.79166665853</v>
      </c>
    </row>
    <row r="3390" spans="2:14" x14ac:dyDescent="0.3">
      <c r="B3390">
        <f t="shared" si="383"/>
        <v>7</v>
      </c>
      <c r="C3390" s="16">
        <v>3356</v>
      </c>
      <c r="D3390" cm="1">
        <f t="array" ref="D3390">IFERROR(INDEX(Jesper!AH$2:AH$366,ROUNDDOWN($C3390/24,0)+1,1)*INDEX($D$3:$AA$30,INDEX(Jesper!$R$2:$R$366,ROW(INDEX(Jesper!AH$2:AH$366,ROUNDDOWN($C3390/24,0)+1,1))-1)+IF('Standard Profiles'!$G$18=$B$10,7,0)+IF('Standard Profiles'!$G$18=$B$17,14,0)+IF('Standard Profiles'!$G$18=$B$24,21,0),MOD($C3390,24)+1)/SUM(INDEX($D$3:$AA$30,INDEX(Jesper!$R$2:$R$366,ROW(INDEX(Jesper!AH$2:AH$366,ROUNDDOWN($C3390/24,0)+1,1))-1)+IF('Standard Profiles'!$G$18=$B$10,7,0)+IF('Standard Profiles'!$G$18=$B$17,14,0)+IF('Standard Profiles'!$G$18=$B$24,21,0),0)),0)</f>
        <v>5.757598304470533</v>
      </c>
      <c r="E3390" cm="1">
        <f t="array" ref="E3390">IFERROR(INDEX(Jesper!AI$2:AI$366,ROUNDDOWN($C3390/24,0)+1,1)*INDEX($D$3:$AA$30,INDEX(Jesper!$R$2:$R$366,ROW(INDEX(Jesper!AI$2:AI$366,ROUNDDOWN($C3390/24,0)+1,1))-1)+IF('Standard Profiles'!$G$19=$B$10,7,0)+IF('Standard Profiles'!$G$19=$B$17,14,0)+IF('Standard Profiles'!$G$19=$B$24,21,0),MOD($C3390,24)+1)/SUM(INDEX($D$3:$AA$30,INDEX(Jesper!$R$2:$R$366,ROW(INDEX(Jesper!AI$2:AI$366,ROUNDDOWN($C3390/24,0)+1,1))-1)+IF('Standard Profiles'!$G$19=$B$10,7,0)+IF('Standard Profiles'!$G$19=$B$17,14,0)+IF('Standard Profiles'!$G$19=$B$24,21,0),0)),0)</f>
        <v>0.88193345304366511</v>
      </c>
      <c r="F3390" cm="1">
        <f t="array" ref="F3390">IFERROR(INDEX(Jesper!AJ$2:AJ$366,ROUNDDOWN($C3390/24,0)+1,1)*INDEX($D$3:$AA$30,INDEX(Jesper!$R$2:$R$366,ROW(INDEX(Jesper!AJ$2:AJ$366,ROUNDDOWN($C3390/24,0)+1,1))-1)+IF('Standard Profiles'!$G$20=$B$10,7,0)+IF('Standard Profiles'!$G$20=$B$17,14,0)+IF('Standard Profiles'!$G$20=$B$24,21,0),MOD($C3390,24)+1)/SUM(INDEX($D$3:$AA$30,INDEX(Jesper!$R$2:$R$366,ROW(INDEX(Jesper!AJ$2:AJ$366,ROUNDDOWN($C3390/24,0)+1,1))-1)+IF('Standard Profiles'!$G$20=$B$10,7,0)+IF('Standard Profiles'!$G$20=$B$17,14,0)+IF('Standard Profiles'!$G$20=$B$24,21,0),0)),0)</f>
        <v>0</v>
      </c>
      <c r="G3390" cm="1">
        <f t="array" ref="G3390">IFERROR(INDEX(Jesper!AK$2:AK$366,ROUNDDOWN($C3390/24,0)+1,1)*INDEX($D$3:$AA$30,INDEX(Jesper!$R$2:$R$366,ROW(INDEX(Jesper!AK$2:AK$366,ROUNDDOWN($C3390/24,0)+1,1))-1)+IF('Standard Profiles'!$G$21=$B$10,7,0)+IF('Standard Profiles'!$G$21=$B$17,14,0)+IF('Standard Profiles'!$G$21=$B$24,21,0),MOD($C3390,24)+1)/SUM(INDEX($D$3:$AA$30,INDEX(Jesper!$R$2:$R$366,ROW(INDEX(Jesper!AK$2:AK$366,ROUNDDOWN($C3390/24,0)+1,1))-1)+IF('Standard Profiles'!$G$21=$B$10,7,0)+IF('Standard Profiles'!$G$21=$B$17,14,0)+IF('Standard Profiles'!$G$21=$B$24,21,0),0)),0)</f>
        <v>0</v>
      </c>
      <c r="H3390" cm="1">
        <f t="array" ref="H3390">IFERROR(INDEX(Jesper!AL$2:AL$366,ROUNDDOWN($C3390/24,0)+1,1)*INDEX($D$3:$AA$30,INDEX(Jesper!$R$2:$R$366,ROW(INDEX(Jesper!AL$2:AL$366,ROUNDDOWN($C3390/24,0)+1,1))-1)+IF('Standard Profiles'!$G$22=$B$10,7,0)+IF('Standard Profiles'!$G$22=$B$17,14,0)+IF('Standard Profiles'!$G$22=$B$24,21,0),MOD($C3390,24)+1)/SUM(INDEX($D$3:$AA$30,INDEX(Jesper!$R$2:$R$366,ROW(INDEX(Jesper!AL$2:AL$366,ROUNDDOWN($C3390/24,0)+1,1))-1)+IF('Standard Profiles'!$G$22=$B$10,7,0)+IF('Standard Profiles'!$G$22=$B$17,14,0)+IF('Standard Profiles'!$G$22=$B$24,21,0),0)),0)</f>
        <v>0</v>
      </c>
      <c r="I3390">
        <f t="shared" si="384"/>
        <v>7.9453464238168042E-2</v>
      </c>
      <c r="J3390">
        <f t="shared" si="385"/>
        <v>0.26484488079389351</v>
      </c>
      <c r="K3390">
        <f t="shared" si="386"/>
        <v>0.39726732119084029</v>
      </c>
      <c r="L3390">
        <f t="shared" si="387"/>
        <v>5.8979660912912966</v>
      </c>
      <c r="M3390">
        <f t="shared" si="388"/>
        <v>0</v>
      </c>
      <c r="N3390" s="46">
        <f t="shared" si="389"/>
        <v>45431.833333325194</v>
      </c>
    </row>
    <row r="3391" spans="2:14" x14ac:dyDescent="0.3">
      <c r="B3391">
        <f t="shared" si="383"/>
        <v>7</v>
      </c>
      <c r="C3391" s="16">
        <v>3357</v>
      </c>
      <c r="D3391" cm="1">
        <f t="array" ref="D3391">IFERROR(INDEX(Jesper!AH$2:AH$366,ROUNDDOWN($C3391/24,0)+1,1)*INDEX($D$3:$AA$30,INDEX(Jesper!$R$2:$R$366,ROW(INDEX(Jesper!AH$2:AH$366,ROUNDDOWN($C3391/24,0)+1,1))-1)+IF('Standard Profiles'!$G$18=$B$10,7,0)+IF('Standard Profiles'!$G$18=$B$17,14,0)+IF('Standard Profiles'!$G$18=$B$24,21,0),MOD($C3391,24)+1)/SUM(INDEX($D$3:$AA$30,INDEX(Jesper!$R$2:$R$366,ROW(INDEX(Jesper!AH$2:AH$366,ROUNDDOWN($C3391/24,0)+1,1))-1)+IF('Standard Profiles'!$G$18=$B$10,7,0)+IF('Standard Profiles'!$G$18=$B$17,14,0)+IF('Standard Profiles'!$G$18=$B$24,21,0),0)),0)</f>
        <v>5.0146823942162717</v>
      </c>
      <c r="E3391" cm="1">
        <f t="array" ref="E3391">IFERROR(INDEX(Jesper!AI$2:AI$366,ROUNDDOWN($C3391/24,0)+1,1)*INDEX($D$3:$AA$30,INDEX(Jesper!$R$2:$R$366,ROW(INDEX(Jesper!AI$2:AI$366,ROUNDDOWN($C3391/24,0)+1,1))-1)+IF('Standard Profiles'!$G$19=$B$10,7,0)+IF('Standard Profiles'!$G$19=$B$17,14,0)+IF('Standard Profiles'!$G$19=$B$24,21,0),MOD($C3391,24)+1)/SUM(INDEX($D$3:$AA$30,INDEX(Jesper!$R$2:$R$366,ROW(INDEX(Jesper!AI$2:AI$366,ROUNDDOWN($C3391/24,0)+1,1))-1)+IF('Standard Profiles'!$G$19=$B$10,7,0)+IF('Standard Profiles'!$G$19=$B$17,14,0)+IF('Standard Profiles'!$G$19=$B$24,21,0),0)),0)</f>
        <v>0.7681355881348052</v>
      </c>
      <c r="F3391" cm="1">
        <f t="array" ref="F3391">IFERROR(INDEX(Jesper!AJ$2:AJ$366,ROUNDDOWN($C3391/24,0)+1,1)*INDEX($D$3:$AA$30,INDEX(Jesper!$R$2:$R$366,ROW(INDEX(Jesper!AJ$2:AJ$366,ROUNDDOWN($C3391/24,0)+1,1))-1)+IF('Standard Profiles'!$G$20=$B$10,7,0)+IF('Standard Profiles'!$G$20=$B$17,14,0)+IF('Standard Profiles'!$G$20=$B$24,21,0),MOD($C3391,24)+1)/SUM(INDEX($D$3:$AA$30,INDEX(Jesper!$R$2:$R$366,ROW(INDEX(Jesper!AJ$2:AJ$366,ROUNDDOWN($C3391/24,0)+1,1))-1)+IF('Standard Profiles'!$G$20=$B$10,7,0)+IF('Standard Profiles'!$G$20=$B$17,14,0)+IF('Standard Profiles'!$G$20=$B$24,21,0),0)),0)</f>
        <v>0</v>
      </c>
      <c r="G3391" cm="1">
        <f t="array" ref="G3391">IFERROR(INDEX(Jesper!AK$2:AK$366,ROUNDDOWN($C3391/24,0)+1,1)*INDEX($D$3:$AA$30,INDEX(Jesper!$R$2:$R$366,ROW(INDEX(Jesper!AK$2:AK$366,ROUNDDOWN($C3391/24,0)+1,1))-1)+IF('Standard Profiles'!$G$21=$B$10,7,0)+IF('Standard Profiles'!$G$21=$B$17,14,0)+IF('Standard Profiles'!$G$21=$B$24,21,0),MOD($C3391,24)+1)/SUM(INDEX($D$3:$AA$30,INDEX(Jesper!$R$2:$R$366,ROW(INDEX(Jesper!AK$2:AK$366,ROUNDDOWN($C3391/24,0)+1,1))-1)+IF('Standard Profiles'!$G$21=$B$10,7,0)+IF('Standard Profiles'!$G$21=$B$17,14,0)+IF('Standard Profiles'!$G$21=$B$24,21,0),0)),0)</f>
        <v>0</v>
      </c>
      <c r="H3391" cm="1">
        <f t="array" ref="H3391">IFERROR(INDEX(Jesper!AL$2:AL$366,ROUNDDOWN($C3391/24,0)+1,1)*INDEX($D$3:$AA$30,INDEX(Jesper!$R$2:$R$366,ROW(INDEX(Jesper!AL$2:AL$366,ROUNDDOWN($C3391/24,0)+1,1))-1)+IF('Standard Profiles'!$G$22=$B$10,7,0)+IF('Standard Profiles'!$G$22=$B$17,14,0)+IF('Standard Profiles'!$G$22=$B$24,21,0),MOD($C3391,24)+1)/SUM(INDEX($D$3:$AA$30,INDEX(Jesper!$R$2:$R$366,ROW(INDEX(Jesper!AL$2:AL$366,ROUNDDOWN($C3391/24,0)+1,1))-1)+IF('Standard Profiles'!$G$22=$B$10,7,0)+IF('Standard Profiles'!$G$22=$B$17,14,0)+IF('Standard Profiles'!$G$22=$B$24,21,0),0)),0)</f>
        <v>0</v>
      </c>
      <c r="I3391">
        <f t="shared" si="384"/>
        <v>6.9201404336468958E-2</v>
      </c>
      <c r="J3391">
        <f t="shared" si="385"/>
        <v>0.23067134778822987</v>
      </c>
      <c r="K3391">
        <f t="shared" si="386"/>
        <v>0.34600702168234482</v>
      </c>
      <c r="L3391">
        <f t="shared" si="387"/>
        <v>5.1369382085440334</v>
      </c>
      <c r="M3391">
        <f t="shared" si="388"/>
        <v>0</v>
      </c>
      <c r="N3391" s="46">
        <f t="shared" si="389"/>
        <v>45431.874999991858</v>
      </c>
    </row>
    <row r="3392" spans="2:14" x14ac:dyDescent="0.3">
      <c r="B3392">
        <f t="shared" si="383"/>
        <v>7</v>
      </c>
      <c r="C3392" s="16">
        <v>3358</v>
      </c>
      <c r="D3392" cm="1">
        <f t="array" ref="D3392">IFERROR(INDEX(Jesper!AH$2:AH$366,ROUNDDOWN($C3392/24,0)+1,1)*INDEX($D$3:$AA$30,INDEX(Jesper!$R$2:$R$366,ROW(INDEX(Jesper!AH$2:AH$366,ROUNDDOWN($C3392/24,0)+1,1))-1)+IF('Standard Profiles'!$G$18=$B$10,7,0)+IF('Standard Profiles'!$G$18=$B$17,14,0)+IF('Standard Profiles'!$G$18=$B$24,21,0),MOD($C3392,24)+1)/SUM(INDEX($D$3:$AA$30,INDEX(Jesper!$R$2:$R$366,ROW(INDEX(Jesper!AH$2:AH$366,ROUNDDOWN($C3392/24,0)+1,1))-1)+IF('Standard Profiles'!$G$18=$B$10,7,0)+IF('Standard Profiles'!$G$18=$B$17,14,0)+IF('Standard Profiles'!$G$18=$B$24,21,0),0)),0)</f>
        <v>5.0146823942162717</v>
      </c>
      <c r="E3392" cm="1">
        <f t="array" ref="E3392">IFERROR(INDEX(Jesper!AI$2:AI$366,ROUNDDOWN($C3392/24,0)+1,1)*INDEX($D$3:$AA$30,INDEX(Jesper!$R$2:$R$366,ROW(INDEX(Jesper!AI$2:AI$366,ROUNDDOWN($C3392/24,0)+1,1))-1)+IF('Standard Profiles'!$G$19=$B$10,7,0)+IF('Standard Profiles'!$G$19=$B$17,14,0)+IF('Standard Profiles'!$G$19=$B$24,21,0),MOD($C3392,24)+1)/SUM(INDEX($D$3:$AA$30,INDEX(Jesper!$R$2:$R$366,ROW(INDEX(Jesper!AI$2:AI$366,ROUNDDOWN($C3392/24,0)+1,1))-1)+IF('Standard Profiles'!$G$19=$B$10,7,0)+IF('Standard Profiles'!$G$19=$B$17,14,0)+IF('Standard Profiles'!$G$19=$B$24,21,0),0)),0)</f>
        <v>0.7681355881348052</v>
      </c>
      <c r="F3392" cm="1">
        <f t="array" ref="F3392">IFERROR(INDEX(Jesper!AJ$2:AJ$366,ROUNDDOWN($C3392/24,0)+1,1)*INDEX($D$3:$AA$30,INDEX(Jesper!$R$2:$R$366,ROW(INDEX(Jesper!AJ$2:AJ$366,ROUNDDOWN($C3392/24,0)+1,1))-1)+IF('Standard Profiles'!$G$20=$B$10,7,0)+IF('Standard Profiles'!$G$20=$B$17,14,0)+IF('Standard Profiles'!$G$20=$B$24,21,0),MOD($C3392,24)+1)/SUM(INDEX($D$3:$AA$30,INDEX(Jesper!$R$2:$R$366,ROW(INDEX(Jesper!AJ$2:AJ$366,ROUNDDOWN($C3392/24,0)+1,1))-1)+IF('Standard Profiles'!$G$20=$B$10,7,0)+IF('Standard Profiles'!$G$20=$B$17,14,0)+IF('Standard Profiles'!$G$20=$B$24,21,0),0)),0)</f>
        <v>0</v>
      </c>
      <c r="G3392" cm="1">
        <f t="array" ref="G3392">IFERROR(INDEX(Jesper!AK$2:AK$366,ROUNDDOWN($C3392/24,0)+1,1)*INDEX($D$3:$AA$30,INDEX(Jesper!$R$2:$R$366,ROW(INDEX(Jesper!AK$2:AK$366,ROUNDDOWN($C3392/24,0)+1,1))-1)+IF('Standard Profiles'!$G$21=$B$10,7,0)+IF('Standard Profiles'!$G$21=$B$17,14,0)+IF('Standard Profiles'!$G$21=$B$24,21,0),MOD($C3392,24)+1)/SUM(INDEX($D$3:$AA$30,INDEX(Jesper!$R$2:$R$366,ROW(INDEX(Jesper!AK$2:AK$366,ROUNDDOWN($C3392/24,0)+1,1))-1)+IF('Standard Profiles'!$G$21=$B$10,7,0)+IF('Standard Profiles'!$G$21=$B$17,14,0)+IF('Standard Profiles'!$G$21=$B$24,21,0),0)),0)</f>
        <v>0</v>
      </c>
      <c r="H3392" cm="1">
        <f t="array" ref="H3392">IFERROR(INDEX(Jesper!AL$2:AL$366,ROUNDDOWN($C3392/24,0)+1,1)*INDEX($D$3:$AA$30,INDEX(Jesper!$R$2:$R$366,ROW(INDEX(Jesper!AL$2:AL$366,ROUNDDOWN($C3392/24,0)+1,1))-1)+IF('Standard Profiles'!$G$22=$B$10,7,0)+IF('Standard Profiles'!$G$22=$B$17,14,0)+IF('Standard Profiles'!$G$22=$B$24,21,0),MOD($C3392,24)+1)/SUM(INDEX($D$3:$AA$30,INDEX(Jesper!$R$2:$R$366,ROW(INDEX(Jesper!AL$2:AL$366,ROUNDDOWN($C3392/24,0)+1,1))-1)+IF('Standard Profiles'!$G$22=$B$10,7,0)+IF('Standard Profiles'!$G$22=$B$17,14,0)+IF('Standard Profiles'!$G$22=$B$24,21,0),0)),0)</f>
        <v>0</v>
      </c>
      <c r="I3392">
        <f t="shared" si="384"/>
        <v>6.9201404336468958E-2</v>
      </c>
      <c r="J3392">
        <f t="shared" si="385"/>
        <v>0.23067134778822987</v>
      </c>
      <c r="K3392">
        <f t="shared" si="386"/>
        <v>0.34600702168234482</v>
      </c>
      <c r="L3392">
        <f t="shared" si="387"/>
        <v>5.1369382085440334</v>
      </c>
      <c r="M3392">
        <f t="shared" si="388"/>
        <v>0</v>
      </c>
      <c r="N3392" s="46">
        <f t="shared" si="389"/>
        <v>45431.916666658522</v>
      </c>
    </row>
    <row r="3393" spans="2:14" x14ac:dyDescent="0.3">
      <c r="B3393">
        <f t="shared" si="383"/>
        <v>7</v>
      </c>
      <c r="C3393" s="16">
        <v>3359</v>
      </c>
      <c r="D3393" cm="1">
        <f t="array" ref="D3393">IFERROR(INDEX(Jesper!AH$2:AH$366,ROUNDDOWN($C3393/24,0)+1,1)*INDEX($D$3:$AA$30,INDEX(Jesper!$R$2:$R$366,ROW(INDEX(Jesper!AH$2:AH$366,ROUNDDOWN($C3393/24,0)+1,1))-1)+IF('Standard Profiles'!$G$18=$B$10,7,0)+IF('Standard Profiles'!$G$18=$B$17,14,0)+IF('Standard Profiles'!$G$18=$B$24,21,0),MOD($C3393,24)+1)/SUM(INDEX($D$3:$AA$30,INDEX(Jesper!$R$2:$R$366,ROW(INDEX(Jesper!AH$2:AH$366,ROUNDDOWN($C3393/24,0)+1,1))-1)+IF('Standard Profiles'!$G$18=$B$10,7,0)+IF('Standard Profiles'!$G$18=$B$17,14,0)+IF('Standard Profiles'!$G$18=$B$24,21,0),0)),0)</f>
        <v>5.0146823942162717</v>
      </c>
      <c r="E3393" cm="1">
        <f t="array" ref="E3393">IFERROR(INDEX(Jesper!AI$2:AI$366,ROUNDDOWN($C3393/24,0)+1,1)*INDEX($D$3:$AA$30,INDEX(Jesper!$R$2:$R$366,ROW(INDEX(Jesper!AI$2:AI$366,ROUNDDOWN($C3393/24,0)+1,1))-1)+IF('Standard Profiles'!$G$19=$B$10,7,0)+IF('Standard Profiles'!$G$19=$B$17,14,0)+IF('Standard Profiles'!$G$19=$B$24,21,0),MOD($C3393,24)+1)/SUM(INDEX($D$3:$AA$30,INDEX(Jesper!$R$2:$R$366,ROW(INDEX(Jesper!AI$2:AI$366,ROUNDDOWN($C3393/24,0)+1,1))-1)+IF('Standard Profiles'!$G$19=$B$10,7,0)+IF('Standard Profiles'!$G$19=$B$17,14,0)+IF('Standard Profiles'!$G$19=$B$24,21,0),0)),0)</f>
        <v>0.7681355881348052</v>
      </c>
      <c r="F3393" cm="1">
        <f t="array" ref="F3393">IFERROR(INDEX(Jesper!AJ$2:AJ$366,ROUNDDOWN($C3393/24,0)+1,1)*INDEX($D$3:$AA$30,INDEX(Jesper!$R$2:$R$366,ROW(INDEX(Jesper!AJ$2:AJ$366,ROUNDDOWN($C3393/24,0)+1,1))-1)+IF('Standard Profiles'!$G$20=$B$10,7,0)+IF('Standard Profiles'!$G$20=$B$17,14,0)+IF('Standard Profiles'!$G$20=$B$24,21,0),MOD($C3393,24)+1)/SUM(INDEX($D$3:$AA$30,INDEX(Jesper!$R$2:$R$366,ROW(INDEX(Jesper!AJ$2:AJ$366,ROUNDDOWN($C3393/24,0)+1,1))-1)+IF('Standard Profiles'!$G$20=$B$10,7,0)+IF('Standard Profiles'!$G$20=$B$17,14,0)+IF('Standard Profiles'!$G$20=$B$24,21,0),0)),0)</f>
        <v>0</v>
      </c>
      <c r="G3393" cm="1">
        <f t="array" ref="G3393">IFERROR(INDEX(Jesper!AK$2:AK$366,ROUNDDOWN($C3393/24,0)+1,1)*INDEX($D$3:$AA$30,INDEX(Jesper!$R$2:$R$366,ROW(INDEX(Jesper!AK$2:AK$366,ROUNDDOWN($C3393/24,0)+1,1))-1)+IF('Standard Profiles'!$G$21=$B$10,7,0)+IF('Standard Profiles'!$G$21=$B$17,14,0)+IF('Standard Profiles'!$G$21=$B$24,21,0),MOD($C3393,24)+1)/SUM(INDEX($D$3:$AA$30,INDEX(Jesper!$R$2:$R$366,ROW(INDEX(Jesper!AK$2:AK$366,ROUNDDOWN($C3393/24,0)+1,1))-1)+IF('Standard Profiles'!$G$21=$B$10,7,0)+IF('Standard Profiles'!$G$21=$B$17,14,0)+IF('Standard Profiles'!$G$21=$B$24,21,0),0)),0)</f>
        <v>0</v>
      </c>
      <c r="H3393" cm="1">
        <f t="array" ref="H3393">IFERROR(INDEX(Jesper!AL$2:AL$366,ROUNDDOWN($C3393/24,0)+1,1)*INDEX($D$3:$AA$30,INDEX(Jesper!$R$2:$R$366,ROW(INDEX(Jesper!AL$2:AL$366,ROUNDDOWN($C3393/24,0)+1,1))-1)+IF('Standard Profiles'!$G$22=$B$10,7,0)+IF('Standard Profiles'!$G$22=$B$17,14,0)+IF('Standard Profiles'!$G$22=$B$24,21,0),MOD($C3393,24)+1)/SUM(INDEX($D$3:$AA$30,INDEX(Jesper!$R$2:$R$366,ROW(INDEX(Jesper!AL$2:AL$366,ROUNDDOWN($C3393/24,0)+1,1))-1)+IF('Standard Profiles'!$G$22=$B$10,7,0)+IF('Standard Profiles'!$G$22=$B$17,14,0)+IF('Standard Profiles'!$G$22=$B$24,21,0),0)),0)</f>
        <v>0</v>
      </c>
      <c r="I3393">
        <f t="shared" si="384"/>
        <v>6.9201404336468958E-2</v>
      </c>
      <c r="J3393">
        <f t="shared" si="385"/>
        <v>0.23067134778822987</v>
      </c>
      <c r="K3393">
        <f t="shared" si="386"/>
        <v>0.34600702168234482</v>
      </c>
      <c r="L3393">
        <f t="shared" si="387"/>
        <v>5.1369382085440334</v>
      </c>
      <c r="M3393">
        <f t="shared" si="388"/>
        <v>0</v>
      </c>
      <c r="N3393" s="46">
        <f t="shared" si="389"/>
        <v>45431.958333325187</v>
      </c>
    </row>
    <row r="3394" spans="2:14" x14ac:dyDescent="0.3">
      <c r="B3394">
        <f t="shared" si="383"/>
        <v>1</v>
      </c>
      <c r="C3394" s="16">
        <v>3360</v>
      </c>
      <c r="D3394" cm="1">
        <f t="array" ref="D3394">IFERROR(INDEX(Jesper!AH$2:AH$366,ROUNDDOWN($C3394/24,0)+1,1)*INDEX($D$3:$AA$30,INDEX(Jesper!$R$2:$R$366,ROW(INDEX(Jesper!AH$2:AH$366,ROUNDDOWN($C3394/24,0)+1,1))-1)+IF('Standard Profiles'!$G$18=$B$10,7,0)+IF('Standard Profiles'!$G$18=$B$17,14,0)+IF('Standard Profiles'!$G$18=$B$24,21,0),MOD($C3394,24)+1)/SUM(INDEX($D$3:$AA$30,INDEX(Jesper!$R$2:$R$366,ROW(INDEX(Jesper!AH$2:AH$366,ROUNDDOWN($C3394/24,0)+1,1))-1)+IF('Standard Profiles'!$G$18=$B$10,7,0)+IF('Standard Profiles'!$G$18=$B$17,14,0)+IF('Standard Profiles'!$G$18=$B$24,21,0),0)),0)</f>
        <v>2.4099121552680991</v>
      </c>
      <c r="E3394" cm="1">
        <f t="array" ref="E3394">IFERROR(INDEX(Jesper!AI$2:AI$366,ROUNDDOWN($C3394/24,0)+1,1)*INDEX($D$3:$AA$30,INDEX(Jesper!$R$2:$R$366,ROW(INDEX(Jesper!AI$2:AI$366,ROUNDDOWN($C3394/24,0)+1,1))-1)+IF('Standard Profiles'!$G$19=$B$10,7,0)+IF('Standard Profiles'!$G$19=$B$17,14,0)+IF('Standard Profiles'!$G$19=$B$24,21,0),MOD($C3394,24)+1)/SUM(INDEX($D$3:$AA$30,INDEX(Jesper!$R$2:$R$366,ROW(INDEX(Jesper!AI$2:AI$366,ROUNDDOWN($C3394/24,0)+1,1))-1)+IF('Standard Profiles'!$G$19=$B$10,7,0)+IF('Standard Profiles'!$G$19=$B$17,14,0)+IF('Standard Profiles'!$G$19=$B$24,21,0),0)),0)</f>
        <v>0</v>
      </c>
      <c r="F3394" cm="1">
        <f t="array" ref="F3394">IFERROR(INDEX(Jesper!AJ$2:AJ$366,ROUNDDOWN($C3394/24,0)+1,1)*INDEX($D$3:$AA$30,INDEX(Jesper!$R$2:$R$366,ROW(INDEX(Jesper!AJ$2:AJ$366,ROUNDDOWN($C3394/24,0)+1,1))-1)+IF('Standard Profiles'!$G$20=$B$10,7,0)+IF('Standard Profiles'!$G$20=$B$17,14,0)+IF('Standard Profiles'!$G$20=$B$24,21,0),MOD($C3394,24)+1)/SUM(INDEX($D$3:$AA$30,INDEX(Jesper!$R$2:$R$366,ROW(INDEX(Jesper!AJ$2:AJ$366,ROUNDDOWN($C3394/24,0)+1,1))-1)+IF('Standard Profiles'!$G$20=$B$10,7,0)+IF('Standard Profiles'!$G$20=$B$17,14,0)+IF('Standard Profiles'!$G$20=$B$24,21,0),0)),0)</f>
        <v>0</v>
      </c>
      <c r="G3394" cm="1">
        <f t="array" ref="G3394">IFERROR(INDEX(Jesper!AK$2:AK$366,ROUNDDOWN($C3394/24,0)+1,1)*INDEX($D$3:$AA$30,INDEX(Jesper!$R$2:$R$366,ROW(INDEX(Jesper!AK$2:AK$366,ROUNDDOWN($C3394/24,0)+1,1))-1)+IF('Standard Profiles'!$G$21=$B$10,7,0)+IF('Standard Profiles'!$G$21=$B$17,14,0)+IF('Standard Profiles'!$G$21=$B$24,21,0),MOD($C3394,24)+1)/SUM(INDEX($D$3:$AA$30,INDEX(Jesper!$R$2:$R$366,ROW(INDEX(Jesper!AK$2:AK$366,ROUNDDOWN($C3394/24,0)+1,1))-1)+IF('Standard Profiles'!$G$21=$B$10,7,0)+IF('Standard Profiles'!$G$21=$B$17,14,0)+IF('Standard Profiles'!$G$21=$B$24,21,0),0)),0)</f>
        <v>0</v>
      </c>
      <c r="H3394" cm="1">
        <f t="array" ref="H3394">IFERROR(INDEX(Jesper!AL$2:AL$366,ROUNDDOWN($C3394/24,0)+1,1)*INDEX($D$3:$AA$30,INDEX(Jesper!$R$2:$R$366,ROW(INDEX(Jesper!AL$2:AL$366,ROUNDDOWN($C3394/24,0)+1,1))-1)+IF('Standard Profiles'!$G$22=$B$10,7,0)+IF('Standard Profiles'!$G$22=$B$17,14,0)+IF('Standard Profiles'!$G$22=$B$24,21,0),MOD($C3394,24)+1)/SUM(INDEX($D$3:$AA$30,INDEX(Jesper!$R$2:$R$366,ROW(INDEX(Jesper!AL$2:AL$366,ROUNDDOWN($C3394/24,0)+1,1))-1)+IF('Standard Profiles'!$G$22=$B$10,7,0)+IF('Standard Profiles'!$G$22=$B$17,14,0)+IF('Standard Profiles'!$G$22=$B$24,21,0),0)),0)</f>
        <v>0</v>
      </c>
      <c r="I3394">
        <f t="shared" si="384"/>
        <v>7.229736465804297E-2</v>
      </c>
      <c r="J3394">
        <f t="shared" si="385"/>
        <v>0.24099121552680991</v>
      </c>
      <c r="K3394">
        <f t="shared" si="386"/>
        <v>0.36148682329021486</v>
      </c>
      <c r="L3394">
        <f t="shared" si="387"/>
        <v>1.7351367517930314</v>
      </c>
      <c r="M3394">
        <f t="shared" si="388"/>
        <v>0</v>
      </c>
      <c r="N3394" s="46">
        <f t="shared" si="389"/>
        <v>45431.999999991851</v>
      </c>
    </row>
    <row r="3395" spans="2:14" x14ac:dyDescent="0.3">
      <c r="B3395">
        <f t="shared" si="383"/>
        <v>1</v>
      </c>
      <c r="C3395" s="16">
        <v>3361</v>
      </c>
      <c r="D3395" cm="1">
        <f t="array" ref="D3395">IFERROR(INDEX(Jesper!AH$2:AH$366,ROUNDDOWN($C3395/24,0)+1,1)*INDEX($D$3:$AA$30,INDEX(Jesper!$R$2:$R$366,ROW(INDEX(Jesper!AH$2:AH$366,ROUNDDOWN($C3395/24,0)+1,1))-1)+IF('Standard Profiles'!$G$18=$B$10,7,0)+IF('Standard Profiles'!$G$18=$B$17,14,0)+IF('Standard Profiles'!$G$18=$B$24,21,0),MOD($C3395,24)+1)/SUM(INDEX($D$3:$AA$30,INDEX(Jesper!$R$2:$R$366,ROW(INDEX(Jesper!AH$2:AH$366,ROUNDDOWN($C3395/24,0)+1,1))-1)+IF('Standard Profiles'!$G$18=$B$10,7,0)+IF('Standard Profiles'!$G$18=$B$17,14,0)+IF('Standard Profiles'!$G$18=$B$24,21,0),0)),0)</f>
        <v>2.4099121552680991</v>
      </c>
      <c r="E3395" cm="1">
        <f t="array" ref="E3395">IFERROR(INDEX(Jesper!AI$2:AI$366,ROUNDDOWN($C3395/24,0)+1,1)*INDEX($D$3:$AA$30,INDEX(Jesper!$R$2:$R$366,ROW(INDEX(Jesper!AI$2:AI$366,ROUNDDOWN($C3395/24,0)+1,1))-1)+IF('Standard Profiles'!$G$19=$B$10,7,0)+IF('Standard Profiles'!$G$19=$B$17,14,0)+IF('Standard Profiles'!$G$19=$B$24,21,0),MOD($C3395,24)+1)/SUM(INDEX($D$3:$AA$30,INDEX(Jesper!$R$2:$R$366,ROW(INDEX(Jesper!AI$2:AI$366,ROUNDDOWN($C3395/24,0)+1,1))-1)+IF('Standard Profiles'!$G$19=$B$10,7,0)+IF('Standard Profiles'!$G$19=$B$17,14,0)+IF('Standard Profiles'!$G$19=$B$24,21,0),0)),0)</f>
        <v>0</v>
      </c>
      <c r="F3395" cm="1">
        <f t="array" ref="F3395">IFERROR(INDEX(Jesper!AJ$2:AJ$366,ROUNDDOWN($C3395/24,0)+1,1)*INDEX($D$3:$AA$30,INDEX(Jesper!$R$2:$R$366,ROW(INDEX(Jesper!AJ$2:AJ$366,ROUNDDOWN($C3395/24,0)+1,1))-1)+IF('Standard Profiles'!$G$20=$B$10,7,0)+IF('Standard Profiles'!$G$20=$B$17,14,0)+IF('Standard Profiles'!$G$20=$B$24,21,0),MOD($C3395,24)+1)/SUM(INDEX($D$3:$AA$30,INDEX(Jesper!$R$2:$R$366,ROW(INDEX(Jesper!AJ$2:AJ$366,ROUNDDOWN($C3395/24,0)+1,1))-1)+IF('Standard Profiles'!$G$20=$B$10,7,0)+IF('Standard Profiles'!$G$20=$B$17,14,0)+IF('Standard Profiles'!$G$20=$B$24,21,0),0)),0)</f>
        <v>0</v>
      </c>
      <c r="G3395" cm="1">
        <f t="array" ref="G3395">IFERROR(INDEX(Jesper!AK$2:AK$366,ROUNDDOWN($C3395/24,0)+1,1)*INDEX($D$3:$AA$30,INDEX(Jesper!$R$2:$R$366,ROW(INDEX(Jesper!AK$2:AK$366,ROUNDDOWN($C3395/24,0)+1,1))-1)+IF('Standard Profiles'!$G$21=$B$10,7,0)+IF('Standard Profiles'!$G$21=$B$17,14,0)+IF('Standard Profiles'!$G$21=$B$24,21,0),MOD($C3395,24)+1)/SUM(INDEX($D$3:$AA$30,INDEX(Jesper!$R$2:$R$366,ROW(INDEX(Jesper!AK$2:AK$366,ROUNDDOWN($C3395/24,0)+1,1))-1)+IF('Standard Profiles'!$G$21=$B$10,7,0)+IF('Standard Profiles'!$G$21=$B$17,14,0)+IF('Standard Profiles'!$G$21=$B$24,21,0),0)),0)</f>
        <v>0</v>
      </c>
      <c r="H3395" cm="1">
        <f t="array" ref="H3395">IFERROR(INDEX(Jesper!AL$2:AL$366,ROUNDDOWN($C3395/24,0)+1,1)*INDEX($D$3:$AA$30,INDEX(Jesper!$R$2:$R$366,ROW(INDEX(Jesper!AL$2:AL$366,ROUNDDOWN($C3395/24,0)+1,1))-1)+IF('Standard Profiles'!$G$22=$B$10,7,0)+IF('Standard Profiles'!$G$22=$B$17,14,0)+IF('Standard Profiles'!$G$22=$B$24,21,0),MOD($C3395,24)+1)/SUM(INDEX($D$3:$AA$30,INDEX(Jesper!$R$2:$R$366,ROW(INDEX(Jesper!AL$2:AL$366,ROUNDDOWN($C3395/24,0)+1,1))-1)+IF('Standard Profiles'!$G$22=$B$10,7,0)+IF('Standard Profiles'!$G$22=$B$17,14,0)+IF('Standard Profiles'!$G$22=$B$24,21,0),0)),0)</f>
        <v>0</v>
      </c>
      <c r="I3395">
        <f t="shared" si="384"/>
        <v>7.229736465804297E-2</v>
      </c>
      <c r="J3395">
        <f t="shared" si="385"/>
        <v>0.24099121552680991</v>
      </c>
      <c r="K3395">
        <f t="shared" si="386"/>
        <v>0.36148682329021486</v>
      </c>
      <c r="L3395">
        <f t="shared" si="387"/>
        <v>1.7351367517930314</v>
      </c>
      <c r="M3395">
        <f t="shared" si="388"/>
        <v>0</v>
      </c>
      <c r="N3395" s="46">
        <f t="shared" si="389"/>
        <v>45432.041666658515</v>
      </c>
    </row>
    <row r="3396" spans="2:14" x14ac:dyDescent="0.3">
      <c r="B3396">
        <f t="shared" si="383"/>
        <v>1</v>
      </c>
      <c r="C3396" s="16">
        <v>3362</v>
      </c>
      <c r="D3396" cm="1">
        <f t="array" ref="D3396">IFERROR(INDEX(Jesper!AH$2:AH$366,ROUNDDOWN($C3396/24,0)+1,1)*INDEX($D$3:$AA$30,INDEX(Jesper!$R$2:$R$366,ROW(INDEX(Jesper!AH$2:AH$366,ROUNDDOWN($C3396/24,0)+1,1))-1)+IF('Standard Profiles'!$G$18=$B$10,7,0)+IF('Standard Profiles'!$G$18=$B$17,14,0)+IF('Standard Profiles'!$G$18=$B$24,21,0),MOD($C3396,24)+1)/SUM(INDEX($D$3:$AA$30,INDEX(Jesper!$R$2:$R$366,ROW(INDEX(Jesper!AH$2:AH$366,ROUNDDOWN($C3396/24,0)+1,1))-1)+IF('Standard Profiles'!$G$18=$B$10,7,0)+IF('Standard Profiles'!$G$18=$B$17,14,0)+IF('Standard Profiles'!$G$18=$B$24,21,0),0)),0)</f>
        <v>2.4099121552680991</v>
      </c>
      <c r="E3396" cm="1">
        <f t="array" ref="E3396">IFERROR(INDEX(Jesper!AI$2:AI$366,ROUNDDOWN($C3396/24,0)+1,1)*INDEX($D$3:$AA$30,INDEX(Jesper!$R$2:$R$366,ROW(INDEX(Jesper!AI$2:AI$366,ROUNDDOWN($C3396/24,0)+1,1))-1)+IF('Standard Profiles'!$G$19=$B$10,7,0)+IF('Standard Profiles'!$G$19=$B$17,14,0)+IF('Standard Profiles'!$G$19=$B$24,21,0),MOD($C3396,24)+1)/SUM(INDEX($D$3:$AA$30,INDEX(Jesper!$R$2:$R$366,ROW(INDEX(Jesper!AI$2:AI$366,ROUNDDOWN($C3396/24,0)+1,1))-1)+IF('Standard Profiles'!$G$19=$B$10,7,0)+IF('Standard Profiles'!$G$19=$B$17,14,0)+IF('Standard Profiles'!$G$19=$B$24,21,0),0)),0)</f>
        <v>0</v>
      </c>
      <c r="F3396" cm="1">
        <f t="array" ref="F3396">IFERROR(INDEX(Jesper!AJ$2:AJ$366,ROUNDDOWN($C3396/24,0)+1,1)*INDEX($D$3:$AA$30,INDEX(Jesper!$R$2:$R$366,ROW(INDEX(Jesper!AJ$2:AJ$366,ROUNDDOWN($C3396/24,0)+1,1))-1)+IF('Standard Profiles'!$G$20=$B$10,7,0)+IF('Standard Profiles'!$G$20=$B$17,14,0)+IF('Standard Profiles'!$G$20=$B$24,21,0),MOD($C3396,24)+1)/SUM(INDEX($D$3:$AA$30,INDEX(Jesper!$R$2:$R$366,ROW(INDEX(Jesper!AJ$2:AJ$366,ROUNDDOWN($C3396/24,0)+1,1))-1)+IF('Standard Profiles'!$G$20=$B$10,7,0)+IF('Standard Profiles'!$G$20=$B$17,14,0)+IF('Standard Profiles'!$G$20=$B$24,21,0),0)),0)</f>
        <v>0</v>
      </c>
      <c r="G3396" cm="1">
        <f t="array" ref="G3396">IFERROR(INDEX(Jesper!AK$2:AK$366,ROUNDDOWN($C3396/24,0)+1,1)*INDEX($D$3:$AA$30,INDEX(Jesper!$R$2:$R$366,ROW(INDEX(Jesper!AK$2:AK$366,ROUNDDOWN($C3396/24,0)+1,1))-1)+IF('Standard Profiles'!$G$21=$B$10,7,0)+IF('Standard Profiles'!$G$21=$B$17,14,0)+IF('Standard Profiles'!$G$21=$B$24,21,0),MOD($C3396,24)+1)/SUM(INDEX($D$3:$AA$30,INDEX(Jesper!$R$2:$R$366,ROW(INDEX(Jesper!AK$2:AK$366,ROUNDDOWN($C3396/24,0)+1,1))-1)+IF('Standard Profiles'!$G$21=$B$10,7,0)+IF('Standard Profiles'!$G$21=$B$17,14,0)+IF('Standard Profiles'!$G$21=$B$24,21,0),0)),0)</f>
        <v>0</v>
      </c>
      <c r="H3396" cm="1">
        <f t="array" ref="H3396">IFERROR(INDEX(Jesper!AL$2:AL$366,ROUNDDOWN($C3396/24,0)+1,1)*INDEX($D$3:$AA$30,INDEX(Jesper!$R$2:$R$366,ROW(INDEX(Jesper!AL$2:AL$366,ROUNDDOWN($C3396/24,0)+1,1))-1)+IF('Standard Profiles'!$G$22=$B$10,7,0)+IF('Standard Profiles'!$G$22=$B$17,14,0)+IF('Standard Profiles'!$G$22=$B$24,21,0),MOD($C3396,24)+1)/SUM(INDEX($D$3:$AA$30,INDEX(Jesper!$R$2:$R$366,ROW(INDEX(Jesper!AL$2:AL$366,ROUNDDOWN($C3396/24,0)+1,1))-1)+IF('Standard Profiles'!$G$22=$B$10,7,0)+IF('Standard Profiles'!$G$22=$B$17,14,0)+IF('Standard Profiles'!$G$22=$B$24,21,0),0)),0)</f>
        <v>0</v>
      </c>
      <c r="I3396">
        <f t="shared" si="384"/>
        <v>7.229736465804297E-2</v>
      </c>
      <c r="J3396">
        <f t="shared" si="385"/>
        <v>0.24099121552680991</v>
      </c>
      <c r="K3396">
        <f t="shared" si="386"/>
        <v>0.36148682329021486</v>
      </c>
      <c r="L3396">
        <f t="shared" si="387"/>
        <v>1.7351367517930314</v>
      </c>
      <c r="M3396">
        <f t="shared" si="388"/>
        <v>0</v>
      </c>
      <c r="N3396" s="46">
        <f t="shared" si="389"/>
        <v>45432.083333325179</v>
      </c>
    </row>
    <row r="3397" spans="2:14" x14ac:dyDescent="0.3">
      <c r="B3397">
        <f t="shared" si="383"/>
        <v>1</v>
      </c>
      <c r="C3397" s="16">
        <v>3363</v>
      </c>
      <c r="D3397" cm="1">
        <f t="array" ref="D3397">IFERROR(INDEX(Jesper!AH$2:AH$366,ROUNDDOWN($C3397/24,0)+1,1)*INDEX($D$3:$AA$30,INDEX(Jesper!$R$2:$R$366,ROW(INDEX(Jesper!AH$2:AH$366,ROUNDDOWN($C3397/24,0)+1,1))-1)+IF('Standard Profiles'!$G$18=$B$10,7,0)+IF('Standard Profiles'!$G$18=$B$17,14,0)+IF('Standard Profiles'!$G$18=$B$24,21,0),MOD($C3397,24)+1)/SUM(INDEX($D$3:$AA$30,INDEX(Jesper!$R$2:$R$366,ROW(INDEX(Jesper!AH$2:AH$366,ROUNDDOWN($C3397/24,0)+1,1))-1)+IF('Standard Profiles'!$G$18=$B$10,7,0)+IF('Standard Profiles'!$G$18=$B$17,14,0)+IF('Standard Profiles'!$G$18=$B$24,21,0),0)),0)</f>
        <v>2.4099121552680991</v>
      </c>
      <c r="E3397" cm="1">
        <f t="array" ref="E3397">IFERROR(INDEX(Jesper!AI$2:AI$366,ROUNDDOWN($C3397/24,0)+1,1)*INDEX($D$3:$AA$30,INDEX(Jesper!$R$2:$R$366,ROW(INDEX(Jesper!AI$2:AI$366,ROUNDDOWN($C3397/24,0)+1,1))-1)+IF('Standard Profiles'!$G$19=$B$10,7,0)+IF('Standard Profiles'!$G$19=$B$17,14,0)+IF('Standard Profiles'!$G$19=$B$24,21,0),MOD($C3397,24)+1)/SUM(INDEX($D$3:$AA$30,INDEX(Jesper!$R$2:$R$366,ROW(INDEX(Jesper!AI$2:AI$366,ROUNDDOWN($C3397/24,0)+1,1))-1)+IF('Standard Profiles'!$G$19=$B$10,7,0)+IF('Standard Profiles'!$G$19=$B$17,14,0)+IF('Standard Profiles'!$G$19=$B$24,21,0),0)),0)</f>
        <v>0</v>
      </c>
      <c r="F3397" cm="1">
        <f t="array" ref="F3397">IFERROR(INDEX(Jesper!AJ$2:AJ$366,ROUNDDOWN($C3397/24,0)+1,1)*INDEX($D$3:$AA$30,INDEX(Jesper!$R$2:$R$366,ROW(INDEX(Jesper!AJ$2:AJ$366,ROUNDDOWN($C3397/24,0)+1,1))-1)+IF('Standard Profiles'!$G$20=$B$10,7,0)+IF('Standard Profiles'!$G$20=$B$17,14,0)+IF('Standard Profiles'!$G$20=$B$24,21,0),MOD($C3397,24)+1)/SUM(INDEX($D$3:$AA$30,INDEX(Jesper!$R$2:$R$366,ROW(INDEX(Jesper!AJ$2:AJ$366,ROUNDDOWN($C3397/24,0)+1,1))-1)+IF('Standard Profiles'!$G$20=$B$10,7,0)+IF('Standard Profiles'!$G$20=$B$17,14,0)+IF('Standard Profiles'!$G$20=$B$24,21,0),0)),0)</f>
        <v>0</v>
      </c>
      <c r="G3397" cm="1">
        <f t="array" ref="G3397">IFERROR(INDEX(Jesper!AK$2:AK$366,ROUNDDOWN($C3397/24,0)+1,1)*INDEX($D$3:$AA$30,INDEX(Jesper!$R$2:$R$366,ROW(INDEX(Jesper!AK$2:AK$366,ROUNDDOWN($C3397/24,0)+1,1))-1)+IF('Standard Profiles'!$G$21=$B$10,7,0)+IF('Standard Profiles'!$G$21=$B$17,14,0)+IF('Standard Profiles'!$G$21=$B$24,21,0),MOD($C3397,24)+1)/SUM(INDEX($D$3:$AA$30,INDEX(Jesper!$R$2:$R$366,ROW(INDEX(Jesper!AK$2:AK$366,ROUNDDOWN($C3397/24,0)+1,1))-1)+IF('Standard Profiles'!$G$21=$B$10,7,0)+IF('Standard Profiles'!$G$21=$B$17,14,0)+IF('Standard Profiles'!$G$21=$B$24,21,0),0)),0)</f>
        <v>0</v>
      </c>
      <c r="H3397" cm="1">
        <f t="array" ref="H3397">IFERROR(INDEX(Jesper!AL$2:AL$366,ROUNDDOWN($C3397/24,0)+1,1)*INDEX($D$3:$AA$30,INDEX(Jesper!$R$2:$R$366,ROW(INDEX(Jesper!AL$2:AL$366,ROUNDDOWN($C3397/24,0)+1,1))-1)+IF('Standard Profiles'!$G$22=$B$10,7,0)+IF('Standard Profiles'!$G$22=$B$17,14,0)+IF('Standard Profiles'!$G$22=$B$24,21,0),MOD($C3397,24)+1)/SUM(INDEX($D$3:$AA$30,INDEX(Jesper!$R$2:$R$366,ROW(INDEX(Jesper!AL$2:AL$366,ROUNDDOWN($C3397/24,0)+1,1))-1)+IF('Standard Profiles'!$G$22=$B$10,7,0)+IF('Standard Profiles'!$G$22=$B$17,14,0)+IF('Standard Profiles'!$G$22=$B$24,21,0),0)),0)</f>
        <v>0</v>
      </c>
      <c r="I3397">
        <f t="shared" si="384"/>
        <v>7.229736465804297E-2</v>
      </c>
      <c r="J3397">
        <f t="shared" si="385"/>
        <v>0.24099121552680991</v>
      </c>
      <c r="K3397">
        <f t="shared" si="386"/>
        <v>0.36148682329021486</v>
      </c>
      <c r="L3397">
        <f t="shared" si="387"/>
        <v>1.7351367517930314</v>
      </c>
      <c r="M3397">
        <f t="shared" si="388"/>
        <v>0</v>
      </c>
      <c r="N3397" s="46">
        <f t="shared" si="389"/>
        <v>45432.124999991844</v>
      </c>
    </row>
    <row r="3398" spans="2:14" x14ac:dyDescent="0.3">
      <c r="B3398">
        <f t="shared" si="383"/>
        <v>1</v>
      </c>
      <c r="C3398" s="16">
        <v>3364</v>
      </c>
      <c r="D3398" cm="1">
        <f t="array" ref="D3398">IFERROR(INDEX(Jesper!AH$2:AH$366,ROUNDDOWN($C3398/24,0)+1,1)*INDEX($D$3:$AA$30,INDEX(Jesper!$R$2:$R$366,ROW(INDEX(Jesper!AH$2:AH$366,ROUNDDOWN($C3398/24,0)+1,1))-1)+IF('Standard Profiles'!$G$18=$B$10,7,0)+IF('Standard Profiles'!$G$18=$B$17,14,0)+IF('Standard Profiles'!$G$18=$B$24,21,0),MOD($C3398,24)+1)/SUM(INDEX($D$3:$AA$30,INDEX(Jesper!$R$2:$R$366,ROW(INDEX(Jesper!AH$2:AH$366,ROUNDDOWN($C3398/24,0)+1,1))-1)+IF('Standard Profiles'!$G$18=$B$10,7,0)+IF('Standard Profiles'!$G$18=$B$17,14,0)+IF('Standard Profiles'!$G$18=$B$24,21,0),0)),0)</f>
        <v>2.4099121552680991</v>
      </c>
      <c r="E3398" cm="1">
        <f t="array" ref="E3398">IFERROR(INDEX(Jesper!AI$2:AI$366,ROUNDDOWN($C3398/24,0)+1,1)*INDEX($D$3:$AA$30,INDEX(Jesper!$R$2:$R$366,ROW(INDEX(Jesper!AI$2:AI$366,ROUNDDOWN($C3398/24,0)+1,1))-1)+IF('Standard Profiles'!$G$19=$B$10,7,0)+IF('Standard Profiles'!$G$19=$B$17,14,0)+IF('Standard Profiles'!$G$19=$B$24,21,0),MOD($C3398,24)+1)/SUM(INDEX($D$3:$AA$30,INDEX(Jesper!$R$2:$R$366,ROW(INDEX(Jesper!AI$2:AI$366,ROUNDDOWN($C3398/24,0)+1,1))-1)+IF('Standard Profiles'!$G$19=$B$10,7,0)+IF('Standard Profiles'!$G$19=$B$17,14,0)+IF('Standard Profiles'!$G$19=$B$24,21,0),0)),0)</f>
        <v>0</v>
      </c>
      <c r="F3398" cm="1">
        <f t="array" ref="F3398">IFERROR(INDEX(Jesper!AJ$2:AJ$366,ROUNDDOWN($C3398/24,0)+1,1)*INDEX($D$3:$AA$30,INDEX(Jesper!$R$2:$R$366,ROW(INDEX(Jesper!AJ$2:AJ$366,ROUNDDOWN($C3398/24,0)+1,1))-1)+IF('Standard Profiles'!$G$20=$B$10,7,0)+IF('Standard Profiles'!$G$20=$B$17,14,0)+IF('Standard Profiles'!$G$20=$B$24,21,0),MOD($C3398,24)+1)/SUM(INDEX($D$3:$AA$30,INDEX(Jesper!$R$2:$R$366,ROW(INDEX(Jesper!AJ$2:AJ$366,ROUNDDOWN($C3398/24,0)+1,1))-1)+IF('Standard Profiles'!$G$20=$B$10,7,0)+IF('Standard Profiles'!$G$20=$B$17,14,0)+IF('Standard Profiles'!$G$20=$B$24,21,0),0)),0)</f>
        <v>0</v>
      </c>
      <c r="G3398" cm="1">
        <f t="array" ref="G3398">IFERROR(INDEX(Jesper!AK$2:AK$366,ROUNDDOWN($C3398/24,0)+1,1)*INDEX($D$3:$AA$30,INDEX(Jesper!$R$2:$R$366,ROW(INDEX(Jesper!AK$2:AK$366,ROUNDDOWN($C3398/24,0)+1,1))-1)+IF('Standard Profiles'!$G$21=$B$10,7,0)+IF('Standard Profiles'!$G$21=$B$17,14,0)+IF('Standard Profiles'!$G$21=$B$24,21,0),MOD($C3398,24)+1)/SUM(INDEX($D$3:$AA$30,INDEX(Jesper!$R$2:$R$366,ROW(INDEX(Jesper!AK$2:AK$366,ROUNDDOWN($C3398/24,0)+1,1))-1)+IF('Standard Profiles'!$G$21=$B$10,7,0)+IF('Standard Profiles'!$G$21=$B$17,14,0)+IF('Standard Profiles'!$G$21=$B$24,21,0),0)),0)</f>
        <v>0</v>
      </c>
      <c r="H3398" cm="1">
        <f t="array" ref="H3398">IFERROR(INDEX(Jesper!AL$2:AL$366,ROUNDDOWN($C3398/24,0)+1,1)*INDEX($D$3:$AA$30,INDEX(Jesper!$R$2:$R$366,ROW(INDEX(Jesper!AL$2:AL$366,ROUNDDOWN($C3398/24,0)+1,1))-1)+IF('Standard Profiles'!$G$22=$B$10,7,0)+IF('Standard Profiles'!$G$22=$B$17,14,0)+IF('Standard Profiles'!$G$22=$B$24,21,0),MOD($C3398,24)+1)/SUM(INDEX($D$3:$AA$30,INDEX(Jesper!$R$2:$R$366,ROW(INDEX(Jesper!AL$2:AL$366,ROUNDDOWN($C3398/24,0)+1,1))-1)+IF('Standard Profiles'!$G$22=$B$10,7,0)+IF('Standard Profiles'!$G$22=$B$17,14,0)+IF('Standard Profiles'!$G$22=$B$24,21,0),0)),0)</f>
        <v>0</v>
      </c>
      <c r="I3398">
        <f t="shared" si="384"/>
        <v>7.229736465804297E-2</v>
      </c>
      <c r="J3398">
        <f t="shared" si="385"/>
        <v>0.24099121552680991</v>
      </c>
      <c r="K3398">
        <f t="shared" si="386"/>
        <v>0.36148682329021486</v>
      </c>
      <c r="L3398">
        <f t="shared" si="387"/>
        <v>1.7351367517930314</v>
      </c>
      <c r="M3398">
        <f t="shared" si="388"/>
        <v>0</v>
      </c>
      <c r="N3398" s="46">
        <f t="shared" si="389"/>
        <v>45432.166666658508</v>
      </c>
    </row>
    <row r="3399" spans="2:14" x14ac:dyDescent="0.3">
      <c r="B3399">
        <f t="shared" si="383"/>
        <v>1</v>
      </c>
      <c r="C3399" s="16">
        <v>3365</v>
      </c>
      <c r="D3399" cm="1">
        <f t="array" ref="D3399">IFERROR(INDEX(Jesper!AH$2:AH$366,ROUNDDOWN($C3399/24,0)+1,1)*INDEX($D$3:$AA$30,INDEX(Jesper!$R$2:$R$366,ROW(INDEX(Jesper!AH$2:AH$366,ROUNDDOWN($C3399/24,0)+1,1))-1)+IF('Standard Profiles'!$G$18=$B$10,7,0)+IF('Standard Profiles'!$G$18=$B$17,14,0)+IF('Standard Profiles'!$G$18=$B$24,21,0),MOD($C3399,24)+1)/SUM(INDEX($D$3:$AA$30,INDEX(Jesper!$R$2:$R$366,ROW(INDEX(Jesper!AH$2:AH$366,ROUNDDOWN($C3399/24,0)+1,1))-1)+IF('Standard Profiles'!$G$18=$B$10,7,0)+IF('Standard Profiles'!$G$18=$B$17,14,0)+IF('Standard Profiles'!$G$18=$B$24,21,0),0)),0)</f>
        <v>10.442952672828431</v>
      </c>
      <c r="E3399" cm="1">
        <f t="array" ref="E3399">IFERROR(INDEX(Jesper!AI$2:AI$366,ROUNDDOWN($C3399/24,0)+1,1)*INDEX($D$3:$AA$30,INDEX(Jesper!$R$2:$R$366,ROW(INDEX(Jesper!AI$2:AI$366,ROUNDDOWN($C3399/24,0)+1,1))-1)+IF('Standard Profiles'!$G$19=$B$10,7,0)+IF('Standard Profiles'!$G$19=$B$17,14,0)+IF('Standard Profiles'!$G$19=$B$24,21,0),MOD($C3399,24)+1)/SUM(INDEX($D$3:$AA$30,INDEX(Jesper!$R$2:$R$366,ROW(INDEX(Jesper!AI$2:AI$366,ROUNDDOWN($C3399/24,0)+1,1))-1)+IF('Standard Profiles'!$G$19=$B$10,7,0)+IF('Standard Profiles'!$G$19=$B$17,14,0)+IF('Standard Profiles'!$G$19=$B$24,21,0),0)),0)</f>
        <v>0</v>
      </c>
      <c r="F3399" cm="1">
        <f t="array" ref="F3399">IFERROR(INDEX(Jesper!AJ$2:AJ$366,ROUNDDOWN($C3399/24,0)+1,1)*INDEX($D$3:$AA$30,INDEX(Jesper!$R$2:$R$366,ROW(INDEX(Jesper!AJ$2:AJ$366,ROUNDDOWN($C3399/24,0)+1,1))-1)+IF('Standard Profiles'!$G$20=$B$10,7,0)+IF('Standard Profiles'!$G$20=$B$17,14,0)+IF('Standard Profiles'!$G$20=$B$24,21,0),MOD($C3399,24)+1)/SUM(INDEX($D$3:$AA$30,INDEX(Jesper!$R$2:$R$366,ROW(INDEX(Jesper!AJ$2:AJ$366,ROUNDDOWN($C3399/24,0)+1,1))-1)+IF('Standard Profiles'!$G$20=$B$10,7,0)+IF('Standard Profiles'!$G$20=$B$17,14,0)+IF('Standard Profiles'!$G$20=$B$24,21,0),0)),0)</f>
        <v>0</v>
      </c>
      <c r="G3399" cm="1">
        <f t="array" ref="G3399">IFERROR(INDEX(Jesper!AK$2:AK$366,ROUNDDOWN($C3399/24,0)+1,1)*INDEX($D$3:$AA$30,INDEX(Jesper!$R$2:$R$366,ROW(INDEX(Jesper!AK$2:AK$366,ROUNDDOWN($C3399/24,0)+1,1))-1)+IF('Standard Profiles'!$G$21=$B$10,7,0)+IF('Standard Profiles'!$G$21=$B$17,14,0)+IF('Standard Profiles'!$G$21=$B$24,21,0),MOD($C3399,24)+1)/SUM(INDEX($D$3:$AA$30,INDEX(Jesper!$R$2:$R$366,ROW(INDEX(Jesper!AK$2:AK$366,ROUNDDOWN($C3399/24,0)+1,1))-1)+IF('Standard Profiles'!$G$21=$B$10,7,0)+IF('Standard Profiles'!$G$21=$B$17,14,0)+IF('Standard Profiles'!$G$21=$B$24,21,0),0)),0)</f>
        <v>0</v>
      </c>
      <c r="H3399" cm="1">
        <f t="array" ref="H3399">IFERROR(INDEX(Jesper!AL$2:AL$366,ROUNDDOWN($C3399/24,0)+1,1)*INDEX($D$3:$AA$30,INDEX(Jesper!$R$2:$R$366,ROW(INDEX(Jesper!AL$2:AL$366,ROUNDDOWN($C3399/24,0)+1,1))-1)+IF('Standard Profiles'!$G$22=$B$10,7,0)+IF('Standard Profiles'!$G$22=$B$17,14,0)+IF('Standard Profiles'!$G$22=$B$24,21,0),MOD($C3399,24)+1)/SUM(INDEX($D$3:$AA$30,INDEX(Jesper!$R$2:$R$366,ROW(INDEX(Jesper!AL$2:AL$366,ROUNDDOWN($C3399/24,0)+1,1))-1)+IF('Standard Profiles'!$G$22=$B$10,7,0)+IF('Standard Profiles'!$G$22=$B$17,14,0)+IF('Standard Profiles'!$G$22=$B$24,21,0),0)),0)</f>
        <v>0</v>
      </c>
      <c r="I3399">
        <f t="shared" si="384"/>
        <v>0.31328858018485295</v>
      </c>
      <c r="J3399">
        <f t="shared" si="385"/>
        <v>1.0442952672828432</v>
      </c>
      <c r="K3399">
        <f t="shared" si="386"/>
        <v>1.5664429009242646</v>
      </c>
      <c r="L3399">
        <f t="shared" si="387"/>
        <v>7.5189259244364699</v>
      </c>
      <c r="M3399">
        <f t="shared" si="388"/>
        <v>0</v>
      </c>
      <c r="N3399" s="46">
        <f t="shared" si="389"/>
        <v>45432.208333325172</v>
      </c>
    </row>
    <row r="3400" spans="2:14" x14ac:dyDescent="0.3">
      <c r="B3400">
        <f t="shared" si="383"/>
        <v>1</v>
      </c>
      <c r="C3400" s="16">
        <v>3366</v>
      </c>
      <c r="D3400" cm="1">
        <f t="array" ref="D3400">IFERROR(INDEX(Jesper!AH$2:AH$366,ROUNDDOWN($C3400/24,0)+1,1)*INDEX($D$3:$AA$30,INDEX(Jesper!$R$2:$R$366,ROW(INDEX(Jesper!AH$2:AH$366,ROUNDDOWN($C3400/24,0)+1,1))-1)+IF('Standard Profiles'!$G$18=$B$10,7,0)+IF('Standard Profiles'!$G$18=$B$17,14,0)+IF('Standard Profiles'!$G$18=$B$24,21,0),MOD($C3400,24)+1)/SUM(INDEX($D$3:$AA$30,INDEX(Jesper!$R$2:$R$366,ROW(INDEX(Jesper!AH$2:AH$366,ROUNDDOWN($C3400/24,0)+1,1))-1)+IF('Standard Profiles'!$G$18=$B$10,7,0)+IF('Standard Profiles'!$G$18=$B$17,14,0)+IF('Standard Profiles'!$G$18=$B$24,21,0),0)),0)</f>
        <v>11.84873476340149</v>
      </c>
      <c r="E3400" cm="1">
        <f t="array" ref="E3400">IFERROR(INDEX(Jesper!AI$2:AI$366,ROUNDDOWN($C3400/24,0)+1,1)*INDEX($D$3:$AA$30,INDEX(Jesper!$R$2:$R$366,ROW(INDEX(Jesper!AI$2:AI$366,ROUNDDOWN($C3400/24,0)+1,1))-1)+IF('Standard Profiles'!$G$19=$B$10,7,0)+IF('Standard Profiles'!$G$19=$B$17,14,0)+IF('Standard Profiles'!$G$19=$B$24,21,0),MOD($C3400,24)+1)/SUM(INDEX($D$3:$AA$30,INDEX(Jesper!$R$2:$R$366,ROW(INDEX(Jesper!AI$2:AI$366,ROUNDDOWN($C3400/24,0)+1,1))-1)+IF('Standard Profiles'!$G$19=$B$10,7,0)+IF('Standard Profiles'!$G$19=$B$17,14,0)+IF('Standard Profiles'!$G$19=$B$24,21,0),0)),0)</f>
        <v>0</v>
      </c>
      <c r="F3400" cm="1">
        <f t="array" ref="F3400">IFERROR(INDEX(Jesper!AJ$2:AJ$366,ROUNDDOWN($C3400/24,0)+1,1)*INDEX($D$3:$AA$30,INDEX(Jesper!$R$2:$R$366,ROW(INDEX(Jesper!AJ$2:AJ$366,ROUNDDOWN($C3400/24,0)+1,1))-1)+IF('Standard Profiles'!$G$20=$B$10,7,0)+IF('Standard Profiles'!$G$20=$B$17,14,0)+IF('Standard Profiles'!$G$20=$B$24,21,0),MOD($C3400,24)+1)/SUM(INDEX($D$3:$AA$30,INDEX(Jesper!$R$2:$R$366,ROW(INDEX(Jesper!AJ$2:AJ$366,ROUNDDOWN($C3400/24,0)+1,1))-1)+IF('Standard Profiles'!$G$20=$B$10,7,0)+IF('Standard Profiles'!$G$20=$B$17,14,0)+IF('Standard Profiles'!$G$20=$B$24,21,0),0)),0)</f>
        <v>0</v>
      </c>
      <c r="G3400" cm="1">
        <f t="array" ref="G3400">IFERROR(INDEX(Jesper!AK$2:AK$366,ROUNDDOWN($C3400/24,0)+1,1)*INDEX($D$3:$AA$30,INDEX(Jesper!$R$2:$R$366,ROW(INDEX(Jesper!AK$2:AK$366,ROUNDDOWN($C3400/24,0)+1,1))-1)+IF('Standard Profiles'!$G$21=$B$10,7,0)+IF('Standard Profiles'!$G$21=$B$17,14,0)+IF('Standard Profiles'!$G$21=$B$24,21,0),MOD($C3400,24)+1)/SUM(INDEX($D$3:$AA$30,INDEX(Jesper!$R$2:$R$366,ROW(INDEX(Jesper!AK$2:AK$366,ROUNDDOWN($C3400/24,0)+1,1))-1)+IF('Standard Profiles'!$G$21=$B$10,7,0)+IF('Standard Profiles'!$G$21=$B$17,14,0)+IF('Standard Profiles'!$G$21=$B$24,21,0),0)),0)</f>
        <v>0</v>
      </c>
      <c r="H3400" cm="1">
        <f t="array" ref="H3400">IFERROR(INDEX(Jesper!AL$2:AL$366,ROUNDDOWN($C3400/24,0)+1,1)*INDEX($D$3:$AA$30,INDEX(Jesper!$R$2:$R$366,ROW(INDEX(Jesper!AL$2:AL$366,ROUNDDOWN($C3400/24,0)+1,1))-1)+IF('Standard Profiles'!$G$22=$B$10,7,0)+IF('Standard Profiles'!$G$22=$B$17,14,0)+IF('Standard Profiles'!$G$22=$B$24,21,0),MOD($C3400,24)+1)/SUM(INDEX($D$3:$AA$30,INDEX(Jesper!$R$2:$R$366,ROW(INDEX(Jesper!AL$2:AL$366,ROUNDDOWN($C3400/24,0)+1,1))-1)+IF('Standard Profiles'!$G$22=$B$10,7,0)+IF('Standard Profiles'!$G$22=$B$17,14,0)+IF('Standard Profiles'!$G$22=$B$24,21,0),0)),0)</f>
        <v>0</v>
      </c>
      <c r="I3400">
        <f t="shared" si="384"/>
        <v>0.35546204290204469</v>
      </c>
      <c r="J3400">
        <f t="shared" si="385"/>
        <v>1.1848734763401489</v>
      </c>
      <c r="K3400">
        <f t="shared" si="386"/>
        <v>1.7773102145102235</v>
      </c>
      <c r="L3400">
        <f t="shared" si="387"/>
        <v>8.5310890296490722</v>
      </c>
      <c r="M3400">
        <f t="shared" si="388"/>
        <v>0</v>
      </c>
      <c r="N3400" s="46">
        <f t="shared" si="389"/>
        <v>45432.249999991836</v>
      </c>
    </row>
    <row r="3401" spans="2:14" x14ac:dyDescent="0.3">
      <c r="B3401">
        <f t="shared" si="383"/>
        <v>1</v>
      </c>
      <c r="C3401" s="16">
        <v>3367</v>
      </c>
      <c r="D3401" cm="1">
        <f t="array" ref="D3401">IFERROR(INDEX(Jesper!AH$2:AH$366,ROUNDDOWN($C3401/24,0)+1,1)*INDEX($D$3:$AA$30,INDEX(Jesper!$R$2:$R$366,ROW(INDEX(Jesper!AH$2:AH$366,ROUNDDOWN($C3401/24,0)+1,1))-1)+IF('Standard Profiles'!$G$18=$B$10,7,0)+IF('Standard Profiles'!$G$18=$B$17,14,0)+IF('Standard Profiles'!$G$18=$B$24,21,0),MOD($C3401,24)+1)/SUM(INDEX($D$3:$AA$30,INDEX(Jesper!$R$2:$R$366,ROW(INDEX(Jesper!AH$2:AH$366,ROUNDDOWN($C3401/24,0)+1,1))-1)+IF('Standard Profiles'!$G$18=$B$10,7,0)+IF('Standard Profiles'!$G$18=$B$17,14,0)+IF('Standard Profiles'!$G$18=$B$24,21,0),0)),0)</f>
        <v>11.84873476340149</v>
      </c>
      <c r="E3401" cm="1">
        <f t="array" ref="E3401">IFERROR(INDEX(Jesper!AI$2:AI$366,ROUNDDOWN($C3401/24,0)+1,1)*INDEX($D$3:$AA$30,INDEX(Jesper!$R$2:$R$366,ROW(INDEX(Jesper!AI$2:AI$366,ROUNDDOWN($C3401/24,0)+1,1))-1)+IF('Standard Profiles'!$G$19=$B$10,7,0)+IF('Standard Profiles'!$G$19=$B$17,14,0)+IF('Standard Profiles'!$G$19=$B$24,21,0),MOD($C3401,24)+1)/SUM(INDEX($D$3:$AA$30,INDEX(Jesper!$R$2:$R$366,ROW(INDEX(Jesper!AI$2:AI$366,ROUNDDOWN($C3401/24,0)+1,1))-1)+IF('Standard Profiles'!$G$19=$B$10,7,0)+IF('Standard Profiles'!$G$19=$B$17,14,0)+IF('Standard Profiles'!$G$19=$B$24,21,0),0)),0)</f>
        <v>0</v>
      </c>
      <c r="F3401" cm="1">
        <f t="array" ref="F3401">IFERROR(INDEX(Jesper!AJ$2:AJ$366,ROUNDDOWN($C3401/24,0)+1,1)*INDEX($D$3:$AA$30,INDEX(Jesper!$R$2:$R$366,ROW(INDEX(Jesper!AJ$2:AJ$366,ROUNDDOWN($C3401/24,0)+1,1))-1)+IF('Standard Profiles'!$G$20=$B$10,7,0)+IF('Standard Profiles'!$G$20=$B$17,14,0)+IF('Standard Profiles'!$G$20=$B$24,21,0),MOD($C3401,24)+1)/SUM(INDEX($D$3:$AA$30,INDEX(Jesper!$R$2:$R$366,ROW(INDEX(Jesper!AJ$2:AJ$366,ROUNDDOWN($C3401/24,0)+1,1))-1)+IF('Standard Profiles'!$G$20=$B$10,7,0)+IF('Standard Profiles'!$G$20=$B$17,14,0)+IF('Standard Profiles'!$G$20=$B$24,21,0),0)),0)</f>
        <v>0</v>
      </c>
      <c r="G3401" cm="1">
        <f t="array" ref="G3401">IFERROR(INDEX(Jesper!AK$2:AK$366,ROUNDDOWN($C3401/24,0)+1,1)*INDEX($D$3:$AA$30,INDEX(Jesper!$R$2:$R$366,ROW(INDEX(Jesper!AK$2:AK$366,ROUNDDOWN($C3401/24,0)+1,1))-1)+IF('Standard Profiles'!$G$21=$B$10,7,0)+IF('Standard Profiles'!$G$21=$B$17,14,0)+IF('Standard Profiles'!$G$21=$B$24,21,0),MOD($C3401,24)+1)/SUM(INDEX($D$3:$AA$30,INDEX(Jesper!$R$2:$R$366,ROW(INDEX(Jesper!AK$2:AK$366,ROUNDDOWN($C3401/24,0)+1,1))-1)+IF('Standard Profiles'!$G$21=$B$10,7,0)+IF('Standard Profiles'!$G$21=$B$17,14,0)+IF('Standard Profiles'!$G$21=$B$24,21,0),0)),0)</f>
        <v>0</v>
      </c>
      <c r="H3401" cm="1">
        <f t="array" ref="H3401">IFERROR(INDEX(Jesper!AL$2:AL$366,ROUNDDOWN($C3401/24,0)+1,1)*INDEX($D$3:$AA$30,INDEX(Jesper!$R$2:$R$366,ROW(INDEX(Jesper!AL$2:AL$366,ROUNDDOWN($C3401/24,0)+1,1))-1)+IF('Standard Profiles'!$G$22=$B$10,7,0)+IF('Standard Profiles'!$G$22=$B$17,14,0)+IF('Standard Profiles'!$G$22=$B$24,21,0),MOD($C3401,24)+1)/SUM(INDEX($D$3:$AA$30,INDEX(Jesper!$R$2:$R$366,ROW(INDEX(Jesper!AL$2:AL$366,ROUNDDOWN($C3401/24,0)+1,1))-1)+IF('Standard Profiles'!$G$22=$B$10,7,0)+IF('Standard Profiles'!$G$22=$B$17,14,0)+IF('Standard Profiles'!$G$22=$B$24,21,0),0)),0)</f>
        <v>0</v>
      </c>
      <c r="I3401">
        <f t="shared" si="384"/>
        <v>0.35546204290204469</v>
      </c>
      <c r="J3401">
        <f t="shared" si="385"/>
        <v>1.1848734763401489</v>
      </c>
      <c r="K3401">
        <f t="shared" si="386"/>
        <v>1.7773102145102235</v>
      </c>
      <c r="L3401">
        <f t="shared" si="387"/>
        <v>8.5310890296490722</v>
      </c>
      <c r="M3401">
        <f t="shared" si="388"/>
        <v>0</v>
      </c>
      <c r="N3401" s="46">
        <f t="shared" si="389"/>
        <v>45432.291666658501</v>
      </c>
    </row>
    <row r="3402" spans="2:14" x14ac:dyDescent="0.3">
      <c r="B3402">
        <f t="shared" si="383"/>
        <v>1</v>
      </c>
      <c r="C3402" s="16">
        <v>3368</v>
      </c>
      <c r="D3402" cm="1">
        <f t="array" ref="D3402">IFERROR(INDEX(Jesper!AH$2:AH$366,ROUNDDOWN($C3402/24,0)+1,1)*INDEX($D$3:$AA$30,INDEX(Jesper!$R$2:$R$366,ROW(INDEX(Jesper!AH$2:AH$366,ROUNDDOWN($C3402/24,0)+1,1))-1)+IF('Standard Profiles'!$G$18=$B$10,7,0)+IF('Standard Profiles'!$G$18=$B$17,14,0)+IF('Standard Profiles'!$G$18=$B$24,21,0),MOD($C3402,24)+1)/SUM(INDEX($D$3:$AA$30,INDEX(Jesper!$R$2:$R$366,ROW(INDEX(Jesper!AH$2:AH$366,ROUNDDOWN($C3402/24,0)+1,1))-1)+IF('Standard Profiles'!$G$18=$B$10,7,0)+IF('Standard Profiles'!$G$18=$B$17,14,0)+IF('Standard Profiles'!$G$18=$B$24,21,0),0)),0)</f>
        <v>11.84873476340149</v>
      </c>
      <c r="E3402" cm="1">
        <f t="array" ref="E3402">IFERROR(INDEX(Jesper!AI$2:AI$366,ROUNDDOWN($C3402/24,0)+1,1)*INDEX($D$3:$AA$30,INDEX(Jesper!$R$2:$R$366,ROW(INDEX(Jesper!AI$2:AI$366,ROUNDDOWN($C3402/24,0)+1,1))-1)+IF('Standard Profiles'!$G$19=$B$10,7,0)+IF('Standard Profiles'!$G$19=$B$17,14,0)+IF('Standard Profiles'!$G$19=$B$24,21,0),MOD($C3402,24)+1)/SUM(INDEX($D$3:$AA$30,INDEX(Jesper!$R$2:$R$366,ROW(INDEX(Jesper!AI$2:AI$366,ROUNDDOWN($C3402/24,0)+1,1))-1)+IF('Standard Profiles'!$G$19=$B$10,7,0)+IF('Standard Profiles'!$G$19=$B$17,14,0)+IF('Standard Profiles'!$G$19=$B$24,21,0),0)),0)</f>
        <v>0</v>
      </c>
      <c r="F3402" cm="1">
        <f t="array" ref="F3402">IFERROR(INDEX(Jesper!AJ$2:AJ$366,ROUNDDOWN($C3402/24,0)+1,1)*INDEX($D$3:$AA$30,INDEX(Jesper!$R$2:$R$366,ROW(INDEX(Jesper!AJ$2:AJ$366,ROUNDDOWN($C3402/24,0)+1,1))-1)+IF('Standard Profiles'!$G$20=$B$10,7,0)+IF('Standard Profiles'!$G$20=$B$17,14,0)+IF('Standard Profiles'!$G$20=$B$24,21,0),MOD($C3402,24)+1)/SUM(INDEX($D$3:$AA$30,INDEX(Jesper!$R$2:$R$366,ROW(INDEX(Jesper!AJ$2:AJ$366,ROUNDDOWN($C3402/24,0)+1,1))-1)+IF('Standard Profiles'!$G$20=$B$10,7,0)+IF('Standard Profiles'!$G$20=$B$17,14,0)+IF('Standard Profiles'!$G$20=$B$24,21,0),0)),0)</f>
        <v>0</v>
      </c>
      <c r="G3402" cm="1">
        <f t="array" ref="G3402">IFERROR(INDEX(Jesper!AK$2:AK$366,ROUNDDOWN($C3402/24,0)+1,1)*INDEX($D$3:$AA$30,INDEX(Jesper!$R$2:$R$366,ROW(INDEX(Jesper!AK$2:AK$366,ROUNDDOWN($C3402/24,0)+1,1))-1)+IF('Standard Profiles'!$G$21=$B$10,7,0)+IF('Standard Profiles'!$G$21=$B$17,14,0)+IF('Standard Profiles'!$G$21=$B$24,21,0),MOD($C3402,24)+1)/SUM(INDEX($D$3:$AA$30,INDEX(Jesper!$R$2:$R$366,ROW(INDEX(Jesper!AK$2:AK$366,ROUNDDOWN($C3402/24,0)+1,1))-1)+IF('Standard Profiles'!$G$21=$B$10,7,0)+IF('Standard Profiles'!$G$21=$B$17,14,0)+IF('Standard Profiles'!$G$21=$B$24,21,0),0)),0)</f>
        <v>0</v>
      </c>
      <c r="H3402" cm="1">
        <f t="array" ref="H3402">IFERROR(INDEX(Jesper!AL$2:AL$366,ROUNDDOWN($C3402/24,0)+1,1)*INDEX($D$3:$AA$30,INDEX(Jesper!$R$2:$R$366,ROW(INDEX(Jesper!AL$2:AL$366,ROUNDDOWN($C3402/24,0)+1,1))-1)+IF('Standard Profiles'!$G$22=$B$10,7,0)+IF('Standard Profiles'!$G$22=$B$17,14,0)+IF('Standard Profiles'!$G$22=$B$24,21,0),MOD($C3402,24)+1)/SUM(INDEX($D$3:$AA$30,INDEX(Jesper!$R$2:$R$366,ROW(INDEX(Jesper!AL$2:AL$366,ROUNDDOWN($C3402/24,0)+1,1))-1)+IF('Standard Profiles'!$G$22=$B$10,7,0)+IF('Standard Profiles'!$G$22=$B$17,14,0)+IF('Standard Profiles'!$G$22=$B$24,21,0),0)),0)</f>
        <v>0</v>
      </c>
      <c r="I3402">
        <f t="shared" si="384"/>
        <v>0.35546204290204469</v>
      </c>
      <c r="J3402">
        <f t="shared" si="385"/>
        <v>1.1848734763401489</v>
      </c>
      <c r="K3402">
        <f t="shared" si="386"/>
        <v>1.7773102145102235</v>
      </c>
      <c r="L3402">
        <f t="shared" si="387"/>
        <v>8.5310890296490722</v>
      </c>
      <c r="M3402">
        <f t="shared" si="388"/>
        <v>0</v>
      </c>
      <c r="N3402" s="46">
        <f t="shared" si="389"/>
        <v>45432.333333325165</v>
      </c>
    </row>
    <row r="3403" spans="2:14" x14ac:dyDescent="0.3">
      <c r="B3403">
        <f t="shared" si="383"/>
        <v>1</v>
      </c>
      <c r="C3403" s="16">
        <v>3369</v>
      </c>
      <c r="D3403" cm="1">
        <f t="array" ref="D3403">IFERROR(INDEX(Jesper!AH$2:AH$366,ROUNDDOWN($C3403/24,0)+1,1)*INDEX($D$3:$AA$30,INDEX(Jesper!$R$2:$R$366,ROW(INDEX(Jesper!AH$2:AH$366,ROUNDDOWN($C3403/24,0)+1,1))-1)+IF('Standard Profiles'!$G$18=$B$10,7,0)+IF('Standard Profiles'!$G$18=$B$17,14,0)+IF('Standard Profiles'!$G$18=$B$24,21,0),MOD($C3403,24)+1)/SUM(INDEX($D$3:$AA$30,INDEX(Jesper!$R$2:$R$366,ROW(INDEX(Jesper!AH$2:AH$366,ROUNDDOWN($C3403/24,0)+1,1))-1)+IF('Standard Profiles'!$G$18=$B$10,7,0)+IF('Standard Profiles'!$G$18=$B$17,14,0)+IF('Standard Profiles'!$G$18=$B$24,21,0),0)),0)</f>
        <v>12.652038815157523</v>
      </c>
      <c r="E3403" cm="1">
        <f t="array" ref="E3403">IFERROR(INDEX(Jesper!AI$2:AI$366,ROUNDDOWN($C3403/24,0)+1,1)*INDEX($D$3:$AA$30,INDEX(Jesper!$R$2:$R$366,ROW(INDEX(Jesper!AI$2:AI$366,ROUNDDOWN($C3403/24,0)+1,1))-1)+IF('Standard Profiles'!$G$19=$B$10,7,0)+IF('Standard Profiles'!$G$19=$B$17,14,0)+IF('Standard Profiles'!$G$19=$B$24,21,0),MOD($C3403,24)+1)/SUM(INDEX($D$3:$AA$30,INDEX(Jesper!$R$2:$R$366,ROW(INDEX(Jesper!AI$2:AI$366,ROUNDDOWN($C3403/24,0)+1,1))-1)+IF('Standard Profiles'!$G$19=$B$10,7,0)+IF('Standard Profiles'!$G$19=$B$17,14,0)+IF('Standard Profiles'!$G$19=$B$24,21,0),0)),0)</f>
        <v>0</v>
      </c>
      <c r="F3403" cm="1">
        <f t="array" ref="F3403">IFERROR(INDEX(Jesper!AJ$2:AJ$366,ROUNDDOWN($C3403/24,0)+1,1)*INDEX($D$3:$AA$30,INDEX(Jesper!$R$2:$R$366,ROW(INDEX(Jesper!AJ$2:AJ$366,ROUNDDOWN($C3403/24,0)+1,1))-1)+IF('Standard Profiles'!$G$20=$B$10,7,0)+IF('Standard Profiles'!$G$20=$B$17,14,0)+IF('Standard Profiles'!$G$20=$B$24,21,0),MOD($C3403,24)+1)/SUM(INDEX($D$3:$AA$30,INDEX(Jesper!$R$2:$R$366,ROW(INDEX(Jesper!AJ$2:AJ$366,ROUNDDOWN($C3403/24,0)+1,1))-1)+IF('Standard Profiles'!$G$20=$B$10,7,0)+IF('Standard Profiles'!$G$20=$B$17,14,0)+IF('Standard Profiles'!$G$20=$B$24,21,0),0)),0)</f>
        <v>0</v>
      </c>
      <c r="G3403" cm="1">
        <f t="array" ref="G3403">IFERROR(INDEX(Jesper!AK$2:AK$366,ROUNDDOWN($C3403/24,0)+1,1)*INDEX($D$3:$AA$30,INDEX(Jesper!$R$2:$R$366,ROW(INDEX(Jesper!AK$2:AK$366,ROUNDDOWN($C3403/24,0)+1,1))-1)+IF('Standard Profiles'!$G$21=$B$10,7,0)+IF('Standard Profiles'!$G$21=$B$17,14,0)+IF('Standard Profiles'!$G$21=$B$24,21,0),MOD($C3403,24)+1)/SUM(INDEX($D$3:$AA$30,INDEX(Jesper!$R$2:$R$366,ROW(INDEX(Jesper!AK$2:AK$366,ROUNDDOWN($C3403/24,0)+1,1))-1)+IF('Standard Profiles'!$G$21=$B$10,7,0)+IF('Standard Profiles'!$G$21=$B$17,14,0)+IF('Standard Profiles'!$G$21=$B$24,21,0),0)),0)</f>
        <v>0</v>
      </c>
      <c r="H3403" cm="1">
        <f t="array" ref="H3403">IFERROR(INDEX(Jesper!AL$2:AL$366,ROUNDDOWN($C3403/24,0)+1,1)*INDEX($D$3:$AA$30,INDEX(Jesper!$R$2:$R$366,ROW(INDEX(Jesper!AL$2:AL$366,ROUNDDOWN($C3403/24,0)+1,1))-1)+IF('Standard Profiles'!$G$22=$B$10,7,0)+IF('Standard Profiles'!$G$22=$B$17,14,0)+IF('Standard Profiles'!$G$22=$B$24,21,0),MOD($C3403,24)+1)/SUM(INDEX($D$3:$AA$30,INDEX(Jesper!$R$2:$R$366,ROW(INDEX(Jesper!AL$2:AL$366,ROUNDDOWN($C3403/24,0)+1,1))-1)+IF('Standard Profiles'!$G$22=$B$10,7,0)+IF('Standard Profiles'!$G$22=$B$17,14,0)+IF('Standard Profiles'!$G$22=$B$24,21,0),0)),0)</f>
        <v>0</v>
      </c>
      <c r="I3403">
        <f t="shared" si="384"/>
        <v>0.37956116445472565</v>
      </c>
      <c r="J3403">
        <f t="shared" si="385"/>
        <v>1.2652038815157525</v>
      </c>
      <c r="K3403">
        <f t="shared" si="386"/>
        <v>1.8978058222736283</v>
      </c>
      <c r="L3403">
        <f t="shared" si="387"/>
        <v>9.1094679469134157</v>
      </c>
      <c r="M3403">
        <f t="shared" si="388"/>
        <v>0</v>
      </c>
      <c r="N3403" s="46">
        <f t="shared" si="389"/>
        <v>45432.374999991829</v>
      </c>
    </row>
    <row r="3404" spans="2:14" x14ac:dyDescent="0.3">
      <c r="B3404">
        <f t="shared" si="383"/>
        <v>1</v>
      </c>
      <c r="C3404" s="16">
        <v>3370</v>
      </c>
      <c r="D3404" cm="1">
        <f t="array" ref="D3404">IFERROR(INDEX(Jesper!AH$2:AH$366,ROUNDDOWN($C3404/24,0)+1,1)*INDEX($D$3:$AA$30,INDEX(Jesper!$R$2:$R$366,ROW(INDEX(Jesper!AH$2:AH$366,ROUNDDOWN($C3404/24,0)+1,1))-1)+IF('Standard Profiles'!$G$18=$B$10,7,0)+IF('Standard Profiles'!$G$18=$B$17,14,0)+IF('Standard Profiles'!$G$18=$B$24,21,0),MOD($C3404,24)+1)/SUM(INDEX($D$3:$AA$30,INDEX(Jesper!$R$2:$R$366,ROW(INDEX(Jesper!AH$2:AH$366,ROUNDDOWN($C3404/24,0)+1,1))-1)+IF('Standard Profiles'!$G$18=$B$10,7,0)+IF('Standard Profiles'!$G$18=$B$17,14,0)+IF('Standard Profiles'!$G$18=$B$24,21,0),0)),0)</f>
        <v>12.652038815157523</v>
      </c>
      <c r="E3404" cm="1">
        <f t="array" ref="E3404">IFERROR(INDEX(Jesper!AI$2:AI$366,ROUNDDOWN($C3404/24,0)+1,1)*INDEX($D$3:$AA$30,INDEX(Jesper!$R$2:$R$366,ROW(INDEX(Jesper!AI$2:AI$366,ROUNDDOWN($C3404/24,0)+1,1))-1)+IF('Standard Profiles'!$G$19=$B$10,7,0)+IF('Standard Profiles'!$G$19=$B$17,14,0)+IF('Standard Profiles'!$G$19=$B$24,21,0),MOD($C3404,24)+1)/SUM(INDEX($D$3:$AA$30,INDEX(Jesper!$R$2:$R$366,ROW(INDEX(Jesper!AI$2:AI$366,ROUNDDOWN($C3404/24,0)+1,1))-1)+IF('Standard Profiles'!$G$19=$B$10,7,0)+IF('Standard Profiles'!$G$19=$B$17,14,0)+IF('Standard Profiles'!$G$19=$B$24,21,0),0)),0)</f>
        <v>0</v>
      </c>
      <c r="F3404" cm="1">
        <f t="array" ref="F3404">IFERROR(INDEX(Jesper!AJ$2:AJ$366,ROUNDDOWN($C3404/24,0)+1,1)*INDEX($D$3:$AA$30,INDEX(Jesper!$R$2:$R$366,ROW(INDEX(Jesper!AJ$2:AJ$366,ROUNDDOWN($C3404/24,0)+1,1))-1)+IF('Standard Profiles'!$G$20=$B$10,7,0)+IF('Standard Profiles'!$G$20=$B$17,14,0)+IF('Standard Profiles'!$G$20=$B$24,21,0),MOD($C3404,24)+1)/SUM(INDEX($D$3:$AA$30,INDEX(Jesper!$R$2:$R$366,ROW(INDEX(Jesper!AJ$2:AJ$366,ROUNDDOWN($C3404/24,0)+1,1))-1)+IF('Standard Profiles'!$G$20=$B$10,7,0)+IF('Standard Profiles'!$G$20=$B$17,14,0)+IF('Standard Profiles'!$G$20=$B$24,21,0),0)),0)</f>
        <v>0</v>
      </c>
      <c r="G3404" cm="1">
        <f t="array" ref="G3404">IFERROR(INDEX(Jesper!AK$2:AK$366,ROUNDDOWN($C3404/24,0)+1,1)*INDEX($D$3:$AA$30,INDEX(Jesper!$R$2:$R$366,ROW(INDEX(Jesper!AK$2:AK$366,ROUNDDOWN($C3404/24,0)+1,1))-1)+IF('Standard Profiles'!$G$21=$B$10,7,0)+IF('Standard Profiles'!$G$21=$B$17,14,0)+IF('Standard Profiles'!$G$21=$B$24,21,0),MOD($C3404,24)+1)/SUM(INDEX($D$3:$AA$30,INDEX(Jesper!$R$2:$R$366,ROW(INDEX(Jesper!AK$2:AK$366,ROUNDDOWN($C3404/24,0)+1,1))-1)+IF('Standard Profiles'!$G$21=$B$10,7,0)+IF('Standard Profiles'!$G$21=$B$17,14,0)+IF('Standard Profiles'!$G$21=$B$24,21,0),0)),0)</f>
        <v>0</v>
      </c>
      <c r="H3404" cm="1">
        <f t="array" ref="H3404">IFERROR(INDEX(Jesper!AL$2:AL$366,ROUNDDOWN($C3404/24,0)+1,1)*INDEX($D$3:$AA$30,INDEX(Jesper!$R$2:$R$366,ROW(INDEX(Jesper!AL$2:AL$366,ROUNDDOWN($C3404/24,0)+1,1))-1)+IF('Standard Profiles'!$G$22=$B$10,7,0)+IF('Standard Profiles'!$G$22=$B$17,14,0)+IF('Standard Profiles'!$G$22=$B$24,21,0),MOD($C3404,24)+1)/SUM(INDEX($D$3:$AA$30,INDEX(Jesper!$R$2:$R$366,ROW(INDEX(Jesper!AL$2:AL$366,ROUNDDOWN($C3404/24,0)+1,1))-1)+IF('Standard Profiles'!$G$22=$B$10,7,0)+IF('Standard Profiles'!$G$22=$B$17,14,0)+IF('Standard Profiles'!$G$22=$B$24,21,0),0)),0)</f>
        <v>0</v>
      </c>
      <c r="I3404">
        <f t="shared" si="384"/>
        <v>0.37956116445472565</v>
      </c>
      <c r="J3404">
        <f t="shared" si="385"/>
        <v>1.2652038815157525</v>
      </c>
      <c r="K3404">
        <f t="shared" si="386"/>
        <v>1.8978058222736283</v>
      </c>
      <c r="L3404">
        <f t="shared" si="387"/>
        <v>9.1094679469134157</v>
      </c>
      <c r="M3404">
        <f t="shared" si="388"/>
        <v>0</v>
      </c>
      <c r="N3404" s="46">
        <f t="shared" si="389"/>
        <v>45432.416666658493</v>
      </c>
    </row>
    <row r="3405" spans="2:14" x14ac:dyDescent="0.3">
      <c r="B3405">
        <f t="shared" si="383"/>
        <v>1</v>
      </c>
      <c r="C3405" s="16">
        <v>3371</v>
      </c>
      <c r="D3405" cm="1">
        <f t="array" ref="D3405">IFERROR(INDEX(Jesper!AH$2:AH$366,ROUNDDOWN($C3405/24,0)+1,1)*INDEX($D$3:$AA$30,INDEX(Jesper!$R$2:$R$366,ROW(INDEX(Jesper!AH$2:AH$366,ROUNDDOWN($C3405/24,0)+1,1))-1)+IF('Standard Profiles'!$G$18=$B$10,7,0)+IF('Standard Profiles'!$G$18=$B$17,14,0)+IF('Standard Profiles'!$G$18=$B$24,21,0),MOD($C3405,24)+1)/SUM(INDEX($D$3:$AA$30,INDEX(Jesper!$R$2:$R$366,ROW(INDEX(Jesper!AH$2:AH$366,ROUNDDOWN($C3405/24,0)+1,1))-1)+IF('Standard Profiles'!$G$18=$B$10,7,0)+IF('Standard Profiles'!$G$18=$B$17,14,0)+IF('Standard Profiles'!$G$18=$B$24,21,0),0)),0)</f>
        <v>16.066081035120664</v>
      </c>
      <c r="E3405" cm="1">
        <f t="array" ref="E3405">IFERROR(INDEX(Jesper!AI$2:AI$366,ROUNDDOWN($C3405/24,0)+1,1)*INDEX($D$3:$AA$30,INDEX(Jesper!$R$2:$R$366,ROW(INDEX(Jesper!AI$2:AI$366,ROUNDDOWN($C3405/24,0)+1,1))-1)+IF('Standard Profiles'!$G$19=$B$10,7,0)+IF('Standard Profiles'!$G$19=$B$17,14,0)+IF('Standard Profiles'!$G$19=$B$24,21,0),MOD($C3405,24)+1)/SUM(INDEX($D$3:$AA$30,INDEX(Jesper!$R$2:$R$366,ROW(INDEX(Jesper!AI$2:AI$366,ROUNDDOWN($C3405/24,0)+1,1))-1)+IF('Standard Profiles'!$G$19=$B$10,7,0)+IF('Standard Profiles'!$G$19=$B$17,14,0)+IF('Standard Profiles'!$G$19=$B$24,21,0),0)),0)</f>
        <v>0</v>
      </c>
      <c r="F3405" cm="1">
        <f t="array" ref="F3405">IFERROR(INDEX(Jesper!AJ$2:AJ$366,ROUNDDOWN($C3405/24,0)+1,1)*INDEX($D$3:$AA$30,INDEX(Jesper!$R$2:$R$366,ROW(INDEX(Jesper!AJ$2:AJ$366,ROUNDDOWN($C3405/24,0)+1,1))-1)+IF('Standard Profiles'!$G$20=$B$10,7,0)+IF('Standard Profiles'!$G$20=$B$17,14,0)+IF('Standard Profiles'!$G$20=$B$24,21,0),MOD($C3405,24)+1)/SUM(INDEX($D$3:$AA$30,INDEX(Jesper!$R$2:$R$366,ROW(INDEX(Jesper!AJ$2:AJ$366,ROUNDDOWN($C3405/24,0)+1,1))-1)+IF('Standard Profiles'!$G$20=$B$10,7,0)+IF('Standard Profiles'!$G$20=$B$17,14,0)+IF('Standard Profiles'!$G$20=$B$24,21,0),0)),0)</f>
        <v>0</v>
      </c>
      <c r="G3405" cm="1">
        <f t="array" ref="G3405">IFERROR(INDEX(Jesper!AK$2:AK$366,ROUNDDOWN($C3405/24,0)+1,1)*INDEX($D$3:$AA$30,INDEX(Jesper!$R$2:$R$366,ROW(INDEX(Jesper!AK$2:AK$366,ROUNDDOWN($C3405/24,0)+1,1))-1)+IF('Standard Profiles'!$G$21=$B$10,7,0)+IF('Standard Profiles'!$G$21=$B$17,14,0)+IF('Standard Profiles'!$G$21=$B$24,21,0),MOD($C3405,24)+1)/SUM(INDEX($D$3:$AA$30,INDEX(Jesper!$R$2:$R$366,ROW(INDEX(Jesper!AK$2:AK$366,ROUNDDOWN($C3405/24,0)+1,1))-1)+IF('Standard Profiles'!$G$21=$B$10,7,0)+IF('Standard Profiles'!$G$21=$B$17,14,0)+IF('Standard Profiles'!$G$21=$B$24,21,0),0)),0)</f>
        <v>0</v>
      </c>
      <c r="H3405" cm="1">
        <f t="array" ref="H3405">IFERROR(INDEX(Jesper!AL$2:AL$366,ROUNDDOWN($C3405/24,0)+1,1)*INDEX($D$3:$AA$30,INDEX(Jesper!$R$2:$R$366,ROW(INDEX(Jesper!AL$2:AL$366,ROUNDDOWN($C3405/24,0)+1,1))-1)+IF('Standard Profiles'!$G$22=$B$10,7,0)+IF('Standard Profiles'!$G$22=$B$17,14,0)+IF('Standard Profiles'!$G$22=$B$24,21,0),MOD($C3405,24)+1)/SUM(INDEX($D$3:$AA$30,INDEX(Jesper!$R$2:$R$366,ROW(INDEX(Jesper!AL$2:AL$366,ROUNDDOWN($C3405/24,0)+1,1))-1)+IF('Standard Profiles'!$G$22=$B$10,7,0)+IF('Standard Profiles'!$G$22=$B$17,14,0)+IF('Standard Profiles'!$G$22=$B$24,21,0),0)),0)</f>
        <v>0</v>
      </c>
      <c r="I3405">
        <f t="shared" si="384"/>
        <v>0.48198243105361993</v>
      </c>
      <c r="J3405">
        <f t="shared" si="385"/>
        <v>1.6066081035120665</v>
      </c>
      <c r="K3405">
        <f t="shared" si="386"/>
        <v>2.4099121552680995</v>
      </c>
      <c r="L3405">
        <f t="shared" si="387"/>
        <v>11.567578345286877</v>
      </c>
      <c r="M3405">
        <f t="shared" si="388"/>
        <v>0</v>
      </c>
      <c r="N3405" s="46">
        <f t="shared" si="389"/>
        <v>45432.458333325158</v>
      </c>
    </row>
    <row r="3406" spans="2:14" x14ac:dyDescent="0.3">
      <c r="B3406">
        <f t="shared" si="383"/>
        <v>1</v>
      </c>
      <c r="C3406" s="16">
        <v>3372</v>
      </c>
      <c r="D3406" cm="1">
        <f t="array" ref="D3406">IFERROR(INDEX(Jesper!AH$2:AH$366,ROUNDDOWN($C3406/24,0)+1,1)*INDEX($D$3:$AA$30,INDEX(Jesper!$R$2:$R$366,ROW(INDEX(Jesper!AH$2:AH$366,ROUNDDOWN($C3406/24,0)+1,1))-1)+IF('Standard Profiles'!$G$18=$B$10,7,0)+IF('Standard Profiles'!$G$18=$B$17,14,0)+IF('Standard Profiles'!$G$18=$B$24,21,0),MOD($C3406,24)+1)/SUM(INDEX($D$3:$AA$30,INDEX(Jesper!$R$2:$R$366,ROW(INDEX(Jesper!AH$2:AH$366,ROUNDDOWN($C3406/24,0)+1,1))-1)+IF('Standard Profiles'!$G$18=$B$10,7,0)+IF('Standard Profiles'!$G$18=$B$17,14,0)+IF('Standard Profiles'!$G$18=$B$24,21,0),0)),0)</f>
        <v>16.066081035120664</v>
      </c>
      <c r="E3406" cm="1">
        <f t="array" ref="E3406">IFERROR(INDEX(Jesper!AI$2:AI$366,ROUNDDOWN($C3406/24,0)+1,1)*INDEX($D$3:$AA$30,INDEX(Jesper!$R$2:$R$366,ROW(INDEX(Jesper!AI$2:AI$366,ROUNDDOWN($C3406/24,0)+1,1))-1)+IF('Standard Profiles'!$G$19=$B$10,7,0)+IF('Standard Profiles'!$G$19=$B$17,14,0)+IF('Standard Profiles'!$G$19=$B$24,21,0),MOD($C3406,24)+1)/SUM(INDEX($D$3:$AA$30,INDEX(Jesper!$R$2:$R$366,ROW(INDEX(Jesper!AI$2:AI$366,ROUNDDOWN($C3406/24,0)+1,1))-1)+IF('Standard Profiles'!$G$19=$B$10,7,0)+IF('Standard Profiles'!$G$19=$B$17,14,0)+IF('Standard Profiles'!$G$19=$B$24,21,0),0)),0)</f>
        <v>0</v>
      </c>
      <c r="F3406" cm="1">
        <f t="array" ref="F3406">IFERROR(INDEX(Jesper!AJ$2:AJ$366,ROUNDDOWN($C3406/24,0)+1,1)*INDEX($D$3:$AA$30,INDEX(Jesper!$R$2:$R$366,ROW(INDEX(Jesper!AJ$2:AJ$366,ROUNDDOWN($C3406/24,0)+1,1))-1)+IF('Standard Profiles'!$G$20=$B$10,7,0)+IF('Standard Profiles'!$G$20=$B$17,14,0)+IF('Standard Profiles'!$G$20=$B$24,21,0),MOD($C3406,24)+1)/SUM(INDEX($D$3:$AA$30,INDEX(Jesper!$R$2:$R$366,ROW(INDEX(Jesper!AJ$2:AJ$366,ROUNDDOWN($C3406/24,0)+1,1))-1)+IF('Standard Profiles'!$G$20=$B$10,7,0)+IF('Standard Profiles'!$G$20=$B$17,14,0)+IF('Standard Profiles'!$G$20=$B$24,21,0),0)),0)</f>
        <v>0</v>
      </c>
      <c r="G3406" cm="1">
        <f t="array" ref="G3406">IFERROR(INDEX(Jesper!AK$2:AK$366,ROUNDDOWN($C3406/24,0)+1,1)*INDEX($D$3:$AA$30,INDEX(Jesper!$R$2:$R$366,ROW(INDEX(Jesper!AK$2:AK$366,ROUNDDOWN($C3406/24,0)+1,1))-1)+IF('Standard Profiles'!$G$21=$B$10,7,0)+IF('Standard Profiles'!$G$21=$B$17,14,0)+IF('Standard Profiles'!$G$21=$B$24,21,0),MOD($C3406,24)+1)/SUM(INDEX($D$3:$AA$30,INDEX(Jesper!$R$2:$R$366,ROW(INDEX(Jesper!AK$2:AK$366,ROUNDDOWN($C3406/24,0)+1,1))-1)+IF('Standard Profiles'!$G$21=$B$10,7,0)+IF('Standard Profiles'!$G$21=$B$17,14,0)+IF('Standard Profiles'!$G$21=$B$24,21,0),0)),0)</f>
        <v>0</v>
      </c>
      <c r="H3406" cm="1">
        <f t="array" ref="H3406">IFERROR(INDEX(Jesper!AL$2:AL$366,ROUNDDOWN($C3406/24,0)+1,1)*INDEX($D$3:$AA$30,INDEX(Jesper!$R$2:$R$366,ROW(INDEX(Jesper!AL$2:AL$366,ROUNDDOWN($C3406/24,0)+1,1))-1)+IF('Standard Profiles'!$G$22=$B$10,7,0)+IF('Standard Profiles'!$G$22=$B$17,14,0)+IF('Standard Profiles'!$G$22=$B$24,21,0),MOD($C3406,24)+1)/SUM(INDEX($D$3:$AA$30,INDEX(Jesper!$R$2:$R$366,ROW(INDEX(Jesper!AL$2:AL$366,ROUNDDOWN($C3406/24,0)+1,1))-1)+IF('Standard Profiles'!$G$22=$B$10,7,0)+IF('Standard Profiles'!$G$22=$B$17,14,0)+IF('Standard Profiles'!$G$22=$B$24,21,0),0)),0)</f>
        <v>0</v>
      </c>
      <c r="I3406">
        <f t="shared" si="384"/>
        <v>0.48198243105361993</v>
      </c>
      <c r="J3406">
        <f t="shared" si="385"/>
        <v>1.6066081035120665</v>
      </c>
      <c r="K3406">
        <f t="shared" si="386"/>
        <v>2.4099121552680995</v>
      </c>
      <c r="L3406">
        <f t="shared" si="387"/>
        <v>11.567578345286877</v>
      </c>
      <c r="M3406">
        <f t="shared" si="388"/>
        <v>0</v>
      </c>
      <c r="N3406" s="46">
        <f t="shared" si="389"/>
        <v>45432.499999991822</v>
      </c>
    </row>
    <row r="3407" spans="2:14" x14ac:dyDescent="0.3">
      <c r="B3407">
        <f t="shared" si="383"/>
        <v>1</v>
      </c>
      <c r="C3407" s="16">
        <v>3373</v>
      </c>
      <c r="D3407" cm="1">
        <f t="array" ref="D3407">IFERROR(INDEX(Jesper!AH$2:AH$366,ROUNDDOWN($C3407/24,0)+1,1)*INDEX($D$3:$AA$30,INDEX(Jesper!$R$2:$R$366,ROW(INDEX(Jesper!AH$2:AH$366,ROUNDDOWN($C3407/24,0)+1,1))-1)+IF('Standard Profiles'!$G$18=$B$10,7,0)+IF('Standard Profiles'!$G$18=$B$17,14,0)+IF('Standard Profiles'!$G$18=$B$24,21,0),MOD($C3407,24)+1)/SUM(INDEX($D$3:$AA$30,INDEX(Jesper!$R$2:$R$366,ROW(INDEX(Jesper!AH$2:AH$366,ROUNDDOWN($C3407/24,0)+1,1))-1)+IF('Standard Profiles'!$G$18=$B$10,7,0)+IF('Standard Profiles'!$G$18=$B$17,14,0)+IF('Standard Profiles'!$G$18=$B$24,21,0),0)),0)</f>
        <v>10.64377868576744</v>
      </c>
      <c r="E3407" cm="1">
        <f t="array" ref="E3407">IFERROR(INDEX(Jesper!AI$2:AI$366,ROUNDDOWN($C3407/24,0)+1,1)*INDEX($D$3:$AA$30,INDEX(Jesper!$R$2:$R$366,ROW(INDEX(Jesper!AI$2:AI$366,ROUNDDOWN($C3407/24,0)+1,1))-1)+IF('Standard Profiles'!$G$19=$B$10,7,0)+IF('Standard Profiles'!$G$19=$B$17,14,0)+IF('Standard Profiles'!$G$19=$B$24,21,0),MOD($C3407,24)+1)/SUM(INDEX($D$3:$AA$30,INDEX(Jesper!$R$2:$R$366,ROW(INDEX(Jesper!AI$2:AI$366,ROUNDDOWN($C3407/24,0)+1,1))-1)+IF('Standard Profiles'!$G$19=$B$10,7,0)+IF('Standard Profiles'!$G$19=$B$17,14,0)+IF('Standard Profiles'!$G$19=$B$24,21,0),0)),0)</f>
        <v>0</v>
      </c>
      <c r="F3407" cm="1">
        <f t="array" ref="F3407">IFERROR(INDEX(Jesper!AJ$2:AJ$366,ROUNDDOWN($C3407/24,0)+1,1)*INDEX($D$3:$AA$30,INDEX(Jesper!$R$2:$R$366,ROW(INDEX(Jesper!AJ$2:AJ$366,ROUNDDOWN($C3407/24,0)+1,1))-1)+IF('Standard Profiles'!$G$20=$B$10,7,0)+IF('Standard Profiles'!$G$20=$B$17,14,0)+IF('Standard Profiles'!$G$20=$B$24,21,0),MOD($C3407,24)+1)/SUM(INDEX($D$3:$AA$30,INDEX(Jesper!$R$2:$R$366,ROW(INDEX(Jesper!AJ$2:AJ$366,ROUNDDOWN($C3407/24,0)+1,1))-1)+IF('Standard Profiles'!$G$20=$B$10,7,0)+IF('Standard Profiles'!$G$20=$B$17,14,0)+IF('Standard Profiles'!$G$20=$B$24,21,0),0)),0)</f>
        <v>0</v>
      </c>
      <c r="G3407" cm="1">
        <f t="array" ref="G3407">IFERROR(INDEX(Jesper!AK$2:AK$366,ROUNDDOWN($C3407/24,0)+1,1)*INDEX($D$3:$AA$30,INDEX(Jesper!$R$2:$R$366,ROW(INDEX(Jesper!AK$2:AK$366,ROUNDDOWN($C3407/24,0)+1,1))-1)+IF('Standard Profiles'!$G$21=$B$10,7,0)+IF('Standard Profiles'!$G$21=$B$17,14,0)+IF('Standard Profiles'!$G$21=$B$24,21,0),MOD($C3407,24)+1)/SUM(INDEX($D$3:$AA$30,INDEX(Jesper!$R$2:$R$366,ROW(INDEX(Jesper!AK$2:AK$366,ROUNDDOWN($C3407/24,0)+1,1))-1)+IF('Standard Profiles'!$G$21=$B$10,7,0)+IF('Standard Profiles'!$G$21=$B$17,14,0)+IF('Standard Profiles'!$G$21=$B$24,21,0),0)),0)</f>
        <v>0</v>
      </c>
      <c r="H3407" cm="1">
        <f t="array" ref="H3407">IFERROR(INDEX(Jesper!AL$2:AL$366,ROUNDDOWN($C3407/24,0)+1,1)*INDEX($D$3:$AA$30,INDEX(Jesper!$R$2:$R$366,ROW(INDEX(Jesper!AL$2:AL$366,ROUNDDOWN($C3407/24,0)+1,1))-1)+IF('Standard Profiles'!$G$22=$B$10,7,0)+IF('Standard Profiles'!$G$22=$B$17,14,0)+IF('Standard Profiles'!$G$22=$B$24,21,0),MOD($C3407,24)+1)/SUM(INDEX($D$3:$AA$30,INDEX(Jesper!$R$2:$R$366,ROW(INDEX(Jesper!AL$2:AL$366,ROUNDDOWN($C3407/24,0)+1,1))-1)+IF('Standard Profiles'!$G$22=$B$10,7,0)+IF('Standard Profiles'!$G$22=$B$17,14,0)+IF('Standard Profiles'!$G$22=$B$24,21,0),0)),0)</f>
        <v>0</v>
      </c>
      <c r="I3407">
        <f t="shared" si="384"/>
        <v>0.31931336057302317</v>
      </c>
      <c r="J3407">
        <f t="shared" si="385"/>
        <v>1.064377868576744</v>
      </c>
      <c r="K3407">
        <f t="shared" si="386"/>
        <v>1.5965668028651161</v>
      </c>
      <c r="L3407">
        <f t="shared" si="387"/>
        <v>7.6635206537525571</v>
      </c>
      <c r="M3407">
        <f t="shared" si="388"/>
        <v>0</v>
      </c>
      <c r="N3407" s="46">
        <f t="shared" si="389"/>
        <v>45432.541666658486</v>
      </c>
    </row>
    <row r="3408" spans="2:14" x14ac:dyDescent="0.3">
      <c r="B3408">
        <f t="shared" si="383"/>
        <v>1</v>
      </c>
      <c r="C3408" s="16">
        <v>3374</v>
      </c>
      <c r="D3408" cm="1">
        <f t="array" ref="D3408">IFERROR(INDEX(Jesper!AH$2:AH$366,ROUNDDOWN($C3408/24,0)+1,1)*INDEX($D$3:$AA$30,INDEX(Jesper!$R$2:$R$366,ROW(INDEX(Jesper!AH$2:AH$366,ROUNDDOWN($C3408/24,0)+1,1))-1)+IF('Standard Profiles'!$G$18=$B$10,7,0)+IF('Standard Profiles'!$G$18=$B$17,14,0)+IF('Standard Profiles'!$G$18=$B$24,21,0),MOD($C3408,24)+1)/SUM(INDEX($D$3:$AA$30,INDEX(Jesper!$R$2:$R$366,ROW(INDEX(Jesper!AH$2:AH$366,ROUNDDOWN($C3408/24,0)+1,1))-1)+IF('Standard Profiles'!$G$18=$B$10,7,0)+IF('Standard Profiles'!$G$18=$B$17,14,0)+IF('Standard Profiles'!$G$18=$B$24,21,0),0)),0)</f>
        <v>16.066081035120664</v>
      </c>
      <c r="E3408" cm="1">
        <f t="array" ref="E3408">IFERROR(INDEX(Jesper!AI$2:AI$366,ROUNDDOWN($C3408/24,0)+1,1)*INDEX($D$3:$AA$30,INDEX(Jesper!$R$2:$R$366,ROW(INDEX(Jesper!AI$2:AI$366,ROUNDDOWN($C3408/24,0)+1,1))-1)+IF('Standard Profiles'!$G$19=$B$10,7,0)+IF('Standard Profiles'!$G$19=$B$17,14,0)+IF('Standard Profiles'!$G$19=$B$24,21,0),MOD($C3408,24)+1)/SUM(INDEX($D$3:$AA$30,INDEX(Jesper!$R$2:$R$366,ROW(INDEX(Jesper!AI$2:AI$366,ROUNDDOWN($C3408/24,0)+1,1))-1)+IF('Standard Profiles'!$G$19=$B$10,7,0)+IF('Standard Profiles'!$G$19=$B$17,14,0)+IF('Standard Profiles'!$G$19=$B$24,21,0),0)),0)</f>
        <v>0</v>
      </c>
      <c r="F3408" cm="1">
        <f t="array" ref="F3408">IFERROR(INDEX(Jesper!AJ$2:AJ$366,ROUNDDOWN($C3408/24,0)+1,1)*INDEX($D$3:$AA$30,INDEX(Jesper!$R$2:$R$366,ROW(INDEX(Jesper!AJ$2:AJ$366,ROUNDDOWN($C3408/24,0)+1,1))-1)+IF('Standard Profiles'!$G$20=$B$10,7,0)+IF('Standard Profiles'!$G$20=$B$17,14,0)+IF('Standard Profiles'!$G$20=$B$24,21,0),MOD($C3408,24)+1)/SUM(INDEX($D$3:$AA$30,INDEX(Jesper!$R$2:$R$366,ROW(INDEX(Jesper!AJ$2:AJ$366,ROUNDDOWN($C3408/24,0)+1,1))-1)+IF('Standard Profiles'!$G$20=$B$10,7,0)+IF('Standard Profiles'!$G$20=$B$17,14,0)+IF('Standard Profiles'!$G$20=$B$24,21,0),0)),0)</f>
        <v>0</v>
      </c>
      <c r="G3408" cm="1">
        <f t="array" ref="G3408">IFERROR(INDEX(Jesper!AK$2:AK$366,ROUNDDOWN($C3408/24,0)+1,1)*INDEX($D$3:$AA$30,INDEX(Jesper!$R$2:$R$366,ROW(INDEX(Jesper!AK$2:AK$366,ROUNDDOWN($C3408/24,0)+1,1))-1)+IF('Standard Profiles'!$G$21=$B$10,7,0)+IF('Standard Profiles'!$G$21=$B$17,14,0)+IF('Standard Profiles'!$G$21=$B$24,21,0),MOD($C3408,24)+1)/SUM(INDEX($D$3:$AA$30,INDEX(Jesper!$R$2:$R$366,ROW(INDEX(Jesper!AK$2:AK$366,ROUNDDOWN($C3408/24,0)+1,1))-1)+IF('Standard Profiles'!$G$21=$B$10,7,0)+IF('Standard Profiles'!$G$21=$B$17,14,0)+IF('Standard Profiles'!$G$21=$B$24,21,0),0)),0)</f>
        <v>0</v>
      </c>
      <c r="H3408" cm="1">
        <f t="array" ref="H3408">IFERROR(INDEX(Jesper!AL$2:AL$366,ROUNDDOWN($C3408/24,0)+1,1)*INDEX($D$3:$AA$30,INDEX(Jesper!$R$2:$R$366,ROW(INDEX(Jesper!AL$2:AL$366,ROUNDDOWN($C3408/24,0)+1,1))-1)+IF('Standard Profiles'!$G$22=$B$10,7,0)+IF('Standard Profiles'!$G$22=$B$17,14,0)+IF('Standard Profiles'!$G$22=$B$24,21,0),MOD($C3408,24)+1)/SUM(INDEX($D$3:$AA$30,INDEX(Jesper!$R$2:$R$366,ROW(INDEX(Jesper!AL$2:AL$366,ROUNDDOWN($C3408/24,0)+1,1))-1)+IF('Standard Profiles'!$G$22=$B$10,7,0)+IF('Standard Profiles'!$G$22=$B$17,14,0)+IF('Standard Profiles'!$G$22=$B$24,21,0),0)),0)</f>
        <v>0</v>
      </c>
      <c r="I3408">
        <f t="shared" si="384"/>
        <v>0.48198243105361993</v>
      </c>
      <c r="J3408">
        <f t="shared" si="385"/>
        <v>1.6066081035120665</v>
      </c>
      <c r="K3408">
        <f t="shared" si="386"/>
        <v>2.4099121552680995</v>
      </c>
      <c r="L3408">
        <f t="shared" si="387"/>
        <v>11.567578345286877</v>
      </c>
      <c r="M3408">
        <f t="shared" si="388"/>
        <v>0</v>
      </c>
      <c r="N3408" s="46">
        <f t="shared" si="389"/>
        <v>45432.58333332515</v>
      </c>
    </row>
    <row r="3409" spans="2:14" x14ac:dyDescent="0.3">
      <c r="B3409">
        <f t="shared" si="383"/>
        <v>1</v>
      </c>
      <c r="C3409" s="16">
        <v>3375</v>
      </c>
      <c r="D3409" cm="1">
        <f t="array" ref="D3409">IFERROR(INDEX(Jesper!AH$2:AH$366,ROUNDDOWN($C3409/24,0)+1,1)*INDEX($D$3:$AA$30,INDEX(Jesper!$R$2:$R$366,ROW(INDEX(Jesper!AH$2:AH$366,ROUNDDOWN($C3409/24,0)+1,1))-1)+IF('Standard Profiles'!$G$18=$B$10,7,0)+IF('Standard Profiles'!$G$18=$B$17,14,0)+IF('Standard Profiles'!$G$18=$B$24,21,0),MOD($C3409,24)+1)/SUM(INDEX($D$3:$AA$30,INDEX(Jesper!$R$2:$R$366,ROW(INDEX(Jesper!AH$2:AH$366,ROUNDDOWN($C3409/24,0)+1,1))-1)+IF('Standard Profiles'!$G$18=$B$10,7,0)+IF('Standard Profiles'!$G$18=$B$17,14,0)+IF('Standard Profiles'!$G$18=$B$24,21,0),0)),0)</f>
        <v>16.066081035120664</v>
      </c>
      <c r="E3409" cm="1">
        <f t="array" ref="E3409">IFERROR(INDEX(Jesper!AI$2:AI$366,ROUNDDOWN($C3409/24,0)+1,1)*INDEX($D$3:$AA$30,INDEX(Jesper!$R$2:$R$366,ROW(INDEX(Jesper!AI$2:AI$366,ROUNDDOWN($C3409/24,0)+1,1))-1)+IF('Standard Profiles'!$G$19=$B$10,7,0)+IF('Standard Profiles'!$G$19=$B$17,14,0)+IF('Standard Profiles'!$G$19=$B$24,21,0),MOD($C3409,24)+1)/SUM(INDEX($D$3:$AA$30,INDEX(Jesper!$R$2:$R$366,ROW(INDEX(Jesper!AI$2:AI$366,ROUNDDOWN($C3409/24,0)+1,1))-1)+IF('Standard Profiles'!$G$19=$B$10,7,0)+IF('Standard Profiles'!$G$19=$B$17,14,0)+IF('Standard Profiles'!$G$19=$B$24,21,0),0)),0)</f>
        <v>0</v>
      </c>
      <c r="F3409" cm="1">
        <f t="array" ref="F3409">IFERROR(INDEX(Jesper!AJ$2:AJ$366,ROUNDDOWN($C3409/24,0)+1,1)*INDEX($D$3:$AA$30,INDEX(Jesper!$R$2:$R$366,ROW(INDEX(Jesper!AJ$2:AJ$366,ROUNDDOWN($C3409/24,0)+1,1))-1)+IF('Standard Profiles'!$G$20=$B$10,7,0)+IF('Standard Profiles'!$G$20=$B$17,14,0)+IF('Standard Profiles'!$G$20=$B$24,21,0),MOD($C3409,24)+1)/SUM(INDEX($D$3:$AA$30,INDEX(Jesper!$R$2:$R$366,ROW(INDEX(Jesper!AJ$2:AJ$366,ROUNDDOWN($C3409/24,0)+1,1))-1)+IF('Standard Profiles'!$G$20=$B$10,7,0)+IF('Standard Profiles'!$G$20=$B$17,14,0)+IF('Standard Profiles'!$G$20=$B$24,21,0),0)),0)</f>
        <v>0</v>
      </c>
      <c r="G3409" cm="1">
        <f t="array" ref="G3409">IFERROR(INDEX(Jesper!AK$2:AK$366,ROUNDDOWN($C3409/24,0)+1,1)*INDEX($D$3:$AA$30,INDEX(Jesper!$R$2:$R$366,ROW(INDEX(Jesper!AK$2:AK$366,ROUNDDOWN($C3409/24,0)+1,1))-1)+IF('Standard Profiles'!$G$21=$B$10,7,0)+IF('Standard Profiles'!$G$21=$B$17,14,0)+IF('Standard Profiles'!$G$21=$B$24,21,0),MOD($C3409,24)+1)/SUM(INDEX($D$3:$AA$30,INDEX(Jesper!$R$2:$R$366,ROW(INDEX(Jesper!AK$2:AK$366,ROUNDDOWN($C3409/24,0)+1,1))-1)+IF('Standard Profiles'!$G$21=$B$10,7,0)+IF('Standard Profiles'!$G$21=$B$17,14,0)+IF('Standard Profiles'!$G$21=$B$24,21,0),0)),0)</f>
        <v>0</v>
      </c>
      <c r="H3409" cm="1">
        <f t="array" ref="H3409">IFERROR(INDEX(Jesper!AL$2:AL$366,ROUNDDOWN($C3409/24,0)+1,1)*INDEX($D$3:$AA$30,INDEX(Jesper!$R$2:$R$366,ROW(INDEX(Jesper!AL$2:AL$366,ROUNDDOWN($C3409/24,0)+1,1))-1)+IF('Standard Profiles'!$G$22=$B$10,7,0)+IF('Standard Profiles'!$G$22=$B$17,14,0)+IF('Standard Profiles'!$G$22=$B$24,21,0),MOD($C3409,24)+1)/SUM(INDEX($D$3:$AA$30,INDEX(Jesper!$R$2:$R$366,ROW(INDEX(Jesper!AL$2:AL$366,ROUNDDOWN($C3409/24,0)+1,1))-1)+IF('Standard Profiles'!$G$22=$B$10,7,0)+IF('Standard Profiles'!$G$22=$B$17,14,0)+IF('Standard Profiles'!$G$22=$B$24,21,0),0)),0)</f>
        <v>0</v>
      </c>
      <c r="I3409">
        <f t="shared" si="384"/>
        <v>0.48198243105361993</v>
      </c>
      <c r="J3409">
        <f t="shared" si="385"/>
        <v>1.6066081035120665</v>
      </c>
      <c r="K3409">
        <f t="shared" si="386"/>
        <v>2.4099121552680995</v>
      </c>
      <c r="L3409">
        <f t="shared" si="387"/>
        <v>11.567578345286877</v>
      </c>
      <c r="M3409">
        <f t="shared" si="388"/>
        <v>0</v>
      </c>
      <c r="N3409" s="46">
        <f t="shared" si="389"/>
        <v>45432.624999991815</v>
      </c>
    </row>
    <row r="3410" spans="2:14" x14ac:dyDescent="0.3">
      <c r="B3410">
        <f t="shared" si="383"/>
        <v>1</v>
      </c>
      <c r="C3410" s="16">
        <v>3376</v>
      </c>
      <c r="D3410" cm="1">
        <f t="array" ref="D3410">IFERROR(INDEX(Jesper!AH$2:AH$366,ROUNDDOWN($C3410/24,0)+1,1)*INDEX($D$3:$AA$30,INDEX(Jesper!$R$2:$R$366,ROW(INDEX(Jesper!AH$2:AH$366,ROUNDDOWN($C3410/24,0)+1,1))-1)+IF('Standard Profiles'!$G$18=$B$10,7,0)+IF('Standard Profiles'!$G$18=$B$17,14,0)+IF('Standard Profiles'!$G$18=$B$24,21,0),MOD($C3410,24)+1)/SUM(INDEX($D$3:$AA$30,INDEX(Jesper!$R$2:$R$366,ROW(INDEX(Jesper!AH$2:AH$366,ROUNDDOWN($C3410/24,0)+1,1))-1)+IF('Standard Profiles'!$G$18=$B$10,7,0)+IF('Standard Profiles'!$G$18=$B$17,14,0)+IF('Standard Profiles'!$G$18=$B$24,21,0),0)),0)</f>
        <v>16.066081035120664</v>
      </c>
      <c r="E3410" cm="1">
        <f t="array" ref="E3410">IFERROR(INDEX(Jesper!AI$2:AI$366,ROUNDDOWN($C3410/24,0)+1,1)*INDEX($D$3:$AA$30,INDEX(Jesper!$R$2:$R$366,ROW(INDEX(Jesper!AI$2:AI$366,ROUNDDOWN($C3410/24,0)+1,1))-1)+IF('Standard Profiles'!$G$19=$B$10,7,0)+IF('Standard Profiles'!$G$19=$B$17,14,0)+IF('Standard Profiles'!$G$19=$B$24,21,0),MOD($C3410,24)+1)/SUM(INDEX($D$3:$AA$30,INDEX(Jesper!$R$2:$R$366,ROW(INDEX(Jesper!AI$2:AI$366,ROUNDDOWN($C3410/24,0)+1,1))-1)+IF('Standard Profiles'!$G$19=$B$10,7,0)+IF('Standard Profiles'!$G$19=$B$17,14,0)+IF('Standard Profiles'!$G$19=$B$24,21,0),0)),0)</f>
        <v>0</v>
      </c>
      <c r="F3410" cm="1">
        <f t="array" ref="F3410">IFERROR(INDEX(Jesper!AJ$2:AJ$366,ROUNDDOWN($C3410/24,0)+1,1)*INDEX($D$3:$AA$30,INDEX(Jesper!$R$2:$R$366,ROW(INDEX(Jesper!AJ$2:AJ$366,ROUNDDOWN($C3410/24,0)+1,1))-1)+IF('Standard Profiles'!$G$20=$B$10,7,0)+IF('Standard Profiles'!$G$20=$B$17,14,0)+IF('Standard Profiles'!$G$20=$B$24,21,0),MOD($C3410,24)+1)/SUM(INDEX($D$3:$AA$30,INDEX(Jesper!$R$2:$R$366,ROW(INDEX(Jesper!AJ$2:AJ$366,ROUNDDOWN($C3410/24,0)+1,1))-1)+IF('Standard Profiles'!$G$20=$B$10,7,0)+IF('Standard Profiles'!$G$20=$B$17,14,0)+IF('Standard Profiles'!$G$20=$B$24,21,0),0)),0)</f>
        <v>0</v>
      </c>
      <c r="G3410" cm="1">
        <f t="array" ref="G3410">IFERROR(INDEX(Jesper!AK$2:AK$366,ROUNDDOWN($C3410/24,0)+1,1)*INDEX($D$3:$AA$30,INDEX(Jesper!$R$2:$R$366,ROW(INDEX(Jesper!AK$2:AK$366,ROUNDDOWN($C3410/24,0)+1,1))-1)+IF('Standard Profiles'!$G$21=$B$10,7,0)+IF('Standard Profiles'!$G$21=$B$17,14,0)+IF('Standard Profiles'!$G$21=$B$24,21,0),MOD($C3410,24)+1)/SUM(INDEX($D$3:$AA$30,INDEX(Jesper!$R$2:$R$366,ROW(INDEX(Jesper!AK$2:AK$366,ROUNDDOWN($C3410/24,0)+1,1))-1)+IF('Standard Profiles'!$G$21=$B$10,7,0)+IF('Standard Profiles'!$G$21=$B$17,14,0)+IF('Standard Profiles'!$G$21=$B$24,21,0),0)),0)</f>
        <v>0</v>
      </c>
      <c r="H3410" cm="1">
        <f t="array" ref="H3410">IFERROR(INDEX(Jesper!AL$2:AL$366,ROUNDDOWN($C3410/24,0)+1,1)*INDEX($D$3:$AA$30,INDEX(Jesper!$R$2:$R$366,ROW(INDEX(Jesper!AL$2:AL$366,ROUNDDOWN($C3410/24,0)+1,1))-1)+IF('Standard Profiles'!$G$22=$B$10,7,0)+IF('Standard Profiles'!$G$22=$B$17,14,0)+IF('Standard Profiles'!$G$22=$B$24,21,0),MOD($C3410,24)+1)/SUM(INDEX($D$3:$AA$30,INDEX(Jesper!$R$2:$R$366,ROW(INDEX(Jesper!AL$2:AL$366,ROUNDDOWN($C3410/24,0)+1,1))-1)+IF('Standard Profiles'!$G$22=$B$10,7,0)+IF('Standard Profiles'!$G$22=$B$17,14,0)+IF('Standard Profiles'!$G$22=$B$24,21,0),0)),0)</f>
        <v>0</v>
      </c>
      <c r="I3410">
        <f t="shared" si="384"/>
        <v>0.48198243105361993</v>
      </c>
      <c r="J3410">
        <f t="shared" si="385"/>
        <v>1.6066081035120665</v>
      </c>
      <c r="K3410">
        <f t="shared" si="386"/>
        <v>2.4099121552680995</v>
      </c>
      <c r="L3410">
        <f t="shared" si="387"/>
        <v>11.567578345286877</v>
      </c>
      <c r="M3410">
        <f t="shared" si="388"/>
        <v>0</v>
      </c>
      <c r="N3410" s="46">
        <f t="shared" si="389"/>
        <v>45432.666666658479</v>
      </c>
    </row>
    <row r="3411" spans="2:14" x14ac:dyDescent="0.3">
      <c r="B3411">
        <f t="shared" si="383"/>
        <v>1</v>
      </c>
      <c r="C3411" s="16">
        <v>3377</v>
      </c>
      <c r="D3411" cm="1">
        <f t="array" ref="D3411">IFERROR(INDEX(Jesper!AH$2:AH$366,ROUNDDOWN($C3411/24,0)+1,1)*INDEX($D$3:$AA$30,INDEX(Jesper!$R$2:$R$366,ROW(INDEX(Jesper!AH$2:AH$366,ROUNDDOWN($C3411/24,0)+1,1))-1)+IF('Standard Profiles'!$G$18=$B$10,7,0)+IF('Standard Profiles'!$G$18=$B$17,14,0)+IF('Standard Profiles'!$G$18=$B$24,21,0),MOD($C3411,24)+1)/SUM(INDEX($D$3:$AA$30,INDEX(Jesper!$R$2:$R$366,ROW(INDEX(Jesper!AH$2:AH$366,ROUNDDOWN($C3411/24,0)+1,1))-1)+IF('Standard Profiles'!$G$18=$B$10,7,0)+IF('Standard Profiles'!$G$18=$B$17,14,0)+IF('Standard Profiles'!$G$18=$B$24,21,0),0)),0)</f>
        <v>16.066081035120664</v>
      </c>
      <c r="E3411" cm="1">
        <f t="array" ref="E3411">IFERROR(INDEX(Jesper!AI$2:AI$366,ROUNDDOWN($C3411/24,0)+1,1)*INDEX($D$3:$AA$30,INDEX(Jesper!$R$2:$R$366,ROW(INDEX(Jesper!AI$2:AI$366,ROUNDDOWN($C3411/24,0)+1,1))-1)+IF('Standard Profiles'!$G$19=$B$10,7,0)+IF('Standard Profiles'!$G$19=$B$17,14,0)+IF('Standard Profiles'!$G$19=$B$24,21,0),MOD($C3411,24)+1)/SUM(INDEX($D$3:$AA$30,INDEX(Jesper!$R$2:$R$366,ROW(INDEX(Jesper!AI$2:AI$366,ROUNDDOWN($C3411/24,0)+1,1))-1)+IF('Standard Profiles'!$G$19=$B$10,7,0)+IF('Standard Profiles'!$G$19=$B$17,14,0)+IF('Standard Profiles'!$G$19=$B$24,21,0),0)),0)</f>
        <v>0</v>
      </c>
      <c r="F3411" cm="1">
        <f t="array" ref="F3411">IFERROR(INDEX(Jesper!AJ$2:AJ$366,ROUNDDOWN($C3411/24,0)+1,1)*INDEX($D$3:$AA$30,INDEX(Jesper!$R$2:$R$366,ROW(INDEX(Jesper!AJ$2:AJ$366,ROUNDDOWN($C3411/24,0)+1,1))-1)+IF('Standard Profiles'!$G$20=$B$10,7,0)+IF('Standard Profiles'!$G$20=$B$17,14,0)+IF('Standard Profiles'!$G$20=$B$24,21,0),MOD($C3411,24)+1)/SUM(INDEX($D$3:$AA$30,INDEX(Jesper!$R$2:$R$366,ROW(INDEX(Jesper!AJ$2:AJ$366,ROUNDDOWN($C3411/24,0)+1,1))-1)+IF('Standard Profiles'!$G$20=$B$10,7,0)+IF('Standard Profiles'!$G$20=$B$17,14,0)+IF('Standard Profiles'!$G$20=$B$24,21,0),0)),0)</f>
        <v>0</v>
      </c>
      <c r="G3411" cm="1">
        <f t="array" ref="G3411">IFERROR(INDEX(Jesper!AK$2:AK$366,ROUNDDOWN($C3411/24,0)+1,1)*INDEX($D$3:$AA$30,INDEX(Jesper!$R$2:$R$366,ROW(INDEX(Jesper!AK$2:AK$366,ROUNDDOWN($C3411/24,0)+1,1))-1)+IF('Standard Profiles'!$G$21=$B$10,7,0)+IF('Standard Profiles'!$G$21=$B$17,14,0)+IF('Standard Profiles'!$G$21=$B$24,21,0),MOD($C3411,24)+1)/SUM(INDEX($D$3:$AA$30,INDEX(Jesper!$R$2:$R$366,ROW(INDEX(Jesper!AK$2:AK$366,ROUNDDOWN($C3411/24,0)+1,1))-1)+IF('Standard Profiles'!$G$21=$B$10,7,0)+IF('Standard Profiles'!$G$21=$B$17,14,0)+IF('Standard Profiles'!$G$21=$B$24,21,0),0)),0)</f>
        <v>0</v>
      </c>
      <c r="H3411" cm="1">
        <f t="array" ref="H3411">IFERROR(INDEX(Jesper!AL$2:AL$366,ROUNDDOWN($C3411/24,0)+1,1)*INDEX($D$3:$AA$30,INDEX(Jesper!$R$2:$R$366,ROW(INDEX(Jesper!AL$2:AL$366,ROUNDDOWN($C3411/24,0)+1,1))-1)+IF('Standard Profiles'!$G$22=$B$10,7,0)+IF('Standard Profiles'!$G$22=$B$17,14,0)+IF('Standard Profiles'!$G$22=$B$24,21,0),MOD($C3411,24)+1)/SUM(INDEX($D$3:$AA$30,INDEX(Jesper!$R$2:$R$366,ROW(INDEX(Jesper!AL$2:AL$366,ROUNDDOWN($C3411/24,0)+1,1))-1)+IF('Standard Profiles'!$G$22=$B$10,7,0)+IF('Standard Profiles'!$G$22=$B$17,14,0)+IF('Standard Profiles'!$G$22=$B$24,21,0),0)),0)</f>
        <v>0</v>
      </c>
      <c r="I3411">
        <f t="shared" si="384"/>
        <v>0.48198243105361993</v>
      </c>
      <c r="J3411">
        <f t="shared" si="385"/>
        <v>1.6066081035120665</v>
      </c>
      <c r="K3411">
        <f t="shared" si="386"/>
        <v>2.4099121552680995</v>
      </c>
      <c r="L3411">
        <f t="shared" si="387"/>
        <v>11.567578345286877</v>
      </c>
      <c r="M3411">
        <f t="shared" si="388"/>
        <v>0</v>
      </c>
      <c r="N3411" s="46">
        <f t="shared" si="389"/>
        <v>45432.708333325143</v>
      </c>
    </row>
    <row r="3412" spans="2:14" x14ac:dyDescent="0.3">
      <c r="B3412">
        <f t="shared" si="383"/>
        <v>1</v>
      </c>
      <c r="C3412" s="16">
        <v>3378</v>
      </c>
      <c r="D3412" cm="1">
        <f t="array" ref="D3412">IFERROR(INDEX(Jesper!AH$2:AH$366,ROUNDDOWN($C3412/24,0)+1,1)*INDEX($D$3:$AA$30,INDEX(Jesper!$R$2:$R$366,ROW(INDEX(Jesper!AH$2:AH$366,ROUNDDOWN($C3412/24,0)+1,1))-1)+IF('Standard Profiles'!$G$18=$B$10,7,0)+IF('Standard Profiles'!$G$18=$B$17,14,0)+IF('Standard Profiles'!$G$18=$B$24,21,0),MOD($C3412,24)+1)/SUM(INDEX($D$3:$AA$30,INDEX(Jesper!$R$2:$R$366,ROW(INDEX(Jesper!AH$2:AH$366,ROUNDDOWN($C3412/24,0)+1,1))-1)+IF('Standard Profiles'!$G$18=$B$10,7,0)+IF('Standard Profiles'!$G$18=$B$17,14,0)+IF('Standard Profiles'!$G$18=$B$24,21,0),0)),0)</f>
        <v>16.066081035120664</v>
      </c>
      <c r="E3412" cm="1">
        <f t="array" ref="E3412">IFERROR(INDEX(Jesper!AI$2:AI$366,ROUNDDOWN($C3412/24,0)+1,1)*INDEX($D$3:$AA$30,INDEX(Jesper!$R$2:$R$366,ROW(INDEX(Jesper!AI$2:AI$366,ROUNDDOWN($C3412/24,0)+1,1))-1)+IF('Standard Profiles'!$G$19=$B$10,7,0)+IF('Standard Profiles'!$G$19=$B$17,14,0)+IF('Standard Profiles'!$G$19=$B$24,21,0),MOD($C3412,24)+1)/SUM(INDEX($D$3:$AA$30,INDEX(Jesper!$R$2:$R$366,ROW(INDEX(Jesper!AI$2:AI$366,ROUNDDOWN($C3412/24,0)+1,1))-1)+IF('Standard Profiles'!$G$19=$B$10,7,0)+IF('Standard Profiles'!$G$19=$B$17,14,0)+IF('Standard Profiles'!$G$19=$B$24,21,0),0)),0)</f>
        <v>0</v>
      </c>
      <c r="F3412" cm="1">
        <f t="array" ref="F3412">IFERROR(INDEX(Jesper!AJ$2:AJ$366,ROUNDDOWN($C3412/24,0)+1,1)*INDEX($D$3:$AA$30,INDEX(Jesper!$R$2:$R$366,ROW(INDEX(Jesper!AJ$2:AJ$366,ROUNDDOWN($C3412/24,0)+1,1))-1)+IF('Standard Profiles'!$G$20=$B$10,7,0)+IF('Standard Profiles'!$G$20=$B$17,14,0)+IF('Standard Profiles'!$G$20=$B$24,21,0),MOD($C3412,24)+1)/SUM(INDEX($D$3:$AA$30,INDEX(Jesper!$R$2:$R$366,ROW(INDEX(Jesper!AJ$2:AJ$366,ROUNDDOWN($C3412/24,0)+1,1))-1)+IF('Standard Profiles'!$G$20=$B$10,7,0)+IF('Standard Profiles'!$G$20=$B$17,14,0)+IF('Standard Profiles'!$G$20=$B$24,21,0),0)),0)</f>
        <v>0</v>
      </c>
      <c r="G3412" cm="1">
        <f t="array" ref="G3412">IFERROR(INDEX(Jesper!AK$2:AK$366,ROUNDDOWN($C3412/24,0)+1,1)*INDEX($D$3:$AA$30,INDEX(Jesper!$R$2:$R$366,ROW(INDEX(Jesper!AK$2:AK$366,ROUNDDOWN($C3412/24,0)+1,1))-1)+IF('Standard Profiles'!$G$21=$B$10,7,0)+IF('Standard Profiles'!$G$21=$B$17,14,0)+IF('Standard Profiles'!$G$21=$B$24,21,0),MOD($C3412,24)+1)/SUM(INDEX($D$3:$AA$30,INDEX(Jesper!$R$2:$R$366,ROW(INDEX(Jesper!AK$2:AK$366,ROUNDDOWN($C3412/24,0)+1,1))-1)+IF('Standard Profiles'!$G$21=$B$10,7,0)+IF('Standard Profiles'!$G$21=$B$17,14,0)+IF('Standard Profiles'!$G$21=$B$24,21,0),0)),0)</f>
        <v>0</v>
      </c>
      <c r="H3412" cm="1">
        <f t="array" ref="H3412">IFERROR(INDEX(Jesper!AL$2:AL$366,ROUNDDOWN($C3412/24,0)+1,1)*INDEX($D$3:$AA$30,INDEX(Jesper!$R$2:$R$366,ROW(INDEX(Jesper!AL$2:AL$366,ROUNDDOWN($C3412/24,0)+1,1))-1)+IF('Standard Profiles'!$G$22=$B$10,7,0)+IF('Standard Profiles'!$G$22=$B$17,14,0)+IF('Standard Profiles'!$G$22=$B$24,21,0),MOD($C3412,24)+1)/SUM(INDEX($D$3:$AA$30,INDEX(Jesper!$R$2:$R$366,ROW(INDEX(Jesper!AL$2:AL$366,ROUNDDOWN($C3412/24,0)+1,1))-1)+IF('Standard Profiles'!$G$22=$B$10,7,0)+IF('Standard Profiles'!$G$22=$B$17,14,0)+IF('Standard Profiles'!$G$22=$B$24,21,0),0)),0)</f>
        <v>0</v>
      </c>
      <c r="I3412">
        <f t="shared" si="384"/>
        <v>0.48198243105361993</v>
      </c>
      <c r="J3412">
        <f t="shared" si="385"/>
        <v>1.6066081035120665</v>
      </c>
      <c r="K3412">
        <f t="shared" si="386"/>
        <v>2.4099121552680995</v>
      </c>
      <c r="L3412">
        <f t="shared" si="387"/>
        <v>11.567578345286877</v>
      </c>
      <c r="M3412">
        <f t="shared" si="388"/>
        <v>0</v>
      </c>
      <c r="N3412" s="46">
        <f t="shared" si="389"/>
        <v>45432.749999991807</v>
      </c>
    </row>
    <row r="3413" spans="2:14" x14ac:dyDescent="0.3">
      <c r="B3413">
        <f t="shared" si="383"/>
        <v>1</v>
      </c>
      <c r="C3413" s="16">
        <v>3379</v>
      </c>
      <c r="D3413" cm="1">
        <f t="array" ref="D3413">IFERROR(INDEX(Jesper!AH$2:AH$366,ROUNDDOWN($C3413/24,0)+1,1)*INDEX($D$3:$AA$30,INDEX(Jesper!$R$2:$R$366,ROW(INDEX(Jesper!AH$2:AH$366,ROUNDDOWN($C3413/24,0)+1,1))-1)+IF('Standard Profiles'!$G$18=$B$10,7,0)+IF('Standard Profiles'!$G$18=$B$17,14,0)+IF('Standard Profiles'!$G$18=$B$24,21,0),MOD($C3413,24)+1)/SUM(INDEX($D$3:$AA$30,INDEX(Jesper!$R$2:$R$366,ROW(INDEX(Jesper!AH$2:AH$366,ROUNDDOWN($C3413/24,0)+1,1))-1)+IF('Standard Profiles'!$G$18=$B$10,7,0)+IF('Standard Profiles'!$G$18=$B$17,14,0)+IF('Standard Profiles'!$G$18=$B$24,21,0),0)),0)</f>
        <v>13.455342866913558</v>
      </c>
      <c r="E3413" cm="1">
        <f t="array" ref="E3413">IFERROR(INDEX(Jesper!AI$2:AI$366,ROUNDDOWN($C3413/24,0)+1,1)*INDEX($D$3:$AA$30,INDEX(Jesper!$R$2:$R$366,ROW(INDEX(Jesper!AI$2:AI$366,ROUNDDOWN($C3413/24,0)+1,1))-1)+IF('Standard Profiles'!$G$19=$B$10,7,0)+IF('Standard Profiles'!$G$19=$B$17,14,0)+IF('Standard Profiles'!$G$19=$B$24,21,0),MOD($C3413,24)+1)/SUM(INDEX($D$3:$AA$30,INDEX(Jesper!$R$2:$R$366,ROW(INDEX(Jesper!AI$2:AI$366,ROUNDDOWN($C3413/24,0)+1,1))-1)+IF('Standard Profiles'!$G$19=$B$10,7,0)+IF('Standard Profiles'!$G$19=$B$17,14,0)+IF('Standard Profiles'!$G$19=$B$24,21,0),0)),0)</f>
        <v>0</v>
      </c>
      <c r="F3413" cm="1">
        <f t="array" ref="F3413">IFERROR(INDEX(Jesper!AJ$2:AJ$366,ROUNDDOWN($C3413/24,0)+1,1)*INDEX($D$3:$AA$30,INDEX(Jesper!$R$2:$R$366,ROW(INDEX(Jesper!AJ$2:AJ$366,ROUNDDOWN($C3413/24,0)+1,1))-1)+IF('Standard Profiles'!$G$20=$B$10,7,0)+IF('Standard Profiles'!$G$20=$B$17,14,0)+IF('Standard Profiles'!$G$20=$B$24,21,0),MOD($C3413,24)+1)/SUM(INDEX($D$3:$AA$30,INDEX(Jesper!$R$2:$R$366,ROW(INDEX(Jesper!AJ$2:AJ$366,ROUNDDOWN($C3413/24,0)+1,1))-1)+IF('Standard Profiles'!$G$20=$B$10,7,0)+IF('Standard Profiles'!$G$20=$B$17,14,0)+IF('Standard Profiles'!$G$20=$B$24,21,0),0)),0)</f>
        <v>0</v>
      </c>
      <c r="G3413" cm="1">
        <f t="array" ref="G3413">IFERROR(INDEX(Jesper!AK$2:AK$366,ROUNDDOWN($C3413/24,0)+1,1)*INDEX($D$3:$AA$30,INDEX(Jesper!$R$2:$R$366,ROW(INDEX(Jesper!AK$2:AK$366,ROUNDDOWN($C3413/24,0)+1,1))-1)+IF('Standard Profiles'!$G$21=$B$10,7,0)+IF('Standard Profiles'!$G$21=$B$17,14,0)+IF('Standard Profiles'!$G$21=$B$24,21,0),MOD($C3413,24)+1)/SUM(INDEX($D$3:$AA$30,INDEX(Jesper!$R$2:$R$366,ROW(INDEX(Jesper!AK$2:AK$366,ROUNDDOWN($C3413/24,0)+1,1))-1)+IF('Standard Profiles'!$G$21=$B$10,7,0)+IF('Standard Profiles'!$G$21=$B$17,14,0)+IF('Standard Profiles'!$G$21=$B$24,21,0),0)),0)</f>
        <v>0</v>
      </c>
      <c r="H3413" cm="1">
        <f t="array" ref="H3413">IFERROR(INDEX(Jesper!AL$2:AL$366,ROUNDDOWN($C3413/24,0)+1,1)*INDEX($D$3:$AA$30,INDEX(Jesper!$R$2:$R$366,ROW(INDEX(Jesper!AL$2:AL$366,ROUNDDOWN($C3413/24,0)+1,1))-1)+IF('Standard Profiles'!$G$22=$B$10,7,0)+IF('Standard Profiles'!$G$22=$B$17,14,0)+IF('Standard Profiles'!$G$22=$B$24,21,0),MOD($C3413,24)+1)/SUM(INDEX($D$3:$AA$30,INDEX(Jesper!$R$2:$R$366,ROW(INDEX(Jesper!AL$2:AL$366,ROUNDDOWN($C3413/24,0)+1,1))-1)+IF('Standard Profiles'!$G$22=$B$10,7,0)+IF('Standard Profiles'!$G$22=$B$17,14,0)+IF('Standard Profiles'!$G$22=$B$24,21,0),0)),0)</f>
        <v>0</v>
      </c>
      <c r="I3413">
        <f t="shared" si="384"/>
        <v>0.40366028600740672</v>
      </c>
      <c r="J3413">
        <f t="shared" si="385"/>
        <v>1.3455342866913558</v>
      </c>
      <c r="K3413">
        <f t="shared" si="386"/>
        <v>2.0183014300370337</v>
      </c>
      <c r="L3413">
        <f t="shared" si="387"/>
        <v>9.6878468641777609</v>
      </c>
      <c r="M3413">
        <f t="shared" si="388"/>
        <v>0</v>
      </c>
      <c r="N3413" s="46">
        <f t="shared" si="389"/>
        <v>45432.791666658472</v>
      </c>
    </row>
    <row r="3414" spans="2:14" x14ac:dyDescent="0.3">
      <c r="B3414">
        <f t="shared" si="383"/>
        <v>1</v>
      </c>
      <c r="C3414" s="16">
        <v>3380</v>
      </c>
      <c r="D3414" cm="1">
        <f t="array" ref="D3414">IFERROR(INDEX(Jesper!AH$2:AH$366,ROUNDDOWN($C3414/24,0)+1,1)*INDEX($D$3:$AA$30,INDEX(Jesper!$R$2:$R$366,ROW(INDEX(Jesper!AH$2:AH$366,ROUNDDOWN($C3414/24,0)+1,1))-1)+IF('Standard Profiles'!$G$18=$B$10,7,0)+IF('Standard Profiles'!$G$18=$B$17,14,0)+IF('Standard Profiles'!$G$18=$B$24,21,0),MOD($C3414,24)+1)/SUM(INDEX($D$3:$AA$30,INDEX(Jesper!$R$2:$R$366,ROW(INDEX(Jesper!AH$2:AH$366,ROUNDDOWN($C3414/24,0)+1,1))-1)+IF('Standard Profiles'!$G$18=$B$10,7,0)+IF('Standard Profiles'!$G$18=$B$17,14,0)+IF('Standard Profiles'!$G$18=$B$24,21,0),0)),0)</f>
        <v>11.045430711645457</v>
      </c>
      <c r="E3414" cm="1">
        <f t="array" ref="E3414">IFERROR(INDEX(Jesper!AI$2:AI$366,ROUNDDOWN($C3414/24,0)+1,1)*INDEX($D$3:$AA$30,INDEX(Jesper!$R$2:$R$366,ROW(INDEX(Jesper!AI$2:AI$366,ROUNDDOWN($C3414/24,0)+1,1))-1)+IF('Standard Profiles'!$G$19=$B$10,7,0)+IF('Standard Profiles'!$G$19=$B$17,14,0)+IF('Standard Profiles'!$G$19=$B$24,21,0),MOD($C3414,24)+1)/SUM(INDEX($D$3:$AA$30,INDEX(Jesper!$R$2:$R$366,ROW(INDEX(Jesper!AI$2:AI$366,ROUNDDOWN($C3414/24,0)+1,1))-1)+IF('Standard Profiles'!$G$19=$B$10,7,0)+IF('Standard Profiles'!$G$19=$B$17,14,0)+IF('Standard Profiles'!$G$19=$B$24,21,0),0)),0)</f>
        <v>0</v>
      </c>
      <c r="F3414" cm="1">
        <f t="array" ref="F3414">IFERROR(INDEX(Jesper!AJ$2:AJ$366,ROUNDDOWN($C3414/24,0)+1,1)*INDEX($D$3:$AA$30,INDEX(Jesper!$R$2:$R$366,ROW(INDEX(Jesper!AJ$2:AJ$366,ROUNDDOWN($C3414/24,0)+1,1))-1)+IF('Standard Profiles'!$G$20=$B$10,7,0)+IF('Standard Profiles'!$G$20=$B$17,14,0)+IF('Standard Profiles'!$G$20=$B$24,21,0),MOD($C3414,24)+1)/SUM(INDEX($D$3:$AA$30,INDEX(Jesper!$R$2:$R$366,ROW(INDEX(Jesper!AJ$2:AJ$366,ROUNDDOWN($C3414/24,0)+1,1))-1)+IF('Standard Profiles'!$G$20=$B$10,7,0)+IF('Standard Profiles'!$G$20=$B$17,14,0)+IF('Standard Profiles'!$G$20=$B$24,21,0),0)),0)</f>
        <v>0</v>
      </c>
      <c r="G3414" cm="1">
        <f t="array" ref="G3414">IFERROR(INDEX(Jesper!AK$2:AK$366,ROUNDDOWN($C3414/24,0)+1,1)*INDEX($D$3:$AA$30,INDEX(Jesper!$R$2:$R$366,ROW(INDEX(Jesper!AK$2:AK$366,ROUNDDOWN($C3414/24,0)+1,1))-1)+IF('Standard Profiles'!$G$21=$B$10,7,0)+IF('Standard Profiles'!$G$21=$B$17,14,0)+IF('Standard Profiles'!$G$21=$B$24,21,0),MOD($C3414,24)+1)/SUM(INDEX($D$3:$AA$30,INDEX(Jesper!$R$2:$R$366,ROW(INDEX(Jesper!AK$2:AK$366,ROUNDDOWN($C3414/24,0)+1,1))-1)+IF('Standard Profiles'!$G$21=$B$10,7,0)+IF('Standard Profiles'!$G$21=$B$17,14,0)+IF('Standard Profiles'!$G$21=$B$24,21,0),0)),0)</f>
        <v>0</v>
      </c>
      <c r="H3414" cm="1">
        <f t="array" ref="H3414">IFERROR(INDEX(Jesper!AL$2:AL$366,ROUNDDOWN($C3414/24,0)+1,1)*INDEX($D$3:$AA$30,INDEX(Jesper!$R$2:$R$366,ROW(INDEX(Jesper!AL$2:AL$366,ROUNDDOWN($C3414/24,0)+1,1))-1)+IF('Standard Profiles'!$G$22=$B$10,7,0)+IF('Standard Profiles'!$G$22=$B$17,14,0)+IF('Standard Profiles'!$G$22=$B$24,21,0),MOD($C3414,24)+1)/SUM(INDEX($D$3:$AA$30,INDEX(Jesper!$R$2:$R$366,ROW(INDEX(Jesper!AL$2:AL$366,ROUNDDOWN($C3414/24,0)+1,1))-1)+IF('Standard Profiles'!$G$22=$B$10,7,0)+IF('Standard Profiles'!$G$22=$B$17,14,0)+IF('Standard Profiles'!$G$22=$B$24,21,0),0)),0)</f>
        <v>0</v>
      </c>
      <c r="I3414">
        <f t="shared" si="384"/>
        <v>0.33136292134936368</v>
      </c>
      <c r="J3414">
        <f t="shared" si="385"/>
        <v>1.1045430711645456</v>
      </c>
      <c r="K3414">
        <f t="shared" si="386"/>
        <v>1.6568146067468186</v>
      </c>
      <c r="L3414">
        <f t="shared" si="387"/>
        <v>7.9527101123847288</v>
      </c>
      <c r="M3414">
        <f t="shared" si="388"/>
        <v>0</v>
      </c>
      <c r="N3414" s="46">
        <f t="shared" si="389"/>
        <v>45432.833333325136</v>
      </c>
    </row>
    <row r="3415" spans="2:14" x14ac:dyDescent="0.3">
      <c r="B3415">
        <f t="shared" si="383"/>
        <v>1</v>
      </c>
      <c r="C3415" s="16">
        <v>3381</v>
      </c>
      <c r="D3415" cm="1">
        <f t="array" ref="D3415">IFERROR(INDEX(Jesper!AH$2:AH$366,ROUNDDOWN($C3415/24,0)+1,1)*INDEX($D$3:$AA$30,INDEX(Jesper!$R$2:$R$366,ROW(INDEX(Jesper!AH$2:AH$366,ROUNDDOWN($C3415/24,0)+1,1))-1)+IF('Standard Profiles'!$G$18=$B$10,7,0)+IF('Standard Profiles'!$G$18=$B$17,14,0)+IF('Standard Profiles'!$G$18=$B$24,21,0),MOD($C3415,24)+1)/SUM(INDEX($D$3:$AA$30,INDEX(Jesper!$R$2:$R$366,ROW(INDEX(Jesper!AH$2:AH$366,ROUNDDOWN($C3415/24,0)+1,1))-1)+IF('Standard Profiles'!$G$18=$B$10,7,0)+IF('Standard Profiles'!$G$18=$B$17,14,0)+IF('Standard Profiles'!$G$18=$B$24,21,0),0)),0)</f>
        <v>8.0330405175603321</v>
      </c>
      <c r="E3415" cm="1">
        <f t="array" ref="E3415">IFERROR(INDEX(Jesper!AI$2:AI$366,ROUNDDOWN($C3415/24,0)+1,1)*INDEX($D$3:$AA$30,INDEX(Jesper!$R$2:$R$366,ROW(INDEX(Jesper!AI$2:AI$366,ROUNDDOWN($C3415/24,0)+1,1))-1)+IF('Standard Profiles'!$G$19=$B$10,7,0)+IF('Standard Profiles'!$G$19=$B$17,14,0)+IF('Standard Profiles'!$G$19=$B$24,21,0),MOD($C3415,24)+1)/SUM(INDEX($D$3:$AA$30,INDEX(Jesper!$R$2:$R$366,ROW(INDEX(Jesper!AI$2:AI$366,ROUNDDOWN($C3415/24,0)+1,1))-1)+IF('Standard Profiles'!$G$19=$B$10,7,0)+IF('Standard Profiles'!$G$19=$B$17,14,0)+IF('Standard Profiles'!$G$19=$B$24,21,0),0)),0)</f>
        <v>0</v>
      </c>
      <c r="F3415" cm="1">
        <f t="array" ref="F3415">IFERROR(INDEX(Jesper!AJ$2:AJ$366,ROUNDDOWN($C3415/24,0)+1,1)*INDEX($D$3:$AA$30,INDEX(Jesper!$R$2:$R$366,ROW(INDEX(Jesper!AJ$2:AJ$366,ROUNDDOWN($C3415/24,0)+1,1))-1)+IF('Standard Profiles'!$G$20=$B$10,7,0)+IF('Standard Profiles'!$G$20=$B$17,14,0)+IF('Standard Profiles'!$G$20=$B$24,21,0),MOD($C3415,24)+1)/SUM(INDEX($D$3:$AA$30,INDEX(Jesper!$R$2:$R$366,ROW(INDEX(Jesper!AJ$2:AJ$366,ROUNDDOWN($C3415/24,0)+1,1))-1)+IF('Standard Profiles'!$G$20=$B$10,7,0)+IF('Standard Profiles'!$G$20=$B$17,14,0)+IF('Standard Profiles'!$G$20=$B$24,21,0),0)),0)</f>
        <v>0</v>
      </c>
      <c r="G3415" cm="1">
        <f t="array" ref="G3415">IFERROR(INDEX(Jesper!AK$2:AK$366,ROUNDDOWN($C3415/24,0)+1,1)*INDEX($D$3:$AA$30,INDEX(Jesper!$R$2:$R$366,ROW(INDEX(Jesper!AK$2:AK$366,ROUNDDOWN($C3415/24,0)+1,1))-1)+IF('Standard Profiles'!$G$21=$B$10,7,0)+IF('Standard Profiles'!$G$21=$B$17,14,0)+IF('Standard Profiles'!$G$21=$B$24,21,0),MOD($C3415,24)+1)/SUM(INDEX($D$3:$AA$30,INDEX(Jesper!$R$2:$R$366,ROW(INDEX(Jesper!AK$2:AK$366,ROUNDDOWN($C3415/24,0)+1,1))-1)+IF('Standard Profiles'!$G$21=$B$10,7,0)+IF('Standard Profiles'!$G$21=$B$17,14,0)+IF('Standard Profiles'!$G$21=$B$24,21,0),0)),0)</f>
        <v>0</v>
      </c>
      <c r="H3415" cm="1">
        <f t="array" ref="H3415">IFERROR(INDEX(Jesper!AL$2:AL$366,ROUNDDOWN($C3415/24,0)+1,1)*INDEX($D$3:$AA$30,INDEX(Jesper!$R$2:$R$366,ROW(INDEX(Jesper!AL$2:AL$366,ROUNDDOWN($C3415/24,0)+1,1))-1)+IF('Standard Profiles'!$G$22=$B$10,7,0)+IF('Standard Profiles'!$G$22=$B$17,14,0)+IF('Standard Profiles'!$G$22=$B$24,21,0),MOD($C3415,24)+1)/SUM(INDEX($D$3:$AA$30,INDEX(Jesper!$R$2:$R$366,ROW(INDEX(Jesper!AL$2:AL$366,ROUNDDOWN($C3415/24,0)+1,1))-1)+IF('Standard Profiles'!$G$22=$B$10,7,0)+IF('Standard Profiles'!$G$22=$B$17,14,0)+IF('Standard Profiles'!$G$22=$B$24,21,0),0)),0)</f>
        <v>0</v>
      </c>
      <c r="I3415">
        <f t="shared" si="384"/>
        <v>0.24099121552680997</v>
      </c>
      <c r="J3415">
        <f t="shared" si="385"/>
        <v>0.80330405175603325</v>
      </c>
      <c r="K3415">
        <f t="shared" si="386"/>
        <v>1.2049560776340498</v>
      </c>
      <c r="L3415">
        <f t="shared" si="387"/>
        <v>5.7837891726434387</v>
      </c>
      <c r="M3415">
        <f t="shared" si="388"/>
        <v>0</v>
      </c>
      <c r="N3415" s="46">
        <f t="shared" si="389"/>
        <v>45432.8749999918</v>
      </c>
    </row>
    <row r="3416" spans="2:14" x14ac:dyDescent="0.3">
      <c r="B3416">
        <f t="shared" si="383"/>
        <v>1</v>
      </c>
      <c r="C3416" s="16">
        <v>3382</v>
      </c>
      <c r="D3416" cm="1">
        <f t="array" ref="D3416">IFERROR(INDEX(Jesper!AH$2:AH$366,ROUNDDOWN($C3416/24,0)+1,1)*INDEX($D$3:$AA$30,INDEX(Jesper!$R$2:$R$366,ROW(INDEX(Jesper!AH$2:AH$366,ROUNDDOWN($C3416/24,0)+1,1))-1)+IF('Standard Profiles'!$G$18=$B$10,7,0)+IF('Standard Profiles'!$G$18=$B$17,14,0)+IF('Standard Profiles'!$G$18=$B$24,21,0),MOD($C3416,24)+1)/SUM(INDEX($D$3:$AA$30,INDEX(Jesper!$R$2:$R$366,ROW(INDEX(Jesper!AH$2:AH$366,ROUNDDOWN($C3416/24,0)+1,1))-1)+IF('Standard Profiles'!$G$18=$B$10,7,0)+IF('Standard Profiles'!$G$18=$B$17,14,0)+IF('Standard Profiles'!$G$18=$B$24,21,0),0)),0)</f>
        <v>7.6313884916823156</v>
      </c>
      <c r="E3416" cm="1">
        <f t="array" ref="E3416">IFERROR(INDEX(Jesper!AI$2:AI$366,ROUNDDOWN($C3416/24,0)+1,1)*INDEX($D$3:$AA$30,INDEX(Jesper!$R$2:$R$366,ROW(INDEX(Jesper!AI$2:AI$366,ROUNDDOWN($C3416/24,0)+1,1))-1)+IF('Standard Profiles'!$G$19=$B$10,7,0)+IF('Standard Profiles'!$G$19=$B$17,14,0)+IF('Standard Profiles'!$G$19=$B$24,21,0),MOD($C3416,24)+1)/SUM(INDEX($D$3:$AA$30,INDEX(Jesper!$R$2:$R$366,ROW(INDEX(Jesper!AI$2:AI$366,ROUNDDOWN($C3416/24,0)+1,1))-1)+IF('Standard Profiles'!$G$19=$B$10,7,0)+IF('Standard Profiles'!$G$19=$B$17,14,0)+IF('Standard Profiles'!$G$19=$B$24,21,0),0)),0)</f>
        <v>0</v>
      </c>
      <c r="F3416" cm="1">
        <f t="array" ref="F3416">IFERROR(INDEX(Jesper!AJ$2:AJ$366,ROUNDDOWN($C3416/24,0)+1,1)*INDEX($D$3:$AA$30,INDEX(Jesper!$R$2:$R$366,ROW(INDEX(Jesper!AJ$2:AJ$366,ROUNDDOWN($C3416/24,0)+1,1))-1)+IF('Standard Profiles'!$G$20=$B$10,7,0)+IF('Standard Profiles'!$G$20=$B$17,14,0)+IF('Standard Profiles'!$G$20=$B$24,21,0),MOD($C3416,24)+1)/SUM(INDEX($D$3:$AA$30,INDEX(Jesper!$R$2:$R$366,ROW(INDEX(Jesper!AJ$2:AJ$366,ROUNDDOWN($C3416/24,0)+1,1))-1)+IF('Standard Profiles'!$G$20=$B$10,7,0)+IF('Standard Profiles'!$G$20=$B$17,14,0)+IF('Standard Profiles'!$G$20=$B$24,21,0),0)),0)</f>
        <v>0</v>
      </c>
      <c r="G3416" cm="1">
        <f t="array" ref="G3416">IFERROR(INDEX(Jesper!AK$2:AK$366,ROUNDDOWN($C3416/24,0)+1,1)*INDEX($D$3:$AA$30,INDEX(Jesper!$R$2:$R$366,ROW(INDEX(Jesper!AK$2:AK$366,ROUNDDOWN($C3416/24,0)+1,1))-1)+IF('Standard Profiles'!$G$21=$B$10,7,0)+IF('Standard Profiles'!$G$21=$B$17,14,0)+IF('Standard Profiles'!$G$21=$B$24,21,0),MOD($C3416,24)+1)/SUM(INDEX($D$3:$AA$30,INDEX(Jesper!$R$2:$R$366,ROW(INDEX(Jesper!AK$2:AK$366,ROUNDDOWN($C3416/24,0)+1,1))-1)+IF('Standard Profiles'!$G$21=$B$10,7,0)+IF('Standard Profiles'!$G$21=$B$17,14,0)+IF('Standard Profiles'!$G$21=$B$24,21,0),0)),0)</f>
        <v>0</v>
      </c>
      <c r="H3416" cm="1">
        <f t="array" ref="H3416">IFERROR(INDEX(Jesper!AL$2:AL$366,ROUNDDOWN($C3416/24,0)+1,1)*INDEX($D$3:$AA$30,INDEX(Jesper!$R$2:$R$366,ROW(INDEX(Jesper!AL$2:AL$366,ROUNDDOWN($C3416/24,0)+1,1))-1)+IF('Standard Profiles'!$G$22=$B$10,7,0)+IF('Standard Profiles'!$G$22=$B$17,14,0)+IF('Standard Profiles'!$G$22=$B$24,21,0),MOD($C3416,24)+1)/SUM(INDEX($D$3:$AA$30,INDEX(Jesper!$R$2:$R$366,ROW(INDEX(Jesper!AL$2:AL$366,ROUNDDOWN($C3416/24,0)+1,1))-1)+IF('Standard Profiles'!$G$22=$B$10,7,0)+IF('Standard Profiles'!$G$22=$B$17,14,0)+IF('Standard Profiles'!$G$22=$B$24,21,0),0)),0)</f>
        <v>0</v>
      </c>
      <c r="I3416">
        <f t="shared" si="384"/>
        <v>0.22894165475046946</v>
      </c>
      <c r="J3416">
        <f t="shared" si="385"/>
        <v>0.7631388491682316</v>
      </c>
      <c r="K3416">
        <f t="shared" si="386"/>
        <v>1.1447082737523473</v>
      </c>
      <c r="L3416">
        <f t="shared" si="387"/>
        <v>5.494599714011267</v>
      </c>
      <c r="M3416">
        <f t="shared" si="388"/>
        <v>0</v>
      </c>
      <c r="N3416" s="46">
        <f t="shared" si="389"/>
        <v>45432.916666658464</v>
      </c>
    </row>
    <row r="3417" spans="2:14" x14ac:dyDescent="0.3">
      <c r="B3417">
        <f t="shared" si="383"/>
        <v>1</v>
      </c>
      <c r="C3417" s="16">
        <v>3383</v>
      </c>
      <c r="D3417" cm="1">
        <f t="array" ref="D3417">IFERROR(INDEX(Jesper!AH$2:AH$366,ROUNDDOWN($C3417/24,0)+1,1)*INDEX($D$3:$AA$30,INDEX(Jesper!$R$2:$R$366,ROW(INDEX(Jesper!AH$2:AH$366,ROUNDDOWN($C3417/24,0)+1,1))-1)+IF('Standard Profiles'!$G$18=$B$10,7,0)+IF('Standard Profiles'!$G$18=$B$17,14,0)+IF('Standard Profiles'!$G$18=$B$24,21,0),MOD($C3417,24)+1)/SUM(INDEX($D$3:$AA$30,INDEX(Jesper!$R$2:$R$366,ROW(INDEX(Jesper!AH$2:AH$366,ROUNDDOWN($C3417/24,0)+1,1))-1)+IF('Standard Profiles'!$G$18=$B$10,7,0)+IF('Standard Profiles'!$G$18=$B$17,14,0)+IF('Standard Profiles'!$G$18=$B$24,21,0),0)),0)</f>
        <v>7.6313884916823156</v>
      </c>
      <c r="E3417" cm="1">
        <f t="array" ref="E3417">IFERROR(INDEX(Jesper!AI$2:AI$366,ROUNDDOWN($C3417/24,0)+1,1)*INDEX($D$3:$AA$30,INDEX(Jesper!$R$2:$R$366,ROW(INDEX(Jesper!AI$2:AI$366,ROUNDDOWN($C3417/24,0)+1,1))-1)+IF('Standard Profiles'!$G$19=$B$10,7,0)+IF('Standard Profiles'!$G$19=$B$17,14,0)+IF('Standard Profiles'!$G$19=$B$24,21,0),MOD($C3417,24)+1)/SUM(INDEX($D$3:$AA$30,INDEX(Jesper!$R$2:$R$366,ROW(INDEX(Jesper!AI$2:AI$366,ROUNDDOWN($C3417/24,0)+1,1))-1)+IF('Standard Profiles'!$G$19=$B$10,7,0)+IF('Standard Profiles'!$G$19=$B$17,14,0)+IF('Standard Profiles'!$G$19=$B$24,21,0),0)),0)</f>
        <v>0</v>
      </c>
      <c r="F3417" cm="1">
        <f t="array" ref="F3417">IFERROR(INDEX(Jesper!AJ$2:AJ$366,ROUNDDOWN($C3417/24,0)+1,1)*INDEX($D$3:$AA$30,INDEX(Jesper!$R$2:$R$366,ROW(INDEX(Jesper!AJ$2:AJ$366,ROUNDDOWN($C3417/24,0)+1,1))-1)+IF('Standard Profiles'!$G$20=$B$10,7,0)+IF('Standard Profiles'!$G$20=$B$17,14,0)+IF('Standard Profiles'!$G$20=$B$24,21,0),MOD($C3417,24)+1)/SUM(INDEX($D$3:$AA$30,INDEX(Jesper!$R$2:$R$366,ROW(INDEX(Jesper!AJ$2:AJ$366,ROUNDDOWN($C3417/24,0)+1,1))-1)+IF('Standard Profiles'!$G$20=$B$10,7,0)+IF('Standard Profiles'!$G$20=$B$17,14,0)+IF('Standard Profiles'!$G$20=$B$24,21,0),0)),0)</f>
        <v>0</v>
      </c>
      <c r="G3417" cm="1">
        <f t="array" ref="G3417">IFERROR(INDEX(Jesper!AK$2:AK$366,ROUNDDOWN($C3417/24,0)+1,1)*INDEX($D$3:$AA$30,INDEX(Jesper!$R$2:$R$366,ROW(INDEX(Jesper!AK$2:AK$366,ROUNDDOWN($C3417/24,0)+1,1))-1)+IF('Standard Profiles'!$G$21=$B$10,7,0)+IF('Standard Profiles'!$G$21=$B$17,14,0)+IF('Standard Profiles'!$G$21=$B$24,21,0),MOD($C3417,24)+1)/SUM(INDEX($D$3:$AA$30,INDEX(Jesper!$R$2:$R$366,ROW(INDEX(Jesper!AK$2:AK$366,ROUNDDOWN($C3417/24,0)+1,1))-1)+IF('Standard Profiles'!$G$21=$B$10,7,0)+IF('Standard Profiles'!$G$21=$B$17,14,0)+IF('Standard Profiles'!$G$21=$B$24,21,0),0)),0)</f>
        <v>0</v>
      </c>
      <c r="H3417" cm="1">
        <f t="array" ref="H3417">IFERROR(INDEX(Jesper!AL$2:AL$366,ROUNDDOWN($C3417/24,0)+1,1)*INDEX($D$3:$AA$30,INDEX(Jesper!$R$2:$R$366,ROW(INDEX(Jesper!AL$2:AL$366,ROUNDDOWN($C3417/24,0)+1,1))-1)+IF('Standard Profiles'!$G$22=$B$10,7,0)+IF('Standard Profiles'!$G$22=$B$17,14,0)+IF('Standard Profiles'!$G$22=$B$24,21,0),MOD($C3417,24)+1)/SUM(INDEX($D$3:$AA$30,INDEX(Jesper!$R$2:$R$366,ROW(INDEX(Jesper!AL$2:AL$366,ROUNDDOWN($C3417/24,0)+1,1))-1)+IF('Standard Profiles'!$G$22=$B$10,7,0)+IF('Standard Profiles'!$G$22=$B$17,14,0)+IF('Standard Profiles'!$G$22=$B$24,21,0),0)),0)</f>
        <v>0</v>
      </c>
      <c r="I3417">
        <f t="shared" si="384"/>
        <v>0.22894165475046946</v>
      </c>
      <c r="J3417">
        <f t="shared" si="385"/>
        <v>0.7631388491682316</v>
      </c>
      <c r="K3417">
        <f t="shared" si="386"/>
        <v>1.1447082737523473</v>
      </c>
      <c r="L3417">
        <f t="shared" si="387"/>
        <v>5.494599714011267</v>
      </c>
      <c r="M3417">
        <f t="shared" si="388"/>
        <v>0</v>
      </c>
      <c r="N3417" s="46">
        <f t="shared" si="389"/>
        <v>45432.958333325128</v>
      </c>
    </row>
    <row r="3418" spans="2:14" x14ac:dyDescent="0.3">
      <c r="B3418">
        <f t="shared" si="383"/>
        <v>2</v>
      </c>
      <c r="C3418" s="16">
        <v>3384</v>
      </c>
      <c r="D3418" cm="1">
        <f t="array" ref="D3418">IFERROR(INDEX(Jesper!AH$2:AH$366,ROUNDDOWN($C3418/24,0)+1,1)*INDEX($D$3:$AA$30,INDEX(Jesper!$R$2:$R$366,ROW(INDEX(Jesper!AH$2:AH$366,ROUNDDOWN($C3418/24,0)+1,1))-1)+IF('Standard Profiles'!$G$18=$B$10,7,0)+IF('Standard Profiles'!$G$18=$B$17,14,0)+IF('Standard Profiles'!$G$18=$B$24,21,0),MOD($C3418,24)+1)/SUM(INDEX($D$3:$AA$30,INDEX(Jesper!$R$2:$R$366,ROW(INDEX(Jesper!AH$2:AH$366,ROUNDDOWN($C3418/24,0)+1,1))-1)+IF('Standard Profiles'!$G$18=$B$10,7,0)+IF('Standard Profiles'!$G$18=$B$17,14,0)+IF('Standard Profiles'!$G$18=$B$24,21,0),0)),0)</f>
        <v>6.9967362783423415</v>
      </c>
      <c r="E3418" cm="1">
        <f t="array" ref="E3418">IFERROR(INDEX(Jesper!AI$2:AI$366,ROUNDDOWN($C3418/24,0)+1,1)*INDEX($D$3:$AA$30,INDEX(Jesper!$R$2:$R$366,ROW(INDEX(Jesper!AI$2:AI$366,ROUNDDOWN($C3418/24,0)+1,1))-1)+IF('Standard Profiles'!$G$19=$B$10,7,0)+IF('Standard Profiles'!$G$19=$B$17,14,0)+IF('Standard Profiles'!$G$19=$B$24,21,0),MOD($C3418,24)+1)/SUM(INDEX($D$3:$AA$30,INDEX(Jesper!$R$2:$R$366,ROW(INDEX(Jesper!AI$2:AI$366,ROUNDDOWN($C3418/24,0)+1,1))-1)+IF('Standard Profiles'!$G$19=$B$10,7,0)+IF('Standard Profiles'!$G$19=$B$17,14,0)+IF('Standard Profiles'!$G$19=$B$24,21,0),0)),0)</f>
        <v>0</v>
      </c>
      <c r="F3418" cm="1">
        <f t="array" ref="F3418">IFERROR(INDEX(Jesper!AJ$2:AJ$366,ROUNDDOWN($C3418/24,0)+1,1)*INDEX($D$3:$AA$30,INDEX(Jesper!$R$2:$R$366,ROW(INDEX(Jesper!AJ$2:AJ$366,ROUNDDOWN($C3418/24,0)+1,1))-1)+IF('Standard Profiles'!$G$20=$B$10,7,0)+IF('Standard Profiles'!$G$20=$B$17,14,0)+IF('Standard Profiles'!$G$20=$B$24,21,0),MOD($C3418,24)+1)/SUM(INDEX($D$3:$AA$30,INDEX(Jesper!$R$2:$R$366,ROW(INDEX(Jesper!AJ$2:AJ$366,ROUNDDOWN($C3418/24,0)+1,1))-1)+IF('Standard Profiles'!$G$20=$B$10,7,0)+IF('Standard Profiles'!$G$20=$B$17,14,0)+IF('Standard Profiles'!$G$20=$B$24,21,0),0)),0)</f>
        <v>0</v>
      </c>
      <c r="G3418" cm="1">
        <f t="array" ref="G3418">IFERROR(INDEX(Jesper!AK$2:AK$366,ROUNDDOWN($C3418/24,0)+1,1)*INDEX($D$3:$AA$30,INDEX(Jesper!$R$2:$R$366,ROW(INDEX(Jesper!AK$2:AK$366,ROUNDDOWN($C3418/24,0)+1,1))-1)+IF('Standard Profiles'!$G$21=$B$10,7,0)+IF('Standard Profiles'!$G$21=$B$17,14,0)+IF('Standard Profiles'!$G$21=$B$24,21,0),MOD($C3418,24)+1)/SUM(INDEX($D$3:$AA$30,INDEX(Jesper!$R$2:$R$366,ROW(INDEX(Jesper!AK$2:AK$366,ROUNDDOWN($C3418/24,0)+1,1))-1)+IF('Standard Profiles'!$G$21=$B$10,7,0)+IF('Standard Profiles'!$G$21=$B$17,14,0)+IF('Standard Profiles'!$G$21=$B$24,21,0),0)),0)</f>
        <v>0</v>
      </c>
      <c r="H3418" cm="1">
        <f t="array" ref="H3418">IFERROR(INDEX(Jesper!AL$2:AL$366,ROUNDDOWN($C3418/24,0)+1,1)*INDEX($D$3:$AA$30,INDEX(Jesper!$R$2:$R$366,ROW(INDEX(Jesper!AL$2:AL$366,ROUNDDOWN($C3418/24,0)+1,1))-1)+IF('Standard Profiles'!$G$22=$B$10,7,0)+IF('Standard Profiles'!$G$22=$B$17,14,0)+IF('Standard Profiles'!$G$22=$B$24,21,0),MOD($C3418,24)+1)/SUM(INDEX($D$3:$AA$30,INDEX(Jesper!$R$2:$R$366,ROW(INDEX(Jesper!AL$2:AL$366,ROUNDDOWN($C3418/24,0)+1,1))-1)+IF('Standard Profiles'!$G$22=$B$10,7,0)+IF('Standard Profiles'!$G$22=$B$17,14,0)+IF('Standard Profiles'!$G$22=$B$24,21,0),0)),0)</f>
        <v>0</v>
      </c>
      <c r="I3418">
        <f t="shared" si="384"/>
        <v>0.20990208835027024</v>
      </c>
      <c r="J3418">
        <f t="shared" si="385"/>
        <v>0.69967362783423415</v>
      </c>
      <c r="K3418">
        <f t="shared" si="386"/>
        <v>1.0495104417513512</v>
      </c>
      <c r="L3418">
        <f t="shared" si="387"/>
        <v>5.0376501204064859</v>
      </c>
      <c r="M3418">
        <f t="shared" si="388"/>
        <v>0</v>
      </c>
      <c r="N3418" s="46">
        <f t="shared" si="389"/>
        <v>45432.999999991793</v>
      </c>
    </row>
    <row r="3419" spans="2:14" x14ac:dyDescent="0.3">
      <c r="B3419">
        <f t="shared" si="383"/>
        <v>2</v>
      </c>
      <c r="C3419" s="16">
        <v>3385</v>
      </c>
      <c r="D3419" cm="1">
        <f t="array" ref="D3419">IFERROR(INDEX(Jesper!AH$2:AH$366,ROUNDDOWN($C3419/24,0)+1,1)*INDEX($D$3:$AA$30,INDEX(Jesper!$R$2:$R$366,ROW(INDEX(Jesper!AH$2:AH$366,ROUNDDOWN($C3419/24,0)+1,1))-1)+IF('Standard Profiles'!$G$18=$B$10,7,0)+IF('Standard Profiles'!$G$18=$B$17,14,0)+IF('Standard Profiles'!$G$18=$B$24,21,0),MOD($C3419,24)+1)/SUM(INDEX($D$3:$AA$30,INDEX(Jesper!$R$2:$R$366,ROW(INDEX(Jesper!AH$2:AH$366,ROUNDDOWN($C3419/24,0)+1,1))-1)+IF('Standard Profiles'!$G$18=$B$10,7,0)+IF('Standard Profiles'!$G$18=$B$17,14,0)+IF('Standard Profiles'!$G$18=$B$24,21,0),0)),0)</f>
        <v>6.9967362783423415</v>
      </c>
      <c r="E3419" cm="1">
        <f t="array" ref="E3419">IFERROR(INDEX(Jesper!AI$2:AI$366,ROUNDDOWN($C3419/24,0)+1,1)*INDEX($D$3:$AA$30,INDEX(Jesper!$R$2:$R$366,ROW(INDEX(Jesper!AI$2:AI$366,ROUNDDOWN($C3419/24,0)+1,1))-1)+IF('Standard Profiles'!$G$19=$B$10,7,0)+IF('Standard Profiles'!$G$19=$B$17,14,0)+IF('Standard Profiles'!$G$19=$B$24,21,0),MOD($C3419,24)+1)/SUM(INDEX($D$3:$AA$30,INDEX(Jesper!$R$2:$R$366,ROW(INDEX(Jesper!AI$2:AI$366,ROUNDDOWN($C3419/24,0)+1,1))-1)+IF('Standard Profiles'!$G$19=$B$10,7,0)+IF('Standard Profiles'!$G$19=$B$17,14,0)+IF('Standard Profiles'!$G$19=$B$24,21,0),0)),0)</f>
        <v>0</v>
      </c>
      <c r="F3419" cm="1">
        <f t="array" ref="F3419">IFERROR(INDEX(Jesper!AJ$2:AJ$366,ROUNDDOWN($C3419/24,0)+1,1)*INDEX($D$3:$AA$30,INDEX(Jesper!$R$2:$R$366,ROW(INDEX(Jesper!AJ$2:AJ$366,ROUNDDOWN($C3419/24,0)+1,1))-1)+IF('Standard Profiles'!$G$20=$B$10,7,0)+IF('Standard Profiles'!$G$20=$B$17,14,0)+IF('Standard Profiles'!$G$20=$B$24,21,0),MOD($C3419,24)+1)/SUM(INDEX($D$3:$AA$30,INDEX(Jesper!$R$2:$R$366,ROW(INDEX(Jesper!AJ$2:AJ$366,ROUNDDOWN($C3419/24,0)+1,1))-1)+IF('Standard Profiles'!$G$20=$B$10,7,0)+IF('Standard Profiles'!$G$20=$B$17,14,0)+IF('Standard Profiles'!$G$20=$B$24,21,0),0)),0)</f>
        <v>0</v>
      </c>
      <c r="G3419" cm="1">
        <f t="array" ref="G3419">IFERROR(INDEX(Jesper!AK$2:AK$366,ROUNDDOWN($C3419/24,0)+1,1)*INDEX($D$3:$AA$30,INDEX(Jesper!$R$2:$R$366,ROW(INDEX(Jesper!AK$2:AK$366,ROUNDDOWN($C3419/24,0)+1,1))-1)+IF('Standard Profiles'!$G$21=$B$10,7,0)+IF('Standard Profiles'!$G$21=$B$17,14,0)+IF('Standard Profiles'!$G$21=$B$24,21,0),MOD($C3419,24)+1)/SUM(INDEX($D$3:$AA$30,INDEX(Jesper!$R$2:$R$366,ROW(INDEX(Jesper!AK$2:AK$366,ROUNDDOWN($C3419/24,0)+1,1))-1)+IF('Standard Profiles'!$G$21=$B$10,7,0)+IF('Standard Profiles'!$G$21=$B$17,14,0)+IF('Standard Profiles'!$G$21=$B$24,21,0),0)),0)</f>
        <v>0</v>
      </c>
      <c r="H3419" cm="1">
        <f t="array" ref="H3419">IFERROR(INDEX(Jesper!AL$2:AL$366,ROUNDDOWN($C3419/24,0)+1,1)*INDEX($D$3:$AA$30,INDEX(Jesper!$R$2:$R$366,ROW(INDEX(Jesper!AL$2:AL$366,ROUNDDOWN($C3419/24,0)+1,1))-1)+IF('Standard Profiles'!$G$22=$B$10,7,0)+IF('Standard Profiles'!$G$22=$B$17,14,0)+IF('Standard Profiles'!$G$22=$B$24,21,0),MOD($C3419,24)+1)/SUM(INDEX($D$3:$AA$30,INDEX(Jesper!$R$2:$R$366,ROW(INDEX(Jesper!AL$2:AL$366,ROUNDDOWN($C3419/24,0)+1,1))-1)+IF('Standard Profiles'!$G$22=$B$10,7,0)+IF('Standard Profiles'!$G$22=$B$17,14,0)+IF('Standard Profiles'!$G$22=$B$24,21,0),0)),0)</f>
        <v>0</v>
      </c>
      <c r="I3419">
        <f t="shared" si="384"/>
        <v>0.20990208835027024</v>
      </c>
      <c r="J3419">
        <f t="shared" si="385"/>
        <v>0.69967362783423415</v>
      </c>
      <c r="K3419">
        <f t="shared" si="386"/>
        <v>1.0495104417513512</v>
      </c>
      <c r="L3419">
        <f t="shared" si="387"/>
        <v>5.0376501204064859</v>
      </c>
      <c r="M3419">
        <f t="shared" si="388"/>
        <v>0</v>
      </c>
      <c r="N3419" s="46">
        <f t="shared" si="389"/>
        <v>45433.041666658457</v>
      </c>
    </row>
    <row r="3420" spans="2:14" x14ac:dyDescent="0.3">
      <c r="B3420">
        <f t="shared" si="383"/>
        <v>2</v>
      </c>
      <c r="C3420" s="16">
        <v>3386</v>
      </c>
      <c r="D3420" cm="1">
        <f t="array" ref="D3420">IFERROR(INDEX(Jesper!AH$2:AH$366,ROUNDDOWN($C3420/24,0)+1,1)*INDEX($D$3:$AA$30,INDEX(Jesper!$R$2:$R$366,ROW(INDEX(Jesper!AH$2:AH$366,ROUNDDOWN($C3420/24,0)+1,1))-1)+IF('Standard Profiles'!$G$18=$B$10,7,0)+IF('Standard Profiles'!$G$18=$B$17,14,0)+IF('Standard Profiles'!$G$18=$B$24,21,0),MOD($C3420,24)+1)/SUM(INDEX($D$3:$AA$30,INDEX(Jesper!$R$2:$R$366,ROW(INDEX(Jesper!AH$2:AH$366,ROUNDDOWN($C3420/24,0)+1,1))-1)+IF('Standard Profiles'!$G$18=$B$10,7,0)+IF('Standard Profiles'!$G$18=$B$17,14,0)+IF('Standard Profiles'!$G$18=$B$24,21,0),0)),0)</f>
        <v>6.9967362783423415</v>
      </c>
      <c r="E3420" cm="1">
        <f t="array" ref="E3420">IFERROR(INDEX(Jesper!AI$2:AI$366,ROUNDDOWN($C3420/24,0)+1,1)*INDEX($D$3:$AA$30,INDEX(Jesper!$R$2:$R$366,ROW(INDEX(Jesper!AI$2:AI$366,ROUNDDOWN($C3420/24,0)+1,1))-1)+IF('Standard Profiles'!$G$19=$B$10,7,0)+IF('Standard Profiles'!$G$19=$B$17,14,0)+IF('Standard Profiles'!$G$19=$B$24,21,0),MOD($C3420,24)+1)/SUM(INDEX($D$3:$AA$30,INDEX(Jesper!$R$2:$R$366,ROW(INDEX(Jesper!AI$2:AI$366,ROUNDDOWN($C3420/24,0)+1,1))-1)+IF('Standard Profiles'!$G$19=$B$10,7,0)+IF('Standard Profiles'!$G$19=$B$17,14,0)+IF('Standard Profiles'!$G$19=$B$24,21,0),0)),0)</f>
        <v>0</v>
      </c>
      <c r="F3420" cm="1">
        <f t="array" ref="F3420">IFERROR(INDEX(Jesper!AJ$2:AJ$366,ROUNDDOWN($C3420/24,0)+1,1)*INDEX($D$3:$AA$30,INDEX(Jesper!$R$2:$R$366,ROW(INDEX(Jesper!AJ$2:AJ$366,ROUNDDOWN($C3420/24,0)+1,1))-1)+IF('Standard Profiles'!$G$20=$B$10,7,0)+IF('Standard Profiles'!$G$20=$B$17,14,0)+IF('Standard Profiles'!$G$20=$B$24,21,0),MOD($C3420,24)+1)/SUM(INDEX($D$3:$AA$30,INDEX(Jesper!$R$2:$R$366,ROW(INDEX(Jesper!AJ$2:AJ$366,ROUNDDOWN($C3420/24,0)+1,1))-1)+IF('Standard Profiles'!$G$20=$B$10,7,0)+IF('Standard Profiles'!$G$20=$B$17,14,0)+IF('Standard Profiles'!$G$20=$B$24,21,0),0)),0)</f>
        <v>0</v>
      </c>
      <c r="G3420" cm="1">
        <f t="array" ref="G3420">IFERROR(INDEX(Jesper!AK$2:AK$366,ROUNDDOWN($C3420/24,0)+1,1)*INDEX($D$3:$AA$30,INDEX(Jesper!$R$2:$R$366,ROW(INDEX(Jesper!AK$2:AK$366,ROUNDDOWN($C3420/24,0)+1,1))-1)+IF('Standard Profiles'!$G$21=$B$10,7,0)+IF('Standard Profiles'!$G$21=$B$17,14,0)+IF('Standard Profiles'!$G$21=$B$24,21,0),MOD($C3420,24)+1)/SUM(INDEX($D$3:$AA$30,INDEX(Jesper!$R$2:$R$366,ROW(INDEX(Jesper!AK$2:AK$366,ROUNDDOWN($C3420/24,0)+1,1))-1)+IF('Standard Profiles'!$G$21=$B$10,7,0)+IF('Standard Profiles'!$G$21=$B$17,14,0)+IF('Standard Profiles'!$G$21=$B$24,21,0),0)),0)</f>
        <v>0</v>
      </c>
      <c r="H3420" cm="1">
        <f t="array" ref="H3420">IFERROR(INDEX(Jesper!AL$2:AL$366,ROUNDDOWN($C3420/24,0)+1,1)*INDEX($D$3:$AA$30,INDEX(Jesper!$R$2:$R$366,ROW(INDEX(Jesper!AL$2:AL$366,ROUNDDOWN($C3420/24,0)+1,1))-1)+IF('Standard Profiles'!$G$22=$B$10,7,0)+IF('Standard Profiles'!$G$22=$B$17,14,0)+IF('Standard Profiles'!$G$22=$B$24,21,0),MOD($C3420,24)+1)/SUM(INDEX($D$3:$AA$30,INDEX(Jesper!$R$2:$R$366,ROW(INDEX(Jesper!AL$2:AL$366,ROUNDDOWN($C3420/24,0)+1,1))-1)+IF('Standard Profiles'!$G$22=$B$10,7,0)+IF('Standard Profiles'!$G$22=$B$17,14,0)+IF('Standard Profiles'!$G$22=$B$24,21,0),0)),0)</f>
        <v>0</v>
      </c>
      <c r="I3420">
        <f t="shared" si="384"/>
        <v>0.20990208835027024</v>
      </c>
      <c r="J3420">
        <f t="shared" si="385"/>
        <v>0.69967362783423415</v>
      </c>
      <c r="K3420">
        <f t="shared" si="386"/>
        <v>1.0495104417513512</v>
      </c>
      <c r="L3420">
        <f t="shared" si="387"/>
        <v>5.0376501204064859</v>
      </c>
      <c r="M3420">
        <f t="shared" si="388"/>
        <v>0</v>
      </c>
      <c r="N3420" s="46">
        <f t="shared" si="389"/>
        <v>45433.083333325121</v>
      </c>
    </row>
    <row r="3421" spans="2:14" x14ac:dyDescent="0.3">
      <c r="B3421">
        <f t="shared" si="383"/>
        <v>2</v>
      </c>
      <c r="C3421" s="16">
        <v>3387</v>
      </c>
      <c r="D3421" cm="1">
        <f t="array" ref="D3421">IFERROR(INDEX(Jesper!AH$2:AH$366,ROUNDDOWN($C3421/24,0)+1,1)*INDEX($D$3:$AA$30,INDEX(Jesper!$R$2:$R$366,ROW(INDEX(Jesper!AH$2:AH$366,ROUNDDOWN($C3421/24,0)+1,1))-1)+IF('Standard Profiles'!$G$18=$B$10,7,0)+IF('Standard Profiles'!$G$18=$B$17,14,0)+IF('Standard Profiles'!$G$18=$B$24,21,0),MOD($C3421,24)+1)/SUM(INDEX($D$3:$AA$30,INDEX(Jesper!$R$2:$R$366,ROW(INDEX(Jesper!AH$2:AH$366,ROUNDDOWN($C3421/24,0)+1,1))-1)+IF('Standard Profiles'!$G$18=$B$10,7,0)+IF('Standard Profiles'!$G$18=$B$17,14,0)+IF('Standard Profiles'!$G$18=$B$24,21,0),0)),0)</f>
        <v>6.9967362783423415</v>
      </c>
      <c r="E3421" cm="1">
        <f t="array" ref="E3421">IFERROR(INDEX(Jesper!AI$2:AI$366,ROUNDDOWN($C3421/24,0)+1,1)*INDEX($D$3:$AA$30,INDEX(Jesper!$R$2:$R$366,ROW(INDEX(Jesper!AI$2:AI$366,ROUNDDOWN($C3421/24,0)+1,1))-1)+IF('Standard Profiles'!$G$19=$B$10,7,0)+IF('Standard Profiles'!$G$19=$B$17,14,0)+IF('Standard Profiles'!$G$19=$B$24,21,0),MOD($C3421,24)+1)/SUM(INDEX($D$3:$AA$30,INDEX(Jesper!$R$2:$R$366,ROW(INDEX(Jesper!AI$2:AI$366,ROUNDDOWN($C3421/24,0)+1,1))-1)+IF('Standard Profiles'!$G$19=$B$10,7,0)+IF('Standard Profiles'!$G$19=$B$17,14,0)+IF('Standard Profiles'!$G$19=$B$24,21,0),0)),0)</f>
        <v>0</v>
      </c>
      <c r="F3421" cm="1">
        <f t="array" ref="F3421">IFERROR(INDEX(Jesper!AJ$2:AJ$366,ROUNDDOWN($C3421/24,0)+1,1)*INDEX($D$3:$AA$30,INDEX(Jesper!$R$2:$R$366,ROW(INDEX(Jesper!AJ$2:AJ$366,ROUNDDOWN($C3421/24,0)+1,1))-1)+IF('Standard Profiles'!$G$20=$B$10,7,0)+IF('Standard Profiles'!$G$20=$B$17,14,0)+IF('Standard Profiles'!$G$20=$B$24,21,0),MOD($C3421,24)+1)/SUM(INDEX($D$3:$AA$30,INDEX(Jesper!$R$2:$R$366,ROW(INDEX(Jesper!AJ$2:AJ$366,ROUNDDOWN($C3421/24,0)+1,1))-1)+IF('Standard Profiles'!$G$20=$B$10,7,0)+IF('Standard Profiles'!$G$20=$B$17,14,0)+IF('Standard Profiles'!$G$20=$B$24,21,0),0)),0)</f>
        <v>0</v>
      </c>
      <c r="G3421" cm="1">
        <f t="array" ref="G3421">IFERROR(INDEX(Jesper!AK$2:AK$366,ROUNDDOWN($C3421/24,0)+1,1)*INDEX($D$3:$AA$30,INDEX(Jesper!$R$2:$R$366,ROW(INDEX(Jesper!AK$2:AK$366,ROUNDDOWN($C3421/24,0)+1,1))-1)+IF('Standard Profiles'!$G$21=$B$10,7,0)+IF('Standard Profiles'!$G$21=$B$17,14,0)+IF('Standard Profiles'!$G$21=$B$24,21,0),MOD($C3421,24)+1)/SUM(INDEX($D$3:$AA$30,INDEX(Jesper!$R$2:$R$366,ROW(INDEX(Jesper!AK$2:AK$366,ROUNDDOWN($C3421/24,0)+1,1))-1)+IF('Standard Profiles'!$G$21=$B$10,7,0)+IF('Standard Profiles'!$G$21=$B$17,14,0)+IF('Standard Profiles'!$G$21=$B$24,21,0),0)),0)</f>
        <v>0</v>
      </c>
      <c r="H3421" cm="1">
        <f t="array" ref="H3421">IFERROR(INDEX(Jesper!AL$2:AL$366,ROUNDDOWN($C3421/24,0)+1,1)*INDEX($D$3:$AA$30,INDEX(Jesper!$R$2:$R$366,ROW(INDEX(Jesper!AL$2:AL$366,ROUNDDOWN($C3421/24,0)+1,1))-1)+IF('Standard Profiles'!$G$22=$B$10,7,0)+IF('Standard Profiles'!$G$22=$B$17,14,0)+IF('Standard Profiles'!$G$22=$B$24,21,0),MOD($C3421,24)+1)/SUM(INDEX($D$3:$AA$30,INDEX(Jesper!$R$2:$R$366,ROW(INDEX(Jesper!AL$2:AL$366,ROUNDDOWN($C3421/24,0)+1,1))-1)+IF('Standard Profiles'!$G$22=$B$10,7,0)+IF('Standard Profiles'!$G$22=$B$17,14,0)+IF('Standard Profiles'!$G$22=$B$24,21,0),0)),0)</f>
        <v>0</v>
      </c>
      <c r="I3421">
        <f t="shared" si="384"/>
        <v>0.20990208835027024</v>
      </c>
      <c r="J3421">
        <f t="shared" si="385"/>
        <v>0.69967362783423415</v>
      </c>
      <c r="K3421">
        <f t="shared" si="386"/>
        <v>1.0495104417513512</v>
      </c>
      <c r="L3421">
        <f t="shared" si="387"/>
        <v>5.0376501204064859</v>
      </c>
      <c r="M3421">
        <f t="shared" si="388"/>
        <v>0</v>
      </c>
      <c r="N3421" s="46">
        <f t="shared" si="389"/>
        <v>45433.124999991785</v>
      </c>
    </row>
    <row r="3422" spans="2:14" x14ac:dyDescent="0.3">
      <c r="B3422">
        <f t="shared" si="383"/>
        <v>2</v>
      </c>
      <c r="C3422" s="16">
        <v>3388</v>
      </c>
      <c r="D3422" cm="1">
        <f t="array" ref="D3422">IFERROR(INDEX(Jesper!AH$2:AH$366,ROUNDDOWN($C3422/24,0)+1,1)*INDEX($D$3:$AA$30,INDEX(Jesper!$R$2:$R$366,ROW(INDEX(Jesper!AH$2:AH$366,ROUNDDOWN($C3422/24,0)+1,1))-1)+IF('Standard Profiles'!$G$18=$B$10,7,0)+IF('Standard Profiles'!$G$18=$B$17,14,0)+IF('Standard Profiles'!$G$18=$B$24,21,0),MOD($C3422,24)+1)/SUM(INDEX($D$3:$AA$30,INDEX(Jesper!$R$2:$R$366,ROW(INDEX(Jesper!AH$2:AH$366,ROUNDDOWN($C3422/24,0)+1,1))-1)+IF('Standard Profiles'!$G$18=$B$10,7,0)+IF('Standard Profiles'!$G$18=$B$17,14,0)+IF('Standard Profiles'!$G$18=$B$24,21,0),0)),0)</f>
        <v>6.9967362783423415</v>
      </c>
      <c r="E3422" cm="1">
        <f t="array" ref="E3422">IFERROR(INDEX(Jesper!AI$2:AI$366,ROUNDDOWN($C3422/24,0)+1,1)*INDEX($D$3:$AA$30,INDEX(Jesper!$R$2:$R$366,ROW(INDEX(Jesper!AI$2:AI$366,ROUNDDOWN($C3422/24,0)+1,1))-1)+IF('Standard Profiles'!$G$19=$B$10,7,0)+IF('Standard Profiles'!$G$19=$B$17,14,0)+IF('Standard Profiles'!$G$19=$B$24,21,0),MOD($C3422,24)+1)/SUM(INDEX($D$3:$AA$30,INDEX(Jesper!$R$2:$R$366,ROW(INDEX(Jesper!AI$2:AI$366,ROUNDDOWN($C3422/24,0)+1,1))-1)+IF('Standard Profiles'!$G$19=$B$10,7,0)+IF('Standard Profiles'!$G$19=$B$17,14,0)+IF('Standard Profiles'!$G$19=$B$24,21,0),0)),0)</f>
        <v>0</v>
      </c>
      <c r="F3422" cm="1">
        <f t="array" ref="F3422">IFERROR(INDEX(Jesper!AJ$2:AJ$366,ROUNDDOWN($C3422/24,0)+1,1)*INDEX($D$3:$AA$30,INDEX(Jesper!$R$2:$R$366,ROW(INDEX(Jesper!AJ$2:AJ$366,ROUNDDOWN($C3422/24,0)+1,1))-1)+IF('Standard Profiles'!$G$20=$B$10,7,0)+IF('Standard Profiles'!$G$20=$B$17,14,0)+IF('Standard Profiles'!$G$20=$B$24,21,0),MOD($C3422,24)+1)/SUM(INDEX($D$3:$AA$30,INDEX(Jesper!$R$2:$R$366,ROW(INDEX(Jesper!AJ$2:AJ$366,ROUNDDOWN($C3422/24,0)+1,1))-1)+IF('Standard Profiles'!$G$20=$B$10,7,0)+IF('Standard Profiles'!$G$20=$B$17,14,0)+IF('Standard Profiles'!$G$20=$B$24,21,0),0)),0)</f>
        <v>0</v>
      </c>
      <c r="G3422" cm="1">
        <f t="array" ref="G3422">IFERROR(INDEX(Jesper!AK$2:AK$366,ROUNDDOWN($C3422/24,0)+1,1)*INDEX($D$3:$AA$30,INDEX(Jesper!$R$2:$R$366,ROW(INDEX(Jesper!AK$2:AK$366,ROUNDDOWN($C3422/24,0)+1,1))-1)+IF('Standard Profiles'!$G$21=$B$10,7,0)+IF('Standard Profiles'!$G$21=$B$17,14,0)+IF('Standard Profiles'!$G$21=$B$24,21,0),MOD($C3422,24)+1)/SUM(INDEX($D$3:$AA$30,INDEX(Jesper!$R$2:$R$366,ROW(INDEX(Jesper!AK$2:AK$366,ROUNDDOWN($C3422/24,0)+1,1))-1)+IF('Standard Profiles'!$G$21=$B$10,7,0)+IF('Standard Profiles'!$G$21=$B$17,14,0)+IF('Standard Profiles'!$G$21=$B$24,21,0),0)),0)</f>
        <v>0</v>
      </c>
      <c r="H3422" cm="1">
        <f t="array" ref="H3422">IFERROR(INDEX(Jesper!AL$2:AL$366,ROUNDDOWN($C3422/24,0)+1,1)*INDEX($D$3:$AA$30,INDEX(Jesper!$R$2:$R$366,ROW(INDEX(Jesper!AL$2:AL$366,ROUNDDOWN($C3422/24,0)+1,1))-1)+IF('Standard Profiles'!$G$22=$B$10,7,0)+IF('Standard Profiles'!$G$22=$B$17,14,0)+IF('Standard Profiles'!$G$22=$B$24,21,0),MOD($C3422,24)+1)/SUM(INDEX($D$3:$AA$30,INDEX(Jesper!$R$2:$R$366,ROW(INDEX(Jesper!AL$2:AL$366,ROUNDDOWN($C3422/24,0)+1,1))-1)+IF('Standard Profiles'!$G$22=$B$10,7,0)+IF('Standard Profiles'!$G$22=$B$17,14,0)+IF('Standard Profiles'!$G$22=$B$24,21,0),0)),0)</f>
        <v>0</v>
      </c>
      <c r="I3422">
        <f t="shared" si="384"/>
        <v>0.20990208835027024</v>
      </c>
      <c r="J3422">
        <f t="shared" si="385"/>
        <v>0.69967362783423415</v>
      </c>
      <c r="K3422">
        <f t="shared" si="386"/>
        <v>1.0495104417513512</v>
      </c>
      <c r="L3422">
        <f t="shared" si="387"/>
        <v>5.0376501204064859</v>
      </c>
      <c r="M3422">
        <f t="shared" si="388"/>
        <v>0</v>
      </c>
      <c r="N3422" s="46">
        <f t="shared" si="389"/>
        <v>45433.16666665845</v>
      </c>
    </row>
    <row r="3423" spans="2:14" x14ac:dyDescent="0.3">
      <c r="B3423">
        <f t="shared" si="383"/>
        <v>2</v>
      </c>
      <c r="C3423" s="16">
        <v>3389</v>
      </c>
      <c r="D3423" cm="1">
        <f t="array" ref="D3423">IFERROR(INDEX(Jesper!AH$2:AH$366,ROUNDDOWN($C3423/24,0)+1,1)*INDEX($D$3:$AA$30,INDEX(Jesper!$R$2:$R$366,ROW(INDEX(Jesper!AH$2:AH$366,ROUNDDOWN($C3423/24,0)+1,1))-1)+IF('Standard Profiles'!$G$18=$B$10,7,0)+IF('Standard Profiles'!$G$18=$B$17,14,0)+IF('Standard Profiles'!$G$18=$B$24,21,0),MOD($C3423,24)+1)/SUM(INDEX($D$3:$AA$30,INDEX(Jesper!$R$2:$R$366,ROW(INDEX(Jesper!AH$2:AH$366,ROUNDDOWN($C3423/24,0)+1,1))-1)+IF('Standard Profiles'!$G$18=$B$10,7,0)+IF('Standard Profiles'!$G$18=$B$17,14,0)+IF('Standard Profiles'!$G$18=$B$24,21,0),0)),0)</f>
        <v>9.095757161845043</v>
      </c>
      <c r="E3423" cm="1">
        <f t="array" ref="E3423">IFERROR(INDEX(Jesper!AI$2:AI$366,ROUNDDOWN($C3423/24,0)+1,1)*INDEX($D$3:$AA$30,INDEX(Jesper!$R$2:$R$366,ROW(INDEX(Jesper!AI$2:AI$366,ROUNDDOWN($C3423/24,0)+1,1))-1)+IF('Standard Profiles'!$G$19=$B$10,7,0)+IF('Standard Profiles'!$G$19=$B$17,14,0)+IF('Standard Profiles'!$G$19=$B$24,21,0),MOD($C3423,24)+1)/SUM(INDEX($D$3:$AA$30,INDEX(Jesper!$R$2:$R$366,ROW(INDEX(Jesper!AI$2:AI$366,ROUNDDOWN($C3423/24,0)+1,1))-1)+IF('Standard Profiles'!$G$19=$B$10,7,0)+IF('Standard Profiles'!$G$19=$B$17,14,0)+IF('Standard Profiles'!$G$19=$B$24,21,0),0)),0)</f>
        <v>0</v>
      </c>
      <c r="F3423" cm="1">
        <f t="array" ref="F3423">IFERROR(INDEX(Jesper!AJ$2:AJ$366,ROUNDDOWN($C3423/24,0)+1,1)*INDEX($D$3:$AA$30,INDEX(Jesper!$R$2:$R$366,ROW(INDEX(Jesper!AJ$2:AJ$366,ROUNDDOWN($C3423/24,0)+1,1))-1)+IF('Standard Profiles'!$G$20=$B$10,7,0)+IF('Standard Profiles'!$G$20=$B$17,14,0)+IF('Standard Profiles'!$G$20=$B$24,21,0),MOD($C3423,24)+1)/SUM(INDEX($D$3:$AA$30,INDEX(Jesper!$R$2:$R$366,ROW(INDEX(Jesper!AJ$2:AJ$366,ROUNDDOWN($C3423/24,0)+1,1))-1)+IF('Standard Profiles'!$G$20=$B$10,7,0)+IF('Standard Profiles'!$G$20=$B$17,14,0)+IF('Standard Profiles'!$G$20=$B$24,21,0),0)),0)</f>
        <v>0</v>
      </c>
      <c r="G3423" cm="1">
        <f t="array" ref="G3423">IFERROR(INDEX(Jesper!AK$2:AK$366,ROUNDDOWN($C3423/24,0)+1,1)*INDEX($D$3:$AA$30,INDEX(Jesper!$R$2:$R$366,ROW(INDEX(Jesper!AK$2:AK$366,ROUNDDOWN($C3423/24,0)+1,1))-1)+IF('Standard Profiles'!$G$21=$B$10,7,0)+IF('Standard Profiles'!$G$21=$B$17,14,0)+IF('Standard Profiles'!$G$21=$B$24,21,0),MOD($C3423,24)+1)/SUM(INDEX($D$3:$AA$30,INDEX(Jesper!$R$2:$R$366,ROW(INDEX(Jesper!AK$2:AK$366,ROUNDDOWN($C3423/24,0)+1,1))-1)+IF('Standard Profiles'!$G$21=$B$10,7,0)+IF('Standard Profiles'!$G$21=$B$17,14,0)+IF('Standard Profiles'!$G$21=$B$24,21,0),0)),0)</f>
        <v>0</v>
      </c>
      <c r="H3423" cm="1">
        <f t="array" ref="H3423">IFERROR(INDEX(Jesper!AL$2:AL$366,ROUNDDOWN($C3423/24,0)+1,1)*INDEX($D$3:$AA$30,INDEX(Jesper!$R$2:$R$366,ROW(INDEX(Jesper!AL$2:AL$366,ROUNDDOWN($C3423/24,0)+1,1))-1)+IF('Standard Profiles'!$G$22=$B$10,7,0)+IF('Standard Profiles'!$G$22=$B$17,14,0)+IF('Standard Profiles'!$G$22=$B$24,21,0),MOD($C3423,24)+1)/SUM(INDEX($D$3:$AA$30,INDEX(Jesper!$R$2:$R$366,ROW(INDEX(Jesper!AL$2:AL$366,ROUNDDOWN($C3423/24,0)+1,1))-1)+IF('Standard Profiles'!$G$22=$B$10,7,0)+IF('Standard Profiles'!$G$22=$B$17,14,0)+IF('Standard Profiles'!$G$22=$B$24,21,0),0)),0)</f>
        <v>0</v>
      </c>
      <c r="I3423">
        <f t="shared" si="384"/>
        <v>0.27287271485535131</v>
      </c>
      <c r="J3423">
        <f t="shared" si="385"/>
        <v>0.90957571618450439</v>
      </c>
      <c r="K3423">
        <f t="shared" si="386"/>
        <v>1.3643635742767564</v>
      </c>
      <c r="L3423">
        <f t="shared" si="387"/>
        <v>6.5489451565284309</v>
      </c>
      <c r="M3423">
        <f t="shared" si="388"/>
        <v>0</v>
      </c>
      <c r="N3423" s="46">
        <f t="shared" si="389"/>
        <v>45433.208333325114</v>
      </c>
    </row>
    <row r="3424" spans="2:14" x14ac:dyDescent="0.3">
      <c r="B3424">
        <f t="shared" si="383"/>
        <v>2</v>
      </c>
      <c r="C3424" s="16">
        <v>3390</v>
      </c>
      <c r="D3424" cm="1">
        <f t="array" ref="D3424">IFERROR(INDEX(Jesper!AH$2:AH$366,ROUNDDOWN($C3424/24,0)+1,1)*INDEX($D$3:$AA$30,INDEX(Jesper!$R$2:$R$366,ROW(INDEX(Jesper!AH$2:AH$366,ROUNDDOWN($C3424/24,0)+1,1))-1)+IF('Standard Profiles'!$G$18=$B$10,7,0)+IF('Standard Profiles'!$G$18=$B$17,14,0)+IF('Standard Profiles'!$G$18=$B$24,21,0),MOD($C3424,24)+1)/SUM(INDEX($D$3:$AA$30,INDEX(Jesper!$R$2:$R$366,ROW(INDEX(Jesper!AH$2:AH$366,ROUNDDOWN($C3424/24,0)+1,1))-1)+IF('Standard Profiles'!$G$18=$B$10,7,0)+IF('Standard Profiles'!$G$18=$B$17,14,0)+IF('Standard Profiles'!$G$18=$B$24,21,0),0)),0)</f>
        <v>10.145267603596393</v>
      </c>
      <c r="E3424" cm="1">
        <f t="array" ref="E3424">IFERROR(INDEX(Jesper!AI$2:AI$366,ROUNDDOWN($C3424/24,0)+1,1)*INDEX($D$3:$AA$30,INDEX(Jesper!$R$2:$R$366,ROW(INDEX(Jesper!AI$2:AI$366,ROUNDDOWN($C3424/24,0)+1,1))-1)+IF('Standard Profiles'!$G$19=$B$10,7,0)+IF('Standard Profiles'!$G$19=$B$17,14,0)+IF('Standard Profiles'!$G$19=$B$24,21,0),MOD($C3424,24)+1)/SUM(INDEX($D$3:$AA$30,INDEX(Jesper!$R$2:$R$366,ROW(INDEX(Jesper!AI$2:AI$366,ROUNDDOWN($C3424/24,0)+1,1))-1)+IF('Standard Profiles'!$G$19=$B$10,7,0)+IF('Standard Profiles'!$G$19=$B$17,14,0)+IF('Standard Profiles'!$G$19=$B$24,21,0),0)),0)</f>
        <v>0</v>
      </c>
      <c r="F3424" cm="1">
        <f t="array" ref="F3424">IFERROR(INDEX(Jesper!AJ$2:AJ$366,ROUNDDOWN($C3424/24,0)+1,1)*INDEX($D$3:$AA$30,INDEX(Jesper!$R$2:$R$366,ROW(INDEX(Jesper!AJ$2:AJ$366,ROUNDDOWN($C3424/24,0)+1,1))-1)+IF('Standard Profiles'!$G$20=$B$10,7,0)+IF('Standard Profiles'!$G$20=$B$17,14,0)+IF('Standard Profiles'!$G$20=$B$24,21,0),MOD($C3424,24)+1)/SUM(INDEX($D$3:$AA$30,INDEX(Jesper!$R$2:$R$366,ROW(INDEX(Jesper!AJ$2:AJ$366,ROUNDDOWN($C3424/24,0)+1,1))-1)+IF('Standard Profiles'!$G$20=$B$10,7,0)+IF('Standard Profiles'!$G$20=$B$17,14,0)+IF('Standard Profiles'!$G$20=$B$24,21,0),0)),0)</f>
        <v>0</v>
      </c>
      <c r="G3424" cm="1">
        <f t="array" ref="G3424">IFERROR(INDEX(Jesper!AK$2:AK$366,ROUNDDOWN($C3424/24,0)+1,1)*INDEX($D$3:$AA$30,INDEX(Jesper!$R$2:$R$366,ROW(INDEX(Jesper!AK$2:AK$366,ROUNDDOWN($C3424/24,0)+1,1))-1)+IF('Standard Profiles'!$G$21=$B$10,7,0)+IF('Standard Profiles'!$G$21=$B$17,14,0)+IF('Standard Profiles'!$G$21=$B$24,21,0),MOD($C3424,24)+1)/SUM(INDEX($D$3:$AA$30,INDEX(Jesper!$R$2:$R$366,ROW(INDEX(Jesper!AK$2:AK$366,ROUNDDOWN($C3424/24,0)+1,1))-1)+IF('Standard Profiles'!$G$21=$B$10,7,0)+IF('Standard Profiles'!$G$21=$B$17,14,0)+IF('Standard Profiles'!$G$21=$B$24,21,0),0)),0)</f>
        <v>0</v>
      </c>
      <c r="H3424" cm="1">
        <f t="array" ref="H3424">IFERROR(INDEX(Jesper!AL$2:AL$366,ROUNDDOWN($C3424/24,0)+1,1)*INDEX($D$3:$AA$30,INDEX(Jesper!$R$2:$R$366,ROW(INDEX(Jesper!AL$2:AL$366,ROUNDDOWN($C3424/24,0)+1,1))-1)+IF('Standard Profiles'!$G$22=$B$10,7,0)+IF('Standard Profiles'!$G$22=$B$17,14,0)+IF('Standard Profiles'!$G$22=$B$24,21,0),MOD($C3424,24)+1)/SUM(INDEX($D$3:$AA$30,INDEX(Jesper!$R$2:$R$366,ROW(INDEX(Jesper!AL$2:AL$366,ROUNDDOWN($C3424/24,0)+1,1))-1)+IF('Standard Profiles'!$G$22=$B$10,7,0)+IF('Standard Profiles'!$G$22=$B$17,14,0)+IF('Standard Profiles'!$G$22=$B$24,21,0),0)),0)</f>
        <v>0</v>
      </c>
      <c r="I3424">
        <f t="shared" si="384"/>
        <v>0.30435802810789175</v>
      </c>
      <c r="J3424">
        <f t="shared" si="385"/>
        <v>1.0145267603596393</v>
      </c>
      <c r="K3424">
        <f t="shared" si="386"/>
        <v>1.5217901405394589</v>
      </c>
      <c r="L3424">
        <f t="shared" si="387"/>
        <v>7.3045926745894025</v>
      </c>
      <c r="M3424">
        <f t="shared" si="388"/>
        <v>0</v>
      </c>
      <c r="N3424" s="46">
        <f t="shared" si="389"/>
        <v>45433.249999991778</v>
      </c>
    </row>
    <row r="3425" spans="2:14" x14ac:dyDescent="0.3">
      <c r="B3425">
        <f t="shared" si="383"/>
        <v>2</v>
      </c>
      <c r="C3425" s="16">
        <v>3391</v>
      </c>
      <c r="D3425" cm="1">
        <f t="array" ref="D3425">IFERROR(INDEX(Jesper!AH$2:AH$366,ROUNDDOWN($C3425/24,0)+1,1)*INDEX($D$3:$AA$30,INDEX(Jesper!$R$2:$R$366,ROW(INDEX(Jesper!AH$2:AH$366,ROUNDDOWN($C3425/24,0)+1,1))-1)+IF('Standard Profiles'!$G$18=$B$10,7,0)+IF('Standard Profiles'!$G$18=$B$17,14,0)+IF('Standard Profiles'!$G$18=$B$24,21,0),MOD($C3425,24)+1)/SUM(INDEX($D$3:$AA$30,INDEX(Jesper!$R$2:$R$366,ROW(INDEX(Jesper!AH$2:AH$366,ROUNDDOWN($C3425/24,0)+1,1))-1)+IF('Standard Profiles'!$G$18=$B$10,7,0)+IF('Standard Profiles'!$G$18=$B$17,14,0)+IF('Standard Profiles'!$G$18=$B$24,21,0),0)),0)</f>
        <v>10.495104417513511</v>
      </c>
      <c r="E3425" cm="1">
        <f t="array" ref="E3425">IFERROR(INDEX(Jesper!AI$2:AI$366,ROUNDDOWN($C3425/24,0)+1,1)*INDEX($D$3:$AA$30,INDEX(Jesper!$R$2:$R$366,ROW(INDEX(Jesper!AI$2:AI$366,ROUNDDOWN($C3425/24,0)+1,1))-1)+IF('Standard Profiles'!$G$19=$B$10,7,0)+IF('Standard Profiles'!$G$19=$B$17,14,0)+IF('Standard Profiles'!$G$19=$B$24,21,0),MOD($C3425,24)+1)/SUM(INDEX($D$3:$AA$30,INDEX(Jesper!$R$2:$R$366,ROW(INDEX(Jesper!AI$2:AI$366,ROUNDDOWN($C3425/24,0)+1,1))-1)+IF('Standard Profiles'!$G$19=$B$10,7,0)+IF('Standard Profiles'!$G$19=$B$17,14,0)+IF('Standard Profiles'!$G$19=$B$24,21,0),0)),0)</f>
        <v>0</v>
      </c>
      <c r="F3425" cm="1">
        <f t="array" ref="F3425">IFERROR(INDEX(Jesper!AJ$2:AJ$366,ROUNDDOWN($C3425/24,0)+1,1)*INDEX($D$3:$AA$30,INDEX(Jesper!$R$2:$R$366,ROW(INDEX(Jesper!AJ$2:AJ$366,ROUNDDOWN($C3425/24,0)+1,1))-1)+IF('Standard Profiles'!$G$20=$B$10,7,0)+IF('Standard Profiles'!$G$20=$B$17,14,0)+IF('Standard Profiles'!$G$20=$B$24,21,0),MOD($C3425,24)+1)/SUM(INDEX($D$3:$AA$30,INDEX(Jesper!$R$2:$R$366,ROW(INDEX(Jesper!AJ$2:AJ$366,ROUNDDOWN($C3425/24,0)+1,1))-1)+IF('Standard Profiles'!$G$20=$B$10,7,0)+IF('Standard Profiles'!$G$20=$B$17,14,0)+IF('Standard Profiles'!$G$20=$B$24,21,0),0)),0)</f>
        <v>0</v>
      </c>
      <c r="G3425" cm="1">
        <f t="array" ref="G3425">IFERROR(INDEX(Jesper!AK$2:AK$366,ROUNDDOWN($C3425/24,0)+1,1)*INDEX($D$3:$AA$30,INDEX(Jesper!$R$2:$R$366,ROW(INDEX(Jesper!AK$2:AK$366,ROUNDDOWN($C3425/24,0)+1,1))-1)+IF('Standard Profiles'!$G$21=$B$10,7,0)+IF('Standard Profiles'!$G$21=$B$17,14,0)+IF('Standard Profiles'!$G$21=$B$24,21,0),MOD($C3425,24)+1)/SUM(INDEX($D$3:$AA$30,INDEX(Jesper!$R$2:$R$366,ROW(INDEX(Jesper!AK$2:AK$366,ROUNDDOWN($C3425/24,0)+1,1))-1)+IF('Standard Profiles'!$G$21=$B$10,7,0)+IF('Standard Profiles'!$G$21=$B$17,14,0)+IF('Standard Profiles'!$G$21=$B$24,21,0),0)),0)</f>
        <v>0</v>
      </c>
      <c r="H3425" cm="1">
        <f t="array" ref="H3425">IFERROR(INDEX(Jesper!AL$2:AL$366,ROUNDDOWN($C3425/24,0)+1,1)*INDEX($D$3:$AA$30,INDEX(Jesper!$R$2:$R$366,ROW(INDEX(Jesper!AL$2:AL$366,ROUNDDOWN($C3425/24,0)+1,1))-1)+IF('Standard Profiles'!$G$22=$B$10,7,0)+IF('Standard Profiles'!$G$22=$B$17,14,0)+IF('Standard Profiles'!$G$22=$B$24,21,0),MOD($C3425,24)+1)/SUM(INDEX($D$3:$AA$30,INDEX(Jesper!$R$2:$R$366,ROW(INDEX(Jesper!AL$2:AL$366,ROUNDDOWN($C3425/24,0)+1,1))-1)+IF('Standard Profiles'!$G$22=$B$10,7,0)+IF('Standard Profiles'!$G$22=$B$17,14,0)+IF('Standard Profiles'!$G$22=$B$24,21,0),0)),0)</f>
        <v>0</v>
      </c>
      <c r="I3425">
        <f t="shared" si="384"/>
        <v>0.31485313252540531</v>
      </c>
      <c r="J3425">
        <f t="shared" si="385"/>
        <v>1.0495104417513512</v>
      </c>
      <c r="K3425">
        <f t="shared" si="386"/>
        <v>1.5742656626270266</v>
      </c>
      <c r="L3425">
        <f t="shared" si="387"/>
        <v>7.5564751806097279</v>
      </c>
      <c r="M3425">
        <f t="shared" si="388"/>
        <v>0</v>
      </c>
      <c r="N3425" s="46">
        <f t="shared" si="389"/>
        <v>45433.291666658442</v>
      </c>
    </row>
    <row r="3426" spans="2:14" x14ac:dyDescent="0.3">
      <c r="B3426">
        <f t="shared" si="383"/>
        <v>2</v>
      </c>
      <c r="C3426" s="16">
        <v>3392</v>
      </c>
      <c r="D3426" cm="1">
        <f t="array" ref="D3426">IFERROR(INDEX(Jesper!AH$2:AH$366,ROUNDDOWN($C3426/24,0)+1,1)*INDEX($D$3:$AA$30,INDEX(Jesper!$R$2:$R$366,ROW(INDEX(Jesper!AH$2:AH$366,ROUNDDOWN($C3426/24,0)+1,1))-1)+IF('Standard Profiles'!$G$18=$B$10,7,0)+IF('Standard Profiles'!$G$18=$B$17,14,0)+IF('Standard Profiles'!$G$18=$B$24,21,0),MOD($C3426,24)+1)/SUM(INDEX($D$3:$AA$30,INDEX(Jesper!$R$2:$R$366,ROW(INDEX(Jesper!AH$2:AH$366,ROUNDDOWN($C3426/24,0)+1,1))-1)+IF('Standard Profiles'!$G$18=$B$10,7,0)+IF('Standard Profiles'!$G$18=$B$17,14,0)+IF('Standard Profiles'!$G$18=$B$24,21,0),0)),0)</f>
        <v>10.495104417513511</v>
      </c>
      <c r="E3426" cm="1">
        <f t="array" ref="E3426">IFERROR(INDEX(Jesper!AI$2:AI$366,ROUNDDOWN($C3426/24,0)+1,1)*INDEX($D$3:$AA$30,INDEX(Jesper!$R$2:$R$366,ROW(INDEX(Jesper!AI$2:AI$366,ROUNDDOWN($C3426/24,0)+1,1))-1)+IF('Standard Profiles'!$G$19=$B$10,7,0)+IF('Standard Profiles'!$G$19=$B$17,14,0)+IF('Standard Profiles'!$G$19=$B$24,21,0),MOD($C3426,24)+1)/SUM(INDEX($D$3:$AA$30,INDEX(Jesper!$R$2:$R$366,ROW(INDEX(Jesper!AI$2:AI$366,ROUNDDOWN($C3426/24,0)+1,1))-1)+IF('Standard Profiles'!$G$19=$B$10,7,0)+IF('Standard Profiles'!$G$19=$B$17,14,0)+IF('Standard Profiles'!$G$19=$B$24,21,0),0)),0)</f>
        <v>0</v>
      </c>
      <c r="F3426" cm="1">
        <f t="array" ref="F3426">IFERROR(INDEX(Jesper!AJ$2:AJ$366,ROUNDDOWN($C3426/24,0)+1,1)*INDEX($D$3:$AA$30,INDEX(Jesper!$R$2:$R$366,ROW(INDEX(Jesper!AJ$2:AJ$366,ROUNDDOWN($C3426/24,0)+1,1))-1)+IF('Standard Profiles'!$G$20=$B$10,7,0)+IF('Standard Profiles'!$G$20=$B$17,14,0)+IF('Standard Profiles'!$G$20=$B$24,21,0),MOD($C3426,24)+1)/SUM(INDEX($D$3:$AA$30,INDEX(Jesper!$R$2:$R$366,ROW(INDEX(Jesper!AJ$2:AJ$366,ROUNDDOWN($C3426/24,0)+1,1))-1)+IF('Standard Profiles'!$G$20=$B$10,7,0)+IF('Standard Profiles'!$G$20=$B$17,14,0)+IF('Standard Profiles'!$G$20=$B$24,21,0),0)),0)</f>
        <v>0</v>
      </c>
      <c r="G3426" cm="1">
        <f t="array" ref="G3426">IFERROR(INDEX(Jesper!AK$2:AK$366,ROUNDDOWN($C3426/24,0)+1,1)*INDEX($D$3:$AA$30,INDEX(Jesper!$R$2:$R$366,ROW(INDEX(Jesper!AK$2:AK$366,ROUNDDOWN($C3426/24,0)+1,1))-1)+IF('Standard Profiles'!$G$21=$B$10,7,0)+IF('Standard Profiles'!$G$21=$B$17,14,0)+IF('Standard Profiles'!$G$21=$B$24,21,0),MOD($C3426,24)+1)/SUM(INDEX($D$3:$AA$30,INDEX(Jesper!$R$2:$R$366,ROW(INDEX(Jesper!AK$2:AK$366,ROUNDDOWN($C3426/24,0)+1,1))-1)+IF('Standard Profiles'!$G$21=$B$10,7,0)+IF('Standard Profiles'!$G$21=$B$17,14,0)+IF('Standard Profiles'!$G$21=$B$24,21,0),0)),0)</f>
        <v>0</v>
      </c>
      <c r="H3426" cm="1">
        <f t="array" ref="H3426">IFERROR(INDEX(Jesper!AL$2:AL$366,ROUNDDOWN($C3426/24,0)+1,1)*INDEX($D$3:$AA$30,INDEX(Jesper!$R$2:$R$366,ROW(INDEX(Jesper!AL$2:AL$366,ROUNDDOWN($C3426/24,0)+1,1))-1)+IF('Standard Profiles'!$G$22=$B$10,7,0)+IF('Standard Profiles'!$G$22=$B$17,14,0)+IF('Standard Profiles'!$G$22=$B$24,21,0),MOD($C3426,24)+1)/SUM(INDEX($D$3:$AA$30,INDEX(Jesper!$R$2:$R$366,ROW(INDEX(Jesper!AL$2:AL$366,ROUNDDOWN($C3426/24,0)+1,1))-1)+IF('Standard Profiles'!$G$22=$B$10,7,0)+IF('Standard Profiles'!$G$22=$B$17,14,0)+IF('Standard Profiles'!$G$22=$B$24,21,0),0)),0)</f>
        <v>0</v>
      </c>
      <c r="I3426">
        <f t="shared" si="384"/>
        <v>0.31485313252540531</v>
      </c>
      <c r="J3426">
        <f t="shared" si="385"/>
        <v>1.0495104417513512</v>
      </c>
      <c r="K3426">
        <f t="shared" si="386"/>
        <v>1.5742656626270266</v>
      </c>
      <c r="L3426">
        <f t="shared" si="387"/>
        <v>7.5564751806097279</v>
      </c>
      <c r="M3426">
        <f t="shared" si="388"/>
        <v>0</v>
      </c>
      <c r="N3426" s="46">
        <f t="shared" si="389"/>
        <v>45433.333333325107</v>
      </c>
    </row>
    <row r="3427" spans="2:14" x14ac:dyDescent="0.3">
      <c r="B3427">
        <f t="shared" ref="B3427:B3490" si="390">WEEKDAY(N3427,2)</f>
        <v>2</v>
      </c>
      <c r="C3427" s="16">
        <v>3393</v>
      </c>
      <c r="D3427" cm="1">
        <f t="array" ref="D3427">IFERROR(INDEX(Jesper!AH$2:AH$366,ROUNDDOWN($C3427/24,0)+1,1)*INDEX($D$3:$AA$30,INDEX(Jesper!$R$2:$R$366,ROW(INDEX(Jesper!AH$2:AH$366,ROUNDDOWN($C3427/24,0)+1,1))-1)+IF('Standard Profiles'!$G$18=$B$10,7,0)+IF('Standard Profiles'!$G$18=$B$17,14,0)+IF('Standard Profiles'!$G$18=$B$24,21,0),MOD($C3427,24)+1)/SUM(INDEX($D$3:$AA$30,INDEX(Jesper!$R$2:$R$366,ROW(INDEX(Jesper!AH$2:AH$366,ROUNDDOWN($C3427/24,0)+1,1))-1)+IF('Standard Profiles'!$G$18=$B$10,7,0)+IF('Standard Profiles'!$G$18=$B$17,14,0)+IF('Standard Profiles'!$G$18=$B$24,21,0),0)),0)</f>
        <v>11.369696452306302</v>
      </c>
      <c r="E3427" cm="1">
        <f t="array" ref="E3427">IFERROR(INDEX(Jesper!AI$2:AI$366,ROUNDDOWN($C3427/24,0)+1,1)*INDEX($D$3:$AA$30,INDEX(Jesper!$R$2:$R$366,ROW(INDEX(Jesper!AI$2:AI$366,ROUNDDOWN($C3427/24,0)+1,1))-1)+IF('Standard Profiles'!$G$19=$B$10,7,0)+IF('Standard Profiles'!$G$19=$B$17,14,0)+IF('Standard Profiles'!$G$19=$B$24,21,0),MOD($C3427,24)+1)/SUM(INDEX($D$3:$AA$30,INDEX(Jesper!$R$2:$R$366,ROW(INDEX(Jesper!AI$2:AI$366,ROUNDDOWN($C3427/24,0)+1,1))-1)+IF('Standard Profiles'!$G$19=$B$10,7,0)+IF('Standard Profiles'!$G$19=$B$17,14,0)+IF('Standard Profiles'!$G$19=$B$24,21,0),0)),0)</f>
        <v>0</v>
      </c>
      <c r="F3427" cm="1">
        <f t="array" ref="F3427">IFERROR(INDEX(Jesper!AJ$2:AJ$366,ROUNDDOWN($C3427/24,0)+1,1)*INDEX($D$3:$AA$30,INDEX(Jesper!$R$2:$R$366,ROW(INDEX(Jesper!AJ$2:AJ$366,ROUNDDOWN($C3427/24,0)+1,1))-1)+IF('Standard Profiles'!$G$20=$B$10,7,0)+IF('Standard Profiles'!$G$20=$B$17,14,0)+IF('Standard Profiles'!$G$20=$B$24,21,0),MOD($C3427,24)+1)/SUM(INDEX($D$3:$AA$30,INDEX(Jesper!$R$2:$R$366,ROW(INDEX(Jesper!AJ$2:AJ$366,ROUNDDOWN($C3427/24,0)+1,1))-1)+IF('Standard Profiles'!$G$20=$B$10,7,0)+IF('Standard Profiles'!$G$20=$B$17,14,0)+IF('Standard Profiles'!$G$20=$B$24,21,0),0)),0)</f>
        <v>0</v>
      </c>
      <c r="G3427" cm="1">
        <f t="array" ref="G3427">IFERROR(INDEX(Jesper!AK$2:AK$366,ROUNDDOWN($C3427/24,0)+1,1)*INDEX($D$3:$AA$30,INDEX(Jesper!$R$2:$R$366,ROW(INDEX(Jesper!AK$2:AK$366,ROUNDDOWN($C3427/24,0)+1,1))-1)+IF('Standard Profiles'!$G$21=$B$10,7,0)+IF('Standard Profiles'!$G$21=$B$17,14,0)+IF('Standard Profiles'!$G$21=$B$24,21,0),MOD($C3427,24)+1)/SUM(INDEX($D$3:$AA$30,INDEX(Jesper!$R$2:$R$366,ROW(INDEX(Jesper!AK$2:AK$366,ROUNDDOWN($C3427/24,0)+1,1))-1)+IF('Standard Profiles'!$G$21=$B$10,7,0)+IF('Standard Profiles'!$G$21=$B$17,14,0)+IF('Standard Profiles'!$G$21=$B$24,21,0),0)),0)</f>
        <v>0</v>
      </c>
      <c r="H3427" cm="1">
        <f t="array" ref="H3427">IFERROR(INDEX(Jesper!AL$2:AL$366,ROUNDDOWN($C3427/24,0)+1,1)*INDEX($D$3:$AA$30,INDEX(Jesper!$R$2:$R$366,ROW(INDEX(Jesper!AL$2:AL$366,ROUNDDOWN($C3427/24,0)+1,1))-1)+IF('Standard Profiles'!$G$22=$B$10,7,0)+IF('Standard Profiles'!$G$22=$B$17,14,0)+IF('Standard Profiles'!$G$22=$B$24,21,0),MOD($C3427,24)+1)/SUM(INDEX($D$3:$AA$30,INDEX(Jesper!$R$2:$R$366,ROW(INDEX(Jesper!AL$2:AL$366,ROUNDDOWN($C3427/24,0)+1,1))-1)+IF('Standard Profiles'!$G$22=$B$10,7,0)+IF('Standard Profiles'!$G$22=$B$17,14,0)+IF('Standard Profiles'!$G$22=$B$24,21,0),0)),0)</f>
        <v>0</v>
      </c>
      <c r="I3427">
        <f t="shared" ref="I3427:I3490" si="391">IF($B3427&lt;6,AC$37*$D3427+AC$38*$E3427+AC$39*$F3427+AC$40*$G3427,AC$46*$D3427+AC$47*$E3427+AC$48*$F3427+AC$49*$G3427+AC$50*$H3427)</f>
        <v>0.34109089356918904</v>
      </c>
      <c r="J3427">
        <f t="shared" ref="J3427:J3490" si="392">IF($B3427&lt;6,AD$37*$D3427+AD$38*$E3427+AD$39*$F3427+AD$40*$G3427,AD$46*$D3427+AD$47*$E3427+AD$48*$F3427+AD$49*$G3427+AD$50*$H3427)</f>
        <v>1.1369696452306302</v>
      </c>
      <c r="K3427">
        <f t="shared" ref="K3427:K3490" si="393">IF($B3427&lt;6,AE$37*$D3427+AE$38*$E3427+AE$39*$F3427+AE$40*$G3427,AE$46*$D3427+AE$47*$E3427+AE$48*$F3427+AE$49*$G3427+AE$50*$H3427)</f>
        <v>1.7054544678459453</v>
      </c>
      <c r="L3427">
        <f t="shared" ref="L3427:L3490" si="394">IF($B3427&lt;6,AF$37*$D3427+AF$38*$E3427+AF$39*$F3427+AF$40*$G3427,AF$46*$D3427+AF$47*$E3427+AF$48*$F3427+AF$49*$G3427+AF$50*$H3427)</f>
        <v>8.1861814456605373</v>
      </c>
      <c r="M3427">
        <f t="shared" ref="M3427:M3490" si="395">IF($B3427&lt;6,AG$37*$D3427+AG$38*$E3427+AG$39*$F3427+AG$40*$G3427,AG$46*$D3427+AG$47*$E3427+AG$48*$F3427+AG$49*$G3427+AG$50*$H3427)</f>
        <v>0</v>
      </c>
      <c r="N3427" s="46">
        <f t="shared" si="389"/>
        <v>45433.374999991771</v>
      </c>
    </row>
    <row r="3428" spans="2:14" x14ac:dyDescent="0.3">
      <c r="B3428">
        <f t="shared" si="390"/>
        <v>2</v>
      </c>
      <c r="C3428" s="16">
        <v>3394</v>
      </c>
      <c r="D3428" cm="1">
        <f t="array" ref="D3428">IFERROR(INDEX(Jesper!AH$2:AH$366,ROUNDDOWN($C3428/24,0)+1,1)*INDEX($D$3:$AA$30,INDEX(Jesper!$R$2:$R$366,ROW(INDEX(Jesper!AH$2:AH$366,ROUNDDOWN($C3428/24,0)+1,1))-1)+IF('Standard Profiles'!$G$18=$B$10,7,0)+IF('Standard Profiles'!$G$18=$B$17,14,0)+IF('Standard Profiles'!$G$18=$B$24,21,0),MOD($C3428,24)+1)/SUM(INDEX($D$3:$AA$30,INDEX(Jesper!$R$2:$R$366,ROW(INDEX(Jesper!AH$2:AH$366,ROUNDDOWN($C3428/24,0)+1,1))-1)+IF('Standard Profiles'!$G$18=$B$10,7,0)+IF('Standard Profiles'!$G$18=$B$17,14,0)+IF('Standard Profiles'!$G$18=$B$24,21,0),0)),0)</f>
        <v>11.894451673181978</v>
      </c>
      <c r="E3428" cm="1">
        <f t="array" ref="E3428">IFERROR(INDEX(Jesper!AI$2:AI$366,ROUNDDOWN($C3428/24,0)+1,1)*INDEX($D$3:$AA$30,INDEX(Jesper!$R$2:$R$366,ROW(INDEX(Jesper!AI$2:AI$366,ROUNDDOWN($C3428/24,0)+1,1))-1)+IF('Standard Profiles'!$G$19=$B$10,7,0)+IF('Standard Profiles'!$G$19=$B$17,14,0)+IF('Standard Profiles'!$G$19=$B$24,21,0),MOD($C3428,24)+1)/SUM(INDEX($D$3:$AA$30,INDEX(Jesper!$R$2:$R$366,ROW(INDEX(Jesper!AI$2:AI$366,ROUNDDOWN($C3428/24,0)+1,1))-1)+IF('Standard Profiles'!$G$19=$B$10,7,0)+IF('Standard Profiles'!$G$19=$B$17,14,0)+IF('Standard Profiles'!$G$19=$B$24,21,0),0)),0)</f>
        <v>0</v>
      </c>
      <c r="F3428" cm="1">
        <f t="array" ref="F3428">IFERROR(INDEX(Jesper!AJ$2:AJ$366,ROUNDDOWN($C3428/24,0)+1,1)*INDEX($D$3:$AA$30,INDEX(Jesper!$R$2:$R$366,ROW(INDEX(Jesper!AJ$2:AJ$366,ROUNDDOWN($C3428/24,0)+1,1))-1)+IF('Standard Profiles'!$G$20=$B$10,7,0)+IF('Standard Profiles'!$G$20=$B$17,14,0)+IF('Standard Profiles'!$G$20=$B$24,21,0),MOD($C3428,24)+1)/SUM(INDEX($D$3:$AA$30,INDEX(Jesper!$R$2:$R$366,ROW(INDEX(Jesper!AJ$2:AJ$366,ROUNDDOWN($C3428/24,0)+1,1))-1)+IF('Standard Profiles'!$G$20=$B$10,7,0)+IF('Standard Profiles'!$G$20=$B$17,14,0)+IF('Standard Profiles'!$G$20=$B$24,21,0),0)),0)</f>
        <v>0</v>
      </c>
      <c r="G3428" cm="1">
        <f t="array" ref="G3428">IFERROR(INDEX(Jesper!AK$2:AK$366,ROUNDDOWN($C3428/24,0)+1,1)*INDEX($D$3:$AA$30,INDEX(Jesper!$R$2:$R$366,ROW(INDEX(Jesper!AK$2:AK$366,ROUNDDOWN($C3428/24,0)+1,1))-1)+IF('Standard Profiles'!$G$21=$B$10,7,0)+IF('Standard Profiles'!$G$21=$B$17,14,0)+IF('Standard Profiles'!$G$21=$B$24,21,0),MOD($C3428,24)+1)/SUM(INDEX($D$3:$AA$30,INDEX(Jesper!$R$2:$R$366,ROW(INDEX(Jesper!AK$2:AK$366,ROUNDDOWN($C3428/24,0)+1,1))-1)+IF('Standard Profiles'!$G$21=$B$10,7,0)+IF('Standard Profiles'!$G$21=$B$17,14,0)+IF('Standard Profiles'!$G$21=$B$24,21,0),0)),0)</f>
        <v>0</v>
      </c>
      <c r="H3428" cm="1">
        <f t="array" ref="H3428">IFERROR(INDEX(Jesper!AL$2:AL$366,ROUNDDOWN($C3428/24,0)+1,1)*INDEX($D$3:$AA$30,INDEX(Jesper!$R$2:$R$366,ROW(INDEX(Jesper!AL$2:AL$366,ROUNDDOWN($C3428/24,0)+1,1))-1)+IF('Standard Profiles'!$G$22=$B$10,7,0)+IF('Standard Profiles'!$G$22=$B$17,14,0)+IF('Standard Profiles'!$G$22=$B$24,21,0),MOD($C3428,24)+1)/SUM(INDEX($D$3:$AA$30,INDEX(Jesper!$R$2:$R$366,ROW(INDEX(Jesper!AL$2:AL$366,ROUNDDOWN($C3428/24,0)+1,1))-1)+IF('Standard Profiles'!$G$22=$B$10,7,0)+IF('Standard Profiles'!$G$22=$B$17,14,0)+IF('Standard Profiles'!$G$22=$B$24,21,0),0)),0)</f>
        <v>0</v>
      </c>
      <c r="I3428">
        <f t="shared" si="391"/>
        <v>0.35683355019545931</v>
      </c>
      <c r="J3428">
        <f t="shared" si="392"/>
        <v>1.1894451673181978</v>
      </c>
      <c r="K3428">
        <f t="shared" si="393"/>
        <v>1.7841677509772966</v>
      </c>
      <c r="L3428">
        <f t="shared" si="394"/>
        <v>8.5640052046910231</v>
      </c>
      <c r="M3428">
        <f t="shared" si="395"/>
        <v>0</v>
      </c>
      <c r="N3428" s="46">
        <f t="shared" ref="N3428:N3491" si="396">N3427+1/24</f>
        <v>45433.416666658435</v>
      </c>
    </row>
    <row r="3429" spans="2:14" x14ac:dyDescent="0.3">
      <c r="B3429">
        <f t="shared" si="390"/>
        <v>2</v>
      </c>
      <c r="C3429" s="16">
        <v>3395</v>
      </c>
      <c r="D3429" cm="1">
        <f t="array" ref="D3429">IFERROR(INDEX(Jesper!AH$2:AH$366,ROUNDDOWN($C3429/24,0)+1,1)*INDEX($D$3:$AA$30,INDEX(Jesper!$R$2:$R$366,ROW(INDEX(Jesper!AH$2:AH$366,ROUNDDOWN($C3429/24,0)+1,1))-1)+IF('Standard Profiles'!$G$18=$B$10,7,0)+IF('Standard Profiles'!$G$18=$B$17,14,0)+IF('Standard Profiles'!$G$18=$B$24,21,0),MOD($C3429,24)+1)/SUM(INDEX($D$3:$AA$30,INDEX(Jesper!$R$2:$R$366,ROW(INDEX(Jesper!AH$2:AH$366,ROUNDDOWN($C3429/24,0)+1,1))-1)+IF('Standard Profiles'!$G$18=$B$10,7,0)+IF('Standard Profiles'!$G$18=$B$17,14,0)+IF('Standard Profiles'!$G$18=$B$24,21,0),0)),0)</f>
        <v>13.993472556684683</v>
      </c>
      <c r="E3429" cm="1">
        <f t="array" ref="E3429">IFERROR(INDEX(Jesper!AI$2:AI$366,ROUNDDOWN($C3429/24,0)+1,1)*INDEX($D$3:$AA$30,INDEX(Jesper!$R$2:$R$366,ROW(INDEX(Jesper!AI$2:AI$366,ROUNDDOWN($C3429/24,0)+1,1))-1)+IF('Standard Profiles'!$G$19=$B$10,7,0)+IF('Standard Profiles'!$G$19=$B$17,14,0)+IF('Standard Profiles'!$G$19=$B$24,21,0),MOD($C3429,24)+1)/SUM(INDEX($D$3:$AA$30,INDEX(Jesper!$R$2:$R$366,ROW(INDEX(Jesper!AI$2:AI$366,ROUNDDOWN($C3429/24,0)+1,1))-1)+IF('Standard Profiles'!$G$19=$B$10,7,0)+IF('Standard Profiles'!$G$19=$B$17,14,0)+IF('Standard Profiles'!$G$19=$B$24,21,0),0)),0)</f>
        <v>0</v>
      </c>
      <c r="F3429" cm="1">
        <f t="array" ref="F3429">IFERROR(INDEX(Jesper!AJ$2:AJ$366,ROUNDDOWN($C3429/24,0)+1,1)*INDEX($D$3:$AA$30,INDEX(Jesper!$R$2:$R$366,ROW(INDEX(Jesper!AJ$2:AJ$366,ROUNDDOWN($C3429/24,0)+1,1))-1)+IF('Standard Profiles'!$G$20=$B$10,7,0)+IF('Standard Profiles'!$G$20=$B$17,14,0)+IF('Standard Profiles'!$G$20=$B$24,21,0),MOD($C3429,24)+1)/SUM(INDEX($D$3:$AA$30,INDEX(Jesper!$R$2:$R$366,ROW(INDEX(Jesper!AJ$2:AJ$366,ROUNDDOWN($C3429/24,0)+1,1))-1)+IF('Standard Profiles'!$G$20=$B$10,7,0)+IF('Standard Profiles'!$G$20=$B$17,14,0)+IF('Standard Profiles'!$G$20=$B$24,21,0),0)),0)</f>
        <v>0</v>
      </c>
      <c r="G3429" cm="1">
        <f t="array" ref="G3429">IFERROR(INDEX(Jesper!AK$2:AK$366,ROUNDDOWN($C3429/24,0)+1,1)*INDEX($D$3:$AA$30,INDEX(Jesper!$R$2:$R$366,ROW(INDEX(Jesper!AK$2:AK$366,ROUNDDOWN($C3429/24,0)+1,1))-1)+IF('Standard Profiles'!$G$21=$B$10,7,0)+IF('Standard Profiles'!$G$21=$B$17,14,0)+IF('Standard Profiles'!$G$21=$B$24,21,0),MOD($C3429,24)+1)/SUM(INDEX($D$3:$AA$30,INDEX(Jesper!$R$2:$R$366,ROW(INDEX(Jesper!AK$2:AK$366,ROUNDDOWN($C3429/24,0)+1,1))-1)+IF('Standard Profiles'!$G$21=$B$10,7,0)+IF('Standard Profiles'!$G$21=$B$17,14,0)+IF('Standard Profiles'!$G$21=$B$24,21,0),0)),0)</f>
        <v>0</v>
      </c>
      <c r="H3429" cm="1">
        <f t="array" ref="H3429">IFERROR(INDEX(Jesper!AL$2:AL$366,ROUNDDOWN($C3429/24,0)+1,1)*INDEX($D$3:$AA$30,INDEX(Jesper!$R$2:$R$366,ROW(INDEX(Jesper!AL$2:AL$366,ROUNDDOWN($C3429/24,0)+1,1))-1)+IF('Standard Profiles'!$G$22=$B$10,7,0)+IF('Standard Profiles'!$G$22=$B$17,14,0)+IF('Standard Profiles'!$G$22=$B$24,21,0),MOD($C3429,24)+1)/SUM(INDEX($D$3:$AA$30,INDEX(Jesper!$R$2:$R$366,ROW(INDEX(Jesper!AL$2:AL$366,ROUNDDOWN($C3429/24,0)+1,1))-1)+IF('Standard Profiles'!$G$22=$B$10,7,0)+IF('Standard Profiles'!$G$22=$B$17,14,0)+IF('Standard Profiles'!$G$22=$B$24,21,0),0)),0)</f>
        <v>0</v>
      </c>
      <c r="I3429">
        <f t="shared" si="391"/>
        <v>0.41980417670054049</v>
      </c>
      <c r="J3429">
        <f t="shared" si="392"/>
        <v>1.3993472556684683</v>
      </c>
      <c r="K3429">
        <f t="shared" si="393"/>
        <v>2.0990208835027024</v>
      </c>
      <c r="L3429">
        <f t="shared" si="394"/>
        <v>10.075300240812972</v>
      </c>
      <c r="M3429">
        <f t="shared" si="395"/>
        <v>0</v>
      </c>
      <c r="N3429" s="46">
        <f t="shared" si="396"/>
        <v>45433.458333325099</v>
      </c>
    </row>
    <row r="3430" spans="2:14" x14ac:dyDescent="0.3">
      <c r="B3430">
        <f t="shared" si="390"/>
        <v>2</v>
      </c>
      <c r="C3430" s="16">
        <v>3396</v>
      </c>
      <c r="D3430" cm="1">
        <f t="array" ref="D3430">IFERROR(INDEX(Jesper!AH$2:AH$366,ROUNDDOWN($C3430/24,0)+1,1)*INDEX($D$3:$AA$30,INDEX(Jesper!$R$2:$R$366,ROW(INDEX(Jesper!AH$2:AH$366,ROUNDDOWN($C3430/24,0)+1,1))-1)+IF('Standard Profiles'!$G$18=$B$10,7,0)+IF('Standard Profiles'!$G$18=$B$17,14,0)+IF('Standard Profiles'!$G$18=$B$24,21,0),MOD($C3430,24)+1)/SUM(INDEX($D$3:$AA$30,INDEX(Jesper!$R$2:$R$366,ROW(INDEX(Jesper!AH$2:AH$366,ROUNDDOWN($C3430/24,0)+1,1))-1)+IF('Standard Profiles'!$G$18=$B$10,7,0)+IF('Standard Profiles'!$G$18=$B$17,14,0)+IF('Standard Profiles'!$G$18=$B$24,21,0),0)),0)</f>
        <v>13.993472556684683</v>
      </c>
      <c r="E3430" cm="1">
        <f t="array" ref="E3430">IFERROR(INDEX(Jesper!AI$2:AI$366,ROUNDDOWN($C3430/24,0)+1,1)*INDEX($D$3:$AA$30,INDEX(Jesper!$R$2:$R$366,ROW(INDEX(Jesper!AI$2:AI$366,ROUNDDOWN($C3430/24,0)+1,1))-1)+IF('Standard Profiles'!$G$19=$B$10,7,0)+IF('Standard Profiles'!$G$19=$B$17,14,0)+IF('Standard Profiles'!$G$19=$B$24,21,0),MOD($C3430,24)+1)/SUM(INDEX($D$3:$AA$30,INDEX(Jesper!$R$2:$R$366,ROW(INDEX(Jesper!AI$2:AI$366,ROUNDDOWN($C3430/24,0)+1,1))-1)+IF('Standard Profiles'!$G$19=$B$10,7,0)+IF('Standard Profiles'!$G$19=$B$17,14,0)+IF('Standard Profiles'!$G$19=$B$24,21,0),0)),0)</f>
        <v>0</v>
      </c>
      <c r="F3430" cm="1">
        <f t="array" ref="F3430">IFERROR(INDEX(Jesper!AJ$2:AJ$366,ROUNDDOWN($C3430/24,0)+1,1)*INDEX($D$3:$AA$30,INDEX(Jesper!$R$2:$R$366,ROW(INDEX(Jesper!AJ$2:AJ$366,ROUNDDOWN($C3430/24,0)+1,1))-1)+IF('Standard Profiles'!$G$20=$B$10,7,0)+IF('Standard Profiles'!$G$20=$B$17,14,0)+IF('Standard Profiles'!$G$20=$B$24,21,0),MOD($C3430,24)+1)/SUM(INDEX($D$3:$AA$30,INDEX(Jesper!$R$2:$R$366,ROW(INDEX(Jesper!AJ$2:AJ$366,ROUNDDOWN($C3430/24,0)+1,1))-1)+IF('Standard Profiles'!$G$20=$B$10,7,0)+IF('Standard Profiles'!$G$20=$B$17,14,0)+IF('Standard Profiles'!$G$20=$B$24,21,0),0)),0)</f>
        <v>0</v>
      </c>
      <c r="G3430" cm="1">
        <f t="array" ref="G3430">IFERROR(INDEX(Jesper!AK$2:AK$366,ROUNDDOWN($C3430/24,0)+1,1)*INDEX($D$3:$AA$30,INDEX(Jesper!$R$2:$R$366,ROW(INDEX(Jesper!AK$2:AK$366,ROUNDDOWN($C3430/24,0)+1,1))-1)+IF('Standard Profiles'!$G$21=$B$10,7,0)+IF('Standard Profiles'!$G$21=$B$17,14,0)+IF('Standard Profiles'!$G$21=$B$24,21,0),MOD($C3430,24)+1)/SUM(INDEX($D$3:$AA$30,INDEX(Jesper!$R$2:$R$366,ROW(INDEX(Jesper!AK$2:AK$366,ROUNDDOWN($C3430/24,0)+1,1))-1)+IF('Standard Profiles'!$G$21=$B$10,7,0)+IF('Standard Profiles'!$G$21=$B$17,14,0)+IF('Standard Profiles'!$G$21=$B$24,21,0),0)),0)</f>
        <v>0</v>
      </c>
      <c r="H3430" cm="1">
        <f t="array" ref="H3430">IFERROR(INDEX(Jesper!AL$2:AL$366,ROUNDDOWN($C3430/24,0)+1,1)*INDEX($D$3:$AA$30,INDEX(Jesper!$R$2:$R$366,ROW(INDEX(Jesper!AL$2:AL$366,ROUNDDOWN($C3430/24,0)+1,1))-1)+IF('Standard Profiles'!$G$22=$B$10,7,0)+IF('Standard Profiles'!$G$22=$B$17,14,0)+IF('Standard Profiles'!$G$22=$B$24,21,0),MOD($C3430,24)+1)/SUM(INDEX($D$3:$AA$30,INDEX(Jesper!$R$2:$R$366,ROW(INDEX(Jesper!AL$2:AL$366,ROUNDDOWN($C3430/24,0)+1,1))-1)+IF('Standard Profiles'!$G$22=$B$10,7,0)+IF('Standard Profiles'!$G$22=$B$17,14,0)+IF('Standard Profiles'!$G$22=$B$24,21,0),0)),0)</f>
        <v>0</v>
      </c>
      <c r="I3430">
        <f t="shared" si="391"/>
        <v>0.41980417670054049</v>
      </c>
      <c r="J3430">
        <f t="shared" si="392"/>
        <v>1.3993472556684683</v>
      </c>
      <c r="K3430">
        <f t="shared" si="393"/>
        <v>2.0990208835027024</v>
      </c>
      <c r="L3430">
        <f t="shared" si="394"/>
        <v>10.075300240812972</v>
      </c>
      <c r="M3430">
        <f t="shared" si="395"/>
        <v>0</v>
      </c>
      <c r="N3430" s="46">
        <f t="shared" si="396"/>
        <v>45433.499999991764</v>
      </c>
    </row>
    <row r="3431" spans="2:14" x14ac:dyDescent="0.3">
      <c r="B3431">
        <f t="shared" si="390"/>
        <v>2</v>
      </c>
      <c r="C3431" s="16">
        <v>3397</v>
      </c>
      <c r="D3431" cm="1">
        <f t="array" ref="D3431">IFERROR(INDEX(Jesper!AH$2:AH$366,ROUNDDOWN($C3431/24,0)+1,1)*INDEX($D$3:$AA$30,INDEX(Jesper!$R$2:$R$366,ROW(INDEX(Jesper!AH$2:AH$366,ROUNDDOWN($C3431/24,0)+1,1))-1)+IF('Standard Profiles'!$G$18=$B$10,7,0)+IF('Standard Profiles'!$G$18=$B$17,14,0)+IF('Standard Profiles'!$G$18=$B$24,21,0),MOD($C3431,24)+1)/SUM(INDEX($D$3:$AA$30,INDEX(Jesper!$R$2:$R$366,ROW(INDEX(Jesper!AH$2:AH$366,ROUNDDOWN($C3431/24,0)+1,1))-1)+IF('Standard Profiles'!$G$18=$B$10,7,0)+IF('Standard Profiles'!$G$18=$B$17,14,0)+IF('Standard Profiles'!$G$18=$B$24,21,0),0)),0)</f>
        <v>13.993472556684683</v>
      </c>
      <c r="E3431" cm="1">
        <f t="array" ref="E3431">IFERROR(INDEX(Jesper!AI$2:AI$366,ROUNDDOWN($C3431/24,0)+1,1)*INDEX($D$3:$AA$30,INDEX(Jesper!$R$2:$R$366,ROW(INDEX(Jesper!AI$2:AI$366,ROUNDDOWN($C3431/24,0)+1,1))-1)+IF('Standard Profiles'!$G$19=$B$10,7,0)+IF('Standard Profiles'!$G$19=$B$17,14,0)+IF('Standard Profiles'!$G$19=$B$24,21,0),MOD($C3431,24)+1)/SUM(INDEX($D$3:$AA$30,INDEX(Jesper!$R$2:$R$366,ROW(INDEX(Jesper!AI$2:AI$366,ROUNDDOWN($C3431/24,0)+1,1))-1)+IF('Standard Profiles'!$G$19=$B$10,7,0)+IF('Standard Profiles'!$G$19=$B$17,14,0)+IF('Standard Profiles'!$G$19=$B$24,21,0),0)),0)</f>
        <v>0</v>
      </c>
      <c r="F3431" cm="1">
        <f t="array" ref="F3431">IFERROR(INDEX(Jesper!AJ$2:AJ$366,ROUNDDOWN($C3431/24,0)+1,1)*INDEX($D$3:$AA$30,INDEX(Jesper!$R$2:$R$366,ROW(INDEX(Jesper!AJ$2:AJ$366,ROUNDDOWN($C3431/24,0)+1,1))-1)+IF('Standard Profiles'!$G$20=$B$10,7,0)+IF('Standard Profiles'!$G$20=$B$17,14,0)+IF('Standard Profiles'!$G$20=$B$24,21,0),MOD($C3431,24)+1)/SUM(INDEX($D$3:$AA$30,INDEX(Jesper!$R$2:$R$366,ROW(INDEX(Jesper!AJ$2:AJ$366,ROUNDDOWN($C3431/24,0)+1,1))-1)+IF('Standard Profiles'!$G$20=$B$10,7,0)+IF('Standard Profiles'!$G$20=$B$17,14,0)+IF('Standard Profiles'!$G$20=$B$24,21,0),0)),0)</f>
        <v>0</v>
      </c>
      <c r="G3431" cm="1">
        <f t="array" ref="G3431">IFERROR(INDEX(Jesper!AK$2:AK$366,ROUNDDOWN($C3431/24,0)+1,1)*INDEX($D$3:$AA$30,INDEX(Jesper!$R$2:$R$366,ROW(INDEX(Jesper!AK$2:AK$366,ROUNDDOWN($C3431/24,0)+1,1))-1)+IF('Standard Profiles'!$G$21=$B$10,7,0)+IF('Standard Profiles'!$G$21=$B$17,14,0)+IF('Standard Profiles'!$G$21=$B$24,21,0),MOD($C3431,24)+1)/SUM(INDEX($D$3:$AA$30,INDEX(Jesper!$R$2:$R$366,ROW(INDEX(Jesper!AK$2:AK$366,ROUNDDOWN($C3431/24,0)+1,1))-1)+IF('Standard Profiles'!$G$21=$B$10,7,0)+IF('Standard Profiles'!$G$21=$B$17,14,0)+IF('Standard Profiles'!$G$21=$B$24,21,0),0)),0)</f>
        <v>0</v>
      </c>
      <c r="H3431" cm="1">
        <f t="array" ref="H3431">IFERROR(INDEX(Jesper!AL$2:AL$366,ROUNDDOWN($C3431/24,0)+1,1)*INDEX($D$3:$AA$30,INDEX(Jesper!$R$2:$R$366,ROW(INDEX(Jesper!AL$2:AL$366,ROUNDDOWN($C3431/24,0)+1,1))-1)+IF('Standard Profiles'!$G$22=$B$10,7,0)+IF('Standard Profiles'!$G$22=$B$17,14,0)+IF('Standard Profiles'!$G$22=$B$24,21,0),MOD($C3431,24)+1)/SUM(INDEX($D$3:$AA$30,INDEX(Jesper!$R$2:$R$366,ROW(INDEX(Jesper!AL$2:AL$366,ROUNDDOWN($C3431/24,0)+1,1))-1)+IF('Standard Profiles'!$G$22=$B$10,7,0)+IF('Standard Profiles'!$G$22=$B$17,14,0)+IF('Standard Profiles'!$G$22=$B$24,21,0),0)),0)</f>
        <v>0</v>
      </c>
      <c r="I3431">
        <f t="shared" si="391"/>
        <v>0.41980417670054049</v>
      </c>
      <c r="J3431">
        <f t="shared" si="392"/>
        <v>1.3993472556684683</v>
      </c>
      <c r="K3431">
        <f t="shared" si="393"/>
        <v>2.0990208835027024</v>
      </c>
      <c r="L3431">
        <f t="shared" si="394"/>
        <v>10.075300240812972</v>
      </c>
      <c r="M3431">
        <f t="shared" si="395"/>
        <v>0</v>
      </c>
      <c r="N3431" s="46">
        <f t="shared" si="396"/>
        <v>45433.541666658428</v>
      </c>
    </row>
    <row r="3432" spans="2:14" x14ac:dyDescent="0.3">
      <c r="B3432">
        <f t="shared" si="390"/>
        <v>2</v>
      </c>
      <c r="C3432" s="16">
        <v>3398</v>
      </c>
      <c r="D3432" cm="1">
        <f t="array" ref="D3432">IFERROR(INDEX(Jesper!AH$2:AH$366,ROUNDDOWN($C3432/24,0)+1,1)*INDEX($D$3:$AA$30,INDEX(Jesper!$R$2:$R$366,ROW(INDEX(Jesper!AH$2:AH$366,ROUNDDOWN($C3432/24,0)+1,1))-1)+IF('Standard Profiles'!$G$18=$B$10,7,0)+IF('Standard Profiles'!$G$18=$B$17,14,0)+IF('Standard Profiles'!$G$18=$B$24,21,0),MOD($C3432,24)+1)/SUM(INDEX($D$3:$AA$30,INDEX(Jesper!$R$2:$R$366,ROW(INDEX(Jesper!AH$2:AH$366,ROUNDDOWN($C3432/24,0)+1,1))-1)+IF('Standard Profiles'!$G$18=$B$10,7,0)+IF('Standard Profiles'!$G$18=$B$17,14,0)+IF('Standard Profiles'!$G$18=$B$24,21,0),0)),0)</f>
        <v>13.993472556684683</v>
      </c>
      <c r="E3432" cm="1">
        <f t="array" ref="E3432">IFERROR(INDEX(Jesper!AI$2:AI$366,ROUNDDOWN($C3432/24,0)+1,1)*INDEX($D$3:$AA$30,INDEX(Jesper!$R$2:$R$366,ROW(INDEX(Jesper!AI$2:AI$366,ROUNDDOWN($C3432/24,0)+1,1))-1)+IF('Standard Profiles'!$G$19=$B$10,7,0)+IF('Standard Profiles'!$G$19=$B$17,14,0)+IF('Standard Profiles'!$G$19=$B$24,21,0),MOD($C3432,24)+1)/SUM(INDEX($D$3:$AA$30,INDEX(Jesper!$R$2:$R$366,ROW(INDEX(Jesper!AI$2:AI$366,ROUNDDOWN($C3432/24,0)+1,1))-1)+IF('Standard Profiles'!$G$19=$B$10,7,0)+IF('Standard Profiles'!$G$19=$B$17,14,0)+IF('Standard Profiles'!$G$19=$B$24,21,0),0)),0)</f>
        <v>0</v>
      </c>
      <c r="F3432" cm="1">
        <f t="array" ref="F3432">IFERROR(INDEX(Jesper!AJ$2:AJ$366,ROUNDDOWN($C3432/24,0)+1,1)*INDEX($D$3:$AA$30,INDEX(Jesper!$R$2:$R$366,ROW(INDEX(Jesper!AJ$2:AJ$366,ROUNDDOWN($C3432/24,0)+1,1))-1)+IF('Standard Profiles'!$G$20=$B$10,7,0)+IF('Standard Profiles'!$G$20=$B$17,14,0)+IF('Standard Profiles'!$G$20=$B$24,21,0),MOD($C3432,24)+1)/SUM(INDEX($D$3:$AA$30,INDEX(Jesper!$R$2:$R$366,ROW(INDEX(Jesper!AJ$2:AJ$366,ROUNDDOWN($C3432/24,0)+1,1))-1)+IF('Standard Profiles'!$G$20=$B$10,7,0)+IF('Standard Profiles'!$G$20=$B$17,14,0)+IF('Standard Profiles'!$G$20=$B$24,21,0),0)),0)</f>
        <v>0</v>
      </c>
      <c r="G3432" cm="1">
        <f t="array" ref="G3432">IFERROR(INDEX(Jesper!AK$2:AK$366,ROUNDDOWN($C3432/24,0)+1,1)*INDEX($D$3:$AA$30,INDEX(Jesper!$R$2:$R$366,ROW(INDEX(Jesper!AK$2:AK$366,ROUNDDOWN($C3432/24,0)+1,1))-1)+IF('Standard Profiles'!$G$21=$B$10,7,0)+IF('Standard Profiles'!$G$21=$B$17,14,0)+IF('Standard Profiles'!$G$21=$B$24,21,0),MOD($C3432,24)+1)/SUM(INDEX($D$3:$AA$30,INDEX(Jesper!$R$2:$R$366,ROW(INDEX(Jesper!AK$2:AK$366,ROUNDDOWN($C3432/24,0)+1,1))-1)+IF('Standard Profiles'!$G$21=$B$10,7,0)+IF('Standard Profiles'!$G$21=$B$17,14,0)+IF('Standard Profiles'!$G$21=$B$24,21,0),0)),0)</f>
        <v>0</v>
      </c>
      <c r="H3432" cm="1">
        <f t="array" ref="H3432">IFERROR(INDEX(Jesper!AL$2:AL$366,ROUNDDOWN($C3432/24,0)+1,1)*INDEX($D$3:$AA$30,INDEX(Jesper!$R$2:$R$366,ROW(INDEX(Jesper!AL$2:AL$366,ROUNDDOWN($C3432/24,0)+1,1))-1)+IF('Standard Profiles'!$G$22=$B$10,7,0)+IF('Standard Profiles'!$G$22=$B$17,14,0)+IF('Standard Profiles'!$G$22=$B$24,21,0),MOD($C3432,24)+1)/SUM(INDEX($D$3:$AA$30,INDEX(Jesper!$R$2:$R$366,ROW(INDEX(Jesper!AL$2:AL$366,ROUNDDOWN($C3432/24,0)+1,1))-1)+IF('Standard Profiles'!$G$22=$B$10,7,0)+IF('Standard Profiles'!$G$22=$B$17,14,0)+IF('Standard Profiles'!$G$22=$B$24,21,0),0)),0)</f>
        <v>0</v>
      </c>
      <c r="I3432">
        <f t="shared" si="391"/>
        <v>0.41980417670054049</v>
      </c>
      <c r="J3432">
        <f t="shared" si="392"/>
        <v>1.3993472556684683</v>
      </c>
      <c r="K3432">
        <f t="shared" si="393"/>
        <v>2.0990208835027024</v>
      </c>
      <c r="L3432">
        <f t="shared" si="394"/>
        <v>10.075300240812972</v>
      </c>
      <c r="M3432">
        <f t="shared" si="395"/>
        <v>0</v>
      </c>
      <c r="N3432" s="46">
        <f t="shared" si="396"/>
        <v>45433.583333325092</v>
      </c>
    </row>
    <row r="3433" spans="2:14" x14ac:dyDescent="0.3">
      <c r="B3433">
        <f t="shared" si="390"/>
        <v>2</v>
      </c>
      <c r="C3433" s="16">
        <v>3399</v>
      </c>
      <c r="D3433" cm="1">
        <f t="array" ref="D3433">IFERROR(INDEX(Jesper!AH$2:AH$366,ROUNDDOWN($C3433/24,0)+1,1)*INDEX($D$3:$AA$30,INDEX(Jesper!$R$2:$R$366,ROW(INDEX(Jesper!AH$2:AH$366,ROUNDDOWN($C3433/24,0)+1,1))-1)+IF('Standard Profiles'!$G$18=$B$10,7,0)+IF('Standard Profiles'!$G$18=$B$17,14,0)+IF('Standard Profiles'!$G$18=$B$24,21,0),MOD($C3433,24)+1)/SUM(INDEX($D$3:$AA$30,INDEX(Jesper!$R$2:$R$366,ROW(INDEX(Jesper!AH$2:AH$366,ROUNDDOWN($C3433/24,0)+1,1))-1)+IF('Standard Profiles'!$G$18=$B$10,7,0)+IF('Standard Profiles'!$G$18=$B$17,14,0)+IF('Standard Profiles'!$G$18=$B$24,21,0),0)),0)</f>
        <v>13.993472556684683</v>
      </c>
      <c r="E3433" cm="1">
        <f t="array" ref="E3433">IFERROR(INDEX(Jesper!AI$2:AI$366,ROUNDDOWN($C3433/24,0)+1,1)*INDEX($D$3:$AA$30,INDEX(Jesper!$R$2:$R$366,ROW(INDEX(Jesper!AI$2:AI$366,ROUNDDOWN($C3433/24,0)+1,1))-1)+IF('Standard Profiles'!$G$19=$B$10,7,0)+IF('Standard Profiles'!$G$19=$B$17,14,0)+IF('Standard Profiles'!$G$19=$B$24,21,0),MOD($C3433,24)+1)/SUM(INDEX($D$3:$AA$30,INDEX(Jesper!$R$2:$R$366,ROW(INDEX(Jesper!AI$2:AI$366,ROUNDDOWN($C3433/24,0)+1,1))-1)+IF('Standard Profiles'!$G$19=$B$10,7,0)+IF('Standard Profiles'!$G$19=$B$17,14,0)+IF('Standard Profiles'!$G$19=$B$24,21,0),0)),0)</f>
        <v>0</v>
      </c>
      <c r="F3433" cm="1">
        <f t="array" ref="F3433">IFERROR(INDEX(Jesper!AJ$2:AJ$366,ROUNDDOWN($C3433/24,0)+1,1)*INDEX($D$3:$AA$30,INDEX(Jesper!$R$2:$R$366,ROW(INDEX(Jesper!AJ$2:AJ$366,ROUNDDOWN($C3433/24,0)+1,1))-1)+IF('Standard Profiles'!$G$20=$B$10,7,0)+IF('Standard Profiles'!$G$20=$B$17,14,0)+IF('Standard Profiles'!$G$20=$B$24,21,0),MOD($C3433,24)+1)/SUM(INDEX($D$3:$AA$30,INDEX(Jesper!$R$2:$R$366,ROW(INDEX(Jesper!AJ$2:AJ$366,ROUNDDOWN($C3433/24,0)+1,1))-1)+IF('Standard Profiles'!$G$20=$B$10,7,0)+IF('Standard Profiles'!$G$20=$B$17,14,0)+IF('Standard Profiles'!$G$20=$B$24,21,0),0)),0)</f>
        <v>0</v>
      </c>
      <c r="G3433" cm="1">
        <f t="array" ref="G3433">IFERROR(INDEX(Jesper!AK$2:AK$366,ROUNDDOWN($C3433/24,0)+1,1)*INDEX($D$3:$AA$30,INDEX(Jesper!$R$2:$R$366,ROW(INDEX(Jesper!AK$2:AK$366,ROUNDDOWN($C3433/24,0)+1,1))-1)+IF('Standard Profiles'!$G$21=$B$10,7,0)+IF('Standard Profiles'!$G$21=$B$17,14,0)+IF('Standard Profiles'!$G$21=$B$24,21,0),MOD($C3433,24)+1)/SUM(INDEX($D$3:$AA$30,INDEX(Jesper!$R$2:$R$366,ROW(INDEX(Jesper!AK$2:AK$366,ROUNDDOWN($C3433/24,0)+1,1))-1)+IF('Standard Profiles'!$G$21=$B$10,7,0)+IF('Standard Profiles'!$G$21=$B$17,14,0)+IF('Standard Profiles'!$G$21=$B$24,21,0),0)),0)</f>
        <v>0</v>
      </c>
      <c r="H3433" cm="1">
        <f t="array" ref="H3433">IFERROR(INDEX(Jesper!AL$2:AL$366,ROUNDDOWN($C3433/24,0)+1,1)*INDEX($D$3:$AA$30,INDEX(Jesper!$R$2:$R$366,ROW(INDEX(Jesper!AL$2:AL$366,ROUNDDOWN($C3433/24,0)+1,1))-1)+IF('Standard Profiles'!$G$22=$B$10,7,0)+IF('Standard Profiles'!$G$22=$B$17,14,0)+IF('Standard Profiles'!$G$22=$B$24,21,0),MOD($C3433,24)+1)/SUM(INDEX($D$3:$AA$30,INDEX(Jesper!$R$2:$R$366,ROW(INDEX(Jesper!AL$2:AL$366,ROUNDDOWN($C3433/24,0)+1,1))-1)+IF('Standard Profiles'!$G$22=$B$10,7,0)+IF('Standard Profiles'!$G$22=$B$17,14,0)+IF('Standard Profiles'!$G$22=$B$24,21,0),0)),0)</f>
        <v>0</v>
      </c>
      <c r="I3433">
        <f t="shared" si="391"/>
        <v>0.41980417670054049</v>
      </c>
      <c r="J3433">
        <f t="shared" si="392"/>
        <v>1.3993472556684683</v>
      </c>
      <c r="K3433">
        <f t="shared" si="393"/>
        <v>2.0990208835027024</v>
      </c>
      <c r="L3433">
        <f t="shared" si="394"/>
        <v>10.075300240812972</v>
      </c>
      <c r="M3433">
        <f t="shared" si="395"/>
        <v>0</v>
      </c>
      <c r="N3433" s="46">
        <f t="shared" si="396"/>
        <v>45433.624999991756</v>
      </c>
    </row>
    <row r="3434" spans="2:14" x14ac:dyDescent="0.3">
      <c r="B3434">
        <f t="shared" si="390"/>
        <v>2</v>
      </c>
      <c r="C3434" s="16">
        <v>3400</v>
      </c>
      <c r="D3434" cm="1">
        <f t="array" ref="D3434">IFERROR(INDEX(Jesper!AH$2:AH$366,ROUNDDOWN($C3434/24,0)+1,1)*INDEX($D$3:$AA$30,INDEX(Jesper!$R$2:$R$366,ROW(INDEX(Jesper!AH$2:AH$366,ROUNDDOWN($C3434/24,0)+1,1))-1)+IF('Standard Profiles'!$G$18=$B$10,7,0)+IF('Standard Profiles'!$G$18=$B$17,14,0)+IF('Standard Profiles'!$G$18=$B$24,21,0),MOD($C3434,24)+1)/SUM(INDEX($D$3:$AA$30,INDEX(Jesper!$R$2:$R$366,ROW(INDEX(Jesper!AH$2:AH$366,ROUNDDOWN($C3434/24,0)+1,1))-1)+IF('Standard Profiles'!$G$18=$B$10,7,0)+IF('Standard Profiles'!$G$18=$B$17,14,0)+IF('Standard Profiles'!$G$18=$B$24,21,0),0)),0)</f>
        <v>13.993472556684683</v>
      </c>
      <c r="E3434" cm="1">
        <f t="array" ref="E3434">IFERROR(INDEX(Jesper!AI$2:AI$366,ROUNDDOWN($C3434/24,0)+1,1)*INDEX($D$3:$AA$30,INDEX(Jesper!$R$2:$R$366,ROW(INDEX(Jesper!AI$2:AI$366,ROUNDDOWN($C3434/24,0)+1,1))-1)+IF('Standard Profiles'!$G$19=$B$10,7,0)+IF('Standard Profiles'!$G$19=$B$17,14,0)+IF('Standard Profiles'!$G$19=$B$24,21,0),MOD($C3434,24)+1)/SUM(INDEX($D$3:$AA$30,INDEX(Jesper!$R$2:$R$366,ROW(INDEX(Jesper!AI$2:AI$366,ROUNDDOWN($C3434/24,0)+1,1))-1)+IF('Standard Profiles'!$G$19=$B$10,7,0)+IF('Standard Profiles'!$G$19=$B$17,14,0)+IF('Standard Profiles'!$G$19=$B$24,21,0),0)),0)</f>
        <v>0</v>
      </c>
      <c r="F3434" cm="1">
        <f t="array" ref="F3434">IFERROR(INDEX(Jesper!AJ$2:AJ$366,ROUNDDOWN($C3434/24,0)+1,1)*INDEX($D$3:$AA$30,INDEX(Jesper!$R$2:$R$366,ROW(INDEX(Jesper!AJ$2:AJ$366,ROUNDDOWN($C3434/24,0)+1,1))-1)+IF('Standard Profiles'!$G$20=$B$10,7,0)+IF('Standard Profiles'!$G$20=$B$17,14,0)+IF('Standard Profiles'!$G$20=$B$24,21,0),MOD($C3434,24)+1)/SUM(INDEX($D$3:$AA$30,INDEX(Jesper!$R$2:$R$366,ROW(INDEX(Jesper!AJ$2:AJ$366,ROUNDDOWN($C3434/24,0)+1,1))-1)+IF('Standard Profiles'!$G$20=$B$10,7,0)+IF('Standard Profiles'!$G$20=$B$17,14,0)+IF('Standard Profiles'!$G$20=$B$24,21,0),0)),0)</f>
        <v>0</v>
      </c>
      <c r="G3434" cm="1">
        <f t="array" ref="G3434">IFERROR(INDEX(Jesper!AK$2:AK$366,ROUNDDOWN($C3434/24,0)+1,1)*INDEX($D$3:$AA$30,INDEX(Jesper!$R$2:$R$366,ROW(INDEX(Jesper!AK$2:AK$366,ROUNDDOWN($C3434/24,0)+1,1))-1)+IF('Standard Profiles'!$G$21=$B$10,7,0)+IF('Standard Profiles'!$G$21=$B$17,14,0)+IF('Standard Profiles'!$G$21=$B$24,21,0),MOD($C3434,24)+1)/SUM(INDEX($D$3:$AA$30,INDEX(Jesper!$R$2:$R$366,ROW(INDEX(Jesper!AK$2:AK$366,ROUNDDOWN($C3434/24,0)+1,1))-1)+IF('Standard Profiles'!$G$21=$B$10,7,0)+IF('Standard Profiles'!$G$21=$B$17,14,0)+IF('Standard Profiles'!$G$21=$B$24,21,0),0)),0)</f>
        <v>0</v>
      </c>
      <c r="H3434" cm="1">
        <f t="array" ref="H3434">IFERROR(INDEX(Jesper!AL$2:AL$366,ROUNDDOWN($C3434/24,0)+1,1)*INDEX($D$3:$AA$30,INDEX(Jesper!$R$2:$R$366,ROW(INDEX(Jesper!AL$2:AL$366,ROUNDDOWN($C3434/24,0)+1,1))-1)+IF('Standard Profiles'!$G$22=$B$10,7,0)+IF('Standard Profiles'!$G$22=$B$17,14,0)+IF('Standard Profiles'!$G$22=$B$24,21,0),MOD($C3434,24)+1)/SUM(INDEX($D$3:$AA$30,INDEX(Jesper!$R$2:$R$366,ROW(INDEX(Jesper!AL$2:AL$366,ROUNDDOWN($C3434/24,0)+1,1))-1)+IF('Standard Profiles'!$G$22=$B$10,7,0)+IF('Standard Profiles'!$G$22=$B$17,14,0)+IF('Standard Profiles'!$G$22=$B$24,21,0),0)),0)</f>
        <v>0</v>
      </c>
      <c r="I3434">
        <f t="shared" si="391"/>
        <v>0.41980417670054049</v>
      </c>
      <c r="J3434">
        <f t="shared" si="392"/>
        <v>1.3993472556684683</v>
      </c>
      <c r="K3434">
        <f t="shared" si="393"/>
        <v>2.0990208835027024</v>
      </c>
      <c r="L3434">
        <f t="shared" si="394"/>
        <v>10.075300240812972</v>
      </c>
      <c r="M3434">
        <f t="shared" si="395"/>
        <v>0</v>
      </c>
      <c r="N3434" s="46">
        <f t="shared" si="396"/>
        <v>45433.666666658421</v>
      </c>
    </row>
    <row r="3435" spans="2:14" x14ac:dyDescent="0.3">
      <c r="B3435">
        <f t="shared" si="390"/>
        <v>2</v>
      </c>
      <c r="C3435" s="16">
        <v>3401</v>
      </c>
      <c r="D3435" cm="1">
        <f t="array" ref="D3435">IFERROR(INDEX(Jesper!AH$2:AH$366,ROUNDDOWN($C3435/24,0)+1,1)*INDEX($D$3:$AA$30,INDEX(Jesper!$R$2:$R$366,ROW(INDEX(Jesper!AH$2:AH$366,ROUNDDOWN($C3435/24,0)+1,1))-1)+IF('Standard Profiles'!$G$18=$B$10,7,0)+IF('Standard Profiles'!$G$18=$B$17,14,0)+IF('Standard Profiles'!$G$18=$B$24,21,0),MOD($C3435,24)+1)/SUM(INDEX($D$3:$AA$30,INDEX(Jesper!$R$2:$R$366,ROW(INDEX(Jesper!AH$2:AH$366,ROUNDDOWN($C3435/24,0)+1,1))-1)+IF('Standard Profiles'!$G$18=$B$10,7,0)+IF('Standard Profiles'!$G$18=$B$17,14,0)+IF('Standard Profiles'!$G$18=$B$24,21,0),0)),0)</f>
        <v>13.993472556684683</v>
      </c>
      <c r="E3435" cm="1">
        <f t="array" ref="E3435">IFERROR(INDEX(Jesper!AI$2:AI$366,ROUNDDOWN($C3435/24,0)+1,1)*INDEX($D$3:$AA$30,INDEX(Jesper!$R$2:$R$366,ROW(INDEX(Jesper!AI$2:AI$366,ROUNDDOWN($C3435/24,0)+1,1))-1)+IF('Standard Profiles'!$G$19=$B$10,7,0)+IF('Standard Profiles'!$G$19=$B$17,14,0)+IF('Standard Profiles'!$G$19=$B$24,21,0),MOD($C3435,24)+1)/SUM(INDEX($D$3:$AA$30,INDEX(Jesper!$R$2:$R$366,ROW(INDEX(Jesper!AI$2:AI$366,ROUNDDOWN($C3435/24,0)+1,1))-1)+IF('Standard Profiles'!$G$19=$B$10,7,0)+IF('Standard Profiles'!$G$19=$B$17,14,0)+IF('Standard Profiles'!$G$19=$B$24,21,0),0)),0)</f>
        <v>0</v>
      </c>
      <c r="F3435" cm="1">
        <f t="array" ref="F3435">IFERROR(INDEX(Jesper!AJ$2:AJ$366,ROUNDDOWN($C3435/24,0)+1,1)*INDEX($D$3:$AA$30,INDEX(Jesper!$R$2:$R$366,ROW(INDEX(Jesper!AJ$2:AJ$366,ROUNDDOWN($C3435/24,0)+1,1))-1)+IF('Standard Profiles'!$G$20=$B$10,7,0)+IF('Standard Profiles'!$G$20=$B$17,14,0)+IF('Standard Profiles'!$G$20=$B$24,21,0),MOD($C3435,24)+1)/SUM(INDEX($D$3:$AA$30,INDEX(Jesper!$R$2:$R$366,ROW(INDEX(Jesper!AJ$2:AJ$366,ROUNDDOWN($C3435/24,0)+1,1))-1)+IF('Standard Profiles'!$G$20=$B$10,7,0)+IF('Standard Profiles'!$G$20=$B$17,14,0)+IF('Standard Profiles'!$G$20=$B$24,21,0),0)),0)</f>
        <v>0</v>
      </c>
      <c r="G3435" cm="1">
        <f t="array" ref="G3435">IFERROR(INDEX(Jesper!AK$2:AK$366,ROUNDDOWN($C3435/24,0)+1,1)*INDEX($D$3:$AA$30,INDEX(Jesper!$R$2:$R$366,ROW(INDEX(Jesper!AK$2:AK$366,ROUNDDOWN($C3435/24,0)+1,1))-1)+IF('Standard Profiles'!$G$21=$B$10,7,0)+IF('Standard Profiles'!$G$21=$B$17,14,0)+IF('Standard Profiles'!$G$21=$B$24,21,0),MOD($C3435,24)+1)/SUM(INDEX($D$3:$AA$30,INDEX(Jesper!$R$2:$R$366,ROW(INDEX(Jesper!AK$2:AK$366,ROUNDDOWN($C3435/24,0)+1,1))-1)+IF('Standard Profiles'!$G$21=$B$10,7,0)+IF('Standard Profiles'!$G$21=$B$17,14,0)+IF('Standard Profiles'!$G$21=$B$24,21,0),0)),0)</f>
        <v>0</v>
      </c>
      <c r="H3435" cm="1">
        <f t="array" ref="H3435">IFERROR(INDEX(Jesper!AL$2:AL$366,ROUNDDOWN($C3435/24,0)+1,1)*INDEX($D$3:$AA$30,INDEX(Jesper!$R$2:$R$366,ROW(INDEX(Jesper!AL$2:AL$366,ROUNDDOWN($C3435/24,0)+1,1))-1)+IF('Standard Profiles'!$G$22=$B$10,7,0)+IF('Standard Profiles'!$G$22=$B$17,14,0)+IF('Standard Profiles'!$G$22=$B$24,21,0),MOD($C3435,24)+1)/SUM(INDEX($D$3:$AA$30,INDEX(Jesper!$R$2:$R$366,ROW(INDEX(Jesper!AL$2:AL$366,ROUNDDOWN($C3435/24,0)+1,1))-1)+IF('Standard Profiles'!$G$22=$B$10,7,0)+IF('Standard Profiles'!$G$22=$B$17,14,0)+IF('Standard Profiles'!$G$22=$B$24,21,0),0)),0)</f>
        <v>0</v>
      </c>
      <c r="I3435">
        <f t="shared" si="391"/>
        <v>0.41980417670054049</v>
      </c>
      <c r="J3435">
        <f t="shared" si="392"/>
        <v>1.3993472556684683</v>
      </c>
      <c r="K3435">
        <f t="shared" si="393"/>
        <v>2.0990208835027024</v>
      </c>
      <c r="L3435">
        <f t="shared" si="394"/>
        <v>10.075300240812972</v>
      </c>
      <c r="M3435">
        <f t="shared" si="395"/>
        <v>0</v>
      </c>
      <c r="N3435" s="46">
        <f t="shared" si="396"/>
        <v>45433.708333325085</v>
      </c>
    </row>
    <row r="3436" spans="2:14" x14ac:dyDescent="0.3">
      <c r="B3436">
        <f t="shared" si="390"/>
        <v>2</v>
      </c>
      <c r="C3436" s="16">
        <v>3402</v>
      </c>
      <c r="D3436" cm="1">
        <f t="array" ref="D3436">IFERROR(INDEX(Jesper!AH$2:AH$366,ROUNDDOWN($C3436/24,0)+1,1)*INDEX($D$3:$AA$30,INDEX(Jesper!$R$2:$R$366,ROW(INDEX(Jesper!AH$2:AH$366,ROUNDDOWN($C3436/24,0)+1,1))-1)+IF('Standard Profiles'!$G$18=$B$10,7,0)+IF('Standard Profiles'!$G$18=$B$17,14,0)+IF('Standard Profiles'!$G$18=$B$24,21,0),MOD($C3436,24)+1)/SUM(INDEX($D$3:$AA$30,INDEX(Jesper!$R$2:$R$366,ROW(INDEX(Jesper!AH$2:AH$366,ROUNDDOWN($C3436/24,0)+1,1))-1)+IF('Standard Profiles'!$G$18=$B$10,7,0)+IF('Standard Profiles'!$G$18=$B$17,14,0)+IF('Standard Profiles'!$G$18=$B$24,21,0),0)),0)</f>
        <v>13.993472556684683</v>
      </c>
      <c r="E3436" cm="1">
        <f t="array" ref="E3436">IFERROR(INDEX(Jesper!AI$2:AI$366,ROUNDDOWN($C3436/24,0)+1,1)*INDEX($D$3:$AA$30,INDEX(Jesper!$R$2:$R$366,ROW(INDEX(Jesper!AI$2:AI$366,ROUNDDOWN($C3436/24,0)+1,1))-1)+IF('Standard Profiles'!$G$19=$B$10,7,0)+IF('Standard Profiles'!$G$19=$B$17,14,0)+IF('Standard Profiles'!$G$19=$B$24,21,0),MOD($C3436,24)+1)/SUM(INDEX($D$3:$AA$30,INDEX(Jesper!$R$2:$R$366,ROW(INDEX(Jesper!AI$2:AI$366,ROUNDDOWN($C3436/24,0)+1,1))-1)+IF('Standard Profiles'!$G$19=$B$10,7,0)+IF('Standard Profiles'!$G$19=$B$17,14,0)+IF('Standard Profiles'!$G$19=$B$24,21,0),0)),0)</f>
        <v>0</v>
      </c>
      <c r="F3436" cm="1">
        <f t="array" ref="F3436">IFERROR(INDEX(Jesper!AJ$2:AJ$366,ROUNDDOWN($C3436/24,0)+1,1)*INDEX($D$3:$AA$30,INDEX(Jesper!$R$2:$R$366,ROW(INDEX(Jesper!AJ$2:AJ$366,ROUNDDOWN($C3436/24,0)+1,1))-1)+IF('Standard Profiles'!$G$20=$B$10,7,0)+IF('Standard Profiles'!$G$20=$B$17,14,0)+IF('Standard Profiles'!$G$20=$B$24,21,0),MOD($C3436,24)+1)/SUM(INDEX($D$3:$AA$30,INDEX(Jesper!$R$2:$R$366,ROW(INDEX(Jesper!AJ$2:AJ$366,ROUNDDOWN($C3436/24,0)+1,1))-1)+IF('Standard Profiles'!$G$20=$B$10,7,0)+IF('Standard Profiles'!$G$20=$B$17,14,0)+IF('Standard Profiles'!$G$20=$B$24,21,0),0)),0)</f>
        <v>0</v>
      </c>
      <c r="G3436" cm="1">
        <f t="array" ref="G3436">IFERROR(INDEX(Jesper!AK$2:AK$366,ROUNDDOWN($C3436/24,0)+1,1)*INDEX($D$3:$AA$30,INDEX(Jesper!$R$2:$R$366,ROW(INDEX(Jesper!AK$2:AK$366,ROUNDDOWN($C3436/24,0)+1,1))-1)+IF('Standard Profiles'!$G$21=$B$10,7,0)+IF('Standard Profiles'!$G$21=$B$17,14,0)+IF('Standard Profiles'!$G$21=$B$24,21,0),MOD($C3436,24)+1)/SUM(INDEX($D$3:$AA$30,INDEX(Jesper!$R$2:$R$366,ROW(INDEX(Jesper!AK$2:AK$366,ROUNDDOWN($C3436/24,0)+1,1))-1)+IF('Standard Profiles'!$G$21=$B$10,7,0)+IF('Standard Profiles'!$G$21=$B$17,14,0)+IF('Standard Profiles'!$G$21=$B$24,21,0),0)),0)</f>
        <v>0</v>
      </c>
      <c r="H3436" cm="1">
        <f t="array" ref="H3436">IFERROR(INDEX(Jesper!AL$2:AL$366,ROUNDDOWN($C3436/24,0)+1,1)*INDEX($D$3:$AA$30,INDEX(Jesper!$R$2:$R$366,ROW(INDEX(Jesper!AL$2:AL$366,ROUNDDOWN($C3436/24,0)+1,1))-1)+IF('Standard Profiles'!$G$22=$B$10,7,0)+IF('Standard Profiles'!$G$22=$B$17,14,0)+IF('Standard Profiles'!$G$22=$B$24,21,0),MOD($C3436,24)+1)/SUM(INDEX($D$3:$AA$30,INDEX(Jesper!$R$2:$R$366,ROW(INDEX(Jesper!AL$2:AL$366,ROUNDDOWN($C3436/24,0)+1,1))-1)+IF('Standard Profiles'!$G$22=$B$10,7,0)+IF('Standard Profiles'!$G$22=$B$17,14,0)+IF('Standard Profiles'!$G$22=$B$24,21,0),0)),0)</f>
        <v>0</v>
      </c>
      <c r="I3436">
        <f t="shared" si="391"/>
        <v>0.41980417670054049</v>
      </c>
      <c r="J3436">
        <f t="shared" si="392"/>
        <v>1.3993472556684683</v>
      </c>
      <c r="K3436">
        <f t="shared" si="393"/>
        <v>2.0990208835027024</v>
      </c>
      <c r="L3436">
        <f t="shared" si="394"/>
        <v>10.075300240812972</v>
      </c>
      <c r="M3436">
        <f t="shared" si="395"/>
        <v>0</v>
      </c>
      <c r="N3436" s="46">
        <f t="shared" si="396"/>
        <v>45433.749999991749</v>
      </c>
    </row>
    <row r="3437" spans="2:14" x14ac:dyDescent="0.3">
      <c r="B3437">
        <f t="shared" si="390"/>
        <v>2</v>
      </c>
      <c r="C3437" s="16">
        <v>3403</v>
      </c>
      <c r="D3437" cm="1">
        <f t="array" ref="D3437">IFERROR(INDEX(Jesper!AH$2:AH$366,ROUNDDOWN($C3437/24,0)+1,1)*INDEX($D$3:$AA$30,INDEX(Jesper!$R$2:$R$366,ROW(INDEX(Jesper!AH$2:AH$366,ROUNDDOWN($C3437/24,0)+1,1))-1)+IF('Standard Profiles'!$G$18=$B$10,7,0)+IF('Standard Profiles'!$G$18=$B$17,14,0)+IF('Standard Profiles'!$G$18=$B$24,21,0),MOD($C3437,24)+1)/SUM(INDEX($D$3:$AA$30,INDEX(Jesper!$R$2:$R$366,ROW(INDEX(Jesper!AH$2:AH$366,ROUNDDOWN($C3437/24,0)+1,1))-1)+IF('Standard Profiles'!$G$18=$B$10,7,0)+IF('Standard Profiles'!$G$18=$B$17,14,0)+IF('Standard Profiles'!$G$18=$B$24,21,0),0)),0)</f>
        <v>11.71953326622342</v>
      </c>
      <c r="E3437" cm="1">
        <f t="array" ref="E3437">IFERROR(INDEX(Jesper!AI$2:AI$366,ROUNDDOWN($C3437/24,0)+1,1)*INDEX($D$3:$AA$30,INDEX(Jesper!$R$2:$R$366,ROW(INDEX(Jesper!AI$2:AI$366,ROUNDDOWN($C3437/24,0)+1,1))-1)+IF('Standard Profiles'!$G$19=$B$10,7,0)+IF('Standard Profiles'!$G$19=$B$17,14,0)+IF('Standard Profiles'!$G$19=$B$24,21,0),MOD($C3437,24)+1)/SUM(INDEX($D$3:$AA$30,INDEX(Jesper!$R$2:$R$366,ROW(INDEX(Jesper!AI$2:AI$366,ROUNDDOWN($C3437/24,0)+1,1))-1)+IF('Standard Profiles'!$G$19=$B$10,7,0)+IF('Standard Profiles'!$G$19=$B$17,14,0)+IF('Standard Profiles'!$G$19=$B$24,21,0),0)),0)</f>
        <v>0</v>
      </c>
      <c r="F3437" cm="1">
        <f t="array" ref="F3437">IFERROR(INDEX(Jesper!AJ$2:AJ$366,ROUNDDOWN($C3437/24,0)+1,1)*INDEX($D$3:$AA$30,INDEX(Jesper!$R$2:$R$366,ROW(INDEX(Jesper!AJ$2:AJ$366,ROUNDDOWN($C3437/24,0)+1,1))-1)+IF('Standard Profiles'!$G$20=$B$10,7,0)+IF('Standard Profiles'!$G$20=$B$17,14,0)+IF('Standard Profiles'!$G$20=$B$24,21,0),MOD($C3437,24)+1)/SUM(INDEX($D$3:$AA$30,INDEX(Jesper!$R$2:$R$366,ROW(INDEX(Jesper!AJ$2:AJ$366,ROUNDDOWN($C3437/24,0)+1,1))-1)+IF('Standard Profiles'!$G$20=$B$10,7,0)+IF('Standard Profiles'!$G$20=$B$17,14,0)+IF('Standard Profiles'!$G$20=$B$24,21,0),0)),0)</f>
        <v>0</v>
      </c>
      <c r="G3437" cm="1">
        <f t="array" ref="G3437">IFERROR(INDEX(Jesper!AK$2:AK$366,ROUNDDOWN($C3437/24,0)+1,1)*INDEX($D$3:$AA$30,INDEX(Jesper!$R$2:$R$366,ROW(INDEX(Jesper!AK$2:AK$366,ROUNDDOWN($C3437/24,0)+1,1))-1)+IF('Standard Profiles'!$G$21=$B$10,7,0)+IF('Standard Profiles'!$G$21=$B$17,14,0)+IF('Standard Profiles'!$G$21=$B$24,21,0),MOD($C3437,24)+1)/SUM(INDEX($D$3:$AA$30,INDEX(Jesper!$R$2:$R$366,ROW(INDEX(Jesper!AK$2:AK$366,ROUNDDOWN($C3437/24,0)+1,1))-1)+IF('Standard Profiles'!$G$21=$B$10,7,0)+IF('Standard Profiles'!$G$21=$B$17,14,0)+IF('Standard Profiles'!$G$21=$B$24,21,0),0)),0)</f>
        <v>0</v>
      </c>
      <c r="H3437" cm="1">
        <f t="array" ref="H3437">IFERROR(INDEX(Jesper!AL$2:AL$366,ROUNDDOWN($C3437/24,0)+1,1)*INDEX($D$3:$AA$30,INDEX(Jesper!$R$2:$R$366,ROW(INDEX(Jesper!AL$2:AL$366,ROUNDDOWN($C3437/24,0)+1,1))-1)+IF('Standard Profiles'!$G$22=$B$10,7,0)+IF('Standard Profiles'!$G$22=$B$17,14,0)+IF('Standard Profiles'!$G$22=$B$24,21,0),MOD($C3437,24)+1)/SUM(INDEX($D$3:$AA$30,INDEX(Jesper!$R$2:$R$366,ROW(INDEX(Jesper!AL$2:AL$366,ROUNDDOWN($C3437/24,0)+1,1))-1)+IF('Standard Profiles'!$G$22=$B$10,7,0)+IF('Standard Profiles'!$G$22=$B$17,14,0)+IF('Standard Profiles'!$G$22=$B$24,21,0),0)),0)</f>
        <v>0</v>
      </c>
      <c r="I3437">
        <f t="shared" si="391"/>
        <v>0.35158599798670259</v>
      </c>
      <c r="J3437">
        <f t="shared" si="392"/>
        <v>1.1719533266223421</v>
      </c>
      <c r="K3437">
        <f t="shared" si="393"/>
        <v>1.757929989933513</v>
      </c>
      <c r="L3437">
        <f t="shared" si="394"/>
        <v>8.4380639516808618</v>
      </c>
      <c r="M3437">
        <f t="shared" si="395"/>
        <v>0</v>
      </c>
      <c r="N3437" s="46">
        <f t="shared" si="396"/>
        <v>45433.791666658413</v>
      </c>
    </row>
    <row r="3438" spans="2:14" x14ac:dyDescent="0.3">
      <c r="B3438">
        <f t="shared" si="390"/>
        <v>2</v>
      </c>
      <c r="C3438" s="16">
        <v>3404</v>
      </c>
      <c r="D3438" cm="1">
        <f t="array" ref="D3438">IFERROR(INDEX(Jesper!AH$2:AH$366,ROUNDDOWN($C3438/24,0)+1,1)*INDEX($D$3:$AA$30,INDEX(Jesper!$R$2:$R$366,ROW(INDEX(Jesper!AH$2:AH$366,ROUNDDOWN($C3438/24,0)+1,1))-1)+IF('Standard Profiles'!$G$18=$B$10,7,0)+IF('Standard Profiles'!$G$18=$B$17,14,0)+IF('Standard Profiles'!$G$18=$B$24,21,0),MOD($C3438,24)+1)/SUM(INDEX($D$3:$AA$30,INDEX(Jesper!$R$2:$R$366,ROW(INDEX(Jesper!AH$2:AH$366,ROUNDDOWN($C3438/24,0)+1,1))-1)+IF('Standard Profiles'!$G$18=$B$10,7,0)+IF('Standard Profiles'!$G$18=$B$17,14,0)+IF('Standard Profiles'!$G$18=$B$24,21,0),0)),0)</f>
        <v>9.6205123827207188</v>
      </c>
      <c r="E3438" cm="1">
        <f t="array" ref="E3438">IFERROR(INDEX(Jesper!AI$2:AI$366,ROUNDDOWN($C3438/24,0)+1,1)*INDEX($D$3:$AA$30,INDEX(Jesper!$R$2:$R$366,ROW(INDEX(Jesper!AI$2:AI$366,ROUNDDOWN($C3438/24,0)+1,1))-1)+IF('Standard Profiles'!$G$19=$B$10,7,0)+IF('Standard Profiles'!$G$19=$B$17,14,0)+IF('Standard Profiles'!$G$19=$B$24,21,0),MOD($C3438,24)+1)/SUM(INDEX($D$3:$AA$30,INDEX(Jesper!$R$2:$R$366,ROW(INDEX(Jesper!AI$2:AI$366,ROUNDDOWN($C3438/24,0)+1,1))-1)+IF('Standard Profiles'!$G$19=$B$10,7,0)+IF('Standard Profiles'!$G$19=$B$17,14,0)+IF('Standard Profiles'!$G$19=$B$24,21,0),0)),0)</f>
        <v>0</v>
      </c>
      <c r="F3438" cm="1">
        <f t="array" ref="F3438">IFERROR(INDEX(Jesper!AJ$2:AJ$366,ROUNDDOWN($C3438/24,0)+1,1)*INDEX($D$3:$AA$30,INDEX(Jesper!$R$2:$R$366,ROW(INDEX(Jesper!AJ$2:AJ$366,ROUNDDOWN($C3438/24,0)+1,1))-1)+IF('Standard Profiles'!$G$20=$B$10,7,0)+IF('Standard Profiles'!$G$20=$B$17,14,0)+IF('Standard Profiles'!$G$20=$B$24,21,0),MOD($C3438,24)+1)/SUM(INDEX($D$3:$AA$30,INDEX(Jesper!$R$2:$R$366,ROW(INDEX(Jesper!AJ$2:AJ$366,ROUNDDOWN($C3438/24,0)+1,1))-1)+IF('Standard Profiles'!$G$20=$B$10,7,0)+IF('Standard Profiles'!$G$20=$B$17,14,0)+IF('Standard Profiles'!$G$20=$B$24,21,0),0)),0)</f>
        <v>0</v>
      </c>
      <c r="G3438" cm="1">
        <f t="array" ref="G3438">IFERROR(INDEX(Jesper!AK$2:AK$366,ROUNDDOWN($C3438/24,0)+1,1)*INDEX($D$3:$AA$30,INDEX(Jesper!$R$2:$R$366,ROW(INDEX(Jesper!AK$2:AK$366,ROUNDDOWN($C3438/24,0)+1,1))-1)+IF('Standard Profiles'!$G$21=$B$10,7,0)+IF('Standard Profiles'!$G$21=$B$17,14,0)+IF('Standard Profiles'!$G$21=$B$24,21,0),MOD($C3438,24)+1)/SUM(INDEX($D$3:$AA$30,INDEX(Jesper!$R$2:$R$366,ROW(INDEX(Jesper!AK$2:AK$366,ROUNDDOWN($C3438/24,0)+1,1))-1)+IF('Standard Profiles'!$G$21=$B$10,7,0)+IF('Standard Profiles'!$G$21=$B$17,14,0)+IF('Standard Profiles'!$G$21=$B$24,21,0),0)),0)</f>
        <v>0</v>
      </c>
      <c r="H3438" cm="1">
        <f t="array" ref="H3438">IFERROR(INDEX(Jesper!AL$2:AL$366,ROUNDDOWN($C3438/24,0)+1,1)*INDEX($D$3:$AA$30,INDEX(Jesper!$R$2:$R$366,ROW(INDEX(Jesper!AL$2:AL$366,ROUNDDOWN($C3438/24,0)+1,1))-1)+IF('Standard Profiles'!$G$22=$B$10,7,0)+IF('Standard Profiles'!$G$22=$B$17,14,0)+IF('Standard Profiles'!$G$22=$B$24,21,0),MOD($C3438,24)+1)/SUM(INDEX($D$3:$AA$30,INDEX(Jesper!$R$2:$R$366,ROW(INDEX(Jesper!AL$2:AL$366,ROUNDDOWN($C3438/24,0)+1,1))-1)+IF('Standard Profiles'!$G$22=$B$10,7,0)+IF('Standard Profiles'!$G$22=$B$17,14,0)+IF('Standard Profiles'!$G$22=$B$24,21,0),0)),0)</f>
        <v>0</v>
      </c>
      <c r="I3438">
        <f t="shared" si="391"/>
        <v>0.28861537148162153</v>
      </c>
      <c r="J3438">
        <f t="shared" si="392"/>
        <v>0.96205123827207195</v>
      </c>
      <c r="K3438">
        <f t="shared" si="393"/>
        <v>1.4430768574081079</v>
      </c>
      <c r="L3438">
        <f t="shared" si="394"/>
        <v>6.9267689155589176</v>
      </c>
      <c r="M3438">
        <f t="shared" si="395"/>
        <v>0</v>
      </c>
      <c r="N3438" s="46">
        <f t="shared" si="396"/>
        <v>45433.833333325078</v>
      </c>
    </row>
    <row r="3439" spans="2:14" x14ac:dyDescent="0.3">
      <c r="B3439">
        <f t="shared" si="390"/>
        <v>2</v>
      </c>
      <c r="C3439" s="16">
        <v>3405</v>
      </c>
      <c r="D3439" cm="1">
        <f t="array" ref="D3439">IFERROR(INDEX(Jesper!AH$2:AH$366,ROUNDDOWN($C3439/24,0)+1,1)*INDEX($D$3:$AA$30,INDEX(Jesper!$R$2:$R$366,ROW(INDEX(Jesper!AH$2:AH$366,ROUNDDOWN($C3439/24,0)+1,1))-1)+IF('Standard Profiles'!$G$18=$B$10,7,0)+IF('Standard Profiles'!$G$18=$B$17,14,0)+IF('Standard Profiles'!$G$18=$B$24,21,0),MOD($C3439,24)+1)/SUM(INDEX($D$3:$AA$30,INDEX(Jesper!$R$2:$R$366,ROW(INDEX(Jesper!AH$2:AH$366,ROUNDDOWN($C3439/24,0)+1,1))-1)+IF('Standard Profiles'!$G$18=$B$10,7,0)+IF('Standard Profiles'!$G$18=$B$17,14,0)+IF('Standard Profiles'!$G$18=$B$24,21,0),0)),0)</f>
        <v>6.9967362783423415</v>
      </c>
      <c r="E3439" cm="1">
        <f t="array" ref="E3439">IFERROR(INDEX(Jesper!AI$2:AI$366,ROUNDDOWN($C3439/24,0)+1,1)*INDEX($D$3:$AA$30,INDEX(Jesper!$R$2:$R$366,ROW(INDEX(Jesper!AI$2:AI$366,ROUNDDOWN($C3439/24,0)+1,1))-1)+IF('Standard Profiles'!$G$19=$B$10,7,0)+IF('Standard Profiles'!$G$19=$B$17,14,0)+IF('Standard Profiles'!$G$19=$B$24,21,0),MOD($C3439,24)+1)/SUM(INDEX($D$3:$AA$30,INDEX(Jesper!$R$2:$R$366,ROW(INDEX(Jesper!AI$2:AI$366,ROUNDDOWN($C3439/24,0)+1,1))-1)+IF('Standard Profiles'!$G$19=$B$10,7,0)+IF('Standard Profiles'!$G$19=$B$17,14,0)+IF('Standard Profiles'!$G$19=$B$24,21,0),0)),0)</f>
        <v>0</v>
      </c>
      <c r="F3439" cm="1">
        <f t="array" ref="F3439">IFERROR(INDEX(Jesper!AJ$2:AJ$366,ROUNDDOWN($C3439/24,0)+1,1)*INDEX($D$3:$AA$30,INDEX(Jesper!$R$2:$R$366,ROW(INDEX(Jesper!AJ$2:AJ$366,ROUNDDOWN($C3439/24,0)+1,1))-1)+IF('Standard Profiles'!$G$20=$B$10,7,0)+IF('Standard Profiles'!$G$20=$B$17,14,0)+IF('Standard Profiles'!$G$20=$B$24,21,0),MOD($C3439,24)+1)/SUM(INDEX($D$3:$AA$30,INDEX(Jesper!$R$2:$R$366,ROW(INDEX(Jesper!AJ$2:AJ$366,ROUNDDOWN($C3439/24,0)+1,1))-1)+IF('Standard Profiles'!$G$20=$B$10,7,0)+IF('Standard Profiles'!$G$20=$B$17,14,0)+IF('Standard Profiles'!$G$20=$B$24,21,0),0)),0)</f>
        <v>0</v>
      </c>
      <c r="G3439" cm="1">
        <f t="array" ref="G3439">IFERROR(INDEX(Jesper!AK$2:AK$366,ROUNDDOWN($C3439/24,0)+1,1)*INDEX($D$3:$AA$30,INDEX(Jesper!$R$2:$R$366,ROW(INDEX(Jesper!AK$2:AK$366,ROUNDDOWN($C3439/24,0)+1,1))-1)+IF('Standard Profiles'!$G$21=$B$10,7,0)+IF('Standard Profiles'!$G$21=$B$17,14,0)+IF('Standard Profiles'!$G$21=$B$24,21,0),MOD($C3439,24)+1)/SUM(INDEX($D$3:$AA$30,INDEX(Jesper!$R$2:$R$366,ROW(INDEX(Jesper!AK$2:AK$366,ROUNDDOWN($C3439/24,0)+1,1))-1)+IF('Standard Profiles'!$G$21=$B$10,7,0)+IF('Standard Profiles'!$G$21=$B$17,14,0)+IF('Standard Profiles'!$G$21=$B$24,21,0),0)),0)</f>
        <v>0</v>
      </c>
      <c r="H3439" cm="1">
        <f t="array" ref="H3439">IFERROR(INDEX(Jesper!AL$2:AL$366,ROUNDDOWN($C3439/24,0)+1,1)*INDEX($D$3:$AA$30,INDEX(Jesper!$R$2:$R$366,ROW(INDEX(Jesper!AL$2:AL$366,ROUNDDOWN($C3439/24,0)+1,1))-1)+IF('Standard Profiles'!$G$22=$B$10,7,0)+IF('Standard Profiles'!$G$22=$B$17,14,0)+IF('Standard Profiles'!$G$22=$B$24,21,0),MOD($C3439,24)+1)/SUM(INDEX($D$3:$AA$30,INDEX(Jesper!$R$2:$R$366,ROW(INDEX(Jesper!AL$2:AL$366,ROUNDDOWN($C3439/24,0)+1,1))-1)+IF('Standard Profiles'!$G$22=$B$10,7,0)+IF('Standard Profiles'!$G$22=$B$17,14,0)+IF('Standard Profiles'!$G$22=$B$24,21,0),0)),0)</f>
        <v>0</v>
      </c>
      <c r="I3439">
        <f t="shared" si="391"/>
        <v>0.20990208835027024</v>
      </c>
      <c r="J3439">
        <f t="shared" si="392"/>
        <v>0.69967362783423415</v>
      </c>
      <c r="K3439">
        <f t="shared" si="393"/>
        <v>1.0495104417513512</v>
      </c>
      <c r="L3439">
        <f t="shared" si="394"/>
        <v>5.0376501204064859</v>
      </c>
      <c r="M3439">
        <f t="shared" si="395"/>
        <v>0</v>
      </c>
      <c r="N3439" s="46">
        <f t="shared" si="396"/>
        <v>45433.874999991742</v>
      </c>
    </row>
    <row r="3440" spans="2:14" x14ac:dyDescent="0.3">
      <c r="B3440">
        <f t="shared" si="390"/>
        <v>2</v>
      </c>
      <c r="C3440" s="16">
        <v>3406</v>
      </c>
      <c r="D3440" cm="1">
        <f t="array" ref="D3440">IFERROR(INDEX(Jesper!AH$2:AH$366,ROUNDDOWN($C3440/24,0)+1,1)*INDEX($D$3:$AA$30,INDEX(Jesper!$R$2:$R$366,ROW(INDEX(Jesper!AH$2:AH$366,ROUNDDOWN($C3440/24,0)+1,1))-1)+IF('Standard Profiles'!$G$18=$B$10,7,0)+IF('Standard Profiles'!$G$18=$B$17,14,0)+IF('Standard Profiles'!$G$18=$B$24,21,0),MOD($C3440,24)+1)/SUM(INDEX($D$3:$AA$30,INDEX(Jesper!$R$2:$R$366,ROW(INDEX(Jesper!AH$2:AH$366,ROUNDDOWN($C3440/24,0)+1,1))-1)+IF('Standard Profiles'!$G$18=$B$10,7,0)+IF('Standard Profiles'!$G$18=$B$17,14,0)+IF('Standard Profiles'!$G$18=$B$24,21,0),0)),0)</f>
        <v>6.9967362783423415</v>
      </c>
      <c r="E3440" cm="1">
        <f t="array" ref="E3440">IFERROR(INDEX(Jesper!AI$2:AI$366,ROUNDDOWN($C3440/24,0)+1,1)*INDEX($D$3:$AA$30,INDEX(Jesper!$R$2:$R$366,ROW(INDEX(Jesper!AI$2:AI$366,ROUNDDOWN($C3440/24,0)+1,1))-1)+IF('Standard Profiles'!$G$19=$B$10,7,0)+IF('Standard Profiles'!$G$19=$B$17,14,0)+IF('Standard Profiles'!$G$19=$B$24,21,0),MOD($C3440,24)+1)/SUM(INDEX($D$3:$AA$30,INDEX(Jesper!$R$2:$R$366,ROW(INDEX(Jesper!AI$2:AI$366,ROUNDDOWN($C3440/24,0)+1,1))-1)+IF('Standard Profiles'!$G$19=$B$10,7,0)+IF('Standard Profiles'!$G$19=$B$17,14,0)+IF('Standard Profiles'!$G$19=$B$24,21,0),0)),0)</f>
        <v>0</v>
      </c>
      <c r="F3440" cm="1">
        <f t="array" ref="F3440">IFERROR(INDEX(Jesper!AJ$2:AJ$366,ROUNDDOWN($C3440/24,0)+1,1)*INDEX($D$3:$AA$30,INDEX(Jesper!$R$2:$R$366,ROW(INDEX(Jesper!AJ$2:AJ$366,ROUNDDOWN($C3440/24,0)+1,1))-1)+IF('Standard Profiles'!$G$20=$B$10,7,0)+IF('Standard Profiles'!$G$20=$B$17,14,0)+IF('Standard Profiles'!$G$20=$B$24,21,0),MOD($C3440,24)+1)/SUM(INDEX($D$3:$AA$30,INDEX(Jesper!$R$2:$R$366,ROW(INDEX(Jesper!AJ$2:AJ$366,ROUNDDOWN($C3440/24,0)+1,1))-1)+IF('Standard Profiles'!$G$20=$B$10,7,0)+IF('Standard Profiles'!$G$20=$B$17,14,0)+IF('Standard Profiles'!$G$20=$B$24,21,0),0)),0)</f>
        <v>0</v>
      </c>
      <c r="G3440" cm="1">
        <f t="array" ref="G3440">IFERROR(INDEX(Jesper!AK$2:AK$366,ROUNDDOWN($C3440/24,0)+1,1)*INDEX($D$3:$AA$30,INDEX(Jesper!$R$2:$R$366,ROW(INDEX(Jesper!AK$2:AK$366,ROUNDDOWN($C3440/24,0)+1,1))-1)+IF('Standard Profiles'!$G$21=$B$10,7,0)+IF('Standard Profiles'!$G$21=$B$17,14,0)+IF('Standard Profiles'!$G$21=$B$24,21,0),MOD($C3440,24)+1)/SUM(INDEX($D$3:$AA$30,INDEX(Jesper!$R$2:$R$366,ROW(INDEX(Jesper!AK$2:AK$366,ROUNDDOWN($C3440/24,0)+1,1))-1)+IF('Standard Profiles'!$G$21=$B$10,7,0)+IF('Standard Profiles'!$G$21=$B$17,14,0)+IF('Standard Profiles'!$G$21=$B$24,21,0),0)),0)</f>
        <v>0</v>
      </c>
      <c r="H3440" cm="1">
        <f t="array" ref="H3440">IFERROR(INDEX(Jesper!AL$2:AL$366,ROUNDDOWN($C3440/24,0)+1,1)*INDEX($D$3:$AA$30,INDEX(Jesper!$R$2:$R$366,ROW(INDEX(Jesper!AL$2:AL$366,ROUNDDOWN($C3440/24,0)+1,1))-1)+IF('Standard Profiles'!$G$22=$B$10,7,0)+IF('Standard Profiles'!$G$22=$B$17,14,0)+IF('Standard Profiles'!$G$22=$B$24,21,0),MOD($C3440,24)+1)/SUM(INDEX($D$3:$AA$30,INDEX(Jesper!$R$2:$R$366,ROW(INDEX(Jesper!AL$2:AL$366,ROUNDDOWN($C3440/24,0)+1,1))-1)+IF('Standard Profiles'!$G$22=$B$10,7,0)+IF('Standard Profiles'!$G$22=$B$17,14,0)+IF('Standard Profiles'!$G$22=$B$24,21,0),0)),0)</f>
        <v>0</v>
      </c>
      <c r="I3440">
        <f t="shared" si="391"/>
        <v>0.20990208835027024</v>
      </c>
      <c r="J3440">
        <f t="shared" si="392"/>
        <v>0.69967362783423415</v>
      </c>
      <c r="K3440">
        <f t="shared" si="393"/>
        <v>1.0495104417513512</v>
      </c>
      <c r="L3440">
        <f t="shared" si="394"/>
        <v>5.0376501204064859</v>
      </c>
      <c r="M3440">
        <f t="shared" si="395"/>
        <v>0</v>
      </c>
      <c r="N3440" s="46">
        <f t="shared" si="396"/>
        <v>45433.916666658406</v>
      </c>
    </row>
    <row r="3441" spans="2:14" x14ac:dyDescent="0.3">
      <c r="B3441">
        <f t="shared" si="390"/>
        <v>2</v>
      </c>
      <c r="C3441" s="16">
        <v>3407</v>
      </c>
      <c r="D3441" cm="1">
        <f t="array" ref="D3441">IFERROR(INDEX(Jesper!AH$2:AH$366,ROUNDDOWN($C3441/24,0)+1,1)*INDEX($D$3:$AA$30,INDEX(Jesper!$R$2:$R$366,ROW(INDEX(Jesper!AH$2:AH$366,ROUNDDOWN($C3441/24,0)+1,1))-1)+IF('Standard Profiles'!$G$18=$B$10,7,0)+IF('Standard Profiles'!$G$18=$B$17,14,0)+IF('Standard Profiles'!$G$18=$B$24,21,0),MOD($C3441,24)+1)/SUM(INDEX($D$3:$AA$30,INDEX(Jesper!$R$2:$R$366,ROW(INDEX(Jesper!AH$2:AH$366,ROUNDDOWN($C3441/24,0)+1,1))-1)+IF('Standard Profiles'!$G$18=$B$10,7,0)+IF('Standard Profiles'!$G$18=$B$17,14,0)+IF('Standard Profiles'!$G$18=$B$24,21,0),0)),0)</f>
        <v>6.9967362783423415</v>
      </c>
      <c r="E3441" cm="1">
        <f t="array" ref="E3441">IFERROR(INDEX(Jesper!AI$2:AI$366,ROUNDDOWN($C3441/24,0)+1,1)*INDEX($D$3:$AA$30,INDEX(Jesper!$R$2:$R$366,ROW(INDEX(Jesper!AI$2:AI$366,ROUNDDOWN($C3441/24,0)+1,1))-1)+IF('Standard Profiles'!$G$19=$B$10,7,0)+IF('Standard Profiles'!$G$19=$B$17,14,0)+IF('Standard Profiles'!$G$19=$B$24,21,0),MOD($C3441,24)+1)/SUM(INDEX($D$3:$AA$30,INDEX(Jesper!$R$2:$R$366,ROW(INDEX(Jesper!AI$2:AI$366,ROUNDDOWN($C3441/24,0)+1,1))-1)+IF('Standard Profiles'!$G$19=$B$10,7,0)+IF('Standard Profiles'!$G$19=$B$17,14,0)+IF('Standard Profiles'!$G$19=$B$24,21,0),0)),0)</f>
        <v>0</v>
      </c>
      <c r="F3441" cm="1">
        <f t="array" ref="F3441">IFERROR(INDEX(Jesper!AJ$2:AJ$366,ROUNDDOWN($C3441/24,0)+1,1)*INDEX($D$3:$AA$30,INDEX(Jesper!$R$2:$R$366,ROW(INDEX(Jesper!AJ$2:AJ$366,ROUNDDOWN($C3441/24,0)+1,1))-1)+IF('Standard Profiles'!$G$20=$B$10,7,0)+IF('Standard Profiles'!$G$20=$B$17,14,0)+IF('Standard Profiles'!$G$20=$B$24,21,0),MOD($C3441,24)+1)/SUM(INDEX($D$3:$AA$30,INDEX(Jesper!$R$2:$R$366,ROW(INDEX(Jesper!AJ$2:AJ$366,ROUNDDOWN($C3441/24,0)+1,1))-1)+IF('Standard Profiles'!$G$20=$B$10,7,0)+IF('Standard Profiles'!$G$20=$B$17,14,0)+IF('Standard Profiles'!$G$20=$B$24,21,0),0)),0)</f>
        <v>0</v>
      </c>
      <c r="G3441" cm="1">
        <f t="array" ref="G3441">IFERROR(INDEX(Jesper!AK$2:AK$366,ROUNDDOWN($C3441/24,0)+1,1)*INDEX($D$3:$AA$30,INDEX(Jesper!$R$2:$R$366,ROW(INDEX(Jesper!AK$2:AK$366,ROUNDDOWN($C3441/24,0)+1,1))-1)+IF('Standard Profiles'!$G$21=$B$10,7,0)+IF('Standard Profiles'!$G$21=$B$17,14,0)+IF('Standard Profiles'!$G$21=$B$24,21,0),MOD($C3441,24)+1)/SUM(INDEX($D$3:$AA$30,INDEX(Jesper!$R$2:$R$366,ROW(INDEX(Jesper!AK$2:AK$366,ROUNDDOWN($C3441/24,0)+1,1))-1)+IF('Standard Profiles'!$G$21=$B$10,7,0)+IF('Standard Profiles'!$G$21=$B$17,14,0)+IF('Standard Profiles'!$G$21=$B$24,21,0),0)),0)</f>
        <v>0</v>
      </c>
      <c r="H3441" cm="1">
        <f t="array" ref="H3441">IFERROR(INDEX(Jesper!AL$2:AL$366,ROUNDDOWN($C3441/24,0)+1,1)*INDEX($D$3:$AA$30,INDEX(Jesper!$R$2:$R$366,ROW(INDEX(Jesper!AL$2:AL$366,ROUNDDOWN($C3441/24,0)+1,1))-1)+IF('Standard Profiles'!$G$22=$B$10,7,0)+IF('Standard Profiles'!$G$22=$B$17,14,0)+IF('Standard Profiles'!$G$22=$B$24,21,0),MOD($C3441,24)+1)/SUM(INDEX($D$3:$AA$30,INDEX(Jesper!$R$2:$R$366,ROW(INDEX(Jesper!AL$2:AL$366,ROUNDDOWN($C3441/24,0)+1,1))-1)+IF('Standard Profiles'!$G$22=$B$10,7,0)+IF('Standard Profiles'!$G$22=$B$17,14,0)+IF('Standard Profiles'!$G$22=$B$24,21,0),0)),0)</f>
        <v>0</v>
      </c>
      <c r="I3441">
        <f t="shared" si="391"/>
        <v>0.20990208835027024</v>
      </c>
      <c r="J3441">
        <f t="shared" si="392"/>
        <v>0.69967362783423415</v>
      </c>
      <c r="K3441">
        <f t="shared" si="393"/>
        <v>1.0495104417513512</v>
      </c>
      <c r="L3441">
        <f t="shared" si="394"/>
        <v>5.0376501204064859</v>
      </c>
      <c r="M3441">
        <f t="shared" si="395"/>
        <v>0</v>
      </c>
      <c r="N3441" s="46">
        <f t="shared" si="396"/>
        <v>45433.95833332507</v>
      </c>
    </row>
    <row r="3442" spans="2:14" x14ac:dyDescent="0.3">
      <c r="B3442">
        <f t="shared" si="390"/>
        <v>3</v>
      </c>
      <c r="C3442" s="16">
        <v>3408</v>
      </c>
      <c r="D3442" cm="1">
        <f t="array" ref="D3442">IFERROR(INDEX(Jesper!AH$2:AH$366,ROUNDDOWN($C3442/24,0)+1,1)*INDEX($D$3:$AA$30,INDEX(Jesper!$R$2:$R$366,ROW(INDEX(Jesper!AH$2:AH$366,ROUNDDOWN($C3442/24,0)+1,1))-1)+IF('Standard Profiles'!$G$18=$B$10,7,0)+IF('Standard Profiles'!$G$18=$B$17,14,0)+IF('Standard Profiles'!$G$18=$B$24,21,0),MOD($C3442,24)+1)/SUM(INDEX($D$3:$AA$30,INDEX(Jesper!$R$2:$R$366,ROW(INDEX(Jesper!AH$2:AH$366,ROUNDDOWN($C3442/24,0)+1,1))-1)+IF('Standard Profiles'!$G$18=$B$10,7,0)+IF('Standard Profiles'!$G$18=$B$17,14,0)+IF('Standard Profiles'!$G$18=$B$24,21,0),0)),0)</f>
        <v>6.4424584942700331</v>
      </c>
      <c r="E3442" cm="1">
        <f t="array" ref="E3442">IFERROR(INDEX(Jesper!AI$2:AI$366,ROUNDDOWN($C3442/24,0)+1,1)*INDEX($D$3:$AA$30,INDEX(Jesper!$R$2:$R$366,ROW(INDEX(Jesper!AI$2:AI$366,ROUNDDOWN($C3442/24,0)+1,1))-1)+IF('Standard Profiles'!$G$19=$B$10,7,0)+IF('Standard Profiles'!$G$19=$B$17,14,0)+IF('Standard Profiles'!$G$19=$B$24,21,0),MOD($C3442,24)+1)/SUM(INDEX($D$3:$AA$30,INDEX(Jesper!$R$2:$R$366,ROW(INDEX(Jesper!AI$2:AI$366,ROUNDDOWN($C3442/24,0)+1,1))-1)+IF('Standard Profiles'!$G$19=$B$10,7,0)+IF('Standard Profiles'!$G$19=$B$17,14,0)+IF('Standard Profiles'!$G$19=$B$24,21,0),0)),0)</f>
        <v>0</v>
      </c>
      <c r="F3442" cm="1">
        <f t="array" ref="F3442">IFERROR(INDEX(Jesper!AJ$2:AJ$366,ROUNDDOWN($C3442/24,0)+1,1)*INDEX($D$3:$AA$30,INDEX(Jesper!$R$2:$R$366,ROW(INDEX(Jesper!AJ$2:AJ$366,ROUNDDOWN($C3442/24,0)+1,1))-1)+IF('Standard Profiles'!$G$20=$B$10,7,0)+IF('Standard Profiles'!$G$20=$B$17,14,0)+IF('Standard Profiles'!$G$20=$B$24,21,0),MOD($C3442,24)+1)/SUM(INDEX($D$3:$AA$30,INDEX(Jesper!$R$2:$R$366,ROW(INDEX(Jesper!AJ$2:AJ$366,ROUNDDOWN($C3442/24,0)+1,1))-1)+IF('Standard Profiles'!$G$20=$B$10,7,0)+IF('Standard Profiles'!$G$20=$B$17,14,0)+IF('Standard Profiles'!$G$20=$B$24,21,0),0)),0)</f>
        <v>0</v>
      </c>
      <c r="G3442" cm="1">
        <f t="array" ref="G3442">IFERROR(INDEX(Jesper!AK$2:AK$366,ROUNDDOWN($C3442/24,0)+1,1)*INDEX($D$3:$AA$30,INDEX(Jesper!$R$2:$R$366,ROW(INDEX(Jesper!AK$2:AK$366,ROUNDDOWN($C3442/24,0)+1,1))-1)+IF('Standard Profiles'!$G$21=$B$10,7,0)+IF('Standard Profiles'!$G$21=$B$17,14,0)+IF('Standard Profiles'!$G$21=$B$24,21,0),MOD($C3442,24)+1)/SUM(INDEX($D$3:$AA$30,INDEX(Jesper!$R$2:$R$366,ROW(INDEX(Jesper!AK$2:AK$366,ROUNDDOWN($C3442/24,0)+1,1))-1)+IF('Standard Profiles'!$G$21=$B$10,7,0)+IF('Standard Profiles'!$G$21=$B$17,14,0)+IF('Standard Profiles'!$G$21=$B$24,21,0),0)),0)</f>
        <v>0</v>
      </c>
      <c r="H3442" cm="1">
        <f t="array" ref="H3442">IFERROR(INDEX(Jesper!AL$2:AL$366,ROUNDDOWN($C3442/24,0)+1,1)*INDEX($D$3:$AA$30,INDEX(Jesper!$R$2:$R$366,ROW(INDEX(Jesper!AL$2:AL$366,ROUNDDOWN($C3442/24,0)+1,1))-1)+IF('Standard Profiles'!$G$22=$B$10,7,0)+IF('Standard Profiles'!$G$22=$B$17,14,0)+IF('Standard Profiles'!$G$22=$B$24,21,0),MOD($C3442,24)+1)/SUM(INDEX($D$3:$AA$30,INDEX(Jesper!$R$2:$R$366,ROW(INDEX(Jesper!AL$2:AL$366,ROUNDDOWN($C3442/24,0)+1,1))-1)+IF('Standard Profiles'!$G$22=$B$10,7,0)+IF('Standard Profiles'!$G$22=$B$17,14,0)+IF('Standard Profiles'!$G$22=$B$24,21,0),0)),0)</f>
        <v>0</v>
      </c>
      <c r="I3442">
        <f t="shared" si="391"/>
        <v>0.193273754828101</v>
      </c>
      <c r="J3442">
        <f t="shared" si="392"/>
        <v>0.64424584942700336</v>
      </c>
      <c r="K3442">
        <f t="shared" si="393"/>
        <v>0.96636877414050493</v>
      </c>
      <c r="L3442">
        <f t="shared" si="394"/>
        <v>4.6385701158744235</v>
      </c>
      <c r="M3442">
        <f t="shared" si="395"/>
        <v>0</v>
      </c>
      <c r="N3442" s="46">
        <f t="shared" si="396"/>
        <v>45433.999999991735</v>
      </c>
    </row>
    <row r="3443" spans="2:14" x14ac:dyDescent="0.3">
      <c r="B3443">
        <f t="shared" si="390"/>
        <v>3</v>
      </c>
      <c r="C3443" s="16">
        <v>3409</v>
      </c>
      <c r="D3443" cm="1">
        <f t="array" ref="D3443">IFERROR(INDEX(Jesper!AH$2:AH$366,ROUNDDOWN($C3443/24,0)+1,1)*INDEX($D$3:$AA$30,INDEX(Jesper!$R$2:$R$366,ROW(INDEX(Jesper!AH$2:AH$366,ROUNDDOWN($C3443/24,0)+1,1))-1)+IF('Standard Profiles'!$G$18=$B$10,7,0)+IF('Standard Profiles'!$G$18=$B$17,14,0)+IF('Standard Profiles'!$G$18=$B$24,21,0),MOD($C3443,24)+1)/SUM(INDEX($D$3:$AA$30,INDEX(Jesper!$R$2:$R$366,ROW(INDEX(Jesper!AH$2:AH$366,ROUNDDOWN($C3443/24,0)+1,1))-1)+IF('Standard Profiles'!$G$18=$B$10,7,0)+IF('Standard Profiles'!$G$18=$B$17,14,0)+IF('Standard Profiles'!$G$18=$B$24,21,0),0)),0)</f>
        <v>7.2477658060537866</v>
      </c>
      <c r="E3443" cm="1">
        <f t="array" ref="E3443">IFERROR(INDEX(Jesper!AI$2:AI$366,ROUNDDOWN($C3443/24,0)+1,1)*INDEX($D$3:$AA$30,INDEX(Jesper!$R$2:$R$366,ROW(INDEX(Jesper!AI$2:AI$366,ROUNDDOWN($C3443/24,0)+1,1))-1)+IF('Standard Profiles'!$G$19=$B$10,7,0)+IF('Standard Profiles'!$G$19=$B$17,14,0)+IF('Standard Profiles'!$G$19=$B$24,21,0),MOD($C3443,24)+1)/SUM(INDEX($D$3:$AA$30,INDEX(Jesper!$R$2:$R$366,ROW(INDEX(Jesper!AI$2:AI$366,ROUNDDOWN($C3443/24,0)+1,1))-1)+IF('Standard Profiles'!$G$19=$B$10,7,0)+IF('Standard Profiles'!$G$19=$B$17,14,0)+IF('Standard Profiles'!$G$19=$B$24,21,0),0)),0)</f>
        <v>0</v>
      </c>
      <c r="F3443" cm="1">
        <f t="array" ref="F3443">IFERROR(INDEX(Jesper!AJ$2:AJ$366,ROUNDDOWN($C3443/24,0)+1,1)*INDEX($D$3:$AA$30,INDEX(Jesper!$R$2:$R$366,ROW(INDEX(Jesper!AJ$2:AJ$366,ROUNDDOWN($C3443/24,0)+1,1))-1)+IF('Standard Profiles'!$G$20=$B$10,7,0)+IF('Standard Profiles'!$G$20=$B$17,14,0)+IF('Standard Profiles'!$G$20=$B$24,21,0),MOD($C3443,24)+1)/SUM(INDEX($D$3:$AA$30,INDEX(Jesper!$R$2:$R$366,ROW(INDEX(Jesper!AJ$2:AJ$366,ROUNDDOWN($C3443/24,0)+1,1))-1)+IF('Standard Profiles'!$G$20=$B$10,7,0)+IF('Standard Profiles'!$G$20=$B$17,14,0)+IF('Standard Profiles'!$G$20=$B$24,21,0),0)),0)</f>
        <v>0</v>
      </c>
      <c r="G3443" cm="1">
        <f t="array" ref="G3443">IFERROR(INDEX(Jesper!AK$2:AK$366,ROUNDDOWN($C3443/24,0)+1,1)*INDEX($D$3:$AA$30,INDEX(Jesper!$R$2:$R$366,ROW(INDEX(Jesper!AK$2:AK$366,ROUNDDOWN($C3443/24,0)+1,1))-1)+IF('Standard Profiles'!$G$21=$B$10,7,0)+IF('Standard Profiles'!$G$21=$B$17,14,0)+IF('Standard Profiles'!$G$21=$B$24,21,0),MOD($C3443,24)+1)/SUM(INDEX($D$3:$AA$30,INDEX(Jesper!$R$2:$R$366,ROW(INDEX(Jesper!AK$2:AK$366,ROUNDDOWN($C3443/24,0)+1,1))-1)+IF('Standard Profiles'!$G$21=$B$10,7,0)+IF('Standard Profiles'!$G$21=$B$17,14,0)+IF('Standard Profiles'!$G$21=$B$24,21,0),0)),0)</f>
        <v>0</v>
      </c>
      <c r="H3443" cm="1">
        <f t="array" ref="H3443">IFERROR(INDEX(Jesper!AL$2:AL$366,ROUNDDOWN($C3443/24,0)+1,1)*INDEX($D$3:$AA$30,INDEX(Jesper!$R$2:$R$366,ROW(INDEX(Jesper!AL$2:AL$366,ROUNDDOWN($C3443/24,0)+1,1))-1)+IF('Standard Profiles'!$G$22=$B$10,7,0)+IF('Standard Profiles'!$G$22=$B$17,14,0)+IF('Standard Profiles'!$G$22=$B$24,21,0),MOD($C3443,24)+1)/SUM(INDEX($D$3:$AA$30,INDEX(Jesper!$R$2:$R$366,ROW(INDEX(Jesper!AL$2:AL$366,ROUNDDOWN($C3443/24,0)+1,1))-1)+IF('Standard Profiles'!$G$22=$B$10,7,0)+IF('Standard Profiles'!$G$22=$B$17,14,0)+IF('Standard Profiles'!$G$22=$B$24,21,0),0)),0)</f>
        <v>0</v>
      </c>
      <c r="I3443">
        <f t="shared" si="391"/>
        <v>0.21743297418161359</v>
      </c>
      <c r="J3443">
        <f t="shared" si="392"/>
        <v>0.72477658060537875</v>
      </c>
      <c r="K3443">
        <f t="shared" si="393"/>
        <v>1.0871648709080679</v>
      </c>
      <c r="L3443">
        <f t="shared" si="394"/>
        <v>5.2183913803587263</v>
      </c>
      <c r="M3443">
        <f t="shared" si="395"/>
        <v>0</v>
      </c>
      <c r="N3443" s="46">
        <f t="shared" si="396"/>
        <v>45434.041666658399</v>
      </c>
    </row>
    <row r="3444" spans="2:14" x14ac:dyDescent="0.3">
      <c r="B3444">
        <f t="shared" si="390"/>
        <v>3</v>
      </c>
      <c r="C3444" s="16">
        <v>3410</v>
      </c>
      <c r="D3444" cm="1">
        <f t="array" ref="D3444">IFERROR(INDEX(Jesper!AH$2:AH$366,ROUNDDOWN($C3444/24,0)+1,1)*INDEX($D$3:$AA$30,INDEX(Jesper!$R$2:$R$366,ROW(INDEX(Jesper!AH$2:AH$366,ROUNDDOWN($C3444/24,0)+1,1))-1)+IF('Standard Profiles'!$G$18=$B$10,7,0)+IF('Standard Profiles'!$G$18=$B$17,14,0)+IF('Standard Profiles'!$G$18=$B$24,21,0),MOD($C3444,24)+1)/SUM(INDEX($D$3:$AA$30,INDEX(Jesper!$R$2:$R$366,ROW(INDEX(Jesper!AH$2:AH$366,ROUNDDOWN($C3444/24,0)+1,1))-1)+IF('Standard Profiles'!$G$18=$B$10,7,0)+IF('Standard Profiles'!$G$18=$B$17,14,0)+IF('Standard Profiles'!$G$18=$B$24,21,0),0)),0)</f>
        <v>7.2477658060537866</v>
      </c>
      <c r="E3444" cm="1">
        <f t="array" ref="E3444">IFERROR(INDEX(Jesper!AI$2:AI$366,ROUNDDOWN($C3444/24,0)+1,1)*INDEX($D$3:$AA$30,INDEX(Jesper!$R$2:$R$366,ROW(INDEX(Jesper!AI$2:AI$366,ROUNDDOWN($C3444/24,0)+1,1))-1)+IF('Standard Profiles'!$G$19=$B$10,7,0)+IF('Standard Profiles'!$G$19=$B$17,14,0)+IF('Standard Profiles'!$G$19=$B$24,21,0),MOD($C3444,24)+1)/SUM(INDEX($D$3:$AA$30,INDEX(Jesper!$R$2:$R$366,ROW(INDEX(Jesper!AI$2:AI$366,ROUNDDOWN($C3444/24,0)+1,1))-1)+IF('Standard Profiles'!$G$19=$B$10,7,0)+IF('Standard Profiles'!$G$19=$B$17,14,0)+IF('Standard Profiles'!$G$19=$B$24,21,0),0)),0)</f>
        <v>0</v>
      </c>
      <c r="F3444" cm="1">
        <f t="array" ref="F3444">IFERROR(INDEX(Jesper!AJ$2:AJ$366,ROUNDDOWN($C3444/24,0)+1,1)*INDEX($D$3:$AA$30,INDEX(Jesper!$R$2:$R$366,ROW(INDEX(Jesper!AJ$2:AJ$366,ROUNDDOWN($C3444/24,0)+1,1))-1)+IF('Standard Profiles'!$G$20=$B$10,7,0)+IF('Standard Profiles'!$G$20=$B$17,14,0)+IF('Standard Profiles'!$G$20=$B$24,21,0),MOD($C3444,24)+1)/SUM(INDEX($D$3:$AA$30,INDEX(Jesper!$R$2:$R$366,ROW(INDEX(Jesper!AJ$2:AJ$366,ROUNDDOWN($C3444/24,0)+1,1))-1)+IF('Standard Profiles'!$G$20=$B$10,7,0)+IF('Standard Profiles'!$G$20=$B$17,14,0)+IF('Standard Profiles'!$G$20=$B$24,21,0),0)),0)</f>
        <v>0</v>
      </c>
      <c r="G3444" cm="1">
        <f t="array" ref="G3444">IFERROR(INDEX(Jesper!AK$2:AK$366,ROUNDDOWN($C3444/24,0)+1,1)*INDEX($D$3:$AA$30,INDEX(Jesper!$R$2:$R$366,ROW(INDEX(Jesper!AK$2:AK$366,ROUNDDOWN($C3444/24,0)+1,1))-1)+IF('Standard Profiles'!$G$21=$B$10,7,0)+IF('Standard Profiles'!$G$21=$B$17,14,0)+IF('Standard Profiles'!$G$21=$B$24,21,0),MOD($C3444,24)+1)/SUM(INDEX($D$3:$AA$30,INDEX(Jesper!$R$2:$R$366,ROW(INDEX(Jesper!AK$2:AK$366,ROUNDDOWN($C3444/24,0)+1,1))-1)+IF('Standard Profiles'!$G$21=$B$10,7,0)+IF('Standard Profiles'!$G$21=$B$17,14,0)+IF('Standard Profiles'!$G$21=$B$24,21,0),0)),0)</f>
        <v>0</v>
      </c>
      <c r="H3444" cm="1">
        <f t="array" ref="H3444">IFERROR(INDEX(Jesper!AL$2:AL$366,ROUNDDOWN($C3444/24,0)+1,1)*INDEX($D$3:$AA$30,INDEX(Jesper!$R$2:$R$366,ROW(INDEX(Jesper!AL$2:AL$366,ROUNDDOWN($C3444/24,0)+1,1))-1)+IF('Standard Profiles'!$G$22=$B$10,7,0)+IF('Standard Profiles'!$G$22=$B$17,14,0)+IF('Standard Profiles'!$G$22=$B$24,21,0),MOD($C3444,24)+1)/SUM(INDEX($D$3:$AA$30,INDEX(Jesper!$R$2:$R$366,ROW(INDEX(Jesper!AL$2:AL$366,ROUNDDOWN($C3444/24,0)+1,1))-1)+IF('Standard Profiles'!$G$22=$B$10,7,0)+IF('Standard Profiles'!$G$22=$B$17,14,0)+IF('Standard Profiles'!$G$22=$B$24,21,0),0)),0)</f>
        <v>0</v>
      </c>
      <c r="I3444">
        <f t="shared" si="391"/>
        <v>0.21743297418161359</v>
      </c>
      <c r="J3444">
        <f t="shared" si="392"/>
        <v>0.72477658060537875</v>
      </c>
      <c r="K3444">
        <f t="shared" si="393"/>
        <v>1.0871648709080679</v>
      </c>
      <c r="L3444">
        <f t="shared" si="394"/>
        <v>5.2183913803587263</v>
      </c>
      <c r="M3444">
        <f t="shared" si="395"/>
        <v>0</v>
      </c>
      <c r="N3444" s="46">
        <f t="shared" si="396"/>
        <v>45434.083333325063</v>
      </c>
    </row>
    <row r="3445" spans="2:14" x14ac:dyDescent="0.3">
      <c r="B3445">
        <f t="shared" si="390"/>
        <v>3</v>
      </c>
      <c r="C3445" s="16">
        <v>3411</v>
      </c>
      <c r="D3445" cm="1">
        <f t="array" ref="D3445">IFERROR(INDEX(Jesper!AH$2:AH$366,ROUNDDOWN($C3445/24,0)+1,1)*INDEX($D$3:$AA$30,INDEX(Jesper!$R$2:$R$366,ROW(INDEX(Jesper!AH$2:AH$366,ROUNDDOWN($C3445/24,0)+1,1))-1)+IF('Standard Profiles'!$G$18=$B$10,7,0)+IF('Standard Profiles'!$G$18=$B$17,14,0)+IF('Standard Profiles'!$G$18=$B$24,21,0),MOD($C3445,24)+1)/SUM(INDEX($D$3:$AA$30,INDEX(Jesper!$R$2:$R$366,ROW(INDEX(Jesper!AH$2:AH$366,ROUNDDOWN($C3445/24,0)+1,1))-1)+IF('Standard Profiles'!$G$18=$B$10,7,0)+IF('Standard Profiles'!$G$18=$B$17,14,0)+IF('Standard Profiles'!$G$18=$B$24,21,0),0)),0)</f>
        <v>7.2477658060537866</v>
      </c>
      <c r="E3445" cm="1">
        <f t="array" ref="E3445">IFERROR(INDEX(Jesper!AI$2:AI$366,ROUNDDOWN($C3445/24,0)+1,1)*INDEX($D$3:$AA$30,INDEX(Jesper!$R$2:$R$366,ROW(INDEX(Jesper!AI$2:AI$366,ROUNDDOWN($C3445/24,0)+1,1))-1)+IF('Standard Profiles'!$G$19=$B$10,7,0)+IF('Standard Profiles'!$G$19=$B$17,14,0)+IF('Standard Profiles'!$G$19=$B$24,21,0),MOD($C3445,24)+1)/SUM(INDEX($D$3:$AA$30,INDEX(Jesper!$R$2:$R$366,ROW(INDEX(Jesper!AI$2:AI$366,ROUNDDOWN($C3445/24,0)+1,1))-1)+IF('Standard Profiles'!$G$19=$B$10,7,0)+IF('Standard Profiles'!$G$19=$B$17,14,0)+IF('Standard Profiles'!$G$19=$B$24,21,0),0)),0)</f>
        <v>0</v>
      </c>
      <c r="F3445" cm="1">
        <f t="array" ref="F3445">IFERROR(INDEX(Jesper!AJ$2:AJ$366,ROUNDDOWN($C3445/24,0)+1,1)*INDEX($D$3:$AA$30,INDEX(Jesper!$R$2:$R$366,ROW(INDEX(Jesper!AJ$2:AJ$366,ROUNDDOWN($C3445/24,0)+1,1))-1)+IF('Standard Profiles'!$G$20=$B$10,7,0)+IF('Standard Profiles'!$G$20=$B$17,14,0)+IF('Standard Profiles'!$G$20=$B$24,21,0),MOD($C3445,24)+1)/SUM(INDEX($D$3:$AA$30,INDEX(Jesper!$R$2:$R$366,ROW(INDEX(Jesper!AJ$2:AJ$366,ROUNDDOWN($C3445/24,0)+1,1))-1)+IF('Standard Profiles'!$G$20=$B$10,7,0)+IF('Standard Profiles'!$G$20=$B$17,14,0)+IF('Standard Profiles'!$G$20=$B$24,21,0),0)),0)</f>
        <v>0</v>
      </c>
      <c r="G3445" cm="1">
        <f t="array" ref="G3445">IFERROR(INDEX(Jesper!AK$2:AK$366,ROUNDDOWN($C3445/24,0)+1,1)*INDEX($D$3:$AA$30,INDEX(Jesper!$R$2:$R$366,ROW(INDEX(Jesper!AK$2:AK$366,ROUNDDOWN($C3445/24,0)+1,1))-1)+IF('Standard Profiles'!$G$21=$B$10,7,0)+IF('Standard Profiles'!$G$21=$B$17,14,0)+IF('Standard Profiles'!$G$21=$B$24,21,0),MOD($C3445,24)+1)/SUM(INDEX($D$3:$AA$30,INDEX(Jesper!$R$2:$R$366,ROW(INDEX(Jesper!AK$2:AK$366,ROUNDDOWN($C3445/24,0)+1,1))-1)+IF('Standard Profiles'!$G$21=$B$10,7,0)+IF('Standard Profiles'!$G$21=$B$17,14,0)+IF('Standard Profiles'!$G$21=$B$24,21,0),0)),0)</f>
        <v>0</v>
      </c>
      <c r="H3445" cm="1">
        <f t="array" ref="H3445">IFERROR(INDEX(Jesper!AL$2:AL$366,ROUNDDOWN($C3445/24,0)+1,1)*INDEX($D$3:$AA$30,INDEX(Jesper!$R$2:$R$366,ROW(INDEX(Jesper!AL$2:AL$366,ROUNDDOWN($C3445/24,0)+1,1))-1)+IF('Standard Profiles'!$G$22=$B$10,7,0)+IF('Standard Profiles'!$G$22=$B$17,14,0)+IF('Standard Profiles'!$G$22=$B$24,21,0),MOD($C3445,24)+1)/SUM(INDEX($D$3:$AA$30,INDEX(Jesper!$R$2:$R$366,ROW(INDEX(Jesper!AL$2:AL$366,ROUNDDOWN($C3445/24,0)+1,1))-1)+IF('Standard Profiles'!$G$22=$B$10,7,0)+IF('Standard Profiles'!$G$22=$B$17,14,0)+IF('Standard Profiles'!$G$22=$B$24,21,0),0)),0)</f>
        <v>0</v>
      </c>
      <c r="I3445">
        <f t="shared" si="391"/>
        <v>0.21743297418161359</v>
      </c>
      <c r="J3445">
        <f t="shared" si="392"/>
        <v>0.72477658060537875</v>
      </c>
      <c r="K3445">
        <f t="shared" si="393"/>
        <v>1.0871648709080679</v>
      </c>
      <c r="L3445">
        <f t="shared" si="394"/>
        <v>5.2183913803587263</v>
      </c>
      <c r="M3445">
        <f t="shared" si="395"/>
        <v>0</v>
      </c>
      <c r="N3445" s="46">
        <f t="shared" si="396"/>
        <v>45434.124999991727</v>
      </c>
    </row>
    <row r="3446" spans="2:14" x14ac:dyDescent="0.3">
      <c r="B3446">
        <f t="shared" si="390"/>
        <v>3</v>
      </c>
      <c r="C3446" s="16">
        <v>3412</v>
      </c>
      <c r="D3446" cm="1">
        <f t="array" ref="D3446">IFERROR(INDEX(Jesper!AH$2:AH$366,ROUNDDOWN($C3446/24,0)+1,1)*INDEX($D$3:$AA$30,INDEX(Jesper!$R$2:$R$366,ROW(INDEX(Jesper!AH$2:AH$366,ROUNDDOWN($C3446/24,0)+1,1))-1)+IF('Standard Profiles'!$G$18=$B$10,7,0)+IF('Standard Profiles'!$G$18=$B$17,14,0)+IF('Standard Profiles'!$G$18=$B$24,21,0),MOD($C3446,24)+1)/SUM(INDEX($D$3:$AA$30,INDEX(Jesper!$R$2:$R$366,ROW(INDEX(Jesper!AH$2:AH$366,ROUNDDOWN($C3446/24,0)+1,1))-1)+IF('Standard Profiles'!$G$18=$B$10,7,0)+IF('Standard Profiles'!$G$18=$B$17,14,0)+IF('Standard Profiles'!$G$18=$B$24,21,0),0)),0)</f>
        <v>7.2477658060537866</v>
      </c>
      <c r="E3446" cm="1">
        <f t="array" ref="E3446">IFERROR(INDEX(Jesper!AI$2:AI$366,ROUNDDOWN($C3446/24,0)+1,1)*INDEX($D$3:$AA$30,INDEX(Jesper!$R$2:$R$366,ROW(INDEX(Jesper!AI$2:AI$366,ROUNDDOWN($C3446/24,0)+1,1))-1)+IF('Standard Profiles'!$G$19=$B$10,7,0)+IF('Standard Profiles'!$G$19=$B$17,14,0)+IF('Standard Profiles'!$G$19=$B$24,21,0),MOD($C3446,24)+1)/SUM(INDEX($D$3:$AA$30,INDEX(Jesper!$R$2:$R$366,ROW(INDEX(Jesper!AI$2:AI$366,ROUNDDOWN($C3446/24,0)+1,1))-1)+IF('Standard Profiles'!$G$19=$B$10,7,0)+IF('Standard Profiles'!$G$19=$B$17,14,0)+IF('Standard Profiles'!$G$19=$B$24,21,0),0)),0)</f>
        <v>0</v>
      </c>
      <c r="F3446" cm="1">
        <f t="array" ref="F3446">IFERROR(INDEX(Jesper!AJ$2:AJ$366,ROUNDDOWN($C3446/24,0)+1,1)*INDEX($D$3:$AA$30,INDEX(Jesper!$R$2:$R$366,ROW(INDEX(Jesper!AJ$2:AJ$366,ROUNDDOWN($C3446/24,0)+1,1))-1)+IF('Standard Profiles'!$G$20=$B$10,7,0)+IF('Standard Profiles'!$G$20=$B$17,14,0)+IF('Standard Profiles'!$G$20=$B$24,21,0),MOD($C3446,24)+1)/SUM(INDEX($D$3:$AA$30,INDEX(Jesper!$R$2:$R$366,ROW(INDEX(Jesper!AJ$2:AJ$366,ROUNDDOWN($C3446/24,0)+1,1))-1)+IF('Standard Profiles'!$G$20=$B$10,7,0)+IF('Standard Profiles'!$G$20=$B$17,14,0)+IF('Standard Profiles'!$G$20=$B$24,21,0),0)),0)</f>
        <v>0</v>
      </c>
      <c r="G3446" cm="1">
        <f t="array" ref="G3446">IFERROR(INDEX(Jesper!AK$2:AK$366,ROUNDDOWN($C3446/24,0)+1,1)*INDEX($D$3:$AA$30,INDEX(Jesper!$R$2:$R$366,ROW(INDEX(Jesper!AK$2:AK$366,ROUNDDOWN($C3446/24,0)+1,1))-1)+IF('Standard Profiles'!$G$21=$B$10,7,0)+IF('Standard Profiles'!$G$21=$B$17,14,0)+IF('Standard Profiles'!$G$21=$B$24,21,0),MOD($C3446,24)+1)/SUM(INDEX($D$3:$AA$30,INDEX(Jesper!$R$2:$R$366,ROW(INDEX(Jesper!AK$2:AK$366,ROUNDDOWN($C3446/24,0)+1,1))-1)+IF('Standard Profiles'!$G$21=$B$10,7,0)+IF('Standard Profiles'!$G$21=$B$17,14,0)+IF('Standard Profiles'!$G$21=$B$24,21,0),0)),0)</f>
        <v>0</v>
      </c>
      <c r="H3446" cm="1">
        <f t="array" ref="H3446">IFERROR(INDEX(Jesper!AL$2:AL$366,ROUNDDOWN($C3446/24,0)+1,1)*INDEX($D$3:$AA$30,INDEX(Jesper!$R$2:$R$366,ROW(INDEX(Jesper!AL$2:AL$366,ROUNDDOWN($C3446/24,0)+1,1))-1)+IF('Standard Profiles'!$G$22=$B$10,7,0)+IF('Standard Profiles'!$G$22=$B$17,14,0)+IF('Standard Profiles'!$G$22=$B$24,21,0),MOD($C3446,24)+1)/SUM(INDEX($D$3:$AA$30,INDEX(Jesper!$R$2:$R$366,ROW(INDEX(Jesper!AL$2:AL$366,ROUNDDOWN($C3446/24,0)+1,1))-1)+IF('Standard Profiles'!$G$22=$B$10,7,0)+IF('Standard Profiles'!$G$22=$B$17,14,0)+IF('Standard Profiles'!$G$22=$B$24,21,0),0)),0)</f>
        <v>0</v>
      </c>
      <c r="I3446">
        <f t="shared" si="391"/>
        <v>0.21743297418161359</v>
      </c>
      <c r="J3446">
        <f t="shared" si="392"/>
        <v>0.72477658060537875</v>
      </c>
      <c r="K3446">
        <f t="shared" si="393"/>
        <v>1.0871648709080679</v>
      </c>
      <c r="L3446">
        <f t="shared" si="394"/>
        <v>5.2183913803587263</v>
      </c>
      <c r="M3446">
        <f t="shared" si="395"/>
        <v>0</v>
      </c>
      <c r="N3446" s="46">
        <f t="shared" si="396"/>
        <v>45434.166666658391</v>
      </c>
    </row>
    <row r="3447" spans="2:14" x14ac:dyDescent="0.3">
      <c r="B3447">
        <f t="shared" si="390"/>
        <v>3</v>
      </c>
      <c r="C3447" s="16">
        <v>3413</v>
      </c>
      <c r="D3447" cm="1">
        <f t="array" ref="D3447">IFERROR(INDEX(Jesper!AH$2:AH$366,ROUNDDOWN($C3447/24,0)+1,1)*INDEX($D$3:$AA$30,INDEX(Jesper!$R$2:$R$366,ROW(INDEX(Jesper!AH$2:AH$366,ROUNDDOWN($C3447/24,0)+1,1))-1)+IF('Standard Profiles'!$G$18=$B$10,7,0)+IF('Standard Profiles'!$G$18=$B$17,14,0)+IF('Standard Profiles'!$G$18=$B$24,21,0),MOD($C3447,24)+1)/SUM(INDEX($D$3:$AA$30,INDEX(Jesper!$R$2:$R$366,ROW(INDEX(Jesper!AH$2:AH$366,ROUNDDOWN($C3447/24,0)+1,1))-1)+IF('Standard Profiles'!$G$18=$B$10,7,0)+IF('Standard Profiles'!$G$18=$B$17,14,0)+IF('Standard Profiles'!$G$18=$B$24,21,0),0)),0)</f>
        <v>9.3415648166915464</v>
      </c>
      <c r="E3447" cm="1">
        <f t="array" ref="E3447">IFERROR(INDEX(Jesper!AI$2:AI$366,ROUNDDOWN($C3447/24,0)+1,1)*INDEX($D$3:$AA$30,INDEX(Jesper!$R$2:$R$366,ROW(INDEX(Jesper!AI$2:AI$366,ROUNDDOWN($C3447/24,0)+1,1))-1)+IF('Standard Profiles'!$G$19=$B$10,7,0)+IF('Standard Profiles'!$G$19=$B$17,14,0)+IF('Standard Profiles'!$G$19=$B$24,21,0),MOD($C3447,24)+1)/SUM(INDEX($D$3:$AA$30,INDEX(Jesper!$R$2:$R$366,ROW(INDEX(Jesper!AI$2:AI$366,ROUNDDOWN($C3447/24,0)+1,1))-1)+IF('Standard Profiles'!$G$19=$B$10,7,0)+IF('Standard Profiles'!$G$19=$B$17,14,0)+IF('Standard Profiles'!$G$19=$B$24,21,0),0)),0)</f>
        <v>0</v>
      </c>
      <c r="F3447" cm="1">
        <f t="array" ref="F3447">IFERROR(INDEX(Jesper!AJ$2:AJ$366,ROUNDDOWN($C3447/24,0)+1,1)*INDEX($D$3:$AA$30,INDEX(Jesper!$R$2:$R$366,ROW(INDEX(Jesper!AJ$2:AJ$366,ROUNDDOWN($C3447/24,0)+1,1))-1)+IF('Standard Profiles'!$G$20=$B$10,7,0)+IF('Standard Profiles'!$G$20=$B$17,14,0)+IF('Standard Profiles'!$G$20=$B$24,21,0),MOD($C3447,24)+1)/SUM(INDEX($D$3:$AA$30,INDEX(Jesper!$R$2:$R$366,ROW(INDEX(Jesper!AJ$2:AJ$366,ROUNDDOWN($C3447/24,0)+1,1))-1)+IF('Standard Profiles'!$G$20=$B$10,7,0)+IF('Standard Profiles'!$G$20=$B$17,14,0)+IF('Standard Profiles'!$G$20=$B$24,21,0),0)),0)</f>
        <v>0</v>
      </c>
      <c r="G3447" cm="1">
        <f t="array" ref="G3447">IFERROR(INDEX(Jesper!AK$2:AK$366,ROUNDDOWN($C3447/24,0)+1,1)*INDEX($D$3:$AA$30,INDEX(Jesper!$R$2:$R$366,ROW(INDEX(Jesper!AK$2:AK$366,ROUNDDOWN($C3447/24,0)+1,1))-1)+IF('Standard Profiles'!$G$21=$B$10,7,0)+IF('Standard Profiles'!$G$21=$B$17,14,0)+IF('Standard Profiles'!$G$21=$B$24,21,0),MOD($C3447,24)+1)/SUM(INDEX($D$3:$AA$30,INDEX(Jesper!$R$2:$R$366,ROW(INDEX(Jesper!AK$2:AK$366,ROUNDDOWN($C3447/24,0)+1,1))-1)+IF('Standard Profiles'!$G$21=$B$10,7,0)+IF('Standard Profiles'!$G$21=$B$17,14,0)+IF('Standard Profiles'!$G$21=$B$24,21,0),0)),0)</f>
        <v>0</v>
      </c>
      <c r="H3447" cm="1">
        <f t="array" ref="H3447">IFERROR(INDEX(Jesper!AL$2:AL$366,ROUNDDOWN($C3447/24,0)+1,1)*INDEX($D$3:$AA$30,INDEX(Jesper!$R$2:$R$366,ROW(INDEX(Jesper!AL$2:AL$366,ROUNDDOWN($C3447/24,0)+1,1))-1)+IF('Standard Profiles'!$G$22=$B$10,7,0)+IF('Standard Profiles'!$G$22=$B$17,14,0)+IF('Standard Profiles'!$G$22=$B$24,21,0),MOD($C3447,24)+1)/SUM(INDEX($D$3:$AA$30,INDEX(Jesper!$R$2:$R$366,ROW(INDEX(Jesper!AL$2:AL$366,ROUNDDOWN($C3447/24,0)+1,1))-1)+IF('Standard Profiles'!$G$22=$B$10,7,0)+IF('Standard Profiles'!$G$22=$B$17,14,0)+IF('Standard Profiles'!$G$22=$B$24,21,0),0)),0)</f>
        <v>0</v>
      </c>
      <c r="I3447">
        <f t="shared" si="391"/>
        <v>0.28024694450074639</v>
      </c>
      <c r="J3447">
        <f t="shared" si="392"/>
        <v>0.93415648166915466</v>
      </c>
      <c r="K3447">
        <f t="shared" si="393"/>
        <v>1.4012347225037318</v>
      </c>
      <c r="L3447">
        <f t="shared" si="394"/>
        <v>6.7259266680179133</v>
      </c>
      <c r="M3447">
        <f t="shared" si="395"/>
        <v>0</v>
      </c>
      <c r="N3447" s="46">
        <f t="shared" si="396"/>
        <v>45434.208333325056</v>
      </c>
    </row>
    <row r="3448" spans="2:14" x14ac:dyDescent="0.3">
      <c r="B3448">
        <f t="shared" si="390"/>
        <v>3</v>
      </c>
      <c r="C3448" s="16">
        <v>3414</v>
      </c>
      <c r="D3448" cm="1">
        <f t="array" ref="D3448">IFERROR(INDEX(Jesper!AH$2:AH$366,ROUNDDOWN($C3448/24,0)+1,1)*INDEX($D$3:$AA$30,INDEX(Jesper!$R$2:$R$366,ROW(INDEX(Jesper!AH$2:AH$366,ROUNDDOWN($C3448/24,0)+1,1))-1)+IF('Standard Profiles'!$G$18=$B$10,7,0)+IF('Standard Profiles'!$G$18=$B$17,14,0)+IF('Standard Profiles'!$G$18=$B$24,21,0),MOD($C3448,24)+1)/SUM(INDEX($D$3:$AA$30,INDEX(Jesper!$R$2:$R$366,ROW(INDEX(Jesper!AH$2:AH$366,ROUNDDOWN($C3448/24,0)+1,1))-1)+IF('Standard Profiles'!$G$18=$B$10,7,0)+IF('Standard Profiles'!$G$18=$B$17,14,0)+IF('Standard Profiles'!$G$18=$B$24,21,0),0)),0)</f>
        <v>10.791117977902307</v>
      </c>
      <c r="E3448" cm="1">
        <f t="array" ref="E3448">IFERROR(INDEX(Jesper!AI$2:AI$366,ROUNDDOWN($C3448/24,0)+1,1)*INDEX($D$3:$AA$30,INDEX(Jesper!$R$2:$R$366,ROW(INDEX(Jesper!AI$2:AI$366,ROUNDDOWN($C3448/24,0)+1,1))-1)+IF('Standard Profiles'!$G$19=$B$10,7,0)+IF('Standard Profiles'!$G$19=$B$17,14,0)+IF('Standard Profiles'!$G$19=$B$24,21,0),MOD($C3448,24)+1)/SUM(INDEX($D$3:$AA$30,INDEX(Jesper!$R$2:$R$366,ROW(INDEX(Jesper!AI$2:AI$366,ROUNDDOWN($C3448/24,0)+1,1))-1)+IF('Standard Profiles'!$G$19=$B$10,7,0)+IF('Standard Profiles'!$G$19=$B$17,14,0)+IF('Standard Profiles'!$G$19=$B$24,21,0),0)),0)</f>
        <v>0</v>
      </c>
      <c r="F3448" cm="1">
        <f t="array" ref="F3448">IFERROR(INDEX(Jesper!AJ$2:AJ$366,ROUNDDOWN($C3448/24,0)+1,1)*INDEX($D$3:$AA$30,INDEX(Jesper!$R$2:$R$366,ROW(INDEX(Jesper!AJ$2:AJ$366,ROUNDDOWN($C3448/24,0)+1,1))-1)+IF('Standard Profiles'!$G$20=$B$10,7,0)+IF('Standard Profiles'!$G$20=$B$17,14,0)+IF('Standard Profiles'!$G$20=$B$24,21,0),MOD($C3448,24)+1)/SUM(INDEX($D$3:$AA$30,INDEX(Jesper!$R$2:$R$366,ROW(INDEX(Jesper!AJ$2:AJ$366,ROUNDDOWN($C3448/24,0)+1,1))-1)+IF('Standard Profiles'!$G$20=$B$10,7,0)+IF('Standard Profiles'!$G$20=$B$17,14,0)+IF('Standard Profiles'!$G$20=$B$24,21,0),0)),0)</f>
        <v>0</v>
      </c>
      <c r="G3448" cm="1">
        <f t="array" ref="G3448">IFERROR(INDEX(Jesper!AK$2:AK$366,ROUNDDOWN($C3448/24,0)+1,1)*INDEX($D$3:$AA$30,INDEX(Jesper!$R$2:$R$366,ROW(INDEX(Jesper!AK$2:AK$366,ROUNDDOWN($C3448/24,0)+1,1))-1)+IF('Standard Profiles'!$G$21=$B$10,7,0)+IF('Standard Profiles'!$G$21=$B$17,14,0)+IF('Standard Profiles'!$G$21=$B$24,21,0),MOD($C3448,24)+1)/SUM(INDEX($D$3:$AA$30,INDEX(Jesper!$R$2:$R$366,ROW(INDEX(Jesper!AK$2:AK$366,ROUNDDOWN($C3448/24,0)+1,1))-1)+IF('Standard Profiles'!$G$21=$B$10,7,0)+IF('Standard Profiles'!$G$21=$B$17,14,0)+IF('Standard Profiles'!$G$21=$B$24,21,0),0)),0)</f>
        <v>0</v>
      </c>
      <c r="H3448" cm="1">
        <f t="array" ref="H3448">IFERROR(INDEX(Jesper!AL$2:AL$366,ROUNDDOWN($C3448/24,0)+1,1)*INDEX($D$3:$AA$30,INDEX(Jesper!$R$2:$R$366,ROW(INDEX(Jesper!AL$2:AL$366,ROUNDDOWN($C3448/24,0)+1,1))-1)+IF('Standard Profiles'!$G$22=$B$10,7,0)+IF('Standard Profiles'!$G$22=$B$17,14,0)+IF('Standard Profiles'!$G$22=$B$24,21,0),MOD($C3448,24)+1)/SUM(INDEX($D$3:$AA$30,INDEX(Jesper!$R$2:$R$366,ROW(INDEX(Jesper!AL$2:AL$366,ROUNDDOWN($C3448/24,0)+1,1))-1)+IF('Standard Profiles'!$G$22=$B$10,7,0)+IF('Standard Profiles'!$G$22=$B$17,14,0)+IF('Standard Profiles'!$G$22=$B$24,21,0),0)),0)</f>
        <v>0</v>
      </c>
      <c r="I3448">
        <f t="shared" si="391"/>
        <v>0.32373353933706916</v>
      </c>
      <c r="J3448">
        <f t="shared" si="392"/>
        <v>1.0791117977902307</v>
      </c>
      <c r="K3448">
        <f t="shared" si="393"/>
        <v>1.6186676966853459</v>
      </c>
      <c r="L3448">
        <f t="shared" si="394"/>
        <v>7.7696049440896608</v>
      </c>
      <c r="M3448">
        <f t="shared" si="395"/>
        <v>0</v>
      </c>
      <c r="N3448" s="46">
        <f t="shared" si="396"/>
        <v>45434.24999999172</v>
      </c>
    </row>
    <row r="3449" spans="2:14" x14ac:dyDescent="0.3">
      <c r="B3449">
        <f t="shared" si="390"/>
        <v>3</v>
      </c>
      <c r="C3449" s="16">
        <v>3415</v>
      </c>
      <c r="D3449" cm="1">
        <f t="array" ref="D3449">IFERROR(INDEX(Jesper!AH$2:AH$366,ROUNDDOWN($C3449/24,0)+1,1)*INDEX($D$3:$AA$30,INDEX(Jesper!$R$2:$R$366,ROW(INDEX(Jesper!AH$2:AH$366,ROUNDDOWN($C3449/24,0)+1,1))-1)+IF('Standard Profiles'!$G$18=$B$10,7,0)+IF('Standard Profiles'!$G$18=$B$17,14,0)+IF('Standard Profiles'!$G$18=$B$24,21,0),MOD($C3449,24)+1)/SUM(INDEX($D$3:$AA$30,INDEX(Jesper!$R$2:$R$366,ROW(INDEX(Jesper!AH$2:AH$366,ROUNDDOWN($C3449/24,0)+1,1))-1)+IF('Standard Profiles'!$G$18=$B$10,7,0)+IF('Standard Profiles'!$G$18=$B$17,14,0)+IF('Standard Profiles'!$G$18=$B$24,21,0),0)),0)</f>
        <v>10.791117977902307</v>
      </c>
      <c r="E3449" cm="1">
        <f t="array" ref="E3449">IFERROR(INDEX(Jesper!AI$2:AI$366,ROUNDDOWN($C3449/24,0)+1,1)*INDEX($D$3:$AA$30,INDEX(Jesper!$R$2:$R$366,ROW(INDEX(Jesper!AI$2:AI$366,ROUNDDOWN($C3449/24,0)+1,1))-1)+IF('Standard Profiles'!$G$19=$B$10,7,0)+IF('Standard Profiles'!$G$19=$B$17,14,0)+IF('Standard Profiles'!$G$19=$B$24,21,0),MOD($C3449,24)+1)/SUM(INDEX($D$3:$AA$30,INDEX(Jesper!$R$2:$R$366,ROW(INDEX(Jesper!AI$2:AI$366,ROUNDDOWN($C3449/24,0)+1,1))-1)+IF('Standard Profiles'!$G$19=$B$10,7,0)+IF('Standard Profiles'!$G$19=$B$17,14,0)+IF('Standard Profiles'!$G$19=$B$24,21,0),0)),0)</f>
        <v>0</v>
      </c>
      <c r="F3449" cm="1">
        <f t="array" ref="F3449">IFERROR(INDEX(Jesper!AJ$2:AJ$366,ROUNDDOWN($C3449/24,0)+1,1)*INDEX($D$3:$AA$30,INDEX(Jesper!$R$2:$R$366,ROW(INDEX(Jesper!AJ$2:AJ$366,ROUNDDOWN($C3449/24,0)+1,1))-1)+IF('Standard Profiles'!$G$20=$B$10,7,0)+IF('Standard Profiles'!$G$20=$B$17,14,0)+IF('Standard Profiles'!$G$20=$B$24,21,0),MOD($C3449,24)+1)/SUM(INDEX($D$3:$AA$30,INDEX(Jesper!$R$2:$R$366,ROW(INDEX(Jesper!AJ$2:AJ$366,ROUNDDOWN($C3449/24,0)+1,1))-1)+IF('Standard Profiles'!$G$20=$B$10,7,0)+IF('Standard Profiles'!$G$20=$B$17,14,0)+IF('Standard Profiles'!$G$20=$B$24,21,0),0)),0)</f>
        <v>0</v>
      </c>
      <c r="G3449" cm="1">
        <f t="array" ref="G3449">IFERROR(INDEX(Jesper!AK$2:AK$366,ROUNDDOWN($C3449/24,0)+1,1)*INDEX($D$3:$AA$30,INDEX(Jesper!$R$2:$R$366,ROW(INDEX(Jesper!AK$2:AK$366,ROUNDDOWN($C3449/24,0)+1,1))-1)+IF('Standard Profiles'!$G$21=$B$10,7,0)+IF('Standard Profiles'!$G$21=$B$17,14,0)+IF('Standard Profiles'!$G$21=$B$24,21,0),MOD($C3449,24)+1)/SUM(INDEX($D$3:$AA$30,INDEX(Jesper!$R$2:$R$366,ROW(INDEX(Jesper!AK$2:AK$366,ROUNDDOWN($C3449/24,0)+1,1))-1)+IF('Standard Profiles'!$G$21=$B$10,7,0)+IF('Standard Profiles'!$G$21=$B$17,14,0)+IF('Standard Profiles'!$G$21=$B$24,21,0),0)),0)</f>
        <v>0</v>
      </c>
      <c r="H3449" cm="1">
        <f t="array" ref="H3449">IFERROR(INDEX(Jesper!AL$2:AL$366,ROUNDDOWN($C3449/24,0)+1,1)*INDEX($D$3:$AA$30,INDEX(Jesper!$R$2:$R$366,ROW(INDEX(Jesper!AL$2:AL$366,ROUNDDOWN($C3449/24,0)+1,1))-1)+IF('Standard Profiles'!$G$22=$B$10,7,0)+IF('Standard Profiles'!$G$22=$B$17,14,0)+IF('Standard Profiles'!$G$22=$B$24,21,0),MOD($C3449,24)+1)/SUM(INDEX($D$3:$AA$30,INDEX(Jesper!$R$2:$R$366,ROW(INDEX(Jesper!AL$2:AL$366,ROUNDDOWN($C3449/24,0)+1,1))-1)+IF('Standard Profiles'!$G$22=$B$10,7,0)+IF('Standard Profiles'!$G$22=$B$17,14,0)+IF('Standard Profiles'!$G$22=$B$24,21,0),0)),0)</f>
        <v>0</v>
      </c>
      <c r="I3449">
        <f t="shared" si="391"/>
        <v>0.32373353933706916</v>
      </c>
      <c r="J3449">
        <f t="shared" si="392"/>
        <v>1.0791117977902307</v>
      </c>
      <c r="K3449">
        <f t="shared" si="393"/>
        <v>1.6186676966853459</v>
      </c>
      <c r="L3449">
        <f t="shared" si="394"/>
        <v>7.7696049440896608</v>
      </c>
      <c r="M3449">
        <f t="shared" si="395"/>
        <v>0</v>
      </c>
      <c r="N3449" s="46">
        <f t="shared" si="396"/>
        <v>45434.291666658384</v>
      </c>
    </row>
    <row r="3450" spans="2:14" x14ac:dyDescent="0.3">
      <c r="B3450">
        <f t="shared" si="390"/>
        <v>3</v>
      </c>
      <c r="C3450" s="16">
        <v>3416</v>
      </c>
      <c r="D3450" cm="1">
        <f t="array" ref="D3450">IFERROR(INDEX(Jesper!AH$2:AH$366,ROUNDDOWN($C3450/24,0)+1,1)*INDEX($D$3:$AA$30,INDEX(Jesper!$R$2:$R$366,ROW(INDEX(Jesper!AH$2:AH$366,ROUNDDOWN($C3450/24,0)+1,1))-1)+IF('Standard Profiles'!$G$18=$B$10,7,0)+IF('Standard Profiles'!$G$18=$B$17,14,0)+IF('Standard Profiles'!$G$18=$B$24,21,0),MOD($C3450,24)+1)/SUM(INDEX($D$3:$AA$30,INDEX(Jesper!$R$2:$R$366,ROW(INDEX(Jesper!AH$2:AH$366,ROUNDDOWN($C3450/24,0)+1,1))-1)+IF('Standard Profiles'!$G$18=$B$10,7,0)+IF('Standard Profiles'!$G$18=$B$17,14,0)+IF('Standard Profiles'!$G$18=$B$24,21,0),0)),0)</f>
        <v>10.791117977902307</v>
      </c>
      <c r="E3450" cm="1">
        <f t="array" ref="E3450">IFERROR(INDEX(Jesper!AI$2:AI$366,ROUNDDOWN($C3450/24,0)+1,1)*INDEX($D$3:$AA$30,INDEX(Jesper!$R$2:$R$366,ROW(INDEX(Jesper!AI$2:AI$366,ROUNDDOWN($C3450/24,0)+1,1))-1)+IF('Standard Profiles'!$G$19=$B$10,7,0)+IF('Standard Profiles'!$G$19=$B$17,14,0)+IF('Standard Profiles'!$G$19=$B$24,21,0),MOD($C3450,24)+1)/SUM(INDEX($D$3:$AA$30,INDEX(Jesper!$R$2:$R$366,ROW(INDEX(Jesper!AI$2:AI$366,ROUNDDOWN($C3450/24,0)+1,1))-1)+IF('Standard Profiles'!$G$19=$B$10,7,0)+IF('Standard Profiles'!$G$19=$B$17,14,0)+IF('Standard Profiles'!$G$19=$B$24,21,0),0)),0)</f>
        <v>0</v>
      </c>
      <c r="F3450" cm="1">
        <f t="array" ref="F3450">IFERROR(INDEX(Jesper!AJ$2:AJ$366,ROUNDDOWN($C3450/24,0)+1,1)*INDEX($D$3:$AA$30,INDEX(Jesper!$R$2:$R$366,ROW(INDEX(Jesper!AJ$2:AJ$366,ROUNDDOWN($C3450/24,0)+1,1))-1)+IF('Standard Profiles'!$G$20=$B$10,7,0)+IF('Standard Profiles'!$G$20=$B$17,14,0)+IF('Standard Profiles'!$G$20=$B$24,21,0),MOD($C3450,24)+1)/SUM(INDEX($D$3:$AA$30,INDEX(Jesper!$R$2:$R$366,ROW(INDEX(Jesper!AJ$2:AJ$366,ROUNDDOWN($C3450/24,0)+1,1))-1)+IF('Standard Profiles'!$G$20=$B$10,7,0)+IF('Standard Profiles'!$G$20=$B$17,14,0)+IF('Standard Profiles'!$G$20=$B$24,21,0),0)),0)</f>
        <v>0</v>
      </c>
      <c r="G3450" cm="1">
        <f t="array" ref="G3450">IFERROR(INDEX(Jesper!AK$2:AK$366,ROUNDDOWN($C3450/24,0)+1,1)*INDEX($D$3:$AA$30,INDEX(Jesper!$R$2:$R$366,ROW(INDEX(Jesper!AK$2:AK$366,ROUNDDOWN($C3450/24,0)+1,1))-1)+IF('Standard Profiles'!$G$21=$B$10,7,0)+IF('Standard Profiles'!$G$21=$B$17,14,0)+IF('Standard Profiles'!$G$21=$B$24,21,0),MOD($C3450,24)+1)/SUM(INDEX($D$3:$AA$30,INDEX(Jesper!$R$2:$R$366,ROW(INDEX(Jesper!AK$2:AK$366,ROUNDDOWN($C3450/24,0)+1,1))-1)+IF('Standard Profiles'!$G$21=$B$10,7,0)+IF('Standard Profiles'!$G$21=$B$17,14,0)+IF('Standard Profiles'!$G$21=$B$24,21,0),0)),0)</f>
        <v>0</v>
      </c>
      <c r="H3450" cm="1">
        <f t="array" ref="H3450">IFERROR(INDEX(Jesper!AL$2:AL$366,ROUNDDOWN($C3450/24,0)+1,1)*INDEX($D$3:$AA$30,INDEX(Jesper!$R$2:$R$366,ROW(INDEX(Jesper!AL$2:AL$366,ROUNDDOWN($C3450/24,0)+1,1))-1)+IF('Standard Profiles'!$G$22=$B$10,7,0)+IF('Standard Profiles'!$G$22=$B$17,14,0)+IF('Standard Profiles'!$G$22=$B$24,21,0),MOD($C3450,24)+1)/SUM(INDEX($D$3:$AA$30,INDEX(Jesper!$R$2:$R$366,ROW(INDEX(Jesper!AL$2:AL$366,ROUNDDOWN($C3450/24,0)+1,1))-1)+IF('Standard Profiles'!$G$22=$B$10,7,0)+IF('Standard Profiles'!$G$22=$B$17,14,0)+IF('Standard Profiles'!$G$22=$B$24,21,0),0)),0)</f>
        <v>0</v>
      </c>
      <c r="I3450">
        <f t="shared" si="391"/>
        <v>0.32373353933706916</v>
      </c>
      <c r="J3450">
        <f t="shared" si="392"/>
        <v>1.0791117977902307</v>
      </c>
      <c r="K3450">
        <f t="shared" si="393"/>
        <v>1.6186676966853459</v>
      </c>
      <c r="L3450">
        <f t="shared" si="394"/>
        <v>7.7696049440896608</v>
      </c>
      <c r="M3450">
        <f t="shared" si="395"/>
        <v>0</v>
      </c>
      <c r="N3450" s="46">
        <f t="shared" si="396"/>
        <v>45434.333333325048</v>
      </c>
    </row>
    <row r="3451" spans="2:14" x14ac:dyDescent="0.3">
      <c r="B3451">
        <f t="shared" si="390"/>
        <v>3</v>
      </c>
      <c r="C3451" s="16">
        <v>3417</v>
      </c>
      <c r="D3451" cm="1">
        <f t="array" ref="D3451">IFERROR(INDEX(Jesper!AH$2:AH$366,ROUNDDOWN($C3451/24,0)+1,1)*INDEX($D$3:$AA$30,INDEX(Jesper!$R$2:$R$366,ROW(INDEX(Jesper!AH$2:AH$366,ROUNDDOWN($C3451/24,0)+1,1))-1)+IF('Standard Profiles'!$G$18=$B$10,7,0)+IF('Standard Profiles'!$G$18=$B$17,14,0)+IF('Standard Profiles'!$G$18=$B$24,21,0),MOD($C3451,24)+1)/SUM(INDEX($D$3:$AA$30,INDEX(Jesper!$R$2:$R$366,ROW(INDEX(Jesper!AH$2:AH$366,ROUNDDOWN($C3451/24,0)+1,1))-1)+IF('Standard Profiles'!$G$18=$B$10,7,0)+IF('Standard Profiles'!$G$18=$B$17,14,0)+IF('Standard Profiles'!$G$18=$B$24,21,0),0)),0)</f>
        <v>11.596425289686058</v>
      </c>
      <c r="E3451" cm="1">
        <f t="array" ref="E3451">IFERROR(INDEX(Jesper!AI$2:AI$366,ROUNDDOWN($C3451/24,0)+1,1)*INDEX($D$3:$AA$30,INDEX(Jesper!$R$2:$R$366,ROW(INDEX(Jesper!AI$2:AI$366,ROUNDDOWN($C3451/24,0)+1,1))-1)+IF('Standard Profiles'!$G$19=$B$10,7,0)+IF('Standard Profiles'!$G$19=$B$17,14,0)+IF('Standard Profiles'!$G$19=$B$24,21,0),MOD($C3451,24)+1)/SUM(INDEX($D$3:$AA$30,INDEX(Jesper!$R$2:$R$366,ROW(INDEX(Jesper!AI$2:AI$366,ROUNDDOWN($C3451/24,0)+1,1))-1)+IF('Standard Profiles'!$G$19=$B$10,7,0)+IF('Standard Profiles'!$G$19=$B$17,14,0)+IF('Standard Profiles'!$G$19=$B$24,21,0),0)),0)</f>
        <v>0</v>
      </c>
      <c r="F3451" cm="1">
        <f t="array" ref="F3451">IFERROR(INDEX(Jesper!AJ$2:AJ$366,ROUNDDOWN($C3451/24,0)+1,1)*INDEX($D$3:$AA$30,INDEX(Jesper!$R$2:$R$366,ROW(INDEX(Jesper!AJ$2:AJ$366,ROUNDDOWN($C3451/24,0)+1,1))-1)+IF('Standard Profiles'!$G$20=$B$10,7,0)+IF('Standard Profiles'!$G$20=$B$17,14,0)+IF('Standard Profiles'!$G$20=$B$24,21,0),MOD($C3451,24)+1)/SUM(INDEX($D$3:$AA$30,INDEX(Jesper!$R$2:$R$366,ROW(INDEX(Jesper!AJ$2:AJ$366,ROUNDDOWN($C3451/24,0)+1,1))-1)+IF('Standard Profiles'!$G$20=$B$10,7,0)+IF('Standard Profiles'!$G$20=$B$17,14,0)+IF('Standard Profiles'!$G$20=$B$24,21,0),0)),0)</f>
        <v>0</v>
      </c>
      <c r="G3451" cm="1">
        <f t="array" ref="G3451">IFERROR(INDEX(Jesper!AK$2:AK$366,ROUNDDOWN($C3451/24,0)+1,1)*INDEX($D$3:$AA$30,INDEX(Jesper!$R$2:$R$366,ROW(INDEX(Jesper!AK$2:AK$366,ROUNDDOWN($C3451/24,0)+1,1))-1)+IF('Standard Profiles'!$G$21=$B$10,7,0)+IF('Standard Profiles'!$G$21=$B$17,14,0)+IF('Standard Profiles'!$G$21=$B$24,21,0),MOD($C3451,24)+1)/SUM(INDEX($D$3:$AA$30,INDEX(Jesper!$R$2:$R$366,ROW(INDEX(Jesper!AK$2:AK$366,ROUNDDOWN($C3451/24,0)+1,1))-1)+IF('Standard Profiles'!$G$21=$B$10,7,0)+IF('Standard Profiles'!$G$21=$B$17,14,0)+IF('Standard Profiles'!$G$21=$B$24,21,0),0)),0)</f>
        <v>0</v>
      </c>
      <c r="H3451" cm="1">
        <f t="array" ref="H3451">IFERROR(INDEX(Jesper!AL$2:AL$366,ROUNDDOWN($C3451/24,0)+1,1)*INDEX($D$3:$AA$30,INDEX(Jesper!$R$2:$R$366,ROW(INDEX(Jesper!AL$2:AL$366,ROUNDDOWN($C3451/24,0)+1,1))-1)+IF('Standard Profiles'!$G$22=$B$10,7,0)+IF('Standard Profiles'!$G$22=$B$17,14,0)+IF('Standard Profiles'!$G$22=$B$24,21,0),MOD($C3451,24)+1)/SUM(INDEX($D$3:$AA$30,INDEX(Jesper!$R$2:$R$366,ROW(INDEX(Jesper!AL$2:AL$366,ROUNDDOWN($C3451/24,0)+1,1))-1)+IF('Standard Profiles'!$G$22=$B$10,7,0)+IF('Standard Profiles'!$G$22=$B$17,14,0)+IF('Standard Profiles'!$G$22=$B$24,21,0),0)),0)</f>
        <v>0</v>
      </c>
      <c r="I3451">
        <f t="shared" si="391"/>
        <v>0.34789275869058173</v>
      </c>
      <c r="J3451">
        <f t="shared" si="392"/>
        <v>1.1596425289686059</v>
      </c>
      <c r="K3451">
        <f t="shared" si="393"/>
        <v>1.7394637934529087</v>
      </c>
      <c r="L3451">
        <f t="shared" si="394"/>
        <v>8.349426208573961</v>
      </c>
      <c r="M3451">
        <f t="shared" si="395"/>
        <v>0</v>
      </c>
      <c r="N3451" s="46">
        <f t="shared" si="396"/>
        <v>45434.374999991713</v>
      </c>
    </row>
    <row r="3452" spans="2:14" x14ac:dyDescent="0.3">
      <c r="B3452">
        <f t="shared" si="390"/>
        <v>3</v>
      </c>
      <c r="C3452" s="16">
        <v>3418</v>
      </c>
      <c r="D3452" cm="1">
        <f t="array" ref="D3452">IFERROR(INDEX(Jesper!AH$2:AH$366,ROUNDDOWN($C3452/24,0)+1,1)*INDEX($D$3:$AA$30,INDEX(Jesper!$R$2:$R$366,ROW(INDEX(Jesper!AH$2:AH$366,ROUNDDOWN($C3452/24,0)+1,1))-1)+IF('Standard Profiles'!$G$18=$B$10,7,0)+IF('Standard Profiles'!$G$18=$B$17,14,0)+IF('Standard Profiles'!$G$18=$B$24,21,0),MOD($C3452,24)+1)/SUM(INDEX($D$3:$AA$30,INDEX(Jesper!$R$2:$R$366,ROW(INDEX(Jesper!AH$2:AH$366,ROUNDDOWN($C3452/24,0)+1,1))-1)+IF('Standard Profiles'!$G$18=$B$10,7,0)+IF('Standard Profiles'!$G$18=$B$17,14,0)+IF('Standard Profiles'!$G$18=$B$24,21,0),0)),0)</f>
        <v>12.562794063826566</v>
      </c>
      <c r="E3452" cm="1">
        <f t="array" ref="E3452">IFERROR(INDEX(Jesper!AI$2:AI$366,ROUNDDOWN($C3452/24,0)+1,1)*INDEX($D$3:$AA$30,INDEX(Jesper!$R$2:$R$366,ROW(INDEX(Jesper!AI$2:AI$366,ROUNDDOWN($C3452/24,0)+1,1))-1)+IF('Standard Profiles'!$G$19=$B$10,7,0)+IF('Standard Profiles'!$G$19=$B$17,14,0)+IF('Standard Profiles'!$G$19=$B$24,21,0),MOD($C3452,24)+1)/SUM(INDEX($D$3:$AA$30,INDEX(Jesper!$R$2:$R$366,ROW(INDEX(Jesper!AI$2:AI$366,ROUNDDOWN($C3452/24,0)+1,1))-1)+IF('Standard Profiles'!$G$19=$B$10,7,0)+IF('Standard Profiles'!$G$19=$B$17,14,0)+IF('Standard Profiles'!$G$19=$B$24,21,0),0)),0)</f>
        <v>0</v>
      </c>
      <c r="F3452" cm="1">
        <f t="array" ref="F3452">IFERROR(INDEX(Jesper!AJ$2:AJ$366,ROUNDDOWN($C3452/24,0)+1,1)*INDEX($D$3:$AA$30,INDEX(Jesper!$R$2:$R$366,ROW(INDEX(Jesper!AJ$2:AJ$366,ROUNDDOWN($C3452/24,0)+1,1))-1)+IF('Standard Profiles'!$G$20=$B$10,7,0)+IF('Standard Profiles'!$G$20=$B$17,14,0)+IF('Standard Profiles'!$G$20=$B$24,21,0),MOD($C3452,24)+1)/SUM(INDEX($D$3:$AA$30,INDEX(Jesper!$R$2:$R$366,ROW(INDEX(Jesper!AJ$2:AJ$366,ROUNDDOWN($C3452/24,0)+1,1))-1)+IF('Standard Profiles'!$G$20=$B$10,7,0)+IF('Standard Profiles'!$G$20=$B$17,14,0)+IF('Standard Profiles'!$G$20=$B$24,21,0),0)),0)</f>
        <v>0</v>
      </c>
      <c r="G3452" cm="1">
        <f t="array" ref="G3452">IFERROR(INDEX(Jesper!AK$2:AK$366,ROUNDDOWN($C3452/24,0)+1,1)*INDEX($D$3:$AA$30,INDEX(Jesper!$R$2:$R$366,ROW(INDEX(Jesper!AK$2:AK$366,ROUNDDOWN($C3452/24,0)+1,1))-1)+IF('Standard Profiles'!$G$21=$B$10,7,0)+IF('Standard Profiles'!$G$21=$B$17,14,0)+IF('Standard Profiles'!$G$21=$B$24,21,0),MOD($C3452,24)+1)/SUM(INDEX($D$3:$AA$30,INDEX(Jesper!$R$2:$R$366,ROW(INDEX(Jesper!AK$2:AK$366,ROUNDDOWN($C3452/24,0)+1,1))-1)+IF('Standard Profiles'!$G$21=$B$10,7,0)+IF('Standard Profiles'!$G$21=$B$17,14,0)+IF('Standard Profiles'!$G$21=$B$24,21,0),0)),0)</f>
        <v>0</v>
      </c>
      <c r="H3452" cm="1">
        <f t="array" ref="H3452">IFERROR(INDEX(Jesper!AL$2:AL$366,ROUNDDOWN($C3452/24,0)+1,1)*INDEX($D$3:$AA$30,INDEX(Jesper!$R$2:$R$366,ROW(INDEX(Jesper!AL$2:AL$366,ROUNDDOWN($C3452/24,0)+1,1))-1)+IF('Standard Profiles'!$G$22=$B$10,7,0)+IF('Standard Profiles'!$G$22=$B$17,14,0)+IF('Standard Profiles'!$G$22=$B$24,21,0),MOD($C3452,24)+1)/SUM(INDEX($D$3:$AA$30,INDEX(Jesper!$R$2:$R$366,ROW(INDEX(Jesper!AL$2:AL$366,ROUNDDOWN($C3452/24,0)+1,1))-1)+IF('Standard Profiles'!$G$22=$B$10,7,0)+IF('Standard Profiles'!$G$22=$B$17,14,0)+IF('Standard Profiles'!$G$22=$B$24,21,0),0)),0)</f>
        <v>0</v>
      </c>
      <c r="I3452">
        <f t="shared" si="391"/>
        <v>0.37688382191479697</v>
      </c>
      <c r="J3452">
        <f t="shared" si="392"/>
        <v>1.2562794063826566</v>
      </c>
      <c r="K3452">
        <f t="shared" si="393"/>
        <v>1.8844191095739848</v>
      </c>
      <c r="L3452">
        <f t="shared" si="394"/>
        <v>9.0452117259551272</v>
      </c>
      <c r="M3452">
        <f t="shared" si="395"/>
        <v>0</v>
      </c>
      <c r="N3452" s="46">
        <f t="shared" si="396"/>
        <v>45434.416666658377</v>
      </c>
    </row>
    <row r="3453" spans="2:14" x14ac:dyDescent="0.3">
      <c r="B3453">
        <f t="shared" si="390"/>
        <v>3</v>
      </c>
      <c r="C3453" s="16">
        <v>3419</v>
      </c>
      <c r="D3453" cm="1">
        <f t="array" ref="D3453">IFERROR(INDEX(Jesper!AH$2:AH$366,ROUNDDOWN($C3453/24,0)+1,1)*INDEX($D$3:$AA$30,INDEX(Jesper!$R$2:$R$366,ROW(INDEX(Jesper!AH$2:AH$366,ROUNDDOWN($C3453/24,0)+1,1))-1)+IF('Standard Profiles'!$G$18=$B$10,7,0)+IF('Standard Profiles'!$G$18=$B$17,14,0)+IF('Standard Profiles'!$G$18=$B$24,21,0),MOD($C3453,24)+1)/SUM(INDEX($D$3:$AA$30,INDEX(Jesper!$R$2:$R$366,ROW(INDEX(Jesper!AH$2:AH$366,ROUNDDOWN($C3453/24,0)+1,1))-1)+IF('Standard Profiles'!$G$18=$B$10,7,0)+IF('Standard Profiles'!$G$18=$B$17,14,0)+IF('Standard Profiles'!$G$18=$B$24,21,0),0)),0)</f>
        <v>14.495531612107573</v>
      </c>
      <c r="E3453" cm="1">
        <f t="array" ref="E3453">IFERROR(INDEX(Jesper!AI$2:AI$366,ROUNDDOWN($C3453/24,0)+1,1)*INDEX($D$3:$AA$30,INDEX(Jesper!$R$2:$R$366,ROW(INDEX(Jesper!AI$2:AI$366,ROUNDDOWN($C3453/24,0)+1,1))-1)+IF('Standard Profiles'!$G$19=$B$10,7,0)+IF('Standard Profiles'!$G$19=$B$17,14,0)+IF('Standard Profiles'!$G$19=$B$24,21,0),MOD($C3453,24)+1)/SUM(INDEX($D$3:$AA$30,INDEX(Jesper!$R$2:$R$366,ROW(INDEX(Jesper!AI$2:AI$366,ROUNDDOWN($C3453/24,0)+1,1))-1)+IF('Standard Profiles'!$G$19=$B$10,7,0)+IF('Standard Profiles'!$G$19=$B$17,14,0)+IF('Standard Profiles'!$G$19=$B$24,21,0),0)),0)</f>
        <v>0</v>
      </c>
      <c r="F3453" cm="1">
        <f t="array" ref="F3453">IFERROR(INDEX(Jesper!AJ$2:AJ$366,ROUNDDOWN($C3453/24,0)+1,1)*INDEX($D$3:$AA$30,INDEX(Jesper!$R$2:$R$366,ROW(INDEX(Jesper!AJ$2:AJ$366,ROUNDDOWN($C3453/24,0)+1,1))-1)+IF('Standard Profiles'!$G$20=$B$10,7,0)+IF('Standard Profiles'!$G$20=$B$17,14,0)+IF('Standard Profiles'!$G$20=$B$24,21,0),MOD($C3453,24)+1)/SUM(INDEX($D$3:$AA$30,INDEX(Jesper!$R$2:$R$366,ROW(INDEX(Jesper!AJ$2:AJ$366,ROUNDDOWN($C3453/24,0)+1,1))-1)+IF('Standard Profiles'!$G$20=$B$10,7,0)+IF('Standard Profiles'!$G$20=$B$17,14,0)+IF('Standard Profiles'!$G$20=$B$24,21,0),0)),0)</f>
        <v>0</v>
      </c>
      <c r="G3453" cm="1">
        <f t="array" ref="G3453">IFERROR(INDEX(Jesper!AK$2:AK$366,ROUNDDOWN($C3453/24,0)+1,1)*INDEX($D$3:$AA$30,INDEX(Jesper!$R$2:$R$366,ROW(INDEX(Jesper!AK$2:AK$366,ROUNDDOWN($C3453/24,0)+1,1))-1)+IF('Standard Profiles'!$G$21=$B$10,7,0)+IF('Standard Profiles'!$G$21=$B$17,14,0)+IF('Standard Profiles'!$G$21=$B$24,21,0),MOD($C3453,24)+1)/SUM(INDEX($D$3:$AA$30,INDEX(Jesper!$R$2:$R$366,ROW(INDEX(Jesper!AK$2:AK$366,ROUNDDOWN($C3453/24,0)+1,1))-1)+IF('Standard Profiles'!$G$21=$B$10,7,0)+IF('Standard Profiles'!$G$21=$B$17,14,0)+IF('Standard Profiles'!$G$21=$B$24,21,0),0)),0)</f>
        <v>0</v>
      </c>
      <c r="H3453" cm="1">
        <f t="array" ref="H3453">IFERROR(INDEX(Jesper!AL$2:AL$366,ROUNDDOWN($C3453/24,0)+1,1)*INDEX($D$3:$AA$30,INDEX(Jesper!$R$2:$R$366,ROW(INDEX(Jesper!AL$2:AL$366,ROUNDDOWN($C3453/24,0)+1,1))-1)+IF('Standard Profiles'!$G$22=$B$10,7,0)+IF('Standard Profiles'!$G$22=$B$17,14,0)+IF('Standard Profiles'!$G$22=$B$24,21,0),MOD($C3453,24)+1)/SUM(INDEX($D$3:$AA$30,INDEX(Jesper!$R$2:$R$366,ROW(INDEX(Jesper!AL$2:AL$366,ROUNDDOWN($C3453/24,0)+1,1))-1)+IF('Standard Profiles'!$G$22=$B$10,7,0)+IF('Standard Profiles'!$G$22=$B$17,14,0)+IF('Standard Profiles'!$G$22=$B$24,21,0),0)),0)</f>
        <v>0</v>
      </c>
      <c r="I3453">
        <f t="shared" si="391"/>
        <v>0.43486594836322717</v>
      </c>
      <c r="J3453">
        <f t="shared" si="392"/>
        <v>1.4495531612107575</v>
      </c>
      <c r="K3453">
        <f t="shared" si="393"/>
        <v>2.1743297418161358</v>
      </c>
      <c r="L3453">
        <f t="shared" si="394"/>
        <v>10.436782760717453</v>
      </c>
      <c r="M3453">
        <f t="shared" si="395"/>
        <v>0</v>
      </c>
      <c r="N3453" s="46">
        <f t="shared" si="396"/>
        <v>45434.458333325041</v>
      </c>
    </row>
    <row r="3454" spans="2:14" x14ac:dyDescent="0.3">
      <c r="B3454">
        <f t="shared" si="390"/>
        <v>3</v>
      </c>
      <c r="C3454" s="16">
        <v>3420</v>
      </c>
      <c r="D3454" cm="1">
        <f t="array" ref="D3454">IFERROR(INDEX(Jesper!AH$2:AH$366,ROUNDDOWN($C3454/24,0)+1,1)*INDEX($D$3:$AA$30,INDEX(Jesper!$R$2:$R$366,ROW(INDEX(Jesper!AH$2:AH$366,ROUNDDOWN($C3454/24,0)+1,1))-1)+IF('Standard Profiles'!$G$18=$B$10,7,0)+IF('Standard Profiles'!$G$18=$B$17,14,0)+IF('Standard Profiles'!$G$18=$B$24,21,0),MOD($C3454,24)+1)/SUM(INDEX($D$3:$AA$30,INDEX(Jesper!$R$2:$R$366,ROW(INDEX(Jesper!AH$2:AH$366,ROUNDDOWN($C3454/24,0)+1,1))-1)+IF('Standard Profiles'!$G$18=$B$10,7,0)+IF('Standard Profiles'!$G$18=$B$17,14,0)+IF('Standard Profiles'!$G$18=$B$24,21,0),0)),0)</f>
        <v>14.495531612107573</v>
      </c>
      <c r="E3454" cm="1">
        <f t="array" ref="E3454">IFERROR(INDEX(Jesper!AI$2:AI$366,ROUNDDOWN($C3454/24,0)+1,1)*INDEX($D$3:$AA$30,INDEX(Jesper!$R$2:$R$366,ROW(INDEX(Jesper!AI$2:AI$366,ROUNDDOWN($C3454/24,0)+1,1))-1)+IF('Standard Profiles'!$G$19=$B$10,7,0)+IF('Standard Profiles'!$G$19=$B$17,14,0)+IF('Standard Profiles'!$G$19=$B$24,21,0),MOD($C3454,24)+1)/SUM(INDEX($D$3:$AA$30,INDEX(Jesper!$R$2:$R$366,ROW(INDEX(Jesper!AI$2:AI$366,ROUNDDOWN($C3454/24,0)+1,1))-1)+IF('Standard Profiles'!$G$19=$B$10,7,0)+IF('Standard Profiles'!$G$19=$B$17,14,0)+IF('Standard Profiles'!$G$19=$B$24,21,0),0)),0)</f>
        <v>0</v>
      </c>
      <c r="F3454" cm="1">
        <f t="array" ref="F3454">IFERROR(INDEX(Jesper!AJ$2:AJ$366,ROUNDDOWN($C3454/24,0)+1,1)*INDEX($D$3:$AA$30,INDEX(Jesper!$R$2:$R$366,ROW(INDEX(Jesper!AJ$2:AJ$366,ROUNDDOWN($C3454/24,0)+1,1))-1)+IF('Standard Profiles'!$G$20=$B$10,7,0)+IF('Standard Profiles'!$G$20=$B$17,14,0)+IF('Standard Profiles'!$G$20=$B$24,21,0),MOD($C3454,24)+1)/SUM(INDEX($D$3:$AA$30,INDEX(Jesper!$R$2:$R$366,ROW(INDEX(Jesper!AJ$2:AJ$366,ROUNDDOWN($C3454/24,0)+1,1))-1)+IF('Standard Profiles'!$G$20=$B$10,7,0)+IF('Standard Profiles'!$G$20=$B$17,14,0)+IF('Standard Profiles'!$G$20=$B$24,21,0),0)),0)</f>
        <v>0</v>
      </c>
      <c r="G3454" cm="1">
        <f t="array" ref="G3454">IFERROR(INDEX(Jesper!AK$2:AK$366,ROUNDDOWN($C3454/24,0)+1,1)*INDEX($D$3:$AA$30,INDEX(Jesper!$R$2:$R$366,ROW(INDEX(Jesper!AK$2:AK$366,ROUNDDOWN($C3454/24,0)+1,1))-1)+IF('Standard Profiles'!$G$21=$B$10,7,0)+IF('Standard Profiles'!$G$21=$B$17,14,0)+IF('Standard Profiles'!$G$21=$B$24,21,0),MOD($C3454,24)+1)/SUM(INDEX($D$3:$AA$30,INDEX(Jesper!$R$2:$R$366,ROW(INDEX(Jesper!AK$2:AK$366,ROUNDDOWN($C3454/24,0)+1,1))-1)+IF('Standard Profiles'!$G$21=$B$10,7,0)+IF('Standard Profiles'!$G$21=$B$17,14,0)+IF('Standard Profiles'!$G$21=$B$24,21,0),0)),0)</f>
        <v>0</v>
      </c>
      <c r="H3454" cm="1">
        <f t="array" ref="H3454">IFERROR(INDEX(Jesper!AL$2:AL$366,ROUNDDOWN($C3454/24,0)+1,1)*INDEX($D$3:$AA$30,INDEX(Jesper!$R$2:$R$366,ROW(INDEX(Jesper!AL$2:AL$366,ROUNDDOWN($C3454/24,0)+1,1))-1)+IF('Standard Profiles'!$G$22=$B$10,7,0)+IF('Standard Profiles'!$G$22=$B$17,14,0)+IF('Standard Profiles'!$G$22=$B$24,21,0),MOD($C3454,24)+1)/SUM(INDEX($D$3:$AA$30,INDEX(Jesper!$R$2:$R$366,ROW(INDEX(Jesper!AL$2:AL$366,ROUNDDOWN($C3454/24,0)+1,1))-1)+IF('Standard Profiles'!$G$22=$B$10,7,0)+IF('Standard Profiles'!$G$22=$B$17,14,0)+IF('Standard Profiles'!$G$22=$B$24,21,0),0)),0)</f>
        <v>0</v>
      </c>
      <c r="I3454">
        <f t="shared" si="391"/>
        <v>0.43486594836322717</v>
      </c>
      <c r="J3454">
        <f t="shared" si="392"/>
        <v>1.4495531612107575</v>
      </c>
      <c r="K3454">
        <f t="shared" si="393"/>
        <v>2.1743297418161358</v>
      </c>
      <c r="L3454">
        <f t="shared" si="394"/>
        <v>10.436782760717453</v>
      </c>
      <c r="M3454">
        <f t="shared" si="395"/>
        <v>0</v>
      </c>
      <c r="N3454" s="46">
        <f t="shared" si="396"/>
        <v>45434.499999991705</v>
      </c>
    </row>
    <row r="3455" spans="2:14" x14ac:dyDescent="0.3">
      <c r="B3455">
        <f t="shared" si="390"/>
        <v>3</v>
      </c>
      <c r="C3455" s="16">
        <v>3421</v>
      </c>
      <c r="D3455" cm="1">
        <f t="array" ref="D3455">IFERROR(INDEX(Jesper!AH$2:AH$366,ROUNDDOWN($C3455/24,0)+1,1)*INDEX($D$3:$AA$30,INDEX(Jesper!$R$2:$R$366,ROW(INDEX(Jesper!AH$2:AH$366,ROUNDDOWN($C3455/24,0)+1,1))-1)+IF('Standard Profiles'!$G$18=$B$10,7,0)+IF('Standard Profiles'!$G$18=$B$17,14,0)+IF('Standard Profiles'!$G$18=$B$24,21,0),MOD($C3455,24)+1)/SUM(INDEX($D$3:$AA$30,INDEX(Jesper!$R$2:$R$366,ROW(INDEX(Jesper!AH$2:AH$366,ROUNDDOWN($C3455/24,0)+1,1))-1)+IF('Standard Profiles'!$G$18=$B$10,7,0)+IF('Standard Profiles'!$G$18=$B$17,14,0)+IF('Standard Profiles'!$G$18=$B$24,21,0),0)),0)</f>
        <v>14.495531612107573</v>
      </c>
      <c r="E3455" cm="1">
        <f t="array" ref="E3455">IFERROR(INDEX(Jesper!AI$2:AI$366,ROUNDDOWN($C3455/24,0)+1,1)*INDEX($D$3:$AA$30,INDEX(Jesper!$R$2:$R$366,ROW(INDEX(Jesper!AI$2:AI$366,ROUNDDOWN($C3455/24,0)+1,1))-1)+IF('Standard Profiles'!$G$19=$B$10,7,0)+IF('Standard Profiles'!$G$19=$B$17,14,0)+IF('Standard Profiles'!$G$19=$B$24,21,0),MOD($C3455,24)+1)/SUM(INDEX($D$3:$AA$30,INDEX(Jesper!$R$2:$R$366,ROW(INDEX(Jesper!AI$2:AI$366,ROUNDDOWN($C3455/24,0)+1,1))-1)+IF('Standard Profiles'!$G$19=$B$10,7,0)+IF('Standard Profiles'!$G$19=$B$17,14,0)+IF('Standard Profiles'!$G$19=$B$24,21,0),0)),0)</f>
        <v>0</v>
      </c>
      <c r="F3455" cm="1">
        <f t="array" ref="F3455">IFERROR(INDEX(Jesper!AJ$2:AJ$366,ROUNDDOWN($C3455/24,0)+1,1)*INDEX($D$3:$AA$30,INDEX(Jesper!$R$2:$R$366,ROW(INDEX(Jesper!AJ$2:AJ$366,ROUNDDOWN($C3455/24,0)+1,1))-1)+IF('Standard Profiles'!$G$20=$B$10,7,0)+IF('Standard Profiles'!$G$20=$B$17,14,0)+IF('Standard Profiles'!$G$20=$B$24,21,0),MOD($C3455,24)+1)/SUM(INDEX($D$3:$AA$30,INDEX(Jesper!$R$2:$R$366,ROW(INDEX(Jesper!AJ$2:AJ$366,ROUNDDOWN($C3455/24,0)+1,1))-1)+IF('Standard Profiles'!$G$20=$B$10,7,0)+IF('Standard Profiles'!$G$20=$B$17,14,0)+IF('Standard Profiles'!$G$20=$B$24,21,0),0)),0)</f>
        <v>0</v>
      </c>
      <c r="G3455" cm="1">
        <f t="array" ref="G3455">IFERROR(INDEX(Jesper!AK$2:AK$366,ROUNDDOWN($C3455/24,0)+1,1)*INDEX($D$3:$AA$30,INDEX(Jesper!$R$2:$R$366,ROW(INDEX(Jesper!AK$2:AK$366,ROUNDDOWN($C3455/24,0)+1,1))-1)+IF('Standard Profiles'!$G$21=$B$10,7,0)+IF('Standard Profiles'!$G$21=$B$17,14,0)+IF('Standard Profiles'!$G$21=$B$24,21,0),MOD($C3455,24)+1)/SUM(INDEX($D$3:$AA$30,INDEX(Jesper!$R$2:$R$366,ROW(INDEX(Jesper!AK$2:AK$366,ROUNDDOWN($C3455/24,0)+1,1))-1)+IF('Standard Profiles'!$G$21=$B$10,7,0)+IF('Standard Profiles'!$G$21=$B$17,14,0)+IF('Standard Profiles'!$G$21=$B$24,21,0),0)),0)</f>
        <v>0</v>
      </c>
      <c r="H3455" cm="1">
        <f t="array" ref="H3455">IFERROR(INDEX(Jesper!AL$2:AL$366,ROUNDDOWN($C3455/24,0)+1,1)*INDEX($D$3:$AA$30,INDEX(Jesper!$R$2:$R$366,ROW(INDEX(Jesper!AL$2:AL$366,ROUNDDOWN($C3455/24,0)+1,1))-1)+IF('Standard Profiles'!$G$22=$B$10,7,0)+IF('Standard Profiles'!$G$22=$B$17,14,0)+IF('Standard Profiles'!$G$22=$B$24,21,0),MOD($C3455,24)+1)/SUM(INDEX($D$3:$AA$30,INDEX(Jesper!$R$2:$R$366,ROW(INDEX(Jesper!AL$2:AL$366,ROUNDDOWN($C3455/24,0)+1,1))-1)+IF('Standard Profiles'!$G$22=$B$10,7,0)+IF('Standard Profiles'!$G$22=$B$17,14,0)+IF('Standard Profiles'!$G$22=$B$24,21,0),0)),0)</f>
        <v>0</v>
      </c>
      <c r="I3455">
        <f t="shared" si="391"/>
        <v>0.43486594836322717</v>
      </c>
      <c r="J3455">
        <f t="shared" si="392"/>
        <v>1.4495531612107575</v>
      </c>
      <c r="K3455">
        <f t="shared" si="393"/>
        <v>2.1743297418161358</v>
      </c>
      <c r="L3455">
        <f t="shared" si="394"/>
        <v>10.436782760717453</v>
      </c>
      <c r="M3455">
        <f t="shared" si="395"/>
        <v>0</v>
      </c>
      <c r="N3455" s="46">
        <f t="shared" si="396"/>
        <v>45434.54166665837</v>
      </c>
    </row>
    <row r="3456" spans="2:14" x14ac:dyDescent="0.3">
      <c r="B3456">
        <f t="shared" si="390"/>
        <v>3</v>
      </c>
      <c r="C3456" s="16">
        <v>3422</v>
      </c>
      <c r="D3456" cm="1">
        <f t="array" ref="D3456">IFERROR(INDEX(Jesper!AH$2:AH$366,ROUNDDOWN($C3456/24,0)+1,1)*INDEX($D$3:$AA$30,INDEX(Jesper!$R$2:$R$366,ROW(INDEX(Jesper!AH$2:AH$366,ROUNDDOWN($C3456/24,0)+1,1))-1)+IF('Standard Profiles'!$G$18=$B$10,7,0)+IF('Standard Profiles'!$G$18=$B$17,14,0)+IF('Standard Profiles'!$G$18=$B$24,21,0),MOD($C3456,24)+1)/SUM(INDEX($D$3:$AA$30,INDEX(Jesper!$R$2:$R$366,ROW(INDEX(Jesper!AH$2:AH$366,ROUNDDOWN($C3456/24,0)+1,1))-1)+IF('Standard Profiles'!$G$18=$B$10,7,0)+IF('Standard Profiles'!$G$18=$B$17,14,0)+IF('Standard Profiles'!$G$18=$B$24,21,0),0)),0)</f>
        <v>14.495531612107573</v>
      </c>
      <c r="E3456" cm="1">
        <f t="array" ref="E3456">IFERROR(INDEX(Jesper!AI$2:AI$366,ROUNDDOWN($C3456/24,0)+1,1)*INDEX($D$3:$AA$30,INDEX(Jesper!$R$2:$R$366,ROW(INDEX(Jesper!AI$2:AI$366,ROUNDDOWN($C3456/24,0)+1,1))-1)+IF('Standard Profiles'!$G$19=$B$10,7,0)+IF('Standard Profiles'!$G$19=$B$17,14,0)+IF('Standard Profiles'!$G$19=$B$24,21,0),MOD($C3456,24)+1)/SUM(INDEX($D$3:$AA$30,INDEX(Jesper!$R$2:$R$366,ROW(INDEX(Jesper!AI$2:AI$366,ROUNDDOWN($C3456/24,0)+1,1))-1)+IF('Standard Profiles'!$G$19=$B$10,7,0)+IF('Standard Profiles'!$G$19=$B$17,14,0)+IF('Standard Profiles'!$G$19=$B$24,21,0),0)),0)</f>
        <v>0</v>
      </c>
      <c r="F3456" cm="1">
        <f t="array" ref="F3456">IFERROR(INDEX(Jesper!AJ$2:AJ$366,ROUNDDOWN($C3456/24,0)+1,1)*INDEX($D$3:$AA$30,INDEX(Jesper!$R$2:$R$366,ROW(INDEX(Jesper!AJ$2:AJ$366,ROUNDDOWN($C3456/24,0)+1,1))-1)+IF('Standard Profiles'!$G$20=$B$10,7,0)+IF('Standard Profiles'!$G$20=$B$17,14,0)+IF('Standard Profiles'!$G$20=$B$24,21,0),MOD($C3456,24)+1)/SUM(INDEX($D$3:$AA$30,INDEX(Jesper!$R$2:$R$366,ROW(INDEX(Jesper!AJ$2:AJ$366,ROUNDDOWN($C3456/24,0)+1,1))-1)+IF('Standard Profiles'!$G$20=$B$10,7,0)+IF('Standard Profiles'!$G$20=$B$17,14,0)+IF('Standard Profiles'!$G$20=$B$24,21,0),0)),0)</f>
        <v>0</v>
      </c>
      <c r="G3456" cm="1">
        <f t="array" ref="G3456">IFERROR(INDEX(Jesper!AK$2:AK$366,ROUNDDOWN($C3456/24,0)+1,1)*INDEX($D$3:$AA$30,INDEX(Jesper!$R$2:$R$366,ROW(INDEX(Jesper!AK$2:AK$366,ROUNDDOWN($C3456/24,0)+1,1))-1)+IF('Standard Profiles'!$G$21=$B$10,7,0)+IF('Standard Profiles'!$G$21=$B$17,14,0)+IF('Standard Profiles'!$G$21=$B$24,21,0),MOD($C3456,24)+1)/SUM(INDEX($D$3:$AA$30,INDEX(Jesper!$R$2:$R$366,ROW(INDEX(Jesper!AK$2:AK$366,ROUNDDOWN($C3456/24,0)+1,1))-1)+IF('Standard Profiles'!$G$21=$B$10,7,0)+IF('Standard Profiles'!$G$21=$B$17,14,0)+IF('Standard Profiles'!$G$21=$B$24,21,0),0)),0)</f>
        <v>0</v>
      </c>
      <c r="H3456" cm="1">
        <f t="array" ref="H3456">IFERROR(INDEX(Jesper!AL$2:AL$366,ROUNDDOWN($C3456/24,0)+1,1)*INDEX($D$3:$AA$30,INDEX(Jesper!$R$2:$R$366,ROW(INDEX(Jesper!AL$2:AL$366,ROUNDDOWN($C3456/24,0)+1,1))-1)+IF('Standard Profiles'!$G$22=$B$10,7,0)+IF('Standard Profiles'!$G$22=$B$17,14,0)+IF('Standard Profiles'!$G$22=$B$24,21,0),MOD($C3456,24)+1)/SUM(INDEX($D$3:$AA$30,INDEX(Jesper!$R$2:$R$366,ROW(INDEX(Jesper!AL$2:AL$366,ROUNDDOWN($C3456/24,0)+1,1))-1)+IF('Standard Profiles'!$G$22=$B$10,7,0)+IF('Standard Profiles'!$G$22=$B$17,14,0)+IF('Standard Profiles'!$G$22=$B$24,21,0),0)),0)</f>
        <v>0</v>
      </c>
      <c r="I3456">
        <f t="shared" si="391"/>
        <v>0.43486594836322717</v>
      </c>
      <c r="J3456">
        <f t="shared" si="392"/>
        <v>1.4495531612107575</v>
      </c>
      <c r="K3456">
        <f t="shared" si="393"/>
        <v>2.1743297418161358</v>
      </c>
      <c r="L3456">
        <f t="shared" si="394"/>
        <v>10.436782760717453</v>
      </c>
      <c r="M3456">
        <f t="shared" si="395"/>
        <v>0</v>
      </c>
      <c r="N3456" s="46">
        <f t="shared" si="396"/>
        <v>45434.583333325034</v>
      </c>
    </row>
    <row r="3457" spans="2:14" x14ac:dyDescent="0.3">
      <c r="B3457">
        <f t="shared" si="390"/>
        <v>3</v>
      </c>
      <c r="C3457" s="16">
        <v>3423</v>
      </c>
      <c r="D3457" cm="1">
        <f t="array" ref="D3457">IFERROR(INDEX(Jesper!AH$2:AH$366,ROUNDDOWN($C3457/24,0)+1,1)*INDEX($D$3:$AA$30,INDEX(Jesper!$R$2:$R$366,ROW(INDEX(Jesper!AH$2:AH$366,ROUNDDOWN($C3457/24,0)+1,1))-1)+IF('Standard Profiles'!$G$18=$B$10,7,0)+IF('Standard Profiles'!$G$18=$B$17,14,0)+IF('Standard Profiles'!$G$18=$B$24,21,0),MOD($C3457,24)+1)/SUM(INDEX($D$3:$AA$30,INDEX(Jesper!$R$2:$R$366,ROW(INDEX(Jesper!AH$2:AH$366,ROUNDDOWN($C3457/24,0)+1,1))-1)+IF('Standard Profiles'!$G$18=$B$10,7,0)+IF('Standard Profiles'!$G$18=$B$17,14,0)+IF('Standard Profiles'!$G$18=$B$24,21,0),0)),0)</f>
        <v>14.495531612107573</v>
      </c>
      <c r="E3457" cm="1">
        <f t="array" ref="E3457">IFERROR(INDEX(Jesper!AI$2:AI$366,ROUNDDOWN($C3457/24,0)+1,1)*INDEX($D$3:$AA$30,INDEX(Jesper!$R$2:$R$366,ROW(INDEX(Jesper!AI$2:AI$366,ROUNDDOWN($C3457/24,0)+1,1))-1)+IF('Standard Profiles'!$G$19=$B$10,7,0)+IF('Standard Profiles'!$G$19=$B$17,14,0)+IF('Standard Profiles'!$G$19=$B$24,21,0),MOD($C3457,24)+1)/SUM(INDEX($D$3:$AA$30,INDEX(Jesper!$R$2:$R$366,ROW(INDEX(Jesper!AI$2:AI$366,ROUNDDOWN($C3457/24,0)+1,1))-1)+IF('Standard Profiles'!$G$19=$B$10,7,0)+IF('Standard Profiles'!$G$19=$B$17,14,0)+IF('Standard Profiles'!$G$19=$B$24,21,0),0)),0)</f>
        <v>0</v>
      </c>
      <c r="F3457" cm="1">
        <f t="array" ref="F3457">IFERROR(INDEX(Jesper!AJ$2:AJ$366,ROUNDDOWN($C3457/24,0)+1,1)*INDEX($D$3:$AA$30,INDEX(Jesper!$R$2:$R$366,ROW(INDEX(Jesper!AJ$2:AJ$366,ROUNDDOWN($C3457/24,0)+1,1))-1)+IF('Standard Profiles'!$G$20=$B$10,7,0)+IF('Standard Profiles'!$G$20=$B$17,14,0)+IF('Standard Profiles'!$G$20=$B$24,21,0),MOD($C3457,24)+1)/SUM(INDEX($D$3:$AA$30,INDEX(Jesper!$R$2:$R$366,ROW(INDEX(Jesper!AJ$2:AJ$366,ROUNDDOWN($C3457/24,0)+1,1))-1)+IF('Standard Profiles'!$G$20=$B$10,7,0)+IF('Standard Profiles'!$G$20=$B$17,14,0)+IF('Standard Profiles'!$G$20=$B$24,21,0),0)),0)</f>
        <v>0</v>
      </c>
      <c r="G3457" cm="1">
        <f t="array" ref="G3457">IFERROR(INDEX(Jesper!AK$2:AK$366,ROUNDDOWN($C3457/24,0)+1,1)*INDEX($D$3:$AA$30,INDEX(Jesper!$R$2:$R$366,ROW(INDEX(Jesper!AK$2:AK$366,ROUNDDOWN($C3457/24,0)+1,1))-1)+IF('Standard Profiles'!$G$21=$B$10,7,0)+IF('Standard Profiles'!$G$21=$B$17,14,0)+IF('Standard Profiles'!$G$21=$B$24,21,0),MOD($C3457,24)+1)/SUM(INDEX($D$3:$AA$30,INDEX(Jesper!$R$2:$R$366,ROW(INDEX(Jesper!AK$2:AK$366,ROUNDDOWN($C3457/24,0)+1,1))-1)+IF('Standard Profiles'!$G$21=$B$10,7,0)+IF('Standard Profiles'!$G$21=$B$17,14,0)+IF('Standard Profiles'!$G$21=$B$24,21,0),0)),0)</f>
        <v>0</v>
      </c>
      <c r="H3457" cm="1">
        <f t="array" ref="H3457">IFERROR(INDEX(Jesper!AL$2:AL$366,ROUNDDOWN($C3457/24,0)+1,1)*INDEX($D$3:$AA$30,INDEX(Jesper!$R$2:$R$366,ROW(INDEX(Jesper!AL$2:AL$366,ROUNDDOWN($C3457/24,0)+1,1))-1)+IF('Standard Profiles'!$G$22=$B$10,7,0)+IF('Standard Profiles'!$G$22=$B$17,14,0)+IF('Standard Profiles'!$G$22=$B$24,21,0),MOD($C3457,24)+1)/SUM(INDEX($D$3:$AA$30,INDEX(Jesper!$R$2:$R$366,ROW(INDEX(Jesper!AL$2:AL$366,ROUNDDOWN($C3457/24,0)+1,1))-1)+IF('Standard Profiles'!$G$22=$B$10,7,0)+IF('Standard Profiles'!$G$22=$B$17,14,0)+IF('Standard Profiles'!$G$22=$B$24,21,0),0)),0)</f>
        <v>0</v>
      </c>
      <c r="I3457">
        <f t="shared" si="391"/>
        <v>0.43486594836322717</v>
      </c>
      <c r="J3457">
        <f t="shared" si="392"/>
        <v>1.4495531612107575</v>
      </c>
      <c r="K3457">
        <f t="shared" si="393"/>
        <v>2.1743297418161358</v>
      </c>
      <c r="L3457">
        <f t="shared" si="394"/>
        <v>10.436782760717453</v>
      </c>
      <c r="M3457">
        <f t="shared" si="395"/>
        <v>0</v>
      </c>
      <c r="N3457" s="46">
        <f t="shared" si="396"/>
        <v>45434.624999991698</v>
      </c>
    </row>
    <row r="3458" spans="2:14" x14ac:dyDescent="0.3">
      <c r="B3458">
        <f t="shared" si="390"/>
        <v>3</v>
      </c>
      <c r="C3458" s="16">
        <v>3424</v>
      </c>
      <c r="D3458" cm="1">
        <f t="array" ref="D3458">IFERROR(INDEX(Jesper!AH$2:AH$366,ROUNDDOWN($C3458/24,0)+1,1)*INDEX($D$3:$AA$30,INDEX(Jesper!$R$2:$R$366,ROW(INDEX(Jesper!AH$2:AH$366,ROUNDDOWN($C3458/24,0)+1,1))-1)+IF('Standard Profiles'!$G$18=$B$10,7,0)+IF('Standard Profiles'!$G$18=$B$17,14,0)+IF('Standard Profiles'!$G$18=$B$24,21,0),MOD($C3458,24)+1)/SUM(INDEX($D$3:$AA$30,INDEX(Jesper!$R$2:$R$366,ROW(INDEX(Jesper!AH$2:AH$366,ROUNDDOWN($C3458/24,0)+1,1))-1)+IF('Standard Profiles'!$G$18=$B$10,7,0)+IF('Standard Profiles'!$G$18=$B$17,14,0)+IF('Standard Profiles'!$G$18=$B$24,21,0),0)),0)</f>
        <v>14.495531612107573</v>
      </c>
      <c r="E3458" cm="1">
        <f t="array" ref="E3458">IFERROR(INDEX(Jesper!AI$2:AI$366,ROUNDDOWN($C3458/24,0)+1,1)*INDEX($D$3:$AA$30,INDEX(Jesper!$R$2:$R$366,ROW(INDEX(Jesper!AI$2:AI$366,ROUNDDOWN($C3458/24,0)+1,1))-1)+IF('Standard Profiles'!$G$19=$B$10,7,0)+IF('Standard Profiles'!$G$19=$B$17,14,0)+IF('Standard Profiles'!$G$19=$B$24,21,0),MOD($C3458,24)+1)/SUM(INDEX($D$3:$AA$30,INDEX(Jesper!$R$2:$R$366,ROW(INDEX(Jesper!AI$2:AI$366,ROUNDDOWN($C3458/24,0)+1,1))-1)+IF('Standard Profiles'!$G$19=$B$10,7,0)+IF('Standard Profiles'!$G$19=$B$17,14,0)+IF('Standard Profiles'!$G$19=$B$24,21,0),0)),0)</f>
        <v>0</v>
      </c>
      <c r="F3458" cm="1">
        <f t="array" ref="F3458">IFERROR(INDEX(Jesper!AJ$2:AJ$366,ROUNDDOWN($C3458/24,0)+1,1)*INDEX($D$3:$AA$30,INDEX(Jesper!$R$2:$R$366,ROW(INDEX(Jesper!AJ$2:AJ$366,ROUNDDOWN($C3458/24,0)+1,1))-1)+IF('Standard Profiles'!$G$20=$B$10,7,0)+IF('Standard Profiles'!$G$20=$B$17,14,0)+IF('Standard Profiles'!$G$20=$B$24,21,0),MOD($C3458,24)+1)/SUM(INDEX($D$3:$AA$30,INDEX(Jesper!$R$2:$R$366,ROW(INDEX(Jesper!AJ$2:AJ$366,ROUNDDOWN($C3458/24,0)+1,1))-1)+IF('Standard Profiles'!$G$20=$B$10,7,0)+IF('Standard Profiles'!$G$20=$B$17,14,0)+IF('Standard Profiles'!$G$20=$B$24,21,0),0)),0)</f>
        <v>0</v>
      </c>
      <c r="G3458" cm="1">
        <f t="array" ref="G3458">IFERROR(INDEX(Jesper!AK$2:AK$366,ROUNDDOWN($C3458/24,0)+1,1)*INDEX($D$3:$AA$30,INDEX(Jesper!$R$2:$R$366,ROW(INDEX(Jesper!AK$2:AK$366,ROUNDDOWN($C3458/24,0)+1,1))-1)+IF('Standard Profiles'!$G$21=$B$10,7,0)+IF('Standard Profiles'!$G$21=$B$17,14,0)+IF('Standard Profiles'!$G$21=$B$24,21,0),MOD($C3458,24)+1)/SUM(INDEX($D$3:$AA$30,INDEX(Jesper!$R$2:$R$366,ROW(INDEX(Jesper!AK$2:AK$366,ROUNDDOWN($C3458/24,0)+1,1))-1)+IF('Standard Profiles'!$G$21=$B$10,7,0)+IF('Standard Profiles'!$G$21=$B$17,14,0)+IF('Standard Profiles'!$G$21=$B$24,21,0),0)),0)</f>
        <v>0</v>
      </c>
      <c r="H3458" cm="1">
        <f t="array" ref="H3458">IFERROR(INDEX(Jesper!AL$2:AL$366,ROUNDDOWN($C3458/24,0)+1,1)*INDEX($D$3:$AA$30,INDEX(Jesper!$R$2:$R$366,ROW(INDEX(Jesper!AL$2:AL$366,ROUNDDOWN($C3458/24,0)+1,1))-1)+IF('Standard Profiles'!$G$22=$B$10,7,0)+IF('Standard Profiles'!$G$22=$B$17,14,0)+IF('Standard Profiles'!$G$22=$B$24,21,0),MOD($C3458,24)+1)/SUM(INDEX($D$3:$AA$30,INDEX(Jesper!$R$2:$R$366,ROW(INDEX(Jesper!AL$2:AL$366,ROUNDDOWN($C3458/24,0)+1,1))-1)+IF('Standard Profiles'!$G$22=$B$10,7,0)+IF('Standard Profiles'!$G$22=$B$17,14,0)+IF('Standard Profiles'!$G$22=$B$24,21,0),0)),0)</f>
        <v>0</v>
      </c>
      <c r="I3458">
        <f t="shared" si="391"/>
        <v>0.43486594836322717</v>
      </c>
      <c r="J3458">
        <f t="shared" si="392"/>
        <v>1.4495531612107575</v>
      </c>
      <c r="K3458">
        <f t="shared" si="393"/>
        <v>2.1743297418161358</v>
      </c>
      <c r="L3458">
        <f t="shared" si="394"/>
        <v>10.436782760717453</v>
      </c>
      <c r="M3458">
        <f t="shared" si="395"/>
        <v>0</v>
      </c>
      <c r="N3458" s="46">
        <f t="shared" si="396"/>
        <v>45434.666666658362</v>
      </c>
    </row>
    <row r="3459" spans="2:14" x14ac:dyDescent="0.3">
      <c r="B3459">
        <f t="shared" si="390"/>
        <v>3</v>
      </c>
      <c r="C3459" s="16">
        <v>3425</v>
      </c>
      <c r="D3459" cm="1">
        <f t="array" ref="D3459">IFERROR(INDEX(Jesper!AH$2:AH$366,ROUNDDOWN($C3459/24,0)+1,1)*INDEX($D$3:$AA$30,INDEX(Jesper!$R$2:$R$366,ROW(INDEX(Jesper!AH$2:AH$366,ROUNDDOWN($C3459/24,0)+1,1))-1)+IF('Standard Profiles'!$G$18=$B$10,7,0)+IF('Standard Profiles'!$G$18=$B$17,14,0)+IF('Standard Profiles'!$G$18=$B$24,21,0),MOD($C3459,24)+1)/SUM(INDEX($D$3:$AA$30,INDEX(Jesper!$R$2:$R$366,ROW(INDEX(Jesper!AH$2:AH$366,ROUNDDOWN($C3459/24,0)+1,1))-1)+IF('Standard Profiles'!$G$18=$B$10,7,0)+IF('Standard Profiles'!$G$18=$B$17,14,0)+IF('Standard Profiles'!$G$18=$B$24,21,0),0)),0)</f>
        <v>14.495531612107573</v>
      </c>
      <c r="E3459" cm="1">
        <f t="array" ref="E3459">IFERROR(INDEX(Jesper!AI$2:AI$366,ROUNDDOWN($C3459/24,0)+1,1)*INDEX($D$3:$AA$30,INDEX(Jesper!$R$2:$R$366,ROW(INDEX(Jesper!AI$2:AI$366,ROUNDDOWN($C3459/24,0)+1,1))-1)+IF('Standard Profiles'!$G$19=$B$10,7,0)+IF('Standard Profiles'!$G$19=$B$17,14,0)+IF('Standard Profiles'!$G$19=$B$24,21,0),MOD($C3459,24)+1)/SUM(INDEX($D$3:$AA$30,INDEX(Jesper!$R$2:$R$366,ROW(INDEX(Jesper!AI$2:AI$366,ROUNDDOWN($C3459/24,0)+1,1))-1)+IF('Standard Profiles'!$G$19=$B$10,7,0)+IF('Standard Profiles'!$G$19=$B$17,14,0)+IF('Standard Profiles'!$G$19=$B$24,21,0),0)),0)</f>
        <v>0</v>
      </c>
      <c r="F3459" cm="1">
        <f t="array" ref="F3459">IFERROR(INDEX(Jesper!AJ$2:AJ$366,ROUNDDOWN($C3459/24,0)+1,1)*INDEX($D$3:$AA$30,INDEX(Jesper!$R$2:$R$366,ROW(INDEX(Jesper!AJ$2:AJ$366,ROUNDDOWN($C3459/24,0)+1,1))-1)+IF('Standard Profiles'!$G$20=$B$10,7,0)+IF('Standard Profiles'!$G$20=$B$17,14,0)+IF('Standard Profiles'!$G$20=$B$24,21,0),MOD($C3459,24)+1)/SUM(INDEX($D$3:$AA$30,INDEX(Jesper!$R$2:$R$366,ROW(INDEX(Jesper!AJ$2:AJ$366,ROUNDDOWN($C3459/24,0)+1,1))-1)+IF('Standard Profiles'!$G$20=$B$10,7,0)+IF('Standard Profiles'!$G$20=$B$17,14,0)+IF('Standard Profiles'!$G$20=$B$24,21,0),0)),0)</f>
        <v>0</v>
      </c>
      <c r="G3459" cm="1">
        <f t="array" ref="G3459">IFERROR(INDEX(Jesper!AK$2:AK$366,ROUNDDOWN($C3459/24,0)+1,1)*INDEX($D$3:$AA$30,INDEX(Jesper!$R$2:$R$366,ROW(INDEX(Jesper!AK$2:AK$366,ROUNDDOWN($C3459/24,0)+1,1))-1)+IF('Standard Profiles'!$G$21=$B$10,7,0)+IF('Standard Profiles'!$G$21=$B$17,14,0)+IF('Standard Profiles'!$G$21=$B$24,21,0),MOD($C3459,24)+1)/SUM(INDEX($D$3:$AA$30,INDEX(Jesper!$R$2:$R$366,ROW(INDEX(Jesper!AK$2:AK$366,ROUNDDOWN($C3459/24,0)+1,1))-1)+IF('Standard Profiles'!$G$21=$B$10,7,0)+IF('Standard Profiles'!$G$21=$B$17,14,0)+IF('Standard Profiles'!$G$21=$B$24,21,0),0)),0)</f>
        <v>0</v>
      </c>
      <c r="H3459" cm="1">
        <f t="array" ref="H3459">IFERROR(INDEX(Jesper!AL$2:AL$366,ROUNDDOWN($C3459/24,0)+1,1)*INDEX($D$3:$AA$30,INDEX(Jesper!$R$2:$R$366,ROW(INDEX(Jesper!AL$2:AL$366,ROUNDDOWN($C3459/24,0)+1,1))-1)+IF('Standard Profiles'!$G$22=$B$10,7,0)+IF('Standard Profiles'!$G$22=$B$17,14,0)+IF('Standard Profiles'!$G$22=$B$24,21,0),MOD($C3459,24)+1)/SUM(INDEX($D$3:$AA$30,INDEX(Jesper!$R$2:$R$366,ROW(INDEX(Jesper!AL$2:AL$366,ROUNDDOWN($C3459/24,0)+1,1))-1)+IF('Standard Profiles'!$G$22=$B$10,7,0)+IF('Standard Profiles'!$G$22=$B$17,14,0)+IF('Standard Profiles'!$G$22=$B$24,21,0),0)),0)</f>
        <v>0</v>
      </c>
      <c r="I3459">
        <f t="shared" si="391"/>
        <v>0.43486594836322717</v>
      </c>
      <c r="J3459">
        <f t="shared" si="392"/>
        <v>1.4495531612107575</v>
      </c>
      <c r="K3459">
        <f t="shared" si="393"/>
        <v>2.1743297418161358</v>
      </c>
      <c r="L3459">
        <f t="shared" si="394"/>
        <v>10.436782760717453</v>
      </c>
      <c r="M3459">
        <f t="shared" si="395"/>
        <v>0</v>
      </c>
      <c r="N3459" s="46">
        <f t="shared" si="396"/>
        <v>45434.708333325027</v>
      </c>
    </row>
    <row r="3460" spans="2:14" x14ac:dyDescent="0.3">
      <c r="B3460">
        <f t="shared" si="390"/>
        <v>3</v>
      </c>
      <c r="C3460" s="16">
        <v>3426</v>
      </c>
      <c r="D3460" cm="1">
        <f t="array" ref="D3460">IFERROR(INDEX(Jesper!AH$2:AH$366,ROUNDDOWN($C3460/24,0)+1,1)*INDEX($D$3:$AA$30,INDEX(Jesper!$R$2:$R$366,ROW(INDEX(Jesper!AH$2:AH$366,ROUNDDOWN($C3460/24,0)+1,1))-1)+IF('Standard Profiles'!$G$18=$B$10,7,0)+IF('Standard Profiles'!$G$18=$B$17,14,0)+IF('Standard Profiles'!$G$18=$B$24,21,0),MOD($C3460,24)+1)/SUM(INDEX($D$3:$AA$30,INDEX(Jesper!$R$2:$R$366,ROW(INDEX(Jesper!AH$2:AH$366,ROUNDDOWN($C3460/24,0)+1,1))-1)+IF('Standard Profiles'!$G$18=$B$10,7,0)+IF('Standard Profiles'!$G$18=$B$17,14,0)+IF('Standard Profiles'!$G$18=$B$24,21,0),0)),0)</f>
        <v>14.495531612107573</v>
      </c>
      <c r="E3460" cm="1">
        <f t="array" ref="E3460">IFERROR(INDEX(Jesper!AI$2:AI$366,ROUNDDOWN($C3460/24,0)+1,1)*INDEX($D$3:$AA$30,INDEX(Jesper!$R$2:$R$366,ROW(INDEX(Jesper!AI$2:AI$366,ROUNDDOWN($C3460/24,0)+1,1))-1)+IF('Standard Profiles'!$G$19=$B$10,7,0)+IF('Standard Profiles'!$G$19=$B$17,14,0)+IF('Standard Profiles'!$G$19=$B$24,21,0),MOD($C3460,24)+1)/SUM(INDEX($D$3:$AA$30,INDEX(Jesper!$R$2:$R$366,ROW(INDEX(Jesper!AI$2:AI$366,ROUNDDOWN($C3460/24,0)+1,1))-1)+IF('Standard Profiles'!$G$19=$B$10,7,0)+IF('Standard Profiles'!$G$19=$B$17,14,0)+IF('Standard Profiles'!$G$19=$B$24,21,0),0)),0)</f>
        <v>0</v>
      </c>
      <c r="F3460" cm="1">
        <f t="array" ref="F3460">IFERROR(INDEX(Jesper!AJ$2:AJ$366,ROUNDDOWN($C3460/24,0)+1,1)*INDEX($D$3:$AA$30,INDEX(Jesper!$R$2:$R$366,ROW(INDEX(Jesper!AJ$2:AJ$366,ROUNDDOWN($C3460/24,0)+1,1))-1)+IF('Standard Profiles'!$G$20=$B$10,7,0)+IF('Standard Profiles'!$G$20=$B$17,14,0)+IF('Standard Profiles'!$G$20=$B$24,21,0),MOD($C3460,24)+1)/SUM(INDEX($D$3:$AA$30,INDEX(Jesper!$R$2:$R$366,ROW(INDEX(Jesper!AJ$2:AJ$366,ROUNDDOWN($C3460/24,0)+1,1))-1)+IF('Standard Profiles'!$G$20=$B$10,7,0)+IF('Standard Profiles'!$G$20=$B$17,14,0)+IF('Standard Profiles'!$G$20=$B$24,21,0),0)),0)</f>
        <v>0</v>
      </c>
      <c r="G3460" cm="1">
        <f t="array" ref="G3460">IFERROR(INDEX(Jesper!AK$2:AK$366,ROUNDDOWN($C3460/24,0)+1,1)*INDEX($D$3:$AA$30,INDEX(Jesper!$R$2:$R$366,ROW(INDEX(Jesper!AK$2:AK$366,ROUNDDOWN($C3460/24,0)+1,1))-1)+IF('Standard Profiles'!$G$21=$B$10,7,0)+IF('Standard Profiles'!$G$21=$B$17,14,0)+IF('Standard Profiles'!$G$21=$B$24,21,0),MOD($C3460,24)+1)/SUM(INDEX($D$3:$AA$30,INDEX(Jesper!$R$2:$R$366,ROW(INDEX(Jesper!AK$2:AK$366,ROUNDDOWN($C3460/24,0)+1,1))-1)+IF('Standard Profiles'!$G$21=$B$10,7,0)+IF('Standard Profiles'!$G$21=$B$17,14,0)+IF('Standard Profiles'!$G$21=$B$24,21,0),0)),0)</f>
        <v>0</v>
      </c>
      <c r="H3460" cm="1">
        <f t="array" ref="H3460">IFERROR(INDEX(Jesper!AL$2:AL$366,ROUNDDOWN($C3460/24,0)+1,1)*INDEX($D$3:$AA$30,INDEX(Jesper!$R$2:$R$366,ROW(INDEX(Jesper!AL$2:AL$366,ROUNDDOWN($C3460/24,0)+1,1))-1)+IF('Standard Profiles'!$G$22=$B$10,7,0)+IF('Standard Profiles'!$G$22=$B$17,14,0)+IF('Standard Profiles'!$G$22=$B$24,21,0),MOD($C3460,24)+1)/SUM(INDEX($D$3:$AA$30,INDEX(Jesper!$R$2:$R$366,ROW(INDEX(Jesper!AL$2:AL$366,ROUNDDOWN($C3460/24,0)+1,1))-1)+IF('Standard Profiles'!$G$22=$B$10,7,0)+IF('Standard Profiles'!$G$22=$B$17,14,0)+IF('Standard Profiles'!$G$22=$B$24,21,0),0)),0)</f>
        <v>0</v>
      </c>
      <c r="I3460">
        <f t="shared" si="391"/>
        <v>0.43486594836322717</v>
      </c>
      <c r="J3460">
        <f t="shared" si="392"/>
        <v>1.4495531612107575</v>
      </c>
      <c r="K3460">
        <f t="shared" si="393"/>
        <v>2.1743297418161358</v>
      </c>
      <c r="L3460">
        <f t="shared" si="394"/>
        <v>10.436782760717453</v>
      </c>
      <c r="M3460">
        <f t="shared" si="395"/>
        <v>0</v>
      </c>
      <c r="N3460" s="46">
        <f t="shared" si="396"/>
        <v>45434.749999991691</v>
      </c>
    </row>
    <row r="3461" spans="2:14" x14ac:dyDescent="0.3">
      <c r="B3461">
        <f t="shared" si="390"/>
        <v>3</v>
      </c>
      <c r="C3461" s="16">
        <v>3427</v>
      </c>
      <c r="D3461" cm="1">
        <f t="array" ref="D3461">IFERROR(INDEX(Jesper!AH$2:AH$366,ROUNDDOWN($C3461/24,0)+1,1)*INDEX($D$3:$AA$30,INDEX(Jesper!$R$2:$R$366,ROW(INDEX(Jesper!AH$2:AH$366,ROUNDDOWN($C3461/24,0)+1,1))-1)+IF('Standard Profiles'!$G$18=$B$10,7,0)+IF('Standard Profiles'!$G$18=$B$17,14,0)+IF('Standard Profiles'!$G$18=$B$24,21,0),MOD($C3461,24)+1)/SUM(INDEX($D$3:$AA$30,INDEX(Jesper!$R$2:$R$366,ROW(INDEX(Jesper!AH$2:AH$366,ROUNDDOWN($C3461/24,0)+1,1))-1)+IF('Standard Profiles'!$G$18=$B$10,7,0)+IF('Standard Profiles'!$G$18=$B$17,14,0)+IF('Standard Profiles'!$G$18=$B$24,21,0),0)),0)</f>
        <v>12.079609676756311</v>
      </c>
      <c r="E3461" cm="1">
        <f t="array" ref="E3461">IFERROR(INDEX(Jesper!AI$2:AI$366,ROUNDDOWN($C3461/24,0)+1,1)*INDEX($D$3:$AA$30,INDEX(Jesper!$R$2:$R$366,ROW(INDEX(Jesper!AI$2:AI$366,ROUNDDOWN($C3461/24,0)+1,1))-1)+IF('Standard Profiles'!$G$19=$B$10,7,0)+IF('Standard Profiles'!$G$19=$B$17,14,0)+IF('Standard Profiles'!$G$19=$B$24,21,0),MOD($C3461,24)+1)/SUM(INDEX($D$3:$AA$30,INDEX(Jesper!$R$2:$R$366,ROW(INDEX(Jesper!AI$2:AI$366,ROUNDDOWN($C3461/24,0)+1,1))-1)+IF('Standard Profiles'!$G$19=$B$10,7,0)+IF('Standard Profiles'!$G$19=$B$17,14,0)+IF('Standard Profiles'!$G$19=$B$24,21,0),0)),0)</f>
        <v>0</v>
      </c>
      <c r="F3461" cm="1">
        <f t="array" ref="F3461">IFERROR(INDEX(Jesper!AJ$2:AJ$366,ROUNDDOWN($C3461/24,0)+1,1)*INDEX($D$3:$AA$30,INDEX(Jesper!$R$2:$R$366,ROW(INDEX(Jesper!AJ$2:AJ$366,ROUNDDOWN($C3461/24,0)+1,1))-1)+IF('Standard Profiles'!$G$20=$B$10,7,0)+IF('Standard Profiles'!$G$20=$B$17,14,0)+IF('Standard Profiles'!$G$20=$B$24,21,0),MOD($C3461,24)+1)/SUM(INDEX($D$3:$AA$30,INDEX(Jesper!$R$2:$R$366,ROW(INDEX(Jesper!AJ$2:AJ$366,ROUNDDOWN($C3461/24,0)+1,1))-1)+IF('Standard Profiles'!$G$20=$B$10,7,0)+IF('Standard Profiles'!$G$20=$B$17,14,0)+IF('Standard Profiles'!$G$20=$B$24,21,0),0)),0)</f>
        <v>0</v>
      </c>
      <c r="G3461" cm="1">
        <f t="array" ref="G3461">IFERROR(INDEX(Jesper!AK$2:AK$366,ROUNDDOWN($C3461/24,0)+1,1)*INDEX($D$3:$AA$30,INDEX(Jesper!$R$2:$R$366,ROW(INDEX(Jesper!AK$2:AK$366,ROUNDDOWN($C3461/24,0)+1,1))-1)+IF('Standard Profiles'!$G$21=$B$10,7,0)+IF('Standard Profiles'!$G$21=$B$17,14,0)+IF('Standard Profiles'!$G$21=$B$24,21,0),MOD($C3461,24)+1)/SUM(INDEX($D$3:$AA$30,INDEX(Jesper!$R$2:$R$366,ROW(INDEX(Jesper!AK$2:AK$366,ROUNDDOWN($C3461/24,0)+1,1))-1)+IF('Standard Profiles'!$G$21=$B$10,7,0)+IF('Standard Profiles'!$G$21=$B$17,14,0)+IF('Standard Profiles'!$G$21=$B$24,21,0),0)),0)</f>
        <v>0</v>
      </c>
      <c r="H3461" cm="1">
        <f t="array" ref="H3461">IFERROR(INDEX(Jesper!AL$2:AL$366,ROUNDDOWN($C3461/24,0)+1,1)*INDEX($D$3:$AA$30,INDEX(Jesper!$R$2:$R$366,ROW(INDEX(Jesper!AL$2:AL$366,ROUNDDOWN($C3461/24,0)+1,1))-1)+IF('Standard Profiles'!$G$22=$B$10,7,0)+IF('Standard Profiles'!$G$22=$B$17,14,0)+IF('Standard Profiles'!$G$22=$B$24,21,0),MOD($C3461,24)+1)/SUM(INDEX($D$3:$AA$30,INDEX(Jesper!$R$2:$R$366,ROW(INDEX(Jesper!AL$2:AL$366,ROUNDDOWN($C3461/24,0)+1,1))-1)+IF('Standard Profiles'!$G$22=$B$10,7,0)+IF('Standard Profiles'!$G$22=$B$17,14,0)+IF('Standard Profiles'!$G$22=$B$24,21,0),0)),0)</f>
        <v>0</v>
      </c>
      <c r="I3461">
        <f t="shared" si="391"/>
        <v>0.36238829030268932</v>
      </c>
      <c r="J3461">
        <f t="shared" si="392"/>
        <v>1.2079609676756311</v>
      </c>
      <c r="K3461">
        <f t="shared" si="393"/>
        <v>1.8119414515134467</v>
      </c>
      <c r="L3461">
        <f t="shared" si="394"/>
        <v>8.6973189672645432</v>
      </c>
      <c r="M3461">
        <f t="shared" si="395"/>
        <v>0</v>
      </c>
      <c r="N3461" s="46">
        <f t="shared" si="396"/>
        <v>45434.791666658355</v>
      </c>
    </row>
    <row r="3462" spans="2:14" x14ac:dyDescent="0.3">
      <c r="B3462">
        <f t="shared" si="390"/>
        <v>3</v>
      </c>
      <c r="C3462" s="16">
        <v>3428</v>
      </c>
      <c r="D3462" cm="1">
        <f t="array" ref="D3462">IFERROR(INDEX(Jesper!AH$2:AH$366,ROUNDDOWN($C3462/24,0)+1,1)*INDEX($D$3:$AA$30,INDEX(Jesper!$R$2:$R$366,ROW(INDEX(Jesper!AH$2:AH$366,ROUNDDOWN($C3462/24,0)+1,1))-1)+IF('Standard Profiles'!$G$18=$B$10,7,0)+IF('Standard Profiles'!$G$18=$B$17,14,0)+IF('Standard Profiles'!$G$18=$B$24,21,0),MOD($C3462,24)+1)/SUM(INDEX($D$3:$AA$30,INDEX(Jesper!$R$2:$R$366,ROW(INDEX(Jesper!AH$2:AH$366,ROUNDDOWN($C3462/24,0)+1,1))-1)+IF('Standard Profiles'!$G$18=$B$10,7,0)+IF('Standard Profiles'!$G$18=$B$17,14,0)+IF('Standard Profiles'!$G$18=$B$24,21,0),0)),0)</f>
        <v>9.6636877414050506</v>
      </c>
      <c r="E3462" cm="1">
        <f t="array" ref="E3462">IFERROR(INDEX(Jesper!AI$2:AI$366,ROUNDDOWN($C3462/24,0)+1,1)*INDEX($D$3:$AA$30,INDEX(Jesper!$R$2:$R$366,ROW(INDEX(Jesper!AI$2:AI$366,ROUNDDOWN($C3462/24,0)+1,1))-1)+IF('Standard Profiles'!$G$19=$B$10,7,0)+IF('Standard Profiles'!$G$19=$B$17,14,0)+IF('Standard Profiles'!$G$19=$B$24,21,0),MOD($C3462,24)+1)/SUM(INDEX($D$3:$AA$30,INDEX(Jesper!$R$2:$R$366,ROW(INDEX(Jesper!AI$2:AI$366,ROUNDDOWN($C3462/24,0)+1,1))-1)+IF('Standard Profiles'!$G$19=$B$10,7,0)+IF('Standard Profiles'!$G$19=$B$17,14,0)+IF('Standard Profiles'!$G$19=$B$24,21,0),0)),0)</f>
        <v>0</v>
      </c>
      <c r="F3462" cm="1">
        <f t="array" ref="F3462">IFERROR(INDEX(Jesper!AJ$2:AJ$366,ROUNDDOWN($C3462/24,0)+1,1)*INDEX($D$3:$AA$30,INDEX(Jesper!$R$2:$R$366,ROW(INDEX(Jesper!AJ$2:AJ$366,ROUNDDOWN($C3462/24,0)+1,1))-1)+IF('Standard Profiles'!$G$20=$B$10,7,0)+IF('Standard Profiles'!$G$20=$B$17,14,0)+IF('Standard Profiles'!$G$20=$B$24,21,0),MOD($C3462,24)+1)/SUM(INDEX($D$3:$AA$30,INDEX(Jesper!$R$2:$R$366,ROW(INDEX(Jesper!AJ$2:AJ$366,ROUNDDOWN($C3462/24,0)+1,1))-1)+IF('Standard Profiles'!$G$20=$B$10,7,0)+IF('Standard Profiles'!$G$20=$B$17,14,0)+IF('Standard Profiles'!$G$20=$B$24,21,0),0)),0)</f>
        <v>0</v>
      </c>
      <c r="G3462" cm="1">
        <f t="array" ref="G3462">IFERROR(INDEX(Jesper!AK$2:AK$366,ROUNDDOWN($C3462/24,0)+1,1)*INDEX($D$3:$AA$30,INDEX(Jesper!$R$2:$R$366,ROW(INDEX(Jesper!AK$2:AK$366,ROUNDDOWN($C3462/24,0)+1,1))-1)+IF('Standard Profiles'!$G$21=$B$10,7,0)+IF('Standard Profiles'!$G$21=$B$17,14,0)+IF('Standard Profiles'!$G$21=$B$24,21,0),MOD($C3462,24)+1)/SUM(INDEX($D$3:$AA$30,INDEX(Jesper!$R$2:$R$366,ROW(INDEX(Jesper!AK$2:AK$366,ROUNDDOWN($C3462/24,0)+1,1))-1)+IF('Standard Profiles'!$G$21=$B$10,7,0)+IF('Standard Profiles'!$G$21=$B$17,14,0)+IF('Standard Profiles'!$G$21=$B$24,21,0),0)),0)</f>
        <v>0</v>
      </c>
      <c r="H3462" cm="1">
        <f t="array" ref="H3462">IFERROR(INDEX(Jesper!AL$2:AL$366,ROUNDDOWN($C3462/24,0)+1,1)*INDEX($D$3:$AA$30,INDEX(Jesper!$R$2:$R$366,ROW(INDEX(Jesper!AL$2:AL$366,ROUNDDOWN($C3462/24,0)+1,1))-1)+IF('Standard Profiles'!$G$22=$B$10,7,0)+IF('Standard Profiles'!$G$22=$B$17,14,0)+IF('Standard Profiles'!$G$22=$B$24,21,0),MOD($C3462,24)+1)/SUM(INDEX($D$3:$AA$30,INDEX(Jesper!$R$2:$R$366,ROW(INDEX(Jesper!AL$2:AL$366,ROUNDDOWN($C3462/24,0)+1,1))-1)+IF('Standard Profiles'!$G$22=$B$10,7,0)+IF('Standard Profiles'!$G$22=$B$17,14,0)+IF('Standard Profiles'!$G$22=$B$24,21,0),0)),0)</f>
        <v>0</v>
      </c>
      <c r="I3462">
        <f t="shared" si="391"/>
        <v>0.28991063224215152</v>
      </c>
      <c r="J3462">
        <f t="shared" si="392"/>
        <v>0.96636877414050515</v>
      </c>
      <c r="K3462">
        <f t="shared" si="393"/>
        <v>1.4495531612107575</v>
      </c>
      <c r="L3462">
        <f t="shared" si="394"/>
        <v>6.9578551738116365</v>
      </c>
      <c r="M3462">
        <f t="shared" si="395"/>
        <v>0</v>
      </c>
      <c r="N3462" s="46">
        <f t="shared" si="396"/>
        <v>45434.833333325019</v>
      </c>
    </row>
    <row r="3463" spans="2:14" x14ac:dyDescent="0.3">
      <c r="B3463">
        <f t="shared" si="390"/>
        <v>3</v>
      </c>
      <c r="C3463" s="16">
        <v>3429</v>
      </c>
      <c r="D3463" cm="1">
        <f t="array" ref="D3463">IFERROR(INDEX(Jesper!AH$2:AH$366,ROUNDDOWN($C3463/24,0)+1,1)*INDEX($D$3:$AA$30,INDEX(Jesper!$R$2:$R$366,ROW(INDEX(Jesper!AH$2:AH$366,ROUNDDOWN($C3463/24,0)+1,1))-1)+IF('Standard Profiles'!$G$18=$B$10,7,0)+IF('Standard Profiles'!$G$18=$B$17,14,0)+IF('Standard Profiles'!$G$18=$B$24,21,0),MOD($C3463,24)+1)/SUM(INDEX($D$3:$AA$30,INDEX(Jesper!$R$2:$R$366,ROW(INDEX(Jesper!AH$2:AH$366,ROUNDDOWN($C3463/24,0)+1,1))-1)+IF('Standard Profiles'!$G$18=$B$10,7,0)+IF('Standard Profiles'!$G$18=$B$17,14,0)+IF('Standard Profiles'!$G$18=$B$24,21,0),0)),0)</f>
        <v>7.2477658060537866</v>
      </c>
      <c r="E3463" cm="1">
        <f t="array" ref="E3463">IFERROR(INDEX(Jesper!AI$2:AI$366,ROUNDDOWN($C3463/24,0)+1,1)*INDEX($D$3:$AA$30,INDEX(Jesper!$R$2:$R$366,ROW(INDEX(Jesper!AI$2:AI$366,ROUNDDOWN($C3463/24,0)+1,1))-1)+IF('Standard Profiles'!$G$19=$B$10,7,0)+IF('Standard Profiles'!$G$19=$B$17,14,0)+IF('Standard Profiles'!$G$19=$B$24,21,0),MOD($C3463,24)+1)/SUM(INDEX($D$3:$AA$30,INDEX(Jesper!$R$2:$R$366,ROW(INDEX(Jesper!AI$2:AI$366,ROUNDDOWN($C3463/24,0)+1,1))-1)+IF('Standard Profiles'!$G$19=$B$10,7,0)+IF('Standard Profiles'!$G$19=$B$17,14,0)+IF('Standard Profiles'!$G$19=$B$24,21,0),0)),0)</f>
        <v>0</v>
      </c>
      <c r="F3463" cm="1">
        <f t="array" ref="F3463">IFERROR(INDEX(Jesper!AJ$2:AJ$366,ROUNDDOWN($C3463/24,0)+1,1)*INDEX($D$3:$AA$30,INDEX(Jesper!$R$2:$R$366,ROW(INDEX(Jesper!AJ$2:AJ$366,ROUNDDOWN($C3463/24,0)+1,1))-1)+IF('Standard Profiles'!$G$20=$B$10,7,0)+IF('Standard Profiles'!$G$20=$B$17,14,0)+IF('Standard Profiles'!$G$20=$B$24,21,0),MOD($C3463,24)+1)/SUM(INDEX($D$3:$AA$30,INDEX(Jesper!$R$2:$R$366,ROW(INDEX(Jesper!AJ$2:AJ$366,ROUNDDOWN($C3463/24,0)+1,1))-1)+IF('Standard Profiles'!$G$20=$B$10,7,0)+IF('Standard Profiles'!$G$20=$B$17,14,0)+IF('Standard Profiles'!$G$20=$B$24,21,0),0)),0)</f>
        <v>0</v>
      </c>
      <c r="G3463" cm="1">
        <f t="array" ref="G3463">IFERROR(INDEX(Jesper!AK$2:AK$366,ROUNDDOWN($C3463/24,0)+1,1)*INDEX($D$3:$AA$30,INDEX(Jesper!$R$2:$R$366,ROW(INDEX(Jesper!AK$2:AK$366,ROUNDDOWN($C3463/24,0)+1,1))-1)+IF('Standard Profiles'!$G$21=$B$10,7,0)+IF('Standard Profiles'!$G$21=$B$17,14,0)+IF('Standard Profiles'!$G$21=$B$24,21,0),MOD($C3463,24)+1)/SUM(INDEX($D$3:$AA$30,INDEX(Jesper!$R$2:$R$366,ROW(INDEX(Jesper!AK$2:AK$366,ROUNDDOWN($C3463/24,0)+1,1))-1)+IF('Standard Profiles'!$G$21=$B$10,7,0)+IF('Standard Profiles'!$G$21=$B$17,14,0)+IF('Standard Profiles'!$G$21=$B$24,21,0),0)),0)</f>
        <v>0</v>
      </c>
      <c r="H3463" cm="1">
        <f t="array" ref="H3463">IFERROR(INDEX(Jesper!AL$2:AL$366,ROUNDDOWN($C3463/24,0)+1,1)*INDEX($D$3:$AA$30,INDEX(Jesper!$R$2:$R$366,ROW(INDEX(Jesper!AL$2:AL$366,ROUNDDOWN($C3463/24,0)+1,1))-1)+IF('Standard Profiles'!$G$22=$B$10,7,0)+IF('Standard Profiles'!$G$22=$B$17,14,0)+IF('Standard Profiles'!$G$22=$B$24,21,0),MOD($C3463,24)+1)/SUM(INDEX($D$3:$AA$30,INDEX(Jesper!$R$2:$R$366,ROW(INDEX(Jesper!AL$2:AL$366,ROUNDDOWN($C3463/24,0)+1,1))-1)+IF('Standard Profiles'!$G$22=$B$10,7,0)+IF('Standard Profiles'!$G$22=$B$17,14,0)+IF('Standard Profiles'!$G$22=$B$24,21,0),0)),0)</f>
        <v>0</v>
      </c>
      <c r="I3463">
        <f t="shared" si="391"/>
        <v>0.21743297418161359</v>
      </c>
      <c r="J3463">
        <f t="shared" si="392"/>
        <v>0.72477658060537875</v>
      </c>
      <c r="K3463">
        <f t="shared" si="393"/>
        <v>1.0871648709080679</v>
      </c>
      <c r="L3463">
        <f t="shared" si="394"/>
        <v>5.2183913803587263</v>
      </c>
      <c r="M3463">
        <f t="shared" si="395"/>
        <v>0</v>
      </c>
      <c r="N3463" s="46">
        <f t="shared" si="396"/>
        <v>45434.874999991684</v>
      </c>
    </row>
    <row r="3464" spans="2:14" x14ac:dyDescent="0.3">
      <c r="B3464">
        <f t="shared" si="390"/>
        <v>3</v>
      </c>
      <c r="C3464" s="16">
        <v>3430</v>
      </c>
      <c r="D3464" cm="1">
        <f t="array" ref="D3464">IFERROR(INDEX(Jesper!AH$2:AH$366,ROUNDDOWN($C3464/24,0)+1,1)*INDEX($D$3:$AA$30,INDEX(Jesper!$R$2:$R$366,ROW(INDEX(Jesper!AH$2:AH$366,ROUNDDOWN($C3464/24,0)+1,1))-1)+IF('Standard Profiles'!$G$18=$B$10,7,0)+IF('Standard Profiles'!$G$18=$B$17,14,0)+IF('Standard Profiles'!$G$18=$B$24,21,0),MOD($C3464,24)+1)/SUM(INDEX($D$3:$AA$30,INDEX(Jesper!$R$2:$R$366,ROW(INDEX(Jesper!AH$2:AH$366,ROUNDDOWN($C3464/24,0)+1,1))-1)+IF('Standard Profiles'!$G$18=$B$10,7,0)+IF('Standard Profiles'!$G$18=$B$17,14,0)+IF('Standard Profiles'!$G$18=$B$24,21,0),0)),0)</f>
        <v>7.2477658060537866</v>
      </c>
      <c r="E3464" cm="1">
        <f t="array" ref="E3464">IFERROR(INDEX(Jesper!AI$2:AI$366,ROUNDDOWN($C3464/24,0)+1,1)*INDEX($D$3:$AA$30,INDEX(Jesper!$R$2:$R$366,ROW(INDEX(Jesper!AI$2:AI$366,ROUNDDOWN($C3464/24,0)+1,1))-1)+IF('Standard Profiles'!$G$19=$B$10,7,0)+IF('Standard Profiles'!$G$19=$B$17,14,0)+IF('Standard Profiles'!$G$19=$B$24,21,0),MOD($C3464,24)+1)/SUM(INDEX($D$3:$AA$30,INDEX(Jesper!$R$2:$R$366,ROW(INDEX(Jesper!AI$2:AI$366,ROUNDDOWN($C3464/24,0)+1,1))-1)+IF('Standard Profiles'!$G$19=$B$10,7,0)+IF('Standard Profiles'!$G$19=$B$17,14,0)+IF('Standard Profiles'!$G$19=$B$24,21,0),0)),0)</f>
        <v>0</v>
      </c>
      <c r="F3464" cm="1">
        <f t="array" ref="F3464">IFERROR(INDEX(Jesper!AJ$2:AJ$366,ROUNDDOWN($C3464/24,0)+1,1)*INDEX($D$3:$AA$30,INDEX(Jesper!$R$2:$R$366,ROW(INDEX(Jesper!AJ$2:AJ$366,ROUNDDOWN($C3464/24,0)+1,1))-1)+IF('Standard Profiles'!$G$20=$B$10,7,0)+IF('Standard Profiles'!$G$20=$B$17,14,0)+IF('Standard Profiles'!$G$20=$B$24,21,0),MOD($C3464,24)+1)/SUM(INDEX($D$3:$AA$30,INDEX(Jesper!$R$2:$R$366,ROW(INDEX(Jesper!AJ$2:AJ$366,ROUNDDOWN($C3464/24,0)+1,1))-1)+IF('Standard Profiles'!$G$20=$B$10,7,0)+IF('Standard Profiles'!$G$20=$B$17,14,0)+IF('Standard Profiles'!$G$20=$B$24,21,0),0)),0)</f>
        <v>0</v>
      </c>
      <c r="G3464" cm="1">
        <f t="array" ref="G3464">IFERROR(INDEX(Jesper!AK$2:AK$366,ROUNDDOWN($C3464/24,0)+1,1)*INDEX($D$3:$AA$30,INDEX(Jesper!$R$2:$R$366,ROW(INDEX(Jesper!AK$2:AK$366,ROUNDDOWN($C3464/24,0)+1,1))-1)+IF('Standard Profiles'!$G$21=$B$10,7,0)+IF('Standard Profiles'!$G$21=$B$17,14,0)+IF('Standard Profiles'!$G$21=$B$24,21,0),MOD($C3464,24)+1)/SUM(INDEX($D$3:$AA$30,INDEX(Jesper!$R$2:$R$366,ROW(INDEX(Jesper!AK$2:AK$366,ROUNDDOWN($C3464/24,0)+1,1))-1)+IF('Standard Profiles'!$G$21=$B$10,7,0)+IF('Standard Profiles'!$G$21=$B$17,14,0)+IF('Standard Profiles'!$G$21=$B$24,21,0),0)),0)</f>
        <v>0</v>
      </c>
      <c r="H3464" cm="1">
        <f t="array" ref="H3464">IFERROR(INDEX(Jesper!AL$2:AL$366,ROUNDDOWN($C3464/24,0)+1,1)*INDEX($D$3:$AA$30,INDEX(Jesper!$R$2:$R$366,ROW(INDEX(Jesper!AL$2:AL$366,ROUNDDOWN($C3464/24,0)+1,1))-1)+IF('Standard Profiles'!$G$22=$B$10,7,0)+IF('Standard Profiles'!$G$22=$B$17,14,0)+IF('Standard Profiles'!$G$22=$B$24,21,0),MOD($C3464,24)+1)/SUM(INDEX($D$3:$AA$30,INDEX(Jesper!$R$2:$R$366,ROW(INDEX(Jesper!AL$2:AL$366,ROUNDDOWN($C3464/24,0)+1,1))-1)+IF('Standard Profiles'!$G$22=$B$10,7,0)+IF('Standard Profiles'!$G$22=$B$17,14,0)+IF('Standard Profiles'!$G$22=$B$24,21,0),0)),0)</f>
        <v>0</v>
      </c>
      <c r="I3464">
        <f t="shared" si="391"/>
        <v>0.21743297418161359</v>
      </c>
      <c r="J3464">
        <f t="shared" si="392"/>
        <v>0.72477658060537875</v>
      </c>
      <c r="K3464">
        <f t="shared" si="393"/>
        <v>1.0871648709080679</v>
      </c>
      <c r="L3464">
        <f t="shared" si="394"/>
        <v>5.2183913803587263</v>
      </c>
      <c r="M3464">
        <f t="shared" si="395"/>
        <v>0</v>
      </c>
      <c r="N3464" s="46">
        <f t="shared" si="396"/>
        <v>45434.916666658348</v>
      </c>
    </row>
    <row r="3465" spans="2:14" x14ac:dyDescent="0.3">
      <c r="B3465">
        <f t="shared" si="390"/>
        <v>3</v>
      </c>
      <c r="C3465" s="16">
        <v>3431</v>
      </c>
      <c r="D3465" cm="1">
        <f t="array" ref="D3465">IFERROR(INDEX(Jesper!AH$2:AH$366,ROUNDDOWN($C3465/24,0)+1,1)*INDEX($D$3:$AA$30,INDEX(Jesper!$R$2:$R$366,ROW(INDEX(Jesper!AH$2:AH$366,ROUNDDOWN($C3465/24,0)+1,1))-1)+IF('Standard Profiles'!$G$18=$B$10,7,0)+IF('Standard Profiles'!$G$18=$B$17,14,0)+IF('Standard Profiles'!$G$18=$B$24,21,0),MOD($C3465,24)+1)/SUM(INDEX($D$3:$AA$30,INDEX(Jesper!$R$2:$R$366,ROW(INDEX(Jesper!AH$2:AH$366,ROUNDDOWN($C3465/24,0)+1,1))-1)+IF('Standard Profiles'!$G$18=$B$10,7,0)+IF('Standard Profiles'!$G$18=$B$17,14,0)+IF('Standard Profiles'!$G$18=$B$24,21,0),0)),0)</f>
        <v>7.2477658060537866</v>
      </c>
      <c r="E3465" cm="1">
        <f t="array" ref="E3465">IFERROR(INDEX(Jesper!AI$2:AI$366,ROUNDDOWN($C3465/24,0)+1,1)*INDEX($D$3:$AA$30,INDEX(Jesper!$R$2:$R$366,ROW(INDEX(Jesper!AI$2:AI$366,ROUNDDOWN($C3465/24,0)+1,1))-1)+IF('Standard Profiles'!$G$19=$B$10,7,0)+IF('Standard Profiles'!$G$19=$B$17,14,0)+IF('Standard Profiles'!$G$19=$B$24,21,0),MOD($C3465,24)+1)/SUM(INDEX($D$3:$AA$30,INDEX(Jesper!$R$2:$R$366,ROW(INDEX(Jesper!AI$2:AI$366,ROUNDDOWN($C3465/24,0)+1,1))-1)+IF('Standard Profiles'!$G$19=$B$10,7,0)+IF('Standard Profiles'!$G$19=$B$17,14,0)+IF('Standard Profiles'!$G$19=$B$24,21,0),0)),0)</f>
        <v>0</v>
      </c>
      <c r="F3465" cm="1">
        <f t="array" ref="F3465">IFERROR(INDEX(Jesper!AJ$2:AJ$366,ROUNDDOWN($C3465/24,0)+1,1)*INDEX($D$3:$AA$30,INDEX(Jesper!$R$2:$R$366,ROW(INDEX(Jesper!AJ$2:AJ$366,ROUNDDOWN($C3465/24,0)+1,1))-1)+IF('Standard Profiles'!$G$20=$B$10,7,0)+IF('Standard Profiles'!$G$20=$B$17,14,0)+IF('Standard Profiles'!$G$20=$B$24,21,0),MOD($C3465,24)+1)/SUM(INDEX($D$3:$AA$30,INDEX(Jesper!$R$2:$R$366,ROW(INDEX(Jesper!AJ$2:AJ$366,ROUNDDOWN($C3465/24,0)+1,1))-1)+IF('Standard Profiles'!$G$20=$B$10,7,0)+IF('Standard Profiles'!$G$20=$B$17,14,0)+IF('Standard Profiles'!$G$20=$B$24,21,0),0)),0)</f>
        <v>0</v>
      </c>
      <c r="G3465" cm="1">
        <f t="array" ref="G3465">IFERROR(INDEX(Jesper!AK$2:AK$366,ROUNDDOWN($C3465/24,0)+1,1)*INDEX($D$3:$AA$30,INDEX(Jesper!$R$2:$R$366,ROW(INDEX(Jesper!AK$2:AK$366,ROUNDDOWN($C3465/24,0)+1,1))-1)+IF('Standard Profiles'!$G$21=$B$10,7,0)+IF('Standard Profiles'!$G$21=$B$17,14,0)+IF('Standard Profiles'!$G$21=$B$24,21,0),MOD($C3465,24)+1)/SUM(INDEX($D$3:$AA$30,INDEX(Jesper!$R$2:$R$366,ROW(INDEX(Jesper!AK$2:AK$366,ROUNDDOWN($C3465/24,0)+1,1))-1)+IF('Standard Profiles'!$G$21=$B$10,7,0)+IF('Standard Profiles'!$G$21=$B$17,14,0)+IF('Standard Profiles'!$G$21=$B$24,21,0),0)),0)</f>
        <v>0</v>
      </c>
      <c r="H3465" cm="1">
        <f t="array" ref="H3465">IFERROR(INDEX(Jesper!AL$2:AL$366,ROUNDDOWN($C3465/24,0)+1,1)*INDEX($D$3:$AA$30,INDEX(Jesper!$R$2:$R$366,ROW(INDEX(Jesper!AL$2:AL$366,ROUNDDOWN($C3465/24,0)+1,1))-1)+IF('Standard Profiles'!$G$22=$B$10,7,0)+IF('Standard Profiles'!$G$22=$B$17,14,0)+IF('Standard Profiles'!$G$22=$B$24,21,0),MOD($C3465,24)+1)/SUM(INDEX($D$3:$AA$30,INDEX(Jesper!$R$2:$R$366,ROW(INDEX(Jesper!AL$2:AL$366,ROUNDDOWN($C3465/24,0)+1,1))-1)+IF('Standard Profiles'!$G$22=$B$10,7,0)+IF('Standard Profiles'!$G$22=$B$17,14,0)+IF('Standard Profiles'!$G$22=$B$24,21,0),0)),0)</f>
        <v>0</v>
      </c>
      <c r="I3465">
        <f t="shared" si="391"/>
        <v>0.21743297418161359</v>
      </c>
      <c r="J3465">
        <f t="shared" si="392"/>
        <v>0.72477658060537875</v>
      </c>
      <c r="K3465">
        <f t="shared" si="393"/>
        <v>1.0871648709080679</v>
      </c>
      <c r="L3465">
        <f t="shared" si="394"/>
        <v>5.2183913803587263</v>
      </c>
      <c r="M3465">
        <f t="shared" si="395"/>
        <v>0</v>
      </c>
      <c r="N3465" s="46">
        <f t="shared" si="396"/>
        <v>45434.958333325012</v>
      </c>
    </row>
    <row r="3466" spans="2:14" x14ac:dyDescent="0.3">
      <c r="B3466">
        <f t="shared" si="390"/>
        <v>4</v>
      </c>
      <c r="C3466" s="16">
        <v>3432</v>
      </c>
      <c r="D3466" cm="1">
        <f t="array" ref="D3466">IFERROR(INDEX(Jesper!AH$2:AH$366,ROUNDDOWN($C3466/24,0)+1,1)*INDEX($D$3:$AA$30,INDEX(Jesper!$R$2:$R$366,ROW(INDEX(Jesper!AH$2:AH$366,ROUNDDOWN($C3466/24,0)+1,1))-1)+IF('Standard Profiles'!$G$18=$B$10,7,0)+IF('Standard Profiles'!$G$18=$B$17,14,0)+IF('Standard Profiles'!$G$18=$B$24,21,0),MOD($C3466,24)+1)/SUM(INDEX($D$3:$AA$30,INDEX(Jesper!$R$2:$R$366,ROW(INDEX(Jesper!AH$2:AH$366,ROUNDDOWN($C3466/24,0)+1,1))-1)+IF('Standard Profiles'!$G$18=$B$10,7,0)+IF('Standard Profiles'!$G$18=$B$17,14,0)+IF('Standard Profiles'!$G$18=$B$24,21,0),0)),0)</f>
        <v>7.2512319460655652</v>
      </c>
      <c r="E3466" cm="1">
        <f t="array" ref="E3466">IFERROR(INDEX(Jesper!AI$2:AI$366,ROUNDDOWN($C3466/24,0)+1,1)*INDEX($D$3:$AA$30,INDEX(Jesper!$R$2:$R$366,ROW(INDEX(Jesper!AI$2:AI$366,ROUNDDOWN($C3466/24,0)+1,1))-1)+IF('Standard Profiles'!$G$19=$B$10,7,0)+IF('Standard Profiles'!$G$19=$B$17,14,0)+IF('Standard Profiles'!$G$19=$B$24,21,0),MOD($C3466,24)+1)/SUM(INDEX($D$3:$AA$30,INDEX(Jesper!$R$2:$R$366,ROW(INDEX(Jesper!AI$2:AI$366,ROUNDDOWN($C3466/24,0)+1,1))-1)+IF('Standard Profiles'!$G$19=$B$10,7,0)+IF('Standard Profiles'!$G$19=$B$17,14,0)+IF('Standard Profiles'!$G$19=$B$24,21,0),0)),0)</f>
        <v>0</v>
      </c>
      <c r="F3466" cm="1">
        <f t="array" ref="F3466">IFERROR(INDEX(Jesper!AJ$2:AJ$366,ROUNDDOWN($C3466/24,0)+1,1)*INDEX($D$3:$AA$30,INDEX(Jesper!$R$2:$R$366,ROW(INDEX(Jesper!AJ$2:AJ$366,ROUNDDOWN($C3466/24,0)+1,1))-1)+IF('Standard Profiles'!$G$20=$B$10,7,0)+IF('Standard Profiles'!$G$20=$B$17,14,0)+IF('Standard Profiles'!$G$20=$B$24,21,0),MOD($C3466,24)+1)/SUM(INDEX($D$3:$AA$30,INDEX(Jesper!$R$2:$R$366,ROW(INDEX(Jesper!AJ$2:AJ$366,ROUNDDOWN($C3466/24,0)+1,1))-1)+IF('Standard Profiles'!$G$20=$B$10,7,0)+IF('Standard Profiles'!$G$20=$B$17,14,0)+IF('Standard Profiles'!$G$20=$B$24,21,0),0)),0)</f>
        <v>0</v>
      </c>
      <c r="G3466" cm="1">
        <f t="array" ref="G3466">IFERROR(INDEX(Jesper!AK$2:AK$366,ROUNDDOWN($C3466/24,0)+1,1)*INDEX($D$3:$AA$30,INDEX(Jesper!$R$2:$R$366,ROW(INDEX(Jesper!AK$2:AK$366,ROUNDDOWN($C3466/24,0)+1,1))-1)+IF('Standard Profiles'!$G$21=$B$10,7,0)+IF('Standard Profiles'!$G$21=$B$17,14,0)+IF('Standard Profiles'!$G$21=$B$24,21,0),MOD($C3466,24)+1)/SUM(INDEX($D$3:$AA$30,INDEX(Jesper!$R$2:$R$366,ROW(INDEX(Jesper!AK$2:AK$366,ROUNDDOWN($C3466/24,0)+1,1))-1)+IF('Standard Profiles'!$G$21=$B$10,7,0)+IF('Standard Profiles'!$G$21=$B$17,14,0)+IF('Standard Profiles'!$G$21=$B$24,21,0),0)),0)</f>
        <v>0</v>
      </c>
      <c r="H3466" cm="1">
        <f t="array" ref="H3466">IFERROR(INDEX(Jesper!AL$2:AL$366,ROUNDDOWN($C3466/24,0)+1,1)*INDEX($D$3:$AA$30,INDEX(Jesper!$R$2:$R$366,ROW(INDEX(Jesper!AL$2:AL$366,ROUNDDOWN($C3466/24,0)+1,1))-1)+IF('Standard Profiles'!$G$22=$B$10,7,0)+IF('Standard Profiles'!$G$22=$B$17,14,0)+IF('Standard Profiles'!$G$22=$B$24,21,0),MOD($C3466,24)+1)/SUM(INDEX($D$3:$AA$30,INDEX(Jesper!$R$2:$R$366,ROW(INDEX(Jesper!AL$2:AL$366,ROUNDDOWN($C3466/24,0)+1,1))-1)+IF('Standard Profiles'!$G$22=$B$10,7,0)+IF('Standard Profiles'!$G$22=$B$17,14,0)+IF('Standard Profiles'!$G$22=$B$24,21,0),0)),0)</f>
        <v>0</v>
      </c>
      <c r="I3466">
        <f t="shared" si="391"/>
        <v>0.21753695838196696</v>
      </c>
      <c r="J3466">
        <f t="shared" si="392"/>
        <v>0.72512319460655661</v>
      </c>
      <c r="K3466">
        <f t="shared" si="393"/>
        <v>1.0876847919098347</v>
      </c>
      <c r="L3466">
        <f t="shared" si="394"/>
        <v>5.2208870011672071</v>
      </c>
      <c r="M3466">
        <f t="shared" si="395"/>
        <v>0</v>
      </c>
      <c r="N3466" s="46">
        <f t="shared" si="396"/>
        <v>45434.999999991676</v>
      </c>
    </row>
    <row r="3467" spans="2:14" x14ac:dyDescent="0.3">
      <c r="B3467">
        <f t="shared" si="390"/>
        <v>4</v>
      </c>
      <c r="C3467" s="16">
        <v>3433</v>
      </c>
      <c r="D3467" cm="1">
        <f t="array" ref="D3467">IFERROR(INDEX(Jesper!AH$2:AH$366,ROUNDDOWN($C3467/24,0)+1,1)*INDEX($D$3:$AA$30,INDEX(Jesper!$R$2:$R$366,ROW(INDEX(Jesper!AH$2:AH$366,ROUNDDOWN($C3467/24,0)+1,1))-1)+IF('Standard Profiles'!$G$18=$B$10,7,0)+IF('Standard Profiles'!$G$18=$B$17,14,0)+IF('Standard Profiles'!$G$18=$B$24,21,0),MOD($C3467,24)+1)/SUM(INDEX($D$3:$AA$30,INDEX(Jesper!$R$2:$R$366,ROW(INDEX(Jesper!AH$2:AH$366,ROUNDDOWN($C3467/24,0)+1,1))-1)+IF('Standard Profiles'!$G$18=$B$10,7,0)+IF('Standard Profiles'!$G$18=$B$17,14,0)+IF('Standard Profiles'!$G$18=$B$24,21,0),0)),0)</f>
        <v>7.2512319460655652</v>
      </c>
      <c r="E3467" cm="1">
        <f t="array" ref="E3467">IFERROR(INDEX(Jesper!AI$2:AI$366,ROUNDDOWN($C3467/24,0)+1,1)*INDEX($D$3:$AA$30,INDEX(Jesper!$R$2:$R$366,ROW(INDEX(Jesper!AI$2:AI$366,ROUNDDOWN($C3467/24,0)+1,1))-1)+IF('Standard Profiles'!$G$19=$B$10,7,0)+IF('Standard Profiles'!$G$19=$B$17,14,0)+IF('Standard Profiles'!$G$19=$B$24,21,0),MOD($C3467,24)+1)/SUM(INDEX($D$3:$AA$30,INDEX(Jesper!$R$2:$R$366,ROW(INDEX(Jesper!AI$2:AI$366,ROUNDDOWN($C3467/24,0)+1,1))-1)+IF('Standard Profiles'!$G$19=$B$10,7,0)+IF('Standard Profiles'!$G$19=$B$17,14,0)+IF('Standard Profiles'!$G$19=$B$24,21,0),0)),0)</f>
        <v>0</v>
      </c>
      <c r="F3467" cm="1">
        <f t="array" ref="F3467">IFERROR(INDEX(Jesper!AJ$2:AJ$366,ROUNDDOWN($C3467/24,0)+1,1)*INDEX($D$3:$AA$30,INDEX(Jesper!$R$2:$R$366,ROW(INDEX(Jesper!AJ$2:AJ$366,ROUNDDOWN($C3467/24,0)+1,1))-1)+IF('Standard Profiles'!$G$20=$B$10,7,0)+IF('Standard Profiles'!$G$20=$B$17,14,0)+IF('Standard Profiles'!$G$20=$B$24,21,0),MOD($C3467,24)+1)/SUM(INDEX($D$3:$AA$30,INDEX(Jesper!$R$2:$R$366,ROW(INDEX(Jesper!AJ$2:AJ$366,ROUNDDOWN($C3467/24,0)+1,1))-1)+IF('Standard Profiles'!$G$20=$B$10,7,0)+IF('Standard Profiles'!$G$20=$B$17,14,0)+IF('Standard Profiles'!$G$20=$B$24,21,0),0)),0)</f>
        <v>0</v>
      </c>
      <c r="G3467" cm="1">
        <f t="array" ref="G3467">IFERROR(INDEX(Jesper!AK$2:AK$366,ROUNDDOWN($C3467/24,0)+1,1)*INDEX($D$3:$AA$30,INDEX(Jesper!$R$2:$R$366,ROW(INDEX(Jesper!AK$2:AK$366,ROUNDDOWN($C3467/24,0)+1,1))-1)+IF('Standard Profiles'!$G$21=$B$10,7,0)+IF('Standard Profiles'!$G$21=$B$17,14,0)+IF('Standard Profiles'!$G$21=$B$24,21,0),MOD($C3467,24)+1)/SUM(INDEX($D$3:$AA$30,INDEX(Jesper!$R$2:$R$366,ROW(INDEX(Jesper!AK$2:AK$366,ROUNDDOWN($C3467/24,0)+1,1))-1)+IF('Standard Profiles'!$G$21=$B$10,7,0)+IF('Standard Profiles'!$G$21=$B$17,14,0)+IF('Standard Profiles'!$G$21=$B$24,21,0),0)),0)</f>
        <v>0</v>
      </c>
      <c r="H3467" cm="1">
        <f t="array" ref="H3467">IFERROR(INDEX(Jesper!AL$2:AL$366,ROUNDDOWN($C3467/24,0)+1,1)*INDEX($D$3:$AA$30,INDEX(Jesper!$R$2:$R$366,ROW(INDEX(Jesper!AL$2:AL$366,ROUNDDOWN($C3467/24,0)+1,1))-1)+IF('Standard Profiles'!$G$22=$B$10,7,0)+IF('Standard Profiles'!$G$22=$B$17,14,0)+IF('Standard Profiles'!$G$22=$B$24,21,0),MOD($C3467,24)+1)/SUM(INDEX($D$3:$AA$30,INDEX(Jesper!$R$2:$R$366,ROW(INDEX(Jesper!AL$2:AL$366,ROUNDDOWN($C3467/24,0)+1,1))-1)+IF('Standard Profiles'!$G$22=$B$10,7,0)+IF('Standard Profiles'!$G$22=$B$17,14,0)+IF('Standard Profiles'!$G$22=$B$24,21,0),0)),0)</f>
        <v>0</v>
      </c>
      <c r="I3467">
        <f t="shared" si="391"/>
        <v>0.21753695838196696</v>
      </c>
      <c r="J3467">
        <f t="shared" si="392"/>
        <v>0.72512319460655661</v>
      </c>
      <c r="K3467">
        <f t="shared" si="393"/>
        <v>1.0876847919098347</v>
      </c>
      <c r="L3467">
        <f t="shared" si="394"/>
        <v>5.2208870011672071</v>
      </c>
      <c r="M3467">
        <f t="shared" si="395"/>
        <v>0</v>
      </c>
      <c r="N3467" s="46">
        <f t="shared" si="396"/>
        <v>45435.041666658341</v>
      </c>
    </row>
    <row r="3468" spans="2:14" x14ac:dyDescent="0.3">
      <c r="B3468">
        <f t="shared" si="390"/>
        <v>4</v>
      </c>
      <c r="C3468" s="16">
        <v>3434</v>
      </c>
      <c r="D3468" cm="1">
        <f t="array" ref="D3468">IFERROR(INDEX(Jesper!AH$2:AH$366,ROUNDDOWN($C3468/24,0)+1,1)*INDEX($D$3:$AA$30,INDEX(Jesper!$R$2:$R$366,ROW(INDEX(Jesper!AH$2:AH$366,ROUNDDOWN($C3468/24,0)+1,1))-1)+IF('Standard Profiles'!$G$18=$B$10,7,0)+IF('Standard Profiles'!$G$18=$B$17,14,0)+IF('Standard Profiles'!$G$18=$B$24,21,0),MOD($C3468,24)+1)/SUM(INDEX($D$3:$AA$30,INDEX(Jesper!$R$2:$R$366,ROW(INDEX(Jesper!AH$2:AH$366,ROUNDDOWN($C3468/24,0)+1,1))-1)+IF('Standard Profiles'!$G$18=$B$10,7,0)+IF('Standard Profiles'!$G$18=$B$17,14,0)+IF('Standard Profiles'!$G$18=$B$24,21,0),0)),0)</f>
        <v>7.2512319460655652</v>
      </c>
      <c r="E3468" cm="1">
        <f t="array" ref="E3468">IFERROR(INDEX(Jesper!AI$2:AI$366,ROUNDDOWN($C3468/24,0)+1,1)*INDEX($D$3:$AA$30,INDEX(Jesper!$R$2:$R$366,ROW(INDEX(Jesper!AI$2:AI$366,ROUNDDOWN($C3468/24,0)+1,1))-1)+IF('Standard Profiles'!$G$19=$B$10,7,0)+IF('Standard Profiles'!$G$19=$B$17,14,0)+IF('Standard Profiles'!$G$19=$B$24,21,0),MOD($C3468,24)+1)/SUM(INDEX($D$3:$AA$30,INDEX(Jesper!$R$2:$R$366,ROW(INDEX(Jesper!AI$2:AI$366,ROUNDDOWN($C3468/24,0)+1,1))-1)+IF('Standard Profiles'!$G$19=$B$10,7,0)+IF('Standard Profiles'!$G$19=$B$17,14,0)+IF('Standard Profiles'!$G$19=$B$24,21,0),0)),0)</f>
        <v>0</v>
      </c>
      <c r="F3468" cm="1">
        <f t="array" ref="F3468">IFERROR(INDEX(Jesper!AJ$2:AJ$366,ROUNDDOWN($C3468/24,0)+1,1)*INDEX($D$3:$AA$30,INDEX(Jesper!$R$2:$R$366,ROW(INDEX(Jesper!AJ$2:AJ$366,ROUNDDOWN($C3468/24,0)+1,1))-1)+IF('Standard Profiles'!$G$20=$B$10,7,0)+IF('Standard Profiles'!$G$20=$B$17,14,0)+IF('Standard Profiles'!$G$20=$B$24,21,0),MOD($C3468,24)+1)/SUM(INDEX($D$3:$AA$30,INDEX(Jesper!$R$2:$R$366,ROW(INDEX(Jesper!AJ$2:AJ$366,ROUNDDOWN($C3468/24,0)+1,1))-1)+IF('Standard Profiles'!$G$20=$B$10,7,0)+IF('Standard Profiles'!$G$20=$B$17,14,0)+IF('Standard Profiles'!$G$20=$B$24,21,0),0)),0)</f>
        <v>0</v>
      </c>
      <c r="G3468" cm="1">
        <f t="array" ref="G3468">IFERROR(INDEX(Jesper!AK$2:AK$366,ROUNDDOWN($C3468/24,0)+1,1)*INDEX($D$3:$AA$30,INDEX(Jesper!$R$2:$R$366,ROW(INDEX(Jesper!AK$2:AK$366,ROUNDDOWN($C3468/24,0)+1,1))-1)+IF('Standard Profiles'!$G$21=$B$10,7,0)+IF('Standard Profiles'!$G$21=$B$17,14,0)+IF('Standard Profiles'!$G$21=$B$24,21,0),MOD($C3468,24)+1)/SUM(INDEX($D$3:$AA$30,INDEX(Jesper!$R$2:$R$366,ROW(INDEX(Jesper!AK$2:AK$366,ROUNDDOWN($C3468/24,0)+1,1))-1)+IF('Standard Profiles'!$G$21=$B$10,7,0)+IF('Standard Profiles'!$G$21=$B$17,14,0)+IF('Standard Profiles'!$G$21=$B$24,21,0),0)),0)</f>
        <v>0</v>
      </c>
      <c r="H3468" cm="1">
        <f t="array" ref="H3468">IFERROR(INDEX(Jesper!AL$2:AL$366,ROUNDDOWN($C3468/24,0)+1,1)*INDEX($D$3:$AA$30,INDEX(Jesper!$R$2:$R$366,ROW(INDEX(Jesper!AL$2:AL$366,ROUNDDOWN($C3468/24,0)+1,1))-1)+IF('Standard Profiles'!$G$22=$B$10,7,0)+IF('Standard Profiles'!$G$22=$B$17,14,0)+IF('Standard Profiles'!$G$22=$B$24,21,0),MOD($C3468,24)+1)/SUM(INDEX($D$3:$AA$30,INDEX(Jesper!$R$2:$R$366,ROW(INDEX(Jesper!AL$2:AL$366,ROUNDDOWN($C3468/24,0)+1,1))-1)+IF('Standard Profiles'!$G$22=$B$10,7,0)+IF('Standard Profiles'!$G$22=$B$17,14,0)+IF('Standard Profiles'!$G$22=$B$24,21,0),0)),0)</f>
        <v>0</v>
      </c>
      <c r="I3468">
        <f t="shared" si="391"/>
        <v>0.21753695838196696</v>
      </c>
      <c r="J3468">
        <f t="shared" si="392"/>
        <v>0.72512319460655661</v>
      </c>
      <c r="K3468">
        <f t="shared" si="393"/>
        <v>1.0876847919098347</v>
      </c>
      <c r="L3468">
        <f t="shared" si="394"/>
        <v>5.2208870011672071</v>
      </c>
      <c r="M3468">
        <f t="shared" si="395"/>
        <v>0</v>
      </c>
      <c r="N3468" s="46">
        <f t="shared" si="396"/>
        <v>45435.083333325005</v>
      </c>
    </row>
    <row r="3469" spans="2:14" x14ac:dyDescent="0.3">
      <c r="B3469">
        <f t="shared" si="390"/>
        <v>4</v>
      </c>
      <c r="C3469" s="16">
        <v>3435</v>
      </c>
      <c r="D3469" cm="1">
        <f t="array" ref="D3469">IFERROR(INDEX(Jesper!AH$2:AH$366,ROUNDDOWN($C3469/24,0)+1,1)*INDEX($D$3:$AA$30,INDEX(Jesper!$R$2:$R$366,ROW(INDEX(Jesper!AH$2:AH$366,ROUNDDOWN($C3469/24,0)+1,1))-1)+IF('Standard Profiles'!$G$18=$B$10,7,0)+IF('Standard Profiles'!$G$18=$B$17,14,0)+IF('Standard Profiles'!$G$18=$B$24,21,0),MOD($C3469,24)+1)/SUM(INDEX($D$3:$AA$30,INDEX(Jesper!$R$2:$R$366,ROW(INDEX(Jesper!AH$2:AH$366,ROUNDDOWN($C3469/24,0)+1,1))-1)+IF('Standard Profiles'!$G$18=$B$10,7,0)+IF('Standard Profiles'!$G$18=$B$17,14,0)+IF('Standard Profiles'!$G$18=$B$24,21,0),0)),0)</f>
        <v>7.2512319460655652</v>
      </c>
      <c r="E3469" cm="1">
        <f t="array" ref="E3469">IFERROR(INDEX(Jesper!AI$2:AI$366,ROUNDDOWN($C3469/24,0)+1,1)*INDEX($D$3:$AA$30,INDEX(Jesper!$R$2:$R$366,ROW(INDEX(Jesper!AI$2:AI$366,ROUNDDOWN($C3469/24,0)+1,1))-1)+IF('Standard Profiles'!$G$19=$B$10,7,0)+IF('Standard Profiles'!$G$19=$B$17,14,0)+IF('Standard Profiles'!$G$19=$B$24,21,0),MOD($C3469,24)+1)/SUM(INDEX($D$3:$AA$30,INDEX(Jesper!$R$2:$R$366,ROW(INDEX(Jesper!AI$2:AI$366,ROUNDDOWN($C3469/24,0)+1,1))-1)+IF('Standard Profiles'!$G$19=$B$10,7,0)+IF('Standard Profiles'!$G$19=$B$17,14,0)+IF('Standard Profiles'!$G$19=$B$24,21,0),0)),0)</f>
        <v>0</v>
      </c>
      <c r="F3469" cm="1">
        <f t="array" ref="F3469">IFERROR(INDEX(Jesper!AJ$2:AJ$366,ROUNDDOWN($C3469/24,0)+1,1)*INDEX($D$3:$AA$30,INDEX(Jesper!$R$2:$R$366,ROW(INDEX(Jesper!AJ$2:AJ$366,ROUNDDOWN($C3469/24,0)+1,1))-1)+IF('Standard Profiles'!$G$20=$B$10,7,0)+IF('Standard Profiles'!$G$20=$B$17,14,0)+IF('Standard Profiles'!$G$20=$B$24,21,0),MOD($C3469,24)+1)/SUM(INDEX($D$3:$AA$30,INDEX(Jesper!$R$2:$R$366,ROW(INDEX(Jesper!AJ$2:AJ$366,ROUNDDOWN($C3469/24,0)+1,1))-1)+IF('Standard Profiles'!$G$20=$B$10,7,0)+IF('Standard Profiles'!$G$20=$B$17,14,0)+IF('Standard Profiles'!$G$20=$B$24,21,0),0)),0)</f>
        <v>0</v>
      </c>
      <c r="G3469" cm="1">
        <f t="array" ref="G3469">IFERROR(INDEX(Jesper!AK$2:AK$366,ROUNDDOWN($C3469/24,0)+1,1)*INDEX($D$3:$AA$30,INDEX(Jesper!$R$2:$R$366,ROW(INDEX(Jesper!AK$2:AK$366,ROUNDDOWN($C3469/24,0)+1,1))-1)+IF('Standard Profiles'!$G$21=$B$10,7,0)+IF('Standard Profiles'!$G$21=$B$17,14,0)+IF('Standard Profiles'!$G$21=$B$24,21,0),MOD($C3469,24)+1)/SUM(INDEX($D$3:$AA$30,INDEX(Jesper!$R$2:$R$366,ROW(INDEX(Jesper!AK$2:AK$366,ROUNDDOWN($C3469/24,0)+1,1))-1)+IF('Standard Profiles'!$G$21=$B$10,7,0)+IF('Standard Profiles'!$G$21=$B$17,14,0)+IF('Standard Profiles'!$G$21=$B$24,21,0),0)),0)</f>
        <v>0</v>
      </c>
      <c r="H3469" cm="1">
        <f t="array" ref="H3469">IFERROR(INDEX(Jesper!AL$2:AL$366,ROUNDDOWN($C3469/24,0)+1,1)*INDEX($D$3:$AA$30,INDEX(Jesper!$R$2:$R$366,ROW(INDEX(Jesper!AL$2:AL$366,ROUNDDOWN($C3469/24,0)+1,1))-1)+IF('Standard Profiles'!$G$22=$B$10,7,0)+IF('Standard Profiles'!$G$22=$B$17,14,0)+IF('Standard Profiles'!$G$22=$B$24,21,0),MOD($C3469,24)+1)/SUM(INDEX($D$3:$AA$30,INDEX(Jesper!$R$2:$R$366,ROW(INDEX(Jesper!AL$2:AL$366,ROUNDDOWN($C3469/24,0)+1,1))-1)+IF('Standard Profiles'!$G$22=$B$10,7,0)+IF('Standard Profiles'!$G$22=$B$17,14,0)+IF('Standard Profiles'!$G$22=$B$24,21,0),0)),0)</f>
        <v>0</v>
      </c>
      <c r="I3469">
        <f t="shared" si="391"/>
        <v>0.21753695838196696</v>
      </c>
      <c r="J3469">
        <f t="shared" si="392"/>
        <v>0.72512319460655661</v>
      </c>
      <c r="K3469">
        <f t="shared" si="393"/>
        <v>1.0876847919098347</v>
      </c>
      <c r="L3469">
        <f t="shared" si="394"/>
        <v>5.2208870011672071</v>
      </c>
      <c r="M3469">
        <f t="shared" si="395"/>
        <v>0</v>
      </c>
      <c r="N3469" s="46">
        <f t="shared" si="396"/>
        <v>45435.124999991669</v>
      </c>
    </row>
    <row r="3470" spans="2:14" x14ac:dyDescent="0.3">
      <c r="B3470">
        <f t="shared" si="390"/>
        <v>4</v>
      </c>
      <c r="C3470" s="16">
        <v>3436</v>
      </c>
      <c r="D3470" cm="1">
        <f t="array" ref="D3470">IFERROR(INDEX(Jesper!AH$2:AH$366,ROUNDDOWN($C3470/24,0)+1,1)*INDEX($D$3:$AA$30,INDEX(Jesper!$R$2:$R$366,ROW(INDEX(Jesper!AH$2:AH$366,ROUNDDOWN($C3470/24,0)+1,1))-1)+IF('Standard Profiles'!$G$18=$B$10,7,0)+IF('Standard Profiles'!$G$18=$B$17,14,0)+IF('Standard Profiles'!$G$18=$B$24,21,0),MOD($C3470,24)+1)/SUM(INDEX($D$3:$AA$30,INDEX(Jesper!$R$2:$R$366,ROW(INDEX(Jesper!AH$2:AH$366,ROUNDDOWN($C3470/24,0)+1,1))-1)+IF('Standard Profiles'!$G$18=$B$10,7,0)+IF('Standard Profiles'!$G$18=$B$17,14,0)+IF('Standard Profiles'!$G$18=$B$24,21,0),0)),0)</f>
        <v>7.2512319460655652</v>
      </c>
      <c r="E3470" cm="1">
        <f t="array" ref="E3470">IFERROR(INDEX(Jesper!AI$2:AI$366,ROUNDDOWN($C3470/24,0)+1,1)*INDEX($D$3:$AA$30,INDEX(Jesper!$R$2:$R$366,ROW(INDEX(Jesper!AI$2:AI$366,ROUNDDOWN($C3470/24,0)+1,1))-1)+IF('Standard Profiles'!$G$19=$B$10,7,0)+IF('Standard Profiles'!$G$19=$B$17,14,0)+IF('Standard Profiles'!$G$19=$B$24,21,0),MOD($C3470,24)+1)/SUM(INDEX($D$3:$AA$30,INDEX(Jesper!$R$2:$R$366,ROW(INDEX(Jesper!AI$2:AI$366,ROUNDDOWN($C3470/24,0)+1,1))-1)+IF('Standard Profiles'!$G$19=$B$10,7,0)+IF('Standard Profiles'!$G$19=$B$17,14,0)+IF('Standard Profiles'!$G$19=$B$24,21,0),0)),0)</f>
        <v>0</v>
      </c>
      <c r="F3470" cm="1">
        <f t="array" ref="F3470">IFERROR(INDEX(Jesper!AJ$2:AJ$366,ROUNDDOWN($C3470/24,0)+1,1)*INDEX($D$3:$AA$30,INDEX(Jesper!$R$2:$R$366,ROW(INDEX(Jesper!AJ$2:AJ$366,ROUNDDOWN($C3470/24,0)+1,1))-1)+IF('Standard Profiles'!$G$20=$B$10,7,0)+IF('Standard Profiles'!$G$20=$B$17,14,0)+IF('Standard Profiles'!$G$20=$B$24,21,0),MOD($C3470,24)+1)/SUM(INDEX($D$3:$AA$30,INDEX(Jesper!$R$2:$R$366,ROW(INDEX(Jesper!AJ$2:AJ$366,ROUNDDOWN($C3470/24,0)+1,1))-1)+IF('Standard Profiles'!$G$20=$B$10,7,0)+IF('Standard Profiles'!$G$20=$B$17,14,0)+IF('Standard Profiles'!$G$20=$B$24,21,0),0)),0)</f>
        <v>0</v>
      </c>
      <c r="G3470" cm="1">
        <f t="array" ref="G3470">IFERROR(INDEX(Jesper!AK$2:AK$366,ROUNDDOWN($C3470/24,0)+1,1)*INDEX($D$3:$AA$30,INDEX(Jesper!$R$2:$R$366,ROW(INDEX(Jesper!AK$2:AK$366,ROUNDDOWN($C3470/24,0)+1,1))-1)+IF('Standard Profiles'!$G$21=$B$10,7,0)+IF('Standard Profiles'!$G$21=$B$17,14,0)+IF('Standard Profiles'!$G$21=$B$24,21,0),MOD($C3470,24)+1)/SUM(INDEX($D$3:$AA$30,INDEX(Jesper!$R$2:$R$366,ROW(INDEX(Jesper!AK$2:AK$366,ROUNDDOWN($C3470/24,0)+1,1))-1)+IF('Standard Profiles'!$G$21=$B$10,7,0)+IF('Standard Profiles'!$G$21=$B$17,14,0)+IF('Standard Profiles'!$G$21=$B$24,21,0),0)),0)</f>
        <v>0</v>
      </c>
      <c r="H3470" cm="1">
        <f t="array" ref="H3470">IFERROR(INDEX(Jesper!AL$2:AL$366,ROUNDDOWN($C3470/24,0)+1,1)*INDEX($D$3:$AA$30,INDEX(Jesper!$R$2:$R$366,ROW(INDEX(Jesper!AL$2:AL$366,ROUNDDOWN($C3470/24,0)+1,1))-1)+IF('Standard Profiles'!$G$22=$B$10,7,0)+IF('Standard Profiles'!$G$22=$B$17,14,0)+IF('Standard Profiles'!$G$22=$B$24,21,0),MOD($C3470,24)+1)/SUM(INDEX($D$3:$AA$30,INDEX(Jesper!$R$2:$R$366,ROW(INDEX(Jesper!AL$2:AL$366,ROUNDDOWN($C3470/24,0)+1,1))-1)+IF('Standard Profiles'!$G$22=$B$10,7,0)+IF('Standard Profiles'!$G$22=$B$17,14,0)+IF('Standard Profiles'!$G$22=$B$24,21,0),0)),0)</f>
        <v>0</v>
      </c>
      <c r="I3470">
        <f t="shared" si="391"/>
        <v>0.21753695838196696</v>
      </c>
      <c r="J3470">
        <f t="shared" si="392"/>
        <v>0.72512319460655661</v>
      </c>
      <c r="K3470">
        <f t="shared" si="393"/>
        <v>1.0876847919098347</v>
      </c>
      <c r="L3470">
        <f t="shared" si="394"/>
        <v>5.2208870011672071</v>
      </c>
      <c r="M3470">
        <f t="shared" si="395"/>
        <v>0</v>
      </c>
      <c r="N3470" s="46">
        <f t="shared" si="396"/>
        <v>45435.166666658333</v>
      </c>
    </row>
    <row r="3471" spans="2:14" x14ac:dyDescent="0.3">
      <c r="B3471">
        <f t="shared" si="390"/>
        <v>4</v>
      </c>
      <c r="C3471" s="16">
        <v>3437</v>
      </c>
      <c r="D3471" cm="1">
        <f t="array" ref="D3471">IFERROR(INDEX(Jesper!AH$2:AH$366,ROUNDDOWN($C3471/24,0)+1,1)*INDEX($D$3:$AA$30,INDEX(Jesper!$R$2:$R$366,ROW(INDEX(Jesper!AH$2:AH$366,ROUNDDOWN($C3471/24,0)+1,1))-1)+IF('Standard Profiles'!$G$18=$B$10,7,0)+IF('Standard Profiles'!$G$18=$B$17,14,0)+IF('Standard Profiles'!$G$18=$B$24,21,0),MOD($C3471,24)+1)/SUM(INDEX($D$3:$AA$30,INDEX(Jesper!$R$2:$R$366,ROW(INDEX(Jesper!AH$2:AH$366,ROUNDDOWN($C3471/24,0)+1,1))-1)+IF('Standard Profiles'!$G$18=$B$10,7,0)+IF('Standard Profiles'!$G$18=$B$17,14,0)+IF('Standard Profiles'!$G$18=$B$24,21,0),0)),0)</f>
        <v>9.346032286040062</v>
      </c>
      <c r="E3471" cm="1">
        <f t="array" ref="E3471">IFERROR(INDEX(Jesper!AI$2:AI$366,ROUNDDOWN($C3471/24,0)+1,1)*INDEX($D$3:$AA$30,INDEX(Jesper!$R$2:$R$366,ROW(INDEX(Jesper!AI$2:AI$366,ROUNDDOWN($C3471/24,0)+1,1))-1)+IF('Standard Profiles'!$G$19=$B$10,7,0)+IF('Standard Profiles'!$G$19=$B$17,14,0)+IF('Standard Profiles'!$G$19=$B$24,21,0),MOD($C3471,24)+1)/SUM(INDEX($D$3:$AA$30,INDEX(Jesper!$R$2:$R$366,ROW(INDEX(Jesper!AI$2:AI$366,ROUNDDOWN($C3471/24,0)+1,1))-1)+IF('Standard Profiles'!$G$19=$B$10,7,0)+IF('Standard Profiles'!$G$19=$B$17,14,0)+IF('Standard Profiles'!$G$19=$B$24,21,0),0)),0)</f>
        <v>0</v>
      </c>
      <c r="F3471" cm="1">
        <f t="array" ref="F3471">IFERROR(INDEX(Jesper!AJ$2:AJ$366,ROUNDDOWN($C3471/24,0)+1,1)*INDEX($D$3:$AA$30,INDEX(Jesper!$R$2:$R$366,ROW(INDEX(Jesper!AJ$2:AJ$366,ROUNDDOWN($C3471/24,0)+1,1))-1)+IF('Standard Profiles'!$G$20=$B$10,7,0)+IF('Standard Profiles'!$G$20=$B$17,14,0)+IF('Standard Profiles'!$G$20=$B$24,21,0),MOD($C3471,24)+1)/SUM(INDEX($D$3:$AA$30,INDEX(Jesper!$R$2:$R$366,ROW(INDEX(Jesper!AJ$2:AJ$366,ROUNDDOWN($C3471/24,0)+1,1))-1)+IF('Standard Profiles'!$G$20=$B$10,7,0)+IF('Standard Profiles'!$G$20=$B$17,14,0)+IF('Standard Profiles'!$G$20=$B$24,21,0),0)),0)</f>
        <v>0</v>
      </c>
      <c r="G3471" cm="1">
        <f t="array" ref="G3471">IFERROR(INDEX(Jesper!AK$2:AK$366,ROUNDDOWN($C3471/24,0)+1,1)*INDEX($D$3:$AA$30,INDEX(Jesper!$R$2:$R$366,ROW(INDEX(Jesper!AK$2:AK$366,ROUNDDOWN($C3471/24,0)+1,1))-1)+IF('Standard Profiles'!$G$21=$B$10,7,0)+IF('Standard Profiles'!$G$21=$B$17,14,0)+IF('Standard Profiles'!$G$21=$B$24,21,0),MOD($C3471,24)+1)/SUM(INDEX($D$3:$AA$30,INDEX(Jesper!$R$2:$R$366,ROW(INDEX(Jesper!AK$2:AK$366,ROUNDDOWN($C3471/24,0)+1,1))-1)+IF('Standard Profiles'!$G$21=$B$10,7,0)+IF('Standard Profiles'!$G$21=$B$17,14,0)+IF('Standard Profiles'!$G$21=$B$24,21,0),0)),0)</f>
        <v>0</v>
      </c>
      <c r="H3471" cm="1">
        <f t="array" ref="H3471">IFERROR(INDEX(Jesper!AL$2:AL$366,ROUNDDOWN($C3471/24,0)+1,1)*INDEX($D$3:$AA$30,INDEX(Jesper!$R$2:$R$366,ROW(INDEX(Jesper!AL$2:AL$366,ROUNDDOWN($C3471/24,0)+1,1))-1)+IF('Standard Profiles'!$G$22=$B$10,7,0)+IF('Standard Profiles'!$G$22=$B$17,14,0)+IF('Standard Profiles'!$G$22=$B$24,21,0),MOD($C3471,24)+1)/SUM(INDEX($D$3:$AA$30,INDEX(Jesper!$R$2:$R$366,ROW(INDEX(Jesper!AL$2:AL$366,ROUNDDOWN($C3471/24,0)+1,1))-1)+IF('Standard Profiles'!$G$22=$B$10,7,0)+IF('Standard Profiles'!$G$22=$B$17,14,0)+IF('Standard Profiles'!$G$22=$B$24,21,0),0)),0)</f>
        <v>0</v>
      </c>
      <c r="I3471">
        <f t="shared" si="391"/>
        <v>0.28038096858120187</v>
      </c>
      <c r="J3471">
        <f t="shared" si="392"/>
        <v>0.93460322860400624</v>
      </c>
      <c r="K3471">
        <f t="shared" si="393"/>
        <v>1.4019048429060093</v>
      </c>
      <c r="L3471">
        <f t="shared" si="394"/>
        <v>6.7291432459488441</v>
      </c>
      <c r="M3471">
        <f t="shared" si="395"/>
        <v>0</v>
      </c>
      <c r="N3471" s="46">
        <f t="shared" si="396"/>
        <v>45435.208333324998</v>
      </c>
    </row>
    <row r="3472" spans="2:14" x14ac:dyDescent="0.3">
      <c r="B3472">
        <f t="shared" si="390"/>
        <v>4</v>
      </c>
      <c r="C3472" s="16">
        <v>3438</v>
      </c>
      <c r="D3472" cm="1">
        <f t="array" ref="D3472">IFERROR(INDEX(Jesper!AH$2:AH$366,ROUNDDOWN($C3472/24,0)+1,1)*INDEX($D$3:$AA$30,INDEX(Jesper!$R$2:$R$366,ROW(INDEX(Jesper!AH$2:AH$366,ROUNDDOWN($C3472/24,0)+1,1))-1)+IF('Standard Profiles'!$G$18=$B$10,7,0)+IF('Standard Profiles'!$G$18=$B$17,14,0)+IF('Standard Profiles'!$G$18=$B$24,21,0),MOD($C3472,24)+1)/SUM(INDEX($D$3:$AA$30,INDEX(Jesper!$R$2:$R$366,ROW(INDEX(Jesper!AH$2:AH$366,ROUNDDOWN($C3472/24,0)+1,1))-1)+IF('Standard Profiles'!$G$18=$B$10,7,0)+IF('Standard Profiles'!$G$18=$B$17,14,0)+IF('Standard Profiles'!$G$18=$B$24,21,0),0)),0)</f>
        <v>10.796278675253175</v>
      </c>
      <c r="E3472" cm="1">
        <f t="array" ref="E3472">IFERROR(INDEX(Jesper!AI$2:AI$366,ROUNDDOWN($C3472/24,0)+1,1)*INDEX($D$3:$AA$30,INDEX(Jesper!$R$2:$R$366,ROW(INDEX(Jesper!AI$2:AI$366,ROUNDDOWN($C3472/24,0)+1,1))-1)+IF('Standard Profiles'!$G$19=$B$10,7,0)+IF('Standard Profiles'!$G$19=$B$17,14,0)+IF('Standard Profiles'!$G$19=$B$24,21,0),MOD($C3472,24)+1)/SUM(INDEX($D$3:$AA$30,INDEX(Jesper!$R$2:$R$366,ROW(INDEX(Jesper!AI$2:AI$366,ROUNDDOWN($C3472/24,0)+1,1))-1)+IF('Standard Profiles'!$G$19=$B$10,7,0)+IF('Standard Profiles'!$G$19=$B$17,14,0)+IF('Standard Profiles'!$G$19=$B$24,21,0),0)),0)</f>
        <v>0</v>
      </c>
      <c r="F3472" cm="1">
        <f t="array" ref="F3472">IFERROR(INDEX(Jesper!AJ$2:AJ$366,ROUNDDOWN($C3472/24,0)+1,1)*INDEX($D$3:$AA$30,INDEX(Jesper!$R$2:$R$366,ROW(INDEX(Jesper!AJ$2:AJ$366,ROUNDDOWN($C3472/24,0)+1,1))-1)+IF('Standard Profiles'!$G$20=$B$10,7,0)+IF('Standard Profiles'!$G$20=$B$17,14,0)+IF('Standard Profiles'!$G$20=$B$24,21,0),MOD($C3472,24)+1)/SUM(INDEX($D$3:$AA$30,INDEX(Jesper!$R$2:$R$366,ROW(INDEX(Jesper!AJ$2:AJ$366,ROUNDDOWN($C3472/24,0)+1,1))-1)+IF('Standard Profiles'!$G$20=$B$10,7,0)+IF('Standard Profiles'!$G$20=$B$17,14,0)+IF('Standard Profiles'!$G$20=$B$24,21,0),0)),0)</f>
        <v>0</v>
      </c>
      <c r="G3472" cm="1">
        <f t="array" ref="G3472">IFERROR(INDEX(Jesper!AK$2:AK$366,ROUNDDOWN($C3472/24,0)+1,1)*INDEX($D$3:$AA$30,INDEX(Jesper!$R$2:$R$366,ROW(INDEX(Jesper!AK$2:AK$366,ROUNDDOWN($C3472/24,0)+1,1))-1)+IF('Standard Profiles'!$G$21=$B$10,7,0)+IF('Standard Profiles'!$G$21=$B$17,14,0)+IF('Standard Profiles'!$G$21=$B$24,21,0),MOD($C3472,24)+1)/SUM(INDEX($D$3:$AA$30,INDEX(Jesper!$R$2:$R$366,ROW(INDEX(Jesper!AK$2:AK$366,ROUNDDOWN($C3472/24,0)+1,1))-1)+IF('Standard Profiles'!$G$21=$B$10,7,0)+IF('Standard Profiles'!$G$21=$B$17,14,0)+IF('Standard Profiles'!$G$21=$B$24,21,0),0)),0)</f>
        <v>0</v>
      </c>
      <c r="H3472" cm="1">
        <f t="array" ref="H3472">IFERROR(INDEX(Jesper!AL$2:AL$366,ROUNDDOWN($C3472/24,0)+1,1)*INDEX($D$3:$AA$30,INDEX(Jesper!$R$2:$R$366,ROW(INDEX(Jesper!AL$2:AL$366,ROUNDDOWN($C3472/24,0)+1,1))-1)+IF('Standard Profiles'!$G$22=$B$10,7,0)+IF('Standard Profiles'!$G$22=$B$17,14,0)+IF('Standard Profiles'!$G$22=$B$24,21,0),MOD($C3472,24)+1)/SUM(INDEX($D$3:$AA$30,INDEX(Jesper!$R$2:$R$366,ROW(INDEX(Jesper!AL$2:AL$366,ROUNDDOWN($C3472/24,0)+1,1))-1)+IF('Standard Profiles'!$G$22=$B$10,7,0)+IF('Standard Profiles'!$G$22=$B$17,14,0)+IF('Standard Profiles'!$G$22=$B$24,21,0),0)),0)</f>
        <v>0</v>
      </c>
      <c r="I3472">
        <f t="shared" si="391"/>
        <v>0.32388836025759526</v>
      </c>
      <c r="J3472">
        <f t="shared" si="392"/>
        <v>1.0796278675253175</v>
      </c>
      <c r="K3472">
        <f t="shared" si="393"/>
        <v>1.6194418012879763</v>
      </c>
      <c r="L3472">
        <f t="shared" si="394"/>
        <v>7.7733206461822855</v>
      </c>
      <c r="M3472">
        <f t="shared" si="395"/>
        <v>0</v>
      </c>
      <c r="N3472" s="46">
        <f t="shared" si="396"/>
        <v>45435.249999991662</v>
      </c>
    </row>
    <row r="3473" spans="2:14" x14ac:dyDescent="0.3">
      <c r="B3473">
        <f t="shared" si="390"/>
        <v>4</v>
      </c>
      <c r="C3473" s="16">
        <v>3439</v>
      </c>
      <c r="D3473" cm="1">
        <f t="array" ref="D3473">IFERROR(INDEX(Jesper!AH$2:AH$366,ROUNDDOWN($C3473/24,0)+1,1)*INDEX($D$3:$AA$30,INDEX(Jesper!$R$2:$R$366,ROW(INDEX(Jesper!AH$2:AH$366,ROUNDDOWN($C3473/24,0)+1,1))-1)+IF('Standard Profiles'!$G$18=$B$10,7,0)+IF('Standard Profiles'!$G$18=$B$17,14,0)+IF('Standard Profiles'!$G$18=$B$24,21,0),MOD($C3473,24)+1)/SUM(INDEX($D$3:$AA$30,INDEX(Jesper!$R$2:$R$366,ROW(INDEX(Jesper!AH$2:AH$366,ROUNDDOWN($C3473/24,0)+1,1))-1)+IF('Standard Profiles'!$G$18=$B$10,7,0)+IF('Standard Profiles'!$G$18=$B$17,14,0)+IF('Standard Profiles'!$G$18=$B$24,21,0),0)),0)</f>
        <v>10.796278675253175</v>
      </c>
      <c r="E3473" cm="1">
        <f t="array" ref="E3473">IFERROR(INDEX(Jesper!AI$2:AI$366,ROUNDDOWN($C3473/24,0)+1,1)*INDEX($D$3:$AA$30,INDEX(Jesper!$R$2:$R$366,ROW(INDEX(Jesper!AI$2:AI$366,ROUNDDOWN($C3473/24,0)+1,1))-1)+IF('Standard Profiles'!$G$19=$B$10,7,0)+IF('Standard Profiles'!$G$19=$B$17,14,0)+IF('Standard Profiles'!$G$19=$B$24,21,0),MOD($C3473,24)+1)/SUM(INDEX($D$3:$AA$30,INDEX(Jesper!$R$2:$R$366,ROW(INDEX(Jesper!AI$2:AI$366,ROUNDDOWN($C3473/24,0)+1,1))-1)+IF('Standard Profiles'!$G$19=$B$10,7,0)+IF('Standard Profiles'!$G$19=$B$17,14,0)+IF('Standard Profiles'!$G$19=$B$24,21,0),0)),0)</f>
        <v>0</v>
      </c>
      <c r="F3473" cm="1">
        <f t="array" ref="F3473">IFERROR(INDEX(Jesper!AJ$2:AJ$366,ROUNDDOWN($C3473/24,0)+1,1)*INDEX($D$3:$AA$30,INDEX(Jesper!$R$2:$R$366,ROW(INDEX(Jesper!AJ$2:AJ$366,ROUNDDOWN($C3473/24,0)+1,1))-1)+IF('Standard Profiles'!$G$20=$B$10,7,0)+IF('Standard Profiles'!$G$20=$B$17,14,0)+IF('Standard Profiles'!$G$20=$B$24,21,0),MOD($C3473,24)+1)/SUM(INDEX($D$3:$AA$30,INDEX(Jesper!$R$2:$R$366,ROW(INDEX(Jesper!AJ$2:AJ$366,ROUNDDOWN($C3473/24,0)+1,1))-1)+IF('Standard Profiles'!$G$20=$B$10,7,0)+IF('Standard Profiles'!$G$20=$B$17,14,0)+IF('Standard Profiles'!$G$20=$B$24,21,0),0)),0)</f>
        <v>0</v>
      </c>
      <c r="G3473" cm="1">
        <f t="array" ref="G3473">IFERROR(INDEX(Jesper!AK$2:AK$366,ROUNDDOWN($C3473/24,0)+1,1)*INDEX($D$3:$AA$30,INDEX(Jesper!$R$2:$R$366,ROW(INDEX(Jesper!AK$2:AK$366,ROUNDDOWN($C3473/24,0)+1,1))-1)+IF('Standard Profiles'!$G$21=$B$10,7,0)+IF('Standard Profiles'!$G$21=$B$17,14,0)+IF('Standard Profiles'!$G$21=$B$24,21,0),MOD($C3473,24)+1)/SUM(INDEX($D$3:$AA$30,INDEX(Jesper!$R$2:$R$366,ROW(INDEX(Jesper!AK$2:AK$366,ROUNDDOWN($C3473/24,0)+1,1))-1)+IF('Standard Profiles'!$G$21=$B$10,7,0)+IF('Standard Profiles'!$G$21=$B$17,14,0)+IF('Standard Profiles'!$G$21=$B$24,21,0),0)),0)</f>
        <v>0</v>
      </c>
      <c r="H3473" cm="1">
        <f t="array" ref="H3473">IFERROR(INDEX(Jesper!AL$2:AL$366,ROUNDDOWN($C3473/24,0)+1,1)*INDEX($D$3:$AA$30,INDEX(Jesper!$R$2:$R$366,ROW(INDEX(Jesper!AL$2:AL$366,ROUNDDOWN($C3473/24,0)+1,1))-1)+IF('Standard Profiles'!$G$22=$B$10,7,0)+IF('Standard Profiles'!$G$22=$B$17,14,0)+IF('Standard Profiles'!$G$22=$B$24,21,0),MOD($C3473,24)+1)/SUM(INDEX($D$3:$AA$30,INDEX(Jesper!$R$2:$R$366,ROW(INDEX(Jesper!AL$2:AL$366,ROUNDDOWN($C3473/24,0)+1,1))-1)+IF('Standard Profiles'!$G$22=$B$10,7,0)+IF('Standard Profiles'!$G$22=$B$17,14,0)+IF('Standard Profiles'!$G$22=$B$24,21,0),0)),0)</f>
        <v>0</v>
      </c>
      <c r="I3473">
        <f t="shared" si="391"/>
        <v>0.32388836025759526</v>
      </c>
      <c r="J3473">
        <f t="shared" si="392"/>
        <v>1.0796278675253175</v>
      </c>
      <c r="K3473">
        <f t="shared" si="393"/>
        <v>1.6194418012879763</v>
      </c>
      <c r="L3473">
        <f t="shared" si="394"/>
        <v>7.7733206461822855</v>
      </c>
      <c r="M3473">
        <f t="shared" si="395"/>
        <v>0</v>
      </c>
      <c r="N3473" s="46">
        <f t="shared" si="396"/>
        <v>45435.291666658326</v>
      </c>
    </row>
    <row r="3474" spans="2:14" x14ac:dyDescent="0.3">
      <c r="B3474">
        <f t="shared" si="390"/>
        <v>4</v>
      </c>
      <c r="C3474" s="16">
        <v>3440</v>
      </c>
      <c r="D3474" cm="1">
        <f t="array" ref="D3474">IFERROR(INDEX(Jesper!AH$2:AH$366,ROUNDDOWN($C3474/24,0)+1,1)*INDEX($D$3:$AA$30,INDEX(Jesper!$R$2:$R$366,ROW(INDEX(Jesper!AH$2:AH$366,ROUNDDOWN($C3474/24,0)+1,1))-1)+IF('Standard Profiles'!$G$18=$B$10,7,0)+IF('Standard Profiles'!$G$18=$B$17,14,0)+IF('Standard Profiles'!$G$18=$B$24,21,0),MOD($C3474,24)+1)/SUM(INDEX($D$3:$AA$30,INDEX(Jesper!$R$2:$R$366,ROW(INDEX(Jesper!AH$2:AH$366,ROUNDDOWN($C3474/24,0)+1,1))-1)+IF('Standard Profiles'!$G$18=$B$10,7,0)+IF('Standard Profiles'!$G$18=$B$17,14,0)+IF('Standard Profiles'!$G$18=$B$24,21,0),0)),0)</f>
        <v>10.796278675253175</v>
      </c>
      <c r="E3474" cm="1">
        <f t="array" ref="E3474">IFERROR(INDEX(Jesper!AI$2:AI$366,ROUNDDOWN($C3474/24,0)+1,1)*INDEX($D$3:$AA$30,INDEX(Jesper!$R$2:$R$366,ROW(INDEX(Jesper!AI$2:AI$366,ROUNDDOWN($C3474/24,0)+1,1))-1)+IF('Standard Profiles'!$G$19=$B$10,7,0)+IF('Standard Profiles'!$G$19=$B$17,14,0)+IF('Standard Profiles'!$G$19=$B$24,21,0),MOD($C3474,24)+1)/SUM(INDEX($D$3:$AA$30,INDEX(Jesper!$R$2:$R$366,ROW(INDEX(Jesper!AI$2:AI$366,ROUNDDOWN($C3474/24,0)+1,1))-1)+IF('Standard Profiles'!$G$19=$B$10,7,0)+IF('Standard Profiles'!$G$19=$B$17,14,0)+IF('Standard Profiles'!$G$19=$B$24,21,0),0)),0)</f>
        <v>0</v>
      </c>
      <c r="F3474" cm="1">
        <f t="array" ref="F3474">IFERROR(INDEX(Jesper!AJ$2:AJ$366,ROUNDDOWN($C3474/24,0)+1,1)*INDEX($D$3:$AA$30,INDEX(Jesper!$R$2:$R$366,ROW(INDEX(Jesper!AJ$2:AJ$366,ROUNDDOWN($C3474/24,0)+1,1))-1)+IF('Standard Profiles'!$G$20=$B$10,7,0)+IF('Standard Profiles'!$G$20=$B$17,14,0)+IF('Standard Profiles'!$G$20=$B$24,21,0),MOD($C3474,24)+1)/SUM(INDEX($D$3:$AA$30,INDEX(Jesper!$R$2:$R$366,ROW(INDEX(Jesper!AJ$2:AJ$366,ROUNDDOWN($C3474/24,0)+1,1))-1)+IF('Standard Profiles'!$G$20=$B$10,7,0)+IF('Standard Profiles'!$G$20=$B$17,14,0)+IF('Standard Profiles'!$G$20=$B$24,21,0),0)),0)</f>
        <v>0</v>
      </c>
      <c r="G3474" cm="1">
        <f t="array" ref="G3474">IFERROR(INDEX(Jesper!AK$2:AK$366,ROUNDDOWN($C3474/24,0)+1,1)*INDEX($D$3:$AA$30,INDEX(Jesper!$R$2:$R$366,ROW(INDEX(Jesper!AK$2:AK$366,ROUNDDOWN($C3474/24,0)+1,1))-1)+IF('Standard Profiles'!$G$21=$B$10,7,0)+IF('Standard Profiles'!$G$21=$B$17,14,0)+IF('Standard Profiles'!$G$21=$B$24,21,0),MOD($C3474,24)+1)/SUM(INDEX($D$3:$AA$30,INDEX(Jesper!$R$2:$R$366,ROW(INDEX(Jesper!AK$2:AK$366,ROUNDDOWN($C3474/24,0)+1,1))-1)+IF('Standard Profiles'!$G$21=$B$10,7,0)+IF('Standard Profiles'!$G$21=$B$17,14,0)+IF('Standard Profiles'!$G$21=$B$24,21,0),0)),0)</f>
        <v>0</v>
      </c>
      <c r="H3474" cm="1">
        <f t="array" ref="H3474">IFERROR(INDEX(Jesper!AL$2:AL$366,ROUNDDOWN($C3474/24,0)+1,1)*INDEX($D$3:$AA$30,INDEX(Jesper!$R$2:$R$366,ROW(INDEX(Jesper!AL$2:AL$366,ROUNDDOWN($C3474/24,0)+1,1))-1)+IF('Standard Profiles'!$G$22=$B$10,7,0)+IF('Standard Profiles'!$G$22=$B$17,14,0)+IF('Standard Profiles'!$G$22=$B$24,21,0),MOD($C3474,24)+1)/SUM(INDEX($D$3:$AA$30,INDEX(Jesper!$R$2:$R$366,ROW(INDEX(Jesper!AL$2:AL$366,ROUNDDOWN($C3474/24,0)+1,1))-1)+IF('Standard Profiles'!$G$22=$B$10,7,0)+IF('Standard Profiles'!$G$22=$B$17,14,0)+IF('Standard Profiles'!$G$22=$B$24,21,0),0)),0)</f>
        <v>0</v>
      </c>
      <c r="I3474">
        <f t="shared" si="391"/>
        <v>0.32388836025759526</v>
      </c>
      <c r="J3474">
        <f t="shared" si="392"/>
        <v>1.0796278675253175</v>
      </c>
      <c r="K3474">
        <f t="shared" si="393"/>
        <v>1.6194418012879763</v>
      </c>
      <c r="L3474">
        <f t="shared" si="394"/>
        <v>7.7733206461822855</v>
      </c>
      <c r="M3474">
        <f t="shared" si="395"/>
        <v>0</v>
      </c>
      <c r="N3474" s="46">
        <f t="shared" si="396"/>
        <v>45435.33333332499</v>
      </c>
    </row>
    <row r="3475" spans="2:14" x14ac:dyDescent="0.3">
      <c r="B3475">
        <f t="shared" si="390"/>
        <v>4</v>
      </c>
      <c r="C3475" s="16">
        <v>3441</v>
      </c>
      <c r="D3475" cm="1">
        <f t="array" ref="D3475">IFERROR(INDEX(Jesper!AH$2:AH$366,ROUNDDOWN($C3475/24,0)+1,1)*INDEX($D$3:$AA$30,INDEX(Jesper!$R$2:$R$366,ROW(INDEX(Jesper!AH$2:AH$366,ROUNDDOWN($C3475/24,0)+1,1))-1)+IF('Standard Profiles'!$G$18=$B$10,7,0)+IF('Standard Profiles'!$G$18=$B$17,14,0)+IF('Standard Profiles'!$G$18=$B$24,21,0),MOD($C3475,24)+1)/SUM(INDEX($D$3:$AA$30,INDEX(Jesper!$R$2:$R$366,ROW(INDEX(Jesper!AH$2:AH$366,ROUNDDOWN($C3475/24,0)+1,1))-1)+IF('Standard Profiles'!$G$18=$B$10,7,0)+IF('Standard Profiles'!$G$18=$B$17,14,0)+IF('Standard Profiles'!$G$18=$B$24,21,0),0)),0)</f>
        <v>11.601971113704902</v>
      </c>
      <c r="E3475" cm="1">
        <f t="array" ref="E3475">IFERROR(INDEX(Jesper!AI$2:AI$366,ROUNDDOWN($C3475/24,0)+1,1)*INDEX($D$3:$AA$30,INDEX(Jesper!$R$2:$R$366,ROW(INDEX(Jesper!AI$2:AI$366,ROUNDDOWN($C3475/24,0)+1,1))-1)+IF('Standard Profiles'!$G$19=$B$10,7,0)+IF('Standard Profiles'!$G$19=$B$17,14,0)+IF('Standard Profiles'!$G$19=$B$24,21,0),MOD($C3475,24)+1)/SUM(INDEX($D$3:$AA$30,INDEX(Jesper!$R$2:$R$366,ROW(INDEX(Jesper!AI$2:AI$366,ROUNDDOWN($C3475/24,0)+1,1))-1)+IF('Standard Profiles'!$G$19=$B$10,7,0)+IF('Standard Profiles'!$G$19=$B$17,14,0)+IF('Standard Profiles'!$G$19=$B$24,21,0),0)),0)</f>
        <v>0</v>
      </c>
      <c r="F3475" cm="1">
        <f t="array" ref="F3475">IFERROR(INDEX(Jesper!AJ$2:AJ$366,ROUNDDOWN($C3475/24,0)+1,1)*INDEX($D$3:$AA$30,INDEX(Jesper!$R$2:$R$366,ROW(INDEX(Jesper!AJ$2:AJ$366,ROUNDDOWN($C3475/24,0)+1,1))-1)+IF('Standard Profiles'!$G$20=$B$10,7,0)+IF('Standard Profiles'!$G$20=$B$17,14,0)+IF('Standard Profiles'!$G$20=$B$24,21,0),MOD($C3475,24)+1)/SUM(INDEX($D$3:$AA$30,INDEX(Jesper!$R$2:$R$366,ROW(INDEX(Jesper!AJ$2:AJ$366,ROUNDDOWN($C3475/24,0)+1,1))-1)+IF('Standard Profiles'!$G$20=$B$10,7,0)+IF('Standard Profiles'!$G$20=$B$17,14,0)+IF('Standard Profiles'!$G$20=$B$24,21,0),0)),0)</f>
        <v>0</v>
      </c>
      <c r="G3475" cm="1">
        <f t="array" ref="G3475">IFERROR(INDEX(Jesper!AK$2:AK$366,ROUNDDOWN($C3475/24,0)+1,1)*INDEX($D$3:$AA$30,INDEX(Jesper!$R$2:$R$366,ROW(INDEX(Jesper!AK$2:AK$366,ROUNDDOWN($C3475/24,0)+1,1))-1)+IF('Standard Profiles'!$G$21=$B$10,7,0)+IF('Standard Profiles'!$G$21=$B$17,14,0)+IF('Standard Profiles'!$G$21=$B$24,21,0),MOD($C3475,24)+1)/SUM(INDEX($D$3:$AA$30,INDEX(Jesper!$R$2:$R$366,ROW(INDEX(Jesper!AK$2:AK$366,ROUNDDOWN($C3475/24,0)+1,1))-1)+IF('Standard Profiles'!$G$21=$B$10,7,0)+IF('Standard Profiles'!$G$21=$B$17,14,0)+IF('Standard Profiles'!$G$21=$B$24,21,0),0)),0)</f>
        <v>0</v>
      </c>
      <c r="H3475" cm="1">
        <f t="array" ref="H3475">IFERROR(INDEX(Jesper!AL$2:AL$366,ROUNDDOWN($C3475/24,0)+1,1)*INDEX($D$3:$AA$30,INDEX(Jesper!$R$2:$R$366,ROW(INDEX(Jesper!AL$2:AL$366,ROUNDDOWN($C3475/24,0)+1,1))-1)+IF('Standard Profiles'!$G$22=$B$10,7,0)+IF('Standard Profiles'!$G$22=$B$17,14,0)+IF('Standard Profiles'!$G$22=$B$24,21,0),MOD($C3475,24)+1)/SUM(INDEX($D$3:$AA$30,INDEX(Jesper!$R$2:$R$366,ROW(INDEX(Jesper!AL$2:AL$366,ROUNDDOWN($C3475/24,0)+1,1))-1)+IF('Standard Profiles'!$G$22=$B$10,7,0)+IF('Standard Profiles'!$G$22=$B$17,14,0)+IF('Standard Profiles'!$G$22=$B$24,21,0),0)),0)</f>
        <v>0</v>
      </c>
      <c r="I3475">
        <f t="shared" si="391"/>
        <v>0.34805913341114703</v>
      </c>
      <c r="J3475">
        <f t="shared" si="392"/>
        <v>1.1601971113704903</v>
      </c>
      <c r="K3475">
        <f t="shared" si="393"/>
        <v>1.7402956670557352</v>
      </c>
      <c r="L3475">
        <f t="shared" si="394"/>
        <v>8.3534192018675295</v>
      </c>
      <c r="M3475">
        <f t="shared" si="395"/>
        <v>0</v>
      </c>
      <c r="N3475" s="46">
        <f t="shared" si="396"/>
        <v>45435.374999991654</v>
      </c>
    </row>
    <row r="3476" spans="2:14" x14ac:dyDescent="0.3">
      <c r="B3476">
        <f t="shared" si="390"/>
        <v>4</v>
      </c>
      <c r="C3476" s="16">
        <v>3442</v>
      </c>
      <c r="D3476" cm="1">
        <f t="array" ref="D3476">IFERROR(INDEX(Jesper!AH$2:AH$366,ROUNDDOWN($C3476/24,0)+1,1)*INDEX($D$3:$AA$30,INDEX(Jesper!$R$2:$R$366,ROW(INDEX(Jesper!AH$2:AH$366,ROUNDDOWN($C3476/24,0)+1,1))-1)+IF('Standard Profiles'!$G$18=$B$10,7,0)+IF('Standard Profiles'!$G$18=$B$17,14,0)+IF('Standard Profiles'!$G$18=$B$24,21,0),MOD($C3476,24)+1)/SUM(INDEX($D$3:$AA$30,INDEX(Jesper!$R$2:$R$366,ROW(INDEX(Jesper!AH$2:AH$366,ROUNDDOWN($C3476/24,0)+1,1))-1)+IF('Standard Profiles'!$G$18=$B$10,7,0)+IF('Standard Profiles'!$G$18=$B$17,14,0)+IF('Standard Profiles'!$G$18=$B$24,21,0),0)),0)</f>
        <v>12.568802039846977</v>
      </c>
      <c r="E3476" cm="1">
        <f t="array" ref="E3476">IFERROR(INDEX(Jesper!AI$2:AI$366,ROUNDDOWN($C3476/24,0)+1,1)*INDEX($D$3:$AA$30,INDEX(Jesper!$R$2:$R$366,ROW(INDEX(Jesper!AI$2:AI$366,ROUNDDOWN($C3476/24,0)+1,1))-1)+IF('Standard Profiles'!$G$19=$B$10,7,0)+IF('Standard Profiles'!$G$19=$B$17,14,0)+IF('Standard Profiles'!$G$19=$B$24,21,0),MOD($C3476,24)+1)/SUM(INDEX($D$3:$AA$30,INDEX(Jesper!$R$2:$R$366,ROW(INDEX(Jesper!AI$2:AI$366,ROUNDDOWN($C3476/24,0)+1,1))-1)+IF('Standard Profiles'!$G$19=$B$10,7,0)+IF('Standard Profiles'!$G$19=$B$17,14,0)+IF('Standard Profiles'!$G$19=$B$24,21,0),0)),0)</f>
        <v>0</v>
      </c>
      <c r="F3476" cm="1">
        <f t="array" ref="F3476">IFERROR(INDEX(Jesper!AJ$2:AJ$366,ROUNDDOWN($C3476/24,0)+1,1)*INDEX($D$3:$AA$30,INDEX(Jesper!$R$2:$R$366,ROW(INDEX(Jesper!AJ$2:AJ$366,ROUNDDOWN($C3476/24,0)+1,1))-1)+IF('Standard Profiles'!$G$20=$B$10,7,0)+IF('Standard Profiles'!$G$20=$B$17,14,0)+IF('Standard Profiles'!$G$20=$B$24,21,0),MOD($C3476,24)+1)/SUM(INDEX($D$3:$AA$30,INDEX(Jesper!$R$2:$R$366,ROW(INDEX(Jesper!AJ$2:AJ$366,ROUNDDOWN($C3476/24,0)+1,1))-1)+IF('Standard Profiles'!$G$20=$B$10,7,0)+IF('Standard Profiles'!$G$20=$B$17,14,0)+IF('Standard Profiles'!$G$20=$B$24,21,0),0)),0)</f>
        <v>0</v>
      </c>
      <c r="G3476" cm="1">
        <f t="array" ref="G3476">IFERROR(INDEX(Jesper!AK$2:AK$366,ROUNDDOWN($C3476/24,0)+1,1)*INDEX($D$3:$AA$30,INDEX(Jesper!$R$2:$R$366,ROW(INDEX(Jesper!AK$2:AK$366,ROUNDDOWN($C3476/24,0)+1,1))-1)+IF('Standard Profiles'!$G$21=$B$10,7,0)+IF('Standard Profiles'!$G$21=$B$17,14,0)+IF('Standard Profiles'!$G$21=$B$24,21,0),MOD($C3476,24)+1)/SUM(INDEX($D$3:$AA$30,INDEX(Jesper!$R$2:$R$366,ROW(INDEX(Jesper!AK$2:AK$366,ROUNDDOWN($C3476/24,0)+1,1))-1)+IF('Standard Profiles'!$G$21=$B$10,7,0)+IF('Standard Profiles'!$G$21=$B$17,14,0)+IF('Standard Profiles'!$G$21=$B$24,21,0),0)),0)</f>
        <v>0</v>
      </c>
      <c r="H3476" cm="1">
        <f t="array" ref="H3476">IFERROR(INDEX(Jesper!AL$2:AL$366,ROUNDDOWN($C3476/24,0)+1,1)*INDEX($D$3:$AA$30,INDEX(Jesper!$R$2:$R$366,ROW(INDEX(Jesper!AL$2:AL$366,ROUNDDOWN($C3476/24,0)+1,1))-1)+IF('Standard Profiles'!$G$22=$B$10,7,0)+IF('Standard Profiles'!$G$22=$B$17,14,0)+IF('Standard Profiles'!$G$22=$B$24,21,0),MOD($C3476,24)+1)/SUM(INDEX($D$3:$AA$30,INDEX(Jesper!$R$2:$R$366,ROW(INDEX(Jesper!AL$2:AL$366,ROUNDDOWN($C3476/24,0)+1,1))-1)+IF('Standard Profiles'!$G$22=$B$10,7,0)+IF('Standard Profiles'!$G$22=$B$17,14,0)+IF('Standard Profiles'!$G$22=$B$24,21,0),0)),0)</f>
        <v>0</v>
      </c>
      <c r="I3476">
        <f t="shared" si="391"/>
        <v>0.37706406119540931</v>
      </c>
      <c r="J3476">
        <f t="shared" si="392"/>
        <v>1.2568802039846978</v>
      </c>
      <c r="K3476">
        <f t="shared" si="393"/>
        <v>1.8853203059770465</v>
      </c>
      <c r="L3476">
        <f t="shared" si="394"/>
        <v>9.0495374686898238</v>
      </c>
      <c r="M3476">
        <f t="shared" si="395"/>
        <v>0</v>
      </c>
      <c r="N3476" s="46">
        <f t="shared" si="396"/>
        <v>45435.416666658319</v>
      </c>
    </row>
    <row r="3477" spans="2:14" x14ac:dyDescent="0.3">
      <c r="B3477">
        <f t="shared" si="390"/>
        <v>4</v>
      </c>
      <c r="C3477" s="16">
        <v>3443</v>
      </c>
      <c r="D3477" cm="1">
        <f t="array" ref="D3477">IFERROR(INDEX(Jesper!AH$2:AH$366,ROUNDDOWN($C3477/24,0)+1,1)*INDEX($D$3:$AA$30,INDEX(Jesper!$R$2:$R$366,ROW(INDEX(Jesper!AH$2:AH$366,ROUNDDOWN($C3477/24,0)+1,1))-1)+IF('Standard Profiles'!$G$18=$B$10,7,0)+IF('Standard Profiles'!$G$18=$B$17,14,0)+IF('Standard Profiles'!$G$18=$B$24,21,0),MOD($C3477,24)+1)/SUM(INDEX($D$3:$AA$30,INDEX(Jesper!$R$2:$R$366,ROW(INDEX(Jesper!AH$2:AH$366,ROUNDDOWN($C3477/24,0)+1,1))-1)+IF('Standard Profiles'!$G$18=$B$10,7,0)+IF('Standard Profiles'!$G$18=$B$17,14,0)+IF('Standard Profiles'!$G$18=$B$24,21,0),0)),0)</f>
        <v>14.50246389213113</v>
      </c>
      <c r="E3477" cm="1">
        <f t="array" ref="E3477">IFERROR(INDEX(Jesper!AI$2:AI$366,ROUNDDOWN($C3477/24,0)+1,1)*INDEX($D$3:$AA$30,INDEX(Jesper!$R$2:$R$366,ROW(INDEX(Jesper!AI$2:AI$366,ROUNDDOWN($C3477/24,0)+1,1))-1)+IF('Standard Profiles'!$G$19=$B$10,7,0)+IF('Standard Profiles'!$G$19=$B$17,14,0)+IF('Standard Profiles'!$G$19=$B$24,21,0),MOD($C3477,24)+1)/SUM(INDEX($D$3:$AA$30,INDEX(Jesper!$R$2:$R$366,ROW(INDEX(Jesper!AI$2:AI$366,ROUNDDOWN($C3477/24,0)+1,1))-1)+IF('Standard Profiles'!$G$19=$B$10,7,0)+IF('Standard Profiles'!$G$19=$B$17,14,0)+IF('Standard Profiles'!$G$19=$B$24,21,0),0)),0)</f>
        <v>0</v>
      </c>
      <c r="F3477" cm="1">
        <f t="array" ref="F3477">IFERROR(INDEX(Jesper!AJ$2:AJ$366,ROUNDDOWN($C3477/24,0)+1,1)*INDEX($D$3:$AA$30,INDEX(Jesper!$R$2:$R$366,ROW(INDEX(Jesper!AJ$2:AJ$366,ROUNDDOWN($C3477/24,0)+1,1))-1)+IF('Standard Profiles'!$G$20=$B$10,7,0)+IF('Standard Profiles'!$G$20=$B$17,14,0)+IF('Standard Profiles'!$G$20=$B$24,21,0),MOD($C3477,24)+1)/SUM(INDEX($D$3:$AA$30,INDEX(Jesper!$R$2:$R$366,ROW(INDEX(Jesper!AJ$2:AJ$366,ROUNDDOWN($C3477/24,0)+1,1))-1)+IF('Standard Profiles'!$G$20=$B$10,7,0)+IF('Standard Profiles'!$G$20=$B$17,14,0)+IF('Standard Profiles'!$G$20=$B$24,21,0),0)),0)</f>
        <v>0</v>
      </c>
      <c r="G3477" cm="1">
        <f t="array" ref="G3477">IFERROR(INDEX(Jesper!AK$2:AK$366,ROUNDDOWN($C3477/24,0)+1,1)*INDEX($D$3:$AA$30,INDEX(Jesper!$R$2:$R$366,ROW(INDEX(Jesper!AK$2:AK$366,ROUNDDOWN($C3477/24,0)+1,1))-1)+IF('Standard Profiles'!$G$21=$B$10,7,0)+IF('Standard Profiles'!$G$21=$B$17,14,0)+IF('Standard Profiles'!$G$21=$B$24,21,0),MOD($C3477,24)+1)/SUM(INDEX($D$3:$AA$30,INDEX(Jesper!$R$2:$R$366,ROW(INDEX(Jesper!AK$2:AK$366,ROUNDDOWN($C3477/24,0)+1,1))-1)+IF('Standard Profiles'!$G$21=$B$10,7,0)+IF('Standard Profiles'!$G$21=$B$17,14,0)+IF('Standard Profiles'!$G$21=$B$24,21,0),0)),0)</f>
        <v>0</v>
      </c>
      <c r="H3477" cm="1">
        <f t="array" ref="H3477">IFERROR(INDEX(Jesper!AL$2:AL$366,ROUNDDOWN($C3477/24,0)+1,1)*INDEX($D$3:$AA$30,INDEX(Jesper!$R$2:$R$366,ROW(INDEX(Jesper!AL$2:AL$366,ROUNDDOWN($C3477/24,0)+1,1))-1)+IF('Standard Profiles'!$G$22=$B$10,7,0)+IF('Standard Profiles'!$G$22=$B$17,14,0)+IF('Standard Profiles'!$G$22=$B$24,21,0),MOD($C3477,24)+1)/SUM(INDEX($D$3:$AA$30,INDEX(Jesper!$R$2:$R$366,ROW(INDEX(Jesper!AL$2:AL$366,ROUNDDOWN($C3477/24,0)+1,1))-1)+IF('Standard Profiles'!$G$22=$B$10,7,0)+IF('Standard Profiles'!$G$22=$B$17,14,0)+IF('Standard Profiles'!$G$22=$B$24,21,0),0)),0)</f>
        <v>0</v>
      </c>
      <c r="I3477">
        <f t="shared" si="391"/>
        <v>0.43507391676393392</v>
      </c>
      <c r="J3477">
        <f t="shared" si="392"/>
        <v>1.4502463892131132</v>
      </c>
      <c r="K3477">
        <f t="shared" si="393"/>
        <v>2.1753695838196694</v>
      </c>
      <c r="L3477">
        <f t="shared" si="394"/>
        <v>10.441774002334414</v>
      </c>
      <c r="M3477">
        <f t="shared" si="395"/>
        <v>0</v>
      </c>
      <c r="N3477" s="46">
        <f t="shared" si="396"/>
        <v>45435.458333324983</v>
      </c>
    </row>
    <row r="3478" spans="2:14" x14ac:dyDescent="0.3">
      <c r="B3478">
        <f t="shared" si="390"/>
        <v>4</v>
      </c>
      <c r="C3478" s="16">
        <v>3444</v>
      </c>
      <c r="D3478" cm="1">
        <f t="array" ref="D3478">IFERROR(INDEX(Jesper!AH$2:AH$366,ROUNDDOWN($C3478/24,0)+1,1)*INDEX($D$3:$AA$30,INDEX(Jesper!$R$2:$R$366,ROW(INDEX(Jesper!AH$2:AH$366,ROUNDDOWN($C3478/24,0)+1,1))-1)+IF('Standard Profiles'!$G$18=$B$10,7,0)+IF('Standard Profiles'!$G$18=$B$17,14,0)+IF('Standard Profiles'!$G$18=$B$24,21,0),MOD($C3478,24)+1)/SUM(INDEX($D$3:$AA$30,INDEX(Jesper!$R$2:$R$366,ROW(INDEX(Jesper!AH$2:AH$366,ROUNDDOWN($C3478/24,0)+1,1))-1)+IF('Standard Profiles'!$G$18=$B$10,7,0)+IF('Standard Profiles'!$G$18=$B$17,14,0)+IF('Standard Profiles'!$G$18=$B$24,21,0),0)),0)</f>
        <v>14.50246389213113</v>
      </c>
      <c r="E3478" cm="1">
        <f t="array" ref="E3478">IFERROR(INDEX(Jesper!AI$2:AI$366,ROUNDDOWN($C3478/24,0)+1,1)*INDEX($D$3:$AA$30,INDEX(Jesper!$R$2:$R$366,ROW(INDEX(Jesper!AI$2:AI$366,ROUNDDOWN($C3478/24,0)+1,1))-1)+IF('Standard Profiles'!$G$19=$B$10,7,0)+IF('Standard Profiles'!$G$19=$B$17,14,0)+IF('Standard Profiles'!$G$19=$B$24,21,0),MOD($C3478,24)+1)/SUM(INDEX($D$3:$AA$30,INDEX(Jesper!$R$2:$R$366,ROW(INDEX(Jesper!AI$2:AI$366,ROUNDDOWN($C3478/24,0)+1,1))-1)+IF('Standard Profiles'!$G$19=$B$10,7,0)+IF('Standard Profiles'!$G$19=$B$17,14,0)+IF('Standard Profiles'!$G$19=$B$24,21,0),0)),0)</f>
        <v>0</v>
      </c>
      <c r="F3478" cm="1">
        <f t="array" ref="F3478">IFERROR(INDEX(Jesper!AJ$2:AJ$366,ROUNDDOWN($C3478/24,0)+1,1)*INDEX($D$3:$AA$30,INDEX(Jesper!$R$2:$R$366,ROW(INDEX(Jesper!AJ$2:AJ$366,ROUNDDOWN($C3478/24,0)+1,1))-1)+IF('Standard Profiles'!$G$20=$B$10,7,0)+IF('Standard Profiles'!$G$20=$B$17,14,0)+IF('Standard Profiles'!$G$20=$B$24,21,0),MOD($C3478,24)+1)/SUM(INDEX($D$3:$AA$30,INDEX(Jesper!$R$2:$R$366,ROW(INDEX(Jesper!AJ$2:AJ$366,ROUNDDOWN($C3478/24,0)+1,1))-1)+IF('Standard Profiles'!$G$20=$B$10,7,0)+IF('Standard Profiles'!$G$20=$B$17,14,0)+IF('Standard Profiles'!$G$20=$B$24,21,0),0)),0)</f>
        <v>0</v>
      </c>
      <c r="G3478" cm="1">
        <f t="array" ref="G3478">IFERROR(INDEX(Jesper!AK$2:AK$366,ROUNDDOWN($C3478/24,0)+1,1)*INDEX($D$3:$AA$30,INDEX(Jesper!$R$2:$R$366,ROW(INDEX(Jesper!AK$2:AK$366,ROUNDDOWN($C3478/24,0)+1,1))-1)+IF('Standard Profiles'!$G$21=$B$10,7,0)+IF('Standard Profiles'!$G$21=$B$17,14,0)+IF('Standard Profiles'!$G$21=$B$24,21,0),MOD($C3478,24)+1)/SUM(INDEX($D$3:$AA$30,INDEX(Jesper!$R$2:$R$366,ROW(INDEX(Jesper!AK$2:AK$366,ROUNDDOWN($C3478/24,0)+1,1))-1)+IF('Standard Profiles'!$G$21=$B$10,7,0)+IF('Standard Profiles'!$G$21=$B$17,14,0)+IF('Standard Profiles'!$G$21=$B$24,21,0),0)),0)</f>
        <v>0</v>
      </c>
      <c r="H3478" cm="1">
        <f t="array" ref="H3478">IFERROR(INDEX(Jesper!AL$2:AL$366,ROUNDDOWN($C3478/24,0)+1,1)*INDEX($D$3:$AA$30,INDEX(Jesper!$R$2:$R$366,ROW(INDEX(Jesper!AL$2:AL$366,ROUNDDOWN($C3478/24,0)+1,1))-1)+IF('Standard Profiles'!$G$22=$B$10,7,0)+IF('Standard Profiles'!$G$22=$B$17,14,0)+IF('Standard Profiles'!$G$22=$B$24,21,0),MOD($C3478,24)+1)/SUM(INDEX($D$3:$AA$30,INDEX(Jesper!$R$2:$R$366,ROW(INDEX(Jesper!AL$2:AL$366,ROUNDDOWN($C3478/24,0)+1,1))-1)+IF('Standard Profiles'!$G$22=$B$10,7,0)+IF('Standard Profiles'!$G$22=$B$17,14,0)+IF('Standard Profiles'!$G$22=$B$24,21,0),0)),0)</f>
        <v>0</v>
      </c>
      <c r="I3478">
        <f t="shared" si="391"/>
        <v>0.43507391676393392</v>
      </c>
      <c r="J3478">
        <f t="shared" si="392"/>
        <v>1.4502463892131132</v>
      </c>
      <c r="K3478">
        <f t="shared" si="393"/>
        <v>2.1753695838196694</v>
      </c>
      <c r="L3478">
        <f t="shared" si="394"/>
        <v>10.441774002334414</v>
      </c>
      <c r="M3478">
        <f t="shared" si="395"/>
        <v>0</v>
      </c>
      <c r="N3478" s="46">
        <f t="shared" si="396"/>
        <v>45435.499999991647</v>
      </c>
    </row>
    <row r="3479" spans="2:14" x14ac:dyDescent="0.3">
      <c r="B3479">
        <f t="shared" si="390"/>
        <v>4</v>
      </c>
      <c r="C3479" s="16">
        <v>3445</v>
      </c>
      <c r="D3479" cm="1">
        <f t="array" ref="D3479">IFERROR(INDEX(Jesper!AH$2:AH$366,ROUNDDOWN($C3479/24,0)+1,1)*INDEX($D$3:$AA$30,INDEX(Jesper!$R$2:$R$366,ROW(INDEX(Jesper!AH$2:AH$366,ROUNDDOWN($C3479/24,0)+1,1))-1)+IF('Standard Profiles'!$G$18=$B$10,7,0)+IF('Standard Profiles'!$G$18=$B$17,14,0)+IF('Standard Profiles'!$G$18=$B$24,21,0),MOD($C3479,24)+1)/SUM(INDEX($D$3:$AA$30,INDEX(Jesper!$R$2:$R$366,ROW(INDEX(Jesper!AH$2:AH$366,ROUNDDOWN($C3479/24,0)+1,1))-1)+IF('Standard Profiles'!$G$18=$B$10,7,0)+IF('Standard Profiles'!$G$18=$B$17,14,0)+IF('Standard Profiles'!$G$18=$B$24,21,0),0)),0)</f>
        <v>14.50246389213113</v>
      </c>
      <c r="E3479" cm="1">
        <f t="array" ref="E3479">IFERROR(INDEX(Jesper!AI$2:AI$366,ROUNDDOWN($C3479/24,0)+1,1)*INDEX($D$3:$AA$30,INDEX(Jesper!$R$2:$R$366,ROW(INDEX(Jesper!AI$2:AI$366,ROUNDDOWN($C3479/24,0)+1,1))-1)+IF('Standard Profiles'!$G$19=$B$10,7,0)+IF('Standard Profiles'!$G$19=$B$17,14,0)+IF('Standard Profiles'!$G$19=$B$24,21,0),MOD($C3479,24)+1)/SUM(INDEX($D$3:$AA$30,INDEX(Jesper!$R$2:$R$366,ROW(INDEX(Jesper!AI$2:AI$366,ROUNDDOWN($C3479/24,0)+1,1))-1)+IF('Standard Profiles'!$G$19=$B$10,7,0)+IF('Standard Profiles'!$G$19=$B$17,14,0)+IF('Standard Profiles'!$G$19=$B$24,21,0),0)),0)</f>
        <v>0</v>
      </c>
      <c r="F3479" cm="1">
        <f t="array" ref="F3479">IFERROR(INDEX(Jesper!AJ$2:AJ$366,ROUNDDOWN($C3479/24,0)+1,1)*INDEX($D$3:$AA$30,INDEX(Jesper!$R$2:$R$366,ROW(INDEX(Jesper!AJ$2:AJ$366,ROUNDDOWN($C3479/24,0)+1,1))-1)+IF('Standard Profiles'!$G$20=$B$10,7,0)+IF('Standard Profiles'!$G$20=$B$17,14,0)+IF('Standard Profiles'!$G$20=$B$24,21,0),MOD($C3479,24)+1)/SUM(INDEX($D$3:$AA$30,INDEX(Jesper!$R$2:$R$366,ROW(INDEX(Jesper!AJ$2:AJ$366,ROUNDDOWN($C3479/24,0)+1,1))-1)+IF('Standard Profiles'!$G$20=$B$10,7,0)+IF('Standard Profiles'!$G$20=$B$17,14,0)+IF('Standard Profiles'!$G$20=$B$24,21,0),0)),0)</f>
        <v>0</v>
      </c>
      <c r="G3479" cm="1">
        <f t="array" ref="G3479">IFERROR(INDEX(Jesper!AK$2:AK$366,ROUNDDOWN($C3479/24,0)+1,1)*INDEX($D$3:$AA$30,INDEX(Jesper!$R$2:$R$366,ROW(INDEX(Jesper!AK$2:AK$366,ROUNDDOWN($C3479/24,0)+1,1))-1)+IF('Standard Profiles'!$G$21=$B$10,7,0)+IF('Standard Profiles'!$G$21=$B$17,14,0)+IF('Standard Profiles'!$G$21=$B$24,21,0),MOD($C3479,24)+1)/SUM(INDEX($D$3:$AA$30,INDEX(Jesper!$R$2:$R$366,ROW(INDEX(Jesper!AK$2:AK$366,ROUNDDOWN($C3479/24,0)+1,1))-1)+IF('Standard Profiles'!$G$21=$B$10,7,0)+IF('Standard Profiles'!$G$21=$B$17,14,0)+IF('Standard Profiles'!$G$21=$B$24,21,0),0)),0)</f>
        <v>0</v>
      </c>
      <c r="H3479" cm="1">
        <f t="array" ref="H3479">IFERROR(INDEX(Jesper!AL$2:AL$366,ROUNDDOWN($C3479/24,0)+1,1)*INDEX($D$3:$AA$30,INDEX(Jesper!$R$2:$R$366,ROW(INDEX(Jesper!AL$2:AL$366,ROUNDDOWN($C3479/24,0)+1,1))-1)+IF('Standard Profiles'!$G$22=$B$10,7,0)+IF('Standard Profiles'!$G$22=$B$17,14,0)+IF('Standard Profiles'!$G$22=$B$24,21,0),MOD($C3479,24)+1)/SUM(INDEX($D$3:$AA$30,INDEX(Jesper!$R$2:$R$366,ROW(INDEX(Jesper!AL$2:AL$366,ROUNDDOWN($C3479/24,0)+1,1))-1)+IF('Standard Profiles'!$G$22=$B$10,7,0)+IF('Standard Profiles'!$G$22=$B$17,14,0)+IF('Standard Profiles'!$G$22=$B$24,21,0),0)),0)</f>
        <v>0</v>
      </c>
      <c r="I3479">
        <f t="shared" si="391"/>
        <v>0.43507391676393392</v>
      </c>
      <c r="J3479">
        <f t="shared" si="392"/>
        <v>1.4502463892131132</v>
      </c>
      <c r="K3479">
        <f t="shared" si="393"/>
        <v>2.1753695838196694</v>
      </c>
      <c r="L3479">
        <f t="shared" si="394"/>
        <v>10.441774002334414</v>
      </c>
      <c r="M3479">
        <f t="shared" si="395"/>
        <v>0</v>
      </c>
      <c r="N3479" s="46">
        <f t="shared" si="396"/>
        <v>45435.541666658311</v>
      </c>
    </row>
    <row r="3480" spans="2:14" x14ac:dyDescent="0.3">
      <c r="B3480">
        <f t="shared" si="390"/>
        <v>4</v>
      </c>
      <c r="C3480" s="16">
        <v>3446</v>
      </c>
      <c r="D3480" cm="1">
        <f t="array" ref="D3480">IFERROR(INDEX(Jesper!AH$2:AH$366,ROUNDDOWN($C3480/24,0)+1,1)*INDEX($D$3:$AA$30,INDEX(Jesper!$R$2:$R$366,ROW(INDEX(Jesper!AH$2:AH$366,ROUNDDOWN($C3480/24,0)+1,1))-1)+IF('Standard Profiles'!$G$18=$B$10,7,0)+IF('Standard Profiles'!$G$18=$B$17,14,0)+IF('Standard Profiles'!$G$18=$B$24,21,0),MOD($C3480,24)+1)/SUM(INDEX($D$3:$AA$30,INDEX(Jesper!$R$2:$R$366,ROW(INDEX(Jesper!AH$2:AH$366,ROUNDDOWN($C3480/24,0)+1,1))-1)+IF('Standard Profiles'!$G$18=$B$10,7,0)+IF('Standard Profiles'!$G$18=$B$17,14,0)+IF('Standard Profiles'!$G$18=$B$24,21,0),0)),0)</f>
        <v>14.50246389213113</v>
      </c>
      <c r="E3480" cm="1">
        <f t="array" ref="E3480">IFERROR(INDEX(Jesper!AI$2:AI$366,ROUNDDOWN($C3480/24,0)+1,1)*INDEX($D$3:$AA$30,INDEX(Jesper!$R$2:$R$366,ROW(INDEX(Jesper!AI$2:AI$366,ROUNDDOWN($C3480/24,0)+1,1))-1)+IF('Standard Profiles'!$G$19=$B$10,7,0)+IF('Standard Profiles'!$G$19=$B$17,14,0)+IF('Standard Profiles'!$G$19=$B$24,21,0),MOD($C3480,24)+1)/SUM(INDEX($D$3:$AA$30,INDEX(Jesper!$R$2:$R$366,ROW(INDEX(Jesper!AI$2:AI$366,ROUNDDOWN($C3480/24,0)+1,1))-1)+IF('Standard Profiles'!$G$19=$B$10,7,0)+IF('Standard Profiles'!$G$19=$B$17,14,0)+IF('Standard Profiles'!$G$19=$B$24,21,0),0)),0)</f>
        <v>0</v>
      </c>
      <c r="F3480" cm="1">
        <f t="array" ref="F3480">IFERROR(INDEX(Jesper!AJ$2:AJ$366,ROUNDDOWN($C3480/24,0)+1,1)*INDEX($D$3:$AA$30,INDEX(Jesper!$R$2:$R$366,ROW(INDEX(Jesper!AJ$2:AJ$366,ROUNDDOWN($C3480/24,0)+1,1))-1)+IF('Standard Profiles'!$G$20=$B$10,7,0)+IF('Standard Profiles'!$G$20=$B$17,14,0)+IF('Standard Profiles'!$G$20=$B$24,21,0),MOD($C3480,24)+1)/SUM(INDEX($D$3:$AA$30,INDEX(Jesper!$R$2:$R$366,ROW(INDEX(Jesper!AJ$2:AJ$366,ROUNDDOWN($C3480/24,0)+1,1))-1)+IF('Standard Profiles'!$G$20=$B$10,7,0)+IF('Standard Profiles'!$G$20=$B$17,14,0)+IF('Standard Profiles'!$G$20=$B$24,21,0),0)),0)</f>
        <v>0</v>
      </c>
      <c r="G3480" cm="1">
        <f t="array" ref="G3480">IFERROR(INDEX(Jesper!AK$2:AK$366,ROUNDDOWN($C3480/24,0)+1,1)*INDEX($D$3:$AA$30,INDEX(Jesper!$R$2:$R$366,ROW(INDEX(Jesper!AK$2:AK$366,ROUNDDOWN($C3480/24,0)+1,1))-1)+IF('Standard Profiles'!$G$21=$B$10,7,0)+IF('Standard Profiles'!$G$21=$B$17,14,0)+IF('Standard Profiles'!$G$21=$B$24,21,0),MOD($C3480,24)+1)/SUM(INDEX($D$3:$AA$30,INDEX(Jesper!$R$2:$R$366,ROW(INDEX(Jesper!AK$2:AK$366,ROUNDDOWN($C3480/24,0)+1,1))-1)+IF('Standard Profiles'!$G$21=$B$10,7,0)+IF('Standard Profiles'!$G$21=$B$17,14,0)+IF('Standard Profiles'!$G$21=$B$24,21,0),0)),0)</f>
        <v>0</v>
      </c>
      <c r="H3480" cm="1">
        <f t="array" ref="H3480">IFERROR(INDEX(Jesper!AL$2:AL$366,ROUNDDOWN($C3480/24,0)+1,1)*INDEX($D$3:$AA$30,INDEX(Jesper!$R$2:$R$366,ROW(INDEX(Jesper!AL$2:AL$366,ROUNDDOWN($C3480/24,0)+1,1))-1)+IF('Standard Profiles'!$G$22=$B$10,7,0)+IF('Standard Profiles'!$G$22=$B$17,14,0)+IF('Standard Profiles'!$G$22=$B$24,21,0),MOD($C3480,24)+1)/SUM(INDEX($D$3:$AA$30,INDEX(Jesper!$R$2:$R$366,ROW(INDEX(Jesper!AL$2:AL$366,ROUNDDOWN($C3480/24,0)+1,1))-1)+IF('Standard Profiles'!$G$22=$B$10,7,0)+IF('Standard Profiles'!$G$22=$B$17,14,0)+IF('Standard Profiles'!$G$22=$B$24,21,0),0)),0)</f>
        <v>0</v>
      </c>
      <c r="I3480">
        <f t="shared" si="391"/>
        <v>0.43507391676393392</v>
      </c>
      <c r="J3480">
        <f t="shared" si="392"/>
        <v>1.4502463892131132</v>
      </c>
      <c r="K3480">
        <f t="shared" si="393"/>
        <v>2.1753695838196694</v>
      </c>
      <c r="L3480">
        <f t="shared" si="394"/>
        <v>10.441774002334414</v>
      </c>
      <c r="M3480">
        <f t="shared" si="395"/>
        <v>0</v>
      </c>
      <c r="N3480" s="46">
        <f t="shared" si="396"/>
        <v>45435.583333324976</v>
      </c>
    </row>
    <row r="3481" spans="2:14" x14ac:dyDescent="0.3">
      <c r="B3481">
        <f t="shared" si="390"/>
        <v>4</v>
      </c>
      <c r="C3481" s="16">
        <v>3447</v>
      </c>
      <c r="D3481" cm="1">
        <f t="array" ref="D3481">IFERROR(INDEX(Jesper!AH$2:AH$366,ROUNDDOWN($C3481/24,0)+1,1)*INDEX($D$3:$AA$30,INDEX(Jesper!$R$2:$R$366,ROW(INDEX(Jesper!AH$2:AH$366,ROUNDDOWN($C3481/24,0)+1,1))-1)+IF('Standard Profiles'!$G$18=$B$10,7,0)+IF('Standard Profiles'!$G$18=$B$17,14,0)+IF('Standard Profiles'!$G$18=$B$24,21,0),MOD($C3481,24)+1)/SUM(INDEX($D$3:$AA$30,INDEX(Jesper!$R$2:$R$366,ROW(INDEX(Jesper!AH$2:AH$366,ROUNDDOWN($C3481/24,0)+1,1))-1)+IF('Standard Profiles'!$G$18=$B$10,7,0)+IF('Standard Profiles'!$G$18=$B$17,14,0)+IF('Standard Profiles'!$G$18=$B$24,21,0),0)),0)</f>
        <v>14.50246389213113</v>
      </c>
      <c r="E3481" cm="1">
        <f t="array" ref="E3481">IFERROR(INDEX(Jesper!AI$2:AI$366,ROUNDDOWN($C3481/24,0)+1,1)*INDEX($D$3:$AA$30,INDEX(Jesper!$R$2:$R$366,ROW(INDEX(Jesper!AI$2:AI$366,ROUNDDOWN($C3481/24,0)+1,1))-1)+IF('Standard Profiles'!$G$19=$B$10,7,0)+IF('Standard Profiles'!$G$19=$B$17,14,0)+IF('Standard Profiles'!$G$19=$B$24,21,0),MOD($C3481,24)+1)/SUM(INDEX($D$3:$AA$30,INDEX(Jesper!$R$2:$R$366,ROW(INDEX(Jesper!AI$2:AI$366,ROUNDDOWN($C3481/24,0)+1,1))-1)+IF('Standard Profiles'!$G$19=$B$10,7,0)+IF('Standard Profiles'!$G$19=$B$17,14,0)+IF('Standard Profiles'!$G$19=$B$24,21,0),0)),0)</f>
        <v>0</v>
      </c>
      <c r="F3481" cm="1">
        <f t="array" ref="F3481">IFERROR(INDEX(Jesper!AJ$2:AJ$366,ROUNDDOWN($C3481/24,0)+1,1)*INDEX($D$3:$AA$30,INDEX(Jesper!$R$2:$R$366,ROW(INDEX(Jesper!AJ$2:AJ$366,ROUNDDOWN($C3481/24,0)+1,1))-1)+IF('Standard Profiles'!$G$20=$B$10,7,0)+IF('Standard Profiles'!$G$20=$B$17,14,0)+IF('Standard Profiles'!$G$20=$B$24,21,0),MOD($C3481,24)+1)/SUM(INDEX($D$3:$AA$30,INDEX(Jesper!$R$2:$R$366,ROW(INDEX(Jesper!AJ$2:AJ$366,ROUNDDOWN($C3481/24,0)+1,1))-1)+IF('Standard Profiles'!$G$20=$B$10,7,0)+IF('Standard Profiles'!$G$20=$B$17,14,0)+IF('Standard Profiles'!$G$20=$B$24,21,0),0)),0)</f>
        <v>0</v>
      </c>
      <c r="G3481" cm="1">
        <f t="array" ref="G3481">IFERROR(INDEX(Jesper!AK$2:AK$366,ROUNDDOWN($C3481/24,0)+1,1)*INDEX($D$3:$AA$30,INDEX(Jesper!$R$2:$R$366,ROW(INDEX(Jesper!AK$2:AK$366,ROUNDDOWN($C3481/24,0)+1,1))-1)+IF('Standard Profiles'!$G$21=$B$10,7,0)+IF('Standard Profiles'!$G$21=$B$17,14,0)+IF('Standard Profiles'!$G$21=$B$24,21,0),MOD($C3481,24)+1)/SUM(INDEX($D$3:$AA$30,INDEX(Jesper!$R$2:$R$366,ROW(INDEX(Jesper!AK$2:AK$366,ROUNDDOWN($C3481/24,0)+1,1))-1)+IF('Standard Profiles'!$G$21=$B$10,7,0)+IF('Standard Profiles'!$G$21=$B$17,14,0)+IF('Standard Profiles'!$G$21=$B$24,21,0),0)),0)</f>
        <v>0</v>
      </c>
      <c r="H3481" cm="1">
        <f t="array" ref="H3481">IFERROR(INDEX(Jesper!AL$2:AL$366,ROUNDDOWN($C3481/24,0)+1,1)*INDEX($D$3:$AA$30,INDEX(Jesper!$R$2:$R$366,ROW(INDEX(Jesper!AL$2:AL$366,ROUNDDOWN($C3481/24,0)+1,1))-1)+IF('Standard Profiles'!$G$22=$B$10,7,0)+IF('Standard Profiles'!$G$22=$B$17,14,0)+IF('Standard Profiles'!$G$22=$B$24,21,0),MOD($C3481,24)+1)/SUM(INDEX($D$3:$AA$30,INDEX(Jesper!$R$2:$R$366,ROW(INDEX(Jesper!AL$2:AL$366,ROUNDDOWN($C3481/24,0)+1,1))-1)+IF('Standard Profiles'!$G$22=$B$10,7,0)+IF('Standard Profiles'!$G$22=$B$17,14,0)+IF('Standard Profiles'!$G$22=$B$24,21,0),0)),0)</f>
        <v>0</v>
      </c>
      <c r="I3481">
        <f t="shared" si="391"/>
        <v>0.43507391676393392</v>
      </c>
      <c r="J3481">
        <f t="shared" si="392"/>
        <v>1.4502463892131132</v>
      </c>
      <c r="K3481">
        <f t="shared" si="393"/>
        <v>2.1753695838196694</v>
      </c>
      <c r="L3481">
        <f t="shared" si="394"/>
        <v>10.441774002334414</v>
      </c>
      <c r="M3481">
        <f t="shared" si="395"/>
        <v>0</v>
      </c>
      <c r="N3481" s="46">
        <f t="shared" si="396"/>
        <v>45435.62499999164</v>
      </c>
    </row>
    <row r="3482" spans="2:14" x14ac:dyDescent="0.3">
      <c r="B3482">
        <f t="shared" si="390"/>
        <v>4</v>
      </c>
      <c r="C3482" s="16">
        <v>3448</v>
      </c>
      <c r="D3482" cm="1">
        <f t="array" ref="D3482">IFERROR(INDEX(Jesper!AH$2:AH$366,ROUNDDOWN($C3482/24,0)+1,1)*INDEX($D$3:$AA$30,INDEX(Jesper!$R$2:$R$366,ROW(INDEX(Jesper!AH$2:AH$366,ROUNDDOWN($C3482/24,0)+1,1))-1)+IF('Standard Profiles'!$G$18=$B$10,7,0)+IF('Standard Profiles'!$G$18=$B$17,14,0)+IF('Standard Profiles'!$G$18=$B$24,21,0),MOD($C3482,24)+1)/SUM(INDEX($D$3:$AA$30,INDEX(Jesper!$R$2:$R$366,ROW(INDEX(Jesper!AH$2:AH$366,ROUNDDOWN($C3482/24,0)+1,1))-1)+IF('Standard Profiles'!$G$18=$B$10,7,0)+IF('Standard Profiles'!$G$18=$B$17,14,0)+IF('Standard Profiles'!$G$18=$B$24,21,0),0)),0)</f>
        <v>14.50246389213113</v>
      </c>
      <c r="E3482" cm="1">
        <f t="array" ref="E3482">IFERROR(INDEX(Jesper!AI$2:AI$366,ROUNDDOWN($C3482/24,0)+1,1)*INDEX($D$3:$AA$30,INDEX(Jesper!$R$2:$R$366,ROW(INDEX(Jesper!AI$2:AI$366,ROUNDDOWN($C3482/24,0)+1,1))-1)+IF('Standard Profiles'!$G$19=$B$10,7,0)+IF('Standard Profiles'!$G$19=$B$17,14,0)+IF('Standard Profiles'!$G$19=$B$24,21,0),MOD($C3482,24)+1)/SUM(INDEX($D$3:$AA$30,INDEX(Jesper!$R$2:$R$366,ROW(INDEX(Jesper!AI$2:AI$366,ROUNDDOWN($C3482/24,0)+1,1))-1)+IF('Standard Profiles'!$G$19=$B$10,7,0)+IF('Standard Profiles'!$G$19=$B$17,14,0)+IF('Standard Profiles'!$G$19=$B$24,21,0),0)),0)</f>
        <v>0</v>
      </c>
      <c r="F3482" cm="1">
        <f t="array" ref="F3482">IFERROR(INDEX(Jesper!AJ$2:AJ$366,ROUNDDOWN($C3482/24,0)+1,1)*INDEX($D$3:$AA$30,INDEX(Jesper!$R$2:$R$366,ROW(INDEX(Jesper!AJ$2:AJ$366,ROUNDDOWN($C3482/24,0)+1,1))-1)+IF('Standard Profiles'!$G$20=$B$10,7,0)+IF('Standard Profiles'!$G$20=$B$17,14,0)+IF('Standard Profiles'!$G$20=$B$24,21,0),MOD($C3482,24)+1)/SUM(INDEX($D$3:$AA$30,INDEX(Jesper!$R$2:$R$366,ROW(INDEX(Jesper!AJ$2:AJ$366,ROUNDDOWN($C3482/24,0)+1,1))-1)+IF('Standard Profiles'!$G$20=$B$10,7,0)+IF('Standard Profiles'!$G$20=$B$17,14,0)+IF('Standard Profiles'!$G$20=$B$24,21,0),0)),0)</f>
        <v>0</v>
      </c>
      <c r="G3482" cm="1">
        <f t="array" ref="G3482">IFERROR(INDEX(Jesper!AK$2:AK$366,ROUNDDOWN($C3482/24,0)+1,1)*INDEX($D$3:$AA$30,INDEX(Jesper!$R$2:$R$366,ROW(INDEX(Jesper!AK$2:AK$366,ROUNDDOWN($C3482/24,0)+1,1))-1)+IF('Standard Profiles'!$G$21=$B$10,7,0)+IF('Standard Profiles'!$G$21=$B$17,14,0)+IF('Standard Profiles'!$G$21=$B$24,21,0),MOD($C3482,24)+1)/SUM(INDEX($D$3:$AA$30,INDEX(Jesper!$R$2:$R$366,ROW(INDEX(Jesper!AK$2:AK$366,ROUNDDOWN($C3482/24,0)+1,1))-1)+IF('Standard Profiles'!$G$21=$B$10,7,0)+IF('Standard Profiles'!$G$21=$B$17,14,0)+IF('Standard Profiles'!$G$21=$B$24,21,0),0)),0)</f>
        <v>0</v>
      </c>
      <c r="H3482" cm="1">
        <f t="array" ref="H3482">IFERROR(INDEX(Jesper!AL$2:AL$366,ROUNDDOWN($C3482/24,0)+1,1)*INDEX($D$3:$AA$30,INDEX(Jesper!$R$2:$R$366,ROW(INDEX(Jesper!AL$2:AL$366,ROUNDDOWN($C3482/24,0)+1,1))-1)+IF('Standard Profiles'!$G$22=$B$10,7,0)+IF('Standard Profiles'!$G$22=$B$17,14,0)+IF('Standard Profiles'!$G$22=$B$24,21,0),MOD($C3482,24)+1)/SUM(INDEX($D$3:$AA$30,INDEX(Jesper!$R$2:$R$366,ROW(INDEX(Jesper!AL$2:AL$366,ROUNDDOWN($C3482/24,0)+1,1))-1)+IF('Standard Profiles'!$G$22=$B$10,7,0)+IF('Standard Profiles'!$G$22=$B$17,14,0)+IF('Standard Profiles'!$G$22=$B$24,21,0),0)),0)</f>
        <v>0</v>
      </c>
      <c r="I3482">
        <f t="shared" si="391"/>
        <v>0.43507391676393392</v>
      </c>
      <c r="J3482">
        <f t="shared" si="392"/>
        <v>1.4502463892131132</v>
      </c>
      <c r="K3482">
        <f t="shared" si="393"/>
        <v>2.1753695838196694</v>
      </c>
      <c r="L3482">
        <f t="shared" si="394"/>
        <v>10.441774002334414</v>
      </c>
      <c r="M3482">
        <f t="shared" si="395"/>
        <v>0</v>
      </c>
      <c r="N3482" s="46">
        <f t="shared" si="396"/>
        <v>45435.666666658304</v>
      </c>
    </row>
    <row r="3483" spans="2:14" x14ac:dyDescent="0.3">
      <c r="B3483">
        <f t="shared" si="390"/>
        <v>4</v>
      </c>
      <c r="C3483" s="16">
        <v>3449</v>
      </c>
      <c r="D3483" cm="1">
        <f t="array" ref="D3483">IFERROR(INDEX(Jesper!AH$2:AH$366,ROUNDDOWN($C3483/24,0)+1,1)*INDEX($D$3:$AA$30,INDEX(Jesper!$R$2:$R$366,ROW(INDEX(Jesper!AH$2:AH$366,ROUNDDOWN($C3483/24,0)+1,1))-1)+IF('Standard Profiles'!$G$18=$B$10,7,0)+IF('Standard Profiles'!$G$18=$B$17,14,0)+IF('Standard Profiles'!$G$18=$B$24,21,0),MOD($C3483,24)+1)/SUM(INDEX($D$3:$AA$30,INDEX(Jesper!$R$2:$R$366,ROW(INDEX(Jesper!AH$2:AH$366,ROUNDDOWN($C3483/24,0)+1,1))-1)+IF('Standard Profiles'!$G$18=$B$10,7,0)+IF('Standard Profiles'!$G$18=$B$17,14,0)+IF('Standard Profiles'!$G$18=$B$24,21,0),0)),0)</f>
        <v>14.50246389213113</v>
      </c>
      <c r="E3483" cm="1">
        <f t="array" ref="E3483">IFERROR(INDEX(Jesper!AI$2:AI$366,ROUNDDOWN($C3483/24,0)+1,1)*INDEX($D$3:$AA$30,INDEX(Jesper!$R$2:$R$366,ROW(INDEX(Jesper!AI$2:AI$366,ROUNDDOWN($C3483/24,0)+1,1))-1)+IF('Standard Profiles'!$G$19=$B$10,7,0)+IF('Standard Profiles'!$G$19=$B$17,14,0)+IF('Standard Profiles'!$G$19=$B$24,21,0),MOD($C3483,24)+1)/SUM(INDEX($D$3:$AA$30,INDEX(Jesper!$R$2:$R$366,ROW(INDEX(Jesper!AI$2:AI$366,ROUNDDOWN($C3483/24,0)+1,1))-1)+IF('Standard Profiles'!$G$19=$B$10,7,0)+IF('Standard Profiles'!$G$19=$B$17,14,0)+IF('Standard Profiles'!$G$19=$B$24,21,0),0)),0)</f>
        <v>0</v>
      </c>
      <c r="F3483" cm="1">
        <f t="array" ref="F3483">IFERROR(INDEX(Jesper!AJ$2:AJ$366,ROUNDDOWN($C3483/24,0)+1,1)*INDEX($D$3:$AA$30,INDEX(Jesper!$R$2:$R$366,ROW(INDEX(Jesper!AJ$2:AJ$366,ROUNDDOWN($C3483/24,0)+1,1))-1)+IF('Standard Profiles'!$G$20=$B$10,7,0)+IF('Standard Profiles'!$G$20=$B$17,14,0)+IF('Standard Profiles'!$G$20=$B$24,21,0),MOD($C3483,24)+1)/SUM(INDEX($D$3:$AA$30,INDEX(Jesper!$R$2:$R$366,ROW(INDEX(Jesper!AJ$2:AJ$366,ROUNDDOWN($C3483/24,0)+1,1))-1)+IF('Standard Profiles'!$G$20=$B$10,7,0)+IF('Standard Profiles'!$G$20=$B$17,14,0)+IF('Standard Profiles'!$G$20=$B$24,21,0),0)),0)</f>
        <v>0</v>
      </c>
      <c r="G3483" cm="1">
        <f t="array" ref="G3483">IFERROR(INDEX(Jesper!AK$2:AK$366,ROUNDDOWN($C3483/24,0)+1,1)*INDEX($D$3:$AA$30,INDEX(Jesper!$R$2:$R$366,ROW(INDEX(Jesper!AK$2:AK$366,ROUNDDOWN($C3483/24,0)+1,1))-1)+IF('Standard Profiles'!$G$21=$B$10,7,0)+IF('Standard Profiles'!$G$21=$B$17,14,0)+IF('Standard Profiles'!$G$21=$B$24,21,0),MOD($C3483,24)+1)/SUM(INDEX($D$3:$AA$30,INDEX(Jesper!$R$2:$R$366,ROW(INDEX(Jesper!AK$2:AK$366,ROUNDDOWN($C3483/24,0)+1,1))-1)+IF('Standard Profiles'!$G$21=$B$10,7,0)+IF('Standard Profiles'!$G$21=$B$17,14,0)+IF('Standard Profiles'!$G$21=$B$24,21,0),0)),0)</f>
        <v>0</v>
      </c>
      <c r="H3483" cm="1">
        <f t="array" ref="H3483">IFERROR(INDEX(Jesper!AL$2:AL$366,ROUNDDOWN($C3483/24,0)+1,1)*INDEX($D$3:$AA$30,INDEX(Jesper!$R$2:$R$366,ROW(INDEX(Jesper!AL$2:AL$366,ROUNDDOWN($C3483/24,0)+1,1))-1)+IF('Standard Profiles'!$G$22=$B$10,7,0)+IF('Standard Profiles'!$G$22=$B$17,14,0)+IF('Standard Profiles'!$G$22=$B$24,21,0),MOD($C3483,24)+1)/SUM(INDEX($D$3:$AA$30,INDEX(Jesper!$R$2:$R$366,ROW(INDEX(Jesper!AL$2:AL$366,ROUNDDOWN($C3483/24,0)+1,1))-1)+IF('Standard Profiles'!$G$22=$B$10,7,0)+IF('Standard Profiles'!$G$22=$B$17,14,0)+IF('Standard Profiles'!$G$22=$B$24,21,0),0)),0)</f>
        <v>0</v>
      </c>
      <c r="I3483">
        <f t="shared" si="391"/>
        <v>0.43507391676393392</v>
      </c>
      <c r="J3483">
        <f t="shared" si="392"/>
        <v>1.4502463892131132</v>
      </c>
      <c r="K3483">
        <f t="shared" si="393"/>
        <v>2.1753695838196694</v>
      </c>
      <c r="L3483">
        <f t="shared" si="394"/>
        <v>10.441774002334414</v>
      </c>
      <c r="M3483">
        <f t="shared" si="395"/>
        <v>0</v>
      </c>
      <c r="N3483" s="46">
        <f t="shared" si="396"/>
        <v>45435.708333324968</v>
      </c>
    </row>
    <row r="3484" spans="2:14" x14ac:dyDescent="0.3">
      <c r="B3484">
        <f t="shared" si="390"/>
        <v>4</v>
      </c>
      <c r="C3484" s="16">
        <v>3450</v>
      </c>
      <c r="D3484" cm="1">
        <f t="array" ref="D3484">IFERROR(INDEX(Jesper!AH$2:AH$366,ROUNDDOWN($C3484/24,0)+1,1)*INDEX($D$3:$AA$30,INDEX(Jesper!$R$2:$R$366,ROW(INDEX(Jesper!AH$2:AH$366,ROUNDDOWN($C3484/24,0)+1,1))-1)+IF('Standard Profiles'!$G$18=$B$10,7,0)+IF('Standard Profiles'!$G$18=$B$17,14,0)+IF('Standard Profiles'!$G$18=$B$24,21,0),MOD($C3484,24)+1)/SUM(INDEX($D$3:$AA$30,INDEX(Jesper!$R$2:$R$366,ROW(INDEX(Jesper!AH$2:AH$366,ROUNDDOWN($C3484/24,0)+1,1))-1)+IF('Standard Profiles'!$G$18=$B$10,7,0)+IF('Standard Profiles'!$G$18=$B$17,14,0)+IF('Standard Profiles'!$G$18=$B$24,21,0),0)),0)</f>
        <v>14.50246389213113</v>
      </c>
      <c r="E3484" cm="1">
        <f t="array" ref="E3484">IFERROR(INDEX(Jesper!AI$2:AI$366,ROUNDDOWN($C3484/24,0)+1,1)*INDEX($D$3:$AA$30,INDEX(Jesper!$R$2:$R$366,ROW(INDEX(Jesper!AI$2:AI$366,ROUNDDOWN($C3484/24,0)+1,1))-1)+IF('Standard Profiles'!$G$19=$B$10,7,0)+IF('Standard Profiles'!$G$19=$B$17,14,0)+IF('Standard Profiles'!$G$19=$B$24,21,0),MOD($C3484,24)+1)/SUM(INDEX($D$3:$AA$30,INDEX(Jesper!$R$2:$R$366,ROW(INDEX(Jesper!AI$2:AI$366,ROUNDDOWN($C3484/24,0)+1,1))-1)+IF('Standard Profiles'!$G$19=$B$10,7,0)+IF('Standard Profiles'!$G$19=$B$17,14,0)+IF('Standard Profiles'!$G$19=$B$24,21,0),0)),0)</f>
        <v>0</v>
      </c>
      <c r="F3484" cm="1">
        <f t="array" ref="F3484">IFERROR(INDEX(Jesper!AJ$2:AJ$366,ROUNDDOWN($C3484/24,0)+1,1)*INDEX($D$3:$AA$30,INDEX(Jesper!$R$2:$R$366,ROW(INDEX(Jesper!AJ$2:AJ$366,ROUNDDOWN($C3484/24,0)+1,1))-1)+IF('Standard Profiles'!$G$20=$B$10,7,0)+IF('Standard Profiles'!$G$20=$B$17,14,0)+IF('Standard Profiles'!$G$20=$B$24,21,0),MOD($C3484,24)+1)/SUM(INDEX($D$3:$AA$30,INDEX(Jesper!$R$2:$R$366,ROW(INDEX(Jesper!AJ$2:AJ$366,ROUNDDOWN($C3484/24,0)+1,1))-1)+IF('Standard Profiles'!$G$20=$B$10,7,0)+IF('Standard Profiles'!$G$20=$B$17,14,0)+IF('Standard Profiles'!$G$20=$B$24,21,0),0)),0)</f>
        <v>0</v>
      </c>
      <c r="G3484" cm="1">
        <f t="array" ref="G3484">IFERROR(INDEX(Jesper!AK$2:AK$366,ROUNDDOWN($C3484/24,0)+1,1)*INDEX($D$3:$AA$30,INDEX(Jesper!$R$2:$R$366,ROW(INDEX(Jesper!AK$2:AK$366,ROUNDDOWN($C3484/24,0)+1,1))-1)+IF('Standard Profiles'!$G$21=$B$10,7,0)+IF('Standard Profiles'!$G$21=$B$17,14,0)+IF('Standard Profiles'!$G$21=$B$24,21,0),MOD($C3484,24)+1)/SUM(INDEX($D$3:$AA$30,INDEX(Jesper!$R$2:$R$366,ROW(INDEX(Jesper!AK$2:AK$366,ROUNDDOWN($C3484/24,0)+1,1))-1)+IF('Standard Profiles'!$G$21=$B$10,7,0)+IF('Standard Profiles'!$G$21=$B$17,14,0)+IF('Standard Profiles'!$G$21=$B$24,21,0),0)),0)</f>
        <v>0</v>
      </c>
      <c r="H3484" cm="1">
        <f t="array" ref="H3484">IFERROR(INDEX(Jesper!AL$2:AL$366,ROUNDDOWN($C3484/24,0)+1,1)*INDEX($D$3:$AA$30,INDEX(Jesper!$R$2:$R$366,ROW(INDEX(Jesper!AL$2:AL$366,ROUNDDOWN($C3484/24,0)+1,1))-1)+IF('Standard Profiles'!$G$22=$B$10,7,0)+IF('Standard Profiles'!$G$22=$B$17,14,0)+IF('Standard Profiles'!$G$22=$B$24,21,0),MOD($C3484,24)+1)/SUM(INDEX($D$3:$AA$30,INDEX(Jesper!$R$2:$R$366,ROW(INDEX(Jesper!AL$2:AL$366,ROUNDDOWN($C3484/24,0)+1,1))-1)+IF('Standard Profiles'!$G$22=$B$10,7,0)+IF('Standard Profiles'!$G$22=$B$17,14,0)+IF('Standard Profiles'!$G$22=$B$24,21,0),0)),0)</f>
        <v>0</v>
      </c>
      <c r="I3484">
        <f t="shared" si="391"/>
        <v>0.43507391676393392</v>
      </c>
      <c r="J3484">
        <f t="shared" si="392"/>
        <v>1.4502463892131132</v>
      </c>
      <c r="K3484">
        <f t="shared" si="393"/>
        <v>2.1753695838196694</v>
      </c>
      <c r="L3484">
        <f t="shared" si="394"/>
        <v>10.441774002334414</v>
      </c>
      <c r="M3484">
        <f t="shared" si="395"/>
        <v>0</v>
      </c>
      <c r="N3484" s="46">
        <f t="shared" si="396"/>
        <v>45435.749999991633</v>
      </c>
    </row>
    <row r="3485" spans="2:14" x14ac:dyDescent="0.3">
      <c r="B3485">
        <f t="shared" si="390"/>
        <v>4</v>
      </c>
      <c r="C3485" s="16">
        <v>3451</v>
      </c>
      <c r="D3485" cm="1">
        <f t="array" ref="D3485">IFERROR(INDEX(Jesper!AH$2:AH$366,ROUNDDOWN($C3485/24,0)+1,1)*INDEX($D$3:$AA$30,INDEX(Jesper!$R$2:$R$366,ROW(INDEX(Jesper!AH$2:AH$366,ROUNDDOWN($C3485/24,0)+1,1))-1)+IF('Standard Profiles'!$G$18=$B$10,7,0)+IF('Standard Profiles'!$G$18=$B$17,14,0)+IF('Standard Profiles'!$G$18=$B$24,21,0),MOD($C3485,24)+1)/SUM(INDEX($D$3:$AA$30,INDEX(Jesper!$R$2:$R$366,ROW(INDEX(Jesper!AH$2:AH$366,ROUNDDOWN($C3485/24,0)+1,1))-1)+IF('Standard Profiles'!$G$18=$B$10,7,0)+IF('Standard Profiles'!$G$18=$B$17,14,0)+IF('Standard Profiles'!$G$18=$B$24,21,0),0)),0)</f>
        <v>12.085386576775942</v>
      </c>
      <c r="E3485" cm="1">
        <f t="array" ref="E3485">IFERROR(INDEX(Jesper!AI$2:AI$366,ROUNDDOWN($C3485/24,0)+1,1)*INDEX($D$3:$AA$30,INDEX(Jesper!$R$2:$R$366,ROW(INDEX(Jesper!AI$2:AI$366,ROUNDDOWN($C3485/24,0)+1,1))-1)+IF('Standard Profiles'!$G$19=$B$10,7,0)+IF('Standard Profiles'!$G$19=$B$17,14,0)+IF('Standard Profiles'!$G$19=$B$24,21,0),MOD($C3485,24)+1)/SUM(INDEX($D$3:$AA$30,INDEX(Jesper!$R$2:$R$366,ROW(INDEX(Jesper!AI$2:AI$366,ROUNDDOWN($C3485/24,0)+1,1))-1)+IF('Standard Profiles'!$G$19=$B$10,7,0)+IF('Standard Profiles'!$G$19=$B$17,14,0)+IF('Standard Profiles'!$G$19=$B$24,21,0),0)),0)</f>
        <v>0</v>
      </c>
      <c r="F3485" cm="1">
        <f t="array" ref="F3485">IFERROR(INDEX(Jesper!AJ$2:AJ$366,ROUNDDOWN($C3485/24,0)+1,1)*INDEX($D$3:$AA$30,INDEX(Jesper!$R$2:$R$366,ROW(INDEX(Jesper!AJ$2:AJ$366,ROUNDDOWN($C3485/24,0)+1,1))-1)+IF('Standard Profiles'!$G$20=$B$10,7,0)+IF('Standard Profiles'!$G$20=$B$17,14,0)+IF('Standard Profiles'!$G$20=$B$24,21,0),MOD($C3485,24)+1)/SUM(INDEX($D$3:$AA$30,INDEX(Jesper!$R$2:$R$366,ROW(INDEX(Jesper!AJ$2:AJ$366,ROUNDDOWN($C3485/24,0)+1,1))-1)+IF('Standard Profiles'!$G$20=$B$10,7,0)+IF('Standard Profiles'!$G$20=$B$17,14,0)+IF('Standard Profiles'!$G$20=$B$24,21,0),0)),0)</f>
        <v>0</v>
      </c>
      <c r="G3485" cm="1">
        <f t="array" ref="G3485">IFERROR(INDEX(Jesper!AK$2:AK$366,ROUNDDOWN($C3485/24,0)+1,1)*INDEX($D$3:$AA$30,INDEX(Jesper!$R$2:$R$366,ROW(INDEX(Jesper!AK$2:AK$366,ROUNDDOWN($C3485/24,0)+1,1))-1)+IF('Standard Profiles'!$G$21=$B$10,7,0)+IF('Standard Profiles'!$G$21=$B$17,14,0)+IF('Standard Profiles'!$G$21=$B$24,21,0),MOD($C3485,24)+1)/SUM(INDEX($D$3:$AA$30,INDEX(Jesper!$R$2:$R$366,ROW(INDEX(Jesper!AK$2:AK$366,ROUNDDOWN($C3485/24,0)+1,1))-1)+IF('Standard Profiles'!$G$21=$B$10,7,0)+IF('Standard Profiles'!$G$21=$B$17,14,0)+IF('Standard Profiles'!$G$21=$B$24,21,0),0)),0)</f>
        <v>0</v>
      </c>
      <c r="H3485" cm="1">
        <f t="array" ref="H3485">IFERROR(INDEX(Jesper!AL$2:AL$366,ROUNDDOWN($C3485/24,0)+1,1)*INDEX($D$3:$AA$30,INDEX(Jesper!$R$2:$R$366,ROW(INDEX(Jesper!AL$2:AL$366,ROUNDDOWN($C3485/24,0)+1,1))-1)+IF('Standard Profiles'!$G$22=$B$10,7,0)+IF('Standard Profiles'!$G$22=$B$17,14,0)+IF('Standard Profiles'!$G$22=$B$24,21,0),MOD($C3485,24)+1)/SUM(INDEX($D$3:$AA$30,INDEX(Jesper!$R$2:$R$366,ROW(INDEX(Jesper!AL$2:AL$366,ROUNDDOWN($C3485/24,0)+1,1))-1)+IF('Standard Profiles'!$G$22=$B$10,7,0)+IF('Standard Profiles'!$G$22=$B$17,14,0)+IF('Standard Profiles'!$G$22=$B$24,21,0),0)),0)</f>
        <v>0</v>
      </c>
      <c r="I3485">
        <f t="shared" si="391"/>
        <v>0.36256159730327825</v>
      </c>
      <c r="J3485">
        <f t="shared" si="392"/>
        <v>1.2085386576775943</v>
      </c>
      <c r="K3485">
        <f t="shared" si="393"/>
        <v>1.8128079865163913</v>
      </c>
      <c r="L3485">
        <f t="shared" si="394"/>
        <v>8.7014783352786775</v>
      </c>
      <c r="M3485">
        <f t="shared" si="395"/>
        <v>0</v>
      </c>
      <c r="N3485" s="46">
        <f t="shared" si="396"/>
        <v>45435.791666658297</v>
      </c>
    </row>
    <row r="3486" spans="2:14" x14ac:dyDescent="0.3">
      <c r="B3486">
        <f t="shared" si="390"/>
        <v>4</v>
      </c>
      <c r="C3486" s="16">
        <v>3452</v>
      </c>
      <c r="D3486" cm="1">
        <f t="array" ref="D3486">IFERROR(INDEX(Jesper!AH$2:AH$366,ROUNDDOWN($C3486/24,0)+1,1)*INDEX($D$3:$AA$30,INDEX(Jesper!$R$2:$R$366,ROW(INDEX(Jesper!AH$2:AH$366,ROUNDDOWN($C3486/24,0)+1,1))-1)+IF('Standard Profiles'!$G$18=$B$10,7,0)+IF('Standard Profiles'!$G$18=$B$17,14,0)+IF('Standard Profiles'!$G$18=$B$24,21,0),MOD($C3486,24)+1)/SUM(INDEX($D$3:$AA$30,INDEX(Jesper!$R$2:$R$366,ROW(INDEX(Jesper!AH$2:AH$366,ROUNDDOWN($C3486/24,0)+1,1))-1)+IF('Standard Profiles'!$G$18=$B$10,7,0)+IF('Standard Profiles'!$G$18=$B$17,14,0)+IF('Standard Profiles'!$G$18=$B$24,21,0),0)),0)</f>
        <v>9.6683092614207524</v>
      </c>
      <c r="E3486" cm="1">
        <f t="array" ref="E3486">IFERROR(INDEX(Jesper!AI$2:AI$366,ROUNDDOWN($C3486/24,0)+1,1)*INDEX($D$3:$AA$30,INDEX(Jesper!$R$2:$R$366,ROW(INDEX(Jesper!AI$2:AI$366,ROUNDDOWN($C3486/24,0)+1,1))-1)+IF('Standard Profiles'!$G$19=$B$10,7,0)+IF('Standard Profiles'!$G$19=$B$17,14,0)+IF('Standard Profiles'!$G$19=$B$24,21,0),MOD($C3486,24)+1)/SUM(INDEX($D$3:$AA$30,INDEX(Jesper!$R$2:$R$366,ROW(INDEX(Jesper!AI$2:AI$366,ROUNDDOWN($C3486/24,0)+1,1))-1)+IF('Standard Profiles'!$G$19=$B$10,7,0)+IF('Standard Profiles'!$G$19=$B$17,14,0)+IF('Standard Profiles'!$G$19=$B$24,21,0),0)),0)</f>
        <v>0</v>
      </c>
      <c r="F3486" cm="1">
        <f t="array" ref="F3486">IFERROR(INDEX(Jesper!AJ$2:AJ$366,ROUNDDOWN($C3486/24,0)+1,1)*INDEX($D$3:$AA$30,INDEX(Jesper!$R$2:$R$366,ROW(INDEX(Jesper!AJ$2:AJ$366,ROUNDDOWN($C3486/24,0)+1,1))-1)+IF('Standard Profiles'!$G$20=$B$10,7,0)+IF('Standard Profiles'!$G$20=$B$17,14,0)+IF('Standard Profiles'!$G$20=$B$24,21,0),MOD($C3486,24)+1)/SUM(INDEX($D$3:$AA$30,INDEX(Jesper!$R$2:$R$366,ROW(INDEX(Jesper!AJ$2:AJ$366,ROUNDDOWN($C3486/24,0)+1,1))-1)+IF('Standard Profiles'!$G$20=$B$10,7,0)+IF('Standard Profiles'!$G$20=$B$17,14,0)+IF('Standard Profiles'!$G$20=$B$24,21,0),0)),0)</f>
        <v>0</v>
      </c>
      <c r="G3486" cm="1">
        <f t="array" ref="G3486">IFERROR(INDEX(Jesper!AK$2:AK$366,ROUNDDOWN($C3486/24,0)+1,1)*INDEX($D$3:$AA$30,INDEX(Jesper!$R$2:$R$366,ROW(INDEX(Jesper!AK$2:AK$366,ROUNDDOWN($C3486/24,0)+1,1))-1)+IF('Standard Profiles'!$G$21=$B$10,7,0)+IF('Standard Profiles'!$G$21=$B$17,14,0)+IF('Standard Profiles'!$G$21=$B$24,21,0),MOD($C3486,24)+1)/SUM(INDEX($D$3:$AA$30,INDEX(Jesper!$R$2:$R$366,ROW(INDEX(Jesper!AK$2:AK$366,ROUNDDOWN($C3486/24,0)+1,1))-1)+IF('Standard Profiles'!$G$21=$B$10,7,0)+IF('Standard Profiles'!$G$21=$B$17,14,0)+IF('Standard Profiles'!$G$21=$B$24,21,0),0)),0)</f>
        <v>0</v>
      </c>
      <c r="H3486" cm="1">
        <f t="array" ref="H3486">IFERROR(INDEX(Jesper!AL$2:AL$366,ROUNDDOWN($C3486/24,0)+1,1)*INDEX($D$3:$AA$30,INDEX(Jesper!$R$2:$R$366,ROW(INDEX(Jesper!AL$2:AL$366,ROUNDDOWN($C3486/24,0)+1,1))-1)+IF('Standard Profiles'!$G$22=$B$10,7,0)+IF('Standard Profiles'!$G$22=$B$17,14,0)+IF('Standard Profiles'!$G$22=$B$24,21,0),MOD($C3486,24)+1)/SUM(INDEX($D$3:$AA$30,INDEX(Jesper!$R$2:$R$366,ROW(INDEX(Jesper!AL$2:AL$366,ROUNDDOWN($C3486/24,0)+1,1))-1)+IF('Standard Profiles'!$G$22=$B$10,7,0)+IF('Standard Profiles'!$G$22=$B$17,14,0)+IF('Standard Profiles'!$G$22=$B$24,21,0),0)),0)</f>
        <v>0</v>
      </c>
      <c r="I3486">
        <f t="shared" si="391"/>
        <v>0.29004927784262258</v>
      </c>
      <c r="J3486">
        <f t="shared" si="392"/>
        <v>0.96683092614207533</v>
      </c>
      <c r="K3486">
        <f t="shared" si="393"/>
        <v>1.4502463892131128</v>
      </c>
      <c r="L3486">
        <f t="shared" si="394"/>
        <v>6.9611826682229418</v>
      </c>
      <c r="M3486">
        <f t="shared" si="395"/>
        <v>0</v>
      </c>
      <c r="N3486" s="46">
        <f t="shared" si="396"/>
        <v>45435.833333324961</v>
      </c>
    </row>
    <row r="3487" spans="2:14" x14ac:dyDescent="0.3">
      <c r="B3487">
        <f t="shared" si="390"/>
        <v>4</v>
      </c>
      <c r="C3487" s="16">
        <v>3453</v>
      </c>
      <c r="D3487" cm="1">
        <f t="array" ref="D3487">IFERROR(INDEX(Jesper!AH$2:AH$366,ROUNDDOWN($C3487/24,0)+1,1)*INDEX($D$3:$AA$30,INDEX(Jesper!$R$2:$R$366,ROW(INDEX(Jesper!AH$2:AH$366,ROUNDDOWN($C3487/24,0)+1,1))-1)+IF('Standard Profiles'!$G$18=$B$10,7,0)+IF('Standard Profiles'!$G$18=$B$17,14,0)+IF('Standard Profiles'!$G$18=$B$24,21,0),MOD($C3487,24)+1)/SUM(INDEX($D$3:$AA$30,INDEX(Jesper!$R$2:$R$366,ROW(INDEX(Jesper!AH$2:AH$366,ROUNDDOWN($C3487/24,0)+1,1))-1)+IF('Standard Profiles'!$G$18=$B$10,7,0)+IF('Standard Profiles'!$G$18=$B$17,14,0)+IF('Standard Profiles'!$G$18=$B$24,21,0),0)),0)</f>
        <v>7.2512319460655652</v>
      </c>
      <c r="E3487" cm="1">
        <f t="array" ref="E3487">IFERROR(INDEX(Jesper!AI$2:AI$366,ROUNDDOWN($C3487/24,0)+1,1)*INDEX($D$3:$AA$30,INDEX(Jesper!$R$2:$R$366,ROW(INDEX(Jesper!AI$2:AI$366,ROUNDDOWN($C3487/24,0)+1,1))-1)+IF('Standard Profiles'!$G$19=$B$10,7,0)+IF('Standard Profiles'!$G$19=$B$17,14,0)+IF('Standard Profiles'!$G$19=$B$24,21,0),MOD($C3487,24)+1)/SUM(INDEX($D$3:$AA$30,INDEX(Jesper!$R$2:$R$366,ROW(INDEX(Jesper!AI$2:AI$366,ROUNDDOWN($C3487/24,0)+1,1))-1)+IF('Standard Profiles'!$G$19=$B$10,7,0)+IF('Standard Profiles'!$G$19=$B$17,14,0)+IF('Standard Profiles'!$G$19=$B$24,21,0),0)),0)</f>
        <v>0</v>
      </c>
      <c r="F3487" cm="1">
        <f t="array" ref="F3487">IFERROR(INDEX(Jesper!AJ$2:AJ$366,ROUNDDOWN($C3487/24,0)+1,1)*INDEX($D$3:$AA$30,INDEX(Jesper!$R$2:$R$366,ROW(INDEX(Jesper!AJ$2:AJ$366,ROUNDDOWN($C3487/24,0)+1,1))-1)+IF('Standard Profiles'!$G$20=$B$10,7,0)+IF('Standard Profiles'!$G$20=$B$17,14,0)+IF('Standard Profiles'!$G$20=$B$24,21,0),MOD($C3487,24)+1)/SUM(INDEX($D$3:$AA$30,INDEX(Jesper!$R$2:$R$366,ROW(INDEX(Jesper!AJ$2:AJ$366,ROUNDDOWN($C3487/24,0)+1,1))-1)+IF('Standard Profiles'!$G$20=$B$10,7,0)+IF('Standard Profiles'!$G$20=$B$17,14,0)+IF('Standard Profiles'!$G$20=$B$24,21,0),0)),0)</f>
        <v>0</v>
      </c>
      <c r="G3487" cm="1">
        <f t="array" ref="G3487">IFERROR(INDEX(Jesper!AK$2:AK$366,ROUNDDOWN($C3487/24,0)+1,1)*INDEX($D$3:$AA$30,INDEX(Jesper!$R$2:$R$366,ROW(INDEX(Jesper!AK$2:AK$366,ROUNDDOWN($C3487/24,0)+1,1))-1)+IF('Standard Profiles'!$G$21=$B$10,7,0)+IF('Standard Profiles'!$G$21=$B$17,14,0)+IF('Standard Profiles'!$G$21=$B$24,21,0),MOD($C3487,24)+1)/SUM(INDEX($D$3:$AA$30,INDEX(Jesper!$R$2:$R$366,ROW(INDEX(Jesper!AK$2:AK$366,ROUNDDOWN($C3487/24,0)+1,1))-1)+IF('Standard Profiles'!$G$21=$B$10,7,0)+IF('Standard Profiles'!$G$21=$B$17,14,0)+IF('Standard Profiles'!$G$21=$B$24,21,0),0)),0)</f>
        <v>0</v>
      </c>
      <c r="H3487" cm="1">
        <f t="array" ref="H3487">IFERROR(INDEX(Jesper!AL$2:AL$366,ROUNDDOWN($C3487/24,0)+1,1)*INDEX($D$3:$AA$30,INDEX(Jesper!$R$2:$R$366,ROW(INDEX(Jesper!AL$2:AL$366,ROUNDDOWN($C3487/24,0)+1,1))-1)+IF('Standard Profiles'!$G$22=$B$10,7,0)+IF('Standard Profiles'!$G$22=$B$17,14,0)+IF('Standard Profiles'!$G$22=$B$24,21,0),MOD($C3487,24)+1)/SUM(INDEX($D$3:$AA$30,INDEX(Jesper!$R$2:$R$366,ROW(INDEX(Jesper!AL$2:AL$366,ROUNDDOWN($C3487/24,0)+1,1))-1)+IF('Standard Profiles'!$G$22=$B$10,7,0)+IF('Standard Profiles'!$G$22=$B$17,14,0)+IF('Standard Profiles'!$G$22=$B$24,21,0),0)),0)</f>
        <v>0</v>
      </c>
      <c r="I3487">
        <f t="shared" si="391"/>
        <v>0.21753695838196696</v>
      </c>
      <c r="J3487">
        <f t="shared" si="392"/>
        <v>0.72512319460655661</v>
      </c>
      <c r="K3487">
        <f t="shared" si="393"/>
        <v>1.0876847919098347</v>
      </c>
      <c r="L3487">
        <f t="shared" si="394"/>
        <v>5.2208870011672071</v>
      </c>
      <c r="M3487">
        <f t="shared" si="395"/>
        <v>0</v>
      </c>
      <c r="N3487" s="46">
        <f t="shared" si="396"/>
        <v>45435.874999991625</v>
      </c>
    </row>
    <row r="3488" spans="2:14" x14ac:dyDescent="0.3">
      <c r="B3488">
        <f t="shared" si="390"/>
        <v>4</v>
      </c>
      <c r="C3488" s="16">
        <v>3454</v>
      </c>
      <c r="D3488" cm="1">
        <f t="array" ref="D3488">IFERROR(INDEX(Jesper!AH$2:AH$366,ROUNDDOWN($C3488/24,0)+1,1)*INDEX($D$3:$AA$30,INDEX(Jesper!$R$2:$R$366,ROW(INDEX(Jesper!AH$2:AH$366,ROUNDDOWN($C3488/24,0)+1,1))-1)+IF('Standard Profiles'!$G$18=$B$10,7,0)+IF('Standard Profiles'!$G$18=$B$17,14,0)+IF('Standard Profiles'!$G$18=$B$24,21,0),MOD($C3488,24)+1)/SUM(INDEX($D$3:$AA$30,INDEX(Jesper!$R$2:$R$366,ROW(INDEX(Jesper!AH$2:AH$366,ROUNDDOWN($C3488/24,0)+1,1))-1)+IF('Standard Profiles'!$G$18=$B$10,7,0)+IF('Standard Profiles'!$G$18=$B$17,14,0)+IF('Standard Profiles'!$G$18=$B$24,21,0),0)),0)</f>
        <v>7.2512319460655652</v>
      </c>
      <c r="E3488" cm="1">
        <f t="array" ref="E3488">IFERROR(INDEX(Jesper!AI$2:AI$366,ROUNDDOWN($C3488/24,0)+1,1)*INDEX($D$3:$AA$30,INDEX(Jesper!$R$2:$R$366,ROW(INDEX(Jesper!AI$2:AI$366,ROUNDDOWN($C3488/24,0)+1,1))-1)+IF('Standard Profiles'!$G$19=$B$10,7,0)+IF('Standard Profiles'!$G$19=$B$17,14,0)+IF('Standard Profiles'!$G$19=$B$24,21,0),MOD($C3488,24)+1)/SUM(INDEX($D$3:$AA$30,INDEX(Jesper!$R$2:$R$366,ROW(INDEX(Jesper!AI$2:AI$366,ROUNDDOWN($C3488/24,0)+1,1))-1)+IF('Standard Profiles'!$G$19=$B$10,7,0)+IF('Standard Profiles'!$G$19=$B$17,14,0)+IF('Standard Profiles'!$G$19=$B$24,21,0),0)),0)</f>
        <v>0</v>
      </c>
      <c r="F3488" cm="1">
        <f t="array" ref="F3488">IFERROR(INDEX(Jesper!AJ$2:AJ$366,ROUNDDOWN($C3488/24,0)+1,1)*INDEX($D$3:$AA$30,INDEX(Jesper!$R$2:$R$366,ROW(INDEX(Jesper!AJ$2:AJ$366,ROUNDDOWN($C3488/24,0)+1,1))-1)+IF('Standard Profiles'!$G$20=$B$10,7,0)+IF('Standard Profiles'!$G$20=$B$17,14,0)+IF('Standard Profiles'!$G$20=$B$24,21,0),MOD($C3488,24)+1)/SUM(INDEX($D$3:$AA$30,INDEX(Jesper!$R$2:$R$366,ROW(INDEX(Jesper!AJ$2:AJ$366,ROUNDDOWN($C3488/24,0)+1,1))-1)+IF('Standard Profiles'!$G$20=$B$10,7,0)+IF('Standard Profiles'!$G$20=$B$17,14,0)+IF('Standard Profiles'!$G$20=$B$24,21,0),0)),0)</f>
        <v>0</v>
      </c>
      <c r="G3488" cm="1">
        <f t="array" ref="G3488">IFERROR(INDEX(Jesper!AK$2:AK$366,ROUNDDOWN($C3488/24,0)+1,1)*INDEX($D$3:$AA$30,INDEX(Jesper!$R$2:$R$366,ROW(INDEX(Jesper!AK$2:AK$366,ROUNDDOWN($C3488/24,0)+1,1))-1)+IF('Standard Profiles'!$G$21=$B$10,7,0)+IF('Standard Profiles'!$G$21=$B$17,14,0)+IF('Standard Profiles'!$G$21=$B$24,21,0),MOD($C3488,24)+1)/SUM(INDEX($D$3:$AA$30,INDEX(Jesper!$R$2:$R$366,ROW(INDEX(Jesper!AK$2:AK$366,ROUNDDOWN($C3488/24,0)+1,1))-1)+IF('Standard Profiles'!$G$21=$B$10,7,0)+IF('Standard Profiles'!$G$21=$B$17,14,0)+IF('Standard Profiles'!$G$21=$B$24,21,0),0)),0)</f>
        <v>0</v>
      </c>
      <c r="H3488" cm="1">
        <f t="array" ref="H3488">IFERROR(INDEX(Jesper!AL$2:AL$366,ROUNDDOWN($C3488/24,0)+1,1)*INDEX($D$3:$AA$30,INDEX(Jesper!$R$2:$R$366,ROW(INDEX(Jesper!AL$2:AL$366,ROUNDDOWN($C3488/24,0)+1,1))-1)+IF('Standard Profiles'!$G$22=$B$10,7,0)+IF('Standard Profiles'!$G$22=$B$17,14,0)+IF('Standard Profiles'!$G$22=$B$24,21,0),MOD($C3488,24)+1)/SUM(INDEX($D$3:$AA$30,INDEX(Jesper!$R$2:$R$366,ROW(INDEX(Jesper!AL$2:AL$366,ROUNDDOWN($C3488/24,0)+1,1))-1)+IF('Standard Profiles'!$G$22=$B$10,7,0)+IF('Standard Profiles'!$G$22=$B$17,14,0)+IF('Standard Profiles'!$G$22=$B$24,21,0),0)),0)</f>
        <v>0</v>
      </c>
      <c r="I3488">
        <f t="shared" si="391"/>
        <v>0.21753695838196696</v>
      </c>
      <c r="J3488">
        <f t="shared" si="392"/>
        <v>0.72512319460655661</v>
      </c>
      <c r="K3488">
        <f t="shared" si="393"/>
        <v>1.0876847919098347</v>
      </c>
      <c r="L3488">
        <f t="shared" si="394"/>
        <v>5.2208870011672071</v>
      </c>
      <c r="M3488">
        <f t="shared" si="395"/>
        <v>0</v>
      </c>
      <c r="N3488" s="46">
        <f t="shared" si="396"/>
        <v>45435.91666665829</v>
      </c>
    </row>
    <row r="3489" spans="2:14" x14ac:dyDescent="0.3">
      <c r="B3489">
        <f t="shared" si="390"/>
        <v>4</v>
      </c>
      <c r="C3489" s="16">
        <v>3455</v>
      </c>
      <c r="D3489" cm="1">
        <f t="array" ref="D3489">IFERROR(INDEX(Jesper!AH$2:AH$366,ROUNDDOWN($C3489/24,0)+1,1)*INDEX($D$3:$AA$30,INDEX(Jesper!$R$2:$R$366,ROW(INDEX(Jesper!AH$2:AH$366,ROUNDDOWN($C3489/24,0)+1,1))-1)+IF('Standard Profiles'!$G$18=$B$10,7,0)+IF('Standard Profiles'!$G$18=$B$17,14,0)+IF('Standard Profiles'!$G$18=$B$24,21,0),MOD($C3489,24)+1)/SUM(INDEX($D$3:$AA$30,INDEX(Jesper!$R$2:$R$366,ROW(INDEX(Jesper!AH$2:AH$366,ROUNDDOWN($C3489/24,0)+1,1))-1)+IF('Standard Profiles'!$G$18=$B$10,7,0)+IF('Standard Profiles'!$G$18=$B$17,14,0)+IF('Standard Profiles'!$G$18=$B$24,21,0),0)),0)</f>
        <v>7.2512319460655652</v>
      </c>
      <c r="E3489" cm="1">
        <f t="array" ref="E3489">IFERROR(INDEX(Jesper!AI$2:AI$366,ROUNDDOWN($C3489/24,0)+1,1)*INDEX($D$3:$AA$30,INDEX(Jesper!$R$2:$R$366,ROW(INDEX(Jesper!AI$2:AI$366,ROUNDDOWN($C3489/24,0)+1,1))-1)+IF('Standard Profiles'!$G$19=$B$10,7,0)+IF('Standard Profiles'!$G$19=$B$17,14,0)+IF('Standard Profiles'!$G$19=$B$24,21,0),MOD($C3489,24)+1)/SUM(INDEX($D$3:$AA$30,INDEX(Jesper!$R$2:$R$366,ROW(INDEX(Jesper!AI$2:AI$366,ROUNDDOWN($C3489/24,0)+1,1))-1)+IF('Standard Profiles'!$G$19=$B$10,7,0)+IF('Standard Profiles'!$G$19=$B$17,14,0)+IF('Standard Profiles'!$G$19=$B$24,21,0),0)),0)</f>
        <v>0</v>
      </c>
      <c r="F3489" cm="1">
        <f t="array" ref="F3489">IFERROR(INDEX(Jesper!AJ$2:AJ$366,ROUNDDOWN($C3489/24,0)+1,1)*INDEX($D$3:$AA$30,INDEX(Jesper!$R$2:$R$366,ROW(INDEX(Jesper!AJ$2:AJ$366,ROUNDDOWN($C3489/24,0)+1,1))-1)+IF('Standard Profiles'!$G$20=$B$10,7,0)+IF('Standard Profiles'!$G$20=$B$17,14,0)+IF('Standard Profiles'!$G$20=$B$24,21,0),MOD($C3489,24)+1)/SUM(INDEX($D$3:$AA$30,INDEX(Jesper!$R$2:$R$366,ROW(INDEX(Jesper!AJ$2:AJ$366,ROUNDDOWN($C3489/24,0)+1,1))-1)+IF('Standard Profiles'!$G$20=$B$10,7,0)+IF('Standard Profiles'!$G$20=$B$17,14,0)+IF('Standard Profiles'!$G$20=$B$24,21,0),0)),0)</f>
        <v>0</v>
      </c>
      <c r="G3489" cm="1">
        <f t="array" ref="G3489">IFERROR(INDEX(Jesper!AK$2:AK$366,ROUNDDOWN($C3489/24,0)+1,1)*INDEX($D$3:$AA$30,INDEX(Jesper!$R$2:$R$366,ROW(INDEX(Jesper!AK$2:AK$366,ROUNDDOWN($C3489/24,0)+1,1))-1)+IF('Standard Profiles'!$G$21=$B$10,7,0)+IF('Standard Profiles'!$G$21=$B$17,14,0)+IF('Standard Profiles'!$G$21=$B$24,21,0),MOD($C3489,24)+1)/SUM(INDEX($D$3:$AA$30,INDEX(Jesper!$R$2:$R$366,ROW(INDEX(Jesper!AK$2:AK$366,ROUNDDOWN($C3489/24,0)+1,1))-1)+IF('Standard Profiles'!$G$21=$B$10,7,0)+IF('Standard Profiles'!$G$21=$B$17,14,0)+IF('Standard Profiles'!$G$21=$B$24,21,0),0)),0)</f>
        <v>0</v>
      </c>
      <c r="H3489" cm="1">
        <f t="array" ref="H3489">IFERROR(INDEX(Jesper!AL$2:AL$366,ROUNDDOWN($C3489/24,0)+1,1)*INDEX($D$3:$AA$30,INDEX(Jesper!$R$2:$R$366,ROW(INDEX(Jesper!AL$2:AL$366,ROUNDDOWN($C3489/24,0)+1,1))-1)+IF('Standard Profiles'!$G$22=$B$10,7,0)+IF('Standard Profiles'!$G$22=$B$17,14,0)+IF('Standard Profiles'!$G$22=$B$24,21,0),MOD($C3489,24)+1)/SUM(INDEX($D$3:$AA$30,INDEX(Jesper!$R$2:$R$366,ROW(INDEX(Jesper!AL$2:AL$366,ROUNDDOWN($C3489/24,0)+1,1))-1)+IF('Standard Profiles'!$G$22=$B$10,7,0)+IF('Standard Profiles'!$G$22=$B$17,14,0)+IF('Standard Profiles'!$G$22=$B$24,21,0),0)),0)</f>
        <v>0</v>
      </c>
      <c r="I3489">
        <f t="shared" si="391"/>
        <v>0.21753695838196696</v>
      </c>
      <c r="J3489">
        <f t="shared" si="392"/>
        <v>0.72512319460655661</v>
      </c>
      <c r="K3489">
        <f t="shared" si="393"/>
        <v>1.0876847919098347</v>
      </c>
      <c r="L3489">
        <f t="shared" si="394"/>
        <v>5.2208870011672071</v>
      </c>
      <c r="M3489">
        <f t="shared" si="395"/>
        <v>0</v>
      </c>
      <c r="N3489" s="46">
        <f t="shared" si="396"/>
        <v>45435.958333324954</v>
      </c>
    </row>
    <row r="3490" spans="2:14" x14ac:dyDescent="0.3">
      <c r="B3490">
        <f t="shared" si="390"/>
        <v>5</v>
      </c>
      <c r="C3490" s="16">
        <v>3456</v>
      </c>
      <c r="D3490" cm="1">
        <f t="array" ref="D3490">IFERROR(INDEX(Jesper!AH$2:AH$366,ROUNDDOWN($C3490/24,0)+1,1)*INDEX($D$3:$AA$30,INDEX(Jesper!$R$2:$R$366,ROW(INDEX(Jesper!AH$2:AH$366,ROUNDDOWN($C3490/24,0)+1,1))-1)+IF('Standard Profiles'!$G$18=$B$10,7,0)+IF('Standard Profiles'!$G$18=$B$17,14,0)+IF('Standard Profiles'!$G$18=$B$24,21,0),MOD($C3490,24)+1)/SUM(INDEX($D$3:$AA$30,INDEX(Jesper!$R$2:$R$366,ROW(INDEX(Jesper!AH$2:AH$366,ROUNDDOWN($C3490/24,0)+1,1))-1)+IF('Standard Profiles'!$G$18=$B$10,7,0)+IF('Standard Profiles'!$G$18=$B$17,14,0)+IF('Standard Profiles'!$G$18=$B$24,21,0),0)),0)</f>
        <v>8.0818205545903332</v>
      </c>
      <c r="E3490" cm="1">
        <f t="array" ref="E3490">IFERROR(INDEX(Jesper!AI$2:AI$366,ROUNDDOWN($C3490/24,0)+1,1)*INDEX($D$3:$AA$30,INDEX(Jesper!$R$2:$R$366,ROW(INDEX(Jesper!AI$2:AI$366,ROUNDDOWN($C3490/24,0)+1,1))-1)+IF('Standard Profiles'!$G$19=$B$10,7,0)+IF('Standard Profiles'!$G$19=$B$17,14,0)+IF('Standard Profiles'!$G$19=$B$24,21,0),MOD($C3490,24)+1)/SUM(INDEX($D$3:$AA$30,INDEX(Jesper!$R$2:$R$366,ROW(INDEX(Jesper!AI$2:AI$366,ROUNDDOWN($C3490/24,0)+1,1))-1)+IF('Standard Profiles'!$G$19=$B$10,7,0)+IF('Standard Profiles'!$G$19=$B$17,14,0)+IF('Standard Profiles'!$G$19=$B$24,21,0),0)),0)</f>
        <v>0</v>
      </c>
      <c r="F3490" cm="1">
        <f t="array" ref="F3490">IFERROR(INDEX(Jesper!AJ$2:AJ$366,ROUNDDOWN($C3490/24,0)+1,1)*INDEX($D$3:$AA$30,INDEX(Jesper!$R$2:$R$366,ROW(INDEX(Jesper!AJ$2:AJ$366,ROUNDDOWN($C3490/24,0)+1,1))-1)+IF('Standard Profiles'!$G$20=$B$10,7,0)+IF('Standard Profiles'!$G$20=$B$17,14,0)+IF('Standard Profiles'!$G$20=$B$24,21,0),MOD($C3490,24)+1)/SUM(INDEX($D$3:$AA$30,INDEX(Jesper!$R$2:$R$366,ROW(INDEX(Jesper!AJ$2:AJ$366,ROUNDDOWN($C3490/24,0)+1,1))-1)+IF('Standard Profiles'!$G$20=$B$10,7,0)+IF('Standard Profiles'!$G$20=$B$17,14,0)+IF('Standard Profiles'!$G$20=$B$24,21,0),0)),0)</f>
        <v>0</v>
      </c>
      <c r="G3490" cm="1">
        <f t="array" ref="G3490">IFERROR(INDEX(Jesper!AK$2:AK$366,ROUNDDOWN($C3490/24,0)+1,1)*INDEX($D$3:$AA$30,INDEX(Jesper!$R$2:$R$366,ROW(INDEX(Jesper!AK$2:AK$366,ROUNDDOWN($C3490/24,0)+1,1))-1)+IF('Standard Profiles'!$G$21=$B$10,7,0)+IF('Standard Profiles'!$G$21=$B$17,14,0)+IF('Standard Profiles'!$G$21=$B$24,21,0),MOD($C3490,24)+1)/SUM(INDEX($D$3:$AA$30,INDEX(Jesper!$R$2:$R$366,ROW(INDEX(Jesper!AK$2:AK$366,ROUNDDOWN($C3490/24,0)+1,1))-1)+IF('Standard Profiles'!$G$21=$B$10,7,0)+IF('Standard Profiles'!$G$21=$B$17,14,0)+IF('Standard Profiles'!$G$21=$B$24,21,0),0)),0)</f>
        <v>0</v>
      </c>
      <c r="H3490" cm="1">
        <f t="array" ref="H3490">IFERROR(INDEX(Jesper!AL$2:AL$366,ROUNDDOWN($C3490/24,0)+1,1)*INDEX($D$3:$AA$30,INDEX(Jesper!$R$2:$R$366,ROW(INDEX(Jesper!AL$2:AL$366,ROUNDDOWN($C3490/24,0)+1,1))-1)+IF('Standard Profiles'!$G$22=$B$10,7,0)+IF('Standard Profiles'!$G$22=$B$17,14,0)+IF('Standard Profiles'!$G$22=$B$24,21,0),MOD($C3490,24)+1)/SUM(INDEX($D$3:$AA$30,INDEX(Jesper!$R$2:$R$366,ROW(INDEX(Jesper!AL$2:AL$366,ROUNDDOWN($C3490/24,0)+1,1))-1)+IF('Standard Profiles'!$G$22=$B$10,7,0)+IF('Standard Profiles'!$G$22=$B$17,14,0)+IF('Standard Profiles'!$G$22=$B$24,21,0),0)),0)</f>
        <v>0</v>
      </c>
      <c r="I3490">
        <f t="shared" si="391"/>
        <v>0.24245461663770998</v>
      </c>
      <c r="J3490">
        <f t="shared" si="392"/>
        <v>0.80818205545903332</v>
      </c>
      <c r="K3490">
        <f t="shared" si="393"/>
        <v>1.21227308318855</v>
      </c>
      <c r="L3490">
        <f t="shared" si="394"/>
        <v>5.8189107993050397</v>
      </c>
      <c r="M3490">
        <f t="shared" si="395"/>
        <v>0</v>
      </c>
      <c r="N3490" s="46">
        <f t="shared" si="396"/>
        <v>45435.999999991618</v>
      </c>
    </row>
    <row r="3491" spans="2:14" x14ac:dyDescent="0.3">
      <c r="B3491">
        <f t="shared" ref="B3491:B3554" si="397">WEEKDAY(N3491,2)</f>
        <v>5</v>
      </c>
      <c r="C3491" s="16">
        <v>3457</v>
      </c>
      <c r="D3491" cm="1">
        <f t="array" ref="D3491">IFERROR(INDEX(Jesper!AH$2:AH$366,ROUNDDOWN($C3491/24,0)+1,1)*INDEX($D$3:$AA$30,INDEX(Jesper!$R$2:$R$366,ROW(INDEX(Jesper!AH$2:AH$366,ROUNDDOWN($C3491/24,0)+1,1))-1)+IF('Standard Profiles'!$G$18=$B$10,7,0)+IF('Standard Profiles'!$G$18=$B$17,14,0)+IF('Standard Profiles'!$G$18=$B$24,21,0),MOD($C3491,24)+1)/SUM(INDEX($D$3:$AA$30,INDEX(Jesper!$R$2:$R$366,ROW(INDEX(Jesper!AH$2:AH$366,ROUNDDOWN($C3491/24,0)+1,1))-1)+IF('Standard Profiles'!$G$18=$B$10,7,0)+IF('Standard Profiles'!$G$18=$B$17,14,0)+IF('Standard Profiles'!$G$18=$B$24,21,0),0)),0)</f>
        <v>8.0818205545903332</v>
      </c>
      <c r="E3491" cm="1">
        <f t="array" ref="E3491">IFERROR(INDEX(Jesper!AI$2:AI$366,ROUNDDOWN($C3491/24,0)+1,1)*INDEX($D$3:$AA$30,INDEX(Jesper!$R$2:$R$366,ROW(INDEX(Jesper!AI$2:AI$366,ROUNDDOWN($C3491/24,0)+1,1))-1)+IF('Standard Profiles'!$G$19=$B$10,7,0)+IF('Standard Profiles'!$G$19=$B$17,14,0)+IF('Standard Profiles'!$G$19=$B$24,21,0),MOD($C3491,24)+1)/SUM(INDEX($D$3:$AA$30,INDEX(Jesper!$R$2:$R$366,ROW(INDEX(Jesper!AI$2:AI$366,ROUNDDOWN($C3491/24,0)+1,1))-1)+IF('Standard Profiles'!$G$19=$B$10,7,0)+IF('Standard Profiles'!$G$19=$B$17,14,0)+IF('Standard Profiles'!$G$19=$B$24,21,0),0)),0)</f>
        <v>0</v>
      </c>
      <c r="F3491" cm="1">
        <f t="array" ref="F3491">IFERROR(INDEX(Jesper!AJ$2:AJ$366,ROUNDDOWN($C3491/24,0)+1,1)*INDEX($D$3:$AA$30,INDEX(Jesper!$R$2:$R$366,ROW(INDEX(Jesper!AJ$2:AJ$366,ROUNDDOWN($C3491/24,0)+1,1))-1)+IF('Standard Profiles'!$G$20=$B$10,7,0)+IF('Standard Profiles'!$G$20=$B$17,14,0)+IF('Standard Profiles'!$G$20=$B$24,21,0),MOD($C3491,24)+1)/SUM(INDEX($D$3:$AA$30,INDEX(Jesper!$R$2:$R$366,ROW(INDEX(Jesper!AJ$2:AJ$366,ROUNDDOWN($C3491/24,0)+1,1))-1)+IF('Standard Profiles'!$G$20=$B$10,7,0)+IF('Standard Profiles'!$G$20=$B$17,14,0)+IF('Standard Profiles'!$G$20=$B$24,21,0),0)),0)</f>
        <v>0</v>
      </c>
      <c r="G3491" cm="1">
        <f t="array" ref="G3491">IFERROR(INDEX(Jesper!AK$2:AK$366,ROUNDDOWN($C3491/24,0)+1,1)*INDEX($D$3:$AA$30,INDEX(Jesper!$R$2:$R$366,ROW(INDEX(Jesper!AK$2:AK$366,ROUNDDOWN($C3491/24,0)+1,1))-1)+IF('Standard Profiles'!$G$21=$B$10,7,0)+IF('Standard Profiles'!$G$21=$B$17,14,0)+IF('Standard Profiles'!$G$21=$B$24,21,0),MOD($C3491,24)+1)/SUM(INDEX($D$3:$AA$30,INDEX(Jesper!$R$2:$R$366,ROW(INDEX(Jesper!AK$2:AK$366,ROUNDDOWN($C3491/24,0)+1,1))-1)+IF('Standard Profiles'!$G$21=$B$10,7,0)+IF('Standard Profiles'!$G$21=$B$17,14,0)+IF('Standard Profiles'!$G$21=$B$24,21,0),0)),0)</f>
        <v>0</v>
      </c>
      <c r="H3491" cm="1">
        <f t="array" ref="H3491">IFERROR(INDEX(Jesper!AL$2:AL$366,ROUNDDOWN($C3491/24,0)+1,1)*INDEX($D$3:$AA$30,INDEX(Jesper!$R$2:$R$366,ROW(INDEX(Jesper!AL$2:AL$366,ROUNDDOWN($C3491/24,0)+1,1))-1)+IF('Standard Profiles'!$G$22=$B$10,7,0)+IF('Standard Profiles'!$G$22=$B$17,14,0)+IF('Standard Profiles'!$G$22=$B$24,21,0),MOD($C3491,24)+1)/SUM(INDEX($D$3:$AA$30,INDEX(Jesper!$R$2:$R$366,ROW(INDEX(Jesper!AL$2:AL$366,ROUNDDOWN($C3491/24,0)+1,1))-1)+IF('Standard Profiles'!$G$22=$B$10,7,0)+IF('Standard Profiles'!$G$22=$B$17,14,0)+IF('Standard Profiles'!$G$22=$B$24,21,0),0)),0)</f>
        <v>0</v>
      </c>
      <c r="I3491">
        <f t="shared" ref="I3491:I3554" si="398">IF($B3491&lt;6,AC$37*$D3491+AC$38*$E3491+AC$39*$F3491+AC$40*$G3491,AC$46*$D3491+AC$47*$E3491+AC$48*$F3491+AC$49*$G3491+AC$50*$H3491)</f>
        <v>0.24245461663770998</v>
      </c>
      <c r="J3491">
        <f t="shared" ref="J3491:J3554" si="399">IF($B3491&lt;6,AD$37*$D3491+AD$38*$E3491+AD$39*$F3491+AD$40*$G3491,AD$46*$D3491+AD$47*$E3491+AD$48*$F3491+AD$49*$G3491+AD$50*$H3491)</f>
        <v>0.80818205545903332</v>
      </c>
      <c r="K3491">
        <f t="shared" ref="K3491:K3554" si="400">IF($B3491&lt;6,AE$37*$D3491+AE$38*$E3491+AE$39*$F3491+AE$40*$G3491,AE$46*$D3491+AE$47*$E3491+AE$48*$F3491+AE$49*$G3491+AE$50*$H3491)</f>
        <v>1.21227308318855</v>
      </c>
      <c r="L3491">
        <f t="shared" ref="L3491:L3554" si="401">IF($B3491&lt;6,AF$37*$D3491+AF$38*$E3491+AF$39*$F3491+AF$40*$G3491,AF$46*$D3491+AF$47*$E3491+AF$48*$F3491+AF$49*$G3491+AF$50*$H3491)</f>
        <v>5.8189107993050397</v>
      </c>
      <c r="M3491">
        <f t="shared" ref="M3491:M3554" si="402">IF($B3491&lt;6,AG$37*$D3491+AG$38*$E3491+AG$39*$F3491+AG$40*$G3491,AG$46*$D3491+AG$47*$E3491+AG$48*$F3491+AG$49*$G3491+AG$50*$H3491)</f>
        <v>0</v>
      </c>
      <c r="N3491" s="46">
        <f t="shared" si="396"/>
        <v>45436.041666658282</v>
      </c>
    </row>
    <row r="3492" spans="2:14" x14ac:dyDescent="0.3">
      <c r="B3492">
        <f t="shared" si="397"/>
        <v>5</v>
      </c>
      <c r="C3492" s="16">
        <v>3458</v>
      </c>
      <c r="D3492" cm="1">
        <f t="array" ref="D3492">IFERROR(INDEX(Jesper!AH$2:AH$366,ROUNDDOWN($C3492/24,0)+1,1)*INDEX($D$3:$AA$30,INDEX(Jesper!$R$2:$R$366,ROW(INDEX(Jesper!AH$2:AH$366,ROUNDDOWN($C3492/24,0)+1,1))-1)+IF('Standard Profiles'!$G$18=$B$10,7,0)+IF('Standard Profiles'!$G$18=$B$17,14,0)+IF('Standard Profiles'!$G$18=$B$24,21,0),MOD($C3492,24)+1)/SUM(INDEX($D$3:$AA$30,INDEX(Jesper!$R$2:$R$366,ROW(INDEX(Jesper!AH$2:AH$366,ROUNDDOWN($C3492/24,0)+1,1))-1)+IF('Standard Profiles'!$G$18=$B$10,7,0)+IF('Standard Profiles'!$G$18=$B$17,14,0)+IF('Standard Profiles'!$G$18=$B$24,21,0),0)),0)</f>
        <v>8.0818205545903332</v>
      </c>
      <c r="E3492" cm="1">
        <f t="array" ref="E3492">IFERROR(INDEX(Jesper!AI$2:AI$366,ROUNDDOWN($C3492/24,0)+1,1)*INDEX($D$3:$AA$30,INDEX(Jesper!$R$2:$R$366,ROW(INDEX(Jesper!AI$2:AI$366,ROUNDDOWN($C3492/24,0)+1,1))-1)+IF('Standard Profiles'!$G$19=$B$10,7,0)+IF('Standard Profiles'!$G$19=$B$17,14,0)+IF('Standard Profiles'!$G$19=$B$24,21,0),MOD($C3492,24)+1)/SUM(INDEX($D$3:$AA$30,INDEX(Jesper!$R$2:$R$366,ROW(INDEX(Jesper!AI$2:AI$366,ROUNDDOWN($C3492/24,0)+1,1))-1)+IF('Standard Profiles'!$G$19=$B$10,7,0)+IF('Standard Profiles'!$G$19=$B$17,14,0)+IF('Standard Profiles'!$G$19=$B$24,21,0),0)),0)</f>
        <v>0</v>
      </c>
      <c r="F3492" cm="1">
        <f t="array" ref="F3492">IFERROR(INDEX(Jesper!AJ$2:AJ$366,ROUNDDOWN($C3492/24,0)+1,1)*INDEX($D$3:$AA$30,INDEX(Jesper!$R$2:$R$366,ROW(INDEX(Jesper!AJ$2:AJ$366,ROUNDDOWN($C3492/24,0)+1,1))-1)+IF('Standard Profiles'!$G$20=$B$10,7,0)+IF('Standard Profiles'!$G$20=$B$17,14,0)+IF('Standard Profiles'!$G$20=$B$24,21,0),MOD($C3492,24)+1)/SUM(INDEX($D$3:$AA$30,INDEX(Jesper!$R$2:$R$366,ROW(INDEX(Jesper!AJ$2:AJ$366,ROUNDDOWN($C3492/24,0)+1,1))-1)+IF('Standard Profiles'!$G$20=$B$10,7,0)+IF('Standard Profiles'!$G$20=$B$17,14,0)+IF('Standard Profiles'!$G$20=$B$24,21,0),0)),0)</f>
        <v>0</v>
      </c>
      <c r="G3492" cm="1">
        <f t="array" ref="G3492">IFERROR(INDEX(Jesper!AK$2:AK$366,ROUNDDOWN($C3492/24,0)+1,1)*INDEX($D$3:$AA$30,INDEX(Jesper!$R$2:$R$366,ROW(INDEX(Jesper!AK$2:AK$366,ROUNDDOWN($C3492/24,0)+1,1))-1)+IF('Standard Profiles'!$G$21=$B$10,7,0)+IF('Standard Profiles'!$G$21=$B$17,14,0)+IF('Standard Profiles'!$G$21=$B$24,21,0),MOD($C3492,24)+1)/SUM(INDEX($D$3:$AA$30,INDEX(Jesper!$R$2:$R$366,ROW(INDEX(Jesper!AK$2:AK$366,ROUNDDOWN($C3492/24,0)+1,1))-1)+IF('Standard Profiles'!$G$21=$B$10,7,0)+IF('Standard Profiles'!$G$21=$B$17,14,0)+IF('Standard Profiles'!$G$21=$B$24,21,0),0)),0)</f>
        <v>0</v>
      </c>
      <c r="H3492" cm="1">
        <f t="array" ref="H3492">IFERROR(INDEX(Jesper!AL$2:AL$366,ROUNDDOWN($C3492/24,0)+1,1)*INDEX($D$3:$AA$30,INDEX(Jesper!$R$2:$R$366,ROW(INDEX(Jesper!AL$2:AL$366,ROUNDDOWN($C3492/24,0)+1,1))-1)+IF('Standard Profiles'!$G$22=$B$10,7,0)+IF('Standard Profiles'!$G$22=$B$17,14,0)+IF('Standard Profiles'!$G$22=$B$24,21,0),MOD($C3492,24)+1)/SUM(INDEX($D$3:$AA$30,INDEX(Jesper!$R$2:$R$366,ROW(INDEX(Jesper!AL$2:AL$366,ROUNDDOWN($C3492/24,0)+1,1))-1)+IF('Standard Profiles'!$G$22=$B$10,7,0)+IF('Standard Profiles'!$G$22=$B$17,14,0)+IF('Standard Profiles'!$G$22=$B$24,21,0),0)),0)</f>
        <v>0</v>
      </c>
      <c r="I3492">
        <f t="shared" si="398"/>
        <v>0.24245461663770998</v>
      </c>
      <c r="J3492">
        <f t="shared" si="399"/>
        <v>0.80818205545903332</v>
      </c>
      <c r="K3492">
        <f t="shared" si="400"/>
        <v>1.21227308318855</v>
      </c>
      <c r="L3492">
        <f t="shared" si="401"/>
        <v>5.8189107993050397</v>
      </c>
      <c r="M3492">
        <f t="shared" si="402"/>
        <v>0</v>
      </c>
      <c r="N3492" s="46">
        <f t="shared" ref="N3492:N3555" si="403">N3491+1/24</f>
        <v>45436.083333324947</v>
      </c>
    </row>
    <row r="3493" spans="2:14" x14ac:dyDescent="0.3">
      <c r="B3493">
        <f t="shared" si="397"/>
        <v>5</v>
      </c>
      <c r="C3493" s="16">
        <v>3459</v>
      </c>
      <c r="D3493" cm="1">
        <f t="array" ref="D3493">IFERROR(INDEX(Jesper!AH$2:AH$366,ROUNDDOWN($C3493/24,0)+1,1)*INDEX($D$3:$AA$30,INDEX(Jesper!$R$2:$R$366,ROW(INDEX(Jesper!AH$2:AH$366,ROUNDDOWN($C3493/24,0)+1,1))-1)+IF('Standard Profiles'!$G$18=$B$10,7,0)+IF('Standard Profiles'!$G$18=$B$17,14,0)+IF('Standard Profiles'!$G$18=$B$24,21,0),MOD($C3493,24)+1)/SUM(INDEX($D$3:$AA$30,INDEX(Jesper!$R$2:$R$366,ROW(INDEX(Jesper!AH$2:AH$366,ROUNDDOWN($C3493/24,0)+1,1))-1)+IF('Standard Profiles'!$G$18=$B$10,7,0)+IF('Standard Profiles'!$G$18=$B$17,14,0)+IF('Standard Profiles'!$G$18=$B$24,21,0),0)),0)</f>
        <v>8.0818205545903332</v>
      </c>
      <c r="E3493" cm="1">
        <f t="array" ref="E3493">IFERROR(INDEX(Jesper!AI$2:AI$366,ROUNDDOWN($C3493/24,0)+1,1)*INDEX($D$3:$AA$30,INDEX(Jesper!$R$2:$R$366,ROW(INDEX(Jesper!AI$2:AI$366,ROUNDDOWN($C3493/24,0)+1,1))-1)+IF('Standard Profiles'!$G$19=$B$10,7,0)+IF('Standard Profiles'!$G$19=$B$17,14,0)+IF('Standard Profiles'!$G$19=$B$24,21,0),MOD($C3493,24)+1)/SUM(INDEX($D$3:$AA$30,INDEX(Jesper!$R$2:$R$366,ROW(INDEX(Jesper!AI$2:AI$366,ROUNDDOWN($C3493/24,0)+1,1))-1)+IF('Standard Profiles'!$G$19=$B$10,7,0)+IF('Standard Profiles'!$G$19=$B$17,14,0)+IF('Standard Profiles'!$G$19=$B$24,21,0),0)),0)</f>
        <v>0</v>
      </c>
      <c r="F3493" cm="1">
        <f t="array" ref="F3493">IFERROR(INDEX(Jesper!AJ$2:AJ$366,ROUNDDOWN($C3493/24,0)+1,1)*INDEX($D$3:$AA$30,INDEX(Jesper!$R$2:$R$366,ROW(INDEX(Jesper!AJ$2:AJ$366,ROUNDDOWN($C3493/24,0)+1,1))-1)+IF('Standard Profiles'!$G$20=$B$10,7,0)+IF('Standard Profiles'!$G$20=$B$17,14,0)+IF('Standard Profiles'!$G$20=$B$24,21,0),MOD($C3493,24)+1)/SUM(INDEX($D$3:$AA$30,INDEX(Jesper!$R$2:$R$366,ROW(INDEX(Jesper!AJ$2:AJ$366,ROUNDDOWN($C3493/24,0)+1,1))-1)+IF('Standard Profiles'!$G$20=$B$10,7,0)+IF('Standard Profiles'!$G$20=$B$17,14,0)+IF('Standard Profiles'!$G$20=$B$24,21,0),0)),0)</f>
        <v>0</v>
      </c>
      <c r="G3493" cm="1">
        <f t="array" ref="G3493">IFERROR(INDEX(Jesper!AK$2:AK$366,ROUNDDOWN($C3493/24,0)+1,1)*INDEX($D$3:$AA$30,INDEX(Jesper!$R$2:$R$366,ROW(INDEX(Jesper!AK$2:AK$366,ROUNDDOWN($C3493/24,0)+1,1))-1)+IF('Standard Profiles'!$G$21=$B$10,7,0)+IF('Standard Profiles'!$G$21=$B$17,14,0)+IF('Standard Profiles'!$G$21=$B$24,21,0),MOD($C3493,24)+1)/SUM(INDEX($D$3:$AA$30,INDEX(Jesper!$R$2:$R$366,ROW(INDEX(Jesper!AK$2:AK$366,ROUNDDOWN($C3493/24,0)+1,1))-1)+IF('Standard Profiles'!$G$21=$B$10,7,0)+IF('Standard Profiles'!$G$21=$B$17,14,0)+IF('Standard Profiles'!$G$21=$B$24,21,0),0)),0)</f>
        <v>0</v>
      </c>
      <c r="H3493" cm="1">
        <f t="array" ref="H3493">IFERROR(INDEX(Jesper!AL$2:AL$366,ROUNDDOWN($C3493/24,0)+1,1)*INDEX($D$3:$AA$30,INDEX(Jesper!$R$2:$R$366,ROW(INDEX(Jesper!AL$2:AL$366,ROUNDDOWN($C3493/24,0)+1,1))-1)+IF('Standard Profiles'!$G$22=$B$10,7,0)+IF('Standard Profiles'!$G$22=$B$17,14,0)+IF('Standard Profiles'!$G$22=$B$24,21,0),MOD($C3493,24)+1)/SUM(INDEX($D$3:$AA$30,INDEX(Jesper!$R$2:$R$366,ROW(INDEX(Jesper!AL$2:AL$366,ROUNDDOWN($C3493/24,0)+1,1))-1)+IF('Standard Profiles'!$G$22=$B$10,7,0)+IF('Standard Profiles'!$G$22=$B$17,14,0)+IF('Standard Profiles'!$G$22=$B$24,21,0),0)),0)</f>
        <v>0</v>
      </c>
      <c r="I3493">
        <f t="shared" si="398"/>
        <v>0.24245461663770998</v>
      </c>
      <c r="J3493">
        <f t="shared" si="399"/>
        <v>0.80818205545903332</v>
      </c>
      <c r="K3493">
        <f t="shared" si="400"/>
        <v>1.21227308318855</v>
      </c>
      <c r="L3493">
        <f t="shared" si="401"/>
        <v>5.8189107993050397</v>
      </c>
      <c r="M3493">
        <f t="shared" si="402"/>
        <v>0</v>
      </c>
      <c r="N3493" s="46">
        <f t="shared" si="403"/>
        <v>45436.124999991611</v>
      </c>
    </row>
    <row r="3494" spans="2:14" x14ac:dyDescent="0.3">
      <c r="B3494">
        <f t="shared" si="397"/>
        <v>5</v>
      </c>
      <c r="C3494" s="16">
        <v>3460</v>
      </c>
      <c r="D3494" cm="1">
        <f t="array" ref="D3494">IFERROR(INDEX(Jesper!AH$2:AH$366,ROUNDDOWN($C3494/24,0)+1,1)*INDEX($D$3:$AA$30,INDEX(Jesper!$R$2:$R$366,ROW(INDEX(Jesper!AH$2:AH$366,ROUNDDOWN($C3494/24,0)+1,1))-1)+IF('Standard Profiles'!$G$18=$B$10,7,0)+IF('Standard Profiles'!$G$18=$B$17,14,0)+IF('Standard Profiles'!$G$18=$B$24,21,0),MOD($C3494,24)+1)/SUM(INDEX($D$3:$AA$30,INDEX(Jesper!$R$2:$R$366,ROW(INDEX(Jesper!AH$2:AH$366,ROUNDDOWN($C3494/24,0)+1,1))-1)+IF('Standard Profiles'!$G$18=$B$10,7,0)+IF('Standard Profiles'!$G$18=$B$17,14,0)+IF('Standard Profiles'!$G$18=$B$24,21,0),0)),0)</f>
        <v>8.0818205545903332</v>
      </c>
      <c r="E3494" cm="1">
        <f t="array" ref="E3494">IFERROR(INDEX(Jesper!AI$2:AI$366,ROUNDDOWN($C3494/24,0)+1,1)*INDEX($D$3:$AA$30,INDEX(Jesper!$R$2:$R$366,ROW(INDEX(Jesper!AI$2:AI$366,ROUNDDOWN($C3494/24,0)+1,1))-1)+IF('Standard Profiles'!$G$19=$B$10,7,0)+IF('Standard Profiles'!$G$19=$B$17,14,0)+IF('Standard Profiles'!$G$19=$B$24,21,0),MOD($C3494,24)+1)/SUM(INDEX($D$3:$AA$30,INDEX(Jesper!$R$2:$R$366,ROW(INDEX(Jesper!AI$2:AI$366,ROUNDDOWN($C3494/24,0)+1,1))-1)+IF('Standard Profiles'!$G$19=$B$10,7,0)+IF('Standard Profiles'!$G$19=$B$17,14,0)+IF('Standard Profiles'!$G$19=$B$24,21,0),0)),0)</f>
        <v>0</v>
      </c>
      <c r="F3494" cm="1">
        <f t="array" ref="F3494">IFERROR(INDEX(Jesper!AJ$2:AJ$366,ROUNDDOWN($C3494/24,0)+1,1)*INDEX($D$3:$AA$30,INDEX(Jesper!$R$2:$R$366,ROW(INDEX(Jesper!AJ$2:AJ$366,ROUNDDOWN($C3494/24,0)+1,1))-1)+IF('Standard Profiles'!$G$20=$B$10,7,0)+IF('Standard Profiles'!$G$20=$B$17,14,0)+IF('Standard Profiles'!$G$20=$B$24,21,0),MOD($C3494,24)+1)/SUM(INDEX($D$3:$AA$30,INDEX(Jesper!$R$2:$R$366,ROW(INDEX(Jesper!AJ$2:AJ$366,ROUNDDOWN($C3494/24,0)+1,1))-1)+IF('Standard Profiles'!$G$20=$B$10,7,0)+IF('Standard Profiles'!$G$20=$B$17,14,0)+IF('Standard Profiles'!$G$20=$B$24,21,0),0)),0)</f>
        <v>0</v>
      </c>
      <c r="G3494" cm="1">
        <f t="array" ref="G3494">IFERROR(INDEX(Jesper!AK$2:AK$366,ROUNDDOWN($C3494/24,0)+1,1)*INDEX($D$3:$AA$30,INDEX(Jesper!$R$2:$R$366,ROW(INDEX(Jesper!AK$2:AK$366,ROUNDDOWN($C3494/24,0)+1,1))-1)+IF('Standard Profiles'!$G$21=$B$10,7,0)+IF('Standard Profiles'!$G$21=$B$17,14,0)+IF('Standard Profiles'!$G$21=$B$24,21,0),MOD($C3494,24)+1)/SUM(INDEX($D$3:$AA$30,INDEX(Jesper!$R$2:$R$366,ROW(INDEX(Jesper!AK$2:AK$366,ROUNDDOWN($C3494/24,0)+1,1))-1)+IF('Standard Profiles'!$G$21=$B$10,7,0)+IF('Standard Profiles'!$G$21=$B$17,14,0)+IF('Standard Profiles'!$G$21=$B$24,21,0),0)),0)</f>
        <v>0</v>
      </c>
      <c r="H3494" cm="1">
        <f t="array" ref="H3494">IFERROR(INDEX(Jesper!AL$2:AL$366,ROUNDDOWN($C3494/24,0)+1,1)*INDEX($D$3:$AA$30,INDEX(Jesper!$R$2:$R$366,ROW(INDEX(Jesper!AL$2:AL$366,ROUNDDOWN($C3494/24,0)+1,1))-1)+IF('Standard Profiles'!$G$22=$B$10,7,0)+IF('Standard Profiles'!$G$22=$B$17,14,0)+IF('Standard Profiles'!$G$22=$B$24,21,0),MOD($C3494,24)+1)/SUM(INDEX($D$3:$AA$30,INDEX(Jesper!$R$2:$R$366,ROW(INDEX(Jesper!AL$2:AL$366,ROUNDDOWN($C3494/24,0)+1,1))-1)+IF('Standard Profiles'!$G$22=$B$10,7,0)+IF('Standard Profiles'!$G$22=$B$17,14,0)+IF('Standard Profiles'!$G$22=$B$24,21,0),0)),0)</f>
        <v>0</v>
      </c>
      <c r="I3494">
        <f t="shared" si="398"/>
        <v>0.24245461663770998</v>
      </c>
      <c r="J3494">
        <f t="shared" si="399"/>
        <v>0.80818205545903332</v>
      </c>
      <c r="K3494">
        <f t="shared" si="400"/>
        <v>1.21227308318855</v>
      </c>
      <c r="L3494">
        <f t="shared" si="401"/>
        <v>5.8189107993050397</v>
      </c>
      <c r="M3494">
        <f t="shared" si="402"/>
        <v>0</v>
      </c>
      <c r="N3494" s="46">
        <f t="shared" si="403"/>
        <v>45436.166666658275</v>
      </c>
    </row>
    <row r="3495" spans="2:14" x14ac:dyDescent="0.3">
      <c r="B3495">
        <f t="shared" si="397"/>
        <v>5</v>
      </c>
      <c r="C3495" s="16">
        <v>3461</v>
      </c>
      <c r="D3495" cm="1">
        <f t="array" ref="D3495">IFERROR(INDEX(Jesper!AH$2:AH$366,ROUNDDOWN($C3495/24,0)+1,1)*INDEX($D$3:$AA$30,INDEX(Jesper!$R$2:$R$366,ROW(INDEX(Jesper!AH$2:AH$366,ROUNDDOWN($C3495/24,0)+1,1))-1)+IF('Standard Profiles'!$G$18=$B$10,7,0)+IF('Standard Profiles'!$G$18=$B$17,14,0)+IF('Standard Profiles'!$G$18=$B$24,21,0),MOD($C3495,24)+1)/SUM(INDEX($D$3:$AA$30,INDEX(Jesper!$R$2:$R$366,ROW(INDEX(Jesper!AH$2:AH$366,ROUNDDOWN($C3495/24,0)+1,1))-1)+IF('Standard Profiles'!$G$18=$B$10,7,0)+IF('Standard Profiles'!$G$18=$B$17,14,0)+IF('Standard Profiles'!$G$18=$B$24,21,0),0)),0)</f>
        <v>10.416568714805319</v>
      </c>
      <c r="E3495" cm="1">
        <f t="array" ref="E3495">IFERROR(INDEX(Jesper!AI$2:AI$366,ROUNDDOWN($C3495/24,0)+1,1)*INDEX($D$3:$AA$30,INDEX(Jesper!$R$2:$R$366,ROW(INDEX(Jesper!AI$2:AI$366,ROUNDDOWN($C3495/24,0)+1,1))-1)+IF('Standard Profiles'!$G$19=$B$10,7,0)+IF('Standard Profiles'!$G$19=$B$17,14,0)+IF('Standard Profiles'!$G$19=$B$24,21,0),MOD($C3495,24)+1)/SUM(INDEX($D$3:$AA$30,INDEX(Jesper!$R$2:$R$366,ROW(INDEX(Jesper!AI$2:AI$366,ROUNDDOWN($C3495/24,0)+1,1))-1)+IF('Standard Profiles'!$G$19=$B$10,7,0)+IF('Standard Profiles'!$G$19=$B$17,14,0)+IF('Standard Profiles'!$G$19=$B$24,21,0),0)),0)</f>
        <v>0</v>
      </c>
      <c r="F3495" cm="1">
        <f t="array" ref="F3495">IFERROR(INDEX(Jesper!AJ$2:AJ$366,ROUNDDOWN($C3495/24,0)+1,1)*INDEX($D$3:$AA$30,INDEX(Jesper!$R$2:$R$366,ROW(INDEX(Jesper!AJ$2:AJ$366,ROUNDDOWN($C3495/24,0)+1,1))-1)+IF('Standard Profiles'!$G$20=$B$10,7,0)+IF('Standard Profiles'!$G$20=$B$17,14,0)+IF('Standard Profiles'!$G$20=$B$24,21,0),MOD($C3495,24)+1)/SUM(INDEX($D$3:$AA$30,INDEX(Jesper!$R$2:$R$366,ROW(INDEX(Jesper!AJ$2:AJ$366,ROUNDDOWN($C3495/24,0)+1,1))-1)+IF('Standard Profiles'!$G$20=$B$10,7,0)+IF('Standard Profiles'!$G$20=$B$17,14,0)+IF('Standard Profiles'!$G$20=$B$24,21,0),0)),0)</f>
        <v>0</v>
      </c>
      <c r="G3495" cm="1">
        <f t="array" ref="G3495">IFERROR(INDEX(Jesper!AK$2:AK$366,ROUNDDOWN($C3495/24,0)+1,1)*INDEX($D$3:$AA$30,INDEX(Jesper!$R$2:$R$366,ROW(INDEX(Jesper!AK$2:AK$366,ROUNDDOWN($C3495/24,0)+1,1))-1)+IF('Standard Profiles'!$G$21=$B$10,7,0)+IF('Standard Profiles'!$G$21=$B$17,14,0)+IF('Standard Profiles'!$G$21=$B$24,21,0),MOD($C3495,24)+1)/SUM(INDEX($D$3:$AA$30,INDEX(Jesper!$R$2:$R$366,ROW(INDEX(Jesper!AK$2:AK$366,ROUNDDOWN($C3495/24,0)+1,1))-1)+IF('Standard Profiles'!$G$21=$B$10,7,0)+IF('Standard Profiles'!$G$21=$B$17,14,0)+IF('Standard Profiles'!$G$21=$B$24,21,0),0)),0)</f>
        <v>0</v>
      </c>
      <c r="H3495" cm="1">
        <f t="array" ref="H3495">IFERROR(INDEX(Jesper!AL$2:AL$366,ROUNDDOWN($C3495/24,0)+1,1)*INDEX($D$3:$AA$30,INDEX(Jesper!$R$2:$R$366,ROW(INDEX(Jesper!AL$2:AL$366,ROUNDDOWN($C3495/24,0)+1,1))-1)+IF('Standard Profiles'!$G$22=$B$10,7,0)+IF('Standard Profiles'!$G$22=$B$17,14,0)+IF('Standard Profiles'!$G$22=$B$24,21,0),MOD($C3495,24)+1)/SUM(INDEX($D$3:$AA$30,INDEX(Jesper!$R$2:$R$366,ROW(INDEX(Jesper!AL$2:AL$366,ROUNDDOWN($C3495/24,0)+1,1))-1)+IF('Standard Profiles'!$G$22=$B$10,7,0)+IF('Standard Profiles'!$G$22=$B$17,14,0)+IF('Standard Profiles'!$G$22=$B$24,21,0),0)),0)</f>
        <v>0</v>
      </c>
      <c r="I3495">
        <f t="shared" si="398"/>
        <v>0.31249706144415956</v>
      </c>
      <c r="J3495">
        <f t="shared" si="399"/>
        <v>1.0416568714805319</v>
      </c>
      <c r="K3495">
        <f t="shared" si="400"/>
        <v>1.5624853072207978</v>
      </c>
      <c r="L3495">
        <f t="shared" si="401"/>
        <v>7.4999294746598295</v>
      </c>
      <c r="M3495">
        <f t="shared" si="402"/>
        <v>0</v>
      </c>
      <c r="N3495" s="46">
        <f t="shared" si="403"/>
        <v>45436.208333324939</v>
      </c>
    </row>
    <row r="3496" spans="2:14" x14ac:dyDescent="0.3">
      <c r="B3496">
        <f t="shared" si="397"/>
        <v>5</v>
      </c>
      <c r="C3496" s="16">
        <v>3462</v>
      </c>
      <c r="D3496" cm="1">
        <f t="array" ref="D3496">IFERROR(INDEX(Jesper!AH$2:AH$366,ROUNDDOWN($C3496/24,0)+1,1)*INDEX($D$3:$AA$30,INDEX(Jesper!$R$2:$R$366,ROW(INDEX(Jesper!AH$2:AH$366,ROUNDDOWN($C3496/24,0)+1,1))-1)+IF('Standard Profiles'!$G$18=$B$10,7,0)+IF('Standard Profiles'!$G$18=$B$17,14,0)+IF('Standard Profiles'!$G$18=$B$24,21,0),MOD($C3496,24)+1)/SUM(INDEX($D$3:$AA$30,INDEX(Jesper!$R$2:$R$366,ROW(INDEX(Jesper!AH$2:AH$366,ROUNDDOWN($C3496/24,0)+1,1))-1)+IF('Standard Profiles'!$G$18=$B$10,7,0)+IF('Standard Profiles'!$G$18=$B$17,14,0)+IF('Standard Profiles'!$G$18=$B$24,21,0),0)),0)</f>
        <v>12.571720862696077</v>
      </c>
      <c r="E3496" cm="1">
        <f t="array" ref="E3496">IFERROR(INDEX(Jesper!AI$2:AI$366,ROUNDDOWN($C3496/24,0)+1,1)*INDEX($D$3:$AA$30,INDEX(Jesper!$R$2:$R$366,ROW(INDEX(Jesper!AI$2:AI$366,ROUNDDOWN($C3496/24,0)+1,1))-1)+IF('Standard Profiles'!$G$19=$B$10,7,0)+IF('Standard Profiles'!$G$19=$B$17,14,0)+IF('Standard Profiles'!$G$19=$B$24,21,0),MOD($C3496,24)+1)/SUM(INDEX($D$3:$AA$30,INDEX(Jesper!$R$2:$R$366,ROW(INDEX(Jesper!AI$2:AI$366,ROUNDDOWN($C3496/24,0)+1,1))-1)+IF('Standard Profiles'!$G$19=$B$10,7,0)+IF('Standard Profiles'!$G$19=$B$17,14,0)+IF('Standard Profiles'!$G$19=$B$24,21,0),0)),0)</f>
        <v>0</v>
      </c>
      <c r="F3496" cm="1">
        <f t="array" ref="F3496">IFERROR(INDEX(Jesper!AJ$2:AJ$366,ROUNDDOWN($C3496/24,0)+1,1)*INDEX($D$3:$AA$30,INDEX(Jesper!$R$2:$R$366,ROW(INDEX(Jesper!AJ$2:AJ$366,ROUNDDOWN($C3496/24,0)+1,1))-1)+IF('Standard Profiles'!$G$20=$B$10,7,0)+IF('Standard Profiles'!$G$20=$B$17,14,0)+IF('Standard Profiles'!$G$20=$B$24,21,0),MOD($C3496,24)+1)/SUM(INDEX($D$3:$AA$30,INDEX(Jesper!$R$2:$R$366,ROW(INDEX(Jesper!AJ$2:AJ$366,ROUNDDOWN($C3496/24,0)+1,1))-1)+IF('Standard Profiles'!$G$20=$B$10,7,0)+IF('Standard Profiles'!$G$20=$B$17,14,0)+IF('Standard Profiles'!$G$20=$B$24,21,0),0)),0)</f>
        <v>0</v>
      </c>
      <c r="G3496" cm="1">
        <f t="array" ref="G3496">IFERROR(INDEX(Jesper!AK$2:AK$366,ROUNDDOWN($C3496/24,0)+1,1)*INDEX($D$3:$AA$30,INDEX(Jesper!$R$2:$R$366,ROW(INDEX(Jesper!AK$2:AK$366,ROUNDDOWN($C3496/24,0)+1,1))-1)+IF('Standard Profiles'!$G$21=$B$10,7,0)+IF('Standard Profiles'!$G$21=$B$17,14,0)+IF('Standard Profiles'!$G$21=$B$24,21,0),MOD($C3496,24)+1)/SUM(INDEX($D$3:$AA$30,INDEX(Jesper!$R$2:$R$366,ROW(INDEX(Jesper!AK$2:AK$366,ROUNDDOWN($C3496/24,0)+1,1))-1)+IF('Standard Profiles'!$G$21=$B$10,7,0)+IF('Standard Profiles'!$G$21=$B$17,14,0)+IF('Standard Profiles'!$G$21=$B$24,21,0),0)),0)</f>
        <v>0</v>
      </c>
      <c r="H3496" cm="1">
        <f t="array" ref="H3496">IFERROR(INDEX(Jesper!AL$2:AL$366,ROUNDDOWN($C3496/24,0)+1,1)*INDEX($D$3:$AA$30,INDEX(Jesper!$R$2:$R$366,ROW(INDEX(Jesper!AL$2:AL$366,ROUNDDOWN($C3496/24,0)+1,1))-1)+IF('Standard Profiles'!$G$22=$B$10,7,0)+IF('Standard Profiles'!$G$22=$B$17,14,0)+IF('Standard Profiles'!$G$22=$B$24,21,0),MOD($C3496,24)+1)/SUM(INDEX($D$3:$AA$30,INDEX(Jesper!$R$2:$R$366,ROW(INDEX(Jesper!AL$2:AL$366,ROUNDDOWN($C3496/24,0)+1,1))-1)+IF('Standard Profiles'!$G$22=$B$10,7,0)+IF('Standard Profiles'!$G$22=$B$17,14,0)+IF('Standard Profiles'!$G$22=$B$24,21,0),0)),0)</f>
        <v>0</v>
      </c>
      <c r="I3496">
        <f t="shared" si="398"/>
        <v>0.3771516258808823</v>
      </c>
      <c r="J3496">
        <f t="shared" si="399"/>
        <v>1.2571720862696079</v>
      </c>
      <c r="K3496">
        <f t="shared" si="400"/>
        <v>1.8857581294044115</v>
      </c>
      <c r="L3496">
        <f t="shared" si="401"/>
        <v>9.0516390211411757</v>
      </c>
      <c r="M3496">
        <f t="shared" si="402"/>
        <v>0</v>
      </c>
      <c r="N3496" s="46">
        <f t="shared" si="403"/>
        <v>45436.249999991604</v>
      </c>
    </row>
    <row r="3497" spans="2:14" x14ac:dyDescent="0.3">
      <c r="B3497">
        <f t="shared" si="397"/>
        <v>5</v>
      </c>
      <c r="C3497" s="16">
        <v>3463</v>
      </c>
      <c r="D3497" cm="1">
        <f t="array" ref="D3497">IFERROR(INDEX(Jesper!AH$2:AH$366,ROUNDDOWN($C3497/24,0)+1,1)*INDEX($D$3:$AA$30,INDEX(Jesper!$R$2:$R$366,ROW(INDEX(Jesper!AH$2:AH$366,ROUNDDOWN($C3497/24,0)+1,1))-1)+IF('Standard Profiles'!$G$18=$B$10,7,0)+IF('Standard Profiles'!$G$18=$B$17,14,0)+IF('Standard Profiles'!$G$18=$B$24,21,0),MOD($C3497,24)+1)/SUM(INDEX($D$3:$AA$30,INDEX(Jesper!$R$2:$R$366,ROW(INDEX(Jesper!AH$2:AH$366,ROUNDDOWN($C3497/24,0)+1,1))-1)+IF('Standard Profiles'!$G$18=$B$10,7,0)+IF('Standard Profiles'!$G$18=$B$17,14,0)+IF('Standard Profiles'!$G$18=$B$24,21,0),0)),0)</f>
        <v>12.571720862696077</v>
      </c>
      <c r="E3497" cm="1">
        <f t="array" ref="E3497">IFERROR(INDEX(Jesper!AI$2:AI$366,ROUNDDOWN($C3497/24,0)+1,1)*INDEX($D$3:$AA$30,INDEX(Jesper!$R$2:$R$366,ROW(INDEX(Jesper!AI$2:AI$366,ROUNDDOWN($C3497/24,0)+1,1))-1)+IF('Standard Profiles'!$G$19=$B$10,7,0)+IF('Standard Profiles'!$G$19=$B$17,14,0)+IF('Standard Profiles'!$G$19=$B$24,21,0),MOD($C3497,24)+1)/SUM(INDEX($D$3:$AA$30,INDEX(Jesper!$R$2:$R$366,ROW(INDEX(Jesper!AI$2:AI$366,ROUNDDOWN($C3497/24,0)+1,1))-1)+IF('Standard Profiles'!$G$19=$B$10,7,0)+IF('Standard Profiles'!$G$19=$B$17,14,0)+IF('Standard Profiles'!$G$19=$B$24,21,0),0)),0)</f>
        <v>0</v>
      </c>
      <c r="F3497" cm="1">
        <f t="array" ref="F3497">IFERROR(INDEX(Jesper!AJ$2:AJ$366,ROUNDDOWN($C3497/24,0)+1,1)*INDEX($D$3:$AA$30,INDEX(Jesper!$R$2:$R$366,ROW(INDEX(Jesper!AJ$2:AJ$366,ROUNDDOWN($C3497/24,0)+1,1))-1)+IF('Standard Profiles'!$G$20=$B$10,7,0)+IF('Standard Profiles'!$G$20=$B$17,14,0)+IF('Standard Profiles'!$G$20=$B$24,21,0),MOD($C3497,24)+1)/SUM(INDEX($D$3:$AA$30,INDEX(Jesper!$R$2:$R$366,ROW(INDEX(Jesper!AJ$2:AJ$366,ROUNDDOWN($C3497/24,0)+1,1))-1)+IF('Standard Profiles'!$G$20=$B$10,7,0)+IF('Standard Profiles'!$G$20=$B$17,14,0)+IF('Standard Profiles'!$G$20=$B$24,21,0),0)),0)</f>
        <v>0</v>
      </c>
      <c r="G3497" cm="1">
        <f t="array" ref="G3497">IFERROR(INDEX(Jesper!AK$2:AK$366,ROUNDDOWN($C3497/24,0)+1,1)*INDEX($D$3:$AA$30,INDEX(Jesper!$R$2:$R$366,ROW(INDEX(Jesper!AK$2:AK$366,ROUNDDOWN($C3497/24,0)+1,1))-1)+IF('Standard Profiles'!$G$21=$B$10,7,0)+IF('Standard Profiles'!$G$21=$B$17,14,0)+IF('Standard Profiles'!$G$21=$B$24,21,0),MOD($C3497,24)+1)/SUM(INDEX($D$3:$AA$30,INDEX(Jesper!$R$2:$R$366,ROW(INDEX(Jesper!AK$2:AK$366,ROUNDDOWN($C3497/24,0)+1,1))-1)+IF('Standard Profiles'!$G$21=$B$10,7,0)+IF('Standard Profiles'!$G$21=$B$17,14,0)+IF('Standard Profiles'!$G$21=$B$24,21,0),0)),0)</f>
        <v>0</v>
      </c>
      <c r="H3497" cm="1">
        <f t="array" ref="H3497">IFERROR(INDEX(Jesper!AL$2:AL$366,ROUNDDOWN($C3497/24,0)+1,1)*INDEX($D$3:$AA$30,INDEX(Jesper!$R$2:$R$366,ROW(INDEX(Jesper!AL$2:AL$366,ROUNDDOWN($C3497/24,0)+1,1))-1)+IF('Standard Profiles'!$G$22=$B$10,7,0)+IF('Standard Profiles'!$G$22=$B$17,14,0)+IF('Standard Profiles'!$G$22=$B$24,21,0),MOD($C3497,24)+1)/SUM(INDEX($D$3:$AA$30,INDEX(Jesper!$R$2:$R$366,ROW(INDEX(Jesper!AL$2:AL$366,ROUNDDOWN($C3497/24,0)+1,1))-1)+IF('Standard Profiles'!$G$22=$B$10,7,0)+IF('Standard Profiles'!$G$22=$B$17,14,0)+IF('Standard Profiles'!$G$22=$B$24,21,0),0)),0)</f>
        <v>0</v>
      </c>
      <c r="I3497">
        <f t="shared" si="398"/>
        <v>0.3771516258808823</v>
      </c>
      <c r="J3497">
        <f t="shared" si="399"/>
        <v>1.2571720862696079</v>
      </c>
      <c r="K3497">
        <f t="shared" si="400"/>
        <v>1.8857581294044115</v>
      </c>
      <c r="L3497">
        <f t="shared" si="401"/>
        <v>9.0516390211411757</v>
      </c>
      <c r="M3497">
        <f t="shared" si="402"/>
        <v>0</v>
      </c>
      <c r="N3497" s="46">
        <f t="shared" si="403"/>
        <v>45436.291666658268</v>
      </c>
    </row>
    <row r="3498" spans="2:14" x14ac:dyDescent="0.3">
      <c r="B3498">
        <f t="shared" si="397"/>
        <v>5</v>
      </c>
      <c r="C3498" s="16">
        <v>3464</v>
      </c>
      <c r="D3498" cm="1">
        <f t="array" ref="D3498">IFERROR(INDEX(Jesper!AH$2:AH$366,ROUNDDOWN($C3498/24,0)+1,1)*INDEX($D$3:$AA$30,INDEX(Jesper!$R$2:$R$366,ROW(INDEX(Jesper!AH$2:AH$366,ROUNDDOWN($C3498/24,0)+1,1))-1)+IF('Standard Profiles'!$G$18=$B$10,7,0)+IF('Standard Profiles'!$G$18=$B$17,14,0)+IF('Standard Profiles'!$G$18=$B$24,21,0),MOD($C3498,24)+1)/SUM(INDEX($D$3:$AA$30,INDEX(Jesper!$R$2:$R$366,ROW(INDEX(Jesper!AH$2:AH$366,ROUNDDOWN($C3498/24,0)+1,1))-1)+IF('Standard Profiles'!$G$18=$B$10,7,0)+IF('Standard Profiles'!$G$18=$B$17,14,0)+IF('Standard Profiles'!$G$18=$B$24,21,0),0)),0)</f>
        <v>12.571720862696077</v>
      </c>
      <c r="E3498" cm="1">
        <f t="array" ref="E3498">IFERROR(INDEX(Jesper!AI$2:AI$366,ROUNDDOWN($C3498/24,0)+1,1)*INDEX($D$3:$AA$30,INDEX(Jesper!$R$2:$R$366,ROW(INDEX(Jesper!AI$2:AI$366,ROUNDDOWN($C3498/24,0)+1,1))-1)+IF('Standard Profiles'!$G$19=$B$10,7,0)+IF('Standard Profiles'!$G$19=$B$17,14,0)+IF('Standard Profiles'!$G$19=$B$24,21,0),MOD($C3498,24)+1)/SUM(INDEX($D$3:$AA$30,INDEX(Jesper!$R$2:$R$366,ROW(INDEX(Jesper!AI$2:AI$366,ROUNDDOWN($C3498/24,0)+1,1))-1)+IF('Standard Profiles'!$G$19=$B$10,7,0)+IF('Standard Profiles'!$G$19=$B$17,14,0)+IF('Standard Profiles'!$G$19=$B$24,21,0),0)),0)</f>
        <v>0</v>
      </c>
      <c r="F3498" cm="1">
        <f t="array" ref="F3498">IFERROR(INDEX(Jesper!AJ$2:AJ$366,ROUNDDOWN($C3498/24,0)+1,1)*INDEX($D$3:$AA$30,INDEX(Jesper!$R$2:$R$366,ROW(INDEX(Jesper!AJ$2:AJ$366,ROUNDDOWN($C3498/24,0)+1,1))-1)+IF('Standard Profiles'!$G$20=$B$10,7,0)+IF('Standard Profiles'!$G$20=$B$17,14,0)+IF('Standard Profiles'!$G$20=$B$24,21,0),MOD($C3498,24)+1)/SUM(INDEX($D$3:$AA$30,INDEX(Jesper!$R$2:$R$366,ROW(INDEX(Jesper!AJ$2:AJ$366,ROUNDDOWN($C3498/24,0)+1,1))-1)+IF('Standard Profiles'!$G$20=$B$10,7,0)+IF('Standard Profiles'!$G$20=$B$17,14,0)+IF('Standard Profiles'!$G$20=$B$24,21,0),0)),0)</f>
        <v>0</v>
      </c>
      <c r="G3498" cm="1">
        <f t="array" ref="G3498">IFERROR(INDEX(Jesper!AK$2:AK$366,ROUNDDOWN($C3498/24,0)+1,1)*INDEX($D$3:$AA$30,INDEX(Jesper!$R$2:$R$366,ROW(INDEX(Jesper!AK$2:AK$366,ROUNDDOWN($C3498/24,0)+1,1))-1)+IF('Standard Profiles'!$G$21=$B$10,7,0)+IF('Standard Profiles'!$G$21=$B$17,14,0)+IF('Standard Profiles'!$G$21=$B$24,21,0),MOD($C3498,24)+1)/SUM(INDEX($D$3:$AA$30,INDEX(Jesper!$R$2:$R$366,ROW(INDEX(Jesper!AK$2:AK$366,ROUNDDOWN($C3498/24,0)+1,1))-1)+IF('Standard Profiles'!$G$21=$B$10,7,0)+IF('Standard Profiles'!$G$21=$B$17,14,0)+IF('Standard Profiles'!$G$21=$B$24,21,0),0)),0)</f>
        <v>0</v>
      </c>
      <c r="H3498" cm="1">
        <f t="array" ref="H3498">IFERROR(INDEX(Jesper!AL$2:AL$366,ROUNDDOWN($C3498/24,0)+1,1)*INDEX($D$3:$AA$30,INDEX(Jesper!$R$2:$R$366,ROW(INDEX(Jesper!AL$2:AL$366,ROUNDDOWN($C3498/24,0)+1,1))-1)+IF('Standard Profiles'!$G$22=$B$10,7,0)+IF('Standard Profiles'!$G$22=$B$17,14,0)+IF('Standard Profiles'!$G$22=$B$24,21,0),MOD($C3498,24)+1)/SUM(INDEX($D$3:$AA$30,INDEX(Jesper!$R$2:$R$366,ROW(INDEX(Jesper!AL$2:AL$366,ROUNDDOWN($C3498/24,0)+1,1))-1)+IF('Standard Profiles'!$G$22=$B$10,7,0)+IF('Standard Profiles'!$G$22=$B$17,14,0)+IF('Standard Profiles'!$G$22=$B$24,21,0),0)),0)</f>
        <v>0</v>
      </c>
      <c r="I3498">
        <f t="shared" si="398"/>
        <v>0.3771516258808823</v>
      </c>
      <c r="J3498">
        <f t="shared" si="399"/>
        <v>1.2571720862696079</v>
      </c>
      <c r="K3498">
        <f t="shared" si="400"/>
        <v>1.8857581294044115</v>
      </c>
      <c r="L3498">
        <f t="shared" si="401"/>
        <v>9.0516390211411757</v>
      </c>
      <c r="M3498">
        <f t="shared" si="402"/>
        <v>0</v>
      </c>
      <c r="N3498" s="46">
        <f t="shared" si="403"/>
        <v>45436.333333324932</v>
      </c>
    </row>
    <row r="3499" spans="2:14" x14ac:dyDescent="0.3">
      <c r="B3499">
        <f t="shared" si="397"/>
        <v>5</v>
      </c>
      <c r="C3499" s="16">
        <v>3465</v>
      </c>
      <c r="D3499" cm="1">
        <f t="array" ref="D3499">IFERROR(INDEX(Jesper!AH$2:AH$366,ROUNDDOWN($C3499/24,0)+1,1)*INDEX($D$3:$AA$30,INDEX(Jesper!$R$2:$R$366,ROW(INDEX(Jesper!AH$2:AH$366,ROUNDDOWN($C3499/24,0)+1,1))-1)+IF('Standard Profiles'!$G$18=$B$10,7,0)+IF('Standard Profiles'!$G$18=$B$17,14,0)+IF('Standard Profiles'!$G$18=$B$24,21,0),MOD($C3499,24)+1)/SUM(INDEX($D$3:$AA$30,INDEX(Jesper!$R$2:$R$366,ROW(INDEX(Jesper!AH$2:AH$366,ROUNDDOWN($C3499/24,0)+1,1))-1)+IF('Standard Profiles'!$G$18=$B$10,7,0)+IF('Standard Profiles'!$G$18=$B$17,14,0)+IF('Standard Profiles'!$G$18=$B$24,21,0),0)),0)</f>
        <v>13.469700924317223</v>
      </c>
      <c r="E3499" cm="1">
        <f t="array" ref="E3499">IFERROR(INDEX(Jesper!AI$2:AI$366,ROUNDDOWN($C3499/24,0)+1,1)*INDEX($D$3:$AA$30,INDEX(Jesper!$R$2:$R$366,ROW(INDEX(Jesper!AI$2:AI$366,ROUNDDOWN($C3499/24,0)+1,1))-1)+IF('Standard Profiles'!$G$19=$B$10,7,0)+IF('Standard Profiles'!$G$19=$B$17,14,0)+IF('Standard Profiles'!$G$19=$B$24,21,0),MOD($C3499,24)+1)/SUM(INDEX($D$3:$AA$30,INDEX(Jesper!$R$2:$R$366,ROW(INDEX(Jesper!AI$2:AI$366,ROUNDDOWN($C3499/24,0)+1,1))-1)+IF('Standard Profiles'!$G$19=$B$10,7,0)+IF('Standard Profiles'!$G$19=$B$17,14,0)+IF('Standard Profiles'!$G$19=$B$24,21,0),0)),0)</f>
        <v>0</v>
      </c>
      <c r="F3499" cm="1">
        <f t="array" ref="F3499">IFERROR(INDEX(Jesper!AJ$2:AJ$366,ROUNDDOWN($C3499/24,0)+1,1)*INDEX($D$3:$AA$30,INDEX(Jesper!$R$2:$R$366,ROW(INDEX(Jesper!AJ$2:AJ$366,ROUNDDOWN($C3499/24,0)+1,1))-1)+IF('Standard Profiles'!$G$20=$B$10,7,0)+IF('Standard Profiles'!$G$20=$B$17,14,0)+IF('Standard Profiles'!$G$20=$B$24,21,0),MOD($C3499,24)+1)/SUM(INDEX($D$3:$AA$30,INDEX(Jesper!$R$2:$R$366,ROW(INDEX(Jesper!AJ$2:AJ$366,ROUNDDOWN($C3499/24,0)+1,1))-1)+IF('Standard Profiles'!$G$20=$B$10,7,0)+IF('Standard Profiles'!$G$20=$B$17,14,0)+IF('Standard Profiles'!$G$20=$B$24,21,0),0)),0)</f>
        <v>0</v>
      </c>
      <c r="G3499" cm="1">
        <f t="array" ref="G3499">IFERROR(INDEX(Jesper!AK$2:AK$366,ROUNDDOWN($C3499/24,0)+1,1)*INDEX($D$3:$AA$30,INDEX(Jesper!$R$2:$R$366,ROW(INDEX(Jesper!AK$2:AK$366,ROUNDDOWN($C3499/24,0)+1,1))-1)+IF('Standard Profiles'!$G$21=$B$10,7,0)+IF('Standard Profiles'!$G$21=$B$17,14,0)+IF('Standard Profiles'!$G$21=$B$24,21,0),MOD($C3499,24)+1)/SUM(INDEX($D$3:$AA$30,INDEX(Jesper!$R$2:$R$366,ROW(INDEX(Jesper!AK$2:AK$366,ROUNDDOWN($C3499/24,0)+1,1))-1)+IF('Standard Profiles'!$G$21=$B$10,7,0)+IF('Standard Profiles'!$G$21=$B$17,14,0)+IF('Standard Profiles'!$G$21=$B$24,21,0),0)),0)</f>
        <v>0</v>
      </c>
      <c r="H3499" cm="1">
        <f t="array" ref="H3499">IFERROR(INDEX(Jesper!AL$2:AL$366,ROUNDDOWN($C3499/24,0)+1,1)*INDEX($D$3:$AA$30,INDEX(Jesper!$R$2:$R$366,ROW(INDEX(Jesper!AL$2:AL$366,ROUNDDOWN($C3499/24,0)+1,1))-1)+IF('Standard Profiles'!$G$22=$B$10,7,0)+IF('Standard Profiles'!$G$22=$B$17,14,0)+IF('Standard Profiles'!$G$22=$B$24,21,0),MOD($C3499,24)+1)/SUM(INDEX($D$3:$AA$30,INDEX(Jesper!$R$2:$R$366,ROW(INDEX(Jesper!AL$2:AL$366,ROUNDDOWN($C3499/24,0)+1,1))-1)+IF('Standard Profiles'!$G$22=$B$10,7,0)+IF('Standard Profiles'!$G$22=$B$17,14,0)+IF('Standard Profiles'!$G$22=$B$24,21,0),0)),0)</f>
        <v>0</v>
      </c>
      <c r="I3499">
        <f t="shared" si="398"/>
        <v>0.40409102772951666</v>
      </c>
      <c r="J3499">
        <f t="shared" si="399"/>
        <v>1.3469700924317225</v>
      </c>
      <c r="K3499">
        <f t="shared" si="400"/>
        <v>2.0204551386475833</v>
      </c>
      <c r="L3499">
        <f t="shared" si="401"/>
        <v>9.6981846655083999</v>
      </c>
      <c r="M3499">
        <f t="shared" si="402"/>
        <v>0</v>
      </c>
      <c r="N3499" s="46">
        <f t="shared" si="403"/>
        <v>45436.374999991596</v>
      </c>
    </row>
    <row r="3500" spans="2:14" x14ac:dyDescent="0.3">
      <c r="B3500">
        <f t="shared" si="397"/>
        <v>5</v>
      </c>
      <c r="C3500" s="16">
        <v>3466</v>
      </c>
      <c r="D3500" cm="1">
        <f t="array" ref="D3500">IFERROR(INDEX(Jesper!AH$2:AH$366,ROUNDDOWN($C3500/24,0)+1,1)*INDEX($D$3:$AA$30,INDEX(Jesper!$R$2:$R$366,ROW(INDEX(Jesper!AH$2:AH$366,ROUNDDOWN($C3500/24,0)+1,1))-1)+IF('Standard Profiles'!$G$18=$B$10,7,0)+IF('Standard Profiles'!$G$18=$B$17,14,0)+IF('Standard Profiles'!$G$18=$B$24,21,0),MOD($C3500,24)+1)/SUM(INDEX($D$3:$AA$30,INDEX(Jesper!$R$2:$R$366,ROW(INDEX(Jesper!AH$2:AH$366,ROUNDDOWN($C3500/24,0)+1,1))-1)+IF('Standard Profiles'!$G$18=$B$10,7,0)+IF('Standard Profiles'!$G$18=$B$17,14,0)+IF('Standard Profiles'!$G$18=$B$24,21,0),0)),0)</f>
        <v>14.008488961289913</v>
      </c>
      <c r="E3500" cm="1">
        <f t="array" ref="E3500">IFERROR(INDEX(Jesper!AI$2:AI$366,ROUNDDOWN($C3500/24,0)+1,1)*INDEX($D$3:$AA$30,INDEX(Jesper!$R$2:$R$366,ROW(INDEX(Jesper!AI$2:AI$366,ROUNDDOWN($C3500/24,0)+1,1))-1)+IF('Standard Profiles'!$G$19=$B$10,7,0)+IF('Standard Profiles'!$G$19=$B$17,14,0)+IF('Standard Profiles'!$G$19=$B$24,21,0),MOD($C3500,24)+1)/SUM(INDEX($D$3:$AA$30,INDEX(Jesper!$R$2:$R$366,ROW(INDEX(Jesper!AI$2:AI$366,ROUNDDOWN($C3500/24,0)+1,1))-1)+IF('Standard Profiles'!$G$19=$B$10,7,0)+IF('Standard Profiles'!$G$19=$B$17,14,0)+IF('Standard Profiles'!$G$19=$B$24,21,0),0)),0)</f>
        <v>0</v>
      </c>
      <c r="F3500" cm="1">
        <f t="array" ref="F3500">IFERROR(INDEX(Jesper!AJ$2:AJ$366,ROUNDDOWN($C3500/24,0)+1,1)*INDEX($D$3:$AA$30,INDEX(Jesper!$R$2:$R$366,ROW(INDEX(Jesper!AJ$2:AJ$366,ROUNDDOWN($C3500/24,0)+1,1))-1)+IF('Standard Profiles'!$G$20=$B$10,7,0)+IF('Standard Profiles'!$G$20=$B$17,14,0)+IF('Standard Profiles'!$G$20=$B$24,21,0),MOD($C3500,24)+1)/SUM(INDEX($D$3:$AA$30,INDEX(Jesper!$R$2:$R$366,ROW(INDEX(Jesper!AJ$2:AJ$366,ROUNDDOWN($C3500/24,0)+1,1))-1)+IF('Standard Profiles'!$G$20=$B$10,7,0)+IF('Standard Profiles'!$G$20=$B$17,14,0)+IF('Standard Profiles'!$G$20=$B$24,21,0),0)),0)</f>
        <v>0</v>
      </c>
      <c r="G3500" cm="1">
        <f t="array" ref="G3500">IFERROR(INDEX(Jesper!AK$2:AK$366,ROUNDDOWN($C3500/24,0)+1,1)*INDEX($D$3:$AA$30,INDEX(Jesper!$R$2:$R$366,ROW(INDEX(Jesper!AK$2:AK$366,ROUNDDOWN($C3500/24,0)+1,1))-1)+IF('Standard Profiles'!$G$21=$B$10,7,0)+IF('Standard Profiles'!$G$21=$B$17,14,0)+IF('Standard Profiles'!$G$21=$B$24,21,0),MOD($C3500,24)+1)/SUM(INDEX($D$3:$AA$30,INDEX(Jesper!$R$2:$R$366,ROW(INDEX(Jesper!AK$2:AK$366,ROUNDDOWN($C3500/24,0)+1,1))-1)+IF('Standard Profiles'!$G$21=$B$10,7,0)+IF('Standard Profiles'!$G$21=$B$17,14,0)+IF('Standard Profiles'!$G$21=$B$24,21,0),0)),0)</f>
        <v>0</v>
      </c>
      <c r="H3500" cm="1">
        <f t="array" ref="H3500">IFERROR(INDEX(Jesper!AL$2:AL$366,ROUNDDOWN($C3500/24,0)+1,1)*INDEX($D$3:$AA$30,INDEX(Jesper!$R$2:$R$366,ROW(INDEX(Jesper!AL$2:AL$366,ROUNDDOWN($C3500/24,0)+1,1))-1)+IF('Standard Profiles'!$G$22=$B$10,7,0)+IF('Standard Profiles'!$G$22=$B$17,14,0)+IF('Standard Profiles'!$G$22=$B$24,21,0),MOD($C3500,24)+1)/SUM(INDEX($D$3:$AA$30,INDEX(Jesper!$R$2:$R$366,ROW(INDEX(Jesper!AL$2:AL$366,ROUNDDOWN($C3500/24,0)+1,1))-1)+IF('Standard Profiles'!$G$22=$B$10,7,0)+IF('Standard Profiles'!$G$22=$B$17,14,0)+IF('Standard Profiles'!$G$22=$B$24,21,0),0)),0)</f>
        <v>0</v>
      </c>
      <c r="I3500">
        <f t="shared" si="398"/>
        <v>0.42025466883869739</v>
      </c>
      <c r="J3500">
        <f t="shared" si="399"/>
        <v>1.4008488961289913</v>
      </c>
      <c r="K3500">
        <f t="shared" si="400"/>
        <v>2.101273344193487</v>
      </c>
      <c r="L3500">
        <f t="shared" si="401"/>
        <v>10.086112052128737</v>
      </c>
      <c r="M3500">
        <f t="shared" si="402"/>
        <v>0</v>
      </c>
      <c r="N3500" s="46">
        <f t="shared" si="403"/>
        <v>45436.416666658261</v>
      </c>
    </row>
    <row r="3501" spans="2:14" x14ac:dyDescent="0.3">
      <c r="B3501">
        <f t="shared" si="397"/>
        <v>5</v>
      </c>
      <c r="C3501" s="16">
        <v>3467</v>
      </c>
      <c r="D3501" cm="1">
        <f t="array" ref="D3501">IFERROR(INDEX(Jesper!AH$2:AH$366,ROUNDDOWN($C3501/24,0)+1,1)*INDEX($D$3:$AA$30,INDEX(Jesper!$R$2:$R$366,ROW(INDEX(Jesper!AH$2:AH$366,ROUNDDOWN($C3501/24,0)+1,1))-1)+IF('Standard Profiles'!$G$18=$B$10,7,0)+IF('Standard Profiles'!$G$18=$B$17,14,0)+IF('Standard Profiles'!$G$18=$B$24,21,0),MOD($C3501,24)+1)/SUM(INDEX($D$3:$AA$30,INDEX(Jesper!$R$2:$R$366,ROW(INDEX(Jesper!AH$2:AH$366,ROUNDDOWN($C3501/24,0)+1,1))-1)+IF('Standard Profiles'!$G$18=$B$10,7,0)+IF('Standard Profiles'!$G$18=$B$17,14,0)+IF('Standard Profiles'!$G$18=$B$24,21,0),0)),0)</f>
        <v>16.163641109180666</v>
      </c>
      <c r="E3501" cm="1">
        <f t="array" ref="E3501">IFERROR(INDEX(Jesper!AI$2:AI$366,ROUNDDOWN($C3501/24,0)+1,1)*INDEX($D$3:$AA$30,INDEX(Jesper!$R$2:$R$366,ROW(INDEX(Jesper!AI$2:AI$366,ROUNDDOWN($C3501/24,0)+1,1))-1)+IF('Standard Profiles'!$G$19=$B$10,7,0)+IF('Standard Profiles'!$G$19=$B$17,14,0)+IF('Standard Profiles'!$G$19=$B$24,21,0),MOD($C3501,24)+1)/SUM(INDEX($D$3:$AA$30,INDEX(Jesper!$R$2:$R$366,ROW(INDEX(Jesper!AI$2:AI$366,ROUNDDOWN($C3501/24,0)+1,1))-1)+IF('Standard Profiles'!$G$19=$B$10,7,0)+IF('Standard Profiles'!$G$19=$B$17,14,0)+IF('Standard Profiles'!$G$19=$B$24,21,0),0)),0)</f>
        <v>0</v>
      </c>
      <c r="F3501" cm="1">
        <f t="array" ref="F3501">IFERROR(INDEX(Jesper!AJ$2:AJ$366,ROUNDDOWN($C3501/24,0)+1,1)*INDEX($D$3:$AA$30,INDEX(Jesper!$R$2:$R$366,ROW(INDEX(Jesper!AJ$2:AJ$366,ROUNDDOWN($C3501/24,0)+1,1))-1)+IF('Standard Profiles'!$G$20=$B$10,7,0)+IF('Standard Profiles'!$G$20=$B$17,14,0)+IF('Standard Profiles'!$G$20=$B$24,21,0),MOD($C3501,24)+1)/SUM(INDEX($D$3:$AA$30,INDEX(Jesper!$R$2:$R$366,ROW(INDEX(Jesper!AJ$2:AJ$366,ROUNDDOWN($C3501/24,0)+1,1))-1)+IF('Standard Profiles'!$G$20=$B$10,7,0)+IF('Standard Profiles'!$G$20=$B$17,14,0)+IF('Standard Profiles'!$G$20=$B$24,21,0),0)),0)</f>
        <v>0</v>
      </c>
      <c r="G3501" cm="1">
        <f t="array" ref="G3501">IFERROR(INDEX(Jesper!AK$2:AK$366,ROUNDDOWN($C3501/24,0)+1,1)*INDEX($D$3:$AA$30,INDEX(Jesper!$R$2:$R$366,ROW(INDEX(Jesper!AK$2:AK$366,ROUNDDOWN($C3501/24,0)+1,1))-1)+IF('Standard Profiles'!$G$21=$B$10,7,0)+IF('Standard Profiles'!$G$21=$B$17,14,0)+IF('Standard Profiles'!$G$21=$B$24,21,0),MOD($C3501,24)+1)/SUM(INDEX($D$3:$AA$30,INDEX(Jesper!$R$2:$R$366,ROW(INDEX(Jesper!AK$2:AK$366,ROUNDDOWN($C3501/24,0)+1,1))-1)+IF('Standard Profiles'!$G$21=$B$10,7,0)+IF('Standard Profiles'!$G$21=$B$17,14,0)+IF('Standard Profiles'!$G$21=$B$24,21,0),0)),0)</f>
        <v>0</v>
      </c>
      <c r="H3501" cm="1">
        <f t="array" ref="H3501">IFERROR(INDEX(Jesper!AL$2:AL$366,ROUNDDOWN($C3501/24,0)+1,1)*INDEX($D$3:$AA$30,INDEX(Jesper!$R$2:$R$366,ROW(INDEX(Jesper!AL$2:AL$366,ROUNDDOWN($C3501/24,0)+1,1))-1)+IF('Standard Profiles'!$G$22=$B$10,7,0)+IF('Standard Profiles'!$G$22=$B$17,14,0)+IF('Standard Profiles'!$G$22=$B$24,21,0),MOD($C3501,24)+1)/SUM(INDEX($D$3:$AA$30,INDEX(Jesper!$R$2:$R$366,ROW(INDEX(Jesper!AL$2:AL$366,ROUNDDOWN($C3501/24,0)+1,1))-1)+IF('Standard Profiles'!$G$22=$B$10,7,0)+IF('Standard Profiles'!$G$22=$B$17,14,0)+IF('Standard Profiles'!$G$22=$B$24,21,0),0)),0)</f>
        <v>0</v>
      </c>
      <c r="I3501">
        <f t="shared" si="398"/>
        <v>0.48490923327541996</v>
      </c>
      <c r="J3501">
        <f t="shared" si="399"/>
        <v>1.6163641109180666</v>
      </c>
      <c r="K3501">
        <f t="shared" si="400"/>
        <v>2.4245461663771</v>
      </c>
      <c r="L3501">
        <f t="shared" si="401"/>
        <v>11.637821598610079</v>
      </c>
      <c r="M3501">
        <f t="shared" si="402"/>
        <v>0</v>
      </c>
      <c r="N3501" s="46">
        <f t="shared" si="403"/>
        <v>45436.458333324925</v>
      </c>
    </row>
    <row r="3502" spans="2:14" x14ac:dyDescent="0.3">
      <c r="B3502">
        <f t="shared" si="397"/>
        <v>5</v>
      </c>
      <c r="C3502" s="16">
        <v>3468</v>
      </c>
      <c r="D3502" cm="1">
        <f t="array" ref="D3502">IFERROR(INDEX(Jesper!AH$2:AH$366,ROUNDDOWN($C3502/24,0)+1,1)*INDEX($D$3:$AA$30,INDEX(Jesper!$R$2:$R$366,ROW(INDEX(Jesper!AH$2:AH$366,ROUNDDOWN($C3502/24,0)+1,1))-1)+IF('Standard Profiles'!$G$18=$B$10,7,0)+IF('Standard Profiles'!$G$18=$B$17,14,0)+IF('Standard Profiles'!$G$18=$B$24,21,0),MOD($C3502,24)+1)/SUM(INDEX($D$3:$AA$30,INDEX(Jesper!$R$2:$R$366,ROW(INDEX(Jesper!AH$2:AH$366,ROUNDDOWN($C3502/24,0)+1,1))-1)+IF('Standard Profiles'!$G$18=$B$10,7,0)+IF('Standard Profiles'!$G$18=$B$17,14,0)+IF('Standard Profiles'!$G$18=$B$24,21,0),0)),0)</f>
        <v>16.163641109180666</v>
      </c>
      <c r="E3502" cm="1">
        <f t="array" ref="E3502">IFERROR(INDEX(Jesper!AI$2:AI$366,ROUNDDOWN($C3502/24,0)+1,1)*INDEX($D$3:$AA$30,INDEX(Jesper!$R$2:$R$366,ROW(INDEX(Jesper!AI$2:AI$366,ROUNDDOWN($C3502/24,0)+1,1))-1)+IF('Standard Profiles'!$G$19=$B$10,7,0)+IF('Standard Profiles'!$G$19=$B$17,14,0)+IF('Standard Profiles'!$G$19=$B$24,21,0),MOD($C3502,24)+1)/SUM(INDEX($D$3:$AA$30,INDEX(Jesper!$R$2:$R$366,ROW(INDEX(Jesper!AI$2:AI$366,ROUNDDOWN($C3502/24,0)+1,1))-1)+IF('Standard Profiles'!$G$19=$B$10,7,0)+IF('Standard Profiles'!$G$19=$B$17,14,0)+IF('Standard Profiles'!$G$19=$B$24,21,0),0)),0)</f>
        <v>0</v>
      </c>
      <c r="F3502" cm="1">
        <f t="array" ref="F3502">IFERROR(INDEX(Jesper!AJ$2:AJ$366,ROUNDDOWN($C3502/24,0)+1,1)*INDEX($D$3:$AA$30,INDEX(Jesper!$R$2:$R$366,ROW(INDEX(Jesper!AJ$2:AJ$366,ROUNDDOWN($C3502/24,0)+1,1))-1)+IF('Standard Profiles'!$G$20=$B$10,7,0)+IF('Standard Profiles'!$G$20=$B$17,14,0)+IF('Standard Profiles'!$G$20=$B$24,21,0),MOD($C3502,24)+1)/SUM(INDEX($D$3:$AA$30,INDEX(Jesper!$R$2:$R$366,ROW(INDEX(Jesper!AJ$2:AJ$366,ROUNDDOWN($C3502/24,0)+1,1))-1)+IF('Standard Profiles'!$G$20=$B$10,7,0)+IF('Standard Profiles'!$G$20=$B$17,14,0)+IF('Standard Profiles'!$G$20=$B$24,21,0),0)),0)</f>
        <v>0</v>
      </c>
      <c r="G3502" cm="1">
        <f t="array" ref="G3502">IFERROR(INDEX(Jesper!AK$2:AK$366,ROUNDDOWN($C3502/24,0)+1,1)*INDEX($D$3:$AA$30,INDEX(Jesper!$R$2:$R$366,ROW(INDEX(Jesper!AK$2:AK$366,ROUNDDOWN($C3502/24,0)+1,1))-1)+IF('Standard Profiles'!$G$21=$B$10,7,0)+IF('Standard Profiles'!$G$21=$B$17,14,0)+IF('Standard Profiles'!$G$21=$B$24,21,0),MOD($C3502,24)+1)/SUM(INDEX($D$3:$AA$30,INDEX(Jesper!$R$2:$R$366,ROW(INDEX(Jesper!AK$2:AK$366,ROUNDDOWN($C3502/24,0)+1,1))-1)+IF('Standard Profiles'!$G$21=$B$10,7,0)+IF('Standard Profiles'!$G$21=$B$17,14,0)+IF('Standard Profiles'!$G$21=$B$24,21,0),0)),0)</f>
        <v>0</v>
      </c>
      <c r="H3502" cm="1">
        <f t="array" ref="H3502">IFERROR(INDEX(Jesper!AL$2:AL$366,ROUNDDOWN($C3502/24,0)+1,1)*INDEX($D$3:$AA$30,INDEX(Jesper!$R$2:$R$366,ROW(INDEX(Jesper!AL$2:AL$366,ROUNDDOWN($C3502/24,0)+1,1))-1)+IF('Standard Profiles'!$G$22=$B$10,7,0)+IF('Standard Profiles'!$G$22=$B$17,14,0)+IF('Standard Profiles'!$G$22=$B$24,21,0),MOD($C3502,24)+1)/SUM(INDEX($D$3:$AA$30,INDEX(Jesper!$R$2:$R$366,ROW(INDEX(Jesper!AL$2:AL$366,ROUNDDOWN($C3502/24,0)+1,1))-1)+IF('Standard Profiles'!$G$22=$B$10,7,0)+IF('Standard Profiles'!$G$22=$B$17,14,0)+IF('Standard Profiles'!$G$22=$B$24,21,0),0)),0)</f>
        <v>0</v>
      </c>
      <c r="I3502">
        <f t="shared" si="398"/>
        <v>0.48490923327541996</v>
      </c>
      <c r="J3502">
        <f t="shared" si="399"/>
        <v>1.6163641109180666</v>
      </c>
      <c r="K3502">
        <f t="shared" si="400"/>
        <v>2.4245461663771</v>
      </c>
      <c r="L3502">
        <f t="shared" si="401"/>
        <v>11.637821598610079</v>
      </c>
      <c r="M3502">
        <f t="shared" si="402"/>
        <v>0</v>
      </c>
      <c r="N3502" s="46">
        <f t="shared" si="403"/>
        <v>45436.499999991589</v>
      </c>
    </row>
    <row r="3503" spans="2:14" x14ac:dyDescent="0.3">
      <c r="B3503">
        <f t="shared" si="397"/>
        <v>5</v>
      </c>
      <c r="C3503" s="16">
        <v>3469</v>
      </c>
      <c r="D3503" cm="1">
        <f t="array" ref="D3503">IFERROR(INDEX(Jesper!AH$2:AH$366,ROUNDDOWN($C3503/24,0)+1,1)*INDEX($D$3:$AA$30,INDEX(Jesper!$R$2:$R$366,ROW(INDEX(Jesper!AH$2:AH$366,ROUNDDOWN($C3503/24,0)+1,1))-1)+IF('Standard Profiles'!$G$18=$B$10,7,0)+IF('Standard Profiles'!$G$18=$B$17,14,0)+IF('Standard Profiles'!$G$18=$B$24,21,0),MOD($C3503,24)+1)/SUM(INDEX($D$3:$AA$30,INDEX(Jesper!$R$2:$R$366,ROW(INDEX(Jesper!AH$2:AH$366,ROUNDDOWN($C3503/24,0)+1,1))-1)+IF('Standard Profiles'!$G$18=$B$10,7,0)+IF('Standard Profiles'!$G$18=$B$17,14,0)+IF('Standard Profiles'!$G$18=$B$24,21,0),0)),0)</f>
        <v>16.163641109180666</v>
      </c>
      <c r="E3503" cm="1">
        <f t="array" ref="E3503">IFERROR(INDEX(Jesper!AI$2:AI$366,ROUNDDOWN($C3503/24,0)+1,1)*INDEX($D$3:$AA$30,INDEX(Jesper!$R$2:$R$366,ROW(INDEX(Jesper!AI$2:AI$366,ROUNDDOWN($C3503/24,0)+1,1))-1)+IF('Standard Profiles'!$G$19=$B$10,7,0)+IF('Standard Profiles'!$G$19=$B$17,14,0)+IF('Standard Profiles'!$G$19=$B$24,21,0),MOD($C3503,24)+1)/SUM(INDEX($D$3:$AA$30,INDEX(Jesper!$R$2:$R$366,ROW(INDEX(Jesper!AI$2:AI$366,ROUNDDOWN($C3503/24,0)+1,1))-1)+IF('Standard Profiles'!$G$19=$B$10,7,0)+IF('Standard Profiles'!$G$19=$B$17,14,0)+IF('Standard Profiles'!$G$19=$B$24,21,0),0)),0)</f>
        <v>0</v>
      </c>
      <c r="F3503" cm="1">
        <f t="array" ref="F3503">IFERROR(INDEX(Jesper!AJ$2:AJ$366,ROUNDDOWN($C3503/24,0)+1,1)*INDEX($D$3:$AA$30,INDEX(Jesper!$R$2:$R$366,ROW(INDEX(Jesper!AJ$2:AJ$366,ROUNDDOWN($C3503/24,0)+1,1))-1)+IF('Standard Profiles'!$G$20=$B$10,7,0)+IF('Standard Profiles'!$G$20=$B$17,14,0)+IF('Standard Profiles'!$G$20=$B$24,21,0),MOD($C3503,24)+1)/SUM(INDEX($D$3:$AA$30,INDEX(Jesper!$R$2:$R$366,ROW(INDEX(Jesper!AJ$2:AJ$366,ROUNDDOWN($C3503/24,0)+1,1))-1)+IF('Standard Profiles'!$G$20=$B$10,7,0)+IF('Standard Profiles'!$G$20=$B$17,14,0)+IF('Standard Profiles'!$G$20=$B$24,21,0),0)),0)</f>
        <v>0</v>
      </c>
      <c r="G3503" cm="1">
        <f t="array" ref="G3503">IFERROR(INDEX(Jesper!AK$2:AK$366,ROUNDDOWN($C3503/24,0)+1,1)*INDEX($D$3:$AA$30,INDEX(Jesper!$R$2:$R$366,ROW(INDEX(Jesper!AK$2:AK$366,ROUNDDOWN($C3503/24,0)+1,1))-1)+IF('Standard Profiles'!$G$21=$B$10,7,0)+IF('Standard Profiles'!$G$21=$B$17,14,0)+IF('Standard Profiles'!$G$21=$B$24,21,0),MOD($C3503,24)+1)/SUM(INDEX($D$3:$AA$30,INDEX(Jesper!$R$2:$R$366,ROW(INDEX(Jesper!AK$2:AK$366,ROUNDDOWN($C3503/24,0)+1,1))-1)+IF('Standard Profiles'!$G$21=$B$10,7,0)+IF('Standard Profiles'!$G$21=$B$17,14,0)+IF('Standard Profiles'!$G$21=$B$24,21,0),0)),0)</f>
        <v>0</v>
      </c>
      <c r="H3503" cm="1">
        <f t="array" ref="H3503">IFERROR(INDEX(Jesper!AL$2:AL$366,ROUNDDOWN($C3503/24,0)+1,1)*INDEX($D$3:$AA$30,INDEX(Jesper!$R$2:$R$366,ROW(INDEX(Jesper!AL$2:AL$366,ROUNDDOWN($C3503/24,0)+1,1))-1)+IF('Standard Profiles'!$G$22=$B$10,7,0)+IF('Standard Profiles'!$G$22=$B$17,14,0)+IF('Standard Profiles'!$G$22=$B$24,21,0),MOD($C3503,24)+1)/SUM(INDEX($D$3:$AA$30,INDEX(Jesper!$R$2:$R$366,ROW(INDEX(Jesper!AL$2:AL$366,ROUNDDOWN($C3503/24,0)+1,1))-1)+IF('Standard Profiles'!$G$22=$B$10,7,0)+IF('Standard Profiles'!$G$22=$B$17,14,0)+IF('Standard Profiles'!$G$22=$B$24,21,0),0)),0)</f>
        <v>0</v>
      </c>
      <c r="I3503">
        <f t="shared" si="398"/>
        <v>0.48490923327541996</v>
      </c>
      <c r="J3503">
        <f t="shared" si="399"/>
        <v>1.6163641109180666</v>
      </c>
      <c r="K3503">
        <f t="shared" si="400"/>
        <v>2.4245461663771</v>
      </c>
      <c r="L3503">
        <f t="shared" si="401"/>
        <v>11.637821598610079</v>
      </c>
      <c r="M3503">
        <f t="shared" si="402"/>
        <v>0</v>
      </c>
      <c r="N3503" s="46">
        <f t="shared" si="403"/>
        <v>45436.541666658253</v>
      </c>
    </row>
    <row r="3504" spans="2:14" x14ac:dyDescent="0.3">
      <c r="B3504">
        <f t="shared" si="397"/>
        <v>5</v>
      </c>
      <c r="C3504" s="16">
        <v>3470</v>
      </c>
      <c r="D3504" cm="1">
        <f t="array" ref="D3504">IFERROR(INDEX(Jesper!AH$2:AH$366,ROUNDDOWN($C3504/24,0)+1,1)*INDEX($D$3:$AA$30,INDEX(Jesper!$R$2:$R$366,ROW(INDEX(Jesper!AH$2:AH$366,ROUNDDOWN($C3504/24,0)+1,1))-1)+IF('Standard Profiles'!$G$18=$B$10,7,0)+IF('Standard Profiles'!$G$18=$B$17,14,0)+IF('Standard Profiles'!$G$18=$B$24,21,0),MOD($C3504,24)+1)/SUM(INDEX($D$3:$AA$30,INDEX(Jesper!$R$2:$R$366,ROW(INDEX(Jesper!AH$2:AH$366,ROUNDDOWN($C3504/24,0)+1,1))-1)+IF('Standard Profiles'!$G$18=$B$10,7,0)+IF('Standard Profiles'!$G$18=$B$17,14,0)+IF('Standard Profiles'!$G$18=$B$24,21,0),0)),0)</f>
        <v>16.163641109180666</v>
      </c>
      <c r="E3504" cm="1">
        <f t="array" ref="E3504">IFERROR(INDEX(Jesper!AI$2:AI$366,ROUNDDOWN($C3504/24,0)+1,1)*INDEX($D$3:$AA$30,INDEX(Jesper!$R$2:$R$366,ROW(INDEX(Jesper!AI$2:AI$366,ROUNDDOWN($C3504/24,0)+1,1))-1)+IF('Standard Profiles'!$G$19=$B$10,7,0)+IF('Standard Profiles'!$G$19=$B$17,14,0)+IF('Standard Profiles'!$G$19=$B$24,21,0),MOD($C3504,24)+1)/SUM(INDEX($D$3:$AA$30,INDEX(Jesper!$R$2:$R$366,ROW(INDEX(Jesper!AI$2:AI$366,ROUNDDOWN($C3504/24,0)+1,1))-1)+IF('Standard Profiles'!$G$19=$B$10,7,0)+IF('Standard Profiles'!$G$19=$B$17,14,0)+IF('Standard Profiles'!$G$19=$B$24,21,0),0)),0)</f>
        <v>0</v>
      </c>
      <c r="F3504" cm="1">
        <f t="array" ref="F3504">IFERROR(INDEX(Jesper!AJ$2:AJ$366,ROUNDDOWN($C3504/24,0)+1,1)*INDEX($D$3:$AA$30,INDEX(Jesper!$R$2:$R$366,ROW(INDEX(Jesper!AJ$2:AJ$366,ROUNDDOWN($C3504/24,0)+1,1))-1)+IF('Standard Profiles'!$G$20=$B$10,7,0)+IF('Standard Profiles'!$G$20=$B$17,14,0)+IF('Standard Profiles'!$G$20=$B$24,21,0),MOD($C3504,24)+1)/SUM(INDEX($D$3:$AA$30,INDEX(Jesper!$R$2:$R$366,ROW(INDEX(Jesper!AJ$2:AJ$366,ROUNDDOWN($C3504/24,0)+1,1))-1)+IF('Standard Profiles'!$G$20=$B$10,7,0)+IF('Standard Profiles'!$G$20=$B$17,14,0)+IF('Standard Profiles'!$G$20=$B$24,21,0),0)),0)</f>
        <v>0</v>
      </c>
      <c r="G3504" cm="1">
        <f t="array" ref="G3504">IFERROR(INDEX(Jesper!AK$2:AK$366,ROUNDDOWN($C3504/24,0)+1,1)*INDEX($D$3:$AA$30,INDEX(Jesper!$R$2:$R$366,ROW(INDEX(Jesper!AK$2:AK$366,ROUNDDOWN($C3504/24,0)+1,1))-1)+IF('Standard Profiles'!$G$21=$B$10,7,0)+IF('Standard Profiles'!$G$21=$B$17,14,0)+IF('Standard Profiles'!$G$21=$B$24,21,0),MOD($C3504,24)+1)/SUM(INDEX($D$3:$AA$30,INDEX(Jesper!$R$2:$R$366,ROW(INDEX(Jesper!AK$2:AK$366,ROUNDDOWN($C3504/24,0)+1,1))-1)+IF('Standard Profiles'!$G$21=$B$10,7,0)+IF('Standard Profiles'!$G$21=$B$17,14,0)+IF('Standard Profiles'!$G$21=$B$24,21,0),0)),0)</f>
        <v>0</v>
      </c>
      <c r="H3504" cm="1">
        <f t="array" ref="H3504">IFERROR(INDEX(Jesper!AL$2:AL$366,ROUNDDOWN($C3504/24,0)+1,1)*INDEX($D$3:$AA$30,INDEX(Jesper!$R$2:$R$366,ROW(INDEX(Jesper!AL$2:AL$366,ROUNDDOWN($C3504/24,0)+1,1))-1)+IF('Standard Profiles'!$G$22=$B$10,7,0)+IF('Standard Profiles'!$G$22=$B$17,14,0)+IF('Standard Profiles'!$G$22=$B$24,21,0),MOD($C3504,24)+1)/SUM(INDEX($D$3:$AA$30,INDEX(Jesper!$R$2:$R$366,ROW(INDEX(Jesper!AL$2:AL$366,ROUNDDOWN($C3504/24,0)+1,1))-1)+IF('Standard Profiles'!$G$22=$B$10,7,0)+IF('Standard Profiles'!$G$22=$B$17,14,0)+IF('Standard Profiles'!$G$22=$B$24,21,0),0)),0)</f>
        <v>0</v>
      </c>
      <c r="I3504">
        <f t="shared" si="398"/>
        <v>0.48490923327541996</v>
      </c>
      <c r="J3504">
        <f t="shared" si="399"/>
        <v>1.6163641109180666</v>
      </c>
      <c r="K3504">
        <f t="shared" si="400"/>
        <v>2.4245461663771</v>
      </c>
      <c r="L3504">
        <f t="shared" si="401"/>
        <v>11.637821598610079</v>
      </c>
      <c r="M3504">
        <f t="shared" si="402"/>
        <v>0</v>
      </c>
      <c r="N3504" s="46">
        <f t="shared" si="403"/>
        <v>45436.583333324917</v>
      </c>
    </row>
    <row r="3505" spans="2:14" x14ac:dyDescent="0.3">
      <c r="B3505">
        <f t="shared" si="397"/>
        <v>5</v>
      </c>
      <c r="C3505" s="16">
        <v>3471</v>
      </c>
      <c r="D3505" cm="1">
        <f t="array" ref="D3505">IFERROR(INDEX(Jesper!AH$2:AH$366,ROUNDDOWN($C3505/24,0)+1,1)*INDEX($D$3:$AA$30,INDEX(Jesper!$R$2:$R$366,ROW(INDEX(Jesper!AH$2:AH$366,ROUNDDOWN($C3505/24,0)+1,1))-1)+IF('Standard Profiles'!$G$18=$B$10,7,0)+IF('Standard Profiles'!$G$18=$B$17,14,0)+IF('Standard Profiles'!$G$18=$B$24,21,0),MOD($C3505,24)+1)/SUM(INDEX($D$3:$AA$30,INDEX(Jesper!$R$2:$R$366,ROW(INDEX(Jesper!AH$2:AH$366,ROUNDDOWN($C3505/24,0)+1,1))-1)+IF('Standard Profiles'!$G$18=$B$10,7,0)+IF('Standard Profiles'!$G$18=$B$17,14,0)+IF('Standard Profiles'!$G$18=$B$24,21,0),0)),0)</f>
        <v>13.469700924317223</v>
      </c>
      <c r="E3505" cm="1">
        <f t="array" ref="E3505">IFERROR(INDEX(Jesper!AI$2:AI$366,ROUNDDOWN($C3505/24,0)+1,1)*INDEX($D$3:$AA$30,INDEX(Jesper!$R$2:$R$366,ROW(INDEX(Jesper!AI$2:AI$366,ROUNDDOWN($C3505/24,0)+1,1))-1)+IF('Standard Profiles'!$G$19=$B$10,7,0)+IF('Standard Profiles'!$G$19=$B$17,14,0)+IF('Standard Profiles'!$G$19=$B$24,21,0),MOD($C3505,24)+1)/SUM(INDEX($D$3:$AA$30,INDEX(Jesper!$R$2:$R$366,ROW(INDEX(Jesper!AI$2:AI$366,ROUNDDOWN($C3505/24,0)+1,1))-1)+IF('Standard Profiles'!$G$19=$B$10,7,0)+IF('Standard Profiles'!$G$19=$B$17,14,0)+IF('Standard Profiles'!$G$19=$B$24,21,0),0)),0)</f>
        <v>0</v>
      </c>
      <c r="F3505" cm="1">
        <f t="array" ref="F3505">IFERROR(INDEX(Jesper!AJ$2:AJ$366,ROUNDDOWN($C3505/24,0)+1,1)*INDEX($D$3:$AA$30,INDEX(Jesper!$R$2:$R$366,ROW(INDEX(Jesper!AJ$2:AJ$366,ROUNDDOWN($C3505/24,0)+1,1))-1)+IF('Standard Profiles'!$G$20=$B$10,7,0)+IF('Standard Profiles'!$G$20=$B$17,14,0)+IF('Standard Profiles'!$G$20=$B$24,21,0),MOD($C3505,24)+1)/SUM(INDEX($D$3:$AA$30,INDEX(Jesper!$R$2:$R$366,ROW(INDEX(Jesper!AJ$2:AJ$366,ROUNDDOWN($C3505/24,0)+1,1))-1)+IF('Standard Profiles'!$G$20=$B$10,7,0)+IF('Standard Profiles'!$G$20=$B$17,14,0)+IF('Standard Profiles'!$G$20=$B$24,21,0),0)),0)</f>
        <v>0</v>
      </c>
      <c r="G3505" cm="1">
        <f t="array" ref="G3505">IFERROR(INDEX(Jesper!AK$2:AK$366,ROUNDDOWN($C3505/24,0)+1,1)*INDEX($D$3:$AA$30,INDEX(Jesper!$R$2:$R$366,ROW(INDEX(Jesper!AK$2:AK$366,ROUNDDOWN($C3505/24,0)+1,1))-1)+IF('Standard Profiles'!$G$21=$B$10,7,0)+IF('Standard Profiles'!$G$21=$B$17,14,0)+IF('Standard Profiles'!$G$21=$B$24,21,0),MOD($C3505,24)+1)/SUM(INDEX($D$3:$AA$30,INDEX(Jesper!$R$2:$R$366,ROW(INDEX(Jesper!AK$2:AK$366,ROUNDDOWN($C3505/24,0)+1,1))-1)+IF('Standard Profiles'!$G$21=$B$10,7,0)+IF('Standard Profiles'!$G$21=$B$17,14,0)+IF('Standard Profiles'!$G$21=$B$24,21,0),0)),0)</f>
        <v>0</v>
      </c>
      <c r="H3505" cm="1">
        <f t="array" ref="H3505">IFERROR(INDEX(Jesper!AL$2:AL$366,ROUNDDOWN($C3505/24,0)+1,1)*INDEX($D$3:$AA$30,INDEX(Jesper!$R$2:$R$366,ROW(INDEX(Jesper!AL$2:AL$366,ROUNDDOWN($C3505/24,0)+1,1))-1)+IF('Standard Profiles'!$G$22=$B$10,7,0)+IF('Standard Profiles'!$G$22=$B$17,14,0)+IF('Standard Profiles'!$G$22=$B$24,21,0),MOD($C3505,24)+1)/SUM(INDEX($D$3:$AA$30,INDEX(Jesper!$R$2:$R$366,ROW(INDEX(Jesper!AL$2:AL$366,ROUNDDOWN($C3505/24,0)+1,1))-1)+IF('Standard Profiles'!$G$22=$B$10,7,0)+IF('Standard Profiles'!$G$22=$B$17,14,0)+IF('Standard Profiles'!$G$22=$B$24,21,0),0)),0)</f>
        <v>0</v>
      </c>
      <c r="I3505">
        <f t="shared" si="398"/>
        <v>0.40409102772951666</v>
      </c>
      <c r="J3505">
        <f t="shared" si="399"/>
        <v>1.3469700924317225</v>
      </c>
      <c r="K3505">
        <f t="shared" si="400"/>
        <v>2.0204551386475833</v>
      </c>
      <c r="L3505">
        <f t="shared" si="401"/>
        <v>9.6981846655083999</v>
      </c>
      <c r="M3505">
        <f t="shared" si="402"/>
        <v>0</v>
      </c>
      <c r="N3505" s="46">
        <f t="shared" si="403"/>
        <v>45436.624999991582</v>
      </c>
    </row>
    <row r="3506" spans="2:14" x14ac:dyDescent="0.3">
      <c r="B3506">
        <f t="shared" si="397"/>
        <v>5</v>
      </c>
      <c r="C3506" s="16">
        <v>3472</v>
      </c>
      <c r="D3506" cm="1">
        <f t="array" ref="D3506">IFERROR(INDEX(Jesper!AH$2:AH$366,ROUNDDOWN($C3506/24,0)+1,1)*INDEX($D$3:$AA$30,INDEX(Jesper!$R$2:$R$366,ROW(INDEX(Jesper!AH$2:AH$366,ROUNDDOWN($C3506/24,0)+1,1))-1)+IF('Standard Profiles'!$G$18=$B$10,7,0)+IF('Standard Profiles'!$G$18=$B$17,14,0)+IF('Standard Profiles'!$G$18=$B$24,21,0),MOD($C3506,24)+1)/SUM(INDEX($D$3:$AA$30,INDEX(Jesper!$R$2:$R$366,ROW(INDEX(Jesper!AH$2:AH$366,ROUNDDOWN($C3506/24,0)+1,1))-1)+IF('Standard Profiles'!$G$18=$B$10,7,0)+IF('Standard Profiles'!$G$18=$B$17,14,0)+IF('Standard Profiles'!$G$18=$B$24,21,0),0)),0)</f>
        <v>12.751316875020306</v>
      </c>
      <c r="E3506" cm="1">
        <f t="array" ref="E3506">IFERROR(INDEX(Jesper!AI$2:AI$366,ROUNDDOWN($C3506/24,0)+1,1)*INDEX($D$3:$AA$30,INDEX(Jesper!$R$2:$R$366,ROW(INDEX(Jesper!AI$2:AI$366,ROUNDDOWN($C3506/24,0)+1,1))-1)+IF('Standard Profiles'!$G$19=$B$10,7,0)+IF('Standard Profiles'!$G$19=$B$17,14,0)+IF('Standard Profiles'!$G$19=$B$24,21,0),MOD($C3506,24)+1)/SUM(INDEX($D$3:$AA$30,INDEX(Jesper!$R$2:$R$366,ROW(INDEX(Jesper!AI$2:AI$366,ROUNDDOWN($C3506/24,0)+1,1))-1)+IF('Standard Profiles'!$G$19=$B$10,7,0)+IF('Standard Profiles'!$G$19=$B$17,14,0)+IF('Standard Profiles'!$G$19=$B$24,21,0),0)),0)</f>
        <v>0</v>
      </c>
      <c r="F3506" cm="1">
        <f t="array" ref="F3506">IFERROR(INDEX(Jesper!AJ$2:AJ$366,ROUNDDOWN($C3506/24,0)+1,1)*INDEX($D$3:$AA$30,INDEX(Jesper!$R$2:$R$366,ROW(INDEX(Jesper!AJ$2:AJ$366,ROUNDDOWN($C3506/24,0)+1,1))-1)+IF('Standard Profiles'!$G$20=$B$10,7,0)+IF('Standard Profiles'!$G$20=$B$17,14,0)+IF('Standard Profiles'!$G$20=$B$24,21,0),MOD($C3506,24)+1)/SUM(INDEX($D$3:$AA$30,INDEX(Jesper!$R$2:$R$366,ROW(INDEX(Jesper!AJ$2:AJ$366,ROUNDDOWN($C3506/24,0)+1,1))-1)+IF('Standard Profiles'!$G$20=$B$10,7,0)+IF('Standard Profiles'!$G$20=$B$17,14,0)+IF('Standard Profiles'!$G$20=$B$24,21,0),0)),0)</f>
        <v>0</v>
      </c>
      <c r="G3506" cm="1">
        <f t="array" ref="G3506">IFERROR(INDEX(Jesper!AK$2:AK$366,ROUNDDOWN($C3506/24,0)+1,1)*INDEX($D$3:$AA$30,INDEX(Jesper!$R$2:$R$366,ROW(INDEX(Jesper!AK$2:AK$366,ROUNDDOWN($C3506/24,0)+1,1))-1)+IF('Standard Profiles'!$G$21=$B$10,7,0)+IF('Standard Profiles'!$G$21=$B$17,14,0)+IF('Standard Profiles'!$G$21=$B$24,21,0),MOD($C3506,24)+1)/SUM(INDEX($D$3:$AA$30,INDEX(Jesper!$R$2:$R$366,ROW(INDEX(Jesper!AK$2:AK$366,ROUNDDOWN($C3506/24,0)+1,1))-1)+IF('Standard Profiles'!$G$21=$B$10,7,0)+IF('Standard Profiles'!$G$21=$B$17,14,0)+IF('Standard Profiles'!$G$21=$B$24,21,0),0)),0)</f>
        <v>0</v>
      </c>
      <c r="H3506" cm="1">
        <f t="array" ref="H3506">IFERROR(INDEX(Jesper!AL$2:AL$366,ROUNDDOWN($C3506/24,0)+1,1)*INDEX($D$3:$AA$30,INDEX(Jesper!$R$2:$R$366,ROW(INDEX(Jesper!AL$2:AL$366,ROUNDDOWN($C3506/24,0)+1,1))-1)+IF('Standard Profiles'!$G$22=$B$10,7,0)+IF('Standard Profiles'!$G$22=$B$17,14,0)+IF('Standard Profiles'!$G$22=$B$24,21,0),MOD($C3506,24)+1)/SUM(INDEX($D$3:$AA$30,INDEX(Jesper!$R$2:$R$366,ROW(INDEX(Jesper!AL$2:AL$366,ROUNDDOWN($C3506/24,0)+1,1))-1)+IF('Standard Profiles'!$G$22=$B$10,7,0)+IF('Standard Profiles'!$G$22=$B$17,14,0)+IF('Standard Profiles'!$G$22=$B$24,21,0),0)),0)</f>
        <v>0</v>
      </c>
      <c r="I3506">
        <f t="shared" si="398"/>
        <v>0.38253950625060917</v>
      </c>
      <c r="J3506">
        <f t="shared" si="399"/>
        <v>1.2751316875020307</v>
      </c>
      <c r="K3506">
        <f t="shared" si="400"/>
        <v>1.9126975312530459</v>
      </c>
      <c r="L3506">
        <f t="shared" si="401"/>
        <v>9.1809481500146202</v>
      </c>
      <c r="M3506">
        <f t="shared" si="402"/>
        <v>0</v>
      </c>
      <c r="N3506" s="46">
        <f t="shared" si="403"/>
        <v>45436.666666658246</v>
      </c>
    </row>
    <row r="3507" spans="2:14" x14ac:dyDescent="0.3">
      <c r="B3507">
        <f t="shared" si="397"/>
        <v>5</v>
      </c>
      <c r="C3507" s="16">
        <v>3473</v>
      </c>
      <c r="D3507" cm="1">
        <f t="array" ref="D3507">IFERROR(INDEX(Jesper!AH$2:AH$366,ROUNDDOWN($C3507/24,0)+1,1)*INDEX($D$3:$AA$30,INDEX(Jesper!$R$2:$R$366,ROW(INDEX(Jesper!AH$2:AH$366,ROUNDDOWN($C3507/24,0)+1,1))-1)+IF('Standard Profiles'!$G$18=$B$10,7,0)+IF('Standard Profiles'!$G$18=$B$17,14,0)+IF('Standard Profiles'!$G$18=$B$24,21,0),MOD($C3507,24)+1)/SUM(INDEX($D$3:$AA$30,INDEX(Jesper!$R$2:$R$366,ROW(INDEX(Jesper!AH$2:AH$366,ROUNDDOWN($C3507/24,0)+1,1))-1)+IF('Standard Profiles'!$G$18=$B$10,7,0)+IF('Standard Profiles'!$G$18=$B$17,14,0)+IF('Standard Profiles'!$G$18=$B$24,21,0),0)),0)</f>
        <v>12.751316875020306</v>
      </c>
      <c r="E3507" cm="1">
        <f t="array" ref="E3507">IFERROR(INDEX(Jesper!AI$2:AI$366,ROUNDDOWN($C3507/24,0)+1,1)*INDEX($D$3:$AA$30,INDEX(Jesper!$R$2:$R$366,ROW(INDEX(Jesper!AI$2:AI$366,ROUNDDOWN($C3507/24,0)+1,1))-1)+IF('Standard Profiles'!$G$19=$B$10,7,0)+IF('Standard Profiles'!$G$19=$B$17,14,0)+IF('Standard Profiles'!$G$19=$B$24,21,0),MOD($C3507,24)+1)/SUM(INDEX($D$3:$AA$30,INDEX(Jesper!$R$2:$R$366,ROW(INDEX(Jesper!AI$2:AI$366,ROUNDDOWN($C3507/24,0)+1,1))-1)+IF('Standard Profiles'!$G$19=$B$10,7,0)+IF('Standard Profiles'!$G$19=$B$17,14,0)+IF('Standard Profiles'!$G$19=$B$24,21,0),0)),0)</f>
        <v>0</v>
      </c>
      <c r="F3507" cm="1">
        <f t="array" ref="F3507">IFERROR(INDEX(Jesper!AJ$2:AJ$366,ROUNDDOWN($C3507/24,0)+1,1)*INDEX($D$3:$AA$30,INDEX(Jesper!$R$2:$R$366,ROW(INDEX(Jesper!AJ$2:AJ$366,ROUNDDOWN($C3507/24,0)+1,1))-1)+IF('Standard Profiles'!$G$20=$B$10,7,0)+IF('Standard Profiles'!$G$20=$B$17,14,0)+IF('Standard Profiles'!$G$20=$B$24,21,0),MOD($C3507,24)+1)/SUM(INDEX($D$3:$AA$30,INDEX(Jesper!$R$2:$R$366,ROW(INDEX(Jesper!AJ$2:AJ$366,ROUNDDOWN($C3507/24,0)+1,1))-1)+IF('Standard Profiles'!$G$20=$B$10,7,0)+IF('Standard Profiles'!$G$20=$B$17,14,0)+IF('Standard Profiles'!$G$20=$B$24,21,0),0)),0)</f>
        <v>0</v>
      </c>
      <c r="G3507" cm="1">
        <f t="array" ref="G3507">IFERROR(INDEX(Jesper!AK$2:AK$366,ROUNDDOWN($C3507/24,0)+1,1)*INDEX($D$3:$AA$30,INDEX(Jesper!$R$2:$R$366,ROW(INDEX(Jesper!AK$2:AK$366,ROUNDDOWN($C3507/24,0)+1,1))-1)+IF('Standard Profiles'!$G$21=$B$10,7,0)+IF('Standard Profiles'!$G$21=$B$17,14,0)+IF('Standard Profiles'!$G$21=$B$24,21,0),MOD($C3507,24)+1)/SUM(INDEX($D$3:$AA$30,INDEX(Jesper!$R$2:$R$366,ROW(INDEX(Jesper!AK$2:AK$366,ROUNDDOWN($C3507/24,0)+1,1))-1)+IF('Standard Profiles'!$G$21=$B$10,7,0)+IF('Standard Profiles'!$G$21=$B$17,14,0)+IF('Standard Profiles'!$G$21=$B$24,21,0),0)),0)</f>
        <v>0</v>
      </c>
      <c r="H3507" cm="1">
        <f t="array" ref="H3507">IFERROR(INDEX(Jesper!AL$2:AL$366,ROUNDDOWN($C3507/24,0)+1,1)*INDEX($D$3:$AA$30,INDEX(Jesper!$R$2:$R$366,ROW(INDEX(Jesper!AL$2:AL$366,ROUNDDOWN($C3507/24,0)+1,1))-1)+IF('Standard Profiles'!$G$22=$B$10,7,0)+IF('Standard Profiles'!$G$22=$B$17,14,0)+IF('Standard Profiles'!$G$22=$B$24,21,0),MOD($C3507,24)+1)/SUM(INDEX($D$3:$AA$30,INDEX(Jesper!$R$2:$R$366,ROW(INDEX(Jesper!AL$2:AL$366,ROUNDDOWN($C3507/24,0)+1,1))-1)+IF('Standard Profiles'!$G$22=$B$10,7,0)+IF('Standard Profiles'!$G$22=$B$17,14,0)+IF('Standard Profiles'!$G$22=$B$24,21,0),0)),0)</f>
        <v>0</v>
      </c>
      <c r="I3507">
        <f t="shared" si="398"/>
        <v>0.38253950625060917</v>
      </c>
      <c r="J3507">
        <f t="shared" si="399"/>
        <v>1.2751316875020307</v>
      </c>
      <c r="K3507">
        <f t="shared" si="400"/>
        <v>1.9126975312530459</v>
      </c>
      <c r="L3507">
        <f t="shared" si="401"/>
        <v>9.1809481500146202</v>
      </c>
      <c r="M3507">
        <f t="shared" si="402"/>
        <v>0</v>
      </c>
      <c r="N3507" s="46">
        <f t="shared" si="403"/>
        <v>45436.70833332491</v>
      </c>
    </row>
    <row r="3508" spans="2:14" x14ac:dyDescent="0.3">
      <c r="B3508">
        <f t="shared" si="397"/>
        <v>5</v>
      </c>
      <c r="C3508" s="16">
        <v>3474</v>
      </c>
      <c r="D3508" cm="1">
        <f t="array" ref="D3508">IFERROR(INDEX(Jesper!AH$2:AH$366,ROUNDDOWN($C3508/24,0)+1,1)*INDEX($D$3:$AA$30,INDEX(Jesper!$R$2:$R$366,ROW(INDEX(Jesper!AH$2:AH$366,ROUNDDOWN($C3508/24,0)+1,1))-1)+IF('Standard Profiles'!$G$18=$B$10,7,0)+IF('Standard Profiles'!$G$18=$B$17,14,0)+IF('Standard Profiles'!$G$18=$B$24,21,0),MOD($C3508,24)+1)/SUM(INDEX($D$3:$AA$30,INDEX(Jesper!$R$2:$R$366,ROW(INDEX(Jesper!AH$2:AH$366,ROUNDDOWN($C3508/24,0)+1,1))-1)+IF('Standard Profiles'!$G$18=$B$10,7,0)+IF('Standard Profiles'!$G$18=$B$17,14,0)+IF('Standard Profiles'!$G$18=$B$24,21,0),0)),0)</f>
        <v>12.751316875020306</v>
      </c>
      <c r="E3508" cm="1">
        <f t="array" ref="E3508">IFERROR(INDEX(Jesper!AI$2:AI$366,ROUNDDOWN($C3508/24,0)+1,1)*INDEX($D$3:$AA$30,INDEX(Jesper!$R$2:$R$366,ROW(INDEX(Jesper!AI$2:AI$366,ROUNDDOWN($C3508/24,0)+1,1))-1)+IF('Standard Profiles'!$G$19=$B$10,7,0)+IF('Standard Profiles'!$G$19=$B$17,14,0)+IF('Standard Profiles'!$G$19=$B$24,21,0),MOD($C3508,24)+1)/SUM(INDEX($D$3:$AA$30,INDEX(Jesper!$R$2:$R$366,ROW(INDEX(Jesper!AI$2:AI$366,ROUNDDOWN($C3508/24,0)+1,1))-1)+IF('Standard Profiles'!$G$19=$B$10,7,0)+IF('Standard Profiles'!$G$19=$B$17,14,0)+IF('Standard Profiles'!$G$19=$B$24,21,0),0)),0)</f>
        <v>0</v>
      </c>
      <c r="F3508" cm="1">
        <f t="array" ref="F3508">IFERROR(INDEX(Jesper!AJ$2:AJ$366,ROUNDDOWN($C3508/24,0)+1,1)*INDEX($D$3:$AA$30,INDEX(Jesper!$R$2:$R$366,ROW(INDEX(Jesper!AJ$2:AJ$366,ROUNDDOWN($C3508/24,0)+1,1))-1)+IF('Standard Profiles'!$G$20=$B$10,7,0)+IF('Standard Profiles'!$G$20=$B$17,14,0)+IF('Standard Profiles'!$G$20=$B$24,21,0),MOD($C3508,24)+1)/SUM(INDEX($D$3:$AA$30,INDEX(Jesper!$R$2:$R$366,ROW(INDEX(Jesper!AJ$2:AJ$366,ROUNDDOWN($C3508/24,0)+1,1))-1)+IF('Standard Profiles'!$G$20=$B$10,7,0)+IF('Standard Profiles'!$G$20=$B$17,14,0)+IF('Standard Profiles'!$G$20=$B$24,21,0),0)),0)</f>
        <v>0</v>
      </c>
      <c r="G3508" cm="1">
        <f t="array" ref="G3508">IFERROR(INDEX(Jesper!AK$2:AK$366,ROUNDDOWN($C3508/24,0)+1,1)*INDEX($D$3:$AA$30,INDEX(Jesper!$R$2:$R$366,ROW(INDEX(Jesper!AK$2:AK$366,ROUNDDOWN($C3508/24,0)+1,1))-1)+IF('Standard Profiles'!$G$21=$B$10,7,0)+IF('Standard Profiles'!$G$21=$B$17,14,0)+IF('Standard Profiles'!$G$21=$B$24,21,0),MOD($C3508,24)+1)/SUM(INDEX($D$3:$AA$30,INDEX(Jesper!$R$2:$R$366,ROW(INDEX(Jesper!AK$2:AK$366,ROUNDDOWN($C3508/24,0)+1,1))-1)+IF('Standard Profiles'!$G$21=$B$10,7,0)+IF('Standard Profiles'!$G$21=$B$17,14,0)+IF('Standard Profiles'!$G$21=$B$24,21,0),0)),0)</f>
        <v>0</v>
      </c>
      <c r="H3508" cm="1">
        <f t="array" ref="H3508">IFERROR(INDEX(Jesper!AL$2:AL$366,ROUNDDOWN($C3508/24,0)+1,1)*INDEX($D$3:$AA$30,INDEX(Jesper!$R$2:$R$366,ROW(INDEX(Jesper!AL$2:AL$366,ROUNDDOWN($C3508/24,0)+1,1))-1)+IF('Standard Profiles'!$G$22=$B$10,7,0)+IF('Standard Profiles'!$G$22=$B$17,14,0)+IF('Standard Profiles'!$G$22=$B$24,21,0),MOD($C3508,24)+1)/SUM(INDEX($D$3:$AA$30,INDEX(Jesper!$R$2:$R$366,ROW(INDEX(Jesper!AL$2:AL$366,ROUNDDOWN($C3508/24,0)+1,1))-1)+IF('Standard Profiles'!$G$22=$B$10,7,0)+IF('Standard Profiles'!$G$22=$B$17,14,0)+IF('Standard Profiles'!$G$22=$B$24,21,0),0)),0)</f>
        <v>0</v>
      </c>
      <c r="I3508">
        <f t="shared" si="398"/>
        <v>0.38253950625060917</v>
      </c>
      <c r="J3508">
        <f t="shared" si="399"/>
        <v>1.2751316875020307</v>
      </c>
      <c r="K3508">
        <f t="shared" si="400"/>
        <v>1.9126975312530459</v>
      </c>
      <c r="L3508">
        <f t="shared" si="401"/>
        <v>9.1809481500146202</v>
      </c>
      <c r="M3508">
        <f t="shared" si="402"/>
        <v>0</v>
      </c>
      <c r="N3508" s="46">
        <f t="shared" si="403"/>
        <v>45436.749999991574</v>
      </c>
    </row>
    <row r="3509" spans="2:14" x14ac:dyDescent="0.3">
      <c r="B3509">
        <f t="shared" si="397"/>
        <v>5</v>
      </c>
      <c r="C3509" s="16">
        <v>3475</v>
      </c>
      <c r="D3509" cm="1">
        <f t="array" ref="D3509">IFERROR(INDEX(Jesper!AH$2:AH$366,ROUNDDOWN($C3509/24,0)+1,1)*INDEX($D$3:$AA$30,INDEX(Jesper!$R$2:$R$366,ROW(INDEX(Jesper!AH$2:AH$366,ROUNDDOWN($C3509/24,0)+1,1))-1)+IF('Standard Profiles'!$G$18=$B$10,7,0)+IF('Standard Profiles'!$G$18=$B$17,14,0)+IF('Standard Profiles'!$G$18=$B$24,21,0),MOD($C3509,24)+1)/SUM(INDEX($D$3:$AA$30,INDEX(Jesper!$R$2:$R$366,ROW(INDEX(Jesper!AH$2:AH$366,ROUNDDOWN($C3509/24,0)+1,1))-1)+IF('Standard Profiles'!$G$18=$B$10,7,0)+IF('Standard Profiles'!$G$18=$B$17,14,0)+IF('Standard Profiles'!$G$18=$B$24,21,0),0)),0)</f>
        <v>12.751316875020306</v>
      </c>
      <c r="E3509" cm="1">
        <f t="array" ref="E3509">IFERROR(INDEX(Jesper!AI$2:AI$366,ROUNDDOWN($C3509/24,0)+1,1)*INDEX($D$3:$AA$30,INDEX(Jesper!$R$2:$R$366,ROW(INDEX(Jesper!AI$2:AI$366,ROUNDDOWN($C3509/24,0)+1,1))-1)+IF('Standard Profiles'!$G$19=$B$10,7,0)+IF('Standard Profiles'!$G$19=$B$17,14,0)+IF('Standard Profiles'!$G$19=$B$24,21,0),MOD($C3509,24)+1)/SUM(INDEX($D$3:$AA$30,INDEX(Jesper!$R$2:$R$366,ROW(INDEX(Jesper!AI$2:AI$366,ROUNDDOWN($C3509/24,0)+1,1))-1)+IF('Standard Profiles'!$G$19=$B$10,7,0)+IF('Standard Profiles'!$G$19=$B$17,14,0)+IF('Standard Profiles'!$G$19=$B$24,21,0),0)),0)</f>
        <v>0</v>
      </c>
      <c r="F3509" cm="1">
        <f t="array" ref="F3509">IFERROR(INDEX(Jesper!AJ$2:AJ$366,ROUNDDOWN($C3509/24,0)+1,1)*INDEX($D$3:$AA$30,INDEX(Jesper!$R$2:$R$366,ROW(INDEX(Jesper!AJ$2:AJ$366,ROUNDDOWN($C3509/24,0)+1,1))-1)+IF('Standard Profiles'!$G$20=$B$10,7,0)+IF('Standard Profiles'!$G$20=$B$17,14,0)+IF('Standard Profiles'!$G$20=$B$24,21,0),MOD($C3509,24)+1)/SUM(INDEX($D$3:$AA$30,INDEX(Jesper!$R$2:$R$366,ROW(INDEX(Jesper!AJ$2:AJ$366,ROUNDDOWN($C3509/24,0)+1,1))-1)+IF('Standard Profiles'!$G$20=$B$10,7,0)+IF('Standard Profiles'!$G$20=$B$17,14,0)+IF('Standard Profiles'!$G$20=$B$24,21,0),0)),0)</f>
        <v>0</v>
      </c>
      <c r="G3509" cm="1">
        <f t="array" ref="G3509">IFERROR(INDEX(Jesper!AK$2:AK$366,ROUNDDOWN($C3509/24,0)+1,1)*INDEX($D$3:$AA$30,INDEX(Jesper!$R$2:$R$366,ROW(INDEX(Jesper!AK$2:AK$366,ROUNDDOWN($C3509/24,0)+1,1))-1)+IF('Standard Profiles'!$G$21=$B$10,7,0)+IF('Standard Profiles'!$G$21=$B$17,14,0)+IF('Standard Profiles'!$G$21=$B$24,21,0),MOD($C3509,24)+1)/SUM(INDEX($D$3:$AA$30,INDEX(Jesper!$R$2:$R$366,ROW(INDEX(Jesper!AK$2:AK$366,ROUNDDOWN($C3509/24,0)+1,1))-1)+IF('Standard Profiles'!$G$21=$B$10,7,0)+IF('Standard Profiles'!$G$21=$B$17,14,0)+IF('Standard Profiles'!$G$21=$B$24,21,0),0)),0)</f>
        <v>0</v>
      </c>
      <c r="H3509" cm="1">
        <f t="array" ref="H3509">IFERROR(INDEX(Jesper!AL$2:AL$366,ROUNDDOWN($C3509/24,0)+1,1)*INDEX($D$3:$AA$30,INDEX(Jesper!$R$2:$R$366,ROW(INDEX(Jesper!AL$2:AL$366,ROUNDDOWN($C3509/24,0)+1,1))-1)+IF('Standard Profiles'!$G$22=$B$10,7,0)+IF('Standard Profiles'!$G$22=$B$17,14,0)+IF('Standard Profiles'!$G$22=$B$24,21,0),MOD($C3509,24)+1)/SUM(INDEX($D$3:$AA$30,INDEX(Jesper!$R$2:$R$366,ROW(INDEX(Jesper!AL$2:AL$366,ROUNDDOWN($C3509/24,0)+1,1))-1)+IF('Standard Profiles'!$G$22=$B$10,7,0)+IF('Standard Profiles'!$G$22=$B$17,14,0)+IF('Standard Profiles'!$G$22=$B$24,21,0),0)),0)</f>
        <v>0</v>
      </c>
      <c r="I3509">
        <f t="shared" si="398"/>
        <v>0.38253950625060917</v>
      </c>
      <c r="J3509">
        <f t="shared" si="399"/>
        <v>1.2751316875020307</v>
      </c>
      <c r="K3509">
        <f t="shared" si="400"/>
        <v>1.9126975312530459</v>
      </c>
      <c r="L3509">
        <f t="shared" si="401"/>
        <v>9.1809481500146202</v>
      </c>
      <c r="M3509">
        <f t="shared" si="402"/>
        <v>0</v>
      </c>
      <c r="N3509" s="46">
        <f t="shared" si="403"/>
        <v>45436.791666658239</v>
      </c>
    </row>
    <row r="3510" spans="2:14" x14ac:dyDescent="0.3">
      <c r="B3510">
        <f t="shared" si="397"/>
        <v>5</v>
      </c>
      <c r="C3510" s="16">
        <v>3476</v>
      </c>
      <c r="D3510" cm="1">
        <f t="array" ref="D3510">IFERROR(INDEX(Jesper!AH$2:AH$366,ROUNDDOWN($C3510/24,0)+1,1)*INDEX($D$3:$AA$30,INDEX(Jesper!$R$2:$R$366,ROW(INDEX(Jesper!AH$2:AH$366,ROUNDDOWN($C3510/24,0)+1,1))-1)+IF('Standard Profiles'!$G$18=$B$10,7,0)+IF('Standard Profiles'!$G$18=$B$17,14,0)+IF('Standard Profiles'!$G$18=$B$24,21,0),MOD($C3510,24)+1)/SUM(INDEX($D$3:$AA$30,INDEX(Jesper!$R$2:$R$366,ROW(INDEX(Jesper!AH$2:AH$366,ROUNDDOWN($C3510/24,0)+1,1))-1)+IF('Standard Profiles'!$G$18=$B$10,7,0)+IF('Standard Profiles'!$G$18=$B$17,14,0)+IF('Standard Profiles'!$G$18=$B$24,21,0),0)),0)</f>
        <v>9.8777806778326305</v>
      </c>
      <c r="E3510" cm="1">
        <f t="array" ref="E3510">IFERROR(INDEX(Jesper!AI$2:AI$366,ROUNDDOWN($C3510/24,0)+1,1)*INDEX($D$3:$AA$30,INDEX(Jesper!$R$2:$R$366,ROW(INDEX(Jesper!AI$2:AI$366,ROUNDDOWN($C3510/24,0)+1,1))-1)+IF('Standard Profiles'!$G$19=$B$10,7,0)+IF('Standard Profiles'!$G$19=$B$17,14,0)+IF('Standard Profiles'!$G$19=$B$24,21,0),MOD($C3510,24)+1)/SUM(INDEX($D$3:$AA$30,INDEX(Jesper!$R$2:$R$366,ROW(INDEX(Jesper!AI$2:AI$366,ROUNDDOWN($C3510/24,0)+1,1))-1)+IF('Standard Profiles'!$G$19=$B$10,7,0)+IF('Standard Profiles'!$G$19=$B$17,14,0)+IF('Standard Profiles'!$G$19=$B$24,21,0),0)),0)</f>
        <v>0</v>
      </c>
      <c r="F3510" cm="1">
        <f t="array" ref="F3510">IFERROR(INDEX(Jesper!AJ$2:AJ$366,ROUNDDOWN($C3510/24,0)+1,1)*INDEX($D$3:$AA$30,INDEX(Jesper!$R$2:$R$366,ROW(INDEX(Jesper!AJ$2:AJ$366,ROUNDDOWN($C3510/24,0)+1,1))-1)+IF('Standard Profiles'!$G$20=$B$10,7,0)+IF('Standard Profiles'!$G$20=$B$17,14,0)+IF('Standard Profiles'!$G$20=$B$24,21,0),MOD($C3510,24)+1)/SUM(INDEX($D$3:$AA$30,INDEX(Jesper!$R$2:$R$366,ROW(INDEX(Jesper!AJ$2:AJ$366,ROUNDDOWN($C3510/24,0)+1,1))-1)+IF('Standard Profiles'!$G$20=$B$10,7,0)+IF('Standard Profiles'!$G$20=$B$17,14,0)+IF('Standard Profiles'!$G$20=$B$24,21,0),0)),0)</f>
        <v>0</v>
      </c>
      <c r="G3510" cm="1">
        <f t="array" ref="G3510">IFERROR(INDEX(Jesper!AK$2:AK$366,ROUNDDOWN($C3510/24,0)+1,1)*INDEX($D$3:$AA$30,INDEX(Jesper!$R$2:$R$366,ROW(INDEX(Jesper!AK$2:AK$366,ROUNDDOWN($C3510/24,0)+1,1))-1)+IF('Standard Profiles'!$G$21=$B$10,7,0)+IF('Standard Profiles'!$G$21=$B$17,14,0)+IF('Standard Profiles'!$G$21=$B$24,21,0),MOD($C3510,24)+1)/SUM(INDEX($D$3:$AA$30,INDEX(Jesper!$R$2:$R$366,ROW(INDEX(Jesper!AK$2:AK$366,ROUNDDOWN($C3510/24,0)+1,1))-1)+IF('Standard Profiles'!$G$21=$B$10,7,0)+IF('Standard Profiles'!$G$21=$B$17,14,0)+IF('Standard Profiles'!$G$21=$B$24,21,0),0)),0)</f>
        <v>0</v>
      </c>
      <c r="H3510" cm="1">
        <f t="array" ref="H3510">IFERROR(INDEX(Jesper!AL$2:AL$366,ROUNDDOWN($C3510/24,0)+1,1)*INDEX($D$3:$AA$30,INDEX(Jesper!$R$2:$R$366,ROW(INDEX(Jesper!AL$2:AL$366,ROUNDDOWN($C3510/24,0)+1,1))-1)+IF('Standard Profiles'!$G$22=$B$10,7,0)+IF('Standard Profiles'!$G$22=$B$17,14,0)+IF('Standard Profiles'!$G$22=$B$24,21,0),MOD($C3510,24)+1)/SUM(INDEX($D$3:$AA$30,INDEX(Jesper!$R$2:$R$366,ROW(INDEX(Jesper!AL$2:AL$366,ROUNDDOWN($C3510/24,0)+1,1))-1)+IF('Standard Profiles'!$G$22=$B$10,7,0)+IF('Standard Profiles'!$G$22=$B$17,14,0)+IF('Standard Profiles'!$G$22=$B$24,21,0),0)),0)</f>
        <v>0</v>
      </c>
      <c r="I3510">
        <f t="shared" si="398"/>
        <v>0.29633342033497889</v>
      </c>
      <c r="J3510">
        <f t="shared" si="399"/>
        <v>0.98777806778326305</v>
      </c>
      <c r="K3510">
        <f t="shared" si="400"/>
        <v>1.4816671016748946</v>
      </c>
      <c r="L3510">
        <f t="shared" si="401"/>
        <v>7.1120020880394934</v>
      </c>
      <c r="M3510">
        <f t="shared" si="402"/>
        <v>0</v>
      </c>
      <c r="N3510" s="46">
        <f t="shared" si="403"/>
        <v>45436.833333324903</v>
      </c>
    </row>
    <row r="3511" spans="2:14" x14ac:dyDescent="0.3">
      <c r="B3511">
        <f t="shared" si="397"/>
        <v>5</v>
      </c>
      <c r="C3511" s="16">
        <v>3477</v>
      </c>
      <c r="D3511" cm="1">
        <f t="array" ref="D3511">IFERROR(INDEX(Jesper!AH$2:AH$366,ROUNDDOWN($C3511/24,0)+1,1)*INDEX($D$3:$AA$30,INDEX(Jesper!$R$2:$R$366,ROW(INDEX(Jesper!AH$2:AH$366,ROUNDDOWN($C3511/24,0)+1,1))-1)+IF('Standard Profiles'!$G$18=$B$10,7,0)+IF('Standard Profiles'!$G$18=$B$17,14,0)+IF('Standard Profiles'!$G$18=$B$24,21,0),MOD($C3511,24)+1)/SUM(INDEX($D$3:$AA$30,INDEX(Jesper!$R$2:$R$366,ROW(INDEX(Jesper!AH$2:AH$366,ROUNDDOWN($C3511/24,0)+1,1))-1)+IF('Standard Profiles'!$G$18=$B$10,7,0)+IF('Standard Profiles'!$G$18=$B$17,14,0)+IF('Standard Profiles'!$G$18=$B$24,21,0),0)),0)</f>
        <v>3.7715162588088225</v>
      </c>
      <c r="E3511" cm="1">
        <f t="array" ref="E3511">IFERROR(INDEX(Jesper!AI$2:AI$366,ROUNDDOWN($C3511/24,0)+1,1)*INDEX($D$3:$AA$30,INDEX(Jesper!$R$2:$R$366,ROW(INDEX(Jesper!AI$2:AI$366,ROUNDDOWN($C3511/24,0)+1,1))-1)+IF('Standard Profiles'!$G$19=$B$10,7,0)+IF('Standard Profiles'!$G$19=$B$17,14,0)+IF('Standard Profiles'!$G$19=$B$24,21,0),MOD($C3511,24)+1)/SUM(INDEX($D$3:$AA$30,INDEX(Jesper!$R$2:$R$366,ROW(INDEX(Jesper!AI$2:AI$366,ROUNDDOWN($C3511/24,0)+1,1))-1)+IF('Standard Profiles'!$G$19=$B$10,7,0)+IF('Standard Profiles'!$G$19=$B$17,14,0)+IF('Standard Profiles'!$G$19=$B$24,21,0),0)),0)</f>
        <v>0</v>
      </c>
      <c r="F3511" cm="1">
        <f t="array" ref="F3511">IFERROR(INDEX(Jesper!AJ$2:AJ$366,ROUNDDOWN($C3511/24,0)+1,1)*INDEX($D$3:$AA$30,INDEX(Jesper!$R$2:$R$366,ROW(INDEX(Jesper!AJ$2:AJ$366,ROUNDDOWN($C3511/24,0)+1,1))-1)+IF('Standard Profiles'!$G$20=$B$10,7,0)+IF('Standard Profiles'!$G$20=$B$17,14,0)+IF('Standard Profiles'!$G$20=$B$24,21,0),MOD($C3511,24)+1)/SUM(INDEX($D$3:$AA$30,INDEX(Jesper!$R$2:$R$366,ROW(INDEX(Jesper!AJ$2:AJ$366,ROUNDDOWN($C3511/24,0)+1,1))-1)+IF('Standard Profiles'!$G$20=$B$10,7,0)+IF('Standard Profiles'!$G$20=$B$17,14,0)+IF('Standard Profiles'!$G$20=$B$24,21,0),0)),0)</f>
        <v>0</v>
      </c>
      <c r="G3511" cm="1">
        <f t="array" ref="G3511">IFERROR(INDEX(Jesper!AK$2:AK$366,ROUNDDOWN($C3511/24,0)+1,1)*INDEX($D$3:$AA$30,INDEX(Jesper!$R$2:$R$366,ROW(INDEX(Jesper!AK$2:AK$366,ROUNDDOWN($C3511/24,0)+1,1))-1)+IF('Standard Profiles'!$G$21=$B$10,7,0)+IF('Standard Profiles'!$G$21=$B$17,14,0)+IF('Standard Profiles'!$G$21=$B$24,21,0),MOD($C3511,24)+1)/SUM(INDEX($D$3:$AA$30,INDEX(Jesper!$R$2:$R$366,ROW(INDEX(Jesper!AK$2:AK$366,ROUNDDOWN($C3511/24,0)+1,1))-1)+IF('Standard Profiles'!$G$21=$B$10,7,0)+IF('Standard Profiles'!$G$21=$B$17,14,0)+IF('Standard Profiles'!$G$21=$B$24,21,0),0)),0)</f>
        <v>0</v>
      </c>
      <c r="H3511" cm="1">
        <f t="array" ref="H3511">IFERROR(INDEX(Jesper!AL$2:AL$366,ROUNDDOWN($C3511/24,0)+1,1)*INDEX($D$3:$AA$30,INDEX(Jesper!$R$2:$R$366,ROW(INDEX(Jesper!AL$2:AL$366,ROUNDDOWN($C3511/24,0)+1,1))-1)+IF('Standard Profiles'!$G$22=$B$10,7,0)+IF('Standard Profiles'!$G$22=$B$17,14,0)+IF('Standard Profiles'!$G$22=$B$24,21,0),MOD($C3511,24)+1)/SUM(INDEX($D$3:$AA$30,INDEX(Jesper!$R$2:$R$366,ROW(INDEX(Jesper!AL$2:AL$366,ROUNDDOWN($C3511/24,0)+1,1))-1)+IF('Standard Profiles'!$G$22=$B$10,7,0)+IF('Standard Profiles'!$G$22=$B$17,14,0)+IF('Standard Profiles'!$G$22=$B$24,21,0),0)),0)</f>
        <v>0</v>
      </c>
      <c r="I3511">
        <f t="shared" si="398"/>
        <v>0.11314548776426467</v>
      </c>
      <c r="J3511">
        <f t="shared" si="399"/>
        <v>0.37715162588088225</v>
      </c>
      <c r="K3511">
        <f t="shared" si="400"/>
        <v>0.56572743882132337</v>
      </c>
      <c r="L3511">
        <f t="shared" si="401"/>
        <v>2.7154917063423523</v>
      </c>
      <c r="M3511">
        <f t="shared" si="402"/>
        <v>0</v>
      </c>
      <c r="N3511" s="46">
        <f t="shared" si="403"/>
        <v>45436.874999991567</v>
      </c>
    </row>
    <row r="3512" spans="2:14" x14ac:dyDescent="0.3">
      <c r="B3512">
        <f t="shared" si="397"/>
        <v>5</v>
      </c>
      <c r="C3512" s="16">
        <v>3478</v>
      </c>
      <c r="D3512" cm="1">
        <f t="array" ref="D3512">IFERROR(INDEX(Jesper!AH$2:AH$366,ROUNDDOWN($C3512/24,0)+1,1)*INDEX($D$3:$AA$30,INDEX(Jesper!$R$2:$R$366,ROW(INDEX(Jesper!AH$2:AH$366,ROUNDDOWN($C3512/24,0)+1,1))-1)+IF('Standard Profiles'!$G$18=$B$10,7,0)+IF('Standard Profiles'!$G$18=$B$17,14,0)+IF('Standard Profiles'!$G$18=$B$24,21,0),MOD($C3512,24)+1)/SUM(INDEX($D$3:$AA$30,INDEX(Jesper!$R$2:$R$366,ROW(INDEX(Jesper!AH$2:AH$366,ROUNDDOWN($C3512/24,0)+1,1))-1)+IF('Standard Profiles'!$G$18=$B$10,7,0)+IF('Standard Profiles'!$G$18=$B$17,14,0)+IF('Standard Profiles'!$G$18=$B$24,21,0),0)),0)</f>
        <v>3.7715162588088225</v>
      </c>
      <c r="E3512" cm="1">
        <f t="array" ref="E3512">IFERROR(INDEX(Jesper!AI$2:AI$366,ROUNDDOWN($C3512/24,0)+1,1)*INDEX($D$3:$AA$30,INDEX(Jesper!$R$2:$R$366,ROW(INDEX(Jesper!AI$2:AI$366,ROUNDDOWN($C3512/24,0)+1,1))-1)+IF('Standard Profiles'!$G$19=$B$10,7,0)+IF('Standard Profiles'!$G$19=$B$17,14,0)+IF('Standard Profiles'!$G$19=$B$24,21,0),MOD($C3512,24)+1)/SUM(INDEX($D$3:$AA$30,INDEX(Jesper!$R$2:$R$366,ROW(INDEX(Jesper!AI$2:AI$366,ROUNDDOWN($C3512/24,0)+1,1))-1)+IF('Standard Profiles'!$G$19=$B$10,7,0)+IF('Standard Profiles'!$G$19=$B$17,14,0)+IF('Standard Profiles'!$G$19=$B$24,21,0),0)),0)</f>
        <v>0</v>
      </c>
      <c r="F3512" cm="1">
        <f t="array" ref="F3512">IFERROR(INDEX(Jesper!AJ$2:AJ$366,ROUNDDOWN($C3512/24,0)+1,1)*INDEX($D$3:$AA$30,INDEX(Jesper!$R$2:$R$366,ROW(INDEX(Jesper!AJ$2:AJ$366,ROUNDDOWN($C3512/24,0)+1,1))-1)+IF('Standard Profiles'!$G$20=$B$10,7,0)+IF('Standard Profiles'!$G$20=$B$17,14,0)+IF('Standard Profiles'!$G$20=$B$24,21,0),MOD($C3512,24)+1)/SUM(INDEX($D$3:$AA$30,INDEX(Jesper!$R$2:$R$366,ROW(INDEX(Jesper!AJ$2:AJ$366,ROUNDDOWN($C3512/24,0)+1,1))-1)+IF('Standard Profiles'!$G$20=$B$10,7,0)+IF('Standard Profiles'!$G$20=$B$17,14,0)+IF('Standard Profiles'!$G$20=$B$24,21,0),0)),0)</f>
        <v>0</v>
      </c>
      <c r="G3512" cm="1">
        <f t="array" ref="G3512">IFERROR(INDEX(Jesper!AK$2:AK$366,ROUNDDOWN($C3512/24,0)+1,1)*INDEX($D$3:$AA$30,INDEX(Jesper!$R$2:$R$366,ROW(INDEX(Jesper!AK$2:AK$366,ROUNDDOWN($C3512/24,0)+1,1))-1)+IF('Standard Profiles'!$G$21=$B$10,7,0)+IF('Standard Profiles'!$G$21=$B$17,14,0)+IF('Standard Profiles'!$G$21=$B$24,21,0),MOD($C3512,24)+1)/SUM(INDEX($D$3:$AA$30,INDEX(Jesper!$R$2:$R$366,ROW(INDEX(Jesper!AK$2:AK$366,ROUNDDOWN($C3512/24,0)+1,1))-1)+IF('Standard Profiles'!$G$21=$B$10,7,0)+IF('Standard Profiles'!$G$21=$B$17,14,0)+IF('Standard Profiles'!$G$21=$B$24,21,0),0)),0)</f>
        <v>0</v>
      </c>
      <c r="H3512" cm="1">
        <f t="array" ref="H3512">IFERROR(INDEX(Jesper!AL$2:AL$366,ROUNDDOWN($C3512/24,0)+1,1)*INDEX($D$3:$AA$30,INDEX(Jesper!$R$2:$R$366,ROW(INDEX(Jesper!AL$2:AL$366,ROUNDDOWN($C3512/24,0)+1,1))-1)+IF('Standard Profiles'!$G$22=$B$10,7,0)+IF('Standard Profiles'!$G$22=$B$17,14,0)+IF('Standard Profiles'!$G$22=$B$24,21,0),MOD($C3512,24)+1)/SUM(INDEX($D$3:$AA$30,INDEX(Jesper!$R$2:$R$366,ROW(INDEX(Jesper!AL$2:AL$366,ROUNDDOWN($C3512/24,0)+1,1))-1)+IF('Standard Profiles'!$G$22=$B$10,7,0)+IF('Standard Profiles'!$G$22=$B$17,14,0)+IF('Standard Profiles'!$G$22=$B$24,21,0),0)),0)</f>
        <v>0</v>
      </c>
      <c r="I3512">
        <f t="shared" si="398"/>
        <v>0.11314548776426467</v>
      </c>
      <c r="J3512">
        <f t="shared" si="399"/>
        <v>0.37715162588088225</v>
      </c>
      <c r="K3512">
        <f t="shared" si="400"/>
        <v>0.56572743882132337</v>
      </c>
      <c r="L3512">
        <f t="shared" si="401"/>
        <v>2.7154917063423523</v>
      </c>
      <c r="M3512">
        <f t="shared" si="402"/>
        <v>0</v>
      </c>
      <c r="N3512" s="46">
        <f t="shared" si="403"/>
        <v>45436.916666658231</v>
      </c>
    </row>
    <row r="3513" spans="2:14" x14ac:dyDescent="0.3">
      <c r="B3513">
        <f t="shared" si="397"/>
        <v>5</v>
      </c>
      <c r="C3513" s="16">
        <v>3479</v>
      </c>
      <c r="D3513" cm="1">
        <f t="array" ref="D3513">IFERROR(INDEX(Jesper!AH$2:AH$366,ROUNDDOWN($C3513/24,0)+1,1)*INDEX($D$3:$AA$30,INDEX(Jesper!$R$2:$R$366,ROW(INDEX(Jesper!AH$2:AH$366,ROUNDDOWN($C3513/24,0)+1,1))-1)+IF('Standard Profiles'!$G$18=$B$10,7,0)+IF('Standard Profiles'!$G$18=$B$17,14,0)+IF('Standard Profiles'!$G$18=$B$24,21,0),MOD($C3513,24)+1)/SUM(INDEX($D$3:$AA$30,INDEX(Jesper!$R$2:$R$366,ROW(INDEX(Jesper!AH$2:AH$366,ROUNDDOWN($C3513/24,0)+1,1))-1)+IF('Standard Profiles'!$G$18=$B$10,7,0)+IF('Standard Profiles'!$G$18=$B$17,14,0)+IF('Standard Profiles'!$G$18=$B$24,21,0),0)),0)</f>
        <v>3.7715162588088225</v>
      </c>
      <c r="E3513" cm="1">
        <f t="array" ref="E3513">IFERROR(INDEX(Jesper!AI$2:AI$366,ROUNDDOWN($C3513/24,0)+1,1)*INDEX($D$3:$AA$30,INDEX(Jesper!$R$2:$R$366,ROW(INDEX(Jesper!AI$2:AI$366,ROUNDDOWN($C3513/24,0)+1,1))-1)+IF('Standard Profiles'!$G$19=$B$10,7,0)+IF('Standard Profiles'!$G$19=$B$17,14,0)+IF('Standard Profiles'!$G$19=$B$24,21,0),MOD($C3513,24)+1)/SUM(INDEX($D$3:$AA$30,INDEX(Jesper!$R$2:$R$366,ROW(INDEX(Jesper!AI$2:AI$366,ROUNDDOWN($C3513/24,0)+1,1))-1)+IF('Standard Profiles'!$G$19=$B$10,7,0)+IF('Standard Profiles'!$G$19=$B$17,14,0)+IF('Standard Profiles'!$G$19=$B$24,21,0),0)),0)</f>
        <v>0</v>
      </c>
      <c r="F3513" cm="1">
        <f t="array" ref="F3513">IFERROR(INDEX(Jesper!AJ$2:AJ$366,ROUNDDOWN($C3513/24,0)+1,1)*INDEX($D$3:$AA$30,INDEX(Jesper!$R$2:$R$366,ROW(INDEX(Jesper!AJ$2:AJ$366,ROUNDDOWN($C3513/24,0)+1,1))-1)+IF('Standard Profiles'!$G$20=$B$10,7,0)+IF('Standard Profiles'!$G$20=$B$17,14,0)+IF('Standard Profiles'!$G$20=$B$24,21,0),MOD($C3513,24)+1)/SUM(INDEX($D$3:$AA$30,INDEX(Jesper!$R$2:$R$366,ROW(INDEX(Jesper!AJ$2:AJ$366,ROUNDDOWN($C3513/24,0)+1,1))-1)+IF('Standard Profiles'!$G$20=$B$10,7,0)+IF('Standard Profiles'!$G$20=$B$17,14,0)+IF('Standard Profiles'!$G$20=$B$24,21,0),0)),0)</f>
        <v>0</v>
      </c>
      <c r="G3513" cm="1">
        <f t="array" ref="G3513">IFERROR(INDEX(Jesper!AK$2:AK$366,ROUNDDOWN($C3513/24,0)+1,1)*INDEX($D$3:$AA$30,INDEX(Jesper!$R$2:$R$366,ROW(INDEX(Jesper!AK$2:AK$366,ROUNDDOWN($C3513/24,0)+1,1))-1)+IF('Standard Profiles'!$G$21=$B$10,7,0)+IF('Standard Profiles'!$G$21=$B$17,14,0)+IF('Standard Profiles'!$G$21=$B$24,21,0),MOD($C3513,24)+1)/SUM(INDEX($D$3:$AA$30,INDEX(Jesper!$R$2:$R$366,ROW(INDEX(Jesper!AK$2:AK$366,ROUNDDOWN($C3513/24,0)+1,1))-1)+IF('Standard Profiles'!$G$21=$B$10,7,0)+IF('Standard Profiles'!$G$21=$B$17,14,0)+IF('Standard Profiles'!$G$21=$B$24,21,0),0)),0)</f>
        <v>0</v>
      </c>
      <c r="H3513" cm="1">
        <f t="array" ref="H3513">IFERROR(INDEX(Jesper!AL$2:AL$366,ROUNDDOWN($C3513/24,0)+1,1)*INDEX($D$3:$AA$30,INDEX(Jesper!$R$2:$R$366,ROW(INDEX(Jesper!AL$2:AL$366,ROUNDDOWN($C3513/24,0)+1,1))-1)+IF('Standard Profiles'!$G$22=$B$10,7,0)+IF('Standard Profiles'!$G$22=$B$17,14,0)+IF('Standard Profiles'!$G$22=$B$24,21,0),MOD($C3513,24)+1)/SUM(INDEX($D$3:$AA$30,INDEX(Jesper!$R$2:$R$366,ROW(INDEX(Jesper!AL$2:AL$366,ROUNDDOWN($C3513/24,0)+1,1))-1)+IF('Standard Profiles'!$G$22=$B$10,7,0)+IF('Standard Profiles'!$G$22=$B$17,14,0)+IF('Standard Profiles'!$G$22=$B$24,21,0),0)),0)</f>
        <v>0</v>
      </c>
      <c r="I3513">
        <f t="shared" si="398"/>
        <v>0.11314548776426467</v>
      </c>
      <c r="J3513">
        <f t="shared" si="399"/>
        <v>0.37715162588088225</v>
      </c>
      <c r="K3513">
        <f t="shared" si="400"/>
        <v>0.56572743882132337</v>
      </c>
      <c r="L3513">
        <f t="shared" si="401"/>
        <v>2.7154917063423523</v>
      </c>
      <c r="M3513">
        <f t="shared" si="402"/>
        <v>0</v>
      </c>
      <c r="N3513" s="46">
        <f t="shared" si="403"/>
        <v>45436.958333324896</v>
      </c>
    </row>
    <row r="3514" spans="2:14" x14ac:dyDescent="0.3">
      <c r="B3514">
        <f t="shared" si="397"/>
        <v>6</v>
      </c>
      <c r="C3514" s="16">
        <v>3480</v>
      </c>
      <c r="D3514" cm="1">
        <f t="array" ref="D3514">IFERROR(INDEX(Jesper!AH$2:AH$366,ROUNDDOWN($C3514/24,0)+1,1)*INDEX($D$3:$AA$30,INDEX(Jesper!$R$2:$R$366,ROW(INDEX(Jesper!AH$2:AH$366,ROUNDDOWN($C3514/24,0)+1,1))-1)+IF('Standard Profiles'!$G$18=$B$10,7,0)+IF('Standard Profiles'!$G$18=$B$17,14,0)+IF('Standard Profiles'!$G$18=$B$24,21,0),MOD($C3514,24)+1)/SUM(INDEX($D$3:$AA$30,INDEX(Jesper!$R$2:$R$366,ROW(INDEX(Jesper!AH$2:AH$366,ROUNDDOWN($C3514/24,0)+1,1))-1)+IF('Standard Profiles'!$G$18=$B$10,7,0)+IF('Standard Profiles'!$G$18=$B$17,14,0)+IF('Standard Profiles'!$G$18=$B$24,21,0),0)),0)</f>
        <v>3.9077094491684674</v>
      </c>
      <c r="E3514" cm="1">
        <f t="array" ref="E3514">IFERROR(INDEX(Jesper!AI$2:AI$366,ROUNDDOWN($C3514/24,0)+1,1)*INDEX($D$3:$AA$30,INDEX(Jesper!$R$2:$R$366,ROW(INDEX(Jesper!AI$2:AI$366,ROUNDDOWN($C3514/24,0)+1,1))-1)+IF('Standard Profiles'!$G$19=$B$10,7,0)+IF('Standard Profiles'!$G$19=$B$17,14,0)+IF('Standard Profiles'!$G$19=$B$24,21,0),MOD($C3514,24)+1)/SUM(INDEX($D$3:$AA$30,INDEX(Jesper!$R$2:$R$366,ROW(INDEX(Jesper!AI$2:AI$366,ROUNDDOWN($C3514/24,0)+1,1))-1)+IF('Standard Profiles'!$G$19=$B$10,7,0)+IF('Standard Profiles'!$G$19=$B$17,14,0)+IF('Standard Profiles'!$G$19=$B$24,21,0),0)),0)</f>
        <v>0.77977821777674361</v>
      </c>
      <c r="F3514" cm="1">
        <f t="array" ref="F3514">IFERROR(INDEX(Jesper!AJ$2:AJ$366,ROUNDDOWN($C3514/24,0)+1,1)*INDEX($D$3:$AA$30,INDEX(Jesper!$R$2:$R$366,ROW(INDEX(Jesper!AJ$2:AJ$366,ROUNDDOWN($C3514/24,0)+1,1))-1)+IF('Standard Profiles'!$G$20=$B$10,7,0)+IF('Standard Profiles'!$G$20=$B$17,14,0)+IF('Standard Profiles'!$G$20=$B$24,21,0),MOD($C3514,24)+1)/SUM(INDEX($D$3:$AA$30,INDEX(Jesper!$R$2:$R$366,ROW(INDEX(Jesper!AJ$2:AJ$366,ROUNDDOWN($C3514/24,0)+1,1))-1)+IF('Standard Profiles'!$G$20=$B$10,7,0)+IF('Standard Profiles'!$G$20=$B$17,14,0)+IF('Standard Profiles'!$G$20=$B$24,21,0),0)),0)</f>
        <v>0</v>
      </c>
      <c r="G3514" cm="1">
        <f t="array" ref="G3514">IFERROR(INDEX(Jesper!AK$2:AK$366,ROUNDDOWN($C3514/24,0)+1,1)*INDEX($D$3:$AA$30,INDEX(Jesper!$R$2:$R$366,ROW(INDEX(Jesper!AK$2:AK$366,ROUNDDOWN($C3514/24,0)+1,1))-1)+IF('Standard Profiles'!$G$21=$B$10,7,0)+IF('Standard Profiles'!$G$21=$B$17,14,0)+IF('Standard Profiles'!$G$21=$B$24,21,0),MOD($C3514,24)+1)/SUM(INDEX($D$3:$AA$30,INDEX(Jesper!$R$2:$R$366,ROW(INDEX(Jesper!AK$2:AK$366,ROUNDDOWN($C3514/24,0)+1,1))-1)+IF('Standard Profiles'!$G$21=$B$10,7,0)+IF('Standard Profiles'!$G$21=$B$17,14,0)+IF('Standard Profiles'!$G$21=$B$24,21,0),0)),0)</f>
        <v>0</v>
      </c>
      <c r="H3514" cm="1">
        <f t="array" ref="H3514">IFERROR(INDEX(Jesper!AL$2:AL$366,ROUNDDOWN($C3514/24,0)+1,1)*INDEX($D$3:$AA$30,INDEX(Jesper!$R$2:$R$366,ROW(INDEX(Jesper!AL$2:AL$366,ROUNDDOWN($C3514/24,0)+1,1))-1)+IF('Standard Profiles'!$G$22=$B$10,7,0)+IF('Standard Profiles'!$G$22=$B$17,14,0)+IF('Standard Profiles'!$G$22=$B$24,21,0),MOD($C3514,24)+1)/SUM(INDEX($D$3:$AA$30,INDEX(Jesper!$R$2:$R$366,ROW(INDEX(Jesper!AL$2:AL$366,ROUNDDOWN($C3514/24,0)+1,1))-1)+IF('Standard Profiles'!$G$22=$B$10,7,0)+IF('Standard Profiles'!$G$22=$B$17,14,0)+IF('Standard Profiles'!$G$22=$B$24,21,0),0)),0)</f>
        <v>0</v>
      </c>
      <c r="I3514">
        <f t="shared" si="398"/>
        <v>7.0250289889796744E-2</v>
      </c>
      <c r="J3514">
        <f t="shared" si="399"/>
        <v>0.23416763296598916</v>
      </c>
      <c r="K3514">
        <f t="shared" si="400"/>
        <v>0.35125144944898373</v>
      </c>
      <c r="L3514">
        <f t="shared" si="401"/>
        <v>4.0318182946404413</v>
      </c>
      <c r="M3514">
        <f t="shared" si="402"/>
        <v>0</v>
      </c>
      <c r="N3514" s="46">
        <f t="shared" si="403"/>
        <v>45436.99999999156</v>
      </c>
    </row>
    <row r="3515" spans="2:14" x14ac:dyDescent="0.3">
      <c r="B3515">
        <f t="shared" si="397"/>
        <v>6</v>
      </c>
      <c r="C3515" s="16">
        <v>3481</v>
      </c>
      <c r="D3515" cm="1">
        <f t="array" ref="D3515">IFERROR(INDEX(Jesper!AH$2:AH$366,ROUNDDOWN($C3515/24,0)+1,1)*INDEX($D$3:$AA$30,INDEX(Jesper!$R$2:$R$366,ROW(INDEX(Jesper!AH$2:AH$366,ROUNDDOWN($C3515/24,0)+1,1))-1)+IF('Standard Profiles'!$G$18=$B$10,7,0)+IF('Standard Profiles'!$G$18=$B$17,14,0)+IF('Standard Profiles'!$G$18=$B$24,21,0),MOD($C3515,24)+1)/SUM(INDEX($D$3:$AA$30,INDEX(Jesper!$R$2:$R$366,ROW(INDEX(Jesper!AH$2:AH$366,ROUNDDOWN($C3515/24,0)+1,1))-1)+IF('Standard Profiles'!$G$18=$B$10,7,0)+IF('Standard Profiles'!$G$18=$B$17,14,0)+IF('Standard Profiles'!$G$18=$B$24,21,0),0)),0)</f>
        <v>7.6293374959955811</v>
      </c>
      <c r="E3515" cm="1">
        <f t="array" ref="E3515">IFERROR(INDEX(Jesper!AI$2:AI$366,ROUNDDOWN($C3515/24,0)+1,1)*INDEX($D$3:$AA$30,INDEX(Jesper!$R$2:$R$366,ROW(INDEX(Jesper!AI$2:AI$366,ROUNDDOWN($C3515/24,0)+1,1))-1)+IF('Standard Profiles'!$G$19=$B$10,7,0)+IF('Standard Profiles'!$G$19=$B$17,14,0)+IF('Standard Profiles'!$G$19=$B$24,21,0),MOD($C3515,24)+1)/SUM(INDEX($D$3:$AA$30,INDEX(Jesper!$R$2:$R$366,ROW(INDEX(Jesper!AI$2:AI$366,ROUNDDOWN($C3515/24,0)+1,1))-1)+IF('Standard Profiles'!$G$19=$B$10,7,0)+IF('Standard Profiles'!$G$19=$B$17,14,0)+IF('Standard Profiles'!$G$19=$B$24,21,0),0)),0)</f>
        <v>1.5224241394688807</v>
      </c>
      <c r="F3515" cm="1">
        <f t="array" ref="F3515">IFERROR(INDEX(Jesper!AJ$2:AJ$366,ROUNDDOWN($C3515/24,0)+1,1)*INDEX($D$3:$AA$30,INDEX(Jesper!$R$2:$R$366,ROW(INDEX(Jesper!AJ$2:AJ$366,ROUNDDOWN($C3515/24,0)+1,1))-1)+IF('Standard Profiles'!$G$20=$B$10,7,0)+IF('Standard Profiles'!$G$20=$B$17,14,0)+IF('Standard Profiles'!$G$20=$B$24,21,0),MOD($C3515,24)+1)/SUM(INDEX($D$3:$AA$30,INDEX(Jesper!$R$2:$R$366,ROW(INDEX(Jesper!AJ$2:AJ$366,ROUNDDOWN($C3515/24,0)+1,1))-1)+IF('Standard Profiles'!$G$20=$B$10,7,0)+IF('Standard Profiles'!$G$20=$B$17,14,0)+IF('Standard Profiles'!$G$20=$B$24,21,0),0)),0)</f>
        <v>0</v>
      </c>
      <c r="G3515" cm="1">
        <f t="array" ref="G3515">IFERROR(INDEX(Jesper!AK$2:AK$366,ROUNDDOWN($C3515/24,0)+1,1)*INDEX($D$3:$AA$30,INDEX(Jesper!$R$2:$R$366,ROW(INDEX(Jesper!AK$2:AK$366,ROUNDDOWN($C3515/24,0)+1,1))-1)+IF('Standard Profiles'!$G$21=$B$10,7,0)+IF('Standard Profiles'!$G$21=$B$17,14,0)+IF('Standard Profiles'!$G$21=$B$24,21,0),MOD($C3515,24)+1)/SUM(INDEX($D$3:$AA$30,INDEX(Jesper!$R$2:$R$366,ROW(INDEX(Jesper!AK$2:AK$366,ROUNDDOWN($C3515/24,0)+1,1))-1)+IF('Standard Profiles'!$G$21=$B$10,7,0)+IF('Standard Profiles'!$G$21=$B$17,14,0)+IF('Standard Profiles'!$G$21=$B$24,21,0),0)),0)</f>
        <v>0</v>
      </c>
      <c r="H3515" cm="1">
        <f t="array" ref="H3515">IFERROR(INDEX(Jesper!AL$2:AL$366,ROUNDDOWN($C3515/24,0)+1,1)*INDEX($D$3:$AA$30,INDEX(Jesper!$R$2:$R$366,ROW(INDEX(Jesper!AL$2:AL$366,ROUNDDOWN($C3515/24,0)+1,1))-1)+IF('Standard Profiles'!$G$22=$B$10,7,0)+IF('Standard Profiles'!$G$22=$B$17,14,0)+IF('Standard Profiles'!$G$22=$B$24,21,0),MOD($C3515,24)+1)/SUM(INDEX($D$3:$AA$30,INDEX(Jesper!$R$2:$R$366,ROW(INDEX(Jesper!AL$2:AL$366,ROUNDDOWN($C3515/24,0)+1,1))-1)+IF('Standard Profiles'!$G$22=$B$10,7,0)+IF('Standard Profiles'!$G$22=$B$17,14,0)+IF('Standard Profiles'!$G$22=$B$24,21,0),0)),0)</f>
        <v>0</v>
      </c>
      <c r="I3515">
        <f t="shared" si="398"/>
        <v>0.13715532788007936</v>
      </c>
      <c r="J3515">
        <f t="shared" si="399"/>
        <v>0.45718442626693129</v>
      </c>
      <c r="K3515">
        <f t="shared" si="400"/>
        <v>0.68577663940039701</v>
      </c>
      <c r="L3515">
        <f t="shared" si="401"/>
        <v>7.8716452419170544</v>
      </c>
      <c r="M3515">
        <f t="shared" si="402"/>
        <v>0</v>
      </c>
      <c r="N3515" s="46">
        <f t="shared" si="403"/>
        <v>45437.041666658224</v>
      </c>
    </row>
    <row r="3516" spans="2:14" x14ac:dyDescent="0.3">
      <c r="B3516">
        <f t="shared" si="397"/>
        <v>6</v>
      </c>
      <c r="C3516" s="16">
        <v>3482</v>
      </c>
      <c r="D3516" cm="1">
        <f t="array" ref="D3516">IFERROR(INDEX(Jesper!AH$2:AH$366,ROUNDDOWN($C3516/24,0)+1,1)*INDEX($D$3:$AA$30,INDEX(Jesper!$R$2:$R$366,ROW(INDEX(Jesper!AH$2:AH$366,ROUNDDOWN($C3516/24,0)+1,1))-1)+IF('Standard Profiles'!$G$18=$B$10,7,0)+IF('Standard Profiles'!$G$18=$B$17,14,0)+IF('Standard Profiles'!$G$18=$B$24,21,0),MOD($C3516,24)+1)/SUM(INDEX($D$3:$AA$30,INDEX(Jesper!$R$2:$R$366,ROW(INDEX(Jesper!AH$2:AH$366,ROUNDDOWN($C3516/24,0)+1,1))-1)+IF('Standard Profiles'!$G$18=$B$10,7,0)+IF('Standard Profiles'!$G$18=$B$17,14,0)+IF('Standard Profiles'!$G$18=$B$24,21,0),0)),0)</f>
        <v>7.6293374959955811</v>
      </c>
      <c r="E3516" cm="1">
        <f t="array" ref="E3516">IFERROR(INDEX(Jesper!AI$2:AI$366,ROUNDDOWN($C3516/24,0)+1,1)*INDEX($D$3:$AA$30,INDEX(Jesper!$R$2:$R$366,ROW(INDEX(Jesper!AI$2:AI$366,ROUNDDOWN($C3516/24,0)+1,1))-1)+IF('Standard Profiles'!$G$19=$B$10,7,0)+IF('Standard Profiles'!$G$19=$B$17,14,0)+IF('Standard Profiles'!$G$19=$B$24,21,0),MOD($C3516,24)+1)/SUM(INDEX($D$3:$AA$30,INDEX(Jesper!$R$2:$R$366,ROW(INDEX(Jesper!AI$2:AI$366,ROUNDDOWN($C3516/24,0)+1,1))-1)+IF('Standard Profiles'!$G$19=$B$10,7,0)+IF('Standard Profiles'!$G$19=$B$17,14,0)+IF('Standard Profiles'!$G$19=$B$24,21,0),0)),0)</f>
        <v>1.5224241394688807</v>
      </c>
      <c r="F3516" cm="1">
        <f t="array" ref="F3516">IFERROR(INDEX(Jesper!AJ$2:AJ$366,ROUNDDOWN($C3516/24,0)+1,1)*INDEX($D$3:$AA$30,INDEX(Jesper!$R$2:$R$366,ROW(INDEX(Jesper!AJ$2:AJ$366,ROUNDDOWN($C3516/24,0)+1,1))-1)+IF('Standard Profiles'!$G$20=$B$10,7,0)+IF('Standard Profiles'!$G$20=$B$17,14,0)+IF('Standard Profiles'!$G$20=$B$24,21,0),MOD($C3516,24)+1)/SUM(INDEX($D$3:$AA$30,INDEX(Jesper!$R$2:$R$366,ROW(INDEX(Jesper!AJ$2:AJ$366,ROUNDDOWN($C3516/24,0)+1,1))-1)+IF('Standard Profiles'!$G$20=$B$10,7,0)+IF('Standard Profiles'!$G$20=$B$17,14,0)+IF('Standard Profiles'!$G$20=$B$24,21,0),0)),0)</f>
        <v>0</v>
      </c>
      <c r="G3516" cm="1">
        <f t="array" ref="G3516">IFERROR(INDEX(Jesper!AK$2:AK$366,ROUNDDOWN($C3516/24,0)+1,1)*INDEX($D$3:$AA$30,INDEX(Jesper!$R$2:$R$366,ROW(INDEX(Jesper!AK$2:AK$366,ROUNDDOWN($C3516/24,0)+1,1))-1)+IF('Standard Profiles'!$G$21=$B$10,7,0)+IF('Standard Profiles'!$G$21=$B$17,14,0)+IF('Standard Profiles'!$G$21=$B$24,21,0),MOD($C3516,24)+1)/SUM(INDEX($D$3:$AA$30,INDEX(Jesper!$R$2:$R$366,ROW(INDEX(Jesper!AK$2:AK$366,ROUNDDOWN($C3516/24,0)+1,1))-1)+IF('Standard Profiles'!$G$21=$B$10,7,0)+IF('Standard Profiles'!$G$21=$B$17,14,0)+IF('Standard Profiles'!$G$21=$B$24,21,0),0)),0)</f>
        <v>0</v>
      </c>
      <c r="H3516" cm="1">
        <f t="array" ref="H3516">IFERROR(INDEX(Jesper!AL$2:AL$366,ROUNDDOWN($C3516/24,0)+1,1)*INDEX($D$3:$AA$30,INDEX(Jesper!$R$2:$R$366,ROW(INDEX(Jesper!AL$2:AL$366,ROUNDDOWN($C3516/24,0)+1,1))-1)+IF('Standard Profiles'!$G$22=$B$10,7,0)+IF('Standard Profiles'!$G$22=$B$17,14,0)+IF('Standard Profiles'!$G$22=$B$24,21,0),MOD($C3516,24)+1)/SUM(INDEX($D$3:$AA$30,INDEX(Jesper!$R$2:$R$366,ROW(INDEX(Jesper!AL$2:AL$366,ROUNDDOWN($C3516/24,0)+1,1))-1)+IF('Standard Profiles'!$G$22=$B$10,7,0)+IF('Standard Profiles'!$G$22=$B$17,14,0)+IF('Standard Profiles'!$G$22=$B$24,21,0),0)),0)</f>
        <v>0</v>
      </c>
      <c r="I3516">
        <f t="shared" si="398"/>
        <v>0.13715532788007936</v>
      </c>
      <c r="J3516">
        <f t="shared" si="399"/>
        <v>0.45718442626693129</v>
      </c>
      <c r="K3516">
        <f t="shared" si="400"/>
        <v>0.68577663940039701</v>
      </c>
      <c r="L3516">
        <f t="shared" si="401"/>
        <v>7.8716452419170544</v>
      </c>
      <c r="M3516">
        <f t="shared" si="402"/>
        <v>0</v>
      </c>
      <c r="N3516" s="46">
        <f t="shared" si="403"/>
        <v>45437.083333324888</v>
      </c>
    </row>
    <row r="3517" spans="2:14" x14ac:dyDescent="0.3">
      <c r="B3517">
        <f t="shared" si="397"/>
        <v>6</v>
      </c>
      <c r="C3517" s="16">
        <v>3483</v>
      </c>
      <c r="D3517" cm="1">
        <f t="array" ref="D3517">IFERROR(INDEX(Jesper!AH$2:AH$366,ROUNDDOWN($C3517/24,0)+1,1)*INDEX($D$3:$AA$30,INDEX(Jesper!$R$2:$R$366,ROW(INDEX(Jesper!AH$2:AH$366,ROUNDDOWN($C3517/24,0)+1,1))-1)+IF('Standard Profiles'!$G$18=$B$10,7,0)+IF('Standard Profiles'!$G$18=$B$17,14,0)+IF('Standard Profiles'!$G$18=$B$24,21,0),MOD($C3517,24)+1)/SUM(INDEX($D$3:$AA$30,INDEX(Jesper!$R$2:$R$366,ROW(INDEX(Jesper!AH$2:AH$366,ROUNDDOWN($C3517/24,0)+1,1))-1)+IF('Standard Profiles'!$G$18=$B$10,7,0)+IF('Standard Profiles'!$G$18=$B$17,14,0)+IF('Standard Profiles'!$G$18=$B$24,21,0),0)),0)</f>
        <v>7.6293374959955811</v>
      </c>
      <c r="E3517" cm="1">
        <f t="array" ref="E3517">IFERROR(INDEX(Jesper!AI$2:AI$366,ROUNDDOWN($C3517/24,0)+1,1)*INDEX($D$3:$AA$30,INDEX(Jesper!$R$2:$R$366,ROW(INDEX(Jesper!AI$2:AI$366,ROUNDDOWN($C3517/24,0)+1,1))-1)+IF('Standard Profiles'!$G$19=$B$10,7,0)+IF('Standard Profiles'!$G$19=$B$17,14,0)+IF('Standard Profiles'!$G$19=$B$24,21,0),MOD($C3517,24)+1)/SUM(INDEX($D$3:$AA$30,INDEX(Jesper!$R$2:$R$366,ROW(INDEX(Jesper!AI$2:AI$366,ROUNDDOWN($C3517/24,0)+1,1))-1)+IF('Standard Profiles'!$G$19=$B$10,7,0)+IF('Standard Profiles'!$G$19=$B$17,14,0)+IF('Standard Profiles'!$G$19=$B$24,21,0),0)),0)</f>
        <v>1.5224241394688807</v>
      </c>
      <c r="F3517" cm="1">
        <f t="array" ref="F3517">IFERROR(INDEX(Jesper!AJ$2:AJ$366,ROUNDDOWN($C3517/24,0)+1,1)*INDEX($D$3:$AA$30,INDEX(Jesper!$R$2:$R$366,ROW(INDEX(Jesper!AJ$2:AJ$366,ROUNDDOWN($C3517/24,0)+1,1))-1)+IF('Standard Profiles'!$G$20=$B$10,7,0)+IF('Standard Profiles'!$G$20=$B$17,14,0)+IF('Standard Profiles'!$G$20=$B$24,21,0),MOD($C3517,24)+1)/SUM(INDEX($D$3:$AA$30,INDEX(Jesper!$R$2:$R$366,ROW(INDEX(Jesper!AJ$2:AJ$366,ROUNDDOWN($C3517/24,0)+1,1))-1)+IF('Standard Profiles'!$G$20=$B$10,7,0)+IF('Standard Profiles'!$G$20=$B$17,14,0)+IF('Standard Profiles'!$G$20=$B$24,21,0),0)),0)</f>
        <v>0</v>
      </c>
      <c r="G3517" cm="1">
        <f t="array" ref="G3517">IFERROR(INDEX(Jesper!AK$2:AK$366,ROUNDDOWN($C3517/24,0)+1,1)*INDEX($D$3:$AA$30,INDEX(Jesper!$R$2:$R$366,ROW(INDEX(Jesper!AK$2:AK$366,ROUNDDOWN($C3517/24,0)+1,1))-1)+IF('Standard Profiles'!$G$21=$B$10,7,0)+IF('Standard Profiles'!$G$21=$B$17,14,0)+IF('Standard Profiles'!$G$21=$B$24,21,0),MOD($C3517,24)+1)/SUM(INDEX($D$3:$AA$30,INDEX(Jesper!$R$2:$R$366,ROW(INDEX(Jesper!AK$2:AK$366,ROUNDDOWN($C3517/24,0)+1,1))-1)+IF('Standard Profiles'!$G$21=$B$10,7,0)+IF('Standard Profiles'!$G$21=$B$17,14,0)+IF('Standard Profiles'!$G$21=$B$24,21,0),0)),0)</f>
        <v>0</v>
      </c>
      <c r="H3517" cm="1">
        <f t="array" ref="H3517">IFERROR(INDEX(Jesper!AL$2:AL$366,ROUNDDOWN($C3517/24,0)+1,1)*INDEX($D$3:$AA$30,INDEX(Jesper!$R$2:$R$366,ROW(INDEX(Jesper!AL$2:AL$366,ROUNDDOWN($C3517/24,0)+1,1))-1)+IF('Standard Profiles'!$G$22=$B$10,7,0)+IF('Standard Profiles'!$G$22=$B$17,14,0)+IF('Standard Profiles'!$G$22=$B$24,21,0),MOD($C3517,24)+1)/SUM(INDEX($D$3:$AA$30,INDEX(Jesper!$R$2:$R$366,ROW(INDEX(Jesper!AL$2:AL$366,ROUNDDOWN($C3517/24,0)+1,1))-1)+IF('Standard Profiles'!$G$22=$B$10,7,0)+IF('Standard Profiles'!$G$22=$B$17,14,0)+IF('Standard Profiles'!$G$22=$B$24,21,0),0)),0)</f>
        <v>0</v>
      </c>
      <c r="I3517">
        <f t="shared" si="398"/>
        <v>0.13715532788007936</v>
      </c>
      <c r="J3517">
        <f t="shared" si="399"/>
        <v>0.45718442626693129</v>
      </c>
      <c r="K3517">
        <f t="shared" si="400"/>
        <v>0.68577663940039701</v>
      </c>
      <c r="L3517">
        <f t="shared" si="401"/>
        <v>7.8716452419170544</v>
      </c>
      <c r="M3517">
        <f t="shared" si="402"/>
        <v>0</v>
      </c>
      <c r="N3517" s="46">
        <f t="shared" si="403"/>
        <v>45437.124999991553</v>
      </c>
    </row>
    <row r="3518" spans="2:14" x14ac:dyDescent="0.3">
      <c r="B3518">
        <f t="shared" si="397"/>
        <v>6</v>
      </c>
      <c r="C3518" s="16">
        <v>3484</v>
      </c>
      <c r="D3518" cm="1">
        <f t="array" ref="D3518">IFERROR(INDEX(Jesper!AH$2:AH$366,ROUNDDOWN($C3518/24,0)+1,1)*INDEX($D$3:$AA$30,INDEX(Jesper!$R$2:$R$366,ROW(INDEX(Jesper!AH$2:AH$366,ROUNDDOWN($C3518/24,0)+1,1))-1)+IF('Standard Profiles'!$G$18=$B$10,7,0)+IF('Standard Profiles'!$G$18=$B$17,14,0)+IF('Standard Profiles'!$G$18=$B$24,21,0),MOD($C3518,24)+1)/SUM(INDEX($D$3:$AA$30,INDEX(Jesper!$R$2:$R$366,ROW(INDEX(Jesper!AH$2:AH$366,ROUNDDOWN($C3518/24,0)+1,1))-1)+IF('Standard Profiles'!$G$18=$B$10,7,0)+IF('Standard Profiles'!$G$18=$B$17,14,0)+IF('Standard Profiles'!$G$18=$B$24,21,0),0)),0)</f>
        <v>7.6293374959955811</v>
      </c>
      <c r="E3518" cm="1">
        <f t="array" ref="E3518">IFERROR(INDEX(Jesper!AI$2:AI$366,ROUNDDOWN($C3518/24,0)+1,1)*INDEX($D$3:$AA$30,INDEX(Jesper!$R$2:$R$366,ROW(INDEX(Jesper!AI$2:AI$366,ROUNDDOWN($C3518/24,0)+1,1))-1)+IF('Standard Profiles'!$G$19=$B$10,7,0)+IF('Standard Profiles'!$G$19=$B$17,14,0)+IF('Standard Profiles'!$G$19=$B$24,21,0),MOD($C3518,24)+1)/SUM(INDEX($D$3:$AA$30,INDEX(Jesper!$R$2:$R$366,ROW(INDEX(Jesper!AI$2:AI$366,ROUNDDOWN($C3518/24,0)+1,1))-1)+IF('Standard Profiles'!$G$19=$B$10,7,0)+IF('Standard Profiles'!$G$19=$B$17,14,0)+IF('Standard Profiles'!$G$19=$B$24,21,0),0)),0)</f>
        <v>1.5224241394688807</v>
      </c>
      <c r="F3518" cm="1">
        <f t="array" ref="F3518">IFERROR(INDEX(Jesper!AJ$2:AJ$366,ROUNDDOWN($C3518/24,0)+1,1)*INDEX($D$3:$AA$30,INDEX(Jesper!$R$2:$R$366,ROW(INDEX(Jesper!AJ$2:AJ$366,ROUNDDOWN($C3518/24,0)+1,1))-1)+IF('Standard Profiles'!$G$20=$B$10,7,0)+IF('Standard Profiles'!$G$20=$B$17,14,0)+IF('Standard Profiles'!$G$20=$B$24,21,0),MOD($C3518,24)+1)/SUM(INDEX($D$3:$AA$30,INDEX(Jesper!$R$2:$R$366,ROW(INDEX(Jesper!AJ$2:AJ$366,ROUNDDOWN($C3518/24,0)+1,1))-1)+IF('Standard Profiles'!$G$20=$B$10,7,0)+IF('Standard Profiles'!$G$20=$B$17,14,0)+IF('Standard Profiles'!$G$20=$B$24,21,0),0)),0)</f>
        <v>0</v>
      </c>
      <c r="G3518" cm="1">
        <f t="array" ref="G3518">IFERROR(INDEX(Jesper!AK$2:AK$366,ROUNDDOWN($C3518/24,0)+1,1)*INDEX($D$3:$AA$30,INDEX(Jesper!$R$2:$R$366,ROW(INDEX(Jesper!AK$2:AK$366,ROUNDDOWN($C3518/24,0)+1,1))-1)+IF('Standard Profiles'!$G$21=$B$10,7,0)+IF('Standard Profiles'!$G$21=$B$17,14,0)+IF('Standard Profiles'!$G$21=$B$24,21,0),MOD($C3518,24)+1)/SUM(INDEX($D$3:$AA$30,INDEX(Jesper!$R$2:$R$366,ROW(INDEX(Jesper!AK$2:AK$366,ROUNDDOWN($C3518/24,0)+1,1))-1)+IF('Standard Profiles'!$G$21=$B$10,7,0)+IF('Standard Profiles'!$G$21=$B$17,14,0)+IF('Standard Profiles'!$G$21=$B$24,21,0),0)),0)</f>
        <v>0</v>
      </c>
      <c r="H3518" cm="1">
        <f t="array" ref="H3518">IFERROR(INDEX(Jesper!AL$2:AL$366,ROUNDDOWN($C3518/24,0)+1,1)*INDEX($D$3:$AA$30,INDEX(Jesper!$R$2:$R$366,ROW(INDEX(Jesper!AL$2:AL$366,ROUNDDOWN($C3518/24,0)+1,1))-1)+IF('Standard Profiles'!$G$22=$B$10,7,0)+IF('Standard Profiles'!$G$22=$B$17,14,0)+IF('Standard Profiles'!$G$22=$B$24,21,0),MOD($C3518,24)+1)/SUM(INDEX($D$3:$AA$30,INDEX(Jesper!$R$2:$R$366,ROW(INDEX(Jesper!AL$2:AL$366,ROUNDDOWN($C3518/24,0)+1,1))-1)+IF('Standard Profiles'!$G$22=$B$10,7,0)+IF('Standard Profiles'!$G$22=$B$17,14,0)+IF('Standard Profiles'!$G$22=$B$24,21,0),0)),0)</f>
        <v>0</v>
      </c>
      <c r="I3518">
        <f t="shared" si="398"/>
        <v>0.13715532788007936</v>
      </c>
      <c r="J3518">
        <f t="shared" si="399"/>
        <v>0.45718442626693129</v>
      </c>
      <c r="K3518">
        <f t="shared" si="400"/>
        <v>0.68577663940039701</v>
      </c>
      <c r="L3518">
        <f t="shared" si="401"/>
        <v>7.8716452419170544</v>
      </c>
      <c r="M3518">
        <f t="shared" si="402"/>
        <v>0</v>
      </c>
      <c r="N3518" s="46">
        <f t="shared" si="403"/>
        <v>45437.166666658217</v>
      </c>
    </row>
    <row r="3519" spans="2:14" x14ac:dyDescent="0.3">
      <c r="B3519">
        <f t="shared" si="397"/>
        <v>6</v>
      </c>
      <c r="C3519" s="16">
        <v>3485</v>
      </c>
      <c r="D3519" cm="1">
        <f t="array" ref="D3519">IFERROR(INDEX(Jesper!AH$2:AH$366,ROUNDDOWN($C3519/24,0)+1,1)*INDEX($D$3:$AA$30,INDEX(Jesper!$R$2:$R$366,ROW(INDEX(Jesper!AH$2:AH$366,ROUNDDOWN($C3519/24,0)+1,1))-1)+IF('Standard Profiles'!$G$18=$B$10,7,0)+IF('Standard Profiles'!$G$18=$B$17,14,0)+IF('Standard Profiles'!$G$18=$B$24,21,0),MOD($C3519,24)+1)/SUM(INDEX($D$3:$AA$30,INDEX(Jesper!$R$2:$R$366,ROW(INDEX(Jesper!AH$2:AH$366,ROUNDDOWN($C3519/24,0)+1,1))-1)+IF('Standard Profiles'!$G$18=$B$10,7,0)+IF('Standard Profiles'!$G$18=$B$17,14,0)+IF('Standard Profiles'!$G$18=$B$24,21,0),0)),0)</f>
        <v>9.490151519409137</v>
      </c>
      <c r="E3519" cm="1">
        <f t="array" ref="E3519">IFERROR(INDEX(Jesper!AI$2:AI$366,ROUNDDOWN($C3519/24,0)+1,1)*INDEX($D$3:$AA$30,INDEX(Jesper!$R$2:$R$366,ROW(INDEX(Jesper!AI$2:AI$366,ROUNDDOWN($C3519/24,0)+1,1))-1)+IF('Standard Profiles'!$G$19=$B$10,7,0)+IF('Standard Profiles'!$G$19=$B$17,14,0)+IF('Standard Profiles'!$G$19=$B$24,21,0),MOD($C3519,24)+1)/SUM(INDEX($D$3:$AA$30,INDEX(Jesper!$R$2:$R$366,ROW(INDEX(Jesper!AI$2:AI$366,ROUNDDOWN($C3519/24,0)+1,1))-1)+IF('Standard Profiles'!$G$19=$B$10,7,0)+IF('Standard Profiles'!$G$19=$B$17,14,0)+IF('Standard Profiles'!$G$19=$B$24,21,0),0)),0)</f>
        <v>1.8937471003149491</v>
      </c>
      <c r="F3519" cm="1">
        <f t="array" ref="F3519">IFERROR(INDEX(Jesper!AJ$2:AJ$366,ROUNDDOWN($C3519/24,0)+1,1)*INDEX($D$3:$AA$30,INDEX(Jesper!$R$2:$R$366,ROW(INDEX(Jesper!AJ$2:AJ$366,ROUNDDOWN($C3519/24,0)+1,1))-1)+IF('Standard Profiles'!$G$20=$B$10,7,0)+IF('Standard Profiles'!$G$20=$B$17,14,0)+IF('Standard Profiles'!$G$20=$B$24,21,0),MOD($C3519,24)+1)/SUM(INDEX($D$3:$AA$30,INDEX(Jesper!$R$2:$R$366,ROW(INDEX(Jesper!AJ$2:AJ$366,ROUNDDOWN($C3519/24,0)+1,1))-1)+IF('Standard Profiles'!$G$20=$B$10,7,0)+IF('Standard Profiles'!$G$20=$B$17,14,0)+IF('Standard Profiles'!$G$20=$B$24,21,0),0)),0)</f>
        <v>0</v>
      </c>
      <c r="G3519" cm="1">
        <f t="array" ref="G3519">IFERROR(INDEX(Jesper!AK$2:AK$366,ROUNDDOWN($C3519/24,0)+1,1)*INDEX($D$3:$AA$30,INDEX(Jesper!$R$2:$R$366,ROW(INDEX(Jesper!AK$2:AK$366,ROUNDDOWN($C3519/24,0)+1,1))-1)+IF('Standard Profiles'!$G$21=$B$10,7,0)+IF('Standard Profiles'!$G$21=$B$17,14,0)+IF('Standard Profiles'!$G$21=$B$24,21,0),MOD($C3519,24)+1)/SUM(INDEX($D$3:$AA$30,INDEX(Jesper!$R$2:$R$366,ROW(INDEX(Jesper!AK$2:AK$366,ROUNDDOWN($C3519/24,0)+1,1))-1)+IF('Standard Profiles'!$G$21=$B$10,7,0)+IF('Standard Profiles'!$G$21=$B$17,14,0)+IF('Standard Profiles'!$G$21=$B$24,21,0),0)),0)</f>
        <v>0</v>
      </c>
      <c r="H3519" cm="1">
        <f t="array" ref="H3519">IFERROR(INDEX(Jesper!AL$2:AL$366,ROUNDDOWN($C3519/24,0)+1,1)*INDEX($D$3:$AA$30,INDEX(Jesper!$R$2:$R$366,ROW(INDEX(Jesper!AL$2:AL$366,ROUNDDOWN($C3519/24,0)+1,1))-1)+IF('Standard Profiles'!$G$22=$B$10,7,0)+IF('Standard Profiles'!$G$22=$B$17,14,0)+IF('Standard Profiles'!$G$22=$B$24,21,0),MOD($C3519,24)+1)/SUM(INDEX($D$3:$AA$30,INDEX(Jesper!$R$2:$R$366,ROW(INDEX(Jesper!AL$2:AL$366,ROUNDDOWN($C3519/24,0)+1,1))-1)+IF('Standard Profiles'!$G$22=$B$10,7,0)+IF('Standard Profiles'!$G$22=$B$17,14,0)+IF('Standard Profiles'!$G$22=$B$24,21,0),0)),0)</f>
        <v>0</v>
      </c>
      <c r="I3519">
        <f t="shared" si="398"/>
        <v>0.17060784687522068</v>
      </c>
      <c r="J3519">
        <f t="shared" si="399"/>
        <v>0.56869282291740231</v>
      </c>
      <c r="K3519">
        <f t="shared" si="400"/>
        <v>0.85303923437610352</v>
      </c>
      <c r="L3519">
        <f t="shared" si="401"/>
        <v>9.7915587155553592</v>
      </c>
      <c r="M3519">
        <f t="shared" si="402"/>
        <v>0</v>
      </c>
      <c r="N3519" s="46">
        <f t="shared" si="403"/>
        <v>45437.208333324881</v>
      </c>
    </row>
    <row r="3520" spans="2:14" x14ac:dyDescent="0.3">
      <c r="B3520">
        <f t="shared" si="397"/>
        <v>6</v>
      </c>
      <c r="C3520" s="16">
        <v>3486</v>
      </c>
      <c r="D3520" cm="1">
        <f t="array" ref="D3520">IFERROR(INDEX(Jesper!AH$2:AH$366,ROUNDDOWN($C3520/24,0)+1,1)*INDEX($D$3:$AA$30,INDEX(Jesper!$R$2:$R$366,ROW(INDEX(Jesper!AH$2:AH$366,ROUNDDOWN($C3520/24,0)+1,1))-1)+IF('Standard Profiles'!$G$18=$B$10,7,0)+IF('Standard Profiles'!$G$18=$B$17,14,0)+IF('Standard Profiles'!$G$18=$B$24,21,0),MOD($C3520,24)+1)/SUM(INDEX($D$3:$AA$30,INDEX(Jesper!$R$2:$R$366,ROW(INDEX(Jesper!AH$2:AH$366,ROUNDDOWN($C3520/24,0)+1,1))-1)+IF('Standard Profiles'!$G$18=$B$10,7,0)+IF('Standard Profiles'!$G$18=$B$17,14,0)+IF('Standard Profiles'!$G$18=$B$24,21,0),0)),0)</f>
        <v>11.90920974984676</v>
      </c>
      <c r="E3520" cm="1">
        <f t="array" ref="E3520">IFERROR(INDEX(Jesper!AI$2:AI$366,ROUNDDOWN($C3520/24,0)+1,1)*INDEX($D$3:$AA$30,INDEX(Jesper!$R$2:$R$366,ROW(INDEX(Jesper!AI$2:AI$366,ROUNDDOWN($C3520/24,0)+1,1))-1)+IF('Standard Profiles'!$G$19=$B$10,7,0)+IF('Standard Profiles'!$G$19=$B$17,14,0)+IF('Standard Profiles'!$G$19=$B$24,21,0),MOD($C3520,24)+1)/SUM(INDEX($D$3:$AA$30,INDEX(Jesper!$R$2:$R$366,ROW(INDEX(Jesper!AI$2:AI$366,ROUNDDOWN($C3520/24,0)+1,1))-1)+IF('Standard Profiles'!$G$19=$B$10,7,0)+IF('Standard Profiles'!$G$19=$B$17,14,0)+IF('Standard Profiles'!$G$19=$B$24,21,0),0)),0)</f>
        <v>2.376466949414838</v>
      </c>
      <c r="F3520" cm="1">
        <f t="array" ref="F3520">IFERROR(INDEX(Jesper!AJ$2:AJ$366,ROUNDDOWN($C3520/24,0)+1,1)*INDEX($D$3:$AA$30,INDEX(Jesper!$R$2:$R$366,ROW(INDEX(Jesper!AJ$2:AJ$366,ROUNDDOWN($C3520/24,0)+1,1))-1)+IF('Standard Profiles'!$G$20=$B$10,7,0)+IF('Standard Profiles'!$G$20=$B$17,14,0)+IF('Standard Profiles'!$G$20=$B$24,21,0),MOD($C3520,24)+1)/SUM(INDEX($D$3:$AA$30,INDEX(Jesper!$R$2:$R$366,ROW(INDEX(Jesper!AJ$2:AJ$366,ROUNDDOWN($C3520/24,0)+1,1))-1)+IF('Standard Profiles'!$G$20=$B$10,7,0)+IF('Standard Profiles'!$G$20=$B$17,14,0)+IF('Standard Profiles'!$G$20=$B$24,21,0),0)),0)</f>
        <v>0</v>
      </c>
      <c r="G3520" cm="1">
        <f t="array" ref="G3520">IFERROR(INDEX(Jesper!AK$2:AK$366,ROUNDDOWN($C3520/24,0)+1,1)*INDEX($D$3:$AA$30,INDEX(Jesper!$R$2:$R$366,ROW(INDEX(Jesper!AK$2:AK$366,ROUNDDOWN($C3520/24,0)+1,1))-1)+IF('Standard Profiles'!$G$21=$B$10,7,0)+IF('Standard Profiles'!$G$21=$B$17,14,0)+IF('Standard Profiles'!$G$21=$B$24,21,0),MOD($C3520,24)+1)/SUM(INDEX($D$3:$AA$30,INDEX(Jesper!$R$2:$R$366,ROW(INDEX(Jesper!AK$2:AK$366,ROUNDDOWN($C3520/24,0)+1,1))-1)+IF('Standard Profiles'!$G$21=$B$10,7,0)+IF('Standard Profiles'!$G$21=$B$17,14,0)+IF('Standard Profiles'!$G$21=$B$24,21,0),0)),0)</f>
        <v>0</v>
      </c>
      <c r="H3520" cm="1">
        <f t="array" ref="H3520">IFERROR(INDEX(Jesper!AL$2:AL$366,ROUNDDOWN($C3520/24,0)+1,1)*INDEX($D$3:$AA$30,INDEX(Jesper!$R$2:$R$366,ROW(INDEX(Jesper!AL$2:AL$366,ROUNDDOWN($C3520/24,0)+1,1))-1)+IF('Standard Profiles'!$G$22=$B$10,7,0)+IF('Standard Profiles'!$G$22=$B$17,14,0)+IF('Standard Profiles'!$G$22=$B$24,21,0),MOD($C3520,24)+1)/SUM(INDEX($D$3:$AA$30,INDEX(Jesper!$R$2:$R$366,ROW(INDEX(Jesper!AL$2:AL$366,ROUNDDOWN($C3520/24,0)+1,1))-1)+IF('Standard Profiles'!$G$22=$B$10,7,0)+IF('Standard Profiles'!$G$22=$B$17,14,0)+IF('Standard Profiles'!$G$22=$B$24,21,0),0)),0)</f>
        <v>0</v>
      </c>
      <c r="I3520">
        <f t="shared" si="398"/>
        <v>0.2140961215689044</v>
      </c>
      <c r="J3520">
        <f t="shared" si="399"/>
        <v>0.71365373856301473</v>
      </c>
      <c r="K3520">
        <f t="shared" si="400"/>
        <v>1.0704806078445221</v>
      </c>
      <c r="L3520">
        <f t="shared" si="401"/>
        <v>12.287446231285157</v>
      </c>
      <c r="M3520">
        <f t="shared" si="402"/>
        <v>0</v>
      </c>
      <c r="N3520" s="46">
        <f t="shared" si="403"/>
        <v>45437.249999991545</v>
      </c>
    </row>
    <row r="3521" spans="2:14" x14ac:dyDescent="0.3">
      <c r="B3521">
        <f t="shared" si="397"/>
        <v>6</v>
      </c>
      <c r="C3521" s="16">
        <v>3487</v>
      </c>
      <c r="D3521" cm="1">
        <f t="array" ref="D3521">IFERROR(INDEX(Jesper!AH$2:AH$366,ROUNDDOWN($C3521/24,0)+1,1)*INDEX($D$3:$AA$30,INDEX(Jesper!$R$2:$R$366,ROW(INDEX(Jesper!AH$2:AH$366,ROUNDDOWN($C3521/24,0)+1,1))-1)+IF('Standard Profiles'!$G$18=$B$10,7,0)+IF('Standard Profiles'!$G$18=$B$17,14,0)+IF('Standard Profiles'!$G$18=$B$24,21,0),MOD($C3521,24)+1)/SUM(INDEX($D$3:$AA$30,INDEX(Jesper!$R$2:$R$366,ROW(INDEX(Jesper!AH$2:AH$366,ROUNDDOWN($C3521/24,0)+1,1))-1)+IF('Standard Profiles'!$G$18=$B$10,7,0)+IF('Standard Profiles'!$G$18=$B$17,14,0)+IF('Standard Profiles'!$G$18=$B$24,21,0),0)),0)</f>
        <v>13.58394237091896</v>
      </c>
      <c r="E3521" cm="1">
        <f t="array" ref="E3521">IFERROR(INDEX(Jesper!AI$2:AI$366,ROUNDDOWN($C3521/24,0)+1,1)*INDEX($D$3:$AA$30,INDEX(Jesper!$R$2:$R$366,ROW(INDEX(Jesper!AI$2:AI$366,ROUNDDOWN($C3521/24,0)+1,1))-1)+IF('Standard Profiles'!$G$19=$B$10,7,0)+IF('Standard Profiles'!$G$19=$B$17,14,0)+IF('Standard Profiles'!$G$19=$B$24,21,0),MOD($C3521,24)+1)/SUM(INDEX($D$3:$AA$30,INDEX(Jesper!$R$2:$R$366,ROW(INDEX(Jesper!AI$2:AI$366,ROUNDDOWN($C3521/24,0)+1,1))-1)+IF('Standard Profiles'!$G$19=$B$10,7,0)+IF('Standard Profiles'!$G$19=$B$17,14,0)+IF('Standard Profiles'!$G$19=$B$24,21,0),0)),0)</f>
        <v>2.710657614176299</v>
      </c>
      <c r="F3521" cm="1">
        <f t="array" ref="F3521">IFERROR(INDEX(Jesper!AJ$2:AJ$366,ROUNDDOWN($C3521/24,0)+1,1)*INDEX($D$3:$AA$30,INDEX(Jesper!$R$2:$R$366,ROW(INDEX(Jesper!AJ$2:AJ$366,ROUNDDOWN($C3521/24,0)+1,1))-1)+IF('Standard Profiles'!$G$20=$B$10,7,0)+IF('Standard Profiles'!$G$20=$B$17,14,0)+IF('Standard Profiles'!$G$20=$B$24,21,0),MOD($C3521,24)+1)/SUM(INDEX($D$3:$AA$30,INDEX(Jesper!$R$2:$R$366,ROW(INDEX(Jesper!AJ$2:AJ$366,ROUNDDOWN($C3521/24,0)+1,1))-1)+IF('Standard Profiles'!$G$20=$B$10,7,0)+IF('Standard Profiles'!$G$20=$B$17,14,0)+IF('Standard Profiles'!$G$20=$B$24,21,0),0)),0)</f>
        <v>0</v>
      </c>
      <c r="G3521" cm="1">
        <f t="array" ref="G3521">IFERROR(INDEX(Jesper!AK$2:AK$366,ROUNDDOWN($C3521/24,0)+1,1)*INDEX($D$3:$AA$30,INDEX(Jesper!$R$2:$R$366,ROW(INDEX(Jesper!AK$2:AK$366,ROUNDDOWN($C3521/24,0)+1,1))-1)+IF('Standard Profiles'!$G$21=$B$10,7,0)+IF('Standard Profiles'!$G$21=$B$17,14,0)+IF('Standard Profiles'!$G$21=$B$24,21,0),MOD($C3521,24)+1)/SUM(INDEX($D$3:$AA$30,INDEX(Jesper!$R$2:$R$366,ROW(INDEX(Jesper!AK$2:AK$366,ROUNDDOWN($C3521/24,0)+1,1))-1)+IF('Standard Profiles'!$G$21=$B$10,7,0)+IF('Standard Profiles'!$G$21=$B$17,14,0)+IF('Standard Profiles'!$G$21=$B$24,21,0),0)),0)</f>
        <v>0</v>
      </c>
      <c r="H3521" cm="1">
        <f t="array" ref="H3521">IFERROR(INDEX(Jesper!AL$2:AL$366,ROUNDDOWN($C3521/24,0)+1,1)*INDEX($D$3:$AA$30,INDEX(Jesper!$R$2:$R$366,ROW(INDEX(Jesper!AL$2:AL$366,ROUNDDOWN($C3521/24,0)+1,1))-1)+IF('Standard Profiles'!$G$22=$B$10,7,0)+IF('Standard Profiles'!$G$22=$B$17,14,0)+IF('Standard Profiles'!$G$22=$B$24,21,0),MOD($C3521,24)+1)/SUM(INDEX($D$3:$AA$30,INDEX(Jesper!$R$2:$R$366,ROW(INDEX(Jesper!AL$2:AL$366,ROUNDDOWN($C3521/24,0)+1,1))-1)+IF('Standard Profiles'!$G$22=$B$10,7,0)+IF('Standard Profiles'!$G$22=$B$17,14,0)+IF('Standard Profiles'!$G$22=$B$24,21,0),0)),0)</f>
        <v>0</v>
      </c>
      <c r="I3521">
        <f t="shared" si="398"/>
        <v>0.24420338866453151</v>
      </c>
      <c r="J3521">
        <f t="shared" si="399"/>
        <v>0.81401129554843843</v>
      </c>
      <c r="K3521">
        <f t="shared" si="400"/>
        <v>1.2210169433226576</v>
      </c>
      <c r="L3521">
        <f t="shared" si="401"/>
        <v>14.015368357559632</v>
      </c>
      <c r="M3521">
        <f t="shared" si="402"/>
        <v>0</v>
      </c>
      <c r="N3521" s="46">
        <f t="shared" si="403"/>
        <v>45437.29166665821</v>
      </c>
    </row>
    <row r="3522" spans="2:14" x14ac:dyDescent="0.3">
      <c r="B3522">
        <f t="shared" si="397"/>
        <v>6</v>
      </c>
      <c r="C3522" s="16">
        <v>3488</v>
      </c>
      <c r="D3522" cm="1">
        <f t="array" ref="D3522">IFERROR(INDEX(Jesper!AH$2:AH$366,ROUNDDOWN($C3522/24,0)+1,1)*INDEX($D$3:$AA$30,INDEX(Jesper!$R$2:$R$366,ROW(INDEX(Jesper!AH$2:AH$366,ROUNDDOWN($C3522/24,0)+1,1))-1)+IF('Standard Profiles'!$G$18=$B$10,7,0)+IF('Standard Profiles'!$G$18=$B$17,14,0)+IF('Standard Profiles'!$G$18=$B$24,21,0),MOD($C3522,24)+1)/SUM(INDEX($D$3:$AA$30,INDEX(Jesper!$R$2:$R$366,ROW(INDEX(Jesper!AH$2:AH$366,ROUNDDOWN($C3522/24,0)+1,1))-1)+IF('Standard Profiles'!$G$18=$B$10,7,0)+IF('Standard Profiles'!$G$18=$B$17,14,0)+IF('Standard Profiles'!$G$18=$B$24,21,0),0)),0)</f>
        <v>13.58394237091896</v>
      </c>
      <c r="E3522" cm="1">
        <f t="array" ref="E3522">IFERROR(INDEX(Jesper!AI$2:AI$366,ROUNDDOWN($C3522/24,0)+1,1)*INDEX($D$3:$AA$30,INDEX(Jesper!$R$2:$R$366,ROW(INDEX(Jesper!AI$2:AI$366,ROUNDDOWN($C3522/24,0)+1,1))-1)+IF('Standard Profiles'!$G$19=$B$10,7,0)+IF('Standard Profiles'!$G$19=$B$17,14,0)+IF('Standard Profiles'!$G$19=$B$24,21,0),MOD($C3522,24)+1)/SUM(INDEX($D$3:$AA$30,INDEX(Jesper!$R$2:$R$366,ROW(INDEX(Jesper!AI$2:AI$366,ROUNDDOWN($C3522/24,0)+1,1))-1)+IF('Standard Profiles'!$G$19=$B$10,7,0)+IF('Standard Profiles'!$G$19=$B$17,14,0)+IF('Standard Profiles'!$G$19=$B$24,21,0),0)),0)</f>
        <v>2.710657614176299</v>
      </c>
      <c r="F3522" cm="1">
        <f t="array" ref="F3522">IFERROR(INDEX(Jesper!AJ$2:AJ$366,ROUNDDOWN($C3522/24,0)+1,1)*INDEX($D$3:$AA$30,INDEX(Jesper!$R$2:$R$366,ROW(INDEX(Jesper!AJ$2:AJ$366,ROUNDDOWN($C3522/24,0)+1,1))-1)+IF('Standard Profiles'!$G$20=$B$10,7,0)+IF('Standard Profiles'!$G$20=$B$17,14,0)+IF('Standard Profiles'!$G$20=$B$24,21,0),MOD($C3522,24)+1)/SUM(INDEX($D$3:$AA$30,INDEX(Jesper!$R$2:$R$366,ROW(INDEX(Jesper!AJ$2:AJ$366,ROUNDDOWN($C3522/24,0)+1,1))-1)+IF('Standard Profiles'!$G$20=$B$10,7,0)+IF('Standard Profiles'!$G$20=$B$17,14,0)+IF('Standard Profiles'!$G$20=$B$24,21,0),0)),0)</f>
        <v>0</v>
      </c>
      <c r="G3522" cm="1">
        <f t="array" ref="G3522">IFERROR(INDEX(Jesper!AK$2:AK$366,ROUNDDOWN($C3522/24,0)+1,1)*INDEX($D$3:$AA$30,INDEX(Jesper!$R$2:$R$366,ROW(INDEX(Jesper!AK$2:AK$366,ROUNDDOWN($C3522/24,0)+1,1))-1)+IF('Standard Profiles'!$G$21=$B$10,7,0)+IF('Standard Profiles'!$G$21=$B$17,14,0)+IF('Standard Profiles'!$G$21=$B$24,21,0),MOD($C3522,24)+1)/SUM(INDEX($D$3:$AA$30,INDEX(Jesper!$R$2:$R$366,ROW(INDEX(Jesper!AK$2:AK$366,ROUNDDOWN($C3522/24,0)+1,1))-1)+IF('Standard Profiles'!$G$21=$B$10,7,0)+IF('Standard Profiles'!$G$21=$B$17,14,0)+IF('Standard Profiles'!$G$21=$B$24,21,0),0)),0)</f>
        <v>0</v>
      </c>
      <c r="H3522" cm="1">
        <f t="array" ref="H3522">IFERROR(INDEX(Jesper!AL$2:AL$366,ROUNDDOWN($C3522/24,0)+1,1)*INDEX($D$3:$AA$30,INDEX(Jesper!$R$2:$R$366,ROW(INDEX(Jesper!AL$2:AL$366,ROUNDDOWN($C3522/24,0)+1,1))-1)+IF('Standard Profiles'!$G$22=$B$10,7,0)+IF('Standard Profiles'!$G$22=$B$17,14,0)+IF('Standard Profiles'!$G$22=$B$24,21,0),MOD($C3522,24)+1)/SUM(INDEX($D$3:$AA$30,INDEX(Jesper!$R$2:$R$366,ROW(INDEX(Jesper!AL$2:AL$366,ROUNDDOWN($C3522/24,0)+1,1))-1)+IF('Standard Profiles'!$G$22=$B$10,7,0)+IF('Standard Profiles'!$G$22=$B$17,14,0)+IF('Standard Profiles'!$G$22=$B$24,21,0),0)),0)</f>
        <v>0</v>
      </c>
      <c r="I3522">
        <f t="shared" si="398"/>
        <v>0.24420338866453151</v>
      </c>
      <c r="J3522">
        <f t="shared" si="399"/>
        <v>0.81401129554843843</v>
      </c>
      <c r="K3522">
        <f t="shared" si="400"/>
        <v>1.2210169433226576</v>
      </c>
      <c r="L3522">
        <f t="shared" si="401"/>
        <v>14.015368357559632</v>
      </c>
      <c r="M3522">
        <f t="shared" si="402"/>
        <v>0</v>
      </c>
      <c r="N3522" s="46">
        <f t="shared" si="403"/>
        <v>45437.333333324874</v>
      </c>
    </row>
    <row r="3523" spans="2:14" x14ac:dyDescent="0.3">
      <c r="B3523">
        <f t="shared" si="397"/>
        <v>6</v>
      </c>
      <c r="C3523" s="16">
        <v>3489</v>
      </c>
      <c r="D3523" cm="1">
        <f t="array" ref="D3523">IFERROR(INDEX(Jesper!AH$2:AH$366,ROUNDDOWN($C3523/24,0)+1,1)*INDEX($D$3:$AA$30,INDEX(Jesper!$R$2:$R$366,ROW(INDEX(Jesper!AH$2:AH$366,ROUNDDOWN($C3523/24,0)+1,1))-1)+IF('Standard Profiles'!$G$18=$B$10,7,0)+IF('Standard Profiles'!$G$18=$B$17,14,0)+IF('Standard Profiles'!$G$18=$B$24,21,0),MOD($C3523,24)+1)/SUM(INDEX($D$3:$AA$30,INDEX(Jesper!$R$2:$R$366,ROW(INDEX(Jesper!AH$2:AH$366,ROUNDDOWN($C3523/24,0)+1,1))-1)+IF('Standard Profiles'!$G$18=$B$10,7,0)+IF('Standard Profiles'!$G$18=$B$17,14,0)+IF('Standard Profiles'!$G$18=$B$24,21,0),0)),0)</f>
        <v>13.58394237091896</v>
      </c>
      <c r="E3523" cm="1">
        <f t="array" ref="E3523">IFERROR(INDEX(Jesper!AI$2:AI$366,ROUNDDOWN($C3523/24,0)+1,1)*INDEX($D$3:$AA$30,INDEX(Jesper!$R$2:$R$366,ROW(INDEX(Jesper!AI$2:AI$366,ROUNDDOWN($C3523/24,0)+1,1))-1)+IF('Standard Profiles'!$G$19=$B$10,7,0)+IF('Standard Profiles'!$G$19=$B$17,14,0)+IF('Standard Profiles'!$G$19=$B$24,21,0),MOD($C3523,24)+1)/SUM(INDEX($D$3:$AA$30,INDEX(Jesper!$R$2:$R$366,ROW(INDEX(Jesper!AI$2:AI$366,ROUNDDOWN($C3523/24,0)+1,1))-1)+IF('Standard Profiles'!$G$19=$B$10,7,0)+IF('Standard Profiles'!$G$19=$B$17,14,0)+IF('Standard Profiles'!$G$19=$B$24,21,0),0)),0)</f>
        <v>2.710657614176299</v>
      </c>
      <c r="F3523" cm="1">
        <f t="array" ref="F3523">IFERROR(INDEX(Jesper!AJ$2:AJ$366,ROUNDDOWN($C3523/24,0)+1,1)*INDEX($D$3:$AA$30,INDEX(Jesper!$R$2:$R$366,ROW(INDEX(Jesper!AJ$2:AJ$366,ROUNDDOWN($C3523/24,0)+1,1))-1)+IF('Standard Profiles'!$G$20=$B$10,7,0)+IF('Standard Profiles'!$G$20=$B$17,14,0)+IF('Standard Profiles'!$G$20=$B$24,21,0),MOD($C3523,24)+1)/SUM(INDEX($D$3:$AA$30,INDEX(Jesper!$R$2:$R$366,ROW(INDEX(Jesper!AJ$2:AJ$366,ROUNDDOWN($C3523/24,0)+1,1))-1)+IF('Standard Profiles'!$G$20=$B$10,7,0)+IF('Standard Profiles'!$G$20=$B$17,14,0)+IF('Standard Profiles'!$G$20=$B$24,21,0),0)),0)</f>
        <v>0</v>
      </c>
      <c r="G3523" cm="1">
        <f t="array" ref="G3523">IFERROR(INDEX(Jesper!AK$2:AK$366,ROUNDDOWN($C3523/24,0)+1,1)*INDEX($D$3:$AA$30,INDEX(Jesper!$R$2:$R$366,ROW(INDEX(Jesper!AK$2:AK$366,ROUNDDOWN($C3523/24,0)+1,1))-1)+IF('Standard Profiles'!$G$21=$B$10,7,0)+IF('Standard Profiles'!$G$21=$B$17,14,0)+IF('Standard Profiles'!$G$21=$B$24,21,0),MOD($C3523,24)+1)/SUM(INDEX($D$3:$AA$30,INDEX(Jesper!$R$2:$R$366,ROW(INDEX(Jesper!AK$2:AK$366,ROUNDDOWN($C3523/24,0)+1,1))-1)+IF('Standard Profiles'!$G$21=$B$10,7,0)+IF('Standard Profiles'!$G$21=$B$17,14,0)+IF('Standard Profiles'!$G$21=$B$24,21,0),0)),0)</f>
        <v>0</v>
      </c>
      <c r="H3523" cm="1">
        <f t="array" ref="H3523">IFERROR(INDEX(Jesper!AL$2:AL$366,ROUNDDOWN($C3523/24,0)+1,1)*INDEX($D$3:$AA$30,INDEX(Jesper!$R$2:$R$366,ROW(INDEX(Jesper!AL$2:AL$366,ROUNDDOWN($C3523/24,0)+1,1))-1)+IF('Standard Profiles'!$G$22=$B$10,7,0)+IF('Standard Profiles'!$G$22=$B$17,14,0)+IF('Standard Profiles'!$G$22=$B$24,21,0),MOD($C3523,24)+1)/SUM(INDEX($D$3:$AA$30,INDEX(Jesper!$R$2:$R$366,ROW(INDEX(Jesper!AL$2:AL$366,ROUNDDOWN($C3523/24,0)+1,1))-1)+IF('Standard Profiles'!$G$22=$B$10,7,0)+IF('Standard Profiles'!$G$22=$B$17,14,0)+IF('Standard Profiles'!$G$22=$B$24,21,0),0)),0)</f>
        <v>0</v>
      </c>
      <c r="I3523">
        <f t="shared" si="398"/>
        <v>0.24420338866453151</v>
      </c>
      <c r="J3523">
        <f t="shared" si="399"/>
        <v>0.81401129554843843</v>
      </c>
      <c r="K3523">
        <f t="shared" si="400"/>
        <v>1.2210169433226576</v>
      </c>
      <c r="L3523">
        <f t="shared" si="401"/>
        <v>14.015368357559632</v>
      </c>
      <c r="M3523">
        <f t="shared" si="402"/>
        <v>0</v>
      </c>
      <c r="N3523" s="46">
        <f t="shared" si="403"/>
        <v>45437.374999991538</v>
      </c>
    </row>
    <row r="3524" spans="2:14" x14ac:dyDescent="0.3">
      <c r="B3524">
        <f t="shared" si="397"/>
        <v>6</v>
      </c>
      <c r="C3524" s="16">
        <v>3490</v>
      </c>
      <c r="D3524" cm="1">
        <f t="array" ref="D3524">IFERROR(INDEX(Jesper!AH$2:AH$366,ROUNDDOWN($C3524/24,0)+1,1)*INDEX($D$3:$AA$30,INDEX(Jesper!$R$2:$R$366,ROW(INDEX(Jesper!AH$2:AH$366,ROUNDDOWN($C3524/24,0)+1,1))-1)+IF('Standard Profiles'!$G$18=$B$10,7,0)+IF('Standard Profiles'!$G$18=$B$17,14,0)+IF('Standard Profiles'!$G$18=$B$24,21,0),MOD($C3524,24)+1)/SUM(INDEX($D$3:$AA$30,INDEX(Jesper!$R$2:$R$366,ROW(INDEX(Jesper!AH$2:AH$366,ROUNDDOWN($C3524/24,0)+1,1))-1)+IF('Standard Profiles'!$G$18=$B$10,7,0)+IF('Standard Profiles'!$G$18=$B$17,14,0)+IF('Standard Profiles'!$G$18=$B$24,21,0),0)),0)</f>
        <v>13.58394237091896</v>
      </c>
      <c r="E3524" cm="1">
        <f t="array" ref="E3524">IFERROR(INDEX(Jesper!AI$2:AI$366,ROUNDDOWN($C3524/24,0)+1,1)*INDEX($D$3:$AA$30,INDEX(Jesper!$R$2:$R$366,ROW(INDEX(Jesper!AI$2:AI$366,ROUNDDOWN($C3524/24,0)+1,1))-1)+IF('Standard Profiles'!$G$19=$B$10,7,0)+IF('Standard Profiles'!$G$19=$B$17,14,0)+IF('Standard Profiles'!$G$19=$B$24,21,0),MOD($C3524,24)+1)/SUM(INDEX($D$3:$AA$30,INDEX(Jesper!$R$2:$R$366,ROW(INDEX(Jesper!AI$2:AI$366,ROUNDDOWN($C3524/24,0)+1,1))-1)+IF('Standard Profiles'!$G$19=$B$10,7,0)+IF('Standard Profiles'!$G$19=$B$17,14,0)+IF('Standard Profiles'!$G$19=$B$24,21,0),0)),0)</f>
        <v>2.710657614176299</v>
      </c>
      <c r="F3524" cm="1">
        <f t="array" ref="F3524">IFERROR(INDEX(Jesper!AJ$2:AJ$366,ROUNDDOWN($C3524/24,0)+1,1)*INDEX($D$3:$AA$30,INDEX(Jesper!$R$2:$R$366,ROW(INDEX(Jesper!AJ$2:AJ$366,ROUNDDOWN($C3524/24,0)+1,1))-1)+IF('Standard Profiles'!$G$20=$B$10,7,0)+IF('Standard Profiles'!$G$20=$B$17,14,0)+IF('Standard Profiles'!$G$20=$B$24,21,0),MOD($C3524,24)+1)/SUM(INDEX($D$3:$AA$30,INDEX(Jesper!$R$2:$R$366,ROW(INDEX(Jesper!AJ$2:AJ$366,ROUNDDOWN($C3524/24,0)+1,1))-1)+IF('Standard Profiles'!$G$20=$B$10,7,0)+IF('Standard Profiles'!$G$20=$B$17,14,0)+IF('Standard Profiles'!$G$20=$B$24,21,0),0)),0)</f>
        <v>0</v>
      </c>
      <c r="G3524" cm="1">
        <f t="array" ref="G3524">IFERROR(INDEX(Jesper!AK$2:AK$366,ROUNDDOWN($C3524/24,0)+1,1)*INDEX($D$3:$AA$30,INDEX(Jesper!$R$2:$R$366,ROW(INDEX(Jesper!AK$2:AK$366,ROUNDDOWN($C3524/24,0)+1,1))-1)+IF('Standard Profiles'!$G$21=$B$10,7,0)+IF('Standard Profiles'!$G$21=$B$17,14,0)+IF('Standard Profiles'!$G$21=$B$24,21,0),MOD($C3524,24)+1)/SUM(INDEX($D$3:$AA$30,INDEX(Jesper!$R$2:$R$366,ROW(INDEX(Jesper!AK$2:AK$366,ROUNDDOWN($C3524/24,0)+1,1))-1)+IF('Standard Profiles'!$G$21=$B$10,7,0)+IF('Standard Profiles'!$G$21=$B$17,14,0)+IF('Standard Profiles'!$G$21=$B$24,21,0),0)),0)</f>
        <v>0</v>
      </c>
      <c r="H3524" cm="1">
        <f t="array" ref="H3524">IFERROR(INDEX(Jesper!AL$2:AL$366,ROUNDDOWN($C3524/24,0)+1,1)*INDEX($D$3:$AA$30,INDEX(Jesper!$R$2:$R$366,ROW(INDEX(Jesper!AL$2:AL$366,ROUNDDOWN($C3524/24,0)+1,1))-1)+IF('Standard Profiles'!$G$22=$B$10,7,0)+IF('Standard Profiles'!$G$22=$B$17,14,0)+IF('Standard Profiles'!$G$22=$B$24,21,0),MOD($C3524,24)+1)/SUM(INDEX($D$3:$AA$30,INDEX(Jesper!$R$2:$R$366,ROW(INDEX(Jesper!AL$2:AL$366,ROUNDDOWN($C3524/24,0)+1,1))-1)+IF('Standard Profiles'!$G$22=$B$10,7,0)+IF('Standard Profiles'!$G$22=$B$17,14,0)+IF('Standard Profiles'!$G$22=$B$24,21,0),0)),0)</f>
        <v>0</v>
      </c>
      <c r="I3524">
        <f t="shared" si="398"/>
        <v>0.24420338866453151</v>
      </c>
      <c r="J3524">
        <f t="shared" si="399"/>
        <v>0.81401129554843843</v>
      </c>
      <c r="K3524">
        <f t="shared" si="400"/>
        <v>1.2210169433226576</v>
      </c>
      <c r="L3524">
        <f t="shared" si="401"/>
        <v>14.015368357559632</v>
      </c>
      <c r="M3524">
        <f t="shared" si="402"/>
        <v>0</v>
      </c>
      <c r="N3524" s="46">
        <f t="shared" si="403"/>
        <v>45437.416666658202</v>
      </c>
    </row>
    <row r="3525" spans="2:14" x14ac:dyDescent="0.3">
      <c r="B3525">
        <f t="shared" si="397"/>
        <v>6</v>
      </c>
      <c r="C3525" s="16">
        <v>3491</v>
      </c>
      <c r="D3525" cm="1">
        <f t="array" ref="D3525">IFERROR(INDEX(Jesper!AH$2:AH$366,ROUNDDOWN($C3525/24,0)+1,1)*INDEX($D$3:$AA$30,INDEX(Jesper!$R$2:$R$366,ROW(INDEX(Jesper!AH$2:AH$366,ROUNDDOWN($C3525/24,0)+1,1))-1)+IF('Standard Profiles'!$G$18=$B$10,7,0)+IF('Standard Profiles'!$G$18=$B$17,14,0)+IF('Standard Profiles'!$G$18=$B$24,21,0),MOD($C3525,24)+1)/SUM(INDEX($D$3:$AA$30,INDEX(Jesper!$R$2:$R$366,ROW(INDEX(Jesper!AH$2:AH$366,ROUNDDOWN($C3525/24,0)+1,1))-1)+IF('Standard Profiles'!$G$18=$B$10,7,0)+IF('Standard Profiles'!$G$18=$B$17,14,0)+IF('Standard Profiles'!$G$18=$B$24,21,0),0)),0)</f>
        <v>13.58394237091896</v>
      </c>
      <c r="E3525" cm="1">
        <f t="array" ref="E3525">IFERROR(INDEX(Jesper!AI$2:AI$366,ROUNDDOWN($C3525/24,0)+1,1)*INDEX($D$3:$AA$30,INDEX(Jesper!$R$2:$R$366,ROW(INDEX(Jesper!AI$2:AI$366,ROUNDDOWN($C3525/24,0)+1,1))-1)+IF('Standard Profiles'!$G$19=$B$10,7,0)+IF('Standard Profiles'!$G$19=$B$17,14,0)+IF('Standard Profiles'!$G$19=$B$24,21,0),MOD($C3525,24)+1)/SUM(INDEX($D$3:$AA$30,INDEX(Jesper!$R$2:$R$366,ROW(INDEX(Jesper!AI$2:AI$366,ROUNDDOWN($C3525/24,0)+1,1))-1)+IF('Standard Profiles'!$G$19=$B$10,7,0)+IF('Standard Profiles'!$G$19=$B$17,14,0)+IF('Standard Profiles'!$G$19=$B$24,21,0),0)),0)</f>
        <v>2.710657614176299</v>
      </c>
      <c r="F3525" cm="1">
        <f t="array" ref="F3525">IFERROR(INDEX(Jesper!AJ$2:AJ$366,ROUNDDOWN($C3525/24,0)+1,1)*INDEX($D$3:$AA$30,INDEX(Jesper!$R$2:$R$366,ROW(INDEX(Jesper!AJ$2:AJ$366,ROUNDDOWN($C3525/24,0)+1,1))-1)+IF('Standard Profiles'!$G$20=$B$10,7,0)+IF('Standard Profiles'!$G$20=$B$17,14,0)+IF('Standard Profiles'!$G$20=$B$24,21,0),MOD($C3525,24)+1)/SUM(INDEX($D$3:$AA$30,INDEX(Jesper!$R$2:$R$366,ROW(INDEX(Jesper!AJ$2:AJ$366,ROUNDDOWN($C3525/24,0)+1,1))-1)+IF('Standard Profiles'!$G$20=$B$10,7,0)+IF('Standard Profiles'!$G$20=$B$17,14,0)+IF('Standard Profiles'!$G$20=$B$24,21,0),0)),0)</f>
        <v>0</v>
      </c>
      <c r="G3525" cm="1">
        <f t="array" ref="G3525">IFERROR(INDEX(Jesper!AK$2:AK$366,ROUNDDOWN($C3525/24,0)+1,1)*INDEX($D$3:$AA$30,INDEX(Jesper!$R$2:$R$366,ROW(INDEX(Jesper!AK$2:AK$366,ROUNDDOWN($C3525/24,0)+1,1))-1)+IF('Standard Profiles'!$G$21=$B$10,7,0)+IF('Standard Profiles'!$G$21=$B$17,14,0)+IF('Standard Profiles'!$G$21=$B$24,21,0),MOD($C3525,24)+1)/SUM(INDEX($D$3:$AA$30,INDEX(Jesper!$R$2:$R$366,ROW(INDEX(Jesper!AK$2:AK$366,ROUNDDOWN($C3525/24,0)+1,1))-1)+IF('Standard Profiles'!$G$21=$B$10,7,0)+IF('Standard Profiles'!$G$21=$B$17,14,0)+IF('Standard Profiles'!$G$21=$B$24,21,0),0)),0)</f>
        <v>0</v>
      </c>
      <c r="H3525" cm="1">
        <f t="array" ref="H3525">IFERROR(INDEX(Jesper!AL$2:AL$366,ROUNDDOWN($C3525/24,0)+1,1)*INDEX($D$3:$AA$30,INDEX(Jesper!$R$2:$R$366,ROW(INDEX(Jesper!AL$2:AL$366,ROUNDDOWN($C3525/24,0)+1,1))-1)+IF('Standard Profiles'!$G$22=$B$10,7,0)+IF('Standard Profiles'!$G$22=$B$17,14,0)+IF('Standard Profiles'!$G$22=$B$24,21,0),MOD($C3525,24)+1)/SUM(INDEX($D$3:$AA$30,INDEX(Jesper!$R$2:$R$366,ROW(INDEX(Jesper!AL$2:AL$366,ROUNDDOWN($C3525/24,0)+1,1))-1)+IF('Standard Profiles'!$G$22=$B$10,7,0)+IF('Standard Profiles'!$G$22=$B$17,14,0)+IF('Standard Profiles'!$G$22=$B$24,21,0),0)),0)</f>
        <v>0</v>
      </c>
      <c r="I3525">
        <f t="shared" si="398"/>
        <v>0.24420338866453151</v>
      </c>
      <c r="J3525">
        <f t="shared" si="399"/>
        <v>0.81401129554843843</v>
      </c>
      <c r="K3525">
        <f t="shared" si="400"/>
        <v>1.2210169433226576</v>
      </c>
      <c r="L3525">
        <f t="shared" si="401"/>
        <v>14.015368357559632</v>
      </c>
      <c r="M3525">
        <f t="shared" si="402"/>
        <v>0</v>
      </c>
      <c r="N3525" s="46">
        <f t="shared" si="403"/>
        <v>45437.458333324867</v>
      </c>
    </row>
    <row r="3526" spans="2:14" x14ac:dyDescent="0.3">
      <c r="B3526">
        <f t="shared" si="397"/>
        <v>6</v>
      </c>
      <c r="C3526" s="16">
        <v>3492</v>
      </c>
      <c r="D3526" cm="1">
        <f t="array" ref="D3526">IFERROR(INDEX(Jesper!AH$2:AH$366,ROUNDDOWN($C3526/24,0)+1,1)*INDEX($D$3:$AA$30,INDEX(Jesper!$R$2:$R$366,ROW(INDEX(Jesper!AH$2:AH$366,ROUNDDOWN($C3526/24,0)+1,1))-1)+IF('Standard Profiles'!$G$18=$B$10,7,0)+IF('Standard Profiles'!$G$18=$B$17,14,0)+IF('Standard Profiles'!$G$18=$B$24,21,0),MOD($C3526,24)+1)/SUM(INDEX($D$3:$AA$30,INDEX(Jesper!$R$2:$R$366,ROW(INDEX(Jesper!AH$2:AH$366,ROUNDDOWN($C3526/24,0)+1,1))-1)+IF('Standard Profiles'!$G$18=$B$10,7,0)+IF('Standard Profiles'!$G$18=$B$17,14,0)+IF('Standard Profiles'!$G$18=$B$24,21,0),0)),0)</f>
        <v>13.58394237091896</v>
      </c>
      <c r="E3526" cm="1">
        <f t="array" ref="E3526">IFERROR(INDEX(Jesper!AI$2:AI$366,ROUNDDOWN($C3526/24,0)+1,1)*INDEX($D$3:$AA$30,INDEX(Jesper!$R$2:$R$366,ROW(INDEX(Jesper!AI$2:AI$366,ROUNDDOWN($C3526/24,0)+1,1))-1)+IF('Standard Profiles'!$G$19=$B$10,7,0)+IF('Standard Profiles'!$G$19=$B$17,14,0)+IF('Standard Profiles'!$G$19=$B$24,21,0),MOD($C3526,24)+1)/SUM(INDEX($D$3:$AA$30,INDEX(Jesper!$R$2:$R$366,ROW(INDEX(Jesper!AI$2:AI$366,ROUNDDOWN($C3526/24,0)+1,1))-1)+IF('Standard Profiles'!$G$19=$B$10,7,0)+IF('Standard Profiles'!$G$19=$B$17,14,0)+IF('Standard Profiles'!$G$19=$B$24,21,0),0)),0)</f>
        <v>2.710657614176299</v>
      </c>
      <c r="F3526" cm="1">
        <f t="array" ref="F3526">IFERROR(INDEX(Jesper!AJ$2:AJ$366,ROUNDDOWN($C3526/24,0)+1,1)*INDEX($D$3:$AA$30,INDEX(Jesper!$R$2:$R$366,ROW(INDEX(Jesper!AJ$2:AJ$366,ROUNDDOWN($C3526/24,0)+1,1))-1)+IF('Standard Profiles'!$G$20=$B$10,7,0)+IF('Standard Profiles'!$G$20=$B$17,14,0)+IF('Standard Profiles'!$G$20=$B$24,21,0),MOD($C3526,24)+1)/SUM(INDEX($D$3:$AA$30,INDEX(Jesper!$R$2:$R$366,ROW(INDEX(Jesper!AJ$2:AJ$366,ROUNDDOWN($C3526/24,0)+1,1))-1)+IF('Standard Profiles'!$G$20=$B$10,7,0)+IF('Standard Profiles'!$G$20=$B$17,14,0)+IF('Standard Profiles'!$G$20=$B$24,21,0),0)),0)</f>
        <v>0</v>
      </c>
      <c r="G3526" cm="1">
        <f t="array" ref="G3526">IFERROR(INDEX(Jesper!AK$2:AK$366,ROUNDDOWN($C3526/24,0)+1,1)*INDEX($D$3:$AA$30,INDEX(Jesper!$R$2:$R$366,ROW(INDEX(Jesper!AK$2:AK$366,ROUNDDOWN($C3526/24,0)+1,1))-1)+IF('Standard Profiles'!$G$21=$B$10,7,0)+IF('Standard Profiles'!$G$21=$B$17,14,0)+IF('Standard Profiles'!$G$21=$B$24,21,0),MOD($C3526,24)+1)/SUM(INDEX($D$3:$AA$30,INDEX(Jesper!$R$2:$R$366,ROW(INDEX(Jesper!AK$2:AK$366,ROUNDDOWN($C3526/24,0)+1,1))-1)+IF('Standard Profiles'!$G$21=$B$10,7,0)+IF('Standard Profiles'!$G$21=$B$17,14,0)+IF('Standard Profiles'!$G$21=$B$24,21,0),0)),0)</f>
        <v>0</v>
      </c>
      <c r="H3526" cm="1">
        <f t="array" ref="H3526">IFERROR(INDEX(Jesper!AL$2:AL$366,ROUNDDOWN($C3526/24,0)+1,1)*INDEX($D$3:$AA$30,INDEX(Jesper!$R$2:$R$366,ROW(INDEX(Jesper!AL$2:AL$366,ROUNDDOWN($C3526/24,0)+1,1))-1)+IF('Standard Profiles'!$G$22=$B$10,7,0)+IF('Standard Profiles'!$G$22=$B$17,14,0)+IF('Standard Profiles'!$G$22=$B$24,21,0),MOD($C3526,24)+1)/SUM(INDEX($D$3:$AA$30,INDEX(Jesper!$R$2:$R$366,ROW(INDEX(Jesper!AL$2:AL$366,ROUNDDOWN($C3526/24,0)+1,1))-1)+IF('Standard Profiles'!$G$22=$B$10,7,0)+IF('Standard Profiles'!$G$22=$B$17,14,0)+IF('Standard Profiles'!$G$22=$B$24,21,0),0)),0)</f>
        <v>0</v>
      </c>
      <c r="I3526">
        <f t="shared" si="398"/>
        <v>0.24420338866453151</v>
      </c>
      <c r="J3526">
        <f t="shared" si="399"/>
        <v>0.81401129554843843</v>
      </c>
      <c r="K3526">
        <f t="shared" si="400"/>
        <v>1.2210169433226576</v>
      </c>
      <c r="L3526">
        <f t="shared" si="401"/>
        <v>14.015368357559632</v>
      </c>
      <c r="M3526">
        <f t="shared" si="402"/>
        <v>0</v>
      </c>
      <c r="N3526" s="46">
        <f t="shared" si="403"/>
        <v>45437.499999991531</v>
      </c>
    </row>
    <row r="3527" spans="2:14" x14ac:dyDescent="0.3">
      <c r="B3527">
        <f t="shared" si="397"/>
        <v>6</v>
      </c>
      <c r="C3527" s="16">
        <v>3493</v>
      </c>
      <c r="D3527" cm="1">
        <f t="array" ref="D3527">IFERROR(INDEX(Jesper!AH$2:AH$366,ROUNDDOWN($C3527/24,0)+1,1)*INDEX($D$3:$AA$30,INDEX(Jesper!$R$2:$R$366,ROW(INDEX(Jesper!AH$2:AH$366,ROUNDDOWN($C3527/24,0)+1,1))-1)+IF('Standard Profiles'!$G$18=$B$10,7,0)+IF('Standard Profiles'!$G$18=$B$17,14,0)+IF('Standard Profiles'!$G$18=$B$24,21,0),MOD($C3527,24)+1)/SUM(INDEX($D$3:$AA$30,INDEX(Jesper!$R$2:$R$366,ROW(INDEX(Jesper!AH$2:AH$366,ROUNDDOWN($C3527/24,0)+1,1))-1)+IF('Standard Profiles'!$G$18=$B$10,7,0)+IF('Standard Profiles'!$G$18=$B$17,14,0)+IF('Standard Profiles'!$G$18=$B$24,21,0),0)),0)</f>
        <v>13.58394237091896</v>
      </c>
      <c r="E3527" cm="1">
        <f t="array" ref="E3527">IFERROR(INDEX(Jesper!AI$2:AI$366,ROUNDDOWN($C3527/24,0)+1,1)*INDEX($D$3:$AA$30,INDEX(Jesper!$R$2:$R$366,ROW(INDEX(Jesper!AI$2:AI$366,ROUNDDOWN($C3527/24,0)+1,1))-1)+IF('Standard Profiles'!$G$19=$B$10,7,0)+IF('Standard Profiles'!$G$19=$B$17,14,0)+IF('Standard Profiles'!$G$19=$B$24,21,0),MOD($C3527,24)+1)/SUM(INDEX($D$3:$AA$30,INDEX(Jesper!$R$2:$R$366,ROW(INDEX(Jesper!AI$2:AI$366,ROUNDDOWN($C3527/24,0)+1,1))-1)+IF('Standard Profiles'!$G$19=$B$10,7,0)+IF('Standard Profiles'!$G$19=$B$17,14,0)+IF('Standard Profiles'!$G$19=$B$24,21,0),0)),0)</f>
        <v>2.710657614176299</v>
      </c>
      <c r="F3527" cm="1">
        <f t="array" ref="F3527">IFERROR(INDEX(Jesper!AJ$2:AJ$366,ROUNDDOWN($C3527/24,0)+1,1)*INDEX($D$3:$AA$30,INDEX(Jesper!$R$2:$R$366,ROW(INDEX(Jesper!AJ$2:AJ$366,ROUNDDOWN($C3527/24,0)+1,1))-1)+IF('Standard Profiles'!$G$20=$B$10,7,0)+IF('Standard Profiles'!$G$20=$B$17,14,0)+IF('Standard Profiles'!$G$20=$B$24,21,0),MOD($C3527,24)+1)/SUM(INDEX($D$3:$AA$30,INDEX(Jesper!$R$2:$R$366,ROW(INDEX(Jesper!AJ$2:AJ$366,ROUNDDOWN($C3527/24,0)+1,1))-1)+IF('Standard Profiles'!$G$20=$B$10,7,0)+IF('Standard Profiles'!$G$20=$B$17,14,0)+IF('Standard Profiles'!$G$20=$B$24,21,0),0)),0)</f>
        <v>0</v>
      </c>
      <c r="G3527" cm="1">
        <f t="array" ref="G3527">IFERROR(INDEX(Jesper!AK$2:AK$366,ROUNDDOWN($C3527/24,0)+1,1)*INDEX($D$3:$AA$30,INDEX(Jesper!$R$2:$R$366,ROW(INDEX(Jesper!AK$2:AK$366,ROUNDDOWN($C3527/24,0)+1,1))-1)+IF('Standard Profiles'!$G$21=$B$10,7,0)+IF('Standard Profiles'!$G$21=$B$17,14,0)+IF('Standard Profiles'!$G$21=$B$24,21,0),MOD($C3527,24)+1)/SUM(INDEX($D$3:$AA$30,INDEX(Jesper!$R$2:$R$366,ROW(INDEX(Jesper!AK$2:AK$366,ROUNDDOWN($C3527/24,0)+1,1))-1)+IF('Standard Profiles'!$G$21=$B$10,7,0)+IF('Standard Profiles'!$G$21=$B$17,14,0)+IF('Standard Profiles'!$G$21=$B$24,21,0),0)),0)</f>
        <v>0</v>
      </c>
      <c r="H3527" cm="1">
        <f t="array" ref="H3527">IFERROR(INDEX(Jesper!AL$2:AL$366,ROUNDDOWN($C3527/24,0)+1,1)*INDEX($D$3:$AA$30,INDEX(Jesper!$R$2:$R$366,ROW(INDEX(Jesper!AL$2:AL$366,ROUNDDOWN($C3527/24,0)+1,1))-1)+IF('Standard Profiles'!$G$22=$B$10,7,0)+IF('Standard Profiles'!$G$22=$B$17,14,0)+IF('Standard Profiles'!$G$22=$B$24,21,0),MOD($C3527,24)+1)/SUM(INDEX($D$3:$AA$30,INDEX(Jesper!$R$2:$R$366,ROW(INDEX(Jesper!AL$2:AL$366,ROUNDDOWN($C3527/24,0)+1,1))-1)+IF('Standard Profiles'!$G$22=$B$10,7,0)+IF('Standard Profiles'!$G$22=$B$17,14,0)+IF('Standard Profiles'!$G$22=$B$24,21,0),0)),0)</f>
        <v>0</v>
      </c>
      <c r="I3527">
        <f t="shared" si="398"/>
        <v>0.24420338866453151</v>
      </c>
      <c r="J3527">
        <f t="shared" si="399"/>
        <v>0.81401129554843843</v>
      </c>
      <c r="K3527">
        <f t="shared" si="400"/>
        <v>1.2210169433226576</v>
      </c>
      <c r="L3527">
        <f t="shared" si="401"/>
        <v>14.015368357559632</v>
      </c>
      <c r="M3527">
        <f t="shared" si="402"/>
        <v>0</v>
      </c>
      <c r="N3527" s="46">
        <f t="shared" si="403"/>
        <v>45437.541666658195</v>
      </c>
    </row>
    <row r="3528" spans="2:14" x14ac:dyDescent="0.3">
      <c r="B3528">
        <f t="shared" si="397"/>
        <v>6</v>
      </c>
      <c r="C3528" s="16">
        <v>3494</v>
      </c>
      <c r="D3528" cm="1">
        <f t="array" ref="D3528">IFERROR(INDEX(Jesper!AH$2:AH$366,ROUNDDOWN($C3528/24,0)+1,1)*INDEX($D$3:$AA$30,INDEX(Jesper!$R$2:$R$366,ROW(INDEX(Jesper!AH$2:AH$366,ROUNDDOWN($C3528/24,0)+1,1))-1)+IF('Standard Profiles'!$G$18=$B$10,7,0)+IF('Standard Profiles'!$G$18=$B$17,14,0)+IF('Standard Profiles'!$G$18=$B$24,21,0),MOD($C3528,24)+1)/SUM(INDEX($D$3:$AA$30,INDEX(Jesper!$R$2:$R$366,ROW(INDEX(Jesper!AH$2:AH$366,ROUNDDOWN($C3528/24,0)+1,1))-1)+IF('Standard Profiles'!$G$18=$B$10,7,0)+IF('Standard Profiles'!$G$18=$B$17,14,0)+IF('Standard Profiles'!$G$18=$B$24,21,0),0)),0)</f>
        <v>13.58394237091896</v>
      </c>
      <c r="E3528" cm="1">
        <f t="array" ref="E3528">IFERROR(INDEX(Jesper!AI$2:AI$366,ROUNDDOWN($C3528/24,0)+1,1)*INDEX($D$3:$AA$30,INDEX(Jesper!$R$2:$R$366,ROW(INDEX(Jesper!AI$2:AI$366,ROUNDDOWN($C3528/24,0)+1,1))-1)+IF('Standard Profiles'!$G$19=$B$10,7,0)+IF('Standard Profiles'!$G$19=$B$17,14,0)+IF('Standard Profiles'!$G$19=$B$24,21,0),MOD($C3528,24)+1)/SUM(INDEX($D$3:$AA$30,INDEX(Jesper!$R$2:$R$366,ROW(INDEX(Jesper!AI$2:AI$366,ROUNDDOWN($C3528/24,0)+1,1))-1)+IF('Standard Profiles'!$G$19=$B$10,7,0)+IF('Standard Profiles'!$G$19=$B$17,14,0)+IF('Standard Profiles'!$G$19=$B$24,21,0),0)),0)</f>
        <v>2.710657614176299</v>
      </c>
      <c r="F3528" cm="1">
        <f t="array" ref="F3528">IFERROR(INDEX(Jesper!AJ$2:AJ$366,ROUNDDOWN($C3528/24,0)+1,1)*INDEX($D$3:$AA$30,INDEX(Jesper!$R$2:$R$366,ROW(INDEX(Jesper!AJ$2:AJ$366,ROUNDDOWN($C3528/24,0)+1,1))-1)+IF('Standard Profiles'!$G$20=$B$10,7,0)+IF('Standard Profiles'!$G$20=$B$17,14,0)+IF('Standard Profiles'!$G$20=$B$24,21,0),MOD($C3528,24)+1)/SUM(INDEX($D$3:$AA$30,INDEX(Jesper!$R$2:$R$366,ROW(INDEX(Jesper!AJ$2:AJ$366,ROUNDDOWN($C3528/24,0)+1,1))-1)+IF('Standard Profiles'!$G$20=$B$10,7,0)+IF('Standard Profiles'!$G$20=$B$17,14,0)+IF('Standard Profiles'!$G$20=$B$24,21,0),0)),0)</f>
        <v>0</v>
      </c>
      <c r="G3528" cm="1">
        <f t="array" ref="G3528">IFERROR(INDEX(Jesper!AK$2:AK$366,ROUNDDOWN($C3528/24,0)+1,1)*INDEX($D$3:$AA$30,INDEX(Jesper!$R$2:$R$366,ROW(INDEX(Jesper!AK$2:AK$366,ROUNDDOWN($C3528/24,0)+1,1))-1)+IF('Standard Profiles'!$G$21=$B$10,7,0)+IF('Standard Profiles'!$G$21=$B$17,14,0)+IF('Standard Profiles'!$G$21=$B$24,21,0),MOD($C3528,24)+1)/SUM(INDEX($D$3:$AA$30,INDEX(Jesper!$R$2:$R$366,ROW(INDEX(Jesper!AK$2:AK$366,ROUNDDOWN($C3528/24,0)+1,1))-1)+IF('Standard Profiles'!$G$21=$B$10,7,0)+IF('Standard Profiles'!$G$21=$B$17,14,0)+IF('Standard Profiles'!$G$21=$B$24,21,0),0)),0)</f>
        <v>0</v>
      </c>
      <c r="H3528" cm="1">
        <f t="array" ref="H3528">IFERROR(INDEX(Jesper!AL$2:AL$366,ROUNDDOWN($C3528/24,0)+1,1)*INDEX($D$3:$AA$30,INDEX(Jesper!$R$2:$R$366,ROW(INDEX(Jesper!AL$2:AL$366,ROUNDDOWN($C3528/24,0)+1,1))-1)+IF('Standard Profiles'!$G$22=$B$10,7,0)+IF('Standard Profiles'!$G$22=$B$17,14,0)+IF('Standard Profiles'!$G$22=$B$24,21,0),MOD($C3528,24)+1)/SUM(INDEX($D$3:$AA$30,INDEX(Jesper!$R$2:$R$366,ROW(INDEX(Jesper!AL$2:AL$366,ROUNDDOWN($C3528/24,0)+1,1))-1)+IF('Standard Profiles'!$G$22=$B$10,7,0)+IF('Standard Profiles'!$G$22=$B$17,14,0)+IF('Standard Profiles'!$G$22=$B$24,21,0),0)),0)</f>
        <v>0</v>
      </c>
      <c r="I3528">
        <f t="shared" si="398"/>
        <v>0.24420338866453151</v>
      </c>
      <c r="J3528">
        <f t="shared" si="399"/>
        <v>0.81401129554843843</v>
      </c>
      <c r="K3528">
        <f t="shared" si="400"/>
        <v>1.2210169433226576</v>
      </c>
      <c r="L3528">
        <f t="shared" si="401"/>
        <v>14.015368357559632</v>
      </c>
      <c r="M3528">
        <f t="shared" si="402"/>
        <v>0</v>
      </c>
      <c r="N3528" s="46">
        <f t="shared" si="403"/>
        <v>45437.583333324859</v>
      </c>
    </row>
    <row r="3529" spans="2:14" x14ac:dyDescent="0.3">
      <c r="B3529">
        <f t="shared" si="397"/>
        <v>6</v>
      </c>
      <c r="C3529" s="16">
        <v>3495</v>
      </c>
      <c r="D3529" cm="1">
        <f t="array" ref="D3529">IFERROR(INDEX(Jesper!AH$2:AH$366,ROUNDDOWN($C3529/24,0)+1,1)*INDEX($D$3:$AA$30,INDEX(Jesper!$R$2:$R$366,ROW(INDEX(Jesper!AH$2:AH$366,ROUNDDOWN($C3529/24,0)+1,1))-1)+IF('Standard Profiles'!$G$18=$B$10,7,0)+IF('Standard Profiles'!$G$18=$B$17,14,0)+IF('Standard Profiles'!$G$18=$B$24,21,0),MOD($C3529,24)+1)/SUM(INDEX($D$3:$AA$30,INDEX(Jesper!$R$2:$R$366,ROW(INDEX(Jesper!AH$2:AH$366,ROUNDDOWN($C3529/24,0)+1,1))-1)+IF('Standard Profiles'!$G$18=$B$10,7,0)+IF('Standard Profiles'!$G$18=$B$17,14,0)+IF('Standard Profiles'!$G$18=$B$24,21,0),0)),0)</f>
        <v>12.281372554529471</v>
      </c>
      <c r="E3529" cm="1">
        <f t="array" ref="E3529">IFERROR(INDEX(Jesper!AI$2:AI$366,ROUNDDOWN($C3529/24,0)+1,1)*INDEX($D$3:$AA$30,INDEX(Jesper!$R$2:$R$366,ROW(INDEX(Jesper!AI$2:AI$366,ROUNDDOWN($C3529/24,0)+1,1))-1)+IF('Standard Profiles'!$G$19=$B$10,7,0)+IF('Standard Profiles'!$G$19=$B$17,14,0)+IF('Standard Profiles'!$G$19=$B$24,21,0),MOD($C3529,24)+1)/SUM(INDEX($D$3:$AA$30,INDEX(Jesper!$R$2:$R$366,ROW(INDEX(Jesper!AI$2:AI$366,ROUNDDOWN($C3529/24,0)+1,1))-1)+IF('Standard Profiles'!$G$19=$B$10,7,0)+IF('Standard Profiles'!$G$19=$B$17,14,0)+IF('Standard Profiles'!$G$19=$B$24,21,0),0)),0)</f>
        <v>2.4507315415840516</v>
      </c>
      <c r="F3529" cm="1">
        <f t="array" ref="F3529">IFERROR(INDEX(Jesper!AJ$2:AJ$366,ROUNDDOWN($C3529/24,0)+1,1)*INDEX($D$3:$AA$30,INDEX(Jesper!$R$2:$R$366,ROW(INDEX(Jesper!AJ$2:AJ$366,ROUNDDOWN($C3529/24,0)+1,1))-1)+IF('Standard Profiles'!$G$20=$B$10,7,0)+IF('Standard Profiles'!$G$20=$B$17,14,0)+IF('Standard Profiles'!$G$20=$B$24,21,0),MOD($C3529,24)+1)/SUM(INDEX($D$3:$AA$30,INDEX(Jesper!$R$2:$R$366,ROW(INDEX(Jesper!AJ$2:AJ$366,ROUNDDOWN($C3529/24,0)+1,1))-1)+IF('Standard Profiles'!$G$20=$B$10,7,0)+IF('Standard Profiles'!$G$20=$B$17,14,0)+IF('Standard Profiles'!$G$20=$B$24,21,0),0)),0)</f>
        <v>0</v>
      </c>
      <c r="G3529" cm="1">
        <f t="array" ref="G3529">IFERROR(INDEX(Jesper!AK$2:AK$366,ROUNDDOWN($C3529/24,0)+1,1)*INDEX($D$3:$AA$30,INDEX(Jesper!$R$2:$R$366,ROW(INDEX(Jesper!AK$2:AK$366,ROUNDDOWN($C3529/24,0)+1,1))-1)+IF('Standard Profiles'!$G$21=$B$10,7,0)+IF('Standard Profiles'!$G$21=$B$17,14,0)+IF('Standard Profiles'!$G$21=$B$24,21,0),MOD($C3529,24)+1)/SUM(INDEX($D$3:$AA$30,INDEX(Jesper!$R$2:$R$366,ROW(INDEX(Jesper!AK$2:AK$366,ROUNDDOWN($C3529/24,0)+1,1))-1)+IF('Standard Profiles'!$G$21=$B$10,7,0)+IF('Standard Profiles'!$G$21=$B$17,14,0)+IF('Standard Profiles'!$G$21=$B$24,21,0),0)),0)</f>
        <v>0</v>
      </c>
      <c r="H3529" cm="1">
        <f t="array" ref="H3529">IFERROR(INDEX(Jesper!AL$2:AL$366,ROUNDDOWN($C3529/24,0)+1,1)*INDEX($D$3:$AA$30,INDEX(Jesper!$R$2:$R$366,ROW(INDEX(Jesper!AL$2:AL$366,ROUNDDOWN($C3529/24,0)+1,1))-1)+IF('Standard Profiles'!$G$22=$B$10,7,0)+IF('Standard Profiles'!$G$22=$B$17,14,0)+IF('Standard Profiles'!$G$22=$B$24,21,0),MOD($C3529,24)+1)/SUM(INDEX($D$3:$AA$30,INDEX(Jesper!$R$2:$R$366,ROW(INDEX(Jesper!AL$2:AL$366,ROUNDDOWN($C3529/24,0)+1,1))-1)+IF('Standard Profiles'!$G$22=$B$10,7,0)+IF('Standard Profiles'!$G$22=$B$17,14,0)+IF('Standard Profiles'!$G$22=$B$24,21,0),0)),0)</f>
        <v>0</v>
      </c>
      <c r="I3529">
        <f t="shared" si="398"/>
        <v>0.22078662536793264</v>
      </c>
      <c r="J3529">
        <f t="shared" si="399"/>
        <v>0.73595541789310892</v>
      </c>
      <c r="K3529">
        <f t="shared" si="400"/>
        <v>1.1039331268396633</v>
      </c>
      <c r="L3529">
        <f t="shared" si="401"/>
        <v>12.671428926012817</v>
      </c>
      <c r="M3529">
        <f t="shared" si="402"/>
        <v>0</v>
      </c>
      <c r="N3529" s="46">
        <f t="shared" si="403"/>
        <v>45437.624999991524</v>
      </c>
    </row>
    <row r="3530" spans="2:14" x14ac:dyDescent="0.3">
      <c r="B3530">
        <f t="shared" si="397"/>
        <v>6</v>
      </c>
      <c r="C3530" s="16">
        <v>3496</v>
      </c>
      <c r="D3530" cm="1">
        <f t="array" ref="D3530">IFERROR(INDEX(Jesper!AH$2:AH$366,ROUNDDOWN($C3530/24,0)+1,1)*INDEX($D$3:$AA$30,INDEX(Jesper!$R$2:$R$366,ROW(INDEX(Jesper!AH$2:AH$366,ROUNDDOWN($C3530/24,0)+1,1))-1)+IF('Standard Profiles'!$G$18=$B$10,7,0)+IF('Standard Profiles'!$G$18=$B$17,14,0)+IF('Standard Profiles'!$G$18=$B$24,21,0),MOD($C3530,24)+1)/SUM(INDEX($D$3:$AA$30,INDEX(Jesper!$R$2:$R$366,ROW(INDEX(Jesper!AH$2:AH$366,ROUNDDOWN($C3530/24,0)+1,1))-1)+IF('Standard Profiles'!$G$18=$B$10,7,0)+IF('Standard Profiles'!$G$18=$B$17,14,0)+IF('Standard Profiles'!$G$18=$B$24,21,0),0)),0)</f>
        <v>11.164884140481337</v>
      </c>
      <c r="E3530" cm="1">
        <f t="array" ref="E3530">IFERROR(INDEX(Jesper!AI$2:AI$366,ROUNDDOWN($C3530/24,0)+1,1)*INDEX($D$3:$AA$30,INDEX(Jesper!$R$2:$R$366,ROW(INDEX(Jesper!AI$2:AI$366,ROUNDDOWN($C3530/24,0)+1,1))-1)+IF('Standard Profiles'!$G$19=$B$10,7,0)+IF('Standard Profiles'!$G$19=$B$17,14,0)+IF('Standard Profiles'!$G$19=$B$24,21,0),MOD($C3530,24)+1)/SUM(INDEX($D$3:$AA$30,INDEX(Jesper!$R$2:$R$366,ROW(INDEX(Jesper!AI$2:AI$366,ROUNDDOWN($C3530/24,0)+1,1))-1)+IF('Standard Profiles'!$G$19=$B$10,7,0)+IF('Standard Profiles'!$G$19=$B$17,14,0)+IF('Standard Profiles'!$G$19=$B$24,21,0),0)),0)</f>
        <v>2.2279377650764105</v>
      </c>
      <c r="F3530" cm="1">
        <f t="array" ref="F3530">IFERROR(INDEX(Jesper!AJ$2:AJ$366,ROUNDDOWN($C3530/24,0)+1,1)*INDEX($D$3:$AA$30,INDEX(Jesper!$R$2:$R$366,ROW(INDEX(Jesper!AJ$2:AJ$366,ROUNDDOWN($C3530/24,0)+1,1))-1)+IF('Standard Profiles'!$G$20=$B$10,7,0)+IF('Standard Profiles'!$G$20=$B$17,14,0)+IF('Standard Profiles'!$G$20=$B$24,21,0),MOD($C3530,24)+1)/SUM(INDEX($D$3:$AA$30,INDEX(Jesper!$R$2:$R$366,ROW(INDEX(Jesper!AJ$2:AJ$366,ROUNDDOWN($C3530/24,0)+1,1))-1)+IF('Standard Profiles'!$G$20=$B$10,7,0)+IF('Standard Profiles'!$G$20=$B$17,14,0)+IF('Standard Profiles'!$G$20=$B$24,21,0),0)),0)</f>
        <v>0</v>
      </c>
      <c r="G3530" cm="1">
        <f t="array" ref="G3530">IFERROR(INDEX(Jesper!AK$2:AK$366,ROUNDDOWN($C3530/24,0)+1,1)*INDEX($D$3:$AA$30,INDEX(Jesper!$R$2:$R$366,ROW(INDEX(Jesper!AK$2:AK$366,ROUNDDOWN($C3530/24,0)+1,1))-1)+IF('Standard Profiles'!$G$21=$B$10,7,0)+IF('Standard Profiles'!$G$21=$B$17,14,0)+IF('Standard Profiles'!$G$21=$B$24,21,0),MOD($C3530,24)+1)/SUM(INDEX($D$3:$AA$30,INDEX(Jesper!$R$2:$R$366,ROW(INDEX(Jesper!AK$2:AK$366,ROUNDDOWN($C3530/24,0)+1,1))-1)+IF('Standard Profiles'!$G$21=$B$10,7,0)+IF('Standard Profiles'!$G$21=$B$17,14,0)+IF('Standard Profiles'!$G$21=$B$24,21,0),0)),0)</f>
        <v>0</v>
      </c>
      <c r="H3530" cm="1">
        <f t="array" ref="H3530">IFERROR(INDEX(Jesper!AL$2:AL$366,ROUNDDOWN($C3530/24,0)+1,1)*INDEX($D$3:$AA$30,INDEX(Jesper!$R$2:$R$366,ROW(INDEX(Jesper!AL$2:AL$366,ROUNDDOWN($C3530/24,0)+1,1))-1)+IF('Standard Profiles'!$G$22=$B$10,7,0)+IF('Standard Profiles'!$G$22=$B$17,14,0)+IF('Standard Profiles'!$G$22=$B$24,21,0),MOD($C3530,24)+1)/SUM(INDEX($D$3:$AA$30,INDEX(Jesper!$R$2:$R$366,ROW(INDEX(Jesper!AL$2:AL$366,ROUNDDOWN($C3530/24,0)+1,1))-1)+IF('Standard Profiles'!$G$22=$B$10,7,0)+IF('Standard Profiles'!$G$22=$B$17,14,0)+IF('Standard Profiles'!$G$22=$B$24,21,0),0)),0)</f>
        <v>0</v>
      </c>
      <c r="I3530">
        <f t="shared" si="398"/>
        <v>0.20071511397084785</v>
      </c>
      <c r="J3530">
        <f t="shared" si="399"/>
        <v>0.66905037990282623</v>
      </c>
      <c r="K3530">
        <f t="shared" si="400"/>
        <v>1.0035755698542395</v>
      </c>
      <c r="L3530">
        <f t="shared" si="401"/>
        <v>11.519480841829834</v>
      </c>
      <c r="M3530">
        <f t="shared" si="402"/>
        <v>0</v>
      </c>
      <c r="N3530" s="46">
        <f t="shared" si="403"/>
        <v>45437.666666658188</v>
      </c>
    </row>
    <row r="3531" spans="2:14" x14ac:dyDescent="0.3">
      <c r="B3531">
        <f t="shared" si="397"/>
        <v>6</v>
      </c>
      <c r="C3531" s="16">
        <v>3497</v>
      </c>
      <c r="D3531" cm="1">
        <f t="array" ref="D3531">IFERROR(INDEX(Jesper!AH$2:AH$366,ROUNDDOWN($C3531/24,0)+1,1)*INDEX($D$3:$AA$30,INDEX(Jesper!$R$2:$R$366,ROW(INDEX(Jesper!AH$2:AH$366,ROUNDDOWN($C3531/24,0)+1,1))-1)+IF('Standard Profiles'!$G$18=$B$10,7,0)+IF('Standard Profiles'!$G$18=$B$17,14,0)+IF('Standard Profiles'!$G$18=$B$24,21,0),MOD($C3531,24)+1)/SUM(INDEX($D$3:$AA$30,INDEX(Jesper!$R$2:$R$366,ROW(INDEX(Jesper!AH$2:AH$366,ROUNDDOWN($C3531/24,0)+1,1))-1)+IF('Standard Profiles'!$G$18=$B$10,7,0)+IF('Standard Profiles'!$G$18=$B$17,14,0)+IF('Standard Profiles'!$G$18=$B$24,21,0),0)),0)</f>
        <v>10.048395726433204</v>
      </c>
      <c r="E3531" cm="1">
        <f t="array" ref="E3531">IFERROR(INDEX(Jesper!AI$2:AI$366,ROUNDDOWN($C3531/24,0)+1,1)*INDEX($D$3:$AA$30,INDEX(Jesper!$R$2:$R$366,ROW(INDEX(Jesper!AI$2:AI$366,ROUNDDOWN($C3531/24,0)+1,1))-1)+IF('Standard Profiles'!$G$19=$B$10,7,0)+IF('Standard Profiles'!$G$19=$B$17,14,0)+IF('Standard Profiles'!$G$19=$B$24,21,0),MOD($C3531,24)+1)/SUM(INDEX($D$3:$AA$30,INDEX(Jesper!$R$2:$R$366,ROW(INDEX(Jesper!AI$2:AI$366,ROUNDDOWN($C3531/24,0)+1,1))-1)+IF('Standard Profiles'!$G$19=$B$10,7,0)+IF('Standard Profiles'!$G$19=$B$17,14,0)+IF('Standard Profiles'!$G$19=$B$24,21,0),0)),0)</f>
        <v>2.0051439885687694</v>
      </c>
      <c r="F3531" cm="1">
        <f t="array" ref="F3531">IFERROR(INDEX(Jesper!AJ$2:AJ$366,ROUNDDOWN($C3531/24,0)+1,1)*INDEX($D$3:$AA$30,INDEX(Jesper!$R$2:$R$366,ROW(INDEX(Jesper!AJ$2:AJ$366,ROUNDDOWN($C3531/24,0)+1,1))-1)+IF('Standard Profiles'!$G$20=$B$10,7,0)+IF('Standard Profiles'!$G$20=$B$17,14,0)+IF('Standard Profiles'!$G$20=$B$24,21,0),MOD($C3531,24)+1)/SUM(INDEX($D$3:$AA$30,INDEX(Jesper!$R$2:$R$366,ROW(INDEX(Jesper!AJ$2:AJ$366,ROUNDDOWN($C3531/24,0)+1,1))-1)+IF('Standard Profiles'!$G$20=$B$10,7,0)+IF('Standard Profiles'!$G$20=$B$17,14,0)+IF('Standard Profiles'!$G$20=$B$24,21,0),0)),0)</f>
        <v>0</v>
      </c>
      <c r="G3531" cm="1">
        <f t="array" ref="G3531">IFERROR(INDEX(Jesper!AK$2:AK$366,ROUNDDOWN($C3531/24,0)+1,1)*INDEX($D$3:$AA$30,INDEX(Jesper!$R$2:$R$366,ROW(INDEX(Jesper!AK$2:AK$366,ROUNDDOWN($C3531/24,0)+1,1))-1)+IF('Standard Profiles'!$G$21=$B$10,7,0)+IF('Standard Profiles'!$G$21=$B$17,14,0)+IF('Standard Profiles'!$G$21=$B$24,21,0),MOD($C3531,24)+1)/SUM(INDEX($D$3:$AA$30,INDEX(Jesper!$R$2:$R$366,ROW(INDEX(Jesper!AK$2:AK$366,ROUNDDOWN($C3531/24,0)+1,1))-1)+IF('Standard Profiles'!$G$21=$B$10,7,0)+IF('Standard Profiles'!$G$21=$B$17,14,0)+IF('Standard Profiles'!$G$21=$B$24,21,0),0)),0)</f>
        <v>0</v>
      </c>
      <c r="H3531" cm="1">
        <f t="array" ref="H3531">IFERROR(INDEX(Jesper!AL$2:AL$366,ROUNDDOWN($C3531/24,0)+1,1)*INDEX($D$3:$AA$30,INDEX(Jesper!$R$2:$R$366,ROW(INDEX(Jesper!AL$2:AL$366,ROUNDDOWN($C3531/24,0)+1,1))-1)+IF('Standard Profiles'!$G$22=$B$10,7,0)+IF('Standard Profiles'!$G$22=$B$17,14,0)+IF('Standard Profiles'!$G$22=$B$24,21,0),MOD($C3531,24)+1)/SUM(INDEX($D$3:$AA$30,INDEX(Jesper!$R$2:$R$366,ROW(INDEX(Jesper!AL$2:AL$366,ROUNDDOWN($C3531/24,0)+1,1))-1)+IF('Standard Profiles'!$G$22=$B$10,7,0)+IF('Standard Profiles'!$G$22=$B$17,14,0)+IF('Standard Profiles'!$G$22=$B$24,21,0),0)),0)</f>
        <v>0</v>
      </c>
      <c r="I3531">
        <f t="shared" si="398"/>
        <v>0.18064360257376305</v>
      </c>
      <c r="J3531">
        <f t="shared" si="399"/>
        <v>0.60214534191254365</v>
      </c>
      <c r="K3531">
        <f t="shared" si="400"/>
        <v>0.90321801286881542</v>
      </c>
      <c r="L3531">
        <f t="shared" si="401"/>
        <v>10.367532757646853</v>
      </c>
      <c r="M3531">
        <f t="shared" si="402"/>
        <v>0</v>
      </c>
      <c r="N3531" s="46">
        <f t="shared" si="403"/>
        <v>45437.708333324852</v>
      </c>
    </row>
    <row r="3532" spans="2:14" x14ac:dyDescent="0.3">
      <c r="B3532">
        <f t="shared" si="397"/>
        <v>6</v>
      </c>
      <c r="C3532" s="16">
        <v>3498</v>
      </c>
      <c r="D3532" cm="1">
        <f t="array" ref="D3532">IFERROR(INDEX(Jesper!AH$2:AH$366,ROUNDDOWN($C3532/24,0)+1,1)*INDEX($D$3:$AA$30,INDEX(Jesper!$R$2:$R$366,ROW(INDEX(Jesper!AH$2:AH$366,ROUNDDOWN($C3532/24,0)+1,1))-1)+IF('Standard Profiles'!$G$18=$B$10,7,0)+IF('Standard Profiles'!$G$18=$B$17,14,0)+IF('Standard Profiles'!$G$18=$B$24,21,0),MOD($C3532,24)+1)/SUM(INDEX($D$3:$AA$30,INDEX(Jesper!$R$2:$R$366,ROW(INDEX(Jesper!AH$2:AH$366,ROUNDDOWN($C3532/24,0)+1,1))-1)+IF('Standard Profiles'!$G$18=$B$10,7,0)+IF('Standard Profiles'!$G$18=$B$17,14,0)+IF('Standard Profiles'!$G$18=$B$24,21,0),0)),0)</f>
        <v>9.6762329217504917</v>
      </c>
      <c r="E3532" cm="1">
        <f t="array" ref="E3532">IFERROR(INDEX(Jesper!AI$2:AI$366,ROUNDDOWN($C3532/24,0)+1,1)*INDEX($D$3:$AA$30,INDEX(Jesper!$R$2:$R$366,ROW(INDEX(Jesper!AI$2:AI$366,ROUNDDOWN($C3532/24,0)+1,1))-1)+IF('Standard Profiles'!$G$19=$B$10,7,0)+IF('Standard Profiles'!$G$19=$B$17,14,0)+IF('Standard Profiles'!$G$19=$B$24,21,0),MOD($C3532,24)+1)/SUM(INDEX($D$3:$AA$30,INDEX(Jesper!$R$2:$R$366,ROW(INDEX(Jesper!AI$2:AI$366,ROUNDDOWN($C3532/24,0)+1,1))-1)+IF('Standard Profiles'!$G$19=$B$10,7,0)+IF('Standard Profiles'!$G$19=$B$17,14,0)+IF('Standard Profiles'!$G$19=$B$24,21,0),0)),0)</f>
        <v>1.9308793963995556</v>
      </c>
      <c r="F3532" cm="1">
        <f t="array" ref="F3532">IFERROR(INDEX(Jesper!AJ$2:AJ$366,ROUNDDOWN($C3532/24,0)+1,1)*INDEX($D$3:$AA$30,INDEX(Jesper!$R$2:$R$366,ROW(INDEX(Jesper!AJ$2:AJ$366,ROUNDDOWN($C3532/24,0)+1,1))-1)+IF('Standard Profiles'!$G$20=$B$10,7,0)+IF('Standard Profiles'!$G$20=$B$17,14,0)+IF('Standard Profiles'!$G$20=$B$24,21,0),MOD($C3532,24)+1)/SUM(INDEX($D$3:$AA$30,INDEX(Jesper!$R$2:$R$366,ROW(INDEX(Jesper!AJ$2:AJ$366,ROUNDDOWN($C3532/24,0)+1,1))-1)+IF('Standard Profiles'!$G$20=$B$10,7,0)+IF('Standard Profiles'!$G$20=$B$17,14,0)+IF('Standard Profiles'!$G$20=$B$24,21,0),0)),0)</f>
        <v>0</v>
      </c>
      <c r="G3532" cm="1">
        <f t="array" ref="G3532">IFERROR(INDEX(Jesper!AK$2:AK$366,ROUNDDOWN($C3532/24,0)+1,1)*INDEX($D$3:$AA$30,INDEX(Jesper!$R$2:$R$366,ROW(INDEX(Jesper!AK$2:AK$366,ROUNDDOWN($C3532/24,0)+1,1))-1)+IF('Standard Profiles'!$G$21=$B$10,7,0)+IF('Standard Profiles'!$G$21=$B$17,14,0)+IF('Standard Profiles'!$G$21=$B$24,21,0),MOD($C3532,24)+1)/SUM(INDEX($D$3:$AA$30,INDEX(Jesper!$R$2:$R$366,ROW(INDEX(Jesper!AK$2:AK$366,ROUNDDOWN($C3532/24,0)+1,1))-1)+IF('Standard Profiles'!$G$21=$B$10,7,0)+IF('Standard Profiles'!$G$21=$B$17,14,0)+IF('Standard Profiles'!$G$21=$B$24,21,0),0)),0)</f>
        <v>0</v>
      </c>
      <c r="H3532" cm="1">
        <f t="array" ref="H3532">IFERROR(INDEX(Jesper!AL$2:AL$366,ROUNDDOWN($C3532/24,0)+1,1)*INDEX($D$3:$AA$30,INDEX(Jesper!$R$2:$R$366,ROW(INDEX(Jesper!AL$2:AL$366,ROUNDDOWN($C3532/24,0)+1,1))-1)+IF('Standard Profiles'!$G$22=$B$10,7,0)+IF('Standard Profiles'!$G$22=$B$17,14,0)+IF('Standard Profiles'!$G$22=$B$24,21,0),MOD($C3532,24)+1)/SUM(INDEX($D$3:$AA$30,INDEX(Jesper!$R$2:$R$366,ROW(INDEX(Jesper!AL$2:AL$366,ROUNDDOWN($C3532/24,0)+1,1))-1)+IF('Standard Profiles'!$G$22=$B$10,7,0)+IF('Standard Profiles'!$G$22=$B$17,14,0)+IF('Standard Profiles'!$G$22=$B$24,21,0),0)),0)</f>
        <v>0</v>
      </c>
      <c r="I3532">
        <f t="shared" si="398"/>
        <v>0.17395309877473478</v>
      </c>
      <c r="J3532">
        <f t="shared" si="399"/>
        <v>0.57984366258244935</v>
      </c>
      <c r="K3532">
        <f t="shared" si="400"/>
        <v>0.86976549387367408</v>
      </c>
      <c r="L3532">
        <f t="shared" si="401"/>
        <v>9.9835500629191891</v>
      </c>
      <c r="M3532">
        <f t="shared" si="402"/>
        <v>0</v>
      </c>
      <c r="N3532" s="46">
        <f t="shared" si="403"/>
        <v>45437.749999991516</v>
      </c>
    </row>
    <row r="3533" spans="2:14" x14ac:dyDescent="0.3">
      <c r="B3533">
        <f t="shared" si="397"/>
        <v>6</v>
      </c>
      <c r="C3533" s="16">
        <v>3499</v>
      </c>
      <c r="D3533" cm="1">
        <f t="array" ref="D3533">IFERROR(INDEX(Jesper!AH$2:AH$366,ROUNDDOWN($C3533/24,0)+1,1)*INDEX($D$3:$AA$30,INDEX(Jesper!$R$2:$R$366,ROW(INDEX(Jesper!AH$2:AH$366,ROUNDDOWN($C3533/24,0)+1,1))-1)+IF('Standard Profiles'!$G$18=$B$10,7,0)+IF('Standard Profiles'!$G$18=$B$17,14,0)+IF('Standard Profiles'!$G$18=$B$24,21,0),MOD($C3533,24)+1)/SUM(INDEX($D$3:$AA$30,INDEX(Jesper!$R$2:$R$366,ROW(INDEX(Jesper!AH$2:AH$366,ROUNDDOWN($C3533/24,0)+1,1))-1)+IF('Standard Profiles'!$G$18=$B$10,7,0)+IF('Standard Profiles'!$G$18=$B$17,14,0)+IF('Standard Profiles'!$G$18=$B$24,21,0),0)),0)</f>
        <v>7.8154188983369348</v>
      </c>
      <c r="E3533" cm="1">
        <f t="array" ref="E3533">IFERROR(INDEX(Jesper!AI$2:AI$366,ROUNDDOWN($C3533/24,0)+1,1)*INDEX($D$3:$AA$30,INDEX(Jesper!$R$2:$R$366,ROW(INDEX(Jesper!AI$2:AI$366,ROUNDDOWN($C3533/24,0)+1,1))-1)+IF('Standard Profiles'!$G$19=$B$10,7,0)+IF('Standard Profiles'!$G$19=$B$17,14,0)+IF('Standard Profiles'!$G$19=$B$24,21,0),MOD($C3533,24)+1)/SUM(INDEX($D$3:$AA$30,INDEX(Jesper!$R$2:$R$366,ROW(INDEX(Jesper!AI$2:AI$366,ROUNDDOWN($C3533/24,0)+1,1))-1)+IF('Standard Profiles'!$G$19=$B$10,7,0)+IF('Standard Profiles'!$G$19=$B$17,14,0)+IF('Standard Profiles'!$G$19=$B$24,21,0),0)),0)</f>
        <v>1.5595564355534872</v>
      </c>
      <c r="F3533" cm="1">
        <f t="array" ref="F3533">IFERROR(INDEX(Jesper!AJ$2:AJ$366,ROUNDDOWN($C3533/24,0)+1,1)*INDEX($D$3:$AA$30,INDEX(Jesper!$R$2:$R$366,ROW(INDEX(Jesper!AJ$2:AJ$366,ROUNDDOWN($C3533/24,0)+1,1))-1)+IF('Standard Profiles'!$G$20=$B$10,7,0)+IF('Standard Profiles'!$G$20=$B$17,14,0)+IF('Standard Profiles'!$G$20=$B$24,21,0),MOD($C3533,24)+1)/SUM(INDEX($D$3:$AA$30,INDEX(Jesper!$R$2:$R$366,ROW(INDEX(Jesper!AJ$2:AJ$366,ROUNDDOWN($C3533/24,0)+1,1))-1)+IF('Standard Profiles'!$G$20=$B$10,7,0)+IF('Standard Profiles'!$G$20=$B$17,14,0)+IF('Standard Profiles'!$G$20=$B$24,21,0),0)),0)</f>
        <v>0</v>
      </c>
      <c r="G3533" cm="1">
        <f t="array" ref="G3533">IFERROR(INDEX(Jesper!AK$2:AK$366,ROUNDDOWN($C3533/24,0)+1,1)*INDEX($D$3:$AA$30,INDEX(Jesper!$R$2:$R$366,ROW(INDEX(Jesper!AK$2:AK$366,ROUNDDOWN($C3533/24,0)+1,1))-1)+IF('Standard Profiles'!$G$21=$B$10,7,0)+IF('Standard Profiles'!$G$21=$B$17,14,0)+IF('Standard Profiles'!$G$21=$B$24,21,0),MOD($C3533,24)+1)/SUM(INDEX($D$3:$AA$30,INDEX(Jesper!$R$2:$R$366,ROW(INDEX(Jesper!AK$2:AK$366,ROUNDDOWN($C3533/24,0)+1,1))-1)+IF('Standard Profiles'!$G$21=$B$10,7,0)+IF('Standard Profiles'!$G$21=$B$17,14,0)+IF('Standard Profiles'!$G$21=$B$24,21,0),0)),0)</f>
        <v>0</v>
      </c>
      <c r="H3533" cm="1">
        <f t="array" ref="H3533">IFERROR(INDEX(Jesper!AL$2:AL$366,ROUNDDOWN($C3533/24,0)+1,1)*INDEX($D$3:$AA$30,INDEX(Jesper!$R$2:$R$366,ROW(INDEX(Jesper!AL$2:AL$366,ROUNDDOWN($C3533/24,0)+1,1))-1)+IF('Standard Profiles'!$G$22=$B$10,7,0)+IF('Standard Profiles'!$G$22=$B$17,14,0)+IF('Standard Profiles'!$G$22=$B$24,21,0),MOD($C3533,24)+1)/SUM(INDEX($D$3:$AA$30,INDEX(Jesper!$R$2:$R$366,ROW(INDEX(Jesper!AL$2:AL$366,ROUNDDOWN($C3533/24,0)+1,1))-1)+IF('Standard Profiles'!$G$22=$B$10,7,0)+IF('Standard Profiles'!$G$22=$B$17,14,0)+IF('Standard Profiles'!$G$22=$B$24,21,0),0)),0)</f>
        <v>0</v>
      </c>
      <c r="I3533">
        <f t="shared" si="398"/>
        <v>0.14050057977959349</v>
      </c>
      <c r="J3533">
        <f t="shared" si="399"/>
        <v>0.46833526593197833</v>
      </c>
      <c r="K3533">
        <f t="shared" si="400"/>
        <v>0.70250289889796746</v>
      </c>
      <c r="L3533">
        <f t="shared" si="401"/>
        <v>8.0636365892808826</v>
      </c>
      <c r="M3533">
        <f t="shared" si="402"/>
        <v>0</v>
      </c>
      <c r="N3533" s="46">
        <f t="shared" si="403"/>
        <v>45437.79166665818</v>
      </c>
    </row>
    <row r="3534" spans="2:14" x14ac:dyDescent="0.3">
      <c r="B3534">
        <f t="shared" si="397"/>
        <v>6</v>
      </c>
      <c r="C3534" s="16">
        <v>3500</v>
      </c>
      <c r="D3534" cm="1">
        <f t="array" ref="D3534">IFERROR(INDEX(Jesper!AH$2:AH$366,ROUNDDOWN($C3534/24,0)+1,1)*INDEX($D$3:$AA$30,INDEX(Jesper!$R$2:$R$366,ROW(INDEX(Jesper!AH$2:AH$366,ROUNDDOWN($C3534/24,0)+1,1))-1)+IF('Standard Profiles'!$G$18=$B$10,7,0)+IF('Standard Profiles'!$G$18=$B$17,14,0)+IF('Standard Profiles'!$G$18=$B$24,21,0),MOD($C3534,24)+1)/SUM(INDEX($D$3:$AA$30,INDEX(Jesper!$R$2:$R$366,ROW(INDEX(Jesper!AH$2:AH$366,ROUNDDOWN($C3534/24,0)+1,1))-1)+IF('Standard Profiles'!$G$18=$B$10,7,0)+IF('Standard Profiles'!$G$18=$B$17,14,0)+IF('Standard Profiles'!$G$18=$B$24,21,0),0)),0)</f>
        <v>5.7685234725820234</v>
      </c>
      <c r="E3534" cm="1">
        <f t="array" ref="E3534">IFERROR(INDEX(Jesper!AI$2:AI$366,ROUNDDOWN($C3534/24,0)+1,1)*INDEX($D$3:$AA$30,INDEX(Jesper!$R$2:$R$366,ROW(INDEX(Jesper!AI$2:AI$366,ROUNDDOWN($C3534/24,0)+1,1))-1)+IF('Standard Profiles'!$G$19=$B$10,7,0)+IF('Standard Profiles'!$G$19=$B$17,14,0)+IF('Standard Profiles'!$G$19=$B$24,21,0),MOD($C3534,24)+1)/SUM(INDEX($D$3:$AA$30,INDEX(Jesper!$R$2:$R$366,ROW(INDEX(Jesper!AI$2:AI$366,ROUNDDOWN($C3534/24,0)+1,1))-1)+IF('Standard Profiles'!$G$19=$B$10,7,0)+IF('Standard Profiles'!$G$19=$B$17,14,0)+IF('Standard Profiles'!$G$19=$B$24,21,0),0)),0)</f>
        <v>1.151101178622812</v>
      </c>
      <c r="F3534" cm="1">
        <f t="array" ref="F3534">IFERROR(INDEX(Jesper!AJ$2:AJ$366,ROUNDDOWN($C3534/24,0)+1,1)*INDEX($D$3:$AA$30,INDEX(Jesper!$R$2:$R$366,ROW(INDEX(Jesper!AJ$2:AJ$366,ROUNDDOWN($C3534/24,0)+1,1))-1)+IF('Standard Profiles'!$G$20=$B$10,7,0)+IF('Standard Profiles'!$G$20=$B$17,14,0)+IF('Standard Profiles'!$G$20=$B$24,21,0),MOD($C3534,24)+1)/SUM(INDEX($D$3:$AA$30,INDEX(Jesper!$R$2:$R$366,ROW(INDEX(Jesper!AJ$2:AJ$366,ROUNDDOWN($C3534/24,0)+1,1))-1)+IF('Standard Profiles'!$G$20=$B$10,7,0)+IF('Standard Profiles'!$G$20=$B$17,14,0)+IF('Standard Profiles'!$G$20=$B$24,21,0),0)),0)</f>
        <v>0</v>
      </c>
      <c r="G3534" cm="1">
        <f t="array" ref="G3534">IFERROR(INDEX(Jesper!AK$2:AK$366,ROUNDDOWN($C3534/24,0)+1,1)*INDEX($D$3:$AA$30,INDEX(Jesper!$R$2:$R$366,ROW(INDEX(Jesper!AK$2:AK$366,ROUNDDOWN($C3534/24,0)+1,1))-1)+IF('Standard Profiles'!$G$21=$B$10,7,0)+IF('Standard Profiles'!$G$21=$B$17,14,0)+IF('Standard Profiles'!$G$21=$B$24,21,0),MOD($C3534,24)+1)/SUM(INDEX($D$3:$AA$30,INDEX(Jesper!$R$2:$R$366,ROW(INDEX(Jesper!AK$2:AK$366,ROUNDDOWN($C3534/24,0)+1,1))-1)+IF('Standard Profiles'!$G$21=$B$10,7,0)+IF('Standard Profiles'!$G$21=$B$17,14,0)+IF('Standard Profiles'!$G$21=$B$24,21,0),0)),0)</f>
        <v>0</v>
      </c>
      <c r="H3534" cm="1">
        <f t="array" ref="H3534">IFERROR(INDEX(Jesper!AL$2:AL$366,ROUNDDOWN($C3534/24,0)+1,1)*INDEX($D$3:$AA$30,INDEX(Jesper!$R$2:$R$366,ROW(INDEX(Jesper!AL$2:AL$366,ROUNDDOWN($C3534/24,0)+1,1))-1)+IF('Standard Profiles'!$G$22=$B$10,7,0)+IF('Standard Profiles'!$G$22=$B$17,14,0)+IF('Standard Profiles'!$G$22=$B$24,21,0),MOD($C3534,24)+1)/SUM(INDEX($D$3:$AA$30,INDEX(Jesper!$R$2:$R$366,ROW(INDEX(Jesper!AL$2:AL$366,ROUNDDOWN($C3534/24,0)+1,1))-1)+IF('Standard Profiles'!$G$22=$B$10,7,0)+IF('Standard Profiles'!$G$22=$B$17,14,0)+IF('Standard Profiles'!$G$22=$B$24,21,0),0)),0)</f>
        <v>0</v>
      </c>
      <c r="I3534">
        <f t="shared" si="398"/>
        <v>0.10370280888493805</v>
      </c>
      <c r="J3534">
        <f t="shared" si="399"/>
        <v>0.34567602961646021</v>
      </c>
      <c r="K3534">
        <f t="shared" si="400"/>
        <v>0.51851404442469029</v>
      </c>
      <c r="L3534">
        <f t="shared" si="401"/>
        <v>5.9517317682787469</v>
      </c>
      <c r="M3534">
        <f t="shared" si="402"/>
        <v>0</v>
      </c>
      <c r="N3534" s="46">
        <f t="shared" si="403"/>
        <v>45437.833333324845</v>
      </c>
    </row>
    <row r="3535" spans="2:14" x14ac:dyDescent="0.3">
      <c r="B3535">
        <f t="shared" si="397"/>
        <v>6</v>
      </c>
      <c r="C3535" s="16">
        <v>3501</v>
      </c>
      <c r="D3535" cm="1">
        <f t="array" ref="D3535">IFERROR(INDEX(Jesper!AH$2:AH$366,ROUNDDOWN($C3535/24,0)+1,1)*INDEX($D$3:$AA$30,INDEX(Jesper!$R$2:$R$366,ROW(INDEX(Jesper!AH$2:AH$366,ROUNDDOWN($C3535/24,0)+1,1))-1)+IF('Standard Profiles'!$G$18=$B$10,7,0)+IF('Standard Profiles'!$G$18=$B$17,14,0)+IF('Standard Profiles'!$G$18=$B$24,21,0),MOD($C3535,24)+1)/SUM(INDEX($D$3:$AA$30,INDEX(Jesper!$R$2:$R$366,ROW(INDEX(Jesper!AH$2:AH$366,ROUNDDOWN($C3535/24,0)+1,1))-1)+IF('Standard Profiles'!$G$18=$B$10,7,0)+IF('Standard Profiles'!$G$18=$B$17,14,0)+IF('Standard Profiles'!$G$18=$B$24,21,0),0)),0)</f>
        <v>5.7685234725820234</v>
      </c>
      <c r="E3535" cm="1">
        <f t="array" ref="E3535">IFERROR(INDEX(Jesper!AI$2:AI$366,ROUNDDOWN($C3535/24,0)+1,1)*INDEX($D$3:$AA$30,INDEX(Jesper!$R$2:$R$366,ROW(INDEX(Jesper!AI$2:AI$366,ROUNDDOWN($C3535/24,0)+1,1))-1)+IF('Standard Profiles'!$G$19=$B$10,7,0)+IF('Standard Profiles'!$G$19=$B$17,14,0)+IF('Standard Profiles'!$G$19=$B$24,21,0),MOD($C3535,24)+1)/SUM(INDEX($D$3:$AA$30,INDEX(Jesper!$R$2:$R$366,ROW(INDEX(Jesper!AI$2:AI$366,ROUNDDOWN($C3535/24,0)+1,1))-1)+IF('Standard Profiles'!$G$19=$B$10,7,0)+IF('Standard Profiles'!$G$19=$B$17,14,0)+IF('Standard Profiles'!$G$19=$B$24,21,0),0)),0)</f>
        <v>1.151101178622812</v>
      </c>
      <c r="F3535" cm="1">
        <f t="array" ref="F3535">IFERROR(INDEX(Jesper!AJ$2:AJ$366,ROUNDDOWN($C3535/24,0)+1,1)*INDEX($D$3:$AA$30,INDEX(Jesper!$R$2:$R$366,ROW(INDEX(Jesper!AJ$2:AJ$366,ROUNDDOWN($C3535/24,0)+1,1))-1)+IF('Standard Profiles'!$G$20=$B$10,7,0)+IF('Standard Profiles'!$G$20=$B$17,14,0)+IF('Standard Profiles'!$G$20=$B$24,21,0),MOD($C3535,24)+1)/SUM(INDEX($D$3:$AA$30,INDEX(Jesper!$R$2:$R$366,ROW(INDEX(Jesper!AJ$2:AJ$366,ROUNDDOWN($C3535/24,0)+1,1))-1)+IF('Standard Profiles'!$G$20=$B$10,7,0)+IF('Standard Profiles'!$G$20=$B$17,14,0)+IF('Standard Profiles'!$G$20=$B$24,21,0),0)),0)</f>
        <v>0</v>
      </c>
      <c r="G3535" cm="1">
        <f t="array" ref="G3535">IFERROR(INDEX(Jesper!AK$2:AK$366,ROUNDDOWN($C3535/24,0)+1,1)*INDEX($D$3:$AA$30,INDEX(Jesper!$R$2:$R$366,ROW(INDEX(Jesper!AK$2:AK$366,ROUNDDOWN($C3535/24,0)+1,1))-1)+IF('Standard Profiles'!$G$21=$B$10,7,0)+IF('Standard Profiles'!$G$21=$B$17,14,0)+IF('Standard Profiles'!$G$21=$B$24,21,0),MOD($C3535,24)+1)/SUM(INDEX($D$3:$AA$30,INDEX(Jesper!$R$2:$R$366,ROW(INDEX(Jesper!AK$2:AK$366,ROUNDDOWN($C3535/24,0)+1,1))-1)+IF('Standard Profiles'!$G$21=$B$10,7,0)+IF('Standard Profiles'!$G$21=$B$17,14,0)+IF('Standard Profiles'!$G$21=$B$24,21,0),0)),0)</f>
        <v>0</v>
      </c>
      <c r="H3535" cm="1">
        <f t="array" ref="H3535">IFERROR(INDEX(Jesper!AL$2:AL$366,ROUNDDOWN($C3535/24,0)+1,1)*INDEX($D$3:$AA$30,INDEX(Jesper!$R$2:$R$366,ROW(INDEX(Jesper!AL$2:AL$366,ROUNDDOWN($C3535/24,0)+1,1))-1)+IF('Standard Profiles'!$G$22=$B$10,7,0)+IF('Standard Profiles'!$G$22=$B$17,14,0)+IF('Standard Profiles'!$G$22=$B$24,21,0),MOD($C3535,24)+1)/SUM(INDEX($D$3:$AA$30,INDEX(Jesper!$R$2:$R$366,ROW(INDEX(Jesper!AL$2:AL$366,ROUNDDOWN($C3535/24,0)+1,1))-1)+IF('Standard Profiles'!$G$22=$B$10,7,0)+IF('Standard Profiles'!$G$22=$B$17,14,0)+IF('Standard Profiles'!$G$22=$B$24,21,0),0)),0)</f>
        <v>0</v>
      </c>
      <c r="I3535">
        <f t="shared" si="398"/>
        <v>0.10370280888493805</v>
      </c>
      <c r="J3535">
        <f t="shared" si="399"/>
        <v>0.34567602961646021</v>
      </c>
      <c r="K3535">
        <f t="shared" si="400"/>
        <v>0.51851404442469029</v>
      </c>
      <c r="L3535">
        <f t="shared" si="401"/>
        <v>5.9517317682787469</v>
      </c>
      <c r="M3535">
        <f t="shared" si="402"/>
        <v>0</v>
      </c>
      <c r="N3535" s="46">
        <f t="shared" si="403"/>
        <v>45437.874999991509</v>
      </c>
    </row>
    <row r="3536" spans="2:14" x14ac:dyDescent="0.3">
      <c r="B3536">
        <f t="shared" si="397"/>
        <v>6</v>
      </c>
      <c r="C3536" s="16">
        <v>3502</v>
      </c>
      <c r="D3536" cm="1">
        <f t="array" ref="D3536">IFERROR(INDEX(Jesper!AH$2:AH$366,ROUNDDOWN($C3536/24,0)+1,1)*INDEX($D$3:$AA$30,INDEX(Jesper!$R$2:$R$366,ROW(INDEX(Jesper!AH$2:AH$366,ROUNDDOWN($C3536/24,0)+1,1))-1)+IF('Standard Profiles'!$G$18=$B$10,7,0)+IF('Standard Profiles'!$G$18=$B$17,14,0)+IF('Standard Profiles'!$G$18=$B$24,21,0),MOD($C3536,24)+1)/SUM(INDEX($D$3:$AA$30,INDEX(Jesper!$R$2:$R$366,ROW(INDEX(Jesper!AH$2:AH$366,ROUNDDOWN($C3536/24,0)+1,1))-1)+IF('Standard Profiles'!$G$18=$B$10,7,0)+IF('Standard Profiles'!$G$18=$B$17,14,0)+IF('Standard Profiles'!$G$18=$B$24,21,0),0)),0)</f>
        <v>5.7685234725820234</v>
      </c>
      <c r="E3536" cm="1">
        <f t="array" ref="E3536">IFERROR(INDEX(Jesper!AI$2:AI$366,ROUNDDOWN($C3536/24,0)+1,1)*INDEX($D$3:$AA$30,INDEX(Jesper!$R$2:$R$366,ROW(INDEX(Jesper!AI$2:AI$366,ROUNDDOWN($C3536/24,0)+1,1))-1)+IF('Standard Profiles'!$G$19=$B$10,7,0)+IF('Standard Profiles'!$G$19=$B$17,14,0)+IF('Standard Profiles'!$G$19=$B$24,21,0),MOD($C3536,24)+1)/SUM(INDEX($D$3:$AA$30,INDEX(Jesper!$R$2:$R$366,ROW(INDEX(Jesper!AI$2:AI$366,ROUNDDOWN($C3536/24,0)+1,1))-1)+IF('Standard Profiles'!$G$19=$B$10,7,0)+IF('Standard Profiles'!$G$19=$B$17,14,0)+IF('Standard Profiles'!$G$19=$B$24,21,0),0)),0)</f>
        <v>1.151101178622812</v>
      </c>
      <c r="F3536" cm="1">
        <f t="array" ref="F3536">IFERROR(INDEX(Jesper!AJ$2:AJ$366,ROUNDDOWN($C3536/24,0)+1,1)*INDEX($D$3:$AA$30,INDEX(Jesper!$R$2:$R$366,ROW(INDEX(Jesper!AJ$2:AJ$366,ROUNDDOWN($C3536/24,0)+1,1))-1)+IF('Standard Profiles'!$G$20=$B$10,7,0)+IF('Standard Profiles'!$G$20=$B$17,14,0)+IF('Standard Profiles'!$G$20=$B$24,21,0),MOD($C3536,24)+1)/SUM(INDEX($D$3:$AA$30,INDEX(Jesper!$R$2:$R$366,ROW(INDEX(Jesper!AJ$2:AJ$366,ROUNDDOWN($C3536/24,0)+1,1))-1)+IF('Standard Profiles'!$G$20=$B$10,7,0)+IF('Standard Profiles'!$G$20=$B$17,14,0)+IF('Standard Profiles'!$G$20=$B$24,21,0),0)),0)</f>
        <v>0</v>
      </c>
      <c r="G3536" cm="1">
        <f t="array" ref="G3536">IFERROR(INDEX(Jesper!AK$2:AK$366,ROUNDDOWN($C3536/24,0)+1,1)*INDEX($D$3:$AA$30,INDEX(Jesper!$R$2:$R$366,ROW(INDEX(Jesper!AK$2:AK$366,ROUNDDOWN($C3536/24,0)+1,1))-1)+IF('Standard Profiles'!$G$21=$B$10,7,0)+IF('Standard Profiles'!$G$21=$B$17,14,0)+IF('Standard Profiles'!$G$21=$B$24,21,0),MOD($C3536,24)+1)/SUM(INDEX($D$3:$AA$30,INDEX(Jesper!$R$2:$R$366,ROW(INDEX(Jesper!AK$2:AK$366,ROUNDDOWN($C3536/24,0)+1,1))-1)+IF('Standard Profiles'!$G$21=$B$10,7,0)+IF('Standard Profiles'!$G$21=$B$17,14,0)+IF('Standard Profiles'!$G$21=$B$24,21,0),0)),0)</f>
        <v>0</v>
      </c>
      <c r="H3536" cm="1">
        <f t="array" ref="H3536">IFERROR(INDEX(Jesper!AL$2:AL$366,ROUNDDOWN($C3536/24,0)+1,1)*INDEX($D$3:$AA$30,INDEX(Jesper!$R$2:$R$366,ROW(INDEX(Jesper!AL$2:AL$366,ROUNDDOWN($C3536/24,0)+1,1))-1)+IF('Standard Profiles'!$G$22=$B$10,7,0)+IF('Standard Profiles'!$G$22=$B$17,14,0)+IF('Standard Profiles'!$G$22=$B$24,21,0),MOD($C3536,24)+1)/SUM(INDEX($D$3:$AA$30,INDEX(Jesper!$R$2:$R$366,ROW(INDEX(Jesper!AL$2:AL$366,ROUNDDOWN($C3536/24,0)+1,1))-1)+IF('Standard Profiles'!$G$22=$B$10,7,0)+IF('Standard Profiles'!$G$22=$B$17,14,0)+IF('Standard Profiles'!$G$22=$B$24,21,0),0)),0)</f>
        <v>0</v>
      </c>
      <c r="I3536">
        <f t="shared" si="398"/>
        <v>0.10370280888493805</v>
      </c>
      <c r="J3536">
        <f t="shared" si="399"/>
        <v>0.34567602961646021</v>
      </c>
      <c r="K3536">
        <f t="shared" si="400"/>
        <v>0.51851404442469029</v>
      </c>
      <c r="L3536">
        <f t="shared" si="401"/>
        <v>5.9517317682787469</v>
      </c>
      <c r="M3536">
        <f t="shared" si="402"/>
        <v>0</v>
      </c>
      <c r="N3536" s="46">
        <f t="shared" si="403"/>
        <v>45437.916666658173</v>
      </c>
    </row>
    <row r="3537" spans="2:14" x14ac:dyDescent="0.3">
      <c r="B3537">
        <f t="shared" si="397"/>
        <v>6</v>
      </c>
      <c r="C3537" s="16">
        <v>3503</v>
      </c>
      <c r="D3537" cm="1">
        <f t="array" ref="D3537">IFERROR(INDEX(Jesper!AH$2:AH$366,ROUNDDOWN($C3537/24,0)+1,1)*INDEX($D$3:$AA$30,INDEX(Jesper!$R$2:$R$366,ROW(INDEX(Jesper!AH$2:AH$366,ROUNDDOWN($C3537/24,0)+1,1))-1)+IF('Standard Profiles'!$G$18=$B$10,7,0)+IF('Standard Profiles'!$G$18=$B$17,14,0)+IF('Standard Profiles'!$G$18=$B$24,21,0),MOD($C3537,24)+1)/SUM(INDEX($D$3:$AA$30,INDEX(Jesper!$R$2:$R$366,ROW(INDEX(Jesper!AH$2:AH$366,ROUNDDOWN($C3537/24,0)+1,1))-1)+IF('Standard Profiles'!$G$18=$B$10,7,0)+IF('Standard Profiles'!$G$18=$B$17,14,0)+IF('Standard Profiles'!$G$18=$B$24,21,0),0)),0)</f>
        <v>5.7685234725820234</v>
      </c>
      <c r="E3537" cm="1">
        <f t="array" ref="E3537">IFERROR(INDEX(Jesper!AI$2:AI$366,ROUNDDOWN($C3537/24,0)+1,1)*INDEX($D$3:$AA$30,INDEX(Jesper!$R$2:$R$366,ROW(INDEX(Jesper!AI$2:AI$366,ROUNDDOWN($C3537/24,0)+1,1))-1)+IF('Standard Profiles'!$G$19=$B$10,7,0)+IF('Standard Profiles'!$G$19=$B$17,14,0)+IF('Standard Profiles'!$G$19=$B$24,21,0),MOD($C3537,24)+1)/SUM(INDEX($D$3:$AA$30,INDEX(Jesper!$R$2:$R$366,ROW(INDEX(Jesper!AI$2:AI$366,ROUNDDOWN($C3537/24,0)+1,1))-1)+IF('Standard Profiles'!$G$19=$B$10,7,0)+IF('Standard Profiles'!$G$19=$B$17,14,0)+IF('Standard Profiles'!$G$19=$B$24,21,0),0)),0)</f>
        <v>1.151101178622812</v>
      </c>
      <c r="F3537" cm="1">
        <f t="array" ref="F3537">IFERROR(INDEX(Jesper!AJ$2:AJ$366,ROUNDDOWN($C3537/24,0)+1,1)*INDEX($D$3:$AA$30,INDEX(Jesper!$R$2:$R$366,ROW(INDEX(Jesper!AJ$2:AJ$366,ROUNDDOWN($C3537/24,0)+1,1))-1)+IF('Standard Profiles'!$G$20=$B$10,7,0)+IF('Standard Profiles'!$G$20=$B$17,14,0)+IF('Standard Profiles'!$G$20=$B$24,21,0),MOD($C3537,24)+1)/SUM(INDEX($D$3:$AA$30,INDEX(Jesper!$R$2:$R$366,ROW(INDEX(Jesper!AJ$2:AJ$366,ROUNDDOWN($C3537/24,0)+1,1))-1)+IF('Standard Profiles'!$G$20=$B$10,7,0)+IF('Standard Profiles'!$G$20=$B$17,14,0)+IF('Standard Profiles'!$G$20=$B$24,21,0),0)),0)</f>
        <v>0</v>
      </c>
      <c r="G3537" cm="1">
        <f t="array" ref="G3537">IFERROR(INDEX(Jesper!AK$2:AK$366,ROUNDDOWN($C3537/24,0)+1,1)*INDEX($D$3:$AA$30,INDEX(Jesper!$R$2:$R$366,ROW(INDEX(Jesper!AK$2:AK$366,ROUNDDOWN($C3537/24,0)+1,1))-1)+IF('Standard Profiles'!$G$21=$B$10,7,0)+IF('Standard Profiles'!$G$21=$B$17,14,0)+IF('Standard Profiles'!$G$21=$B$24,21,0),MOD($C3537,24)+1)/SUM(INDEX($D$3:$AA$30,INDEX(Jesper!$R$2:$R$366,ROW(INDEX(Jesper!AK$2:AK$366,ROUNDDOWN($C3537/24,0)+1,1))-1)+IF('Standard Profiles'!$G$21=$B$10,7,0)+IF('Standard Profiles'!$G$21=$B$17,14,0)+IF('Standard Profiles'!$G$21=$B$24,21,0),0)),0)</f>
        <v>0</v>
      </c>
      <c r="H3537" cm="1">
        <f t="array" ref="H3537">IFERROR(INDEX(Jesper!AL$2:AL$366,ROUNDDOWN($C3537/24,0)+1,1)*INDEX($D$3:$AA$30,INDEX(Jesper!$R$2:$R$366,ROW(INDEX(Jesper!AL$2:AL$366,ROUNDDOWN($C3537/24,0)+1,1))-1)+IF('Standard Profiles'!$G$22=$B$10,7,0)+IF('Standard Profiles'!$G$22=$B$17,14,0)+IF('Standard Profiles'!$G$22=$B$24,21,0),MOD($C3537,24)+1)/SUM(INDEX($D$3:$AA$30,INDEX(Jesper!$R$2:$R$366,ROW(INDEX(Jesper!AL$2:AL$366,ROUNDDOWN($C3537/24,0)+1,1))-1)+IF('Standard Profiles'!$G$22=$B$10,7,0)+IF('Standard Profiles'!$G$22=$B$17,14,0)+IF('Standard Profiles'!$G$22=$B$24,21,0),0)),0)</f>
        <v>0</v>
      </c>
      <c r="I3537">
        <f t="shared" si="398"/>
        <v>0.10370280888493805</v>
      </c>
      <c r="J3537">
        <f t="shared" si="399"/>
        <v>0.34567602961646021</v>
      </c>
      <c r="K3537">
        <f t="shared" si="400"/>
        <v>0.51851404442469029</v>
      </c>
      <c r="L3537">
        <f t="shared" si="401"/>
        <v>5.9517317682787469</v>
      </c>
      <c r="M3537">
        <f t="shared" si="402"/>
        <v>0</v>
      </c>
      <c r="N3537" s="46">
        <f t="shared" si="403"/>
        <v>45437.958333324837</v>
      </c>
    </row>
    <row r="3538" spans="2:14" x14ac:dyDescent="0.3">
      <c r="B3538">
        <f t="shared" si="397"/>
        <v>7</v>
      </c>
      <c r="C3538" s="16">
        <v>3504</v>
      </c>
      <c r="D3538" cm="1">
        <f t="array" ref="D3538">IFERROR(INDEX(Jesper!AH$2:AH$366,ROUNDDOWN($C3538/24,0)+1,1)*INDEX($D$3:$AA$30,INDEX(Jesper!$R$2:$R$366,ROW(INDEX(Jesper!AH$2:AH$366,ROUNDDOWN($C3538/24,0)+1,1))-1)+IF('Standard Profiles'!$G$18=$B$10,7,0)+IF('Standard Profiles'!$G$18=$B$17,14,0)+IF('Standard Profiles'!$G$18=$B$24,21,0),MOD($C3538,24)+1)/SUM(INDEX($D$3:$AA$30,INDEX(Jesper!$R$2:$R$366,ROW(INDEX(Jesper!AH$2:AH$366,ROUNDDOWN($C3538/24,0)+1,1))-1)+IF('Standard Profiles'!$G$18=$B$10,7,0)+IF('Standard Profiles'!$G$18=$B$17,14,0)+IF('Standard Profiles'!$G$18=$B$24,21,0),0)),0)</f>
        <v>6.2730674491960148</v>
      </c>
      <c r="E3538" cm="1">
        <f t="array" ref="E3538">IFERROR(INDEX(Jesper!AI$2:AI$366,ROUNDDOWN($C3538/24,0)+1,1)*INDEX($D$3:$AA$30,INDEX(Jesper!$R$2:$R$366,ROW(INDEX(Jesper!AI$2:AI$366,ROUNDDOWN($C3538/24,0)+1,1))-1)+IF('Standard Profiles'!$G$19=$B$10,7,0)+IF('Standard Profiles'!$G$19=$B$17,14,0)+IF('Standard Profiles'!$G$19=$B$24,21,0),MOD($C3538,24)+1)/SUM(INDEX($D$3:$AA$30,INDEX(Jesper!$R$2:$R$366,ROW(INDEX(Jesper!AI$2:AI$366,ROUNDDOWN($C3538/24,0)+1,1))-1)+IF('Standard Profiles'!$G$19=$B$10,7,0)+IF('Standard Profiles'!$G$19=$B$17,14,0)+IF('Standard Profiles'!$G$19=$B$24,21,0),0)),0)</f>
        <v>1.1571537328490873</v>
      </c>
      <c r="F3538" cm="1">
        <f t="array" ref="F3538">IFERROR(INDEX(Jesper!AJ$2:AJ$366,ROUNDDOWN($C3538/24,0)+1,1)*INDEX($D$3:$AA$30,INDEX(Jesper!$R$2:$R$366,ROW(INDEX(Jesper!AJ$2:AJ$366,ROUNDDOWN($C3538/24,0)+1,1))-1)+IF('Standard Profiles'!$G$20=$B$10,7,0)+IF('Standard Profiles'!$G$20=$B$17,14,0)+IF('Standard Profiles'!$G$20=$B$24,21,0),MOD($C3538,24)+1)/SUM(INDEX($D$3:$AA$30,INDEX(Jesper!$R$2:$R$366,ROW(INDEX(Jesper!AJ$2:AJ$366,ROUNDDOWN($C3538/24,0)+1,1))-1)+IF('Standard Profiles'!$G$20=$B$10,7,0)+IF('Standard Profiles'!$G$20=$B$17,14,0)+IF('Standard Profiles'!$G$20=$B$24,21,0),0)),0)</f>
        <v>0</v>
      </c>
      <c r="G3538" cm="1">
        <f t="array" ref="G3538">IFERROR(INDEX(Jesper!AK$2:AK$366,ROUNDDOWN($C3538/24,0)+1,1)*INDEX($D$3:$AA$30,INDEX(Jesper!$R$2:$R$366,ROW(INDEX(Jesper!AK$2:AK$366,ROUNDDOWN($C3538/24,0)+1,1))-1)+IF('Standard Profiles'!$G$21=$B$10,7,0)+IF('Standard Profiles'!$G$21=$B$17,14,0)+IF('Standard Profiles'!$G$21=$B$24,21,0),MOD($C3538,24)+1)/SUM(INDEX($D$3:$AA$30,INDEX(Jesper!$R$2:$R$366,ROW(INDEX(Jesper!AK$2:AK$366,ROUNDDOWN($C3538/24,0)+1,1))-1)+IF('Standard Profiles'!$G$21=$B$10,7,0)+IF('Standard Profiles'!$G$21=$B$17,14,0)+IF('Standard Profiles'!$G$21=$B$24,21,0),0)),0)</f>
        <v>0</v>
      </c>
      <c r="H3538" cm="1">
        <f t="array" ref="H3538">IFERROR(INDEX(Jesper!AL$2:AL$366,ROUNDDOWN($C3538/24,0)+1,1)*INDEX($D$3:$AA$30,INDEX(Jesper!$R$2:$R$366,ROW(INDEX(Jesper!AL$2:AL$366,ROUNDDOWN($C3538/24,0)+1,1))-1)+IF('Standard Profiles'!$G$22=$B$10,7,0)+IF('Standard Profiles'!$G$22=$B$17,14,0)+IF('Standard Profiles'!$G$22=$B$24,21,0),MOD($C3538,24)+1)/SUM(INDEX($D$3:$AA$30,INDEX(Jesper!$R$2:$R$366,ROW(INDEX(Jesper!AL$2:AL$366,ROUNDDOWN($C3538/24,0)+1,1))-1)+IF('Standard Profiles'!$G$22=$B$10,7,0)+IF('Standard Profiles'!$G$22=$B$17,14,0)+IF('Standard Profiles'!$G$22=$B$24,21,0),0)),0)</f>
        <v>0</v>
      </c>
      <c r="I3538">
        <f t="shared" si="398"/>
        <v>0.10424808404045834</v>
      </c>
      <c r="J3538">
        <f t="shared" si="399"/>
        <v>0.34749361346819452</v>
      </c>
      <c r="K3538">
        <f t="shared" si="400"/>
        <v>0.52124042020229178</v>
      </c>
      <c r="L3538">
        <f t="shared" si="401"/>
        <v>6.457239064334158</v>
      </c>
      <c r="M3538">
        <f t="shared" si="402"/>
        <v>0</v>
      </c>
      <c r="N3538" s="46">
        <f t="shared" si="403"/>
        <v>45437.999999991502</v>
      </c>
    </row>
    <row r="3539" spans="2:14" x14ac:dyDescent="0.3">
      <c r="B3539">
        <f t="shared" si="397"/>
        <v>7</v>
      </c>
      <c r="C3539" s="16">
        <v>3505</v>
      </c>
      <c r="D3539" cm="1">
        <f t="array" ref="D3539">IFERROR(INDEX(Jesper!AH$2:AH$366,ROUNDDOWN($C3539/24,0)+1,1)*INDEX($D$3:$AA$30,INDEX(Jesper!$R$2:$R$366,ROW(INDEX(Jesper!AH$2:AH$366,ROUNDDOWN($C3539/24,0)+1,1))-1)+IF('Standard Profiles'!$G$18=$B$10,7,0)+IF('Standard Profiles'!$G$18=$B$17,14,0)+IF('Standard Profiles'!$G$18=$B$24,21,0),MOD($C3539,24)+1)/SUM(INDEX($D$3:$AA$30,INDEX(Jesper!$R$2:$R$366,ROW(INDEX(Jesper!AH$2:AH$366,ROUNDDOWN($C3539/24,0)+1,1))-1)+IF('Standard Profiles'!$G$18=$B$10,7,0)+IF('Standard Profiles'!$G$18=$B$17,14,0)+IF('Standard Profiles'!$G$18=$B$24,21,0),0)),0)</f>
        <v>7.2848525216469859</v>
      </c>
      <c r="E3539" cm="1">
        <f t="array" ref="E3539">IFERROR(INDEX(Jesper!AI$2:AI$366,ROUNDDOWN($C3539/24,0)+1,1)*INDEX($D$3:$AA$30,INDEX(Jesper!$R$2:$R$366,ROW(INDEX(Jesper!AI$2:AI$366,ROUNDDOWN($C3539/24,0)+1,1))-1)+IF('Standard Profiles'!$G$19=$B$10,7,0)+IF('Standard Profiles'!$G$19=$B$17,14,0)+IF('Standard Profiles'!$G$19=$B$24,21,0),MOD($C3539,24)+1)/SUM(INDEX($D$3:$AA$30,INDEX(Jesper!$R$2:$R$366,ROW(INDEX(Jesper!AI$2:AI$366,ROUNDDOWN($C3539/24,0)+1,1))-1)+IF('Standard Profiles'!$G$19=$B$10,7,0)+IF('Standard Profiles'!$G$19=$B$17,14,0)+IF('Standard Profiles'!$G$19=$B$24,21,0),0)),0)</f>
        <v>1.343791431695714</v>
      </c>
      <c r="F3539" cm="1">
        <f t="array" ref="F3539">IFERROR(INDEX(Jesper!AJ$2:AJ$366,ROUNDDOWN($C3539/24,0)+1,1)*INDEX($D$3:$AA$30,INDEX(Jesper!$R$2:$R$366,ROW(INDEX(Jesper!AJ$2:AJ$366,ROUNDDOWN($C3539/24,0)+1,1))-1)+IF('Standard Profiles'!$G$20=$B$10,7,0)+IF('Standard Profiles'!$G$20=$B$17,14,0)+IF('Standard Profiles'!$G$20=$B$24,21,0),MOD($C3539,24)+1)/SUM(INDEX($D$3:$AA$30,INDEX(Jesper!$R$2:$R$366,ROW(INDEX(Jesper!AJ$2:AJ$366,ROUNDDOWN($C3539/24,0)+1,1))-1)+IF('Standard Profiles'!$G$20=$B$10,7,0)+IF('Standard Profiles'!$G$20=$B$17,14,0)+IF('Standard Profiles'!$G$20=$B$24,21,0),0)),0)</f>
        <v>0</v>
      </c>
      <c r="G3539" cm="1">
        <f t="array" ref="G3539">IFERROR(INDEX(Jesper!AK$2:AK$366,ROUNDDOWN($C3539/24,0)+1,1)*INDEX($D$3:$AA$30,INDEX(Jesper!$R$2:$R$366,ROW(INDEX(Jesper!AK$2:AK$366,ROUNDDOWN($C3539/24,0)+1,1))-1)+IF('Standard Profiles'!$G$21=$B$10,7,0)+IF('Standard Profiles'!$G$21=$B$17,14,0)+IF('Standard Profiles'!$G$21=$B$24,21,0),MOD($C3539,24)+1)/SUM(INDEX($D$3:$AA$30,INDEX(Jesper!$R$2:$R$366,ROW(INDEX(Jesper!AK$2:AK$366,ROUNDDOWN($C3539/24,0)+1,1))-1)+IF('Standard Profiles'!$G$21=$B$10,7,0)+IF('Standard Profiles'!$G$21=$B$17,14,0)+IF('Standard Profiles'!$G$21=$B$24,21,0),0)),0)</f>
        <v>0</v>
      </c>
      <c r="H3539" cm="1">
        <f t="array" ref="H3539">IFERROR(INDEX(Jesper!AL$2:AL$366,ROUNDDOWN($C3539/24,0)+1,1)*INDEX($D$3:$AA$30,INDEX(Jesper!$R$2:$R$366,ROW(INDEX(Jesper!AL$2:AL$366,ROUNDDOWN($C3539/24,0)+1,1))-1)+IF('Standard Profiles'!$G$22=$B$10,7,0)+IF('Standard Profiles'!$G$22=$B$17,14,0)+IF('Standard Profiles'!$G$22=$B$24,21,0),MOD($C3539,24)+1)/SUM(INDEX($D$3:$AA$30,INDEX(Jesper!$R$2:$R$366,ROW(INDEX(Jesper!AL$2:AL$366,ROUNDDOWN($C3539/24,0)+1,1))-1)+IF('Standard Profiles'!$G$22=$B$10,7,0)+IF('Standard Profiles'!$G$22=$B$17,14,0)+IF('Standard Profiles'!$G$22=$B$24,21,0),0)),0)</f>
        <v>0</v>
      </c>
      <c r="I3539">
        <f t="shared" si="398"/>
        <v>0.12106229114375805</v>
      </c>
      <c r="J3539">
        <f t="shared" si="399"/>
        <v>0.40354097047919357</v>
      </c>
      <c r="K3539">
        <f t="shared" si="400"/>
        <v>0.6053114557187903</v>
      </c>
      <c r="L3539">
        <f t="shared" si="401"/>
        <v>7.4987292360009583</v>
      </c>
      <c r="M3539">
        <f t="shared" si="402"/>
        <v>0</v>
      </c>
      <c r="N3539" s="46">
        <f t="shared" si="403"/>
        <v>45438.041666658166</v>
      </c>
    </row>
    <row r="3540" spans="2:14" x14ac:dyDescent="0.3">
      <c r="B3540">
        <f t="shared" si="397"/>
        <v>7</v>
      </c>
      <c r="C3540" s="16">
        <v>3506</v>
      </c>
      <c r="D3540" cm="1">
        <f t="array" ref="D3540">IFERROR(INDEX(Jesper!AH$2:AH$366,ROUNDDOWN($C3540/24,0)+1,1)*INDEX($D$3:$AA$30,INDEX(Jesper!$R$2:$R$366,ROW(INDEX(Jesper!AH$2:AH$366,ROUNDDOWN($C3540/24,0)+1,1))-1)+IF('Standard Profiles'!$G$18=$B$10,7,0)+IF('Standard Profiles'!$G$18=$B$17,14,0)+IF('Standard Profiles'!$G$18=$B$24,21,0),MOD($C3540,24)+1)/SUM(INDEX($D$3:$AA$30,INDEX(Jesper!$R$2:$R$366,ROW(INDEX(Jesper!AH$2:AH$366,ROUNDDOWN($C3540/24,0)+1,1))-1)+IF('Standard Profiles'!$G$18=$B$10,7,0)+IF('Standard Profiles'!$G$18=$B$17,14,0)+IF('Standard Profiles'!$G$18=$B$24,21,0),0)),0)</f>
        <v>7.2848525216469859</v>
      </c>
      <c r="E3540" cm="1">
        <f t="array" ref="E3540">IFERROR(INDEX(Jesper!AI$2:AI$366,ROUNDDOWN($C3540/24,0)+1,1)*INDEX($D$3:$AA$30,INDEX(Jesper!$R$2:$R$366,ROW(INDEX(Jesper!AI$2:AI$366,ROUNDDOWN($C3540/24,0)+1,1))-1)+IF('Standard Profiles'!$G$19=$B$10,7,0)+IF('Standard Profiles'!$G$19=$B$17,14,0)+IF('Standard Profiles'!$G$19=$B$24,21,0),MOD($C3540,24)+1)/SUM(INDEX($D$3:$AA$30,INDEX(Jesper!$R$2:$R$366,ROW(INDEX(Jesper!AI$2:AI$366,ROUNDDOWN($C3540/24,0)+1,1))-1)+IF('Standard Profiles'!$G$19=$B$10,7,0)+IF('Standard Profiles'!$G$19=$B$17,14,0)+IF('Standard Profiles'!$G$19=$B$24,21,0),0)),0)</f>
        <v>1.343791431695714</v>
      </c>
      <c r="F3540" cm="1">
        <f t="array" ref="F3540">IFERROR(INDEX(Jesper!AJ$2:AJ$366,ROUNDDOWN($C3540/24,0)+1,1)*INDEX($D$3:$AA$30,INDEX(Jesper!$R$2:$R$366,ROW(INDEX(Jesper!AJ$2:AJ$366,ROUNDDOWN($C3540/24,0)+1,1))-1)+IF('Standard Profiles'!$G$20=$B$10,7,0)+IF('Standard Profiles'!$G$20=$B$17,14,0)+IF('Standard Profiles'!$G$20=$B$24,21,0),MOD($C3540,24)+1)/SUM(INDEX($D$3:$AA$30,INDEX(Jesper!$R$2:$R$366,ROW(INDEX(Jesper!AJ$2:AJ$366,ROUNDDOWN($C3540/24,0)+1,1))-1)+IF('Standard Profiles'!$G$20=$B$10,7,0)+IF('Standard Profiles'!$G$20=$B$17,14,0)+IF('Standard Profiles'!$G$20=$B$24,21,0),0)),0)</f>
        <v>0</v>
      </c>
      <c r="G3540" cm="1">
        <f t="array" ref="G3540">IFERROR(INDEX(Jesper!AK$2:AK$366,ROUNDDOWN($C3540/24,0)+1,1)*INDEX($D$3:$AA$30,INDEX(Jesper!$R$2:$R$366,ROW(INDEX(Jesper!AK$2:AK$366,ROUNDDOWN($C3540/24,0)+1,1))-1)+IF('Standard Profiles'!$G$21=$B$10,7,0)+IF('Standard Profiles'!$G$21=$B$17,14,0)+IF('Standard Profiles'!$G$21=$B$24,21,0),MOD($C3540,24)+1)/SUM(INDEX($D$3:$AA$30,INDEX(Jesper!$R$2:$R$366,ROW(INDEX(Jesper!AK$2:AK$366,ROUNDDOWN($C3540/24,0)+1,1))-1)+IF('Standard Profiles'!$G$21=$B$10,7,0)+IF('Standard Profiles'!$G$21=$B$17,14,0)+IF('Standard Profiles'!$G$21=$B$24,21,0),0)),0)</f>
        <v>0</v>
      </c>
      <c r="H3540" cm="1">
        <f t="array" ref="H3540">IFERROR(INDEX(Jesper!AL$2:AL$366,ROUNDDOWN($C3540/24,0)+1,1)*INDEX($D$3:$AA$30,INDEX(Jesper!$R$2:$R$366,ROW(INDEX(Jesper!AL$2:AL$366,ROUNDDOWN($C3540/24,0)+1,1))-1)+IF('Standard Profiles'!$G$22=$B$10,7,0)+IF('Standard Profiles'!$G$22=$B$17,14,0)+IF('Standard Profiles'!$G$22=$B$24,21,0),MOD($C3540,24)+1)/SUM(INDEX($D$3:$AA$30,INDEX(Jesper!$R$2:$R$366,ROW(INDEX(Jesper!AL$2:AL$366,ROUNDDOWN($C3540/24,0)+1,1))-1)+IF('Standard Profiles'!$G$22=$B$10,7,0)+IF('Standard Profiles'!$G$22=$B$17,14,0)+IF('Standard Profiles'!$G$22=$B$24,21,0),0)),0)</f>
        <v>0</v>
      </c>
      <c r="I3540">
        <f t="shared" si="398"/>
        <v>0.12106229114375805</v>
      </c>
      <c r="J3540">
        <f t="shared" si="399"/>
        <v>0.40354097047919357</v>
      </c>
      <c r="K3540">
        <f t="shared" si="400"/>
        <v>0.6053114557187903</v>
      </c>
      <c r="L3540">
        <f t="shared" si="401"/>
        <v>7.4987292360009583</v>
      </c>
      <c r="M3540">
        <f t="shared" si="402"/>
        <v>0</v>
      </c>
      <c r="N3540" s="46">
        <f t="shared" si="403"/>
        <v>45438.08333332483</v>
      </c>
    </row>
    <row r="3541" spans="2:14" x14ac:dyDescent="0.3">
      <c r="B3541">
        <f t="shared" si="397"/>
        <v>7</v>
      </c>
      <c r="C3541" s="16">
        <v>3507</v>
      </c>
      <c r="D3541" cm="1">
        <f t="array" ref="D3541">IFERROR(INDEX(Jesper!AH$2:AH$366,ROUNDDOWN($C3541/24,0)+1,1)*INDEX($D$3:$AA$30,INDEX(Jesper!$R$2:$R$366,ROW(INDEX(Jesper!AH$2:AH$366,ROUNDDOWN($C3541/24,0)+1,1))-1)+IF('Standard Profiles'!$G$18=$B$10,7,0)+IF('Standard Profiles'!$G$18=$B$17,14,0)+IF('Standard Profiles'!$G$18=$B$24,21,0),MOD($C3541,24)+1)/SUM(INDEX($D$3:$AA$30,INDEX(Jesper!$R$2:$R$366,ROW(INDEX(Jesper!AH$2:AH$366,ROUNDDOWN($C3541/24,0)+1,1))-1)+IF('Standard Profiles'!$G$18=$B$10,7,0)+IF('Standard Profiles'!$G$18=$B$17,14,0)+IF('Standard Profiles'!$G$18=$B$24,21,0),0)),0)</f>
        <v>7.2848525216469859</v>
      </c>
      <c r="E3541" cm="1">
        <f t="array" ref="E3541">IFERROR(INDEX(Jesper!AI$2:AI$366,ROUNDDOWN($C3541/24,0)+1,1)*INDEX($D$3:$AA$30,INDEX(Jesper!$R$2:$R$366,ROW(INDEX(Jesper!AI$2:AI$366,ROUNDDOWN($C3541/24,0)+1,1))-1)+IF('Standard Profiles'!$G$19=$B$10,7,0)+IF('Standard Profiles'!$G$19=$B$17,14,0)+IF('Standard Profiles'!$G$19=$B$24,21,0),MOD($C3541,24)+1)/SUM(INDEX($D$3:$AA$30,INDEX(Jesper!$R$2:$R$366,ROW(INDEX(Jesper!AI$2:AI$366,ROUNDDOWN($C3541/24,0)+1,1))-1)+IF('Standard Profiles'!$G$19=$B$10,7,0)+IF('Standard Profiles'!$G$19=$B$17,14,0)+IF('Standard Profiles'!$G$19=$B$24,21,0),0)),0)</f>
        <v>1.343791431695714</v>
      </c>
      <c r="F3541" cm="1">
        <f t="array" ref="F3541">IFERROR(INDEX(Jesper!AJ$2:AJ$366,ROUNDDOWN($C3541/24,0)+1,1)*INDEX($D$3:$AA$30,INDEX(Jesper!$R$2:$R$366,ROW(INDEX(Jesper!AJ$2:AJ$366,ROUNDDOWN($C3541/24,0)+1,1))-1)+IF('Standard Profiles'!$G$20=$B$10,7,0)+IF('Standard Profiles'!$G$20=$B$17,14,0)+IF('Standard Profiles'!$G$20=$B$24,21,0),MOD($C3541,24)+1)/SUM(INDEX($D$3:$AA$30,INDEX(Jesper!$R$2:$R$366,ROW(INDEX(Jesper!AJ$2:AJ$366,ROUNDDOWN($C3541/24,0)+1,1))-1)+IF('Standard Profiles'!$G$20=$B$10,7,0)+IF('Standard Profiles'!$G$20=$B$17,14,0)+IF('Standard Profiles'!$G$20=$B$24,21,0),0)),0)</f>
        <v>0</v>
      </c>
      <c r="G3541" cm="1">
        <f t="array" ref="G3541">IFERROR(INDEX(Jesper!AK$2:AK$366,ROUNDDOWN($C3541/24,0)+1,1)*INDEX($D$3:$AA$30,INDEX(Jesper!$R$2:$R$366,ROW(INDEX(Jesper!AK$2:AK$366,ROUNDDOWN($C3541/24,0)+1,1))-1)+IF('Standard Profiles'!$G$21=$B$10,7,0)+IF('Standard Profiles'!$G$21=$B$17,14,0)+IF('Standard Profiles'!$G$21=$B$24,21,0),MOD($C3541,24)+1)/SUM(INDEX($D$3:$AA$30,INDEX(Jesper!$R$2:$R$366,ROW(INDEX(Jesper!AK$2:AK$366,ROUNDDOWN($C3541/24,0)+1,1))-1)+IF('Standard Profiles'!$G$21=$B$10,7,0)+IF('Standard Profiles'!$G$21=$B$17,14,0)+IF('Standard Profiles'!$G$21=$B$24,21,0),0)),0)</f>
        <v>0</v>
      </c>
      <c r="H3541" cm="1">
        <f t="array" ref="H3541">IFERROR(INDEX(Jesper!AL$2:AL$366,ROUNDDOWN($C3541/24,0)+1,1)*INDEX($D$3:$AA$30,INDEX(Jesper!$R$2:$R$366,ROW(INDEX(Jesper!AL$2:AL$366,ROUNDDOWN($C3541/24,0)+1,1))-1)+IF('Standard Profiles'!$G$22=$B$10,7,0)+IF('Standard Profiles'!$G$22=$B$17,14,0)+IF('Standard Profiles'!$G$22=$B$24,21,0),MOD($C3541,24)+1)/SUM(INDEX($D$3:$AA$30,INDEX(Jesper!$R$2:$R$366,ROW(INDEX(Jesper!AL$2:AL$366,ROUNDDOWN($C3541/24,0)+1,1))-1)+IF('Standard Profiles'!$G$22=$B$10,7,0)+IF('Standard Profiles'!$G$22=$B$17,14,0)+IF('Standard Profiles'!$G$22=$B$24,21,0),0)),0)</f>
        <v>0</v>
      </c>
      <c r="I3541">
        <f t="shared" si="398"/>
        <v>0.12106229114375805</v>
      </c>
      <c r="J3541">
        <f t="shared" si="399"/>
        <v>0.40354097047919357</v>
      </c>
      <c r="K3541">
        <f t="shared" si="400"/>
        <v>0.6053114557187903</v>
      </c>
      <c r="L3541">
        <f t="shared" si="401"/>
        <v>7.4987292360009583</v>
      </c>
      <c r="M3541">
        <f t="shared" si="402"/>
        <v>0</v>
      </c>
      <c r="N3541" s="46">
        <f t="shared" si="403"/>
        <v>45438.124999991494</v>
      </c>
    </row>
    <row r="3542" spans="2:14" x14ac:dyDescent="0.3">
      <c r="B3542">
        <f t="shared" si="397"/>
        <v>7</v>
      </c>
      <c r="C3542" s="16">
        <v>3508</v>
      </c>
      <c r="D3542" cm="1">
        <f t="array" ref="D3542">IFERROR(INDEX(Jesper!AH$2:AH$366,ROUNDDOWN($C3542/24,0)+1,1)*INDEX($D$3:$AA$30,INDEX(Jesper!$R$2:$R$366,ROW(INDEX(Jesper!AH$2:AH$366,ROUNDDOWN($C3542/24,0)+1,1))-1)+IF('Standard Profiles'!$G$18=$B$10,7,0)+IF('Standard Profiles'!$G$18=$B$17,14,0)+IF('Standard Profiles'!$G$18=$B$24,21,0),MOD($C3542,24)+1)/SUM(INDEX($D$3:$AA$30,INDEX(Jesper!$R$2:$R$366,ROW(INDEX(Jesper!AH$2:AH$366,ROUNDDOWN($C3542/24,0)+1,1))-1)+IF('Standard Profiles'!$G$18=$B$10,7,0)+IF('Standard Profiles'!$G$18=$B$17,14,0)+IF('Standard Profiles'!$G$18=$B$24,21,0),0)),0)</f>
        <v>7.2848525216469859</v>
      </c>
      <c r="E3542" cm="1">
        <f t="array" ref="E3542">IFERROR(INDEX(Jesper!AI$2:AI$366,ROUNDDOWN($C3542/24,0)+1,1)*INDEX($D$3:$AA$30,INDEX(Jesper!$R$2:$R$366,ROW(INDEX(Jesper!AI$2:AI$366,ROUNDDOWN($C3542/24,0)+1,1))-1)+IF('Standard Profiles'!$G$19=$B$10,7,0)+IF('Standard Profiles'!$G$19=$B$17,14,0)+IF('Standard Profiles'!$G$19=$B$24,21,0),MOD($C3542,24)+1)/SUM(INDEX($D$3:$AA$30,INDEX(Jesper!$R$2:$R$366,ROW(INDEX(Jesper!AI$2:AI$366,ROUNDDOWN($C3542/24,0)+1,1))-1)+IF('Standard Profiles'!$G$19=$B$10,7,0)+IF('Standard Profiles'!$G$19=$B$17,14,0)+IF('Standard Profiles'!$G$19=$B$24,21,0),0)),0)</f>
        <v>1.343791431695714</v>
      </c>
      <c r="F3542" cm="1">
        <f t="array" ref="F3542">IFERROR(INDEX(Jesper!AJ$2:AJ$366,ROUNDDOWN($C3542/24,0)+1,1)*INDEX($D$3:$AA$30,INDEX(Jesper!$R$2:$R$366,ROW(INDEX(Jesper!AJ$2:AJ$366,ROUNDDOWN($C3542/24,0)+1,1))-1)+IF('Standard Profiles'!$G$20=$B$10,7,0)+IF('Standard Profiles'!$G$20=$B$17,14,0)+IF('Standard Profiles'!$G$20=$B$24,21,0),MOD($C3542,24)+1)/SUM(INDEX($D$3:$AA$30,INDEX(Jesper!$R$2:$R$366,ROW(INDEX(Jesper!AJ$2:AJ$366,ROUNDDOWN($C3542/24,0)+1,1))-1)+IF('Standard Profiles'!$G$20=$B$10,7,0)+IF('Standard Profiles'!$G$20=$B$17,14,0)+IF('Standard Profiles'!$G$20=$B$24,21,0),0)),0)</f>
        <v>0</v>
      </c>
      <c r="G3542" cm="1">
        <f t="array" ref="G3542">IFERROR(INDEX(Jesper!AK$2:AK$366,ROUNDDOWN($C3542/24,0)+1,1)*INDEX($D$3:$AA$30,INDEX(Jesper!$R$2:$R$366,ROW(INDEX(Jesper!AK$2:AK$366,ROUNDDOWN($C3542/24,0)+1,1))-1)+IF('Standard Profiles'!$G$21=$B$10,7,0)+IF('Standard Profiles'!$G$21=$B$17,14,0)+IF('Standard Profiles'!$G$21=$B$24,21,0),MOD($C3542,24)+1)/SUM(INDEX($D$3:$AA$30,INDEX(Jesper!$R$2:$R$366,ROW(INDEX(Jesper!AK$2:AK$366,ROUNDDOWN($C3542/24,0)+1,1))-1)+IF('Standard Profiles'!$G$21=$B$10,7,0)+IF('Standard Profiles'!$G$21=$B$17,14,0)+IF('Standard Profiles'!$G$21=$B$24,21,0),0)),0)</f>
        <v>0</v>
      </c>
      <c r="H3542" cm="1">
        <f t="array" ref="H3542">IFERROR(INDEX(Jesper!AL$2:AL$366,ROUNDDOWN($C3542/24,0)+1,1)*INDEX($D$3:$AA$30,INDEX(Jesper!$R$2:$R$366,ROW(INDEX(Jesper!AL$2:AL$366,ROUNDDOWN($C3542/24,0)+1,1))-1)+IF('Standard Profiles'!$G$22=$B$10,7,0)+IF('Standard Profiles'!$G$22=$B$17,14,0)+IF('Standard Profiles'!$G$22=$B$24,21,0),MOD($C3542,24)+1)/SUM(INDEX($D$3:$AA$30,INDEX(Jesper!$R$2:$R$366,ROW(INDEX(Jesper!AL$2:AL$366,ROUNDDOWN($C3542/24,0)+1,1))-1)+IF('Standard Profiles'!$G$22=$B$10,7,0)+IF('Standard Profiles'!$G$22=$B$17,14,0)+IF('Standard Profiles'!$G$22=$B$24,21,0),0)),0)</f>
        <v>0</v>
      </c>
      <c r="I3542">
        <f t="shared" si="398"/>
        <v>0.12106229114375805</v>
      </c>
      <c r="J3542">
        <f t="shared" si="399"/>
        <v>0.40354097047919357</v>
      </c>
      <c r="K3542">
        <f t="shared" si="400"/>
        <v>0.6053114557187903</v>
      </c>
      <c r="L3542">
        <f t="shared" si="401"/>
        <v>7.4987292360009583</v>
      </c>
      <c r="M3542">
        <f t="shared" si="402"/>
        <v>0</v>
      </c>
      <c r="N3542" s="46">
        <f t="shared" si="403"/>
        <v>45438.166666658159</v>
      </c>
    </row>
    <row r="3543" spans="2:14" x14ac:dyDescent="0.3">
      <c r="B3543">
        <f t="shared" si="397"/>
        <v>7</v>
      </c>
      <c r="C3543" s="16">
        <v>3509</v>
      </c>
      <c r="D3543" cm="1">
        <f t="array" ref="D3543">IFERROR(INDEX(Jesper!AH$2:AH$366,ROUNDDOWN($C3543/24,0)+1,1)*INDEX($D$3:$AA$30,INDEX(Jesper!$R$2:$R$366,ROW(INDEX(Jesper!AH$2:AH$366,ROUNDDOWN($C3543/24,0)+1,1))-1)+IF('Standard Profiles'!$G$18=$B$10,7,0)+IF('Standard Profiles'!$G$18=$B$17,14,0)+IF('Standard Profiles'!$G$18=$B$24,21,0),MOD($C3543,24)+1)/SUM(INDEX($D$3:$AA$30,INDEX(Jesper!$R$2:$R$366,ROW(INDEX(Jesper!AH$2:AH$366,ROUNDDOWN($C3543/24,0)+1,1))-1)+IF('Standard Profiles'!$G$18=$B$10,7,0)+IF('Standard Profiles'!$G$18=$B$17,14,0)+IF('Standard Profiles'!$G$18=$B$24,21,0),0)),0)</f>
        <v>9.1060656520587298</v>
      </c>
      <c r="E3543" cm="1">
        <f t="array" ref="E3543">IFERROR(INDEX(Jesper!AI$2:AI$366,ROUNDDOWN($C3543/24,0)+1,1)*INDEX($D$3:$AA$30,INDEX(Jesper!$R$2:$R$366,ROW(INDEX(Jesper!AI$2:AI$366,ROUNDDOWN($C3543/24,0)+1,1))-1)+IF('Standard Profiles'!$G$19=$B$10,7,0)+IF('Standard Profiles'!$G$19=$B$17,14,0)+IF('Standard Profiles'!$G$19=$B$24,21,0),MOD($C3543,24)+1)/SUM(INDEX($D$3:$AA$30,INDEX(Jesper!$R$2:$R$366,ROW(INDEX(Jesper!AI$2:AI$366,ROUNDDOWN($C3543/24,0)+1,1))-1)+IF('Standard Profiles'!$G$19=$B$10,7,0)+IF('Standard Profiles'!$G$19=$B$17,14,0)+IF('Standard Profiles'!$G$19=$B$24,21,0),0)),0)</f>
        <v>1.6797392896196428</v>
      </c>
      <c r="F3543" cm="1">
        <f t="array" ref="F3543">IFERROR(INDEX(Jesper!AJ$2:AJ$366,ROUNDDOWN($C3543/24,0)+1,1)*INDEX($D$3:$AA$30,INDEX(Jesper!$R$2:$R$366,ROW(INDEX(Jesper!AJ$2:AJ$366,ROUNDDOWN($C3543/24,0)+1,1))-1)+IF('Standard Profiles'!$G$20=$B$10,7,0)+IF('Standard Profiles'!$G$20=$B$17,14,0)+IF('Standard Profiles'!$G$20=$B$24,21,0),MOD($C3543,24)+1)/SUM(INDEX($D$3:$AA$30,INDEX(Jesper!$R$2:$R$366,ROW(INDEX(Jesper!AJ$2:AJ$366,ROUNDDOWN($C3543/24,0)+1,1))-1)+IF('Standard Profiles'!$G$20=$B$10,7,0)+IF('Standard Profiles'!$G$20=$B$17,14,0)+IF('Standard Profiles'!$G$20=$B$24,21,0),0)),0)</f>
        <v>0</v>
      </c>
      <c r="G3543" cm="1">
        <f t="array" ref="G3543">IFERROR(INDEX(Jesper!AK$2:AK$366,ROUNDDOWN($C3543/24,0)+1,1)*INDEX($D$3:$AA$30,INDEX(Jesper!$R$2:$R$366,ROW(INDEX(Jesper!AK$2:AK$366,ROUNDDOWN($C3543/24,0)+1,1))-1)+IF('Standard Profiles'!$G$21=$B$10,7,0)+IF('Standard Profiles'!$G$21=$B$17,14,0)+IF('Standard Profiles'!$G$21=$B$24,21,0),MOD($C3543,24)+1)/SUM(INDEX($D$3:$AA$30,INDEX(Jesper!$R$2:$R$366,ROW(INDEX(Jesper!AK$2:AK$366,ROUNDDOWN($C3543/24,0)+1,1))-1)+IF('Standard Profiles'!$G$21=$B$10,7,0)+IF('Standard Profiles'!$G$21=$B$17,14,0)+IF('Standard Profiles'!$G$21=$B$24,21,0),0)),0)</f>
        <v>0</v>
      </c>
      <c r="H3543" cm="1">
        <f t="array" ref="H3543">IFERROR(INDEX(Jesper!AL$2:AL$366,ROUNDDOWN($C3543/24,0)+1,1)*INDEX($D$3:$AA$30,INDEX(Jesper!$R$2:$R$366,ROW(INDEX(Jesper!AL$2:AL$366,ROUNDDOWN($C3543/24,0)+1,1))-1)+IF('Standard Profiles'!$G$22=$B$10,7,0)+IF('Standard Profiles'!$G$22=$B$17,14,0)+IF('Standard Profiles'!$G$22=$B$24,21,0),MOD($C3543,24)+1)/SUM(INDEX($D$3:$AA$30,INDEX(Jesper!$R$2:$R$366,ROW(INDEX(Jesper!AL$2:AL$366,ROUNDDOWN($C3543/24,0)+1,1))-1)+IF('Standard Profiles'!$G$22=$B$10,7,0)+IF('Standard Profiles'!$G$22=$B$17,14,0)+IF('Standard Profiles'!$G$22=$B$24,21,0),0)),0)</f>
        <v>0</v>
      </c>
      <c r="I3543">
        <f t="shared" si="398"/>
        <v>0.15132786392969758</v>
      </c>
      <c r="J3543">
        <f t="shared" si="399"/>
        <v>0.50442621309899205</v>
      </c>
      <c r="K3543">
        <f t="shared" si="400"/>
        <v>0.75663931964848807</v>
      </c>
      <c r="L3543">
        <f t="shared" si="401"/>
        <v>9.3734115450011952</v>
      </c>
      <c r="M3543">
        <f t="shared" si="402"/>
        <v>0</v>
      </c>
      <c r="N3543" s="46">
        <f t="shared" si="403"/>
        <v>45438.208333324823</v>
      </c>
    </row>
    <row r="3544" spans="2:14" x14ac:dyDescent="0.3">
      <c r="B3544">
        <f t="shared" si="397"/>
        <v>7</v>
      </c>
      <c r="C3544" s="16">
        <v>3510</v>
      </c>
      <c r="D3544" cm="1">
        <f t="array" ref="D3544">IFERROR(INDEX(Jesper!AH$2:AH$366,ROUNDDOWN($C3544/24,0)+1,1)*INDEX($D$3:$AA$30,INDEX(Jesper!$R$2:$R$366,ROW(INDEX(Jesper!AH$2:AH$366,ROUNDDOWN($C3544/24,0)+1,1))-1)+IF('Standard Profiles'!$G$18=$B$10,7,0)+IF('Standard Profiles'!$G$18=$B$17,14,0)+IF('Standard Profiles'!$G$18=$B$24,21,0),MOD($C3544,24)+1)/SUM(INDEX($D$3:$AA$30,INDEX(Jesper!$R$2:$R$366,ROW(INDEX(Jesper!AH$2:AH$366,ROUNDDOWN($C3544/24,0)+1,1))-1)+IF('Standard Profiles'!$G$18=$B$10,7,0)+IF('Standard Profiles'!$G$18=$B$17,14,0)+IF('Standard Profiles'!$G$18=$B$24,21,0),0)),0)</f>
        <v>10.724921767980284</v>
      </c>
      <c r="E3544" cm="1">
        <f t="array" ref="E3544">IFERROR(INDEX(Jesper!AI$2:AI$366,ROUNDDOWN($C3544/24,0)+1,1)*INDEX($D$3:$AA$30,INDEX(Jesper!$R$2:$R$366,ROW(INDEX(Jesper!AI$2:AI$366,ROUNDDOWN($C3544/24,0)+1,1))-1)+IF('Standard Profiles'!$G$19=$B$10,7,0)+IF('Standard Profiles'!$G$19=$B$17,14,0)+IF('Standard Profiles'!$G$19=$B$24,21,0),MOD($C3544,24)+1)/SUM(INDEX($D$3:$AA$30,INDEX(Jesper!$R$2:$R$366,ROW(INDEX(Jesper!AI$2:AI$366,ROUNDDOWN($C3544/24,0)+1,1))-1)+IF('Standard Profiles'!$G$19=$B$10,7,0)+IF('Standard Profiles'!$G$19=$B$17,14,0)+IF('Standard Profiles'!$G$19=$B$24,21,0),0)),0)</f>
        <v>1.978359607774246</v>
      </c>
      <c r="F3544" cm="1">
        <f t="array" ref="F3544">IFERROR(INDEX(Jesper!AJ$2:AJ$366,ROUNDDOWN($C3544/24,0)+1,1)*INDEX($D$3:$AA$30,INDEX(Jesper!$R$2:$R$366,ROW(INDEX(Jesper!AJ$2:AJ$366,ROUNDDOWN($C3544/24,0)+1,1))-1)+IF('Standard Profiles'!$G$20=$B$10,7,0)+IF('Standard Profiles'!$G$20=$B$17,14,0)+IF('Standard Profiles'!$G$20=$B$24,21,0),MOD($C3544,24)+1)/SUM(INDEX($D$3:$AA$30,INDEX(Jesper!$R$2:$R$366,ROW(INDEX(Jesper!AJ$2:AJ$366,ROUNDDOWN($C3544/24,0)+1,1))-1)+IF('Standard Profiles'!$G$20=$B$10,7,0)+IF('Standard Profiles'!$G$20=$B$17,14,0)+IF('Standard Profiles'!$G$20=$B$24,21,0),0)),0)</f>
        <v>0</v>
      </c>
      <c r="G3544" cm="1">
        <f t="array" ref="G3544">IFERROR(INDEX(Jesper!AK$2:AK$366,ROUNDDOWN($C3544/24,0)+1,1)*INDEX($D$3:$AA$30,INDEX(Jesper!$R$2:$R$366,ROW(INDEX(Jesper!AK$2:AK$366,ROUNDDOWN($C3544/24,0)+1,1))-1)+IF('Standard Profiles'!$G$21=$B$10,7,0)+IF('Standard Profiles'!$G$21=$B$17,14,0)+IF('Standard Profiles'!$G$21=$B$24,21,0),MOD($C3544,24)+1)/SUM(INDEX($D$3:$AA$30,INDEX(Jesper!$R$2:$R$366,ROW(INDEX(Jesper!AK$2:AK$366,ROUNDDOWN($C3544/24,0)+1,1))-1)+IF('Standard Profiles'!$G$21=$B$10,7,0)+IF('Standard Profiles'!$G$21=$B$17,14,0)+IF('Standard Profiles'!$G$21=$B$24,21,0),0)),0)</f>
        <v>0</v>
      </c>
      <c r="H3544" cm="1">
        <f t="array" ref="H3544">IFERROR(INDEX(Jesper!AL$2:AL$366,ROUNDDOWN($C3544/24,0)+1,1)*INDEX($D$3:$AA$30,INDEX(Jesper!$R$2:$R$366,ROW(INDEX(Jesper!AL$2:AL$366,ROUNDDOWN($C3544/24,0)+1,1))-1)+IF('Standard Profiles'!$G$22=$B$10,7,0)+IF('Standard Profiles'!$G$22=$B$17,14,0)+IF('Standard Profiles'!$G$22=$B$24,21,0),MOD($C3544,24)+1)/SUM(INDEX($D$3:$AA$30,INDEX(Jesper!$R$2:$R$366,ROW(INDEX(Jesper!AL$2:AL$366,ROUNDDOWN($C3544/24,0)+1,1))-1)+IF('Standard Profiles'!$G$22=$B$10,7,0)+IF('Standard Profiles'!$G$22=$B$17,14,0)+IF('Standard Profiles'!$G$22=$B$24,21,0),0)),0)</f>
        <v>0</v>
      </c>
      <c r="I3544">
        <f t="shared" si="398"/>
        <v>0.17823059529497717</v>
      </c>
      <c r="J3544">
        <f t="shared" si="399"/>
        <v>0.59410198431659067</v>
      </c>
      <c r="K3544">
        <f t="shared" si="400"/>
        <v>0.89115297647488589</v>
      </c>
      <c r="L3544">
        <f t="shared" si="401"/>
        <v>11.039795819668077</v>
      </c>
      <c r="M3544">
        <f t="shared" si="402"/>
        <v>0</v>
      </c>
      <c r="N3544" s="46">
        <f t="shared" si="403"/>
        <v>45438.249999991487</v>
      </c>
    </row>
    <row r="3545" spans="2:14" x14ac:dyDescent="0.3">
      <c r="B3545">
        <f t="shared" si="397"/>
        <v>7</v>
      </c>
      <c r="C3545" s="16">
        <v>3511</v>
      </c>
      <c r="D3545" cm="1">
        <f t="array" ref="D3545">IFERROR(INDEX(Jesper!AH$2:AH$366,ROUNDDOWN($C3545/24,0)+1,1)*INDEX($D$3:$AA$30,INDEX(Jesper!$R$2:$R$366,ROW(INDEX(Jesper!AH$2:AH$366,ROUNDDOWN($C3545/24,0)+1,1))-1)+IF('Standard Profiles'!$G$18=$B$10,7,0)+IF('Standard Profiles'!$G$18=$B$17,14,0)+IF('Standard Profiles'!$G$18=$B$24,21,0),MOD($C3545,24)+1)/SUM(INDEX($D$3:$AA$30,INDEX(Jesper!$R$2:$R$366,ROW(INDEX(Jesper!AH$2:AH$366,ROUNDDOWN($C3545/24,0)+1,1))-1)+IF('Standard Profiles'!$G$18=$B$10,7,0)+IF('Standard Profiles'!$G$18=$B$17,14,0)+IF('Standard Profiles'!$G$18=$B$24,21,0),0)),0)</f>
        <v>12.748491912882224</v>
      </c>
      <c r="E3545" cm="1">
        <f t="array" ref="E3545">IFERROR(INDEX(Jesper!AI$2:AI$366,ROUNDDOWN($C3545/24,0)+1,1)*INDEX($D$3:$AA$30,INDEX(Jesper!$R$2:$R$366,ROW(INDEX(Jesper!AI$2:AI$366,ROUNDDOWN($C3545/24,0)+1,1))-1)+IF('Standard Profiles'!$G$19=$B$10,7,0)+IF('Standard Profiles'!$G$19=$B$17,14,0)+IF('Standard Profiles'!$G$19=$B$24,21,0),MOD($C3545,24)+1)/SUM(INDEX($D$3:$AA$30,INDEX(Jesper!$R$2:$R$366,ROW(INDEX(Jesper!AI$2:AI$366,ROUNDDOWN($C3545/24,0)+1,1))-1)+IF('Standard Profiles'!$G$19=$B$10,7,0)+IF('Standard Profiles'!$G$19=$B$17,14,0)+IF('Standard Profiles'!$G$19=$B$24,21,0),0)),0)</f>
        <v>2.3516350054675002</v>
      </c>
      <c r="F3545" cm="1">
        <f t="array" ref="F3545">IFERROR(INDEX(Jesper!AJ$2:AJ$366,ROUNDDOWN($C3545/24,0)+1,1)*INDEX($D$3:$AA$30,INDEX(Jesper!$R$2:$R$366,ROW(INDEX(Jesper!AJ$2:AJ$366,ROUNDDOWN($C3545/24,0)+1,1))-1)+IF('Standard Profiles'!$G$20=$B$10,7,0)+IF('Standard Profiles'!$G$20=$B$17,14,0)+IF('Standard Profiles'!$G$20=$B$24,21,0),MOD($C3545,24)+1)/SUM(INDEX($D$3:$AA$30,INDEX(Jesper!$R$2:$R$366,ROW(INDEX(Jesper!AJ$2:AJ$366,ROUNDDOWN($C3545/24,0)+1,1))-1)+IF('Standard Profiles'!$G$20=$B$10,7,0)+IF('Standard Profiles'!$G$20=$B$17,14,0)+IF('Standard Profiles'!$G$20=$B$24,21,0),0)),0)</f>
        <v>0</v>
      </c>
      <c r="G3545" cm="1">
        <f t="array" ref="G3545">IFERROR(INDEX(Jesper!AK$2:AK$366,ROUNDDOWN($C3545/24,0)+1,1)*INDEX($D$3:$AA$30,INDEX(Jesper!$R$2:$R$366,ROW(INDEX(Jesper!AK$2:AK$366,ROUNDDOWN($C3545/24,0)+1,1))-1)+IF('Standard Profiles'!$G$21=$B$10,7,0)+IF('Standard Profiles'!$G$21=$B$17,14,0)+IF('Standard Profiles'!$G$21=$B$24,21,0),MOD($C3545,24)+1)/SUM(INDEX($D$3:$AA$30,INDEX(Jesper!$R$2:$R$366,ROW(INDEX(Jesper!AK$2:AK$366,ROUNDDOWN($C3545/24,0)+1,1))-1)+IF('Standard Profiles'!$G$21=$B$10,7,0)+IF('Standard Profiles'!$G$21=$B$17,14,0)+IF('Standard Profiles'!$G$21=$B$24,21,0),0)),0)</f>
        <v>0</v>
      </c>
      <c r="H3545" cm="1">
        <f t="array" ref="H3545">IFERROR(INDEX(Jesper!AL$2:AL$366,ROUNDDOWN($C3545/24,0)+1,1)*INDEX($D$3:$AA$30,INDEX(Jesper!$R$2:$R$366,ROW(INDEX(Jesper!AL$2:AL$366,ROUNDDOWN($C3545/24,0)+1,1))-1)+IF('Standard Profiles'!$G$22=$B$10,7,0)+IF('Standard Profiles'!$G$22=$B$17,14,0)+IF('Standard Profiles'!$G$22=$B$24,21,0),MOD($C3545,24)+1)/SUM(INDEX($D$3:$AA$30,INDEX(Jesper!$R$2:$R$366,ROW(INDEX(Jesper!AL$2:AL$366,ROUNDDOWN($C3545/24,0)+1,1))-1)+IF('Standard Profiles'!$G$22=$B$10,7,0)+IF('Standard Profiles'!$G$22=$B$17,14,0)+IF('Standard Profiles'!$G$22=$B$24,21,0),0)),0)</f>
        <v>0</v>
      </c>
      <c r="I3545">
        <f t="shared" si="398"/>
        <v>0.21185900950157666</v>
      </c>
      <c r="J3545">
        <f t="shared" si="399"/>
        <v>0.70619669833858889</v>
      </c>
      <c r="K3545">
        <f t="shared" si="400"/>
        <v>1.0592950475078833</v>
      </c>
      <c r="L3545">
        <f t="shared" si="401"/>
        <v>13.122776163001676</v>
      </c>
      <c r="M3545">
        <f t="shared" si="402"/>
        <v>0</v>
      </c>
      <c r="N3545" s="46">
        <f t="shared" si="403"/>
        <v>45438.291666658151</v>
      </c>
    </row>
    <row r="3546" spans="2:14" x14ac:dyDescent="0.3">
      <c r="B3546">
        <f t="shared" si="397"/>
        <v>7</v>
      </c>
      <c r="C3546" s="16">
        <v>3512</v>
      </c>
      <c r="D3546" cm="1">
        <f t="array" ref="D3546">IFERROR(INDEX(Jesper!AH$2:AH$366,ROUNDDOWN($C3546/24,0)+1,1)*INDEX($D$3:$AA$30,INDEX(Jesper!$R$2:$R$366,ROW(INDEX(Jesper!AH$2:AH$366,ROUNDDOWN($C3546/24,0)+1,1))-1)+IF('Standard Profiles'!$G$18=$B$10,7,0)+IF('Standard Profiles'!$G$18=$B$17,14,0)+IF('Standard Profiles'!$G$18=$B$24,21,0),MOD($C3546,24)+1)/SUM(INDEX($D$3:$AA$30,INDEX(Jesper!$R$2:$R$366,ROW(INDEX(Jesper!AH$2:AH$366,ROUNDDOWN($C3546/24,0)+1,1))-1)+IF('Standard Profiles'!$G$18=$B$10,7,0)+IF('Standard Profiles'!$G$18=$B$17,14,0)+IF('Standard Profiles'!$G$18=$B$24,21,0),0)),0)</f>
        <v>12.748491912882224</v>
      </c>
      <c r="E3546" cm="1">
        <f t="array" ref="E3546">IFERROR(INDEX(Jesper!AI$2:AI$366,ROUNDDOWN($C3546/24,0)+1,1)*INDEX($D$3:$AA$30,INDEX(Jesper!$R$2:$R$366,ROW(INDEX(Jesper!AI$2:AI$366,ROUNDDOWN($C3546/24,0)+1,1))-1)+IF('Standard Profiles'!$G$19=$B$10,7,0)+IF('Standard Profiles'!$G$19=$B$17,14,0)+IF('Standard Profiles'!$G$19=$B$24,21,0),MOD($C3546,24)+1)/SUM(INDEX($D$3:$AA$30,INDEX(Jesper!$R$2:$R$366,ROW(INDEX(Jesper!AI$2:AI$366,ROUNDDOWN($C3546/24,0)+1,1))-1)+IF('Standard Profiles'!$G$19=$B$10,7,0)+IF('Standard Profiles'!$G$19=$B$17,14,0)+IF('Standard Profiles'!$G$19=$B$24,21,0),0)),0)</f>
        <v>2.3516350054675002</v>
      </c>
      <c r="F3546" cm="1">
        <f t="array" ref="F3546">IFERROR(INDEX(Jesper!AJ$2:AJ$366,ROUNDDOWN($C3546/24,0)+1,1)*INDEX($D$3:$AA$30,INDEX(Jesper!$R$2:$R$366,ROW(INDEX(Jesper!AJ$2:AJ$366,ROUNDDOWN($C3546/24,0)+1,1))-1)+IF('Standard Profiles'!$G$20=$B$10,7,0)+IF('Standard Profiles'!$G$20=$B$17,14,0)+IF('Standard Profiles'!$G$20=$B$24,21,0),MOD($C3546,24)+1)/SUM(INDEX($D$3:$AA$30,INDEX(Jesper!$R$2:$R$366,ROW(INDEX(Jesper!AJ$2:AJ$366,ROUNDDOWN($C3546/24,0)+1,1))-1)+IF('Standard Profiles'!$G$20=$B$10,7,0)+IF('Standard Profiles'!$G$20=$B$17,14,0)+IF('Standard Profiles'!$G$20=$B$24,21,0),0)),0)</f>
        <v>0</v>
      </c>
      <c r="G3546" cm="1">
        <f t="array" ref="G3546">IFERROR(INDEX(Jesper!AK$2:AK$366,ROUNDDOWN($C3546/24,0)+1,1)*INDEX($D$3:$AA$30,INDEX(Jesper!$R$2:$R$366,ROW(INDEX(Jesper!AK$2:AK$366,ROUNDDOWN($C3546/24,0)+1,1))-1)+IF('Standard Profiles'!$G$21=$B$10,7,0)+IF('Standard Profiles'!$G$21=$B$17,14,0)+IF('Standard Profiles'!$G$21=$B$24,21,0),MOD($C3546,24)+1)/SUM(INDEX($D$3:$AA$30,INDEX(Jesper!$R$2:$R$366,ROW(INDEX(Jesper!AK$2:AK$366,ROUNDDOWN($C3546/24,0)+1,1))-1)+IF('Standard Profiles'!$G$21=$B$10,7,0)+IF('Standard Profiles'!$G$21=$B$17,14,0)+IF('Standard Profiles'!$G$21=$B$24,21,0),0)),0)</f>
        <v>0</v>
      </c>
      <c r="H3546" cm="1">
        <f t="array" ref="H3546">IFERROR(INDEX(Jesper!AL$2:AL$366,ROUNDDOWN($C3546/24,0)+1,1)*INDEX($D$3:$AA$30,INDEX(Jesper!$R$2:$R$366,ROW(INDEX(Jesper!AL$2:AL$366,ROUNDDOWN($C3546/24,0)+1,1))-1)+IF('Standard Profiles'!$G$22=$B$10,7,0)+IF('Standard Profiles'!$G$22=$B$17,14,0)+IF('Standard Profiles'!$G$22=$B$24,21,0),MOD($C3546,24)+1)/SUM(INDEX($D$3:$AA$30,INDEX(Jesper!$R$2:$R$366,ROW(INDEX(Jesper!AL$2:AL$366,ROUNDDOWN($C3546/24,0)+1,1))-1)+IF('Standard Profiles'!$G$22=$B$10,7,0)+IF('Standard Profiles'!$G$22=$B$17,14,0)+IF('Standard Profiles'!$G$22=$B$24,21,0),0)),0)</f>
        <v>0</v>
      </c>
      <c r="I3546">
        <f t="shared" si="398"/>
        <v>0.21185900950157666</v>
      </c>
      <c r="J3546">
        <f t="shared" si="399"/>
        <v>0.70619669833858889</v>
      </c>
      <c r="K3546">
        <f t="shared" si="400"/>
        <v>1.0592950475078833</v>
      </c>
      <c r="L3546">
        <f t="shared" si="401"/>
        <v>13.122776163001676</v>
      </c>
      <c r="M3546">
        <f t="shared" si="402"/>
        <v>0</v>
      </c>
      <c r="N3546" s="46">
        <f t="shared" si="403"/>
        <v>45438.333333324816</v>
      </c>
    </row>
    <row r="3547" spans="2:14" x14ac:dyDescent="0.3">
      <c r="B3547">
        <f t="shared" si="397"/>
        <v>7</v>
      </c>
      <c r="C3547" s="16">
        <v>3513</v>
      </c>
      <c r="D3547" cm="1">
        <f t="array" ref="D3547">IFERROR(INDEX(Jesper!AH$2:AH$366,ROUNDDOWN($C3547/24,0)+1,1)*INDEX($D$3:$AA$30,INDEX(Jesper!$R$2:$R$366,ROW(INDEX(Jesper!AH$2:AH$366,ROUNDDOWN($C3547/24,0)+1,1))-1)+IF('Standard Profiles'!$G$18=$B$10,7,0)+IF('Standard Profiles'!$G$18=$B$17,14,0)+IF('Standard Profiles'!$G$18=$B$24,21,0),MOD($C3547,24)+1)/SUM(INDEX($D$3:$AA$30,INDEX(Jesper!$R$2:$R$366,ROW(INDEX(Jesper!AH$2:AH$366,ROUNDDOWN($C3547/24,0)+1,1))-1)+IF('Standard Profiles'!$G$18=$B$10,7,0)+IF('Standard Profiles'!$G$18=$B$17,14,0)+IF('Standard Profiles'!$G$18=$B$24,21,0),0)),0)</f>
        <v>12.748491912882224</v>
      </c>
      <c r="E3547" cm="1">
        <f t="array" ref="E3547">IFERROR(INDEX(Jesper!AI$2:AI$366,ROUNDDOWN($C3547/24,0)+1,1)*INDEX($D$3:$AA$30,INDEX(Jesper!$R$2:$R$366,ROW(INDEX(Jesper!AI$2:AI$366,ROUNDDOWN($C3547/24,0)+1,1))-1)+IF('Standard Profiles'!$G$19=$B$10,7,0)+IF('Standard Profiles'!$G$19=$B$17,14,0)+IF('Standard Profiles'!$G$19=$B$24,21,0),MOD($C3547,24)+1)/SUM(INDEX($D$3:$AA$30,INDEX(Jesper!$R$2:$R$366,ROW(INDEX(Jesper!AI$2:AI$366,ROUNDDOWN($C3547/24,0)+1,1))-1)+IF('Standard Profiles'!$G$19=$B$10,7,0)+IF('Standard Profiles'!$G$19=$B$17,14,0)+IF('Standard Profiles'!$G$19=$B$24,21,0),0)),0)</f>
        <v>2.3516350054675002</v>
      </c>
      <c r="F3547" cm="1">
        <f t="array" ref="F3547">IFERROR(INDEX(Jesper!AJ$2:AJ$366,ROUNDDOWN($C3547/24,0)+1,1)*INDEX($D$3:$AA$30,INDEX(Jesper!$R$2:$R$366,ROW(INDEX(Jesper!AJ$2:AJ$366,ROUNDDOWN($C3547/24,0)+1,1))-1)+IF('Standard Profiles'!$G$20=$B$10,7,0)+IF('Standard Profiles'!$G$20=$B$17,14,0)+IF('Standard Profiles'!$G$20=$B$24,21,0),MOD($C3547,24)+1)/SUM(INDEX($D$3:$AA$30,INDEX(Jesper!$R$2:$R$366,ROW(INDEX(Jesper!AJ$2:AJ$366,ROUNDDOWN($C3547/24,0)+1,1))-1)+IF('Standard Profiles'!$G$20=$B$10,7,0)+IF('Standard Profiles'!$G$20=$B$17,14,0)+IF('Standard Profiles'!$G$20=$B$24,21,0),0)),0)</f>
        <v>0</v>
      </c>
      <c r="G3547" cm="1">
        <f t="array" ref="G3547">IFERROR(INDEX(Jesper!AK$2:AK$366,ROUNDDOWN($C3547/24,0)+1,1)*INDEX($D$3:$AA$30,INDEX(Jesper!$R$2:$R$366,ROW(INDEX(Jesper!AK$2:AK$366,ROUNDDOWN($C3547/24,0)+1,1))-1)+IF('Standard Profiles'!$G$21=$B$10,7,0)+IF('Standard Profiles'!$G$21=$B$17,14,0)+IF('Standard Profiles'!$G$21=$B$24,21,0),MOD($C3547,24)+1)/SUM(INDEX($D$3:$AA$30,INDEX(Jesper!$R$2:$R$366,ROW(INDEX(Jesper!AK$2:AK$366,ROUNDDOWN($C3547/24,0)+1,1))-1)+IF('Standard Profiles'!$G$21=$B$10,7,0)+IF('Standard Profiles'!$G$21=$B$17,14,0)+IF('Standard Profiles'!$G$21=$B$24,21,0),0)),0)</f>
        <v>0</v>
      </c>
      <c r="H3547" cm="1">
        <f t="array" ref="H3547">IFERROR(INDEX(Jesper!AL$2:AL$366,ROUNDDOWN($C3547/24,0)+1,1)*INDEX($D$3:$AA$30,INDEX(Jesper!$R$2:$R$366,ROW(INDEX(Jesper!AL$2:AL$366,ROUNDDOWN($C3547/24,0)+1,1))-1)+IF('Standard Profiles'!$G$22=$B$10,7,0)+IF('Standard Profiles'!$G$22=$B$17,14,0)+IF('Standard Profiles'!$G$22=$B$24,21,0),MOD($C3547,24)+1)/SUM(INDEX($D$3:$AA$30,INDEX(Jesper!$R$2:$R$366,ROW(INDEX(Jesper!AL$2:AL$366,ROUNDDOWN($C3547/24,0)+1,1))-1)+IF('Standard Profiles'!$G$22=$B$10,7,0)+IF('Standard Profiles'!$G$22=$B$17,14,0)+IF('Standard Profiles'!$G$22=$B$24,21,0),0)),0)</f>
        <v>0</v>
      </c>
      <c r="I3547">
        <f t="shared" si="398"/>
        <v>0.21185900950157666</v>
      </c>
      <c r="J3547">
        <f t="shared" si="399"/>
        <v>0.70619669833858889</v>
      </c>
      <c r="K3547">
        <f t="shared" si="400"/>
        <v>1.0592950475078833</v>
      </c>
      <c r="L3547">
        <f t="shared" si="401"/>
        <v>13.122776163001676</v>
      </c>
      <c r="M3547">
        <f t="shared" si="402"/>
        <v>0</v>
      </c>
      <c r="N3547" s="46">
        <f t="shared" si="403"/>
        <v>45438.37499999148</v>
      </c>
    </row>
    <row r="3548" spans="2:14" x14ac:dyDescent="0.3">
      <c r="B3548">
        <f t="shared" si="397"/>
        <v>7</v>
      </c>
      <c r="C3548" s="16">
        <v>3514</v>
      </c>
      <c r="D3548" cm="1">
        <f t="array" ref="D3548">IFERROR(INDEX(Jesper!AH$2:AH$366,ROUNDDOWN($C3548/24,0)+1,1)*INDEX($D$3:$AA$30,INDEX(Jesper!$R$2:$R$366,ROW(INDEX(Jesper!AH$2:AH$366,ROUNDDOWN($C3548/24,0)+1,1))-1)+IF('Standard Profiles'!$G$18=$B$10,7,0)+IF('Standard Profiles'!$G$18=$B$17,14,0)+IF('Standard Profiles'!$G$18=$B$24,21,0),MOD($C3548,24)+1)/SUM(INDEX($D$3:$AA$30,INDEX(Jesper!$R$2:$R$366,ROW(INDEX(Jesper!AH$2:AH$366,ROUNDDOWN($C3548/24,0)+1,1))-1)+IF('Standard Profiles'!$G$18=$B$10,7,0)+IF('Standard Profiles'!$G$18=$B$17,14,0)+IF('Standard Profiles'!$G$18=$B$24,21,0),0)),0)</f>
        <v>12.748491912882224</v>
      </c>
      <c r="E3548" cm="1">
        <f t="array" ref="E3548">IFERROR(INDEX(Jesper!AI$2:AI$366,ROUNDDOWN($C3548/24,0)+1,1)*INDEX($D$3:$AA$30,INDEX(Jesper!$R$2:$R$366,ROW(INDEX(Jesper!AI$2:AI$366,ROUNDDOWN($C3548/24,0)+1,1))-1)+IF('Standard Profiles'!$G$19=$B$10,7,0)+IF('Standard Profiles'!$G$19=$B$17,14,0)+IF('Standard Profiles'!$G$19=$B$24,21,0),MOD($C3548,24)+1)/SUM(INDEX($D$3:$AA$30,INDEX(Jesper!$R$2:$R$366,ROW(INDEX(Jesper!AI$2:AI$366,ROUNDDOWN($C3548/24,0)+1,1))-1)+IF('Standard Profiles'!$G$19=$B$10,7,0)+IF('Standard Profiles'!$G$19=$B$17,14,0)+IF('Standard Profiles'!$G$19=$B$24,21,0),0)),0)</f>
        <v>2.3516350054675002</v>
      </c>
      <c r="F3548" cm="1">
        <f t="array" ref="F3548">IFERROR(INDEX(Jesper!AJ$2:AJ$366,ROUNDDOWN($C3548/24,0)+1,1)*INDEX($D$3:$AA$30,INDEX(Jesper!$R$2:$R$366,ROW(INDEX(Jesper!AJ$2:AJ$366,ROUNDDOWN($C3548/24,0)+1,1))-1)+IF('Standard Profiles'!$G$20=$B$10,7,0)+IF('Standard Profiles'!$G$20=$B$17,14,0)+IF('Standard Profiles'!$G$20=$B$24,21,0),MOD($C3548,24)+1)/SUM(INDEX($D$3:$AA$30,INDEX(Jesper!$R$2:$R$366,ROW(INDEX(Jesper!AJ$2:AJ$366,ROUNDDOWN($C3548/24,0)+1,1))-1)+IF('Standard Profiles'!$G$20=$B$10,7,0)+IF('Standard Profiles'!$G$20=$B$17,14,0)+IF('Standard Profiles'!$G$20=$B$24,21,0),0)),0)</f>
        <v>0</v>
      </c>
      <c r="G3548" cm="1">
        <f t="array" ref="G3548">IFERROR(INDEX(Jesper!AK$2:AK$366,ROUNDDOWN($C3548/24,0)+1,1)*INDEX($D$3:$AA$30,INDEX(Jesper!$R$2:$R$366,ROW(INDEX(Jesper!AK$2:AK$366,ROUNDDOWN($C3548/24,0)+1,1))-1)+IF('Standard Profiles'!$G$21=$B$10,7,0)+IF('Standard Profiles'!$G$21=$B$17,14,0)+IF('Standard Profiles'!$G$21=$B$24,21,0),MOD($C3548,24)+1)/SUM(INDEX($D$3:$AA$30,INDEX(Jesper!$R$2:$R$366,ROW(INDEX(Jesper!AK$2:AK$366,ROUNDDOWN($C3548/24,0)+1,1))-1)+IF('Standard Profiles'!$G$21=$B$10,7,0)+IF('Standard Profiles'!$G$21=$B$17,14,0)+IF('Standard Profiles'!$G$21=$B$24,21,0),0)),0)</f>
        <v>0</v>
      </c>
      <c r="H3548" cm="1">
        <f t="array" ref="H3548">IFERROR(INDEX(Jesper!AL$2:AL$366,ROUNDDOWN($C3548/24,0)+1,1)*INDEX($D$3:$AA$30,INDEX(Jesper!$R$2:$R$366,ROW(INDEX(Jesper!AL$2:AL$366,ROUNDDOWN($C3548/24,0)+1,1))-1)+IF('Standard Profiles'!$G$22=$B$10,7,0)+IF('Standard Profiles'!$G$22=$B$17,14,0)+IF('Standard Profiles'!$G$22=$B$24,21,0),MOD($C3548,24)+1)/SUM(INDEX($D$3:$AA$30,INDEX(Jesper!$R$2:$R$366,ROW(INDEX(Jesper!AL$2:AL$366,ROUNDDOWN($C3548/24,0)+1,1))-1)+IF('Standard Profiles'!$G$22=$B$10,7,0)+IF('Standard Profiles'!$G$22=$B$17,14,0)+IF('Standard Profiles'!$G$22=$B$24,21,0),0)),0)</f>
        <v>0</v>
      </c>
      <c r="I3548">
        <f t="shared" si="398"/>
        <v>0.21185900950157666</v>
      </c>
      <c r="J3548">
        <f t="shared" si="399"/>
        <v>0.70619669833858889</v>
      </c>
      <c r="K3548">
        <f t="shared" si="400"/>
        <v>1.0592950475078833</v>
      </c>
      <c r="L3548">
        <f t="shared" si="401"/>
        <v>13.122776163001676</v>
      </c>
      <c r="M3548">
        <f t="shared" si="402"/>
        <v>0</v>
      </c>
      <c r="N3548" s="46">
        <f t="shared" si="403"/>
        <v>45438.416666658144</v>
      </c>
    </row>
    <row r="3549" spans="2:14" x14ac:dyDescent="0.3">
      <c r="B3549">
        <f t="shared" si="397"/>
        <v>7</v>
      </c>
      <c r="C3549" s="16">
        <v>3515</v>
      </c>
      <c r="D3549" cm="1">
        <f t="array" ref="D3549">IFERROR(INDEX(Jesper!AH$2:AH$366,ROUNDDOWN($C3549/24,0)+1,1)*INDEX($D$3:$AA$30,INDEX(Jesper!$R$2:$R$366,ROW(INDEX(Jesper!AH$2:AH$366,ROUNDDOWN($C3549/24,0)+1,1))-1)+IF('Standard Profiles'!$G$18=$B$10,7,0)+IF('Standard Profiles'!$G$18=$B$17,14,0)+IF('Standard Profiles'!$G$18=$B$24,21,0),MOD($C3549,24)+1)/SUM(INDEX($D$3:$AA$30,INDEX(Jesper!$R$2:$R$366,ROW(INDEX(Jesper!AH$2:AH$366,ROUNDDOWN($C3549/24,0)+1,1))-1)+IF('Standard Profiles'!$G$18=$B$10,7,0)+IF('Standard Profiles'!$G$18=$B$17,14,0)+IF('Standard Profiles'!$G$18=$B$24,21,0),0)),0)</f>
        <v>12.748491912882224</v>
      </c>
      <c r="E3549" cm="1">
        <f t="array" ref="E3549">IFERROR(INDEX(Jesper!AI$2:AI$366,ROUNDDOWN($C3549/24,0)+1,1)*INDEX($D$3:$AA$30,INDEX(Jesper!$R$2:$R$366,ROW(INDEX(Jesper!AI$2:AI$366,ROUNDDOWN($C3549/24,0)+1,1))-1)+IF('Standard Profiles'!$G$19=$B$10,7,0)+IF('Standard Profiles'!$G$19=$B$17,14,0)+IF('Standard Profiles'!$G$19=$B$24,21,0),MOD($C3549,24)+1)/SUM(INDEX($D$3:$AA$30,INDEX(Jesper!$R$2:$R$366,ROW(INDEX(Jesper!AI$2:AI$366,ROUNDDOWN($C3549/24,0)+1,1))-1)+IF('Standard Profiles'!$G$19=$B$10,7,0)+IF('Standard Profiles'!$G$19=$B$17,14,0)+IF('Standard Profiles'!$G$19=$B$24,21,0),0)),0)</f>
        <v>2.3516350054675002</v>
      </c>
      <c r="F3549" cm="1">
        <f t="array" ref="F3549">IFERROR(INDEX(Jesper!AJ$2:AJ$366,ROUNDDOWN($C3549/24,0)+1,1)*INDEX($D$3:$AA$30,INDEX(Jesper!$R$2:$R$366,ROW(INDEX(Jesper!AJ$2:AJ$366,ROUNDDOWN($C3549/24,0)+1,1))-1)+IF('Standard Profiles'!$G$20=$B$10,7,0)+IF('Standard Profiles'!$G$20=$B$17,14,0)+IF('Standard Profiles'!$G$20=$B$24,21,0),MOD($C3549,24)+1)/SUM(INDEX($D$3:$AA$30,INDEX(Jesper!$R$2:$R$366,ROW(INDEX(Jesper!AJ$2:AJ$366,ROUNDDOWN($C3549/24,0)+1,1))-1)+IF('Standard Profiles'!$G$20=$B$10,7,0)+IF('Standard Profiles'!$G$20=$B$17,14,0)+IF('Standard Profiles'!$G$20=$B$24,21,0),0)),0)</f>
        <v>0</v>
      </c>
      <c r="G3549" cm="1">
        <f t="array" ref="G3549">IFERROR(INDEX(Jesper!AK$2:AK$366,ROUNDDOWN($C3549/24,0)+1,1)*INDEX($D$3:$AA$30,INDEX(Jesper!$R$2:$R$366,ROW(INDEX(Jesper!AK$2:AK$366,ROUNDDOWN($C3549/24,0)+1,1))-1)+IF('Standard Profiles'!$G$21=$B$10,7,0)+IF('Standard Profiles'!$G$21=$B$17,14,0)+IF('Standard Profiles'!$G$21=$B$24,21,0),MOD($C3549,24)+1)/SUM(INDEX($D$3:$AA$30,INDEX(Jesper!$R$2:$R$366,ROW(INDEX(Jesper!AK$2:AK$366,ROUNDDOWN($C3549/24,0)+1,1))-1)+IF('Standard Profiles'!$G$21=$B$10,7,0)+IF('Standard Profiles'!$G$21=$B$17,14,0)+IF('Standard Profiles'!$G$21=$B$24,21,0),0)),0)</f>
        <v>0</v>
      </c>
      <c r="H3549" cm="1">
        <f t="array" ref="H3549">IFERROR(INDEX(Jesper!AL$2:AL$366,ROUNDDOWN($C3549/24,0)+1,1)*INDEX($D$3:$AA$30,INDEX(Jesper!$R$2:$R$366,ROW(INDEX(Jesper!AL$2:AL$366,ROUNDDOWN($C3549/24,0)+1,1))-1)+IF('Standard Profiles'!$G$22=$B$10,7,0)+IF('Standard Profiles'!$G$22=$B$17,14,0)+IF('Standard Profiles'!$G$22=$B$24,21,0),MOD($C3549,24)+1)/SUM(INDEX($D$3:$AA$30,INDEX(Jesper!$R$2:$R$366,ROW(INDEX(Jesper!AL$2:AL$366,ROUNDDOWN($C3549/24,0)+1,1))-1)+IF('Standard Profiles'!$G$22=$B$10,7,0)+IF('Standard Profiles'!$G$22=$B$17,14,0)+IF('Standard Profiles'!$G$22=$B$24,21,0),0)),0)</f>
        <v>0</v>
      </c>
      <c r="I3549">
        <f t="shared" si="398"/>
        <v>0.21185900950157666</v>
      </c>
      <c r="J3549">
        <f t="shared" si="399"/>
        <v>0.70619669833858889</v>
      </c>
      <c r="K3549">
        <f t="shared" si="400"/>
        <v>1.0592950475078833</v>
      </c>
      <c r="L3549">
        <f t="shared" si="401"/>
        <v>13.122776163001676</v>
      </c>
      <c r="M3549">
        <f t="shared" si="402"/>
        <v>0</v>
      </c>
      <c r="N3549" s="46">
        <f t="shared" si="403"/>
        <v>45438.458333324808</v>
      </c>
    </row>
    <row r="3550" spans="2:14" x14ac:dyDescent="0.3">
      <c r="B3550">
        <f t="shared" si="397"/>
        <v>7</v>
      </c>
      <c r="C3550" s="16">
        <v>3516</v>
      </c>
      <c r="D3550" cm="1">
        <f t="array" ref="D3550">IFERROR(INDEX(Jesper!AH$2:AH$366,ROUNDDOWN($C3550/24,0)+1,1)*INDEX($D$3:$AA$30,INDEX(Jesper!$R$2:$R$366,ROW(INDEX(Jesper!AH$2:AH$366,ROUNDDOWN($C3550/24,0)+1,1))-1)+IF('Standard Profiles'!$G$18=$B$10,7,0)+IF('Standard Profiles'!$G$18=$B$17,14,0)+IF('Standard Profiles'!$G$18=$B$24,21,0),MOD($C3550,24)+1)/SUM(INDEX($D$3:$AA$30,INDEX(Jesper!$R$2:$R$366,ROW(INDEX(Jesper!AH$2:AH$366,ROUNDDOWN($C3550/24,0)+1,1))-1)+IF('Standard Profiles'!$G$18=$B$10,7,0)+IF('Standard Profiles'!$G$18=$B$17,14,0)+IF('Standard Profiles'!$G$18=$B$24,21,0),0)),0)</f>
        <v>12.748491912882224</v>
      </c>
      <c r="E3550" cm="1">
        <f t="array" ref="E3550">IFERROR(INDEX(Jesper!AI$2:AI$366,ROUNDDOWN($C3550/24,0)+1,1)*INDEX($D$3:$AA$30,INDEX(Jesper!$R$2:$R$366,ROW(INDEX(Jesper!AI$2:AI$366,ROUNDDOWN($C3550/24,0)+1,1))-1)+IF('Standard Profiles'!$G$19=$B$10,7,0)+IF('Standard Profiles'!$G$19=$B$17,14,0)+IF('Standard Profiles'!$G$19=$B$24,21,0),MOD($C3550,24)+1)/SUM(INDEX($D$3:$AA$30,INDEX(Jesper!$R$2:$R$366,ROW(INDEX(Jesper!AI$2:AI$366,ROUNDDOWN($C3550/24,0)+1,1))-1)+IF('Standard Profiles'!$G$19=$B$10,7,0)+IF('Standard Profiles'!$G$19=$B$17,14,0)+IF('Standard Profiles'!$G$19=$B$24,21,0),0)),0)</f>
        <v>2.3516350054675002</v>
      </c>
      <c r="F3550" cm="1">
        <f t="array" ref="F3550">IFERROR(INDEX(Jesper!AJ$2:AJ$366,ROUNDDOWN($C3550/24,0)+1,1)*INDEX($D$3:$AA$30,INDEX(Jesper!$R$2:$R$366,ROW(INDEX(Jesper!AJ$2:AJ$366,ROUNDDOWN($C3550/24,0)+1,1))-1)+IF('Standard Profiles'!$G$20=$B$10,7,0)+IF('Standard Profiles'!$G$20=$B$17,14,0)+IF('Standard Profiles'!$G$20=$B$24,21,0),MOD($C3550,24)+1)/SUM(INDEX($D$3:$AA$30,INDEX(Jesper!$R$2:$R$366,ROW(INDEX(Jesper!AJ$2:AJ$366,ROUNDDOWN($C3550/24,0)+1,1))-1)+IF('Standard Profiles'!$G$20=$B$10,7,0)+IF('Standard Profiles'!$G$20=$B$17,14,0)+IF('Standard Profiles'!$G$20=$B$24,21,0),0)),0)</f>
        <v>0</v>
      </c>
      <c r="G3550" cm="1">
        <f t="array" ref="G3550">IFERROR(INDEX(Jesper!AK$2:AK$366,ROUNDDOWN($C3550/24,0)+1,1)*INDEX($D$3:$AA$30,INDEX(Jesper!$R$2:$R$366,ROW(INDEX(Jesper!AK$2:AK$366,ROUNDDOWN($C3550/24,0)+1,1))-1)+IF('Standard Profiles'!$G$21=$B$10,7,0)+IF('Standard Profiles'!$G$21=$B$17,14,0)+IF('Standard Profiles'!$G$21=$B$24,21,0),MOD($C3550,24)+1)/SUM(INDEX($D$3:$AA$30,INDEX(Jesper!$R$2:$R$366,ROW(INDEX(Jesper!AK$2:AK$366,ROUNDDOWN($C3550/24,0)+1,1))-1)+IF('Standard Profiles'!$G$21=$B$10,7,0)+IF('Standard Profiles'!$G$21=$B$17,14,0)+IF('Standard Profiles'!$G$21=$B$24,21,0),0)),0)</f>
        <v>0</v>
      </c>
      <c r="H3550" cm="1">
        <f t="array" ref="H3550">IFERROR(INDEX(Jesper!AL$2:AL$366,ROUNDDOWN($C3550/24,0)+1,1)*INDEX($D$3:$AA$30,INDEX(Jesper!$R$2:$R$366,ROW(INDEX(Jesper!AL$2:AL$366,ROUNDDOWN($C3550/24,0)+1,1))-1)+IF('Standard Profiles'!$G$22=$B$10,7,0)+IF('Standard Profiles'!$G$22=$B$17,14,0)+IF('Standard Profiles'!$G$22=$B$24,21,0),MOD($C3550,24)+1)/SUM(INDEX($D$3:$AA$30,INDEX(Jesper!$R$2:$R$366,ROW(INDEX(Jesper!AL$2:AL$366,ROUNDDOWN($C3550/24,0)+1,1))-1)+IF('Standard Profiles'!$G$22=$B$10,7,0)+IF('Standard Profiles'!$G$22=$B$17,14,0)+IF('Standard Profiles'!$G$22=$B$24,21,0),0)),0)</f>
        <v>0</v>
      </c>
      <c r="I3550">
        <f t="shared" si="398"/>
        <v>0.21185900950157666</v>
      </c>
      <c r="J3550">
        <f t="shared" si="399"/>
        <v>0.70619669833858889</v>
      </c>
      <c r="K3550">
        <f t="shared" si="400"/>
        <v>1.0592950475078833</v>
      </c>
      <c r="L3550">
        <f t="shared" si="401"/>
        <v>13.122776163001676</v>
      </c>
      <c r="M3550">
        <f t="shared" si="402"/>
        <v>0</v>
      </c>
      <c r="N3550" s="46">
        <f t="shared" si="403"/>
        <v>45438.499999991473</v>
      </c>
    </row>
    <row r="3551" spans="2:14" x14ac:dyDescent="0.3">
      <c r="B3551">
        <f t="shared" si="397"/>
        <v>7</v>
      </c>
      <c r="C3551" s="16">
        <v>3517</v>
      </c>
      <c r="D3551" cm="1">
        <f t="array" ref="D3551">IFERROR(INDEX(Jesper!AH$2:AH$366,ROUNDDOWN($C3551/24,0)+1,1)*INDEX($D$3:$AA$30,INDEX(Jesper!$R$2:$R$366,ROW(INDEX(Jesper!AH$2:AH$366,ROUNDDOWN($C3551/24,0)+1,1))-1)+IF('Standard Profiles'!$G$18=$B$10,7,0)+IF('Standard Profiles'!$G$18=$B$17,14,0)+IF('Standard Profiles'!$G$18=$B$24,21,0),MOD($C3551,24)+1)/SUM(INDEX($D$3:$AA$30,INDEX(Jesper!$R$2:$R$366,ROW(INDEX(Jesper!AH$2:AH$366,ROUNDDOWN($C3551/24,0)+1,1))-1)+IF('Standard Profiles'!$G$18=$B$10,7,0)+IF('Standard Profiles'!$G$18=$B$17,14,0)+IF('Standard Profiles'!$G$18=$B$24,21,0),0)),0)</f>
        <v>12.748491912882224</v>
      </c>
      <c r="E3551" cm="1">
        <f t="array" ref="E3551">IFERROR(INDEX(Jesper!AI$2:AI$366,ROUNDDOWN($C3551/24,0)+1,1)*INDEX($D$3:$AA$30,INDEX(Jesper!$R$2:$R$366,ROW(INDEX(Jesper!AI$2:AI$366,ROUNDDOWN($C3551/24,0)+1,1))-1)+IF('Standard Profiles'!$G$19=$B$10,7,0)+IF('Standard Profiles'!$G$19=$B$17,14,0)+IF('Standard Profiles'!$G$19=$B$24,21,0),MOD($C3551,24)+1)/SUM(INDEX($D$3:$AA$30,INDEX(Jesper!$R$2:$R$366,ROW(INDEX(Jesper!AI$2:AI$366,ROUNDDOWN($C3551/24,0)+1,1))-1)+IF('Standard Profiles'!$G$19=$B$10,7,0)+IF('Standard Profiles'!$G$19=$B$17,14,0)+IF('Standard Profiles'!$G$19=$B$24,21,0),0)),0)</f>
        <v>2.3516350054675002</v>
      </c>
      <c r="F3551" cm="1">
        <f t="array" ref="F3551">IFERROR(INDEX(Jesper!AJ$2:AJ$366,ROUNDDOWN($C3551/24,0)+1,1)*INDEX($D$3:$AA$30,INDEX(Jesper!$R$2:$R$366,ROW(INDEX(Jesper!AJ$2:AJ$366,ROUNDDOWN($C3551/24,0)+1,1))-1)+IF('Standard Profiles'!$G$20=$B$10,7,0)+IF('Standard Profiles'!$G$20=$B$17,14,0)+IF('Standard Profiles'!$G$20=$B$24,21,0),MOD($C3551,24)+1)/SUM(INDEX($D$3:$AA$30,INDEX(Jesper!$R$2:$R$366,ROW(INDEX(Jesper!AJ$2:AJ$366,ROUNDDOWN($C3551/24,0)+1,1))-1)+IF('Standard Profiles'!$G$20=$B$10,7,0)+IF('Standard Profiles'!$G$20=$B$17,14,0)+IF('Standard Profiles'!$G$20=$B$24,21,0),0)),0)</f>
        <v>0</v>
      </c>
      <c r="G3551" cm="1">
        <f t="array" ref="G3551">IFERROR(INDEX(Jesper!AK$2:AK$366,ROUNDDOWN($C3551/24,0)+1,1)*INDEX($D$3:$AA$30,INDEX(Jesper!$R$2:$R$366,ROW(INDEX(Jesper!AK$2:AK$366,ROUNDDOWN($C3551/24,0)+1,1))-1)+IF('Standard Profiles'!$G$21=$B$10,7,0)+IF('Standard Profiles'!$G$21=$B$17,14,0)+IF('Standard Profiles'!$G$21=$B$24,21,0),MOD($C3551,24)+1)/SUM(INDEX($D$3:$AA$30,INDEX(Jesper!$R$2:$R$366,ROW(INDEX(Jesper!AK$2:AK$366,ROUNDDOWN($C3551/24,0)+1,1))-1)+IF('Standard Profiles'!$G$21=$B$10,7,0)+IF('Standard Profiles'!$G$21=$B$17,14,0)+IF('Standard Profiles'!$G$21=$B$24,21,0),0)),0)</f>
        <v>0</v>
      </c>
      <c r="H3551" cm="1">
        <f t="array" ref="H3551">IFERROR(INDEX(Jesper!AL$2:AL$366,ROUNDDOWN($C3551/24,0)+1,1)*INDEX($D$3:$AA$30,INDEX(Jesper!$R$2:$R$366,ROW(INDEX(Jesper!AL$2:AL$366,ROUNDDOWN($C3551/24,0)+1,1))-1)+IF('Standard Profiles'!$G$22=$B$10,7,0)+IF('Standard Profiles'!$G$22=$B$17,14,0)+IF('Standard Profiles'!$G$22=$B$24,21,0),MOD($C3551,24)+1)/SUM(INDEX($D$3:$AA$30,INDEX(Jesper!$R$2:$R$366,ROW(INDEX(Jesper!AL$2:AL$366,ROUNDDOWN($C3551/24,0)+1,1))-1)+IF('Standard Profiles'!$G$22=$B$10,7,0)+IF('Standard Profiles'!$G$22=$B$17,14,0)+IF('Standard Profiles'!$G$22=$B$24,21,0),0)),0)</f>
        <v>0</v>
      </c>
      <c r="I3551">
        <f t="shared" si="398"/>
        <v>0.21185900950157666</v>
      </c>
      <c r="J3551">
        <f t="shared" si="399"/>
        <v>0.70619669833858889</v>
      </c>
      <c r="K3551">
        <f t="shared" si="400"/>
        <v>1.0592950475078833</v>
      </c>
      <c r="L3551">
        <f t="shared" si="401"/>
        <v>13.122776163001676</v>
      </c>
      <c r="M3551">
        <f t="shared" si="402"/>
        <v>0</v>
      </c>
      <c r="N3551" s="46">
        <f t="shared" si="403"/>
        <v>45438.541666658137</v>
      </c>
    </row>
    <row r="3552" spans="2:14" x14ac:dyDescent="0.3">
      <c r="B3552">
        <f t="shared" si="397"/>
        <v>7</v>
      </c>
      <c r="C3552" s="16">
        <v>3518</v>
      </c>
      <c r="D3552" cm="1">
        <f t="array" ref="D3552">IFERROR(INDEX(Jesper!AH$2:AH$366,ROUNDDOWN($C3552/24,0)+1,1)*INDEX($D$3:$AA$30,INDEX(Jesper!$R$2:$R$366,ROW(INDEX(Jesper!AH$2:AH$366,ROUNDDOWN($C3552/24,0)+1,1))-1)+IF('Standard Profiles'!$G$18=$B$10,7,0)+IF('Standard Profiles'!$G$18=$B$17,14,0)+IF('Standard Profiles'!$G$18=$B$24,21,0),MOD($C3552,24)+1)/SUM(INDEX($D$3:$AA$30,INDEX(Jesper!$R$2:$R$366,ROW(INDEX(Jesper!AH$2:AH$366,ROUNDDOWN($C3552/24,0)+1,1))-1)+IF('Standard Profiles'!$G$18=$B$10,7,0)+IF('Standard Profiles'!$G$18=$B$17,14,0)+IF('Standard Profiles'!$G$18=$B$24,21,0),0)),0)</f>
        <v>12.748491912882224</v>
      </c>
      <c r="E3552" cm="1">
        <f t="array" ref="E3552">IFERROR(INDEX(Jesper!AI$2:AI$366,ROUNDDOWN($C3552/24,0)+1,1)*INDEX($D$3:$AA$30,INDEX(Jesper!$R$2:$R$366,ROW(INDEX(Jesper!AI$2:AI$366,ROUNDDOWN($C3552/24,0)+1,1))-1)+IF('Standard Profiles'!$G$19=$B$10,7,0)+IF('Standard Profiles'!$G$19=$B$17,14,0)+IF('Standard Profiles'!$G$19=$B$24,21,0),MOD($C3552,24)+1)/SUM(INDEX($D$3:$AA$30,INDEX(Jesper!$R$2:$R$366,ROW(INDEX(Jesper!AI$2:AI$366,ROUNDDOWN($C3552/24,0)+1,1))-1)+IF('Standard Profiles'!$G$19=$B$10,7,0)+IF('Standard Profiles'!$G$19=$B$17,14,0)+IF('Standard Profiles'!$G$19=$B$24,21,0),0)),0)</f>
        <v>2.3516350054675002</v>
      </c>
      <c r="F3552" cm="1">
        <f t="array" ref="F3552">IFERROR(INDEX(Jesper!AJ$2:AJ$366,ROUNDDOWN($C3552/24,0)+1,1)*INDEX($D$3:$AA$30,INDEX(Jesper!$R$2:$R$366,ROW(INDEX(Jesper!AJ$2:AJ$366,ROUNDDOWN($C3552/24,0)+1,1))-1)+IF('Standard Profiles'!$G$20=$B$10,7,0)+IF('Standard Profiles'!$G$20=$B$17,14,0)+IF('Standard Profiles'!$G$20=$B$24,21,0),MOD($C3552,24)+1)/SUM(INDEX($D$3:$AA$30,INDEX(Jesper!$R$2:$R$366,ROW(INDEX(Jesper!AJ$2:AJ$366,ROUNDDOWN($C3552/24,0)+1,1))-1)+IF('Standard Profiles'!$G$20=$B$10,7,0)+IF('Standard Profiles'!$G$20=$B$17,14,0)+IF('Standard Profiles'!$G$20=$B$24,21,0),0)),0)</f>
        <v>0</v>
      </c>
      <c r="G3552" cm="1">
        <f t="array" ref="G3552">IFERROR(INDEX(Jesper!AK$2:AK$366,ROUNDDOWN($C3552/24,0)+1,1)*INDEX($D$3:$AA$30,INDEX(Jesper!$R$2:$R$366,ROW(INDEX(Jesper!AK$2:AK$366,ROUNDDOWN($C3552/24,0)+1,1))-1)+IF('Standard Profiles'!$G$21=$B$10,7,0)+IF('Standard Profiles'!$G$21=$B$17,14,0)+IF('Standard Profiles'!$G$21=$B$24,21,0),MOD($C3552,24)+1)/SUM(INDEX($D$3:$AA$30,INDEX(Jesper!$R$2:$R$366,ROW(INDEX(Jesper!AK$2:AK$366,ROUNDDOWN($C3552/24,0)+1,1))-1)+IF('Standard Profiles'!$G$21=$B$10,7,0)+IF('Standard Profiles'!$G$21=$B$17,14,0)+IF('Standard Profiles'!$G$21=$B$24,21,0),0)),0)</f>
        <v>0</v>
      </c>
      <c r="H3552" cm="1">
        <f t="array" ref="H3552">IFERROR(INDEX(Jesper!AL$2:AL$366,ROUNDDOWN($C3552/24,0)+1,1)*INDEX($D$3:$AA$30,INDEX(Jesper!$R$2:$R$366,ROW(INDEX(Jesper!AL$2:AL$366,ROUNDDOWN($C3552/24,0)+1,1))-1)+IF('Standard Profiles'!$G$22=$B$10,7,0)+IF('Standard Profiles'!$G$22=$B$17,14,0)+IF('Standard Profiles'!$G$22=$B$24,21,0),MOD($C3552,24)+1)/SUM(INDEX($D$3:$AA$30,INDEX(Jesper!$R$2:$R$366,ROW(INDEX(Jesper!AL$2:AL$366,ROUNDDOWN($C3552/24,0)+1,1))-1)+IF('Standard Profiles'!$G$22=$B$10,7,0)+IF('Standard Profiles'!$G$22=$B$17,14,0)+IF('Standard Profiles'!$G$22=$B$24,21,0),0)),0)</f>
        <v>0</v>
      </c>
      <c r="I3552">
        <f t="shared" si="398"/>
        <v>0.21185900950157666</v>
      </c>
      <c r="J3552">
        <f t="shared" si="399"/>
        <v>0.70619669833858889</v>
      </c>
      <c r="K3552">
        <f t="shared" si="400"/>
        <v>1.0592950475078833</v>
      </c>
      <c r="L3552">
        <f t="shared" si="401"/>
        <v>13.122776163001676</v>
      </c>
      <c r="M3552">
        <f t="shared" si="402"/>
        <v>0</v>
      </c>
      <c r="N3552" s="46">
        <f t="shared" si="403"/>
        <v>45438.583333324801</v>
      </c>
    </row>
    <row r="3553" spans="2:14" x14ac:dyDescent="0.3">
      <c r="B3553">
        <f t="shared" si="397"/>
        <v>7</v>
      </c>
      <c r="C3553" s="16">
        <v>3519</v>
      </c>
      <c r="D3553" cm="1">
        <f t="array" ref="D3553">IFERROR(INDEX(Jesper!AH$2:AH$366,ROUNDDOWN($C3553/24,0)+1,1)*INDEX($D$3:$AA$30,INDEX(Jesper!$R$2:$R$366,ROW(INDEX(Jesper!AH$2:AH$366,ROUNDDOWN($C3553/24,0)+1,1))-1)+IF('Standard Profiles'!$G$18=$B$10,7,0)+IF('Standard Profiles'!$G$18=$B$17,14,0)+IF('Standard Profiles'!$G$18=$B$24,21,0),MOD($C3553,24)+1)/SUM(INDEX($D$3:$AA$30,INDEX(Jesper!$R$2:$R$366,ROW(INDEX(Jesper!AH$2:AH$366,ROUNDDOWN($C3553/24,0)+1,1))-1)+IF('Standard Profiles'!$G$18=$B$10,7,0)+IF('Standard Profiles'!$G$18=$B$17,14,0)+IF('Standard Profiles'!$G$18=$B$24,21,0),0)),0)</f>
        <v>11.331992811450867</v>
      </c>
      <c r="E3553" cm="1">
        <f t="array" ref="E3553">IFERROR(INDEX(Jesper!AI$2:AI$366,ROUNDDOWN($C3553/24,0)+1,1)*INDEX($D$3:$AA$30,INDEX(Jesper!$R$2:$R$366,ROW(INDEX(Jesper!AI$2:AI$366,ROUNDDOWN($C3553/24,0)+1,1))-1)+IF('Standard Profiles'!$G$19=$B$10,7,0)+IF('Standard Profiles'!$G$19=$B$17,14,0)+IF('Standard Profiles'!$G$19=$B$24,21,0),MOD($C3553,24)+1)/SUM(INDEX($D$3:$AA$30,INDEX(Jesper!$R$2:$R$366,ROW(INDEX(Jesper!AI$2:AI$366,ROUNDDOWN($C3553/24,0)+1,1))-1)+IF('Standard Profiles'!$G$19=$B$10,7,0)+IF('Standard Profiles'!$G$19=$B$17,14,0)+IF('Standard Profiles'!$G$19=$B$24,21,0),0)),0)</f>
        <v>2.0903422270822221</v>
      </c>
      <c r="F3553" cm="1">
        <f t="array" ref="F3553">IFERROR(INDEX(Jesper!AJ$2:AJ$366,ROUNDDOWN($C3553/24,0)+1,1)*INDEX($D$3:$AA$30,INDEX(Jesper!$R$2:$R$366,ROW(INDEX(Jesper!AJ$2:AJ$366,ROUNDDOWN($C3553/24,0)+1,1))-1)+IF('Standard Profiles'!$G$20=$B$10,7,0)+IF('Standard Profiles'!$G$20=$B$17,14,0)+IF('Standard Profiles'!$G$20=$B$24,21,0),MOD($C3553,24)+1)/SUM(INDEX($D$3:$AA$30,INDEX(Jesper!$R$2:$R$366,ROW(INDEX(Jesper!AJ$2:AJ$366,ROUNDDOWN($C3553/24,0)+1,1))-1)+IF('Standard Profiles'!$G$20=$B$10,7,0)+IF('Standard Profiles'!$G$20=$B$17,14,0)+IF('Standard Profiles'!$G$20=$B$24,21,0),0)),0)</f>
        <v>0</v>
      </c>
      <c r="G3553" cm="1">
        <f t="array" ref="G3553">IFERROR(INDEX(Jesper!AK$2:AK$366,ROUNDDOWN($C3553/24,0)+1,1)*INDEX($D$3:$AA$30,INDEX(Jesper!$R$2:$R$366,ROW(INDEX(Jesper!AK$2:AK$366,ROUNDDOWN($C3553/24,0)+1,1))-1)+IF('Standard Profiles'!$G$21=$B$10,7,0)+IF('Standard Profiles'!$G$21=$B$17,14,0)+IF('Standard Profiles'!$G$21=$B$24,21,0),MOD($C3553,24)+1)/SUM(INDEX($D$3:$AA$30,INDEX(Jesper!$R$2:$R$366,ROW(INDEX(Jesper!AK$2:AK$366,ROUNDDOWN($C3553/24,0)+1,1))-1)+IF('Standard Profiles'!$G$21=$B$10,7,0)+IF('Standard Profiles'!$G$21=$B$17,14,0)+IF('Standard Profiles'!$G$21=$B$24,21,0),0)),0)</f>
        <v>0</v>
      </c>
      <c r="H3553" cm="1">
        <f t="array" ref="H3553">IFERROR(INDEX(Jesper!AL$2:AL$366,ROUNDDOWN($C3553/24,0)+1,1)*INDEX($D$3:$AA$30,INDEX(Jesper!$R$2:$R$366,ROW(INDEX(Jesper!AL$2:AL$366,ROUNDDOWN($C3553/24,0)+1,1))-1)+IF('Standard Profiles'!$G$22=$B$10,7,0)+IF('Standard Profiles'!$G$22=$B$17,14,0)+IF('Standard Profiles'!$G$22=$B$24,21,0),MOD($C3553,24)+1)/SUM(INDEX($D$3:$AA$30,INDEX(Jesper!$R$2:$R$366,ROW(INDEX(Jesper!AL$2:AL$366,ROUNDDOWN($C3553/24,0)+1,1))-1)+IF('Standard Profiles'!$G$22=$B$10,7,0)+IF('Standard Profiles'!$G$22=$B$17,14,0)+IF('Standard Profiles'!$G$22=$B$24,21,0),0)),0)</f>
        <v>0</v>
      </c>
      <c r="I3553">
        <f t="shared" si="398"/>
        <v>0.18831911955695699</v>
      </c>
      <c r="J3553">
        <f t="shared" si="399"/>
        <v>0.62773039852319001</v>
      </c>
      <c r="K3553">
        <f t="shared" si="400"/>
        <v>0.94159559778478508</v>
      </c>
      <c r="L3553">
        <f t="shared" si="401"/>
        <v>11.664689922668158</v>
      </c>
      <c r="M3553">
        <f t="shared" si="402"/>
        <v>0</v>
      </c>
      <c r="N3553" s="46">
        <f t="shared" si="403"/>
        <v>45438.624999991465</v>
      </c>
    </row>
    <row r="3554" spans="2:14" x14ac:dyDescent="0.3">
      <c r="B3554">
        <f t="shared" si="397"/>
        <v>7</v>
      </c>
      <c r="C3554" s="16">
        <v>3520</v>
      </c>
      <c r="D3554" cm="1">
        <f t="array" ref="D3554">IFERROR(INDEX(Jesper!AH$2:AH$366,ROUNDDOWN($C3554/24,0)+1,1)*INDEX($D$3:$AA$30,INDEX(Jesper!$R$2:$R$366,ROW(INDEX(Jesper!AH$2:AH$366,ROUNDDOWN($C3554/24,0)+1,1))-1)+IF('Standard Profiles'!$G$18=$B$10,7,0)+IF('Standard Profiles'!$G$18=$B$17,14,0)+IF('Standard Profiles'!$G$18=$B$24,21,0),MOD($C3554,24)+1)/SUM(INDEX($D$3:$AA$30,INDEX(Jesper!$R$2:$R$366,ROW(INDEX(Jesper!AH$2:AH$366,ROUNDDOWN($C3554/24,0)+1,1))-1)+IF('Standard Profiles'!$G$18=$B$10,7,0)+IF('Standard Profiles'!$G$18=$B$17,14,0)+IF('Standard Profiles'!$G$18=$B$24,21,0),0)),0)</f>
        <v>11.129635796960672</v>
      </c>
      <c r="E3554" cm="1">
        <f t="array" ref="E3554">IFERROR(INDEX(Jesper!AI$2:AI$366,ROUNDDOWN($C3554/24,0)+1,1)*INDEX($D$3:$AA$30,INDEX(Jesper!$R$2:$R$366,ROW(INDEX(Jesper!AI$2:AI$366,ROUNDDOWN($C3554/24,0)+1,1))-1)+IF('Standard Profiles'!$G$19=$B$10,7,0)+IF('Standard Profiles'!$G$19=$B$17,14,0)+IF('Standard Profiles'!$G$19=$B$24,21,0),MOD($C3554,24)+1)/SUM(INDEX($D$3:$AA$30,INDEX(Jesper!$R$2:$R$366,ROW(INDEX(Jesper!AI$2:AI$366,ROUNDDOWN($C3554/24,0)+1,1))-1)+IF('Standard Profiles'!$G$19=$B$10,7,0)+IF('Standard Profiles'!$G$19=$B$17,14,0)+IF('Standard Profiles'!$G$19=$B$24,21,0),0)),0)</f>
        <v>2.0530146873128965</v>
      </c>
      <c r="F3554" cm="1">
        <f t="array" ref="F3554">IFERROR(INDEX(Jesper!AJ$2:AJ$366,ROUNDDOWN($C3554/24,0)+1,1)*INDEX($D$3:$AA$30,INDEX(Jesper!$R$2:$R$366,ROW(INDEX(Jesper!AJ$2:AJ$366,ROUNDDOWN($C3554/24,0)+1,1))-1)+IF('Standard Profiles'!$G$20=$B$10,7,0)+IF('Standard Profiles'!$G$20=$B$17,14,0)+IF('Standard Profiles'!$G$20=$B$24,21,0),MOD($C3554,24)+1)/SUM(INDEX($D$3:$AA$30,INDEX(Jesper!$R$2:$R$366,ROW(INDEX(Jesper!AJ$2:AJ$366,ROUNDDOWN($C3554/24,0)+1,1))-1)+IF('Standard Profiles'!$G$20=$B$10,7,0)+IF('Standard Profiles'!$G$20=$B$17,14,0)+IF('Standard Profiles'!$G$20=$B$24,21,0),0)),0)</f>
        <v>0</v>
      </c>
      <c r="G3554" cm="1">
        <f t="array" ref="G3554">IFERROR(INDEX(Jesper!AK$2:AK$366,ROUNDDOWN($C3554/24,0)+1,1)*INDEX($D$3:$AA$30,INDEX(Jesper!$R$2:$R$366,ROW(INDEX(Jesper!AK$2:AK$366,ROUNDDOWN($C3554/24,0)+1,1))-1)+IF('Standard Profiles'!$G$21=$B$10,7,0)+IF('Standard Profiles'!$G$21=$B$17,14,0)+IF('Standard Profiles'!$G$21=$B$24,21,0),MOD($C3554,24)+1)/SUM(INDEX($D$3:$AA$30,INDEX(Jesper!$R$2:$R$366,ROW(INDEX(Jesper!AK$2:AK$366,ROUNDDOWN($C3554/24,0)+1,1))-1)+IF('Standard Profiles'!$G$21=$B$10,7,0)+IF('Standard Profiles'!$G$21=$B$17,14,0)+IF('Standard Profiles'!$G$21=$B$24,21,0),0)),0)</f>
        <v>0</v>
      </c>
      <c r="H3554" cm="1">
        <f t="array" ref="H3554">IFERROR(INDEX(Jesper!AL$2:AL$366,ROUNDDOWN($C3554/24,0)+1,1)*INDEX($D$3:$AA$30,INDEX(Jesper!$R$2:$R$366,ROW(INDEX(Jesper!AL$2:AL$366,ROUNDDOWN($C3554/24,0)+1,1))-1)+IF('Standard Profiles'!$G$22=$B$10,7,0)+IF('Standard Profiles'!$G$22=$B$17,14,0)+IF('Standard Profiles'!$G$22=$B$24,21,0),MOD($C3554,24)+1)/SUM(INDEX($D$3:$AA$30,INDEX(Jesper!$R$2:$R$366,ROW(INDEX(Jesper!AL$2:AL$366,ROUNDDOWN($C3554/24,0)+1,1))-1)+IF('Standard Profiles'!$G$22=$B$10,7,0)+IF('Standard Profiles'!$G$22=$B$17,14,0)+IF('Standard Profiles'!$G$22=$B$24,21,0),0)),0)</f>
        <v>0</v>
      </c>
      <c r="I3554">
        <f t="shared" si="398"/>
        <v>0.18495627813629703</v>
      </c>
      <c r="J3554">
        <f t="shared" si="399"/>
        <v>0.61652092712099016</v>
      </c>
      <c r="K3554">
        <f t="shared" si="400"/>
        <v>0.92478139068148524</v>
      </c>
      <c r="L3554">
        <f t="shared" si="401"/>
        <v>11.456391888334796</v>
      </c>
      <c r="M3554">
        <f t="shared" si="402"/>
        <v>0</v>
      </c>
      <c r="N3554" s="46">
        <f t="shared" si="403"/>
        <v>45438.66666665813</v>
      </c>
    </row>
    <row r="3555" spans="2:14" x14ac:dyDescent="0.3">
      <c r="B3555">
        <f t="shared" ref="B3555:B3618" si="404">WEEKDAY(N3555,2)</f>
        <v>7</v>
      </c>
      <c r="C3555" s="16">
        <v>3521</v>
      </c>
      <c r="D3555" cm="1">
        <f t="array" ref="D3555">IFERROR(INDEX(Jesper!AH$2:AH$366,ROUNDDOWN($C3555/24,0)+1,1)*INDEX($D$3:$AA$30,INDEX(Jesper!$R$2:$R$366,ROW(INDEX(Jesper!AH$2:AH$366,ROUNDDOWN($C3555/24,0)+1,1))-1)+IF('Standard Profiles'!$G$18=$B$10,7,0)+IF('Standard Profiles'!$G$18=$B$17,14,0)+IF('Standard Profiles'!$G$18=$B$24,21,0),MOD($C3555,24)+1)/SUM(INDEX($D$3:$AA$30,INDEX(Jesper!$R$2:$R$366,ROW(INDEX(Jesper!AH$2:AH$366,ROUNDDOWN($C3555/24,0)+1,1))-1)+IF('Standard Profiles'!$G$18=$B$10,7,0)+IF('Standard Profiles'!$G$18=$B$17,14,0)+IF('Standard Profiles'!$G$18=$B$24,21,0),0)),0)</f>
        <v>9.5107796810391196</v>
      </c>
      <c r="E3555" cm="1">
        <f t="array" ref="E3555">IFERROR(INDEX(Jesper!AI$2:AI$366,ROUNDDOWN($C3555/24,0)+1,1)*INDEX($D$3:$AA$30,INDEX(Jesper!$R$2:$R$366,ROW(INDEX(Jesper!AI$2:AI$366,ROUNDDOWN($C3555/24,0)+1,1))-1)+IF('Standard Profiles'!$G$19=$B$10,7,0)+IF('Standard Profiles'!$G$19=$B$17,14,0)+IF('Standard Profiles'!$G$19=$B$24,21,0),MOD($C3555,24)+1)/SUM(INDEX($D$3:$AA$30,INDEX(Jesper!$R$2:$R$366,ROW(INDEX(Jesper!AI$2:AI$366,ROUNDDOWN($C3555/24,0)+1,1))-1)+IF('Standard Profiles'!$G$19=$B$10,7,0)+IF('Standard Profiles'!$G$19=$B$17,14,0)+IF('Standard Profiles'!$G$19=$B$24,21,0),0)),0)</f>
        <v>1.7543943691582935</v>
      </c>
      <c r="F3555" cm="1">
        <f t="array" ref="F3555">IFERROR(INDEX(Jesper!AJ$2:AJ$366,ROUNDDOWN($C3555/24,0)+1,1)*INDEX($D$3:$AA$30,INDEX(Jesper!$R$2:$R$366,ROW(INDEX(Jesper!AJ$2:AJ$366,ROUNDDOWN($C3555/24,0)+1,1))-1)+IF('Standard Profiles'!$G$20=$B$10,7,0)+IF('Standard Profiles'!$G$20=$B$17,14,0)+IF('Standard Profiles'!$G$20=$B$24,21,0),MOD($C3555,24)+1)/SUM(INDEX($D$3:$AA$30,INDEX(Jesper!$R$2:$R$366,ROW(INDEX(Jesper!AJ$2:AJ$366,ROUNDDOWN($C3555/24,0)+1,1))-1)+IF('Standard Profiles'!$G$20=$B$10,7,0)+IF('Standard Profiles'!$G$20=$B$17,14,0)+IF('Standard Profiles'!$G$20=$B$24,21,0),0)),0)</f>
        <v>0</v>
      </c>
      <c r="G3555" cm="1">
        <f t="array" ref="G3555">IFERROR(INDEX(Jesper!AK$2:AK$366,ROUNDDOWN($C3555/24,0)+1,1)*INDEX($D$3:$AA$30,INDEX(Jesper!$R$2:$R$366,ROW(INDEX(Jesper!AK$2:AK$366,ROUNDDOWN($C3555/24,0)+1,1))-1)+IF('Standard Profiles'!$G$21=$B$10,7,0)+IF('Standard Profiles'!$G$21=$B$17,14,0)+IF('Standard Profiles'!$G$21=$B$24,21,0),MOD($C3555,24)+1)/SUM(INDEX($D$3:$AA$30,INDEX(Jesper!$R$2:$R$366,ROW(INDEX(Jesper!AK$2:AK$366,ROUNDDOWN($C3555/24,0)+1,1))-1)+IF('Standard Profiles'!$G$21=$B$10,7,0)+IF('Standard Profiles'!$G$21=$B$17,14,0)+IF('Standard Profiles'!$G$21=$B$24,21,0),0)),0)</f>
        <v>0</v>
      </c>
      <c r="H3555" cm="1">
        <f t="array" ref="H3555">IFERROR(INDEX(Jesper!AL$2:AL$366,ROUNDDOWN($C3555/24,0)+1,1)*INDEX($D$3:$AA$30,INDEX(Jesper!$R$2:$R$366,ROW(INDEX(Jesper!AL$2:AL$366,ROUNDDOWN($C3555/24,0)+1,1))-1)+IF('Standard Profiles'!$G$22=$B$10,7,0)+IF('Standard Profiles'!$G$22=$B$17,14,0)+IF('Standard Profiles'!$G$22=$B$24,21,0),MOD($C3555,24)+1)/SUM(INDEX($D$3:$AA$30,INDEX(Jesper!$R$2:$R$366,ROW(INDEX(Jesper!AL$2:AL$366,ROUNDDOWN($C3555/24,0)+1,1))-1)+IF('Standard Profiles'!$G$22=$B$10,7,0)+IF('Standard Profiles'!$G$22=$B$17,14,0)+IF('Standard Profiles'!$G$22=$B$24,21,0),0)),0)</f>
        <v>0</v>
      </c>
      <c r="I3555">
        <f t="shared" ref="I3555:I3618" si="405">IF($B3555&lt;6,AC$37*$D3555+AC$38*$E3555+AC$39*$F3555+AC$40*$G3555,AC$46*$D3555+AC$47*$E3555+AC$48*$F3555+AC$49*$G3555+AC$50*$H3555)</f>
        <v>0.15805354677101746</v>
      </c>
      <c r="J3555">
        <f t="shared" ref="J3555:J3618" si="406">IF($B3555&lt;6,AD$37*$D3555+AD$38*$E3555+AD$39*$F3555+AD$40*$G3555,AD$46*$D3555+AD$47*$E3555+AD$48*$F3555+AD$49*$G3555+AD$50*$H3555)</f>
        <v>0.52684515590339165</v>
      </c>
      <c r="K3555">
        <f t="shared" ref="K3555:K3618" si="407">IF($B3555&lt;6,AE$37*$D3555+AE$38*$E3555+AE$39*$F3555+AE$40*$G3555,AE$46*$D3555+AE$47*$E3555+AE$48*$F3555+AE$49*$G3555+AE$50*$H3555)</f>
        <v>0.79026773385508742</v>
      </c>
      <c r="L3555">
        <f t="shared" ref="L3555:L3618" si="408">IF($B3555&lt;6,AF$37*$D3555+AF$38*$E3555+AF$39*$F3555+AF$40*$G3555,AF$46*$D3555+AF$47*$E3555+AF$48*$F3555+AF$49*$G3555+AF$50*$H3555)</f>
        <v>9.7900076136679175</v>
      </c>
      <c r="M3555">
        <f t="shared" ref="M3555:M3618" si="409">IF($B3555&lt;6,AG$37*$D3555+AG$38*$E3555+AG$39*$F3555+AG$40*$G3555,AG$46*$D3555+AG$47*$E3555+AG$48*$F3555+AG$49*$G3555+AG$50*$H3555)</f>
        <v>0</v>
      </c>
      <c r="N3555" s="46">
        <f t="shared" si="403"/>
        <v>45438.708333324794</v>
      </c>
    </row>
    <row r="3556" spans="2:14" x14ac:dyDescent="0.3">
      <c r="B3556">
        <f t="shared" si="404"/>
        <v>7</v>
      </c>
      <c r="C3556" s="16">
        <v>3522</v>
      </c>
      <c r="D3556" cm="1">
        <f t="array" ref="D3556">IFERROR(INDEX(Jesper!AH$2:AH$366,ROUNDDOWN($C3556/24,0)+1,1)*INDEX($D$3:$AA$30,INDEX(Jesper!$R$2:$R$366,ROW(INDEX(Jesper!AH$2:AH$366,ROUNDDOWN($C3556/24,0)+1,1))-1)+IF('Standard Profiles'!$G$18=$B$10,7,0)+IF('Standard Profiles'!$G$18=$B$17,14,0)+IF('Standard Profiles'!$G$18=$B$24,21,0),MOD($C3556,24)+1)/SUM(INDEX($D$3:$AA$30,INDEX(Jesper!$R$2:$R$366,ROW(INDEX(Jesper!AH$2:AH$366,ROUNDDOWN($C3556/24,0)+1,1))-1)+IF('Standard Profiles'!$G$18=$B$10,7,0)+IF('Standard Profiles'!$G$18=$B$17,14,0)+IF('Standard Profiles'!$G$18=$B$24,21,0),0)),0)</f>
        <v>8.9037086375685401</v>
      </c>
      <c r="E3556" cm="1">
        <f t="array" ref="E3556">IFERROR(INDEX(Jesper!AI$2:AI$366,ROUNDDOWN($C3556/24,0)+1,1)*INDEX($D$3:$AA$30,INDEX(Jesper!$R$2:$R$366,ROW(INDEX(Jesper!AI$2:AI$366,ROUNDDOWN($C3556/24,0)+1,1))-1)+IF('Standard Profiles'!$G$19=$B$10,7,0)+IF('Standard Profiles'!$G$19=$B$17,14,0)+IF('Standard Profiles'!$G$19=$B$24,21,0),MOD($C3556,24)+1)/SUM(INDEX($D$3:$AA$30,INDEX(Jesper!$R$2:$R$366,ROW(INDEX(Jesper!AI$2:AI$366,ROUNDDOWN($C3556/24,0)+1,1))-1)+IF('Standard Profiles'!$G$19=$B$10,7,0)+IF('Standard Profiles'!$G$19=$B$17,14,0)+IF('Standard Profiles'!$G$19=$B$24,21,0),0)),0)</f>
        <v>1.6424117498503177</v>
      </c>
      <c r="F3556" cm="1">
        <f t="array" ref="F3556">IFERROR(INDEX(Jesper!AJ$2:AJ$366,ROUNDDOWN($C3556/24,0)+1,1)*INDEX($D$3:$AA$30,INDEX(Jesper!$R$2:$R$366,ROW(INDEX(Jesper!AJ$2:AJ$366,ROUNDDOWN($C3556/24,0)+1,1))-1)+IF('Standard Profiles'!$G$20=$B$10,7,0)+IF('Standard Profiles'!$G$20=$B$17,14,0)+IF('Standard Profiles'!$G$20=$B$24,21,0),MOD($C3556,24)+1)/SUM(INDEX($D$3:$AA$30,INDEX(Jesper!$R$2:$R$366,ROW(INDEX(Jesper!AJ$2:AJ$366,ROUNDDOWN($C3556/24,0)+1,1))-1)+IF('Standard Profiles'!$G$20=$B$10,7,0)+IF('Standard Profiles'!$G$20=$B$17,14,0)+IF('Standard Profiles'!$G$20=$B$24,21,0),0)),0)</f>
        <v>0</v>
      </c>
      <c r="G3556" cm="1">
        <f t="array" ref="G3556">IFERROR(INDEX(Jesper!AK$2:AK$366,ROUNDDOWN($C3556/24,0)+1,1)*INDEX($D$3:$AA$30,INDEX(Jesper!$R$2:$R$366,ROW(INDEX(Jesper!AK$2:AK$366,ROUNDDOWN($C3556/24,0)+1,1))-1)+IF('Standard Profiles'!$G$21=$B$10,7,0)+IF('Standard Profiles'!$G$21=$B$17,14,0)+IF('Standard Profiles'!$G$21=$B$24,21,0),MOD($C3556,24)+1)/SUM(INDEX($D$3:$AA$30,INDEX(Jesper!$R$2:$R$366,ROW(INDEX(Jesper!AK$2:AK$366,ROUNDDOWN($C3556/24,0)+1,1))-1)+IF('Standard Profiles'!$G$21=$B$10,7,0)+IF('Standard Profiles'!$G$21=$B$17,14,0)+IF('Standard Profiles'!$G$21=$B$24,21,0),0)),0)</f>
        <v>0</v>
      </c>
      <c r="H3556" cm="1">
        <f t="array" ref="H3556">IFERROR(INDEX(Jesper!AL$2:AL$366,ROUNDDOWN($C3556/24,0)+1,1)*INDEX($D$3:$AA$30,INDEX(Jesper!$R$2:$R$366,ROW(INDEX(Jesper!AL$2:AL$366,ROUNDDOWN($C3556/24,0)+1,1))-1)+IF('Standard Profiles'!$G$22=$B$10,7,0)+IF('Standard Profiles'!$G$22=$B$17,14,0)+IF('Standard Profiles'!$G$22=$B$24,21,0),MOD($C3556,24)+1)/SUM(INDEX($D$3:$AA$30,INDEX(Jesper!$R$2:$R$366,ROW(INDEX(Jesper!AL$2:AL$366,ROUNDDOWN($C3556/24,0)+1,1))-1)+IF('Standard Profiles'!$G$22=$B$10,7,0)+IF('Standard Profiles'!$G$22=$B$17,14,0)+IF('Standard Profiles'!$G$22=$B$24,21,0),0)),0)</f>
        <v>0</v>
      </c>
      <c r="I3556">
        <f t="shared" si="405"/>
        <v>0.14796502250903767</v>
      </c>
      <c r="J3556">
        <f t="shared" si="406"/>
        <v>0.4932167416967923</v>
      </c>
      <c r="K3556">
        <f t="shared" si="407"/>
        <v>0.73982511254518846</v>
      </c>
      <c r="L3556">
        <f t="shared" si="408"/>
        <v>9.1651135106678403</v>
      </c>
      <c r="M3556">
        <f t="shared" si="409"/>
        <v>0</v>
      </c>
      <c r="N3556" s="46">
        <f t="shared" ref="N3556:N3619" si="410">N3555+1/24</f>
        <v>45438.749999991458</v>
      </c>
    </row>
    <row r="3557" spans="2:14" x14ac:dyDescent="0.3">
      <c r="B3557">
        <f t="shared" si="404"/>
        <v>7</v>
      </c>
      <c r="C3557" s="16">
        <v>3523</v>
      </c>
      <c r="D3557" cm="1">
        <f t="array" ref="D3557">IFERROR(INDEX(Jesper!AH$2:AH$366,ROUNDDOWN($C3557/24,0)+1,1)*INDEX($D$3:$AA$30,INDEX(Jesper!$R$2:$R$366,ROW(INDEX(Jesper!AH$2:AH$366,ROUNDDOWN($C3557/24,0)+1,1))-1)+IF('Standard Profiles'!$G$18=$B$10,7,0)+IF('Standard Profiles'!$G$18=$B$17,14,0)+IF('Standard Profiles'!$G$18=$B$24,21,0),MOD($C3557,24)+1)/SUM(INDEX($D$3:$AA$30,INDEX(Jesper!$R$2:$R$366,ROW(INDEX(Jesper!AH$2:AH$366,ROUNDDOWN($C3557/24,0)+1,1))-1)+IF('Standard Profiles'!$G$18=$B$10,7,0)+IF('Standard Profiles'!$G$18=$B$17,14,0)+IF('Standard Profiles'!$G$18=$B$24,21,0),0)),0)</f>
        <v>7.48720953613718</v>
      </c>
      <c r="E3557" cm="1">
        <f t="array" ref="E3557">IFERROR(INDEX(Jesper!AI$2:AI$366,ROUNDDOWN($C3557/24,0)+1,1)*INDEX($D$3:$AA$30,INDEX(Jesper!$R$2:$R$366,ROW(INDEX(Jesper!AI$2:AI$366,ROUNDDOWN($C3557/24,0)+1,1))-1)+IF('Standard Profiles'!$G$19=$B$10,7,0)+IF('Standard Profiles'!$G$19=$B$17,14,0)+IF('Standard Profiles'!$G$19=$B$24,21,0),MOD($C3557,24)+1)/SUM(INDEX($D$3:$AA$30,INDEX(Jesper!$R$2:$R$366,ROW(INDEX(Jesper!AI$2:AI$366,ROUNDDOWN($C3557/24,0)+1,1))-1)+IF('Standard Profiles'!$G$19=$B$10,7,0)+IF('Standard Profiles'!$G$19=$B$17,14,0)+IF('Standard Profiles'!$G$19=$B$24,21,0),0)),0)</f>
        <v>1.3811189714650398</v>
      </c>
      <c r="F3557" cm="1">
        <f t="array" ref="F3557">IFERROR(INDEX(Jesper!AJ$2:AJ$366,ROUNDDOWN($C3557/24,0)+1,1)*INDEX($D$3:$AA$30,INDEX(Jesper!$R$2:$R$366,ROW(INDEX(Jesper!AJ$2:AJ$366,ROUNDDOWN($C3557/24,0)+1,1))-1)+IF('Standard Profiles'!$G$20=$B$10,7,0)+IF('Standard Profiles'!$G$20=$B$17,14,0)+IF('Standard Profiles'!$G$20=$B$24,21,0),MOD($C3557,24)+1)/SUM(INDEX($D$3:$AA$30,INDEX(Jesper!$R$2:$R$366,ROW(INDEX(Jesper!AJ$2:AJ$366,ROUNDDOWN($C3557/24,0)+1,1))-1)+IF('Standard Profiles'!$G$20=$B$10,7,0)+IF('Standard Profiles'!$G$20=$B$17,14,0)+IF('Standard Profiles'!$G$20=$B$24,21,0),0)),0)</f>
        <v>0</v>
      </c>
      <c r="G3557" cm="1">
        <f t="array" ref="G3557">IFERROR(INDEX(Jesper!AK$2:AK$366,ROUNDDOWN($C3557/24,0)+1,1)*INDEX($D$3:$AA$30,INDEX(Jesper!$R$2:$R$366,ROW(INDEX(Jesper!AK$2:AK$366,ROUNDDOWN($C3557/24,0)+1,1))-1)+IF('Standard Profiles'!$G$21=$B$10,7,0)+IF('Standard Profiles'!$G$21=$B$17,14,0)+IF('Standard Profiles'!$G$21=$B$24,21,0),MOD($C3557,24)+1)/SUM(INDEX($D$3:$AA$30,INDEX(Jesper!$R$2:$R$366,ROW(INDEX(Jesper!AK$2:AK$366,ROUNDDOWN($C3557/24,0)+1,1))-1)+IF('Standard Profiles'!$G$21=$B$10,7,0)+IF('Standard Profiles'!$G$21=$B$17,14,0)+IF('Standard Profiles'!$G$21=$B$24,21,0),0)),0)</f>
        <v>0</v>
      </c>
      <c r="H3557" cm="1">
        <f t="array" ref="H3557">IFERROR(INDEX(Jesper!AL$2:AL$366,ROUNDDOWN($C3557/24,0)+1,1)*INDEX($D$3:$AA$30,INDEX(Jesper!$R$2:$R$366,ROW(INDEX(Jesper!AL$2:AL$366,ROUNDDOWN($C3557/24,0)+1,1))-1)+IF('Standard Profiles'!$G$22=$B$10,7,0)+IF('Standard Profiles'!$G$22=$B$17,14,0)+IF('Standard Profiles'!$G$22=$B$24,21,0),MOD($C3557,24)+1)/SUM(INDEX($D$3:$AA$30,INDEX(Jesper!$R$2:$R$366,ROW(INDEX(Jesper!AL$2:AL$366,ROUNDDOWN($C3557/24,0)+1,1))-1)+IF('Standard Profiles'!$G$22=$B$10,7,0)+IF('Standard Profiles'!$G$22=$B$17,14,0)+IF('Standard Profiles'!$G$22=$B$24,21,0),0)),0)</f>
        <v>0</v>
      </c>
      <c r="I3557">
        <f t="shared" si="405"/>
        <v>0.12442513256441803</v>
      </c>
      <c r="J3557">
        <f t="shared" si="406"/>
        <v>0.41475044188139348</v>
      </c>
      <c r="K3557">
        <f t="shared" si="407"/>
        <v>0.62212566282209025</v>
      </c>
      <c r="L3557">
        <f t="shared" si="408"/>
        <v>7.7070272703343186</v>
      </c>
      <c r="M3557">
        <f t="shared" si="409"/>
        <v>0</v>
      </c>
      <c r="N3557" s="46">
        <f t="shared" si="410"/>
        <v>45438.791666658122</v>
      </c>
    </row>
    <row r="3558" spans="2:14" x14ac:dyDescent="0.3">
      <c r="B3558">
        <f t="shared" si="404"/>
        <v>7</v>
      </c>
      <c r="C3558" s="16">
        <v>3524</v>
      </c>
      <c r="D3558" cm="1">
        <f t="array" ref="D3558">IFERROR(INDEX(Jesper!AH$2:AH$366,ROUNDDOWN($C3558/24,0)+1,1)*INDEX($D$3:$AA$30,INDEX(Jesper!$R$2:$R$366,ROW(INDEX(Jesper!AH$2:AH$366,ROUNDDOWN($C3558/24,0)+1,1))-1)+IF('Standard Profiles'!$G$18=$B$10,7,0)+IF('Standard Profiles'!$G$18=$B$17,14,0)+IF('Standard Profiles'!$G$18=$B$24,21,0),MOD($C3558,24)+1)/SUM(INDEX($D$3:$AA$30,INDEX(Jesper!$R$2:$R$366,ROW(INDEX(Jesper!AH$2:AH$366,ROUNDDOWN($C3558/24,0)+1,1))-1)+IF('Standard Profiles'!$G$18=$B$10,7,0)+IF('Standard Profiles'!$G$18=$B$17,14,0)+IF('Standard Profiles'!$G$18=$B$24,21,0),0)),0)</f>
        <v>6.2730674491960148</v>
      </c>
      <c r="E3558" cm="1">
        <f t="array" ref="E3558">IFERROR(INDEX(Jesper!AI$2:AI$366,ROUNDDOWN($C3558/24,0)+1,1)*INDEX($D$3:$AA$30,INDEX(Jesper!$R$2:$R$366,ROW(INDEX(Jesper!AI$2:AI$366,ROUNDDOWN($C3558/24,0)+1,1))-1)+IF('Standard Profiles'!$G$19=$B$10,7,0)+IF('Standard Profiles'!$G$19=$B$17,14,0)+IF('Standard Profiles'!$G$19=$B$24,21,0),MOD($C3558,24)+1)/SUM(INDEX($D$3:$AA$30,INDEX(Jesper!$R$2:$R$366,ROW(INDEX(Jesper!AI$2:AI$366,ROUNDDOWN($C3558/24,0)+1,1))-1)+IF('Standard Profiles'!$G$19=$B$10,7,0)+IF('Standard Profiles'!$G$19=$B$17,14,0)+IF('Standard Profiles'!$G$19=$B$24,21,0),0)),0)</f>
        <v>1.1571537328490873</v>
      </c>
      <c r="F3558" cm="1">
        <f t="array" ref="F3558">IFERROR(INDEX(Jesper!AJ$2:AJ$366,ROUNDDOWN($C3558/24,0)+1,1)*INDEX($D$3:$AA$30,INDEX(Jesper!$R$2:$R$366,ROW(INDEX(Jesper!AJ$2:AJ$366,ROUNDDOWN($C3558/24,0)+1,1))-1)+IF('Standard Profiles'!$G$20=$B$10,7,0)+IF('Standard Profiles'!$G$20=$B$17,14,0)+IF('Standard Profiles'!$G$20=$B$24,21,0),MOD($C3558,24)+1)/SUM(INDEX($D$3:$AA$30,INDEX(Jesper!$R$2:$R$366,ROW(INDEX(Jesper!AJ$2:AJ$366,ROUNDDOWN($C3558/24,0)+1,1))-1)+IF('Standard Profiles'!$G$20=$B$10,7,0)+IF('Standard Profiles'!$G$20=$B$17,14,0)+IF('Standard Profiles'!$G$20=$B$24,21,0),0)),0)</f>
        <v>0</v>
      </c>
      <c r="G3558" cm="1">
        <f t="array" ref="G3558">IFERROR(INDEX(Jesper!AK$2:AK$366,ROUNDDOWN($C3558/24,0)+1,1)*INDEX($D$3:$AA$30,INDEX(Jesper!$R$2:$R$366,ROW(INDEX(Jesper!AK$2:AK$366,ROUNDDOWN($C3558/24,0)+1,1))-1)+IF('Standard Profiles'!$G$21=$B$10,7,0)+IF('Standard Profiles'!$G$21=$B$17,14,0)+IF('Standard Profiles'!$G$21=$B$24,21,0),MOD($C3558,24)+1)/SUM(INDEX($D$3:$AA$30,INDEX(Jesper!$R$2:$R$366,ROW(INDEX(Jesper!AK$2:AK$366,ROUNDDOWN($C3558/24,0)+1,1))-1)+IF('Standard Profiles'!$G$21=$B$10,7,0)+IF('Standard Profiles'!$G$21=$B$17,14,0)+IF('Standard Profiles'!$G$21=$B$24,21,0),0)),0)</f>
        <v>0</v>
      </c>
      <c r="H3558" cm="1">
        <f t="array" ref="H3558">IFERROR(INDEX(Jesper!AL$2:AL$366,ROUNDDOWN($C3558/24,0)+1,1)*INDEX($D$3:$AA$30,INDEX(Jesper!$R$2:$R$366,ROW(INDEX(Jesper!AL$2:AL$366,ROUNDDOWN($C3558/24,0)+1,1))-1)+IF('Standard Profiles'!$G$22=$B$10,7,0)+IF('Standard Profiles'!$G$22=$B$17,14,0)+IF('Standard Profiles'!$G$22=$B$24,21,0),MOD($C3558,24)+1)/SUM(INDEX($D$3:$AA$30,INDEX(Jesper!$R$2:$R$366,ROW(INDEX(Jesper!AL$2:AL$366,ROUNDDOWN($C3558/24,0)+1,1))-1)+IF('Standard Profiles'!$G$22=$B$10,7,0)+IF('Standard Profiles'!$G$22=$B$17,14,0)+IF('Standard Profiles'!$G$22=$B$24,21,0),0)),0)</f>
        <v>0</v>
      </c>
      <c r="I3558">
        <f t="shared" si="405"/>
        <v>0.10424808404045834</v>
      </c>
      <c r="J3558">
        <f t="shared" si="406"/>
        <v>0.34749361346819452</v>
      </c>
      <c r="K3558">
        <f t="shared" si="407"/>
        <v>0.52124042020229178</v>
      </c>
      <c r="L3558">
        <f t="shared" si="408"/>
        <v>6.457239064334158</v>
      </c>
      <c r="M3558">
        <f t="shared" si="409"/>
        <v>0</v>
      </c>
      <c r="N3558" s="46">
        <f t="shared" si="410"/>
        <v>45438.833333324787</v>
      </c>
    </row>
    <row r="3559" spans="2:14" x14ac:dyDescent="0.3">
      <c r="B3559">
        <f t="shared" si="404"/>
        <v>7</v>
      </c>
      <c r="C3559" s="16">
        <v>3525</v>
      </c>
      <c r="D3559" cm="1">
        <f t="array" ref="D3559">IFERROR(INDEX(Jesper!AH$2:AH$366,ROUNDDOWN($C3559/24,0)+1,1)*INDEX($D$3:$AA$30,INDEX(Jesper!$R$2:$R$366,ROW(INDEX(Jesper!AH$2:AH$366,ROUNDDOWN($C3559/24,0)+1,1))-1)+IF('Standard Profiles'!$G$18=$B$10,7,0)+IF('Standard Profiles'!$G$18=$B$17,14,0)+IF('Standard Profiles'!$G$18=$B$24,21,0),MOD($C3559,24)+1)/SUM(INDEX($D$3:$AA$30,INDEX(Jesper!$R$2:$R$366,ROW(INDEX(Jesper!AH$2:AH$366,ROUNDDOWN($C3559/24,0)+1,1))-1)+IF('Standard Profiles'!$G$18=$B$10,7,0)+IF('Standard Profiles'!$G$18=$B$17,14,0)+IF('Standard Profiles'!$G$18=$B$24,21,0),0)),0)</f>
        <v>5.4636393912352395</v>
      </c>
      <c r="E3559" cm="1">
        <f t="array" ref="E3559">IFERROR(INDEX(Jesper!AI$2:AI$366,ROUNDDOWN($C3559/24,0)+1,1)*INDEX($D$3:$AA$30,INDEX(Jesper!$R$2:$R$366,ROW(INDEX(Jesper!AI$2:AI$366,ROUNDDOWN($C3559/24,0)+1,1))-1)+IF('Standard Profiles'!$G$19=$B$10,7,0)+IF('Standard Profiles'!$G$19=$B$17,14,0)+IF('Standard Profiles'!$G$19=$B$24,21,0),MOD($C3559,24)+1)/SUM(INDEX($D$3:$AA$30,INDEX(Jesper!$R$2:$R$366,ROW(INDEX(Jesper!AI$2:AI$366,ROUNDDOWN($C3559/24,0)+1,1))-1)+IF('Standard Profiles'!$G$19=$B$10,7,0)+IF('Standard Profiles'!$G$19=$B$17,14,0)+IF('Standard Profiles'!$G$19=$B$24,21,0),0)),0)</f>
        <v>1.0078435737717857</v>
      </c>
      <c r="F3559" cm="1">
        <f t="array" ref="F3559">IFERROR(INDEX(Jesper!AJ$2:AJ$366,ROUNDDOWN($C3559/24,0)+1,1)*INDEX($D$3:$AA$30,INDEX(Jesper!$R$2:$R$366,ROW(INDEX(Jesper!AJ$2:AJ$366,ROUNDDOWN($C3559/24,0)+1,1))-1)+IF('Standard Profiles'!$G$20=$B$10,7,0)+IF('Standard Profiles'!$G$20=$B$17,14,0)+IF('Standard Profiles'!$G$20=$B$24,21,0),MOD($C3559,24)+1)/SUM(INDEX($D$3:$AA$30,INDEX(Jesper!$R$2:$R$366,ROW(INDEX(Jesper!AJ$2:AJ$366,ROUNDDOWN($C3559/24,0)+1,1))-1)+IF('Standard Profiles'!$G$20=$B$10,7,0)+IF('Standard Profiles'!$G$20=$B$17,14,0)+IF('Standard Profiles'!$G$20=$B$24,21,0),0)),0)</f>
        <v>0</v>
      </c>
      <c r="G3559" cm="1">
        <f t="array" ref="G3559">IFERROR(INDEX(Jesper!AK$2:AK$366,ROUNDDOWN($C3559/24,0)+1,1)*INDEX($D$3:$AA$30,INDEX(Jesper!$R$2:$R$366,ROW(INDEX(Jesper!AK$2:AK$366,ROUNDDOWN($C3559/24,0)+1,1))-1)+IF('Standard Profiles'!$G$21=$B$10,7,0)+IF('Standard Profiles'!$G$21=$B$17,14,0)+IF('Standard Profiles'!$G$21=$B$24,21,0),MOD($C3559,24)+1)/SUM(INDEX($D$3:$AA$30,INDEX(Jesper!$R$2:$R$366,ROW(INDEX(Jesper!AK$2:AK$366,ROUNDDOWN($C3559/24,0)+1,1))-1)+IF('Standard Profiles'!$G$21=$B$10,7,0)+IF('Standard Profiles'!$G$21=$B$17,14,0)+IF('Standard Profiles'!$G$21=$B$24,21,0),0)),0)</f>
        <v>0</v>
      </c>
      <c r="H3559" cm="1">
        <f t="array" ref="H3559">IFERROR(INDEX(Jesper!AL$2:AL$366,ROUNDDOWN($C3559/24,0)+1,1)*INDEX($D$3:$AA$30,INDEX(Jesper!$R$2:$R$366,ROW(INDEX(Jesper!AL$2:AL$366,ROUNDDOWN($C3559/24,0)+1,1))-1)+IF('Standard Profiles'!$G$22=$B$10,7,0)+IF('Standard Profiles'!$G$22=$B$17,14,0)+IF('Standard Profiles'!$G$22=$B$24,21,0),MOD($C3559,24)+1)/SUM(INDEX($D$3:$AA$30,INDEX(Jesper!$R$2:$R$366,ROW(INDEX(Jesper!AL$2:AL$366,ROUNDDOWN($C3559/24,0)+1,1))-1)+IF('Standard Profiles'!$G$22=$B$10,7,0)+IF('Standard Profiles'!$G$22=$B$17,14,0)+IF('Standard Profiles'!$G$22=$B$24,21,0),0)),0)</f>
        <v>0</v>
      </c>
      <c r="I3559">
        <f t="shared" si="405"/>
        <v>9.0796718357818551E-2</v>
      </c>
      <c r="J3559">
        <f t="shared" si="406"/>
        <v>0.30265572785939521</v>
      </c>
      <c r="K3559">
        <f t="shared" si="407"/>
        <v>0.45398359178909281</v>
      </c>
      <c r="L3559">
        <f t="shared" si="408"/>
        <v>5.6240469270007187</v>
      </c>
      <c r="M3559">
        <f t="shared" si="409"/>
        <v>0</v>
      </c>
      <c r="N3559" s="46">
        <f t="shared" si="410"/>
        <v>45438.874999991451</v>
      </c>
    </row>
    <row r="3560" spans="2:14" x14ac:dyDescent="0.3">
      <c r="B3560">
        <f t="shared" si="404"/>
        <v>7</v>
      </c>
      <c r="C3560" s="16">
        <v>3526</v>
      </c>
      <c r="D3560" cm="1">
        <f t="array" ref="D3560">IFERROR(INDEX(Jesper!AH$2:AH$366,ROUNDDOWN($C3560/24,0)+1,1)*INDEX($D$3:$AA$30,INDEX(Jesper!$R$2:$R$366,ROW(INDEX(Jesper!AH$2:AH$366,ROUNDDOWN($C3560/24,0)+1,1))-1)+IF('Standard Profiles'!$G$18=$B$10,7,0)+IF('Standard Profiles'!$G$18=$B$17,14,0)+IF('Standard Profiles'!$G$18=$B$24,21,0),MOD($C3560,24)+1)/SUM(INDEX($D$3:$AA$30,INDEX(Jesper!$R$2:$R$366,ROW(INDEX(Jesper!AH$2:AH$366,ROUNDDOWN($C3560/24,0)+1,1))-1)+IF('Standard Profiles'!$G$18=$B$10,7,0)+IF('Standard Profiles'!$G$18=$B$17,14,0)+IF('Standard Profiles'!$G$18=$B$24,21,0),0)),0)</f>
        <v>5.4636393912352395</v>
      </c>
      <c r="E3560" cm="1">
        <f t="array" ref="E3560">IFERROR(INDEX(Jesper!AI$2:AI$366,ROUNDDOWN($C3560/24,0)+1,1)*INDEX($D$3:$AA$30,INDEX(Jesper!$R$2:$R$366,ROW(INDEX(Jesper!AI$2:AI$366,ROUNDDOWN($C3560/24,0)+1,1))-1)+IF('Standard Profiles'!$G$19=$B$10,7,0)+IF('Standard Profiles'!$G$19=$B$17,14,0)+IF('Standard Profiles'!$G$19=$B$24,21,0),MOD($C3560,24)+1)/SUM(INDEX($D$3:$AA$30,INDEX(Jesper!$R$2:$R$366,ROW(INDEX(Jesper!AI$2:AI$366,ROUNDDOWN($C3560/24,0)+1,1))-1)+IF('Standard Profiles'!$G$19=$B$10,7,0)+IF('Standard Profiles'!$G$19=$B$17,14,0)+IF('Standard Profiles'!$G$19=$B$24,21,0),0)),0)</f>
        <v>1.0078435737717857</v>
      </c>
      <c r="F3560" cm="1">
        <f t="array" ref="F3560">IFERROR(INDEX(Jesper!AJ$2:AJ$366,ROUNDDOWN($C3560/24,0)+1,1)*INDEX($D$3:$AA$30,INDEX(Jesper!$R$2:$R$366,ROW(INDEX(Jesper!AJ$2:AJ$366,ROUNDDOWN($C3560/24,0)+1,1))-1)+IF('Standard Profiles'!$G$20=$B$10,7,0)+IF('Standard Profiles'!$G$20=$B$17,14,0)+IF('Standard Profiles'!$G$20=$B$24,21,0),MOD($C3560,24)+1)/SUM(INDEX($D$3:$AA$30,INDEX(Jesper!$R$2:$R$366,ROW(INDEX(Jesper!AJ$2:AJ$366,ROUNDDOWN($C3560/24,0)+1,1))-1)+IF('Standard Profiles'!$G$20=$B$10,7,0)+IF('Standard Profiles'!$G$20=$B$17,14,0)+IF('Standard Profiles'!$G$20=$B$24,21,0),0)),0)</f>
        <v>0</v>
      </c>
      <c r="G3560" cm="1">
        <f t="array" ref="G3560">IFERROR(INDEX(Jesper!AK$2:AK$366,ROUNDDOWN($C3560/24,0)+1,1)*INDEX($D$3:$AA$30,INDEX(Jesper!$R$2:$R$366,ROW(INDEX(Jesper!AK$2:AK$366,ROUNDDOWN($C3560/24,0)+1,1))-1)+IF('Standard Profiles'!$G$21=$B$10,7,0)+IF('Standard Profiles'!$G$21=$B$17,14,0)+IF('Standard Profiles'!$G$21=$B$24,21,0),MOD($C3560,24)+1)/SUM(INDEX($D$3:$AA$30,INDEX(Jesper!$R$2:$R$366,ROW(INDEX(Jesper!AK$2:AK$366,ROUNDDOWN($C3560/24,0)+1,1))-1)+IF('Standard Profiles'!$G$21=$B$10,7,0)+IF('Standard Profiles'!$G$21=$B$17,14,0)+IF('Standard Profiles'!$G$21=$B$24,21,0),0)),0)</f>
        <v>0</v>
      </c>
      <c r="H3560" cm="1">
        <f t="array" ref="H3560">IFERROR(INDEX(Jesper!AL$2:AL$366,ROUNDDOWN($C3560/24,0)+1,1)*INDEX($D$3:$AA$30,INDEX(Jesper!$R$2:$R$366,ROW(INDEX(Jesper!AL$2:AL$366,ROUNDDOWN($C3560/24,0)+1,1))-1)+IF('Standard Profiles'!$G$22=$B$10,7,0)+IF('Standard Profiles'!$G$22=$B$17,14,0)+IF('Standard Profiles'!$G$22=$B$24,21,0),MOD($C3560,24)+1)/SUM(INDEX($D$3:$AA$30,INDEX(Jesper!$R$2:$R$366,ROW(INDEX(Jesper!AL$2:AL$366,ROUNDDOWN($C3560/24,0)+1,1))-1)+IF('Standard Profiles'!$G$22=$B$10,7,0)+IF('Standard Profiles'!$G$22=$B$17,14,0)+IF('Standard Profiles'!$G$22=$B$24,21,0),0)),0)</f>
        <v>0</v>
      </c>
      <c r="I3560">
        <f t="shared" si="405"/>
        <v>9.0796718357818551E-2</v>
      </c>
      <c r="J3560">
        <f t="shared" si="406"/>
        <v>0.30265572785939521</v>
      </c>
      <c r="K3560">
        <f t="shared" si="407"/>
        <v>0.45398359178909281</v>
      </c>
      <c r="L3560">
        <f t="shared" si="408"/>
        <v>5.6240469270007187</v>
      </c>
      <c r="M3560">
        <f t="shared" si="409"/>
        <v>0</v>
      </c>
      <c r="N3560" s="46">
        <f t="shared" si="410"/>
        <v>45438.916666658115</v>
      </c>
    </row>
    <row r="3561" spans="2:14" x14ac:dyDescent="0.3">
      <c r="B3561">
        <f t="shared" si="404"/>
        <v>7</v>
      </c>
      <c r="C3561" s="16">
        <v>3527</v>
      </c>
      <c r="D3561" cm="1">
        <f t="array" ref="D3561">IFERROR(INDEX(Jesper!AH$2:AH$366,ROUNDDOWN($C3561/24,0)+1,1)*INDEX($D$3:$AA$30,INDEX(Jesper!$R$2:$R$366,ROW(INDEX(Jesper!AH$2:AH$366,ROUNDDOWN($C3561/24,0)+1,1))-1)+IF('Standard Profiles'!$G$18=$B$10,7,0)+IF('Standard Profiles'!$G$18=$B$17,14,0)+IF('Standard Profiles'!$G$18=$B$24,21,0),MOD($C3561,24)+1)/SUM(INDEX($D$3:$AA$30,INDEX(Jesper!$R$2:$R$366,ROW(INDEX(Jesper!AH$2:AH$366,ROUNDDOWN($C3561/24,0)+1,1))-1)+IF('Standard Profiles'!$G$18=$B$10,7,0)+IF('Standard Profiles'!$G$18=$B$17,14,0)+IF('Standard Profiles'!$G$18=$B$24,21,0),0)),0)</f>
        <v>5.4636393912352395</v>
      </c>
      <c r="E3561" cm="1">
        <f t="array" ref="E3561">IFERROR(INDEX(Jesper!AI$2:AI$366,ROUNDDOWN($C3561/24,0)+1,1)*INDEX($D$3:$AA$30,INDEX(Jesper!$R$2:$R$366,ROW(INDEX(Jesper!AI$2:AI$366,ROUNDDOWN($C3561/24,0)+1,1))-1)+IF('Standard Profiles'!$G$19=$B$10,7,0)+IF('Standard Profiles'!$G$19=$B$17,14,0)+IF('Standard Profiles'!$G$19=$B$24,21,0),MOD($C3561,24)+1)/SUM(INDEX($D$3:$AA$30,INDEX(Jesper!$R$2:$R$366,ROW(INDEX(Jesper!AI$2:AI$366,ROUNDDOWN($C3561/24,0)+1,1))-1)+IF('Standard Profiles'!$G$19=$B$10,7,0)+IF('Standard Profiles'!$G$19=$B$17,14,0)+IF('Standard Profiles'!$G$19=$B$24,21,0),0)),0)</f>
        <v>1.0078435737717857</v>
      </c>
      <c r="F3561" cm="1">
        <f t="array" ref="F3561">IFERROR(INDEX(Jesper!AJ$2:AJ$366,ROUNDDOWN($C3561/24,0)+1,1)*INDEX($D$3:$AA$30,INDEX(Jesper!$R$2:$R$366,ROW(INDEX(Jesper!AJ$2:AJ$366,ROUNDDOWN($C3561/24,0)+1,1))-1)+IF('Standard Profiles'!$G$20=$B$10,7,0)+IF('Standard Profiles'!$G$20=$B$17,14,0)+IF('Standard Profiles'!$G$20=$B$24,21,0),MOD($C3561,24)+1)/SUM(INDEX($D$3:$AA$30,INDEX(Jesper!$R$2:$R$366,ROW(INDEX(Jesper!AJ$2:AJ$366,ROUNDDOWN($C3561/24,0)+1,1))-1)+IF('Standard Profiles'!$G$20=$B$10,7,0)+IF('Standard Profiles'!$G$20=$B$17,14,0)+IF('Standard Profiles'!$G$20=$B$24,21,0),0)),0)</f>
        <v>0</v>
      </c>
      <c r="G3561" cm="1">
        <f t="array" ref="G3561">IFERROR(INDEX(Jesper!AK$2:AK$366,ROUNDDOWN($C3561/24,0)+1,1)*INDEX($D$3:$AA$30,INDEX(Jesper!$R$2:$R$366,ROW(INDEX(Jesper!AK$2:AK$366,ROUNDDOWN($C3561/24,0)+1,1))-1)+IF('Standard Profiles'!$G$21=$B$10,7,0)+IF('Standard Profiles'!$G$21=$B$17,14,0)+IF('Standard Profiles'!$G$21=$B$24,21,0),MOD($C3561,24)+1)/SUM(INDEX($D$3:$AA$30,INDEX(Jesper!$R$2:$R$366,ROW(INDEX(Jesper!AK$2:AK$366,ROUNDDOWN($C3561/24,0)+1,1))-1)+IF('Standard Profiles'!$G$21=$B$10,7,0)+IF('Standard Profiles'!$G$21=$B$17,14,0)+IF('Standard Profiles'!$G$21=$B$24,21,0),0)),0)</f>
        <v>0</v>
      </c>
      <c r="H3561" cm="1">
        <f t="array" ref="H3561">IFERROR(INDEX(Jesper!AL$2:AL$366,ROUNDDOWN($C3561/24,0)+1,1)*INDEX($D$3:$AA$30,INDEX(Jesper!$R$2:$R$366,ROW(INDEX(Jesper!AL$2:AL$366,ROUNDDOWN($C3561/24,0)+1,1))-1)+IF('Standard Profiles'!$G$22=$B$10,7,0)+IF('Standard Profiles'!$G$22=$B$17,14,0)+IF('Standard Profiles'!$G$22=$B$24,21,0),MOD($C3561,24)+1)/SUM(INDEX($D$3:$AA$30,INDEX(Jesper!$R$2:$R$366,ROW(INDEX(Jesper!AL$2:AL$366,ROUNDDOWN($C3561/24,0)+1,1))-1)+IF('Standard Profiles'!$G$22=$B$10,7,0)+IF('Standard Profiles'!$G$22=$B$17,14,0)+IF('Standard Profiles'!$G$22=$B$24,21,0),0)),0)</f>
        <v>0</v>
      </c>
      <c r="I3561">
        <f t="shared" si="405"/>
        <v>9.0796718357818551E-2</v>
      </c>
      <c r="J3561">
        <f t="shared" si="406"/>
        <v>0.30265572785939521</v>
      </c>
      <c r="K3561">
        <f t="shared" si="407"/>
        <v>0.45398359178909281</v>
      </c>
      <c r="L3561">
        <f t="shared" si="408"/>
        <v>5.6240469270007187</v>
      </c>
      <c r="M3561">
        <f t="shared" si="409"/>
        <v>0</v>
      </c>
      <c r="N3561" s="46">
        <f t="shared" si="410"/>
        <v>45438.958333324779</v>
      </c>
    </row>
    <row r="3562" spans="2:14" x14ac:dyDescent="0.3">
      <c r="B3562">
        <f t="shared" si="404"/>
        <v>1</v>
      </c>
      <c r="C3562" s="16">
        <v>3528</v>
      </c>
      <c r="D3562" cm="1">
        <f t="array" ref="D3562">IFERROR(INDEX(Jesper!AH$2:AH$366,ROUNDDOWN($C3562/24,0)+1,1)*INDEX($D$3:$AA$30,INDEX(Jesper!$R$2:$R$366,ROW(INDEX(Jesper!AH$2:AH$366,ROUNDDOWN($C3562/24,0)+1,1))-1)+IF('Standard Profiles'!$G$18=$B$10,7,0)+IF('Standard Profiles'!$G$18=$B$17,14,0)+IF('Standard Profiles'!$G$18=$B$24,21,0),MOD($C3562,24)+1)/SUM(INDEX($D$3:$AA$30,INDEX(Jesper!$R$2:$R$366,ROW(INDEX(Jesper!AH$2:AH$366,ROUNDDOWN($C3562/24,0)+1,1))-1)+IF('Standard Profiles'!$G$18=$B$10,7,0)+IF('Standard Profiles'!$G$18=$B$17,14,0)+IF('Standard Profiles'!$G$18=$B$24,21,0),0)),0)</f>
        <v>2.5245581637614438</v>
      </c>
      <c r="E3562" cm="1">
        <f t="array" ref="E3562">IFERROR(INDEX(Jesper!AI$2:AI$366,ROUNDDOWN($C3562/24,0)+1,1)*INDEX($D$3:$AA$30,INDEX(Jesper!$R$2:$R$366,ROW(INDEX(Jesper!AI$2:AI$366,ROUNDDOWN($C3562/24,0)+1,1))-1)+IF('Standard Profiles'!$G$19=$B$10,7,0)+IF('Standard Profiles'!$G$19=$B$17,14,0)+IF('Standard Profiles'!$G$19=$B$24,21,0),MOD($C3562,24)+1)/SUM(INDEX($D$3:$AA$30,INDEX(Jesper!$R$2:$R$366,ROW(INDEX(Jesper!AI$2:AI$366,ROUNDDOWN($C3562/24,0)+1,1))-1)+IF('Standard Profiles'!$G$19=$B$10,7,0)+IF('Standard Profiles'!$G$19=$B$17,14,0)+IF('Standard Profiles'!$G$19=$B$24,21,0),0)),0)</f>
        <v>0</v>
      </c>
      <c r="F3562" cm="1">
        <f t="array" ref="F3562">IFERROR(INDEX(Jesper!AJ$2:AJ$366,ROUNDDOWN($C3562/24,0)+1,1)*INDEX($D$3:$AA$30,INDEX(Jesper!$R$2:$R$366,ROW(INDEX(Jesper!AJ$2:AJ$366,ROUNDDOWN($C3562/24,0)+1,1))-1)+IF('Standard Profiles'!$G$20=$B$10,7,0)+IF('Standard Profiles'!$G$20=$B$17,14,0)+IF('Standard Profiles'!$G$20=$B$24,21,0),MOD($C3562,24)+1)/SUM(INDEX($D$3:$AA$30,INDEX(Jesper!$R$2:$R$366,ROW(INDEX(Jesper!AJ$2:AJ$366,ROUNDDOWN($C3562/24,0)+1,1))-1)+IF('Standard Profiles'!$G$20=$B$10,7,0)+IF('Standard Profiles'!$G$20=$B$17,14,0)+IF('Standard Profiles'!$G$20=$B$24,21,0),0)),0)</f>
        <v>0</v>
      </c>
      <c r="G3562" cm="1">
        <f t="array" ref="G3562">IFERROR(INDEX(Jesper!AK$2:AK$366,ROUNDDOWN($C3562/24,0)+1,1)*INDEX($D$3:$AA$30,INDEX(Jesper!$R$2:$R$366,ROW(INDEX(Jesper!AK$2:AK$366,ROUNDDOWN($C3562/24,0)+1,1))-1)+IF('Standard Profiles'!$G$21=$B$10,7,0)+IF('Standard Profiles'!$G$21=$B$17,14,0)+IF('Standard Profiles'!$G$21=$B$24,21,0),MOD($C3562,24)+1)/SUM(INDEX($D$3:$AA$30,INDEX(Jesper!$R$2:$R$366,ROW(INDEX(Jesper!AK$2:AK$366,ROUNDDOWN($C3562/24,0)+1,1))-1)+IF('Standard Profiles'!$G$21=$B$10,7,0)+IF('Standard Profiles'!$G$21=$B$17,14,0)+IF('Standard Profiles'!$G$21=$B$24,21,0),0)),0)</f>
        <v>0</v>
      </c>
      <c r="H3562" cm="1">
        <f t="array" ref="H3562">IFERROR(INDEX(Jesper!AL$2:AL$366,ROUNDDOWN($C3562/24,0)+1,1)*INDEX($D$3:$AA$30,INDEX(Jesper!$R$2:$R$366,ROW(INDEX(Jesper!AL$2:AL$366,ROUNDDOWN($C3562/24,0)+1,1))-1)+IF('Standard Profiles'!$G$22=$B$10,7,0)+IF('Standard Profiles'!$G$22=$B$17,14,0)+IF('Standard Profiles'!$G$22=$B$24,21,0),MOD($C3562,24)+1)/SUM(INDEX($D$3:$AA$30,INDEX(Jesper!$R$2:$R$366,ROW(INDEX(Jesper!AL$2:AL$366,ROUNDDOWN($C3562/24,0)+1,1))-1)+IF('Standard Profiles'!$G$22=$B$10,7,0)+IF('Standard Profiles'!$G$22=$B$17,14,0)+IF('Standard Profiles'!$G$22=$B$24,21,0),0)),0)</f>
        <v>0</v>
      </c>
      <c r="I3562">
        <f t="shared" si="405"/>
        <v>7.573674491284331E-2</v>
      </c>
      <c r="J3562">
        <f t="shared" si="406"/>
        <v>0.25245581637614439</v>
      </c>
      <c r="K3562">
        <f t="shared" si="407"/>
        <v>0.37868372456421656</v>
      </c>
      <c r="L3562">
        <f t="shared" si="408"/>
        <v>1.8176818779082395</v>
      </c>
      <c r="M3562">
        <f t="shared" si="409"/>
        <v>0</v>
      </c>
      <c r="N3562" s="46">
        <f t="shared" si="410"/>
        <v>45438.999999991443</v>
      </c>
    </row>
    <row r="3563" spans="2:14" x14ac:dyDescent="0.3">
      <c r="B3563">
        <f t="shared" si="404"/>
        <v>1</v>
      </c>
      <c r="C3563" s="16">
        <v>3529</v>
      </c>
      <c r="D3563" cm="1">
        <f t="array" ref="D3563">IFERROR(INDEX(Jesper!AH$2:AH$366,ROUNDDOWN($C3563/24,0)+1,1)*INDEX($D$3:$AA$30,INDEX(Jesper!$R$2:$R$366,ROW(INDEX(Jesper!AH$2:AH$366,ROUNDDOWN($C3563/24,0)+1,1))-1)+IF('Standard Profiles'!$G$18=$B$10,7,0)+IF('Standard Profiles'!$G$18=$B$17,14,0)+IF('Standard Profiles'!$G$18=$B$24,21,0),MOD($C3563,24)+1)/SUM(INDEX($D$3:$AA$30,INDEX(Jesper!$R$2:$R$366,ROW(INDEX(Jesper!AH$2:AH$366,ROUNDDOWN($C3563/24,0)+1,1))-1)+IF('Standard Profiles'!$G$18=$B$10,7,0)+IF('Standard Profiles'!$G$18=$B$17,14,0)+IF('Standard Profiles'!$G$18=$B$24,21,0),0)),0)</f>
        <v>2.5245581637614438</v>
      </c>
      <c r="E3563" cm="1">
        <f t="array" ref="E3563">IFERROR(INDEX(Jesper!AI$2:AI$366,ROUNDDOWN($C3563/24,0)+1,1)*INDEX($D$3:$AA$30,INDEX(Jesper!$R$2:$R$366,ROW(INDEX(Jesper!AI$2:AI$366,ROUNDDOWN($C3563/24,0)+1,1))-1)+IF('Standard Profiles'!$G$19=$B$10,7,0)+IF('Standard Profiles'!$G$19=$B$17,14,0)+IF('Standard Profiles'!$G$19=$B$24,21,0),MOD($C3563,24)+1)/SUM(INDEX($D$3:$AA$30,INDEX(Jesper!$R$2:$R$366,ROW(INDEX(Jesper!AI$2:AI$366,ROUNDDOWN($C3563/24,0)+1,1))-1)+IF('Standard Profiles'!$G$19=$B$10,7,0)+IF('Standard Profiles'!$G$19=$B$17,14,0)+IF('Standard Profiles'!$G$19=$B$24,21,0),0)),0)</f>
        <v>0</v>
      </c>
      <c r="F3563" cm="1">
        <f t="array" ref="F3563">IFERROR(INDEX(Jesper!AJ$2:AJ$366,ROUNDDOWN($C3563/24,0)+1,1)*INDEX($D$3:$AA$30,INDEX(Jesper!$R$2:$R$366,ROW(INDEX(Jesper!AJ$2:AJ$366,ROUNDDOWN($C3563/24,0)+1,1))-1)+IF('Standard Profiles'!$G$20=$B$10,7,0)+IF('Standard Profiles'!$G$20=$B$17,14,0)+IF('Standard Profiles'!$G$20=$B$24,21,0),MOD($C3563,24)+1)/SUM(INDEX($D$3:$AA$30,INDEX(Jesper!$R$2:$R$366,ROW(INDEX(Jesper!AJ$2:AJ$366,ROUNDDOWN($C3563/24,0)+1,1))-1)+IF('Standard Profiles'!$G$20=$B$10,7,0)+IF('Standard Profiles'!$G$20=$B$17,14,0)+IF('Standard Profiles'!$G$20=$B$24,21,0),0)),0)</f>
        <v>0</v>
      </c>
      <c r="G3563" cm="1">
        <f t="array" ref="G3563">IFERROR(INDEX(Jesper!AK$2:AK$366,ROUNDDOWN($C3563/24,0)+1,1)*INDEX($D$3:$AA$30,INDEX(Jesper!$R$2:$R$366,ROW(INDEX(Jesper!AK$2:AK$366,ROUNDDOWN($C3563/24,0)+1,1))-1)+IF('Standard Profiles'!$G$21=$B$10,7,0)+IF('Standard Profiles'!$G$21=$B$17,14,0)+IF('Standard Profiles'!$G$21=$B$24,21,0),MOD($C3563,24)+1)/SUM(INDEX($D$3:$AA$30,INDEX(Jesper!$R$2:$R$366,ROW(INDEX(Jesper!AK$2:AK$366,ROUNDDOWN($C3563/24,0)+1,1))-1)+IF('Standard Profiles'!$G$21=$B$10,7,0)+IF('Standard Profiles'!$G$21=$B$17,14,0)+IF('Standard Profiles'!$G$21=$B$24,21,0),0)),0)</f>
        <v>0</v>
      </c>
      <c r="H3563" cm="1">
        <f t="array" ref="H3563">IFERROR(INDEX(Jesper!AL$2:AL$366,ROUNDDOWN($C3563/24,0)+1,1)*INDEX($D$3:$AA$30,INDEX(Jesper!$R$2:$R$366,ROW(INDEX(Jesper!AL$2:AL$366,ROUNDDOWN($C3563/24,0)+1,1))-1)+IF('Standard Profiles'!$G$22=$B$10,7,0)+IF('Standard Profiles'!$G$22=$B$17,14,0)+IF('Standard Profiles'!$G$22=$B$24,21,0),MOD($C3563,24)+1)/SUM(INDEX($D$3:$AA$30,INDEX(Jesper!$R$2:$R$366,ROW(INDEX(Jesper!AL$2:AL$366,ROUNDDOWN($C3563/24,0)+1,1))-1)+IF('Standard Profiles'!$G$22=$B$10,7,0)+IF('Standard Profiles'!$G$22=$B$17,14,0)+IF('Standard Profiles'!$G$22=$B$24,21,0),0)),0)</f>
        <v>0</v>
      </c>
      <c r="I3563">
        <f t="shared" si="405"/>
        <v>7.573674491284331E-2</v>
      </c>
      <c r="J3563">
        <f t="shared" si="406"/>
        <v>0.25245581637614439</v>
      </c>
      <c r="K3563">
        <f t="shared" si="407"/>
        <v>0.37868372456421656</v>
      </c>
      <c r="L3563">
        <f t="shared" si="408"/>
        <v>1.8176818779082395</v>
      </c>
      <c r="M3563">
        <f t="shared" si="409"/>
        <v>0</v>
      </c>
      <c r="N3563" s="46">
        <f t="shared" si="410"/>
        <v>45439.041666658108</v>
      </c>
    </row>
    <row r="3564" spans="2:14" x14ac:dyDescent="0.3">
      <c r="B3564">
        <f t="shared" si="404"/>
        <v>1</v>
      </c>
      <c r="C3564" s="16">
        <v>3530</v>
      </c>
      <c r="D3564" cm="1">
        <f t="array" ref="D3564">IFERROR(INDEX(Jesper!AH$2:AH$366,ROUNDDOWN($C3564/24,0)+1,1)*INDEX($D$3:$AA$30,INDEX(Jesper!$R$2:$R$366,ROW(INDEX(Jesper!AH$2:AH$366,ROUNDDOWN($C3564/24,0)+1,1))-1)+IF('Standard Profiles'!$G$18=$B$10,7,0)+IF('Standard Profiles'!$G$18=$B$17,14,0)+IF('Standard Profiles'!$G$18=$B$24,21,0),MOD($C3564,24)+1)/SUM(INDEX($D$3:$AA$30,INDEX(Jesper!$R$2:$R$366,ROW(INDEX(Jesper!AH$2:AH$366,ROUNDDOWN($C3564/24,0)+1,1))-1)+IF('Standard Profiles'!$G$18=$B$10,7,0)+IF('Standard Profiles'!$G$18=$B$17,14,0)+IF('Standard Profiles'!$G$18=$B$24,21,0),0)),0)</f>
        <v>2.5245581637614438</v>
      </c>
      <c r="E3564" cm="1">
        <f t="array" ref="E3564">IFERROR(INDEX(Jesper!AI$2:AI$366,ROUNDDOWN($C3564/24,0)+1,1)*INDEX($D$3:$AA$30,INDEX(Jesper!$R$2:$R$366,ROW(INDEX(Jesper!AI$2:AI$366,ROUNDDOWN($C3564/24,0)+1,1))-1)+IF('Standard Profiles'!$G$19=$B$10,7,0)+IF('Standard Profiles'!$G$19=$B$17,14,0)+IF('Standard Profiles'!$G$19=$B$24,21,0),MOD($C3564,24)+1)/SUM(INDEX($D$3:$AA$30,INDEX(Jesper!$R$2:$R$366,ROW(INDEX(Jesper!AI$2:AI$366,ROUNDDOWN($C3564/24,0)+1,1))-1)+IF('Standard Profiles'!$G$19=$B$10,7,0)+IF('Standard Profiles'!$G$19=$B$17,14,0)+IF('Standard Profiles'!$G$19=$B$24,21,0),0)),0)</f>
        <v>0</v>
      </c>
      <c r="F3564" cm="1">
        <f t="array" ref="F3564">IFERROR(INDEX(Jesper!AJ$2:AJ$366,ROUNDDOWN($C3564/24,0)+1,1)*INDEX($D$3:$AA$30,INDEX(Jesper!$R$2:$R$366,ROW(INDEX(Jesper!AJ$2:AJ$366,ROUNDDOWN($C3564/24,0)+1,1))-1)+IF('Standard Profiles'!$G$20=$B$10,7,0)+IF('Standard Profiles'!$G$20=$B$17,14,0)+IF('Standard Profiles'!$G$20=$B$24,21,0),MOD($C3564,24)+1)/SUM(INDEX($D$3:$AA$30,INDEX(Jesper!$R$2:$R$366,ROW(INDEX(Jesper!AJ$2:AJ$366,ROUNDDOWN($C3564/24,0)+1,1))-1)+IF('Standard Profiles'!$G$20=$B$10,7,0)+IF('Standard Profiles'!$G$20=$B$17,14,0)+IF('Standard Profiles'!$G$20=$B$24,21,0),0)),0)</f>
        <v>0</v>
      </c>
      <c r="G3564" cm="1">
        <f t="array" ref="G3564">IFERROR(INDEX(Jesper!AK$2:AK$366,ROUNDDOWN($C3564/24,0)+1,1)*INDEX($D$3:$AA$30,INDEX(Jesper!$R$2:$R$366,ROW(INDEX(Jesper!AK$2:AK$366,ROUNDDOWN($C3564/24,0)+1,1))-1)+IF('Standard Profiles'!$G$21=$B$10,7,0)+IF('Standard Profiles'!$G$21=$B$17,14,0)+IF('Standard Profiles'!$G$21=$B$24,21,0),MOD($C3564,24)+1)/SUM(INDEX($D$3:$AA$30,INDEX(Jesper!$R$2:$R$366,ROW(INDEX(Jesper!AK$2:AK$366,ROUNDDOWN($C3564/24,0)+1,1))-1)+IF('Standard Profiles'!$G$21=$B$10,7,0)+IF('Standard Profiles'!$G$21=$B$17,14,0)+IF('Standard Profiles'!$G$21=$B$24,21,0),0)),0)</f>
        <v>0</v>
      </c>
      <c r="H3564" cm="1">
        <f t="array" ref="H3564">IFERROR(INDEX(Jesper!AL$2:AL$366,ROUNDDOWN($C3564/24,0)+1,1)*INDEX($D$3:$AA$30,INDEX(Jesper!$R$2:$R$366,ROW(INDEX(Jesper!AL$2:AL$366,ROUNDDOWN($C3564/24,0)+1,1))-1)+IF('Standard Profiles'!$G$22=$B$10,7,0)+IF('Standard Profiles'!$G$22=$B$17,14,0)+IF('Standard Profiles'!$G$22=$B$24,21,0),MOD($C3564,24)+1)/SUM(INDEX($D$3:$AA$30,INDEX(Jesper!$R$2:$R$366,ROW(INDEX(Jesper!AL$2:AL$366,ROUNDDOWN($C3564/24,0)+1,1))-1)+IF('Standard Profiles'!$G$22=$B$10,7,0)+IF('Standard Profiles'!$G$22=$B$17,14,0)+IF('Standard Profiles'!$G$22=$B$24,21,0),0)),0)</f>
        <v>0</v>
      </c>
      <c r="I3564">
        <f t="shared" si="405"/>
        <v>7.573674491284331E-2</v>
      </c>
      <c r="J3564">
        <f t="shared" si="406"/>
        <v>0.25245581637614439</v>
      </c>
      <c r="K3564">
        <f t="shared" si="407"/>
        <v>0.37868372456421656</v>
      </c>
      <c r="L3564">
        <f t="shared" si="408"/>
        <v>1.8176818779082395</v>
      </c>
      <c r="M3564">
        <f t="shared" si="409"/>
        <v>0</v>
      </c>
      <c r="N3564" s="46">
        <f t="shared" si="410"/>
        <v>45439.083333324772</v>
      </c>
    </row>
    <row r="3565" spans="2:14" x14ac:dyDescent="0.3">
      <c r="B3565">
        <f t="shared" si="404"/>
        <v>1</v>
      </c>
      <c r="C3565" s="16">
        <v>3531</v>
      </c>
      <c r="D3565" cm="1">
        <f t="array" ref="D3565">IFERROR(INDEX(Jesper!AH$2:AH$366,ROUNDDOWN($C3565/24,0)+1,1)*INDEX($D$3:$AA$30,INDEX(Jesper!$R$2:$R$366,ROW(INDEX(Jesper!AH$2:AH$366,ROUNDDOWN($C3565/24,0)+1,1))-1)+IF('Standard Profiles'!$G$18=$B$10,7,0)+IF('Standard Profiles'!$G$18=$B$17,14,0)+IF('Standard Profiles'!$G$18=$B$24,21,0),MOD($C3565,24)+1)/SUM(INDEX($D$3:$AA$30,INDEX(Jesper!$R$2:$R$366,ROW(INDEX(Jesper!AH$2:AH$366,ROUNDDOWN($C3565/24,0)+1,1))-1)+IF('Standard Profiles'!$G$18=$B$10,7,0)+IF('Standard Profiles'!$G$18=$B$17,14,0)+IF('Standard Profiles'!$G$18=$B$24,21,0),0)),0)</f>
        <v>2.5245581637614438</v>
      </c>
      <c r="E3565" cm="1">
        <f t="array" ref="E3565">IFERROR(INDEX(Jesper!AI$2:AI$366,ROUNDDOWN($C3565/24,0)+1,1)*INDEX($D$3:$AA$30,INDEX(Jesper!$R$2:$R$366,ROW(INDEX(Jesper!AI$2:AI$366,ROUNDDOWN($C3565/24,0)+1,1))-1)+IF('Standard Profiles'!$G$19=$B$10,7,0)+IF('Standard Profiles'!$G$19=$B$17,14,0)+IF('Standard Profiles'!$G$19=$B$24,21,0),MOD($C3565,24)+1)/SUM(INDEX($D$3:$AA$30,INDEX(Jesper!$R$2:$R$366,ROW(INDEX(Jesper!AI$2:AI$366,ROUNDDOWN($C3565/24,0)+1,1))-1)+IF('Standard Profiles'!$G$19=$B$10,7,0)+IF('Standard Profiles'!$G$19=$B$17,14,0)+IF('Standard Profiles'!$G$19=$B$24,21,0),0)),0)</f>
        <v>0</v>
      </c>
      <c r="F3565" cm="1">
        <f t="array" ref="F3565">IFERROR(INDEX(Jesper!AJ$2:AJ$366,ROUNDDOWN($C3565/24,0)+1,1)*INDEX($D$3:$AA$30,INDEX(Jesper!$R$2:$R$366,ROW(INDEX(Jesper!AJ$2:AJ$366,ROUNDDOWN($C3565/24,0)+1,1))-1)+IF('Standard Profiles'!$G$20=$B$10,7,0)+IF('Standard Profiles'!$G$20=$B$17,14,0)+IF('Standard Profiles'!$G$20=$B$24,21,0),MOD($C3565,24)+1)/SUM(INDEX($D$3:$AA$30,INDEX(Jesper!$R$2:$R$366,ROW(INDEX(Jesper!AJ$2:AJ$366,ROUNDDOWN($C3565/24,0)+1,1))-1)+IF('Standard Profiles'!$G$20=$B$10,7,0)+IF('Standard Profiles'!$G$20=$B$17,14,0)+IF('Standard Profiles'!$G$20=$B$24,21,0),0)),0)</f>
        <v>0</v>
      </c>
      <c r="G3565" cm="1">
        <f t="array" ref="G3565">IFERROR(INDEX(Jesper!AK$2:AK$366,ROUNDDOWN($C3565/24,0)+1,1)*INDEX($D$3:$AA$30,INDEX(Jesper!$R$2:$R$366,ROW(INDEX(Jesper!AK$2:AK$366,ROUNDDOWN($C3565/24,0)+1,1))-1)+IF('Standard Profiles'!$G$21=$B$10,7,0)+IF('Standard Profiles'!$G$21=$B$17,14,0)+IF('Standard Profiles'!$G$21=$B$24,21,0),MOD($C3565,24)+1)/SUM(INDEX($D$3:$AA$30,INDEX(Jesper!$R$2:$R$366,ROW(INDEX(Jesper!AK$2:AK$366,ROUNDDOWN($C3565/24,0)+1,1))-1)+IF('Standard Profiles'!$G$21=$B$10,7,0)+IF('Standard Profiles'!$G$21=$B$17,14,0)+IF('Standard Profiles'!$G$21=$B$24,21,0),0)),0)</f>
        <v>0</v>
      </c>
      <c r="H3565" cm="1">
        <f t="array" ref="H3565">IFERROR(INDEX(Jesper!AL$2:AL$366,ROUNDDOWN($C3565/24,0)+1,1)*INDEX($D$3:$AA$30,INDEX(Jesper!$R$2:$R$366,ROW(INDEX(Jesper!AL$2:AL$366,ROUNDDOWN($C3565/24,0)+1,1))-1)+IF('Standard Profiles'!$G$22=$B$10,7,0)+IF('Standard Profiles'!$G$22=$B$17,14,0)+IF('Standard Profiles'!$G$22=$B$24,21,0),MOD($C3565,24)+1)/SUM(INDEX($D$3:$AA$30,INDEX(Jesper!$R$2:$R$366,ROW(INDEX(Jesper!AL$2:AL$366,ROUNDDOWN($C3565/24,0)+1,1))-1)+IF('Standard Profiles'!$G$22=$B$10,7,0)+IF('Standard Profiles'!$G$22=$B$17,14,0)+IF('Standard Profiles'!$G$22=$B$24,21,0),0)),0)</f>
        <v>0</v>
      </c>
      <c r="I3565">
        <f t="shared" si="405"/>
        <v>7.573674491284331E-2</v>
      </c>
      <c r="J3565">
        <f t="shared" si="406"/>
        <v>0.25245581637614439</v>
      </c>
      <c r="K3565">
        <f t="shared" si="407"/>
        <v>0.37868372456421656</v>
      </c>
      <c r="L3565">
        <f t="shared" si="408"/>
        <v>1.8176818779082395</v>
      </c>
      <c r="M3565">
        <f t="shared" si="409"/>
        <v>0</v>
      </c>
      <c r="N3565" s="46">
        <f t="shared" si="410"/>
        <v>45439.124999991436</v>
      </c>
    </row>
    <row r="3566" spans="2:14" x14ac:dyDescent="0.3">
      <c r="B3566">
        <f t="shared" si="404"/>
        <v>1</v>
      </c>
      <c r="C3566" s="16">
        <v>3532</v>
      </c>
      <c r="D3566" cm="1">
        <f t="array" ref="D3566">IFERROR(INDEX(Jesper!AH$2:AH$366,ROUNDDOWN($C3566/24,0)+1,1)*INDEX($D$3:$AA$30,INDEX(Jesper!$R$2:$R$366,ROW(INDEX(Jesper!AH$2:AH$366,ROUNDDOWN($C3566/24,0)+1,1))-1)+IF('Standard Profiles'!$G$18=$B$10,7,0)+IF('Standard Profiles'!$G$18=$B$17,14,0)+IF('Standard Profiles'!$G$18=$B$24,21,0),MOD($C3566,24)+1)/SUM(INDEX($D$3:$AA$30,INDEX(Jesper!$R$2:$R$366,ROW(INDEX(Jesper!AH$2:AH$366,ROUNDDOWN($C3566/24,0)+1,1))-1)+IF('Standard Profiles'!$G$18=$B$10,7,0)+IF('Standard Profiles'!$G$18=$B$17,14,0)+IF('Standard Profiles'!$G$18=$B$24,21,0),0)),0)</f>
        <v>2.5245581637614438</v>
      </c>
      <c r="E3566" cm="1">
        <f t="array" ref="E3566">IFERROR(INDEX(Jesper!AI$2:AI$366,ROUNDDOWN($C3566/24,0)+1,1)*INDEX($D$3:$AA$30,INDEX(Jesper!$R$2:$R$366,ROW(INDEX(Jesper!AI$2:AI$366,ROUNDDOWN($C3566/24,0)+1,1))-1)+IF('Standard Profiles'!$G$19=$B$10,7,0)+IF('Standard Profiles'!$G$19=$B$17,14,0)+IF('Standard Profiles'!$G$19=$B$24,21,0),MOD($C3566,24)+1)/SUM(INDEX($D$3:$AA$30,INDEX(Jesper!$R$2:$R$366,ROW(INDEX(Jesper!AI$2:AI$366,ROUNDDOWN($C3566/24,0)+1,1))-1)+IF('Standard Profiles'!$G$19=$B$10,7,0)+IF('Standard Profiles'!$G$19=$B$17,14,0)+IF('Standard Profiles'!$G$19=$B$24,21,0),0)),0)</f>
        <v>0</v>
      </c>
      <c r="F3566" cm="1">
        <f t="array" ref="F3566">IFERROR(INDEX(Jesper!AJ$2:AJ$366,ROUNDDOWN($C3566/24,0)+1,1)*INDEX($D$3:$AA$30,INDEX(Jesper!$R$2:$R$366,ROW(INDEX(Jesper!AJ$2:AJ$366,ROUNDDOWN($C3566/24,0)+1,1))-1)+IF('Standard Profiles'!$G$20=$B$10,7,0)+IF('Standard Profiles'!$G$20=$B$17,14,0)+IF('Standard Profiles'!$G$20=$B$24,21,0),MOD($C3566,24)+1)/SUM(INDEX($D$3:$AA$30,INDEX(Jesper!$R$2:$R$366,ROW(INDEX(Jesper!AJ$2:AJ$366,ROUNDDOWN($C3566/24,0)+1,1))-1)+IF('Standard Profiles'!$G$20=$B$10,7,0)+IF('Standard Profiles'!$G$20=$B$17,14,0)+IF('Standard Profiles'!$G$20=$B$24,21,0),0)),0)</f>
        <v>0</v>
      </c>
      <c r="G3566" cm="1">
        <f t="array" ref="G3566">IFERROR(INDEX(Jesper!AK$2:AK$366,ROUNDDOWN($C3566/24,0)+1,1)*INDEX($D$3:$AA$30,INDEX(Jesper!$R$2:$R$366,ROW(INDEX(Jesper!AK$2:AK$366,ROUNDDOWN($C3566/24,0)+1,1))-1)+IF('Standard Profiles'!$G$21=$B$10,7,0)+IF('Standard Profiles'!$G$21=$B$17,14,0)+IF('Standard Profiles'!$G$21=$B$24,21,0),MOD($C3566,24)+1)/SUM(INDEX($D$3:$AA$30,INDEX(Jesper!$R$2:$R$366,ROW(INDEX(Jesper!AK$2:AK$366,ROUNDDOWN($C3566/24,0)+1,1))-1)+IF('Standard Profiles'!$G$21=$B$10,7,0)+IF('Standard Profiles'!$G$21=$B$17,14,0)+IF('Standard Profiles'!$G$21=$B$24,21,0),0)),0)</f>
        <v>0</v>
      </c>
      <c r="H3566" cm="1">
        <f t="array" ref="H3566">IFERROR(INDEX(Jesper!AL$2:AL$366,ROUNDDOWN($C3566/24,0)+1,1)*INDEX($D$3:$AA$30,INDEX(Jesper!$R$2:$R$366,ROW(INDEX(Jesper!AL$2:AL$366,ROUNDDOWN($C3566/24,0)+1,1))-1)+IF('Standard Profiles'!$G$22=$B$10,7,0)+IF('Standard Profiles'!$G$22=$B$17,14,0)+IF('Standard Profiles'!$G$22=$B$24,21,0),MOD($C3566,24)+1)/SUM(INDEX($D$3:$AA$30,INDEX(Jesper!$R$2:$R$366,ROW(INDEX(Jesper!AL$2:AL$366,ROUNDDOWN($C3566/24,0)+1,1))-1)+IF('Standard Profiles'!$G$22=$B$10,7,0)+IF('Standard Profiles'!$G$22=$B$17,14,0)+IF('Standard Profiles'!$G$22=$B$24,21,0),0)),0)</f>
        <v>0</v>
      </c>
      <c r="I3566">
        <f t="shared" si="405"/>
        <v>7.573674491284331E-2</v>
      </c>
      <c r="J3566">
        <f t="shared" si="406"/>
        <v>0.25245581637614439</v>
      </c>
      <c r="K3566">
        <f t="shared" si="407"/>
        <v>0.37868372456421656</v>
      </c>
      <c r="L3566">
        <f t="shared" si="408"/>
        <v>1.8176818779082395</v>
      </c>
      <c r="M3566">
        <f t="shared" si="409"/>
        <v>0</v>
      </c>
      <c r="N3566" s="46">
        <f t="shared" si="410"/>
        <v>45439.1666666581</v>
      </c>
    </row>
    <row r="3567" spans="2:14" x14ac:dyDescent="0.3">
      <c r="B3567">
        <f t="shared" si="404"/>
        <v>1</v>
      </c>
      <c r="C3567" s="16">
        <v>3533</v>
      </c>
      <c r="D3567" cm="1">
        <f t="array" ref="D3567">IFERROR(INDEX(Jesper!AH$2:AH$366,ROUNDDOWN($C3567/24,0)+1,1)*INDEX($D$3:$AA$30,INDEX(Jesper!$R$2:$R$366,ROW(INDEX(Jesper!AH$2:AH$366,ROUNDDOWN($C3567/24,0)+1,1))-1)+IF('Standard Profiles'!$G$18=$B$10,7,0)+IF('Standard Profiles'!$G$18=$B$17,14,0)+IF('Standard Profiles'!$G$18=$B$24,21,0),MOD($C3567,24)+1)/SUM(INDEX($D$3:$AA$30,INDEX(Jesper!$R$2:$R$366,ROW(INDEX(Jesper!AH$2:AH$366,ROUNDDOWN($C3567/24,0)+1,1))-1)+IF('Standard Profiles'!$G$18=$B$10,7,0)+IF('Standard Profiles'!$G$18=$B$17,14,0)+IF('Standard Profiles'!$G$18=$B$24,21,0),0)),0)</f>
        <v>10.939752042966257</v>
      </c>
      <c r="E3567" cm="1">
        <f t="array" ref="E3567">IFERROR(INDEX(Jesper!AI$2:AI$366,ROUNDDOWN($C3567/24,0)+1,1)*INDEX($D$3:$AA$30,INDEX(Jesper!$R$2:$R$366,ROW(INDEX(Jesper!AI$2:AI$366,ROUNDDOWN($C3567/24,0)+1,1))-1)+IF('Standard Profiles'!$G$19=$B$10,7,0)+IF('Standard Profiles'!$G$19=$B$17,14,0)+IF('Standard Profiles'!$G$19=$B$24,21,0),MOD($C3567,24)+1)/SUM(INDEX($D$3:$AA$30,INDEX(Jesper!$R$2:$R$366,ROW(INDEX(Jesper!AI$2:AI$366,ROUNDDOWN($C3567/24,0)+1,1))-1)+IF('Standard Profiles'!$G$19=$B$10,7,0)+IF('Standard Profiles'!$G$19=$B$17,14,0)+IF('Standard Profiles'!$G$19=$B$24,21,0),0)),0)</f>
        <v>0</v>
      </c>
      <c r="F3567" cm="1">
        <f t="array" ref="F3567">IFERROR(INDEX(Jesper!AJ$2:AJ$366,ROUNDDOWN($C3567/24,0)+1,1)*INDEX($D$3:$AA$30,INDEX(Jesper!$R$2:$R$366,ROW(INDEX(Jesper!AJ$2:AJ$366,ROUNDDOWN($C3567/24,0)+1,1))-1)+IF('Standard Profiles'!$G$20=$B$10,7,0)+IF('Standard Profiles'!$G$20=$B$17,14,0)+IF('Standard Profiles'!$G$20=$B$24,21,0),MOD($C3567,24)+1)/SUM(INDEX($D$3:$AA$30,INDEX(Jesper!$R$2:$R$366,ROW(INDEX(Jesper!AJ$2:AJ$366,ROUNDDOWN($C3567/24,0)+1,1))-1)+IF('Standard Profiles'!$G$20=$B$10,7,0)+IF('Standard Profiles'!$G$20=$B$17,14,0)+IF('Standard Profiles'!$G$20=$B$24,21,0),0)),0)</f>
        <v>0</v>
      </c>
      <c r="G3567" cm="1">
        <f t="array" ref="G3567">IFERROR(INDEX(Jesper!AK$2:AK$366,ROUNDDOWN($C3567/24,0)+1,1)*INDEX($D$3:$AA$30,INDEX(Jesper!$R$2:$R$366,ROW(INDEX(Jesper!AK$2:AK$366,ROUNDDOWN($C3567/24,0)+1,1))-1)+IF('Standard Profiles'!$G$21=$B$10,7,0)+IF('Standard Profiles'!$G$21=$B$17,14,0)+IF('Standard Profiles'!$G$21=$B$24,21,0),MOD($C3567,24)+1)/SUM(INDEX($D$3:$AA$30,INDEX(Jesper!$R$2:$R$366,ROW(INDEX(Jesper!AK$2:AK$366,ROUNDDOWN($C3567/24,0)+1,1))-1)+IF('Standard Profiles'!$G$21=$B$10,7,0)+IF('Standard Profiles'!$G$21=$B$17,14,0)+IF('Standard Profiles'!$G$21=$B$24,21,0),0)),0)</f>
        <v>0</v>
      </c>
      <c r="H3567" cm="1">
        <f t="array" ref="H3567">IFERROR(INDEX(Jesper!AL$2:AL$366,ROUNDDOWN($C3567/24,0)+1,1)*INDEX($D$3:$AA$30,INDEX(Jesper!$R$2:$R$366,ROW(INDEX(Jesper!AL$2:AL$366,ROUNDDOWN($C3567/24,0)+1,1))-1)+IF('Standard Profiles'!$G$22=$B$10,7,0)+IF('Standard Profiles'!$G$22=$B$17,14,0)+IF('Standard Profiles'!$G$22=$B$24,21,0),MOD($C3567,24)+1)/SUM(INDEX($D$3:$AA$30,INDEX(Jesper!$R$2:$R$366,ROW(INDEX(Jesper!AL$2:AL$366,ROUNDDOWN($C3567/24,0)+1,1))-1)+IF('Standard Profiles'!$G$22=$B$10,7,0)+IF('Standard Profiles'!$G$22=$B$17,14,0)+IF('Standard Profiles'!$G$22=$B$24,21,0),0)),0)</f>
        <v>0</v>
      </c>
      <c r="I3567">
        <f t="shared" si="405"/>
        <v>0.32819256128898772</v>
      </c>
      <c r="J3567">
        <f t="shared" si="406"/>
        <v>1.0939752042966258</v>
      </c>
      <c r="K3567">
        <f t="shared" si="407"/>
        <v>1.6409628064449384</v>
      </c>
      <c r="L3567">
        <f t="shared" si="408"/>
        <v>7.8766214709357047</v>
      </c>
      <c r="M3567">
        <f t="shared" si="409"/>
        <v>0</v>
      </c>
      <c r="N3567" s="46">
        <f t="shared" si="410"/>
        <v>45439.208333324765</v>
      </c>
    </row>
    <row r="3568" spans="2:14" x14ac:dyDescent="0.3">
      <c r="B3568">
        <f t="shared" si="404"/>
        <v>1</v>
      </c>
      <c r="C3568" s="16">
        <v>3534</v>
      </c>
      <c r="D3568" cm="1">
        <f t="array" ref="D3568">IFERROR(INDEX(Jesper!AH$2:AH$366,ROUNDDOWN($C3568/24,0)+1,1)*INDEX($D$3:$AA$30,INDEX(Jesper!$R$2:$R$366,ROW(INDEX(Jesper!AH$2:AH$366,ROUNDDOWN($C3568/24,0)+1,1))-1)+IF('Standard Profiles'!$G$18=$B$10,7,0)+IF('Standard Profiles'!$G$18=$B$17,14,0)+IF('Standard Profiles'!$G$18=$B$24,21,0),MOD($C3568,24)+1)/SUM(INDEX($D$3:$AA$30,INDEX(Jesper!$R$2:$R$366,ROW(INDEX(Jesper!AH$2:AH$366,ROUNDDOWN($C3568/24,0)+1,1))-1)+IF('Standard Profiles'!$G$18=$B$10,7,0)+IF('Standard Profiles'!$G$18=$B$17,14,0)+IF('Standard Profiles'!$G$18=$B$24,21,0),0)),0)</f>
        <v>12.4124109718271</v>
      </c>
      <c r="E3568" cm="1">
        <f t="array" ref="E3568">IFERROR(INDEX(Jesper!AI$2:AI$366,ROUNDDOWN($C3568/24,0)+1,1)*INDEX($D$3:$AA$30,INDEX(Jesper!$R$2:$R$366,ROW(INDEX(Jesper!AI$2:AI$366,ROUNDDOWN($C3568/24,0)+1,1))-1)+IF('Standard Profiles'!$G$19=$B$10,7,0)+IF('Standard Profiles'!$G$19=$B$17,14,0)+IF('Standard Profiles'!$G$19=$B$24,21,0),MOD($C3568,24)+1)/SUM(INDEX($D$3:$AA$30,INDEX(Jesper!$R$2:$R$366,ROW(INDEX(Jesper!AI$2:AI$366,ROUNDDOWN($C3568/24,0)+1,1))-1)+IF('Standard Profiles'!$G$19=$B$10,7,0)+IF('Standard Profiles'!$G$19=$B$17,14,0)+IF('Standard Profiles'!$G$19=$B$24,21,0),0)),0)</f>
        <v>0</v>
      </c>
      <c r="F3568" cm="1">
        <f t="array" ref="F3568">IFERROR(INDEX(Jesper!AJ$2:AJ$366,ROUNDDOWN($C3568/24,0)+1,1)*INDEX($D$3:$AA$30,INDEX(Jesper!$R$2:$R$366,ROW(INDEX(Jesper!AJ$2:AJ$366,ROUNDDOWN($C3568/24,0)+1,1))-1)+IF('Standard Profiles'!$G$20=$B$10,7,0)+IF('Standard Profiles'!$G$20=$B$17,14,0)+IF('Standard Profiles'!$G$20=$B$24,21,0),MOD($C3568,24)+1)/SUM(INDEX($D$3:$AA$30,INDEX(Jesper!$R$2:$R$366,ROW(INDEX(Jesper!AJ$2:AJ$366,ROUNDDOWN($C3568/24,0)+1,1))-1)+IF('Standard Profiles'!$G$20=$B$10,7,0)+IF('Standard Profiles'!$G$20=$B$17,14,0)+IF('Standard Profiles'!$G$20=$B$24,21,0),0)),0)</f>
        <v>0</v>
      </c>
      <c r="G3568" cm="1">
        <f t="array" ref="G3568">IFERROR(INDEX(Jesper!AK$2:AK$366,ROUNDDOWN($C3568/24,0)+1,1)*INDEX($D$3:$AA$30,INDEX(Jesper!$R$2:$R$366,ROW(INDEX(Jesper!AK$2:AK$366,ROUNDDOWN($C3568/24,0)+1,1))-1)+IF('Standard Profiles'!$G$21=$B$10,7,0)+IF('Standard Profiles'!$G$21=$B$17,14,0)+IF('Standard Profiles'!$G$21=$B$24,21,0),MOD($C3568,24)+1)/SUM(INDEX($D$3:$AA$30,INDEX(Jesper!$R$2:$R$366,ROW(INDEX(Jesper!AK$2:AK$366,ROUNDDOWN($C3568/24,0)+1,1))-1)+IF('Standard Profiles'!$G$21=$B$10,7,0)+IF('Standard Profiles'!$G$21=$B$17,14,0)+IF('Standard Profiles'!$G$21=$B$24,21,0),0)),0)</f>
        <v>0</v>
      </c>
      <c r="H3568" cm="1">
        <f t="array" ref="H3568">IFERROR(INDEX(Jesper!AL$2:AL$366,ROUNDDOWN($C3568/24,0)+1,1)*INDEX($D$3:$AA$30,INDEX(Jesper!$R$2:$R$366,ROW(INDEX(Jesper!AL$2:AL$366,ROUNDDOWN($C3568/24,0)+1,1))-1)+IF('Standard Profiles'!$G$22=$B$10,7,0)+IF('Standard Profiles'!$G$22=$B$17,14,0)+IF('Standard Profiles'!$G$22=$B$24,21,0),MOD($C3568,24)+1)/SUM(INDEX($D$3:$AA$30,INDEX(Jesper!$R$2:$R$366,ROW(INDEX(Jesper!AL$2:AL$366,ROUNDDOWN($C3568/24,0)+1,1))-1)+IF('Standard Profiles'!$G$22=$B$10,7,0)+IF('Standard Profiles'!$G$22=$B$17,14,0)+IF('Standard Profiles'!$G$22=$B$24,21,0),0)),0)</f>
        <v>0</v>
      </c>
      <c r="I3568">
        <f t="shared" si="405"/>
        <v>0.372372329154813</v>
      </c>
      <c r="J3568">
        <f t="shared" si="406"/>
        <v>1.2412410971827101</v>
      </c>
      <c r="K3568">
        <f t="shared" si="407"/>
        <v>1.8618616457740649</v>
      </c>
      <c r="L3568">
        <f t="shared" si="408"/>
        <v>8.9369358997155111</v>
      </c>
      <c r="M3568">
        <f t="shared" si="409"/>
        <v>0</v>
      </c>
      <c r="N3568" s="46">
        <f t="shared" si="410"/>
        <v>45439.249999991429</v>
      </c>
    </row>
    <row r="3569" spans="2:14" x14ac:dyDescent="0.3">
      <c r="B3569">
        <f t="shared" si="404"/>
        <v>1</v>
      </c>
      <c r="C3569" s="16">
        <v>3535</v>
      </c>
      <c r="D3569" cm="1">
        <f t="array" ref="D3569">IFERROR(INDEX(Jesper!AH$2:AH$366,ROUNDDOWN($C3569/24,0)+1,1)*INDEX($D$3:$AA$30,INDEX(Jesper!$R$2:$R$366,ROW(INDEX(Jesper!AH$2:AH$366,ROUNDDOWN($C3569/24,0)+1,1))-1)+IF('Standard Profiles'!$G$18=$B$10,7,0)+IF('Standard Profiles'!$G$18=$B$17,14,0)+IF('Standard Profiles'!$G$18=$B$24,21,0),MOD($C3569,24)+1)/SUM(INDEX($D$3:$AA$30,INDEX(Jesper!$R$2:$R$366,ROW(INDEX(Jesper!AH$2:AH$366,ROUNDDOWN($C3569/24,0)+1,1))-1)+IF('Standard Profiles'!$G$18=$B$10,7,0)+IF('Standard Profiles'!$G$18=$B$17,14,0)+IF('Standard Profiles'!$G$18=$B$24,21,0),0)),0)</f>
        <v>12.4124109718271</v>
      </c>
      <c r="E3569" cm="1">
        <f t="array" ref="E3569">IFERROR(INDEX(Jesper!AI$2:AI$366,ROUNDDOWN($C3569/24,0)+1,1)*INDEX($D$3:$AA$30,INDEX(Jesper!$R$2:$R$366,ROW(INDEX(Jesper!AI$2:AI$366,ROUNDDOWN($C3569/24,0)+1,1))-1)+IF('Standard Profiles'!$G$19=$B$10,7,0)+IF('Standard Profiles'!$G$19=$B$17,14,0)+IF('Standard Profiles'!$G$19=$B$24,21,0),MOD($C3569,24)+1)/SUM(INDEX($D$3:$AA$30,INDEX(Jesper!$R$2:$R$366,ROW(INDEX(Jesper!AI$2:AI$366,ROUNDDOWN($C3569/24,0)+1,1))-1)+IF('Standard Profiles'!$G$19=$B$10,7,0)+IF('Standard Profiles'!$G$19=$B$17,14,0)+IF('Standard Profiles'!$G$19=$B$24,21,0),0)),0)</f>
        <v>0</v>
      </c>
      <c r="F3569" cm="1">
        <f t="array" ref="F3569">IFERROR(INDEX(Jesper!AJ$2:AJ$366,ROUNDDOWN($C3569/24,0)+1,1)*INDEX($D$3:$AA$30,INDEX(Jesper!$R$2:$R$366,ROW(INDEX(Jesper!AJ$2:AJ$366,ROUNDDOWN($C3569/24,0)+1,1))-1)+IF('Standard Profiles'!$G$20=$B$10,7,0)+IF('Standard Profiles'!$G$20=$B$17,14,0)+IF('Standard Profiles'!$G$20=$B$24,21,0),MOD($C3569,24)+1)/SUM(INDEX($D$3:$AA$30,INDEX(Jesper!$R$2:$R$366,ROW(INDEX(Jesper!AJ$2:AJ$366,ROUNDDOWN($C3569/24,0)+1,1))-1)+IF('Standard Profiles'!$G$20=$B$10,7,0)+IF('Standard Profiles'!$G$20=$B$17,14,0)+IF('Standard Profiles'!$G$20=$B$24,21,0),0)),0)</f>
        <v>0</v>
      </c>
      <c r="G3569" cm="1">
        <f t="array" ref="G3569">IFERROR(INDEX(Jesper!AK$2:AK$366,ROUNDDOWN($C3569/24,0)+1,1)*INDEX($D$3:$AA$30,INDEX(Jesper!$R$2:$R$366,ROW(INDEX(Jesper!AK$2:AK$366,ROUNDDOWN($C3569/24,0)+1,1))-1)+IF('Standard Profiles'!$G$21=$B$10,7,0)+IF('Standard Profiles'!$G$21=$B$17,14,0)+IF('Standard Profiles'!$G$21=$B$24,21,0),MOD($C3569,24)+1)/SUM(INDEX($D$3:$AA$30,INDEX(Jesper!$R$2:$R$366,ROW(INDEX(Jesper!AK$2:AK$366,ROUNDDOWN($C3569/24,0)+1,1))-1)+IF('Standard Profiles'!$G$21=$B$10,7,0)+IF('Standard Profiles'!$G$21=$B$17,14,0)+IF('Standard Profiles'!$G$21=$B$24,21,0),0)),0)</f>
        <v>0</v>
      </c>
      <c r="H3569" cm="1">
        <f t="array" ref="H3569">IFERROR(INDEX(Jesper!AL$2:AL$366,ROUNDDOWN($C3569/24,0)+1,1)*INDEX($D$3:$AA$30,INDEX(Jesper!$R$2:$R$366,ROW(INDEX(Jesper!AL$2:AL$366,ROUNDDOWN($C3569/24,0)+1,1))-1)+IF('Standard Profiles'!$G$22=$B$10,7,0)+IF('Standard Profiles'!$G$22=$B$17,14,0)+IF('Standard Profiles'!$G$22=$B$24,21,0),MOD($C3569,24)+1)/SUM(INDEX($D$3:$AA$30,INDEX(Jesper!$R$2:$R$366,ROW(INDEX(Jesper!AL$2:AL$366,ROUNDDOWN($C3569/24,0)+1,1))-1)+IF('Standard Profiles'!$G$22=$B$10,7,0)+IF('Standard Profiles'!$G$22=$B$17,14,0)+IF('Standard Profiles'!$G$22=$B$24,21,0),0)),0)</f>
        <v>0</v>
      </c>
      <c r="I3569">
        <f t="shared" si="405"/>
        <v>0.372372329154813</v>
      </c>
      <c r="J3569">
        <f t="shared" si="406"/>
        <v>1.2412410971827101</v>
      </c>
      <c r="K3569">
        <f t="shared" si="407"/>
        <v>1.8618616457740649</v>
      </c>
      <c r="L3569">
        <f t="shared" si="408"/>
        <v>8.9369358997155111</v>
      </c>
      <c r="M3569">
        <f t="shared" si="409"/>
        <v>0</v>
      </c>
      <c r="N3569" s="46">
        <f t="shared" si="410"/>
        <v>45439.291666658093</v>
      </c>
    </row>
    <row r="3570" spans="2:14" x14ac:dyDescent="0.3">
      <c r="B3570">
        <f t="shared" si="404"/>
        <v>1</v>
      </c>
      <c r="C3570" s="16">
        <v>3536</v>
      </c>
      <c r="D3570" cm="1">
        <f t="array" ref="D3570">IFERROR(INDEX(Jesper!AH$2:AH$366,ROUNDDOWN($C3570/24,0)+1,1)*INDEX($D$3:$AA$30,INDEX(Jesper!$R$2:$R$366,ROW(INDEX(Jesper!AH$2:AH$366,ROUNDDOWN($C3570/24,0)+1,1))-1)+IF('Standard Profiles'!$G$18=$B$10,7,0)+IF('Standard Profiles'!$G$18=$B$17,14,0)+IF('Standard Profiles'!$G$18=$B$24,21,0),MOD($C3570,24)+1)/SUM(INDEX($D$3:$AA$30,INDEX(Jesper!$R$2:$R$366,ROW(INDEX(Jesper!AH$2:AH$366,ROUNDDOWN($C3570/24,0)+1,1))-1)+IF('Standard Profiles'!$G$18=$B$10,7,0)+IF('Standard Profiles'!$G$18=$B$17,14,0)+IF('Standard Profiles'!$G$18=$B$24,21,0),0)),0)</f>
        <v>12.4124109718271</v>
      </c>
      <c r="E3570" cm="1">
        <f t="array" ref="E3570">IFERROR(INDEX(Jesper!AI$2:AI$366,ROUNDDOWN($C3570/24,0)+1,1)*INDEX($D$3:$AA$30,INDEX(Jesper!$R$2:$R$366,ROW(INDEX(Jesper!AI$2:AI$366,ROUNDDOWN($C3570/24,0)+1,1))-1)+IF('Standard Profiles'!$G$19=$B$10,7,0)+IF('Standard Profiles'!$G$19=$B$17,14,0)+IF('Standard Profiles'!$G$19=$B$24,21,0),MOD($C3570,24)+1)/SUM(INDEX($D$3:$AA$30,INDEX(Jesper!$R$2:$R$366,ROW(INDEX(Jesper!AI$2:AI$366,ROUNDDOWN($C3570/24,0)+1,1))-1)+IF('Standard Profiles'!$G$19=$B$10,7,0)+IF('Standard Profiles'!$G$19=$B$17,14,0)+IF('Standard Profiles'!$G$19=$B$24,21,0),0)),0)</f>
        <v>0</v>
      </c>
      <c r="F3570" cm="1">
        <f t="array" ref="F3570">IFERROR(INDEX(Jesper!AJ$2:AJ$366,ROUNDDOWN($C3570/24,0)+1,1)*INDEX($D$3:$AA$30,INDEX(Jesper!$R$2:$R$366,ROW(INDEX(Jesper!AJ$2:AJ$366,ROUNDDOWN($C3570/24,0)+1,1))-1)+IF('Standard Profiles'!$G$20=$B$10,7,0)+IF('Standard Profiles'!$G$20=$B$17,14,0)+IF('Standard Profiles'!$G$20=$B$24,21,0),MOD($C3570,24)+1)/SUM(INDEX($D$3:$AA$30,INDEX(Jesper!$R$2:$R$366,ROW(INDEX(Jesper!AJ$2:AJ$366,ROUNDDOWN($C3570/24,0)+1,1))-1)+IF('Standard Profiles'!$G$20=$B$10,7,0)+IF('Standard Profiles'!$G$20=$B$17,14,0)+IF('Standard Profiles'!$G$20=$B$24,21,0),0)),0)</f>
        <v>0</v>
      </c>
      <c r="G3570" cm="1">
        <f t="array" ref="G3570">IFERROR(INDEX(Jesper!AK$2:AK$366,ROUNDDOWN($C3570/24,0)+1,1)*INDEX($D$3:$AA$30,INDEX(Jesper!$R$2:$R$366,ROW(INDEX(Jesper!AK$2:AK$366,ROUNDDOWN($C3570/24,0)+1,1))-1)+IF('Standard Profiles'!$G$21=$B$10,7,0)+IF('Standard Profiles'!$G$21=$B$17,14,0)+IF('Standard Profiles'!$G$21=$B$24,21,0),MOD($C3570,24)+1)/SUM(INDEX($D$3:$AA$30,INDEX(Jesper!$R$2:$R$366,ROW(INDEX(Jesper!AK$2:AK$366,ROUNDDOWN($C3570/24,0)+1,1))-1)+IF('Standard Profiles'!$G$21=$B$10,7,0)+IF('Standard Profiles'!$G$21=$B$17,14,0)+IF('Standard Profiles'!$G$21=$B$24,21,0),0)),0)</f>
        <v>0</v>
      </c>
      <c r="H3570" cm="1">
        <f t="array" ref="H3570">IFERROR(INDEX(Jesper!AL$2:AL$366,ROUNDDOWN($C3570/24,0)+1,1)*INDEX($D$3:$AA$30,INDEX(Jesper!$R$2:$R$366,ROW(INDEX(Jesper!AL$2:AL$366,ROUNDDOWN($C3570/24,0)+1,1))-1)+IF('Standard Profiles'!$G$22=$B$10,7,0)+IF('Standard Profiles'!$G$22=$B$17,14,0)+IF('Standard Profiles'!$G$22=$B$24,21,0),MOD($C3570,24)+1)/SUM(INDEX($D$3:$AA$30,INDEX(Jesper!$R$2:$R$366,ROW(INDEX(Jesper!AL$2:AL$366,ROUNDDOWN($C3570/24,0)+1,1))-1)+IF('Standard Profiles'!$G$22=$B$10,7,0)+IF('Standard Profiles'!$G$22=$B$17,14,0)+IF('Standard Profiles'!$G$22=$B$24,21,0),0)),0)</f>
        <v>0</v>
      </c>
      <c r="I3570">
        <f t="shared" si="405"/>
        <v>0.372372329154813</v>
      </c>
      <c r="J3570">
        <f t="shared" si="406"/>
        <v>1.2412410971827101</v>
      </c>
      <c r="K3570">
        <f t="shared" si="407"/>
        <v>1.8618616457740649</v>
      </c>
      <c r="L3570">
        <f t="shared" si="408"/>
        <v>8.9369358997155111</v>
      </c>
      <c r="M3570">
        <f t="shared" si="409"/>
        <v>0</v>
      </c>
      <c r="N3570" s="46">
        <f t="shared" si="410"/>
        <v>45439.333333324757</v>
      </c>
    </row>
    <row r="3571" spans="2:14" x14ac:dyDescent="0.3">
      <c r="B3571">
        <f t="shared" si="404"/>
        <v>1</v>
      </c>
      <c r="C3571" s="16">
        <v>3537</v>
      </c>
      <c r="D3571" cm="1">
        <f t="array" ref="D3571">IFERROR(INDEX(Jesper!AH$2:AH$366,ROUNDDOWN($C3571/24,0)+1,1)*INDEX($D$3:$AA$30,INDEX(Jesper!$R$2:$R$366,ROW(INDEX(Jesper!AH$2:AH$366,ROUNDDOWN($C3571/24,0)+1,1))-1)+IF('Standard Profiles'!$G$18=$B$10,7,0)+IF('Standard Profiles'!$G$18=$B$17,14,0)+IF('Standard Profiles'!$G$18=$B$24,21,0),MOD($C3571,24)+1)/SUM(INDEX($D$3:$AA$30,INDEX(Jesper!$R$2:$R$366,ROW(INDEX(Jesper!AH$2:AH$366,ROUNDDOWN($C3571/24,0)+1,1))-1)+IF('Standard Profiles'!$G$18=$B$10,7,0)+IF('Standard Profiles'!$G$18=$B$17,14,0)+IF('Standard Profiles'!$G$18=$B$24,21,0),0)),0)</f>
        <v>13.253930359747581</v>
      </c>
      <c r="E3571" cm="1">
        <f t="array" ref="E3571">IFERROR(INDEX(Jesper!AI$2:AI$366,ROUNDDOWN($C3571/24,0)+1,1)*INDEX($D$3:$AA$30,INDEX(Jesper!$R$2:$R$366,ROW(INDEX(Jesper!AI$2:AI$366,ROUNDDOWN($C3571/24,0)+1,1))-1)+IF('Standard Profiles'!$G$19=$B$10,7,0)+IF('Standard Profiles'!$G$19=$B$17,14,0)+IF('Standard Profiles'!$G$19=$B$24,21,0),MOD($C3571,24)+1)/SUM(INDEX($D$3:$AA$30,INDEX(Jesper!$R$2:$R$366,ROW(INDEX(Jesper!AI$2:AI$366,ROUNDDOWN($C3571/24,0)+1,1))-1)+IF('Standard Profiles'!$G$19=$B$10,7,0)+IF('Standard Profiles'!$G$19=$B$17,14,0)+IF('Standard Profiles'!$G$19=$B$24,21,0),0)),0)</f>
        <v>0</v>
      </c>
      <c r="F3571" cm="1">
        <f t="array" ref="F3571">IFERROR(INDEX(Jesper!AJ$2:AJ$366,ROUNDDOWN($C3571/24,0)+1,1)*INDEX($D$3:$AA$30,INDEX(Jesper!$R$2:$R$366,ROW(INDEX(Jesper!AJ$2:AJ$366,ROUNDDOWN($C3571/24,0)+1,1))-1)+IF('Standard Profiles'!$G$20=$B$10,7,0)+IF('Standard Profiles'!$G$20=$B$17,14,0)+IF('Standard Profiles'!$G$20=$B$24,21,0),MOD($C3571,24)+1)/SUM(INDEX($D$3:$AA$30,INDEX(Jesper!$R$2:$R$366,ROW(INDEX(Jesper!AJ$2:AJ$366,ROUNDDOWN($C3571/24,0)+1,1))-1)+IF('Standard Profiles'!$G$20=$B$10,7,0)+IF('Standard Profiles'!$G$20=$B$17,14,0)+IF('Standard Profiles'!$G$20=$B$24,21,0),0)),0)</f>
        <v>0</v>
      </c>
      <c r="G3571" cm="1">
        <f t="array" ref="G3571">IFERROR(INDEX(Jesper!AK$2:AK$366,ROUNDDOWN($C3571/24,0)+1,1)*INDEX($D$3:$AA$30,INDEX(Jesper!$R$2:$R$366,ROW(INDEX(Jesper!AK$2:AK$366,ROUNDDOWN($C3571/24,0)+1,1))-1)+IF('Standard Profiles'!$G$21=$B$10,7,0)+IF('Standard Profiles'!$G$21=$B$17,14,0)+IF('Standard Profiles'!$G$21=$B$24,21,0),MOD($C3571,24)+1)/SUM(INDEX($D$3:$AA$30,INDEX(Jesper!$R$2:$R$366,ROW(INDEX(Jesper!AK$2:AK$366,ROUNDDOWN($C3571/24,0)+1,1))-1)+IF('Standard Profiles'!$G$21=$B$10,7,0)+IF('Standard Profiles'!$G$21=$B$17,14,0)+IF('Standard Profiles'!$G$21=$B$24,21,0),0)),0)</f>
        <v>0</v>
      </c>
      <c r="H3571" cm="1">
        <f t="array" ref="H3571">IFERROR(INDEX(Jesper!AL$2:AL$366,ROUNDDOWN($C3571/24,0)+1,1)*INDEX($D$3:$AA$30,INDEX(Jesper!$R$2:$R$366,ROW(INDEX(Jesper!AL$2:AL$366,ROUNDDOWN($C3571/24,0)+1,1))-1)+IF('Standard Profiles'!$G$22=$B$10,7,0)+IF('Standard Profiles'!$G$22=$B$17,14,0)+IF('Standard Profiles'!$G$22=$B$24,21,0),MOD($C3571,24)+1)/SUM(INDEX($D$3:$AA$30,INDEX(Jesper!$R$2:$R$366,ROW(INDEX(Jesper!AL$2:AL$366,ROUNDDOWN($C3571/24,0)+1,1))-1)+IF('Standard Profiles'!$G$22=$B$10,7,0)+IF('Standard Profiles'!$G$22=$B$17,14,0)+IF('Standard Profiles'!$G$22=$B$24,21,0),0)),0)</f>
        <v>0</v>
      </c>
      <c r="I3571">
        <f t="shared" si="405"/>
        <v>0.39761791079242742</v>
      </c>
      <c r="J3571">
        <f t="shared" si="406"/>
        <v>1.3253930359747583</v>
      </c>
      <c r="K3571">
        <f t="shared" si="407"/>
        <v>1.988089553962137</v>
      </c>
      <c r="L3571">
        <f t="shared" si="408"/>
        <v>9.5428298590182585</v>
      </c>
      <c r="M3571">
        <f t="shared" si="409"/>
        <v>0</v>
      </c>
      <c r="N3571" s="46">
        <f t="shared" si="410"/>
        <v>45439.374999991422</v>
      </c>
    </row>
    <row r="3572" spans="2:14" x14ac:dyDescent="0.3">
      <c r="B3572">
        <f t="shared" si="404"/>
        <v>1</v>
      </c>
      <c r="C3572" s="16">
        <v>3538</v>
      </c>
      <c r="D3572" cm="1">
        <f t="array" ref="D3572">IFERROR(INDEX(Jesper!AH$2:AH$366,ROUNDDOWN($C3572/24,0)+1,1)*INDEX($D$3:$AA$30,INDEX(Jesper!$R$2:$R$366,ROW(INDEX(Jesper!AH$2:AH$366,ROUNDDOWN($C3572/24,0)+1,1))-1)+IF('Standard Profiles'!$G$18=$B$10,7,0)+IF('Standard Profiles'!$G$18=$B$17,14,0)+IF('Standard Profiles'!$G$18=$B$24,21,0),MOD($C3572,24)+1)/SUM(INDEX($D$3:$AA$30,INDEX(Jesper!$R$2:$R$366,ROW(INDEX(Jesper!AH$2:AH$366,ROUNDDOWN($C3572/24,0)+1,1))-1)+IF('Standard Profiles'!$G$18=$B$10,7,0)+IF('Standard Profiles'!$G$18=$B$17,14,0)+IF('Standard Profiles'!$G$18=$B$24,21,0),0)),0)</f>
        <v>13.253930359747581</v>
      </c>
      <c r="E3572" cm="1">
        <f t="array" ref="E3572">IFERROR(INDEX(Jesper!AI$2:AI$366,ROUNDDOWN($C3572/24,0)+1,1)*INDEX($D$3:$AA$30,INDEX(Jesper!$R$2:$R$366,ROW(INDEX(Jesper!AI$2:AI$366,ROUNDDOWN($C3572/24,0)+1,1))-1)+IF('Standard Profiles'!$G$19=$B$10,7,0)+IF('Standard Profiles'!$G$19=$B$17,14,0)+IF('Standard Profiles'!$G$19=$B$24,21,0),MOD($C3572,24)+1)/SUM(INDEX($D$3:$AA$30,INDEX(Jesper!$R$2:$R$366,ROW(INDEX(Jesper!AI$2:AI$366,ROUNDDOWN($C3572/24,0)+1,1))-1)+IF('Standard Profiles'!$G$19=$B$10,7,0)+IF('Standard Profiles'!$G$19=$B$17,14,0)+IF('Standard Profiles'!$G$19=$B$24,21,0),0)),0)</f>
        <v>0</v>
      </c>
      <c r="F3572" cm="1">
        <f t="array" ref="F3572">IFERROR(INDEX(Jesper!AJ$2:AJ$366,ROUNDDOWN($C3572/24,0)+1,1)*INDEX($D$3:$AA$30,INDEX(Jesper!$R$2:$R$366,ROW(INDEX(Jesper!AJ$2:AJ$366,ROUNDDOWN($C3572/24,0)+1,1))-1)+IF('Standard Profiles'!$G$20=$B$10,7,0)+IF('Standard Profiles'!$G$20=$B$17,14,0)+IF('Standard Profiles'!$G$20=$B$24,21,0),MOD($C3572,24)+1)/SUM(INDEX($D$3:$AA$30,INDEX(Jesper!$R$2:$R$366,ROW(INDEX(Jesper!AJ$2:AJ$366,ROUNDDOWN($C3572/24,0)+1,1))-1)+IF('Standard Profiles'!$G$20=$B$10,7,0)+IF('Standard Profiles'!$G$20=$B$17,14,0)+IF('Standard Profiles'!$G$20=$B$24,21,0),0)),0)</f>
        <v>0</v>
      </c>
      <c r="G3572" cm="1">
        <f t="array" ref="G3572">IFERROR(INDEX(Jesper!AK$2:AK$366,ROUNDDOWN($C3572/24,0)+1,1)*INDEX($D$3:$AA$30,INDEX(Jesper!$R$2:$R$366,ROW(INDEX(Jesper!AK$2:AK$366,ROUNDDOWN($C3572/24,0)+1,1))-1)+IF('Standard Profiles'!$G$21=$B$10,7,0)+IF('Standard Profiles'!$G$21=$B$17,14,0)+IF('Standard Profiles'!$G$21=$B$24,21,0),MOD($C3572,24)+1)/SUM(INDEX($D$3:$AA$30,INDEX(Jesper!$R$2:$R$366,ROW(INDEX(Jesper!AK$2:AK$366,ROUNDDOWN($C3572/24,0)+1,1))-1)+IF('Standard Profiles'!$G$21=$B$10,7,0)+IF('Standard Profiles'!$G$21=$B$17,14,0)+IF('Standard Profiles'!$G$21=$B$24,21,0),0)),0)</f>
        <v>0</v>
      </c>
      <c r="H3572" cm="1">
        <f t="array" ref="H3572">IFERROR(INDEX(Jesper!AL$2:AL$366,ROUNDDOWN($C3572/24,0)+1,1)*INDEX($D$3:$AA$30,INDEX(Jesper!$R$2:$R$366,ROW(INDEX(Jesper!AL$2:AL$366,ROUNDDOWN($C3572/24,0)+1,1))-1)+IF('Standard Profiles'!$G$22=$B$10,7,0)+IF('Standard Profiles'!$G$22=$B$17,14,0)+IF('Standard Profiles'!$G$22=$B$24,21,0),MOD($C3572,24)+1)/SUM(INDEX($D$3:$AA$30,INDEX(Jesper!$R$2:$R$366,ROW(INDEX(Jesper!AL$2:AL$366,ROUNDDOWN($C3572/24,0)+1,1))-1)+IF('Standard Profiles'!$G$22=$B$10,7,0)+IF('Standard Profiles'!$G$22=$B$17,14,0)+IF('Standard Profiles'!$G$22=$B$24,21,0),0)),0)</f>
        <v>0</v>
      </c>
      <c r="I3572">
        <f t="shared" si="405"/>
        <v>0.39761791079242742</v>
      </c>
      <c r="J3572">
        <f t="shared" si="406"/>
        <v>1.3253930359747583</v>
      </c>
      <c r="K3572">
        <f t="shared" si="407"/>
        <v>1.988089553962137</v>
      </c>
      <c r="L3572">
        <f t="shared" si="408"/>
        <v>9.5428298590182585</v>
      </c>
      <c r="M3572">
        <f t="shared" si="409"/>
        <v>0</v>
      </c>
      <c r="N3572" s="46">
        <f t="shared" si="410"/>
        <v>45439.416666658086</v>
      </c>
    </row>
    <row r="3573" spans="2:14" x14ac:dyDescent="0.3">
      <c r="B3573">
        <f t="shared" si="404"/>
        <v>1</v>
      </c>
      <c r="C3573" s="16">
        <v>3539</v>
      </c>
      <c r="D3573" cm="1">
        <f t="array" ref="D3573">IFERROR(INDEX(Jesper!AH$2:AH$366,ROUNDDOWN($C3573/24,0)+1,1)*INDEX($D$3:$AA$30,INDEX(Jesper!$R$2:$R$366,ROW(INDEX(Jesper!AH$2:AH$366,ROUNDDOWN($C3573/24,0)+1,1))-1)+IF('Standard Profiles'!$G$18=$B$10,7,0)+IF('Standard Profiles'!$G$18=$B$17,14,0)+IF('Standard Profiles'!$G$18=$B$24,21,0),MOD($C3573,24)+1)/SUM(INDEX($D$3:$AA$30,INDEX(Jesper!$R$2:$R$366,ROW(INDEX(Jesper!AH$2:AH$366,ROUNDDOWN($C3573/24,0)+1,1))-1)+IF('Standard Profiles'!$G$18=$B$10,7,0)+IF('Standard Profiles'!$G$18=$B$17,14,0)+IF('Standard Profiles'!$G$18=$B$24,21,0),0)),0)</f>
        <v>16.830387758409628</v>
      </c>
      <c r="E3573" cm="1">
        <f t="array" ref="E3573">IFERROR(INDEX(Jesper!AI$2:AI$366,ROUNDDOWN($C3573/24,0)+1,1)*INDEX($D$3:$AA$30,INDEX(Jesper!$R$2:$R$366,ROW(INDEX(Jesper!AI$2:AI$366,ROUNDDOWN($C3573/24,0)+1,1))-1)+IF('Standard Profiles'!$G$19=$B$10,7,0)+IF('Standard Profiles'!$G$19=$B$17,14,0)+IF('Standard Profiles'!$G$19=$B$24,21,0),MOD($C3573,24)+1)/SUM(INDEX($D$3:$AA$30,INDEX(Jesper!$R$2:$R$366,ROW(INDEX(Jesper!AI$2:AI$366,ROUNDDOWN($C3573/24,0)+1,1))-1)+IF('Standard Profiles'!$G$19=$B$10,7,0)+IF('Standard Profiles'!$G$19=$B$17,14,0)+IF('Standard Profiles'!$G$19=$B$24,21,0),0)),0)</f>
        <v>0</v>
      </c>
      <c r="F3573" cm="1">
        <f t="array" ref="F3573">IFERROR(INDEX(Jesper!AJ$2:AJ$366,ROUNDDOWN($C3573/24,0)+1,1)*INDEX($D$3:$AA$30,INDEX(Jesper!$R$2:$R$366,ROW(INDEX(Jesper!AJ$2:AJ$366,ROUNDDOWN($C3573/24,0)+1,1))-1)+IF('Standard Profiles'!$G$20=$B$10,7,0)+IF('Standard Profiles'!$G$20=$B$17,14,0)+IF('Standard Profiles'!$G$20=$B$24,21,0),MOD($C3573,24)+1)/SUM(INDEX($D$3:$AA$30,INDEX(Jesper!$R$2:$R$366,ROW(INDEX(Jesper!AJ$2:AJ$366,ROUNDDOWN($C3573/24,0)+1,1))-1)+IF('Standard Profiles'!$G$20=$B$10,7,0)+IF('Standard Profiles'!$G$20=$B$17,14,0)+IF('Standard Profiles'!$G$20=$B$24,21,0),0)),0)</f>
        <v>0</v>
      </c>
      <c r="G3573" cm="1">
        <f t="array" ref="G3573">IFERROR(INDEX(Jesper!AK$2:AK$366,ROUNDDOWN($C3573/24,0)+1,1)*INDEX($D$3:$AA$30,INDEX(Jesper!$R$2:$R$366,ROW(INDEX(Jesper!AK$2:AK$366,ROUNDDOWN($C3573/24,0)+1,1))-1)+IF('Standard Profiles'!$G$21=$B$10,7,0)+IF('Standard Profiles'!$G$21=$B$17,14,0)+IF('Standard Profiles'!$G$21=$B$24,21,0),MOD($C3573,24)+1)/SUM(INDEX($D$3:$AA$30,INDEX(Jesper!$R$2:$R$366,ROW(INDEX(Jesper!AK$2:AK$366,ROUNDDOWN($C3573/24,0)+1,1))-1)+IF('Standard Profiles'!$G$21=$B$10,7,0)+IF('Standard Profiles'!$G$21=$B$17,14,0)+IF('Standard Profiles'!$G$21=$B$24,21,0),0)),0)</f>
        <v>0</v>
      </c>
      <c r="H3573" cm="1">
        <f t="array" ref="H3573">IFERROR(INDEX(Jesper!AL$2:AL$366,ROUNDDOWN($C3573/24,0)+1,1)*INDEX($D$3:$AA$30,INDEX(Jesper!$R$2:$R$366,ROW(INDEX(Jesper!AL$2:AL$366,ROUNDDOWN($C3573/24,0)+1,1))-1)+IF('Standard Profiles'!$G$22=$B$10,7,0)+IF('Standard Profiles'!$G$22=$B$17,14,0)+IF('Standard Profiles'!$G$22=$B$24,21,0),MOD($C3573,24)+1)/SUM(INDEX($D$3:$AA$30,INDEX(Jesper!$R$2:$R$366,ROW(INDEX(Jesper!AL$2:AL$366,ROUNDDOWN($C3573/24,0)+1,1))-1)+IF('Standard Profiles'!$G$22=$B$10,7,0)+IF('Standard Profiles'!$G$22=$B$17,14,0)+IF('Standard Profiles'!$G$22=$B$24,21,0),0)),0)</f>
        <v>0</v>
      </c>
      <c r="I3573">
        <f t="shared" si="405"/>
        <v>0.50491163275228879</v>
      </c>
      <c r="J3573">
        <f t="shared" si="406"/>
        <v>1.6830387758409628</v>
      </c>
      <c r="K3573">
        <f t="shared" si="407"/>
        <v>2.5245581637614443</v>
      </c>
      <c r="L3573">
        <f t="shared" si="408"/>
        <v>12.117879186054932</v>
      </c>
      <c r="M3573">
        <f t="shared" si="409"/>
        <v>0</v>
      </c>
      <c r="N3573" s="46">
        <f t="shared" si="410"/>
        <v>45439.45833332475</v>
      </c>
    </row>
    <row r="3574" spans="2:14" x14ac:dyDescent="0.3">
      <c r="B3574">
        <f t="shared" si="404"/>
        <v>1</v>
      </c>
      <c r="C3574" s="16">
        <v>3540</v>
      </c>
      <c r="D3574" cm="1">
        <f t="array" ref="D3574">IFERROR(INDEX(Jesper!AH$2:AH$366,ROUNDDOWN($C3574/24,0)+1,1)*INDEX($D$3:$AA$30,INDEX(Jesper!$R$2:$R$366,ROW(INDEX(Jesper!AH$2:AH$366,ROUNDDOWN($C3574/24,0)+1,1))-1)+IF('Standard Profiles'!$G$18=$B$10,7,0)+IF('Standard Profiles'!$G$18=$B$17,14,0)+IF('Standard Profiles'!$G$18=$B$24,21,0),MOD($C3574,24)+1)/SUM(INDEX($D$3:$AA$30,INDEX(Jesper!$R$2:$R$366,ROW(INDEX(Jesper!AH$2:AH$366,ROUNDDOWN($C3574/24,0)+1,1))-1)+IF('Standard Profiles'!$G$18=$B$10,7,0)+IF('Standard Profiles'!$G$18=$B$17,14,0)+IF('Standard Profiles'!$G$18=$B$24,21,0),0)),0)</f>
        <v>16.830387758409628</v>
      </c>
      <c r="E3574" cm="1">
        <f t="array" ref="E3574">IFERROR(INDEX(Jesper!AI$2:AI$366,ROUNDDOWN($C3574/24,0)+1,1)*INDEX($D$3:$AA$30,INDEX(Jesper!$R$2:$R$366,ROW(INDEX(Jesper!AI$2:AI$366,ROUNDDOWN($C3574/24,0)+1,1))-1)+IF('Standard Profiles'!$G$19=$B$10,7,0)+IF('Standard Profiles'!$G$19=$B$17,14,0)+IF('Standard Profiles'!$G$19=$B$24,21,0),MOD($C3574,24)+1)/SUM(INDEX($D$3:$AA$30,INDEX(Jesper!$R$2:$R$366,ROW(INDEX(Jesper!AI$2:AI$366,ROUNDDOWN($C3574/24,0)+1,1))-1)+IF('Standard Profiles'!$G$19=$B$10,7,0)+IF('Standard Profiles'!$G$19=$B$17,14,0)+IF('Standard Profiles'!$G$19=$B$24,21,0),0)),0)</f>
        <v>0</v>
      </c>
      <c r="F3574" cm="1">
        <f t="array" ref="F3574">IFERROR(INDEX(Jesper!AJ$2:AJ$366,ROUNDDOWN($C3574/24,0)+1,1)*INDEX($D$3:$AA$30,INDEX(Jesper!$R$2:$R$366,ROW(INDEX(Jesper!AJ$2:AJ$366,ROUNDDOWN($C3574/24,0)+1,1))-1)+IF('Standard Profiles'!$G$20=$B$10,7,0)+IF('Standard Profiles'!$G$20=$B$17,14,0)+IF('Standard Profiles'!$G$20=$B$24,21,0),MOD($C3574,24)+1)/SUM(INDEX($D$3:$AA$30,INDEX(Jesper!$R$2:$R$366,ROW(INDEX(Jesper!AJ$2:AJ$366,ROUNDDOWN($C3574/24,0)+1,1))-1)+IF('Standard Profiles'!$G$20=$B$10,7,0)+IF('Standard Profiles'!$G$20=$B$17,14,0)+IF('Standard Profiles'!$G$20=$B$24,21,0),0)),0)</f>
        <v>0</v>
      </c>
      <c r="G3574" cm="1">
        <f t="array" ref="G3574">IFERROR(INDEX(Jesper!AK$2:AK$366,ROUNDDOWN($C3574/24,0)+1,1)*INDEX($D$3:$AA$30,INDEX(Jesper!$R$2:$R$366,ROW(INDEX(Jesper!AK$2:AK$366,ROUNDDOWN($C3574/24,0)+1,1))-1)+IF('Standard Profiles'!$G$21=$B$10,7,0)+IF('Standard Profiles'!$G$21=$B$17,14,0)+IF('Standard Profiles'!$G$21=$B$24,21,0),MOD($C3574,24)+1)/SUM(INDEX($D$3:$AA$30,INDEX(Jesper!$R$2:$R$366,ROW(INDEX(Jesper!AK$2:AK$366,ROUNDDOWN($C3574/24,0)+1,1))-1)+IF('Standard Profiles'!$G$21=$B$10,7,0)+IF('Standard Profiles'!$G$21=$B$17,14,0)+IF('Standard Profiles'!$G$21=$B$24,21,0),0)),0)</f>
        <v>0</v>
      </c>
      <c r="H3574" cm="1">
        <f t="array" ref="H3574">IFERROR(INDEX(Jesper!AL$2:AL$366,ROUNDDOWN($C3574/24,0)+1,1)*INDEX($D$3:$AA$30,INDEX(Jesper!$R$2:$R$366,ROW(INDEX(Jesper!AL$2:AL$366,ROUNDDOWN($C3574/24,0)+1,1))-1)+IF('Standard Profiles'!$G$22=$B$10,7,0)+IF('Standard Profiles'!$G$22=$B$17,14,0)+IF('Standard Profiles'!$G$22=$B$24,21,0),MOD($C3574,24)+1)/SUM(INDEX($D$3:$AA$30,INDEX(Jesper!$R$2:$R$366,ROW(INDEX(Jesper!AL$2:AL$366,ROUNDDOWN($C3574/24,0)+1,1))-1)+IF('Standard Profiles'!$G$22=$B$10,7,0)+IF('Standard Profiles'!$G$22=$B$17,14,0)+IF('Standard Profiles'!$G$22=$B$24,21,0),0)),0)</f>
        <v>0</v>
      </c>
      <c r="I3574">
        <f t="shared" si="405"/>
        <v>0.50491163275228879</v>
      </c>
      <c r="J3574">
        <f t="shared" si="406"/>
        <v>1.6830387758409628</v>
      </c>
      <c r="K3574">
        <f t="shared" si="407"/>
        <v>2.5245581637614443</v>
      </c>
      <c r="L3574">
        <f t="shared" si="408"/>
        <v>12.117879186054932</v>
      </c>
      <c r="M3574">
        <f t="shared" si="409"/>
        <v>0</v>
      </c>
      <c r="N3574" s="46">
        <f t="shared" si="410"/>
        <v>45439.499999991414</v>
      </c>
    </row>
    <row r="3575" spans="2:14" x14ac:dyDescent="0.3">
      <c r="B3575">
        <f t="shared" si="404"/>
        <v>1</v>
      </c>
      <c r="C3575" s="16">
        <v>3541</v>
      </c>
      <c r="D3575" cm="1">
        <f t="array" ref="D3575">IFERROR(INDEX(Jesper!AH$2:AH$366,ROUNDDOWN($C3575/24,0)+1,1)*INDEX($D$3:$AA$30,INDEX(Jesper!$R$2:$R$366,ROW(INDEX(Jesper!AH$2:AH$366,ROUNDDOWN($C3575/24,0)+1,1))-1)+IF('Standard Profiles'!$G$18=$B$10,7,0)+IF('Standard Profiles'!$G$18=$B$17,14,0)+IF('Standard Profiles'!$G$18=$B$24,21,0),MOD($C3575,24)+1)/SUM(INDEX($D$3:$AA$30,INDEX(Jesper!$R$2:$R$366,ROW(INDEX(Jesper!AH$2:AH$366,ROUNDDOWN($C3575/24,0)+1,1))-1)+IF('Standard Profiles'!$G$18=$B$10,7,0)+IF('Standard Profiles'!$G$18=$B$17,14,0)+IF('Standard Profiles'!$G$18=$B$24,21,0),0)),0)</f>
        <v>11.15013188994638</v>
      </c>
      <c r="E3575" cm="1">
        <f t="array" ref="E3575">IFERROR(INDEX(Jesper!AI$2:AI$366,ROUNDDOWN($C3575/24,0)+1,1)*INDEX($D$3:$AA$30,INDEX(Jesper!$R$2:$R$366,ROW(INDEX(Jesper!AI$2:AI$366,ROUNDDOWN($C3575/24,0)+1,1))-1)+IF('Standard Profiles'!$G$19=$B$10,7,0)+IF('Standard Profiles'!$G$19=$B$17,14,0)+IF('Standard Profiles'!$G$19=$B$24,21,0),MOD($C3575,24)+1)/SUM(INDEX($D$3:$AA$30,INDEX(Jesper!$R$2:$R$366,ROW(INDEX(Jesper!AI$2:AI$366,ROUNDDOWN($C3575/24,0)+1,1))-1)+IF('Standard Profiles'!$G$19=$B$10,7,0)+IF('Standard Profiles'!$G$19=$B$17,14,0)+IF('Standard Profiles'!$G$19=$B$24,21,0),0)),0)</f>
        <v>0</v>
      </c>
      <c r="F3575" cm="1">
        <f t="array" ref="F3575">IFERROR(INDEX(Jesper!AJ$2:AJ$366,ROUNDDOWN($C3575/24,0)+1,1)*INDEX($D$3:$AA$30,INDEX(Jesper!$R$2:$R$366,ROW(INDEX(Jesper!AJ$2:AJ$366,ROUNDDOWN($C3575/24,0)+1,1))-1)+IF('Standard Profiles'!$G$20=$B$10,7,0)+IF('Standard Profiles'!$G$20=$B$17,14,0)+IF('Standard Profiles'!$G$20=$B$24,21,0),MOD($C3575,24)+1)/SUM(INDEX($D$3:$AA$30,INDEX(Jesper!$R$2:$R$366,ROW(INDEX(Jesper!AJ$2:AJ$366,ROUNDDOWN($C3575/24,0)+1,1))-1)+IF('Standard Profiles'!$G$20=$B$10,7,0)+IF('Standard Profiles'!$G$20=$B$17,14,0)+IF('Standard Profiles'!$G$20=$B$24,21,0),0)),0)</f>
        <v>0</v>
      </c>
      <c r="G3575" cm="1">
        <f t="array" ref="G3575">IFERROR(INDEX(Jesper!AK$2:AK$366,ROUNDDOWN($C3575/24,0)+1,1)*INDEX($D$3:$AA$30,INDEX(Jesper!$R$2:$R$366,ROW(INDEX(Jesper!AK$2:AK$366,ROUNDDOWN($C3575/24,0)+1,1))-1)+IF('Standard Profiles'!$G$21=$B$10,7,0)+IF('Standard Profiles'!$G$21=$B$17,14,0)+IF('Standard Profiles'!$G$21=$B$24,21,0),MOD($C3575,24)+1)/SUM(INDEX($D$3:$AA$30,INDEX(Jesper!$R$2:$R$366,ROW(INDEX(Jesper!AK$2:AK$366,ROUNDDOWN($C3575/24,0)+1,1))-1)+IF('Standard Profiles'!$G$21=$B$10,7,0)+IF('Standard Profiles'!$G$21=$B$17,14,0)+IF('Standard Profiles'!$G$21=$B$24,21,0),0)),0)</f>
        <v>0</v>
      </c>
      <c r="H3575" cm="1">
        <f t="array" ref="H3575">IFERROR(INDEX(Jesper!AL$2:AL$366,ROUNDDOWN($C3575/24,0)+1,1)*INDEX($D$3:$AA$30,INDEX(Jesper!$R$2:$R$366,ROW(INDEX(Jesper!AL$2:AL$366,ROUNDDOWN($C3575/24,0)+1,1))-1)+IF('Standard Profiles'!$G$22=$B$10,7,0)+IF('Standard Profiles'!$G$22=$B$17,14,0)+IF('Standard Profiles'!$G$22=$B$24,21,0),MOD($C3575,24)+1)/SUM(INDEX($D$3:$AA$30,INDEX(Jesper!$R$2:$R$366,ROW(INDEX(Jesper!AL$2:AL$366,ROUNDDOWN($C3575/24,0)+1,1))-1)+IF('Standard Profiles'!$G$22=$B$10,7,0)+IF('Standard Profiles'!$G$22=$B$17,14,0)+IF('Standard Profiles'!$G$22=$B$24,21,0),0)),0)</f>
        <v>0</v>
      </c>
      <c r="I3575">
        <f t="shared" si="405"/>
        <v>0.33450395669839139</v>
      </c>
      <c r="J3575">
        <f t="shared" si="406"/>
        <v>1.115013188994638</v>
      </c>
      <c r="K3575">
        <f t="shared" si="407"/>
        <v>1.672519783491957</v>
      </c>
      <c r="L3575">
        <f t="shared" si="408"/>
        <v>8.0280949607613934</v>
      </c>
      <c r="M3575">
        <f t="shared" si="409"/>
        <v>0</v>
      </c>
      <c r="N3575" s="46">
        <f t="shared" si="410"/>
        <v>45439.541666658079</v>
      </c>
    </row>
    <row r="3576" spans="2:14" x14ac:dyDescent="0.3">
      <c r="B3576">
        <f t="shared" si="404"/>
        <v>1</v>
      </c>
      <c r="C3576" s="16">
        <v>3542</v>
      </c>
      <c r="D3576" cm="1">
        <f t="array" ref="D3576">IFERROR(INDEX(Jesper!AH$2:AH$366,ROUNDDOWN($C3576/24,0)+1,1)*INDEX($D$3:$AA$30,INDEX(Jesper!$R$2:$R$366,ROW(INDEX(Jesper!AH$2:AH$366,ROUNDDOWN($C3576/24,0)+1,1))-1)+IF('Standard Profiles'!$G$18=$B$10,7,0)+IF('Standard Profiles'!$G$18=$B$17,14,0)+IF('Standard Profiles'!$G$18=$B$24,21,0),MOD($C3576,24)+1)/SUM(INDEX($D$3:$AA$30,INDEX(Jesper!$R$2:$R$366,ROW(INDEX(Jesper!AH$2:AH$366,ROUNDDOWN($C3576/24,0)+1,1))-1)+IF('Standard Profiles'!$G$18=$B$10,7,0)+IF('Standard Profiles'!$G$18=$B$17,14,0)+IF('Standard Profiles'!$G$18=$B$24,21,0),0)),0)</f>
        <v>16.830387758409628</v>
      </c>
      <c r="E3576" cm="1">
        <f t="array" ref="E3576">IFERROR(INDEX(Jesper!AI$2:AI$366,ROUNDDOWN($C3576/24,0)+1,1)*INDEX($D$3:$AA$30,INDEX(Jesper!$R$2:$R$366,ROW(INDEX(Jesper!AI$2:AI$366,ROUNDDOWN($C3576/24,0)+1,1))-1)+IF('Standard Profiles'!$G$19=$B$10,7,0)+IF('Standard Profiles'!$G$19=$B$17,14,0)+IF('Standard Profiles'!$G$19=$B$24,21,0),MOD($C3576,24)+1)/SUM(INDEX($D$3:$AA$30,INDEX(Jesper!$R$2:$R$366,ROW(INDEX(Jesper!AI$2:AI$366,ROUNDDOWN($C3576/24,0)+1,1))-1)+IF('Standard Profiles'!$G$19=$B$10,7,0)+IF('Standard Profiles'!$G$19=$B$17,14,0)+IF('Standard Profiles'!$G$19=$B$24,21,0),0)),0)</f>
        <v>0</v>
      </c>
      <c r="F3576" cm="1">
        <f t="array" ref="F3576">IFERROR(INDEX(Jesper!AJ$2:AJ$366,ROUNDDOWN($C3576/24,0)+1,1)*INDEX($D$3:$AA$30,INDEX(Jesper!$R$2:$R$366,ROW(INDEX(Jesper!AJ$2:AJ$366,ROUNDDOWN($C3576/24,0)+1,1))-1)+IF('Standard Profiles'!$G$20=$B$10,7,0)+IF('Standard Profiles'!$G$20=$B$17,14,0)+IF('Standard Profiles'!$G$20=$B$24,21,0),MOD($C3576,24)+1)/SUM(INDEX($D$3:$AA$30,INDEX(Jesper!$R$2:$R$366,ROW(INDEX(Jesper!AJ$2:AJ$366,ROUNDDOWN($C3576/24,0)+1,1))-1)+IF('Standard Profiles'!$G$20=$B$10,7,0)+IF('Standard Profiles'!$G$20=$B$17,14,0)+IF('Standard Profiles'!$G$20=$B$24,21,0),0)),0)</f>
        <v>0</v>
      </c>
      <c r="G3576" cm="1">
        <f t="array" ref="G3576">IFERROR(INDEX(Jesper!AK$2:AK$366,ROUNDDOWN($C3576/24,0)+1,1)*INDEX($D$3:$AA$30,INDEX(Jesper!$R$2:$R$366,ROW(INDEX(Jesper!AK$2:AK$366,ROUNDDOWN($C3576/24,0)+1,1))-1)+IF('Standard Profiles'!$G$21=$B$10,7,0)+IF('Standard Profiles'!$G$21=$B$17,14,0)+IF('Standard Profiles'!$G$21=$B$24,21,0),MOD($C3576,24)+1)/SUM(INDEX($D$3:$AA$30,INDEX(Jesper!$R$2:$R$366,ROW(INDEX(Jesper!AK$2:AK$366,ROUNDDOWN($C3576/24,0)+1,1))-1)+IF('Standard Profiles'!$G$21=$B$10,7,0)+IF('Standard Profiles'!$G$21=$B$17,14,0)+IF('Standard Profiles'!$G$21=$B$24,21,0),0)),0)</f>
        <v>0</v>
      </c>
      <c r="H3576" cm="1">
        <f t="array" ref="H3576">IFERROR(INDEX(Jesper!AL$2:AL$366,ROUNDDOWN($C3576/24,0)+1,1)*INDEX($D$3:$AA$30,INDEX(Jesper!$R$2:$R$366,ROW(INDEX(Jesper!AL$2:AL$366,ROUNDDOWN($C3576/24,0)+1,1))-1)+IF('Standard Profiles'!$G$22=$B$10,7,0)+IF('Standard Profiles'!$G$22=$B$17,14,0)+IF('Standard Profiles'!$G$22=$B$24,21,0),MOD($C3576,24)+1)/SUM(INDEX($D$3:$AA$30,INDEX(Jesper!$R$2:$R$366,ROW(INDEX(Jesper!AL$2:AL$366,ROUNDDOWN($C3576/24,0)+1,1))-1)+IF('Standard Profiles'!$G$22=$B$10,7,0)+IF('Standard Profiles'!$G$22=$B$17,14,0)+IF('Standard Profiles'!$G$22=$B$24,21,0),0)),0)</f>
        <v>0</v>
      </c>
      <c r="I3576">
        <f t="shared" si="405"/>
        <v>0.50491163275228879</v>
      </c>
      <c r="J3576">
        <f t="shared" si="406"/>
        <v>1.6830387758409628</v>
      </c>
      <c r="K3576">
        <f t="shared" si="407"/>
        <v>2.5245581637614443</v>
      </c>
      <c r="L3576">
        <f t="shared" si="408"/>
        <v>12.117879186054932</v>
      </c>
      <c r="M3576">
        <f t="shared" si="409"/>
        <v>0</v>
      </c>
      <c r="N3576" s="46">
        <f t="shared" si="410"/>
        <v>45439.583333324743</v>
      </c>
    </row>
    <row r="3577" spans="2:14" x14ac:dyDescent="0.3">
      <c r="B3577">
        <f t="shared" si="404"/>
        <v>1</v>
      </c>
      <c r="C3577" s="16">
        <v>3543</v>
      </c>
      <c r="D3577" cm="1">
        <f t="array" ref="D3577">IFERROR(INDEX(Jesper!AH$2:AH$366,ROUNDDOWN($C3577/24,0)+1,1)*INDEX($D$3:$AA$30,INDEX(Jesper!$R$2:$R$366,ROW(INDEX(Jesper!AH$2:AH$366,ROUNDDOWN($C3577/24,0)+1,1))-1)+IF('Standard Profiles'!$G$18=$B$10,7,0)+IF('Standard Profiles'!$G$18=$B$17,14,0)+IF('Standard Profiles'!$G$18=$B$24,21,0),MOD($C3577,24)+1)/SUM(INDEX($D$3:$AA$30,INDEX(Jesper!$R$2:$R$366,ROW(INDEX(Jesper!AH$2:AH$366,ROUNDDOWN($C3577/24,0)+1,1))-1)+IF('Standard Profiles'!$G$18=$B$10,7,0)+IF('Standard Profiles'!$G$18=$B$17,14,0)+IF('Standard Profiles'!$G$18=$B$24,21,0),0)),0)</f>
        <v>16.830387758409628</v>
      </c>
      <c r="E3577" cm="1">
        <f t="array" ref="E3577">IFERROR(INDEX(Jesper!AI$2:AI$366,ROUNDDOWN($C3577/24,0)+1,1)*INDEX($D$3:$AA$30,INDEX(Jesper!$R$2:$R$366,ROW(INDEX(Jesper!AI$2:AI$366,ROUNDDOWN($C3577/24,0)+1,1))-1)+IF('Standard Profiles'!$G$19=$B$10,7,0)+IF('Standard Profiles'!$G$19=$B$17,14,0)+IF('Standard Profiles'!$G$19=$B$24,21,0),MOD($C3577,24)+1)/SUM(INDEX($D$3:$AA$30,INDEX(Jesper!$R$2:$R$366,ROW(INDEX(Jesper!AI$2:AI$366,ROUNDDOWN($C3577/24,0)+1,1))-1)+IF('Standard Profiles'!$G$19=$B$10,7,0)+IF('Standard Profiles'!$G$19=$B$17,14,0)+IF('Standard Profiles'!$G$19=$B$24,21,0),0)),0)</f>
        <v>0</v>
      </c>
      <c r="F3577" cm="1">
        <f t="array" ref="F3577">IFERROR(INDEX(Jesper!AJ$2:AJ$366,ROUNDDOWN($C3577/24,0)+1,1)*INDEX($D$3:$AA$30,INDEX(Jesper!$R$2:$R$366,ROW(INDEX(Jesper!AJ$2:AJ$366,ROUNDDOWN($C3577/24,0)+1,1))-1)+IF('Standard Profiles'!$G$20=$B$10,7,0)+IF('Standard Profiles'!$G$20=$B$17,14,0)+IF('Standard Profiles'!$G$20=$B$24,21,0),MOD($C3577,24)+1)/SUM(INDEX($D$3:$AA$30,INDEX(Jesper!$R$2:$R$366,ROW(INDEX(Jesper!AJ$2:AJ$366,ROUNDDOWN($C3577/24,0)+1,1))-1)+IF('Standard Profiles'!$G$20=$B$10,7,0)+IF('Standard Profiles'!$G$20=$B$17,14,0)+IF('Standard Profiles'!$G$20=$B$24,21,0),0)),0)</f>
        <v>0</v>
      </c>
      <c r="G3577" cm="1">
        <f t="array" ref="G3577">IFERROR(INDEX(Jesper!AK$2:AK$366,ROUNDDOWN($C3577/24,0)+1,1)*INDEX($D$3:$AA$30,INDEX(Jesper!$R$2:$R$366,ROW(INDEX(Jesper!AK$2:AK$366,ROUNDDOWN($C3577/24,0)+1,1))-1)+IF('Standard Profiles'!$G$21=$B$10,7,0)+IF('Standard Profiles'!$G$21=$B$17,14,0)+IF('Standard Profiles'!$G$21=$B$24,21,0),MOD($C3577,24)+1)/SUM(INDEX($D$3:$AA$30,INDEX(Jesper!$R$2:$R$366,ROW(INDEX(Jesper!AK$2:AK$366,ROUNDDOWN($C3577/24,0)+1,1))-1)+IF('Standard Profiles'!$G$21=$B$10,7,0)+IF('Standard Profiles'!$G$21=$B$17,14,0)+IF('Standard Profiles'!$G$21=$B$24,21,0),0)),0)</f>
        <v>0</v>
      </c>
      <c r="H3577" cm="1">
        <f t="array" ref="H3577">IFERROR(INDEX(Jesper!AL$2:AL$366,ROUNDDOWN($C3577/24,0)+1,1)*INDEX($D$3:$AA$30,INDEX(Jesper!$R$2:$R$366,ROW(INDEX(Jesper!AL$2:AL$366,ROUNDDOWN($C3577/24,0)+1,1))-1)+IF('Standard Profiles'!$G$22=$B$10,7,0)+IF('Standard Profiles'!$G$22=$B$17,14,0)+IF('Standard Profiles'!$G$22=$B$24,21,0),MOD($C3577,24)+1)/SUM(INDEX($D$3:$AA$30,INDEX(Jesper!$R$2:$R$366,ROW(INDEX(Jesper!AL$2:AL$366,ROUNDDOWN($C3577/24,0)+1,1))-1)+IF('Standard Profiles'!$G$22=$B$10,7,0)+IF('Standard Profiles'!$G$22=$B$17,14,0)+IF('Standard Profiles'!$G$22=$B$24,21,0),0)),0)</f>
        <v>0</v>
      </c>
      <c r="I3577">
        <f t="shared" si="405"/>
        <v>0.50491163275228879</v>
      </c>
      <c r="J3577">
        <f t="shared" si="406"/>
        <v>1.6830387758409628</v>
      </c>
      <c r="K3577">
        <f t="shared" si="407"/>
        <v>2.5245581637614443</v>
      </c>
      <c r="L3577">
        <f t="shared" si="408"/>
        <v>12.117879186054932</v>
      </c>
      <c r="M3577">
        <f t="shared" si="409"/>
        <v>0</v>
      </c>
      <c r="N3577" s="46">
        <f t="shared" si="410"/>
        <v>45439.624999991407</v>
      </c>
    </row>
    <row r="3578" spans="2:14" x14ac:dyDescent="0.3">
      <c r="B3578">
        <f t="shared" si="404"/>
        <v>1</v>
      </c>
      <c r="C3578" s="16">
        <v>3544</v>
      </c>
      <c r="D3578" cm="1">
        <f t="array" ref="D3578">IFERROR(INDEX(Jesper!AH$2:AH$366,ROUNDDOWN($C3578/24,0)+1,1)*INDEX($D$3:$AA$30,INDEX(Jesper!$R$2:$R$366,ROW(INDEX(Jesper!AH$2:AH$366,ROUNDDOWN($C3578/24,0)+1,1))-1)+IF('Standard Profiles'!$G$18=$B$10,7,0)+IF('Standard Profiles'!$G$18=$B$17,14,0)+IF('Standard Profiles'!$G$18=$B$24,21,0),MOD($C3578,24)+1)/SUM(INDEX($D$3:$AA$30,INDEX(Jesper!$R$2:$R$366,ROW(INDEX(Jesper!AH$2:AH$366,ROUNDDOWN($C3578/24,0)+1,1))-1)+IF('Standard Profiles'!$G$18=$B$10,7,0)+IF('Standard Profiles'!$G$18=$B$17,14,0)+IF('Standard Profiles'!$G$18=$B$24,21,0),0)),0)</f>
        <v>16.830387758409628</v>
      </c>
      <c r="E3578" cm="1">
        <f t="array" ref="E3578">IFERROR(INDEX(Jesper!AI$2:AI$366,ROUNDDOWN($C3578/24,0)+1,1)*INDEX($D$3:$AA$30,INDEX(Jesper!$R$2:$R$366,ROW(INDEX(Jesper!AI$2:AI$366,ROUNDDOWN($C3578/24,0)+1,1))-1)+IF('Standard Profiles'!$G$19=$B$10,7,0)+IF('Standard Profiles'!$G$19=$B$17,14,0)+IF('Standard Profiles'!$G$19=$B$24,21,0),MOD($C3578,24)+1)/SUM(INDEX($D$3:$AA$30,INDEX(Jesper!$R$2:$R$366,ROW(INDEX(Jesper!AI$2:AI$366,ROUNDDOWN($C3578/24,0)+1,1))-1)+IF('Standard Profiles'!$G$19=$B$10,7,0)+IF('Standard Profiles'!$G$19=$B$17,14,0)+IF('Standard Profiles'!$G$19=$B$24,21,0),0)),0)</f>
        <v>0</v>
      </c>
      <c r="F3578" cm="1">
        <f t="array" ref="F3578">IFERROR(INDEX(Jesper!AJ$2:AJ$366,ROUNDDOWN($C3578/24,0)+1,1)*INDEX($D$3:$AA$30,INDEX(Jesper!$R$2:$R$366,ROW(INDEX(Jesper!AJ$2:AJ$366,ROUNDDOWN($C3578/24,0)+1,1))-1)+IF('Standard Profiles'!$G$20=$B$10,7,0)+IF('Standard Profiles'!$G$20=$B$17,14,0)+IF('Standard Profiles'!$G$20=$B$24,21,0),MOD($C3578,24)+1)/SUM(INDEX($D$3:$AA$30,INDEX(Jesper!$R$2:$R$366,ROW(INDEX(Jesper!AJ$2:AJ$366,ROUNDDOWN($C3578/24,0)+1,1))-1)+IF('Standard Profiles'!$G$20=$B$10,7,0)+IF('Standard Profiles'!$G$20=$B$17,14,0)+IF('Standard Profiles'!$G$20=$B$24,21,0),0)),0)</f>
        <v>0</v>
      </c>
      <c r="G3578" cm="1">
        <f t="array" ref="G3578">IFERROR(INDEX(Jesper!AK$2:AK$366,ROUNDDOWN($C3578/24,0)+1,1)*INDEX($D$3:$AA$30,INDEX(Jesper!$R$2:$R$366,ROW(INDEX(Jesper!AK$2:AK$366,ROUNDDOWN($C3578/24,0)+1,1))-1)+IF('Standard Profiles'!$G$21=$B$10,7,0)+IF('Standard Profiles'!$G$21=$B$17,14,0)+IF('Standard Profiles'!$G$21=$B$24,21,0),MOD($C3578,24)+1)/SUM(INDEX($D$3:$AA$30,INDEX(Jesper!$R$2:$R$366,ROW(INDEX(Jesper!AK$2:AK$366,ROUNDDOWN($C3578/24,0)+1,1))-1)+IF('Standard Profiles'!$G$21=$B$10,7,0)+IF('Standard Profiles'!$G$21=$B$17,14,0)+IF('Standard Profiles'!$G$21=$B$24,21,0),0)),0)</f>
        <v>0</v>
      </c>
      <c r="H3578" cm="1">
        <f t="array" ref="H3578">IFERROR(INDEX(Jesper!AL$2:AL$366,ROUNDDOWN($C3578/24,0)+1,1)*INDEX($D$3:$AA$30,INDEX(Jesper!$R$2:$R$366,ROW(INDEX(Jesper!AL$2:AL$366,ROUNDDOWN($C3578/24,0)+1,1))-1)+IF('Standard Profiles'!$G$22=$B$10,7,0)+IF('Standard Profiles'!$G$22=$B$17,14,0)+IF('Standard Profiles'!$G$22=$B$24,21,0),MOD($C3578,24)+1)/SUM(INDEX($D$3:$AA$30,INDEX(Jesper!$R$2:$R$366,ROW(INDEX(Jesper!AL$2:AL$366,ROUNDDOWN($C3578/24,0)+1,1))-1)+IF('Standard Profiles'!$G$22=$B$10,7,0)+IF('Standard Profiles'!$G$22=$B$17,14,0)+IF('Standard Profiles'!$G$22=$B$24,21,0),0)),0)</f>
        <v>0</v>
      </c>
      <c r="I3578">
        <f t="shared" si="405"/>
        <v>0.50491163275228879</v>
      </c>
      <c r="J3578">
        <f t="shared" si="406"/>
        <v>1.6830387758409628</v>
      </c>
      <c r="K3578">
        <f t="shared" si="407"/>
        <v>2.5245581637614443</v>
      </c>
      <c r="L3578">
        <f t="shared" si="408"/>
        <v>12.117879186054932</v>
      </c>
      <c r="M3578">
        <f t="shared" si="409"/>
        <v>0</v>
      </c>
      <c r="N3578" s="46">
        <f t="shared" si="410"/>
        <v>45439.666666658071</v>
      </c>
    </row>
    <row r="3579" spans="2:14" x14ac:dyDescent="0.3">
      <c r="B3579">
        <f t="shared" si="404"/>
        <v>1</v>
      </c>
      <c r="C3579" s="16">
        <v>3545</v>
      </c>
      <c r="D3579" cm="1">
        <f t="array" ref="D3579">IFERROR(INDEX(Jesper!AH$2:AH$366,ROUNDDOWN($C3579/24,0)+1,1)*INDEX($D$3:$AA$30,INDEX(Jesper!$R$2:$R$366,ROW(INDEX(Jesper!AH$2:AH$366,ROUNDDOWN($C3579/24,0)+1,1))-1)+IF('Standard Profiles'!$G$18=$B$10,7,0)+IF('Standard Profiles'!$G$18=$B$17,14,0)+IF('Standard Profiles'!$G$18=$B$24,21,0),MOD($C3579,24)+1)/SUM(INDEX($D$3:$AA$30,INDEX(Jesper!$R$2:$R$366,ROW(INDEX(Jesper!AH$2:AH$366,ROUNDDOWN($C3579/24,0)+1,1))-1)+IF('Standard Profiles'!$G$18=$B$10,7,0)+IF('Standard Profiles'!$G$18=$B$17,14,0)+IF('Standard Profiles'!$G$18=$B$24,21,0),0)),0)</f>
        <v>16.830387758409628</v>
      </c>
      <c r="E3579" cm="1">
        <f t="array" ref="E3579">IFERROR(INDEX(Jesper!AI$2:AI$366,ROUNDDOWN($C3579/24,0)+1,1)*INDEX($D$3:$AA$30,INDEX(Jesper!$R$2:$R$366,ROW(INDEX(Jesper!AI$2:AI$366,ROUNDDOWN($C3579/24,0)+1,1))-1)+IF('Standard Profiles'!$G$19=$B$10,7,0)+IF('Standard Profiles'!$G$19=$B$17,14,0)+IF('Standard Profiles'!$G$19=$B$24,21,0),MOD($C3579,24)+1)/SUM(INDEX($D$3:$AA$30,INDEX(Jesper!$R$2:$R$366,ROW(INDEX(Jesper!AI$2:AI$366,ROUNDDOWN($C3579/24,0)+1,1))-1)+IF('Standard Profiles'!$G$19=$B$10,7,0)+IF('Standard Profiles'!$G$19=$B$17,14,0)+IF('Standard Profiles'!$G$19=$B$24,21,0),0)),0)</f>
        <v>0</v>
      </c>
      <c r="F3579" cm="1">
        <f t="array" ref="F3579">IFERROR(INDEX(Jesper!AJ$2:AJ$366,ROUNDDOWN($C3579/24,0)+1,1)*INDEX($D$3:$AA$30,INDEX(Jesper!$R$2:$R$366,ROW(INDEX(Jesper!AJ$2:AJ$366,ROUNDDOWN($C3579/24,0)+1,1))-1)+IF('Standard Profiles'!$G$20=$B$10,7,0)+IF('Standard Profiles'!$G$20=$B$17,14,0)+IF('Standard Profiles'!$G$20=$B$24,21,0),MOD($C3579,24)+1)/SUM(INDEX($D$3:$AA$30,INDEX(Jesper!$R$2:$R$366,ROW(INDEX(Jesper!AJ$2:AJ$366,ROUNDDOWN($C3579/24,0)+1,1))-1)+IF('Standard Profiles'!$G$20=$B$10,7,0)+IF('Standard Profiles'!$G$20=$B$17,14,0)+IF('Standard Profiles'!$G$20=$B$24,21,0),0)),0)</f>
        <v>0</v>
      </c>
      <c r="G3579" cm="1">
        <f t="array" ref="G3579">IFERROR(INDEX(Jesper!AK$2:AK$366,ROUNDDOWN($C3579/24,0)+1,1)*INDEX($D$3:$AA$30,INDEX(Jesper!$R$2:$R$366,ROW(INDEX(Jesper!AK$2:AK$366,ROUNDDOWN($C3579/24,0)+1,1))-1)+IF('Standard Profiles'!$G$21=$B$10,7,0)+IF('Standard Profiles'!$G$21=$B$17,14,0)+IF('Standard Profiles'!$G$21=$B$24,21,0),MOD($C3579,24)+1)/SUM(INDEX($D$3:$AA$30,INDEX(Jesper!$R$2:$R$366,ROW(INDEX(Jesper!AK$2:AK$366,ROUNDDOWN($C3579/24,0)+1,1))-1)+IF('Standard Profiles'!$G$21=$B$10,7,0)+IF('Standard Profiles'!$G$21=$B$17,14,0)+IF('Standard Profiles'!$G$21=$B$24,21,0),0)),0)</f>
        <v>0</v>
      </c>
      <c r="H3579" cm="1">
        <f t="array" ref="H3579">IFERROR(INDEX(Jesper!AL$2:AL$366,ROUNDDOWN($C3579/24,0)+1,1)*INDEX($D$3:$AA$30,INDEX(Jesper!$R$2:$R$366,ROW(INDEX(Jesper!AL$2:AL$366,ROUNDDOWN($C3579/24,0)+1,1))-1)+IF('Standard Profiles'!$G$22=$B$10,7,0)+IF('Standard Profiles'!$G$22=$B$17,14,0)+IF('Standard Profiles'!$G$22=$B$24,21,0),MOD($C3579,24)+1)/SUM(INDEX($D$3:$AA$30,INDEX(Jesper!$R$2:$R$366,ROW(INDEX(Jesper!AL$2:AL$366,ROUNDDOWN($C3579/24,0)+1,1))-1)+IF('Standard Profiles'!$G$22=$B$10,7,0)+IF('Standard Profiles'!$G$22=$B$17,14,0)+IF('Standard Profiles'!$G$22=$B$24,21,0),0)),0)</f>
        <v>0</v>
      </c>
      <c r="I3579">
        <f t="shared" si="405"/>
        <v>0.50491163275228879</v>
      </c>
      <c r="J3579">
        <f t="shared" si="406"/>
        <v>1.6830387758409628</v>
      </c>
      <c r="K3579">
        <f t="shared" si="407"/>
        <v>2.5245581637614443</v>
      </c>
      <c r="L3579">
        <f t="shared" si="408"/>
        <v>12.117879186054932</v>
      </c>
      <c r="M3579">
        <f t="shared" si="409"/>
        <v>0</v>
      </c>
      <c r="N3579" s="46">
        <f t="shared" si="410"/>
        <v>45439.708333324736</v>
      </c>
    </row>
    <row r="3580" spans="2:14" x14ac:dyDescent="0.3">
      <c r="B3580">
        <f t="shared" si="404"/>
        <v>1</v>
      </c>
      <c r="C3580" s="16">
        <v>3546</v>
      </c>
      <c r="D3580" cm="1">
        <f t="array" ref="D3580">IFERROR(INDEX(Jesper!AH$2:AH$366,ROUNDDOWN($C3580/24,0)+1,1)*INDEX($D$3:$AA$30,INDEX(Jesper!$R$2:$R$366,ROW(INDEX(Jesper!AH$2:AH$366,ROUNDDOWN($C3580/24,0)+1,1))-1)+IF('Standard Profiles'!$G$18=$B$10,7,0)+IF('Standard Profiles'!$G$18=$B$17,14,0)+IF('Standard Profiles'!$G$18=$B$24,21,0),MOD($C3580,24)+1)/SUM(INDEX($D$3:$AA$30,INDEX(Jesper!$R$2:$R$366,ROW(INDEX(Jesper!AH$2:AH$366,ROUNDDOWN($C3580/24,0)+1,1))-1)+IF('Standard Profiles'!$G$18=$B$10,7,0)+IF('Standard Profiles'!$G$18=$B$17,14,0)+IF('Standard Profiles'!$G$18=$B$24,21,0),0)),0)</f>
        <v>16.830387758409628</v>
      </c>
      <c r="E3580" cm="1">
        <f t="array" ref="E3580">IFERROR(INDEX(Jesper!AI$2:AI$366,ROUNDDOWN($C3580/24,0)+1,1)*INDEX($D$3:$AA$30,INDEX(Jesper!$R$2:$R$366,ROW(INDEX(Jesper!AI$2:AI$366,ROUNDDOWN($C3580/24,0)+1,1))-1)+IF('Standard Profiles'!$G$19=$B$10,7,0)+IF('Standard Profiles'!$G$19=$B$17,14,0)+IF('Standard Profiles'!$G$19=$B$24,21,0),MOD($C3580,24)+1)/SUM(INDEX($D$3:$AA$30,INDEX(Jesper!$R$2:$R$366,ROW(INDEX(Jesper!AI$2:AI$366,ROUNDDOWN($C3580/24,0)+1,1))-1)+IF('Standard Profiles'!$G$19=$B$10,7,0)+IF('Standard Profiles'!$G$19=$B$17,14,0)+IF('Standard Profiles'!$G$19=$B$24,21,0),0)),0)</f>
        <v>0</v>
      </c>
      <c r="F3580" cm="1">
        <f t="array" ref="F3580">IFERROR(INDEX(Jesper!AJ$2:AJ$366,ROUNDDOWN($C3580/24,0)+1,1)*INDEX($D$3:$AA$30,INDEX(Jesper!$R$2:$R$366,ROW(INDEX(Jesper!AJ$2:AJ$366,ROUNDDOWN($C3580/24,0)+1,1))-1)+IF('Standard Profiles'!$G$20=$B$10,7,0)+IF('Standard Profiles'!$G$20=$B$17,14,0)+IF('Standard Profiles'!$G$20=$B$24,21,0),MOD($C3580,24)+1)/SUM(INDEX($D$3:$AA$30,INDEX(Jesper!$R$2:$R$366,ROW(INDEX(Jesper!AJ$2:AJ$366,ROUNDDOWN($C3580/24,0)+1,1))-1)+IF('Standard Profiles'!$G$20=$B$10,7,0)+IF('Standard Profiles'!$G$20=$B$17,14,0)+IF('Standard Profiles'!$G$20=$B$24,21,0),0)),0)</f>
        <v>0</v>
      </c>
      <c r="G3580" cm="1">
        <f t="array" ref="G3580">IFERROR(INDEX(Jesper!AK$2:AK$366,ROUNDDOWN($C3580/24,0)+1,1)*INDEX($D$3:$AA$30,INDEX(Jesper!$R$2:$R$366,ROW(INDEX(Jesper!AK$2:AK$366,ROUNDDOWN($C3580/24,0)+1,1))-1)+IF('Standard Profiles'!$G$21=$B$10,7,0)+IF('Standard Profiles'!$G$21=$B$17,14,0)+IF('Standard Profiles'!$G$21=$B$24,21,0),MOD($C3580,24)+1)/SUM(INDEX($D$3:$AA$30,INDEX(Jesper!$R$2:$R$366,ROW(INDEX(Jesper!AK$2:AK$366,ROUNDDOWN($C3580/24,0)+1,1))-1)+IF('Standard Profiles'!$G$21=$B$10,7,0)+IF('Standard Profiles'!$G$21=$B$17,14,0)+IF('Standard Profiles'!$G$21=$B$24,21,0),0)),0)</f>
        <v>0</v>
      </c>
      <c r="H3580" cm="1">
        <f t="array" ref="H3580">IFERROR(INDEX(Jesper!AL$2:AL$366,ROUNDDOWN($C3580/24,0)+1,1)*INDEX($D$3:$AA$30,INDEX(Jesper!$R$2:$R$366,ROW(INDEX(Jesper!AL$2:AL$366,ROUNDDOWN($C3580/24,0)+1,1))-1)+IF('Standard Profiles'!$G$22=$B$10,7,0)+IF('Standard Profiles'!$G$22=$B$17,14,0)+IF('Standard Profiles'!$G$22=$B$24,21,0),MOD($C3580,24)+1)/SUM(INDEX($D$3:$AA$30,INDEX(Jesper!$R$2:$R$366,ROW(INDEX(Jesper!AL$2:AL$366,ROUNDDOWN($C3580/24,0)+1,1))-1)+IF('Standard Profiles'!$G$22=$B$10,7,0)+IF('Standard Profiles'!$G$22=$B$17,14,0)+IF('Standard Profiles'!$G$22=$B$24,21,0),0)),0)</f>
        <v>0</v>
      </c>
      <c r="I3580">
        <f t="shared" si="405"/>
        <v>0.50491163275228879</v>
      </c>
      <c r="J3580">
        <f t="shared" si="406"/>
        <v>1.6830387758409628</v>
      </c>
      <c r="K3580">
        <f t="shared" si="407"/>
        <v>2.5245581637614443</v>
      </c>
      <c r="L3580">
        <f t="shared" si="408"/>
        <v>12.117879186054932</v>
      </c>
      <c r="M3580">
        <f t="shared" si="409"/>
        <v>0</v>
      </c>
      <c r="N3580" s="46">
        <f t="shared" si="410"/>
        <v>45439.7499999914</v>
      </c>
    </row>
    <row r="3581" spans="2:14" x14ac:dyDescent="0.3">
      <c r="B3581">
        <f t="shared" si="404"/>
        <v>1</v>
      </c>
      <c r="C3581" s="16">
        <v>3547</v>
      </c>
      <c r="D3581" cm="1">
        <f t="array" ref="D3581">IFERROR(INDEX(Jesper!AH$2:AH$366,ROUNDDOWN($C3581/24,0)+1,1)*INDEX($D$3:$AA$30,INDEX(Jesper!$R$2:$R$366,ROW(INDEX(Jesper!AH$2:AH$366,ROUNDDOWN($C3581/24,0)+1,1))-1)+IF('Standard Profiles'!$G$18=$B$10,7,0)+IF('Standard Profiles'!$G$18=$B$17,14,0)+IF('Standard Profiles'!$G$18=$B$24,21,0),MOD($C3581,24)+1)/SUM(INDEX($D$3:$AA$30,INDEX(Jesper!$R$2:$R$366,ROW(INDEX(Jesper!AH$2:AH$366,ROUNDDOWN($C3581/24,0)+1,1))-1)+IF('Standard Profiles'!$G$18=$B$10,7,0)+IF('Standard Profiles'!$G$18=$B$17,14,0)+IF('Standard Profiles'!$G$18=$B$24,21,0),0)),0)</f>
        <v>14.095449747668065</v>
      </c>
      <c r="E3581" cm="1">
        <f t="array" ref="E3581">IFERROR(INDEX(Jesper!AI$2:AI$366,ROUNDDOWN($C3581/24,0)+1,1)*INDEX($D$3:$AA$30,INDEX(Jesper!$R$2:$R$366,ROW(INDEX(Jesper!AI$2:AI$366,ROUNDDOWN($C3581/24,0)+1,1))-1)+IF('Standard Profiles'!$G$19=$B$10,7,0)+IF('Standard Profiles'!$G$19=$B$17,14,0)+IF('Standard Profiles'!$G$19=$B$24,21,0),MOD($C3581,24)+1)/SUM(INDEX($D$3:$AA$30,INDEX(Jesper!$R$2:$R$366,ROW(INDEX(Jesper!AI$2:AI$366,ROUNDDOWN($C3581/24,0)+1,1))-1)+IF('Standard Profiles'!$G$19=$B$10,7,0)+IF('Standard Profiles'!$G$19=$B$17,14,0)+IF('Standard Profiles'!$G$19=$B$24,21,0),0)),0)</f>
        <v>0</v>
      </c>
      <c r="F3581" cm="1">
        <f t="array" ref="F3581">IFERROR(INDEX(Jesper!AJ$2:AJ$366,ROUNDDOWN($C3581/24,0)+1,1)*INDEX($D$3:$AA$30,INDEX(Jesper!$R$2:$R$366,ROW(INDEX(Jesper!AJ$2:AJ$366,ROUNDDOWN($C3581/24,0)+1,1))-1)+IF('Standard Profiles'!$G$20=$B$10,7,0)+IF('Standard Profiles'!$G$20=$B$17,14,0)+IF('Standard Profiles'!$G$20=$B$24,21,0),MOD($C3581,24)+1)/SUM(INDEX($D$3:$AA$30,INDEX(Jesper!$R$2:$R$366,ROW(INDEX(Jesper!AJ$2:AJ$366,ROUNDDOWN($C3581/24,0)+1,1))-1)+IF('Standard Profiles'!$G$20=$B$10,7,0)+IF('Standard Profiles'!$G$20=$B$17,14,0)+IF('Standard Profiles'!$G$20=$B$24,21,0),0)),0)</f>
        <v>0</v>
      </c>
      <c r="G3581" cm="1">
        <f t="array" ref="G3581">IFERROR(INDEX(Jesper!AK$2:AK$366,ROUNDDOWN($C3581/24,0)+1,1)*INDEX($D$3:$AA$30,INDEX(Jesper!$R$2:$R$366,ROW(INDEX(Jesper!AK$2:AK$366,ROUNDDOWN($C3581/24,0)+1,1))-1)+IF('Standard Profiles'!$G$21=$B$10,7,0)+IF('Standard Profiles'!$G$21=$B$17,14,0)+IF('Standard Profiles'!$G$21=$B$24,21,0),MOD($C3581,24)+1)/SUM(INDEX($D$3:$AA$30,INDEX(Jesper!$R$2:$R$366,ROW(INDEX(Jesper!AK$2:AK$366,ROUNDDOWN($C3581/24,0)+1,1))-1)+IF('Standard Profiles'!$G$21=$B$10,7,0)+IF('Standard Profiles'!$G$21=$B$17,14,0)+IF('Standard Profiles'!$G$21=$B$24,21,0),0)),0)</f>
        <v>0</v>
      </c>
      <c r="H3581" cm="1">
        <f t="array" ref="H3581">IFERROR(INDEX(Jesper!AL$2:AL$366,ROUNDDOWN($C3581/24,0)+1,1)*INDEX($D$3:$AA$30,INDEX(Jesper!$R$2:$R$366,ROW(INDEX(Jesper!AL$2:AL$366,ROUNDDOWN($C3581/24,0)+1,1))-1)+IF('Standard Profiles'!$G$22=$B$10,7,0)+IF('Standard Profiles'!$G$22=$B$17,14,0)+IF('Standard Profiles'!$G$22=$B$24,21,0),MOD($C3581,24)+1)/SUM(INDEX($D$3:$AA$30,INDEX(Jesper!$R$2:$R$366,ROW(INDEX(Jesper!AL$2:AL$366,ROUNDDOWN($C3581/24,0)+1,1))-1)+IF('Standard Profiles'!$G$22=$B$10,7,0)+IF('Standard Profiles'!$G$22=$B$17,14,0)+IF('Standard Profiles'!$G$22=$B$24,21,0),0)),0)</f>
        <v>0</v>
      </c>
      <c r="I3581">
        <f t="shared" si="405"/>
        <v>0.4228634924300419</v>
      </c>
      <c r="J3581">
        <f t="shared" si="406"/>
        <v>1.4095449747668065</v>
      </c>
      <c r="K3581">
        <f t="shared" si="407"/>
        <v>2.1143174621502094</v>
      </c>
      <c r="L3581">
        <f t="shared" si="408"/>
        <v>10.148723818321006</v>
      </c>
      <c r="M3581">
        <f t="shared" si="409"/>
        <v>0</v>
      </c>
      <c r="N3581" s="46">
        <f t="shared" si="410"/>
        <v>45439.791666658064</v>
      </c>
    </row>
    <row r="3582" spans="2:14" x14ac:dyDescent="0.3">
      <c r="B3582">
        <f t="shared" si="404"/>
        <v>1</v>
      </c>
      <c r="C3582" s="16">
        <v>3548</v>
      </c>
      <c r="D3582" cm="1">
        <f t="array" ref="D3582">IFERROR(INDEX(Jesper!AH$2:AH$366,ROUNDDOWN($C3582/24,0)+1,1)*INDEX($D$3:$AA$30,INDEX(Jesper!$R$2:$R$366,ROW(INDEX(Jesper!AH$2:AH$366,ROUNDDOWN($C3582/24,0)+1,1))-1)+IF('Standard Profiles'!$G$18=$B$10,7,0)+IF('Standard Profiles'!$G$18=$B$17,14,0)+IF('Standard Profiles'!$G$18=$B$24,21,0),MOD($C3582,24)+1)/SUM(INDEX($D$3:$AA$30,INDEX(Jesper!$R$2:$R$366,ROW(INDEX(Jesper!AH$2:AH$366,ROUNDDOWN($C3582/24,0)+1,1))-1)+IF('Standard Profiles'!$G$18=$B$10,7,0)+IF('Standard Profiles'!$G$18=$B$17,14,0)+IF('Standard Profiles'!$G$18=$B$24,21,0),0)),0)</f>
        <v>11.570891583906619</v>
      </c>
      <c r="E3582" cm="1">
        <f t="array" ref="E3582">IFERROR(INDEX(Jesper!AI$2:AI$366,ROUNDDOWN($C3582/24,0)+1,1)*INDEX($D$3:$AA$30,INDEX(Jesper!$R$2:$R$366,ROW(INDEX(Jesper!AI$2:AI$366,ROUNDDOWN($C3582/24,0)+1,1))-1)+IF('Standard Profiles'!$G$19=$B$10,7,0)+IF('Standard Profiles'!$G$19=$B$17,14,0)+IF('Standard Profiles'!$G$19=$B$24,21,0),MOD($C3582,24)+1)/SUM(INDEX($D$3:$AA$30,INDEX(Jesper!$R$2:$R$366,ROW(INDEX(Jesper!AI$2:AI$366,ROUNDDOWN($C3582/24,0)+1,1))-1)+IF('Standard Profiles'!$G$19=$B$10,7,0)+IF('Standard Profiles'!$G$19=$B$17,14,0)+IF('Standard Profiles'!$G$19=$B$24,21,0),0)),0)</f>
        <v>0</v>
      </c>
      <c r="F3582" cm="1">
        <f t="array" ref="F3582">IFERROR(INDEX(Jesper!AJ$2:AJ$366,ROUNDDOWN($C3582/24,0)+1,1)*INDEX($D$3:$AA$30,INDEX(Jesper!$R$2:$R$366,ROW(INDEX(Jesper!AJ$2:AJ$366,ROUNDDOWN($C3582/24,0)+1,1))-1)+IF('Standard Profiles'!$G$20=$B$10,7,0)+IF('Standard Profiles'!$G$20=$B$17,14,0)+IF('Standard Profiles'!$G$20=$B$24,21,0),MOD($C3582,24)+1)/SUM(INDEX($D$3:$AA$30,INDEX(Jesper!$R$2:$R$366,ROW(INDEX(Jesper!AJ$2:AJ$366,ROUNDDOWN($C3582/24,0)+1,1))-1)+IF('Standard Profiles'!$G$20=$B$10,7,0)+IF('Standard Profiles'!$G$20=$B$17,14,0)+IF('Standard Profiles'!$G$20=$B$24,21,0),0)),0)</f>
        <v>0</v>
      </c>
      <c r="G3582" cm="1">
        <f t="array" ref="G3582">IFERROR(INDEX(Jesper!AK$2:AK$366,ROUNDDOWN($C3582/24,0)+1,1)*INDEX($D$3:$AA$30,INDEX(Jesper!$R$2:$R$366,ROW(INDEX(Jesper!AK$2:AK$366,ROUNDDOWN($C3582/24,0)+1,1))-1)+IF('Standard Profiles'!$G$21=$B$10,7,0)+IF('Standard Profiles'!$G$21=$B$17,14,0)+IF('Standard Profiles'!$G$21=$B$24,21,0),MOD($C3582,24)+1)/SUM(INDEX($D$3:$AA$30,INDEX(Jesper!$R$2:$R$366,ROW(INDEX(Jesper!AK$2:AK$366,ROUNDDOWN($C3582/24,0)+1,1))-1)+IF('Standard Profiles'!$G$21=$B$10,7,0)+IF('Standard Profiles'!$G$21=$B$17,14,0)+IF('Standard Profiles'!$G$21=$B$24,21,0),0)),0)</f>
        <v>0</v>
      </c>
      <c r="H3582" cm="1">
        <f t="array" ref="H3582">IFERROR(INDEX(Jesper!AL$2:AL$366,ROUNDDOWN($C3582/24,0)+1,1)*INDEX($D$3:$AA$30,INDEX(Jesper!$R$2:$R$366,ROW(INDEX(Jesper!AL$2:AL$366,ROUNDDOWN($C3582/24,0)+1,1))-1)+IF('Standard Profiles'!$G$22=$B$10,7,0)+IF('Standard Profiles'!$G$22=$B$17,14,0)+IF('Standard Profiles'!$G$22=$B$24,21,0),MOD($C3582,24)+1)/SUM(INDEX($D$3:$AA$30,INDEX(Jesper!$R$2:$R$366,ROW(INDEX(Jesper!AL$2:AL$366,ROUNDDOWN($C3582/24,0)+1,1))-1)+IF('Standard Profiles'!$G$22=$B$10,7,0)+IF('Standard Profiles'!$G$22=$B$17,14,0)+IF('Standard Profiles'!$G$22=$B$24,21,0),0)),0)</f>
        <v>0</v>
      </c>
      <c r="I3582">
        <f t="shared" si="405"/>
        <v>0.34712674751719852</v>
      </c>
      <c r="J3582">
        <f t="shared" si="406"/>
        <v>1.157089158390662</v>
      </c>
      <c r="K3582">
        <f t="shared" si="407"/>
        <v>1.7356337375859927</v>
      </c>
      <c r="L3582">
        <f t="shared" si="408"/>
        <v>8.3310419404127654</v>
      </c>
      <c r="M3582">
        <f t="shared" si="409"/>
        <v>0</v>
      </c>
      <c r="N3582" s="46">
        <f t="shared" si="410"/>
        <v>45439.833333324728</v>
      </c>
    </row>
    <row r="3583" spans="2:14" x14ac:dyDescent="0.3">
      <c r="B3583">
        <f t="shared" si="404"/>
        <v>1</v>
      </c>
      <c r="C3583" s="16">
        <v>3549</v>
      </c>
      <c r="D3583" cm="1">
        <f t="array" ref="D3583">IFERROR(INDEX(Jesper!AH$2:AH$366,ROUNDDOWN($C3583/24,0)+1,1)*INDEX($D$3:$AA$30,INDEX(Jesper!$R$2:$R$366,ROW(INDEX(Jesper!AH$2:AH$366,ROUNDDOWN($C3583/24,0)+1,1))-1)+IF('Standard Profiles'!$G$18=$B$10,7,0)+IF('Standard Profiles'!$G$18=$B$17,14,0)+IF('Standard Profiles'!$G$18=$B$24,21,0),MOD($C3583,24)+1)/SUM(INDEX($D$3:$AA$30,INDEX(Jesper!$R$2:$R$366,ROW(INDEX(Jesper!AH$2:AH$366,ROUNDDOWN($C3583/24,0)+1,1))-1)+IF('Standard Profiles'!$G$18=$B$10,7,0)+IF('Standard Profiles'!$G$18=$B$17,14,0)+IF('Standard Profiles'!$G$18=$B$24,21,0),0)),0)</f>
        <v>8.4151938792048142</v>
      </c>
      <c r="E3583" cm="1">
        <f t="array" ref="E3583">IFERROR(INDEX(Jesper!AI$2:AI$366,ROUNDDOWN($C3583/24,0)+1,1)*INDEX($D$3:$AA$30,INDEX(Jesper!$R$2:$R$366,ROW(INDEX(Jesper!AI$2:AI$366,ROUNDDOWN($C3583/24,0)+1,1))-1)+IF('Standard Profiles'!$G$19=$B$10,7,0)+IF('Standard Profiles'!$G$19=$B$17,14,0)+IF('Standard Profiles'!$G$19=$B$24,21,0),MOD($C3583,24)+1)/SUM(INDEX($D$3:$AA$30,INDEX(Jesper!$R$2:$R$366,ROW(INDEX(Jesper!AI$2:AI$366,ROUNDDOWN($C3583/24,0)+1,1))-1)+IF('Standard Profiles'!$G$19=$B$10,7,0)+IF('Standard Profiles'!$G$19=$B$17,14,0)+IF('Standard Profiles'!$G$19=$B$24,21,0),0)),0)</f>
        <v>0</v>
      </c>
      <c r="F3583" cm="1">
        <f t="array" ref="F3583">IFERROR(INDEX(Jesper!AJ$2:AJ$366,ROUNDDOWN($C3583/24,0)+1,1)*INDEX($D$3:$AA$30,INDEX(Jesper!$R$2:$R$366,ROW(INDEX(Jesper!AJ$2:AJ$366,ROUNDDOWN($C3583/24,0)+1,1))-1)+IF('Standard Profiles'!$G$20=$B$10,7,0)+IF('Standard Profiles'!$G$20=$B$17,14,0)+IF('Standard Profiles'!$G$20=$B$24,21,0),MOD($C3583,24)+1)/SUM(INDEX($D$3:$AA$30,INDEX(Jesper!$R$2:$R$366,ROW(INDEX(Jesper!AJ$2:AJ$366,ROUNDDOWN($C3583/24,0)+1,1))-1)+IF('Standard Profiles'!$G$20=$B$10,7,0)+IF('Standard Profiles'!$G$20=$B$17,14,0)+IF('Standard Profiles'!$G$20=$B$24,21,0),0)),0)</f>
        <v>0</v>
      </c>
      <c r="G3583" cm="1">
        <f t="array" ref="G3583">IFERROR(INDEX(Jesper!AK$2:AK$366,ROUNDDOWN($C3583/24,0)+1,1)*INDEX($D$3:$AA$30,INDEX(Jesper!$R$2:$R$366,ROW(INDEX(Jesper!AK$2:AK$366,ROUNDDOWN($C3583/24,0)+1,1))-1)+IF('Standard Profiles'!$G$21=$B$10,7,0)+IF('Standard Profiles'!$G$21=$B$17,14,0)+IF('Standard Profiles'!$G$21=$B$24,21,0),MOD($C3583,24)+1)/SUM(INDEX($D$3:$AA$30,INDEX(Jesper!$R$2:$R$366,ROW(INDEX(Jesper!AK$2:AK$366,ROUNDDOWN($C3583/24,0)+1,1))-1)+IF('Standard Profiles'!$G$21=$B$10,7,0)+IF('Standard Profiles'!$G$21=$B$17,14,0)+IF('Standard Profiles'!$G$21=$B$24,21,0),0)),0)</f>
        <v>0</v>
      </c>
      <c r="H3583" cm="1">
        <f t="array" ref="H3583">IFERROR(INDEX(Jesper!AL$2:AL$366,ROUNDDOWN($C3583/24,0)+1,1)*INDEX($D$3:$AA$30,INDEX(Jesper!$R$2:$R$366,ROW(INDEX(Jesper!AL$2:AL$366,ROUNDDOWN($C3583/24,0)+1,1))-1)+IF('Standard Profiles'!$G$22=$B$10,7,0)+IF('Standard Profiles'!$G$22=$B$17,14,0)+IF('Standard Profiles'!$G$22=$B$24,21,0),MOD($C3583,24)+1)/SUM(INDEX($D$3:$AA$30,INDEX(Jesper!$R$2:$R$366,ROW(INDEX(Jesper!AL$2:AL$366,ROUNDDOWN($C3583/24,0)+1,1))-1)+IF('Standard Profiles'!$G$22=$B$10,7,0)+IF('Standard Profiles'!$G$22=$B$17,14,0)+IF('Standard Profiles'!$G$22=$B$24,21,0),0)),0)</f>
        <v>0</v>
      </c>
      <c r="I3583">
        <f t="shared" si="405"/>
        <v>0.25245581637614439</v>
      </c>
      <c r="J3583">
        <f t="shared" si="406"/>
        <v>0.84151938792048142</v>
      </c>
      <c r="K3583">
        <f t="shared" si="407"/>
        <v>1.2622790818807221</v>
      </c>
      <c r="L3583">
        <f t="shared" si="408"/>
        <v>6.0589395930274659</v>
      </c>
      <c r="M3583">
        <f t="shared" si="409"/>
        <v>0</v>
      </c>
      <c r="N3583" s="46">
        <f t="shared" si="410"/>
        <v>45439.874999991393</v>
      </c>
    </row>
    <row r="3584" spans="2:14" x14ac:dyDescent="0.3">
      <c r="B3584">
        <f t="shared" si="404"/>
        <v>1</v>
      </c>
      <c r="C3584" s="16">
        <v>3550</v>
      </c>
      <c r="D3584" cm="1">
        <f t="array" ref="D3584">IFERROR(INDEX(Jesper!AH$2:AH$366,ROUNDDOWN($C3584/24,0)+1,1)*INDEX($D$3:$AA$30,INDEX(Jesper!$R$2:$R$366,ROW(INDEX(Jesper!AH$2:AH$366,ROUNDDOWN($C3584/24,0)+1,1))-1)+IF('Standard Profiles'!$G$18=$B$10,7,0)+IF('Standard Profiles'!$G$18=$B$17,14,0)+IF('Standard Profiles'!$G$18=$B$24,21,0),MOD($C3584,24)+1)/SUM(INDEX($D$3:$AA$30,INDEX(Jesper!$R$2:$R$366,ROW(INDEX(Jesper!AH$2:AH$366,ROUNDDOWN($C3584/24,0)+1,1))-1)+IF('Standard Profiles'!$G$18=$B$10,7,0)+IF('Standard Profiles'!$G$18=$B$17,14,0)+IF('Standard Profiles'!$G$18=$B$24,21,0),0)),0)</f>
        <v>7.9944341852445726</v>
      </c>
      <c r="E3584" cm="1">
        <f t="array" ref="E3584">IFERROR(INDEX(Jesper!AI$2:AI$366,ROUNDDOWN($C3584/24,0)+1,1)*INDEX($D$3:$AA$30,INDEX(Jesper!$R$2:$R$366,ROW(INDEX(Jesper!AI$2:AI$366,ROUNDDOWN($C3584/24,0)+1,1))-1)+IF('Standard Profiles'!$G$19=$B$10,7,0)+IF('Standard Profiles'!$G$19=$B$17,14,0)+IF('Standard Profiles'!$G$19=$B$24,21,0),MOD($C3584,24)+1)/SUM(INDEX($D$3:$AA$30,INDEX(Jesper!$R$2:$R$366,ROW(INDEX(Jesper!AI$2:AI$366,ROUNDDOWN($C3584/24,0)+1,1))-1)+IF('Standard Profiles'!$G$19=$B$10,7,0)+IF('Standard Profiles'!$G$19=$B$17,14,0)+IF('Standard Profiles'!$G$19=$B$24,21,0),0)),0)</f>
        <v>0</v>
      </c>
      <c r="F3584" cm="1">
        <f t="array" ref="F3584">IFERROR(INDEX(Jesper!AJ$2:AJ$366,ROUNDDOWN($C3584/24,0)+1,1)*INDEX($D$3:$AA$30,INDEX(Jesper!$R$2:$R$366,ROW(INDEX(Jesper!AJ$2:AJ$366,ROUNDDOWN($C3584/24,0)+1,1))-1)+IF('Standard Profiles'!$G$20=$B$10,7,0)+IF('Standard Profiles'!$G$20=$B$17,14,0)+IF('Standard Profiles'!$G$20=$B$24,21,0),MOD($C3584,24)+1)/SUM(INDEX($D$3:$AA$30,INDEX(Jesper!$R$2:$R$366,ROW(INDEX(Jesper!AJ$2:AJ$366,ROUNDDOWN($C3584/24,0)+1,1))-1)+IF('Standard Profiles'!$G$20=$B$10,7,0)+IF('Standard Profiles'!$G$20=$B$17,14,0)+IF('Standard Profiles'!$G$20=$B$24,21,0),0)),0)</f>
        <v>0</v>
      </c>
      <c r="G3584" cm="1">
        <f t="array" ref="G3584">IFERROR(INDEX(Jesper!AK$2:AK$366,ROUNDDOWN($C3584/24,0)+1,1)*INDEX($D$3:$AA$30,INDEX(Jesper!$R$2:$R$366,ROW(INDEX(Jesper!AK$2:AK$366,ROUNDDOWN($C3584/24,0)+1,1))-1)+IF('Standard Profiles'!$G$21=$B$10,7,0)+IF('Standard Profiles'!$G$21=$B$17,14,0)+IF('Standard Profiles'!$G$21=$B$24,21,0),MOD($C3584,24)+1)/SUM(INDEX($D$3:$AA$30,INDEX(Jesper!$R$2:$R$366,ROW(INDEX(Jesper!AK$2:AK$366,ROUNDDOWN($C3584/24,0)+1,1))-1)+IF('Standard Profiles'!$G$21=$B$10,7,0)+IF('Standard Profiles'!$G$21=$B$17,14,0)+IF('Standard Profiles'!$G$21=$B$24,21,0),0)),0)</f>
        <v>0</v>
      </c>
      <c r="H3584" cm="1">
        <f t="array" ref="H3584">IFERROR(INDEX(Jesper!AL$2:AL$366,ROUNDDOWN($C3584/24,0)+1,1)*INDEX($D$3:$AA$30,INDEX(Jesper!$R$2:$R$366,ROW(INDEX(Jesper!AL$2:AL$366,ROUNDDOWN($C3584/24,0)+1,1))-1)+IF('Standard Profiles'!$G$22=$B$10,7,0)+IF('Standard Profiles'!$G$22=$B$17,14,0)+IF('Standard Profiles'!$G$22=$B$24,21,0),MOD($C3584,24)+1)/SUM(INDEX($D$3:$AA$30,INDEX(Jesper!$R$2:$R$366,ROW(INDEX(Jesper!AL$2:AL$366,ROUNDDOWN($C3584/24,0)+1,1))-1)+IF('Standard Profiles'!$G$22=$B$10,7,0)+IF('Standard Profiles'!$G$22=$B$17,14,0)+IF('Standard Profiles'!$G$22=$B$24,21,0),0)),0)</f>
        <v>0</v>
      </c>
      <c r="I3584">
        <f t="shared" si="405"/>
        <v>0.23983302555733718</v>
      </c>
      <c r="J3584">
        <f t="shared" si="406"/>
        <v>0.79944341852445733</v>
      </c>
      <c r="K3584">
        <f t="shared" si="407"/>
        <v>1.1991651277866859</v>
      </c>
      <c r="L3584">
        <f t="shared" si="408"/>
        <v>5.7559926133760921</v>
      </c>
      <c r="M3584">
        <f t="shared" si="409"/>
        <v>0</v>
      </c>
      <c r="N3584" s="46">
        <f t="shared" si="410"/>
        <v>45439.916666658057</v>
      </c>
    </row>
    <row r="3585" spans="2:14" x14ac:dyDescent="0.3">
      <c r="B3585">
        <f t="shared" si="404"/>
        <v>1</v>
      </c>
      <c r="C3585" s="16">
        <v>3551</v>
      </c>
      <c r="D3585" cm="1">
        <f t="array" ref="D3585">IFERROR(INDEX(Jesper!AH$2:AH$366,ROUNDDOWN($C3585/24,0)+1,1)*INDEX($D$3:$AA$30,INDEX(Jesper!$R$2:$R$366,ROW(INDEX(Jesper!AH$2:AH$366,ROUNDDOWN($C3585/24,0)+1,1))-1)+IF('Standard Profiles'!$G$18=$B$10,7,0)+IF('Standard Profiles'!$G$18=$B$17,14,0)+IF('Standard Profiles'!$G$18=$B$24,21,0),MOD($C3585,24)+1)/SUM(INDEX($D$3:$AA$30,INDEX(Jesper!$R$2:$R$366,ROW(INDEX(Jesper!AH$2:AH$366,ROUNDDOWN($C3585/24,0)+1,1))-1)+IF('Standard Profiles'!$G$18=$B$10,7,0)+IF('Standard Profiles'!$G$18=$B$17,14,0)+IF('Standard Profiles'!$G$18=$B$24,21,0),0)),0)</f>
        <v>7.9944341852445726</v>
      </c>
      <c r="E3585" cm="1">
        <f t="array" ref="E3585">IFERROR(INDEX(Jesper!AI$2:AI$366,ROUNDDOWN($C3585/24,0)+1,1)*INDEX($D$3:$AA$30,INDEX(Jesper!$R$2:$R$366,ROW(INDEX(Jesper!AI$2:AI$366,ROUNDDOWN($C3585/24,0)+1,1))-1)+IF('Standard Profiles'!$G$19=$B$10,7,0)+IF('Standard Profiles'!$G$19=$B$17,14,0)+IF('Standard Profiles'!$G$19=$B$24,21,0),MOD($C3585,24)+1)/SUM(INDEX($D$3:$AA$30,INDEX(Jesper!$R$2:$R$366,ROW(INDEX(Jesper!AI$2:AI$366,ROUNDDOWN($C3585/24,0)+1,1))-1)+IF('Standard Profiles'!$G$19=$B$10,7,0)+IF('Standard Profiles'!$G$19=$B$17,14,0)+IF('Standard Profiles'!$G$19=$B$24,21,0),0)),0)</f>
        <v>0</v>
      </c>
      <c r="F3585" cm="1">
        <f t="array" ref="F3585">IFERROR(INDEX(Jesper!AJ$2:AJ$366,ROUNDDOWN($C3585/24,0)+1,1)*INDEX($D$3:$AA$30,INDEX(Jesper!$R$2:$R$366,ROW(INDEX(Jesper!AJ$2:AJ$366,ROUNDDOWN($C3585/24,0)+1,1))-1)+IF('Standard Profiles'!$G$20=$B$10,7,0)+IF('Standard Profiles'!$G$20=$B$17,14,0)+IF('Standard Profiles'!$G$20=$B$24,21,0),MOD($C3585,24)+1)/SUM(INDEX($D$3:$AA$30,INDEX(Jesper!$R$2:$R$366,ROW(INDEX(Jesper!AJ$2:AJ$366,ROUNDDOWN($C3585/24,0)+1,1))-1)+IF('Standard Profiles'!$G$20=$B$10,7,0)+IF('Standard Profiles'!$G$20=$B$17,14,0)+IF('Standard Profiles'!$G$20=$B$24,21,0),0)),0)</f>
        <v>0</v>
      </c>
      <c r="G3585" cm="1">
        <f t="array" ref="G3585">IFERROR(INDEX(Jesper!AK$2:AK$366,ROUNDDOWN($C3585/24,0)+1,1)*INDEX($D$3:$AA$30,INDEX(Jesper!$R$2:$R$366,ROW(INDEX(Jesper!AK$2:AK$366,ROUNDDOWN($C3585/24,0)+1,1))-1)+IF('Standard Profiles'!$G$21=$B$10,7,0)+IF('Standard Profiles'!$G$21=$B$17,14,0)+IF('Standard Profiles'!$G$21=$B$24,21,0),MOD($C3585,24)+1)/SUM(INDEX($D$3:$AA$30,INDEX(Jesper!$R$2:$R$366,ROW(INDEX(Jesper!AK$2:AK$366,ROUNDDOWN($C3585/24,0)+1,1))-1)+IF('Standard Profiles'!$G$21=$B$10,7,0)+IF('Standard Profiles'!$G$21=$B$17,14,0)+IF('Standard Profiles'!$G$21=$B$24,21,0),0)),0)</f>
        <v>0</v>
      </c>
      <c r="H3585" cm="1">
        <f t="array" ref="H3585">IFERROR(INDEX(Jesper!AL$2:AL$366,ROUNDDOWN($C3585/24,0)+1,1)*INDEX($D$3:$AA$30,INDEX(Jesper!$R$2:$R$366,ROW(INDEX(Jesper!AL$2:AL$366,ROUNDDOWN($C3585/24,0)+1,1))-1)+IF('Standard Profiles'!$G$22=$B$10,7,0)+IF('Standard Profiles'!$G$22=$B$17,14,0)+IF('Standard Profiles'!$G$22=$B$24,21,0),MOD($C3585,24)+1)/SUM(INDEX($D$3:$AA$30,INDEX(Jesper!$R$2:$R$366,ROW(INDEX(Jesper!AL$2:AL$366,ROUNDDOWN($C3585/24,0)+1,1))-1)+IF('Standard Profiles'!$G$22=$B$10,7,0)+IF('Standard Profiles'!$G$22=$B$17,14,0)+IF('Standard Profiles'!$G$22=$B$24,21,0),0)),0)</f>
        <v>0</v>
      </c>
      <c r="I3585">
        <f t="shared" si="405"/>
        <v>0.23983302555733718</v>
      </c>
      <c r="J3585">
        <f t="shared" si="406"/>
        <v>0.79944341852445733</v>
      </c>
      <c r="K3585">
        <f t="shared" si="407"/>
        <v>1.1991651277866859</v>
      </c>
      <c r="L3585">
        <f t="shared" si="408"/>
        <v>5.7559926133760921</v>
      </c>
      <c r="M3585">
        <f t="shared" si="409"/>
        <v>0</v>
      </c>
      <c r="N3585" s="46">
        <f t="shared" si="410"/>
        <v>45439.958333324721</v>
      </c>
    </row>
    <row r="3586" spans="2:14" x14ac:dyDescent="0.3">
      <c r="B3586">
        <f t="shared" si="404"/>
        <v>2</v>
      </c>
      <c r="C3586" s="16">
        <v>3552</v>
      </c>
      <c r="D3586" cm="1">
        <f t="array" ref="D3586">IFERROR(INDEX(Jesper!AH$2:AH$366,ROUNDDOWN($C3586/24,0)+1,1)*INDEX($D$3:$AA$30,INDEX(Jesper!$R$2:$R$366,ROW(INDEX(Jesper!AH$2:AH$366,ROUNDDOWN($C3586/24,0)+1,1))-1)+IF('Standard Profiles'!$G$18=$B$10,7,0)+IF('Standard Profiles'!$G$18=$B$17,14,0)+IF('Standard Profiles'!$G$18=$B$24,21,0),MOD($C3586,24)+1)/SUM(INDEX($D$3:$AA$30,INDEX(Jesper!$R$2:$R$366,ROW(INDEX(Jesper!AH$2:AH$366,ROUNDDOWN($C3586/24,0)+1,1))-1)+IF('Standard Profiles'!$G$18=$B$10,7,0)+IF('Standard Profiles'!$G$18=$B$17,14,0)+IF('Standard Profiles'!$G$18=$B$24,21,0),0)),0)</f>
        <v>7.3212482593701873</v>
      </c>
      <c r="E3586" cm="1">
        <f t="array" ref="E3586">IFERROR(INDEX(Jesper!AI$2:AI$366,ROUNDDOWN($C3586/24,0)+1,1)*INDEX($D$3:$AA$30,INDEX(Jesper!$R$2:$R$366,ROW(INDEX(Jesper!AI$2:AI$366,ROUNDDOWN($C3586/24,0)+1,1))-1)+IF('Standard Profiles'!$G$19=$B$10,7,0)+IF('Standard Profiles'!$G$19=$B$17,14,0)+IF('Standard Profiles'!$G$19=$B$24,21,0),MOD($C3586,24)+1)/SUM(INDEX($D$3:$AA$30,INDEX(Jesper!$R$2:$R$366,ROW(INDEX(Jesper!AI$2:AI$366,ROUNDDOWN($C3586/24,0)+1,1))-1)+IF('Standard Profiles'!$G$19=$B$10,7,0)+IF('Standard Profiles'!$G$19=$B$17,14,0)+IF('Standard Profiles'!$G$19=$B$24,21,0),0)),0)</f>
        <v>0</v>
      </c>
      <c r="F3586" cm="1">
        <f t="array" ref="F3586">IFERROR(INDEX(Jesper!AJ$2:AJ$366,ROUNDDOWN($C3586/24,0)+1,1)*INDEX($D$3:$AA$30,INDEX(Jesper!$R$2:$R$366,ROW(INDEX(Jesper!AJ$2:AJ$366,ROUNDDOWN($C3586/24,0)+1,1))-1)+IF('Standard Profiles'!$G$20=$B$10,7,0)+IF('Standard Profiles'!$G$20=$B$17,14,0)+IF('Standard Profiles'!$G$20=$B$24,21,0),MOD($C3586,24)+1)/SUM(INDEX($D$3:$AA$30,INDEX(Jesper!$R$2:$R$366,ROW(INDEX(Jesper!AJ$2:AJ$366,ROUNDDOWN($C3586/24,0)+1,1))-1)+IF('Standard Profiles'!$G$20=$B$10,7,0)+IF('Standard Profiles'!$G$20=$B$17,14,0)+IF('Standard Profiles'!$G$20=$B$24,21,0),0)),0)</f>
        <v>0</v>
      </c>
      <c r="G3586" cm="1">
        <f t="array" ref="G3586">IFERROR(INDEX(Jesper!AK$2:AK$366,ROUNDDOWN($C3586/24,0)+1,1)*INDEX($D$3:$AA$30,INDEX(Jesper!$R$2:$R$366,ROW(INDEX(Jesper!AK$2:AK$366,ROUNDDOWN($C3586/24,0)+1,1))-1)+IF('Standard Profiles'!$G$21=$B$10,7,0)+IF('Standard Profiles'!$G$21=$B$17,14,0)+IF('Standard Profiles'!$G$21=$B$24,21,0),MOD($C3586,24)+1)/SUM(INDEX($D$3:$AA$30,INDEX(Jesper!$R$2:$R$366,ROW(INDEX(Jesper!AK$2:AK$366,ROUNDDOWN($C3586/24,0)+1,1))-1)+IF('Standard Profiles'!$G$21=$B$10,7,0)+IF('Standard Profiles'!$G$21=$B$17,14,0)+IF('Standard Profiles'!$G$21=$B$24,21,0),0)),0)</f>
        <v>0</v>
      </c>
      <c r="H3586" cm="1">
        <f t="array" ref="H3586">IFERROR(INDEX(Jesper!AL$2:AL$366,ROUNDDOWN($C3586/24,0)+1,1)*INDEX($D$3:$AA$30,INDEX(Jesper!$R$2:$R$366,ROW(INDEX(Jesper!AL$2:AL$366,ROUNDDOWN($C3586/24,0)+1,1))-1)+IF('Standard Profiles'!$G$22=$B$10,7,0)+IF('Standard Profiles'!$G$22=$B$17,14,0)+IF('Standard Profiles'!$G$22=$B$24,21,0),MOD($C3586,24)+1)/SUM(INDEX($D$3:$AA$30,INDEX(Jesper!$R$2:$R$366,ROW(INDEX(Jesper!AL$2:AL$366,ROUNDDOWN($C3586/24,0)+1,1))-1)+IF('Standard Profiles'!$G$22=$B$10,7,0)+IF('Standard Profiles'!$G$22=$B$17,14,0)+IF('Standard Profiles'!$G$22=$B$24,21,0),0)),0)</f>
        <v>0</v>
      </c>
      <c r="I3586">
        <f t="shared" si="405"/>
        <v>0.21963744778110561</v>
      </c>
      <c r="J3586">
        <f t="shared" si="406"/>
        <v>0.73212482593701877</v>
      </c>
      <c r="K3586">
        <f t="shared" si="407"/>
        <v>1.0981872389055281</v>
      </c>
      <c r="L3586">
        <f t="shared" si="408"/>
        <v>5.2712987467465346</v>
      </c>
      <c r="M3586">
        <f t="shared" si="409"/>
        <v>0</v>
      </c>
      <c r="N3586" s="46">
        <f t="shared" si="410"/>
        <v>45439.999999991385</v>
      </c>
    </row>
    <row r="3587" spans="2:14" x14ac:dyDescent="0.3">
      <c r="B3587">
        <f t="shared" si="404"/>
        <v>2</v>
      </c>
      <c r="C3587" s="16">
        <v>3553</v>
      </c>
      <c r="D3587" cm="1">
        <f t="array" ref="D3587">IFERROR(INDEX(Jesper!AH$2:AH$366,ROUNDDOWN($C3587/24,0)+1,1)*INDEX($D$3:$AA$30,INDEX(Jesper!$R$2:$R$366,ROW(INDEX(Jesper!AH$2:AH$366,ROUNDDOWN($C3587/24,0)+1,1))-1)+IF('Standard Profiles'!$G$18=$B$10,7,0)+IF('Standard Profiles'!$G$18=$B$17,14,0)+IF('Standard Profiles'!$G$18=$B$24,21,0),MOD($C3587,24)+1)/SUM(INDEX($D$3:$AA$30,INDEX(Jesper!$R$2:$R$366,ROW(INDEX(Jesper!AH$2:AH$366,ROUNDDOWN($C3587/24,0)+1,1))-1)+IF('Standard Profiles'!$G$18=$B$10,7,0)+IF('Standard Profiles'!$G$18=$B$17,14,0)+IF('Standard Profiles'!$G$18=$B$24,21,0),0)),0)</f>
        <v>7.3212482593701873</v>
      </c>
      <c r="E3587" cm="1">
        <f t="array" ref="E3587">IFERROR(INDEX(Jesper!AI$2:AI$366,ROUNDDOWN($C3587/24,0)+1,1)*INDEX($D$3:$AA$30,INDEX(Jesper!$R$2:$R$366,ROW(INDEX(Jesper!AI$2:AI$366,ROUNDDOWN($C3587/24,0)+1,1))-1)+IF('Standard Profiles'!$G$19=$B$10,7,0)+IF('Standard Profiles'!$G$19=$B$17,14,0)+IF('Standard Profiles'!$G$19=$B$24,21,0),MOD($C3587,24)+1)/SUM(INDEX($D$3:$AA$30,INDEX(Jesper!$R$2:$R$366,ROW(INDEX(Jesper!AI$2:AI$366,ROUNDDOWN($C3587/24,0)+1,1))-1)+IF('Standard Profiles'!$G$19=$B$10,7,0)+IF('Standard Profiles'!$G$19=$B$17,14,0)+IF('Standard Profiles'!$G$19=$B$24,21,0),0)),0)</f>
        <v>0</v>
      </c>
      <c r="F3587" cm="1">
        <f t="array" ref="F3587">IFERROR(INDEX(Jesper!AJ$2:AJ$366,ROUNDDOWN($C3587/24,0)+1,1)*INDEX($D$3:$AA$30,INDEX(Jesper!$R$2:$R$366,ROW(INDEX(Jesper!AJ$2:AJ$366,ROUNDDOWN($C3587/24,0)+1,1))-1)+IF('Standard Profiles'!$G$20=$B$10,7,0)+IF('Standard Profiles'!$G$20=$B$17,14,0)+IF('Standard Profiles'!$G$20=$B$24,21,0),MOD($C3587,24)+1)/SUM(INDEX($D$3:$AA$30,INDEX(Jesper!$R$2:$R$366,ROW(INDEX(Jesper!AJ$2:AJ$366,ROUNDDOWN($C3587/24,0)+1,1))-1)+IF('Standard Profiles'!$G$20=$B$10,7,0)+IF('Standard Profiles'!$G$20=$B$17,14,0)+IF('Standard Profiles'!$G$20=$B$24,21,0),0)),0)</f>
        <v>0</v>
      </c>
      <c r="G3587" cm="1">
        <f t="array" ref="G3587">IFERROR(INDEX(Jesper!AK$2:AK$366,ROUNDDOWN($C3587/24,0)+1,1)*INDEX($D$3:$AA$30,INDEX(Jesper!$R$2:$R$366,ROW(INDEX(Jesper!AK$2:AK$366,ROUNDDOWN($C3587/24,0)+1,1))-1)+IF('Standard Profiles'!$G$21=$B$10,7,0)+IF('Standard Profiles'!$G$21=$B$17,14,0)+IF('Standard Profiles'!$G$21=$B$24,21,0),MOD($C3587,24)+1)/SUM(INDEX($D$3:$AA$30,INDEX(Jesper!$R$2:$R$366,ROW(INDEX(Jesper!AK$2:AK$366,ROUNDDOWN($C3587/24,0)+1,1))-1)+IF('Standard Profiles'!$G$21=$B$10,7,0)+IF('Standard Profiles'!$G$21=$B$17,14,0)+IF('Standard Profiles'!$G$21=$B$24,21,0),0)),0)</f>
        <v>0</v>
      </c>
      <c r="H3587" cm="1">
        <f t="array" ref="H3587">IFERROR(INDEX(Jesper!AL$2:AL$366,ROUNDDOWN($C3587/24,0)+1,1)*INDEX($D$3:$AA$30,INDEX(Jesper!$R$2:$R$366,ROW(INDEX(Jesper!AL$2:AL$366,ROUNDDOWN($C3587/24,0)+1,1))-1)+IF('Standard Profiles'!$G$22=$B$10,7,0)+IF('Standard Profiles'!$G$22=$B$17,14,0)+IF('Standard Profiles'!$G$22=$B$24,21,0),MOD($C3587,24)+1)/SUM(INDEX($D$3:$AA$30,INDEX(Jesper!$R$2:$R$366,ROW(INDEX(Jesper!AL$2:AL$366,ROUNDDOWN($C3587/24,0)+1,1))-1)+IF('Standard Profiles'!$G$22=$B$10,7,0)+IF('Standard Profiles'!$G$22=$B$17,14,0)+IF('Standard Profiles'!$G$22=$B$24,21,0),0)),0)</f>
        <v>0</v>
      </c>
      <c r="I3587">
        <f t="shared" si="405"/>
        <v>0.21963744778110561</v>
      </c>
      <c r="J3587">
        <f t="shared" si="406"/>
        <v>0.73212482593701877</v>
      </c>
      <c r="K3587">
        <f t="shared" si="407"/>
        <v>1.0981872389055281</v>
      </c>
      <c r="L3587">
        <f t="shared" si="408"/>
        <v>5.2712987467465346</v>
      </c>
      <c r="M3587">
        <f t="shared" si="409"/>
        <v>0</v>
      </c>
      <c r="N3587" s="46">
        <f t="shared" si="410"/>
        <v>45440.04166665805</v>
      </c>
    </row>
    <row r="3588" spans="2:14" x14ac:dyDescent="0.3">
      <c r="B3588">
        <f t="shared" si="404"/>
        <v>2</v>
      </c>
      <c r="C3588" s="16">
        <v>3554</v>
      </c>
      <c r="D3588" cm="1">
        <f t="array" ref="D3588">IFERROR(INDEX(Jesper!AH$2:AH$366,ROUNDDOWN($C3588/24,0)+1,1)*INDEX($D$3:$AA$30,INDEX(Jesper!$R$2:$R$366,ROW(INDEX(Jesper!AH$2:AH$366,ROUNDDOWN($C3588/24,0)+1,1))-1)+IF('Standard Profiles'!$G$18=$B$10,7,0)+IF('Standard Profiles'!$G$18=$B$17,14,0)+IF('Standard Profiles'!$G$18=$B$24,21,0),MOD($C3588,24)+1)/SUM(INDEX($D$3:$AA$30,INDEX(Jesper!$R$2:$R$366,ROW(INDEX(Jesper!AH$2:AH$366,ROUNDDOWN($C3588/24,0)+1,1))-1)+IF('Standard Profiles'!$G$18=$B$10,7,0)+IF('Standard Profiles'!$G$18=$B$17,14,0)+IF('Standard Profiles'!$G$18=$B$24,21,0),0)),0)</f>
        <v>7.3212482593701873</v>
      </c>
      <c r="E3588" cm="1">
        <f t="array" ref="E3588">IFERROR(INDEX(Jesper!AI$2:AI$366,ROUNDDOWN($C3588/24,0)+1,1)*INDEX($D$3:$AA$30,INDEX(Jesper!$R$2:$R$366,ROW(INDEX(Jesper!AI$2:AI$366,ROUNDDOWN($C3588/24,0)+1,1))-1)+IF('Standard Profiles'!$G$19=$B$10,7,0)+IF('Standard Profiles'!$G$19=$B$17,14,0)+IF('Standard Profiles'!$G$19=$B$24,21,0),MOD($C3588,24)+1)/SUM(INDEX($D$3:$AA$30,INDEX(Jesper!$R$2:$R$366,ROW(INDEX(Jesper!AI$2:AI$366,ROUNDDOWN($C3588/24,0)+1,1))-1)+IF('Standard Profiles'!$G$19=$B$10,7,0)+IF('Standard Profiles'!$G$19=$B$17,14,0)+IF('Standard Profiles'!$G$19=$B$24,21,0),0)),0)</f>
        <v>0</v>
      </c>
      <c r="F3588" cm="1">
        <f t="array" ref="F3588">IFERROR(INDEX(Jesper!AJ$2:AJ$366,ROUNDDOWN($C3588/24,0)+1,1)*INDEX($D$3:$AA$30,INDEX(Jesper!$R$2:$R$366,ROW(INDEX(Jesper!AJ$2:AJ$366,ROUNDDOWN($C3588/24,0)+1,1))-1)+IF('Standard Profiles'!$G$20=$B$10,7,0)+IF('Standard Profiles'!$G$20=$B$17,14,0)+IF('Standard Profiles'!$G$20=$B$24,21,0),MOD($C3588,24)+1)/SUM(INDEX($D$3:$AA$30,INDEX(Jesper!$R$2:$R$366,ROW(INDEX(Jesper!AJ$2:AJ$366,ROUNDDOWN($C3588/24,0)+1,1))-1)+IF('Standard Profiles'!$G$20=$B$10,7,0)+IF('Standard Profiles'!$G$20=$B$17,14,0)+IF('Standard Profiles'!$G$20=$B$24,21,0),0)),0)</f>
        <v>0</v>
      </c>
      <c r="G3588" cm="1">
        <f t="array" ref="G3588">IFERROR(INDEX(Jesper!AK$2:AK$366,ROUNDDOWN($C3588/24,0)+1,1)*INDEX($D$3:$AA$30,INDEX(Jesper!$R$2:$R$366,ROW(INDEX(Jesper!AK$2:AK$366,ROUNDDOWN($C3588/24,0)+1,1))-1)+IF('Standard Profiles'!$G$21=$B$10,7,0)+IF('Standard Profiles'!$G$21=$B$17,14,0)+IF('Standard Profiles'!$G$21=$B$24,21,0),MOD($C3588,24)+1)/SUM(INDEX($D$3:$AA$30,INDEX(Jesper!$R$2:$R$366,ROW(INDEX(Jesper!AK$2:AK$366,ROUNDDOWN($C3588/24,0)+1,1))-1)+IF('Standard Profiles'!$G$21=$B$10,7,0)+IF('Standard Profiles'!$G$21=$B$17,14,0)+IF('Standard Profiles'!$G$21=$B$24,21,0),0)),0)</f>
        <v>0</v>
      </c>
      <c r="H3588" cm="1">
        <f t="array" ref="H3588">IFERROR(INDEX(Jesper!AL$2:AL$366,ROUNDDOWN($C3588/24,0)+1,1)*INDEX($D$3:$AA$30,INDEX(Jesper!$R$2:$R$366,ROW(INDEX(Jesper!AL$2:AL$366,ROUNDDOWN($C3588/24,0)+1,1))-1)+IF('Standard Profiles'!$G$22=$B$10,7,0)+IF('Standard Profiles'!$G$22=$B$17,14,0)+IF('Standard Profiles'!$G$22=$B$24,21,0),MOD($C3588,24)+1)/SUM(INDEX($D$3:$AA$30,INDEX(Jesper!$R$2:$R$366,ROW(INDEX(Jesper!AL$2:AL$366,ROUNDDOWN($C3588/24,0)+1,1))-1)+IF('Standard Profiles'!$G$22=$B$10,7,0)+IF('Standard Profiles'!$G$22=$B$17,14,0)+IF('Standard Profiles'!$G$22=$B$24,21,0),0)),0)</f>
        <v>0</v>
      </c>
      <c r="I3588">
        <f t="shared" si="405"/>
        <v>0.21963744778110561</v>
      </c>
      <c r="J3588">
        <f t="shared" si="406"/>
        <v>0.73212482593701877</v>
      </c>
      <c r="K3588">
        <f t="shared" si="407"/>
        <v>1.0981872389055281</v>
      </c>
      <c r="L3588">
        <f t="shared" si="408"/>
        <v>5.2712987467465346</v>
      </c>
      <c r="M3588">
        <f t="shared" si="409"/>
        <v>0</v>
      </c>
      <c r="N3588" s="46">
        <f t="shared" si="410"/>
        <v>45440.083333324714</v>
      </c>
    </row>
    <row r="3589" spans="2:14" x14ac:dyDescent="0.3">
      <c r="B3589">
        <f t="shared" si="404"/>
        <v>2</v>
      </c>
      <c r="C3589" s="16">
        <v>3555</v>
      </c>
      <c r="D3589" cm="1">
        <f t="array" ref="D3589">IFERROR(INDEX(Jesper!AH$2:AH$366,ROUNDDOWN($C3589/24,0)+1,1)*INDEX($D$3:$AA$30,INDEX(Jesper!$R$2:$R$366,ROW(INDEX(Jesper!AH$2:AH$366,ROUNDDOWN($C3589/24,0)+1,1))-1)+IF('Standard Profiles'!$G$18=$B$10,7,0)+IF('Standard Profiles'!$G$18=$B$17,14,0)+IF('Standard Profiles'!$G$18=$B$24,21,0),MOD($C3589,24)+1)/SUM(INDEX($D$3:$AA$30,INDEX(Jesper!$R$2:$R$366,ROW(INDEX(Jesper!AH$2:AH$366,ROUNDDOWN($C3589/24,0)+1,1))-1)+IF('Standard Profiles'!$G$18=$B$10,7,0)+IF('Standard Profiles'!$G$18=$B$17,14,0)+IF('Standard Profiles'!$G$18=$B$24,21,0),0)),0)</f>
        <v>7.3212482593701873</v>
      </c>
      <c r="E3589" cm="1">
        <f t="array" ref="E3589">IFERROR(INDEX(Jesper!AI$2:AI$366,ROUNDDOWN($C3589/24,0)+1,1)*INDEX($D$3:$AA$30,INDEX(Jesper!$R$2:$R$366,ROW(INDEX(Jesper!AI$2:AI$366,ROUNDDOWN($C3589/24,0)+1,1))-1)+IF('Standard Profiles'!$G$19=$B$10,7,0)+IF('Standard Profiles'!$G$19=$B$17,14,0)+IF('Standard Profiles'!$G$19=$B$24,21,0),MOD($C3589,24)+1)/SUM(INDEX($D$3:$AA$30,INDEX(Jesper!$R$2:$R$366,ROW(INDEX(Jesper!AI$2:AI$366,ROUNDDOWN($C3589/24,0)+1,1))-1)+IF('Standard Profiles'!$G$19=$B$10,7,0)+IF('Standard Profiles'!$G$19=$B$17,14,0)+IF('Standard Profiles'!$G$19=$B$24,21,0),0)),0)</f>
        <v>0</v>
      </c>
      <c r="F3589" cm="1">
        <f t="array" ref="F3589">IFERROR(INDEX(Jesper!AJ$2:AJ$366,ROUNDDOWN($C3589/24,0)+1,1)*INDEX($D$3:$AA$30,INDEX(Jesper!$R$2:$R$366,ROW(INDEX(Jesper!AJ$2:AJ$366,ROUNDDOWN($C3589/24,0)+1,1))-1)+IF('Standard Profiles'!$G$20=$B$10,7,0)+IF('Standard Profiles'!$G$20=$B$17,14,0)+IF('Standard Profiles'!$G$20=$B$24,21,0),MOD($C3589,24)+1)/SUM(INDEX($D$3:$AA$30,INDEX(Jesper!$R$2:$R$366,ROW(INDEX(Jesper!AJ$2:AJ$366,ROUNDDOWN($C3589/24,0)+1,1))-1)+IF('Standard Profiles'!$G$20=$B$10,7,0)+IF('Standard Profiles'!$G$20=$B$17,14,0)+IF('Standard Profiles'!$G$20=$B$24,21,0),0)),0)</f>
        <v>0</v>
      </c>
      <c r="G3589" cm="1">
        <f t="array" ref="G3589">IFERROR(INDEX(Jesper!AK$2:AK$366,ROUNDDOWN($C3589/24,0)+1,1)*INDEX($D$3:$AA$30,INDEX(Jesper!$R$2:$R$366,ROW(INDEX(Jesper!AK$2:AK$366,ROUNDDOWN($C3589/24,0)+1,1))-1)+IF('Standard Profiles'!$G$21=$B$10,7,0)+IF('Standard Profiles'!$G$21=$B$17,14,0)+IF('Standard Profiles'!$G$21=$B$24,21,0),MOD($C3589,24)+1)/SUM(INDEX($D$3:$AA$30,INDEX(Jesper!$R$2:$R$366,ROW(INDEX(Jesper!AK$2:AK$366,ROUNDDOWN($C3589/24,0)+1,1))-1)+IF('Standard Profiles'!$G$21=$B$10,7,0)+IF('Standard Profiles'!$G$21=$B$17,14,0)+IF('Standard Profiles'!$G$21=$B$24,21,0),0)),0)</f>
        <v>0</v>
      </c>
      <c r="H3589" cm="1">
        <f t="array" ref="H3589">IFERROR(INDEX(Jesper!AL$2:AL$366,ROUNDDOWN($C3589/24,0)+1,1)*INDEX($D$3:$AA$30,INDEX(Jesper!$R$2:$R$366,ROW(INDEX(Jesper!AL$2:AL$366,ROUNDDOWN($C3589/24,0)+1,1))-1)+IF('Standard Profiles'!$G$22=$B$10,7,0)+IF('Standard Profiles'!$G$22=$B$17,14,0)+IF('Standard Profiles'!$G$22=$B$24,21,0),MOD($C3589,24)+1)/SUM(INDEX($D$3:$AA$30,INDEX(Jesper!$R$2:$R$366,ROW(INDEX(Jesper!AL$2:AL$366,ROUNDDOWN($C3589/24,0)+1,1))-1)+IF('Standard Profiles'!$G$22=$B$10,7,0)+IF('Standard Profiles'!$G$22=$B$17,14,0)+IF('Standard Profiles'!$G$22=$B$24,21,0),0)),0)</f>
        <v>0</v>
      </c>
      <c r="I3589">
        <f t="shared" si="405"/>
        <v>0.21963744778110561</v>
      </c>
      <c r="J3589">
        <f t="shared" si="406"/>
        <v>0.73212482593701877</v>
      </c>
      <c r="K3589">
        <f t="shared" si="407"/>
        <v>1.0981872389055281</v>
      </c>
      <c r="L3589">
        <f t="shared" si="408"/>
        <v>5.2712987467465346</v>
      </c>
      <c r="M3589">
        <f t="shared" si="409"/>
        <v>0</v>
      </c>
      <c r="N3589" s="46">
        <f t="shared" si="410"/>
        <v>45440.124999991378</v>
      </c>
    </row>
    <row r="3590" spans="2:14" x14ac:dyDescent="0.3">
      <c r="B3590">
        <f t="shared" si="404"/>
        <v>2</v>
      </c>
      <c r="C3590" s="16">
        <v>3556</v>
      </c>
      <c r="D3590" cm="1">
        <f t="array" ref="D3590">IFERROR(INDEX(Jesper!AH$2:AH$366,ROUNDDOWN($C3590/24,0)+1,1)*INDEX($D$3:$AA$30,INDEX(Jesper!$R$2:$R$366,ROW(INDEX(Jesper!AH$2:AH$366,ROUNDDOWN($C3590/24,0)+1,1))-1)+IF('Standard Profiles'!$G$18=$B$10,7,0)+IF('Standard Profiles'!$G$18=$B$17,14,0)+IF('Standard Profiles'!$G$18=$B$24,21,0),MOD($C3590,24)+1)/SUM(INDEX($D$3:$AA$30,INDEX(Jesper!$R$2:$R$366,ROW(INDEX(Jesper!AH$2:AH$366,ROUNDDOWN($C3590/24,0)+1,1))-1)+IF('Standard Profiles'!$G$18=$B$10,7,0)+IF('Standard Profiles'!$G$18=$B$17,14,0)+IF('Standard Profiles'!$G$18=$B$24,21,0),0)),0)</f>
        <v>7.3212482593701873</v>
      </c>
      <c r="E3590" cm="1">
        <f t="array" ref="E3590">IFERROR(INDEX(Jesper!AI$2:AI$366,ROUNDDOWN($C3590/24,0)+1,1)*INDEX($D$3:$AA$30,INDEX(Jesper!$R$2:$R$366,ROW(INDEX(Jesper!AI$2:AI$366,ROUNDDOWN($C3590/24,0)+1,1))-1)+IF('Standard Profiles'!$G$19=$B$10,7,0)+IF('Standard Profiles'!$G$19=$B$17,14,0)+IF('Standard Profiles'!$G$19=$B$24,21,0),MOD($C3590,24)+1)/SUM(INDEX($D$3:$AA$30,INDEX(Jesper!$R$2:$R$366,ROW(INDEX(Jesper!AI$2:AI$366,ROUNDDOWN($C3590/24,0)+1,1))-1)+IF('Standard Profiles'!$G$19=$B$10,7,0)+IF('Standard Profiles'!$G$19=$B$17,14,0)+IF('Standard Profiles'!$G$19=$B$24,21,0),0)),0)</f>
        <v>0</v>
      </c>
      <c r="F3590" cm="1">
        <f t="array" ref="F3590">IFERROR(INDEX(Jesper!AJ$2:AJ$366,ROUNDDOWN($C3590/24,0)+1,1)*INDEX($D$3:$AA$30,INDEX(Jesper!$R$2:$R$366,ROW(INDEX(Jesper!AJ$2:AJ$366,ROUNDDOWN($C3590/24,0)+1,1))-1)+IF('Standard Profiles'!$G$20=$B$10,7,0)+IF('Standard Profiles'!$G$20=$B$17,14,0)+IF('Standard Profiles'!$G$20=$B$24,21,0),MOD($C3590,24)+1)/SUM(INDEX($D$3:$AA$30,INDEX(Jesper!$R$2:$R$366,ROW(INDEX(Jesper!AJ$2:AJ$366,ROUNDDOWN($C3590/24,0)+1,1))-1)+IF('Standard Profiles'!$G$20=$B$10,7,0)+IF('Standard Profiles'!$G$20=$B$17,14,0)+IF('Standard Profiles'!$G$20=$B$24,21,0),0)),0)</f>
        <v>0</v>
      </c>
      <c r="G3590" cm="1">
        <f t="array" ref="G3590">IFERROR(INDEX(Jesper!AK$2:AK$366,ROUNDDOWN($C3590/24,0)+1,1)*INDEX($D$3:$AA$30,INDEX(Jesper!$R$2:$R$366,ROW(INDEX(Jesper!AK$2:AK$366,ROUNDDOWN($C3590/24,0)+1,1))-1)+IF('Standard Profiles'!$G$21=$B$10,7,0)+IF('Standard Profiles'!$G$21=$B$17,14,0)+IF('Standard Profiles'!$G$21=$B$24,21,0),MOD($C3590,24)+1)/SUM(INDEX($D$3:$AA$30,INDEX(Jesper!$R$2:$R$366,ROW(INDEX(Jesper!AK$2:AK$366,ROUNDDOWN($C3590/24,0)+1,1))-1)+IF('Standard Profiles'!$G$21=$B$10,7,0)+IF('Standard Profiles'!$G$21=$B$17,14,0)+IF('Standard Profiles'!$G$21=$B$24,21,0),0)),0)</f>
        <v>0</v>
      </c>
      <c r="H3590" cm="1">
        <f t="array" ref="H3590">IFERROR(INDEX(Jesper!AL$2:AL$366,ROUNDDOWN($C3590/24,0)+1,1)*INDEX($D$3:$AA$30,INDEX(Jesper!$R$2:$R$366,ROW(INDEX(Jesper!AL$2:AL$366,ROUNDDOWN($C3590/24,0)+1,1))-1)+IF('Standard Profiles'!$G$22=$B$10,7,0)+IF('Standard Profiles'!$G$22=$B$17,14,0)+IF('Standard Profiles'!$G$22=$B$24,21,0),MOD($C3590,24)+1)/SUM(INDEX($D$3:$AA$30,INDEX(Jesper!$R$2:$R$366,ROW(INDEX(Jesper!AL$2:AL$366,ROUNDDOWN($C3590/24,0)+1,1))-1)+IF('Standard Profiles'!$G$22=$B$10,7,0)+IF('Standard Profiles'!$G$22=$B$17,14,0)+IF('Standard Profiles'!$G$22=$B$24,21,0),0)),0)</f>
        <v>0</v>
      </c>
      <c r="I3590">
        <f t="shared" si="405"/>
        <v>0.21963744778110561</v>
      </c>
      <c r="J3590">
        <f t="shared" si="406"/>
        <v>0.73212482593701877</v>
      </c>
      <c r="K3590">
        <f t="shared" si="407"/>
        <v>1.0981872389055281</v>
      </c>
      <c r="L3590">
        <f t="shared" si="408"/>
        <v>5.2712987467465346</v>
      </c>
      <c r="M3590">
        <f t="shared" si="409"/>
        <v>0</v>
      </c>
      <c r="N3590" s="46">
        <f t="shared" si="410"/>
        <v>45440.166666658042</v>
      </c>
    </row>
    <row r="3591" spans="2:14" x14ac:dyDescent="0.3">
      <c r="B3591">
        <f t="shared" si="404"/>
        <v>2</v>
      </c>
      <c r="C3591" s="16">
        <v>3557</v>
      </c>
      <c r="D3591" cm="1">
        <f t="array" ref="D3591">IFERROR(INDEX(Jesper!AH$2:AH$366,ROUNDDOWN($C3591/24,0)+1,1)*INDEX($D$3:$AA$30,INDEX(Jesper!$R$2:$R$366,ROW(INDEX(Jesper!AH$2:AH$366,ROUNDDOWN($C3591/24,0)+1,1))-1)+IF('Standard Profiles'!$G$18=$B$10,7,0)+IF('Standard Profiles'!$G$18=$B$17,14,0)+IF('Standard Profiles'!$G$18=$B$24,21,0),MOD($C3591,24)+1)/SUM(INDEX($D$3:$AA$30,INDEX(Jesper!$R$2:$R$366,ROW(INDEX(Jesper!AH$2:AH$366,ROUNDDOWN($C3591/24,0)+1,1))-1)+IF('Standard Profiles'!$G$18=$B$10,7,0)+IF('Standard Profiles'!$G$18=$B$17,14,0)+IF('Standard Profiles'!$G$18=$B$24,21,0),0)),0)</f>
        <v>9.5176227371812434</v>
      </c>
      <c r="E3591" cm="1">
        <f t="array" ref="E3591">IFERROR(INDEX(Jesper!AI$2:AI$366,ROUNDDOWN($C3591/24,0)+1,1)*INDEX($D$3:$AA$30,INDEX(Jesper!$R$2:$R$366,ROW(INDEX(Jesper!AI$2:AI$366,ROUNDDOWN($C3591/24,0)+1,1))-1)+IF('Standard Profiles'!$G$19=$B$10,7,0)+IF('Standard Profiles'!$G$19=$B$17,14,0)+IF('Standard Profiles'!$G$19=$B$24,21,0),MOD($C3591,24)+1)/SUM(INDEX($D$3:$AA$30,INDEX(Jesper!$R$2:$R$366,ROW(INDEX(Jesper!AI$2:AI$366,ROUNDDOWN($C3591/24,0)+1,1))-1)+IF('Standard Profiles'!$G$19=$B$10,7,0)+IF('Standard Profiles'!$G$19=$B$17,14,0)+IF('Standard Profiles'!$G$19=$B$24,21,0),0)),0)</f>
        <v>0</v>
      </c>
      <c r="F3591" cm="1">
        <f t="array" ref="F3591">IFERROR(INDEX(Jesper!AJ$2:AJ$366,ROUNDDOWN($C3591/24,0)+1,1)*INDEX($D$3:$AA$30,INDEX(Jesper!$R$2:$R$366,ROW(INDEX(Jesper!AJ$2:AJ$366,ROUNDDOWN($C3591/24,0)+1,1))-1)+IF('Standard Profiles'!$G$20=$B$10,7,0)+IF('Standard Profiles'!$G$20=$B$17,14,0)+IF('Standard Profiles'!$G$20=$B$24,21,0),MOD($C3591,24)+1)/SUM(INDEX($D$3:$AA$30,INDEX(Jesper!$R$2:$R$366,ROW(INDEX(Jesper!AJ$2:AJ$366,ROUNDDOWN($C3591/24,0)+1,1))-1)+IF('Standard Profiles'!$G$20=$B$10,7,0)+IF('Standard Profiles'!$G$20=$B$17,14,0)+IF('Standard Profiles'!$G$20=$B$24,21,0),0)),0)</f>
        <v>0</v>
      </c>
      <c r="G3591" cm="1">
        <f t="array" ref="G3591">IFERROR(INDEX(Jesper!AK$2:AK$366,ROUNDDOWN($C3591/24,0)+1,1)*INDEX($D$3:$AA$30,INDEX(Jesper!$R$2:$R$366,ROW(INDEX(Jesper!AK$2:AK$366,ROUNDDOWN($C3591/24,0)+1,1))-1)+IF('Standard Profiles'!$G$21=$B$10,7,0)+IF('Standard Profiles'!$G$21=$B$17,14,0)+IF('Standard Profiles'!$G$21=$B$24,21,0),MOD($C3591,24)+1)/SUM(INDEX($D$3:$AA$30,INDEX(Jesper!$R$2:$R$366,ROW(INDEX(Jesper!AK$2:AK$366,ROUNDDOWN($C3591/24,0)+1,1))-1)+IF('Standard Profiles'!$G$21=$B$10,7,0)+IF('Standard Profiles'!$G$21=$B$17,14,0)+IF('Standard Profiles'!$G$21=$B$24,21,0),0)),0)</f>
        <v>0</v>
      </c>
      <c r="H3591" cm="1">
        <f t="array" ref="H3591">IFERROR(INDEX(Jesper!AL$2:AL$366,ROUNDDOWN($C3591/24,0)+1,1)*INDEX($D$3:$AA$30,INDEX(Jesper!$R$2:$R$366,ROW(INDEX(Jesper!AL$2:AL$366,ROUNDDOWN($C3591/24,0)+1,1))-1)+IF('Standard Profiles'!$G$22=$B$10,7,0)+IF('Standard Profiles'!$G$22=$B$17,14,0)+IF('Standard Profiles'!$G$22=$B$24,21,0),MOD($C3591,24)+1)/SUM(INDEX($D$3:$AA$30,INDEX(Jesper!$R$2:$R$366,ROW(INDEX(Jesper!AL$2:AL$366,ROUNDDOWN($C3591/24,0)+1,1))-1)+IF('Standard Profiles'!$G$22=$B$10,7,0)+IF('Standard Profiles'!$G$22=$B$17,14,0)+IF('Standard Profiles'!$G$22=$B$24,21,0),0)),0)</f>
        <v>0</v>
      </c>
      <c r="I3591">
        <f t="shared" si="405"/>
        <v>0.2855286821154373</v>
      </c>
      <c r="J3591">
        <f t="shared" si="406"/>
        <v>0.95176227371812439</v>
      </c>
      <c r="K3591">
        <f t="shared" si="407"/>
        <v>1.4276434105771865</v>
      </c>
      <c r="L3591">
        <f t="shared" si="408"/>
        <v>6.8526883707704949</v>
      </c>
      <c r="M3591">
        <f t="shared" si="409"/>
        <v>0</v>
      </c>
      <c r="N3591" s="46">
        <f t="shared" si="410"/>
        <v>45440.208333324706</v>
      </c>
    </row>
    <row r="3592" spans="2:14" x14ac:dyDescent="0.3">
      <c r="B3592">
        <f t="shared" si="404"/>
        <v>2</v>
      </c>
      <c r="C3592" s="16">
        <v>3558</v>
      </c>
      <c r="D3592" cm="1">
        <f t="array" ref="D3592">IFERROR(INDEX(Jesper!AH$2:AH$366,ROUNDDOWN($C3592/24,0)+1,1)*INDEX($D$3:$AA$30,INDEX(Jesper!$R$2:$R$366,ROW(INDEX(Jesper!AH$2:AH$366,ROUNDDOWN($C3592/24,0)+1,1))-1)+IF('Standard Profiles'!$G$18=$B$10,7,0)+IF('Standard Profiles'!$G$18=$B$17,14,0)+IF('Standard Profiles'!$G$18=$B$24,21,0),MOD($C3592,24)+1)/SUM(INDEX($D$3:$AA$30,INDEX(Jesper!$R$2:$R$366,ROW(INDEX(Jesper!AH$2:AH$366,ROUNDDOWN($C3592/24,0)+1,1))-1)+IF('Standard Profiles'!$G$18=$B$10,7,0)+IF('Standard Profiles'!$G$18=$B$17,14,0)+IF('Standard Profiles'!$G$18=$B$24,21,0),0)),0)</f>
        <v>10.615809976086771</v>
      </c>
      <c r="E3592" cm="1">
        <f t="array" ref="E3592">IFERROR(INDEX(Jesper!AI$2:AI$366,ROUNDDOWN($C3592/24,0)+1,1)*INDEX($D$3:$AA$30,INDEX(Jesper!$R$2:$R$366,ROW(INDEX(Jesper!AI$2:AI$366,ROUNDDOWN($C3592/24,0)+1,1))-1)+IF('Standard Profiles'!$G$19=$B$10,7,0)+IF('Standard Profiles'!$G$19=$B$17,14,0)+IF('Standard Profiles'!$G$19=$B$24,21,0),MOD($C3592,24)+1)/SUM(INDEX($D$3:$AA$30,INDEX(Jesper!$R$2:$R$366,ROW(INDEX(Jesper!AI$2:AI$366,ROUNDDOWN($C3592/24,0)+1,1))-1)+IF('Standard Profiles'!$G$19=$B$10,7,0)+IF('Standard Profiles'!$G$19=$B$17,14,0)+IF('Standard Profiles'!$G$19=$B$24,21,0),0)),0)</f>
        <v>0</v>
      </c>
      <c r="F3592" cm="1">
        <f t="array" ref="F3592">IFERROR(INDEX(Jesper!AJ$2:AJ$366,ROUNDDOWN($C3592/24,0)+1,1)*INDEX($D$3:$AA$30,INDEX(Jesper!$R$2:$R$366,ROW(INDEX(Jesper!AJ$2:AJ$366,ROUNDDOWN($C3592/24,0)+1,1))-1)+IF('Standard Profiles'!$G$20=$B$10,7,0)+IF('Standard Profiles'!$G$20=$B$17,14,0)+IF('Standard Profiles'!$G$20=$B$24,21,0),MOD($C3592,24)+1)/SUM(INDEX($D$3:$AA$30,INDEX(Jesper!$R$2:$R$366,ROW(INDEX(Jesper!AJ$2:AJ$366,ROUNDDOWN($C3592/24,0)+1,1))-1)+IF('Standard Profiles'!$G$20=$B$10,7,0)+IF('Standard Profiles'!$G$20=$B$17,14,0)+IF('Standard Profiles'!$G$20=$B$24,21,0),0)),0)</f>
        <v>0</v>
      </c>
      <c r="G3592" cm="1">
        <f t="array" ref="G3592">IFERROR(INDEX(Jesper!AK$2:AK$366,ROUNDDOWN($C3592/24,0)+1,1)*INDEX($D$3:$AA$30,INDEX(Jesper!$R$2:$R$366,ROW(INDEX(Jesper!AK$2:AK$366,ROUNDDOWN($C3592/24,0)+1,1))-1)+IF('Standard Profiles'!$G$21=$B$10,7,0)+IF('Standard Profiles'!$G$21=$B$17,14,0)+IF('Standard Profiles'!$G$21=$B$24,21,0),MOD($C3592,24)+1)/SUM(INDEX($D$3:$AA$30,INDEX(Jesper!$R$2:$R$366,ROW(INDEX(Jesper!AK$2:AK$366,ROUNDDOWN($C3592/24,0)+1,1))-1)+IF('Standard Profiles'!$G$21=$B$10,7,0)+IF('Standard Profiles'!$G$21=$B$17,14,0)+IF('Standard Profiles'!$G$21=$B$24,21,0),0)),0)</f>
        <v>0</v>
      </c>
      <c r="H3592" cm="1">
        <f t="array" ref="H3592">IFERROR(INDEX(Jesper!AL$2:AL$366,ROUNDDOWN($C3592/24,0)+1,1)*INDEX($D$3:$AA$30,INDEX(Jesper!$R$2:$R$366,ROW(INDEX(Jesper!AL$2:AL$366,ROUNDDOWN($C3592/24,0)+1,1))-1)+IF('Standard Profiles'!$G$22=$B$10,7,0)+IF('Standard Profiles'!$G$22=$B$17,14,0)+IF('Standard Profiles'!$G$22=$B$24,21,0),MOD($C3592,24)+1)/SUM(INDEX($D$3:$AA$30,INDEX(Jesper!$R$2:$R$366,ROW(INDEX(Jesper!AL$2:AL$366,ROUNDDOWN($C3592/24,0)+1,1))-1)+IF('Standard Profiles'!$G$22=$B$10,7,0)+IF('Standard Profiles'!$G$22=$B$17,14,0)+IF('Standard Profiles'!$G$22=$B$24,21,0),0)),0)</f>
        <v>0</v>
      </c>
      <c r="I3592">
        <f t="shared" si="405"/>
        <v>0.31847429928260312</v>
      </c>
      <c r="J3592">
        <f t="shared" si="406"/>
        <v>1.0615809976086772</v>
      </c>
      <c r="K3592">
        <f t="shared" si="407"/>
        <v>1.5923714964130156</v>
      </c>
      <c r="L3592">
        <f t="shared" si="408"/>
        <v>7.6433831827824745</v>
      </c>
      <c r="M3592">
        <f t="shared" si="409"/>
        <v>0</v>
      </c>
      <c r="N3592" s="46">
        <f t="shared" si="410"/>
        <v>45440.249999991371</v>
      </c>
    </row>
    <row r="3593" spans="2:14" x14ac:dyDescent="0.3">
      <c r="B3593">
        <f t="shared" si="404"/>
        <v>2</v>
      </c>
      <c r="C3593" s="16">
        <v>3559</v>
      </c>
      <c r="D3593" cm="1">
        <f t="array" ref="D3593">IFERROR(INDEX(Jesper!AH$2:AH$366,ROUNDDOWN($C3593/24,0)+1,1)*INDEX($D$3:$AA$30,INDEX(Jesper!$R$2:$R$366,ROW(INDEX(Jesper!AH$2:AH$366,ROUNDDOWN($C3593/24,0)+1,1))-1)+IF('Standard Profiles'!$G$18=$B$10,7,0)+IF('Standard Profiles'!$G$18=$B$17,14,0)+IF('Standard Profiles'!$G$18=$B$24,21,0),MOD($C3593,24)+1)/SUM(INDEX($D$3:$AA$30,INDEX(Jesper!$R$2:$R$366,ROW(INDEX(Jesper!AH$2:AH$366,ROUNDDOWN($C3593/24,0)+1,1))-1)+IF('Standard Profiles'!$G$18=$B$10,7,0)+IF('Standard Profiles'!$G$18=$B$17,14,0)+IF('Standard Profiles'!$G$18=$B$24,21,0),0)),0)</f>
        <v>10.981872389055281</v>
      </c>
      <c r="E3593" cm="1">
        <f t="array" ref="E3593">IFERROR(INDEX(Jesper!AI$2:AI$366,ROUNDDOWN($C3593/24,0)+1,1)*INDEX($D$3:$AA$30,INDEX(Jesper!$R$2:$R$366,ROW(INDEX(Jesper!AI$2:AI$366,ROUNDDOWN($C3593/24,0)+1,1))-1)+IF('Standard Profiles'!$G$19=$B$10,7,0)+IF('Standard Profiles'!$G$19=$B$17,14,0)+IF('Standard Profiles'!$G$19=$B$24,21,0),MOD($C3593,24)+1)/SUM(INDEX($D$3:$AA$30,INDEX(Jesper!$R$2:$R$366,ROW(INDEX(Jesper!AI$2:AI$366,ROUNDDOWN($C3593/24,0)+1,1))-1)+IF('Standard Profiles'!$G$19=$B$10,7,0)+IF('Standard Profiles'!$G$19=$B$17,14,0)+IF('Standard Profiles'!$G$19=$B$24,21,0),0)),0)</f>
        <v>0</v>
      </c>
      <c r="F3593" cm="1">
        <f t="array" ref="F3593">IFERROR(INDEX(Jesper!AJ$2:AJ$366,ROUNDDOWN($C3593/24,0)+1,1)*INDEX($D$3:$AA$30,INDEX(Jesper!$R$2:$R$366,ROW(INDEX(Jesper!AJ$2:AJ$366,ROUNDDOWN($C3593/24,0)+1,1))-1)+IF('Standard Profiles'!$G$20=$B$10,7,0)+IF('Standard Profiles'!$G$20=$B$17,14,0)+IF('Standard Profiles'!$G$20=$B$24,21,0),MOD($C3593,24)+1)/SUM(INDEX($D$3:$AA$30,INDEX(Jesper!$R$2:$R$366,ROW(INDEX(Jesper!AJ$2:AJ$366,ROUNDDOWN($C3593/24,0)+1,1))-1)+IF('Standard Profiles'!$G$20=$B$10,7,0)+IF('Standard Profiles'!$G$20=$B$17,14,0)+IF('Standard Profiles'!$G$20=$B$24,21,0),0)),0)</f>
        <v>0</v>
      </c>
      <c r="G3593" cm="1">
        <f t="array" ref="G3593">IFERROR(INDEX(Jesper!AK$2:AK$366,ROUNDDOWN($C3593/24,0)+1,1)*INDEX($D$3:$AA$30,INDEX(Jesper!$R$2:$R$366,ROW(INDEX(Jesper!AK$2:AK$366,ROUNDDOWN($C3593/24,0)+1,1))-1)+IF('Standard Profiles'!$G$21=$B$10,7,0)+IF('Standard Profiles'!$G$21=$B$17,14,0)+IF('Standard Profiles'!$G$21=$B$24,21,0),MOD($C3593,24)+1)/SUM(INDEX($D$3:$AA$30,INDEX(Jesper!$R$2:$R$366,ROW(INDEX(Jesper!AK$2:AK$366,ROUNDDOWN($C3593/24,0)+1,1))-1)+IF('Standard Profiles'!$G$21=$B$10,7,0)+IF('Standard Profiles'!$G$21=$B$17,14,0)+IF('Standard Profiles'!$G$21=$B$24,21,0),0)),0)</f>
        <v>0</v>
      </c>
      <c r="H3593" cm="1">
        <f t="array" ref="H3593">IFERROR(INDEX(Jesper!AL$2:AL$366,ROUNDDOWN($C3593/24,0)+1,1)*INDEX($D$3:$AA$30,INDEX(Jesper!$R$2:$R$366,ROW(INDEX(Jesper!AL$2:AL$366,ROUNDDOWN($C3593/24,0)+1,1))-1)+IF('Standard Profiles'!$G$22=$B$10,7,0)+IF('Standard Profiles'!$G$22=$B$17,14,0)+IF('Standard Profiles'!$G$22=$B$24,21,0),MOD($C3593,24)+1)/SUM(INDEX($D$3:$AA$30,INDEX(Jesper!$R$2:$R$366,ROW(INDEX(Jesper!AL$2:AL$366,ROUNDDOWN($C3593/24,0)+1,1))-1)+IF('Standard Profiles'!$G$22=$B$10,7,0)+IF('Standard Profiles'!$G$22=$B$17,14,0)+IF('Standard Profiles'!$G$22=$B$24,21,0),0)),0)</f>
        <v>0</v>
      </c>
      <c r="I3593">
        <f t="shared" si="405"/>
        <v>0.32945617167165842</v>
      </c>
      <c r="J3593">
        <f t="shared" si="406"/>
        <v>1.0981872389055283</v>
      </c>
      <c r="K3593">
        <f t="shared" si="407"/>
        <v>1.6472808583582921</v>
      </c>
      <c r="L3593">
        <f t="shared" si="408"/>
        <v>7.906948120119802</v>
      </c>
      <c r="M3593">
        <f t="shared" si="409"/>
        <v>0</v>
      </c>
      <c r="N3593" s="46">
        <f t="shared" si="410"/>
        <v>45440.291666658035</v>
      </c>
    </row>
    <row r="3594" spans="2:14" x14ac:dyDescent="0.3">
      <c r="B3594">
        <f t="shared" si="404"/>
        <v>2</v>
      </c>
      <c r="C3594" s="16">
        <v>3560</v>
      </c>
      <c r="D3594" cm="1">
        <f t="array" ref="D3594">IFERROR(INDEX(Jesper!AH$2:AH$366,ROUNDDOWN($C3594/24,0)+1,1)*INDEX($D$3:$AA$30,INDEX(Jesper!$R$2:$R$366,ROW(INDEX(Jesper!AH$2:AH$366,ROUNDDOWN($C3594/24,0)+1,1))-1)+IF('Standard Profiles'!$G$18=$B$10,7,0)+IF('Standard Profiles'!$G$18=$B$17,14,0)+IF('Standard Profiles'!$G$18=$B$24,21,0),MOD($C3594,24)+1)/SUM(INDEX($D$3:$AA$30,INDEX(Jesper!$R$2:$R$366,ROW(INDEX(Jesper!AH$2:AH$366,ROUNDDOWN($C3594/24,0)+1,1))-1)+IF('Standard Profiles'!$G$18=$B$10,7,0)+IF('Standard Profiles'!$G$18=$B$17,14,0)+IF('Standard Profiles'!$G$18=$B$24,21,0),0)),0)</f>
        <v>10.981872389055281</v>
      </c>
      <c r="E3594" cm="1">
        <f t="array" ref="E3594">IFERROR(INDEX(Jesper!AI$2:AI$366,ROUNDDOWN($C3594/24,0)+1,1)*INDEX($D$3:$AA$30,INDEX(Jesper!$R$2:$R$366,ROW(INDEX(Jesper!AI$2:AI$366,ROUNDDOWN($C3594/24,0)+1,1))-1)+IF('Standard Profiles'!$G$19=$B$10,7,0)+IF('Standard Profiles'!$G$19=$B$17,14,0)+IF('Standard Profiles'!$G$19=$B$24,21,0),MOD($C3594,24)+1)/SUM(INDEX($D$3:$AA$30,INDEX(Jesper!$R$2:$R$366,ROW(INDEX(Jesper!AI$2:AI$366,ROUNDDOWN($C3594/24,0)+1,1))-1)+IF('Standard Profiles'!$G$19=$B$10,7,0)+IF('Standard Profiles'!$G$19=$B$17,14,0)+IF('Standard Profiles'!$G$19=$B$24,21,0),0)),0)</f>
        <v>0</v>
      </c>
      <c r="F3594" cm="1">
        <f t="array" ref="F3594">IFERROR(INDEX(Jesper!AJ$2:AJ$366,ROUNDDOWN($C3594/24,0)+1,1)*INDEX($D$3:$AA$30,INDEX(Jesper!$R$2:$R$366,ROW(INDEX(Jesper!AJ$2:AJ$366,ROUNDDOWN($C3594/24,0)+1,1))-1)+IF('Standard Profiles'!$G$20=$B$10,7,0)+IF('Standard Profiles'!$G$20=$B$17,14,0)+IF('Standard Profiles'!$G$20=$B$24,21,0),MOD($C3594,24)+1)/SUM(INDEX($D$3:$AA$30,INDEX(Jesper!$R$2:$R$366,ROW(INDEX(Jesper!AJ$2:AJ$366,ROUNDDOWN($C3594/24,0)+1,1))-1)+IF('Standard Profiles'!$G$20=$B$10,7,0)+IF('Standard Profiles'!$G$20=$B$17,14,0)+IF('Standard Profiles'!$G$20=$B$24,21,0),0)),0)</f>
        <v>0</v>
      </c>
      <c r="G3594" cm="1">
        <f t="array" ref="G3594">IFERROR(INDEX(Jesper!AK$2:AK$366,ROUNDDOWN($C3594/24,0)+1,1)*INDEX($D$3:$AA$30,INDEX(Jesper!$R$2:$R$366,ROW(INDEX(Jesper!AK$2:AK$366,ROUNDDOWN($C3594/24,0)+1,1))-1)+IF('Standard Profiles'!$G$21=$B$10,7,0)+IF('Standard Profiles'!$G$21=$B$17,14,0)+IF('Standard Profiles'!$G$21=$B$24,21,0),MOD($C3594,24)+1)/SUM(INDEX($D$3:$AA$30,INDEX(Jesper!$R$2:$R$366,ROW(INDEX(Jesper!AK$2:AK$366,ROUNDDOWN($C3594/24,0)+1,1))-1)+IF('Standard Profiles'!$G$21=$B$10,7,0)+IF('Standard Profiles'!$G$21=$B$17,14,0)+IF('Standard Profiles'!$G$21=$B$24,21,0),0)),0)</f>
        <v>0</v>
      </c>
      <c r="H3594" cm="1">
        <f t="array" ref="H3594">IFERROR(INDEX(Jesper!AL$2:AL$366,ROUNDDOWN($C3594/24,0)+1,1)*INDEX($D$3:$AA$30,INDEX(Jesper!$R$2:$R$366,ROW(INDEX(Jesper!AL$2:AL$366,ROUNDDOWN($C3594/24,0)+1,1))-1)+IF('Standard Profiles'!$G$22=$B$10,7,0)+IF('Standard Profiles'!$G$22=$B$17,14,0)+IF('Standard Profiles'!$G$22=$B$24,21,0),MOD($C3594,24)+1)/SUM(INDEX($D$3:$AA$30,INDEX(Jesper!$R$2:$R$366,ROW(INDEX(Jesper!AL$2:AL$366,ROUNDDOWN($C3594/24,0)+1,1))-1)+IF('Standard Profiles'!$G$22=$B$10,7,0)+IF('Standard Profiles'!$G$22=$B$17,14,0)+IF('Standard Profiles'!$G$22=$B$24,21,0),0)),0)</f>
        <v>0</v>
      </c>
      <c r="I3594">
        <f t="shared" si="405"/>
        <v>0.32945617167165842</v>
      </c>
      <c r="J3594">
        <f t="shared" si="406"/>
        <v>1.0981872389055283</v>
      </c>
      <c r="K3594">
        <f t="shared" si="407"/>
        <v>1.6472808583582921</v>
      </c>
      <c r="L3594">
        <f t="shared" si="408"/>
        <v>7.906948120119802</v>
      </c>
      <c r="M3594">
        <f t="shared" si="409"/>
        <v>0</v>
      </c>
      <c r="N3594" s="46">
        <f t="shared" si="410"/>
        <v>45440.333333324699</v>
      </c>
    </row>
    <row r="3595" spans="2:14" x14ac:dyDescent="0.3">
      <c r="B3595">
        <f t="shared" si="404"/>
        <v>2</v>
      </c>
      <c r="C3595" s="16">
        <v>3561</v>
      </c>
      <c r="D3595" cm="1">
        <f t="array" ref="D3595">IFERROR(INDEX(Jesper!AH$2:AH$366,ROUNDDOWN($C3595/24,0)+1,1)*INDEX($D$3:$AA$30,INDEX(Jesper!$R$2:$R$366,ROW(INDEX(Jesper!AH$2:AH$366,ROUNDDOWN($C3595/24,0)+1,1))-1)+IF('Standard Profiles'!$G$18=$B$10,7,0)+IF('Standard Profiles'!$G$18=$B$17,14,0)+IF('Standard Profiles'!$G$18=$B$24,21,0),MOD($C3595,24)+1)/SUM(INDEX($D$3:$AA$30,INDEX(Jesper!$R$2:$R$366,ROW(INDEX(Jesper!AH$2:AH$366,ROUNDDOWN($C3595/24,0)+1,1))-1)+IF('Standard Profiles'!$G$18=$B$10,7,0)+IF('Standard Profiles'!$G$18=$B$17,14,0)+IF('Standard Profiles'!$G$18=$B$24,21,0),0)),0)</f>
        <v>11.897028421476554</v>
      </c>
      <c r="E3595" cm="1">
        <f t="array" ref="E3595">IFERROR(INDEX(Jesper!AI$2:AI$366,ROUNDDOWN($C3595/24,0)+1,1)*INDEX($D$3:$AA$30,INDEX(Jesper!$R$2:$R$366,ROW(INDEX(Jesper!AI$2:AI$366,ROUNDDOWN($C3595/24,0)+1,1))-1)+IF('Standard Profiles'!$G$19=$B$10,7,0)+IF('Standard Profiles'!$G$19=$B$17,14,0)+IF('Standard Profiles'!$G$19=$B$24,21,0),MOD($C3595,24)+1)/SUM(INDEX($D$3:$AA$30,INDEX(Jesper!$R$2:$R$366,ROW(INDEX(Jesper!AI$2:AI$366,ROUNDDOWN($C3595/24,0)+1,1))-1)+IF('Standard Profiles'!$G$19=$B$10,7,0)+IF('Standard Profiles'!$G$19=$B$17,14,0)+IF('Standard Profiles'!$G$19=$B$24,21,0),0)),0)</f>
        <v>0</v>
      </c>
      <c r="F3595" cm="1">
        <f t="array" ref="F3595">IFERROR(INDEX(Jesper!AJ$2:AJ$366,ROUNDDOWN($C3595/24,0)+1,1)*INDEX($D$3:$AA$30,INDEX(Jesper!$R$2:$R$366,ROW(INDEX(Jesper!AJ$2:AJ$366,ROUNDDOWN($C3595/24,0)+1,1))-1)+IF('Standard Profiles'!$G$20=$B$10,7,0)+IF('Standard Profiles'!$G$20=$B$17,14,0)+IF('Standard Profiles'!$G$20=$B$24,21,0),MOD($C3595,24)+1)/SUM(INDEX($D$3:$AA$30,INDEX(Jesper!$R$2:$R$366,ROW(INDEX(Jesper!AJ$2:AJ$366,ROUNDDOWN($C3595/24,0)+1,1))-1)+IF('Standard Profiles'!$G$20=$B$10,7,0)+IF('Standard Profiles'!$G$20=$B$17,14,0)+IF('Standard Profiles'!$G$20=$B$24,21,0),0)),0)</f>
        <v>0</v>
      </c>
      <c r="G3595" cm="1">
        <f t="array" ref="G3595">IFERROR(INDEX(Jesper!AK$2:AK$366,ROUNDDOWN($C3595/24,0)+1,1)*INDEX($D$3:$AA$30,INDEX(Jesper!$R$2:$R$366,ROW(INDEX(Jesper!AK$2:AK$366,ROUNDDOWN($C3595/24,0)+1,1))-1)+IF('Standard Profiles'!$G$21=$B$10,7,0)+IF('Standard Profiles'!$G$21=$B$17,14,0)+IF('Standard Profiles'!$G$21=$B$24,21,0),MOD($C3595,24)+1)/SUM(INDEX($D$3:$AA$30,INDEX(Jesper!$R$2:$R$366,ROW(INDEX(Jesper!AK$2:AK$366,ROUNDDOWN($C3595/24,0)+1,1))-1)+IF('Standard Profiles'!$G$21=$B$10,7,0)+IF('Standard Profiles'!$G$21=$B$17,14,0)+IF('Standard Profiles'!$G$21=$B$24,21,0),0)),0)</f>
        <v>0</v>
      </c>
      <c r="H3595" cm="1">
        <f t="array" ref="H3595">IFERROR(INDEX(Jesper!AL$2:AL$366,ROUNDDOWN($C3595/24,0)+1,1)*INDEX($D$3:$AA$30,INDEX(Jesper!$R$2:$R$366,ROW(INDEX(Jesper!AL$2:AL$366,ROUNDDOWN($C3595/24,0)+1,1))-1)+IF('Standard Profiles'!$G$22=$B$10,7,0)+IF('Standard Profiles'!$G$22=$B$17,14,0)+IF('Standard Profiles'!$G$22=$B$24,21,0),MOD($C3595,24)+1)/SUM(INDEX($D$3:$AA$30,INDEX(Jesper!$R$2:$R$366,ROW(INDEX(Jesper!AL$2:AL$366,ROUNDDOWN($C3595/24,0)+1,1))-1)+IF('Standard Profiles'!$G$22=$B$10,7,0)+IF('Standard Profiles'!$G$22=$B$17,14,0)+IF('Standard Profiles'!$G$22=$B$24,21,0),0)),0)</f>
        <v>0</v>
      </c>
      <c r="I3595">
        <f t="shared" si="405"/>
        <v>0.35691085264429662</v>
      </c>
      <c r="J3595">
        <f t="shared" si="406"/>
        <v>1.1897028421476554</v>
      </c>
      <c r="K3595">
        <f t="shared" si="407"/>
        <v>1.784554263221483</v>
      </c>
      <c r="L3595">
        <f t="shared" si="408"/>
        <v>8.5658604634631192</v>
      </c>
      <c r="M3595">
        <f t="shared" si="409"/>
        <v>0</v>
      </c>
      <c r="N3595" s="46">
        <f t="shared" si="410"/>
        <v>45440.374999991363</v>
      </c>
    </row>
    <row r="3596" spans="2:14" x14ac:dyDescent="0.3">
      <c r="B3596">
        <f t="shared" si="404"/>
        <v>2</v>
      </c>
      <c r="C3596" s="16">
        <v>3562</v>
      </c>
      <c r="D3596" cm="1">
        <f t="array" ref="D3596">IFERROR(INDEX(Jesper!AH$2:AH$366,ROUNDDOWN($C3596/24,0)+1,1)*INDEX($D$3:$AA$30,INDEX(Jesper!$R$2:$R$366,ROW(INDEX(Jesper!AH$2:AH$366,ROUNDDOWN($C3596/24,0)+1,1))-1)+IF('Standard Profiles'!$G$18=$B$10,7,0)+IF('Standard Profiles'!$G$18=$B$17,14,0)+IF('Standard Profiles'!$G$18=$B$24,21,0),MOD($C3596,24)+1)/SUM(INDEX($D$3:$AA$30,INDEX(Jesper!$R$2:$R$366,ROW(INDEX(Jesper!AH$2:AH$366,ROUNDDOWN($C3596/24,0)+1,1))-1)+IF('Standard Profiles'!$G$18=$B$10,7,0)+IF('Standard Profiles'!$G$18=$B$17,14,0)+IF('Standard Profiles'!$G$18=$B$24,21,0),0)),0)</f>
        <v>12.446122040929318</v>
      </c>
      <c r="E3596" cm="1">
        <f t="array" ref="E3596">IFERROR(INDEX(Jesper!AI$2:AI$366,ROUNDDOWN($C3596/24,0)+1,1)*INDEX($D$3:$AA$30,INDEX(Jesper!$R$2:$R$366,ROW(INDEX(Jesper!AI$2:AI$366,ROUNDDOWN($C3596/24,0)+1,1))-1)+IF('Standard Profiles'!$G$19=$B$10,7,0)+IF('Standard Profiles'!$G$19=$B$17,14,0)+IF('Standard Profiles'!$G$19=$B$24,21,0),MOD($C3596,24)+1)/SUM(INDEX($D$3:$AA$30,INDEX(Jesper!$R$2:$R$366,ROW(INDEX(Jesper!AI$2:AI$366,ROUNDDOWN($C3596/24,0)+1,1))-1)+IF('Standard Profiles'!$G$19=$B$10,7,0)+IF('Standard Profiles'!$G$19=$B$17,14,0)+IF('Standard Profiles'!$G$19=$B$24,21,0),0)),0)</f>
        <v>0</v>
      </c>
      <c r="F3596" cm="1">
        <f t="array" ref="F3596">IFERROR(INDEX(Jesper!AJ$2:AJ$366,ROUNDDOWN($C3596/24,0)+1,1)*INDEX($D$3:$AA$30,INDEX(Jesper!$R$2:$R$366,ROW(INDEX(Jesper!AJ$2:AJ$366,ROUNDDOWN($C3596/24,0)+1,1))-1)+IF('Standard Profiles'!$G$20=$B$10,7,0)+IF('Standard Profiles'!$G$20=$B$17,14,0)+IF('Standard Profiles'!$G$20=$B$24,21,0),MOD($C3596,24)+1)/SUM(INDEX($D$3:$AA$30,INDEX(Jesper!$R$2:$R$366,ROW(INDEX(Jesper!AJ$2:AJ$366,ROUNDDOWN($C3596/24,0)+1,1))-1)+IF('Standard Profiles'!$G$20=$B$10,7,0)+IF('Standard Profiles'!$G$20=$B$17,14,0)+IF('Standard Profiles'!$G$20=$B$24,21,0),0)),0)</f>
        <v>0</v>
      </c>
      <c r="G3596" cm="1">
        <f t="array" ref="G3596">IFERROR(INDEX(Jesper!AK$2:AK$366,ROUNDDOWN($C3596/24,0)+1,1)*INDEX($D$3:$AA$30,INDEX(Jesper!$R$2:$R$366,ROW(INDEX(Jesper!AK$2:AK$366,ROUNDDOWN($C3596/24,0)+1,1))-1)+IF('Standard Profiles'!$G$21=$B$10,7,0)+IF('Standard Profiles'!$G$21=$B$17,14,0)+IF('Standard Profiles'!$G$21=$B$24,21,0),MOD($C3596,24)+1)/SUM(INDEX($D$3:$AA$30,INDEX(Jesper!$R$2:$R$366,ROW(INDEX(Jesper!AK$2:AK$366,ROUNDDOWN($C3596/24,0)+1,1))-1)+IF('Standard Profiles'!$G$21=$B$10,7,0)+IF('Standard Profiles'!$G$21=$B$17,14,0)+IF('Standard Profiles'!$G$21=$B$24,21,0),0)),0)</f>
        <v>0</v>
      </c>
      <c r="H3596" cm="1">
        <f t="array" ref="H3596">IFERROR(INDEX(Jesper!AL$2:AL$366,ROUNDDOWN($C3596/24,0)+1,1)*INDEX($D$3:$AA$30,INDEX(Jesper!$R$2:$R$366,ROW(INDEX(Jesper!AL$2:AL$366,ROUNDDOWN($C3596/24,0)+1,1))-1)+IF('Standard Profiles'!$G$22=$B$10,7,0)+IF('Standard Profiles'!$G$22=$B$17,14,0)+IF('Standard Profiles'!$G$22=$B$24,21,0),MOD($C3596,24)+1)/SUM(INDEX($D$3:$AA$30,INDEX(Jesper!$R$2:$R$366,ROW(INDEX(Jesper!AL$2:AL$366,ROUNDDOWN($C3596/24,0)+1,1))-1)+IF('Standard Profiles'!$G$22=$B$10,7,0)+IF('Standard Profiles'!$G$22=$B$17,14,0)+IF('Standard Profiles'!$G$22=$B$24,21,0),0)),0)</f>
        <v>0</v>
      </c>
      <c r="I3596">
        <f t="shared" si="405"/>
        <v>0.37338366122787953</v>
      </c>
      <c r="J3596">
        <f t="shared" si="406"/>
        <v>1.2446122040929319</v>
      </c>
      <c r="K3596">
        <f t="shared" si="407"/>
        <v>1.8669183061393975</v>
      </c>
      <c r="L3596">
        <f t="shared" si="408"/>
        <v>8.9612078694691082</v>
      </c>
      <c r="M3596">
        <f t="shared" si="409"/>
        <v>0</v>
      </c>
      <c r="N3596" s="46">
        <f t="shared" si="410"/>
        <v>45440.416666658028</v>
      </c>
    </row>
    <row r="3597" spans="2:14" x14ac:dyDescent="0.3">
      <c r="B3597">
        <f t="shared" si="404"/>
        <v>2</v>
      </c>
      <c r="C3597" s="16">
        <v>3563</v>
      </c>
      <c r="D3597" cm="1">
        <f t="array" ref="D3597">IFERROR(INDEX(Jesper!AH$2:AH$366,ROUNDDOWN($C3597/24,0)+1,1)*INDEX($D$3:$AA$30,INDEX(Jesper!$R$2:$R$366,ROW(INDEX(Jesper!AH$2:AH$366,ROUNDDOWN($C3597/24,0)+1,1))-1)+IF('Standard Profiles'!$G$18=$B$10,7,0)+IF('Standard Profiles'!$G$18=$B$17,14,0)+IF('Standard Profiles'!$G$18=$B$24,21,0),MOD($C3597,24)+1)/SUM(INDEX($D$3:$AA$30,INDEX(Jesper!$R$2:$R$366,ROW(INDEX(Jesper!AH$2:AH$366,ROUNDDOWN($C3597/24,0)+1,1))-1)+IF('Standard Profiles'!$G$18=$B$10,7,0)+IF('Standard Profiles'!$G$18=$B$17,14,0)+IF('Standard Profiles'!$G$18=$B$24,21,0),0)),0)</f>
        <v>14.642496518740375</v>
      </c>
      <c r="E3597" cm="1">
        <f t="array" ref="E3597">IFERROR(INDEX(Jesper!AI$2:AI$366,ROUNDDOWN($C3597/24,0)+1,1)*INDEX($D$3:$AA$30,INDEX(Jesper!$R$2:$R$366,ROW(INDEX(Jesper!AI$2:AI$366,ROUNDDOWN($C3597/24,0)+1,1))-1)+IF('Standard Profiles'!$G$19=$B$10,7,0)+IF('Standard Profiles'!$G$19=$B$17,14,0)+IF('Standard Profiles'!$G$19=$B$24,21,0),MOD($C3597,24)+1)/SUM(INDEX($D$3:$AA$30,INDEX(Jesper!$R$2:$R$366,ROW(INDEX(Jesper!AI$2:AI$366,ROUNDDOWN($C3597/24,0)+1,1))-1)+IF('Standard Profiles'!$G$19=$B$10,7,0)+IF('Standard Profiles'!$G$19=$B$17,14,0)+IF('Standard Profiles'!$G$19=$B$24,21,0),0)),0)</f>
        <v>0</v>
      </c>
      <c r="F3597" cm="1">
        <f t="array" ref="F3597">IFERROR(INDEX(Jesper!AJ$2:AJ$366,ROUNDDOWN($C3597/24,0)+1,1)*INDEX($D$3:$AA$30,INDEX(Jesper!$R$2:$R$366,ROW(INDEX(Jesper!AJ$2:AJ$366,ROUNDDOWN($C3597/24,0)+1,1))-1)+IF('Standard Profiles'!$G$20=$B$10,7,0)+IF('Standard Profiles'!$G$20=$B$17,14,0)+IF('Standard Profiles'!$G$20=$B$24,21,0),MOD($C3597,24)+1)/SUM(INDEX($D$3:$AA$30,INDEX(Jesper!$R$2:$R$366,ROW(INDEX(Jesper!AJ$2:AJ$366,ROUNDDOWN($C3597/24,0)+1,1))-1)+IF('Standard Profiles'!$G$20=$B$10,7,0)+IF('Standard Profiles'!$G$20=$B$17,14,0)+IF('Standard Profiles'!$G$20=$B$24,21,0),0)),0)</f>
        <v>0</v>
      </c>
      <c r="G3597" cm="1">
        <f t="array" ref="G3597">IFERROR(INDEX(Jesper!AK$2:AK$366,ROUNDDOWN($C3597/24,0)+1,1)*INDEX($D$3:$AA$30,INDEX(Jesper!$R$2:$R$366,ROW(INDEX(Jesper!AK$2:AK$366,ROUNDDOWN($C3597/24,0)+1,1))-1)+IF('Standard Profiles'!$G$21=$B$10,7,0)+IF('Standard Profiles'!$G$21=$B$17,14,0)+IF('Standard Profiles'!$G$21=$B$24,21,0),MOD($C3597,24)+1)/SUM(INDEX($D$3:$AA$30,INDEX(Jesper!$R$2:$R$366,ROW(INDEX(Jesper!AK$2:AK$366,ROUNDDOWN($C3597/24,0)+1,1))-1)+IF('Standard Profiles'!$G$21=$B$10,7,0)+IF('Standard Profiles'!$G$21=$B$17,14,0)+IF('Standard Profiles'!$G$21=$B$24,21,0),0)),0)</f>
        <v>0</v>
      </c>
      <c r="H3597" cm="1">
        <f t="array" ref="H3597">IFERROR(INDEX(Jesper!AL$2:AL$366,ROUNDDOWN($C3597/24,0)+1,1)*INDEX($D$3:$AA$30,INDEX(Jesper!$R$2:$R$366,ROW(INDEX(Jesper!AL$2:AL$366,ROUNDDOWN($C3597/24,0)+1,1))-1)+IF('Standard Profiles'!$G$22=$B$10,7,0)+IF('Standard Profiles'!$G$22=$B$17,14,0)+IF('Standard Profiles'!$G$22=$B$24,21,0),MOD($C3597,24)+1)/SUM(INDEX($D$3:$AA$30,INDEX(Jesper!$R$2:$R$366,ROW(INDEX(Jesper!AL$2:AL$366,ROUNDDOWN($C3597/24,0)+1,1))-1)+IF('Standard Profiles'!$G$22=$B$10,7,0)+IF('Standard Profiles'!$G$22=$B$17,14,0)+IF('Standard Profiles'!$G$22=$B$24,21,0),0)),0)</f>
        <v>0</v>
      </c>
      <c r="I3597">
        <f t="shared" si="405"/>
        <v>0.43927489556221122</v>
      </c>
      <c r="J3597">
        <f t="shared" si="406"/>
        <v>1.4642496518740375</v>
      </c>
      <c r="K3597">
        <f t="shared" si="407"/>
        <v>2.1963744778110561</v>
      </c>
      <c r="L3597">
        <f t="shared" si="408"/>
        <v>10.542597493493069</v>
      </c>
      <c r="M3597">
        <f t="shared" si="409"/>
        <v>0</v>
      </c>
      <c r="N3597" s="46">
        <f t="shared" si="410"/>
        <v>45440.458333324692</v>
      </c>
    </row>
    <row r="3598" spans="2:14" x14ac:dyDescent="0.3">
      <c r="B3598">
        <f t="shared" si="404"/>
        <v>2</v>
      </c>
      <c r="C3598" s="16">
        <v>3564</v>
      </c>
      <c r="D3598" cm="1">
        <f t="array" ref="D3598">IFERROR(INDEX(Jesper!AH$2:AH$366,ROUNDDOWN($C3598/24,0)+1,1)*INDEX($D$3:$AA$30,INDEX(Jesper!$R$2:$R$366,ROW(INDEX(Jesper!AH$2:AH$366,ROUNDDOWN($C3598/24,0)+1,1))-1)+IF('Standard Profiles'!$G$18=$B$10,7,0)+IF('Standard Profiles'!$G$18=$B$17,14,0)+IF('Standard Profiles'!$G$18=$B$24,21,0),MOD($C3598,24)+1)/SUM(INDEX($D$3:$AA$30,INDEX(Jesper!$R$2:$R$366,ROW(INDEX(Jesper!AH$2:AH$366,ROUNDDOWN($C3598/24,0)+1,1))-1)+IF('Standard Profiles'!$G$18=$B$10,7,0)+IF('Standard Profiles'!$G$18=$B$17,14,0)+IF('Standard Profiles'!$G$18=$B$24,21,0),0)),0)</f>
        <v>14.642496518740375</v>
      </c>
      <c r="E3598" cm="1">
        <f t="array" ref="E3598">IFERROR(INDEX(Jesper!AI$2:AI$366,ROUNDDOWN($C3598/24,0)+1,1)*INDEX($D$3:$AA$30,INDEX(Jesper!$R$2:$R$366,ROW(INDEX(Jesper!AI$2:AI$366,ROUNDDOWN($C3598/24,0)+1,1))-1)+IF('Standard Profiles'!$G$19=$B$10,7,0)+IF('Standard Profiles'!$G$19=$B$17,14,0)+IF('Standard Profiles'!$G$19=$B$24,21,0),MOD($C3598,24)+1)/SUM(INDEX($D$3:$AA$30,INDEX(Jesper!$R$2:$R$366,ROW(INDEX(Jesper!AI$2:AI$366,ROUNDDOWN($C3598/24,0)+1,1))-1)+IF('Standard Profiles'!$G$19=$B$10,7,0)+IF('Standard Profiles'!$G$19=$B$17,14,0)+IF('Standard Profiles'!$G$19=$B$24,21,0),0)),0)</f>
        <v>0</v>
      </c>
      <c r="F3598" cm="1">
        <f t="array" ref="F3598">IFERROR(INDEX(Jesper!AJ$2:AJ$366,ROUNDDOWN($C3598/24,0)+1,1)*INDEX($D$3:$AA$30,INDEX(Jesper!$R$2:$R$366,ROW(INDEX(Jesper!AJ$2:AJ$366,ROUNDDOWN($C3598/24,0)+1,1))-1)+IF('Standard Profiles'!$G$20=$B$10,7,0)+IF('Standard Profiles'!$G$20=$B$17,14,0)+IF('Standard Profiles'!$G$20=$B$24,21,0),MOD($C3598,24)+1)/SUM(INDEX($D$3:$AA$30,INDEX(Jesper!$R$2:$R$366,ROW(INDEX(Jesper!AJ$2:AJ$366,ROUNDDOWN($C3598/24,0)+1,1))-1)+IF('Standard Profiles'!$G$20=$B$10,7,0)+IF('Standard Profiles'!$G$20=$B$17,14,0)+IF('Standard Profiles'!$G$20=$B$24,21,0),0)),0)</f>
        <v>0</v>
      </c>
      <c r="G3598" cm="1">
        <f t="array" ref="G3598">IFERROR(INDEX(Jesper!AK$2:AK$366,ROUNDDOWN($C3598/24,0)+1,1)*INDEX($D$3:$AA$30,INDEX(Jesper!$R$2:$R$366,ROW(INDEX(Jesper!AK$2:AK$366,ROUNDDOWN($C3598/24,0)+1,1))-1)+IF('Standard Profiles'!$G$21=$B$10,7,0)+IF('Standard Profiles'!$G$21=$B$17,14,0)+IF('Standard Profiles'!$G$21=$B$24,21,0),MOD($C3598,24)+1)/SUM(INDEX($D$3:$AA$30,INDEX(Jesper!$R$2:$R$366,ROW(INDEX(Jesper!AK$2:AK$366,ROUNDDOWN($C3598/24,0)+1,1))-1)+IF('Standard Profiles'!$G$21=$B$10,7,0)+IF('Standard Profiles'!$G$21=$B$17,14,0)+IF('Standard Profiles'!$G$21=$B$24,21,0),0)),0)</f>
        <v>0</v>
      </c>
      <c r="H3598" cm="1">
        <f t="array" ref="H3598">IFERROR(INDEX(Jesper!AL$2:AL$366,ROUNDDOWN($C3598/24,0)+1,1)*INDEX($D$3:$AA$30,INDEX(Jesper!$R$2:$R$366,ROW(INDEX(Jesper!AL$2:AL$366,ROUNDDOWN($C3598/24,0)+1,1))-1)+IF('Standard Profiles'!$G$22=$B$10,7,0)+IF('Standard Profiles'!$G$22=$B$17,14,0)+IF('Standard Profiles'!$G$22=$B$24,21,0),MOD($C3598,24)+1)/SUM(INDEX($D$3:$AA$30,INDEX(Jesper!$R$2:$R$366,ROW(INDEX(Jesper!AL$2:AL$366,ROUNDDOWN($C3598/24,0)+1,1))-1)+IF('Standard Profiles'!$G$22=$B$10,7,0)+IF('Standard Profiles'!$G$22=$B$17,14,0)+IF('Standard Profiles'!$G$22=$B$24,21,0),0)),0)</f>
        <v>0</v>
      </c>
      <c r="I3598">
        <f t="shared" si="405"/>
        <v>0.43927489556221122</v>
      </c>
      <c r="J3598">
        <f t="shared" si="406"/>
        <v>1.4642496518740375</v>
      </c>
      <c r="K3598">
        <f t="shared" si="407"/>
        <v>2.1963744778110561</v>
      </c>
      <c r="L3598">
        <f t="shared" si="408"/>
        <v>10.542597493493069</v>
      </c>
      <c r="M3598">
        <f t="shared" si="409"/>
        <v>0</v>
      </c>
      <c r="N3598" s="46">
        <f t="shared" si="410"/>
        <v>45440.499999991356</v>
      </c>
    </row>
    <row r="3599" spans="2:14" x14ac:dyDescent="0.3">
      <c r="B3599">
        <f t="shared" si="404"/>
        <v>2</v>
      </c>
      <c r="C3599" s="16">
        <v>3565</v>
      </c>
      <c r="D3599" cm="1">
        <f t="array" ref="D3599">IFERROR(INDEX(Jesper!AH$2:AH$366,ROUNDDOWN($C3599/24,0)+1,1)*INDEX($D$3:$AA$30,INDEX(Jesper!$R$2:$R$366,ROW(INDEX(Jesper!AH$2:AH$366,ROUNDDOWN($C3599/24,0)+1,1))-1)+IF('Standard Profiles'!$G$18=$B$10,7,0)+IF('Standard Profiles'!$G$18=$B$17,14,0)+IF('Standard Profiles'!$G$18=$B$24,21,0),MOD($C3599,24)+1)/SUM(INDEX($D$3:$AA$30,INDEX(Jesper!$R$2:$R$366,ROW(INDEX(Jesper!AH$2:AH$366,ROUNDDOWN($C3599/24,0)+1,1))-1)+IF('Standard Profiles'!$G$18=$B$10,7,0)+IF('Standard Profiles'!$G$18=$B$17,14,0)+IF('Standard Profiles'!$G$18=$B$24,21,0),0)),0)</f>
        <v>14.642496518740375</v>
      </c>
      <c r="E3599" cm="1">
        <f t="array" ref="E3599">IFERROR(INDEX(Jesper!AI$2:AI$366,ROUNDDOWN($C3599/24,0)+1,1)*INDEX($D$3:$AA$30,INDEX(Jesper!$R$2:$R$366,ROW(INDEX(Jesper!AI$2:AI$366,ROUNDDOWN($C3599/24,0)+1,1))-1)+IF('Standard Profiles'!$G$19=$B$10,7,0)+IF('Standard Profiles'!$G$19=$B$17,14,0)+IF('Standard Profiles'!$G$19=$B$24,21,0),MOD($C3599,24)+1)/SUM(INDEX($D$3:$AA$30,INDEX(Jesper!$R$2:$R$366,ROW(INDEX(Jesper!AI$2:AI$366,ROUNDDOWN($C3599/24,0)+1,1))-1)+IF('Standard Profiles'!$G$19=$B$10,7,0)+IF('Standard Profiles'!$G$19=$B$17,14,0)+IF('Standard Profiles'!$G$19=$B$24,21,0),0)),0)</f>
        <v>0</v>
      </c>
      <c r="F3599" cm="1">
        <f t="array" ref="F3599">IFERROR(INDEX(Jesper!AJ$2:AJ$366,ROUNDDOWN($C3599/24,0)+1,1)*INDEX($D$3:$AA$30,INDEX(Jesper!$R$2:$R$366,ROW(INDEX(Jesper!AJ$2:AJ$366,ROUNDDOWN($C3599/24,0)+1,1))-1)+IF('Standard Profiles'!$G$20=$B$10,7,0)+IF('Standard Profiles'!$G$20=$B$17,14,0)+IF('Standard Profiles'!$G$20=$B$24,21,0),MOD($C3599,24)+1)/SUM(INDEX($D$3:$AA$30,INDEX(Jesper!$R$2:$R$366,ROW(INDEX(Jesper!AJ$2:AJ$366,ROUNDDOWN($C3599/24,0)+1,1))-1)+IF('Standard Profiles'!$G$20=$B$10,7,0)+IF('Standard Profiles'!$G$20=$B$17,14,0)+IF('Standard Profiles'!$G$20=$B$24,21,0),0)),0)</f>
        <v>0</v>
      </c>
      <c r="G3599" cm="1">
        <f t="array" ref="G3599">IFERROR(INDEX(Jesper!AK$2:AK$366,ROUNDDOWN($C3599/24,0)+1,1)*INDEX($D$3:$AA$30,INDEX(Jesper!$R$2:$R$366,ROW(INDEX(Jesper!AK$2:AK$366,ROUNDDOWN($C3599/24,0)+1,1))-1)+IF('Standard Profiles'!$G$21=$B$10,7,0)+IF('Standard Profiles'!$G$21=$B$17,14,0)+IF('Standard Profiles'!$G$21=$B$24,21,0),MOD($C3599,24)+1)/SUM(INDEX($D$3:$AA$30,INDEX(Jesper!$R$2:$R$366,ROW(INDEX(Jesper!AK$2:AK$366,ROUNDDOWN($C3599/24,0)+1,1))-1)+IF('Standard Profiles'!$G$21=$B$10,7,0)+IF('Standard Profiles'!$G$21=$B$17,14,0)+IF('Standard Profiles'!$G$21=$B$24,21,0),0)),0)</f>
        <v>0</v>
      </c>
      <c r="H3599" cm="1">
        <f t="array" ref="H3599">IFERROR(INDEX(Jesper!AL$2:AL$366,ROUNDDOWN($C3599/24,0)+1,1)*INDEX($D$3:$AA$30,INDEX(Jesper!$R$2:$R$366,ROW(INDEX(Jesper!AL$2:AL$366,ROUNDDOWN($C3599/24,0)+1,1))-1)+IF('Standard Profiles'!$G$22=$B$10,7,0)+IF('Standard Profiles'!$G$22=$B$17,14,0)+IF('Standard Profiles'!$G$22=$B$24,21,0),MOD($C3599,24)+1)/SUM(INDEX($D$3:$AA$30,INDEX(Jesper!$R$2:$R$366,ROW(INDEX(Jesper!AL$2:AL$366,ROUNDDOWN($C3599/24,0)+1,1))-1)+IF('Standard Profiles'!$G$22=$B$10,7,0)+IF('Standard Profiles'!$G$22=$B$17,14,0)+IF('Standard Profiles'!$G$22=$B$24,21,0),0)),0)</f>
        <v>0</v>
      </c>
      <c r="I3599">
        <f t="shared" si="405"/>
        <v>0.43927489556221122</v>
      </c>
      <c r="J3599">
        <f t="shared" si="406"/>
        <v>1.4642496518740375</v>
      </c>
      <c r="K3599">
        <f t="shared" si="407"/>
        <v>2.1963744778110561</v>
      </c>
      <c r="L3599">
        <f t="shared" si="408"/>
        <v>10.542597493493069</v>
      </c>
      <c r="M3599">
        <f t="shared" si="409"/>
        <v>0</v>
      </c>
      <c r="N3599" s="46">
        <f t="shared" si="410"/>
        <v>45440.54166665802</v>
      </c>
    </row>
    <row r="3600" spans="2:14" x14ac:dyDescent="0.3">
      <c r="B3600">
        <f t="shared" si="404"/>
        <v>2</v>
      </c>
      <c r="C3600" s="16">
        <v>3566</v>
      </c>
      <c r="D3600" cm="1">
        <f t="array" ref="D3600">IFERROR(INDEX(Jesper!AH$2:AH$366,ROUNDDOWN($C3600/24,0)+1,1)*INDEX($D$3:$AA$30,INDEX(Jesper!$R$2:$R$366,ROW(INDEX(Jesper!AH$2:AH$366,ROUNDDOWN($C3600/24,0)+1,1))-1)+IF('Standard Profiles'!$G$18=$B$10,7,0)+IF('Standard Profiles'!$G$18=$B$17,14,0)+IF('Standard Profiles'!$G$18=$B$24,21,0),MOD($C3600,24)+1)/SUM(INDEX($D$3:$AA$30,INDEX(Jesper!$R$2:$R$366,ROW(INDEX(Jesper!AH$2:AH$366,ROUNDDOWN($C3600/24,0)+1,1))-1)+IF('Standard Profiles'!$G$18=$B$10,7,0)+IF('Standard Profiles'!$G$18=$B$17,14,0)+IF('Standard Profiles'!$G$18=$B$24,21,0),0)),0)</f>
        <v>14.642496518740375</v>
      </c>
      <c r="E3600" cm="1">
        <f t="array" ref="E3600">IFERROR(INDEX(Jesper!AI$2:AI$366,ROUNDDOWN($C3600/24,0)+1,1)*INDEX($D$3:$AA$30,INDEX(Jesper!$R$2:$R$366,ROW(INDEX(Jesper!AI$2:AI$366,ROUNDDOWN($C3600/24,0)+1,1))-1)+IF('Standard Profiles'!$G$19=$B$10,7,0)+IF('Standard Profiles'!$G$19=$B$17,14,0)+IF('Standard Profiles'!$G$19=$B$24,21,0),MOD($C3600,24)+1)/SUM(INDEX($D$3:$AA$30,INDEX(Jesper!$R$2:$R$366,ROW(INDEX(Jesper!AI$2:AI$366,ROUNDDOWN($C3600/24,0)+1,1))-1)+IF('Standard Profiles'!$G$19=$B$10,7,0)+IF('Standard Profiles'!$G$19=$B$17,14,0)+IF('Standard Profiles'!$G$19=$B$24,21,0),0)),0)</f>
        <v>0</v>
      </c>
      <c r="F3600" cm="1">
        <f t="array" ref="F3600">IFERROR(INDEX(Jesper!AJ$2:AJ$366,ROUNDDOWN($C3600/24,0)+1,1)*INDEX($D$3:$AA$30,INDEX(Jesper!$R$2:$R$366,ROW(INDEX(Jesper!AJ$2:AJ$366,ROUNDDOWN($C3600/24,0)+1,1))-1)+IF('Standard Profiles'!$G$20=$B$10,7,0)+IF('Standard Profiles'!$G$20=$B$17,14,0)+IF('Standard Profiles'!$G$20=$B$24,21,0),MOD($C3600,24)+1)/SUM(INDEX($D$3:$AA$30,INDEX(Jesper!$R$2:$R$366,ROW(INDEX(Jesper!AJ$2:AJ$366,ROUNDDOWN($C3600/24,0)+1,1))-1)+IF('Standard Profiles'!$G$20=$B$10,7,0)+IF('Standard Profiles'!$G$20=$B$17,14,0)+IF('Standard Profiles'!$G$20=$B$24,21,0),0)),0)</f>
        <v>0</v>
      </c>
      <c r="G3600" cm="1">
        <f t="array" ref="G3600">IFERROR(INDEX(Jesper!AK$2:AK$366,ROUNDDOWN($C3600/24,0)+1,1)*INDEX($D$3:$AA$30,INDEX(Jesper!$R$2:$R$366,ROW(INDEX(Jesper!AK$2:AK$366,ROUNDDOWN($C3600/24,0)+1,1))-1)+IF('Standard Profiles'!$G$21=$B$10,7,0)+IF('Standard Profiles'!$G$21=$B$17,14,0)+IF('Standard Profiles'!$G$21=$B$24,21,0),MOD($C3600,24)+1)/SUM(INDEX($D$3:$AA$30,INDEX(Jesper!$R$2:$R$366,ROW(INDEX(Jesper!AK$2:AK$366,ROUNDDOWN($C3600/24,0)+1,1))-1)+IF('Standard Profiles'!$G$21=$B$10,7,0)+IF('Standard Profiles'!$G$21=$B$17,14,0)+IF('Standard Profiles'!$G$21=$B$24,21,0),0)),0)</f>
        <v>0</v>
      </c>
      <c r="H3600" cm="1">
        <f t="array" ref="H3600">IFERROR(INDEX(Jesper!AL$2:AL$366,ROUNDDOWN($C3600/24,0)+1,1)*INDEX($D$3:$AA$30,INDEX(Jesper!$R$2:$R$366,ROW(INDEX(Jesper!AL$2:AL$366,ROUNDDOWN($C3600/24,0)+1,1))-1)+IF('Standard Profiles'!$G$22=$B$10,7,0)+IF('Standard Profiles'!$G$22=$B$17,14,0)+IF('Standard Profiles'!$G$22=$B$24,21,0),MOD($C3600,24)+1)/SUM(INDEX($D$3:$AA$30,INDEX(Jesper!$R$2:$R$366,ROW(INDEX(Jesper!AL$2:AL$366,ROUNDDOWN($C3600/24,0)+1,1))-1)+IF('Standard Profiles'!$G$22=$B$10,7,0)+IF('Standard Profiles'!$G$22=$B$17,14,0)+IF('Standard Profiles'!$G$22=$B$24,21,0),0)),0)</f>
        <v>0</v>
      </c>
      <c r="I3600">
        <f t="shared" si="405"/>
        <v>0.43927489556221122</v>
      </c>
      <c r="J3600">
        <f t="shared" si="406"/>
        <v>1.4642496518740375</v>
      </c>
      <c r="K3600">
        <f t="shared" si="407"/>
        <v>2.1963744778110561</v>
      </c>
      <c r="L3600">
        <f t="shared" si="408"/>
        <v>10.542597493493069</v>
      </c>
      <c r="M3600">
        <f t="shared" si="409"/>
        <v>0</v>
      </c>
      <c r="N3600" s="46">
        <f t="shared" si="410"/>
        <v>45440.583333324685</v>
      </c>
    </row>
    <row r="3601" spans="2:14" x14ac:dyDescent="0.3">
      <c r="B3601">
        <f t="shared" si="404"/>
        <v>2</v>
      </c>
      <c r="C3601" s="16">
        <v>3567</v>
      </c>
      <c r="D3601" cm="1">
        <f t="array" ref="D3601">IFERROR(INDEX(Jesper!AH$2:AH$366,ROUNDDOWN($C3601/24,0)+1,1)*INDEX($D$3:$AA$30,INDEX(Jesper!$R$2:$R$366,ROW(INDEX(Jesper!AH$2:AH$366,ROUNDDOWN($C3601/24,0)+1,1))-1)+IF('Standard Profiles'!$G$18=$B$10,7,0)+IF('Standard Profiles'!$G$18=$B$17,14,0)+IF('Standard Profiles'!$G$18=$B$24,21,0),MOD($C3601,24)+1)/SUM(INDEX($D$3:$AA$30,INDEX(Jesper!$R$2:$R$366,ROW(INDEX(Jesper!AH$2:AH$366,ROUNDDOWN($C3601/24,0)+1,1))-1)+IF('Standard Profiles'!$G$18=$B$10,7,0)+IF('Standard Profiles'!$G$18=$B$17,14,0)+IF('Standard Profiles'!$G$18=$B$24,21,0),0)),0)</f>
        <v>14.642496518740375</v>
      </c>
      <c r="E3601" cm="1">
        <f t="array" ref="E3601">IFERROR(INDEX(Jesper!AI$2:AI$366,ROUNDDOWN($C3601/24,0)+1,1)*INDEX($D$3:$AA$30,INDEX(Jesper!$R$2:$R$366,ROW(INDEX(Jesper!AI$2:AI$366,ROUNDDOWN($C3601/24,0)+1,1))-1)+IF('Standard Profiles'!$G$19=$B$10,7,0)+IF('Standard Profiles'!$G$19=$B$17,14,0)+IF('Standard Profiles'!$G$19=$B$24,21,0),MOD($C3601,24)+1)/SUM(INDEX($D$3:$AA$30,INDEX(Jesper!$R$2:$R$366,ROW(INDEX(Jesper!AI$2:AI$366,ROUNDDOWN($C3601/24,0)+1,1))-1)+IF('Standard Profiles'!$G$19=$B$10,7,0)+IF('Standard Profiles'!$G$19=$B$17,14,0)+IF('Standard Profiles'!$G$19=$B$24,21,0),0)),0)</f>
        <v>0</v>
      </c>
      <c r="F3601" cm="1">
        <f t="array" ref="F3601">IFERROR(INDEX(Jesper!AJ$2:AJ$366,ROUNDDOWN($C3601/24,0)+1,1)*INDEX($D$3:$AA$30,INDEX(Jesper!$R$2:$R$366,ROW(INDEX(Jesper!AJ$2:AJ$366,ROUNDDOWN($C3601/24,0)+1,1))-1)+IF('Standard Profiles'!$G$20=$B$10,7,0)+IF('Standard Profiles'!$G$20=$B$17,14,0)+IF('Standard Profiles'!$G$20=$B$24,21,0),MOD($C3601,24)+1)/SUM(INDEX($D$3:$AA$30,INDEX(Jesper!$R$2:$R$366,ROW(INDEX(Jesper!AJ$2:AJ$366,ROUNDDOWN($C3601/24,0)+1,1))-1)+IF('Standard Profiles'!$G$20=$B$10,7,0)+IF('Standard Profiles'!$G$20=$B$17,14,0)+IF('Standard Profiles'!$G$20=$B$24,21,0),0)),0)</f>
        <v>0</v>
      </c>
      <c r="G3601" cm="1">
        <f t="array" ref="G3601">IFERROR(INDEX(Jesper!AK$2:AK$366,ROUNDDOWN($C3601/24,0)+1,1)*INDEX($D$3:$AA$30,INDEX(Jesper!$R$2:$R$366,ROW(INDEX(Jesper!AK$2:AK$366,ROUNDDOWN($C3601/24,0)+1,1))-1)+IF('Standard Profiles'!$G$21=$B$10,7,0)+IF('Standard Profiles'!$G$21=$B$17,14,0)+IF('Standard Profiles'!$G$21=$B$24,21,0),MOD($C3601,24)+1)/SUM(INDEX($D$3:$AA$30,INDEX(Jesper!$R$2:$R$366,ROW(INDEX(Jesper!AK$2:AK$366,ROUNDDOWN($C3601/24,0)+1,1))-1)+IF('Standard Profiles'!$G$21=$B$10,7,0)+IF('Standard Profiles'!$G$21=$B$17,14,0)+IF('Standard Profiles'!$G$21=$B$24,21,0),0)),0)</f>
        <v>0</v>
      </c>
      <c r="H3601" cm="1">
        <f t="array" ref="H3601">IFERROR(INDEX(Jesper!AL$2:AL$366,ROUNDDOWN($C3601/24,0)+1,1)*INDEX($D$3:$AA$30,INDEX(Jesper!$R$2:$R$366,ROW(INDEX(Jesper!AL$2:AL$366,ROUNDDOWN($C3601/24,0)+1,1))-1)+IF('Standard Profiles'!$G$22=$B$10,7,0)+IF('Standard Profiles'!$G$22=$B$17,14,0)+IF('Standard Profiles'!$G$22=$B$24,21,0),MOD($C3601,24)+1)/SUM(INDEX($D$3:$AA$30,INDEX(Jesper!$R$2:$R$366,ROW(INDEX(Jesper!AL$2:AL$366,ROUNDDOWN($C3601/24,0)+1,1))-1)+IF('Standard Profiles'!$G$22=$B$10,7,0)+IF('Standard Profiles'!$G$22=$B$17,14,0)+IF('Standard Profiles'!$G$22=$B$24,21,0),0)),0)</f>
        <v>0</v>
      </c>
      <c r="I3601">
        <f t="shared" si="405"/>
        <v>0.43927489556221122</v>
      </c>
      <c r="J3601">
        <f t="shared" si="406"/>
        <v>1.4642496518740375</v>
      </c>
      <c r="K3601">
        <f t="shared" si="407"/>
        <v>2.1963744778110561</v>
      </c>
      <c r="L3601">
        <f t="shared" si="408"/>
        <v>10.542597493493069</v>
      </c>
      <c r="M3601">
        <f t="shared" si="409"/>
        <v>0</v>
      </c>
      <c r="N3601" s="46">
        <f t="shared" si="410"/>
        <v>45440.624999991349</v>
      </c>
    </row>
    <row r="3602" spans="2:14" x14ac:dyDescent="0.3">
      <c r="B3602">
        <f t="shared" si="404"/>
        <v>2</v>
      </c>
      <c r="C3602" s="16">
        <v>3568</v>
      </c>
      <c r="D3602" cm="1">
        <f t="array" ref="D3602">IFERROR(INDEX(Jesper!AH$2:AH$366,ROUNDDOWN($C3602/24,0)+1,1)*INDEX($D$3:$AA$30,INDEX(Jesper!$R$2:$R$366,ROW(INDEX(Jesper!AH$2:AH$366,ROUNDDOWN($C3602/24,0)+1,1))-1)+IF('Standard Profiles'!$G$18=$B$10,7,0)+IF('Standard Profiles'!$G$18=$B$17,14,0)+IF('Standard Profiles'!$G$18=$B$24,21,0),MOD($C3602,24)+1)/SUM(INDEX($D$3:$AA$30,INDEX(Jesper!$R$2:$R$366,ROW(INDEX(Jesper!AH$2:AH$366,ROUNDDOWN($C3602/24,0)+1,1))-1)+IF('Standard Profiles'!$G$18=$B$10,7,0)+IF('Standard Profiles'!$G$18=$B$17,14,0)+IF('Standard Profiles'!$G$18=$B$24,21,0),0)),0)</f>
        <v>14.642496518740375</v>
      </c>
      <c r="E3602" cm="1">
        <f t="array" ref="E3602">IFERROR(INDEX(Jesper!AI$2:AI$366,ROUNDDOWN($C3602/24,0)+1,1)*INDEX($D$3:$AA$30,INDEX(Jesper!$R$2:$R$366,ROW(INDEX(Jesper!AI$2:AI$366,ROUNDDOWN($C3602/24,0)+1,1))-1)+IF('Standard Profiles'!$G$19=$B$10,7,0)+IF('Standard Profiles'!$G$19=$B$17,14,0)+IF('Standard Profiles'!$G$19=$B$24,21,0),MOD($C3602,24)+1)/SUM(INDEX($D$3:$AA$30,INDEX(Jesper!$R$2:$R$366,ROW(INDEX(Jesper!AI$2:AI$366,ROUNDDOWN($C3602/24,0)+1,1))-1)+IF('Standard Profiles'!$G$19=$B$10,7,0)+IF('Standard Profiles'!$G$19=$B$17,14,0)+IF('Standard Profiles'!$G$19=$B$24,21,0),0)),0)</f>
        <v>0</v>
      </c>
      <c r="F3602" cm="1">
        <f t="array" ref="F3602">IFERROR(INDEX(Jesper!AJ$2:AJ$366,ROUNDDOWN($C3602/24,0)+1,1)*INDEX($D$3:$AA$30,INDEX(Jesper!$R$2:$R$366,ROW(INDEX(Jesper!AJ$2:AJ$366,ROUNDDOWN($C3602/24,0)+1,1))-1)+IF('Standard Profiles'!$G$20=$B$10,7,0)+IF('Standard Profiles'!$G$20=$B$17,14,0)+IF('Standard Profiles'!$G$20=$B$24,21,0),MOD($C3602,24)+1)/SUM(INDEX($D$3:$AA$30,INDEX(Jesper!$R$2:$R$366,ROW(INDEX(Jesper!AJ$2:AJ$366,ROUNDDOWN($C3602/24,0)+1,1))-1)+IF('Standard Profiles'!$G$20=$B$10,7,0)+IF('Standard Profiles'!$G$20=$B$17,14,0)+IF('Standard Profiles'!$G$20=$B$24,21,0),0)),0)</f>
        <v>0</v>
      </c>
      <c r="G3602" cm="1">
        <f t="array" ref="G3602">IFERROR(INDEX(Jesper!AK$2:AK$366,ROUNDDOWN($C3602/24,0)+1,1)*INDEX($D$3:$AA$30,INDEX(Jesper!$R$2:$R$366,ROW(INDEX(Jesper!AK$2:AK$366,ROUNDDOWN($C3602/24,0)+1,1))-1)+IF('Standard Profiles'!$G$21=$B$10,7,0)+IF('Standard Profiles'!$G$21=$B$17,14,0)+IF('Standard Profiles'!$G$21=$B$24,21,0),MOD($C3602,24)+1)/SUM(INDEX($D$3:$AA$30,INDEX(Jesper!$R$2:$R$366,ROW(INDEX(Jesper!AK$2:AK$366,ROUNDDOWN($C3602/24,0)+1,1))-1)+IF('Standard Profiles'!$G$21=$B$10,7,0)+IF('Standard Profiles'!$G$21=$B$17,14,0)+IF('Standard Profiles'!$G$21=$B$24,21,0),0)),0)</f>
        <v>0</v>
      </c>
      <c r="H3602" cm="1">
        <f t="array" ref="H3602">IFERROR(INDEX(Jesper!AL$2:AL$366,ROUNDDOWN($C3602/24,0)+1,1)*INDEX($D$3:$AA$30,INDEX(Jesper!$R$2:$R$366,ROW(INDEX(Jesper!AL$2:AL$366,ROUNDDOWN($C3602/24,0)+1,1))-1)+IF('Standard Profiles'!$G$22=$B$10,7,0)+IF('Standard Profiles'!$G$22=$B$17,14,0)+IF('Standard Profiles'!$G$22=$B$24,21,0),MOD($C3602,24)+1)/SUM(INDEX($D$3:$AA$30,INDEX(Jesper!$R$2:$R$366,ROW(INDEX(Jesper!AL$2:AL$366,ROUNDDOWN($C3602/24,0)+1,1))-1)+IF('Standard Profiles'!$G$22=$B$10,7,0)+IF('Standard Profiles'!$G$22=$B$17,14,0)+IF('Standard Profiles'!$G$22=$B$24,21,0),0)),0)</f>
        <v>0</v>
      </c>
      <c r="I3602">
        <f t="shared" si="405"/>
        <v>0.43927489556221122</v>
      </c>
      <c r="J3602">
        <f t="shared" si="406"/>
        <v>1.4642496518740375</v>
      </c>
      <c r="K3602">
        <f t="shared" si="407"/>
        <v>2.1963744778110561</v>
      </c>
      <c r="L3602">
        <f t="shared" si="408"/>
        <v>10.542597493493069</v>
      </c>
      <c r="M3602">
        <f t="shared" si="409"/>
        <v>0</v>
      </c>
      <c r="N3602" s="46">
        <f t="shared" si="410"/>
        <v>45440.666666658013</v>
      </c>
    </row>
    <row r="3603" spans="2:14" x14ac:dyDescent="0.3">
      <c r="B3603">
        <f t="shared" si="404"/>
        <v>2</v>
      </c>
      <c r="C3603" s="16">
        <v>3569</v>
      </c>
      <c r="D3603" cm="1">
        <f t="array" ref="D3603">IFERROR(INDEX(Jesper!AH$2:AH$366,ROUNDDOWN($C3603/24,0)+1,1)*INDEX($D$3:$AA$30,INDEX(Jesper!$R$2:$R$366,ROW(INDEX(Jesper!AH$2:AH$366,ROUNDDOWN($C3603/24,0)+1,1))-1)+IF('Standard Profiles'!$G$18=$B$10,7,0)+IF('Standard Profiles'!$G$18=$B$17,14,0)+IF('Standard Profiles'!$G$18=$B$24,21,0),MOD($C3603,24)+1)/SUM(INDEX($D$3:$AA$30,INDEX(Jesper!$R$2:$R$366,ROW(INDEX(Jesper!AH$2:AH$366,ROUNDDOWN($C3603/24,0)+1,1))-1)+IF('Standard Profiles'!$G$18=$B$10,7,0)+IF('Standard Profiles'!$G$18=$B$17,14,0)+IF('Standard Profiles'!$G$18=$B$24,21,0),0)),0)</f>
        <v>14.642496518740375</v>
      </c>
      <c r="E3603" cm="1">
        <f t="array" ref="E3603">IFERROR(INDEX(Jesper!AI$2:AI$366,ROUNDDOWN($C3603/24,0)+1,1)*INDEX($D$3:$AA$30,INDEX(Jesper!$R$2:$R$366,ROW(INDEX(Jesper!AI$2:AI$366,ROUNDDOWN($C3603/24,0)+1,1))-1)+IF('Standard Profiles'!$G$19=$B$10,7,0)+IF('Standard Profiles'!$G$19=$B$17,14,0)+IF('Standard Profiles'!$G$19=$B$24,21,0),MOD($C3603,24)+1)/SUM(INDEX($D$3:$AA$30,INDEX(Jesper!$R$2:$R$366,ROW(INDEX(Jesper!AI$2:AI$366,ROUNDDOWN($C3603/24,0)+1,1))-1)+IF('Standard Profiles'!$G$19=$B$10,7,0)+IF('Standard Profiles'!$G$19=$B$17,14,0)+IF('Standard Profiles'!$G$19=$B$24,21,0),0)),0)</f>
        <v>0</v>
      </c>
      <c r="F3603" cm="1">
        <f t="array" ref="F3603">IFERROR(INDEX(Jesper!AJ$2:AJ$366,ROUNDDOWN($C3603/24,0)+1,1)*INDEX($D$3:$AA$30,INDEX(Jesper!$R$2:$R$366,ROW(INDEX(Jesper!AJ$2:AJ$366,ROUNDDOWN($C3603/24,0)+1,1))-1)+IF('Standard Profiles'!$G$20=$B$10,7,0)+IF('Standard Profiles'!$G$20=$B$17,14,0)+IF('Standard Profiles'!$G$20=$B$24,21,0),MOD($C3603,24)+1)/SUM(INDEX($D$3:$AA$30,INDEX(Jesper!$R$2:$R$366,ROW(INDEX(Jesper!AJ$2:AJ$366,ROUNDDOWN($C3603/24,0)+1,1))-1)+IF('Standard Profiles'!$G$20=$B$10,7,0)+IF('Standard Profiles'!$G$20=$B$17,14,0)+IF('Standard Profiles'!$G$20=$B$24,21,0),0)),0)</f>
        <v>0</v>
      </c>
      <c r="G3603" cm="1">
        <f t="array" ref="G3603">IFERROR(INDEX(Jesper!AK$2:AK$366,ROUNDDOWN($C3603/24,0)+1,1)*INDEX($D$3:$AA$30,INDEX(Jesper!$R$2:$R$366,ROW(INDEX(Jesper!AK$2:AK$366,ROUNDDOWN($C3603/24,0)+1,1))-1)+IF('Standard Profiles'!$G$21=$B$10,7,0)+IF('Standard Profiles'!$G$21=$B$17,14,0)+IF('Standard Profiles'!$G$21=$B$24,21,0),MOD($C3603,24)+1)/SUM(INDEX($D$3:$AA$30,INDEX(Jesper!$R$2:$R$366,ROW(INDEX(Jesper!AK$2:AK$366,ROUNDDOWN($C3603/24,0)+1,1))-1)+IF('Standard Profiles'!$G$21=$B$10,7,0)+IF('Standard Profiles'!$G$21=$B$17,14,0)+IF('Standard Profiles'!$G$21=$B$24,21,0),0)),0)</f>
        <v>0</v>
      </c>
      <c r="H3603" cm="1">
        <f t="array" ref="H3603">IFERROR(INDEX(Jesper!AL$2:AL$366,ROUNDDOWN($C3603/24,0)+1,1)*INDEX($D$3:$AA$30,INDEX(Jesper!$R$2:$R$366,ROW(INDEX(Jesper!AL$2:AL$366,ROUNDDOWN($C3603/24,0)+1,1))-1)+IF('Standard Profiles'!$G$22=$B$10,7,0)+IF('Standard Profiles'!$G$22=$B$17,14,0)+IF('Standard Profiles'!$G$22=$B$24,21,0),MOD($C3603,24)+1)/SUM(INDEX($D$3:$AA$30,INDEX(Jesper!$R$2:$R$366,ROW(INDEX(Jesper!AL$2:AL$366,ROUNDDOWN($C3603/24,0)+1,1))-1)+IF('Standard Profiles'!$G$22=$B$10,7,0)+IF('Standard Profiles'!$G$22=$B$17,14,0)+IF('Standard Profiles'!$G$22=$B$24,21,0),0)),0)</f>
        <v>0</v>
      </c>
      <c r="I3603">
        <f t="shared" si="405"/>
        <v>0.43927489556221122</v>
      </c>
      <c r="J3603">
        <f t="shared" si="406"/>
        <v>1.4642496518740375</v>
      </c>
      <c r="K3603">
        <f t="shared" si="407"/>
        <v>2.1963744778110561</v>
      </c>
      <c r="L3603">
        <f t="shared" si="408"/>
        <v>10.542597493493069</v>
      </c>
      <c r="M3603">
        <f t="shared" si="409"/>
        <v>0</v>
      </c>
      <c r="N3603" s="46">
        <f t="shared" si="410"/>
        <v>45440.708333324677</v>
      </c>
    </row>
    <row r="3604" spans="2:14" x14ac:dyDescent="0.3">
      <c r="B3604">
        <f t="shared" si="404"/>
        <v>2</v>
      </c>
      <c r="C3604" s="16">
        <v>3570</v>
      </c>
      <c r="D3604" cm="1">
        <f t="array" ref="D3604">IFERROR(INDEX(Jesper!AH$2:AH$366,ROUNDDOWN($C3604/24,0)+1,1)*INDEX($D$3:$AA$30,INDEX(Jesper!$R$2:$R$366,ROW(INDEX(Jesper!AH$2:AH$366,ROUNDDOWN($C3604/24,0)+1,1))-1)+IF('Standard Profiles'!$G$18=$B$10,7,0)+IF('Standard Profiles'!$G$18=$B$17,14,0)+IF('Standard Profiles'!$G$18=$B$24,21,0),MOD($C3604,24)+1)/SUM(INDEX($D$3:$AA$30,INDEX(Jesper!$R$2:$R$366,ROW(INDEX(Jesper!AH$2:AH$366,ROUNDDOWN($C3604/24,0)+1,1))-1)+IF('Standard Profiles'!$G$18=$B$10,7,0)+IF('Standard Profiles'!$G$18=$B$17,14,0)+IF('Standard Profiles'!$G$18=$B$24,21,0),0)),0)</f>
        <v>14.642496518740375</v>
      </c>
      <c r="E3604" cm="1">
        <f t="array" ref="E3604">IFERROR(INDEX(Jesper!AI$2:AI$366,ROUNDDOWN($C3604/24,0)+1,1)*INDEX($D$3:$AA$30,INDEX(Jesper!$R$2:$R$366,ROW(INDEX(Jesper!AI$2:AI$366,ROUNDDOWN($C3604/24,0)+1,1))-1)+IF('Standard Profiles'!$G$19=$B$10,7,0)+IF('Standard Profiles'!$G$19=$B$17,14,0)+IF('Standard Profiles'!$G$19=$B$24,21,0),MOD($C3604,24)+1)/SUM(INDEX($D$3:$AA$30,INDEX(Jesper!$R$2:$R$366,ROW(INDEX(Jesper!AI$2:AI$366,ROUNDDOWN($C3604/24,0)+1,1))-1)+IF('Standard Profiles'!$G$19=$B$10,7,0)+IF('Standard Profiles'!$G$19=$B$17,14,0)+IF('Standard Profiles'!$G$19=$B$24,21,0),0)),0)</f>
        <v>0</v>
      </c>
      <c r="F3604" cm="1">
        <f t="array" ref="F3604">IFERROR(INDEX(Jesper!AJ$2:AJ$366,ROUNDDOWN($C3604/24,0)+1,1)*INDEX($D$3:$AA$30,INDEX(Jesper!$R$2:$R$366,ROW(INDEX(Jesper!AJ$2:AJ$366,ROUNDDOWN($C3604/24,0)+1,1))-1)+IF('Standard Profiles'!$G$20=$B$10,7,0)+IF('Standard Profiles'!$G$20=$B$17,14,0)+IF('Standard Profiles'!$G$20=$B$24,21,0),MOD($C3604,24)+1)/SUM(INDEX($D$3:$AA$30,INDEX(Jesper!$R$2:$R$366,ROW(INDEX(Jesper!AJ$2:AJ$366,ROUNDDOWN($C3604/24,0)+1,1))-1)+IF('Standard Profiles'!$G$20=$B$10,7,0)+IF('Standard Profiles'!$G$20=$B$17,14,0)+IF('Standard Profiles'!$G$20=$B$24,21,0),0)),0)</f>
        <v>0</v>
      </c>
      <c r="G3604" cm="1">
        <f t="array" ref="G3604">IFERROR(INDEX(Jesper!AK$2:AK$366,ROUNDDOWN($C3604/24,0)+1,1)*INDEX($D$3:$AA$30,INDEX(Jesper!$R$2:$R$366,ROW(INDEX(Jesper!AK$2:AK$366,ROUNDDOWN($C3604/24,0)+1,1))-1)+IF('Standard Profiles'!$G$21=$B$10,7,0)+IF('Standard Profiles'!$G$21=$B$17,14,0)+IF('Standard Profiles'!$G$21=$B$24,21,0),MOD($C3604,24)+1)/SUM(INDEX($D$3:$AA$30,INDEX(Jesper!$R$2:$R$366,ROW(INDEX(Jesper!AK$2:AK$366,ROUNDDOWN($C3604/24,0)+1,1))-1)+IF('Standard Profiles'!$G$21=$B$10,7,0)+IF('Standard Profiles'!$G$21=$B$17,14,0)+IF('Standard Profiles'!$G$21=$B$24,21,0),0)),0)</f>
        <v>0</v>
      </c>
      <c r="H3604" cm="1">
        <f t="array" ref="H3604">IFERROR(INDEX(Jesper!AL$2:AL$366,ROUNDDOWN($C3604/24,0)+1,1)*INDEX($D$3:$AA$30,INDEX(Jesper!$R$2:$R$366,ROW(INDEX(Jesper!AL$2:AL$366,ROUNDDOWN($C3604/24,0)+1,1))-1)+IF('Standard Profiles'!$G$22=$B$10,7,0)+IF('Standard Profiles'!$G$22=$B$17,14,0)+IF('Standard Profiles'!$G$22=$B$24,21,0),MOD($C3604,24)+1)/SUM(INDEX($D$3:$AA$30,INDEX(Jesper!$R$2:$R$366,ROW(INDEX(Jesper!AL$2:AL$366,ROUNDDOWN($C3604/24,0)+1,1))-1)+IF('Standard Profiles'!$G$22=$B$10,7,0)+IF('Standard Profiles'!$G$22=$B$17,14,0)+IF('Standard Profiles'!$G$22=$B$24,21,0),0)),0)</f>
        <v>0</v>
      </c>
      <c r="I3604">
        <f t="shared" si="405"/>
        <v>0.43927489556221122</v>
      </c>
      <c r="J3604">
        <f t="shared" si="406"/>
        <v>1.4642496518740375</v>
      </c>
      <c r="K3604">
        <f t="shared" si="407"/>
        <v>2.1963744778110561</v>
      </c>
      <c r="L3604">
        <f t="shared" si="408"/>
        <v>10.542597493493069</v>
      </c>
      <c r="M3604">
        <f t="shared" si="409"/>
        <v>0</v>
      </c>
      <c r="N3604" s="46">
        <f t="shared" si="410"/>
        <v>45440.749999991342</v>
      </c>
    </row>
    <row r="3605" spans="2:14" x14ac:dyDescent="0.3">
      <c r="B3605">
        <f t="shared" si="404"/>
        <v>2</v>
      </c>
      <c r="C3605" s="16">
        <v>3571</v>
      </c>
      <c r="D3605" cm="1">
        <f t="array" ref="D3605">IFERROR(INDEX(Jesper!AH$2:AH$366,ROUNDDOWN($C3605/24,0)+1,1)*INDEX($D$3:$AA$30,INDEX(Jesper!$R$2:$R$366,ROW(INDEX(Jesper!AH$2:AH$366,ROUNDDOWN($C3605/24,0)+1,1))-1)+IF('Standard Profiles'!$G$18=$B$10,7,0)+IF('Standard Profiles'!$G$18=$B$17,14,0)+IF('Standard Profiles'!$G$18=$B$24,21,0),MOD($C3605,24)+1)/SUM(INDEX($D$3:$AA$30,INDEX(Jesper!$R$2:$R$366,ROW(INDEX(Jesper!AH$2:AH$366,ROUNDDOWN($C3605/24,0)+1,1))-1)+IF('Standard Profiles'!$G$18=$B$10,7,0)+IF('Standard Profiles'!$G$18=$B$17,14,0)+IF('Standard Profiles'!$G$18=$B$24,21,0),0)),0)</f>
        <v>12.263090834445064</v>
      </c>
      <c r="E3605" cm="1">
        <f t="array" ref="E3605">IFERROR(INDEX(Jesper!AI$2:AI$366,ROUNDDOWN($C3605/24,0)+1,1)*INDEX($D$3:$AA$30,INDEX(Jesper!$R$2:$R$366,ROW(INDEX(Jesper!AI$2:AI$366,ROUNDDOWN($C3605/24,0)+1,1))-1)+IF('Standard Profiles'!$G$19=$B$10,7,0)+IF('Standard Profiles'!$G$19=$B$17,14,0)+IF('Standard Profiles'!$G$19=$B$24,21,0),MOD($C3605,24)+1)/SUM(INDEX($D$3:$AA$30,INDEX(Jesper!$R$2:$R$366,ROW(INDEX(Jesper!AI$2:AI$366,ROUNDDOWN($C3605/24,0)+1,1))-1)+IF('Standard Profiles'!$G$19=$B$10,7,0)+IF('Standard Profiles'!$G$19=$B$17,14,0)+IF('Standard Profiles'!$G$19=$B$24,21,0),0)),0)</f>
        <v>0</v>
      </c>
      <c r="F3605" cm="1">
        <f t="array" ref="F3605">IFERROR(INDEX(Jesper!AJ$2:AJ$366,ROUNDDOWN($C3605/24,0)+1,1)*INDEX($D$3:$AA$30,INDEX(Jesper!$R$2:$R$366,ROW(INDEX(Jesper!AJ$2:AJ$366,ROUNDDOWN($C3605/24,0)+1,1))-1)+IF('Standard Profiles'!$G$20=$B$10,7,0)+IF('Standard Profiles'!$G$20=$B$17,14,0)+IF('Standard Profiles'!$G$20=$B$24,21,0),MOD($C3605,24)+1)/SUM(INDEX($D$3:$AA$30,INDEX(Jesper!$R$2:$R$366,ROW(INDEX(Jesper!AJ$2:AJ$366,ROUNDDOWN($C3605/24,0)+1,1))-1)+IF('Standard Profiles'!$G$20=$B$10,7,0)+IF('Standard Profiles'!$G$20=$B$17,14,0)+IF('Standard Profiles'!$G$20=$B$24,21,0),0)),0)</f>
        <v>0</v>
      </c>
      <c r="G3605" cm="1">
        <f t="array" ref="G3605">IFERROR(INDEX(Jesper!AK$2:AK$366,ROUNDDOWN($C3605/24,0)+1,1)*INDEX($D$3:$AA$30,INDEX(Jesper!$R$2:$R$366,ROW(INDEX(Jesper!AK$2:AK$366,ROUNDDOWN($C3605/24,0)+1,1))-1)+IF('Standard Profiles'!$G$21=$B$10,7,0)+IF('Standard Profiles'!$G$21=$B$17,14,0)+IF('Standard Profiles'!$G$21=$B$24,21,0),MOD($C3605,24)+1)/SUM(INDEX($D$3:$AA$30,INDEX(Jesper!$R$2:$R$366,ROW(INDEX(Jesper!AK$2:AK$366,ROUNDDOWN($C3605/24,0)+1,1))-1)+IF('Standard Profiles'!$G$21=$B$10,7,0)+IF('Standard Profiles'!$G$21=$B$17,14,0)+IF('Standard Profiles'!$G$21=$B$24,21,0),0)),0)</f>
        <v>0</v>
      </c>
      <c r="H3605" cm="1">
        <f t="array" ref="H3605">IFERROR(INDEX(Jesper!AL$2:AL$366,ROUNDDOWN($C3605/24,0)+1,1)*INDEX($D$3:$AA$30,INDEX(Jesper!$R$2:$R$366,ROW(INDEX(Jesper!AL$2:AL$366,ROUNDDOWN($C3605/24,0)+1,1))-1)+IF('Standard Profiles'!$G$22=$B$10,7,0)+IF('Standard Profiles'!$G$22=$B$17,14,0)+IF('Standard Profiles'!$G$22=$B$24,21,0),MOD($C3605,24)+1)/SUM(INDEX($D$3:$AA$30,INDEX(Jesper!$R$2:$R$366,ROW(INDEX(Jesper!AL$2:AL$366,ROUNDDOWN($C3605/24,0)+1,1))-1)+IF('Standard Profiles'!$G$22=$B$10,7,0)+IF('Standard Profiles'!$G$22=$B$17,14,0)+IF('Standard Profiles'!$G$22=$B$24,21,0),0)),0)</f>
        <v>0</v>
      </c>
      <c r="I3605">
        <f t="shared" si="405"/>
        <v>0.36789272503335191</v>
      </c>
      <c r="J3605">
        <f t="shared" si="406"/>
        <v>1.2263090834445065</v>
      </c>
      <c r="K3605">
        <f t="shared" si="407"/>
        <v>1.8394636251667595</v>
      </c>
      <c r="L3605">
        <f t="shared" si="408"/>
        <v>8.8294254008004458</v>
      </c>
      <c r="M3605">
        <f t="shared" si="409"/>
        <v>0</v>
      </c>
      <c r="N3605" s="46">
        <f t="shared" si="410"/>
        <v>45440.791666658006</v>
      </c>
    </row>
    <row r="3606" spans="2:14" x14ac:dyDescent="0.3">
      <c r="B3606">
        <f t="shared" si="404"/>
        <v>2</v>
      </c>
      <c r="C3606" s="16">
        <v>3572</v>
      </c>
      <c r="D3606" cm="1">
        <f t="array" ref="D3606">IFERROR(INDEX(Jesper!AH$2:AH$366,ROUNDDOWN($C3606/24,0)+1,1)*INDEX($D$3:$AA$30,INDEX(Jesper!$R$2:$R$366,ROW(INDEX(Jesper!AH$2:AH$366,ROUNDDOWN($C3606/24,0)+1,1))-1)+IF('Standard Profiles'!$G$18=$B$10,7,0)+IF('Standard Profiles'!$G$18=$B$17,14,0)+IF('Standard Profiles'!$G$18=$B$24,21,0),MOD($C3606,24)+1)/SUM(INDEX($D$3:$AA$30,INDEX(Jesper!$R$2:$R$366,ROW(INDEX(Jesper!AH$2:AH$366,ROUNDDOWN($C3606/24,0)+1,1))-1)+IF('Standard Profiles'!$G$18=$B$10,7,0)+IF('Standard Profiles'!$G$18=$B$17,14,0)+IF('Standard Profiles'!$G$18=$B$24,21,0),0)),0)</f>
        <v>10.066716356634007</v>
      </c>
      <c r="E3606" cm="1">
        <f t="array" ref="E3606">IFERROR(INDEX(Jesper!AI$2:AI$366,ROUNDDOWN($C3606/24,0)+1,1)*INDEX($D$3:$AA$30,INDEX(Jesper!$R$2:$R$366,ROW(INDEX(Jesper!AI$2:AI$366,ROUNDDOWN($C3606/24,0)+1,1))-1)+IF('Standard Profiles'!$G$19=$B$10,7,0)+IF('Standard Profiles'!$G$19=$B$17,14,0)+IF('Standard Profiles'!$G$19=$B$24,21,0),MOD($C3606,24)+1)/SUM(INDEX($D$3:$AA$30,INDEX(Jesper!$R$2:$R$366,ROW(INDEX(Jesper!AI$2:AI$366,ROUNDDOWN($C3606/24,0)+1,1))-1)+IF('Standard Profiles'!$G$19=$B$10,7,0)+IF('Standard Profiles'!$G$19=$B$17,14,0)+IF('Standard Profiles'!$G$19=$B$24,21,0),0)),0)</f>
        <v>0</v>
      </c>
      <c r="F3606" cm="1">
        <f t="array" ref="F3606">IFERROR(INDEX(Jesper!AJ$2:AJ$366,ROUNDDOWN($C3606/24,0)+1,1)*INDEX($D$3:$AA$30,INDEX(Jesper!$R$2:$R$366,ROW(INDEX(Jesper!AJ$2:AJ$366,ROUNDDOWN($C3606/24,0)+1,1))-1)+IF('Standard Profiles'!$G$20=$B$10,7,0)+IF('Standard Profiles'!$G$20=$B$17,14,0)+IF('Standard Profiles'!$G$20=$B$24,21,0),MOD($C3606,24)+1)/SUM(INDEX($D$3:$AA$30,INDEX(Jesper!$R$2:$R$366,ROW(INDEX(Jesper!AJ$2:AJ$366,ROUNDDOWN($C3606/24,0)+1,1))-1)+IF('Standard Profiles'!$G$20=$B$10,7,0)+IF('Standard Profiles'!$G$20=$B$17,14,0)+IF('Standard Profiles'!$G$20=$B$24,21,0),0)),0)</f>
        <v>0</v>
      </c>
      <c r="G3606" cm="1">
        <f t="array" ref="G3606">IFERROR(INDEX(Jesper!AK$2:AK$366,ROUNDDOWN($C3606/24,0)+1,1)*INDEX($D$3:$AA$30,INDEX(Jesper!$R$2:$R$366,ROW(INDEX(Jesper!AK$2:AK$366,ROUNDDOWN($C3606/24,0)+1,1))-1)+IF('Standard Profiles'!$G$21=$B$10,7,0)+IF('Standard Profiles'!$G$21=$B$17,14,0)+IF('Standard Profiles'!$G$21=$B$24,21,0),MOD($C3606,24)+1)/SUM(INDEX($D$3:$AA$30,INDEX(Jesper!$R$2:$R$366,ROW(INDEX(Jesper!AK$2:AK$366,ROUNDDOWN($C3606/24,0)+1,1))-1)+IF('Standard Profiles'!$G$21=$B$10,7,0)+IF('Standard Profiles'!$G$21=$B$17,14,0)+IF('Standard Profiles'!$G$21=$B$24,21,0),0)),0)</f>
        <v>0</v>
      </c>
      <c r="H3606" cm="1">
        <f t="array" ref="H3606">IFERROR(INDEX(Jesper!AL$2:AL$366,ROUNDDOWN($C3606/24,0)+1,1)*INDEX($D$3:$AA$30,INDEX(Jesper!$R$2:$R$366,ROW(INDEX(Jesper!AL$2:AL$366,ROUNDDOWN($C3606/24,0)+1,1))-1)+IF('Standard Profiles'!$G$22=$B$10,7,0)+IF('Standard Profiles'!$G$22=$B$17,14,0)+IF('Standard Profiles'!$G$22=$B$24,21,0),MOD($C3606,24)+1)/SUM(INDEX($D$3:$AA$30,INDEX(Jesper!$R$2:$R$366,ROW(INDEX(Jesper!AL$2:AL$366,ROUNDDOWN($C3606/24,0)+1,1))-1)+IF('Standard Profiles'!$G$22=$B$10,7,0)+IF('Standard Profiles'!$G$22=$B$17,14,0)+IF('Standard Profiles'!$G$22=$B$24,21,0),0)),0)</f>
        <v>0</v>
      </c>
      <c r="I3606">
        <f t="shared" si="405"/>
        <v>0.30200149069902021</v>
      </c>
      <c r="J3606">
        <f t="shared" si="406"/>
        <v>1.0066716356634007</v>
      </c>
      <c r="K3606">
        <f t="shared" si="407"/>
        <v>1.5100074534951011</v>
      </c>
      <c r="L3606">
        <f t="shared" si="408"/>
        <v>7.2480357767764847</v>
      </c>
      <c r="M3606">
        <f t="shared" si="409"/>
        <v>0</v>
      </c>
      <c r="N3606" s="46">
        <f t="shared" si="410"/>
        <v>45440.83333332467</v>
      </c>
    </row>
    <row r="3607" spans="2:14" x14ac:dyDescent="0.3">
      <c r="B3607">
        <f t="shared" si="404"/>
        <v>2</v>
      </c>
      <c r="C3607" s="16">
        <v>3573</v>
      </c>
      <c r="D3607" cm="1">
        <f t="array" ref="D3607">IFERROR(INDEX(Jesper!AH$2:AH$366,ROUNDDOWN($C3607/24,0)+1,1)*INDEX($D$3:$AA$30,INDEX(Jesper!$R$2:$R$366,ROW(INDEX(Jesper!AH$2:AH$366,ROUNDDOWN($C3607/24,0)+1,1))-1)+IF('Standard Profiles'!$G$18=$B$10,7,0)+IF('Standard Profiles'!$G$18=$B$17,14,0)+IF('Standard Profiles'!$G$18=$B$24,21,0),MOD($C3607,24)+1)/SUM(INDEX($D$3:$AA$30,INDEX(Jesper!$R$2:$R$366,ROW(INDEX(Jesper!AH$2:AH$366,ROUNDDOWN($C3607/24,0)+1,1))-1)+IF('Standard Profiles'!$G$18=$B$10,7,0)+IF('Standard Profiles'!$G$18=$B$17,14,0)+IF('Standard Profiles'!$G$18=$B$24,21,0),0)),0)</f>
        <v>7.3212482593701873</v>
      </c>
      <c r="E3607" cm="1">
        <f t="array" ref="E3607">IFERROR(INDEX(Jesper!AI$2:AI$366,ROUNDDOWN($C3607/24,0)+1,1)*INDEX($D$3:$AA$30,INDEX(Jesper!$R$2:$R$366,ROW(INDEX(Jesper!AI$2:AI$366,ROUNDDOWN($C3607/24,0)+1,1))-1)+IF('Standard Profiles'!$G$19=$B$10,7,0)+IF('Standard Profiles'!$G$19=$B$17,14,0)+IF('Standard Profiles'!$G$19=$B$24,21,0),MOD($C3607,24)+1)/SUM(INDEX($D$3:$AA$30,INDEX(Jesper!$R$2:$R$366,ROW(INDEX(Jesper!AI$2:AI$366,ROUNDDOWN($C3607/24,0)+1,1))-1)+IF('Standard Profiles'!$G$19=$B$10,7,0)+IF('Standard Profiles'!$G$19=$B$17,14,0)+IF('Standard Profiles'!$G$19=$B$24,21,0),0)),0)</f>
        <v>0</v>
      </c>
      <c r="F3607" cm="1">
        <f t="array" ref="F3607">IFERROR(INDEX(Jesper!AJ$2:AJ$366,ROUNDDOWN($C3607/24,0)+1,1)*INDEX($D$3:$AA$30,INDEX(Jesper!$R$2:$R$366,ROW(INDEX(Jesper!AJ$2:AJ$366,ROUNDDOWN($C3607/24,0)+1,1))-1)+IF('Standard Profiles'!$G$20=$B$10,7,0)+IF('Standard Profiles'!$G$20=$B$17,14,0)+IF('Standard Profiles'!$G$20=$B$24,21,0),MOD($C3607,24)+1)/SUM(INDEX($D$3:$AA$30,INDEX(Jesper!$R$2:$R$366,ROW(INDEX(Jesper!AJ$2:AJ$366,ROUNDDOWN($C3607/24,0)+1,1))-1)+IF('Standard Profiles'!$G$20=$B$10,7,0)+IF('Standard Profiles'!$G$20=$B$17,14,0)+IF('Standard Profiles'!$G$20=$B$24,21,0),0)),0)</f>
        <v>0</v>
      </c>
      <c r="G3607" cm="1">
        <f t="array" ref="G3607">IFERROR(INDEX(Jesper!AK$2:AK$366,ROUNDDOWN($C3607/24,0)+1,1)*INDEX($D$3:$AA$30,INDEX(Jesper!$R$2:$R$366,ROW(INDEX(Jesper!AK$2:AK$366,ROUNDDOWN($C3607/24,0)+1,1))-1)+IF('Standard Profiles'!$G$21=$B$10,7,0)+IF('Standard Profiles'!$G$21=$B$17,14,0)+IF('Standard Profiles'!$G$21=$B$24,21,0),MOD($C3607,24)+1)/SUM(INDEX($D$3:$AA$30,INDEX(Jesper!$R$2:$R$366,ROW(INDEX(Jesper!AK$2:AK$366,ROUNDDOWN($C3607/24,0)+1,1))-1)+IF('Standard Profiles'!$G$21=$B$10,7,0)+IF('Standard Profiles'!$G$21=$B$17,14,0)+IF('Standard Profiles'!$G$21=$B$24,21,0),0)),0)</f>
        <v>0</v>
      </c>
      <c r="H3607" cm="1">
        <f t="array" ref="H3607">IFERROR(INDEX(Jesper!AL$2:AL$366,ROUNDDOWN($C3607/24,0)+1,1)*INDEX($D$3:$AA$30,INDEX(Jesper!$R$2:$R$366,ROW(INDEX(Jesper!AL$2:AL$366,ROUNDDOWN($C3607/24,0)+1,1))-1)+IF('Standard Profiles'!$G$22=$B$10,7,0)+IF('Standard Profiles'!$G$22=$B$17,14,0)+IF('Standard Profiles'!$G$22=$B$24,21,0),MOD($C3607,24)+1)/SUM(INDEX($D$3:$AA$30,INDEX(Jesper!$R$2:$R$366,ROW(INDEX(Jesper!AL$2:AL$366,ROUNDDOWN($C3607/24,0)+1,1))-1)+IF('Standard Profiles'!$G$22=$B$10,7,0)+IF('Standard Profiles'!$G$22=$B$17,14,0)+IF('Standard Profiles'!$G$22=$B$24,21,0),0)),0)</f>
        <v>0</v>
      </c>
      <c r="I3607">
        <f t="shared" si="405"/>
        <v>0.21963744778110561</v>
      </c>
      <c r="J3607">
        <f t="shared" si="406"/>
        <v>0.73212482593701877</v>
      </c>
      <c r="K3607">
        <f t="shared" si="407"/>
        <v>1.0981872389055281</v>
      </c>
      <c r="L3607">
        <f t="shared" si="408"/>
        <v>5.2712987467465346</v>
      </c>
      <c r="M3607">
        <f t="shared" si="409"/>
        <v>0</v>
      </c>
      <c r="N3607" s="46">
        <f t="shared" si="410"/>
        <v>45440.874999991334</v>
      </c>
    </row>
    <row r="3608" spans="2:14" x14ac:dyDescent="0.3">
      <c r="B3608">
        <f t="shared" si="404"/>
        <v>2</v>
      </c>
      <c r="C3608" s="16">
        <v>3574</v>
      </c>
      <c r="D3608" cm="1">
        <f t="array" ref="D3608">IFERROR(INDEX(Jesper!AH$2:AH$366,ROUNDDOWN($C3608/24,0)+1,1)*INDEX($D$3:$AA$30,INDEX(Jesper!$R$2:$R$366,ROW(INDEX(Jesper!AH$2:AH$366,ROUNDDOWN($C3608/24,0)+1,1))-1)+IF('Standard Profiles'!$G$18=$B$10,7,0)+IF('Standard Profiles'!$G$18=$B$17,14,0)+IF('Standard Profiles'!$G$18=$B$24,21,0),MOD($C3608,24)+1)/SUM(INDEX($D$3:$AA$30,INDEX(Jesper!$R$2:$R$366,ROW(INDEX(Jesper!AH$2:AH$366,ROUNDDOWN($C3608/24,0)+1,1))-1)+IF('Standard Profiles'!$G$18=$B$10,7,0)+IF('Standard Profiles'!$G$18=$B$17,14,0)+IF('Standard Profiles'!$G$18=$B$24,21,0),0)),0)</f>
        <v>7.3212482593701873</v>
      </c>
      <c r="E3608" cm="1">
        <f t="array" ref="E3608">IFERROR(INDEX(Jesper!AI$2:AI$366,ROUNDDOWN($C3608/24,0)+1,1)*INDEX($D$3:$AA$30,INDEX(Jesper!$R$2:$R$366,ROW(INDEX(Jesper!AI$2:AI$366,ROUNDDOWN($C3608/24,0)+1,1))-1)+IF('Standard Profiles'!$G$19=$B$10,7,0)+IF('Standard Profiles'!$G$19=$B$17,14,0)+IF('Standard Profiles'!$G$19=$B$24,21,0),MOD($C3608,24)+1)/SUM(INDEX($D$3:$AA$30,INDEX(Jesper!$R$2:$R$366,ROW(INDEX(Jesper!AI$2:AI$366,ROUNDDOWN($C3608/24,0)+1,1))-1)+IF('Standard Profiles'!$G$19=$B$10,7,0)+IF('Standard Profiles'!$G$19=$B$17,14,0)+IF('Standard Profiles'!$G$19=$B$24,21,0),0)),0)</f>
        <v>0</v>
      </c>
      <c r="F3608" cm="1">
        <f t="array" ref="F3608">IFERROR(INDEX(Jesper!AJ$2:AJ$366,ROUNDDOWN($C3608/24,0)+1,1)*INDEX($D$3:$AA$30,INDEX(Jesper!$R$2:$R$366,ROW(INDEX(Jesper!AJ$2:AJ$366,ROUNDDOWN($C3608/24,0)+1,1))-1)+IF('Standard Profiles'!$G$20=$B$10,7,0)+IF('Standard Profiles'!$G$20=$B$17,14,0)+IF('Standard Profiles'!$G$20=$B$24,21,0),MOD($C3608,24)+1)/SUM(INDEX($D$3:$AA$30,INDEX(Jesper!$R$2:$R$366,ROW(INDEX(Jesper!AJ$2:AJ$366,ROUNDDOWN($C3608/24,0)+1,1))-1)+IF('Standard Profiles'!$G$20=$B$10,7,0)+IF('Standard Profiles'!$G$20=$B$17,14,0)+IF('Standard Profiles'!$G$20=$B$24,21,0),0)),0)</f>
        <v>0</v>
      </c>
      <c r="G3608" cm="1">
        <f t="array" ref="G3608">IFERROR(INDEX(Jesper!AK$2:AK$366,ROUNDDOWN($C3608/24,0)+1,1)*INDEX($D$3:$AA$30,INDEX(Jesper!$R$2:$R$366,ROW(INDEX(Jesper!AK$2:AK$366,ROUNDDOWN($C3608/24,0)+1,1))-1)+IF('Standard Profiles'!$G$21=$B$10,7,0)+IF('Standard Profiles'!$G$21=$B$17,14,0)+IF('Standard Profiles'!$G$21=$B$24,21,0),MOD($C3608,24)+1)/SUM(INDEX($D$3:$AA$30,INDEX(Jesper!$R$2:$R$366,ROW(INDEX(Jesper!AK$2:AK$366,ROUNDDOWN($C3608/24,0)+1,1))-1)+IF('Standard Profiles'!$G$21=$B$10,7,0)+IF('Standard Profiles'!$G$21=$B$17,14,0)+IF('Standard Profiles'!$G$21=$B$24,21,0),0)),0)</f>
        <v>0</v>
      </c>
      <c r="H3608" cm="1">
        <f t="array" ref="H3608">IFERROR(INDEX(Jesper!AL$2:AL$366,ROUNDDOWN($C3608/24,0)+1,1)*INDEX($D$3:$AA$30,INDEX(Jesper!$R$2:$R$366,ROW(INDEX(Jesper!AL$2:AL$366,ROUNDDOWN($C3608/24,0)+1,1))-1)+IF('Standard Profiles'!$G$22=$B$10,7,0)+IF('Standard Profiles'!$G$22=$B$17,14,0)+IF('Standard Profiles'!$G$22=$B$24,21,0),MOD($C3608,24)+1)/SUM(INDEX($D$3:$AA$30,INDEX(Jesper!$R$2:$R$366,ROW(INDEX(Jesper!AL$2:AL$366,ROUNDDOWN($C3608/24,0)+1,1))-1)+IF('Standard Profiles'!$G$22=$B$10,7,0)+IF('Standard Profiles'!$G$22=$B$17,14,0)+IF('Standard Profiles'!$G$22=$B$24,21,0),0)),0)</f>
        <v>0</v>
      </c>
      <c r="I3608">
        <f t="shared" si="405"/>
        <v>0.21963744778110561</v>
      </c>
      <c r="J3608">
        <f t="shared" si="406"/>
        <v>0.73212482593701877</v>
      </c>
      <c r="K3608">
        <f t="shared" si="407"/>
        <v>1.0981872389055281</v>
      </c>
      <c r="L3608">
        <f t="shared" si="408"/>
        <v>5.2712987467465346</v>
      </c>
      <c r="M3608">
        <f t="shared" si="409"/>
        <v>0</v>
      </c>
      <c r="N3608" s="46">
        <f t="shared" si="410"/>
        <v>45440.916666657999</v>
      </c>
    </row>
    <row r="3609" spans="2:14" x14ac:dyDescent="0.3">
      <c r="B3609">
        <f t="shared" si="404"/>
        <v>2</v>
      </c>
      <c r="C3609" s="16">
        <v>3575</v>
      </c>
      <c r="D3609" cm="1">
        <f t="array" ref="D3609">IFERROR(INDEX(Jesper!AH$2:AH$366,ROUNDDOWN($C3609/24,0)+1,1)*INDEX($D$3:$AA$30,INDEX(Jesper!$R$2:$R$366,ROW(INDEX(Jesper!AH$2:AH$366,ROUNDDOWN($C3609/24,0)+1,1))-1)+IF('Standard Profiles'!$G$18=$B$10,7,0)+IF('Standard Profiles'!$G$18=$B$17,14,0)+IF('Standard Profiles'!$G$18=$B$24,21,0),MOD($C3609,24)+1)/SUM(INDEX($D$3:$AA$30,INDEX(Jesper!$R$2:$R$366,ROW(INDEX(Jesper!AH$2:AH$366,ROUNDDOWN($C3609/24,0)+1,1))-1)+IF('Standard Profiles'!$G$18=$B$10,7,0)+IF('Standard Profiles'!$G$18=$B$17,14,0)+IF('Standard Profiles'!$G$18=$B$24,21,0),0)),0)</f>
        <v>7.3212482593701873</v>
      </c>
      <c r="E3609" cm="1">
        <f t="array" ref="E3609">IFERROR(INDEX(Jesper!AI$2:AI$366,ROUNDDOWN($C3609/24,0)+1,1)*INDEX($D$3:$AA$30,INDEX(Jesper!$R$2:$R$366,ROW(INDEX(Jesper!AI$2:AI$366,ROUNDDOWN($C3609/24,0)+1,1))-1)+IF('Standard Profiles'!$G$19=$B$10,7,0)+IF('Standard Profiles'!$G$19=$B$17,14,0)+IF('Standard Profiles'!$G$19=$B$24,21,0),MOD($C3609,24)+1)/SUM(INDEX($D$3:$AA$30,INDEX(Jesper!$R$2:$R$366,ROW(INDEX(Jesper!AI$2:AI$366,ROUNDDOWN($C3609/24,0)+1,1))-1)+IF('Standard Profiles'!$G$19=$B$10,7,0)+IF('Standard Profiles'!$G$19=$B$17,14,0)+IF('Standard Profiles'!$G$19=$B$24,21,0),0)),0)</f>
        <v>0</v>
      </c>
      <c r="F3609" cm="1">
        <f t="array" ref="F3609">IFERROR(INDEX(Jesper!AJ$2:AJ$366,ROUNDDOWN($C3609/24,0)+1,1)*INDEX($D$3:$AA$30,INDEX(Jesper!$R$2:$R$366,ROW(INDEX(Jesper!AJ$2:AJ$366,ROUNDDOWN($C3609/24,0)+1,1))-1)+IF('Standard Profiles'!$G$20=$B$10,7,0)+IF('Standard Profiles'!$G$20=$B$17,14,0)+IF('Standard Profiles'!$G$20=$B$24,21,0),MOD($C3609,24)+1)/SUM(INDEX($D$3:$AA$30,INDEX(Jesper!$R$2:$R$366,ROW(INDEX(Jesper!AJ$2:AJ$366,ROUNDDOWN($C3609/24,0)+1,1))-1)+IF('Standard Profiles'!$G$20=$B$10,7,0)+IF('Standard Profiles'!$G$20=$B$17,14,0)+IF('Standard Profiles'!$G$20=$B$24,21,0),0)),0)</f>
        <v>0</v>
      </c>
      <c r="G3609" cm="1">
        <f t="array" ref="G3609">IFERROR(INDEX(Jesper!AK$2:AK$366,ROUNDDOWN($C3609/24,0)+1,1)*INDEX($D$3:$AA$30,INDEX(Jesper!$R$2:$R$366,ROW(INDEX(Jesper!AK$2:AK$366,ROUNDDOWN($C3609/24,0)+1,1))-1)+IF('Standard Profiles'!$G$21=$B$10,7,0)+IF('Standard Profiles'!$G$21=$B$17,14,0)+IF('Standard Profiles'!$G$21=$B$24,21,0),MOD($C3609,24)+1)/SUM(INDEX($D$3:$AA$30,INDEX(Jesper!$R$2:$R$366,ROW(INDEX(Jesper!AK$2:AK$366,ROUNDDOWN($C3609/24,0)+1,1))-1)+IF('Standard Profiles'!$G$21=$B$10,7,0)+IF('Standard Profiles'!$G$21=$B$17,14,0)+IF('Standard Profiles'!$G$21=$B$24,21,0),0)),0)</f>
        <v>0</v>
      </c>
      <c r="H3609" cm="1">
        <f t="array" ref="H3609">IFERROR(INDEX(Jesper!AL$2:AL$366,ROUNDDOWN($C3609/24,0)+1,1)*INDEX($D$3:$AA$30,INDEX(Jesper!$R$2:$R$366,ROW(INDEX(Jesper!AL$2:AL$366,ROUNDDOWN($C3609/24,0)+1,1))-1)+IF('Standard Profiles'!$G$22=$B$10,7,0)+IF('Standard Profiles'!$G$22=$B$17,14,0)+IF('Standard Profiles'!$G$22=$B$24,21,0),MOD($C3609,24)+1)/SUM(INDEX($D$3:$AA$30,INDEX(Jesper!$R$2:$R$366,ROW(INDEX(Jesper!AL$2:AL$366,ROUNDDOWN($C3609/24,0)+1,1))-1)+IF('Standard Profiles'!$G$22=$B$10,7,0)+IF('Standard Profiles'!$G$22=$B$17,14,0)+IF('Standard Profiles'!$G$22=$B$24,21,0),0)),0)</f>
        <v>0</v>
      </c>
      <c r="I3609">
        <f t="shared" si="405"/>
        <v>0.21963744778110561</v>
      </c>
      <c r="J3609">
        <f t="shared" si="406"/>
        <v>0.73212482593701877</v>
      </c>
      <c r="K3609">
        <f t="shared" si="407"/>
        <v>1.0981872389055281</v>
      </c>
      <c r="L3609">
        <f t="shared" si="408"/>
        <v>5.2712987467465346</v>
      </c>
      <c r="M3609">
        <f t="shared" si="409"/>
        <v>0</v>
      </c>
      <c r="N3609" s="46">
        <f t="shared" si="410"/>
        <v>45440.958333324663</v>
      </c>
    </row>
    <row r="3610" spans="2:14" x14ac:dyDescent="0.3">
      <c r="B3610">
        <f t="shared" si="404"/>
        <v>3</v>
      </c>
      <c r="C3610" s="16">
        <v>3576</v>
      </c>
      <c r="D3610" cm="1">
        <f t="array" ref="D3610">IFERROR(INDEX(Jesper!AH$2:AH$366,ROUNDDOWN($C3610/24,0)+1,1)*INDEX($D$3:$AA$30,INDEX(Jesper!$R$2:$R$366,ROW(INDEX(Jesper!AH$2:AH$366,ROUNDDOWN($C3610/24,0)+1,1))-1)+IF('Standard Profiles'!$G$18=$B$10,7,0)+IF('Standard Profiles'!$G$18=$B$17,14,0)+IF('Standard Profiles'!$G$18=$B$24,21,0),MOD($C3610,24)+1)/SUM(INDEX($D$3:$AA$30,INDEX(Jesper!$R$2:$R$366,ROW(INDEX(Jesper!AH$2:AH$366,ROUNDDOWN($C3610/24,0)+1,1))-1)+IF('Standard Profiles'!$G$18=$B$10,7,0)+IF('Standard Profiles'!$G$18=$B$17,14,0)+IF('Standard Profiles'!$G$18=$B$24,21,0),0)),0)</f>
        <v>6.3872898348876719</v>
      </c>
      <c r="E3610" cm="1">
        <f t="array" ref="E3610">IFERROR(INDEX(Jesper!AI$2:AI$366,ROUNDDOWN($C3610/24,0)+1,1)*INDEX($D$3:$AA$30,INDEX(Jesper!$R$2:$R$366,ROW(INDEX(Jesper!AI$2:AI$366,ROUNDDOWN($C3610/24,0)+1,1))-1)+IF('Standard Profiles'!$G$19=$B$10,7,0)+IF('Standard Profiles'!$G$19=$B$17,14,0)+IF('Standard Profiles'!$G$19=$B$24,21,0),MOD($C3610,24)+1)/SUM(INDEX($D$3:$AA$30,INDEX(Jesper!$R$2:$R$366,ROW(INDEX(Jesper!AI$2:AI$366,ROUNDDOWN($C3610/24,0)+1,1))-1)+IF('Standard Profiles'!$G$19=$B$10,7,0)+IF('Standard Profiles'!$G$19=$B$17,14,0)+IF('Standard Profiles'!$G$19=$B$24,21,0),0)),0)</f>
        <v>0</v>
      </c>
      <c r="F3610" cm="1">
        <f t="array" ref="F3610">IFERROR(INDEX(Jesper!AJ$2:AJ$366,ROUNDDOWN($C3610/24,0)+1,1)*INDEX($D$3:$AA$30,INDEX(Jesper!$R$2:$R$366,ROW(INDEX(Jesper!AJ$2:AJ$366,ROUNDDOWN($C3610/24,0)+1,1))-1)+IF('Standard Profiles'!$G$20=$B$10,7,0)+IF('Standard Profiles'!$G$20=$B$17,14,0)+IF('Standard Profiles'!$G$20=$B$24,21,0),MOD($C3610,24)+1)/SUM(INDEX($D$3:$AA$30,INDEX(Jesper!$R$2:$R$366,ROW(INDEX(Jesper!AJ$2:AJ$366,ROUNDDOWN($C3610/24,0)+1,1))-1)+IF('Standard Profiles'!$G$20=$B$10,7,0)+IF('Standard Profiles'!$G$20=$B$17,14,0)+IF('Standard Profiles'!$G$20=$B$24,21,0),0)),0)</f>
        <v>0</v>
      </c>
      <c r="G3610" cm="1">
        <f t="array" ref="G3610">IFERROR(INDEX(Jesper!AK$2:AK$366,ROUNDDOWN($C3610/24,0)+1,1)*INDEX($D$3:$AA$30,INDEX(Jesper!$R$2:$R$366,ROW(INDEX(Jesper!AK$2:AK$366,ROUNDDOWN($C3610/24,0)+1,1))-1)+IF('Standard Profiles'!$G$21=$B$10,7,0)+IF('Standard Profiles'!$G$21=$B$17,14,0)+IF('Standard Profiles'!$G$21=$B$24,21,0),MOD($C3610,24)+1)/SUM(INDEX($D$3:$AA$30,INDEX(Jesper!$R$2:$R$366,ROW(INDEX(Jesper!AK$2:AK$366,ROUNDDOWN($C3610/24,0)+1,1))-1)+IF('Standard Profiles'!$G$21=$B$10,7,0)+IF('Standard Profiles'!$G$21=$B$17,14,0)+IF('Standard Profiles'!$G$21=$B$24,21,0),0)),0)</f>
        <v>0</v>
      </c>
      <c r="H3610" cm="1">
        <f t="array" ref="H3610">IFERROR(INDEX(Jesper!AL$2:AL$366,ROUNDDOWN($C3610/24,0)+1,1)*INDEX($D$3:$AA$30,INDEX(Jesper!$R$2:$R$366,ROW(INDEX(Jesper!AL$2:AL$366,ROUNDDOWN($C3610/24,0)+1,1))-1)+IF('Standard Profiles'!$G$22=$B$10,7,0)+IF('Standard Profiles'!$G$22=$B$17,14,0)+IF('Standard Profiles'!$G$22=$B$24,21,0),MOD($C3610,24)+1)/SUM(INDEX($D$3:$AA$30,INDEX(Jesper!$R$2:$R$366,ROW(INDEX(Jesper!AL$2:AL$366,ROUNDDOWN($C3610/24,0)+1,1))-1)+IF('Standard Profiles'!$G$22=$B$10,7,0)+IF('Standard Profiles'!$G$22=$B$17,14,0)+IF('Standard Profiles'!$G$22=$B$24,21,0),0)),0)</f>
        <v>0</v>
      </c>
      <c r="I3610">
        <f t="shared" si="405"/>
        <v>0.19161869504663015</v>
      </c>
      <c r="J3610">
        <f t="shared" si="406"/>
        <v>0.63872898348876728</v>
      </c>
      <c r="K3610">
        <f t="shared" si="407"/>
        <v>0.95809347523315069</v>
      </c>
      <c r="L3610">
        <f t="shared" si="408"/>
        <v>4.5988486811191231</v>
      </c>
      <c r="M3610">
        <f t="shared" si="409"/>
        <v>0</v>
      </c>
      <c r="N3610" s="46">
        <f t="shared" si="410"/>
        <v>45440.999999991327</v>
      </c>
    </row>
    <row r="3611" spans="2:14" x14ac:dyDescent="0.3">
      <c r="B3611">
        <f t="shared" si="404"/>
        <v>3</v>
      </c>
      <c r="C3611" s="16">
        <v>3577</v>
      </c>
      <c r="D3611" cm="1">
        <f t="array" ref="D3611">IFERROR(INDEX(Jesper!AH$2:AH$366,ROUNDDOWN($C3611/24,0)+1,1)*INDEX($D$3:$AA$30,INDEX(Jesper!$R$2:$R$366,ROW(INDEX(Jesper!AH$2:AH$366,ROUNDDOWN($C3611/24,0)+1,1))-1)+IF('Standard Profiles'!$G$18=$B$10,7,0)+IF('Standard Profiles'!$G$18=$B$17,14,0)+IF('Standard Profiles'!$G$18=$B$24,21,0),MOD($C3611,24)+1)/SUM(INDEX($D$3:$AA$30,INDEX(Jesper!$R$2:$R$366,ROW(INDEX(Jesper!AH$2:AH$366,ROUNDDOWN($C3611/24,0)+1,1))-1)+IF('Standard Profiles'!$G$18=$B$10,7,0)+IF('Standard Profiles'!$G$18=$B$17,14,0)+IF('Standard Profiles'!$G$18=$B$24,21,0),0)),0)</f>
        <v>7.1857010642486285</v>
      </c>
      <c r="E3611" cm="1">
        <f t="array" ref="E3611">IFERROR(INDEX(Jesper!AI$2:AI$366,ROUNDDOWN($C3611/24,0)+1,1)*INDEX($D$3:$AA$30,INDEX(Jesper!$R$2:$R$366,ROW(INDEX(Jesper!AI$2:AI$366,ROUNDDOWN($C3611/24,0)+1,1))-1)+IF('Standard Profiles'!$G$19=$B$10,7,0)+IF('Standard Profiles'!$G$19=$B$17,14,0)+IF('Standard Profiles'!$G$19=$B$24,21,0),MOD($C3611,24)+1)/SUM(INDEX($D$3:$AA$30,INDEX(Jesper!$R$2:$R$366,ROW(INDEX(Jesper!AI$2:AI$366,ROUNDDOWN($C3611/24,0)+1,1))-1)+IF('Standard Profiles'!$G$19=$B$10,7,0)+IF('Standard Profiles'!$G$19=$B$17,14,0)+IF('Standard Profiles'!$G$19=$B$24,21,0),0)),0)</f>
        <v>0</v>
      </c>
      <c r="F3611" cm="1">
        <f t="array" ref="F3611">IFERROR(INDEX(Jesper!AJ$2:AJ$366,ROUNDDOWN($C3611/24,0)+1,1)*INDEX($D$3:$AA$30,INDEX(Jesper!$R$2:$R$366,ROW(INDEX(Jesper!AJ$2:AJ$366,ROUNDDOWN($C3611/24,0)+1,1))-1)+IF('Standard Profiles'!$G$20=$B$10,7,0)+IF('Standard Profiles'!$G$20=$B$17,14,0)+IF('Standard Profiles'!$G$20=$B$24,21,0),MOD($C3611,24)+1)/SUM(INDEX($D$3:$AA$30,INDEX(Jesper!$R$2:$R$366,ROW(INDEX(Jesper!AJ$2:AJ$366,ROUNDDOWN($C3611/24,0)+1,1))-1)+IF('Standard Profiles'!$G$20=$B$10,7,0)+IF('Standard Profiles'!$G$20=$B$17,14,0)+IF('Standard Profiles'!$G$20=$B$24,21,0),0)),0)</f>
        <v>0</v>
      </c>
      <c r="G3611" cm="1">
        <f t="array" ref="G3611">IFERROR(INDEX(Jesper!AK$2:AK$366,ROUNDDOWN($C3611/24,0)+1,1)*INDEX($D$3:$AA$30,INDEX(Jesper!$R$2:$R$366,ROW(INDEX(Jesper!AK$2:AK$366,ROUNDDOWN($C3611/24,0)+1,1))-1)+IF('Standard Profiles'!$G$21=$B$10,7,0)+IF('Standard Profiles'!$G$21=$B$17,14,0)+IF('Standard Profiles'!$G$21=$B$24,21,0),MOD($C3611,24)+1)/SUM(INDEX($D$3:$AA$30,INDEX(Jesper!$R$2:$R$366,ROW(INDEX(Jesper!AK$2:AK$366,ROUNDDOWN($C3611/24,0)+1,1))-1)+IF('Standard Profiles'!$G$21=$B$10,7,0)+IF('Standard Profiles'!$G$21=$B$17,14,0)+IF('Standard Profiles'!$G$21=$B$24,21,0),0)),0)</f>
        <v>0</v>
      </c>
      <c r="H3611" cm="1">
        <f t="array" ref="H3611">IFERROR(INDEX(Jesper!AL$2:AL$366,ROUNDDOWN($C3611/24,0)+1,1)*INDEX($D$3:$AA$30,INDEX(Jesper!$R$2:$R$366,ROW(INDEX(Jesper!AL$2:AL$366,ROUNDDOWN($C3611/24,0)+1,1))-1)+IF('Standard Profiles'!$G$22=$B$10,7,0)+IF('Standard Profiles'!$G$22=$B$17,14,0)+IF('Standard Profiles'!$G$22=$B$24,21,0),MOD($C3611,24)+1)/SUM(INDEX($D$3:$AA$30,INDEX(Jesper!$R$2:$R$366,ROW(INDEX(Jesper!AL$2:AL$366,ROUNDDOWN($C3611/24,0)+1,1))-1)+IF('Standard Profiles'!$G$22=$B$10,7,0)+IF('Standard Profiles'!$G$22=$B$17,14,0)+IF('Standard Profiles'!$G$22=$B$24,21,0),0)),0)</f>
        <v>0</v>
      </c>
      <c r="I3611">
        <f t="shared" si="405"/>
        <v>0.21557103192745886</v>
      </c>
      <c r="J3611">
        <f t="shared" si="406"/>
        <v>0.71857010642486285</v>
      </c>
      <c r="K3611">
        <f t="shared" si="407"/>
        <v>1.0778551596372943</v>
      </c>
      <c r="L3611">
        <f t="shared" si="408"/>
        <v>5.1737047662590125</v>
      </c>
      <c r="M3611">
        <f t="shared" si="409"/>
        <v>0</v>
      </c>
      <c r="N3611" s="46">
        <f t="shared" si="410"/>
        <v>45441.041666657991</v>
      </c>
    </row>
    <row r="3612" spans="2:14" x14ac:dyDescent="0.3">
      <c r="B3612">
        <f t="shared" si="404"/>
        <v>3</v>
      </c>
      <c r="C3612" s="16">
        <v>3578</v>
      </c>
      <c r="D3612" cm="1">
        <f t="array" ref="D3612">IFERROR(INDEX(Jesper!AH$2:AH$366,ROUNDDOWN($C3612/24,0)+1,1)*INDEX($D$3:$AA$30,INDEX(Jesper!$R$2:$R$366,ROW(INDEX(Jesper!AH$2:AH$366,ROUNDDOWN($C3612/24,0)+1,1))-1)+IF('Standard Profiles'!$G$18=$B$10,7,0)+IF('Standard Profiles'!$G$18=$B$17,14,0)+IF('Standard Profiles'!$G$18=$B$24,21,0),MOD($C3612,24)+1)/SUM(INDEX($D$3:$AA$30,INDEX(Jesper!$R$2:$R$366,ROW(INDEX(Jesper!AH$2:AH$366,ROUNDDOWN($C3612/24,0)+1,1))-1)+IF('Standard Profiles'!$G$18=$B$10,7,0)+IF('Standard Profiles'!$G$18=$B$17,14,0)+IF('Standard Profiles'!$G$18=$B$24,21,0),0)),0)</f>
        <v>7.1857010642486285</v>
      </c>
      <c r="E3612" cm="1">
        <f t="array" ref="E3612">IFERROR(INDEX(Jesper!AI$2:AI$366,ROUNDDOWN($C3612/24,0)+1,1)*INDEX($D$3:$AA$30,INDEX(Jesper!$R$2:$R$366,ROW(INDEX(Jesper!AI$2:AI$366,ROUNDDOWN($C3612/24,0)+1,1))-1)+IF('Standard Profiles'!$G$19=$B$10,7,0)+IF('Standard Profiles'!$G$19=$B$17,14,0)+IF('Standard Profiles'!$G$19=$B$24,21,0),MOD($C3612,24)+1)/SUM(INDEX($D$3:$AA$30,INDEX(Jesper!$R$2:$R$366,ROW(INDEX(Jesper!AI$2:AI$366,ROUNDDOWN($C3612/24,0)+1,1))-1)+IF('Standard Profiles'!$G$19=$B$10,7,0)+IF('Standard Profiles'!$G$19=$B$17,14,0)+IF('Standard Profiles'!$G$19=$B$24,21,0),0)),0)</f>
        <v>0</v>
      </c>
      <c r="F3612" cm="1">
        <f t="array" ref="F3612">IFERROR(INDEX(Jesper!AJ$2:AJ$366,ROUNDDOWN($C3612/24,0)+1,1)*INDEX($D$3:$AA$30,INDEX(Jesper!$R$2:$R$366,ROW(INDEX(Jesper!AJ$2:AJ$366,ROUNDDOWN($C3612/24,0)+1,1))-1)+IF('Standard Profiles'!$G$20=$B$10,7,0)+IF('Standard Profiles'!$G$20=$B$17,14,0)+IF('Standard Profiles'!$G$20=$B$24,21,0),MOD($C3612,24)+1)/SUM(INDEX($D$3:$AA$30,INDEX(Jesper!$R$2:$R$366,ROW(INDEX(Jesper!AJ$2:AJ$366,ROUNDDOWN($C3612/24,0)+1,1))-1)+IF('Standard Profiles'!$G$20=$B$10,7,0)+IF('Standard Profiles'!$G$20=$B$17,14,0)+IF('Standard Profiles'!$G$20=$B$24,21,0),0)),0)</f>
        <v>0</v>
      </c>
      <c r="G3612" cm="1">
        <f t="array" ref="G3612">IFERROR(INDEX(Jesper!AK$2:AK$366,ROUNDDOWN($C3612/24,0)+1,1)*INDEX($D$3:$AA$30,INDEX(Jesper!$R$2:$R$366,ROW(INDEX(Jesper!AK$2:AK$366,ROUNDDOWN($C3612/24,0)+1,1))-1)+IF('Standard Profiles'!$G$21=$B$10,7,0)+IF('Standard Profiles'!$G$21=$B$17,14,0)+IF('Standard Profiles'!$G$21=$B$24,21,0),MOD($C3612,24)+1)/SUM(INDEX($D$3:$AA$30,INDEX(Jesper!$R$2:$R$366,ROW(INDEX(Jesper!AK$2:AK$366,ROUNDDOWN($C3612/24,0)+1,1))-1)+IF('Standard Profiles'!$G$21=$B$10,7,0)+IF('Standard Profiles'!$G$21=$B$17,14,0)+IF('Standard Profiles'!$G$21=$B$24,21,0),0)),0)</f>
        <v>0</v>
      </c>
      <c r="H3612" cm="1">
        <f t="array" ref="H3612">IFERROR(INDEX(Jesper!AL$2:AL$366,ROUNDDOWN($C3612/24,0)+1,1)*INDEX($D$3:$AA$30,INDEX(Jesper!$R$2:$R$366,ROW(INDEX(Jesper!AL$2:AL$366,ROUNDDOWN($C3612/24,0)+1,1))-1)+IF('Standard Profiles'!$G$22=$B$10,7,0)+IF('Standard Profiles'!$G$22=$B$17,14,0)+IF('Standard Profiles'!$G$22=$B$24,21,0),MOD($C3612,24)+1)/SUM(INDEX($D$3:$AA$30,INDEX(Jesper!$R$2:$R$366,ROW(INDEX(Jesper!AL$2:AL$366,ROUNDDOWN($C3612/24,0)+1,1))-1)+IF('Standard Profiles'!$G$22=$B$10,7,0)+IF('Standard Profiles'!$G$22=$B$17,14,0)+IF('Standard Profiles'!$G$22=$B$24,21,0),0)),0)</f>
        <v>0</v>
      </c>
      <c r="I3612">
        <f t="shared" si="405"/>
        <v>0.21557103192745886</v>
      </c>
      <c r="J3612">
        <f t="shared" si="406"/>
        <v>0.71857010642486285</v>
      </c>
      <c r="K3612">
        <f t="shared" si="407"/>
        <v>1.0778551596372943</v>
      </c>
      <c r="L3612">
        <f t="shared" si="408"/>
        <v>5.1737047662590125</v>
      </c>
      <c r="M3612">
        <f t="shared" si="409"/>
        <v>0</v>
      </c>
      <c r="N3612" s="46">
        <f t="shared" si="410"/>
        <v>45441.083333324656</v>
      </c>
    </row>
    <row r="3613" spans="2:14" x14ac:dyDescent="0.3">
      <c r="B3613">
        <f t="shared" si="404"/>
        <v>3</v>
      </c>
      <c r="C3613" s="16">
        <v>3579</v>
      </c>
      <c r="D3613" cm="1">
        <f t="array" ref="D3613">IFERROR(INDEX(Jesper!AH$2:AH$366,ROUNDDOWN($C3613/24,0)+1,1)*INDEX($D$3:$AA$30,INDEX(Jesper!$R$2:$R$366,ROW(INDEX(Jesper!AH$2:AH$366,ROUNDDOWN($C3613/24,0)+1,1))-1)+IF('Standard Profiles'!$G$18=$B$10,7,0)+IF('Standard Profiles'!$G$18=$B$17,14,0)+IF('Standard Profiles'!$G$18=$B$24,21,0),MOD($C3613,24)+1)/SUM(INDEX($D$3:$AA$30,INDEX(Jesper!$R$2:$R$366,ROW(INDEX(Jesper!AH$2:AH$366,ROUNDDOWN($C3613/24,0)+1,1))-1)+IF('Standard Profiles'!$G$18=$B$10,7,0)+IF('Standard Profiles'!$G$18=$B$17,14,0)+IF('Standard Profiles'!$G$18=$B$24,21,0),0)),0)</f>
        <v>7.1857010642486285</v>
      </c>
      <c r="E3613" cm="1">
        <f t="array" ref="E3613">IFERROR(INDEX(Jesper!AI$2:AI$366,ROUNDDOWN($C3613/24,0)+1,1)*INDEX($D$3:$AA$30,INDEX(Jesper!$R$2:$R$366,ROW(INDEX(Jesper!AI$2:AI$366,ROUNDDOWN($C3613/24,0)+1,1))-1)+IF('Standard Profiles'!$G$19=$B$10,7,0)+IF('Standard Profiles'!$G$19=$B$17,14,0)+IF('Standard Profiles'!$G$19=$B$24,21,0),MOD($C3613,24)+1)/SUM(INDEX($D$3:$AA$30,INDEX(Jesper!$R$2:$R$366,ROW(INDEX(Jesper!AI$2:AI$366,ROUNDDOWN($C3613/24,0)+1,1))-1)+IF('Standard Profiles'!$G$19=$B$10,7,0)+IF('Standard Profiles'!$G$19=$B$17,14,0)+IF('Standard Profiles'!$G$19=$B$24,21,0),0)),0)</f>
        <v>0</v>
      </c>
      <c r="F3613" cm="1">
        <f t="array" ref="F3613">IFERROR(INDEX(Jesper!AJ$2:AJ$366,ROUNDDOWN($C3613/24,0)+1,1)*INDEX($D$3:$AA$30,INDEX(Jesper!$R$2:$R$366,ROW(INDEX(Jesper!AJ$2:AJ$366,ROUNDDOWN($C3613/24,0)+1,1))-1)+IF('Standard Profiles'!$G$20=$B$10,7,0)+IF('Standard Profiles'!$G$20=$B$17,14,0)+IF('Standard Profiles'!$G$20=$B$24,21,0),MOD($C3613,24)+1)/SUM(INDEX($D$3:$AA$30,INDEX(Jesper!$R$2:$R$366,ROW(INDEX(Jesper!AJ$2:AJ$366,ROUNDDOWN($C3613/24,0)+1,1))-1)+IF('Standard Profiles'!$G$20=$B$10,7,0)+IF('Standard Profiles'!$G$20=$B$17,14,0)+IF('Standard Profiles'!$G$20=$B$24,21,0),0)),0)</f>
        <v>0</v>
      </c>
      <c r="G3613" cm="1">
        <f t="array" ref="G3613">IFERROR(INDEX(Jesper!AK$2:AK$366,ROUNDDOWN($C3613/24,0)+1,1)*INDEX($D$3:$AA$30,INDEX(Jesper!$R$2:$R$366,ROW(INDEX(Jesper!AK$2:AK$366,ROUNDDOWN($C3613/24,0)+1,1))-1)+IF('Standard Profiles'!$G$21=$B$10,7,0)+IF('Standard Profiles'!$G$21=$B$17,14,0)+IF('Standard Profiles'!$G$21=$B$24,21,0),MOD($C3613,24)+1)/SUM(INDEX($D$3:$AA$30,INDEX(Jesper!$R$2:$R$366,ROW(INDEX(Jesper!AK$2:AK$366,ROUNDDOWN($C3613/24,0)+1,1))-1)+IF('Standard Profiles'!$G$21=$B$10,7,0)+IF('Standard Profiles'!$G$21=$B$17,14,0)+IF('Standard Profiles'!$G$21=$B$24,21,0),0)),0)</f>
        <v>0</v>
      </c>
      <c r="H3613" cm="1">
        <f t="array" ref="H3613">IFERROR(INDEX(Jesper!AL$2:AL$366,ROUNDDOWN($C3613/24,0)+1,1)*INDEX($D$3:$AA$30,INDEX(Jesper!$R$2:$R$366,ROW(INDEX(Jesper!AL$2:AL$366,ROUNDDOWN($C3613/24,0)+1,1))-1)+IF('Standard Profiles'!$G$22=$B$10,7,0)+IF('Standard Profiles'!$G$22=$B$17,14,0)+IF('Standard Profiles'!$G$22=$B$24,21,0),MOD($C3613,24)+1)/SUM(INDEX($D$3:$AA$30,INDEX(Jesper!$R$2:$R$366,ROW(INDEX(Jesper!AL$2:AL$366,ROUNDDOWN($C3613/24,0)+1,1))-1)+IF('Standard Profiles'!$G$22=$B$10,7,0)+IF('Standard Profiles'!$G$22=$B$17,14,0)+IF('Standard Profiles'!$G$22=$B$24,21,0),0)),0)</f>
        <v>0</v>
      </c>
      <c r="I3613">
        <f t="shared" si="405"/>
        <v>0.21557103192745886</v>
      </c>
      <c r="J3613">
        <f t="shared" si="406"/>
        <v>0.71857010642486285</v>
      </c>
      <c r="K3613">
        <f t="shared" si="407"/>
        <v>1.0778551596372943</v>
      </c>
      <c r="L3613">
        <f t="shared" si="408"/>
        <v>5.1737047662590125</v>
      </c>
      <c r="M3613">
        <f t="shared" si="409"/>
        <v>0</v>
      </c>
      <c r="N3613" s="46">
        <f t="shared" si="410"/>
        <v>45441.12499999132</v>
      </c>
    </row>
    <row r="3614" spans="2:14" x14ac:dyDescent="0.3">
      <c r="B3614">
        <f t="shared" si="404"/>
        <v>3</v>
      </c>
      <c r="C3614" s="16">
        <v>3580</v>
      </c>
      <c r="D3614" cm="1">
        <f t="array" ref="D3614">IFERROR(INDEX(Jesper!AH$2:AH$366,ROUNDDOWN($C3614/24,0)+1,1)*INDEX($D$3:$AA$30,INDEX(Jesper!$R$2:$R$366,ROW(INDEX(Jesper!AH$2:AH$366,ROUNDDOWN($C3614/24,0)+1,1))-1)+IF('Standard Profiles'!$G$18=$B$10,7,0)+IF('Standard Profiles'!$G$18=$B$17,14,0)+IF('Standard Profiles'!$G$18=$B$24,21,0),MOD($C3614,24)+1)/SUM(INDEX($D$3:$AA$30,INDEX(Jesper!$R$2:$R$366,ROW(INDEX(Jesper!AH$2:AH$366,ROUNDDOWN($C3614/24,0)+1,1))-1)+IF('Standard Profiles'!$G$18=$B$10,7,0)+IF('Standard Profiles'!$G$18=$B$17,14,0)+IF('Standard Profiles'!$G$18=$B$24,21,0),0)),0)</f>
        <v>7.1857010642486285</v>
      </c>
      <c r="E3614" cm="1">
        <f t="array" ref="E3614">IFERROR(INDEX(Jesper!AI$2:AI$366,ROUNDDOWN($C3614/24,0)+1,1)*INDEX($D$3:$AA$30,INDEX(Jesper!$R$2:$R$366,ROW(INDEX(Jesper!AI$2:AI$366,ROUNDDOWN($C3614/24,0)+1,1))-1)+IF('Standard Profiles'!$G$19=$B$10,7,0)+IF('Standard Profiles'!$G$19=$B$17,14,0)+IF('Standard Profiles'!$G$19=$B$24,21,0),MOD($C3614,24)+1)/SUM(INDEX($D$3:$AA$30,INDEX(Jesper!$R$2:$R$366,ROW(INDEX(Jesper!AI$2:AI$366,ROUNDDOWN($C3614/24,0)+1,1))-1)+IF('Standard Profiles'!$G$19=$B$10,7,0)+IF('Standard Profiles'!$G$19=$B$17,14,0)+IF('Standard Profiles'!$G$19=$B$24,21,0),0)),0)</f>
        <v>0</v>
      </c>
      <c r="F3614" cm="1">
        <f t="array" ref="F3614">IFERROR(INDEX(Jesper!AJ$2:AJ$366,ROUNDDOWN($C3614/24,0)+1,1)*INDEX($D$3:$AA$30,INDEX(Jesper!$R$2:$R$366,ROW(INDEX(Jesper!AJ$2:AJ$366,ROUNDDOWN($C3614/24,0)+1,1))-1)+IF('Standard Profiles'!$G$20=$B$10,7,0)+IF('Standard Profiles'!$G$20=$B$17,14,0)+IF('Standard Profiles'!$G$20=$B$24,21,0),MOD($C3614,24)+1)/SUM(INDEX($D$3:$AA$30,INDEX(Jesper!$R$2:$R$366,ROW(INDEX(Jesper!AJ$2:AJ$366,ROUNDDOWN($C3614/24,0)+1,1))-1)+IF('Standard Profiles'!$G$20=$B$10,7,0)+IF('Standard Profiles'!$G$20=$B$17,14,0)+IF('Standard Profiles'!$G$20=$B$24,21,0),0)),0)</f>
        <v>0</v>
      </c>
      <c r="G3614" cm="1">
        <f t="array" ref="G3614">IFERROR(INDEX(Jesper!AK$2:AK$366,ROUNDDOWN($C3614/24,0)+1,1)*INDEX($D$3:$AA$30,INDEX(Jesper!$R$2:$R$366,ROW(INDEX(Jesper!AK$2:AK$366,ROUNDDOWN($C3614/24,0)+1,1))-1)+IF('Standard Profiles'!$G$21=$B$10,7,0)+IF('Standard Profiles'!$G$21=$B$17,14,0)+IF('Standard Profiles'!$G$21=$B$24,21,0),MOD($C3614,24)+1)/SUM(INDEX($D$3:$AA$30,INDEX(Jesper!$R$2:$R$366,ROW(INDEX(Jesper!AK$2:AK$366,ROUNDDOWN($C3614/24,0)+1,1))-1)+IF('Standard Profiles'!$G$21=$B$10,7,0)+IF('Standard Profiles'!$G$21=$B$17,14,0)+IF('Standard Profiles'!$G$21=$B$24,21,0),0)),0)</f>
        <v>0</v>
      </c>
      <c r="H3614" cm="1">
        <f t="array" ref="H3614">IFERROR(INDEX(Jesper!AL$2:AL$366,ROUNDDOWN($C3614/24,0)+1,1)*INDEX($D$3:$AA$30,INDEX(Jesper!$R$2:$R$366,ROW(INDEX(Jesper!AL$2:AL$366,ROUNDDOWN($C3614/24,0)+1,1))-1)+IF('Standard Profiles'!$G$22=$B$10,7,0)+IF('Standard Profiles'!$G$22=$B$17,14,0)+IF('Standard Profiles'!$G$22=$B$24,21,0),MOD($C3614,24)+1)/SUM(INDEX($D$3:$AA$30,INDEX(Jesper!$R$2:$R$366,ROW(INDEX(Jesper!AL$2:AL$366,ROUNDDOWN($C3614/24,0)+1,1))-1)+IF('Standard Profiles'!$G$22=$B$10,7,0)+IF('Standard Profiles'!$G$22=$B$17,14,0)+IF('Standard Profiles'!$G$22=$B$24,21,0),0)),0)</f>
        <v>0</v>
      </c>
      <c r="I3614">
        <f t="shared" si="405"/>
        <v>0.21557103192745886</v>
      </c>
      <c r="J3614">
        <f t="shared" si="406"/>
        <v>0.71857010642486285</v>
      </c>
      <c r="K3614">
        <f t="shared" si="407"/>
        <v>1.0778551596372943</v>
      </c>
      <c r="L3614">
        <f t="shared" si="408"/>
        <v>5.1737047662590125</v>
      </c>
      <c r="M3614">
        <f t="shared" si="409"/>
        <v>0</v>
      </c>
      <c r="N3614" s="46">
        <f t="shared" si="410"/>
        <v>45441.166666657984</v>
      </c>
    </row>
    <row r="3615" spans="2:14" x14ac:dyDescent="0.3">
      <c r="B3615">
        <f t="shared" si="404"/>
        <v>3</v>
      </c>
      <c r="C3615" s="16">
        <v>3581</v>
      </c>
      <c r="D3615" cm="1">
        <f t="array" ref="D3615">IFERROR(INDEX(Jesper!AH$2:AH$366,ROUNDDOWN($C3615/24,0)+1,1)*INDEX($D$3:$AA$30,INDEX(Jesper!$R$2:$R$366,ROW(INDEX(Jesper!AH$2:AH$366,ROUNDDOWN($C3615/24,0)+1,1))-1)+IF('Standard Profiles'!$G$18=$B$10,7,0)+IF('Standard Profiles'!$G$18=$B$17,14,0)+IF('Standard Profiles'!$G$18=$B$24,21,0),MOD($C3615,24)+1)/SUM(INDEX($D$3:$AA$30,INDEX(Jesper!$R$2:$R$366,ROW(INDEX(Jesper!AH$2:AH$366,ROUNDDOWN($C3615/24,0)+1,1))-1)+IF('Standard Profiles'!$G$18=$B$10,7,0)+IF('Standard Profiles'!$G$18=$B$17,14,0)+IF('Standard Profiles'!$G$18=$B$24,21,0),0)),0)</f>
        <v>9.2615702605871224</v>
      </c>
      <c r="E3615" cm="1">
        <f t="array" ref="E3615">IFERROR(INDEX(Jesper!AI$2:AI$366,ROUNDDOWN($C3615/24,0)+1,1)*INDEX($D$3:$AA$30,INDEX(Jesper!$R$2:$R$366,ROW(INDEX(Jesper!AI$2:AI$366,ROUNDDOWN($C3615/24,0)+1,1))-1)+IF('Standard Profiles'!$G$19=$B$10,7,0)+IF('Standard Profiles'!$G$19=$B$17,14,0)+IF('Standard Profiles'!$G$19=$B$24,21,0),MOD($C3615,24)+1)/SUM(INDEX($D$3:$AA$30,INDEX(Jesper!$R$2:$R$366,ROW(INDEX(Jesper!AI$2:AI$366,ROUNDDOWN($C3615/24,0)+1,1))-1)+IF('Standard Profiles'!$G$19=$B$10,7,0)+IF('Standard Profiles'!$G$19=$B$17,14,0)+IF('Standard Profiles'!$G$19=$B$24,21,0),0)),0)</f>
        <v>0</v>
      </c>
      <c r="F3615" cm="1">
        <f t="array" ref="F3615">IFERROR(INDEX(Jesper!AJ$2:AJ$366,ROUNDDOWN($C3615/24,0)+1,1)*INDEX($D$3:$AA$30,INDEX(Jesper!$R$2:$R$366,ROW(INDEX(Jesper!AJ$2:AJ$366,ROUNDDOWN($C3615/24,0)+1,1))-1)+IF('Standard Profiles'!$G$20=$B$10,7,0)+IF('Standard Profiles'!$G$20=$B$17,14,0)+IF('Standard Profiles'!$G$20=$B$24,21,0),MOD($C3615,24)+1)/SUM(INDEX($D$3:$AA$30,INDEX(Jesper!$R$2:$R$366,ROW(INDEX(Jesper!AJ$2:AJ$366,ROUNDDOWN($C3615/24,0)+1,1))-1)+IF('Standard Profiles'!$G$20=$B$10,7,0)+IF('Standard Profiles'!$G$20=$B$17,14,0)+IF('Standard Profiles'!$G$20=$B$24,21,0),0)),0)</f>
        <v>0</v>
      </c>
      <c r="G3615" cm="1">
        <f t="array" ref="G3615">IFERROR(INDEX(Jesper!AK$2:AK$366,ROUNDDOWN($C3615/24,0)+1,1)*INDEX($D$3:$AA$30,INDEX(Jesper!$R$2:$R$366,ROW(INDEX(Jesper!AK$2:AK$366,ROUNDDOWN($C3615/24,0)+1,1))-1)+IF('Standard Profiles'!$G$21=$B$10,7,0)+IF('Standard Profiles'!$G$21=$B$17,14,0)+IF('Standard Profiles'!$G$21=$B$24,21,0),MOD($C3615,24)+1)/SUM(INDEX($D$3:$AA$30,INDEX(Jesper!$R$2:$R$366,ROW(INDEX(Jesper!AK$2:AK$366,ROUNDDOWN($C3615/24,0)+1,1))-1)+IF('Standard Profiles'!$G$21=$B$10,7,0)+IF('Standard Profiles'!$G$21=$B$17,14,0)+IF('Standard Profiles'!$G$21=$B$24,21,0),0)),0)</f>
        <v>0</v>
      </c>
      <c r="H3615" cm="1">
        <f t="array" ref="H3615">IFERROR(INDEX(Jesper!AL$2:AL$366,ROUNDDOWN($C3615/24,0)+1,1)*INDEX($D$3:$AA$30,INDEX(Jesper!$R$2:$R$366,ROW(INDEX(Jesper!AL$2:AL$366,ROUNDDOWN($C3615/24,0)+1,1))-1)+IF('Standard Profiles'!$G$22=$B$10,7,0)+IF('Standard Profiles'!$G$22=$B$17,14,0)+IF('Standard Profiles'!$G$22=$B$24,21,0),MOD($C3615,24)+1)/SUM(INDEX($D$3:$AA$30,INDEX(Jesper!$R$2:$R$366,ROW(INDEX(Jesper!AL$2:AL$366,ROUNDDOWN($C3615/24,0)+1,1))-1)+IF('Standard Profiles'!$G$22=$B$10,7,0)+IF('Standard Profiles'!$G$22=$B$17,14,0)+IF('Standard Profiles'!$G$22=$B$24,21,0),0)),0)</f>
        <v>0</v>
      </c>
      <c r="I3615">
        <f t="shared" si="405"/>
        <v>0.27784710781761368</v>
      </c>
      <c r="J3615">
        <f t="shared" si="406"/>
        <v>0.92615702605871231</v>
      </c>
      <c r="K3615">
        <f t="shared" si="407"/>
        <v>1.3892355390880684</v>
      </c>
      <c r="L3615">
        <f t="shared" si="408"/>
        <v>6.6683305876227275</v>
      </c>
      <c r="M3615">
        <f t="shared" si="409"/>
        <v>0</v>
      </c>
      <c r="N3615" s="46">
        <f t="shared" si="410"/>
        <v>45441.208333324648</v>
      </c>
    </row>
    <row r="3616" spans="2:14" x14ac:dyDescent="0.3">
      <c r="B3616">
        <f t="shared" si="404"/>
        <v>3</v>
      </c>
      <c r="C3616" s="16">
        <v>3582</v>
      </c>
      <c r="D3616" cm="1">
        <f t="array" ref="D3616">IFERROR(INDEX(Jesper!AH$2:AH$366,ROUNDDOWN($C3616/24,0)+1,1)*INDEX($D$3:$AA$30,INDEX(Jesper!$R$2:$R$366,ROW(INDEX(Jesper!AH$2:AH$366,ROUNDDOWN($C3616/24,0)+1,1))-1)+IF('Standard Profiles'!$G$18=$B$10,7,0)+IF('Standard Profiles'!$G$18=$B$17,14,0)+IF('Standard Profiles'!$G$18=$B$24,21,0),MOD($C3616,24)+1)/SUM(INDEX($D$3:$AA$30,INDEX(Jesper!$R$2:$R$366,ROW(INDEX(Jesper!AH$2:AH$366,ROUNDDOWN($C3616/24,0)+1,1))-1)+IF('Standard Profiles'!$G$18=$B$10,7,0)+IF('Standard Profiles'!$G$18=$B$17,14,0)+IF('Standard Profiles'!$G$18=$B$24,21,0),0)),0)</f>
        <v>10.698710473436849</v>
      </c>
      <c r="E3616" cm="1">
        <f t="array" ref="E3616">IFERROR(INDEX(Jesper!AI$2:AI$366,ROUNDDOWN($C3616/24,0)+1,1)*INDEX($D$3:$AA$30,INDEX(Jesper!$R$2:$R$366,ROW(INDEX(Jesper!AI$2:AI$366,ROUNDDOWN($C3616/24,0)+1,1))-1)+IF('Standard Profiles'!$G$19=$B$10,7,0)+IF('Standard Profiles'!$G$19=$B$17,14,0)+IF('Standard Profiles'!$G$19=$B$24,21,0),MOD($C3616,24)+1)/SUM(INDEX($D$3:$AA$30,INDEX(Jesper!$R$2:$R$366,ROW(INDEX(Jesper!AI$2:AI$366,ROUNDDOWN($C3616/24,0)+1,1))-1)+IF('Standard Profiles'!$G$19=$B$10,7,0)+IF('Standard Profiles'!$G$19=$B$17,14,0)+IF('Standard Profiles'!$G$19=$B$24,21,0),0)),0)</f>
        <v>0</v>
      </c>
      <c r="F3616" cm="1">
        <f t="array" ref="F3616">IFERROR(INDEX(Jesper!AJ$2:AJ$366,ROUNDDOWN($C3616/24,0)+1,1)*INDEX($D$3:$AA$30,INDEX(Jesper!$R$2:$R$366,ROW(INDEX(Jesper!AJ$2:AJ$366,ROUNDDOWN($C3616/24,0)+1,1))-1)+IF('Standard Profiles'!$G$20=$B$10,7,0)+IF('Standard Profiles'!$G$20=$B$17,14,0)+IF('Standard Profiles'!$G$20=$B$24,21,0),MOD($C3616,24)+1)/SUM(INDEX($D$3:$AA$30,INDEX(Jesper!$R$2:$R$366,ROW(INDEX(Jesper!AJ$2:AJ$366,ROUNDDOWN($C3616/24,0)+1,1))-1)+IF('Standard Profiles'!$G$20=$B$10,7,0)+IF('Standard Profiles'!$G$20=$B$17,14,0)+IF('Standard Profiles'!$G$20=$B$24,21,0),0)),0)</f>
        <v>0</v>
      </c>
      <c r="G3616" cm="1">
        <f t="array" ref="G3616">IFERROR(INDEX(Jesper!AK$2:AK$366,ROUNDDOWN($C3616/24,0)+1,1)*INDEX($D$3:$AA$30,INDEX(Jesper!$R$2:$R$366,ROW(INDEX(Jesper!AK$2:AK$366,ROUNDDOWN($C3616/24,0)+1,1))-1)+IF('Standard Profiles'!$G$21=$B$10,7,0)+IF('Standard Profiles'!$G$21=$B$17,14,0)+IF('Standard Profiles'!$G$21=$B$24,21,0),MOD($C3616,24)+1)/SUM(INDEX($D$3:$AA$30,INDEX(Jesper!$R$2:$R$366,ROW(INDEX(Jesper!AK$2:AK$366,ROUNDDOWN($C3616/24,0)+1,1))-1)+IF('Standard Profiles'!$G$21=$B$10,7,0)+IF('Standard Profiles'!$G$21=$B$17,14,0)+IF('Standard Profiles'!$G$21=$B$24,21,0),0)),0)</f>
        <v>0</v>
      </c>
      <c r="H3616" cm="1">
        <f t="array" ref="H3616">IFERROR(INDEX(Jesper!AL$2:AL$366,ROUNDDOWN($C3616/24,0)+1,1)*INDEX($D$3:$AA$30,INDEX(Jesper!$R$2:$R$366,ROW(INDEX(Jesper!AL$2:AL$366,ROUNDDOWN($C3616/24,0)+1,1))-1)+IF('Standard Profiles'!$G$22=$B$10,7,0)+IF('Standard Profiles'!$G$22=$B$17,14,0)+IF('Standard Profiles'!$G$22=$B$24,21,0),MOD($C3616,24)+1)/SUM(INDEX($D$3:$AA$30,INDEX(Jesper!$R$2:$R$366,ROW(INDEX(Jesper!AL$2:AL$366,ROUNDDOWN($C3616/24,0)+1,1))-1)+IF('Standard Profiles'!$G$22=$B$10,7,0)+IF('Standard Profiles'!$G$22=$B$17,14,0)+IF('Standard Profiles'!$G$22=$B$24,21,0),0)),0)</f>
        <v>0</v>
      </c>
      <c r="I3616">
        <f t="shared" si="405"/>
        <v>0.32096131420310547</v>
      </c>
      <c r="J3616">
        <f t="shared" si="406"/>
        <v>1.069871047343685</v>
      </c>
      <c r="K3616">
        <f t="shared" si="407"/>
        <v>1.6048065710155273</v>
      </c>
      <c r="L3616">
        <f t="shared" si="408"/>
        <v>7.7030715408745314</v>
      </c>
      <c r="M3616">
        <f t="shared" si="409"/>
        <v>0</v>
      </c>
      <c r="N3616" s="46">
        <f t="shared" si="410"/>
        <v>45441.249999991313</v>
      </c>
    </row>
    <row r="3617" spans="2:14" x14ac:dyDescent="0.3">
      <c r="B3617">
        <f t="shared" si="404"/>
        <v>3</v>
      </c>
      <c r="C3617" s="16">
        <v>3583</v>
      </c>
      <c r="D3617" cm="1">
        <f t="array" ref="D3617">IFERROR(INDEX(Jesper!AH$2:AH$366,ROUNDDOWN($C3617/24,0)+1,1)*INDEX($D$3:$AA$30,INDEX(Jesper!$R$2:$R$366,ROW(INDEX(Jesper!AH$2:AH$366,ROUNDDOWN($C3617/24,0)+1,1))-1)+IF('Standard Profiles'!$G$18=$B$10,7,0)+IF('Standard Profiles'!$G$18=$B$17,14,0)+IF('Standard Profiles'!$G$18=$B$24,21,0),MOD($C3617,24)+1)/SUM(INDEX($D$3:$AA$30,INDEX(Jesper!$R$2:$R$366,ROW(INDEX(Jesper!AH$2:AH$366,ROUNDDOWN($C3617/24,0)+1,1))-1)+IF('Standard Profiles'!$G$18=$B$10,7,0)+IF('Standard Profiles'!$G$18=$B$17,14,0)+IF('Standard Profiles'!$G$18=$B$24,21,0),0)),0)</f>
        <v>10.698710473436849</v>
      </c>
      <c r="E3617" cm="1">
        <f t="array" ref="E3617">IFERROR(INDEX(Jesper!AI$2:AI$366,ROUNDDOWN($C3617/24,0)+1,1)*INDEX($D$3:$AA$30,INDEX(Jesper!$R$2:$R$366,ROW(INDEX(Jesper!AI$2:AI$366,ROUNDDOWN($C3617/24,0)+1,1))-1)+IF('Standard Profiles'!$G$19=$B$10,7,0)+IF('Standard Profiles'!$G$19=$B$17,14,0)+IF('Standard Profiles'!$G$19=$B$24,21,0),MOD($C3617,24)+1)/SUM(INDEX($D$3:$AA$30,INDEX(Jesper!$R$2:$R$366,ROW(INDEX(Jesper!AI$2:AI$366,ROUNDDOWN($C3617/24,0)+1,1))-1)+IF('Standard Profiles'!$G$19=$B$10,7,0)+IF('Standard Profiles'!$G$19=$B$17,14,0)+IF('Standard Profiles'!$G$19=$B$24,21,0),0)),0)</f>
        <v>0</v>
      </c>
      <c r="F3617" cm="1">
        <f t="array" ref="F3617">IFERROR(INDEX(Jesper!AJ$2:AJ$366,ROUNDDOWN($C3617/24,0)+1,1)*INDEX($D$3:$AA$30,INDEX(Jesper!$R$2:$R$366,ROW(INDEX(Jesper!AJ$2:AJ$366,ROUNDDOWN($C3617/24,0)+1,1))-1)+IF('Standard Profiles'!$G$20=$B$10,7,0)+IF('Standard Profiles'!$G$20=$B$17,14,0)+IF('Standard Profiles'!$G$20=$B$24,21,0),MOD($C3617,24)+1)/SUM(INDEX($D$3:$AA$30,INDEX(Jesper!$R$2:$R$366,ROW(INDEX(Jesper!AJ$2:AJ$366,ROUNDDOWN($C3617/24,0)+1,1))-1)+IF('Standard Profiles'!$G$20=$B$10,7,0)+IF('Standard Profiles'!$G$20=$B$17,14,0)+IF('Standard Profiles'!$G$20=$B$24,21,0),0)),0)</f>
        <v>0</v>
      </c>
      <c r="G3617" cm="1">
        <f t="array" ref="G3617">IFERROR(INDEX(Jesper!AK$2:AK$366,ROUNDDOWN($C3617/24,0)+1,1)*INDEX($D$3:$AA$30,INDEX(Jesper!$R$2:$R$366,ROW(INDEX(Jesper!AK$2:AK$366,ROUNDDOWN($C3617/24,0)+1,1))-1)+IF('Standard Profiles'!$G$21=$B$10,7,0)+IF('Standard Profiles'!$G$21=$B$17,14,0)+IF('Standard Profiles'!$G$21=$B$24,21,0),MOD($C3617,24)+1)/SUM(INDEX($D$3:$AA$30,INDEX(Jesper!$R$2:$R$366,ROW(INDEX(Jesper!AK$2:AK$366,ROUNDDOWN($C3617/24,0)+1,1))-1)+IF('Standard Profiles'!$G$21=$B$10,7,0)+IF('Standard Profiles'!$G$21=$B$17,14,0)+IF('Standard Profiles'!$G$21=$B$24,21,0),0)),0)</f>
        <v>0</v>
      </c>
      <c r="H3617" cm="1">
        <f t="array" ref="H3617">IFERROR(INDEX(Jesper!AL$2:AL$366,ROUNDDOWN($C3617/24,0)+1,1)*INDEX($D$3:$AA$30,INDEX(Jesper!$R$2:$R$366,ROW(INDEX(Jesper!AL$2:AL$366,ROUNDDOWN($C3617/24,0)+1,1))-1)+IF('Standard Profiles'!$G$22=$B$10,7,0)+IF('Standard Profiles'!$G$22=$B$17,14,0)+IF('Standard Profiles'!$G$22=$B$24,21,0),MOD($C3617,24)+1)/SUM(INDEX($D$3:$AA$30,INDEX(Jesper!$R$2:$R$366,ROW(INDEX(Jesper!AL$2:AL$366,ROUNDDOWN($C3617/24,0)+1,1))-1)+IF('Standard Profiles'!$G$22=$B$10,7,0)+IF('Standard Profiles'!$G$22=$B$17,14,0)+IF('Standard Profiles'!$G$22=$B$24,21,0),0)),0)</f>
        <v>0</v>
      </c>
      <c r="I3617">
        <f t="shared" si="405"/>
        <v>0.32096131420310547</v>
      </c>
      <c r="J3617">
        <f t="shared" si="406"/>
        <v>1.069871047343685</v>
      </c>
      <c r="K3617">
        <f t="shared" si="407"/>
        <v>1.6048065710155273</v>
      </c>
      <c r="L3617">
        <f t="shared" si="408"/>
        <v>7.7030715408745314</v>
      </c>
      <c r="M3617">
        <f t="shared" si="409"/>
        <v>0</v>
      </c>
      <c r="N3617" s="46">
        <f t="shared" si="410"/>
        <v>45441.291666657977</v>
      </c>
    </row>
    <row r="3618" spans="2:14" x14ac:dyDescent="0.3">
      <c r="B3618">
        <f t="shared" si="404"/>
        <v>3</v>
      </c>
      <c r="C3618" s="16">
        <v>3584</v>
      </c>
      <c r="D3618" cm="1">
        <f t="array" ref="D3618">IFERROR(INDEX(Jesper!AH$2:AH$366,ROUNDDOWN($C3618/24,0)+1,1)*INDEX($D$3:$AA$30,INDEX(Jesper!$R$2:$R$366,ROW(INDEX(Jesper!AH$2:AH$366,ROUNDDOWN($C3618/24,0)+1,1))-1)+IF('Standard Profiles'!$G$18=$B$10,7,0)+IF('Standard Profiles'!$G$18=$B$17,14,0)+IF('Standard Profiles'!$G$18=$B$24,21,0),MOD($C3618,24)+1)/SUM(INDEX($D$3:$AA$30,INDEX(Jesper!$R$2:$R$366,ROW(INDEX(Jesper!AH$2:AH$366,ROUNDDOWN($C3618/24,0)+1,1))-1)+IF('Standard Profiles'!$G$18=$B$10,7,0)+IF('Standard Profiles'!$G$18=$B$17,14,0)+IF('Standard Profiles'!$G$18=$B$24,21,0),0)),0)</f>
        <v>10.698710473436849</v>
      </c>
      <c r="E3618" cm="1">
        <f t="array" ref="E3618">IFERROR(INDEX(Jesper!AI$2:AI$366,ROUNDDOWN($C3618/24,0)+1,1)*INDEX($D$3:$AA$30,INDEX(Jesper!$R$2:$R$366,ROW(INDEX(Jesper!AI$2:AI$366,ROUNDDOWN($C3618/24,0)+1,1))-1)+IF('Standard Profiles'!$G$19=$B$10,7,0)+IF('Standard Profiles'!$G$19=$B$17,14,0)+IF('Standard Profiles'!$G$19=$B$24,21,0),MOD($C3618,24)+1)/SUM(INDEX($D$3:$AA$30,INDEX(Jesper!$R$2:$R$366,ROW(INDEX(Jesper!AI$2:AI$366,ROUNDDOWN($C3618/24,0)+1,1))-1)+IF('Standard Profiles'!$G$19=$B$10,7,0)+IF('Standard Profiles'!$G$19=$B$17,14,0)+IF('Standard Profiles'!$G$19=$B$24,21,0),0)),0)</f>
        <v>0</v>
      </c>
      <c r="F3618" cm="1">
        <f t="array" ref="F3618">IFERROR(INDEX(Jesper!AJ$2:AJ$366,ROUNDDOWN($C3618/24,0)+1,1)*INDEX($D$3:$AA$30,INDEX(Jesper!$R$2:$R$366,ROW(INDEX(Jesper!AJ$2:AJ$366,ROUNDDOWN($C3618/24,0)+1,1))-1)+IF('Standard Profiles'!$G$20=$B$10,7,0)+IF('Standard Profiles'!$G$20=$B$17,14,0)+IF('Standard Profiles'!$G$20=$B$24,21,0),MOD($C3618,24)+1)/SUM(INDEX($D$3:$AA$30,INDEX(Jesper!$R$2:$R$366,ROW(INDEX(Jesper!AJ$2:AJ$366,ROUNDDOWN($C3618/24,0)+1,1))-1)+IF('Standard Profiles'!$G$20=$B$10,7,0)+IF('Standard Profiles'!$G$20=$B$17,14,0)+IF('Standard Profiles'!$G$20=$B$24,21,0),0)),0)</f>
        <v>0</v>
      </c>
      <c r="G3618" cm="1">
        <f t="array" ref="G3618">IFERROR(INDEX(Jesper!AK$2:AK$366,ROUNDDOWN($C3618/24,0)+1,1)*INDEX($D$3:$AA$30,INDEX(Jesper!$R$2:$R$366,ROW(INDEX(Jesper!AK$2:AK$366,ROUNDDOWN($C3618/24,0)+1,1))-1)+IF('Standard Profiles'!$G$21=$B$10,7,0)+IF('Standard Profiles'!$G$21=$B$17,14,0)+IF('Standard Profiles'!$G$21=$B$24,21,0),MOD($C3618,24)+1)/SUM(INDEX($D$3:$AA$30,INDEX(Jesper!$R$2:$R$366,ROW(INDEX(Jesper!AK$2:AK$366,ROUNDDOWN($C3618/24,0)+1,1))-1)+IF('Standard Profiles'!$G$21=$B$10,7,0)+IF('Standard Profiles'!$G$21=$B$17,14,0)+IF('Standard Profiles'!$G$21=$B$24,21,0),0)),0)</f>
        <v>0</v>
      </c>
      <c r="H3618" cm="1">
        <f t="array" ref="H3618">IFERROR(INDEX(Jesper!AL$2:AL$366,ROUNDDOWN($C3618/24,0)+1,1)*INDEX($D$3:$AA$30,INDEX(Jesper!$R$2:$R$366,ROW(INDEX(Jesper!AL$2:AL$366,ROUNDDOWN($C3618/24,0)+1,1))-1)+IF('Standard Profiles'!$G$22=$B$10,7,0)+IF('Standard Profiles'!$G$22=$B$17,14,0)+IF('Standard Profiles'!$G$22=$B$24,21,0),MOD($C3618,24)+1)/SUM(INDEX($D$3:$AA$30,INDEX(Jesper!$R$2:$R$366,ROW(INDEX(Jesper!AL$2:AL$366,ROUNDDOWN($C3618/24,0)+1,1))-1)+IF('Standard Profiles'!$G$22=$B$10,7,0)+IF('Standard Profiles'!$G$22=$B$17,14,0)+IF('Standard Profiles'!$G$22=$B$24,21,0),0)),0)</f>
        <v>0</v>
      </c>
      <c r="I3618">
        <f t="shared" si="405"/>
        <v>0.32096131420310547</v>
      </c>
      <c r="J3618">
        <f t="shared" si="406"/>
        <v>1.069871047343685</v>
      </c>
      <c r="K3618">
        <f t="shared" si="407"/>
        <v>1.6048065710155273</v>
      </c>
      <c r="L3618">
        <f t="shared" si="408"/>
        <v>7.7030715408745314</v>
      </c>
      <c r="M3618">
        <f t="shared" si="409"/>
        <v>0</v>
      </c>
      <c r="N3618" s="46">
        <f t="shared" si="410"/>
        <v>45441.333333324641</v>
      </c>
    </row>
    <row r="3619" spans="2:14" x14ac:dyDescent="0.3">
      <c r="B3619">
        <f t="shared" ref="B3619:B3682" si="411">WEEKDAY(N3619,2)</f>
        <v>3</v>
      </c>
      <c r="C3619" s="16">
        <v>3585</v>
      </c>
      <c r="D3619" cm="1">
        <f t="array" ref="D3619">IFERROR(INDEX(Jesper!AH$2:AH$366,ROUNDDOWN($C3619/24,0)+1,1)*INDEX($D$3:$AA$30,INDEX(Jesper!$R$2:$R$366,ROW(INDEX(Jesper!AH$2:AH$366,ROUNDDOWN($C3619/24,0)+1,1))-1)+IF('Standard Profiles'!$G$18=$B$10,7,0)+IF('Standard Profiles'!$G$18=$B$17,14,0)+IF('Standard Profiles'!$G$18=$B$24,21,0),MOD($C3619,24)+1)/SUM(INDEX($D$3:$AA$30,INDEX(Jesper!$R$2:$R$366,ROW(INDEX(Jesper!AH$2:AH$366,ROUNDDOWN($C3619/24,0)+1,1))-1)+IF('Standard Profiles'!$G$18=$B$10,7,0)+IF('Standard Profiles'!$G$18=$B$17,14,0)+IF('Standard Profiles'!$G$18=$B$24,21,0),0)),0)</f>
        <v>11.497121702797807</v>
      </c>
      <c r="E3619" cm="1">
        <f t="array" ref="E3619">IFERROR(INDEX(Jesper!AI$2:AI$366,ROUNDDOWN($C3619/24,0)+1,1)*INDEX($D$3:$AA$30,INDEX(Jesper!$R$2:$R$366,ROW(INDEX(Jesper!AI$2:AI$366,ROUNDDOWN($C3619/24,0)+1,1))-1)+IF('Standard Profiles'!$G$19=$B$10,7,0)+IF('Standard Profiles'!$G$19=$B$17,14,0)+IF('Standard Profiles'!$G$19=$B$24,21,0),MOD($C3619,24)+1)/SUM(INDEX($D$3:$AA$30,INDEX(Jesper!$R$2:$R$366,ROW(INDEX(Jesper!AI$2:AI$366,ROUNDDOWN($C3619/24,0)+1,1))-1)+IF('Standard Profiles'!$G$19=$B$10,7,0)+IF('Standard Profiles'!$G$19=$B$17,14,0)+IF('Standard Profiles'!$G$19=$B$24,21,0),0)),0)</f>
        <v>0</v>
      </c>
      <c r="F3619" cm="1">
        <f t="array" ref="F3619">IFERROR(INDEX(Jesper!AJ$2:AJ$366,ROUNDDOWN($C3619/24,0)+1,1)*INDEX($D$3:$AA$30,INDEX(Jesper!$R$2:$R$366,ROW(INDEX(Jesper!AJ$2:AJ$366,ROUNDDOWN($C3619/24,0)+1,1))-1)+IF('Standard Profiles'!$G$20=$B$10,7,0)+IF('Standard Profiles'!$G$20=$B$17,14,0)+IF('Standard Profiles'!$G$20=$B$24,21,0),MOD($C3619,24)+1)/SUM(INDEX($D$3:$AA$30,INDEX(Jesper!$R$2:$R$366,ROW(INDEX(Jesper!AJ$2:AJ$366,ROUNDDOWN($C3619/24,0)+1,1))-1)+IF('Standard Profiles'!$G$20=$B$10,7,0)+IF('Standard Profiles'!$G$20=$B$17,14,0)+IF('Standard Profiles'!$G$20=$B$24,21,0),0)),0)</f>
        <v>0</v>
      </c>
      <c r="G3619" cm="1">
        <f t="array" ref="G3619">IFERROR(INDEX(Jesper!AK$2:AK$366,ROUNDDOWN($C3619/24,0)+1,1)*INDEX($D$3:$AA$30,INDEX(Jesper!$R$2:$R$366,ROW(INDEX(Jesper!AK$2:AK$366,ROUNDDOWN($C3619/24,0)+1,1))-1)+IF('Standard Profiles'!$G$21=$B$10,7,0)+IF('Standard Profiles'!$G$21=$B$17,14,0)+IF('Standard Profiles'!$G$21=$B$24,21,0),MOD($C3619,24)+1)/SUM(INDEX($D$3:$AA$30,INDEX(Jesper!$R$2:$R$366,ROW(INDEX(Jesper!AK$2:AK$366,ROUNDDOWN($C3619/24,0)+1,1))-1)+IF('Standard Profiles'!$G$21=$B$10,7,0)+IF('Standard Profiles'!$G$21=$B$17,14,0)+IF('Standard Profiles'!$G$21=$B$24,21,0),0)),0)</f>
        <v>0</v>
      </c>
      <c r="H3619" cm="1">
        <f t="array" ref="H3619">IFERROR(INDEX(Jesper!AL$2:AL$366,ROUNDDOWN($C3619/24,0)+1,1)*INDEX($D$3:$AA$30,INDEX(Jesper!$R$2:$R$366,ROW(INDEX(Jesper!AL$2:AL$366,ROUNDDOWN($C3619/24,0)+1,1))-1)+IF('Standard Profiles'!$G$22=$B$10,7,0)+IF('Standard Profiles'!$G$22=$B$17,14,0)+IF('Standard Profiles'!$G$22=$B$24,21,0),MOD($C3619,24)+1)/SUM(INDEX($D$3:$AA$30,INDEX(Jesper!$R$2:$R$366,ROW(INDEX(Jesper!AL$2:AL$366,ROUNDDOWN($C3619/24,0)+1,1))-1)+IF('Standard Profiles'!$G$22=$B$10,7,0)+IF('Standard Profiles'!$G$22=$B$17,14,0)+IF('Standard Profiles'!$G$22=$B$24,21,0),0)),0)</f>
        <v>0</v>
      </c>
      <c r="I3619">
        <f t="shared" ref="I3619:I3682" si="412">IF($B3619&lt;6,AC$37*$D3619+AC$38*$E3619+AC$39*$F3619+AC$40*$G3619,AC$46*$D3619+AC$47*$E3619+AC$48*$F3619+AC$49*$G3619+AC$50*$H3619)</f>
        <v>0.34491365108393424</v>
      </c>
      <c r="J3619">
        <f t="shared" ref="J3619:J3682" si="413">IF($B3619&lt;6,AD$37*$D3619+AD$38*$E3619+AD$39*$F3619+AD$40*$G3619,AD$46*$D3619+AD$47*$E3619+AD$48*$F3619+AD$49*$G3619+AD$50*$H3619)</f>
        <v>1.1497121702797808</v>
      </c>
      <c r="K3619">
        <f t="shared" ref="K3619:K3682" si="414">IF($B3619&lt;6,AE$37*$D3619+AE$38*$E3619+AE$39*$F3619+AE$40*$G3619,AE$46*$D3619+AE$47*$E3619+AE$48*$F3619+AE$49*$G3619+AE$50*$H3619)</f>
        <v>1.7245682554196711</v>
      </c>
      <c r="L3619">
        <f t="shared" ref="L3619:L3682" si="415">IF($B3619&lt;6,AF$37*$D3619+AF$38*$E3619+AF$39*$F3619+AF$40*$G3619,AF$46*$D3619+AF$47*$E3619+AF$48*$F3619+AF$49*$G3619+AF$50*$H3619)</f>
        <v>8.2779276260144208</v>
      </c>
      <c r="M3619">
        <f t="shared" ref="M3619:M3682" si="416">IF($B3619&lt;6,AG$37*$D3619+AG$38*$E3619+AG$39*$F3619+AG$40*$G3619,AG$46*$D3619+AG$47*$E3619+AG$48*$F3619+AG$49*$G3619+AG$50*$H3619)</f>
        <v>0</v>
      </c>
      <c r="N3619" s="46">
        <f t="shared" si="410"/>
        <v>45441.374999991305</v>
      </c>
    </row>
    <row r="3620" spans="2:14" x14ac:dyDescent="0.3">
      <c r="B3620">
        <f t="shared" si="411"/>
        <v>3</v>
      </c>
      <c r="C3620" s="16">
        <v>3586</v>
      </c>
      <c r="D3620" cm="1">
        <f t="array" ref="D3620">IFERROR(INDEX(Jesper!AH$2:AH$366,ROUNDDOWN($C3620/24,0)+1,1)*INDEX($D$3:$AA$30,INDEX(Jesper!$R$2:$R$366,ROW(INDEX(Jesper!AH$2:AH$366,ROUNDDOWN($C3620/24,0)+1,1))-1)+IF('Standard Profiles'!$G$18=$B$10,7,0)+IF('Standard Profiles'!$G$18=$B$17,14,0)+IF('Standard Profiles'!$G$18=$B$24,21,0),MOD($C3620,24)+1)/SUM(INDEX($D$3:$AA$30,INDEX(Jesper!$R$2:$R$366,ROW(INDEX(Jesper!AH$2:AH$366,ROUNDDOWN($C3620/24,0)+1,1))-1)+IF('Standard Profiles'!$G$18=$B$10,7,0)+IF('Standard Profiles'!$G$18=$B$17,14,0)+IF('Standard Profiles'!$G$18=$B$24,21,0),0)),0)</f>
        <v>12.455215178030958</v>
      </c>
      <c r="E3620" cm="1">
        <f t="array" ref="E3620">IFERROR(INDEX(Jesper!AI$2:AI$366,ROUNDDOWN($C3620/24,0)+1,1)*INDEX($D$3:$AA$30,INDEX(Jesper!$R$2:$R$366,ROW(INDEX(Jesper!AI$2:AI$366,ROUNDDOWN($C3620/24,0)+1,1))-1)+IF('Standard Profiles'!$G$19=$B$10,7,0)+IF('Standard Profiles'!$G$19=$B$17,14,0)+IF('Standard Profiles'!$G$19=$B$24,21,0),MOD($C3620,24)+1)/SUM(INDEX($D$3:$AA$30,INDEX(Jesper!$R$2:$R$366,ROW(INDEX(Jesper!AI$2:AI$366,ROUNDDOWN($C3620/24,0)+1,1))-1)+IF('Standard Profiles'!$G$19=$B$10,7,0)+IF('Standard Profiles'!$G$19=$B$17,14,0)+IF('Standard Profiles'!$G$19=$B$24,21,0),0)),0)</f>
        <v>0</v>
      </c>
      <c r="F3620" cm="1">
        <f t="array" ref="F3620">IFERROR(INDEX(Jesper!AJ$2:AJ$366,ROUNDDOWN($C3620/24,0)+1,1)*INDEX($D$3:$AA$30,INDEX(Jesper!$R$2:$R$366,ROW(INDEX(Jesper!AJ$2:AJ$366,ROUNDDOWN($C3620/24,0)+1,1))-1)+IF('Standard Profiles'!$G$20=$B$10,7,0)+IF('Standard Profiles'!$G$20=$B$17,14,0)+IF('Standard Profiles'!$G$20=$B$24,21,0),MOD($C3620,24)+1)/SUM(INDEX($D$3:$AA$30,INDEX(Jesper!$R$2:$R$366,ROW(INDEX(Jesper!AJ$2:AJ$366,ROUNDDOWN($C3620/24,0)+1,1))-1)+IF('Standard Profiles'!$G$20=$B$10,7,0)+IF('Standard Profiles'!$G$20=$B$17,14,0)+IF('Standard Profiles'!$G$20=$B$24,21,0),0)),0)</f>
        <v>0</v>
      </c>
      <c r="G3620" cm="1">
        <f t="array" ref="G3620">IFERROR(INDEX(Jesper!AK$2:AK$366,ROUNDDOWN($C3620/24,0)+1,1)*INDEX($D$3:$AA$30,INDEX(Jesper!$R$2:$R$366,ROW(INDEX(Jesper!AK$2:AK$366,ROUNDDOWN($C3620/24,0)+1,1))-1)+IF('Standard Profiles'!$G$21=$B$10,7,0)+IF('Standard Profiles'!$G$21=$B$17,14,0)+IF('Standard Profiles'!$G$21=$B$24,21,0),MOD($C3620,24)+1)/SUM(INDEX($D$3:$AA$30,INDEX(Jesper!$R$2:$R$366,ROW(INDEX(Jesper!AK$2:AK$366,ROUNDDOWN($C3620/24,0)+1,1))-1)+IF('Standard Profiles'!$G$21=$B$10,7,0)+IF('Standard Profiles'!$G$21=$B$17,14,0)+IF('Standard Profiles'!$G$21=$B$24,21,0),0)),0)</f>
        <v>0</v>
      </c>
      <c r="H3620" cm="1">
        <f t="array" ref="H3620">IFERROR(INDEX(Jesper!AL$2:AL$366,ROUNDDOWN($C3620/24,0)+1,1)*INDEX($D$3:$AA$30,INDEX(Jesper!$R$2:$R$366,ROW(INDEX(Jesper!AL$2:AL$366,ROUNDDOWN($C3620/24,0)+1,1))-1)+IF('Standard Profiles'!$G$22=$B$10,7,0)+IF('Standard Profiles'!$G$22=$B$17,14,0)+IF('Standard Profiles'!$G$22=$B$24,21,0),MOD($C3620,24)+1)/SUM(INDEX($D$3:$AA$30,INDEX(Jesper!$R$2:$R$366,ROW(INDEX(Jesper!AL$2:AL$366,ROUNDDOWN($C3620/24,0)+1,1))-1)+IF('Standard Profiles'!$G$22=$B$10,7,0)+IF('Standard Profiles'!$G$22=$B$17,14,0)+IF('Standard Profiles'!$G$22=$B$24,21,0),0)),0)</f>
        <v>0</v>
      </c>
      <c r="I3620">
        <f t="shared" si="412"/>
        <v>0.37365645534092873</v>
      </c>
      <c r="J3620">
        <f t="shared" si="413"/>
        <v>1.2455215178030958</v>
      </c>
      <c r="K3620">
        <f t="shared" si="414"/>
        <v>1.8682822767046436</v>
      </c>
      <c r="L3620">
        <f t="shared" si="415"/>
        <v>8.9677549281822895</v>
      </c>
      <c r="M3620">
        <f t="shared" si="416"/>
        <v>0</v>
      </c>
      <c r="N3620" s="46">
        <f t="shared" ref="N3620:N3683" si="417">N3619+1/24</f>
        <v>45441.416666657969</v>
      </c>
    </row>
    <row r="3621" spans="2:14" x14ac:dyDescent="0.3">
      <c r="B3621">
        <f t="shared" si="411"/>
        <v>3</v>
      </c>
      <c r="C3621" s="16">
        <v>3587</v>
      </c>
      <c r="D3621" cm="1">
        <f t="array" ref="D3621">IFERROR(INDEX(Jesper!AH$2:AH$366,ROUNDDOWN($C3621/24,0)+1,1)*INDEX($D$3:$AA$30,INDEX(Jesper!$R$2:$R$366,ROW(INDEX(Jesper!AH$2:AH$366,ROUNDDOWN($C3621/24,0)+1,1))-1)+IF('Standard Profiles'!$G$18=$B$10,7,0)+IF('Standard Profiles'!$G$18=$B$17,14,0)+IF('Standard Profiles'!$G$18=$B$24,21,0),MOD($C3621,24)+1)/SUM(INDEX($D$3:$AA$30,INDEX(Jesper!$R$2:$R$366,ROW(INDEX(Jesper!AH$2:AH$366,ROUNDDOWN($C3621/24,0)+1,1))-1)+IF('Standard Profiles'!$G$18=$B$10,7,0)+IF('Standard Profiles'!$G$18=$B$17,14,0)+IF('Standard Profiles'!$G$18=$B$24,21,0),0)),0)</f>
        <v>14.371402128497257</v>
      </c>
      <c r="E3621" cm="1">
        <f t="array" ref="E3621">IFERROR(INDEX(Jesper!AI$2:AI$366,ROUNDDOWN($C3621/24,0)+1,1)*INDEX($D$3:$AA$30,INDEX(Jesper!$R$2:$R$366,ROW(INDEX(Jesper!AI$2:AI$366,ROUNDDOWN($C3621/24,0)+1,1))-1)+IF('Standard Profiles'!$G$19=$B$10,7,0)+IF('Standard Profiles'!$G$19=$B$17,14,0)+IF('Standard Profiles'!$G$19=$B$24,21,0),MOD($C3621,24)+1)/SUM(INDEX($D$3:$AA$30,INDEX(Jesper!$R$2:$R$366,ROW(INDEX(Jesper!AI$2:AI$366,ROUNDDOWN($C3621/24,0)+1,1))-1)+IF('Standard Profiles'!$G$19=$B$10,7,0)+IF('Standard Profiles'!$G$19=$B$17,14,0)+IF('Standard Profiles'!$G$19=$B$24,21,0),0)),0)</f>
        <v>0</v>
      </c>
      <c r="F3621" cm="1">
        <f t="array" ref="F3621">IFERROR(INDEX(Jesper!AJ$2:AJ$366,ROUNDDOWN($C3621/24,0)+1,1)*INDEX($D$3:$AA$30,INDEX(Jesper!$R$2:$R$366,ROW(INDEX(Jesper!AJ$2:AJ$366,ROUNDDOWN($C3621/24,0)+1,1))-1)+IF('Standard Profiles'!$G$20=$B$10,7,0)+IF('Standard Profiles'!$G$20=$B$17,14,0)+IF('Standard Profiles'!$G$20=$B$24,21,0),MOD($C3621,24)+1)/SUM(INDEX($D$3:$AA$30,INDEX(Jesper!$R$2:$R$366,ROW(INDEX(Jesper!AJ$2:AJ$366,ROUNDDOWN($C3621/24,0)+1,1))-1)+IF('Standard Profiles'!$G$20=$B$10,7,0)+IF('Standard Profiles'!$G$20=$B$17,14,0)+IF('Standard Profiles'!$G$20=$B$24,21,0),0)),0)</f>
        <v>0</v>
      </c>
      <c r="G3621" cm="1">
        <f t="array" ref="G3621">IFERROR(INDEX(Jesper!AK$2:AK$366,ROUNDDOWN($C3621/24,0)+1,1)*INDEX($D$3:$AA$30,INDEX(Jesper!$R$2:$R$366,ROW(INDEX(Jesper!AK$2:AK$366,ROUNDDOWN($C3621/24,0)+1,1))-1)+IF('Standard Profiles'!$G$21=$B$10,7,0)+IF('Standard Profiles'!$G$21=$B$17,14,0)+IF('Standard Profiles'!$G$21=$B$24,21,0),MOD($C3621,24)+1)/SUM(INDEX($D$3:$AA$30,INDEX(Jesper!$R$2:$R$366,ROW(INDEX(Jesper!AK$2:AK$366,ROUNDDOWN($C3621/24,0)+1,1))-1)+IF('Standard Profiles'!$G$21=$B$10,7,0)+IF('Standard Profiles'!$G$21=$B$17,14,0)+IF('Standard Profiles'!$G$21=$B$24,21,0),0)),0)</f>
        <v>0</v>
      </c>
      <c r="H3621" cm="1">
        <f t="array" ref="H3621">IFERROR(INDEX(Jesper!AL$2:AL$366,ROUNDDOWN($C3621/24,0)+1,1)*INDEX($D$3:$AA$30,INDEX(Jesper!$R$2:$R$366,ROW(INDEX(Jesper!AL$2:AL$366,ROUNDDOWN($C3621/24,0)+1,1))-1)+IF('Standard Profiles'!$G$22=$B$10,7,0)+IF('Standard Profiles'!$G$22=$B$17,14,0)+IF('Standard Profiles'!$G$22=$B$24,21,0),MOD($C3621,24)+1)/SUM(INDEX($D$3:$AA$30,INDEX(Jesper!$R$2:$R$366,ROW(INDEX(Jesper!AL$2:AL$366,ROUNDDOWN($C3621/24,0)+1,1))-1)+IF('Standard Profiles'!$G$22=$B$10,7,0)+IF('Standard Profiles'!$G$22=$B$17,14,0)+IF('Standard Profiles'!$G$22=$B$24,21,0),0)),0)</f>
        <v>0</v>
      </c>
      <c r="I3621">
        <f t="shared" si="412"/>
        <v>0.43114206385491771</v>
      </c>
      <c r="J3621">
        <f t="shared" si="413"/>
        <v>1.4371402128497257</v>
      </c>
      <c r="K3621">
        <f t="shared" si="414"/>
        <v>2.1557103192745886</v>
      </c>
      <c r="L3621">
        <f t="shared" si="415"/>
        <v>10.347409532518025</v>
      </c>
      <c r="M3621">
        <f t="shared" si="416"/>
        <v>0</v>
      </c>
      <c r="N3621" s="46">
        <f t="shared" si="417"/>
        <v>45441.458333324634</v>
      </c>
    </row>
    <row r="3622" spans="2:14" x14ac:dyDescent="0.3">
      <c r="B3622">
        <f t="shared" si="411"/>
        <v>3</v>
      </c>
      <c r="C3622" s="16">
        <v>3588</v>
      </c>
      <c r="D3622" cm="1">
        <f t="array" ref="D3622">IFERROR(INDEX(Jesper!AH$2:AH$366,ROUNDDOWN($C3622/24,0)+1,1)*INDEX($D$3:$AA$30,INDEX(Jesper!$R$2:$R$366,ROW(INDEX(Jesper!AH$2:AH$366,ROUNDDOWN($C3622/24,0)+1,1))-1)+IF('Standard Profiles'!$G$18=$B$10,7,0)+IF('Standard Profiles'!$G$18=$B$17,14,0)+IF('Standard Profiles'!$G$18=$B$24,21,0),MOD($C3622,24)+1)/SUM(INDEX($D$3:$AA$30,INDEX(Jesper!$R$2:$R$366,ROW(INDEX(Jesper!AH$2:AH$366,ROUNDDOWN($C3622/24,0)+1,1))-1)+IF('Standard Profiles'!$G$18=$B$10,7,0)+IF('Standard Profiles'!$G$18=$B$17,14,0)+IF('Standard Profiles'!$G$18=$B$24,21,0),0)),0)</f>
        <v>14.371402128497257</v>
      </c>
      <c r="E3622" cm="1">
        <f t="array" ref="E3622">IFERROR(INDEX(Jesper!AI$2:AI$366,ROUNDDOWN($C3622/24,0)+1,1)*INDEX($D$3:$AA$30,INDEX(Jesper!$R$2:$R$366,ROW(INDEX(Jesper!AI$2:AI$366,ROUNDDOWN($C3622/24,0)+1,1))-1)+IF('Standard Profiles'!$G$19=$B$10,7,0)+IF('Standard Profiles'!$G$19=$B$17,14,0)+IF('Standard Profiles'!$G$19=$B$24,21,0),MOD($C3622,24)+1)/SUM(INDEX($D$3:$AA$30,INDEX(Jesper!$R$2:$R$366,ROW(INDEX(Jesper!AI$2:AI$366,ROUNDDOWN($C3622/24,0)+1,1))-1)+IF('Standard Profiles'!$G$19=$B$10,7,0)+IF('Standard Profiles'!$G$19=$B$17,14,0)+IF('Standard Profiles'!$G$19=$B$24,21,0),0)),0)</f>
        <v>0</v>
      </c>
      <c r="F3622" cm="1">
        <f t="array" ref="F3622">IFERROR(INDEX(Jesper!AJ$2:AJ$366,ROUNDDOWN($C3622/24,0)+1,1)*INDEX($D$3:$AA$30,INDEX(Jesper!$R$2:$R$366,ROW(INDEX(Jesper!AJ$2:AJ$366,ROUNDDOWN($C3622/24,0)+1,1))-1)+IF('Standard Profiles'!$G$20=$B$10,7,0)+IF('Standard Profiles'!$G$20=$B$17,14,0)+IF('Standard Profiles'!$G$20=$B$24,21,0),MOD($C3622,24)+1)/SUM(INDEX($D$3:$AA$30,INDEX(Jesper!$R$2:$R$366,ROW(INDEX(Jesper!AJ$2:AJ$366,ROUNDDOWN($C3622/24,0)+1,1))-1)+IF('Standard Profiles'!$G$20=$B$10,7,0)+IF('Standard Profiles'!$G$20=$B$17,14,0)+IF('Standard Profiles'!$G$20=$B$24,21,0),0)),0)</f>
        <v>0</v>
      </c>
      <c r="G3622" cm="1">
        <f t="array" ref="G3622">IFERROR(INDEX(Jesper!AK$2:AK$366,ROUNDDOWN($C3622/24,0)+1,1)*INDEX($D$3:$AA$30,INDEX(Jesper!$R$2:$R$366,ROW(INDEX(Jesper!AK$2:AK$366,ROUNDDOWN($C3622/24,0)+1,1))-1)+IF('Standard Profiles'!$G$21=$B$10,7,0)+IF('Standard Profiles'!$G$21=$B$17,14,0)+IF('Standard Profiles'!$G$21=$B$24,21,0),MOD($C3622,24)+1)/SUM(INDEX($D$3:$AA$30,INDEX(Jesper!$R$2:$R$366,ROW(INDEX(Jesper!AK$2:AK$366,ROUNDDOWN($C3622/24,0)+1,1))-1)+IF('Standard Profiles'!$G$21=$B$10,7,0)+IF('Standard Profiles'!$G$21=$B$17,14,0)+IF('Standard Profiles'!$G$21=$B$24,21,0),0)),0)</f>
        <v>0</v>
      </c>
      <c r="H3622" cm="1">
        <f t="array" ref="H3622">IFERROR(INDEX(Jesper!AL$2:AL$366,ROUNDDOWN($C3622/24,0)+1,1)*INDEX($D$3:$AA$30,INDEX(Jesper!$R$2:$R$366,ROW(INDEX(Jesper!AL$2:AL$366,ROUNDDOWN($C3622/24,0)+1,1))-1)+IF('Standard Profiles'!$G$22=$B$10,7,0)+IF('Standard Profiles'!$G$22=$B$17,14,0)+IF('Standard Profiles'!$G$22=$B$24,21,0),MOD($C3622,24)+1)/SUM(INDEX($D$3:$AA$30,INDEX(Jesper!$R$2:$R$366,ROW(INDEX(Jesper!AL$2:AL$366,ROUNDDOWN($C3622/24,0)+1,1))-1)+IF('Standard Profiles'!$G$22=$B$10,7,0)+IF('Standard Profiles'!$G$22=$B$17,14,0)+IF('Standard Profiles'!$G$22=$B$24,21,0),0)),0)</f>
        <v>0</v>
      </c>
      <c r="I3622">
        <f t="shared" si="412"/>
        <v>0.43114206385491771</v>
      </c>
      <c r="J3622">
        <f t="shared" si="413"/>
        <v>1.4371402128497257</v>
      </c>
      <c r="K3622">
        <f t="shared" si="414"/>
        <v>2.1557103192745886</v>
      </c>
      <c r="L3622">
        <f t="shared" si="415"/>
        <v>10.347409532518025</v>
      </c>
      <c r="M3622">
        <f t="shared" si="416"/>
        <v>0</v>
      </c>
      <c r="N3622" s="46">
        <f t="shared" si="417"/>
        <v>45441.499999991298</v>
      </c>
    </row>
    <row r="3623" spans="2:14" x14ac:dyDescent="0.3">
      <c r="B3623">
        <f t="shared" si="411"/>
        <v>3</v>
      </c>
      <c r="C3623" s="16">
        <v>3589</v>
      </c>
      <c r="D3623" cm="1">
        <f t="array" ref="D3623">IFERROR(INDEX(Jesper!AH$2:AH$366,ROUNDDOWN($C3623/24,0)+1,1)*INDEX($D$3:$AA$30,INDEX(Jesper!$R$2:$R$366,ROW(INDEX(Jesper!AH$2:AH$366,ROUNDDOWN($C3623/24,0)+1,1))-1)+IF('Standard Profiles'!$G$18=$B$10,7,0)+IF('Standard Profiles'!$G$18=$B$17,14,0)+IF('Standard Profiles'!$G$18=$B$24,21,0),MOD($C3623,24)+1)/SUM(INDEX($D$3:$AA$30,INDEX(Jesper!$R$2:$R$366,ROW(INDEX(Jesper!AH$2:AH$366,ROUNDDOWN($C3623/24,0)+1,1))-1)+IF('Standard Profiles'!$G$18=$B$10,7,0)+IF('Standard Profiles'!$G$18=$B$17,14,0)+IF('Standard Profiles'!$G$18=$B$24,21,0),0)),0)</f>
        <v>14.371402128497257</v>
      </c>
      <c r="E3623" cm="1">
        <f t="array" ref="E3623">IFERROR(INDEX(Jesper!AI$2:AI$366,ROUNDDOWN($C3623/24,0)+1,1)*INDEX($D$3:$AA$30,INDEX(Jesper!$R$2:$R$366,ROW(INDEX(Jesper!AI$2:AI$366,ROUNDDOWN($C3623/24,0)+1,1))-1)+IF('Standard Profiles'!$G$19=$B$10,7,0)+IF('Standard Profiles'!$G$19=$B$17,14,0)+IF('Standard Profiles'!$G$19=$B$24,21,0),MOD($C3623,24)+1)/SUM(INDEX($D$3:$AA$30,INDEX(Jesper!$R$2:$R$366,ROW(INDEX(Jesper!AI$2:AI$366,ROUNDDOWN($C3623/24,0)+1,1))-1)+IF('Standard Profiles'!$G$19=$B$10,7,0)+IF('Standard Profiles'!$G$19=$B$17,14,0)+IF('Standard Profiles'!$G$19=$B$24,21,0),0)),0)</f>
        <v>0</v>
      </c>
      <c r="F3623" cm="1">
        <f t="array" ref="F3623">IFERROR(INDEX(Jesper!AJ$2:AJ$366,ROUNDDOWN($C3623/24,0)+1,1)*INDEX($D$3:$AA$30,INDEX(Jesper!$R$2:$R$366,ROW(INDEX(Jesper!AJ$2:AJ$366,ROUNDDOWN($C3623/24,0)+1,1))-1)+IF('Standard Profiles'!$G$20=$B$10,7,0)+IF('Standard Profiles'!$G$20=$B$17,14,0)+IF('Standard Profiles'!$G$20=$B$24,21,0),MOD($C3623,24)+1)/SUM(INDEX($D$3:$AA$30,INDEX(Jesper!$R$2:$R$366,ROW(INDEX(Jesper!AJ$2:AJ$366,ROUNDDOWN($C3623/24,0)+1,1))-1)+IF('Standard Profiles'!$G$20=$B$10,7,0)+IF('Standard Profiles'!$G$20=$B$17,14,0)+IF('Standard Profiles'!$G$20=$B$24,21,0),0)),0)</f>
        <v>0</v>
      </c>
      <c r="G3623" cm="1">
        <f t="array" ref="G3623">IFERROR(INDEX(Jesper!AK$2:AK$366,ROUNDDOWN($C3623/24,0)+1,1)*INDEX($D$3:$AA$30,INDEX(Jesper!$R$2:$R$366,ROW(INDEX(Jesper!AK$2:AK$366,ROUNDDOWN($C3623/24,0)+1,1))-1)+IF('Standard Profiles'!$G$21=$B$10,7,0)+IF('Standard Profiles'!$G$21=$B$17,14,0)+IF('Standard Profiles'!$G$21=$B$24,21,0),MOD($C3623,24)+1)/SUM(INDEX($D$3:$AA$30,INDEX(Jesper!$R$2:$R$366,ROW(INDEX(Jesper!AK$2:AK$366,ROUNDDOWN($C3623/24,0)+1,1))-1)+IF('Standard Profiles'!$G$21=$B$10,7,0)+IF('Standard Profiles'!$G$21=$B$17,14,0)+IF('Standard Profiles'!$G$21=$B$24,21,0),0)),0)</f>
        <v>0</v>
      </c>
      <c r="H3623" cm="1">
        <f t="array" ref="H3623">IFERROR(INDEX(Jesper!AL$2:AL$366,ROUNDDOWN($C3623/24,0)+1,1)*INDEX($D$3:$AA$30,INDEX(Jesper!$R$2:$R$366,ROW(INDEX(Jesper!AL$2:AL$366,ROUNDDOWN($C3623/24,0)+1,1))-1)+IF('Standard Profiles'!$G$22=$B$10,7,0)+IF('Standard Profiles'!$G$22=$B$17,14,0)+IF('Standard Profiles'!$G$22=$B$24,21,0),MOD($C3623,24)+1)/SUM(INDEX($D$3:$AA$30,INDEX(Jesper!$R$2:$R$366,ROW(INDEX(Jesper!AL$2:AL$366,ROUNDDOWN($C3623/24,0)+1,1))-1)+IF('Standard Profiles'!$G$22=$B$10,7,0)+IF('Standard Profiles'!$G$22=$B$17,14,0)+IF('Standard Profiles'!$G$22=$B$24,21,0),0)),0)</f>
        <v>0</v>
      </c>
      <c r="I3623">
        <f t="shared" si="412"/>
        <v>0.43114206385491771</v>
      </c>
      <c r="J3623">
        <f t="shared" si="413"/>
        <v>1.4371402128497257</v>
      </c>
      <c r="K3623">
        <f t="shared" si="414"/>
        <v>2.1557103192745886</v>
      </c>
      <c r="L3623">
        <f t="shared" si="415"/>
        <v>10.347409532518025</v>
      </c>
      <c r="M3623">
        <f t="shared" si="416"/>
        <v>0</v>
      </c>
      <c r="N3623" s="46">
        <f t="shared" si="417"/>
        <v>45441.541666657962</v>
      </c>
    </row>
    <row r="3624" spans="2:14" x14ac:dyDescent="0.3">
      <c r="B3624">
        <f t="shared" si="411"/>
        <v>3</v>
      </c>
      <c r="C3624" s="16">
        <v>3590</v>
      </c>
      <c r="D3624" cm="1">
        <f t="array" ref="D3624">IFERROR(INDEX(Jesper!AH$2:AH$366,ROUNDDOWN($C3624/24,0)+1,1)*INDEX($D$3:$AA$30,INDEX(Jesper!$R$2:$R$366,ROW(INDEX(Jesper!AH$2:AH$366,ROUNDDOWN($C3624/24,0)+1,1))-1)+IF('Standard Profiles'!$G$18=$B$10,7,0)+IF('Standard Profiles'!$G$18=$B$17,14,0)+IF('Standard Profiles'!$G$18=$B$24,21,0),MOD($C3624,24)+1)/SUM(INDEX($D$3:$AA$30,INDEX(Jesper!$R$2:$R$366,ROW(INDEX(Jesper!AH$2:AH$366,ROUNDDOWN($C3624/24,0)+1,1))-1)+IF('Standard Profiles'!$G$18=$B$10,7,0)+IF('Standard Profiles'!$G$18=$B$17,14,0)+IF('Standard Profiles'!$G$18=$B$24,21,0),0)),0)</f>
        <v>14.371402128497257</v>
      </c>
      <c r="E3624" cm="1">
        <f t="array" ref="E3624">IFERROR(INDEX(Jesper!AI$2:AI$366,ROUNDDOWN($C3624/24,0)+1,1)*INDEX($D$3:$AA$30,INDEX(Jesper!$R$2:$R$366,ROW(INDEX(Jesper!AI$2:AI$366,ROUNDDOWN($C3624/24,0)+1,1))-1)+IF('Standard Profiles'!$G$19=$B$10,7,0)+IF('Standard Profiles'!$G$19=$B$17,14,0)+IF('Standard Profiles'!$G$19=$B$24,21,0),MOD($C3624,24)+1)/SUM(INDEX($D$3:$AA$30,INDEX(Jesper!$R$2:$R$366,ROW(INDEX(Jesper!AI$2:AI$366,ROUNDDOWN($C3624/24,0)+1,1))-1)+IF('Standard Profiles'!$G$19=$B$10,7,0)+IF('Standard Profiles'!$G$19=$B$17,14,0)+IF('Standard Profiles'!$G$19=$B$24,21,0),0)),0)</f>
        <v>0</v>
      </c>
      <c r="F3624" cm="1">
        <f t="array" ref="F3624">IFERROR(INDEX(Jesper!AJ$2:AJ$366,ROUNDDOWN($C3624/24,0)+1,1)*INDEX($D$3:$AA$30,INDEX(Jesper!$R$2:$R$366,ROW(INDEX(Jesper!AJ$2:AJ$366,ROUNDDOWN($C3624/24,0)+1,1))-1)+IF('Standard Profiles'!$G$20=$B$10,7,0)+IF('Standard Profiles'!$G$20=$B$17,14,0)+IF('Standard Profiles'!$G$20=$B$24,21,0),MOD($C3624,24)+1)/SUM(INDEX($D$3:$AA$30,INDEX(Jesper!$R$2:$R$366,ROW(INDEX(Jesper!AJ$2:AJ$366,ROUNDDOWN($C3624/24,0)+1,1))-1)+IF('Standard Profiles'!$G$20=$B$10,7,0)+IF('Standard Profiles'!$G$20=$B$17,14,0)+IF('Standard Profiles'!$G$20=$B$24,21,0),0)),0)</f>
        <v>0</v>
      </c>
      <c r="G3624" cm="1">
        <f t="array" ref="G3624">IFERROR(INDEX(Jesper!AK$2:AK$366,ROUNDDOWN($C3624/24,0)+1,1)*INDEX($D$3:$AA$30,INDEX(Jesper!$R$2:$R$366,ROW(INDEX(Jesper!AK$2:AK$366,ROUNDDOWN($C3624/24,0)+1,1))-1)+IF('Standard Profiles'!$G$21=$B$10,7,0)+IF('Standard Profiles'!$G$21=$B$17,14,0)+IF('Standard Profiles'!$G$21=$B$24,21,0),MOD($C3624,24)+1)/SUM(INDEX($D$3:$AA$30,INDEX(Jesper!$R$2:$R$366,ROW(INDEX(Jesper!AK$2:AK$366,ROUNDDOWN($C3624/24,0)+1,1))-1)+IF('Standard Profiles'!$G$21=$B$10,7,0)+IF('Standard Profiles'!$G$21=$B$17,14,0)+IF('Standard Profiles'!$G$21=$B$24,21,0),0)),0)</f>
        <v>0</v>
      </c>
      <c r="H3624" cm="1">
        <f t="array" ref="H3624">IFERROR(INDEX(Jesper!AL$2:AL$366,ROUNDDOWN($C3624/24,0)+1,1)*INDEX($D$3:$AA$30,INDEX(Jesper!$R$2:$R$366,ROW(INDEX(Jesper!AL$2:AL$366,ROUNDDOWN($C3624/24,0)+1,1))-1)+IF('Standard Profiles'!$G$22=$B$10,7,0)+IF('Standard Profiles'!$G$22=$B$17,14,0)+IF('Standard Profiles'!$G$22=$B$24,21,0),MOD($C3624,24)+1)/SUM(INDEX($D$3:$AA$30,INDEX(Jesper!$R$2:$R$366,ROW(INDEX(Jesper!AL$2:AL$366,ROUNDDOWN($C3624/24,0)+1,1))-1)+IF('Standard Profiles'!$G$22=$B$10,7,0)+IF('Standard Profiles'!$G$22=$B$17,14,0)+IF('Standard Profiles'!$G$22=$B$24,21,0),0)),0)</f>
        <v>0</v>
      </c>
      <c r="I3624">
        <f t="shared" si="412"/>
        <v>0.43114206385491771</v>
      </c>
      <c r="J3624">
        <f t="shared" si="413"/>
        <v>1.4371402128497257</v>
      </c>
      <c r="K3624">
        <f t="shared" si="414"/>
        <v>2.1557103192745886</v>
      </c>
      <c r="L3624">
        <f t="shared" si="415"/>
        <v>10.347409532518025</v>
      </c>
      <c r="M3624">
        <f t="shared" si="416"/>
        <v>0</v>
      </c>
      <c r="N3624" s="46">
        <f t="shared" si="417"/>
        <v>45441.583333324626</v>
      </c>
    </row>
    <row r="3625" spans="2:14" x14ac:dyDescent="0.3">
      <c r="B3625">
        <f t="shared" si="411"/>
        <v>3</v>
      </c>
      <c r="C3625" s="16">
        <v>3591</v>
      </c>
      <c r="D3625" cm="1">
        <f t="array" ref="D3625">IFERROR(INDEX(Jesper!AH$2:AH$366,ROUNDDOWN($C3625/24,0)+1,1)*INDEX($D$3:$AA$30,INDEX(Jesper!$R$2:$R$366,ROW(INDEX(Jesper!AH$2:AH$366,ROUNDDOWN($C3625/24,0)+1,1))-1)+IF('Standard Profiles'!$G$18=$B$10,7,0)+IF('Standard Profiles'!$G$18=$B$17,14,0)+IF('Standard Profiles'!$G$18=$B$24,21,0),MOD($C3625,24)+1)/SUM(INDEX($D$3:$AA$30,INDEX(Jesper!$R$2:$R$366,ROW(INDEX(Jesper!AH$2:AH$366,ROUNDDOWN($C3625/24,0)+1,1))-1)+IF('Standard Profiles'!$G$18=$B$10,7,0)+IF('Standard Profiles'!$G$18=$B$17,14,0)+IF('Standard Profiles'!$G$18=$B$24,21,0),0)),0)</f>
        <v>14.371402128497257</v>
      </c>
      <c r="E3625" cm="1">
        <f t="array" ref="E3625">IFERROR(INDEX(Jesper!AI$2:AI$366,ROUNDDOWN($C3625/24,0)+1,1)*INDEX($D$3:$AA$30,INDEX(Jesper!$R$2:$R$366,ROW(INDEX(Jesper!AI$2:AI$366,ROUNDDOWN($C3625/24,0)+1,1))-1)+IF('Standard Profiles'!$G$19=$B$10,7,0)+IF('Standard Profiles'!$G$19=$B$17,14,0)+IF('Standard Profiles'!$G$19=$B$24,21,0),MOD($C3625,24)+1)/SUM(INDEX($D$3:$AA$30,INDEX(Jesper!$R$2:$R$366,ROW(INDEX(Jesper!AI$2:AI$366,ROUNDDOWN($C3625/24,0)+1,1))-1)+IF('Standard Profiles'!$G$19=$B$10,7,0)+IF('Standard Profiles'!$G$19=$B$17,14,0)+IF('Standard Profiles'!$G$19=$B$24,21,0),0)),0)</f>
        <v>0</v>
      </c>
      <c r="F3625" cm="1">
        <f t="array" ref="F3625">IFERROR(INDEX(Jesper!AJ$2:AJ$366,ROUNDDOWN($C3625/24,0)+1,1)*INDEX($D$3:$AA$30,INDEX(Jesper!$R$2:$R$366,ROW(INDEX(Jesper!AJ$2:AJ$366,ROUNDDOWN($C3625/24,0)+1,1))-1)+IF('Standard Profiles'!$G$20=$B$10,7,0)+IF('Standard Profiles'!$G$20=$B$17,14,0)+IF('Standard Profiles'!$G$20=$B$24,21,0),MOD($C3625,24)+1)/SUM(INDEX($D$3:$AA$30,INDEX(Jesper!$R$2:$R$366,ROW(INDEX(Jesper!AJ$2:AJ$366,ROUNDDOWN($C3625/24,0)+1,1))-1)+IF('Standard Profiles'!$G$20=$B$10,7,0)+IF('Standard Profiles'!$G$20=$B$17,14,0)+IF('Standard Profiles'!$G$20=$B$24,21,0),0)),0)</f>
        <v>0</v>
      </c>
      <c r="G3625" cm="1">
        <f t="array" ref="G3625">IFERROR(INDEX(Jesper!AK$2:AK$366,ROUNDDOWN($C3625/24,0)+1,1)*INDEX($D$3:$AA$30,INDEX(Jesper!$R$2:$R$366,ROW(INDEX(Jesper!AK$2:AK$366,ROUNDDOWN($C3625/24,0)+1,1))-1)+IF('Standard Profiles'!$G$21=$B$10,7,0)+IF('Standard Profiles'!$G$21=$B$17,14,0)+IF('Standard Profiles'!$G$21=$B$24,21,0),MOD($C3625,24)+1)/SUM(INDEX($D$3:$AA$30,INDEX(Jesper!$R$2:$R$366,ROW(INDEX(Jesper!AK$2:AK$366,ROUNDDOWN($C3625/24,0)+1,1))-1)+IF('Standard Profiles'!$G$21=$B$10,7,0)+IF('Standard Profiles'!$G$21=$B$17,14,0)+IF('Standard Profiles'!$G$21=$B$24,21,0),0)),0)</f>
        <v>0</v>
      </c>
      <c r="H3625" cm="1">
        <f t="array" ref="H3625">IFERROR(INDEX(Jesper!AL$2:AL$366,ROUNDDOWN($C3625/24,0)+1,1)*INDEX($D$3:$AA$30,INDEX(Jesper!$R$2:$R$366,ROW(INDEX(Jesper!AL$2:AL$366,ROUNDDOWN($C3625/24,0)+1,1))-1)+IF('Standard Profiles'!$G$22=$B$10,7,0)+IF('Standard Profiles'!$G$22=$B$17,14,0)+IF('Standard Profiles'!$G$22=$B$24,21,0),MOD($C3625,24)+1)/SUM(INDEX($D$3:$AA$30,INDEX(Jesper!$R$2:$R$366,ROW(INDEX(Jesper!AL$2:AL$366,ROUNDDOWN($C3625/24,0)+1,1))-1)+IF('Standard Profiles'!$G$22=$B$10,7,0)+IF('Standard Profiles'!$G$22=$B$17,14,0)+IF('Standard Profiles'!$G$22=$B$24,21,0),0)),0)</f>
        <v>0</v>
      </c>
      <c r="I3625">
        <f t="shared" si="412"/>
        <v>0.43114206385491771</v>
      </c>
      <c r="J3625">
        <f t="shared" si="413"/>
        <v>1.4371402128497257</v>
      </c>
      <c r="K3625">
        <f t="shared" si="414"/>
        <v>2.1557103192745886</v>
      </c>
      <c r="L3625">
        <f t="shared" si="415"/>
        <v>10.347409532518025</v>
      </c>
      <c r="M3625">
        <f t="shared" si="416"/>
        <v>0</v>
      </c>
      <c r="N3625" s="46">
        <f t="shared" si="417"/>
        <v>45441.624999991291</v>
      </c>
    </row>
    <row r="3626" spans="2:14" x14ac:dyDescent="0.3">
      <c r="B3626">
        <f t="shared" si="411"/>
        <v>3</v>
      </c>
      <c r="C3626" s="16">
        <v>3592</v>
      </c>
      <c r="D3626" cm="1">
        <f t="array" ref="D3626">IFERROR(INDEX(Jesper!AH$2:AH$366,ROUNDDOWN($C3626/24,0)+1,1)*INDEX($D$3:$AA$30,INDEX(Jesper!$R$2:$R$366,ROW(INDEX(Jesper!AH$2:AH$366,ROUNDDOWN($C3626/24,0)+1,1))-1)+IF('Standard Profiles'!$G$18=$B$10,7,0)+IF('Standard Profiles'!$G$18=$B$17,14,0)+IF('Standard Profiles'!$G$18=$B$24,21,0),MOD($C3626,24)+1)/SUM(INDEX($D$3:$AA$30,INDEX(Jesper!$R$2:$R$366,ROW(INDEX(Jesper!AH$2:AH$366,ROUNDDOWN($C3626/24,0)+1,1))-1)+IF('Standard Profiles'!$G$18=$B$10,7,0)+IF('Standard Profiles'!$G$18=$B$17,14,0)+IF('Standard Profiles'!$G$18=$B$24,21,0),0)),0)</f>
        <v>14.371402128497257</v>
      </c>
      <c r="E3626" cm="1">
        <f t="array" ref="E3626">IFERROR(INDEX(Jesper!AI$2:AI$366,ROUNDDOWN($C3626/24,0)+1,1)*INDEX($D$3:$AA$30,INDEX(Jesper!$R$2:$R$366,ROW(INDEX(Jesper!AI$2:AI$366,ROUNDDOWN($C3626/24,0)+1,1))-1)+IF('Standard Profiles'!$G$19=$B$10,7,0)+IF('Standard Profiles'!$G$19=$B$17,14,0)+IF('Standard Profiles'!$G$19=$B$24,21,0),MOD($C3626,24)+1)/SUM(INDEX($D$3:$AA$30,INDEX(Jesper!$R$2:$R$366,ROW(INDEX(Jesper!AI$2:AI$366,ROUNDDOWN($C3626/24,0)+1,1))-1)+IF('Standard Profiles'!$G$19=$B$10,7,0)+IF('Standard Profiles'!$G$19=$B$17,14,0)+IF('Standard Profiles'!$G$19=$B$24,21,0),0)),0)</f>
        <v>0</v>
      </c>
      <c r="F3626" cm="1">
        <f t="array" ref="F3626">IFERROR(INDEX(Jesper!AJ$2:AJ$366,ROUNDDOWN($C3626/24,0)+1,1)*INDEX($D$3:$AA$30,INDEX(Jesper!$R$2:$R$366,ROW(INDEX(Jesper!AJ$2:AJ$366,ROUNDDOWN($C3626/24,0)+1,1))-1)+IF('Standard Profiles'!$G$20=$B$10,7,0)+IF('Standard Profiles'!$G$20=$B$17,14,0)+IF('Standard Profiles'!$G$20=$B$24,21,0),MOD($C3626,24)+1)/SUM(INDEX($D$3:$AA$30,INDEX(Jesper!$R$2:$R$366,ROW(INDEX(Jesper!AJ$2:AJ$366,ROUNDDOWN($C3626/24,0)+1,1))-1)+IF('Standard Profiles'!$G$20=$B$10,7,0)+IF('Standard Profiles'!$G$20=$B$17,14,0)+IF('Standard Profiles'!$G$20=$B$24,21,0),0)),0)</f>
        <v>0</v>
      </c>
      <c r="G3626" cm="1">
        <f t="array" ref="G3626">IFERROR(INDEX(Jesper!AK$2:AK$366,ROUNDDOWN($C3626/24,0)+1,1)*INDEX($D$3:$AA$30,INDEX(Jesper!$R$2:$R$366,ROW(INDEX(Jesper!AK$2:AK$366,ROUNDDOWN($C3626/24,0)+1,1))-1)+IF('Standard Profiles'!$G$21=$B$10,7,0)+IF('Standard Profiles'!$G$21=$B$17,14,0)+IF('Standard Profiles'!$G$21=$B$24,21,0),MOD($C3626,24)+1)/SUM(INDEX($D$3:$AA$30,INDEX(Jesper!$R$2:$R$366,ROW(INDEX(Jesper!AK$2:AK$366,ROUNDDOWN($C3626/24,0)+1,1))-1)+IF('Standard Profiles'!$G$21=$B$10,7,0)+IF('Standard Profiles'!$G$21=$B$17,14,0)+IF('Standard Profiles'!$G$21=$B$24,21,0),0)),0)</f>
        <v>0</v>
      </c>
      <c r="H3626" cm="1">
        <f t="array" ref="H3626">IFERROR(INDEX(Jesper!AL$2:AL$366,ROUNDDOWN($C3626/24,0)+1,1)*INDEX($D$3:$AA$30,INDEX(Jesper!$R$2:$R$366,ROW(INDEX(Jesper!AL$2:AL$366,ROUNDDOWN($C3626/24,0)+1,1))-1)+IF('Standard Profiles'!$G$22=$B$10,7,0)+IF('Standard Profiles'!$G$22=$B$17,14,0)+IF('Standard Profiles'!$G$22=$B$24,21,0),MOD($C3626,24)+1)/SUM(INDEX($D$3:$AA$30,INDEX(Jesper!$R$2:$R$366,ROW(INDEX(Jesper!AL$2:AL$366,ROUNDDOWN($C3626/24,0)+1,1))-1)+IF('Standard Profiles'!$G$22=$B$10,7,0)+IF('Standard Profiles'!$G$22=$B$17,14,0)+IF('Standard Profiles'!$G$22=$B$24,21,0),0)),0)</f>
        <v>0</v>
      </c>
      <c r="I3626">
        <f t="shared" si="412"/>
        <v>0.43114206385491771</v>
      </c>
      <c r="J3626">
        <f t="shared" si="413"/>
        <v>1.4371402128497257</v>
      </c>
      <c r="K3626">
        <f t="shared" si="414"/>
        <v>2.1557103192745886</v>
      </c>
      <c r="L3626">
        <f t="shared" si="415"/>
        <v>10.347409532518025</v>
      </c>
      <c r="M3626">
        <f t="shared" si="416"/>
        <v>0</v>
      </c>
      <c r="N3626" s="46">
        <f t="shared" si="417"/>
        <v>45441.666666657955</v>
      </c>
    </row>
    <row r="3627" spans="2:14" x14ac:dyDescent="0.3">
      <c r="B3627">
        <f t="shared" si="411"/>
        <v>3</v>
      </c>
      <c r="C3627" s="16">
        <v>3593</v>
      </c>
      <c r="D3627" cm="1">
        <f t="array" ref="D3627">IFERROR(INDEX(Jesper!AH$2:AH$366,ROUNDDOWN($C3627/24,0)+1,1)*INDEX($D$3:$AA$30,INDEX(Jesper!$R$2:$R$366,ROW(INDEX(Jesper!AH$2:AH$366,ROUNDDOWN($C3627/24,0)+1,1))-1)+IF('Standard Profiles'!$G$18=$B$10,7,0)+IF('Standard Profiles'!$G$18=$B$17,14,0)+IF('Standard Profiles'!$G$18=$B$24,21,0),MOD($C3627,24)+1)/SUM(INDEX($D$3:$AA$30,INDEX(Jesper!$R$2:$R$366,ROW(INDEX(Jesper!AH$2:AH$366,ROUNDDOWN($C3627/24,0)+1,1))-1)+IF('Standard Profiles'!$G$18=$B$10,7,0)+IF('Standard Profiles'!$G$18=$B$17,14,0)+IF('Standard Profiles'!$G$18=$B$24,21,0),0)),0)</f>
        <v>14.371402128497257</v>
      </c>
      <c r="E3627" cm="1">
        <f t="array" ref="E3627">IFERROR(INDEX(Jesper!AI$2:AI$366,ROUNDDOWN($C3627/24,0)+1,1)*INDEX($D$3:$AA$30,INDEX(Jesper!$R$2:$R$366,ROW(INDEX(Jesper!AI$2:AI$366,ROUNDDOWN($C3627/24,0)+1,1))-1)+IF('Standard Profiles'!$G$19=$B$10,7,0)+IF('Standard Profiles'!$G$19=$B$17,14,0)+IF('Standard Profiles'!$G$19=$B$24,21,0),MOD($C3627,24)+1)/SUM(INDEX($D$3:$AA$30,INDEX(Jesper!$R$2:$R$366,ROW(INDEX(Jesper!AI$2:AI$366,ROUNDDOWN($C3627/24,0)+1,1))-1)+IF('Standard Profiles'!$G$19=$B$10,7,0)+IF('Standard Profiles'!$G$19=$B$17,14,0)+IF('Standard Profiles'!$G$19=$B$24,21,0),0)),0)</f>
        <v>0</v>
      </c>
      <c r="F3627" cm="1">
        <f t="array" ref="F3627">IFERROR(INDEX(Jesper!AJ$2:AJ$366,ROUNDDOWN($C3627/24,0)+1,1)*INDEX($D$3:$AA$30,INDEX(Jesper!$R$2:$R$366,ROW(INDEX(Jesper!AJ$2:AJ$366,ROUNDDOWN($C3627/24,0)+1,1))-1)+IF('Standard Profiles'!$G$20=$B$10,7,0)+IF('Standard Profiles'!$G$20=$B$17,14,0)+IF('Standard Profiles'!$G$20=$B$24,21,0),MOD($C3627,24)+1)/SUM(INDEX($D$3:$AA$30,INDEX(Jesper!$R$2:$R$366,ROW(INDEX(Jesper!AJ$2:AJ$366,ROUNDDOWN($C3627/24,0)+1,1))-1)+IF('Standard Profiles'!$G$20=$B$10,7,0)+IF('Standard Profiles'!$G$20=$B$17,14,0)+IF('Standard Profiles'!$G$20=$B$24,21,0),0)),0)</f>
        <v>0</v>
      </c>
      <c r="G3627" cm="1">
        <f t="array" ref="G3627">IFERROR(INDEX(Jesper!AK$2:AK$366,ROUNDDOWN($C3627/24,0)+1,1)*INDEX($D$3:$AA$30,INDEX(Jesper!$R$2:$R$366,ROW(INDEX(Jesper!AK$2:AK$366,ROUNDDOWN($C3627/24,0)+1,1))-1)+IF('Standard Profiles'!$G$21=$B$10,7,0)+IF('Standard Profiles'!$G$21=$B$17,14,0)+IF('Standard Profiles'!$G$21=$B$24,21,0),MOD($C3627,24)+1)/SUM(INDEX($D$3:$AA$30,INDEX(Jesper!$R$2:$R$366,ROW(INDEX(Jesper!AK$2:AK$366,ROUNDDOWN($C3627/24,0)+1,1))-1)+IF('Standard Profiles'!$G$21=$B$10,7,0)+IF('Standard Profiles'!$G$21=$B$17,14,0)+IF('Standard Profiles'!$G$21=$B$24,21,0),0)),0)</f>
        <v>0</v>
      </c>
      <c r="H3627" cm="1">
        <f t="array" ref="H3627">IFERROR(INDEX(Jesper!AL$2:AL$366,ROUNDDOWN($C3627/24,0)+1,1)*INDEX($D$3:$AA$30,INDEX(Jesper!$R$2:$R$366,ROW(INDEX(Jesper!AL$2:AL$366,ROUNDDOWN($C3627/24,0)+1,1))-1)+IF('Standard Profiles'!$G$22=$B$10,7,0)+IF('Standard Profiles'!$G$22=$B$17,14,0)+IF('Standard Profiles'!$G$22=$B$24,21,0),MOD($C3627,24)+1)/SUM(INDEX($D$3:$AA$30,INDEX(Jesper!$R$2:$R$366,ROW(INDEX(Jesper!AL$2:AL$366,ROUNDDOWN($C3627/24,0)+1,1))-1)+IF('Standard Profiles'!$G$22=$B$10,7,0)+IF('Standard Profiles'!$G$22=$B$17,14,0)+IF('Standard Profiles'!$G$22=$B$24,21,0),0)),0)</f>
        <v>0</v>
      </c>
      <c r="I3627">
        <f t="shared" si="412"/>
        <v>0.43114206385491771</v>
      </c>
      <c r="J3627">
        <f t="shared" si="413"/>
        <v>1.4371402128497257</v>
      </c>
      <c r="K3627">
        <f t="shared" si="414"/>
        <v>2.1557103192745886</v>
      </c>
      <c r="L3627">
        <f t="shared" si="415"/>
        <v>10.347409532518025</v>
      </c>
      <c r="M3627">
        <f t="shared" si="416"/>
        <v>0</v>
      </c>
      <c r="N3627" s="46">
        <f t="shared" si="417"/>
        <v>45441.708333324619</v>
      </c>
    </row>
    <row r="3628" spans="2:14" x14ac:dyDescent="0.3">
      <c r="B3628">
        <f t="shared" si="411"/>
        <v>3</v>
      </c>
      <c r="C3628" s="16">
        <v>3594</v>
      </c>
      <c r="D3628" cm="1">
        <f t="array" ref="D3628">IFERROR(INDEX(Jesper!AH$2:AH$366,ROUNDDOWN($C3628/24,0)+1,1)*INDEX($D$3:$AA$30,INDEX(Jesper!$R$2:$R$366,ROW(INDEX(Jesper!AH$2:AH$366,ROUNDDOWN($C3628/24,0)+1,1))-1)+IF('Standard Profiles'!$G$18=$B$10,7,0)+IF('Standard Profiles'!$G$18=$B$17,14,0)+IF('Standard Profiles'!$G$18=$B$24,21,0),MOD($C3628,24)+1)/SUM(INDEX($D$3:$AA$30,INDEX(Jesper!$R$2:$R$366,ROW(INDEX(Jesper!AH$2:AH$366,ROUNDDOWN($C3628/24,0)+1,1))-1)+IF('Standard Profiles'!$G$18=$B$10,7,0)+IF('Standard Profiles'!$G$18=$B$17,14,0)+IF('Standard Profiles'!$G$18=$B$24,21,0),0)),0)</f>
        <v>14.371402128497257</v>
      </c>
      <c r="E3628" cm="1">
        <f t="array" ref="E3628">IFERROR(INDEX(Jesper!AI$2:AI$366,ROUNDDOWN($C3628/24,0)+1,1)*INDEX($D$3:$AA$30,INDEX(Jesper!$R$2:$R$366,ROW(INDEX(Jesper!AI$2:AI$366,ROUNDDOWN($C3628/24,0)+1,1))-1)+IF('Standard Profiles'!$G$19=$B$10,7,0)+IF('Standard Profiles'!$G$19=$B$17,14,0)+IF('Standard Profiles'!$G$19=$B$24,21,0),MOD($C3628,24)+1)/SUM(INDEX($D$3:$AA$30,INDEX(Jesper!$R$2:$R$366,ROW(INDEX(Jesper!AI$2:AI$366,ROUNDDOWN($C3628/24,0)+1,1))-1)+IF('Standard Profiles'!$G$19=$B$10,7,0)+IF('Standard Profiles'!$G$19=$B$17,14,0)+IF('Standard Profiles'!$G$19=$B$24,21,0),0)),0)</f>
        <v>0</v>
      </c>
      <c r="F3628" cm="1">
        <f t="array" ref="F3628">IFERROR(INDEX(Jesper!AJ$2:AJ$366,ROUNDDOWN($C3628/24,0)+1,1)*INDEX($D$3:$AA$30,INDEX(Jesper!$R$2:$R$366,ROW(INDEX(Jesper!AJ$2:AJ$366,ROUNDDOWN($C3628/24,0)+1,1))-1)+IF('Standard Profiles'!$G$20=$B$10,7,0)+IF('Standard Profiles'!$G$20=$B$17,14,0)+IF('Standard Profiles'!$G$20=$B$24,21,0),MOD($C3628,24)+1)/SUM(INDEX($D$3:$AA$30,INDEX(Jesper!$R$2:$R$366,ROW(INDEX(Jesper!AJ$2:AJ$366,ROUNDDOWN($C3628/24,0)+1,1))-1)+IF('Standard Profiles'!$G$20=$B$10,7,0)+IF('Standard Profiles'!$G$20=$B$17,14,0)+IF('Standard Profiles'!$G$20=$B$24,21,0),0)),0)</f>
        <v>0</v>
      </c>
      <c r="G3628" cm="1">
        <f t="array" ref="G3628">IFERROR(INDEX(Jesper!AK$2:AK$366,ROUNDDOWN($C3628/24,0)+1,1)*INDEX($D$3:$AA$30,INDEX(Jesper!$R$2:$R$366,ROW(INDEX(Jesper!AK$2:AK$366,ROUNDDOWN($C3628/24,0)+1,1))-1)+IF('Standard Profiles'!$G$21=$B$10,7,0)+IF('Standard Profiles'!$G$21=$B$17,14,0)+IF('Standard Profiles'!$G$21=$B$24,21,0),MOD($C3628,24)+1)/SUM(INDEX($D$3:$AA$30,INDEX(Jesper!$R$2:$R$366,ROW(INDEX(Jesper!AK$2:AK$366,ROUNDDOWN($C3628/24,0)+1,1))-1)+IF('Standard Profiles'!$G$21=$B$10,7,0)+IF('Standard Profiles'!$G$21=$B$17,14,0)+IF('Standard Profiles'!$G$21=$B$24,21,0),0)),0)</f>
        <v>0</v>
      </c>
      <c r="H3628" cm="1">
        <f t="array" ref="H3628">IFERROR(INDEX(Jesper!AL$2:AL$366,ROUNDDOWN($C3628/24,0)+1,1)*INDEX($D$3:$AA$30,INDEX(Jesper!$R$2:$R$366,ROW(INDEX(Jesper!AL$2:AL$366,ROUNDDOWN($C3628/24,0)+1,1))-1)+IF('Standard Profiles'!$G$22=$B$10,7,0)+IF('Standard Profiles'!$G$22=$B$17,14,0)+IF('Standard Profiles'!$G$22=$B$24,21,0),MOD($C3628,24)+1)/SUM(INDEX($D$3:$AA$30,INDEX(Jesper!$R$2:$R$366,ROW(INDEX(Jesper!AL$2:AL$366,ROUNDDOWN($C3628/24,0)+1,1))-1)+IF('Standard Profiles'!$G$22=$B$10,7,0)+IF('Standard Profiles'!$G$22=$B$17,14,0)+IF('Standard Profiles'!$G$22=$B$24,21,0),0)),0)</f>
        <v>0</v>
      </c>
      <c r="I3628">
        <f t="shared" si="412"/>
        <v>0.43114206385491771</v>
      </c>
      <c r="J3628">
        <f t="shared" si="413"/>
        <v>1.4371402128497257</v>
      </c>
      <c r="K3628">
        <f t="shared" si="414"/>
        <v>2.1557103192745886</v>
      </c>
      <c r="L3628">
        <f t="shared" si="415"/>
        <v>10.347409532518025</v>
      </c>
      <c r="M3628">
        <f t="shared" si="416"/>
        <v>0</v>
      </c>
      <c r="N3628" s="46">
        <f t="shared" si="417"/>
        <v>45441.749999991283</v>
      </c>
    </row>
    <row r="3629" spans="2:14" x14ac:dyDescent="0.3">
      <c r="B3629">
        <f t="shared" si="411"/>
        <v>3</v>
      </c>
      <c r="C3629" s="16">
        <v>3595</v>
      </c>
      <c r="D3629" cm="1">
        <f t="array" ref="D3629">IFERROR(INDEX(Jesper!AH$2:AH$366,ROUNDDOWN($C3629/24,0)+1,1)*INDEX($D$3:$AA$30,INDEX(Jesper!$R$2:$R$366,ROW(INDEX(Jesper!AH$2:AH$366,ROUNDDOWN($C3629/24,0)+1,1))-1)+IF('Standard Profiles'!$G$18=$B$10,7,0)+IF('Standard Profiles'!$G$18=$B$17,14,0)+IF('Standard Profiles'!$G$18=$B$24,21,0),MOD($C3629,24)+1)/SUM(INDEX($D$3:$AA$30,INDEX(Jesper!$R$2:$R$366,ROW(INDEX(Jesper!AH$2:AH$366,ROUNDDOWN($C3629/24,0)+1,1))-1)+IF('Standard Profiles'!$G$18=$B$10,7,0)+IF('Standard Profiles'!$G$18=$B$17,14,0)+IF('Standard Profiles'!$G$18=$B$24,21,0),0)),0)</f>
        <v>11.976168440414382</v>
      </c>
      <c r="E3629" cm="1">
        <f t="array" ref="E3629">IFERROR(INDEX(Jesper!AI$2:AI$366,ROUNDDOWN($C3629/24,0)+1,1)*INDEX($D$3:$AA$30,INDEX(Jesper!$R$2:$R$366,ROW(INDEX(Jesper!AI$2:AI$366,ROUNDDOWN($C3629/24,0)+1,1))-1)+IF('Standard Profiles'!$G$19=$B$10,7,0)+IF('Standard Profiles'!$G$19=$B$17,14,0)+IF('Standard Profiles'!$G$19=$B$24,21,0),MOD($C3629,24)+1)/SUM(INDEX($D$3:$AA$30,INDEX(Jesper!$R$2:$R$366,ROW(INDEX(Jesper!AI$2:AI$366,ROUNDDOWN($C3629/24,0)+1,1))-1)+IF('Standard Profiles'!$G$19=$B$10,7,0)+IF('Standard Profiles'!$G$19=$B$17,14,0)+IF('Standard Profiles'!$G$19=$B$24,21,0),0)),0)</f>
        <v>0</v>
      </c>
      <c r="F3629" cm="1">
        <f t="array" ref="F3629">IFERROR(INDEX(Jesper!AJ$2:AJ$366,ROUNDDOWN($C3629/24,0)+1,1)*INDEX($D$3:$AA$30,INDEX(Jesper!$R$2:$R$366,ROW(INDEX(Jesper!AJ$2:AJ$366,ROUNDDOWN($C3629/24,0)+1,1))-1)+IF('Standard Profiles'!$G$20=$B$10,7,0)+IF('Standard Profiles'!$G$20=$B$17,14,0)+IF('Standard Profiles'!$G$20=$B$24,21,0),MOD($C3629,24)+1)/SUM(INDEX($D$3:$AA$30,INDEX(Jesper!$R$2:$R$366,ROW(INDEX(Jesper!AJ$2:AJ$366,ROUNDDOWN($C3629/24,0)+1,1))-1)+IF('Standard Profiles'!$G$20=$B$10,7,0)+IF('Standard Profiles'!$G$20=$B$17,14,0)+IF('Standard Profiles'!$G$20=$B$24,21,0),0)),0)</f>
        <v>0</v>
      </c>
      <c r="G3629" cm="1">
        <f t="array" ref="G3629">IFERROR(INDEX(Jesper!AK$2:AK$366,ROUNDDOWN($C3629/24,0)+1,1)*INDEX($D$3:$AA$30,INDEX(Jesper!$R$2:$R$366,ROW(INDEX(Jesper!AK$2:AK$366,ROUNDDOWN($C3629/24,0)+1,1))-1)+IF('Standard Profiles'!$G$21=$B$10,7,0)+IF('Standard Profiles'!$G$21=$B$17,14,0)+IF('Standard Profiles'!$G$21=$B$24,21,0),MOD($C3629,24)+1)/SUM(INDEX($D$3:$AA$30,INDEX(Jesper!$R$2:$R$366,ROW(INDEX(Jesper!AK$2:AK$366,ROUNDDOWN($C3629/24,0)+1,1))-1)+IF('Standard Profiles'!$G$21=$B$10,7,0)+IF('Standard Profiles'!$G$21=$B$17,14,0)+IF('Standard Profiles'!$G$21=$B$24,21,0),0)),0)</f>
        <v>0</v>
      </c>
      <c r="H3629" cm="1">
        <f t="array" ref="H3629">IFERROR(INDEX(Jesper!AL$2:AL$366,ROUNDDOWN($C3629/24,0)+1,1)*INDEX($D$3:$AA$30,INDEX(Jesper!$R$2:$R$366,ROW(INDEX(Jesper!AL$2:AL$366,ROUNDDOWN($C3629/24,0)+1,1))-1)+IF('Standard Profiles'!$G$22=$B$10,7,0)+IF('Standard Profiles'!$G$22=$B$17,14,0)+IF('Standard Profiles'!$G$22=$B$24,21,0),MOD($C3629,24)+1)/SUM(INDEX($D$3:$AA$30,INDEX(Jesper!$R$2:$R$366,ROW(INDEX(Jesper!AL$2:AL$366,ROUNDDOWN($C3629/24,0)+1,1))-1)+IF('Standard Profiles'!$G$22=$B$10,7,0)+IF('Standard Profiles'!$G$22=$B$17,14,0)+IF('Standard Profiles'!$G$22=$B$24,21,0),0)),0)</f>
        <v>0</v>
      </c>
      <c r="I3629">
        <f t="shared" si="412"/>
        <v>0.35928505321243143</v>
      </c>
      <c r="J3629">
        <f t="shared" si="413"/>
        <v>1.1976168440414383</v>
      </c>
      <c r="K3629">
        <f t="shared" si="414"/>
        <v>1.7964252660621571</v>
      </c>
      <c r="L3629">
        <f t="shared" si="415"/>
        <v>8.6228412770983542</v>
      </c>
      <c r="M3629">
        <f t="shared" si="416"/>
        <v>0</v>
      </c>
      <c r="N3629" s="46">
        <f t="shared" si="417"/>
        <v>45441.791666657948</v>
      </c>
    </row>
    <row r="3630" spans="2:14" x14ac:dyDescent="0.3">
      <c r="B3630">
        <f t="shared" si="411"/>
        <v>3</v>
      </c>
      <c r="C3630" s="16">
        <v>3596</v>
      </c>
      <c r="D3630" cm="1">
        <f t="array" ref="D3630">IFERROR(INDEX(Jesper!AH$2:AH$366,ROUNDDOWN($C3630/24,0)+1,1)*INDEX($D$3:$AA$30,INDEX(Jesper!$R$2:$R$366,ROW(INDEX(Jesper!AH$2:AH$366,ROUNDDOWN($C3630/24,0)+1,1))-1)+IF('Standard Profiles'!$G$18=$B$10,7,0)+IF('Standard Profiles'!$G$18=$B$17,14,0)+IF('Standard Profiles'!$G$18=$B$24,21,0),MOD($C3630,24)+1)/SUM(INDEX($D$3:$AA$30,INDEX(Jesper!$R$2:$R$366,ROW(INDEX(Jesper!AH$2:AH$366,ROUNDDOWN($C3630/24,0)+1,1))-1)+IF('Standard Profiles'!$G$18=$B$10,7,0)+IF('Standard Profiles'!$G$18=$B$17,14,0)+IF('Standard Profiles'!$G$18=$B$24,21,0),0)),0)</f>
        <v>9.5809347523315065</v>
      </c>
      <c r="E3630" cm="1">
        <f t="array" ref="E3630">IFERROR(INDEX(Jesper!AI$2:AI$366,ROUNDDOWN($C3630/24,0)+1,1)*INDEX($D$3:$AA$30,INDEX(Jesper!$R$2:$R$366,ROW(INDEX(Jesper!AI$2:AI$366,ROUNDDOWN($C3630/24,0)+1,1))-1)+IF('Standard Profiles'!$G$19=$B$10,7,0)+IF('Standard Profiles'!$G$19=$B$17,14,0)+IF('Standard Profiles'!$G$19=$B$24,21,0),MOD($C3630,24)+1)/SUM(INDEX($D$3:$AA$30,INDEX(Jesper!$R$2:$R$366,ROW(INDEX(Jesper!AI$2:AI$366,ROUNDDOWN($C3630/24,0)+1,1))-1)+IF('Standard Profiles'!$G$19=$B$10,7,0)+IF('Standard Profiles'!$G$19=$B$17,14,0)+IF('Standard Profiles'!$G$19=$B$24,21,0),0)),0)</f>
        <v>0</v>
      </c>
      <c r="F3630" cm="1">
        <f t="array" ref="F3630">IFERROR(INDEX(Jesper!AJ$2:AJ$366,ROUNDDOWN($C3630/24,0)+1,1)*INDEX($D$3:$AA$30,INDEX(Jesper!$R$2:$R$366,ROW(INDEX(Jesper!AJ$2:AJ$366,ROUNDDOWN($C3630/24,0)+1,1))-1)+IF('Standard Profiles'!$G$20=$B$10,7,0)+IF('Standard Profiles'!$G$20=$B$17,14,0)+IF('Standard Profiles'!$G$20=$B$24,21,0),MOD($C3630,24)+1)/SUM(INDEX($D$3:$AA$30,INDEX(Jesper!$R$2:$R$366,ROW(INDEX(Jesper!AJ$2:AJ$366,ROUNDDOWN($C3630/24,0)+1,1))-1)+IF('Standard Profiles'!$G$20=$B$10,7,0)+IF('Standard Profiles'!$G$20=$B$17,14,0)+IF('Standard Profiles'!$G$20=$B$24,21,0),0)),0)</f>
        <v>0</v>
      </c>
      <c r="G3630" cm="1">
        <f t="array" ref="G3630">IFERROR(INDEX(Jesper!AK$2:AK$366,ROUNDDOWN($C3630/24,0)+1,1)*INDEX($D$3:$AA$30,INDEX(Jesper!$R$2:$R$366,ROW(INDEX(Jesper!AK$2:AK$366,ROUNDDOWN($C3630/24,0)+1,1))-1)+IF('Standard Profiles'!$G$21=$B$10,7,0)+IF('Standard Profiles'!$G$21=$B$17,14,0)+IF('Standard Profiles'!$G$21=$B$24,21,0),MOD($C3630,24)+1)/SUM(INDEX($D$3:$AA$30,INDEX(Jesper!$R$2:$R$366,ROW(INDEX(Jesper!AK$2:AK$366,ROUNDDOWN($C3630/24,0)+1,1))-1)+IF('Standard Profiles'!$G$21=$B$10,7,0)+IF('Standard Profiles'!$G$21=$B$17,14,0)+IF('Standard Profiles'!$G$21=$B$24,21,0),0)),0)</f>
        <v>0</v>
      </c>
      <c r="H3630" cm="1">
        <f t="array" ref="H3630">IFERROR(INDEX(Jesper!AL$2:AL$366,ROUNDDOWN($C3630/24,0)+1,1)*INDEX($D$3:$AA$30,INDEX(Jesper!$R$2:$R$366,ROW(INDEX(Jesper!AL$2:AL$366,ROUNDDOWN($C3630/24,0)+1,1))-1)+IF('Standard Profiles'!$G$22=$B$10,7,0)+IF('Standard Profiles'!$G$22=$B$17,14,0)+IF('Standard Profiles'!$G$22=$B$24,21,0),MOD($C3630,24)+1)/SUM(INDEX($D$3:$AA$30,INDEX(Jesper!$R$2:$R$366,ROW(INDEX(Jesper!AL$2:AL$366,ROUNDDOWN($C3630/24,0)+1,1))-1)+IF('Standard Profiles'!$G$22=$B$10,7,0)+IF('Standard Profiles'!$G$22=$B$17,14,0)+IF('Standard Profiles'!$G$22=$B$24,21,0),0)),0)</f>
        <v>0</v>
      </c>
      <c r="I3630">
        <f t="shared" si="412"/>
        <v>0.2874280425699452</v>
      </c>
      <c r="J3630">
        <f t="shared" si="413"/>
        <v>0.95809347523315069</v>
      </c>
      <c r="K3630">
        <f t="shared" si="414"/>
        <v>1.4371402128497259</v>
      </c>
      <c r="L3630">
        <f t="shared" si="415"/>
        <v>6.8982730216786843</v>
      </c>
      <c r="M3630">
        <f t="shared" si="416"/>
        <v>0</v>
      </c>
      <c r="N3630" s="46">
        <f t="shared" si="417"/>
        <v>45441.833333324612</v>
      </c>
    </row>
    <row r="3631" spans="2:14" x14ac:dyDescent="0.3">
      <c r="B3631">
        <f t="shared" si="411"/>
        <v>3</v>
      </c>
      <c r="C3631" s="16">
        <v>3597</v>
      </c>
      <c r="D3631" cm="1">
        <f t="array" ref="D3631">IFERROR(INDEX(Jesper!AH$2:AH$366,ROUNDDOWN($C3631/24,0)+1,1)*INDEX($D$3:$AA$30,INDEX(Jesper!$R$2:$R$366,ROW(INDEX(Jesper!AH$2:AH$366,ROUNDDOWN($C3631/24,0)+1,1))-1)+IF('Standard Profiles'!$G$18=$B$10,7,0)+IF('Standard Profiles'!$G$18=$B$17,14,0)+IF('Standard Profiles'!$G$18=$B$24,21,0),MOD($C3631,24)+1)/SUM(INDEX($D$3:$AA$30,INDEX(Jesper!$R$2:$R$366,ROW(INDEX(Jesper!AH$2:AH$366,ROUNDDOWN($C3631/24,0)+1,1))-1)+IF('Standard Profiles'!$G$18=$B$10,7,0)+IF('Standard Profiles'!$G$18=$B$17,14,0)+IF('Standard Profiles'!$G$18=$B$24,21,0),0)),0)</f>
        <v>7.1857010642486285</v>
      </c>
      <c r="E3631" cm="1">
        <f t="array" ref="E3631">IFERROR(INDEX(Jesper!AI$2:AI$366,ROUNDDOWN($C3631/24,0)+1,1)*INDEX($D$3:$AA$30,INDEX(Jesper!$R$2:$R$366,ROW(INDEX(Jesper!AI$2:AI$366,ROUNDDOWN($C3631/24,0)+1,1))-1)+IF('Standard Profiles'!$G$19=$B$10,7,0)+IF('Standard Profiles'!$G$19=$B$17,14,0)+IF('Standard Profiles'!$G$19=$B$24,21,0),MOD($C3631,24)+1)/SUM(INDEX($D$3:$AA$30,INDEX(Jesper!$R$2:$R$366,ROW(INDEX(Jesper!AI$2:AI$366,ROUNDDOWN($C3631/24,0)+1,1))-1)+IF('Standard Profiles'!$G$19=$B$10,7,0)+IF('Standard Profiles'!$G$19=$B$17,14,0)+IF('Standard Profiles'!$G$19=$B$24,21,0),0)),0)</f>
        <v>0</v>
      </c>
      <c r="F3631" cm="1">
        <f t="array" ref="F3631">IFERROR(INDEX(Jesper!AJ$2:AJ$366,ROUNDDOWN($C3631/24,0)+1,1)*INDEX($D$3:$AA$30,INDEX(Jesper!$R$2:$R$366,ROW(INDEX(Jesper!AJ$2:AJ$366,ROUNDDOWN($C3631/24,0)+1,1))-1)+IF('Standard Profiles'!$G$20=$B$10,7,0)+IF('Standard Profiles'!$G$20=$B$17,14,0)+IF('Standard Profiles'!$G$20=$B$24,21,0),MOD($C3631,24)+1)/SUM(INDEX($D$3:$AA$30,INDEX(Jesper!$R$2:$R$366,ROW(INDEX(Jesper!AJ$2:AJ$366,ROUNDDOWN($C3631/24,0)+1,1))-1)+IF('Standard Profiles'!$G$20=$B$10,7,0)+IF('Standard Profiles'!$G$20=$B$17,14,0)+IF('Standard Profiles'!$G$20=$B$24,21,0),0)),0)</f>
        <v>0</v>
      </c>
      <c r="G3631" cm="1">
        <f t="array" ref="G3631">IFERROR(INDEX(Jesper!AK$2:AK$366,ROUNDDOWN($C3631/24,0)+1,1)*INDEX($D$3:$AA$30,INDEX(Jesper!$R$2:$R$366,ROW(INDEX(Jesper!AK$2:AK$366,ROUNDDOWN($C3631/24,0)+1,1))-1)+IF('Standard Profiles'!$G$21=$B$10,7,0)+IF('Standard Profiles'!$G$21=$B$17,14,0)+IF('Standard Profiles'!$G$21=$B$24,21,0),MOD($C3631,24)+1)/SUM(INDEX($D$3:$AA$30,INDEX(Jesper!$R$2:$R$366,ROW(INDEX(Jesper!AK$2:AK$366,ROUNDDOWN($C3631/24,0)+1,1))-1)+IF('Standard Profiles'!$G$21=$B$10,7,0)+IF('Standard Profiles'!$G$21=$B$17,14,0)+IF('Standard Profiles'!$G$21=$B$24,21,0),0)),0)</f>
        <v>0</v>
      </c>
      <c r="H3631" cm="1">
        <f t="array" ref="H3631">IFERROR(INDEX(Jesper!AL$2:AL$366,ROUNDDOWN($C3631/24,0)+1,1)*INDEX($D$3:$AA$30,INDEX(Jesper!$R$2:$R$366,ROW(INDEX(Jesper!AL$2:AL$366,ROUNDDOWN($C3631/24,0)+1,1))-1)+IF('Standard Profiles'!$G$22=$B$10,7,0)+IF('Standard Profiles'!$G$22=$B$17,14,0)+IF('Standard Profiles'!$G$22=$B$24,21,0),MOD($C3631,24)+1)/SUM(INDEX($D$3:$AA$30,INDEX(Jesper!$R$2:$R$366,ROW(INDEX(Jesper!AL$2:AL$366,ROUNDDOWN($C3631/24,0)+1,1))-1)+IF('Standard Profiles'!$G$22=$B$10,7,0)+IF('Standard Profiles'!$G$22=$B$17,14,0)+IF('Standard Profiles'!$G$22=$B$24,21,0),0)),0)</f>
        <v>0</v>
      </c>
      <c r="I3631">
        <f t="shared" si="412"/>
        <v>0.21557103192745886</v>
      </c>
      <c r="J3631">
        <f t="shared" si="413"/>
        <v>0.71857010642486285</v>
      </c>
      <c r="K3631">
        <f t="shared" si="414"/>
        <v>1.0778551596372943</v>
      </c>
      <c r="L3631">
        <f t="shared" si="415"/>
        <v>5.1737047662590125</v>
      </c>
      <c r="M3631">
        <f t="shared" si="416"/>
        <v>0</v>
      </c>
      <c r="N3631" s="46">
        <f t="shared" si="417"/>
        <v>45441.874999991276</v>
      </c>
    </row>
    <row r="3632" spans="2:14" x14ac:dyDescent="0.3">
      <c r="B3632">
        <f t="shared" si="411"/>
        <v>3</v>
      </c>
      <c r="C3632" s="16">
        <v>3598</v>
      </c>
      <c r="D3632" cm="1">
        <f t="array" ref="D3632">IFERROR(INDEX(Jesper!AH$2:AH$366,ROUNDDOWN($C3632/24,0)+1,1)*INDEX($D$3:$AA$30,INDEX(Jesper!$R$2:$R$366,ROW(INDEX(Jesper!AH$2:AH$366,ROUNDDOWN($C3632/24,0)+1,1))-1)+IF('Standard Profiles'!$G$18=$B$10,7,0)+IF('Standard Profiles'!$G$18=$B$17,14,0)+IF('Standard Profiles'!$G$18=$B$24,21,0),MOD($C3632,24)+1)/SUM(INDEX($D$3:$AA$30,INDEX(Jesper!$R$2:$R$366,ROW(INDEX(Jesper!AH$2:AH$366,ROUNDDOWN($C3632/24,0)+1,1))-1)+IF('Standard Profiles'!$G$18=$B$10,7,0)+IF('Standard Profiles'!$G$18=$B$17,14,0)+IF('Standard Profiles'!$G$18=$B$24,21,0),0)),0)</f>
        <v>7.1857010642486285</v>
      </c>
      <c r="E3632" cm="1">
        <f t="array" ref="E3632">IFERROR(INDEX(Jesper!AI$2:AI$366,ROUNDDOWN($C3632/24,0)+1,1)*INDEX($D$3:$AA$30,INDEX(Jesper!$R$2:$R$366,ROW(INDEX(Jesper!AI$2:AI$366,ROUNDDOWN($C3632/24,0)+1,1))-1)+IF('Standard Profiles'!$G$19=$B$10,7,0)+IF('Standard Profiles'!$G$19=$B$17,14,0)+IF('Standard Profiles'!$G$19=$B$24,21,0),MOD($C3632,24)+1)/SUM(INDEX($D$3:$AA$30,INDEX(Jesper!$R$2:$R$366,ROW(INDEX(Jesper!AI$2:AI$366,ROUNDDOWN($C3632/24,0)+1,1))-1)+IF('Standard Profiles'!$G$19=$B$10,7,0)+IF('Standard Profiles'!$G$19=$B$17,14,0)+IF('Standard Profiles'!$G$19=$B$24,21,0),0)),0)</f>
        <v>0</v>
      </c>
      <c r="F3632" cm="1">
        <f t="array" ref="F3632">IFERROR(INDEX(Jesper!AJ$2:AJ$366,ROUNDDOWN($C3632/24,0)+1,1)*INDEX($D$3:$AA$30,INDEX(Jesper!$R$2:$R$366,ROW(INDEX(Jesper!AJ$2:AJ$366,ROUNDDOWN($C3632/24,0)+1,1))-1)+IF('Standard Profiles'!$G$20=$B$10,7,0)+IF('Standard Profiles'!$G$20=$B$17,14,0)+IF('Standard Profiles'!$G$20=$B$24,21,0),MOD($C3632,24)+1)/SUM(INDEX($D$3:$AA$30,INDEX(Jesper!$R$2:$R$366,ROW(INDEX(Jesper!AJ$2:AJ$366,ROUNDDOWN($C3632/24,0)+1,1))-1)+IF('Standard Profiles'!$G$20=$B$10,7,0)+IF('Standard Profiles'!$G$20=$B$17,14,0)+IF('Standard Profiles'!$G$20=$B$24,21,0),0)),0)</f>
        <v>0</v>
      </c>
      <c r="G3632" cm="1">
        <f t="array" ref="G3632">IFERROR(INDEX(Jesper!AK$2:AK$366,ROUNDDOWN($C3632/24,0)+1,1)*INDEX($D$3:$AA$30,INDEX(Jesper!$R$2:$R$366,ROW(INDEX(Jesper!AK$2:AK$366,ROUNDDOWN($C3632/24,0)+1,1))-1)+IF('Standard Profiles'!$G$21=$B$10,7,0)+IF('Standard Profiles'!$G$21=$B$17,14,0)+IF('Standard Profiles'!$G$21=$B$24,21,0),MOD($C3632,24)+1)/SUM(INDEX($D$3:$AA$30,INDEX(Jesper!$R$2:$R$366,ROW(INDEX(Jesper!AK$2:AK$366,ROUNDDOWN($C3632/24,0)+1,1))-1)+IF('Standard Profiles'!$G$21=$B$10,7,0)+IF('Standard Profiles'!$G$21=$B$17,14,0)+IF('Standard Profiles'!$G$21=$B$24,21,0),0)),0)</f>
        <v>0</v>
      </c>
      <c r="H3632" cm="1">
        <f t="array" ref="H3632">IFERROR(INDEX(Jesper!AL$2:AL$366,ROUNDDOWN($C3632/24,0)+1,1)*INDEX($D$3:$AA$30,INDEX(Jesper!$R$2:$R$366,ROW(INDEX(Jesper!AL$2:AL$366,ROUNDDOWN($C3632/24,0)+1,1))-1)+IF('Standard Profiles'!$G$22=$B$10,7,0)+IF('Standard Profiles'!$G$22=$B$17,14,0)+IF('Standard Profiles'!$G$22=$B$24,21,0),MOD($C3632,24)+1)/SUM(INDEX($D$3:$AA$30,INDEX(Jesper!$R$2:$R$366,ROW(INDEX(Jesper!AL$2:AL$366,ROUNDDOWN($C3632/24,0)+1,1))-1)+IF('Standard Profiles'!$G$22=$B$10,7,0)+IF('Standard Profiles'!$G$22=$B$17,14,0)+IF('Standard Profiles'!$G$22=$B$24,21,0),0)),0)</f>
        <v>0</v>
      </c>
      <c r="I3632">
        <f t="shared" si="412"/>
        <v>0.21557103192745886</v>
      </c>
      <c r="J3632">
        <f t="shared" si="413"/>
        <v>0.71857010642486285</v>
      </c>
      <c r="K3632">
        <f t="shared" si="414"/>
        <v>1.0778551596372943</v>
      </c>
      <c r="L3632">
        <f t="shared" si="415"/>
        <v>5.1737047662590125</v>
      </c>
      <c r="M3632">
        <f t="shared" si="416"/>
        <v>0</v>
      </c>
      <c r="N3632" s="46">
        <f t="shared" si="417"/>
        <v>45441.91666665794</v>
      </c>
    </row>
    <row r="3633" spans="2:14" x14ac:dyDescent="0.3">
      <c r="B3633">
        <f t="shared" si="411"/>
        <v>3</v>
      </c>
      <c r="C3633" s="16">
        <v>3599</v>
      </c>
      <c r="D3633" cm="1">
        <f t="array" ref="D3633">IFERROR(INDEX(Jesper!AH$2:AH$366,ROUNDDOWN($C3633/24,0)+1,1)*INDEX($D$3:$AA$30,INDEX(Jesper!$R$2:$R$366,ROW(INDEX(Jesper!AH$2:AH$366,ROUNDDOWN($C3633/24,0)+1,1))-1)+IF('Standard Profiles'!$G$18=$B$10,7,0)+IF('Standard Profiles'!$G$18=$B$17,14,0)+IF('Standard Profiles'!$G$18=$B$24,21,0),MOD($C3633,24)+1)/SUM(INDEX($D$3:$AA$30,INDEX(Jesper!$R$2:$R$366,ROW(INDEX(Jesper!AH$2:AH$366,ROUNDDOWN($C3633/24,0)+1,1))-1)+IF('Standard Profiles'!$G$18=$B$10,7,0)+IF('Standard Profiles'!$G$18=$B$17,14,0)+IF('Standard Profiles'!$G$18=$B$24,21,0),0)),0)</f>
        <v>7.1857010642486285</v>
      </c>
      <c r="E3633" cm="1">
        <f t="array" ref="E3633">IFERROR(INDEX(Jesper!AI$2:AI$366,ROUNDDOWN($C3633/24,0)+1,1)*INDEX($D$3:$AA$30,INDEX(Jesper!$R$2:$R$366,ROW(INDEX(Jesper!AI$2:AI$366,ROUNDDOWN($C3633/24,0)+1,1))-1)+IF('Standard Profiles'!$G$19=$B$10,7,0)+IF('Standard Profiles'!$G$19=$B$17,14,0)+IF('Standard Profiles'!$G$19=$B$24,21,0),MOD($C3633,24)+1)/SUM(INDEX($D$3:$AA$30,INDEX(Jesper!$R$2:$R$366,ROW(INDEX(Jesper!AI$2:AI$366,ROUNDDOWN($C3633/24,0)+1,1))-1)+IF('Standard Profiles'!$G$19=$B$10,7,0)+IF('Standard Profiles'!$G$19=$B$17,14,0)+IF('Standard Profiles'!$G$19=$B$24,21,0),0)),0)</f>
        <v>0</v>
      </c>
      <c r="F3633" cm="1">
        <f t="array" ref="F3633">IFERROR(INDEX(Jesper!AJ$2:AJ$366,ROUNDDOWN($C3633/24,0)+1,1)*INDEX($D$3:$AA$30,INDEX(Jesper!$R$2:$R$366,ROW(INDEX(Jesper!AJ$2:AJ$366,ROUNDDOWN($C3633/24,0)+1,1))-1)+IF('Standard Profiles'!$G$20=$B$10,7,0)+IF('Standard Profiles'!$G$20=$B$17,14,0)+IF('Standard Profiles'!$G$20=$B$24,21,0),MOD($C3633,24)+1)/SUM(INDEX($D$3:$AA$30,INDEX(Jesper!$R$2:$R$366,ROW(INDEX(Jesper!AJ$2:AJ$366,ROUNDDOWN($C3633/24,0)+1,1))-1)+IF('Standard Profiles'!$G$20=$B$10,7,0)+IF('Standard Profiles'!$G$20=$B$17,14,0)+IF('Standard Profiles'!$G$20=$B$24,21,0),0)),0)</f>
        <v>0</v>
      </c>
      <c r="G3633" cm="1">
        <f t="array" ref="G3633">IFERROR(INDEX(Jesper!AK$2:AK$366,ROUNDDOWN($C3633/24,0)+1,1)*INDEX($D$3:$AA$30,INDEX(Jesper!$R$2:$R$366,ROW(INDEX(Jesper!AK$2:AK$366,ROUNDDOWN($C3633/24,0)+1,1))-1)+IF('Standard Profiles'!$G$21=$B$10,7,0)+IF('Standard Profiles'!$G$21=$B$17,14,0)+IF('Standard Profiles'!$G$21=$B$24,21,0),MOD($C3633,24)+1)/SUM(INDEX($D$3:$AA$30,INDEX(Jesper!$R$2:$R$366,ROW(INDEX(Jesper!AK$2:AK$366,ROUNDDOWN($C3633/24,0)+1,1))-1)+IF('Standard Profiles'!$G$21=$B$10,7,0)+IF('Standard Profiles'!$G$21=$B$17,14,0)+IF('Standard Profiles'!$G$21=$B$24,21,0),0)),0)</f>
        <v>0</v>
      </c>
      <c r="H3633" cm="1">
        <f t="array" ref="H3633">IFERROR(INDEX(Jesper!AL$2:AL$366,ROUNDDOWN($C3633/24,0)+1,1)*INDEX($D$3:$AA$30,INDEX(Jesper!$R$2:$R$366,ROW(INDEX(Jesper!AL$2:AL$366,ROUNDDOWN($C3633/24,0)+1,1))-1)+IF('Standard Profiles'!$G$22=$B$10,7,0)+IF('Standard Profiles'!$G$22=$B$17,14,0)+IF('Standard Profiles'!$G$22=$B$24,21,0),MOD($C3633,24)+1)/SUM(INDEX($D$3:$AA$30,INDEX(Jesper!$R$2:$R$366,ROW(INDEX(Jesper!AL$2:AL$366,ROUNDDOWN($C3633/24,0)+1,1))-1)+IF('Standard Profiles'!$G$22=$B$10,7,0)+IF('Standard Profiles'!$G$22=$B$17,14,0)+IF('Standard Profiles'!$G$22=$B$24,21,0),0)),0)</f>
        <v>0</v>
      </c>
      <c r="I3633">
        <f t="shared" si="412"/>
        <v>0.21557103192745886</v>
      </c>
      <c r="J3633">
        <f t="shared" si="413"/>
        <v>0.71857010642486285</v>
      </c>
      <c r="K3633">
        <f t="shared" si="414"/>
        <v>1.0778551596372943</v>
      </c>
      <c r="L3633">
        <f t="shared" si="415"/>
        <v>5.1737047662590125</v>
      </c>
      <c r="M3633">
        <f t="shared" si="416"/>
        <v>0</v>
      </c>
      <c r="N3633" s="46">
        <f t="shared" si="417"/>
        <v>45441.958333324605</v>
      </c>
    </row>
    <row r="3634" spans="2:14" x14ac:dyDescent="0.3">
      <c r="B3634">
        <f t="shared" si="411"/>
        <v>4</v>
      </c>
      <c r="C3634" s="16">
        <v>3600</v>
      </c>
      <c r="D3634" cm="1">
        <f t="array" ref="D3634">IFERROR(INDEX(Jesper!AH$2:AH$366,ROUNDDOWN($C3634/24,0)+1,1)*INDEX($D$3:$AA$30,INDEX(Jesper!$R$2:$R$366,ROW(INDEX(Jesper!AH$2:AH$366,ROUNDDOWN($C3634/24,0)+1,1))-1)+IF('Standard Profiles'!$G$18=$B$10,7,0)+IF('Standard Profiles'!$G$18=$B$17,14,0)+IF('Standard Profiles'!$G$18=$B$24,21,0),MOD($C3634,24)+1)/SUM(INDEX($D$3:$AA$30,INDEX(Jesper!$R$2:$R$366,ROW(INDEX(Jesper!AH$2:AH$366,ROUNDDOWN($C3634/24,0)+1,1))-1)+IF('Standard Profiles'!$G$18=$B$10,7,0)+IF('Standard Profiles'!$G$18=$B$17,14,0)+IF('Standard Profiles'!$G$18=$B$24,21,0),0)),0)</f>
        <v>7.3543547056946199</v>
      </c>
      <c r="E3634" cm="1">
        <f t="array" ref="E3634">IFERROR(INDEX(Jesper!AI$2:AI$366,ROUNDDOWN($C3634/24,0)+1,1)*INDEX($D$3:$AA$30,INDEX(Jesper!$R$2:$R$366,ROW(INDEX(Jesper!AI$2:AI$366,ROUNDDOWN($C3634/24,0)+1,1))-1)+IF('Standard Profiles'!$G$19=$B$10,7,0)+IF('Standard Profiles'!$G$19=$B$17,14,0)+IF('Standard Profiles'!$G$19=$B$24,21,0),MOD($C3634,24)+1)/SUM(INDEX($D$3:$AA$30,INDEX(Jesper!$R$2:$R$366,ROW(INDEX(Jesper!AI$2:AI$366,ROUNDDOWN($C3634/24,0)+1,1))-1)+IF('Standard Profiles'!$G$19=$B$10,7,0)+IF('Standard Profiles'!$G$19=$B$17,14,0)+IF('Standard Profiles'!$G$19=$B$24,21,0),0)),0)</f>
        <v>0</v>
      </c>
      <c r="F3634" cm="1">
        <f t="array" ref="F3634">IFERROR(INDEX(Jesper!AJ$2:AJ$366,ROUNDDOWN($C3634/24,0)+1,1)*INDEX($D$3:$AA$30,INDEX(Jesper!$R$2:$R$366,ROW(INDEX(Jesper!AJ$2:AJ$366,ROUNDDOWN($C3634/24,0)+1,1))-1)+IF('Standard Profiles'!$G$20=$B$10,7,0)+IF('Standard Profiles'!$G$20=$B$17,14,0)+IF('Standard Profiles'!$G$20=$B$24,21,0),MOD($C3634,24)+1)/SUM(INDEX($D$3:$AA$30,INDEX(Jesper!$R$2:$R$366,ROW(INDEX(Jesper!AJ$2:AJ$366,ROUNDDOWN($C3634/24,0)+1,1))-1)+IF('Standard Profiles'!$G$20=$B$10,7,0)+IF('Standard Profiles'!$G$20=$B$17,14,0)+IF('Standard Profiles'!$G$20=$B$24,21,0),0)),0)</f>
        <v>0</v>
      </c>
      <c r="G3634" cm="1">
        <f t="array" ref="G3634">IFERROR(INDEX(Jesper!AK$2:AK$366,ROUNDDOWN($C3634/24,0)+1,1)*INDEX($D$3:$AA$30,INDEX(Jesper!$R$2:$R$366,ROW(INDEX(Jesper!AK$2:AK$366,ROUNDDOWN($C3634/24,0)+1,1))-1)+IF('Standard Profiles'!$G$21=$B$10,7,0)+IF('Standard Profiles'!$G$21=$B$17,14,0)+IF('Standard Profiles'!$G$21=$B$24,21,0),MOD($C3634,24)+1)/SUM(INDEX($D$3:$AA$30,INDEX(Jesper!$R$2:$R$366,ROW(INDEX(Jesper!AK$2:AK$366,ROUNDDOWN($C3634/24,0)+1,1))-1)+IF('Standard Profiles'!$G$21=$B$10,7,0)+IF('Standard Profiles'!$G$21=$B$17,14,0)+IF('Standard Profiles'!$G$21=$B$24,21,0),0)),0)</f>
        <v>0</v>
      </c>
      <c r="H3634" cm="1">
        <f t="array" ref="H3634">IFERROR(INDEX(Jesper!AL$2:AL$366,ROUNDDOWN($C3634/24,0)+1,1)*INDEX($D$3:$AA$30,INDEX(Jesper!$R$2:$R$366,ROW(INDEX(Jesper!AL$2:AL$366,ROUNDDOWN($C3634/24,0)+1,1))-1)+IF('Standard Profiles'!$G$22=$B$10,7,0)+IF('Standard Profiles'!$G$22=$B$17,14,0)+IF('Standard Profiles'!$G$22=$B$24,21,0),MOD($C3634,24)+1)/SUM(INDEX($D$3:$AA$30,INDEX(Jesper!$R$2:$R$366,ROW(INDEX(Jesper!AL$2:AL$366,ROUNDDOWN($C3634/24,0)+1,1))-1)+IF('Standard Profiles'!$G$22=$B$10,7,0)+IF('Standard Profiles'!$G$22=$B$17,14,0)+IF('Standard Profiles'!$G$22=$B$24,21,0),0)),0)</f>
        <v>0</v>
      </c>
      <c r="I3634">
        <f t="shared" si="412"/>
        <v>0.22063064117083858</v>
      </c>
      <c r="J3634">
        <f t="shared" si="413"/>
        <v>0.73543547056946201</v>
      </c>
      <c r="K3634">
        <f t="shared" si="414"/>
        <v>1.1031532058541929</v>
      </c>
      <c r="L3634">
        <f t="shared" si="415"/>
        <v>5.2951353881001264</v>
      </c>
      <c r="M3634">
        <f t="shared" si="416"/>
        <v>0</v>
      </c>
      <c r="N3634" s="46">
        <f t="shared" si="417"/>
        <v>45441.999999991269</v>
      </c>
    </row>
    <row r="3635" spans="2:14" x14ac:dyDescent="0.3">
      <c r="B3635">
        <f t="shared" si="411"/>
        <v>4</v>
      </c>
      <c r="C3635" s="16">
        <v>3601</v>
      </c>
      <c r="D3635" cm="1">
        <f t="array" ref="D3635">IFERROR(INDEX(Jesper!AH$2:AH$366,ROUNDDOWN($C3635/24,0)+1,1)*INDEX($D$3:$AA$30,INDEX(Jesper!$R$2:$R$366,ROW(INDEX(Jesper!AH$2:AH$366,ROUNDDOWN($C3635/24,0)+1,1))-1)+IF('Standard Profiles'!$G$18=$B$10,7,0)+IF('Standard Profiles'!$G$18=$B$17,14,0)+IF('Standard Profiles'!$G$18=$B$24,21,0),MOD($C3635,24)+1)/SUM(INDEX($D$3:$AA$30,INDEX(Jesper!$R$2:$R$366,ROW(INDEX(Jesper!AH$2:AH$366,ROUNDDOWN($C3635/24,0)+1,1))-1)+IF('Standard Profiles'!$G$18=$B$10,7,0)+IF('Standard Profiles'!$G$18=$B$17,14,0)+IF('Standard Profiles'!$G$18=$B$24,21,0),0)),0)</f>
        <v>7.3543547056946199</v>
      </c>
      <c r="E3635" cm="1">
        <f t="array" ref="E3635">IFERROR(INDEX(Jesper!AI$2:AI$366,ROUNDDOWN($C3635/24,0)+1,1)*INDEX($D$3:$AA$30,INDEX(Jesper!$R$2:$R$366,ROW(INDEX(Jesper!AI$2:AI$366,ROUNDDOWN($C3635/24,0)+1,1))-1)+IF('Standard Profiles'!$G$19=$B$10,7,0)+IF('Standard Profiles'!$G$19=$B$17,14,0)+IF('Standard Profiles'!$G$19=$B$24,21,0),MOD($C3635,24)+1)/SUM(INDEX($D$3:$AA$30,INDEX(Jesper!$R$2:$R$366,ROW(INDEX(Jesper!AI$2:AI$366,ROUNDDOWN($C3635/24,0)+1,1))-1)+IF('Standard Profiles'!$G$19=$B$10,7,0)+IF('Standard Profiles'!$G$19=$B$17,14,0)+IF('Standard Profiles'!$G$19=$B$24,21,0),0)),0)</f>
        <v>0</v>
      </c>
      <c r="F3635" cm="1">
        <f t="array" ref="F3635">IFERROR(INDEX(Jesper!AJ$2:AJ$366,ROUNDDOWN($C3635/24,0)+1,1)*INDEX($D$3:$AA$30,INDEX(Jesper!$R$2:$R$366,ROW(INDEX(Jesper!AJ$2:AJ$366,ROUNDDOWN($C3635/24,0)+1,1))-1)+IF('Standard Profiles'!$G$20=$B$10,7,0)+IF('Standard Profiles'!$G$20=$B$17,14,0)+IF('Standard Profiles'!$G$20=$B$24,21,0),MOD($C3635,24)+1)/SUM(INDEX($D$3:$AA$30,INDEX(Jesper!$R$2:$R$366,ROW(INDEX(Jesper!AJ$2:AJ$366,ROUNDDOWN($C3635/24,0)+1,1))-1)+IF('Standard Profiles'!$G$20=$B$10,7,0)+IF('Standard Profiles'!$G$20=$B$17,14,0)+IF('Standard Profiles'!$G$20=$B$24,21,0),0)),0)</f>
        <v>0</v>
      </c>
      <c r="G3635" cm="1">
        <f t="array" ref="G3635">IFERROR(INDEX(Jesper!AK$2:AK$366,ROUNDDOWN($C3635/24,0)+1,1)*INDEX($D$3:$AA$30,INDEX(Jesper!$R$2:$R$366,ROW(INDEX(Jesper!AK$2:AK$366,ROUNDDOWN($C3635/24,0)+1,1))-1)+IF('Standard Profiles'!$G$21=$B$10,7,0)+IF('Standard Profiles'!$G$21=$B$17,14,0)+IF('Standard Profiles'!$G$21=$B$24,21,0),MOD($C3635,24)+1)/SUM(INDEX($D$3:$AA$30,INDEX(Jesper!$R$2:$R$366,ROW(INDEX(Jesper!AK$2:AK$366,ROUNDDOWN($C3635/24,0)+1,1))-1)+IF('Standard Profiles'!$G$21=$B$10,7,0)+IF('Standard Profiles'!$G$21=$B$17,14,0)+IF('Standard Profiles'!$G$21=$B$24,21,0),0)),0)</f>
        <v>0</v>
      </c>
      <c r="H3635" cm="1">
        <f t="array" ref="H3635">IFERROR(INDEX(Jesper!AL$2:AL$366,ROUNDDOWN($C3635/24,0)+1,1)*INDEX($D$3:$AA$30,INDEX(Jesper!$R$2:$R$366,ROW(INDEX(Jesper!AL$2:AL$366,ROUNDDOWN($C3635/24,0)+1,1))-1)+IF('Standard Profiles'!$G$22=$B$10,7,0)+IF('Standard Profiles'!$G$22=$B$17,14,0)+IF('Standard Profiles'!$G$22=$B$24,21,0),MOD($C3635,24)+1)/SUM(INDEX($D$3:$AA$30,INDEX(Jesper!$R$2:$R$366,ROW(INDEX(Jesper!AL$2:AL$366,ROUNDDOWN($C3635/24,0)+1,1))-1)+IF('Standard Profiles'!$G$22=$B$10,7,0)+IF('Standard Profiles'!$G$22=$B$17,14,0)+IF('Standard Profiles'!$G$22=$B$24,21,0),0)),0)</f>
        <v>0</v>
      </c>
      <c r="I3635">
        <f t="shared" si="412"/>
        <v>0.22063064117083858</v>
      </c>
      <c r="J3635">
        <f t="shared" si="413"/>
        <v>0.73543547056946201</v>
      </c>
      <c r="K3635">
        <f t="shared" si="414"/>
        <v>1.1031532058541929</v>
      </c>
      <c r="L3635">
        <f t="shared" si="415"/>
        <v>5.2951353881001264</v>
      </c>
      <c r="M3635">
        <f t="shared" si="416"/>
        <v>0</v>
      </c>
      <c r="N3635" s="46">
        <f t="shared" si="417"/>
        <v>45442.041666657933</v>
      </c>
    </row>
    <row r="3636" spans="2:14" x14ac:dyDescent="0.3">
      <c r="B3636">
        <f t="shared" si="411"/>
        <v>4</v>
      </c>
      <c r="C3636" s="16">
        <v>3602</v>
      </c>
      <c r="D3636" cm="1">
        <f t="array" ref="D3636">IFERROR(INDEX(Jesper!AH$2:AH$366,ROUNDDOWN($C3636/24,0)+1,1)*INDEX($D$3:$AA$30,INDEX(Jesper!$R$2:$R$366,ROW(INDEX(Jesper!AH$2:AH$366,ROUNDDOWN($C3636/24,0)+1,1))-1)+IF('Standard Profiles'!$G$18=$B$10,7,0)+IF('Standard Profiles'!$G$18=$B$17,14,0)+IF('Standard Profiles'!$G$18=$B$24,21,0),MOD($C3636,24)+1)/SUM(INDEX($D$3:$AA$30,INDEX(Jesper!$R$2:$R$366,ROW(INDEX(Jesper!AH$2:AH$366,ROUNDDOWN($C3636/24,0)+1,1))-1)+IF('Standard Profiles'!$G$18=$B$10,7,0)+IF('Standard Profiles'!$G$18=$B$17,14,0)+IF('Standard Profiles'!$G$18=$B$24,21,0),0)),0)</f>
        <v>7.3543547056946199</v>
      </c>
      <c r="E3636" cm="1">
        <f t="array" ref="E3636">IFERROR(INDEX(Jesper!AI$2:AI$366,ROUNDDOWN($C3636/24,0)+1,1)*INDEX($D$3:$AA$30,INDEX(Jesper!$R$2:$R$366,ROW(INDEX(Jesper!AI$2:AI$366,ROUNDDOWN($C3636/24,0)+1,1))-1)+IF('Standard Profiles'!$G$19=$B$10,7,0)+IF('Standard Profiles'!$G$19=$B$17,14,0)+IF('Standard Profiles'!$G$19=$B$24,21,0),MOD($C3636,24)+1)/SUM(INDEX($D$3:$AA$30,INDEX(Jesper!$R$2:$R$366,ROW(INDEX(Jesper!AI$2:AI$366,ROUNDDOWN($C3636/24,0)+1,1))-1)+IF('Standard Profiles'!$G$19=$B$10,7,0)+IF('Standard Profiles'!$G$19=$B$17,14,0)+IF('Standard Profiles'!$G$19=$B$24,21,0),0)),0)</f>
        <v>0</v>
      </c>
      <c r="F3636" cm="1">
        <f t="array" ref="F3636">IFERROR(INDEX(Jesper!AJ$2:AJ$366,ROUNDDOWN($C3636/24,0)+1,1)*INDEX($D$3:$AA$30,INDEX(Jesper!$R$2:$R$366,ROW(INDEX(Jesper!AJ$2:AJ$366,ROUNDDOWN($C3636/24,0)+1,1))-1)+IF('Standard Profiles'!$G$20=$B$10,7,0)+IF('Standard Profiles'!$G$20=$B$17,14,0)+IF('Standard Profiles'!$G$20=$B$24,21,0),MOD($C3636,24)+1)/SUM(INDEX($D$3:$AA$30,INDEX(Jesper!$R$2:$R$366,ROW(INDEX(Jesper!AJ$2:AJ$366,ROUNDDOWN($C3636/24,0)+1,1))-1)+IF('Standard Profiles'!$G$20=$B$10,7,0)+IF('Standard Profiles'!$G$20=$B$17,14,0)+IF('Standard Profiles'!$G$20=$B$24,21,0),0)),0)</f>
        <v>0</v>
      </c>
      <c r="G3636" cm="1">
        <f t="array" ref="G3636">IFERROR(INDEX(Jesper!AK$2:AK$366,ROUNDDOWN($C3636/24,0)+1,1)*INDEX($D$3:$AA$30,INDEX(Jesper!$R$2:$R$366,ROW(INDEX(Jesper!AK$2:AK$366,ROUNDDOWN($C3636/24,0)+1,1))-1)+IF('Standard Profiles'!$G$21=$B$10,7,0)+IF('Standard Profiles'!$G$21=$B$17,14,0)+IF('Standard Profiles'!$G$21=$B$24,21,0),MOD($C3636,24)+1)/SUM(INDEX($D$3:$AA$30,INDEX(Jesper!$R$2:$R$366,ROW(INDEX(Jesper!AK$2:AK$366,ROUNDDOWN($C3636/24,0)+1,1))-1)+IF('Standard Profiles'!$G$21=$B$10,7,0)+IF('Standard Profiles'!$G$21=$B$17,14,0)+IF('Standard Profiles'!$G$21=$B$24,21,0),0)),0)</f>
        <v>0</v>
      </c>
      <c r="H3636" cm="1">
        <f t="array" ref="H3636">IFERROR(INDEX(Jesper!AL$2:AL$366,ROUNDDOWN($C3636/24,0)+1,1)*INDEX($D$3:$AA$30,INDEX(Jesper!$R$2:$R$366,ROW(INDEX(Jesper!AL$2:AL$366,ROUNDDOWN($C3636/24,0)+1,1))-1)+IF('Standard Profiles'!$G$22=$B$10,7,0)+IF('Standard Profiles'!$G$22=$B$17,14,0)+IF('Standard Profiles'!$G$22=$B$24,21,0),MOD($C3636,24)+1)/SUM(INDEX($D$3:$AA$30,INDEX(Jesper!$R$2:$R$366,ROW(INDEX(Jesper!AL$2:AL$366,ROUNDDOWN($C3636/24,0)+1,1))-1)+IF('Standard Profiles'!$G$22=$B$10,7,0)+IF('Standard Profiles'!$G$22=$B$17,14,0)+IF('Standard Profiles'!$G$22=$B$24,21,0),0)),0)</f>
        <v>0</v>
      </c>
      <c r="I3636">
        <f t="shared" si="412"/>
        <v>0.22063064117083858</v>
      </c>
      <c r="J3636">
        <f t="shared" si="413"/>
        <v>0.73543547056946201</v>
      </c>
      <c r="K3636">
        <f t="shared" si="414"/>
        <v>1.1031532058541929</v>
      </c>
      <c r="L3636">
        <f t="shared" si="415"/>
        <v>5.2951353881001264</v>
      </c>
      <c r="M3636">
        <f t="shared" si="416"/>
        <v>0</v>
      </c>
      <c r="N3636" s="46">
        <f t="shared" si="417"/>
        <v>45442.083333324597</v>
      </c>
    </row>
    <row r="3637" spans="2:14" x14ac:dyDescent="0.3">
      <c r="B3637">
        <f t="shared" si="411"/>
        <v>4</v>
      </c>
      <c r="C3637" s="16">
        <v>3603</v>
      </c>
      <c r="D3637" cm="1">
        <f t="array" ref="D3637">IFERROR(INDEX(Jesper!AH$2:AH$366,ROUNDDOWN($C3637/24,0)+1,1)*INDEX($D$3:$AA$30,INDEX(Jesper!$R$2:$R$366,ROW(INDEX(Jesper!AH$2:AH$366,ROUNDDOWN($C3637/24,0)+1,1))-1)+IF('Standard Profiles'!$G$18=$B$10,7,0)+IF('Standard Profiles'!$G$18=$B$17,14,0)+IF('Standard Profiles'!$G$18=$B$24,21,0),MOD($C3637,24)+1)/SUM(INDEX($D$3:$AA$30,INDEX(Jesper!$R$2:$R$366,ROW(INDEX(Jesper!AH$2:AH$366,ROUNDDOWN($C3637/24,0)+1,1))-1)+IF('Standard Profiles'!$G$18=$B$10,7,0)+IF('Standard Profiles'!$G$18=$B$17,14,0)+IF('Standard Profiles'!$G$18=$B$24,21,0),0)),0)</f>
        <v>7.3543547056946199</v>
      </c>
      <c r="E3637" cm="1">
        <f t="array" ref="E3637">IFERROR(INDEX(Jesper!AI$2:AI$366,ROUNDDOWN($C3637/24,0)+1,1)*INDEX($D$3:$AA$30,INDEX(Jesper!$R$2:$R$366,ROW(INDEX(Jesper!AI$2:AI$366,ROUNDDOWN($C3637/24,0)+1,1))-1)+IF('Standard Profiles'!$G$19=$B$10,7,0)+IF('Standard Profiles'!$G$19=$B$17,14,0)+IF('Standard Profiles'!$G$19=$B$24,21,0),MOD($C3637,24)+1)/SUM(INDEX($D$3:$AA$30,INDEX(Jesper!$R$2:$R$366,ROW(INDEX(Jesper!AI$2:AI$366,ROUNDDOWN($C3637/24,0)+1,1))-1)+IF('Standard Profiles'!$G$19=$B$10,7,0)+IF('Standard Profiles'!$G$19=$B$17,14,0)+IF('Standard Profiles'!$G$19=$B$24,21,0),0)),0)</f>
        <v>0</v>
      </c>
      <c r="F3637" cm="1">
        <f t="array" ref="F3637">IFERROR(INDEX(Jesper!AJ$2:AJ$366,ROUNDDOWN($C3637/24,0)+1,1)*INDEX($D$3:$AA$30,INDEX(Jesper!$R$2:$R$366,ROW(INDEX(Jesper!AJ$2:AJ$366,ROUNDDOWN($C3637/24,0)+1,1))-1)+IF('Standard Profiles'!$G$20=$B$10,7,0)+IF('Standard Profiles'!$G$20=$B$17,14,0)+IF('Standard Profiles'!$G$20=$B$24,21,0),MOD($C3637,24)+1)/SUM(INDEX($D$3:$AA$30,INDEX(Jesper!$R$2:$R$366,ROW(INDEX(Jesper!AJ$2:AJ$366,ROUNDDOWN($C3637/24,0)+1,1))-1)+IF('Standard Profiles'!$G$20=$B$10,7,0)+IF('Standard Profiles'!$G$20=$B$17,14,0)+IF('Standard Profiles'!$G$20=$B$24,21,0),0)),0)</f>
        <v>0</v>
      </c>
      <c r="G3637" cm="1">
        <f t="array" ref="G3637">IFERROR(INDEX(Jesper!AK$2:AK$366,ROUNDDOWN($C3637/24,0)+1,1)*INDEX($D$3:$AA$30,INDEX(Jesper!$R$2:$R$366,ROW(INDEX(Jesper!AK$2:AK$366,ROUNDDOWN($C3637/24,0)+1,1))-1)+IF('Standard Profiles'!$G$21=$B$10,7,0)+IF('Standard Profiles'!$G$21=$B$17,14,0)+IF('Standard Profiles'!$G$21=$B$24,21,0),MOD($C3637,24)+1)/SUM(INDEX($D$3:$AA$30,INDEX(Jesper!$R$2:$R$366,ROW(INDEX(Jesper!AK$2:AK$366,ROUNDDOWN($C3637/24,0)+1,1))-1)+IF('Standard Profiles'!$G$21=$B$10,7,0)+IF('Standard Profiles'!$G$21=$B$17,14,0)+IF('Standard Profiles'!$G$21=$B$24,21,0),0)),0)</f>
        <v>0</v>
      </c>
      <c r="H3637" cm="1">
        <f t="array" ref="H3637">IFERROR(INDEX(Jesper!AL$2:AL$366,ROUNDDOWN($C3637/24,0)+1,1)*INDEX($D$3:$AA$30,INDEX(Jesper!$R$2:$R$366,ROW(INDEX(Jesper!AL$2:AL$366,ROUNDDOWN($C3637/24,0)+1,1))-1)+IF('Standard Profiles'!$G$22=$B$10,7,0)+IF('Standard Profiles'!$G$22=$B$17,14,0)+IF('Standard Profiles'!$G$22=$B$24,21,0),MOD($C3637,24)+1)/SUM(INDEX($D$3:$AA$30,INDEX(Jesper!$R$2:$R$366,ROW(INDEX(Jesper!AL$2:AL$366,ROUNDDOWN($C3637/24,0)+1,1))-1)+IF('Standard Profiles'!$G$22=$B$10,7,0)+IF('Standard Profiles'!$G$22=$B$17,14,0)+IF('Standard Profiles'!$G$22=$B$24,21,0),0)),0)</f>
        <v>0</v>
      </c>
      <c r="I3637">
        <f t="shared" si="412"/>
        <v>0.22063064117083858</v>
      </c>
      <c r="J3637">
        <f t="shared" si="413"/>
        <v>0.73543547056946201</v>
      </c>
      <c r="K3637">
        <f t="shared" si="414"/>
        <v>1.1031532058541929</v>
      </c>
      <c r="L3637">
        <f t="shared" si="415"/>
        <v>5.2951353881001264</v>
      </c>
      <c r="M3637">
        <f t="shared" si="416"/>
        <v>0</v>
      </c>
      <c r="N3637" s="46">
        <f t="shared" si="417"/>
        <v>45442.124999991262</v>
      </c>
    </row>
    <row r="3638" spans="2:14" x14ac:dyDescent="0.3">
      <c r="B3638">
        <f t="shared" si="411"/>
        <v>4</v>
      </c>
      <c r="C3638" s="16">
        <v>3604</v>
      </c>
      <c r="D3638" cm="1">
        <f t="array" ref="D3638">IFERROR(INDEX(Jesper!AH$2:AH$366,ROUNDDOWN($C3638/24,0)+1,1)*INDEX($D$3:$AA$30,INDEX(Jesper!$R$2:$R$366,ROW(INDEX(Jesper!AH$2:AH$366,ROUNDDOWN($C3638/24,0)+1,1))-1)+IF('Standard Profiles'!$G$18=$B$10,7,0)+IF('Standard Profiles'!$G$18=$B$17,14,0)+IF('Standard Profiles'!$G$18=$B$24,21,0),MOD($C3638,24)+1)/SUM(INDEX($D$3:$AA$30,INDEX(Jesper!$R$2:$R$366,ROW(INDEX(Jesper!AH$2:AH$366,ROUNDDOWN($C3638/24,0)+1,1))-1)+IF('Standard Profiles'!$G$18=$B$10,7,0)+IF('Standard Profiles'!$G$18=$B$17,14,0)+IF('Standard Profiles'!$G$18=$B$24,21,0),0)),0)</f>
        <v>7.3543547056946199</v>
      </c>
      <c r="E3638" cm="1">
        <f t="array" ref="E3638">IFERROR(INDEX(Jesper!AI$2:AI$366,ROUNDDOWN($C3638/24,0)+1,1)*INDEX($D$3:$AA$30,INDEX(Jesper!$R$2:$R$366,ROW(INDEX(Jesper!AI$2:AI$366,ROUNDDOWN($C3638/24,0)+1,1))-1)+IF('Standard Profiles'!$G$19=$B$10,7,0)+IF('Standard Profiles'!$G$19=$B$17,14,0)+IF('Standard Profiles'!$G$19=$B$24,21,0),MOD($C3638,24)+1)/SUM(INDEX($D$3:$AA$30,INDEX(Jesper!$R$2:$R$366,ROW(INDEX(Jesper!AI$2:AI$366,ROUNDDOWN($C3638/24,0)+1,1))-1)+IF('Standard Profiles'!$G$19=$B$10,7,0)+IF('Standard Profiles'!$G$19=$B$17,14,0)+IF('Standard Profiles'!$G$19=$B$24,21,0),0)),0)</f>
        <v>0</v>
      </c>
      <c r="F3638" cm="1">
        <f t="array" ref="F3638">IFERROR(INDEX(Jesper!AJ$2:AJ$366,ROUNDDOWN($C3638/24,0)+1,1)*INDEX($D$3:$AA$30,INDEX(Jesper!$R$2:$R$366,ROW(INDEX(Jesper!AJ$2:AJ$366,ROUNDDOWN($C3638/24,0)+1,1))-1)+IF('Standard Profiles'!$G$20=$B$10,7,0)+IF('Standard Profiles'!$G$20=$B$17,14,0)+IF('Standard Profiles'!$G$20=$B$24,21,0),MOD($C3638,24)+1)/SUM(INDEX($D$3:$AA$30,INDEX(Jesper!$R$2:$R$366,ROW(INDEX(Jesper!AJ$2:AJ$366,ROUNDDOWN($C3638/24,0)+1,1))-1)+IF('Standard Profiles'!$G$20=$B$10,7,0)+IF('Standard Profiles'!$G$20=$B$17,14,0)+IF('Standard Profiles'!$G$20=$B$24,21,0),0)),0)</f>
        <v>0</v>
      </c>
      <c r="G3638" cm="1">
        <f t="array" ref="G3638">IFERROR(INDEX(Jesper!AK$2:AK$366,ROUNDDOWN($C3638/24,0)+1,1)*INDEX($D$3:$AA$30,INDEX(Jesper!$R$2:$R$366,ROW(INDEX(Jesper!AK$2:AK$366,ROUNDDOWN($C3638/24,0)+1,1))-1)+IF('Standard Profiles'!$G$21=$B$10,7,0)+IF('Standard Profiles'!$G$21=$B$17,14,0)+IF('Standard Profiles'!$G$21=$B$24,21,0),MOD($C3638,24)+1)/SUM(INDEX($D$3:$AA$30,INDEX(Jesper!$R$2:$R$366,ROW(INDEX(Jesper!AK$2:AK$366,ROUNDDOWN($C3638/24,0)+1,1))-1)+IF('Standard Profiles'!$G$21=$B$10,7,0)+IF('Standard Profiles'!$G$21=$B$17,14,0)+IF('Standard Profiles'!$G$21=$B$24,21,0),0)),0)</f>
        <v>0</v>
      </c>
      <c r="H3638" cm="1">
        <f t="array" ref="H3638">IFERROR(INDEX(Jesper!AL$2:AL$366,ROUNDDOWN($C3638/24,0)+1,1)*INDEX($D$3:$AA$30,INDEX(Jesper!$R$2:$R$366,ROW(INDEX(Jesper!AL$2:AL$366,ROUNDDOWN($C3638/24,0)+1,1))-1)+IF('Standard Profiles'!$G$22=$B$10,7,0)+IF('Standard Profiles'!$G$22=$B$17,14,0)+IF('Standard Profiles'!$G$22=$B$24,21,0),MOD($C3638,24)+1)/SUM(INDEX($D$3:$AA$30,INDEX(Jesper!$R$2:$R$366,ROW(INDEX(Jesper!AL$2:AL$366,ROUNDDOWN($C3638/24,0)+1,1))-1)+IF('Standard Profiles'!$G$22=$B$10,7,0)+IF('Standard Profiles'!$G$22=$B$17,14,0)+IF('Standard Profiles'!$G$22=$B$24,21,0),0)),0)</f>
        <v>0</v>
      </c>
      <c r="I3638">
        <f t="shared" si="412"/>
        <v>0.22063064117083858</v>
      </c>
      <c r="J3638">
        <f t="shared" si="413"/>
        <v>0.73543547056946201</v>
      </c>
      <c r="K3638">
        <f t="shared" si="414"/>
        <v>1.1031532058541929</v>
      </c>
      <c r="L3638">
        <f t="shared" si="415"/>
        <v>5.2951353881001264</v>
      </c>
      <c r="M3638">
        <f t="shared" si="416"/>
        <v>0</v>
      </c>
      <c r="N3638" s="46">
        <f t="shared" si="417"/>
        <v>45442.166666657926</v>
      </c>
    </row>
    <row r="3639" spans="2:14" x14ac:dyDescent="0.3">
      <c r="B3639">
        <f t="shared" si="411"/>
        <v>4</v>
      </c>
      <c r="C3639" s="16">
        <v>3605</v>
      </c>
      <c r="D3639" cm="1">
        <f t="array" ref="D3639">IFERROR(INDEX(Jesper!AH$2:AH$366,ROUNDDOWN($C3639/24,0)+1,1)*INDEX($D$3:$AA$30,INDEX(Jesper!$R$2:$R$366,ROW(INDEX(Jesper!AH$2:AH$366,ROUNDDOWN($C3639/24,0)+1,1))-1)+IF('Standard Profiles'!$G$18=$B$10,7,0)+IF('Standard Profiles'!$G$18=$B$17,14,0)+IF('Standard Profiles'!$G$18=$B$24,21,0),MOD($C3639,24)+1)/SUM(INDEX($D$3:$AA$30,INDEX(Jesper!$R$2:$R$366,ROW(INDEX(Jesper!AH$2:AH$366,ROUNDDOWN($C3639/24,0)+1,1))-1)+IF('Standard Profiles'!$G$18=$B$10,7,0)+IF('Standard Profiles'!$G$18=$B$17,14,0)+IF('Standard Profiles'!$G$18=$B$24,21,0),0)),0)</f>
        <v>9.4789460651175101</v>
      </c>
      <c r="E3639" cm="1">
        <f t="array" ref="E3639">IFERROR(INDEX(Jesper!AI$2:AI$366,ROUNDDOWN($C3639/24,0)+1,1)*INDEX($D$3:$AA$30,INDEX(Jesper!$R$2:$R$366,ROW(INDEX(Jesper!AI$2:AI$366,ROUNDDOWN($C3639/24,0)+1,1))-1)+IF('Standard Profiles'!$G$19=$B$10,7,0)+IF('Standard Profiles'!$G$19=$B$17,14,0)+IF('Standard Profiles'!$G$19=$B$24,21,0),MOD($C3639,24)+1)/SUM(INDEX($D$3:$AA$30,INDEX(Jesper!$R$2:$R$366,ROW(INDEX(Jesper!AI$2:AI$366,ROUNDDOWN($C3639/24,0)+1,1))-1)+IF('Standard Profiles'!$G$19=$B$10,7,0)+IF('Standard Profiles'!$G$19=$B$17,14,0)+IF('Standard Profiles'!$G$19=$B$24,21,0),0)),0)</f>
        <v>0</v>
      </c>
      <c r="F3639" cm="1">
        <f t="array" ref="F3639">IFERROR(INDEX(Jesper!AJ$2:AJ$366,ROUNDDOWN($C3639/24,0)+1,1)*INDEX($D$3:$AA$30,INDEX(Jesper!$R$2:$R$366,ROW(INDEX(Jesper!AJ$2:AJ$366,ROUNDDOWN($C3639/24,0)+1,1))-1)+IF('Standard Profiles'!$G$20=$B$10,7,0)+IF('Standard Profiles'!$G$20=$B$17,14,0)+IF('Standard Profiles'!$G$20=$B$24,21,0),MOD($C3639,24)+1)/SUM(INDEX($D$3:$AA$30,INDEX(Jesper!$R$2:$R$366,ROW(INDEX(Jesper!AJ$2:AJ$366,ROUNDDOWN($C3639/24,0)+1,1))-1)+IF('Standard Profiles'!$G$20=$B$10,7,0)+IF('Standard Profiles'!$G$20=$B$17,14,0)+IF('Standard Profiles'!$G$20=$B$24,21,0),0)),0)</f>
        <v>0</v>
      </c>
      <c r="G3639" cm="1">
        <f t="array" ref="G3639">IFERROR(INDEX(Jesper!AK$2:AK$366,ROUNDDOWN($C3639/24,0)+1,1)*INDEX($D$3:$AA$30,INDEX(Jesper!$R$2:$R$366,ROW(INDEX(Jesper!AK$2:AK$366,ROUNDDOWN($C3639/24,0)+1,1))-1)+IF('Standard Profiles'!$G$21=$B$10,7,0)+IF('Standard Profiles'!$G$21=$B$17,14,0)+IF('Standard Profiles'!$G$21=$B$24,21,0),MOD($C3639,24)+1)/SUM(INDEX($D$3:$AA$30,INDEX(Jesper!$R$2:$R$366,ROW(INDEX(Jesper!AK$2:AK$366,ROUNDDOWN($C3639/24,0)+1,1))-1)+IF('Standard Profiles'!$G$21=$B$10,7,0)+IF('Standard Profiles'!$G$21=$B$17,14,0)+IF('Standard Profiles'!$G$21=$B$24,21,0),0)),0)</f>
        <v>0</v>
      </c>
      <c r="H3639" cm="1">
        <f t="array" ref="H3639">IFERROR(INDEX(Jesper!AL$2:AL$366,ROUNDDOWN($C3639/24,0)+1,1)*INDEX($D$3:$AA$30,INDEX(Jesper!$R$2:$R$366,ROW(INDEX(Jesper!AL$2:AL$366,ROUNDDOWN($C3639/24,0)+1,1))-1)+IF('Standard Profiles'!$G$22=$B$10,7,0)+IF('Standard Profiles'!$G$22=$B$17,14,0)+IF('Standard Profiles'!$G$22=$B$24,21,0),MOD($C3639,24)+1)/SUM(INDEX($D$3:$AA$30,INDEX(Jesper!$R$2:$R$366,ROW(INDEX(Jesper!AL$2:AL$366,ROUNDDOWN($C3639/24,0)+1,1))-1)+IF('Standard Profiles'!$G$22=$B$10,7,0)+IF('Standard Profiles'!$G$22=$B$17,14,0)+IF('Standard Profiles'!$G$22=$B$24,21,0),0)),0)</f>
        <v>0</v>
      </c>
      <c r="I3639">
        <f t="shared" si="412"/>
        <v>0.28436838195352532</v>
      </c>
      <c r="J3639">
        <f t="shared" si="413"/>
        <v>0.94789460651175106</v>
      </c>
      <c r="K3639">
        <f t="shared" si="414"/>
        <v>1.4218419097676265</v>
      </c>
      <c r="L3639">
        <f t="shared" si="415"/>
        <v>6.8248411668846067</v>
      </c>
      <c r="M3639">
        <f t="shared" si="416"/>
        <v>0</v>
      </c>
      <c r="N3639" s="46">
        <f t="shared" si="417"/>
        <v>45442.20833332459</v>
      </c>
    </row>
    <row r="3640" spans="2:14" x14ac:dyDescent="0.3">
      <c r="B3640">
        <f t="shared" si="411"/>
        <v>4</v>
      </c>
      <c r="C3640" s="16">
        <v>3606</v>
      </c>
      <c r="D3640" cm="1">
        <f t="array" ref="D3640">IFERROR(INDEX(Jesper!AH$2:AH$366,ROUNDDOWN($C3640/24,0)+1,1)*INDEX($D$3:$AA$30,INDEX(Jesper!$R$2:$R$366,ROW(INDEX(Jesper!AH$2:AH$366,ROUNDDOWN($C3640/24,0)+1,1))-1)+IF('Standard Profiles'!$G$18=$B$10,7,0)+IF('Standard Profiles'!$G$18=$B$17,14,0)+IF('Standard Profiles'!$G$18=$B$24,21,0),MOD($C3640,24)+1)/SUM(INDEX($D$3:$AA$30,INDEX(Jesper!$R$2:$R$366,ROW(INDEX(Jesper!AH$2:AH$366,ROUNDDOWN($C3640/24,0)+1,1))-1)+IF('Standard Profiles'!$G$18=$B$10,7,0)+IF('Standard Profiles'!$G$18=$B$17,14,0)+IF('Standard Profiles'!$G$18=$B$24,21,0),0)),0)</f>
        <v>10.949817006256435</v>
      </c>
      <c r="E3640" cm="1">
        <f t="array" ref="E3640">IFERROR(INDEX(Jesper!AI$2:AI$366,ROUNDDOWN($C3640/24,0)+1,1)*INDEX($D$3:$AA$30,INDEX(Jesper!$R$2:$R$366,ROW(INDEX(Jesper!AI$2:AI$366,ROUNDDOWN($C3640/24,0)+1,1))-1)+IF('Standard Profiles'!$G$19=$B$10,7,0)+IF('Standard Profiles'!$G$19=$B$17,14,0)+IF('Standard Profiles'!$G$19=$B$24,21,0),MOD($C3640,24)+1)/SUM(INDEX($D$3:$AA$30,INDEX(Jesper!$R$2:$R$366,ROW(INDEX(Jesper!AI$2:AI$366,ROUNDDOWN($C3640/24,0)+1,1))-1)+IF('Standard Profiles'!$G$19=$B$10,7,0)+IF('Standard Profiles'!$G$19=$B$17,14,0)+IF('Standard Profiles'!$G$19=$B$24,21,0),0)),0)</f>
        <v>0</v>
      </c>
      <c r="F3640" cm="1">
        <f t="array" ref="F3640">IFERROR(INDEX(Jesper!AJ$2:AJ$366,ROUNDDOWN($C3640/24,0)+1,1)*INDEX($D$3:$AA$30,INDEX(Jesper!$R$2:$R$366,ROW(INDEX(Jesper!AJ$2:AJ$366,ROUNDDOWN($C3640/24,0)+1,1))-1)+IF('Standard Profiles'!$G$20=$B$10,7,0)+IF('Standard Profiles'!$G$20=$B$17,14,0)+IF('Standard Profiles'!$G$20=$B$24,21,0),MOD($C3640,24)+1)/SUM(INDEX($D$3:$AA$30,INDEX(Jesper!$R$2:$R$366,ROW(INDEX(Jesper!AJ$2:AJ$366,ROUNDDOWN($C3640/24,0)+1,1))-1)+IF('Standard Profiles'!$G$20=$B$10,7,0)+IF('Standard Profiles'!$G$20=$B$17,14,0)+IF('Standard Profiles'!$G$20=$B$24,21,0),0)),0)</f>
        <v>0</v>
      </c>
      <c r="G3640" cm="1">
        <f t="array" ref="G3640">IFERROR(INDEX(Jesper!AK$2:AK$366,ROUNDDOWN($C3640/24,0)+1,1)*INDEX($D$3:$AA$30,INDEX(Jesper!$R$2:$R$366,ROW(INDEX(Jesper!AK$2:AK$366,ROUNDDOWN($C3640/24,0)+1,1))-1)+IF('Standard Profiles'!$G$21=$B$10,7,0)+IF('Standard Profiles'!$G$21=$B$17,14,0)+IF('Standard Profiles'!$G$21=$B$24,21,0),MOD($C3640,24)+1)/SUM(INDEX($D$3:$AA$30,INDEX(Jesper!$R$2:$R$366,ROW(INDEX(Jesper!AK$2:AK$366,ROUNDDOWN($C3640/24,0)+1,1))-1)+IF('Standard Profiles'!$G$21=$B$10,7,0)+IF('Standard Profiles'!$G$21=$B$17,14,0)+IF('Standard Profiles'!$G$21=$B$24,21,0),0)),0)</f>
        <v>0</v>
      </c>
      <c r="H3640" cm="1">
        <f t="array" ref="H3640">IFERROR(INDEX(Jesper!AL$2:AL$366,ROUNDDOWN($C3640/24,0)+1,1)*INDEX($D$3:$AA$30,INDEX(Jesper!$R$2:$R$366,ROW(INDEX(Jesper!AL$2:AL$366,ROUNDDOWN($C3640/24,0)+1,1))-1)+IF('Standard Profiles'!$G$22=$B$10,7,0)+IF('Standard Profiles'!$G$22=$B$17,14,0)+IF('Standard Profiles'!$G$22=$B$24,21,0),MOD($C3640,24)+1)/SUM(INDEX($D$3:$AA$30,INDEX(Jesper!$R$2:$R$366,ROW(INDEX(Jesper!AL$2:AL$366,ROUNDDOWN($C3640/24,0)+1,1))-1)+IF('Standard Profiles'!$G$22=$B$10,7,0)+IF('Standard Profiles'!$G$22=$B$17,14,0)+IF('Standard Profiles'!$G$22=$B$24,21,0),0)),0)</f>
        <v>0</v>
      </c>
      <c r="I3640">
        <f t="shared" si="412"/>
        <v>0.32849451018769305</v>
      </c>
      <c r="J3640">
        <f t="shared" si="413"/>
        <v>1.0949817006256435</v>
      </c>
      <c r="K3640">
        <f t="shared" si="414"/>
        <v>1.6424725509384652</v>
      </c>
      <c r="L3640">
        <f t="shared" si="415"/>
        <v>7.8838682445046331</v>
      </c>
      <c r="M3640">
        <f t="shared" si="416"/>
        <v>0</v>
      </c>
      <c r="N3640" s="46">
        <f t="shared" si="417"/>
        <v>45442.249999991254</v>
      </c>
    </row>
    <row r="3641" spans="2:14" x14ac:dyDescent="0.3">
      <c r="B3641">
        <f t="shared" si="411"/>
        <v>4</v>
      </c>
      <c r="C3641" s="16">
        <v>3607</v>
      </c>
      <c r="D3641" cm="1">
        <f t="array" ref="D3641">IFERROR(INDEX(Jesper!AH$2:AH$366,ROUNDDOWN($C3641/24,0)+1,1)*INDEX($D$3:$AA$30,INDEX(Jesper!$R$2:$R$366,ROW(INDEX(Jesper!AH$2:AH$366,ROUNDDOWN($C3641/24,0)+1,1))-1)+IF('Standard Profiles'!$G$18=$B$10,7,0)+IF('Standard Profiles'!$G$18=$B$17,14,0)+IF('Standard Profiles'!$G$18=$B$24,21,0),MOD($C3641,24)+1)/SUM(INDEX($D$3:$AA$30,INDEX(Jesper!$R$2:$R$366,ROW(INDEX(Jesper!AH$2:AH$366,ROUNDDOWN($C3641/24,0)+1,1))-1)+IF('Standard Profiles'!$G$18=$B$10,7,0)+IF('Standard Profiles'!$G$18=$B$17,14,0)+IF('Standard Profiles'!$G$18=$B$24,21,0),0)),0)</f>
        <v>10.949817006256435</v>
      </c>
      <c r="E3641" cm="1">
        <f t="array" ref="E3641">IFERROR(INDEX(Jesper!AI$2:AI$366,ROUNDDOWN($C3641/24,0)+1,1)*INDEX($D$3:$AA$30,INDEX(Jesper!$R$2:$R$366,ROW(INDEX(Jesper!AI$2:AI$366,ROUNDDOWN($C3641/24,0)+1,1))-1)+IF('Standard Profiles'!$G$19=$B$10,7,0)+IF('Standard Profiles'!$G$19=$B$17,14,0)+IF('Standard Profiles'!$G$19=$B$24,21,0),MOD($C3641,24)+1)/SUM(INDEX($D$3:$AA$30,INDEX(Jesper!$R$2:$R$366,ROW(INDEX(Jesper!AI$2:AI$366,ROUNDDOWN($C3641/24,0)+1,1))-1)+IF('Standard Profiles'!$G$19=$B$10,7,0)+IF('Standard Profiles'!$G$19=$B$17,14,0)+IF('Standard Profiles'!$G$19=$B$24,21,0),0)),0)</f>
        <v>0</v>
      </c>
      <c r="F3641" cm="1">
        <f t="array" ref="F3641">IFERROR(INDEX(Jesper!AJ$2:AJ$366,ROUNDDOWN($C3641/24,0)+1,1)*INDEX($D$3:$AA$30,INDEX(Jesper!$R$2:$R$366,ROW(INDEX(Jesper!AJ$2:AJ$366,ROUNDDOWN($C3641/24,0)+1,1))-1)+IF('Standard Profiles'!$G$20=$B$10,7,0)+IF('Standard Profiles'!$G$20=$B$17,14,0)+IF('Standard Profiles'!$G$20=$B$24,21,0),MOD($C3641,24)+1)/SUM(INDEX($D$3:$AA$30,INDEX(Jesper!$R$2:$R$366,ROW(INDEX(Jesper!AJ$2:AJ$366,ROUNDDOWN($C3641/24,0)+1,1))-1)+IF('Standard Profiles'!$G$20=$B$10,7,0)+IF('Standard Profiles'!$G$20=$B$17,14,0)+IF('Standard Profiles'!$G$20=$B$24,21,0),0)),0)</f>
        <v>0</v>
      </c>
      <c r="G3641" cm="1">
        <f t="array" ref="G3641">IFERROR(INDEX(Jesper!AK$2:AK$366,ROUNDDOWN($C3641/24,0)+1,1)*INDEX($D$3:$AA$30,INDEX(Jesper!$R$2:$R$366,ROW(INDEX(Jesper!AK$2:AK$366,ROUNDDOWN($C3641/24,0)+1,1))-1)+IF('Standard Profiles'!$G$21=$B$10,7,0)+IF('Standard Profiles'!$G$21=$B$17,14,0)+IF('Standard Profiles'!$G$21=$B$24,21,0),MOD($C3641,24)+1)/SUM(INDEX($D$3:$AA$30,INDEX(Jesper!$R$2:$R$366,ROW(INDEX(Jesper!AK$2:AK$366,ROUNDDOWN($C3641/24,0)+1,1))-1)+IF('Standard Profiles'!$G$21=$B$10,7,0)+IF('Standard Profiles'!$G$21=$B$17,14,0)+IF('Standard Profiles'!$G$21=$B$24,21,0),0)),0)</f>
        <v>0</v>
      </c>
      <c r="H3641" cm="1">
        <f t="array" ref="H3641">IFERROR(INDEX(Jesper!AL$2:AL$366,ROUNDDOWN($C3641/24,0)+1,1)*INDEX($D$3:$AA$30,INDEX(Jesper!$R$2:$R$366,ROW(INDEX(Jesper!AL$2:AL$366,ROUNDDOWN($C3641/24,0)+1,1))-1)+IF('Standard Profiles'!$G$22=$B$10,7,0)+IF('Standard Profiles'!$G$22=$B$17,14,0)+IF('Standard Profiles'!$G$22=$B$24,21,0),MOD($C3641,24)+1)/SUM(INDEX($D$3:$AA$30,INDEX(Jesper!$R$2:$R$366,ROW(INDEX(Jesper!AL$2:AL$366,ROUNDDOWN($C3641/24,0)+1,1))-1)+IF('Standard Profiles'!$G$22=$B$10,7,0)+IF('Standard Profiles'!$G$22=$B$17,14,0)+IF('Standard Profiles'!$G$22=$B$24,21,0),0)),0)</f>
        <v>0</v>
      </c>
      <c r="I3641">
        <f t="shared" si="412"/>
        <v>0.32849451018769305</v>
      </c>
      <c r="J3641">
        <f t="shared" si="413"/>
        <v>1.0949817006256435</v>
      </c>
      <c r="K3641">
        <f t="shared" si="414"/>
        <v>1.6424725509384652</v>
      </c>
      <c r="L3641">
        <f t="shared" si="415"/>
        <v>7.8838682445046331</v>
      </c>
      <c r="M3641">
        <f t="shared" si="416"/>
        <v>0</v>
      </c>
      <c r="N3641" s="46">
        <f t="shared" si="417"/>
        <v>45442.291666657919</v>
      </c>
    </row>
    <row r="3642" spans="2:14" x14ac:dyDescent="0.3">
      <c r="B3642">
        <f t="shared" si="411"/>
        <v>4</v>
      </c>
      <c r="C3642" s="16">
        <v>3608</v>
      </c>
      <c r="D3642" cm="1">
        <f t="array" ref="D3642">IFERROR(INDEX(Jesper!AH$2:AH$366,ROUNDDOWN($C3642/24,0)+1,1)*INDEX($D$3:$AA$30,INDEX(Jesper!$R$2:$R$366,ROW(INDEX(Jesper!AH$2:AH$366,ROUNDDOWN($C3642/24,0)+1,1))-1)+IF('Standard Profiles'!$G$18=$B$10,7,0)+IF('Standard Profiles'!$G$18=$B$17,14,0)+IF('Standard Profiles'!$G$18=$B$24,21,0),MOD($C3642,24)+1)/SUM(INDEX($D$3:$AA$30,INDEX(Jesper!$R$2:$R$366,ROW(INDEX(Jesper!AH$2:AH$366,ROUNDDOWN($C3642/24,0)+1,1))-1)+IF('Standard Profiles'!$G$18=$B$10,7,0)+IF('Standard Profiles'!$G$18=$B$17,14,0)+IF('Standard Profiles'!$G$18=$B$24,21,0),0)),0)</f>
        <v>10.949817006256435</v>
      </c>
      <c r="E3642" cm="1">
        <f t="array" ref="E3642">IFERROR(INDEX(Jesper!AI$2:AI$366,ROUNDDOWN($C3642/24,0)+1,1)*INDEX($D$3:$AA$30,INDEX(Jesper!$R$2:$R$366,ROW(INDEX(Jesper!AI$2:AI$366,ROUNDDOWN($C3642/24,0)+1,1))-1)+IF('Standard Profiles'!$G$19=$B$10,7,0)+IF('Standard Profiles'!$G$19=$B$17,14,0)+IF('Standard Profiles'!$G$19=$B$24,21,0),MOD($C3642,24)+1)/SUM(INDEX($D$3:$AA$30,INDEX(Jesper!$R$2:$R$366,ROW(INDEX(Jesper!AI$2:AI$366,ROUNDDOWN($C3642/24,0)+1,1))-1)+IF('Standard Profiles'!$G$19=$B$10,7,0)+IF('Standard Profiles'!$G$19=$B$17,14,0)+IF('Standard Profiles'!$G$19=$B$24,21,0),0)),0)</f>
        <v>0</v>
      </c>
      <c r="F3642" cm="1">
        <f t="array" ref="F3642">IFERROR(INDEX(Jesper!AJ$2:AJ$366,ROUNDDOWN($C3642/24,0)+1,1)*INDEX($D$3:$AA$30,INDEX(Jesper!$R$2:$R$366,ROW(INDEX(Jesper!AJ$2:AJ$366,ROUNDDOWN($C3642/24,0)+1,1))-1)+IF('Standard Profiles'!$G$20=$B$10,7,0)+IF('Standard Profiles'!$G$20=$B$17,14,0)+IF('Standard Profiles'!$G$20=$B$24,21,0),MOD($C3642,24)+1)/SUM(INDEX($D$3:$AA$30,INDEX(Jesper!$R$2:$R$366,ROW(INDEX(Jesper!AJ$2:AJ$366,ROUNDDOWN($C3642/24,0)+1,1))-1)+IF('Standard Profiles'!$G$20=$B$10,7,0)+IF('Standard Profiles'!$G$20=$B$17,14,0)+IF('Standard Profiles'!$G$20=$B$24,21,0),0)),0)</f>
        <v>0</v>
      </c>
      <c r="G3642" cm="1">
        <f t="array" ref="G3642">IFERROR(INDEX(Jesper!AK$2:AK$366,ROUNDDOWN($C3642/24,0)+1,1)*INDEX($D$3:$AA$30,INDEX(Jesper!$R$2:$R$366,ROW(INDEX(Jesper!AK$2:AK$366,ROUNDDOWN($C3642/24,0)+1,1))-1)+IF('Standard Profiles'!$G$21=$B$10,7,0)+IF('Standard Profiles'!$G$21=$B$17,14,0)+IF('Standard Profiles'!$G$21=$B$24,21,0),MOD($C3642,24)+1)/SUM(INDEX($D$3:$AA$30,INDEX(Jesper!$R$2:$R$366,ROW(INDEX(Jesper!AK$2:AK$366,ROUNDDOWN($C3642/24,0)+1,1))-1)+IF('Standard Profiles'!$G$21=$B$10,7,0)+IF('Standard Profiles'!$G$21=$B$17,14,0)+IF('Standard Profiles'!$G$21=$B$24,21,0),0)),0)</f>
        <v>0</v>
      </c>
      <c r="H3642" cm="1">
        <f t="array" ref="H3642">IFERROR(INDEX(Jesper!AL$2:AL$366,ROUNDDOWN($C3642/24,0)+1,1)*INDEX($D$3:$AA$30,INDEX(Jesper!$R$2:$R$366,ROW(INDEX(Jesper!AL$2:AL$366,ROUNDDOWN($C3642/24,0)+1,1))-1)+IF('Standard Profiles'!$G$22=$B$10,7,0)+IF('Standard Profiles'!$G$22=$B$17,14,0)+IF('Standard Profiles'!$G$22=$B$24,21,0),MOD($C3642,24)+1)/SUM(INDEX($D$3:$AA$30,INDEX(Jesper!$R$2:$R$366,ROW(INDEX(Jesper!AL$2:AL$366,ROUNDDOWN($C3642/24,0)+1,1))-1)+IF('Standard Profiles'!$G$22=$B$10,7,0)+IF('Standard Profiles'!$G$22=$B$17,14,0)+IF('Standard Profiles'!$G$22=$B$24,21,0),0)),0)</f>
        <v>0</v>
      </c>
      <c r="I3642">
        <f t="shared" si="412"/>
        <v>0.32849451018769305</v>
      </c>
      <c r="J3642">
        <f t="shared" si="413"/>
        <v>1.0949817006256435</v>
      </c>
      <c r="K3642">
        <f t="shared" si="414"/>
        <v>1.6424725509384652</v>
      </c>
      <c r="L3642">
        <f t="shared" si="415"/>
        <v>7.8838682445046331</v>
      </c>
      <c r="M3642">
        <f t="shared" si="416"/>
        <v>0</v>
      </c>
      <c r="N3642" s="46">
        <f t="shared" si="417"/>
        <v>45442.333333324583</v>
      </c>
    </row>
    <row r="3643" spans="2:14" x14ac:dyDescent="0.3">
      <c r="B3643">
        <f t="shared" si="411"/>
        <v>4</v>
      </c>
      <c r="C3643" s="16">
        <v>3609</v>
      </c>
      <c r="D3643" cm="1">
        <f t="array" ref="D3643">IFERROR(INDEX(Jesper!AH$2:AH$366,ROUNDDOWN($C3643/24,0)+1,1)*INDEX($D$3:$AA$30,INDEX(Jesper!$R$2:$R$366,ROW(INDEX(Jesper!AH$2:AH$366,ROUNDDOWN($C3643/24,0)+1,1))-1)+IF('Standard Profiles'!$G$18=$B$10,7,0)+IF('Standard Profiles'!$G$18=$B$17,14,0)+IF('Standard Profiles'!$G$18=$B$24,21,0),MOD($C3643,24)+1)/SUM(INDEX($D$3:$AA$30,INDEX(Jesper!$R$2:$R$366,ROW(INDEX(Jesper!AH$2:AH$366,ROUNDDOWN($C3643/24,0)+1,1))-1)+IF('Standard Profiles'!$G$18=$B$10,7,0)+IF('Standard Profiles'!$G$18=$B$17,14,0)+IF('Standard Profiles'!$G$18=$B$24,21,0),0)),0)</f>
        <v>11.766967529111392</v>
      </c>
      <c r="E3643" cm="1">
        <f t="array" ref="E3643">IFERROR(INDEX(Jesper!AI$2:AI$366,ROUNDDOWN($C3643/24,0)+1,1)*INDEX($D$3:$AA$30,INDEX(Jesper!$R$2:$R$366,ROW(INDEX(Jesper!AI$2:AI$366,ROUNDDOWN($C3643/24,0)+1,1))-1)+IF('Standard Profiles'!$G$19=$B$10,7,0)+IF('Standard Profiles'!$G$19=$B$17,14,0)+IF('Standard Profiles'!$G$19=$B$24,21,0),MOD($C3643,24)+1)/SUM(INDEX($D$3:$AA$30,INDEX(Jesper!$R$2:$R$366,ROW(INDEX(Jesper!AI$2:AI$366,ROUNDDOWN($C3643/24,0)+1,1))-1)+IF('Standard Profiles'!$G$19=$B$10,7,0)+IF('Standard Profiles'!$G$19=$B$17,14,0)+IF('Standard Profiles'!$G$19=$B$24,21,0),0)),0)</f>
        <v>0</v>
      </c>
      <c r="F3643" cm="1">
        <f t="array" ref="F3643">IFERROR(INDEX(Jesper!AJ$2:AJ$366,ROUNDDOWN($C3643/24,0)+1,1)*INDEX($D$3:$AA$30,INDEX(Jesper!$R$2:$R$366,ROW(INDEX(Jesper!AJ$2:AJ$366,ROUNDDOWN($C3643/24,0)+1,1))-1)+IF('Standard Profiles'!$G$20=$B$10,7,0)+IF('Standard Profiles'!$G$20=$B$17,14,0)+IF('Standard Profiles'!$G$20=$B$24,21,0),MOD($C3643,24)+1)/SUM(INDEX($D$3:$AA$30,INDEX(Jesper!$R$2:$R$366,ROW(INDEX(Jesper!AJ$2:AJ$366,ROUNDDOWN($C3643/24,0)+1,1))-1)+IF('Standard Profiles'!$G$20=$B$10,7,0)+IF('Standard Profiles'!$G$20=$B$17,14,0)+IF('Standard Profiles'!$G$20=$B$24,21,0),0)),0)</f>
        <v>0</v>
      </c>
      <c r="G3643" cm="1">
        <f t="array" ref="G3643">IFERROR(INDEX(Jesper!AK$2:AK$366,ROUNDDOWN($C3643/24,0)+1,1)*INDEX($D$3:$AA$30,INDEX(Jesper!$R$2:$R$366,ROW(INDEX(Jesper!AK$2:AK$366,ROUNDDOWN($C3643/24,0)+1,1))-1)+IF('Standard Profiles'!$G$21=$B$10,7,0)+IF('Standard Profiles'!$G$21=$B$17,14,0)+IF('Standard Profiles'!$G$21=$B$24,21,0),MOD($C3643,24)+1)/SUM(INDEX($D$3:$AA$30,INDEX(Jesper!$R$2:$R$366,ROW(INDEX(Jesper!AK$2:AK$366,ROUNDDOWN($C3643/24,0)+1,1))-1)+IF('Standard Profiles'!$G$21=$B$10,7,0)+IF('Standard Profiles'!$G$21=$B$17,14,0)+IF('Standard Profiles'!$G$21=$B$24,21,0),0)),0)</f>
        <v>0</v>
      </c>
      <c r="H3643" cm="1">
        <f t="array" ref="H3643">IFERROR(INDEX(Jesper!AL$2:AL$366,ROUNDDOWN($C3643/24,0)+1,1)*INDEX($D$3:$AA$30,INDEX(Jesper!$R$2:$R$366,ROW(INDEX(Jesper!AL$2:AL$366,ROUNDDOWN($C3643/24,0)+1,1))-1)+IF('Standard Profiles'!$G$22=$B$10,7,0)+IF('Standard Profiles'!$G$22=$B$17,14,0)+IF('Standard Profiles'!$G$22=$B$24,21,0),MOD($C3643,24)+1)/SUM(INDEX($D$3:$AA$30,INDEX(Jesper!$R$2:$R$366,ROW(INDEX(Jesper!AL$2:AL$366,ROUNDDOWN($C3643/24,0)+1,1))-1)+IF('Standard Profiles'!$G$22=$B$10,7,0)+IF('Standard Profiles'!$G$22=$B$17,14,0)+IF('Standard Profiles'!$G$22=$B$24,21,0),0)),0)</f>
        <v>0</v>
      </c>
      <c r="I3643">
        <f t="shared" si="412"/>
        <v>0.35300902587334176</v>
      </c>
      <c r="J3643">
        <f t="shared" si="413"/>
        <v>1.1766967529111392</v>
      </c>
      <c r="K3643">
        <f t="shared" si="414"/>
        <v>1.7650451293667089</v>
      </c>
      <c r="L3643">
        <f t="shared" si="415"/>
        <v>8.4722166209602019</v>
      </c>
      <c r="M3643">
        <f t="shared" si="416"/>
        <v>0</v>
      </c>
      <c r="N3643" s="46">
        <f t="shared" si="417"/>
        <v>45442.374999991247</v>
      </c>
    </row>
    <row r="3644" spans="2:14" x14ac:dyDescent="0.3">
      <c r="B3644">
        <f t="shared" si="411"/>
        <v>4</v>
      </c>
      <c r="C3644" s="16">
        <v>3610</v>
      </c>
      <c r="D3644" cm="1">
        <f t="array" ref="D3644">IFERROR(INDEX(Jesper!AH$2:AH$366,ROUNDDOWN($C3644/24,0)+1,1)*INDEX($D$3:$AA$30,INDEX(Jesper!$R$2:$R$366,ROW(INDEX(Jesper!AH$2:AH$366,ROUNDDOWN($C3644/24,0)+1,1))-1)+IF('Standard Profiles'!$G$18=$B$10,7,0)+IF('Standard Profiles'!$G$18=$B$17,14,0)+IF('Standard Profiles'!$G$18=$B$24,21,0),MOD($C3644,24)+1)/SUM(INDEX($D$3:$AA$30,INDEX(Jesper!$R$2:$R$366,ROW(INDEX(Jesper!AH$2:AH$366,ROUNDDOWN($C3644/24,0)+1,1))-1)+IF('Standard Profiles'!$G$18=$B$10,7,0)+IF('Standard Profiles'!$G$18=$B$17,14,0)+IF('Standard Profiles'!$G$18=$B$24,21,0),0)),0)</f>
        <v>12.74754815653734</v>
      </c>
      <c r="E3644" cm="1">
        <f t="array" ref="E3644">IFERROR(INDEX(Jesper!AI$2:AI$366,ROUNDDOWN($C3644/24,0)+1,1)*INDEX($D$3:$AA$30,INDEX(Jesper!$R$2:$R$366,ROW(INDEX(Jesper!AI$2:AI$366,ROUNDDOWN($C3644/24,0)+1,1))-1)+IF('Standard Profiles'!$G$19=$B$10,7,0)+IF('Standard Profiles'!$G$19=$B$17,14,0)+IF('Standard Profiles'!$G$19=$B$24,21,0),MOD($C3644,24)+1)/SUM(INDEX($D$3:$AA$30,INDEX(Jesper!$R$2:$R$366,ROW(INDEX(Jesper!AI$2:AI$366,ROUNDDOWN($C3644/24,0)+1,1))-1)+IF('Standard Profiles'!$G$19=$B$10,7,0)+IF('Standard Profiles'!$G$19=$B$17,14,0)+IF('Standard Profiles'!$G$19=$B$24,21,0),0)),0)</f>
        <v>0</v>
      </c>
      <c r="F3644" cm="1">
        <f t="array" ref="F3644">IFERROR(INDEX(Jesper!AJ$2:AJ$366,ROUNDDOWN($C3644/24,0)+1,1)*INDEX($D$3:$AA$30,INDEX(Jesper!$R$2:$R$366,ROW(INDEX(Jesper!AJ$2:AJ$366,ROUNDDOWN($C3644/24,0)+1,1))-1)+IF('Standard Profiles'!$G$20=$B$10,7,0)+IF('Standard Profiles'!$G$20=$B$17,14,0)+IF('Standard Profiles'!$G$20=$B$24,21,0),MOD($C3644,24)+1)/SUM(INDEX($D$3:$AA$30,INDEX(Jesper!$R$2:$R$366,ROW(INDEX(Jesper!AJ$2:AJ$366,ROUNDDOWN($C3644/24,0)+1,1))-1)+IF('Standard Profiles'!$G$20=$B$10,7,0)+IF('Standard Profiles'!$G$20=$B$17,14,0)+IF('Standard Profiles'!$G$20=$B$24,21,0),0)),0)</f>
        <v>0</v>
      </c>
      <c r="G3644" cm="1">
        <f t="array" ref="G3644">IFERROR(INDEX(Jesper!AK$2:AK$366,ROUNDDOWN($C3644/24,0)+1,1)*INDEX($D$3:$AA$30,INDEX(Jesper!$R$2:$R$366,ROW(INDEX(Jesper!AK$2:AK$366,ROUNDDOWN($C3644/24,0)+1,1))-1)+IF('Standard Profiles'!$G$21=$B$10,7,0)+IF('Standard Profiles'!$G$21=$B$17,14,0)+IF('Standard Profiles'!$G$21=$B$24,21,0),MOD($C3644,24)+1)/SUM(INDEX($D$3:$AA$30,INDEX(Jesper!$R$2:$R$366,ROW(INDEX(Jesper!AK$2:AK$366,ROUNDDOWN($C3644/24,0)+1,1))-1)+IF('Standard Profiles'!$G$21=$B$10,7,0)+IF('Standard Profiles'!$G$21=$B$17,14,0)+IF('Standard Profiles'!$G$21=$B$24,21,0),0)),0)</f>
        <v>0</v>
      </c>
      <c r="H3644" cm="1">
        <f t="array" ref="H3644">IFERROR(INDEX(Jesper!AL$2:AL$366,ROUNDDOWN($C3644/24,0)+1,1)*INDEX($D$3:$AA$30,INDEX(Jesper!$R$2:$R$366,ROW(INDEX(Jesper!AL$2:AL$366,ROUNDDOWN($C3644/24,0)+1,1))-1)+IF('Standard Profiles'!$G$22=$B$10,7,0)+IF('Standard Profiles'!$G$22=$B$17,14,0)+IF('Standard Profiles'!$G$22=$B$24,21,0),MOD($C3644,24)+1)/SUM(INDEX($D$3:$AA$30,INDEX(Jesper!$R$2:$R$366,ROW(INDEX(Jesper!AL$2:AL$366,ROUNDDOWN($C3644/24,0)+1,1))-1)+IF('Standard Profiles'!$G$22=$B$10,7,0)+IF('Standard Profiles'!$G$22=$B$17,14,0)+IF('Standard Profiles'!$G$22=$B$24,21,0),0)),0)</f>
        <v>0</v>
      </c>
      <c r="I3644">
        <f t="shared" si="412"/>
        <v>0.38242644469612019</v>
      </c>
      <c r="J3644">
        <f t="shared" si="413"/>
        <v>1.2747548156537341</v>
      </c>
      <c r="K3644">
        <f t="shared" si="414"/>
        <v>1.9121322234806009</v>
      </c>
      <c r="L3644">
        <f t="shared" si="415"/>
        <v>9.1782346727068838</v>
      </c>
      <c r="M3644">
        <f t="shared" si="416"/>
        <v>0</v>
      </c>
      <c r="N3644" s="46">
        <f t="shared" si="417"/>
        <v>45442.416666657911</v>
      </c>
    </row>
    <row r="3645" spans="2:14" x14ac:dyDescent="0.3">
      <c r="B3645">
        <f t="shared" si="411"/>
        <v>4</v>
      </c>
      <c r="C3645" s="16">
        <v>3611</v>
      </c>
      <c r="D3645" cm="1">
        <f t="array" ref="D3645">IFERROR(INDEX(Jesper!AH$2:AH$366,ROUNDDOWN($C3645/24,0)+1,1)*INDEX($D$3:$AA$30,INDEX(Jesper!$R$2:$R$366,ROW(INDEX(Jesper!AH$2:AH$366,ROUNDDOWN($C3645/24,0)+1,1))-1)+IF('Standard Profiles'!$G$18=$B$10,7,0)+IF('Standard Profiles'!$G$18=$B$17,14,0)+IF('Standard Profiles'!$G$18=$B$24,21,0),MOD($C3645,24)+1)/SUM(INDEX($D$3:$AA$30,INDEX(Jesper!$R$2:$R$366,ROW(INDEX(Jesper!AH$2:AH$366,ROUNDDOWN($C3645/24,0)+1,1))-1)+IF('Standard Profiles'!$G$18=$B$10,7,0)+IF('Standard Profiles'!$G$18=$B$17,14,0)+IF('Standard Profiles'!$G$18=$B$24,21,0),0)),0)</f>
        <v>14.70870941138924</v>
      </c>
      <c r="E3645" cm="1">
        <f t="array" ref="E3645">IFERROR(INDEX(Jesper!AI$2:AI$366,ROUNDDOWN($C3645/24,0)+1,1)*INDEX($D$3:$AA$30,INDEX(Jesper!$R$2:$R$366,ROW(INDEX(Jesper!AI$2:AI$366,ROUNDDOWN($C3645/24,0)+1,1))-1)+IF('Standard Profiles'!$G$19=$B$10,7,0)+IF('Standard Profiles'!$G$19=$B$17,14,0)+IF('Standard Profiles'!$G$19=$B$24,21,0),MOD($C3645,24)+1)/SUM(INDEX($D$3:$AA$30,INDEX(Jesper!$R$2:$R$366,ROW(INDEX(Jesper!AI$2:AI$366,ROUNDDOWN($C3645/24,0)+1,1))-1)+IF('Standard Profiles'!$G$19=$B$10,7,0)+IF('Standard Profiles'!$G$19=$B$17,14,0)+IF('Standard Profiles'!$G$19=$B$24,21,0),0)),0)</f>
        <v>0</v>
      </c>
      <c r="F3645" cm="1">
        <f t="array" ref="F3645">IFERROR(INDEX(Jesper!AJ$2:AJ$366,ROUNDDOWN($C3645/24,0)+1,1)*INDEX($D$3:$AA$30,INDEX(Jesper!$R$2:$R$366,ROW(INDEX(Jesper!AJ$2:AJ$366,ROUNDDOWN($C3645/24,0)+1,1))-1)+IF('Standard Profiles'!$G$20=$B$10,7,0)+IF('Standard Profiles'!$G$20=$B$17,14,0)+IF('Standard Profiles'!$G$20=$B$24,21,0),MOD($C3645,24)+1)/SUM(INDEX($D$3:$AA$30,INDEX(Jesper!$R$2:$R$366,ROW(INDEX(Jesper!AJ$2:AJ$366,ROUNDDOWN($C3645/24,0)+1,1))-1)+IF('Standard Profiles'!$G$20=$B$10,7,0)+IF('Standard Profiles'!$G$20=$B$17,14,0)+IF('Standard Profiles'!$G$20=$B$24,21,0),0)),0)</f>
        <v>0</v>
      </c>
      <c r="G3645" cm="1">
        <f t="array" ref="G3645">IFERROR(INDEX(Jesper!AK$2:AK$366,ROUNDDOWN($C3645/24,0)+1,1)*INDEX($D$3:$AA$30,INDEX(Jesper!$R$2:$R$366,ROW(INDEX(Jesper!AK$2:AK$366,ROUNDDOWN($C3645/24,0)+1,1))-1)+IF('Standard Profiles'!$G$21=$B$10,7,0)+IF('Standard Profiles'!$G$21=$B$17,14,0)+IF('Standard Profiles'!$G$21=$B$24,21,0),MOD($C3645,24)+1)/SUM(INDEX($D$3:$AA$30,INDEX(Jesper!$R$2:$R$366,ROW(INDEX(Jesper!AK$2:AK$366,ROUNDDOWN($C3645/24,0)+1,1))-1)+IF('Standard Profiles'!$G$21=$B$10,7,0)+IF('Standard Profiles'!$G$21=$B$17,14,0)+IF('Standard Profiles'!$G$21=$B$24,21,0),0)),0)</f>
        <v>0</v>
      </c>
      <c r="H3645" cm="1">
        <f t="array" ref="H3645">IFERROR(INDEX(Jesper!AL$2:AL$366,ROUNDDOWN($C3645/24,0)+1,1)*INDEX($D$3:$AA$30,INDEX(Jesper!$R$2:$R$366,ROW(INDEX(Jesper!AL$2:AL$366,ROUNDDOWN($C3645/24,0)+1,1))-1)+IF('Standard Profiles'!$G$22=$B$10,7,0)+IF('Standard Profiles'!$G$22=$B$17,14,0)+IF('Standard Profiles'!$G$22=$B$24,21,0),MOD($C3645,24)+1)/SUM(INDEX($D$3:$AA$30,INDEX(Jesper!$R$2:$R$366,ROW(INDEX(Jesper!AL$2:AL$366,ROUNDDOWN($C3645/24,0)+1,1))-1)+IF('Standard Profiles'!$G$22=$B$10,7,0)+IF('Standard Profiles'!$G$22=$B$17,14,0)+IF('Standard Profiles'!$G$22=$B$24,21,0),0)),0)</f>
        <v>0</v>
      </c>
      <c r="I3645">
        <f t="shared" si="412"/>
        <v>0.44126128234167716</v>
      </c>
      <c r="J3645">
        <f t="shared" si="413"/>
        <v>1.470870941138924</v>
      </c>
      <c r="K3645">
        <f t="shared" si="414"/>
        <v>2.2063064117083857</v>
      </c>
      <c r="L3645">
        <f t="shared" si="415"/>
        <v>10.590270776200253</v>
      </c>
      <c r="M3645">
        <f t="shared" si="416"/>
        <v>0</v>
      </c>
      <c r="N3645" s="46">
        <f t="shared" si="417"/>
        <v>45442.458333324576</v>
      </c>
    </row>
    <row r="3646" spans="2:14" x14ac:dyDescent="0.3">
      <c r="B3646">
        <f t="shared" si="411"/>
        <v>4</v>
      </c>
      <c r="C3646" s="16">
        <v>3612</v>
      </c>
      <c r="D3646" cm="1">
        <f t="array" ref="D3646">IFERROR(INDEX(Jesper!AH$2:AH$366,ROUNDDOWN($C3646/24,0)+1,1)*INDEX($D$3:$AA$30,INDEX(Jesper!$R$2:$R$366,ROW(INDEX(Jesper!AH$2:AH$366,ROUNDDOWN($C3646/24,0)+1,1))-1)+IF('Standard Profiles'!$G$18=$B$10,7,0)+IF('Standard Profiles'!$G$18=$B$17,14,0)+IF('Standard Profiles'!$G$18=$B$24,21,0),MOD($C3646,24)+1)/SUM(INDEX($D$3:$AA$30,INDEX(Jesper!$R$2:$R$366,ROW(INDEX(Jesper!AH$2:AH$366,ROUNDDOWN($C3646/24,0)+1,1))-1)+IF('Standard Profiles'!$G$18=$B$10,7,0)+IF('Standard Profiles'!$G$18=$B$17,14,0)+IF('Standard Profiles'!$G$18=$B$24,21,0),0)),0)</f>
        <v>14.70870941138924</v>
      </c>
      <c r="E3646" cm="1">
        <f t="array" ref="E3646">IFERROR(INDEX(Jesper!AI$2:AI$366,ROUNDDOWN($C3646/24,0)+1,1)*INDEX($D$3:$AA$30,INDEX(Jesper!$R$2:$R$366,ROW(INDEX(Jesper!AI$2:AI$366,ROUNDDOWN($C3646/24,0)+1,1))-1)+IF('Standard Profiles'!$G$19=$B$10,7,0)+IF('Standard Profiles'!$G$19=$B$17,14,0)+IF('Standard Profiles'!$G$19=$B$24,21,0),MOD($C3646,24)+1)/SUM(INDEX($D$3:$AA$30,INDEX(Jesper!$R$2:$R$366,ROW(INDEX(Jesper!AI$2:AI$366,ROUNDDOWN($C3646/24,0)+1,1))-1)+IF('Standard Profiles'!$G$19=$B$10,7,0)+IF('Standard Profiles'!$G$19=$B$17,14,0)+IF('Standard Profiles'!$G$19=$B$24,21,0),0)),0)</f>
        <v>0</v>
      </c>
      <c r="F3646" cm="1">
        <f t="array" ref="F3646">IFERROR(INDEX(Jesper!AJ$2:AJ$366,ROUNDDOWN($C3646/24,0)+1,1)*INDEX($D$3:$AA$30,INDEX(Jesper!$R$2:$R$366,ROW(INDEX(Jesper!AJ$2:AJ$366,ROUNDDOWN($C3646/24,0)+1,1))-1)+IF('Standard Profiles'!$G$20=$B$10,7,0)+IF('Standard Profiles'!$G$20=$B$17,14,0)+IF('Standard Profiles'!$G$20=$B$24,21,0),MOD($C3646,24)+1)/SUM(INDEX($D$3:$AA$30,INDEX(Jesper!$R$2:$R$366,ROW(INDEX(Jesper!AJ$2:AJ$366,ROUNDDOWN($C3646/24,0)+1,1))-1)+IF('Standard Profiles'!$G$20=$B$10,7,0)+IF('Standard Profiles'!$G$20=$B$17,14,0)+IF('Standard Profiles'!$G$20=$B$24,21,0),0)),0)</f>
        <v>0</v>
      </c>
      <c r="G3646" cm="1">
        <f t="array" ref="G3646">IFERROR(INDEX(Jesper!AK$2:AK$366,ROUNDDOWN($C3646/24,0)+1,1)*INDEX($D$3:$AA$30,INDEX(Jesper!$R$2:$R$366,ROW(INDEX(Jesper!AK$2:AK$366,ROUNDDOWN($C3646/24,0)+1,1))-1)+IF('Standard Profiles'!$G$21=$B$10,7,0)+IF('Standard Profiles'!$G$21=$B$17,14,0)+IF('Standard Profiles'!$G$21=$B$24,21,0),MOD($C3646,24)+1)/SUM(INDEX($D$3:$AA$30,INDEX(Jesper!$R$2:$R$366,ROW(INDEX(Jesper!AK$2:AK$366,ROUNDDOWN($C3646/24,0)+1,1))-1)+IF('Standard Profiles'!$G$21=$B$10,7,0)+IF('Standard Profiles'!$G$21=$B$17,14,0)+IF('Standard Profiles'!$G$21=$B$24,21,0),0)),0)</f>
        <v>0</v>
      </c>
      <c r="H3646" cm="1">
        <f t="array" ref="H3646">IFERROR(INDEX(Jesper!AL$2:AL$366,ROUNDDOWN($C3646/24,0)+1,1)*INDEX($D$3:$AA$30,INDEX(Jesper!$R$2:$R$366,ROW(INDEX(Jesper!AL$2:AL$366,ROUNDDOWN($C3646/24,0)+1,1))-1)+IF('Standard Profiles'!$G$22=$B$10,7,0)+IF('Standard Profiles'!$G$22=$B$17,14,0)+IF('Standard Profiles'!$G$22=$B$24,21,0),MOD($C3646,24)+1)/SUM(INDEX($D$3:$AA$30,INDEX(Jesper!$R$2:$R$366,ROW(INDEX(Jesper!AL$2:AL$366,ROUNDDOWN($C3646/24,0)+1,1))-1)+IF('Standard Profiles'!$G$22=$B$10,7,0)+IF('Standard Profiles'!$G$22=$B$17,14,0)+IF('Standard Profiles'!$G$22=$B$24,21,0),0)),0)</f>
        <v>0</v>
      </c>
      <c r="I3646">
        <f t="shared" si="412"/>
        <v>0.44126128234167716</v>
      </c>
      <c r="J3646">
        <f t="shared" si="413"/>
        <v>1.470870941138924</v>
      </c>
      <c r="K3646">
        <f t="shared" si="414"/>
        <v>2.2063064117083857</v>
      </c>
      <c r="L3646">
        <f t="shared" si="415"/>
        <v>10.590270776200253</v>
      </c>
      <c r="M3646">
        <f t="shared" si="416"/>
        <v>0</v>
      </c>
      <c r="N3646" s="46">
        <f t="shared" si="417"/>
        <v>45442.49999999124</v>
      </c>
    </row>
    <row r="3647" spans="2:14" x14ac:dyDescent="0.3">
      <c r="B3647">
        <f t="shared" si="411"/>
        <v>4</v>
      </c>
      <c r="C3647" s="16">
        <v>3613</v>
      </c>
      <c r="D3647" cm="1">
        <f t="array" ref="D3647">IFERROR(INDEX(Jesper!AH$2:AH$366,ROUNDDOWN($C3647/24,0)+1,1)*INDEX($D$3:$AA$30,INDEX(Jesper!$R$2:$R$366,ROW(INDEX(Jesper!AH$2:AH$366,ROUNDDOWN($C3647/24,0)+1,1))-1)+IF('Standard Profiles'!$G$18=$B$10,7,0)+IF('Standard Profiles'!$G$18=$B$17,14,0)+IF('Standard Profiles'!$G$18=$B$24,21,0),MOD($C3647,24)+1)/SUM(INDEX($D$3:$AA$30,INDEX(Jesper!$R$2:$R$366,ROW(INDEX(Jesper!AH$2:AH$366,ROUNDDOWN($C3647/24,0)+1,1))-1)+IF('Standard Profiles'!$G$18=$B$10,7,0)+IF('Standard Profiles'!$G$18=$B$17,14,0)+IF('Standard Profiles'!$G$18=$B$24,21,0),0)),0)</f>
        <v>14.70870941138924</v>
      </c>
      <c r="E3647" cm="1">
        <f t="array" ref="E3647">IFERROR(INDEX(Jesper!AI$2:AI$366,ROUNDDOWN($C3647/24,0)+1,1)*INDEX($D$3:$AA$30,INDEX(Jesper!$R$2:$R$366,ROW(INDEX(Jesper!AI$2:AI$366,ROUNDDOWN($C3647/24,0)+1,1))-1)+IF('Standard Profiles'!$G$19=$B$10,7,0)+IF('Standard Profiles'!$G$19=$B$17,14,0)+IF('Standard Profiles'!$G$19=$B$24,21,0),MOD($C3647,24)+1)/SUM(INDEX($D$3:$AA$30,INDEX(Jesper!$R$2:$R$366,ROW(INDEX(Jesper!AI$2:AI$366,ROUNDDOWN($C3647/24,0)+1,1))-1)+IF('Standard Profiles'!$G$19=$B$10,7,0)+IF('Standard Profiles'!$G$19=$B$17,14,0)+IF('Standard Profiles'!$G$19=$B$24,21,0),0)),0)</f>
        <v>0</v>
      </c>
      <c r="F3647" cm="1">
        <f t="array" ref="F3647">IFERROR(INDEX(Jesper!AJ$2:AJ$366,ROUNDDOWN($C3647/24,0)+1,1)*INDEX($D$3:$AA$30,INDEX(Jesper!$R$2:$R$366,ROW(INDEX(Jesper!AJ$2:AJ$366,ROUNDDOWN($C3647/24,0)+1,1))-1)+IF('Standard Profiles'!$G$20=$B$10,7,0)+IF('Standard Profiles'!$G$20=$B$17,14,0)+IF('Standard Profiles'!$G$20=$B$24,21,0),MOD($C3647,24)+1)/SUM(INDEX($D$3:$AA$30,INDEX(Jesper!$R$2:$R$366,ROW(INDEX(Jesper!AJ$2:AJ$366,ROUNDDOWN($C3647/24,0)+1,1))-1)+IF('Standard Profiles'!$G$20=$B$10,7,0)+IF('Standard Profiles'!$G$20=$B$17,14,0)+IF('Standard Profiles'!$G$20=$B$24,21,0),0)),0)</f>
        <v>0</v>
      </c>
      <c r="G3647" cm="1">
        <f t="array" ref="G3647">IFERROR(INDEX(Jesper!AK$2:AK$366,ROUNDDOWN($C3647/24,0)+1,1)*INDEX($D$3:$AA$30,INDEX(Jesper!$R$2:$R$366,ROW(INDEX(Jesper!AK$2:AK$366,ROUNDDOWN($C3647/24,0)+1,1))-1)+IF('Standard Profiles'!$G$21=$B$10,7,0)+IF('Standard Profiles'!$G$21=$B$17,14,0)+IF('Standard Profiles'!$G$21=$B$24,21,0),MOD($C3647,24)+1)/SUM(INDEX($D$3:$AA$30,INDEX(Jesper!$R$2:$R$366,ROW(INDEX(Jesper!AK$2:AK$366,ROUNDDOWN($C3647/24,0)+1,1))-1)+IF('Standard Profiles'!$G$21=$B$10,7,0)+IF('Standard Profiles'!$G$21=$B$17,14,0)+IF('Standard Profiles'!$G$21=$B$24,21,0),0)),0)</f>
        <v>0</v>
      </c>
      <c r="H3647" cm="1">
        <f t="array" ref="H3647">IFERROR(INDEX(Jesper!AL$2:AL$366,ROUNDDOWN($C3647/24,0)+1,1)*INDEX($D$3:$AA$30,INDEX(Jesper!$R$2:$R$366,ROW(INDEX(Jesper!AL$2:AL$366,ROUNDDOWN($C3647/24,0)+1,1))-1)+IF('Standard Profiles'!$G$22=$B$10,7,0)+IF('Standard Profiles'!$G$22=$B$17,14,0)+IF('Standard Profiles'!$G$22=$B$24,21,0),MOD($C3647,24)+1)/SUM(INDEX($D$3:$AA$30,INDEX(Jesper!$R$2:$R$366,ROW(INDEX(Jesper!AL$2:AL$366,ROUNDDOWN($C3647/24,0)+1,1))-1)+IF('Standard Profiles'!$G$22=$B$10,7,0)+IF('Standard Profiles'!$G$22=$B$17,14,0)+IF('Standard Profiles'!$G$22=$B$24,21,0),0)),0)</f>
        <v>0</v>
      </c>
      <c r="I3647">
        <f t="shared" si="412"/>
        <v>0.44126128234167716</v>
      </c>
      <c r="J3647">
        <f t="shared" si="413"/>
        <v>1.470870941138924</v>
      </c>
      <c r="K3647">
        <f t="shared" si="414"/>
        <v>2.2063064117083857</v>
      </c>
      <c r="L3647">
        <f t="shared" si="415"/>
        <v>10.590270776200253</v>
      </c>
      <c r="M3647">
        <f t="shared" si="416"/>
        <v>0</v>
      </c>
      <c r="N3647" s="46">
        <f t="shared" si="417"/>
        <v>45442.541666657904</v>
      </c>
    </row>
    <row r="3648" spans="2:14" x14ac:dyDescent="0.3">
      <c r="B3648">
        <f t="shared" si="411"/>
        <v>4</v>
      </c>
      <c r="C3648" s="16">
        <v>3614</v>
      </c>
      <c r="D3648" cm="1">
        <f t="array" ref="D3648">IFERROR(INDEX(Jesper!AH$2:AH$366,ROUNDDOWN($C3648/24,0)+1,1)*INDEX($D$3:$AA$30,INDEX(Jesper!$R$2:$R$366,ROW(INDEX(Jesper!AH$2:AH$366,ROUNDDOWN($C3648/24,0)+1,1))-1)+IF('Standard Profiles'!$G$18=$B$10,7,0)+IF('Standard Profiles'!$G$18=$B$17,14,0)+IF('Standard Profiles'!$G$18=$B$24,21,0),MOD($C3648,24)+1)/SUM(INDEX($D$3:$AA$30,INDEX(Jesper!$R$2:$R$366,ROW(INDEX(Jesper!AH$2:AH$366,ROUNDDOWN($C3648/24,0)+1,1))-1)+IF('Standard Profiles'!$G$18=$B$10,7,0)+IF('Standard Profiles'!$G$18=$B$17,14,0)+IF('Standard Profiles'!$G$18=$B$24,21,0),0)),0)</f>
        <v>14.70870941138924</v>
      </c>
      <c r="E3648" cm="1">
        <f t="array" ref="E3648">IFERROR(INDEX(Jesper!AI$2:AI$366,ROUNDDOWN($C3648/24,0)+1,1)*INDEX($D$3:$AA$30,INDEX(Jesper!$R$2:$R$366,ROW(INDEX(Jesper!AI$2:AI$366,ROUNDDOWN($C3648/24,0)+1,1))-1)+IF('Standard Profiles'!$G$19=$B$10,7,0)+IF('Standard Profiles'!$G$19=$B$17,14,0)+IF('Standard Profiles'!$G$19=$B$24,21,0),MOD($C3648,24)+1)/SUM(INDEX($D$3:$AA$30,INDEX(Jesper!$R$2:$R$366,ROW(INDEX(Jesper!AI$2:AI$366,ROUNDDOWN($C3648/24,0)+1,1))-1)+IF('Standard Profiles'!$G$19=$B$10,7,0)+IF('Standard Profiles'!$G$19=$B$17,14,0)+IF('Standard Profiles'!$G$19=$B$24,21,0),0)),0)</f>
        <v>0</v>
      </c>
      <c r="F3648" cm="1">
        <f t="array" ref="F3648">IFERROR(INDEX(Jesper!AJ$2:AJ$366,ROUNDDOWN($C3648/24,0)+1,1)*INDEX($D$3:$AA$30,INDEX(Jesper!$R$2:$R$366,ROW(INDEX(Jesper!AJ$2:AJ$366,ROUNDDOWN($C3648/24,0)+1,1))-1)+IF('Standard Profiles'!$G$20=$B$10,7,0)+IF('Standard Profiles'!$G$20=$B$17,14,0)+IF('Standard Profiles'!$G$20=$B$24,21,0),MOD($C3648,24)+1)/SUM(INDEX($D$3:$AA$30,INDEX(Jesper!$R$2:$R$366,ROW(INDEX(Jesper!AJ$2:AJ$366,ROUNDDOWN($C3648/24,0)+1,1))-1)+IF('Standard Profiles'!$G$20=$B$10,7,0)+IF('Standard Profiles'!$G$20=$B$17,14,0)+IF('Standard Profiles'!$G$20=$B$24,21,0),0)),0)</f>
        <v>0</v>
      </c>
      <c r="G3648" cm="1">
        <f t="array" ref="G3648">IFERROR(INDEX(Jesper!AK$2:AK$366,ROUNDDOWN($C3648/24,0)+1,1)*INDEX($D$3:$AA$30,INDEX(Jesper!$R$2:$R$366,ROW(INDEX(Jesper!AK$2:AK$366,ROUNDDOWN($C3648/24,0)+1,1))-1)+IF('Standard Profiles'!$G$21=$B$10,7,0)+IF('Standard Profiles'!$G$21=$B$17,14,0)+IF('Standard Profiles'!$G$21=$B$24,21,0),MOD($C3648,24)+1)/SUM(INDEX($D$3:$AA$30,INDEX(Jesper!$R$2:$R$366,ROW(INDEX(Jesper!AK$2:AK$366,ROUNDDOWN($C3648/24,0)+1,1))-1)+IF('Standard Profiles'!$G$21=$B$10,7,0)+IF('Standard Profiles'!$G$21=$B$17,14,0)+IF('Standard Profiles'!$G$21=$B$24,21,0),0)),0)</f>
        <v>0</v>
      </c>
      <c r="H3648" cm="1">
        <f t="array" ref="H3648">IFERROR(INDEX(Jesper!AL$2:AL$366,ROUNDDOWN($C3648/24,0)+1,1)*INDEX($D$3:$AA$30,INDEX(Jesper!$R$2:$R$366,ROW(INDEX(Jesper!AL$2:AL$366,ROUNDDOWN($C3648/24,0)+1,1))-1)+IF('Standard Profiles'!$G$22=$B$10,7,0)+IF('Standard Profiles'!$G$22=$B$17,14,0)+IF('Standard Profiles'!$G$22=$B$24,21,0),MOD($C3648,24)+1)/SUM(INDEX($D$3:$AA$30,INDEX(Jesper!$R$2:$R$366,ROW(INDEX(Jesper!AL$2:AL$366,ROUNDDOWN($C3648/24,0)+1,1))-1)+IF('Standard Profiles'!$G$22=$B$10,7,0)+IF('Standard Profiles'!$G$22=$B$17,14,0)+IF('Standard Profiles'!$G$22=$B$24,21,0),0)),0)</f>
        <v>0</v>
      </c>
      <c r="I3648">
        <f t="shared" si="412"/>
        <v>0.44126128234167716</v>
      </c>
      <c r="J3648">
        <f t="shared" si="413"/>
        <v>1.470870941138924</v>
      </c>
      <c r="K3648">
        <f t="shared" si="414"/>
        <v>2.2063064117083857</v>
      </c>
      <c r="L3648">
        <f t="shared" si="415"/>
        <v>10.590270776200253</v>
      </c>
      <c r="M3648">
        <f t="shared" si="416"/>
        <v>0</v>
      </c>
      <c r="N3648" s="46">
        <f t="shared" si="417"/>
        <v>45442.583333324568</v>
      </c>
    </row>
    <row r="3649" spans="2:14" x14ac:dyDescent="0.3">
      <c r="B3649">
        <f t="shared" si="411"/>
        <v>4</v>
      </c>
      <c r="C3649" s="16">
        <v>3615</v>
      </c>
      <c r="D3649" cm="1">
        <f t="array" ref="D3649">IFERROR(INDEX(Jesper!AH$2:AH$366,ROUNDDOWN($C3649/24,0)+1,1)*INDEX($D$3:$AA$30,INDEX(Jesper!$R$2:$R$366,ROW(INDEX(Jesper!AH$2:AH$366,ROUNDDOWN($C3649/24,0)+1,1))-1)+IF('Standard Profiles'!$G$18=$B$10,7,0)+IF('Standard Profiles'!$G$18=$B$17,14,0)+IF('Standard Profiles'!$G$18=$B$24,21,0),MOD($C3649,24)+1)/SUM(INDEX($D$3:$AA$30,INDEX(Jesper!$R$2:$R$366,ROW(INDEX(Jesper!AH$2:AH$366,ROUNDDOWN($C3649/24,0)+1,1))-1)+IF('Standard Profiles'!$G$18=$B$10,7,0)+IF('Standard Profiles'!$G$18=$B$17,14,0)+IF('Standard Profiles'!$G$18=$B$24,21,0),0)),0)</f>
        <v>14.70870941138924</v>
      </c>
      <c r="E3649" cm="1">
        <f t="array" ref="E3649">IFERROR(INDEX(Jesper!AI$2:AI$366,ROUNDDOWN($C3649/24,0)+1,1)*INDEX($D$3:$AA$30,INDEX(Jesper!$R$2:$R$366,ROW(INDEX(Jesper!AI$2:AI$366,ROUNDDOWN($C3649/24,0)+1,1))-1)+IF('Standard Profiles'!$G$19=$B$10,7,0)+IF('Standard Profiles'!$G$19=$B$17,14,0)+IF('Standard Profiles'!$G$19=$B$24,21,0),MOD($C3649,24)+1)/SUM(INDEX($D$3:$AA$30,INDEX(Jesper!$R$2:$R$366,ROW(INDEX(Jesper!AI$2:AI$366,ROUNDDOWN($C3649/24,0)+1,1))-1)+IF('Standard Profiles'!$G$19=$B$10,7,0)+IF('Standard Profiles'!$G$19=$B$17,14,0)+IF('Standard Profiles'!$G$19=$B$24,21,0),0)),0)</f>
        <v>0</v>
      </c>
      <c r="F3649" cm="1">
        <f t="array" ref="F3649">IFERROR(INDEX(Jesper!AJ$2:AJ$366,ROUNDDOWN($C3649/24,0)+1,1)*INDEX($D$3:$AA$30,INDEX(Jesper!$R$2:$R$366,ROW(INDEX(Jesper!AJ$2:AJ$366,ROUNDDOWN($C3649/24,0)+1,1))-1)+IF('Standard Profiles'!$G$20=$B$10,7,0)+IF('Standard Profiles'!$G$20=$B$17,14,0)+IF('Standard Profiles'!$G$20=$B$24,21,0),MOD($C3649,24)+1)/SUM(INDEX($D$3:$AA$30,INDEX(Jesper!$R$2:$R$366,ROW(INDEX(Jesper!AJ$2:AJ$366,ROUNDDOWN($C3649/24,0)+1,1))-1)+IF('Standard Profiles'!$G$20=$B$10,7,0)+IF('Standard Profiles'!$G$20=$B$17,14,0)+IF('Standard Profiles'!$G$20=$B$24,21,0),0)),0)</f>
        <v>0</v>
      </c>
      <c r="G3649" cm="1">
        <f t="array" ref="G3649">IFERROR(INDEX(Jesper!AK$2:AK$366,ROUNDDOWN($C3649/24,0)+1,1)*INDEX($D$3:$AA$30,INDEX(Jesper!$R$2:$R$366,ROW(INDEX(Jesper!AK$2:AK$366,ROUNDDOWN($C3649/24,0)+1,1))-1)+IF('Standard Profiles'!$G$21=$B$10,7,0)+IF('Standard Profiles'!$G$21=$B$17,14,0)+IF('Standard Profiles'!$G$21=$B$24,21,0),MOD($C3649,24)+1)/SUM(INDEX($D$3:$AA$30,INDEX(Jesper!$R$2:$R$366,ROW(INDEX(Jesper!AK$2:AK$366,ROUNDDOWN($C3649/24,0)+1,1))-1)+IF('Standard Profiles'!$G$21=$B$10,7,0)+IF('Standard Profiles'!$G$21=$B$17,14,0)+IF('Standard Profiles'!$G$21=$B$24,21,0),0)),0)</f>
        <v>0</v>
      </c>
      <c r="H3649" cm="1">
        <f t="array" ref="H3649">IFERROR(INDEX(Jesper!AL$2:AL$366,ROUNDDOWN($C3649/24,0)+1,1)*INDEX($D$3:$AA$30,INDEX(Jesper!$R$2:$R$366,ROW(INDEX(Jesper!AL$2:AL$366,ROUNDDOWN($C3649/24,0)+1,1))-1)+IF('Standard Profiles'!$G$22=$B$10,7,0)+IF('Standard Profiles'!$G$22=$B$17,14,0)+IF('Standard Profiles'!$G$22=$B$24,21,0),MOD($C3649,24)+1)/SUM(INDEX($D$3:$AA$30,INDEX(Jesper!$R$2:$R$366,ROW(INDEX(Jesper!AL$2:AL$366,ROUNDDOWN($C3649/24,0)+1,1))-1)+IF('Standard Profiles'!$G$22=$B$10,7,0)+IF('Standard Profiles'!$G$22=$B$17,14,0)+IF('Standard Profiles'!$G$22=$B$24,21,0),0)),0)</f>
        <v>0</v>
      </c>
      <c r="I3649">
        <f t="shared" si="412"/>
        <v>0.44126128234167716</v>
      </c>
      <c r="J3649">
        <f t="shared" si="413"/>
        <v>1.470870941138924</v>
      </c>
      <c r="K3649">
        <f t="shared" si="414"/>
        <v>2.2063064117083857</v>
      </c>
      <c r="L3649">
        <f t="shared" si="415"/>
        <v>10.590270776200253</v>
      </c>
      <c r="M3649">
        <f t="shared" si="416"/>
        <v>0</v>
      </c>
      <c r="N3649" s="46">
        <f t="shared" si="417"/>
        <v>45442.624999991232</v>
      </c>
    </row>
    <row r="3650" spans="2:14" x14ac:dyDescent="0.3">
      <c r="B3650">
        <f t="shared" si="411"/>
        <v>4</v>
      </c>
      <c r="C3650" s="16">
        <v>3616</v>
      </c>
      <c r="D3650" cm="1">
        <f t="array" ref="D3650">IFERROR(INDEX(Jesper!AH$2:AH$366,ROUNDDOWN($C3650/24,0)+1,1)*INDEX($D$3:$AA$30,INDEX(Jesper!$R$2:$R$366,ROW(INDEX(Jesper!AH$2:AH$366,ROUNDDOWN($C3650/24,0)+1,1))-1)+IF('Standard Profiles'!$G$18=$B$10,7,0)+IF('Standard Profiles'!$G$18=$B$17,14,0)+IF('Standard Profiles'!$G$18=$B$24,21,0),MOD($C3650,24)+1)/SUM(INDEX($D$3:$AA$30,INDEX(Jesper!$R$2:$R$366,ROW(INDEX(Jesper!AH$2:AH$366,ROUNDDOWN($C3650/24,0)+1,1))-1)+IF('Standard Profiles'!$G$18=$B$10,7,0)+IF('Standard Profiles'!$G$18=$B$17,14,0)+IF('Standard Profiles'!$G$18=$B$24,21,0),0)),0)</f>
        <v>14.70870941138924</v>
      </c>
      <c r="E3650" cm="1">
        <f t="array" ref="E3650">IFERROR(INDEX(Jesper!AI$2:AI$366,ROUNDDOWN($C3650/24,0)+1,1)*INDEX($D$3:$AA$30,INDEX(Jesper!$R$2:$R$366,ROW(INDEX(Jesper!AI$2:AI$366,ROUNDDOWN($C3650/24,0)+1,1))-1)+IF('Standard Profiles'!$G$19=$B$10,7,0)+IF('Standard Profiles'!$G$19=$B$17,14,0)+IF('Standard Profiles'!$G$19=$B$24,21,0),MOD($C3650,24)+1)/SUM(INDEX($D$3:$AA$30,INDEX(Jesper!$R$2:$R$366,ROW(INDEX(Jesper!AI$2:AI$366,ROUNDDOWN($C3650/24,0)+1,1))-1)+IF('Standard Profiles'!$G$19=$B$10,7,0)+IF('Standard Profiles'!$G$19=$B$17,14,0)+IF('Standard Profiles'!$G$19=$B$24,21,0),0)),0)</f>
        <v>0</v>
      </c>
      <c r="F3650" cm="1">
        <f t="array" ref="F3650">IFERROR(INDEX(Jesper!AJ$2:AJ$366,ROUNDDOWN($C3650/24,0)+1,1)*INDEX($D$3:$AA$30,INDEX(Jesper!$R$2:$R$366,ROW(INDEX(Jesper!AJ$2:AJ$366,ROUNDDOWN($C3650/24,0)+1,1))-1)+IF('Standard Profiles'!$G$20=$B$10,7,0)+IF('Standard Profiles'!$G$20=$B$17,14,0)+IF('Standard Profiles'!$G$20=$B$24,21,0),MOD($C3650,24)+1)/SUM(INDEX($D$3:$AA$30,INDEX(Jesper!$R$2:$R$366,ROW(INDEX(Jesper!AJ$2:AJ$366,ROUNDDOWN($C3650/24,0)+1,1))-1)+IF('Standard Profiles'!$G$20=$B$10,7,0)+IF('Standard Profiles'!$G$20=$B$17,14,0)+IF('Standard Profiles'!$G$20=$B$24,21,0),0)),0)</f>
        <v>0</v>
      </c>
      <c r="G3650" cm="1">
        <f t="array" ref="G3650">IFERROR(INDEX(Jesper!AK$2:AK$366,ROUNDDOWN($C3650/24,0)+1,1)*INDEX($D$3:$AA$30,INDEX(Jesper!$R$2:$R$366,ROW(INDEX(Jesper!AK$2:AK$366,ROUNDDOWN($C3650/24,0)+1,1))-1)+IF('Standard Profiles'!$G$21=$B$10,7,0)+IF('Standard Profiles'!$G$21=$B$17,14,0)+IF('Standard Profiles'!$G$21=$B$24,21,0),MOD($C3650,24)+1)/SUM(INDEX($D$3:$AA$30,INDEX(Jesper!$R$2:$R$366,ROW(INDEX(Jesper!AK$2:AK$366,ROUNDDOWN($C3650/24,0)+1,1))-1)+IF('Standard Profiles'!$G$21=$B$10,7,0)+IF('Standard Profiles'!$G$21=$B$17,14,0)+IF('Standard Profiles'!$G$21=$B$24,21,0),0)),0)</f>
        <v>0</v>
      </c>
      <c r="H3650" cm="1">
        <f t="array" ref="H3650">IFERROR(INDEX(Jesper!AL$2:AL$366,ROUNDDOWN($C3650/24,0)+1,1)*INDEX($D$3:$AA$30,INDEX(Jesper!$R$2:$R$366,ROW(INDEX(Jesper!AL$2:AL$366,ROUNDDOWN($C3650/24,0)+1,1))-1)+IF('Standard Profiles'!$G$22=$B$10,7,0)+IF('Standard Profiles'!$G$22=$B$17,14,0)+IF('Standard Profiles'!$G$22=$B$24,21,0),MOD($C3650,24)+1)/SUM(INDEX($D$3:$AA$30,INDEX(Jesper!$R$2:$R$366,ROW(INDEX(Jesper!AL$2:AL$366,ROUNDDOWN($C3650/24,0)+1,1))-1)+IF('Standard Profiles'!$G$22=$B$10,7,0)+IF('Standard Profiles'!$G$22=$B$17,14,0)+IF('Standard Profiles'!$G$22=$B$24,21,0),0)),0)</f>
        <v>0</v>
      </c>
      <c r="I3650">
        <f t="shared" si="412"/>
        <v>0.44126128234167716</v>
      </c>
      <c r="J3650">
        <f t="shared" si="413"/>
        <v>1.470870941138924</v>
      </c>
      <c r="K3650">
        <f t="shared" si="414"/>
        <v>2.2063064117083857</v>
      </c>
      <c r="L3650">
        <f t="shared" si="415"/>
        <v>10.590270776200253</v>
      </c>
      <c r="M3650">
        <f t="shared" si="416"/>
        <v>0</v>
      </c>
      <c r="N3650" s="46">
        <f t="shared" si="417"/>
        <v>45442.666666657897</v>
      </c>
    </row>
    <row r="3651" spans="2:14" x14ac:dyDescent="0.3">
      <c r="B3651">
        <f t="shared" si="411"/>
        <v>4</v>
      </c>
      <c r="C3651" s="16">
        <v>3617</v>
      </c>
      <c r="D3651" cm="1">
        <f t="array" ref="D3651">IFERROR(INDEX(Jesper!AH$2:AH$366,ROUNDDOWN($C3651/24,0)+1,1)*INDEX($D$3:$AA$30,INDEX(Jesper!$R$2:$R$366,ROW(INDEX(Jesper!AH$2:AH$366,ROUNDDOWN($C3651/24,0)+1,1))-1)+IF('Standard Profiles'!$G$18=$B$10,7,0)+IF('Standard Profiles'!$G$18=$B$17,14,0)+IF('Standard Profiles'!$G$18=$B$24,21,0),MOD($C3651,24)+1)/SUM(INDEX($D$3:$AA$30,INDEX(Jesper!$R$2:$R$366,ROW(INDEX(Jesper!AH$2:AH$366,ROUNDDOWN($C3651/24,0)+1,1))-1)+IF('Standard Profiles'!$G$18=$B$10,7,0)+IF('Standard Profiles'!$G$18=$B$17,14,0)+IF('Standard Profiles'!$G$18=$B$24,21,0),0)),0)</f>
        <v>14.70870941138924</v>
      </c>
      <c r="E3651" cm="1">
        <f t="array" ref="E3651">IFERROR(INDEX(Jesper!AI$2:AI$366,ROUNDDOWN($C3651/24,0)+1,1)*INDEX($D$3:$AA$30,INDEX(Jesper!$R$2:$R$366,ROW(INDEX(Jesper!AI$2:AI$366,ROUNDDOWN($C3651/24,0)+1,1))-1)+IF('Standard Profiles'!$G$19=$B$10,7,0)+IF('Standard Profiles'!$G$19=$B$17,14,0)+IF('Standard Profiles'!$G$19=$B$24,21,0),MOD($C3651,24)+1)/SUM(INDEX($D$3:$AA$30,INDEX(Jesper!$R$2:$R$366,ROW(INDEX(Jesper!AI$2:AI$366,ROUNDDOWN($C3651/24,0)+1,1))-1)+IF('Standard Profiles'!$G$19=$B$10,7,0)+IF('Standard Profiles'!$G$19=$B$17,14,0)+IF('Standard Profiles'!$G$19=$B$24,21,0),0)),0)</f>
        <v>0</v>
      </c>
      <c r="F3651" cm="1">
        <f t="array" ref="F3651">IFERROR(INDEX(Jesper!AJ$2:AJ$366,ROUNDDOWN($C3651/24,0)+1,1)*INDEX($D$3:$AA$30,INDEX(Jesper!$R$2:$R$366,ROW(INDEX(Jesper!AJ$2:AJ$366,ROUNDDOWN($C3651/24,0)+1,1))-1)+IF('Standard Profiles'!$G$20=$B$10,7,0)+IF('Standard Profiles'!$G$20=$B$17,14,0)+IF('Standard Profiles'!$G$20=$B$24,21,0),MOD($C3651,24)+1)/SUM(INDEX($D$3:$AA$30,INDEX(Jesper!$R$2:$R$366,ROW(INDEX(Jesper!AJ$2:AJ$366,ROUNDDOWN($C3651/24,0)+1,1))-1)+IF('Standard Profiles'!$G$20=$B$10,7,0)+IF('Standard Profiles'!$G$20=$B$17,14,0)+IF('Standard Profiles'!$G$20=$B$24,21,0),0)),0)</f>
        <v>0</v>
      </c>
      <c r="G3651" cm="1">
        <f t="array" ref="G3651">IFERROR(INDEX(Jesper!AK$2:AK$366,ROUNDDOWN($C3651/24,0)+1,1)*INDEX($D$3:$AA$30,INDEX(Jesper!$R$2:$R$366,ROW(INDEX(Jesper!AK$2:AK$366,ROUNDDOWN($C3651/24,0)+1,1))-1)+IF('Standard Profiles'!$G$21=$B$10,7,0)+IF('Standard Profiles'!$G$21=$B$17,14,0)+IF('Standard Profiles'!$G$21=$B$24,21,0),MOD($C3651,24)+1)/SUM(INDEX($D$3:$AA$30,INDEX(Jesper!$R$2:$R$366,ROW(INDEX(Jesper!AK$2:AK$366,ROUNDDOWN($C3651/24,0)+1,1))-1)+IF('Standard Profiles'!$G$21=$B$10,7,0)+IF('Standard Profiles'!$G$21=$B$17,14,0)+IF('Standard Profiles'!$G$21=$B$24,21,0),0)),0)</f>
        <v>0</v>
      </c>
      <c r="H3651" cm="1">
        <f t="array" ref="H3651">IFERROR(INDEX(Jesper!AL$2:AL$366,ROUNDDOWN($C3651/24,0)+1,1)*INDEX($D$3:$AA$30,INDEX(Jesper!$R$2:$R$366,ROW(INDEX(Jesper!AL$2:AL$366,ROUNDDOWN($C3651/24,0)+1,1))-1)+IF('Standard Profiles'!$G$22=$B$10,7,0)+IF('Standard Profiles'!$G$22=$B$17,14,0)+IF('Standard Profiles'!$G$22=$B$24,21,0),MOD($C3651,24)+1)/SUM(INDEX($D$3:$AA$30,INDEX(Jesper!$R$2:$R$366,ROW(INDEX(Jesper!AL$2:AL$366,ROUNDDOWN($C3651/24,0)+1,1))-1)+IF('Standard Profiles'!$G$22=$B$10,7,0)+IF('Standard Profiles'!$G$22=$B$17,14,0)+IF('Standard Profiles'!$G$22=$B$24,21,0),0)),0)</f>
        <v>0</v>
      </c>
      <c r="I3651">
        <f t="shared" si="412"/>
        <v>0.44126128234167716</v>
      </c>
      <c r="J3651">
        <f t="shared" si="413"/>
        <v>1.470870941138924</v>
      </c>
      <c r="K3651">
        <f t="shared" si="414"/>
        <v>2.2063064117083857</v>
      </c>
      <c r="L3651">
        <f t="shared" si="415"/>
        <v>10.590270776200253</v>
      </c>
      <c r="M3651">
        <f t="shared" si="416"/>
        <v>0</v>
      </c>
      <c r="N3651" s="46">
        <f t="shared" si="417"/>
        <v>45442.708333324561</v>
      </c>
    </row>
    <row r="3652" spans="2:14" x14ac:dyDescent="0.3">
      <c r="B3652">
        <f t="shared" si="411"/>
        <v>4</v>
      </c>
      <c r="C3652" s="16">
        <v>3618</v>
      </c>
      <c r="D3652" cm="1">
        <f t="array" ref="D3652">IFERROR(INDEX(Jesper!AH$2:AH$366,ROUNDDOWN($C3652/24,0)+1,1)*INDEX($D$3:$AA$30,INDEX(Jesper!$R$2:$R$366,ROW(INDEX(Jesper!AH$2:AH$366,ROUNDDOWN($C3652/24,0)+1,1))-1)+IF('Standard Profiles'!$G$18=$B$10,7,0)+IF('Standard Profiles'!$G$18=$B$17,14,0)+IF('Standard Profiles'!$G$18=$B$24,21,0),MOD($C3652,24)+1)/SUM(INDEX($D$3:$AA$30,INDEX(Jesper!$R$2:$R$366,ROW(INDEX(Jesper!AH$2:AH$366,ROUNDDOWN($C3652/24,0)+1,1))-1)+IF('Standard Profiles'!$G$18=$B$10,7,0)+IF('Standard Profiles'!$G$18=$B$17,14,0)+IF('Standard Profiles'!$G$18=$B$24,21,0),0)),0)</f>
        <v>14.70870941138924</v>
      </c>
      <c r="E3652" cm="1">
        <f t="array" ref="E3652">IFERROR(INDEX(Jesper!AI$2:AI$366,ROUNDDOWN($C3652/24,0)+1,1)*INDEX($D$3:$AA$30,INDEX(Jesper!$R$2:$R$366,ROW(INDEX(Jesper!AI$2:AI$366,ROUNDDOWN($C3652/24,0)+1,1))-1)+IF('Standard Profiles'!$G$19=$B$10,7,0)+IF('Standard Profiles'!$G$19=$B$17,14,0)+IF('Standard Profiles'!$G$19=$B$24,21,0),MOD($C3652,24)+1)/SUM(INDEX($D$3:$AA$30,INDEX(Jesper!$R$2:$R$366,ROW(INDEX(Jesper!AI$2:AI$366,ROUNDDOWN($C3652/24,0)+1,1))-1)+IF('Standard Profiles'!$G$19=$B$10,7,0)+IF('Standard Profiles'!$G$19=$B$17,14,0)+IF('Standard Profiles'!$G$19=$B$24,21,0),0)),0)</f>
        <v>0</v>
      </c>
      <c r="F3652" cm="1">
        <f t="array" ref="F3652">IFERROR(INDEX(Jesper!AJ$2:AJ$366,ROUNDDOWN($C3652/24,0)+1,1)*INDEX($D$3:$AA$30,INDEX(Jesper!$R$2:$R$366,ROW(INDEX(Jesper!AJ$2:AJ$366,ROUNDDOWN($C3652/24,0)+1,1))-1)+IF('Standard Profiles'!$G$20=$B$10,7,0)+IF('Standard Profiles'!$G$20=$B$17,14,0)+IF('Standard Profiles'!$G$20=$B$24,21,0),MOD($C3652,24)+1)/SUM(INDEX($D$3:$AA$30,INDEX(Jesper!$R$2:$R$366,ROW(INDEX(Jesper!AJ$2:AJ$366,ROUNDDOWN($C3652/24,0)+1,1))-1)+IF('Standard Profiles'!$G$20=$B$10,7,0)+IF('Standard Profiles'!$G$20=$B$17,14,0)+IF('Standard Profiles'!$G$20=$B$24,21,0),0)),0)</f>
        <v>0</v>
      </c>
      <c r="G3652" cm="1">
        <f t="array" ref="G3652">IFERROR(INDEX(Jesper!AK$2:AK$366,ROUNDDOWN($C3652/24,0)+1,1)*INDEX($D$3:$AA$30,INDEX(Jesper!$R$2:$R$366,ROW(INDEX(Jesper!AK$2:AK$366,ROUNDDOWN($C3652/24,0)+1,1))-1)+IF('Standard Profiles'!$G$21=$B$10,7,0)+IF('Standard Profiles'!$G$21=$B$17,14,0)+IF('Standard Profiles'!$G$21=$B$24,21,0),MOD($C3652,24)+1)/SUM(INDEX($D$3:$AA$30,INDEX(Jesper!$R$2:$R$366,ROW(INDEX(Jesper!AK$2:AK$366,ROUNDDOWN($C3652/24,0)+1,1))-1)+IF('Standard Profiles'!$G$21=$B$10,7,0)+IF('Standard Profiles'!$G$21=$B$17,14,0)+IF('Standard Profiles'!$G$21=$B$24,21,0),0)),0)</f>
        <v>0</v>
      </c>
      <c r="H3652" cm="1">
        <f t="array" ref="H3652">IFERROR(INDEX(Jesper!AL$2:AL$366,ROUNDDOWN($C3652/24,0)+1,1)*INDEX($D$3:$AA$30,INDEX(Jesper!$R$2:$R$366,ROW(INDEX(Jesper!AL$2:AL$366,ROUNDDOWN($C3652/24,0)+1,1))-1)+IF('Standard Profiles'!$G$22=$B$10,7,0)+IF('Standard Profiles'!$G$22=$B$17,14,0)+IF('Standard Profiles'!$G$22=$B$24,21,0),MOD($C3652,24)+1)/SUM(INDEX($D$3:$AA$30,INDEX(Jesper!$R$2:$R$366,ROW(INDEX(Jesper!AL$2:AL$366,ROUNDDOWN($C3652/24,0)+1,1))-1)+IF('Standard Profiles'!$G$22=$B$10,7,0)+IF('Standard Profiles'!$G$22=$B$17,14,0)+IF('Standard Profiles'!$G$22=$B$24,21,0),0)),0)</f>
        <v>0</v>
      </c>
      <c r="I3652">
        <f t="shared" si="412"/>
        <v>0.44126128234167716</v>
      </c>
      <c r="J3652">
        <f t="shared" si="413"/>
        <v>1.470870941138924</v>
      </c>
      <c r="K3652">
        <f t="shared" si="414"/>
        <v>2.2063064117083857</v>
      </c>
      <c r="L3652">
        <f t="shared" si="415"/>
        <v>10.590270776200253</v>
      </c>
      <c r="M3652">
        <f t="shared" si="416"/>
        <v>0</v>
      </c>
      <c r="N3652" s="46">
        <f t="shared" si="417"/>
        <v>45442.749999991225</v>
      </c>
    </row>
    <row r="3653" spans="2:14" x14ac:dyDescent="0.3">
      <c r="B3653">
        <f t="shared" si="411"/>
        <v>4</v>
      </c>
      <c r="C3653" s="16">
        <v>3619</v>
      </c>
      <c r="D3653" cm="1">
        <f t="array" ref="D3653">IFERROR(INDEX(Jesper!AH$2:AH$366,ROUNDDOWN($C3653/24,0)+1,1)*INDEX($D$3:$AA$30,INDEX(Jesper!$R$2:$R$366,ROW(INDEX(Jesper!AH$2:AH$366,ROUNDDOWN($C3653/24,0)+1,1))-1)+IF('Standard Profiles'!$G$18=$B$10,7,0)+IF('Standard Profiles'!$G$18=$B$17,14,0)+IF('Standard Profiles'!$G$18=$B$24,21,0),MOD($C3653,24)+1)/SUM(INDEX($D$3:$AA$30,INDEX(Jesper!$R$2:$R$366,ROW(INDEX(Jesper!AH$2:AH$366,ROUNDDOWN($C3653/24,0)+1,1))-1)+IF('Standard Profiles'!$G$18=$B$10,7,0)+IF('Standard Profiles'!$G$18=$B$17,14,0)+IF('Standard Profiles'!$G$18=$B$24,21,0),0)),0)</f>
        <v>12.257257842824368</v>
      </c>
      <c r="E3653" cm="1">
        <f t="array" ref="E3653">IFERROR(INDEX(Jesper!AI$2:AI$366,ROUNDDOWN($C3653/24,0)+1,1)*INDEX($D$3:$AA$30,INDEX(Jesper!$R$2:$R$366,ROW(INDEX(Jesper!AI$2:AI$366,ROUNDDOWN($C3653/24,0)+1,1))-1)+IF('Standard Profiles'!$G$19=$B$10,7,0)+IF('Standard Profiles'!$G$19=$B$17,14,0)+IF('Standard Profiles'!$G$19=$B$24,21,0),MOD($C3653,24)+1)/SUM(INDEX($D$3:$AA$30,INDEX(Jesper!$R$2:$R$366,ROW(INDEX(Jesper!AI$2:AI$366,ROUNDDOWN($C3653/24,0)+1,1))-1)+IF('Standard Profiles'!$G$19=$B$10,7,0)+IF('Standard Profiles'!$G$19=$B$17,14,0)+IF('Standard Profiles'!$G$19=$B$24,21,0),0)),0)</f>
        <v>0</v>
      </c>
      <c r="F3653" cm="1">
        <f t="array" ref="F3653">IFERROR(INDEX(Jesper!AJ$2:AJ$366,ROUNDDOWN($C3653/24,0)+1,1)*INDEX($D$3:$AA$30,INDEX(Jesper!$R$2:$R$366,ROW(INDEX(Jesper!AJ$2:AJ$366,ROUNDDOWN($C3653/24,0)+1,1))-1)+IF('Standard Profiles'!$G$20=$B$10,7,0)+IF('Standard Profiles'!$G$20=$B$17,14,0)+IF('Standard Profiles'!$G$20=$B$24,21,0),MOD($C3653,24)+1)/SUM(INDEX($D$3:$AA$30,INDEX(Jesper!$R$2:$R$366,ROW(INDEX(Jesper!AJ$2:AJ$366,ROUNDDOWN($C3653/24,0)+1,1))-1)+IF('Standard Profiles'!$G$20=$B$10,7,0)+IF('Standard Profiles'!$G$20=$B$17,14,0)+IF('Standard Profiles'!$G$20=$B$24,21,0),0)),0)</f>
        <v>0</v>
      </c>
      <c r="G3653" cm="1">
        <f t="array" ref="G3653">IFERROR(INDEX(Jesper!AK$2:AK$366,ROUNDDOWN($C3653/24,0)+1,1)*INDEX($D$3:$AA$30,INDEX(Jesper!$R$2:$R$366,ROW(INDEX(Jesper!AK$2:AK$366,ROUNDDOWN($C3653/24,0)+1,1))-1)+IF('Standard Profiles'!$G$21=$B$10,7,0)+IF('Standard Profiles'!$G$21=$B$17,14,0)+IF('Standard Profiles'!$G$21=$B$24,21,0),MOD($C3653,24)+1)/SUM(INDEX($D$3:$AA$30,INDEX(Jesper!$R$2:$R$366,ROW(INDEX(Jesper!AK$2:AK$366,ROUNDDOWN($C3653/24,0)+1,1))-1)+IF('Standard Profiles'!$G$21=$B$10,7,0)+IF('Standard Profiles'!$G$21=$B$17,14,0)+IF('Standard Profiles'!$G$21=$B$24,21,0),0)),0)</f>
        <v>0</v>
      </c>
      <c r="H3653" cm="1">
        <f t="array" ref="H3653">IFERROR(INDEX(Jesper!AL$2:AL$366,ROUNDDOWN($C3653/24,0)+1,1)*INDEX($D$3:$AA$30,INDEX(Jesper!$R$2:$R$366,ROW(INDEX(Jesper!AL$2:AL$366,ROUNDDOWN($C3653/24,0)+1,1))-1)+IF('Standard Profiles'!$G$22=$B$10,7,0)+IF('Standard Profiles'!$G$22=$B$17,14,0)+IF('Standard Profiles'!$G$22=$B$24,21,0),MOD($C3653,24)+1)/SUM(INDEX($D$3:$AA$30,INDEX(Jesper!$R$2:$R$366,ROW(INDEX(Jesper!AL$2:AL$366,ROUNDDOWN($C3653/24,0)+1,1))-1)+IF('Standard Profiles'!$G$22=$B$10,7,0)+IF('Standard Profiles'!$G$22=$B$17,14,0)+IF('Standard Profiles'!$G$22=$B$24,21,0),0)),0)</f>
        <v>0</v>
      </c>
      <c r="I3653">
        <f t="shared" si="412"/>
        <v>0.36771773528473101</v>
      </c>
      <c r="J3653">
        <f t="shared" si="413"/>
        <v>1.2257257842824369</v>
      </c>
      <c r="K3653">
        <f t="shared" si="414"/>
        <v>1.838588676423655</v>
      </c>
      <c r="L3653">
        <f t="shared" si="415"/>
        <v>8.8252256468335446</v>
      </c>
      <c r="M3653">
        <f t="shared" si="416"/>
        <v>0</v>
      </c>
      <c r="N3653" s="46">
        <f t="shared" si="417"/>
        <v>45442.791666657889</v>
      </c>
    </row>
    <row r="3654" spans="2:14" x14ac:dyDescent="0.3">
      <c r="B3654">
        <f t="shared" si="411"/>
        <v>4</v>
      </c>
      <c r="C3654" s="16">
        <v>3620</v>
      </c>
      <c r="D3654" cm="1">
        <f t="array" ref="D3654">IFERROR(INDEX(Jesper!AH$2:AH$366,ROUNDDOWN($C3654/24,0)+1,1)*INDEX($D$3:$AA$30,INDEX(Jesper!$R$2:$R$366,ROW(INDEX(Jesper!AH$2:AH$366,ROUNDDOWN($C3654/24,0)+1,1))-1)+IF('Standard Profiles'!$G$18=$B$10,7,0)+IF('Standard Profiles'!$G$18=$B$17,14,0)+IF('Standard Profiles'!$G$18=$B$24,21,0),MOD($C3654,24)+1)/SUM(INDEX($D$3:$AA$30,INDEX(Jesper!$R$2:$R$366,ROW(INDEX(Jesper!AH$2:AH$366,ROUNDDOWN($C3654/24,0)+1,1))-1)+IF('Standard Profiles'!$G$18=$B$10,7,0)+IF('Standard Profiles'!$G$18=$B$17,14,0)+IF('Standard Profiles'!$G$18=$B$24,21,0),0)),0)</f>
        <v>9.8058062742594938</v>
      </c>
      <c r="E3654" cm="1">
        <f t="array" ref="E3654">IFERROR(INDEX(Jesper!AI$2:AI$366,ROUNDDOWN($C3654/24,0)+1,1)*INDEX($D$3:$AA$30,INDEX(Jesper!$R$2:$R$366,ROW(INDEX(Jesper!AI$2:AI$366,ROUNDDOWN($C3654/24,0)+1,1))-1)+IF('Standard Profiles'!$G$19=$B$10,7,0)+IF('Standard Profiles'!$G$19=$B$17,14,0)+IF('Standard Profiles'!$G$19=$B$24,21,0),MOD($C3654,24)+1)/SUM(INDEX($D$3:$AA$30,INDEX(Jesper!$R$2:$R$366,ROW(INDEX(Jesper!AI$2:AI$366,ROUNDDOWN($C3654/24,0)+1,1))-1)+IF('Standard Profiles'!$G$19=$B$10,7,0)+IF('Standard Profiles'!$G$19=$B$17,14,0)+IF('Standard Profiles'!$G$19=$B$24,21,0),0)),0)</f>
        <v>0</v>
      </c>
      <c r="F3654" cm="1">
        <f t="array" ref="F3654">IFERROR(INDEX(Jesper!AJ$2:AJ$366,ROUNDDOWN($C3654/24,0)+1,1)*INDEX($D$3:$AA$30,INDEX(Jesper!$R$2:$R$366,ROW(INDEX(Jesper!AJ$2:AJ$366,ROUNDDOWN($C3654/24,0)+1,1))-1)+IF('Standard Profiles'!$G$20=$B$10,7,0)+IF('Standard Profiles'!$G$20=$B$17,14,0)+IF('Standard Profiles'!$G$20=$B$24,21,0),MOD($C3654,24)+1)/SUM(INDEX($D$3:$AA$30,INDEX(Jesper!$R$2:$R$366,ROW(INDEX(Jesper!AJ$2:AJ$366,ROUNDDOWN($C3654/24,0)+1,1))-1)+IF('Standard Profiles'!$G$20=$B$10,7,0)+IF('Standard Profiles'!$G$20=$B$17,14,0)+IF('Standard Profiles'!$G$20=$B$24,21,0),0)),0)</f>
        <v>0</v>
      </c>
      <c r="G3654" cm="1">
        <f t="array" ref="G3654">IFERROR(INDEX(Jesper!AK$2:AK$366,ROUNDDOWN($C3654/24,0)+1,1)*INDEX($D$3:$AA$30,INDEX(Jesper!$R$2:$R$366,ROW(INDEX(Jesper!AK$2:AK$366,ROUNDDOWN($C3654/24,0)+1,1))-1)+IF('Standard Profiles'!$G$21=$B$10,7,0)+IF('Standard Profiles'!$G$21=$B$17,14,0)+IF('Standard Profiles'!$G$21=$B$24,21,0),MOD($C3654,24)+1)/SUM(INDEX($D$3:$AA$30,INDEX(Jesper!$R$2:$R$366,ROW(INDEX(Jesper!AK$2:AK$366,ROUNDDOWN($C3654/24,0)+1,1))-1)+IF('Standard Profiles'!$G$21=$B$10,7,0)+IF('Standard Profiles'!$G$21=$B$17,14,0)+IF('Standard Profiles'!$G$21=$B$24,21,0),0)),0)</f>
        <v>0</v>
      </c>
      <c r="H3654" cm="1">
        <f t="array" ref="H3654">IFERROR(INDEX(Jesper!AL$2:AL$366,ROUNDDOWN($C3654/24,0)+1,1)*INDEX($D$3:$AA$30,INDEX(Jesper!$R$2:$R$366,ROW(INDEX(Jesper!AL$2:AL$366,ROUNDDOWN($C3654/24,0)+1,1))-1)+IF('Standard Profiles'!$G$22=$B$10,7,0)+IF('Standard Profiles'!$G$22=$B$17,14,0)+IF('Standard Profiles'!$G$22=$B$24,21,0),MOD($C3654,24)+1)/SUM(INDEX($D$3:$AA$30,INDEX(Jesper!$R$2:$R$366,ROW(INDEX(Jesper!AL$2:AL$366,ROUNDDOWN($C3654/24,0)+1,1))-1)+IF('Standard Profiles'!$G$22=$B$10,7,0)+IF('Standard Profiles'!$G$22=$B$17,14,0)+IF('Standard Profiles'!$G$22=$B$24,21,0),0)),0)</f>
        <v>0</v>
      </c>
      <c r="I3654">
        <f t="shared" si="412"/>
        <v>0.29417418822778479</v>
      </c>
      <c r="J3654">
        <f t="shared" si="413"/>
        <v>0.98058062742594942</v>
      </c>
      <c r="K3654">
        <f t="shared" si="414"/>
        <v>1.470870941138924</v>
      </c>
      <c r="L3654">
        <f t="shared" si="415"/>
        <v>7.0601805174668355</v>
      </c>
      <c r="M3654">
        <f t="shared" si="416"/>
        <v>0</v>
      </c>
      <c r="N3654" s="46">
        <f t="shared" si="417"/>
        <v>45442.833333324554</v>
      </c>
    </row>
    <row r="3655" spans="2:14" x14ac:dyDescent="0.3">
      <c r="B3655">
        <f t="shared" si="411"/>
        <v>4</v>
      </c>
      <c r="C3655" s="16">
        <v>3621</v>
      </c>
      <c r="D3655" cm="1">
        <f t="array" ref="D3655">IFERROR(INDEX(Jesper!AH$2:AH$366,ROUNDDOWN($C3655/24,0)+1,1)*INDEX($D$3:$AA$30,INDEX(Jesper!$R$2:$R$366,ROW(INDEX(Jesper!AH$2:AH$366,ROUNDDOWN($C3655/24,0)+1,1))-1)+IF('Standard Profiles'!$G$18=$B$10,7,0)+IF('Standard Profiles'!$G$18=$B$17,14,0)+IF('Standard Profiles'!$G$18=$B$24,21,0),MOD($C3655,24)+1)/SUM(INDEX($D$3:$AA$30,INDEX(Jesper!$R$2:$R$366,ROW(INDEX(Jesper!AH$2:AH$366,ROUNDDOWN($C3655/24,0)+1,1))-1)+IF('Standard Profiles'!$G$18=$B$10,7,0)+IF('Standard Profiles'!$G$18=$B$17,14,0)+IF('Standard Profiles'!$G$18=$B$24,21,0),0)),0)</f>
        <v>7.3543547056946199</v>
      </c>
      <c r="E3655" cm="1">
        <f t="array" ref="E3655">IFERROR(INDEX(Jesper!AI$2:AI$366,ROUNDDOWN($C3655/24,0)+1,1)*INDEX($D$3:$AA$30,INDEX(Jesper!$R$2:$R$366,ROW(INDEX(Jesper!AI$2:AI$366,ROUNDDOWN($C3655/24,0)+1,1))-1)+IF('Standard Profiles'!$G$19=$B$10,7,0)+IF('Standard Profiles'!$G$19=$B$17,14,0)+IF('Standard Profiles'!$G$19=$B$24,21,0),MOD($C3655,24)+1)/SUM(INDEX($D$3:$AA$30,INDEX(Jesper!$R$2:$R$366,ROW(INDEX(Jesper!AI$2:AI$366,ROUNDDOWN($C3655/24,0)+1,1))-1)+IF('Standard Profiles'!$G$19=$B$10,7,0)+IF('Standard Profiles'!$G$19=$B$17,14,0)+IF('Standard Profiles'!$G$19=$B$24,21,0),0)),0)</f>
        <v>0</v>
      </c>
      <c r="F3655" cm="1">
        <f t="array" ref="F3655">IFERROR(INDEX(Jesper!AJ$2:AJ$366,ROUNDDOWN($C3655/24,0)+1,1)*INDEX($D$3:$AA$30,INDEX(Jesper!$R$2:$R$366,ROW(INDEX(Jesper!AJ$2:AJ$366,ROUNDDOWN($C3655/24,0)+1,1))-1)+IF('Standard Profiles'!$G$20=$B$10,7,0)+IF('Standard Profiles'!$G$20=$B$17,14,0)+IF('Standard Profiles'!$G$20=$B$24,21,0),MOD($C3655,24)+1)/SUM(INDEX($D$3:$AA$30,INDEX(Jesper!$R$2:$R$366,ROW(INDEX(Jesper!AJ$2:AJ$366,ROUNDDOWN($C3655/24,0)+1,1))-1)+IF('Standard Profiles'!$G$20=$B$10,7,0)+IF('Standard Profiles'!$G$20=$B$17,14,0)+IF('Standard Profiles'!$G$20=$B$24,21,0),0)),0)</f>
        <v>0</v>
      </c>
      <c r="G3655" cm="1">
        <f t="array" ref="G3655">IFERROR(INDEX(Jesper!AK$2:AK$366,ROUNDDOWN($C3655/24,0)+1,1)*INDEX($D$3:$AA$30,INDEX(Jesper!$R$2:$R$366,ROW(INDEX(Jesper!AK$2:AK$366,ROUNDDOWN($C3655/24,0)+1,1))-1)+IF('Standard Profiles'!$G$21=$B$10,7,0)+IF('Standard Profiles'!$G$21=$B$17,14,0)+IF('Standard Profiles'!$G$21=$B$24,21,0),MOD($C3655,24)+1)/SUM(INDEX($D$3:$AA$30,INDEX(Jesper!$R$2:$R$366,ROW(INDEX(Jesper!AK$2:AK$366,ROUNDDOWN($C3655/24,0)+1,1))-1)+IF('Standard Profiles'!$G$21=$B$10,7,0)+IF('Standard Profiles'!$G$21=$B$17,14,0)+IF('Standard Profiles'!$G$21=$B$24,21,0),0)),0)</f>
        <v>0</v>
      </c>
      <c r="H3655" cm="1">
        <f t="array" ref="H3655">IFERROR(INDEX(Jesper!AL$2:AL$366,ROUNDDOWN($C3655/24,0)+1,1)*INDEX($D$3:$AA$30,INDEX(Jesper!$R$2:$R$366,ROW(INDEX(Jesper!AL$2:AL$366,ROUNDDOWN($C3655/24,0)+1,1))-1)+IF('Standard Profiles'!$G$22=$B$10,7,0)+IF('Standard Profiles'!$G$22=$B$17,14,0)+IF('Standard Profiles'!$G$22=$B$24,21,0),MOD($C3655,24)+1)/SUM(INDEX($D$3:$AA$30,INDEX(Jesper!$R$2:$R$366,ROW(INDEX(Jesper!AL$2:AL$366,ROUNDDOWN($C3655/24,0)+1,1))-1)+IF('Standard Profiles'!$G$22=$B$10,7,0)+IF('Standard Profiles'!$G$22=$B$17,14,0)+IF('Standard Profiles'!$G$22=$B$24,21,0),0)),0)</f>
        <v>0</v>
      </c>
      <c r="I3655">
        <f t="shared" si="412"/>
        <v>0.22063064117083858</v>
      </c>
      <c r="J3655">
        <f t="shared" si="413"/>
        <v>0.73543547056946201</v>
      </c>
      <c r="K3655">
        <f t="shared" si="414"/>
        <v>1.1031532058541929</v>
      </c>
      <c r="L3655">
        <f t="shared" si="415"/>
        <v>5.2951353881001264</v>
      </c>
      <c r="M3655">
        <f t="shared" si="416"/>
        <v>0</v>
      </c>
      <c r="N3655" s="46">
        <f t="shared" si="417"/>
        <v>45442.874999991218</v>
      </c>
    </row>
    <row r="3656" spans="2:14" x14ac:dyDescent="0.3">
      <c r="B3656">
        <f t="shared" si="411"/>
        <v>4</v>
      </c>
      <c r="C3656" s="16">
        <v>3622</v>
      </c>
      <c r="D3656" cm="1">
        <f t="array" ref="D3656">IFERROR(INDEX(Jesper!AH$2:AH$366,ROUNDDOWN($C3656/24,0)+1,1)*INDEX($D$3:$AA$30,INDEX(Jesper!$R$2:$R$366,ROW(INDEX(Jesper!AH$2:AH$366,ROUNDDOWN($C3656/24,0)+1,1))-1)+IF('Standard Profiles'!$G$18=$B$10,7,0)+IF('Standard Profiles'!$G$18=$B$17,14,0)+IF('Standard Profiles'!$G$18=$B$24,21,0),MOD($C3656,24)+1)/SUM(INDEX($D$3:$AA$30,INDEX(Jesper!$R$2:$R$366,ROW(INDEX(Jesper!AH$2:AH$366,ROUNDDOWN($C3656/24,0)+1,1))-1)+IF('Standard Profiles'!$G$18=$B$10,7,0)+IF('Standard Profiles'!$G$18=$B$17,14,0)+IF('Standard Profiles'!$G$18=$B$24,21,0),0)),0)</f>
        <v>7.3543547056946199</v>
      </c>
      <c r="E3656" cm="1">
        <f t="array" ref="E3656">IFERROR(INDEX(Jesper!AI$2:AI$366,ROUNDDOWN($C3656/24,0)+1,1)*INDEX($D$3:$AA$30,INDEX(Jesper!$R$2:$R$366,ROW(INDEX(Jesper!AI$2:AI$366,ROUNDDOWN($C3656/24,0)+1,1))-1)+IF('Standard Profiles'!$G$19=$B$10,7,0)+IF('Standard Profiles'!$G$19=$B$17,14,0)+IF('Standard Profiles'!$G$19=$B$24,21,0),MOD($C3656,24)+1)/SUM(INDEX($D$3:$AA$30,INDEX(Jesper!$R$2:$R$366,ROW(INDEX(Jesper!AI$2:AI$366,ROUNDDOWN($C3656/24,0)+1,1))-1)+IF('Standard Profiles'!$G$19=$B$10,7,0)+IF('Standard Profiles'!$G$19=$B$17,14,0)+IF('Standard Profiles'!$G$19=$B$24,21,0),0)),0)</f>
        <v>0</v>
      </c>
      <c r="F3656" cm="1">
        <f t="array" ref="F3656">IFERROR(INDEX(Jesper!AJ$2:AJ$366,ROUNDDOWN($C3656/24,0)+1,1)*INDEX($D$3:$AA$30,INDEX(Jesper!$R$2:$R$366,ROW(INDEX(Jesper!AJ$2:AJ$366,ROUNDDOWN($C3656/24,0)+1,1))-1)+IF('Standard Profiles'!$G$20=$B$10,7,0)+IF('Standard Profiles'!$G$20=$B$17,14,0)+IF('Standard Profiles'!$G$20=$B$24,21,0),MOD($C3656,24)+1)/SUM(INDEX($D$3:$AA$30,INDEX(Jesper!$R$2:$R$366,ROW(INDEX(Jesper!AJ$2:AJ$366,ROUNDDOWN($C3656/24,0)+1,1))-1)+IF('Standard Profiles'!$G$20=$B$10,7,0)+IF('Standard Profiles'!$G$20=$B$17,14,0)+IF('Standard Profiles'!$G$20=$B$24,21,0),0)),0)</f>
        <v>0</v>
      </c>
      <c r="G3656" cm="1">
        <f t="array" ref="G3656">IFERROR(INDEX(Jesper!AK$2:AK$366,ROUNDDOWN($C3656/24,0)+1,1)*INDEX($D$3:$AA$30,INDEX(Jesper!$R$2:$R$366,ROW(INDEX(Jesper!AK$2:AK$366,ROUNDDOWN($C3656/24,0)+1,1))-1)+IF('Standard Profiles'!$G$21=$B$10,7,0)+IF('Standard Profiles'!$G$21=$B$17,14,0)+IF('Standard Profiles'!$G$21=$B$24,21,0),MOD($C3656,24)+1)/SUM(INDEX($D$3:$AA$30,INDEX(Jesper!$R$2:$R$366,ROW(INDEX(Jesper!AK$2:AK$366,ROUNDDOWN($C3656/24,0)+1,1))-1)+IF('Standard Profiles'!$G$21=$B$10,7,0)+IF('Standard Profiles'!$G$21=$B$17,14,0)+IF('Standard Profiles'!$G$21=$B$24,21,0),0)),0)</f>
        <v>0</v>
      </c>
      <c r="H3656" cm="1">
        <f t="array" ref="H3656">IFERROR(INDEX(Jesper!AL$2:AL$366,ROUNDDOWN($C3656/24,0)+1,1)*INDEX($D$3:$AA$30,INDEX(Jesper!$R$2:$R$366,ROW(INDEX(Jesper!AL$2:AL$366,ROUNDDOWN($C3656/24,0)+1,1))-1)+IF('Standard Profiles'!$G$22=$B$10,7,0)+IF('Standard Profiles'!$G$22=$B$17,14,0)+IF('Standard Profiles'!$G$22=$B$24,21,0),MOD($C3656,24)+1)/SUM(INDEX($D$3:$AA$30,INDEX(Jesper!$R$2:$R$366,ROW(INDEX(Jesper!AL$2:AL$366,ROUNDDOWN($C3656/24,0)+1,1))-1)+IF('Standard Profiles'!$G$22=$B$10,7,0)+IF('Standard Profiles'!$G$22=$B$17,14,0)+IF('Standard Profiles'!$G$22=$B$24,21,0),0)),0)</f>
        <v>0</v>
      </c>
      <c r="I3656">
        <f t="shared" si="412"/>
        <v>0.22063064117083858</v>
      </c>
      <c r="J3656">
        <f t="shared" si="413"/>
        <v>0.73543547056946201</v>
      </c>
      <c r="K3656">
        <f t="shared" si="414"/>
        <v>1.1031532058541929</v>
      </c>
      <c r="L3656">
        <f t="shared" si="415"/>
        <v>5.2951353881001264</v>
      </c>
      <c r="M3656">
        <f t="shared" si="416"/>
        <v>0</v>
      </c>
      <c r="N3656" s="46">
        <f t="shared" si="417"/>
        <v>45442.916666657882</v>
      </c>
    </row>
    <row r="3657" spans="2:14" x14ac:dyDescent="0.3">
      <c r="B3657">
        <f t="shared" si="411"/>
        <v>4</v>
      </c>
      <c r="C3657" s="16">
        <v>3623</v>
      </c>
      <c r="D3657" cm="1">
        <f t="array" ref="D3657">IFERROR(INDEX(Jesper!AH$2:AH$366,ROUNDDOWN($C3657/24,0)+1,1)*INDEX($D$3:$AA$30,INDEX(Jesper!$R$2:$R$366,ROW(INDEX(Jesper!AH$2:AH$366,ROUNDDOWN($C3657/24,0)+1,1))-1)+IF('Standard Profiles'!$G$18=$B$10,7,0)+IF('Standard Profiles'!$G$18=$B$17,14,0)+IF('Standard Profiles'!$G$18=$B$24,21,0),MOD($C3657,24)+1)/SUM(INDEX($D$3:$AA$30,INDEX(Jesper!$R$2:$R$366,ROW(INDEX(Jesper!AH$2:AH$366,ROUNDDOWN($C3657/24,0)+1,1))-1)+IF('Standard Profiles'!$G$18=$B$10,7,0)+IF('Standard Profiles'!$G$18=$B$17,14,0)+IF('Standard Profiles'!$G$18=$B$24,21,0),0)),0)</f>
        <v>7.3543547056946199</v>
      </c>
      <c r="E3657" cm="1">
        <f t="array" ref="E3657">IFERROR(INDEX(Jesper!AI$2:AI$366,ROUNDDOWN($C3657/24,0)+1,1)*INDEX($D$3:$AA$30,INDEX(Jesper!$R$2:$R$366,ROW(INDEX(Jesper!AI$2:AI$366,ROUNDDOWN($C3657/24,0)+1,1))-1)+IF('Standard Profiles'!$G$19=$B$10,7,0)+IF('Standard Profiles'!$G$19=$B$17,14,0)+IF('Standard Profiles'!$G$19=$B$24,21,0),MOD($C3657,24)+1)/SUM(INDEX($D$3:$AA$30,INDEX(Jesper!$R$2:$R$366,ROW(INDEX(Jesper!AI$2:AI$366,ROUNDDOWN($C3657/24,0)+1,1))-1)+IF('Standard Profiles'!$G$19=$B$10,7,0)+IF('Standard Profiles'!$G$19=$B$17,14,0)+IF('Standard Profiles'!$G$19=$B$24,21,0),0)),0)</f>
        <v>0</v>
      </c>
      <c r="F3657" cm="1">
        <f t="array" ref="F3657">IFERROR(INDEX(Jesper!AJ$2:AJ$366,ROUNDDOWN($C3657/24,0)+1,1)*INDEX($D$3:$AA$30,INDEX(Jesper!$R$2:$R$366,ROW(INDEX(Jesper!AJ$2:AJ$366,ROUNDDOWN($C3657/24,0)+1,1))-1)+IF('Standard Profiles'!$G$20=$B$10,7,0)+IF('Standard Profiles'!$G$20=$B$17,14,0)+IF('Standard Profiles'!$G$20=$B$24,21,0),MOD($C3657,24)+1)/SUM(INDEX($D$3:$AA$30,INDEX(Jesper!$R$2:$R$366,ROW(INDEX(Jesper!AJ$2:AJ$366,ROUNDDOWN($C3657/24,0)+1,1))-1)+IF('Standard Profiles'!$G$20=$B$10,7,0)+IF('Standard Profiles'!$G$20=$B$17,14,0)+IF('Standard Profiles'!$G$20=$B$24,21,0),0)),0)</f>
        <v>0</v>
      </c>
      <c r="G3657" cm="1">
        <f t="array" ref="G3657">IFERROR(INDEX(Jesper!AK$2:AK$366,ROUNDDOWN($C3657/24,0)+1,1)*INDEX($D$3:$AA$30,INDEX(Jesper!$R$2:$R$366,ROW(INDEX(Jesper!AK$2:AK$366,ROUNDDOWN($C3657/24,0)+1,1))-1)+IF('Standard Profiles'!$G$21=$B$10,7,0)+IF('Standard Profiles'!$G$21=$B$17,14,0)+IF('Standard Profiles'!$G$21=$B$24,21,0),MOD($C3657,24)+1)/SUM(INDEX($D$3:$AA$30,INDEX(Jesper!$R$2:$R$366,ROW(INDEX(Jesper!AK$2:AK$366,ROUNDDOWN($C3657/24,0)+1,1))-1)+IF('Standard Profiles'!$G$21=$B$10,7,0)+IF('Standard Profiles'!$G$21=$B$17,14,0)+IF('Standard Profiles'!$G$21=$B$24,21,0),0)),0)</f>
        <v>0</v>
      </c>
      <c r="H3657" cm="1">
        <f t="array" ref="H3657">IFERROR(INDEX(Jesper!AL$2:AL$366,ROUNDDOWN($C3657/24,0)+1,1)*INDEX($D$3:$AA$30,INDEX(Jesper!$R$2:$R$366,ROW(INDEX(Jesper!AL$2:AL$366,ROUNDDOWN($C3657/24,0)+1,1))-1)+IF('Standard Profiles'!$G$22=$B$10,7,0)+IF('Standard Profiles'!$G$22=$B$17,14,0)+IF('Standard Profiles'!$G$22=$B$24,21,0),MOD($C3657,24)+1)/SUM(INDEX($D$3:$AA$30,INDEX(Jesper!$R$2:$R$366,ROW(INDEX(Jesper!AL$2:AL$366,ROUNDDOWN($C3657/24,0)+1,1))-1)+IF('Standard Profiles'!$G$22=$B$10,7,0)+IF('Standard Profiles'!$G$22=$B$17,14,0)+IF('Standard Profiles'!$G$22=$B$24,21,0),0)),0)</f>
        <v>0</v>
      </c>
      <c r="I3657">
        <f t="shared" si="412"/>
        <v>0.22063064117083858</v>
      </c>
      <c r="J3657">
        <f t="shared" si="413"/>
        <v>0.73543547056946201</v>
      </c>
      <c r="K3657">
        <f t="shared" si="414"/>
        <v>1.1031532058541929</v>
      </c>
      <c r="L3657">
        <f t="shared" si="415"/>
        <v>5.2951353881001264</v>
      </c>
      <c r="M3657">
        <f t="shared" si="416"/>
        <v>0</v>
      </c>
      <c r="N3657" s="46">
        <f t="shared" si="417"/>
        <v>45442.958333324546</v>
      </c>
    </row>
    <row r="3658" spans="2:14" x14ac:dyDescent="0.3">
      <c r="B3658">
        <f t="shared" si="411"/>
        <v>5</v>
      </c>
      <c r="C3658" s="16">
        <v>3624</v>
      </c>
      <c r="D3658" cm="1">
        <f t="array" ref="D3658">IFERROR(INDEX(Jesper!AH$2:AH$366,ROUNDDOWN($C3658/24,0)+1,1)*INDEX($D$3:$AA$30,INDEX(Jesper!$R$2:$R$366,ROW(INDEX(Jesper!AH$2:AH$366,ROUNDDOWN($C3658/24,0)+1,1))-1)+IF('Standard Profiles'!$G$18=$B$10,7,0)+IF('Standard Profiles'!$G$18=$B$17,14,0)+IF('Standard Profiles'!$G$18=$B$24,21,0),MOD($C3658,24)+1)/SUM(INDEX($D$3:$AA$30,INDEX(Jesper!$R$2:$R$366,ROW(INDEX(Jesper!AH$2:AH$366,ROUNDDOWN($C3658/24,0)+1,1))-1)+IF('Standard Profiles'!$G$18=$B$10,7,0)+IF('Standard Profiles'!$G$18=$B$17,14,0)+IF('Standard Profiles'!$G$18=$B$24,21,0),0)),0)</f>
        <v>8.1100524092156849</v>
      </c>
      <c r="E3658" cm="1">
        <f t="array" ref="E3658">IFERROR(INDEX(Jesper!AI$2:AI$366,ROUNDDOWN($C3658/24,0)+1,1)*INDEX($D$3:$AA$30,INDEX(Jesper!$R$2:$R$366,ROW(INDEX(Jesper!AI$2:AI$366,ROUNDDOWN($C3658/24,0)+1,1))-1)+IF('Standard Profiles'!$G$19=$B$10,7,0)+IF('Standard Profiles'!$G$19=$B$17,14,0)+IF('Standard Profiles'!$G$19=$B$24,21,0),MOD($C3658,24)+1)/SUM(INDEX($D$3:$AA$30,INDEX(Jesper!$R$2:$R$366,ROW(INDEX(Jesper!AI$2:AI$366,ROUNDDOWN($C3658/24,0)+1,1))-1)+IF('Standard Profiles'!$G$19=$B$10,7,0)+IF('Standard Profiles'!$G$19=$B$17,14,0)+IF('Standard Profiles'!$G$19=$B$24,21,0),0)),0)</f>
        <v>0</v>
      </c>
      <c r="F3658" cm="1">
        <f t="array" ref="F3658">IFERROR(INDEX(Jesper!AJ$2:AJ$366,ROUNDDOWN($C3658/24,0)+1,1)*INDEX($D$3:$AA$30,INDEX(Jesper!$R$2:$R$366,ROW(INDEX(Jesper!AJ$2:AJ$366,ROUNDDOWN($C3658/24,0)+1,1))-1)+IF('Standard Profiles'!$G$20=$B$10,7,0)+IF('Standard Profiles'!$G$20=$B$17,14,0)+IF('Standard Profiles'!$G$20=$B$24,21,0),MOD($C3658,24)+1)/SUM(INDEX($D$3:$AA$30,INDEX(Jesper!$R$2:$R$366,ROW(INDEX(Jesper!AJ$2:AJ$366,ROUNDDOWN($C3658/24,0)+1,1))-1)+IF('Standard Profiles'!$G$20=$B$10,7,0)+IF('Standard Profiles'!$G$20=$B$17,14,0)+IF('Standard Profiles'!$G$20=$B$24,21,0),0)),0)</f>
        <v>0</v>
      </c>
      <c r="G3658" cm="1">
        <f t="array" ref="G3658">IFERROR(INDEX(Jesper!AK$2:AK$366,ROUNDDOWN($C3658/24,0)+1,1)*INDEX($D$3:$AA$30,INDEX(Jesper!$R$2:$R$366,ROW(INDEX(Jesper!AK$2:AK$366,ROUNDDOWN($C3658/24,0)+1,1))-1)+IF('Standard Profiles'!$G$21=$B$10,7,0)+IF('Standard Profiles'!$G$21=$B$17,14,0)+IF('Standard Profiles'!$G$21=$B$24,21,0),MOD($C3658,24)+1)/SUM(INDEX($D$3:$AA$30,INDEX(Jesper!$R$2:$R$366,ROW(INDEX(Jesper!AK$2:AK$366,ROUNDDOWN($C3658/24,0)+1,1))-1)+IF('Standard Profiles'!$G$21=$B$10,7,0)+IF('Standard Profiles'!$G$21=$B$17,14,0)+IF('Standard Profiles'!$G$21=$B$24,21,0),0)),0)</f>
        <v>0</v>
      </c>
      <c r="H3658" cm="1">
        <f t="array" ref="H3658">IFERROR(INDEX(Jesper!AL$2:AL$366,ROUNDDOWN($C3658/24,0)+1,1)*INDEX($D$3:$AA$30,INDEX(Jesper!$R$2:$R$366,ROW(INDEX(Jesper!AL$2:AL$366,ROUNDDOWN($C3658/24,0)+1,1))-1)+IF('Standard Profiles'!$G$22=$B$10,7,0)+IF('Standard Profiles'!$G$22=$B$17,14,0)+IF('Standard Profiles'!$G$22=$B$24,21,0),MOD($C3658,24)+1)/SUM(INDEX($D$3:$AA$30,INDEX(Jesper!$R$2:$R$366,ROW(INDEX(Jesper!AL$2:AL$366,ROUNDDOWN($C3658/24,0)+1,1))-1)+IF('Standard Profiles'!$G$22=$B$10,7,0)+IF('Standard Profiles'!$G$22=$B$17,14,0)+IF('Standard Profiles'!$G$22=$B$24,21,0),0)),0)</f>
        <v>0</v>
      </c>
      <c r="I3658">
        <f t="shared" si="412"/>
        <v>0.24330157227647053</v>
      </c>
      <c r="J3658">
        <f t="shared" si="413"/>
        <v>0.81100524092156856</v>
      </c>
      <c r="K3658">
        <f t="shared" si="414"/>
        <v>1.2165078613823528</v>
      </c>
      <c r="L3658">
        <f t="shared" si="415"/>
        <v>5.8392377346352928</v>
      </c>
      <c r="M3658">
        <f t="shared" si="416"/>
        <v>0</v>
      </c>
      <c r="N3658" s="46">
        <f t="shared" si="417"/>
        <v>45442.999999991211</v>
      </c>
    </row>
    <row r="3659" spans="2:14" x14ac:dyDescent="0.3">
      <c r="B3659">
        <f t="shared" si="411"/>
        <v>5</v>
      </c>
      <c r="C3659" s="16">
        <v>3625</v>
      </c>
      <c r="D3659" cm="1">
        <f t="array" ref="D3659">IFERROR(INDEX(Jesper!AH$2:AH$366,ROUNDDOWN($C3659/24,0)+1,1)*INDEX($D$3:$AA$30,INDEX(Jesper!$R$2:$R$366,ROW(INDEX(Jesper!AH$2:AH$366,ROUNDDOWN($C3659/24,0)+1,1))-1)+IF('Standard Profiles'!$G$18=$B$10,7,0)+IF('Standard Profiles'!$G$18=$B$17,14,0)+IF('Standard Profiles'!$G$18=$B$24,21,0),MOD($C3659,24)+1)/SUM(INDEX($D$3:$AA$30,INDEX(Jesper!$R$2:$R$366,ROW(INDEX(Jesper!AH$2:AH$366,ROUNDDOWN($C3659/24,0)+1,1))-1)+IF('Standard Profiles'!$G$18=$B$10,7,0)+IF('Standard Profiles'!$G$18=$B$17,14,0)+IF('Standard Profiles'!$G$18=$B$24,21,0),0)),0)</f>
        <v>8.1100524092156849</v>
      </c>
      <c r="E3659" cm="1">
        <f t="array" ref="E3659">IFERROR(INDEX(Jesper!AI$2:AI$366,ROUNDDOWN($C3659/24,0)+1,1)*INDEX($D$3:$AA$30,INDEX(Jesper!$R$2:$R$366,ROW(INDEX(Jesper!AI$2:AI$366,ROUNDDOWN($C3659/24,0)+1,1))-1)+IF('Standard Profiles'!$G$19=$B$10,7,0)+IF('Standard Profiles'!$G$19=$B$17,14,0)+IF('Standard Profiles'!$G$19=$B$24,21,0),MOD($C3659,24)+1)/SUM(INDEX($D$3:$AA$30,INDEX(Jesper!$R$2:$R$366,ROW(INDEX(Jesper!AI$2:AI$366,ROUNDDOWN($C3659/24,0)+1,1))-1)+IF('Standard Profiles'!$G$19=$B$10,7,0)+IF('Standard Profiles'!$G$19=$B$17,14,0)+IF('Standard Profiles'!$G$19=$B$24,21,0),0)),0)</f>
        <v>0</v>
      </c>
      <c r="F3659" cm="1">
        <f t="array" ref="F3659">IFERROR(INDEX(Jesper!AJ$2:AJ$366,ROUNDDOWN($C3659/24,0)+1,1)*INDEX($D$3:$AA$30,INDEX(Jesper!$R$2:$R$366,ROW(INDEX(Jesper!AJ$2:AJ$366,ROUNDDOWN($C3659/24,0)+1,1))-1)+IF('Standard Profiles'!$G$20=$B$10,7,0)+IF('Standard Profiles'!$G$20=$B$17,14,0)+IF('Standard Profiles'!$G$20=$B$24,21,0),MOD($C3659,24)+1)/SUM(INDEX($D$3:$AA$30,INDEX(Jesper!$R$2:$R$366,ROW(INDEX(Jesper!AJ$2:AJ$366,ROUNDDOWN($C3659/24,0)+1,1))-1)+IF('Standard Profiles'!$G$20=$B$10,7,0)+IF('Standard Profiles'!$G$20=$B$17,14,0)+IF('Standard Profiles'!$G$20=$B$24,21,0),0)),0)</f>
        <v>0</v>
      </c>
      <c r="G3659" cm="1">
        <f t="array" ref="G3659">IFERROR(INDEX(Jesper!AK$2:AK$366,ROUNDDOWN($C3659/24,0)+1,1)*INDEX($D$3:$AA$30,INDEX(Jesper!$R$2:$R$366,ROW(INDEX(Jesper!AK$2:AK$366,ROUNDDOWN($C3659/24,0)+1,1))-1)+IF('Standard Profiles'!$G$21=$B$10,7,0)+IF('Standard Profiles'!$G$21=$B$17,14,0)+IF('Standard Profiles'!$G$21=$B$24,21,0),MOD($C3659,24)+1)/SUM(INDEX($D$3:$AA$30,INDEX(Jesper!$R$2:$R$366,ROW(INDEX(Jesper!AK$2:AK$366,ROUNDDOWN($C3659/24,0)+1,1))-1)+IF('Standard Profiles'!$G$21=$B$10,7,0)+IF('Standard Profiles'!$G$21=$B$17,14,0)+IF('Standard Profiles'!$G$21=$B$24,21,0),0)),0)</f>
        <v>0</v>
      </c>
      <c r="H3659" cm="1">
        <f t="array" ref="H3659">IFERROR(INDEX(Jesper!AL$2:AL$366,ROUNDDOWN($C3659/24,0)+1,1)*INDEX($D$3:$AA$30,INDEX(Jesper!$R$2:$R$366,ROW(INDEX(Jesper!AL$2:AL$366,ROUNDDOWN($C3659/24,0)+1,1))-1)+IF('Standard Profiles'!$G$22=$B$10,7,0)+IF('Standard Profiles'!$G$22=$B$17,14,0)+IF('Standard Profiles'!$G$22=$B$24,21,0),MOD($C3659,24)+1)/SUM(INDEX($D$3:$AA$30,INDEX(Jesper!$R$2:$R$366,ROW(INDEX(Jesper!AL$2:AL$366,ROUNDDOWN($C3659/24,0)+1,1))-1)+IF('Standard Profiles'!$G$22=$B$10,7,0)+IF('Standard Profiles'!$G$22=$B$17,14,0)+IF('Standard Profiles'!$G$22=$B$24,21,0),0)),0)</f>
        <v>0</v>
      </c>
      <c r="I3659">
        <f t="shared" si="412"/>
        <v>0.24330157227647053</v>
      </c>
      <c r="J3659">
        <f t="shared" si="413"/>
        <v>0.81100524092156856</v>
      </c>
      <c r="K3659">
        <f t="shared" si="414"/>
        <v>1.2165078613823528</v>
      </c>
      <c r="L3659">
        <f t="shared" si="415"/>
        <v>5.8392377346352928</v>
      </c>
      <c r="M3659">
        <f t="shared" si="416"/>
        <v>0</v>
      </c>
      <c r="N3659" s="46">
        <f t="shared" si="417"/>
        <v>45443.041666657875</v>
      </c>
    </row>
    <row r="3660" spans="2:14" x14ac:dyDescent="0.3">
      <c r="B3660">
        <f t="shared" si="411"/>
        <v>5</v>
      </c>
      <c r="C3660" s="16">
        <v>3626</v>
      </c>
      <c r="D3660" cm="1">
        <f t="array" ref="D3660">IFERROR(INDEX(Jesper!AH$2:AH$366,ROUNDDOWN($C3660/24,0)+1,1)*INDEX($D$3:$AA$30,INDEX(Jesper!$R$2:$R$366,ROW(INDEX(Jesper!AH$2:AH$366,ROUNDDOWN($C3660/24,0)+1,1))-1)+IF('Standard Profiles'!$G$18=$B$10,7,0)+IF('Standard Profiles'!$G$18=$B$17,14,0)+IF('Standard Profiles'!$G$18=$B$24,21,0),MOD($C3660,24)+1)/SUM(INDEX($D$3:$AA$30,INDEX(Jesper!$R$2:$R$366,ROW(INDEX(Jesper!AH$2:AH$366,ROUNDDOWN($C3660/24,0)+1,1))-1)+IF('Standard Profiles'!$G$18=$B$10,7,0)+IF('Standard Profiles'!$G$18=$B$17,14,0)+IF('Standard Profiles'!$G$18=$B$24,21,0),0)),0)</f>
        <v>8.1100524092156849</v>
      </c>
      <c r="E3660" cm="1">
        <f t="array" ref="E3660">IFERROR(INDEX(Jesper!AI$2:AI$366,ROUNDDOWN($C3660/24,0)+1,1)*INDEX($D$3:$AA$30,INDEX(Jesper!$R$2:$R$366,ROW(INDEX(Jesper!AI$2:AI$366,ROUNDDOWN($C3660/24,0)+1,1))-1)+IF('Standard Profiles'!$G$19=$B$10,7,0)+IF('Standard Profiles'!$G$19=$B$17,14,0)+IF('Standard Profiles'!$G$19=$B$24,21,0),MOD($C3660,24)+1)/SUM(INDEX($D$3:$AA$30,INDEX(Jesper!$R$2:$R$366,ROW(INDEX(Jesper!AI$2:AI$366,ROUNDDOWN($C3660/24,0)+1,1))-1)+IF('Standard Profiles'!$G$19=$B$10,7,0)+IF('Standard Profiles'!$G$19=$B$17,14,0)+IF('Standard Profiles'!$G$19=$B$24,21,0),0)),0)</f>
        <v>0</v>
      </c>
      <c r="F3660" cm="1">
        <f t="array" ref="F3660">IFERROR(INDEX(Jesper!AJ$2:AJ$366,ROUNDDOWN($C3660/24,0)+1,1)*INDEX($D$3:$AA$30,INDEX(Jesper!$R$2:$R$366,ROW(INDEX(Jesper!AJ$2:AJ$366,ROUNDDOWN($C3660/24,0)+1,1))-1)+IF('Standard Profiles'!$G$20=$B$10,7,0)+IF('Standard Profiles'!$G$20=$B$17,14,0)+IF('Standard Profiles'!$G$20=$B$24,21,0),MOD($C3660,24)+1)/SUM(INDEX($D$3:$AA$30,INDEX(Jesper!$R$2:$R$366,ROW(INDEX(Jesper!AJ$2:AJ$366,ROUNDDOWN($C3660/24,0)+1,1))-1)+IF('Standard Profiles'!$G$20=$B$10,7,0)+IF('Standard Profiles'!$G$20=$B$17,14,0)+IF('Standard Profiles'!$G$20=$B$24,21,0),0)),0)</f>
        <v>0</v>
      </c>
      <c r="G3660" cm="1">
        <f t="array" ref="G3660">IFERROR(INDEX(Jesper!AK$2:AK$366,ROUNDDOWN($C3660/24,0)+1,1)*INDEX($D$3:$AA$30,INDEX(Jesper!$R$2:$R$366,ROW(INDEX(Jesper!AK$2:AK$366,ROUNDDOWN($C3660/24,0)+1,1))-1)+IF('Standard Profiles'!$G$21=$B$10,7,0)+IF('Standard Profiles'!$G$21=$B$17,14,0)+IF('Standard Profiles'!$G$21=$B$24,21,0),MOD($C3660,24)+1)/SUM(INDEX($D$3:$AA$30,INDEX(Jesper!$R$2:$R$366,ROW(INDEX(Jesper!AK$2:AK$366,ROUNDDOWN($C3660/24,0)+1,1))-1)+IF('Standard Profiles'!$G$21=$B$10,7,0)+IF('Standard Profiles'!$G$21=$B$17,14,0)+IF('Standard Profiles'!$G$21=$B$24,21,0),0)),0)</f>
        <v>0</v>
      </c>
      <c r="H3660" cm="1">
        <f t="array" ref="H3660">IFERROR(INDEX(Jesper!AL$2:AL$366,ROUNDDOWN($C3660/24,0)+1,1)*INDEX($D$3:$AA$30,INDEX(Jesper!$R$2:$R$366,ROW(INDEX(Jesper!AL$2:AL$366,ROUNDDOWN($C3660/24,0)+1,1))-1)+IF('Standard Profiles'!$G$22=$B$10,7,0)+IF('Standard Profiles'!$G$22=$B$17,14,0)+IF('Standard Profiles'!$G$22=$B$24,21,0),MOD($C3660,24)+1)/SUM(INDEX($D$3:$AA$30,INDEX(Jesper!$R$2:$R$366,ROW(INDEX(Jesper!AL$2:AL$366,ROUNDDOWN($C3660/24,0)+1,1))-1)+IF('Standard Profiles'!$G$22=$B$10,7,0)+IF('Standard Profiles'!$G$22=$B$17,14,0)+IF('Standard Profiles'!$G$22=$B$24,21,0),0)),0)</f>
        <v>0</v>
      </c>
      <c r="I3660">
        <f t="shared" si="412"/>
        <v>0.24330157227647053</v>
      </c>
      <c r="J3660">
        <f t="shared" si="413"/>
        <v>0.81100524092156856</v>
      </c>
      <c r="K3660">
        <f t="shared" si="414"/>
        <v>1.2165078613823528</v>
      </c>
      <c r="L3660">
        <f t="shared" si="415"/>
        <v>5.8392377346352928</v>
      </c>
      <c r="M3660">
        <f t="shared" si="416"/>
        <v>0</v>
      </c>
      <c r="N3660" s="46">
        <f t="shared" si="417"/>
        <v>45443.083333324539</v>
      </c>
    </row>
    <row r="3661" spans="2:14" x14ac:dyDescent="0.3">
      <c r="B3661">
        <f t="shared" si="411"/>
        <v>5</v>
      </c>
      <c r="C3661" s="16">
        <v>3627</v>
      </c>
      <c r="D3661" cm="1">
        <f t="array" ref="D3661">IFERROR(INDEX(Jesper!AH$2:AH$366,ROUNDDOWN($C3661/24,0)+1,1)*INDEX($D$3:$AA$30,INDEX(Jesper!$R$2:$R$366,ROW(INDEX(Jesper!AH$2:AH$366,ROUNDDOWN($C3661/24,0)+1,1))-1)+IF('Standard Profiles'!$G$18=$B$10,7,0)+IF('Standard Profiles'!$G$18=$B$17,14,0)+IF('Standard Profiles'!$G$18=$B$24,21,0),MOD($C3661,24)+1)/SUM(INDEX($D$3:$AA$30,INDEX(Jesper!$R$2:$R$366,ROW(INDEX(Jesper!AH$2:AH$366,ROUNDDOWN($C3661/24,0)+1,1))-1)+IF('Standard Profiles'!$G$18=$B$10,7,0)+IF('Standard Profiles'!$G$18=$B$17,14,0)+IF('Standard Profiles'!$G$18=$B$24,21,0),0)),0)</f>
        <v>8.1100524092156849</v>
      </c>
      <c r="E3661" cm="1">
        <f t="array" ref="E3661">IFERROR(INDEX(Jesper!AI$2:AI$366,ROUNDDOWN($C3661/24,0)+1,1)*INDEX($D$3:$AA$30,INDEX(Jesper!$R$2:$R$366,ROW(INDEX(Jesper!AI$2:AI$366,ROUNDDOWN($C3661/24,0)+1,1))-1)+IF('Standard Profiles'!$G$19=$B$10,7,0)+IF('Standard Profiles'!$G$19=$B$17,14,0)+IF('Standard Profiles'!$G$19=$B$24,21,0),MOD($C3661,24)+1)/SUM(INDEX($D$3:$AA$30,INDEX(Jesper!$R$2:$R$366,ROW(INDEX(Jesper!AI$2:AI$366,ROUNDDOWN($C3661/24,0)+1,1))-1)+IF('Standard Profiles'!$G$19=$B$10,7,0)+IF('Standard Profiles'!$G$19=$B$17,14,0)+IF('Standard Profiles'!$G$19=$B$24,21,0),0)),0)</f>
        <v>0</v>
      </c>
      <c r="F3661" cm="1">
        <f t="array" ref="F3661">IFERROR(INDEX(Jesper!AJ$2:AJ$366,ROUNDDOWN($C3661/24,0)+1,1)*INDEX($D$3:$AA$30,INDEX(Jesper!$R$2:$R$366,ROW(INDEX(Jesper!AJ$2:AJ$366,ROUNDDOWN($C3661/24,0)+1,1))-1)+IF('Standard Profiles'!$G$20=$B$10,7,0)+IF('Standard Profiles'!$G$20=$B$17,14,0)+IF('Standard Profiles'!$G$20=$B$24,21,0),MOD($C3661,24)+1)/SUM(INDEX($D$3:$AA$30,INDEX(Jesper!$R$2:$R$366,ROW(INDEX(Jesper!AJ$2:AJ$366,ROUNDDOWN($C3661/24,0)+1,1))-1)+IF('Standard Profiles'!$G$20=$B$10,7,0)+IF('Standard Profiles'!$G$20=$B$17,14,0)+IF('Standard Profiles'!$G$20=$B$24,21,0),0)),0)</f>
        <v>0</v>
      </c>
      <c r="G3661" cm="1">
        <f t="array" ref="G3661">IFERROR(INDEX(Jesper!AK$2:AK$366,ROUNDDOWN($C3661/24,0)+1,1)*INDEX($D$3:$AA$30,INDEX(Jesper!$R$2:$R$366,ROW(INDEX(Jesper!AK$2:AK$366,ROUNDDOWN($C3661/24,0)+1,1))-1)+IF('Standard Profiles'!$G$21=$B$10,7,0)+IF('Standard Profiles'!$G$21=$B$17,14,0)+IF('Standard Profiles'!$G$21=$B$24,21,0),MOD($C3661,24)+1)/SUM(INDEX($D$3:$AA$30,INDEX(Jesper!$R$2:$R$366,ROW(INDEX(Jesper!AK$2:AK$366,ROUNDDOWN($C3661/24,0)+1,1))-1)+IF('Standard Profiles'!$G$21=$B$10,7,0)+IF('Standard Profiles'!$G$21=$B$17,14,0)+IF('Standard Profiles'!$G$21=$B$24,21,0),0)),0)</f>
        <v>0</v>
      </c>
      <c r="H3661" cm="1">
        <f t="array" ref="H3661">IFERROR(INDEX(Jesper!AL$2:AL$366,ROUNDDOWN($C3661/24,0)+1,1)*INDEX($D$3:$AA$30,INDEX(Jesper!$R$2:$R$366,ROW(INDEX(Jesper!AL$2:AL$366,ROUNDDOWN($C3661/24,0)+1,1))-1)+IF('Standard Profiles'!$G$22=$B$10,7,0)+IF('Standard Profiles'!$G$22=$B$17,14,0)+IF('Standard Profiles'!$G$22=$B$24,21,0),MOD($C3661,24)+1)/SUM(INDEX($D$3:$AA$30,INDEX(Jesper!$R$2:$R$366,ROW(INDEX(Jesper!AL$2:AL$366,ROUNDDOWN($C3661/24,0)+1,1))-1)+IF('Standard Profiles'!$G$22=$B$10,7,0)+IF('Standard Profiles'!$G$22=$B$17,14,0)+IF('Standard Profiles'!$G$22=$B$24,21,0),0)),0)</f>
        <v>0</v>
      </c>
      <c r="I3661">
        <f t="shared" si="412"/>
        <v>0.24330157227647053</v>
      </c>
      <c r="J3661">
        <f t="shared" si="413"/>
        <v>0.81100524092156856</v>
      </c>
      <c r="K3661">
        <f t="shared" si="414"/>
        <v>1.2165078613823528</v>
      </c>
      <c r="L3661">
        <f t="shared" si="415"/>
        <v>5.8392377346352928</v>
      </c>
      <c r="M3661">
        <f t="shared" si="416"/>
        <v>0</v>
      </c>
      <c r="N3661" s="46">
        <f t="shared" si="417"/>
        <v>45443.124999991203</v>
      </c>
    </row>
    <row r="3662" spans="2:14" x14ac:dyDescent="0.3">
      <c r="B3662">
        <f t="shared" si="411"/>
        <v>5</v>
      </c>
      <c r="C3662" s="16">
        <v>3628</v>
      </c>
      <c r="D3662" cm="1">
        <f t="array" ref="D3662">IFERROR(INDEX(Jesper!AH$2:AH$366,ROUNDDOWN($C3662/24,0)+1,1)*INDEX($D$3:$AA$30,INDEX(Jesper!$R$2:$R$366,ROW(INDEX(Jesper!AH$2:AH$366,ROUNDDOWN($C3662/24,0)+1,1))-1)+IF('Standard Profiles'!$G$18=$B$10,7,0)+IF('Standard Profiles'!$G$18=$B$17,14,0)+IF('Standard Profiles'!$G$18=$B$24,21,0),MOD($C3662,24)+1)/SUM(INDEX($D$3:$AA$30,INDEX(Jesper!$R$2:$R$366,ROW(INDEX(Jesper!AH$2:AH$366,ROUNDDOWN($C3662/24,0)+1,1))-1)+IF('Standard Profiles'!$G$18=$B$10,7,0)+IF('Standard Profiles'!$G$18=$B$17,14,0)+IF('Standard Profiles'!$G$18=$B$24,21,0),0)),0)</f>
        <v>8.1100524092156849</v>
      </c>
      <c r="E3662" cm="1">
        <f t="array" ref="E3662">IFERROR(INDEX(Jesper!AI$2:AI$366,ROUNDDOWN($C3662/24,0)+1,1)*INDEX($D$3:$AA$30,INDEX(Jesper!$R$2:$R$366,ROW(INDEX(Jesper!AI$2:AI$366,ROUNDDOWN($C3662/24,0)+1,1))-1)+IF('Standard Profiles'!$G$19=$B$10,7,0)+IF('Standard Profiles'!$G$19=$B$17,14,0)+IF('Standard Profiles'!$G$19=$B$24,21,0),MOD($C3662,24)+1)/SUM(INDEX($D$3:$AA$30,INDEX(Jesper!$R$2:$R$366,ROW(INDEX(Jesper!AI$2:AI$366,ROUNDDOWN($C3662/24,0)+1,1))-1)+IF('Standard Profiles'!$G$19=$B$10,7,0)+IF('Standard Profiles'!$G$19=$B$17,14,0)+IF('Standard Profiles'!$G$19=$B$24,21,0),0)),0)</f>
        <v>0</v>
      </c>
      <c r="F3662" cm="1">
        <f t="array" ref="F3662">IFERROR(INDEX(Jesper!AJ$2:AJ$366,ROUNDDOWN($C3662/24,0)+1,1)*INDEX($D$3:$AA$30,INDEX(Jesper!$R$2:$R$366,ROW(INDEX(Jesper!AJ$2:AJ$366,ROUNDDOWN($C3662/24,0)+1,1))-1)+IF('Standard Profiles'!$G$20=$B$10,7,0)+IF('Standard Profiles'!$G$20=$B$17,14,0)+IF('Standard Profiles'!$G$20=$B$24,21,0),MOD($C3662,24)+1)/SUM(INDEX($D$3:$AA$30,INDEX(Jesper!$R$2:$R$366,ROW(INDEX(Jesper!AJ$2:AJ$366,ROUNDDOWN($C3662/24,0)+1,1))-1)+IF('Standard Profiles'!$G$20=$B$10,7,0)+IF('Standard Profiles'!$G$20=$B$17,14,0)+IF('Standard Profiles'!$G$20=$B$24,21,0),0)),0)</f>
        <v>0</v>
      </c>
      <c r="G3662" cm="1">
        <f t="array" ref="G3662">IFERROR(INDEX(Jesper!AK$2:AK$366,ROUNDDOWN($C3662/24,0)+1,1)*INDEX($D$3:$AA$30,INDEX(Jesper!$R$2:$R$366,ROW(INDEX(Jesper!AK$2:AK$366,ROUNDDOWN($C3662/24,0)+1,1))-1)+IF('Standard Profiles'!$G$21=$B$10,7,0)+IF('Standard Profiles'!$G$21=$B$17,14,0)+IF('Standard Profiles'!$G$21=$B$24,21,0),MOD($C3662,24)+1)/SUM(INDEX($D$3:$AA$30,INDEX(Jesper!$R$2:$R$366,ROW(INDEX(Jesper!AK$2:AK$366,ROUNDDOWN($C3662/24,0)+1,1))-1)+IF('Standard Profiles'!$G$21=$B$10,7,0)+IF('Standard Profiles'!$G$21=$B$17,14,0)+IF('Standard Profiles'!$G$21=$B$24,21,0),0)),0)</f>
        <v>0</v>
      </c>
      <c r="H3662" cm="1">
        <f t="array" ref="H3662">IFERROR(INDEX(Jesper!AL$2:AL$366,ROUNDDOWN($C3662/24,0)+1,1)*INDEX($D$3:$AA$30,INDEX(Jesper!$R$2:$R$366,ROW(INDEX(Jesper!AL$2:AL$366,ROUNDDOWN($C3662/24,0)+1,1))-1)+IF('Standard Profiles'!$G$22=$B$10,7,0)+IF('Standard Profiles'!$G$22=$B$17,14,0)+IF('Standard Profiles'!$G$22=$B$24,21,0),MOD($C3662,24)+1)/SUM(INDEX($D$3:$AA$30,INDEX(Jesper!$R$2:$R$366,ROW(INDEX(Jesper!AL$2:AL$366,ROUNDDOWN($C3662/24,0)+1,1))-1)+IF('Standard Profiles'!$G$22=$B$10,7,0)+IF('Standard Profiles'!$G$22=$B$17,14,0)+IF('Standard Profiles'!$G$22=$B$24,21,0),0)),0)</f>
        <v>0</v>
      </c>
      <c r="I3662">
        <f t="shared" si="412"/>
        <v>0.24330157227647053</v>
      </c>
      <c r="J3662">
        <f t="shared" si="413"/>
        <v>0.81100524092156856</v>
      </c>
      <c r="K3662">
        <f t="shared" si="414"/>
        <v>1.2165078613823528</v>
      </c>
      <c r="L3662">
        <f t="shared" si="415"/>
        <v>5.8392377346352928</v>
      </c>
      <c r="M3662">
        <f t="shared" si="416"/>
        <v>0</v>
      </c>
      <c r="N3662" s="46">
        <f t="shared" si="417"/>
        <v>45443.166666657868</v>
      </c>
    </row>
    <row r="3663" spans="2:14" x14ac:dyDescent="0.3">
      <c r="B3663">
        <f t="shared" si="411"/>
        <v>5</v>
      </c>
      <c r="C3663" s="16">
        <v>3629</v>
      </c>
      <c r="D3663" cm="1">
        <f t="array" ref="D3663">IFERROR(INDEX(Jesper!AH$2:AH$366,ROUNDDOWN($C3663/24,0)+1,1)*INDEX($D$3:$AA$30,INDEX(Jesper!$R$2:$R$366,ROW(INDEX(Jesper!AH$2:AH$366,ROUNDDOWN($C3663/24,0)+1,1))-1)+IF('Standard Profiles'!$G$18=$B$10,7,0)+IF('Standard Profiles'!$G$18=$B$17,14,0)+IF('Standard Profiles'!$G$18=$B$24,21,0),MOD($C3663,24)+1)/SUM(INDEX($D$3:$AA$30,INDEX(Jesper!$R$2:$R$366,ROW(INDEX(Jesper!AH$2:AH$366,ROUNDDOWN($C3663/24,0)+1,1))-1)+IF('Standard Profiles'!$G$18=$B$10,7,0)+IF('Standard Profiles'!$G$18=$B$17,14,0)+IF('Standard Profiles'!$G$18=$B$24,21,0),0)),0)</f>
        <v>10.452956438544662</v>
      </c>
      <c r="E3663" cm="1">
        <f t="array" ref="E3663">IFERROR(INDEX(Jesper!AI$2:AI$366,ROUNDDOWN($C3663/24,0)+1,1)*INDEX($D$3:$AA$30,INDEX(Jesper!$R$2:$R$366,ROW(INDEX(Jesper!AI$2:AI$366,ROUNDDOWN($C3663/24,0)+1,1))-1)+IF('Standard Profiles'!$G$19=$B$10,7,0)+IF('Standard Profiles'!$G$19=$B$17,14,0)+IF('Standard Profiles'!$G$19=$B$24,21,0),MOD($C3663,24)+1)/SUM(INDEX($D$3:$AA$30,INDEX(Jesper!$R$2:$R$366,ROW(INDEX(Jesper!AI$2:AI$366,ROUNDDOWN($C3663/24,0)+1,1))-1)+IF('Standard Profiles'!$G$19=$B$10,7,0)+IF('Standard Profiles'!$G$19=$B$17,14,0)+IF('Standard Profiles'!$G$19=$B$24,21,0),0)),0)</f>
        <v>0</v>
      </c>
      <c r="F3663" cm="1">
        <f t="array" ref="F3663">IFERROR(INDEX(Jesper!AJ$2:AJ$366,ROUNDDOWN($C3663/24,0)+1,1)*INDEX($D$3:$AA$30,INDEX(Jesper!$R$2:$R$366,ROW(INDEX(Jesper!AJ$2:AJ$366,ROUNDDOWN($C3663/24,0)+1,1))-1)+IF('Standard Profiles'!$G$20=$B$10,7,0)+IF('Standard Profiles'!$G$20=$B$17,14,0)+IF('Standard Profiles'!$G$20=$B$24,21,0),MOD($C3663,24)+1)/SUM(INDEX($D$3:$AA$30,INDEX(Jesper!$R$2:$R$366,ROW(INDEX(Jesper!AJ$2:AJ$366,ROUNDDOWN($C3663/24,0)+1,1))-1)+IF('Standard Profiles'!$G$20=$B$10,7,0)+IF('Standard Profiles'!$G$20=$B$17,14,0)+IF('Standard Profiles'!$G$20=$B$24,21,0),0)),0)</f>
        <v>0</v>
      </c>
      <c r="G3663" cm="1">
        <f t="array" ref="G3663">IFERROR(INDEX(Jesper!AK$2:AK$366,ROUNDDOWN($C3663/24,0)+1,1)*INDEX($D$3:$AA$30,INDEX(Jesper!$R$2:$R$366,ROW(INDEX(Jesper!AK$2:AK$366,ROUNDDOWN($C3663/24,0)+1,1))-1)+IF('Standard Profiles'!$G$21=$B$10,7,0)+IF('Standard Profiles'!$G$21=$B$17,14,0)+IF('Standard Profiles'!$G$21=$B$24,21,0),MOD($C3663,24)+1)/SUM(INDEX($D$3:$AA$30,INDEX(Jesper!$R$2:$R$366,ROW(INDEX(Jesper!AK$2:AK$366,ROUNDDOWN($C3663/24,0)+1,1))-1)+IF('Standard Profiles'!$G$21=$B$10,7,0)+IF('Standard Profiles'!$G$21=$B$17,14,0)+IF('Standard Profiles'!$G$21=$B$24,21,0),0)),0)</f>
        <v>0</v>
      </c>
      <c r="H3663" cm="1">
        <f t="array" ref="H3663">IFERROR(INDEX(Jesper!AL$2:AL$366,ROUNDDOWN($C3663/24,0)+1,1)*INDEX($D$3:$AA$30,INDEX(Jesper!$R$2:$R$366,ROW(INDEX(Jesper!AL$2:AL$366,ROUNDDOWN($C3663/24,0)+1,1))-1)+IF('Standard Profiles'!$G$22=$B$10,7,0)+IF('Standard Profiles'!$G$22=$B$17,14,0)+IF('Standard Profiles'!$G$22=$B$24,21,0),MOD($C3663,24)+1)/SUM(INDEX($D$3:$AA$30,INDEX(Jesper!$R$2:$R$366,ROW(INDEX(Jesper!AL$2:AL$366,ROUNDDOWN($C3663/24,0)+1,1))-1)+IF('Standard Profiles'!$G$22=$B$10,7,0)+IF('Standard Profiles'!$G$22=$B$17,14,0)+IF('Standard Profiles'!$G$22=$B$24,21,0),0)),0)</f>
        <v>0</v>
      </c>
      <c r="I3663">
        <f t="shared" si="412"/>
        <v>0.31358869315633986</v>
      </c>
      <c r="J3663">
        <f t="shared" si="413"/>
        <v>1.0452956438544663</v>
      </c>
      <c r="K3663">
        <f t="shared" si="414"/>
        <v>1.5679434657816993</v>
      </c>
      <c r="L3663">
        <f t="shared" si="415"/>
        <v>7.5261286357521566</v>
      </c>
      <c r="M3663">
        <f t="shared" si="416"/>
        <v>0</v>
      </c>
      <c r="N3663" s="46">
        <f t="shared" si="417"/>
        <v>45443.208333324532</v>
      </c>
    </row>
    <row r="3664" spans="2:14" x14ac:dyDescent="0.3">
      <c r="B3664">
        <f t="shared" si="411"/>
        <v>5</v>
      </c>
      <c r="C3664" s="16">
        <v>3630</v>
      </c>
      <c r="D3664" cm="1">
        <f t="array" ref="D3664">IFERROR(INDEX(Jesper!AH$2:AH$366,ROUNDDOWN($C3664/24,0)+1,1)*INDEX($D$3:$AA$30,INDEX(Jesper!$R$2:$R$366,ROW(INDEX(Jesper!AH$2:AH$366,ROUNDDOWN($C3664/24,0)+1,1))-1)+IF('Standard Profiles'!$G$18=$B$10,7,0)+IF('Standard Profiles'!$G$18=$B$17,14,0)+IF('Standard Profiles'!$G$18=$B$24,21,0),MOD($C3664,24)+1)/SUM(INDEX($D$3:$AA$30,INDEX(Jesper!$R$2:$R$366,ROW(INDEX(Jesper!AH$2:AH$366,ROUNDDOWN($C3664/24,0)+1,1))-1)+IF('Standard Profiles'!$G$18=$B$10,7,0)+IF('Standard Profiles'!$G$18=$B$17,14,0)+IF('Standard Profiles'!$G$18=$B$24,21,0),0)),0)</f>
        <v>12.615637081002179</v>
      </c>
      <c r="E3664" cm="1">
        <f t="array" ref="E3664">IFERROR(INDEX(Jesper!AI$2:AI$366,ROUNDDOWN($C3664/24,0)+1,1)*INDEX($D$3:$AA$30,INDEX(Jesper!$R$2:$R$366,ROW(INDEX(Jesper!AI$2:AI$366,ROUNDDOWN($C3664/24,0)+1,1))-1)+IF('Standard Profiles'!$G$19=$B$10,7,0)+IF('Standard Profiles'!$G$19=$B$17,14,0)+IF('Standard Profiles'!$G$19=$B$24,21,0),MOD($C3664,24)+1)/SUM(INDEX($D$3:$AA$30,INDEX(Jesper!$R$2:$R$366,ROW(INDEX(Jesper!AI$2:AI$366,ROUNDDOWN($C3664/24,0)+1,1))-1)+IF('Standard Profiles'!$G$19=$B$10,7,0)+IF('Standard Profiles'!$G$19=$B$17,14,0)+IF('Standard Profiles'!$G$19=$B$24,21,0),0)),0)</f>
        <v>0</v>
      </c>
      <c r="F3664" cm="1">
        <f t="array" ref="F3664">IFERROR(INDEX(Jesper!AJ$2:AJ$366,ROUNDDOWN($C3664/24,0)+1,1)*INDEX($D$3:$AA$30,INDEX(Jesper!$R$2:$R$366,ROW(INDEX(Jesper!AJ$2:AJ$366,ROUNDDOWN($C3664/24,0)+1,1))-1)+IF('Standard Profiles'!$G$20=$B$10,7,0)+IF('Standard Profiles'!$G$20=$B$17,14,0)+IF('Standard Profiles'!$G$20=$B$24,21,0),MOD($C3664,24)+1)/SUM(INDEX($D$3:$AA$30,INDEX(Jesper!$R$2:$R$366,ROW(INDEX(Jesper!AJ$2:AJ$366,ROUNDDOWN($C3664/24,0)+1,1))-1)+IF('Standard Profiles'!$G$20=$B$10,7,0)+IF('Standard Profiles'!$G$20=$B$17,14,0)+IF('Standard Profiles'!$G$20=$B$24,21,0),0)),0)</f>
        <v>0</v>
      </c>
      <c r="G3664" cm="1">
        <f t="array" ref="G3664">IFERROR(INDEX(Jesper!AK$2:AK$366,ROUNDDOWN($C3664/24,0)+1,1)*INDEX($D$3:$AA$30,INDEX(Jesper!$R$2:$R$366,ROW(INDEX(Jesper!AK$2:AK$366,ROUNDDOWN($C3664/24,0)+1,1))-1)+IF('Standard Profiles'!$G$21=$B$10,7,0)+IF('Standard Profiles'!$G$21=$B$17,14,0)+IF('Standard Profiles'!$G$21=$B$24,21,0),MOD($C3664,24)+1)/SUM(INDEX($D$3:$AA$30,INDEX(Jesper!$R$2:$R$366,ROW(INDEX(Jesper!AK$2:AK$366,ROUNDDOWN($C3664/24,0)+1,1))-1)+IF('Standard Profiles'!$G$21=$B$10,7,0)+IF('Standard Profiles'!$G$21=$B$17,14,0)+IF('Standard Profiles'!$G$21=$B$24,21,0),0)),0)</f>
        <v>0</v>
      </c>
      <c r="H3664" cm="1">
        <f t="array" ref="H3664">IFERROR(INDEX(Jesper!AL$2:AL$366,ROUNDDOWN($C3664/24,0)+1,1)*INDEX($D$3:$AA$30,INDEX(Jesper!$R$2:$R$366,ROW(INDEX(Jesper!AL$2:AL$366,ROUNDDOWN($C3664/24,0)+1,1))-1)+IF('Standard Profiles'!$G$22=$B$10,7,0)+IF('Standard Profiles'!$G$22=$B$17,14,0)+IF('Standard Profiles'!$G$22=$B$24,21,0),MOD($C3664,24)+1)/SUM(INDEX($D$3:$AA$30,INDEX(Jesper!$R$2:$R$366,ROW(INDEX(Jesper!AL$2:AL$366,ROUNDDOWN($C3664/24,0)+1,1))-1)+IF('Standard Profiles'!$G$22=$B$10,7,0)+IF('Standard Profiles'!$G$22=$B$17,14,0)+IF('Standard Profiles'!$G$22=$B$24,21,0),0)),0)</f>
        <v>0</v>
      </c>
      <c r="I3664">
        <f t="shared" si="412"/>
        <v>0.37846911243006537</v>
      </c>
      <c r="J3664">
        <f t="shared" si="413"/>
        <v>1.261563708100218</v>
      </c>
      <c r="K3664">
        <f t="shared" si="414"/>
        <v>1.8923455621503267</v>
      </c>
      <c r="L3664">
        <f t="shared" si="415"/>
        <v>9.0832586983215684</v>
      </c>
      <c r="M3664">
        <f t="shared" si="416"/>
        <v>0</v>
      </c>
      <c r="N3664" s="46">
        <f t="shared" si="417"/>
        <v>45443.249999991196</v>
      </c>
    </row>
    <row r="3665" spans="2:14" x14ac:dyDescent="0.3">
      <c r="B3665">
        <f t="shared" si="411"/>
        <v>5</v>
      </c>
      <c r="C3665" s="16">
        <v>3631</v>
      </c>
      <c r="D3665" cm="1">
        <f t="array" ref="D3665">IFERROR(INDEX(Jesper!AH$2:AH$366,ROUNDDOWN($C3665/24,0)+1,1)*INDEX($D$3:$AA$30,INDEX(Jesper!$R$2:$R$366,ROW(INDEX(Jesper!AH$2:AH$366,ROUNDDOWN($C3665/24,0)+1,1))-1)+IF('Standard Profiles'!$G$18=$B$10,7,0)+IF('Standard Profiles'!$G$18=$B$17,14,0)+IF('Standard Profiles'!$G$18=$B$24,21,0),MOD($C3665,24)+1)/SUM(INDEX($D$3:$AA$30,INDEX(Jesper!$R$2:$R$366,ROW(INDEX(Jesper!AH$2:AH$366,ROUNDDOWN($C3665/24,0)+1,1))-1)+IF('Standard Profiles'!$G$18=$B$10,7,0)+IF('Standard Profiles'!$G$18=$B$17,14,0)+IF('Standard Profiles'!$G$18=$B$24,21,0),0)),0)</f>
        <v>12.615637081002179</v>
      </c>
      <c r="E3665" cm="1">
        <f t="array" ref="E3665">IFERROR(INDEX(Jesper!AI$2:AI$366,ROUNDDOWN($C3665/24,0)+1,1)*INDEX($D$3:$AA$30,INDEX(Jesper!$R$2:$R$366,ROW(INDEX(Jesper!AI$2:AI$366,ROUNDDOWN($C3665/24,0)+1,1))-1)+IF('Standard Profiles'!$G$19=$B$10,7,0)+IF('Standard Profiles'!$G$19=$B$17,14,0)+IF('Standard Profiles'!$G$19=$B$24,21,0),MOD($C3665,24)+1)/SUM(INDEX($D$3:$AA$30,INDEX(Jesper!$R$2:$R$366,ROW(INDEX(Jesper!AI$2:AI$366,ROUNDDOWN($C3665/24,0)+1,1))-1)+IF('Standard Profiles'!$G$19=$B$10,7,0)+IF('Standard Profiles'!$G$19=$B$17,14,0)+IF('Standard Profiles'!$G$19=$B$24,21,0),0)),0)</f>
        <v>0</v>
      </c>
      <c r="F3665" cm="1">
        <f t="array" ref="F3665">IFERROR(INDEX(Jesper!AJ$2:AJ$366,ROUNDDOWN($C3665/24,0)+1,1)*INDEX($D$3:$AA$30,INDEX(Jesper!$R$2:$R$366,ROW(INDEX(Jesper!AJ$2:AJ$366,ROUNDDOWN($C3665/24,0)+1,1))-1)+IF('Standard Profiles'!$G$20=$B$10,7,0)+IF('Standard Profiles'!$G$20=$B$17,14,0)+IF('Standard Profiles'!$G$20=$B$24,21,0),MOD($C3665,24)+1)/SUM(INDEX($D$3:$AA$30,INDEX(Jesper!$R$2:$R$366,ROW(INDEX(Jesper!AJ$2:AJ$366,ROUNDDOWN($C3665/24,0)+1,1))-1)+IF('Standard Profiles'!$G$20=$B$10,7,0)+IF('Standard Profiles'!$G$20=$B$17,14,0)+IF('Standard Profiles'!$G$20=$B$24,21,0),0)),0)</f>
        <v>0</v>
      </c>
      <c r="G3665" cm="1">
        <f t="array" ref="G3665">IFERROR(INDEX(Jesper!AK$2:AK$366,ROUNDDOWN($C3665/24,0)+1,1)*INDEX($D$3:$AA$30,INDEX(Jesper!$R$2:$R$366,ROW(INDEX(Jesper!AK$2:AK$366,ROUNDDOWN($C3665/24,0)+1,1))-1)+IF('Standard Profiles'!$G$21=$B$10,7,0)+IF('Standard Profiles'!$G$21=$B$17,14,0)+IF('Standard Profiles'!$G$21=$B$24,21,0),MOD($C3665,24)+1)/SUM(INDEX($D$3:$AA$30,INDEX(Jesper!$R$2:$R$366,ROW(INDEX(Jesper!AK$2:AK$366,ROUNDDOWN($C3665/24,0)+1,1))-1)+IF('Standard Profiles'!$G$21=$B$10,7,0)+IF('Standard Profiles'!$G$21=$B$17,14,0)+IF('Standard Profiles'!$G$21=$B$24,21,0),0)),0)</f>
        <v>0</v>
      </c>
      <c r="H3665" cm="1">
        <f t="array" ref="H3665">IFERROR(INDEX(Jesper!AL$2:AL$366,ROUNDDOWN($C3665/24,0)+1,1)*INDEX($D$3:$AA$30,INDEX(Jesper!$R$2:$R$366,ROW(INDEX(Jesper!AL$2:AL$366,ROUNDDOWN($C3665/24,0)+1,1))-1)+IF('Standard Profiles'!$G$22=$B$10,7,0)+IF('Standard Profiles'!$G$22=$B$17,14,0)+IF('Standard Profiles'!$G$22=$B$24,21,0),MOD($C3665,24)+1)/SUM(INDEX($D$3:$AA$30,INDEX(Jesper!$R$2:$R$366,ROW(INDEX(Jesper!AL$2:AL$366,ROUNDDOWN($C3665/24,0)+1,1))-1)+IF('Standard Profiles'!$G$22=$B$10,7,0)+IF('Standard Profiles'!$G$22=$B$17,14,0)+IF('Standard Profiles'!$G$22=$B$24,21,0),0)),0)</f>
        <v>0</v>
      </c>
      <c r="I3665">
        <f t="shared" si="412"/>
        <v>0.37846911243006537</v>
      </c>
      <c r="J3665">
        <f t="shared" si="413"/>
        <v>1.261563708100218</v>
      </c>
      <c r="K3665">
        <f t="shared" si="414"/>
        <v>1.8923455621503267</v>
      </c>
      <c r="L3665">
        <f t="shared" si="415"/>
        <v>9.0832586983215684</v>
      </c>
      <c r="M3665">
        <f t="shared" si="416"/>
        <v>0</v>
      </c>
      <c r="N3665" s="46">
        <f t="shared" si="417"/>
        <v>45443.29166665786</v>
      </c>
    </row>
    <row r="3666" spans="2:14" x14ac:dyDescent="0.3">
      <c r="B3666">
        <f t="shared" si="411"/>
        <v>5</v>
      </c>
      <c r="C3666" s="16">
        <v>3632</v>
      </c>
      <c r="D3666" cm="1">
        <f t="array" ref="D3666">IFERROR(INDEX(Jesper!AH$2:AH$366,ROUNDDOWN($C3666/24,0)+1,1)*INDEX($D$3:$AA$30,INDEX(Jesper!$R$2:$R$366,ROW(INDEX(Jesper!AH$2:AH$366,ROUNDDOWN($C3666/24,0)+1,1))-1)+IF('Standard Profiles'!$G$18=$B$10,7,0)+IF('Standard Profiles'!$G$18=$B$17,14,0)+IF('Standard Profiles'!$G$18=$B$24,21,0),MOD($C3666,24)+1)/SUM(INDEX($D$3:$AA$30,INDEX(Jesper!$R$2:$R$366,ROW(INDEX(Jesper!AH$2:AH$366,ROUNDDOWN($C3666/24,0)+1,1))-1)+IF('Standard Profiles'!$G$18=$B$10,7,0)+IF('Standard Profiles'!$G$18=$B$17,14,0)+IF('Standard Profiles'!$G$18=$B$24,21,0),0)),0)</f>
        <v>12.615637081002179</v>
      </c>
      <c r="E3666" cm="1">
        <f t="array" ref="E3666">IFERROR(INDEX(Jesper!AI$2:AI$366,ROUNDDOWN($C3666/24,0)+1,1)*INDEX($D$3:$AA$30,INDEX(Jesper!$R$2:$R$366,ROW(INDEX(Jesper!AI$2:AI$366,ROUNDDOWN($C3666/24,0)+1,1))-1)+IF('Standard Profiles'!$G$19=$B$10,7,0)+IF('Standard Profiles'!$G$19=$B$17,14,0)+IF('Standard Profiles'!$G$19=$B$24,21,0),MOD($C3666,24)+1)/SUM(INDEX($D$3:$AA$30,INDEX(Jesper!$R$2:$R$366,ROW(INDEX(Jesper!AI$2:AI$366,ROUNDDOWN($C3666/24,0)+1,1))-1)+IF('Standard Profiles'!$G$19=$B$10,7,0)+IF('Standard Profiles'!$G$19=$B$17,14,0)+IF('Standard Profiles'!$G$19=$B$24,21,0),0)),0)</f>
        <v>0</v>
      </c>
      <c r="F3666" cm="1">
        <f t="array" ref="F3666">IFERROR(INDEX(Jesper!AJ$2:AJ$366,ROUNDDOWN($C3666/24,0)+1,1)*INDEX($D$3:$AA$30,INDEX(Jesper!$R$2:$R$366,ROW(INDEX(Jesper!AJ$2:AJ$366,ROUNDDOWN($C3666/24,0)+1,1))-1)+IF('Standard Profiles'!$G$20=$B$10,7,0)+IF('Standard Profiles'!$G$20=$B$17,14,0)+IF('Standard Profiles'!$G$20=$B$24,21,0),MOD($C3666,24)+1)/SUM(INDEX($D$3:$AA$30,INDEX(Jesper!$R$2:$R$366,ROW(INDEX(Jesper!AJ$2:AJ$366,ROUNDDOWN($C3666/24,0)+1,1))-1)+IF('Standard Profiles'!$G$20=$B$10,7,0)+IF('Standard Profiles'!$G$20=$B$17,14,0)+IF('Standard Profiles'!$G$20=$B$24,21,0),0)),0)</f>
        <v>0</v>
      </c>
      <c r="G3666" cm="1">
        <f t="array" ref="G3666">IFERROR(INDEX(Jesper!AK$2:AK$366,ROUNDDOWN($C3666/24,0)+1,1)*INDEX($D$3:$AA$30,INDEX(Jesper!$R$2:$R$366,ROW(INDEX(Jesper!AK$2:AK$366,ROUNDDOWN($C3666/24,0)+1,1))-1)+IF('Standard Profiles'!$G$21=$B$10,7,0)+IF('Standard Profiles'!$G$21=$B$17,14,0)+IF('Standard Profiles'!$G$21=$B$24,21,0),MOD($C3666,24)+1)/SUM(INDEX($D$3:$AA$30,INDEX(Jesper!$R$2:$R$366,ROW(INDEX(Jesper!AK$2:AK$366,ROUNDDOWN($C3666/24,0)+1,1))-1)+IF('Standard Profiles'!$G$21=$B$10,7,0)+IF('Standard Profiles'!$G$21=$B$17,14,0)+IF('Standard Profiles'!$G$21=$B$24,21,0),0)),0)</f>
        <v>0</v>
      </c>
      <c r="H3666" cm="1">
        <f t="array" ref="H3666">IFERROR(INDEX(Jesper!AL$2:AL$366,ROUNDDOWN($C3666/24,0)+1,1)*INDEX($D$3:$AA$30,INDEX(Jesper!$R$2:$R$366,ROW(INDEX(Jesper!AL$2:AL$366,ROUNDDOWN($C3666/24,0)+1,1))-1)+IF('Standard Profiles'!$G$22=$B$10,7,0)+IF('Standard Profiles'!$G$22=$B$17,14,0)+IF('Standard Profiles'!$G$22=$B$24,21,0),MOD($C3666,24)+1)/SUM(INDEX($D$3:$AA$30,INDEX(Jesper!$R$2:$R$366,ROW(INDEX(Jesper!AL$2:AL$366,ROUNDDOWN($C3666/24,0)+1,1))-1)+IF('Standard Profiles'!$G$22=$B$10,7,0)+IF('Standard Profiles'!$G$22=$B$17,14,0)+IF('Standard Profiles'!$G$22=$B$24,21,0),0)),0)</f>
        <v>0</v>
      </c>
      <c r="I3666">
        <f t="shared" si="412"/>
        <v>0.37846911243006537</v>
      </c>
      <c r="J3666">
        <f t="shared" si="413"/>
        <v>1.261563708100218</v>
      </c>
      <c r="K3666">
        <f t="shared" si="414"/>
        <v>1.8923455621503267</v>
      </c>
      <c r="L3666">
        <f t="shared" si="415"/>
        <v>9.0832586983215684</v>
      </c>
      <c r="M3666">
        <f t="shared" si="416"/>
        <v>0</v>
      </c>
      <c r="N3666" s="46">
        <f t="shared" si="417"/>
        <v>45443.333333324525</v>
      </c>
    </row>
    <row r="3667" spans="2:14" x14ac:dyDescent="0.3">
      <c r="B3667">
        <f t="shared" si="411"/>
        <v>5</v>
      </c>
      <c r="C3667" s="16">
        <v>3633</v>
      </c>
      <c r="D3667" cm="1">
        <f t="array" ref="D3667">IFERROR(INDEX(Jesper!AH$2:AH$366,ROUNDDOWN($C3667/24,0)+1,1)*INDEX($D$3:$AA$30,INDEX(Jesper!$R$2:$R$366,ROW(INDEX(Jesper!AH$2:AH$366,ROUNDDOWN($C3667/24,0)+1,1))-1)+IF('Standard Profiles'!$G$18=$B$10,7,0)+IF('Standard Profiles'!$G$18=$B$17,14,0)+IF('Standard Profiles'!$G$18=$B$24,21,0),MOD($C3667,24)+1)/SUM(INDEX($D$3:$AA$30,INDEX(Jesper!$R$2:$R$366,ROW(INDEX(Jesper!AH$2:AH$366,ROUNDDOWN($C3667/24,0)+1,1))-1)+IF('Standard Profiles'!$G$18=$B$10,7,0)+IF('Standard Profiles'!$G$18=$B$17,14,0)+IF('Standard Profiles'!$G$18=$B$24,21,0),0)),0)</f>
        <v>13.516754015359474</v>
      </c>
      <c r="E3667" cm="1">
        <f t="array" ref="E3667">IFERROR(INDEX(Jesper!AI$2:AI$366,ROUNDDOWN($C3667/24,0)+1,1)*INDEX($D$3:$AA$30,INDEX(Jesper!$R$2:$R$366,ROW(INDEX(Jesper!AI$2:AI$366,ROUNDDOWN($C3667/24,0)+1,1))-1)+IF('Standard Profiles'!$G$19=$B$10,7,0)+IF('Standard Profiles'!$G$19=$B$17,14,0)+IF('Standard Profiles'!$G$19=$B$24,21,0),MOD($C3667,24)+1)/SUM(INDEX($D$3:$AA$30,INDEX(Jesper!$R$2:$R$366,ROW(INDEX(Jesper!AI$2:AI$366,ROUNDDOWN($C3667/24,0)+1,1))-1)+IF('Standard Profiles'!$G$19=$B$10,7,0)+IF('Standard Profiles'!$G$19=$B$17,14,0)+IF('Standard Profiles'!$G$19=$B$24,21,0),0)),0)</f>
        <v>0</v>
      </c>
      <c r="F3667" cm="1">
        <f t="array" ref="F3667">IFERROR(INDEX(Jesper!AJ$2:AJ$366,ROUNDDOWN($C3667/24,0)+1,1)*INDEX($D$3:$AA$30,INDEX(Jesper!$R$2:$R$366,ROW(INDEX(Jesper!AJ$2:AJ$366,ROUNDDOWN($C3667/24,0)+1,1))-1)+IF('Standard Profiles'!$G$20=$B$10,7,0)+IF('Standard Profiles'!$G$20=$B$17,14,0)+IF('Standard Profiles'!$G$20=$B$24,21,0),MOD($C3667,24)+1)/SUM(INDEX($D$3:$AA$30,INDEX(Jesper!$R$2:$R$366,ROW(INDEX(Jesper!AJ$2:AJ$366,ROUNDDOWN($C3667/24,0)+1,1))-1)+IF('Standard Profiles'!$G$20=$B$10,7,0)+IF('Standard Profiles'!$G$20=$B$17,14,0)+IF('Standard Profiles'!$G$20=$B$24,21,0),0)),0)</f>
        <v>0</v>
      </c>
      <c r="G3667" cm="1">
        <f t="array" ref="G3667">IFERROR(INDEX(Jesper!AK$2:AK$366,ROUNDDOWN($C3667/24,0)+1,1)*INDEX($D$3:$AA$30,INDEX(Jesper!$R$2:$R$366,ROW(INDEX(Jesper!AK$2:AK$366,ROUNDDOWN($C3667/24,0)+1,1))-1)+IF('Standard Profiles'!$G$21=$B$10,7,0)+IF('Standard Profiles'!$G$21=$B$17,14,0)+IF('Standard Profiles'!$G$21=$B$24,21,0),MOD($C3667,24)+1)/SUM(INDEX($D$3:$AA$30,INDEX(Jesper!$R$2:$R$366,ROW(INDEX(Jesper!AK$2:AK$366,ROUNDDOWN($C3667/24,0)+1,1))-1)+IF('Standard Profiles'!$G$21=$B$10,7,0)+IF('Standard Profiles'!$G$21=$B$17,14,0)+IF('Standard Profiles'!$G$21=$B$24,21,0),0)),0)</f>
        <v>0</v>
      </c>
      <c r="H3667" cm="1">
        <f t="array" ref="H3667">IFERROR(INDEX(Jesper!AL$2:AL$366,ROUNDDOWN($C3667/24,0)+1,1)*INDEX($D$3:$AA$30,INDEX(Jesper!$R$2:$R$366,ROW(INDEX(Jesper!AL$2:AL$366,ROUNDDOWN($C3667/24,0)+1,1))-1)+IF('Standard Profiles'!$G$22=$B$10,7,0)+IF('Standard Profiles'!$G$22=$B$17,14,0)+IF('Standard Profiles'!$G$22=$B$24,21,0),MOD($C3667,24)+1)/SUM(INDEX($D$3:$AA$30,INDEX(Jesper!$R$2:$R$366,ROW(INDEX(Jesper!AL$2:AL$366,ROUNDDOWN($C3667/24,0)+1,1))-1)+IF('Standard Profiles'!$G$22=$B$10,7,0)+IF('Standard Profiles'!$G$22=$B$17,14,0)+IF('Standard Profiles'!$G$22=$B$24,21,0),0)),0)</f>
        <v>0</v>
      </c>
      <c r="I3667">
        <f t="shared" si="412"/>
        <v>0.40550262046078422</v>
      </c>
      <c r="J3667">
        <f t="shared" si="413"/>
        <v>1.3516754015359476</v>
      </c>
      <c r="K3667">
        <f t="shared" si="414"/>
        <v>2.0275131023039212</v>
      </c>
      <c r="L3667">
        <f t="shared" si="415"/>
        <v>9.7320628910588205</v>
      </c>
      <c r="M3667">
        <f t="shared" si="416"/>
        <v>0</v>
      </c>
      <c r="N3667" s="46">
        <f t="shared" si="417"/>
        <v>45443.374999991189</v>
      </c>
    </row>
    <row r="3668" spans="2:14" x14ac:dyDescent="0.3">
      <c r="B3668">
        <f t="shared" si="411"/>
        <v>5</v>
      </c>
      <c r="C3668" s="16">
        <v>3634</v>
      </c>
      <c r="D3668" cm="1">
        <f t="array" ref="D3668">IFERROR(INDEX(Jesper!AH$2:AH$366,ROUNDDOWN($C3668/24,0)+1,1)*INDEX($D$3:$AA$30,INDEX(Jesper!$R$2:$R$366,ROW(INDEX(Jesper!AH$2:AH$366,ROUNDDOWN($C3668/24,0)+1,1))-1)+IF('Standard Profiles'!$G$18=$B$10,7,0)+IF('Standard Profiles'!$G$18=$B$17,14,0)+IF('Standard Profiles'!$G$18=$B$24,21,0),MOD($C3668,24)+1)/SUM(INDEX($D$3:$AA$30,INDEX(Jesper!$R$2:$R$366,ROW(INDEX(Jesper!AH$2:AH$366,ROUNDDOWN($C3668/24,0)+1,1))-1)+IF('Standard Profiles'!$G$18=$B$10,7,0)+IF('Standard Profiles'!$G$18=$B$17,14,0)+IF('Standard Profiles'!$G$18=$B$24,21,0),0)),0)</f>
        <v>14.057424175973855</v>
      </c>
      <c r="E3668" cm="1">
        <f t="array" ref="E3668">IFERROR(INDEX(Jesper!AI$2:AI$366,ROUNDDOWN($C3668/24,0)+1,1)*INDEX($D$3:$AA$30,INDEX(Jesper!$R$2:$R$366,ROW(INDEX(Jesper!AI$2:AI$366,ROUNDDOWN($C3668/24,0)+1,1))-1)+IF('Standard Profiles'!$G$19=$B$10,7,0)+IF('Standard Profiles'!$G$19=$B$17,14,0)+IF('Standard Profiles'!$G$19=$B$24,21,0),MOD($C3668,24)+1)/SUM(INDEX($D$3:$AA$30,INDEX(Jesper!$R$2:$R$366,ROW(INDEX(Jesper!AI$2:AI$366,ROUNDDOWN($C3668/24,0)+1,1))-1)+IF('Standard Profiles'!$G$19=$B$10,7,0)+IF('Standard Profiles'!$G$19=$B$17,14,0)+IF('Standard Profiles'!$G$19=$B$24,21,0),0)),0)</f>
        <v>0</v>
      </c>
      <c r="F3668" cm="1">
        <f t="array" ref="F3668">IFERROR(INDEX(Jesper!AJ$2:AJ$366,ROUNDDOWN($C3668/24,0)+1,1)*INDEX($D$3:$AA$30,INDEX(Jesper!$R$2:$R$366,ROW(INDEX(Jesper!AJ$2:AJ$366,ROUNDDOWN($C3668/24,0)+1,1))-1)+IF('Standard Profiles'!$G$20=$B$10,7,0)+IF('Standard Profiles'!$G$20=$B$17,14,0)+IF('Standard Profiles'!$G$20=$B$24,21,0),MOD($C3668,24)+1)/SUM(INDEX($D$3:$AA$30,INDEX(Jesper!$R$2:$R$366,ROW(INDEX(Jesper!AJ$2:AJ$366,ROUNDDOWN($C3668/24,0)+1,1))-1)+IF('Standard Profiles'!$G$20=$B$10,7,0)+IF('Standard Profiles'!$G$20=$B$17,14,0)+IF('Standard Profiles'!$G$20=$B$24,21,0),0)),0)</f>
        <v>0</v>
      </c>
      <c r="G3668" cm="1">
        <f t="array" ref="G3668">IFERROR(INDEX(Jesper!AK$2:AK$366,ROUNDDOWN($C3668/24,0)+1,1)*INDEX($D$3:$AA$30,INDEX(Jesper!$R$2:$R$366,ROW(INDEX(Jesper!AK$2:AK$366,ROUNDDOWN($C3668/24,0)+1,1))-1)+IF('Standard Profiles'!$G$21=$B$10,7,0)+IF('Standard Profiles'!$G$21=$B$17,14,0)+IF('Standard Profiles'!$G$21=$B$24,21,0),MOD($C3668,24)+1)/SUM(INDEX($D$3:$AA$30,INDEX(Jesper!$R$2:$R$366,ROW(INDEX(Jesper!AK$2:AK$366,ROUNDDOWN($C3668/24,0)+1,1))-1)+IF('Standard Profiles'!$G$21=$B$10,7,0)+IF('Standard Profiles'!$G$21=$B$17,14,0)+IF('Standard Profiles'!$G$21=$B$24,21,0),0)),0)</f>
        <v>0</v>
      </c>
      <c r="H3668" cm="1">
        <f t="array" ref="H3668">IFERROR(INDEX(Jesper!AL$2:AL$366,ROUNDDOWN($C3668/24,0)+1,1)*INDEX($D$3:$AA$30,INDEX(Jesper!$R$2:$R$366,ROW(INDEX(Jesper!AL$2:AL$366,ROUNDDOWN($C3668/24,0)+1,1))-1)+IF('Standard Profiles'!$G$22=$B$10,7,0)+IF('Standard Profiles'!$G$22=$B$17,14,0)+IF('Standard Profiles'!$G$22=$B$24,21,0),MOD($C3668,24)+1)/SUM(INDEX($D$3:$AA$30,INDEX(Jesper!$R$2:$R$366,ROW(INDEX(Jesper!AL$2:AL$366,ROUNDDOWN($C3668/24,0)+1,1))-1)+IF('Standard Profiles'!$G$22=$B$10,7,0)+IF('Standard Profiles'!$G$22=$B$17,14,0)+IF('Standard Profiles'!$G$22=$B$24,21,0),0)),0)</f>
        <v>0</v>
      </c>
      <c r="I3668">
        <f t="shared" si="412"/>
        <v>0.42172272527921562</v>
      </c>
      <c r="J3668">
        <f t="shared" si="413"/>
        <v>1.4057424175973856</v>
      </c>
      <c r="K3668">
        <f t="shared" si="414"/>
        <v>2.1086136263960782</v>
      </c>
      <c r="L3668">
        <f t="shared" si="415"/>
        <v>10.121345406701176</v>
      </c>
      <c r="M3668">
        <f t="shared" si="416"/>
        <v>0</v>
      </c>
      <c r="N3668" s="46">
        <f t="shared" si="417"/>
        <v>45443.416666657853</v>
      </c>
    </row>
    <row r="3669" spans="2:14" x14ac:dyDescent="0.3">
      <c r="B3669">
        <f t="shared" si="411"/>
        <v>5</v>
      </c>
      <c r="C3669" s="16">
        <v>3635</v>
      </c>
      <c r="D3669" cm="1">
        <f t="array" ref="D3669">IFERROR(INDEX(Jesper!AH$2:AH$366,ROUNDDOWN($C3669/24,0)+1,1)*INDEX($D$3:$AA$30,INDEX(Jesper!$R$2:$R$366,ROW(INDEX(Jesper!AH$2:AH$366,ROUNDDOWN($C3669/24,0)+1,1))-1)+IF('Standard Profiles'!$G$18=$B$10,7,0)+IF('Standard Profiles'!$G$18=$B$17,14,0)+IF('Standard Profiles'!$G$18=$B$24,21,0),MOD($C3669,24)+1)/SUM(INDEX($D$3:$AA$30,INDEX(Jesper!$R$2:$R$366,ROW(INDEX(Jesper!AH$2:AH$366,ROUNDDOWN($C3669/24,0)+1,1))-1)+IF('Standard Profiles'!$G$18=$B$10,7,0)+IF('Standard Profiles'!$G$18=$B$17,14,0)+IF('Standard Profiles'!$G$18=$B$24,21,0),0)),0)</f>
        <v>16.22010481843137</v>
      </c>
      <c r="E3669" cm="1">
        <f t="array" ref="E3669">IFERROR(INDEX(Jesper!AI$2:AI$366,ROUNDDOWN($C3669/24,0)+1,1)*INDEX($D$3:$AA$30,INDEX(Jesper!$R$2:$R$366,ROW(INDEX(Jesper!AI$2:AI$366,ROUNDDOWN($C3669/24,0)+1,1))-1)+IF('Standard Profiles'!$G$19=$B$10,7,0)+IF('Standard Profiles'!$G$19=$B$17,14,0)+IF('Standard Profiles'!$G$19=$B$24,21,0),MOD($C3669,24)+1)/SUM(INDEX($D$3:$AA$30,INDEX(Jesper!$R$2:$R$366,ROW(INDEX(Jesper!AI$2:AI$366,ROUNDDOWN($C3669/24,0)+1,1))-1)+IF('Standard Profiles'!$G$19=$B$10,7,0)+IF('Standard Profiles'!$G$19=$B$17,14,0)+IF('Standard Profiles'!$G$19=$B$24,21,0),0)),0)</f>
        <v>0</v>
      </c>
      <c r="F3669" cm="1">
        <f t="array" ref="F3669">IFERROR(INDEX(Jesper!AJ$2:AJ$366,ROUNDDOWN($C3669/24,0)+1,1)*INDEX($D$3:$AA$30,INDEX(Jesper!$R$2:$R$366,ROW(INDEX(Jesper!AJ$2:AJ$366,ROUNDDOWN($C3669/24,0)+1,1))-1)+IF('Standard Profiles'!$G$20=$B$10,7,0)+IF('Standard Profiles'!$G$20=$B$17,14,0)+IF('Standard Profiles'!$G$20=$B$24,21,0),MOD($C3669,24)+1)/SUM(INDEX($D$3:$AA$30,INDEX(Jesper!$R$2:$R$366,ROW(INDEX(Jesper!AJ$2:AJ$366,ROUNDDOWN($C3669/24,0)+1,1))-1)+IF('Standard Profiles'!$G$20=$B$10,7,0)+IF('Standard Profiles'!$G$20=$B$17,14,0)+IF('Standard Profiles'!$G$20=$B$24,21,0),0)),0)</f>
        <v>0</v>
      </c>
      <c r="G3669" cm="1">
        <f t="array" ref="G3669">IFERROR(INDEX(Jesper!AK$2:AK$366,ROUNDDOWN($C3669/24,0)+1,1)*INDEX($D$3:$AA$30,INDEX(Jesper!$R$2:$R$366,ROW(INDEX(Jesper!AK$2:AK$366,ROUNDDOWN($C3669/24,0)+1,1))-1)+IF('Standard Profiles'!$G$21=$B$10,7,0)+IF('Standard Profiles'!$G$21=$B$17,14,0)+IF('Standard Profiles'!$G$21=$B$24,21,0),MOD($C3669,24)+1)/SUM(INDEX($D$3:$AA$30,INDEX(Jesper!$R$2:$R$366,ROW(INDEX(Jesper!AK$2:AK$366,ROUNDDOWN($C3669/24,0)+1,1))-1)+IF('Standard Profiles'!$G$21=$B$10,7,0)+IF('Standard Profiles'!$G$21=$B$17,14,0)+IF('Standard Profiles'!$G$21=$B$24,21,0),0)),0)</f>
        <v>0</v>
      </c>
      <c r="H3669" cm="1">
        <f t="array" ref="H3669">IFERROR(INDEX(Jesper!AL$2:AL$366,ROUNDDOWN($C3669/24,0)+1,1)*INDEX($D$3:$AA$30,INDEX(Jesper!$R$2:$R$366,ROW(INDEX(Jesper!AL$2:AL$366,ROUNDDOWN($C3669/24,0)+1,1))-1)+IF('Standard Profiles'!$G$22=$B$10,7,0)+IF('Standard Profiles'!$G$22=$B$17,14,0)+IF('Standard Profiles'!$G$22=$B$24,21,0),MOD($C3669,24)+1)/SUM(INDEX($D$3:$AA$30,INDEX(Jesper!$R$2:$R$366,ROW(INDEX(Jesper!AL$2:AL$366,ROUNDDOWN($C3669/24,0)+1,1))-1)+IF('Standard Profiles'!$G$22=$B$10,7,0)+IF('Standard Profiles'!$G$22=$B$17,14,0)+IF('Standard Profiles'!$G$22=$B$24,21,0),0)),0)</f>
        <v>0</v>
      </c>
      <c r="I3669">
        <f t="shared" si="412"/>
        <v>0.48660314455294107</v>
      </c>
      <c r="J3669">
        <f t="shared" si="413"/>
        <v>1.6220104818431371</v>
      </c>
      <c r="K3669">
        <f t="shared" si="414"/>
        <v>2.4330157227647056</v>
      </c>
      <c r="L3669">
        <f t="shared" si="415"/>
        <v>11.678475469270586</v>
      </c>
      <c r="M3669">
        <f t="shared" si="416"/>
        <v>0</v>
      </c>
      <c r="N3669" s="46">
        <f t="shared" si="417"/>
        <v>45443.458333324517</v>
      </c>
    </row>
    <row r="3670" spans="2:14" x14ac:dyDescent="0.3">
      <c r="B3670">
        <f t="shared" si="411"/>
        <v>5</v>
      </c>
      <c r="C3670" s="16">
        <v>3636</v>
      </c>
      <c r="D3670" cm="1">
        <f t="array" ref="D3670">IFERROR(INDEX(Jesper!AH$2:AH$366,ROUNDDOWN($C3670/24,0)+1,1)*INDEX($D$3:$AA$30,INDEX(Jesper!$R$2:$R$366,ROW(INDEX(Jesper!AH$2:AH$366,ROUNDDOWN($C3670/24,0)+1,1))-1)+IF('Standard Profiles'!$G$18=$B$10,7,0)+IF('Standard Profiles'!$G$18=$B$17,14,0)+IF('Standard Profiles'!$G$18=$B$24,21,0),MOD($C3670,24)+1)/SUM(INDEX($D$3:$AA$30,INDEX(Jesper!$R$2:$R$366,ROW(INDEX(Jesper!AH$2:AH$366,ROUNDDOWN($C3670/24,0)+1,1))-1)+IF('Standard Profiles'!$G$18=$B$10,7,0)+IF('Standard Profiles'!$G$18=$B$17,14,0)+IF('Standard Profiles'!$G$18=$B$24,21,0),0)),0)</f>
        <v>16.22010481843137</v>
      </c>
      <c r="E3670" cm="1">
        <f t="array" ref="E3670">IFERROR(INDEX(Jesper!AI$2:AI$366,ROUNDDOWN($C3670/24,0)+1,1)*INDEX($D$3:$AA$30,INDEX(Jesper!$R$2:$R$366,ROW(INDEX(Jesper!AI$2:AI$366,ROUNDDOWN($C3670/24,0)+1,1))-1)+IF('Standard Profiles'!$G$19=$B$10,7,0)+IF('Standard Profiles'!$G$19=$B$17,14,0)+IF('Standard Profiles'!$G$19=$B$24,21,0),MOD($C3670,24)+1)/SUM(INDEX($D$3:$AA$30,INDEX(Jesper!$R$2:$R$366,ROW(INDEX(Jesper!AI$2:AI$366,ROUNDDOWN($C3670/24,0)+1,1))-1)+IF('Standard Profiles'!$G$19=$B$10,7,0)+IF('Standard Profiles'!$G$19=$B$17,14,0)+IF('Standard Profiles'!$G$19=$B$24,21,0),0)),0)</f>
        <v>0</v>
      </c>
      <c r="F3670" cm="1">
        <f t="array" ref="F3670">IFERROR(INDEX(Jesper!AJ$2:AJ$366,ROUNDDOWN($C3670/24,0)+1,1)*INDEX($D$3:$AA$30,INDEX(Jesper!$R$2:$R$366,ROW(INDEX(Jesper!AJ$2:AJ$366,ROUNDDOWN($C3670/24,0)+1,1))-1)+IF('Standard Profiles'!$G$20=$B$10,7,0)+IF('Standard Profiles'!$G$20=$B$17,14,0)+IF('Standard Profiles'!$G$20=$B$24,21,0),MOD($C3670,24)+1)/SUM(INDEX($D$3:$AA$30,INDEX(Jesper!$R$2:$R$366,ROW(INDEX(Jesper!AJ$2:AJ$366,ROUNDDOWN($C3670/24,0)+1,1))-1)+IF('Standard Profiles'!$G$20=$B$10,7,0)+IF('Standard Profiles'!$G$20=$B$17,14,0)+IF('Standard Profiles'!$G$20=$B$24,21,0),0)),0)</f>
        <v>0</v>
      </c>
      <c r="G3670" cm="1">
        <f t="array" ref="G3670">IFERROR(INDEX(Jesper!AK$2:AK$366,ROUNDDOWN($C3670/24,0)+1,1)*INDEX($D$3:$AA$30,INDEX(Jesper!$R$2:$R$366,ROW(INDEX(Jesper!AK$2:AK$366,ROUNDDOWN($C3670/24,0)+1,1))-1)+IF('Standard Profiles'!$G$21=$B$10,7,0)+IF('Standard Profiles'!$G$21=$B$17,14,0)+IF('Standard Profiles'!$G$21=$B$24,21,0),MOD($C3670,24)+1)/SUM(INDEX($D$3:$AA$30,INDEX(Jesper!$R$2:$R$366,ROW(INDEX(Jesper!AK$2:AK$366,ROUNDDOWN($C3670/24,0)+1,1))-1)+IF('Standard Profiles'!$G$21=$B$10,7,0)+IF('Standard Profiles'!$G$21=$B$17,14,0)+IF('Standard Profiles'!$G$21=$B$24,21,0),0)),0)</f>
        <v>0</v>
      </c>
      <c r="H3670" cm="1">
        <f t="array" ref="H3670">IFERROR(INDEX(Jesper!AL$2:AL$366,ROUNDDOWN($C3670/24,0)+1,1)*INDEX($D$3:$AA$30,INDEX(Jesper!$R$2:$R$366,ROW(INDEX(Jesper!AL$2:AL$366,ROUNDDOWN($C3670/24,0)+1,1))-1)+IF('Standard Profiles'!$G$22=$B$10,7,0)+IF('Standard Profiles'!$G$22=$B$17,14,0)+IF('Standard Profiles'!$G$22=$B$24,21,0),MOD($C3670,24)+1)/SUM(INDEX($D$3:$AA$30,INDEX(Jesper!$R$2:$R$366,ROW(INDEX(Jesper!AL$2:AL$366,ROUNDDOWN($C3670/24,0)+1,1))-1)+IF('Standard Profiles'!$G$22=$B$10,7,0)+IF('Standard Profiles'!$G$22=$B$17,14,0)+IF('Standard Profiles'!$G$22=$B$24,21,0),0)),0)</f>
        <v>0</v>
      </c>
      <c r="I3670">
        <f t="shared" si="412"/>
        <v>0.48660314455294107</v>
      </c>
      <c r="J3670">
        <f t="shared" si="413"/>
        <v>1.6220104818431371</v>
      </c>
      <c r="K3670">
        <f t="shared" si="414"/>
        <v>2.4330157227647056</v>
      </c>
      <c r="L3670">
        <f t="shared" si="415"/>
        <v>11.678475469270586</v>
      </c>
      <c r="M3670">
        <f t="shared" si="416"/>
        <v>0</v>
      </c>
      <c r="N3670" s="46">
        <f t="shared" si="417"/>
        <v>45443.499999991182</v>
      </c>
    </row>
    <row r="3671" spans="2:14" x14ac:dyDescent="0.3">
      <c r="B3671">
        <f t="shared" si="411"/>
        <v>5</v>
      </c>
      <c r="C3671" s="16">
        <v>3637</v>
      </c>
      <c r="D3671" cm="1">
        <f t="array" ref="D3671">IFERROR(INDEX(Jesper!AH$2:AH$366,ROUNDDOWN($C3671/24,0)+1,1)*INDEX($D$3:$AA$30,INDEX(Jesper!$R$2:$R$366,ROW(INDEX(Jesper!AH$2:AH$366,ROUNDDOWN($C3671/24,0)+1,1))-1)+IF('Standard Profiles'!$G$18=$B$10,7,0)+IF('Standard Profiles'!$G$18=$B$17,14,0)+IF('Standard Profiles'!$G$18=$B$24,21,0),MOD($C3671,24)+1)/SUM(INDEX($D$3:$AA$30,INDEX(Jesper!$R$2:$R$366,ROW(INDEX(Jesper!AH$2:AH$366,ROUNDDOWN($C3671/24,0)+1,1))-1)+IF('Standard Profiles'!$G$18=$B$10,7,0)+IF('Standard Profiles'!$G$18=$B$17,14,0)+IF('Standard Profiles'!$G$18=$B$24,21,0),0)),0)</f>
        <v>16.22010481843137</v>
      </c>
      <c r="E3671" cm="1">
        <f t="array" ref="E3671">IFERROR(INDEX(Jesper!AI$2:AI$366,ROUNDDOWN($C3671/24,0)+1,1)*INDEX($D$3:$AA$30,INDEX(Jesper!$R$2:$R$366,ROW(INDEX(Jesper!AI$2:AI$366,ROUNDDOWN($C3671/24,0)+1,1))-1)+IF('Standard Profiles'!$G$19=$B$10,7,0)+IF('Standard Profiles'!$G$19=$B$17,14,0)+IF('Standard Profiles'!$G$19=$B$24,21,0),MOD($C3671,24)+1)/SUM(INDEX($D$3:$AA$30,INDEX(Jesper!$R$2:$R$366,ROW(INDEX(Jesper!AI$2:AI$366,ROUNDDOWN($C3671/24,0)+1,1))-1)+IF('Standard Profiles'!$G$19=$B$10,7,0)+IF('Standard Profiles'!$G$19=$B$17,14,0)+IF('Standard Profiles'!$G$19=$B$24,21,0),0)),0)</f>
        <v>0</v>
      </c>
      <c r="F3671" cm="1">
        <f t="array" ref="F3671">IFERROR(INDEX(Jesper!AJ$2:AJ$366,ROUNDDOWN($C3671/24,0)+1,1)*INDEX($D$3:$AA$30,INDEX(Jesper!$R$2:$R$366,ROW(INDEX(Jesper!AJ$2:AJ$366,ROUNDDOWN($C3671/24,0)+1,1))-1)+IF('Standard Profiles'!$G$20=$B$10,7,0)+IF('Standard Profiles'!$G$20=$B$17,14,0)+IF('Standard Profiles'!$G$20=$B$24,21,0),MOD($C3671,24)+1)/SUM(INDEX($D$3:$AA$30,INDEX(Jesper!$R$2:$R$366,ROW(INDEX(Jesper!AJ$2:AJ$366,ROUNDDOWN($C3671/24,0)+1,1))-1)+IF('Standard Profiles'!$G$20=$B$10,7,0)+IF('Standard Profiles'!$G$20=$B$17,14,0)+IF('Standard Profiles'!$G$20=$B$24,21,0),0)),0)</f>
        <v>0</v>
      </c>
      <c r="G3671" cm="1">
        <f t="array" ref="G3671">IFERROR(INDEX(Jesper!AK$2:AK$366,ROUNDDOWN($C3671/24,0)+1,1)*INDEX($D$3:$AA$30,INDEX(Jesper!$R$2:$R$366,ROW(INDEX(Jesper!AK$2:AK$366,ROUNDDOWN($C3671/24,0)+1,1))-1)+IF('Standard Profiles'!$G$21=$B$10,7,0)+IF('Standard Profiles'!$G$21=$B$17,14,0)+IF('Standard Profiles'!$G$21=$B$24,21,0),MOD($C3671,24)+1)/SUM(INDEX($D$3:$AA$30,INDEX(Jesper!$R$2:$R$366,ROW(INDEX(Jesper!AK$2:AK$366,ROUNDDOWN($C3671/24,0)+1,1))-1)+IF('Standard Profiles'!$G$21=$B$10,7,0)+IF('Standard Profiles'!$G$21=$B$17,14,0)+IF('Standard Profiles'!$G$21=$B$24,21,0),0)),0)</f>
        <v>0</v>
      </c>
      <c r="H3671" cm="1">
        <f t="array" ref="H3671">IFERROR(INDEX(Jesper!AL$2:AL$366,ROUNDDOWN($C3671/24,0)+1,1)*INDEX($D$3:$AA$30,INDEX(Jesper!$R$2:$R$366,ROW(INDEX(Jesper!AL$2:AL$366,ROUNDDOWN($C3671/24,0)+1,1))-1)+IF('Standard Profiles'!$G$22=$B$10,7,0)+IF('Standard Profiles'!$G$22=$B$17,14,0)+IF('Standard Profiles'!$G$22=$B$24,21,0),MOD($C3671,24)+1)/SUM(INDEX($D$3:$AA$30,INDEX(Jesper!$R$2:$R$366,ROW(INDEX(Jesper!AL$2:AL$366,ROUNDDOWN($C3671/24,0)+1,1))-1)+IF('Standard Profiles'!$G$22=$B$10,7,0)+IF('Standard Profiles'!$G$22=$B$17,14,0)+IF('Standard Profiles'!$G$22=$B$24,21,0),0)),0)</f>
        <v>0</v>
      </c>
      <c r="I3671">
        <f t="shared" si="412"/>
        <v>0.48660314455294107</v>
      </c>
      <c r="J3671">
        <f t="shared" si="413"/>
        <v>1.6220104818431371</v>
      </c>
      <c r="K3671">
        <f t="shared" si="414"/>
        <v>2.4330157227647056</v>
      </c>
      <c r="L3671">
        <f t="shared" si="415"/>
        <v>11.678475469270586</v>
      </c>
      <c r="M3671">
        <f t="shared" si="416"/>
        <v>0</v>
      </c>
      <c r="N3671" s="46">
        <f t="shared" si="417"/>
        <v>45443.541666657846</v>
      </c>
    </row>
    <row r="3672" spans="2:14" x14ac:dyDescent="0.3">
      <c r="B3672">
        <f t="shared" si="411"/>
        <v>5</v>
      </c>
      <c r="C3672" s="16">
        <v>3638</v>
      </c>
      <c r="D3672" cm="1">
        <f t="array" ref="D3672">IFERROR(INDEX(Jesper!AH$2:AH$366,ROUNDDOWN($C3672/24,0)+1,1)*INDEX($D$3:$AA$30,INDEX(Jesper!$R$2:$R$366,ROW(INDEX(Jesper!AH$2:AH$366,ROUNDDOWN($C3672/24,0)+1,1))-1)+IF('Standard Profiles'!$G$18=$B$10,7,0)+IF('Standard Profiles'!$G$18=$B$17,14,0)+IF('Standard Profiles'!$G$18=$B$24,21,0),MOD($C3672,24)+1)/SUM(INDEX($D$3:$AA$30,INDEX(Jesper!$R$2:$R$366,ROW(INDEX(Jesper!AH$2:AH$366,ROUNDDOWN($C3672/24,0)+1,1))-1)+IF('Standard Profiles'!$G$18=$B$10,7,0)+IF('Standard Profiles'!$G$18=$B$17,14,0)+IF('Standard Profiles'!$G$18=$B$24,21,0),0)),0)</f>
        <v>16.22010481843137</v>
      </c>
      <c r="E3672" cm="1">
        <f t="array" ref="E3672">IFERROR(INDEX(Jesper!AI$2:AI$366,ROUNDDOWN($C3672/24,0)+1,1)*INDEX($D$3:$AA$30,INDEX(Jesper!$R$2:$R$366,ROW(INDEX(Jesper!AI$2:AI$366,ROUNDDOWN($C3672/24,0)+1,1))-1)+IF('Standard Profiles'!$G$19=$B$10,7,0)+IF('Standard Profiles'!$G$19=$B$17,14,0)+IF('Standard Profiles'!$G$19=$B$24,21,0),MOD($C3672,24)+1)/SUM(INDEX($D$3:$AA$30,INDEX(Jesper!$R$2:$R$366,ROW(INDEX(Jesper!AI$2:AI$366,ROUNDDOWN($C3672/24,0)+1,1))-1)+IF('Standard Profiles'!$G$19=$B$10,7,0)+IF('Standard Profiles'!$G$19=$B$17,14,0)+IF('Standard Profiles'!$G$19=$B$24,21,0),0)),0)</f>
        <v>0</v>
      </c>
      <c r="F3672" cm="1">
        <f t="array" ref="F3672">IFERROR(INDEX(Jesper!AJ$2:AJ$366,ROUNDDOWN($C3672/24,0)+1,1)*INDEX($D$3:$AA$30,INDEX(Jesper!$R$2:$R$366,ROW(INDEX(Jesper!AJ$2:AJ$366,ROUNDDOWN($C3672/24,0)+1,1))-1)+IF('Standard Profiles'!$G$20=$B$10,7,0)+IF('Standard Profiles'!$G$20=$B$17,14,0)+IF('Standard Profiles'!$G$20=$B$24,21,0),MOD($C3672,24)+1)/SUM(INDEX($D$3:$AA$30,INDEX(Jesper!$R$2:$R$366,ROW(INDEX(Jesper!AJ$2:AJ$366,ROUNDDOWN($C3672/24,0)+1,1))-1)+IF('Standard Profiles'!$G$20=$B$10,7,0)+IF('Standard Profiles'!$G$20=$B$17,14,0)+IF('Standard Profiles'!$G$20=$B$24,21,0),0)),0)</f>
        <v>0</v>
      </c>
      <c r="G3672" cm="1">
        <f t="array" ref="G3672">IFERROR(INDEX(Jesper!AK$2:AK$366,ROUNDDOWN($C3672/24,0)+1,1)*INDEX($D$3:$AA$30,INDEX(Jesper!$R$2:$R$366,ROW(INDEX(Jesper!AK$2:AK$366,ROUNDDOWN($C3672/24,0)+1,1))-1)+IF('Standard Profiles'!$G$21=$B$10,7,0)+IF('Standard Profiles'!$G$21=$B$17,14,0)+IF('Standard Profiles'!$G$21=$B$24,21,0),MOD($C3672,24)+1)/SUM(INDEX($D$3:$AA$30,INDEX(Jesper!$R$2:$R$366,ROW(INDEX(Jesper!AK$2:AK$366,ROUNDDOWN($C3672/24,0)+1,1))-1)+IF('Standard Profiles'!$G$21=$B$10,7,0)+IF('Standard Profiles'!$G$21=$B$17,14,0)+IF('Standard Profiles'!$G$21=$B$24,21,0),0)),0)</f>
        <v>0</v>
      </c>
      <c r="H3672" cm="1">
        <f t="array" ref="H3672">IFERROR(INDEX(Jesper!AL$2:AL$366,ROUNDDOWN($C3672/24,0)+1,1)*INDEX($D$3:$AA$30,INDEX(Jesper!$R$2:$R$366,ROW(INDEX(Jesper!AL$2:AL$366,ROUNDDOWN($C3672/24,0)+1,1))-1)+IF('Standard Profiles'!$G$22=$B$10,7,0)+IF('Standard Profiles'!$G$22=$B$17,14,0)+IF('Standard Profiles'!$G$22=$B$24,21,0),MOD($C3672,24)+1)/SUM(INDEX($D$3:$AA$30,INDEX(Jesper!$R$2:$R$366,ROW(INDEX(Jesper!AL$2:AL$366,ROUNDDOWN($C3672/24,0)+1,1))-1)+IF('Standard Profiles'!$G$22=$B$10,7,0)+IF('Standard Profiles'!$G$22=$B$17,14,0)+IF('Standard Profiles'!$G$22=$B$24,21,0),0)),0)</f>
        <v>0</v>
      </c>
      <c r="I3672">
        <f t="shared" si="412"/>
        <v>0.48660314455294107</v>
      </c>
      <c r="J3672">
        <f t="shared" si="413"/>
        <v>1.6220104818431371</v>
      </c>
      <c r="K3672">
        <f t="shared" si="414"/>
        <v>2.4330157227647056</v>
      </c>
      <c r="L3672">
        <f t="shared" si="415"/>
        <v>11.678475469270586</v>
      </c>
      <c r="M3672">
        <f t="shared" si="416"/>
        <v>0</v>
      </c>
      <c r="N3672" s="46">
        <f t="shared" si="417"/>
        <v>45443.58333332451</v>
      </c>
    </row>
    <row r="3673" spans="2:14" x14ac:dyDescent="0.3">
      <c r="B3673">
        <f t="shared" si="411"/>
        <v>5</v>
      </c>
      <c r="C3673" s="16">
        <v>3639</v>
      </c>
      <c r="D3673" cm="1">
        <f t="array" ref="D3673">IFERROR(INDEX(Jesper!AH$2:AH$366,ROUNDDOWN($C3673/24,0)+1,1)*INDEX($D$3:$AA$30,INDEX(Jesper!$R$2:$R$366,ROW(INDEX(Jesper!AH$2:AH$366,ROUNDDOWN($C3673/24,0)+1,1))-1)+IF('Standard Profiles'!$G$18=$B$10,7,0)+IF('Standard Profiles'!$G$18=$B$17,14,0)+IF('Standard Profiles'!$G$18=$B$24,21,0),MOD($C3673,24)+1)/SUM(INDEX($D$3:$AA$30,INDEX(Jesper!$R$2:$R$366,ROW(INDEX(Jesper!AH$2:AH$366,ROUNDDOWN($C3673/24,0)+1,1))-1)+IF('Standard Profiles'!$G$18=$B$10,7,0)+IF('Standard Profiles'!$G$18=$B$17,14,0)+IF('Standard Profiles'!$G$18=$B$24,21,0),0)),0)</f>
        <v>13.516754015359474</v>
      </c>
      <c r="E3673" cm="1">
        <f t="array" ref="E3673">IFERROR(INDEX(Jesper!AI$2:AI$366,ROUNDDOWN($C3673/24,0)+1,1)*INDEX($D$3:$AA$30,INDEX(Jesper!$R$2:$R$366,ROW(INDEX(Jesper!AI$2:AI$366,ROUNDDOWN($C3673/24,0)+1,1))-1)+IF('Standard Profiles'!$G$19=$B$10,7,0)+IF('Standard Profiles'!$G$19=$B$17,14,0)+IF('Standard Profiles'!$G$19=$B$24,21,0),MOD($C3673,24)+1)/SUM(INDEX($D$3:$AA$30,INDEX(Jesper!$R$2:$R$366,ROW(INDEX(Jesper!AI$2:AI$366,ROUNDDOWN($C3673/24,0)+1,1))-1)+IF('Standard Profiles'!$G$19=$B$10,7,0)+IF('Standard Profiles'!$G$19=$B$17,14,0)+IF('Standard Profiles'!$G$19=$B$24,21,0),0)),0)</f>
        <v>0</v>
      </c>
      <c r="F3673" cm="1">
        <f t="array" ref="F3673">IFERROR(INDEX(Jesper!AJ$2:AJ$366,ROUNDDOWN($C3673/24,0)+1,1)*INDEX($D$3:$AA$30,INDEX(Jesper!$R$2:$R$366,ROW(INDEX(Jesper!AJ$2:AJ$366,ROUNDDOWN($C3673/24,0)+1,1))-1)+IF('Standard Profiles'!$G$20=$B$10,7,0)+IF('Standard Profiles'!$G$20=$B$17,14,0)+IF('Standard Profiles'!$G$20=$B$24,21,0),MOD($C3673,24)+1)/SUM(INDEX($D$3:$AA$30,INDEX(Jesper!$R$2:$R$366,ROW(INDEX(Jesper!AJ$2:AJ$366,ROUNDDOWN($C3673/24,0)+1,1))-1)+IF('Standard Profiles'!$G$20=$B$10,7,0)+IF('Standard Profiles'!$G$20=$B$17,14,0)+IF('Standard Profiles'!$G$20=$B$24,21,0),0)),0)</f>
        <v>0</v>
      </c>
      <c r="G3673" cm="1">
        <f t="array" ref="G3673">IFERROR(INDEX(Jesper!AK$2:AK$366,ROUNDDOWN($C3673/24,0)+1,1)*INDEX($D$3:$AA$30,INDEX(Jesper!$R$2:$R$366,ROW(INDEX(Jesper!AK$2:AK$366,ROUNDDOWN($C3673/24,0)+1,1))-1)+IF('Standard Profiles'!$G$21=$B$10,7,0)+IF('Standard Profiles'!$G$21=$B$17,14,0)+IF('Standard Profiles'!$G$21=$B$24,21,0),MOD($C3673,24)+1)/SUM(INDEX($D$3:$AA$30,INDEX(Jesper!$R$2:$R$366,ROW(INDEX(Jesper!AK$2:AK$366,ROUNDDOWN($C3673/24,0)+1,1))-1)+IF('Standard Profiles'!$G$21=$B$10,7,0)+IF('Standard Profiles'!$G$21=$B$17,14,0)+IF('Standard Profiles'!$G$21=$B$24,21,0),0)),0)</f>
        <v>0</v>
      </c>
      <c r="H3673" cm="1">
        <f t="array" ref="H3673">IFERROR(INDEX(Jesper!AL$2:AL$366,ROUNDDOWN($C3673/24,0)+1,1)*INDEX($D$3:$AA$30,INDEX(Jesper!$R$2:$R$366,ROW(INDEX(Jesper!AL$2:AL$366,ROUNDDOWN($C3673/24,0)+1,1))-1)+IF('Standard Profiles'!$G$22=$B$10,7,0)+IF('Standard Profiles'!$G$22=$B$17,14,0)+IF('Standard Profiles'!$G$22=$B$24,21,0),MOD($C3673,24)+1)/SUM(INDEX($D$3:$AA$30,INDEX(Jesper!$R$2:$R$366,ROW(INDEX(Jesper!AL$2:AL$366,ROUNDDOWN($C3673/24,0)+1,1))-1)+IF('Standard Profiles'!$G$22=$B$10,7,0)+IF('Standard Profiles'!$G$22=$B$17,14,0)+IF('Standard Profiles'!$G$22=$B$24,21,0),0)),0)</f>
        <v>0</v>
      </c>
      <c r="I3673">
        <f t="shared" si="412"/>
        <v>0.40550262046078422</v>
      </c>
      <c r="J3673">
        <f t="shared" si="413"/>
        <v>1.3516754015359476</v>
      </c>
      <c r="K3673">
        <f t="shared" si="414"/>
        <v>2.0275131023039212</v>
      </c>
      <c r="L3673">
        <f t="shared" si="415"/>
        <v>9.7320628910588205</v>
      </c>
      <c r="M3673">
        <f t="shared" si="416"/>
        <v>0</v>
      </c>
      <c r="N3673" s="46">
        <f t="shared" si="417"/>
        <v>45443.624999991174</v>
      </c>
    </row>
    <row r="3674" spans="2:14" x14ac:dyDescent="0.3">
      <c r="B3674">
        <f t="shared" si="411"/>
        <v>5</v>
      </c>
      <c r="C3674" s="16">
        <v>3640</v>
      </c>
      <c r="D3674" cm="1">
        <f t="array" ref="D3674">IFERROR(INDEX(Jesper!AH$2:AH$366,ROUNDDOWN($C3674/24,0)+1,1)*INDEX($D$3:$AA$30,INDEX(Jesper!$R$2:$R$366,ROW(INDEX(Jesper!AH$2:AH$366,ROUNDDOWN($C3674/24,0)+1,1))-1)+IF('Standard Profiles'!$G$18=$B$10,7,0)+IF('Standard Profiles'!$G$18=$B$17,14,0)+IF('Standard Profiles'!$G$18=$B$24,21,0),MOD($C3674,24)+1)/SUM(INDEX($D$3:$AA$30,INDEX(Jesper!$R$2:$R$366,ROW(INDEX(Jesper!AH$2:AH$366,ROUNDDOWN($C3674/24,0)+1,1))-1)+IF('Standard Profiles'!$G$18=$B$10,7,0)+IF('Standard Profiles'!$G$18=$B$17,14,0)+IF('Standard Profiles'!$G$18=$B$24,21,0),0)),0)</f>
        <v>12.795860467873638</v>
      </c>
      <c r="E3674" cm="1">
        <f t="array" ref="E3674">IFERROR(INDEX(Jesper!AI$2:AI$366,ROUNDDOWN($C3674/24,0)+1,1)*INDEX($D$3:$AA$30,INDEX(Jesper!$R$2:$R$366,ROW(INDEX(Jesper!AI$2:AI$366,ROUNDDOWN($C3674/24,0)+1,1))-1)+IF('Standard Profiles'!$G$19=$B$10,7,0)+IF('Standard Profiles'!$G$19=$B$17,14,0)+IF('Standard Profiles'!$G$19=$B$24,21,0),MOD($C3674,24)+1)/SUM(INDEX($D$3:$AA$30,INDEX(Jesper!$R$2:$R$366,ROW(INDEX(Jesper!AI$2:AI$366,ROUNDDOWN($C3674/24,0)+1,1))-1)+IF('Standard Profiles'!$G$19=$B$10,7,0)+IF('Standard Profiles'!$G$19=$B$17,14,0)+IF('Standard Profiles'!$G$19=$B$24,21,0),0)),0)</f>
        <v>0</v>
      </c>
      <c r="F3674" cm="1">
        <f t="array" ref="F3674">IFERROR(INDEX(Jesper!AJ$2:AJ$366,ROUNDDOWN($C3674/24,0)+1,1)*INDEX($D$3:$AA$30,INDEX(Jesper!$R$2:$R$366,ROW(INDEX(Jesper!AJ$2:AJ$366,ROUNDDOWN($C3674/24,0)+1,1))-1)+IF('Standard Profiles'!$G$20=$B$10,7,0)+IF('Standard Profiles'!$G$20=$B$17,14,0)+IF('Standard Profiles'!$G$20=$B$24,21,0),MOD($C3674,24)+1)/SUM(INDEX($D$3:$AA$30,INDEX(Jesper!$R$2:$R$366,ROW(INDEX(Jesper!AJ$2:AJ$366,ROUNDDOWN($C3674/24,0)+1,1))-1)+IF('Standard Profiles'!$G$20=$B$10,7,0)+IF('Standard Profiles'!$G$20=$B$17,14,0)+IF('Standard Profiles'!$G$20=$B$24,21,0),0)),0)</f>
        <v>0</v>
      </c>
      <c r="G3674" cm="1">
        <f t="array" ref="G3674">IFERROR(INDEX(Jesper!AK$2:AK$366,ROUNDDOWN($C3674/24,0)+1,1)*INDEX($D$3:$AA$30,INDEX(Jesper!$R$2:$R$366,ROW(INDEX(Jesper!AK$2:AK$366,ROUNDDOWN($C3674/24,0)+1,1))-1)+IF('Standard Profiles'!$G$21=$B$10,7,0)+IF('Standard Profiles'!$G$21=$B$17,14,0)+IF('Standard Profiles'!$G$21=$B$24,21,0),MOD($C3674,24)+1)/SUM(INDEX($D$3:$AA$30,INDEX(Jesper!$R$2:$R$366,ROW(INDEX(Jesper!AK$2:AK$366,ROUNDDOWN($C3674/24,0)+1,1))-1)+IF('Standard Profiles'!$G$21=$B$10,7,0)+IF('Standard Profiles'!$G$21=$B$17,14,0)+IF('Standard Profiles'!$G$21=$B$24,21,0),0)),0)</f>
        <v>0</v>
      </c>
      <c r="H3674" cm="1">
        <f t="array" ref="H3674">IFERROR(INDEX(Jesper!AL$2:AL$366,ROUNDDOWN($C3674/24,0)+1,1)*INDEX($D$3:$AA$30,INDEX(Jesper!$R$2:$R$366,ROW(INDEX(Jesper!AL$2:AL$366,ROUNDDOWN($C3674/24,0)+1,1))-1)+IF('Standard Profiles'!$G$22=$B$10,7,0)+IF('Standard Profiles'!$G$22=$B$17,14,0)+IF('Standard Profiles'!$G$22=$B$24,21,0),MOD($C3674,24)+1)/SUM(INDEX($D$3:$AA$30,INDEX(Jesper!$R$2:$R$366,ROW(INDEX(Jesper!AL$2:AL$366,ROUNDDOWN($C3674/24,0)+1,1))-1)+IF('Standard Profiles'!$G$22=$B$10,7,0)+IF('Standard Profiles'!$G$22=$B$17,14,0)+IF('Standard Profiles'!$G$22=$B$24,21,0),0)),0)</f>
        <v>0</v>
      </c>
      <c r="I3674">
        <f t="shared" si="412"/>
        <v>0.38387581403620913</v>
      </c>
      <c r="J3674">
        <f t="shared" si="413"/>
        <v>1.2795860467873639</v>
      </c>
      <c r="K3674">
        <f t="shared" si="414"/>
        <v>1.9193790701810456</v>
      </c>
      <c r="L3674">
        <f t="shared" si="415"/>
        <v>9.2130195368690195</v>
      </c>
      <c r="M3674">
        <f t="shared" si="416"/>
        <v>0</v>
      </c>
      <c r="N3674" s="46">
        <f t="shared" si="417"/>
        <v>45443.666666657839</v>
      </c>
    </row>
    <row r="3675" spans="2:14" x14ac:dyDescent="0.3">
      <c r="B3675">
        <f t="shared" si="411"/>
        <v>5</v>
      </c>
      <c r="C3675" s="16">
        <v>3641</v>
      </c>
      <c r="D3675" cm="1">
        <f t="array" ref="D3675">IFERROR(INDEX(Jesper!AH$2:AH$366,ROUNDDOWN($C3675/24,0)+1,1)*INDEX($D$3:$AA$30,INDEX(Jesper!$R$2:$R$366,ROW(INDEX(Jesper!AH$2:AH$366,ROUNDDOWN($C3675/24,0)+1,1))-1)+IF('Standard Profiles'!$G$18=$B$10,7,0)+IF('Standard Profiles'!$G$18=$B$17,14,0)+IF('Standard Profiles'!$G$18=$B$24,21,0),MOD($C3675,24)+1)/SUM(INDEX($D$3:$AA$30,INDEX(Jesper!$R$2:$R$366,ROW(INDEX(Jesper!AH$2:AH$366,ROUNDDOWN($C3675/24,0)+1,1))-1)+IF('Standard Profiles'!$G$18=$B$10,7,0)+IF('Standard Profiles'!$G$18=$B$17,14,0)+IF('Standard Profiles'!$G$18=$B$24,21,0),0)),0)</f>
        <v>12.795860467873638</v>
      </c>
      <c r="E3675" cm="1">
        <f t="array" ref="E3675">IFERROR(INDEX(Jesper!AI$2:AI$366,ROUNDDOWN($C3675/24,0)+1,1)*INDEX($D$3:$AA$30,INDEX(Jesper!$R$2:$R$366,ROW(INDEX(Jesper!AI$2:AI$366,ROUNDDOWN($C3675/24,0)+1,1))-1)+IF('Standard Profiles'!$G$19=$B$10,7,0)+IF('Standard Profiles'!$G$19=$B$17,14,0)+IF('Standard Profiles'!$G$19=$B$24,21,0),MOD($C3675,24)+1)/SUM(INDEX($D$3:$AA$30,INDEX(Jesper!$R$2:$R$366,ROW(INDEX(Jesper!AI$2:AI$366,ROUNDDOWN($C3675/24,0)+1,1))-1)+IF('Standard Profiles'!$G$19=$B$10,7,0)+IF('Standard Profiles'!$G$19=$B$17,14,0)+IF('Standard Profiles'!$G$19=$B$24,21,0),0)),0)</f>
        <v>0</v>
      </c>
      <c r="F3675" cm="1">
        <f t="array" ref="F3675">IFERROR(INDEX(Jesper!AJ$2:AJ$366,ROUNDDOWN($C3675/24,0)+1,1)*INDEX($D$3:$AA$30,INDEX(Jesper!$R$2:$R$366,ROW(INDEX(Jesper!AJ$2:AJ$366,ROUNDDOWN($C3675/24,0)+1,1))-1)+IF('Standard Profiles'!$G$20=$B$10,7,0)+IF('Standard Profiles'!$G$20=$B$17,14,0)+IF('Standard Profiles'!$G$20=$B$24,21,0),MOD($C3675,24)+1)/SUM(INDEX($D$3:$AA$30,INDEX(Jesper!$R$2:$R$366,ROW(INDEX(Jesper!AJ$2:AJ$366,ROUNDDOWN($C3675/24,0)+1,1))-1)+IF('Standard Profiles'!$G$20=$B$10,7,0)+IF('Standard Profiles'!$G$20=$B$17,14,0)+IF('Standard Profiles'!$G$20=$B$24,21,0),0)),0)</f>
        <v>0</v>
      </c>
      <c r="G3675" cm="1">
        <f t="array" ref="G3675">IFERROR(INDEX(Jesper!AK$2:AK$366,ROUNDDOWN($C3675/24,0)+1,1)*INDEX($D$3:$AA$30,INDEX(Jesper!$R$2:$R$366,ROW(INDEX(Jesper!AK$2:AK$366,ROUNDDOWN($C3675/24,0)+1,1))-1)+IF('Standard Profiles'!$G$21=$B$10,7,0)+IF('Standard Profiles'!$G$21=$B$17,14,0)+IF('Standard Profiles'!$G$21=$B$24,21,0),MOD($C3675,24)+1)/SUM(INDEX($D$3:$AA$30,INDEX(Jesper!$R$2:$R$366,ROW(INDEX(Jesper!AK$2:AK$366,ROUNDDOWN($C3675/24,0)+1,1))-1)+IF('Standard Profiles'!$G$21=$B$10,7,0)+IF('Standard Profiles'!$G$21=$B$17,14,0)+IF('Standard Profiles'!$G$21=$B$24,21,0),0)),0)</f>
        <v>0</v>
      </c>
      <c r="H3675" cm="1">
        <f t="array" ref="H3675">IFERROR(INDEX(Jesper!AL$2:AL$366,ROUNDDOWN($C3675/24,0)+1,1)*INDEX($D$3:$AA$30,INDEX(Jesper!$R$2:$R$366,ROW(INDEX(Jesper!AL$2:AL$366,ROUNDDOWN($C3675/24,0)+1,1))-1)+IF('Standard Profiles'!$G$22=$B$10,7,0)+IF('Standard Profiles'!$G$22=$B$17,14,0)+IF('Standard Profiles'!$G$22=$B$24,21,0),MOD($C3675,24)+1)/SUM(INDEX($D$3:$AA$30,INDEX(Jesper!$R$2:$R$366,ROW(INDEX(Jesper!AL$2:AL$366,ROUNDDOWN($C3675/24,0)+1,1))-1)+IF('Standard Profiles'!$G$22=$B$10,7,0)+IF('Standard Profiles'!$G$22=$B$17,14,0)+IF('Standard Profiles'!$G$22=$B$24,21,0),0)),0)</f>
        <v>0</v>
      </c>
      <c r="I3675">
        <f t="shared" si="412"/>
        <v>0.38387581403620913</v>
      </c>
      <c r="J3675">
        <f t="shared" si="413"/>
        <v>1.2795860467873639</v>
      </c>
      <c r="K3675">
        <f t="shared" si="414"/>
        <v>1.9193790701810456</v>
      </c>
      <c r="L3675">
        <f t="shared" si="415"/>
        <v>9.2130195368690195</v>
      </c>
      <c r="M3675">
        <f t="shared" si="416"/>
        <v>0</v>
      </c>
      <c r="N3675" s="46">
        <f t="shared" si="417"/>
        <v>45443.708333324503</v>
      </c>
    </row>
    <row r="3676" spans="2:14" x14ac:dyDescent="0.3">
      <c r="B3676">
        <f t="shared" si="411"/>
        <v>5</v>
      </c>
      <c r="C3676" s="16">
        <v>3642</v>
      </c>
      <c r="D3676" cm="1">
        <f t="array" ref="D3676">IFERROR(INDEX(Jesper!AH$2:AH$366,ROUNDDOWN($C3676/24,0)+1,1)*INDEX($D$3:$AA$30,INDEX(Jesper!$R$2:$R$366,ROW(INDEX(Jesper!AH$2:AH$366,ROUNDDOWN($C3676/24,0)+1,1))-1)+IF('Standard Profiles'!$G$18=$B$10,7,0)+IF('Standard Profiles'!$G$18=$B$17,14,0)+IF('Standard Profiles'!$G$18=$B$24,21,0),MOD($C3676,24)+1)/SUM(INDEX($D$3:$AA$30,INDEX(Jesper!$R$2:$R$366,ROW(INDEX(Jesper!AH$2:AH$366,ROUNDDOWN($C3676/24,0)+1,1))-1)+IF('Standard Profiles'!$G$18=$B$10,7,0)+IF('Standard Profiles'!$G$18=$B$17,14,0)+IF('Standard Profiles'!$G$18=$B$24,21,0),0)),0)</f>
        <v>12.795860467873638</v>
      </c>
      <c r="E3676" cm="1">
        <f t="array" ref="E3676">IFERROR(INDEX(Jesper!AI$2:AI$366,ROUNDDOWN($C3676/24,0)+1,1)*INDEX($D$3:$AA$30,INDEX(Jesper!$R$2:$R$366,ROW(INDEX(Jesper!AI$2:AI$366,ROUNDDOWN($C3676/24,0)+1,1))-1)+IF('Standard Profiles'!$G$19=$B$10,7,0)+IF('Standard Profiles'!$G$19=$B$17,14,0)+IF('Standard Profiles'!$G$19=$B$24,21,0),MOD($C3676,24)+1)/SUM(INDEX($D$3:$AA$30,INDEX(Jesper!$R$2:$R$366,ROW(INDEX(Jesper!AI$2:AI$366,ROUNDDOWN($C3676/24,0)+1,1))-1)+IF('Standard Profiles'!$G$19=$B$10,7,0)+IF('Standard Profiles'!$G$19=$B$17,14,0)+IF('Standard Profiles'!$G$19=$B$24,21,0),0)),0)</f>
        <v>0</v>
      </c>
      <c r="F3676" cm="1">
        <f t="array" ref="F3676">IFERROR(INDEX(Jesper!AJ$2:AJ$366,ROUNDDOWN($C3676/24,0)+1,1)*INDEX($D$3:$AA$30,INDEX(Jesper!$R$2:$R$366,ROW(INDEX(Jesper!AJ$2:AJ$366,ROUNDDOWN($C3676/24,0)+1,1))-1)+IF('Standard Profiles'!$G$20=$B$10,7,0)+IF('Standard Profiles'!$G$20=$B$17,14,0)+IF('Standard Profiles'!$G$20=$B$24,21,0),MOD($C3676,24)+1)/SUM(INDEX($D$3:$AA$30,INDEX(Jesper!$R$2:$R$366,ROW(INDEX(Jesper!AJ$2:AJ$366,ROUNDDOWN($C3676/24,0)+1,1))-1)+IF('Standard Profiles'!$G$20=$B$10,7,0)+IF('Standard Profiles'!$G$20=$B$17,14,0)+IF('Standard Profiles'!$G$20=$B$24,21,0),0)),0)</f>
        <v>0</v>
      </c>
      <c r="G3676" cm="1">
        <f t="array" ref="G3676">IFERROR(INDEX(Jesper!AK$2:AK$366,ROUNDDOWN($C3676/24,0)+1,1)*INDEX($D$3:$AA$30,INDEX(Jesper!$R$2:$R$366,ROW(INDEX(Jesper!AK$2:AK$366,ROUNDDOWN($C3676/24,0)+1,1))-1)+IF('Standard Profiles'!$G$21=$B$10,7,0)+IF('Standard Profiles'!$G$21=$B$17,14,0)+IF('Standard Profiles'!$G$21=$B$24,21,0),MOD($C3676,24)+1)/SUM(INDEX($D$3:$AA$30,INDEX(Jesper!$R$2:$R$366,ROW(INDEX(Jesper!AK$2:AK$366,ROUNDDOWN($C3676/24,0)+1,1))-1)+IF('Standard Profiles'!$G$21=$B$10,7,0)+IF('Standard Profiles'!$G$21=$B$17,14,0)+IF('Standard Profiles'!$G$21=$B$24,21,0),0)),0)</f>
        <v>0</v>
      </c>
      <c r="H3676" cm="1">
        <f t="array" ref="H3676">IFERROR(INDEX(Jesper!AL$2:AL$366,ROUNDDOWN($C3676/24,0)+1,1)*INDEX($D$3:$AA$30,INDEX(Jesper!$R$2:$R$366,ROW(INDEX(Jesper!AL$2:AL$366,ROUNDDOWN($C3676/24,0)+1,1))-1)+IF('Standard Profiles'!$G$22=$B$10,7,0)+IF('Standard Profiles'!$G$22=$B$17,14,0)+IF('Standard Profiles'!$G$22=$B$24,21,0),MOD($C3676,24)+1)/SUM(INDEX($D$3:$AA$30,INDEX(Jesper!$R$2:$R$366,ROW(INDEX(Jesper!AL$2:AL$366,ROUNDDOWN($C3676/24,0)+1,1))-1)+IF('Standard Profiles'!$G$22=$B$10,7,0)+IF('Standard Profiles'!$G$22=$B$17,14,0)+IF('Standard Profiles'!$G$22=$B$24,21,0),0)),0)</f>
        <v>0</v>
      </c>
      <c r="I3676">
        <f t="shared" si="412"/>
        <v>0.38387581403620913</v>
      </c>
      <c r="J3676">
        <f t="shared" si="413"/>
        <v>1.2795860467873639</v>
      </c>
      <c r="K3676">
        <f t="shared" si="414"/>
        <v>1.9193790701810456</v>
      </c>
      <c r="L3676">
        <f t="shared" si="415"/>
        <v>9.2130195368690195</v>
      </c>
      <c r="M3676">
        <f t="shared" si="416"/>
        <v>0</v>
      </c>
      <c r="N3676" s="46">
        <f t="shared" si="417"/>
        <v>45443.749999991167</v>
      </c>
    </row>
    <row r="3677" spans="2:14" x14ac:dyDescent="0.3">
      <c r="B3677">
        <f t="shared" si="411"/>
        <v>5</v>
      </c>
      <c r="C3677" s="16">
        <v>3643</v>
      </c>
      <c r="D3677" cm="1">
        <f t="array" ref="D3677">IFERROR(INDEX(Jesper!AH$2:AH$366,ROUNDDOWN($C3677/24,0)+1,1)*INDEX($D$3:$AA$30,INDEX(Jesper!$R$2:$R$366,ROW(INDEX(Jesper!AH$2:AH$366,ROUNDDOWN($C3677/24,0)+1,1))-1)+IF('Standard Profiles'!$G$18=$B$10,7,0)+IF('Standard Profiles'!$G$18=$B$17,14,0)+IF('Standard Profiles'!$G$18=$B$24,21,0),MOD($C3677,24)+1)/SUM(INDEX($D$3:$AA$30,INDEX(Jesper!$R$2:$R$366,ROW(INDEX(Jesper!AH$2:AH$366,ROUNDDOWN($C3677/24,0)+1,1))-1)+IF('Standard Profiles'!$G$18=$B$10,7,0)+IF('Standard Profiles'!$G$18=$B$17,14,0)+IF('Standard Profiles'!$G$18=$B$24,21,0),0)),0)</f>
        <v>12.795860467873638</v>
      </c>
      <c r="E3677" cm="1">
        <f t="array" ref="E3677">IFERROR(INDEX(Jesper!AI$2:AI$366,ROUNDDOWN($C3677/24,0)+1,1)*INDEX($D$3:$AA$30,INDEX(Jesper!$R$2:$R$366,ROW(INDEX(Jesper!AI$2:AI$366,ROUNDDOWN($C3677/24,0)+1,1))-1)+IF('Standard Profiles'!$G$19=$B$10,7,0)+IF('Standard Profiles'!$G$19=$B$17,14,0)+IF('Standard Profiles'!$G$19=$B$24,21,0),MOD($C3677,24)+1)/SUM(INDEX($D$3:$AA$30,INDEX(Jesper!$R$2:$R$366,ROW(INDEX(Jesper!AI$2:AI$366,ROUNDDOWN($C3677/24,0)+1,1))-1)+IF('Standard Profiles'!$G$19=$B$10,7,0)+IF('Standard Profiles'!$G$19=$B$17,14,0)+IF('Standard Profiles'!$G$19=$B$24,21,0),0)),0)</f>
        <v>0</v>
      </c>
      <c r="F3677" cm="1">
        <f t="array" ref="F3677">IFERROR(INDEX(Jesper!AJ$2:AJ$366,ROUNDDOWN($C3677/24,0)+1,1)*INDEX($D$3:$AA$30,INDEX(Jesper!$R$2:$R$366,ROW(INDEX(Jesper!AJ$2:AJ$366,ROUNDDOWN($C3677/24,0)+1,1))-1)+IF('Standard Profiles'!$G$20=$B$10,7,0)+IF('Standard Profiles'!$G$20=$B$17,14,0)+IF('Standard Profiles'!$G$20=$B$24,21,0),MOD($C3677,24)+1)/SUM(INDEX($D$3:$AA$30,INDEX(Jesper!$R$2:$R$366,ROW(INDEX(Jesper!AJ$2:AJ$366,ROUNDDOWN($C3677/24,0)+1,1))-1)+IF('Standard Profiles'!$G$20=$B$10,7,0)+IF('Standard Profiles'!$G$20=$B$17,14,0)+IF('Standard Profiles'!$G$20=$B$24,21,0),0)),0)</f>
        <v>0</v>
      </c>
      <c r="G3677" cm="1">
        <f t="array" ref="G3677">IFERROR(INDEX(Jesper!AK$2:AK$366,ROUNDDOWN($C3677/24,0)+1,1)*INDEX($D$3:$AA$30,INDEX(Jesper!$R$2:$R$366,ROW(INDEX(Jesper!AK$2:AK$366,ROUNDDOWN($C3677/24,0)+1,1))-1)+IF('Standard Profiles'!$G$21=$B$10,7,0)+IF('Standard Profiles'!$G$21=$B$17,14,0)+IF('Standard Profiles'!$G$21=$B$24,21,0),MOD($C3677,24)+1)/SUM(INDEX($D$3:$AA$30,INDEX(Jesper!$R$2:$R$366,ROW(INDEX(Jesper!AK$2:AK$366,ROUNDDOWN($C3677/24,0)+1,1))-1)+IF('Standard Profiles'!$G$21=$B$10,7,0)+IF('Standard Profiles'!$G$21=$B$17,14,0)+IF('Standard Profiles'!$G$21=$B$24,21,0),0)),0)</f>
        <v>0</v>
      </c>
      <c r="H3677" cm="1">
        <f t="array" ref="H3677">IFERROR(INDEX(Jesper!AL$2:AL$366,ROUNDDOWN($C3677/24,0)+1,1)*INDEX($D$3:$AA$30,INDEX(Jesper!$R$2:$R$366,ROW(INDEX(Jesper!AL$2:AL$366,ROUNDDOWN($C3677/24,0)+1,1))-1)+IF('Standard Profiles'!$G$22=$B$10,7,0)+IF('Standard Profiles'!$G$22=$B$17,14,0)+IF('Standard Profiles'!$G$22=$B$24,21,0),MOD($C3677,24)+1)/SUM(INDEX($D$3:$AA$30,INDEX(Jesper!$R$2:$R$366,ROW(INDEX(Jesper!AL$2:AL$366,ROUNDDOWN($C3677/24,0)+1,1))-1)+IF('Standard Profiles'!$G$22=$B$10,7,0)+IF('Standard Profiles'!$G$22=$B$17,14,0)+IF('Standard Profiles'!$G$22=$B$24,21,0),0)),0)</f>
        <v>0</v>
      </c>
      <c r="I3677">
        <f t="shared" si="412"/>
        <v>0.38387581403620913</v>
      </c>
      <c r="J3677">
        <f t="shared" si="413"/>
        <v>1.2795860467873639</v>
      </c>
      <c r="K3677">
        <f t="shared" si="414"/>
        <v>1.9193790701810456</v>
      </c>
      <c r="L3677">
        <f t="shared" si="415"/>
        <v>9.2130195368690195</v>
      </c>
      <c r="M3677">
        <f t="shared" si="416"/>
        <v>0</v>
      </c>
      <c r="N3677" s="46">
        <f t="shared" si="417"/>
        <v>45443.791666657831</v>
      </c>
    </row>
    <row r="3678" spans="2:14" x14ac:dyDescent="0.3">
      <c r="B3678">
        <f t="shared" si="411"/>
        <v>5</v>
      </c>
      <c r="C3678" s="16">
        <v>3644</v>
      </c>
      <c r="D3678" cm="1">
        <f t="array" ref="D3678">IFERROR(INDEX(Jesper!AH$2:AH$366,ROUNDDOWN($C3678/24,0)+1,1)*INDEX($D$3:$AA$30,INDEX(Jesper!$R$2:$R$366,ROW(INDEX(Jesper!AH$2:AH$366,ROUNDDOWN($C3678/24,0)+1,1))-1)+IF('Standard Profiles'!$G$18=$B$10,7,0)+IF('Standard Profiles'!$G$18=$B$17,14,0)+IF('Standard Profiles'!$G$18=$B$24,21,0),MOD($C3678,24)+1)/SUM(INDEX($D$3:$AA$30,INDEX(Jesper!$R$2:$R$366,ROW(INDEX(Jesper!AH$2:AH$366,ROUNDDOWN($C3678/24,0)+1,1))-1)+IF('Standard Profiles'!$G$18=$B$10,7,0)+IF('Standard Profiles'!$G$18=$B$17,14,0)+IF('Standard Profiles'!$G$18=$B$24,21,0),0)),0)</f>
        <v>9.9122862779302832</v>
      </c>
      <c r="E3678" cm="1">
        <f t="array" ref="E3678">IFERROR(INDEX(Jesper!AI$2:AI$366,ROUNDDOWN($C3678/24,0)+1,1)*INDEX($D$3:$AA$30,INDEX(Jesper!$R$2:$R$366,ROW(INDEX(Jesper!AI$2:AI$366,ROUNDDOWN($C3678/24,0)+1,1))-1)+IF('Standard Profiles'!$G$19=$B$10,7,0)+IF('Standard Profiles'!$G$19=$B$17,14,0)+IF('Standard Profiles'!$G$19=$B$24,21,0),MOD($C3678,24)+1)/SUM(INDEX($D$3:$AA$30,INDEX(Jesper!$R$2:$R$366,ROW(INDEX(Jesper!AI$2:AI$366,ROUNDDOWN($C3678/24,0)+1,1))-1)+IF('Standard Profiles'!$G$19=$B$10,7,0)+IF('Standard Profiles'!$G$19=$B$17,14,0)+IF('Standard Profiles'!$G$19=$B$24,21,0),0)),0)</f>
        <v>0</v>
      </c>
      <c r="F3678" cm="1">
        <f t="array" ref="F3678">IFERROR(INDEX(Jesper!AJ$2:AJ$366,ROUNDDOWN($C3678/24,0)+1,1)*INDEX($D$3:$AA$30,INDEX(Jesper!$R$2:$R$366,ROW(INDEX(Jesper!AJ$2:AJ$366,ROUNDDOWN($C3678/24,0)+1,1))-1)+IF('Standard Profiles'!$G$20=$B$10,7,0)+IF('Standard Profiles'!$G$20=$B$17,14,0)+IF('Standard Profiles'!$G$20=$B$24,21,0),MOD($C3678,24)+1)/SUM(INDEX($D$3:$AA$30,INDEX(Jesper!$R$2:$R$366,ROW(INDEX(Jesper!AJ$2:AJ$366,ROUNDDOWN($C3678/24,0)+1,1))-1)+IF('Standard Profiles'!$G$20=$B$10,7,0)+IF('Standard Profiles'!$G$20=$B$17,14,0)+IF('Standard Profiles'!$G$20=$B$24,21,0),0)),0)</f>
        <v>0</v>
      </c>
      <c r="G3678" cm="1">
        <f t="array" ref="G3678">IFERROR(INDEX(Jesper!AK$2:AK$366,ROUNDDOWN($C3678/24,0)+1,1)*INDEX($D$3:$AA$30,INDEX(Jesper!$R$2:$R$366,ROW(INDEX(Jesper!AK$2:AK$366,ROUNDDOWN($C3678/24,0)+1,1))-1)+IF('Standard Profiles'!$G$21=$B$10,7,0)+IF('Standard Profiles'!$G$21=$B$17,14,0)+IF('Standard Profiles'!$G$21=$B$24,21,0),MOD($C3678,24)+1)/SUM(INDEX($D$3:$AA$30,INDEX(Jesper!$R$2:$R$366,ROW(INDEX(Jesper!AK$2:AK$366,ROUNDDOWN($C3678/24,0)+1,1))-1)+IF('Standard Profiles'!$G$21=$B$10,7,0)+IF('Standard Profiles'!$G$21=$B$17,14,0)+IF('Standard Profiles'!$G$21=$B$24,21,0),0)),0)</f>
        <v>0</v>
      </c>
      <c r="H3678" cm="1">
        <f t="array" ref="H3678">IFERROR(INDEX(Jesper!AL$2:AL$366,ROUNDDOWN($C3678/24,0)+1,1)*INDEX($D$3:$AA$30,INDEX(Jesper!$R$2:$R$366,ROW(INDEX(Jesper!AL$2:AL$366,ROUNDDOWN($C3678/24,0)+1,1))-1)+IF('Standard Profiles'!$G$22=$B$10,7,0)+IF('Standard Profiles'!$G$22=$B$17,14,0)+IF('Standard Profiles'!$G$22=$B$24,21,0),MOD($C3678,24)+1)/SUM(INDEX($D$3:$AA$30,INDEX(Jesper!$R$2:$R$366,ROW(INDEX(Jesper!AL$2:AL$366,ROUNDDOWN($C3678/24,0)+1,1))-1)+IF('Standard Profiles'!$G$22=$B$10,7,0)+IF('Standard Profiles'!$G$22=$B$17,14,0)+IF('Standard Profiles'!$G$22=$B$24,21,0),0)),0)</f>
        <v>0</v>
      </c>
      <c r="I3678">
        <f t="shared" si="412"/>
        <v>0.29736858833790847</v>
      </c>
      <c r="J3678">
        <f t="shared" si="413"/>
        <v>0.99122862779302834</v>
      </c>
      <c r="K3678">
        <f t="shared" si="414"/>
        <v>1.4868429416895423</v>
      </c>
      <c r="L3678">
        <f t="shared" si="415"/>
        <v>7.1368461201098032</v>
      </c>
      <c r="M3678">
        <f t="shared" si="416"/>
        <v>0</v>
      </c>
      <c r="N3678" s="46">
        <f t="shared" si="417"/>
        <v>45443.833333324495</v>
      </c>
    </row>
    <row r="3679" spans="2:14" x14ac:dyDescent="0.3">
      <c r="B3679">
        <f t="shared" si="411"/>
        <v>5</v>
      </c>
      <c r="C3679" s="16">
        <v>3645</v>
      </c>
      <c r="D3679" cm="1">
        <f t="array" ref="D3679">IFERROR(INDEX(Jesper!AH$2:AH$366,ROUNDDOWN($C3679/24,0)+1,1)*INDEX($D$3:$AA$30,INDEX(Jesper!$R$2:$R$366,ROW(INDEX(Jesper!AH$2:AH$366,ROUNDDOWN($C3679/24,0)+1,1))-1)+IF('Standard Profiles'!$G$18=$B$10,7,0)+IF('Standard Profiles'!$G$18=$B$17,14,0)+IF('Standard Profiles'!$G$18=$B$24,21,0),MOD($C3679,24)+1)/SUM(INDEX($D$3:$AA$30,INDEX(Jesper!$R$2:$R$366,ROW(INDEX(Jesper!AH$2:AH$366,ROUNDDOWN($C3679/24,0)+1,1))-1)+IF('Standard Profiles'!$G$18=$B$10,7,0)+IF('Standard Profiles'!$G$18=$B$17,14,0)+IF('Standard Profiles'!$G$18=$B$24,21,0),0)),0)</f>
        <v>3.7846911243006534</v>
      </c>
      <c r="E3679" cm="1">
        <f t="array" ref="E3679">IFERROR(INDEX(Jesper!AI$2:AI$366,ROUNDDOWN($C3679/24,0)+1,1)*INDEX($D$3:$AA$30,INDEX(Jesper!$R$2:$R$366,ROW(INDEX(Jesper!AI$2:AI$366,ROUNDDOWN($C3679/24,0)+1,1))-1)+IF('Standard Profiles'!$G$19=$B$10,7,0)+IF('Standard Profiles'!$G$19=$B$17,14,0)+IF('Standard Profiles'!$G$19=$B$24,21,0),MOD($C3679,24)+1)/SUM(INDEX($D$3:$AA$30,INDEX(Jesper!$R$2:$R$366,ROW(INDEX(Jesper!AI$2:AI$366,ROUNDDOWN($C3679/24,0)+1,1))-1)+IF('Standard Profiles'!$G$19=$B$10,7,0)+IF('Standard Profiles'!$G$19=$B$17,14,0)+IF('Standard Profiles'!$G$19=$B$24,21,0),0)),0)</f>
        <v>0</v>
      </c>
      <c r="F3679" cm="1">
        <f t="array" ref="F3679">IFERROR(INDEX(Jesper!AJ$2:AJ$366,ROUNDDOWN($C3679/24,0)+1,1)*INDEX($D$3:$AA$30,INDEX(Jesper!$R$2:$R$366,ROW(INDEX(Jesper!AJ$2:AJ$366,ROUNDDOWN($C3679/24,0)+1,1))-1)+IF('Standard Profiles'!$G$20=$B$10,7,0)+IF('Standard Profiles'!$G$20=$B$17,14,0)+IF('Standard Profiles'!$G$20=$B$24,21,0),MOD($C3679,24)+1)/SUM(INDEX($D$3:$AA$30,INDEX(Jesper!$R$2:$R$366,ROW(INDEX(Jesper!AJ$2:AJ$366,ROUNDDOWN($C3679/24,0)+1,1))-1)+IF('Standard Profiles'!$G$20=$B$10,7,0)+IF('Standard Profiles'!$G$20=$B$17,14,0)+IF('Standard Profiles'!$G$20=$B$24,21,0),0)),0)</f>
        <v>0</v>
      </c>
      <c r="G3679" cm="1">
        <f t="array" ref="G3679">IFERROR(INDEX(Jesper!AK$2:AK$366,ROUNDDOWN($C3679/24,0)+1,1)*INDEX($D$3:$AA$30,INDEX(Jesper!$R$2:$R$366,ROW(INDEX(Jesper!AK$2:AK$366,ROUNDDOWN($C3679/24,0)+1,1))-1)+IF('Standard Profiles'!$G$21=$B$10,7,0)+IF('Standard Profiles'!$G$21=$B$17,14,0)+IF('Standard Profiles'!$G$21=$B$24,21,0),MOD($C3679,24)+1)/SUM(INDEX($D$3:$AA$30,INDEX(Jesper!$R$2:$R$366,ROW(INDEX(Jesper!AK$2:AK$366,ROUNDDOWN($C3679/24,0)+1,1))-1)+IF('Standard Profiles'!$G$21=$B$10,7,0)+IF('Standard Profiles'!$G$21=$B$17,14,0)+IF('Standard Profiles'!$G$21=$B$24,21,0),0)),0)</f>
        <v>0</v>
      </c>
      <c r="H3679" cm="1">
        <f t="array" ref="H3679">IFERROR(INDEX(Jesper!AL$2:AL$366,ROUNDDOWN($C3679/24,0)+1,1)*INDEX($D$3:$AA$30,INDEX(Jesper!$R$2:$R$366,ROW(INDEX(Jesper!AL$2:AL$366,ROUNDDOWN($C3679/24,0)+1,1))-1)+IF('Standard Profiles'!$G$22=$B$10,7,0)+IF('Standard Profiles'!$G$22=$B$17,14,0)+IF('Standard Profiles'!$G$22=$B$24,21,0),MOD($C3679,24)+1)/SUM(INDEX($D$3:$AA$30,INDEX(Jesper!$R$2:$R$366,ROW(INDEX(Jesper!AL$2:AL$366,ROUNDDOWN($C3679/24,0)+1,1))-1)+IF('Standard Profiles'!$G$22=$B$10,7,0)+IF('Standard Profiles'!$G$22=$B$17,14,0)+IF('Standard Profiles'!$G$22=$B$24,21,0),0)),0)</f>
        <v>0</v>
      </c>
      <c r="I3679">
        <f t="shared" si="412"/>
        <v>0.1135407337290196</v>
      </c>
      <c r="J3679">
        <f t="shared" si="413"/>
        <v>0.37846911243006537</v>
      </c>
      <c r="K3679">
        <f t="shared" si="414"/>
        <v>0.56770366864509803</v>
      </c>
      <c r="L3679">
        <f t="shared" si="415"/>
        <v>2.7249776094964702</v>
      </c>
      <c r="M3679">
        <f t="shared" si="416"/>
        <v>0</v>
      </c>
      <c r="N3679" s="46">
        <f t="shared" si="417"/>
        <v>45443.87499999116</v>
      </c>
    </row>
    <row r="3680" spans="2:14" x14ac:dyDescent="0.3">
      <c r="B3680">
        <f t="shared" si="411"/>
        <v>5</v>
      </c>
      <c r="C3680" s="16">
        <v>3646</v>
      </c>
      <c r="D3680" cm="1">
        <f t="array" ref="D3680">IFERROR(INDEX(Jesper!AH$2:AH$366,ROUNDDOWN($C3680/24,0)+1,1)*INDEX($D$3:$AA$30,INDEX(Jesper!$R$2:$R$366,ROW(INDEX(Jesper!AH$2:AH$366,ROUNDDOWN($C3680/24,0)+1,1))-1)+IF('Standard Profiles'!$G$18=$B$10,7,0)+IF('Standard Profiles'!$G$18=$B$17,14,0)+IF('Standard Profiles'!$G$18=$B$24,21,0),MOD($C3680,24)+1)/SUM(INDEX($D$3:$AA$30,INDEX(Jesper!$R$2:$R$366,ROW(INDEX(Jesper!AH$2:AH$366,ROUNDDOWN($C3680/24,0)+1,1))-1)+IF('Standard Profiles'!$G$18=$B$10,7,0)+IF('Standard Profiles'!$G$18=$B$17,14,0)+IF('Standard Profiles'!$G$18=$B$24,21,0),0)),0)</f>
        <v>3.7846911243006534</v>
      </c>
      <c r="E3680" cm="1">
        <f t="array" ref="E3680">IFERROR(INDEX(Jesper!AI$2:AI$366,ROUNDDOWN($C3680/24,0)+1,1)*INDEX($D$3:$AA$30,INDEX(Jesper!$R$2:$R$366,ROW(INDEX(Jesper!AI$2:AI$366,ROUNDDOWN($C3680/24,0)+1,1))-1)+IF('Standard Profiles'!$G$19=$B$10,7,0)+IF('Standard Profiles'!$G$19=$B$17,14,0)+IF('Standard Profiles'!$G$19=$B$24,21,0),MOD($C3680,24)+1)/SUM(INDEX($D$3:$AA$30,INDEX(Jesper!$R$2:$R$366,ROW(INDEX(Jesper!AI$2:AI$366,ROUNDDOWN($C3680/24,0)+1,1))-1)+IF('Standard Profiles'!$G$19=$B$10,7,0)+IF('Standard Profiles'!$G$19=$B$17,14,0)+IF('Standard Profiles'!$G$19=$B$24,21,0),0)),0)</f>
        <v>0</v>
      </c>
      <c r="F3680" cm="1">
        <f t="array" ref="F3680">IFERROR(INDEX(Jesper!AJ$2:AJ$366,ROUNDDOWN($C3680/24,0)+1,1)*INDEX($D$3:$AA$30,INDEX(Jesper!$R$2:$R$366,ROW(INDEX(Jesper!AJ$2:AJ$366,ROUNDDOWN($C3680/24,0)+1,1))-1)+IF('Standard Profiles'!$G$20=$B$10,7,0)+IF('Standard Profiles'!$G$20=$B$17,14,0)+IF('Standard Profiles'!$G$20=$B$24,21,0),MOD($C3680,24)+1)/SUM(INDEX($D$3:$AA$30,INDEX(Jesper!$R$2:$R$366,ROW(INDEX(Jesper!AJ$2:AJ$366,ROUNDDOWN($C3680/24,0)+1,1))-1)+IF('Standard Profiles'!$G$20=$B$10,7,0)+IF('Standard Profiles'!$G$20=$B$17,14,0)+IF('Standard Profiles'!$G$20=$B$24,21,0),0)),0)</f>
        <v>0</v>
      </c>
      <c r="G3680" cm="1">
        <f t="array" ref="G3680">IFERROR(INDEX(Jesper!AK$2:AK$366,ROUNDDOWN($C3680/24,0)+1,1)*INDEX($D$3:$AA$30,INDEX(Jesper!$R$2:$R$366,ROW(INDEX(Jesper!AK$2:AK$366,ROUNDDOWN($C3680/24,0)+1,1))-1)+IF('Standard Profiles'!$G$21=$B$10,7,0)+IF('Standard Profiles'!$G$21=$B$17,14,0)+IF('Standard Profiles'!$G$21=$B$24,21,0),MOD($C3680,24)+1)/SUM(INDEX($D$3:$AA$30,INDEX(Jesper!$R$2:$R$366,ROW(INDEX(Jesper!AK$2:AK$366,ROUNDDOWN($C3680/24,0)+1,1))-1)+IF('Standard Profiles'!$G$21=$B$10,7,0)+IF('Standard Profiles'!$G$21=$B$17,14,0)+IF('Standard Profiles'!$G$21=$B$24,21,0),0)),0)</f>
        <v>0</v>
      </c>
      <c r="H3680" cm="1">
        <f t="array" ref="H3680">IFERROR(INDEX(Jesper!AL$2:AL$366,ROUNDDOWN($C3680/24,0)+1,1)*INDEX($D$3:$AA$30,INDEX(Jesper!$R$2:$R$366,ROW(INDEX(Jesper!AL$2:AL$366,ROUNDDOWN($C3680/24,0)+1,1))-1)+IF('Standard Profiles'!$G$22=$B$10,7,0)+IF('Standard Profiles'!$G$22=$B$17,14,0)+IF('Standard Profiles'!$G$22=$B$24,21,0),MOD($C3680,24)+1)/SUM(INDEX($D$3:$AA$30,INDEX(Jesper!$R$2:$R$366,ROW(INDEX(Jesper!AL$2:AL$366,ROUNDDOWN($C3680/24,0)+1,1))-1)+IF('Standard Profiles'!$G$22=$B$10,7,0)+IF('Standard Profiles'!$G$22=$B$17,14,0)+IF('Standard Profiles'!$G$22=$B$24,21,0),0)),0)</f>
        <v>0</v>
      </c>
      <c r="I3680">
        <f t="shared" si="412"/>
        <v>0.1135407337290196</v>
      </c>
      <c r="J3680">
        <f t="shared" si="413"/>
        <v>0.37846911243006537</v>
      </c>
      <c r="K3680">
        <f t="shared" si="414"/>
        <v>0.56770366864509803</v>
      </c>
      <c r="L3680">
        <f t="shared" si="415"/>
        <v>2.7249776094964702</v>
      </c>
      <c r="M3680">
        <f t="shared" si="416"/>
        <v>0</v>
      </c>
      <c r="N3680" s="46">
        <f t="shared" si="417"/>
        <v>45443.916666657824</v>
      </c>
    </row>
    <row r="3681" spans="2:14" x14ac:dyDescent="0.3">
      <c r="B3681">
        <f t="shared" si="411"/>
        <v>5</v>
      </c>
      <c r="C3681" s="16">
        <v>3647</v>
      </c>
      <c r="D3681" cm="1">
        <f t="array" ref="D3681">IFERROR(INDEX(Jesper!AH$2:AH$366,ROUNDDOWN($C3681/24,0)+1,1)*INDEX($D$3:$AA$30,INDEX(Jesper!$R$2:$R$366,ROW(INDEX(Jesper!AH$2:AH$366,ROUNDDOWN($C3681/24,0)+1,1))-1)+IF('Standard Profiles'!$G$18=$B$10,7,0)+IF('Standard Profiles'!$G$18=$B$17,14,0)+IF('Standard Profiles'!$G$18=$B$24,21,0),MOD($C3681,24)+1)/SUM(INDEX($D$3:$AA$30,INDEX(Jesper!$R$2:$R$366,ROW(INDEX(Jesper!AH$2:AH$366,ROUNDDOWN($C3681/24,0)+1,1))-1)+IF('Standard Profiles'!$G$18=$B$10,7,0)+IF('Standard Profiles'!$G$18=$B$17,14,0)+IF('Standard Profiles'!$G$18=$B$24,21,0),0)),0)</f>
        <v>3.7846911243006534</v>
      </c>
      <c r="E3681" cm="1">
        <f t="array" ref="E3681">IFERROR(INDEX(Jesper!AI$2:AI$366,ROUNDDOWN($C3681/24,0)+1,1)*INDEX($D$3:$AA$30,INDEX(Jesper!$R$2:$R$366,ROW(INDEX(Jesper!AI$2:AI$366,ROUNDDOWN($C3681/24,0)+1,1))-1)+IF('Standard Profiles'!$G$19=$B$10,7,0)+IF('Standard Profiles'!$G$19=$B$17,14,0)+IF('Standard Profiles'!$G$19=$B$24,21,0),MOD($C3681,24)+1)/SUM(INDEX($D$3:$AA$30,INDEX(Jesper!$R$2:$R$366,ROW(INDEX(Jesper!AI$2:AI$366,ROUNDDOWN($C3681/24,0)+1,1))-1)+IF('Standard Profiles'!$G$19=$B$10,7,0)+IF('Standard Profiles'!$G$19=$B$17,14,0)+IF('Standard Profiles'!$G$19=$B$24,21,0),0)),0)</f>
        <v>0</v>
      </c>
      <c r="F3681" cm="1">
        <f t="array" ref="F3681">IFERROR(INDEX(Jesper!AJ$2:AJ$366,ROUNDDOWN($C3681/24,0)+1,1)*INDEX($D$3:$AA$30,INDEX(Jesper!$R$2:$R$366,ROW(INDEX(Jesper!AJ$2:AJ$366,ROUNDDOWN($C3681/24,0)+1,1))-1)+IF('Standard Profiles'!$G$20=$B$10,7,0)+IF('Standard Profiles'!$G$20=$B$17,14,0)+IF('Standard Profiles'!$G$20=$B$24,21,0),MOD($C3681,24)+1)/SUM(INDEX($D$3:$AA$30,INDEX(Jesper!$R$2:$R$366,ROW(INDEX(Jesper!AJ$2:AJ$366,ROUNDDOWN($C3681/24,0)+1,1))-1)+IF('Standard Profiles'!$G$20=$B$10,7,0)+IF('Standard Profiles'!$G$20=$B$17,14,0)+IF('Standard Profiles'!$G$20=$B$24,21,0),0)),0)</f>
        <v>0</v>
      </c>
      <c r="G3681" cm="1">
        <f t="array" ref="G3681">IFERROR(INDEX(Jesper!AK$2:AK$366,ROUNDDOWN($C3681/24,0)+1,1)*INDEX($D$3:$AA$30,INDEX(Jesper!$R$2:$R$366,ROW(INDEX(Jesper!AK$2:AK$366,ROUNDDOWN($C3681/24,0)+1,1))-1)+IF('Standard Profiles'!$G$21=$B$10,7,0)+IF('Standard Profiles'!$G$21=$B$17,14,0)+IF('Standard Profiles'!$G$21=$B$24,21,0),MOD($C3681,24)+1)/SUM(INDEX($D$3:$AA$30,INDEX(Jesper!$R$2:$R$366,ROW(INDEX(Jesper!AK$2:AK$366,ROUNDDOWN($C3681/24,0)+1,1))-1)+IF('Standard Profiles'!$G$21=$B$10,7,0)+IF('Standard Profiles'!$G$21=$B$17,14,0)+IF('Standard Profiles'!$G$21=$B$24,21,0),0)),0)</f>
        <v>0</v>
      </c>
      <c r="H3681" cm="1">
        <f t="array" ref="H3681">IFERROR(INDEX(Jesper!AL$2:AL$366,ROUNDDOWN($C3681/24,0)+1,1)*INDEX($D$3:$AA$30,INDEX(Jesper!$R$2:$R$366,ROW(INDEX(Jesper!AL$2:AL$366,ROUNDDOWN($C3681/24,0)+1,1))-1)+IF('Standard Profiles'!$G$22=$B$10,7,0)+IF('Standard Profiles'!$G$22=$B$17,14,0)+IF('Standard Profiles'!$G$22=$B$24,21,0),MOD($C3681,24)+1)/SUM(INDEX($D$3:$AA$30,INDEX(Jesper!$R$2:$R$366,ROW(INDEX(Jesper!AL$2:AL$366,ROUNDDOWN($C3681/24,0)+1,1))-1)+IF('Standard Profiles'!$G$22=$B$10,7,0)+IF('Standard Profiles'!$G$22=$B$17,14,0)+IF('Standard Profiles'!$G$22=$B$24,21,0),0)),0)</f>
        <v>0</v>
      </c>
      <c r="I3681">
        <f t="shared" si="412"/>
        <v>0.1135407337290196</v>
      </c>
      <c r="J3681">
        <f t="shared" si="413"/>
        <v>0.37846911243006537</v>
      </c>
      <c r="K3681">
        <f t="shared" si="414"/>
        <v>0.56770366864509803</v>
      </c>
      <c r="L3681">
        <f t="shared" si="415"/>
        <v>2.7249776094964702</v>
      </c>
      <c r="M3681">
        <f t="shared" si="416"/>
        <v>0</v>
      </c>
      <c r="N3681" s="46">
        <f t="shared" si="417"/>
        <v>45443.958333324488</v>
      </c>
    </row>
    <row r="3682" spans="2:14" x14ac:dyDescent="0.3">
      <c r="B3682">
        <f t="shared" si="411"/>
        <v>6</v>
      </c>
      <c r="C3682" s="16">
        <v>3648</v>
      </c>
      <c r="D3682" cm="1">
        <f t="array" ref="D3682">IFERROR(INDEX(Jesper!AH$2:AH$366,ROUNDDOWN($C3682/24,0)+1,1)*INDEX($D$3:$AA$30,INDEX(Jesper!$R$2:$R$366,ROW(INDEX(Jesper!AH$2:AH$366,ROUNDDOWN($C3682/24,0)+1,1))-1)+IF('Standard Profiles'!$G$18=$B$10,7,0)+IF('Standard Profiles'!$G$18=$B$17,14,0)+IF('Standard Profiles'!$G$18=$B$24,21,0),MOD($C3682,24)+1)/SUM(INDEX($D$3:$AA$30,INDEX(Jesper!$R$2:$R$366,ROW(INDEX(Jesper!AH$2:AH$366,ROUNDDOWN($C3682/24,0)+1,1))-1)+IF('Standard Profiles'!$G$18=$B$10,7,0)+IF('Standard Profiles'!$G$18=$B$17,14,0)+IF('Standard Profiles'!$G$18=$B$24,21,0),0)),0)</f>
        <v>3.7932465414011696</v>
      </c>
      <c r="E3682" cm="1">
        <f t="array" ref="E3682">IFERROR(INDEX(Jesper!AI$2:AI$366,ROUNDDOWN($C3682/24,0)+1,1)*INDEX($D$3:$AA$30,INDEX(Jesper!$R$2:$R$366,ROW(INDEX(Jesper!AI$2:AI$366,ROUNDDOWN($C3682/24,0)+1,1))-1)+IF('Standard Profiles'!$G$19=$B$10,7,0)+IF('Standard Profiles'!$G$19=$B$17,14,0)+IF('Standard Profiles'!$G$19=$B$24,21,0),MOD($C3682,24)+1)/SUM(INDEX($D$3:$AA$30,INDEX(Jesper!$R$2:$R$366,ROW(INDEX(Jesper!AI$2:AI$366,ROUNDDOWN($C3682/24,0)+1,1))-1)+IF('Standard Profiles'!$G$19=$B$10,7,0)+IF('Standard Profiles'!$G$19=$B$17,14,0)+IF('Standard Profiles'!$G$19=$B$24,21,0),0)),0)</f>
        <v>0.71866396132627242</v>
      </c>
      <c r="F3682" cm="1">
        <f t="array" ref="F3682">IFERROR(INDEX(Jesper!AJ$2:AJ$366,ROUNDDOWN($C3682/24,0)+1,1)*INDEX($D$3:$AA$30,INDEX(Jesper!$R$2:$R$366,ROW(INDEX(Jesper!AJ$2:AJ$366,ROUNDDOWN($C3682/24,0)+1,1))-1)+IF('Standard Profiles'!$G$20=$B$10,7,0)+IF('Standard Profiles'!$G$20=$B$17,14,0)+IF('Standard Profiles'!$G$20=$B$24,21,0),MOD($C3682,24)+1)/SUM(INDEX($D$3:$AA$30,INDEX(Jesper!$R$2:$R$366,ROW(INDEX(Jesper!AJ$2:AJ$366,ROUNDDOWN($C3682/24,0)+1,1))-1)+IF('Standard Profiles'!$G$20=$B$10,7,0)+IF('Standard Profiles'!$G$20=$B$17,14,0)+IF('Standard Profiles'!$G$20=$B$24,21,0),0)),0)</f>
        <v>0</v>
      </c>
      <c r="G3682" cm="1">
        <f t="array" ref="G3682">IFERROR(INDEX(Jesper!AK$2:AK$366,ROUNDDOWN($C3682/24,0)+1,1)*INDEX($D$3:$AA$30,INDEX(Jesper!$R$2:$R$366,ROW(INDEX(Jesper!AK$2:AK$366,ROUNDDOWN($C3682/24,0)+1,1))-1)+IF('Standard Profiles'!$G$21=$B$10,7,0)+IF('Standard Profiles'!$G$21=$B$17,14,0)+IF('Standard Profiles'!$G$21=$B$24,21,0),MOD($C3682,24)+1)/SUM(INDEX($D$3:$AA$30,INDEX(Jesper!$R$2:$R$366,ROW(INDEX(Jesper!AK$2:AK$366,ROUNDDOWN($C3682/24,0)+1,1))-1)+IF('Standard Profiles'!$G$21=$B$10,7,0)+IF('Standard Profiles'!$G$21=$B$17,14,0)+IF('Standard Profiles'!$G$21=$B$24,21,0),0)),0)</f>
        <v>0</v>
      </c>
      <c r="H3682" cm="1">
        <f t="array" ref="H3682">IFERROR(INDEX(Jesper!AL$2:AL$366,ROUNDDOWN($C3682/24,0)+1,1)*INDEX($D$3:$AA$30,INDEX(Jesper!$R$2:$R$366,ROW(INDEX(Jesper!AL$2:AL$366,ROUNDDOWN($C3682/24,0)+1,1))-1)+IF('Standard Profiles'!$G$22=$B$10,7,0)+IF('Standard Profiles'!$G$22=$B$17,14,0)+IF('Standard Profiles'!$G$22=$B$24,21,0),MOD($C3682,24)+1)/SUM(INDEX($D$3:$AA$30,INDEX(Jesper!$R$2:$R$366,ROW(INDEX(Jesper!AL$2:AL$366,ROUNDDOWN($C3682/24,0)+1,1))-1)+IF('Standard Profiles'!$G$22=$B$10,7,0)+IF('Standard Profiles'!$G$22=$B$17,14,0)+IF('Standard Profiles'!$G$22=$B$24,21,0),0)),0)</f>
        <v>0</v>
      </c>
      <c r="I3682">
        <f t="shared" si="412"/>
        <v>6.4744501020384926E-2</v>
      </c>
      <c r="J3682">
        <f t="shared" si="413"/>
        <v>0.2158150034012831</v>
      </c>
      <c r="K3682">
        <f t="shared" si="414"/>
        <v>0.32372250510192463</v>
      </c>
      <c r="L3682">
        <f t="shared" si="415"/>
        <v>3.9076284932038492</v>
      </c>
      <c r="M3682">
        <f t="shared" si="416"/>
        <v>0</v>
      </c>
      <c r="N3682" s="46">
        <f t="shared" si="417"/>
        <v>45443.999999991152</v>
      </c>
    </row>
    <row r="3683" spans="2:14" x14ac:dyDescent="0.3">
      <c r="B3683">
        <f t="shared" ref="B3683:B3746" si="418">WEEKDAY(N3683,2)</f>
        <v>6</v>
      </c>
      <c r="C3683" s="16">
        <v>3649</v>
      </c>
      <c r="D3683" cm="1">
        <f t="array" ref="D3683">IFERROR(INDEX(Jesper!AH$2:AH$366,ROUNDDOWN($C3683/24,0)+1,1)*INDEX($D$3:$AA$30,INDEX(Jesper!$R$2:$R$366,ROW(INDEX(Jesper!AH$2:AH$366,ROUNDDOWN($C3683/24,0)+1,1))-1)+IF('Standard Profiles'!$G$18=$B$10,7,0)+IF('Standard Profiles'!$G$18=$B$17,14,0)+IF('Standard Profiles'!$G$18=$B$24,21,0),MOD($C3683,24)+1)/SUM(INDEX($D$3:$AA$30,INDEX(Jesper!$R$2:$R$366,ROW(INDEX(Jesper!AH$2:AH$366,ROUNDDOWN($C3683/24,0)+1,1))-1)+IF('Standard Profiles'!$G$18=$B$10,7,0)+IF('Standard Profiles'!$G$18=$B$17,14,0)+IF('Standard Profiles'!$G$18=$B$24,21,0),0)),0)</f>
        <v>7.4058622951165702</v>
      </c>
      <c r="E3683" cm="1">
        <f t="array" ref="E3683">IFERROR(INDEX(Jesper!AI$2:AI$366,ROUNDDOWN($C3683/24,0)+1,1)*INDEX($D$3:$AA$30,INDEX(Jesper!$R$2:$R$366,ROW(INDEX(Jesper!AI$2:AI$366,ROUNDDOWN($C3683/24,0)+1,1))-1)+IF('Standard Profiles'!$G$19=$B$10,7,0)+IF('Standard Profiles'!$G$19=$B$17,14,0)+IF('Standard Profiles'!$G$19=$B$24,21,0),MOD($C3683,24)+1)/SUM(INDEX($D$3:$AA$30,INDEX(Jesper!$R$2:$R$366,ROW(INDEX(Jesper!AI$2:AI$366,ROUNDDOWN($C3683/24,0)+1,1))-1)+IF('Standard Profiles'!$G$19=$B$10,7,0)+IF('Standard Profiles'!$G$19=$B$17,14,0)+IF('Standard Profiles'!$G$19=$B$24,21,0),0)),0)</f>
        <v>1.4031058292560561</v>
      </c>
      <c r="F3683" cm="1">
        <f t="array" ref="F3683">IFERROR(INDEX(Jesper!AJ$2:AJ$366,ROUNDDOWN($C3683/24,0)+1,1)*INDEX($D$3:$AA$30,INDEX(Jesper!$R$2:$R$366,ROW(INDEX(Jesper!AJ$2:AJ$366,ROUNDDOWN($C3683/24,0)+1,1))-1)+IF('Standard Profiles'!$G$20=$B$10,7,0)+IF('Standard Profiles'!$G$20=$B$17,14,0)+IF('Standard Profiles'!$G$20=$B$24,21,0),MOD($C3683,24)+1)/SUM(INDEX($D$3:$AA$30,INDEX(Jesper!$R$2:$R$366,ROW(INDEX(Jesper!AJ$2:AJ$366,ROUNDDOWN($C3683/24,0)+1,1))-1)+IF('Standard Profiles'!$G$20=$B$10,7,0)+IF('Standard Profiles'!$G$20=$B$17,14,0)+IF('Standard Profiles'!$G$20=$B$24,21,0),0)),0)</f>
        <v>0</v>
      </c>
      <c r="G3683" cm="1">
        <f t="array" ref="G3683">IFERROR(INDEX(Jesper!AK$2:AK$366,ROUNDDOWN($C3683/24,0)+1,1)*INDEX($D$3:$AA$30,INDEX(Jesper!$R$2:$R$366,ROW(INDEX(Jesper!AK$2:AK$366,ROUNDDOWN($C3683/24,0)+1,1))-1)+IF('Standard Profiles'!$G$21=$B$10,7,0)+IF('Standard Profiles'!$G$21=$B$17,14,0)+IF('Standard Profiles'!$G$21=$B$24,21,0),MOD($C3683,24)+1)/SUM(INDEX($D$3:$AA$30,INDEX(Jesper!$R$2:$R$366,ROW(INDEX(Jesper!AK$2:AK$366,ROUNDDOWN($C3683/24,0)+1,1))-1)+IF('Standard Profiles'!$G$21=$B$10,7,0)+IF('Standard Profiles'!$G$21=$B$17,14,0)+IF('Standard Profiles'!$G$21=$B$24,21,0),0)),0)</f>
        <v>0</v>
      </c>
      <c r="H3683" cm="1">
        <f t="array" ref="H3683">IFERROR(INDEX(Jesper!AL$2:AL$366,ROUNDDOWN($C3683/24,0)+1,1)*INDEX($D$3:$AA$30,INDEX(Jesper!$R$2:$R$366,ROW(INDEX(Jesper!AL$2:AL$366,ROUNDDOWN($C3683/24,0)+1,1))-1)+IF('Standard Profiles'!$G$22=$B$10,7,0)+IF('Standard Profiles'!$G$22=$B$17,14,0)+IF('Standard Profiles'!$G$22=$B$24,21,0),MOD($C3683,24)+1)/SUM(INDEX($D$3:$AA$30,INDEX(Jesper!$R$2:$R$366,ROW(INDEX(Jesper!AL$2:AL$366,ROUNDDOWN($C3683/24,0)+1,1))-1)+IF('Standard Profiles'!$G$22=$B$10,7,0)+IF('Standard Profiles'!$G$22=$B$17,14,0)+IF('Standard Profiles'!$G$22=$B$24,21,0),0)),0)</f>
        <v>0</v>
      </c>
      <c r="I3683">
        <f t="shared" ref="I3683:I3746" si="419">IF($B3683&lt;6,AC$37*$D3683+AC$38*$E3683+AC$39*$F3683+AC$40*$G3683,AC$46*$D3683+AC$47*$E3683+AC$48*$F3683+AC$49*$G3683+AC$50*$H3683)</f>
        <v>0.12640593056360869</v>
      </c>
      <c r="J3683">
        <f t="shared" ref="J3683:J3746" si="420">IF($B3683&lt;6,AD$37*$D3683+AD$38*$E3683+AD$39*$F3683+AD$40*$G3683,AD$46*$D3683+AD$47*$E3683+AD$48*$F3683+AD$49*$G3683+AD$50*$H3683)</f>
        <v>0.42135310187869568</v>
      </c>
      <c r="K3683">
        <f t="shared" ref="K3683:K3746" si="421">IF($B3683&lt;6,AE$37*$D3683+AE$38*$E3683+AE$39*$F3683+AE$40*$G3683,AE$46*$D3683+AE$47*$E3683+AE$48*$F3683+AE$49*$G3683+AE$50*$H3683)</f>
        <v>0.63202965281804357</v>
      </c>
      <c r="L3683">
        <f t="shared" ref="L3683:L3746" si="422">IF($B3683&lt;6,AF$37*$D3683+AF$38*$E3683+AF$39*$F3683+AF$40*$G3683,AF$46*$D3683+AF$47*$E3683+AF$48*$F3683+AF$49*$G3683+AF$50*$H3683)</f>
        <v>7.6291794391122787</v>
      </c>
      <c r="M3683">
        <f t="shared" ref="M3683:M3746" si="423">IF($B3683&lt;6,AG$37*$D3683+AG$38*$E3683+AG$39*$F3683+AG$40*$G3683,AG$46*$D3683+AG$47*$E3683+AG$48*$F3683+AG$49*$G3683+AG$50*$H3683)</f>
        <v>0</v>
      </c>
      <c r="N3683" s="46">
        <f t="shared" si="417"/>
        <v>45444.041666657817</v>
      </c>
    </row>
    <row r="3684" spans="2:14" x14ac:dyDescent="0.3">
      <c r="B3684">
        <f t="shared" si="418"/>
        <v>6</v>
      </c>
      <c r="C3684" s="16">
        <v>3650</v>
      </c>
      <c r="D3684" cm="1">
        <f t="array" ref="D3684">IFERROR(INDEX(Jesper!AH$2:AH$366,ROUNDDOWN($C3684/24,0)+1,1)*INDEX($D$3:$AA$30,INDEX(Jesper!$R$2:$R$366,ROW(INDEX(Jesper!AH$2:AH$366,ROUNDDOWN($C3684/24,0)+1,1))-1)+IF('Standard Profiles'!$G$18=$B$10,7,0)+IF('Standard Profiles'!$G$18=$B$17,14,0)+IF('Standard Profiles'!$G$18=$B$24,21,0),MOD($C3684,24)+1)/SUM(INDEX($D$3:$AA$30,INDEX(Jesper!$R$2:$R$366,ROW(INDEX(Jesper!AH$2:AH$366,ROUNDDOWN($C3684/24,0)+1,1))-1)+IF('Standard Profiles'!$G$18=$B$10,7,0)+IF('Standard Profiles'!$G$18=$B$17,14,0)+IF('Standard Profiles'!$G$18=$B$24,21,0),0)),0)</f>
        <v>7.4058622951165702</v>
      </c>
      <c r="E3684" cm="1">
        <f t="array" ref="E3684">IFERROR(INDEX(Jesper!AI$2:AI$366,ROUNDDOWN($C3684/24,0)+1,1)*INDEX($D$3:$AA$30,INDEX(Jesper!$R$2:$R$366,ROW(INDEX(Jesper!AI$2:AI$366,ROUNDDOWN($C3684/24,0)+1,1))-1)+IF('Standard Profiles'!$G$19=$B$10,7,0)+IF('Standard Profiles'!$G$19=$B$17,14,0)+IF('Standard Profiles'!$G$19=$B$24,21,0),MOD($C3684,24)+1)/SUM(INDEX($D$3:$AA$30,INDEX(Jesper!$R$2:$R$366,ROW(INDEX(Jesper!AI$2:AI$366,ROUNDDOWN($C3684/24,0)+1,1))-1)+IF('Standard Profiles'!$G$19=$B$10,7,0)+IF('Standard Profiles'!$G$19=$B$17,14,0)+IF('Standard Profiles'!$G$19=$B$24,21,0),0)),0)</f>
        <v>1.4031058292560561</v>
      </c>
      <c r="F3684" cm="1">
        <f t="array" ref="F3684">IFERROR(INDEX(Jesper!AJ$2:AJ$366,ROUNDDOWN($C3684/24,0)+1,1)*INDEX($D$3:$AA$30,INDEX(Jesper!$R$2:$R$366,ROW(INDEX(Jesper!AJ$2:AJ$366,ROUNDDOWN($C3684/24,0)+1,1))-1)+IF('Standard Profiles'!$G$20=$B$10,7,0)+IF('Standard Profiles'!$G$20=$B$17,14,0)+IF('Standard Profiles'!$G$20=$B$24,21,0),MOD($C3684,24)+1)/SUM(INDEX($D$3:$AA$30,INDEX(Jesper!$R$2:$R$366,ROW(INDEX(Jesper!AJ$2:AJ$366,ROUNDDOWN($C3684/24,0)+1,1))-1)+IF('Standard Profiles'!$G$20=$B$10,7,0)+IF('Standard Profiles'!$G$20=$B$17,14,0)+IF('Standard Profiles'!$G$20=$B$24,21,0),0)),0)</f>
        <v>0</v>
      </c>
      <c r="G3684" cm="1">
        <f t="array" ref="G3684">IFERROR(INDEX(Jesper!AK$2:AK$366,ROUNDDOWN($C3684/24,0)+1,1)*INDEX($D$3:$AA$30,INDEX(Jesper!$R$2:$R$366,ROW(INDEX(Jesper!AK$2:AK$366,ROUNDDOWN($C3684/24,0)+1,1))-1)+IF('Standard Profiles'!$G$21=$B$10,7,0)+IF('Standard Profiles'!$G$21=$B$17,14,0)+IF('Standard Profiles'!$G$21=$B$24,21,0),MOD($C3684,24)+1)/SUM(INDEX($D$3:$AA$30,INDEX(Jesper!$R$2:$R$366,ROW(INDEX(Jesper!AK$2:AK$366,ROUNDDOWN($C3684/24,0)+1,1))-1)+IF('Standard Profiles'!$G$21=$B$10,7,0)+IF('Standard Profiles'!$G$21=$B$17,14,0)+IF('Standard Profiles'!$G$21=$B$24,21,0),0)),0)</f>
        <v>0</v>
      </c>
      <c r="H3684" cm="1">
        <f t="array" ref="H3684">IFERROR(INDEX(Jesper!AL$2:AL$366,ROUNDDOWN($C3684/24,0)+1,1)*INDEX($D$3:$AA$30,INDEX(Jesper!$R$2:$R$366,ROW(INDEX(Jesper!AL$2:AL$366,ROUNDDOWN($C3684/24,0)+1,1))-1)+IF('Standard Profiles'!$G$22=$B$10,7,0)+IF('Standard Profiles'!$G$22=$B$17,14,0)+IF('Standard Profiles'!$G$22=$B$24,21,0),MOD($C3684,24)+1)/SUM(INDEX($D$3:$AA$30,INDEX(Jesper!$R$2:$R$366,ROW(INDEX(Jesper!AL$2:AL$366,ROUNDDOWN($C3684/24,0)+1,1))-1)+IF('Standard Profiles'!$G$22=$B$10,7,0)+IF('Standard Profiles'!$G$22=$B$17,14,0)+IF('Standard Profiles'!$G$22=$B$24,21,0),0)),0)</f>
        <v>0</v>
      </c>
      <c r="I3684">
        <f t="shared" si="419"/>
        <v>0.12640593056360869</v>
      </c>
      <c r="J3684">
        <f t="shared" si="420"/>
        <v>0.42135310187869568</v>
      </c>
      <c r="K3684">
        <f t="shared" si="421"/>
        <v>0.63202965281804357</v>
      </c>
      <c r="L3684">
        <f t="shared" si="422"/>
        <v>7.6291794391122787</v>
      </c>
      <c r="M3684">
        <f t="shared" si="423"/>
        <v>0</v>
      </c>
      <c r="N3684" s="46">
        <f t="shared" ref="N3684:N3747" si="424">N3683+1/24</f>
        <v>45444.083333324481</v>
      </c>
    </row>
    <row r="3685" spans="2:14" x14ac:dyDescent="0.3">
      <c r="B3685">
        <f t="shared" si="418"/>
        <v>6</v>
      </c>
      <c r="C3685" s="16">
        <v>3651</v>
      </c>
      <c r="D3685" cm="1">
        <f t="array" ref="D3685">IFERROR(INDEX(Jesper!AH$2:AH$366,ROUNDDOWN($C3685/24,0)+1,1)*INDEX($D$3:$AA$30,INDEX(Jesper!$R$2:$R$366,ROW(INDEX(Jesper!AH$2:AH$366,ROUNDDOWN($C3685/24,0)+1,1))-1)+IF('Standard Profiles'!$G$18=$B$10,7,0)+IF('Standard Profiles'!$G$18=$B$17,14,0)+IF('Standard Profiles'!$G$18=$B$24,21,0),MOD($C3685,24)+1)/SUM(INDEX($D$3:$AA$30,INDEX(Jesper!$R$2:$R$366,ROW(INDEX(Jesper!AH$2:AH$366,ROUNDDOWN($C3685/24,0)+1,1))-1)+IF('Standard Profiles'!$G$18=$B$10,7,0)+IF('Standard Profiles'!$G$18=$B$17,14,0)+IF('Standard Profiles'!$G$18=$B$24,21,0),0)),0)</f>
        <v>7.4058622951165702</v>
      </c>
      <c r="E3685" cm="1">
        <f t="array" ref="E3685">IFERROR(INDEX(Jesper!AI$2:AI$366,ROUNDDOWN($C3685/24,0)+1,1)*INDEX($D$3:$AA$30,INDEX(Jesper!$R$2:$R$366,ROW(INDEX(Jesper!AI$2:AI$366,ROUNDDOWN($C3685/24,0)+1,1))-1)+IF('Standard Profiles'!$G$19=$B$10,7,0)+IF('Standard Profiles'!$G$19=$B$17,14,0)+IF('Standard Profiles'!$G$19=$B$24,21,0),MOD($C3685,24)+1)/SUM(INDEX($D$3:$AA$30,INDEX(Jesper!$R$2:$R$366,ROW(INDEX(Jesper!AI$2:AI$366,ROUNDDOWN($C3685/24,0)+1,1))-1)+IF('Standard Profiles'!$G$19=$B$10,7,0)+IF('Standard Profiles'!$G$19=$B$17,14,0)+IF('Standard Profiles'!$G$19=$B$24,21,0),0)),0)</f>
        <v>1.4031058292560561</v>
      </c>
      <c r="F3685" cm="1">
        <f t="array" ref="F3685">IFERROR(INDEX(Jesper!AJ$2:AJ$366,ROUNDDOWN($C3685/24,0)+1,1)*INDEX($D$3:$AA$30,INDEX(Jesper!$R$2:$R$366,ROW(INDEX(Jesper!AJ$2:AJ$366,ROUNDDOWN($C3685/24,0)+1,1))-1)+IF('Standard Profiles'!$G$20=$B$10,7,0)+IF('Standard Profiles'!$G$20=$B$17,14,0)+IF('Standard Profiles'!$G$20=$B$24,21,0),MOD($C3685,24)+1)/SUM(INDEX($D$3:$AA$30,INDEX(Jesper!$R$2:$R$366,ROW(INDEX(Jesper!AJ$2:AJ$366,ROUNDDOWN($C3685/24,0)+1,1))-1)+IF('Standard Profiles'!$G$20=$B$10,7,0)+IF('Standard Profiles'!$G$20=$B$17,14,0)+IF('Standard Profiles'!$G$20=$B$24,21,0),0)),0)</f>
        <v>0</v>
      </c>
      <c r="G3685" cm="1">
        <f t="array" ref="G3685">IFERROR(INDEX(Jesper!AK$2:AK$366,ROUNDDOWN($C3685/24,0)+1,1)*INDEX($D$3:$AA$30,INDEX(Jesper!$R$2:$R$366,ROW(INDEX(Jesper!AK$2:AK$366,ROUNDDOWN($C3685/24,0)+1,1))-1)+IF('Standard Profiles'!$G$21=$B$10,7,0)+IF('Standard Profiles'!$G$21=$B$17,14,0)+IF('Standard Profiles'!$G$21=$B$24,21,0),MOD($C3685,24)+1)/SUM(INDEX($D$3:$AA$30,INDEX(Jesper!$R$2:$R$366,ROW(INDEX(Jesper!AK$2:AK$366,ROUNDDOWN($C3685/24,0)+1,1))-1)+IF('Standard Profiles'!$G$21=$B$10,7,0)+IF('Standard Profiles'!$G$21=$B$17,14,0)+IF('Standard Profiles'!$G$21=$B$24,21,0),0)),0)</f>
        <v>0</v>
      </c>
      <c r="H3685" cm="1">
        <f t="array" ref="H3685">IFERROR(INDEX(Jesper!AL$2:AL$366,ROUNDDOWN($C3685/24,0)+1,1)*INDEX($D$3:$AA$30,INDEX(Jesper!$R$2:$R$366,ROW(INDEX(Jesper!AL$2:AL$366,ROUNDDOWN($C3685/24,0)+1,1))-1)+IF('Standard Profiles'!$G$22=$B$10,7,0)+IF('Standard Profiles'!$G$22=$B$17,14,0)+IF('Standard Profiles'!$G$22=$B$24,21,0),MOD($C3685,24)+1)/SUM(INDEX($D$3:$AA$30,INDEX(Jesper!$R$2:$R$366,ROW(INDEX(Jesper!AL$2:AL$366,ROUNDDOWN($C3685/24,0)+1,1))-1)+IF('Standard Profiles'!$G$22=$B$10,7,0)+IF('Standard Profiles'!$G$22=$B$17,14,0)+IF('Standard Profiles'!$G$22=$B$24,21,0),0)),0)</f>
        <v>0</v>
      </c>
      <c r="I3685">
        <f t="shared" si="419"/>
        <v>0.12640593056360869</v>
      </c>
      <c r="J3685">
        <f t="shared" si="420"/>
        <v>0.42135310187869568</v>
      </c>
      <c r="K3685">
        <f t="shared" si="421"/>
        <v>0.63202965281804357</v>
      </c>
      <c r="L3685">
        <f t="shared" si="422"/>
        <v>7.6291794391122787</v>
      </c>
      <c r="M3685">
        <f t="shared" si="423"/>
        <v>0</v>
      </c>
      <c r="N3685" s="46">
        <f t="shared" si="424"/>
        <v>45444.124999991145</v>
      </c>
    </row>
    <row r="3686" spans="2:14" x14ac:dyDescent="0.3">
      <c r="B3686">
        <f t="shared" si="418"/>
        <v>6</v>
      </c>
      <c r="C3686" s="16">
        <v>3652</v>
      </c>
      <c r="D3686" cm="1">
        <f t="array" ref="D3686">IFERROR(INDEX(Jesper!AH$2:AH$366,ROUNDDOWN($C3686/24,0)+1,1)*INDEX($D$3:$AA$30,INDEX(Jesper!$R$2:$R$366,ROW(INDEX(Jesper!AH$2:AH$366,ROUNDDOWN($C3686/24,0)+1,1))-1)+IF('Standard Profiles'!$G$18=$B$10,7,0)+IF('Standard Profiles'!$G$18=$B$17,14,0)+IF('Standard Profiles'!$G$18=$B$24,21,0),MOD($C3686,24)+1)/SUM(INDEX($D$3:$AA$30,INDEX(Jesper!$R$2:$R$366,ROW(INDEX(Jesper!AH$2:AH$366,ROUNDDOWN($C3686/24,0)+1,1))-1)+IF('Standard Profiles'!$G$18=$B$10,7,0)+IF('Standard Profiles'!$G$18=$B$17,14,0)+IF('Standard Profiles'!$G$18=$B$24,21,0),0)),0)</f>
        <v>7.4058622951165702</v>
      </c>
      <c r="E3686" cm="1">
        <f t="array" ref="E3686">IFERROR(INDEX(Jesper!AI$2:AI$366,ROUNDDOWN($C3686/24,0)+1,1)*INDEX($D$3:$AA$30,INDEX(Jesper!$R$2:$R$366,ROW(INDEX(Jesper!AI$2:AI$366,ROUNDDOWN($C3686/24,0)+1,1))-1)+IF('Standard Profiles'!$G$19=$B$10,7,0)+IF('Standard Profiles'!$G$19=$B$17,14,0)+IF('Standard Profiles'!$G$19=$B$24,21,0),MOD($C3686,24)+1)/SUM(INDEX($D$3:$AA$30,INDEX(Jesper!$R$2:$R$366,ROW(INDEX(Jesper!AI$2:AI$366,ROUNDDOWN($C3686/24,0)+1,1))-1)+IF('Standard Profiles'!$G$19=$B$10,7,0)+IF('Standard Profiles'!$G$19=$B$17,14,0)+IF('Standard Profiles'!$G$19=$B$24,21,0),0)),0)</f>
        <v>1.4031058292560561</v>
      </c>
      <c r="F3686" cm="1">
        <f t="array" ref="F3686">IFERROR(INDEX(Jesper!AJ$2:AJ$366,ROUNDDOWN($C3686/24,0)+1,1)*INDEX($D$3:$AA$30,INDEX(Jesper!$R$2:$R$366,ROW(INDEX(Jesper!AJ$2:AJ$366,ROUNDDOWN($C3686/24,0)+1,1))-1)+IF('Standard Profiles'!$G$20=$B$10,7,0)+IF('Standard Profiles'!$G$20=$B$17,14,0)+IF('Standard Profiles'!$G$20=$B$24,21,0),MOD($C3686,24)+1)/SUM(INDEX($D$3:$AA$30,INDEX(Jesper!$R$2:$R$366,ROW(INDEX(Jesper!AJ$2:AJ$366,ROUNDDOWN($C3686/24,0)+1,1))-1)+IF('Standard Profiles'!$G$20=$B$10,7,0)+IF('Standard Profiles'!$G$20=$B$17,14,0)+IF('Standard Profiles'!$G$20=$B$24,21,0),0)),0)</f>
        <v>0</v>
      </c>
      <c r="G3686" cm="1">
        <f t="array" ref="G3686">IFERROR(INDEX(Jesper!AK$2:AK$366,ROUNDDOWN($C3686/24,0)+1,1)*INDEX($D$3:$AA$30,INDEX(Jesper!$R$2:$R$366,ROW(INDEX(Jesper!AK$2:AK$366,ROUNDDOWN($C3686/24,0)+1,1))-1)+IF('Standard Profiles'!$G$21=$B$10,7,0)+IF('Standard Profiles'!$G$21=$B$17,14,0)+IF('Standard Profiles'!$G$21=$B$24,21,0),MOD($C3686,24)+1)/SUM(INDEX($D$3:$AA$30,INDEX(Jesper!$R$2:$R$366,ROW(INDEX(Jesper!AK$2:AK$366,ROUNDDOWN($C3686/24,0)+1,1))-1)+IF('Standard Profiles'!$G$21=$B$10,7,0)+IF('Standard Profiles'!$G$21=$B$17,14,0)+IF('Standard Profiles'!$G$21=$B$24,21,0),0)),0)</f>
        <v>0</v>
      </c>
      <c r="H3686" cm="1">
        <f t="array" ref="H3686">IFERROR(INDEX(Jesper!AL$2:AL$366,ROUNDDOWN($C3686/24,0)+1,1)*INDEX($D$3:$AA$30,INDEX(Jesper!$R$2:$R$366,ROW(INDEX(Jesper!AL$2:AL$366,ROUNDDOWN($C3686/24,0)+1,1))-1)+IF('Standard Profiles'!$G$22=$B$10,7,0)+IF('Standard Profiles'!$G$22=$B$17,14,0)+IF('Standard Profiles'!$G$22=$B$24,21,0),MOD($C3686,24)+1)/SUM(INDEX($D$3:$AA$30,INDEX(Jesper!$R$2:$R$366,ROW(INDEX(Jesper!AL$2:AL$366,ROUNDDOWN($C3686/24,0)+1,1))-1)+IF('Standard Profiles'!$G$22=$B$10,7,0)+IF('Standard Profiles'!$G$22=$B$17,14,0)+IF('Standard Profiles'!$G$22=$B$24,21,0),0)),0)</f>
        <v>0</v>
      </c>
      <c r="I3686">
        <f t="shared" si="419"/>
        <v>0.12640593056360869</v>
      </c>
      <c r="J3686">
        <f t="shared" si="420"/>
        <v>0.42135310187869568</v>
      </c>
      <c r="K3686">
        <f t="shared" si="421"/>
        <v>0.63202965281804357</v>
      </c>
      <c r="L3686">
        <f t="shared" si="422"/>
        <v>7.6291794391122787</v>
      </c>
      <c r="M3686">
        <f t="shared" si="423"/>
        <v>0</v>
      </c>
      <c r="N3686" s="46">
        <f t="shared" si="424"/>
        <v>45444.166666657809</v>
      </c>
    </row>
    <row r="3687" spans="2:14" x14ac:dyDescent="0.3">
      <c r="B3687">
        <f t="shared" si="418"/>
        <v>6</v>
      </c>
      <c r="C3687" s="16">
        <v>3653</v>
      </c>
      <c r="D3687" cm="1">
        <f t="array" ref="D3687">IFERROR(INDEX(Jesper!AH$2:AH$366,ROUNDDOWN($C3687/24,0)+1,1)*INDEX($D$3:$AA$30,INDEX(Jesper!$R$2:$R$366,ROW(INDEX(Jesper!AH$2:AH$366,ROUNDDOWN($C3687/24,0)+1,1))-1)+IF('Standard Profiles'!$G$18=$B$10,7,0)+IF('Standard Profiles'!$G$18=$B$17,14,0)+IF('Standard Profiles'!$G$18=$B$24,21,0),MOD($C3687,24)+1)/SUM(INDEX($D$3:$AA$30,INDEX(Jesper!$R$2:$R$366,ROW(INDEX(Jesper!AH$2:AH$366,ROUNDDOWN($C3687/24,0)+1,1))-1)+IF('Standard Profiles'!$G$18=$B$10,7,0)+IF('Standard Profiles'!$G$18=$B$17,14,0)+IF('Standard Profiles'!$G$18=$B$24,21,0),0)),0)</f>
        <v>9.2121701719742699</v>
      </c>
      <c r="E3687" cm="1">
        <f t="array" ref="E3687">IFERROR(INDEX(Jesper!AI$2:AI$366,ROUNDDOWN($C3687/24,0)+1,1)*INDEX($D$3:$AA$30,INDEX(Jesper!$R$2:$R$366,ROW(INDEX(Jesper!AI$2:AI$366,ROUNDDOWN($C3687/24,0)+1,1))-1)+IF('Standard Profiles'!$G$19=$B$10,7,0)+IF('Standard Profiles'!$G$19=$B$17,14,0)+IF('Standard Profiles'!$G$19=$B$24,21,0),MOD($C3687,24)+1)/SUM(INDEX($D$3:$AA$30,INDEX(Jesper!$R$2:$R$366,ROW(INDEX(Jesper!AI$2:AI$366,ROUNDDOWN($C3687/24,0)+1,1))-1)+IF('Standard Profiles'!$G$19=$B$10,7,0)+IF('Standard Profiles'!$G$19=$B$17,14,0)+IF('Standard Profiles'!$G$19=$B$24,21,0),0)),0)</f>
        <v>1.7453267632209475</v>
      </c>
      <c r="F3687" cm="1">
        <f t="array" ref="F3687">IFERROR(INDEX(Jesper!AJ$2:AJ$366,ROUNDDOWN($C3687/24,0)+1,1)*INDEX($D$3:$AA$30,INDEX(Jesper!$R$2:$R$366,ROW(INDEX(Jesper!AJ$2:AJ$366,ROUNDDOWN($C3687/24,0)+1,1))-1)+IF('Standard Profiles'!$G$20=$B$10,7,0)+IF('Standard Profiles'!$G$20=$B$17,14,0)+IF('Standard Profiles'!$G$20=$B$24,21,0),MOD($C3687,24)+1)/SUM(INDEX($D$3:$AA$30,INDEX(Jesper!$R$2:$R$366,ROW(INDEX(Jesper!AJ$2:AJ$366,ROUNDDOWN($C3687/24,0)+1,1))-1)+IF('Standard Profiles'!$G$20=$B$10,7,0)+IF('Standard Profiles'!$G$20=$B$17,14,0)+IF('Standard Profiles'!$G$20=$B$24,21,0),0)),0)</f>
        <v>0</v>
      </c>
      <c r="G3687" cm="1">
        <f t="array" ref="G3687">IFERROR(INDEX(Jesper!AK$2:AK$366,ROUNDDOWN($C3687/24,0)+1,1)*INDEX($D$3:$AA$30,INDEX(Jesper!$R$2:$R$366,ROW(INDEX(Jesper!AK$2:AK$366,ROUNDDOWN($C3687/24,0)+1,1))-1)+IF('Standard Profiles'!$G$21=$B$10,7,0)+IF('Standard Profiles'!$G$21=$B$17,14,0)+IF('Standard Profiles'!$G$21=$B$24,21,0),MOD($C3687,24)+1)/SUM(INDEX($D$3:$AA$30,INDEX(Jesper!$R$2:$R$366,ROW(INDEX(Jesper!AK$2:AK$366,ROUNDDOWN($C3687/24,0)+1,1))-1)+IF('Standard Profiles'!$G$21=$B$10,7,0)+IF('Standard Profiles'!$G$21=$B$17,14,0)+IF('Standard Profiles'!$G$21=$B$24,21,0),0)),0)</f>
        <v>0</v>
      </c>
      <c r="H3687" cm="1">
        <f t="array" ref="H3687">IFERROR(INDEX(Jesper!AL$2:AL$366,ROUNDDOWN($C3687/24,0)+1,1)*INDEX($D$3:$AA$30,INDEX(Jesper!$R$2:$R$366,ROW(INDEX(Jesper!AL$2:AL$366,ROUNDDOWN($C3687/24,0)+1,1))-1)+IF('Standard Profiles'!$G$22=$B$10,7,0)+IF('Standard Profiles'!$G$22=$B$17,14,0)+IF('Standard Profiles'!$G$22=$B$24,21,0),MOD($C3687,24)+1)/SUM(INDEX($D$3:$AA$30,INDEX(Jesper!$R$2:$R$366,ROW(INDEX(Jesper!AL$2:AL$366,ROUNDDOWN($C3687/24,0)+1,1))-1)+IF('Standard Profiles'!$G$22=$B$10,7,0)+IF('Standard Profiles'!$G$22=$B$17,14,0)+IF('Standard Profiles'!$G$22=$B$24,21,0),0)),0)</f>
        <v>0</v>
      </c>
      <c r="I3687">
        <f t="shared" si="419"/>
        <v>0.15723664533522053</v>
      </c>
      <c r="J3687">
        <f t="shared" si="420"/>
        <v>0.5241221511174019</v>
      </c>
      <c r="K3687">
        <f t="shared" si="421"/>
        <v>0.78618322667610274</v>
      </c>
      <c r="L3687">
        <f t="shared" si="422"/>
        <v>9.4899549120664926</v>
      </c>
      <c r="M3687">
        <f t="shared" si="423"/>
        <v>0</v>
      </c>
      <c r="N3687" s="46">
        <f t="shared" si="424"/>
        <v>45444.208333324474</v>
      </c>
    </row>
    <row r="3688" spans="2:14" x14ac:dyDescent="0.3">
      <c r="B3688">
        <f t="shared" si="418"/>
        <v>6</v>
      </c>
      <c r="C3688" s="16">
        <v>3654</v>
      </c>
      <c r="D3688" cm="1">
        <f t="array" ref="D3688">IFERROR(INDEX(Jesper!AH$2:AH$366,ROUNDDOWN($C3688/24,0)+1,1)*INDEX($D$3:$AA$30,INDEX(Jesper!$R$2:$R$366,ROW(INDEX(Jesper!AH$2:AH$366,ROUNDDOWN($C3688/24,0)+1,1))-1)+IF('Standard Profiles'!$G$18=$B$10,7,0)+IF('Standard Profiles'!$G$18=$B$17,14,0)+IF('Standard Profiles'!$G$18=$B$24,21,0),MOD($C3688,24)+1)/SUM(INDEX($D$3:$AA$30,INDEX(Jesper!$R$2:$R$366,ROW(INDEX(Jesper!AH$2:AH$366,ROUNDDOWN($C3688/24,0)+1,1))-1)+IF('Standard Profiles'!$G$18=$B$10,7,0)+IF('Standard Profiles'!$G$18=$B$17,14,0)+IF('Standard Profiles'!$G$18=$B$24,21,0),0)),0)</f>
        <v>11.560370411889279</v>
      </c>
      <c r="E3688" cm="1">
        <f t="array" ref="E3688">IFERROR(INDEX(Jesper!AI$2:AI$366,ROUNDDOWN($C3688/24,0)+1,1)*INDEX($D$3:$AA$30,INDEX(Jesper!$R$2:$R$366,ROW(INDEX(Jesper!AI$2:AI$366,ROUNDDOWN($C3688/24,0)+1,1))-1)+IF('Standard Profiles'!$G$19=$B$10,7,0)+IF('Standard Profiles'!$G$19=$B$17,14,0)+IF('Standard Profiles'!$G$19=$B$24,21,0),MOD($C3688,24)+1)/SUM(INDEX($D$3:$AA$30,INDEX(Jesper!$R$2:$R$366,ROW(INDEX(Jesper!AI$2:AI$366,ROUNDDOWN($C3688/24,0)+1,1))-1)+IF('Standard Profiles'!$G$19=$B$10,7,0)+IF('Standard Profiles'!$G$19=$B$17,14,0)+IF('Standard Profiles'!$G$19=$B$24,21,0),0)),0)</f>
        <v>2.1902139773753064</v>
      </c>
      <c r="F3688" cm="1">
        <f t="array" ref="F3688">IFERROR(INDEX(Jesper!AJ$2:AJ$366,ROUNDDOWN($C3688/24,0)+1,1)*INDEX($D$3:$AA$30,INDEX(Jesper!$R$2:$R$366,ROW(INDEX(Jesper!AJ$2:AJ$366,ROUNDDOWN($C3688/24,0)+1,1))-1)+IF('Standard Profiles'!$G$20=$B$10,7,0)+IF('Standard Profiles'!$G$20=$B$17,14,0)+IF('Standard Profiles'!$G$20=$B$24,21,0),MOD($C3688,24)+1)/SUM(INDEX($D$3:$AA$30,INDEX(Jesper!$R$2:$R$366,ROW(INDEX(Jesper!AJ$2:AJ$366,ROUNDDOWN($C3688/24,0)+1,1))-1)+IF('Standard Profiles'!$G$20=$B$10,7,0)+IF('Standard Profiles'!$G$20=$B$17,14,0)+IF('Standard Profiles'!$G$20=$B$24,21,0),0)),0)</f>
        <v>0</v>
      </c>
      <c r="G3688" cm="1">
        <f t="array" ref="G3688">IFERROR(INDEX(Jesper!AK$2:AK$366,ROUNDDOWN($C3688/24,0)+1,1)*INDEX($D$3:$AA$30,INDEX(Jesper!$R$2:$R$366,ROW(INDEX(Jesper!AK$2:AK$366,ROUNDDOWN($C3688/24,0)+1,1))-1)+IF('Standard Profiles'!$G$21=$B$10,7,0)+IF('Standard Profiles'!$G$21=$B$17,14,0)+IF('Standard Profiles'!$G$21=$B$24,21,0),MOD($C3688,24)+1)/SUM(INDEX($D$3:$AA$30,INDEX(Jesper!$R$2:$R$366,ROW(INDEX(Jesper!AK$2:AK$366,ROUNDDOWN($C3688/24,0)+1,1))-1)+IF('Standard Profiles'!$G$21=$B$10,7,0)+IF('Standard Profiles'!$G$21=$B$17,14,0)+IF('Standard Profiles'!$G$21=$B$24,21,0),0)),0)</f>
        <v>0</v>
      </c>
      <c r="H3688" cm="1">
        <f t="array" ref="H3688">IFERROR(INDEX(Jesper!AL$2:AL$366,ROUNDDOWN($C3688/24,0)+1,1)*INDEX($D$3:$AA$30,INDEX(Jesper!$R$2:$R$366,ROW(INDEX(Jesper!AL$2:AL$366,ROUNDDOWN($C3688/24,0)+1,1))-1)+IF('Standard Profiles'!$G$22=$B$10,7,0)+IF('Standard Profiles'!$G$22=$B$17,14,0)+IF('Standard Profiles'!$G$22=$B$24,21,0),MOD($C3688,24)+1)/SUM(INDEX($D$3:$AA$30,INDEX(Jesper!$R$2:$R$366,ROW(INDEX(Jesper!AL$2:AL$366,ROUNDDOWN($C3688/24,0)+1,1))-1)+IF('Standard Profiles'!$G$22=$B$10,7,0)+IF('Standard Profiles'!$G$22=$B$17,14,0)+IF('Standard Profiles'!$G$22=$B$24,21,0),0)),0)</f>
        <v>0</v>
      </c>
      <c r="I3688">
        <f t="shared" si="419"/>
        <v>0.19731657453831594</v>
      </c>
      <c r="J3688">
        <f t="shared" si="420"/>
        <v>0.65772191512771994</v>
      </c>
      <c r="K3688">
        <f t="shared" si="421"/>
        <v>0.98658287269157985</v>
      </c>
      <c r="L3688">
        <f t="shared" si="422"/>
        <v>11.908963026906969</v>
      </c>
      <c r="M3688">
        <f t="shared" si="423"/>
        <v>0</v>
      </c>
      <c r="N3688" s="46">
        <f t="shared" si="424"/>
        <v>45444.249999991138</v>
      </c>
    </row>
    <row r="3689" spans="2:14" x14ac:dyDescent="0.3">
      <c r="B3689">
        <f t="shared" si="418"/>
        <v>6</v>
      </c>
      <c r="C3689" s="16">
        <v>3655</v>
      </c>
      <c r="D3689" cm="1">
        <f t="array" ref="D3689">IFERROR(INDEX(Jesper!AH$2:AH$366,ROUNDDOWN($C3689/24,0)+1,1)*INDEX($D$3:$AA$30,INDEX(Jesper!$R$2:$R$366,ROW(INDEX(Jesper!AH$2:AH$366,ROUNDDOWN($C3689/24,0)+1,1))-1)+IF('Standard Profiles'!$G$18=$B$10,7,0)+IF('Standard Profiles'!$G$18=$B$17,14,0)+IF('Standard Profiles'!$G$18=$B$24,21,0),MOD($C3689,24)+1)/SUM(INDEX($D$3:$AA$30,INDEX(Jesper!$R$2:$R$366,ROW(INDEX(Jesper!AH$2:AH$366,ROUNDDOWN($C3689/24,0)+1,1))-1)+IF('Standard Profiles'!$G$18=$B$10,7,0)+IF('Standard Profiles'!$G$18=$B$17,14,0)+IF('Standard Profiles'!$G$18=$B$24,21,0),0)),0)</f>
        <v>13.186047501061209</v>
      </c>
      <c r="E3689" cm="1">
        <f t="array" ref="E3689">IFERROR(INDEX(Jesper!AI$2:AI$366,ROUNDDOWN($C3689/24,0)+1,1)*INDEX($D$3:$AA$30,INDEX(Jesper!$R$2:$R$366,ROW(INDEX(Jesper!AI$2:AI$366,ROUNDDOWN($C3689/24,0)+1,1))-1)+IF('Standard Profiles'!$G$19=$B$10,7,0)+IF('Standard Profiles'!$G$19=$B$17,14,0)+IF('Standard Profiles'!$G$19=$B$24,21,0),MOD($C3689,24)+1)/SUM(INDEX($D$3:$AA$30,INDEX(Jesper!$R$2:$R$366,ROW(INDEX(Jesper!AI$2:AI$366,ROUNDDOWN($C3689/24,0)+1,1))-1)+IF('Standard Profiles'!$G$19=$B$10,7,0)+IF('Standard Profiles'!$G$19=$B$17,14,0)+IF('Standard Profiles'!$G$19=$B$24,21,0),0)),0)</f>
        <v>2.4982128179437093</v>
      </c>
      <c r="F3689" cm="1">
        <f t="array" ref="F3689">IFERROR(INDEX(Jesper!AJ$2:AJ$366,ROUNDDOWN($C3689/24,0)+1,1)*INDEX($D$3:$AA$30,INDEX(Jesper!$R$2:$R$366,ROW(INDEX(Jesper!AJ$2:AJ$366,ROUNDDOWN($C3689/24,0)+1,1))-1)+IF('Standard Profiles'!$G$20=$B$10,7,0)+IF('Standard Profiles'!$G$20=$B$17,14,0)+IF('Standard Profiles'!$G$20=$B$24,21,0),MOD($C3689,24)+1)/SUM(INDEX($D$3:$AA$30,INDEX(Jesper!$R$2:$R$366,ROW(INDEX(Jesper!AJ$2:AJ$366,ROUNDDOWN($C3689/24,0)+1,1))-1)+IF('Standard Profiles'!$G$20=$B$10,7,0)+IF('Standard Profiles'!$G$20=$B$17,14,0)+IF('Standard Profiles'!$G$20=$B$24,21,0),0)),0)</f>
        <v>0</v>
      </c>
      <c r="G3689" cm="1">
        <f t="array" ref="G3689">IFERROR(INDEX(Jesper!AK$2:AK$366,ROUNDDOWN($C3689/24,0)+1,1)*INDEX($D$3:$AA$30,INDEX(Jesper!$R$2:$R$366,ROW(INDEX(Jesper!AK$2:AK$366,ROUNDDOWN($C3689/24,0)+1,1))-1)+IF('Standard Profiles'!$G$21=$B$10,7,0)+IF('Standard Profiles'!$G$21=$B$17,14,0)+IF('Standard Profiles'!$G$21=$B$24,21,0),MOD($C3689,24)+1)/SUM(INDEX($D$3:$AA$30,INDEX(Jesper!$R$2:$R$366,ROW(INDEX(Jesper!AK$2:AK$366,ROUNDDOWN($C3689/24,0)+1,1))-1)+IF('Standard Profiles'!$G$21=$B$10,7,0)+IF('Standard Profiles'!$G$21=$B$17,14,0)+IF('Standard Profiles'!$G$21=$B$24,21,0),0)),0)</f>
        <v>0</v>
      </c>
      <c r="H3689" cm="1">
        <f t="array" ref="H3689">IFERROR(INDEX(Jesper!AL$2:AL$366,ROUNDDOWN($C3689/24,0)+1,1)*INDEX($D$3:$AA$30,INDEX(Jesper!$R$2:$R$366,ROW(INDEX(Jesper!AL$2:AL$366,ROUNDDOWN($C3689/24,0)+1,1))-1)+IF('Standard Profiles'!$G$22=$B$10,7,0)+IF('Standard Profiles'!$G$22=$B$17,14,0)+IF('Standard Profiles'!$G$22=$B$24,21,0),MOD($C3689,24)+1)/SUM(INDEX($D$3:$AA$30,INDEX(Jesper!$R$2:$R$366,ROW(INDEX(Jesper!AL$2:AL$366,ROUNDDOWN($C3689/24,0)+1,1))-1)+IF('Standard Profiles'!$G$22=$B$10,7,0)+IF('Standard Profiles'!$G$22=$B$17,14,0)+IF('Standard Profiles'!$G$22=$B$24,21,0),0)),0)</f>
        <v>0</v>
      </c>
      <c r="I3689">
        <f t="shared" si="419"/>
        <v>0.22506421783276667</v>
      </c>
      <c r="J3689">
        <f t="shared" si="420"/>
        <v>0.75021405944255559</v>
      </c>
      <c r="K3689">
        <f t="shared" si="421"/>
        <v>1.1253210891638334</v>
      </c>
      <c r="L3689">
        <f t="shared" si="422"/>
        <v>13.583660952565763</v>
      </c>
      <c r="M3689">
        <f t="shared" si="423"/>
        <v>0</v>
      </c>
      <c r="N3689" s="46">
        <f t="shared" si="424"/>
        <v>45444.291666657802</v>
      </c>
    </row>
    <row r="3690" spans="2:14" x14ac:dyDescent="0.3">
      <c r="B3690">
        <f t="shared" si="418"/>
        <v>6</v>
      </c>
      <c r="C3690" s="16">
        <v>3656</v>
      </c>
      <c r="D3690" cm="1">
        <f t="array" ref="D3690">IFERROR(INDEX(Jesper!AH$2:AH$366,ROUNDDOWN($C3690/24,0)+1,1)*INDEX($D$3:$AA$30,INDEX(Jesper!$R$2:$R$366,ROW(INDEX(Jesper!AH$2:AH$366,ROUNDDOWN($C3690/24,0)+1,1))-1)+IF('Standard Profiles'!$G$18=$B$10,7,0)+IF('Standard Profiles'!$G$18=$B$17,14,0)+IF('Standard Profiles'!$G$18=$B$24,21,0),MOD($C3690,24)+1)/SUM(INDEX($D$3:$AA$30,INDEX(Jesper!$R$2:$R$366,ROW(INDEX(Jesper!AH$2:AH$366,ROUNDDOWN($C3690/24,0)+1,1))-1)+IF('Standard Profiles'!$G$18=$B$10,7,0)+IF('Standard Profiles'!$G$18=$B$17,14,0)+IF('Standard Profiles'!$G$18=$B$24,21,0),0)),0)</f>
        <v>13.186047501061209</v>
      </c>
      <c r="E3690" cm="1">
        <f t="array" ref="E3690">IFERROR(INDEX(Jesper!AI$2:AI$366,ROUNDDOWN($C3690/24,0)+1,1)*INDEX($D$3:$AA$30,INDEX(Jesper!$R$2:$R$366,ROW(INDEX(Jesper!AI$2:AI$366,ROUNDDOWN($C3690/24,0)+1,1))-1)+IF('Standard Profiles'!$G$19=$B$10,7,0)+IF('Standard Profiles'!$G$19=$B$17,14,0)+IF('Standard Profiles'!$G$19=$B$24,21,0),MOD($C3690,24)+1)/SUM(INDEX($D$3:$AA$30,INDEX(Jesper!$R$2:$R$366,ROW(INDEX(Jesper!AI$2:AI$366,ROUNDDOWN($C3690/24,0)+1,1))-1)+IF('Standard Profiles'!$G$19=$B$10,7,0)+IF('Standard Profiles'!$G$19=$B$17,14,0)+IF('Standard Profiles'!$G$19=$B$24,21,0),0)),0)</f>
        <v>2.4982128179437093</v>
      </c>
      <c r="F3690" cm="1">
        <f t="array" ref="F3690">IFERROR(INDEX(Jesper!AJ$2:AJ$366,ROUNDDOWN($C3690/24,0)+1,1)*INDEX($D$3:$AA$30,INDEX(Jesper!$R$2:$R$366,ROW(INDEX(Jesper!AJ$2:AJ$366,ROUNDDOWN($C3690/24,0)+1,1))-1)+IF('Standard Profiles'!$G$20=$B$10,7,0)+IF('Standard Profiles'!$G$20=$B$17,14,0)+IF('Standard Profiles'!$G$20=$B$24,21,0),MOD($C3690,24)+1)/SUM(INDEX($D$3:$AA$30,INDEX(Jesper!$R$2:$R$366,ROW(INDEX(Jesper!AJ$2:AJ$366,ROUNDDOWN($C3690/24,0)+1,1))-1)+IF('Standard Profiles'!$G$20=$B$10,7,0)+IF('Standard Profiles'!$G$20=$B$17,14,0)+IF('Standard Profiles'!$G$20=$B$24,21,0),0)),0)</f>
        <v>0</v>
      </c>
      <c r="G3690" cm="1">
        <f t="array" ref="G3690">IFERROR(INDEX(Jesper!AK$2:AK$366,ROUNDDOWN($C3690/24,0)+1,1)*INDEX($D$3:$AA$30,INDEX(Jesper!$R$2:$R$366,ROW(INDEX(Jesper!AK$2:AK$366,ROUNDDOWN($C3690/24,0)+1,1))-1)+IF('Standard Profiles'!$G$21=$B$10,7,0)+IF('Standard Profiles'!$G$21=$B$17,14,0)+IF('Standard Profiles'!$G$21=$B$24,21,0),MOD($C3690,24)+1)/SUM(INDEX($D$3:$AA$30,INDEX(Jesper!$R$2:$R$366,ROW(INDEX(Jesper!AK$2:AK$366,ROUNDDOWN($C3690/24,0)+1,1))-1)+IF('Standard Profiles'!$G$21=$B$10,7,0)+IF('Standard Profiles'!$G$21=$B$17,14,0)+IF('Standard Profiles'!$G$21=$B$24,21,0),0)),0)</f>
        <v>0</v>
      </c>
      <c r="H3690" cm="1">
        <f t="array" ref="H3690">IFERROR(INDEX(Jesper!AL$2:AL$366,ROUNDDOWN($C3690/24,0)+1,1)*INDEX($D$3:$AA$30,INDEX(Jesper!$R$2:$R$366,ROW(INDEX(Jesper!AL$2:AL$366,ROUNDDOWN($C3690/24,0)+1,1))-1)+IF('Standard Profiles'!$G$22=$B$10,7,0)+IF('Standard Profiles'!$G$22=$B$17,14,0)+IF('Standard Profiles'!$G$22=$B$24,21,0),MOD($C3690,24)+1)/SUM(INDEX($D$3:$AA$30,INDEX(Jesper!$R$2:$R$366,ROW(INDEX(Jesper!AL$2:AL$366,ROUNDDOWN($C3690/24,0)+1,1))-1)+IF('Standard Profiles'!$G$22=$B$10,7,0)+IF('Standard Profiles'!$G$22=$B$17,14,0)+IF('Standard Profiles'!$G$22=$B$24,21,0),0)),0)</f>
        <v>0</v>
      </c>
      <c r="I3690">
        <f t="shared" si="419"/>
        <v>0.22506421783276667</v>
      </c>
      <c r="J3690">
        <f t="shared" si="420"/>
        <v>0.75021405944255559</v>
      </c>
      <c r="K3690">
        <f t="shared" si="421"/>
        <v>1.1253210891638334</v>
      </c>
      <c r="L3690">
        <f t="shared" si="422"/>
        <v>13.583660952565763</v>
      </c>
      <c r="M3690">
        <f t="shared" si="423"/>
        <v>0</v>
      </c>
      <c r="N3690" s="46">
        <f t="shared" si="424"/>
        <v>45444.333333324466</v>
      </c>
    </row>
    <row r="3691" spans="2:14" x14ac:dyDescent="0.3">
      <c r="B3691">
        <f t="shared" si="418"/>
        <v>6</v>
      </c>
      <c r="C3691" s="16">
        <v>3657</v>
      </c>
      <c r="D3691" cm="1">
        <f t="array" ref="D3691">IFERROR(INDEX(Jesper!AH$2:AH$366,ROUNDDOWN($C3691/24,0)+1,1)*INDEX($D$3:$AA$30,INDEX(Jesper!$R$2:$R$366,ROW(INDEX(Jesper!AH$2:AH$366,ROUNDDOWN($C3691/24,0)+1,1))-1)+IF('Standard Profiles'!$G$18=$B$10,7,0)+IF('Standard Profiles'!$G$18=$B$17,14,0)+IF('Standard Profiles'!$G$18=$B$24,21,0),MOD($C3691,24)+1)/SUM(INDEX($D$3:$AA$30,INDEX(Jesper!$R$2:$R$366,ROW(INDEX(Jesper!AH$2:AH$366,ROUNDDOWN($C3691/24,0)+1,1))-1)+IF('Standard Profiles'!$G$18=$B$10,7,0)+IF('Standard Profiles'!$G$18=$B$17,14,0)+IF('Standard Profiles'!$G$18=$B$24,21,0),0)),0)</f>
        <v>13.186047501061209</v>
      </c>
      <c r="E3691" cm="1">
        <f t="array" ref="E3691">IFERROR(INDEX(Jesper!AI$2:AI$366,ROUNDDOWN($C3691/24,0)+1,1)*INDEX($D$3:$AA$30,INDEX(Jesper!$R$2:$R$366,ROW(INDEX(Jesper!AI$2:AI$366,ROUNDDOWN($C3691/24,0)+1,1))-1)+IF('Standard Profiles'!$G$19=$B$10,7,0)+IF('Standard Profiles'!$G$19=$B$17,14,0)+IF('Standard Profiles'!$G$19=$B$24,21,0),MOD($C3691,24)+1)/SUM(INDEX($D$3:$AA$30,INDEX(Jesper!$R$2:$R$366,ROW(INDEX(Jesper!AI$2:AI$366,ROUNDDOWN($C3691/24,0)+1,1))-1)+IF('Standard Profiles'!$G$19=$B$10,7,0)+IF('Standard Profiles'!$G$19=$B$17,14,0)+IF('Standard Profiles'!$G$19=$B$24,21,0),0)),0)</f>
        <v>2.4982128179437093</v>
      </c>
      <c r="F3691" cm="1">
        <f t="array" ref="F3691">IFERROR(INDEX(Jesper!AJ$2:AJ$366,ROUNDDOWN($C3691/24,0)+1,1)*INDEX($D$3:$AA$30,INDEX(Jesper!$R$2:$R$366,ROW(INDEX(Jesper!AJ$2:AJ$366,ROUNDDOWN($C3691/24,0)+1,1))-1)+IF('Standard Profiles'!$G$20=$B$10,7,0)+IF('Standard Profiles'!$G$20=$B$17,14,0)+IF('Standard Profiles'!$G$20=$B$24,21,0),MOD($C3691,24)+1)/SUM(INDEX($D$3:$AA$30,INDEX(Jesper!$R$2:$R$366,ROW(INDEX(Jesper!AJ$2:AJ$366,ROUNDDOWN($C3691/24,0)+1,1))-1)+IF('Standard Profiles'!$G$20=$B$10,7,0)+IF('Standard Profiles'!$G$20=$B$17,14,0)+IF('Standard Profiles'!$G$20=$B$24,21,0),0)),0)</f>
        <v>0</v>
      </c>
      <c r="G3691" cm="1">
        <f t="array" ref="G3691">IFERROR(INDEX(Jesper!AK$2:AK$366,ROUNDDOWN($C3691/24,0)+1,1)*INDEX($D$3:$AA$30,INDEX(Jesper!$R$2:$R$366,ROW(INDEX(Jesper!AK$2:AK$366,ROUNDDOWN($C3691/24,0)+1,1))-1)+IF('Standard Profiles'!$G$21=$B$10,7,0)+IF('Standard Profiles'!$G$21=$B$17,14,0)+IF('Standard Profiles'!$G$21=$B$24,21,0),MOD($C3691,24)+1)/SUM(INDEX($D$3:$AA$30,INDEX(Jesper!$R$2:$R$366,ROW(INDEX(Jesper!AK$2:AK$366,ROUNDDOWN($C3691/24,0)+1,1))-1)+IF('Standard Profiles'!$G$21=$B$10,7,0)+IF('Standard Profiles'!$G$21=$B$17,14,0)+IF('Standard Profiles'!$G$21=$B$24,21,0),0)),0)</f>
        <v>0</v>
      </c>
      <c r="H3691" cm="1">
        <f t="array" ref="H3691">IFERROR(INDEX(Jesper!AL$2:AL$366,ROUNDDOWN($C3691/24,0)+1,1)*INDEX($D$3:$AA$30,INDEX(Jesper!$R$2:$R$366,ROW(INDEX(Jesper!AL$2:AL$366,ROUNDDOWN($C3691/24,0)+1,1))-1)+IF('Standard Profiles'!$G$22=$B$10,7,0)+IF('Standard Profiles'!$G$22=$B$17,14,0)+IF('Standard Profiles'!$G$22=$B$24,21,0),MOD($C3691,24)+1)/SUM(INDEX($D$3:$AA$30,INDEX(Jesper!$R$2:$R$366,ROW(INDEX(Jesper!AL$2:AL$366,ROUNDDOWN($C3691/24,0)+1,1))-1)+IF('Standard Profiles'!$G$22=$B$10,7,0)+IF('Standard Profiles'!$G$22=$B$17,14,0)+IF('Standard Profiles'!$G$22=$B$24,21,0),0)),0)</f>
        <v>0</v>
      </c>
      <c r="I3691">
        <f t="shared" si="419"/>
        <v>0.22506421783276667</v>
      </c>
      <c r="J3691">
        <f t="shared" si="420"/>
        <v>0.75021405944255559</v>
      </c>
      <c r="K3691">
        <f t="shared" si="421"/>
        <v>1.1253210891638334</v>
      </c>
      <c r="L3691">
        <f t="shared" si="422"/>
        <v>13.583660952565763</v>
      </c>
      <c r="M3691">
        <f t="shared" si="423"/>
        <v>0</v>
      </c>
      <c r="N3691" s="46">
        <f t="shared" si="424"/>
        <v>45444.374999991131</v>
      </c>
    </row>
    <row r="3692" spans="2:14" x14ac:dyDescent="0.3">
      <c r="B3692">
        <f t="shared" si="418"/>
        <v>6</v>
      </c>
      <c r="C3692" s="16">
        <v>3658</v>
      </c>
      <c r="D3692" cm="1">
        <f t="array" ref="D3692">IFERROR(INDEX(Jesper!AH$2:AH$366,ROUNDDOWN($C3692/24,0)+1,1)*INDEX($D$3:$AA$30,INDEX(Jesper!$R$2:$R$366,ROW(INDEX(Jesper!AH$2:AH$366,ROUNDDOWN($C3692/24,0)+1,1))-1)+IF('Standard Profiles'!$G$18=$B$10,7,0)+IF('Standard Profiles'!$G$18=$B$17,14,0)+IF('Standard Profiles'!$G$18=$B$24,21,0),MOD($C3692,24)+1)/SUM(INDEX($D$3:$AA$30,INDEX(Jesper!$R$2:$R$366,ROW(INDEX(Jesper!AH$2:AH$366,ROUNDDOWN($C3692/24,0)+1,1))-1)+IF('Standard Profiles'!$G$18=$B$10,7,0)+IF('Standard Profiles'!$G$18=$B$17,14,0)+IF('Standard Profiles'!$G$18=$B$24,21,0),0)),0)</f>
        <v>13.186047501061209</v>
      </c>
      <c r="E3692" cm="1">
        <f t="array" ref="E3692">IFERROR(INDEX(Jesper!AI$2:AI$366,ROUNDDOWN($C3692/24,0)+1,1)*INDEX($D$3:$AA$30,INDEX(Jesper!$R$2:$R$366,ROW(INDEX(Jesper!AI$2:AI$366,ROUNDDOWN($C3692/24,0)+1,1))-1)+IF('Standard Profiles'!$G$19=$B$10,7,0)+IF('Standard Profiles'!$G$19=$B$17,14,0)+IF('Standard Profiles'!$G$19=$B$24,21,0),MOD($C3692,24)+1)/SUM(INDEX($D$3:$AA$30,INDEX(Jesper!$R$2:$R$366,ROW(INDEX(Jesper!AI$2:AI$366,ROUNDDOWN($C3692/24,0)+1,1))-1)+IF('Standard Profiles'!$G$19=$B$10,7,0)+IF('Standard Profiles'!$G$19=$B$17,14,0)+IF('Standard Profiles'!$G$19=$B$24,21,0),0)),0)</f>
        <v>2.4982128179437093</v>
      </c>
      <c r="F3692" cm="1">
        <f t="array" ref="F3692">IFERROR(INDEX(Jesper!AJ$2:AJ$366,ROUNDDOWN($C3692/24,0)+1,1)*INDEX($D$3:$AA$30,INDEX(Jesper!$R$2:$R$366,ROW(INDEX(Jesper!AJ$2:AJ$366,ROUNDDOWN($C3692/24,0)+1,1))-1)+IF('Standard Profiles'!$G$20=$B$10,7,0)+IF('Standard Profiles'!$G$20=$B$17,14,0)+IF('Standard Profiles'!$G$20=$B$24,21,0),MOD($C3692,24)+1)/SUM(INDEX($D$3:$AA$30,INDEX(Jesper!$R$2:$R$366,ROW(INDEX(Jesper!AJ$2:AJ$366,ROUNDDOWN($C3692/24,0)+1,1))-1)+IF('Standard Profiles'!$G$20=$B$10,7,0)+IF('Standard Profiles'!$G$20=$B$17,14,0)+IF('Standard Profiles'!$G$20=$B$24,21,0),0)),0)</f>
        <v>0</v>
      </c>
      <c r="G3692" cm="1">
        <f t="array" ref="G3692">IFERROR(INDEX(Jesper!AK$2:AK$366,ROUNDDOWN($C3692/24,0)+1,1)*INDEX($D$3:$AA$30,INDEX(Jesper!$R$2:$R$366,ROW(INDEX(Jesper!AK$2:AK$366,ROUNDDOWN($C3692/24,0)+1,1))-1)+IF('Standard Profiles'!$G$21=$B$10,7,0)+IF('Standard Profiles'!$G$21=$B$17,14,0)+IF('Standard Profiles'!$G$21=$B$24,21,0),MOD($C3692,24)+1)/SUM(INDEX($D$3:$AA$30,INDEX(Jesper!$R$2:$R$366,ROW(INDEX(Jesper!AK$2:AK$366,ROUNDDOWN($C3692/24,0)+1,1))-1)+IF('Standard Profiles'!$G$21=$B$10,7,0)+IF('Standard Profiles'!$G$21=$B$17,14,0)+IF('Standard Profiles'!$G$21=$B$24,21,0),0)),0)</f>
        <v>0</v>
      </c>
      <c r="H3692" cm="1">
        <f t="array" ref="H3692">IFERROR(INDEX(Jesper!AL$2:AL$366,ROUNDDOWN($C3692/24,0)+1,1)*INDEX($D$3:$AA$30,INDEX(Jesper!$R$2:$R$366,ROW(INDEX(Jesper!AL$2:AL$366,ROUNDDOWN($C3692/24,0)+1,1))-1)+IF('Standard Profiles'!$G$22=$B$10,7,0)+IF('Standard Profiles'!$G$22=$B$17,14,0)+IF('Standard Profiles'!$G$22=$B$24,21,0),MOD($C3692,24)+1)/SUM(INDEX($D$3:$AA$30,INDEX(Jesper!$R$2:$R$366,ROW(INDEX(Jesper!AL$2:AL$366,ROUNDDOWN($C3692/24,0)+1,1))-1)+IF('Standard Profiles'!$G$22=$B$10,7,0)+IF('Standard Profiles'!$G$22=$B$17,14,0)+IF('Standard Profiles'!$G$22=$B$24,21,0),0)),0)</f>
        <v>0</v>
      </c>
      <c r="I3692">
        <f t="shared" si="419"/>
        <v>0.22506421783276667</v>
      </c>
      <c r="J3692">
        <f t="shared" si="420"/>
        <v>0.75021405944255559</v>
      </c>
      <c r="K3692">
        <f t="shared" si="421"/>
        <v>1.1253210891638334</v>
      </c>
      <c r="L3692">
        <f t="shared" si="422"/>
        <v>13.583660952565763</v>
      </c>
      <c r="M3692">
        <f t="shared" si="423"/>
        <v>0</v>
      </c>
      <c r="N3692" s="46">
        <f t="shared" si="424"/>
        <v>45444.416666657795</v>
      </c>
    </row>
    <row r="3693" spans="2:14" x14ac:dyDescent="0.3">
      <c r="B3693">
        <f t="shared" si="418"/>
        <v>6</v>
      </c>
      <c r="C3693" s="16">
        <v>3659</v>
      </c>
      <c r="D3693" cm="1">
        <f t="array" ref="D3693">IFERROR(INDEX(Jesper!AH$2:AH$366,ROUNDDOWN($C3693/24,0)+1,1)*INDEX($D$3:$AA$30,INDEX(Jesper!$R$2:$R$366,ROW(INDEX(Jesper!AH$2:AH$366,ROUNDDOWN($C3693/24,0)+1,1))-1)+IF('Standard Profiles'!$G$18=$B$10,7,0)+IF('Standard Profiles'!$G$18=$B$17,14,0)+IF('Standard Profiles'!$G$18=$B$24,21,0),MOD($C3693,24)+1)/SUM(INDEX($D$3:$AA$30,INDEX(Jesper!$R$2:$R$366,ROW(INDEX(Jesper!AH$2:AH$366,ROUNDDOWN($C3693/24,0)+1,1))-1)+IF('Standard Profiles'!$G$18=$B$10,7,0)+IF('Standard Profiles'!$G$18=$B$17,14,0)+IF('Standard Profiles'!$G$18=$B$24,21,0),0)),0)</f>
        <v>13.186047501061209</v>
      </c>
      <c r="E3693" cm="1">
        <f t="array" ref="E3693">IFERROR(INDEX(Jesper!AI$2:AI$366,ROUNDDOWN($C3693/24,0)+1,1)*INDEX($D$3:$AA$30,INDEX(Jesper!$R$2:$R$366,ROW(INDEX(Jesper!AI$2:AI$366,ROUNDDOWN($C3693/24,0)+1,1))-1)+IF('Standard Profiles'!$G$19=$B$10,7,0)+IF('Standard Profiles'!$G$19=$B$17,14,0)+IF('Standard Profiles'!$G$19=$B$24,21,0),MOD($C3693,24)+1)/SUM(INDEX($D$3:$AA$30,INDEX(Jesper!$R$2:$R$366,ROW(INDEX(Jesper!AI$2:AI$366,ROUNDDOWN($C3693/24,0)+1,1))-1)+IF('Standard Profiles'!$G$19=$B$10,7,0)+IF('Standard Profiles'!$G$19=$B$17,14,0)+IF('Standard Profiles'!$G$19=$B$24,21,0),0)),0)</f>
        <v>2.4982128179437093</v>
      </c>
      <c r="F3693" cm="1">
        <f t="array" ref="F3693">IFERROR(INDEX(Jesper!AJ$2:AJ$366,ROUNDDOWN($C3693/24,0)+1,1)*INDEX($D$3:$AA$30,INDEX(Jesper!$R$2:$R$366,ROW(INDEX(Jesper!AJ$2:AJ$366,ROUNDDOWN($C3693/24,0)+1,1))-1)+IF('Standard Profiles'!$G$20=$B$10,7,0)+IF('Standard Profiles'!$G$20=$B$17,14,0)+IF('Standard Profiles'!$G$20=$B$24,21,0),MOD($C3693,24)+1)/SUM(INDEX($D$3:$AA$30,INDEX(Jesper!$R$2:$R$366,ROW(INDEX(Jesper!AJ$2:AJ$366,ROUNDDOWN($C3693/24,0)+1,1))-1)+IF('Standard Profiles'!$G$20=$B$10,7,0)+IF('Standard Profiles'!$G$20=$B$17,14,0)+IF('Standard Profiles'!$G$20=$B$24,21,0),0)),0)</f>
        <v>0</v>
      </c>
      <c r="G3693" cm="1">
        <f t="array" ref="G3693">IFERROR(INDEX(Jesper!AK$2:AK$366,ROUNDDOWN($C3693/24,0)+1,1)*INDEX($D$3:$AA$30,INDEX(Jesper!$R$2:$R$366,ROW(INDEX(Jesper!AK$2:AK$366,ROUNDDOWN($C3693/24,0)+1,1))-1)+IF('Standard Profiles'!$G$21=$B$10,7,0)+IF('Standard Profiles'!$G$21=$B$17,14,0)+IF('Standard Profiles'!$G$21=$B$24,21,0),MOD($C3693,24)+1)/SUM(INDEX($D$3:$AA$30,INDEX(Jesper!$R$2:$R$366,ROW(INDEX(Jesper!AK$2:AK$366,ROUNDDOWN($C3693/24,0)+1,1))-1)+IF('Standard Profiles'!$G$21=$B$10,7,0)+IF('Standard Profiles'!$G$21=$B$17,14,0)+IF('Standard Profiles'!$G$21=$B$24,21,0),0)),0)</f>
        <v>0</v>
      </c>
      <c r="H3693" cm="1">
        <f t="array" ref="H3693">IFERROR(INDEX(Jesper!AL$2:AL$366,ROUNDDOWN($C3693/24,0)+1,1)*INDEX($D$3:$AA$30,INDEX(Jesper!$R$2:$R$366,ROW(INDEX(Jesper!AL$2:AL$366,ROUNDDOWN($C3693/24,0)+1,1))-1)+IF('Standard Profiles'!$G$22=$B$10,7,0)+IF('Standard Profiles'!$G$22=$B$17,14,0)+IF('Standard Profiles'!$G$22=$B$24,21,0),MOD($C3693,24)+1)/SUM(INDEX($D$3:$AA$30,INDEX(Jesper!$R$2:$R$366,ROW(INDEX(Jesper!AL$2:AL$366,ROUNDDOWN($C3693/24,0)+1,1))-1)+IF('Standard Profiles'!$G$22=$B$10,7,0)+IF('Standard Profiles'!$G$22=$B$17,14,0)+IF('Standard Profiles'!$G$22=$B$24,21,0),0)),0)</f>
        <v>0</v>
      </c>
      <c r="I3693">
        <f t="shared" si="419"/>
        <v>0.22506421783276667</v>
      </c>
      <c r="J3693">
        <f t="shared" si="420"/>
        <v>0.75021405944255559</v>
      </c>
      <c r="K3693">
        <f t="shared" si="421"/>
        <v>1.1253210891638334</v>
      </c>
      <c r="L3693">
        <f t="shared" si="422"/>
        <v>13.583660952565763</v>
      </c>
      <c r="M3693">
        <f t="shared" si="423"/>
        <v>0</v>
      </c>
      <c r="N3693" s="46">
        <f t="shared" si="424"/>
        <v>45444.458333324459</v>
      </c>
    </row>
    <row r="3694" spans="2:14" x14ac:dyDescent="0.3">
      <c r="B3694">
        <f t="shared" si="418"/>
        <v>6</v>
      </c>
      <c r="C3694" s="16">
        <v>3660</v>
      </c>
      <c r="D3694" cm="1">
        <f t="array" ref="D3694">IFERROR(INDEX(Jesper!AH$2:AH$366,ROUNDDOWN($C3694/24,0)+1,1)*INDEX($D$3:$AA$30,INDEX(Jesper!$R$2:$R$366,ROW(INDEX(Jesper!AH$2:AH$366,ROUNDDOWN($C3694/24,0)+1,1))-1)+IF('Standard Profiles'!$G$18=$B$10,7,0)+IF('Standard Profiles'!$G$18=$B$17,14,0)+IF('Standard Profiles'!$G$18=$B$24,21,0),MOD($C3694,24)+1)/SUM(INDEX($D$3:$AA$30,INDEX(Jesper!$R$2:$R$366,ROW(INDEX(Jesper!AH$2:AH$366,ROUNDDOWN($C3694/24,0)+1,1))-1)+IF('Standard Profiles'!$G$18=$B$10,7,0)+IF('Standard Profiles'!$G$18=$B$17,14,0)+IF('Standard Profiles'!$G$18=$B$24,21,0),0)),0)</f>
        <v>13.186047501061209</v>
      </c>
      <c r="E3694" cm="1">
        <f t="array" ref="E3694">IFERROR(INDEX(Jesper!AI$2:AI$366,ROUNDDOWN($C3694/24,0)+1,1)*INDEX($D$3:$AA$30,INDEX(Jesper!$R$2:$R$366,ROW(INDEX(Jesper!AI$2:AI$366,ROUNDDOWN($C3694/24,0)+1,1))-1)+IF('Standard Profiles'!$G$19=$B$10,7,0)+IF('Standard Profiles'!$G$19=$B$17,14,0)+IF('Standard Profiles'!$G$19=$B$24,21,0),MOD($C3694,24)+1)/SUM(INDEX($D$3:$AA$30,INDEX(Jesper!$R$2:$R$366,ROW(INDEX(Jesper!AI$2:AI$366,ROUNDDOWN($C3694/24,0)+1,1))-1)+IF('Standard Profiles'!$G$19=$B$10,7,0)+IF('Standard Profiles'!$G$19=$B$17,14,0)+IF('Standard Profiles'!$G$19=$B$24,21,0),0)),0)</f>
        <v>2.4982128179437093</v>
      </c>
      <c r="F3694" cm="1">
        <f t="array" ref="F3694">IFERROR(INDEX(Jesper!AJ$2:AJ$366,ROUNDDOWN($C3694/24,0)+1,1)*INDEX($D$3:$AA$30,INDEX(Jesper!$R$2:$R$366,ROW(INDEX(Jesper!AJ$2:AJ$366,ROUNDDOWN($C3694/24,0)+1,1))-1)+IF('Standard Profiles'!$G$20=$B$10,7,0)+IF('Standard Profiles'!$G$20=$B$17,14,0)+IF('Standard Profiles'!$G$20=$B$24,21,0),MOD($C3694,24)+1)/SUM(INDEX($D$3:$AA$30,INDEX(Jesper!$R$2:$R$366,ROW(INDEX(Jesper!AJ$2:AJ$366,ROUNDDOWN($C3694/24,0)+1,1))-1)+IF('Standard Profiles'!$G$20=$B$10,7,0)+IF('Standard Profiles'!$G$20=$B$17,14,0)+IF('Standard Profiles'!$G$20=$B$24,21,0),0)),0)</f>
        <v>0</v>
      </c>
      <c r="G3694" cm="1">
        <f t="array" ref="G3694">IFERROR(INDEX(Jesper!AK$2:AK$366,ROUNDDOWN($C3694/24,0)+1,1)*INDEX($D$3:$AA$30,INDEX(Jesper!$R$2:$R$366,ROW(INDEX(Jesper!AK$2:AK$366,ROUNDDOWN($C3694/24,0)+1,1))-1)+IF('Standard Profiles'!$G$21=$B$10,7,0)+IF('Standard Profiles'!$G$21=$B$17,14,0)+IF('Standard Profiles'!$G$21=$B$24,21,0),MOD($C3694,24)+1)/SUM(INDEX($D$3:$AA$30,INDEX(Jesper!$R$2:$R$366,ROW(INDEX(Jesper!AK$2:AK$366,ROUNDDOWN($C3694/24,0)+1,1))-1)+IF('Standard Profiles'!$G$21=$B$10,7,0)+IF('Standard Profiles'!$G$21=$B$17,14,0)+IF('Standard Profiles'!$G$21=$B$24,21,0),0)),0)</f>
        <v>0</v>
      </c>
      <c r="H3694" cm="1">
        <f t="array" ref="H3694">IFERROR(INDEX(Jesper!AL$2:AL$366,ROUNDDOWN($C3694/24,0)+1,1)*INDEX($D$3:$AA$30,INDEX(Jesper!$R$2:$R$366,ROW(INDEX(Jesper!AL$2:AL$366,ROUNDDOWN($C3694/24,0)+1,1))-1)+IF('Standard Profiles'!$G$22=$B$10,7,0)+IF('Standard Profiles'!$G$22=$B$17,14,0)+IF('Standard Profiles'!$G$22=$B$24,21,0),MOD($C3694,24)+1)/SUM(INDEX($D$3:$AA$30,INDEX(Jesper!$R$2:$R$366,ROW(INDEX(Jesper!AL$2:AL$366,ROUNDDOWN($C3694/24,0)+1,1))-1)+IF('Standard Profiles'!$G$22=$B$10,7,0)+IF('Standard Profiles'!$G$22=$B$17,14,0)+IF('Standard Profiles'!$G$22=$B$24,21,0),0)),0)</f>
        <v>0</v>
      </c>
      <c r="I3694">
        <f t="shared" si="419"/>
        <v>0.22506421783276667</v>
      </c>
      <c r="J3694">
        <f t="shared" si="420"/>
        <v>0.75021405944255559</v>
      </c>
      <c r="K3694">
        <f t="shared" si="421"/>
        <v>1.1253210891638334</v>
      </c>
      <c r="L3694">
        <f t="shared" si="422"/>
        <v>13.583660952565763</v>
      </c>
      <c r="M3694">
        <f t="shared" si="423"/>
        <v>0</v>
      </c>
      <c r="N3694" s="46">
        <f t="shared" si="424"/>
        <v>45444.499999991123</v>
      </c>
    </row>
    <row r="3695" spans="2:14" x14ac:dyDescent="0.3">
      <c r="B3695">
        <f t="shared" si="418"/>
        <v>6</v>
      </c>
      <c r="C3695" s="16">
        <v>3661</v>
      </c>
      <c r="D3695" cm="1">
        <f t="array" ref="D3695">IFERROR(INDEX(Jesper!AH$2:AH$366,ROUNDDOWN($C3695/24,0)+1,1)*INDEX($D$3:$AA$30,INDEX(Jesper!$R$2:$R$366,ROW(INDEX(Jesper!AH$2:AH$366,ROUNDDOWN($C3695/24,0)+1,1))-1)+IF('Standard Profiles'!$G$18=$B$10,7,0)+IF('Standard Profiles'!$G$18=$B$17,14,0)+IF('Standard Profiles'!$G$18=$B$24,21,0),MOD($C3695,24)+1)/SUM(INDEX($D$3:$AA$30,INDEX(Jesper!$R$2:$R$366,ROW(INDEX(Jesper!AH$2:AH$366,ROUNDDOWN($C3695/24,0)+1,1))-1)+IF('Standard Profiles'!$G$18=$B$10,7,0)+IF('Standard Profiles'!$G$18=$B$17,14,0)+IF('Standard Profiles'!$G$18=$B$24,21,0),0)),0)</f>
        <v>13.186047501061209</v>
      </c>
      <c r="E3695" cm="1">
        <f t="array" ref="E3695">IFERROR(INDEX(Jesper!AI$2:AI$366,ROUNDDOWN($C3695/24,0)+1,1)*INDEX($D$3:$AA$30,INDEX(Jesper!$R$2:$R$366,ROW(INDEX(Jesper!AI$2:AI$366,ROUNDDOWN($C3695/24,0)+1,1))-1)+IF('Standard Profiles'!$G$19=$B$10,7,0)+IF('Standard Profiles'!$G$19=$B$17,14,0)+IF('Standard Profiles'!$G$19=$B$24,21,0),MOD($C3695,24)+1)/SUM(INDEX($D$3:$AA$30,INDEX(Jesper!$R$2:$R$366,ROW(INDEX(Jesper!AI$2:AI$366,ROUNDDOWN($C3695/24,0)+1,1))-1)+IF('Standard Profiles'!$G$19=$B$10,7,0)+IF('Standard Profiles'!$G$19=$B$17,14,0)+IF('Standard Profiles'!$G$19=$B$24,21,0),0)),0)</f>
        <v>2.4982128179437093</v>
      </c>
      <c r="F3695" cm="1">
        <f t="array" ref="F3695">IFERROR(INDEX(Jesper!AJ$2:AJ$366,ROUNDDOWN($C3695/24,0)+1,1)*INDEX($D$3:$AA$30,INDEX(Jesper!$R$2:$R$366,ROW(INDEX(Jesper!AJ$2:AJ$366,ROUNDDOWN($C3695/24,0)+1,1))-1)+IF('Standard Profiles'!$G$20=$B$10,7,0)+IF('Standard Profiles'!$G$20=$B$17,14,0)+IF('Standard Profiles'!$G$20=$B$24,21,0),MOD($C3695,24)+1)/SUM(INDEX($D$3:$AA$30,INDEX(Jesper!$R$2:$R$366,ROW(INDEX(Jesper!AJ$2:AJ$366,ROUNDDOWN($C3695/24,0)+1,1))-1)+IF('Standard Profiles'!$G$20=$B$10,7,0)+IF('Standard Profiles'!$G$20=$B$17,14,0)+IF('Standard Profiles'!$G$20=$B$24,21,0),0)),0)</f>
        <v>0</v>
      </c>
      <c r="G3695" cm="1">
        <f t="array" ref="G3695">IFERROR(INDEX(Jesper!AK$2:AK$366,ROUNDDOWN($C3695/24,0)+1,1)*INDEX($D$3:$AA$30,INDEX(Jesper!$R$2:$R$366,ROW(INDEX(Jesper!AK$2:AK$366,ROUNDDOWN($C3695/24,0)+1,1))-1)+IF('Standard Profiles'!$G$21=$B$10,7,0)+IF('Standard Profiles'!$G$21=$B$17,14,0)+IF('Standard Profiles'!$G$21=$B$24,21,0),MOD($C3695,24)+1)/SUM(INDEX($D$3:$AA$30,INDEX(Jesper!$R$2:$R$366,ROW(INDEX(Jesper!AK$2:AK$366,ROUNDDOWN($C3695/24,0)+1,1))-1)+IF('Standard Profiles'!$G$21=$B$10,7,0)+IF('Standard Profiles'!$G$21=$B$17,14,0)+IF('Standard Profiles'!$G$21=$B$24,21,0),0)),0)</f>
        <v>0</v>
      </c>
      <c r="H3695" cm="1">
        <f t="array" ref="H3695">IFERROR(INDEX(Jesper!AL$2:AL$366,ROUNDDOWN($C3695/24,0)+1,1)*INDEX($D$3:$AA$30,INDEX(Jesper!$R$2:$R$366,ROW(INDEX(Jesper!AL$2:AL$366,ROUNDDOWN($C3695/24,0)+1,1))-1)+IF('Standard Profiles'!$G$22=$B$10,7,0)+IF('Standard Profiles'!$G$22=$B$17,14,0)+IF('Standard Profiles'!$G$22=$B$24,21,0),MOD($C3695,24)+1)/SUM(INDEX($D$3:$AA$30,INDEX(Jesper!$R$2:$R$366,ROW(INDEX(Jesper!AL$2:AL$366,ROUNDDOWN($C3695/24,0)+1,1))-1)+IF('Standard Profiles'!$G$22=$B$10,7,0)+IF('Standard Profiles'!$G$22=$B$17,14,0)+IF('Standard Profiles'!$G$22=$B$24,21,0),0)),0)</f>
        <v>0</v>
      </c>
      <c r="I3695">
        <f t="shared" si="419"/>
        <v>0.22506421783276667</v>
      </c>
      <c r="J3695">
        <f t="shared" si="420"/>
        <v>0.75021405944255559</v>
      </c>
      <c r="K3695">
        <f t="shared" si="421"/>
        <v>1.1253210891638334</v>
      </c>
      <c r="L3695">
        <f t="shared" si="422"/>
        <v>13.583660952565763</v>
      </c>
      <c r="M3695">
        <f t="shared" si="423"/>
        <v>0</v>
      </c>
      <c r="N3695" s="46">
        <f t="shared" si="424"/>
        <v>45444.541666657788</v>
      </c>
    </row>
    <row r="3696" spans="2:14" x14ac:dyDescent="0.3">
      <c r="B3696">
        <f t="shared" si="418"/>
        <v>6</v>
      </c>
      <c r="C3696" s="16">
        <v>3662</v>
      </c>
      <c r="D3696" cm="1">
        <f t="array" ref="D3696">IFERROR(INDEX(Jesper!AH$2:AH$366,ROUNDDOWN($C3696/24,0)+1,1)*INDEX($D$3:$AA$30,INDEX(Jesper!$R$2:$R$366,ROW(INDEX(Jesper!AH$2:AH$366,ROUNDDOWN($C3696/24,0)+1,1))-1)+IF('Standard Profiles'!$G$18=$B$10,7,0)+IF('Standard Profiles'!$G$18=$B$17,14,0)+IF('Standard Profiles'!$G$18=$B$24,21,0),MOD($C3696,24)+1)/SUM(INDEX($D$3:$AA$30,INDEX(Jesper!$R$2:$R$366,ROW(INDEX(Jesper!AH$2:AH$366,ROUNDDOWN($C3696/24,0)+1,1))-1)+IF('Standard Profiles'!$G$18=$B$10,7,0)+IF('Standard Profiles'!$G$18=$B$17,14,0)+IF('Standard Profiles'!$G$18=$B$24,21,0),0)),0)</f>
        <v>13.186047501061209</v>
      </c>
      <c r="E3696" cm="1">
        <f t="array" ref="E3696">IFERROR(INDEX(Jesper!AI$2:AI$366,ROUNDDOWN($C3696/24,0)+1,1)*INDEX($D$3:$AA$30,INDEX(Jesper!$R$2:$R$366,ROW(INDEX(Jesper!AI$2:AI$366,ROUNDDOWN($C3696/24,0)+1,1))-1)+IF('Standard Profiles'!$G$19=$B$10,7,0)+IF('Standard Profiles'!$G$19=$B$17,14,0)+IF('Standard Profiles'!$G$19=$B$24,21,0),MOD($C3696,24)+1)/SUM(INDEX($D$3:$AA$30,INDEX(Jesper!$R$2:$R$366,ROW(INDEX(Jesper!AI$2:AI$366,ROUNDDOWN($C3696/24,0)+1,1))-1)+IF('Standard Profiles'!$G$19=$B$10,7,0)+IF('Standard Profiles'!$G$19=$B$17,14,0)+IF('Standard Profiles'!$G$19=$B$24,21,0),0)),0)</f>
        <v>2.4982128179437093</v>
      </c>
      <c r="F3696" cm="1">
        <f t="array" ref="F3696">IFERROR(INDEX(Jesper!AJ$2:AJ$366,ROUNDDOWN($C3696/24,0)+1,1)*INDEX($D$3:$AA$30,INDEX(Jesper!$R$2:$R$366,ROW(INDEX(Jesper!AJ$2:AJ$366,ROUNDDOWN($C3696/24,0)+1,1))-1)+IF('Standard Profiles'!$G$20=$B$10,7,0)+IF('Standard Profiles'!$G$20=$B$17,14,0)+IF('Standard Profiles'!$G$20=$B$24,21,0),MOD($C3696,24)+1)/SUM(INDEX($D$3:$AA$30,INDEX(Jesper!$R$2:$R$366,ROW(INDEX(Jesper!AJ$2:AJ$366,ROUNDDOWN($C3696/24,0)+1,1))-1)+IF('Standard Profiles'!$G$20=$B$10,7,0)+IF('Standard Profiles'!$G$20=$B$17,14,0)+IF('Standard Profiles'!$G$20=$B$24,21,0),0)),0)</f>
        <v>0</v>
      </c>
      <c r="G3696" cm="1">
        <f t="array" ref="G3696">IFERROR(INDEX(Jesper!AK$2:AK$366,ROUNDDOWN($C3696/24,0)+1,1)*INDEX($D$3:$AA$30,INDEX(Jesper!$R$2:$R$366,ROW(INDEX(Jesper!AK$2:AK$366,ROUNDDOWN($C3696/24,0)+1,1))-1)+IF('Standard Profiles'!$G$21=$B$10,7,0)+IF('Standard Profiles'!$G$21=$B$17,14,0)+IF('Standard Profiles'!$G$21=$B$24,21,0),MOD($C3696,24)+1)/SUM(INDEX($D$3:$AA$30,INDEX(Jesper!$R$2:$R$366,ROW(INDEX(Jesper!AK$2:AK$366,ROUNDDOWN($C3696/24,0)+1,1))-1)+IF('Standard Profiles'!$G$21=$B$10,7,0)+IF('Standard Profiles'!$G$21=$B$17,14,0)+IF('Standard Profiles'!$G$21=$B$24,21,0),0)),0)</f>
        <v>0</v>
      </c>
      <c r="H3696" cm="1">
        <f t="array" ref="H3696">IFERROR(INDEX(Jesper!AL$2:AL$366,ROUNDDOWN($C3696/24,0)+1,1)*INDEX($D$3:$AA$30,INDEX(Jesper!$R$2:$R$366,ROW(INDEX(Jesper!AL$2:AL$366,ROUNDDOWN($C3696/24,0)+1,1))-1)+IF('Standard Profiles'!$G$22=$B$10,7,0)+IF('Standard Profiles'!$G$22=$B$17,14,0)+IF('Standard Profiles'!$G$22=$B$24,21,0),MOD($C3696,24)+1)/SUM(INDEX($D$3:$AA$30,INDEX(Jesper!$R$2:$R$366,ROW(INDEX(Jesper!AL$2:AL$366,ROUNDDOWN($C3696/24,0)+1,1))-1)+IF('Standard Profiles'!$G$22=$B$10,7,0)+IF('Standard Profiles'!$G$22=$B$17,14,0)+IF('Standard Profiles'!$G$22=$B$24,21,0),0)),0)</f>
        <v>0</v>
      </c>
      <c r="I3696">
        <f t="shared" si="419"/>
        <v>0.22506421783276667</v>
      </c>
      <c r="J3696">
        <f t="shared" si="420"/>
        <v>0.75021405944255559</v>
      </c>
      <c r="K3696">
        <f t="shared" si="421"/>
        <v>1.1253210891638334</v>
      </c>
      <c r="L3696">
        <f t="shared" si="422"/>
        <v>13.583660952565763</v>
      </c>
      <c r="M3696">
        <f t="shared" si="423"/>
        <v>0</v>
      </c>
      <c r="N3696" s="46">
        <f t="shared" si="424"/>
        <v>45444.583333324452</v>
      </c>
    </row>
    <row r="3697" spans="2:14" x14ac:dyDescent="0.3">
      <c r="B3697">
        <f t="shared" si="418"/>
        <v>6</v>
      </c>
      <c r="C3697" s="16">
        <v>3663</v>
      </c>
      <c r="D3697" cm="1">
        <f t="array" ref="D3697">IFERROR(INDEX(Jesper!AH$2:AH$366,ROUNDDOWN($C3697/24,0)+1,1)*INDEX($D$3:$AA$30,INDEX(Jesper!$R$2:$R$366,ROW(INDEX(Jesper!AH$2:AH$366,ROUNDDOWN($C3697/24,0)+1,1))-1)+IF('Standard Profiles'!$G$18=$B$10,7,0)+IF('Standard Profiles'!$G$18=$B$17,14,0)+IF('Standard Profiles'!$G$18=$B$24,21,0),MOD($C3697,24)+1)/SUM(INDEX($D$3:$AA$30,INDEX(Jesper!$R$2:$R$366,ROW(INDEX(Jesper!AH$2:AH$366,ROUNDDOWN($C3697/24,0)+1,1))-1)+IF('Standard Profiles'!$G$18=$B$10,7,0)+IF('Standard Profiles'!$G$18=$B$17,14,0)+IF('Standard Profiles'!$G$18=$B$24,21,0),0)),0)</f>
        <v>11.921631987260819</v>
      </c>
      <c r="E3697" cm="1">
        <f t="array" ref="E3697">IFERROR(INDEX(Jesper!AI$2:AI$366,ROUNDDOWN($C3697/24,0)+1,1)*INDEX($D$3:$AA$30,INDEX(Jesper!$R$2:$R$366,ROW(INDEX(Jesper!AI$2:AI$366,ROUNDDOWN($C3697/24,0)+1,1))-1)+IF('Standard Profiles'!$G$19=$B$10,7,0)+IF('Standard Profiles'!$G$19=$B$17,14,0)+IF('Standard Profiles'!$G$19=$B$24,21,0),MOD($C3697,24)+1)/SUM(INDEX($D$3:$AA$30,INDEX(Jesper!$R$2:$R$366,ROW(INDEX(Jesper!AI$2:AI$366,ROUNDDOWN($C3697/24,0)+1,1))-1)+IF('Standard Profiles'!$G$19=$B$10,7,0)+IF('Standard Profiles'!$G$19=$B$17,14,0)+IF('Standard Profiles'!$G$19=$B$24,21,0),0)),0)</f>
        <v>2.2586581641682852</v>
      </c>
      <c r="F3697" cm="1">
        <f t="array" ref="F3697">IFERROR(INDEX(Jesper!AJ$2:AJ$366,ROUNDDOWN($C3697/24,0)+1,1)*INDEX($D$3:$AA$30,INDEX(Jesper!$R$2:$R$366,ROW(INDEX(Jesper!AJ$2:AJ$366,ROUNDDOWN($C3697/24,0)+1,1))-1)+IF('Standard Profiles'!$G$20=$B$10,7,0)+IF('Standard Profiles'!$G$20=$B$17,14,0)+IF('Standard Profiles'!$G$20=$B$24,21,0),MOD($C3697,24)+1)/SUM(INDEX($D$3:$AA$30,INDEX(Jesper!$R$2:$R$366,ROW(INDEX(Jesper!AJ$2:AJ$366,ROUNDDOWN($C3697/24,0)+1,1))-1)+IF('Standard Profiles'!$G$20=$B$10,7,0)+IF('Standard Profiles'!$G$20=$B$17,14,0)+IF('Standard Profiles'!$G$20=$B$24,21,0),0)),0)</f>
        <v>0</v>
      </c>
      <c r="G3697" cm="1">
        <f t="array" ref="G3697">IFERROR(INDEX(Jesper!AK$2:AK$366,ROUNDDOWN($C3697/24,0)+1,1)*INDEX($D$3:$AA$30,INDEX(Jesper!$R$2:$R$366,ROW(INDEX(Jesper!AK$2:AK$366,ROUNDDOWN($C3697/24,0)+1,1))-1)+IF('Standard Profiles'!$G$21=$B$10,7,0)+IF('Standard Profiles'!$G$21=$B$17,14,0)+IF('Standard Profiles'!$G$21=$B$24,21,0),MOD($C3697,24)+1)/SUM(INDEX($D$3:$AA$30,INDEX(Jesper!$R$2:$R$366,ROW(INDEX(Jesper!AK$2:AK$366,ROUNDDOWN($C3697/24,0)+1,1))-1)+IF('Standard Profiles'!$G$21=$B$10,7,0)+IF('Standard Profiles'!$G$21=$B$17,14,0)+IF('Standard Profiles'!$G$21=$B$24,21,0),0)),0)</f>
        <v>0</v>
      </c>
      <c r="H3697" cm="1">
        <f t="array" ref="H3697">IFERROR(INDEX(Jesper!AL$2:AL$366,ROUNDDOWN($C3697/24,0)+1,1)*INDEX($D$3:$AA$30,INDEX(Jesper!$R$2:$R$366,ROW(INDEX(Jesper!AL$2:AL$366,ROUNDDOWN($C3697/24,0)+1,1))-1)+IF('Standard Profiles'!$G$22=$B$10,7,0)+IF('Standard Profiles'!$G$22=$B$17,14,0)+IF('Standard Profiles'!$G$22=$B$24,21,0),MOD($C3697,24)+1)/SUM(INDEX($D$3:$AA$30,INDEX(Jesper!$R$2:$R$366,ROW(INDEX(Jesper!AL$2:AL$366,ROUNDDOWN($C3697/24,0)+1,1))-1)+IF('Standard Profiles'!$G$22=$B$10,7,0)+IF('Standard Profiles'!$G$22=$B$17,14,0)+IF('Standard Profiles'!$G$22=$B$24,21,0),0)),0)</f>
        <v>0</v>
      </c>
      <c r="I3697">
        <f t="shared" si="419"/>
        <v>0.20348271749263835</v>
      </c>
      <c r="J3697">
        <f t="shared" si="420"/>
        <v>0.67827572497546129</v>
      </c>
      <c r="K3697">
        <f t="shared" si="421"/>
        <v>1.017413587463192</v>
      </c>
      <c r="L3697">
        <f t="shared" si="422"/>
        <v>12.281118121497812</v>
      </c>
      <c r="M3697">
        <f t="shared" si="423"/>
        <v>0</v>
      </c>
      <c r="N3697" s="46">
        <f t="shared" si="424"/>
        <v>45444.624999991116</v>
      </c>
    </row>
    <row r="3698" spans="2:14" x14ac:dyDescent="0.3">
      <c r="B3698">
        <f t="shared" si="418"/>
        <v>6</v>
      </c>
      <c r="C3698" s="16">
        <v>3664</v>
      </c>
      <c r="D3698" cm="1">
        <f t="array" ref="D3698">IFERROR(INDEX(Jesper!AH$2:AH$366,ROUNDDOWN($C3698/24,0)+1,1)*INDEX($D$3:$AA$30,INDEX(Jesper!$R$2:$R$366,ROW(INDEX(Jesper!AH$2:AH$366,ROUNDDOWN($C3698/24,0)+1,1))-1)+IF('Standard Profiles'!$G$18=$B$10,7,0)+IF('Standard Profiles'!$G$18=$B$17,14,0)+IF('Standard Profiles'!$G$18=$B$24,21,0),MOD($C3698,24)+1)/SUM(INDEX($D$3:$AA$30,INDEX(Jesper!$R$2:$R$366,ROW(INDEX(Jesper!AH$2:AH$366,ROUNDDOWN($C3698/24,0)+1,1))-1)+IF('Standard Profiles'!$G$18=$B$10,7,0)+IF('Standard Profiles'!$G$18=$B$17,14,0)+IF('Standard Profiles'!$G$18=$B$24,21,0),0)),0)</f>
        <v>10.837847261146198</v>
      </c>
      <c r="E3698" cm="1">
        <f t="array" ref="E3698">IFERROR(INDEX(Jesper!AI$2:AI$366,ROUNDDOWN($C3698/24,0)+1,1)*INDEX($D$3:$AA$30,INDEX(Jesper!$R$2:$R$366,ROW(INDEX(Jesper!AI$2:AI$366,ROUNDDOWN($C3698/24,0)+1,1))-1)+IF('Standard Profiles'!$G$19=$B$10,7,0)+IF('Standard Profiles'!$G$19=$B$17,14,0)+IF('Standard Profiles'!$G$19=$B$24,21,0),MOD($C3698,24)+1)/SUM(INDEX($D$3:$AA$30,INDEX(Jesper!$R$2:$R$366,ROW(INDEX(Jesper!AI$2:AI$366,ROUNDDOWN($C3698/24,0)+1,1))-1)+IF('Standard Profiles'!$G$19=$B$10,7,0)+IF('Standard Profiles'!$G$19=$B$17,14,0)+IF('Standard Profiles'!$G$19=$B$24,21,0),0)),0)</f>
        <v>2.0533256037893501</v>
      </c>
      <c r="F3698" cm="1">
        <f t="array" ref="F3698">IFERROR(INDEX(Jesper!AJ$2:AJ$366,ROUNDDOWN($C3698/24,0)+1,1)*INDEX($D$3:$AA$30,INDEX(Jesper!$R$2:$R$366,ROW(INDEX(Jesper!AJ$2:AJ$366,ROUNDDOWN($C3698/24,0)+1,1))-1)+IF('Standard Profiles'!$G$20=$B$10,7,0)+IF('Standard Profiles'!$G$20=$B$17,14,0)+IF('Standard Profiles'!$G$20=$B$24,21,0),MOD($C3698,24)+1)/SUM(INDEX($D$3:$AA$30,INDEX(Jesper!$R$2:$R$366,ROW(INDEX(Jesper!AJ$2:AJ$366,ROUNDDOWN($C3698/24,0)+1,1))-1)+IF('Standard Profiles'!$G$20=$B$10,7,0)+IF('Standard Profiles'!$G$20=$B$17,14,0)+IF('Standard Profiles'!$G$20=$B$24,21,0),0)),0)</f>
        <v>0</v>
      </c>
      <c r="G3698" cm="1">
        <f t="array" ref="G3698">IFERROR(INDEX(Jesper!AK$2:AK$366,ROUNDDOWN($C3698/24,0)+1,1)*INDEX($D$3:$AA$30,INDEX(Jesper!$R$2:$R$366,ROW(INDEX(Jesper!AK$2:AK$366,ROUNDDOWN($C3698/24,0)+1,1))-1)+IF('Standard Profiles'!$G$21=$B$10,7,0)+IF('Standard Profiles'!$G$21=$B$17,14,0)+IF('Standard Profiles'!$G$21=$B$24,21,0),MOD($C3698,24)+1)/SUM(INDEX($D$3:$AA$30,INDEX(Jesper!$R$2:$R$366,ROW(INDEX(Jesper!AK$2:AK$366,ROUNDDOWN($C3698/24,0)+1,1))-1)+IF('Standard Profiles'!$G$21=$B$10,7,0)+IF('Standard Profiles'!$G$21=$B$17,14,0)+IF('Standard Profiles'!$G$21=$B$24,21,0),0)),0)</f>
        <v>0</v>
      </c>
      <c r="H3698" cm="1">
        <f t="array" ref="H3698">IFERROR(INDEX(Jesper!AL$2:AL$366,ROUNDDOWN($C3698/24,0)+1,1)*INDEX($D$3:$AA$30,INDEX(Jesper!$R$2:$R$366,ROW(INDEX(Jesper!AL$2:AL$366,ROUNDDOWN($C3698/24,0)+1,1))-1)+IF('Standard Profiles'!$G$22=$B$10,7,0)+IF('Standard Profiles'!$G$22=$B$17,14,0)+IF('Standard Profiles'!$G$22=$B$24,21,0),MOD($C3698,24)+1)/SUM(INDEX($D$3:$AA$30,INDEX(Jesper!$R$2:$R$366,ROW(INDEX(Jesper!AL$2:AL$366,ROUNDDOWN($C3698/24,0)+1,1))-1)+IF('Standard Profiles'!$G$22=$B$10,7,0)+IF('Standard Profiles'!$G$22=$B$17,14,0)+IF('Standard Profiles'!$G$22=$B$24,21,0),0)),0)</f>
        <v>0</v>
      </c>
      <c r="I3698">
        <f t="shared" si="419"/>
        <v>0.18498428862967123</v>
      </c>
      <c r="J3698">
        <f t="shared" si="420"/>
        <v>0.61661429543223756</v>
      </c>
      <c r="K3698">
        <f t="shared" si="421"/>
        <v>0.92492144314835623</v>
      </c>
      <c r="L3698">
        <f t="shared" si="422"/>
        <v>11.164652837725283</v>
      </c>
      <c r="M3698">
        <f t="shared" si="423"/>
        <v>0</v>
      </c>
      <c r="N3698" s="46">
        <f t="shared" si="424"/>
        <v>45444.66666665778</v>
      </c>
    </row>
    <row r="3699" spans="2:14" x14ac:dyDescent="0.3">
      <c r="B3699">
        <f t="shared" si="418"/>
        <v>6</v>
      </c>
      <c r="C3699" s="16">
        <v>3665</v>
      </c>
      <c r="D3699" cm="1">
        <f t="array" ref="D3699">IFERROR(INDEX(Jesper!AH$2:AH$366,ROUNDDOWN($C3699/24,0)+1,1)*INDEX($D$3:$AA$30,INDEX(Jesper!$R$2:$R$366,ROW(INDEX(Jesper!AH$2:AH$366,ROUNDDOWN($C3699/24,0)+1,1))-1)+IF('Standard Profiles'!$G$18=$B$10,7,0)+IF('Standard Profiles'!$G$18=$B$17,14,0)+IF('Standard Profiles'!$G$18=$B$24,21,0),MOD($C3699,24)+1)/SUM(INDEX($D$3:$AA$30,INDEX(Jesper!$R$2:$R$366,ROW(INDEX(Jesper!AH$2:AH$366,ROUNDDOWN($C3699/24,0)+1,1))-1)+IF('Standard Profiles'!$G$18=$B$10,7,0)+IF('Standard Profiles'!$G$18=$B$17,14,0)+IF('Standard Profiles'!$G$18=$B$24,21,0),0)),0)</f>
        <v>9.7540625350315793</v>
      </c>
      <c r="E3699" cm="1">
        <f t="array" ref="E3699">IFERROR(INDEX(Jesper!AI$2:AI$366,ROUNDDOWN($C3699/24,0)+1,1)*INDEX($D$3:$AA$30,INDEX(Jesper!$R$2:$R$366,ROW(INDEX(Jesper!AI$2:AI$366,ROUNDDOWN($C3699/24,0)+1,1))-1)+IF('Standard Profiles'!$G$19=$B$10,7,0)+IF('Standard Profiles'!$G$19=$B$17,14,0)+IF('Standard Profiles'!$G$19=$B$24,21,0),MOD($C3699,24)+1)/SUM(INDEX($D$3:$AA$30,INDEX(Jesper!$R$2:$R$366,ROW(INDEX(Jesper!AI$2:AI$366,ROUNDDOWN($C3699/24,0)+1,1))-1)+IF('Standard Profiles'!$G$19=$B$10,7,0)+IF('Standard Profiles'!$G$19=$B$17,14,0)+IF('Standard Profiles'!$G$19=$B$24,21,0),0)),0)</f>
        <v>1.847993043410415</v>
      </c>
      <c r="F3699" cm="1">
        <f t="array" ref="F3699">IFERROR(INDEX(Jesper!AJ$2:AJ$366,ROUNDDOWN($C3699/24,0)+1,1)*INDEX($D$3:$AA$30,INDEX(Jesper!$R$2:$R$366,ROW(INDEX(Jesper!AJ$2:AJ$366,ROUNDDOWN($C3699/24,0)+1,1))-1)+IF('Standard Profiles'!$G$20=$B$10,7,0)+IF('Standard Profiles'!$G$20=$B$17,14,0)+IF('Standard Profiles'!$G$20=$B$24,21,0),MOD($C3699,24)+1)/SUM(INDEX($D$3:$AA$30,INDEX(Jesper!$R$2:$R$366,ROW(INDEX(Jesper!AJ$2:AJ$366,ROUNDDOWN($C3699/24,0)+1,1))-1)+IF('Standard Profiles'!$G$20=$B$10,7,0)+IF('Standard Profiles'!$G$20=$B$17,14,0)+IF('Standard Profiles'!$G$20=$B$24,21,0),0)),0)</f>
        <v>0</v>
      </c>
      <c r="G3699" cm="1">
        <f t="array" ref="G3699">IFERROR(INDEX(Jesper!AK$2:AK$366,ROUNDDOWN($C3699/24,0)+1,1)*INDEX($D$3:$AA$30,INDEX(Jesper!$R$2:$R$366,ROW(INDEX(Jesper!AK$2:AK$366,ROUNDDOWN($C3699/24,0)+1,1))-1)+IF('Standard Profiles'!$G$21=$B$10,7,0)+IF('Standard Profiles'!$G$21=$B$17,14,0)+IF('Standard Profiles'!$G$21=$B$24,21,0),MOD($C3699,24)+1)/SUM(INDEX($D$3:$AA$30,INDEX(Jesper!$R$2:$R$366,ROW(INDEX(Jesper!AK$2:AK$366,ROUNDDOWN($C3699/24,0)+1,1))-1)+IF('Standard Profiles'!$G$21=$B$10,7,0)+IF('Standard Profiles'!$G$21=$B$17,14,0)+IF('Standard Profiles'!$G$21=$B$24,21,0),0)),0)</f>
        <v>0</v>
      </c>
      <c r="H3699" cm="1">
        <f t="array" ref="H3699">IFERROR(INDEX(Jesper!AL$2:AL$366,ROUNDDOWN($C3699/24,0)+1,1)*INDEX($D$3:$AA$30,INDEX(Jesper!$R$2:$R$366,ROW(INDEX(Jesper!AL$2:AL$366,ROUNDDOWN($C3699/24,0)+1,1))-1)+IF('Standard Profiles'!$G$22=$B$10,7,0)+IF('Standard Profiles'!$G$22=$B$17,14,0)+IF('Standard Profiles'!$G$22=$B$24,21,0),MOD($C3699,24)+1)/SUM(INDEX($D$3:$AA$30,INDEX(Jesper!$R$2:$R$366,ROW(INDEX(Jesper!AL$2:AL$366,ROUNDDOWN($C3699/24,0)+1,1))-1)+IF('Standard Profiles'!$G$22=$B$10,7,0)+IF('Standard Profiles'!$G$22=$B$17,14,0)+IF('Standard Profiles'!$G$22=$B$24,21,0),0)),0)</f>
        <v>0</v>
      </c>
      <c r="I3699">
        <f t="shared" si="419"/>
        <v>0.1664858597667041</v>
      </c>
      <c r="J3699">
        <f t="shared" si="420"/>
        <v>0.55495286588901371</v>
      </c>
      <c r="K3699">
        <f t="shared" si="421"/>
        <v>0.83242929883352057</v>
      </c>
      <c r="L3699">
        <f t="shared" si="422"/>
        <v>10.048187553952756</v>
      </c>
      <c r="M3699">
        <f t="shared" si="423"/>
        <v>0</v>
      </c>
      <c r="N3699" s="46">
        <f t="shared" si="424"/>
        <v>45444.708333324445</v>
      </c>
    </row>
    <row r="3700" spans="2:14" x14ac:dyDescent="0.3">
      <c r="B3700">
        <f t="shared" si="418"/>
        <v>6</v>
      </c>
      <c r="C3700" s="16">
        <v>3666</v>
      </c>
      <c r="D3700" cm="1">
        <f t="array" ref="D3700">IFERROR(INDEX(Jesper!AH$2:AH$366,ROUNDDOWN($C3700/24,0)+1,1)*INDEX($D$3:$AA$30,INDEX(Jesper!$R$2:$R$366,ROW(INDEX(Jesper!AH$2:AH$366,ROUNDDOWN($C3700/24,0)+1,1))-1)+IF('Standard Profiles'!$G$18=$B$10,7,0)+IF('Standard Profiles'!$G$18=$B$17,14,0)+IF('Standard Profiles'!$G$18=$B$24,21,0),MOD($C3700,24)+1)/SUM(INDEX($D$3:$AA$30,INDEX(Jesper!$R$2:$R$366,ROW(INDEX(Jesper!AH$2:AH$366,ROUNDDOWN($C3700/24,0)+1,1))-1)+IF('Standard Profiles'!$G$18=$B$10,7,0)+IF('Standard Profiles'!$G$18=$B$17,14,0)+IF('Standard Profiles'!$G$18=$B$24,21,0),0)),0)</f>
        <v>9.3928009596600379</v>
      </c>
      <c r="E3700" cm="1">
        <f t="array" ref="E3700">IFERROR(INDEX(Jesper!AI$2:AI$366,ROUNDDOWN($C3700/24,0)+1,1)*INDEX($D$3:$AA$30,INDEX(Jesper!$R$2:$R$366,ROW(INDEX(Jesper!AI$2:AI$366,ROUNDDOWN($C3700/24,0)+1,1))-1)+IF('Standard Profiles'!$G$19=$B$10,7,0)+IF('Standard Profiles'!$G$19=$B$17,14,0)+IF('Standard Profiles'!$G$19=$B$24,21,0),MOD($C3700,24)+1)/SUM(INDEX($D$3:$AA$30,INDEX(Jesper!$R$2:$R$366,ROW(INDEX(Jesper!AI$2:AI$366,ROUNDDOWN($C3700/24,0)+1,1))-1)+IF('Standard Profiles'!$G$19=$B$10,7,0)+IF('Standard Profiles'!$G$19=$B$17,14,0)+IF('Standard Profiles'!$G$19=$B$24,21,0),0)),0)</f>
        <v>1.7795488566174367</v>
      </c>
      <c r="F3700" cm="1">
        <f t="array" ref="F3700">IFERROR(INDEX(Jesper!AJ$2:AJ$366,ROUNDDOWN($C3700/24,0)+1,1)*INDEX($D$3:$AA$30,INDEX(Jesper!$R$2:$R$366,ROW(INDEX(Jesper!AJ$2:AJ$366,ROUNDDOWN($C3700/24,0)+1,1))-1)+IF('Standard Profiles'!$G$20=$B$10,7,0)+IF('Standard Profiles'!$G$20=$B$17,14,0)+IF('Standard Profiles'!$G$20=$B$24,21,0),MOD($C3700,24)+1)/SUM(INDEX($D$3:$AA$30,INDEX(Jesper!$R$2:$R$366,ROW(INDEX(Jesper!AJ$2:AJ$366,ROUNDDOWN($C3700/24,0)+1,1))-1)+IF('Standard Profiles'!$G$20=$B$10,7,0)+IF('Standard Profiles'!$G$20=$B$17,14,0)+IF('Standard Profiles'!$G$20=$B$24,21,0),0)),0)</f>
        <v>0</v>
      </c>
      <c r="G3700" cm="1">
        <f t="array" ref="G3700">IFERROR(INDEX(Jesper!AK$2:AK$366,ROUNDDOWN($C3700/24,0)+1,1)*INDEX($D$3:$AA$30,INDEX(Jesper!$R$2:$R$366,ROW(INDEX(Jesper!AK$2:AK$366,ROUNDDOWN($C3700/24,0)+1,1))-1)+IF('Standard Profiles'!$G$21=$B$10,7,0)+IF('Standard Profiles'!$G$21=$B$17,14,0)+IF('Standard Profiles'!$G$21=$B$24,21,0),MOD($C3700,24)+1)/SUM(INDEX($D$3:$AA$30,INDEX(Jesper!$R$2:$R$366,ROW(INDEX(Jesper!AK$2:AK$366,ROUNDDOWN($C3700/24,0)+1,1))-1)+IF('Standard Profiles'!$G$21=$B$10,7,0)+IF('Standard Profiles'!$G$21=$B$17,14,0)+IF('Standard Profiles'!$G$21=$B$24,21,0),0)),0)</f>
        <v>0</v>
      </c>
      <c r="H3700" cm="1">
        <f t="array" ref="H3700">IFERROR(INDEX(Jesper!AL$2:AL$366,ROUNDDOWN($C3700/24,0)+1,1)*INDEX($D$3:$AA$30,INDEX(Jesper!$R$2:$R$366,ROW(INDEX(Jesper!AL$2:AL$366,ROUNDDOWN($C3700/24,0)+1,1))-1)+IF('Standard Profiles'!$G$22=$B$10,7,0)+IF('Standard Profiles'!$G$22=$B$17,14,0)+IF('Standard Profiles'!$G$22=$B$24,21,0),MOD($C3700,24)+1)/SUM(INDEX($D$3:$AA$30,INDEX(Jesper!$R$2:$R$366,ROW(INDEX(Jesper!AL$2:AL$366,ROUNDDOWN($C3700/24,0)+1,1))-1)+IF('Standard Profiles'!$G$22=$B$10,7,0)+IF('Standard Profiles'!$G$22=$B$17,14,0)+IF('Standard Profiles'!$G$22=$B$24,21,0),0)),0)</f>
        <v>0</v>
      </c>
      <c r="I3700">
        <f t="shared" si="419"/>
        <v>0.16031971681238172</v>
      </c>
      <c r="J3700">
        <f t="shared" si="420"/>
        <v>0.53439905604127247</v>
      </c>
      <c r="K3700">
        <f t="shared" si="421"/>
        <v>0.80159858406190876</v>
      </c>
      <c r="L3700">
        <f t="shared" si="422"/>
        <v>9.6760324593619114</v>
      </c>
      <c r="M3700">
        <f t="shared" si="423"/>
        <v>0</v>
      </c>
      <c r="N3700" s="46">
        <f t="shared" si="424"/>
        <v>45444.749999991109</v>
      </c>
    </row>
    <row r="3701" spans="2:14" x14ac:dyDescent="0.3">
      <c r="B3701">
        <f t="shared" si="418"/>
        <v>6</v>
      </c>
      <c r="C3701" s="16">
        <v>3667</v>
      </c>
      <c r="D3701" cm="1">
        <f t="array" ref="D3701">IFERROR(INDEX(Jesper!AH$2:AH$366,ROUNDDOWN($C3701/24,0)+1,1)*INDEX($D$3:$AA$30,INDEX(Jesper!$R$2:$R$366,ROW(INDEX(Jesper!AH$2:AH$366,ROUNDDOWN($C3701/24,0)+1,1))-1)+IF('Standard Profiles'!$G$18=$B$10,7,0)+IF('Standard Profiles'!$G$18=$B$17,14,0)+IF('Standard Profiles'!$G$18=$B$24,21,0),MOD($C3701,24)+1)/SUM(INDEX($D$3:$AA$30,INDEX(Jesper!$R$2:$R$366,ROW(INDEX(Jesper!AH$2:AH$366,ROUNDDOWN($C3701/24,0)+1,1))-1)+IF('Standard Profiles'!$G$18=$B$10,7,0)+IF('Standard Profiles'!$G$18=$B$17,14,0)+IF('Standard Profiles'!$G$18=$B$24,21,0),0)),0)</f>
        <v>7.5864930828023391</v>
      </c>
      <c r="E3701" cm="1">
        <f t="array" ref="E3701">IFERROR(INDEX(Jesper!AI$2:AI$366,ROUNDDOWN($C3701/24,0)+1,1)*INDEX($D$3:$AA$30,INDEX(Jesper!$R$2:$R$366,ROW(INDEX(Jesper!AI$2:AI$366,ROUNDDOWN($C3701/24,0)+1,1))-1)+IF('Standard Profiles'!$G$19=$B$10,7,0)+IF('Standard Profiles'!$G$19=$B$17,14,0)+IF('Standard Profiles'!$G$19=$B$24,21,0),MOD($C3701,24)+1)/SUM(INDEX($D$3:$AA$30,INDEX(Jesper!$R$2:$R$366,ROW(INDEX(Jesper!AI$2:AI$366,ROUNDDOWN($C3701/24,0)+1,1))-1)+IF('Standard Profiles'!$G$19=$B$10,7,0)+IF('Standard Profiles'!$G$19=$B$17,14,0)+IF('Standard Profiles'!$G$19=$B$24,21,0),0)),0)</f>
        <v>1.4373279226525448</v>
      </c>
      <c r="F3701" cm="1">
        <f t="array" ref="F3701">IFERROR(INDEX(Jesper!AJ$2:AJ$366,ROUNDDOWN($C3701/24,0)+1,1)*INDEX($D$3:$AA$30,INDEX(Jesper!$R$2:$R$366,ROW(INDEX(Jesper!AJ$2:AJ$366,ROUNDDOWN($C3701/24,0)+1,1))-1)+IF('Standard Profiles'!$G$20=$B$10,7,0)+IF('Standard Profiles'!$G$20=$B$17,14,0)+IF('Standard Profiles'!$G$20=$B$24,21,0),MOD($C3701,24)+1)/SUM(INDEX($D$3:$AA$30,INDEX(Jesper!$R$2:$R$366,ROW(INDEX(Jesper!AJ$2:AJ$366,ROUNDDOWN($C3701/24,0)+1,1))-1)+IF('Standard Profiles'!$G$20=$B$10,7,0)+IF('Standard Profiles'!$G$20=$B$17,14,0)+IF('Standard Profiles'!$G$20=$B$24,21,0),0)),0)</f>
        <v>0</v>
      </c>
      <c r="G3701" cm="1">
        <f t="array" ref="G3701">IFERROR(INDEX(Jesper!AK$2:AK$366,ROUNDDOWN($C3701/24,0)+1,1)*INDEX($D$3:$AA$30,INDEX(Jesper!$R$2:$R$366,ROW(INDEX(Jesper!AK$2:AK$366,ROUNDDOWN($C3701/24,0)+1,1))-1)+IF('Standard Profiles'!$G$21=$B$10,7,0)+IF('Standard Profiles'!$G$21=$B$17,14,0)+IF('Standard Profiles'!$G$21=$B$24,21,0),MOD($C3701,24)+1)/SUM(INDEX($D$3:$AA$30,INDEX(Jesper!$R$2:$R$366,ROW(INDEX(Jesper!AK$2:AK$366,ROUNDDOWN($C3701/24,0)+1,1))-1)+IF('Standard Profiles'!$G$21=$B$10,7,0)+IF('Standard Profiles'!$G$21=$B$17,14,0)+IF('Standard Profiles'!$G$21=$B$24,21,0),0)),0)</f>
        <v>0</v>
      </c>
      <c r="H3701" cm="1">
        <f t="array" ref="H3701">IFERROR(INDEX(Jesper!AL$2:AL$366,ROUNDDOWN($C3701/24,0)+1,1)*INDEX($D$3:$AA$30,INDEX(Jesper!$R$2:$R$366,ROW(INDEX(Jesper!AL$2:AL$366,ROUNDDOWN($C3701/24,0)+1,1))-1)+IF('Standard Profiles'!$G$22=$B$10,7,0)+IF('Standard Profiles'!$G$22=$B$17,14,0)+IF('Standard Profiles'!$G$22=$B$24,21,0),MOD($C3701,24)+1)/SUM(INDEX($D$3:$AA$30,INDEX(Jesper!$R$2:$R$366,ROW(INDEX(Jesper!AL$2:AL$366,ROUNDDOWN($C3701/24,0)+1,1))-1)+IF('Standard Profiles'!$G$22=$B$10,7,0)+IF('Standard Profiles'!$G$22=$B$17,14,0)+IF('Standard Profiles'!$G$22=$B$24,21,0),0)),0)</f>
        <v>0</v>
      </c>
      <c r="I3701">
        <f t="shared" si="419"/>
        <v>0.12948900204076985</v>
      </c>
      <c r="J3701">
        <f t="shared" si="420"/>
        <v>0.43163000680256619</v>
      </c>
      <c r="K3701">
        <f t="shared" si="421"/>
        <v>0.64744501020384926</v>
      </c>
      <c r="L3701">
        <f t="shared" si="422"/>
        <v>7.8152569864076984</v>
      </c>
      <c r="M3701">
        <f t="shared" si="423"/>
        <v>0</v>
      </c>
      <c r="N3701" s="46">
        <f t="shared" si="424"/>
        <v>45444.791666657773</v>
      </c>
    </row>
    <row r="3702" spans="2:14" x14ac:dyDescent="0.3">
      <c r="B3702">
        <f t="shared" si="418"/>
        <v>6</v>
      </c>
      <c r="C3702" s="16">
        <v>3668</v>
      </c>
      <c r="D3702" cm="1">
        <f t="array" ref="D3702">IFERROR(INDEX(Jesper!AH$2:AH$366,ROUNDDOWN($C3702/24,0)+1,1)*INDEX($D$3:$AA$30,INDEX(Jesper!$R$2:$R$366,ROW(INDEX(Jesper!AH$2:AH$366,ROUNDDOWN($C3702/24,0)+1,1))-1)+IF('Standard Profiles'!$G$18=$B$10,7,0)+IF('Standard Profiles'!$G$18=$B$17,14,0)+IF('Standard Profiles'!$G$18=$B$24,21,0),MOD($C3702,24)+1)/SUM(INDEX($D$3:$AA$30,INDEX(Jesper!$R$2:$R$366,ROW(INDEX(Jesper!AH$2:AH$366,ROUNDDOWN($C3702/24,0)+1,1))-1)+IF('Standard Profiles'!$G$18=$B$10,7,0)+IF('Standard Profiles'!$G$18=$B$17,14,0)+IF('Standard Profiles'!$G$18=$B$24,21,0),0)),0)</f>
        <v>5.5995544182588688</v>
      </c>
      <c r="E3702" cm="1">
        <f t="array" ref="E3702">IFERROR(INDEX(Jesper!AI$2:AI$366,ROUNDDOWN($C3702/24,0)+1,1)*INDEX($D$3:$AA$30,INDEX(Jesper!$R$2:$R$366,ROW(INDEX(Jesper!AI$2:AI$366,ROUNDDOWN($C3702/24,0)+1,1))-1)+IF('Standard Profiles'!$G$19=$B$10,7,0)+IF('Standard Profiles'!$G$19=$B$17,14,0)+IF('Standard Profiles'!$G$19=$B$24,21,0),MOD($C3702,24)+1)/SUM(INDEX($D$3:$AA$30,INDEX(Jesper!$R$2:$R$366,ROW(INDEX(Jesper!AI$2:AI$366,ROUNDDOWN($C3702/24,0)+1,1))-1)+IF('Standard Profiles'!$G$19=$B$10,7,0)+IF('Standard Profiles'!$G$19=$B$17,14,0)+IF('Standard Profiles'!$G$19=$B$24,21,0),0)),0)</f>
        <v>1.060884895291164</v>
      </c>
      <c r="F3702" cm="1">
        <f t="array" ref="F3702">IFERROR(INDEX(Jesper!AJ$2:AJ$366,ROUNDDOWN($C3702/24,0)+1,1)*INDEX($D$3:$AA$30,INDEX(Jesper!$R$2:$R$366,ROW(INDEX(Jesper!AJ$2:AJ$366,ROUNDDOWN($C3702/24,0)+1,1))-1)+IF('Standard Profiles'!$G$20=$B$10,7,0)+IF('Standard Profiles'!$G$20=$B$17,14,0)+IF('Standard Profiles'!$G$20=$B$24,21,0),MOD($C3702,24)+1)/SUM(INDEX($D$3:$AA$30,INDEX(Jesper!$R$2:$R$366,ROW(INDEX(Jesper!AJ$2:AJ$366,ROUNDDOWN($C3702/24,0)+1,1))-1)+IF('Standard Profiles'!$G$20=$B$10,7,0)+IF('Standard Profiles'!$G$20=$B$17,14,0)+IF('Standard Profiles'!$G$20=$B$24,21,0),0)),0)</f>
        <v>0</v>
      </c>
      <c r="G3702" cm="1">
        <f t="array" ref="G3702">IFERROR(INDEX(Jesper!AK$2:AK$366,ROUNDDOWN($C3702/24,0)+1,1)*INDEX($D$3:$AA$30,INDEX(Jesper!$R$2:$R$366,ROW(INDEX(Jesper!AK$2:AK$366,ROUNDDOWN($C3702/24,0)+1,1))-1)+IF('Standard Profiles'!$G$21=$B$10,7,0)+IF('Standard Profiles'!$G$21=$B$17,14,0)+IF('Standard Profiles'!$G$21=$B$24,21,0),MOD($C3702,24)+1)/SUM(INDEX($D$3:$AA$30,INDEX(Jesper!$R$2:$R$366,ROW(INDEX(Jesper!AK$2:AK$366,ROUNDDOWN($C3702/24,0)+1,1))-1)+IF('Standard Profiles'!$G$21=$B$10,7,0)+IF('Standard Profiles'!$G$21=$B$17,14,0)+IF('Standard Profiles'!$G$21=$B$24,21,0),0)),0)</f>
        <v>0</v>
      </c>
      <c r="H3702" cm="1">
        <f t="array" ref="H3702">IFERROR(INDEX(Jesper!AL$2:AL$366,ROUNDDOWN($C3702/24,0)+1,1)*INDEX($D$3:$AA$30,INDEX(Jesper!$R$2:$R$366,ROW(INDEX(Jesper!AL$2:AL$366,ROUNDDOWN($C3702/24,0)+1,1))-1)+IF('Standard Profiles'!$G$22=$B$10,7,0)+IF('Standard Profiles'!$G$22=$B$17,14,0)+IF('Standard Profiles'!$G$22=$B$24,21,0),MOD($C3702,24)+1)/SUM(INDEX($D$3:$AA$30,INDEX(Jesper!$R$2:$R$366,ROW(INDEX(Jesper!AL$2:AL$366,ROUNDDOWN($C3702/24,0)+1,1))-1)+IF('Standard Profiles'!$G$22=$B$10,7,0)+IF('Standard Profiles'!$G$22=$B$17,14,0)+IF('Standard Profiles'!$G$22=$B$24,21,0),0)),0)</f>
        <v>0</v>
      </c>
      <c r="I3702">
        <f t="shared" si="419"/>
        <v>9.5575215791996779E-2</v>
      </c>
      <c r="J3702">
        <f t="shared" si="420"/>
        <v>0.31858405263998935</v>
      </c>
      <c r="K3702">
        <f t="shared" si="421"/>
        <v>0.47787607895998396</v>
      </c>
      <c r="L3702">
        <f t="shared" si="422"/>
        <v>5.7684039661580631</v>
      </c>
      <c r="M3702">
        <f t="shared" si="423"/>
        <v>0</v>
      </c>
      <c r="N3702" s="46">
        <f t="shared" si="424"/>
        <v>45444.833333324437</v>
      </c>
    </row>
    <row r="3703" spans="2:14" x14ac:dyDescent="0.3">
      <c r="B3703">
        <f t="shared" si="418"/>
        <v>6</v>
      </c>
      <c r="C3703" s="16">
        <v>3669</v>
      </c>
      <c r="D3703" cm="1">
        <f t="array" ref="D3703">IFERROR(INDEX(Jesper!AH$2:AH$366,ROUNDDOWN($C3703/24,0)+1,1)*INDEX($D$3:$AA$30,INDEX(Jesper!$R$2:$R$366,ROW(INDEX(Jesper!AH$2:AH$366,ROUNDDOWN($C3703/24,0)+1,1))-1)+IF('Standard Profiles'!$G$18=$B$10,7,0)+IF('Standard Profiles'!$G$18=$B$17,14,0)+IF('Standard Profiles'!$G$18=$B$24,21,0),MOD($C3703,24)+1)/SUM(INDEX($D$3:$AA$30,INDEX(Jesper!$R$2:$R$366,ROW(INDEX(Jesper!AH$2:AH$366,ROUNDDOWN($C3703/24,0)+1,1))-1)+IF('Standard Profiles'!$G$18=$B$10,7,0)+IF('Standard Profiles'!$G$18=$B$17,14,0)+IF('Standard Profiles'!$G$18=$B$24,21,0),0)),0)</f>
        <v>5.5995544182588688</v>
      </c>
      <c r="E3703" cm="1">
        <f t="array" ref="E3703">IFERROR(INDEX(Jesper!AI$2:AI$366,ROUNDDOWN($C3703/24,0)+1,1)*INDEX($D$3:$AA$30,INDEX(Jesper!$R$2:$R$366,ROW(INDEX(Jesper!AI$2:AI$366,ROUNDDOWN($C3703/24,0)+1,1))-1)+IF('Standard Profiles'!$G$19=$B$10,7,0)+IF('Standard Profiles'!$G$19=$B$17,14,0)+IF('Standard Profiles'!$G$19=$B$24,21,0),MOD($C3703,24)+1)/SUM(INDEX($D$3:$AA$30,INDEX(Jesper!$R$2:$R$366,ROW(INDEX(Jesper!AI$2:AI$366,ROUNDDOWN($C3703/24,0)+1,1))-1)+IF('Standard Profiles'!$G$19=$B$10,7,0)+IF('Standard Profiles'!$G$19=$B$17,14,0)+IF('Standard Profiles'!$G$19=$B$24,21,0),0)),0)</f>
        <v>1.060884895291164</v>
      </c>
      <c r="F3703" cm="1">
        <f t="array" ref="F3703">IFERROR(INDEX(Jesper!AJ$2:AJ$366,ROUNDDOWN($C3703/24,0)+1,1)*INDEX($D$3:$AA$30,INDEX(Jesper!$R$2:$R$366,ROW(INDEX(Jesper!AJ$2:AJ$366,ROUNDDOWN($C3703/24,0)+1,1))-1)+IF('Standard Profiles'!$G$20=$B$10,7,0)+IF('Standard Profiles'!$G$20=$B$17,14,0)+IF('Standard Profiles'!$G$20=$B$24,21,0),MOD($C3703,24)+1)/SUM(INDEX($D$3:$AA$30,INDEX(Jesper!$R$2:$R$366,ROW(INDEX(Jesper!AJ$2:AJ$366,ROUNDDOWN($C3703/24,0)+1,1))-1)+IF('Standard Profiles'!$G$20=$B$10,7,0)+IF('Standard Profiles'!$G$20=$B$17,14,0)+IF('Standard Profiles'!$G$20=$B$24,21,0),0)),0)</f>
        <v>0</v>
      </c>
      <c r="G3703" cm="1">
        <f t="array" ref="G3703">IFERROR(INDEX(Jesper!AK$2:AK$366,ROUNDDOWN($C3703/24,0)+1,1)*INDEX($D$3:$AA$30,INDEX(Jesper!$R$2:$R$366,ROW(INDEX(Jesper!AK$2:AK$366,ROUNDDOWN($C3703/24,0)+1,1))-1)+IF('Standard Profiles'!$G$21=$B$10,7,0)+IF('Standard Profiles'!$G$21=$B$17,14,0)+IF('Standard Profiles'!$G$21=$B$24,21,0),MOD($C3703,24)+1)/SUM(INDEX($D$3:$AA$30,INDEX(Jesper!$R$2:$R$366,ROW(INDEX(Jesper!AK$2:AK$366,ROUNDDOWN($C3703/24,0)+1,1))-1)+IF('Standard Profiles'!$G$21=$B$10,7,0)+IF('Standard Profiles'!$G$21=$B$17,14,0)+IF('Standard Profiles'!$G$21=$B$24,21,0),0)),0)</f>
        <v>0</v>
      </c>
      <c r="H3703" cm="1">
        <f t="array" ref="H3703">IFERROR(INDEX(Jesper!AL$2:AL$366,ROUNDDOWN($C3703/24,0)+1,1)*INDEX($D$3:$AA$30,INDEX(Jesper!$R$2:$R$366,ROW(INDEX(Jesper!AL$2:AL$366,ROUNDDOWN($C3703/24,0)+1,1))-1)+IF('Standard Profiles'!$G$22=$B$10,7,0)+IF('Standard Profiles'!$G$22=$B$17,14,0)+IF('Standard Profiles'!$G$22=$B$24,21,0),MOD($C3703,24)+1)/SUM(INDEX($D$3:$AA$30,INDEX(Jesper!$R$2:$R$366,ROW(INDEX(Jesper!AL$2:AL$366,ROUNDDOWN($C3703/24,0)+1,1))-1)+IF('Standard Profiles'!$G$22=$B$10,7,0)+IF('Standard Profiles'!$G$22=$B$17,14,0)+IF('Standard Profiles'!$G$22=$B$24,21,0),0)),0)</f>
        <v>0</v>
      </c>
      <c r="I3703">
        <f t="shared" si="419"/>
        <v>9.5575215791996779E-2</v>
      </c>
      <c r="J3703">
        <f t="shared" si="420"/>
        <v>0.31858405263998935</v>
      </c>
      <c r="K3703">
        <f t="shared" si="421"/>
        <v>0.47787607895998396</v>
      </c>
      <c r="L3703">
        <f t="shared" si="422"/>
        <v>5.7684039661580631</v>
      </c>
      <c r="M3703">
        <f t="shared" si="423"/>
        <v>0</v>
      </c>
      <c r="N3703" s="46">
        <f t="shared" si="424"/>
        <v>45444.874999991102</v>
      </c>
    </row>
    <row r="3704" spans="2:14" x14ac:dyDescent="0.3">
      <c r="B3704">
        <f t="shared" si="418"/>
        <v>6</v>
      </c>
      <c r="C3704" s="16">
        <v>3670</v>
      </c>
      <c r="D3704" cm="1">
        <f t="array" ref="D3704">IFERROR(INDEX(Jesper!AH$2:AH$366,ROUNDDOWN($C3704/24,0)+1,1)*INDEX($D$3:$AA$30,INDEX(Jesper!$R$2:$R$366,ROW(INDEX(Jesper!AH$2:AH$366,ROUNDDOWN($C3704/24,0)+1,1))-1)+IF('Standard Profiles'!$G$18=$B$10,7,0)+IF('Standard Profiles'!$G$18=$B$17,14,0)+IF('Standard Profiles'!$G$18=$B$24,21,0),MOD($C3704,24)+1)/SUM(INDEX($D$3:$AA$30,INDEX(Jesper!$R$2:$R$366,ROW(INDEX(Jesper!AH$2:AH$366,ROUNDDOWN($C3704/24,0)+1,1))-1)+IF('Standard Profiles'!$G$18=$B$10,7,0)+IF('Standard Profiles'!$G$18=$B$17,14,0)+IF('Standard Profiles'!$G$18=$B$24,21,0),0)),0)</f>
        <v>5.5995544182588688</v>
      </c>
      <c r="E3704" cm="1">
        <f t="array" ref="E3704">IFERROR(INDEX(Jesper!AI$2:AI$366,ROUNDDOWN($C3704/24,0)+1,1)*INDEX($D$3:$AA$30,INDEX(Jesper!$R$2:$R$366,ROW(INDEX(Jesper!AI$2:AI$366,ROUNDDOWN($C3704/24,0)+1,1))-1)+IF('Standard Profiles'!$G$19=$B$10,7,0)+IF('Standard Profiles'!$G$19=$B$17,14,0)+IF('Standard Profiles'!$G$19=$B$24,21,0),MOD($C3704,24)+1)/SUM(INDEX($D$3:$AA$30,INDEX(Jesper!$R$2:$R$366,ROW(INDEX(Jesper!AI$2:AI$366,ROUNDDOWN($C3704/24,0)+1,1))-1)+IF('Standard Profiles'!$G$19=$B$10,7,0)+IF('Standard Profiles'!$G$19=$B$17,14,0)+IF('Standard Profiles'!$G$19=$B$24,21,0),0)),0)</f>
        <v>1.060884895291164</v>
      </c>
      <c r="F3704" cm="1">
        <f t="array" ref="F3704">IFERROR(INDEX(Jesper!AJ$2:AJ$366,ROUNDDOWN($C3704/24,0)+1,1)*INDEX($D$3:$AA$30,INDEX(Jesper!$R$2:$R$366,ROW(INDEX(Jesper!AJ$2:AJ$366,ROUNDDOWN($C3704/24,0)+1,1))-1)+IF('Standard Profiles'!$G$20=$B$10,7,0)+IF('Standard Profiles'!$G$20=$B$17,14,0)+IF('Standard Profiles'!$G$20=$B$24,21,0),MOD($C3704,24)+1)/SUM(INDEX($D$3:$AA$30,INDEX(Jesper!$R$2:$R$366,ROW(INDEX(Jesper!AJ$2:AJ$366,ROUNDDOWN($C3704/24,0)+1,1))-1)+IF('Standard Profiles'!$G$20=$B$10,7,0)+IF('Standard Profiles'!$G$20=$B$17,14,0)+IF('Standard Profiles'!$G$20=$B$24,21,0),0)),0)</f>
        <v>0</v>
      </c>
      <c r="G3704" cm="1">
        <f t="array" ref="G3704">IFERROR(INDEX(Jesper!AK$2:AK$366,ROUNDDOWN($C3704/24,0)+1,1)*INDEX($D$3:$AA$30,INDEX(Jesper!$R$2:$R$366,ROW(INDEX(Jesper!AK$2:AK$366,ROUNDDOWN($C3704/24,0)+1,1))-1)+IF('Standard Profiles'!$G$21=$B$10,7,0)+IF('Standard Profiles'!$G$21=$B$17,14,0)+IF('Standard Profiles'!$G$21=$B$24,21,0),MOD($C3704,24)+1)/SUM(INDEX($D$3:$AA$30,INDEX(Jesper!$R$2:$R$366,ROW(INDEX(Jesper!AK$2:AK$366,ROUNDDOWN($C3704/24,0)+1,1))-1)+IF('Standard Profiles'!$G$21=$B$10,7,0)+IF('Standard Profiles'!$G$21=$B$17,14,0)+IF('Standard Profiles'!$G$21=$B$24,21,0),0)),0)</f>
        <v>0</v>
      </c>
      <c r="H3704" cm="1">
        <f t="array" ref="H3704">IFERROR(INDEX(Jesper!AL$2:AL$366,ROUNDDOWN($C3704/24,0)+1,1)*INDEX($D$3:$AA$30,INDEX(Jesper!$R$2:$R$366,ROW(INDEX(Jesper!AL$2:AL$366,ROUNDDOWN($C3704/24,0)+1,1))-1)+IF('Standard Profiles'!$G$22=$B$10,7,0)+IF('Standard Profiles'!$G$22=$B$17,14,0)+IF('Standard Profiles'!$G$22=$B$24,21,0),MOD($C3704,24)+1)/SUM(INDEX($D$3:$AA$30,INDEX(Jesper!$R$2:$R$366,ROW(INDEX(Jesper!AL$2:AL$366,ROUNDDOWN($C3704/24,0)+1,1))-1)+IF('Standard Profiles'!$G$22=$B$10,7,0)+IF('Standard Profiles'!$G$22=$B$17,14,0)+IF('Standard Profiles'!$G$22=$B$24,21,0),0)),0)</f>
        <v>0</v>
      </c>
      <c r="I3704">
        <f t="shared" si="419"/>
        <v>9.5575215791996779E-2</v>
      </c>
      <c r="J3704">
        <f t="shared" si="420"/>
        <v>0.31858405263998935</v>
      </c>
      <c r="K3704">
        <f t="shared" si="421"/>
        <v>0.47787607895998396</v>
      </c>
      <c r="L3704">
        <f t="shared" si="422"/>
        <v>5.7684039661580631</v>
      </c>
      <c r="M3704">
        <f t="shared" si="423"/>
        <v>0</v>
      </c>
      <c r="N3704" s="46">
        <f t="shared" si="424"/>
        <v>45444.916666657766</v>
      </c>
    </row>
    <row r="3705" spans="2:14" x14ac:dyDescent="0.3">
      <c r="B3705">
        <f t="shared" si="418"/>
        <v>6</v>
      </c>
      <c r="C3705" s="16">
        <v>3671</v>
      </c>
      <c r="D3705" cm="1">
        <f t="array" ref="D3705">IFERROR(INDEX(Jesper!AH$2:AH$366,ROUNDDOWN($C3705/24,0)+1,1)*INDEX($D$3:$AA$30,INDEX(Jesper!$R$2:$R$366,ROW(INDEX(Jesper!AH$2:AH$366,ROUNDDOWN($C3705/24,0)+1,1))-1)+IF('Standard Profiles'!$G$18=$B$10,7,0)+IF('Standard Profiles'!$G$18=$B$17,14,0)+IF('Standard Profiles'!$G$18=$B$24,21,0),MOD($C3705,24)+1)/SUM(INDEX($D$3:$AA$30,INDEX(Jesper!$R$2:$R$366,ROW(INDEX(Jesper!AH$2:AH$366,ROUNDDOWN($C3705/24,0)+1,1))-1)+IF('Standard Profiles'!$G$18=$B$10,7,0)+IF('Standard Profiles'!$G$18=$B$17,14,0)+IF('Standard Profiles'!$G$18=$B$24,21,0),0)),0)</f>
        <v>5.5995544182588688</v>
      </c>
      <c r="E3705" cm="1">
        <f t="array" ref="E3705">IFERROR(INDEX(Jesper!AI$2:AI$366,ROUNDDOWN($C3705/24,0)+1,1)*INDEX($D$3:$AA$30,INDEX(Jesper!$R$2:$R$366,ROW(INDEX(Jesper!AI$2:AI$366,ROUNDDOWN($C3705/24,0)+1,1))-1)+IF('Standard Profiles'!$G$19=$B$10,7,0)+IF('Standard Profiles'!$G$19=$B$17,14,0)+IF('Standard Profiles'!$G$19=$B$24,21,0),MOD($C3705,24)+1)/SUM(INDEX($D$3:$AA$30,INDEX(Jesper!$R$2:$R$366,ROW(INDEX(Jesper!AI$2:AI$366,ROUNDDOWN($C3705/24,0)+1,1))-1)+IF('Standard Profiles'!$G$19=$B$10,7,0)+IF('Standard Profiles'!$G$19=$B$17,14,0)+IF('Standard Profiles'!$G$19=$B$24,21,0),0)),0)</f>
        <v>1.060884895291164</v>
      </c>
      <c r="F3705" cm="1">
        <f t="array" ref="F3705">IFERROR(INDEX(Jesper!AJ$2:AJ$366,ROUNDDOWN($C3705/24,0)+1,1)*INDEX($D$3:$AA$30,INDEX(Jesper!$R$2:$R$366,ROW(INDEX(Jesper!AJ$2:AJ$366,ROUNDDOWN($C3705/24,0)+1,1))-1)+IF('Standard Profiles'!$G$20=$B$10,7,0)+IF('Standard Profiles'!$G$20=$B$17,14,0)+IF('Standard Profiles'!$G$20=$B$24,21,0),MOD($C3705,24)+1)/SUM(INDEX($D$3:$AA$30,INDEX(Jesper!$R$2:$R$366,ROW(INDEX(Jesper!AJ$2:AJ$366,ROUNDDOWN($C3705/24,0)+1,1))-1)+IF('Standard Profiles'!$G$20=$B$10,7,0)+IF('Standard Profiles'!$G$20=$B$17,14,0)+IF('Standard Profiles'!$G$20=$B$24,21,0),0)),0)</f>
        <v>0</v>
      </c>
      <c r="G3705" cm="1">
        <f t="array" ref="G3705">IFERROR(INDEX(Jesper!AK$2:AK$366,ROUNDDOWN($C3705/24,0)+1,1)*INDEX($D$3:$AA$30,INDEX(Jesper!$R$2:$R$366,ROW(INDEX(Jesper!AK$2:AK$366,ROUNDDOWN($C3705/24,0)+1,1))-1)+IF('Standard Profiles'!$G$21=$B$10,7,0)+IF('Standard Profiles'!$G$21=$B$17,14,0)+IF('Standard Profiles'!$G$21=$B$24,21,0),MOD($C3705,24)+1)/SUM(INDEX($D$3:$AA$30,INDEX(Jesper!$R$2:$R$366,ROW(INDEX(Jesper!AK$2:AK$366,ROUNDDOWN($C3705/24,0)+1,1))-1)+IF('Standard Profiles'!$G$21=$B$10,7,0)+IF('Standard Profiles'!$G$21=$B$17,14,0)+IF('Standard Profiles'!$G$21=$B$24,21,0),0)),0)</f>
        <v>0</v>
      </c>
      <c r="H3705" cm="1">
        <f t="array" ref="H3705">IFERROR(INDEX(Jesper!AL$2:AL$366,ROUNDDOWN($C3705/24,0)+1,1)*INDEX($D$3:$AA$30,INDEX(Jesper!$R$2:$R$366,ROW(INDEX(Jesper!AL$2:AL$366,ROUNDDOWN($C3705/24,0)+1,1))-1)+IF('Standard Profiles'!$G$22=$B$10,7,0)+IF('Standard Profiles'!$G$22=$B$17,14,0)+IF('Standard Profiles'!$G$22=$B$24,21,0),MOD($C3705,24)+1)/SUM(INDEX($D$3:$AA$30,INDEX(Jesper!$R$2:$R$366,ROW(INDEX(Jesper!AL$2:AL$366,ROUNDDOWN($C3705/24,0)+1,1))-1)+IF('Standard Profiles'!$G$22=$B$10,7,0)+IF('Standard Profiles'!$G$22=$B$17,14,0)+IF('Standard Profiles'!$G$22=$B$24,21,0),0)),0)</f>
        <v>0</v>
      </c>
      <c r="I3705">
        <f t="shared" si="419"/>
        <v>9.5575215791996779E-2</v>
      </c>
      <c r="J3705">
        <f t="shared" si="420"/>
        <v>0.31858405263998935</v>
      </c>
      <c r="K3705">
        <f t="shared" si="421"/>
        <v>0.47787607895998396</v>
      </c>
      <c r="L3705">
        <f t="shared" si="422"/>
        <v>5.7684039661580631</v>
      </c>
      <c r="M3705">
        <f t="shared" si="423"/>
        <v>0</v>
      </c>
      <c r="N3705" s="46">
        <f t="shared" si="424"/>
        <v>45444.95833332443</v>
      </c>
    </row>
    <row r="3706" spans="2:14" x14ac:dyDescent="0.3">
      <c r="B3706">
        <f t="shared" si="418"/>
        <v>7</v>
      </c>
      <c r="C3706" s="16">
        <v>3672</v>
      </c>
      <c r="D3706" cm="1">
        <f t="array" ref="D3706">IFERROR(INDEX(Jesper!AH$2:AH$366,ROUNDDOWN($C3706/24,0)+1,1)*INDEX($D$3:$AA$30,INDEX(Jesper!$R$2:$R$366,ROW(INDEX(Jesper!AH$2:AH$366,ROUNDDOWN($C3706/24,0)+1,1))-1)+IF('Standard Profiles'!$G$18=$B$10,7,0)+IF('Standard Profiles'!$G$18=$B$17,14,0)+IF('Standard Profiles'!$G$18=$B$24,21,0),MOD($C3706,24)+1)/SUM(INDEX($D$3:$AA$30,INDEX(Jesper!$R$2:$R$366,ROW(INDEX(Jesper!AH$2:AH$366,ROUNDDOWN($C3706/24,0)+1,1))-1)+IF('Standard Profiles'!$G$18=$B$10,7,0)+IF('Standard Profiles'!$G$18=$B$17,14,0)+IF('Standard Profiles'!$G$18=$B$24,21,0),0)),0)</f>
        <v>6.3741398305147374</v>
      </c>
      <c r="E3706" cm="1">
        <f t="array" ref="E3706">IFERROR(INDEX(Jesper!AI$2:AI$366,ROUNDDOWN($C3706/24,0)+1,1)*INDEX($D$3:$AA$30,INDEX(Jesper!$R$2:$R$366,ROW(INDEX(Jesper!AI$2:AI$366,ROUNDDOWN($C3706/24,0)+1,1))-1)+IF('Standard Profiles'!$G$19=$B$10,7,0)+IF('Standard Profiles'!$G$19=$B$17,14,0)+IF('Standard Profiles'!$G$19=$B$24,21,0),MOD($C3706,24)+1)/SUM(INDEX($D$3:$AA$30,INDEX(Jesper!$R$2:$R$366,ROW(INDEX(Jesper!AI$2:AI$366,ROUNDDOWN($C3706/24,0)+1,1))-1)+IF('Standard Profiles'!$G$19=$B$10,7,0)+IF('Standard Profiles'!$G$19=$B$17,14,0)+IF('Standard Profiles'!$G$19=$B$24,21,0),0)),0)</f>
        <v>1.2111184935952484</v>
      </c>
      <c r="F3706" cm="1">
        <f t="array" ref="F3706">IFERROR(INDEX(Jesper!AJ$2:AJ$366,ROUNDDOWN($C3706/24,0)+1,1)*INDEX($D$3:$AA$30,INDEX(Jesper!$R$2:$R$366,ROW(INDEX(Jesper!AJ$2:AJ$366,ROUNDDOWN($C3706/24,0)+1,1))-1)+IF('Standard Profiles'!$G$20=$B$10,7,0)+IF('Standard Profiles'!$G$20=$B$17,14,0)+IF('Standard Profiles'!$G$20=$B$24,21,0),MOD($C3706,24)+1)/SUM(INDEX($D$3:$AA$30,INDEX(Jesper!$R$2:$R$366,ROW(INDEX(Jesper!AJ$2:AJ$366,ROUNDDOWN($C3706/24,0)+1,1))-1)+IF('Standard Profiles'!$G$20=$B$10,7,0)+IF('Standard Profiles'!$G$20=$B$17,14,0)+IF('Standard Profiles'!$G$20=$B$24,21,0),0)),0)</f>
        <v>0</v>
      </c>
      <c r="G3706" cm="1">
        <f t="array" ref="G3706">IFERROR(INDEX(Jesper!AK$2:AK$366,ROUNDDOWN($C3706/24,0)+1,1)*INDEX($D$3:$AA$30,INDEX(Jesper!$R$2:$R$366,ROW(INDEX(Jesper!AK$2:AK$366,ROUNDDOWN($C3706/24,0)+1,1))-1)+IF('Standard Profiles'!$G$21=$B$10,7,0)+IF('Standard Profiles'!$G$21=$B$17,14,0)+IF('Standard Profiles'!$G$21=$B$24,21,0),MOD($C3706,24)+1)/SUM(INDEX($D$3:$AA$30,INDEX(Jesper!$R$2:$R$366,ROW(INDEX(Jesper!AK$2:AK$366,ROUNDDOWN($C3706/24,0)+1,1))-1)+IF('Standard Profiles'!$G$21=$B$10,7,0)+IF('Standard Profiles'!$G$21=$B$17,14,0)+IF('Standard Profiles'!$G$21=$B$24,21,0),0)),0)</f>
        <v>0</v>
      </c>
      <c r="H3706" cm="1">
        <f t="array" ref="H3706">IFERROR(INDEX(Jesper!AL$2:AL$366,ROUNDDOWN($C3706/24,0)+1,1)*INDEX($D$3:$AA$30,INDEX(Jesper!$R$2:$R$366,ROW(INDEX(Jesper!AL$2:AL$366,ROUNDDOWN($C3706/24,0)+1,1))-1)+IF('Standard Profiles'!$G$22=$B$10,7,0)+IF('Standard Profiles'!$G$22=$B$17,14,0)+IF('Standard Profiles'!$G$22=$B$24,21,0),MOD($C3706,24)+1)/SUM(INDEX($D$3:$AA$30,INDEX(Jesper!$R$2:$R$366,ROW(INDEX(Jesper!AL$2:AL$366,ROUNDDOWN($C3706/24,0)+1,1))-1)+IF('Standard Profiles'!$G$22=$B$10,7,0)+IF('Standard Profiles'!$G$22=$B$17,14,0)+IF('Standard Profiles'!$G$22=$B$24,21,0),0)),0)</f>
        <v>0</v>
      </c>
      <c r="I3706">
        <f t="shared" si="419"/>
        <v>0.10910977419777015</v>
      </c>
      <c r="J3706">
        <f t="shared" si="420"/>
        <v>0.36369924732590053</v>
      </c>
      <c r="K3706">
        <f t="shared" si="421"/>
        <v>0.54554887098885085</v>
      </c>
      <c r="L3706">
        <f t="shared" si="422"/>
        <v>6.5669004315974639</v>
      </c>
      <c r="M3706">
        <f t="shared" si="423"/>
        <v>0</v>
      </c>
      <c r="N3706" s="46">
        <f t="shared" si="424"/>
        <v>45444.999999991094</v>
      </c>
    </row>
    <row r="3707" spans="2:14" x14ac:dyDescent="0.3">
      <c r="B3707">
        <f t="shared" si="418"/>
        <v>7</v>
      </c>
      <c r="C3707" s="16">
        <v>3673</v>
      </c>
      <c r="D3707" cm="1">
        <f t="array" ref="D3707">IFERROR(INDEX(Jesper!AH$2:AH$366,ROUNDDOWN($C3707/24,0)+1,1)*INDEX($D$3:$AA$30,INDEX(Jesper!$R$2:$R$366,ROW(INDEX(Jesper!AH$2:AH$366,ROUNDDOWN($C3707/24,0)+1,1))-1)+IF('Standard Profiles'!$G$18=$B$10,7,0)+IF('Standard Profiles'!$G$18=$B$17,14,0)+IF('Standard Profiles'!$G$18=$B$24,21,0),MOD($C3707,24)+1)/SUM(INDEX($D$3:$AA$30,INDEX(Jesper!$R$2:$R$366,ROW(INDEX(Jesper!AH$2:AH$366,ROUNDDOWN($C3707/24,0)+1,1))-1)+IF('Standard Profiles'!$G$18=$B$10,7,0)+IF('Standard Profiles'!$G$18=$B$17,14,0)+IF('Standard Profiles'!$G$18=$B$24,21,0),0)),0)</f>
        <v>7.4022268999525984</v>
      </c>
      <c r="E3707" cm="1">
        <f t="array" ref="E3707">IFERROR(INDEX(Jesper!AI$2:AI$366,ROUNDDOWN($C3707/24,0)+1,1)*INDEX($D$3:$AA$30,INDEX(Jesper!$R$2:$R$366,ROW(INDEX(Jesper!AI$2:AI$366,ROUNDDOWN($C3707/24,0)+1,1))-1)+IF('Standard Profiles'!$G$19=$B$10,7,0)+IF('Standard Profiles'!$G$19=$B$17,14,0)+IF('Standard Profiles'!$G$19=$B$24,21,0),MOD($C3707,24)+1)/SUM(INDEX($D$3:$AA$30,INDEX(Jesper!$R$2:$R$366,ROW(INDEX(Jesper!AI$2:AI$366,ROUNDDOWN($C3707/24,0)+1,1))-1)+IF('Standard Profiles'!$G$19=$B$10,7,0)+IF('Standard Profiles'!$G$19=$B$17,14,0)+IF('Standard Profiles'!$G$19=$B$24,21,0),0)),0)</f>
        <v>1.406460186110611</v>
      </c>
      <c r="F3707" cm="1">
        <f t="array" ref="F3707">IFERROR(INDEX(Jesper!AJ$2:AJ$366,ROUNDDOWN($C3707/24,0)+1,1)*INDEX($D$3:$AA$30,INDEX(Jesper!$R$2:$R$366,ROW(INDEX(Jesper!AJ$2:AJ$366,ROUNDDOWN($C3707/24,0)+1,1))-1)+IF('Standard Profiles'!$G$20=$B$10,7,0)+IF('Standard Profiles'!$G$20=$B$17,14,0)+IF('Standard Profiles'!$G$20=$B$24,21,0),MOD($C3707,24)+1)/SUM(INDEX($D$3:$AA$30,INDEX(Jesper!$R$2:$R$366,ROW(INDEX(Jesper!AJ$2:AJ$366,ROUNDDOWN($C3707/24,0)+1,1))-1)+IF('Standard Profiles'!$G$20=$B$10,7,0)+IF('Standard Profiles'!$G$20=$B$17,14,0)+IF('Standard Profiles'!$G$20=$B$24,21,0),0)),0)</f>
        <v>0</v>
      </c>
      <c r="G3707" cm="1">
        <f t="array" ref="G3707">IFERROR(INDEX(Jesper!AK$2:AK$366,ROUNDDOWN($C3707/24,0)+1,1)*INDEX($D$3:$AA$30,INDEX(Jesper!$R$2:$R$366,ROW(INDEX(Jesper!AK$2:AK$366,ROUNDDOWN($C3707/24,0)+1,1))-1)+IF('Standard Profiles'!$G$21=$B$10,7,0)+IF('Standard Profiles'!$G$21=$B$17,14,0)+IF('Standard Profiles'!$G$21=$B$24,21,0),MOD($C3707,24)+1)/SUM(INDEX($D$3:$AA$30,INDEX(Jesper!$R$2:$R$366,ROW(INDEX(Jesper!AK$2:AK$366,ROUNDDOWN($C3707/24,0)+1,1))-1)+IF('Standard Profiles'!$G$21=$B$10,7,0)+IF('Standard Profiles'!$G$21=$B$17,14,0)+IF('Standard Profiles'!$G$21=$B$24,21,0),0)),0)</f>
        <v>0</v>
      </c>
      <c r="H3707" cm="1">
        <f t="array" ref="H3707">IFERROR(INDEX(Jesper!AL$2:AL$366,ROUNDDOWN($C3707/24,0)+1,1)*INDEX($D$3:$AA$30,INDEX(Jesper!$R$2:$R$366,ROW(INDEX(Jesper!AL$2:AL$366,ROUNDDOWN($C3707/24,0)+1,1))-1)+IF('Standard Profiles'!$G$22=$B$10,7,0)+IF('Standard Profiles'!$G$22=$B$17,14,0)+IF('Standard Profiles'!$G$22=$B$24,21,0),MOD($C3707,24)+1)/SUM(INDEX($D$3:$AA$30,INDEX(Jesper!$R$2:$R$366,ROW(INDEX(Jesper!AL$2:AL$366,ROUNDDOWN($C3707/24,0)+1,1))-1)+IF('Standard Profiles'!$G$22=$B$10,7,0)+IF('Standard Profiles'!$G$22=$B$17,14,0)+IF('Standard Profiles'!$G$22=$B$24,21,0),0)),0)</f>
        <v>0</v>
      </c>
      <c r="I3707">
        <f t="shared" si="419"/>
        <v>0.12670812487482985</v>
      </c>
      <c r="J3707">
        <f t="shared" si="420"/>
        <v>0.42236041624943288</v>
      </c>
      <c r="K3707">
        <f t="shared" si="421"/>
        <v>0.63354062437414937</v>
      </c>
      <c r="L3707">
        <f t="shared" si="422"/>
        <v>7.6260779205647973</v>
      </c>
      <c r="M3707">
        <f t="shared" si="423"/>
        <v>0</v>
      </c>
      <c r="N3707" s="46">
        <f t="shared" si="424"/>
        <v>45445.041666657758</v>
      </c>
    </row>
    <row r="3708" spans="2:14" x14ac:dyDescent="0.3">
      <c r="B3708">
        <f t="shared" si="418"/>
        <v>7</v>
      </c>
      <c r="C3708" s="16">
        <v>3674</v>
      </c>
      <c r="D3708" cm="1">
        <f t="array" ref="D3708">IFERROR(INDEX(Jesper!AH$2:AH$366,ROUNDDOWN($C3708/24,0)+1,1)*INDEX($D$3:$AA$30,INDEX(Jesper!$R$2:$R$366,ROW(INDEX(Jesper!AH$2:AH$366,ROUNDDOWN($C3708/24,0)+1,1))-1)+IF('Standard Profiles'!$G$18=$B$10,7,0)+IF('Standard Profiles'!$G$18=$B$17,14,0)+IF('Standard Profiles'!$G$18=$B$24,21,0),MOD($C3708,24)+1)/SUM(INDEX($D$3:$AA$30,INDEX(Jesper!$R$2:$R$366,ROW(INDEX(Jesper!AH$2:AH$366,ROUNDDOWN($C3708/24,0)+1,1))-1)+IF('Standard Profiles'!$G$18=$B$10,7,0)+IF('Standard Profiles'!$G$18=$B$17,14,0)+IF('Standard Profiles'!$G$18=$B$24,21,0),0)),0)</f>
        <v>7.4022268999525984</v>
      </c>
      <c r="E3708" cm="1">
        <f t="array" ref="E3708">IFERROR(INDEX(Jesper!AI$2:AI$366,ROUNDDOWN($C3708/24,0)+1,1)*INDEX($D$3:$AA$30,INDEX(Jesper!$R$2:$R$366,ROW(INDEX(Jesper!AI$2:AI$366,ROUNDDOWN($C3708/24,0)+1,1))-1)+IF('Standard Profiles'!$G$19=$B$10,7,0)+IF('Standard Profiles'!$G$19=$B$17,14,0)+IF('Standard Profiles'!$G$19=$B$24,21,0),MOD($C3708,24)+1)/SUM(INDEX($D$3:$AA$30,INDEX(Jesper!$R$2:$R$366,ROW(INDEX(Jesper!AI$2:AI$366,ROUNDDOWN($C3708/24,0)+1,1))-1)+IF('Standard Profiles'!$G$19=$B$10,7,0)+IF('Standard Profiles'!$G$19=$B$17,14,0)+IF('Standard Profiles'!$G$19=$B$24,21,0),0)),0)</f>
        <v>1.406460186110611</v>
      </c>
      <c r="F3708" cm="1">
        <f t="array" ref="F3708">IFERROR(INDEX(Jesper!AJ$2:AJ$366,ROUNDDOWN($C3708/24,0)+1,1)*INDEX($D$3:$AA$30,INDEX(Jesper!$R$2:$R$366,ROW(INDEX(Jesper!AJ$2:AJ$366,ROUNDDOWN($C3708/24,0)+1,1))-1)+IF('Standard Profiles'!$G$20=$B$10,7,0)+IF('Standard Profiles'!$G$20=$B$17,14,0)+IF('Standard Profiles'!$G$20=$B$24,21,0),MOD($C3708,24)+1)/SUM(INDEX($D$3:$AA$30,INDEX(Jesper!$R$2:$R$366,ROW(INDEX(Jesper!AJ$2:AJ$366,ROUNDDOWN($C3708/24,0)+1,1))-1)+IF('Standard Profiles'!$G$20=$B$10,7,0)+IF('Standard Profiles'!$G$20=$B$17,14,0)+IF('Standard Profiles'!$G$20=$B$24,21,0),0)),0)</f>
        <v>0</v>
      </c>
      <c r="G3708" cm="1">
        <f t="array" ref="G3708">IFERROR(INDEX(Jesper!AK$2:AK$366,ROUNDDOWN($C3708/24,0)+1,1)*INDEX($D$3:$AA$30,INDEX(Jesper!$R$2:$R$366,ROW(INDEX(Jesper!AK$2:AK$366,ROUNDDOWN($C3708/24,0)+1,1))-1)+IF('Standard Profiles'!$G$21=$B$10,7,0)+IF('Standard Profiles'!$G$21=$B$17,14,0)+IF('Standard Profiles'!$G$21=$B$24,21,0),MOD($C3708,24)+1)/SUM(INDEX($D$3:$AA$30,INDEX(Jesper!$R$2:$R$366,ROW(INDEX(Jesper!AK$2:AK$366,ROUNDDOWN($C3708/24,0)+1,1))-1)+IF('Standard Profiles'!$G$21=$B$10,7,0)+IF('Standard Profiles'!$G$21=$B$17,14,0)+IF('Standard Profiles'!$G$21=$B$24,21,0),0)),0)</f>
        <v>0</v>
      </c>
      <c r="H3708" cm="1">
        <f t="array" ref="H3708">IFERROR(INDEX(Jesper!AL$2:AL$366,ROUNDDOWN($C3708/24,0)+1,1)*INDEX($D$3:$AA$30,INDEX(Jesper!$R$2:$R$366,ROW(INDEX(Jesper!AL$2:AL$366,ROUNDDOWN($C3708/24,0)+1,1))-1)+IF('Standard Profiles'!$G$22=$B$10,7,0)+IF('Standard Profiles'!$G$22=$B$17,14,0)+IF('Standard Profiles'!$G$22=$B$24,21,0),MOD($C3708,24)+1)/SUM(INDEX($D$3:$AA$30,INDEX(Jesper!$R$2:$R$366,ROW(INDEX(Jesper!AL$2:AL$366,ROUNDDOWN($C3708/24,0)+1,1))-1)+IF('Standard Profiles'!$G$22=$B$10,7,0)+IF('Standard Profiles'!$G$22=$B$17,14,0)+IF('Standard Profiles'!$G$22=$B$24,21,0),0)),0)</f>
        <v>0</v>
      </c>
      <c r="I3708">
        <f t="shared" si="419"/>
        <v>0.12670812487482985</v>
      </c>
      <c r="J3708">
        <f t="shared" si="420"/>
        <v>0.42236041624943288</v>
      </c>
      <c r="K3708">
        <f t="shared" si="421"/>
        <v>0.63354062437414937</v>
      </c>
      <c r="L3708">
        <f t="shared" si="422"/>
        <v>7.6260779205647973</v>
      </c>
      <c r="M3708">
        <f t="shared" si="423"/>
        <v>0</v>
      </c>
      <c r="N3708" s="46">
        <f t="shared" si="424"/>
        <v>45445.083333324423</v>
      </c>
    </row>
    <row r="3709" spans="2:14" x14ac:dyDescent="0.3">
      <c r="B3709">
        <f t="shared" si="418"/>
        <v>7</v>
      </c>
      <c r="C3709" s="16">
        <v>3675</v>
      </c>
      <c r="D3709" cm="1">
        <f t="array" ref="D3709">IFERROR(INDEX(Jesper!AH$2:AH$366,ROUNDDOWN($C3709/24,0)+1,1)*INDEX($D$3:$AA$30,INDEX(Jesper!$R$2:$R$366,ROW(INDEX(Jesper!AH$2:AH$366,ROUNDDOWN($C3709/24,0)+1,1))-1)+IF('Standard Profiles'!$G$18=$B$10,7,0)+IF('Standard Profiles'!$G$18=$B$17,14,0)+IF('Standard Profiles'!$G$18=$B$24,21,0),MOD($C3709,24)+1)/SUM(INDEX($D$3:$AA$30,INDEX(Jesper!$R$2:$R$366,ROW(INDEX(Jesper!AH$2:AH$366,ROUNDDOWN($C3709/24,0)+1,1))-1)+IF('Standard Profiles'!$G$18=$B$10,7,0)+IF('Standard Profiles'!$G$18=$B$17,14,0)+IF('Standard Profiles'!$G$18=$B$24,21,0),0)),0)</f>
        <v>7.4022268999525984</v>
      </c>
      <c r="E3709" cm="1">
        <f t="array" ref="E3709">IFERROR(INDEX(Jesper!AI$2:AI$366,ROUNDDOWN($C3709/24,0)+1,1)*INDEX($D$3:$AA$30,INDEX(Jesper!$R$2:$R$366,ROW(INDEX(Jesper!AI$2:AI$366,ROUNDDOWN($C3709/24,0)+1,1))-1)+IF('Standard Profiles'!$G$19=$B$10,7,0)+IF('Standard Profiles'!$G$19=$B$17,14,0)+IF('Standard Profiles'!$G$19=$B$24,21,0),MOD($C3709,24)+1)/SUM(INDEX($D$3:$AA$30,INDEX(Jesper!$R$2:$R$366,ROW(INDEX(Jesper!AI$2:AI$366,ROUNDDOWN($C3709/24,0)+1,1))-1)+IF('Standard Profiles'!$G$19=$B$10,7,0)+IF('Standard Profiles'!$G$19=$B$17,14,0)+IF('Standard Profiles'!$G$19=$B$24,21,0),0)),0)</f>
        <v>1.406460186110611</v>
      </c>
      <c r="F3709" cm="1">
        <f t="array" ref="F3709">IFERROR(INDEX(Jesper!AJ$2:AJ$366,ROUNDDOWN($C3709/24,0)+1,1)*INDEX($D$3:$AA$30,INDEX(Jesper!$R$2:$R$366,ROW(INDEX(Jesper!AJ$2:AJ$366,ROUNDDOWN($C3709/24,0)+1,1))-1)+IF('Standard Profiles'!$G$20=$B$10,7,0)+IF('Standard Profiles'!$G$20=$B$17,14,0)+IF('Standard Profiles'!$G$20=$B$24,21,0),MOD($C3709,24)+1)/SUM(INDEX($D$3:$AA$30,INDEX(Jesper!$R$2:$R$366,ROW(INDEX(Jesper!AJ$2:AJ$366,ROUNDDOWN($C3709/24,0)+1,1))-1)+IF('Standard Profiles'!$G$20=$B$10,7,0)+IF('Standard Profiles'!$G$20=$B$17,14,0)+IF('Standard Profiles'!$G$20=$B$24,21,0),0)),0)</f>
        <v>0</v>
      </c>
      <c r="G3709" cm="1">
        <f t="array" ref="G3709">IFERROR(INDEX(Jesper!AK$2:AK$366,ROUNDDOWN($C3709/24,0)+1,1)*INDEX($D$3:$AA$30,INDEX(Jesper!$R$2:$R$366,ROW(INDEX(Jesper!AK$2:AK$366,ROUNDDOWN($C3709/24,0)+1,1))-1)+IF('Standard Profiles'!$G$21=$B$10,7,0)+IF('Standard Profiles'!$G$21=$B$17,14,0)+IF('Standard Profiles'!$G$21=$B$24,21,0),MOD($C3709,24)+1)/SUM(INDEX($D$3:$AA$30,INDEX(Jesper!$R$2:$R$366,ROW(INDEX(Jesper!AK$2:AK$366,ROUNDDOWN($C3709/24,0)+1,1))-1)+IF('Standard Profiles'!$G$21=$B$10,7,0)+IF('Standard Profiles'!$G$21=$B$17,14,0)+IF('Standard Profiles'!$G$21=$B$24,21,0),0)),0)</f>
        <v>0</v>
      </c>
      <c r="H3709" cm="1">
        <f t="array" ref="H3709">IFERROR(INDEX(Jesper!AL$2:AL$366,ROUNDDOWN($C3709/24,0)+1,1)*INDEX($D$3:$AA$30,INDEX(Jesper!$R$2:$R$366,ROW(INDEX(Jesper!AL$2:AL$366,ROUNDDOWN($C3709/24,0)+1,1))-1)+IF('Standard Profiles'!$G$22=$B$10,7,0)+IF('Standard Profiles'!$G$22=$B$17,14,0)+IF('Standard Profiles'!$G$22=$B$24,21,0),MOD($C3709,24)+1)/SUM(INDEX($D$3:$AA$30,INDEX(Jesper!$R$2:$R$366,ROW(INDEX(Jesper!AL$2:AL$366,ROUNDDOWN($C3709/24,0)+1,1))-1)+IF('Standard Profiles'!$G$22=$B$10,7,0)+IF('Standard Profiles'!$G$22=$B$17,14,0)+IF('Standard Profiles'!$G$22=$B$24,21,0),0)),0)</f>
        <v>0</v>
      </c>
      <c r="I3709">
        <f t="shared" si="419"/>
        <v>0.12670812487482985</v>
      </c>
      <c r="J3709">
        <f t="shared" si="420"/>
        <v>0.42236041624943288</v>
      </c>
      <c r="K3709">
        <f t="shared" si="421"/>
        <v>0.63354062437414937</v>
      </c>
      <c r="L3709">
        <f t="shared" si="422"/>
        <v>7.6260779205647973</v>
      </c>
      <c r="M3709">
        <f t="shared" si="423"/>
        <v>0</v>
      </c>
      <c r="N3709" s="46">
        <f t="shared" si="424"/>
        <v>45445.124999991087</v>
      </c>
    </row>
    <row r="3710" spans="2:14" x14ac:dyDescent="0.3">
      <c r="B3710">
        <f t="shared" si="418"/>
        <v>7</v>
      </c>
      <c r="C3710" s="16">
        <v>3676</v>
      </c>
      <c r="D3710" cm="1">
        <f t="array" ref="D3710">IFERROR(INDEX(Jesper!AH$2:AH$366,ROUNDDOWN($C3710/24,0)+1,1)*INDEX($D$3:$AA$30,INDEX(Jesper!$R$2:$R$366,ROW(INDEX(Jesper!AH$2:AH$366,ROUNDDOWN($C3710/24,0)+1,1))-1)+IF('Standard Profiles'!$G$18=$B$10,7,0)+IF('Standard Profiles'!$G$18=$B$17,14,0)+IF('Standard Profiles'!$G$18=$B$24,21,0),MOD($C3710,24)+1)/SUM(INDEX($D$3:$AA$30,INDEX(Jesper!$R$2:$R$366,ROW(INDEX(Jesper!AH$2:AH$366,ROUNDDOWN($C3710/24,0)+1,1))-1)+IF('Standard Profiles'!$G$18=$B$10,7,0)+IF('Standard Profiles'!$G$18=$B$17,14,0)+IF('Standard Profiles'!$G$18=$B$24,21,0),0)),0)</f>
        <v>7.4022268999525984</v>
      </c>
      <c r="E3710" cm="1">
        <f t="array" ref="E3710">IFERROR(INDEX(Jesper!AI$2:AI$366,ROUNDDOWN($C3710/24,0)+1,1)*INDEX($D$3:$AA$30,INDEX(Jesper!$R$2:$R$366,ROW(INDEX(Jesper!AI$2:AI$366,ROUNDDOWN($C3710/24,0)+1,1))-1)+IF('Standard Profiles'!$G$19=$B$10,7,0)+IF('Standard Profiles'!$G$19=$B$17,14,0)+IF('Standard Profiles'!$G$19=$B$24,21,0),MOD($C3710,24)+1)/SUM(INDEX($D$3:$AA$30,INDEX(Jesper!$R$2:$R$366,ROW(INDEX(Jesper!AI$2:AI$366,ROUNDDOWN($C3710/24,0)+1,1))-1)+IF('Standard Profiles'!$G$19=$B$10,7,0)+IF('Standard Profiles'!$G$19=$B$17,14,0)+IF('Standard Profiles'!$G$19=$B$24,21,0),0)),0)</f>
        <v>1.406460186110611</v>
      </c>
      <c r="F3710" cm="1">
        <f t="array" ref="F3710">IFERROR(INDEX(Jesper!AJ$2:AJ$366,ROUNDDOWN($C3710/24,0)+1,1)*INDEX($D$3:$AA$30,INDEX(Jesper!$R$2:$R$366,ROW(INDEX(Jesper!AJ$2:AJ$366,ROUNDDOWN($C3710/24,0)+1,1))-1)+IF('Standard Profiles'!$G$20=$B$10,7,0)+IF('Standard Profiles'!$G$20=$B$17,14,0)+IF('Standard Profiles'!$G$20=$B$24,21,0),MOD($C3710,24)+1)/SUM(INDEX($D$3:$AA$30,INDEX(Jesper!$R$2:$R$366,ROW(INDEX(Jesper!AJ$2:AJ$366,ROUNDDOWN($C3710/24,0)+1,1))-1)+IF('Standard Profiles'!$G$20=$B$10,7,0)+IF('Standard Profiles'!$G$20=$B$17,14,0)+IF('Standard Profiles'!$G$20=$B$24,21,0),0)),0)</f>
        <v>0</v>
      </c>
      <c r="G3710" cm="1">
        <f t="array" ref="G3710">IFERROR(INDEX(Jesper!AK$2:AK$366,ROUNDDOWN($C3710/24,0)+1,1)*INDEX($D$3:$AA$30,INDEX(Jesper!$R$2:$R$366,ROW(INDEX(Jesper!AK$2:AK$366,ROUNDDOWN($C3710/24,0)+1,1))-1)+IF('Standard Profiles'!$G$21=$B$10,7,0)+IF('Standard Profiles'!$G$21=$B$17,14,0)+IF('Standard Profiles'!$G$21=$B$24,21,0),MOD($C3710,24)+1)/SUM(INDEX($D$3:$AA$30,INDEX(Jesper!$R$2:$R$366,ROW(INDEX(Jesper!AK$2:AK$366,ROUNDDOWN($C3710/24,0)+1,1))-1)+IF('Standard Profiles'!$G$21=$B$10,7,0)+IF('Standard Profiles'!$G$21=$B$17,14,0)+IF('Standard Profiles'!$G$21=$B$24,21,0),0)),0)</f>
        <v>0</v>
      </c>
      <c r="H3710" cm="1">
        <f t="array" ref="H3710">IFERROR(INDEX(Jesper!AL$2:AL$366,ROUNDDOWN($C3710/24,0)+1,1)*INDEX($D$3:$AA$30,INDEX(Jesper!$R$2:$R$366,ROW(INDEX(Jesper!AL$2:AL$366,ROUNDDOWN($C3710/24,0)+1,1))-1)+IF('Standard Profiles'!$G$22=$B$10,7,0)+IF('Standard Profiles'!$G$22=$B$17,14,0)+IF('Standard Profiles'!$G$22=$B$24,21,0),MOD($C3710,24)+1)/SUM(INDEX($D$3:$AA$30,INDEX(Jesper!$R$2:$R$366,ROW(INDEX(Jesper!AL$2:AL$366,ROUNDDOWN($C3710/24,0)+1,1))-1)+IF('Standard Profiles'!$G$22=$B$10,7,0)+IF('Standard Profiles'!$G$22=$B$17,14,0)+IF('Standard Profiles'!$G$22=$B$24,21,0),0)),0)</f>
        <v>0</v>
      </c>
      <c r="I3710">
        <f t="shared" si="419"/>
        <v>0.12670812487482985</v>
      </c>
      <c r="J3710">
        <f t="shared" si="420"/>
        <v>0.42236041624943288</v>
      </c>
      <c r="K3710">
        <f t="shared" si="421"/>
        <v>0.63354062437414937</v>
      </c>
      <c r="L3710">
        <f t="shared" si="422"/>
        <v>7.6260779205647973</v>
      </c>
      <c r="M3710">
        <f t="shared" si="423"/>
        <v>0</v>
      </c>
      <c r="N3710" s="46">
        <f t="shared" si="424"/>
        <v>45445.166666657751</v>
      </c>
    </row>
    <row r="3711" spans="2:14" x14ac:dyDescent="0.3">
      <c r="B3711">
        <f t="shared" si="418"/>
        <v>7</v>
      </c>
      <c r="C3711" s="16">
        <v>3677</v>
      </c>
      <c r="D3711" cm="1">
        <f t="array" ref="D3711">IFERROR(INDEX(Jesper!AH$2:AH$366,ROUNDDOWN($C3711/24,0)+1,1)*INDEX($D$3:$AA$30,INDEX(Jesper!$R$2:$R$366,ROW(INDEX(Jesper!AH$2:AH$366,ROUNDDOWN($C3711/24,0)+1,1))-1)+IF('Standard Profiles'!$G$18=$B$10,7,0)+IF('Standard Profiles'!$G$18=$B$17,14,0)+IF('Standard Profiles'!$G$18=$B$24,21,0),MOD($C3711,24)+1)/SUM(INDEX($D$3:$AA$30,INDEX(Jesper!$R$2:$R$366,ROW(INDEX(Jesper!AH$2:AH$366,ROUNDDOWN($C3711/24,0)+1,1))-1)+IF('Standard Profiles'!$G$18=$B$10,7,0)+IF('Standard Profiles'!$G$18=$B$17,14,0)+IF('Standard Profiles'!$G$18=$B$24,21,0),0)),0)</f>
        <v>9.2527836249407471</v>
      </c>
      <c r="E3711" cm="1">
        <f t="array" ref="E3711">IFERROR(INDEX(Jesper!AI$2:AI$366,ROUNDDOWN($C3711/24,0)+1,1)*INDEX($D$3:$AA$30,INDEX(Jesper!$R$2:$R$366,ROW(INDEX(Jesper!AI$2:AI$366,ROUNDDOWN($C3711/24,0)+1,1))-1)+IF('Standard Profiles'!$G$19=$B$10,7,0)+IF('Standard Profiles'!$G$19=$B$17,14,0)+IF('Standard Profiles'!$G$19=$B$24,21,0),MOD($C3711,24)+1)/SUM(INDEX($D$3:$AA$30,INDEX(Jesper!$R$2:$R$366,ROW(INDEX(Jesper!AI$2:AI$366,ROUNDDOWN($C3711/24,0)+1,1))-1)+IF('Standard Profiles'!$G$19=$B$10,7,0)+IF('Standard Profiles'!$G$19=$B$17,14,0)+IF('Standard Profiles'!$G$19=$B$24,21,0),0)),0)</f>
        <v>1.7580752326382636</v>
      </c>
      <c r="F3711" cm="1">
        <f t="array" ref="F3711">IFERROR(INDEX(Jesper!AJ$2:AJ$366,ROUNDDOWN($C3711/24,0)+1,1)*INDEX($D$3:$AA$30,INDEX(Jesper!$R$2:$R$366,ROW(INDEX(Jesper!AJ$2:AJ$366,ROUNDDOWN($C3711/24,0)+1,1))-1)+IF('Standard Profiles'!$G$20=$B$10,7,0)+IF('Standard Profiles'!$G$20=$B$17,14,0)+IF('Standard Profiles'!$G$20=$B$24,21,0),MOD($C3711,24)+1)/SUM(INDEX($D$3:$AA$30,INDEX(Jesper!$R$2:$R$366,ROW(INDEX(Jesper!AJ$2:AJ$366,ROUNDDOWN($C3711/24,0)+1,1))-1)+IF('Standard Profiles'!$G$20=$B$10,7,0)+IF('Standard Profiles'!$G$20=$B$17,14,0)+IF('Standard Profiles'!$G$20=$B$24,21,0),0)),0)</f>
        <v>0</v>
      </c>
      <c r="G3711" cm="1">
        <f t="array" ref="G3711">IFERROR(INDEX(Jesper!AK$2:AK$366,ROUNDDOWN($C3711/24,0)+1,1)*INDEX($D$3:$AA$30,INDEX(Jesper!$R$2:$R$366,ROW(INDEX(Jesper!AK$2:AK$366,ROUNDDOWN($C3711/24,0)+1,1))-1)+IF('Standard Profiles'!$G$21=$B$10,7,0)+IF('Standard Profiles'!$G$21=$B$17,14,0)+IF('Standard Profiles'!$G$21=$B$24,21,0),MOD($C3711,24)+1)/SUM(INDEX($D$3:$AA$30,INDEX(Jesper!$R$2:$R$366,ROW(INDEX(Jesper!AK$2:AK$366,ROUNDDOWN($C3711/24,0)+1,1))-1)+IF('Standard Profiles'!$G$21=$B$10,7,0)+IF('Standard Profiles'!$G$21=$B$17,14,0)+IF('Standard Profiles'!$G$21=$B$24,21,0),0)),0)</f>
        <v>0</v>
      </c>
      <c r="H3711" cm="1">
        <f t="array" ref="H3711">IFERROR(INDEX(Jesper!AL$2:AL$366,ROUNDDOWN($C3711/24,0)+1,1)*INDEX($D$3:$AA$30,INDEX(Jesper!$R$2:$R$366,ROW(INDEX(Jesper!AL$2:AL$366,ROUNDDOWN($C3711/24,0)+1,1))-1)+IF('Standard Profiles'!$G$22=$B$10,7,0)+IF('Standard Profiles'!$G$22=$B$17,14,0)+IF('Standard Profiles'!$G$22=$B$24,21,0),MOD($C3711,24)+1)/SUM(INDEX($D$3:$AA$30,INDEX(Jesper!$R$2:$R$366,ROW(INDEX(Jesper!AL$2:AL$366,ROUNDDOWN($C3711/24,0)+1,1))-1)+IF('Standard Profiles'!$G$22=$B$10,7,0)+IF('Standard Profiles'!$G$22=$B$17,14,0)+IF('Standard Profiles'!$G$22=$B$24,21,0),0)),0)</f>
        <v>0</v>
      </c>
      <c r="I3711">
        <f t="shared" si="419"/>
        <v>0.15838515609353732</v>
      </c>
      <c r="J3711">
        <f t="shared" si="420"/>
        <v>0.52795052031179113</v>
      </c>
      <c r="K3711">
        <f t="shared" si="421"/>
        <v>0.79192578046768658</v>
      </c>
      <c r="L3711">
        <f t="shared" si="422"/>
        <v>9.5325974007059955</v>
      </c>
      <c r="M3711">
        <f t="shared" si="423"/>
        <v>0</v>
      </c>
      <c r="N3711" s="46">
        <f t="shared" si="424"/>
        <v>45445.208333324415</v>
      </c>
    </row>
    <row r="3712" spans="2:14" x14ac:dyDescent="0.3">
      <c r="B3712">
        <f t="shared" si="418"/>
        <v>7</v>
      </c>
      <c r="C3712" s="16">
        <v>3678</v>
      </c>
      <c r="D3712" cm="1">
        <f t="array" ref="D3712">IFERROR(INDEX(Jesper!AH$2:AH$366,ROUNDDOWN($C3712/24,0)+1,1)*INDEX($D$3:$AA$30,INDEX(Jesper!$R$2:$R$366,ROW(INDEX(Jesper!AH$2:AH$366,ROUNDDOWN($C3712/24,0)+1,1))-1)+IF('Standard Profiles'!$G$18=$B$10,7,0)+IF('Standard Profiles'!$G$18=$B$17,14,0)+IF('Standard Profiles'!$G$18=$B$24,21,0),MOD($C3712,24)+1)/SUM(INDEX($D$3:$AA$30,INDEX(Jesper!$R$2:$R$366,ROW(INDEX(Jesper!AH$2:AH$366,ROUNDDOWN($C3712/24,0)+1,1))-1)+IF('Standard Profiles'!$G$18=$B$10,7,0)+IF('Standard Profiles'!$G$18=$B$17,14,0)+IF('Standard Profiles'!$G$18=$B$24,21,0),0)),0)</f>
        <v>10.897722936041324</v>
      </c>
      <c r="E3712" cm="1">
        <f t="array" ref="E3712">IFERROR(INDEX(Jesper!AI$2:AI$366,ROUNDDOWN($C3712/24,0)+1,1)*INDEX($D$3:$AA$30,INDEX(Jesper!$R$2:$R$366,ROW(INDEX(Jesper!AI$2:AI$366,ROUNDDOWN($C3712/24,0)+1,1))-1)+IF('Standard Profiles'!$G$19=$B$10,7,0)+IF('Standard Profiles'!$G$19=$B$17,14,0)+IF('Standard Profiles'!$G$19=$B$24,21,0),MOD($C3712,24)+1)/SUM(INDEX($D$3:$AA$30,INDEX(Jesper!$R$2:$R$366,ROW(INDEX(Jesper!AI$2:AI$366,ROUNDDOWN($C3712/24,0)+1,1))-1)+IF('Standard Profiles'!$G$19=$B$10,7,0)+IF('Standard Profiles'!$G$19=$B$17,14,0)+IF('Standard Profiles'!$G$19=$B$24,21,0),0)),0)</f>
        <v>2.0706219406628441</v>
      </c>
      <c r="F3712" cm="1">
        <f t="array" ref="F3712">IFERROR(INDEX(Jesper!AJ$2:AJ$366,ROUNDDOWN($C3712/24,0)+1,1)*INDEX($D$3:$AA$30,INDEX(Jesper!$R$2:$R$366,ROW(INDEX(Jesper!AJ$2:AJ$366,ROUNDDOWN($C3712/24,0)+1,1))-1)+IF('Standard Profiles'!$G$20=$B$10,7,0)+IF('Standard Profiles'!$G$20=$B$17,14,0)+IF('Standard Profiles'!$G$20=$B$24,21,0),MOD($C3712,24)+1)/SUM(INDEX($D$3:$AA$30,INDEX(Jesper!$R$2:$R$366,ROW(INDEX(Jesper!AJ$2:AJ$366,ROUNDDOWN($C3712/24,0)+1,1))-1)+IF('Standard Profiles'!$G$20=$B$10,7,0)+IF('Standard Profiles'!$G$20=$B$17,14,0)+IF('Standard Profiles'!$G$20=$B$24,21,0),0)),0)</f>
        <v>0</v>
      </c>
      <c r="G3712" cm="1">
        <f t="array" ref="G3712">IFERROR(INDEX(Jesper!AK$2:AK$366,ROUNDDOWN($C3712/24,0)+1,1)*INDEX($D$3:$AA$30,INDEX(Jesper!$R$2:$R$366,ROW(INDEX(Jesper!AK$2:AK$366,ROUNDDOWN($C3712/24,0)+1,1))-1)+IF('Standard Profiles'!$G$21=$B$10,7,0)+IF('Standard Profiles'!$G$21=$B$17,14,0)+IF('Standard Profiles'!$G$21=$B$24,21,0),MOD($C3712,24)+1)/SUM(INDEX($D$3:$AA$30,INDEX(Jesper!$R$2:$R$366,ROW(INDEX(Jesper!AK$2:AK$366,ROUNDDOWN($C3712/24,0)+1,1))-1)+IF('Standard Profiles'!$G$21=$B$10,7,0)+IF('Standard Profiles'!$G$21=$B$17,14,0)+IF('Standard Profiles'!$G$21=$B$24,21,0),0)),0)</f>
        <v>0</v>
      </c>
      <c r="H3712" cm="1">
        <f t="array" ref="H3712">IFERROR(INDEX(Jesper!AL$2:AL$366,ROUNDDOWN($C3712/24,0)+1,1)*INDEX($D$3:$AA$30,INDEX(Jesper!$R$2:$R$366,ROW(INDEX(Jesper!AL$2:AL$366,ROUNDDOWN($C3712/24,0)+1,1))-1)+IF('Standard Profiles'!$G$22=$B$10,7,0)+IF('Standard Profiles'!$G$22=$B$17,14,0)+IF('Standard Profiles'!$G$22=$B$24,21,0),MOD($C3712,24)+1)/SUM(INDEX($D$3:$AA$30,INDEX(Jesper!$R$2:$R$366,ROW(INDEX(Jesper!AL$2:AL$366,ROUNDDOWN($C3712/24,0)+1,1))-1)+IF('Standard Profiles'!$G$22=$B$10,7,0)+IF('Standard Profiles'!$G$22=$B$17,14,0)+IF('Standard Profiles'!$G$22=$B$24,21,0),0)),0)</f>
        <v>0</v>
      </c>
      <c r="I3712">
        <f t="shared" si="419"/>
        <v>0.18654251717683284</v>
      </c>
      <c r="J3712">
        <f t="shared" si="420"/>
        <v>0.62180839058944293</v>
      </c>
      <c r="K3712">
        <f t="shared" si="421"/>
        <v>0.93271258588416439</v>
      </c>
      <c r="L3712">
        <f t="shared" si="422"/>
        <v>11.227281383053729</v>
      </c>
      <c r="M3712">
        <f t="shared" si="423"/>
        <v>0</v>
      </c>
      <c r="N3712" s="46">
        <f t="shared" si="424"/>
        <v>45445.24999999108</v>
      </c>
    </row>
    <row r="3713" spans="2:14" x14ac:dyDescent="0.3">
      <c r="B3713">
        <f t="shared" si="418"/>
        <v>7</v>
      </c>
      <c r="C3713" s="16">
        <v>3679</v>
      </c>
      <c r="D3713" cm="1">
        <f t="array" ref="D3713">IFERROR(INDEX(Jesper!AH$2:AH$366,ROUNDDOWN($C3713/24,0)+1,1)*INDEX($D$3:$AA$30,INDEX(Jesper!$R$2:$R$366,ROW(INDEX(Jesper!AH$2:AH$366,ROUNDDOWN($C3713/24,0)+1,1))-1)+IF('Standard Profiles'!$G$18=$B$10,7,0)+IF('Standard Profiles'!$G$18=$B$17,14,0)+IF('Standard Profiles'!$G$18=$B$24,21,0),MOD($C3713,24)+1)/SUM(INDEX($D$3:$AA$30,INDEX(Jesper!$R$2:$R$366,ROW(INDEX(Jesper!AH$2:AH$366,ROUNDDOWN($C3713/24,0)+1,1))-1)+IF('Standard Profiles'!$G$18=$B$10,7,0)+IF('Standard Profiles'!$G$18=$B$17,14,0)+IF('Standard Profiles'!$G$18=$B$24,21,0),0)),0)</f>
        <v>12.953897074917046</v>
      </c>
      <c r="E3713" cm="1">
        <f t="array" ref="E3713">IFERROR(INDEX(Jesper!AI$2:AI$366,ROUNDDOWN($C3713/24,0)+1,1)*INDEX($D$3:$AA$30,INDEX(Jesper!$R$2:$R$366,ROW(INDEX(Jesper!AI$2:AI$366,ROUNDDOWN($C3713/24,0)+1,1))-1)+IF('Standard Profiles'!$G$19=$B$10,7,0)+IF('Standard Profiles'!$G$19=$B$17,14,0)+IF('Standard Profiles'!$G$19=$B$24,21,0),MOD($C3713,24)+1)/SUM(INDEX($D$3:$AA$30,INDEX(Jesper!$R$2:$R$366,ROW(INDEX(Jesper!AI$2:AI$366,ROUNDDOWN($C3713/24,0)+1,1))-1)+IF('Standard Profiles'!$G$19=$B$10,7,0)+IF('Standard Profiles'!$G$19=$B$17,14,0)+IF('Standard Profiles'!$G$19=$B$24,21,0),0)),0)</f>
        <v>2.4613053256935693</v>
      </c>
      <c r="F3713" cm="1">
        <f t="array" ref="F3713">IFERROR(INDEX(Jesper!AJ$2:AJ$366,ROUNDDOWN($C3713/24,0)+1,1)*INDEX($D$3:$AA$30,INDEX(Jesper!$R$2:$R$366,ROW(INDEX(Jesper!AJ$2:AJ$366,ROUNDDOWN($C3713/24,0)+1,1))-1)+IF('Standard Profiles'!$G$20=$B$10,7,0)+IF('Standard Profiles'!$G$20=$B$17,14,0)+IF('Standard Profiles'!$G$20=$B$24,21,0),MOD($C3713,24)+1)/SUM(INDEX($D$3:$AA$30,INDEX(Jesper!$R$2:$R$366,ROW(INDEX(Jesper!AJ$2:AJ$366,ROUNDDOWN($C3713/24,0)+1,1))-1)+IF('Standard Profiles'!$G$20=$B$10,7,0)+IF('Standard Profiles'!$G$20=$B$17,14,0)+IF('Standard Profiles'!$G$20=$B$24,21,0),0)),0)</f>
        <v>0</v>
      </c>
      <c r="G3713" cm="1">
        <f t="array" ref="G3713">IFERROR(INDEX(Jesper!AK$2:AK$366,ROUNDDOWN($C3713/24,0)+1,1)*INDEX($D$3:$AA$30,INDEX(Jesper!$R$2:$R$366,ROW(INDEX(Jesper!AK$2:AK$366,ROUNDDOWN($C3713/24,0)+1,1))-1)+IF('Standard Profiles'!$G$21=$B$10,7,0)+IF('Standard Profiles'!$G$21=$B$17,14,0)+IF('Standard Profiles'!$G$21=$B$24,21,0),MOD($C3713,24)+1)/SUM(INDEX($D$3:$AA$30,INDEX(Jesper!$R$2:$R$366,ROW(INDEX(Jesper!AK$2:AK$366,ROUNDDOWN($C3713/24,0)+1,1))-1)+IF('Standard Profiles'!$G$21=$B$10,7,0)+IF('Standard Profiles'!$G$21=$B$17,14,0)+IF('Standard Profiles'!$G$21=$B$24,21,0),0)),0)</f>
        <v>0</v>
      </c>
      <c r="H3713" cm="1">
        <f t="array" ref="H3713">IFERROR(INDEX(Jesper!AL$2:AL$366,ROUNDDOWN($C3713/24,0)+1,1)*INDEX($D$3:$AA$30,INDEX(Jesper!$R$2:$R$366,ROW(INDEX(Jesper!AL$2:AL$366,ROUNDDOWN($C3713/24,0)+1,1))-1)+IF('Standard Profiles'!$G$22=$B$10,7,0)+IF('Standard Profiles'!$G$22=$B$17,14,0)+IF('Standard Profiles'!$G$22=$B$24,21,0),MOD($C3713,24)+1)/SUM(INDEX($D$3:$AA$30,INDEX(Jesper!$R$2:$R$366,ROW(INDEX(Jesper!AL$2:AL$366,ROUNDDOWN($C3713/24,0)+1,1))-1)+IF('Standard Profiles'!$G$22=$B$10,7,0)+IF('Standard Profiles'!$G$22=$B$17,14,0)+IF('Standard Profiles'!$G$22=$B$24,21,0),0)),0)</f>
        <v>0</v>
      </c>
      <c r="I3713">
        <f t="shared" si="419"/>
        <v>0.22173921853095224</v>
      </c>
      <c r="J3713">
        <f t="shared" si="420"/>
        <v>0.73913072843650762</v>
      </c>
      <c r="K3713">
        <f t="shared" si="421"/>
        <v>1.1086960926547613</v>
      </c>
      <c r="L3713">
        <f t="shared" si="422"/>
        <v>13.345636360988395</v>
      </c>
      <c r="M3713">
        <f t="shared" si="423"/>
        <v>0</v>
      </c>
      <c r="N3713" s="46">
        <f t="shared" si="424"/>
        <v>45445.291666657744</v>
      </c>
    </row>
    <row r="3714" spans="2:14" x14ac:dyDescent="0.3">
      <c r="B3714">
        <f t="shared" si="418"/>
        <v>7</v>
      </c>
      <c r="C3714" s="16">
        <v>3680</v>
      </c>
      <c r="D3714" cm="1">
        <f t="array" ref="D3714">IFERROR(INDEX(Jesper!AH$2:AH$366,ROUNDDOWN($C3714/24,0)+1,1)*INDEX($D$3:$AA$30,INDEX(Jesper!$R$2:$R$366,ROW(INDEX(Jesper!AH$2:AH$366,ROUNDDOWN($C3714/24,0)+1,1))-1)+IF('Standard Profiles'!$G$18=$B$10,7,0)+IF('Standard Profiles'!$G$18=$B$17,14,0)+IF('Standard Profiles'!$G$18=$B$24,21,0),MOD($C3714,24)+1)/SUM(INDEX($D$3:$AA$30,INDEX(Jesper!$R$2:$R$366,ROW(INDEX(Jesper!AH$2:AH$366,ROUNDDOWN($C3714/24,0)+1,1))-1)+IF('Standard Profiles'!$G$18=$B$10,7,0)+IF('Standard Profiles'!$G$18=$B$17,14,0)+IF('Standard Profiles'!$G$18=$B$24,21,0),0)),0)</f>
        <v>12.953897074917046</v>
      </c>
      <c r="E3714" cm="1">
        <f t="array" ref="E3714">IFERROR(INDEX(Jesper!AI$2:AI$366,ROUNDDOWN($C3714/24,0)+1,1)*INDEX($D$3:$AA$30,INDEX(Jesper!$R$2:$R$366,ROW(INDEX(Jesper!AI$2:AI$366,ROUNDDOWN($C3714/24,0)+1,1))-1)+IF('Standard Profiles'!$G$19=$B$10,7,0)+IF('Standard Profiles'!$G$19=$B$17,14,0)+IF('Standard Profiles'!$G$19=$B$24,21,0),MOD($C3714,24)+1)/SUM(INDEX($D$3:$AA$30,INDEX(Jesper!$R$2:$R$366,ROW(INDEX(Jesper!AI$2:AI$366,ROUNDDOWN($C3714/24,0)+1,1))-1)+IF('Standard Profiles'!$G$19=$B$10,7,0)+IF('Standard Profiles'!$G$19=$B$17,14,0)+IF('Standard Profiles'!$G$19=$B$24,21,0),0)),0)</f>
        <v>2.4613053256935693</v>
      </c>
      <c r="F3714" cm="1">
        <f t="array" ref="F3714">IFERROR(INDEX(Jesper!AJ$2:AJ$366,ROUNDDOWN($C3714/24,0)+1,1)*INDEX($D$3:$AA$30,INDEX(Jesper!$R$2:$R$366,ROW(INDEX(Jesper!AJ$2:AJ$366,ROUNDDOWN($C3714/24,0)+1,1))-1)+IF('Standard Profiles'!$G$20=$B$10,7,0)+IF('Standard Profiles'!$G$20=$B$17,14,0)+IF('Standard Profiles'!$G$20=$B$24,21,0),MOD($C3714,24)+1)/SUM(INDEX($D$3:$AA$30,INDEX(Jesper!$R$2:$R$366,ROW(INDEX(Jesper!AJ$2:AJ$366,ROUNDDOWN($C3714/24,0)+1,1))-1)+IF('Standard Profiles'!$G$20=$B$10,7,0)+IF('Standard Profiles'!$G$20=$B$17,14,0)+IF('Standard Profiles'!$G$20=$B$24,21,0),0)),0)</f>
        <v>0</v>
      </c>
      <c r="G3714" cm="1">
        <f t="array" ref="G3714">IFERROR(INDEX(Jesper!AK$2:AK$366,ROUNDDOWN($C3714/24,0)+1,1)*INDEX($D$3:$AA$30,INDEX(Jesper!$R$2:$R$366,ROW(INDEX(Jesper!AK$2:AK$366,ROUNDDOWN($C3714/24,0)+1,1))-1)+IF('Standard Profiles'!$G$21=$B$10,7,0)+IF('Standard Profiles'!$G$21=$B$17,14,0)+IF('Standard Profiles'!$G$21=$B$24,21,0),MOD($C3714,24)+1)/SUM(INDEX($D$3:$AA$30,INDEX(Jesper!$R$2:$R$366,ROW(INDEX(Jesper!AK$2:AK$366,ROUNDDOWN($C3714/24,0)+1,1))-1)+IF('Standard Profiles'!$G$21=$B$10,7,0)+IF('Standard Profiles'!$G$21=$B$17,14,0)+IF('Standard Profiles'!$G$21=$B$24,21,0),0)),0)</f>
        <v>0</v>
      </c>
      <c r="H3714" cm="1">
        <f t="array" ref="H3714">IFERROR(INDEX(Jesper!AL$2:AL$366,ROUNDDOWN($C3714/24,0)+1,1)*INDEX($D$3:$AA$30,INDEX(Jesper!$R$2:$R$366,ROW(INDEX(Jesper!AL$2:AL$366,ROUNDDOWN($C3714/24,0)+1,1))-1)+IF('Standard Profiles'!$G$22=$B$10,7,0)+IF('Standard Profiles'!$G$22=$B$17,14,0)+IF('Standard Profiles'!$G$22=$B$24,21,0),MOD($C3714,24)+1)/SUM(INDEX($D$3:$AA$30,INDEX(Jesper!$R$2:$R$366,ROW(INDEX(Jesper!AL$2:AL$366,ROUNDDOWN($C3714/24,0)+1,1))-1)+IF('Standard Profiles'!$G$22=$B$10,7,0)+IF('Standard Profiles'!$G$22=$B$17,14,0)+IF('Standard Profiles'!$G$22=$B$24,21,0),0)),0)</f>
        <v>0</v>
      </c>
      <c r="I3714">
        <f t="shared" si="419"/>
        <v>0.22173921853095224</v>
      </c>
      <c r="J3714">
        <f t="shared" si="420"/>
        <v>0.73913072843650762</v>
      </c>
      <c r="K3714">
        <f t="shared" si="421"/>
        <v>1.1086960926547613</v>
      </c>
      <c r="L3714">
        <f t="shared" si="422"/>
        <v>13.345636360988395</v>
      </c>
      <c r="M3714">
        <f t="shared" si="423"/>
        <v>0</v>
      </c>
      <c r="N3714" s="46">
        <f t="shared" si="424"/>
        <v>45445.333333324408</v>
      </c>
    </row>
    <row r="3715" spans="2:14" x14ac:dyDescent="0.3">
      <c r="B3715">
        <f t="shared" si="418"/>
        <v>7</v>
      </c>
      <c r="C3715" s="16">
        <v>3681</v>
      </c>
      <c r="D3715" cm="1">
        <f t="array" ref="D3715">IFERROR(INDEX(Jesper!AH$2:AH$366,ROUNDDOWN($C3715/24,0)+1,1)*INDEX($D$3:$AA$30,INDEX(Jesper!$R$2:$R$366,ROW(INDEX(Jesper!AH$2:AH$366,ROUNDDOWN($C3715/24,0)+1,1))-1)+IF('Standard Profiles'!$G$18=$B$10,7,0)+IF('Standard Profiles'!$G$18=$B$17,14,0)+IF('Standard Profiles'!$G$18=$B$24,21,0),MOD($C3715,24)+1)/SUM(INDEX($D$3:$AA$30,INDEX(Jesper!$R$2:$R$366,ROW(INDEX(Jesper!AH$2:AH$366,ROUNDDOWN($C3715/24,0)+1,1))-1)+IF('Standard Profiles'!$G$18=$B$10,7,0)+IF('Standard Profiles'!$G$18=$B$17,14,0)+IF('Standard Profiles'!$G$18=$B$24,21,0),0)),0)</f>
        <v>12.953897074917046</v>
      </c>
      <c r="E3715" cm="1">
        <f t="array" ref="E3715">IFERROR(INDEX(Jesper!AI$2:AI$366,ROUNDDOWN($C3715/24,0)+1,1)*INDEX($D$3:$AA$30,INDEX(Jesper!$R$2:$R$366,ROW(INDEX(Jesper!AI$2:AI$366,ROUNDDOWN($C3715/24,0)+1,1))-1)+IF('Standard Profiles'!$G$19=$B$10,7,0)+IF('Standard Profiles'!$G$19=$B$17,14,0)+IF('Standard Profiles'!$G$19=$B$24,21,0),MOD($C3715,24)+1)/SUM(INDEX($D$3:$AA$30,INDEX(Jesper!$R$2:$R$366,ROW(INDEX(Jesper!AI$2:AI$366,ROUNDDOWN($C3715/24,0)+1,1))-1)+IF('Standard Profiles'!$G$19=$B$10,7,0)+IF('Standard Profiles'!$G$19=$B$17,14,0)+IF('Standard Profiles'!$G$19=$B$24,21,0),0)),0)</f>
        <v>2.4613053256935693</v>
      </c>
      <c r="F3715" cm="1">
        <f t="array" ref="F3715">IFERROR(INDEX(Jesper!AJ$2:AJ$366,ROUNDDOWN($C3715/24,0)+1,1)*INDEX($D$3:$AA$30,INDEX(Jesper!$R$2:$R$366,ROW(INDEX(Jesper!AJ$2:AJ$366,ROUNDDOWN($C3715/24,0)+1,1))-1)+IF('Standard Profiles'!$G$20=$B$10,7,0)+IF('Standard Profiles'!$G$20=$B$17,14,0)+IF('Standard Profiles'!$G$20=$B$24,21,0),MOD($C3715,24)+1)/SUM(INDEX($D$3:$AA$30,INDEX(Jesper!$R$2:$R$366,ROW(INDEX(Jesper!AJ$2:AJ$366,ROUNDDOWN($C3715/24,0)+1,1))-1)+IF('Standard Profiles'!$G$20=$B$10,7,0)+IF('Standard Profiles'!$G$20=$B$17,14,0)+IF('Standard Profiles'!$G$20=$B$24,21,0),0)),0)</f>
        <v>0</v>
      </c>
      <c r="G3715" cm="1">
        <f t="array" ref="G3715">IFERROR(INDEX(Jesper!AK$2:AK$366,ROUNDDOWN($C3715/24,0)+1,1)*INDEX($D$3:$AA$30,INDEX(Jesper!$R$2:$R$366,ROW(INDEX(Jesper!AK$2:AK$366,ROUNDDOWN($C3715/24,0)+1,1))-1)+IF('Standard Profiles'!$G$21=$B$10,7,0)+IF('Standard Profiles'!$G$21=$B$17,14,0)+IF('Standard Profiles'!$G$21=$B$24,21,0),MOD($C3715,24)+1)/SUM(INDEX($D$3:$AA$30,INDEX(Jesper!$R$2:$R$366,ROW(INDEX(Jesper!AK$2:AK$366,ROUNDDOWN($C3715/24,0)+1,1))-1)+IF('Standard Profiles'!$G$21=$B$10,7,0)+IF('Standard Profiles'!$G$21=$B$17,14,0)+IF('Standard Profiles'!$G$21=$B$24,21,0),0)),0)</f>
        <v>0</v>
      </c>
      <c r="H3715" cm="1">
        <f t="array" ref="H3715">IFERROR(INDEX(Jesper!AL$2:AL$366,ROUNDDOWN($C3715/24,0)+1,1)*INDEX($D$3:$AA$30,INDEX(Jesper!$R$2:$R$366,ROW(INDEX(Jesper!AL$2:AL$366,ROUNDDOWN($C3715/24,0)+1,1))-1)+IF('Standard Profiles'!$G$22=$B$10,7,0)+IF('Standard Profiles'!$G$22=$B$17,14,0)+IF('Standard Profiles'!$G$22=$B$24,21,0),MOD($C3715,24)+1)/SUM(INDEX($D$3:$AA$30,INDEX(Jesper!$R$2:$R$366,ROW(INDEX(Jesper!AL$2:AL$366,ROUNDDOWN($C3715/24,0)+1,1))-1)+IF('Standard Profiles'!$G$22=$B$10,7,0)+IF('Standard Profiles'!$G$22=$B$17,14,0)+IF('Standard Profiles'!$G$22=$B$24,21,0),0)),0)</f>
        <v>0</v>
      </c>
      <c r="I3715">
        <f t="shared" si="419"/>
        <v>0.22173921853095224</v>
      </c>
      <c r="J3715">
        <f t="shared" si="420"/>
        <v>0.73913072843650762</v>
      </c>
      <c r="K3715">
        <f t="shared" si="421"/>
        <v>1.1086960926547613</v>
      </c>
      <c r="L3715">
        <f t="shared" si="422"/>
        <v>13.345636360988395</v>
      </c>
      <c r="M3715">
        <f t="shared" si="423"/>
        <v>0</v>
      </c>
      <c r="N3715" s="46">
        <f t="shared" si="424"/>
        <v>45445.374999991072</v>
      </c>
    </row>
    <row r="3716" spans="2:14" x14ac:dyDescent="0.3">
      <c r="B3716">
        <f t="shared" si="418"/>
        <v>7</v>
      </c>
      <c r="C3716" s="16">
        <v>3682</v>
      </c>
      <c r="D3716" cm="1">
        <f t="array" ref="D3716">IFERROR(INDEX(Jesper!AH$2:AH$366,ROUNDDOWN($C3716/24,0)+1,1)*INDEX($D$3:$AA$30,INDEX(Jesper!$R$2:$R$366,ROW(INDEX(Jesper!AH$2:AH$366,ROUNDDOWN($C3716/24,0)+1,1))-1)+IF('Standard Profiles'!$G$18=$B$10,7,0)+IF('Standard Profiles'!$G$18=$B$17,14,0)+IF('Standard Profiles'!$G$18=$B$24,21,0),MOD($C3716,24)+1)/SUM(INDEX($D$3:$AA$30,INDEX(Jesper!$R$2:$R$366,ROW(INDEX(Jesper!AH$2:AH$366,ROUNDDOWN($C3716/24,0)+1,1))-1)+IF('Standard Profiles'!$G$18=$B$10,7,0)+IF('Standard Profiles'!$G$18=$B$17,14,0)+IF('Standard Profiles'!$G$18=$B$24,21,0),0)),0)</f>
        <v>12.953897074917046</v>
      </c>
      <c r="E3716" cm="1">
        <f t="array" ref="E3716">IFERROR(INDEX(Jesper!AI$2:AI$366,ROUNDDOWN($C3716/24,0)+1,1)*INDEX($D$3:$AA$30,INDEX(Jesper!$R$2:$R$366,ROW(INDEX(Jesper!AI$2:AI$366,ROUNDDOWN($C3716/24,0)+1,1))-1)+IF('Standard Profiles'!$G$19=$B$10,7,0)+IF('Standard Profiles'!$G$19=$B$17,14,0)+IF('Standard Profiles'!$G$19=$B$24,21,0),MOD($C3716,24)+1)/SUM(INDEX($D$3:$AA$30,INDEX(Jesper!$R$2:$R$366,ROW(INDEX(Jesper!AI$2:AI$366,ROUNDDOWN($C3716/24,0)+1,1))-1)+IF('Standard Profiles'!$G$19=$B$10,7,0)+IF('Standard Profiles'!$G$19=$B$17,14,0)+IF('Standard Profiles'!$G$19=$B$24,21,0),0)),0)</f>
        <v>2.4613053256935693</v>
      </c>
      <c r="F3716" cm="1">
        <f t="array" ref="F3716">IFERROR(INDEX(Jesper!AJ$2:AJ$366,ROUNDDOWN($C3716/24,0)+1,1)*INDEX($D$3:$AA$30,INDEX(Jesper!$R$2:$R$366,ROW(INDEX(Jesper!AJ$2:AJ$366,ROUNDDOWN($C3716/24,0)+1,1))-1)+IF('Standard Profiles'!$G$20=$B$10,7,0)+IF('Standard Profiles'!$G$20=$B$17,14,0)+IF('Standard Profiles'!$G$20=$B$24,21,0),MOD($C3716,24)+1)/SUM(INDEX($D$3:$AA$30,INDEX(Jesper!$R$2:$R$366,ROW(INDEX(Jesper!AJ$2:AJ$366,ROUNDDOWN($C3716/24,0)+1,1))-1)+IF('Standard Profiles'!$G$20=$B$10,7,0)+IF('Standard Profiles'!$G$20=$B$17,14,0)+IF('Standard Profiles'!$G$20=$B$24,21,0),0)),0)</f>
        <v>0</v>
      </c>
      <c r="G3716" cm="1">
        <f t="array" ref="G3716">IFERROR(INDEX(Jesper!AK$2:AK$366,ROUNDDOWN($C3716/24,0)+1,1)*INDEX($D$3:$AA$30,INDEX(Jesper!$R$2:$R$366,ROW(INDEX(Jesper!AK$2:AK$366,ROUNDDOWN($C3716/24,0)+1,1))-1)+IF('Standard Profiles'!$G$21=$B$10,7,0)+IF('Standard Profiles'!$G$21=$B$17,14,0)+IF('Standard Profiles'!$G$21=$B$24,21,0),MOD($C3716,24)+1)/SUM(INDEX($D$3:$AA$30,INDEX(Jesper!$R$2:$R$366,ROW(INDEX(Jesper!AK$2:AK$366,ROUNDDOWN($C3716/24,0)+1,1))-1)+IF('Standard Profiles'!$G$21=$B$10,7,0)+IF('Standard Profiles'!$G$21=$B$17,14,0)+IF('Standard Profiles'!$G$21=$B$24,21,0),0)),0)</f>
        <v>0</v>
      </c>
      <c r="H3716" cm="1">
        <f t="array" ref="H3716">IFERROR(INDEX(Jesper!AL$2:AL$366,ROUNDDOWN($C3716/24,0)+1,1)*INDEX($D$3:$AA$30,INDEX(Jesper!$R$2:$R$366,ROW(INDEX(Jesper!AL$2:AL$366,ROUNDDOWN($C3716/24,0)+1,1))-1)+IF('Standard Profiles'!$G$22=$B$10,7,0)+IF('Standard Profiles'!$G$22=$B$17,14,0)+IF('Standard Profiles'!$G$22=$B$24,21,0),MOD($C3716,24)+1)/SUM(INDEX($D$3:$AA$30,INDEX(Jesper!$R$2:$R$366,ROW(INDEX(Jesper!AL$2:AL$366,ROUNDDOWN($C3716/24,0)+1,1))-1)+IF('Standard Profiles'!$G$22=$B$10,7,0)+IF('Standard Profiles'!$G$22=$B$17,14,0)+IF('Standard Profiles'!$G$22=$B$24,21,0),0)),0)</f>
        <v>0</v>
      </c>
      <c r="I3716">
        <f t="shared" si="419"/>
        <v>0.22173921853095224</v>
      </c>
      <c r="J3716">
        <f t="shared" si="420"/>
        <v>0.73913072843650762</v>
      </c>
      <c r="K3716">
        <f t="shared" si="421"/>
        <v>1.1086960926547613</v>
      </c>
      <c r="L3716">
        <f t="shared" si="422"/>
        <v>13.345636360988395</v>
      </c>
      <c r="M3716">
        <f t="shared" si="423"/>
        <v>0</v>
      </c>
      <c r="N3716" s="46">
        <f t="shared" si="424"/>
        <v>45445.416666657737</v>
      </c>
    </row>
    <row r="3717" spans="2:14" x14ac:dyDescent="0.3">
      <c r="B3717">
        <f t="shared" si="418"/>
        <v>7</v>
      </c>
      <c r="C3717" s="16">
        <v>3683</v>
      </c>
      <c r="D3717" cm="1">
        <f t="array" ref="D3717">IFERROR(INDEX(Jesper!AH$2:AH$366,ROUNDDOWN($C3717/24,0)+1,1)*INDEX($D$3:$AA$30,INDEX(Jesper!$R$2:$R$366,ROW(INDEX(Jesper!AH$2:AH$366,ROUNDDOWN($C3717/24,0)+1,1))-1)+IF('Standard Profiles'!$G$18=$B$10,7,0)+IF('Standard Profiles'!$G$18=$B$17,14,0)+IF('Standard Profiles'!$G$18=$B$24,21,0),MOD($C3717,24)+1)/SUM(INDEX($D$3:$AA$30,INDEX(Jesper!$R$2:$R$366,ROW(INDEX(Jesper!AH$2:AH$366,ROUNDDOWN($C3717/24,0)+1,1))-1)+IF('Standard Profiles'!$G$18=$B$10,7,0)+IF('Standard Profiles'!$G$18=$B$17,14,0)+IF('Standard Profiles'!$G$18=$B$24,21,0),0)),0)</f>
        <v>12.953897074917046</v>
      </c>
      <c r="E3717" cm="1">
        <f t="array" ref="E3717">IFERROR(INDEX(Jesper!AI$2:AI$366,ROUNDDOWN($C3717/24,0)+1,1)*INDEX($D$3:$AA$30,INDEX(Jesper!$R$2:$R$366,ROW(INDEX(Jesper!AI$2:AI$366,ROUNDDOWN($C3717/24,0)+1,1))-1)+IF('Standard Profiles'!$G$19=$B$10,7,0)+IF('Standard Profiles'!$G$19=$B$17,14,0)+IF('Standard Profiles'!$G$19=$B$24,21,0),MOD($C3717,24)+1)/SUM(INDEX($D$3:$AA$30,INDEX(Jesper!$R$2:$R$366,ROW(INDEX(Jesper!AI$2:AI$366,ROUNDDOWN($C3717/24,0)+1,1))-1)+IF('Standard Profiles'!$G$19=$B$10,7,0)+IF('Standard Profiles'!$G$19=$B$17,14,0)+IF('Standard Profiles'!$G$19=$B$24,21,0),0)),0)</f>
        <v>2.4613053256935693</v>
      </c>
      <c r="F3717" cm="1">
        <f t="array" ref="F3717">IFERROR(INDEX(Jesper!AJ$2:AJ$366,ROUNDDOWN($C3717/24,0)+1,1)*INDEX($D$3:$AA$30,INDEX(Jesper!$R$2:$R$366,ROW(INDEX(Jesper!AJ$2:AJ$366,ROUNDDOWN($C3717/24,0)+1,1))-1)+IF('Standard Profiles'!$G$20=$B$10,7,0)+IF('Standard Profiles'!$G$20=$B$17,14,0)+IF('Standard Profiles'!$G$20=$B$24,21,0),MOD($C3717,24)+1)/SUM(INDEX($D$3:$AA$30,INDEX(Jesper!$R$2:$R$366,ROW(INDEX(Jesper!AJ$2:AJ$366,ROUNDDOWN($C3717/24,0)+1,1))-1)+IF('Standard Profiles'!$G$20=$B$10,7,0)+IF('Standard Profiles'!$G$20=$B$17,14,0)+IF('Standard Profiles'!$G$20=$B$24,21,0),0)),0)</f>
        <v>0</v>
      </c>
      <c r="G3717" cm="1">
        <f t="array" ref="G3717">IFERROR(INDEX(Jesper!AK$2:AK$366,ROUNDDOWN($C3717/24,0)+1,1)*INDEX($D$3:$AA$30,INDEX(Jesper!$R$2:$R$366,ROW(INDEX(Jesper!AK$2:AK$366,ROUNDDOWN($C3717/24,0)+1,1))-1)+IF('Standard Profiles'!$G$21=$B$10,7,0)+IF('Standard Profiles'!$G$21=$B$17,14,0)+IF('Standard Profiles'!$G$21=$B$24,21,0),MOD($C3717,24)+1)/SUM(INDEX($D$3:$AA$30,INDEX(Jesper!$R$2:$R$366,ROW(INDEX(Jesper!AK$2:AK$366,ROUNDDOWN($C3717/24,0)+1,1))-1)+IF('Standard Profiles'!$G$21=$B$10,7,0)+IF('Standard Profiles'!$G$21=$B$17,14,0)+IF('Standard Profiles'!$G$21=$B$24,21,0),0)),0)</f>
        <v>0</v>
      </c>
      <c r="H3717" cm="1">
        <f t="array" ref="H3717">IFERROR(INDEX(Jesper!AL$2:AL$366,ROUNDDOWN($C3717/24,0)+1,1)*INDEX($D$3:$AA$30,INDEX(Jesper!$R$2:$R$366,ROW(INDEX(Jesper!AL$2:AL$366,ROUNDDOWN($C3717/24,0)+1,1))-1)+IF('Standard Profiles'!$G$22=$B$10,7,0)+IF('Standard Profiles'!$G$22=$B$17,14,0)+IF('Standard Profiles'!$G$22=$B$24,21,0),MOD($C3717,24)+1)/SUM(INDEX($D$3:$AA$30,INDEX(Jesper!$R$2:$R$366,ROW(INDEX(Jesper!AL$2:AL$366,ROUNDDOWN($C3717/24,0)+1,1))-1)+IF('Standard Profiles'!$G$22=$B$10,7,0)+IF('Standard Profiles'!$G$22=$B$17,14,0)+IF('Standard Profiles'!$G$22=$B$24,21,0),0)),0)</f>
        <v>0</v>
      </c>
      <c r="I3717">
        <f t="shared" si="419"/>
        <v>0.22173921853095224</v>
      </c>
      <c r="J3717">
        <f t="shared" si="420"/>
        <v>0.73913072843650762</v>
      </c>
      <c r="K3717">
        <f t="shared" si="421"/>
        <v>1.1086960926547613</v>
      </c>
      <c r="L3717">
        <f t="shared" si="422"/>
        <v>13.345636360988395</v>
      </c>
      <c r="M3717">
        <f t="shared" si="423"/>
        <v>0</v>
      </c>
      <c r="N3717" s="46">
        <f t="shared" si="424"/>
        <v>45445.458333324401</v>
      </c>
    </row>
    <row r="3718" spans="2:14" x14ac:dyDescent="0.3">
      <c r="B3718">
        <f t="shared" si="418"/>
        <v>7</v>
      </c>
      <c r="C3718" s="16">
        <v>3684</v>
      </c>
      <c r="D3718" cm="1">
        <f t="array" ref="D3718">IFERROR(INDEX(Jesper!AH$2:AH$366,ROUNDDOWN($C3718/24,0)+1,1)*INDEX($D$3:$AA$30,INDEX(Jesper!$R$2:$R$366,ROW(INDEX(Jesper!AH$2:AH$366,ROUNDDOWN($C3718/24,0)+1,1))-1)+IF('Standard Profiles'!$G$18=$B$10,7,0)+IF('Standard Profiles'!$G$18=$B$17,14,0)+IF('Standard Profiles'!$G$18=$B$24,21,0),MOD($C3718,24)+1)/SUM(INDEX($D$3:$AA$30,INDEX(Jesper!$R$2:$R$366,ROW(INDEX(Jesper!AH$2:AH$366,ROUNDDOWN($C3718/24,0)+1,1))-1)+IF('Standard Profiles'!$G$18=$B$10,7,0)+IF('Standard Profiles'!$G$18=$B$17,14,0)+IF('Standard Profiles'!$G$18=$B$24,21,0),0)),0)</f>
        <v>12.953897074917046</v>
      </c>
      <c r="E3718" cm="1">
        <f t="array" ref="E3718">IFERROR(INDEX(Jesper!AI$2:AI$366,ROUNDDOWN($C3718/24,0)+1,1)*INDEX($D$3:$AA$30,INDEX(Jesper!$R$2:$R$366,ROW(INDEX(Jesper!AI$2:AI$366,ROUNDDOWN($C3718/24,0)+1,1))-1)+IF('Standard Profiles'!$G$19=$B$10,7,0)+IF('Standard Profiles'!$G$19=$B$17,14,0)+IF('Standard Profiles'!$G$19=$B$24,21,0),MOD($C3718,24)+1)/SUM(INDEX($D$3:$AA$30,INDEX(Jesper!$R$2:$R$366,ROW(INDEX(Jesper!AI$2:AI$366,ROUNDDOWN($C3718/24,0)+1,1))-1)+IF('Standard Profiles'!$G$19=$B$10,7,0)+IF('Standard Profiles'!$G$19=$B$17,14,0)+IF('Standard Profiles'!$G$19=$B$24,21,0),0)),0)</f>
        <v>2.4613053256935693</v>
      </c>
      <c r="F3718" cm="1">
        <f t="array" ref="F3718">IFERROR(INDEX(Jesper!AJ$2:AJ$366,ROUNDDOWN($C3718/24,0)+1,1)*INDEX($D$3:$AA$30,INDEX(Jesper!$R$2:$R$366,ROW(INDEX(Jesper!AJ$2:AJ$366,ROUNDDOWN($C3718/24,0)+1,1))-1)+IF('Standard Profiles'!$G$20=$B$10,7,0)+IF('Standard Profiles'!$G$20=$B$17,14,0)+IF('Standard Profiles'!$G$20=$B$24,21,0),MOD($C3718,24)+1)/SUM(INDEX($D$3:$AA$30,INDEX(Jesper!$R$2:$R$366,ROW(INDEX(Jesper!AJ$2:AJ$366,ROUNDDOWN($C3718/24,0)+1,1))-1)+IF('Standard Profiles'!$G$20=$B$10,7,0)+IF('Standard Profiles'!$G$20=$B$17,14,0)+IF('Standard Profiles'!$G$20=$B$24,21,0),0)),0)</f>
        <v>0</v>
      </c>
      <c r="G3718" cm="1">
        <f t="array" ref="G3718">IFERROR(INDEX(Jesper!AK$2:AK$366,ROUNDDOWN($C3718/24,0)+1,1)*INDEX($D$3:$AA$30,INDEX(Jesper!$R$2:$R$366,ROW(INDEX(Jesper!AK$2:AK$366,ROUNDDOWN($C3718/24,0)+1,1))-1)+IF('Standard Profiles'!$G$21=$B$10,7,0)+IF('Standard Profiles'!$G$21=$B$17,14,0)+IF('Standard Profiles'!$G$21=$B$24,21,0),MOD($C3718,24)+1)/SUM(INDEX($D$3:$AA$30,INDEX(Jesper!$R$2:$R$366,ROW(INDEX(Jesper!AK$2:AK$366,ROUNDDOWN($C3718/24,0)+1,1))-1)+IF('Standard Profiles'!$G$21=$B$10,7,0)+IF('Standard Profiles'!$G$21=$B$17,14,0)+IF('Standard Profiles'!$G$21=$B$24,21,0),0)),0)</f>
        <v>0</v>
      </c>
      <c r="H3718" cm="1">
        <f t="array" ref="H3718">IFERROR(INDEX(Jesper!AL$2:AL$366,ROUNDDOWN($C3718/24,0)+1,1)*INDEX($D$3:$AA$30,INDEX(Jesper!$R$2:$R$366,ROW(INDEX(Jesper!AL$2:AL$366,ROUNDDOWN($C3718/24,0)+1,1))-1)+IF('Standard Profiles'!$G$22=$B$10,7,0)+IF('Standard Profiles'!$G$22=$B$17,14,0)+IF('Standard Profiles'!$G$22=$B$24,21,0),MOD($C3718,24)+1)/SUM(INDEX($D$3:$AA$30,INDEX(Jesper!$R$2:$R$366,ROW(INDEX(Jesper!AL$2:AL$366,ROUNDDOWN($C3718/24,0)+1,1))-1)+IF('Standard Profiles'!$G$22=$B$10,7,0)+IF('Standard Profiles'!$G$22=$B$17,14,0)+IF('Standard Profiles'!$G$22=$B$24,21,0),0)),0)</f>
        <v>0</v>
      </c>
      <c r="I3718">
        <f t="shared" si="419"/>
        <v>0.22173921853095224</v>
      </c>
      <c r="J3718">
        <f t="shared" si="420"/>
        <v>0.73913072843650762</v>
      </c>
      <c r="K3718">
        <f t="shared" si="421"/>
        <v>1.1086960926547613</v>
      </c>
      <c r="L3718">
        <f t="shared" si="422"/>
        <v>13.345636360988395</v>
      </c>
      <c r="M3718">
        <f t="shared" si="423"/>
        <v>0</v>
      </c>
      <c r="N3718" s="46">
        <f t="shared" si="424"/>
        <v>45445.499999991065</v>
      </c>
    </row>
    <row r="3719" spans="2:14" x14ac:dyDescent="0.3">
      <c r="B3719">
        <f t="shared" si="418"/>
        <v>7</v>
      </c>
      <c r="C3719" s="16">
        <v>3685</v>
      </c>
      <c r="D3719" cm="1">
        <f t="array" ref="D3719">IFERROR(INDEX(Jesper!AH$2:AH$366,ROUNDDOWN($C3719/24,0)+1,1)*INDEX($D$3:$AA$30,INDEX(Jesper!$R$2:$R$366,ROW(INDEX(Jesper!AH$2:AH$366,ROUNDDOWN($C3719/24,0)+1,1))-1)+IF('Standard Profiles'!$G$18=$B$10,7,0)+IF('Standard Profiles'!$G$18=$B$17,14,0)+IF('Standard Profiles'!$G$18=$B$24,21,0),MOD($C3719,24)+1)/SUM(INDEX($D$3:$AA$30,INDEX(Jesper!$R$2:$R$366,ROW(INDEX(Jesper!AH$2:AH$366,ROUNDDOWN($C3719/24,0)+1,1))-1)+IF('Standard Profiles'!$G$18=$B$10,7,0)+IF('Standard Profiles'!$G$18=$B$17,14,0)+IF('Standard Profiles'!$G$18=$B$24,21,0),0)),0)</f>
        <v>12.953897074917046</v>
      </c>
      <c r="E3719" cm="1">
        <f t="array" ref="E3719">IFERROR(INDEX(Jesper!AI$2:AI$366,ROUNDDOWN($C3719/24,0)+1,1)*INDEX($D$3:$AA$30,INDEX(Jesper!$R$2:$R$366,ROW(INDEX(Jesper!AI$2:AI$366,ROUNDDOWN($C3719/24,0)+1,1))-1)+IF('Standard Profiles'!$G$19=$B$10,7,0)+IF('Standard Profiles'!$G$19=$B$17,14,0)+IF('Standard Profiles'!$G$19=$B$24,21,0),MOD($C3719,24)+1)/SUM(INDEX($D$3:$AA$30,INDEX(Jesper!$R$2:$R$366,ROW(INDEX(Jesper!AI$2:AI$366,ROUNDDOWN($C3719/24,0)+1,1))-1)+IF('Standard Profiles'!$G$19=$B$10,7,0)+IF('Standard Profiles'!$G$19=$B$17,14,0)+IF('Standard Profiles'!$G$19=$B$24,21,0),0)),0)</f>
        <v>2.4613053256935693</v>
      </c>
      <c r="F3719" cm="1">
        <f t="array" ref="F3719">IFERROR(INDEX(Jesper!AJ$2:AJ$366,ROUNDDOWN($C3719/24,0)+1,1)*INDEX($D$3:$AA$30,INDEX(Jesper!$R$2:$R$366,ROW(INDEX(Jesper!AJ$2:AJ$366,ROUNDDOWN($C3719/24,0)+1,1))-1)+IF('Standard Profiles'!$G$20=$B$10,7,0)+IF('Standard Profiles'!$G$20=$B$17,14,0)+IF('Standard Profiles'!$G$20=$B$24,21,0),MOD($C3719,24)+1)/SUM(INDEX($D$3:$AA$30,INDEX(Jesper!$R$2:$R$366,ROW(INDEX(Jesper!AJ$2:AJ$366,ROUNDDOWN($C3719/24,0)+1,1))-1)+IF('Standard Profiles'!$G$20=$B$10,7,0)+IF('Standard Profiles'!$G$20=$B$17,14,0)+IF('Standard Profiles'!$G$20=$B$24,21,0),0)),0)</f>
        <v>0</v>
      </c>
      <c r="G3719" cm="1">
        <f t="array" ref="G3719">IFERROR(INDEX(Jesper!AK$2:AK$366,ROUNDDOWN($C3719/24,0)+1,1)*INDEX($D$3:$AA$30,INDEX(Jesper!$R$2:$R$366,ROW(INDEX(Jesper!AK$2:AK$366,ROUNDDOWN($C3719/24,0)+1,1))-1)+IF('Standard Profiles'!$G$21=$B$10,7,0)+IF('Standard Profiles'!$G$21=$B$17,14,0)+IF('Standard Profiles'!$G$21=$B$24,21,0),MOD($C3719,24)+1)/SUM(INDEX($D$3:$AA$30,INDEX(Jesper!$R$2:$R$366,ROW(INDEX(Jesper!AK$2:AK$366,ROUNDDOWN($C3719/24,0)+1,1))-1)+IF('Standard Profiles'!$G$21=$B$10,7,0)+IF('Standard Profiles'!$G$21=$B$17,14,0)+IF('Standard Profiles'!$G$21=$B$24,21,0),0)),0)</f>
        <v>0</v>
      </c>
      <c r="H3719" cm="1">
        <f t="array" ref="H3719">IFERROR(INDEX(Jesper!AL$2:AL$366,ROUNDDOWN($C3719/24,0)+1,1)*INDEX($D$3:$AA$30,INDEX(Jesper!$R$2:$R$366,ROW(INDEX(Jesper!AL$2:AL$366,ROUNDDOWN($C3719/24,0)+1,1))-1)+IF('Standard Profiles'!$G$22=$B$10,7,0)+IF('Standard Profiles'!$G$22=$B$17,14,0)+IF('Standard Profiles'!$G$22=$B$24,21,0),MOD($C3719,24)+1)/SUM(INDEX($D$3:$AA$30,INDEX(Jesper!$R$2:$R$366,ROW(INDEX(Jesper!AL$2:AL$366,ROUNDDOWN($C3719/24,0)+1,1))-1)+IF('Standard Profiles'!$G$22=$B$10,7,0)+IF('Standard Profiles'!$G$22=$B$17,14,0)+IF('Standard Profiles'!$G$22=$B$24,21,0),0)),0)</f>
        <v>0</v>
      </c>
      <c r="I3719">
        <f t="shared" si="419"/>
        <v>0.22173921853095224</v>
      </c>
      <c r="J3719">
        <f t="shared" si="420"/>
        <v>0.73913072843650762</v>
      </c>
      <c r="K3719">
        <f t="shared" si="421"/>
        <v>1.1086960926547613</v>
      </c>
      <c r="L3719">
        <f t="shared" si="422"/>
        <v>13.345636360988395</v>
      </c>
      <c r="M3719">
        <f t="shared" si="423"/>
        <v>0</v>
      </c>
      <c r="N3719" s="46">
        <f t="shared" si="424"/>
        <v>45445.541666657729</v>
      </c>
    </row>
    <row r="3720" spans="2:14" x14ac:dyDescent="0.3">
      <c r="B3720">
        <f t="shared" si="418"/>
        <v>7</v>
      </c>
      <c r="C3720" s="16">
        <v>3686</v>
      </c>
      <c r="D3720" cm="1">
        <f t="array" ref="D3720">IFERROR(INDEX(Jesper!AH$2:AH$366,ROUNDDOWN($C3720/24,0)+1,1)*INDEX($D$3:$AA$30,INDEX(Jesper!$R$2:$R$366,ROW(INDEX(Jesper!AH$2:AH$366,ROUNDDOWN($C3720/24,0)+1,1))-1)+IF('Standard Profiles'!$G$18=$B$10,7,0)+IF('Standard Profiles'!$G$18=$B$17,14,0)+IF('Standard Profiles'!$G$18=$B$24,21,0),MOD($C3720,24)+1)/SUM(INDEX($D$3:$AA$30,INDEX(Jesper!$R$2:$R$366,ROW(INDEX(Jesper!AH$2:AH$366,ROUNDDOWN($C3720/24,0)+1,1))-1)+IF('Standard Profiles'!$G$18=$B$10,7,0)+IF('Standard Profiles'!$G$18=$B$17,14,0)+IF('Standard Profiles'!$G$18=$B$24,21,0),0)),0)</f>
        <v>12.953897074917046</v>
      </c>
      <c r="E3720" cm="1">
        <f t="array" ref="E3720">IFERROR(INDEX(Jesper!AI$2:AI$366,ROUNDDOWN($C3720/24,0)+1,1)*INDEX($D$3:$AA$30,INDEX(Jesper!$R$2:$R$366,ROW(INDEX(Jesper!AI$2:AI$366,ROUNDDOWN($C3720/24,0)+1,1))-1)+IF('Standard Profiles'!$G$19=$B$10,7,0)+IF('Standard Profiles'!$G$19=$B$17,14,0)+IF('Standard Profiles'!$G$19=$B$24,21,0),MOD($C3720,24)+1)/SUM(INDEX($D$3:$AA$30,INDEX(Jesper!$R$2:$R$366,ROW(INDEX(Jesper!AI$2:AI$366,ROUNDDOWN($C3720/24,0)+1,1))-1)+IF('Standard Profiles'!$G$19=$B$10,7,0)+IF('Standard Profiles'!$G$19=$B$17,14,0)+IF('Standard Profiles'!$G$19=$B$24,21,0),0)),0)</f>
        <v>2.4613053256935693</v>
      </c>
      <c r="F3720" cm="1">
        <f t="array" ref="F3720">IFERROR(INDEX(Jesper!AJ$2:AJ$366,ROUNDDOWN($C3720/24,0)+1,1)*INDEX($D$3:$AA$30,INDEX(Jesper!$R$2:$R$366,ROW(INDEX(Jesper!AJ$2:AJ$366,ROUNDDOWN($C3720/24,0)+1,1))-1)+IF('Standard Profiles'!$G$20=$B$10,7,0)+IF('Standard Profiles'!$G$20=$B$17,14,0)+IF('Standard Profiles'!$G$20=$B$24,21,0),MOD($C3720,24)+1)/SUM(INDEX($D$3:$AA$30,INDEX(Jesper!$R$2:$R$366,ROW(INDEX(Jesper!AJ$2:AJ$366,ROUNDDOWN($C3720/24,0)+1,1))-1)+IF('Standard Profiles'!$G$20=$B$10,7,0)+IF('Standard Profiles'!$G$20=$B$17,14,0)+IF('Standard Profiles'!$G$20=$B$24,21,0),0)),0)</f>
        <v>0</v>
      </c>
      <c r="G3720" cm="1">
        <f t="array" ref="G3720">IFERROR(INDEX(Jesper!AK$2:AK$366,ROUNDDOWN($C3720/24,0)+1,1)*INDEX($D$3:$AA$30,INDEX(Jesper!$R$2:$R$366,ROW(INDEX(Jesper!AK$2:AK$366,ROUNDDOWN($C3720/24,0)+1,1))-1)+IF('Standard Profiles'!$G$21=$B$10,7,0)+IF('Standard Profiles'!$G$21=$B$17,14,0)+IF('Standard Profiles'!$G$21=$B$24,21,0),MOD($C3720,24)+1)/SUM(INDEX($D$3:$AA$30,INDEX(Jesper!$R$2:$R$366,ROW(INDEX(Jesper!AK$2:AK$366,ROUNDDOWN($C3720/24,0)+1,1))-1)+IF('Standard Profiles'!$G$21=$B$10,7,0)+IF('Standard Profiles'!$G$21=$B$17,14,0)+IF('Standard Profiles'!$G$21=$B$24,21,0),0)),0)</f>
        <v>0</v>
      </c>
      <c r="H3720" cm="1">
        <f t="array" ref="H3720">IFERROR(INDEX(Jesper!AL$2:AL$366,ROUNDDOWN($C3720/24,0)+1,1)*INDEX($D$3:$AA$30,INDEX(Jesper!$R$2:$R$366,ROW(INDEX(Jesper!AL$2:AL$366,ROUNDDOWN($C3720/24,0)+1,1))-1)+IF('Standard Profiles'!$G$22=$B$10,7,0)+IF('Standard Profiles'!$G$22=$B$17,14,0)+IF('Standard Profiles'!$G$22=$B$24,21,0),MOD($C3720,24)+1)/SUM(INDEX($D$3:$AA$30,INDEX(Jesper!$R$2:$R$366,ROW(INDEX(Jesper!AL$2:AL$366,ROUNDDOWN($C3720/24,0)+1,1))-1)+IF('Standard Profiles'!$G$22=$B$10,7,0)+IF('Standard Profiles'!$G$22=$B$17,14,0)+IF('Standard Profiles'!$G$22=$B$24,21,0),0)),0)</f>
        <v>0</v>
      </c>
      <c r="I3720">
        <f t="shared" si="419"/>
        <v>0.22173921853095224</v>
      </c>
      <c r="J3720">
        <f t="shared" si="420"/>
        <v>0.73913072843650762</v>
      </c>
      <c r="K3720">
        <f t="shared" si="421"/>
        <v>1.1086960926547613</v>
      </c>
      <c r="L3720">
        <f t="shared" si="422"/>
        <v>13.345636360988395</v>
      </c>
      <c r="M3720">
        <f t="shared" si="423"/>
        <v>0</v>
      </c>
      <c r="N3720" s="46">
        <f t="shared" si="424"/>
        <v>45445.583333324394</v>
      </c>
    </row>
    <row r="3721" spans="2:14" x14ac:dyDescent="0.3">
      <c r="B3721">
        <f t="shared" si="418"/>
        <v>7</v>
      </c>
      <c r="C3721" s="16">
        <v>3687</v>
      </c>
      <c r="D3721" cm="1">
        <f t="array" ref="D3721">IFERROR(INDEX(Jesper!AH$2:AH$366,ROUNDDOWN($C3721/24,0)+1,1)*INDEX($D$3:$AA$30,INDEX(Jesper!$R$2:$R$366,ROW(INDEX(Jesper!AH$2:AH$366,ROUNDDOWN($C3721/24,0)+1,1))-1)+IF('Standard Profiles'!$G$18=$B$10,7,0)+IF('Standard Profiles'!$G$18=$B$17,14,0)+IF('Standard Profiles'!$G$18=$B$24,21,0),MOD($C3721,24)+1)/SUM(INDEX($D$3:$AA$30,INDEX(Jesper!$R$2:$R$366,ROW(INDEX(Jesper!AH$2:AH$366,ROUNDDOWN($C3721/24,0)+1,1))-1)+IF('Standard Profiles'!$G$18=$B$10,7,0)+IF('Standard Profiles'!$G$18=$B$17,14,0)+IF('Standard Profiles'!$G$18=$B$24,21,0),0)),0)</f>
        <v>11.514575177704041</v>
      </c>
      <c r="E3721" cm="1">
        <f t="array" ref="E3721">IFERROR(INDEX(Jesper!AI$2:AI$366,ROUNDDOWN($C3721/24,0)+1,1)*INDEX($D$3:$AA$30,INDEX(Jesper!$R$2:$R$366,ROW(INDEX(Jesper!AI$2:AI$366,ROUNDDOWN($C3721/24,0)+1,1))-1)+IF('Standard Profiles'!$G$19=$B$10,7,0)+IF('Standard Profiles'!$G$19=$B$17,14,0)+IF('Standard Profiles'!$G$19=$B$24,21,0),MOD($C3721,24)+1)/SUM(INDEX($D$3:$AA$30,INDEX(Jesper!$R$2:$R$366,ROW(INDEX(Jesper!AI$2:AI$366,ROUNDDOWN($C3721/24,0)+1,1))-1)+IF('Standard Profiles'!$G$19=$B$10,7,0)+IF('Standard Profiles'!$G$19=$B$17,14,0)+IF('Standard Profiles'!$G$19=$B$24,21,0),0)),0)</f>
        <v>2.1878269561720614</v>
      </c>
      <c r="F3721" cm="1">
        <f t="array" ref="F3721">IFERROR(INDEX(Jesper!AJ$2:AJ$366,ROUNDDOWN($C3721/24,0)+1,1)*INDEX($D$3:$AA$30,INDEX(Jesper!$R$2:$R$366,ROW(INDEX(Jesper!AJ$2:AJ$366,ROUNDDOWN($C3721/24,0)+1,1))-1)+IF('Standard Profiles'!$G$20=$B$10,7,0)+IF('Standard Profiles'!$G$20=$B$17,14,0)+IF('Standard Profiles'!$G$20=$B$24,21,0),MOD($C3721,24)+1)/SUM(INDEX($D$3:$AA$30,INDEX(Jesper!$R$2:$R$366,ROW(INDEX(Jesper!AJ$2:AJ$366,ROUNDDOWN($C3721/24,0)+1,1))-1)+IF('Standard Profiles'!$G$20=$B$10,7,0)+IF('Standard Profiles'!$G$20=$B$17,14,0)+IF('Standard Profiles'!$G$20=$B$24,21,0),0)),0)</f>
        <v>0</v>
      </c>
      <c r="G3721" cm="1">
        <f t="array" ref="G3721">IFERROR(INDEX(Jesper!AK$2:AK$366,ROUNDDOWN($C3721/24,0)+1,1)*INDEX($D$3:$AA$30,INDEX(Jesper!$R$2:$R$366,ROW(INDEX(Jesper!AK$2:AK$366,ROUNDDOWN($C3721/24,0)+1,1))-1)+IF('Standard Profiles'!$G$21=$B$10,7,0)+IF('Standard Profiles'!$G$21=$B$17,14,0)+IF('Standard Profiles'!$G$21=$B$24,21,0),MOD($C3721,24)+1)/SUM(INDEX($D$3:$AA$30,INDEX(Jesper!$R$2:$R$366,ROW(INDEX(Jesper!AK$2:AK$366,ROUNDDOWN($C3721/24,0)+1,1))-1)+IF('Standard Profiles'!$G$21=$B$10,7,0)+IF('Standard Profiles'!$G$21=$B$17,14,0)+IF('Standard Profiles'!$G$21=$B$24,21,0),0)),0)</f>
        <v>0</v>
      </c>
      <c r="H3721" cm="1">
        <f t="array" ref="H3721">IFERROR(INDEX(Jesper!AL$2:AL$366,ROUNDDOWN($C3721/24,0)+1,1)*INDEX($D$3:$AA$30,INDEX(Jesper!$R$2:$R$366,ROW(INDEX(Jesper!AL$2:AL$366,ROUNDDOWN($C3721/24,0)+1,1))-1)+IF('Standard Profiles'!$G$22=$B$10,7,0)+IF('Standard Profiles'!$G$22=$B$17,14,0)+IF('Standard Profiles'!$G$22=$B$24,21,0),MOD($C3721,24)+1)/SUM(INDEX($D$3:$AA$30,INDEX(Jesper!$R$2:$R$366,ROW(INDEX(Jesper!AL$2:AL$366,ROUNDDOWN($C3721/24,0)+1,1))-1)+IF('Standard Profiles'!$G$22=$B$10,7,0)+IF('Standard Profiles'!$G$22=$B$17,14,0)+IF('Standard Profiles'!$G$22=$B$24,21,0),0)),0)</f>
        <v>0</v>
      </c>
      <c r="I3721">
        <f t="shared" si="419"/>
        <v>0.19710152758306865</v>
      </c>
      <c r="J3721">
        <f t="shared" si="420"/>
        <v>0.65700509194356227</v>
      </c>
      <c r="K3721">
        <f t="shared" si="421"/>
        <v>0.98550763791534335</v>
      </c>
      <c r="L3721">
        <f t="shared" si="422"/>
        <v>11.862787876434128</v>
      </c>
      <c r="M3721">
        <f t="shared" si="423"/>
        <v>0</v>
      </c>
      <c r="N3721" s="46">
        <f t="shared" si="424"/>
        <v>45445.624999991058</v>
      </c>
    </row>
    <row r="3722" spans="2:14" x14ac:dyDescent="0.3">
      <c r="B3722">
        <f t="shared" si="418"/>
        <v>7</v>
      </c>
      <c r="C3722" s="16">
        <v>3688</v>
      </c>
      <c r="D3722" cm="1">
        <f t="array" ref="D3722">IFERROR(INDEX(Jesper!AH$2:AH$366,ROUNDDOWN($C3722/24,0)+1,1)*INDEX($D$3:$AA$30,INDEX(Jesper!$R$2:$R$366,ROW(INDEX(Jesper!AH$2:AH$366,ROUNDDOWN($C3722/24,0)+1,1))-1)+IF('Standard Profiles'!$G$18=$B$10,7,0)+IF('Standard Profiles'!$G$18=$B$17,14,0)+IF('Standard Profiles'!$G$18=$B$24,21,0),MOD($C3722,24)+1)/SUM(INDEX($D$3:$AA$30,INDEX(Jesper!$R$2:$R$366,ROW(INDEX(Jesper!AH$2:AH$366,ROUNDDOWN($C3722/24,0)+1,1))-1)+IF('Standard Profiles'!$G$18=$B$10,7,0)+IF('Standard Profiles'!$G$18=$B$17,14,0)+IF('Standard Profiles'!$G$18=$B$24,21,0),0)),0)</f>
        <v>11.308957763816467</v>
      </c>
      <c r="E3722" cm="1">
        <f t="array" ref="E3722">IFERROR(INDEX(Jesper!AI$2:AI$366,ROUNDDOWN($C3722/24,0)+1,1)*INDEX($D$3:$AA$30,INDEX(Jesper!$R$2:$R$366,ROW(INDEX(Jesper!AI$2:AI$366,ROUNDDOWN($C3722/24,0)+1,1))-1)+IF('Standard Profiles'!$G$19=$B$10,7,0)+IF('Standard Profiles'!$G$19=$B$17,14,0)+IF('Standard Profiles'!$G$19=$B$24,21,0),MOD($C3722,24)+1)/SUM(INDEX($D$3:$AA$30,INDEX(Jesper!$R$2:$R$366,ROW(INDEX(Jesper!AI$2:AI$366,ROUNDDOWN($C3722/24,0)+1,1))-1)+IF('Standard Profiles'!$G$19=$B$10,7,0)+IF('Standard Profiles'!$G$19=$B$17,14,0)+IF('Standard Profiles'!$G$19=$B$24,21,0),0)),0)</f>
        <v>2.1487586176689888</v>
      </c>
      <c r="F3722" cm="1">
        <f t="array" ref="F3722">IFERROR(INDEX(Jesper!AJ$2:AJ$366,ROUNDDOWN($C3722/24,0)+1,1)*INDEX($D$3:$AA$30,INDEX(Jesper!$R$2:$R$366,ROW(INDEX(Jesper!AJ$2:AJ$366,ROUNDDOWN($C3722/24,0)+1,1))-1)+IF('Standard Profiles'!$G$20=$B$10,7,0)+IF('Standard Profiles'!$G$20=$B$17,14,0)+IF('Standard Profiles'!$G$20=$B$24,21,0),MOD($C3722,24)+1)/SUM(INDEX($D$3:$AA$30,INDEX(Jesper!$R$2:$R$366,ROW(INDEX(Jesper!AJ$2:AJ$366,ROUNDDOWN($C3722/24,0)+1,1))-1)+IF('Standard Profiles'!$G$20=$B$10,7,0)+IF('Standard Profiles'!$G$20=$B$17,14,0)+IF('Standard Profiles'!$G$20=$B$24,21,0),0)),0)</f>
        <v>0</v>
      </c>
      <c r="G3722" cm="1">
        <f t="array" ref="G3722">IFERROR(INDEX(Jesper!AK$2:AK$366,ROUNDDOWN($C3722/24,0)+1,1)*INDEX($D$3:$AA$30,INDEX(Jesper!$R$2:$R$366,ROW(INDEX(Jesper!AK$2:AK$366,ROUNDDOWN($C3722/24,0)+1,1))-1)+IF('Standard Profiles'!$G$21=$B$10,7,0)+IF('Standard Profiles'!$G$21=$B$17,14,0)+IF('Standard Profiles'!$G$21=$B$24,21,0),MOD($C3722,24)+1)/SUM(INDEX($D$3:$AA$30,INDEX(Jesper!$R$2:$R$366,ROW(INDEX(Jesper!AK$2:AK$366,ROUNDDOWN($C3722/24,0)+1,1))-1)+IF('Standard Profiles'!$G$21=$B$10,7,0)+IF('Standard Profiles'!$G$21=$B$17,14,0)+IF('Standard Profiles'!$G$21=$B$24,21,0),0)),0)</f>
        <v>0</v>
      </c>
      <c r="H3722" cm="1">
        <f t="array" ref="H3722">IFERROR(INDEX(Jesper!AL$2:AL$366,ROUNDDOWN($C3722/24,0)+1,1)*INDEX($D$3:$AA$30,INDEX(Jesper!$R$2:$R$366,ROW(INDEX(Jesper!AL$2:AL$366,ROUNDDOWN($C3722/24,0)+1,1))-1)+IF('Standard Profiles'!$G$22=$B$10,7,0)+IF('Standard Profiles'!$G$22=$B$17,14,0)+IF('Standard Profiles'!$G$22=$B$24,21,0),MOD($C3722,24)+1)/SUM(INDEX($D$3:$AA$30,INDEX(Jesper!$R$2:$R$366,ROW(INDEX(Jesper!AL$2:AL$366,ROUNDDOWN($C3722/24,0)+1,1))-1)+IF('Standard Profiles'!$G$22=$B$10,7,0)+IF('Standard Profiles'!$G$22=$B$17,14,0)+IF('Standard Profiles'!$G$22=$B$24,21,0),0)),0)</f>
        <v>0</v>
      </c>
      <c r="I3722">
        <f t="shared" si="419"/>
        <v>0.19358185744765669</v>
      </c>
      <c r="J3722">
        <f t="shared" si="420"/>
        <v>0.64527285815885571</v>
      </c>
      <c r="K3722">
        <f t="shared" si="421"/>
        <v>0.96790928723828362</v>
      </c>
      <c r="L3722">
        <f t="shared" si="422"/>
        <v>11.65095237864066</v>
      </c>
      <c r="M3722">
        <f t="shared" si="423"/>
        <v>0</v>
      </c>
      <c r="N3722" s="46">
        <f t="shared" si="424"/>
        <v>45445.666666657722</v>
      </c>
    </row>
    <row r="3723" spans="2:14" x14ac:dyDescent="0.3">
      <c r="B3723">
        <f t="shared" si="418"/>
        <v>7</v>
      </c>
      <c r="C3723" s="16">
        <v>3689</v>
      </c>
      <c r="D3723" cm="1">
        <f t="array" ref="D3723">IFERROR(INDEX(Jesper!AH$2:AH$366,ROUNDDOWN($C3723/24,0)+1,1)*INDEX($D$3:$AA$30,INDEX(Jesper!$R$2:$R$366,ROW(INDEX(Jesper!AH$2:AH$366,ROUNDDOWN($C3723/24,0)+1,1))-1)+IF('Standard Profiles'!$G$18=$B$10,7,0)+IF('Standard Profiles'!$G$18=$B$17,14,0)+IF('Standard Profiles'!$G$18=$B$24,21,0),MOD($C3723,24)+1)/SUM(INDEX($D$3:$AA$30,INDEX(Jesper!$R$2:$R$366,ROW(INDEX(Jesper!AH$2:AH$366,ROUNDDOWN($C3723/24,0)+1,1))-1)+IF('Standard Profiles'!$G$18=$B$10,7,0)+IF('Standard Profiles'!$G$18=$B$17,14,0)+IF('Standard Profiles'!$G$18=$B$24,21,0),0)),0)</f>
        <v>9.6640184527158919</v>
      </c>
      <c r="E3723" cm="1">
        <f t="array" ref="E3723">IFERROR(INDEX(Jesper!AI$2:AI$366,ROUNDDOWN($C3723/24,0)+1,1)*INDEX($D$3:$AA$30,INDEX(Jesper!$R$2:$R$366,ROW(INDEX(Jesper!AI$2:AI$366,ROUNDDOWN($C3723/24,0)+1,1))-1)+IF('Standard Profiles'!$G$19=$B$10,7,0)+IF('Standard Profiles'!$G$19=$B$17,14,0)+IF('Standard Profiles'!$G$19=$B$24,21,0),MOD($C3723,24)+1)/SUM(INDEX($D$3:$AA$30,INDEX(Jesper!$R$2:$R$366,ROW(INDEX(Jesper!AI$2:AI$366,ROUNDDOWN($C3723/24,0)+1,1))-1)+IF('Standard Profiles'!$G$19=$B$10,7,0)+IF('Standard Profiles'!$G$19=$B$17,14,0)+IF('Standard Profiles'!$G$19=$B$24,21,0),0)),0)</f>
        <v>1.8362119096444089</v>
      </c>
      <c r="F3723" cm="1">
        <f t="array" ref="F3723">IFERROR(INDEX(Jesper!AJ$2:AJ$366,ROUNDDOWN($C3723/24,0)+1,1)*INDEX($D$3:$AA$30,INDEX(Jesper!$R$2:$R$366,ROW(INDEX(Jesper!AJ$2:AJ$366,ROUNDDOWN($C3723/24,0)+1,1))-1)+IF('Standard Profiles'!$G$20=$B$10,7,0)+IF('Standard Profiles'!$G$20=$B$17,14,0)+IF('Standard Profiles'!$G$20=$B$24,21,0),MOD($C3723,24)+1)/SUM(INDEX($D$3:$AA$30,INDEX(Jesper!$R$2:$R$366,ROW(INDEX(Jesper!AJ$2:AJ$366,ROUNDDOWN($C3723/24,0)+1,1))-1)+IF('Standard Profiles'!$G$20=$B$10,7,0)+IF('Standard Profiles'!$G$20=$B$17,14,0)+IF('Standard Profiles'!$G$20=$B$24,21,0),0)),0)</f>
        <v>0</v>
      </c>
      <c r="G3723" cm="1">
        <f t="array" ref="G3723">IFERROR(INDEX(Jesper!AK$2:AK$366,ROUNDDOWN($C3723/24,0)+1,1)*INDEX($D$3:$AA$30,INDEX(Jesper!$R$2:$R$366,ROW(INDEX(Jesper!AK$2:AK$366,ROUNDDOWN($C3723/24,0)+1,1))-1)+IF('Standard Profiles'!$G$21=$B$10,7,0)+IF('Standard Profiles'!$G$21=$B$17,14,0)+IF('Standard Profiles'!$G$21=$B$24,21,0),MOD($C3723,24)+1)/SUM(INDEX($D$3:$AA$30,INDEX(Jesper!$R$2:$R$366,ROW(INDEX(Jesper!AK$2:AK$366,ROUNDDOWN($C3723/24,0)+1,1))-1)+IF('Standard Profiles'!$G$21=$B$10,7,0)+IF('Standard Profiles'!$G$21=$B$17,14,0)+IF('Standard Profiles'!$G$21=$B$24,21,0),0)),0)</f>
        <v>0</v>
      </c>
      <c r="H3723" cm="1">
        <f t="array" ref="H3723">IFERROR(INDEX(Jesper!AL$2:AL$366,ROUNDDOWN($C3723/24,0)+1,1)*INDEX($D$3:$AA$30,INDEX(Jesper!$R$2:$R$366,ROW(INDEX(Jesper!AL$2:AL$366,ROUNDDOWN($C3723/24,0)+1,1))-1)+IF('Standard Profiles'!$G$22=$B$10,7,0)+IF('Standard Profiles'!$G$22=$B$17,14,0)+IF('Standard Profiles'!$G$22=$B$24,21,0),MOD($C3723,24)+1)/SUM(INDEX($D$3:$AA$30,INDEX(Jesper!$R$2:$R$366,ROW(INDEX(Jesper!AL$2:AL$366,ROUNDDOWN($C3723/24,0)+1,1))-1)+IF('Standard Profiles'!$G$22=$B$10,7,0)+IF('Standard Profiles'!$G$22=$B$17,14,0)+IF('Standard Profiles'!$G$22=$B$24,21,0),0)),0)</f>
        <v>0</v>
      </c>
      <c r="I3723">
        <f t="shared" si="419"/>
        <v>0.16542449636436121</v>
      </c>
      <c r="J3723">
        <f t="shared" si="420"/>
        <v>0.55141498788120413</v>
      </c>
      <c r="K3723">
        <f t="shared" si="421"/>
        <v>0.82712248182180614</v>
      </c>
      <c r="L3723">
        <f t="shared" si="422"/>
        <v>9.9562683962929288</v>
      </c>
      <c r="M3723">
        <f t="shared" si="423"/>
        <v>0</v>
      </c>
      <c r="N3723" s="46">
        <f t="shared" si="424"/>
        <v>45445.708333324386</v>
      </c>
    </row>
    <row r="3724" spans="2:14" x14ac:dyDescent="0.3">
      <c r="B3724">
        <f t="shared" si="418"/>
        <v>7</v>
      </c>
      <c r="C3724" s="16">
        <v>3690</v>
      </c>
      <c r="D3724" cm="1">
        <f t="array" ref="D3724">IFERROR(INDEX(Jesper!AH$2:AH$366,ROUNDDOWN($C3724/24,0)+1,1)*INDEX($D$3:$AA$30,INDEX(Jesper!$R$2:$R$366,ROW(INDEX(Jesper!AH$2:AH$366,ROUNDDOWN($C3724/24,0)+1,1))-1)+IF('Standard Profiles'!$G$18=$B$10,7,0)+IF('Standard Profiles'!$G$18=$B$17,14,0)+IF('Standard Profiles'!$G$18=$B$24,21,0),MOD($C3724,24)+1)/SUM(INDEX($D$3:$AA$30,INDEX(Jesper!$R$2:$R$366,ROW(INDEX(Jesper!AH$2:AH$366,ROUNDDOWN($C3724/24,0)+1,1))-1)+IF('Standard Profiles'!$G$18=$B$10,7,0)+IF('Standard Profiles'!$G$18=$B$17,14,0)+IF('Standard Profiles'!$G$18=$B$24,21,0),0)),0)</f>
        <v>9.0471662110531756</v>
      </c>
      <c r="E3724" cm="1">
        <f t="array" ref="E3724">IFERROR(INDEX(Jesper!AI$2:AI$366,ROUNDDOWN($C3724/24,0)+1,1)*INDEX($D$3:$AA$30,INDEX(Jesper!$R$2:$R$366,ROW(INDEX(Jesper!AI$2:AI$366,ROUNDDOWN($C3724/24,0)+1,1))-1)+IF('Standard Profiles'!$G$19=$B$10,7,0)+IF('Standard Profiles'!$G$19=$B$17,14,0)+IF('Standard Profiles'!$G$19=$B$24,21,0),MOD($C3724,24)+1)/SUM(INDEX($D$3:$AA$30,INDEX(Jesper!$R$2:$R$366,ROW(INDEX(Jesper!AI$2:AI$366,ROUNDDOWN($C3724/24,0)+1,1))-1)+IF('Standard Profiles'!$G$19=$B$10,7,0)+IF('Standard Profiles'!$G$19=$B$17,14,0)+IF('Standard Profiles'!$G$19=$B$24,21,0),0)),0)</f>
        <v>1.7190068941351913</v>
      </c>
      <c r="F3724" cm="1">
        <f t="array" ref="F3724">IFERROR(INDEX(Jesper!AJ$2:AJ$366,ROUNDDOWN($C3724/24,0)+1,1)*INDEX($D$3:$AA$30,INDEX(Jesper!$R$2:$R$366,ROW(INDEX(Jesper!AJ$2:AJ$366,ROUNDDOWN($C3724/24,0)+1,1))-1)+IF('Standard Profiles'!$G$20=$B$10,7,0)+IF('Standard Profiles'!$G$20=$B$17,14,0)+IF('Standard Profiles'!$G$20=$B$24,21,0),MOD($C3724,24)+1)/SUM(INDEX($D$3:$AA$30,INDEX(Jesper!$R$2:$R$366,ROW(INDEX(Jesper!AJ$2:AJ$366,ROUNDDOWN($C3724/24,0)+1,1))-1)+IF('Standard Profiles'!$G$20=$B$10,7,0)+IF('Standard Profiles'!$G$20=$B$17,14,0)+IF('Standard Profiles'!$G$20=$B$24,21,0),0)),0)</f>
        <v>0</v>
      </c>
      <c r="G3724" cm="1">
        <f t="array" ref="G3724">IFERROR(INDEX(Jesper!AK$2:AK$366,ROUNDDOWN($C3724/24,0)+1,1)*INDEX($D$3:$AA$30,INDEX(Jesper!$R$2:$R$366,ROW(INDEX(Jesper!AK$2:AK$366,ROUNDDOWN($C3724/24,0)+1,1))-1)+IF('Standard Profiles'!$G$21=$B$10,7,0)+IF('Standard Profiles'!$G$21=$B$17,14,0)+IF('Standard Profiles'!$G$21=$B$24,21,0),MOD($C3724,24)+1)/SUM(INDEX($D$3:$AA$30,INDEX(Jesper!$R$2:$R$366,ROW(INDEX(Jesper!AK$2:AK$366,ROUNDDOWN($C3724/24,0)+1,1))-1)+IF('Standard Profiles'!$G$21=$B$10,7,0)+IF('Standard Profiles'!$G$21=$B$17,14,0)+IF('Standard Profiles'!$G$21=$B$24,21,0),0)),0)</f>
        <v>0</v>
      </c>
      <c r="H3724" cm="1">
        <f t="array" ref="H3724">IFERROR(INDEX(Jesper!AL$2:AL$366,ROUNDDOWN($C3724/24,0)+1,1)*INDEX($D$3:$AA$30,INDEX(Jesper!$R$2:$R$366,ROW(INDEX(Jesper!AL$2:AL$366,ROUNDDOWN($C3724/24,0)+1,1))-1)+IF('Standard Profiles'!$G$22=$B$10,7,0)+IF('Standard Profiles'!$G$22=$B$17,14,0)+IF('Standard Profiles'!$G$22=$B$24,21,0),MOD($C3724,24)+1)/SUM(INDEX($D$3:$AA$30,INDEX(Jesper!$R$2:$R$366,ROW(INDEX(Jesper!AL$2:AL$366,ROUNDDOWN($C3724/24,0)+1,1))-1)+IF('Standard Profiles'!$G$22=$B$10,7,0)+IF('Standard Profiles'!$G$22=$B$17,14,0)+IF('Standard Profiles'!$G$22=$B$24,21,0),0)),0)</f>
        <v>0</v>
      </c>
      <c r="I3724">
        <f t="shared" si="419"/>
        <v>0.15486548595812538</v>
      </c>
      <c r="J3724">
        <f t="shared" si="420"/>
        <v>0.51621828652708468</v>
      </c>
      <c r="K3724">
        <f t="shared" si="421"/>
        <v>0.77432742979062696</v>
      </c>
      <c r="L3724">
        <f t="shared" si="422"/>
        <v>9.3207619029125297</v>
      </c>
      <c r="M3724">
        <f t="shared" si="423"/>
        <v>0</v>
      </c>
      <c r="N3724" s="46">
        <f t="shared" si="424"/>
        <v>45445.749999991051</v>
      </c>
    </row>
    <row r="3725" spans="2:14" x14ac:dyDescent="0.3">
      <c r="B3725">
        <f t="shared" si="418"/>
        <v>7</v>
      </c>
      <c r="C3725" s="16">
        <v>3691</v>
      </c>
      <c r="D3725" cm="1">
        <f t="array" ref="D3725">IFERROR(INDEX(Jesper!AH$2:AH$366,ROUNDDOWN($C3725/24,0)+1,1)*INDEX($D$3:$AA$30,INDEX(Jesper!$R$2:$R$366,ROW(INDEX(Jesper!AH$2:AH$366,ROUNDDOWN($C3725/24,0)+1,1))-1)+IF('Standard Profiles'!$G$18=$B$10,7,0)+IF('Standard Profiles'!$G$18=$B$17,14,0)+IF('Standard Profiles'!$G$18=$B$24,21,0),MOD($C3725,24)+1)/SUM(INDEX($D$3:$AA$30,INDEX(Jesper!$R$2:$R$366,ROW(INDEX(Jesper!AH$2:AH$366,ROUNDDOWN($C3725/24,0)+1,1))-1)+IF('Standard Profiles'!$G$18=$B$10,7,0)+IF('Standard Profiles'!$G$18=$B$17,14,0)+IF('Standard Profiles'!$G$18=$B$24,21,0),0)),0)</f>
        <v>7.6078443138401708</v>
      </c>
      <c r="E3725" cm="1">
        <f t="array" ref="E3725">IFERROR(INDEX(Jesper!AI$2:AI$366,ROUNDDOWN($C3725/24,0)+1,1)*INDEX($D$3:$AA$30,INDEX(Jesper!$R$2:$R$366,ROW(INDEX(Jesper!AI$2:AI$366,ROUNDDOWN($C3725/24,0)+1,1))-1)+IF('Standard Profiles'!$G$19=$B$10,7,0)+IF('Standard Profiles'!$G$19=$B$17,14,0)+IF('Standard Profiles'!$G$19=$B$24,21,0),MOD($C3725,24)+1)/SUM(INDEX($D$3:$AA$30,INDEX(Jesper!$R$2:$R$366,ROW(INDEX(Jesper!AI$2:AI$366,ROUNDDOWN($C3725/24,0)+1,1))-1)+IF('Standard Profiles'!$G$19=$B$10,7,0)+IF('Standard Profiles'!$G$19=$B$17,14,0)+IF('Standard Profiles'!$G$19=$B$24,21,0),0)),0)</f>
        <v>1.4455285246136835</v>
      </c>
      <c r="F3725" cm="1">
        <f t="array" ref="F3725">IFERROR(INDEX(Jesper!AJ$2:AJ$366,ROUNDDOWN($C3725/24,0)+1,1)*INDEX($D$3:$AA$30,INDEX(Jesper!$R$2:$R$366,ROW(INDEX(Jesper!AJ$2:AJ$366,ROUNDDOWN($C3725/24,0)+1,1))-1)+IF('Standard Profiles'!$G$20=$B$10,7,0)+IF('Standard Profiles'!$G$20=$B$17,14,0)+IF('Standard Profiles'!$G$20=$B$24,21,0),MOD($C3725,24)+1)/SUM(INDEX($D$3:$AA$30,INDEX(Jesper!$R$2:$R$366,ROW(INDEX(Jesper!AJ$2:AJ$366,ROUNDDOWN($C3725/24,0)+1,1))-1)+IF('Standard Profiles'!$G$20=$B$10,7,0)+IF('Standard Profiles'!$G$20=$B$17,14,0)+IF('Standard Profiles'!$G$20=$B$24,21,0),0)),0)</f>
        <v>0</v>
      </c>
      <c r="G3725" cm="1">
        <f t="array" ref="G3725">IFERROR(INDEX(Jesper!AK$2:AK$366,ROUNDDOWN($C3725/24,0)+1,1)*INDEX($D$3:$AA$30,INDEX(Jesper!$R$2:$R$366,ROW(INDEX(Jesper!AK$2:AK$366,ROUNDDOWN($C3725/24,0)+1,1))-1)+IF('Standard Profiles'!$G$21=$B$10,7,0)+IF('Standard Profiles'!$G$21=$B$17,14,0)+IF('Standard Profiles'!$G$21=$B$24,21,0),MOD($C3725,24)+1)/SUM(INDEX($D$3:$AA$30,INDEX(Jesper!$R$2:$R$366,ROW(INDEX(Jesper!AK$2:AK$366,ROUNDDOWN($C3725/24,0)+1,1))-1)+IF('Standard Profiles'!$G$21=$B$10,7,0)+IF('Standard Profiles'!$G$21=$B$17,14,0)+IF('Standard Profiles'!$G$21=$B$24,21,0),0)),0)</f>
        <v>0</v>
      </c>
      <c r="H3725" cm="1">
        <f t="array" ref="H3725">IFERROR(INDEX(Jesper!AL$2:AL$366,ROUNDDOWN($C3725/24,0)+1,1)*INDEX($D$3:$AA$30,INDEX(Jesper!$R$2:$R$366,ROW(INDEX(Jesper!AL$2:AL$366,ROUNDDOWN($C3725/24,0)+1,1))-1)+IF('Standard Profiles'!$G$22=$B$10,7,0)+IF('Standard Profiles'!$G$22=$B$17,14,0)+IF('Standard Profiles'!$G$22=$B$24,21,0),MOD($C3725,24)+1)/SUM(INDEX($D$3:$AA$30,INDEX(Jesper!$R$2:$R$366,ROW(INDEX(Jesper!AL$2:AL$366,ROUNDDOWN($C3725/24,0)+1,1))-1)+IF('Standard Profiles'!$G$22=$B$10,7,0)+IF('Standard Profiles'!$G$22=$B$17,14,0)+IF('Standard Profiles'!$G$22=$B$24,21,0),0)),0)</f>
        <v>0</v>
      </c>
      <c r="I3725">
        <f t="shared" si="419"/>
        <v>0.13022779501024179</v>
      </c>
      <c r="J3725">
        <f t="shared" si="420"/>
        <v>0.43409265003413938</v>
      </c>
      <c r="K3725">
        <f t="shared" si="421"/>
        <v>0.6511389750512091</v>
      </c>
      <c r="L3725">
        <f t="shared" si="422"/>
        <v>7.8379134183582639</v>
      </c>
      <c r="M3725">
        <f t="shared" si="423"/>
        <v>0</v>
      </c>
      <c r="N3725" s="46">
        <f t="shared" si="424"/>
        <v>45445.791666657715</v>
      </c>
    </row>
    <row r="3726" spans="2:14" x14ac:dyDescent="0.3">
      <c r="B3726">
        <f t="shared" si="418"/>
        <v>7</v>
      </c>
      <c r="C3726" s="16">
        <v>3692</v>
      </c>
      <c r="D3726" cm="1">
        <f t="array" ref="D3726">IFERROR(INDEX(Jesper!AH$2:AH$366,ROUNDDOWN($C3726/24,0)+1,1)*INDEX($D$3:$AA$30,INDEX(Jesper!$R$2:$R$366,ROW(INDEX(Jesper!AH$2:AH$366,ROUNDDOWN($C3726/24,0)+1,1))-1)+IF('Standard Profiles'!$G$18=$B$10,7,0)+IF('Standard Profiles'!$G$18=$B$17,14,0)+IF('Standard Profiles'!$G$18=$B$24,21,0),MOD($C3726,24)+1)/SUM(INDEX($D$3:$AA$30,INDEX(Jesper!$R$2:$R$366,ROW(INDEX(Jesper!AH$2:AH$366,ROUNDDOWN($C3726/24,0)+1,1))-1)+IF('Standard Profiles'!$G$18=$B$10,7,0)+IF('Standard Profiles'!$G$18=$B$17,14,0)+IF('Standard Profiles'!$G$18=$B$24,21,0),0)),0)</f>
        <v>6.3741398305147374</v>
      </c>
      <c r="E3726" cm="1">
        <f t="array" ref="E3726">IFERROR(INDEX(Jesper!AI$2:AI$366,ROUNDDOWN($C3726/24,0)+1,1)*INDEX($D$3:$AA$30,INDEX(Jesper!$R$2:$R$366,ROW(INDEX(Jesper!AI$2:AI$366,ROUNDDOWN($C3726/24,0)+1,1))-1)+IF('Standard Profiles'!$G$19=$B$10,7,0)+IF('Standard Profiles'!$G$19=$B$17,14,0)+IF('Standard Profiles'!$G$19=$B$24,21,0),MOD($C3726,24)+1)/SUM(INDEX($D$3:$AA$30,INDEX(Jesper!$R$2:$R$366,ROW(INDEX(Jesper!AI$2:AI$366,ROUNDDOWN($C3726/24,0)+1,1))-1)+IF('Standard Profiles'!$G$19=$B$10,7,0)+IF('Standard Profiles'!$G$19=$B$17,14,0)+IF('Standard Profiles'!$G$19=$B$24,21,0),0)),0)</f>
        <v>1.2111184935952484</v>
      </c>
      <c r="F3726" cm="1">
        <f t="array" ref="F3726">IFERROR(INDEX(Jesper!AJ$2:AJ$366,ROUNDDOWN($C3726/24,0)+1,1)*INDEX($D$3:$AA$30,INDEX(Jesper!$R$2:$R$366,ROW(INDEX(Jesper!AJ$2:AJ$366,ROUNDDOWN($C3726/24,0)+1,1))-1)+IF('Standard Profiles'!$G$20=$B$10,7,0)+IF('Standard Profiles'!$G$20=$B$17,14,0)+IF('Standard Profiles'!$G$20=$B$24,21,0),MOD($C3726,24)+1)/SUM(INDEX($D$3:$AA$30,INDEX(Jesper!$R$2:$R$366,ROW(INDEX(Jesper!AJ$2:AJ$366,ROUNDDOWN($C3726/24,0)+1,1))-1)+IF('Standard Profiles'!$G$20=$B$10,7,0)+IF('Standard Profiles'!$G$20=$B$17,14,0)+IF('Standard Profiles'!$G$20=$B$24,21,0),0)),0)</f>
        <v>0</v>
      </c>
      <c r="G3726" cm="1">
        <f t="array" ref="G3726">IFERROR(INDEX(Jesper!AK$2:AK$366,ROUNDDOWN($C3726/24,0)+1,1)*INDEX($D$3:$AA$30,INDEX(Jesper!$R$2:$R$366,ROW(INDEX(Jesper!AK$2:AK$366,ROUNDDOWN($C3726/24,0)+1,1))-1)+IF('Standard Profiles'!$G$21=$B$10,7,0)+IF('Standard Profiles'!$G$21=$B$17,14,0)+IF('Standard Profiles'!$G$21=$B$24,21,0),MOD($C3726,24)+1)/SUM(INDEX($D$3:$AA$30,INDEX(Jesper!$R$2:$R$366,ROW(INDEX(Jesper!AK$2:AK$366,ROUNDDOWN($C3726/24,0)+1,1))-1)+IF('Standard Profiles'!$G$21=$B$10,7,0)+IF('Standard Profiles'!$G$21=$B$17,14,0)+IF('Standard Profiles'!$G$21=$B$24,21,0),0)),0)</f>
        <v>0</v>
      </c>
      <c r="H3726" cm="1">
        <f t="array" ref="H3726">IFERROR(INDEX(Jesper!AL$2:AL$366,ROUNDDOWN($C3726/24,0)+1,1)*INDEX($D$3:$AA$30,INDEX(Jesper!$R$2:$R$366,ROW(INDEX(Jesper!AL$2:AL$366,ROUNDDOWN($C3726/24,0)+1,1))-1)+IF('Standard Profiles'!$G$22=$B$10,7,0)+IF('Standard Profiles'!$G$22=$B$17,14,0)+IF('Standard Profiles'!$G$22=$B$24,21,0),MOD($C3726,24)+1)/SUM(INDEX($D$3:$AA$30,INDEX(Jesper!$R$2:$R$366,ROW(INDEX(Jesper!AL$2:AL$366,ROUNDDOWN($C3726/24,0)+1,1))-1)+IF('Standard Profiles'!$G$22=$B$10,7,0)+IF('Standard Profiles'!$G$22=$B$17,14,0)+IF('Standard Profiles'!$G$22=$B$24,21,0),0)),0)</f>
        <v>0</v>
      </c>
      <c r="I3726">
        <f t="shared" si="419"/>
        <v>0.10910977419777015</v>
      </c>
      <c r="J3726">
        <f t="shared" si="420"/>
        <v>0.36369924732590053</v>
      </c>
      <c r="K3726">
        <f t="shared" si="421"/>
        <v>0.54554887098885085</v>
      </c>
      <c r="L3726">
        <f t="shared" si="422"/>
        <v>6.5669004315974639</v>
      </c>
      <c r="M3726">
        <f t="shared" si="423"/>
        <v>0</v>
      </c>
      <c r="N3726" s="46">
        <f t="shared" si="424"/>
        <v>45445.833333324379</v>
      </c>
    </row>
    <row r="3727" spans="2:14" x14ac:dyDescent="0.3">
      <c r="B3727">
        <f t="shared" si="418"/>
        <v>7</v>
      </c>
      <c r="C3727" s="16">
        <v>3693</v>
      </c>
      <c r="D3727" cm="1">
        <f t="array" ref="D3727">IFERROR(INDEX(Jesper!AH$2:AH$366,ROUNDDOWN($C3727/24,0)+1,1)*INDEX($D$3:$AA$30,INDEX(Jesper!$R$2:$R$366,ROW(INDEX(Jesper!AH$2:AH$366,ROUNDDOWN($C3727/24,0)+1,1))-1)+IF('Standard Profiles'!$G$18=$B$10,7,0)+IF('Standard Profiles'!$G$18=$B$17,14,0)+IF('Standard Profiles'!$G$18=$B$24,21,0),MOD($C3727,24)+1)/SUM(INDEX($D$3:$AA$30,INDEX(Jesper!$R$2:$R$366,ROW(INDEX(Jesper!AH$2:AH$366,ROUNDDOWN($C3727/24,0)+1,1))-1)+IF('Standard Profiles'!$G$18=$B$10,7,0)+IF('Standard Profiles'!$G$18=$B$17,14,0)+IF('Standard Profiles'!$G$18=$B$24,21,0),0)),0)</f>
        <v>5.5516701749644488</v>
      </c>
      <c r="E3727" cm="1">
        <f t="array" ref="E3727">IFERROR(INDEX(Jesper!AI$2:AI$366,ROUNDDOWN($C3727/24,0)+1,1)*INDEX($D$3:$AA$30,INDEX(Jesper!$R$2:$R$366,ROW(INDEX(Jesper!AI$2:AI$366,ROUNDDOWN($C3727/24,0)+1,1))-1)+IF('Standard Profiles'!$G$19=$B$10,7,0)+IF('Standard Profiles'!$G$19=$B$17,14,0)+IF('Standard Profiles'!$G$19=$B$24,21,0),MOD($C3727,24)+1)/SUM(INDEX($D$3:$AA$30,INDEX(Jesper!$R$2:$R$366,ROW(INDEX(Jesper!AI$2:AI$366,ROUNDDOWN($C3727/24,0)+1,1))-1)+IF('Standard Profiles'!$G$19=$B$10,7,0)+IF('Standard Profiles'!$G$19=$B$17,14,0)+IF('Standard Profiles'!$G$19=$B$24,21,0),0)),0)</f>
        <v>1.0548451395829583</v>
      </c>
      <c r="F3727" cm="1">
        <f t="array" ref="F3727">IFERROR(INDEX(Jesper!AJ$2:AJ$366,ROUNDDOWN($C3727/24,0)+1,1)*INDEX($D$3:$AA$30,INDEX(Jesper!$R$2:$R$366,ROW(INDEX(Jesper!AJ$2:AJ$366,ROUNDDOWN($C3727/24,0)+1,1))-1)+IF('Standard Profiles'!$G$20=$B$10,7,0)+IF('Standard Profiles'!$G$20=$B$17,14,0)+IF('Standard Profiles'!$G$20=$B$24,21,0),MOD($C3727,24)+1)/SUM(INDEX($D$3:$AA$30,INDEX(Jesper!$R$2:$R$366,ROW(INDEX(Jesper!AJ$2:AJ$366,ROUNDDOWN($C3727/24,0)+1,1))-1)+IF('Standard Profiles'!$G$20=$B$10,7,0)+IF('Standard Profiles'!$G$20=$B$17,14,0)+IF('Standard Profiles'!$G$20=$B$24,21,0),0)),0)</f>
        <v>0</v>
      </c>
      <c r="G3727" cm="1">
        <f t="array" ref="G3727">IFERROR(INDEX(Jesper!AK$2:AK$366,ROUNDDOWN($C3727/24,0)+1,1)*INDEX($D$3:$AA$30,INDEX(Jesper!$R$2:$R$366,ROW(INDEX(Jesper!AK$2:AK$366,ROUNDDOWN($C3727/24,0)+1,1))-1)+IF('Standard Profiles'!$G$21=$B$10,7,0)+IF('Standard Profiles'!$G$21=$B$17,14,0)+IF('Standard Profiles'!$G$21=$B$24,21,0),MOD($C3727,24)+1)/SUM(INDEX($D$3:$AA$30,INDEX(Jesper!$R$2:$R$366,ROW(INDEX(Jesper!AK$2:AK$366,ROUNDDOWN($C3727/24,0)+1,1))-1)+IF('Standard Profiles'!$G$21=$B$10,7,0)+IF('Standard Profiles'!$G$21=$B$17,14,0)+IF('Standard Profiles'!$G$21=$B$24,21,0),0)),0)</f>
        <v>0</v>
      </c>
      <c r="H3727" cm="1">
        <f t="array" ref="H3727">IFERROR(INDEX(Jesper!AL$2:AL$366,ROUNDDOWN($C3727/24,0)+1,1)*INDEX($D$3:$AA$30,INDEX(Jesper!$R$2:$R$366,ROW(INDEX(Jesper!AL$2:AL$366,ROUNDDOWN($C3727/24,0)+1,1))-1)+IF('Standard Profiles'!$G$22=$B$10,7,0)+IF('Standard Profiles'!$G$22=$B$17,14,0)+IF('Standard Profiles'!$G$22=$B$24,21,0),MOD($C3727,24)+1)/SUM(INDEX($D$3:$AA$30,INDEX(Jesper!$R$2:$R$366,ROW(INDEX(Jesper!AL$2:AL$366,ROUNDDOWN($C3727/24,0)+1,1))-1)+IF('Standard Profiles'!$G$22=$B$10,7,0)+IF('Standard Profiles'!$G$22=$B$17,14,0)+IF('Standard Profiles'!$G$22=$B$24,21,0),0)),0)</f>
        <v>0</v>
      </c>
      <c r="I3727">
        <f t="shared" si="419"/>
        <v>9.5031093656122403E-2</v>
      </c>
      <c r="J3727">
        <f t="shared" si="420"/>
        <v>0.31677031218707469</v>
      </c>
      <c r="K3727">
        <f t="shared" si="421"/>
        <v>0.47515546828061206</v>
      </c>
      <c r="L3727">
        <f t="shared" si="422"/>
        <v>5.7195584404235982</v>
      </c>
      <c r="M3727">
        <f t="shared" si="423"/>
        <v>0</v>
      </c>
      <c r="N3727" s="46">
        <f t="shared" si="424"/>
        <v>45445.874999991043</v>
      </c>
    </row>
    <row r="3728" spans="2:14" x14ac:dyDescent="0.3">
      <c r="B3728">
        <f t="shared" si="418"/>
        <v>7</v>
      </c>
      <c r="C3728" s="16">
        <v>3694</v>
      </c>
      <c r="D3728" cm="1">
        <f t="array" ref="D3728">IFERROR(INDEX(Jesper!AH$2:AH$366,ROUNDDOWN($C3728/24,0)+1,1)*INDEX($D$3:$AA$30,INDEX(Jesper!$R$2:$R$366,ROW(INDEX(Jesper!AH$2:AH$366,ROUNDDOWN($C3728/24,0)+1,1))-1)+IF('Standard Profiles'!$G$18=$B$10,7,0)+IF('Standard Profiles'!$G$18=$B$17,14,0)+IF('Standard Profiles'!$G$18=$B$24,21,0),MOD($C3728,24)+1)/SUM(INDEX($D$3:$AA$30,INDEX(Jesper!$R$2:$R$366,ROW(INDEX(Jesper!AH$2:AH$366,ROUNDDOWN($C3728/24,0)+1,1))-1)+IF('Standard Profiles'!$G$18=$B$10,7,0)+IF('Standard Profiles'!$G$18=$B$17,14,0)+IF('Standard Profiles'!$G$18=$B$24,21,0),0)),0)</f>
        <v>5.5516701749644488</v>
      </c>
      <c r="E3728" cm="1">
        <f t="array" ref="E3728">IFERROR(INDEX(Jesper!AI$2:AI$366,ROUNDDOWN($C3728/24,0)+1,1)*INDEX($D$3:$AA$30,INDEX(Jesper!$R$2:$R$366,ROW(INDEX(Jesper!AI$2:AI$366,ROUNDDOWN($C3728/24,0)+1,1))-1)+IF('Standard Profiles'!$G$19=$B$10,7,0)+IF('Standard Profiles'!$G$19=$B$17,14,0)+IF('Standard Profiles'!$G$19=$B$24,21,0),MOD($C3728,24)+1)/SUM(INDEX($D$3:$AA$30,INDEX(Jesper!$R$2:$R$366,ROW(INDEX(Jesper!AI$2:AI$366,ROUNDDOWN($C3728/24,0)+1,1))-1)+IF('Standard Profiles'!$G$19=$B$10,7,0)+IF('Standard Profiles'!$G$19=$B$17,14,0)+IF('Standard Profiles'!$G$19=$B$24,21,0),0)),0)</f>
        <v>1.0548451395829583</v>
      </c>
      <c r="F3728" cm="1">
        <f t="array" ref="F3728">IFERROR(INDEX(Jesper!AJ$2:AJ$366,ROUNDDOWN($C3728/24,0)+1,1)*INDEX($D$3:$AA$30,INDEX(Jesper!$R$2:$R$366,ROW(INDEX(Jesper!AJ$2:AJ$366,ROUNDDOWN($C3728/24,0)+1,1))-1)+IF('Standard Profiles'!$G$20=$B$10,7,0)+IF('Standard Profiles'!$G$20=$B$17,14,0)+IF('Standard Profiles'!$G$20=$B$24,21,0),MOD($C3728,24)+1)/SUM(INDEX($D$3:$AA$30,INDEX(Jesper!$R$2:$R$366,ROW(INDEX(Jesper!AJ$2:AJ$366,ROUNDDOWN($C3728/24,0)+1,1))-1)+IF('Standard Profiles'!$G$20=$B$10,7,0)+IF('Standard Profiles'!$G$20=$B$17,14,0)+IF('Standard Profiles'!$G$20=$B$24,21,0),0)),0)</f>
        <v>0</v>
      </c>
      <c r="G3728" cm="1">
        <f t="array" ref="G3728">IFERROR(INDEX(Jesper!AK$2:AK$366,ROUNDDOWN($C3728/24,0)+1,1)*INDEX($D$3:$AA$30,INDEX(Jesper!$R$2:$R$366,ROW(INDEX(Jesper!AK$2:AK$366,ROUNDDOWN($C3728/24,0)+1,1))-1)+IF('Standard Profiles'!$G$21=$B$10,7,0)+IF('Standard Profiles'!$G$21=$B$17,14,0)+IF('Standard Profiles'!$G$21=$B$24,21,0),MOD($C3728,24)+1)/SUM(INDEX($D$3:$AA$30,INDEX(Jesper!$R$2:$R$366,ROW(INDEX(Jesper!AK$2:AK$366,ROUNDDOWN($C3728/24,0)+1,1))-1)+IF('Standard Profiles'!$G$21=$B$10,7,0)+IF('Standard Profiles'!$G$21=$B$17,14,0)+IF('Standard Profiles'!$G$21=$B$24,21,0),0)),0)</f>
        <v>0</v>
      </c>
      <c r="H3728" cm="1">
        <f t="array" ref="H3728">IFERROR(INDEX(Jesper!AL$2:AL$366,ROUNDDOWN($C3728/24,0)+1,1)*INDEX($D$3:$AA$30,INDEX(Jesper!$R$2:$R$366,ROW(INDEX(Jesper!AL$2:AL$366,ROUNDDOWN($C3728/24,0)+1,1))-1)+IF('Standard Profiles'!$G$22=$B$10,7,0)+IF('Standard Profiles'!$G$22=$B$17,14,0)+IF('Standard Profiles'!$G$22=$B$24,21,0),MOD($C3728,24)+1)/SUM(INDEX($D$3:$AA$30,INDEX(Jesper!$R$2:$R$366,ROW(INDEX(Jesper!AL$2:AL$366,ROUNDDOWN($C3728/24,0)+1,1))-1)+IF('Standard Profiles'!$G$22=$B$10,7,0)+IF('Standard Profiles'!$G$22=$B$17,14,0)+IF('Standard Profiles'!$G$22=$B$24,21,0),0)),0)</f>
        <v>0</v>
      </c>
      <c r="I3728">
        <f t="shared" si="419"/>
        <v>9.5031093656122403E-2</v>
      </c>
      <c r="J3728">
        <f t="shared" si="420"/>
        <v>0.31677031218707469</v>
      </c>
      <c r="K3728">
        <f t="shared" si="421"/>
        <v>0.47515546828061206</v>
      </c>
      <c r="L3728">
        <f t="shared" si="422"/>
        <v>5.7195584404235982</v>
      </c>
      <c r="M3728">
        <f t="shared" si="423"/>
        <v>0</v>
      </c>
      <c r="N3728" s="46">
        <f t="shared" si="424"/>
        <v>45445.916666657708</v>
      </c>
    </row>
    <row r="3729" spans="2:14" x14ac:dyDescent="0.3">
      <c r="B3729">
        <f t="shared" si="418"/>
        <v>7</v>
      </c>
      <c r="C3729" s="16">
        <v>3695</v>
      </c>
      <c r="D3729" cm="1">
        <f t="array" ref="D3729">IFERROR(INDEX(Jesper!AH$2:AH$366,ROUNDDOWN($C3729/24,0)+1,1)*INDEX($D$3:$AA$30,INDEX(Jesper!$R$2:$R$366,ROW(INDEX(Jesper!AH$2:AH$366,ROUNDDOWN($C3729/24,0)+1,1))-1)+IF('Standard Profiles'!$G$18=$B$10,7,0)+IF('Standard Profiles'!$G$18=$B$17,14,0)+IF('Standard Profiles'!$G$18=$B$24,21,0),MOD($C3729,24)+1)/SUM(INDEX($D$3:$AA$30,INDEX(Jesper!$R$2:$R$366,ROW(INDEX(Jesper!AH$2:AH$366,ROUNDDOWN($C3729/24,0)+1,1))-1)+IF('Standard Profiles'!$G$18=$B$10,7,0)+IF('Standard Profiles'!$G$18=$B$17,14,0)+IF('Standard Profiles'!$G$18=$B$24,21,0),0)),0)</f>
        <v>5.5516701749644488</v>
      </c>
      <c r="E3729" cm="1">
        <f t="array" ref="E3729">IFERROR(INDEX(Jesper!AI$2:AI$366,ROUNDDOWN($C3729/24,0)+1,1)*INDEX($D$3:$AA$30,INDEX(Jesper!$R$2:$R$366,ROW(INDEX(Jesper!AI$2:AI$366,ROUNDDOWN($C3729/24,0)+1,1))-1)+IF('Standard Profiles'!$G$19=$B$10,7,0)+IF('Standard Profiles'!$G$19=$B$17,14,0)+IF('Standard Profiles'!$G$19=$B$24,21,0),MOD($C3729,24)+1)/SUM(INDEX($D$3:$AA$30,INDEX(Jesper!$R$2:$R$366,ROW(INDEX(Jesper!AI$2:AI$366,ROUNDDOWN($C3729/24,0)+1,1))-1)+IF('Standard Profiles'!$G$19=$B$10,7,0)+IF('Standard Profiles'!$G$19=$B$17,14,0)+IF('Standard Profiles'!$G$19=$B$24,21,0),0)),0)</f>
        <v>1.0548451395829583</v>
      </c>
      <c r="F3729" cm="1">
        <f t="array" ref="F3729">IFERROR(INDEX(Jesper!AJ$2:AJ$366,ROUNDDOWN($C3729/24,0)+1,1)*INDEX($D$3:$AA$30,INDEX(Jesper!$R$2:$R$366,ROW(INDEX(Jesper!AJ$2:AJ$366,ROUNDDOWN($C3729/24,0)+1,1))-1)+IF('Standard Profiles'!$G$20=$B$10,7,0)+IF('Standard Profiles'!$G$20=$B$17,14,0)+IF('Standard Profiles'!$G$20=$B$24,21,0),MOD($C3729,24)+1)/SUM(INDEX($D$3:$AA$30,INDEX(Jesper!$R$2:$R$366,ROW(INDEX(Jesper!AJ$2:AJ$366,ROUNDDOWN($C3729/24,0)+1,1))-1)+IF('Standard Profiles'!$G$20=$B$10,7,0)+IF('Standard Profiles'!$G$20=$B$17,14,0)+IF('Standard Profiles'!$G$20=$B$24,21,0),0)),0)</f>
        <v>0</v>
      </c>
      <c r="G3729" cm="1">
        <f t="array" ref="G3729">IFERROR(INDEX(Jesper!AK$2:AK$366,ROUNDDOWN($C3729/24,0)+1,1)*INDEX($D$3:$AA$30,INDEX(Jesper!$R$2:$R$366,ROW(INDEX(Jesper!AK$2:AK$366,ROUNDDOWN($C3729/24,0)+1,1))-1)+IF('Standard Profiles'!$G$21=$B$10,7,0)+IF('Standard Profiles'!$G$21=$B$17,14,0)+IF('Standard Profiles'!$G$21=$B$24,21,0),MOD($C3729,24)+1)/SUM(INDEX($D$3:$AA$30,INDEX(Jesper!$R$2:$R$366,ROW(INDEX(Jesper!AK$2:AK$366,ROUNDDOWN($C3729/24,0)+1,1))-1)+IF('Standard Profiles'!$G$21=$B$10,7,0)+IF('Standard Profiles'!$G$21=$B$17,14,0)+IF('Standard Profiles'!$G$21=$B$24,21,0),0)),0)</f>
        <v>0</v>
      </c>
      <c r="H3729" cm="1">
        <f t="array" ref="H3729">IFERROR(INDEX(Jesper!AL$2:AL$366,ROUNDDOWN($C3729/24,0)+1,1)*INDEX($D$3:$AA$30,INDEX(Jesper!$R$2:$R$366,ROW(INDEX(Jesper!AL$2:AL$366,ROUNDDOWN($C3729/24,0)+1,1))-1)+IF('Standard Profiles'!$G$22=$B$10,7,0)+IF('Standard Profiles'!$G$22=$B$17,14,0)+IF('Standard Profiles'!$G$22=$B$24,21,0),MOD($C3729,24)+1)/SUM(INDEX($D$3:$AA$30,INDEX(Jesper!$R$2:$R$366,ROW(INDEX(Jesper!AL$2:AL$366,ROUNDDOWN($C3729/24,0)+1,1))-1)+IF('Standard Profiles'!$G$22=$B$10,7,0)+IF('Standard Profiles'!$G$22=$B$17,14,0)+IF('Standard Profiles'!$G$22=$B$24,21,0),0)),0)</f>
        <v>0</v>
      </c>
      <c r="I3729">
        <f t="shared" si="419"/>
        <v>9.5031093656122403E-2</v>
      </c>
      <c r="J3729">
        <f t="shared" si="420"/>
        <v>0.31677031218707469</v>
      </c>
      <c r="K3729">
        <f t="shared" si="421"/>
        <v>0.47515546828061206</v>
      </c>
      <c r="L3729">
        <f t="shared" si="422"/>
        <v>5.7195584404235982</v>
      </c>
      <c r="M3729">
        <f t="shared" si="423"/>
        <v>0</v>
      </c>
      <c r="N3729" s="46">
        <f t="shared" si="424"/>
        <v>45445.958333324372</v>
      </c>
    </row>
    <row r="3730" spans="2:14" x14ac:dyDescent="0.3">
      <c r="B3730">
        <f t="shared" si="418"/>
        <v>1</v>
      </c>
      <c r="C3730" s="16">
        <v>3696</v>
      </c>
      <c r="D3730" cm="1">
        <f t="array" ref="D3730">IFERROR(INDEX(Jesper!AH$2:AH$366,ROUNDDOWN($C3730/24,0)+1,1)*INDEX($D$3:$AA$30,INDEX(Jesper!$R$2:$R$366,ROW(INDEX(Jesper!AH$2:AH$366,ROUNDDOWN($C3730/24,0)+1,1))-1)+IF('Standard Profiles'!$G$18=$B$10,7,0)+IF('Standard Profiles'!$G$18=$B$17,14,0)+IF('Standard Profiles'!$G$18=$B$24,21,0),MOD($C3730,24)+1)/SUM(INDEX($D$3:$AA$30,INDEX(Jesper!$R$2:$R$366,ROW(INDEX(Jesper!AH$2:AH$366,ROUNDDOWN($C3730/24,0)+1,1))-1)+IF('Standard Profiles'!$G$18=$B$10,7,0)+IF('Standard Profiles'!$G$18=$B$17,14,0)+IF('Standard Profiles'!$G$18=$B$24,21,0),0)),0)</f>
        <v>2.462825697649643</v>
      </c>
      <c r="E3730" cm="1">
        <f t="array" ref="E3730">IFERROR(INDEX(Jesper!AI$2:AI$366,ROUNDDOWN($C3730/24,0)+1,1)*INDEX($D$3:$AA$30,INDEX(Jesper!$R$2:$R$366,ROW(INDEX(Jesper!AI$2:AI$366,ROUNDDOWN($C3730/24,0)+1,1))-1)+IF('Standard Profiles'!$G$19=$B$10,7,0)+IF('Standard Profiles'!$G$19=$B$17,14,0)+IF('Standard Profiles'!$G$19=$B$24,21,0),MOD($C3730,24)+1)/SUM(INDEX($D$3:$AA$30,INDEX(Jesper!$R$2:$R$366,ROW(INDEX(Jesper!AI$2:AI$366,ROUNDDOWN($C3730/24,0)+1,1))-1)+IF('Standard Profiles'!$G$19=$B$10,7,0)+IF('Standard Profiles'!$G$19=$B$17,14,0)+IF('Standard Profiles'!$G$19=$B$24,21,0),0)),0)</f>
        <v>0</v>
      </c>
      <c r="F3730" cm="1">
        <f t="array" ref="F3730">IFERROR(INDEX(Jesper!AJ$2:AJ$366,ROUNDDOWN($C3730/24,0)+1,1)*INDEX($D$3:$AA$30,INDEX(Jesper!$R$2:$R$366,ROW(INDEX(Jesper!AJ$2:AJ$366,ROUNDDOWN($C3730/24,0)+1,1))-1)+IF('Standard Profiles'!$G$20=$B$10,7,0)+IF('Standard Profiles'!$G$20=$B$17,14,0)+IF('Standard Profiles'!$G$20=$B$24,21,0),MOD($C3730,24)+1)/SUM(INDEX($D$3:$AA$30,INDEX(Jesper!$R$2:$R$366,ROW(INDEX(Jesper!AJ$2:AJ$366,ROUNDDOWN($C3730/24,0)+1,1))-1)+IF('Standard Profiles'!$G$20=$B$10,7,0)+IF('Standard Profiles'!$G$20=$B$17,14,0)+IF('Standard Profiles'!$G$20=$B$24,21,0),0)),0)</f>
        <v>0</v>
      </c>
      <c r="G3730" cm="1">
        <f t="array" ref="G3730">IFERROR(INDEX(Jesper!AK$2:AK$366,ROUNDDOWN($C3730/24,0)+1,1)*INDEX($D$3:$AA$30,INDEX(Jesper!$R$2:$R$366,ROW(INDEX(Jesper!AK$2:AK$366,ROUNDDOWN($C3730/24,0)+1,1))-1)+IF('Standard Profiles'!$G$21=$B$10,7,0)+IF('Standard Profiles'!$G$21=$B$17,14,0)+IF('Standard Profiles'!$G$21=$B$24,21,0),MOD($C3730,24)+1)/SUM(INDEX($D$3:$AA$30,INDEX(Jesper!$R$2:$R$366,ROW(INDEX(Jesper!AK$2:AK$366,ROUNDDOWN($C3730/24,0)+1,1))-1)+IF('Standard Profiles'!$G$21=$B$10,7,0)+IF('Standard Profiles'!$G$21=$B$17,14,0)+IF('Standard Profiles'!$G$21=$B$24,21,0),0)),0)</f>
        <v>0</v>
      </c>
      <c r="H3730" cm="1">
        <f t="array" ref="H3730">IFERROR(INDEX(Jesper!AL$2:AL$366,ROUNDDOWN($C3730/24,0)+1,1)*INDEX($D$3:$AA$30,INDEX(Jesper!$R$2:$R$366,ROW(INDEX(Jesper!AL$2:AL$366,ROUNDDOWN($C3730/24,0)+1,1))-1)+IF('Standard Profiles'!$G$22=$B$10,7,0)+IF('Standard Profiles'!$G$22=$B$17,14,0)+IF('Standard Profiles'!$G$22=$B$24,21,0),MOD($C3730,24)+1)/SUM(INDEX($D$3:$AA$30,INDEX(Jesper!$R$2:$R$366,ROW(INDEX(Jesper!AL$2:AL$366,ROUNDDOWN($C3730/24,0)+1,1))-1)+IF('Standard Profiles'!$G$22=$B$10,7,0)+IF('Standard Profiles'!$G$22=$B$17,14,0)+IF('Standard Profiles'!$G$22=$B$24,21,0),0)),0)</f>
        <v>0</v>
      </c>
      <c r="I3730">
        <f t="shared" si="419"/>
        <v>7.3884770929489293E-2</v>
      </c>
      <c r="J3730">
        <f t="shared" si="420"/>
        <v>0.24628256976496432</v>
      </c>
      <c r="K3730">
        <f t="shared" si="421"/>
        <v>0.36942385464744643</v>
      </c>
      <c r="L3730">
        <f t="shared" si="422"/>
        <v>1.7732345023077429</v>
      </c>
      <c r="M3730">
        <f t="shared" si="423"/>
        <v>0</v>
      </c>
      <c r="N3730" s="46">
        <f t="shared" si="424"/>
        <v>45445.999999991036</v>
      </c>
    </row>
    <row r="3731" spans="2:14" x14ac:dyDescent="0.3">
      <c r="B3731">
        <f t="shared" si="418"/>
        <v>1</v>
      </c>
      <c r="C3731" s="16">
        <v>3697</v>
      </c>
      <c r="D3731" cm="1">
        <f t="array" ref="D3731">IFERROR(INDEX(Jesper!AH$2:AH$366,ROUNDDOWN($C3731/24,0)+1,1)*INDEX($D$3:$AA$30,INDEX(Jesper!$R$2:$R$366,ROW(INDEX(Jesper!AH$2:AH$366,ROUNDDOWN($C3731/24,0)+1,1))-1)+IF('Standard Profiles'!$G$18=$B$10,7,0)+IF('Standard Profiles'!$G$18=$B$17,14,0)+IF('Standard Profiles'!$G$18=$B$24,21,0),MOD($C3731,24)+1)/SUM(INDEX($D$3:$AA$30,INDEX(Jesper!$R$2:$R$366,ROW(INDEX(Jesper!AH$2:AH$366,ROUNDDOWN($C3731/24,0)+1,1))-1)+IF('Standard Profiles'!$G$18=$B$10,7,0)+IF('Standard Profiles'!$G$18=$B$17,14,0)+IF('Standard Profiles'!$G$18=$B$24,21,0),0)),0)</f>
        <v>2.462825697649643</v>
      </c>
      <c r="E3731" cm="1">
        <f t="array" ref="E3731">IFERROR(INDEX(Jesper!AI$2:AI$366,ROUNDDOWN($C3731/24,0)+1,1)*INDEX($D$3:$AA$30,INDEX(Jesper!$R$2:$R$366,ROW(INDEX(Jesper!AI$2:AI$366,ROUNDDOWN($C3731/24,0)+1,1))-1)+IF('Standard Profiles'!$G$19=$B$10,7,0)+IF('Standard Profiles'!$G$19=$B$17,14,0)+IF('Standard Profiles'!$G$19=$B$24,21,0),MOD($C3731,24)+1)/SUM(INDEX($D$3:$AA$30,INDEX(Jesper!$R$2:$R$366,ROW(INDEX(Jesper!AI$2:AI$366,ROUNDDOWN($C3731/24,0)+1,1))-1)+IF('Standard Profiles'!$G$19=$B$10,7,0)+IF('Standard Profiles'!$G$19=$B$17,14,0)+IF('Standard Profiles'!$G$19=$B$24,21,0),0)),0)</f>
        <v>0</v>
      </c>
      <c r="F3731" cm="1">
        <f t="array" ref="F3731">IFERROR(INDEX(Jesper!AJ$2:AJ$366,ROUNDDOWN($C3731/24,0)+1,1)*INDEX($D$3:$AA$30,INDEX(Jesper!$R$2:$R$366,ROW(INDEX(Jesper!AJ$2:AJ$366,ROUNDDOWN($C3731/24,0)+1,1))-1)+IF('Standard Profiles'!$G$20=$B$10,7,0)+IF('Standard Profiles'!$G$20=$B$17,14,0)+IF('Standard Profiles'!$G$20=$B$24,21,0),MOD($C3731,24)+1)/SUM(INDEX($D$3:$AA$30,INDEX(Jesper!$R$2:$R$366,ROW(INDEX(Jesper!AJ$2:AJ$366,ROUNDDOWN($C3731/24,0)+1,1))-1)+IF('Standard Profiles'!$G$20=$B$10,7,0)+IF('Standard Profiles'!$G$20=$B$17,14,0)+IF('Standard Profiles'!$G$20=$B$24,21,0),0)),0)</f>
        <v>0</v>
      </c>
      <c r="G3731" cm="1">
        <f t="array" ref="G3731">IFERROR(INDEX(Jesper!AK$2:AK$366,ROUNDDOWN($C3731/24,0)+1,1)*INDEX($D$3:$AA$30,INDEX(Jesper!$R$2:$R$366,ROW(INDEX(Jesper!AK$2:AK$366,ROUNDDOWN($C3731/24,0)+1,1))-1)+IF('Standard Profiles'!$G$21=$B$10,7,0)+IF('Standard Profiles'!$G$21=$B$17,14,0)+IF('Standard Profiles'!$G$21=$B$24,21,0),MOD($C3731,24)+1)/SUM(INDEX($D$3:$AA$30,INDEX(Jesper!$R$2:$R$366,ROW(INDEX(Jesper!AK$2:AK$366,ROUNDDOWN($C3731/24,0)+1,1))-1)+IF('Standard Profiles'!$G$21=$B$10,7,0)+IF('Standard Profiles'!$G$21=$B$17,14,0)+IF('Standard Profiles'!$G$21=$B$24,21,0),0)),0)</f>
        <v>0</v>
      </c>
      <c r="H3731" cm="1">
        <f t="array" ref="H3731">IFERROR(INDEX(Jesper!AL$2:AL$366,ROUNDDOWN($C3731/24,0)+1,1)*INDEX($D$3:$AA$30,INDEX(Jesper!$R$2:$R$366,ROW(INDEX(Jesper!AL$2:AL$366,ROUNDDOWN($C3731/24,0)+1,1))-1)+IF('Standard Profiles'!$G$22=$B$10,7,0)+IF('Standard Profiles'!$G$22=$B$17,14,0)+IF('Standard Profiles'!$G$22=$B$24,21,0),MOD($C3731,24)+1)/SUM(INDEX($D$3:$AA$30,INDEX(Jesper!$R$2:$R$366,ROW(INDEX(Jesper!AL$2:AL$366,ROUNDDOWN($C3731/24,0)+1,1))-1)+IF('Standard Profiles'!$G$22=$B$10,7,0)+IF('Standard Profiles'!$G$22=$B$17,14,0)+IF('Standard Profiles'!$G$22=$B$24,21,0),0)),0)</f>
        <v>0</v>
      </c>
      <c r="I3731">
        <f t="shared" si="419"/>
        <v>7.3884770929489293E-2</v>
      </c>
      <c r="J3731">
        <f t="shared" si="420"/>
        <v>0.24628256976496432</v>
      </c>
      <c r="K3731">
        <f t="shared" si="421"/>
        <v>0.36942385464744643</v>
      </c>
      <c r="L3731">
        <f t="shared" si="422"/>
        <v>1.7732345023077429</v>
      </c>
      <c r="M3731">
        <f t="shared" si="423"/>
        <v>0</v>
      </c>
      <c r="N3731" s="46">
        <f t="shared" si="424"/>
        <v>45446.0416666577</v>
      </c>
    </row>
    <row r="3732" spans="2:14" x14ac:dyDescent="0.3">
      <c r="B3732">
        <f t="shared" si="418"/>
        <v>1</v>
      </c>
      <c r="C3732" s="16">
        <v>3698</v>
      </c>
      <c r="D3732" cm="1">
        <f t="array" ref="D3732">IFERROR(INDEX(Jesper!AH$2:AH$366,ROUNDDOWN($C3732/24,0)+1,1)*INDEX($D$3:$AA$30,INDEX(Jesper!$R$2:$R$366,ROW(INDEX(Jesper!AH$2:AH$366,ROUNDDOWN($C3732/24,0)+1,1))-1)+IF('Standard Profiles'!$G$18=$B$10,7,0)+IF('Standard Profiles'!$G$18=$B$17,14,0)+IF('Standard Profiles'!$G$18=$B$24,21,0),MOD($C3732,24)+1)/SUM(INDEX($D$3:$AA$30,INDEX(Jesper!$R$2:$R$366,ROW(INDEX(Jesper!AH$2:AH$366,ROUNDDOWN($C3732/24,0)+1,1))-1)+IF('Standard Profiles'!$G$18=$B$10,7,0)+IF('Standard Profiles'!$G$18=$B$17,14,0)+IF('Standard Profiles'!$G$18=$B$24,21,0),0)),0)</f>
        <v>2.462825697649643</v>
      </c>
      <c r="E3732" cm="1">
        <f t="array" ref="E3732">IFERROR(INDEX(Jesper!AI$2:AI$366,ROUNDDOWN($C3732/24,0)+1,1)*INDEX($D$3:$AA$30,INDEX(Jesper!$R$2:$R$366,ROW(INDEX(Jesper!AI$2:AI$366,ROUNDDOWN($C3732/24,0)+1,1))-1)+IF('Standard Profiles'!$G$19=$B$10,7,0)+IF('Standard Profiles'!$G$19=$B$17,14,0)+IF('Standard Profiles'!$G$19=$B$24,21,0),MOD($C3732,24)+1)/SUM(INDEX($D$3:$AA$30,INDEX(Jesper!$R$2:$R$366,ROW(INDEX(Jesper!AI$2:AI$366,ROUNDDOWN($C3732/24,0)+1,1))-1)+IF('Standard Profiles'!$G$19=$B$10,7,0)+IF('Standard Profiles'!$G$19=$B$17,14,0)+IF('Standard Profiles'!$G$19=$B$24,21,0),0)),0)</f>
        <v>0</v>
      </c>
      <c r="F3732" cm="1">
        <f t="array" ref="F3732">IFERROR(INDEX(Jesper!AJ$2:AJ$366,ROUNDDOWN($C3732/24,0)+1,1)*INDEX($D$3:$AA$30,INDEX(Jesper!$R$2:$R$366,ROW(INDEX(Jesper!AJ$2:AJ$366,ROUNDDOWN($C3732/24,0)+1,1))-1)+IF('Standard Profiles'!$G$20=$B$10,7,0)+IF('Standard Profiles'!$G$20=$B$17,14,0)+IF('Standard Profiles'!$G$20=$B$24,21,0),MOD($C3732,24)+1)/SUM(INDEX($D$3:$AA$30,INDEX(Jesper!$R$2:$R$366,ROW(INDEX(Jesper!AJ$2:AJ$366,ROUNDDOWN($C3732/24,0)+1,1))-1)+IF('Standard Profiles'!$G$20=$B$10,7,0)+IF('Standard Profiles'!$G$20=$B$17,14,0)+IF('Standard Profiles'!$G$20=$B$24,21,0),0)),0)</f>
        <v>0</v>
      </c>
      <c r="G3732" cm="1">
        <f t="array" ref="G3732">IFERROR(INDEX(Jesper!AK$2:AK$366,ROUNDDOWN($C3732/24,0)+1,1)*INDEX($D$3:$AA$30,INDEX(Jesper!$R$2:$R$366,ROW(INDEX(Jesper!AK$2:AK$366,ROUNDDOWN($C3732/24,0)+1,1))-1)+IF('Standard Profiles'!$G$21=$B$10,7,0)+IF('Standard Profiles'!$G$21=$B$17,14,0)+IF('Standard Profiles'!$G$21=$B$24,21,0),MOD($C3732,24)+1)/SUM(INDEX($D$3:$AA$30,INDEX(Jesper!$R$2:$R$366,ROW(INDEX(Jesper!AK$2:AK$366,ROUNDDOWN($C3732/24,0)+1,1))-1)+IF('Standard Profiles'!$G$21=$B$10,7,0)+IF('Standard Profiles'!$G$21=$B$17,14,0)+IF('Standard Profiles'!$G$21=$B$24,21,0),0)),0)</f>
        <v>0</v>
      </c>
      <c r="H3732" cm="1">
        <f t="array" ref="H3732">IFERROR(INDEX(Jesper!AL$2:AL$366,ROUNDDOWN($C3732/24,0)+1,1)*INDEX($D$3:$AA$30,INDEX(Jesper!$R$2:$R$366,ROW(INDEX(Jesper!AL$2:AL$366,ROUNDDOWN($C3732/24,0)+1,1))-1)+IF('Standard Profiles'!$G$22=$B$10,7,0)+IF('Standard Profiles'!$G$22=$B$17,14,0)+IF('Standard Profiles'!$G$22=$B$24,21,0),MOD($C3732,24)+1)/SUM(INDEX($D$3:$AA$30,INDEX(Jesper!$R$2:$R$366,ROW(INDEX(Jesper!AL$2:AL$366,ROUNDDOWN($C3732/24,0)+1,1))-1)+IF('Standard Profiles'!$G$22=$B$10,7,0)+IF('Standard Profiles'!$G$22=$B$17,14,0)+IF('Standard Profiles'!$G$22=$B$24,21,0),0)),0)</f>
        <v>0</v>
      </c>
      <c r="I3732">
        <f t="shared" si="419"/>
        <v>7.3884770929489293E-2</v>
      </c>
      <c r="J3732">
        <f t="shared" si="420"/>
        <v>0.24628256976496432</v>
      </c>
      <c r="K3732">
        <f t="shared" si="421"/>
        <v>0.36942385464744643</v>
      </c>
      <c r="L3732">
        <f t="shared" si="422"/>
        <v>1.7732345023077429</v>
      </c>
      <c r="M3732">
        <f t="shared" si="423"/>
        <v>0</v>
      </c>
      <c r="N3732" s="46">
        <f t="shared" si="424"/>
        <v>45446.083333324365</v>
      </c>
    </row>
    <row r="3733" spans="2:14" x14ac:dyDescent="0.3">
      <c r="B3733">
        <f t="shared" si="418"/>
        <v>1</v>
      </c>
      <c r="C3733" s="16">
        <v>3699</v>
      </c>
      <c r="D3733" cm="1">
        <f t="array" ref="D3733">IFERROR(INDEX(Jesper!AH$2:AH$366,ROUNDDOWN($C3733/24,0)+1,1)*INDEX($D$3:$AA$30,INDEX(Jesper!$R$2:$R$366,ROW(INDEX(Jesper!AH$2:AH$366,ROUNDDOWN($C3733/24,0)+1,1))-1)+IF('Standard Profiles'!$G$18=$B$10,7,0)+IF('Standard Profiles'!$G$18=$B$17,14,0)+IF('Standard Profiles'!$G$18=$B$24,21,0),MOD($C3733,24)+1)/SUM(INDEX($D$3:$AA$30,INDEX(Jesper!$R$2:$R$366,ROW(INDEX(Jesper!AH$2:AH$366,ROUNDDOWN($C3733/24,0)+1,1))-1)+IF('Standard Profiles'!$G$18=$B$10,7,0)+IF('Standard Profiles'!$G$18=$B$17,14,0)+IF('Standard Profiles'!$G$18=$B$24,21,0),0)),0)</f>
        <v>2.462825697649643</v>
      </c>
      <c r="E3733" cm="1">
        <f t="array" ref="E3733">IFERROR(INDEX(Jesper!AI$2:AI$366,ROUNDDOWN($C3733/24,0)+1,1)*INDEX($D$3:$AA$30,INDEX(Jesper!$R$2:$R$366,ROW(INDEX(Jesper!AI$2:AI$366,ROUNDDOWN($C3733/24,0)+1,1))-1)+IF('Standard Profiles'!$G$19=$B$10,7,0)+IF('Standard Profiles'!$G$19=$B$17,14,0)+IF('Standard Profiles'!$G$19=$B$24,21,0),MOD($C3733,24)+1)/SUM(INDEX($D$3:$AA$30,INDEX(Jesper!$R$2:$R$366,ROW(INDEX(Jesper!AI$2:AI$366,ROUNDDOWN($C3733/24,0)+1,1))-1)+IF('Standard Profiles'!$G$19=$B$10,7,0)+IF('Standard Profiles'!$G$19=$B$17,14,0)+IF('Standard Profiles'!$G$19=$B$24,21,0),0)),0)</f>
        <v>0</v>
      </c>
      <c r="F3733" cm="1">
        <f t="array" ref="F3733">IFERROR(INDEX(Jesper!AJ$2:AJ$366,ROUNDDOWN($C3733/24,0)+1,1)*INDEX($D$3:$AA$30,INDEX(Jesper!$R$2:$R$366,ROW(INDEX(Jesper!AJ$2:AJ$366,ROUNDDOWN($C3733/24,0)+1,1))-1)+IF('Standard Profiles'!$G$20=$B$10,7,0)+IF('Standard Profiles'!$G$20=$B$17,14,0)+IF('Standard Profiles'!$G$20=$B$24,21,0),MOD($C3733,24)+1)/SUM(INDEX($D$3:$AA$30,INDEX(Jesper!$R$2:$R$366,ROW(INDEX(Jesper!AJ$2:AJ$366,ROUNDDOWN($C3733/24,0)+1,1))-1)+IF('Standard Profiles'!$G$20=$B$10,7,0)+IF('Standard Profiles'!$G$20=$B$17,14,0)+IF('Standard Profiles'!$G$20=$B$24,21,0),0)),0)</f>
        <v>0</v>
      </c>
      <c r="G3733" cm="1">
        <f t="array" ref="G3733">IFERROR(INDEX(Jesper!AK$2:AK$366,ROUNDDOWN($C3733/24,0)+1,1)*INDEX($D$3:$AA$30,INDEX(Jesper!$R$2:$R$366,ROW(INDEX(Jesper!AK$2:AK$366,ROUNDDOWN($C3733/24,0)+1,1))-1)+IF('Standard Profiles'!$G$21=$B$10,7,0)+IF('Standard Profiles'!$G$21=$B$17,14,0)+IF('Standard Profiles'!$G$21=$B$24,21,0),MOD($C3733,24)+1)/SUM(INDEX($D$3:$AA$30,INDEX(Jesper!$R$2:$R$366,ROW(INDEX(Jesper!AK$2:AK$366,ROUNDDOWN($C3733/24,0)+1,1))-1)+IF('Standard Profiles'!$G$21=$B$10,7,0)+IF('Standard Profiles'!$G$21=$B$17,14,0)+IF('Standard Profiles'!$G$21=$B$24,21,0),0)),0)</f>
        <v>0</v>
      </c>
      <c r="H3733" cm="1">
        <f t="array" ref="H3733">IFERROR(INDEX(Jesper!AL$2:AL$366,ROUNDDOWN($C3733/24,0)+1,1)*INDEX($D$3:$AA$30,INDEX(Jesper!$R$2:$R$366,ROW(INDEX(Jesper!AL$2:AL$366,ROUNDDOWN($C3733/24,0)+1,1))-1)+IF('Standard Profiles'!$G$22=$B$10,7,0)+IF('Standard Profiles'!$G$22=$B$17,14,0)+IF('Standard Profiles'!$G$22=$B$24,21,0),MOD($C3733,24)+1)/SUM(INDEX($D$3:$AA$30,INDEX(Jesper!$R$2:$R$366,ROW(INDEX(Jesper!AL$2:AL$366,ROUNDDOWN($C3733/24,0)+1,1))-1)+IF('Standard Profiles'!$G$22=$B$10,7,0)+IF('Standard Profiles'!$G$22=$B$17,14,0)+IF('Standard Profiles'!$G$22=$B$24,21,0),0)),0)</f>
        <v>0</v>
      </c>
      <c r="I3733">
        <f t="shared" si="419"/>
        <v>7.3884770929489293E-2</v>
      </c>
      <c r="J3733">
        <f t="shared" si="420"/>
        <v>0.24628256976496432</v>
      </c>
      <c r="K3733">
        <f t="shared" si="421"/>
        <v>0.36942385464744643</v>
      </c>
      <c r="L3733">
        <f t="shared" si="422"/>
        <v>1.7732345023077429</v>
      </c>
      <c r="M3733">
        <f t="shared" si="423"/>
        <v>0</v>
      </c>
      <c r="N3733" s="46">
        <f t="shared" si="424"/>
        <v>45446.124999991029</v>
      </c>
    </row>
    <row r="3734" spans="2:14" x14ac:dyDescent="0.3">
      <c r="B3734">
        <f t="shared" si="418"/>
        <v>1</v>
      </c>
      <c r="C3734" s="16">
        <v>3700</v>
      </c>
      <c r="D3734" cm="1">
        <f t="array" ref="D3734">IFERROR(INDEX(Jesper!AH$2:AH$366,ROUNDDOWN($C3734/24,0)+1,1)*INDEX($D$3:$AA$30,INDEX(Jesper!$R$2:$R$366,ROW(INDEX(Jesper!AH$2:AH$366,ROUNDDOWN($C3734/24,0)+1,1))-1)+IF('Standard Profiles'!$G$18=$B$10,7,0)+IF('Standard Profiles'!$G$18=$B$17,14,0)+IF('Standard Profiles'!$G$18=$B$24,21,0),MOD($C3734,24)+1)/SUM(INDEX($D$3:$AA$30,INDEX(Jesper!$R$2:$R$366,ROW(INDEX(Jesper!AH$2:AH$366,ROUNDDOWN($C3734/24,0)+1,1))-1)+IF('Standard Profiles'!$G$18=$B$10,7,0)+IF('Standard Profiles'!$G$18=$B$17,14,0)+IF('Standard Profiles'!$G$18=$B$24,21,0),0)),0)</f>
        <v>2.462825697649643</v>
      </c>
      <c r="E3734" cm="1">
        <f t="array" ref="E3734">IFERROR(INDEX(Jesper!AI$2:AI$366,ROUNDDOWN($C3734/24,0)+1,1)*INDEX($D$3:$AA$30,INDEX(Jesper!$R$2:$R$366,ROW(INDEX(Jesper!AI$2:AI$366,ROUNDDOWN($C3734/24,0)+1,1))-1)+IF('Standard Profiles'!$G$19=$B$10,7,0)+IF('Standard Profiles'!$G$19=$B$17,14,0)+IF('Standard Profiles'!$G$19=$B$24,21,0),MOD($C3734,24)+1)/SUM(INDEX($D$3:$AA$30,INDEX(Jesper!$R$2:$R$366,ROW(INDEX(Jesper!AI$2:AI$366,ROUNDDOWN($C3734/24,0)+1,1))-1)+IF('Standard Profiles'!$G$19=$B$10,7,0)+IF('Standard Profiles'!$G$19=$B$17,14,0)+IF('Standard Profiles'!$G$19=$B$24,21,0),0)),0)</f>
        <v>0</v>
      </c>
      <c r="F3734" cm="1">
        <f t="array" ref="F3734">IFERROR(INDEX(Jesper!AJ$2:AJ$366,ROUNDDOWN($C3734/24,0)+1,1)*INDEX($D$3:$AA$30,INDEX(Jesper!$R$2:$R$366,ROW(INDEX(Jesper!AJ$2:AJ$366,ROUNDDOWN($C3734/24,0)+1,1))-1)+IF('Standard Profiles'!$G$20=$B$10,7,0)+IF('Standard Profiles'!$G$20=$B$17,14,0)+IF('Standard Profiles'!$G$20=$B$24,21,0),MOD($C3734,24)+1)/SUM(INDEX($D$3:$AA$30,INDEX(Jesper!$R$2:$R$366,ROW(INDEX(Jesper!AJ$2:AJ$366,ROUNDDOWN($C3734/24,0)+1,1))-1)+IF('Standard Profiles'!$G$20=$B$10,7,0)+IF('Standard Profiles'!$G$20=$B$17,14,0)+IF('Standard Profiles'!$G$20=$B$24,21,0),0)),0)</f>
        <v>0</v>
      </c>
      <c r="G3734" cm="1">
        <f t="array" ref="G3734">IFERROR(INDEX(Jesper!AK$2:AK$366,ROUNDDOWN($C3734/24,0)+1,1)*INDEX($D$3:$AA$30,INDEX(Jesper!$R$2:$R$366,ROW(INDEX(Jesper!AK$2:AK$366,ROUNDDOWN($C3734/24,0)+1,1))-1)+IF('Standard Profiles'!$G$21=$B$10,7,0)+IF('Standard Profiles'!$G$21=$B$17,14,0)+IF('Standard Profiles'!$G$21=$B$24,21,0),MOD($C3734,24)+1)/SUM(INDEX($D$3:$AA$30,INDEX(Jesper!$R$2:$R$366,ROW(INDEX(Jesper!AK$2:AK$366,ROUNDDOWN($C3734/24,0)+1,1))-1)+IF('Standard Profiles'!$G$21=$B$10,7,0)+IF('Standard Profiles'!$G$21=$B$17,14,0)+IF('Standard Profiles'!$G$21=$B$24,21,0),0)),0)</f>
        <v>0</v>
      </c>
      <c r="H3734" cm="1">
        <f t="array" ref="H3734">IFERROR(INDEX(Jesper!AL$2:AL$366,ROUNDDOWN($C3734/24,0)+1,1)*INDEX($D$3:$AA$30,INDEX(Jesper!$R$2:$R$366,ROW(INDEX(Jesper!AL$2:AL$366,ROUNDDOWN($C3734/24,0)+1,1))-1)+IF('Standard Profiles'!$G$22=$B$10,7,0)+IF('Standard Profiles'!$G$22=$B$17,14,0)+IF('Standard Profiles'!$G$22=$B$24,21,0),MOD($C3734,24)+1)/SUM(INDEX($D$3:$AA$30,INDEX(Jesper!$R$2:$R$366,ROW(INDEX(Jesper!AL$2:AL$366,ROUNDDOWN($C3734/24,0)+1,1))-1)+IF('Standard Profiles'!$G$22=$B$10,7,0)+IF('Standard Profiles'!$G$22=$B$17,14,0)+IF('Standard Profiles'!$G$22=$B$24,21,0),0)),0)</f>
        <v>0</v>
      </c>
      <c r="I3734">
        <f t="shared" si="419"/>
        <v>7.3884770929489293E-2</v>
      </c>
      <c r="J3734">
        <f t="shared" si="420"/>
        <v>0.24628256976496432</v>
      </c>
      <c r="K3734">
        <f t="shared" si="421"/>
        <v>0.36942385464744643</v>
      </c>
      <c r="L3734">
        <f t="shared" si="422"/>
        <v>1.7732345023077429</v>
      </c>
      <c r="M3734">
        <f t="shared" si="423"/>
        <v>0</v>
      </c>
      <c r="N3734" s="46">
        <f t="shared" si="424"/>
        <v>45446.166666657693</v>
      </c>
    </row>
    <row r="3735" spans="2:14" x14ac:dyDescent="0.3">
      <c r="B3735">
        <f t="shared" si="418"/>
        <v>1</v>
      </c>
      <c r="C3735" s="16">
        <v>3701</v>
      </c>
      <c r="D3735" cm="1">
        <f t="array" ref="D3735">IFERROR(INDEX(Jesper!AH$2:AH$366,ROUNDDOWN($C3735/24,0)+1,1)*INDEX($D$3:$AA$30,INDEX(Jesper!$R$2:$R$366,ROW(INDEX(Jesper!AH$2:AH$366,ROUNDDOWN($C3735/24,0)+1,1))-1)+IF('Standard Profiles'!$G$18=$B$10,7,0)+IF('Standard Profiles'!$G$18=$B$17,14,0)+IF('Standard Profiles'!$G$18=$B$24,21,0),MOD($C3735,24)+1)/SUM(INDEX($D$3:$AA$30,INDEX(Jesper!$R$2:$R$366,ROW(INDEX(Jesper!AH$2:AH$366,ROUNDDOWN($C3735/24,0)+1,1))-1)+IF('Standard Profiles'!$G$18=$B$10,7,0)+IF('Standard Profiles'!$G$18=$B$17,14,0)+IF('Standard Profiles'!$G$18=$B$24,21,0),0)),0)</f>
        <v>10.67224468981512</v>
      </c>
      <c r="E3735" cm="1">
        <f t="array" ref="E3735">IFERROR(INDEX(Jesper!AI$2:AI$366,ROUNDDOWN($C3735/24,0)+1,1)*INDEX($D$3:$AA$30,INDEX(Jesper!$R$2:$R$366,ROW(INDEX(Jesper!AI$2:AI$366,ROUNDDOWN($C3735/24,0)+1,1))-1)+IF('Standard Profiles'!$G$19=$B$10,7,0)+IF('Standard Profiles'!$G$19=$B$17,14,0)+IF('Standard Profiles'!$G$19=$B$24,21,0),MOD($C3735,24)+1)/SUM(INDEX($D$3:$AA$30,INDEX(Jesper!$R$2:$R$366,ROW(INDEX(Jesper!AI$2:AI$366,ROUNDDOWN($C3735/24,0)+1,1))-1)+IF('Standard Profiles'!$G$19=$B$10,7,0)+IF('Standard Profiles'!$G$19=$B$17,14,0)+IF('Standard Profiles'!$G$19=$B$24,21,0),0)),0)</f>
        <v>0</v>
      </c>
      <c r="F3735" cm="1">
        <f t="array" ref="F3735">IFERROR(INDEX(Jesper!AJ$2:AJ$366,ROUNDDOWN($C3735/24,0)+1,1)*INDEX($D$3:$AA$30,INDEX(Jesper!$R$2:$R$366,ROW(INDEX(Jesper!AJ$2:AJ$366,ROUNDDOWN($C3735/24,0)+1,1))-1)+IF('Standard Profiles'!$G$20=$B$10,7,0)+IF('Standard Profiles'!$G$20=$B$17,14,0)+IF('Standard Profiles'!$G$20=$B$24,21,0),MOD($C3735,24)+1)/SUM(INDEX($D$3:$AA$30,INDEX(Jesper!$R$2:$R$366,ROW(INDEX(Jesper!AJ$2:AJ$366,ROUNDDOWN($C3735/24,0)+1,1))-1)+IF('Standard Profiles'!$G$20=$B$10,7,0)+IF('Standard Profiles'!$G$20=$B$17,14,0)+IF('Standard Profiles'!$G$20=$B$24,21,0),0)),0)</f>
        <v>0</v>
      </c>
      <c r="G3735" cm="1">
        <f t="array" ref="G3735">IFERROR(INDEX(Jesper!AK$2:AK$366,ROUNDDOWN($C3735/24,0)+1,1)*INDEX($D$3:$AA$30,INDEX(Jesper!$R$2:$R$366,ROW(INDEX(Jesper!AK$2:AK$366,ROUNDDOWN($C3735/24,0)+1,1))-1)+IF('Standard Profiles'!$G$21=$B$10,7,0)+IF('Standard Profiles'!$G$21=$B$17,14,0)+IF('Standard Profiles'!$G$21=$B$24,21,0),MOD($C3735,24)+1)/SUM(INDEX($D$3:$AA$30,INDEX(Jesper!$R$2:$R$366,ROW(INDEX(Jesper!AK$2:AK$366,ROUNDDOWN($C3735/24,0)+1,1))-1)+IF('Standard Profiles'!$G$21=$B$10,7,0)+IF('Standard Profiles'!$G$21=$B$17,14,0)+IF('Standard Profiles'!$G$21=$B$24,21,0),0)),0)</f>
        <v>0</v>
      </c>
      <c r="H3735" cm="1">
        <f t="array" ref="H3735">IFERROR(INDEX(Jesper!AL$2:AL$366,ROUNDDOWN($C3735/24,0)+1,1)*INDEX($D$3:$AA$30,INDEX(Jesper!$R$2:$R$366,ROW(INDEX(Jesper!AL$2:AL$366,ROUNDDOWN($C3735/24,0)+1,1))-1)+IF('Standard Profiles'!$G$22=$B$10,7,0)+IF('Standard Profiles'!$G$22=$B$17,14,0)+IF('Standard Profiles'!$G$22=$B$24,21,0),MOD($C3735,24)+1)/SUM(INDEX($D$3:$AA$30,INDEX(Jesper!$R$2:$R$366,ROW(INDEX(Jesper!AL$2:AL$366,ROUNDDOWN($C3735/24,0)+1,1))-1)+IF('Standard Profiles'!$G$22=$B$10,7,0)+IF('Standard Profiles'!$G$22=$B$17,14,0)+IF('Standard Profiles'!$G$22=$B$24,21,0),0)),0)</f>
        <v>0</v>
      </c>
      <c r="I3735">
        <f t="shared" si="419"/>
        <v>0.32016734069445357</v>
      </c>
      <c r="J3735">
        <f t="shared" si="420"/>
        <v>1.067224468981512</v>
      </c>
      <c r="K3735">
        <f t="shared" si="421"/>
        <v>1.6008367034722679</v>
      </c>
      <c r="L3735">
        <f t="shared" si="422"/>
        <v>7.6840161766668862</v>
      </c>
      <c r="M3735">
        <f t="shared" si="423"/>
        <v>0</v>
      </c>
      <c r="N3735" s="46">
        <f t="shared" si="424"/>
        <v>45446.208333324357</v>
      </c>
    </row>
    <row r="3736" spans="2:14" x14ac:dyDescent="0.3">
      <c r="B3736">
        <f t="shared" si="418"/>
        <v>1</v>
      </c>
      <c r="C3736" s="16">
        <v>3702</v>
      </c>
      <c r="D3736" cm="1">
        <f t="array" ref="D3736">IFERROR(INDEX(Jesper!AH$2:AH$366,ROUNDDOWN($C3736/24,0)+1,1)*INDEX($D$3:$AA$30,INDEX(Jesper!$R$2:$R$366,ROW(INDEX(Jesper!AH$2:AH$366,ROUNDDOWN($C3736/24,0)+1,1))-1)+IF('Standard Profiles'!$G$18=$B$10,7,0)+IF('Standard Profiles'!$G$18=$B$17,14,0)+IF('Standard Profiles'!$G$18=$B$24,21,0),MOD($C3736,24)+1)/SUM(INDEX($D$3:$AA$30,INDEX(Jesper!$R$2:$R$366,ROW(INDEX(Jesper!AH$2:AH$366,ROUNDDOWN($C3736/24,0)+1,1))-1)+IF('Standard Profiles'!$G$18=$B$10,7,0)+IF('Standard Profiles'!$G$18=$B$17,14,0)+IF('Standard Profiles'!$G$18=$B$24,21,0),0)),0)</f>
        <v>12.108893013444078</v>
      </c>
      <c r="E3736" cm="1">
        <f t="array" ref="E3736">IFERROR(INDEX(Jesper!AI$2:AI$366,ROUNDDOWN($C3736/24,0)+1,1)*INDEX($D$3:$AA$30,INDEX(Jesper!$R$2:$R$366,ROW(INDEX(Jesper!AI$2:AI$366,ROUNDDOWN($C3736/24,0)+1,1))-1)+IF('Standard Profiles'!$G$19=$B$10,7,0)+IF('Standard Profiles'!$G$19=$B$17,14,0)+IF('Standard Profiles'!$G$19=$B$24,21,0),MOD($C3736,24)+1)/SUM(INDEX($D$3:$AA$30,INDEX(Jesper!$R$2:$R$366,ROW(INDEX(Jesper!AI$2:AI$366,ROUNDDOWN($C3736/24,0)+1,1))-1)+IF('Standard Profiles'!$G$19=$B$10,7,0)+IF('Standard Profiles'!$G$19=$B$17,14,0)+IF('Standard Profiles'!$G$19=$B$24,21,0),0)),0)</f>
        <v>0</v>
      </c>
      <c r="F3736" cm="1">
        <f t="array" ref="F3736">IFERROR(INDEX(Jesper!AJ$2:AJ$366,ROUNDDOWN($C3736/24,0)+1,1)*INDEX($D$3:$AA$30,INDEX(Jesper!$R$2:$R$366,ROW(INDEX(Jesper!AJ$2:AJ$366,ROUNDDOWN($C3736/24,0)+1,1))-1)+IF('Standard Profiles'!$G$20=$B$10,7,0)+IF('Standard Profiles'!$G$20=$B$17,14,0)+IF('Standard Profiles'!$G$20=$B$24,21,0),MOD($C3736,24)+1)/SUM(INDEX($D$3:$AA$30,INDEX(Jesper!$R$2:$R$366,ROW(INDEX(Jesper!AJ$2:AJ$366,ROUNDDOWN($C3736/24,0)+1,1))-1)+IF('Standard Profiles'!$G$20=$B$10,7,0)+IF('Standard Profiles'!$G$20=$B$17,14,0)+IF('Standard Profiles'!$G$20=$B$24,21,0),0)),0)</f>
        <v>0</v>
      </c>
      <c r="G3736" cm="1">
        <f t="array" ref="G3736">IFERROR(INDEX(Jesper!AK$2:AK$366,ROUNDDOWN($C3736/24,0)+1,1)*INDEX($D$3:$AA$30,INDEX(Jesper!$R$2:$R$366,ROW(INDEX(Jesper!AK$2:AK$366,ROUNDDOWN($C3736/24,0)+1,1))-1)+IF('Standard Profiles'!$G$21=$B$10,7,0)+IF('Standard Profiles'!$G$21=$B$17,14,0)+IF('Standard Profiles'!$G$21=$B$24,21,0),MOD($C3736,24)+1)/SUM(INDEX($D$3:$AA$30,INDEX(Jesper!$R$2:$R$366,ROW(INDEX(Jesper!AK$2:AK$366,ROUNDDOWN($C3736/24,0)+1,1))-1)+IF('Standard Profiles'!$G$21=$B$10,7,0)+IF('Standard Profiles'!$G$21=$B$17,14,0)+IF('Standard Profiles'!$G$21=$B$24,21,0),0)),0)</f>
        <v>0</v>
      </c>
      <c r="H3736" cm="1">
        <f t="array" ref="H3736">IFERROR(INDEX(Jesper!AL$2:AL$366,ROUNDDOWN($C3736/24,0)+1,1)*INDEX($D$3:$AA$30,INDEX(Jesper!$R$2:$R$366,ROW(INDEX(Jesper!AL$2:AL$366,ROUNDDOWN($C3736/24,0)+1,1))-1)+IF('Standard Profiles'!$G$22=$B$10,7,0)+IF('Standard Profiles'!$G$22=$B$17,14,0)+IF('Standard Profiles'!$G$22=$B$24,21,0),MOD($C3736,24)+1)/SUM(INDEX($D$3:$AA$30,INDEX(Jesper!$R$2:$R$366,ROW(INDEX(Jesper!AL$2:AL$366,ROUNDDOWN($C3736/24,0)+1,1))-1)+IF('Standard Profiles'!$G$22=$B$10,7,0)+IF('Standard Profiles'!$G$22=$B$17,14,0)+IF('Standard Profiles'!$G$22=$B$24,21,0),0)),0)</f>
        <v>0</v>
      </c>
      <c r="I3736">
        <f t="shared" si="419"/>
        <v>0.36326679040332233</v>
      </c>
      <c r="J3736">
        <f t="shared" si="420"/>
        <v>1.210889301344408</v>
      </c>
      <c r="K3736">
        <f t="shared" si="421"/>
        <v>1.8163339520166115</v>
      </c>
      <c r="L3736">
        <f t="shared" si="422"/>
        <v>8.7184029696797349</v>
      </c>
      <c r="M3736">
        <f t="shared" si="423"/>
        <v>0</v>
      </c>
      <c r="N3736" s="46">
        <f t="shared" si="424"/>
        <v>45446.249999991021</v>
      </c>
    </row>
    <row r="3737" spans="2:14" x14ac:dyDescent="0.3">
      <c r="B3737">
        <f t="shared" si="418"/>
        <v>1</v>
      </c>
      <c r="C3737" s="16">
        <v>3703</v>
      </c>
      <c r="D3737" cm="1">
        <f t="array" ref="D3737">IFERROR(INDEX(Jesper!AH$2:AH$366,ROUNDDOWN($C3737/24,0)+1,1)*INDEX($D$3:$AA$30,INDEX(Jesper!$R$2:$R$366,ROW(INDEX(Jesper!AH$2:AH$366,ROUNDDOWN($C3737/24,0)+1,1))-1)+IF('Standard Profiles'!$G$18=$B$10,7,0)+IF('Standard Profiles'!$G$18=$B$17,14,0)+IF('Standard Profiles'!$G$18=$B$24,21,0),MOD($C3737,24)+1)/SUM(INDEX($D$3:$AA$30,INDEX(Jesper!$R$2:$R$366,ROW(INDEX(Jesper!AH$2:AH$366,ROUNDDOWN($C3737/24,0)+1,1))-1)+IF('Standard Profiles'!$G$18=$B$10,7,0)+IF('Standard Profiles'!$G$18=$B$17,14,0)+IF('Standard Profiles'!$G$18=$B$24,21,0),0)),0)</f>
        <v>12.108893013444078</v>
      </c>
      <c r="E3737" cm="1">
        <f t="array" ref="E3737">IFERROR(INDEX(Jesper!AI$2:AI$366,ROUNDDOWN($C3737/24,0)+1,1)*INDEX($D$3:$AA$30,INDEX(Jesper!$R$2:$R$366,ROW(INDEX(Jesper!AI$2:AI$366,ROUNDDOWN($C3737/24,0)+1,1))-1)+IF('Standard Profiles'!$G$19=$B$10,7,0)+IF('Standard Profiles'!$G$19=$B$17,14,0)+IF('Standard Profiles'!$G$19=$B$24,21,0),MOD($C3737,24)+1)/SUM(INDEX($D$3:$AA$30,INDEX(Jesper!$R$2:$R$366,ROW(INDEX(Jesper!AI$2:AI$366,ROUNDDOWN($C3737/24,0)+1,1))-1)+IF('Standard Profiles'!$G$19=$B$10,7,0)+IF('Standard Profiles'!$G$19=$B$17,14,0)+IF('Standard Profiles'!$G$19=$B$24,21,0),0)),0)</f>
        <v>0</v>
      </c>
      <c r="F3737" cm="1">
        <f t="array" ref="F3737">IFERROR(INDEX(Jesper!AJ$2:AJ$366,ROUNDDOWN($C3737/24,0)+1,1)*INDEX($D$3:$AA$30,INDEX(Jesper!$R$2:$R$366,ROW(INDEX(Jesper!AJ$2:AJ$366,ROUNDDOWN($C3737/24,0)+1,1))-1)+IF('Standard Profiles'!$G$20=$B$10,7,0)+IF('Standard Profiles'!$G$20=$B$17,14,0)+IF('Standard Profiles'!$G$20=$B$24,21,0),MOD($C3737,24)+1)/SUM(INDEX($D$3:$AA$30,INDEX(Jesper!$R$2:$R$366,ROW(INDEX(Jesper!AJ$2:AJ$366,ROUNDDOWN($C3737/24,0)+1,1))-1)+IF('Standard Profiles'!$G$20=$B$10,7,0)+IF('Standard Profiles'!$G$20=$B$17,14,0)+IF('Standard Profiles'!$G$20=$B$24,21,0),0)),0)</f>
        <v>0</v>
      </c>
      <c r="G3737" cm="1">
        <f t="array" ref="G3737">IFERROR(INDEX(Jesper!AK$2:AK$366,ROUNDDOWN($C3737/24,0)+1,1)*INDEX($D$3:$AA$30,INDEX(Jesper!$R$2:$R$366,ROW(INDEX(Jesper!AK$2:AK$366,ROUNDDOWN($C3737/24,0)+1,1))-1)+IF('Standard Profiles'!$G$21=$B$10,7,0)+IF('Standard Profiles'!$G$21=$B$17,14,0)+IF('Standard Profiles'!$G$21=$B$24,21,0),MOD($C3737,24)+1)/SUM(INDEX($D$3:$AA$30,INDEX(Jesper!$R$2:$R$366,ROW(INDEX(Jesper!AK$2:AK$366,ROUNDDOWN($C3737/24,0)+1,1))-1)+IF('Standard Profiles'!$G$21=$B$10,7,0)+IF('Standard Profiles'!$G$21=$B$17,14,0)+IF('Standard Profiles'!$G$21=$B$24,21,0),0)),0)</f>
        <v>0</v>
      </c>
      <c r="H3737" cm="1">
        <f t="array" ref="H3737">IFERROR(INDEX(Jesper!AL$2:AL$366,ROUNDDOWN($C3737/24,0)+1,1)*INDEX($D$3:$AA$30,INDEX(Jesper!$R$2:$R$366,ROW(INDEX(Jesper!AL$2:AL$366,ROUNDDOWN($C3737/24,0)+1,1))-1)+IF('Standard Profiles'!$G$22=$B$10,7,0)+IF('Standard Profiles'!$G$22=$B$17,14,0)+IF('Standard Profiles'!$G$22=$B$24,21,0),MOD($C3737,24)+1)/SUM(INDEX($D$3:$AA$30,INDEX(Jesper!$R$2:$R$366,ROW(INDEX(Jesper!AL$2:AL$366,ROUNDDOWN($C3737/24,0)+1,1))-1)+IF('Standard Profiles'!$G$22=$B$10,7,0)+IF('Standard Profiles'!$G$22=$B$17,14,0)+IF('Standard Profiles'!$G$22=$B$24,21,0),0)),0)</f>
        <v>0</v>
      </c>
      <c r="I3737">
        <f t="shared" si="419"/>
        <v>0.36326679040332233</v>
      </c>
      <c r="J3737">
        <f t="shared" si="420"/>
        <v>1.210889301344408</v>
      </c>
      <c r="K3737">
        <f t="shared" si="421"/>
        <v>1.8163339520166115</v>
      </c>
      <c r="L3737">
        <f t="shared" si="422"/>
        <v>8.7184029696797349</v>
      </c>
      <c r="M3737">
        <f t="shared" si="423"/>
        <v>0</v>
      </c>
      <c r="N3737" s="46">
        <f t="shared" si="424"/>
        <v>45446.291666657686</v>
      </c>
    </row>
    <row r="3738" spans="2:14" x14ac:dyDescent="0.3">
      <c r="B3738">
        <f t="shared" si="418"/>
        <v>1</v>
      </c>
      <c r="C3738" s="16">
        <v>3704</v>
      </c>
      <c r="D3738" cm="1">
        <f t="array" ref="D3738">IFERROR(INDEX(Jesper!AH$2:AH$366,ROUNDDOWN($C3738/24,0)+1,1)*INDEX($D$3:$AA$30,INDEX(Jesper!$R$2:$R$366,ROW(INDEX(Jesper!AH$2:AH$366,ROUNDDOWN($C3738/24,0)+1,1))-1)+IF('Standard Profiles'!$G$18=$B$10,7,0)+IF('Standard Profiles'!$G$18=$B$17,14,0)+IF('Standard Profiles'!$G$18=$B$24,21,0),MOD($C3738,24)+1)/SUM(INDEX($D$3:$AA$30,INDEX(Jesper!$R$2:$R$366,ROW(INDEX(Jesper!AH$2:AH$366,ROUNDDOWN($C3738/24,0)+1,1))-1)+IF('Standard Profiles'!$G$18=$B$10,7,0)+IF('Standard Profiles'!$G$18=$B$17,14,0)+IF('Standard Profiles'!$G$18=$B$24,21,0),0)),0)</f>
        <v>12.108893013444078</v>
      </c>
      <c r="E3738" cm="1">
        <f t="array" ref="E3738">IFERROR(INDEX(Jesper!AI$2:AI$366,ROUNDDOWN($C3738/24,0)+1,1)*INDEX($D$3:$AA$30,INDEX(Jesper!$R$2:$R$366,ROW(INDEX(Jesper!AI$2:AI$366,ROUNDDOWN($C3738/24,0)+1,1))-1)+IF('Standard Profiles'!$G$19=$B$10,7,0)+IF('Standard Profiles'!$G$19=$B$17,14,0)+IF('Standard Profiles'!$G$19=$B$24,21,0),MOD($C3738,24)+1)/SUM(INDEX($D$3:$AA$30,INDEX(Jesper!$R$2:$R$366,ROW(INDEX(Jesper!AI$2:AI$366,ROUNDDOWN($C3738/24,0)+1,1))-1)+IF('Standard Profiles'!$G$19=$B$10,7,0)+IF('Standard Profiles'!$G$19=$B$17,14,0)+IF('Standard Profiles'!$G$19=$B$24,21,0),0)),0)</f>
        <v>0</v>
      </c>
      <c r="F3738" cm="1">
        <f t="array" ref="F3738">IFERROR(INDEX(Jesper!AJ$2:AJ$366,ROUNDDOWN($C3738/24,0)+1,1)*INDEX($D$3:$AA$30,INDEX(Jesper!$R$2:$R$366,ROW(INDEX(Jesper!AJ$2:AJ$366,ROUNDDOWN($C3738/24,0)+1,1))-1)+IF('Standard Profiles'!$G$20=$B$10,7,0)+IF('Standard Profiles'!$G$20=$B$17,14,0)+IF('Standard Profiles'!$G$20=$B$24,21,0),MOD($C3738,24)+1)/SUM(INDEX($D$3:$AA$30,INDEX(Jesper!$R$2:$R$366,ROW(INDEX(Jesper!AJ$2:AJ$366,ROUNDDOWN($C3738/24,0)+1,1))-1)+IF('Standard Profiles'!$G$20=$B$10,7,0)+IF('Standard Profiles'!$G$20=$B$17,14,0)+IF('Standard Profiles'!$G$20=$B$24,21,0),0)),0)</f>
        <v>0</v>
      </c>
      <c r="G3738" cm="1">
        <f t="array" ref="G3738">IFERROR(INDEX(Jesper!AK$2:AK$366,ROUNDDOWN($C3738/24,0)+1,1)*INDEX($D$3:$AA$30,INDEX(Jesper!$R$2:$R$366,ROW(INDEX(Jesper!AK$2:AK$366,ROUNDDOWN($C3738/24,0)+1,1))-1)+IF('Standard Profiles'!$G$21=$B$10,7,0)+IF('Standard Profiles'!$G$21=$B$17,14,0)+IF('Standard Profiles'!$G$21=$B$24,21,0),MOD($C3738,24)+1)/SUM(INDEX($D$3:$AA$30,INDEX(Jesper!$R$2:$R$366,ROW(INDEX(Jesper!AK$2:AK$366,ROUNDDOWN($C3738/24,0)+1,1))-1)+IF('Standard Profiles'!$G$21=$B$10,7,0)+IF('Standard Profiles'!$G$21=$B$17,14,0)+IF('Standard Profiles'!$G$21=$B$24,21,0),0)),0)</f>
        <v>0</v>
      </c>
      <c r="H3738" cm="1">
        <f t="array" ref="H3738">IFERROR(INDEX(Jesper!AL$2:AL$366,ROUNDDOWN($C3738/24,0)+1,1)*INDEX($D$3:$AA$30,INDEX(Jesper!$R$2:$R$366,ROW(INDEX(Jesper!AL$2:AL$366,ROUNDDOWN($C3738/24,0)+1,1))-1)+IF('Standard Profiles'!$G$22=$B$10,7,0)+IF('Standard Profiles'!$G$22=$B$17,14,0)+IF('Standard Profiles'!$G$22=$B$24,21,0),MOD($C3738,24)+1)/SUM(INDEX($D$3:$AA$30,INDEX(Jesper!$R$2:$R$366,ROW(INDEX(Jesper!AL$2:AL$366,ROUNDDOWN($C3738/24,0)+1,1))-1)+IF('Standard Profiles'!$G$22=$B$10,7,0)+IF('Standard Profiles'!$G$22=$B$17,14,0)+IF('Standard Profiles'!$G$22=$B$24,21,0),0)),0)</f>
        <v>0</v>
      </c>
      <c r="I3738">
        <f t="shared" si="419"/>
        <v>0.36326679040332233</v>
      </c>
      <c r="J3738">
        <f t="shared" si="420"/>
        <v>1.210889301344408</v>
      </c>
      <c r="K3738">
        <f t="shared" si="421"/>
        <v>1.8163339520166115</v>
      </c>
      <c r="L3738">
        <f t="shared" si="422"/>
        <v>8.7184029696797349</v>
      </c>
      <c r="M3738">
        <f t="shared" si="423"/>
        <v>0</v>
      </c>
      <c r="N3738" s="46">
        <f t="shared" si="424"/>
        <v>45446.33333332435</v>
      </c>
    </row>
    <row r="3739" spans="2:14" x14ac:dyDescent="0.3">
      <c r="B3739">
        <f t="shared" si="418"/>
        <v>1</v>
      </c>
      <c r="C3739" s="16">
        <v>3705</v>
      </c>
      <c r="D3739" cm="1">
        <f t="array" ref="D3739">IFERROR(INDEX(Jesper!AH$2:AH$366,ROUNDDOWN($C3739/24,0)+1,1)*INDEX($D$3:$AA$30,INDEX(Jesper!$R$2:$R$366,ROW(INDEX(Jesper!AH$2:AH$366,ROUNDDOWN($C3739/24,0)+1,1))-1)+IF('Standard Profiles'!$G$18=$B$10,7,0)+IF('Standard Profiles'!$G$18=$B$17,14,0)+IF('Standard Profiles'!$G$18=$B$24,21,0),MOD($C3739,24)+1)/SUM(INDEX($D$3:$AA$30,INDEX(Jesper!$R$2:$R$366,ROW(INDEX(Jesper!AH$2:AH$366,ROUNDDOWN($C3739/24,0)+1,1))-1)+IF('Standard Profiles'!$G$18=$B$10,7,0)+IF('Standard Profiles'!$G$18=$B$17,14,0)+IF('Standard Profiles'!$G$18=$B$24,21,0),0)),0)</f>
        <v>12.929834912660628</v>
      </c>
      <c r="E3739" cm="1">
        <f t="array" ref="E3739">IFERROR(INDEX(Jesper!AI$2:AI$366,ROUNDDOWN($C3739/24,0)+1,1)*INDEX($D$3:$AA$30,INDEX(Jesper!$R$2:$R$366,ROW(INDEX(Jesper!AI$2:AI$366,ROUNDDOWN($C3739/24,0)+1,1))-1)+IF('Standard Profiles'!$G$19=$B$10,7,0)+IF('Standard Profiles'!$G$19=$B$17,14,0)+IF('Standard Profiles'!$G$19=$B$24,21,0),MOD($C3739,24)+1)/SUM(INDEX($D$3:$AA$30,INDEX(Jesper!$R$2:$R$366,ROW(INDEX(Jesper!AI$2:AI$366,ROUNDDOWN($C3739/24,0)+1,1))-1)+IF('Standard Profiles'!$G$19=$B$10,7,0)+IF('Standard Profiles'!$G$19=$B$17,14,0)+IF('Standard Profiles'!$G$19=$B$24,21,0),0)),0)</f>
        <v>0</v>
      </c>
      <c r="F3739" cm="1">
        <f t="array" ref="F3739">IFERROR(INDEX(Jesper!AJ$2:AJ$366,ROUNDDOWN($C3739/24,0)+1,1)*INDEX($D$3:$AA$30,INDEX(Jesper!$R$2:$R$366,ROW(INDEX(Jesper!AJ$2:AJ$366,ROUNDDOWN($C3739/24,0)+1,1))-1)+IF('Standard Profiles'!$G$20=$B$10,7,0)+IF('Standard Profiles'!$G$20=$B$17,14,0)+IF('Standard Profiles'!$G$20=$B$24,21,0),MOD($C3739,24)+1)/SUM(INDEX($D$3:$AA$30,INDEX(Jesper!$R$2:$R$366,ROW(INDEX(Jesper!AJ$2:AJ$366,ROUNDDOWN($C3739/24,0)+1,1))-1)+IF('Standard Profiles'!$G$20=$B$10,7,0)+IF('Standard Profiles'!$G$20=$B$17,14,0)+IF('Standard Profiles'!$G$20=$B$24,21,0),0)),0)</f>
        <v>0</v>
      </c>
      <c r="G3739" cm="1">
        <f t="array" ref="G3739">IFERROR(INDEX(Jesper!AK$2:AK$366,ROUNDDOWN($C3739/24,0)+1,1)*INDEX($D$3:$AA$30,INDEX(Jesper!$R$2:$R$366,ROW(INDEX(Jesper!AK$2:AK$366,ROUNDDOWN($C3739/24,0)+1,1))-1)+IF('Standard Profiles'!$G$21=$B$10,7,0)+IF('Standard Profiles'!$G$21=$B$17,14,0)+IF('Standard Profiles'!$G$21=$B$24,21,0),MOD($C3739,24)+1)/SUM(INDEX($D$3:$AA$30,INDEX(Jesper!$R$2:$R$366,ROW(INDEX(Jesper!AK$2:AK$366,ROUNDDOWN($C3739/24,0)+1,1))-1)+IF('Standard Profiles'!$G$21=$B$10,7,0)+IF('Standard Profiles'!$G$21=$B$17,14,0)+IF('Standard Profiles'!$G$21=$B$24,21,0),0)),0)</f>
        <v>0</v>
      </c>
      <c r="H3739" cm="1">
        <f t="array" ref="H3739">IFERROR(INDEX(Jesper!AL$2:AL$366,ROUNDDOWN($C3739/24,0)+1,1)*INDEX($D$3:$AA$30,INDEX(Jesper!$R$2:$R$366,ROW(INDEX(Jesper!AL$2:AL$366,ROUNDDOWN($C3739/24,0)+1,1))-1)+IF('Standard Profiles'!$G$22=$B$10,7,0)+IF('Standard Profiles'!$G$22=$B$17,14,0)+IF('Standard Profiles'!$G$22=$B$24,21,0),MOD($C3739,24)+1)/SUM(INDEX($D$3:$AA$30,INDEX(Jesper!$R$2:$R$366,ROW(INDEX(Jesper!AL$2:AL$366,ROUNDDOWN($C3739/24,0)+1,1))-1)+IF('Standard Profiles'!$G$22=$B$10,7,0)+IF('Standard Profiles'!$G$22=$B$17,14,0)+IF('Standard Profiles'!$G$22=$B$24,21,0),0)),0)</f>
        <v>0</v>
      </c>
      <c r="I3739">
        <f t="shared" si="419"/>
        <v>0.38789504737981884</v>
      </c>
      <c r="J3739">
        <f t="shared" si="420"/>
        <v>1.2929834912660629</v>
      </c>
      <c r="K3739">
        <f t="shared" si="421"/>
        <v>1.939475236899094</v>
      </c>
      <c r="L3739">
        <f t="shared" si="422"/>
        <v>9.3094811371156521</v>
      </c>
      <c r="M3739">
        <f t="shared" si="423"/>
        <v>0</v>
      </c>
      <c r="N3739" s="46">
        <f t="shared" si="424"/>
        <v>45446.374999991014</v>
      </c>
    </row>
    <row r="3740" spans="2:14" x14ac:dyDescent="0.3">
      <c r="B3740">
        <f t="shared" si="418"/>
        <v>1</v>
      </c>
      <c r="C3740" s="16">
        <v>3706</v>
      </c>
      <c r="D3740" cm="1">
        <f t="array" ref="D3740">IFERROR(INDEX(Jesper!AH$2:AH$366,ROUNDDOWN($C3740/24,0)+1,1)*INDEX($D$3:$AA$30,INDEX(Jesper!$R$2:$R$366,ROW(INDEX(Jesper!AH$2:AH$366,ROUNDDOWN($C3740/24,0)+1,1))-1)+IF('Standard Profiles'!$G$18=$B$10,7,0)+IF('Standard Profiles'!$G$18=$B$17,14,0)+IF('Standard Profiles'!$G$18=$B$24,21,0),MOD($C3740,24)+1)/SUM(INDEX($D$3:$AA$30,INDEX(Jesper!$R$2:$R$366,ROW(INDEX(Jesper!AH$2:AH$366,ROUNDDOWN($C3740/24,0)+1,1))-1)+IF('Standard Profiles'!$G$18=$B$10,7,0)+IF('Standard Profiles'!$G$18=$B$17,14,0)+IF('Standard Profiles'!$G$18=$B$24,21,0),0)),0)</f>
        <v>12.929834912660628</v>
      </c>
      <c r="E3740" cm="1">
        <f t="array" ref="E3740">IFERROR(INDEX(Jesper!AI$2:AI$366,ROUNDDOWN($C3740/24,0)+1,1)*INDEX($D$3:$AA$30,INDEX(Jesper!$R$2:$R$366,ROW(INDEX(Jesper!AI$2:AI$366,ROUNDDOWN($C3740/24,0)+1,1))-1)+IF('Standard Profiles'!$G$19=$B$10,7,0)+IF('Standard Profiles'!$G$19=$B$17,14,0)+IF('Standard Profiles'!$G$19=$B$24,21,0),MOD($C3740,24)+1)/SUM(INDEX($D$3:$AA$30,INDEX(Jesper!$R$2:$R$366,ROW(INDEX(Jesper!AI$2:AI$366,ROUNDDOWN($C3740/24,0)+1,1))-1)+IF('Standard Profiles'!$G$19=$B$10,7,0)+IF('Standard Profiles'!$G$19=$B$17,14,0)+IF('Standard Profiles'!$G$19=$B$24,21,0),0)),0)</f>
        <v>0</v>
      </c>
      <c r="F3740" cm="1">
        <f t="array" ref="F3740">IFERROR(INDEX(Jesper!AJ$2:AJ$366,ROUNDDOWN($C3740/24,0)+1,1)*INDEX($D$3:$AA$30,INDEX(Jesper!$R$2:$R$366,ROW(INDEX(Jesper!AJ$2:AJ$366,ROUNDDOWN($C3740/24,0)+1,1))-1)+IF('Standard Profiles'!$G$20=$B$10,7,0)+IF('Standard Profiles'!$G$20=$B$17,14,0)+IF('Standard Profiles'!$G$20=$B$24,21,0),MOD($C3740,24)+1)/SUM(INDEX($D$3:$AA$30,INDEX(Jesper!$R$2:$R$366,ROW(INDEX(Jesper!AJ$2:AJ$366,ROUNDDOWN($C3740/24,0)+1,1))-1)+IF('Standard Profiles'!$G$20=$B$10,7,0)+IF('Standard Profiles'!$G$20=$B$17,14,0)+IF('Standard Profiles'!$G$20=$B$24,21,0),0)),0)</f>
        <v>0</v>
      </c>
      <c r="G3740" cm="1">
        <f t="array" ref="G3740">IFERROR(INDEX(Jesper!AK$2:AK$366,ROUNDDOWN($C3740/24,0)+1,1)*INDEX($D$3:$AA$30,INDEX(Jesper!$R$2:$R$366,ROW(INDEX(Jesper!AK$2:AK$366,ROUNDDOWN($C3740/24,0)+1,1))-1)+IF('Standard Profiles'!$G$21=$B$10,7,0)+IF('Standard Profiles'!$G$21=$B$17,14,0)+IF('Standard Profiles'!$G$21=$B$24,21,0),MOD($C3740,24)+1)/SUM(INDEX($D$3:$AA$30,INDEX(Jesper!$R$2:$R$366,ROW(INDEX(Jesper!AK$2:AK$366,ROUNDDOWN($C3740/24,0)+1,1))-1)+IF('Standard Profiles'!$G$21=$B$10,7,0)+IF('Standard Profiles'!$G$21=$B$17,14,0)+IF('Standard Profiles'!$G$21=$B$24,21,0),0)),0)</f>
        <v>0</v>
      </c>
      <c r="H3740" cm="1">
        <f t="array" ref="H3740">IFERROR(INDEX(Jesper!AL$2:AL$366,ROUNDDOWN($C3740/24,0)+1,1)*INDEX($D$3:$AA$30,INDEX(Jesper!$R$2:$R$366,ROW(INDEX(Jesper!AL$2:AL$366,ROUNDDOWN($C3740/24,0)+1,1))-1)+IF('Standard Profiles'!$G$22=$B$10,7,0)+IF('Standard Profiles'!$G$22=$B$17,14,0)+IF('Standard Profiles'!$G$22=$B$24,21,0),MOD($C3740,24)+1)/SUM(INDEX($D$3:$AA$30,INDEX(Jesper!$R$2:$R$366,ROW(INDEX(Jesper!AL$2:AL$366,ROUNDDOWN($C3740/24,0)+1,1))-1)+IF('Standard Profiles'!$G$22=$B$10,7,0)+IF('Standard Profiles'!$G$22=$B$17,14,0)+IF('Standard Profiles'!$G$22=$B$24,21,0),0)),0)</f>
        <v>0</v>
      </c>
      <c r="I3740">
        <f t="shared" si="419"/>
        <v>0.38789504737981884</v>
      </c>
      <c r="J3740">
        <f t="shared" si="420"/>
        <v>1.2929834912660629</v>
      </c>
      <c r="K3740">
        <f t="shared" si="421"/>
        <v>1.939475236899094</v>
      </c>
      <c r="L3740">
        <f t="shared" si="422"/>
        <v>9.3094811371156521</v>
      </c>
      <c r="M3740">
        <f t="shared" si="423"/>
        <v>0</v>
      </c>
      <c r="N3740" s="46">
        <f t="shared" si="424"/>
        <v>45446.416666657678</v>
      </c>
    </row>
    <row r="3741" spans="2:14" x14ac:dyDescent="0.3">
      <c r="B3741">
        <f t="shared" si="418"/>
        <v>1</v>
      </c>
      <c r="C3741" s="16">
        <v>3707</v>
      </c>
      <c r="D3741" cm="1">
        <f t="array" ref="D3741">IFERROR(INDEX(Jesper!AH$2:AH$366,ROUNDDOWN($C3741/24,0)+1,1)*INDEX($D$3:$AA$30,INDEX(Jesper!$R$2:$R$366,ROW(INDEX(Jesper!AH$2:AH$366,ROUNDDOWN($C3741/24,0)+1,1))-1)+IF('Standard Profiles'!$G$18=$B$10,7,0)+IF('Standard Profiles'!$G$18=$B$17,14,0)+IF('Standard Profiles'!$G$18=$B$24,21,0),MOD($C3741,24)+1)/SUM(INDEX($D$3:$AA$30,INDEX(Jesper!$R$2:$R$366,ROW(INDEX(Jesper!AH$2:AH$366,ROUNDDOWN($C3741/24,0)+1,1))-1)+IF('Standard Profiles'!$G$18=$B$10,7,0)+IF('Standard Profiles'!$G$18=$B$17,14,0)+IF('Standard Profiles'!$G$18=$B$24,21,0),0)),0)</f>
        <v>16.418837984330956</v>
      </c>
      <c r="E3741" cm="1">
        <f t="array" ref="E3741">IFERROR(INDEX(Jesper!AI$2:AI$366,ROUNDDOWN($C3741/24,0)+1,1)*INDEX($D$3:$AA$30,INDEX(Jesper!$R$2:$R$366,ROW(INDEX(Jesper!AI$2:AI$366,ROUNDDOWN($C3741/24,0)+1,1))-1)+IF('Standard Profiles'!$G$19=$B$10,7,0)+IF('Standard Profiles'!$G$19=$B$17,14,0)+IF('Standard Profiles'!$G$19=$B$24,21,0),MOD($C3741,24)+1)/SUM(INDEX($D$3:$AA$30,INDEX(Jesper!$R$2:$R$366,ROW(INDEX(Jesper!AI$2:AI$366,ROUNDDOWN($C3741/24,0)+1,1))-1)+IF('Standard Profiles'!$G$19=$B$10,7,0)+IF('Standard Profiles'!$G$19=$B$17,14,0)+IF('Standard Profiles'!$G$19=$B$24,21,0),0)),0)</f>
        <v>0</v>
      </c>
      <c r="F3741" cm="1">
        <f t="array" ref="F3741">IFERROR(INDEX(Jesper!AJ$2:AJ$366,ROUNDDOWN($C3741/24,0)+1,1)*INDEX($D$3:$AA$30,INDEX(Jesper!$R$2:$R$366,ROW(INDEX(Jesper!AJ$2:AJ$366,ROUNDDOWN($C3741/24,0)+1,1))-1)+IF('Standard Profiles'!$G$20=$B$10,7,0)+IF('Standard Profiles'!$G$20=$B$17,14,0)+IF('Standard Profiles'!$G$20=$B$24,21,0),MOD($C3741,24)+1)/SUM(INDEX($D$3:$AA$30,INDEX(Jesper!$R$2:$R$366,ROW(INDEX(Jesper!AJ$2:AJ$366,ROUNDDOWN($C3741/24,0)+1,1))-1)+IF('Standard Profiles'!$G$20=$B$10,7,0)+IF('Standard Profiles'!$G$20=$B$17,14,0)+IF('Standard Profiles'!$G$20=$B$24,21,0),0)),0)</f>
        <v>0</v>
      </c>
      <c r="G3741" cm="1">
        <f t="array" ref="G3741">IFERROR(INDEX(Jesper!AK$2:AK$366,ROUNDDOWN($C3741/24,0)+1,1)*INDEX($D$3:$AA$30,INDEX(Jesper!$R$2:$R$366,ROW(INDEX(Jesper!AK$2:AK$366,ROUNDDOWN($C3741/24,0)+1,1))-1)+IF('Standard Profiles'!$G$21=$B$10,7,0)+IF('Standard Profiles'!$G$21=$B$17,14,0)+IF('Standard Profiles'!$G$21=$B$24,21,0),MOD($C3741,24)+1)/SUM(INDEX($D$3:$AA$30,INDEX(Jesper!$R$2:$R$366,ROW(INDEX(Jesper!AK$2:AK$366,ROUNDDOWN($C3741/24,0)+1,1))-1)+IF('Standard Profiles'!$G$21=$B$10,7,0)+IF('Standard Profiles'!$G$21=$B$17,14,0)+IF('Standard Profiles'!$G$21=$B$24,21,0),0)),0)</f>
        <v>0</v>
      </c>
      <c r="H3741" cm="1">
        <f t="array" ref="H3741">IFERROR(INDEX(Jesper!AL$2:AL$366,ROUNDDOWN($C3741/24,0)+1,1)*INDEX($D$3:$AA$30,INDEX(Jesper!$R$2:$R$366,ROW(INDEX(Jesper!AL$2:AL$366,ROUNDDOWN($C3741/24,0)+1,1))-1)+IF('Standard Profiles'!$G$22=$B$10,7,0)+IF('Standard Profiles'!$G$22=$B$17,14,0)+IF('Standard Profiles'!$G$22=$B$24,21,0),MOD($C3741,24)+1)/SUM(INDEX($D$3:$AA$30,INDEX(Jesper!$R$2:$R$366,ROW(INDEX(Jesper!AL$2:AL$366,ROUNDDOWN($C3741/24,0)+1,1))-1)+IF('Standard Profiles'!$G$22=$B$10,7,0)+IF('Standard Profiles'!$G$22=$B$17,14,0)+IF('Standard Profiles'!$G$22=$B$24,21,0),0)),0)</f>
        <v>0</v>
      </c>
      <c r="I3741">
        <f t="shared" si="419"/>
        <v>0.49256513952992864</v>
      </c>
      <c r="J3741">
        <f t="shared" si="420"/>
        <v>1.6418837984330956</v>
      </c>
      <c r="K3741">
        <f t="shared" si="421"/>
        <v>2.4628256976496434</v>
      </c>
      <c r="L3741">
        <f t="shared" si="422"/>
        <v>11.821563348718287</v>
      </c>
      <c r="M3741">
        <f t="shared" si="423"/>
        <v>0</v>
      </c>
      <c r="N3741" s="46">
        <f t="shared" si="424"/>
        <v>45446.458333324343</v>
      </c>
    </row>
    <row r="3742" spans="2:14" x14ac:dyDescent="0.3">
      <c r="B3742">
        <f t="shared" si="418"/>
        <v>1</v>
      </c>
      <c r="C3742" s="16">
        <v>3708</v>
      </c>
      <c r="D3742" cm="1">
        <f t="array" ref="D3742">IFERROR(INDEX(Jesper!AH$2:AH$366,ROUNDDOWN($C3742/24,0)+1,1)*INDEX($D$3:$AA$30,INDEX(Jesper!$R$2:$R$366,ROW(INDEX(Jesper!AH$2:AH$366,ROUNDDOWN($C3742/24,0)+1,1))-1)+IF('Standard Profiles'!$G$18=$B$10,7,0)+IF('Standard Profiles'!$G$18=$B$17,14,0)+IF('Standard Profiles'!$G$18=$B$24,21,0),MOD($C3742,24)+1)/SUM(INDEX($D$3:$AA$30,INDEX(Jesper!$R$2:$R$366,ROW(INDEX(Jesper!AH$2:AH$366,ROUNDDOWN($C3742/24,0)+1,1))-1)+IF('Standard Profiles'!$G$18=$B$10,7,0)+IF('Standard Profiles'!$G$18=$B$17,14,0)+IF('Standard Profiles'!$G$18=$B$24,21,0),0)),0)</f>
        <v>16.418837984330956</v>
      </c>
      <c r="E3742" cm="1">
        <f t="array" ref="E3742">IFERROR(INDEX(Jesper!AI$2:AI$366,ROUNDDOWN($C3742/24,0)+1,1)*INDEX($D$3:$AA$30,INDEX(Jesper!$R$2:$R$366,ROW(INDEX(Jesper!AI$2:AI$366,ROUNDDOWN($C3742/24,0)+1,1))-1)+IF('Standard Profiles'!$G$19=$B$10,7,0)+IF('Standard Profiles'!$G$19=$B$17,14,0)+IF('Standard Profiles'!$G$19=$B$24,21,0),MOD($C3742,24)+1)/SUM(INDEX($D$3:$AA$30,INDEX(Jesper!$R$2:$R$366,ROW(INDEX(Jesper!AI$2:AI$366,ROUNDDOWN($C3742/24,0)+1,1))-1)+IF('Standard Profiles'!$G$19=$B$10,7,0)+IF('Standard Profiles'!$G$19=$B$17,14,0)+IF('Standard Profiles'!$G$19=$B$24,21,0),0)),0)</f>
        <v>0</v>
      </c>
      <c r="F3742" cm="1">
        <f t="array" ref="F3742">IFERROR(INDEX(Jesper!AJ$2:AJ$366,ROUNDDOWN($C3742/24,0)+1,1)*INDEX($D$3:$AA$30,INDEX(Jesper!$R$2:$R$366,ROW(INDEX(Jesper!AJ$2:AJ$366,ROUNDDOWN($C3742/24,0)+1,1))-1)+IF('Standard Profiles'!$G$20=$B$10,7,0)+IF('Standard Profiles'!$G$20=$B$17,14,0)+IF('Standard Profiles'!$G$20=$B$24,21,0),MOD($C3742,24)+1)/SUM(INDEX($D$3:$AA$30,INDEX(Jesper!$R$2:$R$366,ROW(INDEX(Jesper!AJ$2:AJ$366,ROUNDDOWN($C3742/24,0)+1,1))-1)+IF('Standard Profiles'!$G$20=$B$10,7,0)+IF('Standard Profiles'!$G$20=$B$17,14,0)+IF('Standard Profiles'!$G$20=$B$24,21,0),0)),0)</f>
        <v>0</v>
      </c>
      <c r="G3742" cm="1">
        <f t="array" ref="G3742">IFERROR(INDEX(Jesper!AK$2:AK$366,ROUNDDOWN($C3742/24,0)+1,1)*INDEX($D$3:$AA$30,INDEX(Jesper!$R$2:$R$366,ROW(INDEX(Jesper!AK$2:AK$366,ROUNDDOWN($C3742/24,0)+1,1))-1)+IF('Standard Profiles'!$G$21=$B$10,7,0)+IF('Standard Profiles'!$G$21=$B$17,14,0)+IF('Standard Profiles'!$G$21=$B$24,21,0),MOD($C3742,24)+1)/SUM(INDEX($D$3:$AA$30,INDEX(Jesper!$R$2:$R$366,ROW(INDEX(Jesper!AK$2:AK$366,ROUNDDOWN($C3742/24,0)+1,1))-1)+IF('Standard Profiles'!$G$21=$B$10,7,0)+IF('Standard Profiles'!$G$21=$B$17,14,0)+IF('Standard Profiles'!$G$21=$B$24,21,0),0)),0)</f>
        <v>0</v>
      </c>
      <c r="H3742" cm="1">
        <f t="array" ref="H3742">IFERROR(INDEX(Jesper!AL$2:AL$366,ROUNDDOWN($C3742/24,0)+1,1)*INDEX($D$3:$AA$30,INDEX(Jesper!$R$2:$R$366,ROW(INDEX(Jesper!AL$2:AL$366,ROUNDDOWN($C3742/24,0)+1,1))-1)+IF('Standard Profiles'!$G$22=$B$10,7,0)+IF('Standard Profiles'!$G$22=$B$17,14,0)+IF('Standard Profiles'!$G$22=$B$24,21,0),MOD($C3742,24)+1)/SUM(INDEX($D$3:$AA$30,INDEX(Jesper!$R$2:$R$366,ROW(INDEX(Jesper!AL$2:AL$366,ROUNDDOWN($C3742/24,0)+1,1))-1)+IF('Standard Profiles'!$G$22=$B$10,7,0)+IF('Standard Profiles'!$G$22=$B$17,14,0)+IF('Standard Profiles'!$G$22=$B$24,21,0),0)),0)</f>
        <v>0</v>
      </c>
      <c r="I3742">
        <f t="shared" si="419"/>
        <v>0.49256513952992864</v>
      </c>
      <c r="J3742">
        <f t="shared" si="420"/>
        <v>1.6418837984330956</v>
      </c>
      <c r="K3742">
        <f t="shared" si="421"/>
        <v>2.4628256976496434</v>
      </c>
      <c r="L3742">
        <f t="shared" si="422"/>
        <v>11.821563348718287</v>
      </c>
      <c r="M3742">
        <f t="shared" si="423"/>
        <v>0</v>
      </c>
      <c r="N3742" s="46">
        <f t="shared" si="424"/>
        <v>45446.499999991007</v>
      </c>
    </row>
    <row r="3743" spans="2:14" x14ac:dyDescent="0.3">
      <c r="B3743">
        <f t="shared" si="418"/>
        <v>1</v>
      </c>
      <c r="C3743" s="16">
        <v>3709</v>
      </c>
      <c r="D3743" cm="1">
        <f t="array" ref="D3743">IFERROR(INDEX(Jesper!AH$2:AH$366,ROUNDDOWN($C3743/24,0)+1,1)*INDEX($D$3:$AA$30,INDEX(Jesper!$R$2:$R$366,ROW(INDEX(Jesper!AH$2:AH$366,ROUNDDOWN($C3743/24,0)+1,1))-1)+IF('Standard Profiles'!$G$18=$B$10,7,0)+IF('Standard Profiles'!$G$18=$B$17,14,0)+IF('Standard Profiles'!$G$18=$B$24,21,0),MOD($C3743,24)+1)/SUM(INDEX($D$3:$AA$30,INDEX(Jesper!$R$2:$R$366,ROW(INDEX(Jesper!AH$2:AH$366,ROUNDDOWN($C3743/24,0)+1,1))-1)+IF('Standard Profiles'!$G$18=$B$10,7,0)+IF('Standard Profiles'!$G$18=$B$17,14,0)+IF('Standard Profiles'!$G$18=$B$24,21,0),0)),0)</f>
        <v>10.877480164619257</v>
      </c>
      <c r="E3743" cm="1">
        <f t="array" ref="E3743">IFERROR(INDEX(Jesper!AI$2:AI$366,ROUNDDOWN($C3743/24,0)+1,1)*INDEX($D$3:$AA$30,INDEX(Jesper!$R$2:$R$366,ROW(INDEX(Jesper!AI$2:AI$366,ROUNDDOWN($C3743/24,0)+1,1))-1)+IF('Standard Profiles'!$G$19=$B$10,7,0)+IF('Standard Profiles'!$G$19=$B$17,14,0)+IF('Standard Profiles'!$G$19=$B$24,21,0),MOD($C3743,24)+1)/SUM(INDEX($D$3:$AA$30,INDEX(Jesper!$R$2:$R$366,ROW(INDEX(Jesper!AI$2:AI$366,ROUNDDOWN($C3743/24,0)+1,1))-1)+IF('Standard Profiles'!$G$19=$B$10,7,0)+IF('Standard Profiles'!$G$19=$B$17,14,0)+IF('Standard Profiles'!$G$19=$B$24,21,0),0)),0)</f>
        <v>0</v>
      </c>
      <c r="F3743" cm="1">
        <f t="array" ref="F3743">IFERROR(INDEX(Jesper!AJ$2:AJ$366,ROUNDDOWN($C3743/24,0)+1,1)*INDEX($D$3:$AA$30,INDEX(Jesper!$R$2:$R$366,ROW(INDEX(Jesper!AJ$2:AJ$366,ROUNDDOWN($C3743/24,0)+1,1))-1)+IF('Standard Profiles'!$G$20=$B$10,7,0)+IF('Standard Profiles'!$G$20=$B$17,14,0)+IF('Standard Profiles'!$G$20=$B$24,21,0),MOD($C3743,24)+1)/SUM(INDEX($D$3:$AA$30,INDEX(Jesper!$R$2:$R$366,ROW(INDEX(Jesper!AJ$2:AJ$366,ROUNDDOWN($C3743/24,0)+1,1))-1)+IF('Standard Profiles'!$G$20=$B$10,7,0)+IF('Standard Profiles'!$G$20=$B$17,14,0)+IF('Standard Profiles'!$G$20=$B$24,21,0),0)),0)</f>
        <v>0</v>
      </c>
      <c r="G3743" cm="1">
        <f t="array" ref="G3743">IFERROR(INDEX(Jesper!AK$2:AK$366,ROUNDDOWN($C3743/24,0)+1,1)*INDEX($D$3:$AA$30,INDEX(Jesper!$R$2:$R$366,ROW(INDEX(Jesper!AK$2:AK$366,ROUNDDOWN($C3743/24,0)+1,1))-1)+IF('Standard Profiles'!$G$21=$B$10,7,0)+IF('Standard Profiles'!$G$21=$B$17,14,0)+IF('Standard Profiles'!$G$21=$B$24,21,0),MOD($C3743,24)+1)/SUM(INDEX($D$3:$AA$30,INDEX(Jesper!$R$2:$R$366,ROW(INDEX(Jesper!AK$2:AK$366,ROUNDDOWN($C3743/24,0)+1,1))-1)+IF('Standard Profiles'!$G$21=$B$10,7,0)+IF('Standard Profiles'!$G$21=$B$17,14,0)+IF('Standard Profiles'!$G$21=$B$24,21,0),0)),0)</f>
        <v>0</v>
      </c>
      <c r="H3743" cm="1">
        <f t="array" ref="H3743">IFERROR(INDEX(Jesper!AL$2:AL$366,ROUNDDOWN($C3743/24,0)+1,1)*INDEX($D$3:$AA$30,INDEX(Jesper!$R$2:$R$366,ROW(INDEX(Jesper!AL$2:AL$366,ROUNDDOWN($C3743/24,0)+1,1))-1)+IF('Standard Profiles'!$G$22=$B$10,7,0)+IF('Standard Profiles'!$G$22=$B$17,14,0)+IF('Standard Profiles'!$G$22=$B$24,21,0),MOD($C3743,24)+1)/SUM(INDEX($D$3:$AA$30,INDEX(Jesper!$R$2:$R$366,ROW(INDEX(Jesper!AL$2:AL$366,ROUNDDOWN($C3743/24,0)+1,1))-1)+IF('Standard Profiles'!$G$22=$B$10,7,0)+IF('Standard Profiles'!$G$22=$B$17,14,0)+IF('Standard Profiles'!$G$22=$B$24,21,0),0)),0)</f>
        <v>0</v>
      </c>
      <c r="I3743">
        <f t="shared" si="419"/>
        <v>0.32632440493857773</v>
      </c>
      <c r="J3743">
        <f t="shared" si="420"/>
        <v>1.0877480164619258</v>
      </c>
      <c r="K3743">
        <f t="shared" si="421"/>
        <v>1.6316220246928885</v>
      </c>
      <c r="L3743">
        <f t="shared" si="422"/>
        <v>7.8317857185258646</v>
      </c>
      <c r="M3743">
        <f t="shared" si="423"/>
        <v>0</v>
      </c>
      <c r="N3743" s="46">
        <f t="shared" si="424"/>
        <v>45446.541666657671</v>
      </c>
    </row>
    <row r="3744" spans="2:14" x14ac:dyDescent="0.3">
      <c r="B3744">
        <f t="shared" si="418"/>
        <v>1</v>
      </c>
      <c r="C3744" s="16">
        <v>3710</v>
      </c>
      <c r="D3744" cm="1">
        <f t="array" ref="D3744">IFERROR(INDEX(Jesper!AH$2:AH$366,ROUNDDOWN($C3744/24,0)+1,1)*INDEX($D$3:$AA$30,INDEX(Jesper!$R$2:$R$366,ROW(INDEX(Jesper!AH$2:AH$366,ROUNDDOWN($C3744/24,0)+1,1))-1)+IF('Standard Profiles'!$G$18=$B$10,7,0)+IF('Standard Profiles'!$G$18=$B$17,14,0)+IF('Standard Profiles'!$G$18=$B$24,21,0),MOD($C3744,24)+1)/SUM(INDEX($D$3:$AA$30,INDEX(Jesper!$R$2:$R$366,ROW(INDEX(Jesper!AH$2:AH$366,ROUNDDOWN($C3744/24,0)+1,1))-1)+IF('Standard Profiles'!$G$18=$B$10,7,0)+IF('Standard Profiles'!$G$18=$B$17,14,0)+IF('Standard Profiles'!$G$18=$B$24,21,0),0)),0)</f>
        <v>16.418837984330956</v>
      </c>
      <c r="E3744" cm="1">
        <f t="array" ref="E3744">IFERROR(INDEX(Jesper!AI$2:AI$366,ROUNDDOWN($C3744/24,0)+1,1)*INDEX($D$3:$AA$30,INDEX(Jesper!$R$2:$R$366,ROW(INDEX(Jesper!AI$2:AI$366,ROUNDDOWN($C3744/24,0)+1,1))-1)+IF('Standard Profiles'!$G$19=$B$10,7,0)+IF('Standard Profiles'!$G$19=$B$17,14,0)+IF('Standard Profiles'!$G$19=$B$24,21,0),MOD($C3744,24)+1)/SUM(INDEX($D$3:$AA$30,INDEX(Jesper!$R$2:$R$366,ROW(INDEX(Jesper!AI$2:AI$366,ROUNDDOWN($C3744/24,0)+1,1))-1)+IF('Standard Profiles'!$G$19=$B$10,7,0)+IF('Standard Profiles'!$G$19=$B$17,14,0)+IF('Standard Profiles'!$G$19=$B$24,21,0),0)),0)</f>
        <v>0</v>
      </c>
      <c r="F3744" cm="1">
        <f t="array" ref="F3744">IFERROR(INDEX(Jesper!AJ$2:AJ$366,ROUNDDOWN($C3744/24,0)+1,1)*INDEX($D$3:$AA$30,INDEX(Jesper!$R$2:$R$366,ROW(INDEX(Jesper!AJ$2:AJ$366,ROUNDDOWN($C3744/24,0)+1,1))-1)+IF('Standard Profiles'!$G$20=$B$10,7,0)+IF('Standard Profiles'!$G$20=$B$17,14,0)+IF('Standard Profiles'!$G$20=$B$24,21,0),MOD($C3744,24)+1)/SUM(INDEX($D$3:$AA$30,INDEX(Jesper!$R$2:$R$366,ROW(INDEX(Jesper!AJ$2:AJ$366,ROUNDDOWN($C3744/24,0)+1,1))-1)+IF('Standard Profiles'!$G$20=$B$10,7,0)+IF('Standard Profiles'!$G$20=$B$17,14,0)+IF('Standard Profiles'!$G$20=$B$24,21,0),0)),0)</f>
        <v>0</v>
      </c>
      <c r="G3744" cm="1">
        <f t="array" ref="G3744">IFERROR(INDEX(Jesper!AK$2:AK$366,ROUNDDOWN($C3744/24,0)+1,1)*INDEX($D$3:$AA$30,INDEX(Jesper!$R$2:$R$366,ROW(INDEX(Jesper!AK$2:AK$366,ROUNDDOWN($C3744/24,0)+1,1))-1)+IF('Standard Profiles'!$G$21=$B$10,7,0)+IF('Standard Profiles'!$G$21=$B$17,14,0)+IF('Standard Profiles'!$G$21=$B$24,21,0),MOD($C3744,24)+1)/SUM(INDEX($D$3:$AA$30,INDEX(Jesper!$R$2:$R$366,ROW(INDEX(Jesper!AK$2:AK$366,ROUNDDOWN($C3744/24,0)+1,1))-1)+IF('Standard Profiles'!$G$21=$B$10,7,0)+IF('Standard Profiles'!$G$21=$B$17,14,0)+IF('Standard Profiles'!$G$21=$B$24,21,0),0)),0)</f>
        <v>0</v>
      </c>
      <c r="H3744" cm="1">
        <f t="array" ref="H3744">IFERROR(INDEX(Jesper!AL$2:AL$366,ROUNDDOWN($C3744/24,0)+1,1)*INDEX($D$3:$AA$30,INDEX(Jesper!$R$2:$R$366,ROW(INDEX(Jesper!AL$2:AL$366,ROUNDDOWN($C3744/24,0)+1,1))-1)+IF('Standard Profiles'!$G$22=$B$10,7,0)+IF('Standard Profiles'!$G$22=$B$17,14,0)+IF('Standard Profiles'!$G$22=$B$24,21,0),MOD($C3744,24)+1)/SUM(INDEX($D$3:$AA$30,INDEX(Jesper!$R$2:$R$366,ROW(INDEX(Jesper!AL$2:AL$366,ROUNDDOWN($C3744/24,0)+1,1))-1)+IF('Standard Profiles'!$G$22=$B$10,7,0)+IF('Standard Profiles'!$G$22=$B$17,14,0)+IF('Standard Profiles'!$G$22=$B$24,21,0),0)),0)</f>
        <v>0</v>
      </c>
      <c r="I3744">
        <f t="shared" si="419"/>
        <v>0.49256513952992864</v>
      </c>
      <c r="J3744">
        <f t="shared" si="420"/>
        <v>1.6418837984330956</v>
      </c>
      <c r="K3744">
        <f t="shared" si="421"/>
        <v>2.4628256976496434</v>
      </c>
      <c r="L3744">
        <f t="shared" si="422"/>
        <v>11.821563348718287</v>
      </c>
      <c r="M3744">
        <f t="shared" si="423"/>
        <v>0</v>
      </c>
      <c r="N3744" s="46">
        <f t="shared" si="424"/>
        <v>45446.583333324335</v>
      </c>
    </row>
    <row r="3745" spans="2:14" x14ac:dyDescent="0.3">
      <c r="B3745">
        <f t="shared" si="418"/>
        <v>1</v>
      </c>
      <c r="C3745" s="16">
        <v>3711</v>
      </c>
      <c r="D3745" cm="1">
        <f t="array" ref="D3745">IFERROR(INDEX(Jesper!AH$2:AH$366,ROUNDDOWN($C3745/24,0)+1,1)*INDEX($D$3:$AA$30,INDEX(Jesper!$R$2:$R$366,ROW(INDEX(Jesper!AH$2:AH$366,ROUNDDOWN($C3745/24,0)+1,1))-1)+IF('Standard Profiles'!$G$18=$B$10,7,0)+IF('Standard Profiles'!$G$18=$B$17,14,0)+IF('Standard Profiles'!$G$18=$B$24,21,0),MOD($C3745,24)+1)/SUM(INDEX($D$3:$AA$30,INDEX(Jesper!$R$2:$R$366,ROW(INDEX(Jesper!AH$2:AH$366,ROUNDDOWN($C3745/24,0)+1,1))-1)+IF('Standard Profiles'!$G$18=$B$10,7,0)+IF('Standard Profiles'!$G$18=$B$17,14,0)+IF('Standard Profiles'!$G$18=$B$24,21,0),0)),0)</f>
        <v>16.418837984330956</v>
      </c>
      <c r="E3745" cm="1">
        <f t="array" ref="E3745">IFERROR(INDEX(Jesper!AI$2:AI$366,ROUNDDOWN($C3745/24,0)+1,1)*INDEX($D$3:$AA$30,INDEX(Jesper!$R$2:$R$366,ROW(INDEX(Jesper!AI$2:AI$366,ROUNDDOWN($C3745/24,0)+1,1))-1)+IF('Standard Profiles'!$G$19=$B$10,7,0)+IF('Standard Profiles'!$G$19=$B$17,14,0)+IF('Standard Profiles'!$G$19=$B$24,21,0),MOD($C3745,24)+1)/SUM(INDEX($D$3:$AA$30,INDEX(Jesper!$R$2:$R$366,ROW(INDEX(Jesper!AI$2:AI$366,ROUNDDOWN($C3745/24,0)+1,1))-1)+IF('Standard Profiles'!$G$19=$B$10,7,0)+IF('Standard Profiles'!$G$19=$B$17,14,0)+IF('Standard Profiles'!$G$19=$B$24,21,0),0)),0)</f>
        <v>0</v>
      </c>
      <c r="F3745" cm="1">
        <f t="array" ref="F3745">IFERROR(INDEX(Jesper!AJ$2:AJ$366,ROUNDDOWN($C3745/24,0)+1,1)*INDEX($D$3:$AA$30,INDEX(Jesper!$R$2:$R$366,ROW(INDEX(Jesper!AJ$2:AJ$366,ROUNDDOWN($C3745/24,0)+1,1))-1)+IF('Standard Profiles'!$G$20=$B$10,7,0)+IF('Standard Profiles'!$G$20=$B$17,14,0)+IF('Standard Profiles'!$G$20=$B$24,21,0),MOD($C3745,24)+1)/SUM(INDEX($D$3:$AA$30,INDEX(Jesper!$R$2:$R$366,ROW(INDEX(Jesper!AJ$2:AJ$366,ROUNDDOWN($C3745/24,0)+1,1))-1)+IF('Standard Profiles'!$G$20=$B$10,7,0)+IF('Standard Profiles'!$G$20=$B$17,14,0)+IF('Standard Profiles'!$G$20=$B$24,21,0),0)),0)</f>
        <v>0</v>
      </c>
      <c r="G3745" cm="1">
        <f t="array" ref="G3745">IFERROR(INDEX(Jesper!AK$2:AK$366,ROUNDDOWN($C3745/24,0)+1,1)*INDEX($D$3:$AA$30,INDEX(Jesper!$R$2:$R$366,ROW(INDEX(Jesper!AK$2:AK$366,ROUNDDOWN($C3745/24,0)+1,1))-1)+IF('Standard Profiles'!$G$21=$B$10,7,0)+IF('Standard Profiles'!$G$21=$B$17,14,0)+IF('Standard Profiles'!$G$21=$B$24,21,0),MOD($C3745,24)+1)/SUM(INDEX($D$3:$AA$30,INDEX(Jesper!$R$2:$R$366,ROW(INDEX(Jesper!AK$2:AK$366,ROUNDDOWN($C3745/24,0)+1,1))-1)+IF('Standard Profiles'!$G$21=$B$10,7,0)+IF('Standard Profiles'!$G$21=$B$17,14,0)+IF('Standard Profiles'!$G$21=$B$24,21,0),0)),0)</f>
        <v>0</v>
      </c>
      <c r="H3745" cm="1">
        <f t="array" ref="H3745">IFERROR(INDEX(Jesper!AL$2:AL$366,ROUNDDOWN($C3745/24,0)+1,1)*INDEX($D$3:$AA$30,INDEX(Jesper!$R$2:$R$366,ROW(INDEX(Jesper!AL$2:AL$366,ROUNDDOWN($C3745/24,0)+1,1))-1)+IF('Standard Profiles'!$G$22=$B$10,7,0)+IF('Standard Profiles'!$G$22=$B$17,14,0)+IF('Standard Profiles'!$G$22=$B$24,21,0),MOD($C3745,24)+1)/SUM(INDEX($D$3:$AA$30,INDEX(Jesper!$R$2:$R$366,ROW(INDEX(Jesper!AL$2:AL$366,ROUNDDOWN($C3745/24,0)+1,1))-1)+IF('Standard Profiles'!$G$22=$B$10,7,0)+IF('Standard Profiles'!$G$22=$B$17,14,0)+IF('Standard Profiles'!$G$22=$B$24,21,0),0)),0)</f>
        <v>0</v>
      </c>
      <c r="I3745">
        <f t="shared" si="419"/>
        <v>0.49256513952992864</v>
      </c>
      <c r="J3745">
        <f t="shared" si="420"/>
        <v>1.6418837984330956</v>
      </c>
      <c r="K3745">
        <f t="shared" si="421"/>
        <v>2.4628256976496434</v>
      </c>
      <c r="L3745">
        <f t="shared" si="422"/>
        <v>11.821563348718287</v>
      </c>
      <c r="M3745">
        <f t="shared" si="423"/>
        <v>0</v>
      </c>
      <c r="N3745" s="46">
        <f t="shared" si="424"/>
        <v>45446.624999991</v>
      </c>
    </row>
    <row r="3746" spans="2:14" x14ac:dyDescent="0.3">
      <c r="B3746">
        <f t="shared" si="418"/>
        <v>1</v>
      </c>
      <c r="C3746" s="16">
        <v>3712</v>
      </c>
      <c r="D3746" cm="1">
        <f t="array" ref="D3746">IFERROR(INDEX(Jesper!AH$2:AH$366,ROUNDDOWN($C3746/24,0)+1,1)*INDEX($D$3:$AA$30,INDEX(Jesper!$R$2:$R$366,ROW(INDEX(Jesper!AH$2:AH$366,ROUNDDOWN($C3746/24,0)+1,1))-1)+IF('Standard Profiles'!$G$18=$B$10,7,0)+IF('Standard Profiles'!$G$18=$B$17,14,0)+IF('Standard Profiles'!$G$18=$B$24,21,0),MOD($C3746,24)+1)/SUM(INDEX($D$3:$AA$30,INDEX(Jesper!$R$2:$R$366,ROW(INDEX(Jesper!AH$2:AH$366,ROUNDDOWN($C3746/24,0)+1,1))-1)+IF('Standard Profiles'!$G$18=$B$10,7,0)+IF('Standard Profiles'!$G$18=$B$17,14,0)+IF('Standard Profiles'!$G$18=$B$24,21,0),0)),0)</f>
        <v>16.418837984330956</v>
      </c>
      <c r="E3746" cm="1">
        <f t="array" ref="E3746">IFERROR(INDEX(Jesper!AI$2:AI$366,ROUNDDOWN($C3746/24,0)+1,1)*INDEX($D$3:$AA$30,INDEX(Jesper!$R$2:$R$366,ROW(INDEX(Jesper!AI$2:AI$366,ROUNDDOWN($C3746/24,0)+1,1))-1)+IF('Standard Profiles'!$G$19=$B$10,7,0)+IF('Standard Profiles'!$G$19=$B$17,14,0)+IF('Standard Profiles'!$G$19=$B$24,21,0),MOD($C3746,24)+1)/SUM(INDEX($D$3:$AA$30,INDEX(Jesper!$R$2:$R$366,ROW(INDEX(Jesper!AI$2:AI$366,ROUNDDOWN($C3746/24,0)+1,1))-1)+IF('Standard Profiles'!$G$19=$B$10,7,0)+IF('Standard Profiles'!$G$19=$B$17,14,0)+IF('Standard Profiles'!$G$19=$B$24,21,0),0)),0)</f>
        <v>0</v>
      </c>
      <c r="F3746" cm="1">
        <f t="array" ref="F3746">IFERROR(INDEX(Jesper!AJ$2:AJ$366,ROUNDDOWN($C3746/24,0)+1,1)*INDEX($D$3:$AA$30,INDEX(Jesper!$R$2:$R$366,ROW(INDEX(Jesper!AJ$2:AJ$366,ROUNDDOWN($C3746/24,0)+1,1))-1)+IF('Standard Profiles'!$G$20=$B$10,7,0)+IF('Standard Profiles'!$G$20=$B$17,14,0)+IF('Standard Profiles'!$G$20=$B$24,21,0),MOD($C3746,24)+1)/SUM(INDEX($D$3:$AA$30,INDEX(Jesper!$R$2:$R$366,ROW(INDEX(Jesper!AJ$2:AJ$366,ROUNDDOWN($C3746/24,0)+1,1))-1)+IF('Standard Profiles'!$G$20=$B$10,7,0)+IF('Standard Profiles'!$G$20=$B$17,14,0)+IF('Standard Profiles'!$G$20=$B$24,21,0),0)),0)</f>
        <v>0</v>
      </c>
      <c r="G3746" cm="1">
        <f t="array" ref="G3746">IFERROR(INDEX(Jesper!AK$2:AK$366,ROUNDDOWN($C3746/24,0)+1,1)*INDEX($D$3:$AA$30,INDEX(Jesper!$R$2:$R$366,ROW(INDEX(Jesper!AK$2:AK$366,ROUNDDOWN($C3746/24,0)+1,1))-1)+IF('Standard Profiles'!$G$21=$B$10,7,0)+IF('Standard Profiles'!$G$21=$B$17,14,0)+IF('Standard Profiles'!$G$21=$B$24,21,0),MOD($C3746,24)+1)/SUM(INDEX($D$3:$AA$30,INDEX(Jesper!$R$2:$R$366,ROW(INDEX(Jesper!AK$2:AK$366,ROUNDDOWN($C3746/24,0)+1,1))-1)+IF('Standard Profiles'!$G$21=$B$10,7,0)+IF('Standard Profiles'!$G$21=$B$17,14,0)+IF('Standard Profiles'!$G$21=$B$24,21,0),0)),0)</f>
        <v>0</v>
      </c>
      <c r="H3746" cm="1">
        <f t="array" ref="H3746">IFERROR(INDEX(Jesper!AL$2:AL$366,ROUNDDOWN($C3746/24,0)+1,1)*INDEX($D$3:$AA$30,INDEX(Jesper!$R$2:$R$366,ROW(INDEX(Jesper!AL$2:AL$366,ROUNDDOWN($C3746/24,0)+1,1))-1)+IF('Standard Profiles'!$G$22=$B$10,7,0)+IF('Standard Profiles'!$G$22=$B$17,14,0)+IF('Standard Profiles'!$G$22=$B$24,21,0),MOD($C3746,24)+1)/SUM(INDEX($D$3:$AA$30,INDEX(Jesper!$R$2:$R$366,ROW(INDEX(Jesper!AL$2:AL$366,ROUNDDOWN($C3746/24,0)+1,1))-1)+IF('Standard Profiles'!$G$22=$B$10,7,0)+IF('Standard Profiles'!$G$22=$B$17,14,0)+IF('Standard Profiles'!$G$22=$B$24,21,0),0)),0)</f>
        <v>0</v>
      </c>
      <c r="I3746">
        <f t="shared" si="419"/>
        <v>0.49256513952992864</v>
      </c>
      <c r="J3746">
        <f t="shared" si="420"/>
        <v>1.6418837984330956</v>
      </c>
      <c r="K3746">
        <f t="shared" si="421"/>
        <v>2.4628256976496434</v>
      </c>
      <c r="L3746">
        <f t="shared" si="422"/>
        <v>11.821563348718287</v>
      </c>
      <c r="M3746">
        <f t="shared" si="423"/>
        <v>0</v>
      </c>
      <c r="N3746" s="46">
        <f t="shared" si="424"/>
        <v>45446.666666657664</v>
      </c>
    </row>
    <row r="3747" spans="2:14" x14ac:dyDescent="0.3">
      <c r="B3747">
        <f t="shared" ref="B3747:B3810" si="425">WEEKDAY(N3747,2)</f>
        <v>1</v>
      </c>
      <c r="C3747" s="16">
        <v>3713</v>
      </c>
      <c r="D3747" cm="1">
        <f t="array" ref="D3747">IFERROR(INDEX(Jesper!AH$2:AH$366,ROUNDDOWN($C3747/24,0)+1,1)*INDEX($D$3:$AA$30,INDEX(Jesper!$R$2:$R$366,ROW(INDEX(Jesper!AH$2:AH$366,ROUNDDOWN($C3747/24,0)+1,1))-1)+IF('Standard Profiles'!$G$18=$B$10,7,0)+IF('Standard Profiles'!$G$18=$B$17,14,0)+IF('Standard Profiles'!$G$18=$B$24,21,0),MOD($C3747,24)+1)/SUM(INDEX($D$3:$AA$30,INDEX(Jesper!$R$2:$R$366,ROW(INDEX(Jesper!AH$2:AH$366,ROUNDDOWN($C3747/24,0)+1,1))-1)+IF('Standard Profiles'!$G$18=$B$10,7,0)+IF('Standard Profiles'!$G$18=$B$17,14,0)+IF('Standard Profiles'!$G$18=$B$24,21,0),0)),0)</f>
        <v>16.418837984330956</v>
      </c>
      <c r="E3747" cm="1">
        <f t="array" ref="E3747">IFERROR(INDEX(Jesper!AI$2:AI$366,ROUNDDOWN($C3747/24,0)+1,1)*INDEX($D$3:$AA$30,INDEX(Jesper!$R$2:$R$366,ROW(INDEX(Jesper!AI$2:AI$366,ROUNDDOWN($C3747/24,0)+1,1))-1)+IF('Standard Profiles'!$G$19=$B$10,7,0)+IF('Standard Profiles'!$G$19=$B$17,14,0)+IF('Standard Profiles'!$G$19=$B$24,21,0),MOD($C3747,24)+1)/SUM(INDEX($D$3:$AA$30,INDEX(Jesper!$R$2:$R$366,ROW(INDEX(Jesper!AI$2:AI$366,ROUNDDOWN($C3747/24,0)+1,1))-1)+IF('Standard Profiles'!$G$19=$B$10,7,0)+IF('Standard Profiles'!$G$19=$B$17,14,0)+IF('Standard Profiles'!$G$19=$B$24,21,0),0)),0)</f>
        <v>0</v>
      </c>
      <c r="F3747" cm="1">
        <f t="array" ref="F3747">IFERROR(INDEX(Jesper!AJ$2:AJ$366,ROUNDDOWN($C3747/24,0)+1,1)*INDEX($D$3:$AA$30,INDEX(Jesper!$R$2:$R$366,ROW(INDEX(Jesper!AJ$2:AJ$366,ROUNDDOWN($C3747/24,0)+1,1))-1)+IF('Standard Profiles'!$G$20=$B$10,7,0)+IF('Standard Profiles'!$G$20=$B$17,14,0)+IF('Standard Profiles'!$G$20=$B$24,21,0),MOD($C3747,24)+1)/SUM(INDEX($D$3:$AA$30,INDEX(Jesper!$R$2:$R$366,ROW(INDEX(Jesper!AJ$2:AJ$366,ROUNDDOWN($C3747/24,0)+1,1))-1)+IF('Standard Profiles'!$G$20=$B$10,7,0)+IF('Standard Profiles'!$G$20=$B$17,14,0)+IF('Standard Profiles'!$G$20=$B$24,21,0),0)),0)</f>
        <v>0</v>
      </c>
      <c r="G3747" cm="1">
        <f t="array" ref="G3747">IFERROR(INDEX(Jesper!AK$2:AK$366,ROUNDDOWN($C3747/24,0)+1,1)*INDEX($D$3:$AA$30,INDEX(Jesper!$R$2:$R$366,ROW(INDEX(Jesper!AK$2:AK$366,ROUNDDOWN($C3747/24,0)+1,1))-1)+IF('Standard Profiles'!$G$21=$B$10,7,0)+IF('Standard Profiles'!$G$21=$B$17,14,0)+IF('Standard Profiles'!$G$21=$B$24,21,0),MOD($C3747,24)+1)/SUM(INDEX($D$3:$AA$30,INDEX(Jesper!$R$2:$R$366,ROW(INDEX(Jesper!AK$2:AK$366,ROUNDDOWN($C3747/24,0)+1,1))-1)+IF('Standard Profiles'!$G$21=$B$10,7,0)+IF('Standard Profiles'!$G$21=$B$17,14,0)+IF('Standard Profiles'!$G$21=$B$24,21,0),0)),0)</f>
        <v>0</v>
      </c>
      <c r="H3747" cm="1">
        <f t="array" ref="H3747">IFERROR(INDEX(Jesper!AL$2:AL$366,ROUNDDOWN($C3747/24,0)+1,1)*INDEX($D$3:$AA$30,INDEX(Jesper!$R$2:$R$366,ROW(INDEX(Jesper!AL$2:AL$366,ROUNDDOWN($C3747/24,0)+1,1))-1)+IF('Standard Profiles'!$G$22=$B$10,7,0)+IF('Standard Profiles'!$G$22=$B$17,14,0)+IF('Standard Profiles'!$G$22=$B$24,21,0),MOD($C3747,24)+1)/SUM(INDEX($D$3:$AA$30,INDEX(Jesper!$R$2:$R$366,ROW(INDEX(Jesper!AL$2:AL$366,ROUNDDOWN($C3747/24,0)+1,1))-1)+IF('Standard Profiles'!$G$22=$B$10,7,0)+IF('Standard Profiles'!$G$22=$B$17,14,0)+IF('Standard Profiles'!$G$22=$B$24,21,0),0)),0)</f>
        <v>0</v>
      </c>
      <c r="I3747">
        <f t="shared" ref="I3747:I3810" si="426">IF($B3747&lt;6,AC$37*$D3747+AC$38*$E3747+AC$39*$F3747+AC$40*$G3747,AC$46*$D3747+AC$47*$E3747+AC$48*$F3747+AC$49*$G3747+AC$50*$H3747)</f>
        <v>0.49256513952992864</v>
      </c>
      <c r="J3747">
        <f t="shared" ref="J3747:J3810" si="427">IF($B3747&lt;6,AD$37*$D3747+AD$38*$E3747+AD$39*$F3747+AD$40*$G3747,AD$46*$D3747+AD$47*$E3747+AD$48*$F3747+AD$49*$G3747+AD$50*$H3747)</f>
        <v>1.6418837984330956</v>
      </c>
      <c r="K3747">
        <f t="shared" ref="K3747:K3810" si="428">IF($B3747&lt;6,AE$37*$D3747+AE$38*$E3747+AE$39*$F3747+AE$40*$G3747,AE$46*$D3747+AE$47*$E3747+AE$48*$F3747+AE$49*$G3747+AE$50*$H3747)</f>
        <v>2.4628256976496434</v>
      </c>
      <c r="L3747">
        <f t="shared" ref="L3747:L3810" si="429">IF($B3747&lt;6,AF$37*$D3747+AF$38*$E3747+AF$39*$F3747+AF$40*$G3747,AF$46*$D3747+AF$47*$E3747+AF$48*$F3747+AF$49*$G3747+AF$50*$H3747)</f>
        <v>11.821563348718287</v>
      </c>
      <c r="M3747">
        <f t="shared" ref="M3747:M3810" si="430">IF($B3747&lt;6,AG$37*$D3747+AG$38*$E3747+AG$39*$F3747+AG$40*$G3747,AG$46*$D3747+AG$47*$E3747+AG$48*$F3747+AG$49*$G3747+AG$50*$H3747)</f>
        <v>0</v>
      </c>
      <c r="N3747" s="46">
        <f t="shared" si="424"/>
        <v>45446.708333324328</v>
      </c>
    </row>
    <row r="3748" spans="2:14" x14ac:dyDescent="0.3">
      <c r="B3748">
        <f t="shared" si="425"/>
        <v>1</v>
      </c>
      <c r="C3748" s="16">
        <v>3714</v>
      </c>
      <c r="D3748" cm="1">
        <f t="array" ref="D3748">IFERROR(INDEX(Jesper!AH$2:AH$366,ROUNDDOWN($C3748/24,0)+1,1)*INDEX($D$3:$AA$30,INDEX(Jesper!$R$2:$R$366,ROW(INDEX(Jesper!AH$2:AH$366,ROUNDDOWN($C3748/24,0)+1,1))-1)+IF('Standard Profiles'!$G$18=$B$10,7,0)+IF('Standard Profiles'!$G$18=$B$17,14,0)+IF('Standard Profiles'!$G$18=$B$24,21,0),MOD($C3748,24)+1)/SUM(INDEX($D$3:$AA$30,INDEX(Jesper!$R$2:$R$366,ROW(INDEX(Jesper!AH$2:AH$366,ROUNDDOWN($C3748/24,0)+1,1))-1)+IF('Standard Profiles'!$G$18=$B$10,7,0)+IF('Standard Profiles'!$G$18=$B$17,14,0)+IF('Standard Profiles'!$G$18=$B$24,21,0),0)),0)</f>
        <v>16.418837984330956</v>
      </c>
      <c r="E3748" cm="1">
        <f t="array" ref="E3748">IFERROR(INDEX(Jesper!AI$2:AI$366,ROUNDDOWN($C3748/24,0)+1,1)*INDEX($D$3:$AA$30,INDEX(Jesper!$R$2:$R$366,ROW(INDEX(Jesper!AI$2:AI$366,ROUNDDOWN($C3748/24,0)+1,1))-1)+IF('Standard Profiles'!$G$19=$B$10,7,0)+IF('Standard Profiles'!$G$19=$B$17,14,0)+IF('Standard Profiles'!$G$19=$B$24,21,0),MOD($C3748,24)+1)/SUM(INDEX($D$3:$AA$30,INDEX(Jesper!$R$2:$R$366,ROW(INDEX(Jesper!AI$2:AI$366,ROUNDDOWN($C3748/24,0)+1,1))-1)+IF('Standard Profiles'!$G$19=$B$10,7,0)+IF('Standard Profiles'!$G$19=$B$17,14,0)+IF('Standard Profiles'!$G$19=$B$24,21,0),0)),0)</f>
        <v>0</v>
      </c>
      <c r="F3748" cm="1">
        <f t="array" ref="F3748">IFERROR(INDEX(Jesper!AJ$2:AJ$366,ROUNDDOWN($C3748/24,0)+1,1)*INDEX($D$3:$AA$30,INDEX(Jesper!$R$2:$R$366,ROW(INDEX(Jesper!AJ$2:AJ$366,ROUNDDOWN($C3748/24,0)+1,1))-1)+IF('Standard Profiles'!$G$20=$B$10,7,0)+IF('Standard Profiles'!$G$20=$B$17,14,0)+IF('Standard Profiles'!$G$20=$B$24,21,0),MOD($C3748,24)+1)/SUM(INDEX($D$3:$AA$30,INDEX(Jesper!$R$2:$R$366,ROW(INDEX(Jesper!AJ$2:AJ$366,ROUNDDOWN($C3748/24,0)+1,1))-1)+IF('Standard Profiles'!$G$20=$B$10,7,0)+IF('Standard Profiles'!$G$20=$B$17,14,0)+IF('Standard Profiles'!$G$20=$B$24,21,0),0)),0)</f>
        <v>0</v>
      </c>
      <c r="G3748" cm="1">
        <f t="array" ref="G3748">IFERROR(INDEX(Jesper!AK$2:AK$366,ROUNDDOWN($C3748/24,0)+1,1)*INDEX($D$3:$AA$30,INDEX(Jesper!$R$2:$R$366,ROW(INDEX(Jesper!AK$2:AK$366,ROUNDDOWN($C3748/24,0)+1,1))-1)+IF('Standard Profiles'!$G$21=$B$10,7,0)+IF('Standard Profiles'!$G$21=$B$17,14,0)+IF('Standard Profiles'!$G$21=$B$24,21,0),MOD($C3748,24)+1)/SUM(INDEX($D$3:$AA$30,INDEX(Jesper!$R$2:$R$366,ROW(INDEX(Jesper!AK$2:AK$366,ROUNDDOWN($C3748/24,0)+1,1))-1)+IF('Standard Profiles'!$G$21=$B$10,7,0)+IF('Standard Profiles'!$G$21=$B$17,14,0)+IF('Standard Profiles'!$G$21=$B$24,21,0),0)),0)</f>
        <v>0</v>
      </c>
      <c r="H3748" cm="1">
        <f t="array" ref="H3748">IFERROR(INDEX(Jesper!AL$2:AL$366,ROUNDDOWN($C3748/24,0)+1,1)*INDEX($D$3:$AA$30,INDEX(Jesper!$R$2:$R$366,ROW(INDEX(Jesper!AL$2:AL$366,ROUNDDOWN($C3748/24,0)+1,1))-1)+IF('Standard Profiles'!$G$22=$B$10,7,0)+IF('Standard Profiles'!$G$22=$B$17,14,0)+IF('Standard Profiles'!$G$22=$B$24,21,0),MOD($C3748,24)+1)/SUM(INDEX($D$3:$AA$30,INDEX(Jesper!$R$2:$R$366,ROW(INDEX(Jesper!AL$2:AL$366,ROUNDDOWN($C3748/24,0)+1,1))-1)+IF('Standard Profiles'!$G$22=$B$10,7,0)+IF('Standard Profiles'!$G$22=$B$17,14,0)+IF('Standard Profiles'!$G$22=$B$24,21,0),0)),0)</f>
        <v>0</v>
      </c>
      <c r="I3748">
        <f t="shared" si="426"/>
        <v>0.49256513952992864</v>
      </c>
      <c r="J3748">
        <f t="shared" si="427"/>
        <v>1.6418837984330956</v>
      </c>
      <c r="K3748">
        <f t="shared" si="428"/>
        <v>2.4628256976496434</v>
      </c>
      <c r="L3748">
        <f t="shared" si="429"/>
        <v>11.821563348718287</v>
      </c>
      <c r="M3748">
        <f t="shared" si="430"/>
        <v>0</v>
      </c>
      <c r="N3748" s="46">
        <f t="shared" ref="N3748:N3811" si="431">N3747+1/24</f>
        <v>45446.749999990992</v>
      </c>
    </row>
    <row r="3749" spans="2:14" x14ac:dyDescent="0.3">
      <c r="B3749">
        <f t="shared" si="425"/>
        <v>1</v>
      </c>
      <c r="C3749" s="16">
        <v>3715</v>
      </c>
      <c r="D3749" cm="1">
        <f t="array" ref="D3749">IFERROR(INDEX(Jesper!AH$2:AH$366,ROUNDDOWN($C3749/24,0)+1,1)*INDEX($D$3:$AA$30,INDEX(Jesper!$R$2:$R$366,ROW(INDEX(Jesper!AH$2:AH$366,ROUNDDOWN($C3749/24,0)+1,1))-1)+IF('Standard Profiles'!$G$18=$B$10,7,0)+IF('Standard Profiles'!$G$18=$B$17,14,0)+IF('Standard Profiles'!$G$18=$B$24,21,0),MOD($C3749,24)+1)/SUM(INDEX($D$3:$AA$30,INDEX(Jesper!$R$2:$R$366,ROW(INDEX(Jesper!AH$2:AH$366,ROUNDDOWN($C3749/24,0)+1,1))-1)+IF('Standard Profiles'!$G$18=$B$10,7,0)+IF('Standard Profiles'!$G$18=$B$17,14,0)+IF('Standard Profiles'!$G$18=$B$24,21,0),0)),0)</f>
        <v>13.750776811877174</v>
      </c>
      <c r="E3749" cm="1">
        <f t="array" ref="E3749">IFERROR(INDEX(Jesper!AI$2:AI$366,ROUNDDOWN($C3749/24,0)+1,1)*INDEX($D$3:$AA$30,INDEX(Jesper!$R$2:$R$366,ROW(INDEX(Jesper!AI$2:AI$366,ROUNDDOWN($C3749/24,0)+1,1))-1)+IF('Standard Profiles'!$G$19=$B$10,7,0)+IF('Standard Profiles'!$G$19=$B$17,14,0)+IF('Standard Profiles'!$G$19=$B$24,21,0),MOD($C3749,24)+1)/SUM(INDEX($D$3:$AA$30,INDEX(Jesper!$R$2:$R$366,ROW(INDEX(Jesper!AI$2:AI$366,ROUNDDOWN($C3749/24,0)+1,1))-1)+IF('Standard Profiles'!$G$19=$B$10,7,0)+IF('Standard Profiles'!$G$19=$B$17,14,0)+IF('Standard Profiles'!$G$19=$B$24,21,0),0)),0)</f>
        <v>0</v>
      </c>
      <c r="F3749" cm="1">
        <f t="array" ref="F3749">IFERROR(INDEX(Jesper!AJ$2:AJ$366,ROUNDDOWN($C3749/24,0)+1,1)*INDEX($D$3:$AA$30,INDEX(Jesper!$R$2:$R$366,ROW(INDEX(Jesper!AJ$2:AJ$366,ROUNDDOWN($C3749/24,0)+1,1))-1)+IF('Standard Profiles'!$G$20=$B$10,7,0)+IF('Standard Profiles'!$G$20=$B$17,14,0)+IF('Standard Profiles'!$G$20=$B$24,21,0),MOD($C3749,24)+1)/SUM(INDEX($D$3:$AA$30,INDEX(Jesper!$R$2:$R$366,ROW(INDEX(Jesper!AJ$2:AJ$366,ROUNDDOWN($C3749/24,0)+1,1))-1)+IF('Standard Profiles'!$G$20=$B$10,7,0)+IF('Standard Profiles'!$G$20=$B$17,14,0)+IF('Standard Profiles'!$G$20=$B$24,21,0),0)),0)</f>
        <v>0</v>
      </c>
      <c r="G3749" cm="1">
        <f t="array" ref="G3749">IFERROR(INDEX(Jesper!AK$2:AK$366,ROUNDDOWN($C3749/24,0)+1,1)*INDEX($D$3:$AA$30,INDEX(Jesper!$R$2:$R$366,ROW(INDEX(Jesper!AK$2:AK$366,ROUNDDOWN($C3749/24,0)+1,1))-1)+IF('Standard Profiles'!$G$21=$B$10,7,0)+IF('Standard Profiles'!$G$21=$B$17,14,0)+IF('Standard Profiles'!$G$21=$B$24,21,0),MOD($C3749,24)+1)/SUM(INDEX($D$3:$AA$30,INDEX(Jesper!$R$2:$R$366,ROW(INDEX(Jesper!AK$2:AK$366,ROUNDDOWN($C3749/24,0)+1,1))-1)+IF('Standard Profiles'!$G$21=$B$10,7,0)+IF('Standard Profiles'!$G$21=$B$17,14,0)+IF('Standard Profiles'!$G$21=$B$24,21,0),0)),0)</f>
        <v>0</v>
      </c>
      <c r="H3749" cm="1">
        <f t="array" ref="H3749">IFERROR(INDEX(Jesper!AL$2:AL$366,ROUNDDOWN($C3749/24,0)+1,1)*INDEX($D$3:$AA$30,INDEX(Jesper!$R$2:$R$366,ROW(INDEX(Jesper!AL$2:AL$366,ROUNDDOWN($C3749/24,0)+1,1))-1)+IF('Standard Profiles'!$G$22=$B$10,7,0)+IF('Standard Profiles'!$G$22=$B$17,14,0)+IF('Standard Profiles'!$G$22=$B$24,21,0),MOD($C3749,24)+1)/SUM(INDEX($D$3:$AA$30,INDEX(Jesper!$R$2:$R$366,ROW(INDEX(Jesper!AL$2:AL$366,ROUNDDOWN($C3749/24,0)+1,1))-1)+IF('Standard Profiles'!$G$22=$B$10,7,0)+IF('Standard Profiles'!$G$22=$B$17,14,0)+IF('Standard Profiles'!$G$22=$B$24,21,0),0)),0)</f>
        <v>0</v>
      </c>
      <c r="I3749">
        <f t="shared" si="426"/>
        <v>0.41252330435631518</v>
      </c>
      <c r="J3749">
        <f t="shared" si="427"/>
        <v>1.3750776811877174</v>
      </c>
      <c r="K3749">
        <f t="shared" si="428"/>
        <v>2.062616521781576</v>
      </c>
      <c r="L3749">
        <f t="shared" si="429"/>
        <v>9.9005593045515639</v>
      </c>
      <c r="M3749">
        <f t="shared" si="430"/>
        <v>0</v>
      </c>
      <c r="N3749" s="46">
        <f t="shared" si="431"/>
        <v>45446.791666657657</v>
      </c>
    </row>
    <row r="3750" spans="2:14" x14ac:dyDescent="0.3">
      <c r="B3750">
        <f t="shared" si="425"/>
        <v>1</v>
      </c>
      <c r="C3750" s="16">
        <v>3716</v>
      </c>
      <c r="D3750" cm="1">
        <f t="array" ref="D3750">IFERROR(INDEX(Jesper!AH$2:AH$366,ROUNDDOWN($C3750/24,0)+1,1)*INDEX($D$3:$AA$30,INDEX(Jesper!$R$2:$R$366,ROW(INDEX(Jesper!AH$2:AH$366,ROUNDDOWN($C3750/24,0)+1,1))-1)+IF('Standard Profiles'!$G$18=$B$10,7,0)+IF('Standard Profiles'!$G$18=$B$17,14,0)+IF('Standard Profiles'!$G$18=$B$24,21,0),MOD($C3750,24)+1)/SUM(INDEX($D$3:$AA$30,INDEX(Jesper!$R$2:$R$366,ROW(INDEX(Jesper!AH$2:AH$366,ROUNDDOWN($C3750/24,0)+1,1))-1)+IF('Standard Profiles'!$G$18=$B$10,7,0)+IF('Standard Profiles'!$G$18=$B$17,14,0)+IF('Standard Profiles'!$G$18=$B$24,21,0),0)),0)</f>
        <v>11.28795111422753</v>
      </c>
      <c r="E3750" cm="1">
        <f t="array" ref="E3750">IFERROR(INDEX(Jesper!AI$2:AI$366,ROUNDDOWN($C3750/24,0)+1,1)*INDEX($D$3:$AA$30,INDEX(Jesper!$R$2:$R$366,ROW(INDEX(Jesper!AI$2:AI$366,ROUNDDOWN($C3750/24,0)+1,1))-1)+IF('Standard Profiles'!$G$19=$B$10,7,0)+IF('Standard Profiles'!$G$19=$B$17,14,0)+IF('Standard Profiles'!$G$19=$B$24,21,0),MOD($C3750,24)+1)/SUM(INDEX($D$3:$AA$30,INDEX(Jesper!$R$2:$R$366,ROW(INDEX(Jesper!AI$2:AI$366,ROUNDDOWN($C3750/24,0)+1,1))-1)+IF('Standard Profiles'!$G$19=$B$10,7,0)+IF('Standard Profiles'!$G$19=$B$17,14,0)+IF('Standard Profiles'!$G$19=$B$24,21,0),0)),0)</f>
        <v>0</v>
      </c>
      <c r="F3750" cm="1">
        <f t="array" ref="F3750">IFERROR(INDEX(Jesper!AJ$2:AJ$366,ROUNDDOWN($C3750/24,0)+1,1)*INDEX($D$3:$AA$30,INDEX(Jesper!$R$2:$R$366,ROW(INDEX(Jesper!AJ$2:AJ$366,ROUNDDOWN($C3750/24,0)+1,1))-1)+IF('Standard Profiles'!$G$20=$B$10,7,0)+IF('Standard Profiles'!$G$20=$B$17,14,0)+IF('Standard Profiles'!$G$20=$B$24,21,0),MOD($C3750,24)+1)/SUM(INDEX($D$3:$AA$30,INDEX(Jesper!$R$2:$R$366,ROW(INDEX(Jesper!AJ$2:AJ$366,ROUNDDOWN($C3750/24,0)+1,1))-1)+IF('Standard Profiles'!$G$20=$B$10,7,0)+IF('Standard Profiles'!$G$20=$B$17,14,0)+IF('Standard Profiles'!$G$20=$B$24,21,0),0)),0)</f>
        <v>0</v>
      </c>
      <c r="G3750" cm="1">
        <f t="array" ref="G3750">IFERROR(INDEX(Jesper!AK$2:AK$366,ROUNDDOWN($C3750/24,0)+1,1)*INDEX($D$3:$AA$30,INDEX(Jesper!$R$2:$R$366,ROW(INDEX(Jesper!AK$2:AK$366,ROUNDDOWN($C3750/24,0)+1,1))-1)+IF('Standard Profiles'!$G$21=$B$10,7,0)+IF('Standard Profiles'!$G$21=$B$17,14,0)+IF('Standard Profiles'!$G$21=$B$24,21,0),MOD($C3750,24)+1)/SUM(INDEX($D$3:$AA$30,INDEX(Jesper!$R$2:$R$366,ROW(INDEX(Jesper!AK$2:AK$366,ROUNDDOWN($C3750/24,0)+1,1))-1)+IF('Standard Profiles'!$G$21=$B$10,7,0)+IF('Standard Profiles'!$G$21=$B$17,14,0)+IF('Standard Profiles'!$G$21=$B$24,21,0),0)),0)</f>
        <v>0</v>
      </c>
      <c r="H3750" cm="1">
        <f t="array" ref="H3750">IFERROR(INDEX(Jesper!AL$2:AL$366,ROUNDDOWN($C3750/24,0)+1,1)*INDEX($D$3:$AA$30,INDEX(Jesper!$R$2:$R$366,ROW(INDEX(Jesper!AL$2:AL$366,ROUNDDOWN($C3750/24,0)+1,1))-1)+IF('Standard Profiles'!$G$22=$B$10,7,0)+IF('Standard Profiles'!$G$22=$B$17,14,0)+IF('Standard Profiles'!$G$22=$B$24,21,0),MOD($C3750,24)+1)/SUM(INDEX($D$3:$AA$30,INDEX(Jesper!$R$2:$R$366,ROW(INDEX(Jesper!AL$2:AL$366,ROUNDDOWN($C3750/24,0)+1,1))-1)+IF('Standard Profiles'!$G$22=$B$10,7,0)+IF('Standard Profiles'!$G$22=$B$17,14,0)+IF('Standard Profiles'!$G$22=$B$24,21,0),0)),0)</f>
        <v>0</v>
      </c>
      <c r="I3750">
        <f t="shared" si="426"/>
        <v>0.33863853342682587</v>
      </c>
      <c r="J3750">
        <f t="shared" si="427"/>
        <v>1.128795111422753</v>
      </c>
      <c r="K3750">
        <f t="shared" si="428"/>
        <v>1.6931926671341295</v>
      </c>
      <c r="L3750">
        <f t="shared" si="429"/>
        <v>8.1273248022438214</v>
      </c>
      <c r="M3750">
        <f t="shared" si="430"/>
        <v>0</v>
      </c>
      <c r="N3750" s="46">
        <f t="shared" si="431"/>
        <v>45446.833333324321</v>
      </c>
    </row>
    <row r="3751" spans="2:14" x14ac:dyDescent="0.3">
      <c r="B3751">
        <f t="shared" si="425"/>
        <v>1</v>
      </c>
      <c r="C3751" s="16">
        <v>3717</v>
      </c>
      <c r="D3751" cm="1">
        <f t="array" ref="D3751">IFERROR(INDEX(Jesper!AH$2:AH$366,ROUNDDOWN($C3751/24,0)+1,1)*INDEX($D$3:$AA$30,INDEX(Jesper!$R$2:$R$366,ROW(INDEX(Jesper!AH$2:AH$366,ROUNDDOWN($C3751/24,0)+1,1))-1)+IF('Standard Profiles'!$G$18=$B$10,7,0)+IF('Standard Profiles'!$G$18=$B$17,14,0)+IF('Standard Profiles'!$G$18=$B$24,21,0),MOD($C3751,24)+1)/SUM(INDEX($D$3:$AA$30,INDEX(Jesper!$R$2:$R$366,ROW(INDEX(Jesper!AH$2:AH$366,ROUNDDOWN($C3751/24,0)+1,1))-1)+IF('Standard Profiles'!$G$18=$B$10,7,0)+IF('Standard Profiles'!$G$18=$B$17,14,0)+IF('Standard Profiles'!$G$18=$B$24,21,0),0)),0)</f>
        <v>8.2094189921654781</v>
      </c>
      <c r="E3751" cm="1">
        <f t="array" ref="E3751">IFERROR(INDEX(Jesper!AI$2:AI$366,ROUNDDOWN($C3751/24,0)+1,1)*INDEX($D$3:$AA$30,INDEX(Jesper!$R$2:$R$366,ROW(INDEX(Jesper!AI$2:AI$366,ROUNDDOWN($C3751/24,0)+1,1))-1)+IF('Standard Profiles'!$G$19=$B$10,7,0)+IF('Standard Profiles'!$G$19=$B$17,14,0)+IF('Standard Profiles'!$G$19=$B$24,21,0),MOD($C3751,24)+1)/SUM(INDEX($D$3:$AA$30,INDEX(Jesper!$R$2:$R$366,ROW(INDEX(Jesper!AI$2:AI$366,ROUNDDOWN($C3751/24,0)+1,1))-1)+IF('Standard Profiles'!$G$19=$B$10,7,0)+IF('Standard Profiles'!$G$19=$B$17,14,0)+IF('Standard Profiles'!$G$19=$B$24,21,0),0)),0)</f>
        <v>0</v>
      </c>
      <c r="F3751" cm="1">
        <f t="array" ref="F3751">IFERROR(INDEX(Jesper!AJ$2:AJ$366,ROUNDDOWN($C3751/24,0)+1,1)*INDEX($D$3:$AA$30,INDEX(Jesper!$R$2:$R$366,ROW(INDEX(Jesper!AJ$2:AJ$366,ROUNDDOWN($C3751/24,0)+1,1))-1)+IF('Standard Profiles'!$G$20=$B$10,7,0)+IF('Standard Profiles'!$G$20=$B$17,14,0)+IF('Standard Profiles'!$G$20=$B$24,21,0),MOD($C3751,24)+1)/SUM(INDEX($D$3:$AA$30,INDEX(Jesper!$R$2:$R$366,ROW(INDEX(Jesper!AJ$2:AJ$366,ROUNDDOWN($C3751/24,0)+1,1))-1)+IF('Standard Profiles'!$G$20=$B$10,7,0)+IF('Standard Profiles'!$G$20=$B$17,14,0)+IF('Standard Profiles'!$G$20=$B$24,21,0),0)),0)</f>
        <v>0</v>
      </c>
      <c r="G3751" cm="1">
        <f t="array" ref="G3751">IFERROR(INDEX(Jesper!AK$2:AK$366,ROUNDDOWN($C3751/24,0)+1,1)*INDEX($D$3:$AA$30,INDEX(Jesper!$R$2:$R$366,ROW(INDEX(Jesper!AK$2:AK$366,ROUNDDOWN($C3751/24,0)+1,1))-1)+IF('Standard Profiles'!$G$21=$B$10,7,0)+IF('Standard Profiles'!$G$21=$B$17,14,0)+IF('Standard Profiles'!$G$21=$B$24,21,0),MOD($C3751,24)+1)/SUM(INDEX($D$3:$AA$30,INDEX(Jesper!$R$2:$R$366,ROW(INDEX(Jesper!AK$2:AK$366,ROUNDDOWN($C3751/24,0)+1,1))-1)+IF('Standard Profiles'!$G$21=$B$10,7,0)+IF('Standard Profiles'!$G$21=$B$17,14,0)+IF('Standard Profiles'!$G$21=$B$24,21,0),0)),0)</f>
        <v>0</v>
      </c>
      <c r="H3751" cm="1">
        <f t="array" ref="H3751">IFERROR(INDEX(Jesper!AL$2:AL$366,ROUNDDOWN($C3751/24,0)+1,1)*INDEX($D$3:$AA$30,INDEX(Jesper!$R$2:$R$366,ROW(INDEX(Jesper!AL$2:AL$366,ROUNDDOWN($C3751/24,0)+1,1))-1)+IF('Standard Profiles'!$G$22=$B$10,7,0)+IF('Standard Profiles'!$G$22=$B$17,14,0)+IF('Standard Profiles'!$G$22=$B$24,21,0),MOD($C3751,24)+1)/SUM(INDEX($D$3:$AA$30,INDEX(Jesper!$R$2:$R$366,ROW(INDEX(Jesper!AL$2:AL$366,ROUNDDOWN($C3751/24,0)+1,1))-1)+IF('Standard Profiles'!$G$22=$B$10,7,0)+IF('Standard Profiles'!$G$22=$B$17,14,0)+IF('Standard Profiles'!$G$22=$B$24,21,0),0)),0)</f>
        <v>0</v>
      </c>
      <c r="I3751">
        <f t="shared" si="426"/>
        <v>0.24628256976496432</v>
      </c>
      <c r="J3751">
        <f t="shared" si="427"/>
        <v>0.82094189921654781</v>
      </c>
      <c r="K3751">
        <f t="shared" si="428"/>
        <v>1.2314128488248217</v>
      </c>
      <c r="L3751">
        <f t="shared" si="429"/>
        <v>5.9107816743591437</v>
      </c>
      <c r="M3751">
        <f t="shared" si="430"/>
        <v>0</v>
      </c>
      <c r="N3751" s="46">
        <f t="shared" si="431"/>
        <v>45446.874999990985</v>
      </c>
    </row>
    <row r="3752" spans="2:14" x14ac:dyDescent="0.3">
      <c r="B3752">
        <f t="shared" si="425"/>
        <v>1</v>
      </c>
      <c r="C3752" s="16">
        <v>3718</v>
      </c>
      <c r="D3752" cm="1">
        <f t="array" ref="D3752">IFERROR(INDEX(Jesper!AH$2:AH$366,ROUNDDOWN($C3752/24,0)+1,1)*INDEX($D$3:$AA$30,INDEX(Jesper!$R$2:$R$366,ROW(INDEX(Jesper!AH$2:AH$366,ROUNDDOWN($C3752/24,0)+1,1))-1)+IF('Standard Profiles'!$G$18=$B$10,7,0)+IF('Standard Profiles'!$G$18=$B$17,14,0)+IF('Standard Profiles'!$G$18=$B$24,21,0),MOD($C3752,24)+1)/SUM(INDEX($D$3:$AA$30,INDEX(Jesper!$R$2:$R$366,ROW(INDEX(Jesper!AH$2:AH$366,ROUNDDOWN($C3752/24,0)+1,1))-1)+IF('Standard Profiles'!$G$18=$B$10,7,0)+IF('Standard Profiles'!$G$18=$B$17,14,0)+IF('Standard Profiles'!$G$18=$B$24,21,0),0)),0)</f>
        <v>7.7989480425572033</v>
      </c>
      <c r="E3752" cm="1">
        <f t="array" ref="E3752">IFERROR(INDEX(Jesper!AI$2:AI$366,ROUNDDOWN($C3752/24,0)+1,1)*INDEX($D$3:$AA$30,INDEX(Jesper!$R$2:$R$366,ROW(INDEX(Jesper!AI$2:AI$366,ROUNDDOWN($C3752/24,0)+1,1))-1)+IF('Standard Profiles'!$G$19=$B$10,7,0)+IF('Standard Profiles'!$G$19=$B$17,14,0)+IF('Standard Profiles'!$G$19=$B$24,21,0),MOD($C3752,24)+1)/SUM(INDEX($D$3:$AA$30,INDEX(Jesper!$R$2:$R$366,ROW(INDEX(Jesper!AI$2:AI$366,ROUNDDOWN($C3752/24,0)+1,1))-1)+IF('Standard Profiles'!$G$19=$B$10,7,0)+IF('Standard Profiles'!$G$19=$B$17,14,0)+IF('Standard Profiles'!$G$19=$B$24,21,0),0)),0)</f>
        <v>0</v>
      </c>
      <c r="F3752" cm="1">
        <f t="array" ref="F3752">IFERROR(INDEX(Jesper!AJ$2:AJ$366,ROUNDDOWN($C3752/24,0)+1,1)*INDEX($D$3:$AA$30,INDEX(Jesper!$R$2:$R$366,ROW(INDEX(Jesper!AJ$2:AJ$366,ROUNDDOWN($C3752/24,0)+1,1))-1)+IF('Standard Profiles'!$G$20=$B$10,7,0)+IF('Standard Profiles'!$G$20=$B$17,14,0)+IF('Standard Profiles'!$G$20=$B$24,21,0),MOD($C3752,24)+1)/SUM(INDEX($D$3:$AA$30,INDEX(Jesper!$R$2:$R$366,ROW(INDEX(Jesper!AJ$2:AJ$366,ROUNDDOWN($C3752/24,0)+1,1))-1)+IF('Standard Profiles'!$G$20=$B$10,7,0)+IF('Standard Profiles'!$G$20=$B$17,14,0)+IF('Standard Profiles'!$G$20=$B$24,21,0),0)),0)</f>
        <v>0</v>
      </c>
      <c r="G3752" cm="1">
        <f t="array" ref="G3752">IFERROR(INDEX(Jesper!AK$2:AK$366,ROUNDDOWN($C3752/24,0)+1,1)*INDEX($D$3:$AA$30,INDEX(Jesper!$R$2:$R$366,ROW(INDEX(Jesper!AK$2:AK$366,ROUNDDOWN($C3752/24,0)+1,1))-1)+IF('Standard Profiles'!$G$21=$B$10,7,0)+IF('Standard Profiles'!$G$21=$B$17,14,0)+IF('Standard Profiles'!$G$21=$B$24,21,0),MOD($C3752,24)+1)/SUM(INDEX($D$3:$AA$30,INDEX(Jesper!$R$2:$R$366,ROW(INDEX(Jesper!AK$2:AK$366,ROUNDDOWN($C3752/24,0)+1,1))-1)+IF('Standard Profiles'!$G$21=$B$10,7,0)+IF('Standard Profiles'!$G$21=$B$17,14,0)+IF('Standard Profiles'!$G$21=$B$24,21,0),0)),0)</f>
        <v>0</v>
      </c>
      <c r="H3752" cm="1">
        <f t="array" ref="H3752">IFERROR(INDEX(Jesper!AL$2:AL$366,ROUNDDOWN($C3752/24,0)+1,1)*INDEX($D$3:$AA$30,INDEX(Jesper!$R$2:$R$366,ROW(INDEX(Jesper!AL$2:AL$366,ROUNDDOWN($C3752/24,0)+1,1))-1)+IF('Standard Profiles'!$G$22=$B$10,7,0)+IF('Standard Profiles'!$G$22=$B$17,14,0)+IF('Standard Profiles'!$G$22=$B$24,21,0),MOD($C3752,24)+1)/SUM(INDEX($D$3:$AA$30,INDEX(Jesper!$R$2:$R$366,ROW(INDEX(Jesper!AL$2:AL$366,ROUNDDOWN($C3752/24,0)+1,1))-1)+IF('Standard Profiles'!$G$22=$B$10,7,0)+IF('Standard Profiles'!$G$22=$B$17,14,0)+IF('Standard Profiles'!$G$22=$B$24,21,0),0)),0)</f>
        <v>0</v>
      </c>
      <c r="I3752">
        <f t="shared" si="426"/>
        <v>0.23396844127671609</v>
      </c>
      <c r="J3752">
        <f t="shared" si="427"/>
        <v>0.77989480425572033</v>
      </c>
      <c r="K3752">
        <f t="shared" si="428"/>
        <v>1.1698422063835805</v>
      </c>
      <c r="L3752">
        <f t="shared" si="429"/>
        <v>5.615242590641186</v>
      </c>
      <c r="M3752">
        <f t="shared" si="430"/>
        <v>0</v>
      </c>
      <c r="N3752" s="46">
        <f t="shared" si="431"/>
        <v>45446.916666657649</v>
      </c>
    </row>
    <row r="3753" spans="2:14" x14ac:dyDescent="0.3">
      <c r="B3753">
        <f t="shared" si="425"/>
        <v>1</v>
      </c>
      <c r="C3753" s="16">
        <v>3719</v>
      </c>
      <c r="D3753" cm="1">
        <f t="array" ref="D3753">IFERROR(INDEX(Jesper!AH$2:AH$366,ROUNDDOWN($C3753/24,0)+1,1)*INDEX($D$3:$AA$30,INDEX(Jesper!$R$2:$R$366,ROW(INDEX(Jesper!AH$2:AH$366,ROUNDDOWN($C3753/24,0)+1,1))-1)+IF('Standard Profiles'!$G$18=$B$10,7,0)+IF('Standard Profiles'!$G$18=$B$17,14,0)+IF('Standard Profiles'!$G$18=$B$24,21,0),MOD($C3753,24)+1)/SUM(INDEX($D$3:$AA$30,INDEX(Jesper!$R$2:$R$366,ROW(INDEX(Jesper!AH$2:AH$366,ROUNDDOWN($C3753/24,0)+1,1))-1)+IF('Standard Profiles'!$G$18=$B$10,7,0)+IF('Standard Profiles'!$G$18=$B$17,14,0)+IF('Standard Profiles'!$G$18=$B$24,21,0),0)),0)</f>
        <v>7.7989480425572033</v>
      </c>
      <c r="E3753" cm="1">
        <f t="array" ref="E3753">IFERROR(INDEX(Jesper!AI$2:AI$366,ROUNDDOWN($C3753/24,0)+1,1)*INDEX($D$3:$AA$30,INDEX(Jesper!$R$2:$R$366,ROW(INDEX(Jesper!AI$2:AI$366,ROUNDDOWN($C3753/24,0)+1,1))-1)+IF('Standard Profiles'!$G$19=$B$10,7,0)+IF('Standard Profiles'!$G$19=$B$17,14,0)+IF('Standard Profiles'!$G$19=$B$24,21,0),MOD($C3753,24)+1)/SUM(INDEX($D$3:$AA$30,INDEX(Jesper!$R$2:$R$366,ROW(INDEX(Jesper!AI$2:AI$366,ROUNDDOWN($C3753/24,0)+1,1))-1)+IF('Standard Profiles'!$G$19=$B$10,7,0)+IF('Standard Profiles'!$G$19=$B$17,14,0)+IF('Standard Profiles'!$G$19=$B$24,21,0),0)),0)</f>
        <v>0</v>
      </c>
      <c r="F3753" cm="1">
        <f t="array" ref="F3753">IFERROR(INDEX(Jesper!AJ$2:AJ$366,ROUNDDOWN($C3753/24,0)+1,1)*INDEX($D$3:$AA$30,INDEX(Jesper!$R$2:$R$366,ROW(INDEX(Jesper!AJ$2:AJ$366,ROUNDDOWN($C3753/24,0)+1,1))-1)+IF('Standard Profiles'!$G$20=$B$10,7,0)+IF('Standard Profiles'!$G$20=$B$17,14,0)+IF('Standard Profiles'!$G$20=$B$24,21,0),MOD($C3753,24)+1)/SUM(INDEX($D$3:$AA$30,INDEX(Jesper!$R$2:$R$366,ROW(INDEX(Jesper!AJ$2:AJ$366,ROUNDDOWN($C3753/24,0)+1,1))-1)+IF('Standard Profiles'!$G$20=$B$10,7,0)+IF('Standard Profiles'!$G$20=$B$17,14,0)+IF('Standard Profiles'!$G$20=$B$24,21,0),0)),0)</f>
        <v>0</v>
      </c>
      <c r="G3753" cm="1">
        <f t="array" ref="G3753">IFERROR(INDEX(Jesper!AK$2:AK$366,ROUNDDOWN($C3753/24,0)+1,1)*INDEX($D$3:$AA$30,INDEX(Jesper!$R$2:$R$366,ROW(INDEX(Jesper!AK$2:AK$366,ROUNDDOWN($C3753/24,0)+1,1))-1)+IF('Standard Profiles'!$G$21=$B$10,7,0)+IF('Standard Profiles'!$G$21=$B$17,14,0)+IF('Standard Profiles'!$G$21=$B$24,21,0),MOD($C3753,24)+1)/SUM(INDEX($D$3:$AA$30,INDEX(Jesper!$R$2:$R$366,ROW(INDEX(Jesper!AK$2:AK$366,ROUNDDOWN($C3753/24,0)+1,1))-1)+IF('Standard Profiles'!$G$21=$B$10,7,0)+IF('Standard Profiles'!$G$21=$B$17,14,0)+IF('Standard Profiles'!$G$21=$B$24,21,0),0)),0)</f>
        <v>0</v>
      </c>
      <c r="H3753" cm="1">
        <f t="array" ref="H3753">IFERROR(INDEX(Jesper!AL$2:AL$366,ROUNDDOWN($C3753/24,0)+1,1)*INDEX($D$3:$AA$30,INDEX(Jesper!$R$2:$R$366,ROW(INDEX(Jesper!AL$2:AL$366,ROUNDDOWN($C3753/24,0)+1,1))-1)+IF('Standard Profiles'!$G$22=$B$10,7,0)+IF('Standard Profiles'!$G$22=$B$17,14,0)+IF('Standard Profiles'!$G$22=$B$24,21,0),MOD($C3753,24)+1)/SUM(INDEX($D$3:$AA$30,INDEX(Jesper!$R$2:$R$366,ROW(INDEX(Jesper!AL$2:AL$366,ROUNDDOWN($C3753/24,0)+1,1))-1)+IF('Standard Profiles'!$G$22=$B$10,7,0)+IF('Standard Profiles'!$G$22=$B$17,14,0)+IF('Standard Profiles'!$G$22=$B$24,21,0),0)),0)</f>
        <v>0</v>
      </c>
      <c r="I3753">
        <f t="shared" si="426"/>
        <v>0.23396844127671609</v>
      </c>
      <c r="J3753">
        <f t="shared" si="427"/>
        <v>0.77989480425572033</v>
      </c>
      <c r="K3753">
        <f t="shared" si="428"/>
        <v>1.1698422063835805</v>
      </c>
      <c r="L3753">
        <f t="shared" si="429"/>
        <v>5.615242590641186</v>
      </c>
      <c r="M3753">
        <f t="shared" si="430"/>
        <v>0</v>
      </c>
      <c r="N3753" s="46">
        <f t="shared" si="431"/>
        <v>45446.958333324314</v>
      </c>
    </row>
    <row r="3754" spans="2:14" x14ac:dyDescent="0.3">
      <c r="B3754">
        <f t="shared" si="425"/>
        <v>2</v>
      </c>
      <c r="C3754" s="16">
        <v>3720</v>
      </c>
      <c r="D3754" cm="1">
        <f t="array" ref="D3754">IFERROR(INDEX(Jesper!AH$2:AH$366,ROUNDDOWN($C3754/24,0)+1,1)*INDEX($D$3:$AA$30,INDEX(Jesper!$R$2:$R$366,ROW(INDEX(Jesper!AH$2:AH$366,ROUNDDOWN($C3754/24,0)+1,1))-1)+IF('Standard Profiles'!$G$18=$B$10,7,0)+IF('Standard Profiles'!$G$18=$B$17,14,0)+IF('Standard Profiles'!$G$18=$B$24,21,0),MOD($C3754,24)+1)/SUM(INDEX($D$3:$AA$30,INDEX(Jesper!$R$2:$R$366,ROW(INDEX(Jesper!AH$2:AH$366,ROUNDDOWN($C3754/24,0)+1,1))-1)+IF('Standard Profiles'!$G$18=$B$10,7,0)+IF('Standard Profiles'!$G$18=$B$17,14,0)+IF('Standard Profiles'!$G$18=$B$24,21,0),0)),0)</f>
        <v>7.1976246475500547</v>
      </c>
      <c r="E3754" cm="1">
        <f t="array" ref="E3754">IFERROR(INDEX(Jesper!AI$2:AI$366,ROUNDDOWN($C3754/24,0)+1,1)*INDEX($D$3:$AA$30,INDEX(Jesper!$R$2:$R$366,ROW(INDEX(Jesper!AI$2:AI$366,ROUNDDOWN($C3754/24,0)+1,1))-1)+IF('Standard Profiles'!$G$19=$B$10,7,0)+IF('Standard Profiles'!$G$19=$B$17,14,0)+IF('Standard Profiles'!$G$19=$B$24,21,0),MOD($C3754,24)+1)/SUM(INDEX($D$3:$AA$30,INDEX(Jesper!$R$2:$R$366,ROW(INDEX(Jesper!AI$2:AI$366,ROUNDDOWN($C3754/24,0)+1,1))-1)+IF('Standard Profiles'!$G$19=$B$10,7,0)+IF('Standard Profiles'!$G$19=$B$17,14,0)+IF('Standard Profiles'!$G$19=$B$24,21,0),0)),0)</f>
        <v>0</v>
      </c>
      <c r="F3754" cm="1">
        <f t="array" ref="F3754">IFERROR(INDEX(Jesper!AJ$2:AJ$366,ROUNDDOWN($C3754/24,0)+1,1)*INDEX($D$3:$AA$30,INDEX(Jesper!$R$2:$R$366,ROW(INDEX(Jesper!AJ$2:AJ$366,ROUNDDOWN($C3754/24,0)+1,1))-1)+IF('Standard Profiles'!$G$20=$B$10,7,0)+IF('Standard Profiles'!$G$20=$B$17,14,0)+IF('Standard Profiles'!$G$20=$B$24,21,0),MOD($C3754,24)+1)/SUM(INDEX($D$3:$AA$30,INDEX(Jesper!$R$2:$R$366,ROW(INDEX(Jesper!AJ$2:AJ$366,ROUNDDOWN($C3754/24,0)+1,1))-1)+IF('Standard Profiles'!$G$20=$B$10,7,0)+IF('Standard Profiles'!$G$20=$B$17,14,0)+IF('Standard Profiles'!$G$20=$B$24,21,0),0)),0)</f>
        <v>0</v>
      </c>
      <c r="G3754" cm="1">
        <f t="array" ref="G3754">IFERROR(INDEX(Jesper!AK$2:AK$366,ROUNDDOWN($C3754/24,0)+1,1)*INDEX($D$3:$AA$30,INDEX(Jesper!$R$2:$R$366,ROW(INDEX(Jesper!AK$2:AK$366,ROUNDDOWN($C3754/24,0)+1,1))-1)+IF('Standard Profiles'!$G$21=$B$10,7,0)+IF('Standard Profiles'!$G$21=$B$17,14,0)+IF('Standard Profiles'!$G$21=$B$24,21,0),MOD($C3754,24)+1)/SUM(INDEX($D$3:$AA$30,INDEX(Jesper!$R$2:$R$366,ROW(INDEX(Jesper!AK$2:AK$366,ROUNDDOWN($C3754/24,0)+1,1))-1)+IF('Standard Profiles'!$G$21=$B$10,7,0)+IF('Standard Profiles'!$G$21=$B$17,14,0)+IF('Standard Profiles'!$G$21=$B$24,21,0),0)),0)</f>
        <v>0</v>
      </c>
      <c r="H3754" cm="1">
        <f t="array" ref="H3754">IFERROR(INDEX(Jesper!AL$2:AL$366,ROUNDDOWN($C3754/24,0)+1,1)*INDEX($D$3:$AA$30,INDEX(Jesper!$R$2:$R$366,ROW(INDEX(Jesper!AL$2:AL$366,ROUNDDOWN($C3754/24,0)+1,1))-1)+IF('Standard Profiles'!$G$22=$B$10,7,0)+IF('Standard Profiles'!$G$22=$B$17,14,0)+IF('Standard Profiles'!$G$22=$B$24,21,0),MOD($C3754,24)+1)/SUM(INDEX($D$3:$AA$30,INDEX(Jesper!$R$2:$R$366,ROW(INDEX(Jesper!AL$2:AL$366,ROUNDDOWN($C3754/24,0)+1,1))-1)+IF('Standard Profiles'!$G$22=$B$10,7,0)+IF('Standard Profiles'!$G$22=$B$17,14,0)+IF('Standard Profiles'!$G$22=$B$24,21,0),0)),0)</f>
        <v>0</v>
      </c>
      <c r="I3754">
        <f t="shared" si="426"/>
        <v>0.21592873942650162</v>
      </c>
      <c r="J3754">
        <f t="shared" si="427"/>
        <v>0.71976246475500549</v>
      </c>
      <c r="K3754">
        <f t="shared" si="428"/>
        <v>1.0796436971325081</v>
      </c>
      <c r="L3754">
        <f t="shared" si="429"/>
        <v>5.1822897462360391</v>
      </c>
      <c r="M3754">
        <f t="shared" si="430"/>
        <v>0</v>
      </c>
      <c r="N3754" s="46">
        <f t="shared" si="431"/>
        <v>45446.999999990978</v>
      </c>
    </row>
    <row r="3755" spans="2:14" x14ac:dyDescent="0.3">
      <c r="B3755">
        <f t="shared" si="425"/>
        <v>2</v>
      </c>
      <c r="C3755" s="16">
        <v>3721</v>
      </c>
      <c r="D3755" cm="1">
        <f t="array" ref="D3755">IFERROR(INDEX(Jesper!AH$2:AH$366,ROUNDDOWN($C3755/24,0)+1,1)*INDEX($D$3:$AA$30,INDEX(Jesper!$R$2:$R$366,ROW(INDEX(Jesper!AH$2:AH$366,ROUNDDOWN($C3755/24,0)+1,1))-1)+IF('Standard Profiles'!$G$18=$B$10,7,0)+IF('Standard Profiles'!$G$18=$B$17,14,0)+IF('Standard Profiles'!$G$18=$B$24,21,0),MOD($C3755,24)+1)/SUM(INDEX($D$3:$AA$30,INDEX(Jesper!$R$2:$R$366,ROW(INDEX(Jesper!AH$2:AH$366,ROUNDDOWN($C3755/24,0)+1,1))-1)+IF('Standard Profiles'!$G$18=$B$10,7,0)+IF('Standard Profiles'!$G$18=$B$17,14,0)+IF('Standard Profiles'!$G$18=$B$24,21,0),0)),0)</f>
        <v>7.1976246475500547</v>
      </c>
      <c r="E3755" cm="1">
        <f t="array" ref="E3755">IFERROR(INDEX(Jesper!AI$2:AI$366,ROUNDDOWN($C3755/24,0)+1,1)*INDEX($D$3:$AA$30,INDEX(Jesper!$R$2:$R$366,ROW(INDEX(Jesper!AI$2:AI$366,ROUNDDOWN($C3755/24,0)+1,1))-1)+IF('Standard Profiles'!$G$19=$B$10,7,0)+IF('Standard Profiles'!$G$19=$B$17,14,0)+IF('Standard Profiles'!$G$19=$B$24,21,0),MOD($C3755,24)+1)/SUM(INDEX($D$3:$AA$30,INDEX(Jesper!$R$2:$R$366,ROW(INDEX(Jesper!AI$2:AI$366,ROUNDDOWN($C3755/24,0)+1,1))-1)+IF('Standard Profiles'!$G$19=$B$10,7,0)+IF('Standard Profiles'!$G$19=$B$17,14,0)+IF('Standard Profiles'!$G$19=$B$24,21,0),0)),0)</f>
        <v>0</v>
      </c>
      <c r="F3755" cm="1">
        <f t="array" ref="F3755">IFERROR(INDEX(Jesper!AJ$2:AJ$366,ROUNDDOWN($C3755/24,0)+1,1)*INDEX($D$3:$AA$30,INDEX(Jesper!$R$2:$R$366,ROW(INDEX(Jesper!AJ$2:AJ$366,ROUNDDOWN($C3755/24,0)+1,1))-1)+IF('Standard Profiles'!$G$20=$B$10,7,0)+IF('Standard Profiles'!$G$20=$B$17,14,0)+IF('Standard Profiles'!$G$20=$B$24,21,0),MOD($C3755,24)+1)/SUM(INDEX($D$3:$AA$30,INDEX(Jesper!$R$2:$R$366,ROW(INDEX(Jesper!AJ$2:AJ$366,ROUNDDOWN($C3755/24,0)+1,1))-1)+IF('Standard Profiles'!$G$20=$B$10,7,0)+IF('Standard Profiles'!$G$20=$B$17,14,0)+IF('Standard Profiles'!$G$20=$B$24,21,0),0)),0)</f>
        <v>0</v>
      </c>
      <c r="G3755" cm="1">
        <f t="array" ref="G3755">IFERROR(INDEX(Jesper!AK$2:AK$366,ROUNDDOWN($C3755/24,0)+1,1)*INDEX($D$3:$AA$30,INDEX(Jesper!$R$2:$R$366,ROW(INDEX(Jesper!AK$2:AK$366,ROUNDDOWN($C3755/24,0)+1,1))-1)+IF('Standard Profiles'!$G$21=$B$10,7,0)+IF('Standard Profiles'!$G$21=$B$17,14,0)+IF('Standard Profiles'!$G$21=$B$24,21,0),MOD($C3755,24)+1)/SUM(INDEX($D$3:$AA$30,INDEX(Jesper!$R$2:$R$366,ROW(INDEX(Jesper!AK$2:AK$366,ROUNDDOWN($C3755/24,0)+1,1))-1)+IF('Standard Profiles'!$G$21=$B$10,7,0)+IF('Standard Profiles'!$G$21=$B$17,14,0)+IF('Standard Profiles'!$G$21=$B$24,21,0),0)),0)</f>
        <v>0</v>
      </c>
      <c r="H3755" cm="1">
        <f t="array" ref="H3755">IFERROR(INDEX(Jesper!AL$2:AL$366,ROUNDDOWN($C3755/24,0)+1,1)*INDEX($D$3:$AA$30,INDEX(Jesper!$R$2:$R$366,ROW(INDEX(Jesper!AL$2:AL$366,ROUNDDOWN($C3755/24,0)+1,1))-1)+IF('Standard Profiles'!$G$22=$B$10,7,0)+IF('Standard Profiles'!$G$22=$B$17,14,0)+IF('Standard Profiles'!$G$22=$B$24,21,0),MOD($C3755,24)+1)/SUM(INDEX($D$3:$AA$30,INDEX(Jesper!$R$2:$R$366,ROW(INDEX(Jesper!AL$2:AL$366,ROUNDDOWN($C3755/24,0)+1,1))-1)+IF('Standard Profiles'!$G$22=$B$10,7,0)+IF('Standard Profiles'!$G$22=$B$17,14,0)+IF('Standard Profiles'!$G$22=$B$24,21,0),0)),0)</f>
        <v>0</v>
      </c>
      <c r="I3755">
        <f t="shared" si="426"/>
        <v>0.21592873942650162</v>
      </c>
      <c r="J3755">
        <f t="shared" si="427"/>
        <v>0.71976246475500549</v>
      </c>
      <c r="K3755">
        <f t="shared" si="428"/>
        <v>1.0796436971325081</v>
      </c>
      <c r="L3755">
        <f t="shared" si="429"/>
        <v>5.1822897462360391</v>
      </c>
      <c r="M3755">
        <f t="shared" si="430"/>
        <v>0</v>
      </c>
      <c r="N3755" s="46">
        <f t="shared" si="431"/>
        <v>45447.041666657642</v>
      </c>
    </row>
    <row r="3756" spans="2:14" x14ac:dyDescent="0.3">
      <c r="B3756">
        <f t="shared" si="425"/>
        <v>2</v>
      </c>
      <c r="C3756" s="16">
        <v>3722</v>
      </c>
      <c r="D3756" cm="1">
        <f t="array" ref="D3756">IFERROR(INDEX(Jesper!AH$2:AH$366,ROUNDDOWN($C3756/24,0)+1,1)*INDEX($D$3:$AA$30,INDEX(Jesper!$R$2:$R$366,ROW(INDEX(Jesper!AH$2:AH$366,ROUNDDOWN($C3756/24,0)+1,1))-1)+IF('Standard Profiles'!$G$18=$B$10,7,0)+IF('Standard Profiles'!$G$18=$B$17,14,0)+IF('Standard Profiles'!$G$18=$B$24,21,0),MOD($C3756,24)+1)/SUM(INDEX($D$3:$AA$30,INDEX(Jesper!$R$2:$R$366,ROW(INDEX(Jesper!AH$2:AH$366,ROUNDDOWN($C3756/24,0)+1,1))-1)+IF('Standard Profiles'!$G$18=$B$10,7,0)+IF('Standard Profiles'!$G$18=$B$17,14,0)+IF('Standard Profiles'!$G$18=$B$24,21,0),0)),0)</f>
        <v>7.1976246475500547</v>
      </c>
      <c r="E3756" cm="1">
        <f t="array" ref="E3756">IFERROR(INDEX(Jesper!AI$2:AI$366,ROUNDDOWN($C3756/24,0)+1,1)*INDEX($D$3:$AA$30,INDEX(Jesper!$R$2:$R$366,ROW(INDEX(Jesper!AI$2:AI$366,ROUNDDOWN($C3756/24,0)+1,1))-1)+IF('Standard Profiles'!$G$19=$B$10,7,0)+IF('Standard Profiles'!$G$19=$B$17,14,0)+IF('Standard Profiles'!$G$19=$B$24,21,0),MOD($C3756,24)+1)/SUM(INDEX($D$3:$AA$30,INDEX(Jesper!$R$2:$R$366,ROW(INDEX(Jesper!AI$2:AI$366,ROUNDDOWN($C3756/24,0)+1,1))-1)+IF('Standard Profiles'!$G$19=$B$10,7,0)+IF('Standard Profiles'!$G$19=$B$17,14,0)+IF('Standard Profiles'!$G$19=$B$24,21,0),0)),0)</f>
        <v>0</v>
      </c>
      <c r="F3756" cm="1">
        <f t="array" ref="F3756">IFERROR(INDEX(Jesper!AJ$2:AJ$366,ROUNDDOWN($C3756/24,0)+1,1)*INDEX($D$3:$AA$30,INDEX(Jesper!$R$2:$R$366,ROW(INDEX(Jesper!AJ$2:AJ$366,ROUNDDOWN($C3756/24,0)+1,1))-1)+IF('Standard Profiles'!$G$20=$B$10,7,0)+IF('Standard Profiles'!$G$20=$B$17,14,0)+IF('Standard Profiles'!$G$20=$B$24,21,0),MOD($C3756,24)+1)/SUM(INDEX($D$3:$AA$30,INDEX(Jesper!$R$2:$R$366,ROW(INDEX(Jesper!AJ$2:AJ$366,ROUNDDOWN($C3756/24,0)+1,1))-1)+IF('Standard Profiles'!$G$20=$B$10,7,0)+IF('Standard Profiles'!$G$20=$B$17,14,0)+IF('Standard Profiles'!$G$20=$B$24,21,0),0)),0)</f>
        <v>0</v>
      </c>
      <c r="G3756" cm="1">
        <f t="array" ref="G3756">IFERROR(INDEX(Jesper!AK$2:AK$366,ROUNDDOWN($C3756/24,0)+1,1)*INDEX($D$3:$AA$30,INDEX(Jesper!$R$2:$R$366,ROW(INDEX(Jesper!AK$2:AK$366,ROUNDDOWN($C3756/24,0)+1,1))-1)+IF('Standard Profiles'!$G$21=$B$10,7,0)+IF('Standard Profiles'!$G$21=$B$17,14,0)+IF('Standard Profiles'!$G$21=$B$24,21,0),MOD($C3756,24)+1)/SUM(INDEX($D$3:$AA$30,INDEX(Jesper!$R$2:$R$366,ROW(INDEX(Jesper!AK$2:AK$366,ROUNDDOWN($C3756/24,0)+1,1))-1)+IF('Standard Profiles'!$G$21=$B$10,7,0)+IF('Standard Profiles'!$G$21=$B$17,14,0)+IF('Standard Profiles'!$G$21=$B$24,21,0),0)),0)</f>
        <v>0</v>
      </c>
      <c r="H3756" cm="1">
        <f t="array" ref="H3756">IFERROR(INDEX(Jesper!AL$2:AL$366,ROUNDDOWN($C3756/24,0)+1,1)*INDEX($D$3:$AA$30,INDEX(Jesper!$R$2:$R$366,ROW(INDEX(Jesper!AL$2:AL$366,ROUNDDOWN($C3756/24,0)+1,1))-1)+IF('Standard Profiles'!$G$22=$B$10,7,0)+IF('Standard Profiles'!$G$22=$B$17,14,0)+IF('Standard Profiles'!$G$22=$B$24,21,0),MOD($C3756,24)+1)/SUM(INDEX($D$3:$AA$30,INDEX(Jesper!$R$2:$R$366,ROW(INDEX(Jesper!AL$2:AL$366,ROUNDDOWN($C3756/24,0)+1,1))-1)+IF('Standard Profiles'!$G$22=$B$10,7,0)+IF('Standard Profiles'!$G$22=$B$17,14,0)+IF('Standard Profiles'!$G$22=$B$24,21,0),0)),0)</f>
        <v>0</v>
      </c>
      <c r="I3756">
        <f t="shared" si="426"/>
        <v>0.21592873942650162</v>
      </c>
      <c r="J3756">
        <f t="shared" si="427"/>
        <v>0.71976246475500549</v>
      </c>
      <c r="K3756">
        <f t="shared" si="428"/>
        <v>1.0796436971325081</v>
      </c>
      <c r="L3756">
        <f t="shared" si="429"/>
        <v>5.1822897462360391</v>
      </c>
      <c r="M3756">
        <f t="shared" si="430"/>
        <v>0</v>
      </c>
      <c r="N3756" s="46">
        <f t="shared" si="431"/>
        <v>45447.083333324306</v>
      </c>
    </row>
    <row r="3757" spans="2:14" x14ac:dyDescent="0.3">
      <c r="B3757">
        <f t="shared" si="425"/>
        <v>2</v>
      </c>
      <c r="C3757" s="16">
        <v>3723</v>
      </c>
      <c r="D3757" cm="1">
        <f t="array" ref="D3757">IFERROR(INDEX(Jesper!AH$2:AH$366,ROUNDDOWN($C3757/24,0)+1,1)*INDEX($D$3:$AA$30,INDEX(Jesper!$R$2:$R$366,ROW(INDEX(Jesper!AH$2:AH$366,ROUNDDOWN($C3757/24,0)+1,1))-1)+IF('Standard Profiles'!$G$18=$B$10,7,0)+IF('Standard Profiles'!$G$18=$B$17,14,0)+IF('Standard Profiles'!$G$18=$B$24,21,0),MOD($C3757,24)+1)/SUM(INDEX($D$3:$AA$30,INDEX(Jesper!$R$2:$R$366,ROW(INDEX(Jesper!AH$2:AH$366,ROUNDDOWN($C3757/24,0)+1,1))-1)+IF('Standard Profiles'!$G$18=$B$10,7,0)+IF('Standard Profiles'!$G$18=$B$17,14,0)+IF('Standard Profiles'!$G$18=$B$24,21,0),0)),0)</f>
        <v>7.1976246475500547</v>
      </c>
      <c r="E3757" cm="1">
        <f t="array" ref="E3757">IFERROR(INDEX(Jesper!AI$2:AI$366,ROUNDDOWN($C3757/24,0)+1,1)*INDEX($D$3:$AA$30,INDEX(Jesper!$R$2:$R$366,ROW(INDEX(Jesper!AI$2:AI$366,ROUNDDOWN($C3757/24,0)+1,1))-1)+IF('Standard Profiles'!$G$19=$B$10,7,0)+IF('Standard Profiles'!$G$19=$B$17,14,0)+IF('Standard Profiles'!$G$19=$B$24,21,0),MOD($C3757,24)+1)/SUM(INDEX($D$3:$AA$30,INDEX(Jesper!$R$2:$R$366,ROW(INDEX(Jesper!AI$2:AI$366,ROUNDDOWN($C3757/24,0)+1,1))-1)+IF('Standard Profiles'!$G$19=$B$10,7,0)+IF('Standard Profiles'!$G$19=$B$17,14,0)+IF('Standard Profiles'!$G$19=$B$24,21,0),0)),0)</f>
        <v>0</v>
      </c>
      <c r="F3757" cm="1">
        <f t="array" ref="F3757">IFERROR(INDEX(Jesper!AJ$2:AJ$366,ROUNDDOWN($C3757/24,0)+1,1)*INDEX($D$3:$AA$30,INDEX(Jesper!$R$2:$R$366,ROW(INDEX(Jesper!AJ$2:AJ$366,ROUNDDOWN($C3757/24,0)+1,1))-1)+IF('Standard Profiles'!$G$20=$B$10,7,0)+IF('Standard Profiles'!$G$20=$B$17,14,0)+IF('Standard Profiles'!$G$20=$B$24,21,0),MOD($C3757,24)+1)/SUM(INDEX($D$3:$AA$30,INDEX(Jesper!$R$2:$R$366,ROW(INDEX(Jesper!AJ$2:AJ$366,ROUNDDOWN($C3757/24,0)+1,1))-1)+IF('Standard Profiles'!$G$20=$B$10,7,0)+IF('Standard Profiles'!$G$20=$B$17,14,0)+IF('Standard Profiles'!$G$20=$B$24,21,0),0)),0)</f>
        <v>0</v>
      </c>
      <c r="G3757" cm="1">
        <f t="array" ref="G3757">IFERROR(INDEX(Jesper!AK$2:AK$366,ROUNDDOWN($C3757/24,0)+1,1)*INDEX($D$3:$AA$30,INDEX(Jesper!$R$2:$R$366,ROW(INDEX(Jesper!AK$2:AK$366,ROUNDDOWN($C3757/24,0)+1,1))-1)+IF('Standard Profiles'!$G$21=$B$10,7,0)+IF('Standard Profiles'!$G$21=$B$17,14,0)+IF('Standard Profiles'!$G$21=$B$24,21,0),MOD($C3757,24)+1)/SUM(INDEX($D$3:$AA$30,INDEX(Jesper!$R$2:$R$366,ROW(INDEX(Jesper!AK$2:AK$366,ROUNDDOWN($C3757/24,0)+1,1))-1)+IF('Standard Profiles'!$G$21=$B$10,7,0)+IF('Standard Profiles'!$G$21=$B$17,14,0)+IF('Standard Profiles'!$G$21=$B$24,21,0),0)),0)</f>
        <v>0</v>
      </c>
      <c r="H3757" cm="1">
        <f t="array" ref="H3757">IFERROR(INDEX(Jesper!AL$2:AL$366,ROUNDDOWN($C3757/24,0)+1,1)*INDEX($D$3:$AA$30,INDEX(Jesper!$R$2:$R$366,ROW(INDEX(Jesper!AL$2:AL$366,ROUNDDOWN($C3757/24,0)+1,1))-1)+IF('Standard Profiles'!$G$22=$B$10,7,0)+IF('Standard Profiles'!$G$22=$B$17,14,0)+IF('Standard Profiles'!$G$22=$B$24,21,0),MOD($C3757,24)+1)/SUM(INDEX($D$3:$AA$30,INDEX(Jesper!$R$2:$R$366,ROW(INDEX(Jesper!AL$2:AL$366,ROUNDDOWN($C3757/24,0)+1,1))-1)+IF('Standard Profiles'!$G$22=$B$10,7,0)+IF('Standard Profiles'!$G$22=$B$17,14,0)+IF('Standard Profiles'!$G$22=$B$24,21,0),0)),0)</f>
        <v>0</v>
      </c>
      <c r="I3757">
        <f t="shared" si="426"/>
        <v>0.21592873942650162</v>
      </c>
      <c r="J3757">
        <f t="shared" si="427"/>
        <v>0.71976246475500549</v>
      </c>
      <c r="K3757">
        <f t="shared" si="428"/>
        <v>1.0796436971325081</v>
      </c>
      <c r="L3757">
        <f t="shared" si="429"/>
        <v>5.1822897462360391</v>
      </c>
      <c r="M3757">
        <f t="shared" si="430"/>
        <v>0</v>
      </c>
      <c r="N3757" s="46">
        <f t="shared" si="431"/>
        <v>45447.124999990971</v>
      </c>
    </row>
    <row r="3758" spans="2:14" x14ac:dyDescent="0.3">
      <c r="B3758">
        <f t="shared" si="425"/>
        <v>2</v>
      </c>
      <c r="C3758" s="16">
        <v>3724</v>
      </c>
      <c r="D3758" cm="1">
        <f t="array" ref="D3758">IFERROR(INDEX(Jesper!AH$2:AH$366,ROUNDDOWN($C3758/24,0)+1,1)*INDEX($D$3:$AA$30,INDEX(Jesper!$R$2:$R$366,ROW(INDEX(Jesper!AH$2:AH$366,ROUNDDOWN($C3758/24,0)+1,1))-1)+IF('Standard Profiles'!$G$18=$B$10,7,0)+IF('Standard Profiles'!$G$18=$B$17,14,0)+IF('Standard Profiles'!$G$18=$B$24,21,0),MOD($C3758,24)+1)/SUM(INDEX($D$3:$AA$30,INDEX(Jesper!$R$2:$R$366,ROW(INDEX(Jesper!AH$2:AH$366,ROUNDDOWN($C3758/24,0)+1,1))-1)+IF('Standard Profiles'!$G$18=$B$10,7,0)+IF('Standard Profiles'!$G$18=$B$17,14,0)+IF('Standard Profiles'!$G$18=$B$24,21,0),0)),0)</f>
        <v>7.1976246475500547</v>
      </c>
      <c r="E3758" cm="1">
        <f t="array" ref="E3758">IFERROR(INDEX(Jesper!AI$2:AI$366,ROUNDDOWN($C3758/24,0)+1,1)*INDEX($D$3:$AA$30,INDEX(Jesper!$R$2:$R$366,ROW(INDEX(Jesper!AI$2:AI$366,ROUNDDOWN($C3758/24,0)+1,1))-1)+IF('Standard Profiles'!$G$19=$B$10,7,0)+IF('Standard Profiles'!$G$19=$B$17,14,0)+IF('Standard Profiles'!$G$19=$B$24,21,0),MOD($C3758,24)+1)/SUM(INDEX($D$3:$AA$30,INDEX(Jesper!$R$2:$R$366,ROW(INDEX(Jesper!AI$2:AI$366,ROUNDDOWN($C3758/24,0)+1,1))-1)+IF('Standard Profiles'!$G$19=$B$10,7,0)+IF('Standard Profiles'!$G$19=$B$17,14,0)+IF('Standard Profiles'!$G$19=$B$24,21,0),0)),0)</f>
        <v>0</v>
      </c>
      <c r="F3758" cm="1">
        <f t="array" ref="F3758">IFERROR(INDEX(Jesper!AJ$2:AJ$366,ROUNDDOWN($C3758/24,0)+1,1)*INDEX($D$3:$AA$30,INDEX(Jesper!$R$2:$R$366,ROW(INDEX(Jesper!AJ$2:AJ$366,ROUNDDOWN($C3758/24,0)+1,1))-1)+IF('Standard Profiles'!$G$20=$B$10,7,0)+IF('Standard Profiles'!$G$20=$B$17,14,0)+IF('Standard Profiles'!$G$20=$B$24,21,0),MOD($C3758,24)+1)/SUM(INDEX($D$3:$AA$30,INDEX(Jesper!$R$2:$R$366,ROW(INDEX(Jesper!AJ$2:AJ$366,ROUNDDOWN($C3758/24,0)+1,1))-1)+IF('Standard Profiles'!$G$20=$B$10,7,0)+IF('Standard Profiles'!$G$20=$B$17,14,0)+IF('Standard Profiles'!$G$20=$B$24,21,0),0)),0)</f>
        <v>0</v>
      </c>
      <c r="G3758" cm="1">
        <f t="array" ref="G3758">IFERROR(INDEX(Jesper!AK$2:AK$366,ROUNDDOWN($C3758/24,0)+1,1)*INDEX($D$3:$AA$30,INDEX(Jesper!$R$2:$R$366,ROW(INDEX(Jesper!AK$2:AK$366,ROUNDDOWN($C3758/24,0)+1,1))-1)+IF('Standard Profiles'!$G$21=$B$10,7,0)+IF('Standard Profiles'!$G$21=$B$17,14,0)+IF('Standard Profiles'!$G$21=$B$24,21,0),MOD($C3758,24)+1)/SUM(INDEX($D$3:$AA$30,INDEX(Jesper!$R$2:$R$366,ROW(INDEX(Jesper!AK$2:AK$366,ROUNDDOWN($C3758/24,0)+1,1))-1)+IF('Standard Profiles'!$G$21=$B$10,7,0)+IF('Standard Profiles'!$G$21=$B$17,14,0)+IF('Standard Profiles'!$G$21=$B$24,21,0),0)),0)</f>
        <v>0</v>
      </c>
      <c r="H3758" cm="1">
        <f t="array" ref="H3758">IFERROR(INDEX(Jesper!AL$2:AL$366,ROUNDDOWN($C3758/24,0)+1,1)*INDEX($D$3:$AA$30,INDEX(Jesper!$R$2:$R$366,ROW(INDEX(Jesper!AL$2:AL$366,ROUNDDOWN($C3758/24,0)+1,1))-1)+IF('Standard Profiles'!$G$22=$B$10,7,0)+IF('Standard Profiles'!$G$22=$B$17,14,0)+IF('Standard Profiles'!$G$22=$B$24,21,0),MOD($C3758,24)+1)/SUM(INDEX($D$3:$AA$30,INDEX(Jesper!$R$2:$R$366,ROW(INDEX(Jesper!AL$2:AL$366,ROUNDDOWN($C3758/24,0)+1,1))-1)+IF('Standard Profiles'!$G$22=$B$10,7,0)+IF('Standard Profiles'!$G$22=$B$17,14,0)+IF('Standard Profiles'!$G$22=$B$24,21,0),0)),0)</f>
        <v>0</v>
      </c>
      <c r="I3758">
        <f t="shared" si="426"/>
        <v>0.21592873942650162</v>
      </c>
      <c r="J3758">
        <f t="shared" si="427"/>
        <v>0.71976246475500549</v>
      </c>
      <c r="K3758">
        <f t="shared" si="428"/>
        <v>1.0796436971325081</v>
      </c>
      <c r="L3758">
        <f t="shared" si="429"/>
        <v>5.1822897462360391</v>
      </c>
      <c r="M3758">
        <f t="shared" si="430"/>
        <v>0</v>
      </c>
      <c r="N3758" s="46">
        <f t="shared" si="431"/>
        <v>45447.166666657635</v>
      </c>
    </row>
    <row r="3759" spans="2:14" x14ac:dyDescent="0.3">
      <c r="B3759">
        <f t="shared" si="425"/>
        <v>2</v>
      </c>
      <c r="C3759" s="16">
        <v>3725</v>
      </c>
      <c r="D3759" cm="1">
        <f t="array" ref="D3759">IFERROR(INDEX(Jesper!AH$2:AH$366,ROUNDDOWN($C3759/24,0)+1,1)*INDEX($D$3:$AA$30,INDEX(Jesper!$R$2:$R$366,ROW(INDEX(Jesper!AH$2:AH$366,ROUNDDOWN($C3759/24,0)+1,1))-1)+IF('Standard Profiles'!$G$18=$B$10,7,0)+IF('Standard Profiles'!$G$18=$B$17,14,0)+IF('Standard Profiles'!$G$18=$B$24,21,0),MOD($C3759,24)+1)/SUM(INDEX($D$3:$AA$30,INDEX(Jesper!$R$2:$R$366,ROW(INDEX(Jesper!AH$2:AH$366,ROUNDDOWN($C3759/24,0)+1,1))-1)+IF('Standard Profiles'!$G$18=$B$10,7,0)+IF('Standard Profiles'!$G$18=$B$17,14,0)+IF('Standard Profiles'!$G$18=$B$24,21,0),0)),0)</f>
        <v>9.3569120418150717</v>
      </c>
      <c r="E3759" cm="1">
        <f t="array" ref="E3759">IFERROR(INDEX(Jesper!AI$2:AI$366,ROUNDDOWN($C3759/24,0)+1,1)*INDEX($D$3:$AA$30,INDEX(Jesper!$R$2:$R$366,ROW(INDEX(Jesper!AI$2:AI$366,ROUNDDOWN($C3759/24,0)+1,1))-1)+IF('Standard Profiles'!$G$19=$B$10,7,0)+IF('Standard Profiles'!$G$19=$B$17,14,0)+IF('Standard Profiles'!$G$19=$B$24,21,0),MOD($C3759,24)+1)/SUM(INDEX($D$3:$AA$30,INDEX(Jesper!$R$2:$R$366,ROW(INDEX(Jesper!AI$2:AI$366,ROUNDDOWN($C3759/24,0)+1,1))-1)+IF('Standard Profiles'!$G$19=$B$10,7,0)+IF('Standard Profiles'!$G$19=$B$17,14,0)+IF('Standard Profiles'!$G$19=$B$24,21,0),0)),0)</f>
        <v>0</v>
      </c>
      <c r="F3759" cm="1">
        <f t="array" ref="F3759">IFERROR(INDEX(Jesper!AJ$2:AJ$366,ROUNDDOWN($C3759/24,0)+1,1)*INDEX($D$3:$AA$30,INDEX(Jesper!$R$2:$R$366,ROW(INDEX(Jesper!AJ$2:AJ$366,ROUNDDOWN($C3759/24,0)+1,1))-1)+IF('Standard Profiles'!$G$20=$B$10,7,0)+IF('Standard Profiles'!$G$20=$B$17,14,0)+IF('Standard Profiles'!$G$20=$B$24,21,0),MOD($C3759,24)+1)/SUM(INDEX($D$3:$AA$30,INDEX(Jesper!$R$2:$R$366,ROW(INDEX(Jesper!AJ$2:AJ$366,ROUNDDOWN($C3759/24,0)+1,1))-1)+IF('Standard Profiles'!$G$20=$B$10,7,0)+IF('Standard Profiles'!$G$20=$B$17,14,0)+IF('Standard Profiles'!$G$20=$B$24,21,0),0)),0)</f>
        <v>0</v>
      </c>
      <c r="G3759" cm="1">
        <f t="array" ref="G3759">IFERROR(INDEX(Jesper!AK$2:AK$366,ROUNDDOWN($C3759/24,0)+1,1)*INDEX($D$3:$AA$30,INDEX(Jesper!$R$2:$R$366,ROW(INDEX(Jesper!AK$2:AK$366,ROUNDDOWN($C3759/24,0)+1,1))-1)+IF('Standard Profiles'!$G$21=$B$10,7,0)+IF('Standard Profiles'!$G$21=$B$17,14,0)+IF('Standard Profiles'!$G$21=$B$24,21,0),MOD($C3759,24)+1)/SUM(INDEX($D$3:$AA$30,INDEX(Jesper!$R$2:$R$366,ROW(INDEX(Jesper!AK$2:AK$366,ROUNDDOWN($C3759/24,0)+1,1))-1)+IF('Standard Profiles'!$G$21=$B$10,7,0)+IF('Standard Profiles'!$G$21=$B$17,14,0)+IF('Standard Profiles'!$G$21=$B$24,21,0),0)),0)</f>
        <v>0</v>
      </c>
      <c r="H3759" cm="1">
        <f t="array" ref="H3759">IFERROR(INDEX(Jesper!AL$2:AL$366,ROUNDDOWN($C3759/24,0)+1,1)*INDEX($D$3:$AA$30,INDEX(Jesper!$R$2:$R$366,ROW(INDEX(Jesper!AL$2:AL$366,ROUNDDOWN($C3759/24,0)+1,1))-1)+IF('Standard Profiles'!$G$22=$B$10,7,0)+IF('Standard Profiles'!$G$22=$B$17,14,0)+IF('Standard Profiles'!$G$22=$B$24,21,0),MOD($C3759,24)+1)/SUM(INDEX($D$3:$AA$30,INDEX(Jesper!$R$2:$R$366,ROW(INDEX(Jesper!AL$2:AL$366,ROUNDDOWN($C3759/24,0)+1,1))-1)+IF('Standard Profiles'!$G$22=$B$10,7,0)+IF('Standard Profiles'!$G$22=$B$17,14,0)+IF('Standard Profiles'!$G$22=$B$24,21,0),0)),0)</f>
        <v>0</v>
      </c>
      <c r="I3759">
        <f t="shared" si="426"/>
        <v>0.28070736125445211</v>
      </c>
      <c r="J3759">
        <f t="shared" si="427"/>
        <v>0.9356912041815072</v>
      </c>
      <c r="K3759">
        <f t="shared" si="428"/>
        <v>1.4035368062722606</v>
      </c>
      <c r="L3759">
        <f t="shared" si="429"/>
        <v>6.7369766701068512</v>
      </c>
      <c r="M3759">
        <f t="shared" si="430"/>
        <v>0</v>
      </c>
      <c r="N3759" s="46">
        <f t="shared" si="431"/>
        <v>45447.208333324299</v>
      </c>
    </row>
    <row r="3760" spans="2:14" x14ac:dyDescent="0.3">
      <c r="B3760">
        <f t="shared" si="425"/>
        <v>2</v>
      </c>
      <c r="C3760" s="16">
        <v>3726</v>
      </c>
      <c r="D3760" cm="1">
        <f t="array" ref="D3760">IFERROR(INDEX(Jesper!AH$2:AH$366,ROUNDDOWN($C3760/24,0)+1,1)*INDEX($D$3:$AA$30,INDEX(Jesper!$R$2:$R$366,ROW(INDEX(Jesper!AH$2:AH$366,ROUNDDOWN($C3760/24,0)+1,1))-1)+IF('Standard Profiles'!$G$18=$B$10,7,0)+IF('Standard Profiles'!$G$18=$B$17,14,0)+IF('Standard Profiles'!$G$18=$B$24,21,0),MOD($C3760,24)+1)/SUM(INDEX($D$3:$AA$30,INDEX(Jesper!$R$2:$R$366,ROW(INDEX(Jesper!AH$2:AH$366,ROUNDDOWN($C3760/24,0)+1,1))-1)+IF('Standard Profiles'!$G$18=$B$10,7,0)+IF('Standard Profiles'!$G$18=$B$17,14,0)+IF('Standard Profiles'!$G$18=$B$24,21,0),0)),0)</f>
        <v>10.436555738947581</v>
      </c>
      <c r="E3760" cm="1">
        <f t="array" ref="E3760">IFERROR(INDEX(Jesper!AI$2:AI$366,ROUNDDOWN($C3760/24,0)+1,1)*INDEX($D$3:$AA$30,INDEX(Jesper!$R$2:$R$366,ROW(INDEX(Jesper!AI$2:AI$366,ROUNDDOWN($C3760/24,0)+1,1))-1)+IF('Standard Profiles'!$G$19=$B$10,7,0)+IF('Standard Profiles'!$G$19=$B$17,14,0)+IF('Standard Profiles'!$G$19=$B$24,21,0),MOD($C3760,24)+1)/SUM(INDEX($D$3:$AA$30,INDEX(Jesper!$R$2:$R$366,ROW(INDEX(Jesper!AI$2:AI$366,ROUNDDOWN($C3760/24,0)+1,1))-1)+IF('Standard Profiles'!$G$19=$B$10,7,0)+IF('Standard Profiles'!$G$19=$B$17,14,0)+IF('Standard Profiles'!$G$19=$B$24,21,0),0)),0)</f>
        <v>0</v>
      </c>
      <c r="F3760" cm="1">
        <f t="array" ref="F3760">IFERROR(INDEX(Jesper!AJ$2:AJ$366,ROUNDDOWN($C3760/24,0)+1,1)*INDEX($D$3:$AA$30,INDEX(Jesper!$R$2:$R$366,ROW(INDEX(Jesper!AJ$2:AJ$366,ROUNDDOWN($C3760/24,0)+1,1))-1)+IF('Standard Profiles'!$G$20=$B$10,7,0)+IF('Standard Profiles'!$G$20=$B$17,14,0)+IF('Standard Profiles'!$G$20=$B$24,21,0),MOD($C3760,24)+1)/SUM(INDEX($D$3:$AA$30,INDEX(Jesper!$R$2:$R$366,ROW(INDEX(Jesper!AJ$2:AJ$366,ROUNDDOWN($C3760/24,0)+1,1))-1)+IF('Standard Profiles'!$G$20=$B$10,7,0)+IF('Standard Profiles'!$G$20=$B$17,14,0)+IF('Standard Profiles'!$G$20=$B$24,21,0),0)),0)</f>
        <v>0</v>
      </c>
      <c r="G3760" cm="1">
        <f t="array" ref="G3760">IFERROR(INDEX(Jesper!AK$2:AK$366,ROUNDDOWN($C3760/24,0)+1,1)*INDEX($D$3:$AA$30,INDEX(Jesper!$R$2:$R$366,ROW(INDEX(Jesper!AK$2:AK$366,ROUNDDOWN($C3760/24,0)+1,1))-1)+IF('Standard Profiles'!$G$21=$B$10,7,0)+IF('Standard Profiles'!$G$21=$B$17,14,0)+IF('Standard Profiles'!$G$21=$B$24,21,0),MOD($C3760,24)+1)/SUM(INDEX($D$3:$AA$30,INDEX(Jesper!$R$2:$R$366,ROW(INDEX(Jesper!AK$2:AK$366,ROUNDDOWN($C3760/24,0)+1,1))-1)+IF('Standard Profiles'!$G$21=$B$10,7,0)+IF('Standard Profiles'!$G$21=$B$17,14,0)+IF('Standard Profiles'!$G$21=$B$24,21,0),0)),0)</f>
        <v>0</v>
      </c>
      <c r="H3760" cm="1">
        <f t="array" ref="H3760">IFERROR(INDEX(Jesper!AL$2:AL$366,ROUNDDOWN($C3760/24,0)+1,1)*INDEX($D$3:$AA$30,INDEX(Jesper!$R$2:$R$366,ROW(INDEX(Jesper!AL$2:AL$366,ROUNDDOWN($C3760/24,0)+1,1))-1)+IF('Standard Profiles'!$G$22=$B$10,7,0)+IF('Standard Profiles'!$G$22=$B$17,14,0)+IF('Standard Profiles'!$G$22=$B$24,21,0),MOD($C3760,24)+1)/SUM(INDEX($D$3:$AA$30,INDEX(Jesper!$R$2:$R$366,ROW(INDEX(Jesper!AL$2:AL$366,ROUNDDOWN($C3760/24,0)+1,1))-1)+IF('Standard Profiles'!$G$22=$B$10,7,0)+IF('Standard Profiles'!$G$22=$B$17,14,0)+IF('Standard Profiles'!$G$22=$B$24,21,0),0)),0)</f>
        <v>0</v>
      </c>
      <c r="I3760">
        <f t="shared" si="426"/>
        <v>0.3130966721684274</v>
      </c>
      <c r="J3760">
        <f t="shared" si="427"/>
        <v>1.0436555738947582</v>
      </c>
      <c r="K3760">
        <f t="shared" si="428"/>
        <v>1.565483360842137</v>
      </c>
      <c r="L3760">
        <f t="shared" si="429"/>
        <v>7.5143201320422577</v>
      </c>
      <c r="M3760">
        <f t="shared" si="430"/>
        <v>0</v>
      </c>
      <c r="N3760" s="46">
        <f t="shared" si="431"/>
        <v>45447.249999990963</v>
      </c>
    </row>
    <row r="3761" spans="2:14" x14ac:dyDescent="0.3">
      <c r="B3761">
        <f t="shared" si="425"/>
        <v>2</v>
      </c>
      <c r="C3761" s="16">
        <v>3727</v>
      </c>
      <c r="D3761" cm="1">
        <f t="array" ref="D3761">IFERROR(INDEX(Jesper!AH$2:AH$366,ROUNDDOWN($C3761/24,0)+1,1)*INDEX($D$3:$AA$30,INDEX(Jesper!$R$2:$R$366,ROW(INDEX(Jesper!AH$2:AH$366,ROUNDDOWN($C3761/24,0)+1,1))-1)+IF('Standard Profiles'!$G$18=$B$10,7,0)+IF('Standard Profiles'!$G$18=$B$17,14,0)+IF('Standard Profiles'!$G$18=$B$24,21,0),MOD($C3761,24)+1)/SUM(INDEX($D$3:$AA$30,INDEX(Jesper!$R$2:$R$366,ROW(INDEX(Jesper!AH$2:AH$366,ROUNDDOWN($C3761/24,0)+1,1))-1)+IF('Standard Profiles'!$G$18=$B$10,7,0)+IF('Standard Profiles'!$G$18=$B$17,14,0)+IF('Standard Profiles'!$G$18=$B$24,21,0),0)),0)</f>
        <v>10.796436971325084</v>
      </c>
      <c r="E3761" cm="1">
        <f t="array" ref="E3761">IFERROR(INDEX(Jesper!AI$2:AI$366,ROUNDDOWN($C3761/24,0)+1,1)*INDEX($D$3:$AA$30,INDEX(Jesper!$R$2:$R$366,ROW(INDEX(Jesper!AI$2:AI$366,ROUNDDOWN($C3761/24,0)+1,1))-1)+IF('Standard Profiles'!$G$19=$B$10,7,0)+IF('Standard Profiles'!$G$19=$B$17,14,0)+IF('Standard Profiles'!$G$19=$B$24,21,0),MOD($C3761,24)+1)/SUM(INDEX($D$3:$AA$30,INDEX(Jesper!$R$2:$R$366,ROW(INDEX(Jesper!AI$2:AI$366,ROUNDDOWN($C3761/24,0)+1,1))-1)+IF('Standard Profiles'!$G$19=$B$10,7,0)+IF('Standard Profiles'!$G$19=$B$17,14,0)+IF('Standard Profiles'!$G$19=$B$24,21,0),0)),0)</f>
        <v>0</v>
      </c>
      <c r="F3761" cm="1">
        <f t="array" ref="F3761">IFERROR(INDEX(Jesper!AJ$2:AJ$366,ROUNDDOWN($C3761/24,0)+1,1)*INDEX($D$3:$AA$30,INDEX(Jesper!$R$2:$R$366,ROW(INDEX(Jesper!AJ$2:AJ$366,ROUNDDOWN($C3761/24,0)+1,1))-1)+IF('Standard Profiles'!$G$20=$B$10,7,0)+IF('Standard Profiles'!$G$20=$B$17,14,0)+IF('Standard Profiles'!$G$20=$B$24,21,0),MOD($C3761,24)+1)/SUM(INDEX($D$3:$AA$30,INDEX(Jesper!$R$2:$R$366,ROW(INDEX(Jesper!AJ$2:AJ$366,ROUNDDOWN($C3761/24,0)+1,1))-1)+IF('Standard Profiles'!$G$20=$B$10,7,0)+IF('Standard Profiles'!$G$20=$B$17,14,0)+IF('Standard Profiles'!$G$20=$B$24,21,0),0)),0)</f>
        <v>0</v>
      </c>
      <c r="G3761" cm="1">
        <f t="array" ref="G3761">IFERROR(INDEX(Jesper!AK$2:AK$366,ROUNDDOWN($C3761/24,0)+1,1)*INDEX($D$3:$AA$30,INDEX(Jesper!$R$2:$R$366,ROW(INDEX(Jesper!AK$2:AK$366,ROUNDDOWN($C3761/24,0)+1,1))-1)+IF('Standard Profiles'!$G$21=$B$10,7,0)+IF('Standard Profiles'!$G$21=$B$17,14,0)+IF('Standard Profiles'!$G$21=$B$24,21,0),MOD($C3761,24)+1)/SUM(INDEX($D$3:$AA$30,INDEX(Jesper!$R$2:$R$366,ROW(INDEX(Jesper!AK$2:AK$366,ROUNDDOWN($C3761/24,0)+1,1))-1)+IF('Standard Profiles'!$G$21=$B$10,7,0)+IF('Standard Profiles'!$G$21=$B$17,14,0)+IF('Standard Profiles'!$G$21=$B$24,21,0),0)),0)</f>
        <v>0</v>
      </c>
      <c r="H3761" cm="1">
        <f t="array" ref="H3761">IFERROR(INDEX(Jesper!AL$2:AL$366,ROUNDDOWN($C3761/24,0)+1,1)*INDEX($D$3:$AA$30,INDEX(Jesper!$R$2:$R$366,ROW(INDEX(Jesper!AL$2:AL$366,ROUNDDOWN($C3761/24,0)+1,1))-1)+IF('Standard Profiles'!$G$22=$B$10,7,0)+IF('Standard Profiles'!$G$22=$B$17,14,0)+IF('Standard Profiles'!$G$22=$B$24,21,0),MOD($C3761,24)+1)/SUM(INDEX($D$3:$AA$30,INDEX(Jesper!$R$2:$R$366,ROW(INDEX(Jesper!AL$2:AL$366,ROUNDDOWN($C3761/24,0)+1,1))-1)+IF('Standard Profiles'!$G$22=$B$10,7,0)+IF('Standard Profiles'!$G$22=$B$17,14,0)+IF('Standard Profiles'!$G$22=$B$24,21,0),0)),0)</f>
        <v>0</v>
      </c>
      <c r="I3761">
        <f t="shared" si="426"/>
        <v>0.3238931091397525</v>
      </c>
      <c r="J3761">
        <f t="shared" si="427"/>
        <v>1.0796436971325085</v>
      </c>
      <c r="K3761">
        <f t="shared" si="428"/>
        <v>1.6194655456987626</v>
      </c>
      <c r="L3761">
        <f t="shared" si="429"/>
        <v>7.7734346193540604</v>
      </c>
      <c r="M3761">
        <f t="shared" si="430"/>
        <v>0</v>
      </c>
      <c r="N3761" s="46">
        <f t="shared" si="431"/>
        <v>45447.291666657628</v>
      </c>
    </row>
    <row r="3762" spans="2:14" x14ac:dyDescent="0.3">
      <c r="B3762">
        <f t="shared" si="425"/>
        <v>2</v>
      </c>
      <c r="C3762" s="16">
        <v>3728</v>
      </c>
      <c r="D3762" cm="1">
        <f t="array" ref="D3762">IFERROR(INDEX(Jesper!AH$2:AH$366,ROUNDDOWN($C3762/24,0)+1,1)*INDEX($D$3:$AA$30,INDEX(Jesper!$R$2:$R$366,ROW(INDEX(Jesper!AH$2:AH$366,ROUNDDOWN($C3762/24,0)+1,1))-1)+IF('Standard Profiles'!$G$18=$B$10,7,0)+IF('Standard Profiles'!$G$18=$B$17,14,0)+IF('Standard Profiles'!$G$18=$B$24,21,0),MOD($C3762,24)+1)/SUM(INDEX($D$3:$AA$30,INDEX(Jesper!$R$2:$R$366,ROW(INDEX(Jesper!AH$2:AH$366,ROUNDDOWN($C3762/24,0)+1,1))-1)+IF('Standard Profiles'!$G$18=$B$10,7,0)+IF('Standard Profiles'!$G$18=$B$17,14,0)+IF('Standard Profiles'!$G$18=$B$24,21,0),0)),0)</f>
        <v>10.796436971325084</v>
      </c>
      <c r="E3762" cm="1">
        <f t="array" ref="E3762">IFERROR(INDEX(Jesper!AI$2:AI$366,ROUNDDOWN($C3762/24,0)+1,1)*INDEX($D$3:$AA$30,INDEX(Jesper!$R$2:$R$366,ROW(INDEX(Jesper!AI$2:AI$366,ROUNDDOWN($C3762/24,0)+1,1))-1)+IF('Standard Profiles'!$G$19=$B$10,7,0)+IF('Standard Profiles'!$G$19=$B$17,14,0)+IF('Standard Profiles'!$G$19=$B$24,21,0),MOD($C3762,24)+1)/SUM(INDEX($D$3:$AA$30,INDEX(Jesper!$R$2:$R$366,ROW(INDEX(Jesper!AI$2:AI$366,ROUNDDOWN($C3762/24,0)+1,1))-1)+IF('Standard Profiles'!$G$19=$B$10,7,0)+IF('Standard Profiles'!$G$19=$B$17,14,0)+IF('Standard Profiles'!$G$19=$B$24,21,0),0)),0)</f>
        <v>0</v>
      </c>
      <c r="F3762" cm="1">
        <f t="array" ref="F3762">IFERROR(INDEX(Jesper!AJ$2:AJ$366,ROUNDDOWN($C3762/24,0)+1,1)*INDEX($D$3:$AA$30,INDEX(Jesper!$R$2:$R$366,ROW(INDEX(Jesper!AJ$2:AJ$366,ROUNDDOWN($C3762/24,0)+1,1))-1)+IF('Standard Profiles'!$G$20=$B$10,7,0)+IF('Standard Profiles'!$G$20=$B$17,14,0)+IF('Standard Profiles'!$G$20=$B$24,21,0),MOD($C3762,24)+1)/SUM(INDEX($D$3:$AA$30,INDEX(Jesper!$R$2:$R$366,ROW(INDEX(Jesper!AJ$2:AJ$366,ROUNDDOWN($C3762/24,0)+1,1))-1)+IF('Standard Profiles'!$G$20=$B$10,7,0)+IF('Standard Profiles'!$G$20=$B$17,14,0)+IF('Standard Profiles'!$G$20=$B$24,21,0),0)),0)</f>
        <v>0</v>
      </c>
      <c r="G3762" cm="1">
        <f t="array" ref="G3762">IFERROR(INDEX(Jesper!AK$2:AK$366,ROUNDDOWN($C3762/24,0)+1,1)*INDEX($D$3:$AA$30,INDEX(Jesper!$R$2:$R$366,ROW(INDEX(Jesper!AK$2:AK$366,ROUNDDOWN($C3762/24,0)+1,1))-1)+IF('Standard Profiles'!$G$21=$B$10,7,0)+IF('Standard Profiles'!$G$21=$B$17,14,0)+IF('Standard Profiles'!$G$21=$B$24,21,0),MOD($C3762,24)+1)/SUM(INDEX($D$3:$AA$30,INDEX(Jesper!$R$2:$R$366,ROW(INDEX(Jesper!AK$2:AK$366,ROUNDDOWN($C3762/24,0)+1,1))-1)+IF('Standard Profiles'!$G$21=$B$10,7,0)+IF('Standard Profiles'!$G$21=$B$17,14,0)+IF('Standard Profiles'!$G$21=$B$24,21,0),0)),0)</f>
        <v>0</v>
      </c>
      <c r="H3762" cm="1">
        <f t="array" ref="H3762">IFERROR(INDEX(Jesper!AL$2:AL$366,ROUNDDOWN($C3762/24,0)+1,1)*INDEX($D$3:$AA$30,INDEX(Jesper!$R$2:$R$366,ROW(INDEX(Jesper!AL$2:AL$366,ROUNDDOWN($C3762/24,0)+1,1))-1)+IF('Standard Profiles'!$G$22=$B$10,7,0)+IF('Standard Profiles'!$G$22=$B$17,14,0)+IF('Standard Profiles'!$G$22=$B$24,21,0),MOD($C3762,24)+1)/SUM(INDEX($D$3:$AA$30,INDEX(Jesper!$R$2:$R$366,ROW(INDEX(Jesper!AL$2:AL$366,ROUNDDOWN($C3762/24,0)+1,1))-1)+IF('Standard Profiles'!$G$22=$B$10,7,0)+IF('Standard Profiles'!$G$22=$B$17,14,0)+IF('Standard Profiles'!$G$22=$B$24,21,0),0)),0)</f>
        <v>0</v>
      </c>
      <c r="I3762">
        <f t="shared" si="426"/>
        <v>0.3238931091397525</v>
      </c>
      <c r="J3762">
        <f t="shared" si="427"/>
        <v>1.0796436971325085</v>
      </c>
      <c r="K3762">
        <f t="shared" si="428"/>
        <v>1.6194655456987626</v>
      </c>
      <c r="L3762">
        <f t="shared" si="429"/>
        <v>7.7734346193540604</v>
      </c>
      <c r="M3762">
        <f t="shared" si="430"/>
        <v>0</v>
      </c>
      <c r="N3762" s="46">
        <f t="shared" si="431"/>
        <v>45447.333333324292</v>
      </c>
    </row>
    <row r="3763" spans="2:14" x14ac:dyDescent="0.3">
      <c r="B3763">
        <f t="shared" si="425"/>
        <v>2</v>
      </c>
      <c r="C3763" s="16">
        <v>3729</v>
      </c>
      <c r="D3763" cm="1">
        <f t="array" ref="D3763">IFERROR(INDEX(Jesper!AH$2:AH$366,ROUNDDOWN($C3763/24,0)+1,1)*INDEX($D$3:$AA$30,INDEX(Jesper!$R$2:$R$366,ROW(INDEX(Jesper!AH$2:AH$366,ROUNDDOWN($C3763/24,0)+1,1))-1)+IF('Standard Profiles'!$G$18=$B$10,7,0)+IF('Standard Profiles'!$G$18=$B$17,14,0)+IF('Standard Profiles'!$G$18=$B$24,21,0),MOD($C3763,24)+1)/SUM(INDEX($D$3:$AA$30,INDEX(Jesper!$R$2:$R$366,ROW(INDEX(Jesper!AH$2:AH$366,ROUNDDOWN($C3763/24,0)+1,1))-1)+IF('Standard Profiles'!$G$18=$B$10,7,0)+IF('Standard Profiles'!$G$18=$B$17,14,0)+IF('Standard Profiles'!$G$18=$B$24,21,0),0)),0)</f>
        <v>11.69614005226884</v>
      </c>
      <c r="E3763" cm="1">
        <f t="array" ref="E3763">IFERROR(INDEX(Jesper!AI$2:AI$366,ROUNDDOWN($C3763/24,0)+1,1)*INDEX($D$3:$AA$30,INDEX(Jesper!$R$2:$R$366,ROW(INDEX(Jesper!AI$2:AI$366,ROUNDDOWN($C3763/24,0)+1,1))-1)+IF('Standard Profiles'!$G$19=$B$10,7,0)+IF('Standard Profiles'!$G$19=$B$17,14,0)+IF('Standard Profiles'!$G$19=$B$24,21,0),MOD($C3763,24)+1)/SUM(INDEX($D$3:$AA$30,INDEX(Jesper!$R$2:$R$366,ROW(INDEX(Jesper!AI$2:AI$366,ROUNDDOWN($C3763/24,0)+1,1))-1)+IF('Standard Profiles'!$G$19=$B$10,7,0)+IF('Standard Profiles'!$G$19=$B$17,14,0)+IF('Standard Profiles'!$G$19=$B$24,21,0),0)),0)</f>
        <v>0</v>
      </c>
      <c r="F3763" cm="1">
        <f t="array" ref="F3763">IFERROR(INDEX(Jesper!AJ$2:AJ$366,ROUNDDOWN($C3763/24,0)+1,1)*INDEX($D$3:$AA$30,INDEX(Jesper!$R$2:$R$366,ROW(INDEX(Jesper!AJ$2:AJ$366,ROUNDDOWN($C3763/24,0)+1,1))-1)+IF('Standard Profiles'!$G$20=$B$10,7,0)+IF('Standard Profiles'!$G$20=$B$17,14,0)+IF('Standard Profiles'!$G$20=$B$24,21,0),MOD($C3763,24)+1)/SUM(INDEX($D$3:$AA$30,INDEX(Jesper!$R$2:$R$366,ROW(INDEX(Jesper!AJ$2:AJ$366,ROUNDDOWN($C3763/24,0)+1,1))-1)+IF('Standard Profiles'!$G$20=$B$10,7,0)+IF('Standard Profiles'!$G$20=$B$17,14,0)+IF('Standard Profiles'!$G$20=$B$24,21,0),0)),0)</f>
        <v>0</v>
      </c>
      <c r="G3763" cm="1">
        <f t="array" ref="G3763">IFERROR(INDEX(Jesper!AK$2:AK$366,ROUNDDOWN($C3763/24,0)+1,1)*INDEX($D$3:$AA$30,INDEX(Jesper!$R$2:$R$366,ROW(INDEX(Jesper!AK$2:AK$366,ROUNDDOWN($C3763/24,0)+1,1))-1)+IF('Standard Profiles'!$G$21=$B$10,7,0)+IF('Standard Profiles'!$G$21=$B$17,14,0)+IF('Standard Profiles'!$G$21=$B$24,21,0),MOD($C3763,24)+1)/SUM(INDEX($D$3:$AA$30,INDEX(Jesper!$R$2:$R$366,ROW(INDEX(Jesper!AK$2:AK$366,ROUNDDOWN($C3763/24,0)+1,1))-1)+IF('Standard Profiles'!$G$21=$B$10,7,0)+IF('Standard Profiles'!$G$21=$B$17,14,0)+IF('Standard Profiles'!$G$21=$B$24,21,0),0)),0)</f>
        <v>0</v>
      </c>
      <c r="H3763" cm="1">
        <f t="array" ref="H3763">IFERROR(INDEX(Jesper!AL$2:AL$366,ROUNDDOWN($C3763/24,0)+1,1)*INDEX($D$3:$AA$30,INDEX(Jesper!$R$2:$R$366,ROW(INDEX(Jesper!AL$2:AL$366,ROUNDDOWN($C3763/24,0)+1,1))-1)+IF('Standard Profiles'!$G$22=$B$10,7,0)+IF('Standard Profiles'!$G$22=$B$17,14,0)+IF('Standard Profiles'!$G$22=$B$24,21,0),MOD($C3763,24)+1)/SUM(INDEX($D$3:$AA$30,INDEX(Jesper!$R$2:$R$366,ROW(INDEX(Jesper!AL$2:AL$366,ROUNDDOWN($C3763/24,0)+1,1))-1)+IF('Standard Profiles'!$G$22=$B$10,7,0)+IF('Standard Profiles'!$G$22=$B$17,14,0)+IF('Standard Profiles'!$G$22=$B$24,21,0),0)),0)</f>
        <v>0</v>
      </c>
      <c r="I3763">
        <f t="shared" si="426"/>
        <v>0.35088420156806516</v>
      </c>
      <c r="J3763">
        <f t="shared" si="427"/>
        <v>1.169614005226884</v>
      </c>
      <c r="K3763">
        <f t="shared" si="428"/>
        <v>1.754421007840326</v>
      </c>
      <c r="L3763">
        <f t="shared" si="429"/>
        <v>8.4212208376335642</v>
      </c>
      <c r="M3763">
        <f t="shared" si="430"/>
        <v>0</v>
      </c>
      <c r="N3763" s="46">
        <f t="shared" si="431"/>
        <v>45447.374999990956</v>
      </c>
    </row>
    <row r="3764" spans="2:14" x14ac:dyDescent="0.3">
      <c r="B3764">
        <f t="shared" si="425"/>
        <v>2</v>
      </c>
      <c r="C3764" s="16">
        <v>3730</v>
      </c>
      <c r="D3764" cm="1">
        <f t="array" ref="D3764">IFERROR(INDEX(Jesper!AH$2:AH$366,ROUNDDOWN($C3764/24,0)+1,1)*INDEX($D$3:$AA$30,INDEX(Jesper!$R$2:$R$366,ROW(INDEX(Jesper!AH$2:AH$366,ROUNDDOWN($C3764/24,0)+1,1))-1)+IF('Standard Profiles'!$G$18=$B$10,7,0)+IF('Standard Profiles'!$G$18=$B$17,14,0)+IF('Standard Profiles'!$G$18=$B$24,21,0),MOD($C3764,24)+1)/SUM(INDEX($D$3:$AA$30,INDEX(Jesper!$R$2:$R$366,ROW(INDEX(Jesper!AH$2:AH$366,ROUNDDOWN($C3764/24,0)+1,1))-1)+IF('Standard Profiles'!$G$18=$B$10,7,0)+IF('Standard Profiles'!$G$18=$B$17,14,0)+IF('Standard Profiles'!$G$18=$B$24,21,0),0)),0)</f>
        <v>12.235961900835093</v>
      </c>
      <c r="E3764" cm="1">
        <f t="array" ref="E3764">IFERROR(INDEX(Jesper!AI$2:AI$366,ROUNDDOWN($C3764/24,0)+1,1)*INDEX($D$3:$AA$30,INDEX(Jesper!$R$2:$R$366,ROW(INDEX(Jesper!AI$2:AI$366,ROUNDDOWN($C3764/24,0)+1,1))-1)+IF('Standard Profiles'!$G$19=$B$10,7,0)+IF('Standard Profiles'!$G$19=$B$17,14,0)+IF('Standard Profiles'!$G$19=$B$24,21,0),MOD($C3764,24)+1)/SUM(INDEX($D$3:$AA$30,INDEX(Jesper!$R$2:$R$366,ROW(INDEX(Jesper!AI$2:AI$366,ROUNDDOWN($C3764/24,0)+1,1))-1)+IF('Standard Profiles'!$G$19=$B$10,7,0)+IF('Standard Profiles'!$G$19=$B$17,14,0)+IF('Standard Profiles'!$G$19=$B$24,21,0),0)),0)</f>
        <v>0</v>
      </c>
      <c r="F3764" cm="1">
        <f t="array" ref="F3764">IFERROR(INDEX(Jesper!AJ$2:AJ$366,ROUNDDOWN($C3764/24,0)+1,1)*INDEX($D$3:$AA$30,INDEX(Jesper!$R$2:$R$366,ROW(INDEX(Jesper!AJ$2:AJ$366,ROUNDDOWN($C3764/24,0)+1,1))-1)+IF('Standard Profiles'!$G$20=$B$10,7,0)+IF('Standard Profiles'!$G$20=$B$17,14,0)+IF('Standard Profiles'!$G$20=$B$24,21,0),MOD($C3764,24)+1)/SUM(INDEX($D$3:$AA$30,INDEX(Jesper!$R$2:$R$366,ROW(INDEX(Jesper!AJ$2:AJ$366,ROUNDDOWN($C3764/24,0)+1,1))-1)+IF('Standard Profiles'!$G$20=$B$10,7,0)+IF('Standard Profiles'!$G$20=$B$17,14,0)+IF('Standard Profiles'!$G$20=$B$24,21,0),0)),0)</f>
        <v>0</v>
      </c>
      <c r="G3764" cm="1">
        <f t="array" ref="G3764">IFERROR(INDEX(Jesper!AK$2:AK$366,ROUNDDOWN($C3764/24,0)+1,1)*INDEX($D$3:$AA$30,INDEX(Jesper!$R$2:$R$366,ROW(INDEX(Jesper!AK$2:AK$366,ROUNDDOWN($C3764/24,0)+1,1))-1)+IF('Standard Profiles'!$G$21=$B$10,7,0)+IF('Standard Profiles'!$G$21=$B$17,14,0)+IF('Standard Profiles'!$G$21=$B$24,21,0),MOD($C3764,24)+1)/SUM(INDEX($D$3:$AA$30,INDEX(Jesper!$R$2:$R$366,ROW(INDEX(Jesper!AK$2:AK$366,ROUNDDOWN($C3764/24,0)+1,1))-1)+IF('Standard Profiles'!$G$21=$B$10,7,0)+IF('Standard Profiles'!$G$21=$B$17,14,0)+IF('Standard Profiles'!$G$21=$B$24,21,0),0)),0)</f>
        <v>0</v>
      </c>
      <c r="H3764" cm="1">
        <f t="array" ref="H3764">IFERROR(INDEX(Jesper!AL$2:AL$366,ROUNDDOWN($C3764/24,0)+1,1)*INDEX($D$3:$AA$30,INDEX(Jesper!$R$2:$R$366,ROW(INDEX(Jesper!AL$2:AL$366,ROUNDDOWN($C3764/24,0)+1,1))-1)+IF('Standard Profiles'!$G$22=$B$10,7,0)+IF('Standard Profiles'!$G$22=$B$17,14,0)+IF('Standard Profiles'!$G$22=$B$24,21,0),MOD($C3764,24)+1)/SUM(INDEX($D$3:$AA$30,INDEX(Jesper!$R$2:$R$366,ROW(INDEX(Jesper!AL$2:AL$366,ROUNDDOWN($C3764/24,0)+1,1))-1)+IF('Standard Profiles'!$G$22=$B$10,7,0)+IF('Standard Profiles'!$G$22=$B$17,14,0)+IF('Standard Profiles'!$G$22=$B$24,21,0),0)),0)</f>
        <v>0</v>
      </c>
      <c r="I3764">
        <f t="shared" si="426"/>
        <v>0.36707885702505277</v>
      </c>
      <c r="J3764">
        <f t="shared" si="427"/>
        <v>1.2235961900835095</v>
      </c>
      <c r="K3764">
        <f t="shared" si="428"/>
        <v>1.8353942851252638</v>
      </c>
      <c r="L3764">
        <f t="shared" si="429"/>
        <v>8.809892568601267</v>
      </c>
      <c r="M3764">
        <f t="shared" si="430"/>
        <v>0</v>
      </c>
      <c r="N3764" s="46">
        <f t="shared" si="431"/>
        <v>45447.41666665762</v>
      </c>
    </row>
    <row r="3765" spans="2:14" x14ac:dyDescent="0.3">
      <c r="B3765">
        <f t="shared" si="425"/>
        <v>2</v>
      </c>
      <c r="C3765" s="16">
        <v>3731</v>
      </c>
      <c r="D3765" cm="1">
        <f t="array" ref="D3765">IFERROR(INDEX(Jesper!AH$2:AH$366,ROUNDDOWN($C3765/24,0)+1,1)*INDEX($D$3:$AA$30,INDEX(Jesper!$R$2:$R$366,ROW(INDEX(Jesper!AH$2:AH$366,ROUNDDOWN($C3765/24,0)+1,1))-1)+IF('Standard Profiles'!$G$18=$B$10,7,0)+IF('Standard Profiles'!$G$18=$B$17,14,0)+IF('Standard Profiles'!$G$18=$B$24,21,0),MOD($C3765,24)+1)/SUM(INDEX($D$3:$AA$30,INDEX(Jesper!$R$2:$R$366,ROW(INDEX(Jesper!AH$2:AH$366,ROUNDDOWN($C3765/24,0)+1,1))-1)+IF('Standard Profiles'!$G$18=$B$10,7,0)+IF('Standard Profiles'!$G$18=$B$17,14,0)+IF('Standard Profiles'!$G$18=$B$24,21,0),0)),0)</f>
        <v>14.395249295100109</v>
      </c>
      <c r="E3765" cm="1">
        <f t="array" ref="E3765">IFERROR(INDEX(Jesper!AI$2:AI$366,ROUNDDOWN($C3765/24,0)+1,1)*INDEX($D$3:$AA$30,INDEX(Jesper!$R$2:$R$366,ROW(INDEX(Jesper!AI$2:AI$366,ROUNDDOWN($C3765/24,0)+1,1))-1)+IF('Standard Profiles'!$G$19=$B$10,7,0)+IF('Standard Profiles'!$G$19=$B$17,14,0)+IF('Standard Profiles'!$G$19=$B$24,21,0),MOD($C3765,24)+1)/SUM(INDEX($D$3:$AA$30,INDEX(Jesper!$R$2:$R$366,ROW(INDEX(Jesper!AI$2:AI$366,ROUNDDOWN($C3765/24,0)+1,1))-1)+IF('Standard Profiles'!$G$19=$B$10,7,0)+IF('Standard Profiles'!$G$19=$B$17,14,0)+IF('Standard Profiles'!$G$19=$B$24,21,0),0)),0)</f>
        <v>0</v>
      </c>
      <c r="F3765" cm="1">
        <f t="array" ref="F3765">IFERROR(INDEX(Jesper!AJ$2:AJ$366,ROUNDDOWN($C3765/24,0)+1,1)*INDEX($D$3:$AA$30,INDEX(Jesper!$R$2:$R$366,ROW(INDEX(Jesper!AJ$2:AJ$366,ROUNDDOWN($C3765/24,0)+1,1))-1)+IF('Standard Profiles'!$G$20=$B$10,7,0)+IF('Standard Profiles'!$G$20=$B$17,14,0)+IF('Standard Profiles'!$G$20=$B$24,21,0),MOD($C3765,24)+1)/SUM(INDEX($D$3:$AA$30,INDEX(Jesper!$R$2:$R$366,ROW(INDEX(Jesper!AJ$2:AJ$366,ROUNDDOWN($C3765/24,0)+1,1))-1)+IF('Standard Profiles'!$G$20=$B$10,7,0)+IF('Standard Profiles'!$G$20=$B$17,14,0)+IF('Standard Profiles'!$G$20=$B$24,21,0),0)),0)</f>
        <v>0</v>
      </c>
      <c r="G3765" cm="1">
        <f t="array" ref="G3765">IFERROR(INDEX(Jesper!AK$2:AK$366,ROUNDDOWN($C3765/24,0)+1,1)*INDEX($D$3:$AA$30,INDEX(Jesper!$R$2:$R$366,ROW(INDEX(Jesper!AK$2:AK$366,ROUNDDOWN($C3765/24,0)+1,1))-1)+IF('Standard Profiles'!$G$21=$B$10,7,0)+IF('Standard Profiles'!$G$21=$B$17,14,0)+IF('Standard Profiles'!$G$21=$B$24,21,0),MOD($C3765,24)+1)/SUM(INDEX($D$3:$AA$30,INDEX(Jesper!$R$2:$R$366,ROW(INDEX(Jesper!AK$2:AK$366,ROUNDDOWN($C3765/24,0)+1,1))-1)+IF('Standard Profiles'!$G$21=$B$10,7,0)+IF('Standard Profiles'!$G$21=$B$17,14,0)+IF('Standard Profiles'!$G$21=$B$24,21,0),0)),0)</f>
        <v>0</v>
      </c>
      <c r="H3765" cm="1">
        <f t="array" ref="H3765">IFERROR(INDEX(Jesper!AL$2:AL$366,ROUNDDOWN($C3765/24,0)+1,1)*INDEX($D$3:$AA$30,INDEX(Jesper!$R$2:$R$366,ROW(INDEX(Jesper!AL$2:AL$366,ROUNDDOWN($C3765/24,0)+1,1))-1)+IF('Standard Profiles'!$G$22=$B$10,7,0)+IF('Standard Profiles'!$G$22=$B$17,14,0)+IF('Standard Profiles'!$G$22=$B$24,21,0),MOD($C3765,24)+1)/SUM(INDEX($D$3:$AA$30,INDEX(Jesper!$R$2:$R$366,ROW(INDEX(Jesper!AL$2:AL$366,ROUNDDOWN($C3765/24,0)+1,1))-1)+IF('Standard Profiles'!$G$22=$B$10,7,0)+IF('Standard Profiles'!$G$22=$B$17,14,0)+IF('Standard Profiles'!$G$22=$B$24,21,0),0)),0)</f>
        <v>0</v>
      </c>
      <c r="I3765">
        <f t="shared" si="426"/>
        <v>0.43185747885300324</v>
      </c>
      <c r="J3765">
        <f t="shared" si="427"/>
        <v>1.439524929510011</v>
      </c>
      <c r="K3765">
        <f t="shared" si="428"/>
        <v>2.1592873942650161</v>
      </c>
      <c r="L3765">
        <f t="shared" si="429"/>
        <v>10.364579492472078</v>
      </c>
      <c r="M3765">
        <f t="shared" si="430"/>
        <v>0</v>
      </c>
      <c r="N3765" s="46">
        <f t="shared" si="431"/>
        <v>45447.458333324284</v>
      </c>
    </row>
    <row r="3766" spans="2:14" x14ac:dyDescent="0.3">
      <c r="B3766">
        <f t="shared" si="425"/>
        <v>2</v>
      </c>
      <c r="C3766" s="16">
        <v>3732</v>
      </c>
      <c r="D3766" cm="1">
        <f t="array" ref="D3766">IFERROR(INDEX(Jesper!AH$2:AH$366,ROUNDDOWN($C3766/24,0)+1,1)*INDEX($D$3:$AA$30,INDEX(Jesper!$R$2:$R$366,ROW(INDEX(Jesper!AH$2:AH$366,ROUNDDOWN($C3766/24,0)+1,1))-1)+IF('Standard Profiles'!$G$18=$B$10,7,0)+IF('Standard Profiles'!$G$18=$B$17,14,0)+IF('Standard Profiles'!$G$18=$B$24,21,0),MOD($C3766,24)+1)/SUM(INDEX($D$3:$AA$30,INDEX(Jesper!$R$2:$R$366,ROW(INDEX(Jesper!AH$2:AH$366,ROUNDDOWN($C3766/24,0)+1,1))-1)+IF('Standard Profiles'!$G$18=$B$10,7,0)+IF('Standard Profiles'!$G$18=$B$17,14,0)+IF('Standard Profiles'!$G$18=$B$24,21,0),0)),0)</f>
        <v>14.395249295100109</v>
      </c>
      <c r="E3766" cm="1">
        <f t="array" ref="E3766">IFERROR(INDEX(Jesper!AI$2:AI$366,ROUNDDOWN($C3766/24,0)+1,1)*INDEX($D$3:$AA$30,INDEX(Jesper!$R$2:$R$366,ROW(INDEX(Jesper!AI$2:AI$366,ROUNDDOWN($C3766/24,0)+1,1))-1)+IF('Standard Profiles'!$G$19=$B$10,7,0)+IF('Standard Profiles'!$G$19=$B$17,14,0)+IF('Standard Profiles'!$G$19=$B$24,21,0),MOD($C3766,24)+1)/SUM(INDEX($D$3:$AA$30,INDEX(Jesper!$R$2:$R$366,ROW(INDEX(Jesper!AI$2:AI$366,ROUNDDOWN($C3766/24,0)+1,1))-1)+IF('Standard Profiles'!$G$19=$B$10,7,0)+IF('Standard Profiles'!$G$19=$B$17,14,0)+IF('Standard Profiles'!$G$19=$B$24,21,0),0)),0)</f>
        <v>0</v>
      </c>
      <c r="F3766" cm="1">
        <f t="array" ref="F3766">IFERROR(INDEX(Jesper!AJ$2:AJ$366,ROUNDDOWN($C3766/24,0)+1,1)*INDEX($D$3:$AA$30,INDEX(Jesper!$R$2:$R$366,ROW(INDEX(Jesper!AJ$2:AJ$366,ROUNDDOWN($C3766/24,0)+1,1))-1)+IF('Standard Profiles'!$G$20=$B$10,7,0)+IF('Standard Profiles'!$G$20=$B$17,14,0)+IF('Standard Profiles'!$G$20=$B$24,21,0),MOD($C3766,24)+1)/SUM(INDEX($D$3:$AA$30,INDEX(Jesper!$R$2:$R$366,ROW(INDEX(Jesper!AJ$2:AJ$366,ROUNDDOWN($C3766/24,0)+1,1))-1)+IF('Standard Profiles'!$G$20=$B$10,7,0)+IF('Standard Profiles'!$G$20=$B$17,14,0)+IF('Standard Profiles'!$G$20=$B$24,21,0),0)),0)</f>
        <v>0</v>
      </c>
      <c r="G3766" cm="1">
        <f t="array" ref="G3766">IFERROR(INDEX(Jesper!AK$2:AK$366,ROUNDDOWN($C3766/24,0)+1,1)*INDEX($D$3:$AA$30,INDEX(Jesper!$R$2:$R$366,ROW(INDEX(Jesper!AK$2:AK$366,ROUNDDOWN($C3766/24,0)+1,1))-1)+IF('Standard Profiles'!$G$21=$B$10,7,0)+IF('Standard Profiles'!$G$21=$B$17,14,0)+IF('Standard Profiles'!$G$21=$B$24,21,0),MOD($C3766,24)+1)/SUM(INDEX($D$3:$AA$30,INDEX(Jesper!$R$2:$R$366,ROW(INDEX(Jesper!AK$2:AK$366,ROUNDDOWN($C3766/24,0)+1,1))-1)+IF('Standard Profiles'!$G$21=$B$10,7,0)+IF('Standard Profiles'!$G$21=$B$17,14,0)+IF('Standard Profiles'!$G$21=$B$24,21,0),0)),0)</f>
        <v>0</v>
      </c>
      <c r="H3766" cm="1">
        <f t="array" ref="H3766">IFERROR(INDEX(Jesper!AL$2:AL$366,ROUNDDOWN($C3766/24,0)+1,1)*INDEX($D$3:$AA$30,INDEX(Jesper!$R$2:$R$366,ROW(INDEX(Jesper!AL$2:AL$366,ROUNDDOWN($C3766/24,0)+1,1))-1)+IF('Standard Profiles'!$G$22=$B$10,7,0)+IF('Standard Profiles'!$G$22=$B$17,14,0)+IF('Standard Profiles'!$G$22=$B$24,21,0),MOD($C3766,24)+1)/SUM(INDEX($D$3:$AA$30,INDEX(Jesper!$R$2:$R$366,ROW(INDEX(Jesper!AL$2:AL$366,ROUNDDOWN($C3766/24,0)+1,1))-1)+IF('Standard Profiles'!$G$22=$B$10,7,0)+IF('Standard Profiles'!$G$22=$B$17,14,0)+IF('Standard Profiles'!$G$22=$B$24,21,0),0)),0)</f>
        <v>0</v>
      </c>
      <c r="I3766">
        <f t="shared" si="426"/>
        <v>0.43185747885300324</v>
      </c>
      <c r="J3766">
        <f t="shared" si="427"/>
        <v>1.439524929510011</v>
      </c>
      <c r="K3766">
        <f t="shared" si="428"/>
        <v>2.1592873942650161</v>
      </c>
      <c r="L3766">
        <f t="shared" si="429"/>
        <v>10.364579492472078</v>
      </c>
      <c r="M3766">
        <f t="shared" si="430"/>
        <v>0</v>
      </c>
      <c r="N3766" s="46">
        <f t="shared" si="431"/>
        <v>45447.499999990949</v>
      </c>
    </row>
    <row r="3767" spans="2:14" x14ac:dyDescent="0.3">
      <c r="B3767">
        <f t="shared" si="425"/>
        <v>2</v>
      </c>
      <c r="C3767" s="16">
        <v>3733</v>
      </c>
      <c r="D3767" cm="1">
        <f t="array" ref="D3767">IFERROR(INDEX(Jesper!AH$2:AH$366,ROUNDDOWN($C3767/24,0)+1,1)*INDEX($D$3:$AA$30,INDEX(Jesper!$R$2:$R$366,ROW(INDEX(Jesper!AH$2:AH$366,ROUNDDOWN($C3767/24,0)+1,1))-1)+IF('Standard Profiles'!$G$18=$B$10,7,0)+IF('Standard Profiles'!$G$18=$B$17,14,0)+IF('Standard Profiles'!$G$18=$B$24,21,0),MOD($C3767,24)+1)/SUM(INDEX($D$3:$AA$30,INDEX(Jesper!$R$2:$R$366,ROW(INDEX(Jesper!AH$2:AH$366,ROUNDDOWN($C3767/24,0)+1,1))-1)+IF('Standard Profiles'!$G$18=$B$10,7,0)+IF('Standard Profiles'!$G$18=$B$17,14,0)+IF('Standard Profiles'!$G$18=$B$24,21,0),0)),0)</f>
        <v>14.395249295100109</v>
      </c>
      <c r="E3767" cm="1">
        <f t="array" ref="E3767">IFERROR(INDEX(Jesper!AI$2:AI$366,ROUNDDOWN($C3767/24,0)+1,1)*INDEX($D$3:$AA$30,INDEX(Jesper!$R$2:$R$366,ROW(INDEX(Jesper!AI$2:AI$366,ROUNDDOWN($C3767/24,0)+1,1))-1)+IF('Standard Profiles'!$G$19=$B$10,7,0)+IF('Standard Profiles'!$G$19=$B$17,14,0)+IF('Standard Profiles'!$G$19=$B$24,21,0),MOD($C3767,24)+1)/SUM(INDEX($D$3:$AA$30,INDEX(Jesper!$R$2:$R$366,ROW(INDEX(Jesper!AI$2:AI$366,ROUNDDOWN($C3767/24,0)+1,1))-1)+IF('Standard Profiles'!$G$19=$B$10,7,0)+IF('Standard Profiles'!$G$19=$B$17,14,0)+IF('Standard Profiles'!$G$19=$B$24,21,0),0)),0)</f>
        <v>0</v>
      </c>
      <c r="F3767" cm="1">
        <f t="array" ref="F3767">IFERROR(INDEX(Jesper!AJ$2:AJ$366,ROUNDDOWN($C3767/24,0)+1,1)*INDEX($D$3:$AA$30,INDEX(Jesper!$R$2:$R$366,ROW(INDEX(Jesper!AJ$2:AJ$366,ROUNDDOWN($C3767/24,0)+1,1))-1)+IF('Standard Profiles'!$G$20=$B$10,7,0)+IF('Standard Profiles'!$G$20=$B$17,14,0)+IF('Standard Profiles'!$G$20=$B$24,21,0),MOD($C3767,24)+1)/SUM(INDEX($D$3:$AA$30,INDEX(Jesper!$R$2:$R$366,ROW(INDEX(Jesper!AJ$2:AJ$366,ROUNDDOWN($C3767/24,0)+1,1))-1)+IF('Standard Profiles'!$G$20=$B$10,7,0)+IF('Standard Profiles'!$G$20=$B$17,14,0)+IF('Standard Profiles'!$G$20=$B$24,21,0),0)),0)</f>
        <v>0</v>
      </c>
      <c r="G3767" cm="1">
        <f t="array" ref="G3767">IFERROR(INDEX(Jesper!AK$2:AK$366,ROUNDDOWN($C3767/24,0)+1,1)*INDEX($D$3:$AA$30,INDEX(Jesper!$R$2:$R$366,ROW(INDEX(Jesper!AK$2:AK$366,ROUNDDOWN($C3767/24,0)+1,1))-1)+IF('Standard Profiles'!$G$21=$B$10,7,0)+IF('Standard Profiles'!$G$21=$B$17,14,0)+IF('Standard Profiles'!$G$21=$B$24,21,0),MOD($C3767,24)+1)/SUM(INDEX($D$3:$AA$30,INDEX(Jesper!$R$2:$R$366,ROW(INDEX(Jesper!AK$2:AK$366,ROUNDDOWN($C3767/24,0)+1,1))-1)+IF('Standard Profiles'!$G$21=$B$10,7,0)+IF('Standard Profiles'!$G$21=$B$17,14,0)+IF('Standard Profiles'!$G$21=$B$24,21,0),0)),0)</f>
        <v>0</v>
      </c>
      <c r="H3767" cm="1">
        <f t="array" ref="H3767">IFERROR(INDEX(Jesper!AL$2:AL$366,ROUNDDOWN($C3767/24,0)+1,1)*INDEX($D$3:$AA$30,INDEX(Jesper!$R$2:$R$366,ROW(INDEX(Jesper!AL$2:AL$366,ROUNDDOWN($C3767/24,0)+1,1))-1)+IF('Standard Profiles'!$G$22=$B$10,7,0)+IF('Standard Profiles'!$G$22=$B$17,14,0)+IF('Standard Profiles'!$G$22=$B$24,21,0),MOD($C3767,24)+1)/SUM(INDEX($D$3:$AA$30,INDEX(Jesper!$R$2:$R$366,ROW(INDEX(Jesper!AL$2:AL$366,ROUNDDOWN($C3767/24,0)+1,1))-1)+IF('Standard Profiles'!$G$22=$B$10,7,0)+IF('Standard Profiles'!$G$22=$B$17,14,0)+IF('Standard Profiles'!$G$22=$B$24,21,0),0)),0)</f>
        <v>0</v>
      </c>
      <c r="I3767">
        <f t="shared" si="426"/>
        <v>0.43185747885300324</v>
      </c>
      <c r="J3767">
        <f t="shared" si="427"/>
        <v>1.439524929510011</v>
      </c>
      <c r="K3767">
        <f t="shared" si="428"/>
        <v>2.1592873942650161</v>
      </c>
      <c r="L3767">
        <f t="shared" si="429"/>
        <v>10.364579492472078</v>
      </c>
      <c r="M3767">
        <f t="shared" si="430"/>
        <v>0</v>
      </c>
      <c r="N3767" s="46">
        <f t="shared" si="431"/>
        <v>45447.541666657613</v>
      </c>
    </row>
    <row r="3768" spans="2:14" x14ac:dyDescent="0.3">
      <c r="B3768">
        <f t="shared" si="425"/>
        <v>2</v>
      </c>
      <c r="C3768" s="16">
        <v>3734</v>
      </c>
      <c r="D3768" cm="1">
        <f t="array" ref="D3768">IFERROR(INDEX(Jesper!AH$2:AH$366,ROUNDDOWN($C3768/24,0)+1,1)*INDEX($D$3:$AA$30,INDEX(Jesper!$R$2:$R$366,ROW(INDEX(Jesper!AH$2:AH$366,ROUNDDOWN($C3768/24,0)+1,1))-1)+IF('Standard Profiles'!$G$18=$B$10,7,0)+IF('Standard Profiles'!$G$18=$B$17,14,0)+IF('Standard Profiles'!$G$18=$B$24,21,0),MOD($C3768,24)+1)/SUM(INDEX($D$3:$AA$30,INDEX(Jesper!$R$2:$R$366,ROW(INDEX(Jesper!AH$2:AH$366,ROUNDDOWN($C3768/24,0)+1,1))-1)+IF('Standard Profiles'!$G$18=$B$10,7,0)+IF('Standard Profiles'!$G$18=$B$17,14,0)+IF('Standard Profiles'!$G$18=$B$24,21,0),0)),0)</f>
        <v>14.395249295100109</v>
      </c>
      <c r="E3768" cm="1">
        <f t="array" ref="E3768">IFERROR(INDEX(Jesper!AI$2:AI$366,ROUNDDOWN($C3768/24,0)+1,1)*INDEX($D$3:$AA$30,INDEX(Jesper!$R$2:$R$366,ROW(INDEX(Jesper!AI$2:AI$366,ROUNDDOWN($C3768/24,0)+1,1))-1)+IF('Standard Profiles'!$G$19=$B$10,7,0)+IF('Standard Profiles'!$G$19=$B$17,14,0)+IF('Standard Profiles'!$G$19=$B$24,21,0),MOD($C3768,24)+1)/SUM(INDEX($D$3:$AA$30,INDEX(Jesper!$R$2:$R$366,ROW(INDEX(Jesper!AI$2:AI$366,ROUNDDOWN($C3768/24,0)+1,1))-1)+IF('Standard Profiles'!$G$19=$B$10,7,0)+IF('Standard Profiles'!$G$19=$B$17,14,0)+IF('Standard Profiles'!$G$19=$B$24,21,0),0)),0)</f>
        <v>0</v>
      </c>
      <c r="F3768" cm="1">
        <f t="array" ref="F3768">IFERROR(INDEX(Jesper!AJ$2:AJ$366,ROUNDDOWN($C3768/24,0)+1,1)*INDEX($D$3:$AA$30,INDEX(Jesper!$R$2:$R$366,ROW(INDEX(Jesper!AJ$2:AJ$366,ROUNDDOWN($C3768/24,0)+1,1))-1)+IF('Standard Profiles'!$G$20=$B$10,7,0)+IF('Standard Profiles'!$G$20=$B$17,14,0)+IF('Standard Profiles'!$G$20=$B$24,21,0),MOD($C3768,24)+1)/SUM(INDEX($D$3:$AA$30,INDEX(Jesper!$R$2:$R$366,ROW(INDEX(Jesper!AJ$2:AJ$366,ROUNDDOWN($C3768/24,0)+1,1))-1)+IF('Standard Profiles'!$G$20=$B$10,7,0)+IF('Standard Profiles'!$G$20=$B$17,14,0)+IF('Standard Profiles'!$G$20=$B$24,21,0),0)),0)</f>
        <v>0</v>
      </c>
      <c r="G3768" cm="1">
        <f t="array" ref="G3768">IFERROR(INDEX(Jesper!AK$2:AK$366,ROUNDDOWN($C3768/24,0)+1,1)*INDEX($D$3:$AA$30,INDEX(Jesper!$R$2:$R$366,ROW(INDEX(Jesper!AK$2:AK$366,ROUNDDOWN($C3768/24,0)+1,1))-1)+IF('Standard Profiles'!$G$21=$B$10,7,0)+IF('Standard Profiles'!$G$21=$B$17,14,0)+IF('Standard Profiles'!$G$21=$B$24,21,0),MOD($C3768,24)+1)/SUM(INDEX($D$3:$AA$30,INDEX(Jesper!$R$2:$R$366,ROW(INDEX(Jesper!AK$2:AK$366,ROUNDDOWN($C3768/24,0)+1,1))-1)+IF('Standard Profiles'!$G$21=$B$10,7,0)+IF('Standard Profiles'!$G$21=$B$17,14,0)+IF('Standard Profiles'!$G$21=$B$24,21,0),0)),0)</f>
        <v>0</v>
      </c>
      <c r="H3768" cm="1">
        <f t="array" ref="H3768">IFERROR(INDEX(Jesper!AL$2:AL$366,ROUNDDOWN($C3768/24,0)+1,1)*INDEX($D$3:$AA$30,INDEX(Jesper!$R$2:$R$366,ROW(INDEX(Jesper!AL$2:AL$366,ROUNDDOWN($C3768/24,0)+1,1))-1)+IF('Standard Profiles'!$G$22=$B$10,7,0)+IF('Standard Profiles'!$G$22=$B$17,14,0)+IF('Standard Profiles'!$G$22=$B$24,21,0),MOD($C3768,24)+1)/SUM(INDEX($D$3:$AA$30,INDEX(Jesper!$R$2:$R$366,ROW(INDEX(Jesper!AL$2:AL$366,ROUNDDOWN($C3768/24,0)+1,1))-1)+IF('Standard Profiles'!$G$22=$B$10,7,0)+IF('Standard Profiles'!$G$22=$B$17,14,0)+IF('Standard Profiles'!$G$22=$B$24,21,0),0)),0)</f>
        <v>0</v>
      </c>
      <c r="I3768">
        <f t="shared" si="426"/>
        <v>0.43185747885300324</v>
      </c>
      <c r="J3768">
        <f t="shared" si="427"/>
        <v>1.439524929510011</v>
      </c>
      <c r="K3768">
        <f t="shared" si="428"/>
        <v>2.1592873942650161</v>
      </c>
      <c r="L3768">
        <f t="shared" si="429"/>
        <v>10.364579492472078</v>
      </c>
      <c r="M3768">
        <f t="shared" si="430"/>
        <v>0</v>
      </c>
      <c r="N3768" s="46">
        <f t="shared" si="431"/>
        <v>45447.583333324277</v>
      </c>
    </row>
    <row r="3769" spans="2:14" x14ac:dyDescent="0.3">
      <c r="B3769">
        <f t="shared" si="425"/>
        <v>2</v>
      </c>
      <c r="C3769" s="16">
        <v>3735</v>
      </c>
      <c r="D3769" cm="1">
        <f t="array" ref="D3769">IFERROR(INDEX(Jesper!AH$2:AH$366,ROUNDDOWN($C3769/24,0)+1,1)*INDEX($D$3:$AA$30,INDEX(Jesper!$R$2:$R$366,ROW(INDEX(Jesper!AH$2:AH$366,ROUNDDOWN($C3769/24,0)+1,1))-1)+IF('Standard Profiles'!$G$18=$B$10,7,0)+IF('Standard Profiles'!$G$18=$B$17,14,0)+IF('Standard Profiles'!$G$18=$B$24,21,0),MOD($C3769,24)+1)/SUM(INDEX($D$3:$AA$30,INDEX(Jesper!$R$2:$R$366,ROW(INDEX(Jesper!AH$2:AH$366,ROUNDDOWN($C3769/24,0)+1,1))-1)+IF('Standard Profiles'!$G$18=$B$10,7,0)+IF('Standard Profiles'!$G$18=$B$17,14,0)+IF('Standard Profiles'!$G$18=$B$24,21,0),0)),0)</f>
        <v>14.395249295100109</v>
      </c>
      <c r="E3769" cm="1">
        <f t="array" ref="E3769">IFERROR(INDEX(Jesper!AI$2:AI$366,ROUNDDOWN($C3769/24,0)+1,1)*INDEX($D$3:$AA$30,INDEX(Jesper!$R$2:$R$366,ROW(INDEX(Jesper!AI$2:AI$366,ROUNDDOWN($C3769/24,0)+1,1))-1)+IF('Standard Profiles'!$G$19=$B$10,7,0)+IF('Standard Profiles'!$G$19=$B$17,14,0)+IF('Standard Profiles'!$G$19=$B$24,21,0),MOD($C3769,24)+1)/SUM(INDEX($D$3:$AA$30,INDEX(Jesper!$R$2:$R$366,ROW(INDEX(Jesper!AI$2:AI$366,ROUNDDOWN($C3769/24,0)+1,1))-1)+IF('Standard Profiles'!$G$19=$B$10,7,0)+IF('Standard Profiles'!$G$19=$B$17,14,0)+IF('Standard Profiles'!$G$19=$B$24,21,0),0)),0)</f>
        <v>0</v>
      </c>
      <c r="F3769" cm="1">
        <f t="array" ref="F3769">IFERROR(INDEX(Jesper!AJ$2:AJ$366,ROUNDDOWN($C3769/24,0)+1,1)*INDEX($D$3:$AA$30,INDEX(Jesper!$R$2:$R$366,ROW(INDEX(Jesper!AJ$2:AJ$366,ROUNDDOWN($C3769/24,0)+1,1))-1)+IF('Standard Profiles'!$G$20=$B$10,7,0)+IF('Standard Profiles'!$G$20=$B$17,14,0)+IF('Standard Profiles'!$G$20=$B$24,21,0),MOD($C3769,24)+1)/SUM(INDEX($D$3:$AA$30,INDEX(Jesper!$R$2:$R$366,ROW(INDEX(Jesper!AJ$2:AJ$366,ROUNDDOWN($C3769/24,0)+1,1))-1)+IF('Standard Profiles'!$G$20=$B$10,7,0)+IF('Standard Profiles'!$G$20=$B$17,14,0)+IF('Standard Profiles'!$G$20=$B$24,21,0),0)),0)</f>
        <v>0</v>
      </c>
      <c r="G3769" cm="1">
        <f t="array" ref="G3769">IFERROR(INDEX(Jesper!AK$2:AK$366,ROUNDDOWN($C3769/24,0)+1,1)*INDEX($D$3:$AA$30,INDEX(Jesper!$R$2:$R$366,ROW(INDEX(Jesper!AK$2:AK$366,ROUNDDOWN($C3769/24,0)+1,1))-1)+IF('Standard Profiles'!$G$21=$B$10,7,0)+IF('Standard Profiles'!$G$21=$B$17,14,0)+IF('Standard Profiles'!$G$21=$B$24,21,0),MOD($C3769,24)+1)/SUM(INDEX($D$3:$AA$30,INDEX(Jesper!$R$2:$R$366,ROW(INDEX(Jesper!AK$2:AK$366,ROUNDDOWN($C3769/24,0)+1,1))-1)+IF('Standard Profiles'!$G$21=$B$10,7,0)+IF('Standard Profiles'!$G$21=$B$17,14,0)+IF('Standard Profiles'!$G$21=$B$24,21,0),0)),0)</f>
        <v>0</v>
      </c>
      <c r="H3769" cm="1">
        <f t="array" ref="H3769">IFERROR(INDEX(Jesper!AL$2:AL$366,ROUNDDOWN($C3769/24,0)+1,1)*INDEX($D$3:$AA$30,INDEX(Jesper!$R$2:$R$366,ROW(INDEX(Jesper!AL$2:AL$366,ROUNDDOWN($C3769/24,0)+1,1))-1)+IF('Standard Profiles'!$G$22=$B$10,7,0)+IF('Standard Profiles'!$G$22=$B$17,14,0)+IF('Standard Profiles'!$G$22=$B$24,21,0),MOD($C3769,24)+1)/SUM(INDEX($D$3:$AA$30,INDEX(Jesper!$R$2:$R$366,ROW(INDEX(Jesper!AL$2:AL$366,ROUNDDOWN($C3769/24,0)+1,1))-1)+IF('Standard Profiles'!$G$22=$B$10,7,0)+IF('Standard Profiles'!$G$22=$B$17,14,0)+IF('Standard Profiles'!$G$22=$B$24,21,0),0)),0)</f>
        <v>0</v>
      </c>
      <c r="I3769">
        <f t="shared" si="426"/>
        <v>0.43185747885300324</v>
      </c>
      <c r="J3769">
        <f t="shared" si="427"/>
        <v>1.439524929510011</v>
      </c>
      <c r="K3769">
        <f t="shared" si="428"/>
        <v>2.1592873942650161</v>
      </c>
      <c r="L3769">
        <f t="shared" si="429"/>
        <v>10.364579492472078</v>
      </c>
      <c r="M3769">
        <f t="shared" si="430"/>
        <v>0</v>
      </c>
      <c r="N3769" s="46">
        <f t="shared" si="431"/>
        <v>45447.624999990941</v>
      </c>
    </row>
    <row r="3770" spans="2:14" x14ac:dyDescent="0.3">
      <c r="B3770">
        <f t="shared" si="425"/>
        <v>2</v>
      </c>
      <c r="C3770" s="16">
        <v>3736</v>
      </c>
      <c r="D3770" cm="1">
        <f t="array" ref="D3770">IFERROR(INDEX(Jesper!AH$2:AH$366,ROUNDDOWN($C3770/24,0)+1,1)*INDEX($D$3:$AA$30,INDEX(Jesper!$R$2:$R$366,ROW(INDEX(Jesper!AH$2:AH$366,ROUNDDOWN($C3770/24,0)+1,1))-1)+IF('Standard Profiles'!$G$18=$B$10,7,0)+IF('Standard Profiles'!$G$18=$B$17,14,0)+IF('Standard Profiles'!$G$18=$B$24,21,0),MOD($C3770,24)+1)/SUM(INDEX($D$3:$AA$30,INDEX(Jesper!$R$2:$R$366,ROW(INDEX(Jesper!AH$2:AH$366,ROUNDDOWN($C3770/24,0)+1,1))-1)+IF('Standard Profiles'!$G$18=$B$10,7,0)+IF('Standard Profiles'!$G$18=$B$17,14,0)+IF('Standard Profiles'!$G$18=$B$24,21,0),0)),0)</f>
        <v>14.395249295100109</v>
      </c>
      <c r="E3770" cm="1">
        <f t="array" ref="E3770">IFERROR(INDEX(Jesper!AI$2:AI$366,ROUNDDOWN($C3770/24,0)+1,1)*INDEX($D$3:$AA$30,INDEX(Jesper!$R$2:$R$366,ROW(INDEX(Jesper!AI$2:AI$366,ROUNDDOWN($C3770/24,0)+1,1))-1)+IF('Standard Profiles'!$G$19=$B$10,7,0)+IF('Standard Profiles'!$G$19=$B$17,14,0)+IF('Standard Profiles'!$G$19=$B$24,21,0),MOD($C3770,24)+1)/SUM(INDEX($D$3:$AA$30,INDEX(Jesper!$R$2:$R$366,ROW(INDEX(Jesper!AI$2:AI$366,ROUNDDOWN($C3770/24,0)+1,1))-1)+IF('Standard Profiles'!$G$19=$B$10,7,0)+IF('Standard Profiles'!$G$19=$B$17,14,0)+IF('Standard Profiles'!$G$19=$B$24,21,0),0)),0)</f>
        <v>0</v>
      </c>
      <c r="F3770" cm="1">
        <f t="array" ref="F3770">IFERROR(INDEX(Jesper!AJ$2:AJ$366,ROUNDDOWN($C3770/24,0)+1,1)*INDEX($D$3:$AA$30,INDEX(Jesper!$R$2:$R$366,ROW(INDEX(Jesper!AJ$2:AJ$366,ROUNDDOWN($C3770/24,0)+1,1))-1)+IF('Standard Profiles'!$G$20=$B$10,7,0)+IF('Standard Profiles'!$G$20=$B$17,14,0)+IF('Standard Profiles'!$G$20=$B$24,21,0),MOD($C3770,24)+1)/SUM(INDEX($D$3:$AA$30,INDEX(Jesper!$R$2:$R$366,ROW(INDEX(Jesper!AJ$2:AJ$366,ROUNDDOWN($C3770/24,0)+1,1))-1)+IF('Standard Profiles'!$G$20=$B$10,7,0)+IF('Standard Profiles'!$G$20=$B$17,14,0)+IF('Standard Profiles'!$G$20=$B$24,21,0),0)),0)</f>
        <v>0</v>
      </c>
      <c r="G3770" cm="1">
        <f t="array" ref="G3770">IFERROR(INDEX(Jesper!AK$2:AK$366,ROUNDDOWN($C3770/24,0)+1,1)*INDEX($D$3:$AA$30,INDEX(Jesper!$R$2:$R$366,ROW(INDEX(Jesper!AK$2:AK$366,ROUNDDOWN($C3770/24,0)+1,1))-1)+IF('Standard Profiles'!$G$21=$B$10,7,0)+IF('Standard Profiles'!$G$21=$B$17,14,0)+IF('Standard Profiles'!$G$21=$B$24,21,0),MOD($C3770,24)+1)/SUM(INDEX($D$3:$AA$30,INDEX(Jesper!$R$2:$R$366,ROW(INDEX(Jesper!AK$2:AK$366,ROUNDDOWN($C3770/24,0)+1,1))-1)+IF('Standard Profiles'!$G$21=$B$10,7,0)+IF('Standard Profiles'!$G$21=$B$17,14,0)+IF('Standard Profiles'!$G$21=$B$24,21,0),0)),0)</f>
        <v>0</v>
      </c>
      <c r="H3770" cm="1">
        <f t="array" ref="H3770">IFERROR(INDEX(Jesper!AL$2:AL$366,ROUNDDOWN($C3770/24,0)+1,1)*INDEX($D$3:$AA$30,INDEX(Jesper!$R$2:$R$366,ROW(INDEX(Jesper!AL$2:AL$366,ROUNDDOWN($C3770/24,0)+1,1))-1)+IF('Standard Profiles'!$G$22=$B$10,7,0)+IF('Standard Profiles'!$G$22=$B$17,14,0)+IF('Standard Profiles'!$G$22=$B$24,21,0),MOD($C3770,24)+1)/SUM(INDEX($D$3:$AA$30,INDEX(Jesper!$R$2:$R$366,ROW(INDEX(Jesper!AL$2:AL$366,ROUNDDOWN($C3770/24,0)+1,1))-1)+IF('Standard Profiles'!$G$22=$B$10,7,0)+IF('Standard Profiles'!$G$22=$B$17,14,0)+IF('Standard Profiles'!$G$22=$B$24,21,0),0)),0)</f>
        <v>0</v>
      </c>
      <c r="I3770">
        <f t="shared" si="426"/>
        <v>0.43185747885300324</v>
      </c>
      <c r="J3770">
        <f t="shared" si="427"/>
        <v>1.439524929510011</v>
      </c>
      <c r="K3770">
        <f t="shared" si="428"/>
        <v>2.1592873942650161</v>
      </c>
      <c r="L3770">
        <f t="shared" si="429"/>
        <v>10.364579492472078</v>
      </c>
      <c r="M3770">
        <f t="shared" si="430"/>
        <v>0</v>
      </c>
      <c r="N3770" s="46">
        <f t="shared" si="431"/>
        <v>45447.666666657606</v>
      </c>
    </row>
    <row r="3771" spans="2:14" x14ac:dyDescent="0.3">
      <c r="B3771">
        <f t="shared" si="425"/>
        <v>2</v>
      </c>
      <c r="C3771" s="16">
        <v>3737</v>
      </c>
      <c r="D3771" cm="1">
        <f t="array" ref="D3771">IFERROR(INDEX(Jesper!AH$2:AH$366,ROUNDDOWN($C3771/24,0)+1,1)*INDEX($D$3:$AA$30,INDEX(Jesper!$R$2:$R$366,ROW(INDEX(Jesper!AH$2:AH$366,ROUNDDOWN($C3771/24,0)+1,1))-1)+IF('Standard Profiles'!$G$18=$B$10,7,0)+IF('Standard Profiles'!$G$18=$B$17,14,0)+IF('Standard Profiles'!$G$18=$B$24,21,0),MOD($C3771,24)+1)/SUM(INDEX($D$3:$AA$30,INDEX(Jesper!$R$2:$R$366,ROW(INDEX(Jesper!AH$2:AH$366,ROUNDDOWN($C3771/24,0)+1,1))-1)+IF('Standard Profiles'!$G$18=$B$10,7,0)+IF('Standard Profiles'!$G$18=$B$17,14,0)+IF('Standard Profiles'!$G$18=$B$24,21,0),0)),0)</f>
        <v>14.395249295100109</v>
      </c>
      <c r="E3771" cm="1">
        <f t="array" ref="E3771">IFERROR(INDEX(Jesper!AI$2:AI$366,ROUNDDOWN($C3771/24,0)+1,1)*INDEX($D$3:$AA$30,INDEX(Jesper!$R$2:$R$366,ROW(INDEX(Jesper!AI$2:AI$366,ROUNDDOWN($C3771/24,0)+1,1))-1)+IF('Standard Profiles'!$G$19=$B$10,7,0)+IF('Standard Profiles'!$G$19=$B$17,14,0)+IF('Standard Profiles'!$G$19=$B$24,21,0),MOD($C3771,24)+1)/SUM(INDEX($D$3:$AA$30,INDEX(Jesper!$R$2:$R$366,ROW(INDEX(Jesper!AI$2:AI$366,ROUNDDOWN($C3771/24,0)+1,1))-1)+IF('Standard Profiles'!$G$19=$B$10,7,0)+IF('Standard Profiles'!$G$19=$B$17,14,0)+IF('Standard Profiles'!$G$19=$B$24,21,0),0)),0)</f>
        <v>0</v>
      </c>
      <c r="F3771" cm="1">
        <f t="array" ref="F3771">IFERROR(INDEX(Jesper!AJ$2:AJ$366,ROUNDDOWN($C3771/24,0)+1,1)*INDEX($D$3:$AA$30,INDEX(Jesper!$R$2:$R$366,ROW(INDEX(Jesper!AJ$2:AJ$366,ROUNDDOWN($C3771/24,0)+1,1))-1)+IF('Standard Profiles'!$G$20=$B$10,7,0)+IF('Standard Profiles'!$G$20=$B$17,14,0)+IF('Standard Profiles'!$G$20=$B$24,21,0),MOD($C3771,24)+1)/SUM(INDEX($D$3:$AA$30,INDEX(Jesper!$R$2:$R$366,ROW(INDEX(Jesper!AJ$2:AJ$366,ROUNDDOWN($C3771/24,0)+1,1))-1)+IF('Standard Profiles'!$G$20=$B$10,7,0)+IF('Standard Profiles'!$G$20=$B$17,14,0)+IF('Standard Profiles'!$G$20=$B$24,21,0),0)),0)</f>
        <v>0</v>
      </c>
      <c r="G3771" cm="1">
        <f t="array" ref="G3771">IFERROR(INDEX(Jesper!AK$2:AK$366,ROUNDDOWN($C3771/24,0)+1,1)*INDEX($D$3:$AA$30,INDEX(Jesper!$R$2:$R$366,ROW(INDEX(Jesper!AK$2:AK$366,ROUNDDOWN($C3771/24,0)+1,1))-1)+IF('Standard Profiles'!$G$21=$B$10,7,0)+IF('Standard Profiles'!$G$21=$B$17,14,0)+IF('Standard Profiles'!$G$21=$B$24,21,0),MOD($C3771,24)+1)/SUM(INDEX($D$3:$AA$30,INDEX(Jesper!$R$2:$R$366,ROW(INDEX(Jesper!AK$2:AK$366,ROUNDDOWN($C3771/24,0)+1,1))-1)+IF('Standard Profiles'!$G$21=$B$10,7,0)+IF('Standard Profiles'!$G$21=$B$17,14,0)+IF('Standard Profiles'!$G$21=$B$24,21,0),0)),0)</f>
        <v>0</v>
      </c>
      <c r="H3771" cm="1">
        <f t="array" ref="H3771">IFERROR(INDEX(Jesper!AL$2:AL$366,ROUNDDOWN($C3771/24,0)+1,1)*INDEX($D$3:$AA$30,INDEX(Jesper!$R$2:$R$366,ROW(INDEX(Jesper!AL$2:AL$366,ROUNDDOWN($C3771/24,0)+1,1))-1)+IF('Standard Profiles'!$G$22=$B$10,7,0)+IF('Standard Profiles'!$G$22=$B$17,14,0)+IF('Standard Profiles'!$G$22=$B$24,21,0),MOD($C3771,24)+1)/SUM(INDEX($D$3:$AA$30,INDEX(Jesper!$R$2:$R$366,ROW(INDEX(Jesper!AL$2:AL$366,ROUNDDOWN($C3771/24,0)+1,1))-1)+IF('Standard Profiles'!$G$22=$B$10,7,0)+IF('Standard Profiles'!$G$22=$B$17,14,0)+IF('Standard Profiles'!$G$22=$B$24,21,0),0)),0)</f>
        <v>0</v>
      </c>
      <c r="I3771">
        <f t="shared" si="426"/>
        <v>0.43185747885300324</v>
      </c>
      <c r="J3771">
        <f t="shared" si="427"/>
        <v>1.439524929510011</v>
      </c>
      <c r="K3771">
        <f t="shared" si="428"/>
        <v>2.1592873942650161</v>
      </c>
      <c r="L3771">
        <f t="shared" si="429"/>
        <v>10.364579492472078</v>
      </c>
      <c r="M3771">
        <f t="shared" si="430"/>
        <v>0</v>
      </c>
      <c r="N3771" s="46">
        <f t="shared" si="431"/>
        <v>45447.70833332427</v>
      </c>
    </row>
    <row r="3772" spans="2:14" x14ac:dyDescent="0.3">
      <c r="B3772">
        <f t="shared" si="425"/>
        <v>2</v>
      </c>
      <c r="C3772" s="16">
        <v>3738</v>
      </c>
      <c r="D3772" cm="1">
        <f t="array" ref="D3772">IFERROR(INDEX(Jesper!AH$2:AH$366,ROUNDDOWN($C3772/24,0)+1,1)*INDEX($D$3:$AA$30,INDEX(Jesper!$R$2:$R$366,ROW(INDEX(Jesper!AH$2:AH$366,ROUNDDOWN($C3772/24,0)+1,1))-1)+IF('Standard Profiles'!$G$18=$B$10,7,0)+IF('Standard Profiles'!$G$18=$B$17,14,0)+IF('Standard Profiles'!$G$18=$B$24,21,0),MOD($C3772,24)+1)/SUM(INDEX($D$3:$AA$30,INDEX(Jesper!$R$2:$R$366,ROW(INDEX(Jesper!AH$2:AH$366,ROUNDDOWN($C3772/24,0)+1,1))-1)+IF('Standard Profiles'!$G$18=$B$10,7,0)+IF('Standard Profiles'!$G$18=$B$17,14,0)+IF('Standard Profiles'!$G$18=$B$24,21,0),0)),0)</f>
        <v>14.395249295100109</v>
      </c>
      <c r="E3772" cm="1">
        <f t="array" ref="E3772">IFERROR(INDEX(Jesper!AI$2:AI$366,ROUNDDOWN($C3772/24,0)+1,1)*INDEX($D$3:$AA$30,INDEX(Jesper!$R$2:$R$366,ROW(INDEX(Jesper!AI$2:AI$366,ROUNDDOWN($C3772/24,0)+1,1))-1)+IF('Standard Profiles'!$G$19=$B$10,7,0)+IF('Standard Profiles'!$G$19=$B$17,14,0)+IF('Standard Profiles'!$G$19=$B$24,21,0),MOD($C3772,24)+1)/SUM(INDEX($D$3:$AA$30,INDEX(Jesper!$R$2:$R$366,ROW(INDEX(Jesper!AI$2:AI$366,ROUNDDOWN($C3772/24,0)+1,1))-1)+IF('Standard Profiles'!$G$19=$B$10,7,0)+IF('Standard Profiles'!$G$19=$B$17,14,0)+IF('Standard Profiles'!$G$19=$B$24,21,0),0)),0)</f>
        <v>0</v>
      </c>
      <c r="F3772" cm="1">
        <f t="array" ref="F3772">IFERROR(INDEX(Jesper!AJ$2:AJ$366,ROUNDDOWN($C3772/24,0)+1,1)*INDEX($D$3:$AA$30,INDEX(Jesper!$R$2:$R$366,ROW(INDEX(Jesper!AJ$2:AJ$366,ROUNDDOWN($C3772/24,0)+1,1))-1)+IF('Standard Profiles'!$G$20=$B$10,7,0)+IF('Standard Profiles'!$G$20=$B$17,14,0)+IF('Standard Profiles'!$G$20=$B$24,21,0),MOD($C3772,24)+1)/SUM(INDEX($D$3:$AA$30,INDEX(Jesper!$R$2:$R$366,ROW(INDEX(Jesper!AJ$2:AJ$366,ROUNDDOWN($C3772/24,0)+1,1))-1)+IF('Standard Profiles'!$G$20=$B$10,7,0)+IF('Standard Profiles'!$G$20=$B$17,14,0)+IF('Standard Profiles'!$G$20=$B$24,21,0),0)),0)</f>
        <v>0</v>
      </c>
      <c r="G3772" cm="1">
        <f t="array" ref="G3772">IFERROR(INDEX(Jesper!AK$2:AK$366,ROUNDDOWN($C3772/24,0)+1,1)*INDEX($D$3:$AA$30,INDEX(Jesper!$R$2:$R$366,ROW(INDEX(Jesper!AK$2:AK$366,ROUNDDOWN($C3772/24,0)+1,1))-1)+IF('Standard Profiles'!$G$21=$B$10,7,0)+IF('Standard Profiles'!$G$21=$B$17,14,0)+IF('Standard Profiles'!$G$21=$B$24,21,0),MOD($C3772,24)+1)/SUM(INDEX($D$3:$AA$30,INDEX(Jesper!$R$2:$R$366,ROW(INDEX(Jesper!AK$2:AK$366,ROUNDDOWN($C3772/24,0)+1,1))-1)+IF('Standard Profiles'!$G$21=$B$10,7,0)+IF('Standard Profiles'!$G$21=$B$17,14,0)+IF('Standard Profiles'!$G$21=$B$24,21,0),0)),0)</f>
        <v>0</v>
      </c>
      <c r="H3772" cm="1">
        <f t="array" ref="H3772">IFERROR(INDEX(Jesper!AL$2:AL$366,ROUNDDOWN($C3772/24,0)+1,1)*INDEX($D$3:$AA$30,INDEX(Jesper!$R$2:$R$366,ROW(INDEX(Jesper!AL$2:AL$366,ROUNDDOWN($C3772/24,0)+1,1))-1)+IF('Standard Profiles'!$G$22=$B$10,7,0)+IF('Standard Profiles'!$G$22=$B$17,14,0)+IF('Standard Profiles'!$G$22=$B$24,21,0),MOD($C3772,24)+1)/SUM(INDEX($D$3:$AA$30,INDEX(Jesper!$R$2:$R$366,ROW(INDEX(Jesper!AL$2:AL$366,ROUNDDOWN($C3772/24,0)+1,1))-1)+IF('Standard Profiles'!$G$22=$B$10,7,0)+IF('Standard Profiles'!$G$22=$B$17,14,0)+IF('Standard Profiles'!$G$22=$B$24,21,0),0)),0)</f>
        <v>0</v>
      </c>
      <c r="I3772">
        <f t="shared" si="426"/>
        <v>0.43185747885300324</v>
      </c>
      <c r="J3772">
        <f t="shared" si="427"/>
        <v>1.439524929510011</v>
      </c>
      <c r="K3772">
        <f t="shared" si="428"/>
        <v>2.1592873942650161</v>
      </c>
      <c r="L3772">
        <f t="shared" si="429"/>
        <v>10.364579492472078</v>
      </c>
      <c r="M3772">
        <f t="shared" si="430"/>
        <v>0</v>
      </c>
      <c r="N3772" s="46">
        <f t="shared" si="431"/>
        <v>45447.749999990934</v>
      </c>
    </row>
    <row r="3773" spans="2:14" x14ac:dyDescent="0.3">
      <c r="B3773">
        <f t="shared" si="425"/>
        <v>2</v>
      </c>
      <c r="C3773" s="16">
        <v>3739</v>
      </c>
      <c r="D3773" cm="1">
        <f t="array" ref="D3773">IFERROR(INDEX(Jesper!AH$2:AH$366,ROUNDDOWN($C3773/24,0)+1,1)*INDEX($D$3:$AA$30,INDEX(Jesper!$R$2:$R$366,ROW(INDEX(Jesper!AH$2:AH$366,ROUNDDOWN($C3773/24,0)+1,1))-1)+IF('Standard Profiles'!$G$18=$B$10,7,0)+IF('Standard Profiles'!$G$18=$B$17,14,0)+IF('Standard Profiles'!$G$18=$B$24,21,0),MOD($C3773,24)+1)/SUM(INDEX($D$3:$AA$30,INDEX(Jesper!$R$2:$R$366,ROW(INDEX(Jesper!AH$2:AH$366,ROUNDDOWN($C3773/24,0)+1,1))-1)+IF('Standard Profiles'!$G$18=$B$10,7,0)+IF('Standard Profiles'!$G$18=$B$17,14,0)+IF('Standard Profiles'!$G$18=$B$24,21,0),0)),0)</f>
        <v>12.056021284646343</v>
      </c>
      <c r="E3773" cm="1">
        <f t="array" ref="E3773">IFERROR(INDEX(Jesper!AI$2:AI$366,ROUNDDOWN($C3773/24,0)+1,1)*INDEX($D$3:$AA$30,INDEX(Jesper!$R$2:$R$366,ROW(INDEX(Jesper!AI$2:AI$366,ROUNDDOWN($C3773/24,0)+1,1))-1)+IF('Standard Profiles'!$G$19=$B$10,7,0)+IF('Standard Profiles'!$G$19=$B$17,14,0)+IF('Standard Profiles'!$G$19=$B$24,21,0),MOD($C3773,24)+1)/SUM(INDEX($D$3:$AA$30,INDEX(Jesper!$R$2:$R$366,ROW(INDEX(Jesper!AI$2:AI$366,ROUNDDOWN($C3773/24,0)+1,1))-1)+IF('Standard Profiles'!$G$19=$B$10,7,0)+IF('Standard Profiles'!$G$19=$B$17,14,0)+IF('Standard Profiles'!$G$19=$B$24,21,0),0)),0)</f>
        <v>0</v>
      </c>
      <c r="F3773" cm="1">
        <f t="array" ref="F3773">IFERROR(INDEX(Jesper!AJ$2:AJ$366,ROUNDDOWN($C3773/24,0)+1,1)*INDEX($D$3:$AA$30,INDEX(Jesper!$R$2:$R$366,ROW(INDEX(Jesper!AJ$2:AJ$366,ROUNDDOWN($C3773/24,0)+1,1))-1)+IF('Standard Profiles'!$G$20=$B$10,7,0)+IF('Standard Profiles'!$G$20=$B$17,14,0)+IF('Standard Profiles'!$G$20=$B$24,21,0),MOD($C3773,24)+1)/SUM(INDEX($D$3:$AA$30,INDEX(Jesper!$R$2:$R$366,ROW(INDEX(Jesper!AJ$2:AJ$366,ROUNDDOWN($C3773/24,0)+1,1))-1)+IF('Standard Profiles'!$G$20=$B$10,7,0)+IF('Standard Profiles'!$G$20=$B$17,14,0)+IF('Standard Profiles'!$G$20=$B$24,21,0),0)),0)</f>
        <v>0</v>
      </c>
      <c r="G3773" cm="1">
        <f t="array" ref="G3773">IFERROR(INDEX(Jesper!AK$2:AK$366,ROUNDDOWN($C3773/24,0)+1,1)*INDEX($D$3:$AA$30,INDEX(Jesper!$R$2:$R$366,ROW(INDEX(Jesper!AK$2:AK$366,ROUNDDOWN($C3773/24,0)+1,1))-1)+IF('Standard Profiles'!$G$21=$B$10,7,0)+IF('Standard Profiles'!$G$21=$B$17,14,0)+IF('Standard Profiles'!$G$21=$B$24,21,0),MOD($C3773,24)+1)/SUM(INDEX($D$3:$AA$30,INDEX(Jesper!$R$2:$R$366,ROW(INDEX(Jesper!AK$2:AK$366,ROUNDDOWN($C3773/24,0)+1,1))-1)+IF('Standard Profiles'!$G$21=$B$10,7,0)+IF('Standard Profiles'!$G$21=$B$17,14,0)+IF('Standard Profiles'!$G$21=$B$24,21,0),0)),0)</f>
        <v>0</v>
      </c>
      <c r="H3773" cm="1">
        <f t="array" ref="H3773">IFERROR(INDEX(Jesper!AL$2:AL$366,ROUNDDOWN($C3773/24,0)+1,1)*INDEX($D$3:$AA$30,INDEX(Jesper!$R$2:$R$366,ROW(INDEX(Jesper!AL$2:AL$366,ROUNDDOWN($C3773/24,0)+1,1))-1)+IF('Standard Profiles'!$G$22=$B$10,7,0)+IF('Standard Profiles'!$G$22=$B$17,14,0)+IF('Standard Profiles'!$G$22=$B$24,21,0),MOD($C3773,24)+1)/SUM(INDEX($D$3:$AA$30,INDEX(Jesper!$R$2:$R$366,ROW(INDEX(Jesper!AL$2:AL$366,ROUNDDOWN($C3773/24,0)+1,1))-1)+IF('Standard Profiles'!$G$22=$B$10,7,0)+IF('Standard Profiles'!$G$22=$B$17,14,0)+IF('Standard Profiles'!$G$22=$B$24,21,0),0)),0)</f>
        <v>0</v>
      </c>
      <c r="I3773">
        <f t="shared" si="426"/>
        <v>0.36168063853939031</v>
      </c>
      <c r="J3773">
        <f t="shared" si="427"/>
        <v>1.2056021284646343</v>
      </c>
      <c r="K3773">
        <f t="shared" si="428"/>
        <v>1.8084031926969515</v>
      </c>
      <c r="L3773">
        <f t="shared" si="429"/>
        <v>8.6803353249453661</v>
      </c>
      <c r="M3773">
        <f t="shared" si="430"/>
        <v>0</v>
      </c>
      <c r="N3773" s="46">
        <f t="shared" si="431"/>
        <v>45447.791666657598</v>
      </c>
    </row>
    <row r="3774" spans="2:14" x14ac:dyDescent="0.3">
      <c r="B3774">
        <f t="shared" si="425"/>
        <v>2</v>
      </c>
      <c r="C3774" s="16">
        <v>3740</v>
      </c>
      <c r="D3774" cm="1">
        <f t="array" ref="D3774">IFERROR(INDEX(Jesper!AH$2:AH$366,ROUNDDOWN($C3774/24,0)+1,1)*INDEX($D$3:$AA$30,INDEX(Jesper!$R$2:$R$366,ROW(INDEX(Jesper!AH$2:AH$366,ROUNDDOWN($C3774/24,0)+1,1))-1)+IF('Standard Profiles'!$G$18=$B$10,7,0)+IF('Standard Profiles'!$G$18=$B$17,14,0)+IF('Standard Profiles'!$G$18=$B$24,21,0),MOD($C3774,24)+1)/SUM(INDEX($D$3:$AA$30,INDEX(Jesper!$R$2:$R$366,ROW(INDEX(Jesper!AH$2:AH$366,ROUNDDOWN($C3774/24,0)+1,1))-1)+IF('Standard Profiles'!$G$18=$B$10,7,0)+IF('Standard Profiles'!$G$18=$B$17,14,0)+IF('Standard Profiles'!$G$18=$B$24,21,0),0)),0)</f>
        <v>9.8967338903813253</v>
      </c>
      <c r="E3774" cm="1">
        <f t="array" ref="E3774">IFERROR(INDEX(Jesper!AI$2:AI$366,ROUNDDOWN($C3774/24,0)+1,1)*INDEX($D$3:$AA$30,INDEX(Jesper!$R$2:$R$366,ROW(INDEX(Jesper!AI$2:AI$366,ROUNDDOWN($C3774/24,0)+1,1))-1)+IF('Standard Profiles'!$G$19=$B$10,7,0)+IF('Standard Profiles'!$G$19=$B$17,14,0)+IF('Standard Profiles'!$G$19=$B$24,21,0),MOD($C3774,24)+1)/SUM(INDEX($D$3:$AA$30,INDEX(Jesper!$R$2:$R$366,ROW(INDEX(Jesper!AI$2:AI$366,ROUNDDOWN($C3774/24,0)+1,1))-1)+IF('Standard Profiles'!$G$19=$B$10,7,0)+IF('Standard Profiles'!$G$19=$B$17,14,0)+IF('Standard Profiles'!$G$19=$B$24,21,0),0)),0)</f>
        <v>0</v>
      </c>
      <c r="F3774" cm="1">
        <f t="array" ref="F3774">IFERROR(INDEX(Jesper!AJ$2:AJ$366,ROUNDDOWN($C3774/24,0)+1,1)*INDEX($D$3:$AA$30,INDEX(Jesper!$R$2:$R$366,ROW(INDEX(Jesper!AJ$2:AJ$366,ROUNDDOWN($C3774/24,0)+1,1))-1)+IF('Standard Profiles'!$G$20=$B$10,7,0)+IF('Standard Profiles'!$G$20=$B$17,14,0)+IF('Standard Profiles'!$G$20=$B$24,21,0),MOD($C3774,24)+1)/SUM(INDEX($D$3:$AA$30,INDEX(Jesper!$R$2:$R$366,ROW(INDEX(Jesper!AJ$2:AJ$366,ROUNDDOWN($C3774/24,0)+1,1))-1)+IF('Standard Profiles'!$G$20=$B$10,7,0)+IF('Standard Profiles'!$G$20=$B$17,14,0)+IF('Standard Profiles'!$G$20=$B$24,21,0),0)),0)</f>
        <v>0</v>
      </c>
      <c r="G3774" cm="1">
        <f t="array" ref="G3774">IFERROR(INDEX(Jesper!AK$2:AK$366,ROUNDDOWN($C3774/24,0)+1,1)*INDEX($D$3:$AA$30,INDEX(Jesper!$R$2:$R$366,ROW(INDEX(Jesper!AK$2:AK$366,ROUNDDOWN($C3774/24,0)+1,1))-1)+IF('Standard Profiles'!$G$21=$B$10,7,0)+IF('Standard Profiles'!$G$21=$B$17,14,0)+IF('Standard Profiles'!$G$21=$B$24,21,0),MOD($C3774,24)+1)/SUM(INDEX($D$3:$AA$30,INDEX(Jesper!$R$2:$R$366,ROW(INDEX(Jesper!AK$2:AK$366,ROUNDDOWN($C3774/24,0)+1,1))-1)+IF('Standard Profiles'!$G$21=$B$10,7,0)+IF('Standard Profiles'!$G$21=$B$17,14,0)+IF('Standard Profiles'!$G$21=$B$24,21,0),0)),0)</f>
        <v>0</v>
      </c>
      <c r="H3774" cm="1">
        <f t="array" ref="H3774">IFERROR(INDEX(Jesper!AL$2:AL$366,ROUNDDOWN($C3774/24,0)+1,1)*INDEX($D$3:$AA$30,INDEX(Jesper!$R$2:$R$366,ROW(INDEX(Jesper!AL$2:AL$366,ROUNDDOWN($C3774/24,0)+1,1))-1)+IF('Standard Profiles'!$G$22=$B$10,7,0)+IF('Standard Profiles'!$G$22=$B$17,14,0)+IF('Standard Profiles'!$G$22=$B$24,21,0),MOD($C3774,24)+1)/SUM(INDEX($D$3:$AA$30,INDEX(Jesper!$R$2:$R$366,ROW(INDEX(Jesper!AL$2:AL$366,ROUNDDOWN($C3774/24,0)+1,1))-1)+IF('Standard Profiles'!$G$22=$B$10,7,0)+IF('Standard Profiles'!$G$22=$B$17,14,0)+IF('Standard Profiles'!$G$22=$B$24,21,0),0)),0)</f>
        <v>0</v>
      </c>
      <c r="I3774">
        <f t="shared" si="426"/>
        <v>0.29690201671143973</v>
      </c>
      <c r="J3774">
        <f t="shared" si="427"/>
        <v>0.98967338903813262</v>
      </c>
      <c r="K3774">
        <f t="shared" si="428"/>
        <v>1.4845100835571987</v>
      </c>
      <c r="L3774">
        <f t="shared" si="429"/>
        <v>7.125648401074554</v>
      </c>
      <c r="M3774">
        <f t="shared" si="430"/>
        <v>0</v>
      </c>
      <c r="N3774" s="46">
        <f t="shared" si="431"/>
        <v>45447.833333324263</v>
      </c>
    </row>
    <row r="3775" spans="2:14" x14ac:dyDescent="0.3">
      <c r="B3775">
        <f t="shared" si="425"/>
        <v>2</v>
      </c>
      <c r="C3775" s="16">
        <v>3741</v>
      </c>
      <c r="D3775" cm="1">
        <f t="array" ref="D3775">IFERROR(INDEX(Jesper!AH$2:AH$366,ROUNDDOWN($C3775/24,0)+1,1)*INDEX($D$3:$AA$30,INDEX(Jesper!$R$2:$R$366,ROW(INDEX(Jesper!AH$2:AH$366,ROUNDDOWN($C3775/24,0)+1,1))-1)+IF('Standard Profiles'!$G$18=$B$10,7,0)+IF('Standard Profiles'!$G$18=$B$17,14,0)+IF('Standard Profiles'!$G$18=$B$24,21,0),MOD($C3775,24)+1)/SUM(INDEX($D$3:$AA$30,INDEX(Jesper!$R$2:$R$366,ROW(INDEX(Jesper!AH$2:AH$366,ROUNDDOWN($C3775/24,0)+1,1))-1)+IF('Standard Profiles'!$G$18=$B$10,7,0)+IF('Standard Profiles'!$G$18=$B$17,14,0)+IF('Standard Profiles'!$G$18=$B$24,21,0),0)),0)</f>
        <v>7.1976246475500547</v>
      </c>
      <c r="E3775" cm="1">
        <f t="array" ref="E3775">IFERROR(INDEX(Jesper!AI$2:AI$366,ROUNDDOWN($C3775/24,0)+1,1)*INDEX($D$3:$AA$30,INDEX(Jesper!$R$2:$R$366,ROW(INDEX(Jesper!AI$2:AI$366,ROUNDDOWN($C3775/24,0)+1,1))-1)+IF('Standard Profiles'!$G$19=$B$10,7,0)+IF('Standard Profiles'!$G$19=$B$17,14,0)+IF('Standard Profiles'!$G$19=$B$24,21,0),MOD($C3775,24)+1)/SUM(INDEX($D$3:$AA$30,INDEX(Jesper!$R$2:$R$366,ROW(INDEX(Jesper!AI$2:AI$366,ROUNDDOWN($C3775/24,0)+1,1))-1)+IF('Standard Profiles'!$G$19=$B$10,7,0)+IF('Standard Profiles'!$G$19=$B$17,14,0)+IF('Standard Profiles'!$G$19=$B$24,21,0),0)),0)</f>
        <v>0</v>
      </c>
      <c r="F3775" cm="1">
        <f t="array" ref="F3775">IFERROR(INDEX(Jesper!AJ$2:AJ$366,ROUNDDOWN($C3775/24,0)+1,1)*INDEX($D$3:$AA$30,INDEX(Jesper!$R$2:$R$366,ROW(INDEX(Jesper!AJ$2:AJ$366,ROUNDDOWN($C3775/24,0)+1,1))-1)+IF('Standard Profiles'!$G$20=$B$10,7,0)+IF('Standard Profiles'!$G$20=$B$17,14,0)+IF('Standard Profiles'!$G$20=$B$24,21,0),MOD($C3775,24)+1)/SUM(INDEX($D$3:$AA$30,INDEX(Jesper!$R$2:$R$366,ROW(INDEX(Jesper!AJ$2:AJ$366,ROUNDDOWN($C3775/24,0)+1,1))-1)+IF('Standard Profiles'!$G$20=$B$10,7,0)+IF('Standard Profiles'!$G$20=$B$17,14,0)+IF('Standard Profiles'!$G$20=$B$24,21,0),0)),0)</f>
        <v>0</v>
      </c>
      <c r="G3775" cm="1">
        <f t="array" ref="G3775">IFERROR(INDEX(Jesper!AK$2:AK$366,ROUNDDOWN($C3775/24,0)+1,1)*INDEX($D$3:$AA$30,INDEX(Jesper!$R$2:$R$366,ROW(INDEX(Jesper!AK$2:AK$366,ROUNDDOWN($C3775/24,0)+1,1))-1)+IF('Standard Profiles'!$G$21=$B$10,7,0)+IF('Standard Profiles'!$G$21=$B$17,14,0)+IF('Standard Profiles'!$G$21=$B$24,21,0),MOD($C3775,24)+1)/SUM(INDEX($D$3:$AA$30,INDEX(Jesper!$R$2:$R$366,ROW(INDEX(Jesper!AK$2:AK$366,ROUNDDOWN($C3775/24,0)+1,1))-1)+IF('Standard Profiles'!$G$21=$B$10,7,0)+IF('Standard Profiles'!$G$21=$B$17,14,0)+IF('Standard Profiles'!$G$21=$B$24,21,0),0)),0)</f>
        <v>0</v>
      </c>
      <c r="H3775" cm="1">
        <f t="array" ref="H3775">IFERROR(INDEX(Jesper!AL$2:AL$366,ROUNDDOWN($C3775/24,0)+1,1)*INDEX($D$3:$AA$30,INDEX(Jesper!$R$2:$R$366,ROW(INDEX(Jesper!AL$2:AL$366,ROUNDDOWN($C3775/24,0)+1,1))-1)+IF('Standard Profiles'!$G$22=$B$10,7,0)+IF('Standard Profiles'!$G$22=$B$17,14,0)+IF('Standard Profiles'!$G$22=$B$24,21,0),MOD($C3775,24)+1)/SUM(INDEX($D$3:$AA$30,INDEX(Jesper!$R$2:$R$366,ROW(INDEX(Jesper!AL$2:AL$366,ROUNDDOWN($C3775/24,0)+1,1))-1)+IF('Standard Profiles'!$G$22=$B$10,7,0)+IF('Standard Profiles'!$G$22=$B$17,14,0)+IF('Standard Profiles'!$G$22=$B$24,21,0),0)),0)</f>
        <v>0</v>
      </c>
      <c r="I3775">
        <f t="shared" si="426"/>
        <v>0.21592873942650162</v>
      </c>
      <c r="J3775">
        <f t="shared" si="427"/>
        <v>0.71976246475500549</v>
      </c>
      <c r="K3775">
        <f t="shared" si="428"/>
        <v>1.0796436971325081</v>
      </c>
      <c r="L3775">
        <f t="shared" si="429"/>
        <v>5.1822897462360391</v>
      </c>
      <c r="M3775">
        <f t="shared" si="430"/>
        <v>0</v>
      </c>
      <c r="N3775" s="46">
        <f t="shared" si="431"/>
        <v>45447.874999990927</v>
      </c>
    </row>
    <row r="3776" spans="2:14" x14ac:dyDescent="0.3">
      <c r="B3776">
        <f t="shared" si="425"/>
        <v>2</v>
      </c>
      <c r="C3776" s="16">
        <v>3742</v>
      </c>
      <c r="D3776" cm="1">
        <f t="array" ref="D3776">IFERROR(INDEX(Jesper!AH$2:AH$366,ROUNDDOWN($C3776/24,0)+1,1)*INDEX($D$3:$AA$30,INDEX(Jesper!$R$2:$R$366,ROW(INDEX(Jesper!AH$2:AH$366,ROUNDDOWN($C3776/24,0)+1,1))-1)+IF('Standard Profiles'!$G$18=$B$10,7,0)+IF('Standard Profiles'!$G$18=$B$17,14,0)+IF('Standard Profiles'!$G$18=$B$24,21,0),MOD($C3776,24)+1)/SUM(INDEX($D$3:$AA$30,INDEX(Jesper!$R$2:$R$366,ROW(INDEX(Jesper!AH$2:AH$366,ROUNDDOWN($C3776/24,0)+1,1))-1)+IF('Standard Profiles'!$G$18=$B$10,7,0)+IF('Standard Profiles'!$G$18=$B$17,14,0)+IF('Standard Profiles'!$G$18=$B$24,21,0),0)),0)</f>
        <v>7.1976246475500547</v>
      </c>
      <c r="E3776" cm="1">
        <f t="array" ref="E3776">IFERROR(INDEX(Jesper!AI$2:AI$366,ROUNDDOWN($C3776/24,0)+1,1)*INDEX($D$3:$AA$30,INDEX(Jesper!$R$2:$R$366,ROW(INDEX(Jesper!AI$2:AI$366,ROUNDDOWN($C3776/24,0)+1,1))-1)+IF('Standard Profiles'!$G$19=$B$10,7,0)+IF('Standard Profiles'!$G$19=$B$17,14,0)+IF('Standard Profiles'!$G$19=$B$24,21,0),MOD($C3776,24)+1)/SUM(INDEX($D$3:$AA$30,INDEX(Jesper!$R$2:$R$366,ROW(INDEX(Jesper!AI$2:AI$366,ROUNDDOWN($C3776/24,0)+1,1))-1)+IF('Standard Profiles'!$G$19=$B$10,7,0)+IF('Standard Profiles'!$G$19=$B$17,14,0)+IF('Standard Profiles'!$G$19=$B$24,21,0),0)),0)</f>
        <v>0</v>
      </c>
      <c r="F3776" cm="1">
        <f t="array" ref="F3776">IFERROR(INDEX(Jesper!AJ$2:AJ$366,ROUNDDOWN($C3776/24,0)+1,1)*INDEX($D$3:$AA$30,INDEX(Jesper!$R$2:$R$366,ROW(INDEX(Jesper!AJ$2:AJ$366,ROUNDDOWN($C3776/24,0)+1,1))-1)+IF('Standard Profiles'!$G$20=$B$10,7,0)+IF('Standard Profiles'!$G$20=$B$17,14,0)+IF('Standard Profiles'!$G$20=$B$24,21,0),MOD($C3776,24)+1)/SUM(INDEX($D$3:$AA$30,INDEX(Jesper!$R$2:$R$366,ROW(INDEX(Jesper!AJ$2:AJ$366,ROUNDDOWN($C3776/24,0)+1,1))-1)+IF('Standard Profiles'!$G$20=$B$10,7,0)+IF('Standard Profiles'!$G$20=$B$17,14,0)+IF('Standard Profiles'!$G$20=$B$24,21,0),0)),0)</f>
        <v>0</v>
      </c>
      <c r="G3776" cm="1">
        <f t="array" ref="G3776">IFERROR(INDEX(Jesper!AK$2:AK$366,ROUNDDOWN($C3776/24,0)+1,1)*INDEX($D$3:$AA$30,INDEX(Jesper!$R$2:$R$366,ROW(INDEX(Jesper!AK$2:AK$366,ROUNDDOWN($C3776/24,0)+1,1))-1)+IF('Standard Profiles'!$G$21=$B$10,7,0)+IF('Standard Profiles'!$G$21=$B$17,14,0)+IF('Standard Profiles'!$G$21=$B$24,21,0),MOD($C3776,24)+1)/SUM(INDEX($D$3:$AA$30,INDEX(Jesper!$R$2:$R$366,ROW(INDEX(Jesper!AK$2:AK$366,ROUNDDOWN($C3776/24,0)+1,1))-1)+IF('Standard Profiles'!$G$21=$B$10,7,0)+IF('Standard Profiles'!$G$21=$B$17,14,0)+IF('Standard Profiles'!$G$21=$B$24,21,0),0)),0)</f>
        <v>0</v>
      </c>
      <c r="H3776" cm="1">
        <f t="array" ref="H3776">IFERROR(INDEX(Jesper!AL$2:AL$366,ROUNDDOWN($C3776/24,0)+1,1)*INDEX($D$3:$AA$30,INDEX(Jesper!$R$2:$R$366,ROW(INDEX(Jesper!AL$2:AL$366,ROUNDDOWN($C3776/24,0)+1,1))-1)+IF('Standard Profiles'!$G$22=$B$10,7,0)+IF('Standard Profiles'!$G$22=$B$17,14,0)+IF('Standard Profiles'!$G$22=$B$24,21,0),MOD($C3776,24)+1)/SUM(INDEX($D$3:$AA$30,INDEX(Jesper!$R$2:$R$366,ROW(INDEX(Jesper!AL$2:AL$366,ROUNDDOWN($C3776/24,0)+1,1))-1)+IF('Standard Profiles'!$G$22=$B$10,7,0)+IF('Standard Profiles'!$G$22=$B$17,14,0)+IF('Standard Profiles'!$G$22=$B$24,21,0),0)),0)</f>
        <v>0</v>
      </c>
      <c r="I3776">
        <f t="shared" si="426"/>
        <v>0.21592873942650162</v>
      </c>
      <c r="J3776">
        <f t="shared" si="427"/>
        <v>0.71976246475500549</v>
      </c>
      <c r="K3776">
        <f t="shared" si="428"/>
        <v>1.0796436971325081</v>
      </c>
      <c r="L3776">
        <f t="shared" si="429"/>
        <v>5.1822897462360391</v>
      </c>
      <c r="M3776">
        <f t="shared" si="430"/>
        <v>0</v>
      </c>
      <c r="N3776" s="46">
        <f t="shared" si="431"/>
        <v>45447.916666657591</v>
      </c>
    </row>
    <row r="3777" spans="2:14" x14ac:dyDescent="0.3">
      <c r="B3777">
        <f t="shared" si="425"/>
        <v>2</v>
      </c>
      <c r="C3777" s="16">
        <v>3743</v>
      </c>
      <c r="D3777" cm="1">
        <f t="array" ref="D3777">IFERROR(INDEX(Jesper!AH$2:AH$366,ROUNDDOWN($C3777/24,0)+1,1)*INDEX($D$3:$AA$30,INDEX(Jesper!$R$2:$R$366,ROW(INDEX(Jesper!AH$2:AH$366,ROUNDDOWN($C3777/24,0)+1,1))-1)+IF('Standard Profiles'!$G$18=$B$10,7,0)+IF('Standard Profiles'!$G$18=$B$17,14,0)+IF('Standard Profiles'!$G$18=$B$24,21,0),MOD($C3777,24)+1)/SUM(INDEX($D$3:$AA$30,INDEX(Jesper!$R$2:$R$366,ROW(INDEX(Jesper!AH$2:AH$366,ROUNDDOWN($C3777/24,0)+1,1))-1)+IF('Standard Profiles'!$G$18=$B$10,7,0)+IF('Standard Profiles'!$G$18=$B$17,14,0)+IF('Standard Profiles'!$G$18=$B$24,21,0),0)),0)</f>
        <v>7.1976246475500547</v>
      </c>
      <c r="E3777" cm="1">
        <f t="array" ref="E3777">IFERROR(INDEX(Jesper!AI$2:AI$366,ROUNDDOWN($C3777/24,0)+1,1)*INDEX($D$3:$AA$30,INDEX(Jesper!$R$2:$R$366,ROW(INDEX(Jesper!AI$2:AI$366,ROUNDDOWN($C3777/24,0)+1,1))-1)+IF('Standard Profiles'!$G$19=$B$10,7,0)+IF('Standard Profiles'!$G$19=$B$17,14,0)+IF('Standard Profiles'!$G$19=$B$24,21,0),MOD($C3777,24)+1)/SUM(INDEX($D$3:$AA$30,INDEX(Jesper!$R$2:$R$366,ROW(INDEX(Jesper!AI$2:AI$366,ROUNDDOWN($C3777/24,0)+1,1))-1)+IF('Standard Profiles'!$G$19=$B$10,7,0)+IF('Standard Profiles'!$G$19=$B$17,14,0)+IF('Standard Profiles'!$G$19=$B$24,21,0),0)),0)</f>
        <v>0</v>
      </c>
      <c r="F3777" cm="1">
        <f t="array" ref="F3777">IFERROR(INDEX(Jesper!AJ$2:AJ$366,ROUNDDOWN($C3777/24,0)+1,1)*INDEX($D$3:$AA$30,INDEX(Jesper!$R$2:$R$366,ROW(INDEX(Jesper!AJ$2:AJ$366,ROUNDDOWN($C3777/24,0)+1,1))-1)+IF('Standard Profiles'!$G$20=$B$10,7,0)+IF('Standard Profiles'!$G$20=$B$17,14,0)+IF('Standard Profiles'!$G$20=$B$24,21,0),MOD($C3777,24)+1)/SUM(INDEX($D$3:$AA$30,INDEX(Jesper!$R$2:$R$366,ROW(INDEX(Jesper!AJ$2:AJ$366,ROUNDDOWN($C3777/24,0)+1,1))-1)+IF('Standard Profiles'!$G$20=$B$10,7,0)+IF('Standard Profiles'!$G$20=$B$17,14,0)+IF('Standard Profiles'!$G$20=$B$24,21,0),0)),0)</f>
        <v>0</v>
      </c>
      <c r="G3777" cm="1">
        <f t="array" ref="G3777">IFERROR(INDEX(Jesper!AK$2:AK$366,ROUNDDOWN($C3777/24,0)+1,1)*INDEX($D$3:$AA$30,INDEX(Jesper!$R$2:$R$366,ROW(INDEX(Jesper!AK$2:AK$366,ROUNDDOWN($C3777/24,0)+1,1))-1)+IF('Standard Profiles'!$G$21=$B$10,7,0)+IF('Standard Profiles'!$G$21=$B$17,14,0)+IF('Standard Profiles'!$G$21=$B$24,21,0),MOD($C3777,24)+1)/SUM(INDEX($D$3:$AA$30,INDEX(Jesper!$R$2:$R$366,ROW(INDEX(Jesper!AK$2:AK$366,ROUNDDOWN($C3777/24,0)+1,1))-1)+IF('Standard Profiles'!$G$21=$B$10,7,0)+IF('Standard Profiles'!$G$21=$B$17,14,0)+IF('Standard Profiles'!$G$21=$B$24,21,0),0)),0)</f>
        <v>0</v>
      </c>
      <c r="H3777" cm="1">
        <f t="array" ref="H3777">IFERROR(INDEX(Jesper!AL$2:AL$366,ROUNDDOWN($C3777/24,0)+1,1)*INDEX($D$3:$AA$30,INDEX(Jesper!$R$2:$R$366,ROW(INDEX(Jesper!AL$2:AL$366,ROUNDDOWN($C3777/24,0)+1,1))-1)+IF('Standard Profiles'!$G$22=$B$10,7,0)+IF('Standard Profiles'!$G$22=$B$17,14,0)+IF('Standard Profiles'!$G$22=$B$24,21,0),MOD($C3777,24)+1)/SUM(INDEX($D$3:$AA$30,INDEX(Jesper!$R$2:$R$366,ROW(INDEX(Jesper!AL$2:AL$366,ROUNDDOWN($C3777/24,0)+1,1))-1)+IF('Standard Profiles'!$G$22=$B$10,7,0)+IF('Standard Profiles'!$G$22=$B$17,14,0)+IF('Standard Profiles'!$G$22=$B$24,21,0),0)),0)</f>
        <v>0</v>
      </c>
      <c r="I3777">
        <f t="shared" si="426"/>
        <v>0.21592873942650162</v>
      </c>
      <c r="J3777">
        <f t="shared" si="427"/>
        <v>0.71976246475500549</v>
      </c>
      <c r="K3777">
        <f t="shared" si="428"/>
        <v>1.0796436971325081</v>
      </c>
      <c r="L3777">
        <f t="shared" si="429"/>
        <v>5.1822897462360391</v>
      </c>
      <c r="M3777">
        <f t="shared" si="430"/>
        <v>0</v>
      </c>
      <c r="N3777" s="46">
        <f t="shared" si="431"/>
        <v>45447.958333324255</v>
      </c>
    </row>
    <row r="3778" spans="2:14" x14ac:dyDescent="0.3">
      <c r="B3778">
        <f t="shared" si="425"/>
        <v>3</v>
      </c>
      <c r="C3778" s="16">
        <v>3744</v>
      </c>
      <c r="D3778" cm="1">
        <f t="array" ref="D3778">IFERROR(INDEX(Jesper!AH$2:AH$366,ROUNDDOWN($C3778/24,0)+1,1)*INDEX($D$3:$AA$30,INDEX(Jesper!$R$2:$R$366,ROW(INDEX(Jesper!AH$2:AH$366,ROUNDDOWN($C3778/24,0)+1,1))-1)+IF('Standard Profiles'!$G$18=$B$10,7,0)+IF('Standard Profiles'!$G$18=$B$17,14,0)+IF('Standard Profiles'!$G$18=$B$24,21,0),MOD($C3778,24)+1)/SUM(INDEX($D$3:$AA$30,INDEX(Jesper!$R$2:$R$366,ROW(INDEX(Jesper!AH$2:AH$366,ROUNDDOWN($C3778/24,0)+1,1))-1)+IF('Standard Profiles'!$G$18=$B$10,7,0)+IF('Standard Profiles'!$G$18=$B$17,14,0)+IF('Standard Profiles'!$G$18=$B$24,21,0),0)),0)</f>
        <v>6.4470558825518971</v>
      </c>
      <c r="E3778" cm="1">
        <f t="array" ref="E3778">IFERROR(INDEX(Jesper!AI$2:AI$366,ROUNDDOWN($C3778/24,0)+1,1)*INDEX($D$3:$AA$30,INDEX(Jesper!$R$2:$R$366,ROW(INDEX(Jesper!AI$2:AI$366,ROUNDDOWN($C3778/24,0)+1,1))-1)+IF('Standard Profiles'!$G$19=$B$10,7,0)+IF('Standard Profiles'!$G$19=$B$17,14,0)+IF('Standard Profiles'!$G$19=$B$24,21,0),MOD($C3778,24)+1)/SUM(INDEX($D$3:$AA$30,INDEX(Jesper!$R$2:$R$366,ROW(INDEX(Jesper!AI$2:AI$366,ROUNDDOWN($C3778/24,0)+1,1))-1)+IF('Standard Profiles'!$G$19=$B$10,7,0)+IF('Standard Profiles'!$G$19=$B$17,14,0)+IF('Standard Profiles'!$G$19=$B$24,21,0),0)),0)</f>
        <v>0</v>
      </c>
      <c r="F3778" cm="1">
        <f t="array" ref="F3778">IFERROR(INDEX(Jesper!AJ$2:AJ$366,ROUNDDOWN($C3778/24,0)+1,1)*INDEX($D$3:$AA$30,INDEX(Jesper!$R$2:$R$366,ROW(INDEX(Jesper!AJ$2:AJ$366,ROUNDDOWN($C3778/24,0)+1,1))-1)+IF('Standard Profiles'!$G$20=$B$10,7,0)+IF('Standard Profiles'!$G$20=$B$17,14,0)+IF('Standard Profiles'!$G$20=$B$24,21,0),MOD($C3778,24)+1)/SUM(INDEX($D$3:$AA$30,INDEX(Jesper!$R$2:$R$366,ROW(INDEX(Jesper!AJ$2:AJ$366,ROUNDDOWN($C3778/24,0)+1,1))-1)+IF('Standard Profiles'!$G$20=$B$10,7,0)+IF('Standard Profiles'!$G$20=$B$17,14,0)+IF('Standard Profiles'!$G$20=$B$24,21,0),0)),0)</f>
        <v>0</v>
      </c>
      <c r="G3778" cm="1">
        <f t="array" ref="G3778">IFERROR(INDEX(Jesper!AK$2:AK$366,ROUNDDOWN($C3778/24,0)+1,1)*INDEX($D$3:$AA$30,INDEX(Jesper!$R$2:$R$366,ROW(INDEX(Jesper!AK$2:AK$366,ROUNDDOWN($C3778/24,0)+1,1))-1)+IF('Standard Profiles'!$G$21=$B$10,7,0)+IF('Standard Profiles'!$G$21=$B$17,14,0)+IF('Standard Profiles'!$G$21=$B$24,21,0),MOD($C3778,24)+1)/SUM(INDEX($D$3:$AA$30,INDEX(Jesper!$R$2:$R$366,ROW(INDEX(Jesper!AK$2:AK$366,ROUNDDOWN($C3778/24,0)+1,1))-1)+IF('Standard Profiles'!$G$21=$B$10,7,0)+IF('Standard Profiles'!$G$21=$B$17,14,0)+IF('Standard Profiles'!$G$21=$B$24,21,0),0)),0)</f>
        <v>0</v>
      </c>
      <c r="H3778" cm="1">
        <f t="array" ref="H3778">IFERROR(INDEX(Jesper!AL$2:AL$366,ROUNDDOWN($C3778/24,0)+1,1)*INDEX($D$3:$AA$30,INDEX(Jesper!$R$2:$R$366,ROW(INDEX(Jesper!AL$2:AL$366,ROUNDDOWN($C3778/24,0)+1,1))-1)+IF('Standard Profiles'!$G$22=$B$10,7,0)+IF('Standard Profiles'!$G$22=$B$17,14,0)+IF('Standard Profiles'!$G$22=$B$24,21,0),MOD($C3778,24)+1)/SUM(INDEX($D$3:$AA$30,INDEX(Jesper!$R$2:$R$366,ROW(INDEX(Jesper!AL$2:AL$366,ROUNDDOWN($C3778/24,0)+1,1))-1)+IF('Standard Profiles'!$G$22=$B$10,7,0)+IF('Standard Profiles'!$G$22=$B$17,14,0)+IF('Standard Profiles'!$G$22=$B$24,21,0),0)),0)</f>
        <v>0</v>
      </c>
      <c r="I3778">
        <f t="shared" si="426"/>
        <v>0.19341167647655691</v>
      </c>
      <c r="J3778">
        <f t="shared" si="427"/>
        <v>0.64470558825518975</v>
      </c>
      <c r="K3778">
        <f t="shared" si="428"/>
        <v>0.96705838238278452</v>
      </c>
      <c r="L3778">
        <f t="shared" si="429"/>
        <v>4.6418802354373661</v>
      </c>
      <c r="M3778">
        <f t="shared" si="430"/>
        <v>0</v>
      </c>
      <c r="N3778" s="46">
        <f t="shared" si="431"/>
        <v>45447.99999999092</v>
      </c>
    </row>
    <row r="3779" spans="2:14" x14ac:dyDescent="0.3">
      <c r="B3779">
        <f t="shared" si="425"/>
        <v>3</v>
      </c>
      <c r="C3779" s="16">
        <v>3745</v>
      </c>
      <c r="D3779" cm="1">
        <f t="array" ref="D3779">IFERROR(INDEX(Jesper!AH$2:AH$366,ROUNDDOWN($C3779/24,0)+1,1)*INDEX($D$3:$AA$30,INDEX(Jesper!$R$2:$R$366,ROW(INDEX(Jesper!AH$2:AH$366,ROUNDDOWN($C3779/24,0)+1,1))-1)+IF('Standard Profiles'!$G$18=$B$10,7,0)+IF('Standard Profiles'!$G$18=$B$17,14,0)+IF('Standard Profiles'!$G$18=$B$24,21,0),MOD($C3779,24)+1)/SUM(INDEX($D$3:$AA$30,INDEX(Jesper!$R$2:$R$366,ROW(INDEX(Jesper!AH$2:AH$366,ROUNDDOWN($C3779/24,0)+1,1))-1)+IF('Standard Profiles'!$G$18=$B$10,7,0)+IF('Standard Profiles'!$G$18=$B$17,14,0)+IF('Standard Profiles'!$G$18=$B$24,21,0),0)),0)</f>
        <v>7.2529378678708838</v>
      </c>
      <c r="E3779" cm="1">
        <f t="array" ref="E3779">IFERROR(INDEX(Jesper!AI$2:AI$366,ROUNDDOWN($C3779/24,0)+1,1)*INDEX($D$3:$AA$30,INDEX(Jesper!$R$2:$R$366,ROW(INDEX(Jesper!AI$2:AI$366,ROUNDDOWN($C3779/24,0)+1,1))-1)+IF('Standard Profiles'!$G$19=$B$10,7,0)+IF('Standard Profiles'!$G$19=$B$17,14,0)+IF('Standard Profiles'!$G$19=$B$24,21,0),MOD($C3779,24)+1)/SUM(INDEX($D$3:$AA$30,INDEX(Jesper!$R$2:$R$366,ROW(INDEX(Jesper!AI$2:AI$366,ROUNDDOWN($C3779/24,0)+1,1))-1)+IF('Standard Profiles'!$G$19=$B$10,7,0)+IF('Standard Profiles'!$G$19=$B$17,14,0)+IF('Standard Profiles'!$G$19=$B$24,21,0),0)),0)</f>
        <v>0</v>
      </c>
      <c r="F3779" cm="1">
        <f t="array" ref="F3779">IFERROR(INDEX(Jesper!AJ$2:AJ$366,ROUNDDOWN($C3779/24,0)+1,1)*INDEX($D$3:$AA$30,INDEX(Jesper!$R$2:$R$366,ROW(INDEX(Jesper!AJ$2:AJ$366,ROUNDDOWN($C3779/24,0)+1,1))-1)+IF('Standard Profiles'!$G$20=$B$10,7,0)+IF('Standard Profiles'!$G$20=$B$17,14,0)+IF('Standard Profiles'!$G$20=$B$24,21,0),MOD($C3779,24)+1)/SUM(INDEX($D$3:$AA$30,INDEX(Jesper!$R$2:$R$366,ROW(INDEX(Jesper!AJ$2:AJ$366,ROUNDDOWN($C3779/24,0)+1,1))-1)+IF('Standard Profiles'!$G$20=$B$10,7,0)+IF('Standard Profiles'!$G$20=$B$17,14,0)+IF('Standard Profiles'!$G$20=$B$24,21,0),0)),0)</f>
        <v>0</v>
      </c>
      <c r="G3779" cm="1">
        <f t="array" ref="G3779">IFERROR(INDEX(Jesper!AK$2:AK$366,ROUNDDOWN($C3779/24,0)+1,1)*INDEX($D$3:$AA$30,INDEX(Jesper!$R$2:$R$366,ROW(INDEX(Jesper!AK$2:AK$366,ROUNDDOWN($C3779/24,0)+1,1))-1)+IF('Standard Profiles'!$G$21=$B$10,7,0)+IF('Standard Profiles'!$G$21=$B$17,14,0)+IF('Standard Profiles'!$G$21=$B$24,21,0),MOD($C3779,24)+1)/SUM(INDEX($D$3:$AA$30,INDEX(Jesper!$R$2:$R$366,ROW(INDEX(Jesper!AK$2:AK$366,ROUNDDOWN($C3779/24,0)+1,1))-1)+IF('Standard Profiles'!$G$21=$B$10,7,0)+IF('Standard Profiles'!$G$21=$B$17,14,0)+IF('Standard Profiles'!$G$21=$B$24,21,0),0)),0)</f>
        <v>0</v>
      </c>
      <c r="H3779" cm="1">
        <f t="array" ref="H3779">IFERROR(INDEX(Jesper!AL$2:AL$366,ROUNDDOWN($C3779/24,0)+1,1)*INDEX($D$3:$AA$30,INDEX(Jesper!$R$2:$R$366,ROW(INDEX(Jesper!AL$2:AL$366,ROUNDDOWN($C3779/24,0)+1,1))-1)+IF('Standard Profiles'!$G$22=$B$10,7,0)+IF('Standard Profiles'!$G$22=$B$17,14,0)+IF('Standard Profiles'!$G$22=$B$24,21,0),MOD($C3779,24)+1)/SUM(INDEX($D$3:$AA$30,INDEX(Jesper!$R$2:$R$366,ROW(INDEX(Jesper!AL$2:AL$366,ROUNDDOWN($C3779/24,0)+1,1))-1)+IF('Standard Profiles'!$G$22=$B$10,7,0)+IF('Standard Profiles'!$G$22=$B$17,14,0)+IF('Standard Profiles'!$G$22=$B$24,21,0),0)),0)</f>
        <v>0</v>
      </c>
      <c r="I3779">
        <f t="shared" si="426"/>
        <v>0.21758813603612651</v>
      </c>
      <c r="J3779">
        <f t="shared" si="427"/>
        <v>0.72529378678708845</v>
      </c>
      <c r="K3779">
        <f t="shared" si="428"/>
        <v>1.0879406801806326</v>
      </c>
      <c r="L3779">
        <f t="shared" si="429"/>
        <v>5.2221152648670364</v>
      </c>
      <c r="M3779">
        <f t="shared" si="430"/>
        <v>0</v>
      </c>
      <c r="N3779" s="46">
        <f t="shared" si="431"/>
        <v>45448.041666657584</v>
      </c>
    </row>
    <row r="3780" spans="2:14" x14ac:dyDescent="0.3">
      <c r="B3780">
        <f t="shared" si="425"/>
        <v>3</v>
      </c>
      <c r="C3780" s="16">
        <v>3746</v>
      </c>
      <c r="D3780" cm="1">
        <f t="array" ref="D3780">IFERROR(INDEX(Jesper!AH$2:AH$366,ROUNDDOWN($C3780/24,0)+1,1)*INDEX($D$3:$AA$30,INDEX(Jesper!$R$2:$R$366,ROW(INDEX(Jesper!AH$2:AH$366,ROUNDDOWN($C3780/24,0)+1,1))-1)+IF('Standard Profiles'!$G$18=$B$10,7,0)+IF('Standard Profiles'!$G$18=$B$17,14,0)+IF('Standard Profiles'!$G$18=$B$24,21,0),MOD($C3780,24)+1)/SUM(INDEX($D$3:$AA$30,INDEX(Jesper!$R$2:$R$366,ROW(INDEX(Jesper!AH$2:AH$366,ROUNDDOWN($C3780/24,0)+1,1))-1)+IF('Standard Profiles'!$G$18=$B$10,7,0)+IF('Standard Profiles'!$G$18=$B$17,14,0)+IF('Standard Profiles'!$G$18=$B$24,21,0),0)),0)</f>
        <v>7.2529378678708838</v>
      </c>
      <c r="E3780" cm="1">
        <f t="array" ref="E3780">IFERROR(INDEX(Jesper!AI$2:AI$366,ROUNDDOWN($C3780/24,0)+1,1)*INDEX($D$3:$AA$30,INDEX(Jesper!$R$2:$R$366,ROW(INDEX(Jesper!AI$2:AI$366,ROUNDDOWN($C3780/24,0)+1,1))-1)+IF('Standard Profiles'!$G$19=$B$10,7,0)+IF('Standard Profiles'!$G$19=$B$17,14,0)+IF('Standard Profiles'!$G$19=$B$24,21,0),MOD($C3780,24)+1)/SUM(INDEX($D$3:$AA$30,INDEX(Jesper!$R$2:$R$366,ROW(INDEX(Jesper!AI$2:AI$366,ROUNDDOWN($C3780/24,0)+1,1))-1)+IF('Standard Profiles'!$G$19=$B$10,7,0)+IF('Standard Profiles'!$G$19=$B$17,14,0)+IF('Standard Profiles'!$G$19=$B$24,21,0),0)),0)</f>
        <v>0</v>
      </c>
      <c r="F3780" cm="1">
        <f t="array" ref="F3780">IFERROR(INDEX(Jesper!AJ$2:AJ$366,ROUNDDOWN($C3780/24,0)+1,1)*INDEX($D$3:$AA$30,INDEX(Jesper!$R$2:$R$366,ROW(INDEX(Jesper!AJ$2:AJ$366,ROUNDDOWN($C3780/24,0)+1,1))-1)+IF('Standard Profiles'!$G$20=$B$10,7,0)+IF('Standard Profiles'!$G$20=$B$17,14,0)+IF('Standard Profiles'!$G$20=$B$24,21,0),MOD($C3780,24)+1)/SUM(INDEX($D$3:$AA$30,INDEX(Jesper!$R$2:$R$366,ROW(INDEX(Jesper!AJ$2:AJ$366,ROUNDDOWN($C3780/24,0)+1,1))-1)+IF('Standard Profiles'!$G$20=$B$10,7,0)+IF('Standard Profiles'!$G$20=$B$17,14,0)+IF('Standard Profiles'!$G$20=$B$24,21,0),0)),0)</f>
        <v>0</v>
      </c>
      <c r="G3780" cm="1">
        <f t="array" ref="G3780">IFERROR(INDEX(Jesper!AK$2:AK$366,ROUNDDOWN($C3780/24,0)+1,1)*INDEX($D$3:$AA$30,INDEX(Jesper!$R$2:$R$366,ROW(INDEX(Jesper!AK$2:AK$366,ROUNDDOWN($C3780/24,0)+1,1))-1)+IF('Standard Profiles'!$G$21=$B$10,7,0)+IF('Standard Profiles'!$G$21=$B$17,14,0)+IF('Standard Profiles'!$G$21=$B$24,21,0),MOD($C3780,24)+1)/SUM(INDEX($D$3:$AA$30,INDEX(Jesper!$R$2:$R$366,ROW(INDEX(Jesper!AK$2:AK$366,ROUNDDOWN($C3780/24,0)+1,1))-1)+IF('Standard Profiles'!$G$21=$B$10,7,0)+IF('Standard Profiles'!$G$21=$B$17,14,0)+IF('Standard Profiles'!$G$21=$B$24,21,0),0)),0)</f>
        <v>0</v>
      </c>
      <c r="H3780" cm="1">
        <f t="array" ref="H3780">IFERROR(INDEX(Jesper!AL$2:AL$366,ROUNDDOWN($C3780/24,0)+1,1)*INDEX($D$3:$AA$30,INDEX(Jesper!$R$2:$R$366,ROW(INDEX(Jesper!AL$2:AL$366,ROUNDDOWN($C3780/24,0)+1,1))-1)+IF('Standard Profiles'!$G$22=$B$10,7,0)+IF('Standard Profiles'!$G$22=$B$17,14,0)+IF('Standard Profiles'!$G$22=$B$24,21,0),MOD($C3780,24)+1)/SUM(INDEX($D$3:$AA$30,INDEX(Jesper!$R$2:$R$366,ROW(INDEX(Jesper!AL$2:AL$366,ROUNDDOWN($C3780/24,0)+1,1))-1)+IF('Standard Profiles'!$G$22=$B$10,7,0)+IF('Standard Profiles'!$G$22=$B$17,14,0)+IF('Standard Profiles'!$G$22=$B$24,21,0),0)),0)</f>
        <v>0</v>
      </c>
      <c r="I3780">
        <f t="shared" si="426"/>
        <v>0.21758813603612651</v>
      </c>
      <c r="J3780">
        <f t="shared" si="427"/>
        <v>0.72529378678708845</v>
      </c>
      <c r="K3780">
        <f t="shared" si="428"/>
        <v>1.0879406801806326</v>
      </c>
      <c r="L3780">
        <f t="shared" si="429"/>
        <v>5.2221152648670364</v>
      </c>
      <c r="M3780">
        <f t="shared" si="430"/>
        <v>0</v>
      </c>
      <c r="N3780" s="46">
        <f t="shared" si="431"/>
        <v>45448.083333324248</v>
      </c>
    </row>
    <row r="3781" spans="2:14" x14ac:dyDescent="0.3">
      <c r="B3781">
        <f t="shared" si="425"/>
        <v>3</v>
      </c>
      <c r="C3781" s="16">
        <v>3747</v>
      </c>
      <c r="D3781" cm="1">
        <f t="array" ref="D3781">IFERROR(INDEX(Jesper!AH$2:AH$366,ROUNDDOWN($C3781/24,0)+1,1)*INDEX($D$3:$AA$30,INDEX(Jesper!$R$2:$R$366,ROW(INDEX(Jesper!AH$2:AH$366,ROUNDDOWN($C3781/24,0)+1,1))-1)+IF('Standard Profiles'!$G$18=$B$10,7,0)+IF('Standard Profiles'!$G$18=$B$17,14,0)+IF('Standard Profiles'!$G$18=$B$24,21,0),MOD($C3781,24)+1)/SUM(INDEX($D$3:$AA$30,INDEX(Jesper!$R$2:$R$366,ROW(INDEX(Jesper!AH$2:AH$366,ROUNDDOWN($C3781/24,0)+1,1))-1)+IF('Standard Profiles'!$G$18=$B$10,7,0)+IF('Standard Profiles'!$G$18=$B$17,14,0)+IF('Standard Profiles'!$G$18=$B$24,21,0),0)),0)</f>
        <v>7.2529378678708838</v>
      </c>
      <c r="E3781" cm="1">
        <f t="array" ref="E3781">IFERROR(INDEX(Jesper!AI$2:AI$366,ROUNDDOWN($C3781/24,0)+1,1)*INDEX($D$3:$AA$30,INDEX(Jesper!$R$2:$R$366,ROW(INDEX(Jesper!AI$2:AI$366,ROUNDDOWN($C3781/24,0)+1,1))-1)+IF('Standard Profiles'!$G$19=$B$10,7,0)+IF('Standard Profiles'!$G$19=$B$17,14,0)+IF('Standard Profiles'!$G$19=$B$24,21,0),MOD($C3781,24)+1)/SUM(INDEX($D$3:$AA$30,INDEX(Jesper!$R$2:$R$366,ROW(INDEX(Jesper!AI$2:AI$366,ROUNDDOWN($C3781/24,0)+1,1))-1)+IF('Standard Profiles'!$G$19=$B$10,7,0)+IF('Standard Profiles'!$G$19=$B$17,14,0)+IF('Standard Profiles'!$G$19=$B$24,21,0),0)),0)</f>
        <v>0</v>
      </c>
      <c r="F3781" cm="1">
        <f t="array" ref="F3781">IFERROR(INDEX(Jesper!AJ$2:AJ$366,ROUNDDOWN($C3781/24,0)+1,1)*INDEX($D$3:$AA$30,INDEX(Jesper!$R$2:$R$366,ROW(INDEX(Jesper!AJ$2:AJ$366,ROUNDDOWN($C3781/24,0)+1,1))-1)+IF('Standard Profiles'!$G$20=$B$10,7,0)+IF('Standard Profiles'!$G$20=$B$17,14,0)+IF('Standard Profiles'!$G$20=$B$24,21,0),MOD($C3781,24)+1)/SUM(INDEX($D$3:$AA$30,INDEX(Jesper!$R$2:$R$366,ROW(INDEX(Jesper!AJ$2:AJ$366,ROUNDDOWN($C3781/24,0)+1,1))-1)+IF('Standard Profiles'!$G$20=$B$10,7,0)+IF('Standard Profiles'!$G$20=$B$17,14,0)+IF('Standard Profiles'!$G$20=$B$24,21,0),0)),0)</f>
        <v>0</v>
      </c>
      <c r="G3781" cm="1">
        <f t="array" ref="G3781">IFERROR(INDEX(Jesper!AK$2:AK$366,ROUNDDOWN($C3781/24,0)+1,1)*INDEX($D$3:$AA$30,INDEX(Jesper!$R$2:$R$366,ROW(INDEX(Jesper!AK$2:AK$366,ROUNDDOWN($C3781/24,0)+1,1))-1)+IF('Standard Profiles'!$G$21=$B$10,7,0)+IF('Standard Profiles'!$G$21=$B$17,14,0)+IF('Standard Profiles'!$G$21=$B$24,21,0),MOD($C3781,24)+1)/SUM(INDEX($D$3:$AA$30,INDEX(Jesper!$R$2:$R$366,ROW(INDEX(Jesper!AK$2:AK$366,ROUNDDOWN($C3781/24,0)+1,1))-1)+IF('Standard Profiles'!$G$21=$B$10,7,0)+IF('Standard Profiles'!$G$21=$B$17,14,0)+IF('Standard Profiles'!$G$21=$B$24,21,0),0)),0)</f>
        <v>0</v>
      </c>
      <c r="H3781" cm="1">
        <f t="array" ref="H3781">IFERROR(INDEX(Jesper!AL$2:AL$366,ROUNDDOWN($C3781/24,0)+1,1)*INDEX($D$3:$AA$30,INDEX(Jesper!$R$2:$R$366,ROW(INDEX(Jesper!AL$2:AL$366,ROUNDDOWN($C3781/24,0)+1,1))-1)+IF('Standard Profiles'!$G$22=$B$10,7,0)+IF('Standard Profiles'!$G$22=$B$17,14,0)+IF('Standard Profiles'!$G$22=$B$24,21,0),MOD($C3781,24)+1)/SUM(INDEX($D$3:$AA$30,INDEX(Jesper!$R$2:$R$366,ROW(INDEX(Jesper!AL$2:AL$366,ROUNDDOWN($C3781/24,0)+1,1))-1)+IF('Standard Profiles'!$G$22=$B$10,7,0)+IF('Standard Profiles'!$G$22=$B$17,14,0)+IF('Standard Profiles'!$G$22=$B$24,21,0),0)),0)</f>
        <v>0</v>
      </c>
      <c r="I3781">
        <f t="shared" si="426"/>
        <v>0.21758813603612651</v>
      </c>
      <c r="J3781">
        <f t="shared" si="427"/>
        <v>0.72529378678708845</v>
      </c>
      <c r="K3781">
        <f t="shared" si="428"/>
        <v>1.0879406801806326</v>
      </c>
      <c r="L3781">
        <f t="shared" si="429"/>
        <v>5.2221152648670364</v>
      </c>
      <c r="M3781">
        <f t="shared" si="430"/>
        <v>0</v>
      </c>
      <c r="N3781" s="46">
        <f t="shared" si="431"/>
        <v>45448.124999990912</v>
      </c>
    </row>
    <row r="3782" spans="2:14" x14ac:dyDescent="0.3">
      <c r="B3782">
        <f t="shared" si="425"/>
        <v>3</v>
      </c>
      <c r="C3782" s="16">
        <v>3748</v>
      </c>
      <c r="D3782" cm="1">
        <f t="array" ref="D3782">IFERROR(INDEX(Jesper!AH$2:AH$366,ROUNDDOWN($C3782/24,0)+1,1)*INDEX($D$3:$AA$30,INDEX(Jesper!$R$2:$R$366,ROW(INDEX(Jesper!AH$2:AH$366,ROUNDDOWN($C3782/24,0)+1,1))-1)+IF('Standard Profiles'!$G$18=$B$10,7,0)+IF('Standard Profiles'!$G$18=$B$17,14,0)+IF('Standard Profiles'!$G$18=$B$24,21,0),MOD($C3782,24)+1)/SUM(INDEX($D$3:$AA$30,INDEX(Jesper!$R$2:$R$366,ROW(INDEX(Jesper!AH$2:AH$366,ROUNDDOWN($C3782/24,0)+1,1))-1)+IF('Standard Profiles'!$G$18=$B$10,7,0)+IF('Standard Profiles'!$G$18=$B$17,14,0)+IF('Standard Profiles'!$G$18=$B$24,21,0),0)),0)</f>
        <v>7.2529378678708838</v>
      </c>
      <c r="E3782" cm="1">
        <f t="array" ref="E3782">IFERROR(INDEX(Jesper!AI$2:AI$366,ROUNDDOWN($C3782/24,0)+1,1)*INDEX($D$3:$AA$30,INDEX(Jesper!$R$2:$R$366,ROW(INDEX(Jesper!AI$2:AI$366,ROUNDDOWN($C3782/24,0)+1,1))-1)+IF('Standard Profiles'!$G$19=$B$10,7,0)+IF('Standard Profiles'!$G$19=$B$17,14,0)+IF('Standard Profiles'!$G$19=$B$24,21,0),MOD($C3782,24)+1)/SUM(INDEX($D$3:$AA$30,INDEX(Jesper!$R$2:$R$366,ROW(INDEX(Jesper!AI$2:AI$366,ROUNDDOWN($C3782/24,0)+1,1))-1)+IF('Standard Profiles'!$G$19=$B$10,7,0)+IF('Standard Profiles'!$G$19=$B$17,14,0)+IF('Standard Profiles'!$G$19=$B$24,21,0),0)),0)</f>
        <v>0</v>
      </c>
      <c r="F3782" cm="1">
        <f t="array" ref="F3782">IFERROR(INDEX(Jesper!AJ$2:AJ$366,ROUNDDOWN($C3782/24,0)+1,1)*INDEX($D$3:$AA$30,INDEX(Jesper!$R$2:$R$366,ROW(INDEX(Jesper!AJ$2:AJ$366,ROUNDDOWN($C3782/24,0)+1,1))-1)+IF('Standard Profiles'!$G$20=$B$10,7,0)+IF('Standard Profiles'!$G$20=$B$17,14,0)+IF('Standard Profiles'!$G$20=$B$24,21,0),MOD($C3782,24)+1)/SUM(INDEX($D$3:$AA$30,INDEX(Jesper!$R$2:$R$366,ROW(INDEX(Jesper!AJ$2:AJ$366,ROUNDDOWN($C3782/24,0)+1,1))-1)+IF('Standard Profiles'!$G$20=$B$10,7,0)+IF('Standard Profiles'!$G$20=$B$17,14,0)+IF('Standard Profiles'!$G$20=$B$24,21,0),0)),0)</f>
        <v>0</v>
      </c>
      <c r="G3782" cm="1">
        <f t="array" ref="G3782">IFERROR(INDEX(Jesper!AK$2:AK$366,ROUNDDOWN($C3782/24,0)+1,1)*INDEX($D$3:$AA$30,INDEX(Jesper!$R$2:$R$366,ROW(INDEX(Jesper!AK$2:AK$366,ROUNDDOWN($C3782/24,0)+1,1))-1)+IF('Standard Profiles'!$G$21=$B$10,7,0)+IF('Standard Profiles'!$G$21=$B$17,14,0)+IF('Standard Profiles'!$G$21=$B$24,21,0),MOD($C3782,24)+1)/SUM(INDEX($D$3:$AA$30,INDEX(Jesper!$R$2:$R$366,ROW(INDEX(Jesper!AK$2:AK$366,ROUNDDOWN($C3782/24,0)+1,1))-1)+IF('Standard Profiles'!$G$21=$B$10,7,0)+IF('Standard Profiles'!$G$21=$B$17,14,0)+IF('Standard Profiles'!$G$21=$B$24,21,0),0)),0)</f>
        <v>0</v>
      </c>
      <c r="H3782" cm="1">
        <f t="array" ref="H3782">IFERROR(INDEX(Jesper!AL$2:AL$366,ROUNDDOWN($C3782/24,0)+1,1)*INDEX($D$3:$AA$30,INDEX(Jesper!$R$2:$R$366,ROW(INDEX(Jesper!AL$2:AL$366,ROUNDDOWN($C3782/24,0)+1,1))-1)+IF('Standard Profiles'!$G$22=$B$10,7,0)+IF('Standard Profiles'!$G$22=$B$17,14,0)+IF('Standard Profiles'!$G$22=$B$24,21,0),MOD($C3782,24)+1)/SUM(INDEX($D$3:$AA$30,INDEX(Jesper!$R$2:$R$366,ROW(INDEX(Jesper!AL$2:AL$366,ROUNDDOWN($C3782/24,0)+1,1))-1)+IF('Standard Profiles'!$G$22=$B$10,7,0)+IF('Standard Profiles'!$G$22=$B$17,14,0)+IF('Standard Profiles'!$G$22=$B$24,21,0),0)),0)</f>
        <v>0</v>
      </c>
      <c r="I3782">
        <f t="shared" si="426"/>
        <v>0.21758813603612651</v>
      </c>
      <c r="J3782">
        <f t="shared" si="427"/>
        <v>0.72529378678708845</v>
      </c>
      <c r="K3782">
        <f t="shared" si="428"/>
        <v>1.0879406801806326</v>
      </c>
      <c r="L3782">
        <f t="shared" si="429"/>
        <v>5.2221152648670364</v>
      </c>
      <c r="M3782">
        <f t="shared" si="430"/>
        <v>0</v>
      </c>
      <c r="N3782" s="46">
        <f t="shared" si="431"/>
        <v>45448.166666657577</v>
      </c>
    </row>
    <row r="3783" spans="2:14" x14ac:dyDescent="0.3">
      <c r="B3783">
        <f t="shared" si="425"/>
        <v>3</v>
      </c>
      <c r="C3783" s="16">
        <v>3749</v>
      </c>
      <c r="D3783" cm="1">
        <f t="array" ref="D3783">IFERROR(INDEX(Jesper!AH$2:AH$366,ROUNDDOWN($C3783/24,0)+1,1)*INDEX($D$3:$AA$30,INDEX(Jesper!$R$2:$R$366,ROW(INDEX(Jesper!AH$2:AH$366,ROUNDDOWN($C3783/24,0)+1,1))-1)+IF('Standard Profiles'!$G$18=$B$10,7,0)+IF('Standard Profiles'!$G$18=$B$17,14,0)+IF('Standard Profiles'!$G$18=$B$24,21,0),MOD($C3783,24)+1)/SUM(INDEX($D$3:$AA$30,INDEX(Jesper!$R$2:$R$366,ROW(INDEX(Jesper!AH$2:AH$366,ROUNDDOWN($C3783/24,0)+1,1))-1)+IF('Standard Profiles'!$G$18=$B$10,7,0)+IF('Standard Profiles'!$G$18=$B$17,14,0)+IF('Standard Profiles'!$G$18=$B$24,21,0),0)),0)</f>
        <v>9.3482310297002496</v>
      </c>
      <c r="E3783" cm="1">
        <f t="array" ref="E3783">IFERROR(INDEX(Jesper!AI$2:AI$366,ROUNDDOWN($C3783/24,0)+1,1)*INDEX($D$3:$AA$30,INDEX(Jesper!$R$2:$R$366,ROW(INDEX(Jesper!AI$2:AI$366,ROUNDDOWN($C3783/24,0)+1,1))-1)+IF('Standard Profiles'!$G$19=$B$10,7,0)+IF('Standard Profiles'!$G$19=$B$17,14,0)+IF('Standard Profiles'!$G$19=$B$24,21,0),MOD($C3783,24)+1)/SUM(INDEX($D$3:$AA$30,INDEX(Jesper!$R$2:$R$366,ROW(INDEX(Jesper!AI$2:AI$366,ROUNDDOWN($C3783/24,0)+1,1))-1)+IF('Standard Profiles'!$G$19=$B$10,7,0)+IF('Standard Profiles'!$G$19=$B$17,14,0)+IF('Standard Profiles'!$G$19=$B$24,21,0),0)),0)</f>
        <v>0</v>
      </c>
      <c r="F3783" cm="1">
        <f t="array" ref="F3783">IFERROR(INDEX(Jesper!AJ$2:AJ$366,ROUNDDOWN($C3783/24,0)+1,1)*INDEX($D$3:$AA$30,INDEX(Jesper!$R$2:$R$366,ROW(INDEX(Jesper!AJ$2:AJ$366,ROUNDDOWN($C3783/24,0)+1,1))-1)+IF('Standard Profiles'!$G$20=$B$10,7,0)+IF('Standard Profiles'!$G$20=$B$17,14,0)+IF('Standard Profiles'!$G$20=$B$24,21,0),MOD($C3783,24)+1)/SUM(INDEX($D$3:$AA$30,INDEX(Jesper!$R$2:$R$366,ROW(INDEX(Jesper!AJ$2:AJ$366,ROUNDDOWN($C3783/24,0)+1,1))-1)+IF('Standard Profiles'!$G$20=$B$10,7,0)+IF('Standard Profiles'!$G$20=$B$17,14,0)+IF('Standard Profiles'!$G$20=$B$24,21,0),0)),0)</f>
        <v>0</v>
      </c>
      <c r="G3783" cm="1">
        <f t="array" ref="G3783">IFERROR(INDEX(Jesper!AK$2:AK$366,ROUNDDOWN($C3783/24,0)+1,1)*INDEX($D$3:$AA$30,INDEX(Jesper!$R$2:$R$366,ROW(INDEX(Jesper!AK$2:AK$366,ROUNDDOWN($C3783/24,0)+1,1))-1)+IF('Standard Profiles'!$G$21=$B$10,7,0)+IF('Standard Profiles'!$G$21=$B$17,14,0)+IF('Standard Profiles'!$G$21=$B$24,21,0),MOD($C3783,24)+1)/SUM(INDEX($D$3:$AA$30,INDEX(Jesper!$R$2:$R$366,ROW(INDEX(Jesper!AK$2:AK$366,ROUNDDOWN($C3783/24,0)+1,1))-1)+IF('Standard Profiles'!$G$21=$B$10,7,0)+IF('Standard Profiles'!$G$21=$B$17,14,0)+IF('Standard Profiles'!$G$21=$B$24,21,0),0)),0)</f>
        <v>0</v>
      </c>
      <c r="H3783" cm="1">
        <f t="array" ref="H3783">IFERROR(INDEX(Jesper!AL$2:AL$366,ROUNDDOWN($C3783/24,0)+1,1)*INDEX($D$3:$AA$30,INDEX(Jesper!$R$2:$R$366,ROW(INDEX(Jesper!AL$2:AL$366,ROUNDDOWN($C3783/24,0)+1,1))-1)+IF('Standard Profiles'!$G$22=$B$10,7,0)+IF('Standard Profiles'!$G$22=$B$17,14,0)+IF('Standard Profiles'!$G$22=$B$24,21,0),MOD($C3783,24)+1)/SUM(INDEX($D$3:$AA$30,INDEX(Jesper!$R$2:$R$366,ROW(INDEX(Jesper!AL$2:AL$366,ROUNDDOWN($C3783/24,0)+1,1))-1)+IF('Standard Profiles'!$G$22=$B$10,7,0)+IF('Standard Profiles'!$G$22=$B$17,14,0)+IF('Standard Profiles'!$G$22=$B$24,21,0),0)),0)</f>
        <v>0</v>
      </c>
      <c r="I3783">
        <f t="shared" si="426"/>
        <v>0.28044693089100747</v>
      </c>
      <c r="J3783">
        <f t="shared" si="427"/>
        <v>0.93482310297002502</v>
      </c>
      <c r="K3783">
        <f t="shared" si="428"/>
        <v>1.4022346544550375</v>
      </c>
      <c r="L3783">
        <f t="shared" si="429"/>
        <v>6.7307263413841794</v>
      </c>
      <c r="M3783">
        <f t="shared" si="430"/>
        <v>0</v>
      </c>
      <c r="N3783" s="46">
        <f t="shared" si="431"/>
        <v>45448.208333324241</v>
      </c>
    </row>
    <row r="3784" spans="2:14" x14ac:dyDescent="0.3">
      <c r="B3784">
        <f t="shared" si="425"/>
        <v>3</v>
      </c>
      <c r="C3784" s="16">
        <v>3750</v>
      </c>
      <c r="D3784" cm="1">
        <f t="array" ref="D3784">IFERROR(INDEX(Jesper!AH$2:AH$366,ROUNDDOWN($C3784/24,0)+1,1)*INDEX($D$3:$AA$30,INDEX(Jesper!$R$2:$R$366,ROW(INDEX(Jesper!AH$2:AH$366,ROUNDDOWN($C3784/24,0)+1,1))-1)+IF('Standard Profiles'!$G$18=$B$10,7,0)+IF('Standard Profiles'!$G$18=$B$17,14,0)+IF('Standard Profiles'!$G$18=$B$24,21,0),MOD($C3784,24)+1)/SUM(INDEX($D$3:$AA$30,INDEX(Jesper!$R$2:$R$366,ROW(INDEX(Jesper!AH$2:AH$366,ROUNDDOWN($C3784/24,0)+1,1))-1)+IF('Standard Profiles'!$G$18=$B$10,7,0)+IF('Standard Profiles'!$G$18=$B$17,14,0)+IF('Standard Profiles'!$G$18=$B$24,21,0),0)),0)</f>
        <v>10.798818603274428</v>
      </c>
      <c r="E3784" cm="1">
        <f t="array" ref="E3784">IFERROR(INDEX(Jesper!AI$2:AI$366,ROUNDDOWN($C3784/24,0)+1,1)*INDEX($D$3:$AA$30,INDEX(Jesper!$R$2:$R$366,ROW(INDEX(Jesper!AI$2:AI$366,ROUNDDOWN($C3784/24,0)+1,1))-1)+IF('Standard Profiles'!$G$19=$B$10,7,0)+IF('Standard Profiles'!$G$19=$B$17,14,0)+IF('Standard Profiles'!$G$19=$B$24,21,0),MOD($C3784,24)+1)/SUM(INDEX($D$3:$AA$30,INDEX(Jesper!$R$2:$R$366,ROW(INDEX(Jesper!AI$2:AI$366,ROUNDDOWN($C3784/24,0)+1,1))-1)+IF('Standard Profiles'!$G$19=$B$10,7,0)+IF('Standard Profiles'!$G$19=$B$17,14,0)+IF('Standard Profiles'!$G$19=$B$24,21,0),0)),0)</f>
        <v>0</v>
      </c>
      <c r="F3784" cm="1">
        <f t="array" ref="F3784">IFERROR(INDEX(Jesper!AJ$2:AJ$366,ROUNDDOWN($C3784/24,0)+1,1)*INDEX($D$3:$AA$30,INDEX(Jesper!$R$2:$R$366,ROW(INDEX(Jesper!AJ$2:AJ$366,ROUNDDOWN($C3784/24,0)+1,1))-1)+IF('Standard Profiles'!$G$20=$B$10,7,0)+IF('Standard Profiles'!$G$20=$B$17,14,0)+IF('Standard Profiles'!$G$20=$B$24,21,0),MOD($C3784,24)+1)/SUM(INDEX($D$3:$AA$30,INDEX(Jesper!$R$2:$R$366,ROW(INDEX(Jesper!AJ$2:AJ$366,ROUNDDOWN($C3784/24,0)+1,1))-1)+IF('Standard Profiles'!$G$20=$B$10,7,0)+IF('Standard Profiles'!$G$20=$B$17,14,0)+IF('Standard Profiles'!$G$20=$B$24,21,0),0)),0)</f>
        <v>0</v>
      </c>
      <c r="G3784" cm="1">
        <f t="array" ref="G3784">IFERROR(INDEX(Jesper!AK$2:AK$366,ROUNDDOWN($C3784/24,0)+1,1)*INDEX($D$3:$AA$30,INDEX(Jesper!$R$2:$R$366,ROW(INDEX(Jesper!AK$2:AK$366,ROUNDDOWN($C3784/24,0)+1,1))-1)+IF('Standard Profiles'!$G$21=$B$10,7,0)+IF('Standard Profiles'!$G$21=$B$17,14,0)+IF('Standard Profiles'!$G$21=$B$24,21,0),MOD($C3784,24)+1)/SUM(INDEX($D$3:$AA$30,INDEX(Jesper!$R$2:$R$366,ROW(INDEX(Jesper!AK$2:AK$366,ROUNDDOWN($C3784/24,0)+1,1))-1)+IF('Standard Profiles'!$G$21=$B$10,7,0)+IF('Standard Profiles'!$G$21=$B$17,14,0)+IF('Standard Profiles'!$G$21=$B$24,21,0),0)),0)</f>
        <v>0</v>
      </c>
      <c r="H3784" cm="1">
        <f t="array" ref="H3784">IFERROR(INDEX(Jesper!AL$2:AL$366,ROUNDDOWN($C3784/24,0)+1,1)*INDEX($D$3:$AA$30,INDEX(Jesper!$R$2:$R$366,ROW(INDEX(Jesper!AL$2:AL$366,ROUNDDOWN($C3784/24,0)+1,1))-1)+IF('Standard Profiles'!$G$22=$B$10,7,0)+IF('Standard Profiles'!$G$22=$B$17,14,0)+IF('Standard Profiles'!$G$22=$B$24,21,0),MOD($C3784,24)+1)/SUM(INDEX($D$3:$AA$30,INDEX(Jesper!$R$2:$R$366,ROW(INDEX(Jesper!AL$2:AL$366,ROUNDDOWN($C3784/24,0)+1,1))-1)+IF('Standard Profiles'!$G$22=$B$10,7,0)+IF('Standard Profiles'!$G$22=$B$17,14,0)+IF('Standard Profiles'!$G$22=$B$24,21,0),0)),0)</f>
        <v>0</v>
      </c>
      <c r="I3784">
        <f t="shared" si="426"/>
        <v>0.32396455809823282</v>
      </c>
      <c r="J3784">
        <f t="shared" si="427"/>
        <v>1.0798818603274429</v>
      </c>
      <c r="K3784">
        <f t="shared" si="428"/>
        <v>1.6198227904911642</v>
      </c>
      <c r="L3784">
        <f t="shared" si="429"/>
        <v>7.7751493943575882</v>
      </c>
      <c r="M3784">
        <f t="shared" si="430"/>
        <v>0</v>
      </c>
      <c r="N3784" s="46">
        <f t="shared" si="431"/>
        <v>45448.249999990905</v>
      </c>
    </row>
    <row r="3785" spans="2:14" x14ac:dyDescent="0.3">
      <c r="B3785">
        <f t="shared" si="425"/>
        <v>3</v>
      </c>
      <c r="C3785" s="16">
        <v>3751</v>
      </c>
      <c r="D3785" cm="1">
        <f t="array" ref="D3785">IFERROR(INDEX(Jesper!AH$2:AH$366,ROUNDDOWN($C3785/24,0)+1,1)*INDEX($D$3:$AA$30,INDEX(Jesper!$R$2:$R$366,ROW(INDEX(Jesper!AH$2:AH$366,ROUNDDOWN($C3785/24,0)+1,1))-1)+IF('Standard Profiles'!$G$18=$B$10,7,0)+IF('Standard Profiles'!$G$18=$B$17,14,0)+IF('Standard Profiles'!$G$18=$B$24,21,0),MOD($C3785,24)+1)/SUM(INDEX($D$3:$AA$30,INDEX(Jesper!$R$2:$R$366,ROW(INDEX(Jesper!AH$2:AH$366,ROUNDDOWN($C3785/24,0)+1,1))-1)+IF('Standard Profiles'!$G$18=$B$10,7,0)+IF('Standard Profiles'!$G$18=$B$17,14,0)+IF('Standard Profiles'!$G$18=$B$24,21,0),0)),0)</f>
        <v>10.798818603274428</v>
      </c>
      <c r="E3785" cm="1">
        <f t="array" ref="E3785">IFERROR(INDEX(Jesper!AI$2:AI$366,ROUNDDOWN($C3785/24,0)+1,1)*INDEX($D$3:$AA$30,INDEX(Jesper!$R$2:$R$366,ROW(INDEX(Jesper!AI$2:AI$366,ROUNDDOWN($C3785/24,0)+1,1))-1)+IF('Standard Profiles'!$G$19=$B$10,7,0)+IF('Standard Profiles'!$G$19=$B$17,14,0)+IF('Standard Profiles'!$G$19=$B$24,21,0),MOD($C3785,24)+1)/SUM(INDEX($D$3:$AA$30,INDEX(Jesper!$R$2:$R$366,ROW(INDEX(Jesper!AI$2:AI$366,ROUNDDOWN($C3785/24,0)+1,1))-1)+IF('Standard Profiles'!$G$19=$B$10,7,0)+IF('Standard Profiles'!$G$19=$B$17,14,0)+IF('Standard Profiles'!$G$19=$B$24,21,0),0)),0)</f>
        <v>0</v>
      </c>
      <c r="F3785" cm="1">
        <f t="array" ref="F3785">IFERROR(INDEX(Jesper!AJ$2:AJ$366,ROUNDDOWN($C3785/24,0)+1,1)*INDEX($D$3:$AA$30,INDEX(Jesper!$R$2:$R$366,ROW(INDEX(Jesper!AJ$2:AJ$366,ROUNDDOWN($C3785/24,0)+1,1))-1)+IF('Standard Profiles'!$G$20=$B$10,7,0)+IF('Standard Profiles'!$G$20=$B$17,14,0)+IF('Standard Profiles'!$G$20=$B$24,21,0),MOD($C3785,24)+1)/SUM(INDEX($D$3:$AA$30,INDEX(Jesper!$R$2:$R$366,ROW(INDEX(Jesper!AJ$2:AJ$366,ROUNDDOWN($C3785/24,0)+1,1))-1)+IF('Standard Profiles'!$G$20=$B$10,7,0)+IF('Standard Profiles'!$G$20=$B$17,14,0)+IF('Standard Profiles'!$G$20=$B$24,21,0),0)),0)</f>
        <v>0</v>
      </c>
      <c r="G3785" cm="1">
        <f t="array" ref="G3785">IFERROR(INDEX(Jesper!AK$2:AK$366,ROUNDDOWN($C3785/24,0)+1,1)*INDEX($D$3:$AA$30,INDEX(Jesper!$R$2:$R$366,ROW(INDEX(Jesper!AK$2:AK$366,ROUNDDOWN($C3785/24,0)+1,1))-1)+IF('Standard Profiles'!$G$21=$B$10,7,0)+IF('Standard Profiles'!$G$21=$B$17,14,0)+IF('Standard Profiles'!$G$21=$B$24,21,0),MOD($C3785,24)+1)/SUM(INDEX($D$3:$AA$30,INDEX(Jesper!$R$2:$R$366,ROW(INDEX(Jesper!AK$2:AK$366,ROUNDDOWN($C3785/24,0)+1,1))-1)+IF('Standard Profiles'!$G$21=$B$10,7,0)+IF('Standard Profiles'!$G$21=$B$17,14,0)+IF('Standard Profiles'!$G$21=$B$24,21,0),0)),0)</f>
        <v>0</v>
      </c>
      <c r="H3785" cm="1">
        <f t="array" ref="H3785">IFERROR(INDEX(Jesper!AL$2:AL$366,ROUNDDOWN($C3785/24,0)+1,1)*INDEX($D$3:$AA$30,INDEX(Jesper!$R$2:$R$366,ROW(INDEX(Jesper!AL$2:AL$366,ROUNDDOWN($C3785/24,0)+1,1))-1)+IF('Standard Profiles'!$G$22=$B$10,7,0)+IF('Standard Profiles'!$G$22=$B$17,14,0)+IF('Standard Profiles'!$G$22=$B$24,21,0),MOD($C3785,24)+1)/SUM(INDEX($D$3:$AA$30,INDEX(Jesper!$R$2:$R$366,ROW(INDEX(Jesper!AL$2:AL$366,ROUNDDOWN($C3785/24,0)+1,1))-1)+IF('Standard Profiles'!$G$22=$B$10,7,0)+IF('Standard Profiles'!$G$22=$B$17,14,0)+IF('Standard Profiles'!$G$22=$B$24,21,0),0)),0)</f>
        <v>0</v>
      </c>
      <c r="I3785">
        <f t="shared" si="426"/>
        <v>0.32396455809823282</v>
      </c>
      <c r="J3785">
        <f t="shared" si="427"/>
        <v>1.0798818603274429</v>
      </c>
      <c r="K3785">
        <f t="shared" si="428"/>
        <v>1.6198227904911642</v>
      </c>
      <c r="L3785">
        <f t="shared" si="429"/>
        <v>7.7751493943575882</v>
      </c>
      <c r="M3785">
        <f t="shared" si="430"/>
        <v>0</v>
      </c>
      <c r="N3785" s="46">
        <f t="shared" si="431"/>
        <v>45448.291666657569</v>
      </c>
    </row>
    <row r="3786" spans="2:14" x14ac:dyDescent="0.3">
      <c r="B3786">
        <f t="shared" si="425"/>
        <v>3</v>
      </c>
      <c r="C3786" s="16">
        <v>3752</v>
      </c>
      <c r="D3786" cm="1">
        <f t="array" ref="D3786">IFERROR(INDEX(Jesper!AH$2:AH$366,ROUNDDOWN($C3786/24,0)+1,1)*INDEX($D$3:$AA$30,INDEX(Jesper!$R$2:$R$366,ROW(INDEX(Jesper!AH$2:AH$366,ROUNDDOWN($C3786/24,0)+1,1))-1)+IF('Standard Profiles'!$G$18=$B$10,7,0)+IF('Standard Profiles'!$G$18=$B$17,14,0)+IF('Standard Profiles'!$G$18=$B$24,21,0),MOD($C3786,24)+1)/SUM(INDEX($D$3:$AA$30,INDEX(Jesper!$R$2:$R$366,ROW(INDEX(Jesper!AH$2:AH$366,ROUNDDOWN($C3786/24,0)+1,1))-1)+IF('Standard Profiles'!$G$18=$B$10,7,0)+IF('Standard Profiles'!$G$18=$B$17,14,0)+IF('Standard Profiles'!$G$18=$B$24,21,0),0)),0)</f>
        <v>10.798818603274428</v>
      </c>
      <c r="E3786" cm="1">
        <f t="array" ref="E3786">IFERROR(INDEX(Jesper!AI$2:AI$366,ROUNDDOWN($C3786/24,0)+1,1)*INDEX($D$3:$AA$30,INDEX(Jesper!$R$2:$R$366,ROW(INDEX(Jesper!AI$2:AI$366,ROUNDDOWN($C3786/24,0)+1,1))-1)+IF('Standard Profiles'!$G$19=$B$10,7,0)+IF('Standard Profiles'!$G$19=$B$17,14,0)+IF('Standard Profiles'!$G$19=$B$24,21,0),MOD($C3786,24)+1)/SUM(INDEX($D$3:$AA$30,INDEX(Jesper!$R$2:$R$366,ROW(INDEX(Jesper!AI$2:AI$366,ROUNDDOWN($C3786/24,0)+1,1))-1)+IF('Standard Profiles'!$G$19=$B$10,7,0)+IF('Standard Profiles'!$G$19=$B$17,14,0)+IF('Standard Profiles'!$G$19=$B$24,21,0),0)),0)</f>
        <v>0</v>
      </c>
      <c r="F3786" cm="1">
        <f t="array" ref="F3786">IFERROR(INDEX(Jesper!AJ$2:AJ$366,ROUNDDOWN($C3786/24,0)+1,1)*INDEX($D$3:$AA$30,INDEX(Jesper!$R$2:$R$366,ROW(INDEX(Jesper!AJ$2:AJ$366,ROUNDDOWN($C3786/24,0)+1,1))-1)+IF('Standard Profiles'!$G$20=$B$10,7,0)+IF('Standard Profiles'!$G$20=$B$17,14,0)+IF('Standard Profiles'!$G$20=$B$24,21,0),MOD($C3786,24)+1)/SUM(INDEX($D$3:$AA$30,INDEX(Jesper!$R$2:$R$366,ROW(INDEX(Jesper!AJ$2:AJ$366,ROUNDDOWN($C3786/24,0)+1,1))-1)+IF('Standard Profiles'!$G$20=$B$10,7,0)+IF('Standard Profiles'!$G$20=$B$17,14,0)+IF('Standard Profiles'!$G$20=$B$24,21,0),0)),0)</f>
        <v>0</v>
      </c>
      <c r="G3786" cm="1">
        <f t="array" ref="G3786">IFERROR(INDEX(Jesper!AK$2:AK$366,ROUNDDOWN($C3786/24,0)+1,1)*INDEX($D$3:$AA$30,INDEX(Jesper!$R$2:$R$366,ROW(INDEX(Jesper!AK$2:AK$366,ROUNDDOWN($C3786/24,0)+1,1))-1)+IF('Standard Profiles'!$G$21=$B$10,7,0)+IF('Standard Profiles'!$G$21=$B$17,14,0)+IF('Standard Profiles'!$G$21=$B$24,21,0),MOD($C3786,24)+1)/SUM(INDEX($D$3:$AA$30,INDEX(Jesper!$R$2:$R$366,ROW(INDEX(Jesper!AK$2:AK$366,ROUNDDOWN($C3786/24,0)+1,1))-1)+IF('Standard Profiles'!$G$21=$B$10,7,0)+IF('Standard Profiles'!$G$21=$B$17,14,0)+IF('Standard Profiles'!$G$21=$B$24,21,0),0)),0)</f>
        <v>0</v>
      </c>
      <c r="H3786" cm="1">
        <f t="array" ref="H3786">IFERROR(INDEX(Jesper!AL$2:AL$366,ROUNDDOWN($C3786/24,0)+1,1)*INDEX($D$3:$AA$30,INDEX(Jesper!$R$2:$R$366,ROW(INDEX(Jesper!AL$2:AL$366,ROUNDDOWN($C3786/24,0)+1,1))-1)+IF('Standard Profiles'!$G$22=$B$10,7,0)+IF('Standard Profiles'!$G$22=$B$17,14,0)+IF('Standard Profiles'!$G$22=$B$24,21,0),MOD($C3786,24)+1)/SUM(INDEX($D$3:$AA$30,INDEX(Jesper!$R$2:$R$366,ROW(INDEX(Jesper!AL$2:AL$366,ROUNDDOWN($C3786/24,0)+1,1))-1)+IF('Standard Profiles'!$G$22=$B$10,7,0)+IF('Standard Profiles'!$G$22=$B$17,14,0)+IF('Standard Profiles'!$G$22=$B$24,21,0),0)),0)</f>
        <v>0</v>
      </c>
      <c r="I3786">
        <f t="shared" si="426"/>
        <v>0.32396455809823282</v>
      </c>
      <c r="J3786">
        <f t="shared" si="427"/>
        <v>1.0798818603274429</v>
      </c>
      <c r="K3786">
        <f t="shared" si="428"/>
        <v>1.6198227904911642</v>
      </c>
      <c r="L3786">
        <f t="shared" si="429"/>
        <v>7.7751493943575882</v>
      </c>
      <c r="M3786">
        <f t="shared" si="430"/>
        <v>0</v>
      </c>
      <c r="N3786" s="46">
        <f t="shared" si="431"/>
        <v>45448.333333324234</v>
      </c>
    </row>
    <row r="3787" spans="2:14" x14ac:dyDescent="0.3">
      <c r="B3787">
        <f t="shared" si="425"/>
        <v>3</v>
      </c>
      <c r="C3787" s="16">
        <v>3753</v>
      </c>
      <c r="D3787" cm="1">
        <f t="array" ref="D3787">IFERROR(INDEX(Jesper!AH$2:AH$366,ROUNDDOWN($C3787/24,0)+1,1)*INDEX($D$3:$AA$30,INDEX(Jesper!$R$2:$R$366,ROW(INDEX(Jesper!AH$2:AH$366,ROUNDDOWN($C3787/24,0)+1,1))-1)+IF('Standard Profiles'!$G$18=$B$10,7,0)+IF('Standard Profiles'!$G$18=$B$17,14,0)+IF('Standard Profiles'!$G$18=$B$24,21,0),MOD($C3787,24)+1)/SUM(INDEX($D$3:$AA$30,INDEX(Jesper!$R$2:$R$366,ROW(INDEX(Jesper!AH$2:AH$366,ROUNDDOWN($C3787/24,0)+1,1))-1)+IF('Standard Profiles'!$G$18=$B$10,7,0)+IF('Standard Profiles'!$G$18=$B$17,14,0)+IF('Standard Profiles'!$G$18=$B$24,21,0),0)),0)</f>
        <v>11.604700588593415</v>
      </c>
      <c r="E3787" cm="1">
        <f t="array" ref="E3787">IFERROR(INDEX(Jesper!AI$2:AI$366,ROUNDDOWN($C3787/24,0)+1,1)*INDEX($D$3:$AA$30,INDEX(Jesper!$R$2:$R$366,ROW(INDEX(Jesper!AI$2:AI$366,ROUNDDOWN($C3787/24,0)+1,1))-1)+IF('Standard Profiles'!$G$19=$B$10,7,0)+IF('Standard Profiles'!$G$19=$B$17,14,0)+IF('Standard Profiles'!$G$19=$B$24,21,0),MOD($C3787,24)+1)/SUM(INDEX($D$3:$AA$30,INDEX(Jesper!$R$2:$R$366,ROW(INDEX(Jesper!AI$2:AI$366,ROUNDDOWN($C3787/24,0)+1,1))-1)+IF('Standard Profiles'!$G$19=$B$10,7,0)+IF('Standard Profiles'!$G$19=$B$17,14,0)+IF('Standard Profiles'!$G$19=$B$24,21,0),0)),0)</f>
        <v>0</v>
      </c>
      <c r="F3787" cm="1">
        <f t="array" ref="F3787">IFERROR(INDEX(Jesper!AJ$2:AJ$366,ROUNDDOWN($C3787/24,0)+1,1)*INDEX($D$3:$AA$30,INDEX(Jesper!$R$2:$R$366,ROW(INDEX(Jesper!AJ$2:AJ$366,ROUNDDOWN($C3787/24,0)+1,1))-1)+IF('Standard Profiles'!$G$20=$B$10,7,0)+IF('Standard Profiles'!$G$20=$B$17,14,0)+IF('Standard Profiles'!$G$20=$B$24,21,0),MOD($C3787,24)+1)/SUM(INDEX($D$3:$AA$30,INDEX(Jesper!$R$2:$R$366,ROW(INDEX(Jesper!AJ$2:AJ$366,ROUNDDOWN($C3787/24,0)+1,1))-1)+IF('Standard Profiles'!$G$20=$B$10,7,0)+IF('Standard Profiles'!$G$20=$B$17,14,0)+IF('Standard Profiles'!$G$20=$B$24,21,0),0)),0)</f>
        <v>0</v>
      </c>
      <c r="G3787" cm="1">
        <f t="array" ref="G3787">IFERROR(INDEX(Jesper!AK$2:AK$366,ROUNDDOWN($C3787/24,0)+1,1)*INDEX($D$3:$AA$30,INDEX(Jesper!$R$2:$R$366,ROW(INDEX(Jesper!AK$2:AK$366,ROUNDDOWN($C3787/24,0)+1,1))-1)+IF('Standard Profiles'!$G$21=$B$10,7,0)+IF('Standard Profiles'!$G$21=$B$17,14,0)+IF('Standard Profiles'!$G$21=$B$24,21,0),MOD($C3787,24)+1)/SUM(INDEX($D$3:$AA$30,INDEX(Jesper!$R$2:$R$366,ROW(INDEX(Jesper!AK$2:AK$366,ROUNDDOWN($C3787/24,0)+1,1))-1)+IF('Standard Profiles'!$G$21=$B$10,7,0)+IF('Standard Profiles'!$G$21=$B$17,14,0)+IF('Standard Profiles'!$G$21=$B$24,21,0),0)),0)</f>
        <v>0</v>
      </c>
      <c r="H3787" cm="1">
        <f t="array" ref="H3787">IFERROR(INDEX(Jesper!AL$2:AL$366,ROUNDDOWN($C3787/24,0)+1,1)*INDEX($D$3:$AA$30,INDEX(Jesper!$R$2:$R$366,ROW(INDEX(Jesper!AL$2:AL$366,ROUNDDOWN($C3787/24,0)+1,1))-1)+IF('Standard Profiles'!$G$22=$B$10,7,0)+IF('Standard Profiles'!$G$22=$B$17,14,0)+IF('Standard Profiles'!$G$22=$B$24,21,0),MOD($C3787,24)+1)/SUM(INDEX($D$3:$AA$30,INDEX(Jesper!$R$2:$R$366,ROW(INDEX(Jesper!AL$2:AL$366,ROUNDDOWN($C3787/24,0)+1,1))-1)+IF('Standard Profiles'!$G$22=$B$10,7,0)+IF('Standard Profiles'!$G$22=$B$17,14,0)+IF('Standard Profiles'!$G$22=$B$24,21,0),0)),0)</f>
        <v>0</v>
      </c>
      <c r="I3787">
        <f t="shared" si="426"/>
        <v>0.34814101765780242</v>
      </c>
      <c r="J3787">
        <f t="shared" si="427"/>
        <v>1.1604700588593415</v>
      </c>
      <c r="K3787">
        <f t="shared" si="428"/>
        <v>1.7407050882890123</v>
      </c>
      <c r="L3787">
        <f t="shared" si="429"/>
        <v>8.3553844237872585</v>
      </c>
      <c r="M3787">
        <f t="shared" si="430"/>
        <v>0</v>
      </c>
      <c r="N3787" s="46">
        <f t="shared" si="431"/>
        <v>45448.374999990898</v>
      </c>
    </row>
    <row r="3788" spans="2:14" x14ac:dyDescent="0.3">
      <c r="B3788">
        <f t="shared" si="425"/>
        <v>3</v>
      </c>
      <c r="C3788" s="16">
        <v>3754</v>
      </c>
      <c r="D3788" cm="1">
        <f t="array" ref="D3788">IFERROR(INDEX(Jesper!AH$2:AH$366,ROUNDDOWN($C3788/24,0)+1,1)*INDEX($D$3:$AA$30,INDEX(Jesper!$R$2:$R$366,ROW(INDEX(Jesper!AH$2:AH$366,ROUNDDOWN($C3788/24,0)+1,1))-1)+IF('Standard Profiles'!$G$18=$B$10,7,0)+IF('Standard Profiles'!$G$18=$B$17,14,0)+IF('Standard Profiles'!$G$18=$B$24,21,0),MOD($C3788,24)+1)/SUM(INDEX($D$3:$AA$30,INDEX(Jesper!$R$2:$R$366,ROW(INDEX(Jesper!AH$2:AH$366,ROUNDDOWN($C3788/24,0)+1,1))-1)+IF('Standard Profiles'!$G$18=$B$10,7,0)+IF('Standard Profiles'!$G$18=$B$17,14,0)+IF('Standard Profiles'!$G$18=$B$24,21,0),0)),0)</f>
        <v>12.5717589709762</v>
      </c>
      <c r="E3788" cm="1">
        <f t="array" ref="E3788">IFERROR(INDEX(Jesper!AI$2:AI$366,ROUNDDOWN($C3788/24,0)+1,1)*INDEX($D$3:$AA$30,INDEX(Jesper!$R$2:$R$366,ROW(INDEX(Jesper!AI$2:AI$366,ROUNDDOWN($C3788/24,0)+1,1))-1)+IF('Standard Profiles'!$G$19=$B$10,7,0)+IF('Standard Profiles'!$G$19=$B$17,14,0)+IF('Standard Profiles'!$G$19=$B$24,21,0),MOD($C3788,24)+1)/SUM(INDEX($D$3:$AA$30,INDEX(Jesper!$R$2:$R$366,ROW(INDEX(Jesper!AI$2:AI$366,ROUNDDOWN($C3788/24,0)+1,1))-1)+IF('Standard Profiles'!$G$19=$B$10,7,0)+IF('Standard Profiles'!$G$19=$B$17,14,0)+IF('Standard Profiles'!$G$19=$B$24,21,0),0)),0)</f>
        <v>0</v>
      </c>
      <c r="F3788" cm="1">
        <f t="array" ref="F3788">IFERROR(INDEX(Jesper!AJ$2:AJ$366,ROUNDDOWN($C3788/24,0)+1,1)*INDEX($D$3:$AA$30,INDEX(Jesper!$R$2:$R$366,ROW(INDEX(Jesper!AJ$2:AJ$366,ROUNDDOWN($C3788/24,0)+1,1))-1)+IF('Standard Profiles'!$G$20=$B$10,7,0)+IF('Standard Profiles'!$G$20=$B$17,14,0)+IF('Standard Profiles'!$G$20=$B$24,21,0),MOD($C3788,24)+1)/SUM(INDEX($D$3:$AA$30,INDEX(Jesper!$R$2:$R$366,ROW(INDEX(Jesper!AJ$2:AJ$366,ROUNDDOWN($C3788/24,0)+1,1))-1)+IF('Standard Profiles'!$G$20=$B$10,7,0)+IF('Standard Profiles'!$G$20=$B$17,14,0)+IF('Standard Profiles'!$G$20=$B$24,21,0),0)),0)</f>
        <v>0</v>
      </c>
      <c r="G3788" cm="1">
        <f t="array" ref="G3788">IFERROR(INDEX(Jesper!AK$2:AK$366,ROUNDDOWN($C3788/24,0)+1,1)*INDEX($D$3:$AA$30,INDEX(Jesper!$R$2:$R$366,ROW(INDEX(Jesper!AK$2:AK$366,ROUNDDOWN($C3788/24,0)+1,1))-1)+IF('Standard Profiles'!$G$21=$B$10,7,0)+IF('Standard Profiles'!$G$21=$B$17,14,0)+IF('Standard Profiles'!$G$21=$B$24,21,0),MOD($C3788,24)+1)/SUM(INDEX($D$3:$AA$30,INDEX(Jesper!$R$2:$R$366,ROW(INDEX(Jesper!AK$2:AK$366,ROUNDDOWN($C3788/24,0)+1,1))-1)+IF('Standard Profiles'!$G$21=$B$10,7,0)+IF('Standard Profiles'!$G$21=$B$17,14,0)+IF('Standard Profiles'!$G$21=$B$24,21,0),0)),0)</f>
        <v>0</v>
      </c>
      <c r="H3788" cm="1">
        <f t="array" ref="H3788">IFERROR(INDEX(Jesper!AL$2:AL$366,ROUNDDOWN($C3788/24,0)+1,1)*INDEX($D$3:$AA$30,INDEX(Jesper!$R$2:$R$366,ROW(INDEX(Jesper!AL$2:AL$366,ROUNDDOWN($C3788/24,0)+1,1))-1)+IF('Standard Profiles'!$G$22=$B$10,7,0)+IF('Standard Profiles'!$G$22=$B$17,14,0)+IF('Standard Profiles'!$G$22=$B$24,21,0),MOD($C3788,24)+1)/SUM(INDEX($D$3:$AA$30,INDEX(Jesper!$R$2:$R$366,ROW(INDEX(Jesper!AL$2:AL$366,ROUNDDOWN($C3788/24,0)+1,1))-1)+IF('Standard Profiles'!$G$22=$B$10,7,0)+IF('Standard Profiles'!$G$22=$B$17,14,0)+IF('Standard Profiles'!$G$22=$B$24,21,0),0)),0)</f>
        <v>0</v>
      </c>
      <c r="I3788">
        <f t="shared" si="426"/>
        <v>0.37715276912928597</v>
      </c>
      <c r="J3788">
        <f t="shared" si="427"/>
        <v>1.2571758970976201</v>
      </c>
      <c r="K3788">
        <f t="shared" si="428"/>
        <v>1.8857638456464298</v>
      </c>
      <c r="L3788">
        <f t="shared" si="429"/>
        <v>9.0516664591028633</v>
      </c>
      <c r="M3788">
        <f t="shared" si="430"/>
        <v>0</v>
      </c>
      <c r="N3788" s="46">
        <f t="shared" si="431"/>
        <v>45448.416666657562</v>
      </c>
    </row>
    <row r="3789" spans="2:14" x14ac:dyDescent="0.3">
      <c r="B3789">
        <f t="shared" si="425"/>
        <v>3</v>
      </c>
      <c r="C3789" s="16">
        <v>3755</v>
      </c>
      <c r="D3789" cm="1">
        <f t="array" ref="D3789">IFERROR(INDEX(Jesper!AH$2:AH$366,ROUNDDOWN($C3789/24,0)+1,1)*INDEX($D$3:$AA$30,INDEX(Jesper!$R$2:$R$366,ROW(INDEX(Jesper!AH$2:AH$366,ROUNDDOWN($C3789/24,0)+1,1))-1)+IF('Standard Profiles'!$G$18=$B$10,7,0)+IF('Standard Profiles'!$G$18=$B$17,14,0)+IF('Standard Profiles'!$G$18=$B$24,21,0),MOD($C3789,24)+1)/SUM(INDEX($D$3:$AA$30,INDEX(Jesper!$R$2:$R$366,ROW(INDEX(Jesper!AH$2:AH$366,ROUNDDOWN($C3789/24,0)+1,1))-1)+IF('Standard Profiles'!$G$18=$B$10,7,0)+IF('Standard Profiles'!$G$18=$B$17,14,0)+IF('Standard Profiles'!$G$18=$B$24,21,0),0)),0)</f>
        <v>14.505875735741768</v>
      </c>
      <c r="E3789" cm="1">
        <f t="array" ref="E3789">IFERROR(INDEX(Jesper!AI$2:AI$366,ROUNDDOWN($C3789/24,0)+1,1)*INDEX($D$3:$AA$30,INDEX(Jesper!$R$2:$R$366,ROW(INDEX(Jesper!AI$2:AI$366,ROUNDDOWN($C3789/24,0)+1,1))-1)+IF('Standard Profiles'!$G$19=$B$10,7,0)+IF('Standard Profiles'!$G$19=$B$17,14,0)+IF('Standard Profiles'!$G$19=$B$24,21,0),MOD($C3789,24)+1)/SUM(INDEX($D$3:$AA$30,INDEX(Jesper!$R$2:$R$366,ROW(INDEX(Jesper!AI$2:AI$366,ROUNDDOWN($C3789/24,0)+1,1))-1)+IF('Standard Profiles'!$G$19=$B$10,7,0)+IF('Standard Profiles'!$G$19=$B$17,14,0)+IF('Standard Profiles'!$G$19=$B$24,21,0),0)),0)</f>
        <v>0</v>
      </c>
      <c r="F3789" cm="1">
        <f t="array" ref="F3789">IFERROR(INDEX(Jesper!AJ$2:AJ$366,ROUNDDOWN($C3789/24,0)+1,1)*INDEX($D$3:$AA$30,INDEX(Jesper!$R$2:$R$366,ROW(INDEX(Jesper!AJ$2:AJ$366,ROUNDDOWN($C3789/24,0)+1,1))-1)+IF('Standard Profiles'!$G$20=$B$10,7,0)+IF('Standard Profiles'!$G$20=$B$17,14,0)+IF('Standard Profiles'!$G$20=$B$24,21,0),MOD($C3789,24)+1)/SUM(INDEX($D$3:$AA$30,INDEX(Jesper!$R$2:$R$366,ROW(INDEX(Jesper!AJ$2:AJ$366,ROUNDDOWN($C3789/24,0)+1,1))-1)+IF('Standard Profiles'!$G$20=$B$10,7,0)+IF('Standard Profiles'!$G$20=$B$17,14,0)+IF('Standard Profiles'!$G$20=$B$24,21,0),0)),0)</f>
        <v>0</v>
      </c>
      <c r="G3789" cm="1">
        <f t="array" ref="G3789">IFERROR(INDEX(Jesper!AK$2:AK$366,ROUNDDOWN($C3789/24,0)+1,1)*INDEX($D$3:$AA$30,INDEX(Jesper!$R$2:$R$366,ROW(INDEX(Jesper!AK$2:AK$366,ROUNDDOWN($C3789/24,0)+1,1))-1)+IF('Standard Profiles'!$G$21=$B$10,7,0)+IF('Standard Profiles'!$G$21=$B$17,14,0)+IF('Standard Profiles'!$G$21=$B$24,21,0),MOD($C3789,24)+1)/SUM(INDEX($D$3:$AA$30,INDEX(Jesper!$R$2:$R$366,ROW(INDEX(Jesper!AK$2:AK$366,ROUNDDOWN($C3789/24,0)+1,1))-1)+IF('Standard Profiles'!$G$21=$B$10,7,0)+IF('Standard Profiles'!$G$21=$B$17,14,0)+IF('Standard Profiles'!$G$21=$B$24,21,0),0)),0)</f>
        <v>0</v>
      </c>
      <c r="H3789" cm="1">
        <f t="array" ref="H3789">IFERROR(INDEX(Jesper!AL$2:AL$366,ROUNDDOWN($C3789/24,0)+1,1)*INDEX($D$3:$AA$30,INDEX(Jesper!$R$2:$R$366,ROW(INDEX(Jesper!AL$2:AL$366,ROUNDDOWN($C3789/24,0)+1,1))-1)+IF('Standard Profiles'!$G$22=$B$10,7,0)+IF('Standard Profiles'!$G$22=$B$17,14,0)+IF('Standard Profiles'!$G$22=$B$24,21,0),MOD($C3789,24)+1)/SUM(INDEX($D$3:$AA$30,INDEX(Jesper!$R$2:$R$366,ROW(INDEX(Jesper!AL$2:AL$366,ROUNDDOWN($C3789/24,0)+1,1))-1)+IF('Standard Profiles'!$G$22=$B$10,7,0)+IF('Standard Profiles'!$G$22=$B$17,14,0)+IF('Standard Profiles'!$G$22=$B$24,21,0),0)),0)</f>
        <v>0</v>
      </c>
      <c r="I3789">
        <f t="shared" si="426"/>
        <v>0.43517627207225301</v>
      </c>
      <c r="J3789">
        <f t="shared" si="427"/>
        <v>1.4505875735741769</v>
      </c>
      <c r="K3789">
        <f t="shared" si="428"/>
        <v>2.1758813603612652</v>
      </c>
      <c r="L3789">
        <f t="shared" si="429"/>
        <v>10.444230529734073</v>
      </c>
      <c r="M3789">
        <f t="shared" si="430"/>
        <v>0</v>
      </c>
      <c r="N3789" s="46">
        <f t="shared" si="431"/>
        <v>45448.458333324226</v>
      </c>
    </row>
    <row r="3790" spans="2:14" x14ac:dyDescent="0.3">
      <c r="B3790">
        <f t="shared" si="425"/>
        <v>3</v>
      </c>
      <c r="C3790" s="16">
        <v>3756</v>
      </c>
      <c r="D3790" cm="1">
        <f t="array" ref="D3790">IFERROR(INDEX(Jesper!AH$2:AH$366,ROUNDDOWN($C3790/24,0)+1,1)*INDEX($D$3:$AA$30,INDEX(Jesper!$R$2:$R$366,ROW(INDEX(Jesper!AH$2:AH$366,ROUNDDOWN($C3790/24,0)+1,1))-1)+IF('Standard Profiles'!$G$18=$B$10,7,0)+IF('Standard Profiles'!$G$18=$B$17,14,0)+IF('Standard Profiles'!$G$18=$B$24,21,0),MOD($C3790,24)+1)/SUM(INDEX($D$3:$AA$30,INDEX(Jesper!$R$2:$R$366,ROW(INDEX(Jesper!AH$2:AH$366,ROUNDDOWN($C3790/24,0)+1,1))-1)+IF('Standard Profiles'!$G$18=$B$10,7,0)+IF('Standard Profiles'!$G$18=$B$17,14,0)+IF('Standard Profiles'!$G$18=$B$24,21,0),0)),0)</f>
        <v>14.505875735741768</v>
      </c>
      <c r="E3790" cm="1">
        <f t="array" ref="E3790">IFERROR(INDEX(Jesper!AI$2:AI$366,ROUNDDOWN($C3790/24,0)+1,1)*INDEX($D$3:$AA$30,INDEX(Jesper!$R$2:$R$366,ROW(INDEX(Jesper!AI$2:AI$366,ROUNDDOWN($C3790/24,0)+1,1))-1)+IF('Standard Profiles'!$G$19=$B$10,7,0)+IF('Standard Profiles'!$G$19=$B$17,14,0)+IF('Standard Profiles'!$G$19=$B$24,21,0),MOD($C3790,24)+1)/SUM(INDEX($D$3:$AA$30,INDEX(Jesper!$R$2:$R$366,ROW(INDEX(Jesper!AI$2:AI$366,ROUNDDOWN($C3790/24,0)+1,1))-1)+IF('Standard Profiles'!$G$19=$B$10,7,0)+IF('Standard Profiles'!$G$19=$B$17,14,0)+IF('Standard Profiles'!$G$19=$B$24,21,0),0)),0)</f>
        <v>0</v>
      </c>
      <c r="F3790" cm="1">
        <f t="array" ref="F3790">IFERROR(INDEX(Jesper!AJ$2:AJ$366,ROUNDDOWN($C3790/24,0)+1,1)*INDEX($D$3:$AA$30,INDEX(Jesper!$R$2:$R$366,ROW(INDEX(Jesper!AJ$2:AJ$366,ROUNDDOWN($C3790/24,0)+1,1))-1)+IF('Standard Profiles'!$G$20=$B$10,7,0)+IF('Standard Profiles'!$G$20=$B$17,14,0)+IF('Standard Profiles'!$G$20=$B$24,21,0),MOD($C3790,24)+1)/SUM(INDEX($D$3:$AA$30,INDEX(Jesper!$R$2:$R$366,ROW(INDEX(Jesper!AJ$2:AJ$366,ROUNDDOWN($C3790/24,0)+1,1))-1)+IF('Standard Profiles'!$G$20=$B$10,7,0)+IF('Standard Profiles'!$G$20=$B$17,14,0)+IF('Standard Profiles'!$G$20=$B$24,21,0),0)),0)</f>
        <v>0</v>
      </c>
      <c r="G3790" cm="1">
        <f t="array" ref="G3790">IFERROR(INDEX(Jesper!AK$2:AK$366,ROUNDDOWN($C3790/24,0)+1,1)*INDEX($D$3:$AA$30,INDEX(Jesper!$R$2:$R$366,ROW(INDEX(Jesper!AK$2:AK$366,ROUNDDOWN($C3790/24,0)+1,1))-1)+IF('Standard Profiles'!$G$21=$B$10,7,0)+IF('Standard Profiles'!$G$21=$B$17,14,0)+IF('Standard Profiles'!$G$21=$B$24,21,0),MOD($C3790,24)+1)/SUM(INDEX($D$3:$AA$30,INDEX(Jesper!$R$2:$R$366,ROW(INDEX(Jesper!AK$2:AK$366,ROUNDDOWN($C3790/24,0)+1,1))-1)+IF('Standard Profiles'!$G$21=$B$10,7,0)+IF('Standard Profiles'!$G$21=$B$17,14,0)+IF('Standard Profiles'!$G$21=$B$24,21,0),0)),0)</f>
        <v>0</v>
      </c>
      <c r="H3790" cm="1">
        <f t="array" ref="H3790">IFERROR(INDEX(Jesper!AL$2:AL$366,ROUNDDOWN($C3790/24,0)+1,1)*INDEX($D$3:$AA$30,INDEX(Jesper!$R$2:$R$366,ROW(INDEX(Jesper!AL$2:AL$366,ROUNDDOWN($C3790/24,0)+1,1))-1)+IF('Standard Profiles'!$G$22=$B$10,7,0)+IF('Standard Profiles'!$G$22=$B$17,14,0)+IF('Standard Profiles'!$G$22=$B$24,21,0),MOD($C3790,24)+1)/SUM(INDEX($D$3:$AA$30,INDEX(Jesper!$R$2:$R$366,ROW(INDEX(Jesper!AL$2:AL$366,ROUNDDOWN($C3790/24,0)+1,1))-1)+IF('Standard Profiles'!$G$22=$B$10,7,0)+IF('Standard Profiles'!$G$22=$B$17,14,0)+IF('Standard Profiles'!$G$22=$B$24,21,0),0)),0)</f>
        <v>0</v>
      </c>
      <c r="I3790">
        <f t="shared" si="426"/>
        <v>0.43517627207225301</v>
      </c>
      <c r="J3790">
        <f t="shared" si="427"/>
        <v>1.4505875735741769</v>
      </c>
      <c r="K3790">
        <f t="shared" si="428"/>
        <v>2.1758813603612652</v>
      </c>
      <c r="L3790">
        <f t="shared" si="429"/>
        <v>10.444230529734073</v>
      </c>
      <c r="M3790">
        <f t="shared" si="430"/>
        <v>0</v>
      </c>
      <c r="N3790" s="46">
        <f t="shared" si="431"/>
        <v>45448.499999990891</v>
      </c>
    </row>
    <row r="3791" spans="2:14" x14ac:dyDescent="0.3">
      <c r="B3791">
        <f t="shared" si="425"/>
        <v>3</v>
      </c>
      <c r="C3791" s="16">
        <v>3757</v>
      </c>
      <c r="D3791" cm="1">
        <f t="array" ref="D3791">IFERROR(INDEX(Jesper!AH$2:AH$366,ROUNDDOWN($C3791/24,0)+1,1)*INDEX($D$3:$AA$30,INDEX(Jesper!$R$2:$R$366,ROW(INDEX(Jesper!AH$2:AH$366,ROUNDDOWN($C3791/24,0)+1,1))-1)+IF('Standard Profiles'!$G$18=$B$10,7,0)+IF('Standard Profiles'!$G$18=$B$17,14,0)+IF('Standard Profiles'!$G$18=$B$24,21,0),MOD($C3791,24)+1)/SUM(INDEX($D$3:$AA$30,INDEX(Jesper!$R$2:$R$366,ROW(INDEX(Jesper!AH$2:AH$366,ROUNDDOWN($C3791/24,0)+1,1))-1)+IF('Standard Profiles'!$G$18=$B$10,7,0)+IF('Standard Profiles'!$G$18=$B$17,14,0)+IF('Standard Profiles'!$G$18=$B$24,21,0),0)),0)</f>
        <v>14.505875735741768</v>
      </c>
      <c r="E3791" cm="1">
        <f t="array" ref="E3791">IFERROR(INDEX(Jesper!AI$2:AI$366,ROUNDDOWN($C3791/24,0)+1,1)*INDEX($D$3:$AA$30,INDEX(Jesper!$R$2:$R$366,ROW(INDEX(Jesper!AI$2:AI$366,ROUNDDOWN($C3791/24,0)+1,1))-1)+IF('Standard Profiles'!$G$19=$B$10,7,0)+IF('Standard Profiles'!$G$19=$B$17,14,0)+IF('Standard Profiles'!$G$19=$B$24,21,0),MOD($C3791,24)+1)/SUM(INDEX($D$3:$AA$30,INDEX(Jesper!$R$2:$R$366,ROW(INDEX(Jesper!AI$2:AI$366,ROUNDDOWN($C3791/24,0)+1,1))-1)+IF('Standard Profiles'!$G$19=$B$10,7,0)+IF('Standard Profiles'!$G$19=$B$17,14,0)+IF('Standard Profiles'!$G$19=$B$24,21,0),0)),0)</f>
        <v>0</v>
      </c>
      <c r="F3791" cm="1">
        <f t="array" ref="F3791">IFERROR(INDEX(Jesper!AJ$2:AJ$366,ROUNDDOWN($C3791/24,0)+1,1)*INDEX($D$3:$AA$30,INDEX(Jesper!$R$2:$R$366,ROW(INDEX(Jesper!AJ$2:AJ$366,ROUNDDOWN($C3791/24,0)+1,1))-1)+IF('Standard Profiles'!$G$20=$B$10,7,0)+IF('Standard Profiles'!$G$20=$B$17,14,0)+IF('Standard Profiles'!$G$20=$B$24,21,0),MOD($C3791,24)+1)/SUM(INDEX($D$3:$AA$30,INDEX(Jesper!$R$2:$R$366,ROW(INDEX(Jesper!AJ$2:AJ$366,ROUNDDOWN($C3791/24,0)+1,1))-1)+IF('Standard Profiles'!$G$20=$B$10,7,0)+IF('Standard Profiles'!$G$20=$B$17,14,0)+IF('Standard Profiles'!$G$20=$B$24,21,0),0)),0)</f>
        <v>0</v>
      </c>
      <c r="G3791" cm="1">
        <f t="array" ref="G3791">IFERROR(INDEX(Jesper!AK$2:AK$366,ROUNDDOWN($C3791/24,0)+1,1)*INDEX($D$3:$AA$30,INDEX(Jesper!$R$2:$R$366,ROW(INDEX(Jesper!AK$2:AK$366,ROUNDDOWN($C3791/24,0)+1,1))-1)+IF('Standard Profiles'!$G$21=$B$10,7,0)+IF('Standard Profiles'!$G$21=$B$17,14,0)+IF('Standard Profiles'!$G$21=$B$24,21,0),MOD($C3791,24)+1)/SUM(INDEX($D$3:$AA$30,INDEX(Jesper!$R$2:$R$366,ROW(INDEX(Jesper!AK$2:AK$366,ROUNDDOWN($C3791/24,0)+1,1))-1)+IF('Standard Profiles'!$G$21=$B$10,7,0)+IF('Standard Profiles'!$G$21=$B$17,14,0)+IF('Standard Profiles'!$G$21=$B$24,21,0),0)),0)</f>
        <v>0</v>
      </c>
      <c r="H3791" cm="1">
        <f t="array" ref="H3791">IFERROR(INDEX(Jesper!AL$2:AL$366,ROUNDDOWN($C3791/24,0)+1,1)*INDEX($D$3:$AA$30,INDEX(Jesper!$R$2:$R$366,ROW(INDEX(Jesper!AL$2:AL$366,ROUNDDOWN($C3791/24,0)+1,1))-1)+IF('Standard Profiles'!$G$22=$B$10,7,0)+IF('Standard Profiles'!$G$22=$B$17,14,0)+IF('Standard Profiles'!$G$22=$B$24,21,0),MOD($C3791,24)+1)/SUM(INDEX($D$3:$AA$30,INDEX(Jesper!$R$2:$R$366,ROW(INDEX(Jesper!AL$2:AL$366,ROUNDDOWN($C3791/24,0)+1,1))-1)+IF('Standard Profiles'!$G$22=$B$10,7,0)+IF('Standard Profiles'!$G$22=$B$17,14,0)+IF('Standard Profiles'!$G$22=$B$24,21,0),0)),0)</f>
        <v>0</v>
      </c>
      <c r="I3791">
        <f t="shared" si="426"/>
        <v>0.43517627207225301</v>
      </c>
      <c r="J3791">
        <f t="shared" si="427"/>
        <v>1.4505875735741769</v>
      </c>
      <c r="K3791">
        <f t="shared" si="428"/>
        <v>2.1758813603612652</v>
      </c>
      <c r="L3791">
        <f t="shared" si="429"/>
        <v>10.444230529734073</v>
      </c>
      <c r="M3791">
        <f t="shared" si="430"/>
        <v>0</v>
      </c>
      <c r="N3791" s="46">
        <f t="shared" si="431"/>
        <v>45448.541666657555</v>
      </c>
    </row>
    <row r="3792" spans="2:14" x14ac:dyDescent="0.3">
      <c r="B3792">
        <f t="shared" si="425"/>
        <v>3</v>
      </c>
      <c r="C3792" s="16">
        <v>3758</v>
      </c>
      <c r="D3792" cm="1">
        <f t="array" ref="D3792">IFERROR(INDEX(Jesper!AH$2:AH$366,ROUNDDOWN($C3792/24,0)+1,1)*INDEX($D$3:$AA$30,INDEX(Jesper!$R$2:$R$366,ROW(INDEX(Jesper!AH$2:AH$366,ROUNDDOWN($C3792/24,0)+1,1))-1)+IF('Standard Profiles'!$G$18=$B$10,7,0)+IF('Standard Profiles'!$G$18=$B$17,14,0)+IF('Standard Profiles'!$G$18=$B$24,21,0),MOD($C3792,24)+1)/SUM(INDEX($D$3:$AA$30,INDEX(Jesper!$R$2:$R$366,ROW(INDEX(Jesper!AH$2:AH$366,ROUNDDOWN($C3792/24,0)+1,1))-1)+IF('Standard Profiles'!$G$18=$B$10,7,0)+IF('Standard Profiles'!$G$18=$B$17,14,0)+IF('Standard Profiles'!$G$18=$B$24,21,0),0)),0)</f>
        <v>14.505875735741768</v>
      </c>
      <c r="E3792" cm="1">
        <f t="array" ref="E3792">IFERROR(INDEX(Jesper!AI$2:AI$366,ROUNDDOWN($C3792/24,0)+1,1)*INDEX($D$3:$AA$30,INDEX(Jesper!$R$2:$R$366,ROW(INDEX(Jesper!AI$2:AI$366,ROUNDDOWN($C3792/24,0)+1,1))-1)+IF('Standard Profiles'!$G$19=$B$10,7,0)+IF('Standard Profiles'!$G$19=$B$17,14,0)+IF('Standard Profiles'!$G$19=$B$24,21,0),MOD($C3792,24)+1)/SUM(INDEX($D$3:$AA$30,INDEX(Jesper!$R$2:$R$366,ROW(INDEX(Jesper!AI$2:AI$366,ROUNDDOWN($C3792/24,0)+1,1))-1)+IF('Standard Profiles'!$G$19=$B$10,7,0)+IF('Standard Profiles'!$G$19=$B$17,14,0)+IF('Standard Profiles'!$G$19=$B$24,21,0),0)),0)</f>
        <v>0</v>
      </c>
      <c r="F3792" cm="1">
        <f t="array" ref="F3792">IFERROR(INDEX(Jesper!AJ$2:AJ$366,ROUNDDOWN($C3792/24,0)+1,1)*INDEX($D$3:$AA$30,INDEX(Jesper!$R$2:$R$366,ROW(INDEX(Jesper!AJ$2:AJ$366,ROUNDDOWN($C3792/24,0)+1,1))-1)+IF('Standard Profiles'!$G$20=$B$10,7,0)+IF('Standard Profiles'!$G$20=$B$17,14,0)+IF('Standard Profiles'!$G$20=$B$24,21,0),MOD($C3792,24)+1)/SUM(INDEX($D$3:$AA$30,INDEX(Jesper!$R$2:$R$366,ROW(INDEX(Jesper!AJ$2:AJ$366,ROUNDDOWN($C3792/24,0)+1,1))-1)+IF('Standard Profiles'!$G$20=$B$10,7,0)+IF('Standard Profiles'!$G$20=$B$17,14,0)+IF('Standard Profiles'!$G$20=$B$24,21,0),0)),0)</f>
        <v>0</v>
      </c>
      <c r="G3792" cm="1">
        <f t="array" ref="G3792">IFERROR(INDEX(Jesper!AK$2:AK$366,ROUNDDOWN($C3792/24,0)+1,1)*INDEX($D$3:$AA$30,INDEX(Jesper!$R$2:$R$366,ROW(INDEX(Jesper!AK$2:AK$366,ROUNDDOWN($C3792/24,0)+1,1))-1)+IF('Standard Profiles'!$G$21=$B$10,7,0)+IF('Standard Profiles'!$G$21=$B$17,14,0)+IF('Standard Profiles'!$G$21=$B$24,21,0),MOD($C3792,24)+1)/SUM(INDEX($D$3:$AA$30,INDEX(Jesper!$R$2:$R$366,ROW(INDEX(Jesper!AK$2:AK$366,ROUNDDOWN($C3792/24,0)+1,1))-1)+IF('Standard Profiles'!$G$21=$B$10,7,0)+IF('Standard Profiles'!$G$21=$B$17,14,0)+IF('Standard Profiles'!$G$21=$B$24,21,0),0)),0)</f>
        <v>0</v>
      </c>
      <c r="H3792" cm="1">
        <f t="array" ref="H3792">IFERROR(INDEX(Jesper!AL$2:AL$366,ROUNDDOWN($C3792/24,0)+1,1)*INDEX($D$3:$AA$30,INDEX(Jesper!$R$2:$R$366,ROW(INDEX(Jesper!AL$2:AL$366,ROUNDDOWN($C3792/24,0)+1,1))-1)+IF('Standard Profiles'!$G$22=$B$10,7,0)+IF('Standard Profiles'!$G$22=$B$17,14,0)+IF('Standard Profiles'!$G$22=$B$24,21,0),MOD($C3792,24)+1)/SUM(INDEX($D$3:$AA$30,INDEX(Jesper!$R$2:$R$366,ROW(INDEX(Jesper!AL$2:AL$366,ROUNDDOWN($C3792/24,0)+1,1))-1)+IF('Standard Profiles'!$G$22=$B$10,7,0)+IF('Standard Profiles'!$G$22=$B$17,14,0)+IF('Standard Profiles'!$G$22=$B$24,21,0),0)),0)</f>
        <v>0</v>
      </c>
      <c r="I3792">
        <f t="shared" si="426"/>
        <v>0.43517627207225301</v>
      </c>
      <c r="J3792">
        <f t="shared" si="427"/>
        <v>1.4505875735741769</v>
      </c>
      <c r="K3792">
        <f t="shared" si="428"/>
        <v>2.1758813603612652</v>
      </c>
      <c r="L3792">
        <f t="shared" si="429"/>
        <v>10.444230529734073</v>
      </c>
      <c r="M3792">
        <f t="shared" si="430"/>
        <v>0</v>
      </c>
      <c r="N3792" s="46">
        <f t="shared" si="431"/>
        <v>45448.583333324219</v>
      </c>
    </row>
    <row r="3793" spans="2:14" x14ac:dyDescent="0.3">
      <c r="B3793">
        <f t="shared" si="425"/>
        <v>3</v>
      </c>
      <c r="C3793" s="16">
        <v>3759</v>
      </c>
      <c r="D3793" cm="1">
        <f t="array" ref="D3793">IFERROR(INDEX(Jesper!AH$2:AH$366,ROUNDDOWN($C3793/24,0)+1,1)*INDEX($D$3:$AA$30,INDEX(Jesper!$R$2:$R$366,ROW(INDEX(Jesper!AH$2:AH$366,ROUNDDOWN($C3793/24,0)+1,1))-1)+IF('Standard Profiles'!$G$18=$B$10,7,0)+IF('Standard Profiles'!$G$18=$B$17,14,0)+IF('Standard Profiles'!$G$18=$B$24,21,0),MOD($C3793,24)+1)/SUM(INDEX($D$3:$AA$30,INDEX(Jesper!$R$2:$R$366,ROW(INDEX(Jesper!AH$2:AH$366,ROUNDDOWN($C3793/24,0)+1,1))-1)+IF('Standard Profiles'!$G$18=$B$10,7,0)+IF('Standard Profiles'!$G$18=$B$17,14,0)+IF('Standard Profiles'!$G$18=$B$24,21,0),0)),0)</f>
        <v>14.505875735741768</v>
      </c>
      <c r="E3793" cm="1">
        <f t="array" ref="E3793">IFERROR(INDEX(Jesper!AI$2:AI$366,ROUNDDOWN($C3793/24,0)+1,1)*INDEX($D$3:$AA$30,INDEX(Jesper!$R$2:$R$366,ROW(INDEX(Jesper!AI$2:AI$366,ROUNDDOWN($C3793/24,0)+1,1))-1)+IF('Standard Profiles'!$G$19=$B$10,7,0)+IF('Standard Profiles'!$G$19=$B$17,14,0)+IF('Standard Profiles'!$G$19=$B$24,21,0),MOD($C3793,24)+1)/SUM(INDEX($D$3:$AA$30,INDEX(Jesper!$R$2:$R$366,ROW(INDEX(Jesper!AI$2:AI$366,ROUNDDOWN($C3793/24,0)+1,1))-1)+IF('Standard Profiles'!$G$19=$B$10,7,0)+IF('Standard Profiles'!$G$19=$B$17,14,0)+IF('Standard Profiles'!$G$19=$B$24,21,0),0)),0)</f>
        <v>0</v>
      </c>
      <c r="F3793" cm="1">
        <f t="array" ref="F3793">IFERROR(INDEX(Jesper!AJ$2:AJ$366,ROUNDDOWN($C3793/24,0)+1,1)*INDEX($D$3:$AA$30,INDEX(Jesper!$R$2:$R$366,ROW(INDEX(Jesper!AJ$2:AJ$366,ROUNDDOWN($C3793/24,0)+1,1))-1)+IF('Standard Profiles'!$G$20=$B$10,7,0)+IF('Standard Profiles'!$G$20=$B$17,14,0)+IF('Standard Profiles'!$G$20=$B$24,21,0),MOD($C3793,24)+1)/SUM(INDEX($D$3:$AA$30,INDEX(Jesper!$R$2:$R$366,ROW(INDEX(Jesper!AJ$2:AJ$366,ROUNDDOWN($C3793/24,0)+1,1))-1)+IF('Standard Profiles'!$G$20=$B$10,7,0)+IF('Standard Profiles'!$G$20=$B$17,14,0)+IF('Standard Profiles'!$G$20=$B$24,21,0),0)),0)</f>
        <v>0</v>
      </c>
      <c r="G3793" cm="1">
        <f t="array" ref="G3793">IFERROR(INDEX(Jesper!AK$2:AK$366,ROUNDDOWN($C3793/24,0)+1,1)*INDEX($D$3:$AA$30,INDEX(Jesper!$R$2:$R$366,ROW(INDEX(Jesper!AK$2:AK$366,ROUNDDOWN($C3793/24,0)+1,1))-1)+IF('Standard Profiles'!$G$21=$B$10,7,0)+IF('Standard Profiles'!$G$21=$B$17,14,0)+IF('Standard Profiles'!$G$21=$B$24,21,0),MOD($C3793,24)+1)/SUM(INDEX($D$3:$AA$30,INDEX(Jesper!$R$2:$R$366,ROW(INDEX(Jesper!AK$2:AK$366,ROUNDDOWN($C3793/24,0)+1,1))-1)+IF('Standard Profiles'!$G$21=$B$10,7,0)+IF('Standard Profiles'!$G$21=$B$17,14,0)+IF('Standard Profiles'!$G$21=$B$24,21,0),0)),0)</f>
        <v>0</v>
      </c>
      <c r="H3793" cm="1">
        <f t="array" ref="H3793">IFERROR(INDEX(Jesper!AL$2:AL$366,ROUNDDOWN($C3793/24,0)+1,1)*INDEX($D$3:$AA$30,INDEX(Jesper!$R$2:$R$366,ROW(INDEX(Jesper!AL$2:AL$366,ROUNDDOWN($C3793/24,0)+1,1))-1)+IF('Standard Profiles'!$G$22=$B$10,7,0)+IF('Standard Profiles'!$G$22=$B$17,14,0)+IF('Standard Profiles'!$G$22=$B$24,21,0),MOD($C3793,24)+1)/SUM(INDEX($D$3:$AA$30,INDEX(Jesper!$R$2:$R$366,ROW(INDEX(Jesper!AL$2:AL$366,ROUNDDOWN($C3793/24,0)+1,1))-1)+IF('Standard Profiles'!$G$22=$B$10,7,0)+IF('Standard Profiles'!$G$22=$B$17,14,0)+IF('Standard Profiles'!$G$22=$B$24,21,0),0)),0)</f>
        <v>0</v>
      </c>
      <c r="I3793">
        <f t="shared" si="426"/>
        <v>0.43517627207225301</v>
      </c>
      <c r="J3793">
        <f t="shared" si="427"/>
        <v>1.4505875735741769</v>
      </c>
      <c r="K3793">
        <f t="shared" si="428"/>
        <v>2.1758813603612652</v>
      </c>
      <c r="L3793">
        <f t="shared" si="429"/>
        <v>10.444230529734073</v>
      </c>
      <c r="M3793">
        <f t="shared" si="430"/>
        <v>0</v>
      </c>
      <c r="N3793" s="46">
        <f t="shared" si="431"/>
        <v>45448.624999990883</v>
      </c>
    </row>
    <row r="3794" spans="2:14" x14ac:dyDescent="0.3">
      <c r="B3794">
        <f t="shared" si="425"/>
        <v>3</v>
      </c>
      <c r="C3794" s="16">
        <v>3760</v>
      </c>
      <c r="D3794" cm="1">
        <f t="array" ref="D3794">IFERROR(INDEX(Jesper!AH$2:AH$366,ROUNDDOWN($C3794/24,0)+1,1)*INDEX($D$3:$AA$30,INDEX(Jesper!$R$2:$R$366,ROW(INDEX(Jesper!AH$2:AH$366,ROUNDDOWN($C3794/24,0)+1,1))-1)+IF('Standard Profiles'!$G$18=$B$10,7,0)+IF('Standard Profiles'!$G$18=$B$17,14,0)+IF('Standard Profiles'!$G$18=$B$24,21,0),MOD($C3794,24)+1)/SUM(INDEX($D$3:$AA$30,INDEX(Jesper!$R$2:$R$366,ROW(INDEX(Jesper!AH$2:AH$366,ROUNDDOWN($C3794/24,0)+1,1))-1)+IF('Standard Profiles'!$G$18=$B$10,7,0)+IF('Standard Profiles'!$G$18=$B$17,14,0)+IF('Standard Profiles'!$G$18=$B$24,21,0),0)),0)</f>
        <v>14.505875735741768</v>
      </c>
      <c r="E3794" cm="1">
        <f t="array" ref="E3794">IFERROR(INDEX(Jesper!AI$2:AI$366,ROUNDDOWN($C3794/24,0)+1,1)*INDEX($D$3:$AA$30,INDEX(Jesper!$R$2:$R$366,ROW(INDEX(Jesper!AI$2:AI$366,ROUNDDOWN($C3794/24,0)+1,1))-1)+IF('Standard Profiles'!$G$19=$B$10,7,0)+IF('Standard Profiles'!$G$19=$B$17,14,0)+IF('Standard Profiles'!$G$19=$B$24,21,0),MOD($C3794,24)+1)/SUM(INDEX($D$3:$AA$30,INDEX(Jesper!$R$2:$R$366,ROW(INDEX(Jesper!AI$2:AI$366,ROUNDDOWN($C3794/24,0)+1,1))-1)+IF('Standard Profiles'!$G$19=$B$10,7,0)+IF('Standard Profiles'!$G$19=$B$17,14,0)+IF('Standard Profiles'!$G$19=$B$24,21,0),0)),0)</f>
        <v>0</v>
      </c>
      <c r="F3794" cm="1">
        <f t="array" ref="F3794">IFERROR(INDEX(Jesper!AJ$2:AJ$366,ROUNDDOWN($C3794/24,0)+1,1)*INDEX($D$3:$AA$30,INDEX(Jesper!$R$2:$R$366,ROW(INDEX(Jesper!AJ$2:AJ$366,ROUNDDOWN($C3794/24,0)+1,1))-1)+IF('Standard Profiles'!$G$20=$B$10,7,0)+IF('Standard Profiles'!$G$20=$B$17,14,0)+IF('Standard Profiles'!$G$20=$B$24,21,0),MOD($C3794,24)+1)/SUM(INDEX($D$3:$AA$30,INDEX(Jesper!$R$2:$R$366,ROW(INDEX(Jesper!AJ$2:AJ$366,ROUNDDOWN($C3794/24,0)+1,1))-1)+IF('Standard Profiles'!$G$20=$B$10,7,0)+IF('Standard Profiles'!$G$20=$B$17,14,0)+IF('Standard Profiles'!$G$20=$B$24,21,0),0)),0)</f>
        <v>0</v>
      </c>
      <c r="G3794" cm="1">
        <f t="array" ref="G3794">IFERROR(INDEX(Jesper!AK$2:AK$366,ROUNDDOWN($C3794/24,0)+1,1)*INDEX($D$3:$AA$30,INDEX(Jesper!$R$2:$R$366,ROW(INDEX(Jesper!AK$2:AK$366,ROUNDDOWN($C3794/24,0)+1,1))-1)+IF('Standard Profiles'!$G$21=$B$10,7,0)+IF('Standard Profiles'!$G$21=$B$17,14,0)+IF('Standard Profiles'!$G$21=$B$24,21,0),MOD($C3794,24)+1)/SUM(INDEX($D$3:$AA$30,INDEX(Jesper!$R$2:$R$366,ROW(INDEX(Jesper!AK$2:AK$366,ROUNDDOWN($C3794/24,0)+1,1))-1)+IF('Standard Profiles'!$G$21=$B$10,7,0)+IF('Standard Profiles'!$G$21=$B$17,14,0)+IF('Standard Profiles'!$G$21=$B$24,21,0),0)),0)</f>
        <v>0</v>
      </c>
      <c r="H3794" cm="1">
        <f t="array" ref="H3794">IFERROR(INDEX(Jesper!AL$2:AL$366,ROUNDDOWN($C3794/24,0)+1,1)*INDEX($D$3:$AA$30,INDEX(Jesper!$R$2:$R$366,ROW(INDEX(Jesper!AL$2:AL$366,ROUNDDOWN($C3794/24,0)+1,1))-1)+IF('Standard Profiles'!$G$22=$B$10,7,0)+IF('Standard Profiles'!$G$22=$B$17,14,0)+IF('Standard Profiles'!$G$22=$B$24,21,0),MOD($C3794,24)+1)/SUM(INDEX($D$3:$AA$30,INDEX(Jesper!$R$2:$R$366,ROW(INDEX(Jesper!AL$2:AL$366,ROUNDDOWN($C3794/24,0)+1,1))-1)+IF('Standard Profiles'!$G$22=$B$10,7,0)+IF('Standard Profiles'!$G$22=$B$17,14,0)+IF('Standard Profiles'!$G$22=$B$24,21,0),0)),0)</f>
        <v>0</v>
      </c>
      <c r="I3794">
        <f t="shared" si="426"/>
        <v>0.43517627207225301</v>
      </c>
      <c r="J3794">
        <f t="shared" si="427"/>
        <v>1.4505875735741769</v>
      </c>
      <c r="K3794">
        <f t="shared" si="428"/>
        <v>2.1758813603612652</v>
      </c>
      <c r="L3794">
        <f t="shared" si="429"/>
        <v>10.444230529734073</v>
      </c>
      <c r="M3794">
        <f t="shared" si="430"/>
        <v>0</v>
      </c>
      <c r="N3794" s="46">
        <f t="shared" si="431"/>
        <v>45448.666666657547</v>
      </c>
    </row>
    <row r="3795" spans="2:14" x14ac:dyDescent="0.3">
      <c r="B3795">
        <f t="shared" si="425"/>
        <v>3</v>
      </c>
      <c r="C3795" s="16">
        <v>3761</v>
      </c>
      <c r="D3795" cm="1">
        <f t="array" ref="D3795">IFERROR(INDEX(Jesper!AH$2:AH$366,ROUNDDOWN($C3795/24,0)+1,1)*INDEX($D$3:$AA$30,INDEX(Jesper!$R$2:$R$366,ROW(INDEX(Jesper!AH$2:AH$366,ROUNDDOWN($C3795/24,0)+1,1))-1)+IF('Standard Profiles'!$G$18=$B$10,7,0)+IF('Standard Profiles'!$G$18=$B$17,14,0)+IF('Standard Profiles'!$G$18=$B$24,21,0),MOD($C3795,24)+1)/SUM(INDEX($D$3:$AA$30,INDEX(Jesper!$R$2:$R$366,ROW(INDEX(Jesper!AH$2:AH$366,ROUNDDOWN($C3795/24,0)+1,1))-1)+IF('Standard Profiles'!$G$18=$B$10,7,0)+IF('Standard Profiles'!$G$18=$B$17,14,0)+IF('Standard Profiles'!$G$18=$B$24,21,0),0)),0)</f>
        <v>14.505875735741768</v>
      </c>
      <c r="E3795" cm="1">
        <f t="array" ref="E3795">IFERROR(INDEX(Jesper!AI$2:AI$366,ROUNDDOWN($C3795/24,0)+1,1)*INDEX($D$3:$AA$30,INDEX(Jesper!$R$2:$R$366,ROW(INDEX(Jesper!AI$2:AI$366,ROUNDDOWN($C3795/24,0)+1,1))-1)+IF('Standard Profiles'!$G$19=$B$10,7,0)+IF('Standard Profiles'!$G$19=$B$17,14,0)+IF('Standard Profiles'!$G$19=$B$24,21,0),MOD($C3795,24)+1)/SUM(INDEX($D$3:$AA$30,INDEX(Jesper!$R$2:$R$366,ROW(INDEX(Jesper!AI$2:AI$366,ROUNDDOWN($C3795/24,0)+1,1))-1)+IF('Standard Profiles'!$G$19=$B$10,7,0)+IF('Standard Profiles'!$G$19=$B$17,14,0)+IF('Standard Profiles'!$G$19=$B$24,21,0),0)),0)</f>
        <v>0</v>
      </c>
      <c r="F3795" cm="1">
        <f t="array" ref="F3795">IFERROR(INDEX(Jesper!AJ$2:AJ$366,ROUNDDOWN($C3795/24,0)+1,1)*INDEX($D$3:$AA$30,INDEX(Jesper!$R$2:$R$366,ROW(INDEX(Jesper!AJ$2:AJ$366,ROUNDDOWN($C3795/24,0)+1,1))-1)+IF('Standard Profiles'!$G$20=$B$10,7,0)+IF('Standard Profiles'!$G$20=$B$17,14,0)+IF('Standard Profiles'!$G$20=$B$24,21,0),MOD($C3795,24)+1)/SUM(INDEX($D$3:$AA$30,INDEX(Jesper!$R$2:$R$366,ROW(INDEX(Jesper!AJ$2:AJ$366,ROUNDDOWN($C3795/24,0)+1,1))-1)+IF('Standard Profiles'!$G$20=$B$10,7,0)+IF('Standard Profiles'!$G$20=$B$17,14,0)+IF('Standard Profiles'!$G$20=$B$24,21,0),0)),0)</f>
        <v>0</v>
      </c>
      <c r="G3795" cm="1">
        <f t="array" ref="G3795">IFERROR(INDEX(Jesper!AK$2:AK$366,ROUNDDOWN($C3795/24,0)+1,1)*INDEX($D$3:$AA$30,INDEX(Jesper!$R$2:$R$366,ROW(INDEX(Jesper!AK$2:AK$366,ROUNDDOWN($C3795/24,0)+1,1))-1)+IF('Standard Profiles'!$G$21=$B$10,7,0)+IF('Standard Profiles'!$G$21=$B$17,14,0)+IF('Standard Profiles'!$G$21=$B$24,21,0),MOD($C3795,24)+1)/SUM(INDEX($D$3:$AA$30,INDEX(Jesper!$R$2:$R$366,ROW(INDEX(Jesper!AK$2:AK$366,ROUNDDOWN($C3795/24,0)+1,1))-1)+IF('Standard Profiles'!$G$21=$B$10,7,0)+IF('Standard Profiles'!$G$21=$B$17,14,0)+IF('Standard Profiles'!$G$21=$B$24,21,0),0)),0)</f>
        <v>0</v>
      </c>
      <c r="H3795" cm="1">
        <f t="array" ref="H3795">IFERROR(INDEX(Jesper!AL$2:AL$366,ROUNDDOWN($C3795/24,0)+1,1)*INDEX($D$3:$AA$30,INDEX(Jesper!$R$2:$R$366,ROW(INDEX(Jesper!AL$2:AL$366,ROUNDDOWN($C3795/24,0)+1,1))-1)+IF('Standard Profiles'!$G$22=$B$10,7,0)+IF('Standard Profiles'!$G$22=$B$17,14,0)+IF('Standard Profiles'!$G$22=$B$24,21,0),MOD($C3795,24)+1)/SUM(INDEX($D$3:$AA$30,INDEX(Jesper!$R$2:$R$366,ROW(INDEX(Jesper!AL$2:AL$366,ROUNDDOWN($C3795/24,0)+1,1))-1)+IF('Standard Profiles'!$G$22=$B$10,7,0)+IF('Standard Profiles'!$G$22=$B$17,14,0)+IF('Standard Profiles'!$G$22=$B$24,21,0),0)),0)</f>
        <v>0</v>
      </c>
      <c r="I3795">
        <f t="shared" si="426"/>
        <v>0.43517627207225301</v>
      </c>
      <c r="J3795">
        <f t="shared" si="427"/>
        <v>1.4505875735741769</v>
      </c>
      <c r="K3795">
        <f t="shared" si="428"/>
        <v>2.1758813603612652</v>
      </c>
      <c r="L3795">
        <f t="shared" si="429"/>
        <v>10.444230529734073</v>
      </c>
      <c r="M3795">
        <f t="shared" si="430"/>
        <v>0</v>
      </c>
      <c r="N3795" s="46">
        <f t="shared" si="431"/>
        <v>45448.708333324212</v>
      </c>
    </row>
    <row r="3796" spans="2:14" x14ac:dyDescent="0.3">
      <c r="B3796">
        <f t="shared" si="425"/>
        <v>3</v>
      </c>
      <c r="C3796" s="16">
        <v>3762</v>
      </c>
      <c r="D3796" cm="1">
        <f t="array" ref="D3796">IFERROR(INDEX(Jesper!AH$2:AH$366,ROUNDDOWN($C3796/24,0)+1,1)*INDEX($D$3:$AA$30,INDEX(Jesper!$R$2:$R$366,ROW(INDEX(Jesper!AH$2:AH$366,ROUNDDOWN($C3796/24,0)+1,1))-1)+IF('Standard Profiles'!$G$18=$B$10,7,0)+IF('Standard Profiles'!$G$18=$B$17,14,0)+IF('Standard Profiles'!$G$18=$B$24,21,0),MOD($C3796,24)+1)/SUM(INDEX($D$3:$AA$30,INDEX(Jesper!$R$2:$R$366,ROW(INDEX(Jesper!AH$2:AH$366,ROUNDDOWN($C3796/24,0)+1,1))-1)+IF('Standard Profiles'!$G$18=$B$10,7,0)+IF('Standard Profiles'!$G$18=$B$17,14,0)+IF('Standard Profiles'!$G$18=$B$24,21,0),0)),0)</f>
        <v>14.505875735741768</v>
      </c>
      <c r="E3796" cm="1">
        <f t="array" ref="E3796">IFERROR(INDEX(Jesper!AI$2:AI$366,ROUNDDOWN($C3796/24,0)+1,1)*INDEX($D$3:$AA$30,INDEX(Jesper!$R$2:$R$366,ROW(INDEX(Jesper!AI$2:AI$366,ROUNDDOWN($C3796/24,0)+1,1))-1)+IF('Standard Profiles'!$G$19=$B$10,7,0)+IF('Standard Profiles'!$G$19=$B$17,14,0)+IF('Standard Profiles'!$G$19=$B$24,21,0),MOD($C3796,24)+1)/SUM(INDEX($D$3:$AA$30,INDEX(Jesper!$R$2:$R$366,ROW(INDEX(Jesper!AI$2:AI$366,ROUNDDOWN($C3796/24,0)+1,1))-1)+IF('Standard Profiles'!$G$19=$B$10,7,0)+IF('Standard Profiles'!$G$19=$B$17,14,0)+IF('Standard Profiles'!$G$19=$B$24,21,0),0)),0)</f>
        <v>0</v>
      </c>
      <c r="F3796" cm="1">
        <f t="array" ref="F3796">IFERROR(INDEX(Jesper!AJ$2:AJ$366,ROUNDDOWN($C3796/24,0)+1,1)*INDEX($D$3:$AA$30,INDEX(Jesper!$R$2:$R$366,ROW(INDEX(Jesper!AJ$2:AJ$366,ROUNDDOWN($C3796/24,0)+1,1))-1)+IF('Standard Profiles'!$G$20=$B$10,7,0)+IF('Standard Profiles'!$G$20=$B$17,14,0)+IF('Standard Profiles'!$G$20=$B$24,21,0),MOD($C3796,24)+1)/SUM(INDEX($D$3:$AA$30,INDEX(Jesper!$R$2:$R$366,ROW(INDEX(Jesper!AJ$2:AJ$366,ROUNDDOWN($C3796/24,0)+1,1))-1)+IF('Standard Profiles'!$G$20=$B$10,7,0)+IF('Standard Profiles'!$G$20=$B$17,14,0)+IF('Standard Profiles'!$G$20=$B$24,21,0),0)),0)</f>
        <v>0</v>
      </c>
      <c r="G3796" cm="1">
        <f t="array" ref="G3796">IFERROR(INDEX(Jesper!AK$2:AK$366,ROUNDDOWN($C3796/24,0)+1,1)*INDEX($D$3:$AA$30,INDEX(Jesper!$R$2:$R$366,ROW(INDEX(Jesper!AK$2:AK$366,ROUNDDOWN($C3796/24,0)+1,1))-1)+IF('Standard Profiles'!$G$21=$B$10,7,0)+IF('Standard Profiles'!$G$21=$B$17,14,0)+IF('Standard Profiles'!$G$21=$B$24,21,0),MOD($C3796,24)+1)/SUM(INDEX($D$3:$AA$30,INDEX(Jesper!$R$2:$R$366,ROW(INDEX(Jesper!AK$2:AK$366,ROUNDDOWN($C3796/24,0)+1,1))-1)+IF('Standard Profiles'!$G$21=$B$10,7,0)+IF('Standard Profiles'!$G$21=$B$17,14,0)+IF('Standard Profiles'!$G$21=$B$24,21,0),0)),0)</f>
        <v>0</v>
      </c>
      <c r="H3796" cm="1">
        <f t="array" ref="H3796">IFERROR(INDEX(Jesper!AL$2:AL$366,ROUNDDOWN($C3796/24,0)+1,1)*INDEX($D$3:$AA$30,INDEX(Jesper!$R$2:$R$366,ROW(INDEX(Jesper!AL$2:AL$366,ROUNDDOWN($C3796/24,0)+1,1))-1)+IF('Standard Profiles'!$G$22=$B$10,7,0)+IF('Standard Profiles'!$G$22=$B$17,14,0)+IF('Standard Profiles'!$G$22=$B$24,21,0),MOD($C3796,24)+1)/SUM(INDEX($D$3:$AA$30,INDEX(Jesper!$R$2:$R$366,ROW(INDEX(Jesper!AL$2:AL$366,ROUNDDOWN($C3796/24,0)+1,1))-1)+IF('Standard Profiles'!$G$22=$B$10,7,0)+IF('Standard Profiles'!$G$22=$B$17,14,0)+IF('Standard Profiles'!$G$22=$B$24,21,0),0)),0)</f>
        <v>0</v>
      </c>
      <c r="I3796">
        <f t="shared" si="426"/>
        <v>0.43517627207225301</v>
      </c>
      <c r="J3796">
        <f t="shared" si="427"/>
        <v>1.4505875735741769</v>
      </c>
      <c r="K3796">
        <f t="shared" si="428"/>
        <v>2.1758813603612652</v>
      </c>
      <c r="L3796">
        <f t="shared" si="429"/>
        <v>10.444230529734073</v>
      </c>
      <c r="M3796">
        <f t="shared" si="430"/>
        <v>0</v>
      </c>
      <c r="N3796" s="46">
        <f t="shared" si="431"/>
        <v>45448.749999990876</v>
      </c>
    </row>
    <row r="3797" spans="2:14" x14ac:dyDescent="0.3">
      <c r="B3797">
        <f t="shared" si="425"/>
        <v>3</v>
      </c>
      <c r="C3797" s="16">
        <v>3763</v>
      </c>
      <c r="D3797" cm="1">
        <f t="array" ref="D3797">IFERROR(INDEX(Jesper!AH$2:AH$366,ROUNDDOWN($C3797/24,0)+1,1)*INDEX($D$3:$AA$30,INDEX(Jesper!$R$2:$R$366,ROW(INDEX(Jesper!AH$2:AH$366,ROUNDDOWN($C3797/24,0)+1,1))-1)+IF('Standard Profiles'!$G$18=$B$10,7,0)+IF('Standard Profiles'!$G$18=$B$17,14,0)+IF('Standard Profiles'!$G$18=$B$24,21,0),MOD($C3797,24)+1)/SUM(INDEX($D$3:$AA$30,INDEX(Jesper!$R$2:$R$366,ROW(INDEX(Jesper!AH$2:AH$366,ROUNDDOWN($C3797/24,0)+1,1))-1)+IF('Standard Profiles'!$G$18=$B$10,7,0)+IF('Standard Profiles'!$G$18=$B$17,14,0)+IF('Standard Profiles'!$G$18=$B$24,21,0),0)),0)</f>
        <v>12.088229779784806</v>
      </c>
      <c r="E3797" cm="1">
        <f t="array" ref="E3797">IFERROR(INDEX(Jesper!AI$2:AI$366,ROUNDDOWN($C3797/24,0)+1,1)*INDEX($D$3:$AA$30,INDEX(Jesper!$R$2:$R$366,ROW(INDEX(Jesper!AI$2:AI$366,ROUNDDOWN($C3797/24,0)+1,1))-1)+IF('Standard Profiles'!$G$19=$B$10,7,0)+IF('Standard Profiles'!$G$19=$B$17,14,0)+IF('Standard Profiles'!$G$19=$B$24,21,0),MOD($C3797,24)+1)/SUM(INDEX($D$3:$AA$30,INDEX(Jesper!$R$2:$R$366,ROW(INDEX(Jesper!AI$2:AI$366,ROUNDDOWN($C3797/24,0)+1,1))-1)+IF('Standard Profiles'!$G$19=$B$10,7,0)+IF('Standard Profiles'!$G$19=$B$17,14,0)+IF('Standard Profiles'!$G$19=$B$24,21,0),0)),0)</f>
        <v>0</v>
      </c>
      <c r="F3797" cm="1">
        <f t="array" ref="F3797">IFERROR(INDEX(Jesper!AJ$2:AJ$366,ROUNDDOWN($C3797/24,0)+1,1)*INDEX($D$3:$AA$30,INDEX(Jesper!$R$2:$R$366,ROW(INDEX(Jesper!AJ$2:AJ$366,ROUNDDOWN($C3797/24,0)+1,1))-1)+IF('Standard Profiles'!$G$20=$B$10,7,0)+IF('Standard Profiles'!$G$20=$B$17,14,0)+IF('Standard Profiles'!$G$20=$B$24,21,0),MOD($C3797,24)+1)/SUM(INDEX($D$3:$AA$30,INDEX(Jesper!$R$2:$R$366,ROW(INDEX(Jesper!AJ$2:AJ$366,ROUNDDOWN($C3797/24,0)+1,1))-1)+IF('Standard Profiles'!$G$20=$B$10,7,0)+IF('Standard Profiles'!$G$20=$B$17,14,0)+IF('Standard Profiles'!$G$20=$B$24,21,0),0)),0)</f>
        <v>0</v>
      </c>
      <c r="G3797" cm="1">
        <f t="array" ref="G3797">IFERROR(INDEX(Jesper!AK$2:AK$366,ROUNDDOWN($C3797/24,0)+1,1)*INDEX($D$3:$AA$30,INDEX(Jesper!$R$2:$R$366,ROW(INDEX(Jesper!AK$2:AK$366,ROUNDDOWN($C3797/24,0)+1,1))-1)+IF('Standard Profiles'!$G$21=$B$10,7,0)+IF('Standard Profiles'!$G$21=$B$17,14,0)+IF('Standard Profiles'!$G$21=$B$24,21,0),MOD($C3797,24)+1)/SUM(INDEX($D$3:$AA$30,INDEX(Jesper!$R$2:$R$366,ROW(INDEX(Jesper!AK$2:AK$366,ROUNDDOWN($C3797/24,0)+1,1))-1)+IF('Standard Profiles'!$G$21=$B$10,7,0)+IF('Standard Profiles'!$G$21=$B$17,14,0)+IF('Standard Profiles'!$G$21=$B$24,21,0),0)),0)</f>
        <v>0</v>
      </c>
      <c r="H3797" cm="1">
        <f t="array" ref="H3797">IFERROR(INDEX(Jesper!AL$2:AL$366,ROUNDDOWN($C3797/24,0)+1,1)*INDEX($D$3:$AA$30,INDEX(Jesper!$R$2:$R$366,ROW(INDEX(Jesper!AL$2:AL$366,ROUNDDOWN($C3797/24,0)+1,1))-1)+IF('Standard Profiles'!$G$22=$B$10,7,0)+IF('Standard Profiles'!$G$22=$B$17,14,0)+IF('Standard Profiles'!$G$22=$B$24,21,0),MOD($C3797,24)+1)/SUM(INDEX($D$3:$AA$30,INDEX(Jesper!$R$2:$R$366,ROW(INDEX(Jesper!AL$2:AL$366,ROUNDDOWN($C3797/24,0)+1,1))-1)+IF('Standard Profiles'!$G$22=$B$10,7,0)+IF('Standard Profiles'!$G$22=$B$17,14,0)+IF('Standard Profiles'!$G$22=$B$24,21,0),0)),0)</f>
        <v>0</v>
      </c>
      <c r="I3797">
        <f t="shared" si="426"/>
        <v>0.36264689339354417</v>
      </c>
      <c r="J3797">
        <f t="shared" si="427"/>
        <v>1.2088229779784807</v>
      </c>
      <c r="K3797">
        <f t="shared" si="428"/>
        <v>1.8132344669677207</v>
      </c>
      <c r="L3797">
        <f t="shared" si="429"/>
        <v>8.7035254414450591</v>
      </c>
      <c r="M3797">
        <f t="shared" si="430"/>
        <v>0</v>
      </c>
      <c r="N3797" s="46">
        <f t="shared" si="431"/>
        <v>45448.79166665754</v>
      </c>
    </row>
    <row r="3798" spans="2:14" x14ac:dyDescent="0.3">
      <c r="B3798">
        <f t="shared" si="425"/>
        <v>3</v>
      </c>
      <c r="C3798" s="16">
        <v>3764</v>
      </c>
      <c r="D3798" cm="1">
        <f t="array" ref="D3798">IFERROR(INDEX(Jesper!AH$2:AH$366,ROUNDDOWN($C3798/24,0)+1,1)*INDEX($D$3:$AA$30,INDEX(Jesper!$R$2:$R$366,ROW(INDEX(Jesper!AH$2:AH$366,ROUNDDOWN($C3798/24,0)+1,1))-1)+IF('Standard Profiles'!$G$18=$B$10,7,0)+IF('Standard Profiles'!$G$18=$B$17,14,0)+IF('Standard Profiles'!$G$18=$B$24,21,0),MOD($C3798,24)+1)/SUM(INDEX($D$3:$AA$30,INDEX(Jesper!$R$2:$R$366,ROW(INDEX(Jesper!AH$2:AH$366,ROUNDDOWN($C3798/24,0)+1,1))-1)+IF('Standard Profiles'!$G$18=$B$10,7,0)+IF('Standard Profiles'!$G$18=$B$17,14,0)+IF('Standard Profiles'!$G$18=$B$24,21,0),0)),0)</f>
        <v>9.6705838238278456</v>
      </c>
      <c r="E3798" cm="1">
        <f t="array" ref="E3798">IFERROR(INDEX(Jesper!AI$2:AI$366,ROUNDDOWN($C3798/24,0)+1,1)*INDEX($D$3:$AA$30,INDEX(Jesper!$R$2:$R$366,ROW(INDEX(Jesper!AI$2:AI$366,ROUNDDOWN($C3798/24,0)+1,1))-1)+IF('Standard Profiles'!$G$19=$B$10,7,0)+IF('Standard Profiles'!$G$19=$B$17,14,0)+IF('Standard Profiles'!$G$19=$B$24,21,0),MOD($C3798,24)+1)/SUM(INDEX($D$3:$AA$30,INDEX(Jesper!$R$2:$R$366,ROW(INDEX(Jesper!AI$2:AI$366,ROUNDDOWN($C3798/24,0)+1,1))-1)+IF('Standard Profiles'!$G$19=$B$10,7,0)+IF('Standard Profiles'!$G$19=$B$17,14,0)+IF('Standard Profiles'!$G$19=$B$24,21,0),0)),0)</f>
        <v>0</v>
      </c>
      <c r="F3798" cm="1">
        <f t="array" ref="F3798">IFERROR(INDEX(Jesper!AJ$2:AJ$366,ROUNDDOWN($C3798/24,0)+1,1)*INDEX($D$3:$AA$30,INDEX(Jesper!$R$2:$R$366,ROW(INDEX(Jesper!AJ$2:AJ$366,ROUNDDOWN($C3798/24,0)+1,1))-1)+IF('Standard Profiles'!$G$20=$B$10,7,0)+IF('Standard Profiles'!$G$20=$B$17,14,0)+IF('Standard Profiles'!$G$20=$B$24,21,0),MOD($C3798,24)+1)/SUM(INDEX($D$3:$AA$30,INDEX(Jesper!$R$2:$R$366,ROW(INDEX(Jesper!AJ$2:AJ$366,ROUNDDOWN($C3798/24,0)+1,1))-1)+IF('Standard Profiles'!$G$20=$B$10,7,0)+IF('Standard Profiles'!$G$20=$B$17,14,0)+IF('Standard Profiles'!$G$20=$B$24,21,0),0)),0)</f>
        <v>0</v>
      </c>
      <c r="G3798" cm="1">
        <f t="array" ref="G3798">IFERROR(INDEX(Jesper!AK$2:AK$366,ROUNDDOWN($C3798/24,0)+1,1)*INDEX($D$3:$AA$30,INDEX(Jesper!$R$2:$R$366,ROW(INDEX(Jesper!AK$2:AK$366,ROUNDDOWN($C3798/24,0)+1,1))-1)+IF('Standard Profiles'!$G$21=$B$10,7,0)+IF('Standard Profiles'!$G$21=$B$17,14,0)+IF('Standard Profiles'!$G$21=$B$24,21,0),MOD($C3798,24)+1)/SUM(INDEX($D$3:$AA$30,INDEX(Jesper!$R$2:$R$366,ROW(INDEX(Jesper!AK$2:AK$366,ROUNDDOWN($C3798/24,0)+1,1))-1)+IF('Standard Profiles'!$G$21=$B$10,7,0)+IF('Standard Profiles'!$G$21=$B$17,14,0)+IF('Standard Profiles'!$G$21=$B$24,21,0),0)),0)</f>
        <v>0</v>
      </c>
      <c r="H3798" cm="1">
        <f t="array" ref="H3798">IFERROR(INDEX(Jesper!AL$2:AL$366,ROUNDDOWN($C3798/24,0)+1,1)*INDEX($D$3:$AA$30,INDEX(Jesper!$R$2:$R$366,ROW(INDEX(Jesper!AL$2:AL$366,ROUNDDOWN($C3798/24,0)+1,1))-1)+IF('Standard Profiles'!$G$22=$B$10,7,0)+IF('Standard Profiles'!$G$22=$B$17,14,0)+IF('Standard Profiles'!$G$22=$B$24,21,0),MOD($C3798,24)+1)/SUM(INDEX($D$3:$AA$30,INDEX(Jesper!$R$2:$R$366,ROW(INDEX(Jesper!AL$2:AL$366,ROUNDDOWN($C3798/24,0)+1,1))-1)+IF('Standard Profiles'!$G$22=$B$10,7,0)+IF('Standard Profiles'!$G$22=$B$17,14,0)+IF('Standard Profiles'!$G$22=$B$24,21,0),0)),0)</f>
        <v>0</v>
      </c>
      <c r="I3798">
        <f t="shared" si="426"/>
        <v>0.29011751471483538</v>
      </c>
      <c r="J3798">
        <f t="shared" si="427"/>
        <v>0.96705838238278463</v>
      </c>
      <c r="K3798">
        <f t="shared" si="428"/>
        <v>1.4505875735741769</v>
      </c>
      <c r="L3798">
        <f t="shared" si="429"/>
        <v>6.9628203531560482</v>
      </c>
      <c r="M3798">
        <f t="shared" si="430"/>
        <v>0</v>
      </c>
      <c r="N3798" s="46">
        <f t="shared" si="431"/>
        <v>45448.833333324204</v>
      </c>
    </row>
    <row r="3799" spans="2:14" x14ac:dyDescent="0.3">
      <c r="B3799">
        <f t="shared" si="425"/>
        <v>3</v>
      </c>
      <c r="C3799" s="16">
        <v>3765</v>
      </c>
      <c r="D3799" cm="1">
        <f t="array" ref="D3799">IFERROR(INDEX(Jesper!AH$2:AH$366,ROUNDDOWN($C3799/24,0)+1,1)*INDEX($D$3:$AA$30,INDEX(Jesper!$R$2:$R$366,ROW(INDEX(Jesper!AH$2:AH$366,ROUNDDOWN($C3799/24,0)+1,1))-1)+IF('Standard Profiles'!$G$18=$B$10,7,0)+IF('Standard Profiles'!$G$18=$B$17,14,0)+IF('Standard Profiles'!$G$18=$B$24,21,0),MOD($C3799,24)+1)/SUM(INDEX($D$3:$AA$30,INDEX(Jesper!$R$2:$R$366,ROW(INDEX(Jesper!AH$2:AH$366,ROUNDDOWN($C3799/24,0)+1,1))-1)+IF('Standard Profiles'!$G$18=$B$10,7,0)+IF('Standard Profiles'!$G$18=$B$17,14,0)+IF('Standard Profiles'!$G$18=$B$24,21,0),0)),0)</f>
        <v>7.2529378678708838</v>
      </c>
      <c r="E3799" cm="1">
        <f t="array" ref="E3799">IFERROR(INDEX(Jesper!AI$2:AI$366,ROUNDDOWN($C3799/24,0)+1,1)*INDEX($D$3:$AA$30,INDEX(Jesper!$R$2:$R$366,ROW(INDEX(Jesper!AI$2:AI$366,ROUNDDOWN($C3799/24,0)+1,1))-1)+IF('Standard Profiles'!$G$19=$B$10,7,0)+IF('Standard Profiles'!$G$19=$B$17,14,0)+IF('Standard Profiles'!$G$19=$B$24,21,0),MOD($C3799,24)+1)/SUM(INDEX($D$3:$AA$30,INDEX(Jesper!$R$2:$R$366,ROW(INDEX(Jesper!AI$2:AI$366,ROUNDDOWN($C3799/24,0)+1,1))-1)+IF('Standard Profiles'!$G$19=$B$10,7,0)+IF('Standard Profiles'!$G$19=$B$17,14,0)+IF('Standard Profiles'!$G$19=$B$24,21,0),0)),0)</f>
        <v>0</v>
      </c>
      <c r="F3799" cm="1">
        <f t="array" ref="F3799">IFERROR(INDEX(Jesper!AJ$2:AJ$366,ROUNDDOWN($C3799/24,0)+1,1)*INDEX($D$3:$AA$30,INDEX(Jesper!$R$2:$R$366,ROW(INDEX(Jesper!AJ$2:AJ$366,ROUNDDOWN($C3799/24,0)+1,1))-1)+IF('Standard Profiles'!$G$20=$B$10,7,0)+IF('Standard Profiles'!$G$20=$B$17,14,0)+IF('Standard Profiles'!$G$20=$B$24,21,0),MOD($C3799,24)+1)/SUM(INDEX($D$3:$AA$30,INDEX(Jesper!$R$2:$R$366,ROW(INDEX(Jesper!AJ$2:AJ$366,ROUNDDOWN($C3799/24,0)+1,1))-1)+IF('Standard Profiles'!$G$20=$B$10,7,0)+IF('Standard Profiles'!$G$20=$B$17,14,0)+IF('Standard Profiles'!$G$20=$B$24,21,0),0)),0)</f>
        <v>0</v>
      </c>
      <c r="G3799" cm="1">
        <f t="array" ref="G3799">IFERROR(INDEX(Jesper!AK$2:AK$366,ROUNDDOWN($C3799/24,0)+1,1)*INDEX($D$3:$AA$30,INDEX(Jesper!$R$2:$R$366,ROW(INDEX(Jesper!AK$2:AK$366,ROUNDDOWN($C3799/24,0)+1,1))-1)+IF('Standard Profiles'!$G$21=$B$10,7,0)+IF('Standard Profiles'!$G$21=$B$17,14,0)+IF('Standard Profiles'!$G$21=$B$24,21,0),MOD($C3799,24)+1)/SUM(INDEX($D$3:$AA$30,INDEX(Jesper!$R$2:$R$366,ROW(INDEX(Jesper!AK$2:AK$366,ROUNDDOWN($C3799/24,0)+1,1))-1)+IF('Standard Profiles'!$G$21=$B$10,7,0)+IF('Standard Profiles'!$G$21=$B$17,14,0)+IF('Standard Profiles'!$G$21=$B$24,21,0),0)),0)</f>
        <v>0</v>
      </c>
      <c r="H3799" cm="1">
        <f t="array" ref="H3799">IFERROR(INDEX(Jesper!AL$2:AL$366,ROUNDDOWN($C3799/24,0)+1,1)*INDEX($D$3:$AA$30,INDEX(Jesper!$R$2:$R$366,ROW(INDEX(Jesper!AL$2:AL$366,ROUNDDOWN($C3799/24,0)+1,1))-1)+IF('Standard Profiles'!$G$22=$B$10,7,0)+IF('Standard Profiles'!$G$22=$B$17,14,0)+IF('Standard Profiles'!$G$22=$B$24,21,0),MOD($C3799,24)+1)/SUM(INDEX($D$3:$AA$30,INDEX(Jesper!$R$2:$R$366,ROW(INDEX(Jesper!AL$2:AL$366,ROUNDDOWN($C3799/24,0)+1,1))-1)+IF('Standard Profiles'!$G$22=$B$10,7,0)+IF('Standard Profiles'!$G$22=$B$17,14,0)+IF('Standard Profiles'!$G$22=$B$24,21,0),0)),0)</f>
        <v>0</v>
      </c>
      <c r="I3799">
        <f t="shared" si="426"/>
        <v>0.21758813603612651</v>
      </c>
      <c r="J3799">
        <f t="shared" si="427"/>
        <v>0.72529378678708845</v>
      </c>
      <c r="K3799">
        <f t="shared" si="428"/>
        <v>1.0879406801806326</v>
      </c>
      <c r="L3799">
        <f t="shared" si="429"/>
        <v>5.2221152648670364</v>
      </c>
      <c r="M3799">
        <f t="shared" si="430"/>
        <v>0</v>
      </c>
      <c r="N3799" s="46">
        <f t="shared" si="431"/>
        <v>45448.874999990869</v>
      </c>
    </row>
    <row r="3800" spans="2:14" x14ac:dyDescent="0.3">
      <c r="B3800">
        <f t="shared" si="425"/>
        <v>3</v>
      </c>
      <c r="C3800" s="16">
        <v>3766</v>
      </c>
      <c r="D3800" cm="1">
        <f t="array" ref="D3800">IFERROR(INDEX(Jesper!AH$2:AH$366,ROUNDDOWN($C3800/24,0)+1,1)*INDEX($D$3:$AA$30,INDEX(Jesper!$R$2:$R$366,ROW(INDEX(Jesper!AH$2:AH$366,ROUNDDOWN($C3800/24,0)+1,1))-1)+IF('Standard Profiles'!$G$18=$B$10,7,0)+IF('Standard Profiles'!$G$18=$B$17,14,0)+IF('Standard Profiles'!$G$18=$B$24,21,0),MOD($C3800,24)+1)/SUM(INDEX($D$3:$AA$30,INDEX(Jesper!$R$2:$R$366,ROW(INDEX(Jesper!AH$2:AH$366,ROUNDDOWN($C3800/24,0)+1,1))-1)+IF('Standard Profiles'!$G$18=$B$10,7,0)+IF('Standard Profiles'!$G$18=$B$17,14,0)+IF('Standard Profiles'!$G$18=$B$24,21,0),0)),0)</f>
        <v>7.2529378678708838</v>
      </c>
      <c r="E3800" cm="1">
        <f t="array" ref="E3800">IFERROR(INDEX(Jesper!AI$2:AI$366,ROUNDDOWN($C3800/24,0)+1,1)*INDEX($D$3:$AA$30,INDEX(Jesper!$R$2:$R$366,ROW(INDEX(Jesper!AI$2:AI$366,ROUNDDOWN($C3800/24,0)+1,1))-1)+IF('Standard Profiles'!$G$19=$B$10,7,0)+IF('Standard Profiles'!$G$19=$B$17,14,0)+IF('Standard Profiles'!$G$19=$B$24,21,0),MOD($C3800,24)+1)/SUM(INDEX($D$3:$AA$30,INDEX(Jesper!$R$2:$R$366,ROW(INDEX(Jesper!AI$2:AI$366,ROUNDDOWN($C3800/24,0)+1,1))-1)+IF('Standard Profiles'!$G$19=$B$10,7,0)+IF('Standard Profiles'!$G$19=$B$17,14,0)+IF('Standard Profiles'!$G$19=$B$24,21,0),0)),0)</f>
        <v>0</v>
      </c>
      <c r="F3800" cm="1">
        <f t="array" ref="F3800">IFERROR(INDEX(Jesper!AJ$2:AJ$366,ROUNDDOWN($C3800/24,0)+1,1)*INDEX($D$3:$AA$30,INDEX(Jesper!$R$2:$R$366,ROW(INDEX(Jesper!AJ$2:AJ$366,ROUNDDOWN($C3800/24,0)+1,1))-1)+IF('Standard Profiles'!$G$20=$B$10,7,0)+IF('Standard Profiles'!$G$20=$B$17,14,0)+IF('Standard Profiles'!$G$20=$B$24,21,0),MOD($C3800,24)+1)/SUM(INDEX($D$3:$AA$30,INDEX(Jesper!$R$2:$R$366,ROW(INDEX(Jesper!AJ$2:AJ$366,ROUNDDOWN($C3800/24,0)+1,1))-1)+IF('Standard Profiles'!$G$20=$B$10,7,0)+IF('Standard Profiles'!$G$20=$B$17,14,0)+IF('Standard Profiles'!$G$20=$B$24,21,0),0)),0)</f>
        <v>0</v>
      </c>
      <c r="G3800" cm="1">
        <f t="array" ref="G3800">IFERROR(INDEX(Jesper!AK$2:AK$366,ROUNDDOWN($C3800/24,0)+1,1)*INDEX($D$3:$AA$30,INDEX(Jesper!$R$2:$R$366,ROW(INDEX(Jesper!AK$2:AK$366,ROUNDDOWN($C3800/24,0)+1,1))-1)+IF('Standard Profiles'!$G$21=$B$10,7,0)+IF('Standard Profiles'!$G$21=$B$17,14,0)+IF('Standard Profiles'!$G$21=$B$24,21,0),MOD($C3800,24)+1)/SUM(INDEX($D$3:$AA$30,INDEX(Jesper!$R$2:$R$366,ROW(INDEX(Jesper!AK$2:AK$366,ROUNDDOWN($C3800/24,0)+1,1))-1)+IF('Standard Profiles'!$G$21=$B$10,7,0)+IF('Standard Profiles'!$G$21=$B$17,14,0)+IF('Standard Profiles'!$G$21=$B$24,21,0),0)),0)</f>
        <v>0</v>
      </c>
      <c r="H3800" cm="1">
        <f t="array" ref="H3800">IFERROR(INDEX(Jesper!AL$2:AL$366,ROUNDDOWN($C3800/24,0)+1,1)*INDEX($D$3:$AA$30,INDEX(Jesper!$R$2:$R$366,ROW(INDEX(Jesper!AL$2:AL$366,ROUNDDOWN($C3800/24,0)+1,1))-1)+IF('Standard Profiles'!$G$22=$B$10,7,0)+IF('Standard Profiles'!$G$22=$B$17,14,0)+IF('Standard Profiles'!$G$22=$B$24,21,0),MOD($C3800,24)+1)/SUM(INDEX($D$3:$AA$30,INDEX(Jesper!$R$2:$R$366,ROW(INDEX(Jesper!AL$2:AL$366,ROUNDDOWN($C3800/24,0)+1,1))-1)+IF('Standard Profiles'!$G$22=$B$10,7,0)+IF('Standard Profiles'!$G$22=$B$17,14,0)+IF('Standard Profiles'!$G$22=$B$24,21,0),0)),0)</f>
        <v>0</v>
      </c>
      <c r="I3800">
        <f t="shared" si="426"/>
        <v>0.21758813603612651</v>
      </c>
      <c r="J3800">
        <f t="shared" si="427"/>
        <v>0.72529378678708845</v>
      </c>
      <c r="K3800">
        <f t="shared" si="428"/>
        <v>1.0879406801806326</v>
      </c>
      <c r="L3800">
        <f t="shared" si="429"/>
        <v>5.2221152648670364</v>
      </c>
      <c r="M3800">
        <f t="shared" si="430"/>
        <v>0</v>
      </c>
      <c r="N3800" s="46">
        <f t="shared" si="431"/>
        <v>45448.916666657533</v>
      </c>
    </row>
    <row r="3801" spans="2:14" x14ac:dyDescent="0.3">
      <c r="B3801">
        <f t="shared" si="425"/>
        <v>3</v>
      </c>
      <c r="C3801" s="16">
        <v>3767</v>
      </c>
      <c r="D3801" cm="1">
        <f t="array" ref="D3801">IFERROR(INDEX(Jesper!AH$2:AH$366,ROUNDDOWN($C3801/24,0)+1,1)*INDEX($D$3:$AA$30,INDEX(Jesper!$R$2:$R$366,ROW(INDEX(Jesper!AH$2:AH$366,ROUNDDOWN($C3801/24,0)+1,1))-1)+IF('Standard Profiles'!$G$18=$B$10,7,0)+IF('Standard Profiles'!$G$18=$B$17,14,0)+IF('Standard Profiles'!$G$18=$B$24,21,0),MOD($C3801,24)+1)/SUM(INDEX($D$3:$AA$30,INDEX(Jesper!$R$2:$R$366,ROW(INDEX(Jesper!AH$2:AH$366,ROUNDDOWN($C3801/24,0)+1,1))-1)+IF('Standard Profiles'!$G$18=$B$10,7,0)+IF('Standard Profiles'!$G$18=$B$17,14,0)+IF('Standard Profiles'!$G$18=$B$24,21,0),0)),0)</f>
        <v>7.2529378678708838</v>
      </c>
      <c r="E3801" cm="1">
        <f t="array" ref="E3801">IFERROR(INDEX(Jesper!AI$2:AI$366,ROUNDDOWN($C3801/24,0)+1,1)*INDEX($D$3:$AA$30,INDEX(Jesper!$R$2:$R$366,ROW(INDEX(Jesper!AI$2:AI$366,ROUNDDOWN($C3801/24,0)+1,1))-1)+IF('Standard Profiles'!$G$19=$B$10,7,0)+IF('Standard Profiles'!$G$19=$B$17,14,0)+IF('Standard Profiles'!$G$19=$B$24,21,0),MOD($C3801,24)+1)/SUM(INDEX($D$3:$AA$30,INDEX(Jesper!$R$2:$R$366,ROW(INDEX(Jesper!AI$2:AI$366,ROUNDDOWN($C3801/24,0)+1,1))-1)+IF('Standard Profiles'!$G$19=$B$10,7,0)+IF('Standard Profiles'!$G$19=$B$17,14,0)+IF('Standard Profiles'!$G$19=$B$24,21,0),0)),0)</f>
        <v>0</v>
      </c>
      <c r="F3801" cm="1">
        <f t="array" ref="F3801">IFERROR(INDEX(Jesper!AJ$2:AJ$366,ROUNDDOWN($C3801/24,0)+1,1)*INDEX($D$3:$AA$30,INDEX(Jesper!$R$2:$R$366,ROW(INDEX(Jesper!AJ$2:AJ$366,ROUNDDOWN($C3801/24,0)+1,1))-1)+IF('Standard Profiles'!$G$20=$B$10,7,0)+IF('Standard Profiles'!$G$20=$B$17,14,0)+IF('Standard Profiles'!$G$20=$B$24,21,0),MOD($C3801,24)+1)/SUM(INDEX($D$3:$AA$30,INDEX(Jesper!$R$2:$R$366,ROW(INDEX(Jesper!AJ$2:AJ$366,ROUNDDOWN($C3801/24,0)+1,1))-1)+IF('Standard Profiles'!$G$20=$B$10,7,0)+IF('Standard Profiles'!$G$20=$B$17,14,0)+IF('Standard Profiles'!$G$20=$B$24,21,0),0)),0)</f>
        <v>0</v>
      </c>
      <c r="G3801" cm="1">
        <f t="array" ref="G3801">IFERROR(INDEX(Jesper!AK$2:AK$366,ROUNDDOWN($C3801/24,0)+1,1)*INDEX($D$3:$AA$30,INDEX(Jesper!$R$2:$R$366,ROW(INDEX(Jesper!AK$2:AK$366,ROUNDDOWN($C3801/24,0)+1,1))-1)+IF('Standard Profiles'!$G$21=$B$10,7,0)+IF('Standard Profiles'!$G$21=$B$17,14,0)+IF('Standard Profiles'!$G$21=$B$24,21,0),MOD($C3801,24)+1)/SUM(INDEX($D$3:$AA$30,INDEX(Jesper!$R$2:$R$366,ROW(INDEX(Jesper!AK$2:AK$366,ROUNDDOWN($C3801/24,0)+1,1))-1)+IF('Standard Profiles'!$G$21=$B$10,7,0)+IF('Standard Profiles'!$G$21=$B$17,14,0)+IF('Standard Profiles'!$G$21=$B$24,21,0),0)),0)</f>
        <v>0</v>
      </c>
      <c r="H3801" cm="1">
        <f t="array" ref="H3801">IFERROR(INDEX(Jesper!AL$2:AL$366,ROUNDDOWN($C3801/24,0)+1,1)*INDEX($D$3:$AA$30,INDEX(Jesper!$R$2:$R$366,ROW(INDEX(Jesper!AL$2:AL$366,ROUNDDOWN($C3801/24,0)+1,1))-1)+IF('Standard Profiles'!$G$22=$B$10,7,0)+IF('Standard Profiles'!$G$22=$B$17,14,0)+IF('Standard Profiles'!$G$22=$B$24,21,0),MOD($C3801,24)+1)/SUM(INDEX($D$3:$AA$30,INDEX(Jesper!$R$2:$R$366,ROW(INDEX(Jesper!AL$2:AL$366,ROUNDDOWN($C3801/24,0)+1,1))-1)+IF('Standard Profiles'!$G$22=$B$10,7,0)+IF('Standard Profiles'!$G$22=$B$17,14,0)+IF('Standard Profiles'!$G$22=$B$24,21,0),0)),0)</f>
        <v>0</v>
      </c>
      <c r="I3801">
        <f t="shared" si="426"/>
        <v>0.21758813603612651</v>
      </c>
      <c r="J3801">
        <f t="shared" si="427"/>
        <v>0.72529378678708845</v>
      </c>
      <c r="K3801">
        <f t="shared" si="428"/>
        <v>1.0879406801806326</v>
      </c>
      <c r="L3801">
        <f t="shared" si="429"/>
        <v>5.2221152648670364</v>
      </c>
      <c r="M3801">
        <f t="shared" si="430"/>
        <v>0</v>
      </c>
      <c r="N3801" s="46">
        <f t="shared" si="431"/>
        <v>45448.958333324197</v>
      </c>
    </row>
    <row r="3802" spans="2:14" x14ac:dyDescent="0.3">
      <c r="B3802">
        <f t="shared" si="425"/>
        <v>4</v>
      </c>
      <c r="C3802" s="16">
        <v>3768</v>
      </c>
      <c r="D3802" cm="1">
        <f t="array" ref="D3802">IFERROR(INDEX(Jesper!AH$2:AH$366,ROUNDDOWN($C3802/24,0)+1,1)*INDEX($D$3:$AA$30,INDEX(Jesper!$R$2:$R$366,ROW(INDEX(Jesper!AH$2:AH$366,ROUNDDOWN($C3802/24,0)+1,1))-1)+IF('Standard Profiles'!$G$18=$B$10,7,0)+IF('Standard Profiles'!$G$18=$B$17,14,0)+IF('Standard Profiles'!$G$18=$B$24,21,0),MOD($C3802,24)+1)/SUM(INDEX($D$3:$AA$30,INDEX(Jesper!$R$2:$R$366,ROW(INDEX(Jesper!AH$2:AH$366,ROUNDDOWN($C3802/24,0)+1,1))-1)+IF('Standard Profiles'!$G$18=$B$10,7,0)+IF('Standard Profiles'!$G$18=$B$17,14,0)+IF('Standard Profiles'!$G$18=$B$24,21,0),0)),0)</f>
        <v>7.2048267042324907</v>
      </c>
      <c r="E3802" cm="1">
        <f t="array" ref="E3802">IFERROR(INDEX(Jesper!AI$2:AI$366,ROUNDDOWN($C3802/24,0)+1,1)*INDEX($D$3:$AA$30,INDEX(Jesper!$R$2:$R$366,ROW(INDEX(Jesper!AI$2:AI$366,ROUNDDOWN($C3802/24,0)+1,1))-1)+IF('Standard Profiles'!$G$19=$B$10,7,0)+IF('Standard Profiles'!$G$19=$B$17,14,0)+IF('Standard Profiles'!$G$19=$B$24,21,0),MOD($C3802,24)+1)/SUM(INDEX($D$3:$AA$30,INDEX(Jesper!$R$2:$R$366,ROW(INDEX(Jesper!AI$2:AI$366,ROUNDDOWN($C3802/24,0)+1,1))-1)+IF('Standard Profiles'!$G$19=$B$10,7,0)+IF('Standard Profiles'!$G$19=$B$17,14,0)+IF('Standard Profiles'!$G$19=$B$24,21,0),0)),0)</f>
        <v>0</v>
      </c>
      <c r="F3802" cm="1">
        <f t="array" ref="F3802">IFERROR(INDEX(Jesper!AJ$2:AJ$366,ROUNDDOWN($C3802/24,0)+1,1)*INDEX($D$3:$AA$30,INDEX(Jesper!$R$2:$R$366,ROW(INDEX(Jesper!AJ$2:AJ$366,ROUNDDOWN($C3802/24,0)+1,1))-1)+IF('Standard Profiles'!$G$20=$B$10,7,0)+IF('Standard Profiles'!$G$20=$B$17,14,0)+IF('Standard Profiles'!$G$20=$B$24,21,0),MOD($C3802,24)+1)/SUM(INDEX($D$3:$AA$30,INDEX(Jesper!$R$2:$R$366,ROW(INDEX(Jesper!AJ$2:AJ$366,ROUNDDOWN($C3802/24,0)+1,1))-1)+IF('Standard Profiles'!$G$20=$B$10,7,0)+IF('Standard Profiles'!$G$20=$B$17,14,0)+IF('Standard Profiles'!$G$20=$B$24,21,0),0)),0)</f>
        <v>0</v>
      </c>
      <c r="G3802" cm="1">
        <f t="array" ref="G3802">IFERROR(INDEX(Jesper!AK$2:AK$366,ROUNDDOWN($C3802/24,0)+1,1)*INDEX($D$3:$AA$30,INDEX(Jesper!$R$2:$R$366,ROW(INDEX(Jesper!AK$2:AK$366,ROUNDDOWN($C3802/24,0)+1,1))-1)+IF('Standard Profiles'!$G$21=$B$10,7,0)+IF('Standard Profiles'!$G$21=$B$17,14,0)+IF('Standard Profiles'!$G$21=$B$24,21,0),MOD($C3802,24)+1)/SUM(INDEX($D$3:$AA$30,INDEX(Jesper!$R$2:$R$366,ROW(INDEX(Jesper!AK$2:AK$366,ROUNDDOWN($C3802/24,0)+1,1))-1)+IF('Standard Profiles'!$G$21=$B$10,7,0)+IF('Standard Profiles'!$G$21=$B$17,14,0)+IF('Standard Profiles'!$G$21=$B$24,21,0),0)),0)</f>
        <v>0</v>
      </c>
      <c r="H3802" cm="1">
        <f t="array" ref="H3802">IFERROR(INDEX(Jesper!AL$2:AL$366,ROUNDDOWN($C3802/24,0)+1,1)*INDEX($D$3:$AA$30,INDEX(Jesper!$R$2:$R$366,ROW(INDEX(Jesper!AL$2:AL$366,ROUNDDOWN($C3802/24,0)+1,1))-1)+IF('Standard Profiles'!$G$22=$B$10,7,0)+IF('Standard Profiles'!$G$22=$B$17,14,0)+IF('Standard Profiles'!$G$22=$B$24,21,0),MOD($C3802,24)+1)/SUM(INDEX($D$3:$AA$30,INDEX(Jesper!$R$2:$R$366,ROW(INDEX(Jesper!AL$2:AL$366,ROUNDDOWN($C3802/24,0)+1,1))-1)+IF('Standard Profiles'!$G$22=$B$10,7,0)+IF('Standard Profiles'!$G$22=$B$17,14,0)+IF('Standard Profiles'!$G$22=$B$24,21,0),0)),0)</f>
        <v>0</v>
      </c>
      <c r="I3802">
        <f t="shared" si="426"/>
        <v>0.21614480112697471</v>
      </c>
      <c r="J3802">
        <f t="shared" si="427"/>
        <v>0.72048267042324909</v>
      </c>
      <c r="K3802">
        <f t="shared" si="428"/>
        <v>1.0807240056348735</v>
      </c>
      <c r="L3802">
        <f t="shared" si="429"/>
        <v>5.1874752270473934</v>
      </c>
      <c r="M3802">
        <f t="shared" si="430"/>
        <v>0</v>
      </c>
      <c r="N3802" s="46">
        <f t="shared" si="431"/>
        <v>45448.999999990861</v>
      </c>
    </row>
    <row r="3803" spans="2:14" x14ac:dyDescent="0.3">
      <c r="B3803">
        <f t="shared" si="425"/>
        <v>4</v>
      </c>
      <c r="C3803" s="16">
        <v>3769</v>
      </c>
      <c r="D3803" cm="1">
        <f t="array" ref="D3803">IFERROR(INDEX(Jesper!AH$2:AH$366,ROUNDDOWN($C3803/24,0)+1,1)*INDEX($D$3:$AA$30,INDEX(Jesper!$R$2:$R$366,ROW(INDEX(Jesper!AH$2:AH$366,ROUNDDOWN($C3803/24,0)+1,1))-1)+IF('Standard Profiles'!$G$18=$B$10,7,0)+IF('Standard Profiles'!$G$18=$B$17,14,0)+IF('Standard Profiles'!$G$18=$B$24,21,0),MOD($C3803,24)+1)/SUM(INDEX($D$3:$AA$30,INDEX(Jesper!$R$2:$R$366,ROW(INDEX(Jesper!AH$2:AH$366,ROUNDDOWN($C3803/24,0)+1,1))-1)+IF('Standard Profiles'!$G$18=$B$10,7,0)+IF('Standard Profiles'!$G$18=$B$17,14,0)+IF('Standard Profiles'!$G$18=$B$24,21,0),0)),0)</f>
        <v>7.2048267042324907</v>
      </c>
      <c r="E3803" cm="1">
        <f t="array" ref="E3803">IFERROR(INDEX(Jesper!AI$2:AI$366,ROUNDDOWN($C3803/24,0)+1,1)*INDEX($D$3:$AA$30,INDEX(Jesper!$R$2:$R$366,ROW(INDEX(Jesper!AI$2:AI$366,ROUNDDOWN($C3803/24,0)+1,1))-1)+IF('Standard Profiles'!$G$19=$B$10,7,0)+IF('Standard Profiles'!$G$19=$B$17,14,0)+IF('Standard Profiles'!$G$19=$B$24,21,0),MOD($C3803,24)+1)/SUM(INDEX($D$3:$AA$30,INDEX(Jesper!$R$2:$R$366,ROW(INDEX(Jesper!AI$2:AI$366,ROUNDDOWN($C3803/24,0)+1,1))-1)+IF('Standard Profiles'!$G$19=$B$10,7,0)+IF('Standard Profiles'!$G$19=$B$17,14,0)+IF('Standard Profiles'!$G$19=$B$24,21,0),0)),0)</f>
        <v>0</v>
      </c>
      <c r="F3803" cm="1">
        <f t="array" ref="F3803">IFERROR(INDEX(Jesper!AJ$2:AJ$366,ROUNDDOWN($C3803/24,0)+1,1)*INDEX($D$3:$AA$30,INDEX(Jesper!$R$2:$R$366,ROW(INDEX(Jesper!AJ$2:AJ$366,ROUNDDOWN($C3803/24,0)+1,1))-1)+IF('Standard Profiles'!$G$20=$B$10,7,0)+IF('Standard Profiles'!$G$20=$B$17,14,0)+IF('Standard Profiles'!$G$20=$B$24,21,0),MOD($C3803,24)+1)/SUM(INDEX($D$3:$AA$30,INDEX(Jesper!$R$2:$R$366,ROW(INDEX(Jesper!AJ$2:AJ$366,ROUNDDOWN($C3803/24,0)+1,1))-1)+IF('Standard Profiles'!$G$20=$B$10,7,0)+IF('Standard Profiles'!$G$20=$B$17,14,0)+IF('Standard Profiles'!$G$20=$B$24,21,0),0)),0)</f>
        <v>0</v>
      </c>
      <c r="G3803" cm="1">
        <f t="array" ref="G3803">IFERROR(INDEX(Jesper!AK$2:AK$366,ROUNDDOWN($C3803/24,0)+1,1)*INDEX($D$3:$AA$30,INDEX(Jesper!$R$2:$R$366,ROW(INDEX(Jesper!AK$2:AK$366,ROUNDDOWN($C3803/24,0)+1,1))-1)+IF('Standard Profiles'!$G$21=$B$10,7,0)+IF('Standard Profiles'!$G$21=$B$17,14,0)+IF('Standard Profiles'!$G$21=$B$24,21,0),MOD($C3803,24)+1)/SUM(INDEX($D$3:$AA$30,INDEX(Jesper!$R$2:$R$366,ROW(INDEX(Jesper!AK$2:AK$366,ROUNDDOWN($C3803/24,0)+1,1))-1)+IF('Standard Profiles'!$G$21=$B$10,7,0)+IF('Standard Profiles'!$G$21=$B$17,14,0)+IF('Standard Profiles'!$G$21=$B$24,21,0),0)),0)</f>
        <v>0</v>
      </c>
      <c r="H3803" cm="1">
        <f t="array" ref="H3803">IFERROR(INDEX(Jesper!AL$2:AL$366,ROUNDDOWN($C3803/24,0)+1,1)*INDEX($D$3:$AA$30,INDEX(Jesper!$R$2:$R$366,ROW(INDEX(Jesper!AL$2:AL$366,ROUNDDOWN($C3803/24,0)+1,1))-1)+IF('Standard Profiles'!$G$22=$B$10,7,0)+IF('Standard Profiles'!$G$22=$B$17,14,0)+IF('Standard Profiles'!$G$22=$B$24,21,0),MOD($C3803,24)+1)/SUM(INDEX($D$3:$AA$30,INDEX(Jesper!$R$2:$R$366,ROW(INDEX(Jesper!AL$2:AL$366,ROUNDDOWN($C3803/24,0)+1,1))-1)+IF('Standard Profiles'!$G$22=$B$10,7,0)+IF('Standard Profiles'!$G$22=$B$17,14,0)+IF('Standard Profiles'!$G$22=$B$24,21,0),0)),0)</f>
        <v>0</v>
      </c>
      <c r="I3803">
        <f t="shared" si="426"/>
        <v>0.21614480112697471</v>
      </c>
      <c r="J3803">
        <f t="shared" si="427"/>
        <v>0.72048267042324909</v>
      </c>
      <c r="K3803">
        <f t="shared" si="428"/>
        <v>1.0807240056348735</v>
      </c>
      <c r="L3803">
        <f t="shared" si="429"/>
        <v>5.1874752270473934</v>
      </c>
      <c r="M3803">
        <f t="shared" si="430"/>
        <v>0</v>
      </c>
      <c r="N3803" s="46">
        <f t="shared" si="431"/>
        <v>45449.041666657526</v>
      </c>
    </row>
    <row r="3804" spans="2:14" x14ac:dyDescent="0.3">
      <c r="B3804">
        <f t="shared" si="425"/>
        <v>4</v>
      </c>
      <c r="C3804" s="16">
        <v>3770</v>
      </c>
      <c r="D3804" cm="1">
        <f t="array" ref="D3804">IFERROR(INDEX(Jesper!AH$2:AH$366,ROUNDDOWN($C3804/24,0)+1,1)*INDEX($D$3:$AA$30,INDEX(Jesper!$R$2:$R$366,ROW(INDEX(Jesper!AH$2:AH$366,ROUNDDOWN($C3804/24,0)+1,1))-1)+IF('Standard Profiles'!$G$18=$B$10,7,0)+IF('Standard Profiles'!$G$18=$B$17,14,0)+IF('Standard Profiles'!$G$18=$B$24,21,0),MOD($C3804,24)+1)/SUM(INDEX($D$3:$AA$30,INDEX(Jesper!$R$2:$R$366,ROW(INDEX(Jesper!AH$2:AH$366,ROUNDDOWN($C3804/24,0)+1,1))-1)+IF('Standard Profiles'!$G$18=$B$10,7,0)+IF('Standard Profiles'!$G$18=$B$17,14,0)+IF('Standard Profiles'!$G$18=$B$24,21,0),0)),0)</f>
        <v>7.2048267042324907</v>
      </c>
      <c r="E3804" cm="1">
        <f t="array" ref="E3804">IFERROR(INDEX(Jesper!AI$2:AI$366,ROUNDDOWN($C3804/24,0)+1,1)*INDEX($D$3:$AA$30,INDEX(Jesper!$R$2:$R$366,ROW(INDEX(Jesper!AI$2:AI$366,ROUNDDOWN($C3804/24,0)+1,1))-1)+IF('Standard Profiles'!$G$19=$B$10,7,0)+IF('Standard Profiles'!$G$19=$B$17,14,0)+IF('Standard Profiles'!$G$19=$B$24,21,0),MOD($C3804,24)+1)/SUM(INDEX($D$3:$AA$30,INDEX(Jesper!$R$2:$R$366,ROW(INDEX(Jesper!AI$2:AI$366,ROUNDDOWN($C3804/24,0)+1,1))-1)+IF('Standard Profiles'!$G$19=$B$10,7,0)+IF('Standard Profiles'!$G$19=$B$17,14,0)+IF('Standard Profiles'!$G$19=$B$24,21,0),0)),0)</f>
        <v>0</v>
      </c>
      <c r="F3804" cm="1">
        <f t="array" ref="F3804">IFERROR(INDEX(Jesper!AJ$2:AJ$366,ROUNDDOWN($C3804/24,0)+1,1)*INDEX($D$3:$AA$30,INDEX(Jesper!$R$2:$R$366,ROW(INDEX(Jesper!AJ$2:AJ$366,ROUNDDOWN($C3804/24,0)+1,1))-1)+IF('Standard Profiles'!$G$20=$B$10,7,0)+IF('Standard Profiles'!$G$20=$B$17,14,0)+IF('Standard Profiles'!$G$20=$B$24,21,0),MOD($C3804,24)+1)/SUM(INDEX($D$3:$AA$30,INDEX(Jesper!$R$2:$R$366,ROW(INDEX(Jesper!AJ$2:AJ$366,ROUNDDOWN($C3804/24,0)+1,1))-1)+IF('Standard Profiles'!$G$20=$B$10,7,0)+IF('Standard Profiles'!$G$20=$B$17,14,0)+IF('Standard Profiles'!$G$20=$B$24,21,0),0)),0)</f>
        <v>0</v>
      </c>
      <c r="G3804" cm="1">
        <f t="array" ref="G3804">IFERROR(INDEX(Jesper!AK$2:AK$366,ROUNDDOWN($C3804/24,0)+1,1)*INDEX($D$3:$AA$30,INDEX(Jesper!$R$2:$R$366,ROW(INDEX(Jesper!AK$2:AK$366,ROUNDDOWN($C3804/24,0)+1,1))-1)+IF('Standard Profiles'!$G$21=$B$10,7,0)+IF('Standard Profiles'!$G$21=$B$17,14,0)+IF('Standard Profiles'!$G$21=$B$24,21,0),MOD($C3804,24)+1)/SUM(INDEX($D$3:$AA$30,INDEX(Jesper!$R$2:$R$366,ROW(INDEX(Jesper!AK$2:AK$366,ROUNDDOWN($C3804/24,0)+1,1))-1)+IF('Standard Profiles'!$G$21=$B$10,7,0)+IF('Standard Profiles'!$G$21=$B$17,14,0)+IF('Standard Profiles'!$G$21=$B$24,21,0),0)),0)</f>
        <v>0</v>
      </c>
      <c r="H3804" cm="1">
        <f t="array" ref="H3804">IFERROR(INDEX(Jesper!AL$2:AL$366,ROUNDDOWN($C3804/24,0)+1,1)*INDEX($D$3:$AA$30,INDEX(Jesper!$R$2:$R$366,ROW(INDEX(Jesper!AL$2:AL$366,ROUNDDOWN($C3804/24,0)+1,1))-1)+IF('Standard Profiles'!$G$22=$B$10,7,0)+IF('Standard Profiles'!$G$22=$B$17,14,0)+IF('Standard Profiles'!$G$22=$B$24,21,0),MOD($C3804,24)+1)/SUM(INDEX($D$3:$AA$30,INDEX(Jesper!$R$2:$R$366,ROW(INDEX(Jesper!AL$2:AL$366,ROUNDDOWN($C3804/24,0)+1,1))-1)+IF('Standard Profiles'!$G$22=$B$10,7,0)+IF('Standard Profiles'!$G$22=$B$17,14,0)+IF('Standard Profiles'!$G$22=$B$24,21,0),0)),0)</f>
        <v>0</v>
      </c>
      <c r="I3804">
        <f t="shared" si="426"/>
        <v>0.21614480112697471</v>
      </c>
      <c r="J3804">
        <f t="shared" si="427"/>
        <v>0.72048267042324909</v>
      </c>
      <c r="K3804">
        <f t="shared" si="428"/>
        <v>1.0807240056348735</v>
      </c>
      <c r="L3804">
        <f t="shared" si="429"/>
        <v>5.1874752270473934</v>
      </c>
      <c r="M3804">
        <f t="shared" si="430"/>
        <v>0</v>
      </c>
      <c r="N3804" s="46">
        <f t="shared" si="431"/>
        <v>45449.08333332419</v>
      </c>
    </row>
    <row r="3805" spans="2:14" x14ac:dyDescent="0.3">
      <c r="B3805">
        <f t="shared" si="425"/>
        <v>4</v>
      </c>
      <c r="C3805" s="16">
        <v>3771</v>
      </c>
      <c r="D3805" cm="1">
        <f t="array" ref="D3805">IFERROR(INDEX(Jesper!AH$2:AH$366,ROUNDDOWN($C3805/24,0)+1,1)*INDEX($D$3:$AA$30,INDEX(Jesper!$R$2:$R$366,ROW(INDEX(Jesper!AH$2:AH$366,ROUNDDOWN($C3805/24,0)+1,1))-1)+IF('Standard Profiles'!$G$18=$B$10,7,0)+IF('Standard Profiles'!$G$18=$B$17,14,0)+IF('Standard Profiles'!$G$18=$B$24,21,0),MOD($C3805,24)+1)/SUM(INDEX($D$3:$AA$30,INDEX(Jesper!$R$2:$R$366,ROW(INDEX(Jesper!AH$2:AH$366,ROUNDDOWN($C3805/24,0)+1,1))-1)+IF('Standard Profiles'!$G$18=$B$10,7,0)+IF('Standard Profiles'!$G$18=$B$17,14,0)+IF('Standard Profiles'!$G$18=$B$24,21,0),0)),0)</f>
        <v>7.2048267042324907</v>
      </c>
      <c r="E3805" cm="1">
        <f t="array" ref="E3805">IFERROR(INDEX(Jesper!AI$2:AI$366,ROUNDDOWN($C3805/24,0)+1,1)*INDEX($D$3:$AA$30,INDEX(Jesper!$R$2:$R$366,ROW(INDEX(Jesper!AI$2:AI$366,ROUNDDOWN($C3805/24,0)+1,1))-1)+IF('Standard Profiles'!$G$19=$B$10,7,0)+IF('Standard Profiles'!$G$19=$B$17,14,0)+IF('Standard Profiles'!$G$19=$B$24,21,0),MOD($C3805,24)+1)/SUM(INDEX($D$3:$AA$30,INDEX(Jesper!$R$2:$R$366,ROW(INDEX(Jesper!AI$2:AI$366,ROUNDDOWN($C3805/24,0)+1,1))-1)+IF('Standard Profiles'!$G$19=$B$10,7,0)+IF('Standard Profiles'!$G$19=$B$17,14,0)+IF('Standard Profiles'!$G$19=$B$24,21,0),0)),0)</f>
        <v>0</v>
      </c>
      <c r="F3805" cm="1">
        <f t="array" ref="F3805">IFERROR(INDEX(Jesper!AJ$2:AJ$366,ROUNDDOWN($C3805/24,0)+1,1)*INDEX($D$3:$AA$30,INDEX(Jesper!$R$2:$R$366,ROW(INDEX(Jesper!AJ$2:AJ$366,ROUNDDOWN($C3805/24,0)+1,1))-1)+IF('Standard Profiles'!$G$20=$B$10,7,0)+IF('Standard Profiles'!$G$20=$B$17,14,0)+IF('Standard Profiles'!$G$20=$B$24,21,0),MOD($C3805,24)+1)/SUM(INDEX($D$3:$AA$30,INDEX(Jesper!$R$2:$R$366,ROW(INDEX(Jesper!AJ$2:AJ$366,ROUNDDOWN($C3805/24,0)+1,1))-1)+IF('Standard Profiles'!$G$20=$B$10,7,0)+IF('Standard Profiles'!$G$20=$B$17,14,0)+IF('Standard Profiles'!$G$20=$B$24,21,0),0)),0)</f>
        <v>0</v>
      </c>
      <c r="G3805" cm="1">
        <f t="array" ref="G3805">IFERROR(INDEX(Jesper!AK$2:AK$366,ROUNDDOWN($C3805/24,0)+1,1)*INDEX($D$3:$AA$30,INDEX(Jesper!$R$2:$R$366,ROW(INDEX(Jesper!AK$2:AK$366,ROUNDDOWN($C3805/24,0)+1,1))-1)+IF('Standard Profiles'!$G$21=$B$10,7,0)+IF('Standard Profiles'!$G$21=$B$17,14,0)+IF('Standard Profiles'!$G$21=$B$24,21,0),MOD($C3805,24)+1)/SUM(INDEX($D$3:$AA$30,INDEX(Jesper!$R$2:$R$366,ROW(INDEX(Jesper!AK$2:AK$366,ROUNDDOWN($C3805/24,0)+1,1))-1)+IF('Standard Profiles'!$G$21=$B$10,7,0)+IF('Standard Profiles'!$G$21=$B$17,14,0)+IF('Standard Profiles'!$G$21=$B$24,21,0),0)),0)</f>
        <v>0</v>
      </c>
      <c r="H3805" cm="1">
        <f t="array" ref="H3805">IFERROR(INDEX(Jesper!AL$2:AL$366,ROUNDDOWN($C3805/24,0)+1,1)*INDEX($D$3:$AA$30,INDEX(Jesper!$R$2:$R$366,ROW(INDEX(Jesper!AL$2:AL$366,ROUNDDOWN($C3805/24,0)+1,1))-1)+IF('Standard Profiles'!$G$22=$B$10,7,0)+IF('Standard Profiles'!$G$22=$B$17,14,0)+IF('Standard Profiles'!$G$22=$B$24,21,0),MOD($C3805,24)+1)/SUM(INDEX($D$3:$AA$30,INDEX(Jesper!$R$2:$R$366,ROW(INDEX(Jesper!AL$2:AL$366,ROUNDDOWN($C3805/24,0)+1,1))-1)+IF('Standard Profiles'!$G$22=$B$10,7,0)+IF('Standard Profiles'!$G$22=$B$17,14,0)+IF('Standard Profiles'!$G$22=$B$24,21,0),0)),0)</f>
        <v>0</v>
      </c>
      <c r="I3805">
        <f t="shared" si="426"/>
        <v>0.21614480112697471</v>
      </c>
      <c r="J3805">
        <f t="shared" si="427"/>
        <v>0.72048267042324909</v>
      </c>
      <c r="K3805">
        <f t="shared" si="428"/>
        <v>1.0807240056348735</v>
      </c>
      <c r="L3805">
        <f t="shared" si="429"/>
        <v>5.1874752270473934</v>
      </c>
      <c r="M3805">
        <f t="shared" si="430"/>
        <v>0</v>
      </c>
      <c r="N3805" s="46">
        <f t="shared" si="431"/>
        <v>45449.124999990854</v>
      </c>
    </row>
    <row r="3806" spans="2:14" x14ac:dyDescent="0.3">
      <c r="B3806">
        <f t="shared" si="425"/>
        <v>4</v>
      </c>
      <c r="C3806" s="16">
        <v>3772</v>
      </c>
      <c r="D3806" cm="1">
        <f t="array" ref="D3806">IFERROR(INDEX(Jesper!AH$2:AH$366,ROUNDDOWN($C3806/24,0)+1,1)*INDEX($D$3:$AA$30,INDEX(Jesper!$R$2:$R$366,ROW(INDEX(Jesper!AH$2:AH$366,ROUNDDOWN($C3806/24,0)+1,1))-1)+IF('Standard Profiles'!$G$18=$B$10,7,0)+IF('Standard Profiles'!$G$18=$B$17,14,0)+IF('Standard Profiles'!$G$18=$B$24,21,0),MOD($C3806,24)+1)/SUM(INDEX($D$3:$AA$30,INDEX(Jesper!$R$2:$R$366,ROW(INDEX(Jesper!AH$2:AH$366,ROUNDDOWN($C3806/24,0)+1,1))-1)+IF('Standard Profiles'!$G$18=$B$10,7,0)+IF('Standard Profiles'!$G$18=$B$17,14,0)+IF('Standard Profiles'!$G$18=$B$24,21,0),0)),0)</f>
        <v>7.2048267042324907</v>
      </c>
      <c r="E3806" cm="1">
        <f t="array" ref="E3806">IFERROR(INDEX(Jesper!AI$2:AI$366,ROUNDDOWN($C3806/24,0)+1,1)*INDEX($D$3:$AA$30,INDEX(Jesper!$R$2:$R$366,ROW(INDEX(Jesper!AI$2:AI$366,ROUNDDOWN($C3806/24,0)+1,1))-1)+IF('Standard Profiles'!$G$19=$B$10,7,0)+IF('Standard Profiles'!$G$19=$B$17,14,0)+IF('Standard Profiles'!$G$19=$B$24,21,0),MOD($C3806,24)+1)/SUM(INDEX($D$3:$AA$30,INDEX(Jesper!$R$2:$R$366,ROW(INDEX(Jesper!AI$2:AI$366,ROUNDDOWN($C3806/24,0)+1,1))-1)+IF('Standard Profiles'!$G$19=$B$10,7,0)+IF('Standard Profiles'!$G$19=$B$17,14,0)+IF('Standard Profiles'!$G$19=$B$24,21,0),0)),0)</f>
        <v>0</v>
      </c>
      <c r="F3806" cm="1">
        <f t="array" ref="F3806">IFERROR(INDEX(Jesper!AJ$2:AJ$366,ROUNDDOWN($C3806/24,0)+1,1)*INDEX($D$3:$AA$30,INDEX(Jesper!$R$2:$R$366,ROW(INDEX(Jesper!AJ$2:AJ$366,ROUNDDOWN($C3806/24,0)+1,1))-1)+IF('Standard Profiles'!$G$20=$B$10,7,0)+IF('Standard Profiles'!$G$20=$B$17,14,0)+IF('Standard Profiles'!$G$20=$B$24,21,0),MOD($C3806,24)+1)/SUM(INDEX($D$3:$AA$30,INDEX(Jesper!$R$2:$R$366,ROW(INDEX(Jesper!AJ$2:AJ$366,ROUNDDOWN($C3806/24,0)+1,1))-1)+IF('Standard Profiles'!$G$20=$B$10,7,0)+IF('Standard Profiles'!$G$20=$B$17,14,0)+IF('Standard Profiles'!$G$20=$B$24,21,0),0)),0)</f>
        <v>0</v>
      </c>
      <c r="G3806" cm="1">
        <f t="array" ref="G3806">IFERROR(INDEX(Jesper!AK$2:AK$366,ROUNDDOWN($C3806/24,0)+1,1)*INDEX($D$3:$AA$30,INDEX(Jesper!$R$2:$R$366,ROW(INDEX(Jesper!AK$2:AK$366,ROUNDDOWN($C3806/24,0)+1,1))-1)+IF('Standard Profiles'!$G$21=$B$10,7,0)+IF('Standard Profiles'!$G$21=$B$17,14,0)+IF('Standard Profiles'!$G$21=$B$24,21,0),MOD($C3806,24)+1)/SUM(INDEX($D$3:$AA$30,INDEX(Jesper!$R$2:$R$366,ROW(INDEX(Jesper!AK$2:AK$366,ROUNDDOWN($C3806/24,0)+1,1))-1)+IF('Standard Profiles'!$G$21=$B$10,7,0)+IF('Standard Profiles'!$G$21=$B$17,14,0)+IF('Standard Profiles'!$G$21=$B$24,21,0),0)),0)</f>
        <v>0</v>
      </c>
      <c r="H3806" cm="1">
        <f t="array" ref="H3806">IFERROR(INDEX(Jesper!AL$2:AL$366,ROUNDDOWN($C3806/24,0)+1,1)*INDEX($D$3:$AA$30,INDEX(Jesper!$R$2:$R$366,ROW(INDEX(Jesper!AL$2:AL$366,ROUNDDOWN($C3806/24,0)+1,1))-1)+IF('Standard Profiles'!$G$22=$B$10,7,0)+IF('Standard Profiles'!$G$22=$B$17,14,0)+IF('Standard Profiles'!$G$22=$B$24,21,0),MOD($C3806,24)+1)/SUM(INDEX($D$3:$AA$30,INDEX(Jesper!$R$2:$R$366,ROW(INDEX(Jesper!AL$2:AL$366,ROUNDDOWN($C3806/24,0)+1,1))-1)+IF('Standard Profiles'!$G$22=$B$10,7,0)+IF('Standard Profiles'!$G$22=$B$17,14,0)+IF('Standard Profiles'!$G$22=$B$24,21,0),0)),0)</f>
        <v>0</v>
      </c>
      <c r="I3806">
        <f t="shared" si="426"/>
        <v>0.21614480112697471</v>
      </c>
      <c r="J3806">
        <f t="shared" si="427"/>
        <v>0.72048267042324909</v>
      </c>
      <c r="K3806">
        <f t="shared" si="428"/>
        <v>1.0807240056348735</v>
      </c>
      <c r="L3806">
        <f t="shared" si="429"/>
        <v>5.1874752270473934</v>
      </c>
      <c r="M3806">
        <f t="shared" si="430"/>
        <v>0</v>
      </c>
      <c r="N3806" s="46">
        <f t="shared" si="431"/>
        <v>45449.166666657518</v>
      </c>
    </row>
    <row r="3807" spans="2:14" x14ac:dyDescent="0.3">
      <c r="B3807">
        <f t="shared" si="425"/>
        <v>4</v>
      </c>
      <c r="C3807" s="16">
        <v>3773</v>
      </c>
      <c r="D3807" cm="1">
        <f t="array" ref="D3807">IFERROR(INDEX(Jesper!AH$2:AH$366,ROUNDDOWN($C3807/24,0)+1,1)*INDEX($D$3:$AA$30,INDEX(Jesper!$R$2:$R$366,ROW(INDEX(Jesper!AH$2:AH$366,ROUNDDOWN($C3807/24,0)+1,1))-1)+IF('Standard Profiles'!$G$18=$B$10,7,0)+IF('Standard Profiles'!$G$18=$B$17,14,0)+IF('Standard Profiles'!$G$18=$B$24,21,0),MOD($C3807,24)+1)/SUM(INDEX($D$3:$AA$30,INDEX(Jesper!$R$2:$R$366,ROW(INDEX(Jesper!AH$2:AH$366,ROUNDDOWN($C3807/24,0)+1,1))-1)+IF('Standard Profiles'!$G$18=$B$10,7,0)+IF('Standard Profiles'!$G$18=$B$17,14,0)+IF('Standard Profiles'!$G$18=$B$24,21,0),0)),0)</f>
        <v>9.2862210854552103</v>
      </c>
      <c r="E3807" cm="1">
        <f t="array" ref="E3807">IFERROR(INDEX(Jesper!AI$2:AI$366,ROUNDDOWN($C3807/24,0)+1,1)*INDEX($D$3:$AA$30,INDEX(Jesper!$R$2:$R$366,ROW(INDEX(Jesper!AI$2:AI$366,ROUNDDOWN($C3807/24,0)+1,1))-1)+IF('Standard Profiles'!$G$19=$B$10,7,0)+IF('Standard Profiles'!$G$19=$B$17,14,0)+IF('Standard Profiles'!$G$19=$B$24,21,0),MOD($C3807,24)+1)/SUM(INDEX($D$3:$AA$30,INDEX(Jesper!$R$2:$R$366,ROW(INDEX(Jesper!AI$2:AI$366,ROUNDDOWN($C3807/24,0)+1,1))-1)+IF('Standard Profiles'!$G$19=$B$10,7,0)+IF('Standard Profiles'!$G$19=$B$17,14,0)+IF('Standard Profiles'!$G$19=$B$24,21,0),0)),0)</f>
        <v>0</v>
      </c>
      <c r="F3807" cm="1">
        <f t="array" ref="F3807">IFERROR(INDEX(Jesper!AJ$2:AJ$366,ROUNDDOWN($C3807/24,0)+1,1)*INDEX($D$3:$AA$30,INDEX(Jesper!$R$2:$R$366,ROW(INDEX(Jesper!AJ$2:AJ$366,ROUNDDOWN($C3807/24,0)+1,1))-1)+IF('Standard Profiles'!$G$20=$B$10,7,0)+IF('Standard Profiles'!$G$20=$B$17,14,0)+IF('Standard Profiles'!$G$20=$B$24,21,0),MOD($C3807,24)+1)/SUM(INDEX($D$3:$AA$30,INDEX(Jesper!$R$2:$R$366,ROW(INDEX(Jesper!AJ$2:AJ$366,ROUNDDOWN($C3807/24,0)+1,1))-1)+IF('Standard Profiles'!$G$20=$B$10,7,0)+IF('Standard Profiles'!$G$20=$B$17,14,0)+IF('Standard Profiles'!$G$20=$B$24,21,0),0)),0)</f>
        <v>0</v>
      </c>
      <c r="G3807" cm="1">
        <f t="array" ref="G3807">IFERROR(INDEX(Jesper!AK$2:AK$366,ROUNDDOWN($C3807/24,0)+1,1)*INDEX($D$3:$AA$30,INDEX(Jesper!$R$2:$R$366,ROW(INDEX(Jesper!AK$2:AK$366,ROUNDDOWN($C3807/24,0)+1,1))-1)+IF('Standard Profiles'!$G$21=$B$10,7,0)+IF('Standard Profiles'!$G$21=$B$17,14,0)+IF('Standard Profiles'!$G$21=$B$24,21,0),MOD($C3807,24)+1)/SUM(INDEX($D$3:$AA$30,INDEX(Jesper!$R$2:$R$366,ROW(INDEX(Jesper!AK$2:AK$366,ROUNDDOWN($C3807/24,0)+1,1))-1)+IF('Standard Profiles'!$G$21=$B$10,7,0)+IF('Standard Profiles'!$G$21=$B$17,14,0)+IF('Standard Profiles'!$G$21=$B$24,21,0),0)),0)</f>
        <v>0</v>
      </c>
      <c r="H3807" cm="1">
        <f t="array" ref="H3807">IFERROR(INDEX(Jesper!AL$2:AL$366,ROUNDDOWN($C3807/24,0)+1,1)*INDEX($D$3:$AA$30,INDEX(Jesper!$R$2:$R$366,ROW(INDEX(Jesper!AL$2:AL$366,ROUNDDOWN($C3807/24,0)+1,1))-1)+IF('Standard Profiles'!$G$22=$B$10,7,0)+IF('Standard Profiles'!$G$22=$B$17,14,0)+IF('Standard Profiles'!$G$22=$B$24,21,0),MOD($C3807,24)+1)/SUM(INDEX($D$3:$AA$30,INDEX(Jesper!$R$2:$R$366,ROW(INDEX(Jesper!AL$2:AL$366,ROUNDDOWN($C3807/24,0)+1,1))-1)+IF('Standard Profiles'!$G$22=$B$10,7,0)+IF('Standard Profiles'!$G$22=$B$17,14,0)+IF('Standard Profiles'!$G$22=$B$24,21,0),0)),0)</f>
        <v>0</v>
      </c>
      <c r="I3807">
        <f t="shared" si="426"/>
        <v>0.27858663256365629</v>
      </c>
      <c r="J3807">
        <f t="shared" si="427"/>
        <v>0.92862210854552107</v>
      </c>
      <c r="K3807">
        <f t="shared" si="428"/>
        <v>1.3929331628182815</v>
      </c>
      <c r="L3807">
        <f t="shared" si="429"/>
        <v>6.6860791815277514</v>
      </c>
      <c r="M3807">
        <f t="shared" si="430"/>
        <v>0</v>
      </c>
      <c r="N3807" s="46">
        <f t="shared" si="431"/>
        <v>45449.208333324183</v>
      </c>
    </row>
    <row r="3808" spans="2:14" x14ac:dyDescent="0.3">
      <c r="B3808">
        <f t="shared" si="425"/>
        <v>4</v>
      </c>
      <c r="C3808" s="16">
        <v>3774</v>
      </c>
      <c r="D3808" cm="1">
        <f t="array" ref="D3808">IFERROR(INDEX(Jesper!AH$2:AH$366,ROUNDDOWN($C3808/24,0)+1,1)*INDEX($D$3:$AA$30,INDEX(Jesper!$R$2:$R$366,ROW(INDEX(Jesper!AH$2:AH$366,ROUNDDOWN($C3808/24,0)+1,1))-1)+IF('Standard Profiles'!$G$18=$B$10,7,0)+IF('Standard Profiles'!$G$18=$B$17,14,0)+IF('Standard Profiles'!$G$18=$B$24,21,0),MOD($C3808,24)+1)/SUM(INDEX($D$3:$AA$30,INDEX(Jesper!$R$2:$R$366,ROW(INDEX(Jesper!AH$2:AH$366,ROUNDDOWN($C3808/24,0)+1,1))-1)+IF('Standard Profiles'!$G$18=$B$10,7,0)+IF('Standard Profiles'!$G$18=$B$17,14,0)+IF('Standard Profiles'!$G$18=$B$24,21,0),0)),0)</f>
        <v>10.72718642630171</v>
      </c>
      <c r="E3808" cm="1">
        <f t="array" ref="E3808">IFERROR(INDEX(Jesper!AI$2:AI$366,ROUNDDOWN($C3808/24,0)+1,1)*INDEX($D$3:$AA$30,INDEX(Jesper!$R$2:$R$366,ROW(INDEX(Jesper!AI$2:AI$366,ROUNDDOWN($C3808/24,0)+1,1))-1)+IF('Standard Profiles'!$G$19=$B$10,7,0)+IF('Standard Profiles'!$G$19=$B$17,14,0)+IF('Standard Profiles'!$G$19=$B$24,21,0),MOD($C3808,24)+1)/SUM(INDEX($D$3:$AA$30,INDEX(Jesper!$R$2:$R$366,ROW(INDEX(Jesper!AI$2:AI$366,ROUNDDOWN($C3808/24,0)+1,1))-1)+IF('Standard Profiles'!$G$19=$B$10,7,0)+IF('Standard Profiles'!$G$19=$B$17,14,0)+IF('Standard Profiles'!$G$19=$B$24,21,0),0)),0)</f>
        <v>0</v>
      </c>
      <c r="F3808" cm="1">
        <f t="array" ref="F3808">IFERROR(INDEX(Jesper!AJ$2:AJ$366,ROUNDDOWN($C3808/24,0)+1,1)*INDEX($D$3:$AA$30,INDEX(Jesper!$R$2:$R$366,ROW(INDEX(Jesper!AJ$2:AJ$366,ROUNDDOWN($C3808/24,0)+1,1))-1)+IF('Standard Profiles'!$G$20=$B$10,7,0)+IF('Standard Profiles'!$G$20=$B$17,14,0)+IF('Standard Profiles'!$G$20=$B$24,21,0),MOD($C3808,24)+1)/SUM(INDEX($D$3:$AA$30,INDEX(Jesper!$R$2:$R$366,ROW(INDEX(Jesper!AJ$2:AJ$366,ROUNDDOWN($C3808/24,0)+1,1))-1)+IF('Standard Profiles'!$G$20=$B$10,7,0)+IF('Standard Profiles'!$G$20=$B$17,14,0)+IF('Standard Profiles'!$G$20=$B$24,21,0),0)),0)</f>
        <v>0</v>
      </c>
      <c r="G3808" cm="1">
        <f t="array" ref="G3808">IFERROR(INDEX(Jesper!AK$2:AK$366,ROUNDDOWN($C3808/24,0)+1,1)*INDEX($D$3:$AA$30,INDEX(Jesper!$R$2:$R$366,ROW(INDEX(Jesper!AK$2:AK$366,ROUNDDOWN($C3808/24,0)+1,1))-1)+IF('Standard Profiles'!$G$21=$B$10,7,0)+IF('Standard Profiles'!$G$21=$B$17,14,0)+IF('Standard Profiles'!$G$21=$B$24,21,0),MOD($C3808,24)+1)/SUM(INDEX($D$3:$AA$30,INDEX(Jesper!$R$2:$R$366,ROW(INDEX(Jesper!AK$2:AK$366,ROUNDDOWN($C3808/24,0)+1,1))-1)+IF('Standard Profiles'!$G$21=$B$10,7,0)+IF('Standard Profiles'!$G$21=$B$17,14,0)+IF('Standard Profiles'!$G$21=$B$24,21,0),0)),0)</f>
        <v>0</v>
      </c>
      <c r="H3808" cm="1">
        <f t="array" ref="H3808">IFERROR(INDEX(Jesper!AL$2:AL$366,ROUNDDOWN($C3808/24,0)+1,1)*INDEX($D$3:$AA$30,INDEX(Jesper!$R$2:$R$366,ROW(INDEX(Jesper!AL$2:AL$366,ROUNDDOWN($C3808/24,0)+1,1))-1)+IF('Standard Profiles'!$G$22=$B$10,7,0)+IF('Standard Profiles'!$G$22=$B$17,14,0)+IF('Standard Profiles'!$G$22=$B$24,21,0),MOD($C3808,24)+1)/SUM(INDEX($D$3:$AA$30,INDEX(Jesper!$R$2:$R$366,ROW(INDEX(Jesper!AL$2:AL$366,ROUNDDOWN($C3808/24,0)+1,1))-1)+IF('Standard Profiles'!$G$22=$B$10,7,0)+IF('Standard Profiles'!$G$22=$B$17,14,0)+IF('Standard Profiles'!$G$22=$B$24,21,0),0)),0)</f>
        <v>0</v>
      </c>
      <c r="I3808">
        <f t="shared" si="426"/>
        <v>0.32181559278905131</v>
      </c>
      <c r="J3808">
        <f t="shared" si="427"/>
        <v>1.0727186426301711</v>
      </c>
      <c r="K3808">
        <f t="shared" si="428"/>
        <v>1.6090779639452564</v>
      </c>
      <c r="L3808">
        <f t="shared" si="429"/>
        <v>7.7235742269372309</v>
      </c>
      <c r="M3808">
        <f t="shared" si="430"/>
        <v>0</v>
      </c>
      <c r="N3808" s="46">
        <f t="shared" si="431"/>
        <v>45449.249999990847</v>
      </c>
    </row>
    <row r="3809" spans="2:14" x14ac:dyDescent="0.3">
      <c r="B3809">
        <f t="shared" si="425"/>
        <v>4</v>
      </c>
      <c r="C3809" s="16">
        <v>3775</v>
      </c>
      <c r="D3809" cm="1">
        <f t="array" ref="D3809">IFERROR(INDEX(Jesper!AH$2:AH$366,ROUNDDOWN($C3809/24,0)+1,1)*INDEX($D$3:$AA$30,INDEX(Jesper!$R$2:$R$366,ROW(INDEX(Jesper!AH$2:AH$366,ROUNDDOWN($C3809/24,0)+1,1))-1)+IF('Standard Profiles'!$G$18=$B$10,7,0)+IF('Standard Profiles'!$G$18=$B$17,14,0)+IF('Standard Profiles'!$G$18=$B$24,21,0),MOD($C3809,24)+1)/SUM(INDEX($D$3:$AA$30,INDEX(Jesper!$R$2:$R$366,ROW(INDEX(Jesper!AH$2:AH$366,ROUNDDOWN($C3809/24,0)+1,1))-1)+IF('Standard Profiles'!$G$18=$B$10,7,0)+IF('Standard Profiles'!$G$18=$B$17,14,0)+IF('Standard Profiles'!$G$18=$B$24,21,0),0)),0)</f>
        <v>10.72718642630171</v>
      </c>
      <c r="E3809" cm="1">
        <f t="array" ref="E3809">IFERROR(INDEX(Jesper!AI$2:AI$366,ROUNDDOWN($C3809/24,0)+1,1)*INDEX($D$3:$AA$30,INDEX(Jesper!$R$2:$R$366,ROW(INDEX(Jesper!AI$2:AI$366,ROUNDDOWN($C3809/24,0)+1,1))-1)+IF('Standard Profiles'!$G$19=$B$10,7,0)+IF('Standard Profiles'!$G$19=$B$17,14,0)+IF('Standard Profiles'!$G$19=$B$24,21,0),MOD($C3809,24)+1)/SUM(INDEX($D$3:$AA$30,INDEX(Jesper!$R$2:$R$366,ROW(INDEX(Jesper!AI$2:AI$366,ROUNDDOWN($C3809/24,0)+1,1))-1)+IF('Standard Profiles'!$G$19=$B$10,7,0)+IF('Standard Profiles'!$G$19=$B$17,14,0)+IF('Standard Profiles'!$G$19=$B$24,21,0),0)),0)</f>
        <v>0</v>
      </c>
      <c r="F3809" cm="1">
        <f t="array" ref="F3809">IFERROR(INDEX(Jesper!AJ$2:AJ$366,ROUNDDOWN($C3809/24,0)+1,1)*INDEX($D$3:$AA$30,INDEX(Jesper!$R$2:$R$366,ROW(INDEX(Jesper!AJ$2:AJ$366,ROUNDDOWN($C3809/24,0)+1,1))-1)+IF('Standard Profiles'!$G$20=$B$10,7,0)+IF('Standard Profiles'!$G$20=$B$17,14,0)+IF('Standard Profiles'!$G$20=$B$24,21,0),MOD($C3809,24)+1)/SUM(INDEX($D$3:$AA$30,INDEX(Jesper!$R$2:$R$366,ROW(INDEX(Jesper!AJ$2:AJ$366,ROUNDDOWN($C3809/24,0)+1,1))-1)+IF('Standard Profiles'!$G$20=$B$10,7,0)+IF('Standard Profiles'!$G$20=$B$17,14,0)+IF('Standard Profiles'!$G$20=$B$24,21,0),0)),0)</f>
        <v>0</v>
      </c>
      <c r="G3809" cm="1">
        <f t="array" ref="G3809">IFERROR(INDEX(Jesper!AK$2:AK$366,ROUNDDOWN($C3809/24,0)+1,1)*INDEX($D$3:$AA$30,INDEX(Jesper!$R$2:$R$366,ROW(INDEX(Jesper!AK$2:AK$366,ROUNDDOWN($C3809/24,0)+1,1))-1)+IF('Standard Profiles'!$G$21=$B$10,7,0)+IF('Standard Profiles'!$G$21=$B$17,14,0)+IF('Standard Profiles'!$G$21=$B$24,21,0),MOD($C3809,24)+1)/SUM(INDEX($D$3:$AA$30,INDEX(Jesper!$R$2:$R$366,ROW(INDEX(Jesper!AK$2:AK$366,ROUNDDOWN($C3809/24,0)+1,1))-1)+IF('Standard Profiles'!$G$21=$B$10,7,0)+IF('Standard Profiles'!$G$21=$B$17,14,0)+IF('Standard Profiles'!$G$21=$B$24,21,0),0)),0)</f>
        <v>0</v>
      </c>
      <c r="H3809" cm="1">
        <f t="array" ref="H3809">IFERROR(INDEX(Jesper!AL$2:AL$366,ROUNDDOWN($C3809/24,0)+1,1)*INDEX($D$3:$AA$30,INDEX(Jesper!$R$2:$R$366,ROW(INDEX(Jesper!AL$2:AL$366,ROUNDDOWN($C3809/24,0)+1,1))-1)+IF('Standard Profiles'!$G$22=$B$10,7,0)+IF('Standard Profiles'!$G$22=$B$17,14,0)+IF('Standard Profiles'!$G$22=$B$24,21,0),MOD($C3809,24)+1)/SUM(INDEX($D$3:$AA$30,INDEX(Jesper!$R$2:$R$366,ROW(INDEX(Jesper!AL$2:AL$366,ROUNDDOWN($C3809/24,0)+1,1))-1)+IF('Standard Profiles'!$G$22=$B$10,7,0)+IF('Standard Profiles'!$G$22=$B$17,14,0)+IF('Standard Profiles'!$G$22=$B$24,21,0),0)),0)</f>
        <v>0</v>
      </c>
      <c r="I3809">
        <f t="shared" si="426"/>
        <v>0.32181559278905131</v>
      </c>
      <c r="J3809">
        <f t="shared" si="427"/>
        <v>1.0727186426301711</v>
      </c>
      <c r="K3809">
        <f t="shared" si="428"/>
        <v>1.6090779639452564</v>
      </c>
      <c r="L3809">
        <f t="shared" si="429"/>
        <v>7.7235742269372309</v>
      </c>
      <c r="M3809">
        <f t="shared" si="430"/>
        <v>0</v>
      </c>
      <c r="N3809" s="46">
        <f t="shared" si="431"/>
        <v>45449.291666657511</v>
      </c>
    </row>
    <row r="3810" spans="2:14" x14ac:dyDescent="0.3">
      <c r="B3810">
        <f t="shared" si="425"/>
        <v>4</v>
      </c>
      <c r="C3810" s="16">
        <v>3776</v>
      </c>
      <c r="D3810" cm="1">
        <f t="array" ref="D3810">IFERROR(INDEX(Jesper!AH$2:AH$366,ROUNDDOWN($C3810/24,0)+1,1)*INDEX($D$3:$AA$30,INDEX(Jesper!$R$2:$R$366,ROW(INDEX(Jesper!AH$2:AH$366,ROUNDDOWN($C3810/24,0)+1,1))-1)+IF('Standard Profiles'!$G$18=$B$10,7,0)+IF('Standard Profiles'!$G$18=$B$17,14,0)+IF('Standard Profiles'!$G$18=$B$24,21,0),MOD($C3810,24)+1)/SUM(INDEX($D$3:$AA$30,INDEX(Jesper!$R$2:$R$366,ROW(INDEX(Jesper!AH$2:AH$366,ROUNDDOWN($C3810/24,0)+1,1))-1)+IF('Standard Profiles'!$G$18=$B$10,7,0)+IF('Standard Profiles'!$G$18=$B$17,14,0)+IF('Standard Profiles'!$G$18=$B$24,21,0),0)),0)</f>
        <v>10.72718642630171</v>
      </c>
      <c r="E3810" cm="1">
        <f t="array" ref="E3810">IFERROR(INDEX(Jesper!AI$2:AI$366,ROUNDDOWN($C3810/24,0)+1,1)*INDEX($D$3:$AA$30,INDEX(Jesper!$R$2:$R$366,ROW(INDEX(Jesper!AI$2:AI$366,ROUNDDOWN($C3810/24,0)+1,1))-1)+IF('Standard Profiles'!$G$19=$B$10,7,0)+IF('Standard Profiles'!$G$19=$B$17,14,0)+IF('Standard Profiles'!$G$19=$B$24,21,0),MOD($C3810,24)+1)/SUM(INDEX($D$3:$AA$30,INDEX(Jesper!$R$2:$R$366,ROW(INDEX(Jesper!AI$2:AI$366,ROUNDDOWN($C3810/24,0)+1,1))-1)+IF('Standard Profiles'!$G$19=$B$10,7,0)+IF('Standard Profiles'!$G$19=$B$17,14,0)+IF('Standard Profiles'!$G$19=$B$24,21,0),0)),0)</f>
        <v>0</v>
      </c>
      <c r="F3810" cm="1">
        <f t="array" ref="F3810">IFERROR(INDEX(Jesper!AJ$2:AJ$366,ROUNDDOWN($C3810/24,0)+1,1)*INDEX($D$3:$AA$30,INDEX(Jesper!$R$2:$R$366,ROW(INDEX(Jesper!AJ$2:AJ$366,ROUNDDOWN($C3810/24,0)+1,1))-1)+IF('Standard Profiles'!$G$20=$B$10,7,0)+IF('Standard Profiles'!$G$20=$B$17,14,0)+IF('Standard Profiles'!$G$20=$B$24,21,0),MOD($C3810,24)+1)/SUM(INDEX($D$3:$AA$30,INDEX(Jesper!$R$2:$R$366,ROW(INDEX(Jesper!AJ$2:AJ$366,ROUNDDOWN($C3810/24,0)+1,1))-1)+IF('Standard Profiles'!$G$20=$B$10,7,0)+IF('Standard Profiles'!$G$20=$B$17,14,0)+IF('Standard Profiles'!$G$20=$B$24,21,0),0)),0)</f>
        <v>0</v>
      </c>
      <c r="G3810" cm="1">
        <f t="array" ref="G3810">IFERROR(INDEX(Jesper!AK$2:AK$366,ROUNDDOWN($C3810/24,0)+1,1)*INDEX($D$3:$AA$30,INDEX(Jesper!$R$2:$R$366,ROW(INDEX(Jesper!AK$2:AK$366,ROUNDDOWN($C3810/24,0)+1,1))-1)+IF('Standard Profiles'!$G$21=$B$10,7,0)+IF('Standard Profiles'!$G$21=$B$17,14,0)+IF('Standard Profiles'!$G$21=$B$24,21,0),MOD($C3810,24)+1)/SUM(INDEX($D$3:$AA$30,INDEX(Jesper!$R$2:$R$366,ROW(INDEX(Jesper!AK$2:AK$366,ROUNDDOWN($C3810/24,0)+1,1))-1)+IF('Standard Profiles'!$G$21=$B$10,7,0)+IF('Standard Profiles'!$G$21=$B$17,14,0)+IF('Standard Profiles'!$G$21=$B$24,21,0),0)),0)</f>
        <v>0</v>
      </c>
      <c r="H3810" cm="1">
        <f t="array" ref="H3810">IFERROR(INDEX(Jesper!AL$2:AL$366,ROUNDDOWN($C3810/24,0)+1,1)*INDEX($D$3:$AA$30,INDEX(Jesper!$R$2:$R$366,ROW(INDEX(Jesper!AL$2:AL$366,ROUNDDOWN($C3810/24,0)+1,1))-1)+IF('Standard Profiles'!$G$22=$B$10,7,0)+IF('Standard Profiles'!$G$22=$B$17,14,0)+IF('Standard Profiles'!$G$22=$B$24,21,0),MOD($C3810,24)+1)/SUM(INDEX($D$3:$AA$30,INDEX(Jesper!$R$2:$R$366,ROW(INDEX(Jesper!AL$2:AL$366,ROUNDDOWN($C3810/24,0)+1,1))-1)+IF('Standard Profiles'!$G$22=$B$10,7,0)+IF('Standard Profiles'!$G$22=$B$17,14,0)+IF('Standard Profiles'!$G$22=$B$24,21,0),0)),0)</f>
        <v>0</v>
      </c>
      <c r="I3810">
        <f t="shared" si="426"/>
        <v>0.32181559278905131</v>
      </c>
      <c r="J3810">
        <f t="shared" si="427"/>
        <v>1.0727186426301711</v>
      </c>
      <c r="K3810">
        <f t="shared" si="428"/>
        <v>1.6090779639452564</v>
      </c>
      <c r="L3810">
        <f t="shared" si="429"/>
        <v>7.7235742269372309</v>
      </c>
      <c r="M3810">
        <f t="shared" si="430"/>
        <v>0</v>
      </c>
      <c r="N3810" s="46">
        <f t="shared" si="431"/>
        <v>45449.333333324175</v>
      </c>
    </row>
    <row r="3811" spans="2:14" x14ac:dyDescent="0.3">
      <c r="B3811">
        <f t="shared" ref="B3811:B3874" si="432">WEEKDAY(N3811,2)</f>
        <v>4</v>
      </c>
      <c r="C3811" s="16">
        <v>3777</v>
      </c>
      <c r="D3811" cm="1">
        <f t="array" ref="D3811">IFERROR(INDEX(Jesper!AH$2:AH$366,ROUNDDOWN($C3811/24,0)+1,1)*INDEX($D$3:$AA$30,INDEX(Jesper!$R$2:$R$366,ROW(INDEX(Jesper!AH$2:AH$366,ROUNDDOWN($C3811/24,0)+1,1))-1)+IF('Standard Profiles'!$G$18=$B$10,7,0)+IF('Standard Profiles'!$G$18=$B$17,14,0)+IF('Standard Profiles'!$G$18=$B$24,21,0),MOD($C3811,24)+1)/SUM(INDEX($D$3:$AA$30,INDEX(Jesper!$R$2:$R$366,ROW(INDEX(Jesper!AH$2:AH$366,ROUNDDOWN($C3811/24,0)+1,1))-1)+IF('Standard Profiles'!$G$18=$B$10,7,0)+IF('Standard Profiles'!$G$18=$B$17,14,0)+IF('Standard Profiles'!$G$18=$B$24,21,0),0)),0)</f>
        <v>11.527722726771986</v>
      </c>
      <c r="E3811" cm="1">
        <f t="array" ref="E3811">IFERROR(INDEX(Jesper!AI$2:AI$366,ROUNDDOWN($C3811/24,0)+1,1)*INDEX($D$3:$AA$30,INDEX(Jesper!$R$2:$R$366,ROW(INDEX(Jesper!AI$2:AI$366,ROUNDDOWN($C3811/24,0)+1,1))-1)+IF('Standard Profiles'!$G$19=$B$10,7,0)+IF('Standard Profiles'!$G$19=$B$17,14,0)+IF('Standard Profiles'!$G$19=$B$24,21,0),MOD($C3811,24)+1)/SUM(INDEX($D$3:$AA$30,INDEX(Jesper!$R$2:$R$366,ROW(INDEX(Jesper!AI$2:AI$366,ROUNDDOWN($C3811/24,0)+1,1))-1)+IF('Standard Profiles'!$G$19=$B$10,7,0)+IF('Standard Profiles'!$G$19=$B$17,14,0)+IF('Standard Profiles'!$G$19=$B$24,21,0),0)),0)</f>
        <v>0</v>
      </c>
      <c r="F3811" cm="1">
        <f t="array" ref="F3811">IFERROR(INDEX(Jesper!AJ$2:AJ$366,ROUNDDOWN($C3811/24,0)+1,1)*INDEX($D$3:$AA$30,INDEX(Jesper!$R$2:$R$366,ROW(INDEX(Jesper!AJ$2:AJ$366,ROUNDDOWN($C3811/24,0)+1,1))-1)+IF('Standard Profiles'!$G$20=$B$10,7,0)+IF('Standard Profiles'!$G$20=$B$17,14,0)+IF('Standard Profiles'!$G$20=$B$24,21,0),MOD($C3811,24)+1)/SUM(INDEX($D$3:$AA$30,INDEX(Jesper!$R$2:$R$366,ROW(INDEX(Jesper!AJ$2:AJ$366,ROUNDDOWN($C3811/24,0)+1,1))-1)+IF('Standard Profiles'!$G$20=$B$10,7,0)+IF('Standard Profiles'!$G$20=$B$17,14,0)+IF('Standard Profiles'!$G$20=$B$24,21,0),0)),0)</f>
        <v>0</v>
      </c>
      <c r="G3811" cm="1">
        <f t="array" ref="G3811">IFERROR(INDEX(Jesper!AK$2:AK$366,ROUNDDOWN($C3811/24,0)+1,1)*INDEX($D$3:$AA$30,INDEX(Jesper!$R$2:$R$366,ROW(INDEX(Jesper!AK$2:AK$366,ROUNDDOWN($C3811/24,0)+1,1))-1)+IF('Standard Profiles'!$G$21=$B$10,7,0)+IF('Standard Profiles'!$G$21=$B$17,14,0)+IF('Standard Profiles'!$G$21=$B$24,21,0),MOD($C3811,24)+1)/SUM(INDEX($D$3:$AA$30,INDEX(Jesper!$R$2:$R$366,ROW(INDEX(Jesper!AK$2:AK$366,ROUNDDOWN($C3811/24,0)+1,1))-1)+IF('Standard Profiles'!$G$21=$B$10,7,0)+IF('Standard Profiles'!$G$21=$B$17,14,0)+IF('Standard Profiles'!$G$21=$B$24,21,0),0)),0)</f>
        <v>0</v>
      </c>
      <c r="H3811" cm="1">
        <f t="array" ref="H3811">IFERROR(INDEX(Jesper!AL$2:AL$366,ROUNDDOWN($C3811/24,0)+1,1)*INDEX($D$3:$AA$30,INDEX(Jesper!$R$2:$R$366,ROW(INDEX(Jesper!AL$2:AL$366,ROUNDDOWN($C3811/24,0)+1,1))-1)+IF('Standard Profiles'!$G$22=$B$10,7,0)+IF('Standard Profiles'!$G$22=$B$17,14,0)+IF('Standard Profiles'!$G$22=$B$24,21,0),MOD($C3811,24)+1)/SUM(INDEX($D$3:$AA$30,INDEX(Jesper!$R$2:$R$366,ROW(INDEX(Jesper!AL$2:AL$366,ROUNDDOWN($C3811/24,0)+1,1))-1)+IF('Standard Profiles'!$G$22=$B$10,7,0)+IF('Standard Profiles'!$G$22=$B$17,14,0)+IF('Standard Profiles'!$G$22=$B$24,21,0),0)),0)</f>
        <v>0</v>
      </c>
      <c r="I3811">
        <f t="shared" ref="I3811:I3874" si="433">IF($B3811&lt;6,AC$37*$D3811+AC$38*$E3811+AC$39*$F3811+AC$40*$G3811,AC$46*$D3811+AC$47*$E3811+AC$48*$F3811+AC$49*$G3811+AC$50*$H3811)</f>
        <v>0.34583168180315954</v>
      </c>
      <c r="J3811">
        <f t="shared" ref="J3811:J3874" si="434">IF($B3811&lt;6,AD$37*$D3811+AD$38*$E3811+AD$39*$F3811+AD$40*$G3811,AD$46*$D3811+AD$47*$E3811+AD$48*$F3811+AD$49*$G3811+AD$50*$H3811)</f>
        <v>1.1527722726771985</v>
      </c>
      <c r="K3811">
        <f t="shared" ref="K3811:K3874" si="435">IF($B3811&lt;6,AE$37*$D3811+AE$38*$E3811+AE$39*$F3811+AE$40*$G3811,AE$46*$D3811+AE$47*$E3811+AE$48*$F3811+AE$49*$G3811+AE$50*$H3811)</f>
        <v>1.7291584090157979</v>
      </c>
      <c r="L3811">
        <f t="shared" ref="L3811:L3874" si="436">IF($B3811&lt;6,AF$37*$D3811+AF$38*$E3811+AF$39*$F3811+AF$40*$G3811,AF$46*$D3811+AF$47*$E3811+AF$48*$F3811+AF$49*$G3811+AF$50*$H3811)</f>
        <v>8.2999603632758294</v>
      </c>
      <c r="M3811">
        <f t="shared" ref="M3811:M3874" si="437">IF($B3811&lt;6,AG$37*$D3811+AG$38*$E3811+AG$39*$F3811+AG$40*$G3811,AG$46*$D3811+AG$47*$E3811+AG$48*$F3811+AG$49*$G3811+AG$50*$H3811)</f>
        <v>0</v>
      </c>
      <c r="N3811" s="46">
        <f t="shared" si="431"/>
        <v>45449.37499999084</v>
      </c>
    </row>
    <row r="3812" spans="2:14" x14ac:dyDescent="0.3">
      <c r="B3812">
        <f t="shared" si="432"/>
        <v>4</v>
      </c>
      <c r="C3812" s="16">
        <v>3778</v>
      </c>
      <c r="D3812" cm="1">
        <f t="array" ref="D3812">IFERROR(INDEX(Jesper!AH$2:AH$366,ROUNDDOWN($C3812/24,0)+1,1)*INDEX($D$3:$AA$30,INDEX(Jesper!$R$2:$R$366,ROW(INDEX(Jesper!AH$2:AH$366,ROUNDDOWN($C3812/24,0)+1,1))-1)+IF('Standard Profiles'!$G$18=$B$10,7,0)+IF('Standard Profiles'!$G$18=$B$17,14,0)+IF('Standard Profiles'!$G$18=$B$24,21,0),MOD($C3812,24)+1)/SUM(INDEX($D$3:$AA$30,INDEX(Jesper!$R$2:$R$366,ROW(INDEX(Jesper!AH$2:AH$366,ROUNDDOWN($C3812/24,0)+1,1))-1)+IF('Standard Profiles'!$G$18=$B$10,7,0)+IF('Standard Profiles'!$G$18=$B$17,14,0)+IF('Standard Profiles'!$G$18=$B$24,21,0),0)),0)</f>
        <v>12.488366287336317</v>
      </c>
      <c r="E3812" cm="1">
        <f t="array" ref="E3812">IFERROR(INDEX(Jesper!AI$2:AI$366,ROUNDDOWN($C3812/24,0)+1,1)*INDEX($D$3:$AA$30,INDEX(Jesper!$R$2:$R$366,ROW(INDEX(Jesper!AI$2:AI$366,ROUNDDOWN($C3812/24,0)+1,1))-1)+IF('Standard Profiles'!$G$19=$B$10,7,0)+IF('Standard Profiles'!$G$19=$B$17,14,0)+IF('Standard Profiles'!$G$19=$B$24,21,0),MOD($C3812,24)+1)/SUM(INDEX($D$3:$AA$30,INDEX(Jesper!$R$2:$R$366,ROW(INDEX(Jesper!AI$2:AI$366,ROUNDDOWN($C3812/24,0)+1,1))-1)+IF('Standard Profiles'!$G$19=$B$10,7,0)+IF('Standard Profiles'!$G$19=$B$17,14,0)+IF('Standard Profiles'!$G$19=$B$24,21,0),0)),0)</f>
        <v>0</v>
      </c>
      <c r="F3812" cm="1">
        <f t="array" ref="F3812">IFERROR(INDEX(Jesper!AJ$2:AJ$366,ROUNDDOWN($C3812/24,0)+1,1)*INDEX($D$3:$AA$30,INDEX(Jesper!$R$2:$R$366,ROW(INDEX(Jesper!AJ$2:AJ$366,ROUNDDOWN($C3812/24,0)+1,1))-1)+IF('Standard Profiles'!$G$20=$B$10,7,0)+IF('Standard Profiles'!$G$20=$B$17,14,0)+IF('Standard Profiles'!$G$20=$B$24,21,0),MOD($C3812,24)+1)/SUM(INDEX($D$3:$AA$30,INDEX(Jesper!$R$2:$R$366,ROW(INDEX(Jesper!AJ$2:AJ$366,ROUNDDOWN($C3812/24,0)+1,1))-1)+IF('Standard Profiles'!$G$20=$B$10,7,0)+IF('Standard Profiles'!$G$20=$B$17,14,0)+IF('Standard Profiles'!$G$20=$B$24,21,0),0)),0)</f>
        <v>0</v>
      </c>
      <c r="G3812" cm="1">
        <f t="array" ref="G3812">IFERROR(INDEX(Jesper!AK$2:AK$366,ROUNDDOWN($C3812/24,0)+1,1)*INDEX($D$3:$AA$30,INDEX(Jesper!$R$2:$R$366,ROW(INDEX(Jesper!AK$2:AK$366,ROUNDDOWN($C3812/24,0)+1,1))-1)+IF('Standard Profiles'!$G$21=$B$10,7,0)+IF('Standard Profiles'!$G$21=$B$17,14,0)+IF('Standard Profiles'!$G$21=$B$24,21,0),MOD($C3812,24)+1)/SUM(INDEX($D$3:$AA$30,INDEX(Jesper!$R$2:$R$366,ROW(INDEX(Jesper!AK$2:AK$366,ROUNDDOWN($C3812/24,0)+1,1))-1)+IF('Standard Profiles'!$G$21=$B$10,7,0)+IF('Standard Profiles'!$G$21=$B$17,14,0)+IF('Standard Profiles'!$G$21=$B$24,21,0),0)),0)</f>
        <v>0</v>
      </c>
      <c r="H3812" cm="1">
        <f t="array" ref="H3812">IFERROR(INDEX(Jesper!AL$2:AL$366,ROUNDDOWN($C3812/24,0)+1,1)*INDEX($D$3:$AA$30,INDEX(Jesper!$R$2:$R$366,ROW(INDEX(Jesper!AL$2:AL$366,ROUNDDOWN($C3812/24,0)+1,1))-1)+IF('Standard Profiles'!$G$22=$B$10,7,0)+IF('Standard Profiles'!$G$22=$B$17,14,0)+IF('Standard Profiles'!$G$22=$B$24,21,0),MOD($C3812,24)+1)/SUM(INDEX($D$3:$AA$30,INDEX(Jesper!$R$2:$R$366,ROW(INDEX(Jesper!AL$2:AL$366,ROUNDDOWN($C3812/24,0)+1,1))-1)+IF('Standard Profiles'!$G$22=$B$10,7,0)+IF('Standard Profiles'!$G$22=$B$17,14,0)+IF('Standard Profiles'!$G$22=$B$24,21,0),0)),0)</f>
        <v>0</v>
      </c>
      <c r="I3812">
        <f t="shared" si="433"/>
        <v>0.3746509886200895</v>
      </c>
      <c r="J3812">
        <f t="shared" si="434"/>
        <v>1.2488366287336319</v>
      </c>
      <c r="K3812">
        <f t="shared" si="435"/>
        <v>1.8732549431004475</v>
      </c>
      <c r="L3812">
        <f t="shared" si="436"/>
        <v>8.9916237268821479</v>
      </c>
      <c r="M3812">
        <f t="shared" si="437"/>
        <v>0</v>
      </c>
      <c r="N3812" s="46">
        <f t="shared" ref="N3812:N3875" si="438">N3811+1/24</f>
        <v>45449.416666657504</v>
      </c>
    </row>
    <row r="3813" spans="2:14" x14ac:dyDescent="0.3">
      <c r="B3813">
        <f t="shared" si="432"/>
        <v>4</v>
      </c>
      <c r="C3813" s="16">
        <v>3779</v>
      </c>
      <c r="D3813" cm="1">
        <f t="array" ref="D3813">IFERROR(INDEX(Jesper!AH$2:AH$366,ROUNDDOWN($C3813/24,0)+1,1)*INDEX($D$3:$AA$30,INDEX(Jesper!$R$2:$R$366,ROW(INDEX(Jesper!AH$2:AH$366,ROUNDDOWN($C3813/24,0)+1,1))-1)+IF('Standard Profiles'!$G$18=$B$10,7,0)+IF('Standard Profiles'!$G$18=$B$17,14,0)+IF('Standard Profiles'!$G$18=$B$24,21,0),MOD($C3813,24)+1)/SUM(INDEX($D$3:$AA$30,INDEX(Jesper!$R$2:$R$366,ROW(INDEX(Jesper!AH$2:AH$366,ROUNDDOWN($C3813/24,0)+1,1))-1)+IF('Standard Profiles'!$G$18=$B$10,7,0)+IF('Standard Profiles'!$G$18=$B$17,14,0)+IF('Standard Profiles'!$G$18=$B$24,21,0),0)),0)</f>
        <v>14.409653408464981</v>
      </c>
      <c r="E3813" cm="1">
        <f t="array" ref="E3813">IFERROR(INDEX(Jesper!AI$2:AI$366,ROUNDDOWN($C3813/24,0)+1,1)*INDEX($D$3:$AA$30,INDEX(Jesper!$R$2:$R$366,ROW(INDEX(Jesper!AI$2:AI$366,ROUNDDOWN($C3813/24,0)+1,1))-1)+IF('Standard Profiles'!$G$19=$B$10,7,0)+IF('Standard Profiles'!$G$19=$B$17,14,0)+IF('Standard Profiles'!$G$19=$B$24,21,0),MOD($C3813,24)+1)/SUM(INDEX($D$3:$AA$30,INDEX(Jesper!$R$2:$R$366,ROW(INDEX(Jesper!AI$2:AI$366,ROUNDDOWN($C3813/24,0)+1,1))-1)+IF('Standard Profiles'!$G$19=$B$10,7,0)+IF('Standard Profiles'!$G$19=$B$17,14,0)+IF('Standard Profiles'!$G$19=$B$24,21,0),0)),0)</f>
        <v>0</v>
      </c>
      <c r="F3813" cm="1">
        <f t="array" ref="F3813">IFERROR(INDEX(Jesper!AJ$2:AJ$366,ROUNDDOWN($C3813/24,0)+1,1)*INDEX($D$3:$AA$30,INDEX(Jesper!$R$2:$R$366,ROW(INDEX(Jesper!AJ$2:AJ$366,ROUNDDOWN($C3813/24,0)+1,1))-1)+IF('Standard Profiles'!$G$20=$B$10,7,0)+IF('Standard Profiles'!$G$20=$B$17,14,0)+IF('Standard Profiles'!$G$20=$B$24,21,0),MOD($C3813,24)+1)/SUM(INDEX($D$3:$AA$30,INDEX(Jesper!$R$2:$R$366,ROW(INDEX(Jesper!AJ$2:AJ$366,ROUNDDOWN($C3813/24,0)+1,1))-1)+IF('Standard Profiles'!$G$20=$B$10,7,0)+IF('Standard Profiles'!$G$20=$B$17,14,0)+IF('Standard Profiles'!$G$20=$B$24,21,0),0)),0)</f>
        <v>0</v>
      </c>
      <c r="G3813" cm="1">
        <f t="array" ref="G3813">IFERROR(INDEX(Jesper!AK$2:AK$366,ROUNDDOWN($C3813/24,0)+1,1)*INDEX($D$3:$AA$30,INDEX(Jesper!$R$2:$R$366,ROW(INDEX(Jesper!AK$2:AK$366,ROUNDDOWN($C3813/24,0)+1,1))-1)+IF('Standard Profiles'!$G$21=$B$10,7,0)+IF('Standard Profiles'!$G$21=$B$17,14,0)+IF('Standard Profiles'!$G$21=$B$24,21,0),MOD($C3813,24)+1)/SUM(INDEX($D$3:$AA$30,INDEX(Jesper!$R$2:$R$366,ROW(INDEX(Jesper!AK$2:AK$366,ROUNDDOWN($C3813/24,0)+1,1))-1)+IF('Standard Profiles'!$G$21=$B$10,7,0)+IF('Standard Profiles'!$G$21=$B$17,14,0)+IF('Standard Profiles'!$G$21=$B$24,21,0),0)),0)</f>
        <v>0</v>
      </c>
      <c r="H3813" cm="1">
        <f t="array" ref="H3813">IFERROR(INDEX(Jesper!AL$2:AL$366,ROUNDDOWN($C3813/24,0)+1,1)*INDEX($D$3:$AA$30,INDEX(Jesper!$R$2:$R$366,ROW(INDEX(Jesper!AL$2:AL$366,ROUNDDOWN($C3813/24,0)+1,1))-1)+IF('Standard Profiles'!$G$22=$B$10,7,0)+IF('Standard Profiles'!$G$22=$B$17,14,0)+IF('Standard Profiles'!$G$22=$B$24,21,0),MOD($C3813,24)+1)/SUM(INDEX($D$3:$AA$30,INDEX(Jesper!$R$2:$R$366,ROW(INDEX(Jesper!AL$2:AL$366,ROUNDDOWN($C3813/24,0)+1,1))-1)+IF('Standard Profiles'!$G$22=$B$10,7,0)+IF('Standard Profiles'!$G$22=$B$17,14,0)+IF('Standard Profiles'!$G$22=$B$24,21,0),0)),0)</f>
        <v>0</v>
      </c>
      <c r="I3813">
        <f t="shared" si="433"/>
        <v>0.43228960225394941</v>
      </c>
      <c r="J3813">
        <f t="shared" si="434"/>
        <v>1.4409653408464982</v>
      </c>
      <c r="K3813">
        <f t="shared" si="435"/>
        <v>2.1614480112697469</v>
      </c>
      <c r="L3813">
        <f t="shared" si="436"/>
        <v>10.374950454094787</v>
      </c>
      <c r="M3813">
        <f t="shared" si="437"/>
        <v>0</v>
      </c>
      <c r="N3813" s="46">
        <f t="shared" si="438"/>
        <v>45449.458333324168</v>
      </c>
    </row>
    <row r="3814" spans="2:14" x14ac:dyDescent="0.3">
      <c r="B3814">
        <f t="shared" si="432"/>
        <v>4</v>
      </c>
      <c r="C3814" s="16">
        <v>3780</v>
      </c>
      <c r="D3814" cm="1">
        <f t="array" ref="D3814">IFERROR(INDEX(Jesper!AH$2:AH$366,ROUNDDOWN($C3814/24,0)+1,1)*INDEX($D$3:$AA$30,INDEX(Jesper!$R$2:$R$366,ROW(INDEX(Jesper!AH$2:AH$366,ROUNDDOWN($C3814/24,0)+1,1))-1)+IF('Standard Profiles'!$G$18=$B$10,7,0)+IF('Standard Profiles'!$G$18=$B$17,14,0)+IF('Standard Profiles'!$G$18=$B$24,21,0),MOD($C3814,24)+1)/SUM(INDEX($D$3:$AA$30,INDEX(Jesper!$R$2:$R$366,ROW(INDEX(Jesper!AH$2:AH$366,ROUNDDOWN($C3814/24,0)+1,1))-1)+IF('Standard Profiles'!$G$18=$B$10,7,0)+IF('Standard Profiles'!$G$18=$B$17,14,0)+IF('Standard Profiles'!$G$18=$B$24,21,0),0)),0)</f>
        <v>14.409653408464981</v>
      </c>
      <c r="E3814" cm="1">
        <f t="array" ref="E3814">IFERROR(INDEX(Jesper!AI$2:AI$366,ROUNDDOWN($C3814/24,0)+1,1)*INDEX($D$3:$AA$30,INDEX(Jesper!$R$2:$R$366,ROW(INDEX(Jesper!AI$2:AI$366,ROUNDDOWN($C3814/24,0)+1,1))-1)+IF('Standard Profiles'!$G$19=$B$10,7,0)+IF('Standard Profiles'!$G$19=$B$17,14,0)+IF('Standard Profiles'!$G$19=$B$24,21,0),MOD($C3814,24)+1)/SUM(INDEX($D$3:$AA$30,INDEX(Jesper!$R$2:$R$366,ROW(INDEX(Jesper!AI$2:AI$366,ROUNDDOWN($C3814/24,0)+1,1))-1)+IF('Standard Profiles'!$G$19=$B$10,7,0)+IF('Standard Profiles'!$G$19=$B$17,14,0)+IF('Standard Profiles'!$G$19=$B$24,21,0),0)),0)</f>
        <v>0</v>
      </c>
      <c r="F3814" cm="1">
        <f t="array" ref="F3814">IFERROR(INDEX(Jesper!AJ$2:AJ$366,ROUNDDOWN($C3814/24,0)+1,1)*INDEX($D$3:$AA$30,INDEX(Jesper!$R$2:$R$366,ROW(INDEX(Jesper!AJ$2:AJ$366,ROUNDDOWN($C3814/24,0)+1,1))-1)+IF('Standard Profiles'!$G$20=$B$10,7,0)+IF('Standard Profiles'!$G$20=$B$17,14,0)+IF('Standard Profiles'!$G$20=$B$24,21,0),MOD($C3814,24)+1)/SUM(INDEX($D$3:$AA$30,INDEX(Jesper!$R$2:$R$366,ROW(INDEX(Jesper!AJ$2:AJ$366,ROUNDDOWN($C3814/24,0)+1,1))-1)+IF('Standard Profiles'!$G$20=$B$10,7,0)+IF('Standard Profiles'!$G$20=$B$17,14,0)+IF('Standard Profiles'!$G$20=$B$24,21,0),0)),0)</f>
        <v>0</v>
      </c>
      <c r="G3814" cm="1">
        <f t="array" ref="G3814">IFERROR(INDEX(Jesper!AK$2:AK$366,ROUNDDOWN($C3814/24,0)+1,1)*INDEX($D$3:$AA$30,INDEX(Jesper!$R$2:$R$366,ROW(INDEX(Jesper!AK$2:AK$366,ROUNDDOWN($C3814/24,0)+1,1))-1)+IF('Standard Profiles'!$G$21=$B$10,7,0)+IF('Standard Profiles'!$G$21=$B$17,14,0)+IF('Standard Profiles'!$G$21=$B$24,21,0),MOD($C3814,24)+1)/SUM(INDEX($D$3:$AA$30,INDEX(Jesper!$R$2:$R$366,ROW(INDEX(Jesper!AK$2:AK$366,ROUNDDOWN($C3814/24,0)+1,1))-1)+IF('Standard Profiles'!$G$21=$B$10,7,0)+IF('Standard Profiles'!$G$21=$B$17,14,0)+IF('Standard Profiles'!$G$21=$B$24,21,0),0)),0)</f>
        <v>0</v>
      </c>
      <c r="H3814" cm="1">
        <f t="array" ref="H3814">IFERROR(INDEX(Jesper!AL$2:AL$366,ROUNDDOWN($C3814/24,0)+1,1)*INDEX($D$3:$AA$30,INDEX(Jesper!$R$2:$R$366,ROW(INDEX(Jesper!AL$2:AL$366,ROUNDDOWN($C3814/24,0)+1,1))-1)+IF('Standard Profiles'!$G$22=$B$10,7,0)+IF('Standard Profiles'!$G$22=$B$17,14,0)+IF('Standard Profiles'!$G$22=$B$24,21,0),MOD($C3814,24)+1)/SUM(INDEX($D$3:$AA$30,INDEX(Jesper!$R$2:$R$366,ROW(INDEX(Jesper!AL$2:AL$366,ROUNDDOWN($C3814/24,0)+1,1))-1)+IF('Standard Profiles'!$G$22=$B$10,7,0)+IF('Standard Profiles'!$G$22=$B$17,14,0)+IF('Standard Profiles'!$G$22=$B$24,21,0),0)),0)</f>
        <v>0</v>
      </c>
      <c r="I3814">
        <f t="shared" si="433"/>
        <v>0.43228960225394941</v>
      </c>
      <c r="J3814">
        <f t="shared" si="434"/>
        <v>1.4409653408464982</v>
      </c>
      <c r="K3814">
        <f t="shared" si="435"/>
        <v>2.1614480112697469</v>
      </c>
      <c r="L3814">
        <f t="shared" si="436"/>
        <v>10.374950454094787</v>
      </c>
      <c r="M3814">
        <f t="shared" si="437"/>
        <v>0</v>
      </c>
      <c r="N3814" s="46">
        <f t="shared" si="438"/>
        <v>45449.499999990832</v>
      </c>
    </row>
    <row r="3815" spans="2:14" x14ac:dyDescent="0.3">
      <c r="B3815">
        <f t="shared" si="432"/>
        <v>4</v>
      </c>
      <c r="C3815" s="16">
        <v>3781</v>
      </c>
      <c r="D3815" cm="1">
        <f t="array" ref="D3815">IFERROR(INDEX(Jesper!AH$2:AH$366,ROUNDDOWN($C3815/24,0)+1,1)*INDEX($D$3:$AA$30,INDEX(Jesper!$R$2:$R$366,ROW(INDEX(Jesper!AH$2:AH$366,ROUNDDOWN($C3815/24,0)+1,1))-1)+IF('Standard Profiles'!$G$18=$B$10,7,0)+IF('Standard Profiles'!$G$18=$B$17,14,0)+IF('Standard Profiles'!$G$18=$B$24,21,0),MOD($C3815,24)+1)/SUM(INDEX($D$3:$AA$30,INDEX(Jesper!$R$2:$R$366,ROW(INDEX(Jesper!AH$2:AH$366,ROUNDDOWN($C3815/24,0)+1,1))-1)+IF('Standard Profiles'!$G$18=$B$10,7,0)+IF('Standard Profiles'!$G$18=$B$17,14,0)+IF('Standard Profiles'!$G$18=$B$24,21,0),0)),0)</f>
        <v>14.409653408464981</v>
      </c>
      <c r="E3815" cm="1">
        <f t="array" ref="E3815">IFERROR(INDEX(Jesper!AI$2:AI$366,ROUNDDOWN($C3815/24,0)+1,1)*INDEX($D$3:$AA$30,INDEX(Jesper!$R$2:$R$366,ROW(INDEX(Jesper!AI$2:AI$366,ROUNDDOWN($C3815/24,0)+1,1))-1)+IF('Standard Profiles'!$G$19=$B$10,7,0)+IF('Standard Profiles'!$G$19=$B$17,14,0)+IF('Standard Profiles'!$G$19=$B$24,21,0),MOD($C3815,24)+1)/SUM(INDEX($D$3:$AA$30,INDEX(Jesper!$R$2:$R$366,ROW(INDEX(Jesper!AI$2:AI$366,ROUNDDOWN($C3815/24,0)+1,1))-1)+IF('Standard Profiles'!$G$19=$B$10,7,0)+IF('Standard Profiles'!$G$19=$B$17,14,0)+IF('Standard Profiles'!$G$19=$B$24,21,0),0)),0)</f>
        <v>0</v>
      </c>
      <c r="F3815" cm="1">
        <f t="array" ref="F3815">IFERROR(INDEX(Jesper!AJ$2:AJ$366,ROUNDDOWN($C3815/24,0)+1,1)*INDEX($D$3:$AA$30,INDEX(Jesper!$R$2:$R$366,ROW(INDEX(Jesper!AJ$2:AJ$366,ROUNDDOWN($C3815/24,0)+1,1))-1)+IF('Standard Profiles'!$G$20=$B$10,7,0)+IF('Standard Profiles'!$G$20=$B$17,14,0)+IF('Standard Profiles'!$G$20=$B$24,21,0),MOD($C3815,24)+1)/SUM(INDEX($D$3:$AA$30,INDEX(Jesper!$R$2:$R$366,ROW(INDEX(Jesper!AJ$2:AJ$366,ROUNDDOWN($C3815/24,0)+1,1))-1)+IF('Standard Profiles'!$G$20=$B$10,7,0)+IF('Standard Profiles'!$G$20=$B$17,14,0)+IF('Standard Profiles'!$G$20=$B$24,21,0),0)),0)</f>
        <v>0</v>
      </c>
      <c r="G3815" cm="1">
        <f t="array" ref="G3815">IFERROR(INDEX(Jesper!AK$2:AK$366,ROUNDDOWN($C3815/24,0)+1,1)*INDEX($D$3:$AA$30,INDEX(Jesper!$R$2:$R$366,ROW(INDEX(Jesper!AK$2:AK$366,ROUNDDOWN($C3815/24,0)+1,1))-1)+IF('Standard Profiles'!$G$21=$B$10,7,0)+IF('Standard Profiles'!$G$21=$B$17,14,0)+IF('Standard Profiles'!$G$21=$B$24,21,0),MOD($C3815,24)+1)/SUM(INDEX($D$3:$AA$30,INDEX(Jesper!$R$2:$R$366,ROW(INDEX(Jesper!AK$2:AK$366,ROUNDDOWN($C3815/24,0)+1,1))-1)+IF('Standard Profiles'!$G$21=$B$10,7,0)+IF('Standard Profiles'!$G$21=$B$17,14,0)+IF('Standard Profiles'!$G$21=$B$24,21,0),0)),0)</f>
        <v>0</v>
      </c>
      <c r="H3815" cm="1">
        <f t="array" ref="H3815">IFERROR(INDEX(Jesper!AL$2:AL$366,ROUNDDOWN($C3815/24,0)+1,1)*INDEX($D$3:$AA$30,INDEX(Jesper!$R$2:$R$366,ROW(INDEX(Jesper!AL$2:AL$366,ROUNDDOWN($C3815/24,0)+1,1))-1)+IF('Standard Profiles'!$G$22=$B$10,7,0)+IF('Standard Profiles'!$G$22=$B$17,14,0)+IF('Standard Profiles'!$G$22=$B$24,21,0),MOD($C3815,24)+1)/SUM(INDEX($D$3:$AA$30,INDEX(Jesper!$R$2:$R$366,ROW(INDEX(Jesper!AL$2:AL$366,ROUNDDOWN($C3815/24,0)+1,1))-1)+IF('Standard Profiles'!$G$22=$B$10,7,0)+IF('Standard Profiles'!$G$22=$B$17,14,0)+IF('Standard Profiles'!$G$22=$B$24,21,0),0)),0)</f>
        <v>0</v>
      </c>
      <c r="I3815">
        <f t="shared" si="433"/>
        <v>0.43228960225394941</v>
      </c>
      <c r="J3815">
        <f t="shared" si="434"/>
        <v>1.4409653408464982</v>
      </c>
      <c r="K3815">
        <f t="shared" si="435"/>
        <v>2.1614480112697469</v>
      </c>
      <c r="L3815">
        <f t="shared" si="436"/>
        <v>10.374950454094787</v>
      </c>
      <c r="M3815">
        <f t="shared" si="437"/>
        <v>0</v>
      </c>
      <c r="N3815" s="46">
        <f t="shared" si="438"/>
        <v>45449.541666657497</v>
      </c>
    </row>
    <row r="3816" spans="2:14" x14ac:dyDescent="0.3">
      <c r="B3816">
        <f t="shared" si="432"/>
        <v>4</v>
      </c>
      <c r="C3816" s="16">
        <v>3782</v>
      </c>
      <c r="D3816" cm="1">
        <f t="array" ref="D3816">IFERROR(INDEX(Jesper!AH$2:AH$366,ROUNDDOWN($C3816/24,0)+1,1)*INDEX($D$3:$AA$30,INDEX(Jesper!$R$2:$R$366,ROW(INDEX(Jesper!AH$2:AH$366,ROUNDDOWN($C3816/24,0)+1,1))-1)+IF('Standard Profiles'!$G$18=$B$10,7,0)+IF('Standard Profiles'!$G$18=$B$17,14,0)+IF('Standard Profiles'!$G$18=$B$24,21,0),MOD($C3816,24)+1)/SUM(INDEX($D$3:$AA$30,INDEX(Jesper!$R$2:$R$366,ROW(INDEX(Jesper!AH$2:AH$366,ROUNDDOWN($C3816/24,0)+1,1))-1)+IF('Standard Profiles'!$G$18=$B$10,7,0)+IF('Standard Profiles'!$G$18=$B$17,14,0)+IF('Standard Profiles'!$G$18=$B$24,21,0),0)),0)</f>
        <v>14.409653408464981</v>
      </c>
      <c r="E3816" cm="1">
        <f t="array" ref="E3816">IFERROR(INDEX(Jesper!AI$2:AI$366,ROUNDDOWN($C3816/24,0)+1,1)*INDEX($D$3:$AA$30,INDEX(Jesper!$R$2:$R$366,ROW(INDEX(Jesper!AI$2:AI$366,ROUNDDOWN($C3816/24,0)+1,1))-1)+IF('Standard Profiles'!$G$19=$B$10,7,0)+IF('Standard Profiles'!$G$19=$B$17,14,0)+IF('Standard Profiles'!$G$19=$B$24,21,0),MOD($C3816,24)+1)/SUM(INDEX($D$3:$AA$30,INDEX(Jesper!$R$2:$R$366,ROW(INDEX(Jesper!AI$2:AI$366,ROUNDDOWN($C3816/24,0)+1,1))-1)+IF('Standard Profiles'!$G$19=$B$10,7,0)+IF('Standard Profiles'!$G$19=$B$17,14,0)+IF('Standard Profiles'!$G$19=$B$24,21,0),0)),0)</f>
        <v>0</v>
      </c>
      <c r="F3816" cm="1">
        <f t="array" ref="F3816">IFERROR(INDEX(Jesper!AJ$2:AJ$366,ROUNDDOWN($C3816/24,0)+1,1)*INDEX($D$3:$AA$30,INDEX(Jesper!$R$2:$R$366,ROW(INDEX(Jesper!AJ$2:AJ$366,ROUNDDOWN($C3816/24,0)+1,1))-1)+IF('Standard Profiles'!$G$20=$B$10,7,0)+IF('Standard Profiles'!$G$20=$B$17,14,0)+IF('Standard Profiles'!$G$20=$B$24,21,0),MOD($C3816,24)+1)/SUM(INDEX($D$3:$AA$30,INDEX(Jesper!$R$2:$R$366,ROW(INDEX(Jesper!AJ$2:AJ$366,ROUNDDOWN($C3816/24,0)+1,1))-1)+IF('Standard Profiles'!$G$20=$B$10,7,0)+IF('Standard Profiles'!$G$20=$B$17,14,0)+IF('Standard Profiles'!$G$20=$B$24,21,0),0)),0)</f>
        <v>0</v>
      </c>
      <c r="G3816" cm="1">
        <f t="array" ref="G3816">IFERROR(INDEX(Jesper!AK$2:AK$366,ROUNDDOWN($C3816/24,0)+1,1)*INDEX($D$3:$AA$30,INDEX(Jesper!$R$2:$R$366,ROW(INDEX(Jesper!AK$2:AK$366,ROUNDDOWN($C3816/24,0)+1,1))-1)+IF('Standard Profiles'!$G$21=$B$10,7,0)+IF('Standard Profiles'!$G$21=$B$17,14,0)+IF('Standard Profiles'!$G$21=$B$24,21,0),MOD($C3816,24)+1)/SUM(INDEX($D$3:$AA$30,INDEX(Jesper!$R$2:$R$366,ROW(INDEX(Jesper!AK$2:AK$366,ROUNDDOWN($C3816/24,0)+1,1))-1)+IF('Standard Profiles'!$G$21=$B$10,7,0)+IF('Standard Profiles'!$G$21=$B$17,14,0)+IF('Standard Profiles'!$G$21=$B$24,21,0),0)),0)</f>
        <v>0</v>
      </c>
      <c r="H3816" cm="1">
        <f t="array" ref="H3816">IFERROR(INDEX(Jesper!AL$2:AL$366,ROUNDDOWN($C3816/24,0)+1,1)*INDEX($D$3:$AA$30,INDEX(Jesper!$R$2:$R$366,ROW(INDEX(Jesper!AL$2:AL$366,ROUNDDOWN($C3816/24,0)+1,1))-1)+IF('Standard Profiles'!$G$22=$B$10,7,0)+IF('Standard Profiles'!$G$22=$B$17,14,0)+IF('Standard Profiles'!$G$22=$B$24,21,0),MOD($C3816,24)+1)/SUM(INDEX($D$3:$AA$30,INDEX(Jesper!$R$2:$R$366,ROW(INDEX(Jesper!AL$2:AL$366,ROUNDDOWN($C3816/24,0)+1,1))-1)+IF('Standard Profiles'!$G$22=$B$10,7,0)+IF('Standard Profiles'!$G$22=$B$17,14,0)+IF('Standard Profiles'!$G$22=$B$24,21,0),0)),0)</f>
        <v>0</v>
      </c>
      <c r="I3816">
        <f t="shared" si="433"/>
        <v>0.43228960225394941</v>
      </c>
      <c r="J3816">
        <f t="shared" si="434"/>
        <v>1.4409653408464982</v>
      </c>
      <c r="K3816">
        <f t="shared" si="435"/>
        <v>2.1614480112697469</v>
      </c>
      <c r="L3816">
        <f t="shared" si="436"/>
        <v>10.374950454094787</v>
      </c>
      <c r="M3816">
        <f t="shared" si="437"/>
        <v>0</v>
      </c>
      <c r="N3816" s="46">
        <f t="shared" si="438"/>
        <v>45449.583333324161</v>
      </c>
    </row>
    <row r="3817" spans="2:14" x14ac:dyDescent="0.3">
      <c r="B3817">
        <f t="shared" si="432"/>
        <v>4</v>
      </c>
      <c r="C3817" s="16">
        <v>3783</v>
      </c>
      <c r="D3817" cm="1">
        <f t="array" ref="D3817">IFERROR(INDEX(Jesper!AH$2:AH$366,ROUNDDOWN($C3817/24,0)+1,1)*INDEX($D$3:$AA$30,INDEX(Jesper!$R$2:$R$366,ROW(INDEX(Jesper!AH$2:AH$366,ROUNDDOWN($C3817/24,0)+1,1))-1)+IF('Standard Profiles'!$G$18=$B$10,7,0)+IF('Standard Profiles'!$G$18=$B$17,14,0)+IF('Standard Profiles'!$G$18=$B$24,21,0),MOD($C3817,24)+1)/SUM(INDEX($D$3:$AA$30,INDEX(Jesper!$R$2:$R$366,ROW(INDEX(Jesper!AH$2:AH$366,ROUNDDOWN($C3817/24,0)+1,1))-1)+IF('Standard Profiles'!$G$18=$B$10,7,0)+IF('Standard Profiles'!$G$18=$B$17,14,0)+IF('Standard Profiles'!$G$18=$B$24,21,0),0)),0)</f>
        <v>14.409653408464981</v>
      </c>
      <c r="E3817" cm="1">
        <f t="array" ref="E3817">IFERROR(INDEX(Jesper!AI$2:AI$366,ROUNDDOWN($C3817/24,0)+1,1)*INDEX($D$3:$AA$30,INDEX(Jesper!$R$2:$R$366,ROW(INDEX(Jesper!AI$2:AI$366,ROUNDDOWN($C3817/24,0)+1,1))-1)+IF('Standard Profiles'!$G$19=$B$10,7,0)+IF('Standard Profiles'!$G$19=$B$17,14,0)+IF('Standard Profiles'!$G$19=$B$24,21,0),MOD($C3817,24)+1)/SUM(INDEX($D$3:$AA$30,INDEX(Jesper!$R$2:$R$366,ROW(INDEX(Jesper!AI$2:AI$366,ROUNDDOWN($C3817/24,0)+1,1))-1)+IF('Standard Profiles'!$G$19=$B$10,7,0)+IF('Standard Profiles'!$G$19=$B$17,14,0)+IF('Standard Profiles'!$G$19=$B$24,21,0),0)),0)</f>
        <v>0</v>
      </c>
      <c r="F3817" cm="1">
        <f t="array" ref="F3817">IFERROR(INDEX(Jesper!AJ$2:AJ$366,ROUNDDOWN($C3817/24,0)+1,1)*INDEX($D$3:$AA$30,INDEX(Jesper!$R$2:$R$366,ROW(INDEX(Jesper!AJ$2:AJ$366,ROUNDDOWN($C3817/24,0)+1,1))-1)+IF('Standard Profiles'!$G$20=$B$10,7,0)+IF('Standard Profiles'!$G$20=$B$17,14,0)+IF('Standard Profiles'!$G$20=$B$24,21,0),MOD($C3817,24)+1)/SUM(INDEX($D$3:$AA$30,INDEX(Jesper!$R$2:$R$366,ROW(INDEX(Jesper!AJ$2:AJ$366,ROUNDDOWN($C3817/24,0)+1,1))-1)+IF('Standard Profiles'!$G$20=$B$10,7,0)+IF('Standard Profiles'!$G$20=$B$17,14,0)+IF('Standard Profiles'!$G$20=$B$24,21,0),0)),0)</f>
        <v>0</v>
      </c>
      <c r="G3817" cm="1">
        <f t="array" ref="G3817">IFERROR(INDEX(Jesper!AK$2:AK$366,ROUNDDOWN($C3817/24,0)+1,1)*INDEX($D$3:$AA$30,INDEX(Jesper!$R$2:$R$366,ROW(INDEX(Jesper!AK$2:AK$366,ROUNDDOWN($C3817/24,0)+1,1))-1)+IF('Standard Profiles'!$G$21=$B$10,7,0)+IF('Standard Profiles'!$G$21=$B$17,14,0)+IF('Standard Profiles'!$G$21=$B$24,21,0),MOD($C3817,24)+1)/SUM(INDEX($D$3:$AA$30,INDEX(Jesper!$R$2:$R$366,ROW(INDEX(Jesper!AK$2:AK$366,ROUNDDOWN($C3817/24,0)+1,1))-1)+IF('Standard Profiles'!$G$21=$B$10,7,0)+IF('Standard Profiles'!$G$21=$B$17,14,0)+IF('Standard Profiles'!$G$21=$B$24,21,0),0)),0)</f>
        <v>0</v>
      </c>
      <c r="H3817" cm="1">
        <f t="array" ref="H3817">IFERROR(INDEX(Jesper!AL$2:AL$366,ROUNDDOWN($C3817/24,0)+1,1)*INDEX($D$3:$AA$30,INDEX(Jesper!$R$2:$R$366,ROW(INDEX(Jesper!AL$2:AL$366,ROUNDDOWN($C3817/24,0)+1,1))-1)+IF('Standard Profiles'!$G$22=$B$10,7,0)+IF('Standard Profiles'!$G$22=$B$17,14,0)+IF('Standard Profiles'!$G$22=$B$24,21,0),MOD($C3817,24)+1)/SUM(INDEX($D$3:$AA$30,INDEX(Jesper!$R$2:$R$366,ROW(INDEX(Jesper!AL$2:AL$366,ROUNDDOWN($C3817/24,0)+1,1))-1)+IF('Standard Profiles'!$G$22=$B$10,7,0)+IF('Standard Profiles'!$G$22=$B$17,14,0)+IF('Standard Profiles'!$G$22=$B$24,21,0),0)),0)</f>
        <v>0</v>
      </c>
      <c r="I3817">
        <f t="shared" si="433"/>
        <v>0.43228960225394941</v>
      </c>
      <c r="J3817">
        <f t="shared" si="434"/>
        <v>1.4409653408464982</v>
      </c>
      <c r="K3817">
        <f t="shared" si="435"/>
        <v>2.1614480112697469</v>
      </c>
      <c r="L3817">
        <f t="shared" si="436"/>
        <v>10.374950454094787</v>
      </c>
      <c r="M3817">
        <f t="shared" si="437"/>
        <v>0</v>
      </c>
      <c r="N3817" s="46">
        <f t="shared" si="438"/>
        <v>45449.624999990825</v>
      </c>
    </row>
    <row r="3818" spans="2:14" x14ac:dyDescent="0.3">
      <c r="B3818">
        <f t="shared" si="432"/>
        <v>4</v>
      </c>
      <c r="C3818" s="16">
        <v>3784</v>
      </c>
      <c r="D3818" cm="1">
        <f t="array" ref="D3818">IFERROR(INDEX(Jesper!AH$2:AH$366,ROUNDDOWN($C3818/24,0)+1,1)*INDEX($D$3:$AA$30,INDEX(Jesper!$R$2:$R$366,ROW(INDEX(Jesper!AH$2:AH$366,ROUNDDOWN($C3818/24,0)+1,1))-1)+IF('Standard Profiles'!$G$18=$B$10,7,0)+IF('Standard Profiles'!$G$18=$B$17,14,0)+IF('Standard Profiles'!$G$18=$B$24,21,0),MOD($C3818,24)+1)/SUM(INDEX($D$3:$AA$30,INDEX(Jesper!$R$2:$R$366,ROW(INDEX(Jesper!AH$2:AH$366,ROUNDDOWN($C3818/24,0)+1,1))-1)+IF('Standard Profiles'!$G$18=$B$10,7,0)+IF('Standard Profiles'!$G$18=$B$17,14,0)+IF('Standard Profiles'!$G$18=$B$24,21,0),0)),0)</f>
        <v>14.409653408464981</v>
      </c>
      <c r="E3818" cm="1">
        <f t="array" ref="E3818">IFERROR(INDEX(Jesper!AI$2:AI$366,ROUNDDOWN($C3818/24,0)+1,1)*INDEX($D$3:$AA$30,INDEX(Jesper!$R$2:$R$366,ROW(INDEX(Jesper!AI$2:AI$366,ROUNDDOWN($C3818/24,0)+1,1))-1)+IF('Standard Profiles'!$G$19=$B$10,7,0)+IF('Standard Profiles'!$G$19=$B$17,14,0)+IF('Standard Profiles'!$G$19=$B$24,21,0),MOD($C3818,24)+1)/SUM(INDEX($D$3:$AA$30,INDEX(Jesper!$R$2:$R$366,ROW(INDEX(Jesper!AI$2:AI$366,ROUNDDOWN($C3818/24,0)+1,1))-1)+IF('Standard Profiles'!$G$19=$B$10,7,0)+IF('Standard Profiles'!$G$19=$B$17,14,0)+IF('Standard Profiles'!$G$19=$B$24,21,0),0)),0)</f>
        <v>0</v>
      </c>
      <c r="F3818" cm="1">
        <f t="array" ref="F3818">IFERROR(INDEX(Jesper!AJ$2:AJ$366,ROUNDDOWN($C3818/24,0)+1,1)*INDEX($D$3:$AA$30,INDEX(Jesper!$R$2:$R$366,ROW(INDEX(Jesper!AJ$2:AJ$366,ROUNDDOWN($C3818/24,0)+1,1))-1)+IF('Standard Profiles'!$G$20=$B$10,7,0)+IF('Standard Profiles'!$G$20=$B$17,14,0)+IF('Standard Profiles'!$G$20=$B$24,21,0),MOD($C3818,24)+1)/SUM(INDEX($D$3:$AA$30,INDEX(Jesper!$R$2:$R$366,ROW(INDEX(Jesper!AJ$2:AJ$366,ROUNDDOWN($C3818/24,0)+1,1))-1)+IF('Standard Profiles'!$G$20=$B$10,7,0)+IF('Standard Profiles'!$G$20=$B$17,14,0)+IF('Standard Profiles'!$G$20=$B$24,21,0),0)),0)</f>
        <v>0</v>
      </c>
      <c r="G3818" cm="1">
        <f t="array" ref="G3818">IFERROR(INDEX(Jesper!AK$2:AK$366,ROUNDDOWN($C3818/24,0)+1,1)*INDEX($D$3:$AA$30,INDEX(Jesper!$R$2:$R$366,ROW(INDEX(Jesper!AK$2:AK$366,ROUNDDOWN($C3818/24,0)+1,1))-1)+IF('Standard Profiles'!$G$21=$B$10,7,0)+IF('Standard Profiles'!$G$21=$B$17,14,0)+IF('Standard Profiles'!$G$21=$B$24,21,0),MOD($C3818,24)+1)/SUM(INDEX($D$3:$AA$30,INDEX(Jesper!$R$2:$R$366,ROW(INDEX(Jesper!AK$2:AK$366,ROUNDDOWN($C3818/24,0)+1,1))-1)+IF('Standard Profiles'!$G$21=$B$10,7,0)+IF('Standard Profiles'!$G$21=$B$17,14,0)+IF('Standard Profiles'!$G$21=$B$24,21,0),0)),0)</f>
        <v>0</v>
      </c>
      <c r="H3818" cm="1">
        <f t="array" ref="H3818">IFERROR(INDEX(Jesper!AL$2:AL$366,ROUNDDOWN($C3818/24,0)+1,1)*INDEX($D$3:$AA$30,INDEX(Jesper!$R$2:$R$366,ROW(INDEX(Jesper!AL$2:AL$366,ROUNDDOWN($C3818/24,0)+1,1))-1)+IF('Standard Profiles'!$G$22=$B$10,7,0)+IF('Standard Profiles'!$G$22=$B$17,14,0)+IF('Standard Profiles'!$G$22=$B$24,21,0),MOD($C3818,24)+1)/SUM(INDEX($D$3:$AA$30,INDEX(Jesper!$R$2:$R$366,ROW(INDEX(Jesper!AL$2:AL$366,ROUNDDOWN($C3818/24,0)+1,1))-1)+IF('Standard Profiles'!$G$22=$B$10,7,0)+IF('Standard Profiles'!$G$22=$B$17,14,0)+IF('Standard Profiles'!$G$22=$B$24,21,0),0)),0)</f>
        <v>0</v>
      </c>
      <c r="I3818">
        <f t="shared" si="433"/>
        <v>0.43228960225394941</v>
      </c>
      <c r="J3818">
        <f t="shared" si="434"/>
        <v>1.4409653408464982</v>
      </c>
      <c r="K3818">
        <f t="shared" si="435"/>
        <v>2.1614480112697469</v>
      </c>
      <c r="L3818">
        <f t="shared" si="436"/>
        <v>10.374950454094787</v>
      </c>
      <c r="M3818">
        <f t="shared" si="437"/>
        <v>0</v>
      </c>
      <c r="N3818" s="46">
        <f t="shared" si="438"/>
        <v>45449.666666657489</v>
      </c>
    </row>
    <row r="3819" spans="2:14" x14ac:dyDescent="0.3">
      <c r="B3819">
        <f t="shared" si="432"/>
        <v>4</v>
      </c>
      <c r="C3819" s="16">
        <v>3785</v>
      </c>
      <c r="D3819" cm="1">
        <f t="array" ref="D3819">IFERROR(INDEX(Jesper!AH$2:AH$366,ROUNDDOWN($C3819/24,0)+1,1)*INDEX($D$3:$AA$30,INDEX(Jesper!$R$2:$R$366,ROW(INDEX(Jesper!AH$2:AH$366,ROUNDDOWN($C3819/24,0)+1,1))-1)+IF('Standard Profiles'!$G$18=$B$10,7,0)+IF('Standard Profiles'!$G$18=$B$17,14,0)+IF('Standard Profiles'!$G$18=$B$24,21,0),MOD($C3819,24)+1)/SUM(INDEX($D$3:$AA$30,INDEX(Jesper!$R$2:$R$366,ROW(INDEX(Jesper!AH$2:AH$366,ROUNDDOWN($C3819/24,0)+1,1))-1)+IF('Standard Profiles'!$G$18=$B$10,7,0)+IF('Standard Profiles'!$G$18=$B$17,14,0)+IF('Standard Profiles'!$G$18=$B$24,21,0),0)),0)</f>
        <v>14.409653408464981</v>
      </c>
      <c r="E3819" cm="1">
        <f t="array" ref="E3819">IFERROR(INDEX(Jesper!AI$2:AI$366,ROUNDDOWN($C3819/24,0)+1,1)*INDEX($D$3:$AA$30,INDEX(Jesper!$R$2:$R$366,ROW(INDEX(Jesper!AI$2:AI$366,ROUNDDOWN($C3819/24,0)+1,1))-1)+IF('Standard Profiles'!$G$19=$B$10,7,0)+IF('Standard Profiles'!$G$19=$B$17,14,0)+IF('Standard Profiles'!$G$19=$B$24,21,0),MOD($C3819,24)+1)/SUM(INDEX($D$3:$AA$30,INDEX(Jesper!$R$2:$R$366,ROW(INDEX(Jesper!AI$2:AI$366,ROUNDDOWN($C3819/24,0)+1,1))-1)+IF('Standard Profiles'!$G$19=$B$10,7,0)+IF('Standard Profiles'!$G$19=$B$17,14,0)+IF('Standard Profiles'!$G$19=$B$24,21,0),0)),0)</f>
        <v>0</v>
      </c>
      <c r="F3819" cm="1">
        <f t="array" ref="F3819">IFERROR(INDEX(Jesper!AJ$2:AJ$366,ROUNDDOWN($C3819/24,0)+1,1)*INDEX($D$3:$AA$30,INDEX(Jesper!$R$2:$R$366,ROW(INDEX(Jesper!AJ$2:AJ$366,ROUNDDOWN($C3819/24,0)+1,1))-1)+IF('Standard Profiles'!$G$20=$B$10,7,0)+IF('Standard Profiles'!$G$20=$B$17,14,0)+IF('Standard Profiles'!$G$20=$B$24,21,0),MOD($C3819,24)+1)/SUM(INDEX($D$3:$AA$30,INDEX(Jesper!$R$2:$R$366,ROW(INDEX(Jesper!AJ$2:AJ$366,ROUNDDOWN($C3819/24,0)+1,1))-1)+IF('Standard Profiles'!$G$20=$B$10,7,0)+IF('Standard Profiles'!$G$20=$B$17,14,0)+IF('Standard Profiles'!$G$20=$B$24,21,0),0)),0)</f>
        <v>0</v>
      </c>
      <c r="G3819" cm="1">
        <f t="array" ref="G3819">IFERROR(INDEX(Jesper!AK$2:AK$366,ROUNDDOWN($C3819/24,0)+1,1)*INDEX($D$3:$AA$30,INDEX(Jesper!$R$2:$R$366,ROW(INDEX(Jesper!AK$2:AK$366,ROUNDDOWN($C3819/24,0)+1,1))-1)+IF('Standard Profiles'!$G$21=$B$10,7,0)+IF('Standard Profiles'!$G$21=$B$17,14,0)+IF('Standard Profiles'!$G$21=$B$24,21,0),MOD($C3819,24)+1)/SUM(INDEX($D$3:$AA$30,INDEX(Jesper!$R$2:$R$366,ROW(INDEX(Jesper!AK$2:AK$366,ROUNDDOWN($C3819/24,0)+1,1))-1)+IF('Standard Profiles'!$G$21=$B$10,7,0)+IF('Standard Profiles'!$G$21=$B$17,14,0)+IF('Standard Profiles'!$G$21=$B$24,21,0),0)),0)</f>
        <v>0</v>
      </c>
      <c r="H3819" cm="1">
        <f t="array" ref="H3819">IFERROR(INDEX(Jesper!AL$2:AL$366,ROUNDDOWN($C3819/24,0)+1,1)*INDEX($D$3:$AA$30,INDEX(Jesper!$R$2:$R$366,ROW(INDEX(Jesper!AL$2:AL$366,ROUNDDOWN($C3819/24,0)+1,1))-1)+IF('Standard Profiles'!$G$22=$B$10,7,0)+IF('Standard Profiles'!$G$22=$B$17,14,0)+IF('Standard Profiles'!$G$22=$B$24,21,0),MOD($C3819,24)+1)/SUM(INDEX($D$3:$AA$30,INDEX(Jesper!$R$2:$R$366,ROW(INDEX(Jesper!AL$2:AL$366,ROUNDDOWN($C3819/24,0)+1,1))-1)+IF('Standard Profiles'!$G$22=$B$10,7,0)+IF('Standard Profiles'!$G$22=$B$17,14,0)+IF('Standard Profiles'!$G$22=$B$24,21,0),0)),0)</f>
        <v>0</v>
      </c>
      <c r="I3819">
        <f t="shared" si="433"/>
        <v>0.43228960225394941</v>
      </c>
      <c r="J3819">
        <f t="shared" si="434"/>
        <v>1.4409653408464982</v>
      </c>
      <c r="K3819">
        <f t="shared" si="435"/>
        <v>2.1614480112697469</v>
      </c>
      <c r="L3819">
        <f t="shared" si="436"/>
        <v>10.374950454094787</v>
      </c>
      <c r="M3819">
        <f t="shared" si="437"/>
        <v>0</v>
      </c>
      <c r="N3819" s="46">
        <f t="shared" si="438"/>
        <v>45449.708333324154</v>
      </c>
    </row>
    <row r="3820" spans="2:14" x14ac:dyDescent="0.3">
      <c r="B3820">
        <f t="shared" si="432"/>
        <v>4</v>
      </c>
      <c r="C3820" s="16">
        <v>3786</v>
      </c>
      <c r="D3820" cm="1">
        <f t="array" ref="D3820">IFERROR(INDEX(Jesper!AH$2:AH$366,ROUNDDOWN($C3820/24,0)+1,1)*INDEX($D$3:$AA$30,INDEX(Jesper!$R$2:$R$366,ROW(INDEX(Jesper!AH$2:AH$366,ROUNDDOWN($C3820/24,0)+1,1))-1)+IF('Standard Profiles'!$G$18=$B$10,7,0)+IF('Standard Profiles'!$G$18=$B$17,14,0)+IF('Standard Profiles'!$G$18=$B$24,21,0),MOD($C3820,24)+1)/SUM(INDEX($D$3:$AA$30,INDEX(Jesper!$R$2:$R$366,ROW(INDEX(Jesper!AH$2:AH$366,ROUNDDOWN($C3820/24,0)+1,1))-1)+IF('Standard Profiles'!$G$18=$B$10,7,0)+IF('Standard Profiles'!$G$18=$B$17,14,0)+IF('Standard Profiles'!$G$18=$B$24,21,0),0)),0)</f>
        <v>14.409653408464981</v>
      </c>
      <c r="E3820" cm="1">
        <f t="array" ref="E3820">IFERROR(INDEX(Jesper!AI$2:AI$366,ROUNDDOWN($C3820/24,0)+1,1)*INDEX($D$3:$AA$30,INDEX(Jesper!$R$2:$R$366,ROW(INDEX(Jesper!AI$2:AI$366,ROUNDDOWN($C3820/24,0)+1,1))-1)+IF('Standard Profiles'!$G$19=$B$10,7,0)+IF('Standard Profiles'!$G$19=$B$17,14,0)+IF('Standard Profiles'!$G$19=$B$24,21,0),MOD($C3820,24)+1)/SUM(INDEX($D$3:$AA$30,INDEX(Jesper!$R$2:$R$366,ROW(INDEX(Jesper!AI$2:AI$366,ROUNDDOWN($C3820/24,0)+1,1))-1)+IF('Standard Profiles'!$G$19=$B$10,7,0)+IF('Standard Profiles'!$G$19=$B$17,14,0)+IF('Standard Profiles'!$G$19=$B$24,21,0),0)),0)</f>
        <v>0</v>
      </c>
      <c r="F3820" cm="1">
        <f t="array" ref="F3820">IFERROR(INDEX(Jesper!AJ$2:AJ$366,ROUNDDOWN($C3820/24,0)+1,1)*INDEX($D$3:$AA$30,INDEX(Jesper!$R$2:$R$366,ROW(INDEX(Jesper!AJ$2:AJ$366,ROUNDDOWN($C3820/24,0)+1,1))-1)+IF('Standard Profiles'!$G$20=$B$10,7,0)+IF('Standard Profiles'!$G$20=$B$17,14,0)+IF('Standard Profiles'!$G$20=$B$24,21,0),MOD($C3820,24)+1)/SUM(INDEX($D$3:$AA$30,INDEX(Jesper!$R$2:$R$366,ROW(INDEX(Jesper!AJ$2:AJ$366,ROUNDDOWN($C3820/24,0)+1,1))-1)+IF('Standard Profiles'!$G$20=$B$10,7,0)+IF('Standard Profiles'!$G$20=$B$17,14,0)+IF('Standard Profiles'!$G$20=$B$24,21,0),0)),0)</f>
        <v>0</v>
      </c>
      <c r="G3820" cm="1">
        <f t="array" ref="G3820">IFERROR(INDEX(Jesper!AK$2:AK$366,ROUNDDOWN($C3820/24,0)+1,1)*INDEX($D$3:$AA$30,INDEX(Jesper!$R$2:$R$366,ROW(INDEX(Jesper!AK$2:AK$366,ROUNDDOWN($C3820/24,0)+1,1))-1)+IF('Standard Profiles'!$G$21=$B$10,7,0)+IF('Standard Profiles'!$G$21=$B$17,14,0)+IF('Standard Profiles'!$G$21=$B$24,21,0),MOD($C3820,24)+1)/SUM(INDEX($D$3:$AA$30,INDEX(Jesper!$R$2:$R$366,ROW(INDEX(Jesper!AK$2:AK$366,ROUNDDOWN($C3820/24,0)+1,1))-1)+IF('Standard Profiles'!$G$21=$B$10,7,0)+IF('Standard Profiles'!$G$21=$B$17,14,0)+IF('Standard Profiles'!$G$21=$B$24,21,0),0)),0)</f>
        <v>0</v>
      </c>
      <c r="H3820" cm="1">
        <f t="array" ref="H3820">IFERROR(INDEX(Jesper!AL$2:AL$366,ROUNDDOWN($C3820/24,0)+1,1)*INDEX($D$3:$AA$30,INDEX(Jesper!$R$2:$R$366,ROW(INDEX(Jesper!AL$2:AL$366,ROUNDDOWN($C3820/24,0)+1,1))-1)+IF('Standard Profiles'!$G$22=$B$10,7,0)+IF('Standard Profiles'!$G$22=$B$17,14,0)+IF('Standard Profiles'!$G$22=$B$24,21,0),MOD($C3820,24)+1)/SUM(INDEX($D$3:$AA$30,INDEX(Jesper!$R$2:$R$366,ROW(INDEX(Jesper!AL$2:AL$366,ROUNDDOWN($C3820/24,0)+1,1))-1)+IF('Standard Profiles'!$G$22=$B$10,7,0)+IF('Standard Profiles'!$G$22=$B$17,14,0)+IF('Standard Profiles'!$G$22=$B$24,21,0),0)),0)</f>
        <v>0</v>
      </c>
      <c r="I3820">
        <f t="shared" si="433"/>
        <v>0.43228960225394941</v>
      </c>
      <c r="J3820">
        <f t="shared" si="434"/>
        <v>1.4409653408464982</v>
      </c>
      <c r="K3820">
        <f t="shared" si="435"/>
        <v>2.1614480112697469</v>
      </c>
      <c r="L3820">
        <f t="shared" si="436"/>
        <v>10.374950454094787</v>
      </c>
      <c r="M3820">
        <f t="shared" si="437"/>
        <v>0</v>
      </c>
      <c r="N3820" s="46">
        <f t="shared" si="438"/>
        <v>45449.749999990818</v>
      </c>
    </row>
    <row r="3821" spans="2:14" x14ac:dyDescent="0.3">
      <c r="B3821">
        <f t="shared" si="432"/>
        <v>4</v>
      </c>
      <c r="C3821" s="16">
        <v>3787</v>
      </c>
      <c r="D3821" cm="1">
        <f t="array" ref="D3821">IFERROR(INDEX(Jesper!AH$2:AH$366,ROUNDDOWN($C3821/24,0)+1,1)*INDEX($D$3:$AA$30,INDEX(Jesper!$R$2:$R$366,ROW(INDEX(Jesper!AH$2:AH$366,ROUNDDOWN($C3821/24,0)+1,1))-1)+IF('Standard Profiles'!$G$18=$B$10,7,0)+IF('Standard Profiles'!$G$18=$B$17,14,0)+IF('Standard Profiles'!$G$18=$B$24,21,0),MOD($C3821,24)+1)/SUM(INDEX($D$3:$AA$30,INDEX(Jesper!$R$2:$R$366,ROW(INDEX(Jesper!AH$2:AH$366,ROUNDDOWN($C3821/24,0)+1,1))-1)+IF('Standard Profiles'!$G$18=$B$10,7,0)+IF('Standard Profiles'!$G$18=$B$17,14,0)+IF('Standard Profiles'!$G$18=$B$24,21,0),0)),0)</f>
        <v>12.008044507054151</v>
      </c>
      <c r="E3821" cm="1">
        <f t="array" ref="E3821">IFERROR(INDEX(Jesper!AI$2:AI$366,ROUNDDOWN($C3821/24,0)+1,1)*INDEX($D$3:$AA$30,INDEX(Jesper!$R$2:$R$366,ROW(INDEX(Jesper!AI$2:AI$366,ROUNDDOWN($C3821/24,0)+1,1))-1)+IF('Standard Profiles'!$G$19=$B$10,7,0)+IF('Standard Profiles'!$G$19=$B$17,14,0)+IF('Standard Profiles'!$G$19=$B$24,21,0),MOD($C3821,24)+1)/SUM(INDEX($D$3:$AA$30,INDEX(Jesper!$R$2:$R$366,ROW(INDEX(Jesper!AI$2:AI$366,ROUNDDOWN($C3821/24,0)+1,1))-1)+IF('Standard Profiles'!$G$19=$B$10,7,0)+IF('Standard Profiles'!$G$19=$B$17,14,0)+IF('Standard Profiles'!$G$19=$B$24,21,0),0)),0)</f>
        <v>0</v>
      </c>
      <c r="F3821" cm="1">
        <f t="array" ref="F3821">IFERROR(INDEX(Jesper!AJ$2:AJ$366,ROUNDDOWN($C3821/24,0)+1,1)*INDEX($D$3:$AA$30,INDEX(Jesper!$R$2:$R$366,ROW(INDEX(Jesper!AJ$2:AJ$366,ROUNDDOWN($C3821/24,0)+1,1))-1)+IF('Standard Profiles'!$G$20=$B$10,7,0)+IF('Standard Profiles'!$G$20=$B$17,14,0)+IF('Standard Profiles'!$G$20=$B$24,21,0),MOD($C3821,24)+1)/SUM(INDEX($D$3:$AA$30,INDEX(Jesper!$R$2:$R$366,ROW(INDEX(Jesper!AJ$2:AJ$366,ROUNDDOWN($C3821/24,0)+1,1))-1)+IF('Standard Profiles'!$G$20=$B$10,7,0)+IF('Standard Profiles'!$G$20=$B$17,14,0)+IF('Standard Profiles'!$G$20=$B$24,21,0),0)),0)</f>
        <v>0</v>
      </c>
      <c r="G3821" cm="1">
        <f t="array" ref="G3821">IFERROR(INDEX(Jesper!AK$2:AK$366,ROUNDDOWN($C3821/24,0)+1,1)*INDEX($D$3:$AA$30,INDEX(Jesper!$R$2:$R$366,ROW(INDEX(Jesper!AK$2:AK$366,ROUNDDOWN($C3821/24,0)+1,1))-1)+IF('Standard Profiles'!$G$21=$B$10,7,0)+IF('Standard Profiles'!$G$21=$B$17,14,0)+IF('Standard Profiles'!$G$21=$B$24,21,0),MOD($C3821,24)+1)/SUM(INDEX($D$3:$AA$30,INDEX(Jesper!$R$2:$R$366,ROW(INDEX(Jesper!AK$2:AK$366,ROUNDDOWN($C3821/24,0)+1,1))-1)+IF('Standard Profiles'!$G$21=$B$10,7,0)+IF('Standard Profiles'!$G$21=$B$17,14,0)+IF('Standard Profiles'!$G$21=$B$24,21,0),0)),0)</f>
        <v>0</v>
      </c>
      <c r="H3821" cm="1">
        <f t="array" ref="H3821">IFERROR(INDEX(Jesper!AL$2:AL$366,ROUNDDOWN($C3821/24,0)+1,1)*INDEX($D$3:$AA$30,INDEX(Jesper!$R$2:$R$366,ROW(INDEX(Jesper!AL$2:AL$366,ROUNDDOWN($C3821/24,0)+1,1))-1)+IF('Standard Profiles'!$G$22=$B$10,7,0)+IF('Standard Profiles'!$G$22=$B$17,14,0)+IF('Standard Profiles'!$G$22=$B$24,21,0),MOD($C3821,24)+1)/SUM(INDEX($D$3:$AA$30,INDEX(Jesper!$R$2:$R$366,ROW(INDEX(Jesper!AL$2:AL$366,ROUNDDOWN($C3821/24,0)+1,1))-1)+IF('Standard Profiles'!$G$22=$B$10,7,0)+IF('Standard Profiles'!$G$22=$B$17,14,0)+IF('Standard Profiles'!$G$22=$B$24,21,0),0)),0)</f>
        <v>0</v>
      </c>
      <c r="I3821">
        <f t="shared" si="433"/>
        <v>0.36024133521162455</v>
      </c>
      <c r="J3821">
        <f t="shared" si="434"/>
        <v>1.2008044507054152</v>
      </c>
      <c r="K3821">
        <f t="shared" si="435"/>
        <v>1.8012066760581227</v>
      </c>
      <c r="L3821">
        <f t="shared" si="436"/>
        <v>8.6457920450789896</v>
      </c>
      <c r="M3821">
        <f t="shared" si="437"/>
        <v>0</v>
      </c>
      <c r="N3821" s="46">
        <f t="shared" si="438"/>
        <v>45449.791666657482</v>
      </c>
    </row>
    <row r="3822" spans="2:14" x14ac:dyDescent="0.3">
      <c r="B3822">
        <f t="shared" si="432"/>
        <v>4</v>
      </c>
      <c r="C3822" s="16">
        <v>3788</v>
      </c>
      <c r="D3822" cm="1">
        <f t="array" ref="D3822">IFERROR(INDEX(Jesper!AH$2:AH$366,ROUNDDOWN($C3822/24,0)+1,1)*INDEX($D$3:$AA$30,INDEX(Jesper!$R$2:$R$366,ROW(INDEX(Jesper!AH$2:AH$366,ROUNDDOWN($C3822/24,0)+1,1))-1)+IF('Standard Profiles'!$G$18=$B$10,7,0)+IF('Standard Profiles'!$G$18=$B$17,14,0)+IF('Standard Profiles'!$G$18=$B$24,21,0),MOD($C3822,24)+1)/SUM(INDEX($D$3:$AA$30,INDEX(Jesper!$R$2:$R$366,ROW(INDEX(Jesper!AH$2:AH$366,ROUNDDOWN($C3822/24,0)+1,1))-1)+IF('Standard Profiles'!$G$18=$B$10,7,0)+IF('Standard Profiles'!$G$18=$B$17,14,0)+IF('Standard Profiles'!$G$18=$B$24,21,0),0)),0)</f>
        <v>9.6064356056433216</v>
      </c>
      <c r="E3822" cm="1">
        <f t="array" ref="E3822">IFERROR(INDEX(Jesper!AI$2:AI$366,ROUNDDOWN($C3822/24,0)+1,1)*INDEX($D$3:$AA$30,INDEX(Jesper!$R$2:$R$366,ROW(INDEX(Jesper!AI$2:AI$366,ROUNDDOWN($C3822/24,0)+1,1))-1)+IF('Standard Profiles'!$G$19=$B$10,7,0)+IF('Standard Profiles'!$G$19=$B$17,14,0)+IF('Standard Profiles'!$G$19=$B$24,21,0),MOD($C3822,24)+1)/SUM(INDEX($D$3:$AA$30,INDEX(Jesper!$R$2:$R$366,ROW(INDEX(Jesper!AI$2:AI$366,ROUNDDOWN($C3822/24,0)+1,1))-1)+IF('Standard Profiles'!$G$19=$B$10,7,0)+IF('Standard Profiles'!$G$19=$B$17,14,0)+IF('Standard Profiles'!$G$19=$B$24,21,0),0)),0)</f>
        <v>0</v>
      </c>
      <c r="F3822" cm="1">
        <f t="array" ref="F3822">IFERROR(INDEX(Jesper!AJ$2:AJ$366,ROUNDDOWN($C3822/24,0)+1,1)*INDEX($D$3:$AA$30,INDEX(Jesper!$R$2:$R$366,ROW(INDEX(Jesper!AJ$2:AJ$366,ROUNDDOWN($C3822/24,0)+1,1))-1)+IF('Standard Profiles'!$G$20=$B$10,7,0)+IF('Standard Profiles'!$G$20=$B$17,14,0)+IF('Standard Profiles'!$G$20=$B$24,21,0),MOD($C3822,24)+1)/SUM(INDEX($D$3:$AA$30,INDEX(Jesper!$R$2:$R$366,ROW(INDEX(Jesper!AJ$2:AJ$366,ROUNDDOWN($C3822/24,0)+1,1))-1)+IF('Standard Profiles'!$G$20=$B$10,7,0)+IF('Standard Profiles'!$G$20=$B$17,14,0)+IF('Standard Profiles'!$G$20=$B$24,21,0),0)),0)</f>
        <v>0</v>
      </c>
      <c r="G3822" cm="1">
        <f t="array" ref="G3822">IFERROR(INDEX(Jesper!AK$2:AK$366,ROUNDDOWN($C3822/24,0)+1,1)*INDEX($D$3:$AA$30,INDEX(Jesper!$R$2:$R$366,ROW(INDEX(Jesper!AK$2:AK$366,ROUNDDOWN($C3822/24,0)+1,1))-1)+IF('Standard Profiles'!$G$21=$B$10,7,0)+IF('Standard Profiles'!$G$21=$B$17,14,0)+IF('Standard Profiles'!$G$21=$B$24,21,0),MOD($C3822,24)+1)/SUM(INDEX($D$3:$AA$30,INDEX(Jesper!$R$2:$R$366,ROW(INDEX(Jesper!AK$2:AK$366,ROUNDDOWN($C3822/24,0)+1,1))-1)+IF('Standard Profiles'!$G$21=$B$10,7,0)+IF('Standard Profiles'!$G$21=$B$17,14,0)+IF('Standard Profiles'!$G$21=$B$24,21,0),0)),0)</f>
        <v>0</v>
      </c>
      <c r="H3822" cm="1">
        <f t="array" ref="H3822">IFERROR(INDEX(Jesper!AL$2:AL$366,ROUNDDOWN($C3822/24,0)+1,1)*INDEX($D$3:$AA$30,INDEX(Jesper!$R$2:$R$366,ROW(INDEX(Jesper!AL$2:AL$366,ROUNDDOWN($C3822/24,0)+1,1))-1)+IF('Standard Profiles'!$G$22=$B$10,7,0)+IF('Standard Profiles'!$G$22=$B$17,14,0)+IF('Standard Profiles'!$G$22=$B$24,21,0),MOD($C3822,24)+1)/SUM(INDEX($D$3:$AA$30,INDEX(Jesper!$R$2:$R$366,ROW(INDEX(Jesper!AL$2:AL$366,ROUNDDOWN($C3822/24,0)+1,1))-1)+IF('Standard Profiles'!$G$22=$B$10,7,0)+IF('Standard Profiles'!$G$22=$B$17,14,0)+IF('Standard Profiles'!$G$22=$B$24,21,0),0)),0)</f>
        <v>0</v>
      </c>
      <c r="I3822">
        <f t="shared" si="433"/>
        <v>0.28819306816929963</v>
      </c>
      <c r="J3822">
        <f t="shared" si="434"/>
        <v>0.9606435605643322</v>
      </c>
      <c r="K3822">
        <f t="shared" si="435"/>
        <v>1.4409653408464982</v>
      </c>
      <c r="L3822">
        <f t="shared" si="436"/>
        <v>6.9166336360631915</v>
      </c>
      <c r="M3822">
        <f t="shared" si="437"/>
        <v>0</v>
      </c>
      <c r="N3822" s="46">
        <f t="shared" si="438"/>
        <v>45449.833333324146</v>
      </c>
    </row>
    <row r="3823" spans="2:14" x14ac:dyDescent="0.3">
      <c r="B3823">
        <f t="shared" si="432"/>
        <v>4</v>
      </c>
      <c r="C3823" s="16">
        <v>3789</v>
      </c>
      <c r="D3823" cm="1">
        <f t="array" ref="D3823">IFERROR(INDEX(Jesper!AH$2:AH$366,ROUNDDOWN($C3823/24,0)+1,1)*INDEX($D$3:$AA$30,INDEX(Jesper!$R$2:$R$366,ROW(INDEX(Jesper!AH$2:AH$366,ROUNDDOWN($C3823/24,0)+1,1))-1)+IF('Standard Profiles'!$G$18=$B$10,7,0)+IF('Standard Profiles'!$G$18=$B$17,14,0)+IF('Standard Profiles'!$G$18=$B$24,21,0),MOD($C3823,24)+1)/SUM(INDEX($D$3:$AA$30,INDEX(Jesper!$R$2:$R$366,ROW(INDEX(Jesper!AH$2:AH$366,ROUNDDOWN($C3823/24,0)+1,1))-1)+IF('Standard Profiles'!$G$18=$B$10,7,0)+IF('Standard Profiles'!$G$18=$B$17,14,0)+IF('Standard Profiles'!$G$18=$B$24,21,0),0)),0)</f>
        <v>7.2048267042324907</v>
      </c>
      <c r="E3823" cm="1">
        <f t="array" ref="E3823">IFERROR(INDEX(Jesper!AI$2:AI$366,ROUNDDOWN($C3823/24,0)+1,1)*INDEX($D$3:$AA$30,INDEX(Jesper!$R$2:$R$366,ROW(INDEX(Jesper!AI$2:AI$366,ROUNDDOWN($C3823/24,0)+1,1))-1)+IF('Standard Profiles'!$G$19=$B$10,7,0)+IF('Standard Profiles'!$G$19=$B$17,14,0)+IF('Standard Profiles'!$G$19=$B$24,21,0),MOD($C3823,24)+1)/SUM(INDEX($D$3:$AA$30,INDEX(Jesper!$R$2:$R$366,ROW(INDEX(Jesper!AI$2:AI$366,ROUNDDOWN($C3823/24,0)+1,1))-1)+IF('Standard Profiles'!$G$19=$B$10,7,0)+IF('Standard Profiles'!$G$19=$B$17,14,0)+IF('Standard Profiles'!$G$19=$B$24,21,0),0)),0)</f>
        <v>0</v>
      </c>
      <c r="F3823" cm="1">
        <f t="array" ref="F3823">IFERROR(INDEX(Jesper!AJ$2:AJ$366,ROUNDDOWN($C3823/24,0)+1,1)*INDEX($D$3:$AA$30,INDEX(Jesper!$R$2:$R$366,ROW(INDEX(Jesper!AJ$2:AJ$366,ROUNDDOWN($C3823/24,0)+1,1))-1)+IF('Standard Profiles'!$G$20=$B$10,7,0)+IF('Standard Profiles'!$G$20=$B$17,14,0)+IF('Standard Profiles'!$G$20=$B$24,21,0),MOD($C3823,24)+1)/SUM(INDEX($D$3:$AA$30,INDEX(Jesper!$R$2:$R$366,ROW(INDEX(Jesper!AJ$2:AJ$366,ROUNDDOWN($C3823/24,0)+1,1))-1)+IF('Standard Profiles'!$G$20=$B$10,7,0)+IF('Standard Profiles'!$G$20=$B$17,14,0)+IF('Standard Profiles'!$G$20=$B$24,21,0),0)),0)</f>
        <v>0</v>
      </c>
      <c r="G3823" cm="1">
        <f t="array" ref="G3823">IFERROR(INDEX(Jesper!AK$2:AK$366,ROUNDDOWN($C3823/24,0)+1,1)*INDEX($D$3:$AA$30,INDEX(Jesper!$R$2:$R$366,ROW(INDEX(Jesper!AK$2:AK$366,ROUNDDOWN($C3823/24,0)+1,1))-1)+IF('Standard Profiles'!$G$21=$B$10,7,0)+IF('Standard Profiles'!$G$21=$B$17,14,0)+IF('Standard Profiles'!$G$21=$B$24,21,0),MOD($C3823,24)+1)/SUM(INDEX($D$3:$AA$30,INDEX(Jesper!$R$2:$R$366,ROW(INDEX(Jesper!AK$2:AK$366,ROUNDDOWN($C3823/24,0)+1,1))-1)+IF('Standard Profiles'!$G$21=$B$10,7,0)+IF('Standard Profiles'!$G$21=$B$17,14,0)+IF('Standard Profiles'!$G$21=$B$24,21,0),0)),0)</f>
        <v>0</v>
      </c>
      <c r="H3823" cm="1">
        <f t="array" ref="H3823">IFERROR(INDEX(Jesper!AL$2:AL$366,ROUNDDOWN($C3823/24,0)+1,1)*INDEX($D$3:$AA$30,INDEX(Jesper!$R$2:$R$366,ROW(INDEX(Jesper!AL$2:AL$366,ROUNDDOWN($C3823/24,0)+1,1))-1)+IF('Standard Profiles'!$G$22=$B$10,7,0)+IF('Standard Profiles'!$G$22=$B$17,14,0)+IF('Standard Profiles'!$G$22=$B$24,21,0),MOD($C3823,24)+1)/SUM(INDEX($D$3:$AA$30,INDEX(Jesper!$R$2:$R$366,ROW(INDEX(Jesper!AL$2:AL$366,ROUNDDOWN($C3823/24,0)+1,1))-1)+IF('Standard Profiles'!$G$22=$B$10,7,0)+IF('Standard Profiles'!$G$22=$B$17,14,0)+IF('Standard Profiles'!$G$22=$B$24,21,0),0)),0)</f>
        <v>0</v>
      </c>
      <c r="I3823">
        <f t="shared" si="433"/>
        <v>0.21614480112697471</v>
      </c>
      <c r="J3823">
        <f t="shared" si="434"/>
        <v>0.72048267042324909</v>
      </c>
      <c r="K3823">
        <f t="shared" si="435"/>
        <v>1.0807240056348735</v>
      </c>
      <c r="L3823">
        <f t="shared" si="436"/>
        <v>5.1874752270473934</v>
      </c>
      <c r="M3823">
        <f t="shared" si="437"/>
        <v>0</v>
      </c>
      <c r="N3823" s="46">
        <f t="shared" si="438"/>
        <v>45449.87499999081</v>
      </c>
    </row>
    <row r="3824" spans="2:14" x14ac:dyDescent="0.3">
      <c r="B3824">
        <f t="shared" si="432"/>
        <v>4</v>
      </c>
      <c r="C3824" s="16">
        <v>3790</v>
      </c>
      <c r="D3824" cm="1">
        <f t="array" ref="D3824">IFERROR(INDEX(Jesper!AH$2:AH$366,ROUNDDOWN($C3824/24,0)+1,1)*INDEX($D$3:$AA$30,INDEX(Jesper!$R$2:$R$366,ROW(INDEX(Jesper!AH$2:AH$366,ROUNDDOWN($C3824/24,0)+1,1))-1)+IF('Standard Profiles'!$G$18=$B$10,7,0)+IF('Standard Profiles'!$G$18=$B$17,14,0)+IF('Standard Profiles'!$G$18=$B$24,21,0),MOD($C3824,24)+1)/SUM(INDEX($D$3:$AA$30,INDEX(Jesper!$R$2:$R$366,ROW(INDEX(Jesper!AH$2:AH$366,ROUNDDOWN($C3824/24,0)+1,1))-1)+IF('Standard Profiles'!$G$18=$B$10,7,0)+IF('Standard Profiles'!$G$18=$B$17,14,0)+IF('Standard Profiles'!$G$18=$B$24,21,0),0)),0)</f>
        <v>7.2048267042324907</v>
      </c>
      <c r="E3824" cm="1">
        <f t="array" ref="E3824">IFERROR(INDEX(Jesper!AI$2:AI$366,ROUNDDOWN($C3824/24,0)+1,1)*INDEX($D$3:$AA$30,INDEX(Jesper!$R$2:$R$366,ROW(INDEX(Jesper!AI$2:AI$366,ROUNDDOWN($C3824/24,0)+1,1))-1)+IF('Standard Profiles'!$G$19=$B$10,7,0)+IF('Standard Profiles'!$G$19=$B$17,14,0)+IF('Standard Profiles'!$G$19=$B$24,21,0),MOD($C3824,24)+1)/SUM(INDEX($D$3:$AA$30,INDEX(Jesper!$R$2:$R$366,ROW(INDEX(Jesper!AI$2:AI$366,ROUNDDOWN($C3824/24,0)+1,1))-1)+IF('Standard Profiles'!$G$19=$B$10,7,0)+IF('Standard Profiles'!$G$19=$B$17,14,0)+IF('Standard Profiles'!$G$19=$B$24,21,0),0)),0)</f>
        <v>0</v>
      </c>
      <c r="F3824" cm="1">
        <f t="array" ref="F3824">IFERROR(INDEX(Jesper!AJ$2:AJ$366,ROUNDDOWN($C3824/24,0)+1,1)*INDEX($D$3:$AA$30,INDEX(Jesper!$R$2:$R$366,ROW(INDEX(Jesper!AJ$2:AJ$366,ROUNDDOWN($C3824/24,0)+1,1))-1)+IF('Standard Profiles'!$G$20=$B$10,7,0)+IF('Standard Profiles'!$G$20=$B$17,14,0)+IF('Standard Profiles'!$G$20=$B$24,21,0),MOD($C3824,24)+1)/SUM(INDEX($D$3:$AA$30,INDEX(Jesper!$R$2:$R$366,ROW(INDEX(Jesper!AJ$2:AJ$366,ROUNDDOWN($C3824/24,0)+1,1))-1)+IF('Standard Profiles'!$G$20=$B$10,7,0)+IF('Standard Profiles'!$G$20=$B$17,14,0)+IF('Standard Profiles'!$G$20=$B$24,21,0),0)),0)</f>
        <v>0</v>
      </c>
      <c r="G3824" cm="1">
        <f t="array" ref="G3824">IFERROR(INDEX(Jesper!AK$2:AK$366,ROUNDDOWN($C3824/24,0)+1,1)*INDEX($D$3:$AA$30,INDEX(Jesper!$R$2:$R$366,ROW(INDEX(Jesper!AK$2:AK$366,ROUNDDOWN($C3824/24,0)+1,1))-1)+IF('Standard Profiles'!$G$21=$B$10,7,0)+IF('Standard Profiles'!$G$21=$B$17,14,0)+IF('Standard Profiles'!$G$21=$B$24,21,0),MOD($C3824,24)+1)/SUM(INDEX($D$3:$AA$30,INDEX(Jesper!$R$2:$R$366,ROW(INDEX(Jesper!AK$2:AK$366,ROUNDDOWN($C3824/24,0)+1,1))-1)+IF('Standard Profiles'!$G$21=$B$10,7,0)+IF('Standard Profiles'!$G$21=$B$17,14,0)+IF('Standard Profiles'!$G$21=$B$24,21,0),0)),0)</f>
        <v>0</v>
      </c>
      <c r="H3824" cm="1">
        <f t="array" ref="H3824">IFERROR(INDEX(Jesper!AL$2:AL$366,ROUNDDOWN($C3824/24,0)+1,1)*INDEX($D$3:$AA$30,INDEX(Jesper!$R$2:$R$366,ROW(INDEX(Jesper!AL$2:AL$366,ROUNDDOWN($C3824/24,0)+1,1))-1)+IF('Standard Profiles'!$G$22=$B$10,7,0)+IF('Standard Profiles'!$G$22=$B$17,14,0)+IF('Standard Profiles'!$G$22=$B$24,21,0),MOD($C3824,24)+1)/SUM(INDEX($D$3:$AA$30,INDEX(Jesper!$R$2:$R$366,ROW(INDEX(Jesper!AL$2:AL$366,ROUNDDOWN($C3824/24,0)+1,1))-1)+IF('Standard Profiles'!$G$22=$B$10,7,0)+IF('Standard Profiles'!$G$22=$B$17,14,0)+IF('Standard Profiles'!$G$22=$B$24,21,0),0)),0)</f>
        <v>0</v>
      </c>
      <c r="I3824">
        <f t="shared" si="433"/>
        <v>0.21614480112697471</v>
      </c>
      <c r="J3824">
        <f t="shared" si="434"/>
        <v>0.72048267042324909</v>
      </c>
      <c r="K3824">
        <f t="shared" si="435"/>
        <v>1.0807240056348735</v>
      </c>
      <c r="L3824">
        <f t="shared" si="436"/>
        <v>5.1874752270473934</v>
      </c>
      <c r="M3824">
        <f t="shared" si="437"/>
        <v>0</v>
      </c>
      <c r="N3824" s="46">
        <f t="shared" si="438"/>
        <v>45449.916666657475</v>
      </c>
    </row>
    <row r="3825" spans="2:14" x14ac:dyDescent="0.3">
      <c r="B3825">
        <f t="shared" si="432"/>
        <v>4</v>
      </c>
      <c r="C3825" s="16">
        <v>3791</v>
      </c>
      <c r="D3825" cm="1">
        <f t="array" ref="D3825">IFERROR(INDEX(Jesper!AH$2:AH$366,ROUNDDOWN($C3825/24,0)+1,1)*INDEX($D$3:$AA$30,INDEX(Jesper!$R$2:$R$366,ROW(INDEX(Jesper!AH$2:AH$366,ROUNDDOWN($C3825/24,0)+1,1))-1)+IF('Standard Profiles'!$G$18=$B$10,7,0)+IF('Standard Profiles'!$G$18=$B$17,14,0)+IF('Standard Profiles'!$G$18=$B$24,21,0),MOD($C3825,24)+1)/SUM(INDEX($D$3:$AA$30,INDEX(Jesper!$R$2:$R$366,ROW(INDEX(Jesper!AH$2:AH$366,ROUNDDOWN($C3825/24,0)+1,1))-1)+IF('Standard Profiles'!$G$18=$B$10,7,0)+IF('Standard Profiles'!$G$18=$B$17,14,0)+IF('Standard Profiles'!$G$18=$B$24,21,0),0)),0)</f>
        <v>7.2048267042324907</v>
      </c>
      <c r="E3825" cm="1">
        <f t="array" ref="E3825">IFERROR(INDEX(Jesper!AI$2:AI$366,ROUNDDOWN($C3825/24,0)+1,1)*INDEX($D$3:$AA$30,INDEX(Jesper!$R$2:$R$366,ROW(INDEX(Jesper!AI$2:AI$366,ROUNDDOWN($C3825/24,0)+1,1))-1)+IF('Standard Profiles'!$G$19=$B$10,7,0)+IF('Standard Profiles'!$G$19=$B$17,14,0)+IF('Standard Profiles'!$G$19=$B$24,21,0),MOD($C3825,24)+1)/SUM(INDEX($D$3:$AA$30,INDEX(Jesper!$R$2:$R$366,ROW(INDEX(Jesper!AI$2:AI$366,ROUNDDOWN($C3825/24,0)+1,1))-1)+IF('Standard Profiles'!$G$19=$B$10,7,0)+IF('Standard Profiles'!$G$19=$B$17,14,0)+IF('Standard Profiles'!$G$19=$B$24,21,0),0)),0)</f>
        <v>0</v>
      </c>
      <c r="F3825" cm="1">
        <f t="array" ref="F3825">IFERROR(INDEX(Jesper!AJ$2:AJ$366,ROUNDDOWN($C3825/24,0)+1,1)*INDEX($D$3:$AA$30,INDEX(Jesper!$R$2:$R$366,ROW(INDEX(Jesper!AJ$2:AJ$366,ROUNDDOWN($C3825/24,0)+1,1))-1)+IF('Standard Profiles'!$G$20=$B$10,7,0)+IF('Standard Profiles'!$G$20=$B$17,14,0)+IF('Standard Profiles'!$G$20=$B$24,21,0),MOD($C3825,24)+1)/SUM(INDEX($D$3:$AA$30,INDEX(Jesper!$R$2:$R$366,ROW(INDEX(Jesper!AJ$2:AJ$366,ROUNDDOWN($C3825/24,0)+1,1))-1)+IF('Standard Profiles'!$G$20=$B$10,7,0)+IF('Standard Profiles'!$G$20=$B$17,14,0)+IF('Standard Profiles'!$G$20=$B$24,21,0),0)),0)</f>
        <v>0</v>
      </c>
      <c r="G3825" cm="1">
        <f t="array" ref="G3825">IFERROR(INDEX(Jesper!AK$2:AK$366,ROUNDDOWN($C3825/24,0)+1,1)*INDEX($D$3:$AA$30,INDEX(Jesper!$R$2:$R$366,ROW(INDEX(Jesper!AK$2:AK$366,ROUNDDOWN($C3825/24,0)+1,1))-1)+IF('Standard Profiles'!$G$21=$B$10,7,0)+IF('Standard Profiles'!$G$21=$B$17,14,0)+IF('Standard Profiles'!$G$21=$B$24,21,0),MOD($C3825,24)+1)/SUM(INDEX($D$3:$AA$30,INDEX(Jesper!$R$2:$R$366,ROW(INDEX(Jesper!AK$2:AK$366,ROUNDDOWN($C3825/24,0)+1,1))-1)+IF('Standard Profiles'!$G$21=$B$10,7,0)+IF('Standard Profiles'!$G$21=$B$17,14,0)+IF('Standard Profiles'!$G$21=$B$24,21,0),0)),0)</f>
        <v>0</v>
      </c>
      <c r="H3825" cm="1">
        <f t="array" ref="H3825">IFERROR(INDEX(Jesper!AL$2:AL$366,ROUNDDOWN($C3825/24,0)+1,1)*INDEX($D$3:$AA$30,INDEX(Jesper!$R$2:$R$366,ROW(INDEX(Jesper!AL$2:AL$366,ROUNDDOWN($C3825/24,0)+1,1))-1)+IF('Standard Profiles'!$G$22=$B$10,7,0)+IF('Standard Profiles'!$G$22=$B$17,14,0)+IF('Standard Profiles'!$G$22=$B$24,21,0),MOD($C3825,24)+1)/SUM(INDEX($D$3:$AA$30,INDEX(Jesper!$R$2:$R$366,ROW(INDEX(Jesper!AL$2:AL$366,ROUNDDOWN($C3825/24,0)+1,1))-1)+IF('Standard Profiles'!$G$22=$B$10,7,0)+IF('Standard Profiles'!$G$22=$B$17,14,0)+IF('Standard Profiles'!$G$22=$B$24,21,0),0)),0)</f>
        <v>0</v>
      </c>
      <c r="I3825">
        <f t="shared" si="433"/>
        <v>0.21614480112697471</v>
      </c>
      <c r="J3825">
        <f t="shared" si="434"/>
        <v>0.72048267042324909</v>
      </c>
      <c r="K3825">
        <f t="shared" si="435"/>
        <v>1.0807240056348735</v>
      </c>
      <c r="L3825">
        <f t="shared" si="436"/>
        <v>5.1874752270473934</v>
      </c>
      <c r="M3825">
        <f t="shared" si="437"/>
        <v>0</v>
      </c>
      <c r="N3825" s="46">
        <f t="shared" si="438"/>
        <v>45449.958333324139</v>
      </c>
    </row>
    <row r="3826" spans="2:14" x14ac:dyDescent="0.3">
      <c r="B3826">
        <f t="shared" si="432"/>
        <v>5</v>
      </c>
      <c r="C3826" s="16">
        <v>3792</v>
      </c>
      <c r="D3826" cm="1">
        <f t="array" ref="D3826">IFERROR(INDEX(Jesper!AH$2:AH$366,ROUNDDOWN($C3826/24,0)+1,1)*INDEX($D$3:$AA$30,INDEX(Jesper!$R$2:$R$366,ROW(INDEX(Jesper!AH$2:AH$366,ROUNDDOWN($C3826/24,0)+1,1))-1)+IF('Standard Profiles'!$G$18=$B$10,7,0)+IF('Standard Profiles'!$G$18=$B$17,14,0)+IF('Standard Profiles'!$G$18=$B$24,21,0),MOD($C3826,24)+1)/SUM(INDEX($D$3:$AA$30,INDEX(Jesper!$R$2:$R$366,ROW(INDEX(Jesper!AH$2:AH$366,ROUNDDOWN($C3826/24,0)+1,1))-1)+IF('Standard Profiles'!$G$18=$B$10,7,0)+IF('Standard Profiles'!$G$18=$B$17,14,0)+IF('Standard Profiles'!$G$18=$B$24,21,0),0)),0)</f>
        <v>7.8729048303627325</v>
      </c>
      <c r="E3826" cm="1">
        <f t="array" ref="E3826">IFERROR(INDEX(Jesper!AI$2:AI$366,ROUNDDOWN($C3826/24,0)+1,1)*INDEX($D$3:$AA$30,INDEX(Jesper!$R$2:$R$366,ROW(INDEX(Jesper!AI$2:AI$366,ROUNDDOWN($C3826/24,0)+1,1))-1)+IF('Standard Profiles'!$G$19=$B$10,7,0)+IF('Standard Profiles'!$G$19=$B$17,14,0)+IF('Standard Profiles'!$G$19=$B$24,21,0),MOD($C3826,24)+1)/SUM(INDEX($D$3:$AA$30,INDEX(Jesper!$R$2:$R$366,ROW(INDEX(Jesper!AI$2:AI$366,ROUNDDOWN($C3826/24,0)+1,1))-1)+IF('Standard Profiles'!$G$19=$B$10,7,0)+IF('Standard Profiles'!$G$19=$B$17,14,0)+IF('Standard Profiles'!$G$19=$B$24,21,0),0)),0)</f>
        <v>0</v>
      </c>
      <c r="F3826" cm="1">
        <f t="array" ref="F3826">IFERROR(INDEX(Jesper!AJ$2:AJ$366,ROUNDDOWN($C3826/24,0)+1,1)*INDEX($D$3:$AA$30,INDEX(Jesper!$R$2:$R$366,ROW(INDEX(Jesper!AJ$2:AJ$366,ROUNDDOWN($C3826/24,0)+1,1))-1)+IF('Standard Profiles'!$G$20=$B$10,7,0)+IF('Standard Profiles'!$G$20=$B$17,14,0)+IF('Standard Profiles'!$G$20=$B$24,21,0),MOD($C3826,24)+1)/SUM(INDEX($D$3:$AA$30,INDEX(Jesper!$R$2:$R$366,ROW(INDEX(Jesper!AJ$2:AJ$366,ROUNDDOWN($C3826/24,0)+1,1))-1)+IF('Standard Profiles'!$G$20=$B$10,7,0)+IF('Standard Profiles'!$G$20=$B$17,14,0)+IF('Standard Profiles'!$G$20=$B$24,21,0),0)),0)</f>
        <v>0</v>
      </c>
      <c r="G3826" cm="1">
        <f t="array" ref="G3826">IFERROR(INDEX(Jesper!AK$2:AK$366,ROUNDDOWN($C3826/24,0)+1,1)*INDEX($D$3:$AA$30,INDEX(Jesper!$R$2:$R$366,ROW(INDEX(Jesper!AK$2:AK$366,ROUNDDOWN($C3826/24,0)+1,1))-1)+IF('Standard Profiles'!$G$21=$B$10,7,0)+IF('Standard Profiles'!$G$21=$B$17,14,0)+IF('Standard Profiles'!$G$21=$B$24,21,0),MOD($C3826,24)+1)/SUM(INDEX($D$3:$AA$30,INDEX(Jesper!$R$2:$R$366,ROW(INDEX(Jesper!AK$2:AK$366,ROUNDDOWN($C3826/24,0)+1,1))-1)+IF('Standard Profiles'!$G$21=$B$10,7,0)+IF('Standard Profiles'!$G$21=$B$17,14,0)+IF('Standard Profiles'!$G$21=$B$24,21,0),0)),0)</f>
        <v>0</v>
      </c>
      <c r="H3826" cm="1">
        <f t="array" ref="H3826">IFERROR(INDEX(Jesper!AL$2:AL$366,ROUNDDOWN($C3826/24,0)+1,1)*INDEX($D$3:$AA$30,INDEX(Jesper!$R$2:$R$366,ROW(INDEX(Jesper!AL$2:AL$366,ROUNDDOWN($C3826/24,0)+1,1))-1)+IF('Standard Profiles'!$G$22=$B$10,7,0)+IF('Standard Profiles'!$G$22=$B$17,14,0)+IF('Standard Profiles'!$G$22=$B$24,21,0),MOD($C3826,24)+1)/SUM(INDEX($D$3:$AA$30,INDEX(Jesper!$R$2:$R$366,ROW(INDEX(Jesper!AL$2:AL$366,ROUNDDOWN($C3826/24,0)+1,1))-1)+IF('Standard Profiles'!$G$22=$B$10,7,0)+IF('Standard Profiles'!$G$22=$B$17,14,0)+IF('Standard Profiles'!$G$22=$B$24,21,0),0)),0)</f>
        <v>0</v>
      </c>
      <c r="I3826">
        <f t="shared" si="433"/>
        <v>0.23618714491088197</v>
      </c>
      <c r="J3826">
        <f t="shared" si="434"/>
        <v>0.78729048303627325</v>
      </c>
      <c r="K3826">
        <f t="shared" si="435"/>
        <v>1.1809357245544099</v>
      </c>
      <c r="L3826">
        <f t="shared" si="436"/>
        <v>5.668491477861167</v>
      </c>
      <c r="M3826">
        <f t="shared" si="437"/>
        <v>0</v>
      </c>
      <c r="N3826" s="46">
        <f t="shared" si="438"/>
        <v>45449.999999990803</v>
      </c>
    </row>
    <row r="3827" spans="2:14" x14ac:dyDescent="0.3">
      <c r="B3827">
        <f t="shared" si="432"/>
        <v>5</v>
      </c>
      <c r="C3827" s="16">
        <v>3793</v>
      </c>
      <c r="D3827" cm="1">
        <f t="array" ref="D3827">IFERROR(INDEX(Jesper!AH$2:AH$366,ROUNDDOWN($C3827/24,0)+1,1)*INDEX($D$3:$AA$30,INDEX(Jesper!$R$2:$R$366,ROW(INDEX(Jesper!AH$2:AH$366,ROUNDDOWN($C3827/24,0)+1,1))-1)+IF('Standard Profiles'!$G$18=$B$10,7,0)+IF('Standard Profiles'!$G$18=$B$17,14,0)+IF('Standard Profiles'!$G$18=$B$24,21,0),MOD($C3827,24)+1)/SUM(INDEX($D$3:$AA$30,INDEX(Jesper!$R$2:$R$366,ROW(INDEX(Jesper!AH$2:AH$366,ROUNDDOWN($C3827/24,0)+1,1))-1)+IF('Standard Profiles'!$G$18=$B$10,7,0)+IF('Standard Profiles'!$G$18=$B$17,14,0)+IF('Standard Profiles'!$G$18=$B$24,21,0),0)),0)</f>
        <v>7.8729048303627325</v>
      </c>
      <c r="E3827" cm="1">
        <f t="array" ref="E3827">IFERROR(INDEX(Jesper!AI$2:AI$366,ROUNDDOWN($C3827/24,0)+1,1)*INDEX($D$3:$AA$30,INDEX(Jesper!$R$2:$R$366,ROW(INDEX(Jesper!AI$2:AI$366,ROUNDDOWN($C3827/24,0)+1,1))-1)+IF('Standard Profiles'!$G$19=$B$10,7,0)+IF('Standard Profiles'!$G$19=$B$17,14,0)+IF('Standard Profiles'!$G$19=$B$24,21,0),MOD($C3827,24)+1)/SUM(INDEX($D$3:$AA$30,INDEX(Jesper!$R$2:$R$366,ROW(INDEX(Jesper!AI$2:AI$366,ROUNDDOWN($C3827/24,0)+1,1))-1)+IF('Standard Profiles'!$G$19=$B$10,7,0)+IF('Standard Profiles'!$G$19=$B$17,14,0)+IF('Standard Profiles'!$G$19=$B$24,21,0),0)),0)</f>
        <v>0</v>
      </c>
      <c r="F3827" cm="1">
        <f t="array" ref="F3827">IFERROR(INDEX(Jesper!AJ$2:AJ$366,ROUNDDOWN($C3827/24,0)+1,1)*INDEX($D$3:$AA$30,INDEX(Jesper!$R$2:$R$366,ROW(INDEX(Jesper!AJ$2:AJ$366,ROUNDDOWN($C3827/24,0)+1,1))-1)+IF('Standard Profiles'!$G$20=$B$10,7,0)+IF('Standard Profiles'!$G$20=$B$17,14,0)+IF('Standard Profiles'!$G$20=$B$24,21,0),MOD($C3827,24)+1)/SUM(INDEX($D$3:$AA$30,INDEX(Jesper!$R$2:$R$366,ROW(INDEX(Jesper!AJ$2:AJ$366,ROUNDDOWN($C3827/24,0)+1,1))-1)+IF('Standard Profiles'!$G$20=$B$10,7,0)+IF('Standard Profiles'!$G$20=$B$17,14,0)+IF('Standard Profiles'!$G$20=$B$24,21,0),0)),0)</f>
        <v>0</v>
      </c>
      <c r="G3827" cm="1">
        <f t="array" ref="G3827">IFERROR(INDEX(Jesper!AK$2:AK$366,ROUNDDOWN($C3827/24,0)+1,1)*INDEX($D$3:$AA$30,INDEX(Jesper!$R$2:$R$366,ROW(INDEX(Jesper!AK$2:AK$366,ROUNDDOWN($C3827/24,0)+1,1))-1)+IF('Standard Profiles'!$G$21=$B$10,7,0)+IF('Standard Profiles'!$G$21=$B$17,14,0)+IF('Standard Profiles'!$G$21=$B$24,21,0),MOD($C3827,24)+1)/SUM(INDEX($D$3:$AA$30,INDEX(Jesper!$R$2:$R$366,ROW(INDEX(Jesper!AK$2:AK$366,ROUNDDOWN($C3827/24,0)+1,1))-1)+IF('Standard Profiles'!$G$21=$B$10,7,0)+IF('Standard Profiles'!$G$21=$B$17,14,0)+IF('Standard Profiles'!$G$21=$B$24,21,0),0)),0)</f>
        <v>0</v>
      </c>
      <c r="H3827" cm="1">
        <f t="array" ref="H3827">IFERROR(INDEX(Jesper!AL$2:AL$366,ROUNDDOWN($C3827/24,0)+1,1)*INDEX($D$3:$AA$30,INDEX(Jesper!$R$2:$R$366,ROW(INDEX(Jesper!AL$2:AL$366,ROUNDDOWN($C3827/24,0)+1,1))-1)+IF('Standard Profiles'!$G$22=$B$10,7,0)+IF('Standard Profiles'!$G$22=$B$17,14,0)+IF('Standard Profiles'!$G$22=$B$24,21,0),MOD($C3827,24)+1)/SUM(INDEX($D$3:$AA$30,INDEX(Jesper!$R$2:$R$366,ROW(INDEX(Jesper!AL$2:AL$366,ROUNDDOWN($C3827/24,0)+1,1))-1)+IF('Standard Profiles'!$G$22=$B$10,7,0)+IF('Standard Profiles'!$G$22=$B$17,14,0)+IF('Standard Profiles'!$G$22=$B$24,21,0),0)),0)</f>
        <v>0</v>
      </c>
      <c r="I3827">
        <f t="shared" si="433"/>
        <v>0.23618714491088197</v>
      </c>
      <c r="J3827">
        <f t="shared" si="434"/>
        <v>0.78729048303627325</v>
      </c>
      <c r="K3827">
        <f t="shared" si="435"/>
        <v>1.1809357245544099</v>
      </c>
      <c r="L3827">
        <f t="shared" si="436"/>
        <v>5.668491477861167</v>
      </c>
      <c r="M3827">
        <f t="shared" si="437"/>
        <v>0</v>
      </c>
      <c r="N3827" s="46">
        <f t="shared" si="438"/>
        <v>45450.041666657467</v>
      </c>
    </row>
    <row r="3828" spans="2:14" x14ac:dyDescent="0.3">
      <c r="B3828">
        <f t="shared" si="432"/>
        <v>5</v>
      </c>
      <c r="C3828" s="16">
        <v>3794</v>
      </c>
      <c r="D3828" cm="1">
        <f t="array" ref="D3828">IFERROR(INDEX(Jesper!AH$2:AH$366,ROUNDDOWN($C3828/24,0)+1,1)*INDEX($D$3:$AA$30,INDEX(Jesper!$R$2:$R$366,ROW(INDEX(Jesper!AH$2:AH$366,ROUNDDOWN($C3828/24,0)+1,1))-1)+IF('Standard Profiles'!$G$18=$B$10,7,0)+IF('Standard Profiles'!$G$18=$B$17,14,0)+IF('Standard Profiles'!$G$18=$B$24,21,0),MOD($C3828,24)+1)/SUM(INDEX($D$3:$AA$30,INDEX(Jesper!$R$2:$R$366,ROW(INDEX(Jesper!AH$2:AH$366,ROUNDDOWN($C3828/24,0)+1,1))-1)+IF('Standard Profiles'!$G$18=$B$10,7,0)+IF('Standard Profiles'!$G$18=$B$17,14,0)+IF('Standard Profiles'!$G$18=$B$24,21,0),0)),0)</f>
        <v>7.8729048303627325</v>
      </c>
      <c r="E3828" cm="1">
        <f t="array" ref="E3828">IFERROR(INDEX(Jesper!AI$2:AI$366,ROUNDDOWN($C3828/24,0)+1,1)*INDEX($D$3:$AA$30,INDEX(Jesper!$R$2:$R$366,ROW(INDEX(Jesper!AI$2:AI$366,ROUNDDOWN($C3828/24,0)+1,1))-1)+IF('Standard Profiles'!$G$19=$B$10,7,0)+IF('Standard Profiles'!$G$19=$B$17,14,0)+IF('Standard Profiles'!$G$19=$B$24,21,0),MOD($C3828,24)+1)/SUM(INDEX($D$3:$AA$30,INDEX(Jesper!$R$2:$R$366,ROW(INDEX(Jesper!AI$2:AI$366,ROUNDDOWN($C3828/24,0)+1,1))-1)+IF('Standard Profiles'!$G$19=$B$10,7,0)+IF('Standard Profiles'!$G$19=$B$17,14,0)+IF('Standard Profiles'!$G$19=$B$24,21,0),0)),0)</f>
        <v>0</v>
      </c>
      <c r="F3828" cm="1">
        <f t="array" ref="F3828">IFERROR(INDEX(Jesper!AJ$2:AJ$366,ROUNDDOWN($C3828/24,0)+1,1)*INDEX($D$3:$AA$30,INDEX(Jesper!$R$2:$R$366,ROW(INDEX(Jesper!AJ$2:AJ$366,ROUNDDOWN($C3828/24,0)+1,1))-1)+IF('Standard Profiles'!$G$20=$B$10,7,0)+IF('Standard Profiles'!$G$20=$B$17,14,0)+IF('Standard Profiles'!$G$20=$B$24,21,0),MOD($C3828,24)+1)/SUM(INDEX($D$3:$AA$30,INDEX(Jesper!$R$2:$R$366,ROW(INDEX(Jesper!AJ$2:AJ$366,ROUNDDOWN($C3828/24,0)+1,1))-1)+IF('Standard Profiles'!$G$20=$B$10,7,0)+IF('Standard Profiles'!$G$20=$B$17,14,0)+IF('Standard Profiles'!$G$20=$B$24,21,0),0)),0)</f>
        <v>0</v>
      </c>
      <c r="G3828" cm="1">
        <f t="array" ref="G3828">IFERROR(INDEX(Jesper!AK$2:AK$366,ROUNDDOWN($C3828/24,0)+1,1)*INDEX($D$3:$AA$30,INDEX(Jesper!$R$2:$R$366,ROW(INDEX(Jesper!AK$2:AK$366,ROUNDDOWN($C3828/24,0)+1,1))-1)+IF('Standard Profiles'!$G$21=$B$10,7,0)+IF('Standard Profiles'!$G$21=$B$17,14,0)+IF('Standard Profiles'!$G$21=$B$24,21,0),MOD($C3828,24)+1)/SUM(INDEX($D$3:$AA$30,INDEX(Jesper!$R$2:$R$366,ROW(INDEX(Jesper!AK$2:AK$366,ROUNDDOWN($C3828/24,0)+1,1))-1)+IF('Standard Profiles'!$G$21=$B$10,7,0)+IF('Standard Profiles'!$G$21=$B$17,14,0)+IF('Standard Profiles'!$G$21=$B$24,21,0),0)),0)</f>
        <v>0</v>
      </c>
      <c r="H3828" cm="1">
        <f t="array" ref="H3828">IFERROR(INDEX(Jesper!AL$2:AL$366,ROUNDDOWN($C3828/24,0)+1,1)*INDEX($D$3:$AA$30,INDEX(Jesper!$R$2:$R$366,ROW(INDEX(Jesper!AL$2:AL$366,ROUNDDOWN($C3828/24,0)+1,1))-1)+IF('Standard Profiles'!$G$22=$B$10,7,0)+IF('Standard Profiles'!$G$22=$B$17,14,0)+IF('Standard Profiles'!$G$22=$B$24,21,0),MOD($C3828,24)+1)/SUM(INDEX($D$3:$AA$30,INDEX(Jesper!$R$2:$R$366,ROW(INDEX(Jesper!AL$2:AL$366,ROUNDDOWN($C3828/24,0)+1,1))-1)+IF('Standard Profiles'!$G$22=$B$10,7,0)+IF('Standard Profiles'!$G$22=$B$17,14,0)+IF('Standard Profiles'!$G$22=$B$24,21,0),0)),0)</f>
        <v>0</v>
      </c>
      <c r="I3828">
        <f t="shared" si="433"/>
        <v>0.23618714491088197</v>
      </c>
      <c r="J3828">
        <f t="shared" si="434"/>
        <v>0.78729048303627325</v>
      </c>
      <c r="K3828">
        <f t="shared" si="435"/>
        <v>1.1809357245544099</v>
      </c>
      <c r="L3828">
        <f t="shared" si="436"/>
        <v>5.668491477861167</v>
      </c>
      <c r="M3828">
        <f t="shared" si="437"/>
        <v>0</v>
      </c>
      <c r="N3828" s="46">
        <f t="shared" si="438"/>
        <v>45450.083333324132</v>
      </c>
    </row>
    <row r="3829" spans="2:14" x14ac:dyDescent="0.3">
      <c r="B3829">
        <f t="shared" si="432"/>
        <v>5</v>
      </c>
      <c r="C3829" s="16">
        <v>3795</v>
      </c>
      <c r="D3829" cm="1">
        <f t="array" ref="D3829">IFERROR(INDEX(Jesper!AH$2:AH$366,ROUNDDOWN($C3829/24,0)+1,1)*INDEX($D$3:$AA$30,INDEX(Jesper!$R$2:$R$366,ROW(INDEX(Jesper!AH$2:AH$366,ROUNDDOWN($C3829/24,0)+1,1))-1)+IF('Standard Profiles'!$G$18=$B$10,7,0)+IF('Standard Profiles'!$G$18=$B$17,14,0)+IF('Standard Profiles'!$G$18=$B$24,21,0),MOD($C3829,24)+1)/SUM(INDEX($D$3:$AA$30,INDEX(Jesper!$R$2:$R$366,ROW(INDEX(Jesper!AH$2:AH$366,ROUNDDOWN($C3829/24,0)+1,1))-1)+IF('Standard Profiles'!$G$18=$B$10,7,0)+IF('Standard Profiles'!$G$18=$B$17,14,0)+IF('Standard Profiles'!$G$18=$B$24,21,0),0)),0)</f>
        <v>7.8729048303627325</v>
      </c>
      <c r="E3829" cm="1">
        <f t="array" ref="E3829">IFERROR(INDEX(Jesper!AI$2:AI$366,ROUNDDOWN($C3829/24,0)+1,1)*INDEX($D$3:$AA$30,INDEX(Jesper!$R$2:$R$366,ROW(INDEX(Jesper!AI$2:AI$366,ROUNDDOWN($C3829/24,0)+1,1))-1)+IF('Standard Profiles'!$G$19=$B$10,7,0)+IF('Standard Profiles'!$G$19=$B$17,14,0)+IF('Standard Profiles'!$G$19=$B$24,21,0),MOD($C3829,24)+1)/SUM(INDEX($D$3:$AA$30,INDEX(Jesper!$R$2:$R$366,ROW(INDEX(Jesper!AI$2:AI$366,ROUNDDOWN($C3829/24,0)+1,1))-1)+IF('Standard Profiles'!$G$19=$B$10,7,0)+IF('Standard Profiles'!$G$19=$B$17,14,0)+IF('Standard Profiles'!$G$19=$B$24,21,0),0)),0)</f>
        <v>0</v>
      </c>
      <c r="F3829" cm="1">
        <f t="array" ref="F3829">IFERROR(INDEX(Jesper!AJ$2:AJ$366,ROUNDDOWN($C3829/24,0)+1,1)*INDEX($D$3:$AA$30,INDEX(Jesper!$R$2:$R$366,ROW(INDEX(Jesper!AJ$2:AJ$366,ROUNDDOWN($C3829/24,0)+1,1))-1)+IF('Standard Profiles'!$G$20=$B$10,7,0)+IF('Standard Profiles'!$G$20=$B$17,14,0)+IF('Standard Profiles'!$G$20=$B$24,21,0),MOD($C3829,24)+1)/SUM(INDEX($D$3:$AA$30,INDEX(Jesper!$R$2:$R$366,ROW(INDEX(Jesper!AJ$2:AJ$366,ROUNDDOWN($C3829/24,0)+1,1))-1)+IF('Standard Profiles'!$G$20=$B$10,7,0)+IF('Standard Profiles'!$G$20=$B$17,14,0)+IF('Standard Profiles'!$G$20=$B$24,21,0),0)),0)</f>
        <v>0</v>
      </c>
      <c r="G3829" cm="1">
        <f t="array" ref="G3829">IFERROR(INDEX(Jesper!AK$2:AK$366,ROUNDDOWN($C3829/24,0)+1,1)*INDEX($D$3:$AA$30,INDEX(Jesper!$R$2:$R$366,ROW(INDEX(Jesper!AK$2:AK$366,ROUNDDOWN($C3829/24,0)+1,1))-1)+IF('Standard Profiles'!$G$21=$B$10,7,0)+IF('Standard Profiles'!$G$21=$B$17,14,0)+IF('Standard Profiles'!$G$21=$B$24,21,0),MOD($C3829,24)+1)/SUM(INDEX($D$3:$AA$30,INDEX(Jesper!$R$2:$R$366,ROW(INDEX(Jesper!AK$2:AK$366,ROUNDDOWN($C3829/24,0)+1,1))-1)+IF('Standard Profiles'!$G$21=$B$10,7,0)+IF('Standard Profiles'!$G$21=$B$17,14,0)+IF('Standard Profiles'!$G$21=$B$24,21,0),0)),0)</f>
        <v>0</v>
      </c>
      <c r="H3829" cm="1">
        <f t="array" ref="H3829">IFERROR(INDEX(Jesper!AL$2:AL$366,ROUNDDOWN($C3829/24,0)+1,1)*INDEX($D$3:$AA$30,INDEX(Jesper!$R$2:$R$366,ROW(INDEX(Jesper!AL$2:AL$366,ROUNDDOWN($C3829/24,0)+1,1))-1)+IF('Standard Profiles'!$G$22=$B$10,7,0)+IF('Standard Profiles'!$G$22=$B$17,14,0)+IF('Standard Profiles'!$G$22=$B$24,21,0),MOD($C3829,24)+1)/SUM(INDEX($D$3:$AA$30,INDEX(Jesper!$R$2:$R$366,ROW(INDEX(Jesper!AL$2:AL$366,ROUNDDOWN($C3829/24,0)+1,1))-1)+IF('Standard Profiles'!$G$22=$B$10,7,0)+IF('Standard Profiles'!$G$22=$B$17,14,0)+IF('Standard Profiles'!$G$22=$B$24,21,0),0)),0)</f>
        <v>0</v>
      </c>
      <c r="I3829">
        <f t="shared" si="433"/>
        <v>0.23618714491088197</v>
      </c>
      <c r="J3829">
        <f t="shared" si="434"/>
        <v>0.78729048303627325</v>
      </c>
      <c r="K3829">
        <f t="shared" si="435"/>
        <v>1.1809357245544099</v>
      </c>
      <c r="L3829">
        <f t="shared" si="436"/>
        <v>5.668491477861167</v>
      </c>
      <c r="M3829">
        <f t="shared" si="437"/>
        <v>0</v>
      </c>
      <c r="N3829" s="46">
        <f t="shared" si="438"/>
        <v>45450.124999990796</v>
      </c>
    </row>
    <row r="3830" spans="2:14" x14ac:dyDescent="0.3">
      <c r="B3830">
        <f t="shared" si="432"/>
        <v>5</v>
      </c>
      <c r="C3830" s="16">
        <v>3796</v>
      </c>
      <c r="D3830" cm="1">
        <f t="array" ref="D3830">IFERROR(INDEX(Jesper!AH$2:AH$366,ROUNDDOWN($C3830/24,0)+1,1)*INDEX($D$3:$AA$30,INDEX(Jesper!$R$2:$R$366,ROW(INDEX(Jesper!AH$2:AH$366,ROUNDDOWN($C3830/24,0)+1,1))-1)+IF('Standard Profiles'!$G$18=$B$10,7,0)+IF('Standard Profiles'!$G$18=$B$17,14,0)+IF('Standard Profiles'!$G$18=$B$24,21,0),MOD($C3830,24)+1)/SUM(INDEX($D$3:$AA$30,INDEX(Jesper!$R$2:$R$366,ROW(INDEX(Jesper!AH$2:AH$366,ROUNDDOWN($C3830/24,0)+1,1))-1)+IF('Standard Profiles'!$G$18=$B$10,7,0)+IF('Standard Profiles'!$G$18=$B$17,14,0)+IF('Standard Profiles'!$G$18=$B$24,21,0),0)),0)</f>
        <v>7.8729048303627325</v>
      </c>
      <c r="E3830" cm="1">
        <f t="array" ref="E3830">IFERROR(INDEX(Jesper!AI$2:AI$366,ROUNDDOWN($C3830/24,0)+1,1)*INDEX($D$3:$AA$30,INDEX(Jesper!$R$2:$R$366,ROW(INDEX(Jesper!AI$2:AI$366,ROUNDDOWN($C3830/24,0)+1,1))-1)+IF('Standard Profiles'!$G$19=$B$10,7,0)+IF('Standard Profiles'!$G$19=$B$17,14,0)+IF('Standard Profiles'!$G$19=$B$24,21,0),MOD($C3830,24)+1)/SUM(INDEX($D$3:$AA$30,INDEX(Jesper!$R$2:$R$366,ROW(INDEX(Jesper!AI$2:AI$366,ROUNDDOWN($C3830/24,0)+1,1))-1)+IF('Standard Profiles'!$G$19=$B$10,7,0)+IF('Standard Profiles'!$G$19=$B$17,14,0)+IF('Standard Profiles'!$G$19=$B$24,21,0),0)),0)</f>
        <v>0</v>
      </c>
      <c r="F3830" cm="1">
        <f t="array" ref="F3830">IFERROR(INDEX(Jesper!AJ$2:AJ$366,ROUNDDOWN($C3830/24,0)+1,1)*INDEX($D$3:$AA$30,INDEX(Jesper!$R$2:$R$366,ROW(INDEX(Jesper!AJ$2:AJ$366,ROUNDDOWN($C3830/24,0)+1,1))-1)+IF('Standard Profiles'!$G$20=$B$10,7,0)+IF('Standard Profiles'!$G$20=$B$17,14,0)+IF('Standard Profiles'!$G$20=$B$24,21,0),MOD($C3830,24)+1)/SUM(INDEX($D$3:$AA$30,INDEX(Jesper!$R$2:$R$366,ROW(INDEX(Jesper!AJ$2:AJ$366,ROUNDDOWN($C3830/24,0)+1,1))-1)+IF('Standard Profiles'!$G$20=$B$10,7,0)+IF('Standard Profiles'!$G$20=$B$17,14,0)+IF('Standard Profiles'!$G$20=$B$24,21,0),0)),0)</f>
        <v>0</v>
      </c>
      <c r="G3830" cm="1">
        <f t="array" ref="G3830">IFERROR(INDEX(Jesper!AK$2:AK$366,ROUNDDOWN($C3830/24,0)+1,1)*INDEX($D$3:$AA$30,INDEX(Jesper!$R$2:$R$366,ROW(INDEX(Jesper!AK$2:AK$366,ROUNDDOWN($C3830/24,0)+1,1))-1)+IF('Standard Profiles'!$G$21=$B$10,7,0)+IF('Standard Profiles'!$G$21=$B$17,14,0)+IF('Standard Profiles'!$G$21=$B$24,21,0),MOD($C3830,24)+1)/SUM(INDEX($D$3:$AA$30,INDEX(Jesper!$R$2:$R$366,ROW(INDEX(Jesper!AK$2:AK$366,ROUNDDOWN($C3830/24,0)+1,1))-1)+IF('Standard Profiles'!$G$21=$B$10,7,0)+IF('Standard Profiles'!$G$21=$B$17,14,0)+IF('Standard Profiles'!$G$21=$B$24,21,0),0)),0)</f>
        <v>0</v>
      </c>
      <c r="H3830" cm="1">
        <f t="array" ref="H3830">IFERROR(INDEX(Jesper!AL$2:AL$366,ROUNDDOWN($C3830/24,0)+1,1)*INDEX($D$3:$AA$30,INDEX(Jesper!$R$2:$R$366,ROW(INDEX(Jesper!AL$2:AL$366,ROUNDDOWN($C3830/24,0)+1,1))-1)+IF('Standard Profiles'!$G$22=$B$10,7,0)+IF('Standard Profiles'!$G$22=$B$17,14,0)+IF('Standard Profiles'!$G$22=$B$24,21,0),MOD($C3830,24)+1)/SUM(INDEX($D$3:$AA$30,INDEX(Jesper!$R$2:$R$366,ROW(INDEX(Jesper!AL$2:AL$366,ROUNDDOWN($C3830/24,0)+1,1))-1)+IF('Standard Profiles'!$G$22=$B$10,7,0)+IF('Standard Profiles'!$G$22=$B$17,14,0)+IF('Standard Profiles'!$G$22=$B$24,21,0),0)),0)</f>
        <v>0</v>
      </c>
      <c r="I3830">
        <f t="shared" si="433"/>
        <v>0.23618714491088197</v>
      </c>
      <c r="J3830">
        <f t="shared" si="434"/>
        <v>0.78729048303627325</v>
      </c>
      <c r="K3830">
        <f t="shared" si="435"/>
        <v>1.1809357245544099</v>
      </c>
      <c r="L3830">
        <f t="shared" si="436"/>
        <v>5.668491477861167</v>
      </c>
      <c r="M3830">
        <f t="shared" si="437"/>
        <v>0</v>
      </c>
      <c r="N3830" s="46">
        <f t="shared" si="438"/>
        <v>45450.16666665746</v>
      </c>
    </row>
    <row r="3831" spans="2:14" x14ac:dyDescent="0.3">
      <c r="B3831">
        <f t="shared" si="432"/>
        <v>5</v>
      </c>
      <c r="C3831" s="16">
        <v>3797</v>
      </c>
      <c r="D3831" cm="1">
        <f t="array" ref="D3831">IFERROR(INDEX(Jesper!AH$2:AH$366,ROUNDDOWN($C3831/24,0)+1,1)*INDEX($D$3:$AA$30,INDEX(Jesper!$R$2:$R$366,ROW(INDEX(Jesper!AH$2:AH$366,ROUNDDOWN($C3831/24,0)+1,1))-1)+IF('Standard Profiles'!$G$18=$B$10,7,0)+IF('Standard Profiles'!$G$18=$B$17,14,0)+IF('Standard Profiles'!$G$18=$B$24,21,0),MOD($C3831,24)+1)/SUM(INDEX($D$3:$AA$30,INDEX(Jesper!$R$2:$R$366,ROW(INDEX(Jesper!AH$2:AH$366,ROUNDDOWN($C3831/24,0)+1,1))-1)+IF('Standard Profiles'!$G$18=$B$10,7,0)+IF('Standard Profiles'!$G$18=$B$17,14,0)+IF('Standard Profiles'!$G$18=$B$24,21,0),0)),0)</f>
        <v>10.147299559134188</v>
      </c>
      <c r="E3831" cm="1">
        <f t="array" ref="E3831">IFERROR(INDEX(Jesper!AI$2:AI$366,ROUNDDOWN($C3831/24,0)+1,1)*INDEX($D$3:$AA$30,INDEX(Jesper!$R$2:$R$366,ROW(INDEX(Jesper!AI$2:AI$366,ROUNDDOWN($C3831/24,0)+1,1))-1)+IF('Standard Profiles'!$G$19=$B$10,7,0)+IF('Standard Profiles'!$G$19=$B$17,14,0)+IF('Standard Profiles'!$G$19=$B$24,21,0),MOD($C3831,24)+1)/SUM(INDEX($D$3:$AA$30,INDEX(Jesper!$R$2:$R$366,ROW(INDEX(Jesper!AI$2:AI$366,ROUNDDOWN($C3831/24,0)+1,1))-1)+IF('Standard Profiles'!$G$19=$B$10,7,0)+IF('Standard Profiles'!$G$19=$B$17,14,0)+IF('Standard Profiles'!$G$19=$B$24,21,0),0)),0)</f>
        <v>0</v>
      </c>
      <c r="F3831" cm="1">
        <f t="array" ref="F3831">IFERROR(INDEX(Jesper!AJ$2:AJ$366,ROUNDDOWN($C3831/24,0)+1,1)*INDEX($D$3:$AA$30,INDEX(Jesper!$R$2:$R$366,ROW(INDEX(Jesper!AJ$2:AJ$366,ROUNDDOWN($C3831/24,0)+1,1))-1)+IF('Standard Profiles'!$G$20=$B$10,7,0)+IF('Standard Profiles'!$G$20=$B$17,14,0)+IF('Standard Profiles'!$G$20=$B$24,21,0),MOD($C3831,24)+1)/SUM(INDEX($D$3:$AA$30,INDEX(Jesper!$R$2:$R$366,ROW(INDEX(Jesper!AJ$2:AJ$366,ROUNDDOWN($C3831/24,0)+1,1))-1)+IF('Standard Profiles'!$G$20=$B$10,7,0)+IF('Standard Profiles'!$G$20=$B$17,14,0)+IF('Standard Profiles'!$G$20=$B$24,21,0),0)),0)</f>
        <v>0</v>
      </c>
      <c r="G3831" cm="1">
        <f t="array" ref="G3831">IFERROR(INDEX(Jesper!AK$2:AK$366,ROUNDDOWN($C3831/24,0)+1,1)*INDEX($D$3:$AA$30,INDEX(Jesper!$R$2:$R$366,ROW(INDEX(Jesper!AK$2:AK$366,ROUNDDOWN($C3831/24,0)+1,1))-1)+IF('Standard Profiles'!$G$21=$B$10,7,0)+IF('Standard Profiles'!$G$21=$B$17,14,0)+IF('Standard Profiles'!$G$21=$B$24,21,0),MOD($C3831,24)+1)/SUM(INDEX($D$3:$AA$30,INDEX(Jesper!$R$2:$R$366,ROW(INDEX(Jesper!AK$2:AK$366,ROUNDDOWN($C3831/24,0)+1,1))-1)+IF('Standard Profiles'!$G$21=$B$10,7,0)+IF('Standard Profiles'!$G$21=$B$17,14,0)+IF('Standard Profiles'!$G$21=$B$24,21,0),0)),0)</f>
        <v>0</v>
      </c>
      <c r="H3831" cm="1">
        <f t="array" ref="H3831">IFERROR(INDEX(Jesper!AL$2:AL$366,ROUNDDOWN($C3831/24,0)+1,1)*INDEX($D$3:$AA$30,INDEX(Jesper!$R$2:$R$366,ROW(INDEX(Jesper!AL$2:AL$366,ROUNDDOWN($C3831/24,0)+1,1))-1)+IF('Standard Profiles'!$G$22=$B$10,7,0)+IF('Standard Profiles'!$G$22=$B$17,14,0)+IF('Standard Profiles'!$G$22=$B$24,21,0),MOD($C3831,24)+1)/SUM(INDEX($D$3:$AA$30,INDEX(Jesper!$R$2:$R$366,ROW(INDEX(Jesper!AL$2:AL$366,ROUNDDOWN($C3831/24,0)+1,1))-1)+IF('Standard Profiles'!$G$22=$B$10,7,0)+IF('Standard Profiles'!$G$22=$B$17,14,0)+IF('Standard Profiles'!$G$22=$B$24,21,0),0)),0)</f>
        <v>0</v>
      </c>
      <c r="I3831">
        <f t="shared" si="433"/>
        <v>0.30441898677402562</v>
      </c>
      <c r="J3831">
        <f t="shared" si="434"/>
        <v>1.0147299559134189</v>
      </c>
      <c r="K3831">
        <f t="shared" si="435"/>
        <v>1.5220949338701282</v>
      </c>
      <c r="L3831">
        <f t="shared" si="436"/>
        <v>7.3060556825766154</v>
      </c>
      <c r="M3831">
        <f t="shared" si="437"/>
        <v>0</v>
      </c>
      <c r="N3831" s="46">
        <f t="shared" si="438"/>
        <v>45450.208333324124</v>
      </c>
    </row>
    <row r="3832" spans="2:14" x14ac:dyDescent="0.3">
      <c r="B3832">
        <f t="shared" si="432"/>
        <v>5</v>
      </c>
      <c r="C3832" s="16">
        <v>3798</v>
      </c>
      <c r="D3832" cm="1">
        <f t="array" ref="D3832">IFERROR(INDEX(Jesper!AH$2:AH$366,ROUNDDOWN($C3832/24,0)+1,1)*INDEX($D$3:$AA$30,INDEX(Jesper!$R$2:$R$366,ROW(INDEX(Jesper!AH$2:AH$366,ROUNDDOWN($C3832/24,0)+1,1))-1)+IF('Standard Profiles'!$G$18=$B$10,7,0)+IF('Standard Profiles'!$G$18=$B$17,14,0)+IF('Standard Profiles'!$G$18=$B$24,21,0),MOD($C3832,24)+1)/SUM(INDEX($D$3:$AA$30,INDEX(Jesper!$R$2:$R$366,ROW(INDEX(Jesper!AH$2:AH$366,ROUNDDOWN($C3832/24,0)+1,1))-1)+IF('Standard Profiles'!$G$18=$B$10,7,0)+IF('Standard Profiles'!$G$18=$B$17,14,0)+IF('Standard Profiles'!$G$18=$B$24,21,0),0)),0)</f>
        <v>12.246740847230917</v>
      </c>
      <c r="E3832" cm="1">
        <f t="array" ref="E3832">IFERROR(INDEX(Jesper!AI$2:AI$366,ROUNDDOWN($C3832/24,0)+1,1)*INDEX($D$3:$AA$30,INDEX(Jesper!$R$2:$R$366,ROW(INDEX(Jesper!AI$2:AI$366,ROUNDDOWN($C3832/24,0)+1,1))-1)+IF('Standard Profiles'!$G$19=$B$10,7,0)+IF('Standard Profiles'!$G$19=$B$17,14,0)+IF('Standard Profiles'!$G$19=$B$24,21,0),MOD($C3832,24)+1)/SUM(INDEX($D$3:$AA$30,INDEX(Jesper!$R$2:$R$366,ROW(INDEX(Jesper!AI$2:AI$366,ROUNDDOWN($C3832/24,0)+1,1))-1)+IF('Standard Profiles'!$G$19=$B$10,7,0)+IF('Standard Profiles'!$G$19=$B$17,14,0)+IF('Standard Profiles'!$G$19=$B$24,21,0),0)),0)</f>
        <v>0</v>
      </c>
      <c r="F3832" cm="1">
        <f t="array" ref="F3832">IFERROR(INDEX(Jesper!AJ$2:AJ$366,ROUNDDOWN($C3832/24,0)+1,1)*INDEX($D$3:$AA$30,INDEX(Jesper!$R$2:$R$366,ROW(INDEX(Jesper!AJ$2:AJ$366,ROUNDDOWN($C3832/24,0)+1,1))-1)+IF('Standard Profiles'!$G$20=$B$10,7,0)+IF('Standard Profiles'!$G$20=$B$17,14,0)+IF('Standard Profiles'!$G$20=$B$24,21,0),MOD($C3832,24)+1)/SUM(INDEX($D$3:$AA$30,INDEX(Jesper!$R$2:$R$366,ROW(INDEX(Jesper!AJ$2:AJ$366,ROUNDDOWN($C3832/24,0)+1,1))-1)+IF('Standard Profiles'!$G$20=$B$10,7,0)+IF('Standard Profiles'!$G$20=$B$17,14,0)+IF('Standard Profiles'!$G$20=$B$24,21,0),0)),0)</f>
        <v>0</v>
      </c>
      <c r="G3832" cm="1">
        <f t="array" ref="G3832">IFERROR(INDEX(Jesper!AK$2:AK$366,ROUNDDOWN($C3832/24,0)+1,1)*INDEX($D$3:$AA$30,INDEX(Jesper!$R$2:$R$366,ROW(INDEX(Jesper!AK$2:AK$366,ROUNDDOWN($C3832/24,0)+1,1))-1)+IF('Standard Profiles'!$G$21=$B$10,7,0)+IF('Standard Profiles'!$G$21=$B$17,14,0)+IF('Standard Profiles'!$G$21=$B$24,21,0),MOD($C3832,24)+1)/SUM(INDEX($D$3:$AA$30,INDEX(Jesper!$R$2:$R$366,ROW(INDEX(Jesper!AK$2:AK$366,ROUNDDOWN($C3832/24,0)+1,1))-1)+IF('Standard Profiles'!$G$21=$B$10,7,0)+IF('Standard Profiles'!$G$21=$B$17,14,0)+IF('Standard Profiles'!$G$21=$B$24,21,0),0)),0)</f>
        <v>0</v>
      </c>
      <c r="H3832" cm="1">
        <f t="array" ref="H3832">IFERROR(INDEX(Jesper!AL$2:AL$366,ROUNDDOWN($C3832/24,0)+1,1)*INDEX($D$3:$AA$30,INDEX(Jesper!$R$2:$R$366,ROW(INDEX(Jesper!AL$2:AL$366,ROUNDDOWN($C3832/24,0)+1,1))-1)+IF('Standard Profiles'!$G$22=$B$10,7,0)+IF('Standard Profiles'!$G$22=$B$17,14,0)+IF('Standard Profiles'!$G$22=$B$24,21,0),MOD($C3832,24)+1)/SUM(INDEX($D$3:$AA$30,INDEX(Jesper!$R$2:$R$366,ROW(INDEX(Jesper!AL$2:AL$366,ROUNDDOWN($C3832/24,0)+1,1))-1)+IF('Standard Profiles'!$G$22=$B$10,7,0)+IF('Standard Profiles'!$G$22=$B$17,14,0)+IF('Standard Profiles'!$G$22=$B$24,21,0),0)),0)</f>
        <v>0</v>
      </c>
      <c r="I3832">
        <f t="shared" si="433"/>
        <v>0.36740222541692752</v>
      </c>
      <c r="J3832">
        <f t="shared" si="434"/>
        <v>1.2246740847230919</v>
      </c>
      <c r="K3832">
        <f t="shared" si="435"/>
        <v>1.8370111270846374</v>
      </c>
      <c r="L3832">
        <f t="shared" si="436"/>
        <v>8.81765341000626</v>
      </c>
      <c r="M3832">
        <f t="shared" si="437"/>
        <v>0</v>
      </c>
      <c r="N3832" s="46">
        <f t="shared" si="438"/>
        <v>45450.249999990789</v>
      </c>
    </row>
    <row r="3833" spans="2:14" x14ac:dyDescent="0.3">
      <c r="B3833">
        <f t="shared" si="432"/>
        <v>5</v>
      </c>
      <c r="C3833" s="16">
        <v>3799</v>
      </c>
      <c r="D3833" cm="1">
        <f t="array" ref="D3833">IFERROR(INDEX(Jesper!AH$2:AH$366,ROUNDDOWN($C3833/24,0)+1,1)*INDEX($D$3:$AA$30,INDEX(Jesper!$R$2:$R$366,ROW(INDEX(Jesper!AH$2:AH$366,ROUNDDOWN($C3833/24,0)+1,1))-1)+IF('Standard Profiles'!$G$18=$B$10,7,0)+IF('Standard Profiles'!$G$18=$B$17,14,0)+IF('Standard Profiles'!$G$18=$B$24,21,0),MOD($C3833,24)+1)/SUM(INDEX($D$3:$AA$30,INDEX(Jesper!$R$2:$R$366,ROW(INDEX(Jesper!AH$2:AH$366,ROUNDDOWN($C3833/24,0)+1,1))-1)+IF('Standard Profiles'!$G$18=$B$10,7,0)+IF('Standard Profiles'!$G$18=$B$17,14,0)+IF('Standard Profiles'!$G$18=$B$24,21,0),0)),0)</f>
        <v>12.246740847230917</v>
      </c>
      <c r="E3833" cm="1">
        <f t="array" ref="E3833">IFERROR(INDEX(Jesper!AI$2:AI$366,ROUNDDOWN($C3833/24,0)+1,1)*INDEX($D$3:$AA$30,INDEX(Jesper!$R$2:$R$366,ROW(INDEX(Jesper!AI$2:AI$366,ROUNDDOWN($C3833/24,0)+1,1))-1)+IF('Standard Profiles'!$G$19=$B$10,7,0)+IF('Standard Profiles'!$G$19=$B$17,14,0)+IF('Standard Profiles'!$G$19=$B$24,21,0),MOD($C3833,24)+1)/SUM(INDEX($D$3:$AA$30,INDEX(Jesper!$R$2:$R$366,ROW(INDEX(Jesper!AI$2:AI$366,ROUNDDOWN($C3833/24,0)+1,1))-1)+IF('Standard Profiles'!$G$19=$B$10,7,0)+IF('Standard Profiles'!$G$19=$B$17,14,0)+IF('Standard Profiles'!$G$19=$B$24,21,0),0)),0)</f>
        <v>0</v>
      </c>
      <c r="F3833" cm="1">
        <f t="array" ref="F3833">IFERROR(INDEX(Jesper!AJ$2:AJ$366,ROUNDDOWN($C3833/24,0)+1,1)*INDEX($D$3:$AA$30,INDEX(Jesper!$R$2:$R$366,ROW(INDEX(Jesper!AJ$2:AJ$366,ROUNDDOWN($C3833/24,0)+1,1))-1)+IF('Standard Profiles'!$G$20=$B$10,7,0)+IF('Standard Profiles'!$G$20=$B$17,14,0)+IF('Standard Profiles'!$G$20=$B$24,21,0),MOD($C3833,24)+1)/SUM(INDEX($D$3:$AA$30,INDEX(Jesper!$R$2:$R$366,ROW(INDEX(Jesper!AJ$2:AJ$366,ROUNDDOWN($C3833/24,0)+1,1))-1)+IF('Standard Profiles'!$G$20=$B$10,7,0)+IF('Standard Profiles'!$G$20=$B$17,14,0)+IF('Standard Profiles'!$G$20=$B$24,21,0),0)),0)</f>
        <v>0</v>
      </c>
      <c r="G3833" cm="1">
        <f t="array" ref="G3833">IFERROR(INDEX(Jesper!AK$2:AK$366,ROUNDDOWN($C3833/24,0)+1,1)*INDEX($D$3:$AA$30,INDEX(Jesper!$R$2:$R$366,ROW(INDEX(Jesper!AK$2:AK$366,ROUNDDOWN($C3833/24,0)+1,1))-1)+IF('Standard Profiles'!$G$21=$B$10,7,0)+IF('Standard Profiles'!$G$21=$B$17,14,0)+IF('Standard Profiles'!$G$21=$B$24,21,0),MOD($C3833,24)+1)/SUM(INDEX($D$3:$AA$30,INDEX(Jesper!$R$2:$R$366,ROW(INDEX(Jesper!AK$2:AK$366,ROUNDDOWN($C3833/24,0)+1,1))-1)+IF('Standard Profiles'!$G$21=$B$10,7,0)+IF('Standard Profiles'!$G$21=$B$17,14,0)+IF('Standard Profiles'!$G$21=$B$24,21,0),0)),0)</f>
        <v>0</v>
      </c>
      <c r="H3833" cm="1">
        <f t="array" ref="H3833">IFERROR(INDEX(Jesper!AL$2:AL$366,ROUNDDOWN($C3833/24,0)+1,1)*INDEX($D$3:$AA$30,INDEX(Jesper!$R$2:$R$366,ROW(INDEX(Jesper!AL$2:AL$366,ROUNDDOWN($C3833/24,0)+1,1))-1)+IF('Standard Profiles'!$G$22=$B$10,7,0)+IF('Standard Profiles'!$G$22=$B$17,14,0)+IF('Standard Profiles'!$G$22=$B$24,21,0),MOD($C3833,24)+1)/SUM(INDEX($D$3:$AA$30,INDEX(Jesper!$R$2:$R$366,ROW(INDEX(Jesper!AL$2:AL$366,ROUNDDOWN($C3833/24,0)+1,1))-1)+IF('Standard Profiles'!$G$22=$B$10,7,0)+IF('Standard Profiles'!$G$22=$B$17,14,0)+IF('Standard Profiles'!$G$22=$B$24,21,0),0)),0)</f>
        <v>0</v>
      </c>
      <c r="I3833">
        <f t="shared" si="433"/>
        <v>0.36740222541692752</v>
      </c>
      <c r="J3833">
        <f t="shared" si="434"/>
        <v>1.2246740847230919</v>
      </c>
      <c r="K3833">
        <f t="shared" si="435"/>
        <v>1.8370111270846374</v>
      </c>
      <c r="L3833">
        <f t="shared" si="436"/>
        <v>8.81765341000626</v>
      </c>
      <c r="M3833">
        <f t="shared" si="437"/>
        <v>0</v>
      </c>
      <c r="N3833" s="46">
        <f t="shared" si="438"/>
        <v>45450.291666657453</v>
      </c>
    </row>
    <row r="3834" spans="2:14" x14ac:dyDescent="0.3">
      <c r="B3834">
        <f t="shared" si="432"/>
        <v>5</v>
      </c>
      <c r="C3834" s="16">
        <v>3800</v>
      </c>
      <c r="D3834" cm="1">
        <f t="array" ref="D3834">IFERROR(INDEX(Jesper!AH$2:AH$366,ROUNDDOWN($C3834/24,0)+1,1)*INDEX($D$3:$AA$30,INDEX(Jesper!$R$2:$R$366,ROW(INDEX(Jesper!AH$2:AH$366,ROUNDDOWN($C3834/24,0)+1,1))-1)+IF('Standard Profiles'!$G$18=$B$10,7,0)+IF('Standard Profiles'!$G$18=$B$17,14,0)+IF('Standard Profiles'!$G$18=$B$24,21,0),MOD($C3834,24)+1)/SUM(INDEX($D$3:$AA$30,INDEX(Jesper!$R$2:$R$366,ROW(INDEX(Jesper!AH$2:AH$366,ROUNDDOWN($C3834/24,0)+1,1))-1)+IF('Standard Profiles'!$G$18=$B$10,7,0)+IF('Standard Profiles'!$G$18=$B$17,14,0)+IF('Standard Profiles'!$G$18=$B$24,21,0),0)),0)</f>
        <v>12.246740847230917</v>
      </c>
      <c r="E3834" cm="1">
        <f t="array" ref="E3834">IFERROR(INDEX(Jesper!AI$2:AI$366,ROUNDDOWN($C3834/24,0)+1,1)*INDEX($D$3:$AA$30,INDEX(Jesper!$R$2:$R$366,ROW(INDEX(Jesper!AI$2:AI$366,ROUNDDOWN($C3834/24,0)+1,1))-1)+IF('Standard Profiles'!$G$19=$B$10,7,0)+IF('Standard Profiles'!$G$19=$B$17,14,0)+IF('Standard Profiles'!$G$19=$B$24,21,0),MOD($C3834,24)+1)/SUM(INDEX($D$3:$AA$30,INDEX(Jesper!$R$2:$R$366,ROW(INDEX(Jesper!AI$2:AI$366,ROUNDDOWN($C3834/24,0)+1,1))-1)+IF('Standard Profiles'!$G$19=$B$10,7,0)+IF('Standard Profiles'!$G$19=$B$17,14,0)+IF('Standard Profiles'!$G$19=$B$24,21,0),0)),0)</f>
        <v>0</v>
      </c>
      <c r="F3834" cm="1">
        <f t="array" ref="F3834">IFERROR(INDEX(Jesper!AJ$2:AJ$366,ROUNDDOWN($C3834/24,0)+1,1)*INDEX($D$3:$AA$30,INDEX(Jesper!$R$2:$R$366,ROW(INDEX(Jesper!AJ$2:AJ$366,ROUNDDOWN($C3834/24,0)+1,1))-1)+IF('Standard Profiles'!$G$20=$B$10,7,0)+IF('Standard Profiles'!$G$20=$B$17,14,0)+IF('Standard Profiles'!$G$20=$B$24,21,0),MOD($C3834,24)+1)/SUM(INDEX($D$3:$AA$30,INDEX(Jesper!$R$2:$R$366,ROW(INDEX(Jesper!AJ$2:AJ$366,ROUNDDOWN($C3834/24,0)+1,1))-1)+IF('Standard Profiles'!$G$20=$B$10,7,0)+IF('Standard Profiles'!$G$20=$B$17,14,0)+IF('Standard Profiles'!$G$20=$B$24,21,0),0)),0)</f>
        <v>0</v>
      </c>
      <c r="G3834" cm="1">
        <f t="array" ref="G3834">IFERROR(INDEX(Jesper!AK$2:AK$366,ROUNDDOWN($C3834/24,0)+1,1)*INDEX($D$3:$AA$30,INDEX(Jesper!$R$2:$R$366,ROW(INDEX(Jesper!AK$2:AK$366,ROUNDDOWN($C3834/24,0)+1,1))-1)+IF('Standard Profiles'!$G$21=$B$10,7,0)+IF('Standard Profiles'!$G$21=$B$17,14,0)+IF('Standard Profiles'!$G$21=$B$24,21,0),MOD($C3834,24)+1)/SUM(INDEX($D$3:$AA$30,INDEX(Jesper!$R$2:$R$366,ROW(INDEX(Jesper!AK$2:AK$366,ROUNDDOWN($C3834/24,0)+1,1))-1)+IF('Standard Profiles'!$G$21=$B$10,7,0)+IF('Standard Profiles'!$G$21=$B$17,14,0)+IF('Standard Profiles'!$G$21=$B$24,21,0),0)),0)</f>
        <v>0</v>
      </c>
      <c r="H3834" cm="1">
        <f t="array" ref="H3834">IFERROR(INDEX(Jesper!AL$2:AL$366,ROUNDDOWN($C3834/24,0)+1,1)*INDEX($D$3:$AA$30,INDEX(Jesper!$R$2:$R$366,ROW(INDEX(Jesper!AL$2:AL$366,ROUNDDOWN($C3834/24,0)+1,1))-1)+IF('Standard Profiles'!$G$22=$B$10,7,0)+IF('Standard Profiles'!$G$22=$B$17,14,0)+IF('Standard Profiles'!$G$22=$B$24,21,0),MOD($C3834,24)+1)/SUM(INDEX($D$3:$AA$30,INDEX(Jesper!$R$2:$R$366,ROW(INDEX(Jesper!AL$2:AL$366,ROUNDDOWN($C3834/24,0)+1,1))-1)+IF('Standard Profiles'!$G$22=$B$10,7,0)+IF('Standard Profiles'!$G$22=$B$17,14,0)+IF('Standard Profiles'!$G$22=$B$24,21,0),0)),0)</f>
        <v>0</v>
      </c>
      <c r="I3834">
        <f t="shared" si="433"/>
        <v>0.36740222541692752</v>
      </c>
      <c r="J3834">
        <f t="shared" si="434"/>
        <v>1.2246740847230919</v>
      </c>
      <c r="K3834">
        <f t="shared" si="435"/>
        <v>1.8370111270846374</v>
      </c>
      <c r="L3834">
        <f t="shared" si="436"/>
        <v>8.81765341000626</v>
      </c>
      <c r="M3834">
        <f t="shared" si="437"/>
        <v>0</v>
      </c>
      <c r="N3834" s="46">
        <f t="shared" si="438"/>
        <v>45450.333333324117</v>
      </c>
    </row>
    <row r="3835" spans="2:14" x14ac:dyDescent="0.3">
      <c r="B3835">
        <f t="shared" si="432"/>
        <v>5</v>
      </c>
      <c r="C3835" s="16">
        <v>3801</v>
      </c>
      <c r="D3835" cm="1">
        <f t="array" ref="D3835">IFERROR(INDEX(Jesper!AH$2:AH$366,ROUNDDOWN($C3835/24,0)+1,1)*INDEX($D$3:$AA$30,INDEX(Jesper!$R$2:$R$366,ROW(INDEX(Jesper!AH$2:AH$366,ROUNDDOWN($C3835/24,0)+1,1))-1)+IF('Standard Profiles'!$G$18=$B$10,7,0)+IF('Standard Profiles'!$G$18=$B$17,14,0)+IF('Standard Profiles'!$G$18=$B$24,21,0),MOD($C3835,24)+1)/SUM(INDEX($D$3:$AA$30,INDEX(Jesper!$R$2:$R$366,ROW(INDEX(Jesper!AH$2:AH$366,ROUNDDOWN($C3835/24,0)+1,1))-1)+IF('Standard Profiles'!$G$18=$B$10,7,0)+IF('Standard Profiles'!$G$18=$B$17,14,0)+IF('Standard Profiles'!$G$18=$B$24,21,0),0)),0)</f>
        <v>13.121508050604554</v>
      </c>
      <c r="E3835" cm="1">
        <f t="array" ref="E3835">IFERROR(INDEX(Jesper!AI$2:AI$366,ROUNDDOWN($C3835/24,0)+1,1)*INDEX($D$3:$AA$30,INDEX(Jesper!$R$2:$R$366,ROW(INDEX(Jesper!AI$2:AI$366,ROUNDDOWN($C3835/24,0)+1,1))-1)+IF('Standard Profiles'!$G$19=$B$10,7,0)+IF('Standard Profiles'!$G$19=$B$17,14,0)+IF('Standard Profiles'!$G$19=$B$24,21,0),MOD($C3835,24)+1)/SUM(INDEX($D$3:$AA$30,INDEX(Jesper!$R$2:$R$366,ROW(INDEX(Jesper!AI$2:AI$366,ROUNDDOWN($C3835/24,0)+1,1))-1)+IF('Standard Profiles'!$G$19=$B$10,7,0)+IF('Standard Profiles'!$G$19=$B$17,14,0)+IF('Standard Profiles'!$G$19=$B$24,21,0),0)),0)</f>
        <v>0</v>
      </c>
      <c r="F3835" cm="1">
        <f t="array" ref="F3835">IFERROR(INDEX(Jesper!AJ$2:AJ$366,ROUNDDOWN($C3835/24,0)+1,1)*INDEX($D$3:$AA$30,INDEX(Jesper!$R$2:$R$366,ROW(INDEX(Jesper!AJ$2:AJ$366,ROUNDDOWN($C3835/24,0)+1,1))-1)+IF('Standard Profiles'!$G$20=$B$10,7,0)+IF('Standard Profiles'!$G$20=$B$17,14,0)+IF('Standard Profiles'!$G$20=$B$24,21,0),MOD($C3835,24)+1)/SUM(INDEX($D$3:$AA$30,INDEX(Jesper!$R$2:$R$366,ROW(INDEX(Jesper!AJ$2:AJ$366,ROUNDDOWN($C3835/24,0)+1,1))-1)+IF('Standard Profiles'!$G$20=$B$10,7,0)+IF('Standard Profiles'!$G$20=$B$17,14,0)+IF('Standard Profiles'!$G$20=$B$24,21,0),0)),0)</f>
        <v>0</v>
      </c>
      <c r="G3835" cm="1">
        <f t="array" ref="G3835">IFERROR(INDEX(Jesper!AK$2:AK$366,ROUNDDOWN($C3835/24,0)+1,1)*INDEX($D$3:$AA$30,INDEX(Jesper!$R$2:$R$366,ROW(INDEX(Jesper!AK$2:AK$366,ROUNDDOWN($C3835/24,0)+1,1))-1)+IF('Standard Profiles'!$G$21=$B$10,7,0)+IF('Standard Profiles'!$G$21=$B$17,14,0)+IF('Standard Profiles'!$G$21=$B$24,21,0),MOD($C3835,24)+1)/SUM(INDEX($D$3:$AA$30,INDEX(Jesper!$R$2:$R$366,ROW(INDEX(Jesper!AK$2:AK$366,ROUNDDOWN($C3835/24,0)+1,1))-1)+IF('Standard Profiles'!$G$21=$B$10,7,0)+IF('Standard Profiles'!$G$21=$B$17,14,0)+IF('Standard Profiles'!$G$21=$B$24,21,0),0)),0)</f>
        <v>0</v>
      </c>
      <c r="H3835" cm="1">
        <f t="array" ref="H3835">IFERROR(INDEX(Jesper!AL$2:AL$366,ROUNDDOWN($C3835/24,0)+1,1)*INDEX($D$3:$AA$30,INDEX(Jesper!$R$2:$R$366,ROW(INDEX(Jesper!AL$2:AL$366,ROUNDDOWN($C3835/24,0)+1,1))-1)+IF('Standard Profiles'!$G$22=$B$10,7,0)+IF('Standard Profiles'!$G$22=$B$17,14,0)+IF('Standard Profiles'!$G$22=$B$24,21,0),MOD($C3835,24)+1)/SUM(INDEX($D$3:$AA$30,INDEX(Jesper!$R$2:$R$366,ROW(INDEX(Jesper!AL$2:AL$366,ROUNDDOWN($C3835/24,0)+1,1))-1)+IF('Standard Profiles'!$G$22=$B$10,7,0)+IF('Standard Profiles'!$G$22=$B$17,14,0)+IF('Standard Profiles'!$G$22=$B$24,21,0),0)),0)</f>
        <v>0</v>
      </c>
      <c r="I3835">
        <f t="shared" si="433"/>
        <v>0.39364524151813662</v>
      </c>
      <c r="J3835">
        <f t="shared" si="434"/>
        <v>1.3121508050604556</v>
      </c>
      <c r="K3835">
        <f t="shared" si="435"/>
        <v>1.9682262075906829</v>
      </c>
      <c r="L3835">
        <f t="shared" si="436"/>
        <v>9.447485796435279</v>
      </c>
      <c r="M3835">
        <f t="shared" si="437"/>
        <v>0</v>
      </c>
      <c r="N3835" s="46">
        <f t="shared" si="438"/>
        <v>45450.374999990781</v>
      </c>
    </row>
    <row r="3836" spans="2:14" x14ac:dyDescent="0.3">
      <c r="B3836">
        <f t="shared" si="432"/>
        <v>5</v>
      </c>
      <c r="C3836" s="16">
        <v>3802</v>
      </c>
      <c r="D3836" cm="1">
        <f t="array" ref="D3836">IFERROR(INDEX(Jesper!AH$2:AH$366,ROUNDDOWN($C3836/24,0)+1,1)*INDEX($D$3:$AA$30,INDEX(Jesper!$R$2:$R$366,ROW(INDEX(Jesper!AH$2:AH$366,ROUNDDOWN($C3836/24,0)+1,1))-1)+IF('Standard Profiles'!$G$18=$B$10,7,0)+IF('Standard Profiles'!$G$18=$B$17,14,0)+IF('Standard Profiles'!$G$18=$B$24,21,0),MOD($C3836,24)+1)/SUM(INDEX($D$3:$AA$30,INDEX(Jesper!$R$2:$R$366,ROW(INDEX(Jesper!AH$2:AH$366,ROUNDDOWN($C3836/24,0)+1,1))-1)+IF('Standard Profiles'!$G$18=$B$10,7,0)+IF('Standard Profiles'!$G$18=$B$17,14,0)+IF('Standard Profiles'!$G$18=$B$24,21,0),0)),0)</f>
        <v>13.646368372628737</v>
      </c>
      <c r="E3836" cm="1">
        <f t="array" ref="E3836">IFERROR(INDEX(Jesper!AI$2:AI$366,ROUNDDOWN($C3836/24,0)+1,1)*INDEX($D$3:$AA$30,INDEX(Jesper!$R$2:$R$366,ROW(INDEX(Jesper!AI$2:AI$366,ROUNDDOWN($C3836/24,0)+1,1))-1)+IF('Standard Profiles'!$G$19=$B$10,7,0)+IF('Standard Profiles'!$G$19=$B$17,14,0)+IF('Standard Profiles'!$G$19=$B$24,21,0),MOD($C3836,24)+1)/SUM(INDEX($D$3:$AA$30,INDEX(Jesper!$R$2:$R$366,ROW(INDEX(Jesper!AI$2:AI$366,ROUNDDOWN($C3836/24,0)+1,1))-1)+IF('Standard Profiles'!$G$19=$B$10,7,0)+IF('Standard Profiles'!$G$19=$B$17,14,0)+IF('Standard Profiles'!$G$19=$B$24,21,0),0)),0)</f>
        <v>0</v>
      </c>
      <c r="F3836" cm="1">
        <f t="array" ref="F3836">IFERROR(INDEX(Jesper!AJ$2:AJ$366,ROUNDDOWN($C3836/24,0)+1,1)*INDEX($D$3:$AA$30,INDEX(Jesper!$R$2:$R$366,ROW(INDEX(Jesper!AJ$2:AJ$366,ROUNDDOWN($C3836/24,0)+1,1))-1)+IF('Standard Profiles'!$G$20=$B$10,7,0)+IF('Standard Profiles'!$G$20=$B$17,14,0)+IF('Standard Profiles'!$G$20=$B$24,21,0),MOD($C3836,24)+1)/SUM(INDEX($D$3:$AA$30,INDEX(Jesper!$R$2:$R$366,ROW(INDEX(Jesper!AJ$2:AJ$366,ROUNDDOWN($C3836/24,0)+1,1))-1)+IF('Standard Profiles'!$G$20=$B$10,7,0)+IF('Standard Profiles'!$G$20=$B$17,14,0)+IF('Standard Profiles'!$G$20=$B$24,21,0),0)),0)</f>
        <v>0</v>
      </c>
      <c r="G3836" cm="1">
        <f t="array" ref="G3836">IFERROR(INDEX(Jesper!AK$2:AK$366,ROUNDDOWN($C3836/24,0)+1,1)*INDEX($D$3:$AA$30,INDEX(Jesper!$R$2:$R$366,ROW(INDEX(Jesper!AK$2:AK$366,ROUNDDOWN($C3836/24,0)+1,1))-1)+IF('Standard Profiles'!$G$21=$B$10,7,0)+IF('Standard Profiles'!$G$21=$B$17,14,0)+IF('Standard Profiles'!$G$21=$B$24,21,0),MOD($C3836,24)+1)/SUM(INDEX($D$3:$AA$30,INDEX(Jesper!$R$2:$R$366,ROW(INDEX(Jesper!AK$2:AK$366,ROUNDDOWN($C3836/24,0)+1,1))-1)+IF('Standard Profiles'!$G$21=$B$10,7,0)+IF('Standard Profiles'!$G$21=$B$17,14,0)+IF('Standard Profiles'!$G$21=$B$24,21,0),0)),0)</f>
        <v>0</v>
      </c>
      <c r="H3836" cm="1">
        <f t="array" ref="H3836">IFERROR(INDEX(Jesper!AL$2:AL$366,ROUNDDOWN($C3836/24,0)+1,1)*INDEX($D$3:$AA$30,INDEX(Jesper!$R$2:$R$366,ROW(INDEX(Jesper!AL$2:AL$366,ROUNDDOWN($C3836/24,0)+1,1))-1)+IF('Standard Profiles'!$G$22=$B$10,7,0)+IF('Standard Profiles'!$G$22=$B$17,14,0)+IF('Standard Profiles'!$G$22=$B$24,21,0),MOD($C3836,24)+1)/SUM(INDEX($D$3:$AA$30,INDEX(Jesper!$R$2:$R$366,ROW(INDEX(Jesper!AL$2:AL$366,ROUNDDOWN($C3836/24,0)+1,1))-1)+IF('Standard Profiles'!$G$22=$B$10,7,0)+IF('Standard Profiles'!$G$22=$B$17,14,0)+IF('Standard Profiles'!$G$22=$B$24,21,0),0)),0)</f>
        <v>0</v>
      </c>
      <c r="I3836">
        <f t="shared" si="433"/>
        <v>0.4093910511788621</v>
      </c>
      <c r="J3836">
        <f t="shared" si="434"/>
        <v>1.3646368372628739</v>
      </c>
      <c r="K3836">
        <f t="shared" si="435"/>
        <v>2.0469552558943107</v>
      </c>
      <c r="L3836">
        <f t="shared" si="436"/>
        <v>9.8253852282926903</v>
      </c>
      <c r="M3836">
        <f t="shared" si="437"/>
        <v>0</v>
      </c>
      <c r="N3836" s="46">
        <f t="shared" si="438"/>
        <v>45450.416666657446</v>
      </c>
    </row>
    <row r="3837" spans="2:14" x14ac:dyDescent="0.3">
      <c r="B3837">
        <f t="shared" si="432"/>
        <v>5</v>
      </c>
      <c r="C3837" s="16">
        <v>3803</v>
      </c>
      <c r="D3837" cm="1">
        <f t="array" ref="D3837">IFERROR(INDEX(Jesper!AH$2:AH$366,ROUNDDOWN($C3837/24,0)+1,1)*INDEX($D$3:$AA$30,INDEX(Jesper!$R$2:$R$366,ROW(INDEX(Jesper!AH$2:AH$366,ROUNDDOWN($C3837/24,0)+1,1))-1)+IF('Standard Profiles'!$G$18=$B$10,7,0)+IF('Standard Profiles'!$G$18=$B$17,14,0)+IF('Standard Profiles'!$G$18=$B$24,21,0),MOD($C3837,24)+1)/SUM(INDEX($D$3:$AA$30,INDEX(Jesper!$R$2:$R$366,ROW(INDEX(Jesper!AH$2:AH$366,ROUNDDOWN($C3837/24,0)+1,1))-1)+IF('Standard Profiles'!$G$18=$B$10,7,0)+IF('Standard Profiles'!$G$18=$B$17,14,0)+IF('Standard Profiles'!$G$18=$B$24,21,0),0)),0)</f>
        <v>15.745809660725465</v>
      </c>
      <c r="E3837" cm="1">
        <f t="array" ref="E3837">IFERROR(INDEX(Jesper!AI$2:AI$366,ROUNDDOWN($C3837/24,0)+1,1)*INDEX($D$3:$AA$30,INDEX(Jesper!$R$2:$R$366,ROW(INDEX(Jesper!AI$2:AI$366,ROUNDDOWN($C3837/24,0)+1,1))-1)+IF('Standard Profiles'!$G$19=$B$10,7,0)+IF('Standard Profiles'!$G$19=$B$17,14,0)+IF('Standard Profiles'!$G$19=$B$24,21,0),MOD($C3837,24)+1)/SUM(INDEX($D$3:$AA$30,INDEX(Jesper!$R$2:$R$366,ROW(INDEX(Jesper!AI$2:AI$366,ROUNDDOWN($C3837/24,0)+1,1))-1)+IF('Standard Profiles'!$G$19=$B$10,7,0)+IF('Standard Profiles'!$G$19=$B$17,14,0)+IF('Standard Profiles'!$G$19=$B$24,21,0),0)),0)</f>
        <v>0</v>
      </c>
      <c r="F3837" cm="1">
        <f t="array" ref="F3837">IFERROR(INDEX(Jesper!AJ$2:AJ$366,ROUNDDOWN($C3837/24,0)+1,1)*INDEX($D$3:$AA$30,INDEX(Jesper!$R$2:$R$366,ROW(INDEX(Jesper!AJ$2:AJ$366,ROUNDDOWN($C3837/24,0)+1,1))-1)+IF('Standard Profiles'!$G$20=$B$10,7,0)+IF('Standard Profiles'!$G$20=$B$17,14,0)+IF('Standard Profiles'!$G$20=$B$24,21,0),MOD($C3837,24)+1)/SUM(INDEX($D$3:$AA$30,INDEX(Jesper!$R$2:$R$366,ROW(INDEX(Jesper!AJ$2:AJ$366,ROUNDDOWN($C3837/24,0)+1,1))-1)+IF('Standard Profiles'!$G$20=$B$10,7,0)+IF('Standard Profiles'!$G$20=$B$17,14,0)+IF('Standard Profiles'!$G$20=$B$24,21,0),0)),0)</f>
        <v>0</v>
      </c>
      <c r="G3837" cm="1">
        <f t="array" ref="G3837">IFERROR(INDEX(Jesper!AK$2:AK$366,ROUNDDOWN($C3837/24,0)+1,1)*INDEX($D$3:$AA$30,INDEX(Jesper!$R$2:$R$366,ROW(INDEX(Jesper!AK$2:AK$366,ROUNDDOWN($C3837/24,0)+1,1))-1)+IF('Standard Profiles'!$G$21=$B$10,7,0)+IF('Standard Profiles'!$G$21=$B$17,14,0)+IF('Standard Profiles'!$G$21=$B$24,21,0),MOD($C3837,24)+1)/SUM(INDEX($D$3:$AA$30,INDEX(Jesper!$R$2:$R$366,ROW(INDEX(Jesper!AK$2:AK$366,ROUNDDOWN($C3837/24,0)+1,1))-1)+IF('Standard Profiles'!$G$21=$B$10,7,0)+IF('Standard Profiles'!$G$21=$B$17,14,0)+IF('Standard Profiles'!$G$21=$B$24,21,0),0)),0)</f>
        <v>0</v>
      </c>
      <c r="H3837" cm="1">
        <f t="array" ref="H3837">IFERROR(INDEX(Jesper!AL$2:AL$366,ROUNDDOWN($C3837/24,0)+1,1)*INDEX($D$3:$AA$30,INDEX(Jesper!$R$2:$R$366,ROW(INDEX(Jesper!AL$2:AL$366,ROUNDDOWN($C3837/24,0)+1,1))-1)+IF('Standard Profiles'!$G$22=$B$10,7,0)+IF('Standard Profiles'!$G$22=$B$17,14,0)+IF('Standard Profiles'!$G$22=$B$24,21,0),MOD($C3837,24)+1)/SUM(INDEX($D$3:$AA$30,INDEX(Jesper!$R$2:$R$366,ROW(INDEX(Jesper!AL$2:AL$366,ROUNDDOWN($C3837/24,0)+1,1))-1)+IF('Standard Profiles'!$G$22=$B$10,7,0)+IF('Standard Profiles'!$G$22=$B$17,14,0)+IF('Standard Profiles'!$G$22=$B$24,21,0),0)),0)</f>
        <v>0</v>
      </c>
      <c r="I3837">
        <f t="shared" si="433"/>
        <v>0.47237428982176394</v>
      </c>
      <c r="J3837">
        <f t="shared" si="434"/>
        <v>1.5745809660725465</v>
      </c>
      <c r="K3837">
        <f t="shared" si="435"/>
        <v>2.3618714491088197</v>
      </c>
      <c r="L3837">
        <f t="shared" si="436"/>
        <v>11.336982955722334</v>
      </c>
      <c r="M3837">
        <f t="shared" si="437"/>
        <v>0</v>
      </c>
      <c r="N3837" s="46">
        <f t="shared" si="438"/>
        <v>45450.45833332411</v>
      </c>
    </row>
    <row r="3838" spans="2:14" x14ac:dyDescent="0.3">
      <c r="B3838">
        <f t="shared" si="432"/>
        <v>5</v>
      </c>
      <c r="C3838" s="16">
        <v>3804</v>
      </c>
      <c r="D3838" cm="1">
        <f t="array" ref="D3838">IFERROR(INDEX(Jesper!AH$2:AH$366,ROUNDDOWN($C3838/24,0)+1,1)*INDEX($D$3:$AA$30,INDEX(Jesper!$R$2:$R$366,ROW(INDEX(Jesper!AH$2:AH$366,ROUNDDOWN($C3838/24,0)+1,1))-1)+IF('Standard Profiles'!$G$18=$B$10,7,0)+IF('Standard Profiles'!$G$18=$B$17,14,0)+IF('Standard Profiles'!$G$18=$B$24,21,0),MOD($C3838,24)+1)/SUM(INDEX($D$3:$AA$30,INDEX(Jesper!$R$2:$R$366,ROW(INDEX(Jesper!AH$2:AH$366,ROUNDDOWN($C3838/24,0)+1,1))-1)+IF('Standard Profiles'!$G$18=$B$10,7,0)+IF('Standard Profiles'!$G$18=$B$17,14,0)+IF('Standard Profiles'!$G$18=$B$24,21,0),0)),0)</f>
        <v>15.745809660725465</v>
      </c>
      <c r="E3838" cm="1">
        <f t="array" ref="E3838">IFERROR(INDEX(Jesper!AI$2:AI$366,ROUNDDOWN($C3838/24,0)+1,1)*INDEX($D$3:$AA$30,INDEX(Jesper!$R$2:$R$366,ROW(INDEX(Jesper!AI$2:AI$366,ROUNDDOWN($C3838/24,0)+1,1))-1)+IF('Standard Profiles'!$G$19=$B$10,7,0)+IF('Standard Profiles'!$G$19=$B$17,14,0)+IF('Standard Profiles'!$G$19=$B$24,21,0),MOD($C3838,24)+1)/SUM(INDEX($D$3:$AA$30,INDEX(Jesper!$R$2:$R$366,ROW(INDEX(Jesper!AI$2:AI$366,ROUNDDOWN($C3838/24,0)+1,1))-1)+IF('Standard Profiles'!$G$19=$B$10,7,0)+IF('Standard Profiles'!$G$19=$B$17,14,0)+IF('Standard Profiles'!$G$19=$B$24,21,0),0)),0)</f>
        <v>0</v>
      </c>
      <c r="F3838" cm="1">
        <f t="array" ref="F3838">IFERROR(INDEX(Jesper!AJ$2:AJ$366,ROUNDDOWN($C3838/24,0)+1,1)*INDEX($D$3:$AA$30,INDEX(Jesper!$R$2:$R$366,ROW(INDEX(Jesper!AJ$2:AJ$366,ROUNDDOWN($C3838/24,0)+1,1))-1)+IF('Standard Profiles'!$G$20=$B$10,7,0)+IF('Standard Profiles'!$G$20=$B$17,14,0)+IF('Standard Profiles'!$G$20=$B$24,21,0),MOD($C3838,24)+1)/SUM(INDEX($D$3:$AA$30,INDEX(Jesper!$R$2:$R$366,ROW(INDEX(Jesper!AJ$2:AJ$366,ROUNDDOWN($C3838/24,0)+1,1))-1)+IF('Standard Profiles'!$G$20=$B$10,7,0)+IF('Standard Profiles'!$G$20=$B$17,14,0)+IF('Standard Profiles'!$G$20=$B$24,21,0),0)),0)</f>
        <v>0</v>
      </c>
      <c r="G3838" cm="1">
        <f t="array" ref="G3838">IFERROR(INDEX(Jesper!AK$2:AK$366,ROUNDDOWN($C3838/24,0)+1,1)*INDEX($D$3:$AA$30,INDEX(Jesper!$R$2:$R$366,ROW(INDEX(Jesper!AK$2:AK$366,ROUNDDOWN($C3838/24,0)+1,1))-1)+IF('Standard Profiles'!$G$21=$B$10,7,0)+IF('Standard Profiles'!$G$21=$B$17,14,0)+IF('Standard Profiles'!$G$21=$B$24,21,0),MOD($C3838,24)+1)/SUM(INDEX($D$3:$AA$30,INDEX(Jesper!$R$2:$R$366,ROW(INDEX(Jesper!AK$2:AK$366,ROUNDDOWN($C3838/24,0)+1,1))-1)+IF('Standard Profiles'!$G$21=$B$10,7,0)+IF('Standard Profiles'!$G$21=$B$17,14,0)+IF('Standard Profiles'!$G$21=$B$24,21,0),0)),0)</f>
        <v>0</v>
      </c>
      <c r="H3838" cm="1">
        <f t="array" ref="H3838">IFERROR(INDEX(Jesper!AL$2:AL$366,ROUNDDOWN($C3838/24,0)+1,1)*INDEX($D$3:$AA$30,INDEX(Jesper!$R$2:$R$366,ROW(INDEX(Jesper!AL$2:AL$366,ROUNDDOWN($C3838/24,0)+1,1))-1)+IF('Standard Profiles'!$G$22=$B$10,7,0)+IF('Standard Profiles'!$G$22=$B$17,14,0)+IF('Standard Profiles'!$G$22=$B$24,21,0),MOD($C3838,24)+1)/SUM(INDEX($D$3:$AA$30,INDEX(Jesper!$R$2:$R$366,ROW(INDEX(Jesper!AL$2:AL$366,ROUNDDOWN($C3838/24,0)+1,1))-1)+IF('Standard Profiles'!$G$22=$B$10,7,0)+IF('Standard Profiles'!$G$22=$B$17,14,0)+IF('Standard Profiles'!$G$22=$B$24,21,0),0)),0)</f>
        <v>0</v>
      </c>
      <c r="I3838">
        <f t="shared" si="433"/>
        <v>0.47237428982176394</v>
      </c>
      <c r="J3838">
        <f t="shared" si="434"/>
        <v>1.5745809660725465</v>
      </c>
      <c r="K3838">
        <f t="shared" si="435"/>
        <v>2.3618714491088197</v>
      </c>
      <c r="L3838">
        <f t="shared" si="436"/>
        <v>11.336982955722334</v>
      </c>
      <c r="M3838">
        <f t="shared" si="437"/>
        <v>0</v>
      </c>
      <c r="N3838" s="46">
        <f t="shared" si="438"/>
        <v>45450.499999990774</v>
      </c>
    </row>
    <row r="3839" spans="2:14" x14ac:dyDescent="0.3">
      <c r="B3839">
        <f t="shared" si="432"/>
        <v>5</v>
      </c>
      <c r="C3839" s="16">
        <v>3805</v>
      </c>
      <c r="D3839" cm="1">
        <f t="array" ref="D3839">IFERROR(INDEX(Jesper!AH$2:AH$366,ROUNDDOWN($C3839/24,0)+1,1)*INDEX($D$3:$AA$30,INDEX(Jesper!$R$2:$R$366,ROW(INDEX(Jesper!AH$2:AH$366,ROUNDDOWN($C3839/24,0)+1,1))-1)+IF('Standard Profiles'!$G$18=$B$10,7,0)+IF('Standard Profiles'!$G$18=$B$17,14,0)+IF('Standard Profiles'!$G$18=$B$24,21,0),MOD($C3839,24)+1)/SUM(INDEX($D$3:$AA$30,INDEX(Jesper!$R$2:$R$366,ROW(INDEX(Jesper!AH$2:AH$366,ROUNDDOWN($C3839/24,0)+1,1))-1)+IF('Standard Profiles'!$G$18=$B$10,7,0)+IF('Standard Profiles'!$G$18=$B$17,14,0)+IF('Standard Profiles'!$G$18=$B$24,21,0),0)),0)</f>
        <v>15.745809660725465</v>
      </c>
      <c r="E3839" cm="1">
        <f t="array" ref="E3839">IFERROR(INDEX(Jesper!AI$2:AI$366,ROUNDDOWN($C3839/24,0)+1,1)*INDEX($D$3:$AA$30,INDEX(Jesper!$R$2:$R$366,ROW(INDEX(Jesper!AI$2:AI$366,ROUNDDOWN($C3839/24,0)+1,1))-1)+IF('Standard Profiles'!$G$19=$B$10,7,0)+IF('Standard Profiles'!$G$19=$B$17,14,0)+IF('Standard Profiles'!$G$19=$B$24,21,0),MOD($C3839,24)+1)/SUM(INDEX($D$3:$AA$30,INDEX(Jesper!$R$2:$R$366,ROW(INDEX(Jesper!AI$2:AI$366,ROUNDDOWN($C3839/24,0)+1,1))-1)+IF('Standard Profiles'!$G$19=$B$10,7,0)+IF('Standard Profiles'!$G$19=$B$17,14,0)+IF('Standard Profiles'!$G$19=$B$24,21,0),0)),0)</f>
        <v>0</v>
      </c>
      <c r="F3839" cm="1">
        <f t="array" ref="F3839">IFERROR(INDEX(Jesper!AJ$2:AJ$366,ROUNDDOWN($C3839/24,0)+1,1)*INDEX($D$3:$AA$30,INDEX(Jesper!$R$2:$R$366,ROW(INDEX(Jesper!AJ$2:AJ$366,ROUNDDOWN($C3839/24,0)+1,1))-1)+IF('Standard Profiles'!$G$20=$B$10,7,0)+IF('Standard Profiles'!$G$20=$B$17,14,0)+IF('Standard Profiles'!$G$20=$B$24,21,0),MOD($C3839,24)+1)/SUM(INDEX($D$3:$AA$30,INDEX(Jesper!$R$2:$R$366,ROW(INDEX(Jesper!AJ$2:AJ$366,ROUNDDOWN($C3839/24,0)+1,1))-1)+IF('Standard Profiles'!$G$20=$B$10,7,0)+IF('Standard Profiles'!$G$20=$B$17,14,0)+IF('Standard Profiles'!$G$20=$B$24,21,0),0)),0)</f>
        <v>0</v>
      </c>
      <c r="G3839" cm="1">
        <f t="array" ref="G3839">IFERROR(INDEX(Jesper!AK$2:AK$366,ROUNDDOWN($C3839/24,0)+1,1)*INDEX($D$3:$AA$30,INDEX(Jesper!$R$2:$R$366,ROW(INDEX(Jesper!AK$2:AK$366,ROUNDDOWN($C3839/24,0)+1,1))-1)+IF('Standard Profiles'!$G$21=$B$10,7,0)+IF('Standard Profiles'!$G$21=$B$17,14,0)+IF('Standard Profiles'!$G$21=$B$24,21,0),MOD($C3839,24)+1)/SUM(INDEX($D$3:$AA$30,INDEX(Jesper!$R$2:$R$366,ROW(INDEX(Jesper!AK$2:AK$366,ROUNDDOWN($C3839/24,0)+1,1))-1)+IF('Standard Profiles'!$G$21=$B$10,7,0)+IF('Standard Profiles'!$G$21=$B$17,14,0)+IF('Standard Profiles'!$G$21=$B$24,21,0),0)),0)</f>
        <v>0</v>
      </c>
      <c r="H3839" cm="1">
        <f t="array" ref="H3839">IFERROR(INDEX(Jesper!AL$2:AL$366,ROUNDDOWN($C3839/24,0)+1,1)*INDEX($D$3:$AA$30,INDEX(Jesper!$R$2:$R$366,ROW(INDEX(Jesper!AL$2:AL$366,ROUNDDOWN($C3839/24,0)+1,1))-1)+IF('Standard Profiles'!$G$22=$B$10,7,0)+IF('Standard Profiles'!$G$22=$B$17,14,0)+IF('Standard Profiles'!$G$22=$B$24,21,0),MOD($C3839,24)+1)/SUM(INDEX($D$3:$AA$30,INDEX(Jesper!$R$2:$R$366,ROW(INDEX(Jesper!AL$2:AL$366,ROUNDDOWN($C3839/24,0)+1,1))-1)+IF('Standard Profiles'!$G$22=$B$10,7,0)+IF('Standard Profiles'!$G$22=$B$17,14,0)+IF('Standard Profiles'!$G$22=$B$24,21,0),0)),0)</f>
        <v>0</v>
      </c>
      <c r="I3839">
        <f t="shared" si="433"/>
        <v>0.47237428982176394</v>
      </c>
      <c r="J3839">
        <f t="shared" si="434"/>
        <v>1.5745809660725465</v>
      </c>
      <c r="K3839">
        <f t="shared" si="435"/>
        <v>2.3618714491088197</v>
      </c>
      <c r="L3839">
        <f t="shared" si="436"/>
        <v>11.336982955722334</v>
      </c>
      <c r="M3839">
        <f t="shared" si="437"/>
        <v>0</v>
      </c>
      <c r="N3839" s="46">
        <f t="shared" si="438"/>
        <v>45450.541666657438</v>
      </c>
    </row>
    <row r="3840" spans="2:14" x14ac:dyDescent="0.3">
      <c r="B3840">
        <f t="shared" si="432"/>
        <v>5</v>
      </c>
      <c r="C3840" s="16">
        <v>3806</v>
      </c>
      <c r="D3840" cm="1">
        <f t="array" ref="D3840">IFERROR(INDEX(Jesper!AH$2:AH$366,ROUNDDOWN($C3840/24,0)+1,1)*INDEX($D$3:$AA$30,INDEX(Jesper!$R$2:$R$366,ROW(INDEX(Jesper!AH$2:AH$366,ROUNDDOWN($C3840/24,0)+1,1))-1)+IF('Standard Profiles'!$G$18=$B$10,7,0)+IF('Standard Profiles'!$G$18=$B$17,14,0)+IF('Standard Profiles'!$G$18=$B$24,21,0),MOD($C3840,24)+1)/SUM(INDEX($D$3:$AA$30,INDEX(Jesper!$R$2:$R$366,ROW(INDEX(Jesper!AH$2:AH$366,ROUNDDOWN($C3840/24,0)+1,1))-1)+IF('Standard Profiles'!$G$18=$B$10,7,0)+IF('Standard Profiles'!$G$18=$B$17,14,0)+IF('Standard Profiles'!$G$18=$B$24,21,0),0)),0)</f>
        <v>15.745809660725465</v>
      </c>
      <c r="E3840" cm="1">
        <f t="array" ref="E3840">IFERROR(INDEX(Jesper!AI$2:AI$366,ROUNDDOWN($C3840/24,0)+1,1)*INDEX($D$3:$AA$30,INDEX(Jesper!$R$2:$R$366,ROW(INDEX(Jesper!AI$2:AI$366,ROUNDDOWN($C3840/24,0)+1,1))-1)+IF('Standard Profiles'!$G$19=$B$10,7,0)+IF('Standard Profiles'!$G$19=$B$17,14,0)+IF('Standard Profiles'!$G$19=$B$24,21,0),MOD($C3840,24)+1)/SUM(INDEX($D$3:$AA$30,INDEX(Jesper!$R$2:$R$366,ROW(INDEX(Jesper!AI$2:AI$366,ROUNDDOWN($C3840/24,0)+1,1))-1)+IF('Standard Profiles'!$G$19=$B$10,7,0)+IF('Standard Profiles'!$G$19=$B$17,14,0)+IF('Standard Profiles'!$G$19=$B$24,21,0),0)),0)</f>
        <v>0</v>
      </c>
      <c r="F3840" cm="1">
        <f t="array" ref="F3840">IFERROR(INDEX(Jesper!AJ$2:AJ$366,ROUNDDOWN($C3840/24,0)+1,1)*INDEX($D$3:$AA$30,INDEX(Jesper!$R$2:$R$366,ROW(INDEX(Jesper!AJ$2:AJ$366,ROUNDDOWN($C3840/24,0)+1,1))-1)+IF('Standard Profiles'!$G$20=$B$10,7,0)+IF('Standard Profiles'!$G$20=$B$17,14,0)+IF('Standard Profiles'!$G$20=$B$24,21,0),MOD($C3840,24)+1)/SUM(INDEX($D$3:$AA$30,INDEX(Jesper!$R$2:$R$366,ROW(INDEX(Jesper!AJ$2:AJ$366,ROUNDDOWN($C3840/24,0)+1,1))-1)+IF('Standard Profiles'!$G$20=$B$10,7,0)+IF('Standard Profiles'!$G$20=$B$17,14,0)+IF('Standard Profiles'!$G$20=$B$24,21,0),0)),0)</f>
        <v>0</v>
      </c>
      <c r="G3840" cm="1">
        <f t="array" ref="G3840">IFERROR(INDEX(Jesper!AK$2:AK$366,ROUNDDOWN($C3840/24,0)+1,1)*INDEX($D$3:$AA$30,INDEX(Jesper!$R$2:$R$366,ROW(INDEX(Jesper!AK$2:AK$366,ROUNDDOWN($C3840/24,0)+1,1))-1)+IF('Standard Profiles'!$G$21=$B$10,7,0)+IF('Standard Profiles'!$G$21=$B$17,14,0)+IF('Standard Profiles'!$G$21=$B$24,21,0),MOD($C3840,24)+1)/SUM(INDEX($D$3:$AA$30,INDEX(Jesper!$R$2:$R$366,ROW(INDEX(Jesper!AK$2:AK$366,ROUNDDOWN($C3840/24,0)+1,1))-1)+IF('Standard Profiles'!$G$21=$B$10,7,0)+IF('Standard Profiles'!$G$21=$B$17,14,0)+IF('Standard Profiles'!$G$21=$B$24,21,0),0)),0)</f>
        <v>0</v>
      </c>
      <c r="H3840" cm="1">
        <f t="array" ref="H3840">IFERROR(INDEX(Jesper!AL$2:AL$366,ROUNDDOWN($C3840/24,0)+1,1)*INDEX($D$3:$AA$30,INDEX(Jesper!$R$2:$R$366,ROW(INDEX(Jesper!AL$2:AL$366,ROUNDDOWN($C3840/24,0)+1,1))-1)+IF('Standard Profiles'!$G$22=$B$10,7,0)+IF('Standard Profiles'!$G$22=$B$17,14,0)+IF('Standard Profiles'!$G$22=$B$24,21,0),MOD($C3840,24)+1)/SUM(INDEX($D$3:$AA$30,INDEX(Jesper!$R$2:$R$366,ROW(INDEX(Jesper!AL$2:AL$366,ROUNDDOWN($C3840/24,0)+1,1))-1)+IF('Standard Profiles'!$G$22=$B$10,7,0)+IF('Standard Profiles'!$G$22=$B$17,14,0)+IF('Standard Profiles'!$G$22=$B$24,21,0),0)),0)</f>
        <v>0</v>
      </c>
      <c r="I3840">
        <f t="shared" si="433"/>
        <v>0.47237428982176394</v>
      </c>
      <c r="J3840">
        <f t="shared" si="434"/>
        <v>1.5745809660725465</v>
      </c>
      <c r="K3840">
        <f t="shared" si="435"/>
        <v>2.3618714491088197</v>
      </c>
      <c r="L3840">
        <f t="shared" si="436"/>
        <v>11.336982955722334</v>
      </c>
      <c r="M3840">
        <f t="shared" si="437"/>
        <v>0</v>
      </c>
      <c r="N3840" s="46">
        <f t="shared" si="438"/>
        <v>45450.583333324103</v>
      </c>
    </row>
    <row r="3841" spans="2:14" x14ac:dyDescent="0.3">
      <c r="B3841">
        <f t="shared" si="432"/>
        <v>5</v>
      </c>
      <c r="C3841" s="16">
        <v>3807</v>
      </c>
      <c r="D3841" cm="1">
        <f t="array" ref="D3841">IFERROR(INDEX(Jesper!AH$2:AH$366,ROUNDDOWN($C3841/24,0)+1,1)*INDEX($D$3:$AA$30,INDEX(Jesper!$R$2:$R$366,ROW(INDEX(Jesper!AH$2:AH$366,ROUNDDOWN($C3841/24,0)+1,1))-1)+IF('Standard Profiles'!$G$18=$B$10,7,0)+IF('Standard Profiles'!$G$18=$B$17,14,0)+IF('Standard Profiles'!$G$18=$B$24,21,0),MOD($C3841,24)+1)/SUM(INDEX($D$3:$AA$30,INDEX(Jesper!$R$2:$R$366,ROW(INDEX(Jesper!AH$2:AH$366,ROUNDDOWN($C3841/24,0)+1,1))-1)+IF('Standard Profiles'!$G$18=$B$10,7,0)+IF('Standard Profiles'!$G$18=$B$17,14,0)+IF('Standard Profiles'!$G$18=$B$24,21,0),0)),0)</f>
        <v>13.121508050604554</v>
      </c>
      <c r="E3841" cm="1">
        <f t="array" ref="E3841">IFERROR(INDEX(Jesper!AI$2:AI$366,ROUNDDOWN($C3841/24,0)+1,1)*INDEX($D$3:$AA$30,INDEX(Jesper!$R$2:$R$366,ROW(INDEX(Jesper!AI$2:AI$366,ROUNDDOWN($C3841/24,0)+1,1))-1)+IF('Standard Profiles'!$G$19=$B$10,7,0)+IF('Standard Profiles'!$G$19=$B$17,14,0)+IF('Standard Profiles'!$G$19=$B$24,21,0),MOD($C3841,24)+1)/SUM(INDEX($D$3:$AA$30,INDEX(Jesper!$R$2:$R$366,ROW(INDEX(Jesper!AI$2:AI$366,ROUNDDOWN($C3841/24,0)+1,1))-1)+IF('Standard Profiles'!$G$19=$B$10,7,0)+IF('Standard Profiles'!$G$19=$B$17,14,0)+IF('Standard Profiles'!$G$19=$B$24,21,0),0)),0)</f>
        <v>0</v>
      </c>
      <c r="F3841" cm="1">
        <f t="array" ref="F3841">IFERROR(INDEX(Jesper!AJ$2:AJ$366,ROUNDDOWN($C3841/24,0)+1,1)*INDEX($D$3:$AA$30,INDEX(Jesper!$R$2:$R$366,ROW(INDEX(Jesper!AJ$2:AJ$366,ROUNDDOWN($C3841/24,0)+1,1))-1)+IF('Standard Profiles'!$G$20=$B$10,7,0)+IF('Standard Profiles'!$G$20=$B$17,14,0)+IF('Standard Profiles'!$G$20=$B$24,21,0),MOD($C3841,24)+1)/SUM(INDEX($D$3:$AA$30,INDEX(Jesper!$R$2:$R$366,ROW(INDEX(Jesper!AJ$2:AJ$366,ROUNDDOWN($C3841/24,0)+1,1))-1)+IF('Standard Profiles'!$G$20=$B$10,7,0)+IF('Standard Profiles'!$G$20=$B$17,14,0)+IF('Standard Profiles'!$G$20=$B$24,21,0),0)),0)</f>
        <v>0</v>
      </c>
      <c r="G3841" cm="1">
        <f t="array" ref="G3841">IFERROR(INDEX(Jesper!AK$2:AK$366,ROUNDDOWN($C3841/24,0)+1,1)*INDEX($D$3:$AA$30,INDEX(Jesper!$R$2:$R$366,ROW(INDEX(Jesper!AK$2:AK$366,ROUNDDOWN($C3841/24,0)+1,1))-1)+IF('Standard Profiles'!$G$21=$B$10,7,0)+IF('Standard Profiles'!$G$21=$B$17,14,0)+IF('Standard Profiles'!$G$21=$B$24,21,0),MOD($C3841,24)+1)/SUM(INDEX($D$3:$AA$30,INDEX(Jesper!$R$2:$R$366,ROW(INDEX(Jesper!AK$2:AK$366,ROUNDDOWN($C3841/24,0)+1,1))-1)+IF('Standard Profiles'!$G$21=$B$10,7,0)+IF('Standard Profiles'!$G$21=$B$17,14,0)+IF('Standard Profiles'!$G$21=$B$24,21,0),0)),0)</f>
        <v>0</v>
      </c>
      <c r="H3841" cm="1">
        <f t="array" ref="H3841">IFERROR(INDEX(Jesper!AL$2:AL$366,ROUNDDOWN($C3841/24,0)+1,1)*INDEX($D$3:$AA$30,INDEX(Jesper!$R$2:$R$366,ROW(INDEX(Jesper!AL$2:AL$366,ROUNDDOWN($C3841/24,0)+1,1))-1)+IF('Standard Profiles'!$G$22=$B$10,7,0)+IF('Standard Profiles'!$G$22=$B$17,14,0)+IF('Standard Profiles'!$G$22=$B$24,21,0),MOD($C3841,24)+1)/SUM(INDEX($D$3:$AA$30,INDEX(Jesper!$R$2:$R$366,ROW(INDEX(Jesper!AL$2:AL$366,ROUNDDOWN($C3841/24,0)+1,1))-1)+IF('Standard Profiles'!$G$22=$B$10,7,0)+IF('Standard Profiles'!$G$22=$B$17,14,0)+IF('Standard Profiles'!$G$22=$B$24,21,0),0)),0)</f>
        <v>0</v>
      </c>
      <c r="I3841">
        <f t="shared" si="433"/>
        <v>0.39364524151813662</v>
      </c>
      <c r="J3841">
        <f t="shared" si="434"/>
        <v>1.3121508050604556</v>
      </c>
      <c r="K3841">
        <f t="shared" si="435"/>
        <v>1.9682262075906829</v>
      </c>
      <c r="L3841">
        <f t="shared" si="436"/>
        <v>9.447485796435279</v>
      </c>
      <c r="M3841">
        <f t="shared" si="437"/>
        <v>0</v>
      </c>
      <c r="N3841" s="46">
        <f t="shared" si="438"/>
        <v>45450.624999990767</v>
      </c>
    </row>
    <row r="3842" spans="2:14" x14ac:dyDescent="0.3">
      <c r="B3842">
        <f t="shared" si="432"/>
        <v>5</v>
      </c>
      <c r="C3842" s="16">
        <v>3808</v>
      </c>
      <c r="D3842" cm="1">
        <f t="array" ref="D3842">IFERROR(INDEX(Jesper!AH$2:AH$366,ROUNDDOWN($C3842/24,0)+1,1)*INDEX($D$3:$AA$30,INDEX(Jesper!$R$2:$R$366,ROW(INDEX(Jesper!AH$2:AH$366,ROUNDDOWN($C3842/24,0)+1,1))-1)+IF('Standard Profiles'!$G$18=$B$10,7,0)+IF('Standard Profiles'!$G$18=$B$17,14,0)+IF('Standard Profiles'!$G$18=$B$24,21,0),MOD($C3842,24)+1)/SUM(INDEX($D$3:$AA$30,INDEX(Jesper!$R$2:$R$366,ROW(INDEX(Jesper!AH$2:AH$366,ROUNDDOWN($C3842/24,0)+1,1))-1)+IF('Standard Profiles'!$G$18=$B$10,7,0)+IF('Standard Profiles'!$G$18=$B$17,14,0)+IF('Standard Profiles'!$G$18=$B$24,21,0),0)),0)</f>
        <v>12.421694287905645</v>
      </c>
      <c r="E3842" cm="1">
        <f t="array" ref="E3842">IFERROR(INDEX(Jesper!AI$2:AI$366,ROUNDDOWN($C3842/24,0)+1,1)*INDEX($D$3:$AA$30,INDEX(Jesper!$R$2:$R$366,ROW(INDEX(Jesper!AI$2:AI$366,ROUNDDOWN($C3842/24,0)+1,1))-1)+IF('Standard Profiles'!$G$19=$B$10,7,0)+IF('Standard Profiles'!$G$19=$B$17,14,0)+IF('Standard Profiles'!$G$19=$B$24,21,0),MOD($C3842,24)+1)/SUM(INDEX($D$3:$AA$30,INDEX(Jesper!$R$2:$R$366,ROW(INDEX(Jesper!AI$2:AI$366,ROUNDDOWN($C3842/24,0)+1,1))-1)+IF('Standard Profiles'!$G$19=$B$10,7,0)+IF('Standard Profiles'!$G$19=$B$17,14,0)+IF('Standard Profiles'!$G$19=$B$24,21,0),0)),0)</f>
        <v>0</v>
      </c>
      <c r="F3842" cm="1">
        <f t="array" ref="F3842">IFERROR(INDEX(Jesper!AJ$2:AJ$366,ROUNDDOWN($C3842/24,0)+1,1)*INDEX($D$3:$AA$30,INDEX(Jesper!$R$2:$R$366,ROW(INDEX(Jesper!AJ$2:AJ$366,ROUNDDOWN($C3842/24,0)+1,1))-1)+IF('Standard Profiles'!$G$20=$B$10,7,0)+IF('Standard Profiles'!$G$20=$B$17,14,0)+IF('Standard Profiles'!$G$20=$B$24,21,0),MOD($C3842,24)+1)/SUM(INDEX($D$3:$AA$30,INDEX(Jesper!$R$2:$R$366,ROW(INDEX(Jesper!AJ$2:AJ$366,ROUNDDOWN($C3842/24,0)+1,1))-1)+IF('Standard Profiles'!$G$20=$B$10,7,0)+IF('Standard Profiles'!$G$20=$B$17,14,0)+IF('Standard Profiles'!$G$20=$B$24,21,0),0)),0)</f>
        <v>0</v>
      </c>
      <c r="G3842" cm="1">
        <f t="array" ref="G3842">IFERROR(INDEX(Jesper!AK$2:AK$366,ROUNDDOWN($C3842/24,0)+1,1)*INDEX($D$3:$AA$30,INDEX(Jesper!$R$2:$R$366,ROW(INDEX(Jesper!AK$2:AK$366,ROUNDDOWN($C3842/24,0)+1,1))-1)+IF('Standard Profiles'!$G$21=$B$10,7,0)+IF('Standard Profiles'!$G$21=$B$17,14,0)+IF('Standard Profiles'!$G$21=$B$24,21,0),MOD($C3842,24)+1)/SUM(INDEX($D$3:$AA$30,INDEX(Jesper!$R$2:$R$366,ROW(INDEX(Jesper!AK$2:AK$366,ROUNDDOWN($C3842/24,0)+1,1))-1)+IF('Standard Profiles'!$G$21=$B$10,7,0)+IF('Standard Profiles'!$G$21=$B$17,14,0)+IF('Standard Profiles'!$G$21=$B$24,21,0),0)),0)</f>
        <v>0</v>
      </c>
      <c r="H3842" cm="1">
        <f t="array" ref="H3842">IFERROR(INDEX(Jesper!AL$2:AL$366,ROUNDDOWN($C3842/24,0)+1,1)*INDEX($D$3:$AA$30,INDEX(Jesper!$R$2:$R$366,ROW(INDEX(Jesper!AL$2:AL$366,ROUNDDOWN($C3842/24,0)+1,1))-1)+IF('Standard Profiles'!$G$22=$B$10,7,0)+IF('Standard Profiles'!$G$22=$B$17,14,0)+IF('Standard Profiles'!$G$22=$B$24,21,0),MOD($C3842,24)+1)/SUM(INDEX($D$3:$AA$30,INDEX(Jesper!$R$2:$R$366,ROW(INDEX(Jesper!AL$2:AL$366,ROUNDDOWN($C3842/24,0)+1,1))-1)+IF('Standard Profiles'!$G$22=$B$10,7,0)+IF('Standard Profiles'!$G$22=$B$17,14,0)+IF('Standard Profiles'!$G$22=$B$24,21,0),0)),0)</f>
        <v>0</v>
      </c>
      <c r="I3842">
        <f t="shared" si="433"/>
        <v>0.37265082863716931</v>
      </c>
      <c r="J3842">
        <f t="shared" si="434"/>
        <v>1.2421694287905645</v>
      </c>
      <c r="K3842">
        <f t="shared" si="435"/>
        <v>1.8632541431858467</v>
      </c>
      <c r="L3842">
        <f t="shared" si="436"/>
        <v>8.9436198872920638</v>
      </c>
      <c r="M3842">
        <f t="shared" si="437"/>
        <v>0</v>
      </c>
      <c r="N3842" s="46">
        <f t="shared" si="438"/>
        <v>45450.666666657431</v>
      </c>
    </row>
    <row r="3843" spans="2:14" x14ac:dyDescent="0.3">
      <c r="B3843">
        <f t="shared" si="432"/>
        <v>5</v>
      </c>
      <c r="C3843" s="16">
        <v>3809</v>
      </c>
      <c r="D3843" cm="1">
        <f t="array" ref="D3843">IFERROR(INDEX(Jesper!AH$2:AH$366,ROUNDDOWN($C3843/24,0)+1,1)*INDEX($D$3:$AA$30,INDEX(Jesper!$R$2:$R$366,ROW(INDEX(Jesper!AH$2:AH$366,ROUNDDOWN($C3843/24,0)+1,1))-1)+IF('Standard Profiles'!$G$18=$B$10,7,0)+IF('Standard Profiles'!$G$18=$B$17,14,0)+IF('Standard Profiles'!$G$18=$B$24,21,0),MOD($C3843,24)+1)/SUM(INDEX($D$3:$AA$30,INDEX(Jesper!$R$2:$R$366,ROW(INDEX(Jesper!AH$2:AH$366,ROUNDDOWN($C3843/24,0)+1,1))-1)+IF('Standard Profiles'!$G$18=$B$10,7,0)+IF('Standard Profiles'!$G$18=$B$17,14,0)+IF('Standard Profiles'!$G$18=$B$24,21,0),0)),0)</f>
        <v>12.421694287905645</v>
      </c>
      <c r="E3843" cm="1">
        <f t="array" ref="E3843">IFERROR(INDEX(Jesper!AI$2:AI$366,ROUNDDOWN($C3843/24,0)+1,1)*INDEX($D$3:$AA$30,INDEX(Jesper!$R$2:$R$366,ROW(INDEX(Jesper!AI$2:AI$366,ROUNDDOWN($C3843/24,0)+1,1))-1)+IF('Standard Profiles'!$G$19=$B$10,7,0)+IF('Standard Profiles'!$G$19=$B$17,14,0)+IF('Standard Profiles'!$G$19=$B$24,21,0),MOD($C3843,24)+1)/SUM(INDEX($D$3:$AA$30,INDEX(Jesper!$R$2:$R$366,ROW(INDEX(Jesper!AI$2:AI$366,ROUNDDOWN($C3843/24,0)+1,1))-1)+IF('Standard Profiles'!$G$19=$B$10,7,0)+IF('Standard Profiles'!$G$19=$B$17,14,0)+IF('Standard Profiles'!$G$19=$B$24,21,0),0)),0)</f>
        <v>0</v>
      </c>
      <c r="F3843" cm="1">
        <f t="array" ref="F3843">IFERROR(INDEX(Jesper!AJ$2:AJ$366,ROUNDDOWN($C3843/24,0)+1,1)*INDEX($D$3:$AA$30,INDEX(Jesper!$R$2:$R$366,ROW(INDEX(Jesper!AJ$2:AJ$366,ROUNDDOWN($C3843/24,0)+1,1))-1)+IF('Standard Profiles'!$G$20=$B$10,7,0)+IF('Standard Profiles'!$G$20=$B$17,14,0)+IF('Standard Profiles'!$G$20=$B$24,21,0),MOD($C3843,24)+1)/SUM(INDEX($D$3:$AA$30,INDEX(Jesper!$R$2:$R$366,ROW(INDEX(Jesper!AJ$2:AJ$366,ROUNDDOWN($C3843/24,0)+1,1))-1)+IF('Standard Profiles'!$G$20=$B$10,7,0)+IF('Standard Profiles'!$G$20=$B$17,14,0)+IF('Standard Profiles'!$G$20=$B$24,21,0),0)),0)</f>
        <v>0</v>
      </c>
      <c r="G3843" cm="1">
        <f t="array" ref="G3843">IFERROR(INDEX(Jesper!AK$2:AK$366,ROUNDDOWN($C3843/24,0)+1,1)*INDEX($D$3:$AA$30,INDEX(Jesper!$R$2:$R$366,ROW(INDEX(Jesper!AK$2:AK$366,ROUNDDOWN($C3843/24,0)+1,1))-1)+IF('Standard Profiles'!$G$21=$B$10,7,0)+IF('Standard Profiles'!$G$21=$B$17,14,0)+IF('Standard Profiles'!$G$21=$B$24,21,0),MOD($C3843,24)+1)/SUM(INDEX($D$3:$AA$30,INDEX(Jesper!$R$2:$R$366,ROW(INDEX(Jesper!AK$2:AK$366,ROUNDDOWN($C3843/24,0)+1,1))-1)+IF('Standard Profiles'!$G$21=$B$10,7,0)+IF('Standard Profiles'!$G$21=$B$17,14,0)+IF('Standard Profiles'!$G$21=$B$24,21,0),0)),0)</f>
        <v>0</v>
      </c>
      <c r="H3843" cm="1">
        <f t="array" ref="H3843">IFERROR(INDEX(Jesper!AL$2:AL$366,ROUNDDOWN($C3843/24,0)+1,1)*INDEX($D$3:$AA$30,INDEX(Jesper!$R$2:$R$366,ROW(INDEX(Jesper!AL$2:AL$366,ROUNDDOWN($C3843/24,0)+1,1))-1)+IF('Standard Profiles'!$G$22=$B$10,7,0)+IF('Standard Profiles'!$G$22=$B$17,14,0)+IF('Standard Profiles'!$G$22=$B$24,21,0),MOD($C3843,24)+1)/SUM(INDEX($D$3:$AA$30,INDEX(Jesper!$R$2:$R$366,ROW(INDEX(Jesper!AL$2:AL$366,ROUNDDOWN($C3843/24,0)+1,1))-1)+IF('Standard Profiles'!$G$22=$B$10,7,0)+IF('Standard Profiles'!$G$22=$B$17,14,0)+IF('Standard Profiles'!$G$22=$B$24,21,0),0)),0)</f>
        <v>0</v>
      </c>
      <c r="I3843">
        <f t="shared" si="433"/>
        <v>0.37265082863716931</v>
      </c>
      <c r="J3843">
        <f t="shared" si="434"/>
        <v>1.2421694287905645</v>
      </c>
      <c r="K3843">
        <f t="shared" si="435"/>
        <v>1.8632541431858467</v>
      </c>
      <c r="L3843">
        <f t="shared" si="436"/>
        <v>8.9436198872920638</v>
      </c>
      <c r="M3843">
        <f t="shared" si="437"/>
        <v>0</v>
      </c>
      <c r="N3843" s="46">
        <f t="shared" si="438"/>
        <v>45450.708333324095</v>
      </c>
    </row>
    <row r="3844" spans="2:14" x14ac:dyDescent="0.3">
      <c r="B3844">
        <f t="shared" si="432"/>
        <v>5</v>
      </c>
      <c r="C3844" s="16">
        <v>3810</v>
      </c>
      <c r="D3844" cm="1">
        <f t="array" ref="D3844">IFERROR(INDEX(Jesper!AH$2:AH$366,ROUNDDOWN($C3844/24,0)+1,1)*INDEX($D$3:$AA$30,INDEX(Jesper!$R$2:$R$366,ROW(INDEX(Jesper!AH$2:AH$366,ROUNDDOWN($C3844/24,0)+1,1))-1)+IF('Standard Profiles'!$G$18=$B$10,7,0)+IF('Standard Profiles'!$G$18=$B$17,14,0)+IF('Standard Profiles'!$G$18=$B$24,21,0),MOD($C3844,24)+1)/SUM(INDEX($D$3:$AA$30,INDEX(Jesper!$R$2:$R$366,ROW(INDEX(Jesper!AH$2:AH$366,ROUNDDOWN($C3844/24,0)+1,1))-1)+IF('Standard Profiles'!$G$18=$B$10,7,0)+IF('Standard Profiles'!$G$18=$B$17,14,0)+IF('Standard Profiles'!$G$18=$B$24,21,0),0)),0)</f>
        <v>12.421694287905645</v>
      </c>
      <c r="E3844" cm="1">
        <f t="array" ref="E3844">IFERROR(INDEX(Jesper!AI$2:AI$366,ROUNDDOWN($C3844/24,0)+1,1)*INDEX($D$3:$AA$30,INDEX(Jesper!$R$2:$R$366,ROW(INDEX(Jesper!AI$2:AI$366,ROUNDDOWN($C3844/24,0)+1,1))-1)+IF('Standard Profiles'!$G$19=$B$10,7,0)+IF('Standard Profiles'!$G$19=$B$17,14,0)+IF('Standard Profiles'!$G$19=$B$24,21,0),MOD($C3844,24)+1)/SUM(INDEX($D$3:$AA$30,INDEX(Jesper!$R$2:$R$366,ROW(INDEX(Jesper!AI$2:AI$366,ROUNDDOWN($C3844/24,0)+1,1))-1)+IF('Standard Profiles'!$G$19=$B$10,7,0)+IF('Standard Profiles'!$G$19=$B$17,14,0)+IF('Standard Profiles'!$G$19=$B$24,21,0),0)),0)</f>
        <v>0</v>
      </c>
      <c r="F3844" cm="1">
        <f t="array" ref="F3844">IFERROR(INDEX(Jesper!AJ$2:AJ$366,ROUNDDOWN($C3844/24,0)+1,1)*INDEX($D$3:$AA$30,INDEX(Jesper!$R$2:$R$366,ROW(INDEX(Jesper!AJ$2:AJ$366,ROUNDDOWN($C3844/24,0)+1,1))-1)+IF('Standard Profiles'!$G$20=$B$10,7,0)+IF('Standard Profiles'!$G$20=$B$17,14,0)+IF('Standard Profiles'!$G$20=$B$24,21,0),MOD($C3844,24)+1)/SUM(INDEX($D$3:$AA$30,INDEX(Jesper!$R$2:$R$366,ROW(INDEX(Jesper!AJ$2:AJ$366,ROUNDDOWN($C3844/24,0)+1,1))-1)+IF('Standard Profiles'!$G$20=$B$10,7,0)+IF('Standard Profiles'!$G$20=$B$17,14,0)+IF('Standard Profiles'!$G$20=$B$24,21,0),0)),0)</f>
        <v>0</v>
      </c>
      <c r="G3844" cm="1">
        <f t="array" ref="G3844">IFERROR(INDEX(Jesper!AK$2:AK$366,ROUNDDOWN($C3844/24,0)+1,1)*INDEX($D$3:$AA$30,INDEX(Jesper!$R$2:$R$366,ROW(INDEX(Jesper!AK$2:AK$366,ROUNDDOWN($C3844/24,0)+1,1))-1)+IF('Standard Profiles'!$G$21=$B$10,7,0)+IF('Standard Profiles'!$G$21=$B$17,14,0)+IF('Standard Profiles'!$G$21=$B$24,21,0),MOD($C3844,24)+1)/SUM(INDEX($D$3:$AA$30,INDEX(Jesper!$R$2:$R$366,ROW(INDEX(Jesper!AK$2:AK$366,ROUNDDOWN($C3844/24,0)+1,1))-1)+IF('Standard Profiles'!$G$21=$B$10,7,0)+IF('Standard Profiles'!$G$21=$B$17,14,0)+IF('Standard Profiles'!$G$21=$B$24,21,0),0)),0)</f>
        <v>0</v>
      </c>
      <c r="H3844" cm="1">
        <f t="array" ref="H3844">IFERROR(INDEX(Jesper!AL$2:AL$366,ROUNDDOWN($C3844/24,0)+1,1)*INDEX($D$3:$AA$30,INDEX(Jesper!$R$2:$R$366,ROW(INDEX(Jesper!AL$2:AL$366,ROUNDDOWN($C3844/24,0)+1,1))-1)+IF('Standard Profiles'!$G$22=$B$10,7,0)+IF('Standard Profiles'!$G$22=$B$17,14,0)+IF('Standard Profiles'!$G$22=$B$24,21,0),MOD($C3844,24)+1)/SUM(INDEX($D$3:$AA$30,INDEX(Jesper!$R$2:$R$366,ROW(INDEX(Jesper!AL$2:AL$366,ROUNDDOWN($C3844/24,0)+1,1))-1)+IF('Standard Profiles'!$G$22=$B$10,7,0)+IF('Standard Profiles'!$G$22=$B$17,14,0)+IF('Standard Profiles'!$G$22=$B$24,21,0),0)),0)</f>
        <v>0</v>
      </c>
      <c r="I3844">
        <f t="shared" si="433"/>
        <v>0.37265082863716931</v>
      </c>
      <c r="J3844">
        <f t="shared" si="434"/>
        <v>1.2421694287905645</v>
      </c>
      <c r="K3844">
        <f t="shared" si="435"/>
        <v>1.8632541431858467</v>
      </c>
      <c r="L3844">
        <f t="shared" si="436"/>
        <v>8.9436198872920638</v>
      </c>
      <c r="M3844">
        <f t="shared" si="437"/>
        <v>0</v>
      </c>
      <c r="N3844" s="46">
        <f t="shared" si="438"/>
        <v>45450.74999999076</v>
      </c>
    </row>
    <row r="3845" spans="2:14" x14ac:dyDescent="0.3">
      <c r="B3845">
        <f t="shared" si="432"/>
        <v>5</v>
      </c>
      <c r="C3845" s="16">
        <v>3811</v>
      </c>
      <c r="D3845" cm="1">
        <f t="array" ref="D3845">IFERROR(INDEX(Jesper!AH$2:AH$366,ROUNDDOWN($C3845/24,0)+1,1)*INDEX($D$3:$AA$30,INDEX(Jesper!$R$2:$R$366,ROW(INDEX(Jesper!AH$2:AH$366,ROUNDDOWN($C3845/24,0)+1,1))-1)+IF('Standard Profiles'!$G$18=$B$10,7,0)+IF('Standard Profiles'!$G$18=$B$17,14,0)+IF('Standard Profiles'!$G$18=$B$24,21,0),MOD($C3845,24)+1)/SUM(INDEX($D$3:$AA$30,INDEX(Jesper!$R$2:$R$366,ROW(INDEX(Jesper!AH$2:AH$366,ROUNDDOWN($C3845/24,0)+1,1))-1)+IF('Standard Profiles'!$G$18=$B$10,7,0)+IF('Standard Profiles'!$G$18=$B$17,14,0)+IF('Standard Profiles'!$G$18=$B$24,21,0),0)),0)</f>
        <v>12.421694287905645</v>
      </c>
      <c r="E3845" cm="1">
        <f t="array" ref="E3845">IFERROR(INDEX(Jesper!AI$2:AI$366,ROUNDDOWN($C3845/24,0)+1,1)*INDEX($D$3:$AA$30,INDEX(Jesper!$R$2:$R$366,ROW(INDEX(Jesper!AI$2:AI$366,ROUNDDOWN($C3845/24,0)+1,1))-1)+IF('Standard Profiles'!$G$19=$B$10,7,0)+IF('Standard Profiles'!$G$19=$B$17,14,0)+IF('Standard Profiles'!$G$19=$B$24,21,0),MOD($C3845,24)+1)/SUM(INDEX($D$3:$AA$30,INDEX(Jesper!$R$2:$R$366,ROW(INDEX(Jesper!AI$2:AI$366,ROUNDDOWN($C3845/24,0)+1,1))-1)+IF('Standard Profiles'!$G$19=$B$10,7,0)+IF('Standard Profiles'!$G$19=$B$17,14,0)+IF('Standard Profiles'!$G$19=$B$24,21,0),0)),0)</f>
        <v>0</v>
      </c>
      <c r="F3845" cm="1">
        <f t="array" ref="F3845">IFERROR(INDEX(Jesper!AJ$2:AJ$366,ROUNDDOWN($C3845/24,0)+1,1)*INDEX($D$3:$AA$30,INDEX(Jesper!$R$2:$R$366,ROW(INDEX(Jesper!AJ$2:AJ$366,ROUNDDOWN($C3845/24,0)+1,1))-1)+IF('Standard Profiles'!$G$20=$B$10,7,0)+IF('Standard Profiles'!$G$20=$B$17,14,0)+IF('Standard Profiles'!$G$20=$B$24,21,0),MOD($C3845,24)+1)/SUM(INDEX($D$3:$AA$30,INDEX(Jesper!$R$2:$R$366,ROW(INDEX(Jesper!AJ$2:AJ$366,ROUNDDOWN($C3845/24,0)+1,1))-1)+IF('Standard Profiles'!$G$20=$B$10,7,0)+IF('Standard Profiles'!$G$20=$B$17,14,0)+IF('Standard Profiles'!$G$20=$B$24,21,0),0)),0)</f>
        <v>0</v>
      </c>
      <c r="G3845" cm="1">
        <f t="array" ref="G3845">IFERROR(INDEX(Jesper!AK$2:AK$366,ROUNDDOWN($C3845/24,0)+1,1)*INDEX($D$3:$AA$30,INDEX(Jesper!$R$2:$R$366,ROW(INDEX(Jesper!AK$2:AK$366,ROUNDDOWN($C3845/24,0)+1,1))-1)+IF('Standard Profiles'!$G$21=$B$10,7,0)+IF('Standard Profiles'!$G$21=$B$17,14,0)+IF('Standard Profiles'!$G$21=$B$24,21,0),MOD($C3845,24)+1)/SUM(INDEX($D$3:$AA$30,INDEX(Jesper!$R$2:$R$366,ROW(INDEX(Jesper!AK$2:AK$366,ROUNDDOWN($C3845/24,0)+1,1))-1)+IF('Standard Profiles'!$G$21=$B$10,7,0)+IF('Standard Profiles'!$G$21=$B$17,14,0)+IF('Standard Profiles'!$G$21=$B$24,21,0),0)),0)</f>
        <v>0</v>
      </c>
      <c r="H3845" cm="1">
        <f t="array" ref="H3845">IFERROR(INDEX(Jesper!AL$2:AL$366,ROUNDDOWN($C3845/24,0)+1,1)*INDEX($D$3:$AA$30,INDEX(Jesper!$R$2:$R$366,ROW(INDEX(Jesper!AL$2:AL$366,ROUNDDOWN($C3845/24,0)+1,1))-1)+IF('Standard Profiles'!$G$22=$B$10,7,0)+IF('Standard Profiles'!$G$22=$B$17,14,0)+IF('Standard Profiles'!$G$22=$B$24,21,0),MOD($C3845,24)+1)/SUM(INDEX($D$3:$AA$30,INDEX(Jesper!$R$2:$R$366,ROW(INDEX(Jesper!AL$2:AL$366,ROUNDDOWN($C3845/24,0)+1,1))-1)+IF('Standard Profiles'!$G$22=$B$10,7,0)+IF('Standard Profiles'!$G$22=$B$17,14,0)+IF('Standard Profiles'!$G$22=$B$24,21,0),0)),0)</f>
        <v>0</v>
      </c>
      <c r="I3845">
        <f t="shared" si="433"/>
        <v>0.37265082863716931</v>
      </c>
      <c r="J3845">
        <f t="shared" si="434"/>
        <v>1.2421694287905645</v>
      </c>
      <c r="K3845">
        <f t="shared" si="435"/>
        <v>1.8632541431858467</v>
      </c>
      <c r="L3845">
        <f t="shared" si="436"/>
        <v>8.9436198872920638</v>
      </c>
      <c r="M3845">
        <f t="shared" si="437"/>
        <v>0</v>
      </c>
      <c r="N3845" s="46">
        <f t="shared" si="438"/>
        <v>45450.791666657424</v>
      </c>
    </row>
    <row r="3846" spans="2:14" x14ac:dyDescent="0.3">
      <c r="B3846">
        <f t="shared" si="432"/>
        <v>5</v>
      </c>
      <c r="C3846" s="16">
        <v>3812</v>
      </c>
      <c r="D3846" cm="1">
        <f t="array" ref="D3846">IFERROR(INDEX(Jesper!AH$2:AH$366,ROUNDDOWN($C3846/24,0)+1,1)*INDEX($D$3:$AA$30,INDEX(Jesper!$R$2:$R$366,ROW(INDEX(Jesper!AH$2:AH$366,ROUNDDOWN($C3846/24,0)+1,1))-1)+IF('Standard Profiles'!$G$18=$B$10,7,0)+IF('Standard Profiles'!$G$18=$B$17,14,0)+IF('Standard Profiles'!$G$18=$B$24,21,0),MOD($C3846,24)+1)/SUM(INDEX($D$3:$AA$30,INDEX(Jesper!$R$2:$R$366,ROW(INDEX(Jesper!AH$2:AH$366,ROUNDDOWN($C3846/24,0)+1,1))-1)+IF('Standard Profiles'!$G$18=$B$10,7,0)+IF('Standard Profiles'!$G$18=$B$17,14,0)+IF('Standard Profiles'!$G$18=$B$24,21,0),0)),0)</f>
        <v>9.6224392371100063</v>
      </c>
      <c r="E3846" cm="1">
        <f t="array" ref="E3846">IFERROR(INDEX(Jesper!AI$2:AI$366,ROUNDDOWN($C3846/24,0)+1,1)*INDEX($D$3:$AA$30,INDEX(Jesper!$R$2:$R$366,ROW(INDEX(Jesper!AI$2:AI$366,ROUNDDOWN($C3846/24,0)+1,1))-1)+IF('Standard Profiles'!$G$19=$B$10,7,0)+IF('Standard Profiles'!$G$19=$B$17,14,0)+IF('Standard Profiles'!$G$19=$B$24,21,0),MOD($C3846,24)+1)/SUM(INDEX($D$3:$AA$30,INDEX(Jesper!$R$2:$R$366,ROW(INDEX(Jesper!AI$2:AI$366,ROUNDDOWN($C3846/24,0)+1,1))-1)+IF('Standard Profiles'!$G$19=$B$10,7,0)+IF('Standard Profiles'!$G$19=$B$17,14,0)+IF('Standard Profiles'!$G$19=$B$24,21,0),0)),0)</f>
        <v>0</v>
      </c>
      <c r="F3846" cm="1">
        <f t="array" ref="F3846">IFERROR(INDEX(Jesper!AJ$2:AJ$366,ROUNDDOWN($C3846/24,0)+1,1)*INDEX($D$3:$AA$30,INDEX(Jesper!$R$2:$R$366,ROW(INDEX(Jesper!AJ$2:AJ$366,ROUNDDOWN($C3846/24,0)+1,1))-1)+IF('Standard Profiles'!$G$20=$B$10,7,0)+IF('Standard Profiles'!$G$20=$B$17,14,0)+IF('Standard Profiles'!$G$20=$B$24,21,0),MOD($C3846,24)+1)/SUM(INDEX($D$3:$AA$30,INDEX(Jesper!$R$2:$R$366,ROW(INDEX(Jesper!AJ$2:AJ$366,ROUNDDOWN($C3846/24,0)+1,1))-1)+IF('Standard Profiles'!$G$20=$B$10,7,0)+IF('Standard Profiles'!$G$20=$B$17,14,0)+IF('Standard Profiles'!$G$20=$B$24,21,0),0)),0)</f>
        <v>0</v>
      </c>
      <c r="G3846" cm="1">
        <f t="array" ref="G3846">IFERROR(INDEX(Jesper!AK$2:AK$366,ROUNDDOWN($C3846/24,0)+1,1)*INDEX($D$3:$AA$30,INDEX(Jesper!$R$2:$R$366,ROW(INDEX(Jesper!AK$2:AK$366,ROUNDDOWN($C3846/24,0)+1,1))-1)+IF('Standard Profiles'!$G$21=$B$10,7,0)+IF('Standard Profiles'!$G$21=$B$17,14,0)+IF('Standard Profiles'!$G$21=$B$24,21,0),MOD($C3846,24)+1)/SUM(INDEX($D$3:$AA$30,INDEX(Jesper!$R$2:$R$366,ROW(INDEX(Jesper!AK$2:AK$366,ROUNDDOWN($C3846/24,0)+1,1))-1)+IF('Standard Profiles'!$G$21=$B$10,7,0)+IF('Standard Profiles'!$G$21=$B$17,14,0)+IF('Standard Profiles'!$G$21=$B$24,21,0),0)),0)</f>
        <v>0</v>
      </c>
      <c r="H3846" cm="1">
        <f t="array" ref="H3846">IFERROR(INDEX(Jesper!AL$2:AL$366,ROUNDDOWN($C3846/24,0)+1,1)*INDEX($D$3:$AA$30,INDEX(Jesper!$R$2:$R$366,ROW(INDEX(Jesper!AL$2:AL$366,ROUNDDOWN($C3846/24,0)+1,1))-1)+IF('Standard Profiles'!$G$22=$B$10,7,0)+IF('Standard Profiles'!$G$22=$B$17,14,0)+IF('Standard Profiles'!$G$22=$B$24,21,0),MOD($C3846,24)+1)/SUM(INDEX($D$3:$AA$30,INDEX(Jesper!$R$2:$R$366,ROW(INDEX(Jesper!AL$2:AL$366,ROUNDDOWN($C3846/24,0)+1,1))-1)+IF('Standard Profiles'!$G$22=$B$10,7,0)+IF('Standard Profiles'!$G$22=$B$17,14,0)+IF('Standard Profiles'!$G$22=$B$24,21,0),0)),0)</f>
        <v>0</v>
      </c>
      <c r="I3846">
        <f t="shared" si="433"/>
        <v>0.28867317711330015</v>
      </c>
      <c r="J3846">
        <f t="shared" si="434"/>
        <v>0.96224392371100065</v>
      </c>
      <c r="K3846">
        <f t="shared" si="435"/>
        <v>1.4433658855665008</v>
      </c>
      <c r="L3846">
        <f t="shared" si="436"/>
        <v>6.928156250719204</v>
      </c>
      <c r="M3846">
        <f t="shared" si="437"/>
        <v>0</v>
      </c>
      <c r="N3846" s="46">
        <f t="shared" si="438"/>
        <v>45450.833333324088</v>
      </c>
    </row>
    <row r="3847" spans="2:14" x14ac:dyDescent="0.3">
      <c r="B3847">
        <f t="shared" si="432"/>
        <v>5</v>
      </c>
      <c r="C3847" s="16">
        <v>3813</v>
      </c>
      <c r="D3847" cm="1">
        <f t="array" ref="D3847">IFERROR(INDEX(Jesper!AH$2:AH$366,ROUNDDOWN($C3847/24,0)+1,1)*INDEX($D$3:$AA$30,INDEX(Jesper!$R$2:$R$366,ROW(INDEX(Jesper!AH$2:AH$366,ROUNDDOWN($C3847/24,0)+1,1))-1)+IF('Standard Profiles'!$G$18=$B$10,7,0)+IF('Standard Profiles'!$G$18=$B$17,14,0)+IF('Standard Profiles'!$G$18=$B$24,21,0),MOD($C3847,24)+1)/SUM(INDEX($D$3:$AA$30,INDEX(Jesper!$R$2:$R$366,ROW(INDEX(Jesper!AH$2:AH$366,ROUNDDOWN($C3847/24,0)+1,1))-1)+IF('Standard Profiles'!$G$18=$B$10,7,0)+IF('Standard Profiles'!$G$18=$B$17,14,0)+IF('Standard Profiles'!$G$18=$B$24,21,0),0)),0)</f>
        <v>3.6740222541692753</v>
      </c>
      <c r="E3847" cm="1">
        <f t="array" ref="E3847">IFERROR(INDEX(Jesper!AI$2:AI$366,ROUNDDOWN($C3847/24,0)+1,1)*INDEX($D$3:$AA$30,INDEX(Jesper!$R$2:$R$366,ROW(INDEX(Jesper!AI$2:AI$366,ROUNDDOWN($C3847/24,0)+1,1))-1)+IF('Standard Profiles'!$G$19=$B$10,7,0)+IF('Standard Profiles'!$G$19=$B$17,14,0)+IF('Standard Profiles'!$G$19=$B$24,21,0),MOD($C3847,24)+1)/SUM(INDEX($D$3:$AA$30,INDEX(Jesper!$R$2:$R$366,ROW(INDEX(Jesper!AI$2:AI$366,ROUNDDOWN($C3847/24,0)+1,1))-1)+IF('Standard Profiles'!$G$19=$B$10,7,0)+IF('Standard Profiles'!$G$19=$B$17,14,0)+IF('Standard Profiles'!$G$19=$B$24,21,0),0)),0)</f>
        <v>0</v>
      </c>
      <c r="F3847" cm="1">
        <f t="array" ref="F3847">IFERROR(INDEX(Jesper!AJ$2:AJ$366,ROUNDDOWN($C3847/24,0)+1,1)*INDEX($D$3:$AA$30,INDEX(Jesper!$R$2:$R$366,ROW(INDEX(Jesper!AJ$2:AJ$366,ROUNDDOWN($C3847/24,0)+1,1))-1)+IF('Standard Profiles'!$G$20=$B$10,7,0)+IF('Standard Profiles'!$G$20=$B$17,14,0)+IF('Standard Profiles'!$G$20=$B$24,21,0),MOD($C3847,24)+1)/SUM(INDEX($D$3:$AA$30,INDEX(Jesper!$R$2:$R$366,ROW(INDEX(Jesper!AJ$2:AJ$366,ROUNDDOWN($C3847/24,0)+1,1))-1)+IF('Standard Profiles'!$G$20=$B$10,7,0)+IF('Standard Profiles'!$G$20=$B$17,14,0)+IF('Standard Profiles'!$G$20=$B$24,21,0),0)),0)</f>
        <v>0</v>
      </c>
      <c r="G3847" cm="1">
        <f t="array" ref="G3847">IFERROR(INDEX(Jesper!AK$2:AK$366,ROUNDDOWN($C3847/24,0)+1,1)*INDEX($D$3:$AA$30,INDEX(Jesper!$R$2:$R$366,ROW(INDEX(Jesper!AK$2:AK$366,ROUNDDOWN($C3847/24,0)+1,1))-1)+IF('Standard Profiles'!$G$21=$B$10,7,0)+IF('Standard Profiles'!$G$21=$B$17,14,0)+IF('Standard Profiles'!$G$21=$B$24,21,0),MOD($C3847,24)+1)/SUM(INDEX($D$3:$AA$30,INDEX(Jesper!$R$2:$R$366,ROW(INDEX(Jesper!AK$2:AK$366,ROUNDDOWN($C3847/24,0)+1,1))-1)+IF('Standard Profiles'!$G$21=$B$10,7,0)+IF('Standard Profiles'!$G$21=$B$17,14,0)+IF('Standard Profiles'!$G$21=$B$24,21,0),0)),0)</f>
        <v>0</v>
      </c>
      <c r="H3847" cm="1">
        <f t="array" ref="H3847">IFERROR(INDEX(Jesper!AL$2:AL$366,ROUNDDOWN($C3847/24,0)+1,1)*INDEX($D$3:$AA$30,INDEX(Jesper!$R$2:$R$366,ROW(INDEX(Jesper!AL$2:AL$366,ROUNDDOWN($C3847/24,0)+1,1))-1)+IF('Standard Profiles'!$G$22=$B$10,7,0)+IF('Standard Profiles'!$G$22=$B$17,14,0)+IF('Standard Profiles'!$G$22=$B$24,21,0),MOD($C3847,24)+1)/SUM(INDEX($D$3:$AA$30,INDEX(Jesper!$R$2:$R$366,ROW(INDEX(Jesper!AL$2:AL$366,ROUNDDOWN($C3847/24,0)+1,1))-1)+IF('Standard Profiles'!$G$22=$B$10,7,0)+IF('Standard Profiles'!$G$22=$B$17,14,0)+IF('Standard Profiles'!$G$22=$B$24,21,0),0)),0)</f>
        <v>0</v>
      </c>
      <c r="I3847">
        <f t="shared" si="433"/>
        <v>0.11022066762507826</v>
      </c>
      <c r="J3847">
        <f t="shared" si="434"/>
        <v>0.36740222541692757</v>
      </c>
      <c r="K3847">
        <f t="shared" si="435"/>
        <v>0.55110333812539125</v>
      </c>
      <c r="L3847">
        <f t="shared" si="436"/>
        <v>2.6452960230018783</v>
      </c>
      <c r="M3847">
        <f t="shared" si="437"/>
        <v>0</v>
      </c>
      <c r="N3847" s="46">
        <f t="shared" si="438"/>
        <v>45450.874999990752</v>
      </c>
    </row>
    <row r="3848" spans="2:14" x14ac:dyDescent="0.3">
      <c r="B3848">
        <f t="shared" si="432"/>
        <v>5</v>
      </c>
      <c r="C3848" s="16">
        <v>3814</v>
      </c>
      <c r="D3848" cm="1">
        <f t="array" ref="D3848">IFERROR(INDEX(Jesper!AH$2:AH$366,ROUNDDOWN($C3848/24,0)+1,1)*INDEX($D$3:$AA$30,INDEX(Jesper!$R$2:$R$366,ROW(INDEX(Jesper!AH$2:AH$366,ROUNDDOWN($C3848/24,0)+1,1))-1)+IF('Standard Profiles'!$G$18=$B$10,7,0)+IF('Standard Profiles'!$G$18=$B$17,14,0)+IF('Standard Profiles'!$G$18=$B$24,21,0),MOD($C3848,24)+1)/SUM(INDEX($D$3:$AA$30,INDEX(Jesper!$R$2:$R$366,ROW(INDEX(Jesper!AH$2:AH$366,ROUNDDOWN($C3848/24,0)+1,1))-1)+IF('Standard Profiles'!$G$18=$B$10,7,0)+IF('Standard Profiles'!$G$18=$B$17,14,0)+IF('Standard Profiles'!$G$18=$B$24,21,0),0)),0)</f>
        <v>3.6740222541692753</v>
      </c>
      <c r="E3848" cm="1">
        <f t="array" ref="E3848">IFERROR(INDEX(Jesper!AI$2:AI$366,ROUNDDOWN($C3848/24,0)+1,1)*INDEX($D$3:$AA$30,INDEX(Jesper!$R$2:$R$366,ROW(INDEX(Jesper!AI$2:AI$366,ROUNDDOWN($C3848/24,0)+1,1))-1)+IF('Standard Profiles'!$G$19=$B$10,7,0)+IF('Standard Profiles'!$G$19=$B$17,14,0)+IF('Standard Profiles'!$G$19=$B$24,21,0),MOD($C3848,24)+1)/SUM(INDEX($D$3:$AA$30,INDEX(Jesper!$R$2:$R$366,ROW(INDEX(Jesper!AI$2:AI$366,ROUNDDOWN($C3848/24,0)+1,1))-1)+IF('Standard Profiles'!$G$19=$B$10,7,0)+IF('Standard Profiles'!$G$19=$B$17,14,0)+IF('Standard Profiles'!$G$19=$B$24,21,0),0)),0)</f>
        <v>0</v>
      </c>
      <c r="F3848" cm="1">
        <f t="array" ref="F3848">IFERROR(INDEX(Jesper!AJ$2:AJ$366,ROUNDDOWN($C3848/24,0)+1,1)*INDEX($D$3:$AA$30,INDEX(Jesper!$R$2:$R$366,ROW(INDEX(Jesper!AJ$2:AJ$366,ROUNDDOWN($C3848/24,0)+1,1))-1)+IF('Standard Profiles'!$G$20=$B$10,7,0)+IF('Standard Profiles'!$G$20=$B$17,14,0)+IF('Standard Profiles'!$G$20=$B$24,21,0),MOD($C3848,24)+1)/SUM(INDEX($D$3:$AA$30,INDEX(Jesper!$R$2:$R$366,ROW(INDEX(Jesper!AJ$2:AJ$366,ROUNDDOWN($C3848/24,0)+1,1))-1)+IF('Standard Profiles'!$G$20=$B$10,7,0)+IF('Standard Profiles'!$G$20=$B$17,14,0)+IF('Standard Profiles'!$G$20=$B$24,21,0),0)),0)</f>
        <v>0</v>
      </c>
      <c r="G3848" cm="1">
        <f t="array" ref="G3848">IFERROR(INDEX(Jesper!AK$2:AK$366,ROUNDDOWN($C3848/24,0)+1,1)*INDEX($D$3:$AA$30,INDEX(Jesper!$R$2:$R$366,ROW(INDEX(Jesper!AK$2:AK$366,ROUNDDOWN($C3848/24,0)+1,1))-1)+IF('Standard Profiles'!$G$21=$B$10,7,0)+IF('Standard Profiles'!$G$21=$B$17,14,0)+IF('Standard Profiles'!$G$21=$B$24,21,0),MOD($C3848,24)+1)/SUM(INDEX($D$3:$AA$30,INDEX(Jesper!$R$2:$R$366,ROW(INDEX(Jesper!AK$2:AK$366,ROUNDDOWN($C3848/24,0)+1,1))-1)+IF('Standard Profiles'!$G$21=$B$10,7,0)+IF('Standard Profiles'!$G$21=$B$17,14,0)+IF('Standard Profiles'!$G$21=$B$24,21,0),0)),0)</f>
        <v>0</v>
      </c>
      <c r="H3848" cm="1">
        <f t="array" ref="H3848">IFERROR(INDEX(Jesper!AL$2:AL$366,ROUNDDOWN($C3848/24,0)+1,1)*INDEX($D$3:$AA$30,INDEX(Jesper!$R$2:$R$366,ROW(INDEX(Jesper!AL$2:AL$366,ROUNDDOWN($C3848/24,0)+1,1))-1)+IF('Standard Profiles'!$G$22=$B$10,7,0)+IF('Standard Profiles'!$G$22=$B$17,14,0)+IF('Standard Profiles'!$G$22=$B$24,21,0),MOD($C3848,24)+1)/SUM(INDEX($D$3:$AA$30,INDEX(Jesper!$R$2:$R$366,ROW(INDEX(Jesper!AL$2:AL$366,ROUNDDOWN($C3848/24,0)+1,1))-1)+IF('Standard Profiles'!$G$22=$B$10,7,0)+IF('Standard Profiles'!$G$22=$B$17,14,0)+IF('Standard Profiles'!$G$22=$B$24,21,0),0)),0)</f>
        <v>0</v>
      </c>
      <c r="I3848">
        <f t="shared" si="433"/>
        <v>0.11022066762507826</v>
      </c>
      <c r="J3848">
        <f t="shared" si="434"/>
        <v>0.36740222541692757</v>
      </c>
      <c r="K3848">
        <f t="shared" si="435"/>
        <v>0.55110333812539125</v>
      </c>
      <c r="L3848">
        <f t="shared" si="436"/>
        <v>2.6452960230018783</v>
      </c>
      <c r="M3848">
        <f t="shared" si="437"/>
        <v>0</v>
      </c>
      <c r="N3848" s="46">
        <f t="shared" si="438"/>
        <v>45450.916666657416</v>
      </c>
    </row>
    <row r="3849" spans="2:14" x14ac:dyDescent="0.3">
      <c r="B3849">
        <f t="shared" si="432"/>
        <v>5</v>
      </c>
      <c r="C3849" s="16">
        <v>3815</v>
      </c>
      <c r="D3849" cm="1">
        <f t="array" ref="D3849">IFERROR(INDEX(Jesper!AH$2:AH$366,ROUNDDOWN($C3849/24,0)+1,1)*INDEX($D$3:$AA$30,INDEX(Jesper!$R$2:$R$366,ROW(INDEX(Jesper!AH$2:AH$366,ROUNDDOWN($C3849/24,0)+1,1))-1)+IF('Standard Profiles'!$G$18=$B$10,7,0)+IF('Standard Profiles'!$G$18=$B$17,14,0)+IF('Standard Profiles'!$G$18=$B$24,21,0),MOD($C3849,24)+1)/SUM(INDEX($D$3:$AA$30,INDEX(Jesper!$R$2:$R$366,ROW(INDEX(Jesper!AH$2:AH$366,ROUNDDOWN($C3849/24,0)+1,1))-1)+IF('Standard Profiles'!$G$18=$B$10,7,0)+IF('Standard Profiles'!$G$18=$B$17,14,0)+IF('Standard Profiles'!$G$18=$B$24,21,0),0)),0)</f>
        <v>3.6740222541692753</v>
      </c>
      <c r="E3849" cm="1">
        <f t="array" ref="E3849">IFERROR(INDEX(Jesper!AI$2:AI$366,ROUNDDOWN($C3849/24,0)+1,1)*INDEX($D$3:$AA$30,INDEX(Jesper!$R$2:$R$366,ROW(INDEX(Jesper!AI$2:AI$366,ROUNDDOWN($C3849/24,0)+1,1))-1)+IF('Standard Profiles'!$G$19=$B$10,7,0)+IF('Standard Profiles'!$G$19=$B$17,14,0)+IF('Standard Profiles'!$G$19=$B$24,21,0),MOD($C3849,24)+1)/SUM(INDEX($D$3:$AA$30,INDEX(Jesper!$R$2:$R$366,ROW(INDEX(Jesper!AI$2:AI$366,ROUNDDOWN($C3849/24,0)+1,1))-1)+IF('Standard Profiles'!$G$19=$B$10,7,0)+IF('Standard Profiles'!$G$19=$B$17,14,0)+IF('Standard Profiles'!$G$19=$B$24,21,0),0)),0)</f>
        <v>0</v>
      </c>
      <c r="F3849" cm="1">
        <f t="array" ref="F3849">IFERROR(INDEX(Jesper!AJ$2:AJ$366,ROUNDDOWN($C3849/24,0)+1,1)*INDEX($D$3:$AA$30,INDEX(Jesper!$R$2:$R$366,ROW(INDEX(Jesper!AJ$2:AJ$366,ROUNDDOWN($C3849/24,0)+1,1))-1)+IF('Standard Profiles'!$G$20=$B$10,7,0)+IF('Standard Profiles'!$G$20=$B$17,14,0)+IF('Standard Profiles'!$G$20=$B$24,21,0),MOD($C3849,24)+1)/SUM(INDEX($D$3:$AA$30,INDEX(Jesper!$R$2:$R$366,ROW(INDEX(Jesper!AJ$2:AJ$366,ROUNDDOWN($C3849/24,0)+1,1))-1)+IF('Standard Profiles'!$G$20=$B$10,7,0)+IF('Standard Profiles'!$G$20=$B$17,14,0)+IF('Standard Profiles'!$G$20=$B$24,21,0),0)),0)</f>
        <v>0</v>
      </c>
      <c r="G3849" cm="1">
        <f t="array" ref="G3849">IFERROR(INDEX(Jesper!AK$2:AK$366,ROUNDDOWN($C3849/24,0)+1,1)*INDEX($D$3:$AA$30,INDEX(Jesper!$R$2:$R$366,ROW(INDEX(Jesper!AK$2:AK$366,ROUNDDOWN($C3849/24,0)+1,1))-1)+IF('Standard Profiles'!$G$21=$B$10,7,0)+IF('Standard Profiles'!$G$21=$B$17,14,0)+IF('Standard Profiles'!$G$21=$B$24,21,0),MOD($C3849,24)+1)/SUM(INDEX($D$3:$AA$30,INDEX(Jesper!$R$2:$R$366,ROW(INDEX(Jesper!AK$2:AK$366,ROUNDDOWN($C3849/24,0)+1,1))-1)+IF('Standard Profiles'!$G$21=$B$10,7,0)+IF('Standard Profiles'!$G$21=$B$17,14,0)+IF('Standard Profiles'!$G$21=$B$24,21,0),0)),0)</f>
        <v>0</v>
      </c>
      <c r="H3849" cm="1">
        <f t="array" ref="H3849">IFERROR(INDEX(Jesper!AL$2:AL$366,ROUNDDOWN($C3849/24,0)+1,1)*INDEX($D$3:$AA$30,INDEX(Jesper!$R$2:$R$366,ROW(INDEX(Jesper!AL$2:AL$366,ROUNDDOWN($C3849/24,0)+1,1))-1)+IF('Standard Profiles'!$G$22=$B$10,7,0)+IF('Standard Profiles'!$G$22=$B$17,14,0)+IF('Standard Profiles'!$G$22=$B$24,21,0),MOD($C3849,24)+1)/SUM(INDEX($D$3:$AA$30,INDEX(Jesper!$R$2:$R$366,ROW(INDEX(Jesper!AL$2:AL$366,ROUNDDOWN($C3849/24,0)+1,1))-1)+IF('Standard Profiles'!$G$22=$B$10,7,0)+IF('Standard Profiles'!$G$22=$B$17,14,0)+IF('Standard Profiles'!$G$22=$B$24,21,0),0)),0)</f>
        <v>0</v>
      </c>
      <c r="I3849">
        <f t="shared" si="433"/>
        <v>0.11022066762507826</v>
      </c>
      <c r="J3849">
        <f t="shared" si="434"/>
        <v>0.36740222541692757</v>
      </c>
      <c r="K3849">
        <f t="shared" si="435"/>
        <v>0.55110333812539125</v>
      </c>
      <c r="L3849">
        <f t="shared" si="436"/>
        <v>2.6452960230018783</v>
      </c>
      <c r="M3849">
        <f t="shared" si="437"/>
        <v>0</v>
      </c>
      <c r="N3849" s="46">
        <f t="shared" si="438"/>
        <v>45450.958333324081</v>
      </c>
    </row>
    <row r="3850" spans="2:14" x14ac:dyDescent="0.3">
      <c r="B3850">
        <f t="shared" si="432"/>
        <v>6</v>
      </c>
      <c r="C3850" s="16">
        <v>3816</v>
      </c>
      <c r="D3850" cm="1">
        <f t="array" ref="D3850">IFERROR(INDEX(Jesper!AH$2:AH$366,ROUNDDOWN($C3850/24,0)+1,1)*INDEX($D$3:$AA$30,INDEX(Jesper!$R$2:$R$366,ROW(INDEX(Jesper!AH$2:AH$366,ROUNDDOWN($C3850/24,0)+1,1))-1)+IF('Standard Profiles'!$G$18=$B$10,7,0)+IF('Standard Profiles'!$G$18=$B$17,14,0)+IF('Standard Profiles'!$G$18=$B$24,21,0),MOD($C3850,24)+1)/SUM(INDEX($D$3:$AA$30,INDEX(Jesper!$R$2:$R$366,ROW(INDEX(Jesper!AH$2:AH$366,ROUNDDOWN($C3850/24,0)+1,1))-1)+IF('Standard Profiles'!$G$18=$B$10,7,0)+IF('Standard Profiles'!$G$18=$B$17,14,0)+IF('Standard Profiles'!$G$18=$B$24,21,0),0)),0)</f>
        <v>3.3655167281654745</v>
      </c>
      <c r="E3850" cm="1">
        <f t="array" ref="E3850">IFERROR(INDEX(Jesper!AI$2:AI$366,ROUNDDOWN($C3850/24,0)+1,1)*INDEX($D$3:$AA$30,INDEX(Jesper!$R$2:$R$366,ROW(INDEX(Jesper!AI$2:AI$366,ROUNDDOWN($C3850/24,0)+1,1))-1)+IF('Standard Profiles'!$G$19=$B$10,7,0)+IF('Standard Profiles'!$G$19=$B$17,14,0)+IF('Standard Profiles'!$G$19=$B$24,21,0),MOD($C3850,24)+1)/SUM(INDEX($D$3:$AA$30,INDEX(Jesper!$R$2:$R$366,ROW(INDEX(Jesper!AI$2:AI$366,ROUNDDOWN($C3850/24,0)+1,1))-1)+IF('Standard Profiles'!$G$19=$B$10,7,0)+IF('Standard Profiles'!$G$19=$B$17,14,0)+IF('Standard Profiles'!$G$19=$B$24,21,0),0)),0)</f>
        <v>0.49028963459030167</v>
      </c>
      <c r="F3850" cm="1">
        <f t="array" ref="F3850">IFERROR(INDEX(Jesper!AJ$2:AJ$366,ROUNDDOWN($C3850/24,0)+1,1)*INDEX($D$3:$AA$30,INDEX(Jesper!$R$2:$R$366,ROW(INDEX(Jesper!AJ$2:AJ$366,ROUNDDOWN($C3850/24,0)+1,1))-1)+IF('Standard Profiles'!$G$20=$B$10,7,0)+IF('Standard Profiles'!$G$20=$B$17,14,0)+IF('Standard Profiles'!$G$20=$B$24,21,0),MOD($C3850,24)+1)/SUM(INDEX($D$3:$AA$30,INDEX(Jesper!$R$2:$R$366,ROW(INDEX(Jesper!AJ$2:AJ$366,ROUNDDOWN($C3850/24,0)+1,1))-1)+IF('Standard Profiles'!$G$20=$B$10,7,0)+IF('Standard Profiles'!$G$20=$B$17,14,0)+IF('Standard Profiles'!$G$20=$B$24,21,0),0)),0)</f>
        <v>0</v>
      </c>
      <c r="G3850" cm="1">
        <f t="array" ref="G3850">IFERROR(INDEX(Jesper!AK$2:AK$366,ROUNDDOWN($C3850/24,0)+1,1)*INDEX($D$3:$AA$30,INDEX(Jesper!$R$2:$R$366,ROW(INDEX(Jesper!AK$2:AK$366,ROUNDDOWN($C3850/24,0)+1,1))-1)+IF('Standard Profiles'!$G$21=$B$10,7,0)+IF('Standard Profiles'!$G$21=$B$17,14,0)+IF('Standard Profiles'!$G$21=$B$24,21,0),MOD($C3850,24)+1)/SUM(INDEX($D$3:$AA$30,INDEX(Jesper!$R$2:$R$366,ROW(INDEX(Jesper!AK$2:AK$366,ROUNDDOWN($C3850/24,0)+1,1))-1)+IF('Standard Profiles'!$G$21=$B$10,7,0)+IF('Standard Profiles'!$G$21=$B$17,14,0)+IF('Standard Profiles'!$G$21=$B$24,21,0),0)),0)</f>
        <v>0</v>
      </c>
      <c r="H3850" cm="1">
        <f t="array" ref="H3850">IFERROR(INDEX(Jesper!AL$2:AL$366,ROUNDDOWN($C3850/24,0)+1,1)*INDEX($D$3:$AA$30,INDEX(Jesper!$R$2:$R$366,ROW(INDEX(Jesper!AL$2:AL$366,ROUNDDOWN($C3850/24,0)+1,1))-1)+IF('Standard Profiles'!$G$22=$B$10,7,0)+IF('Standard Profiles'!$G$22=$B$17,14,0)+IF('Standard Profiles'!$G$22=$B$24,21,0),MOD($C3850,24)+1)/SUM(INDEX($D$3:$AA$30,INDEX(Jesper!$R$2:$R$366,ROW(INDEX(Jesper!AL$2:AL$366,ROUNDDOWN($C3850/24,0)+1,1))-1)+IF('Standard Profiles'!$G$22=$B$10,7,0)+IF('Standard Profiles'!$G$22=$B$17,14,0)+IF('Standard Profiles'!$G$22=$B$24,21,0),0)),0)</f>
        <v>0</v>
      </c>
      <c r="I3850">
        <f t="shared" si="433"/>
        <v>4.4170237350477641E-2</v>
      </c>
      <c r="J3850">
        <f t="shared" si="434"/>
        <v>0.14723412450159215</v>
      </c>
      <c r="K3850">
        <f t="shared" si="435"/>
        <v>0.22085118675238821</v>
      </c>
      <c r="L3850">
        <f t="shared" si="436"/>
        <v>3.443550814151318</v>
      </c>
      <c r="M3850">
        <f t="shared" si="437"/>
        <v>0</v>
      </c>
      <c r="N3850" s="46">
        <f t="shared" si="438"/>
        <v>45450.999999990745</v>
      </c>
    </row>
    <row r="3851" spans="2:14" x14ac:dyDescent="0.3">
      <c r="B3851">
        <f t="shared" si="432"/>
        <v>6</v>
      </c>
      <c r="C3851" s="16">
        <v>3817</v>
      </c>
      <c r="D3851" cm="1">
        <f t="array" ref="D3851">IFERROR(INDEX(Jesper!AH$2:AH$366,ROUNDDOWN($C3851/24,0)+1,1)*INDEX($D$3:$AA$30,INDEX(Jesper!$R$2:$R$366,ROW(INDEX(Jesper!AH$2:AH$366,ROUNDDOWN($C3851/24,0)+1,1))-1)+IF('Standard Profiles'!$G$18=$B$10,7,0)+IF('Standard Profiles'!$G$18=$B$17,14,0)+IF('Standard Profiles'!$G$18=$B$24,21,0),MOD($C3851,24)+1)/SUM(INDEX($D$3:$AA$30,INDEX(Jesper!$R$2:$R$366,ROW(INDEX(Jesper!AH$2:AH$366,ROUNDDOWN($C3851/24,0)+1,1))-1)+IF('Standard Profiles'!$G$18=$B$10,7,0)+IF('Standard Profiles'!$G$18=$B$17,14,0)+IF('Standard Profiles'!$G$18=$B$24,21,0),0)),0)</f>
        <v>6.570770754989737</v>
      </c>
      <c r="E3851" cm="1">
        <f t="array" ref="E3851">IFERROR(INDEX(Jesper!AI$2:AI$366,ROUNDDOWN($C3851/24,0)+1,1)*INDEX($D$3:$AA$30,INDEX(Jesper!$R$2:$R$366,ROW(INDEX(Jesper!AI$2:AI$366,ROUNDDOWN($C3851/24,0)+1,1))-1)+IF('Standard Profiles'!$G$19=$B$10,7,0)+IF('Standard Profiles'!$G$19=$B$17,14,0)+IF('Standard Profiles'!$G$19=$B$24,21,0),MOD($C3851,24)+1)/SUM(INDEX($D$3:$AA$30,INDEX(Jesper!$R$2:$R$366,ROW(INDEX(Jesper!AI$2:AI$366,ROUNDDOWN($C3851/24,0)+1,1))-1)+IF('Standard Profiles'!$G$19=$B$10,7,0)+IF('Standard Profiles'!$G$19=$B$17,14,0)+IF('Standard Profiles'!$G$19=$B$24,21,0),0)),0)</f>
        <v>0.9572321437239224</v>
      </c>
      <c r="F3851" cm="1">
        <f t="array" ref="F3851">IFERROR(INDEX(Jesper!AJ$2:AJ$366,ROUNDDOWN($C3851/24,0)+1,1)*INDEX($D$3:$AA$30,INDEX(Jesper!$R$2:$R$366,ROW(INDEX(Jesper!AJ$2:AJ$366,ROUNDDOWN($C3851/24,0)+1,1))-1)+IF('Standard Profiles'!$G$20=$B$10,7,0)+IF('Standard Profiles'!$G$20=$B$17,14,0)+IF('Standard Profiles'!$G$20=$B$24,21,0),MOD($C3851,24)+1)/SUM(INDEX($D$3:$AA$30,INDEX(Jesper!$R$2:$R$366,ROW(INDEX(Jesper!AJ$2:AJ$366,ROUNDDOWN($C3851/24,0)+1,1))-1)+IF('Standard Profiles'!$G$20=$B$10,7,0)+IF('Standard Profiles'!$G$20=$B$17,14,0)+IF('Standard Profiles'!$G$20=$B$24,21,0),0)),0)</f>
        <v>0</v>
      </c>
      <c r="G3851" cm="1">
        <f t="array" ref="G3851">IFERROR(INDEX(Jesper!AK$2:AK$366,ROUNDDOWN($C3851/24,0)+1,1)*INDEX($D$3:$AA$30,INDEX(Jesper!$R$2:$R$366,ROW(INDEX(Jesper!AK$2:AK$366,ROUNDDOWN($C3851/24,0)+1,1))-1)+IF('Standard Profiles'!$G$21=$B$10,7,0)+IF('Standard Profiles'!$G$21=$B$17,14,0)+IF('Standard Profiles'!$G$21=$B$24,21,0),MOD($C3851,24)+1)/SUM(INDEX($D$3:$AA$30,INDEX(Jesper!$R$2:$R$366,ROW(INDEX(Jesper!AK$2:AK$366,ROUNDDOWN($C3851/24,0)+1,1))-1)+IF('Standard Profiles'!$G$21=$B$10,7,0)+IF('Standard Profiles'!$G$21=$B$17,14,0)+IF('Standard Profiles'!$G$21=$B$24,21,0),0)),0)</f>
        <v>0</v>
      </c>
      <c r="H3851" cm="1">
        <f t="array" ref="H3851">IFERROR(INDEX(Jesper!AL$2:AL$366,ROUNDDOWN($C3851/24,0)+1,1)*INDEX($D$3:$AA$30,INDEX(Jesper!$R$2:$R$366,ROW(INDEX(Jesper!AL$2:AL$366,ROUNDDOWN($C3851/24,0)+1,1))-1)+IF('Standard Profiles'!$G$22=$B$10,7,0)+IF('Standard Profiles'!$G$22=$B$17,14,0)+IF('Standard Profiles'!$G$22=$B$24,21,0),MOD($C3851,24)+1)/SUM(INDEX($D$3:$AA$30,INDEX(Jesper!$R$2:$R$366,ROW(INDEX(Jesper!AL$2:AL$366,ROUNDDOWN($C3851/24,0)+1,1))-1)+IF('Standard Profiles'!$G$22=$B$10,7,0)+IF('Standard Profiles'!$G$22=$B$17,14,0)+IF('Standard Profiles'!$G$22=$B$24,21,0),0)),0)</f>
        <v>0</v>
      </c>
      <c r="I3851">
        <f t="shared" si="433"/>
        <v>8.6237130065218257E-2</v>
      </c>
      <c r="J3851">
        <f t="shared" si="434"/>
        <v>0.28745710021739423</v>
      </c>
      <c r="K3851">
        <f t="shared" si="435"/>
        <v>0.43118565032609135</v>
      </c>
      <c r="L3851">
        <f t="shared" si="436"/>
        <v>6.7231230181049559</v>
      </c>
      <c r="M3851">
        <f t="shared" si="437"/>
        <v>0</v>
      </c>
      <c r="N3851" s="46">
        <f t="shared" si="438"/>
        <v>45451.041666657409</v>
      </c>
    </row>
    <row r="3852" spans="2:14" x14ac:dyDescent="0.3">
      <c r="B3852">
        <f t="shared" si="432"/>
        <v>6</v>
      </c>
      <c r="C3852" s="16">
        <v>3818</v>
      </c>
      <c r="D3852" cm="1">
        <f t="array" ref="D3852">IFERROR(INDEX(Jesper!AH$2:AH$366,ROUNDDOWN($C3852/24,0)+1,1)*INDEX($D$3:$AA$30,INDEX(Jesper!$R$2:$R$366,ROW(INDEX(Jesper!AH$2:AH$366,ROUNDDOWN($C3852/24,0)+1,1))-1)+IF('Standard Profiles'!$G$18=$B$10,7,0)+IF('Standard Profiles'!$G$18=$B$17,14,0)+IF('Standard Profiles'!$G$18=$B$24,21,0),MOD($C3852,24)+1)/SUM(INDEX($D$3:$AA$30,INDEX(Jesper!$R$2:$R$366,ROW(INDEX(Jesper!AH$2:AH$366,ROUNDDOWN($C3852/24,0)+1,1))-1)+IF('Standard Profiles'!$G$18=$B$10,7,0)+IF('Standard Profiles'!$G$18=$B$17,14,0)+IF('Standard Profiles'!$G$18=$B$24,21,0),0)),0)</f>
        <v>6.570770754989737</v>
      </c>
      <c r="E3852" cm="1">
        <f t="array" ref="E3852">IFERROR(INDEX(Jesper!AI$2:AI$366,ROUNDDOWN($C3852/24,0)+1,1)*INDEX($D$3:$AA$30,INDEX(Jesper!$R$2:$R$366,ROW(INDEX(Jesper!AI$2:AI$366,ROUNDDOWN($C3852/24,0)+1,1))-1)+IF('Standard Profiles'!$G$19=$B$10,7,0)+IF('Standard Profiles'!$G$19=$B$17,14,0)+IF('Standard Profiles'!$G$19=$B$24,21,0),MOD($C3852,24)+1)/SUM(INDEX($D$3:$AA$30,INDEX(Jesper!$R$2:$R$366,ROW(INDEX(Jesper!AI$2:AI$366,ROUNDDOWN($C3852/24,0)+1,1))-1)+IF('Standard Profiles'!$G$19=$B$10,7,0)+IF('Standard Profiles'!$G$19=$B$17,14,0)+IF('Standard Profiles'!$G$19=$B$24,21,0),0)),0)</f>
        <v>0.9572321437239224</v>
      </c>
      <c r="F3852" cm="1">
        <f t="array" ref="F3852">IFERROR(INDEX(Jesper!AJ$2:AJ$366,ROUNDDOWN($C3852/24,0)+1,1)*INDEX($D$3:$AA$30,INDEX(Jesper!$R$2:$R$366,ROW(INDEX(Jesper!AJ$2:AJ$366,ROUNDDOWN($C3852/24,0)+1,1))-1)+IF('Standard Profiles'!$G$20=$B$10,7,0)+IF('Standard Profiles'!$G$20=$B$17,14,0)+IF('Standard Profiles'!$G$20=$B$24,21,0),MOD($C3852,24)+1)/SUM(INDEX($D$3:$AA$30,INDEX(Jesper!$R$2:$R$366,ROW(INDEX(Jesper!AJ$2:AJ$366,ROUNDDOWN($C3852/24,0)+1,1))-1)+IF('Standard Profiles'!$G$20=$B$10,7,0)+IF('Standard Profiles'!$G$20=$B$17,14,0)+IF('Standard Profiles'!$G$20=$B$24,21,0),0)),0)</f>
        <v>0</v>
      </c>
      <c r="G3852" cm="1">
        <f t="array" ref="G3852">IFERROR(INDEX(Jesper!AK$2:AK$366,ROUNDDOWN($C3852/24,0)+1,1)*INDEX($D$3:$AA$30,INDEX(Jesper!$R$2:$R$366,ROW(INDEX(Jesper!AK$2:AK$366,ROUNDDOWN($C3852/24,0)+1,1))-1)+IF('Standard Profiles'!$G$21=$B$10,7,0)+IF('Standard Profiles'!$G$21=$B$17,14,0)+IF('Standard Profiles'!$G$21=$B$24,21,0),MOD($C3852,24)+1)/SUM(INDEX($D$3:$AA$30,INDEX(Jesper!$R$2:$R$366,ROW(INDEX(Jesper!AK$2:AK$366,ROUNDDOWN($C3852/24,0)+1,1))-1)+IF('Standard Profiles'!$G$21=$B$10,7,0)+IF('Standard Profiles'!$G$21=$B$17,14,0)+IF('Standard Profiles'!$G$21=$B$24,21,0),0)),0)</f>
        <v>0</v>
      </c>
      <c r="H3852" cm="1">
        <f t="array" ref="H3852">IFERROR(INDEX(Jesper!AL$2:AL$366,ROUNDDOWN($C3852/24,0)+1,1)*INDEX($D$3:$AA$30,INDEX(Jesper!$R$2:$R$366,ROW(INDEX(Jesper!AL$2:AL$366,ROUNDDOWN($C3852/24,0)+1,1))-1)+IF('Standard Profiles'!$G$22=$B$10,7,0)+IF('Standard Profiles'!$G$22=$B$17,14,0)+IF('Standard Profiles'!$G$22=$B$24,21,0),MOD($C3852,24)+1)/SUM(INDEX($D$3:$AA$30,INDEX(Jesper!$R$2:$R$366,ROW(INDEX(Jesper!AL$2:AL$366,ROUNDDOWN($C3852/24,0)+1,1))-1)+IF('Standard Profiles'!$G$22=$B$10,7,0)+IF('Standard Profiles'!$G$22=$B$17,14,0)+IF('Standard Profiles'!$G$22=$B$24,21,0),0)),0)</f>
        <v>0</v>
      </c>
      <c r="I3852">
        <f t="shared" si="433"/>
        <v>8.6237130065218257E-2</v>
      </c>
      <c r="J3852">
        <f t="shared" si="434"/>
        <v>0.28745710021739423</v>
      </c>
      <c r="K3852">
        <f t="shared" si="435"/>
        <v>0.43118565032609135</v>
      </c>
      <c r="L3852">
        <f t="shared" si="436"/>
        <v>6.7231230181049559</v>
      </c>
      <c r="M3852">
        <f t="shared" si="437"/>
        <v>0</v>
      </c>
      <c r="N3852" s="46">
        <f t="shared" si="438"/>
        <v>45451.083333324073</v>
      </c>
    </row>
    <row r="3853" spans="2:14" x14ac:dyDescent="0.3">
      <c r="B3853">
        <f t="shared" si="432"/>
        <v>6</v>
      </c>
      <c r="C3853" s="16">
        <v>3819</v>
      </c>
      <c r="D3853" cm="1">
        <f t="array" ref="D3853">IFERROR(INDEX(Jesper!AH$2:AH$366,ROUNDDOWN($C3853/24,0)+1,1)*INDEX($D$3:$AA$30,INDEX(Jesper!$R$2:$R$366,ROW(INDEX(Jesper!AH$2:AH$366,ROUNDDOWN($C3853/24,0)+1,1))-1)+IF('Standard Profiles'!$G$18=$B$10,7,0)+IF('Standard Profiles'!$G$18=$B$17,14,0)+IF('Standard Profiles'!$G$18=$B$24,21,0),MOD($C3853,24)+1)/SUM(INDEX($D$3:$AA$30,INDEX(Jesper!$R$2:$R$366,ROW(INDEX(Jesper!AH$2:AH$366,ROUNDDOWN($C3853/24,0)+1,1))-1)+IF('Standard Profiles'!$G$18=$B$10,7,0)+IF('Standard Profiles'!$G$18=$B$17,14,0)+IF('Standard Profiles'!$G$18=$B$24,21,0),0)),0)</f>
        <v>6.570770754989737</v>
      </c>
      <c r="E3853" cm="1">
        <f t="array" ref="E3853">IFERROR(INDEX(Jesper!AI$2:AI$366,ROUNDDOWN($C3853/24,0)+1,1)*INDEX($D$3:$AA$30,INDEX(Jesper!$R$2:$R$366,ROW(INDEX(Jesper!AI$2:AI$366,ROUNDDOWN($C3853/24,0)+1,1))-1)+IF('Standard Profiles'!$G$19=$B$10,7,0)+IF('Standard Profiles'!$G$19=$B$17,14,0)+IF('Standard Profiles'!$G$19=$B$24,21,0),MOD($C3853,24)+1)/SUM(INDEX($D$3:$AA$30,INDEX(Jesper!$R$2:$R$366,ROW(INDEX(Jesper!AI$2:AI$366,ROUNDDOWN($C3853/24,0)+1,1))-1)+IF('Standard Profiles'!$G$19=$B$10,7,0)+IF('Standard Profiles'!$G$19=$B$17,14,0)+IF('Standard Profiles'!$G$19=$B$24,21,0),0)),0)</f>
        <v>0.9572321437239224</v>
      </c>
      <c r="F3853" cm="1">
        <f t="array" ref="F3853">IFERROR(INDEX(Jesper!AJ$2:AJ$366,ROUNDDOWN($C3853/24,0)+1,1)*INDEX($D$3:$AA$30,INDEX(Jesper!$R$2:$R$366,ROW(INDEX(Jesper!AJ$2:AJ$366,ROUNDDOWN($C3853/24,0)+1,1))-1)+IF('Standard Profiles'!$G$20=$B$10,7,0)+IF('Standard Profiles'!$G$20=$B$17,14,0)+IF('Standard Profiles'!$G$20=$B$24,21,0),MOD($C3853,24)+1)/SUM(INDEX($D$3:$AA$30,INDEX(Jesper!$R$2:$R$366,ROW(INDEX(Jesper!AJ$2:AJ$366,ROUNDDOWN($C3853/24,0)+1,1))-1)+IF('Standard Profiles'!$G$20=$B$10,7,0)+IF('Standard Profiles'!$G$20=$B$17,14,0)+IF('Standard Profiles'!$G$20=$B$24,21,0),0)),0)</f>
        <v>0</v>
      </c>
      <c r="G3853" cm="1">
        <f t="array" ref="G3853">IFERROR(INDEX(Jesper!AK$2:AK$366,ROUNDDOWN($C3853/24,0)+1,1)*INDEX($D$3:$AA$30,INDEX(Jesper!$R$2:$R$366,ROW(INDEX(Jesper!AK$2:AK$366,ROUNDDOWN($C3853/24,0)+1,1))-1)+IF('Standard Profiles'!$G$21=$B$10,7,0)+IF('Standard Profiles'!$G$21=$B$17,14,0)+IF('Standard Profiles'!$G$21=$B$24,21,0),MOD($C3853,24)+1)/SUM(INDEX($D$3:$AA$30,INDEX(Jesper!$R$2:$R$366,ROW(INDEX(Jesper!AK$2:AK$366,ROUNDDOWN($C3853/24,0)+1,1))-1)+IF('Standard Profiles'!$G$21=$B$10,7,0)+IF('Standard Profiles'!$G$21=$B$17,14,0)+IF('Standard Profiles'!$G$21=$B$24,21,0),0)),0)</f>
        <v>0</v>
      </c>
      <c r="H3853" cm="1">
        <f t="array" ref="H3853">IFERROR(INDEX(Jesper!AL$2:AL$366,ROUNDDOWN($C3853/24,0)+1,1)*INDEX($D$3:$AA$30,INDEX(Jesper!$R$2:$R$366,ROW(INDEX(Jesper!AL$2:AL$366,ROUNDDOWN($C3853/24,0)+1,1))-1)+IF('Standard Profiles'!$G$22=$B$10,7,0)+IF('Standard Profiles'!$G$22=$B$17,14,0)+IF('Standard Profiles'!$G$22=$B$24,21,0),MOD($C3853,24)+1)/SUM(INDEX($D$3:$AA$30,INDEX(Jesper!$R$2:$R$366,ROW(INDEX(Jesper!AL$2:AL$366,ROUNDDOWN($C3853/24,0)+1,1))-1)+IF('Standard Profiles'!$G$22=$B$10,7,0)+IF('Standard Profiles'!$G$22=$B$17,14,0)+IF('Standard Profiles'!$G$22=$B$24,21,0),0)),0)</f>
        <v>0</v>
      </c>
      <c r="I3853">
        <f t="shared" si="433"/>
        <v>8.6237130065218257E-2</v>
      </c>
      <c r="J3853">
        <f t="shared" si="434"/>
        <v>0.28745710021739423</v>
      </c>
      <c r="K3853">
        <f t="shared" si="435"/>
        <v>0.43118565032609135</v>
      </c>
      <c r="L3853">
        <f t="shared" si="436"/>
        <v>6.7231230181049559</v>
      </c>
      <c r="M3853">
        <f t="shared" si="437"/>
        <v>0</v>
      </c>
      <c r="N3853" s="46">
        <f t="shared" si="438"/>
        <v>45451.124999990738</v>
      </c>
    </row>
    <row r="3854" spans="2:14" x14ac:dyDescent="0.3">
      <c r="B3854">
        <f t="shared" si="432"/>
        <v>6</v>
      </c>
      <c r="C3854" s="16">
        <v>3820</v>
      </c>
      <c r="D3854" cm="1">
        <f t="array" ref="D3854">IFERROR(INDEX(Jesper!AH$2:AH$366,ROUNDDOWN($C3854/24,0)+1,1)*INDEX($D$3:$AA$30,INDEX(Jesper!$R$2:$R$366,ROW(INDEX(Jesper!AH$2:AH$366,ROUNDDOWN($C3854/24,0)+1,1))-1)+IF('Standard Profiles'!$G$18=$B$10,7,0)+IF('Standard Profiles'!$G$18=$B$17,14,0)+IF('Standard Profiles'!$G$18=$B$24,21,0),MOD($C3854,24)+1)/SUM(INDEX($D$3:$AA$30,INDEX(Jesper!$R$2:$R$366,ROW(INDEX(Jesper!AH$2:AH$366,ROUNDDOWN($C3854/24,0)+1,1))-1)+IF('Standard Profiles'!$G$18=$B$10,7,0)+IF('Standard Profiles'!$G$18=$B$17,14,0)+IF('Standard Profiles'!$G$18=$B$24,21,0),0)),0)</f>
        <v>6.570770754989737</v>
      </c>
      <c r="E3854" cm="1">
        <f t="array" ref="E3854">IFERROR(INDEX(Jesper!AI$2:AI$366,ROUNDDOWN($C3854/24,0)+1,1)*INDEX($D$3:$AA$30,INDEX(Jesper!$R$2:$R$366,ROW(INDEX(Jesper!AI$2:AI$366,ROUNDDOWN($C3854/24,0)+1,1))-1)+IF('Standard Profiles'!$G$19=$B$10,7,0)+IF('Standard Profiles'!$G$19=$B$17,14,0)+IF('Standard Profiles'!$G$19=$B$24,21,0),MOD($C3854,24)+1)/SUM(INDEX($D$3:$AA$30,INDEX(Jesper!$R$2:$R$366,ROW(INDEX(Jesper!AI$2:AI$366,ROUNDDOWN($C3854/24,0)+1,1))-1)+IF('Standard Profiles'!$G$19=$B$10,7,0)+IF('Standard Profiles'!$G$19=$B$17,14,0)+IF('Standard Profiles'!$G$19=$B$24,21,0),0)),0)</f>
        <v>0.9572321437239224</v>
      </c>
      <c r="F3854" cm="1">
        <f t="array" ref="F3854">IFERROR(INDEX(Jesper!AJ$2:AJ$366,ROUNDDOWN($C3854/24,0)+1,1)*INDEX($D$3:$AA$30,INDEX(Jesper!$R$2:$R$366,ROW(INDEX(Jesper!AJ$2:AJ$366,ROUNDDOWN($C3854/24,0)+1,1))-1)+IF('Standard Profiles'!$G$20=$B$10,7,0)+IF('Standard Profiles'!$G$20=$B$17,14,0)+IF('Standard Profiles'!$G$20=$B$24,21,0),MOD($C3854,24)+1)/SUM(INDEX($D$3:$AA$30,INDEX(Jesper!$R$2:$R$366,ROW(INDEX(Jesper!AJ$2:AJ$366,ROUNDDOWN($C3854/24,0)+1,1))-1)+IF('Standard Profiles'!$G$20=$B$10,7,0)+IF('Standard Profiles'!$G$20=$B$17,14,0)+IF('Standard Profiles'!$G$20=$B$24,21,0),0)),0)</f>
        <v>0</v>
      </c>
      <c r="G3854" cm="1">
        <f t="array" ref="G3854">IFERROR(INDEX(Jesper!AK$2:AK$366,ROUNDDOWN($C3854/24,0)+1,1)*INDEX($D$3:$AA$30,INDEX(Jesper!$R$2:$R$366,ROW(INDEX(Jesper!AK$2:AK$366,ROUNDDOWN($C3854/24,0)+1,1))-1)+IF('Standard Profiles'!$G$21=$B$10,7,0)+IF('Standard Profiles'!$G$21=$B$17,14,0)+IF('Standard Profiles'!$G$21=$B$24,21,0),MOD($C3854,24)+1)/SUM(INDEX($D$3:$AA$30,INDEX(Jesper!$R$2:$R$366,ROW(INDEX(Jesper!AK$2:AK$366,ROUNDDOWN($C3854/24,0)+1,1))-1)+IF('Standard Profiles'!$G$21=$B$10,7,0)+IF('Standard Profiles'!$G$21=$B$17,14,0)+IF('Standard Profiles'!$G$21=$B$24,21,0),0)),0)</f>
        <v>0</v>
      </c>
      <c r="H3854" cm="1">
        <f t="array" ref="H3854">IFERROR(INDEX(Jesper!AL$2:AL$366,ROUNDDOWN($C3854/24,0)+1,1)*INDEX($D$3:$AA$30,INDEX(Jesper!$R$2:$R$366,ROW(INDEX(Jesper!AL$2:AL$366,ROUNDDOWN($C3854/24,0)+1,1))-1)+IF('Standard Profiles'!$G$22=$B$10,7,0)+IF('Standard Profiles'!$G$22=$B$17,14,0)+IF('Standard Profiles'!$G$22=$B$24,21,0),MOD($C3854,24)+1)/SUM(INDEX($D$3:$AA$30,INDEX(Jesper!$R$2:$R$366,ROW(INDEX(Jesper!AL$2:AL$366,ROUNDDOWN($C3854/24,0)+1,1))-1)+IF('Standard Profiles'!$G$22=$B$10,7,0)+IF('Standard Profiles'!$G$22=$B$17,14,0)+IF('Standard Profiles'!$G$22=$B$24,21,0),0)),0)</f>
        <v>0</v>
      </c>
      <c r="I3854">
        <f t="shared" si="433"/>
        <v>8.6237130065218257E-2</v>
      </c>
      <c r="J3854">
        <f t="shared" si="434"/>
        <v>0.28745710021739423</v>
      </c>
      <c r="K3854">
        <f t="shared" si="435"/>
        <v>0.43118565032609135</v>
      </c>
      <c r="L3854">
        <f t="shared" si="436"/>
        <v>6.7231230181049559</v>
      </c>
      <c r="M3854">
        <f t="shared" si="437"/>
        <v>0</v>
      </c>
      <c r="N3854" s="46">
        <f t="shared" si="438"/>
        <v>45451.166666657402</v>
      </c>
    </row>
    <row r="3855" spans="2:14" x14ac:dyDescent="0.3">
      <c r="B3855">
        <f t="shared" si="432"/>
        <v>6</v>
      </c>
      <c r="C3855" s="16">
        <v>3821</v>
      </c>
      <c r="D3855" cm="1">
        <f t="array" ref="D3855">IFERROR(INDEX(Jesper!AH$2:AH$366,ROUNDDOWN($C3855/24,0)+1,1)*INDEX($D$3:$AA$30,INDEX(Jesper!$R$2:$R$366,ROW(INDEX(Jesper!AH$2:AH$366,ROUNDDOWN($C3855/24,0)+1,1))-1)+IF('Standard Profiles'!$G$18=$B$10,7,0)+IF('Standard Profiles'!$G$18=$B$17,14,0)+IF('Standard Profiles'!$G$18=$B$24,21,0),MOD($C3855,24)+1)/SUM(INDEX($D$3:$AA$30,INDEX(Jesper!$R$2:$R$366,ROW(INDEX(Jesper!AH$2:AH$366,ROUNDDOWN($C3855/24,0)+1,1))-1)+IF('Standard Profiles'!$G$18=$B$10,7,0)+IF('Standard Profiles'!$G$18=$B$17,14,0)+IF('Standard Profiles'!$G$18=$B$24,21,0),0)),0)</f>
        <v>8.1733977684018679</v>
      </c>
      <c r="E3855" cm="1">
        <f t="array" ref="E3855">IFERROR(INDEX(Jesper!AI$2:AI$366,ROUNDDOWN($C3855/24,0)+1,1)*INDEX($D$3:$AA$30,INDEX(Jesper!$R$2:$R$366,ROW(INDEX(Jesper!AI$2:AI$366,ROUNDDOWN($C3855/24,0)+1,1))-1)+IF('Standard Profiles'!$G$19=$B$10,7,0)+IF('Standard Profiles'!$G$19=$B$17,14,0)+IF('Standard Profiles'!$G$19=$B$24,21,0),MOD($C3855,24)+1)/SUM(INDEX($D$3:$AA$30,INDEX(Jesper!$R$2:$R$366,ROW(INDEX(Jesper!AI$2:AI$366,ROUNDDOWN($C3855/24,0)+1,1))-1)+IF('Standard Profiles'!$G$19=$B$10,7,0)+IF('Standard Profiles'!$G$19=$B$17,14,0)+IF('Standard Profiles'!$G$19=$B$24,21,0),0)),0)</f>
        <v>1.1907033982907327</v>
      </c>
      <c r="F3855" cm="1">
        <f t="array" ref="F3855">IFERROR(INDEX(Jesper!AJ$2:AJ$366,ROUNDDOWN($C3855/24,0)+1,1)*INDEX($D$3:$AA$30,INDEX(Jesper!$R$2:$R$366,ROW(INDEX(Jesper!AJ$2:AJ$366,ROUNDDOWN($C3855/24,0)+1,1))-1)+IF('Standard Profiles'!$G$20=$B$10,7,0)+IF('Standard Profiles'!$G$20=$B$17,14,0)+IF('Standard Profiles'!$G$20=$B$24,21,0),MOD($C3855,24)+1)/SUM(INDEX($D$3:$AA$30,INDEX(Jesper!$R$2:$R$366,ROW(INDEX(Jesper!AJ$2:AJ$366,ROUNDDOWN($C3855/24,0)+1,1))-1)+IF('Standard Profiles'!$G$20=$B$10,7,0)+IF('Standard Profiles'!$G$20=$B$17,14,0)+IF('Standard Profiles'!$G$20=$B$24,21,0),0)),0)</f>
        <v>0</v>
      </c>
      <c r="G3855" cm="1">
        <f t="array" ref="G3855">IFERROR(INDEX(Jesper!AK$2:AK$366,ROUNDDOWN($C3855/24,0)+1,1)*INDEX($D$3:$AA$30,INDEX(Jesper!$R$2:$R$366,ROW(INDEX(Jesper!AK$2:AK$366,ROUNDDOWN($C3855/24,0)+1,1))-1)+IF('Standard Profiles'!$G$21=$B$10,7,0)+IF('Standard Profiles'!$G$21=$B$17,14,0)+IF('Standard Profiles'!$G$21=$B$24,21,0),MOD($C3855,24)+1)/SUM(INDEX($D$3:$AA$30,INDEX(Jesper!$R$2:$R$366,ROW(INDEX(Jesper!AK$2:AK$366,ROUNDDOWN($C3855/24,0)+1,1))-1)+IF('Standard Profiles'!$G$21=$B$10,7,0)+IF('Standard Profiles'!$G$21=$B$17,14,0)+IF('Standard Profiles'!$G$21=$B$24,21,0),0)),0)</f>
        <v>0</v>
      </c>
      <c r="H3855" cm="1">
        <f t="array" ref="H3855">IFERROR(INDEX(Jesper!AL$2:AL$366,ROUNDDOWN($C3855/24,0)+1,1)*INDEX($D$3:$AA$30,INDEX(Jesper!$R$2:$R$366,ROW(INDEX(Jesper!AL$2:AL$366,ROUNDDOWN($C3855/24,0)+1,1))-1)+IF('Standard Profiles'!$G$22=$B$10,7,0)+IF('Standard Profiles'!$G$22=$B$17,14,0)+IF('Standard Profiles'!$G$22=$B$24,21,0),MOD($C3855,24)+1)/SUM(INDEX($D$3:$AA$30,INDEX(Jesper!$R$2:$R$366,ROW(INDEX(Jesper!AL$2:AL$366,ROUNDDOWN($C3855/24,0)+1,1))-1)+IF('Standard Profiles'!$G$22=$B$10,7,0)+IF('Standard Profiles'!$G$22=$B$17,14,0)+IF('Standard Profiles'!$G$22=$B$24,21,0),0)),0)</f>
        <v>0</v>
      </c>
      <c r="I3855">
        <f t="shared" si="433"/>
        <v>0.10727057642258855</v>
      </c>
      <c r="J3855">
        <f t="shared" si="434"/>
        <v>0.35756858807529524</v>
      </c>
      <c r="K3855">
        <f t="shared" si="435"/>
        <v>0.53635288211294285</v>
      </c>
      <c r="L3855">
        <f t="shared" si="436"/>
        <v>8.362909120081774</v>
      </c>
      <c r="M3855">
        <f t="shared" si="437"/>
        <v>0</v>
      </c>
      <c r="N3855" s="46">
        <f t="shared" si="438"/>
        <v>45451.208333324066</v>
      </c>
    </row>
    <row r="3856" spans="2:14" x14ac:dyDescent="0.3">
      <c r="B3856">
        <f t="shared" si="432"/>
        <v>6</v>
      </c>
      <c r="C3856" s="16">
        <v>3822</v>
      </c>
      <c r="D3856" cm="1">
        <f t="array" ref="D3856">IFERROR(INDEX(Jesper!AH$2:AH$366,ROUNDDOWN($C3856/24,0)+1,1)*INDEX($D$3:$AA$30,INDEX(Jesper!$R$2:$R$366,ROW(INDEX(Jesper!AH$2:AH$366,ROUNDDOWN($C3856/24,0)+1,1))-1)+IF('Standard Profiles'!$G$18=$B$10,7,0)+IF('Standard Profiles'!$G$18=$B$17,14,0)+IF('Standard Profiles'!$G$18=$B$24,21,0),MOD($C3856,24)+1)/SUM(INDEX($D$3:$AA$30,INDEX(Jesper!$R$2:$R$366,ROW(INDEX(Jesper!AH$2:AH$366,ROUNDDOWN($C3856/24,0)+1,1))-1)+IF('Standard Profiles'!$G$18=$B$10,7,0)+IF('Standard Profiles'!$G$18=$B$17,14,0)+IF('Standard Profiles'!$G$18=$B$24,21,0),0)),0)</f>
        <v>10.256812885837638</v>
      </c>
      <c r="E3856" cm="1">
        <f t="array" ref="E3856">IFERROR(INDEX(Jesper!AI$2:AI$366,ROUNDDOWN($C3856/24,0)+1,1)*INDEX($D$3:$AA$30,INDEX(Jesper!$R$2:$R$366,ROW(INDEX(Jesper!AI$2:AI$366,ROUNDDOWN($C3856/24,0)+1,1))-1)+IF('Standard Profiles'!$G$19=$B$10,7,0)+IF('Standard Profiles'!$G$19=$B$17,14,0)+IF('Standard Profiles'!$G$19=$B$24,21,0),MOD($C3856,24)+1)/SUM(INDEX($D$3:$AA$30,INDEX(Jesper!$R$2:$R$366,ROW(INDEX(Jesper!AI$2:AI$366,ROUNDDOWN($C3856/24,0)+1,1))-1)+IF('Standard Profiles'!$G$19=$B$10,7,0)+IF('Standard Profiles'!$G$19=$B$17,14,0)+IF('Standard Profiles'!$G$19=$B$24,21,0),0)),0)</f>
        <v>1.4942160292275861</v>
      </c>
      <c r="F3856" cm="1">
        <f t="array" ref="F3856">IFERROR(INDEX(Jesper!AJ$2:AJ$366,ROUNDDOWN($C3856/24,0)+1,1)*INDEX($D$3:$AA$30,INDEX(Jesper!$R$2:$R$366,ROW(INDEX(Jesper!AJ$2:AJ$366,ROUNDDOWN($C3856/24,0)+1,1))-1)+IF('Standard Profiles'!$G$20=$B$10,7,0)+IF('Standard Profiles'!$G$20=$B$17,14,0)+IF('Standard Profiles'!$G$20=$B$24,21,0),MOD($C3856,24)+1)/SUM(INDEX($D$3:$AA$30,INDEX(Jesper!$R$2:$R$366,ROW(INDEX(Jesper!AJ$2:AJ$366,ROUNDDOWN($C3856/24,0)+1,1))-1)+IF('Standard Profiles'!$G$20=$B$10,7,0)+IF('Standard Profiles'!$G$20=$B$17,14,0)+IF('Standard Profiles'!$G$20=$B$24,21,0),0)),0)</f>
        <v>0</v>
      </c>
      <c r="G3856" cm="1">
        <f t="array" ref="G3856">IFERROR(INDEX(Jesper!AK$2:AK$366,ROUNDDOWN($C3856/24,0)+1,1)*INDEX($D$3:$AA$30,INDEX(Jesper!$R$2:$R$366,ROW(INDEX(Jesper!AK$2:AK$366,ROUNDDOWN($C3856/24,0)+1,1))-1)+IF('Standard Profiles'!$G$21=$B$10,7,0)+IF('Standard Profiles'!$G$21=$B$17,14,0)+IF('Standard Profiles'!$G$21=$B$24,21,0),MOD($C3856,24)+1)/SUM(INDEX($D$3:$AA$30,INDEX(Jesper!$R$2:$R$366,ROW(INDEX(Jesper!AK$2:AK$366,ROUNDDOWN($C3856/24,0)+1,1))-1)+IF('Standard Profiles'!$G$21=$B$10,7,0)+IF('Standard Profiles'!$G$21=$B$17,14,0)+IF('Standard Profiles'!$G$21=$B$24,21,0),0)),0)</f>
        <v>0</v>
      </c>
      <c r="H3856" cm="1">
        <f t="array" ref="H3856">IFERROR(INDEX(Jesper!AL$2:AL$366,ROUNDDOWN($C3856/24,0)+1,1)*INDEX($D$3:$AA$30,INDEX(Jesper!$R$2:$R$366,ROW(INDEX(Jesper!AL$2:AL$366,ROUNDDOWN($C3856/24,0)+1,1))-1)+IF('Standard Profiles'!$G$22=$B$10,7,0)+IF('Standard Profiles'!$G$22=$B$17,14,0)+IF('Standard Profiles'!$G$22=$B$24,21,0),MOD($C3856,24)+1)/SUM(INDEX($D$3:$AA$30,INDEX(Jesper!$R$2:$R$366,ROW(INDEX(Jesper!AL$2:AL$366,ROUNDDOWN($C3856/24,0)+1,1))-1)+IF('Standard Profiles'!$G$22=$B$10,7,0)+IF('Standard Profiles'!$G$22=$B$17,14,0)+IF('Standard Profiles'!$G$22=$B$24,21,0),0)),0)</f>
        <v>0</v>
      </c>
      <c r="I3856">
        <f t="shared" si="433"/>
        <v>0.13461405668716994</v>
      </c>
      <c r="J3856">
        <f t="shared" si="434"/>
        <v>0.44871352229056655</v>
      </c>
      <c r="K3856">
        <f t="shared" si="435"/>
        <v>0.67307028343584985</v>
      </c>
      <c r="L3856">
        <f t="shared" si="436"/>
        <v>10.494631052651638</v>
      </c>
      <c r="M3856">
        <f t="shared" si="437"/>
        <v>0</v>
      </c>
      <c r="N3856" s="46">
        <f t="shared" si="438"/>
        <v>45451.24999999073</v>
      </c>
    </row>
    <row r="3857" spans="2:14" x14ac:dyDescent="0.3">
      <c r="B3857">
        <f t="shared" si="432"/>
        <v>6</v>
      </c>
      <c r="C3857" s="16">
        <v>3823</v>
      </c>
      <c r="D3857" cm="1">
        <f t="array" ref="D3857">IFERROR(INDEX(Jesper!AH$2:AH$366,ROUNDDOWN($C3857/24,0)+1,1)*INDEX($D$3:$AA$30,INDEX(Jesper!$R$2:$R$366,ROW(INDEX(Jesper!AH$2:AH$366,ROUNDDOWN($C3857/24,0)+1,1))-1)+IF('Standard Profiles'!$G$18=$B$10,7,0)+IF('Standard Profiles'!$G$18=$B$17,14,0)+IF('Standard Profiles'!$G$18=$B$24,21,0),MOD($C3857,24)+1)/SUM(INDEX($D$3:$AA$30,INDEX(Jesper!$R$2:$R$366,ROW(INDEX(Jesper!AH$2:AH$366,ROUNDDOWN($C3857/24,0)+1,1))-1)+IF('Standard Profiles'!$G$18=$B$10,7,0)+IF('Standard Profiles'!$G$18=$B$17,14,0)+IF('Standard Profiles'!$G$18=$B$24,21,0),0)),0)</f>
        <v>11.699177197908556</v>
      </c>
      <c r="E3857" cm="1">
        <f t="array" ref="E3857">IFERROR(INDEX(Jesper!AI$2:AI$366,ROUNDDOWN($C3857/24,0)+1,1)*INDEX($D$3:$AA$30,INDEX(Jesper!$R$2:$R$366,ROW(INDEX(Jesper!AI$2:AI$366,ROUNDDOWN($C3857/24,0)+1,1))-1)+IF('Standard Profiles'!$G$19=$B$10,7,0)+IF('Standard Profiles'!$G$19=$B$17,14,0)+IF('Standard Profiles'!$G$19=$B$24,21,0),MOD($C3857,24)+1)/SUM(INDEX($D$3:$AA$30,INDEX(Jesper!$R$2:$R$366,ROW(INDEX(Jesper!AI$2:AI$366,ROUNDDOWN($C3857/24,0)+1,1))-1)+IF('Standard Profiles'!$G$19=$B$10,7,0)+IF('Standard Profiles'!$G$19=$B$17,14,0)+IF('Standard Profiles'!$G$19=$B$24,21,0),0)),0)</f>
        <v>1.7043401583377153</v>
      </c>
      <c r="F3857" cm="1">
        <f t="array" ref="F3857">IFERROR(INDEX(Jesper!AJ$2:AJ$366,ROUNDDOWN($C3857/24,0)+1,1)*INDEX($D$3:$AA$30,INDEX(Jesper!$R$2:$R$366,ROW(INDEX(Jesper!AJ$2:AJ$366,ROUNDDOWN($C3857/24,0)+1,1))-1)+IF('Standard Profiles'!$G$20=$B$10,7,0)+IF('Standard Profiles'!$G$20=$B$17,14,0)+IF('Standard Profiles'!$G$20=$B$24,21,0),MOD($C3857,24)+1)/SUM(INDEX($D$3:$AA$30,INDEX(Jesper!$R$2:$R$366,ROW(INDEX(Jesper!AJ$2:AJ$366,ROUNDDOWN($C3857/24,0)+1,1))-1)+IF('Standard Profiles'!$G$20=$B$10,7,0)+IF('Standard Profiles'!$G$20=$B$17,14,0)+IF('Standard Profiles'!$G$20=$B$24,21,0),0)),0)</f>
        <v>0</v>
      </c>
      <c r="G3857" cm="1">
        <f t="array" ref="G3857">IFERROR(INDEX(Jesper!AK$2:AK$366,ROUNDDOWN($C3857/24,0)+1,1)*INDEX($D$3:$AA$30,INDEX(Jesper!$R$2:$R$366,ROW(INDEX(Jesper!AK$2:AK$366,ROUNDDOWN($C3857/24,0)+1,1))-1)+IF('Standard Profiles'!$G$21=$B$10,7,0)+IF('Standard Profiles'!$G$21=$B$17,14,0)+IF('Standard Profiles'!$G$21=$B$24,21,0),MOD($C3857,24)+1)/SUM(INDEX($D$3:$AA$30,INDEX(Jesper!$R$2:$R$366,ROW(INDEX(Jesper!AK$2:AK$366,ROUNDDOWN($C3857/24,0)+1,1))-1)+IF('Standard Profiles'!$G$21=$B$10,7,0)+IF('Standard Profiles'!$G$21=$B$17,14,0)+IF('Standard Profiles'!$G$21=$B$24,21,0),0)),0)</f>
        <v>0</v>
      </c>
      <c r="H3857" cm="1">
        <f t="array" ref="H3857">IFERROR(INDEX(Jesper!AL$2:AL$366,ROUNDDOWN($C3857/24,0)+1,1)*INDEX($D$3:$AA$30,INDEX(Jesper!$R$2:$R$366,ROW(INDEX(Jesper!AL$2:AL$366,ROUNDDOWN($C3857/24,0)+1,1))-1)+IF('Standard Profiles'!$G$22=$B$10,7,0)+IF('Standard Profiles'!$G$22=$B$17,14,0)+IF('Standard Profiles'!$G$22=$B$24,21,0),MOD($C3857,24)+1)/SUM(INDEX($D$3:$AA$30,INDEX(Jesper!$R$2:$R$366,ROW(INDEX(Jesper!AL$2:AL$366,ROUNDDOWN($C3857/24,0)+1,1))-1)+IF('Standard Profiles'!$G$22=$B$10,7,0)+IF('Standard Profiles'!$G$22=$B$17,14,0)+IF('Standard Profiles'!$G$22=$B$24,21,0),0)),0)</f>
        <v>0</v>
      </c>
      <c r="I3857">
        <f t="shared" si="433"/>
        <v>0.15354415840880323</v>
      </c>
      <c r="J3857">
        <f t="shared" si="434"/>
        <v>0.51181386136267748</v>
      </c>
      <c r="K3857">
        <f t="shared" si="435"/>
        <v>0.76772079204401622</v>
      </c>
      <c r="L3857">
        <f t="shared" si="436"/>
        <v>11.970438544430774</v>
      </c>
      <c r="M3857">
        <f t="shared" si="437"/>
        <v>0</v>
      </c>
      <c r="N3857" s="46">
        <f t="shared" si="438"/>
        <v>45451.291666657395</v>
      </c>
    </row>
    <row r="3858" spans="2:14" x14ac:dyDescent="0.3">
      <c r="B3858">
        <f t="shared" si="432"/>
        <v>6</v>
      </c>
      <c r="C3858" s="16">
        <v>3824</v>
      </c>
      <c r="D3858" cm="1">
        <f t="array" ref="D3858">IFERROR(INDEX(Jesper!AH$2:AH$366,ROUNDDOWN($C3858/24,0)+1,1)*INDEX($D$3:$AA$30,INDEX(Jesper!$R$2:$R$366,ROW(INDEX(Jesper!AH$2:AH$366,ROUNDDOWN($C3858/24,0)+1,1))-1)+IF('Standard Profiles'!$G$18=$B$10,7,0)+IF('Standard Profiles'!$G$18=$B$17,14,0)+IF('Standard Profiles'!$G$18=$B$24,21,0),MOD($C3858,24)+1)/SUM(INDEX($D$3:$AA$30,INDEX(Jesper!$R$2:$R$366,ROW(INDEX(Jesper!AH$2:AH$366,ROUNDDOWN($C3858/24,0)+1,1))-1)+IF('Standard Profiles'!$G$18=$B$10,7,0)+IF('Standard Profiles'!$G$18=$B$17,14,0)+IF('Standard Profiles'!$G$18=$B$24,21,0),0)),0)</f>
        <v>11.699177197908556</v>
      </c>
      <c r="E3858" cm="1">
        <f t="array" ref="E3858">IFERROR(INDEX(Jesper!AI$2:AI$366,ROUNDDOWN($C3858/24,0)+1,1)*INDEX($D$3:$AA$30,INDEX(Jesper!$R$2:$R$366,ROW(INDEX(Jesper!AI$2:AI$366,ROUNDDOWN($C3858/24,0)+1,1))-1)+IF('Standard Profiles'!$G$19=$B$10,7,0)+IF('Standard Profiles'!$G$19=$B$17,14,0)+IF('Standard Profiles'!$G$19=$B$24,21,0),MOD($C3858,24)+1)/SUM(INDEX($D$3:$AA$30,INDEX(Jesper!$R$2:$R$366,ROW(INDEX(Jesper!AI$2:AI$366,ROUNDDOWN($C3858/24,0)+1,1))-1)+IF('Standard Profiles'!$G$19=$B$10,7,0)+IF('Standard Profiles'!$G$19=$B$17,14,0)+IF('Standard Profiles'!$G$19=$B$24,21,0),0)),0)</f>
        <v>1.7043401583377153</v>
      </c>
      <c r="F3858" cm="1">
        <f t="array" ref="F3858">IFERROR(INDEX(Jesper!AJ$2:AJ$366,ROUNDDOWN($C3858/24,0)+1,1)*INDEX($D$3:$AA$30,INDEX(Jesper!$R$2:$R$366,ROW(INDEX(Jesper!AJ$2:AJ$366,ROUNDDOWN($C3858/24,0)+1,1))-1)+IF('Standard Profiles'!$G$20=$B$10,7,0)+IF('Standard Profiles'!$G$20=$B$17,14,0)+IF('Standard Profiles'!$G$20=$B$24,21,0),MOD($C3858,24)+1)/SUM(INDEX($D$3:$AA$30,INDEX(Jesper!$R$2:$R$366,ROW(INDEX(Jesper!AJ$2:AJ$366,ROUNDDOWN($C3858/24,0)+1,1))-1)+IF('Standard Profiles'!$G$20=$B$10,7,0)+IF('Standard Profiles'!$G$20=$B$17,14,0)+IF('Standard Profiles'!$G$20=$B$24,21,0),0)),0)</f>
        <v>0</v>
      </c>
      <c r="G3858" cm="1">
        <f t="array" ref="G3858">IFERROR(INDEX(Jesper!AK$2:AK$366,ROUNDDOWN($C3858/24,0)+1,1)*INDEX($D$3:$AA$30,INDEX(Jesper!$R$2:$R$366,ROW(INDEX(Jesper!AK$2:AK$366,ROUNDDOWN($C3858/24,0)+1,1))-1)+IF('Standard Profiles'!$G$21=$B$10,7,0)+IF('Standard Profiles'!$G$21=$B$17,14,0)+IF('Standard Profiles'!$G$21=$B$24,21,0),MOD($C3858,24)+1)/SUM(INDEX($D$3:$AA$30,INDEX(Jesper!$R$2:$R$366,ROW(INDEX(Jesper!AK$2:AK$366,ROUNDDOWN($C3858/24,0)+1,1))-1)+IF('Standard Profiles'!$G$21=$B$10,7,0)+IF('Standard Profiles'!$G$21=$B$17,14,0)+IF('Standard Profiles'!$G$21=$B$24,21,0),0)),0)</f>
        <v>0</v>
      </c>
      <c r="H3858" cm="1">
        <f t="array" ref="H3858">IFERROR(INDEX(Jesper!AL$2:AL$366,ROUNDDOWN($C3858/24,0)+1,1)*INDEX($D$3:$AA$30,INDEX(Jesper!$R$2:$R$366,ROW(INDEX(Jesper!AL$2:AL$366,ROUNDDOWN($C3858/24,0)+1,1))-1)+IF('Standard Profiles'!$G$22=$B$10,7,0)+IF('Standard Profiles'!$G$22=$B$17,14,0)+IF('Standard Profiles'!$G$22=$B$24,21,0),MOD($C3858,24)+1)/SUM(INDEX($D$3:$AA$30,INDEX(Jesper!$R$2:$R$366,ROW(INDEX(Jesper!AL$2:AL$366,ROUNDDOWN($C3858/24,0)+1,1))-1)+IF('Standard Profiles'!$G$22=$B$10,7,0)+IF('Standard Profiles'!$G$22=$B$17,14,0)+IF('Standard Profiles'!$G$22=$B$24,21,0),0)),0)</f>
        <v>0</v>
      </c>
      <c r="I3858">
        <f t="shared" si="433"/>
        <v>0.15354415840880323</v>
      </c>
      <c r="J3858">
        <f t="shared" si="434"/>
        <v>0.51181386136267748</v>
      </c>
      <c r="K3858">
        <f t="shared" si="435"/>
        <v>0.76772079204401622</v>
      </c>
      <c r="L3858">
        <f t="shared" si="436"/>
        <v>11.970438544430774</v>
      </c>
      <c r="M3858">
        <f t="shared" si="437"/>
        <v>0</v>
      </c>
      <c r="N3858" s="46">
        <f t="shared" si="438"/>
        <v>45451.333333324059</v>
      </c>
    </row>
    <row r="3859" spans="2:14" x14ac:dyDescent="0.3">
      <c r="B3859">
        <f t="shared" si="432"/>
        <v>6</v>
      </c>
      <c r="C3859" s="16">
        <v>3825</v>
      </c>
      <c r="D3859" cm="1">
        <f t="array" ref="D3859">IFERROR(INDEX(Jesper!AH$2:AH$366,ROUNDDOWN($C3859/24,0)+1,1)*INDEX($D$3:$AA$30,INDEX(Jesper!$R$2:$R$366,ROW(INDEX(Jesper!AH$2:AH$366,ROUNDDOWN($C3859/24,0)+1,1))-1)+IF('Standard Profiles'!$G$18=$B$10,7,0)+IF('Standard Profiles'!$G$18=$B$17,14,0)+IF('Standard Profiles'!$G$18=$B$24,21,0),MOD($C3859,24)+1)/SUM(INDEX($D$3:$AA$30,INDEX(Jesper!$R$2:$R$366,ROW(INDEX(Jesper!AH$2:AH$366,ROUNDDOWN($C3859/24,0)+1,1))-1)+IF('Standard Profiles'!$G$18=$B$10,7,0)+IF('Standard Profiles'!$G$18=$B$17,14,0)+IF('Standard Profiles'!$G$18=$B$24,21,0),0)),0)</f>
        <v>11.699177197908556</v>
      </c>
      <c r="E3859" cm="1">
        <f t="array" ref="E3859">IFERROR(INDEX(Jesper!AI$2:AI$366,ROUNDDOWN($C3859/24,0)+1,1)*INDEX($D$3:$AA$30,INDEX(Jesper!$R$2:$R$366,ROW(INDEX(Jesper!AI$2:AI$366,ROUNDDOWN($C3859/24,0)+1,1))-1)+IF('Standard Profiles'!$G$19=$B$10,7,0)+IF('Standard Profiles'!$G$19=$B$17,14,0)+IF('Standard Profiles'!$G$19=$B$24,21,0),MOD($C3859,24)+1)/SUM(INDEX($D$3:$AA$30,INDEX(Jesper!$R$2:$R$366,ROW(INDEX(Jesper!AI$2:AI$366,ROUNDDOWN($C3859/24,0)+1,1))-1)+IF('Standard Profiles'!$G$19=$B$10,7,0)+IF('Standard Profiles'!$G$19=$B$17,14,0)+IF('Standard Profiles'!$G$19=$B$24,21,0),0)),0)</f>
        <v>1.7043401583377153</v>
      </c>
      <c r="F3859" cm="1">
        <f t="array" ref="F3859">IFERROR(INDEX(Jesper!AJ$2:AJ$366,ROUNDDOWN($C3859/24,0)+1,1)*INDEX($D$3:$AA$30,INDEX(Jesper!$R$2:$R$366,ROW(INDEX(Jesper!AJ$2:AJ$366,ROUNDDOWN($C3859/24,0)+1,1))-1)+IF('Standard Profiles'!$G$20=$B$10,7,0)+IF('Standard Profiles'!$G$20=$B$17,14,0)+IF('Standard Profiles'!$G$20=$B$24,21,0),MOD($C3859,24)+1)/SUM(INDEX($D$3:$AA$30,INDEX(Jesper!$R$2:$R$366,ROW(INDEX(Jesper!AJ$2:AJ$366,ROUNDDOWN($C3859/24,0)+1,1))-1)+IF('Standard Profiles'!$G$20=$B$10,7,0)+IF('Standard Profiles'!$G$20=$B$17,14,0)+IF('Standard Profiles'!$G$20=$B$24,21,0),0)),0)</f>
        <v>0</v>
      </c>
      <c r="G3859" cm="1">
        <f t="array" ref="G3859">IFERROR(INDEX(Jesper!AK$2:AK$366,ROUNDDOWN($C3859/24,0)+1,1)*INDEX($D$3:$AA$30,INDEX(Jesper!$R$2:$R$366,ROW(INDEX(Jesper!AK$2:AK$366,ROUNDDOWN($C3859/24,0)+1,1))-1)+IF('Standard Profiles'!$G$21=$B$10,7,0)+IF('Standard Profiles'!$G$21=$B$17,14,0)+IF('Standard Profiles'!$G$21=$B$24,21,0),MOD($C3859,24)+1)/SUM(INDEX($D$3:$AA$30,INDEX(Jesper!$R$2:$R$366,ROW(INDEX(Jesper!AK$2:AK$366,ROUNDDOWN($C3859/24,0)+1,1))-1)+IF('Standard Profiles'!$G$21=$B$10,7,0)+IF('Standard Profiles'!$G$21=$B$17,14,0)+IF('Standard Profiles'!$G$21=$B$24,21,0),0)),0)</f>
        <v>0</v>
      </c>
      <c r="H3859" cm="1">
        <f t="array" ref="H3859">IFERROR(INDEX(Jesper!AL$2:AL$366,ROUNDDOWN($C3859/24,0)+1,1)*INDEX($D$3:$AA$30,INDEX(Jesper!$R$2:$R$366,ROW(INDEX(Jesper!AL$2:AL$366,ROUNDDOWN($C3859/24,0)+1,1))-1)+IF('Standard Profiles'!$G$22=$B$10,7,0)+IF('Standard Profiles'!$G$22=$B$17,14,0)+IF('Standard Profiles'!$G$22=$B$24,21,0),MOD($C3859,24)+1)/SUM(INDEX($D$3:$AA$30,INDEX(Jesper!$R$2:$R$366,ROW(INDEX(Jesper!AL$2:AL$366,ROUNDDOWN($C3859/24,0)+1,1))-1)+IF('Standard Profiles'!$G$22=$B$10,7,0)+IF('Standard Profiles'!$G$22=$B$17,14,0)+IF('Standard Profiles'!$G$22=$B$24,21,0),0)),0)</f>
        <v>0</v>
      </c>
      <c r="I3859">
        <f t="shared" si="433"/>
        <v>0.15354415840880323</v>
      </c>
      <c r="J3859">
        <f t="shared" si="434"/>
        <v>0.51181386136267748</v>
      </c>
      <c r="K3859">
        <f t="shared" si="435"/>
        <v>0.76772079204401622</v>
      </c>
      <c r="L3859">
        <f t="shared" si="436"/>
        <v>11.970438544430774</v>
      </c>
      <c r="M3859">
        <f t="shared" si="437"/>
        <v>0</v>
      </c>
      <c r="N3859" s="46">
        <f t="shared" si="438"/>
        <v>45451.374999990723</v>
      </c>
    </row>
    <row r="3860" spans="2:14" x14ac:dyDescent="0.3">
      <c r="B3860">
        <f t="shared" si="432"/>
        <v>6</v>
      </c>
      <c r="C3860" s="16">
        <v>3826</v>
      </c>
      <c r="D3860" cm="1">
        <f t="array" ref="D3860">IFERROR(INDEX(Jesper!AH$2:AH$366,ROUNDDOWN($C3860/24,0)+1,1)*INDEX($D$3:$AA$30,INDEX(Jesper!$R$2:$R$366,ROW(INDEX(Jesper!AH$2:AH$366,ROUNDDOWN($C3860/24,0)+1,1))-1)+IF('Standard Profiles'!$G$18=$B$10,7,0)+IF('Standard Profiles'!$G$18=$B$17,14,0)+IF('Standard Profiles'!$G$18=$B$24,21,0),MOD($C3860,24)+1)/SUM(INDEX($D$3:$AA$30,INDEX(Jesper!$R$2:$R$366,ROW(INDEX(Jesper!AH$2:AH$366,ROUNDDOWN($C3860/24,0)+1,1))-1)+IF('Standard Profiles'!$G$18=$B$10,7,0)+IF('Standard Profiles'!$G$18=$B$17,14,0)+IF('Standard Profiles'!$G$18=$B$24,21,0),0)),0)</f>
        <v>11.699177197908556</v>
      </c>
      <c r="E3860" cm="1">
        <f t="array" ref="E3860">IFERROR(INDEX(Jesper!AI$2:AI$366,ROUNDDOWN($C3860/24,0)+1,1)*INDEX($D$3:$AA$30,INDEX(Jesper!$R$2:$R$366,ROW(INDEX(Jesper!AI$2:AI$366,ROUNDDOWN($C3860/24,0)+1,1))-1)+IF('Standard Profiles'!$G$19=$B$10,7,0)+IF('Standard Profiles'!$G$19=$B$17,14,0)+IF('Standard Profiles'!$G$19=$B$24,21,0),MOD($C3860,24)+1)/SUM(INDEX($D$3:$AA$30,INDEX(Jesper!$R$2:$R$366,ROW(INDEX(Jesper!AI$2:AI$366,ROUNDDOWN($C3860/24,0)+1,1))-1)+IF('Standard Profiles'!$G$19=$B$10,7,0)+IF('Standard Profiles'!$G$19=$B$17,14,0)+IF('Standard Profiles'!$G$19=$B$24,21,0),0)),0)</f>
        <v>1.7043401583377153</v>
      </c>
      <c r="F3860" cm="1">
        <f t="array" ref="F3860">IFERROR(INDEX(Jesper!AJ$2:AJ$366,ROUNDDOWN($C3860/24,0)+1,1)*INDEX($D$3:$AA$30,INDEX(Jesper!$R$2:$R$366,ROW(INDEX(Jesper!AJ$2:AJ$366,ROUNDDOWN($C3860/24,0)+1,1))-1)+IF('Standard Profiles'!$G$20=$B$10,7,0)+IF('Standard Profiles'!$G$20=$B$17,14,0)+IF('Standard Profiles'!$G$20=$B$24,21,0),MOD($C3860,24)+1)/SUM(INDEX($D$3:$AA$30,INDEX(Jesper!$R$2:$R$366,ROW(INDEX(Jesper!AJ$2:AJ$366,ROUNDDOWN($C3860/24,0)+1,1))-1)+IF('Standard Profiles'!$G$20=$B$10,7,0)+IF('Standard Profiles'!$G$20=$B$17,14,0)+IF('Standard Profiles'!$G$20=$B$24,21,0),0)),0)</f>
        <v>0</v>
      </c>
      <c r="G3860" cm="1">
        <f t="array" ref="G3860">IFERROR(INDEX(Jesper!AK$2:AK$366,ROUNDDOWN($C3860/24,0)+1,1)*INDEX($D$3:$AA$30,INDEX(Jesper!$R$2:$R$366,ROW(INDEX(Jesper!AK$2:AK$366,ROUNDDOWN($C3860/24,0)+1,1))-1)+IF('Standard Profiles'!$G$21=$B$10,7,0)+IF('Standard Profiles'!$G$21=$B$17,14,0)+IF('Standard Profiles'!$G$21=$B$24,21,0),MOD($C3860,24)+1)/SUM(INDEX($D$3:$AA$30,INDEX(Jesper!$R$2:$R$366,ROW(INDEX(Jesper!AK$2:AK$366,ROUNDDOWN($C3860/24,0)+1,1))-1)+IF('Standard Profiles'!$G$21=$B$10,7,0)+IF('Standard Profiles'!$G$21=$B$17,14,0)+IF('Standard Profiles'!$G$21=$B$24,21,0),0)),0)</f>
        <v>0</v>
      </c>
      <c r="H3860" cm="1">
        <f t="array" ref="H3860">IFERROR(INDEX(Jesper!AL$2:AL$366,ROUNDDOWN($C3860/24,0)+1,1)*INDEX($D$3:$AA$30,INDEX(Jesper!$R$2:$R$366,ROW(INDEX(Jesper!AL$2:AL$366,ROUNDDOWN($C3860/24,0)+1,1))-1)+IF('Standard Profiles'!$G$22=$B$10,7,0)+IF('Standard Profiles'!$G$22=$B$17,14,0)+IF('Standard Profiles'!$G$22=$B$24,21,0),MOD($C3860,24)+1)/SUM(INDEX($D$3:$AA$30,INDEX(Jesper!$R$2:$R$366,ROW(INDEX(Jesper!AL$2:AL$366,ROUNDDOWN($C3860/24,0)+1,1))-1)+IF('Standard Profiles'!$G$22=$B$10,7,0)+IF('Standard Profiles'!$G$22=$B$17,14,0)+IF('Standard Profiles'!$G$22=$B$24,21,0),0)),0)</f>
        <v>0</v>
      </c>
      <c r="I3860">
        <f t="shared" si="433"/>
        <v>0.15354415840880323</v>
      </c>
      <c r="J3860">
        <f t="shared" si="434"/>
        <v>0.51181386136267748</v>
      </c>
      <c r="K3860">
        <f t="shared" si="435"/>
        <v>0.76772079204401622</v>
      </c>
      <c r="L3860">
        <f t="shared" si="436"/>
        <v>11.970438544430774</v>
      </c>
      <c r="M3860">
        <f t="shared" si="437"/>
        <v>0</v>
      </c>
      <c r="N3860" s="46">
        <f t="shared" si="438"/>
        <v>45451.416666657387</v>
      </c>
    </row>
    <row r="3861" spans="2:14" x14ac:dyDescent="0.3">
      <c r="B3861">
        <f t="shared" si="432"/>
        <v>6</v>
      </c>
      <c r="C3861" s="16">
        <v>3827</v>
      </c>
      <c r="D3861" cm="1">
        <f t="array" ref="D3861">IFERROR(INDEX(Jesper!AH$2:AH$366,ROUNDDOWN($C3861/24,0)+1,1)*INDEX($D$3:$AA$30,INDEX(Jesper!$R$2:$R$366,ROW(INDEX(Jesper!AH$2:AH$366,ROUNDDOWN($C3861/24,0)+1,1))-1)+IF('Standard Profiles'!$G$18=$B$10,7,0)+IF('Standard Profiles'!$G$18=$B$17,14,0)+IF('Standard Profiles'!$G$18=$B$24,21,0),MOD($C3861,24)+1)/SUM(INDEX($D$3:$AA$30,INDEX(Jesper!$R$2:$R$366,ROW(INDEX(Jesper!AH$2:AH$366,ROUNDDOWN($C3861/24,0)+1,1))-1)+IF('Standard Profiles'!$G$18=$B$10,7,0)+IF('Standard Profiles'!$G$18=$B$17,14,0)+IF('Standard Profiles'!$G$18=$B$24,21,0),0)),0)</f>
        <v>11.699177197908556</v>
      </c>
      <c r="E3861" cm="1">
        <f t="array" ref="E3861">IFERROR(INDEX(Jesper!AI$2:AI$366,ROUNDDOWN($C3861/24,0)+1,1)*INDEX($D$3:$AA$30,INDEX(Jesper!$R$2:$R$366,ROW(INDEX(Jesper!AI$2:AI$366,ROUNDDOWN($C3861/24,0)+1,1))-1)+IF('Standard Profiles'!$G$19=$B$10,7,0)+IF('Standard Profiles'!$G$19=$B$17,14,0)+IF('Standard Profiles'!$G$19=$B$24,21,0),MOD($C3861,24)+1)/SUM(INDEX($D$3:$AA$30,INDEX(Jesper!$R$2:$R$366,ROW(INDEX(Jesper!AI$2:AI$366,ROUNDDOWN($C3861/24,0)+1,1))-1)+IF('Standard Profiles'!$G$19=$B$10,7,0)+IF('Standard Profiles'!$G$19=$B$17,14,0)+IF('Standard Profiles'!$G$19=$B$24,21,0),0)),0)</f>
        <v>1.7043401583377153</v>
      </c>
      <c r="F3861" cm="1">
        <f t="array" ref="F3861">IFERROR(INDEX(Jesper!AJ$2:AJ$366,ROUNDDOWN($C3861/24,0)+1,1)*INDEX($D$3:$AA$30,INDEX(Jesper!$R$2:$R$366,ROW(INDEX(Jesper!AJ$2:AJ$366,ROUNDDOWN($C3861/24,0)+1,1))-1)+IF('Standard Profiles'!$G$20=$B$10,7,0)+IF('Standard Profiles'!$G$20=$B$17,14,0)+IF('Standard Profiles'!$G$20=$B$24,21,0),MOD($C3861,24)+1)/SUM(INDEX($D$3:$AA$30,INDEX(Jesper!$R$2:$R$366,ROW(INDEX(Jesper!AJ$2:AJ$366,ROUNDDOWN($C3861/24,0)+1,1))-1)+IF('Standard Profiles'!$G$20=$B$10,7,0)+IF('Standard Profiles'!$G$20=$B$17,14,0)+IF('Standard Profiles'!$G$20=$B$24,21,0),0)),0)</f>
        <v>0</v>
      </c>
      <c r="G3861" cm="1">
        <f t="array" ref="G3861">IFERROR(INDEX(Jesper!AK$2:AK$366,ROUNDDOWN($C3861/24,0)+1,1)*INDEX($D$3:$AA$30,INDEX(Jesper!$R$2:$R$366,ROW(INDEX(Jesper!AK$2:AK$366,ROUNDDOWN($C3861/24,0)+1,1))-1)+IF('Standard Profiles'!$G$21=$B$10,7,0)+IF('Standard Profiles'!$G$21=$B$17,14,0)+IF('Standard Profiles'!$G$21=$B$24,21,0),MOD($C3861,24)+1)/SUM(INDEX($D$3:$AA$30,INDEX(Jesper!$R$2:$R$366,ROW(INDEX(Jesper!AK$2:AK$366,ROUNDDOWN($C3861/24,0)+1,1))-1)+IF('Standard Profiles'!$G$21=$B$10,7,0)+IF('Standard Profiles'!$G$21=$B$17,14,0)+IF('Standard Profiles'!$G$21=$B$24,21,0),0)),0)</f>
        <v>0</v>
      </c>
      <c r="H3861" cm="1">
        <f t="array" ref="H3861">IFERROR(INDEX(Jesper!AL$2:AL$366,ROUNDDOWN($C3861/24,0)+1,1)*INDEX($D$3:$AA$30,INDEX(Jesper!$R$2:$R$366,ROW(INDEX(Jesper!AL$2:AL$366,ROUNDDOWN($C3861/24,0)+1,1))-1)+IF('Standard Profiles'!$G$22=$B$10,7,0)+IF('Standard Profiles'!$G$22=$B$17,14,0)+IF('Standard Profiles'!$G$22=$B$24,21,0),MOD($C3861,24)+1)/SUM(INDEX($D$3:$AA$30,INDEX(Jesper!$R$2:$R$366,ROW(INDEX(Jesper!AL$2:AL$366,ROUNDDOWN($C3861/24,0)+1,1))-1)+IF('Standard Profiles'!$G$22=$B$10,7,0)+IF('Standard Profiles'!$G$22=$B$17,14,0)+IF('Standard Profiles'!$G$22=$B$24,21,0),0)),0)</f>
        <v>0</v>
      </c>
      <c r="I3861">
        <f t="shared" si="433"/>
        <v>0.15354415840880323</v>
      </c>
      <c r="J3861">
        <f t="shared" si="434"/>
        <v>0.51181386136267748</v>
      </c>
      <c r="K3861">
        <f t="shared" si="435"/>
        <v>0.76772079204401622</v>
      </c>
      <c r="L3861">
        <f t="shared" si="436"/>
        <v>11.970438544430774</v>
      </c>
      <c r="M3861">
        <f t="shared" si="437"/>
        <v>0</v>
      </c>
      <c r="N3861" s="46">
        <f t="shared" si="438"/>
        <v>45451.458333324052</v>
      </c>
    </row>
    <row r="3862" spans="2:14" x14ac:dyDescent="0.3">
      <c r="B3862">
        <f t="shared" si="432"/>
        <v>6</v>
      </c>
      <c r="C3862" s="16">
        <v>3828</v>
      </c>
      <c r="D3862" cm="1">
        <f t="array" ref="D3862">IFERROR(INDEX(Jesper!AH$2:AH$366,ROUNDDOWN($C3862/24,0)+1,1)*INDEX($D$3:$AA$30,INDEX(Jesper!$R$2:$R$366,ROW(INDEX(Jesper!AH$2:AH$366,ROUNDDOWN($C3862/24,0)+1,1))-1)+IF('Standard Profiles'!$G$18=$B$10,7,0)+IF('Standard Profiles'!$G$18=$B$17,14,0)+IF('Standard Profiles'!$G$18=$B$24,21,0),MOD($C3862,24)+1)/SUM(INDEX($D$3:$AA$30,INDEX(Jesper!$R$2:$R$366,ROW(INDEX(Jesper!AH$2:AH$366,ROUNDDOWN($C3862/24,0)+1,1))-1)+IF('Standard Profiles'!$G$18=$B$10,7,0)+IF('Standard Profiles'!$G$18=$B$17,14,0)+IF('Standard Profiles'!$G$18=$B$24,21,0),0)),0)</f>
        <v>11.699177197908556</v>
      </c>
      <c r="E3862" cm="1">
        <f t="array" ref="E3862">IFERROR(INDEX(Jesper!AI$2:AI$366,ROUNDDOWN($C3862/24,0)+1,1)*INDEX($D$3:$AA$30,INDEX(Jesper!$R$2:$R$366,ROW(INDEX(Jesper!AI$2:AI$366,ROUNDDOWN($C3862/24,0)+1,1))-1)+IF('Standard Profiles'!$G$19=$B$10,7,0)+IF('Standard Profiles'!$G$19=$B$17,14,0)+IF('Standard Profiles'!$G$19=$B$24,21,0),MOD($C3862,24)+1)/SUM(INDEX($D$3:$AA$30,INDEX(Jesper!$R$2:$R$366,ROW(INDEX(Jesper!AI$2:AI$366,ROUNDDOWN($C3862/24,0)+1,1))-1)+IF('Standard Profiles'!$G$19=$B$10,7,0)+IF('Standard Profiles'!$G$19=$B$17,14,0)+IF('Standard Profiles'!$G$19=$B$24,21,0),0)),0)</f>
        <v>1.7043401583377153</v>
      </c>
      <c r="F3862" cm="1">
        <f t="array" ref="F3862">IFERROR(INDEX(Jesper!AJ$2:AJ$366,ROUNDDOWN($C3862/24,0)+1,1)*INDEX($D$3:$AA$30,INDEX(Jesper!$R$2:$R$366,ROW(INDEX(Jesper!AJ$2:AJ$366,ROUNDDOWN($C3862/24,0)+1,1))-1)+IF('Standard Profiles'!$G$20=$B$10,7,0)+IF('Standard Profiles'!$G$20=$B$17,14,0)+IF('Standard Profiles'!$G$20=$B$24,21,0),MOD($C3862,24)+1)/SUM(INDEX($D$3:$AA$30,INDEX(Jesper!$R$2:$R$366,ROW(INDEX(Jesper!AJ$2:AJ$366,ROUNDDOWN($C3862/24,0)+1,1))-1)+IF('Standard Profiles'!$G$20=$B$10,7,0)+IF('Standard Profiles'!$G$20=$B$17,14,0)+IF('Standard Profiles'!$G$20=$B$24,21,0),0)),0)</f>
        <v>0</v>
      </c>
      <c r="G3862" cm="1">
        <f t="array" ref="G3862">IFERROR(INDEX(Jesper!AK$2:AK$366,ROUNDDOWN($C3862/24,0)+1,1)*INDEX($D$3:$AA$30,INDEX(Jesper!$R$2:$R$366,ROW(INDEX(Jesper!AK$2:AK$366,ROUNDDOWN($C3862/24,0)+1,1))-1)+IF('Standard Profiles'!$G$21=$B$10,7,0)+IF('Standard Profiles'!$G$21=$B$17,14,0)+IF('Standard Profiles'!$G$21=$B$24,21,0),MOD($C3862,24)+1)/SUM(INDEX($D$3:$AA$30,INDEX(Jesper!$R$2:$R$366,ROW(INDEX(Jesper!AK$2:AK$366,ROUNDDOWN($C3862/24,0)+1,1))-1)+IF('Standard Profiles'!$G$21=$B$10,7,0)+IF('Standard Profiles'!$G$21=$B$17,14,0)+IF('Standard Profiles'!$G$21=$B$24,21,0),0)),0)</f>
        <v>0</v>
      </c>
      <c r="H3862" cm="1">
        <f t="array" ref="H3862">IFERROR(INDEX(Jesper!AL$2:AL$366,ROUNDDOWN($C3862/24,0)+1,1)*INDEX($D$3:$AA$30,INDEX(Jesper!$R$2:$R$366,ROW(INDEX(Jesper!AL$2:AL$366,ROUNDDOWN($C3862/24,0)+1,1))-1)+IF('Standard Profiles'!$G$22=$B$10,7,0)+IF('Standard Profiles'!$G$22=$B$17,14,0)+IF('Standard Profiles'!$G$22=$B$24,21,0),MOD($C3862,24)+1)/SUM(INDEX($D$3:$AA$30,INDEX(Jesper!$R$2:$R$366,ROW(INDEX(Jesper!AL$2:AL$366,ROUNDDOWN($C3862/24,0)+1,1))-1)+IF('Standard Profiles'!$G$22=$B$10,7,0)+IF('Standard Profiles'!$G$22=$B$17,14,0)+IF('Standard Profiles'!$G$22=$B$24,21,0),0)),0)</f>
        <v>0</v>
      </c>
      <c r="I3862">
        <f t="shared" si="433"/>
        <v>0.15354415840880323</v>
      </c>
      <c r="J3862">
        <f t="shared" si="434"/>
        <v>0.51181386136267748</v>
      </c>
      <c r="K3862">
        <f t="shared" si="435"/>
        <v>0.76772079204401622</v>
      </c>
      <c r="L3862">
        <f t="shared" si="436"/>
        <v>11.970438544430774</v>
      </c>
      <c r="M3862">
        <f t="shared" si="437"/>
        <v>0</v>
      </c>
      <c r="N3862" s="46">
        <f t="shared" si="438"/>
        <v>45451.499999990716</v>
      </c>
    </row>
    <row r="3863" spans="2:14" x14ac:dyDescent="0.3">
      <c r="B3863">
        <f t="shared" si="432"/>
        <v>6</v>
      </c>
      <c r="C3863" s="16">
        <v>3829</v>
      </c>
      <c r="D3863" cm="1">
        <f t="array" ref="D3863">IFERROR(INDEX(Jesper!AH$2:AH$366,ROUNDDOWN($C3863/24,0)+1,1)*INDEX($D$3:$AA$30,INDEX(Jesper!$R$2:$R$366,ROW(INDEX(Jesper!AH$2:AH$366,ROUNDDOWN($C3863/24,0)+1,1))-1)+IF('Standard Profiles'!$G$18=$B$10,7,0)+IF('Standard Profiles'!$G$18=$B$17,14,0)+IF('Standard Profiles'!$G$18=$B$24,21,0),MOD($C3863,24)+1)/SUM(INDEX($D$3:$AA$30,INDEX(Jesper!$R$2:$R$366,ROW(INDEX(Jesper!AH$2:AH$366,ROUNDDOWN($C3863/24,0)+1,1))-1)+IF('Standard Profiles'!$G$18=$B$10,7,0)+IF('Standard Profiles'!$G$18=$B$17,14,0)+IF('Standard Profiles'!$G$18=$B$24,21,0),0)),0)</f>
        <v>11.699177197908556</v>
      </c>
      <c r="E3863" cm="1">
        <f t="array" ref="E3863">IFERROR(INDEX(Jesper!AI$2:AI$366,ROUNDDOWN($C3863/24,0)+1,1)*INDEX($D$3:$AA$30,INDEX(Jesper!$R$2:$R$366,ROW(INDEX(Jesper!AI$2:AI$366,ROUNDDOWN($C3863/24,0)+1,1))-1)+IF('Standard Profiles'!$G$19=$B$10,7,0)+IF('Standard Profiles'!$G$19=$B$17,14,0)+IF('Standard Profiles'!$G$19=$B$24,21,0),MOD($C3863,24)+1)/SUM(INDEX($D$3:$AA$30,INDEX(Jesper!$R$2:$R$366,ROW(INDEX(Jesper!AI$2:AI$366,ROUNDDOWN($C3863/24,0)+1,1))-1)+IF('Standard Profiles'!$G$19=$B$10,7,0)+IF('Standard Profiles'!$G$19=$B$17,14,0)+IF('Standard Profiles'!$G$19=$B$24,21,0),0)),0)</f>
        <v>1.7043401583377153</v>
      </c>
      <c r="F3863" cm="1">
        <f t="array" ref="F3863">IFERROR(INDEX(Jesper!AJ$2:AJ$366,ROUNDDOWN($C3863/24,0)+1,1)*INDEX($D$3:$AA$30,INDEX(Jesper!$R$2:$R$366,ROW(INDEX(Jesper!AJ$2:AJ$366,ROUNDDOWN($C3863/24,0)+1,1))-1)+IF('Standard Profiles'!$G$20=$B$10,7,0)+IF('Standard Profiles'!$G$20=$B$17,14,0)+IF('Standard Profiles'!$G$20=$B$24,21,0),MOD($C3863,24)+1)/SUM(INDEX($D$3:$AA$30,INDEX(Jesper!$R$2:$R$366,ROW(INDEX(Jesper!AJ$2:AJ$366,ROUNDDOWN($C3863/24,0)+1,1))-1)+IF('Standard Profiles'!$G$20=$B$10,7,0)+IF('Standard Profiles'!$G$20=$B$17,14,0)+IF('Standard Profiles'!$G$20=$B$24,21,0),0)),0)</f>
        <v>0</v>
      </c>
      <c r="G3863" cm="1">
        <f t="array" ref="G3863">IFERROR(INDEX(Jesper!AK$2:AK$366,ROUNDDOWN($C3863/24,0)+1,1)*INDEX($D$3:$AA$30,INDEX(Jesper!$R$2:$R$366,ROW(INDEX(Jesper!AK$2:AK$366,ROUNDDOWN($C3863/24,0)+1,1))-1)+IF('Standard Profiles'!$G$21=$B$10,7,0)+IF('Standard Profiles'!$G$21=$B$17,14,0)+IF('Standard Profiles'!$G$21=$B$24,21,0),MOD($C3863,24)+1)/SUM(INDEX($D$3:$AA$30,INDEX(Jesper!$R$2:$R$366,ROW(INDEX(Jesper!AK$2:AK$366,ROUNDDOWN($C3863/24,0)+1,1))-1)+IF('Standard Profiles'!$G$21=$B$10,7,0)+IF('Standard Profiles'!$G$21=$B$17,14,0)+IF('Standard Profiles'!$G$21=$B$24,21,0),0)),0)</f>
        <v>0</v>
      </c>
      <c r="H3863" cm="1">
        <f t="array" ref="H3863">IFERROR(INDEX(Jesper!AL$2:AL$366,ROUNDDOWN($C3863/24,0)+1,1)*INDEX($D$3:$AA$30,INDEX(Jesper!$R$2:$R$366,ROW(INDEX(Jesper!AL$2:AL$366,ROUNDDOWN($C3863/24,0)+1,1))-1)+IF('Standard Profiles'!$G$22=$B$10,7,0)+IF('Standard Profiles'!$G$22=$B$17,14,0)+IF('Standard Profiles'!$G$22=$B$24,21,0),MOD($C3863,24)+1)/SUM(INDEX($D$3:$AA$30,INDEX(Jesper!$R$2:$R$366,ROW(INDEX(Jesper!AL$2:AL$366,ROUNDDOWN($C3863/24,0)+1,1))-1)+IF('Standard Profiles'!$G$22=$B$10,7,0)+IF('Standard Profiles'!$G$22=$B$17,14,0)+IF('Standard Profiles'!$G$22=$B$24,21,0),0)),0)</f>
        <v>0</v>
      </c>
      <c r="I3863">
        <f t="shared" si="433"/>
        <v>0.15354415840880323</v>
      </c>
      <c r="J3863">
        <f t="shared" si="434"/>
        <v>0.51181386136267748</v>
      </c>
      <c r="K3863">
        <f t="shared" si="435"/>
        <v>0.76772079204401622</v>
      </c>
      <c r="L3863">
        <f t="shared" si="436"/>
        <v>11.970438544430774</v>
      </c>
      <c r="M3863">
        <f t="shared" si="437"/>
        <v>0</v>
      </c>
      <c r="N3863" s="46">
        <f t="shared" si="438"/>
        <v>45451.54166665738</v>
      </c>
    </row>
    <row r="3864" spans="2:14" x14ac:dyDescent="0.3">
      <c r="B3864">
        <f t="shared" si="432"/>
        <v>6</v>
      </c>
      <c r="C3864" s="16">
        <v>3830</v>
      </c>
      <c r="D3864" cm="1">
        <f t="array" ref="D3864">IFERROR(INDEX(Jesper!AH$2:AH$366,ROUNDDOWN($C3864/24,0)+1,1)*INDEX($D$3:$AA$30,INDEX(Jesper!$R$2:$R$366,ROW(INDEX(Jesper!AH$2:AH$366,ROUNDDOWN($C3864/24,0)+1,1))-1)+IF('Standard Profiles'!$G$18=$B$10,7,0)+IF('Standard Profiles'!$G$18=$B$17,14,0)+IF('Standard Profiles'!$G$18=$B$24,21,0),MOD($C3864,24)+1)/SUM(INDEX($D$3:$AA$30,INDEX(Jesper!$R$2:$R$366,ROW(INDEX(Jesper!AH$2:AH$366,ROUNDDOWN($C3864/24,0)+1,1))-1)+IF('Standard Profiles'!$G$18=$B$10,7,0)+IF('Standard Profiles'!$G$18=$B$17,14,0)+IF('Standard Profiles'!$G$18=$B$24,21,0),0)),0)</f>
        <v>11.699177197908556</v>
      </c>
      <c r="E3864" cm="1">
        <f t="array" ref="E3864">IFERROR(INDEX(Jesper!AI$2:AI$366,ROUNDDOWN($C3864/24,0)+1,1)*INDEX($D$3:$AA$30,INDEX(Jesper!$R$2:$R$366,ROW(INDEX(Jesper!AI$2:AI$366,ROUNDDOWN($C3864/24,0)+1,1))-1)+IF('Standard Profiles'!$G$19=$B$10,7,0)+IF('Standard Profiles'!$G$19=$B$17,14,0)+IF('Standard Profiles'!$G$19=$B$24,21,0),MOD($C3864,24)+1)/SUM(INDEX($D$3:$AA$30,INDEX(Jesper!$R$2:$R$366,ROW(INDEX(Jesper!AI$2:AI$366,ROUNDDOWN($C3864/24,0)+1,1))-1)+IF('Standard Profiles'!$G$19=$B$10,7,0)+IF('Standard Profiles'!$G$19=$B$17,14,0)+IF('Standard Profiles'!$G$19=$B$24,21,0),0)),0)</f>
        <v>1.7043401583377153</v>
      </c>
      <c r="F3864" cm="1">
        <f t="array" ref="F3864">IFERROR(INDEX(Jesper!AJ$2:AJ$366,ROUNDDOWN($C3864/24,0)+1,1)*INDEX($D$3:$AA$30,INDEX(Jesper!$R$2:$R$366,ROW(INDEX(Jesper!AJ$2:AJ$366,ROUNDDOWN($C3864/24,0)+1,1))-1)+IF('Standard Profiles'!$G$20=$B$10,7,0)+IF('Standard Profiles'!$G$20=$B$17,14,0)+IF('Standard Profiles'!$G$20=$B$24,21,0),MOD($C3864,24)+1)/SUM(INDEX($D$3:$AA$30,INDEX(Jesper!$R$2:$R$366,ROW(INDEX(Jesper!AJ$2:AJ$366,ROUNDDOWN($C3864/24,0)+1,1))-1)+IF('Standard Profiles'!$G$20=$B$10,7,0)+IF('Standard Profiles'!$G$20=$B$17,14,0)+IF('Standard Profiles'!$G$20=$B$24,21,0),0)),0)</f>
        <v>0</v>
      </c>
      <c r="G3864" cm="1">
        <f t="array" ref="G3864">IFERROR(INDEX(Jesper!AK$2:AK$366,ROUNDDOWN($C3864/24,0)+1,1)*INDEX($D$3:$AA$30,INDEX(Jesper!$R$2:$R$366,ROW(INDEX(Jesper!AK$2:AK$366,ROUNDDOWN($C3864/24,0)+1,1))-1)+IF('Standard Profiles'!$G$21=$B$10,7,0)+IF('Standard Profiles'!$G$21=$B$17,14,0)+IF('Standard Profiles'!$G$21=$B$24,21,0),MOD($C3864,24)+1)/SUM(INDEX($D$3:$AA$30,INDEX(Jesper!$R$2:$R$366,ROW(INDEX(Jesper!AK$2:AK$366,ROUNDDOWN($C3864/24,0)+1,1))-1)+IF('Standard Profiles'!$G$21=$B$10,7,0)+IF('Standard Profiles'!$G$21=$B$17,14,0)+IF('Standard Profiles'!$G$21=$B$24,21,0),0)),0)</f>
        <v>0</v>
      </c>
      <c r="H3864" cm="1">
        <f t="array" ref="H3864">IFERROR(INDEX(Jesper!AL$2:AL$366,ROUNDDOWN($C3864/24,0)+1,1)*INDEX($D$3:$AA$30,INDEX(Jesper!$R$2:$R$366,ROW(INDEX(Jesper!AL$2:AL$366,ROUNDDOWN($C3864/24,0)+1,1))-1)+IF('Standard Profiles'!$G$22=$B$10,7,0)+IF('Standard Profiles'!$G$22=$B$17,14,0)+IF('Standard Profiles'!$G$22=$B$24,21,0),MOD($C3864,24)+1)/SUM(INDEX($D$3:$AA$30,INDEX(Jesper!$R$2:$R$366,ROW(INDEX(Jesper!AL$2:AL$366,ROUNDDOWN($C3864/24,0)+1,1))-1)+IF('Standard Profiles'!$G$22=$B$10,7,0)+IF('Standard Profiles'!$G$22=$B$17,14,0)+IF('Standard Profiles'!$G$22=$B$24,21,0),0)),0)</f>
        <v>0</v>
      </c>
      <c r="I3864">
        <f t="shared" si="433"/>
        <v>0.15354415840880323</v>
      </c>
      <c r="J3864">
        <f t="shared" si="434"/>
        <v>0.51181386136267748</v>
      </c>
      <c r="K3864">
        <f t="shared" si="435"/>
        <v>0.76772079204401622</v>
      </c>
      <c r="L3864">
        <f t="shared" si="436"/>
        <v>11.970438544430774</v>
      </c>
      <c r="M3864">
        <f t="shared" si="437"/>
        <v>0</v>
      </c>
      <c r="N3864" s="46">
        <f t="shared" si="438"/>
        <v>45451.583333324044</v>
      </c>
    </row>
    <row r="3865" spans="2:14" x14ac:dyDescent="0.3">
      <c r="B3865">
        <f t="shared" si="432"/>
        <v>6</v>
      </c>
      <c r="C3865" s="16">
        <v>3831</v>
      </c>
      <c r="D3865" cm="1">
        <f t="array" ref="D3865">IFERROR(INDEX(Jesper!AH$2:AH$366,ROUNDDOWN($C3865/24,0)+1,1)*INDEX($D$3:$AA$30,INDEX(Jesper!$R$2:$R$366,ROW(INDEX(Jesper!AH$2:AH$366,ROUNDDOWN($C3865/24,0)+1,1))-1)+IF('Standard Profiles'!$G$18=$B$10,7,0)+IF('Standard Profiles'!$G$18=$B$17,14,0)+IF('Standard Profiles'!$G$18=$B$24,21,0),MOD($C3865,24)+1)/SUM(INDEX($D$3:$AA$30,INDEX(Jesper!$R$2:$R$366,ROW(INDEX(Jesper!AH$2:AH$366,ROUNDDOWN($C3865/24,0)+1,1))-1)+IF('Standard Profiles'!$G$18=$B$10,7,0)+IF('Standard Profiles'!$G$18=$B$17,14,0)+IF('Standard Profiles'!$G$18=$B$24,21,0),0)),0)</f>
        <v>10.577338288520064</v>
      </c>
      <c r="E3865" cm="1">
        <f t="array" ref="E3865">IFERROR(INDEX(Jesper!AI$2:AI$366,ROUNDDOWN($C3865/24,0)+1,1)*INDEX($D$3:$AA$30,INDEX(Jesper!$R$2:$R$366,ROW(INDEX(Jesper!AI$2:AI$366,ROUNDDOWN($C3865/24,0)+1,1))-1)+IF('Standard Profiles'!$G$19=$B$10,7,0)+IF('Standard Profiles'!$G$19=$B$17,14,0)+IF('Standard Profiles'!$G$19=$B$24,21,0),MOD($C3865,24)+1)/SUM(INDEX($D$3:$AA$30,INDEX(Jesper!$R$2:$R$366,ROW(INDEX(Jesper!AI$2:AI$366,ROUNDDOWN($C3865/24,0)+1,1))-1)+IF('Standard Profiles'!$G$19=$B$10,7,0)+IF('Standard Profiles'!$G$19=$B$17,14,0)+IF('Standard Profiles'!$G$19=$B$24,21,0),0)),0)</f>
        <v>1.5409102801409482</v>
      </c>
      <c r="F3865" cm="1">
        <f t="array" ref="F3865">IFERROR(INDEX(Jesper!AJ$2:AJ$366,ROUNDDOWN($C3865/24,0)+1,1)*INDEX($D$3:$AA$30,INDEX(Jesper!$R$2:$R$366,ROW(INDEX(Jesper!AJ$2:AJ$366,ROUNDDOWN($C3865/24,0)+1,1))-1)+IF('Standard Profiles'!$G$20=$B$10,7,0)+IF('Standard Profiles'!$G$20=$B$17,14,0)+IF('Standard Profiles'!$G$20=$B$24,21,0),MOD($C3865,24)+1)/SUM(INDEX($D$3:$AA$30,INDEX(Jesper!$R$2:$R$366,ROW(INDEX(Jesper!AJ$2:AJ$366,ROUNDDOWN($C3865/24,0)+1,1))-1)+IF('Standard Profiles'!$G$20=$B$10,7,0)+IF('Standard Profiles'!$G$20=$B$17,14,0)+IF('Standard Profiles'!$G$20=$B$24,21,0),0)),0)</f>
        <v>0</v>
      </c>
      <c r="G3865" cm="1">
        <f t="array" ref="G3865">IFERROR(INDEX(Jesper!AK$2:AK$366,ROUNDDOWN($C3865/24,0)+1,1)*INDEX($D$3:$AA$30,INDEX(Jesper!$R$2:$R$366,ROW(INDEX(Jesper!AK$2:AK$366,ROUNDDOWN($C3865/24,0)+1,1))-1)+IF('Standard Profiles'!$G$21=$B$10,7,0)+IF('Standard Profiles'!$G$21=$B$17,14,0)+IF('Standard Profiles'!$G$21=$B$24,21,0),MOD($C3865,24)+1)/SUM(INDEX($D$3:$AA$30,INDEX(Jesper!$R$2:$R$366,ROW(INDEX(Jesper!AK$2:AK$366,ROUNDDOWN($C3865/24,0)+1,1))-1)+IF('Standard Profiles'!$G$21=$B$10,7,0)+IF('Standard Profiles'!$G$21=$B$17,14,0)+IF('Standard Profiles'!$G$21=$B$24,21,0),0)),0)</f>
        <v>0</v>
      </c>
      <c r="H3865" cm="1">
        <f t="array" ref="H3865">IFERROR(INDEX(Jesper!AL$2:AL$366,ROUNDDOWN($C3865/24,0)+1,1)*INDEX($D$3:$AA$30,INDEX(Jesper!$R$2:$R$366,ROW(INDEX(Jesper!AL$2:AL$366,ROUNDDOWN($C3865/24,0)+1,1))-1)+IF('Standard Profiles'!$G$22=$B$10,7,0)+IF('Standard Profiles'!$G$22=$B$17,14,0)+IF('Standard Profiles'!$G$22=$B$24,21,0),MOD($C3865,24)+1)/SUM(INDEX($D$3:$AA$30,INDEX(Jesper!$R$2:$R$366,ROW(INDEX(Jesper!AL$2:AL$366,ROUNDDOWN($C3865/24,0)+1,1))-1)+IF('Standard Profiles'!$G$22=$B$10,7,0)+IF('Standard Profiles'!$G$22=$B$17,14,0)+IF('Standard Profiles'!$G$22=$B$24,21,0),0)),0)</f>
        <v>0</v>
      </c>
      <c r="I3865">
        <f t="shared" si="433"/>
        <v>0.13882074595864402</v>
      </c>
      <c r="J3865">
        <f t="shared" si="434"/>
        <v>0.46273581986214679</v>
      </c>
      <c r="K3865">
        <f t="shared" si="435"/>
        <v>0.69410372979322021</v>
      </c>
      <c r="L3865">
        <f t="shared" si="436"/>
        <v>10.822588273047002</v>
      </c>
      <c r="M3865">
        <f t="shared" si="437"/>
        <v>0</v>
      </c>
      <c r="N3865" s="46">
        <f t="shared" si="438"/>
        <v>45451.624999990709</v>
      </c>
    </row>
    <row r="3866" spans="2:14" x14ac:dyDescent="0.3">
      <c r="B3866">
        <f t="shared" si="432"/>
        <v>6</v>
      </c>
      <c r="C3866" s="16">
        <v>3832</v>
      </c>
      <c r="D3866" cm="1">
        <f t="array" ref="D3866">IFERROR(INDEX(Jesper!AH$2:AH$366,ROUNDDOWN($C3866/24,0)+1,1)*INDEX($D$3:$AA$30,INDEX(Jesper!$R$2:$R$366,ROW(INDEX(Jesper!AH$2:AH$366,ROUNDDOWN($C3866/24,0)+1,1))-1)+IF('Standard Profiles'!$G$18=$B$10,7,0)+IF('Standard Profiles'!$G$18=$B$17,14,0)+IF('Standard Profiles'!$G$18=$B$24,21,0),MOD($C3866,24)+1)/SUM(INDEX($D$3:$AA$30,INDEX(Jesper!$R$2:$R$366,ROW(INDEX(Jesper!AH$2:AH$366,ROUNDDOWN($C3866/24,0)+1,1))-1)+IF('Standard Profiles'!$G$18=$B$10,7,0)+IF('Standard Profiles'!$G$18=$B$17,14,0)+IF('Standard Profiles'!$G$18=$B$24,21,0),0)),0)</f>
        <v>9.6157620804727859</v>
      </c>
      <c r="E3866" cm="1">
        <f t="array" ref="E3866">IFERROR(INDEX(Jesper!AI$2:AI$366,ROUNDDOWN($C3866/24,0)+1,1)*INDEX($D$3:$AA$30,INDEX(Jesper!$R$2:$R$366,ROW(INDEX(Jesper!AI$2:AI$366,ROUNDDOWN($C3866/24,0)+1,1))-1)+IF('Standard Profiles'!$G$19=$B$10,7,0)+IF('Standard Profiles'!$G$19=$B$17,14,0)+IF('Standard Profiles'!$G$19=$B$24,21,0),MOD($C3866,24)+1)/SUM(INDEX($D$3:$AA$30,INDEX(Jesper!$R$2:$R$366,ROW(INDEX(Jesper!AI$2:AI$366,ROUNDDOWN($C3866/24,0)+1,1))-1)+IF('Standard Profiles'!$G$19=$B$10,7,0)+IF('Standard Profiles'!$G$19=$B$17,14,0)+IF('Standard Profiles'!$G$19=$B$24,21,0),0)),0)</f>
        <v>1.4008275274008619</v>
      </c>
      <c r="F3866" cm="1">
        <f t="array" ref="F3866">IFERROR(INDEX(Jesper!AJ$2:AJ$366,ROUNDDOWN($C3866/24,0)+1,1)*INDEX($D$3:$AA$30,INDEX(Jesper!$R$2:$R$366,ROW(INDEX(Jesper!AJ$2:AJ$366,ROUNDDOWN($C3866/24,0)+1,1))-1)+IF('Standard Profiles'!$G$20=$B$10,7,0)+IF('Standard Profiles'!$G$20=$B$17,14,0)+IF('Standard Profiles'!$G$20=$B$24,21,0),MOD($C3866,24)+1)/SUM(INDEX($D$3:$AA$30,INDEX(Jesper!$R$2:$R$366,ROW(INDEX(Jesper!AJ$2:AJ$366,ROUNDDOWN($C3866/24,0)+1,1))-1)+IF('Standard Profiles'!$G$20=$B$10,7,0)+IF('Standard Profiles'!$G$20=$B$17,14,0)+IF('Standard Profiles'!$G$20=$B$24,21,0),0)),0)</f>
        <v>0</v>
      </c>
      <c r="G3866" cm="1">
        <f t="array" ref="G3866">IFERROR(INDEX(Jesper!AK$2:AK$366,ROUNDDOWN($C3866/24,0)+1,1)*INDEX($D$3:$AA$30,INDEX(Jesper!$R$2:$R$366,ROW(INDEX(Jesper!AK$2:AK$366,ROUNDDOWN($C3866/24,0)+1,1))-1)+IF('Standard Profiles'!$G$21=$B$10,7,0)+IF('Standard Profiles'!$G$21=$B$17,14,0)+IF('Standard Profiles'!$G$21=$B$24,21,0),MOD($C3866,24)+1)/SUM(INDEX($D$3:$AA$30,INDEX(Jesper!$R$2:$R$366,ROW(INDEX(Jesper!AK$2:AK$366,ROUNDDOWN($C3866/24,0)+1,1))-1)+IF('Standard Profiles'!$G$21=$B$10,7,0)+IF('Standard Profiles'!$G$21=$B$17,14,0)+IF('Standard Profiles'!$G$21=$B$24,21,0),0)),0)</f>
        <v>0</v>
      </c>
      <c r="H3866" cm="1">
        <f t="array" ref="H3866">IFERROR(INDEX(Jesper!AL$2:AL$366,ROUNDDOWN($C3866/24,0)+1,1)*INDEX($D$3:$AA$30,INDEX(Jesper!$R$2:$R$366,ROW(INDEX(Jesper!AL$2:AL$366,ROUNDDOWN($C3866/24,0)+1,1))-1)+IF('Standard Profiles'!$G$22=$B$10,7,0)+IF('Standard Profiles'!$G$22=$B$17,14,0)+IF('Standard Profiles'!$G$22=$B$24,21,0),MOD($C3866,24)+1)/SUM(INDEX($D$3:$AA$30,INDEX(Jesper!$R$2:$R$366,ROW(INDEX(Jesper!AL$2:AL$366,ROUNDDOWN($C3866/24,0)+1,1))-1)+IF('Standard Profiles'!$G$22=$B$10,7,0)+IF('Standard Profiles'!$G$22=$B$17,14,0)+IF('Standard Profiles'!$G$22=$B$24,21,0),0)),0)</f>
        <v>0</v>
      </c>
      <c r="I3866">
        <f t="shared" si="433"/>
        <v>0.12620067814422184</v>
      </c>
      <c r="J3866">
        <f t="shared" si="434"/>
        <v>0.42066892714740617</v>
      </c>
      <c r="K3866">
        <f t="shared" si="435"/>
        <v>0.63100339072110923</v>
      </c>
      <c r="L3866">
        <f t="shared" si="436"/>
        <v>9.8387166118609102</v>
      </c>
      <c r="M3866">
        <f t="shared" si="437"/>
        <v>0</v>
      </c>
      <c r="N3866" s="46">
        <f t="shared" si="438"/>
        <v>45451.666666657373</v>
      </c>
    </row>
    <row r="3867" spans="2:14" x14ac:dyDescent="0.3">
      <c r="B3867">
        <f t="shared" si="432"/>
        <v>6</v>
      </c>
      <c r="C3867" s="16">
        <v>3833</v>
      </c>
      <c r="D3867" cm="1">
        <f t="array" ref="D3867">IFERROR(INDEX(Jesper!AH$2:AH$366,ROUNDDOWN($C3867/24,0)+1,1)*INDEX($D$3:$AA$30,INDEX(Jesper!$R$2:$R$366,ROW(INDEX(Jesper!AH$2:AH$366,ROUNDDOWN($C3867/24,0)+1,1))-1)+IF('Standard Profiles'!$G$18=$B$10,7,0)+IF('Standard Profiles'!$G$18=$B$17,14,0)+IF('Standard Profiles'!$G$18=$B$24,21,0),MOD($C3867,24)+1)/SUM(INDEX($D$3:$AA$30,INDEX(Jesper!$R$2:$R$366,ROW(INDEX(Jesper!AH$2:AH$366,ROUNDDOWN($C3867/24,0)+1,1))-1)+IF('Standard Profiles'!$G$18=$B$10,7,0)+IF('Standard Profiles'!$G$18=$B$17,14,0)+IF('Standard Profiles'!$G$18=$B$24,21,0),0)),0)</f>
        <v>8.6541858724255079</v>
      </c>
      <c r="E3867" cm="1">
        <f t="array" ref="E3867">IFERROR(INDEX(Jesper!AI$2:AI$366,ROUNDDOWN($C3867/24,0)+1,1)*INDEX($D$3:$AA$30,INDEX(Jesper!$R$2:$R$366,ROW(INDEX(Jesper!AI$2:AI$366,ROUNDDOWN($C3867/24,0)+1,1))-1)+IF('Standard Profiles'!$G$19=$B$10,7,0)+IF('Standard Profiles'!$G$19=$B$17,14,0)+IF('Standard Profiles'!$G$19=$B$24,21,0),MOD($C3867,24)+1)/SUM(INDEX($D$3:$AA$30,INDEX(Jesper!$R$2:$R$366,ROW(INDEX(Jesper!AI$2:AI$366,ROUNDDOWN($C3867/24,0)+1,1))-1)+IF('Standard Profiles'!$G$19=$B$10,7,0)+IF('Standard Profiles'!$G$19=$B$17,14,0)+IF('Standard Profiles'!$G$19=$B$24,21,0),0)),0)</f>
        <v>1.2607447746607756</v>
      </c>
      <c r="F3867" cm="1">
        <f t="array" ref="F3867">IFERROR(INDEX(Jesper!AJ$2:AJ$366,ROUNDDOWN($C3867/24,0)+1,1)*INDEX($D$3:$AA$30,INDEX(Jesper!$R$2:$R$366,ROW(INDEX(Jesper!AJ$2:AJ$366,ROUNDDOWN($C3867/24,0)+1,1))-1)+IF('Standard Profiles'!$G$20=$B$10,7,0)+IF('Standard Profiles'!$G$20=$B$17,14,0)+IF('Standard Profiles'!$G$20=$B$24,21,0),MOD($C3867,24)+1)/SUM(INDEX($D$3:$AA$30,INDEX(Jesper!$R$2:$R$366,ROW(INDEX(Jesper!AJ$2:AJ$366,ROUNDDOWN($C3867/24,0)+1,1))-1)+IF('Standard Profiles'!$G$20=$B$10,7,0)+IF('Standard Profiles'!$G$20=$B$17,14,0)+IF('Standard Profiles'!$G$20=$B$24,21,0),0)),0)</f>
        <v>0</v>
      </c>
      <c r="G3867" cm="1">
        <f t="array" ref="G3867">IFERROR(INDEX(Jesper!AK$2:AK$366,ROUNDDOWN($C3867/24,0)+1,1)*INDEX($D$3:$AA$30,INDEX(Jesper!$R$2:$R$366,ROW(INDEX(Jesper!AK$2:AK$366,ROUNDDOWN($C3867/24,0)+1,1))-1)+IF('Standard Profiles'!$G$21=$B$10,7,0)+IF('Standard Profiles'!$G$21=$B$17,14,0)+IF('Standard Profiles'!$G$21=$B$24,21,0),MOD($C3867,24)+1)/SUM(INDEX($D$3:$AA$30,INDEX(Jesper!$R$2:$R$366,ROW(INDEX(Jesper!AK$2:AK$366,ROUNDDOWN($C3867/24,0)+1,1))-1)+IF('Standard Profiles'!$G$21=$B$10,7,0)+IF('Standard Profiles'!$G$21=$B$17,14,0)+IF('Standard Profiles'!$G$21=$B$24,21,0),0)),0)</f>
        <v>0</v>
      </c>
      <c r="H3867" cm="1">
        <f t="array" ref="H3867">IFERROR(INDEX(Jesper!AL$2:AL$366,ROUNDDOWN($C3867/24,0)+1,1)*INDEX($D$3:$AA$30,INDEX(Jesper!$R$2:$R$366,ROW(INDEX(Jesper!AL$2:AL$366,ROUNDDOWN($C3867/24,0)+1,1))-1)+IF('Standard Profiles'!$G$22=$B$10,7,0)+IF('Standard Profiles'!$G$22=$B$17,14,0)+IF('Standard Profiles'!$G$22=$B$24,21,0),MOD($C3867,24)+1)/SUM(INDEX($D$3:$AA$30,INDEX(Jesper!$R$2:$R$366,ROW(INDEX(Jesper!AL$2:AL$366,ROUNDDOWN($C3867/24,0)+1,1))-1)+IF('Standard Profiles'!$G$22=$B$10,7,0)+IF('Standard Profiles'!$G$22=$B$17,14,0)+IF('Standard Profiles'!$G$22=$B$24,21,0),0)),0)</f>
        <v>0</v>
      </c>
      <c r="I3867">
        <f t="shared" si="433"/>
        <v>0.11358061032979963</v>
      </c>
      <c r="J3867">
        <f t="shared" si="434"/>
        <v>0.37860203443266549</v>
      </c>
      <c r="K3867">
        <f t="shared" si="435"/>
        <v>0.56790305164899824</v>
      </c>
      <c r="L3867">
        <f t="shared" si="436"/>
        <v>8.8548449506748206</v>
      </c>
      <c r="M3867">
        <f t="shared" si="437"/>
        <v>0</v>
      </c>
      <c r="N3867" s="46">
        <f t="shared" si="438"/>
        <v>45451.708333324037</v>
      </c>
    </row>
    <row r="3868" spans="2:14" x14ac:dyDescent="0.3">
      <c r="B3868">
        <f t="shared" si="432"/>
        <v>6</v>
      </c>
      <c r="C3868" s="16">
        <v>3834</v>
      </c>
      <c r="D3868" cm="1">
        <f t="array" ref="D3868">IFERROR(INDEX(Jesper!AH$2:AH$366,ROUNDDOWN($C3868/24,0)+1,1)*INDEX($D$3:$AA$30,INDEX(Jesper!$R$2:$R$366,ROW(INDEX(Jesper!AH$2:AH$366,ROUNDDOWN($C3868/24,0)+1,1))-1)+IF('Standard Profiles'!$G$18=$B$10,7,0)+IF('Standard Profiles'!$G$18=$B$17,14,0)+IF('Standard Profiles'!$G$18=$B$24,21,0),MOD($C3868,24)+1)/SUM(INDEX($D$3:$AA$30,INDEX(Jesper!$R$2:$R$366,ROW(INDEX(Jesper!AH$2:AH$366,ROUNDDOWN($C3868/24,0)+1,1))-1)+IF('Standard Profiles'!$G$18=$B$10,7,0)+IF('Standard Profiles'!$G$18=$B$17,14,0)+IF('Standard Profiles'!$G$18=$B$24,21,0),0)),0)</f>
        <v>8.3336604697430801</v>
      </c>
      <c r="E3868" cm="1">
        <f t="array" ref="E3868">IFERROR(INDEX(Jesper!AI$2:AI$366,ROUNDDOWN($C3868/24,0)+1,1)*INDEX($D$3:$AA$30,INDEX(Jesper!$R$2:$R$366,ROW(INDEX(Jesper!AI$2:AI$366,ROUNDDOWN($C3868/24,0)+1,1))-1)+IF('Standard Profiles'!$G$19=$B$10,7,0)+IF('Standard Profiles'!$G$19=$B$17,14,0)+IF('Standard Profiles'!$G$19=$B$24,21,0),MOD($C3868,24)+1)/SUM(INDEX($D$3:$AA$30,INDEX(Jesper!$R$2:$R$366,ROW(INDEX(Jesper!AI$2:AI$366,ROUNDDOWN($C3868/24,0)+1,1))-1)+IF('Standard Profiles'!$G$19=$B$10,7,0)+IF('Standard Profiles'!$G$19=$B$17,14,0)+IF('Standard Profiles'!$G$19=$B$24,21,0),0)),0)</f>
        <v>1.2140505237474137</v>
      </c>
      <c r="F3868" cm="1">
        <f t="array" ref="F3868">IFERROR(INDEX(Jesper!AJ$2:AJ$366,ROUNDDOWN($C3868/24,0)+1,1)*INDEX($D$3:$AA$30,INDEX(Jesper!$R$2:$R$366,ROW(INDEX(Jesper!AJ$2:AJ$366,ROUNDDOWN($C3868/24,0)+1,1))-1)+IF('Standard Profiles'!$G$20=$B$10,7,0)+IF('Standard Profiles'!$G$20=$B$17,14,0)+IF('Standard Profiles'!$G$20=$B$24,21,0),MOD($C3868,24)+1)/SUM(INDEX($D$3:$AA$30,INDEX(Jesper!$R$2:$R$366,ROW(INDEX(Jesper!AJ$2:AJ$366,ROUNDDOWN($C3868/24,0)+1,1))-1)+IF('Standard Profiles'!$G$20=$B$10,7,0)+IF('Standard Profiles'!$G$20=$B$17,14,0)+IF('Standard Profiles'!$G$20=$B$24,21,0),0)),0)</f>
        <v>0</v>
      </c>
      <c r="G3868" cm="1">
        <f t="array" ref="G3868">IFERROR(INDEX(Jesper!AK$2:AK$366,ROUNDDOWN($C3868/24,0)+1,1)*INDEX($D$3:$AA$30,INDEX(Jesper!$R$2:$R$366,ROW(INDEX(Jesper!AK$2:AK$366,ROUNDDOWN($C3868/24,0)+1,1))-1)+IF('Standard Profiles'!$G$21=$B$10,7,0)+IF('Standard Profiles'!$G$21=$B$17,14,0)+IF('Standard Profiles'!$G$21=$B$24,21,0),MOD($C3868,24)+1)/SUM(INDEX($D$3:$AA$30,INDEX(Jesper!$R$2:$R$366,ROW(INDEX(Jesper!AK$2:AK$366,ROUNDDOWN($C3868/24,0)+1,1))-1)+IF('Standard Profiles'!$G$21=$B$10,7,0)+IF('Standard Profiles'!$G$21=$B$17,14,0)+IF('Standard Profiles'!$G$21=$B$24,21,0),0)),0)</f>
        <v>0</v>
      </c>
      <c r="H3868" cm="1">
        <f t="array" ref="H3868">IFERROR(INDEX(Jesper!AL$2:AL$366,ROUNDDOWN($C3868/24,0)+1,1)*INDEX($D$3:$AA$30,INDEX(Jesper!$R$2:$R$366,ROW(INDEX(Jesper!AL$2:AL$366,ROUNDDOWN($C3868/24,0)+1,1))-1)+IF('Standard Profiles'!$G$22=$B$10,7,0)+IF('Standard Profiles'!$G$22=$B$17,14,0)+IF('Standard Profiles'!$G$22=$B$24,21,0),MOD($C3868,24)+1)/SUM(INDEX($D$3:$AA$30,INDEX(Jesper!$R$2:$R$366,ROW(INDEX(Jesper!AL$2:AL$366,ROUNDDOWN($C3868/24,0)+1,1))-1)+IF('Standard Profiles'!$G$22=$B$10,7,0)+IF('Standard Profiles'!$G$22=$B$17,14,0)+IF('Standard Profiles'!$G$22=$B$24,21,0),0)),0)</f>
        <v>0</v>
      </c>
      <c r="I3868">
        <f t="shared" si="433"/>
        <v>0.10937392105832559</v>
      </c>
      <c r="J3868">
        <f t="shared" si="434"/>
        <v>0.36457973686108536</v>
      </c>
      <c r="K3868">
        <f t="shared" si="435"/>
        <v>0.54686960529162798</v>
      </c>
      <c r="L3868">
        <f t="shared" si="436"/>
        <v>8.526887730279455</v>
      </c>
      <c r="M3868">
        <f t="shared" si="437"/>
        <v>0</v>
      </c>
      <c r="N3868" s="46">
        <f t="shared" si="438"/>
        <v>45451.749999990701</v>
      </c>
    </row>
    <row r="3869" spans="2:14" x14ac:dyDescent="0.3">
      <c r="B3869">
        <f t="shared" si="432"/>
        <v>6</v>
      </c>
      <c r="C3869" s="16">
        <v>3835</v>
      </c>
      <c r="D3869" cm="1">
        <f t="array" ref="D3869">IFERROR(INDEX(Jesper!AH$2:AH$366,ROUNDDOWN($C3869/24,0)+1,1)*INDEX($D$3:$AA$30,INDEX(Jesper!$R$2:$R$366,ROW(INDEX(Jesper!AH$2:AH$366,ROUNDDOWN($C3869/24,0)+1,1))-1)+IF('Standard Profiles'!$G$18=$B$10,7,0)+IF('Standard Profiles'!$G$18=$B$17,14,0)+IF('Standard Profiles'!$G$18=$B$24,21,0),MOD($C3869,24)+1)/SUM(INDEX($D$3:$AA$30,INDEX(Jesper!$R$2:$R$366,ROW(INDEX(Jesper!AH$2:AH$366,ROUNDDOWN($C3869/24,0)+1,1))-1)+IF('Standard Profiles'!$G$18=$B$10,7,0)+IF('Standard Profiles'!$G$18=$B$17,14,0)+IF('Standard Profiles'!$G$18=$B$24,21,0),0)),0)</f>
        <v>6.7310334563309491</v>
      </c>
      <c r="E3869" cm="1">
        <f t="array" ref="E3869">IFERROR(INDEX(Jesper!AI$2:AI$366,ROUNDDOWN($C3869/24,0)+1,1)*INDEX($D$3:$AA$30,INDEX(Jesper!$R$2:$R$366,ROW(INDEX(Jesper!AI$2:AI$366,ROUNDDOWN($C3869/24,0)+1,1))-1)+IF('Standard Profiles'!$G$19=$B$10,7,0)+IF('Standard Profiles'!$G$19=$B$17,14,0)+IF('Standard Profiles'!$G$19=$B$24,21,0),MOD($C3869,24)+1)/SUM(INDEX($D$3:$AA$30,INDEX(Jesper!$R$2:$R$366,ROW(INDEX(Jesper!AI$2:AI$366,ROUNDDOWN($C3869/24,0)+1,1))-1)+IF('Standard Profiles'!$G$19=$B$10,7,0)+IF('Standard Profiles'!$G$19=$B$17,14,0)+IF('Standard Profiles'!$G$19=$B$24,21,0),0)),0)</f>
        <v>0.98057926918060334</v>
      </c>
      <c r="F3869" cm="1">
        <f t="array" ref="F3869">IFERROR(INDEX(Jesper!AJ$2:AJ$366,ROUNDDOWN($C3869/24,0)+1,1)*INDEX($D$3:$AA$30,INDEX(Jesper!$R$2:$R$366,ROW(INDEX(Jesper!AJ$2:AJ$366,ROUNDDOWN($C3869/24,0)+1,1))-1)+IF('Standard Profiles'!$G$20=$B$10,7,0)+IF('Standard Profiles'!$G$20=$B$17,14,0)+IF('Standard Profiles'!$G$20=$B$24,21,0),MOD($C3869,24)+1)/SUM(INDEX($D$3:$AA$30,INDEX(Jesper!$R$2:$R$366,ROW(INDEX(Jesper!AJ$2:AJ$366,ROUNDDOWN($C3869/24,0)+1,1))-1)+IF('Standard Profiles'!$G$20=$B$10,7,0)+IF('Standard Profiles'!$G$20=$B$17,14,0)+IF('Standard Profiles'!$G$20=$B$24,21,0),0)),0)</f>
        <v>0</v>
      </c>
      <c r="G3869" cm="1">
        <f t="array" ref="G3869">IFERROR(INDEX(Jesper!AK$2:AK$366,ROUNDDOWN($C3869/24,0)+1,1)*INDEX($D$3:$AA$30,INDEX(Jesper!$R$2:$R$366,ROW(INDEX(Jesper!AK$2:AK$366,ROUNDDOWN($C3869/24,0)+1,1))-1)+IF('Standard Profiles'!$G$21=$B$10,7,0)+IF('Standard Profiles'!$G$21=$B$17,14,0)+IF('Standard Profiles'!$G$21=$B$24,21,0),MOD($C3869,24)+1)/SUM(INDEX($D$3:$AA$30,INDEX(Jesper!$R$2:$R$366,ROW(INDEX(Jesper!AK$2:AK$366,ROUNDDOWN($C3869/24,0)+1,1))-1)+IF('Standard Profiles'!$G$21=$B$10,7,0)+IF('Standard Profiles'!$G$21=$B$17,14,0)+IF('Standard Profiles'!$G$21=$B$24,21,0),0)),0)</f>
        <v>0</v>
      </c>
      <c r="H3869" cm="1">
        <f t="array" ref="H3869">IFERROR(INDEX(Jesper!AL$2:AL$366,ROUNDDOWN($C3869/24,0)+1,1)*INDEX($D$3:$AA$30,INDEX(Jesper!$R$2:$R$366,ROW(INDEX(Jesper!AL$2:AL$366,ROUNDDOWN($C3869/24,0)+1,1))-1)+IF('Standard Profiles'!$G$22=$B$10,7,0)+IF('Standard Profiles'!$G$22=$B$17,14,0)+IF('Standard Profiles'!$G$22=$B$24,21,0),MOD($C3869,24)+1)/SUM(INDEX($D$3:$AA$30,INDEX(Jesper!$R$2:$R$366,ROW(INDEX(Jesper!AL$2:AL$366,ROUNDDOWN($C3869/24,0)+1,1))-1)+IF('Standard Profiles'!$G$22=$B$10,7,0)+IF('Standard Profiles'!$G$22=$B$17,14,0)+IF('Standard Profiles'!$G$22=$B$24,21,0),0)),0)</f>
        <v>0</v>
      </c>
      <c r="I3869">
        <f t="shared" si="433"/>
        <v>8.8340474700955282E-2</v>
      </c>
      <c r="J3869">
        <f t="shared" si="434"/>
        <v>0.2944682490031843</v>
      </c>
      <c r="K3869">
        <f t="shared" si="435"/>
        <v>0.44170237350477642</v>
      </c>
      <c r="L3869">
        <f t="shared" si="436"/>
        <v>6.8871016283026361</v>
      </c>
      <c r="M3869">
        <f t="shared" si="437"/>
        <v>0</v>
      </c>
      <c r="N3869" s="46">
        <f t="shared" si="438"/>
        <v>45451.791666657366</v>
      </c>
    </row>
    <row r="3870" spans="2:14" x14ac:dyDescent="0.3">
      <c r="B3870">
        <f t="shared" si="432"/>
        <v>6</v>
      </c>
      <c r="C3870" s="16">
        <v>3836</v>
      </c>
      <c r="D3870" cm="1">
        <f t="array" ref="D3870">IFERROR(INDEX(Jesper!AH$2:AH$366,ROUNDDOWN($C3870/24,0)+1,1)*INDEX($D$3:$AA$30,INDEX(Jesper!$R$2:$R$366,ROW(INDEX(Jesper!AH$2:AH$366,ROUNDDOWN($C3870/24,0)+1,1))-1)+IF('Standard Profiles'!$G$18=$B$10,7,0)+IF('Standard Profiles'!$G$18=$B$17,14,0)+IF('Standard Profiles'!$G$18=$B$24,21,0),MOD($C3870,24)+1)/SUM(INDEX($D$3:$AA$30,INDEX(Jesper!$R$2:$R$366,ROW(INDEX(Jesper!AH$2:AH$366,ROUNDDOWN($C3870/24,0)+1,1))-1)+IF('Standard Profiles'!$G$18=$B$10,7,0)+IF('Standard Profiles'!$G$18=$B$17,14,0)+IF('Standard Profiles'!$G$18=$B$24,21,0),0)),0)</f>
        <v>4.9681437415776051</v>
      </c>
      <c r="E3870" cm="1">
        <f t="array" ref="E3870">IFERROR(INDEX(Jesper!AI$2:AI$366,ROUNDDOWN($C3870/24,0)+1,1)*INDEX($D$3:$AA$30,INDEX(Jesper!$R$2:$R$366,ROW(INDEX(Jesper!AI$2:AI$366,ROUNDDOWN($C3870/24,0)+1,1))-1)+IF('Standard Profiles'!$G$19=$B$10,7,0)+IF('Standard Profiles'!$G$19=$B$17,14,0)+IF('Standard Profiles'!$G$19=$B$24,21,0),MOD($C3870,24)+1)/SUM(INDEX($D$3:$AA$30,INDEX(Jesper!$R$2:$R$366,ROW(INDEX(Jesper!AI$2:AI$366,ROUNDDOWN($C3870/24,0)+1,1))-1)+IF('Standard Profiles'!$G$19=$B$10,7,0)+IF('Standard Profiles'!$G$19=$B$17,14,0)+IF('Standard Profiles'!$G$19=$B$24,21,0),0)),0)</f>
        <v>0.7237608891571119</v>
      </c>
      <c r="F3870" cm="1">
        <f t="array" ref="F3870">IFERROR(INDEX(Jesper!AJ$2:AJ$366,ROUNDDOWN($C3870/24,0)+1,1)*INDEX($D$3:$AA$30,INDEX(Jesper!$R$2:$R$366,ROW(INDEX(Jesper!AJ$2:AJ$366,ROUNDDOWN($C3870/24,0)+1,1))-1)+IF('Standard Profiles'!$G$20=$B$10,7,0)+IF('Standard Profiles'!$G$20=$B$17,14,0)+IF('Standard Profiles'!$G$20=$B$24,21,0),MOD($C3870,24)+1)/SUM(INDEX($D$3:$AA$30,INDEX(Jesper!$R$2:$R$366,ROW(INDEX(Jesper!AJ$2:AJ$366,ROUNDDOWN($C3870/24,0)+1,1))-1)+IF('Standard Profiles'!$G$20=$B$10,7,0)+IF('Standard Profiles'!$G$20=$B$17,14,0)+IF('Standard Profiles'!$G$20=$B$24,21,0),0)),0)</f>
        <v>0</v>
      </c>
      <c r="G3870" cm="1">
        <f t="array" ref="G3870">IFERROR(INDEX(Jesper!AK$2:AK$366,ROUNDDOWN($C3870/24,0)+1,1)*INDEX($D$3:$AA$30,INDEX(Jesper!$R$2:$R$366,ROW(INDEX(Jesper!AK$2:AK$366,ROUNDDOWN($C3870/24,0)+1,1))-1)+IF('Standard Profiles'!$G$21=$B$10,7,0)+IF('Standard Profiles'!$G$21=$B$17,14,0)+IF('Standard Profiles'!$G$21=$B$24,21,0),MOD($C3870,24)+1)/SUM(INDEX($D$3:$AA$30,INDEX(Jesper!$R$2:$R$366,ROW(INDEX(Jesper!AK$2:AK$366,ROUNDDOWN($C3870/24,0)+1,1))-1)+IF('Standard Profiles'!$G$21=$B$10,7,0)+IF('Standard Profiles'!$G$21=$B$17,14,0)+IF('Standard Profiles'!$G$21=$B$24,21,0),0)),0)</f>
        <v>0</v>
      </c>
      <c r="H3870" cm="1">
        <f t="array" ref="H3870">IFERROR(INDEX(Jesper!AL$2:AL$366,ROUNDDOWN($C3870/24,0)+1,1)*INDEX($D$3:$AA$30,INDEX(Jesper!$R$2:$R$366,ROW(INDEX(Jesper!AL$2:AL$366,ROUNDDOWN($C3870/24,0)+1,1))-1)+IF('Standard Profiles'!$G$22=$B$10,7,0)+IF('Standard Profiles'!$G$22=$B$17,14,0)+IF('Standard Profiles'!$G$22=$B$24,21,0),MOD($C3870,24)+1)/SUM(INDEX($D$3:$AA$30,INDEX(Jesper!$R$2:$R$366,ROW(INDEX(Jesper!AL$2:AL$366,ROUNDDOWN($C3870/24,0)+1,1))-1)+IF('Standard Profiles'!$G$22=$B$10,7,0)+IF('Standard Profiles'!$G$22=$B$17,14,0)+IF('Standard Profiles'!$G$22=$B$24,21,0),0)),0)</f>
        <v>0</v>
      </c>
      <c r="I3870">
        <f t="shared" si="433"/>
        <v>6.5203683707847931E-2</v>
      </c>
      <c r="J3870">
        <f t="shared" si="434"/>
        <v>0.21734561235949315</v>
      </c>
      <c r="K3870">
        <f t="shared" si="435"/>
        <v>0.32601841853923974</v>
      </c>
      <c r="L3870">
        <f t="shared" si="436"/>
        <v>5.0833369161281361</v>
      </c>
      <c r="M3870">
        <f t="shared" si="437"/>
        <v>0</v>
      </c>
      <c r="N3870" s="46">
        <f t="shared" si="438"/>
        <v>45451.83333332403</v>
      </c>
    </row>
    <row r="3871" spans="2:14" x14ac:dyDescent="0.3">
      <c r="B3871">
        <f t="shared" si="432"/>
        <v>6</v>
      </c>
      <c r="C3871" s="16">
        <v>3837</v>
      </c>
      <c r="D3871" cm="1">
        <f t="array" ref="D3871">IFERROR(INDEX(Jesper!AH$2:AH$366,ROUNDDOWN($C3871/24,0)+1,1)*INDEX($D$3:$AA$30,INDEX(Jesper!$R$2:$R$366,ROW(INDEX(Jesper!AH$2:AH$366,ROUNDDOWN($C3871/24,0)+1,1))-1)+IF('Standard Profiles'!$G$18=$B$10,7,0)+IF('Standard Profiles'!$G$18=$B$17,14,0)+IF('Standard Profiles'!$G$18=$B$24,21,0),MOD($C3871,24)+1)/SUM(INDEX($D$3:$AA$30,INDEX(Jesper!$R$2:$R$366,ROW(INDEX(Jesper!AH$2:AH$366,ROUNDDOWN($C3871/24,0)+1,1))-1)+IF('Standard Profiles'!$G$18=$B$10,7,0)+IF('Standard Profiles'!$G$18=$B$17,14,0)+IF('Standard Profiles'!$G$18=$B$24,21,0),0)),0)</f>
        <v>4.9681437415776051</v>
      </c>
      <c r="E3871" cm="1">
        <f t="array" ref="E3871">IFERROR(INDEX(Jesper!AI$2:AI$366,ROUNDDOWN($C3871/24,0)+1,1)*INDEX($D$3:$AA$30,INDEX(Jesper!$R$2:$R$366,ROW(INDEX(Jesper!AI$2:AI$366,ROUNDDOWN($C3871/24,0)+1,1))-1)+IF('Standard Profiles'!$G$19=$B$10,7,0)+IF('Standard Profiles'!$G$19=$B$17,14,0)+IF('Standard Profiles'!$G$19=$B$24,21,0),MOD($C3871,24)+1)/SUM(INDEX($D$3:$AA$30,INDEX(Jesper!$R$2:$R$366,ROW(INDEX(Jesper!AI$2:AI$366,ROUNDDOWN($C3871/24,0)+1,1))-1)+IF('Standard Profiles'!$G$19=$B$10,7,0)+IF('Standard Profiles'!$G$19=$B$17,14,0)+IF('Standard Profiles'!$G$19=$B$24,21,0),0)),0)</f>
        <v>0.7237608891571119</v>
      </c>
      <c r="F3871" cm="1">
        <f t="array" ref="F3871">IFERROR(INDEX(Jesper!AJ$2:AJ$366,ROUNDDOWN($C3871/24,0)+1,1)*INDEX($D$3:$AA$30,INDEX(Jesper!$R$2:$R$366,ROW(INDEX(Jesper!AJ$2:AJ$366,ROUNDDOWN($C3871/24,0)+1,1))-1)+IF('Standard Profiles'!$G$20=$B$10,7,0)+IF('Standard Profiles'!$G$20=$B$17,14,0)+IF('Standard Profiles'!$G$20=$B$24,21,0),MOD($C3871,24)+1)/SUM(INDEX($D$3:$AA$30,INDEX(Jesper!$R$2:$R$366,ROW(INDEX(Jesper!AJ$2:AJ$366,ROUNDDOWN($C3871/24,0)+1,1))-1)+IF('Standard Profiles'!$G$20=$B$10,7,0)+IF('Standard Profiles'!$G$20=$B$17,14,0)+IF('Standard Profiles'!$G$20=$B$24,21,0),0)),0)</f>
        <v>0</v>
      </c>
      <c r="G3871" cm="1">
        <f t="array" ref="G3871">IFERROR(INDEX(Jesper!AK$2:AK$366,ROUNDDOWN($C3871/24,0)+1,1)*INDEX($D$3:$AA$30,INDEX(Jesper!$R$2:$R$366,ROW(INDEX(Jesper!AK$2:AK$366,ROUNDDOWN($C3871/24,0)+1,1))-1)+IF('Standard Profiles'!$G$21=$B$10,7,0)+IF('Standard Profiles'!$G$21=$B$17,14,0)+IF('Standard Profiles'!$G$21=$B$24,21,0),MOD($C3871,24)+1)/SUM(INDEX($D$3:$AA$30,INDEX(Jesper!$R$2:$R$366,ROW(INDEX(Jesper!AK$2:AK$366,ROUNDDOWN($C3871/24,0)+1,1))-1)+IF('Standard Profiles'!$G$21=$B$10,7,0)+IF('Standard Profiles'!$G$21=$B$17,14,0)+IF('Standard Profiles'!$G$21=$B$24,21,0),0)),0)</f>
        <v>0</v>
      </c>
      <c r="H3871" cm="1">
        <f t="array" ref="H3871">IFERROR(INDEX(Jesper!AL$2:AL$366,ROUNDDOWN($C3871/24,0)+1,1)*INDEX($D$3:$AA$30,INDEX(Jesper!$R$2:$R$366,ROW(INDEX(Jesper!AL$2:AL$366,ROUNDDOWN($C3871/24,0)+1,1))-1)+IF('Standard Profiles'!$G$22=$B$10,7,0)+IF('Standard Profiles'!$G$22=$B$17,14,0)+IF('Standard Profiles'!$G$22=$B$24,21,0),MOD($C3871,24)+1)/SUM(INDEX($D$3:$AA$30,INDEX(Jesper!$R$2:$R$366,ROW(INDEX(Jesper!AL$2:AL$366,ROUNDDOWN($C3871/24,0)+1,1))-1)+IF('Standard Profiles'!$G$22=$B$10,7,0)+IF('Standard Profiles'!$G$22=$B$17,14,0)+IF('Standard Profiles'!$G$22=$B$24,21,0),0)),0)</f>
        <v>0</v>
      </c>
      <c r="I3871">
        <f t="shared" si="433"/>
        <v>6.5203683707847931E-2</v>
      </c>
      <c r="J3871">
        <f t="shared" si="434"/>
        <v>0.21734561235949315</v>
      </c>
      <c r="K3871">
        <f t="shared" si="435"/>
        <v>0.32601841853923974</v>
      </c>
      <c r="L3871">
        <f t="shared" si="436"/>
        <v>5.0833369161281361</v>
      </c>
      <c r="M3871">
        <f t="shared" si="437"/>
        <v>0</v>
      </c>
      <c r="N3871" s="46">
        <f t="shared" si="438"/>
        <v>45451.874999990694</v>
      </c>
    </row>
    <row r="3872" spans="2:14" x14ac:dyDescent="0.3">
      <c r="B3872">
        <f t="shared" si="432"/>
        <v>6</v>
      </c>
      <c r="C3872" s="16">
        <v>3838</v>
      </c>
      <c r="D3872" cm="1">
        <f t="array" ref="D3872">IFERROR(INDEX(Jesper!AH$2:AH$366,ROUNDDOWN($C3872/24,0)+1,1)*INDEX($D$3:$AA$30,INDEX(Jesper!$R$2:$R$366,ROW(INDEX(Jesper!AH$2:AH$366,ROUNDDOWN($C3872/24,0)+1,1))-1)+IF('Standard Profiles'!$G$18=$B$10,7,0)+IF('Standard Profiles'!$G$18=$B$17,14,0)+IF('Standard Profiles'!$G$18=$B$24,21,0),MOD($C3872,24)+1)/SUM(INDEX($D$3:$AA$30,INDEX(Jesper!$R$2:$R$366,ROW(INDEX(Jesper!AH$2:AH$366,ROUNDDOWN($C3872/24,0)+1,1))-1)+IF('Standard Profiles'!$G$18=$B$10,7,0)+IF('Standard Profiles'!$G$18=$B$17,14,0)+IF('Standard Profiles'!$G$18=$B$24,21,0),0)),0)</f>
        <v>4.9681437415776051</v>
      </c>
      <c r="E3872" cm="1">
        <f t="array" ref="E3872">IFERROR(INDEX(Jesper!AI$2:AI$366,ROUNDDOWN($C3872/24,0)+1,1)*INDEX($D$3:$AA$30,INDEX(Jesper!$R$2:$R$366,ROW(INDEX(Jesper!AI$2:AI$366,ROUNDDOWN($C3872/24,0)+1,1))-1)+IF('Standard Profiles'!$G$19=$B$10,7,0)+IF('Standard Profiles'!$G$19=$B$17,14,0)+IF('Standard Profiles'!$G$19=$B$24,21,0),MOD($C3872,24)+1)/SUM(INDEX($D$3:$AA$30,INDEX(Jesper!$R$2:$R$366,ROW(INDEX(Jesper!AI$2:AI$366,ROUNDDOWN($C3872/24,0)+1,1))-1)+IF('Standard Profiles'!$G$19=$B$10,7,0)+IF('Standard Profiles'!$G$19=$B$17,14,0)+IF('Standard Profiles'!$G$19=$B$24,21,0),0)),0)</f>
        <v>0.7237608891571119</v>
      </c>
      <c r="F3872" cm="1">
        <f t="array" ref="F3872">IFERROR(INDEX(Jesper!AJ$2:AJ$366,ROUNDDOWN($C3872/24,0)+1,1)*INDEX($D$3:$AA$30,INDEX(Jesper!$R$2:$R$366,ROW(INDEX(Jesper!AJ$2:AJ$366,ROUNDDOWN($C3872/24,0)+1,1))-1)+IF('Standard Profiles'!$G$20=$B$10,7,0)+IF('Standard Profiles'!$G$20=$B$17,14,0)+IF('Standard Profiles'!$G$20=$B$24,21,0),MOD($C3872,24)+1)/SUM(INDEX($D$3:$AA$30,INDEX(Jesper!$R$2:$R$366,ROW(INDEX(Jesper!AJ$2:AJ$366,ROUNDDOWN($C3872/24,0)+1,1))-1)+IF('Standard Profiles'!$G$20=$B$10,7,0)+IF('Standard Profiles'!$G$20=$B$17,14,0)+IF('Standard Profiles'!$G$20=$B$24,21,0),0)),0)</f>
        <v>0</v>
      </c>
      <c r="G3872" cm="1">
        <f t="array" ref="G3872">IFERROR(INDEX(Jesper!AK$2:AK$366,ROUNDDOWN($C3872/24,0)+1,1)*INDEX($D$3:$AA$30,INDEX(Jesper!$R$2:$R$366,ROW(INDEX(Jesper!AK$2:AK$366,ROUNDDOWN($C3872/24,0)+1,1))-1)+IF('Standard Profiles'!$G$21=$B$10,7,0)+IF('Standard Profiles'!$G$21=$B$17,14,0)+IF('Standard Profiles'!$G$21=$B$24,21,0),MOD($C3872,24)+1)/SUM(INDEX($D$3:$AA$30,INDEX(Jesper!$R$2:$R$366,ROW(INDEX(Jesper!AK$2:AK$366,ROUNDDOWN($C3872/24,0)+1,1))-1)+IF('Standard Profiles'!$G$21=$B$10,7,0)+IF('Standard Profiles'!$G$21=$B$17,14,0)+IF('Standard Profiles'!$G$21=$B$24,21,0),0)),0)</f>
        <v>0</v>
      </c>
      <c r="H3872" cm="1">
        <f t="array" ref="H3872">IFERROR(INDEX(Jesper!AL$2:AL$366,ROUNDDOWN($C3872/24,0)+1,1)*INDEX($D$3:$AA$30,INDEX(Jesper!$R$2:$R$366,ROW(INDEX(Jesper!AL$2:AL$366,ROUNDDOWN($C3872/24,0)+1,1))-1)+IF('Standard Profiles'!$G$22=$B$10,7,0)+IF('Standard Profiles'!$G$22=$B$17,14,0)+IF('Standard Profiles'!$G$22=$B$24,21,0),MOD($C3872,24)+1)/SUM(INDEX($D$3:$AA$30,INDEX(Jesper!$R$2:$R$366,ROW(INDEX(Jesper!AL$2:AL$366,ROUNDDOWN($C3872/24,0)+1,1))-1)+IF('Standard Profiles'!$G$22=$B$10,7,0)+IF('Standard Profiles'!$G$22=$B$17,14,0)+IF('Standard Profiles'!$G$22=$B$24,21,0),0)),0)</f>
        <v>0</v>
      </c>
      <c r="I3872">
        <f t="shared" si="433"/>
        <v>6.5203683707847931E-2</v>
      </c>
      <c r="J3872">
        <f t="shared" si="434"/>
        <v>0.21734561235949315</v>
      </c>
      <c r="K3872">
        <f t="shared" si="435"/>
        <v>0.32601841853923974</v>
      </c>
      <c r="L3872">
        <f t="shared" si="436"/>
        <v>5.0833369161281361</v>
      </c>
      <c r="M3872">
        <f t="shared" si="437"/>
        <v>0</v>
      </c>
      <c r="N3872" s="46">
        <f t="shared" si="438"/>
        <v>45451.916666657358</v>
      </c>
    </row>
    <row r="3873" spans="2:14" x14ac:dyDescent="0.3">
      <c r="B3873">
        <f t="shared" si="432"/>
        <v>6</v>
      </c>
      <c r="C3873" s="16">
        <v>3839</v>
      </c>
      <c r="D3873" cm="1">
        <f t="array" ref="D3873">IFERROR(INDEX(Jesper!AH$2:AH$366,ROUNDDOWN($C3873/24,0)+1,1)*INDEX($D$3:$AA$30,INDEX(Jesper!$R$2:$R$366,ROW(INDEX(Jesper!AH$2:AH$366,ROUNDDOWN($C3873/24,0)+1,1))-1)+IF('Standard Profiles'!$G$18=$B$10,7,0)+IF('Standard Profiles'!$G$18=$B$17,14,0)+IF('Standard Profiles'!$G$18=$B$24,21,0),MOD($C3873,24)+1)/SUM(INDEX($D$3:$AA$30,INDEX(Jesper!$R$2:$R$366,ROW(INDEX(Jesper!AH$2:AH$366,ROUNDDOWN($C3873/24,0)+1,1))-1)+IF('Standard Profiles'!$G$18=$B$10,7,0)+IF('Standard Profiles'!$G$18=$B$17,14,0)+IF('Standard Profiles'!$G$18=$B$24,21,0),0)),0)</f>
        <v>4.9681437415776051</v>
      </c>
      <c r="E3873" cm="1">
        <f t="array" ref="E3873">IFERROR(INDEX(Jesper!AI$2:AI$366,ROUNDDOWN($C3873/24,0)+1,1)*INDEX($D$3:$AA$30,INDEX(Jesper!$R$2:$R$366,ROW(INDEX(Jesper!AI$2:AI$366,ROUNDDOWN($C3873/24,0)+1,1))-1)+IF('Standard Profiles'!$G$19=$B$10,7,0)+IF('Standard Profiles'!$G$19=$B$17,14,0)+IF('Standard Profiles'!$G$19=$B$24,21,0),MOD($C3873,24)+1)/SUM(INDEX($D$3:$AA$30,INDEX(Jesper!$R$2:$R$366,ROW(INDEX(Jesper!AI$2:AI$366,ROUNDDOWN($C3873/24,0)+1,1))-1)+IF('Standard Profiles'!$G$19=$B$10,7,0)+IF('Standard Profiles'!$G$19=$B$17,14,0)+IF('Standard Profiles'!$G$19=$B$24,21,0),0)),0)</f>
        <v>0.7237608891571119</v>
      </c>
      <c r="F3873" cm="1">
        <f t="array" ref="F3873">IFERROR(INDEX(Jesper!AJ$2:AJ$366,ROUNDDOWN($C3873/24,0)+1,1)*INDEX($D$3:$AA$30,INDEX(Jesper!$R$2:$R$366,ROW(INDEX(Jesper!AJ$2:AJ$366,ROUNDDOWN($C3873/24,0)+1,1))-1)+IF('Standard Profiles'!$G$20=$B$10,7,0)+IF('Standard Profiles'!$G$20=$B$17,14,0)+IF('Standard Profiles'!$G$20=$B$24,21,0),MOD($C3873,24)+1)/SUM(INDEX($D$3:$AA$30,INDEX(Jesper!$R$2:$R$366,ROW(INDEX(Jesper!AJ$2:AJ$366,ROUNDDOWN($C3873/24,0)+1,1))-1)+IF('Standard Profiles'!$G$20=$B$10,7,0)+IF('Standard Profiles'!$G$20=$B$17,14,0)+IF('Standard Profiles'!$G$20=$B$24,21,0),0)),0)</f>
        <v>0</v>
      </c>
      <c r="G3873" cm="1">
        <f t="array" ref="G3873">IFERROR(INDEX(Jesper!AK$2:AK$366,ROUNDDOWN($C3873/24,0)+1,1)*INDEX($D$3:$AA$30,INDEX(Jesper!$R$2:$R$366,ROW(INDEX(Jesper!AK$2:AK$366,ROUNDDOWN($C3873/24,0)+1,1))-1)+IF('Standard Profiles'!$G$21=$B$10,7,0)+IF('Standard Profiles'!$G$21=$B$17,14,0)+IF('Standard Profiles'!$G$21=$B$24,21,0),MOD($C3873,24)+1)/SUM(INDEX($D$3:$AA$30,INDEX(Jesper!$R$2:$R$366,ROW(INDEX(Jesper!AK$2:AK$366,ROUNDDOWN($C3873/24,0)+1,1))-1)+IF('Standard Profiles'!$G$21=$B$10,7,0)+IF('Standard Profiles'!$G$21=$B$17,14,0)+IF('Standard Profiles'!$G$21=$B$24,21,0),0)),0)</f>
        <v>0</v>
      </c>
      <c r="H3873" cm="1">
        <f t="array" ref="H3873">IFERROR(INDEX(Jesper!AL$2:AL$366,ROUNDDOWN($C3873/24,0)+1,1)*INDEX($D$3:$AA$30,INDEX(Jesper!$R$2:$R$366,ROW(INDEX(Jesper!AL$2:AL$366,ROUNDDOWN($C3873/24,0)+1,1))-1)+IF('Standard Profiles'!$G$22=$B$10,7,0)+IF('Standard Profiles'!$G$22=$B$17,14,0)+IF('Standard Profiles'!$G$22=$B$24,21,0),MOD($C3873,24)+1)/SUM(INDEX($D$3:$AA$30,INDEX(Jesper!$R$2:$R$366,ROW(INDEX(Jesper!AL$2:AL$366,ROUNDDOWN($C3873/24,0)+1,1))-1)+IF('Standard Profiles'!$G$22=$B$10,7,0)+IF('Standard Profiles'!$G$22=$B$17,14,0)+IF('Standard Profiles'!$G$22=$B$24,21,0),0)),0)</f>
        <v>0</v>
      </c>
      <c r="I3873">
        <f t="shared" si="433"/>
        <v>6.5203683707847931E-2</v>
      </c>
      <c r="J3873">
        <f t="shared" si="434"/>
        <v>0.21734561235949315</v>
      </c>
      <c r="K3873">
        <f t="shared" si="435"/>
        <v>0.32601841853923974</v>
      </c>
      <c r="L3873">
        <f t="shared" si="436"/>
        <v>5.0833369161281361</v>
      </c>
      <c r="M3873">
        <f t="shared" si="437"/>
        <v>0</v>
      </c>
      <c r="N3873" s="46">
        <f t="shared" si="438"/>
        <v>45451.958333324023</v>
      </c>
    </row>
    <row r="3874" spans="2:14" x14ac:dyDescent="0.3">
      <c r="B3874">
        <f t="shared" si="432"/>
        <v>7</v>
      </c>
      <c r="C3874" s="16">
        <v>3840</v>
      </c>
      <c r="D3874" cm="1">
        <f t="array" ref="D3874">IFERROR(INDEX(Jesper!AH$2:AH$366,ROUNDDOWN($C3874/24,0)+1,1)*INDEX($D$3:$AA$30,INDEX(Jesper!$R$2:$R$366,ROW(INDEX(Jesper!AH$2:AH$366,ROUNDDOWN($C3874/24,0)+1,1))-1)+IF('Standard Profiles'!$G$18=$B$10,7,0)+IF('Standard Profiles'!$G$18=$B$17,14,0)+IF('Standard Profiles'!$G$18=$B$24,21,0),MOD($C3874,24)+1)/SUM(INDEX($D$3:$AA$30,INDEX(Jesper!$R$2:$R$366,ROW(INDEX(Jesper!AH$2:AH$366,ROUNDDOWN($C3874/24,0)+1,1))-1)+IF('Standard Profiles'!$G$18=$B$10,7,0)+IF('Standard Profiles'!$G$18=$B$17,14,0)+IF('Standard Profiles'!$G$18=$B$24,21,0),0)),0)</f>
        <v>5.4139522079868785</v>
      </c>
      <c r="E3874" cm="1">
        <f t="array" ref="E3874">IFERROR(INDEX(Jesper!AI$2:AI$366,ROUNDDOWN($C3874/24,0)+1,1)*INDEX($D$3:$AA$30,INDEX(Jesper!$R$2:$R$366,ROW(INDEX(Jesper!AI$2:AI$366,ROUNDDOWN($C3874/24,0)+1,1))-1)+IF('Standard Profiles'!$G$19=$B$10,7,0)+IF('Standard Profiles'!$G$19=$B$17,14,0)+IF('Standard Profiles'!$G$19=$B$24,21,0),MOD($C3874,24)+1)/SUM(INDEX($D$3:$AA$30,INDEX(Jesper!$R$2:$R$366,ROW(INDEX(Jesper!AI$2:AI$366,ROUNDDOWN($C3874/24,0)+1,1))-1)+IF('Standard Profiles'!$G$19=$B$10,7,0)+IF('Standard Profiles'!$G$19=$B$17,14,0)+IF('Standard Profiles'!$G$19=$B$24,21,0),0)),0)</f>
        <v>0.75501932976645203</v>
      </c>
      <c r="F3874" cm="1">
        <f t="array" ref="F3874">IFERROR(INDEX(Jesper!AJ$2:AJ$366,ROUNDDOWN($C3874/24,0)+1,1)*INDEX($D$3:$AA$30,INDEX(Jesper!$R$2:$R$366,ROW(INDEX(Jesper!AJ$2:AJ$366,ROUNDDOWN($C3874/24,0)+1,1))-1)+IF('Standard Profiles'!$G$20=$B$10,7,0)+IF('Standard Profiles'!$G$20=$B$17,14,0)+IF('Standard Profiles'!$G$20=$B$24,21,0),MOD($C3874,24)+1)/SUM(INDEX($D$3:$AA$30,INDEX(Jesper!$R$2:$R$366,ROW(INDEX(Jesper!AJ$2:AJ$366,ROUNDDOWN($C3874/24,0)+1,1))-1)+IF('Standard Profiles'!$G$20=$B$10,7,0)+IF('Standard Profiles'!$G$20=$B$17,14,0)+IF('Standard Profiles'!$G$20=$B$24,21,0),0)),0)</f>
        <v>0</v>
      </c>
      <c r="G3874" cm="1">
        <f t="array" ref="G3874">IFERROR(INDEX(Jesper!AK$2:AK$366,ROUNDDOWN($C3874/24,0)+1,1)*INDEX($D$3:$AA$30,INDEX(Jesper!$R$2:$R$366,ROW(INDEX(Jesper!AK$2:AK$366,ROUNDDOWN($C3874/24,0)+1,1))-1)+IF('Standard Profiles'!$G$21=$B$10,7,0)+IF('Standard Profiles'!$G$21=$B$17,14,0)+IF('Standard Profiles'!$G$21=$B$24,21,0),MOD($C3874,24)+1)/SUM(INDEX($D$3:$AA$30,INDEX(Jesper!$R$2:$R$366,ROW(INDEX(Jesper!AK$2:AK$366,ROUNDDOWN($C3874/24,0)+1,1))-1)+IF('Standard Profiles'!$G$21=$B$10,7,0)+IF('Standard Profiles'!$G$21=$B$17,14,0)+IF('Standard Profiles'!$G$21=$B$24,21,0),0)),0)</f>
        <v>0</v>
      </c>
      <c r="H3874" cm="1">
        <f t="array" ref="H3874">IFERROR(INDEX(Jesper!AL$2:AL$366,ROUNDDOWN($C3874/24,0)+1,1)*INDEX($D$3:$AA$30,INDEX(Jesper!$R$2:$R$366,ROW(INDEX(Jesper!AL$2:AL$366,ROUNDDOWN($C3874/24,0)+1,1))-1)+IF('Standard Profiles'!$G$22=$B$10,7,0)+IF('Standard Profiles'!$G$22=$B$17,14,0)+IF('Standard Profiles'!$G$22=$B$24,21,0),MOD($C3874,24)+1)/SUM(INDEX($D$3:$AA$30,INDEX(Jesper!$R$2:$R$366,ROW(INDEX(Jesper!AL$2:AL$366,ROUNDDOWN($C3874/24,0)+1,1))-1)+IF('Standard Profiles'!$G$22=$B$10,7,0)+IF('Standard Profiles'!$G$22=$B$17,14,0)+IF('Standard Profiles'!$G$22=$B$24,21,0),0)),0)</f>
        <v>0</v>
      </c>
      <c r="I3874">
        <f t="shared" si="433"/>
        <v>6.801975943841912E-2</v>
      </c>
      <c r="J3874">
        <f t="shared" si="434"/>
        <v>0.2267325314613971</v>
      </c>
      <c r="K3874">
        <f t="shared" si="435"/>
        <v>0.34009879719209563</v>
      </c>
      <c r="L3874">
        <f t="shared" si="436"/>
        <v>5.5341204496614189</v>
      </c>
      <c r="M3874">
        <f t="shared" si="437"/>
        <v>0</v>
      </c>
      <c r="N3874" s="46">
        <f t="shared" si="438"/>
        <v>45451.999999990687</v>
      </c>
    </row>
    <row r="3875" spans="2:14" x14ac:dyDescent="0.3">
      <c r="B3875">
        <f t="shared" ref="B3875:B3938" si="439">WEEKDAY(N3875,2)</f>
        <v>7</v>
      </c>
      <c r="C3875" s="16">
        <v>3841</v>
      </c>
      <c r="D3875" cm="1">
        <f t="array" ref="D3875">IFERROR(INDEX(Jesper!AH$2:AH$366,ROUNDDOWN($C3875/24,0)+1,1)*INDEX($D$3:$AA$30,INDEX(Jesper!$R$2:$R$366,ROW(INDEX(Jesper!AH$2:AH$366,ROUNDDOWN($C3875/24,0)+1,1))-1)+IF('Standard Profiles'!$G$18=$B$10,7,0)+IF('Standard Profiles'!$G$18=$B$17,14,0)+IF('Standard Profiles'!$G$18=$B$24,21,0),MOD($C3875,24)+1)/SUM(INDEX($D$3:$AA$30,INDEX(Jesper!$R$2:$R$366,ROW(INDEX(Jesper!AH$2:AH$366,ROUNDDOWN($C3875/24,0)+1,1))-1)+IF('Standard Profiles'!$G$18=$B$10,7,0)+IF('Standard Profiles'!$G$18=$B$17,14,0)+IF('Standard Profiles'!$G$18=$B$24,21,0),0)),0)</f>
        <v>6.287170306049279</v>
      </c>
      <c r="E3875" cm="1">
        <f t="array" ref="E3875">IFERROR(INDEX(Jesper!AI$2:AI$366,ROUNDDOWN($C3875/24,0)+1,1)*INDEX($D$3:$AA$30,INDEX(Jesper!$R$2:$R$366,ROW(INDEX(Jesper!AI$2:AI$366,ROUNDDOWN($C3875/24,0)+1,1))-1)+IF('Standard Profiles'!$G$19=$B$10,7,0)+IF('Standard Profiles'!$G$19=$B$17,14,0)+IF('Standard Profiles'!$G$19=$B$24,21,0),MOD($C3875,24)+1)/SUM(INDEX($D$3:$AA$30,INDEX(Jesper!$R$2:$R$366,ROW(INDEX(Jesper!AI$2:AI$366,ROUNDDOWN($C3875/24,0)+1,1))-1)+IF('Standard Profiles'!$G$19=$B$10,7,0)+IF('Standard Profiles'!$G$19=$B$17,14,0)+IF('Standard Profiles'!$G$19=$B$24,21,0),0)),0)</f>
        <v>0.87679664101910548</v>
      </c>
      <c r="F3875" cm="1">
        <f t="array" ref="F3875">IFERROR(INDEX(Jesper!AJ$2:AJ$366,ROUNDDOWN($C3875/24,0)+1,1)*INDEX($D$3:$AA$30,INDEX(Jesper!$R$2:$R$366,ROW(INDEX(Jesper!AJ$2:AJ$366,ROUNDDOWN($C3875/24,0)+1,1))-1)+IF('Standard Profiles'!$G$20=$B$10,7,0)+IF('Standard Profiles'!$G$20=$B$17,14,0)+IF('Standard Profiles'!$G$20=$B$24,21,0),MOD($C3875,24)+1)/SUM(INDEX($D$3:$AA$30,INDEX(Jesper!$R$2:$R$366,ROW(INDEX(Jesper!AJ$2:AJ$366,ROUNDDOWN($C3875/24,0)+1,1))-1)+IF('Standard Profiles'!$G$20=$B$10,7,0)+IF('Standard Profiles'!$G$20=$B$17,14,0)+IF('Standard Profiles'!$G$20=$B$24,21,0),0)),0)</f>
        <v>0</v>
      </c>
      <c r="G3875" cm="1">
        <f t="array" ref="G3875">IFERROR(INDEX(Jesper!AK$2:AK$366,ROUNDDOWN($C3875/24,0)+1,1)*INDEX($D$3:$AA$30,INDEX(Jesper!$R$2:$R$366,ROW(INDEX(Jesper!AK$2:AK$366,ROUNDDOWN($C3875/24,0)+1,1))-1)+IF('Standard Profiles'!$G$21=$B$10,7,0)+IF('Standard Profiles'!$G$21=$B$17,14,0)+IF('Standard Profiles'!$G$21=$B$24,21,0),MOD($C3875,24)+1)/SUM(INDEX($D$3:$AA$30,INDEX(Jesper!$R$2:$R$366,ROW(INDEX(Jesper!AK$2:AK$366,ROUNDDOWN($C3875/24,0)+1,1))-1)+IF('Standard Profiles'!$G$21=$B$10,7,0)+IF('Standard Profiles'!$G$21=$B$17,14,0)+IF('Standard Profiles'!$G$21=$B$24,21,0),0)),0)</f>
        <v>0</v>
      </c>
      <c r="H3875" cm="1">
        <f t="array" ref="H3875">IFERROR(INDEX(Jesper!AL$2:AL$366,ROUNDDOWN($C3875/24,0)+1,1)*INDEX($D$3:$AA$30,INDEX(Jesper!$R$2:$R$366,ROW(INDEX(Jesper!AL$2:AL$366,ROUNDDOWN($C3875/24,0)+1,1))-1)+IF('Standard Profiles'!$G$22=$B$10,7,0)+IF('Standard Profiles'!$G$22=$B$17,14,0)+IF('Standard Profiles'!$G$22=$B$24,21,0),MOD($C3875,24)+1)/SUM(INDEX($D$3:$AA$30,INDEX(Jesper!$R$2:$R$366,ROW(INDEX(Jesper!AL$2:AL$366,ROUNDDOWN($C3875/24,0)+1,1))-1)+IF('Standard Profiles'!$G$22=$B$10,7,0)+IF('Standard Profiles'!$G$22=$B$17,14,0)+IF('Standard Profiles'!$G$22=$B$24,21,0),0)),0)</f>
        <v>0</v>
      </c>
      <c r="I3875">
        <f t="shared" ref="I3875:I3938" si="440">IF($B3875&lt;6,AC$37*$D3875+AC$38*$E3875+AC$39*$F3875+AC$40*$G3875,AC$46*$D3875+AC$47*$E3875+AC$48*$F3875+AC$49*$G3875+AC$50*$H3875)</f>
        <v>7.8990688380099608E-2</v>
      </c>
      <c r="J3875">
        <f t="shared" ref="J3875:J3938" si="441">IF($B3875&lt;6,AD$37*$D3875+AD$38*$E3875+AD$39*$F3875+AD$40*$G3875,AD$46*$D3875+AD$47*$E3875+AD$48*$F3875+AD$49*$G3875+AD$50*$H3875)</f>
        <v>0.26330229460033205</v>
      </c>
      <c r="K3875">
        <f t="shared" ref="K3875:K3938" si="442">IF($B3875&lt;6,AE$37*$D3875+AE$38*$E3875+AE$39*$F3875+AE$40*$G3875,AE$46*$D3875+AE$47*$E3875+AE$48*$F3875+AE$49*$G3875+AE$50*$H3875)</f>
        <v>0.39495344190049814</v>
      </c>
      <c r="L3875">
        <f t="shared" ref="L3875:L3938" si="443">IF($B3875&lt;6,AF$37*$D3875+AF$38*$E3875+AF$39*$F3875+AF$40*$G3875,AF$46*$D3875+AF$47*$E3875+AF$48*$F3875+AF$49*$G3875+AF$50*$H3875)</f>
        <v>6.4267205221874546</v>
      </c>
      <c r="M3875">
        <f t="shared" ref="M3875:M3938" si="444">IF($B3875&lt;6,AG$37*$D3875+AG$38*$E3875+AG$39*$F3875+AG$40*$G3875,AG$46*$D3875+AG$47*$E3875+AG$48*$F3875+AG$49*$G3875+AG$50*$H3875)</f>
        <v>0</v>
      </c>
      <c r="N3875" s="46">
        <f t="shared" si="438"/>
        <v>45452.041666657351</v>
      </c>
    </row>
    <row r="3876" spans="2:14" x14ac:dyDescent="0.3">
      <c r="B3876">
        <f t="shared" si="439"/>
        <v>7</v>
      </c>
      <c r="C3876" s="16">
        <v>3842</v>
      </c>
      <c r="D3876" cm="1">
        <f t="array" ref="D3876">IFERROR(INDEX(Jesper!AH$2:AH$366,ROUNDDOWN($C3876/24,0)+1,1)*INDEX($D$3:$AA$30,INDEX(Jesper!$R$2:$R$366,ROW(INDEX(Jesper!AH$2:AH$366,ROUNDDOWN($C3876/24,0)+1,1))-1)+IF('Standard Profiles'!$G$18=$B$10,7,0)+IF('Standard Profiles'!$G$18=$B$17,14,0)+IF('Standard Profiles'!$G$18=$B$24,21,0),MOD($C3876,24)+1)/SUM(INDEX($D$3:$AA$30,INDEX(Jesper!$R$2:$R$366,ROW(INDEX(Jesper!AH$2:AH$366,ROUNDDOWN($C3876/24,0)+1,1))-1)+IF('Standard Profiles'!$G$18=$B$10,7,0)+IF('Standard Profiles'!$G$18=$B$17,14,0)+IF('Standard Profiles'!$G$18=$B$24,21,0),0)),0)</f>
        <v>6.287170306049279</v>
      </c>
      <c r="E3876" cm="1">
        <f t="array" ref="E3876">IFERROR(INDEX(Jesper!AI$2:AI$366,ROUNDDOWN($C3876/24,0)+1,1)*INDEX($D$3:$AA$30,INDEX(Jesper!$R$2:$R$366,ROW(INDEX(Jesper!AI$2:AI$366,ROUNDDOWN($C3876/24,0)+1,1))-1)+IF('Standard Profiles'!$G$19=$B$10,7,0)+IF('Standard Profiles'!$G$19=$B$17,14,0)+IF('Standard Profiles'!$G$19=$B$24,21,0),MOD($C3876,24)+1)/SUM(INDEX($D$3:$AA$30,INDEX(Jesper!$R$2:$R$366,ROW(INDEX(Jesper!AI$2:AI$366,ROUNDDOWN($C3876/24,0)+1,1))-1)+IF('Standard Profiles'!$G$19=$B$10,7,0)+IF('Standard Profiles'!$G$19=$B$17,14,0)+IF('Standard Profiles'!$G$19=$B$24,21,0),0)),0)</f>
        <v>0.87679664101910548</v>
      </c>
      <c r="F3876" cm="1">
        <f t="array" ref="F3876">IFERROR(INDEX(Jesper!AJ$2:AJ$366,ROUNDDOWN($C3876/24,0)+1,1)*INDEX($D$3:$AA$30,INDEX(Jesper!$R$2:$R$366,ROW(INDEX(Jesper!AJ$2:AJ$366,ROUNDDOWN($C3876/24,0)+1,1))-1)+IF('Standard Profiles'!$G$20=$B$10,7,0)+IF('Standard Profiles'!$G$20=$B$17,14,0)+IF('Standard Profiles'!$G$20=$B$24,21,0),MOD($C3876,24)+1)/SUM(INDEX($D$3:$AA$30,INDEX(Jesper!$R$2:$R$366,ROW(INDEX(Jesper!AJ$2:AJ$366,ROUNDDOWN($C3876/24,0)+1,1))-1)+IF('Standard Profiles'!$G$20=$B$10,7,0)+IF('Standard Profiles'!$G$20=$B$17,14,0)+IF('Standard Profiles'!$G$20=$B$24,21,0),0)),0)</f>
        <v>0</v>
      </c>
      <c r="G3876" cm="1">
        <f t="array" ref="G3876">IFERROR(INDEX(Jesper!AK$2:AK$366,ROUNDDOWN($C3876/24,0)+1,1)*INDEX($D$3:$AA$30,INDEX(Jesper!$R$2:$R$366,ROW(INDEX(Jesper!AK$2:AK$366,ROUNDDOWN($C3876/24,0)+1,1))-1)+IF('Standard Profiles'!$G$21=$B$10,7,0)+IF('Standard Profiles'!$G$21=$B$17,14,0)+IF('Standard Profiles'!$G$21=$B$24,21,0),MOD($C3876,24)+1)/SUM(INDEX($D$3:$AA$30,INDEX(Jesper!$R$2:$R$366,ROW(INDEX(Jesper!AK$2:AK$366,ROUNDDOWN($C3876/24,0)+1,1))-1)+IF('Standard Profiles'!$G$21=$B$10,7,0)+IF('Standard Profiles'!$G$21=$B$17,14,0)+IF('Standard Profiles'!$G$21=$B$24,21,0),0)),0)</f>
        <v>0</v>
      </c>
      <c r="H3876" cm="1">
        <f t="array" ref="H3876">IFERROR(INDEX(Jesper!AL$2:AL$366,ROUNDDOWN($C3876/24,0)+1,1)*INDEX($D$3:$AA$30,INDEX(Jesper!$R$2:$R$366,ROW(INDEX(Jesper!AL$2:AL$366,ROUNDDOWN($C3876/24,0)+1,1))-1)+IF('Standard Profiles'!$G$22=$B$10,7,0)+IF('Standard Profiles'!$G$22=$B$17,14,0)+IF('Standard Profiles'!$G$22=$B$24,21,0),MOD($C3876,24)+1)/SUM(INDEX($D$3:$AA$30,INDEX(Jesper!$R$2:$R$366,ROW(INDEX(Jesper!AL$2:AL$366,ROUNDDOWN($C3876/24,0)+1,1))-1)+IF('Standard Profiles'!$G$22=$B$10,7,0)+IF('Standard Profiles'!$G$22=$B$17,14,0)+IF('Standard Profiles'!$G$22=$B$24,21,0),0)),0)</f>
        <v>0</v>
      </c>
      <c r="I3876">
        <f t="shared" si="440"/>
        <v>7.8990688380099608E-2</v>
      </c>
      <c r="J3876">
        <f t="shared" si="441"/>
        <v>0.26330229460033205</v>
      </c>
      <c r="K3876">
        <f t="shared" si="442"/>
        <v>0.39495344190049814</v>
      </c>
      <c r="L3876">
        <f t="shared" si="443"/>
        <v>6.4267205221874546</v>
      </c>
      <c r="M3876">
        <f t="shared" si="444"/>
        <v>0</v>
      </c>
      <c r="N3876" s="46">
        <f t="shared" ref="N3876:N3939" si="445">N3875+1/24</f>
        <v>45452.083333324015</v>
      </c>
    </row>
    <row r="3877" spans="2:14" x14ac:dyDescent="0.3">
      <c r="B3877">
        <f t="shared" si="439"/>
        <v>7</v>
      </c>
      <c r="C3877" s="16">
        <v>3843</v>
      </c>
      <c r="D3877" cm="1">
        <f t="array" ref="D3877">IFERROR(INDEX(Jesper!AH$2:AH$366,ROUNDDOWN($C3877/24,0)+1,1)*INDEX($D$3:$AA$30,INDEX(Jesper!$R$2:$R$366,ROW(INDEX(Jesper!AH$2:AH$366,ROUNDDOWN($C3877/24,0)+1,1))-1)+IF('Standard Profiles'!$G$18=$B$10,7,0)+IF('Standard Profiles'!$G$18=$B$17,14,0)+IF('Standard Profiles'!$G$18=$B$24,21,0),MOD($C3877,24)+1)/SUM(INDEX($D$3:$AA$30,INDEX(Jesper!$R$2:$R$366,ROW(INDEX(Jesper!AH$2:AH$366,ROUNDDOWN($C3877/24,0)+1,1))-1)+IF('Standard Profiles'!$G$18=$B$10,7,0)+IF('Standard Profiles'!$G$18=$B$17,14,0)+IF('Standard Profiles'!$G$18=$B$24,21,0),0)),0)</f>
        <v>6.287170306049279</v>
      </c>
      <c r="E3877" cm="1">
        <f t="array" ref="E3877">IFERROR(INDEX(Jesper!AI$2:AI$366,ROUNDDOWN($C3877/24,0)+1,1)*INDEX($D$3:$AA$30,INDEX(Jesper!$R$2:$R$366,ROW(INDEX(Jesper!AI$2:AI$366,ROUNDDOWN($C3877/24,0)+1,1))-1)+IF('Standard Profiles'!$G$19=$B$10,7,0)+IF('Standard Profiles'!$G$19=$B$17,14,0)+IF('Standard Profiles'!$G$19=$B$24,21,0),MOD($C3877,24)+1)/SUM(INDEX($D$3:$AA$30,INDEX(Jesper!$R$2:$R$366,ROW(INDEX(Jesper!AI$2:AI$366,ROUNDDOWN($C3877/24,0)+1,1))-1)+IF('Standard Profiles'!$G$19=$B$10,7,0)+IF('Standard Profiles'!$G$19=$B$17,14,0)+IF('Standard Profiles'!$G$19=$B$24,21,0),0)),0)</f>
        <v>0.87679664101910548</v>
      </c>
      <c r="F3877" cm="1">
        <f t="array" ref="F3877">IFERROR(INDEX(Jesper!AJ$2:AJ$366,ROUNDDOWN($C3877/24,0)+1,1)*INDEX($D$3:$AA$30,INDEX(Jesper!$R$2:$R$366,ROW(INDEX(Jesper!AJ$2:AJ$366,ROUNDDOWN($C3877/24,0)+1,1))-1)+IF('Standard Profiles'!$G$20=$B$10,7,0)+IF('Standard Profiles'!$G$20=$B$17,14,0)+IF('Standard Profiles'!$G$20=$B$24,21,0),MOD($C3877,24)+1)/SUM(INDEX($D$3:$AA$30,INDEX(Jesper!$R$2:$R$366,ROW(INDEX(Jesper!AJ$2:AJ$366,ROUNDDOWN($C3877/24,0)+1,1))-1)+IF('Standard Profiles'!$G$20=$B$10,7,0)+IF('Standard Profiles'!$G$20=$B$17,14,0)+IF('Standard Profiles'!$G$20=$B$24,21,0),0)),0)</f>
        <v>0</v>
      </c>
      <c r="G3877" cm="1">
        <f t="array" ref="G3877">IFERROR(INDEX(Jesper!AK$2:AK$366,ROUNDDOWN($C3877/24,0)+1,1)*INDEX($D$3:$AA$30,INDEX(Jesper!$R$2:$R$366,ROW(INDEX(Jesper!AK$2:AK$366,ROUNDDOWN($C3877/24,0)+1,1))-1)+IF('Standard Profiles'!$G$21=$B$10,7,0)+IF('Standard Profiles'!$G$21=$B$17,14,0)+IF('Standard Profiles'!$G$21=$B$24,21,0),MOD($C3877,24)+1)/SUM(INDEX($D$3:$AA$30,INDEX(Jesper!$R$2:$R$366,ROW(INDEX(Jesper!AK$2:AK$366,ROUNDDOWN($C3877/24,0)+1,1))-1)+IF('Standard Profiles'!$G$21=$B$10,7,0)+IF('Standard Profiles'!$G$21=$B$17,14,0)+IF('Standard Profiles'!$G$21=$B$24,21,0),0)),0)</f>
        <v>0</v>
      </c>
      <c r="H3877" cm="1">
        <f t="array" ref="H3877">IFERROR(INDEX(Jesper!AL$2:AL$366,ROUNDDOWN($C3877/24,0)+1,1)*INDEX($D$3:$AA$30,INDEX(Jesper!$R$2:$R$366,ROW(INDEX(Jesper!AL$2:AL$366,ROUNDDOWN($C3877/24,0)+1,1))-1)+IF('Standard Profiles'!$G$22=$B$10,7,0)+IF('Standard Profiles'!$G$22=$B$17,14,0)+IF('Standard Profiles'!$G$22=$B$24,21,0),MOD($C3877,24)+1)/SUM(INDEX($D$3:$AA$30,INDEX(Jesper!$R$2:$R$366,ROW(INDEX(Jesper!AL$2:AL$366,ROUNDDOWN($C3877/24,0)+1,1))-1)+IF('Standard Profiles'!$G$22=$B$10,7,0)+IF('Standard Profiles'!$G$22=$B$17,14,0)+IF('Standard Profiles'!$G$22=$B$24,21,0),0)),0)</f>
        <v>0</v>
      </c>
      <c r="I3877">
        <f t="shared" si="440"/>
        <v>7.8990688380099608E-2</v>
      </c>
      <c r="J3877">
        <f t="shared" si="441"/>
        <v>0.26330229460033205</v>
      </c>
      <c r="K3877">
        <f t="shared" si="442"/>
        <v>0.39495344190049814</v>
      </c>
      <c r="L3877">
        <f t="shared" si="443"/>
        <v>6.4267205221874546</v>
      </c>
      <c r="M3877">
        <f t="shared" si="444"/>
        <v>0</v>
      </c>
      <c r="N3877" s="46">
        <f t="shared" si="445"/>
        <v>45452.124999990679</v>
      </c>
    </row>
    <row r="3878" spans="2:14" x14ac:dyDescent="0.3">
      <c r="B3878">
        <f t="shared" si="439"/>
        <v>7</v>
      </c>
      <c r="C3878" s="16">
        <v>3844</v>
      </c>
      <c r="D3878" cm="1">
        <f t="array" ref="D3878">IFERROR(INDEX(Jesper!AH$2:AH$366,ROUNDDOWN($C3878/24,0)+1,1)*INDEX($D$3:$AA$30,INDEX(Jesper!$R$2:$R$366,ROW(INDEX(Jesper!AH$2:AH$366,ROUNDDOWN($C3878/24,0)+1,1))-1)+IF('Standard Profiles'!$G$18=$B$10,7,0)+IF('Standard Profiles'!$G$18=$B$17,14,0)+IF('Standard Profiles'!$G$18=$B$24,21,0),MOD($C3878,24)+1)/SUM(INDEX($D$3:$AA$30,INDEX(Jesper!$R$2:$R$366,ROW(INDEX(Jesper!AH$2:AH$366,ROUNDDOWN($C3878/24,0)+1,1))-1)+IF('Standard Profiles'!$G$18=$B$10,7,0)+IF('Standard Profiles'!$G$18=$B$17,14,0)+IF('Standard Profiles'!$G$18=$B$24,21,0),0)),0)</f>
        <v>6.287170306049279</v>
      </c>
      <c r="E3878" cm="1">
        <f t="array" ref="E3878">IFERROR(INDEX(Jesper!AI$2:AI$366,ROUNDDOWN($C3878/24,0)+1,1)*INDEX($D$3:$AA$30,INDEX(Jesper!$R$2:$R$366,ROW(INDEX(Jesper!AI$2:AI$366,ROUNDDOWN($C3878/24,0)+1,1))-1)+IF('Standard Profiles'!$G$19=$B$10,7,0)+IF('Standard Profiles'!$G$19=$B$17,14,0)+IF('Standard Profiles'!$G$19=$B$24,21,0),MOD($C3878,24)+1)/SUM(INDEX($D$3:$AA$30,INDEX(Jesper!$R$2:$R$366,ROW(INDEX(Jesper!AI$2:AI$366,ROUNDDOWN($C3878/24,0)+1,1))-1)+IF('Standard Profiles'!$G$19=$B$10,7,0)+IF('Standard Profiles'!$G$19=$B$17,14,0)+IF('Standard Profiles'!$G$19=$B$24,21,0),0)),0)</f>
        <v>0.87679664101910548</v>
      </c>
      <c r="F3878" cm="1">
        <f t="array" ref="F3878">IFERROR(INDEX(Jesper!AJ$2:AJ$366,ROUNDDOWN($C3878/24,0)+1,1)*INDEX($D$3:$AA$30,INDEX(Jesper!$R$2:$R$366,ROW(INDEX(Jesper!AJ$2:AJ$366,ROUNDDOWN($C3878/24,0)+1,1))-1)+IF('Standard Profiles'!$G$20=$B$10,7,0)+IF('Standard Profiles'!$G$20=$B$17,14,0)+IF('Standard Profiles'!$G$20=$B$24,21,0),MOD($C3878,24)+1)/SUM(INDEX($D$3:$AA$30,INDEX(Jesper!$R$2:$R$366,ROW(INDEX(Jesper!AJ$2:AJ$366,ROUNDDOWN($C3878/24,0)+1,1))-1)+IF('Standard Profiles'!$G$20=$B$10,7,0)+IF('Standard Profiles'!$G$20=$B$17,14,0)+IF('Standard Profiles'!$G$20=$B$24,21,0),0)),0)</f>
        <v>0</v>
      </c>
      <c r="G3878" cm="1">
        <f t="array" ref="G3878">IFERROR(INDEX(Jesper!AK$2:AK$366,ROUNDDOWN($C3878/24,0)+1,1)*INDEX($D$3:$AA$30,INDEX(Jesper!$R$2:$R$366,ROW(INDEX(Jesper!AK$2:AK$366,ROUNDDOWN($C3878/24,0)+1,1))-1)+IF('Standard Profiles'!$G$21=$B$10,7,0)+IF('Standard Profiles'!$G$21=$B$17,14,0)+IF('Standard Profiles'!$G$21=$B$24,21,0),MOD($C3878,24)+1)/SUM(INDEX($D$3:$AA$30,INDEX(Jesper!$R$2:$R$366,ROW(INDEX(Jesper!AK$2:AK$366,ROUNDDOWN($C3878/24,0)+1,1))-1)+IF('Standard Profiles'!$G$21=$B$10,7,0)+IF('Standard Profiles'!$G$21=$B$17,14,0)+IF('Standard Profiles'!$G$21=$B$24,21,0),0)),0)</f>
        <v>0</v>
      </c>
      <c r="H3878" cm="1">
        <f t="array" ref="H3878">IFERROR(INDEX(Jesper!AL$2:AL$366,ROUNDDOWN($C3878/24,0)+1,1)*INDEX($D$3:$AA$30,INDEX(Jesper!$R$2:$R$366,ROW(INDEX(Jesper!AL$2:AL$366,ROUNDDOWN($C3878/24,0)+1,1))-1)+IF('Standard Profiles'!$G$22=$B$10,7,0)+IF('Standard Profiles'!$G$22=$B$17,14,0)+IF('Standard Profiles'!$G$22=$B$24,21,0),MOD($C3878,24)+1)/SUM(INDEX($D$3:$AA$30,INDEX(Jesper!$R$2:$R$366,ROW(INDEX(Jesper!AL$2:AL$366,ROUNDDOWN($C3878/24,0)+1,1))-1)+IF('Standard Profiles'!$G$22=$B$10,7,0)+IF('Standard Profiles'!$G$22=$B$17,14,0)+IF('Standard Profiles'!$G$22=$B$24,21,0),0)),0)</f>
        <v>0</v>
      </c>
      <c r="I3878">
        <f t="shared" si="440"/>
        <v>7.8990688380099608E-2</v>
      </c>
      <c r="J3878">
        <f t="shared" si="441"/>
        <v>0.26330229460033205</v>
      </c>
      <c r="K3878">
        <f t="shared" si="442"/>
        <v>0.39495344190049814</v>
      </c>
      <c r="L3878">
        <f t="shared" si="443"/>
        <v>6.4267205221874546</v>
      </c>
      <c r="M3878">
        <f t="shared" si="444"/>
        <v>0</v>
      </c>
      <c r="N3878" s="46">
        <f t="shared" si="445"/>
        <v>45452.166666657344</v>
      </c>
    </row>
    <row r="3879" spans="2:14" x14ac:dyDescent="0.3">
      <c r="B3879">
        <f t="shared" si="439"/>
        <v>7</v>
      </c>
      <c r="C3879" s="16">
        <v>3845</v>
      </c>
      <c r="D3879" cm="1">
        <f t="array" ref="D3879">IFERROR(INDEX(Jesper!AH$2:AH$366,ROUNDDOWN($C3879/24,0)+1,1)*INDEX($D$3:$AA$30,INDEX(Jesper!$R$2:$R$366,ROW(INDEX(Jesper!AH$2:AH$366,ROUNDDOWN($C3879/24,0)+1,1))-1)+IF('Standard Profiles'!$G$18=$B$10,7,0)+IF('Standard Profiles'!$G$18=$B$17,14,0)+IF('Standard Profiles'!$G$18=$B$24,21,0),MOD($C3879,24)+1)/SUM(INDEX($D$3:$AA$30,INDEX(Jesper!$R$2:$R$366,ROW(INDEX(Jesper!AH$2:AH$366,ROUNDDOWN($C3879/24,0)+1,1))-1)+IF('Standard Profiles'!$G$18=$B$10,7,0)+IF('Standard Profiles'!$G$18=$B$17,14,0)+IF('Standard Profiles'!$G$18=$B$24,21,0),0)),0)</f>
        <v>7.8589628825615989</v>
      </c>
      <c r="E3879" cm="1">
        <f t="array" ref="E3879">IFERROR(INDEX(Jesper!AI$2:AI$366,ROUNDDOWN($C3879/24,0)+1,1)*INDEX($D$3:$AA$30,INDEX(Jesper!$R$2:$R$366,ROW(INDEX(Jesper!AI$2:AI$366,ROUNDDOWN($C3879/24,0)+1,1))-1)+IF('Standard Profiles'!$G$19=$B$10,7,0)+IF('Standard Profiles'!$G$19=$B$17,14,0)+IF('Standard Profiles'!$G$19=$B$24,21,0),MOD($C3879,24)+1)/SUM(INDEX($D$3:$AA$30,INDEX(Jesper!$R$2:$R$366,ROW(INDEX(Jesper!AI$2:AI$366,ROUNDDOWN($C3879/24,0)+1,1))-1)+IF('Standard Profiles'!$G$19=$B$10,7,0)+IF('Standard Profiles'!$G$19=$B$17,14,0)+IF('Standard Profiles'!$G$19=$B$24,21,0),0)),0)</f>
        <v>1.0959958012738817</v>
      </c>
      <c r="F3879" cm="1">
        <f t="array" ref="F3879">IFERROR(INDEX(Jesper!AJ$2:AJ$366,ROUNDDOWN($C3879/24,0)+1,1)*INDEX($D$3:$AA$30,INDEX(Jesper!$R$2:$R$366,ROW(INDEX(Jesper!AJ$2:AJ$366,ROUNDDOWN($C3879/24,0)+1,1))-1)+IF('Standard Profiles'!$G$20=$B$10,7,0)+IF('Standard Profiles'!$G$20=$B$17,14,0)+IF('Standard Profiles'!$G$20=$B$24,21,0),MOD($C3879,24)+1)/SUM(INDEX($D$3:$AA$30,INDEX(Jesper!$R$2:$R$366,ROW(INDEX(Jesper!AJ$2:AJ$366,ROUNDDOWN($C3879/24,0)+1,1))-1)+IF('Standard Profiles'!$G$20=$B$10,7,0)+IF('Standard Profiles'!$G$20=$B$17,14,0)+IF('Standard Profiles'!$G$20=$B$24,21,0),0)),0)</f>
        <v>0</v>
      </c>
      <c r="G3879" cm="1">
        <f t="array" ref="G3879">IFERROR(INDEX(Jesper!AK$2:AK$366,ROUNDDOWN($C3879/24,0)+1,1)*INDEX($D$3:$AA$30,INDEX(Jesper!$R$2:$R$366,ROW(INDEX(Jesper!AK$2:AK$366,ROUNDDOWN($C3879/24,0)+1,1))-1)+IF('Standard Profiles'!$G$21=$B$10,7,0)+IF('Standard Profiles'!$G$21=$B$17,14,0)+IF('Standard Profiles'!$G$21=$B$24,21,0),MOD($C3879,24)+1)/SUM(INDEX($D$3:$AA$30,INDEX(Jesper!$R$2:$R$366,ROW(INDEX(Jesper!AK$2:AK$366,ROUNDDOWN($C3879/24,0)+1,1))-1)+IF('Standard Profiles'!$G$21=$B$10,7,0)+IF('Standard Profiles'!$G$21=$B$17,14,0)+IF('Standard Profiles'!$G$21=$B$24,21,0),0)),0)</f>
        <v>0</v>
      </c>
      <c r="H3879" cm="1">
        <f t="array" ref="H3879">IFERROR(INDEX(Jesper!AL$2:AL$366,ROUNDDOWN($C3879/24,0)+1,1)*INDEX($D$3:$AA$30,INDEX(Jesper!$R$2:$R$366,ROW(INDEX(Jesper!AL$2:AL$366,ROUNDDOWN($C3879/24,0)+1,1))-1)+IF('Standard Profiles'!$G$22=$B$10,7,0)+IF('Standard Profiles'!$G$22=$B$17,14,0)+IF('Standard Profiles'!$G$22=$B$24,21,0),MOD($C3879,24)+1)/SUM(INDEX($D$3:$AA$30,INDEX(Jesper!$R$2:$R$366,ROW(INDEX(Jesper!AL$2:AL$366,ROUNDDOWN($C3879/24,0)+1,1))-1)+IF('Standard Profiles'!$G$22=$B$10,7,0)+IF('Standard Profiles'!$G$22=$B$17,14,0)+IF('Standard Profiles'!$G$22=$B$24,21,0),0)),0)</f>
        <v>0</v>
      </c>
      <c r="I3879">
        <f t="shared" si="440"/>
        <v>9.8738360475124506E-2</v>
      </c>
      <c r="J3879">
        <f t="shared" si="441"/>
        <v>0.32912786825041507</v>
      </c>
      <c r="K3879">
        <f t="shared" si="442"/>
        <v>0.4936918023756226</v>
      </c>
      <c r="L3879">
        <f t="shared" si="443"/>
        <v>8.0334006527343185</v>
      </c>
      <c r="M3879">
        <f t="shared" si="444"/>
        <v>0</v>
      </c>
      <c r="N3879" s="46">
        <f t="shared" si="445"/>
        <v>45452.208333324008</v>
      </c>
    </row>
    <row r="3880" spans="2:14" x14ac:dyDescent="0.3">
      <c r="B3880">
        <f t="shared" si="439"/>
        <v>7</v>
      </c>
      <c r="C3880" s="16">
        <v>3846</v>
      </c>
      <c r="D3880" cm="1">
        <f t="array" ref="D3880">IFERROR(INDEX(Jesper!AH$2:AH$366,ROUNDDOWN($C3880/24,0)+1,1)*INDEX($D$3:$AA$30,INDEX(Jesper!$R$2:$R$366,ROW(INDEX(Jesper!AH$2:AH$366,ROUNDDOWN($C3880/24,0)+1,1))-1)+IF('Standard Profiles'!$G$18=$B$10,7,0)+IF('Standard Profiles'!$G$18=$B$17,14,0)+IF('Standard Profiles'!$G$18=$B$24,21,0),MOD($C3880,24)+1)/SUM(INDEX($D$3:$AA$30,INDEX(Jesper!$R$2:$R$366,ROW(INDEX(Jesper!AH$2:AH$366,ROUNDDOWN($C3880/24,0)+1,1))-1)+IF('Standard Profiles'!$G$18=$B$10,7,0)+IF('Standard Profiles'!$G$18=$B$17,14,0)+IF('Standard Profiles'!$G$18=$B$24,21,0),0)),0)</f>
        <v>9.2561118394614397</v>
      </c>
      <c r="E3880" cm="1">
        <f t="array" ref="E3880">IFERROR(INDEX(Jesper!AI$2:AI$366,ROUNDDOWN($C3880/24,0)+1,1)*INDEX($D$3:$AA$30,INDEX(Jesper!$R$2:$R$366,ROW(INDEX(Jesper!AI$2:AI$366,ROUNDDOWN($C3880/24,0)+1,1))-1)+IF('Standard Profiles'!$G$19=$B$10,7,0)+IF('Standard Profiles'!$G$19=$B$17,14,0)+IF('Standard Profiles'!$G$19=$B$24,21,0),MOD($C3880,24)+1)/SUM(INDEX($D$3:$AA$30,INDEX(Jesper!$R$2:$R$366,ROW(INDEX(Jesper!AI$2:AI$366,ROUNDDOWN($C3880/24,0)+1,1))-1)+IF('Standard Profiles'!$G$19=$B$10,7,0)+IF('Standard Profiles'!$G$19=$B$17,14,0)+IF('Standard Profiles'!$G$19=$B$24,21,0),0)),0)</f>
        <v>1.2908394992781276</v>
      </c>
      <c r="F3880" cm="1">
        <f t="array" ref="F3880">IFERROR(INDEX(Jesper!AJ$2:AJ$366,ROUNDDOWN($C3880/24,0)+1,1)*INDEX($D$3:$AA$30,INDEX(Jesper!$R$2:$R$366,ROW(INDEX(Jesper!AJ$2:AJ$366,ROUNDDOWN($C3880/24,0)+1,1))-1)+IF('Standard Profiles'!$G$20=$B$10,7,0)+IF('Standard Profiles'!$G$20=$B$17,14,0)+IF('Standard Profiles'!$G$20=$B$24,21,0),MOD($C3880,24)+1)/SUM(INDEX($D$3:$AA$30,INDEX(Jesper!$R$2:$R$366,ROW(INDEX(Jesper!AJ$2:AJ$366,ROUNDDOWN($C3880/24,0)+1,1))-1)+IF('Standard Profiles'!$G$20=$B$10,7,0)+IF('Standard Profiles'!$G$20=$B$17,14,0)+IF('Standard Profiles'!$G$20=$B$24,21,0),0)),0)</f>
        <v>0</v>
      </c>
      <c r="G3880" cm="1">
        <f t="array" ref="G3880">IFERROR(INDEX(Jesper!AK$2:AK$366,ROUNDDOWN($C3880/24,0)+1,1)*INDEX($D$3:$AA$30,INDEX(Jesper!$R$2:$R$366,ROW(INDEX(Jesper!AK$2:AK$366,ROUNDDOWN($C3880/24,0)+1,1))-1)+IF('Standard Profiles'!$G$21=$B$10,7,0)+IF('Standard Profiles'!$G$21=$B$17,14,0)+IF('Standard Profiles'!$G$21=$B$24,21,0),MOD($C3880,24)+1)/SUM(INDEX($D$3:$AA$30,INDEX(Jesper!$R$2:$R$366,ROW(INDEX(Jesper!AK$2:AK$366,ROUNDDOWN($C3880/24,0)+1,1))-1)+IF('Standard Profiles'!$G$21=$B$10,7,0)+IF('Standard Profiles'!$G$21=$B$17,14,0)+IF('Standard Profiles'!$G$21=$B$24,21,0),0)),0)</f>
        <v>0</v>
      </c>
      <c r="H3880" cm="1">
        <f t="array" ref="H3880">IFERROR(INDEX(Jesper!AL$2:AL$366,ROUNDDOWN($C3880/24,0)+1,1)*INDEX($D$3:$AA$30,INDEX(Jesper!$R$2:$R$366,ROW(INDEX(Jesper!AL$2:AL$366,ROUNDDOWN($C3880/24,0)+1,1))-1)+IF('Standard Profiles'!$G$22=$B$10,7,0)+IF('Standard Profiles'!$G$22=$B$17,14,0)+IF('Standard Profiles'!$G$22=$B$24,21,0),MOD($C3880,24)+1)/SUM(INDEX($D$3:$AA$30,INDEX(Jesper!$R$2:$R$366,ROW(INDEX(Jesper!AL$2:AL$366,ROUNDDOWN($C3880/24,0)+1,1))-1)+IF('Standard Profiles'!$G$22=$B$10,7,0)+IF('Standard Profiles'!$G$22=$B$17,14,0)+IF('Standard Profiles'!$G$22=$B$24,21,0),0)),0)</f>
        <v>0</v>
      </c>
      <c r="I3880">
        <f t="shared" si="440"/>
        <v>0.11629184678181333</v>
      </c>
      <c r="J3880">
        <f t="shared" si="441"/>
        <v>0.38763948927271114</v>
      </c>
      <c r="K3880">
        <f t="shared" si="442"/>
        <v>0.58145923390906673</v>
      </c>
      <c r="L3880">
        <f t="shared" si="443"/>
        <v>9.4615607687759766</v>
      </c>
      <c r="M3880">
        <f t="shared" si="444"/>
        <v>0</v>
      </c>
      <c r="N3880" s="46">
        <f t="shared" si="445"/>
        <v>45452.249999990672</v>
      </c>
    </row>
    <row r="3881" spans="2:14" x14ac:dyDescent="0.3">
      <c r="B3881">
        <f t="shared" si="439"/>
        <v>7</v>
      </c>
      <c r="C3881" s="16">
        <v>3847</v>
      </c>
      <c r="D3881" cm="1">
        <f t="array" ref="D3881">IFERROR(INDEX(Jesper!AH$2:AH$366,ROUNDDOWN($C3881/24,0)+1,1)*INDEX($D$3:$AA$30,INDEX(Jesper!$R$2:$R$366,ROW(INDEX(Jesper!AH$2:AH$366,ROUNDDOWN($C3881/24,0)+1,1))-1)+IF('Standard Profiles'!$G$18=$B$10,7,0)+IF('Standard Profiles'!$G$18=$B$17,14,0)+IF('Standard Profiles'!$G$18=$B$24,21,0),MOD($C3881,24)+1)/SUM(INDEX($D$3:$AA$30,INDEX(Jesper!$R$2:$R$366,ROW(INDEX(Jesper!AH$2:AH$366,ROUNDDOWN($C3881/24,0)+1,1))-1)+IF('Standard Profiles'!$G$18=$B$10,7,0)+IF('Standard Profiles'!$G$18=$B$17,14,0)+IF('Standard Profiles'!$G$18=$B$24,21,0),0)),0)</f>
        <v>11.002548035586239</v>
      </c>
      <c r="E3881" cm="1">
        <f t="array" ref="E3881">IFERROR(INDEX(Jesper!AI$2:AI$366,ROUNDDOWN($C3881/24,0)+1,1)*INDEX($D$3:$AA$30,INDEX(Jesper!$R$2:$R$366,ROW(INDEX(Jesper!AI$2:AI$366,ROUNDDOWN($C3881/24,0)+1,1))-1)+IF('Standard Profiles'!$G$19=$B$10,7,0)+IF('Standard Profiles'!$G$19=$B$17,14,0)+IF('Standard Profiles'!$G$19=$B$24,21,0),MOD($C3881,24)+1)/SUM(INDEX($D$3:$AA$30,INDEX(Jesper!$R$2:$R$366,ROW(INDEX(Jesper!AI$2:AI$366,ROUNDDOWN($C3881/24,0)+1,1))-1)+IF('Standard Profiles'!$G$19=$B$10,7,0)+IF('Standard Profiles'!$G$19=$B$17,14,0)+IF('Standard Profiles'!$G$19=$B$24,21,0),0)),0)</f>
        <v>1.5343941217834347</v>
      </c>
      <c r="F3881" cm="1">
        <f t="array" ref="F3881">IFERROR(INDEX(Jesper!AJ$2:AJ$366,ROUNDDOWN($C3881/24,0)+1,1)*INDEX($D$3:$AA$30,INDEX(Jesper!$R$2:$R$366,ROW(INDEX(Jesper!AJ$2:AJ$366,ROUNDDOWN($C3881/24,0)+1,1))-1)+IF('Standard Profiles'!$G$20=$B$10,7,0)+IF('Standard Profiles'!$G$20=$B$17,14,0)+IF('Standard Profiles'!$G$20=$B$24,21,0),MOD($C3881,24)+1)/SUM(INDEX($D$3:$AA$30,INDEX(Jesper!$R$2:$R$366,ROW(INDEX(Jesper!AJ$2:AJ$366,ROUNDDOWN($C3881/24,0)+1,1))-1)+IF('Standard Profiles'!$G$20=$B$10,7,0)+IF('Standard Profiles'!$G$20=$B$17,14,0)+IF('Standard Profiles'!$G$20=$B$24,21,0),0)),0)</f>
        <v>0</v>
      </c>
      <c r="G3881" cm="1">
        <f t="array" ref="G3881">IFERROR(INDEX(Jesper!AK$2:AK$366,ROUNDDOWN($C3881/24,0)+1,1)*INDEX($D$3:$AA$30,INDEX(Jesper!$R$2:$R$366,ROW(INDEX(Jesper!AK$2:AK$366,ROUNDDOWN($C3881/24,0)+1,1))-1)+IF('Standard Profiles'!$G$21=$B$10,7,0)+IF('Standard Profiles'!$G$21=$B$17,14,0)+IF('Standard Profiles'!$G$21=$B$24,21,0),MOD($C3881,24)+1)/SUM(INDEX($D$3:$AA$30,INDEX(Jesper!$R$2:$R$366,ROW(INDEX(Jesper!AK$2:AK$366,ROUNDDOWN($C3881/24,0)+1,1))-1)+IF('Standard Profiles'!$G$21=$B$10,7,0)+IF('Standard Profiles'!$G$21=$B$17,14,0)+IF('Standard Profiles'!$G$21=$B$24,21,0),0)),0)</f>
        <v>0</v>
      </c>
      <c r="H3881" cm="1">
        <f t="array" ref="H3881">IFERROR(INDEX(Jesper!AL$2:AL$366,ROUNDDOWN($C3881/24,0)+1,1)*INDEX($D$3:$AA$30,INDEX(Jesper!$R$2:$R$366,ROW(INDEX(Jesper!AL$2:AL$366,ROUNDDOWN($C3881/24,0)+1,1))-1)+IF('Standard Profiles'!$G$22=$B$10,7,0)+IF('Standard Profiles'!$G$22=$B$17,14,0)+IF('Standard Profiles'!$G$22=$B$24,21,0),MOD($C3881,24)+1)/SUM(INDEX($D$3:$AA$30,INDEX(Jesper!$R$2:$R$366,ROW(INDEX(Jesper!AL$2:AL$366,ROUNDDOWN($C3881/24,0)+1,1))-1)+IF('Standard Profiles'!$G$22=$B$10,7,0)+IF('Standard Profiles'!$G$22=$B$17,14,0)+IF('Standard Profiles'!$G$22=$B$24,21,0),0)),0)</f>
        <v>0</v>
      </c>
      <c r="I3881">
        <f t="shared" si="440"/>
        <v>0.13823370466517435</v>
      </c>
      <c r="J3881">
        <f t="shared" si="441"/>
        <v>0.46077901555058115</v>
      </c>
      <c r="K3881">
        <f t="shared" si="442"/>
        <v>0.69116852332587175</v>
      </c>
      <c r="L3881">
        <f t="shared" si="443"/>
        <v>11.246760913828046</v>
      </c>
      <c r="M3881">
        <f t="shared" si="444"/>
        <v>0</v>
      </c>
      <c r="N3881" s="46">
        <f t="shared" si="445"/>
        <v>45452.291666657336</v>
      </c>
    </row>
    <row r="3882" spans="2:14" x14ac:dyDescent="0.3">
      <c r="B3882">
        <f t="shared" si="439"/>
        <v>7</v>
      </c>
      <c r="C3882" s="16">
        <v>3848</v>
      </c>
      <c r="D3882" cm="1">
        <f t="array" ref="D3882">IFERROR(INDEX(Jesper!AH$2:AH$366,ROUNDDOWN($C3882/24,0)+1,1)*INDEX($D$3:$AA$30,INDEX(Jesper!$R$2:$R$366,ROW(INDEX(Jesper!AH$2:AH$366,ROUNDDOWN($C3882/24,0)+1,1))-1)+IF('Standard Profiles'!$G$18=$B$10,7,0)+IF('Standard Profiles'!$G$18=$B$17,14,0)+IF('Standard Profiles'!$G$18=$B$24,21,0),MOD($C3882,24)+1)/SUM(INDEX($D$3:$AA$30,INDEX(Jesper!$R$2:$R$366,ROW(INDEX(Jesper!AH$2:AH$366,ROUNDDOWN($C3882/24,0)+1,1))-1)+IF('Standard Profiles'!$G$18=$B$10,7,0)+IF('Standard Profiles'!$G$18=$B$17,14,0)+IF('Standard Profiles'!$G$18=$B$24,21,0),0)),0)</f>
        <v>11.002548035586239</v>
      </c>
      <c r="E3882" cm="1">
        <f t="array" ref="E3882">IFERROR(INDEX(Jesper!AI$2:AI$366,ROUNDDOWN($C3882/24,0)+1,1)*INDEX($D$3:$AA$30,INDEX(Jesper!$R$2:$R$366,ROW(INDEX(Jesper!AI$2:AI$366,ROUNDDOWN($C3882/24,0)+1,1))-1)+IF('Standard Profiles'!$G$19=$B$10,7,0)+IF('Standard Profiles'!$G$19=$B$17,14,0)+IF('Standard Profiles'!$G$19=$B$24,21,0),MOD($C3882,24)+1)/SUM(INDEX($D$3:$AA$30,INDEX(Jesper!$R$2:$R$366,ROW(INDEX(Jesper!AI$2:AI$366,ROUNDDOWN($C3882/24,0)+1,1))-1)+IF('Standard Profiles'!$G$19=$B$10,7,0)+IF('Standard Profiles'!$G$19=$B$17,14,0)+IF('Standard Profiles'!$G$19=$B$24,21,0),0)),0)</f>
        <v>1.5343941217834347</v>
      </c>
      <c r="F3882" cm="1">
        <f t="array" ref="F3882">IFERROR(INDEX(Jesper!AJ$2:AJ$366,ROUNDDOWN($C3882/24,0)+1,1)*INDEX($D$3:$AA$30,INDEX(Jesper!$R$2:$R$366,ROW(INDEX(Jesper!AJ$2:AJ$366,ROUNDDOWN($C3882/24,0)+1,1))-1)+IF('Standard Profiles'!$G$20=$B$10,7,0)+IF('Standard Profiles'!$G$20=$B$17,14,0)+IF('Standard Profiles'!$G$20=$B$24,21,0),MOD($C3882,24)+1)/SUM(INDEX($D$3:$AA$30,INDEX(Jesper!$R$2:$R$366,ROW(INDEX(Jesper!AJ$2:AJ$366,ROUNDDOWN($C3882/24,0)+1,1))-1)+IF('Standard Profiles'!$G$20=$B$10,7,0)+IF('Standard Profiles'!$G$20=$B$17,14,0)+IF('Standard Profiles'!$G$20=$B$24,21,0),0)),0)</f>
        <v>0</v>
      </c>
      <c r="G3882" cm="1">
        <f t="array" ref="G3882">IFERROR(INDEX(Jesper!AK$2:AK$366,ROUNDDOWN($C3882/24,0)+1,1)*INDEX($D$3:$AA$30,INDEX(Jesper!$R$2:$R$366,ROW(INDEX(Jesper!AK$2:AK$366,ROUNDDOWN($C3882/24,0)+1,1))-1)+IF('Standard Profiles'!$G$21=$B$10,7,0)+IF('Standard Profiles'!$G$21=$B$17,14,0)+IF('Standard Profiles'!$G$21=$B$24,21,0),MOD($C3882,24)+1)/SUM(INDEX($D$3:$AA$30,INDEX(Jesper!$R$2:$R$366,ROW(INDEX(Jesper!AK$2:AK$366,ROUNDDOWN($C3882/24,0)+1,1))-1)+IF('Standard Profiles'!$G$21=$B$10,7,0)+IF('Standard Profiles'!$G$21=$B$17,14,0)+IF('Standard Profiles'!$G$21=$B$24,21,0),0)),0)</f>
        <v>0</v>
      </c>
      <c r="H3882" cm="1">
        <f t="array" ref="H3882">IFERROR(INDEX(Jesper!AL$2:AL$366,ROUNDDOWN($C3882/24,0)+1,1)*INDEX($D$3:$AA$30,INDEX(Jesper!$R$2:$R$366,ROW(INDEX(Jesper!AL$2:AL$366,ROUNDDOWN($C3882/24,0)+1,1))-1)+IF('Standard Profiles'!$G$22=$B$10,7,0)+IF('Standard Profiles'!$G$22=$B$17,14,0)+IF('Standard Profiles'!$G$22=$B$24,21,0),MOD($C3882,24)+1)/SUM(INDEX($D$3:$AA$30,INDEX(Jesper!$R$2:$R$366,ROW(INDEX(Jesper!AL$2:AL$366,ROUNDDOWN($C3882/24,0)+1,1))-1)+IF('Standard Profiles'!$G$22=$B$10,7,0)+IF('Standard Profiles'!$G$22=$B$17,14,0)+IF('Standard Profiles'!$G$22=$B$24,21,0),0)),0)</f>
        <v>0</v>
      </c>
      <c r="I3882">
        <f t="shared" si="440"/>
        <v>0.13823370466517435</v>
      </c>
      <c r="J3882">
        <f t="shared" si="441"/>
        <v>0.46077901555058115</v>
      </c>
      <c r="K3882">
        <f t="shared" si="442"/>
        <v>0.69116852332587175</v>
      </c>
      <c r="L3882">
        <f t="shared" si="443"/>
        <v>11.246760913828046</v>
      </c>
      <c r="M3882">
        <f t="shared" si="444"/>
        <v>0</v>
      </c>
      <c r="N3882" s="46">
        <f t="shared" si="445"/>
        <v>45452.333333324001</v>
      </c>
    </row>
    <row r="3883" spans="2:14" x14ac:dyDescent="0.3">
      <c r="B3883">
        <f t="shared" si="439"/>
        <v>7</v>
      </c>
      <c r="C3883" s="16">
        <v>3849</v>
      </c>
      <c r="D3883" cm="1">
        <f t="array" ref="D3883">IFERROR(INDEX(Jesper!AH$2:AH$366,ROUNDDOWN($C3883/24,0)+1,1)*INDEX($D$3:$AA$30,INDEX(Jesper!$R$2:$R$366,ROW(INDEX(Jesper!AH$2:AH$366,ROUNDDOWN($C3883/24,0)+1,1))-1)+IF('Standard Profiles'!$G$18=$B$10,7,0)+IF('Standard Profiles'!$G$18=$B$17,14,0)+IF('Standard Profiles'!$G$18=$B$24,21,0),MOD($C3883,24)+1)/SUM(INDEX($D$3:$AA$30,INDEX(Jesper!$R$2:$R$366,ROW(INDEX(Jesper!AH$2:AH$366,ROUNDDOWN($C3883/24,0)+1,1))-1)+IF('Standard Profiles'!$G$18=$B$10,7,0)+IF('Standard Profiles'!$G$18=$B$17,14,0)+IF('Standard Profiles'!$G$18=$B$24,21,0),0)),0)</f>
        <v>11.002548035586239</v>
      </c>
      <c r="E3883" cm="1">
        <f t="array" ref="E3883">IFERROR(INDEX(Jesper!AI$2:AI$366,ROUNDDOWN($C3883/24,0)+1,1)*INDEX($D$3:$AA$30,INDEX(Jesper!$R$2:$R$366,ROW(INDEX(Jesper!AI$2:AI$366,ROUNDDOWN($C3883/24,0)+1,1))-1)+IF('Standard Profiles'!$G$19=$B$10,7,0)+IF('Standard Profiles'!$G$19=$B$17,14,0)+IF('Standard Profiles'!$G$19=$B$24,21,0),MOD($C3883,24)+1)/SUM(INDEX($D$3:$AA$30,INDEX(Jesper!$R$2:$R$366,ROW(INDEX(Jesper!AI$2:AI$366,ROUNDDOWN($C3883/24,0)+1,1))-1)+IF('Standard Profiles'!$G$19=$B$10,7,0)+IF('Standard Profiles'!$G$19=$B$17,14,0)+IF('Standard Profiles'!$G$19=$B$24,21,0),0)),0)</f>
        <v>1.5343941217834347</v>
      </c>
      <c r="F3883" cm="1">
        <f t="array" ref="F3883">IFERROR(INDEX(Jesper!AJ$2:AJ$366,ROUNDDOWN($C3883/24,0)+1,1)*INDEX($D$3:$AA$30,INDEX(Jesper!$R$2:$R$366,ROW(INDEX(Jesper!AJ$2:AJ$366,ROUNDDOWN($C3883/24,0)+1,1))-1)+IF('Standard Profiles'!$G$20=$B$10,7,0)+IF('Standard Profiles'!$G$20=$B$17,14,0)+IF('Standard Profiles'!$G$20=$B$24,21,0),MOD($C3883,24)+1)/SUM(INDEX($D$3:$AA$30,INDEX(Jesper!$R$2:$R$366,ROW(INDEX(Jesper!AJ$2:AJ$366,ROUNDDOWN($C3883/24,0)+1,1))-1)+IF('Standard Profiles'!$G$20=$B$10,7,0)+IF('Standard Profiles'!$G$20=$B$17,14,0)+IF('Standard Profiles'!$G$20=$B$24,21,0),0)),0)</f>
        <v>0</v>
      </c>
      <c r="G3883" cm="1">
        <f t="array" ref="G3883">IFERROR(INDEX(Jesper!AK$2:AK$366,ROUNDDOWN($C3883/24,0)+1,1)*INDEX($D$3:$AA$30,INDEX(Jesper!$R$2:$R$366,ROW(INDEX(Jesper!AK$2:AK$366,ROUNDDOWN($C3883/24,0)+1,1))-1)+IF('Standard Profiles'!$G$21=$B$10,7,0)+IF('Standard Profiles'!$G$21=$B$17,14,0)+IF('Standard Profiles'!$G$21=$B$24,21,0),MOD($C3883,24)+1)/SUM(INDEX($D$3:$AA$30,INDEX(Jesper!$R$2:$R$366,ROW(INDEX(Jesper!AK$2:AK$366,ROUNDDOWN($C3883/24,0)+1,1))-1)+IF('Standard Profiles'!$G$21=$B$10,7,0)+IF('Standard Profiles'!$G$21=$B$17,14,0)+IF('Standard Profiles'!$G$21=$B$24,21,0),0)),0)</f>
        <v>0</v>
      </c>
      <c r="H3883" cm="1">
        <f t="array" ref="H3883">IFERROR(INDEX(Jesper!AL$2:AL$366,ROUNDDOWN($C3883/24,0)+1,1)*INDEX($D$3:$AA$30,INDEX(Jesper!$R$2:$R$366,ROW(INDEX(Jesper!AL$2:AL$366,ROUNDDOWN($C3883/24,0)+1,1))-1)+IF('Standard Profiles'!$G$22=$B$10,7,0)+IF('Standard Profiles'!$G$22=$B$17,14,0)+IF('Standard Profiles'!$G$22=$B$24,21,0),MOD($C3883,24)+1)/SUM(INDEX($D$3:$AA$30,INDEX(Jesper!$R$2:$R$366,ROW(INDEX(Jesper!AL$2:AL$366,ROUNDDOWN($C3883/24,0)+1,1))-1)+IF('Standard Profiles'!$G$22=$B$10,7,0)+IF('Standard Profiles'!$G$22=$B$17,14,0)+IF('Standard Profiles'!$G$22=$B$24,21,0),0)),0)</f>
        <v>0</v>
      </c>
      <c r="I3883">
        <f t="shared" si="440"/>
        <v>0.13823370466517435</v>
      </c>
      <c r="J3883">
        <f t="shared" si="441"/>
        <v>0.46077901555058115</v>
      </c>
      <c r="K3883">
        <f t="shared" si="442"/>
        <v>0.69116852332587175</v>
      </c>
      <c r="L3883">
        <f t="shared" si="443"/>
        <v>11.246760913828046</v>
      </c>
      <c r="M3883">
        <f t="shared" si="444"/>
        <v>0</v>
      </c>
      <c r="N3883" s="46">
        <f t="shared" si="445"/>
        <v>45452.374999990665</v>
      </c>
    </row>
    <row r="3884" spans="2:14" x14ac:dyDescent="0.3">
      <c r="B3884">
        <f t="shared" si="439"/>
        <v>7</v>
      </c>
      <c r="C3884" s="16">
        <v>3850</v>
      </c>
      <c r="D3884" cm="1">
        <f t="array" ref="D3884">IFERROR(INDEX(Jesper!AH$2:AH$366,ROUNDDOWN($C3884/24,0)+1,1)*INDEX($D$3:$AA$30,INDEX(Jesper!$R$2:$R$366,ROW(INDEX(Jesper!AH$2:AH$366,ROUNDDOWN($C3884/24,0)+1,1))-1)+IF('Standard Profiles'!$G$18=$B$10,7,0)+IF('Standard Profiles'!$G$18=$B$17,14,0)+IF('Standard Profiles'!$G$18=$B$24,21,0),MOD($C3884,24)+1)/SUM(INDEX($D$3:$AA$30,INDEX(Jesper!$R$2:$R$366,ROW(INDEX(Jesper!AH$2:AH$366,ROUNDDOWN($C3884/24,0)+1,1))-1)+IF('Standard Profiles'!$G$18=$B$10,7,0)+IF('Standard Profiles'!$G$18=$B$17,14,0)+IF('Standard Profiles'!$G$18=$B$24,21,0),0)),0)</f>
        <v>11.002548035586239</v>
      </c>
      <c r="E3884" cm="1">
        <f t="array" ref="E3884">IFERROR(INDEX(Jesper!AI$2:AI$366,ROUNDDOWN($C3884/24,0)+1,1)*INDEX($D$3:$AA$30,INDEX(Jesper!$R$2:$R$366,ROW(INDEX(Jesper!AI$2:AI$366,ROUNDDOWN($C3884/24,0)+1,1))-1)+IF('Standard Profiles'!$G$19=$B$10,7,0)+IF('Standard Profiles'!$G$19=$B$17,14,0)+IF('Standard Profiles'!$G$19=$B$24,21,0),MOD($C3884,24)+1)/SUM(INDEX($D$3:$AA$30,INDEX(Jesper!$R$2:$R$366,ROW(INDEX(Jesper!AI$2:AI$366,ROUNDDOWN($C3884/24,0)+1,1))-1)+IF('Standard Profiles'!$G$19=$B$10,7,0)+IF('Standard Profiles'!$G$19=$B$17,14,0)+IF('Standard Profiles'!$G$19=$B$24,21,0),0)),0)</f>
        <v>1.5343941217834347</v>
      </c>
      <c r="F3884" cm="1">
        <f t="array" ref="F3884">IFERROR(INDEX(Jesper!AJ$2:AJ$366,ROUNDDOWN($C3884/24,0)+1,1)*INDEX($D$3:$AA$30,INDEX(Jesper!$R$2:$R$366,ROW(INDEX(Jesper!AJ$2:AJ$366,ROUNDDOWN($C3884/24,0)+1,1))-1)+IF('Standard Profiles'!$G$20=$B$10,7,0)+IF('Standard Profiles'!$G$20=$B$17,14,0)+IF('Standard Profiles'!$G$20=$B$24,21,0),MOD($C3884,24)+1)/SUM(INDEX($D$3:$AA$30,INDEX(Jesper!$R$2:$R$366,ROW(INDEX(Jesper!AJ$2:AJ$366,ROUNDDOWN($C3884/24,0)+1,1))-1)+IF('Standard Profiles'!$G$20=$B$10,7,0)+IF('Standard Profiles'!$G$20=$B$17,14,0)+IF('Standard Profiles'!$G$20=$B$24,21,0),0)),0)</f>
        <v>0</v>
      </c>
      <c r="G3884" cm="1">
        <f t="array" ref="G3884">IFERROR(INDEX(Jesper!AK$2:AK$366,ROUNDDOWN($C3884/24,0)+1,1)*INDEX($D$3:$AA$30,INDEX(Jesper!$R$2:$R$366,ROW(INDEX(Jesper!AK$2:AK$366,ROUNDDOWN($C3884/24,0)+1,1))-1)+IF('Standard Profiles'!$G$21=$B$10,7,0)+IF('Standard Profiles'!$G$21=$B$17,14,0)+IF('Standard Profiles'!$G$21=$B$24,21,0),MOD($C3884,24)+1)/SUM(INDEX($D$3:$AA$30,INDEX(Jesper!$R$2:$R$366,ROW(INDEX(Jesper!AK$2:AK$366,ROUNDDOWN($C3884/24,0)+1,1))-1)+IF('Standard Profiles'!$G$21=$B$10,7,0)+IF('Standard Profiles'!$G$21=$B$17,14,0)+IF('Standard Profiles'!$G$21=$B$24,21,0),0)),0)</f>
        <v>0</v>
      </c>
      <c r="H3884" cm="1">
        <f t="array" ref="H3884">IFERROR(INDEX(Jesper!AL$2:AL$366,ROUNDDOWN($C3884/24,0)+1,1)*INDEX($D$3:$AA$30,INDEX(Jesper!$R$2:$R$366,ROW(INDEX(Jesper!AL$2:AL$366,ROUNDDOWN($C3884/24,0)+1,1))-1)+IF('Standard Profiles'!$G$22=$B$10,7,0)+IF('Standard Profiles'!$G$22=$B$17,14,0)+IF('Standard Profiles'!$G$22=$B$24,21,0),MOD($C3884,24)+1)/SUM(INDEX($D$3:$AA$30,INDEX(Jesper!$R$2:$R$366,ROW(INDEX(Jesper!AL$2:AL$366,ROUNDDOWN($C3884/24,0)+1,1))-1)+IF('Standard Profiles'!$G$22=$B$10,7,0)+IF('Standard Profiles'!$G$22=$B$17,14,0)+IF('Standard Profiles'!$G$22=$B$24,21,0),0)),0)</f>
        <v>0</v>
      </c>
      <c r="I3884">
        <f t="shared" si="440"/>
        <v>0.13823370466517435</v>
      </c>
      <c r="J3884">
        <f t="shared" si="441"/>
        <v>0.46077901555058115</v>
      </c>
      <c r="K3884">
        <f t="shared" si="442"/>
        <v>0.69116852332587175</v>
      </c>
      <c r="L3884">
        <f t="shared" si="443"/>
        <v>11.246760913828046</v>
      </c>
      <c r="M3884">
        <f t="shared" si="444"/>
        <v>0</v>
      </c>
      <c r="N3884" s="46">
        <f t="shared" si="445"/>
        <v>45452.416666657329</v>
      </c>
    </row>
    <row r="3885" spans="2:14" x14ac:dyDescent="0.3">
      <c r="B3885">
        <f t="shared" si="439"/>
        <v>7</v>
      </c>
      <c r="C3885" s="16">
        <v>3851</v>
      </c>
      <c r="D3885" cm="1">
        <f t="array" ref="D3885">IFERROR(INDEX(Jesper!AH$2:AH$366,ROUNDDOWN($C3885/24,0)+1,1)*INDEX($D$3:$AA$30,INDEX(Jesper!$R$2:$R$366,ROW(INDEX(Jesper!AH$2:AH$366,ROUNDDOWN($C3885/24,0)+1,1))-1)+IF('Standard Profiles'!$G$18=$B$10,7,0)+IF('Standard Profiles'!$G$18=$B$17,14,0)+IF('Standard Profiles'!$G$18=$B$24,21,0),MOD($C3885,24)+1)/SUM(INDEX($D$3:$AA$30,INDEX(Jesper!$R$2:$R$366,ROW(INDEX(Jesper!AH$2:AH$366,ROUNDDOWN($C3885/24,0)+1,1))-1)+IF('Standard Profiles'!$G$18=$B$10,7,0)+IF('Standard Profiles'!$G$18=$B$17,14,0)+IF('Standard Profiles'!$G$18=$B$24,21,0),0)),0)</f>
        <v>11.002548035586239</v>
      </c>
      <c r="E3885" cm="1">
        <f t="array" ref="E3885">IFERROR(INDEX(Jesper!AI$2:AI$366,ROUNDDOWN($C3885/24,0)+1,1)*INDEX($D$3:$AA$30,INDEX(Jesper!$R$2:$R$366,ROW(INDEX(Jesper!AI$2:AI$366,ROUNDDOWN($C3885/24,0)+1,1))-1)+IF('Standard Profiles'!$G$19=$B$10,7,0)+IF('Standard Profiles'!$G$19=$B$17,14,0)+IF('Standard Profiles'!$G$19=$B$24,21,0),MOD($C3885,24)+1)/SUM(INDEX($D$3:$AA$30,INDEX(Jesper!$R$2:$R$366,ROW(INDEX(Jesper!AI$2:AI$366,ROUNDDOWN($C3885/24,0)+1,1))-1)+IF('Standard Profiles'!$G$19=$B$10,7,0)+IF('Standard Profiles'!$G$19=$B$17,14,0)+IF('Standard Profiles'!$G$19=$B$24,21,0),0)),0)</f>
        <v>1.5343941217834347</v>
      </c>
      <c r="F3885" cm="1">
        <f t="array" ref="F3885">IFERROR(INDEX(Jesper!AJ$2:AJ$366,ROUNDDOWN($C3885/24,0)+1,1)*INDEX($D$3:$AA$30,INDEX(Jesper!$R$2:$R$366,ROW(INDEX(Jesper!AJ$2:AJ$366,ROUNDDOWN($C3885/24,0)+1,1))-1)+IF('Standard Profiles'!$G$20=$B$10,7,0)+IF('Standard Profiles'!$G$20=$B$17,14,0)+IF('Standard Profiles'!$G$20=$B$24,21,0),MOD($C3885,24)+1)/SUM(INDEX($D$3:$AA$30,INDEX(Jesper!$R$2:$R$366,ROW(INDEX(Jesper!AJ$2:AJ$366,ROUNDDOWN($C3885/24,0)+1,1))-1)+IF('Standard Profiles'!$G$20=$B$10,7,0)+IF('Standard Profiles'!$G$20=$B$17,14,0)+IF('Standard Profiles'!$G$20=$B$24,21,0),0)),0)</f>
        <v>0</v>
      </c>
      <c r="G3885" cm="1">
        <f t="array" ref="G3885">IFERROR(INDEX(Jesper!AK$2:AK$366,ROUNDDOWN($C3885/24,0)+1,1)*INDEX($D$3:$AA$30,INDEX(Jesper!$R$2:$R$366,ROW(INDEX(Jesper!AK$2:AK$366,ROUNDDOWN($C3885/24,0)+1,1))-1)+IF('Standard Profiles'!$G$21=$B$10,7,0)+IF('Standard Profiles'!$G$21=$B$17,14,0)+IF('Standard Profiles'!$G$21=$B$24,21,0),MOD($C3885,24)+1)/SUM(INDEX($D$3:$AA$30,INDEX(Jesper!$R$2:$R$366,ROW(INDEX(Jesper!AK$2:AK$366,ROUNDDOWN($C3885/24,0)+1,1))-1)+IF('Standard Profiles'!$G$21=$B$10,7,0)+IF('Standard Profiles'!$G$21=$B$17,14,0)+IF('Standard Profiles'!$G$21=$B$24,21,0),0)),0)</f>
        <v>0</v>
      </c>
      <c r="H3885" cm="1">
        <f t="array" ref="H3885">IFERROR(INDEX(Jesper!AL$2:AL$366,ROUNDDOWN($C3885/24,0)+1,1)*INDEX($D$3:$AA$30,INDEX(Jesper!$R$2:$R$366,ROW(INDEX(Jesper!AL$2:AL$366,ROUNDDOWN($C3885/24,0)+1,1))-1)+IF('Standard Profiles'!$G$22=$B$10,7,0)+IF('Standard Profiles'!$G$22=$B$17,14,0)+IF('Standard Profiles'!$G$22=$B$24,21,0),MOD($C3885,24)+1)/SUM(INDEX($D$3:$AA$30,INDEX(Jesper!$R$2:$R$366,ROW(INDEX(Jesper!AL$2:AL$366,ROUNDDOWN($C3885/24,0)+1,1))-1)+IF('Standard Profiles'!$G$22=$B$10,7,0)+IF('Standard Profiles'!$G$22=$B$17,14,0)+IF('Standard Profiles'!$G$22=$B$24,21,0),0)),0)</f>
        <v>0</v>
      </c>
      <c r="I3885">
        <f t="shared" si="440"/>
        <v>0.13823370466517435</v>
      </c>
      <c r="J3885">
        <f t="shared" si="441"/>
        <v>0.46077901555058115</v>
      </c>
      <c r="K3885">
        <f t="shared" si="442"/>
        <v>0.69116852332587175</v>
      </c>
      <c r="L3885">
        <f t="shared" si="443"/>
        <v>11.246760913828046</v>
      </c>
      <c r="M3885">
        <f t="shared" si="444"/>
        <v>0</v>
      </c>
      <c r="N3885" s="46">
        <f t="shared" si="445"/>
        <v>45452.458333323993</v>
      </c>
    </row>
    <row r="3886" spans="2:14" x14ac:dyDescent="0.3">
      <c r="B3886">
        <f t="shared" si="439"/>
        <v>7</v>
      </c>
      <c r="C3886" s="16">
        <v>3852</v>
      </c>
      <c r="D3886" cm="1">
        <f t="array" ref="D3886">IFERROR(INDEX(Jesper!AH$2:AH$366,ROUNDDOWN($C3886/24,0)+1,1)*INDEX($D$3:$AA$30,INDEX(Jesper!$R$2:$R$366,ROW(INDEX(Jesper!AH$2:AH$366,ROUNDDOWN($C3886/24,0)+1,1))-1)+IF('Standard Profiles'!$G$18=$B$10,7,0)+IF('Standard Profiles'!$G$18=$B$17,14,0)+IF('Standard Profiles'!$G$18=$B$24,21,0),MOD($C3886,24)+1)/SUM(INDEX($D$3:$AA$30,INDEX(Jesper!$R$2:$R$366,ROW(INDEX(Jesper!AH$2:AH$366,ROUNDDOWN($C3886/24,0)+1,1))-1)+IF('Standard Profiles'!$G$18=$B$10,7,0)+IF('Standard Profiles'!$G$18=$B$17,14,0)+IF('Standard Profiles'!$G$18=$B$24,21,0),0)),0)</f>
        <v>11.002548035586239</v>
      </c>
      <c r="E3886" cm="1">
        <f t="array" ref="E3886">IFERROR(INDEX(Jesper!AI$2:AI$366,ROUNDDOWN($C3886/24,0)+1,1)*INDEX($D$3:$AA$30,INDEX(Jesper!$R$2:$R$366,ROW(INDEX(Jesper!AI$2:AI$366,ROUNDDOWN($C3886/24,0)+1,1))-1)+IF('Standard Profiles'!$G$19=$B$10,7,0)+IF('Standard Profiles'!$G$19=$B$17,14,0)+IF('Standard Profiles'!$G$19=$B$24,21,0),MOD($C3886,24)+1)/SUM(INDEX($D$3:$AA$30,INDEX(Jesper!$R$2:$R$366,ROW(INDEX(Jesper!AI$2:AI$366,ROUNDDOWN($C3886/24,0)+1,1))-1)+IF('Standard Profiles'!$G$19=$B$10,7,0)+IF('Standard Profiles'!$G$19=$B$17,14,0)+IF('Standard Profiles'!$G$19=$B$24,21,0),0)),0)</f>
        <v>1.5343941217834347</v>
      </c>
      <c r="F3886" cm="1">
        <f t="array" ref="F3886">IFERROR(INDEX(Jesper!AJ$2:AJ$366,ROUNDDOWN($C3886/24,0)+1,1)*INDEX($D$3:$AA$30,INDEX(Jesper!$R$2:$R$366,ROW(INDEX(Jesper!AJ$2:AJ$366,ROUNDDOWN($C3886/24,0)+1,1))-1)+IF('Standard Profiles'!$G$20=$B$10,7,0)+IF('Standard Profiles'!$G$20=$B$17,14,0)+IF('Standard Profiles'!$G$20=$B$24,21,0),MOD($C3886,24)+1)/SUM(INDEX($D$3:$AA$30,INDEX(Jesper!$R$2:$R$366,ROW(INDEX(Jesper!AJ$2:AJ$366,ROUNDDOWN($C3886/24,0)+1,1))-1)+IF('Standard Profiles'!$G$20=$B$10,7,0)+IF('Standard Profiles'!$G$20=$B$17,14,0)+IF('Standard Profiles'!$G$20=$B$24,21,0),0)),0)</f>
        <v>0</v>
      </c>
      <c r="G3886" cm="1">
        <f t="array" ref="G3886">IFERROR(INDEX(Jesper!AK$2:AK$366,ROUNDDOWN($C3886/24,0)+1,1)*INDEX($D$3:$AA$30,INDEX(Jesper!$R$2:$R$366,ROW(INDEX(Jesper!AK$2:AK$366,ROUNDDOWN($C3886/24,0)+1,1))-1)+IF('Standard Profiles'!$G$21=$B$10,7,0)+IF('Standard Profiles'!$G$21=$B$17,14,0)+IF('Standard Profiles'!$G$21=$B$24,21,0),MOD($C3886,24)+1)/SUM(INDEX($D$3:$AA$30,INDEX(Jesper!$R$2:$R$366,ROW(INDEX(Jesper!AK$2:AK$366,ROUNDDOWN($C3886/24,0)+1,1))-1)+IF('Standard Profiles'!$G$21=$B$10,7,0)+IF('Standard Profiles'!$G$21=$B$17,14,0)+IF('Standard Profiles'!$G$21=$B$24,21,0),0)),0)</f>
        <v>0</v>
      </c>
      <c r="H3886" cm="1">
        <f t="array" ref="H3886">IFERROR(INDEX(Jesper!AL$2:AL$366,ROUNDDOWN($C3886/24,0)+1,1)*INDEX($D$3:$AA$30,INDEX(Jesper!$R$2:$R$366,ROW(INDEX(Jesper!AL$2:AL$366,ROUNDDOWN($C3886/24,0)+1,1))-1)+IF('Standard Profiles'!$G$22=$B$10,7,0)+IF('Standard Profiles'!$G$22=$B$17,14,0)+IF('Standard Profiles'!$G$22=$B$24,21,0),MOD($C3886,24)+1)/SUM(INDEX($D$3:$AA$30,INDEX(Jesper!$R$2:$R$366,ROW(INDEX(Jesper!AL$2:AL$366,ROUNDDOWN($C3886/24,0)+1,1))-1)+IF('Standard Profiles'!$G$22=$B$10,7,0)+IF('Standard Profiles'!$G$22=$B$17,14,0)+IF('Standard Profiles'!$G$22=$B$24,21,0),0)),0)</f>
        <v>0</v>
      </c>
      <c r="I3886">
        <f t="shared" si="440"/>
        <v>0.13823370466517435</v>
      </c>
      <c r="J3886">
        <f t="shared" si="441"/>
        <v>0.46077901555058115</v>
      </c>
      <c r="K3886">
        <f t="shared" si="442"/>
        <v>0.69116852332587175</v>
      </c>
      <c r="L3886">
        <f t="shared" si="443"/>
        <v>11.246760913828046</v>
      </c>
      <c r="M3886">
        <f t="shared" si="444"/>
        <v>0</v>
      </c>
      <c r="N3886" s="46">
        <f t="shared" si="445"/>
        <v>45452.499999990658</v>
      </c>
    </row>
    <row r="3887" spans="2:14" x14ac:dyDescent="0.3">
      <c r="B3887">
        <f t="shared" si="439"/>
        <v>7</v>
      </c>
      <c r="C3887" s="16">
        <v>3853</v>
      </c>
      <c r="D3887" cm="1">
        <f t="array" ref="D3887">IFERROR(INDEX(Jesper!AH$2:AH$366,ROUNDDOWN($C3887/24,0)+1,1)*INDEX($D$3:$AA$30,INDEX(Jesper!$R$2:$R$366,ROW(INDEX(Jesper!AH$2:AH$366,ROUNDDOWN($C3887/24,0)+1,1))-1)+IF('Standard Profiles'!$G$18=$B$10,7,0)+IF('Standard Profiles'!$G$18=$B$17,14,0)+IF('Standard Profiles'!$G$18=$B$24,21,0),MOD($C3887,24)+1)/SUM(INDEX($D$3:$AA$30,INDEX(Jesper!$R$2:$R$366,ROW(INDEX(Jesper!AH$2:AH$366,ROUNDDOWN($C3887/24,0)+1,1))-1)+IF('Standard Profiles'!$G$18=$B$10,7,0)+IF('Standard Profiles'!$G$18=$B$17,14,0)+IF('Standard Profiles'!$G$18=$B$24,21,0),0)),0)</f>
        <v>11.002548035586239</v>
      </c>
      <c r="E3887" cm="1">
        <f t="array" ref="E3887">IFERROR(INDEX(Jesper!AI$2:AI$366,ROUNDDOWN($C3887/24,0)+1,1)*INDEX($D$3:$AA$30,INDEX(Jesper!$R$2:$R$366,ROW(INDEX(Jesper!AI$2:AI$366,ROUNDDOWN($C3887/24,0)+1,1))-1)+IF('Standard Profiles'!$G$19=$B$10,7,0)+IF('Standard Profiles'!$G$19=$B$17,14,0)+IF('Standard Profiles'!$G$19=$B$24,21,0),MOD($C3887,24)+1)/SUM(INDEX($D$3:$AA$30,INDEX(Jesper!$R$2:$R$366,ROW(INDEX(Jesper!AI$2:AI$366,ROUNDDOWN($C3887/24,0)+1,1))-1)+IF('Standard Profiles'!$G$19=$B$10,7,0)+IF('Standard Profiles'!$G$19=$B$17,14,0)+IF('Standard Profiles'!$G$19=$B$24,21,0),0)),0)</f>
        <v>1.5343941217834347</v>
      </c>
      <c r="F3887" cm="1">
        <f t="array" ref="F3887">IFERROR(INDEX(Jesper!AJ$2:AJ$366,ROUNDDOWN($C3887/24,0)+1,1)*INDEX($D$3:$AA$30,INDEX(Jesper!$R$2:$R$366,ROW(INDEX(Jesper!AJ$2:AJ$366,ROUNDDOWN($C3887/24,0)+1,1))-1)+IF('Standard Profiles'!$G$20=$B$10,7,0)+IF('Standard Profiles'!$G$20=$B$17,14,0)+IF('Standard Profiles'!$G$20=$B$24,21,0),MOD($C3887,24)+1)/SUM(INDEX($D$3:$AA$30,INDEX(Jesper!$R$2:$R$366,ROW(INDEX(Jesper!AJ$2:AJ$366,ROUNDDOWN($C3887/24,0)+1,1))-1)+IF('Standard Profiles'!$G$20=$B$10,7,0)+IF('Standard Profiles'!$G$20=$B$17,14,0)+IF('Standard Profiles'!$G$20=$B$24,21,0),0)),0)</f>
        <v>0</v>
      </c>
      <c r="G3887" cm="1">
        <f t="array" ref="G3887">IFERROR(INDEX(Jesper!AK$2:AK$366,ROUNDDOWN($C3887/24,0)+1,1)*INDEX($D$3:$AA$30,INDEX(Jesper!$R$2:$R$366,ROW(INDEX(Jesper!AK$2:AK$366,ROUNDDOWN($C3887/24,0)+1,1))-1)+IF('Standard Profiles'!$G$21=$B$10,7,0)+IF('Standard Profiles'!$G$21=$B$17,14,0)+IF('Standard Profiles'!$G$21=$B$24,21,0),MOD($C3887,24)+1)/SUM(INDEX($D$3:$AA$30,INDEX(Jesper!$R$2:$R$366,ROW(INDEX(Jesper!AK$2:AK$366,ROUNDDOWN($C3887/24,0)+1,1))-1)+IF('Standard Profiles'!$G$21=$B$10,7,0)+IF('Standard Profiles'!$G$21=$B$17,14,0)+IF('Standard Profiles'!$G$21=$B$24,21,0),0)),0)</f>
        <v>0</v>
      </c>
      <c r="H3887" cm="1">
        <f t="array" ref="H3887">IFERROR(INDEX(Jesper!AL$2:AL$366,ROUNDDOWN($C3887/24,0)+1,1)*INDEX($D$3:$AA$30,INDEX(Jesper!$R$2:$R$366,ROW(INDEX(Jesper!AL$2:AL$366,ROUNDDOWN($C3887/24,0)+1,1))-1)+IF('Standard Profiles'!$G$22=$B$10,7,0)+IF('Standard Profiles'!$G$22=$B$17,14,0)+IF('Standard Profiles'!$G$22=$B$24,21,0),MOD($C3887,24)+1)/SUM(INDEX($D$3:$AA$30,INDEX(Jesper!$R$2:$R$366,ROW(INDEX(Jesper!AL$2:AL$366,ROUNDDOWN($C3887/24,0)+1,1))-1)+IF('Standard Profiles'!$G$22=$B$10,7,0)+IF('Standard Profiles'!$G$22=$B$17,14,0)+IF('Standard Profiles'!$G$22=$B$24,21,0),0)),0)</f>
        <v>0</v>
      </c>
      <c r="I3887">
        <f t="shared" si="440"/>
        <v>0.13823370466517435</v>
      </c>
      <c r="J3887">
        <f t="shared" si="441"/>
        <v>0.46077901555058115</v>
      </c>
      <c r="K3887">
        <f t="shared" si="442"/>
        <v>0.69116852332587175</v>
      </c>
      <c r="L3887">
        <f t="shared" si="443"/>
        <v>11.246760913828046</v>
      </c>
      <c r="M3887">
        <f t="shared" si="444"/>
        <v>0</v>
      </c>
      <c r="N3887" s="46">
        <f t="shared" si="445"/>
        <v>45452.541666657322</v>
      </c>
    </row>
    <row r="3888" spans="2:14" x14ac:dyDescent="0.3">
      <c r="B3888">
        <f t="shared" si="439"/>
        <v>7</v>
      </c>
      <c r="C3888" s="16">
        <v>3854</v>
      </c>
      <c r="D3888" cm="1">
        <f t="array" ref="D3888">IFERROR(INDEX(Jesper!AH$2:AH$366,ROUNDDOWN($C3888/24,0)+1,1)*INDEX($D$3:$AA$30,INDEX(Jesper!$R$2:$R$366,ROW(INDEX(Jesper!AH$2:AH$366,ROUNDDOWN($C3888/24,0)+1,1))-1)+IF('Standard Profiles'!$G$18=$B$10,7,0)+IF('Standard Profiles'!$G$18=$B$17,14,0)+IF('Standard Profiles'!$G$18=$B$24,21,0),MOD($C3888,24)+1)/SUM(INDEX($D$3:$AA$30,INDEX(Jesper!$R$2:$R$366,ROW(INDEX(Jesper!AH$2:AH$366,ROUNDDOWN($C3888/24,0)+1,1))-1)+IF('Standard Profiles'!$G$18=$B$10,7,0)+IF('Standard Profiles'!$G$18=$B$17,14,0)+IF('Standard Profiles'!$G$18=$B$24,21,0),0)),0)</f>
        <v>11.002548035586239</v>
      </c>
      <c r="E3888" cm="1">
        <f t="array" ref="E3888">IFERROR(INDEX(Jesper!AI$2:AI$366,ROUNDDOWN($C3888/24,0)+1,1)*INDEX($D$3:$AA$30,INDEX(Jesper!$R$2:$R$366,ROW(INDEX(Jesper!AI$2:AI$366,ROUNDDOWN($C3888/24,0)+1,1))-1)+IF('Standard Profiles'!$G$19=$B$10,7,0)+IF('Standard Profiles'!$G$19=$B$17,14,0)+IF('Standard Profiles'!$G$19=$B$24,21,0),MOD($C3888,24)+1)/SUM(INDEX($D$3:$AA$30,INDEX(Jesper!$R$2:$R$366,ROW(INDEX(Jesper!AI$2:AI$366,ROUNDDOWN($C3888/24,0)+1,1))-1)+IF('Standard Profiles'!$G$19=$B$10,7,0)+IF('Standard Profiles'!$G$19=$B$17,14,0)+IF('Standard Profiles'!$G$19=$B$24,21,0),0)),0)</f>
        <v>1.5343941217834347</v>
      </c>
      <c r="F3888" cm="1">
        <f t="array" ref="F3888">IFERROR(INDEX(Jesper!AJ$2:AJ$366,ROUNDDOWN($C3888/24,0)+1,1)*INDEX($D$3:$AA$30,INDEX(Jesper!$R$2:$R$366,ROW(INDEX(Jesper!AJ$2:AJ$366,ROUNDDOWN($C3888/24,0)+1,1))-1)+IF('Standard Profiles'!$G$20=$B$10,7,0)+IF('Standard Profiles'!$G$20=$B$17,14,0)+IF('Standard Profiles'!$G$20=$B$24,21,0),MOD($C3888,24)+1)/SUM(INDEX($D$3:$AA$30,INDEX(Jesper!$R$2:$R$366,ROW(INDEX(Jesper!AJ$2:AJ$366,ROUNDDOWN($C3888/24,0)+1,1))-1)+IF('Standard Profiles'!$G$20=$B$10,7,0)+IF('Standard Profiles'!$G$20=$B$17,14,0)+IF('Standard Profiles'!$G$20=$B$24,21,0),0)),0)</f>
        <v>0</v>
      </c>
      <c r="G3888" cm="1">
        <f t="array" ref="G3888">IFERROR(INDEX(Jesper!AK$2:AK$366,ROUNDDOWN($C3888/24,0)+1,1)*INDEX($D$3:$AA$30,INDEX(Jesper!$R$2:$R$366,ROW(INDEX(Jesper!AK$2:AK$366,ROUNDDOWN($C3888/24,0)+1,1))-1)+IF('Standard Profiles'!$G$21=$B$10,7,0)+IF('Standard Profiles'!$G$21=$B$17,14,0)+IF('Standard Profiles'!$G$21=$B$24,21,0),MOD($C3888,24)+1)/SUM(INDEX($D$3:$AA$30,INDEX(Jesper!$R$2:$R$366,ROW(INDEX(Jesper!AK$2:AK$366,ROUNDDOWN($C3888/24,0)+1,1))-1)+IF('Standard Profiles'!$G$21=$B$10,7,0)+IF('Standard Profiles'!$G$21=$B$17,14,0)+IF('Standard Profiles'!$G$21=$B$24,21,0),0)),0)</f>
        <v>0</v>
      </c>
      <c r="H3888" cm="1">
        <f t="array" ref="H3888">IFERROR(INDEX(Jesper!AL$2:AL$366,ROUNDDOWN($C3888/24,0)+1,1)*INDEX($D$3:$AA$30,INDEX(Jesper!$R$2:$R$366,ROW(INDEX(Jesper!AL$2:AL$366,ROUNDDOWN($C3888/24,0)+1,1))-1)+IF('Standard Profiles'!$G$22=$B$10,7,0)+IF('Standard Profiles'!$G$22=$B$17,14,0)+IF('Standard Profiles'!$G$22=$B$24,21,0),MOD($C3888,24)+1)/SUM(INDEX($D$3:$AA$30,INDEX(Jesper!$R$2:$R$366,ROW(INDEX(Jesper!AL$2:AL$366,ROUNDDOWN($C3888/24,0)+1,1))-1)+IF('Standard Profiles'!$G$22=$B$10,7,0)+IF('Standard Profiles'!$G$22=$B$17,14,0)+IF('Standard Profiles'!$G$22=$B$24,21,0),0)),0)</f>
        <v>0</v>
      </c>
      <c r="I3888">
        <f t="shared" si="440"/>
        <v>0.13823370466517435</v>
      </c>
      <c r="J3888">
        <f t="shared" si="441"/>
        <v>0.46077901555058115</v>
      </c>
      <c r="K3888">
        <f t="shared" si="442"/>
        <v>0.69116852332587175</v>
      </c>
      <c r="L3888">
        <f t="shared" si="443"/>
        <v>11.246760913828046</v>
      </c>
      <c r="M3888">
        <f t="shared" si="444"/>
        <v>0</v>
      </c>
      <c r="N3888" s="46">
        <f t="shared" si="445"/>
        <v>45452.583333323986</v>
      </c>
    </row>
    <row r="3889" spans="2:14" x14ac:dyDescent="0.3">
      <c r="B3889">
        <f t="shared" si="439"/>
        <v>7</v>
      </c>
      <c r="C3889" s="16">
        <v>3855</v>
      </c>
      <c r="D3889" cm="1">
        <f t="array" ref="D3889">IFERROR(INDEX(Jesper!AH$2:AH$366,ROUNDDOWN($C3889/24,0)+1,1)*INDEX($D$3:$AA$30,INDEX(Jesper!$R$2:$R$366,ROW(INDEX(Jesper!AH$2:AH$366,ROUNDDOWN($C3889/24,0)+1,1))-1)+IF('Standard Profiles'!$G$18=$B$10,7,0)+IF('Standard Profiles'!$G$18=$B$17,14,0)+IF('Standard Profiles'!$G$18=$B$24,21,0),MOD($C3889,24)+1)/SUM(INDEX($D$3:$AA$30,INDEX(Jesper!$R$2:$R$366,ROW(INDEX(Jesper!AH$2:AH$366,ROUNDDOWN($C3889/24,0)+1,1))-1)+IF('Standard Profiles'!$G$18=$B$10,7,0)+IF('Standard Profiles'!$G$18=$B$17,14,0)+IF('Standard Profiles'!$G$18=$B$24,21,0),0)),0)</f>
        <v>9.7800426982988782</v>
      </c>
      <c r="E3889" cm="1">
        <f t="array" ref="E3889">IFERROR(INDEX(Jesper!AI$2:AI$366,ROUNDDOWN($C3889/24,0)+1,1)*INDEX($D$3:$AA$30,INDEX(Jesper!$R$2:$R$366,ROW(INDEX(Jesper!AI$2:AI$366,ROUNDDOWN($C3889/24,0)+1,1))-1)+IF('Standard Profiles'!$G$19=$B$10,7,0)+IF('Standard Profiles'!$G$19=$B$17,14,0)+IF('Standard Profiles'!$G$19=$B$24,21,0),MOD($C3889,24)+1)/SUM(INDEX($D$3:$AA$30,INDEX(Jesper!$R$2:$R$366,ROW(INDEX(Jesper!AI$2:AI$366,ROUNDDOWN($C3889/24,0)+1,1))-1)+IF('Standard Profiles'!$G$19=$B$10,7,0)+IF('Standard Profiles'!$G$19=$B$17,14,0)+IF('Standard Profiles'!$G$19=$B$24,21,0),0)),0)</f>
        <v>1.3639058860297197</v>
      </c>
      <c r="F3889" cm="1">
        <f t="array" ref="F3889">IFERROR(INDEX(Jesper!AJ$2:AJ$366,ROUNDDOWN($C3889/24,0)+1,1)*INDEX($D$3:$AA$30,INDEX(Jesper!$R$2:$R$366,ROW(INDEX(Jesper!AJ$2:AJ$366,ROUNDDOWN($C3889/24,0)+1,1))-1)+IF('Standard Profiles'!$G$20=$B$10,7,0)+IF('Standard Profiles'!$G$20=$B$17,14,0)+IF('Standard Profiles'!$G$20=$B$24,21,0),MOD($C3889,24)+1)/SUM(INDEX($D$3:$AA$30,INDEX(Jesper!$R$2:$R$366,ROW(INDEX(Jesper!AJ$2:AJ$366,ROUNDDOWN($C3889/24,0)+1,1))-1)+IF('Standard Profiles'!$G$20=$B$10,7,0)+IF('Standard Profiles'!$G$20=$B$17,14,0)+IF('Standard Profiles'!$G$20=$B$24,21,0),0)),0)</f>
        <v>0</v>
      </c>
      <c r="G3889" cm="1">
        <f t="array" ref="G3889">IFERROR(INDEX(Jesper!AK$2:AK$366,ROUNDDOWN($C3889/24,0)+1,1)*INDEX($D$3:$AA$30,INDEX(Jesper!$R$2:$R$366,ROW(INDEX(Jesper!AK$2:AK$366,ROUNDDOWN($C3889/24,0)+1,1))-1)+IF('Standard Profiles'!$G$21=$B$10,7,0)+IF('Standard Profiles'!$G$21=$B$17,14,0)+IF('Standard Profiles'!$G$21=$B$24,21,0),MOD($C3889,24)+1)/SUM(INDEX($D$3:$AA$30,INDEX(Jesper!$R$2:$R$366,ROW(INDEX(Jesper!AK$2:AK$366,ROUNDDOWN($C3889/24,0)+1,1))-1)+IF('Standard Profiles'!$G$21=$B$10,7,0)+IF('Standard Profiles'!$G$21=$B$17,14,0)+IF('Standard Profiles'!$G$21=$B$24,21,0),0)),0)</f>
        <v>0</v>
      </c>
      <c r="H3889" cm="1">
        <f t="array" ref="H3889">IFERROR(INDEX(Jesper!AL$2:AL$366,ROUNDDOWN($C3889/24,0)+1,1)*INDEX($D$3:$AA$30,INDEX(Jesper!$R$2:$R$366,ROW(INDEX(Jesper!AL$2:AL$366,ROUNDDOWN($C3889/24,0)+1,1))-1)+IF('Standard Profiles'!$G$22=$B$10,7,0)+IF('Standard Profiles'!$G$22=$B$17,14,0)+IF('Standard Profiles'!$G$22=$B$24,21,0),MOD($C3889,24)+1)/SUM(INDEX($D$3:$AA$30,INDEX(Jesper!$R$2:$R$366,ROW(INDEX(Jesper!AL$2:AL$366,ROUNDDOWN($C3889/24,0)+1,1))-1)+IF('Standard Profiles'!$G$22=$B$10,7,0)+IF('Standard Profiles'!$G$22=$B$17,14,0)+IF('Standard Profiles'!$G$22=$B$24,21,0),0)),0)</f>
        <v>0</v>
      </c>
      <c r="I3889">
        <f t="shared" si="440"/>
        <v>0.12287440414682163</v>
      </c>
      <c r="J3889">
        <f t="shared" si="441"/>
        <v>0.40958134715607214</v>
      </c>
      <c r="K3889">
        <f t="shared" si="442"/>
        <v>0.61437202073410824</v>
      </c>
      <c r="L3889">
        <f t="shared" si="443"/>
        <v>9.9971208122915964</v>
      </c>
      <c r="M3889">
        <f t="shared" si="444"/>
        <v>0</v>
      </c>
      <c r="N3889" s="46">
        <f t="shared" si="445"/>
        <v>45452.62499999065</v>
      </c>
    </row>
    <row r="3890" spans="2:14" x14ac:dyDescent="0.3">
      <c r="B3890">
        <f t="shared" si="439"/>
        <v>7</v>
      </c>
      <c r="C3890" s="16">
        <v>3856</v>
      </c>
      <c r="D3890" cm="1">
        <f t="array" ref="D3890">IFERROR(INDEX(Jesper!AH$2:AH$366,ROUNDDOWN($C3890/24,0)+1,1)*INDEX($D$3:$AA$30,INDEX(Jesper!$R$2:$R$366,ROW(INDEX(Jesper!AH$2:AH$366,ROUNDDOWN($C3890/24,0)+1,1))-1)+IF('Standard Profiles'!$G$18=$B$10,7,0)+IF('Standard Profiles'!$G$18=$B$17,14,0)+IF('Standard Profiles'!$G$18=$B$24,21,0),MOD($C3890,24)+1)/SUM(INDEX($D$3:$AA$30,INDEX(Jesper!$R$2:$R$366,ROW(INDEX(Jesper!AH$2:AH$366,ROUNDDOWN($C3890/24,0)+1,1))-1)+IF('Standard Profiles'!$G$18=$B$10,7,0)+IF('Standard Profiles'!$G$18=$B$17,14,0)+IF('Standard Profiles'!$G$18=$B$24,21,0),0)),0)</f>
        <v>9.6053990786863981</v>
      </c>
      <c r="E3890" cm="1">
        <f t="array" ref="E3890">IFERROR(INDEX(Jesper!AI$2:AI$366,ROUNDDOWN($C3890/24,0)+1,1)*INDEX($D$3:$AA$30,INDEX(Jesper!$R$2:$R$366,ROW(INDEX(Jesper!AI$2:AI$366,ROUNDDOWN($C3890/24,0)+1,1))-1)+IF('Standard Profiles'!$G$19=$B$10,7,0)+IF('Standard Profiles'!$G$19=$B$17,14,0)+IF('Standard Profiles'!$G$19=$B$24,21,0),MOD($C3890,24)+1)/SUM(INDEX($D$3:$AA$30,INDEX(Jesper!$R$2:$R$366,ROW(INDEX(Jesper!AI$2:AI$366,ROUNDDOWN($C3890/24,0)+1,1))-1)+IF('Standard Profiles'!$G$19=$B$10,7,0)+IF('Standard Profiles'!$G$19=$B$17,14,0)+IF('Standard Profiles'!$G$19=$B$24,21,0),0)),0)</f>
        <v>1.3395504237791891</v>
      </c>
      <c r="F3890" cm="1">
        <f t="array" ref="F3890">IFERROR(INDEX(Jesper!AJ$2:AJ$366,ROUNDDOWN($C3890/24,0)+1,1)*INDEX($D$3:$AA$30,INDEX(Jesper!$R$2:$R$366,ROW(INDEX(Jesper!AJ$2:AJ$366,ROUNDDOWN($C3890/24,0)+1,1))-1)+IF('Standard Profiles'!$G$20=$B$10,7,0)+IF('Standard Profiles'!$G$20=$B$17,14,0)+IF('Standard Profiles'!$G$20=$B$24,21,0),MOD($C3890,24)+1)/SUM(INDEX($D$3:$AA$30,INDEX(Jesper!$R$2:$R$366,ROW(INDEX(Jesper!AJ$2:AJ$366,ROUNDDOWN($C3890/24,0)+1,1))-1)+IF('Standard Profiles'!$G$20=$B$10,7,0)+IF('Standard Profiles'!$G$20=$B$17,14,0)+IF('Standard Profiles'!$G$20=$B$24,21,0),0)),0)</f>
        <v>0</v>
      </c>
      <c r="G3890" cm="1">
        <f t="array" ref="G3890">IFERROR(INDEX(Jesper!AK$2:AK$366,ROUNDDOWN($C3890/24,0)+1,1)*INDEX($D$3:$AA$30,INDEX(Jesper!$R$2:$R$366,ROW(INDEX(Jesper!AK$2:AK$366,ROUNDDOWN($C3890/24,0)+1,1))-1)+IF('Standard Profiles'!$G$21=$B$10,7,0)+IF('Standard Profiles'!$G$21=$B$17,14,0)+IF('Standard Profiles'!$G$21=$B$24,21,0),MOD($C3890,24)+1)/SUM(INDEX($D$3:$AA$30,INDEX(Jesper!$R$2:$R$366,ROW(INDEX(Jesper!AK$2:AK$366,ROUNDDOWN($C3890/24,0)+1,1))-1)+IF('Standard Profiles'!$G$21=$B$10,7,0)+IF('Standard Profiles'!$G$21=$B$17,14,0)+IF('Standard Profiles'!$G$21=$B$24,21,0),0)),0)</f>
        <v>0</v>
      </c>
      <c r="H3890" cm="1">
        <f t="array" ref="H3890">IFERROR(INDEX(Jesper!AL$2:AL$366,ROUNDDOWN($C3890/24,0)+1,1)*INDEX($D$3:$AA$30,INDEX(Jesper!$R$2:$R$366,ROW(INDEX(Jesper!AL$2:AL$366,ROUNDDOWN($C3890/24,0)+1,1))-1)+IF('Standard Profiles'!$G$22=$B$10,7,0)+IF('Standard Profiles'!$G$22=$B$17,14,0)+IF('Standard Profiles'!$G$22=$B$24,21,0),MOD($C3890,24)+1)/SUM(INDEX($D$3:$AA$30,INDEX(Jesper!$R$2:$R$366,ROW(INDEX(Jesper!AL$2:AL$366,ROUNDDOWN($C3890/24,0)+1,1))-1)+IF('Standard Profiles'!$G$22=$B$10,7,0)+IF('Standard Profiles'!$G$22=$B$17,14,0)+IF('Standard Profiles'!$G$22=$B$24,21,0),0)),0)</f>
        <v>0</v>
      </c>
      <c r="I3890">
        <f t="shared" si="440"/>
        <v>0.12068021835848554</v>
      </c>
      <c r="J3890">
        <f t="shared" si="441"/>
        <v>0.40226739452828519</v>
      </c>
      <c r="K3890">
        <f t="shared" si="442"/>
        <v>0.60340109179242774</v>
      </c>
      <c r="L3890">
        <f t="shared" si="443"/>
        <v>9.8186007977863881</v>
      </c>
      <c r="M3890">
        <f t="shared" si="444"/>
        <v>0</v>
      </c>
      <c r="N3890" s="46">
        <f t="shared" si="445"/>
        <v>45452.666666657315</v>
      </c>
    </row>
    <row r="3891" spans="2:14" x14ac:dyDescent="0.3">
      <c r="B3891">
        <f t="shared" si="439"/>
        <v>7</v>
      </c>
      <c r="C3891" s="16">
        <v>3857</v>
      </c>
      <c r="D3891" cm="1">
        <f t="array" ref="D3891">IFERROR(INDEX(Jesper!AH$2:AH$366,ROUNDDOWN($C3891/24,0)+1,1)*INDEX($D$3:$AA$30,INDEX(Jesper!$R$2:$R$366,ROW(INDEX(Jesper!AH$2:AH$366,ROUNDDOWN($C3891/24,0)+1,1))-1)+IF('Standard Profiles'!$G$18=$B$10,7,0)+IF('Standard Profiles'!$G$18=$B$17,14,0)+IF('Standard Profiles'!$G$18=$B$24,21,0),MOD($C3891,24)+1)/SUM(INDEX($D$3:$AA$30,INDEX(Jesper!$R$2:$R$366,ROW(INDEX(Jesper!AH$2:AH$366,ROUNDDOWN($C3891/24,0)+1,1))-1)+IF('Standard Profiles'!$G$18=$B$10,7,0)+IF('Standard Profiles'!$G$18=$B$17,14,0)+IF('Standard Profiles'!$G$18=$B$24,21,0),0)),0)</f>
        <v>8.2082501217865591</v>
      </c>
      <c r="E3891" cm="1">
        <f t="array" ref="E3891">IFERROR(INDEX(Jesper!AI$2:AI$366,ROUNDDOWN($C3891/24,0)+1,1)*INDEX($D$3:$AA$30,INDEX(Jesper!$R$2:$R$366,ROW(INDEX(Jesper!AI$2:AI$366,ROUNDDOWN($C3891/24,0)+1,1))-1)+IF('Standard Profiles'!$G$19=$B$10,7,0)+IF('Standard Profiles'!$G$19=$B$17,14,0)+IF('Standard Profiles'!$G$19=$B$24,21,0),MOD($C3891,24)+1)/SUM(INDEX($D$3:$AA$30,INDEX(Jesper!$R$2:$R$366,ROW(INDEX(Jesper!AI$2:AI$366,ROUNDDOWN($C3891/24,0)+1,1))-1)+IF('Standard Profiles'!$G$19=$B$10,7,0)+IF('Standard Profiles'!$G$19=$B$17,14,0)+IF('Standard Profiles'!$G$19=$B$24,21,0),0)),0)</f>
        <v>1.1447067257749433</v>
      </c>
      <c r="F3891" cm="1">
        <f t="array" ref="F3891">IFERROR(INDEX(Jesper!AJ$2:AJ$366,ROUNDDOWN($C3891/24,0)+1,1)*INDEX($D$3:$AA$30,INDEX(Jesper!$R$2:$R$366,ROW(INDEX(Jesper!AJ$2:AJ$366,ROUNDDOWN($C3891/24,0)+1,1))-1)+IF('Standard Profiles'!$G$20=$B$10,7,0)+IF('Standard Profiles'!$G$20=$B$17,14,0)+IF('Standard Profiles'!$G$20=$B$24,21,0),MOD($C3891,24)+1)/SUM(INDEX($D$3:$AA$30,INDEX(Jesper!$R$2:$R$366,ROW(INDEX(Jesper!AJ$2:AJ$366,ROUNDDOWN($C3891/24,0)+1,1))-1)+IF('Standard Profiles'!$G$20=$B$10,7,0)+IF('Standard Profiles'!$G$20=$B$17,14,0)+IF('Standard Profiles'!$G$20=$B$24,21,0),0)),0)</f>
        <v>0</v>
      </c>
      <c r="G3891" cm="1">
        <f t="array" ref="G3891">IFERROR(INDEX(Jesper!AK$2:AK$366,ROUNDDOWN($C3891/24,0)+1,1)*INDEX($D$3:$AA$30,INDEX(Jesper!$R$2:$R$366,ROW(INDEX(Jesper!AK$2:AK$366,ROUNDDOWN($C3891/24,0)+1,1))-1)+IF('Standard Profiles'!$G$21=$B$10,7,0)+IF('Standard Profiles'!$G$21=$B$17,14,0)+IF('Standard Profiles'!$G$21=$B$24,21,0),MOD($C3891,24)+1)/SUM(INDEX($D$3:$AA$30,INDEX(Jesper!$R$2:$R$366,ROW(INDEX(Jesper!AK$2:AK$366,ROUNDDOWN($C3891/24,0)+1,1))-1)+IF('Standard Profiles'!$G$21=$B$10,7,0)+IF('Standard Profiles'!$G$21=$B$17,14,0)+IF('Standard Profiles'!$G$21=$B$24,21,0),0)),0)</f>
        <v>0</v>
      </c>
      <c r="H3891" cm="1">
        <f t="array" ref="H3891">IFERROR(INDEX(Jesper!AL$2:AL$366,ROUNDDOWN($C3891/24,0)+1,1)*INDEX($D$3:$AA$30,INDEX(Jesper!$R$2:$R$366,ROW(INDEX(Jesper!AL$2:AL$366,ROUNDDOWN($C3891/24,0)+1,1))-1)+IF('Standard Profiles'!$G$22=$B$10,7,0)+IF('Standard Profiles'!$G$22=$B$17,14,0)+IF('Standard Profiles'!$G$22=$B$24,21,0),MOD($C3891,24)+1)/SUM(INDEX($D$3:$AA$30,INDEX(Jesper!$R$2:$R$366,ROW(INDEX(Jesper!AL$2:AL$366,ROUNDDOWN($C3891/24,0)+1,1))-1)+IF('Standard Profiles'!$G$22=$B$10,7,0)+IF('Standard Profiles'!$G$22=$B$17,14,0)+IF('Standard Profiles'!$G$22=$B$24,21,0),0)),0)</f>
        <v>0</v>
      </c>
      <c r="I3891">
        <f t="shared" si="440"/>
        <v>0.10312673205179672</v>
      </c>
      <c r="J3891">
        <f t="shared" si="441"/>
        <v>0.34375577350598907</v>
      </c>
      <c r="K3891">
        <f t="shared" si="442"/>
        <v>0.51563366025898361</v>
      </c>
      <c r="L3891">
        <f t="shared" si="443"/>
        <v>8.3904406817447335</v>
      </c>
      <c r="M3891">
        <f t="shared" si="444"/>
        <v>0</v>
      </c>
      <c r="N3891" s="46">
        <f t="shared" si="445"/>
        <v>45452.708333323979</v>
      </c>
    </row>
    <row r="3892" spans="2:14" x14ac:dyDescent="0.3">
      <c r="B3892">
        <f t="shared" si="439"/>
        <v>7</v>
      </c>
      <c r="C3892" s="16">
        <v>3858</v>
      </c>
      <c r="D3892" cm="1">
        <f t="array" ref="D3892">IFERROR(INDEX(Jesper!AH$2:AH$366,ROUNDDOWN($C3892/24,0)+1,1)*INDEX($D$3:$AA$30,INDEX(Jesper!$R$2:$R$366,ROW(INDEX(Jesper!AH$2:AH$366,ROUNDDOWN($C3892/24,0)+1,1))-1)+IF('Standard Profiles'!$G$18=$B$10,7,0)+IF('Standard Profiles'!$G$18=$B$17,14,0)+IF('Standard Profiles'!$G$18=$B$24,21,0),MOD($C3892,24)+1)/SUM(INDEX($D$3:$AA$30,INDEX(Jesper!$R$2:$R$366,ROW(INDEX(Jesper!AH$2:AH$366,ROUNDDOWN($C3892/24,0)+1,1))-1)+IF('Standard Profiles'!$G$18=$B$10,7,0)+IF('Standard Profiles'!$G$18=$B$17,14,0)+IF('Standard Profiles'!$G$18=$B$24,21,0),0)),0)</f>
        <v>7.6843192629491188</v>
      </c>
      <c r="E3892" cm="1">
        <f t="array" ref="E3892">IFERROR(INDEX(Jesper!AI$2:AI$366,ROUNDDOWN($C3892/24,0)+1,1)*INDEX($D$3:$AA$30,INDEX(Jesper!$R$2:$R$366,ROW(INDEX(Jesper!AI$2:AI$366,ROUNDDOWN($C3892/24,0)+1,1))-1)+IF('Standard Profiles'!$G$19=$B$10,7,0)+IF('Standard Profiles'!$G$19=$B$17,14,0)+IF('Standard Profiles'!$G$19=$B$24,21,0),MOD($C3892,24)+1)/SUM(INDEX($D$3:$AA$30,INDEX(Jesper!$R$2:$R$366,ROW(INDEX(Jesper!AI$2:AI$366,ROUNDDOWN($C3892/24,0)+1,1))-1)+IF('Standard Profiles'!$G$19=$B$10,7,0)+IF('Standard Profiles'!$G$19=$B$17,14,0)+IF('Standard Profiles'!$G$19=$B$24,21,0),0)),0)</f>
        <v>1.0716403390233513</v>
      </c>
      <c r="F3892" cm="1">
        <f t="array" ref="F3892">IFERROR(INDEX(Jesper!AJ$2:AJ$366,ROUNDDOWN($C3892/24,0)+1,1)*INDEX($D$3:$AA$30,INDEX(Jesper!$R$2:$R$366,ROW(INDEX(Jesper!AJ$2:AJ$366,ROUNDDOWN($C3892/24,0)+1,1))-1)+IF('Standard Profiles'!$G$20=$B$10,7,0)+IF('Standard Profiles'!$G$20=$B$17,14,0)+IF('Standard Profiles'!$G$20=$B$24,21,0),MOD($C3892,24)+1)/SUM(INDEX($D$3:$AA$30,INDEX(Jesper!$R$2:$R$366,ROW(INDEX(Jesper!AJ$2:AJ$366,ROUNDDOWN($C3892/24,0)+1,1))-1)+IF('Standard Profiles'!$G$20=$B$10,7,0)+IF('Standard Profiles'!$G$20=$B$17,14,0)+IF('Standard Profiles'!$G$20=$B$24,21,0),0)),0)</f>
        <v>0</v>
      </c>
      <c r="G3892" cm="1">
        <f t="array" ref="G3892">IFERROR(INDEX(Jesper!AK$2:AK$366,ROUNDDOWN($C3892/24,0)+1,1)*INDEX($D$3:$AA$30,INDEX(Jesper!$R$2:$R$366,ROW(INDEX(Jesper!AK$2:AK$366,ROUNDDOWN($C3892/24,0)+1,1))-1)+IF('Standard Profiles'!$G$21=$B$10,7,0)+IF('Standard Profiles'!$G$21=$B$17,14,0)+IF('Standard Profiles'!$G$21=$B$24,21,0),MOD($C3892,24)+1)/SUM(INDEX($D$3:$AA$30,INDEX(Jesper!$R$2:$R$366,ROW(INDEX(Jesper!AK$2:AK$366,ROUNDDOWN($C3892/24,0)+1,1))-1)+IF('Standard Profiles'!$G$21=$B$10,7,0)+IF('Standard Profiles'!$G$21=$B$17,14,0)+IF('Standard Profiles'!$G$21=$B$24,21,0),0)),0)</f>
        <v>0</v>
      </c>
      <c r="H3892" cm="1">
        <f t="array" ref="H3892">IFERROR(INDEX(Jesper!AL$2:AL$366,ROUNDDOWN($C3892/24,0)+1,1)*INDEX($D$3:$AA$30,INDEX(Jesper!$R$2:$R$366,ROW(INDEX(Jesper!AL$2:AL$366,ROUNDDOWN($C3892/24,0)+1,1))-1)+IF('Standard Profiles'!$G$22=$B$10,7,0)+IF('Standard Profiles'!$G$22=$B$17,14,0)+IF('Standard Profiles'!$G$22=$B$24,21,0),MOD($C3892,24)+1)/SUM(INDEX($D$3:$AA$30,INDEX(Jesper!$R$2:$R$366,ROW(INDEX(Jesper!AL$2:AL$366,ROUNDDOWN($C3892/24,0)+1,1))-1)+IF('Standard Profiles'!$G$22=$B$10,7,0)+IF('Standard Profiles'!$G$22=$B$17,14,0)+IF('Standard Profiles'!$G$22=$B$24,21,0),0)),0)</f>
        <v>0</v>
      </c>
      <c r="I3892">
        <f t="shared" si="440"/>
        <v>9.6544174686788428E-2</v>
      </c>
      <c r="J3892">
        <f t="shared" si="441"/>
        <v>0.32181391562262812</v>
      </c>
      <c r="K3892">
        <f t="shared" si="442"/>
        <v>0.48272087343394221</v>
      </c>
      <c r="L3892">
        <f t="shared" si="443"/>
        <v>7.8548806382291119</v>
      </c>
      <c r="M3892">
        <f t="shared" si="444"/>
        <v>0</v>
      </c>
      <c r="N3892" s="46">
        <f t="shared" si="445"/>
        <v>45452.749999990643</v>
      </c>
    </row>
    <row r="3893" spans="2:14" x14ac:dyDescent="0.3">
      <c r="B3893">
        <f t="shared" si="439"/>
        <v>7</v>
      </c>
      <c r="C3893" s="16">
        <v>3859</v>
      </c>
      <c r="D3893" cm="1">
        <f t="array" ref="D3893">IFERROR(INDEX(Jesper!AH$2:AH$366,ROUNDDOWN($C3893/24,0)+1,1)*INDEX($D$3:$AA$30,INDEX(Jesper!$R$2:$R$366,ROW(INDEX(Jesper!AH$2:AH$366,ROUNDDOWN($C3893/24,0)+1,1))-1)+IF('Standard Profiles'!$G$18=$B$10,7,0)+IF('Standard Profiles'!$G$18=$B$17,14,0)+IF('Standard Profiles'!$G$18=$B$24,21,0),MOD($C3893,24)+1)/SUM(INDEX($D$3:$AA$30,INDEX(Jesper!$R$2:$R$366,ROW(INDEX(Jesper!AH$2:AH$366,ROUNDDOWN($C3893/24,0)+1,1))-1)+IF('Standard Profiles'!$G$18=$B$10,7,0)+IF('Standard Profiles'!$G$18=$B$17,14,0)+IF('Standard Profiles'!$G$18=$B$24,21,0),0)),0)</f>
        <v>6.4618139256617599</v>
      </c>
      <c r="E3893" cm="1">
        <f t="array" ref="E3893">IFERROR(INDEX(Jesper!AI$2:AI$366,ROUNDDOWN($C3893/24,0)+1,1)*INDEX($D$3:$AA$30,INDEX(Jesper!$R$2:$R$366,ROW(INDEX(Jesper!AI$2:AI$366,ROUNDDOWN($C3893/24,0)+1,1))-1)+IF('Standard Profiles'!$G$19=$B$10,7,0)+IF('Standard Profiles'!$G$19=$B$17,14,0)+IF('Standard Profiles'!$G$19=$B$24,21,0),MOD($C3893,24)+1)/SUM(INDEX($D$3:$AA$30,INDEX(Jesper!$R$2:$R$366,ROW(INDEX(Jesper!AI$2:AI$366,ROUNDDOWN($C3893/24,0)+1,1))-1)+IF('Standard Profiles'!$G$19=$B$10,7,0)+IF('Standard Profiles'!$G$19=$B$17,14,0)+IF('Standard Profiles'!$G$19=$B$24,21,0),0)),0)</f>
        <v>0.90115210326963624</v>
      </c>
      <c r="F3893" cm="1">
        <f t="array" ref="F3893">IFERROR(INDEX(Jesper!AJ$2:AJ$366,ROUNDDOWN($C3893/24,0)+1,1)*INDEX($D$3:$AA$30,INDEX(Jesper!$R$2:$R$366,ROW(INDEX(Jesper!AJ$2:AJ$366,ROUNDDOWN($C3893/24,0)+1,1))-1)+IF('Standard Profiles'!$G$20=$B$10,7,0)+IF('Standard Profiles'!$G$20=$B$17,14,0)+IF('Standard Profiles'!$G$20=$B$24,21,0),MOD($C3893,24)+1)/SUM(INDEX($D$3:$AA$30,INDEX(Jesper!$R$2:$R$366,ROW(INDEX(Jesper!AJ$2:AJ$366,ROUNDDOWN($C3893/24,0)+1,1))-1)+IF('Standard Profiles'!$G$20=$B$10,7,0)+IF('Standard Profiles'!$G$20=$B$17,14,0)+IF('Standard Profiles'!$G$20=$B$24,21,0),0)),0)</f>
        <v>0</v>
      </c>
      <c r="G3893" cm="1">
        <f t="array" ref="G3893">IFERROR(INDEX(Jesper!AK$2:AK$366,ROUNDDOWN($C3893/24,0)+1,1)*INDEX($D$3:$AA$30,INDEX(Jesper!$R$2:$R$366,ROW(INDEX(Jesper!AK$2:AK$366,ROUNDDOWN($C3893/24,0)+1,1))-1)+IF('Standard Profiles'!$G$21=$B$10,7,0)+IF('Standard Profiles'!$G$21=$B$17,14,0)+IF('Standard Profiles'!$G$21=$B$24,21,0),MOD($C3893,24)+1)/SUM(INDEX($D$3:$AA$30,INDEX(Jesper!$R$2:$R$366,ROW(INDEX(Jesper!AK$2:AK$366,ROUNDDOWN($C3893/24,0)+1,1))-1)+IF('Standard Profiles'!$G$21=$B$10,7,0)+IF('Standard Profiles'!$G$21=$B$17,14,0)+IF('Standard Profiles'!$G$21=$B$24,21,0),0)),0)</f>
        <v>0</v>
      </c>
      <c r="H3893" cm="1">
        <f t="array" ref="H3893">IFERROR(INDEX(Jesper!AL$2:AL$366,ROUNDDOWN($C3893/24,0)+1,1)*INDEX($D$3:$AA$30,INDEX(Jesper!$R$2:$R$366,ROW(INDEX(Jesper!AL$2:AL$366,ROUNDDOWN($C3893/24,0)+1,1))-1)+IF('Standard Profiles'!$G$22=$B$10,7,0)+IF('Standard Profiles'!$G$22=$B$17,14,0)+IF('Standard Profiles'!$G$22=$B$24,21,0),MOD($C3893,24)+1)/SUM(INDEX($D$3:$AA$30,INDEX(Jesper!$R$2:$R$366,ROW(INDEX(Jesper!AL$2:AL$366,ROUNDDOWN($C3893/24,0)+1,1))-1)+IF('Standard Profiles'!$G$22=$B$10,7,0)+IF('Standard Profiles'!$G$22=$B$17,14,0)+IF('Standard Profiles'!$G$22=$B$24,21,0),0)),0)</f>
        <v>0</v>
      </c>
      <c r="I3893">
        <f t="shared" si="440"/>
        <v>8.1184874168435714E-2</v>
      </c>
      <c r="J3893">
        <f t="shared" si="441"/>
        <v>0.27061624722811911</v>
      </c>
      <c r="K3893">
        <f t="shared" si="442"/>
        <v>0.40592437084217864</v>
      </c>
      <c r="L3893">
        <f t="shared" si="443"/>
        <v>6.605240536692663</v>
      </c>
      <c r="M3893">
        <f t="shared" si="444"/>
        <v>0</v>
      </c>
      <c r="N3893" s="46">
        <f t="shared" si="445"/>
        <v>45452.791666657307</v>
      </c>
    </row>
    <row r="3894" spans="2:14" x14ac:dyDescent="0.3">
      <c r="B3894">
        <f t="shared" si="439"/>
        <v>7</v>
      </c>
      <c r="C3894" s="16">
        <v>3860</v>
      </c>
      <c r="D3894" cm="1">
        <f t="array" ref="D3894">IFERROR(INDEX(Jesper!AH$2:AH$366,ROUNDDOWN($C3894/24,0)+1,1)*INDEX($D$3:$AA$30,INDEX(Jesper!$R$2:$R$366,ROW(INDEX(Jesper!AH$2:AH$366,ROUNDDOWN($C3894/24,0)+1,1))-1)+IF('Standard Profiles'!$G$18=$B$10,7,0)+IF('Standard Profiles'!$G$18=$B$17,14,0)+IF('Standard Profiles'!$G$18=$B$24,21,0),MOD($C3894,24)+1)/SUM(INDEX($D$3:$AA$30,INDEX(Jesper!$R$2:$R$366,ROW(INDEX(Jesper!AH$2:AH$366,ROUNDDOWN($C3894/24,0)+1,1))-1)+IF('Standard Profiles'!$G$18=$B$10,7,0)+IF('Standard Profiles'!$G$18=$B$17,14,0)+IF('Standard Profiles'!$G$18=$B$24,21,0),0)),0)</f>
        <v>5.4139522079868785</v>
      </c>
      <c r="E3894" cm="1">
        <f t="array" ref="E3894">IFERROR(INDEX(Jesper!AI$2:AI$366,ROUNDDOWN($C3894/24,0)+1,1)*INDEX($D$3:$AA$30,INDEX(Jesper!$R$2:$R$366,ROW(INDEX(Jesper!AI$2:AI$366,ROUNDDOWN($C3894/24,0)+1,1))-1)+IF('Standard Profiles'!$G$19=$B$10,7,0)+IF('Standard Profiles'!$G$19=$B$17,14,0)+IF('Standard Profiles'!$G$19=$B$24,21,0),MOD($C3894,24)+1)/SUM(INDEX($D$3:$AA$30,INDEX(Jesper!$R$2:$R$366,ROW(INDEX(Jesper!AI$2:AI$366,ROUNDDOWN($C3894/24,0)+1,1))-1)+IF('Standard Profiles'!$G$19=$B$10,7,0)+IF('Standard Profiles'!$G$19=$B$17,14,0)+IF('Standard Profiles'!$G$19=$B$24,21,0),0)),0)</f>
        <v>0.75501932976645203</v>
      </c>
      <c r="F3894" cm="1">
        <f t="array" ref="F3894">IFERROR(INDEX(Jesper!AJ$2:AJ$366,ROUNDDOWN($C3894/24,0)+1,1)*INDEX($D$3:$AA$30,INDEX(Jesper!$R$2:$R$366,ROW(INDEX(Jesper!AJ$2:AJ$366,ROUNDDOWN($C3894/24,0)+1,1))-1)+IF('Standard Profiles'!$G$20=$B$10,7,0)+IF('Standard Profiles'!$G$20=$B$17,14,0)+IF('Standard Profiles'!$G$20=$B$24,21,0),MOD($C3894,24)+1)/SUM(INDEX($D$3:$AA$30,INDEX(Jesper!$R$2:$R$366,ROW(INDEX(Jesper!AJ$2:AJ$366,ROUNDDOWN($C3894/24,0)+1,1))-1)+IF('Standard Profiles'!$G$20=$B$10,7,0)+IF('Standard Profiles'!$G$20=$B$17,14,0)+IF('Standard Profiles'!$G$20=$B$24,21,0),0)),0)</f>
        <v>0</v>
      </c>
      <c r="G3894" cm="1">
        <f t="array" ref="G3894">IFERROR(INDEX(Jesper!AK$2:AK$366,ROUNDDOWN($C3894/24,0)+1,1)*INDEX($D$3:$AA$30,INDEX(Jesper!$R$2:$R$366,ROW(INDEX(Jesper!AK$2:AK$366,ROUNDDOWN($C3894/24,0)+1,1))-1)+IF('Standard Profiles'!$G$21=$B$10,7,0)+IF('Standard Profiles'!$G$21=$B$17,14,0)+IF('Standard Profiles'!$G$21=$B$24,21,0),MOD($C3894,24)+1)/SUM(INDEX($D$3:$AA$30,INDEX(Jesper!$R$2:$R$366,ROW(INDEX(Jesper!AK$2:AK$366,ROUNDDOWN($C3894/24,0)+1,1))-1)+IF('Standard Profiles'!$G$21=$B$10,7,0)+IF('Standard Profiles'!$G$21=$B$17,14,0)+IF('Standard Profiles'!$G$21=$B$24,21,0),0)),0)</f>
        <v>0</v>
      </c>
      <c r="H3894" cm="1">
        <f t="array" ref="H3894">IFERROR(INDEX(Jesper!AL$2:AL$366,ROUNDDOWN($C3894/24,0)+1,1)*INDEX($D$3:$AA$30,INDEX(Jesper!$R$2:$R$366,ROW(INDEX(Jesper!AL$2:AL$366,ROUNDDOWN($C3894/24,0)+1,1))-1)+IF('Standard Profiles'!$G$22=$B$10,7,0)+IF('Standard Profiles'!$G$22=$B$17,14,0)+IF('Standard Profiles'!$G$22=$B$24,21,0),MOD($C3894,24)+1)/SUM(INDEX($D$3:$AA$30,INDEX(Jesper!$R$2:$R$366,ROW(INDEX(Jesper!AL$2:AL$366,ROUNDDOWN($C3894/24,0)+1,1))-1)+IF('Standard Profiles'!$G$22=$B$10,7,0)+IF('Standard Profiles'!$G$22=$B$17,14,0)+IF('Standard Profiles'!$G$22=$B$24,21,0),0)),0)</f>
        <v>0</v>
      </c>
      <c r="I3894">
        <f t="shared" si="440"/>
        <v>6.801975943841912E-2</v>
      </c>
      <c r="J3894">
        <f t="shared" si="441"/>
        <v>0.2267325314613971</v>
      </c>
      <c r="K3894">
        <f t="shared" si="442"/>
        <v>0.34009879719209563</v>
      </c>
      <c r="L3894">
        <f t="shared" si="443"/>
        <v>5.5341204496614189</v>
      </c>
      <c r="M3894">
        <f t="shared" si="444"/>
        <v>0</v>
      </c>
      <c r="N3894" s="46">
        <f t="shared" si="445"/>
        <v>45452.833333323972</v>
      </c>
    </row>
    <row r="3895" spans="2:14" x14ac:dyDescent="0.3">
      <c r="B3895">
        <f t="shared" si="439"/>
        <v>7</v>
      </c>
      <c r="C3895" s="16">
        <v>3861</v>
      </c>
      <c r="D3895" cm="1">
        <f t="array" ref="D3895">IFERROR(INDEX(Jesper!AH$2:AH$366,ROUNDDOWN($C3895/24,0)+1,1)*INDEX($D$3:$AA$30,INDEX(Jesper!$R$2:$R$366,ROW(INDEX(Jesper!AH$2:AH$366,ROUNDDOWN($C3895/24,0)+1,1))-1)+IF('Standard Profiles'!$G$18=$B$10,7,0)+IF('Standard Profiles'!$G$18=$B$17,14,0)+IF('Standard Profiles'!$G$18=$B$24,21,0),MOD($C3895,24)+1)/SUM(INDEX($D$3:$AA$30,INDEX(Jesper!$R$2:$R$366,ROW(INDEX(Jesper!AH$2:AH$366,ROUNDDOWN($C3895/24,0)+1,1))-1)+IF('Standard Profiles'!$G$18=$B$10,7,0)+IF('Standard Profiles'!$G$18=$B$17,14,0)+IF('Standard Profiles'!$G$18=$B$24,21,0),0)),0)</f>
        <v>4.7153777295369599</v>
      </c>
      <c r="E3895" cm="1">
        <f t="array" ref="E3895">IFERROR(INDEX(Jesper!AI$2:AI$366,ROUNDDOWN($C3895/24,0)+1,1)*INDEX($D$3:$AA$30,INDEX(Jesper!$R$2:$R$366,ROW(INDEX(Jesper!AI$2:AI$366,ROUNDDOWN($C3895/24,0)+1,1))-1)+IF('Standard Profiles'!$G$19=$B$10,7,0)+IF('Standard Profiles'!$G$19=$B$17,14,0)+IF('Standard Profiles'!$G$19=$B$24,21,0),MOD($C3895,24)+1)/SUM(INDEX($D$3:$AA$30,INDEX(Jesper!$R$2:$R$366,ROW(INDEX(Jesper!AI$2:AI$366,ROUNDDOWN($C3895/24,0)+1,1))-1)+IF('Standard Profiles'!$G$19=$B$10,7,0)+IF('Standard Profiles'!$G$19=$B$17,14,0)+IF('Standard Profiles'!$G$19=$B$24,21,0),0)),0)</f>
        <v>0.65759748076432911</v>
      </c>
      <c r="F3895" cm="1">
        <f t="array" ref="F3895">IFERROR(INDEX(Jesper!AJ$2:AJ$366,ROUNDDOWN($C3895/24,0)+1,1)*INDEX($D$3:$AA$30,INDEX(Jesper!$R$2:$R$366,ROW(INDEX(Jesper!AJ$2:AJ$366,ROUNDDOWN($C3895/24,0)+1,1))-1)+IF('Standard Profiles'!$G$20=$B$10,7,0)+IF('Standard Profiles'!$G$20=$B$17,14,0)+IF('Standard Profiles'!$G$20=$B$24,21,0),MOD($C3895,24)+1)/SUM(INDEX($D$3:$AA$30,INDEX(Jesper!$R$2:$R$366,ROW(INDEX(Jesper!AJ$2:AJ$366,ROUNDDOWN($C3895/24,0)+1,1))-1)+IF('Standard Profiles'!$G$20=$B$10,7,0)+IF('Standard Profiles'!$G$20=$B$17,14,0)+IF('Standard Profiles'!$G$20=$B$24,21,0),0)),0)</f>
        <v>0</v>
      </c>
      <c r="G3895" cm="1">
        <f t="array" ref="G3895">IFERROR(INDEX(Jesper!AK$2:AK$366,ROUNDDOWN($C3895/24,0)+1,1)*INDEX($D$3:$AA$30,INDEX(Jesper!$R$2:$R$366,ROW(INDEX(Jesper!AK$2:AK$366,ROUNDDOWN($C3895/24,0)+1,1))-1)+IF('Standard Profiles'!$G$21=$B$10,7,0)+IF('Standard Profiles'!$G$21=$B$17,14,0)+IF('Standard Profiles'!$G$21=$B$24,21,0),MOD($C3895,24)+1)/SUM(INDEX($D$3:$AA$30,INDEX(Jesper!$R$2:$R$366,ROW(INDEX(Jesper!AK$2:AK$366,ROUNDDOWN($C3895/24,0)+1,1))-1)+IF('Standard Profiles'!$G$21=$B$10,7,0)+IF('Standard Profiles'!$G$21=$B$17,14,0)+IF('Standard Profiles'!$G$21=$B$24,21,0),0)),0)</f>
        <v>0</v>
      </c>
      <c r="H3895" cm="1">
        <f t="array" ref="H3895">IFERROR(INDEX(Jesper!AL$2:AL$366,ROUNDDOWN($C3895/24,0)+1,1)*INDEX($D$3:$AA$30,INDEX(Jesper!$R$2:$R$366,ROW(INDEX(Jesper!AL$2:AL$366,ROUNDDOWN($C3895/24,0)+1,1))-1)+IF('Standard Profiles'!$G$22=$B$10,7,0)+IF('Standard Profiles'!$G$22=$B$17,14,0)+IF('Standard Profiles'!$G$22=$B$24,21,0),MOD($C3895,24)+1)/SUM(INDEX($D$3:$AA$30,INDEX(Jesper!$R$2:$R$366,ROW(INDEX(Jesper!AL$2:AL$366,ROUNDDOWN($C3895/24,0)+1,1))-1)+IF('Standard Profiles'!$G$22=$B$10,7,0)+IF('Standard Profiles'!$G$22=$B$17,14,0)+IF('Standard Profiles'!$G$22=$B$24,21,0),0)),0)</f>
        <v>0</v>
      </c>
      <c r="I3895">
        <f t="shared" si="440"/>
        <v>5.9243016285074709E-2</v>
      </c>
      <c r="J3895">
        <f t="shared" si="441"/>
        <v>0.19747672095024907</v>
      </c>
      <c r="K3895">
        <f t="shared" si="442"/>
        <v>0.29621508142537356</v>
      </c>
      <c r="L3895">
        <f t="shared" si="443"/>
        <v>4.8200403916405916</v>
      </c>
      <c r="M3895">
        <f t="shared" si="444"/>
        <v>0</v>
      </c>
      <c r="N3895" s="46">
        <f t="shared" si="445"/>
        <v>45452.874999990636</v>
      </c>
    </row>
    <row r="3896" spans="2:14" x14ac:dyDescent="0.3">
      <c r="B3896">
        <f t="shared" si="439"/>
        <v>7</v>
      </c>
      <c r="C3896" s="16">
        <v>3862</v>
      </c>
      <c r="D3896" cm="1">
        <f t="array" ref="D3896">IFERROR(INDEX(Jesper!AH$2:AH$366,ROUNDDOWN($C3896/24,0)+1,1)*INDEX($D$3:$AA$30,INDEX(Jesper!$R$2:$R$366,ROW(INDEX(Jesper!AH$2:AH$366,ROUNDDOWN($C3896/24,0)+1,1))-1)+IF('Standard Profiles'!$G$18=$B$10,7,0)+IF('Standard Profiles'!$G$18=$B$17,14,0)+IF('Standard Profiles'!$G$18=$B$24,21,0),MOD($C3896,24)+1)/SUM(INDEX($D$3:$AA$30,INDEX(Jesper!$R$2:$R$366,ROW(INDEX(Jesper!AH$2:AH$366,ROUNDDOWN($C3896/24,0)+1,1))-1)+IF('Standard Profiles'!$G$18=$B$10,7,0)+IF('Standard Profiles'!$G$18=$B$17,14,0)+IF('Standard Profiles'!$G$18=$B$24,21,0),0)),0)</f>
        <v>4.7153777295369599</v>
      </c>
      <c r="E3896" cm="1">
        <f t="array" ref="E3896">IFERROR(INDEX(Jesper!AI$2:AI$366,ROUNDDOWN($C3896/24,0)+1,1)*INDEX($D$3:$AA$30,INDEX(Jesper!$R$2:$R$366,ROW(INDEX(Jesper!AI$2:AI$366,ROUNDDOWN($C3896/24,0)+1,1))-1)+IF('Standard Profiles'!$G$19=$B$10,7,0)+IF('Standard Profiles'!$G$19=$B$17,14,0)+IF('Standard Profiles'!$G$19=$B$24,21,0),MOD($C3896,24)+1)/SUM(INDEX($D$3:$AA$30,INDEX(Jesper!$R$2:$R$366,ROW(INDEX(Jesper!AI$2:AI$366,ROUNDDOWN($C3896/24,0)+1,1))-1)+IF('Standard Profiles'!$G$19=$B$10,7,0)+IF('Standard Profiles'!$G$19=$B$17,14,0)+IF('Standard Profiles'!$G$19=$B$24,21,0),0)),0)</f>
        <v>0.65759748076432911</v>
      </c>
      <c r="F3896" cm="1">
        <f t="array" ref="F3896">IFERROR(INDEX(Jesper!AJ$2:AJ$366,ROUNDDOWN($C3896/24,0)+1,1)*INDEX($D$3:$AA$30,INDEX(Jesper!$R$2:$R$366,ROW(INDEX(Jesper!AJ$2:AJ$366,ROUNDDOWN($C3896/24,0)+1,1))-1)+IF('Standard Profiles'!$G$20=$B$10,7,0)+IF('Standard Profiles'!$G$20=$B$17,14,0)+IF('Standard Profiles'!$G$20=$B$24,21,0),MOD($C3896,24)+1)/SUM(INDEX($D$3:$AA$30,INDEX(Jesper!$R$2:$R$366,ROW(INDEX(Jesper!AJ$2:AJ$366,ROUNDDOWN($C3896/24,0)+1,1))-1)+IF('Standard Profiles'!$G$20=$B$10,7,0)+IF('Standard Profiles'!$G$20=$B$17,14,0)+IF('Standard Profiles'!$G$20=$B$24,21,0),0)),0)</f>
        <v>0</v>
      </c>
      <c r="G3896" cm="1">
        <f t="array" ref="G3896">IFERROR(INDEX(Jesper!AK$2:AK$366,ROUNDDOWN($C3896/24,0)+1,1)*INDEX($D$3:$AA$30,INDEX(Jesper!$R$2:$R$366,ROW(INDEX(Jesper!AK$2:AK$366,ROUNDDOWN($C3896/24,0)+1,1))-1)+IF('Standard Profiles'!$G$21=$B$10,7,0)+IF('Standard Profiles'!$G$21=$B$17,14,0)+IF('Standard Profiles'!$G$21=$B$24,21,0),MOD($C3896,24)+1)/SUM(INDEX($D$3:$AA$30,INDEX(Jesper!$R$2:$R$366,ROW(INDEX(Jesper!AK$2:AK$366,ROUNDDOWN($C3896/24,0)+1,1))-1)+IF('Standard Profiles'!$G$21=$B$10,7,0)+IF('Standard Profiles'!$G$21=$B$17,14,0)+IF('Standard Profiles'!$G$21=$B$24,21,0),0)),0)</f>
        <v>0</v>
      </c>
      <c r="H3896" cm="1">
        <f t="array" ref="H3896">IFERROR(INDEX(Jesper!AL$2:AL$366,ROUNDDOWN($C3896/24,0)+1,1)*INDEX($D$3:$AA$30,INDEX(Jesper!$R$2:$R$366,ROW(INDEX(Jesper!AL$2:AL$366,ROUNDDOWN($C3896/24,0)+1,1))-1)+IF('Standard Profiles'!$G$22=$B$10,7,0)+IF('Standard Profiles'!$G$22=$B$17,14,0)+IF('Standard Profiles'!$G$22=$B$24,21,0),MOD($C3896,24)+1)/SUM(INDEX($D$3:$AA$30,INDEX(Jesper!$R$2:$R$366,ROW(INDEX(Jesper!AL$2:AL$366,ROUNDDOWN($C3896/24,0)+1,1))-1)+IF('Standard Profiles'!$G$22=$B$10,7,0)+IF('Standard Profiles'!$G$22=$B$17,14,0)+IF('Standard Profiles'!$G$22=$B$24,21,0),0)),0)</f>
        <v>0</v>
      </c>
      <c r="I3896">
        <f t="shared" si="440"/>
        <v>5.9243016285074709E-2</v>
      </c>
      <c r="J3896">
        <f t="shared" si="441"/>
        <v>0.19747672095024907</v>
      </c>
      <c r="K3896">
        <f t="shared" si="442"/>
        <v>0.29621508142537356</v>
      </c>
      <c r="L3896">
        <f t="shared" si="443"/>
        <v>4.8200403916405916</v>
      </c>
      <c r="M3896">
        <f t="shared" si="444"/>
        <v>0</v>
      </c>
      <c r="N3896" s="46">
        <f t="shared" si="445"/>
        <v>45452.9166666573</v>
      </c>
    </row>
    <row r="3897" spans="2:14" x14ac:dyDescent="0.3">
      <c r="B3897">
        <f t="shared" si="439"/>
        <v>7</v>
      </c>
      <c r="C3897" s="16">
        <v>3863</v>
      </c>
      <c r="D3897" cm="1">
        <f t="array" ref="D3897">IFERROR(INDEX(Jesper!AH$2:AH$366,ROUNDDOWN($C3897/24,0)+1,1)*INDEX($D$3:$AA$30,INDEX(Jesper!$R$2:$R$366,ROW(INDEX(Jesper!AH$2:AH$366,ROUNDDOWN($C3897/24,0)+1,1))-1)+IF('Standard Profiles'!$G$18=$B$10,7,0)+IF('Standard Profiles'!$G$18=$B$17,14,0)+IF('Standard Profiles'!$G$18=$B$24,21,0),MOD($C3897,24)+1)/SUM(INDEX($D$3:$AA$30,INDEX(Jesper!$R$2:$R$366,ROW(INDEX(Jesper!AH$2:AH$366,ROUNDDOWN($C3897/24,0)+1,1))-1)+IF('Standard Profiles'!$G$18=$B$10,7,0)+IF('Standard Profiles'!$G$18=$B$17,14,0)+IF('Standard Profiles'!$G$18=$B$24,21,0),0)),0)</f>
        <v>4.7153777295369599</v>
      </c>
      <c r="E3897" cm="1">
        <f t="array" ref="E3897">IFERROR(INDEX(Jesper!AI$2:AI$366,ROUNDDOWN($C3897/24,0)+1,1)*INDEX($D$3:$AA$30,INDEX(Jesper!$R$2:$R$366,ROW(INDEX(Jesper!AI$2:AI$366,ROUNDDOWN($C3897/24,0)+1,1))-1)+IF('Standard Profiles'!$G$19=$B$10,7,0)+IF('Standard Profiles'!$G$19=$B$17,14,0)+IF('Standard Profiles'!$G$19=$B$24,21,0),MOD($C3897,24)+1)/SUM(INDEX($D$3:$AA$30,INDEX(Jesper!$R$2:$R$366,ROW(INDEX(Jesper!AI$2:AI$366,ROUNDDOWN($C3897/24,0)+1,1))-1)+IF('Standard Profiles'!$G$19=$B$10,7,0)+IF('Standard Profiles'!$G$19=$B$17,14,0)+IF('Standard Profiles'!$G$19=$B$24,21,0),0)),0)</f>
        <v>0.65759748076432911</v>
      </c>
      <c r="F3897" cm="1">
        <f t="array" ref="F3897">IFERROR(INDEX(Jesper!AJ$2:AJ$366,ROUNDDOWN($C3897/24,0)+1,1)*INDEX($D$3:$AA$30,INDEX(Jesper!$R$2:$R$366,ROW(INDEX(Jesper!AJ$2:AJ$366,ROUNDDOWN($C3897/24,0)+1,1))-1)+IF('Standard Profiles'!$G$20=$B$10,7,0)+IF('Standard Profiles'!$G$20=$B$17,14,0)+IF('Standard Profiles'!$G$20=$B$24,21,0),MOD($C3897,24)+1)/SUM(INDEX($D$3:$AA$30,INDEX(Jesper!$R$2:$R$366,ROW(INDEX(Jesper!AJ$2:AJ$366,ROUNDDOWN($C3897/24,0)+1,1))-1)+IF('Standard Profiles'!$G$20=$B$10,7,0)+IF('Standard Profiles'!$G$20=$B$17,14,0)+IF('Standard Profiles'!$G$20=$B$24,21,0),0)),0)</f>
        <v>0</v>
      </c>
      <c r="G3897" cm="1">
        <f t="array" ref="G3897">IFERROR(INDEX(Jesper!AK$2:AK$366,ROUNDDOWN($C3897/24,0)+1,1)*INDEX($D$3:$AA$30,INDEX(Jesper!$R$2:$R$366,ROW(INDEX(Jesper!AK$2:AK$366,ROUNDDOWN($C3897/24,0)+1,1))-1)+IF('Standard Profiles'!$G$21=$B$10,7,0)+IF('Standard Profiles'!$G$21=$B$17,14,0)+IF('Standard Profiles'!$G$21=$B$24,21,0),MOD($C3897,24)+1)/SUM(INDEX($D$3:$AA$30,INDEX(Jesper!$R$2:$R$366,ROW(INDEX(Jesper!AK$2:AK$366,ROUNDDOWN($C3897/24,0)+1,1))-1)+IF('Standard Profiles'!$G$21=$B$10,7,0)+IF('Standard Profiles'!$G$21=$B$17,14,0)+IF('Standard Profiles'!$G$21=$B$24,21,0),0)),0)</f>
        <v>0</v>
      </c>
      <c r="H3897" cm="1">
        <f t="array" ref="H3897">IFERROR(INDEX(Jesper!AL$2:AL$366,ROUNDDOWN($C3897/24,0)+1,1)*INDEX($D$3:$AA$30,INDEX(Jesper!$R$2:$R$366,ROW(INDEX(Jesper!AL$2:AL$366,ROUNDDOWN($C3897/24,0)+1,1))-1)+IF('Standard Profiles'!$G$22=$B$10,7,0)+IF('Standard Profiles'!$G$22=$B$17,14,0)+IF('Standard Profiles'!$G$22=$B$24,21,0),MOD($C3897,24)+1)/SUM(INDEX($D$3:$AA$30,INDEX(Jesper!$R$2:$R$366,ROW(INDEX(Jesper!AL$2:AL$366,ROUNDDOWN($C3897/24,0)+1,1))-1)+IF('Standard Profiles'!$G$22=$B$10,7,0)+IF('Standard Profiles'!$G$22=$B$17,14,0)+IF('Standard Profiles'!$G$22=$B$24,21,0),0)),0)</f>
        <v>0</v>
      </c>
      <c r="I3897">
        <f t="shared" si="440"/>
        <v>5.9243016285074709E-2</v>
      </c>
      <c r="J3897">
        <f t="shared" si="441"/>
        <v>0.19747672095024907</v>
      </c>
      <c r="K3897">
        <f t="shared" si="442"/>
        <v>0.29621508142537356</v>
      </c>
      <c r="L3897">
        <f t="shared" si="443"/>
        <v>4.8200403916405916</v>
      </c>
      <c r="M3897">
        <f t="shared" si="444"/>
        <v>0</v>
      </c>
      <c r="N3897" s="46">
        <f t="shared" si="445"/>
        <v>45452.958333323964</v>
      </c>
    </row>
    <row r="3898" spans="2:14" x14ac:dyDescent="0.3">
      <c r="B3898">
        <f t="shared" si="439"/>
        <v>1</v>
      </c>
      <c r="C3898" s="16">
        <v>3864</v>
      </c>
      <c r="D3898" cm="1">
        <f t="array" ref="D3898">IFERROR(INDEX(Jesper!AH$2:AH$366,ROUNDDOWN($C3898/24,0)+1,1)*INDEX($D$3:$AA$30,INDEX(Jesper!$R$2:$R$366,ROW(INDEX(Jesper!AH$2:AH$366,ROUNDDOWN($C3898/24,0)+1,1))-1)+IF('Standard Profiles'!$G$18=$B$10,7,0)+IF('Standard Profiles'!$G$18=$B$17,14,0)+IF('Standard Profiles'!$G$18=$B$24,21,0),MOD($C3898,24)+1)/SUM(INDEX($D$3:$AA$30,INDEX(Jesper!$R$2:$R$366,ROW(INDEX(Jesper!AH$2:AH$366,ROUNDDOWN($C3898/24,0)+1,1))-1)+IF('Standard Profiles'!$G$18=$B$10,7,0)+IF('Standard Profiles'!$G$18=$B$17,14,0)+IF('Standard Profiles'!$G$18=$B$24,21,0),0)),0)</f>
        <v>2.3481796891562987</v>
      </c>
      <c r="E3898" cm="1">
        <f t="array" ref="E3898">IFERROR(INDEX(Jesper!AI$2:AI$366,ROUNDDOWN($C3898/24,0)+1,1)*INDEX($D$3:$AA$30,INDEX(Jesper!$R$2:$R$366,ROW(INDEX(Jesper!AI$2:AI$366,ROUNDDOWN($C3898/24,0)+1,1))-1)+IF('Standard Profiles'!$G$19=$B$10,7,0)+IF('Standard Profiles'!$G$19=$B$17,14,0)+IF('Standard Profiles'!$G$19=$B$24,21,0),MOD($C3898,24)+1)/SUM(INDEX($D$3:$AA$30,INDEX(Jesper!$R$2:$R$366,ROW(INDEX(Jesper!AI$2:AI$366,ROUNDDOWN($C3898/24,0)+1,1))-1)+IF('Standard Profiles'!$G$19=$B$10,7,0)+IF('Standard Profiles'!$G$19=$B$17,14,0)+IF('Standard Profiles'!$G$19=$B$24,21,0),0)),0)</f>
        <v>0</v>
      </c>
      <c r="F3898" cm="1">
        <f t="array" ref="F3898">IFERROR(INDEX(Jesper!AJ$2:AJ$366,ROUNDDOWN($C3898/24,0)+1,1)*INDEX($D$3:$AA$30,INDEX(Jesper!$R$2:$R$366,ROW(INDEX(Jesper!AJ$2:AJ$366,ROUNDDOWN($C3898/24,0)+1,1))-1)+IF('Standard Profiles'!$G$20=$B$10,7,0)+IF('Standard Profiles'!$G$20=$B$17,14,0)+IF('Standard Profiles'!$G$20=$B$24,21,0),MOD($C3898,24)+1)/SUM(INDEX($D$3:$AA$30,INDEX(Jesper!$R$2:$R$366,ROW(INDEX(Jesper!AJ$2:AJ$366,ROUNDDOWN($C3898/24,0)+1,1))-1)+IF('Standard Profiles'!$G$20=$B$10,7,0)+IF('Standard Profiles'!$G$20=$B$17,14,0)+IF('Standard Profiles'!$G$20=$B$24,21,0),0)),0)</f>
        <v>0</v>
      </c>
      <c r="G3898" cm="1">
        <f t="array" ref="G3898">IFERROR(INDEX(Jesper!AK$2:AK$366,ROUNDDOWN($C3898/24,0)+1,1)*INDEX($D$3:$AA$30,INDEX(Jesper!$R$2:$R$366,ROW(INDEX(Jesper!AK$2:AK$366,ROUNDDOWN($C3898/24,0)+1,1))-1)+IF('Standard Profiles'!$G$21=$B$10,7,0)+IF('Standard Profiles'!$G$21=$B$17,14,0)+IF('Standard Profiles'!$G$21=$B$24,21,0),MOD($C3898,24)+1)/SUM(INDEX($D$3:$AA$30,INDEX(Jesper!$R$2:$R$366,ROW(INDEX(Jesper!AK$2:AK$366,ROUNDDOWN($C3898/24,0)+1,1))-1)+IF('Standard Profiles'!$G$21=$B$10,7,0)+IF('Standard Profiles'!$G$21=$B$17,14,0)+IF('Standard Profiles'!$G$21=$B$24,21,0),0)),0)</f>
        <v>0</v>
      </c>
      <c r="H3898" cm="1">
        <f t="array" ref="H3898">IFERROR(INDEX(Jesper!AL$2:AL$366,ROUNDDOWN($C3898/24,0)+1,1)*INDEX($D$3:$AA$30,INDEX(Jesper!$R$2:$R$366,ROW(INDEX(Jesper!AL$2:AL$366,ROUNDDOWN($C3898/24,0)+1,1))-1)+IF('Standard Profiles'!$G$22=$B$10,7,0)+IF('Standard Profiles'!$G$22=$B$17,14,0)+IF('Standard Profiles'!$G$22=$B$24,21,0),MOD($C3898,24)+1)/SUM(INDEX($D$3:$AA$30,INDEX(Jesper!$R$2:$R$366,ROW(INDEX(Jesper!AL$2:AL$366,ROUNDDOWN($C3898/24,0)+1,1))-1)+IF('Standard Profiles'!$G$22=$B$10,7,0)+IF('Standard Profiles'!$G$22=$B$17,14,0)+IF('Standard Profiles'!$G$22=$B$24,21,0),0)),0)</f>
        <v>0</v>
      </c>
      <c r="I3898">
        <f t="shared" si="440"/>
        <v>7.0445390674688954E-2</v>
      </c>
      <c r="J3898">
        <f t="shared" si="441"/>
        <v>0.23481796891562989</v>
      </c>
      <c r="K3898">
        <f t="shared" si="442"/>
        <v>0.35222695337344478</v>
      </c>
      <c r="L3898">
        <f t="shared" si="443"/>
        <v>1.690689376192535</v>
      </c>
      <c r="M3898">
        <f t="shared" si="444"/>
        <v>0</v>
      </c>
      <c r="N3898" s="46">
        <f t="shared" si="445"/>
        <v>45452.999999990629</v>
      </c>
    </row>
    <row r="3899" spans="2:14" x14ac:dyDescent="0.3">
      <c r="B3899">
        <f t="shared" si="439"/>
        <v>1</v>
      </c>
      <c r="C3899" s="16">
        <v>3865</v>
      </c>
      <c r="D3899" cm="1">
        <f t="array" ref="D3899">IFERROR(INDEX(Jesper!AH$2:AH$366,ROUNDDOWN($C3899/24,0)+1,1)*INDEX($D$3:$AA$30,INDEX(Jesper!$R$2:$R$366,ROW(INDEX(Jesper!AH$2:AH$366,ROUNDDOWN($C3899/24,0)+1,1))-1)+IF('Standard Profiles'!$G$18=$B$10,7,0)+IF('Standard Profiles'!$G$18=$B$17,14,0)+IF('Standard Profiles'!$G$18=$B$24,21,0),MOD($C3899,24)+1)/SUM(INDEX($D$3:$AA$30,INDEX(Jesper!$R$2:$R$366,ROW(INDEX(Jesper!AH$2:AH$366,ROUNDDOWN($C3899/24,0)+1,1))-1)+IF('Standard Profiles'!$G$18=$B$10,7,0)+IF('Standard Profiles'!$G$18=$B$17,14,0)+IF('Standard Profiles'!$G$18=$B$24,21,0),0)),0)</f>
        <v>2.3481796891562987</v>
      </c>
      <c r="E3899" cm="1">
        <f t="array" ref="E3899">IFERROR(INDEX(Jesper!AI$2:AI$366,ROUNDDOWN($C3899/24,0)+1,1)*INDEX($D$3:$AA$30,INDEX(Jesper!$R$2:$R$366,ROW(INDEX(Jesper!AI$2:AI$366,ROUNDDOWN($C3899/24,0)+1,1))-1)+IF('Standard Profiles'!$G$19=$B$10,7,0)+IF('Standard Profiles'!$G$19=$B$17,14,0)+IF('Standard Profiles'!$G$19=$B$24,21,0),MOD($C3899,24)+1)/SUM(INDEX($D$3:$AA$30,INDEX(Jesper!$R$2:$R$366,ROW(INDEX(Jesper!AI$2:AI$366,ROUNDDOWN($C3899/24,0)+1,1))-1)+IF('Standard Profiles'!$G$19=$B$10,7,0)+IF('Standard Profiles'!$G$19=$B$17,14,0)+IF('Standard Profiles'!$G$19=$B$24,21,0),0)),0)</f>
        <v>0</v>
      </c>
      <c r="F3899" cm="1">
        <f t="array" ref="F3899">IFERROR(INDEX(Jesper!AJ$2:AJ$366,ROUNDDOWN($C3899/24,0)+1,1)*INDEX($D$3:$AA$30,INDEX(Jesper!$R$2:$R$366,ROW(INDEX(Jesper!AJ$2:AJ$366,ROUNDDOWN($C3899/24,0)+1,1))-1)+IF('Standard Profiles'!$G$20=$B$10,7,0)+IF('Standard Profiles'!$G$20=$B$17,14,0)+IF('Standard Profiles'!$G$20=$B$24,21,0),MOD($C3899,24)+1)/SUM(INDEX($D$3:$AA$30,INDEX(Jesper!$R$2:$R$366,ROW(INDEX(Jesper!AJ$2:AJ$366,ROUNDDOWN($C3899/24,0)+1,1))-1)+IF('Standard Profiles'!$G$20=$B$10,7,0)+IF('Standard Profiles'!$G$20=$B$17,14,0)+IF('Standard Profiles'!$G$20=$B$24,21,0),0)),0)</f>
        <v>0</v>
      </c>
      <c r="G3899" cm="1">
        <f t="array" ref="G3899">IFERROR(INDEX(Jesper!AK$2:AK$366,ROUNDDOWN($C3899/24,0)+1,1)*INDEX($D$3:$AA$30,INDEX(Jesper!$R$2:$R$366,ROW(INDEX(Jesper!AK$2:AK$366,ROUNDDOWN($C3899/24,0)+1,1))-1)+IF('Standard Profiles'!$G$21=$B$10,7,0)+IF('Standard Profiles'!$G$21=$B$17,14,0)+IF('Standard Profiles'!$G$21=$B$24,21,0),MOD($C3899,24)+1)/SUM(INDEX($D$3:$AA$30,INDEX(Jesper!$R$2:$R$366,ROW(INDEX(Jesper!AK$2:AK$366,ROUNDDOWN($C3899/24,0)+1,1))-1)+IF('Standard Profiles'!$G$21=$B$10,7,0)+IF('Standard Profiles'!$G$21=$B$17,14,0)+IF('Standard Profiles'!$G$21=$B$24,21,0),0)),0)</f>
        <v>0</v>
      </c>
      <c r="H3899" cm="1">
        <f t="array" ref="H3899">IFERROR(INDEX(Jesper!AL$2:AL$366,ROUNDDOWN($C3899/24,0)+1,1)*INDEX($D$3:$AA$30,INDEX(Jesper!$R$2:$R$366,ROW(INDEX(Jesper!AL$2:AL$366,ROUNDDOWN($C3899/24,0)+1,1))-1)+IF('Standard Profiles'!$G$22=$B$10,7,0)+IF('Standard Profiles'!$G$22=$B$17,14,0)+IF('Standard Profiles'!$G$22=$B$24,21,0),MOD($C3899,24)+1)/SUM(INDEX($D$3:$AA$30,INDEX(Jesper!$R$2:$R$366,ROW(INDEX(Jesper!AL$2:AL$366,ROUNDDOWN($C3899/24,0)+1,1))-1)+IF('Standard Profiles'!$G$22=$B$10,7,0)+IF('Standard Profiles'!$G$22=$B$17,14,0)+IF('Standard Profiles'!$G$22=$B$24,21,0),0)),0)</f>
        <v>0</v>
      </c>
      <c r="I3899">
        <f t="shared" si="440"/>
        <v>7.0445390674688954E-2</v>
      </c>
      <c r="J3899">
        <f t="shared" si="441"/>
        <v>0.23481796891562989</v>
      </c>
      <c r="K3899">
        <f t="shared" si="442"/>
        <v>0.35222695337344478</v>
      </c>
      <c r="L3899">
        <f t="shared" si="443"/>
        <v>1.690689376192535</v>
      </c>
      <c r="M3899">
        <f t="shared" si="444"/>
        <v>0</v>
      </c>
      <c r="N3899" s="46">
        <f t="shared" si="445"/>
        <v>45453.041666657293</v>
      </c>
    </row>
    <row r="3900" spans="2:14" x14ac:dyDescent="0.3">
      <c r="B3900">
        <f t="shared" si="439"/>
        <v>1</v>
      </c>
      <c r="C3900" s="16">
        <v>3866</v>
      </c>
      <c r="D3900" cm="1">
        <f t="array" ref="D3900">IFERROR(INDEX(Jesper!AH$2:AH$366,ROUNDDOWN($C3900/24,0)+1,1)*INDEX($D$3:$AA$30,INDEX(Jesper!$R$2:$R$366,ROW(INDEX(Jesper!AH$2:AH$366,ROUNDDOWN($C3900/24,0)+1,1))-1)+IF('Standard Profiles'!$G$18=$B$10,7,0)+IF('Standard Profiles'!$G$18=$B$17,14,0)+IF('Standard Profiles'!$G$18=$B$24,21,0),MOD($C3900,24)+1)/SUM(INDEX($D$3:$AA$30,INDEX(Jesper!$R$2:$R$366,ROW(INDEX(Jesper!AH$2:AH$366,ROUNDDOWN($C3900/24,0)+1,1))-1)+IF('Standard Profiles'!$G$18=$B$10,7,0)+IF('Standard Profiles'!$G$18=$B$17,14,0)+IF('Standard Profiles'!$G$18=$B$24,21,0),0)),0)</f>
        <v>2.3481796891562987</v>
      </c>
      <c r="E3900" cm="1">
        <f t="array" ref="E3900">IFERROR(INDEX(Jesper!AI$2:AI$366,ROUNDDOWN($C3900/24,0)+1,1)*INDEX($D$3:$AA$30,INDEX(Jesper!$R$2:$R$366,ROW(INDEX(Jesper!AI$2:AI$366,ROUNDDOWN($C3900/24,0)+1,1))-1)+IF('Standard Profiles'!$G$19=$B$10,7,0)+IF('Standard Profiles'!$G$19=$B$17,14,0)+IF('Standard Profiles'!$G$19=$B$24,21,0),MOD($C3900,24)+1)/SUM(INDEX($D$3:$AA$30,INDEX(Jesper!$R$2:$R$366,ROW(INDEX(Jesper!AI$2:AI$366,ROUNDDOWN($C3900/24,0)+1,1))-1)+IF('Standard Profiles'!$G$19=$B$10,7,0)+IF('Standard Profiles'!$G$19=$B$17,14,0)+IF('Standard Profiles'!$G$19=$B$24,21,0),0)),0)</f>
        <v>0</v>
      </c>
      <c r="F3900" cm="1">
        <f t="array" ref="F3900">IFERROR(INDEX(Jesper!AJ$2:AJ$366,ROUNDDOWN($C3900/24,0)+1,1)*INDEX($D$3:$AA$30,INDEX(Jesper!$R$2:$R$366,ROW(INDEX(Jesper!AJ$2:AJ$366,ROUNDDOWN($C3900/24,0)+1,1))-1)+IF('Standard Profiles'!$G$20=$B$10,7,0)+IF('Standard Profiles'!$G$20=$B$17,14,0)+IF('Standard Profiles'!$G$20=$B$24,21,0),MOD($C3900,24)+1)/SUM(INDEX($D$3:$AA$30,INDEX(Jesper!$R$2:$R$366,ROW(INDEX(Jesper!AJ$2:AJ$366,ROUNDDOWN($C3900/24,0)+1,1))-1)+IF('Standard Profiles'!$G$20=$B$10,7,0)+IF('Standard Profiles'!$G$20=$B$17,14,0)+IF('Standard Profiles'!$G$20=$B$24,21,0),0)),0)</f>
        <v>0</v>
      </c>
      <c r="G3900" cm="1">
        <f t="array" ref="G3900">IFERROR(INDEX(Jesper!AK$2:AK$366,ROUNDDOWN($C3900/24,0)+1,1)*INDEX($D$3:$AA$30,INDEX(Jesper!$R$2:$R$366,ROW(INDEX(Jesper!AK$2:AK$366,ROUNDDOWN($C3900/24,0)+1,1))-1)+IF('Standard Profiles'!$G$21=$B$10,7,0)+IF('Standard Profiles'!$G$21=$B$17,14,0)+IF('Standard Profiles'!$G$21=$B$24,21,0),MOD($C3900,24)+1)/SUM(INDEX($D$3:$AA$30,INDEX(Jesper!$R$2:$R$366,ROW(INDEX(Jesper!AK$2:AK$366,ROUNDDOWN($C3900/24,0)+1,1))-1)+IF('Standard Profiles'!$G$21=$B$10,7,0)+IF('Standard Profiles'!$G$21=$B$17,14,0)+IF('Standard Profiles'!$G$21=$B$24,21,0),0)),0)</f>
        <v>0</v>
      </c>
      <c r="H3900" cm="1">
        <f t="array" ref="H3900">IFERROR(INDEX(Jesper!AL$2:AL$366,ROUNDDOWN($C3900/24,0)+1,1)*INDEX($D$3:$AA$30,INDEX(Jesper!$R$2:$R$366,ROW(INDEX(Jesper!AL$2:AL$366,ROUNDDOWN($C3900/24,0)+1,1))-1)+IF('Standard Profiles'!$G$22=$B$10,7,0)+IF('Standard Profiles'!$G$22=$B$17,14,0)+IF('Standard Profiles'!$G$22=$B$24,21,0),MOD($C3900,24)+1)/SUM(INDEX($D$3:$AA$30,INDEX(Jesper!$R$2:$R$366,ROW(INDEX(Jesper!AL$2:AL$366,ROUNDDOWN($C3900/24,0)+1,1))-1)+IF('Standard Profiles'!$G$22=$B$10,7,0)+IF('Standard Profiles'!$G$22=$B$17,14,0)+IF('Standard Profiles'!$G$22=$B$24,21,0),0)),0)</f>
        <v>0</v>
      </c>
      <c r="I3900">
        <f t="shared" si="440"/>
        <v>7.0445390674688954E-2</v>
      </c>
      <c r="J3900">
        <f t="shared" si="441"/>
        <v>0.23481796891562989</v>
      </c>
      <c r="K3900">
        <f t="shared" si="442"/>
        <v>0.35222695337344478</v>
      </c>
      <c r="L3900">
        <f t="shared" si="443"/>
        <v>1.690689376192535</v>
      </c>
      <c r="M3900">
        <f t="shared" si="444"/>
        <v>0</v>
      </c>
      <c r="N3900" s="46">
        <f t="shared" si="445"/>
        <v>45453.083333323957</v>
      </c>
    </row>
    <row r="3901" spans="2:14" x14ac:dyDescent="0.3">
      <c r="B3901">
        <f t="shared" si="439"/>
        <v>1</v>
      </c>
      <c r="C3901" s="16">
        <v>3867</v>
      </c>
      <c r="D3901" cm="1">
        <f t="array" ref="D3901">IFERROR(INDEX(Jesper!AH$2:AH$366,ROUNDDOWN($C3901/24,0)+1,1)*INDEX($D$3:$AA$30,INDEX(Jesper!$R$2:$R$366,ROW(INDEX(Jesper!AH$2:AH$366,ROUNDDOWN($C3901/24,0)+1,1))-1)+IF('Standard Profiles'!$G$18=$B$10,7,0)+IF('Standard Profiles'!$G$18=$B$17,14,0)+IF('Standard Profiles'!$G$18=$B$24,21,0),MOD($C3901,24)+1)/SUM(INDEX($D$3:$AA$30,INDEX(Jesper!$R$2:$R$366,ROW(INDEX(Jesper!AH$2:AH$366,ROUNDDOWN($C3901/24,0)+1,1))-1)+IF('Standard Profiles'!$G$18=$B$10,7,0)+IF('Standard Profiles'!$G$18=$B$17,14,0)+IF('Standard Profiles'!$G$18=$B$24,21,0),0)),0)</f>
        <v>2.3481796891562987</v>
      </c>
      <c r="E3901" cm="1">
        <f t="array" ref="E3901">IFERROR(INDEX(Jesper!AI$2:AI$366,ROUNDDOWN($C3901/24,0)+1,1)*INDEX($D$3:$AA$30,INDEX(Jesper!$R$2:$R$366,ROW(INDEX(Jesper!AI$2:AI$366,ROUNDDOWN($C3901/24,0)+1,1))-1)+IF('Standard Profiles'!$G$19=$B$10,7,0)+IF('Standard Profiles'!$G$19=$B$17,14,0)+IF('Standard Profiles'!$G$19=$B$24,21,0),MOD($C3901,24)+1)/SUM(INDEX($D$3:$AA$30,INDEX(Jesper!$R$2:$R$366,ROW(INDEX(Jesper!AI$2:AI$366,ROUNDDOWN($C3901/24,0)+1,1))-1)+IF('Standard Profiles'!$G$19=$B$10,7,0)+IF('Standard Profiles'!$G$19=$B$17,14,0)+IF('Standard Profiles'!$G$19=$B$24,21,0),0)),0)</f>
        <v>0</v>
      </c>
      <c r="F3901" cm="1">
        <f t="array" ref="F3901">IFERROR(INDEX(Jesper!AJ$2:AJ$366,ROUNDDOWN($C3901/24,0)+1,1)*INDEX($D$3:$AA$30,INDEX(Jesper!$R$2:$R$366,ROW(INDEX(Jesper!AJ$2:AJ$366,ROUNDDOWN($C3901/24,0)+1,1))-1)+IF('Standard Profiles'!$G$20=$B$10,7,0)+IF('Standard Profiles'!$G$20=$B$17,14,0)+IF('Standard Profiles'!$G$20=$B$24,21,0),MOD($C3901,24)+1)/SUM(INDEX($D$3:$AA$30,INDEX(Jesper!$R$2:$R$366,ROW(INDEX(Jesper!AJ$2:AJ$366,ROUNDDOWN($C3901/24,0)+1,1))-1)+IF('Standard Profiles'!$G$20=$B$10,7,0)+IF('Standard Profiles'!$G$20=$B$17,14,0)+IF('Standard Profiles'!$G$20=$B$24,21,0),0)),0)</f>
        <v>0</v>
      </c>
      <c r="G3901" cm="1">
        <f t="array" ref="G3901">IFERROR(INDEX(Jesper!AK$2:AK$366,ROUNDDOWN($C3901/24,0)+1,1)*INDEX($D$3:$AA$30,INDEX(Jesper!$R$2:$R$366,ROW(INDEX(Jesper!AK$2:AK$366,ROUNDDOWN($C3901/24,0)+1,1))-1)+IF('Standard Profiles'!$G$21=$B$10,7,0)+IF('Standard Profiles'!$G$21=$B$17,14,0)+IF('Standard Profiles'!$G$21=$B$24,21,0),MOD($C3901,24)+1)/SUM(INDEX($D$3:$AA$30,INDEX(Jesper!$R$2:$R$366,ROW(INDEX(Jesper!AK$2:AK$366,ROUNDDOWN($C3901/24,0)+1,1))-1)+IF('Standard Profiles'!$G$21=$B$10,7,0)+IF('Standard Profiles'!$G$21=$B$17,14,0)+IF('Standard Profiles'!$G$21=$B$24,21,0),0)),0)</f>
        <v>0</v>
      </c>
      <c r="H3901" cm="1">
        <f t="array" ref="H3901">IFERROR(INDEX(Jesper!AL$2:AL$366,ROUNDDOWN($C3901/24,0)+1,1)*INDEX($D$3:$AA$30,INDEX(Jesper!$R$2:$R$366,ROW(INDEX(Jesper!AL$2:AL$366,ROUNDDOWN($C3901/24,0)+1,1))-1)+IF('Standard Profiles'!$G$22=$B$10,7,0)+IF('Standard Profiles'!$G$22=$B$17,14,0)+IF('Standard Profiles'!$G$22=$B$24,21,0),MOD($C3901,24)+1)/SUM(INDEX($D$3:$AA$30,INDEX(Jesper!$R$2:$R$366,ROW(INDEX(Jesper!AL$2:AL$366,ROUNDDOWN($C3901/24,0)+1,1))-1)+IF('Standard Profiles'!$G$22=$B$10,7,0)+IF('Standard Profiles'!$G$22=$B$17,14,0)+IF('Standard Profiles'!$G$22=$B$24,21,0),0)),0)</f>
        <v>0</v>
      </c>
      <c r="I3901">
        <f t="shared" si="440"/>
        <v>7.0445390674688954E-2</v>
      </c>
      <c r="J3901">
        <f t="shared" si="441"/>
        <v>0.23481796891562989</v>
      </c>
      <c r="K3901">
        <f t="shared" si="442"/>
        <v>0.35222695337344478</v>
      </c>
      <c r="L3901">
        <f t="shared" si="443"/>
        <v>1.690689376192535</v>
      </c>
      <c r="M3901">
        <f t="shared" si="444"/>
        <v>0</v>
      </c>
      <c r="N3901" s="46">
        <f t="shared" si="445"/>
        <v>45453.124999990621</v>
      </c>
    </row>
    <row r="3902" spans="2:14" x14ac:dyDescent="0.3">
      <c r="B3902">
        <f t="shared" si="439"/>
        <v>1</v>
      </c>
      <c r="C3902" s="16">
        <v>3868</v>
      </c>
      <c r="D3902" cm="1">
        <f t="array" ref="D3902">IFERROR(INDEX(Jesper!AH$2:AH$366,ROUNDDOWN($C3902/24,0)+1,1)*INDEX($D$3:$AA$30,INDEX(Jesper!$R$2:$R$366,ROW(INDEX(Jesper!AH$2:AH$366,ROUNDDOWN($C3902/24,0)+1,1))-1)+IF('Standard Profiles'!$G$18=$B$10,7,0)+IF('Standard Profiles'!$G$18=$B$17,14,0)+IF('Standard Profiles'!$G$18=$B$24,21,0),MOD($C3902,24)+1)/SUM(INDEX($D$3:$AA$30,INDEX(Jesper!$R$2:$R$366,ROW(INDEX(Jesper!AH$2:AH$366,ROUNDDOWN($C3902/24,0)+1,1))-1)+IF('Standard Profiles'!$G$18=$B$10,7,0)+IF('Standard Profiles'!$G$18=$B$17,14,0)+IF('Standard Profiles'!$G$18=$B$24,21,0),0)),0)</f>
        <v>2.3481796891562987</v>
      </c>
      <c r="E3902" cm="1">
        <f t="array" ref="E3902">IFERROR(INDEX(Jesper!AI$2:AI$366,ROUNDDOWN($C3902/24,0)+1,1)*INDEX($D$3:$AA$30,INDEX(Jesper!$R$2:$R$366,ROW(INDEX(Jesper!AI$2:AI$366,ROUNDDOWN($C3902/24,0)+1,1))-1)+IF('Standard Profiles'!$G$19=$B$10,7,0)+IF('Standard Profiles'!$G$19=$B$17,14,0)+IF('Standard Profiles'!$G$19=$B$24,21,0),MOD($C3902,24)+1)/SUM(INDEX($D$3:$AA$30,INDEX(Jesper!$R$2:$R$366,ROW(INDEX(Jesper!AI$2:AI$366,ROUNDDOWN($C3902/24,0)+1,1))-1)+IF('Standard Profiles'!$G$19=$B$10,7,0)+IF('Standard Profiles'!$G$19=$B$17,14,0)+IF('Standard Profiles'!$G$19=$B$24,21,0),0)),0)</f>
        <v>0</v>
      </c>
      <c r="F3902" cm="1">
        <f t="array" ref="F3902">IFERROR(INDEX(Jesper!AJ$2:AJ$366,ROUNDDOWN($C3902/24,0)+1,1)*INDEX($D$3:$AA$30,INDEX(Jesper!$R$2:$R$366,ROW(INDEX(Jesper!AJ$2:AJ$366,ROUNDDOWN($C3902/24,0)+1,1))-1)+IF('Standard Profiles'!$G$20=$B$10,7,0)+IF('Standard Profiles'!$G$20=$B$17,14,0)+IF('Standard Profiles'!$G$20=$B$24,21,0),MOD($C3902,24)+1)/SUM(INDEX($D$3:$AA$30,INDEX(Jesper!$R$2:$R$366,ROW(INDEX(Jesper!AJ$2:AJ$366,ROUNDDOWN($C3902/24,0)+1,1))-1)+IF('Standard Profiles'!$G$20=$B$10,7,0)+IF('Standard Profiles'!$G$20=$B$17,14,0)+IF('Standard Profiles'!$G$20=$B$24,21,0),0)),0)</f>
        <v>0</v>
      </c>
      <c r="G3902" cm="1">
        <f t="array" ref="G3902">IFERROR(INDEX(Jesper!AK$2:AK$366,ROUNDDOWN($C3902/24,0)+1,1)*INDEX($D$3:$AA$30,INDEX(Jesper!$R$2:$R$366,ROW(INDEX(Jesper!AK$2:AK$366,ROUNDDOWN($C3902/24,0)+1,1))-1)+IF('Standard Profiles'!$G$21=$B$10,7,0)+IF('Standard Profiles'!$G$21=$B$17,14,0)+IF('Standard Profiles'!$G$21=$B$24,21,0),MOD($C3902,24)+1)/SUM(INDEX($D$3:$AA$30,INDEX(Jesper!$R$2:$R$366,ROW(INDEX(Jesper!AK$2:AK$366,ROUNDDOWN($C3902/24,0)+1,1))-1)+IF('Standard Profiles'!$G$21=$B$10,7,0)+IF('Standard Profiles'!$G$21=$B$17,14,0)+IF('Standard Profiles'!$G$21=$B$24,21,0),0)),0)</f>
        <v>0</v>
      </c>
      <c r="H3902" cm="1">
        <f t="array" ref="H3902">IFERROR(INDEX(Jesper!AL$2:AL$366,ROUNDDOWN($C3902/24,0)+1,1)*INDEX($D$3:$AA$30,INDEX(Jesper!$R$2:$R$366,ROW(INDEX(Jesper!AL$2:AL$366,ROUNDDOWN($C3902/24,0)+1,1))-1)+IF('Standard Profiles'!$G$22=$B$10,7,0)+IF('Standard Profiles'!$G$22=$B$17,14,0)+IF('Standard Profiles'!$G$22=$B$24,21,0),MOD($C3902,24)+1)/SUM(INDEX($D$3:$AA$30,INDEX(Jesper!$R$2:$R$366,ROW(INDEX(Jesper!AL$2:AL$366,ROUNDDOWN($C3902/24,0)+1,1))-1)+IF('Standard Profiles'!$G$22=$B$10,7,0)+IF('Standard Profiles'!$G$22=$B$17,14,0)+IF('Standard Profiles'!$G$22=$B$24,21,0),0)),0)</f>
        <v>0</v>
      </c>
      <c r="I3902">
        <f t="shared" si="440"/>
        <v>7.0445390674688954E-2</v>
      </c>
      <c r="J3902">
        <f t="shared" si="441"/>
        <v>0.23481796891562989</v>
      </c>
      <c r="K3902">
        <f t="shared" si="442"/>
        <v>0.35222695337344478</v>
      </c>
      <c r="L3902">
        <f t="shared" si="443"/>
        <v>1.690689376192535</v>
      </c>
      <c r="M3902">
        <f t="shared" si="444"/>
        <v>0</v>
      </c>
      <c r="N3902" s="46">
        <f t="shared" si="445"/>
        <v>45453.166666657286</v>
      </c>
    </row>
    <row r="3903" spans="2:14" x14ac:dyDescent="0.3">
      <c r="B3903">
        <f t="shared" si="439"/>
        <v>1</v>
      </c>
      <c r="C3903" s="16">
        <v>3869</v>
      </c>
      <c r="D3903" cm="1">
        <f t="array" ref="D3903">IFERROR(INDEX(Jesper!AH$2:AH$366,ROUNDDOWN($C3903/24,0)+1,1)*INDEX($D$3:$AA$30,INDEX(Jesper!$R$2:$R$366,ROW(INDEX(Jesper!AH$2:AH$366,ROUNDDOWN($C3903/24,0)+1,1))-1)+IF('Standard Profiles'!$G$18=$B$10,7,0)+IF('Standard Profiles'!$G$18=$B$17,14,0)+IF('Standard Profiles'!$G$18=$B$24,21,0),MOD($C3903,24)+1)/SUM(INDEX($D$3:$AA$30,INDEX(Jesper!$R$2:$R$366,ROW(INDEX(Jesper!AH$2:AH$366,ROUNDDOWN($C3903/24,0)+1,1))-1)+IF('Standard Profiles'!$G$18=$B$10,7,0)+IF('Standard Profiles'!$G$18=$B$17,14,0)+IF('Standard Profiles'!$G$18=$B$24,21,0),0)),0)</f>
        <v>10.175445319677296</v>
      </c>
      <c r="E3903" cm="1">
        <f t="array" ref="E3903">IFERROR(INDEX(Jesper!AI$2:AI$366,ROUNDDOWN($C3903/24,0)+1,1)*INDEX($D$3:$AA$30,INDEX(Jesper!$R$2:$R$366,ROW(INDEX(Jesper!AI$2:AI$366,ROUNDDOWN($C3903/24,0)+1,1))-1)+IF('Standard Profiles'!$G$19=$B$10,7,0)+IF('Standard Profiles'!$G$19=$B$17,14,0)+IF('Standard Profiles'!$G$19=$B$24,21,0),MOD($C3903,24)+1)/SUM(INDEX($D$3:$AA$30,INDEX(Jesper!$R$2:$R$366,ROW(INDEX(Jesper!AI$2:AI$366,ROUNDDOWN($C3903/24,0)+1,1))-1)+IF('Standard Profiles'!$G$19=$B$10,7,0)+IF('Standard Profiles'!$G$19=$B$17,14,0)+IF('Standard Profiles'!$G$19=$B$24,21,0),0)),0)</f>
        <v>0</v>
      </c>
      <c r="F3903" cm="1">
        <f t="array" ref="F3903">IFERROR(INDEX(Jesper!AJ$2:AJ$366,ROUNDDOWN($C3903/24,0)+1,1)*INDEX($D$3:$AA$30,INDEX(Jesper!$R$2:$R$366,ROW(INDEX(Jesper!AJ$2:AJ$366,ROUNDDOWN($C3903/24,0)+1,1))-1)+IF('Standard Profiles'!$G$20=$B$10,7,0)+IF('Standard Profiles'!$G$20=$B$17,14,0)+IF('Standard Profiles'!$G$20=$B$24,21,0),MOD($C3903,24)+1)/SUM(INDEX($D$3:$AA$30,INDEX(Jesper!$R$2:$R$366,ROW(INDEX(Jesper!AJ$2:AJ$366,ROUNDDOWN($C3903/24,0)+1,1))-1)+IF('Standard Profiles'!$G$20=$B$10,7,0)+IF('Standard Profiles'!$G$20=$B$17,14,0)+IF('Standard Profiles'!$G$20=$B$24,21,0),0)),0)</f>
        <v>0</v>
      </c>
      <c r="G3903" cm="1">
        <f t="array" ref="G3903">IFERROR(INDEX(Jesper!AK$2:AK$366,ROUNDDOWN($C3903/24,0)+1,1)*INDEX($D$3:$AA$30,INDEX(Jesper!$R$2:$R$366,ROW(INDEX(Jesper!AK$2:AK$366,ROUNDDOWN($C3903/24,0)+1,1))-1)+IF('Standard Profiles'!$G$21=$B$10,7,0)+IF('Standard Profiles'!$G$21=$B$17,14,0)+IF('Standard Profiles'!$G$21=$B$24,21,0),MOD($C3903,24)+1)/SUM(INDEX($D$3:$AA$30,INDEX(Jesper!$R$2:$R$366,ROW(INDEX(Jesper!AK$2:AK$366,ROUNDDOWN($C3903/24,0)+1,1))-1)+IF('Standard Profiles'!$G$21=$B$10,7,0)+IF('Standard Profiles'!$G$21=$B$17,14,0)+IF('Standard Profiles'!$G$21=$B$24,21,0),0)),0)</f>
        <v>0</v>
      </c>
      <c r="H3903" cm="1">
        <f t="array" ref="H3903">IFERROR(INDEX(Jesper!AL$2:AL$366,ROUNDDOWN($C3903/24,0)+1,1)*INDEX($D$3:$AA$30,INDEX(Jesper!$R$2:$R$366,ROW(INDEX(Jesper!AL$2:AL$366,ROUNDDOWN($C3903/24,0)+1,1))-1)+IF('Standard Profiles'!$G$22=$B$10,7,0)+IF('Standard Profiles'!$G$22=$B$17,14,0)+IF('Standard Profiles'!$G$22=$B$24,21,0),MOD($C3903,24)+1)/SUM(INDEX($D$3:$AA$30,INDEX(Jesper!$R$2:$R$366,ROW(INDEX(Jesper!AL$2:AL$366,ROUNDDOWN($C3903/24,0)+1,1))-1)+IF('Standard Profiles'!$G$22=$B$10,7,0)+IF('Standard Profiles'!$G$22=$B$17,14,0)+IF('Standard Profiles'!$G$22=$B$24,21,0),0)),0)</f>
        <v>0</v>
      </c>
      <c r="I3903">
        <f t="shared" si="440"/>
        <v>0.30526335959031886</v>
      </c>
      <c r="J3903">
        <f t="shared" si="441"/>
        <v>1.0175445319677296</v>
      </c>
      <c r="K3903">
        <f t="shared" si="442"/>
        <v>1.5263167979515944</v>
      </c>
      <c r="L3903">
        <f t="shared" si="443"/>
        <v>7.3263206301676531</v>
      </c>
      <c r="M3903">
        <f t="shared" si="444"/>
        <v>0</v>
      </c>
      <c r="N3903" s="46">
        <f t="shared" si="445"/>
        <v>45453.20833332395</v>
      </c>
    </row>
    <row r="3904" spans="2:14" x14ac:dyDescent="0.3">
      <c r="B3904">
        <f t="shared" si="439"/>
        <v>1</v>
      </c>
      <c r="C3904" s="16">
        <v>3870</v>
      </c>
      <c r="D3904" cm="1">
        <f t="array" ref="D3904">IFERROR(INDEX(Jesper!AH$2:AH$366,ROUNDDOWN($C3904/24,0)+1,1)*INDEX($D$3:$AA$30,INDEX(Jesper!$R$2:$R$366,ROW(INDEX(Jesper!AH$2:AH$366,ROUNDDOWN($C3904/24,0)+1,1))-1)+IF('Standard Profiles'!$G$18=$B$10,7,0)+IF('Standard Profiles'!$G$18=$B$17,14,0)+IF('Standard Profiles'!$G$18=$B$24,21,0),MOD($C3904,24)+1)/SUM(INDEX($D$3:$AA$30,INDEX(Jesper!$R$2:$R$366,ROW(INDEX(Jesper!AH$2:AH$366,ROUNDDOWN($C3904/24,0)+1,1))-1)+IF('Standard Profiles'!$G$18=$B$10,7,0)+IF('Standard Profiles'!$G$18=$B$17,14,0)+IF('Standard Profiles'!$G$18=$B$24,21,0),0)),0)</f>
        <v>11.54521680501847</v>
      </c>
      <c r="E3904" cm="1">
        <f t="array" ref="E3904">IFERROR(INDEX(Jesper!AI$2:AI$366,ROUNDDOWN($C3904/24,0)+1,1)*INDEX($D$3:$AA$30,INDEX(Jesper!$R$2:$R$366,ROW(INDEX(Jesper!AI$2:AI$366,ROUNDDOWN($C3904/24,0)+1,1))-1)+IF('Standard Profiles'!$G$19=$B$10,7,0)+IF('Standard Profiles'!$G$19=$B$17,14,0)+IF('Standard Profiles'!$G$19=$B$24,21,0),MOD($C3904,24)+1)/SUM(INDEX($D$3:$AA$30,INDEX(Jesper!$R$2:$R$366,ROW(INDEX(Jesper!AI$2:AI$366,ROUNDDOWN($C3904/24,0)+1,1))-1)+IF('Standard Profiles'!$G$19=$B$10,7,0)+IF('Standard Profiles'!$G$19=$B$17,14,0)+IF('Standard Profiles'!$G$19=$B$24,21,0),0)),0)</f>
        <v>0</v>
      </c>
      <c r="F3904" cm="1">
        <f t="array" ref="F3904">IFERROR(INDEX(Jesper!AJ$2:AJ$366,ROUNDDOWN($C3904/24,0)+1,1)*INDEX($D$3:$AA$30,INDEX(Jesper!$R$2:$R$366,ROW(INDEX(Jesper!AJ$2:AJ$366,ROUNDDOWN($C3904/24,0)+1,1))-1)+IF('Standard Profiles'!$G$20=$B$10,7,0)+IF('Standard Profiles'!$G$20=$B$17,14,0)+IF('Standard Profiles'!$G$20=$B$24,21,0),MOD($C3904,24)+1)/SUM(INDEX($D$3:$AA$30,INDEX(Jesper!$R$2:$R$366,ROW(INDEX(Jesper!AJ$2:AJ$366,ROUNDDOWN($C3904/24,0)+1,1))-1)+IF('Standard Profiles'!$G$20=$B$10,7,0)+IF('Standard Profiles'!$G$20=$B$17,14,0)+IF('Standard Profiles'!$G$20=$B$24,21,0),0)),0)</f>
        <v>0</v>
      </c>
      <c r="G3904" cm="1">
        <f t="array" ref="G3904">IFERROR(INDEX(Jesper!AK$2:AK$366,ROUNDDOWN($C3904/24,0)+1,1)*INDEX($D$3:$AA$30,INDEX(Jesper!$R$2:$R$366,ROW(INDEX(Jesper!AK$2:AK$366,ROUNDDOWN($C3904/24,0)+1,1))-1)+IF('Standard Profiles'!$G$21=$B$10,7,0)+IF('Standard Profiles'!$G$21=$B$17,14,0)+IF('Standard Profiles'!$G$21=$B$24,21,0),MOD($C3904,24)+1)/SUM(INDEX($D$3:$AA$30,INDEX(Jesper!$R$2:$R$366,ROW(INDEX(Jesper!AK$2:AK$366,ROUNDDOWN($C3904/24,0)+1,1))-1)+IF('Standard Profiles'!$G$21=$B$10,7,0)+IF('Standard Profiles'!$G$21=$B$17,14,0)+IF('Standard Profiles'!$G$21=$B$24,21,0),0)),0)</f>
        <v>0</v>
      </c>
      <c r="H3904" cm="1">
        <f t="array" ref="H3904">IFERROR(INDEX(Jesper!AL$2:AL$366,ROUNDDOWN($C3904/24,0)+1,1)*INDEX($D$3:$AA$30,INDEX(Jesper!$R$2:$R$366,ROW(INDEX(Jesper!AL$2:AL$366,ROUNDDOWN($C3904/24,0)+1,1))-1)+IF('Standard Profiles'!$G$22=$B$10,7,0)+IF('Standard Profiles'!$G$22=$B$17,14,0)+IF('Standard Profiles'!$G$22=$B$24,21,0),MOD($C3904,24)+1)/SUM(INDEX($D$3:$AA$30,INDEX(Jesper!$R$2:$R$366,ROW(INDEX(Jesper!AL$2:AL$366,ROUNDDOWN($C3904/24,0)+1,1))-1)+IF('Standard Profiles'!$G$22=$B$10,7,0)+IF('Standard Profiles'!$G$22=$B$17,14,0)+IF('Standard Profiles'!$G$22=$B$24,21,0),0)),0)</f>
        <v>0</v>
      </c>
      <c r="I3904">
        <f t="shared" si="440"/>
        <v>0.34635650415055408</v>
      </c>
      <c r="J3904">
        <f t="shared" si="441"/>
        <v>1.154521680501847</v>
      </c>
      <c r="K3904">
        <f t="shared" si="442"/>
        <v>1.7317825207527704</v>
      </c>
      <c r="L3904">
        <f t="shared" si="443"/>
        <v>8.3125560996132979</v>
      </c>
      <c r="M3904">
        <f t="shared" si="444"/>
        <v>0</v>
      </c>
      <c r="N3904" s="46">
        <f t="shared" si="445"/>
        <v>45453.249999990614</v>
      </c>
    </row>
    <row r="3905" spans="2:14" x14ac:dyDescent="0.3">
      <c r="B3905">
        <f t="shared" si="439"/>
        <v>1</v>
      </c>
      <c r="C3905" s="16">
        <v>3871</v>
      </c>
      <c r="D3905" cm="1">
        <f t="array" ref="D3905">IFERROR(INDEX(Jesper!AH$2:AH$366,ROUNDDOWN($C3905/24,0)+1,1)*INDEX($D$3:$AA$30,INDEX(Jesper!$R$2:$R$366,ROW(INDEX(Jesper!AH$2:AH$366,ROUNDDOWN($C3905/24,0)+1,1))-1)+IF('Standard Profiles'!$G$18=$B$10,7,0)+IF('Standard Profiles'!$G$18=$B$17,14,0)+IF('Standard Profiles'!$G$18=$B$24,21,0),MOD($C3905,24)+1)/SUM(INDEX($D$3:$AA$30,INDEX(Jesper!$R$2:$R$366,ROW(INDEX(Jesper!AH$2:AH$366,ROUNDDOWN($C3905/24,0)+1,1))-1)+IF('Standard Profiles'!$G$18=$B$10,7,0)+IF('Standard Profiles'!$G$18=$B$17,14,0)+IF('Standard Profiles'!$G$18=$B$24,21,0),0)),0)</f>
        <v>11.54521680501847</v>
      </c>
      <c r="E3905" cm="1">
        <f t="array" ref="E3905">IFERROR(INDEX(Jesper!AI$2:AI$366,ROUNDDOWN($C3905/24,0)+1,1)*INDEX($D$3:$AA$30,INDEX(Jesper!$R$2:$R$366,ROW(INDEX(Jesper!AI$2:AI$366,ROUNDDOWN($C3905/24,0)+1,1))-1)+IF('Standard Profiles'!$G$19=$B$10,7,0)+IF('Standard Profiles'!$G$19=$B$17,14,0)+IF('Standard Profiles'!$G$19=$B$24,21,0),MOD($C3905,24)+1)/SUM(INDEX($D$3:$AA$30,INDEX(Jesper!$R$2:$R$366,ROW(INDEX(Jesper!AI$2:AI$366,ROUNDDOWN($C3905/24,0)+1,1))-1)+IF('Standard Profiles'!$G$19=$B$10,7,0)+IF('Standard Profiles'!$G$19=$B$17,14,0)+IF('Standard Profiles'!$G$19=$B$24,21,0),0)),0)</f>
        <v>0</v>
      </c>
      <c r="F3905" cm="1">
        <f t="array" ref="F3905">IFERROR(INDEX(Jesper!AJ$2:AJ$366,ROUNDDOWN($C3905/24,0)+1,1)*INDEX($D$3:$AA$30,INDEX(Jesper!$R$2:$R$366,ROW(INDEX(Jesper!AJ$2:AJ$366,ROUNDDOWN($C3905/24,0)+1,1))-1)+IF('Standard Profiles'!$G$20=$B$10,7,0)+IF('Standard Profiles'!$G$20=$B$17,14,0)+IF('Standard Profiles'!$G$20=$B$24,21,0),MOD($C3905,24)+1)/SUM(INDEX($D$3:$AA$30,INDEX(Jesper!$R$2:$R$366,ROW(INDEX(Jesper!AJ$2:AJ$366,ROUNDDOWN($C3905/24,0)+1,1))-1)+IF('Standard Profiles'!$G$20=$B$10,7,0)+IF('Standard Profiles'!$G$20=$B$17,14,0)+IF('Standard Profiles'!$G$20=$B$24,21,0),0)),0)</f>
        <v>0</v>
      </c>
      <c r="G3905" cm="1">
        <f t="array" ref="G3905">IFERROR(INDEX(Jesper!AK$2:AK$366,ROUNDDOWN($C3905/24,0)+1,1)*INDEX($D$3:$AA$30,INDEX(Jesper!$R$2:$R$366,ROW(INDEX(Jesper!AK$2:AK$366,ROUNDDOWN($C3905/24,0)+1,1))-1)+IF('Standard Profiles'!$G$21=$B$10,7,0)+IF('Standard Profiles'!$G$21=$B$17,14,0)+IF('Standard Profiles'!$G$21=$B$24,21,0),MOD($C3905,24)+1)/SUM(INDEX($D$3:$AA$30,INDEX(Jesper!$R$2:$R$366,ROW(INDEX(Jesper!AK$2:AK$366,ROUNDDOWN($C3905/24,0)+1,1))-1)+IF('Standard Profiles'!$G$21=$B$10,7,0)+IF('Standard Profiles'!$G$21=$B$17,14,0)+IF('Standard Profiles'!$G$21=$B$24,21,0),0)),0)</f>
        <v>0</v>
      </c>
      <c r="H3905" cm="1">
        <f t="array" ref="H3905">IFERROR(INDEX(Jesper!AL$2:AL$366,ROUNDDOWN($C3905/24,0)+1,1)*INDEX($D$3:$AA$30,INDEX(Jesper!$R$2:$R$366,ROW(INDEX(Jesper!AL$2:AL$366,ROUNDDOWN($C3905/24,0)+1,1))-1)+IF('Standard Profiles'!$G$22=$B$10,7,0)+IF('Standard Profiles'!$G$22=$B$17,14,0)+IF('Standard Profiles'!$G$22=$B$24,21,0),MOD($C3905,24)+1)/SUM(INDEX($D$3:$AA$30,INDEX(Jesper!$R$2:$R$366,ROW(INDEX(Jesper!AL$2:AL$366,ROUNDDOWN($C3905/24,0)+1,1))-1)+IF('Standard Profiles'!$G$22=$B$10,7,0)+IF('Standard Profiles'!$G$22=$B$17,14,0)+IF('Standard Profiles'!$G$22=$B$24,21,0),0)),0)</f>
        <v>0</v>
      </c>
      <c r="I3905">
        <f t="shared" si="440"/>
        <v>0.34635650415055408</v>
      </c>
      <c r="J3905">
        <f t="shared" si="441"/>
        <v>1.154521680501847</v>
      </c>
      <c r="K3905">
        <f t="shared" si="442"/>
        <v>1.7317825207527704</v>
      </c>
      <c r="L3905">
        <f t="shared" si="443"/>
        <v>8.3125560996132979</v>
      </c>
      <c r="M3905">
        <f t="shared" si="444"/>
        <v>0</v>
      </c>
      <c r="N3905" s="46">
        <f t="shared" si="445"/>
        <v>45453.291666657278</v>
      </c>
    </row>
    <row r="3906" spans="2:14" x14ac:dyDescent="0.3">
      <c r="B3906">
        <f t="shared" si="439"/>
        <v>1</v>
      </c>
      <c r="C3906" s="16">
        <v>3872</v>
      </c>
      <c r="D3906" cm="1">
        <f t="array" ref="D3906">IFERROR(INDEX(Jesper!AH$2:AH$366,ROUNDDOWN($C3906/24,0)+1,1)*INDEX($D$3:$AA$30,INDEX(Jesper!$R$2:$R$366,ROW(INDEX(Jesper!AH$2:AH$366,ROUNDDOWN($C3906/24,0)+1,1))-1)+IF('Standard Profiles'!$G$18=$B$10,7,0)+IF('Standard Profiles'!$G$18=$B$17,14,0)+IF('Standard Profiles'!$G$18=$B$24,21,0),MOD($C3906,24)+1)/SUM(INDEX($D$3:$AA$30,INDEX(Jesper!$R$2:$R$366,ROW(INDEX(Jesper!AH$2:AH$366,ROUNDDOWN($C3906/24,0)+1,1))-1)+IF('Standard Profiles'!$G$18=$B$10,7,0)+IF('Standard Profiles'!$G$18=$B$17,14,0)+IF('Standard Profiles'!$G$18=$B$24,21,0),0)),0)</f>
        <v>11.54521680501847</v>
      </c>
      <c r="E3906" cm="1">
        <f t="array" ref="E3906">IFERROR(INDEX(Jesper!AI$2:AI$366,ROUNDDOWN($C3906/24,0)+1,1)*INDEX($D$3:$AA$30,INDEX(Jesper!$R$2:$R$366,ROW(INDEX(Jesper!AI$2:AI$366,ROUNDDOWN($C3906/24,0)+1,1))-1)+IF('Standard Profiles'!$G$19=$B$10,7,0)+IF('Standard Profiles'!$G$19=$B$17,14,0)+IF('Standard Profiles'!$G$19=$B$24,21,0),MOD($C3906,24)+1)/SUM(INDEX($D$3:$AA$30,INDEX(Jesper!$R$2:$R$366,ROW(INDEX(Jesper!AI$2:AI$366,ROUNDDOWN($C3906/24,0)+1,1))-1)+IF('Standard Profiles'!$G$19=$B$10,7,0)+IF('Standard Profiles'!$G$19=$B$17,14,0)+IF('Standard Profiles'!$G$19=$B$24,21,0),0)),0)</f>
        <v>0</v>
      </c>
      <c r="F3906" cm="1">
        <f t="array" ref="F3906">IFERROR(INDEX(Jesper!AJ$2:AJ$366,ROUNDDOWN($C3906/24,0)+1,1)*INDEX($D$3:$AA$30,INDEX(Jesper!$R$2:$R$366,ROW(INDEX(Jesper!AJ$2:AJ$366,ROUNDDOWN($C3906/24,0)+1,1))-1)+IF('Standard Profiles'!$G$20=$B$10,7,0)+IF('Standard Profiles'!$G$20=$B$17,14,0)+IF('Standard Profiles'!$G$20=$B$24,21,0),MOD($C3906,24)+1)/SUM(INDEX($D$3:$AA$30,INDEX(Jesper!$R$2:$R$366,ROW(INDEX(Jesper!AJ$2:AJ$366,ROUNDDOWN($C3906/24,0)+1,1))-1)+IF('Standard Profiles'!$G$20=$B$10,7,0)+IF('Standard Profiles'!$G$20=$B$17,14,0)+IF('Standard Profiles'!$G$20=$B$24,21,0),0)),0)</f>
        <v>0</v>
      </c>
      <c r="G3906" cm="1">
        <f t="array" ref="G3906">IFERROR(INDEX(Jesper!AK$2:AK$366,ROUNDDOWN($C3906/24,0)+1,1)*INDEX($D$3:$AA$30,INDEX(Jesper!$R$2:$R$366,ROW(INDEX(Jesper!AK$2:AK$366,ROUNDDOWN($C3906/24,0)+1,1))-1)+IF('Standard Profiles'!$G$21=$B$10,7,0)+IF('Standard Profiles'!$G$21=$B$17,14,0)+IF('Standard Profiles'!$G$21=$B$24,21,0),MOD($C3906,24)+1)/SUM(INDEX($D$3:$AA$30,INDEX(Jesper!$R$2:$R$366,ROW(INDEX(Jesper!AK$2:AK$366,ROUNDDOWN($C3906/24,0)+1,1))-1)+IF('Standard Profiles'!$G$21=$B$10,7,0)+IF('Standard Profiles'!$G$21=$B$17,14,0)+IF('Standard Profiles'!$G$21=$B$24,21,0),0)),0)</f>
        <v>0</v>
      </c>
      <c r="H3906" cm="1">
        <f t="array" ref="H3906">IFERROR(INDEX(Jesper!AL$2:AL$366,ROUNDDOWN($C3906/24,0)+1,1)*INDEX($D$3:$AA$30,INDEX(Jesper!$R$2:$R$366,ROW(INDEX(Jesper!AL$2:AL$366,ROUNDDOWN($C3906/24,0)+1,1))-1)+IF('Standard Profiles'!$G$22=$B$10,7,0)+IF('Standard Profiles'!$G$22=$B$17,14,0)+IF('Standard Profiles'!$G$22=$B$24,21,0),MOD($C3906,24)+1)/SUM(INDEX($D$3:$AA$30,INDEX(Jesper!$R$2:$R$366,ROW(INDEX(Jesper!AL$2:AL$366,ROUNDDOWN($C3906/24,0)+1,1))-1)+IF('Standard Profiles'!$G$22=$B$10,7,0)+IF('Standard Profiles'!$G$22=$B$17,14,0)+IF('Standard Profiles'!$G$22=$B$24,21,0),0)),0)</f>
        <v>0</v>
      </c>
      <c r="I3906">
        <f t="shared" si="440"/>
        <v>0.34635650415055408</v>
      </c>
      <c r="J3906">
        <f t="shared" si="441"/>
        <v>1.154521680501847</v>
      </c>
      <c r="K3906">
        <f t="shared" si="442"/>
        <v>1.7317825207527704</v>
      </c>
      <c r="L3906">
        <f t="shared" si="443"/>
        <v>8.3125560996132979</v>
      </c>
      <c r="M3906">
        <f t="shared" si="444"/>
        <v>0</v>
      </c>
      <c r="N3906" s="46">
        <f t="shared" si="445"/>
        <v>45453.333333323942</v>
      </c>
    </row>
    <row r="3907" spans="2:14" x14ac:dyDescent="0.3">
      <c r="B3907">
        <f t="shared" si="439"/>
        <v>1</v>
      </c>
      <c r="C3907" s="16">
        <v>3873</v>
      </c>
      <c r="D3907" cm="1">
        <f t="array" ref="D3907">IFERROR(INDEX(Jesper!AH$2:AH$366,ROUNDDOWN($C3907/24,0)+1,1)*INDEX($D$3:$AA$30,INDEX(Jesper!$R$2:$R$366,ROW(INDEX(Jesper!AH$2:AH$366,ROUNDDOWN($C3907/24,0)+1,1))-1)+IF('Standard Profiles'!$G$18=$B$10,7,0)+IF('Standard Profiles'!$G$18=$B$17,14,0)+IF('Standard Profiles'!$G$18=$B$24,21,0),MOD($C3907,24)+1)/SUM(INDEX($D$3:$AA$30,INDEX(Jesper!$R$2:$R$366,ROW(INDEX(Jesper!AH$2:AH$366,ROUNDDOWN($C3907/24,0)+1,1))-1)+IF('Standard Profiles'!$G$18=$B$10,7,0)+IF('Standard Profiles'!$G$18=$B$17,14,0)+IF('Standard Profiles'!$G$18=$B$24,21,0),0)),0)</f>
        <v>12.327943368070571</v>
      </c>
      <c r="E3907" cm="1">
        <f t="array" ref="E3907">IFERROR(INDEX(Jesper!AI$2:AI$366,ROUNDDOWN($C3907/24,0)+1,1)*INDEX($D$3:$AA$30,INDEX(Jesper!$R$2:$R$366,ROW(INDEX(Jesper!AI$2:AI$366,ROUNDDOWN($C3907/24,0)+1,1))-1)+IF('Standard Profiles'!$G$19=$B$10,7,0)+IF('Standard Profiles'!$G$19=$B$17,14,0)+IF('Standard Profiles'!$G$19=$B$24,21,0),MOD($C3907,24)+1)/SUM(INDEX($D$3:$AA$30,INDEX(Jesper!$R$2:$R$366,ROW(INDEX(Jesper!AI$2:AI$366,ROUNDDOWN($C3907/24,0)+1,1))-1)+IF('Standard Profiles'!$G$19=$B$10,7,0)+IF('Standard Profiles'!$G$19=$B$17,14,0)+IF('Standard Profiles'!$G$19=$B$24,21,0),0)),0)</f>
        <v>0</v>
      </c>
      <c r="F3907" cm="1">
        <f t="array" ref="F3907">IFERROR(INDEX(Jesper!AJ$2:AJ$366,ROUNDDOWN($C3907/24,0)+1,1)*INDEX($D$3:$AA$30,INDEX(Jesper!$R$2:$R$366,ROW(INDEX(Jesper!AJ$2:AJ$366,ROUNDDOWN($C3907/24,0)+1,1))-1)+IF('Standard Profiles'!$G$20=$B$10,7,0)+IF('Standard Profiles'!$G$20=$B$17,14,0)+IF('Standard Profiles'!$G$20=$B$24,21,0),MOD($C3907,24)+1)/SUM(INDEX($D$3:$AA$30,INDEX(Jesper!$R$2:$R$366,ROW(INDEX(Jesper!AJ$2:AJ$366,ROUNDDOWN($C3907/24,0)+1,1))-1)+IF('Standard Profiles'!$G$20=$B$10,7,0)+IF('Standard Profiles'!$G$20=$B$17,14,0)+IF('Standard Profiles'!$G$20=$B$24,21,0),0)),0)</f>
        <v>0</v>
      </c>
      <c r="G3907" cm="1">
        <f t="array" ref="G3907">IFERROR(INDEX(Jesper!AK$2:AK$366,ROUNDDOWN($C3907/24,0)+1,1)*INDEX($D$3:$AA$30,INDEX(Jesper!$R$2:$R$366,ROW(INDEX(Jesper!AK$2:AK$366,ROUNDDOWN($C3907/24,0)+1,1))-1)+IF('Standard Profiles'!$G$21=$B$10,7,0)+IF('Standard Profiles'!$G$21=$B$17,14,0)+IF('Standard Profiles'!$G$21=$B$24,21,0),MOD($C3907,24)+1)/SUM(INDEX($D$3:$AA$30,INDEX(Jesper!$R$2:$R$366,ROW(INDEX(Jesper!AK$2:AK$366,ROUNDDOWN($C3907/24,0)+1,1))-1)+IF('Standard Profiles'!$G$21=$B$10,7,0)+IF('Standard Profiles'!$G$21=$B$17,14,0)+IF('Standard Profiles'!$G$21=$B$24,21,0),0)),0)</f>
        <v>0</v>
      </c>
      <c r="H3907" cm="1">
        <f t="array" ref="H3907">IFERROR(INDEX(Jesper!AL$2:AL$366,ROUNDDOWN($C3907/24,0)+1,1)*INDEX($D$3:$AA$30,INDEX(Jesper!$R$2:$R$366,ROW(INDEX(Jesper!AL$2:AL$366,ROUNDDOWN($C3907/24,0)+1,1))-1)+IF('Standard Profiles'!$G$22=$B$10,7,0)+IF('Standard Profiles'!$G$22=$B$17,14,0)+IF('Standard Profiles'!$G$22=$B$24,21,0),MOD($C3907,24)+1)/SUM(INDEX($D$3:$AA$30,INDEX(Jesper!$R$2:$R$366,ROW(INDEX(Jesper!AL$2:AL$366,ROUNDDOWN($C3907/24,0)+1,1))-1)+IF('Standard Profiles'!$G$22=$B$10,7,0)+IF('Standard Profiles'!$G$22=$B$17,14,0)+IF('Standard Profiles'!$G$22=$B$24,21,0),0)),0)</f>
        <v>0</v>
      </c>
      <c r="I3907">
        <f t="shared" si="440"/>
        <v>0.36983830104211712</v>
      </c>
      <c r="J3907">
        <f t="shared" si="441"/>
        <v>1.2327943368070571</v>
      </c>
      <c r="K3907">
        <f t="shared" si="442"/>
        <v>1.8491915052105856</v>
      </c>
      <c r="L3907">
        <f t="shared" si="443"/>
        <v>8.876119225010811</v>
      </c>
      <c r="M3907">
        <f t="shared" si="444"/>
        <v>0</v>
      </c>
      <c r="N3907" s="46">
        <f t="shared" si="445"/>
        <v>45453.374999990607</v>
      </c>
    </row>
    <row r="3908" spans="2:14" x14ac:dyDescent="0.3">
      <c r="B3908">
        <f t="shared" si="439"/>
        <v>1</v>
      </c>
      <c r="C3908" s="16">
        <v>3874</v>
      </c>
      <c r="D3908" cm="1">
        <f t="array" ref="D3908">IFERROR(INDEX(Jesper!AH$2:AH$366,ROUNDDOWN($C3908/24,0)+1,1)*INDEX($D$3:$AA$30,INDEX(Jesper!$R$2:$R$366,ROW(INDEX(Jesper!AH$2:AH$366,ROUNDDOWN($C3908/24,0)+1,1))-1)+IF('Standard Profiles'!$G$18=$B$10,7,0)+IF('Standard Profiles'!$G$18=$B$17,14,0)+IF('Standard Profiles'!$G$18=$B$24,21,0),MOD($C3908,24)+1)/SUM(INDEX($D$3:$AA$30,INDEX(Jesper!$R$2:$R$366,ROW(INDEX(Jesper!AH$2:AH$366,ROUNDDOWN($C3908/24,0)+1,1))-1)+IF('Standard Profiles'!$G$18=$B$10,7,0)+IF('Standard Profiles'!$G$18=$B$17,14,0)+IF('Standard Profiles'!$G$18=$B$24,21,0),0)),0)</f>
        <v>12.327943368070571</v>
      </c>
      <c r="E3908" cm="1">
        <f t="array" ref="E3908">IFERROR(INDEX(Jesper!AI$2:AI$366,ROUNDDOWN($C3908/24,0)+1,1)*INDEX($D$3:$AA$30,INDEX(Jesper!$R$2:$R$366,ROW(INDEX(Jesper!AI$2:AI$366,ROUNDDOWN($C3908/24,0)+1,1))-1)+IF('Standard Profiles'!$G$19=$B$10,7,0)+IF('Standard Profiles'!$G$19=$B$17,14,0)+IF('Standard Profiles'!$G$19=$B$24,21,0),MOD($C3908,24)+1)/SUM(INDEX($D$3:$AA$30,INDEX(Jesper!$R$2:$R$366,ROW(INDEX(Jesper!AI$2:AI$366,ROUNDDOWN($C3908/24,0)+1,1))-1)+IF('Standard Profiles'!$G$19=$B$10,7,0)+IF('Standard Profiles'!$G$19=$B$17,14,0)+IF('Standard Profiles'!$G$19=$B$24,21,0),0)),0)</f>
        <v>0</v>
      </c>
      <c r="F3908" cm="1">
        <f t="array" ref="F3908">IFERROR(INDEX(Jesper!AJ$2:AJ$366,ROUNDDOWN($C3908/24,0)+1,1)*INDEX($D$3:$AA$30,INDEX(Jesper!$R$2:$R$366,ROW(INDEX(Jesper!AJ$2:AJ$366,ROUNDDOWN($C3908/24,0)+1,1))-1)+IF('Standard Profiles'!$G$20=$B$10,7,0)+IF('Standard Profiles'!$G$20=$B$17,14,0)+IF('Standard Profiles'!$G$20=$B$24,21,0),MOD($C3908,24)+1)/SUM(INDEX($D$3:$AA$30,INDEX(Jesper!$R$2:$R$366,ROW(INDEX(Jesper!AJ$2:AJ$366,ROUNDDOWN($C3908/24,0)+1,1))-1)+IF('Standard Profiles'!$G$20=$B$10,7,0)+IF('Standard Profiles'!$G$20=$B$17,14,0)+IF('Standard Profiles'!$G$20=$B$24,21,0),0)),0)</f>
        <v>0</v>
      </c>
      <c r="G3908" cm="1">
        <f t="array" ref="G3908">IFERROR(INDEX(Jesper!AK$2:AK$366,ROUNDDOWN($C3908/24,0)+1,1)*INDEX($D$3:$AA$30,INDEX(Jesper!$R$2:$R$366,ROW(INDEX(Jesper!AK$2:AK$366,ROUNDDOWN($C3908/24,0)+1,1))-1)+IF('Standard Profiles'!$G$21=$B$10,7,0)+IF('Standard Profiles'!$G$21=$B$17,14,0)+IF('Standard Profiles'!$G$21=$B$24,21,0),MOD($C3908,24)+1)/SUM(INDEX($D$3:$AA$30,INDEX(Jesper!$R$2:$R$366,ROW(INDEX(Jesper!AK$2:AK$366,ROUNDDOWN($C3908/24,0)+1,1))-1)+IF('Standard Profiles'!$G$21=$B$10,7,0)+IF('Standard Profiles'!$G$21=$B$17,14,0)+IF('Standard Profiles'!$G$21=$B$24,21,0),0)),0)</f>
        <v>0</v>
      </c>
      <c r="H3908" cm="1">
        <f t="array" ref="H3908">IFERROR(INDEX(Jesper!AL$2:AL$366,ROUNDDOWN($C3908/24,0)+1,1)*INDEX($D$3:$AA$30,INDEX(Jesper!$R$2:$R$366,ROW(INDEX(Jesper!AL$2:AL$366,ROUNDDOWN($C3908/24,0)+1,1))-1)+IF('Standard Profiles'!$G$22=$B$10,7,0)+IF('Standard Profiles'!$G$22=$B$17,14,0)+IF('Standard Profiles'!$G$22=$B$24,21,0),MOD($C3908,24)+1)/SUM(INDEX($D$3:$AA$30,INDEX(Jesper!$R$2:$R$366,ROW(INDEX(Jesper!AL$2:AL$366,ROUNDDOWN($C3908/24,0)+1,1))-1)+IF('Standard Profiles'!$G$22=$B$10,7,0)+IF('Standard Profiles'!$G$22=$B$17,14,0)+IF('Standard Profiles'!$G$22=$B$24,21,0),0)),0)</f>
        <v>0</v>
      </c>
      <c r="I3908">
        <f t="shared" si="440"/>
        <v>0.36983830104211712</v>
      </c>
      <c r="J3908">
        <f t="shared" si="441"/>
        <v>1.2327943368070571</v>
      </c>
      <c r="K3908">
        <f t="shared" si="442"/>
        <v>1.8491915052105856</v>
      </c>
      <c r="L3908">
        <f t="shared" si="443"/>
        <v>8.876119225010811</v>
      </c>
      <c r="M3908">
        <f t="shared" si="444"/>
        <v>0</v>
      </c>
      <c r="N3908" s="46">
        <f t="shared" si="445"/>
        <v>45453.416666657271</v>
      </c>
    </row>
    <row r="3909" spans="2:14" x14ac:dyDescent="0.3">
      <c r="B3909">
        <f t="shared" si="439"/>
        <v>1</v>
      </c>
      <c r="C3909" s="16">
        <v>3875</v>
      </c>
      <c r="D3909" cm="1">
        <f t="array" ref="D3909">IFERROR(INDEX(Jesper!AH$2:AH$366,ROUNDDOWN($C3909/24,0)+1,1)*INDEX($D$3:$AA$30,INDEX(Jesper!$R$2:$R$366,ROW(INDEX(Jesper!AH$2:AH$366,ROUNDDOWN($C3909/24,0)+1,1))-1)+IF('Standard Profiles'!$G$18=$B$10,7,0)+IF('Standard Profiles'!$G$18=$B$17,14,0)+IF('Standard Profiles'!$G$18=$B$24,21,0),MOD($C3909,24)+1)/SUM(INDEX($D$3:$AA$30,INDEX(Jesper!$R$2:$R$366,ROW(INDEX(Jesper!AH$2:AH$366,ROUNDDOWN($C3909/24,0)+1,1))-1)+IF('Standard Profiles'!$G$18=$B$10,7,0)+IF('Standard Profiles'!$G$18=$B$17,14,0)+IF('Standard Profiles'!$G$18=$B$24,21,0),0)),0)</f>
        <v>15.654531261041994</v>
      </c>
      <c r="E3909" cm="1">
        <f t="array" ref="E3909">IFERROR(INDEX(Jesper!AI$2:AI$366,ROUNDDOWN($C3909/24,0)+1,1)*INDEX($D$3:$AA$30,INDEX(Jesper!$R$2:$R$366,ROW(INDEX(Jesper!AI$2:AI$366,ROUNDDOWN($C3909/24,0)+1,1))-1)+IF('Standard Profiles'!$G$19=$B$10,7,0)+IF('Standard Profiles'!$G$19=$B$17,14,0)+IF('Standard Profiles'!$G$19=$B$24,21,0),MOD($C3909,24)+1)/SUM(INDEX($D$3:$AA$30,INDEX(Jesper!$R$2:$R$366,ROW(INDEX(Jesper!AI$2:AI$366,ROUNDDOWN($C3909/24,0)+1,1))-1)+IF('Standard Profiles'!$G$19=$B$10,7,0)+IF('Standard Profiles'!$G$19=$B$17,14,0)+IF('Standard Profiles'!$G$19=$B$24,21,0),0)),0)</f>
        <v>0</v>
      </c>
      <c r="F3909" cm="1">
        <f t="array" ref="F3909">IFERROR(INDEX(Jesper!AJ$2:AJ$366,ROUNDDOWN($C3909/24,0)+1,1)*INDEX($D$3:$AA$30,INDEX(Jesper!$R$2:$R$366,ROW(INDEX(Jesper!AJ$2:AJ$366,ROUNDDOWN($C3909/24,0)+1,1))-1)+IF('Standard Profiles'!$G$20=$B$10,7,0)+IF('Standard Profiles'!$G$20=$B$17,14,0)+IF('Standard Profiles'!$G$20=$B$24,21,0),MOD($C3909,24)+1)/SUM(INDEX($D$3:$AA$30,INDEX(Jesper!$R$2:$R$366,ROW(INDEX(Jesper!AJ$2:AJ$366,ROUNDDOWN($C3909/24,0)+1,1))-1)+IF('Standard Profiles'!$G$20=$B$10,7,0)+IF('Standard Profiles'!$G$20=$B$17,14,0)+IF('Standard Profiles'!$G$20=$B$24,21,0),0)),0)</f>
        <v>0</v>
      </c>
      <c r="G3909" cm="1">
        <f t="array" ref="G3909">IFERROR(INDEX(Jesper!AK$2:AK$366,ROUNDDOWN($C3909/24,0)+1,1)*INDEX($D$3:$AA$30,INDEX(Jesper!$R$2:$R$366,ROW(INDEX(Jesper!AK$2:AK$366,ROUNDDOWN($C3909/24,0)+1,1))-1)+IF('Standard Profiles'!$G$21=$B$10,7,0)+IF('Standard Profiles'!$G$21=$B$17,14,0)+IF('Standard Profiles'!$G$21=$B$24,21,0),MOD($C3909,24)+1)/SUM(INDEX($D$3:$AA$30,INDEX(Jesper!$R$2:$R$366,ROW(INDEX(Jesper!AK$2:AK$366,ROUNDDOWN($C3909/24,0)+1,1))-1)+IF('Standard Profiles'!$G$21=$B$10,7,0)+IF('Standard Profiles'!$G$21=$B$17,14,0)+IF('Standard Profiles'!$G$21=$B$24,21,0),0)),0)</f>
        <v>0</v>
      </c>
      <c r="H3909" cm="1">
        <f t="array" ref="H3909">IFERROR(INDEX(Jesper!AL$2:AL$366,ROUNDDOWN($C3909/24,0)+1,1)*INDEX($D$3:$AA$30,INDEX(Jesper!$R$2:$R$366,ROW(INDEX(Jesper!AL$2:AL$366,ROUNDDOWN($C3909/24,0)+1,1))-1)+IF('Standard Profiles'!$G$22=$B$10,7,0)+IF('Standard Profiles'!$G$22=$B$17,14,0)+IF('Standard Profiles'!$G$22=$B$24,21,0),MOD($C3909,24)+1)/SUM(INDEX($D$3:$AA$30,INDEX(Jesper!$R$2:$R$366,ROW(INDEX(Jesper!AL$2:AL$366,ROUNDDOWN($C3909/24,0)+1,1))-1)+IF('Standard Profiles'!$G$22=$B$10,7,0)+IF('Standard Profiles'!$G$22=$B$17,14,0)+IF('Standard Profiles'!$G$22=$B$24,21,0),0)),0)</f>
        <v>0</v>
      </c>
      <c r="I3909">
        <f t="shared" si="440"/>
        <v>0.46963593783125979</v>
      </c>
      <c r="J3909">
        <f t="shared" si="441"/>
        <v>1.5654531261041995</v>
      </c>
      <c r="K3909">
        <f t="shared" si="442"/>
        <v>2.3481796891562992</v>
      </c>
      <c r="L3909">
        <f t="shared" si="443"/>
        <v>11.271262507950235</v>
      </c>
      <c r="M3909">
        <f t="shared" si="444"/>
        <v>0</v>
      </c>
      <c r="N3909" s="46">
        <f t="shared" si="445"/>
        <v>45453.458333323935</v>
      </c>
    </row>
    <row r="3910" spans="2:14" x14ac:dyDescent="0.3">
      <c r="B3910">
        <f t="shared" si="439"/>
        <v>1</v>
      </c>
      <c r="C3910" s="16">
        <v>3876</v>
      </c>
      <c r="D3910" cm="1">
        <f t="array" ref="D3910">IFERROR(INDEX(Jesper!AH$2:AH$366,ROUNDDOWN($C3910/24,0)+1,1)*INDEX($D$3:$AA$30,INDEX(Jesper!$R$2:$R$366,ROW(INDEX(Jesper!AH$2:AH$366,ROUNDDOWN($C3910/24,0)+1,1))-1)+IF('Standard Profiles'!$G$18=$B$10,7,0)+IF('Standard Profiles'!$G$18=$B$17,14,0)+IF('Standard Profiles'!$G$18=$B$24,21,0),MOD($C3910,24)+1)/SUM(INDEX($D$3:$AA$30,INDEX(Jesper!$R$2:$R$366,ROW(INDEX(Jesper!AH$2:AH$366,ROUNDDOWN($C3910/24,0)+1,1))-1)+IF('Standard Profiles'!$G$18=$B$10,7,0)+IF('Standard Profiles'!$G$18=$B$17,14,0)+IF('Standard Profiles'!$G$18=$B$24,21,0),0)),0)</f>
        <v>15.654531261041994</v>
      </c>
      <c r="E3910" cm="1">
        <f t="array" ref="E3910">IFERROR(INDEX(Jesper!AI$2:AI$366,ROUNDDOWN($C3910/24,0)+1,1)*INDEX($D$3:$AA$30,INDEX(Jesper!$R$2:$R$366,ROW(INDEX(Jesper!AI$2:AI$366,ROUNDDOWN($C3910/24,0)+1,1))-1)+IF('Standard Profiles'!$G$19=$B$10,7,0)+IF('Standard Profiles'!$G$19=$B$17,14,0)+IF('Standard Profiles'!$G$19=$B$24,21,0),MOD($C3910,24)+1)/SUM(INDEX($D$3:$AA$30,INDEX(Jesper!$R$2:$R$366,ROW(INDEX(Jesper!AI$2:AI$366,ROUNDDOWN($C3910/24,0)+1,1))-1)+IF('Standard Profiles'!$G$19=$B$10,7,0)+IF('Standard Profiles'!$G$19=$B$17,14,0)+IF('Standard Profiles'!$G$19=$B$24,21,0),0)),0)</f>
        <v>0</v>
      </c>
      <c r="F3910" cm="1">
        <f t="array" ref="F3910">IFERROR(INDEX(Jesper!AJ$2:AJ$366,ROUNDDOWN($C3910/24,0)+1,1)*INDEX($D$3:$AA$30,INDEX(Jesper!$R$2:$R$366,ROW(INDEX(Jesper!AJ$2:AJ$366,ROUNDDOWN($C3910/24,0)+1,1))-1)+IF('Standard Profiles'!$G$20=$B$10,7,0)+IF('Standard Profiles'!$G$20=$B$17,14,0)+IF('Standard Profiles'!$G$20=$B$24,21,0),MOD($C3910,24)+1)/SUM(INDEX($D$3:$AA$30,INDEX(Jesper!$R$2:$R$366,ROW(INDEX(Jesper!AJ$2:AJ$366,ROUNDDOWN($C3910/24,0)+1,1))-1)+IF('Standard Profiles'!$G$20=$B$10,7,0)+IF('Standard Profiles'!$G$20=$B$17,14,0)+IF('Standard Profiles'!$G$20=$B$24,21,0),0)),0)</f>
        <v>0</v>
      </c>
      <c r="G3910" cm="1">
        <f t="array" ref="G3910">IFERROR(INDEX(Jesper!AK$2:AK$366,ROUNDDOWN($C3910/24,0)+1,1)*INDEX($D$3:$AA$30,INDEX(Jesper!$R$2:$R$366,ROW(INDEX(Jesper!AK$2:AK$366,ROUNDDOWN($C3910/24,0)+1,1))-1)+IF('Standard Profiles'!$G$21=$B$10,7,0)+IF('Standard Profiles'!$G$21=$B$17,14,0)+IF('Standard Profiles'!$G$21=$B$24,21,0),MOD($C3910,24)+1)/SUM(INDEX($D$3:$AA$30,INDEX(Jesper!$R$2:$R$366,ROW(INDEX(Jesper!AK$2:AK$366,ROUNDDOWN($C3910/24,0)+1,1))-1)+IF('Standard Profiles'!$G$21=$B$10,7,0)+IF('Standard Profiles'!$G$21=$B$17,14,0)+IF('Standard Profiles'!$G$21=$B$24,21,0),0)),0)</f>
        <v>0</v>
      </c>
      <c r="H3910" cm="1">
        <f t="array" ref="H3910">IFERROR(INDEX(Jesper!AL$2:AL$366,ROUNDDOWN($C3910/24,0)+1,1)*INDEX($D$3:$AA$30,INDEX(Jesper!$R$2:$R$366,ROW(INDEX(Jesper!AL$2:AL$366,ROUNDDOWN($C3910/24,0)+1,1))-1)+IF('Standard Profiles'!$G$22=$B$10,7,0)+IF('Standard Profiles'!$G$22=$B$17,14,0)+IF('Standard Profiles'!$G$22=$B$24,21,0),MOD($C3910,24)+1)/SUM(INDEX($D$3:$AA$30,INDEX(Jesper!$R$2:$R$366,ROW(INDEX(Jesper!AL$2:AL$366,ROUNDDOWN($C3910/24,0)+1,1))-1)+IF('Standard Profiles'!$G$22=$B$10,7,0)+IF('Standard Profiles'!$G$22=$B$17,14,0)+IF('Standard Profiles'!$G$22=$B$24,21,0),0)),0)</f>
        <v>0</v>
      </c>
      <c r="I3910">
        <f t="shared" si="440"/>
        <v>0.46963593783125979</v>
      </c>
      <c r="J3910">
        <f t="shared" si="441"/>
        <v>1.5654531261041995</v>
      </c>
      <c r="K3910">
        <f t="shared" si="442"/>
        <v>2.3481796891562992</v>
      </c>
      <c r="L3910">
        <f t="shared" si="443"/>
        <v>11.271262507950235</v>
      </c>
      <c r="M3910">
        <f t="shared" si="444"/>
        <v>0</v>
      </c>
      <c r="N3910" s="46">
        <f t="shared" si="445"/>
        <v>45453.499999990599</v>
      </c>
    </row>
    <row r="3911" spans="2:14" x14ac:dyDescent="0.3">
      <c r="B3911">
        <f t="shared" si="439"/>
        <v>1</v>
      </c>
      <c r="C3911" s="16">
        <v>3877</v>
      </c>
      <c r="D3911" cm="1">
        <f t="array" ref="D3911">IFERROR(INDEX(Jesper!AH$2:AH$366,ROUNDDOWN($C3911/24,0)+1,1)*INDEX($D$3:$AA$30,INDEX(Jesper!$R$2:$R$366,ROW(INDEX(Jesper!AH$2:AH$366,ROUNDDOWN($C3911/24,0)+1,1))-1)+IF('Standard Profiles'!$G$18=$B$10,7,0)+IF('Standard Profiles'!$G$18=$B$17,14,0)+IF('Standard Profiles'!$G$18=$B$24,21,0),MOD($C3911,24)+1)/SUM(INDEX($D$3:$AA$30,INDEX(Jesper!$R$2:$R$366,ROW(INDEX(Jesper!AH$2:AH$366,ROUNDDOWN($C3911/24,0)+1,1))-1)+IF('Standard Profiles'!$G$18=$B$10,7,0)+IF('Standard Profiles'!$G$18=$B$17,14,0)+IF('Standard Profiles'!$G$18=$B$24,21,0),0)),0)</f>
        <v>10.371126960440321</v>
      </c>
      <c r="E3911" cm="1">
        <f t="array" ref="E3911">IFERROR(INDEX(Jesper!AI$2:AI$366,ROUNDDOWN($C3911/24,0)+1,1)*INDEX($D$3:$AA$30,INDEX(Jesper!$R$2:$R$366,ROW(INDEX(Jesper!AI$2:AI$366,ROUNDDOWN($C3911/24,0)+1,1))-1)+IF('Standard Profiles'!$G$19=$B$10,7,0)+IF('Standard Profiles'!$G$19=$B$17,14,0)+IF('Standard Profiles'!$G$19=$B$24,21,0),MOD($C3911,24)+1)/SUM(INDEX($D$3:$AA$30,INDEX(Jesper!$R$2:$R$366,ROW(INDEX(Jesper!AI$2:AI$366,ROUNDDOWN($C3911/24,0)+1,1))-1)+IF('Standard Profiles'!$G$19=$B$10,7,0)+IF('Standard Profiles'!$G$19=$B$17,14,0)+IF('Standard Profiles'!$G$19=$B$24,21,0),0)),0)</f>
        <v>0</v>
      </c>
      <c r="F3911" cm="1">
        <f t="array" ref="F3911">IFERROR(INDEX(Jesper!AJ$2:AJ$366,ROUNDDOWN($C3911/24,0)+1,1)*INDEX($D$3:$AA$30,INDEX(Jesper!$R$2:$R$366,ROW(INDEX(Jesper!AJ$2:AJ$366,ROUNDDOWN($C3911/24,0)+1,1))-1)+IF('Standard Profiles'!$G$20=$B$10,7,0)+IF('Standard Profiles'!$G$20=$B$17,14,0)+IF('Standard Profiles'!$G$20=$B$24,21,0),MOD($C3911,24)+1)/SUM(INDEX($D$3:$AA$30,INDEX(Jesper!$R$2:$R$366,ROW(INDEX(Jesper!AJ$2:AJ$366,ROUNDDOWN($C3911/24,0)+1,1))-1)+IF('Standard Profiles'!$G$20=$B$10,7,0)+IF('Standard Profiles'!$G$20=$B$17,14,0)+IF('Standard Profiles'!$G$20=$B$24,21,0),0)),0)</f>
        <v>0</v>
      </c>
      <c r="G3911" cm="1">
        <f t="array" ref="G3911">IFERROR(INDEX(Jesper!AK$2:AK$366,ROUNDDOWN($C3911/24,0)+1,1)*INDEX($D$3:$AA$30,INDEX(Jesper!$R$2:$R$366,ROW(INDEX(Jesper!AK$2:AK$366,ROUNDDOWN($C3911/24,0)+1,1))-1)+IF('Standard Profiles'!$G$21=$B$10,7,0)+IF('Standard Profiles'!$G$21=$B$17,14,0)+IF('Standard Profiles'!$G$21=$B$24,21,0),MOD($C3911,24)+1)/SUM(INDEX($D$3:$AA$30,INDEX(Jesper!$R$2:$R$366,ROW(INDEX(Jesper!AK$2:AK$366,ROUNDDOWN($C3911/24,0)+1,1))-1)+IF('Standard Profiles'!$G$21=$B$10,7,0)+IF('Standard Profiles'!$G$21=$B$17,14,0)+IF('Standard Profiles'!$G$21=$B$24,21,0),0)),0)</f>
        <v>0</v>
      </c>
      <c r="H3911" cm="1">
        <f t="array" ref="H3911">IFERROR(INDEX(Jesper!AL$2:AL$366,ROUNDDOWN($C3911/24,0)+1,1)*INDEX($D$3:$AA$30,INDEX(Jesper!$R$2:$R$366,ROW(INDEX(Jesper!AL$2:AL$366,ROUNDDOWN($C3911/24,0)+1,1))-1)+IF('Standard Profiles'!$G$22=$B$10,7,0)+IF('Standard Profiles'!$G$22=$B$17,14,0)+IF('Standard Profiles'!$G$22=$B$24,21,0),MOD($C3911,24)+1)/SUM(INDEX($D$3:$AA$30,INDEX(Jesper!$R$2:$R$366,ROW(INDEX(Jesper!AL$2:AL$366,ROUNDDOWN($C3911/24,0)+1,1))-1)+IF('Standard Profiles'!$G$22=$B$10,7,0)+IF('Standard Profiles'!$G$22=$B$17,14,0)+IF('Standard Profiles'!$G$22=$B$24,21,0),0)),0)</f>
        <v>0</v>
      </c>
      <c r="I3911">
        <f t="shared" si="440"/>
        <v>0.31113380881320962</v>
      </c>
      <c r="J3911">
        <f t="shared" si="441"/>
        <v>1.0371126960440322</v>
      </c>
      <c r="K3911">
        <f t="shared" si="442"/>
        <v>1.5556690440660481</v>
      </c>
      <c r="L3911">
        <f t="shared" si="443"/>
        <v>7.4672114115170309</v>
      </c>
      <c r="M3911">
        <f t="shared" si="444"/>
        <v>0</v>
      </c>
      <c r="N3911" s="46">
        <f t="shared" si="445"/>
        <v>45453.541666657264</v>
      </c>
    </row>
    <row r="3912" spans="2:14" x14ac:dyDescent="0.3">
      <c r="B3912">
        <f t="shared" si="439"/>
        <v>1</v>
      </c>
      <c r="C3912" s="16">
        <v>3878</v>
      </c>
      <c r="D3912" cm="1">
        <f t="array" ref="D3912">IFERROR(INDEX(Jesper!AH$2:AH$366,ROUNDDOWN($C3912/24,0)+1,1)*INDEX($D$3:$AA$30,INDEX(Jesper!$R$2:$R$366,ROW(INDEX(Jesper!AH$2:AH$366,ROUNDDOWN($C3912/24,0)+1,1))-1)+IF('Standard Profiles'!$G$18=$B$10,7,0)+IF('Standard Profiles'!$G$18=$B$17,14,0)+IF('Standard Profiles'!$G$18=$B$24,21,0),MOD($C3912,24)+1)/SUM(INDEX($D$3:$AA$30,INDEX(Jesper!$R$2:$R$366,ROW(INDEX(Jesper!AH$2:AH$366,ROUNDDOWN($C3912/24,0)+1,1))-1)+IF('Standard Profiles'!$G$18=$B$10,7,0)+IF('Standard Profiles'!$G$18=$B$17,14,0)+IF('Standard Profiles'!$G$18=$B$24,21,0),0)),0)</f>
        <v>15.654531261041994</v>
      </c>
      <c r="E3912" cm="1">
        <f t="array" ref="E3912">IFERROR(INDEX(Jesper!AI$2:AI$366,ROUNDDOWN($C3912/24,0)+1,1)*INDEX($D$3:$AA$30,INDEX(Jesper!$R$2:$R$366,ROW(INDEX(Jesper!AI$2:AI$366,ROUNDDOWN($C3912/24,0)+1,1))-1)+IF('Standard Profiles'!$G$19=$B$10,7,0)+IF('Standard Profiles'!$G$19=$B$17,14,0)+IF('Standard Profiles'!$G$19=$B$24,21,0),MOD($C3912,24)+1)/SUM(INDEX($D$3:$AA$30,INDEX(Jesper!$R$2:$R$366,ROW(INDEX(Jesper!AI$2:AI$366,ROUNDDOWN($C3912/24,0)+1,1))-1)+IF('Standard Profiles'!$G$19=$B$10,7,0)+IF('Standard Profiles'!$G$19=$B$17,14,0)+IF('Standard Profiles'!$G$19=$B$24,21,0),0)),0)</f>
        <v>0</v>
      </c>
      <c r="F3912" cm="1">
        <f t="array" ref="F3912">IFERROR(INDEX(Jesper!AJ$2:AJ$366,ROUNDDOWN($C3912/24,0)+1,1)*INDEX($D$3:$AA$30,INDEX(Jesper!$R$2:$R$366,ROW(INDEX(Jesper!AJ$2:AJ$366,ROUNDDOWN($C3912/24,0)+1,1))-1)+IF('Standard Profiles'!$G$20=$B$10,7,0)+IF('Standard Profiles'!$G$20=$B$17,14,0)+IF('Standard Profiles'!$G$20=$B$24,21,0),MOD($C3912,24)+1)/SUM(INDEX($D$3:$AA$30,INDEX(Jesper!$R$2:$R$366,ROW(INDEX(Jesper!AJ$2:AJ$366,ROUNDDOWN($C3912/24,0)+1,1))-1)+IF('Standard Profiles'!$G$20=$B$10,7,0)+IF('Standard Profiles'!$G$20=$B$17,14,0)+IF('Standard Profiles'!$G$20=$B$24,21,0),0)),0)</f>
        <v>0</v>
      </c>
      <c r="G3912" cm="1">
        <f t="array" ref="G3912">IFERROR(INDEX(Jesper!AK$2:AK$366,ROUNDDOWN($C3912/24,0)+1,1)*INDEX($D$3:$AA$30,INDEX(Jesper!$R$2:$R$366,ROW(INDEX(Jesper!AK$2:AK$366,ROUNDDOWN($C3912/24,0)+1,1))-1)+IF('Standard Profiles'!$G$21=$B$10,7,0)+IF('Standard Profiles'!$G$21=$B$17,14,0)+IF('Standard Profiles'!$G$21=$B$24,21,0),MOD($C3912,24)+1)/SUM(INDEX($D$3:$AA$30,INDEX(Jesper!$R$2:$R$366,ROW(INDEX(Jesper!AK$2:AK$366,ROUNDDOWN($C3912/24,0)+1,1))-1)+IF('Standard Profiles'!$G$21=$B$10,7,0)+IF('Standard Profiles'!$G$21=$B$17,14,0)+IF('Standard Profiles'!$G$21=$B$24,21,0),0)),0)</f>
        <v>0</v>
      </c>
      <c r="H3912" cm="1">
        <f t="array" ref="H3912">IFERROR(INDEX(Jesper!AL$2:AL$366,ROUNDDOWN($C3912/24,0)+1,1)*INDEX($D$3:$AA$30,INDEX(Jesper!$R$2:$R$366,ROW(INDEX(Jesper!AL$2:AL$366,ROUNDDOWN($C3912/24,0)+1,1))-1)+IF('Standard Profiles'!$G$22=$B$10,7,0)+IF('Standard Profiles'!$G$22=$B$17,14,0)+IF('Standard Profiles'!$G$22=$B$24,21,0),MOD($C3912,24)+1)/SUM(INDEX($D$3:$AA$30,INDEX(Jesper!$R$2:$R$366,ROW(INDEX(Jesper!AL$2:AL$366,ROUNDDOWN($C3912/24,0)+1,1))-1)+IF('Standard Profiles'!$G$22=$B$10,7,0)+IF('Standard Profiles'!$G$22=$B$17,14,0)+IF('Standard Profiles'!$G$22=$B$24,21,0),0)),0)</f>
        <v>0</v>
      </c>
      <c r="I3912">
        <f t="shared" si="440"/>
        <v>0.46963593783125979</v>
      </c>
      <c r="J3912">
        <f t="shared" si="441"/>
        <v>1.5654531261041995</v>
      </c>
      <c r="K3912">
        <f t="shared" si="442"/>
        <v>2.3481796891562992</v>
      </c>
      <c r="L3912">
        <f t="shared" si="443"/>
        <v>11.271262507950235</v>
      </c>
      <c r="M3912">
        <f t="shared" si="444"/>
        <v>0</v>
      </c>
      <c r="N3912" s="46">
        <f t="shared" si="445"/>
        <v>45453.583333323928</v>
      </c>
    </row>
    <row r="3913" spans="2:14" x14ac:dyDescent="0.3">
      <c r="B3913">
        <f t="shared" si="439"/>
        <v>1</v>
      </c>
      <c r="C3913" s="16">
        <v>3879</v>
      </c>
      <c r="D3913" cm="1">
        <f t="array" ref="D3913">IFERROR(INDEX(Jesper!AH$2:AH$366,ROUNDDOWN($C3913/24,0)+1,1)*INDEX($D$3:$AA$30,INDEX(Jesper!$R$2:$R$366,ROW(INDEX(Jesper!AH$2:AH$366,ROUNDDOWN($C3913/24,0)+1,1))-1)+IF('Standard Profiles'!$G$18=$B$10,7,0)+IF('Standard Profiles'!$G$18=$B$17,14,0)+IF('Standard Profiles'!$G$18=$B$24,21,0),MOD($C3913,24)+1)/SUM(INDEX($D$3:$AA$30,INDEX(Jesper!$R$2:$R$366,ROW(INDEX(Jesper!AH$2:AH$366,ROUNDDOWN($C3913/24,0)+1,1))-1)+IF('Standard Profiles'!$G$18=$B$10,7,0)+IF('Standard Profiles'!$G$18=$B$17,14,0)+IF('Standard Profiles'!$G$18=$B$24,21,0),0)),0)</f>
        <v>15.654531261041994</v>
      </c>
      <c r="E3913" cm="1">
        <f t="array" ref="E3913">IFERROR(INDEX(Jesper!AI$2:AI$366,ROUNDDOWN($C3913/24,0)+1,1)*INDEX($D$3:$AA$30,INDEX(Jesper!$R$2:$R$366,ROW(INDEX(Jesper!AI$2:AI$366,ROUNDDOWN($C3913/24,0)+1,1))-1)+IF('Standard Profiles'!$G$19=$B$10,7,0)+IF('Standard Profiles'!$G$19=$B$17,14,0)+IF('Standard Profiles'!$G$19=$B$24,21,0),MOD($C3913,24)+1)/SUM(INDEX($D$3:$AA$30,INDEX(Jesper!$R$2:$R$366,ROW(INDEX(Jesper!AI$2:AI$366,ROUNDDOWN($C3913/24,0)+1,1))-1)+IF('Standard Profiles'!$G$19=$B$10,7,0)+IF('Standard Profiles'!$G$19=$B$17,14,0)+IF('Standard Profiles'!$G$19=$B$24,21,0),0)),0)</f>
        <v>0</v>
      </c>
      <c r="F3913" cm="1">
        <f t="array" ref="F3913">IFERROR(INDEX(Jesper!AJ$2:AJ$366,ROUNDDOWN($C3913/24,0)+1,1)*INDEX($D$3:$AA$30,INDEX(Jesper!$R$2:$R$366,ROW(INDEX(Jesper!AJ$2:AJ$366,ROUNDDOWN($C3913/24,0)+1,1))-1)+IF('Standard Profiles'!$G$20=$B$10,7,0)+IF('Standard Profiles'!$G$20=$B$17,14,0)+IF('Standard Profiles'!$G$20=$B$24,21,0),MOD($C3913,24)+1)/SUM(INDEX($D$3:$AA$30,INDEX(Jesper!$R$2:$R$366,ROW(INDEX(Jesper!AJ$2:AJ$366,ROUNDDOWN($C3913/24,0)+1,1))-1)+IF('Standard Profiles'!$G$20=$B$10,7,0)+IF('Standard Profiles'!$G$20=$B$17,14,0)+IF('Standard Profiles'!$G$20=$B$24,21,0),0)),0)</f>
        <v>0</v>
      </c>
      <c r="G3913" cm="1">
        <f t="array" ref="G3913">IFERROR(INDEX(Jesper!AK$2:AK$366,ROUNDDOWN($C3913/24,0)+1,1)*INDEX($D$3:$AA$30,INDEX(Jesper!$R$2:$R$366,ROW(INDEX(Jesper!AK$2:AK$366,ROUNDDOWN($C3913/24,0)+1,1))-1)+IF('Standard Profiles'!$G$21=$B$10,7,0)+IF('Standard Profiles'!$G$21=$B$17,14,0)+IF('Standard Profiles'!$G$21=$B$24,21,0),MOD($C3913,24)+1)/SUM(INDEX($D$3:$AA$30,INDEX(Jesper!$R$2:$R$366,ROW(INDEX(Jesper!AK$2:AK$366,ROUNDDOWN($C3913/24,0)+1,1))-1)+IF('Standard Profiles'!$G$21=$B$10,7,0)+IF('Standard Profiles'!$G$21=$B$17,14,0)+IF('Standard Profiles'!$G$21=$B$24,21,0),0)),0)</f>
        <v>0</v>
      </c>
      <c r="H3913" cm="1">
        <f t="array" ref="H3913">IFERROR(INDEX(Jesper!AL$2:AL$366,ROUNDDOWN($C3913/24,0)+1,1)*INDEX($D$3:$AA$30,INDEX(Jesper!$R$2:$R$366,ROW(INDEX(Jesper!AL$2:AL$366,ROUNDDOWN($C3913/24,0)+1,1))-1)+IF('Standard Profiles'!$G$22=$B$10,7,0)+IF('Standard Profiles'!$G$22=$B$17,14,0)+IF('Standard Profiles'!$G$22=$B$24,21,0),MOD($C3913,24)+1)/SUM(INDEX($D$3:$AA$30,INDEX(Jesper!$R$2:$R$366,ROW(INDEX(Jesper!AL$2:AL$366,ROUNDDOWN($C3913/24,0)+1,1))-1)+IF('Standard Profiles'!$G$22=$B$10,7,0)+IF('Standard Profiles'!$G$22=$B$17,14,0)+IF('Standard Profiles'!$G$22=$B$24,21,0),0)),0)</f>
        <v>0</v>
      </c>
      <c r="I3913">
        <f t="shared" si="440"/>
        <v>0.46963593783125979</v>
      </c>
      <c r="J3913">
        <f t="shared" si="441"/>
        <v>1.5654531261041995</v>
      </c>
      <c r="K3913">
        <f t="shared" si="442"/>
        <v>2.3481796891562992</v>
      </c>
      <c r="L3913">
        <f t="shared" si="443"/>
        <v>11.271262507950235</v>
      </c>
      <c r="M3913">
        <f t="shared" si="444"/>
        <v>0</v>
      </c>
      <c r="N3913" s="46">
        <f t="shared" si="445"/>
        <v>45453.624999990592</v>
      </c>
    </row>
    <row r="3914" spans="2:14" x14ac:dyDescent="0.3">
      <c r="B3914">
        <f t="shared" si="439"/>
        <v>1</v>
      </c>
      <c r="C3914" s="16">
        <v>3880</v>
      </c>
      <c r="D3914" cm="1">
        <f t="array" ref="D3914">IFERROR(INDEX(Jesper!AH$2:AH$366,ROUNDDOWN($C3914/24,0)+1,1)*INDEX($D$3:$AA$30,INDEX(Jesper!$R$2:$R$366,ROW(INDEX(Jesper!AH$2:AH$366,ROUNDDOWN($C3914/24,0)+1,1))-1)+IF('Standard Profiles'!$G$18=$B$10,7,0)+IF('Standard Profiles'!$G$18=$B$17,14,0)+IF('Standard Profiles'!$G$18=$B$24,21,0),MOD($C3914,24)+1)/SUM(INDEX($D$3:$AA$30,INDEX(Jesper!$R$2:$R$366,ROW(INDEX(Jesper!AH$2:AH$366,ROUNDDOWN($C3914/24,0)+1,1))-1)+IF('Standard Profiles'!$G$18=$B$10,7,0)+IF('Standard Profiles'!$G$18=$B$17,14,0)+IF('Standard Profiles'!$G$18=$B$24,21,0),0)),0)</f>
        <v>15.654531261041994</v>
      </c>
      <c r="E3914" cm="1">
        <f t="array" ref="E3914">IFERROR(INDEX(Jesper!AI$2:AI$366,ROUNDDOWN($C3914/24,0)+1,1)*INDEX($D$3:$AA$30,INDEX(Jesper!$R$2:$R$366,ROW(INDEX(Jesper!AI$2:AI$366,ROUNDDOWN($C3914/24,0)+1,1))-1)+IF('Standard Profiles'!$G$19=$B$10,7,0)+IF('Standard Profiles'!$G$19=$B$17,14,0)+IF('Standard Profiles'!$G$19=$B$24,21,0),MOD($C3914,24)+1)/SUM(INDEX($D$3:$AA$30,INDEX(Jesper!$R$2:$R$366,ROW(INDEX(Jesper!AI$2:AI$366,ROUNDDOWN($C3914/24,0)+1,1))-1)+IF('Standard Profiles'!$G$19=$B$10,7,0)+IF('Standard Profiles'!$G$19=$B$17,14,0)+IF('Standard Profiles'!$G$19=$B$24,21,0),0)),0)</f>
        <v>0</v>
      </c>
      <c r="F3914" cm="1">
        <f t="array" ref="F3914">IFERROR(INDEX(Jesper!AJ$2:AJ$366,ROUNDDOWN($C3914/24,0)+1,1)*INDEX($D$3:$AA$30,INDEX(Jesper!$R$2:$R$366,ROW(INDEX(Jesper!AJ$2:AJ$366,ROUNDDOWN($C3914/24,0)+1,1))-1)+IF('Standard Profiles'!$G$20=$B$10,7,0)+IF('Standard Profiles'!$G$20=$B$17,14,0)+IF('Standard Profiles'!$G$20=$B$24,21,0),MOD($C3914,24)+1)/SUM(INDEX($D$3:$AA$30,INDEX(Jesper!$R$2:$R$366,ROW(INDEX(Jesper!AJ$2:AJ$366,ROUNDDOWN($C3914/24,0)+1,1))-1)+IF('Standard Profiles'!$G$20=$B$10,7,0)+IF('Standard Profiles'!$G$20=$B$17,14,0)+IF('Standard Profiles'!$G$20=$B$24,21,0),0)),0)</f>
        <v>0</v>
      </c>
      <c r="G3914" cm="1">
        <f t="array" ref="G3914">IFERROR(INDEX(Jesper!AK$2:AK$366,ROUNDDOWN($C3914/24,0)+1,1)*INDEX($D$3:$AA$30,INDEX(Jesper!$R$2:$R$366,ROW(INDEX(Jesper!AK$2:AK$366,ROUNDDOWN($C3914/24,0)+1,1))-1)+IF('Standard Profiles'!$G$21=$B$10,7,0)+IF('Standard Profiles'!$G$21=$B$17,14,0)+IF('Standard Profiles'!$G$21=$B$24,21,0),MOD($C3914,24)+1)/SUM(INDEX($D$3:$AA$30,INDEX(Jesper!$R$2:$R$366,ROW(INDEX(Jesper!AK$2:AK$366,ROUNDDOWN($C3914/24,0)+1,1))-1)+IF('Standard Profiles'!$G$21=$B$10,7,0)+IF('Standard Profiles'!$G$21=$B$17,14,0)+IF('Standard Profiles'!$G$21=$B$24,21,0),0)),0)</f>
        <v>0</v>
      </c>
      <c r="H3914" cm="1">
        <f t="array" ref="H3914">IFERROR(INDEX(Jesper!AL$2:AL$366,ROUNDDOWN($C3914/24,0)+1,1)*INDEX($D$3:$AA$30,INDEX(Jesper!$R$2:$R$366,ROW(INDEX(Jesper!AL$2:AL$366,ROUNDDOWN($C3914/24,0)+1,1))-1)+IF('Standard Profiles'!$G$22=$B$10,7,0)+IF('Standard Profiles'!$G$22=$B$17,14,0)+IF('Standard Profiles'!$G$22=$B$24,21,0),MOD($C3914,24)+1)/SUM(INDEX($D$3:$AA$30,INDEX(Jesper!$R$2:$R$366,ROW(INDEX(Jesper!AL$2:AL$366,ROUNDDOWN($C3914/24,0)+1,1))-1)+IF('Standard Profiles'!$G$22=$B$10,7,0)+IF('Standard Profiles'!$G$22=$B$17,14,0)+IF('Standard Profiles'!$G$22=$B$24,21,0),0)),0)</f>
        <v>0</v>
      </c>
      <c r="I3914">
        <f t="shared" si="440"/>
        <v>0.46963593783125979</v>
      </c>
      <c r="J3914">
        <f t="shared" si="441"/>
        <v>1.5654531261041995</v>
      </c>
      <c r="K3914">
        <f t="shared" si="442"/>
        <v>2.3481796891562992</v>
      </c>
      <c r="L3914">
        <f t="shared" si="443"/>
        <v>11.271262507950235</v>
      </c>
      <c r="M3914">
        <f t="shared" si="444"/>
        <v>0</v>
      </c>
      <c r="N3914" s="46">
        <f t="shared" si="445"/>
        <v>45453.666666657256</v>
      </c>
    </row>
    <row r="3915" spans="2:14" x14ac:dyDescent="0.3">
      <c r="B3915">
        <f t="shared" si="439"/>
        <v>1</v>
      </c>
      <c r="C3915" s="16">
        <v>3881</v>
      </c>
      <c r="D3915" cm="1">
        <f t="array" ref="D3915">IFERROR(INDEX(Jesper!AH$2:AH$366,ROUNDDOWN($C3915/24,0)+1,1)*INDEX($D$3:$AA$30,INDEX(Jesper!$R$2:$R$366,ROW(INDEX(Jesper!AH$2:AH$366,ROUNDDOWN($C3915/24,0)+1,1))-1)+IF('Standard Profiles'!$G$18=$B$10,7,0)+IF('Standard Profiles'!$G$18=$B$17,14,0)+IF('Standard Profiles'!$G$18=$B$24,21,0),MOD($C3915,24)+1)/SUM(INDEX($D$3:$AA$30,INDEX(Jesper!$R$2:$R$366,ROW(INDEX(Jesper!AH$2:AH$366,ROUNDDOWN($C3915/24,0)+1,1))-1)+IF('Standard Profiles'!$G$18=$B$10,7,0)+IF('Standard Profiles'!$G$18=$B$17,14,0)+IF('Standard Profiles'!$G$18=$B$24,21,0),0)),0)</f>
        <v>15.654531261041994</v>
      </c>
      <c r="E3915" cm="1">
        <f t="array" ref="E3915">IFERROR(INDEX(Jesper!AI$2:AI$366,ROUNDDOWN($C3915/24,0)+1,1)*INDEX($D$3:$AA$30,INDEX(Jesper!$R$2:$R$366,ROW(INDEX(Jesper!AI$2:AI$366,ROUNDDOWN($C3915/24,0)+1,1))-1)+IF('Standard Profiles'!$G$19=$B$10,7,0)+IF('Standard Profiles'!$G$19=$B$17,14,0)+IF('Standard Profiles'!$G$19=$B$24,21,0),MOD($C3915,24)+1)/SUM(INDEX($D$3:$AA$30,INDEX(Jesper!$R$2:$R$366,ROW(INDEX(Jesper!AI$2:AI$366,ROUNDDOWN($C3915/24,0)+1,1))-1)+IF('Standard Profiles'!$G$19=$B$10,7,0)+IF('Standard Profiles'!$G$19=$B$17,14,0)+IF('Standard Profiles'!$G$19=$B$24,21,0),0)),0)</f>
        <v>0</v>
      </c>
      <c r="F3915" cm="1">
        <f t="array" ref="F3915">IFERROR(INDEX(Jesper!AJ$2:AJ$366,ROUNDDOWN($C3915/24,0)+1,1)*INDEX($D$3:$AA$30,INDEX(Jesper!$R$2:$R$366,ROW(INDEX(Jesper!AJ$2:AJ$366,ROUNDDOWN($C3915/24,0)+1,1))-1)+IF('Standard Profiles'!$G$20=$B$10,7,0)+IF('Standard Profiles'!$G$20=$B$17,14,0)+IF('Standard Profiles'!$G$20=$B$24,21,0),MOD($C3915,24)+1)/SUM(INDEX($D$3:$AA$30,INDEX(Jesper!$R$2:$R$366,ROW(INDEX(Jesper!AJ$2:AJ$366,ROUNDDOWN($C3915/24,0)+1,1))-1)+IF('Standard Profiles'!$G$20=$B$10,7,0)+IF('Standard Profiles'!$G$20=$B$17,14,0)+IF('Standard Profiles'!$G$20=$B$24,21,0),0)),0)</f>
        <v>0</v>
      </c>
      <c r="G3915" cm="1">
        <f t="array" ref="G3915">IFERROR(INDEX(Jesper!AK$2:AK$366,ROUNDDOWN($C3915/24,0)+1,1)*INDEX($D$3:$AA$30,INDEX(Jesper!$R$2:$R$366,ROW(INDEX(Jesper!AK$2:AK$366,ROUNDDOWN($C3915/24,0)+1,1))-1)+IF('Standard Profiles'!$G$21=$B$10,7,0)+IF('Standard Profiles'!$G$21=$B$17,14,0)+IF('Standard Profiles'!$G$21=$B$24,21,0),MOD($C3915,24)+1)/SUM(INDEX($D$3:$AA$30,INDEX(Jesper!$R$2:$R$366,ROW(INDEX(Jesper!AK$2:AK$366,ROUNDDOWN($C3915/24,0)+1,1))-1)+IF('Standard Profiles'!$G$21=$B$10,7,0)+IF('Standard Profiles'!$G$21=$B$17,14,0)+IF('Standard Profiles'!$G$21=$B$24,21,0),0)),0)</f>
        <v>0</v>
      </c>
      <c r="H3915" cm="1">
        <f t="array" ref="H3915">IFERROR(INDEX(Jesper!AL$2:AL$366,ROUNDDOWN($C3915/24,0)+1,1)*INDEX($D$3:$AA$30,INDEX(Jesper!$R$2:$R$366,ROW(INDEX(Jesper!AL$2:AL$366,ROUNDDOWN($C3915/24,0)+1,1))-1)+IF('Standard Profiles'!$G$22=$B$10,7,0)+IF('Standard Profiles'!$G$22=$B$17,14,0)+IF('Standard Profiles'!$G$22=$B$24,21,0),MOD($C3915,24)+1)/SUM(INDEX($D$3:$AA$30,INDEX(Jesper!$R$2:$R$366,ROW(INDEX(Jesper!AL$2:AL$366,ROUNDDOWN($C3915/24,0)+1,1))-1)+IF('Standard Profiles'!$G$22=$B$10,7,0)+IF('Standard Profiles'!$G$22=$B$17,14,0)+IF('Standard Profiles'!$G$22=$B$24,21,0),0)),0)</f>
        <v>0</v>
      </c>
      <c r="I3915">
        <f t="shared" si="440"/>
        <v>0.46963593783125979</v>
      </c>
      <c r="J3915">
        <f t="shared" si="441"/>
        <v>1.5654531261041995</v>
      </c>
      <c r="K3915">
        <f t="shared" si="442"/>
        <v>2.3481796891562992</v>
      </c>
      <c r="L3915">
        <f t="shared" si="443"/>
        <v>11.271262507950235</v>
      </c>
      <c r="M3915">
        <f t="shared" si="444"/>
        <v>0</v>
      </c>
      <c r="N3915" s="46">
        <f t="shared" si="445"/>
        <v>45453.708333323921</v>
      </c>
    </row>
    <row r="3916" spans="2:14" x14ac:dyDescent="0.3">
      <c r="B3916">
        <f t="shared" si="439"/>
        <v>1</v>
      </c>
      <c r="C3916" s="16">
        <v>3882</v>
      </c>
      <c r="D3916" cm="1">
        <f t="array" ref="D3916">IFERROR(INDEX(Jesper!AH$2:AH$366,ROUNDDOWN($C3916/24,0)+1,1)*INDEX($D$3:$AA$30,INDEX(Jesper!$R$2:$R$366,ROW(INDEX(Jesper!AH$2:AH$366,ROUNDDOWN($C3916/24,0)+1,1))-1)+IF('Standard Profiles'!$G$18=$B$10,7,0)+IF('Standard Profiles'!$G$18=$B$17,14,0)+IF('Standard Profiles'!$G$18=$B$24,21,0),MOD($C3916,24)+1)/SUM(INDEX($D$3:$AA$30,INDEX(Jesper!$R$2:$R$366,ROW(INDEX(Jesper!AH$2:AH$366,ROUNDDOWN($C3916/24,0)+1,1))-1)+IF('Standard Profiles'!$G$18=$B$10,7,0)+IF('Standard Profiles'!$G$18=$B$17,14,0)+IF('Standard Profiles'!$G$18=$B$24,21,0),0)),0)</f>
        <v>15.654531261041994</v>
      </c>
      <c r="E3916" cm="1">
        <f t="array" ref="E3916">IFERROR(INDEX(Jesper!AI$2:AI$366,ROUNDDOWN($C3916/24,0)+1,1)*INDEX($D$3:$AA$30,INDEX(Jesper!$R$2:$R$366,ROW(INDEX(Jesper!AI$2:AI$366,ROUNDDOWN($C3916/24,0)+1,1))-1)+IF('Standard Profiles'!$G$19=$B$10,7,0)+IF('Standard Profiles'!$G$19=$B$17,14,0)+IF('Standard Profiles'!$G$19=$B$24,21,0),MOD($C3916,24)+1)/SUM(INDEX($D$3:$AA$30,INDEX(Jesper!$R$2:$R$366,ROW(INDEX(Jesper!AI$2:AI$366,ROUNDDOWN($C3916/24,0)+1,1))-1)+IF('Standard Profiles'!$G$19=$B$10,7,0)+IF('Standard Profiles'!$G$19=$B$17,14,0)+IF('Standard Profiles'!$G$19=$B$24,21,0),0)),0)</f>
        <v>0</v>
      </c>
      <c r="F3916" cm="1">
        <f t="array" ref="F3916">IFERROR(INDEX(Jesper!AJ$2:AJ$366,ROUNDDOWN($C3916/24,0)+1,1)*INDEX($D$3:$AA$30,INDEX(Jesper!$R$2:$R$366,ROW(INDEX(Jesper!AJ$2:AJ$366,ROUNDDOWN($C3916/24,0)+1,1))-1)+IF('Standard Profiles'!$G$20=$B$10,7,0)+IF('Standard Profiles'!$G$20=$B$17,14,0)+IF('Standard Profiles'!$G$20=$B$24,21,0),MOD($C3916,24)+1)/SUM(INDEX($D$3:$AA$30,INDEX(Jesper!$R$2:$R$366,ROW(INDEX(Jesper!AJ$2:AJ$366,ROUNDDOWN($C3916/24,0)+1,1))-1)+IF('Standard Profiles'!$G$20=$B$10,7,0)+IF('Standard Profiles'!$G$20=$B$17,14,0)+IF('Standard Profiles'!$G$20=$B$24,21,0),0)),0)</f>
        <v>0</v>
      </c>
      <c r="G3916" cm="1">
        <f t="array" ref="G3916">IFERROR(INDEX(Jesper!AK$2:AK$366,ROUNDDOWN($C3916/24,0)+1,1)*INDEX($D$3:$AA$30,INDEX(Jesper!$R$2:$R$366,ROW(INDEX(Jesper!AK$2:AK$366,ROUNDDOWN($C3916/24,0)+1,1))-1)+IF('Standard Profiles'!$G$21=$B$10,7,0)+IF('Standard Profiles'!$G$21=$B$17,14,0)+IF('Standard Profiles'!$G$21=$B$24,21,0),MOD($C3916,24)+1)/SUM(INDEX($D$3:$AA$30,INDEX(Jesper!$R$2:$R$366,ROW(INDEX(Jesper!AK$2:AK$366,ROUNDDOWN($C3916/24,0)+1,1))-1)+IF('Standard Profiles'!$G$21=$B$10,7,0)+IF('Standard Profiles'!$G$21=$B$17,14,0)+IF('Standard Profiles'!$G$21=$B$24,21,0),0)),0)</f>
        <v>0</v>
      </c>
      <c r="H3916" cm="1">
        <f t="array" ref="H3916">IFERROR(INDEX(Jesper!AL$2:AL$366,ROUNDDOWN($C3916/24,0)+1,1)*INDEX($D$3:$AA$30,INDEX(Jesper!$R$2:$R$366,ROW(INDEX(Jesper!AL$2:AL$366,ROUNDDOWN($C3916/24,0)+1,1))-1)+IF('Standard Profiles'!$G$22=$B$10,7,0)+IF('Standard Profiles'!$G$22=$B$17,14,0)+IF('Standard Profiles'!$G$22=$B$24,21,0),MOD($C3916,24)+1)/SUM(INDEX($D$3:$AA$30,INDEX(Jesper!$R$2:$R$366,ROW(INDEX(Jesper!AL$2:AL$366,ROUNDDOWN($C3916/24,0)+1,1))-1)+IF('Standard Profiles'!$G$22=$B$10,7,0)+IF('Standard Profiles'!$G$22=$B$17,14,0)+IF('Standard Profiles'!$G$22=$B$24,21,0),0)),0)</f>
        <v>0</v>
      </c>
      <c r="I3916">
        <f t="shared" si="440"/>
        <v>0.46963593783125979</v>
      </c>
      <c r="J3916">
        <f t="shared" si="441"/>
        <v>1.5654531261041995</v>
      </c>
      <c r="K3916">
        <f t="shared" si="442"/>
        <v>2.3481796891562992</v>
      </c>
      <c r="L3916">
        <f t="shared" si="443"/>
        <v>11.271262507950235</v>
      </c>
      <c r="M3916">
        <f t="shared" si="444"/>
        <v>0</v>
      </c>
      <c r="N3916" s="46">
        <f t="shared" si="445"/>
        <v>45453.749999990585</v>
      </c>
    </row>
    <row r="3917" spans="2:14" x14ac:dyDescent="0.3">
      <c r="B3917">
        <f t="shared" si="439"/>
        <v>1</v>
      </c>
      <c r="C3917" s="16">
        <v>3883</v>
      </c>
      <c r="D3917" cm="1">
        <f t="array" ref="D3917">IFERROR(INDEX(Jesper!AH$2:AH$366,ROUNDDOWN($C3917/24,0)+1,1)*INDEX($D$3:$AA$30,INDEX(Jesper!$R$2:$R$366,ROW(INDEX(Jesper!AH$2:AH$366,ROUNDDOWN($C3917/24,0)+1,1))-1)+IF('Standard Profiles'!$G$18=$B$10,7,0)+IF('Standard Profiles'!$G$18=$B$17,14,0)+IF('Standard Profiles'!$G$18=$B$24,21,0),MOD($C3917,24)+1)/SUM(INDEX($D$3:$AA$30,INDEX(Jesper!$R$2:$R$366,ROW(INDEX(Jesper!AH$2:AH$366,ROUNDDOWN($C3917/24,0)+1,1))-1)+IF('Standard Profiles'!$G$18=$B$10,7,0)+IF('Standard Profiles'!$G$18=$B$17,14,0)+IF('Standard Profiles'!$G$18=$B$24,21,0),0)),0)</f>
        <v>13.11066993112267</v>
      </c>
      <c r="E3917" cm="1">
        <f t="array" ref="E3917">IFERROR(INDEX(Jesper!AI$2:AI$366,ROUNDDOWN($C3917/24,0)+1,1)*INDEX($D$3:$AA$30,INDEX(Jesper!$R$2:$R$366,ROW(INDEX(Jesper!AI$2:AI$366,ROUNDDOWN($C3917/24,0)+1,1))-1)+IF('Standard Profiles'!$G$19=$B$10,7,0)+IF('Standard Profiles'!$G$19=$B$17,14,0)+IF('Standard Profiles'!$G$19=$B$24,21,0),MOD($C3917,24)+1)/SUM(INDEX($D$3:$AA$30,INDEX(Jesper!$R$2:$R$366,ROW(INDEX(Jesper!AI$2:AI$366,ROUNDDOWN($C3917/24,0)+1,1))-1)+IF('Standard Profiles'!$G$19=$B$10,7,0)+IF('Standard Profiles'!$G$19=$B$17,14,0)+IF('Standard Profiles'!$G$19=$B$24,21,0),0)),0)</f>
        <v>0</v>
      </c>
      <c r="F3917" cm="1">
        <f t="array" ref="F3917">IFERROR(INDEX(Jesper!AJ$2:AJ$366,ROUNDDOWN($C3917/24,0)+1,1)*INDEX($D$3:$AA$30,INDEX(Jesper!$R$2:$R$366,ROW(INDEX(Jesper!AJ$2:AJ$366,ROUNDDOWN($C3917/24,0)+1,1))-1)+IF('Standard Profiles'!$G$20=$B$10,7,0)+IF('Standard Profiles'!$G$20=$B$17,14,0)+IF('Standard Profiles'!$G$20=$B$24,21,0),MOD($C3917,24)+1)/SUM(INDEX($D$3:$AA$30,INDEX(Jesper!$R$2:$R$366,ROW(INDEX(Jesper!AJ$2:AJ$366,ROUNDDOWN($C3917/24,0)+1,1))-1)+IF('Standard Profiles'!$G$20=$B$10,7,0)+IF('Standard Profiles'!$G$20=$B$17,14,0)+IF('Standard Profiles'!$G$20=$B$24,21,0),0)),0)</f>
        <v>0</v>
      </c>
      <c r="G3917" cm="1">
        <f t="array" ref="G3917">IFERROR(INDEX(Jesper!AK$2:AK$366,ROUNDDOWN($C3917/24,0)+1,1)*INDEX($D$3:$AA$30,INDEX(Jesper!$R$2:$R$366,ROW(INDEX(Jesper!AK$2:AK$366,ROUNDDOWN($C3917/24,0)+1,1))-1)+IF('Standard Profiles'!$G$21=$B$10,7,0)+IF('Standard Profiles'!$G$21=$B$17,14,0)+IF('Standard Profiles'!$G$21=$B$24,21,0),MOD($C3917,24)+1)/SUM(INDEX($D$3:$AA$30,INDEX(Jesper!$R$2:$R$366,ROW(INDEX(Jesper!AK$2:AK$366,ROUNDDOWN($C3917/24,0)+1,1))-1)+IF('Standard Profiles'!$G$21=$B$10,7,0)+IF('Standard Profiles'!$G$21=$B$17,14,0)+IF('Standard Profiles'!$G$21=$B$24,21,0),0)),0)</f>
        <v>0</v>
      </c>
      <c r="H3917" cm="1">
        <f t="array" ref="H3917">IFERROR(INDEX(Jesper!AL$2:AL$366,ROUNDDOWN($C3917/24,0)+1,1)*INDEX($D$3:$AA$30,INDEX(Jesper!$R$2:$R$366,ROW(INDEX(Jesper!AL$2:AL$366,ROUNDDOWN($C3917/24,0)+1,1))-1)+IF('Standard Profiles'!$G$22=$B$10,7,0)+IF('Standard Profiles'!$G$22=$B$17,14,0)+IF('Standard Profiles'!$G$22=$B$24,21,0),MOD($C3917,24)+1)/SUM(INDEX($D$3:$AA$30,INDEX(Jesper!$R$2:$R$366,ROW(INDEX(Jesper!AL$2:AL$366,ROUNDDOWN($C3917/24,0)+1,1))-1)+IF('Standard Profiles'!$G$22=$B$10,7,0)+IF('Standard Profiles'!$G$22=$B$17,14,0)+IF('Standard Profiles'!$G$22=$B$24,21,0),0)),0)</f>
        <v>0</v>
      </c>
      <c r="I3917">
        <f t="shared" si="440"/>
        <v>0.39332009793368011</v>
      </c>
      <c r="J3917">
        <f t="shared" si="441"/>
        <v>1.3110669931122672</v>
      </c>
      <c r="K3917">
        <f t="shared" si="442"/>
        <v>1.9666004896684004</v>
      </c>
      <c r="L3917">
        <f t="shared" si="443"/>
        <v>9.4396823504083223</v>
      </c>
      <c r="M3917">
        <f t="shared" si="444"/>
        <v>0</v>
      </c>
      <c r="N3917" s="46">
        <f t="shared" si="445"/>
        <v>45453.791666657249</v>
      </c>
    </row>
    <row r="3918" spans="2:14" x14ac:dyDescent="0.3">
      <c r="B3918">
        <f t="shared" si="439"/>
        <v>1</v>
      </c>
      <c r="C3918" s="16">
        <v>3884</v>
      </c>
      <c r="D3918" cm="1">
        <f t="array" ref="D3918">IFERROR(INDEX(Jesper!AH$2:AH$366,ROUNDDOWN($C3918/24,0)+1,1)*INDEX($D$3:$AA$30,INDEX(Jesper!$R$2:$R$366,ROW(INDEX(Jesper!AH$2:AH$366,ROUNDDOWN($C3918/24,0)+1,1))-1)+IF('Standard Profiles'!$G$18=$B$10,7,0)+IF('Standard Profiles'!$G$18=$B$17,14,0)+IF('Standard Profiles'!$G$18=$B$24,21,0),MOD($C3918,24)+1)/SUM(INDEX($D$3:$AA$30,INDEX(Jesper!$R$2:$R$366,ROW(INDEX(Jesper!AH$2:AH$366,ROUNDDOWN($C3918/24,0)+1,1))-1)+IF('Standard Profiles'!$G$18=$B$10,7,0)+IF('Standard Profiles'!$G$18=$B$17,14,0)+IF('Standard Profiles'!$G$18=$B$24,21,0),0)),0)</f>
        <v>10.762490241966368</v>
      </c>
      <c r="E3918" cm="1">
        <f t="array" ref="E3918">IFERROR(INDEX(Jesper!AI$2:AI$366,ROUNDDOWN($C3918/24,0)+1,1)*INDEX($D$3:$AA$30,INDEX(Jesper!$R$2:$R$366,ROW(INDEX(Jesper!AI$2:AI$366,ROUNDDOWN($C3918/24,0)+1,1))-1)+IF('Standard Profiles'!$G$19=$B$10,7,0)+IF('Standard Profiles'!$G$19=$B$17,14,0)+IF('Standard Profiles'!$G$19=$B$24,21,0),MOD($C3918,24)+1)/SUM(INDEX($D$3:$AA$30,INDEX(Jesper!$R$2:$R$366,ROW(INDEX(Jesper!AI$2:AI$366,ROUNDDOWN($C3918/24,0)+1,1))-1)+IF('Standard Profiles'!$G$19=$B$10,7,0)+IF('Standard Profiles'!$G$19=$B$17,14,0)+IF('Standard Profiles'!$G$19=$B$24,21,0),0)),0)</f>
        <v>0</v>
      </c>
      <c r="F3918" cm="1">
        <f t="array" ref="F3918">IFERROR(INDEX(Jesper!AJ$2:AJ$366,ROUNDDOWN($C3918/24,0)+1,1)*INDEX($D$3:$AA$30,INDEX(Jesper!$R$2:$R$366,ROW(INDEX(Jesper!AJ$2:AJ$366,ROUNDDOWN($C3918/24,0)+1,1))-1)+IF('Standard Profiles'!$G$20=$B$10,7,0)+IF('Standard Profiles'!$G$20=$B$17,14,0)+IF('Standard Profiles'!$G$20=$B$24,21,0),MOD($C3918,24)+1)/SUM(INDEX($D$3:$AA$30,INDEX(Jesper!$R$2:$R$366,ROW(INDEX(Jesper!AJ$2:AJ$366,ROUNDDOWN($C3918/24,0)+1,1))-1)+IF('Standard Profiles'!$G$20=$B$10,7,0)+IF('Standard Profiles'!$G$20=$B$17,14,0)+IF('Standard Profiles'!$G$20=$B$24,21,0),0)),0)</f>
        <v>0</v>
      </c>
      <c r="G3918" cm="1">
        <f t="array" ref="G3918">IFERROR(INDEX(Jesper!AK$2:AK$366,ROUNDDOWN($C3918/24,0)+1,1)*INDEX($D$3:$AA$30,INDEX(Jesper!$R$2:$R$366,ROW(INDEX(Jesper!AK$2:AK$366,ROUNDDOWN($C3918/24,0)+1,1))-1)+IF('Standard Profiles'!$G$21=$B$10,7,0)+IF('Standard Profiles'!$G$21=$B$17,14,0)+IF('Standard Profiles'!$G$21=$B$24,21,0),MOD($C3918,24)+1)/SUM(INDEX($D$3:$AA$30,INDEX(Jesper!$R$2:$R$366,ROW(INDEX(Jesper!AK$2:AK$366,ROUNDDOWN($C3918/24,0)+1,1))-1)+IF('Standard Profiles'!$G$21=$B$10,7,0)+IF('Standard Profiles'!$G$21=$B$17,14,0)+IF('Standard Profiles'!$G$21=$B$24,21,0),0)),0)</f>
        <v>0</v>
      </c>
      <c r="H3918" cm="1">
        <f t="array" ref="H3918">IFERROR(INDEX(Jesper!AL$2:AL$366,ROUNDDOWN($C3918/24,0)+1,1)*INDEX($D$3:$AA$30,INDEX(Jesper!$R$2:$R$366,ROW(INDEX(Jesper!AL$2:AL$366,ROUNDDOWN($C3918/24,0)+1,1))-1)+IF('Standard Profiles'!$G$22=$B$10,7,0)+IF('Standard Profiles'!$G$22=$B$17,14,0)+IF('Standard Profiles'!$G$22=$B$24,21,0),MOD($C3918,24)+1)/SUM(INDEX($D$3:$AA$30,INDEX(Jesper!$R$2:$R$366,ROW(INDEX(Jesper!AL$2:AL$366,ROUNDDOWN($C3918/24,0)+1,1))-1)+IF('Standard Profiles'!$G$22=$B$10,7,0)+IF('Standard Profiles'!$G$22=$B$17,14,0)+IF('Standard Profiles'!$G$22=$B$24,21,0),0)),0)</f>
        <v>0</v>
      </c>
      <c r="I3918">
        <f t="shared" si="440"/>
        <v>0.32287470725899103</v>
      </c>
      <c r="J3918">
        <f t="shared" si="441"/>
        <v>1.0762490241966369</v>
      </c>
      <c r="K3918">
        <f t="shared" si="442"/>
        <v>1.6143735362949552</v>
      </c>
      <c r="L3918">
        <f t="shared" si="443"/>
        <v>7.7489929742157848</v>
      </c>
      <c r="M3918">
        <f t="shared" si="444"/>
        <v>0</v>
      </c>
      <c r="N3918" s="46">
        <f t="shared" si="445"/>
        <v>45453.833333323913</v>
      </c>
    </row>
    <row r="3919" spans="2:14" x14ac:dyDescent="0.3">
      <c r="B3919">
        <f t="shared" si="439"/>
        <v>1</v>
      </c>
      <c r="C3919" s="16">
        <v>3885</v>
      </c>
      <c r="D3919" cm="1">
        <f t="array" ref="D3919">IFERROR(INDEX(Jesper!AH$2:AH$366,ROUNDDOWN($C3919/24,0)+1,1)*INDEX($D$3:$AA$30,INDEX(Jesper!$R$2:$R$366,ROW(INDEX(Jesper!AH$2:AH$366,ROUNDDOWN($C3919/24,0)+1,1))-1)+IF('Standard Profiles'!$G$18=$B$10,7,0)+IF('Standard Profiles'!$G$18=$B$17,14,0)+IF('Standard Profiles'!$G$18=$B$24,21,0),MOD($C3919,24)+1)/SUM(INDEX($D$3:$AA$30,INDEX(Jesper!$R$2:$R$366,ROW(INDEX(Jesper!AH$2:AH$366,ROUNDDOWN($C3919/24,0)+1,1))-1)+IF('Standard Profiles'!$G$18=$B$10,7,0)+IF('Standard Profiles'!$G$18=$B$17,14,0)+IF('Standard Profiles'!$G$18=$B$24,21,0),0)),0)</f>
        <v>7.8272656305209969</v>
      </c>
      <c r="E3919" cm="1">
        <f t="array" ref="E3919">IFERROR(INDEX(Jesper!AI$2:AI$366,ROUNDDOWN($C3919/24,0)+1,1)*INDEX($D$3:$AA$30,INDEX(Jesper!$R$2:$R$366,ROW(INDEX(Jesper!AI$2:AI$366,ROUNDDOWN($C3919/24,0)+1,1))-1)+IF('Standard Profiles'!$G$19=$B$10,7,0)+IF('Standard Profiles'!$G$19=$B$17,14,0)+IF('Standard Profiles'!$G$19=$B$24,21,0),MOD($C3919,24)+1)/SUM(INDEX($D$3:$AA$30,INDEX(Jesper!$R$2:$R$366,ROW(INDEX(Jesper!AI$2:AI$366,ROUNDDOWN($C3919/24,0)+1,1))-1)+IF('Standard Profiles'!$G$19=$B$10,7,0)+IF('Standard Profiles'!$G$19=$B$17,14,0)+IF('Standard Profiles'!$G$19=$B$24,21,0),0)),0)</f>
        <v>0</v>
      </c>
      <c r="F3919" cm="1">
        <f t="array" ref="F3919">IFERROR(INDEX(Jesper!AJ$2:AJ$366,ROUNDDOWN($C3919/24,0)+1,1)*INDEX($D$3:$AA$30,INDEX(Jesper!$R$2:$R$366,ROW(INDEX(Jesper!AJ$2:AJ$366,ROUNDDOWN($C3919/24,0)+1,1))-1)+IF('Standard Profiles'!$G$20=$B$10,7,0)+IF('Standard Profiles'!$G$20=$B$17,14,0)+IF('Standard Profiles'!$G$20=$B$24,21,0),MOD($C3919,24)+1)/SUM(INDEX($D$3:$AA$30,INDEX(Jesper!$R$2:$R$366,ROW(INDEX(Jesper!AJ$2:AJ$366,ROUNDDOWN($C3919/24,0)+1,1))-1)+IF('Standard Profiles'!$G$20=$B$10,7,0)+IF('Standard Profiles'!$G$20=$B$17,14,0)+IF('Standard Profiles'!$G$20=$B$24,21,0),0)),0)</f>
        <v>0</v>
      </c>
      <c r="G3919" cm="1">
        <f t="array" ref="G3919">IFERROR(INDEX(Jesper!AK$2:AK$366,ROUNDDOWN($C3919/24,0)+1,1)*INDEX($D$3:$AA$30,INDEX(Jesper!$R$2:$R$366,ROW(INDEX(Jesper!AK$2:AK$366,ROUNDDOWN($C3919/24,0)+1,1))-1)+IF('Standard Profiles'!$G$21=$B$10,7,0)+IF('Standard Profiles'!$G$21=$B$17,14,0)+IF('Standard Profiles'!$G$21=$B$24,21,0),MOD($C3919,24)+1)/SUM(INDEX($D$3:$AA$30,INDEX(Jesper!$R$2:$R$366,ROW(INDEX(Jesper!AK$2:AK$366,ROUNDDOWN($C3919/24,0)+1,1))-1)+IF('Standard Profiles'!$G$21=$B$10,7,0)+IF('Standard Profiles'!$G$21=$B$17,14,0)+IF('Standard Profiles'!$G$21=$B$24,21,0),0)),0)</f>
        <v>0</v>
      </c>
      <c r="H3919" cm="1">
        <f t="array" ref="H3919">IFERROR(INDEX(Jesper!AL$2:AL$366,ROUNDDOWN($C3919/24,0)+1,1)*INDEX($D$3:$AA$30,INDEX(Jesper!$R$2:$R$366,ROW(INDEX(Jesper!AL$2:AL$366,ROUNDDOWN($C3919/24,0)+1,1))-1)+IF('Standard Profiles'!$G$22=$B$10,7,0)+IF('Standard Profiles'!$G$22=$B$17,14,0)+IF('Standard Profiles'!$G$22=$B$24,21,0),MOD($C3919,24)+1)/SUM(INDEX($D$3:$AA$30,INDEX(Jesper!$R$2:$R$366,ROW(INDEX(Jesper!AL$2:AL$366,ROUNDDOWN($C3919/24,0)+1,1))-1)+IF('Standard Profiles'!$G$22=$B$10,7,0)+IF('Standard Profiles'!$G$22=$B$17,14,0)+IF('Standard Profiles'!$G$22=$B$24,21,0),0)),0)</f>
        <v>0</v>
      </c>
      <c r="I3919">
        <f t="shared" si="440"/>
        <v>0.23481796891562989</v>
      </c>
      <c r="J3919">
        <f t="shared" si="441"/>
        <v>0.78272656305209976</v>
      </c>
      <c r="K3919">
        <f t="shared" si="442"/>
        <v>1.1740898445781496</v>
      </c>
      <c r="L3919">
        <f t="shared" si="443"/>
        <v>5.6356312539751174</v>
      </c>
      <c r="M3919">
        <f t="shared" si="444"/>
        <v>0</v>
      </c>
      <c r="N3919" s="46">
        <f t="shared" si="445"/>
        <v>45453.874999990578</v>
      </c>
    </row>
    <row r="3920" spans="2:14" x14ac:dyDescent="0.3">
      <c r="B3920">
        <f t="shared" si="439"/>
        <v>1</v>
      </c>
      <c r="C3920" s="16">
        <v>3886</v>
      </c>
      <c r="D3920" cm="1">
        <f t="array" ref="D3920">IFERROR(INDEX(Jesper!AH$2:AH$366,ROUNDDOWN($C3920/24,0)+1,1)*INDEX($D$3:$AA$30,INDEX(Jesper!$R$2:$R$366,ROW(INDEX(Jesper!AH$2:AH$366,ROUNDDOWN($C3920/24,0)+1,1))-1)+IF('Standard Profiles'!$G$18=$B$10,7,0)+IF('Standard Profiles'!$G$18=$B$17,14,0)+IF('Standard Profiles'!$G$18=$B$24,21,0),MOD($C3920,24)+1)/SUM(INDEX($D$3:$AA$30,INDEX(Jesper!$R$2:$R$366,ROW(INDEX(Jesper!AH$2:AH$366,ROUNDDOWN($C3920/24,0)+1,1))-1)+IF('Standard Profiles'!$G$18=$B$10,7,0)+IF('Standard Profiles'!$G$18=$B$17,14,0)+IF('Standard Profiles'!$G$18=$B$24,21,0),0)),0)</f>
        <v>7.4359023489949463</v>
      </c>
      <c r="E3920" cm="1">
        <f t="array" ref="E3920">IFERROR(INDEX(Jesper!AI$2:AI$366,ROUNDDOWN($C3920/24,0)+1,1)*INDEX($D$3:$AA$30,INDEX(Jesper!$R$2:$R$366,ROW(INDEX(Jesper!AI$2:AI$366,ROUNDDOWN($C3920/24,0)+1,1))-1)+IF('Standard Profiles'!$G$19=$B$10,7,0)+IF('Standard Profiles'!$G$19=$B$17,14,0)+IF('Standard Profiles'!$G$19=$B$24,21,0),MOD($C3920,24)+1)/SUM(INDEX($D$3:$AA$30,INDEX(Jesper!$R$2:$R$366,ROW(INDEX(Jesper!AI$2:AI$366,ROUNDDOWN($C3920/24,0)+1,1))-1)+IF('Standard Profiles'!$G$19=$B$10,7,0)+IF('Standard Profiles'!$G$19=$B$17,14,0)+IF('Standard Profiles'!$G$19=$B$24,21,0),0)),0)</f>
        <v>0</v>
      </c>
      <c r="F3920" cm="1">
        <f t="array" ref="F3920">IFERROR(INDEX(Jesper!AJ$2:AJ$366,ROUNDDOWN($C3920/24,0)+1,1)*INDEX($D$3:$AA$30,INDEX(Jesper!$R$2:$R$366,ROW(INDEX(Jesper!AJ$2:AJ$366,ROUNDDOWN($C3920/24,0)+1,1))-1)+IF('Standard Profiles'!$G$20=$B$10,7,0)+IF('Standard Profiles'!$G$20=$B$17,14,0)+IF('Standard Profiles'!$G$20=$B$24,21,0),MOD($C3920,24)+1)/SUM(INDEX($D$3:$AA$30,INDEX(Jesper!$R$2:$R$366,ROW(INDEX(Jesper!AJ$2:AJ$366,ROUNDDOWN($C3920/24,0)+1,1))-1)+IF('Standard Profiles'!$G$20=$B$10,7,0)+IF('Standard Profiles'!$G$20=$B$17,14,0)+IF('Standard Profiles'!$G$20=$B$24,21,0),0)),0)</f>
        <v>0</v>
      </c>
      <c r="G3920" cm="1">
        <f t="array" ref="G3920">IFERROR(INDEX(Jesper!AK$2:AK$366,ROUNDDOWN($C3920/24,0)+1,1)*INDEX($D$3:$AA$30,INDEX(Jesper!$R$2:$R$366,ROW(INDEX(Jesper!AK$2:AK$366,ROUNDDOWN($C3920/24,0)+1,1))-1)+IF('Standard Profiles'!$G$21=$B$10,7,0)+IF('Standard Profiles'!$G$21=$B$17,14,0)+IF('Standard Profiles'!$G$21=$B$24,21,0),MOD($C3920,24)+1)/SUM(INDEX($D$3:$AA$30,INDEX(Jesper!$R$2:$R$366,ROW(INDEX(Jesper!AK$2:AK$366,ROUNDDOWN($C3920/24,0)+1,1))-1)+IF('Standard Profiles'!$G$21=$B$10,7,0)+IF('Standard Profiles'!$G$21=$B$17,14,0)+IF('Standard Profiles'!$G$21=$B$24,21,0),0)),0)</f>
        <v>0</v>
      </c>
      <c r="H3920" cm="1">
        <f t="array" ref="H3920">IFERROR(INDEX(Jesper!AL$2:AL$366,ROUNDDOWN($C3920/24,0)+1,1)*INDEX($D$3:$AA$30,INDEX(Jesper!$R$2:$R$366,ROW(INDEX(Jesper!AL$2:AL$366,ROUNDDOWN($C3920/24,0)+1,1))-1)+IF('Standard Profiles'!$G$22=$B$10,7,0)+IF('Standard Profiles'!$G$22=$B$17,14,0)+IF('Standard Profiles'!$G$22=$B$24,21,0),MOD($C3920,24)+1)/SUM(INDEX($D$3:$AA$30,INDEX(Jesper!$R$2:$R$366,ROW(INDEX(Jesper!AL$2:AL$366,ROUNDDOWN($C3920/24,0)+1,1))-1)+IF('Standard Profiles'!$G$22=$B$10,7,0)+IF('Standard Profiles'!$G$22=$B$17,14,0)+IF('Standard Profiles'!$G$22=$B$24,21,0),0)),0)</f>
        <v>0</v>
      </c>
      <c r="I3920">
        <f t="shared" si="440"/>
        <v>0.22307707046984837</v>
      </c>
      <c r="J3920">
        <f t="shared" si="441"/>
        <v>0.74359023489949472</v>
      </c>
      <c r="K3920">
        <f t="shared" si="442"/>
        <v>1.1153853523492419</v>
      </c>
      <c r="L3920">
        <f t="shared" si="443"/>
        <v>5.3538496912763609</v>
      </c>
      <c r="M3920">
        <f t="shared" si="444"/>
        <v>0</v>
      </c>
      <c r="N3920" s="46">
        <f t="shared" si="445"/>
        <v>45453.916666657242</v>
      </c>
    </row>
    <row r="3921" spans="2:14" x14ac:dyDescent="0.3">
      <c r="B3921">
        <f t="shared" si="439"/>
        <v>1</v>
      </c>
      <c r="C3921" s="16">
        <v>3887</v>
      </c>
      <c r="D3921" cm="1">
        <f t="array" ref="D3921">IFERROR(INDEX(Jesper!AH$2:AH$366,ROUNDDOWN($C3921/24,0)+1,1)*INDEX($D$3:$AA$30,INDEX(Jesper!$R$2:$R$366,ROW(INDEX(Jesper!AH$2:AH$366,ROUNDDOWN($C3921/24,0)+1,1))-1)+IF('Standard Profiles'!$G$18=$B$10,7,0)+IF('Standard Profiles'!$G$18=$B$17,14,0)+IF('Standard Profiles'!$G$18=$B$24,21,0),MOD($C3921,24)+1)/SUM(INDEX($D$3:$AA$30,INDEX(Jesper!$R$2:$R$366,ROW(INDEX(Jesper!AH$2:AH$366,ROUNDDOWN($C3921/24,0)+1,1))-1)+IF('Standard Profiles'!$G$18=$B$10,7,0)+IF('Standard Profiles'!$G$18=$B$17,14,0)+IF('Standard Profiles'!$G$18=$B$24,21,0),0)),0)</f>
        <v>7.4359023489949463</v>
      </c>
      <c r="E3921" cm="1">
        <f t="array" ref="E3921">IFERROR(INDEX(Jesper!AI$2:AI$366,ROUNDDOWN($C3921/24,0)+1,1)*INDEX($D$3:$AA$30,INDEX(Jesper!$R$2:$R$366,ROW(INDEX(Jesper!AI$2:AI$366,ROUNDDOWN($C3921/24,0)+1,1))-1)+IF('Standard Profiles'!$G$19=$B$10,7,0)+IF('Standard Profiles'!$G$19=$B$17,14,0)+IF('Standard Profiles'!$G$19=$B$24,21,0),MOD($C3921,24)+1)/SUM(INDEX($D$3:$AA$30,INDEX(Jesper!$R$2:$R$366,ROW(INDEX(Jesper!AI$2:AI$366,ROUNDDOWN($C3921/24,0)+1,1))-1)+IF('Standard Profiles'!$G$19=$B$10,7,0)+IF('Standard Profiles'!$G$19=$B$17,14,0)+IF('Standard Profiles'!$G$19=$B$24,21,0),0)),0)</f>
        <v>0</v>
      </c>
      <c r="F3921" cm="1">
        <f t="array" ref="F3921">IFERROR(INDEX(Jesper!AJ$2:AJ$366,ROUNDDOWN($C3921/24,0)+1,1)*INDEX($D$3:$AA$30,INDEX(Jesper!$R$2:$R$366,ROW(INDEX(Jesper!AJ$2:AJ$366,ROUNDDOWN($C3921/24,0)+1,1))-1)+IF('Standard Profiles'!$G$20=$B$10,7,0)+IF('Standard Profiles'!$G$20=$B$17,14,0)+IF('Standard Profiles'!$G$20=$B$24,21,0),MOD($C3921,24)+1)/SUM(INDEX($D$3:$AA$30,INDEX(Jesper!$R$2:$R$366,ROW(INDEX(Jesper!AJ$2:AJ$366,ROUNDDOWN($C3921/24,0)+1,1))-1)+IF('Standard Profiles'!$G$20=$B$10,7,0)+IF('Standard Profiles'!$G$20=$B$17,14,0)+IF('Standard Profiles'!$G$20=$B$24,21,0),0)),0)</f>
        <v>0</v>
      </c>
      <c r="G3921" cm="1">
        <f t="array" ref="G3921">IFERROR(INDEX(Jesper!AK$2:AK$366,ROUNDDOWN($C3921/24,0)+1,1)*INDEX($D$3:$AA$30,INDEX(Jesper!$R$2:$R$366,ROW(INDEX(Jesper!AK$2:AK$366,ROUNDDOWN($C3921/24,0)+1,1))-1)+IF('Standard Profiles'!$G$21=$B$10,7,0)+IF('Standard Profiles'!$G$21=$B$17,14,0)+IF('Standard Profiles'!$G$21=$B$24,21,0),MOD($C3921,24)+1)/SUM(INDEX($D$3:$AA$30,INDEX(Jesper!$R$2:$R$366,ROW(INDEX(Jesper!AK$2:AK$366,ROUNDDOWN($C3921/24,0)+1,1))-1)+IF('Standard Profiles'!$G$21=$B$10,7,0)+IF('Standard Profiles'!$G$21=$B$17,14,0)+IF('Standard Profiles'!$G$21=$B$24,21,0),0)),0)</f>
        <v>0</v>
      </c>
      <c r="H3921" cm="1">
        <f t="array" ref="H3921">IFERROR(INDEX(Jesper!AL$2:AL$366,ROUNDDOWN($C3921/24,0)+1,1)*INDEX($D$3:$AA$30,INDEX(Jesper!$R$2:$R$366,ROW(INDEX(Jesper!AL$2:AL$366,ROUNDDOWN($C3921/24,0)+1,1))-1)+IF('Standard Profiles'!$G$22=$B$10,7,0)+IF('Standard Profiles'!$G$22=$B$17,14,0)+IF('Standard Profiles'!$G$22=$B$24,21,0),MOD($C3921,24)+1)/SUM(INDEX($D$3:$AA$30,INDEX(Jesper!$R$2:$R$366,ROW(INDEX(Jesper!AL$2:AL$366,ROUNDDOWN($C3921/24,0)+1,1))-1)+IF('Standard Profiles'!$G$22=$B$10,7,0)+IF('Standard Profiles'!$G$22=$B$17,14,0)+IF('Standard Profiles'!$G$22=$B$24,21,0),0)),0)</f>
        <v>0</v>
      </c>
      <c r="I3921">
        <f t="shared" si="440"/>
        <v>0.22307707046984837</v>
      </c>
      <c r="J3921">
        <f t="shared" si="441"/>
        <v>0.74359023489949472</v>
      </c>
      <c r="K3921">
        <f t="shared" si="442"/>
        <v>1.1153853523492419</v>
      </c>
      <c r="L3921">
        <f t="shared" si="443"/>
        <v>5.3538496912763609</v>
      </c>
      <c r="M3921">
        <f t="shared" si="444"/>
        <v>0</v>
      </c>
      <c r="N3921" s="46">
        <f t="shared" si="445"/>
        <v>45453.958333323906</v>
      </c>
    </row>
    <row r="3922" spans="2:14" x14ac:dyDescent="0.3">
      <c r="B3922">
        <f t="shared" si="439"/>
        <v>2</v>
      </c>
      <c r="C3922" s="16">
        <v>3888</v>
      </c>
      <c r="D3922" cm="1">
        <f t="array" ref="D3922">IFERROR(INDEX(Jesper!AH$2:AH$366,ROUNDDOWN($C3922/24,0)+1,1)*INDEX($D$3:$AA$30,INDEX(Jesper!$R$2:$R$366,ROW(INDEX(Jesper!AH$2:AH$366,ROUNDDOWN($C3922/24,0)+1,1))-1)+IF('Standard Profiles'!$G$18=$B$10,7,0)+IF('Standard Profiles'!$G$18=$B$17,14,0)+IF('Standard Profiles'!$G$18=$B$24,21,0),MOD($C3922,24)+1)/SUM(INDEX($D$3:$AA$30,INDEX(Jesper!$R$2:$R$366,ROW(INDEX(Jesper!AH$2:AH$366,ROUNDDOWN($C3922/24,0)+1,1))-1)+IF('Standard Profiles'!$G$18=$B$10,7,0)+IF('Standard Profiles'!$G$18=$B$17,14,0)+IF('Standard Profiles'!$G$18=$B$24,21,0),0)),0)</f>
        <v>6.852508731218852</v>
      </c>
      <c r="E3922" cm="1">
        <f t="array" ref="E3922">IFERROR(INDEX(Jesper!AI$2:AI$366,ROUNDDOWN($C3922/24,0)+1,1)*INDEX($D$3:$AA$30,INDEX(Jesper!$R$2:$R$366,ROW(INDEX(Jesper!AI$2:AI$366,ROUNDDOWN($C3922/24,0)+1,1))-1)+IF('Standard Profiles'!$G$19=$B$10,7,0)+IF('Standard Profiles'!$G$19=$B$17,14,0)+IF('Standard Profiles'!$G$19=$B$24,21,0),MOD($C3922,24)+1)/SUM(INDEX($D$3:$AA$30,INDEX(Jesper!$R$2:$R$366,ROW(INDEX(Jesper!AI$2:AI$366,ROUNDDOWN($C3922/24,0)+1,1))-1)+IF('Standard Profiles'!$G$19=$B$10,7,0)+IF('Standard Profiles'!$G$19=$B$17,14,0)+IF('Standard Profiles'!$G$19=$B$24,21,0),0)),0)</f>
        <v>0</v>
      </c>
      <c r="F3922" cm="1">
        <f t="array" ref="F3922">IFERROR(INDEX(Jesper!AJ$2:AJ$366,ROUNDDOWN($C3922/24,0)+1,1)*INDEX($D$3:$AA$30,INDEX(Jesper!$R$2:$R$366,ROW(INDEX(Jesper!AJ$2:AJ$366,ROUNDDOWN($C3922/24,0)+1,1))-1)+IF('Standard Profiles'!$G$20=$B$10,7,0)+IF('Standard Profiles'!$G$20=$B$17,14,0)+IF('Standard Profiles'!$G$20=$B$24,21,0),MOD($C3922,24)+1)/SUM(INDEX($D$3:$AA$30,INDEX(Jesper!$R$2:$R$366,ROW(INDEX(Jesper!AJ$2:AJ$366,ROUNDDOWN($C3922/24,0)+1,1))-1)+IF('Standard Profiles'!$G$20=$B$10,7,0)+IF('Standard Profiles'!$G$20=$B$17,14,0)+IF('Standard Profiles'!$G$20=$B$24,21,0),0)),0)</f>
        <v>0</v>
      </c>
      <c r="G3922" cm="1">
        <f t="array" ref="G3922">IFERROR(INDEX(Jesper!AK$2:AK$366,ROUNDDOWN($C3922/24,0)+1,1)*INDEX($D$3:$AA$30,INDEX(Jesper!$R$2:$R$366,ROW(INDEX(Jesper!AK$2:AK$366,ROUNDDOWN($C3922/24,0)+1,1))-1)+IF('Standard Profiles'!$G$21=$B$10,7,0)+IF('Standard Profiles'!$G$21=$B$17,14,0)+IF('Standard Profiles'!$G$21=$B$24,21,0),MOD($C3922,24)+1)/SUM(INDEX($D$3:$AA$30,INDEX(Jesper!$R$2:$R$366,ROW(INDEX(Jesper!AK$2:AK$366,ROUNDDOWN($C3922/24,0)+1,1))-1)+IF('Standard Profiles'!$G$21=$B$10,7,0)+IF('Standard Profiles'!$G$21=$B$17,14,0)+IF('Standard Profiles'!$G$21=$B$24,21,0),0)),0)</f>
        <v>0</v>
      </c>
      <c r="H3922" cm="1">
        <f t="array" ref="H3922">IFERROR(INDEX(Jesper!AL$2:AL$366,ROUNDDOWN($C3922/24,0)+1,1)*INDEX($D$3:$AA$30,INDEX(Jesper!$R$2:$R$366,ROW(INDEX(Jesper!AL$2:AL$366,ROUNDDOWN($C3922/24,0)+1,1))-1)+IF('Standard Profiles'!$G$22=$B$10,7,0)+IF('Standard Profiles'!$G$22=$B$17,14,0)+IF('Standard Profiles'!$G$22=$B$24,21,0),MOD($C3922,24)+1)/SUM(INDEX($D$3:$AA$30,INDEX(Jesper!$R$2:$R$366,ROW(INDEX(Jesper!AL$2:AL$366,ROUNDDOWN($C3922/24,0)+1,1))-1)+IF('Standard Profiles'!$G$22=$B$10,7,0)+IF('Standard Profiles'!$G$22=$B$17,14,0)+IF('Standard Profiles'!$G$22=$B$24,21,0),0)),0)</f>
        <v>0</v>
      </c>
      <c r="I3922">
        <f t="shared" si="440"/>
        <v>0.20557526193656556</v>
      </c>
      <c r="J3922">
        <f t="shared" si="441"/>
        <v>0.68525087312188526</v>
      </c>
      <c r="K3922">
        <f t="shared" si="442"/>
        <v>1.0278763096828278</v>
      </c>
      <c r="L3922">
        <f t="shared" si="443"/>
        <v>4.9338062864775729</v>
      </c>
      <c r="M3922">
        <f t="shared" si="444"/>
        <v>0</v>
      </c>
      <c r="N3922" s="46">
        <f t="shared" si="445"/>
        <v>45453.99999999057</v>
      </c>
    </row>
    <row r="3923" spans="2:14" x14ac:dyDescent="0.3">
      <c r="B3923">
        <f t="shared" si="439"/>
        <v>2</v>
      </c>
      <c r="C3923" s="16">
        <v>3889</v>
      </c>
      <c r="D3923" cm="1">
        <f t="array" ref="D3923">IFERROR(INDEX(Jesper!AH$2:AH$366,ROUNDDOWN($C3923/24,0)+1,1)*INDEX($D$3:$AA$30,INDEX(Jesper!$R$2:$R$366,ROW(INDEX(Jesper!AH$2:AH$366,ROUNDDOWN($C3923/24,0)+1,1))-1)+IF('Standard Profiles'!$G$18=$B$10,7,0)+IF('Standard Profiles'!$G$18=$B$17,14,0)+IF('Standard Profiles'!$G$18=$B$24,21,0),MOD($C3923,24)+1)/SUM(INDEX($D$3:$AA$30,INDEX(Jesper!$R$2:$R$366,ROW(INDEX(Jesper!AH$2:AH$366,ROUNDDOWN($C3923/24,0)+1,1))-1)+IF('Standard Profiles'!$G$18=$B$10,7,0)+IF('Standard Profiles'!$G$18=$B$17,14,0)+IF('Standard Profiles'!$G$18=$B$24,21,0),0)),0)</f>
        <v>6.852508731218852</v>
      </c>
      <c r="E3923" cm="1">
        <f t="array" ref="E3923">IFERROR(INDEX(Jesper!AI$2:AI$366,ROUNDDOWN($C3923/24,0)+1,1)*INDEX($D$3:$AA$30,INDEX(Jesper!$R$2:$R$366,ROW(INDEX(Jesper!AI$2:AI$366,ROUNDDOWN($C3923/24,0)+1,1))-1)+IF('Standard Profiles'!$G$19=$B$10,7,0)+IF('Standard Profiles'!$G$19=$B$17,14,0)+IF('Standard Profiles'!$G$19=$B$24,21,0),MOD($C3923,24)+1)/SUM(INDEX($D$3:$AA$30,INDEX(Jesper!$R$2:$R$366,ROW(INDEX(Jesper!AI$2:AI$366,ROUNDDOWN($C3923/24,0)+1,1))-1)+IF('Standard Profiles'!$G$19=$B$10,7,0)+IF('Standard Profiles'!$G$19=$B$17,14,0)+IF('Standard Profiles'!$G$19=$B$24,21,0),0)),0)</f>
        <v>0</v>
      </c>
      <c r="F3923" cm="1">
        <f t="array" ref="F3923">IFERROR(INDEX(Jesper!AJ$2:AJ$366,ROUNDDOWN($C3923/24,0)+1,1)*INDEX($D$3:$AA$30,INDEX(Jesper!$R$2:$R$366,ROW(INDEX(Jesper!AJ$2:AJ$366,ROUNDDOWN($C3923/24,0)+1,1))-1)+IF('Standard Profiles'!$G$20=$B$10,7,0)+IF('Standard Profiles'!$G$20=$B$17,14,0)+IF('Standard Profiles'!$G$20=$B$24,21,0),MOD($C3923,24)+1)/SUM(INDEX($D$3:$AA$30,INDEX(Jesper!$R$2:$R$366,ROW(INDEX(Jesper!AJ$2:AJ$366,ROUNDDOWN($C3923/24,0)+1,1))-1)+IF('Standard Profiles'!$G$20=$B$10,7,0)+IF('Standard Profiles'!$G$20=$B$17,14,0)+IF('Standard Profiles'!$G$20=$B$24,21,0),0)),0)</f>
        <v>0</v>
      </c>
      <c r="G3923" cm="1">
        <f t="array" ref="G3923">IFERROR(INDEX(Jesper!AK$2:AK$366,ROUNDDOWN($C3923/24,0)+1,1)*INDEX($D$3:$AA$30,INDEX(Jesper!$R$2:$R$366,ROW(INDEX(Jesper!AK$2:AK$366,ROUNDDOWN($C3923/24,0)+1,1))-1)+IF('Standard Profiles'!$G$21=$B$10,7,0)+IF('Standard Profiles'!$G$21=$B$17,14,0)+IF('Standard Profiles'!$G$21=$B$24,21,0),MOD($C3923,24)+1)/SUM(INDEX($D$3:$AA$30,INDEX(Jesper!$R$2:$R$366,ROW(INDEX(Jesper!AK$2:AK$366,ROUNDDOWN($C3923/24,0)+1,1))-1)+IF('Standard Profiles'!$G$21=$B$10,7,0)+IF('Standard Profiles'!$G$21=$B$17,14,0)+IF('Standard Profiles'!$G$21=$B$24,21,0),0)),0)</f>
        <v>0</v>
      </c>
      <c r="H3923" cm="1">
        <f t="array" ref="H3923">IFERROR(INDEX(Jesper!AL$2:AL$366,ROUNDDOWN($C3923/24,0)+1,1)*INDEX($D$3:$AA$30,INDEX(Jesper!$R$2:$R$366,ROW(INDEX(Jesper!AL$2:AL$366,ROUNDDOWN($C3923/24,0)+1,1))-1)+IF('Standard Profiles'!$G$22=$B$10,7,0)+IF('Standard Profiles'!$G$22=$B$17,14,0)+IF('Standard Profiles'!$G$22=$B$24,21,0),MOD($C3923,24)+1)/SUM(INDEX($D$3:$AA$30,INDEX(Jesper!$R$2:$R$366,ROW(INDEX(Jesper!AL$2:AL$366,ROUNDDOWN($C3923/24,0)+1,1))-1)+IF('Standard Profiles'!$G$22=$B$10,7,0)+IF('Standard Profiles'!$G$22=$B$17,14,0)+IF('Standard Profiles'!$G$22=$B$24,21,0),0)),0)</f>
        <v>0</v>
      </c>
      <c r="I3923">
        <f t="shared" si="440"/>
        <v>0.20557526193656556</v>
      </c>
      <c r="J3923">
        <f t="shared" si="441"/>
        <v>0.68525087312188526</v>
      </c>
      <c r="K3923">
        <f t="shared" si="442"/>
        <v>1.0278763096828278</v>
      </c>
      <c r="L3923">
        <f t="shared" si="443"/>
        <v>4.9338062864775729</v>
      </c>
      <c r="M3923">
        <f t="shared" si="444"/>
        <v>0</v>
      </c>
      <c r="N3923" s="46">
        <f t="shared" si="445"/>
        <v>45454.041666657235</v>
      </c>
    </row>
    <row r="3924" spans="2:14" x14ac:dyDescent="0.3">
      <c r="B3924">
        <f t="shared" si="439"/>
        <v>2</v>
      </c>
      <c r="C3924" s="16">
        <v>3890</v>
      </c>
      <c r="D3924" cm="1">
        <f t="array" ref="D3924">IFERROR(INDEX(Jesper!AH$2:AH$366,ROUNDDOWN($C3924/24,0)+1,1)*INDEX($D$3:$AA$30,INDEX(Jesper!$R$2:$R$366,ROW(INDEX(Jesper!AH$2:AH$366,ROUNDDOWN($C3924/24,0)+1,1))-1)+IF('Standard Profiles'!$G$18=$B$10,7,0)+IF('Standard Profiles'!$G$18=$B$17,14,0)+IF('Standard Profiles'!$G$18=$B$24,21,0),MOD($C3924,24)+1)/SUM(INDEX($D$3:$AA$30,INDEX(Jesper!$R$2:$R$366,ROW(INDEX(Jesper!AH$2:AH$366,ROUNDDOWN($C3924/24,0)+1,1))-1)+IF('Standard Profiles'!$G$18=$B$10,7,0)+IF('Standard Profiles'!$G$18=$B$17,14,0)+IF('Standard Profiles'!$G$18=$B$24,21,0),0)),0)</f>
        <v>6.852508731218852</v>
      </c>
      <c r="E3924" cm="1">
        <f t="array" ref="E3924">IFERROR(INDEX(Jesper!AI$2:AI$366,ROUNDDOWN($C3924/24,0)+1,1)*INDEX($D$3:$AA$30,INDEX(Jesper!$R$2:$R$366,ROW(INDEX(Jesper!AI$2:AI$366,ROUNDDOWN($C3924/24,0)+1,1))-1)+IF('Standard Profiles'!$G$19=$B$10,7,0)+IF('Standard Profiles'!$G$19=$B$17,14,0)+IF('Standard Profiles'!$G$19=$B$24,21,0),MOD($C3924,24)+1)/SUM(INDEX($D$3:$AA$30,INDEX(Jesper!$R$2:$R$366,ROW(INDEX(Jesper!AI$2:AI$366,ROUNDDOWN($C3924/24,0)+1,1))-1)+IF('Standard Profiles'!$G$19=$B$10,7,0)+IF('Standard Profiles'!$G$19=$B$17,14,0)+IF('Standard Profiles'!$G$19=$B$24,21,0),0)),0)</f>
        <v>0</v>
      </c>
      <c r="F3924" cm="1">
        <f t="array" ref="F3924">IFERROR(INDEX(Jesper!AJ$2:AJ$366,ROUNDDOWN($C3924/24,0)+1,1)*INDEX($D$3:$AA$30,INDEX(Jesper!$R$2:$R$366,ROW(INDEX(Jesper!AJ$2:AJ$366,ROUNDDOWN($C3924/24,0)+1,1))-1)+IF('Standard Profiles'!$G$20=$B$10,7,0)+IF('Standard Profiles'!$G$20=$B$17,14,0)+IF('Standard Profiles'!$G$20=$B$24,21,0),MOD($C3924,24)+1)/SUM(INDEX($D$3:$AA$30,INDEX(Jesper!$R$2:$R$366,ROW(INDEX(Jesper!AJ$2:AJ$366,ROUNDDOWN($C3924/24,0)+1,1))-1)+IF('Standard Profiles'!$G$20=$B$10,7,0)+IF('Standard Profiles'!$G$20=$B$17,14,0)+IF('Standard Profiles'!$G$20=$B$24,21,0),0)),0)</f>
        <v>0</v>
      </c>
      <c r="G3924" cm="1">
        <f t="array" ref="G3924">IFERROR(INDEX(Jesper!AK$2:AK$366,ROUNDDOWN($C3924/24,0)+1,1)*INDEX($D$3:$AA$30,INDEX(Jesper!$R$2:$R$366,ROW(INDEX(Jesper!AK$2:AK$366,ROUNDDOWN($C3924/24,0)+1,1))-1)+IF('Standard Profiles'!$G$21=$B$10,7,0)+IF('Standard Profiles'!$G$21=$B$17,14,0)+IF('Standard Profiles'!$G$21=$B$24,21,0),MOD($C3924,24)+1)/SUM(INDEX($D$3:$AA$30,INDEX(Jesper!$R$2:$R$366,ROW(INDEX(Jesper!AK$2:AK$366,ROUNDDOWN($C3924/24,0)+1,1))-1)+IF('Standard Profiles'!$G$21=$B$10,7,0)+IF('Standard Profiles'!$G$21=$B$17,14,0)+IF('Standard Profiles'!$G$21=$B$24,21,0),0)),0)</f>
        <v>0</v>
      </c>
      <c r="H3924" cm="1">
        <f t="array" ref="H3924">IFERROR(INDEX(Jesper!AL$2:AL$366,ROUNDDOWN($C3924/24,0)+1,1)*INDEX($D$3:$AA$30,INDEX(Jesper!$R$2:$R$366,ROW(INDEX(Jesper!AL$2:AL$366,ROUNDDOWN($C3924/24,0)+1,1))-1)+IF('Standard Profiles'!$G$22=$B$10,7,0)+IF('Standard Profiles'!$G$22=$B$17,14,0)+IF('Standard Profiles'!$G$22=$B$24,21,0),MOD($C3924,24)+1)/SUM(INDEX($D$3:$AA$30,INDEX(Jesper!$R$2:$R$366,ROW(INDEX(Jesper!AL$2:AL$366,ROUNDDOWN($C3924/24,0)+1,1))-1)+IF('Standard Profiles'!$G$22=$B$10,7,0)+IF('Standard Profiles'!$G$22=$B$17,14,0)+IF('Standard Profiles'!$G$22=$B$24,21,0),0)),0)</f>
        <v>0</v>
      </c>
      <c r="I3924">
        <f t="shared" si="440"/>
        <v>0.20557526193656556</v>
      </c>
      <c r="J3924">
        <f t="shared" si="441"/>
        <v>0.68525087312188526</v>
      </c>
      <c r="K3924">
        <f t="shared" si="442"/>
        <v>1.0278763096828278</v>
      </c>
      <c r="L3924">
        <f t="shared" si="443"/>
        <v>4.9338062864775729</v>
      </c>
      <c r="M3924">
        <f t="shared" si="444"/>
        <v>0</v>
      </c>
      <c r="N3924" s="46">
        <f t="shared" si="445"/>
        <v>45454.083333323899</v>
      </c>
    </row>
    <row r="3925" spans="2:14" x14ac:dyDescent="0.3">
      <c r="B3925">
        <f t="shared" si="439"/>
        <v>2</v>
      </c>
      <c r="C3925" s="16">
        <v>3891</v>
      </c>
      <c r="D3925" cm="1">
        <f t="array" ref="D3925">IFERROR(INDEX(Jesper!AH$2:AH$366,ROUNDDOWN($C3925/24,0)+1,1)*INDEX($D$3:$AA$30,INDEX(Jesper!$R$2:$R$366,ROW(INDEX(Jesper!AH$2:AH$366,ROUNDDOWN($C3925/24,0)+1,1))-1)+IF('Standard Profiles'!$G$18=$B$10,7,0)+IF('Standard Profiles'!$G$18=$B$17,14,0)+IF('Standard Profiles'!$G$18=$B$24,21,0),MOD($C3925,24)+1)/SUM(INDEX($D$3:$AA$30,INDEX(Jesper!$R$2:$R$366,ROW(INDEX(Jesper!AH$2:AH$366,ROUNDDOWN($C3925/24,0)+1,1))-1)+IF('Standard Profiles'!$G$18=$B$10,7,0)+IF('Standard Profiles'!$G$18=$B$17,14,0)+IF('Standard Profiles'!$G$18=$B$24,21,0),0)),0)</f>
        <v>6.852508731218852</v>
      </c>
      <c r="E3925" cm="1">
        <f t="array" ref="E3925">IFERROR(INDEX(Jesper!AI$2:AI$366,ROUNDDOWN($C3925/24,0)+1,1)*INDEX($D$3:$AA$30,INDEX(Jesper!$R$2:$R$366,ROW(INDEX(Jesper!AI$2:AI$366,ROUNDDOWN($C3925/24,0)+1,1))-1)+IF('Standard Profiles'!$G$19=$B$10,7,0)+IF('Standard Profiles'!$G$19=$B$17,14,0)+IF('Standard Profiles'!$G$19=$B$24,21,0),MOD($C3925,24)+1)/SUM(INDEX($D$3:$AA$30,INDEX(Jesper!$R$2:$R$366,ROW(INDEX(Jesper!AI$2:AI$366,ROUNDDOWN($C3925/24,0)+1,1))-1)+IF('Standard Profiles'!$G$19=$B$10,7,0)+IF('Standard Profiles'!$G$19=$B$17,14,0)+IF('Standard Profiles'!$G$19=$B$24,21,0),0)),0)</f>
        <v>0</v>
      </c>
      <c r="F3925" cm="1">
        <f t="array" ref="F3925">IFERROR(INDEX(Jesper!AJ$2:AJ$366,ROUNDDOWN($C3925/24,0)+1,1)*INDEX($D$3:$AA$30,INDEX(Jesper!$R$2:$R$366,ROW(INDEX(Jesper!AJ$2:AJ$366,ROUNDDOWN($C3925/24,0)+1,1))-1)+IF('Standard Profiles'!$G$20=$B$10,7,0)+IF('Standard Profiles'!$G$20=$B$17,14,0)+IF('Standard Profiles'!$G$20=$B$24,21,0),MOD($C3925,24)+1)/SUM(INDEX($D$3:$AA$30,INDEX(Jesper!$R$2:$R$366,ROW(INDEX(Jesper!AJ$2:AJ$366,ROUNDDOWN($C3925/24,0)+1,1))-1)+IF('Standard Profiles'!$G$20=$B$10,7,0)+IF('Standard Profiles'!$G$20=$B$17,14,0)+IF('Standard Profiles'!$G$20=$B$24,21,0),0)),0)</f>
        <v>0</v>
      </c>
      <c r="G3925" cm="1">
        <f t="array" ref="G3925">IFERROR(INDEX(Jesper!AK$2:AK$366,ROUNDDOWN($C3925/24,0)+1,1)*INDEX($D$3:$AA$30,INDEX(Jesper!$R$2:$R$366,ROW(INDEX(Jesper!AK$2:AK$366,ROUNDDOWN($C3925/24,0)+1,1))-1)+IF('Standard Profiles'!$G$21=$B$10,7,0)+IF('Standard Profiles'!$G$21=$B$17,14,0)+IF('Standard Profiles'!$G$21=$B$24,21,0),MOD($C3925,24)+1)/SUM(INDEX($D$3:$AA$30,INDEX(Jesper!$R$2:$R$366,ROW(INDEX(Jesper!AK$2:AK$366,ROUNDDOWN($C3925/24,0)+1,1))-1)+IF('Standard Profiles'!$G$21=$B$10,7,0)+IF('Standard Profiles'!$G$21=$B$17,14,0)+IF('Standard Profiles'!$G$21=$B$24,21,0),0)),0)</f>
        <v>0</v>
      </c>
      <c r="H3925" cm="1">
        <f t="array" ref="H3925">IFERROR(INDEX(Jesper!AL$2:AL$366,ROUNDDOWN($C3925/24,0)+1,1)*INDEX($D$3:$AA$30,INDEX(Jesper!$R$2:$R$366,ROW(INDEX(Jesper!AL$2:AL$366,ROUNDDOWN($C3925/24,0)+1,1))-1)+IF('Standard Profiles'!$G$22=$B$10,7,0)+IF('Standard Profiles'!$G$22=$B$17,14,0)+IF('Standard Profiles'!$G$22=$B$24,21,0),MOD($C3925,24)+1)/SUM(INDEX($D$3:$AA$30,INDEX(Jesper!$R$2:$R$366,ROW(INDEX(Jesper!AL$2:AL$366,ROUNDDOWN($C3925/24,0)+1,1))-1)+IF('Standard Profiles'!$G$22=$B$10,7,0)+IF('Standard Profiles'!$G$22=$B$17,14,0)+IF('Standard Profiles'!$G$22=$B$24,21,0),0)),0)</f>
        <v>0</v>
      </c>
      <c r="I3925">
        <f t="shared" si="440"/>
        <v>0.20557526193656556</v>
      </c>
      <c r="J3925">
        <f t="shared" si="441"/>
        <v>0.68525087312188526</v>
      </c>
      <c r="K3925">
        <f t="shared" si="442"/>
        <v>1.0278763096828278</v>
      </c>
      <c r="L3925">
        <f t="shared" si="443"/>
        <v>4.9338062864775729</v>
      </c>
      <c r="M3925">
        <f t="shared" si="444"/>
        <v>0</v>
      </c>
      <c r="N3925" s="46">
        <f t="shared" si="445"/>
        <v>45454.124999990563</v>
      </c>
    </row>
    <row r="3926" spans="2:14" x14ac:dyDescent="0.3">
      <c r="B3926">
        <f t="shared" si="439"/>
        <v>2</v>
      </c>
      <c r="C3926" s="16">
        <v>3892</v>
      </c>
      <c r="D3926" cm="1">
        <f t="array" ref="D3926">IFERROR(INDEX(Jesper!AH$2:AH$366,ROUNDDOWN($C3926/24,0)+1,1)*INDEX($D$3:$AA$30,INDEX(Jesper!$R$2:$R$366,ROW(INDEX(Jesper!AH$2:AH$366,ROUNDDOWN($C3926/24,0)+1,1))-1)+IF('Standard Profiles'!$G$18=$B$10,7,0)+IF('Standard Profiles'!$G$18=$B$17,14,0)+IF('Standard Profiles'!$G$18=$B$24,21,0),MOD($C3926,24)+1)/SUM(INDEX($D$3:$AA$30,INDEX(Jesper!$R$2:$R$366,ROW(INDEX(Jesper!AH$2:AH$366,ROUNDDOWN($C3926/24,0)+1,1))-1)+IF('Standard Profiles'!$G$18=$B$10,7,0)+IF('Standard Profiles'!$G$18=$B$17,14,0)+IF('Standard Profiles'!$G$18=$B$24,21,0),0)),0)</f>
        <v>6.852508731218852</v>
      </c>
      <c r="E3926" cm="1">
        <f t="array" ref="E3926">IFERROR(INDEX(Jesper!AI$2:AI$366,ROUNDDOWN($C3926/24,0)+1,1)*INDEX($D$3:$AA$30,INDEX(Jesper!$R$2:$R$366,ROW(INDEX(Jesper!AI$2:AI$366,ROUNDDOWN($C3926/24,0)+1,1))-1)+IF('Standard Profiles'!$G$19=$B$10,7,0)+IF('Standard Profiles'!$G$19=$B$17,14,0)+IF('Standard Profiles'!$G$19=$B$24,21,0),MOD($C3926,24)+1)/SUM(INDEX($D$3:$AA$30,INDEX(Jesper!$R$2:$R$366,ROW(INDEX(Jesper!AI$2:AI$366,ROUNDDOWN($C3926/24,0)+1,1))-1)+IF('Standard Profiles'!$G$19=$B$10,7,0)+IF('Standard Profiles'!$G$19=$B$17,14,0)+IF('Standard Profiles'!$G$19=$B$24,21,0),0)),0)</f>
        <v>0</v>
      </c>
      <c r="F3926" cm="1">
        <f t="array" ref="F3926">IFERROR(INDEX(Jesper!AJ$2:AJ$366,ROUNDDOWN($C3926/24,0)+1,1)*INDEX($D$3:$AA$30,INDEX(Jesper!$R$2:$R$366,ROW(INDEX(Jesper!AJ$2:AJ$366,ROUNDDOWN($C3926/24,0)+1,1))-1)+IF('Standard Profiles'!$G$20=$B$10,7,0)+IF('Standard Profiles'!$G$20=$B$17,14,0)+IF('Standard Profiles'!$G$20=$B$24,21,0),MOD($C3926,24)+1)/SUM(INDEX($D$3:$AA$30,INDEX(Jesper!$R$2:$R$366,ROW(INDEX(Jesper!AJ$2:AJ$366,ROUNDDOWN($C3926/24,0)+1,1))-1)+IF('Standard Profiles'!$G$20=$B$10,7,0)+IF('Standard Profiles'!$G$20=$B$17,14,0)+IF('Standard Profiles'!$G$20=$B$24,21,0),0)),0)</f>
        <v>0</v>
      </c>
      <c r="G3926" cm="1">
        <f t="array" ref="G3926">IFERROR(INDEX(Jesper!AK$2:AK$366,ROUNDDOWN($C3926/24,0)+1,1)*INDEX($D$3:$AA$30,INDEX(Jesper!$R$2:$R$366,ROW(INDEX(Jesper!AK$2:AK$366,ROUNDDOWN($C3926/24,0)+1,1))-1)+IF('Standard Profiles'!$G$21=$B$10,7,0)+IF('Standard Profiles'!$G$21=$B$17,14,0)+IF('Standard Profiles'!$G$21=$B$24,21,0),MOD($C3926,24)+1)/SUM(INDEX($D$3:$AA$30,INDEX(Jesper!$R$2:$R$366,ROW(INDEX(Jesper!AK$2:AK$366,ROUNDDOWN($C3926/24,0)+1,1))-1)+IF('Standard Profiles'!$G$21=$B$10,7,0)+IF('Standard Profiles'!$G$21=$B$17,14,0)+IF('Standard Profiles'!$G$21=$B$24,21,0),0)),0)</f>
        <v>0</v>
      </c>
      <c r="H3926" cm="1">
        <f t="array" ref="H3926">IFERROR(INDEX(Jesper!AL$2:AL$366,ROUNDDOWN($C3926/24,0)+1,1)*INDEX($D$3:$AA$30,INDEX(Jesper!$R$2:$R$366,ROW(INDEX(Jesper!AL$2:AL$366,ROUNDDOWN($C3926/24,0)+1,1))-1)+IF('Standard Profiles'!$G$22=$B$10,7,0)+IF('Standard Profiles'!$G$22=$B$17,14,0)+IF('Standard Profiles'!$G$22=$B$24,21,0),MOD($C3926,24)+1)/SUM(INDEX($D$3:$AA$30,INDEX(Jesper!$R$2:$R$366,ROW(INDEX(Jesper!AL$2:AL$366,ROUNDDOWN($C3926/24,0)+1,1))-1)+IF('Standard Profiles'!$G$22=$B$10,7,0)+IF('Standard Profiles'!$G$22=$B$17,14,0)+IF('Standard Profiles'!$G$22=$B$24,21,0),0)),0)</f>
        <v>0</v>
      </c>
      <c r="I3926">
        <f t="shared" si="440"/>
        <v>0.20557526193656556</v>
      </c>
      <c r="J3926">
        <f t="shared" si="441"/>
        <v>0.68525087312188526</v>
      </c>
      <c r="K3926">
        <f t="shared" si="442"/>
        <v>1.0278763096828278</v>
      </c>
      <c r="L3926">
        <f t="shared" si="443"/>
        <v>4.9338062864775729</v>
      </c>
      <c r="M3926">
        <f t="shared" si="444"/>
        <v>0</v>
      </c>
      <c r="N3926" s="46">
        <f t="shared" si="445"/>
        <v>45454.166666657227</v>
      </c>
    </row>
    <row r="3927" spans="2:14" x14ac:dyDescent="0.3">
      <c r="B3927">
        <f t="shared" si="439"/>
        <v>2</v>
      </c>
      <c r="C3927" s="16">
        <v>3893</v>
      </c>
      <c r="D3927" cm="1">
        <f t="array" ref="D3927">IFERROR(INDEX(Jesper!AH$2:AH$366,ROUNDDOWN($C3927/24,0)+1,1)*INDEX($D$3:$AA$30,INDEX(Jesper!$R$2:$R$366,ROW(INDEX(Jesper!AH$2:AH$366,ROUNDDOWN($C3927/24,0)+1,1))-1)+IF('Standard Profiles'!$G$18=$B$10,7,0)+IF('Standard Profiles'!$G$18=$B$17,14,0)+IF('Standard Profiles'!$G$18=$B$24,21,0),MOD($C3927,24)+1)/SUM(INDEX($D$3:$AA$30,INDEX(Jesper!$R$2:$R$366,ROW(INDEX(Jesper!AH$2:AH$366,ROUNDDOWN($C3927/24,0)+1,1))-1)+IF('Standard Profiles'!$G$18=$B$10,7,0)+IF('Standard Profiles'!$G$18=$B$17,14,0)+IF('Standard Profiles'!$G$18=$B$24,21,0),0)),0)</f>
        <v>8.9082613505845067</v>
      </c>
      <c r="E3927" cm="1">
        <f t="array" ref="E3927">IFERROR(INDEX(Jesper!AI$2:AI$366,ROUNDDOWN($C3927/24,0)+1,1)*INDEX($D$3:$AA$30,INDEX(Jesper!$R$2:$R$366,ROW(INDEX(Jesper!AI$2:AI$366,ROUNDDOWN($C3927/24,0)+1,1))-1)+IF('Standard Profiles'!$G$19=$B$10,7,0)+IF('Standard Profiles'!$G$19=$B$17,14,0)+IF('Standard Profiles'!$G$19=$B$24,21,0),MOD($C3927,24)+1)/SUM(INDEX($D$3:$AA$30,INDEX(Jesper!$R$2:$R$366,ROW(INDEX(Jesper!AI$2:AI$366,ROUNDDOWN($C3927/24,0)+1,1))-1)+IF('Standard Profiles'!$G$19=$B$10,7,0)+IF('Standard Profiles'!$G$19=$B$17,14,0)+IF('Standard Profiles'!$G$19=$B$24,21,0),0)),0)</f>
        <v>0</v>
      </c>
      <c r="F3927" cm="1">
        <f t="array" ref="F3927">IFERROR(INDEX(Jesper!AJ$2:AJ$366,ROUNDDOWN($C3927/24,0)+1,1)*INDEX($D$3:$AA$30,INDEX(Jesper!$R$2:$R$366,ROW(INDEX(Jesper!AJ$2:AJ$366,ROUNDDOWN($C3927/24,0)+1,1))-1)+IF('Standard Profiles'!$G$20=$B$10,7,0)+IF('Standard Profiles'!$G$20=$B$17,14,0)+IF('Standard Profiles'!$G$20=$B$24,21,0),MOD($C3927,24)+1)/SUM(INDEX($D$3:$AA$30,INDEX(Jesper!$R$2:$R$366,ROW(INDEX(Jesper!AJ$2:AJ$366,ROUNDDOWN($C3927/24,0)+1,1))-1)+IF('Standard Profiles'!$G$20=$B$10,7,0)+IF('Standard Profiles'!$G$20=$B$17,14,0)+IF('Standard Profiles'!$G$20=$B$24,21,0),0)),0)</f>
        <v>0</v>
      </c>
      <c r="G3927" cm="1">
        <f t="array" ref="G3927">IFERROR(INDEX(Jesper!AK$2:AK$366,ROUNDDOWN($C3927/24,0)+1,1)*INDEX($D$3:$AA$30,INDEX(Jesper!$R$2:$R$366,ROW(INDEX(Jesper!AK$2:AK$366,ROUNDDOWN($C3927/24,0)+1,1))-1)+IF('Standard Profiles'!$G$21=$B$10,7,0)+IF('Standard Profiles'!$G$21=$B$17,14,0)+IF('Standard Profiles'!$G$21=$B$24,21,0),MOD($C3927,24)+1)/SUM(INDEX($D$3:$AA$30,INDEX(Jesper!$R$2:$R$366,ROW(INDEX(Jesper!AK$2:AK$366,ROUNDDOWN($C3927/24,0)+1,1))-1)+IF('Standard Profiles'!$G$21=$B$10,7,0)+IF('Standard Profiles'!$G$21=$B$17,14,0)+IF('Standard Profiles'!$G$21=$B$24,21,0),0)),0)</f>
        <v>0</v>
      </c>
      <c r="H3927" cm="1">
        <f t="array" ref="H3927">IFERROR(INDEX(Jesper!AL$2:AL$366,ROUNDDOWN($C3927/24,0)+1,1)*INDEX($D$3:$AA$30,INDEX(Jesper!$R$2:$R$366,ROW(INDEX(Jesper!AL$2:AL$366,ROUNDDOWN($C3927/24,0)+1,1))-1)+IF('Standard Profiles'!$G$22=$B$10,7,0)+IF('Standard Profiles'!$G$22=$B$17,14,0)+IF('Standard Profiles'!$G$22=$B$24,21,0),MOD($C3927,24)+1)/SUM(INDEX($D$3:$AA$30,INDEX(Jesper!$R$2:$R$366,ROW(INDEX(Jesper!AL$2:AL$366,ROUNDDOWN($C3927/24,0)+1,1))-1)+IF('Standard Profiles'!$G$22=$B$10,7,0)+IF('Standard Profiles'!$G$22=$B$17,14,0)+IF('Standard Profiles'!$G$22=$B$24,21,0),0)),0)</f>
        <v>0</v>
      </c>
      <c r="I3927">
        <f t="shared" si="440"/>
        <v>0.2672478405175352</v>
      </c>
      <c r="J3927">
        <f t="shared" si="441"/>
        <v>0.89082613505845076</v>
      </c>
      <c r="K3927">
        <f t="shared" si="442"/>
        <v>1.3362392025876759</v>
      </c>
      <c r="L3927">
        <f t="shared" si="443"/>
        <v>6.4139481724208443</v>
      </c>
      <c r="M3927">
        <f t="shared" si="444"/>
        <v>0</v>
      </c>
      <c r="N3927" s="46">
        <f t="shared" si="445"/>
        <v>45454.208333323892</v>
      </c>
    </row>
    <row r="3928" spans="2:14" x14ac:dyDescent="0.3">
      <c r="B3928">
        <f t="shared" si="439"/>
        <v>2</v>
      </c>
      <c r="C3928" s="16">
        <v>3894</v>
      </c>
      <c r="D3928" cm="1">
        <f t="array" ref="D3928">IFERROR(INDEX(Jesper!AH$2:AH$366,ROUNDDOWN($C3928/24,0)+1,1)*INDEX($D$3:$AA$30,INDEX(Jesper!$R$2:$R$366,ROW(INDEX(Jesper!AH$2:AH$366,ROUNDDOWN($C3928/24,0)+1,1))-1)+IF('Standard Profiles'!$G$18=$B$10,7,0)+IF('Standard Profiles'!$G$18=$B$17,14,0)+IF('Standard Profiles'!$G$18=$B$24,21,0),MOD($C3928,24)+1)/SUM(INDEX($D$3:$AA$30,INDEX(Jesper!$R$2:$R$366,ROW(INDEX(Jesper!AH$2:AH$366,ROUNDDOWN($C3928/24,0)+1,1))-1)+IF('Standard Profiles'!$G$18=$B$10,7,0)+IF('Standard Profiles'!$G$18=$B$17,14,0)+IF('Standard Profiles'!$G$18=$B$24,21,0),0)),0)</f>
        <v>9.9361376602673346</v>
      </c>
      <c r="E3928" cm="1">
        <f t="array" ref="E3928">IFERROR(INDEX(Jesper!AI$2:AI$366,ROUNDDOWN($C3928/24,0)+1,1)*INDEX($D$3:$AA$30,INDEX(Jesper!$R$2:$R$366,ROW(INDEX(Jesper!AI$2:AI$366,ROUNDDOWN($C3928/24,0)+1,1))-1)+IF('Standard Profiles'!$G$19=$B$10,7,0)+IF('Standard Profiles'!$G$19=$B$17,14,0)+IF('Standard Profiles'!$G$19=$B$24,21,0),MOD($C3928,24)+1)/SUM(INDEX($D$3:$AA$30,INDEX(Jesper!$R$2:$R$366,ROW(INDEX(Jesper!AI$2:AI$366,ROUNDDOWN($C3928/24,0)+1,1))-1)+IF('Standard Profiles'!$G$19=$B$10,7,0)+IF('Standard Profiles'!$G$19=$B$17,14,0)+IF('Standard Profiles'!$G$19=$B$24,21,0),0)),0)</f>
        <v>0</v>
      </c>
      <c r="F3928" cm="1">
        <f t="array" ref="F3928">IFERROR(INDEX(Jesper!AJ$2:AJ$366,ROUNDDOWN($C3928/24,0)+1,1)*INDEX($D$3:$AA$30,INDEX(Jesper!$R$2:$R$366,ROW(INDEX(Jesper!AJ$2:AJ$366,ROUNDDOWN($C3928/24,0)+1,1))-1)+IF('Standard Profiles'!$G$20=$B$10,7,0)+IF('Standard Profiles'!$G$20=$B$17,14,0)+IF('Standard Profiles'!$G$20=$B$24,21,0),MOD($C3928,24)+1)/SUM(INDEX($D$3:$AA$30,INDEX(Jesper!$R$2:$R$366,ROW(INDEX(Jesper!AJ$2:AJ$366,ROUNDDOWN($C3928/24,0)+1,1))-1)+IF('Standard Profiles'!$G$20=$B$10,7,0)+IF('Standard Profiles'!$G$20=$B$17,14,0)+IF('Standard Profiles'!$G$20=$B$24,21,0),0)),0)</f>
        <v>0</v>
      </c>
      <c r="G3928" cm="1">
        <f t="array" ref="G3928">IFERROR(INDEX(Jesper!AK$2:AK$366,ROUNDDOWN($C3928/24,0)+1,1)*INDEX($D$3:$AA$30,INDEX(Jesper!$R$2:$R$366,ROW(INDEX(Jesper!AK$2:AK$366,ROUNDDOWN($C3928/24,0)+1,1))-1)+IF('Standard Profiles'!$G$21=$B$10,7,0)+IF('Standard Profiles'!$G$21=$B$17,14,0)+IF('Standard Profiles'!$G$21=$B$24,21,0),MOD($C3928,24)+1)/SUM(INDEX($D$3:$AA$30,INDEX(Jesper!$R$2:$R$366,ROW(INDEX(Jesper!AK$2:AK$366,ROUNDDOWN($C3928/24,0)+1,1))-1)+IF('Standard Profiles'!$G$21=$B$10,7,0)+IF('Standard Profiles'!$G$21=$B$17,14,0)+IF('Standard Profiles'!$G$21=$B$24,21,0),0)),0)</f>
        <v>0</v>
      </c>
      <c r="H3928" cm="1">
        <f t="array" ref="H3928">IFERROR(INDEX(Jesper!AL$2:AL$366,ROUNDDOWN($C3928/24,0)+1,1)*INDEX($D$3:$AA$30,INDEX(Jesper!$R$2:$R$366,ROW(INDEX(Jesper!AL$2:AL$366,ROUNDDOWN($C3928/24,0)+1,1))-1)+IF('Standard Profiles'!$G$22=$B$10,7,0)+IF('Standard Profiles'!$G$22=$B$17,14,0)+IF('Standard Profiles'!$G$22=$B$24,21,0),MOD($C3928,24)+1)/SUM(INDEX($D$3:$AA$30,INDEX(Jesper!$R$2:$R$366,ROW(INDEX(Jesper!AL$2:AL$366,ROUNDDOWN($C3928/24,0)+1,1))-1)+IF('Standard Profiles'!$G$22=$B$10,7,0)+IF('Standard Profiles'!$G$22=$B$17,14,0)+IF('Standard Profiles'!$G$22=$B$24,21,0),0)),0)</f>
        <v>0</v>
      </c>
      <c r="I3928">
        <f t="shared" si="440"/>
        <v>0.29808412980802002</v>
      </c>
      <c r="J3928">
        <f t="shared" si="441"/>
        <v>0.99361376602673346</v>
      </c>
      <c r="K3928">
        <f t="shared" si="442"/>
        <v>1.4904206490401002</v>
      </c>
      <c r="L3928">
        <f t="shared" si="443"/>
        <v>7.1540191153924804</v>
      </c>
      <c r="M3928">
        <f t="shared" si="444"/>
        <v>0</v>
      </c>
      <c r="N3928" s="46">
        <f t="shared" si="445"/>
        <v>45454.249999990556</v>
      </c>
    </row>
    <row r="3929" spans="2:14" x14ac:dyDescent="0.3">
      <c r="B3929">
        <f t="shared" si="439"/>
        <v>2</v>
      </c>
      <c r="C3929" s="16">
        <v>3895</v>
      </c>
      <c r="D3929" cm="1">
        <f t="array" ref="D3929">IFERROR(INDEX(Jesper!AH$2:AH$366,ROUNDDOWN($C3929/24,0)+1,1)*INDEX($D$3:$AA$30,INDEX(Jesper!$R$2:$R$366,ROW(INDEX(Jesper!AH$2:AH$366,ROUNDDOWN($C3929/24,0)+1,1))-1)+IF('Standard Profiles'!$G$18=$B$10,7,0)+IF('Standard Profiles'!$G$18=$B$17,14,0)+IF('Standard Profiles'!$G$18=$B$24,21,0),MOD($C3929,24)+1)/SUM(INDEX($D$3:$AA$30,INDEX(Jesper!$R$2:$R$366,ROW(INDEX(Jesper!AH$2:AH$366,ROUNDDOWN($C3929/24,0)+1,1))-1)+IF('Standard Profiles'!$G$18=$B$10,7,0)+IF('Standard Profiles'!$G$18=$B$17,14,0)+IF('Standard Profiles'!$G$18=$B$24,21,0),0)),0)</f>
        <v>10.278763096828278</v>
      </c>
      <c r="E3929" cm="1">
        <f t="array" ref="E3929">IFERROR(INDEX(Jesper!AI$2:AI$366,ROUNDDOWN($C3929/24,0)+1,1)*INDEX($D$3:$AA$30,INDEX(Jesper!$R$2:$R$366,ROW(INDEX(Jesper!AI$2:AI$366,ROUNDDOWN($C3929/24,0)+1,1))-1)+IF('Standard Profiles'!$G$19=$B$10,7,0)+IF('Standard Profiles'!$G$19=$B$17,14,0)+IF('Standard Profiles'!$G$19=$B$24,21,0),MOD($C3929,24)+1)/SUM(INDEX($D$3:$AA$30,INDEX(Jesper!$R$2:$R$366,ROW(INDEX(Jesper!AI$2:AI$366,ROUNDDOWN($C3929/24,0)+1,1))-1)+IF('Standard Profiles'!$G$19=$B$10,7,0)+IF('Standard Profiles'!$G$19=$B$17,14,0)+IF('Standard Profiles'!$G$19=$B$24,21,0),0)),0)</f>
        <v>0</v>
      </c>
      <c r="F3929" cm="1">
        <f t="array" ref="F3929">IFERROR(INDEX(Jesper!AJ$2:AJ$366,ROUNDDOWN($C3929/24,0)+1,1)*INDEX($D$3:$AA$30,INDEX(Jesper!$R$2:$R$366,ROW(INDEX(Jesper!AJ$2:AJ$366,ROUNDDOWN($C3929/24,0)+1,1))-1)+IF('Standard Profiles'!$G$20=$B$10,7,0)+IF('Standard Profiles'!$G$20=$B$17,14,0)+IF('Standard Profiles'!$G$20=$B$24,21,0),MOD($C3929,24)+1)/SUM(INDEX($D$3:$AA$30,INDEX(Jesper!$R$2:$R$366,ROW(INDEX(Jesper!AJ$2:AJ$366,ROUNDDOWN($C3929/24,0)+1,1))-1)+IF('Standard Profiles'!$G$20=$B$10,7,0)+IF('Standard Profiles'!$G$20=$B$17,14,0)+IF('Standard Profiles'!$G$20=$B$24,21,0),0)),0)</f>
        <v>0</v>
      </c>
      <c r="G3929" cm="1">
        <f t="array" ref="G3929">IFERROR(INDEX(Jesper!AK$2:AK$366,ROUNDDOWN($C3929/24,0)+1,1)*INDEX($D$3:$AA$30,INDEX(Jesper!$R$2:$R$366,ROW(INDEX(Jesper!AK$2:AK$366,ROUNDDOWN($C3929/24,0)+1,1))-1)+IF('Standard Profiles'!$G$21=$B$10,7,0)+IF('Standard Profiles'!$G$21=$B$17,14,0)+IF('Standard Profiles'!$G$21=$B$24,21,0),MOD($C3929,24)+1)/SUM(INDEX($D$3:$AA$30,INDEX(Jesper!$R$2:$R$366,ROW(INDEX(Jesper!AK$2:AK$366,ROUNDDOWN($C3929/24,0)+1,1))-1)+IF('Standard Profiles'!$G$21=$B$10,7,0)+IF('Standard Profiles'!$G$21=$B$17,14,0)+IF('Standard Profiles'!$G$21=$B$24,21,0),0)),0)</f>
        <v>0</v>
      </c>
      <c r="H3929" cm="1">
        <f t="array" ref="H3929">IFERROR(INDEX(Jesper!AL$2:AL$366,ROUNDDOWN($C3929/24,0)+1,1)*INDEX($D$3:$AA$30,INDEX(Jesper!$R$2:$R$366,ROW(INDEX(Jesper!AL$2:AL$366,ROUNDDOWN($C3929/24,0)+1,1))-1)+IF('Standard Profiles'!$G$22=$B$10,7,0)+IF('Standard Profiles'!$G$22=$B$17,14,0)+IF('Standard Profiles'!$G$22=$B$24,21,0),MOD($C3929,24)+1)/SUM(INDEX($D$3:$AA$30,INDEX(Jesper!$R$2:$R$366,ROW(INDEX(Jesper!AL$2:AL$366,ROUNDDOWN($C3929/24,0)+1,1))-1)+IF('Standard Profiles'!$G$22=$B$10,7,0)+IF('Standard Profiles'!$G$22=$B$17,14,0)+IF('Standard Profiles'!$G$22=$B$24,21,0),0)),0)</f>
        <v>0</v>
      </c>
      <c r="I3929">
        <f t="shared" si="440"/>
        <v>0.30836289290484836</v>
      </c>
      <c r="J3929">
        <f t="shared" si="441"/>
        <v>1.0278763096828278</v>
      </c>
      <c r="K3929">
        <f t="shared" si="442"/>
        <v>1.5418144645242418</v>
      </c>
      <c r="L3929">
        <f t="shared" si="443"/>
        <v>7.4007094297163603</v>
      </c>
      <c r="M3929">
        <f t="shared" si="444"/>
        <v>0</v>
      </c>
      <c r="N3929" s="46">
        <f t="shared" si="445"/>
        <v>45454.29166665722</v>
      </c>
    </row>
    <row r="3930" spans="2:14" x14ac:dyDescent="0.3">
      <c r="B3930">
        <f t="shared" si="439"/>
        <v>2</v>
      </c>
      <c r="C3930" s="16">
        <v>3896</v>
      </c>
      <c r="D3930" cm="1">
        <f t="array" ref="D3930">IFERROR(INDEX(Jesper!AH$2:AH$366,ROUNDDOWN($C3930/24,0)+1,1)*INDEX($D$3:$AA$30,INDEX(Jesper!$R$2:$R$366,ROW(INDEX(Jesper!AH$2:AH$366,ROUNDDOWN($C3930/24,0)+1,1))-1)+IF('Standard Profiles'!$G$18=$B$10,7,0)+IF('Standard Profiles'!$G$18=$B$17,14,0)+IF('Standard Profiles'!$G$18=$B$24,21,0),MOD($C3930,24)+1)/SUM(INDEX($D$3:$AA$30,INDEX(Jesper!$R$2:$R$366,ROW(INDEX(Jesper!AH$2:AH$366,ROUNDDOWN($C3930/24,0)+1,1))-1)+IF('Standard Profiles'!$G$18=$B$10,7,0)+IF('Standard Profiles'!$G$18=$B$17,14,0)+IF('Standard Profiles'!$G$18=$B$24,21,0),0)),0)</f>
        <v>10.278763096828278</v>
      </c>
      <c r="E3930" cm="1">
        <f t="array" ref="E3930">IFERROR(INDEX(Jesper!AI$2:AI$366,ROUNDDOWN($C3930/24,0)+1,1)*INDEX($D$3:$AA$30,INDEX(Jesper!$R$2:$R$366,ROW(INDEX(Jesper!AI$2:AI$366,ROUNDDOWN($C3930/24,0)+1,1))-1)+IF('Standard Profiles'!$G$19=$B$10,7,0)+IF('Standard Profiles'!$G$19=$B$17,14,0)+IF('Standard Profiles'!$G$19=$B$24,21,0),MOD($C3930,24)+1)/SUM(INDEX($D$3:$AA$30,INDEX(Jesper!$R$2:$R$366,ROW(INDEX(Jesper!AI$2:AI$366,ROUNDDOWN($C3930/24,0)+1,1))-1)+IF('Standard Profiles'!$G$19=$B$10,7,0)+IF('Standard Profiles'!$G$19=$B$17,14,0)+IF('Standard Profiles'!$G$19=$B$24,21,0),0)),0)</f>
        <v>0</v>
      </c>
      <c r="F3930" cm="1">
        <f t="array" ref="F3930">IFERROR(INDEX(Jesper!AJ$2:AJ$366,ROUNDDOWN($C3930/24,0)+1,1)*INDEX($D$3:$AA$30,INDEX(Jesper!$R$2:$R$366,ROW(INDEX(Jesper!AJ$2:AJ$366,ROUNDDOWN($C3930/24,0)+1,1))-1)+IF('Standard Profiles'!$G$20=$B$10,7,0)+IF('Standard Profiles'!$G$20=$B$17,14,0)+IF('Standard Profiles'!$G$20=$B$24,21,0),MOD($C3930,24)+1)/SUM(INDEX($D$3:$AA$30,INDEX(Jesper!$R$2:$R$366,ROW(INDEX(Jesper!AJ$2:AJ$366,ROUNDDOWN($C3930/24,0)+1,1))-1)+IF('Standard Profiles'!$G$20=$B$10,7,0)+IF('Standard Profiles'!$G$20=$B$17,14,0)+IF('Standard Profiles'!$G$20=$B$24,21,0),0)),0)</f>
        <v>0</v>
      </c>
      <c r="G3930" cm="1">
        <f t="array" ref="G3930">IFERROR(INDEX(Jesper!AK$2:AK$366,ROUNDDOWN($C3930/24,0)+1,1)*INDEX($D$3:$AA$30,INDEX(Jesper!$R$2:$R$366,ROW(INDEX(Jesper!AK$2:AK$366,ROUNDDOWN($C3930/24,0)+1,1))-1)+IF('Standard Profiles'!$G$21=$B$10,7,0)+IF('Standard Profiles'!$G$21=$B$17,14,0)+IF('Standard Profiles'!$G$21=$B$24,21,0),MOD($C3930,24)+1)/SUM(INDEX($D$3:$AA$30,INDEX(Jesper!$R$2:$R$366,ROW(INDEX(Jesper!AK$2:AK$366,ROUNDDOWN($C3930/24,0)+1,1))-1)+IF('Standard Profiles'!$G$21=$B$10,7,0)+IF('Standard Profiles'!$G$21=$B$17,14,0)+IF('Standard Profiles'!$G$21=$B$24,21,0),0)),0)</f>
        <v>0</v>
      </c>
      <c r="H3930" cm="1">
        <f t="array" ref="H3930">IFERROR(INDEX(Jesper!AL$2:AL$366,ROUNDDOWN($C3930/24,0)+1,1)*INDEX($D$3:$AA$30,INDEX(Jesper!$R$2:$R$366,ROW(INDEX(Jesper!AL$2:AL$366,ROUNDDOWN($C3930/24,0)+1,1))-1)+IF('Standard Profiles'!$G$22=$B$10,7,0)+IF('Standard Profiles'!$G$22=$B$17,14,0)+IF('Standard Profiles'!$G$22=$B$24,21,0),MOD($C3930,24)+1)/SUM(INDEX($D$3:$AA$30,INDEX(Jesper!$R$2:$R$366,ROW(INDEX(Jesper!AL$2:AL$366,ROUNDDOWN($C3930/24,0)+1,1))-1)+IF('Standard Profiles'!$G$22=$B$10,7,0)+IF('Standard Profiles'!$G$22=$B$17,14,0)+IF('Standard Profiles'!$G$22=$B$24,21,0),0)),0)</f>
        <v>0</v>
      </c>
      <c r="I3930">
        <f t="shared" si="440"/>
        <v>0.30836289290484836</v>
      </c>
      <c r="J3930">
        <f t="shared" si="441"/>
        <v>1.0278763096828278</v>
      </c>
      <c r="K3930">
        <f t="shared" si="442"/>
        <v>1.5418144645242418</v>
      </c>
      <c r="L3930">
        <f t="shared" si="443"/>
        <v>7.4007094297163603</v>
      </c>
      <c r="M3930">
        <f t="shared" si="444"/>
        <v>0</v>
      </c>
      <c r="N3930" s="46">
        <f t="shared" si="445"/>
        <v>45454.333333323884</v>
      </c>
    </row>
    <row r="3931" spans="2:14" x14ac:dyDescent="0.3">
      <c r="B3931">
        <f t="shared" si="439"/>
        <v>2</v>
      </c>
      <c r="C3931" s="16">
        <v>3897</v>
      </c>
      <c r="D3931" cm="1">
        <f t="array" ref="D3931">IFERROR(INDEX(Jesper!AH$2:AH$366,ROUNDDOWN($C3931/24,0)+1,1)*INDEX($D$3:$AA$30,INDEX(Jesper!$R$2:$R$366,ROW(INDEX(Jesper!AH$2:AH$366,ROUNDDOWN($C3931/24,0)+1,1))-1)+IF('Standard Profiles'!$G$18=$B$10,7,0)+IF('Standard Profiles'!$G$18=$B$17,14,0)+IF('Standard Profiles'!$G$18=$B$24,21,0),MOD($C3931,24)+1)/SUM(INDEX($D$3:$AA$30,INDEX(Jesper!$R$2:$R$366,ROW(INDEX(Jesper!AH$2:AH$366,ROUNDDOWN($C3931/24,0)+1,1))-1)+IF('Standard Profiles'!$G$18=$B$10,7,0)+IF('Standard Profiles'!$G$18=$B$17,14,0)+IF('Standard Profiles'!$G$18=$B$24,21,0),0)),0)</f>
        <v>11.135326688230634</v>
      </c>
      <c r="E3931" cm="1">
        <f t="array" ref="E3931">IFERROR(INDEX(Jesper!AI$2:AI$366,ROUNDDOWN($C3931/24,0)+1,1)*INDEX($D$3:$AA$30,INDEX(Jesper!$R$2:$R$366,ROW(INDEX(Jesper!AI$2:AI$366,ROUNDDOWN($C3931/24,0)+1,1))-1)+IF('Standard Profiles'!$G$19=$B$10,7,0)+IF('Standard Profiles'!$G$19=$B$17,14,0)+IF('Standard Profiles'!$G$19=$B$24,21,0),MOD($C3931,24)+1)/SUM(INDEX($D$3:$AA$30,INDEX(Jesper!$R$2:$R$366,ROW(INDEX(Jesper!AI$2:AI$366,ROUNDDOWN($C3931/24,0)+1,1))-1)+IF('Standard Profiles'!$G$19=$B$10,7,0)+IF('Standard Profiles'!$G$19=$B$17,14,0)+IF('Standard Profiles'!$G$19=$B$24,21,0),0)),0)</f>
        <v>0</v>
      </c>
      <c r="F3931" cm="1">
        <f t="array" ref="F3931">IFERROR(INDEX(Jesper!AJ$2:AJ$366,ROUNDDOWN($C3931/24,0)+1,1)*INDEX($D$3:$AA$30,INDEX(Jesper!$R$2:$R$366,ROW(INDEX(Jesper!AJ$2:AJ$366,ROUNDDOWN($C3931/24,0)+1,1))-1)+IF('Standard Profiles'!$G$20=$B$10,7,0)+IF('Standard Profiles'!$G$20=$B$17,14,0)+IF('Standard Profiles'!$G$20=$B$24,21,0),MOD($C3931,24)+1)/SUM(INDEX($D$3:$AA$30,INDEX(Jesper!$R$2:$R$366,ROW(INDEX(Jesper!AJ$2:AJ$366,ROUNDDOWN($C3931/24,0)+1,1))-1)+IF('Standard Profiles'!$G$20=$B$10,7,0)+IF('Standard Profiles'!$G$20=$B$17,14,0)+IF('Standard Profiles'!$G$20=$B$24,21,0),0)),0)</f>
        <v>0</v>
      </c>
      <c r="G3931" cm="1">
        <f t="array" ref="G3931">IFERROR(INDEX(Jesper!AK$2:AK$366,ROUNDDOWN($C3931/24,0)+1,1)*INDEX($D$3:$AA$30,INDEX(Jesper!$R$2:$R$366,ROW(INDEX(Jesper!AK$2:AK$366,ROUNDDOWN($C3931/24,0)+1,1))-1)+IF('Standard Profiles'!$G$21=$B$10,7,0)+IF('Standard Profiles'!$G$21=$B$17,14,0)+IF('Standard Profiles'!$G$21=$B$24,21,0),MOD($C3931,24)+1)/SUM(INDEX($D$3:$AA$30,INDEX(Jesper!$R$2:$R$366,ROW(INDEX(Jesper!AK$2:AK$366,ROUNDDOWN($C3931/24,0)+1,1))-1)+IF('Standard Profiles'!$G$21=$B$10,7,0)+IF('Standard Profiles'!$G$21=$B$17,14,0)+IF('Standard Profiles'!$G$21=$B$24,21,0),0)),0)</f>
        <v>0</v>
      </c>
      <c r="H3931" cm="1">
        <f t="array" ref="H3931">IFERROR(INDEX(Jesper!AL$2:AL$366,ROUNDDOWN($C3931/24,0)+1,1)*INDEX($D$3:$AA$30,INDEX(Jesper!$R$2:$R$366,ROW(INDEX(Jesper!AL$2:AL$366,ROUNDDOWN($C3931/24,0)+1,1))-1)+IF('Standard Profiles'!$G$22=$B$10,7,0)+IF('Standard Profiles'!$G$22=$B$17,14,0)+IF('Standard Profiles'!$G$22=$B$24,21,0),MOD($C3931,24)+1)/SUM(INDEX($D$3:$AA$30,INDEX(Jesper!$R$2:$R$366,ROW(INDEX(Jesper!AL$2:AL$366,ROUNDDOWN($C3931/24,0)+1,1))-1)+IF('Standard Profiles'!$G$22=$B$10,7,0)+IF('Standard Profiles'!$G$22=$B$17,14,0)+IF('Standard Profiles'!$G$22=$B$24,21,0),0)),0)</f>
        <v>0</v>
      </c>
      <c r="I3931">
        <f t="shared" si="440"/>
        <v>0.33405980064691904</v>
      </c>
      <c r="J3931">
        <f t="shared" si="441"/>
        <v>1.1135326688230636</v>
      </c>
      <c r="K3931">
        <f t="shared" si="442"/>
        <v>1.670299003234595</v>
      </c>
      <c r="L3931">
        <f t="shared" si="443"/>
        <v>8.0174352155260564</v>
      </c>
      <c r="M3931">
        <f t="shared" si="444"/>
        <v>0</v>
      </c>
      <c r="N3931" s="46">
        <f t="shared" si="445"/>
        <v>45454.374999990549</v>
      </c>
    </row>
    <row r="3932" spans="2:14" x14ac:dyDescent="0.3">
      <c r="B3932">
        <f t="shared" si="439"/>
        <v>2</v>
      </c>
      <c r="C3932" s="16">
        <v>3898</v>
      </c>
      <c r="D3932" cm="1">
        <f t="array" ref="D3932">IFERROR(INDEX(Jesper!AH$2:AH$366,ROUNDDOWN($C3932/24,0)+1,1)*INDEX($D$3:$AA$30,INDEX(Jesper!$R$2:$R$366,ROW(INDEX(Jesper!AH$2:AH$366,ROUNDDOWN($C3932/24,0)+1,1))-1)+IF('Standard Profiles'!$G$18=$B$10,7,0)+IF('Standard Profiles'!$G$18=$B$17,14,0)+IF('Standard Profiles'!$G$18=$B$24,21,0),MOD($C3932,24)+1)/SUM(INDEX($D$3:$AA$30,INDEX(Jesper!$R$2:$R$366,ROW(INDEX(Jesper!AH$2:AH$366,ROUNDDOWN($C3932/24,0)+1,1))-1)+IF('Standard Profiles'!$G$18=$B$10,7,0)+IF('Standard Profiles'!$G$18=$B$17,14,0)+IF('Standard Profiles'!$G$18=$B$24,21,0),0)),0)</f>
        <v>11.649264843072048</v>
      </c>
      <c r="E3932" cm="1">
        <f t="array" ref="E3932">IFERROR(INDEX(Jesper!AI$2:AI$366,ROUNDDOWN($C3932/24,0)+1,1)*INDEX($D$3:$AA$30,INDEX(Jesper!$R$2:$R$366,ROW(INDEX(Jesper!AI$2:AI$366,ROUNDDOWN($C3932/24,0)+1,1))-1)+IF('Standard Profiles'!$G$19=$B$10,7,0)+IF('Standard Profiles'!$G$19=$B$17,14,0)+IF('Standard Profiles'!$G$19=$B$24,21,0),MOD($C3932,24)+1)/SUM(INDEX($D$3:$AA$30,INDEX(Jesper!$R$2:$R$366,ROW(INDEX(Jesper!AI$2:AI$366,ROUNDDOWN($C3932/24,0)+1,1))-1)+IF('Standard Profiles'!$G$19=$B$10,7,0)+IF('Standard Profiles'!$G$19=$B$17,14,0)+IF('Standard Profiles'!$G$19=$B$24,21,0),0)),0)</f>
        <v>0</v>
      </c>
      <c r="F3932" cm="1">
        <f t="array" ref="F3932">IFERROR(INDEX(Jesper!AJ$2:AJ$366,ROUNDDOWN($C3932/24,0)+1,1)*INDEX($D$3:$AA$30,INDEX(Jesper!$R$2:$R$366,ROW(INDEX(Jesper!AJ$2:AJ$366,ROUNDDOWN($C3932/24,0)+1,1))-1)+IF('Standard Profiles'!$G$20=$B$10,7,0)+IF('Standard Profiles'!$G$20=$B$17,14,0)+IF('Standard Profiles'!$G$20=$B$24,21,0),MOD($C3932,24)+1)/SUM(INDEX($D$3:$AA$30,INDEX(Jesper!$R$2:$R$366,ROW(INDEX(Jesper!AJ$2:AJ$366,ROUNDDOWN($C3932/24,0)+1,1))-1)+IF('Standard Profiles'!$G$20=$B$10,7,0)+IF('Standard Profiles'!$G$20=$B$17,14,0)+IF('Standard Profiles'!$G$20=$B$24,21,0),0)),0)</f>
        <v>0</v>
      </c>
      <c r="G3932" cm="1">
        <f t="array" ref="G3932">IFERROR(INDEX(Jesper!AK$2:AK$366,ROUNDDOWN($C3932/24,0)+1,1)*INDEX($D$3:$AA$30,INDEX(Jesper!$R$2:$R$366,ROW(INDEX(Jesper!AK$2:AK$366,ROUNDDOWN($C3932/24,0)+1,1))-1)+IF('Standard Profiles'!$G$21=$B$10,7,0)+IF('Standard Profiles'!$G$21=$B$17,14,0)+IF('Standard Profiles'!$G$21=$B$24,21,0),MOD($C3932,24)+1)/SUM(INDEX($D$3:$AA$30,INDEX(Jesper!$R$2:$R$366,ROW(INDEX(Jesper!AK$2:AK$366,ROUNDDOWN($C3932/24,0)+1,1))-1)+IF('Standard Profiles'!$G$21=$B$10,7,0)+IF('Standard Profiles'!$G$21=$B$17,14,0)+IF('Standard Profiles'!$G$21=$B$24,21,0),0)),0)</f>
        <v>0</v>
      </c>
      <c r="H3932" cm="1">
        <f t="array" ref="H3932">IFERROR(INDEX(Jesper!AL$2:AL$366,ROUNDDOWN($C3932/24,0)+1,1)*INDEX($D$3:$AA$30,INDEX(Jesper!$R$2:$R$366,ROW(INDEX(Jesper!AL$2:AL$366,ROUNDDOWN($C3932/24,0)+1,1))-1)+IF('Standard Profiles'!$G$22=$B$10,7,0)+IF('Standard Profiles'!$G$22=$B$17,14,0)+IF('Standard Profiles'!$G$22=$B$24,21,0),MOD($C3932,24)+1)/SUM(INDEX($D$3:$AA$30,INDEX(Jesper!$R$2:$R$366,ROW(INDEX(Jesper!AL$2:AL$366,ROUNDDOWN($C3932/24,0)+1,1))-1)+IF('Standard Profiles'!$G$22=$B$10,7,0)+IF('Standard Profiles'!$G$22=$B$17,14,0)+IF('Standard Profiles'!$G$22=$B$24,21,0),0)),0)</f>
        <v>0</v>
      </c>
      <c r="I3932">
        <f t="shared" si="440"/>
        <v>0.34947794529216142</v>
      </c>
      <c r="J3932">
        <f t="shared" si="441"/>
        <v>1.1649264843072049</v>
      </c>
      <c r="K3932">
        <f t="shared" si="442"/>
        <v>1.7473897264608071</v>
      </c>
      <c r="L3932">
        <f t="shared" si="443"/>
        <v>8.3874706870118736</v>
      </c>
      <c r="M3932">
        <f t="shared" si="444"/>
        <v>0</v>
      </c>
      <c r="N3932" s="46">
        <f t="shared" si="445"/>
        <v>45454.416666657213</v>
      </c>
    </row>
    <row r="3933" spans="2:14" x14ac:dyDescent="0.3">
      <c r="B3933">
        <f t="shared" si="439"/>
        <v>2</v>
      </c>
      <c r="C3933" s="16">
        <v>3899</v>
      </c>
      <c r="D3933" cm="1">
        <f t="array" ref="D3933">IFERROR(INDEX(Jesper!AH$2:AH$366,ROUNDDOWN($C3933/24,0)+1,1)*INDEX($D$3:$AA$30,INDEX(Jesper!$R$2:$R$366,ROW(INDEX(Jesper!AH$2:AH$366,ROUNDDOWN($C3933/24,0)+1,1))-1)+IF('Standard Profiles'!$G$18=$B$10,7,0)+IF('Standard Profiles'!$G$18=$B$17,14,0)+IF('Standard Profiles'!$G$18=$B$24,21,0),MOD($C3933,24)+1)/SUM(INDEX($D$3:$AA$30,INDEX(Jesper!$R$2:$R$366,ROW(INDEX(Jesper!AH$2:AH$366,ROUNDDOWN($C3933/24,0)+1,1))-1)+IF('Standard Profiles'!$G$18=$B$10,7,0)+IF('Standard Profiles'!$G$18=$B$17,14,0)+IF('Standard Profiles'!$G$18=$B$24,21,0),0)),0)</f>
        <v>13.705017462437704</v>
      </c>
      <c r="E3933" cm="1">
        <f t="array" ref="E3933">IFERROR(INDEX(Jesper!AI$2:AI$366,ROUNDDOWN($C3933/24,0)+1,1)*INDEX($D$3:$AA$30,INDEX(Jesper!$R$2:$R$366,ROW(INDEX(Jesper!AI$2:AI$366,ROUNDDOWN($C3933/24,0)+1,1))-1)+IF('Standard Profiles'!$G$19=$B$10,7,0)+IF('Standard Profiles'!$G$19=$B$17,14,0)+IF('Standard Profiles'!$G$19=$B$24,21,0),MOD($C3933,24)+1)/SUM(INDEX($D$3:$AA$30,INDEX(Jesper!$R$2:$R$366,ROW(INDEX(Jesper!AI$2:AI$366,ROUNDDOWN($C3933/24,0)+1,1))-1)+IF('Standard Profiles'!$G$19=$B$10,7,0)+IF('Standard Profiles'!$G$19=$B$17,14,0)+IF('Standard Profiles'!$G$19=$B$24,21,0),0)),0)</f>
        <v>0</v>
      </c>
      <c r="F3933" cm="1">
        <f t="array" ref="F3933">IFERROR(INDEX(Jesper!AJ$2:AJ$366,ROUNDDOWN($C3933/24,0)+1,1)*INDEX($D$3:$AA$30,INDEX(Jesper!$R$2:$R$366,ROW(INDEX(Jesper!AJ$2:AJ$366,ROUNDDOWN($C3933/24,0)+1,1))-1)+IF('Standard Profiles'!$G$20=$B$10,7,0)+IF('Standard Profiles'!$G$20=$B$17,14,0)+IF('Standard Profiles'!$G$20=$B$24,21,0),MOD($C3933,24)+1)/SUM(INDEX($D$3:$AA$30,INDEX(Jesper!$R$2:$R$366,ROW(INDEX(Jesper!AJ$2:AJ$366,ROUNDDOWN($C3933/24,0)+1,1))-1)+IF('Standard Profiles'!$G$20=$B$10,7,0)+IF('Standard Profiles'!$G$20=$B$17,14,0)+IF('Standard Profiles'!$G$20=$B$24,21,0),0)),0)</f>
        <v>0</v>
      </c>
      <c r="G3933" cm="1">
        <f t="array" ref="G3933">IFERROR(INDEX(Jesper!AK$2:AK$366,ROUNDDOWN($C3933/24,0)+1,1)*INDEX($D$3:$AA$30,INDEX(Jesper!$R$2:$R$366,ROW(INDEX(Jesper!AK$2:AK$366,ROUNDDOWN($C3933/24,0)+1,1))-1)+IF('Standard Profiles'!$G$21=$B$10,7,0)+IF('Standard Profiles'!$G$21=$B$17,14,0)+IF('Standard Profiles'!$G$21=$B$24,21,0),MOD($C3933,24)+1)/SUM(INDEX($D$3:$AA$30,INDEX(Jesper!$R$2:$R$366,ROW(INDEX(Jesper!AK$2:AK$366,ROUNDDOWN($C3933/24,0)+1,1))-1)+IF('Standard Profiles'!$G$21=$B$10,7,0)+IF('Standard Profiles'!$G$21=$B$17,14,0)+IF('Standard Profiles'!$G$21=$B$24,21,0),0)),0)</f>
        <v>0</v>
      </c>
      <c r="H3933" cm="1">
        <f t="array" ref="H3933">IFERROR(INDEX(Jesper!AL$2:AL$366,ROUNDDOWN($C3933/24,0)+1,1)*INDEX($D$3:$AA$30,INDEX(Jesper!$R$2:$R$366,ROW(INDEX(Jesper!AL$2:AL$366,ROUNDDOWN($C3933/24,0)+1,1))-1)+IF('Standard Profiles'!$G$22=$B$10,7,0)+IF('Standard Profiles'!$G$22=$B$17,14,0)+IF('Standard Profiles'!$G$22=$B$24,21,0),MOD($C3933,24)+1)/SUM(INDEX($D$3:$AA$30,INDEX(Jesper!$R$2:$R$366,ROW(INDEX(Jesper!AL$2:AL$366,ROUNDDOWN($C3933/24,0)+1,1))-1)+IF('Standard Profiles'!$G$22=$B$10,7,0)+IF('Standard Profiles'!$G$22=$B$17,14,0)+IF('Standard Profiles'!$G$22=$B$24,21,0),0)),0)</f>
        <v>0</v>
      </c>
      <c r="I3933">
        <f t="shared" si="440"/>
        <v>0.41115052387313111</v>
      </c>
      <c r="J3933">
        <f t="shared" si="441"/>
        <v>1.3705017462437705</v>
      </c>
      <c r="K3933">
        <f t="shared" si="442"/>
        <v>2.0557526193656557</v>
      </c>
      <c r="L3933">
        <f t="shared" si="443"/>
        <v>9.8676125729551458</v>
      </c>
      <c r="M3933">
        <f t="shared" si="444"/>
        <v>0</v>
      </c>
      <c r="N3933" s="46">
        <f t="shared" si="445"/>
        <v>45454.458333323877</v>
      </c>
    </row>
    <row r="3934" spans="2:14" x14ac:dyDescent="0.3">
      <c r="B3934">
        <f t="shared" si="439"/>
        <v>2</v>
      </c>
      <c r="C3934" s="16">
        <v>3900</v>
      </c>
      <c r="D3934" cm="1">
        <f t="array" ref="D3934">IFERROR(INDEX(Jesper!AH$2:AH$366,ROUNDDOWN($C3934/24,0)+1,1)*INDEX($D$3:$AA$30,INDEX(Jesper!$R$2:$R$366,ROW(INDEX(Jesper!AH$2:AH$366,ROUNDDOWN($C3934/24,0)+1,1))-1)+IF('Standard Profiles'!$G$18=$B$10,7,0)+IF('Standard Profiles'!$G$18=$B$17,14,0)+IF('Standard Profiles'!$G$18=$B$24,21,0),MOD($C3934,24)+1)/SUM(INDEX($D$3:$AA$30,INDEX(Jesper!$R$2:$R$366,ROW(INDEX(Jesper!AH$2:AH$366,ROUNDDOWN($C3934/24,0)+1,1))-1)+IF('Standard Profiles'!$G$18=$B$10,7,0)+IF('Standard Profiles'!$G$18=$B$17,14,0)+IF('Standard Profiles'!$G$18=$B$24,21,0),0)),0)</f>
        <v>13.705017462437704</v>
      </c>
      <c r="E3934" cm="1">
        <f t="array" ref="E3934">IFERROR(INDEX(Jesper!AI$2:AI$366,ROUNDDOWN($C3934/24,0)+1,1)*INDEX($D$3:$AA$30,INDEX(Jesper!$R$2:$R$366,ROW(INDEX(Jesper!AI$2:AI$366,ROUNDDOWN($C3934/24,0)+1,1))-1)+IF('Standard Profiles'!$G$19=$B$10,7,0)+IF('Standard Profiles'!$G$19=$B$17,14,0)+IF('Standard Profiles'!$G$19=$B$24,21,0),MOD($C3934,24)+1)/SUM(INDEX($D$3:$AA$30,INDEX(Jesper!$R$2:$R$366,ROW(INDEX(Jesper!AI$2:AI$366,ROUNDDOWN($C3934/24,0)+1,1))-1)+IF('Standard Profiles'!$G$19=$B$10,7,0)+IF('Standard Profiles'!$G$19=$B$17,14,0)+IF('Standard Profiles'!$G$19=$B$24,21,0),0)),0)</f>
        <v>0</v>
      </c>
      <c r="F3934" cm="1">
        <f t="array" ref="F3934">IFERROR(INDEX(Jesper!AJ$2:AJ$366,ROUNDDOWN($C3934/24,0)+1,1)*INDEX($D$3:$AA$30,INDEX(Jesper!$R$2:$R$366,ROW(INDEX(Jesper!AJ$2:AJ$366,ROUNDDOWN($C3934/24,0)+1,1))-1)+IF('Standard Profiles'!$G$20=$B$10,7,0)+IF('Standard Profiles'!$G$20=$B$17,14,0)+IF('Standard Profiles'!$G$20=$B$24,21,0),MOD($C3934,24)+1)/SUM(INDEX($D$3:$AA$30,INDEX(Jesper!$R$2:$R$366,ROW(INDEX(Jesper!AJ$2:AJ$366,ROUNDDOWN($C3934/24,0)+1,1))-1)+IF('Standard Profiles'!$G$20=$B$10,7,0)+IF('Standard Profiles'!$G$20=$B$17,14,0)+IF('Standard Profiles'!$G$20=$B$24,21,0),0)),0)</f>
        <v>0</v>
      </c>
      <c r="G3934" cm="1">
        <f t="array" ref="G3934">IFERROR(INDEX(Jesper!AK$2:AK$366,ROUNDDOWN($C3934/24,0)+1,1)*INDEX($D$3:$AA$30,INDEX(Jesper!$R$2:$R$366,ROW(INDEX(Jesper!AK$2:AK$366,ROUNDDOWN($C3934/24,0)+1,1))-1)+IF('Standard Profiles'!$G$21=$B$10,7,0)+IF('Standard Profiles'!$G$21=$B$17,14,0)+IF('Standard Profiles'!$G$21=$B$24,21,0),MOD($C3934,24)+1)/SUM(INDEX($D$3:$AA$30,INDEX(Jesper!$R$2:$R$366,ROW(INDEX(Jesper!AK$2:AK$366,ROUNDDOWN($C3934/24,0)+1,1))-1)+IF('Standard Profiles'!$G$21=$B$10,7,0)+IF('Standard Profiles'!$G$21=$B$17,14,0)+IF('Standard Profiles'!$G$21=$B$24,21,0),0)),0)</f>
        <v>0</v>
      </c>
      <c r="H3934" cm="1">
        <f t="array" ref="H3934">IFERROR(INDEX(Jesper!AL$2:AL$366,ROUNDDOWN($C3934/24,0)+1,1)*INDEX($D$3:$AA$30,INDEX(Jesper!$R$2:$R$366,ROW(INDEX(Jesper!AL$2:AL$366,ROUNDDOWN($C3934/24,0)+1,1))-1)+IF('Standard Profiles'!$G$22=$B$10,7,0)+IF('Standard Profiles'!$G$22=$B$17,14,0)+IF('Standard Profiles'!$G$22=$B$24,21,0),MOD($C3934,24)+1)/SUM(INDEX($D$3:$AA$30,INDEX(Jesper!$R$2:$R$366,ROW(INDEX(Jesper!AL$2:AL$366,ROUNDDOWN($C3934/24,0)+1,1))-1)+IF('Standard Profiles'!$G$22=$B$10,7,0)+IF('Standard Profiles'!$G$22=$B$17,14,0)+IF('Standard Profiles'!$G$22=$B$24,21,0),0)),0)</f>
        <v>0</v>
      </c>
      <c r="I3934">
        <f t="shared" si="440"/>
        <v>0.41115052387313111</v>
      </c>
      <c r="J3934">
        <f t="shared" si="441"/>
        <v>1.3705017462437705</v>
      </c>
      <c r="K3934">
        <f t="shared" si="442"/>
        <v>2.0557526193656557</v>
      </c>
      <c r="L3934">
        <f t="shared" si="443"/>
        <v>9.8676125729551458</v>
      </c>
      <c r="M3934">
        <f t="shared" si="444"/>
        <v>0</v>
      </c>
      <c r="N3934" s="46">
        <f t="shared" si="445"/>
        <v>45454.499999990541</v>
      </c>
    </row>
    <row r="3935" spans="2:14" x14ac:dyDescent="0.3">
      <c r="B3935">
        <f t="shared" si="439"/>
        <v>2</v>
      </c>
      <c r="C3935" s="16">
        <v>3901</v>
      </c>
      <c r="D3935" cm="1">
        <f t="array" ref="D3935">IFERROR(INDEX(Jesper!AH$2:AH$366,ROUNDDOWN($C3935/24,0)+1,1)*INDEX($D$3:$AA$30,INDEX(Jesper!$R$2:$R$366,ROW(INDEX(Jesper!AH$2:AH$366,ROUNDDOWN($C3935/24,0)+1,1))-1)+IF('Standard Profiles'!$G$18=$B$10,7,0)+IF('Standard Profiles'!$G$18=$B$17,14,0)+IF('Standard Profiles'!$G$18=$B$24,21,0),MOD($C3935,24)+1)/SUM(INDEX($D$3:$AA$30,INDEX(Jesper!$R$2:$R$366,ROW(INDEX(Jesper!AH$2:AH$366,ROUNDDOWN($C3935/24,0)+1,1))-1)+IF('Standard Profiles'!$G$18=$B$10,7,0)+IF('Standard Profiles'!$G$18=$B$17,14,0)+IF('Standard Profiles'!$G$18=$B$24,21,0),0)),0)</f>
        <v>13.705017462437704</v>
      </c>
      <c r="E3935" cm="1">
        <f t="array" ref="E3935">IFERROR(INDEX(Jesper!AI$2:AI$366,ROUNDDOWN($C3935/24,0)+1,1)*INDEX($D$3:$AA$30,INDEX(Jesper!$R$2:$R$366,ROW(INDEX(Jesper!AI$2:AI$366,ROUNDDOWN($C3935/24,0)+1,1))-1)+IF('Standard Profiles'!$G$19=$B$10,7,0)+IF('Standard Profiles'!$G$19=$B$17,14,0)+IF('Standard Profiles'!$G$19=$B$24,21,0),MOD($C3935,24)+1)/SUM(INDEX($D$3:$AA$30,INDEX(Jesper!$R$2:$R$366,ROW(INDEX(Jesper!AI$2:AI$366,ROUNDDOWN($C3935/24,0)+1,1))-1)+IF('Standard Profiles'!$G$19=$B$10,7,0)+IF('Standard Profiles'!$G$19=$B$17,14,0)+IF('Standard Profiles'!$G$19=$B$24,21,0),0)),0)</f>
        <v>0</v>
      </c>
      <c r="F3935" cm="1">
        <f t="array" ref="F3935">IFERROR(INDEX(Jesper!AJ$2:AJ$366,ROUNDDOWN($C3935/24,0)+1,1)*INDEX($D$3:$AA$30,INDEX(Jesper!$R$2:$R$366,ROW(INDEX(Jesper!AJ$2:AJ$366,ROUNDDOWN($C3935/24,0)+1,1))-1)+IF('Standard Profiles'!$G$20=$B$10,7,0)+IF('Standard Profiles'!$G$20=$B$17,14,0)+IF('Standard Profiles'!$G$20=$B$24,21,0),MOD($C3935,24)+1)/SUM(INDEX($D$3:$AA$30,INDEX(Jesper!$R$2:$R$366,ROW(INDEX(Jesper!AJ$2:AJ$366,ROUNDDOWN($C3935/24,0)+1,1))-1)+IF('Standard Profiles'!$G$20=$B$10,7,0)+IF('Standard Profiles'!$G$20=$B$17,14,0)+IF('Standard Profiles'!$G$20=$B$24,21,0),0)),0)</f>
        <v>0</v>
      </c>
      <c r="G3935" cm="1">
        <f t="array" ref="G3935">IFERROR(INDEX(Jesper!AK$2:AK$366,ROUNDDOWN($C3935/24,0)+1,1)*INDEX($D$3:$AA$30,INDEX(Jesper!$R$2:$R$366,ROW(INDEX(Jesper!AK$2:AK$366,ROUNDDOWN($C3935/24,0)+1,1))-1)+IF('Standard Profiles'!$G$21=$B$10,7,0)+IF('Standard Profiles'!$G$21=$B$17,14,0)+IF('Standard Profiles'!$G$21=$B$24,21,0),MOD($C3935,24)+1)/SUM(INDEX($D$3:$AA$30,INDEX(Jesper!$R$2:$R$366,ROW(INDEX(Jesper!AK$2:AK$366,ROUNDDOWN($C3935/24,0)+1,1))-1)+IF('Standard Profiles'!$G$21=$B$10,7,0)+IF('Standard Profiles'!$G$21=$B$17,14,0)+IF('Standard Profiles'!$G$21=$B$24,21,0),0)),0)</f>
        <v>0</v>
      </c>
      <c r="H3935" cm="1">
        <f t="array" ref="H3935">IFERROR(INDEX(Jesper!AL$2:AL$366,ROUNDDOWN($C3935/24,0)+1,1)*INDEX($D$3:$AA$30,INDEX(Jesper!$R$2:$R$366,ROW(INDEX(Jesper!AL$2:AL$366,ROUNDDOWN($C3935/24,0)+1,1))-1)+IF('Standard Profiles'!$G$22=$B$10,7,0)+IF('Standard Profiles'!$G$22=$B$17,14,0)+IF('Standard Profiles'!$G$22=$B$24,21,0),MOD($C3935,24)+1)/SUM(INDEX($D$3:$AA$30,INDEX(Jesper!$R$2:$R$366,ROW(INDEX(Jesper!AL$2:AL$366,ROUNDDOWN($C3935/24,0)+1,1))-1)+IF('Standard Profiles'!$G$22=$B$10,7,0)+IF('Standard Profiles'!$G$22=$B$17,14,0)+IF('Standard Profiles'!$G$22=$B$24,21,0),0)),0)</f>
        <v>0</v>
      </c>
      <c r="I3935">
        <f t="shared" si="440"/>
        <v>0.41115052387313111</v>
      </c>
      <c r="J3935">
        <f t="shared" si="441"/>
        <v>1.3705017462437705</v>
      </c>
      <c r="K3935">
        <f t="shared" si="442"/>
        <v>2.0557526193656557</v>
      </c>
      <c r="L3935">
        <f t="shared" si="443"/>
        <v>9.8676125729551458</v>
      </c>
      <c r="M3935">
        <f t="shared" si="444"/>
        <v>0</v>
      </c>
      <c r="N3935" s="46">
        <f t="shared" si="445"/>
        <v>45454.541666657205</v>
      </c>
    </row>
    <row r="3936" spans="2:14" x14ac:dyDescent="0.3">
      <c r="B3936">
        <f t="shared" si="439"/>
        <v>2</v>
      </c>
      <c r="C3936" s="16">
        <v>3902</v>
      </c>
      <c r="D3936" cm="1">
        <f t="array" ref="D3936">IFERROR(INDEX(Jesper!AH$2:AH$366,ROUNDDOWN($C3936/24,0)+1,1)*INDEX($D$3:$AA$30,INDEX(Jesper!$R$2:$R$366,ROW(INDEX(Jesper!AH$2:AH$366,ROUNDDOWN($C3936/24,0)+1,1))-1)+IF('Standard Profiles'!$G$18=$B$10,7,0)+IF('Standard Profiles'!$G$18=$B$17,14,0)+IF('Standard Profiles'!$G$18=$B$24,21,0),MOD($C3936,24)+1)/SUM(INDEX($D$3:$AA$30,INDEX(Jesper!$R$2:$R$366,ROW(INDEX(Jesper!AH$2:AH$366,ROUNDDOWN($C3936/24,0)+1,1))-1)+IF('Standard Profiles'!$G$18=$B$10,7,0)+IF('Standard Profiles'!$G$18=$B$17,14,0)+IF('Standard Profiles'!$G$18=$B$24,21,0),0)),0)</f>
        <v>13.705017462437704</v>
      </c>
      <c r="E3936" cm="1">
        <f t="array" ref="E3936">IFERROR(INDEX(Jesper!AI$2:AI$366,ROUNDDOWN($C3936/24,0)+1,1)*INDEX($D$3:$AA$30,INDEX(Jesper!$R$2:$R$366,ROW(INDEX(Jesper!AI$2:AI$366,ROUNDDOWN($C3936/24,0)+1,1))-1)+IF('Standard Profiles'!$G$19=$B$10,7,0)+IF('Standard Profiles'!$G$19=$B$17,14,0)+IF('Standard Profiles'!$G$19=$B$24,21,0),MOD($C3936,24)+1)/SUM(INDEX($D$3:$AA$30,INDEX(Jesper!$R$2:$R$366,ROW(INDEX(Jesper!AI$2:AI$366,ROUNDDOWN($C3936/24,0)+1,1))-1)+IF('Standard Profiles'!$G$19=$B$10,7,0)+IF('Standard Profiles'!$G$19=$B$17,14,0)+IF('Standard Profiles'!$G$19=$B$24,21,0),0)),0)</f>
        <v>0</v>
      </c>
      <c r="F3936" cm="1">
        <f t="array" ref="F3936">IFERROR(INDEX(Jesper!AJ$2:AJ$366,ROUNDDOWN($C3936/24,0)+1,1)*INDEX($D$3:$AA$30,INDEX(Jesper!$R$2:$R$366,ROW(INDEX(Jesper!AJ$2:AJ$366,ROUNDDOWN($C3936/24,0)+1,1))-1)+IF('Standard Profiles'!$G$20=$B$10,7,0)+IF('Standard Profiles'!$G$20=$B$17,14,0)+IF('Standard Profiles'!$G$20=$B$24,21,0),MOD($C3936,24)+1)/SUM(INDEX($D$3:$AA$30,INDEX(Jesper!$R$2:$R$366,ROW(INDEX(Jesper!AJ$2:AJ$366,ROUNDDOWN($C3936/24,0)+1,1))-1)+IF('Standard Profiles'!$G$20=$B$10,7,0)+IF('Standard Profiles'!$G$20=$B$17,14,0)+IF('Standard Profiles'!$G$20=$B$24,21,0),0)),0)</f>
        <v>0</v>
      </c>
      <c r="G3936" cm="1">
        <f t="array" ref="G3936">IFERROR(INDEX(Jesper!AK$2:AK$366,ROUNDDOWN($C3936/24,0)+1,1)*INDEX($D$3:$AA$30,INDEX(Jesper!$R$2:$R$366,ROW(INDEX(Jesper!AK$2:AK$366,ROUNDDOWN($C3936/24,0)+1,1))-1)+IF('Standard Profiles'!$G$21=$B$10,7,0)+IF('Standard Profiles'!$G$21=$B$17,14,0)+IF('Standard Profiles'!$G$21=$B$24,21,0),MOD($C3936,24)+1)/SUM(INDEX($D$3:$AA$30,INDEX(Jesper!$R$2:$R$366,ROW(INDEX(Jesper!AK$2:AK$366,ROUNDDOWN($C3936/24,0)+1,1))-1)+IF('Standard Profiles'!$G$21=$B$10,7,0)+IF('Standard Profiles'!$G$21=$B$17,14,0)+IF('Standard Profiles'!$G$21=$B$24,21,0),0)),0)</f>
        <v>0</v>
      </c>
      <c r="H3936" cm="1">
        <f t="array" ref="H3936">IFERROR(INDEX(Jesper!AL$2:AL$366,ROUNDDOWN($C3936/24,0)+1,1)*INDEX($D$3:$AA$30,INDEX(Jesper!$R$2:$R$366,ROW(INDEX(Jesper!AL$2:AL$366,ROUNDDOWN($C3936/24,0)+1,1))-1)+IF('Standard Profiles'!$G$22=$B$10,7,0)+IF('Standard Profiles'!$G$22=$B$17,14,0)+IF('Standard Profiles'!$G$22=$B$24,21,0),MOD($C3936,24)+1)/SUM(INDEX($D$3:$AA$30,INDEX(Jesper!$R$2:$R$366,ROW(INDEX(Jesper!AL$2:AL$366,ROUNDDOWN($C3936/24,0)+1,1))-1)+IF('Standard Profiles'!$G$22=$B$10,7,0)+IF('Standard Profiles'!$G$22=$B$17,14,0)+IF('Standard Profiles'!$G$22=$B$24,21,0),0)),0)</f>
        <v>0</v>
      </c>
      <c r="I3936">
        <f t="shared" si="440"/>
        <v>0.41115052387313111</v>
      </c>
      <c r="J3936">
        <f t="shared" si="441"/>
        <v>1.3705017462437705</v>
      </c>
      <c r="K3936">
        <f t="shared" si="442"/>
        <v>2.0557526193656557</v>
      </c>
      <c r="L3936">
        <f t="shared" si="443"/>
        <v>9.8676125729551458</v>
      </c>
      <c r="M3936">
        <f t="shared" si="444"/>
        <v>0</v>
      </c>
      <c r="N3936" s="46">
        <f t="shared" si="445"/>
        <v>45454.58333332387</v>
      </c>
    </row>
    <row r="3937" spans="2:14" x14ac:dyDescent="0.3">
      <c r="B3937">
        <f t="shared" si="439"/>
        <v>2</v>
      </c>
      <c r="C3937" s="16">
        <v>3903</v>
      </c>
      <c r="D3937" cm="1">
        <f t="array" ref="D3937">IFERROR(INDEX(Jesper!AH$2:AH$366,ROUNDDOWN($C3937/24,0)+1,1)*INDEX($D$3:$AA$30,INDEX(Jesper!$R$2:$R$366,ROW(INDEX(Jesper!AH$2:AH$366,ROUNDDOWN($C3937/24,0)+1,1))-1)+IF('Standard Profiles'!$G$18=$B$10,7,0)+IF('Standard Profiles'!$G$18=$B$17,14,0)+IF('Standard Profiles'!$G$18=$B$24,21,0),MOD($C3937,24)+1)/SUM(INDEX($D$3:$AA$30,INDEX(Jesper!$R$2:$R$366,ROW(INDEX(Jesper!AH$2:AH$366,ROUNDDOWN($C3937/24,0)+1,1))-1)+IF('Standard Profiles'!$G$18=$B$10,7,0)+IF('Standard Profiles'!$G$18=$B$17,14,0)+IF('Standard Profiles'!$G$18=$B$24,21,0),0)),0)</f>
        <v>13.705017462437704</v>
      </c>
      <c r="E3937" cm="1">
        <f t="array" ref="E3937">IFERROR(INDEX(Jesper!AI$2:AI$366,ROUNDDOWN($C3937/24,0)+1,1)*INDEX($D$3:$AA$30,INDEX(Jesper!$R$2:$R$366,ROW(INDEX(Jesper!AI$2:AI$366,ROUNDDOWN($C3937/24,0)+1,1))-1)+IF('Standard Profiles'!$G$19=$B$10,7,0)+IF('Standard Profiles'!$G$19=$B$17,14,0)+IF('Standard Profiles'!$G$19=$B$24,21,0),MOD($C3937,24)+1)/SUM(INDEX($D$3:$AA$30,INDEX(Jesper!$R$2:$R$366,ROW(INDEX(Jesper!AI$2:AI$366,ROUNDDOWN($C3937/24,0)+1,1))-1)+IF('Standard Profiles'!$G$19=$B$10,7,0)+IF('Standard Profiles'!$G$19=$B$17,14,0)+IF('Standard Profiles'!$G$19=$B$24,21,0),0)),0)</f>
        <v>0</v>
      </c>
      <c r="F3937" cm="1">
        <f t="array" ref="F3937">IFERROR(INDEX(Jesper!AJ$2:AJ$366,ROUNDDOWN($C3937/24,0)+1,1)*INDEX($D$3:$AA$30,INDEX(Jesper!$R$2:$R$366,ROW(INDEX(Jesper!AJ$2:AJ$366,ROUNDDOWN($C3937/24,0)+1,1))-1)+IF('Standard Profiles'!$G$20=$B$10,7,0)+IF('Standard Profiles'!$G$20=$B$17,14,0)+IF('Standard Profiles'!$G$20=$B$24,21,0),MOD($C3937,24)+1)/SUM(INDEX($D$3:$AA$30,INDEX(Jesper!$R$2:$R$366,ROW(INDEX(Jesper!AJ$2:AJ$366,ROUNDDOWN($C3937/24,0)+1,1))-1)+IF('Standard Profiles'!$G$20=$B$10,7,0)+IF('Standard Profiles'!$G$20=$B$17,14,0)+IF('Standard Profiles'!$G$20=$B$24,21,0),0)),0)</f>
        <v>0</v>
      </c>
      <c r="G3937" cm="1">
        <f t="array" ref="G3937">IFERROR(INDEX(Jesper!AK$2:AK$366,ROUNDDOWN($C3937/24,0)+1,1)*INDEX($D$3:$AA$30,INDEX(Jesper!$R$2:$R$366,ROW(INDEX(Jesper!AK$2:AK$366,ROUNDDOWN($C3937/24,0)+1,1))-1)+IF('Standard Profiles'!$G$21=$B$10,7,0)+IF('Standard Profiles'!$G$21=$B$17,14,0)+IF('Standard Profiles'!$G$21=$B$24,21,0),MOD($C3937,24)+1)/SUM(INDEX($D$3:$AA$30,INDEX(Jesper!$R$2:$R$366,ROW(INDEX(Jesper!AK$2:AK$366,ROUNDDOWN($C3937/24,0)+1,1))-1)+IF('Standard Profiles'!$G$21=$B$10,7,0)+IF('Standard Profiles'!$G$21=$B$17,14,0)+IF('Standard Profiles'!$G$21=$B$24,21,0),0)),0)</f>
        <v>0</v>
      </c>
      <c r="H3937" cm="1">
        <f t="array" ref="H3937">IFERROR(INDEX(Jesper!AL$2:AL$366,ROUNDDOWN($C3937/24,0)+1,1)*INDEX($D$3:$AA$30,INDEX(Jesper!$R$2:$R$366,ROW(INDEX(Jesper!AL$2:AL$366,ROUNDDOWN($C3937/24,0)+1,1))-1)+IF('Standard Profiles'!$G$22=$B$10,7,0)+IF('Standard Profiles'!$G$22=$B$17,14,0)+IF('Standard Profiles'!$G$22=$B$24,21,0),MOD($C3937,24)+1)/SUM(INDEX($D$3:$AA$30,INDEX(Jesper!$R$2:$R$366,ROW(INDEX(Jesper!AL$2:AL$366,ROUNDDOWN($C3937/24,0)+1,1))-1)+IF('Standard Profiles'!$G$22=$B$10,7,0)+IF('Standard Profiles'!$G$22=$B$17,14,0)+IF('Standard Profiles'!$G$22=$B$24,21,0),0)),0)</f>
        <v>0</v>
      </c>
      <c r="I3937">
        <f t="shared" si="440"/>
        <v>0.41115052387313111</v>
      </c>
      <c r="J3937">
        <f t="shared" si="441"/>
        <v>1.3705017462437705</v>
      </c>
      <c r="K3937">
        <f t="shared" si="442"/>
        <v>2.0557526193656557</v>
      </c>
      <c r="L3937">
        <f t="shared" si="443"/>
        <v>9.8676125729551458</v>
      </c>
      <c r="M3937">
        <f t="shared" si="444"/>
        <v>0</v>
      </c>
      <c r="N3937" s="46">
        <f t="shared" si="445"/>
        <v>45454.624999990534</v>
      </c>
    </row>
    <row r="3938" spans="2:14" x14ac:dyDescent="0.3">
      <c r="B3938">
        <f t="shared" si="439"/>
        <v>2</v>
      </c>
      <c r="C3938" s="16">
        <v>3904</v>
      </c>
      <c r="D3938" cm="1">
        <f t="array" ref="D3938">IFERROR(INDEX(Jesper!AH$2:AH$366,ROUNDDOWN($C3938/24,0)+1,1)*INDEX($D$3:$AA$30,INDEX(Jesper!$R$2:$R$366,ROW(INDEX(Jesper!AH$2:AH$366,ROUNDDOWN($C3938/24,0)+1,1))-1)+IF('Standard Profiles'!$G$18=$B$10,7,0)+IF('Standard Profiles'!$G$18=$B$17,14,0)+IF('Standard Profiles'!$G$18=$B$24,21,0),MOD($C3938,24)+1)/SUM(INDEX($D$3:$AA$30,INDEX(Jesper!$R$2:$R$366,ROW(INDEX(Jesper!AH$2:AH$366,ROUNDDOWN($C3938/24,0)+1,1))-1)+IF('Standard Profiles'!$G$18=$B$10,7,0)+IF('Standard Profiles'!$G$18=$B$17,14,0)+IF('Standard Profiles'!$G$18=$B$24,21,0),0)),0)</f>
        <v>13.705017462437704</v>
      </c>
      <c r="E3938" cm="1">
        <f t="array" ref="E3938">IFERROR(INDEX(Jesper!AI$2:AI$366,ROUNDDOWN($C3938/24,0)+1,1)*INDEX($D$3:$AA$30,INDEX(Jesper!$R$2:$R$366,ROW(INDEX(Jesper!AI$2:AI$366,ROUNDDOWN($C3938/24,0)+1,1))-1)+IF('Standard Profiles'!$G$19=$B$10,7,0)+IF('Standard Profiles'!$G$19=$B$17,14,0)+IF('Standard Profiles'!$G$19=$B$24,21,0),MOD($C3938,24)+1)/SUM(INDEX($D$3:$AA$30,INDEX(Jesper!$R$2:$R$366,ROW(INDEX(Jesper!AI$2:AI$366,ROUNDDOWN($C3938/24,0)+1,1))-1)+IF('Standard Profiles'!$G$19=$B$10,7,0)+IF('Standard Profiles'!$G$19=$B$17,14,0)+IF('Standard Profiles'!$G$19=$B$24,21,0),0)),0)</f>
        <v>0</v>
      </c>
      <c r="F3938" cm="1">
        <f t="array" ref="F3938">IFERROR(INDEX(Jesper!AJ$2:AJ$366,ROUNDDOWN($C3938/24,0)+1,1)*INDEX($D$3:$AA$30,INDEX(Jesper!$R$2:$R$366,ROW(INDEX(Jesper!AJ$2:AJ$366,ROUNDDOWN($C3938/24,0)+1,1))-1)+IF('Standard Profiles'!$G$20=$B$10,7,0)+IF('Standard Profiles'!$G$20=$B$17,14,0)+IF('Standard Profiles'!$G$20=$B$24,21,0),MOD($C3938,24)+1)/SUM(INDEX($D$3:$AA$30,INDEX(Jesper!$R$2:$R$366,ROW(INDEX(Jesper!AJ$2:AJ$366,ROUNDDOWN($C3938/24,0)+1,1))-1)+IF('Standard Profiles'!$G$20=$B$10,7,0)+IF('Standard Profiles'!$G$20=$B$17,14,0)+IF('Standard Profiles'!$G$20=$B$24,21,0),0)),0)</f>
        <v>0</v>
      </c>
      <c r="G3938" cm="1">
        <f t="array" ref="G3938">IFERROR(INDEX(Jesper!AK$2:AK$366,ROUNDDOWN($C3938/24,0)+1,1)*INDEX($D$3:$AA$30,INDEX(Jesper!$R$2:$R$366,ROW(INDEX(Jesper!AK$2:AK$366,ROUNDDOWN($C3938/24,0)+1,1))-1)+IF('Standard Profiles'!$G$21=$B$10,7,0)+IF('Standard Profiles'!$G$21=$B$17,14,0)+IF('Standard Profiles'!$G$21=$B$24,21,0),MOD($C3938,24)+1)/SUM(INDEX($D$3:$AA$30,INDEX(Jesper!$R$2:$R$366,ROW(INDEX(Jesper!AK$2:AK$366,ROUNDDOWN($C3938/24,0)+1,1))-1)+IF('Standard Profiles'!$G$21=$B$10,7,0)+IF('Standard Profiles'!$G$21=$B$17,14,0)+IF('Standard Profiles'!$G$21=$B$24,21,0),0)),0)</f>
        <v>0</v>
      </c>
      <c r="H3938" cm="1">
        <f t="array" ref="H3938">IFERROR(INDEX(Jesper!AL$2:AL$366,ROUNDDOWN($C3938/24,0)+1,1)*INDEX($D$3:$AA$30,INDEX(Jesper!$R$2:$R$366,ROW(INDEX(Jesper!AL$2:AL$366,ROUNDDOWN($C3938/24,0)+1,1))-1)+IF('Standard Profiles'!$G$22=$B$10,7,0)+IF('Standard Profiles'!$G$22=$B$17,14,0)+IF('Standard Profiles'!$G$22=$B$24,21,0),MOD($C3938,24)+1)/SUM(INDEX($D$3:$AA$30,INDEX(Jesper!$R$2:$R$366,ROW(INDEX(Jesper!AL$2:AL$366,ROUNDDOWN($C3938/24,0)+1,1))-1)+IF('Standard Profiles'!$G$22=$B$10,7,0)+IF('Standard Profiles'!$G$22=$B$17,14,0)+IF('Standard Profiles'!$G$22=$B$24,21,0),0)),0)</f>
        <v>0</v>
      </c>
      <c r="I3938">
        <f t="shared" si="440"/>
        <v>0.41115052387313111</v>
      </c>
      <c r="J3938">
        <f t="shared" si="441"/>
        <v>1.3705017462437705</v>
      </c>
      <c r="K3938">
        <f t="shared" si="442"/>
        <v>2.0557526193656557</v>
      </c>
      <c r="L3938">
        <f t="shared" si="443"/>
        <v>9.8676125729551458</v>
      </c>
      <c r="M3938">
        <f t="shared" si="444"/>
        <v>0</v>
      </c>
      <c r="N3938" s="46">
        <f t="shared" si="445"/>
        <v>45454.666666657198</v>
      </c>
    </row>
    <row r="3939" spans="2:14" x14ac:dyDescent="0.3">
      <c r="B3939">
        <f t="shared" ref="B3939:B4002" si="446">WEEKDAY(N3939,2)</f>
        <v>2</v>
      </c>
      <c r="C3939" s="16">
        <v>3905</v>
      </c>
      <c r="D3939" cm="1">
        <f t="array" ref="D3939">IFERROR(INDEX(Jesper!AH$2:AH$366,ROUNDDOWN($C3939/24,0)+1,1)*INDEX($D$3:$AA$30,INDEX(Jesper!$R$2:$R$366,ROW(INDEX(Jesper!AH$2:AH$366,ROUNDDOWN($C3939/24,0)+1,1))-1)+IF('Standard Profiles'!$G$18=$B$10,7,0)+IF('Standard Profiles'!$G$18=$B$17,14,0)+IF('Standard Profiles'!$G$18=$B$24,21,0),MOD($C3939,24)+1)/SUM(INDEX($D$3:$AA$30,INDEX(Jesper!$R$2:$R$366,ROW(INDEX(Jesper!AH$2:AH$366,ROUNDDOWN($C3939/24,0)+1,1))-1)+IF('Standard Profiles'!$G$18=$B$10,7,0)+IF('Standard Profiles'!$G$18=$B$17,14,0)+IF('Standard Profiles'!$G$18=$B$24,21,0),0)),0)</f>
        <v>13.705017462437704</v>
      </c>
      <c r="E3939" cm="1">
        <f t="array" ref="E3939">IFERROR(INDEX(Jesper!AI$2:AI$366,ROUNDDOWN($C3939/24,0)+1,1)*INDEX($D$3:$AA$30,INDEX(Jesper!$R$2:$R$366,ROW(INDEX(Jesper!AI$2:AI$366,ROUNDDOWN($C3939/24,0)+1,1))-1)+IF('Standard Profiles'!$G$19=$B$10,7,0)+IF('Standard Profiles'!$G$19=$B$17,14,0)+IF('Standard Profiles'!$G$19=$B$24,21,0),MOD($C3939,24)+1)/SUM(INDEX($D$3:$AA$30,INDEX(Jesper!$R$2:$R$366,ROW(INDEX(Jesper!AI$2:AI$366,ROUNDDOWN($C3939/24,0)+1,1))-1)+IF('Standard Profiles'!$G$19=$B$10,7,0)+IF('Standard Profiles'!$G$19=$B$17,14,0)+IF('Standard Profiles'!$G$19=$B$24,21,0),0)),0)</f>
        <v>0</v>
      </c>
      <c r="F3939" cm="1">
        <f t="array" ref="F3939">IFERROR(INDEX(Jesper!AJ$2:AJ$366,ROUNDDOWN($C3939/24,0)+1,1)*INDEX($D$3:$AA$30,INDEX(Jesper!$R$2:$R$366,ROW(INDEX(Jesper!AJ$2:AJ$366,ROUNDDOWN($C3939/24,0)+1,1))-1)+IF('Standard Profiles'!$G$20=$B$10,7,0)+IF('Standard Profiles'!$G$20=$B$17,14,0)+IF('Standard Profiles'!$G$20=$B$24,21,0),MOD($C3939,24)+1)/SUM(INDEX($D$3:$AA$30,INDEX(Jesper!$R$2:$R$366,ROW(INDEX(Jesper!AJ$2:AJ$366,ROUNDDOWN($C3939/24,0)+1,1))-1)+IF('Standard Profiles'!$G$20=$B$10,7,0)+IF('Standard Profiles'!$G$20=$B$17,14,0)+IF('Standard Profiles'!$G$20=$B$24,21,0),0)),0)</f>
        <v>0</v>
      </c>
      <c r="G3939" cm="1">
        <f t="array" ref="G3939">IFERROR(INDEX(Jesper!AK$2:AK$366,ROUNDDOWN($C3939/24,0)+1,1)*INDEX($D$3:$AA$30,INDEX(Jesper!$R$2:$R$366,ROW(INDEX(Jesper!AK$2:AK$366,ROUNDDOWN($C3939/24,0)+1,1))-1)+IF('Standard Profiles'!$G$21=$B$10,7,0)+IF('Standard Profiles'!$G$21=$B$17,14,0)+IF('Standard Profiles'!$G$21=$B$24,21,0),MOD($C3939,24)+1)/SUM(INDEX($D$3:$AA$30,INDEX(Jesper!$R$2:$R$366,ROW(INDEX(Jesper!AK$2:AK$366,ROUNDDOWN($C3939/24,0)+1,1))-1)+IF('Standard Profiles'!$G$21=$B$10,7,0)+IF('Standard Profiles'!$G$21=$B$17,14,0)+IF('Standard Profiles'!$G$21=$B$24,21,0),0)),0)</f>
        <v>0</v>
      </c>
      <c r="H3939" cm="1">
        <f t="array" ref="H3939">IFERROR(INDEX(Jesper!AL$2:AL$366,ROUNDDOWN($C3939/24,0)+1,1)*INDEX($D$3:$AA$30,INDEX(Jesper!$R$2:$R$366,ROW(INDEX(Jesper!AL$2:AL$366,ROUNDDOWN($C3939/24,0)+1,1))-1)+IF('Standard Profiles'!$G$22=$B$10,7,0)+IF('Standard Profiles'!$G$22=$B$17,14,0)+IF('Standard Profiles'!$G$22=$B$24,21,0),MOD($C3939,24)+1)/SUM(INDEX($D$3:$AA$30,INDEX(Jesper!$R$2:$R$366,ROW(INDEX(Jesper!AL$2:AL$366,ROUNDDOWN($C3939/24,0)+1,1))-1)+IF('Standard Profiles'!$G$22=$B$10,7,0)+IF('Standard Profiles'!$G$22=$B$17,14,0)+IF('Standard Profiles'!$G$22=$B$24,21,0),0)),0)</f>
        <v>0</v>
      </c>
      <c r="I3939">
        <f t="shared" ref="I3939:I4002" si="447">IF($B3939&lt;6,AC$37*$D3939+AC$38*$E3939+AC$39*$F3939+AC$40*$G3939,AC$46*$D3939+AC$47*$E3939+AC$48*$F3939+AC$49*$G3939+AC$50*$H3939)</f>
        <v>0.41115052387313111</v>
      </c>
      <c r="J3939">
        <f t="shared" ref="J3939:J4002" si="448">IF($B3939&lt;6,AD$37*$D3939+AD$38*$E3939+AD$39*$F3939+AD$40*$G3939,AD$46*$D3939+AD$47*$E3939+AD$48*$F3939+AD$49*$G3939+AD$50*$H3939)</f>
        <v>1.3705017462437705</v>
      </c>
      <c r="K3939">
        <f t="shared" ref="K3939:K4002" si="449">IF($B3939&lt;6,AE$37*$D3939+AE$38*$E3939+AE$39*$F3939+AE$40*$G3939,AE$46*$D3939+AE$47*$E3939+AE$48*$F3939+AE$49*$G3939+AE$50*$H3939)</f>
        <v>2.0557526193656557</v>
      </c>
      <c r="L3939">
        <f t="shared" ref="L3939:L4002" si="450">IF($B3939&lt;6,AF$37*$D3939+AF$38*$E3939+AF$39*$F3939+AF$40*$G3939,AF$46*$D3939+AF$47*$E3939+AF$48*$F3939+AF$49*$G3939+AF$50*$H3939)</f>
        <v>9.8676125729551458</v>
      </c>
      <c r="M3939">
        <f t="shared" ref="M3939:M4002" si="451">IF($B3939&lt;6,AG$37*$D3939+AG$38*$E3939+AG$39*$F3939+AG$40*$G3939,AG$46*$D3939+AG$47*$E3939+AG$48*$F3939+AG$49*$G3939+AG$50*$H3939)</f>
        <v>0</v>
      </c>
      <c r="N3939" s="46">
        <f t="shared" si="445"/>
        <v>45454.708333323862</v>
      </c>
    </row>
    <row r="3940" spans="2:14" x14ac:dyDescent="0.3">
      <c r="B3940">
        <f t="shared" si="446"/>
        <v>2</v>
      </c>
      <c r="C3940" s="16">
        <v>3906</v>
      </c>
      <c r="D3940" cm="1">
        <f t="array" ref="D3940">IFERROR(INDEX(Jesper!AH$2:AH$366,ROUNDDOWN($C3940/24,0)+1,1)*INDEX($D$3:$AA$30,INDEX(Jesper!$R$2:$R$366,ROW(INDEX(Jesper!AH$2:AH$366,ROUNDDOWN($C3940/24,0)+1,1))-1)+IF('Standard Profiles'!$G$18=$B$10,7,0)+IF('Standard Profiles'!$G$18=$B$17,14,0)+IF('Standard Profiles'!$G$18=$B$24,21,0),MOD($C3940,24)+1)/SUM(INDEX($D$3:$AA$30,INDEX(Jesper!$R$2:$R$366,ROW(INDEX(Jesper!AH$2:AH$366,ROUNDDOWN($C3940/24,0)+1,1))-1)+IF('Standard Profiles'!$G$18=$B$10,7,0)+IF('Standard Profiles'!$G$18=$B$17,14,0)+IF('Standard Profiles'!$G$18=$B$24,21,0),0)),0)</f>
        <v>13.705017462437704</v>
      </c>
      <c r="E3940" cm="1">
        <f t="array" ref="E3940">IFERROR(INDEX(Jesper!AI$2:AI$366,ROUNDDOWN($C3940/24,0)+1,1)*INDEX($D$3:$AA$30,INDEX(Jesper!$R$2:$R$366,ROW(INDEX(Jesper!AI$2:AI$366,ROUNDDOWN($C3940/24,0)+1,1))-1)+IF('Standard Profiles'!$G$19=$B$10,7,0)+IF('Standard Profiles'!$G$19=$B$17,14,0)+IF('Standard Profiles'!$G$19=$B$24,21,0),MOD($C3940,24)+1)/SUM(INDEX($D$3:$AA$30,INDEX(Jesper!$R$2:$R$366,ROW(INDEX(Jesper!AI$2:AI$366,ROUNDDOWN($C3940/24,0)+1,1))-1)+IF('Standard Profiles'!$G$19=$B$10,7,0)+IF('Standard Profiles'!$G$19=$B$17,14,0)+IF('Standard Profiles'!$G$19=$B$24,21,0),0)),0)</f>
        <v>0</v>
      </c>
      <c r="F3940" cm="1">
        <f t="array" ref="F3940">IFERROR(INDEX(Jesper!AJ$2:AJ$366,ROUNDDOWN($C3940/24,0)+1,1)*INDEX($D$3:$AA$30,INDEX(Jesper!$R$2:$R$366,ROW(INDEX(Jesper!AJ$2:AJ$366,ROUNDDOWN($C3940/24,0)+1,1))-1)+IF('Standard Profiles'!$G$20=$B$10,7,0)+IF('Standard Profiles'!$G$20=$B$17,14,0)+IF('Standard Profiles'!$G$20=$B$24,21,0),MOD($C3940,24)+1)/SUM(INDEX($D$3:$AA$30,INDEX(Jesper!$R$2:$R$366,ROW(INDEX(Jesper!AJ$2:AJ$366,ROUNDDOWN($C3940/24,0)+1,1))-1)+IF('Standard Profiles'!$G$20=$B$10,7,0)+IF('Standard Profiles'!$G$20=$B$17,14,0)+IF('Standard Profiles'!$G$20=$B$24,21,0),0)),0)</f>
        <v>0</v>
      </c>
      <c r="G3940" cm="1">
        <f t="array" ref="G3940">IFERROR(INDEX(Jesper!AK$2:AK$366,ROUNDDOWN($C3940/24,0)+1,1)*INDEX($D$3:$AA$30,INDEX(Jesper!$R$2:$R$366,ROW(INDEX(Jesper!AK$2:AK$366,ROUNDDOWN($C3940/24,0)+1,1))-1)+IF('Standard Profiles'!$G$21=$B$10,7,0)+IF('Standard Profiles'!$G$21=$B$17,14,0)+IF('Standard Profiles'!$G$21=$B$24,21,0),MOD($C3940,24)+1)/SUM(INDEX($D$3:$AA$30,INDEX(Jesper!$R$2:$R$366,ROW(INDEX(Jesper!AK$2:AK$366,ROUNDDOWN($C3940/24,0)+1,1))-1)+IF('Standard Profiles'!$G$21=$B$10,7,0)+IF('Standard Profiles'!$G$21=$B$17,14,0)+IF('Standard Profiles'!$G$21=$B$24,21,0),0)),0)</f>
        <v>0</v>
      </c>
      <c r="H3940" cm="1">
        <f t="array" ref="H3940">IFERROR(INDEX(Jesper!AL$2:AL$366,ROUNDDOWN($C3940/24,0)+1,1)*INDEX($D$3:$AA$30,INDEX(Jesper!$R$2:$R$366,ROW(INDEX(Jesper!AL$2:AL$366,ROUNDDOWN($C3940/24,0)+1,1))-1)+IF('Standard Profiles'!$G$22=$B$10,7,0)+IF('Standard Profiles'!$G$22=$B$17,14,0)+IF('Standard Profiles'!$G$22=$B$24,21,0),MOD($C3940,24)+1)/SUM(INDEX($D$3:$AA$30,INDEX(Jesper!$R$2:$R$366,ROW(INDEX(Jesper!AL$2:AL$366,ROUNDDOWN($C3940/24,0)+1,1))-1)+IF('Standard Profiles'!$G$22=$B$10,7,0)+IF('Standard Profiles'!$G$22=$B$17,14,0)+IF('Standard Profiles'!$G$22=$B$24,21,0),0)),0)</f>
        <v>0</v>
      </c>
      <c r="I3940">
        <f t="shared" si="447"/>
        <v>0.41115052387313111</v>
      </c>
      <c r="J3940">
        <f t="shared" si="448"/>
        <v>1.3705017462437705</v>
      </c>
      <c r="K3940">
        <f t="shared" si="449"/>
        <v>2.0557526193656557</v>
      </c>
      <c r="L3940">
        <f t="shared" si="450"/>
        <v>9.8676125729551458</v>
      </c>
      <c r="M3940">
        <f t="shared" si="451"/>
        <v>0</v>
      </c>
      <c r="N3940" s="46">
        <f t="shared" ref="N3940:N4003" si="452">N3939+1/24</f>
        <v>45454.749999990527</v>
      </c>
    </row>
    <row r="3941" spans="2:14" x14ac:dyDescent="0.3">
      <c r="B3941">
        <f t="shared" si="446"/>
        <v>2</v>
      </c>
      <c r="C3941" s="16">
        <v>3907</v>
      </c>
      <c r="D3941" cm="1">
        <f t="array" ref="D3941">IFERROR(INDEX(Jesper!AH$2:AH$366,ROUNDDOWN($C3941/24,0)+1,1)*INDEX($D$3:$AA$30,INDEX(Jesper!$R$2:$R$366,ROW(INDEX(Jesper!AH$2:AH$366,ROUNDDOWN($C3941/24,0)+1,1))-1)+IF('Standard Profiles'!$G$18=$B$10,7,0)+IF('Standard Profiles'!$G$18=$B$17,14,0)+IF('Standard Profiles'!$G$18=$B$24,21,0),MOD($C3941,24)+1)/SUM(INDEX($D$3:$AA$30,INDEX(Jesper!$R$2:$R$366,ROW(INDEX(Jesper!AH$2:AH$366,ROUNDDOWN($C3941/24,0)+1,1))-1)+IF('Standard Profiles'!$G$18=$B$10,7,0)+IF('Standard Profiles'!$G$18=$B$17,14,0)+IF('Standard Profiles'!$G$18=$B$24,21,0),0)),0)</f>
        <v>11.477952124791578</v>
      </c>
      <c r="E3941" cm="1">
        <f t="array" ref="E3941">IFERROR(INDEX(Jesper!AI$2:AI$366,ROUNDDOWN($C3941/24,0)+1,1)*INDEX($D$3:$AA$30,INDEX(Jesper!$R$2:$R$366,ROW(INDEX(Jesper!AI$2:AI$366,ROUNDDOWN($C3941/24,0)+1,1))-1)+IF('Standard Profiles'!$G$19=$B$10,7,0)+IF('Standard Profiles'!$G$19=$B$17,14,0)+IF('Standard Profiles'!$G$19=$B$24,21,0),MOD($C3941,24)+1)/SUM(INDEX($D$3:$AA$30,INDEX(Jesper!$R$2:$R$366,ROW(INDEX(Jesper!AI$2:AI$366,ROUNDDOWN($C3941/24,0)+1,1))-1)+IF('Standard Profiles'!$G$19=$B$10,7,0)+IF('Standard Profiles'!$G$19=$B$17,14,0)+IF('Standard Profiles'!$G$19=$B$24,21,0),0)),0)</f>
        <v>0</v>
      </c>
      <c r="F3941" cm="1">
        <f t="array" ref="F3941">IFERROR(INDEX(Jesper!AJ$2:AJ$366,ROUNDDOWN($C3941/24,0)+1,1)*INDEX($D$3:$AA$30,INDEX(Jesper!$R$2:$R$366,ROW(INDEX(Jesper!AJ$2:AJ$366,ROUNDDOWN($C3941/24,0)+1,1))-1)+IF('Standard Profiles'!$G$20=$B$10,7,0)+IF('Standard Profiles'!$G$20=$B$17,14,0)+IF('Standard Profiles'!$G$20=$B$24,21,0),MOD($C3941,24)+1)/SUM(INDEX($D$3:$AA$30,INDEX(Jesper!$R$2:$R$366,ROW(INDEX(Jesper!AJ$2:AJ$366,ROUNDDOWN($C3941/24,0)+1,1))-1)+IF('Standard Profiles'!$G$20=$B$10,7,0)+IF('Standard Profiles'!$G$20=$B$17,14,0)+IF('Standard Profiles'!$G$20=$B$24,21,0),0)),0)</f>
        <v>0</v>
      </c>
      <c r="G3941" cm="1">
        <f t="array" ref="G3941">IFERROR(INDEX(Jesper!AK$2:AK$366,ROUNDDOWN($C3941/24,0)+1,1)*INDEX($D$3:$AA$30,INDEX(Jesper!$R$2:$R$366,ROW(INDEX(Jesper!AK$2:AK$366,ROUNDDOWN($C3941/24,0)+1,1))-1)+IF('Standard Profiles'!$G$21=$B$10,7,0)+IF('Standard Profiles'!$G$21=$B$17,14,0)+IF('Standard Profiles'!$G$21=$B$24,21,0),MOD($C3941,24)+1)/SUM(INDEX($D$3:$AA$30,INDEX(Jesper!$R$2:$R$366,ROW(INDEX(Jesper!AK$2:AK$366,ROUNDDOWN($C3941/24,0)+1,1))-1)+IF('Standard Profiles'!$G$21=$B$10,7,0)+IF('Standard Profiles'!$G$21=$B$17,14,0)+IF('Standard Profiles'!$G$21=$B$24,21,0),0)),0)</f>
        <v>0</v>
      </c>
      <c r="H3941" cm="1">
        <f t="array" ref="H3941">IFERROR(INDEX(Jesper!AL$2:AL$366,ROUNDDOWN($C3941/24,0)+1,1)*INDEX($D$3:$AA$30,INDEX(Jesper!$R$2:$R$366,ROW(INDEX(Jesper!AL$2:AL$366,ROUNDDOWN($C3941/24,0)+1,1))-1)+IF('Standard Profiles'!$G$22=$B$10,7,0)+IF('Standard Profiles'!$G$22=$B$17,14,0)+IF('Standard Profiles'!$G$22=$B$24,21,0),MOD($C3941,24)+1)/SUM(INDEX($D$3:$AA$30,INDEX(Jesper!$R$2:$R$366,ROW(INDEX(Jesper!AL$2:AL$366,ROUNDDOWN($C3941/24,0)+1,1))-1)+IF('Standard Profiles'!$G$22=$B$10,7,0)+IF('Standard Profiles'!$G$22=$B$17,14,0)+IF('Standard Profiles'!$G$22=$B$24,21,0),0)),0)</f>
        <v>0</v>
      </c>
      <c r="I3941">
        <f t="shared" si="447"/>
        <v>0.34433856374374733</v>
      </c>
      <c r="J3941">
        <f t="shared" si="448"/>
        <v>1.1477952124791579</v>
      </c>
      <c r="K3941">
        <f t="shared" si="449"/>
        <v>1.7216928187187366</v>
      </c>
      <c r="L3941">
        <f t="shared" si="450"/>
        <v>8.2641255298499363</v>
      </c>
      <c r="M3941">
        <f t="shared" si="451"/>
        <v>0</v>
      </c>
      <c r="N3941" s="46">
        <f t="shared" si="452"/>
        <v>45454.791666657191</v>
      </c>
    </row>
    <row r="3942" spans="2:14" x14ac:dyDescent="0.3">
      <c r="B3942">
        <f t="shared" si="446"/>
        <v>2</v>
      </c>
      <c r="C3942" s="16">
        <v>3908</v>
      </c>
      <c r="D3942" cm="1">
        <f t="array" ref="D3942">IFERROR(INDEX(Jesper!AH$2:AH$366,ROUNDDOWN($C3942/24,0)+1,1)*INDEX($D$3:$AA$30,INDEX(Jesper!$R$2:$R$366,ROW(INDEX(Jesper!AH$2:AH$366,ROUNDDOWN($C3942/24,0)+1,1))-1)+IF('Standard Profiles'!$G$18=$B$10,7,0)+IF('Standard Profiles'!$G$18=$B$17,14,0)+IF('Standard Profiles'!$G$18=$B$24,21,0),MOD($C3942,24)+1)/SUM(INDEX($D$3:$AA$30,INDEX(Jesper!$R$2:$R$366,ROW(INDEX(Jesper!AH$2:AH$366,ROUNDDOWN($C3942/24,0)+1,1))-1)+IF('Standard Profiles'!$G$18=$B$10,7,0)+IF('Standard Profiles'!$G$18=$B$17,14,0)+IF('Standard Profiles'!$G$18=$B$24,21,0),0)),0)</f>
        <v>9.4221995054259207</v>
      </c>
      <c r="E3942" cm="1">
        <f t="array" ref="E3942">IFERROR(INDEX(Jesper!AI$2:AI$366,ROUNDDOWN($C3942/24,0)+1,1)*INDEX($D$3:$AA$30,INDEX(Jesper!$R$2:$R$366,ROW(INDEX(Jesper!AI$2:AI$366,ROUNDDOWN($C3942/24,0)+1,1))-1)+IF('Standard Profiles'!$G$19=$B$10,7,0)+IF('Standard Profiles'!$G$19=$B$17,14,0)+IF('Standard Profiles'!$G$19=$B$24,21,0),MOD($C3942,24)+1)/SUM(INDEX($D$3:$AA$30,INDEX(Jesper!$R$2:$R$366,ROW(INDEX(Jesper!AI$2:AI$366,ROUNDDOWN($C3942/24,0)+1,1))-1)+IF('Standard Profiles'!$G$19=$B$10,7,0)+IF('Standard Profiles'!$G$19=$B$17,14,0)+IF('Standard Profiles'!$G$19=$B$24,21,0),0)),0)</f>
        <v>0</v>
      </c>
      <c r="F3942" cm="1">
        <f t="array" ref="F3942">IFERROR(INDEX(Jesper!AJ$2:AJ$366,ROUNDDOWN($C3942/24,0)+1,1)*INDEX($D$3:$AA$30,INDEX(Jesper!$R$2:$R$366,ROW(INDEX(Jesper!AJ$2:AJ$366,ROUNDDOWN($C3942/24,0)+1,1))-1)+IF('Standard Profiles'!$G$20=$B$10,7,0)+IF('Standard Profiles'!$G$20=$B$17,14,0)+IF('Standard Profiles'!$G$20=$B$24,21,0),MOD($C3942,24)+1)/SUM(INDEX($D$3:$AA$30,INDEX(Jesper!$R$2:$R$366,ROW(INDEX(Jesper!AJ$2:AJ$366,ROUNDDOWN($C3942/24,0)+1,1))-1)+IF('Standard Profiles'!$G$20=$B$10,7,0)+IF('Standard Profiles'!$G$20=$B$17,14,0)+IF('Standard Profiles'!$G$20=$B$24,21,0),0)),0)</f>
        <v>0</v>
      </c>
      <c r="G3942" cm="1">
        <f t="array" ref="G3942">IFERROR(INDEX(Jesper!AK$2:AK$366,ROUNDDOWN($C3942/24,0)+1,1)*INDEX($D$3:$AA$30,INDEX(Jesper!$R$2:$R$366,ROW(INDEX(Jesper!AK$2:AK$366,ROUNDDOWN($C3942/24,0)+1,1))-1)+IF('Standard Profiles'!$G$21=$B$10,7,0)+IF('Standard Profiles'!$G$21=$B$17,14,0)+IF('Standard Profiles'!$G$21=$B$24,21,0),MOD($C3942,24)+1)/SUM(INDEX($D$3:$AA$30,INDEX(Jesper!$R$2:$R$366,ROW(INDEX(Jesper!AK$2:AK$366,ROUNDDOWN($C3942/24,0)+1,1))-1)+IF('Standard Profiles'!$G$21=$B$10,7,0)+IF('Standard Profiles'!$G$21=$B$17,14,0)+IF('Standard Profiles'!$G$21=$B$24,21,0),0)),0)</f>
        <v>0</v>
      </c>
      <c r="H3942" cm="1">
        <f t="array" ref="H3942">IFERROR(INDEX(Jesper!AL$2:AL$366,ROUNDDOWN($C3942/24,0)+1,1)*INDEX($D$3:$AA$30,INDEX(Jesper!$R$2:$R$366,ROW(INDEX(Jesper!AL$2:AL$366,ROUNDDOWN($C3942/24,0)+1,1))-1)+IF('Standard Profiles'!$G$22=$B$10,7,0)+IF('Standard Profiles'!$G$22=$B$17,14,0)+IF('Standard Profiles'!$G$22=$B$24,21,0),MOD($C3942,24)+1)/SUM(INDEX($D$3:$AA$30,INDEX(Jesper!$R$2:$R$366,ROW(INDEX(Jesper!AL$2:AL$366,ROUNDDOWN($C3942/24,0)+1,1))-1)+IF('Standard Profiles'!$G$22=$B$10,7,0)+IF('Standard Profiles'!$G$22=$B$17,14,0)+IF('Standard Profiles'!$G$22=$B$24,21,0),0)),0)</f>
        <v>0</v>
      </c>
      <c r="I3942">
        <f t="shared" si="447"/>
        <v>0.28266598516277763</v>
      </c>
      <c r="J3942">
        <f t="shared" si="448"/>
        <v>0.94221995054259211</v>
      </c>
      <c r="K3942">
        <f t="shared" si="449"/>
        <v>1.4133299258138881</v>
      </c>
      <c r="L3942">
        <f t="shared" si="450"/>
        <v>6.7839836439066623</v>
      </c>
      <c r="M3942">
        <f t="shared" si="451"/>
        <v>0</v>
      </c>
      <c r="N3942" s="46">
        <f t="shared" si="452"/>
        <v>45454.833333323855</v>
      </c>
    </row>
    <row r="3943" spans="2:14" x14ac:dyDescent="0.3">
      <c r="B3943">
        <f t="shared" si="446"/>
        <v>2</v>
      </c>
      <c r="C3943" s="16">
        <v>3909</v>
      </c>
      <c r="D3943" cm="1">
        <f t="array" ref="D3943">IFERROR(INDEX(Jesper!AH$2:AH$366,ROUNDDOWN($C3943/24,0)+1,1)*INDEX($D$3:$AA$30,INDEX(Jesper!$R$2:$R$366,ROW(INDEX(Jesper!AH$2:AH$366,ROUNDDOWN($C3943/24,0)+1,1))-1)+IF('Standard Profiles'!$G$18=$B$10,7,0)+IF('Standard Profiles'!$G$18=$B$17,14,0)+IF('Standard Profiles'!$G$18=$B$24,21,0),MOD($C3943,24)+1)/SUM(INDEX($D$3:$AA$30,INDEX(Jesper!$R$2:$R$366,ROW(INDEX(Jesper!AH$2:AH$366,ROUNDDOWN($C3943/24,0)+1,1))-1)+IF('Standard Profiles'!$G$18=$B$10,7,0)+IF('Standard Profiles'!$G$18=$B$17,14,0)+IF('Standard Profiles'!$G$18=$B$24,21,0),0)),0)</f>
        <v>6.852508731218852</v>
      </c>
      <c r="E3943" cm="1">
        <f t="array" ref="E3943">IFERROR(INDEX(Jesper!AI$2:AI$366,ROUNDDOWN($C3943/24,0)+1,1)*INDEX($D$3:$AA$30,INDEX(Jesper!$R$2:$R$366,ROW(INDEX(Jesper!AI$2:AI$366,ROUNDDOWN($C3943/24,0)+1,1))-1)+IF('Standard Profiles'!$G$19=$B$10,7,0)+IF('Standard Profiles'!$G$19=$B$17,14,0)+IF('Standard Profiles'!$G$19=$B$24,21,0),MOD($C3943,24)+1)/SUM(INDEX($D$3:$AA$30,INDEX(Jesper!$R$2:$R$366,ROW(INDEX(Jesper!AI$2:AI$366,ROUNDDOWN($C3943/24,0)+1,1))-1)+IF('Standard Profiles'!$G$19=$B$10,7,0)+IF('Standard Profiles'!$G$19=$B$17,14,0)+IF('Standard Profiles'!$G$19=$B$24,21,0),0)),0)</f>
        <v>0</v>
      </c>
      <c r="F3943" cm="1">
        <f t="array" ref="F3943">IFERROR(INDEX(Jesper!AJ$2:AJ$366,ROUNDDOWN($C3943/24,0)+1,1)*INDEX($D$3:$AA$30,INDEX(Jesper!$R$2:$R$366,ROW(INDEX(Jesper!AJ$2:AJ$366,ROUNDDOWN($C3943/24,0)+1,1))-1)+IF('Standard Profiles'!$G$20=$B$10,7,0)+IF('Standard Profiles'!$G$20=$B$17,14,0)+IF('Standard Profiles'!$G$20=$B$24,21,0),MOD($C3943,24)+1)/SUM(INDEX($D$3:$AA$30,INDEX(Jesper!$R$2:$R$366,ROW(INDEX(Jesper!AJ$2:AJ$366,ROUNDDOWN($C3943/24,0)+1,1))-1)+IF('Standard Profiles'!$G$20=$B$10,7,0)+IF('Standard Profiles'!$G$20=$B$17,14,0)+IF('Standard Profiles'!$G$20=$B$24,21,0),0)),0)</f>
        <v>0</v>
      </c>
      <c r="G3943" cm="1">
        <f t="array" ref="G3943">IFERROR(INDEX(Jesper!AK$2:AK$366,ROUNDDOWN($C3943/24,0)+1,1)*INDEX($D$3:$AA$30,INDEX(Jesper!$R$2:$R$366,ROW(INDEX(Jesper!AK$2:AK$366,ROUNDDOWN($C3943/24,0)+1,1))-1)+IF('Standard Profiles'!$G$21=$B$10,7,0)+IF('Standard Profiles'!$G$21=$B$17,14,0)+IF('Standard Profiles'!$G$21=$B$24,21,0),MOD($C3943,24)+1)/SUM(INDEX($D$3:$AA$30,INDEX(Jesper!$R$2:$R$366,ROW(INDEX(Jesper!AK$2:AK$366,ROUNDDOWN($C3943/24,0)+1,1))-1)+IF('Standard Profiles'!$G$21=$B$10,7,0)+IF('Standard Profiles'!$G$21=$B$17,14,0)+IF('Standard Profiles'!$G$21=$B$24,21,0),0)),0)</f>
        <v>0</v>
      </c>
      <c r="H3943" cm="1">
        <f t="array" ref="H3943">IFERROR(INDEX(Jesper!AL$2:AL$366,ROUNDDOWN($C3943/24,0)+1,1)*INDEX($D$3:$AA$30,INDEX(Jesper!$R$2:$R$366,ROW(INDEX(Jesper!AL$2:AL$366,ROUNDDOWN($C3943/24,0)+1,1))-1)+IF('Standard Profiles'!$G$22=$B$10,7,0)+IF('Standard Profiles'!$G$22=$B$17,14,0)+IF('Standard Profiles'!$G$22=$B$24,21,0),MOD($C3943,24)+1)/SUM(INDEX($D$3:$AA$30,INDEX(Jesper!$R$2:$R$366,ROW(INDEX(Jesper!AL$2:AL$366,ROUNDDOWN($C3943/24,0)+1,1))-1)+IF('Standard Profiles'!$G$22=$B$10,7,0)+IF('Standard Profiles'!$G$22=$B$17,14,0)+IF('Standard Profiles'!$G$22=$B$24,21,0),0)),0)</f>
        <v>0</v>
      </c>
      <c r="I3943">
        <f t="shared" si="447"/>
        <v>0.20557526193656556</v>
      </c>
      <c r="J3943">
        <f t="shared" si="448"/>
        <v>0.68525087312188526</v>
      </c>
      <c r="K3943">
        <f t="shared" si="449"/>
        <v>1.0278763096828278</v>
      </c>
      <c r="L3943">
        <f t="shared" si="450"/>
        <v>4.9338062864775729</v>
      </c>
      <c r="M3943">
        <f t="shared" si="451"/>
        <v>0</v>
      </c>
      <c r="N3943" s="46">
        <f t="shared" si="452"/>
        <v>45454.874999990519</v>
      </c>
    </row>
    <row r="3944" spans="2:14" x14ac:dyDescent="0.3">
      <c r="B3944">
        <f t="shared" si="446"/>
        <v>2</v>
      </c>
      <c r="C3944" s="16">
        <v>3910</v>
      </c>
      <c r="D3944" cm="1">
        <f t="array" ref="D3944">IFERROR(INDEX(Jesper!AH$2:AH$366,ROUNDDOWN($C3944/24,0)+1,1)*INDEX($D$3:$AA$30,INDEX(Jesper!$R$2:$R$366,ROW(INDEX(Jesper!AH$2:AH$366,ROUNDDOWN($C3944/24,0)+1,1))-1)+IF('Standard Profiles'!$G$18=$B$10,7,0)+IF('Standard Profiles'!$G$18=$B$17,14,0)+IF('Standard Profiles'!$G$18=$B$24,21,0),MOD($C3944,24)+1)/SUM(INDEX($D$3:$AA$30,INDEX(Jesper!$R$2:$R$366,ROW(INDEX(Jesper!AH$2:AH$366,ROUNDDOWN($C3944/24,0)+1,1))-1)+IF('Standard Profiles'!$G$18=$B$10,7,0)+IF('Standard Profiles'!$G$18=$B$17,14,0)+IF('Standard Profiles'!$G$18=$B$24,21,0),0)),0)</f>
        <v>6.852508731218852</v>
      </c>
      <c r="E3944" cm="1">
        <f t="array" ref="E3944">IFERROR(INDEX(Jesper!AI$2:AI$366,ROUNDDOWN($C3944/24,0)+1,1)*INDEX($D$3:$AA$30,INDEX(Jesper!$R$2:$R$366,ROW(INDEX(Jesper!AI$2:AI$366,ROUNDDOWN($C3944/24,0)+1,1))-1)+IF('Standard Profiles'!$G$19=$B$10,7,0)+IF('Standard Profiles'!$G$19=$B$17,14,0)+IF('Standard Profiles'!$G$19=$B$24,21,0),MOD($C3944,24)+1)/SUM(INDEX($D$3:$AA$30,INDEX(Jesper!$R$2:$R$366,ROW(INDEX(Jesper!AI$2:AI$366,ROUNDDOWN($C3944/24,0)+1,1))-1)+IF('Standard Profiles'!$G$19=$B$10,7,0)+IF('Standard Profiles'!$G$19=$B$17,14,0)+IF('Standard Profiles'!$G$19=$B$24,21,0),0)),0)</f>
        <v>0</v>
      </c>
      <c r="F3944" cm="1">
        <f t="array" ref="F3944">IFERROR(INDEX(Jesper!AJ$2:AJ$366,ROUNDDOWN($C3944/24,0)+1,1)*INDEX($D$3:$AA$30,INDEX(Jesper!$R$2:$R$366,ROW(INDEX(Jesper!AJ$2:AJ$366,ROUNDDOWN($C3944/24,0)+1,1))-1)+IF('Standard Profiles'!$G$20=$B$10,7,0)+IF('Standard Profiles'!$G$20=$B$17,14,0)+IF('Standard Profiles'!$G$20=$B$24,21,0),MOD($C3944,24)+1)/SUM(INDEX($D$3:$AA$30,INDEX(Jesper!$R$2:$R$366,ROW(INDEX(Jesper!AJ$2:AJ$366,ROUNDDOWN($C3944/24,0)+1,1))-1)+IF('Standard Profiles'!$G$20=$B$10,7,0)+IF('Standard Profiles'!$G$20=$B$17,14,0)+IF('Standard Profiles'!$G$20=$B$24,21,0),0)),0)</f>
        <v>0</v>
      </c>
      <c r="G3944" cm="1">
        <f t="array" ref="G3944">IFERROR(INDEX(Jesper!AK$2:AK$366,ROUNDDOWN($C3944/24,0)+1,1)*INDEX($D$3:$AA$30,INDEX(Jesper!$R$2:$R$366,ROW(INDEX(Jesper!AK$2:AK$366,ROUNDDOWN($C3944/24,0)+1,1))-1)+IF('Standard Profiles'!$G$21=$B$10,7,0)+IF('Standard Profiles'!$G$21=$B$17,14,0)+IF('Standard Profiles'!$G$21=$B$24,21,0),MOD($C3944,24)+1)/SUM(INDEX($D$3:$AA$30,INDEX(Jesper!$R$2:$R$366,ROW(INDEX(Jesper!AK$2:AK$366,ROUNDDOWN($C3944/24,0)+1,1))-1)+IF('Standard Profiles'!$G$21=$B$10,7,0)+IF('Standard Profiles'!$G$21=$B$17,14,0)+IF('Standard Profiles'!$G$21=$B$24,21,0),0)),0)</f>
        <v>0</v>
      </c>
      <c r="H3944" cm="1">
        <f t="array" ref="H3944">IFERROR(INDEX(Jesper!AL$2:AL$366,ROUNDDOWN($C3944/24,0)+1,1)*INDEX($D$3:$AA$30,INDEX(Jesper!$R$2:$R$366,ROW(INDEX(Jesper!AL$2:AL$366,ROUNDDOWN($C3944/24,0)+1,1))-1)+IF('Standard Profiles'!$G$22=$B$10,7,0)+IF('Standard Profiles'!$G$22=$B$17,14,0)+IF('Standard Profiles'!$G$22=$B$24,21,0),MOD($C3944,24)+1)/SUM(INDEX($D$3:$AA$30,INDEX(Jesper!$R$2:$R$366,ROW(INDEX(Jesper!AL$2:AL$366,ROUNDDOWN($C3944/24,0)+1,1))-1)+IF('Standard Profiles'!$G$22=$B$10,7,0)+IF('Standard Profiles'!$G$22=$B$17,14,0)+IF('Standard Profiles'!$G$22=$B$24,21,0),0)),0)</f>
        <v>0</v>
      </c>
      <c r="I3944">
        <f t="shared" si="447"/>
        <v>0.20557526193656556</v>
      </c>
      <c r="J3944">
        <f t="shared" si="448"/>
        <v>0.68525087312188526</v>
      </c>
      <c r="K3944">
        <f t="shared" si="449"/>
        <v>1.0278763096828278</v>
      </c>
      <c r="L3944">
        <f t="shared" si="450"/>
        <v>4.9338062864775729</v>
      </c>
      <c r="M3944">
        <f t="shared" si="451"/>
        <v>0</v>
      </c>
      <c r="N3944" s="46">
        <f t="shared" si="452"/>
        <v>45454.916666657184</v>
      </c>
    </row>
    <row r="3945" spans="2:14" x14ac:dyDescent="0.3">
      <c r="B3945">
        <f t="shared" si="446"/>
        <v>2</v>
      </c>
      <c r="C3945" s="16">
        <v>3911</v>
      </c>
      <c r="D3945" cm="1">
        <f t="array" ref="D3945">IFERROR(INDEX(Jesper!AH$2:AH$366,ROUNDDOWN($C3945/24,0)+1,1)*INDEX($D$3:$AA$30,INDEX(Jesper!$R$2:$R$366,ROW(INDEX(Jesper!AH$2:AH$366,ROUNDDOWN($C3945/24,0)+1,1))-1)+IF('Standard Profiles'!$G$18=$B$10,7,0)+IF('Standard Profiles'!$G$18=$B$17,14,0)+IF('Standard Profiles'!$G$18=$B$24,21,0),MOD($C3945,24)+1)/SUM(INDEX($D$3:$AA$30,INDEX(Jesper!$R$2:$R$366,ROW(INDEX(Jesper!AH$2:AH$366,ROUNDDOWN($C3945/24,0)+1,1))-1)+IF('Standard Profiles'!$G$18=$B$10,7,0)+IF('Standard Profiles'!$G$18=$B$17,14,0)+IF('Standard Profiles'!$G$18=$B$24,21,0),0)),0)</f>
        <v>6.852508731218852</v>
      </c>
      <c r="E3945" cm="1">
        <f t="array" ref="E3945">IFERROR(INDEX(Jesper!AI$2:AI$366,ROUNDDOWN($C3945/24,0)+1,1)*INDEX($D$3:$AA$30,INDEX(Jesper!$R$2:$R$366,ROW(INDEX(Jesper!AI$2:AI$366,ROUNDDOWN($C3945/24,0)+1,1))-1)+IF('Standard Profiles'!$G$19=$B$10,7,0)+IF('Standard Profiles'!$G$19=$B$17,14,0)+IF('Standard Profiles'!$G$19=$B$24,21,0),MOD($C3945,24)+1)/SUM(INDEX($D$3:$AA$30,INDEX(Jesper!$R$2:$R$366,ROW(INDEX(Jesper!AI$2:AI$366,ROUNDDOWN($C3945/24,0)+1,1))-1)+IF('Standard Profiles'!$G$19=$B$10,7,0)+IF('Standard Profiles'!$G$19=$B$17,14,0)+IF('Standard Profiles'!$G$19=$B$24,21,0),0)),0)</f>
        <v>0</v>
      </c>
      <c r="F3945" cm="1">
        <f t="array" ref="F3945">IFERROR(INDEX(Jesper!AJ$2:AJ$366,ROUNDDOWN($C3945/24,0)+1,1)*INDEX($D$3:$AA$30,INDEX(Jesper!$R$2:$R$366,ROW(INDEX(Jesper!AJ$2:AJ$366,ROUNDDOWN($C3945/24,0)+1,1))-1)+IF('Standard Profiles'!$G$20=$B$10,7,0)+IF('Standard Profiles'!$G$20=$B$17,14,0)+IF('Standard Profiles'!$G$20=$B$24,21,0),MOD($C3945,24)+1)/SUM(INDEX($D$3:$AA$30,INDEX(Jesper!$R$2:$R$366,ROW(INDEX(Jesper!AJ$2:AJ$366,ROUNDDOWN($C3945/24,0)+1,1))-1)+IF('Standard Profiles'!$G$20=$B$10,7,0)+IF('Standard Profiles'!$G$20=$B$17,14,0)+IF('Standard Profiles'!$G$20=$B$24,21,0),0)),0)</f>
        <v>0</v>
      </c>
      <c r="G3945" cm="1">
        <f t="array" ref="G3945">IFERROR(INDEX(Jesper!AK$2:AK$366,ROUNDDOWN($C3945/24,0)+1,1)*INDEX($D$3:$AA$30,INDEX(Jesper!$R$2:$R$366,ROW(INDEX(Jesper!AK$2:AK$366,ROUNDDOWN($C3945/24,0)+1,1))-1)+IF('Standard Profiles'!$G$21=$B$10,7,0)+IF('Standard Profiles'!$G$21=$B$17,14,0)+IF('Standard Profiles'!$G$21=$B$24,21,0),MOD($C3945,24)+1)/SUM(INDEX($D$3:$AA$30,INDEX(Jesper!$R$2:$R$366,ROW(INDEX(Jesper!AK$2:AK$366,ROUNDDOWN($C3945/24,0)+1,1))-1)+IF('Standard Profiles'!$G$21=$B$10,7,0)+IF('Standard Profiles'!$G$21=$B$17,14,0)+IF('Standard Profiles'!$G$21=$B$24,21,0),0)),0)</f>
        <v>0</v>
      </c>
      <c r="H3945" cm="1">
        <f t="array" ref="H3945">IFERROR(INDEX(Jesper!AL$2:AL$366,ROUNDDOWN($C3945/24,0)+1,1)*INDEX($D$3:$AA$30,INDEX(Jesper!$R$2:$R$366,ROW(INDEX(Jesper!AL$2:AL$366,ROUNDDOWN($C3945/24,0)+1,1))-1)+IF('Standard Profiles'!$G$22=$B$10,7,0)+IF('Standard Profiles'!$G$22=$B$17,14,0)+IF('Standard Profiles'!$G$22=$B$24,21,0),MOD($C3945,24)+1)/SUM(INDEX($D$3:$AA$30,INDEX(Jesper!$R$2:$R$366,ROW(INDEX(Jesper!AL$2:AL$366,ROUNDDOWN($C3945/24,0)+1,1))-1)+IF('Standard Profiles'!$G$22=$B$10,7,0)+IF('Standard Profiles'!$G$22=$B$17,14,0)+IF('Standard Profiles'!$G$22=$B$24,21,0),0)),0)</f>
        <v>0</v>
      </c>
      <c r="I3945">
        <f t="shared" si="447"/>
        <v>0.20557526193656556</v>
      </c>
      <c r="J3945">
        <f t="shared" si="448"/>
        <v>0.68525087312188526</v>
      </c>
      <c r="K3945">
        <f t="shared" si="449"/>
        <v>1.0278763096828278</v>
      </c>
      <c r="L3945">
        <f t="shared" si="450"/>
        <v>4.9338062864775729</v>
      </c>
      <c r="M3945">
        <f t="shared" si="451"/>
        <v>0</v>
      </c>
      <c r="N3945" s="46">
        <f t="shared" si="452"/>
        <v>45454.958333323848</v>
      </c>
    </row>
    <row r="3946" spans="2:14" x14ac:dyDescent="0.3">
      <c r="B3946">
        <f t="shared" si="446"/>
        <v>3</v>
      </c>
      <c r="C3946" s="16">
        <v>3912</v>
      </c>
      <c r="D3946" cm="1">
        <f t="array" ref="D3946">IFERROR(INDEX(Jesper!AH$2:AH$366,ROUNDDOWN($C3946/24,0)+1,1)*INDEX($D$3:$AA$30,INDEX(Jesper!$R$2:$R$366,ROW(INDEX(Jesper!AH$2:AH$366,ROUNDDOWN($C3946/24,0)+1,1))-1)+IF('Standard Profiles'!$G$18=$B$10,7,0)+IF('Standard Profiles'!$G$18=$B$17,14,0)+IF('Standard Profiles'!$G$18=$B$24,21,0),MOD($C3946,24)+1)/SUM(INDEX($D$3:$AA$30,INDEX(Jesper!$R$2:$R$366,ROW(INDEX(Jesper!AH$2:AH$366,ROUNDDOWN($C3946/24,0)+1,1))-1)+IF('Standard Profiles'!$G$18=$B$10,7,0)+IF('Standard Profiles'!$G$18=$B$17,14,0)+IF('Standard Profiles'!$G$18=$B$24,21,0),0)),0)</f>
        <v>6.0700700434390837</v>
      </c>
      <c r="E3946" cm="1">
        <f t="array" ref="E3946">IFERROR(INDEX(Jesper!AI$2:AI$366,ROUNDDOWN($C3946/24,0)+1,1)*INDEX($D$3:$AA$30,INDEX(Jesper!$R$2:$R$366,ROW(INDEX(Jesper!AI$2:AI$366,ROUNDDOWN($C3946/24,0)+1,1))-1)+IF('Standard Profiles'!$G$19=$B$10,7,0)+IF('Standard Profiles'!$G$19=$B$17,14,0)+IF('Standard Profiles'!$G$19=$B$24,21,0),MOD($C3946,24)+1)/SUM(INDEX($D$3:$AA$30,INDEX(Jesper!$R$2:$R$366,ROW(INDEX(Jesper!AI$2:AI$366,ROUNDDOWN($C3946/24,0)+1,1))-1)+IF('Standard Profiles'!$G$19=$B$10,7,0)+IF('Standard Profiles'!$G$19=$B$17,14,0)+IF('Standard Profiles'!$G$19=$B$24,21,0),0)),0)</f>
        <v>0</v>
      </c>
      <c r="F3946" cm="1">
        <f t="array" ref="F3946">IFERROR(INDEX(Jesper!AJ$2:AJ$366,ROUNDDOWN($C3946/24,0)+1,1)*INDEX($D$3:$AA$30,INDEX(Jesper!$R$2:$R$366,ROW(INDEX(Jesper!AJ$2:AJ$366,ROUNDDOWN($C3946/24,0)+1,1))-1)+IF('Standard Profiles'!$G$20=$B$10,7,0)+IF('Standard Profiles'!$G$20=$B$17,14,0)+IF('Standard Profiles'!$G$20=$B$24,21,0),MOD($C3946,24)+1)/SUM(INDEX($D$3:$AA$30,INDEX(Jesper!$R$2:$R$366,ROW(INDEX(Jesper!AJ$2:AJ$366,ROUNDDOWN($C3946/24,0)+1,1))-1)+IF('Standard Profiles'!$G$20=$B$10,7,0)+IF('Standard Profiles'!$G$20=$B$17,14,0)+IF('Standard Profiles'!$G$20=$B$24,21,0),0)),0)</f>
        <v>0</v>
      </c>
      <c r="G3946" cm="1">
        <f t="array" ref="G3946">IFERROR(INDEX(Jesper!AK$2:AK$366,ROUNDDOWN($C3946/24,0)+1,1)*INDEX($D$3:$AA$30,INDEX(Jesper!$R$2:$R$366,ROW(INDEX(Jesper!AK$2:AK$366,ROUNDDOWN($C3946/24,0)+1,1))-1)+IF('Standard Profiles'!$G$21=$B$10,7,0)+IF('Standard Profiles'!$G$21=$B$17,14,0)+IF('Standard Profiles'!$G$21=$B$24,21,0),MOD($C3946,24)+1)/SUM(INDEX($D$3:$AA$30,INDEX(Jesper!$R$2:$R$366,ROW(INDEX(Jesper!AK$2:AK$366,ROUNDDOWN($C3946/24,0)+1,1))-1)+IF('Standard Profiles'!$G$21=$B$10,7,0)+IF('Standard Profiles'!$G$21=$B$17,14,0)+IF('Standard Profiles'!$G$21=$B$24,21,0),0)),0)</f>
        <v>0</v>
      </c>
      <c r="H3946" cm="1">
        <f t="array" ref="H3946">IFERROR(INDEX(Jesper!AL$2:AL$366,ROUNDDOWN($C3946/24,0)+1,1)*INDEX($D$3:$AA$30,INDEX(Jesper!$R$2:$R$366,ROW(INDEX(Jesper!AL$2:AL$366,ROUNDDOWN($C3946/24,0)+1,1))-1)+IF('Standard Profiles'!$G$22=$B$10,7,0)+IF('Standard Profiles'!$G$22=$B$17,14,0)+IF('Standard Profiles'!$G$22=$B$24,21,0),MOD($C3946,24)+1)/SUM(INDEX($D$3:$AA$30,INDEX(Jesper!$R$2:$R$366,ROW(INDEX(Jesper!AL$2:AL$366,ROUNDDOWN($C3946/24,0)+1,1))-1)+IF('Standard Profiles'!$G$22=$B$10,7,0)+IF('Standard Profiles'!$G$22=$B$17,14,0)+IF('Standard Profiles'!$G$22=$B$24,21,0),0)),0)</f>
        <v>0</v>
      </c>
      <c r="I3946">
        <f t="shared" si="447"/>
        <v>0.1821021013031725</v>
      </c>
      <c r="J3946">
        <f t="shared" si="448"/>
        <v>0.60700700434390842</v>
      </c>
      <c r="K3946">
        <f t="shared" si="449"/>
        <v>0.91051050651586252</v>
      </c>
      <c r="L3946">
        <f t="shared" si="450"/>
        <v>4.3704504312761401</v>
      </c>
      <c r="M3946">
        <f t="shared" si="451"/>
        <v>0</v>
      </c>
      <c r="N3946" s="46">
        <f t="shared" si="452"/>
        <v>45454.999999990512</v>
      </c>
    </row>
    <row r="3947" spans="2:14" x14ac:dyDescent="0.3">
      <c r="B3947">
        <f t="shared" si="446"/>
        <v>3</v>
      </c>
      <c r="C3947" s="16">
        <v>3913</v>
      </c>
      <c r="D3947" cm="1">
        <f t="array" ref="D3947">IFERROR(INDEX(Jesper!AH$2:AH$366,ROUNDDOWN($C3947/24,0)+1,1)*INDEX($D$3:$AA$30,INDEX(Jesper!$R$2:$R$366,ROW(INDEX(Jesper!AH$2:AH$366,ROUNDDOWN($C3947/24,0)+1,1))-1)+IF('Standard Profiles'!$G$18=$B$10,7,0)+IF('Standard Profiles'!$G$18=$B$17,14,0)+IF('Standard Profiles'!$G$18=$B$24,21,0),MOD($C3947,24)+1)/SUM(INDEX($D$3:$AA$30,INDEX(Jesper!$R$2:$R$366,ROW(INDEX(Jesper!AH$2:AH$366,ROUNDDOWN($C3947/24,0)+1,1))-1)+IF('Standard Profiles'!$G$18=$B$10,7,0)+IF('Standard Profiles'!$G$18=$B$17,14,0)+IF('Standard Profiles'!$G$18=$B$24,21,0),0)),0)</f>
        <v>6.828828798868968</v>
      </c>
      <c r="E3947" cm="1">
        <f t="array" ref="E3947">IFERROR(INDEX(Jesper!AI$2:AI$366,ROUNDDOWN($C3947/24,0)+1,1)*INDEX($D$3:$AA$30,INDEX(Jesper!$R$2:$R$366,ROW(INDEX(Jesper!AI$2:AI$366,ROUNDDOWN($C3947/24,0)+1,1))-1)+IF('Standard Profiles'!$G$19=$B$10,7,0)+IF('Standard Profiles'!$G$19=$B$17,14,0)+IF('Standard Profiles'!$G$19=$B$24,21,0),MOD($C3947,24)+1)/SUM(INDEX($D$3:$AA$30,INDEX(Jesper!$R$2:$R$366,ROW(INDEX(Jesper!AI$2:AI$366,ROUNDDOWN($C3947/24,0)+1,1))-1)+IF('Standard Profiles'!$G$19=$B$10,7,0)+IF('Standard Profiles'!$G$19=$B$17,14,0)+IF('Standard Profiles'!$G$19=$B$24,21,0),0)),0)</f>
        <v>0</v>
      </c>
      <c r="F3947" cm="1">
        <f t="array" ref="F3947">IFERROR(INDEX(Jesper!AJ$2:AJ$366,ROUNDDOWN($C3947/24,0)+1,1)*INDEX($D$3:$AA$30,INDEX(Jesper!$R$2:$R$366,ROW(INDEX(Jesper!AJ$2:AJ$366,ROUNDDOWN($C3947/24,0)+1,1))-1)+IF('Standard Profiles'!$G$20=$B$10,7,0)+IF('Standard Profiles'!$G$20=$B$17,14,0)+IF('Standard Profiles'!$G$20=$B$24,21,0),MOD($C3947,24)+1)/SUM(INDEX($D$3:$AA$30,INDEX(Jesper!$R$2:$R$366,ROW(INDEX(Jesper!AJ$2:AJ$366,ROUNDDOWN($C3947/24,0)+1,1))-1)+IF('Standard Profiles'!$G$20=$B$10,7,0)+IF('Standard Profiles'!$G$20=$B$17,14,0)+IF('Standard Profiles'!$G$20=$B$24,21,0),0)),0)</f>
        <v>0</v>
      </c>
      <c r="G3947" cm="1">
        <f t="array" ref="G3947">IFERROR(INDEX(Jesper!AK$2:AK$366,ROUNDDOWN($C3947/24,0)+1,1)*INDEX($D$3:$AA$30,INDEX(Jesper!$R$2:$R$366,ROW(INDEX(Jesper!AK$2:AK$366,ROUNDDOWN($C3947/24,0)+1,1))-1)+IF('Standard Profiles'!$G$21=$B$10,7,0)+IF('Standard Profiles'!$G$21=$B$17,14,0)+IF('Standard Profiles'!$G$21=$B$24,21,0),MOD($C3947,24)+1)/SUM(INDEX($D$3:$AA$30,INDEX(Jesper!$R$2:$R$366,ROW(INDEX(Jesper!AK$2:AK$366,ROUNDDOWN($C3947/24,0)+1,1))-1)+IF('Standard Profiles'!$G$21=$B$10,7,0)+IF('Standard Profiles'!$G$21=$B$17,14,0)+IF('Standard Profiles'!$G$21=$B$24,21,0),0)),0)</f>
        <v>0</v>
      </c>
      <c r="H3947" cm="1">
        <f t="array" ref="H3947">IFERROR(INDEX(Jesper!AL$2:AL$366,ROUNDDOWN($C3947/24,0)+1,1)*INDEX($D$3:$AA$30,INDEX(Jesper!$R$2:$R$366,ROW(INDEX(Jesper!AL$2:AL$366,ROUNDDOWN($C3947/24,0)+1,1))-1)+IF('Standard Profiles'!$G$22=$B$10,7,0)+IF('Standard Profiles'!$G$22=$B$17,14,0)+IF('Standard Profiles'!$G$22=$B$24,21,0),MOD($C3947,24)+1)/SUM(INDEX($D$3:$AA$30,INDEX(Jesper!$R$2:$R$366,ROW(INDEX(Jesper!AL$2:AL$366,ROUNDDOWN($C3947/24,0)+1,1))-1)+IF('Standard Profiles'!$G$22=$B$10,7,0)+IF('Standard Profiles'!$G$22=$B$17,14,0)+IF('Standard Profiles'!$G$22=$B$24,21,0),0)),0)</f>
        <v>0</v>
      </c>
      <c r="I3947">
        <f t="shared" si="447"/>
        <v>0.20486486396606904</v>
      </c>
      <c r="J3947">
        <f t="shared" si="448"/>
        <v>0.68288287988689689</v>
      </c>
      <c r="K3947">
        <f t="shared" si="449"/>
        <v>1.0243243198303451</v>
      </c>
      <c r="L3947">
        <f t="shared" si="450"/>
        <v>4.9167567351856567</v>
      </c>
      <c r="M3947">
        <f t="shared" si="451"/>
        <v>0</v>
      </c>
      <c r="N3947" s="46">
        <f t="shared" si="452"/>
        <v>45455.041666657176</v>
      </c>
    </row>
    <row r="3948" spans="2:14" x14ac:dyDescent="0.3">
      <c r="B3948">
        <f t="shared" si="446"/>
        <v>3</v>
      </c>
      <c r="C3948" s="16">
        <v>3914</v>
      </c>
      <c r="D3948" cm="1">
        <f t="array" ref="D3948">IFERROR(INDEX(Jesper!AH$2:AH$366,ROUNDDOWN($C3948/24,0)+1,1)*INDEX($D$3:$AA$30,INDEX(Jesper!$R$2:$R$366,ROW(INDEX(Jesper!AH$2:AH$366,ROUNDDOWN($C3948/24,0)+1,1))-1)+IF('Standard Profiles'!$G$18=$B$10,7,0)+IF('Standard Profiles'!$G$18=$B$17,14,0)+IF('Standard Profiles'!$G$18=$B$24,21,0),MOD($C3948,24)+1)/SUM(INDEX($D$3:$AA$30,INDEX(Jesper!$R$2:$R$366,ROW(INDEX(Jesper!AH$2:AH$366,ROUNDDOWN($C3948/24,0)+1,1))-1)+IF('Standard Profiles'!$G$18=$B$10,7,0)+IF('Standard Profiles'!$G$18=$B$17,14,0)+IF('Standard Profiles'!$G$18=$B$24,21,0),0)),0)</f>
        <v>6.828828798868968</v>
      </c>
      <c r="E3948" cm="1">
        <f t="array" ref="E3948">IFERROR(INDEX(Jesper!AI$2:AI$366,ROUNDDOWN($C3948/24,0)+1,1)*INDEX($D$3:$AA$30,INDEX(Jesper!$R$2:$R$366,ROW(INDEX(Jesper!AI$2:AI$366,ROUNDDOWN($C3948/24,0)+1,1))-1)+IF('Standard Profiles'!$G$19=$B$10,7,0)+IF('Standard Profiles'!$G$19=$B$17,14,0)+IF('Standard Profiles'!$G$19=$B$24,21,0),MOD($C3948,24)+1)/SUM(INDEX($D$3:$AA$30,INDEX(Jesper!$R$2:$R$366,ROW(INDEX(Jesper!AI$2:AI$366,ROUNDDOWN($C3948/24,0)+1,1))-1)+IF('Standard Profiles'!$G$19=$B$10,7,0)+IF('Standard Profiles'!$G$19=$B$17,14,0)+IF('Standard Profiles'!$G$19=$B$24,21,0),0)),0)</f>
        <v>0</v>
      </c>
      <c r="F3948" cm="1">
        <f t="array" ref="F3948">IFERROR(INDEX(Jesper!AJ$2:AJ$366,ROUNDDOWN($C3948/24,0)+1,1)*INDEX($D$3:$AA$30,INDEX(Jesper!$R$2:$R$366,ROW(INDEX(Jesper!AJ$2:AJ$366,ROUNDDOWN($C3948/24,0)+1,1))-1)+IF('Standard Profiles'!$G$20=$B$10,7,0)+IF('Standard Profiles'!$G$20=$B$17,14,0)+IF('Standard Profiles'!$G$20=$B$24,21,0),MOD($C3948,24)+1)/SUM(INDEX($D$3:$AA$30,INDEX(Jesper!$R$2:$R$366,ROW(INDEX(Jesper!AJ$2:AJ$366,ROUNDDOWN($C3948/24,0)+1,1))-1)+IF('Standard Profiles'!$G$20=$B$10,7,0)+IF('Standard Profiles'!$G$20=$B$17,14,0)+IF('Standard Profiles'!$G$20=$B$24,21,0),0)),0)</f>
        <v>0</v>
      </c>
      <c r="G3948" cm="1">
        <f t="array" ref="G3948">IFERROR(INDEX(Jesper!AK$2:AK$366,ROUNDDOWN($C3948/24,0)+1,1)*INDEX($D$3:$AA$30,INDEX(Jesper!$R$2:$R$366,ROW(INDEX(Jesper!AK$2:AK$366,ROUNDDOWN($C3948/24,0)+1,1))-1)+IF('Standard Profiles'!$G$21=$B$10,7,0)+IF('Standard Profiles'!$G$21=$B$17,14,0)+IF('Standard Profiles'!$G$21=$B$24,21,0),MOD($C3948,24)+1)/SUM(INDEX($D$3:$AA$30,INDEX(Jesper!$R$2:$R$366,ROW(INDEX(Jesper!AK$2:AK$366,ROUNDDOWN($C3948/24,0)+1,1))-1)+IF('Standard Profiles'!$G$21=$B$10,7,0)+IF('Standard Profiles'!$G$21=$B$17,14,0)+IF('Standard Profiles'!$G$21=$B$24,21,0),0)),0)</f>
        <v>0</v>
      </c>
      <c r="H3948" cm="1">
        <f t="array" ref="H3948">IFERROR(INDEX(Jesper!AL$2:AL$366,ROUNDDOWN($C3948/24,0)+1,1)*INDEX($D$3:$AA$30,INDEX(Jesper!$R$2:$R$366,ROW(INDEX(Jesper!AL$2:AL$366,ROUNDDOWN($C3948/24,0)+1,1))-1)+IF('Standard Profiles'!$G$22=$B$10,7,0)+IF('Standard Profiles'!$G$22=$B$17,14,0)+IF('Standard Profiles'!$G$22=$B$24,21,0),MOD($C3948,24)+1)/SUM(INDEX($D$3:$AA$30,INDEX(Jesper!$R$2:$R$366,ROW(INDEX(Jesper!AL$2:AL$366,ROUNDDOWN($C3948/24,0)+1,1))-1)+IF('Standard Profiles'!$G$22=$B$10,7,0)+IF('Standard Profiles'!$G$22=$B$17,14,0)+IF('Standard Profiles'!$G$22=$B$24,21,0),0)),0)</f>
        <v>0</v>
      </c>
      <c r="I3948">
        <f t="shared" si="447"/>
        <v>0.20486486396606904</v>
      </c>
      <c r="J3948">
        <f t="shared" si="448"/>
        <v>0.68288287988689689</v>
      </c>
      <c r="K3948">
        <f t="shared" si="449"/>
        <v>1.0243243198303451</v>
      </c>
      <c r="L3948">
        <f t="shared" si="450"/>
        <v>4.9167567351856567</v>
      </c>
      <c r="M3948">
        <f t="shared" si="451"/>
        <v>0</v>
      </c>
      <c r="N3948" s="46">
        <f t="shared" si="452"/>
        <v>45455.083333323841</v>
      </c>
    </row>
    <row r="3949" spans="2:14" x14ac:dyDescent="0.3">
      <c r="B3949">
        <f t="shared" si="446"/>
        <v>3</v>
      </c>
      <c r="C3949" s="16">
        <v>3915</v>
      </c>
      <c r="D3949" cm="1">
        <f t="array" ref="D3949">IFERROR(INDEX(Jesper!AH$2:AH$366,ROUNDDOWN($C3949/24,0)+1,1)*INDEX($D$3:$AA$30,INDEX(Jesper!$R$2:$R$366,ROW(INDEX(Jesper!AH$2:AH$366,ROUNDDOWN($C3949/24,0)+1,1))-1)+IF('Standard Profiles'!$G$18=$B$10,7,0)+IF('Standard Profiles'!$G$18=$B$17,14,0)+IF('Standard Profiles'!$G$18=$B$24,21,0),MOD($C3949,24)+1)/SUM(INDEX($D$3:$AA$30,INDEX(Jesper!$R$2:$R$366,ROW(INDEX(Jesper!AH$2:AH$366,ROUNDDOWN($C3949/24,0)+1,1))-1)+IF('Standard Profiles'!$G$18=$B$10,7,0)+IF('Standard Profiles'!$G$18=$B$17,14,0)+IF('Standard Profiles'!$G$18=$B$24,21,0),0)),0)</f>
        <v>6.828828798868968</v>
      </c>
      <c r="E3949" cm="1">
        <f t="array" ref="E3949">IFERROR(INDEX(Jesper!AI$2:AI$366,ROUNDDOWN($C3949/24,0)+1,1)*INDEX($D$3:$AA$30,INDEX(Jesper!$R$2:$R$366,ROW(INDEX(Jesper!AI$2:AI$366,ROUNDDOWN($C3949/24,0)+1,1))-1)+IF('Standard Profiles'!$G$19=$B$10,7,0)+IF('Standard Profiles'!$G$19=$B$17,14,0)+IF('Standard Profiles'!$G$19=$B$24,21,0),MOD($C3949,24)+1)/SUM(INDEX($D$3:$AA$30,INDEX(Jesper!$R$2:$R$366,ROW(INDEX(Jesper!AI$2:AI$366,ROUNDDOWN($C3949/24,0)+1,1))-1)+IF('Standard Profiles'!$G$19=$B$10,7,0)+IF('Standard Profiles'!$G$19=$B$17,14,0)+IF('Standard Profiles'!$G$19=$B$24,21,0),0)),0)</f>
        <v>0</v>
      </c>
      <c r="F3949" cm="1">
        <f t="array" ref="F3949">IFERROR(INDEX(Jesper!AJ$2:AJ$366,ROUNDDOWN($C3949/24,0)+1,1)*INDEX($D$3:$AA$30,INDEX(Jesper!$R$2:$R$366,ROW(INDEX(Jesper!AJ$2:AJ$366,ROUNDDOWN($C3949/24,0)+1,1))-1)+IF('Standard Profiles'!$G$20=$B$10,7,0)+IF('Standard Profiles'!$G$20=$B$17,14,0)+IF('Standard Profiles'!$G$20=$B$24,21,0),MOD($C3949,24)+1)/SUM(INDEX($D$3:$AA$30,INDEX(Jesper!$R$2:$R$366,ROW(INDEX(Jesper!AJ$2:AJ$366,ROUNDDOWN($C3949/24,0)+1,1))-1)+IF('Standard Profiles'!$G$20=$B$10,7,0)+IF('Standard Profiles'!$G$20=$B$17,14,0)+IF('Standard Profiles'!$G$20=$B$24,21,0),0)),0)</f>
        <v>0</v>
      </c>
      <c r="G3949" cm="1">
        <f t="array" ref="G3949">IFERROR(INDEX(Jesper!AK$2:AK$366,ROUNDDOWN($C3949/24,0)+1,1)*INDEX($D$3:$AA$30,INDEX(Jesper!$R$2:$R$366,ROW(INDEX(Jesper!AK$2:AK$366,ROUNDDOWN($C3949/24,0)+1,1))-1)+IF('Standard Profiles'!$G$21=$B$10,7,0)+IF('Standard Profiles'!$G$21=$B$17,14,0)+IF('Standard Profiles'!$G$21=$B$24,21,0),MOD($C3949,24)+1)/SUM(INDEX($D$3:$AA$30,INDEX(Jesper!$R$2:$R$366,ROW(INDEX(Jesper!AK$2:AK$366,ROUNDDOWN($C3949/24,0)+1,1))-1)+IF('Standard Profiles'!$G$21=$B$10,7,0)+IF('Standard Profiles'!$G$21=$B$17,14,0)+IF('Standard Profiles'!$G$21=$B$24,21,0),0)),0)</f>
        <v>0</v>
      </c>
      <c r="H3949" cm="1">
        <f t="array" ref="H3949">IFERROR(INDEX(Jesper!AL$2:AL$366,ROUNDDOWN($C3949/24,0)+1,1)*INDEX($D$3:$AA$30,INDEX(Jesper!$R$2:$R$366,ROW(INDEX(Jesper!AL$2:AL$366,ROUNDDOWN($C3949/24,0)+1,1))-1)+IF('Standard Profiles'!$G$22=$B$10,7,0)+IF('Standard Profiles'!$G$22=$B$17,14,0)+IF('Standard Profiles'!$G$22=$B$24,21,0),MOD($C3949,24)+1)/SUM(INDEX($D$3:$AA$30,INDEX(Jesper!$R$2:$R$366,ROW(INDEX(Jesper!AL$2:AL$366,ROUNDDOWN($C3949/24,0)+1,1))-1)+IF('Standard Profiles'!$G$22=$B$10,7,0)+IF('Standard Profiles'!$G$22=$B$17,14,0)+IF('Standard Profiles'!$G$22=$B$24,21,0),0)),0)</f>
        <v>0</v>
      </c>
      <c r="I3949">
        <f t="shared" si="447"/>
        <v>0.20486486396606904</v>
      </c>
      <c r="J3949">
        <f t="shared" si="448"/>
        <v>0.68288287988689689</v>
      </c>
      <c r="K3949">
        <f t="shared" si="449"/>
        <v>1.0243243198303451</v>
      </c>
      <c r="L3949">
        <f t="shared" si="450"/>
        <v>4.9167567351856567</v>
      </c>
      <c r="M3949">
        <f t="shared" si="451"/>
        <v>0</v>
      </c>
      <c r="N3949" s="46">
        <f t="shared" si="452"/>
        <v>45455.124999990505</v>
      </c>
    </row>
    <row r="3950" spans="2:14" x14ac:dyDescent="0.3">
      <c r="B3950">
        <f t="shared" si="446"/>
        <v>3</v>
      </c>
      <c r="C3950" s="16">
        <v>3916</v>
      </c>
      <c r="D3950" cm="1">
        <f t="array" ref="D3950">IFERROR(INDEX(Jesper!AH$2:AH$366,ROUNDDOWN($C3950/24,0)+1,1)*INDEX($D$3:$AA$30,INDEX(Jesper!$R$2:$R$366,ROW(INDEX(Jesper!AH$2:AH$366,ROUNDDOWN($C3950/24,0)+1,1))-1)+IF('Standard Profiles'!$G$18=$B$10,7,0)+IF('Standard Profiles'!$G$18=$B$17,14,0)+IF('Standard Profiles'!$G$18=$B$24,21,0),MOD($C3950,24)+1)/SUM(INDEX($D$3:$AA$30,INDEX(Jesper!$R$2:$R$366,ROW(INDEX(Jesper!AH$2:AH$366,ROUNDDOWN($C3950/24,0)+1,1))-1)+IF('Standard Profiles'!$G$18=$B$10,7,0)+IF('Standard Profiles'!$G$18=$B$17,14,0)+IF('Standard Profiles'!$G$18=$B$24,21,0),0)),0)</f>
        <v>6.828828798868968</v>
      </c>
      <c r="E3950" cm="1">
        <f t="array" ref="E3950">IFERROR(INDEX(Jesper!AI$2:AI$366,ROUNDDOWN($C3950/24,0)+1,1)*INDEX($D$3:$AA$30,INDEX(Jesper!$R$2:$R$366,ROW(INDEX(Jesper!AI$2:AI$366,ROUNDDOWN($C3950/24,0)+1,1))-1)+IF('Standard Profiles'!$G$19=$B$10,7,0)+IF('Standard Profiles'!$G$19=$B$17,14,0)+IF('Standard Profiles'!$G$19=$B$24,21,0),MOD($C3950,24)+1)/SUM(INDEX($D$3:$AA$30,INDEX(Jesper!$R$2:$R$366,ROW(INDEX(Jesper!AI$2:AI$366,ROUNDDOWN($C3950/24,0)+1,1))-1)+IF('Standard Profiles'!$G$19=$B$10,7,0)+IF('Standard Profiles'!$G$19=$B$17,14,0)+IF('Standard Profiles'!$G$19=$B$24,21,0),0)),0)</f>
        <v>0</v>
      </c>
      <c r="F3950" cm="1">
        <f t="array" ref="F3950">IFERROR(INDEX(Jesper!AJ$2:AJ$366,ROUNDDOWN($C3950/24,0)+1,1)*INDEX($D$3:$AA$30,INDEX(Jesper!$R$2:$R$366,ROW(INDEX(Jesper!AJ$2:AJ$366,ROUNDDOWN($C3950/24,0)+1,1))-1)+IF('Standard Profiles'!$G$20=$B$10,7,0)+IF('Standard Profiles'!$G$20=$B$17,14,0)+IF('Standard Profiles'!$G$20=$B$24,21,0),MOD($C3950,24)+1)/SUM(INDEX($D$3:$AA$30,INDEX(Jesper!$R$2:$R$366,ROW(INDEX(Jesper!AJ$2:AJ$366,ROUNDDOWN($C3950/24,0)+1,1))-1)+IF('Standard Profiles'!$G$20=$B$10,7,0)+IF('Standard Profiles'!$G$20=$B$17,14,0)+IF('Standard Profiles'!$G$20=$B$24,21,0),0)),0)</f>
        <v>0</v>
      </c>
      <c r="G3950" cm="1">
        <f t="array" ref="G3950">IFERROR(INDEX(Jesper!AK$2:AK$366,ROUNDDOWN($C3950/24,0)+1,1)*INDEX($D$3:$AA$30,INDEX(Jesper!$R$2:$R$366,ROW(INDEX(Jesper!AK$2:AK$366,ROUNDDOWN($C3950/24,0)+1,1))-1)+IF('Standard Profiles'!$G$21=$B$10,7,0)+IF('Standard Profiles'!$G$21=$B$17,14,0)+IF('Standard Profiles'!$G$21=$B$24,21,0),MOD($C3950,24)+1)/SUM(INDEX($D$3:$AA$30,INDEX(Jesper!$R$2:$R$366,ROW(INDEX(Jesper!AK$2:AK$366,ROUNDDOWN($C3950/24,0)+1,1))-1)+IF('Standard Profiles'!$G$21=$B$10,7,0)+IF('Standard Profiles'!$G$21=$B$17,14,0)+IF('Standard Profiles'!$G$21=$B$24,21,0),0)),0)</f>
        <v>0</v>
      </c>
      <c r="H3950" cm="1">
        <f t="array" ref="H3950">IFERROR(INDEX(Jesper!AL$2:AL$366,ROUNDDOWN($C3950/24,0)+1,1)*INDEX($D$3:$AA$30,INDEX(Jesper!$R$2:$R$366,ROW(INDEX(Jesper!AL$2:AL$366,ROUNDDOWN($C3950/24,0)+1,1))-1)+IF('Standard Profiles'!$G$22=$B$10,7,0)+IF('Standard Profiles'!$G$22=$B$17,14,0)+IF('Standard Profiles'!$G$22=$B$24,21,0),MOD($C3950,24)+1)/SUM(INDEX($D$3:$AA$30,INDEX(Jesper!$R$2:$R$366,ROW(INDEX(Jesper!AL$2:AL$366,ROUNDDOWN($C3950/24,0)+1,1))-1)+IF('Standard Profiles'!$G$22=$B$10,7,0)+IF('Standard Profiles'!$G$22=$B$17,14,0)+IF('Standard Profiles'!$G$22=$B$24,21,0),0)),0)</f>
        <v>0</v>
      </c>
      <c r="I3950">
        <f t="shared" si="447"/>
        <v>0.20486486396606904</v>
      </c>
      <c r="J3950">
        <f t="shared" si="448"/>
        <v>0.68288287988689689</v>
      </c>
      <c r="K3950">
        <f t="shared" si="449"/>
        <v>1.0243243198303451</v>
      </c>
      <c r="L3950">
        <f t="shared" si="450"/>
        <v>4.9167567351856567</v>
      </c>
      <c r="M3950">
        <f t="shared" si="451"/>
        <v>0</v>
      </c>
      <c r="N3950" s="46">
        <f t="shared" si="452"/>
        <v>45455.166666657169</v>
      </c>
    </row>
    <row r="3951" spans="2:14" x14ac:dyDescent="0.3">
      <c r="B3951">
        <f t="shared" si="446"/>
        <v>3</v>
      </c>
      <c r="C3951" s="16">
        <v>3917</v>
      </c>
      <c r="D3951" cm="1">
        <f t="array" ref="D3951">IFERROR(INDEX(Jesper!AH$2:AH$366,ROUNDDOWN($C3951/24,0)+1,1)*INDEX($D$3:$AA$30,INDEX(Jesper!$R$2:$R$366,ROW(INDEX(Jesper!AH$2:AH$366,ROUNDDOWN($C3951/24,0)+1,1))-1)+IF('Standard Profiles'!$G$18=$B$10,7,0)+IF('Standard Profiles'!$G$18=$B$17,14,0)+IF('Standard Profiles'!$G$18=$B$24,21,0),MOD($C3951,24)+1)/SUM(INDEX($D$3:$AA$30,INDEX(Jesper!$R$2:$R$366,ROW(INDEX(Jesper!AH$2:AH$366,ROUNDDOWN($C3951/24,0)+1,1))-1)+IF('Standard Profiles'!$G$18=$B$10,7,0)+IF('Standard Profiles'!$G$18=$B$17,14,0)+IF('Standard Profiles'!$G$18=$B$24,21,0),0)),0)</f>
        <v>8.8016015629866704</v>
      </c>
      <c r="E3951" cm="1">
        <f t="array" ref="E3951">IFERROR(INDEX(Jesper!AI$2:AI$366,ROUNDDOWN($C3951/24,0)+1,1)*INDEX($D$3:$AA$30,INDEX(Jesper!$R$2:$R$366,ROW(INDEX(Jesper!AI$2:AI$366,ROUNDDOWN($C3951/24,0)+1,1))-1)+IF('Standard Profiles'!$G$19=$B$10,7,0)+IF('Standard Profiles'!$G$19=$B$17,14,0)+IF('Standard Profiles'!$G$19=$B$24,21,0),MOD($C3951,24)+1)/SUM(INDEX($D$3:$AA$30,INDEX(Jesper!$R$2:$R$366,ROW(INDEX(Jesper!AI$2:AI$366,ROUNDDOWN($C3951/24,0)+1,1))-1)+IF('Standard Profiles'!$G$19=$B$10,7,0)+IF('Standard Profiles'!$G$19=$B$17,14,0)+IF('Standard Profiles'!$G$19=$B$24,21,0),0)),0)</f>
        <v>0</v>
      </c>
      <c r="F3951" cm="1">
        <f t="array" ref="F3951">IFERROR(INDEX(Jesper!AJ$2:AJ$366,ROUNDDOWN($C3951/24,0)+1,1)*INDEX($D$3:$AA$30,INDEX(Jesper!$R$2:$R$366,ROW(INDEX(Jesper!AJ$2:AJ$366,ROUNDDOWN($C3951/24,0)+1,1))-1)+IF('Standard Profiles'!$G$20=$B$10,7,0)+IF('Standard Profiles'!$G$20=$B$17,14,0)+IF('Standard Profiles'!$G$20=$B$24,21,0),MOD($C3951,24)+1)/SUM(INDEX($D$3:$AA$30,INDEX(Jesper!$R$2:$R$366,ROW(INDEX(Jesper!AJ$2:AJ$366,ROUNDDOWN($C3951/24,0)+1,1))-1)+IF('Standard Profiles'!$G$20=$B$10,7,0)+IF('Standard Profiles'!$G$20=$B$17,14,0)+IF('Standard Profiles'!$G$20=$B$24,21,0),0)),0)</f>
        <v>0</v>
      </c>
      <c r="G3951" cm="1">
        <f t="array" ref="G3951">IFERROR(INDEX(Jesper!AK$2:AK$366,ROUNDDOWN($C3951/24,0)+1,1)*INDEX($D$3:$AA$30,INDEX(Jesper!$R$2:$R$366,ROW(INDEX(Jesper!AK$2:AK$366,ROUNDDOWN($C3951/24,0)+1,1))-1)+IF('Standard Profiles'!$G$21=$B$10,7,0)+IF('Standard Profiles'!$G$21=$B$17,14,0)+IF('Standard Profiles'!$G$21=$B$24,21,0),MOD($C3951,24)+1)/SUM(INDEX($D$3:$AA$30,INDEX(Jesper!$R$2:$R$366,ROW(INDEX(Jesper!AK$2:AK$366,ROUNDDOWN($C3951/24,0)+1,1))-1)+IF('Standard Profiles'!$G$21=$B$10,7,0)+IF('Standard Profiles'!$G$21=$B$17,14,0)+IF('Standard Profiles'!$G$21=$B$24,21,0),0)),0)</f>
        <v>0</v>
      </c>
      <c r="H3951" cm="1">
        <f t="array" ref="H3951">IFERROR(INDEX(Jesper!AL$2:AL$366,ROUNDDOWN($C3951/24,0)+1,1)*INDEX($D$3:$AA$30,INDEX(Jesper!$R$2:$R$366,ROW(INDEX(Jesper!AL$2:AL$366,ROUNDDOWN($C3951/24,0)+1,1))-1)+IF('Standard Profiles'!$G$22=$B$10,7,0)+IF('Standard Profiles'!$G$22=$B$17,14,0)+IF('Standard Profiles'!$G$22=$B$24,21,0),MOD($C3951,24)+1)/SUM(INDEX($D$3:$AA$30,INDEX(Jesper!$R$2:$R$366,ROW(INDEX(Jesper!AL$2:AL$366,ROUNDDOWN($C3951/24,0)+1,1))-1)+IF('Standard Profiles'!$G$22=$B$10,7,0)+IF('Standard Profiles'!$G$22=$B$17,14,0)+IF('Standard Profiles'!$G$22=$B$24,21,0),0)),0)</f>
        <v>0</v>
      </c>
      <c r="I3951">
        <f t="shared" si="447"/>
        <v>0.2640480468896001</v>
      </c>
      <c r="J3951">
        <f t="shared" si="448"/>
        <v>0.88016015629866706</v>
      </c>
      <c r="K3951">
        <f t="shared" si="449"/>
        <v>1.3202402344480004</v>
      </c>
      <c r="L3951">
        <f t="shared" si="450"/>
        <v>6.3371531253504028</v>
      </c>
      <c r="M3951">
        <f t="shared" si="451"/>
        <v>0</v>
      </c>
      <c r="N3951" s="46">
        <f t="shared" si="452"/>
        <v>45455.208333323833</v>
      </c>
    </row>
    <row r="3952" spans="2:14" x14ac:dyDescent="0.3">
      <c r="B3952">
        <f t="shared" si="446"/>
        <v>3</v>
      </c>
      <c r="C3952" s="16">
        <v>3918</v>
      </c>
      <c r="D3952" cm="1">
        <f t="array" ref="D3952">IFERROR(INDEX(Jesper!AH$2:AH$366,ROUNDDOWN($C3952/24,0)+1,1)*INDEX($D$3:$AA$30,INDEX(Jesper!$R$2:$R$366,ROW(INDEX(Jesper!AH$2:AH$366,ROUNDDOWN($C3952/24,0)+1,1))-1)+IF('Standard Profiles'!$G$18=$B$10,7,0)+IF('Standard Profiles'!$G$18=$B$17,14,0)+IF('Standard Profiles'!$G$18=$B$24,21,0),MOD($C3952,24)+1)/SUM(INDEX($D$3:$AA$30,INDEX(Jesper!$R$2:$R$366,ROW(INDEX(Jesper!AH$2:AH$366,ROUNDDOWN($C3952/24,0)+1,1))-1)+IF('Standard Profiles'!$G$18=$B$10,7,0)+IF('Standard Profiles'!$G$18=$B$17,14,0)+IF('Standard Profiles'!$G$18=$B$24,21,0),0)),0)</f>
        <v>10.167367322760464</v>
      </c>
      <c r="E3952" cm="1">
        <f t="array" ref="E3952">IFERROR(INDEX(Jesper!AI$2:AI$366,ROUNDDOWN($C3952/24,0)+1,1)*INDEX($D$3:$AA$30,INDEX(Jesper!$R$2:$R$366,ROW(INDEX(Jesper!AI$2:AI$366,ROUNDDOWN($C3952/24,0)+1,1))-1)+IF('Standard Profiles'!$G$19=$B$10,7,0)+IF('Standard Profiles'!$G$19=$B$17,14,0)+IF('Standard Profiles'!$G$19=$B$24,21,0),MOD($C3952,24)+1)/SUM(INDEX($D$3:$AA$30,INDEX(Jesper!$R$2:$R$366,ROW(INDEX(Jesper!AI$2:AI$366,ROUNDDOWN($C3952/24,0)+1,1))-1)+IF('Standard Profiles'!$G$19=$B$10,7,0)+IF('Standard Profiles'!$G$19=$B$17,14,0)+IF('Standard Profiles'!$G$19=$B$24,21,0),0)),0)</f>
        <v>0</v>
      </c>
      <c r="F3952" cm="1">
        <f t="array" ref="F3952">IFERROR(INDEX(Jesper!AJ$2:AJ$366,ROUNDDOWN($C3952/24,0)+1,1)*INDEX($D$3:$AA$30,INDEX(Jesper!$R$2:$R$366,ROW(INDEX(Jesper!AJ$2:AJ$366,ROUNDDOWN($C3952/24,0)+1,1))-1)+IF('Standard Profiles'!$G$20=$B$10,7,0)+IF('Standard Profiles'!$G$20=$B$17,14,0)+IF('Standard Profiles'!$G$20=$B$24,21,0),MOD($C3952,24)+1)/SUM(INDEX($D$3:$AA$30,INDEX(Jesper!$R$2:$R$366,ROW(INDEX(Jesper!AJ$2:AJ$366,ROUNDDOWN($C3952/24,0)+1,1))-1)+IF('Standard Profiles'!$G$20=$B$10,7,0)+IF('Standard Profiles'!$G$20=$B$17,14,0)+IF('Standard Profiles'!$G$20=$B$24,21,0),0)),0)</f>
        <v>0</v>
      </c>
      <c r="G3952" cm="1">
        <f t="array" ref="G3952">IFERROR(INDEX(Jesper!AK$2:AK$366,ROUNDDOWN($C3952/24,0)+1,1)*INDEX($D$3:$AA$30,INDEX(Jesper!$R$2:$R$366,ROW(INDEX(Jesper!AK$2:AK$366,ROUNDDOWN($C3952/24,0)+1,1))-1)+IF('Standard Profiles'!$G$21=$B$10,7,0)+IF('Standard Profiles'!$G$21=$B$17,14,0)+IF('Standard Profiles'!$G$21=$B$24,21,0),MOD($C3952,24)+1)/SUM(INDEX($D$3:$AA$30,INDEX(Jesper!$R$2:$R$366,ROW(INDEX(Jesper!AK$2:AK$366,ROUNDDOWN($C3952/24,0)+1,1))-1)+IF('Standard Profiles'!$G$21=$B$10,7,0)+IF('Standard Profiles'!$G$21=$B$17,14,0)+IF('Standard Profiles'!$G$21=$B$24,21,0),0)),0)</f>
        <v>0</v>
      </c>
      <c r="H3952" cm="1">
        <f t="array" ref="H3952">IFERROR(INDEX(Jesper!AL$2:AL$366,ROUNDDOWN($C3952/24,0)+1,1)*INDEX($D$3:$AA$30,INDEX(Jesper!$R$2:$R$366,ROW(INDEX(Jesper!AL$2:AL$366,ROUNDDOWN($C3952/24,0)+1,1))-1)+IF('Standard Profiles'!$G$22=$B$10,7,0)+IF('Standard Profiles'!$G$22=$B$17,14,0)+IF('Standard Profiles'!$G$22=$B$24,21,0),MOD($C3952,24)+1)/SUM(INDEX($D$3:$AA$30,INDEX(Jesper!$R$2:$R$366,ROW(INDEX(Jesper!AL$2:AL$366,ROUNDDOWN($C3952/24,0)+1,1))-1)+IF('Standard Profiles'!$G$22=$B$10,7,0)+IF('Standard Profiles'!$G$22=$B$17,14,0)+IF('Standard Profiles'!$G$22=$B$24,21,0),0)),0)</f>
        <v>0</v>
      </c>
      <c r="I3952">
        <f t="shared" si="447"/>
        <v>0.30502101968281392</v>
      </c>
      <c r="J3952">
        <f t="shared" si="448"/>
        <v>1.0167367322760466</v>
      </c>
      <c r="K3952">
        <f t="shared" si="449"/>
        <v>1.5251050984140695</v>
      </c>
      <c r="L3952">
        <f t="shared" si="450"/>
        <v>7.3205044723875341</v>
      </c>
      <c r="M3952">
        <f t="shared" si="451"/>
        <v>0</v>
      </c>
      <c r="N3952" s="46">
        <f t="shared" si="452"/>
        <v>45455.249999990498</v>
      </c>
    </row>
    <row r="3953" spans="2:14" x14ac:dyDescent="0.3">
      <c r="B3953">
        <f t="shared" si="446"/>
        <v>3</v>
      </c>
      <c r="C3953" s="16">
        <v>3919</v>
      </c>
      <c r="D3953" cm="1">
        <f t="array" ref="D3953">IFERROR(INDEX(Jesper!AH$2:AH$366,ROUNDDOWN($C3953/24,0)+1,1)*INDEX($D$3:$AA$30,INDEX(Jesper!$R$2:$R$366,ROW(INDEX(Jesper!AH$2:AH$366,ROUNDDOWN($C3953/24,0)+1,1))-1)+IF('Standard Profiles'!$G$18=$B$10,7,0)+IF('Standard Profiles'!$G$18=$B$17,14,0)+IF('Standard Profiles'!$G$18=$B$24,21,0),MOD($C3953,24)+1)/SUM(INDEX($D$3:$AA$30,INDEX(Jesper!$R$2:$R$366,ROW(INDEX(Jesper!AH$2:AH$366,ROUNDDOWN($C3953/24,0)+1,1))-1)+IF('Standard Profiles'!$G$18=$B$10,7,0)+IF('Standard Profiles'!$G$18=$B$17,14,0)+IF('Standard Profiles'!$G$18=$B$24,21,0),0)),0)</f>
        <v>10.167367322760464</v>
      </c>
      <c r="E3953" cm="1">
        <f t="array" ref="E3953">IFERROR(INDEX(Jesper!AI$2:AI$366,ROUNDDOWN($C3953/24,0)+1,1)*INDEX($D$3:$AA$30,INDEX(Jesper!$R$2:$R$366,ROW(INDEX(Jesper!AI$2:AI$366,ROUNDDOWN($C3953/24,0)+1,1))-1)+IF('Standard Profiles'!$G$19=$B$10,7,0)+IF('Standard Profiles'!$G$19=$B$17,14,0)+IF('Standard Profiles'!$G$19=$B$24,21,0),MOD($C3953,24)+1)/SUM(INDEX($D$3:$AA$30,INDEX(Jesper!$R$2:$R$366,ROW(INDEX(Jesper!AI$2:AI$366,ROUNDDOWN($C3953/24,0)+1,1))-1)+IF('Standard Profiles'!$G$19=$B$10,7,0)+IF('Standard Profiles'!$G$19=$B$17,14,0)+IF('Standard Profiles'!$G$19=$B$24,21,0),0)),0)</f>
        <v>0</v>
      </c>
      <c r="F3953" cm="1">
        <f t="array" ref="F3953">IFERROR(INDEX(Jesper!AJ$2:AJ$366,ROUNDDOWN($C3953/24,0)+1,1)*INDEX($D$3:$AA$30,INDEX(Jesper!$R$2:$R$366,ROW(INDEX(Jesper!AJ$2:AJ$366,ROUNDDOWN($C3953/24,0)+1,1))-1)+IF('Standard Profiles'!$G$20=$B$10,7,0)+IF('Standard Profiles'!$G$20=$B$17,14,0)+IF('Standard Profiles'!$G$20=$B$24,21,0),MOD($C3953,24)+1)/SUM(INDEX($D$3:$AA$30,INDEX(Jesper!$R$2:$R$366,ROW(INDEX(Jesper!AJ$2:AJ$366,ROUNDDOWN($C3953/24,0)+1,1))-1)+IF('Standard Profiles'!$G$20=$B$10,7,0)+IF('Standard Profiles'!$G$20=$B$17,14,0)+IF('Standard Profiles'!$G$20=$B$24,21,0),0)),0)</f>
        <v>0</v>
      </c>
      <c r="G3953" cm="1">
        <f t="array" ref="G3953">IFERROR(INDEX(Jesper!AK$2:AK$366,ROUNDDOWN($C3953/24,0)+1,1)*INDEX($D$3:$AA$30,INDEX(Jesper!$R$2:$R$366,ROW(INDEX(Jesper!AK$2:AK$366,ROUNDDOWN($C3953/24,0)+1,1))-1)+IF('Standard Profiles'!$G$21=$B$10,7,0)+IF('Standard Profiles'!$G$21=$B$17,14,0)+IF('Standard Profiles'!$G$21=$B$24,21,0),MOD($C3953,24)+1)/SUM(INDEX($D$3:$AA$30,INDEX(Jesper!$R$2:$R$366,ROW(INDEX(Jesper!AK$2:AK$366,ROUNDDOWN($C3953/24,0)+1,1))-1)+IF('Standard Profiles'!$G$21=$B$10,7,0)+IF('Standard Profiles'!$G$21=$B$17,14,0)+IF('Standard Profiles'!$G$21=$B$24,21,0),0)),0)</f>
        <v>0</v>
      </c>
      <c r="H3953" cm="1">
        <f t="array" ref="H3953">IFERROR(INDEX(Jesper!AL$2:AL$366,ROUNDDOWN($C3953/24,0)+1,1)*INDEX($D$3:$AA$30,INDEX(Jesper!$R$2:$R$366,ROW(INDEX(Jesper!AL$2:AL$366,ROUNDDOWN($C3953/24,0)+1,1))-1)+IF('Standard Profiles'!$G$22=$B$10,7,0)+IF('Standard Profiles'!$G$22=$B$17,14,0)+IF('Standard Profiles'!$G$22=$B$24,21,0),MOD($C3953,24)+1)/SUM(INDEX($D$3:$AA$30,INDEX(Jesper!$R$2:$R$366,ROW(INDEX(Jesper!AL$2:AL$366,ROUNDDOWN($C3953/24,0)+1,1))-1)+IF('Standard Profiles'!$G$22=$B$10,7,0)+IF('Standard Profiles'!$G$22=$B$17,14,0)+IF('Standard Profiles'!$G$22=$B$24,21,0),0)),0)</f>
        <v>0</v>
      </c>
      <c r="I3953">
        <f t="shared" si="447"/>
        <v>0.30502101968281392</v>
      </c>
      <c r="J3953">
        <f t="shared" si="448"/>
        <v>1.0167367322760466</v>
      </c>
      <c r="K3953">
        <f t="shared" si="449"/>
        <v>1.5251050984140695</v>
      </c>
      <c r="L3953">
        <f t="shared" si="450"/>
        <v>7.3205044723875341</v>
      </c>
      <c r="M3953">
        <f t="shared" si="451"/>
        <v>0</v>
      </c>
      <c r="N3953" s="46">
        <f t="shared" si="452"/>
        <v>45455.291666657162</v>
      </c>
    </row>
    <row r="3954" spans="2:14" x14ac:dyDescent="0.3">
      <c r="B3954">
        <f t="shared" si="446"/>
        <v>3</v>
      </c>
      <c r="C3954" s="16">
        <v>3920</v>
      </c>
      <c r="D3954" cm="1">
        <f t="array" ref="D3954">IFERROR(INDEX(Jesper!AH$2:AH$366,ROUNDDOWN($C3954/24,0)+1,1)*INDEX($D$3:$AA$30,INDEX(Jesper!$R$2:$R$366,ROW(INDEX(Jesper!AH$2:AH$366,ROUNDDOWN($C3954/24,0)+1,1))-1)+IF('Standard Profiles'!$G$18=$B$10,7,0)+IF('Standard Profiles'!$G$18=$B$17,14,0)+IF('Standard Profiles'!$G$18=$B$24,21,0),MOD($C3954,24)+1)/SUM(INDEX($D$3:$AA$30,INDEX(Jesper!$R$2:$R$366,ROW(INDEX(Jesper!AH$2:AH$366,ROUNDDOWN($C3954/24,0)+1,1))-1)+IF('Standard Profiles'!$G$18=$B$10,7,0)+IF('Standard Profiles'!$G$18=$B$17,14,0)+IF('Standard Profiles'!$G$18=$B$24,21,0),0)),0)</f>
        <v>10.167367322760464</v>
      </c>
      <c r="E3954" cm="1">
        <f t="array" ref="E3954">IFERROR(INDEX(Jesper!AI$2:AI$366,ROUNDDOWN($C3954/24,0)+1,1)*INDEX($D$3:$AA$30,INDEX(Jesper!$R$2:$R$366,ROW(INDEX(Jesper!AI$2:AI$366,ROUNDDOWN($C3954/24,0)+1,1))-1)+IF('Standard Profiles'!$G$19=$B$10,7,0)+IF('Standard Profiles'!$G$19=$B$17,14,0)+IF('Standard Profiles'!$G$19=$B$24,21,0),MOD($C3954,24)+1)/SUM(INDEX($D$3:$AA$30,INDEX(Jesper!$R$2:$R$366,ROW(INDEX(Jesper!AI$2:AI$366,ROUNDDOWN($C3954/24,0)+1,1))-1)+IF('Standard Profiles'!$G$19=$B$10,7,0)+IF('Standard Profiles'!$G$19=$B$17,14,0)+IF('Standard Profiles'!$G$19=$B$24,21,0),0)),0)</f>
        <v>0</v>
      </c>
      <c r="F3954" cm="1">
        <f t="array" ref="F3954">IFERROR(INDEX(Jesper!AJ$2:AJ$366,ROUNDDOWN($C3954/24,0)+1,1)*INDEX($D$3:$AA$30,INDEX(Jesper!$R$2:$R$366,ROW(INDEX(Jesper!AJ$2:AJ$366,ROUNDDOWN($C3954/24,0)+1,1))-1)+IF('Standard Profiles'!$G$20=$B$10,7,0)+IF('Standard Profiles'!$G$20=$B$17,14,0)+IF('Standard Profiles'!$G$20=$B$24,21,0),MOD($C3954,24)+1)/SUM(INDEX($D$3:$AA$30,INDEX(Jesper!$R$2:$R$366,ROW(INDEX(Jesper!AJ$2:AJ$366,ROUNDDOWN($C3954/24,0)+1,1))-1)+IF('Standard Profiles'!$G$20=$B$10,7,0)+IF('Standard Profiles'!$G$20=$B$17,14,0)+IF('Standard Profiles'!$G$20=$B$24,21,0),0)),0)</f>
        <v>0</v>
      </c>
      <c r="G3954" cm="1">
        <f t="array" ref="G3954">IFERROR(INDEX(Jesper!AK$2:AK$366,ROUNDDOWN($C3954/24,0)+1,1)*INDEX($D$3:$AA$30,INDEX(Jesper!$R$2:$R$366,ROW(INDEX(Jesper!AK$2:AK$366,ROUNDDOWN($C3954/24,0)+1,1))-1)+IF('Standard Profiles'!$G$21=$B$10,7,0)+IF('Standard Profiles'!$G$21=$B$17,14,0)+IF('Standard Profiles'!$G$21=$B$24,21,0),MOD($C3954,24)+1)/SUM(INDEX($D$3:$AA$30,INDEX(Jesper!$R$2:$R$366,ROW(INDEX(Jesper!AK$2:AK$366,ROUNDDOWN($C3954/24,0)+1,1))-1)+IF('Standard Profiles'!$G$21=$B$10,7,0)+IF('Standard Profiles'!$G$21=$B$17,14,0)+IF('Standard Profiles'!$G$21=$B$24,21,0),0)),0)</f>
        <v>0</v>
      </c>
      <c r="H3954" cm="1">
        <f t="array" ref="H3954">IFERROR(INDEX(Jesper!AL$2:AL$366,ROUNDDOWN($C3954/24,0)+1,1)*INDEX($D$3:$AA$30,INDEX(Jesper!$R$2:$R$366,ROW(INDEX(Jesper!AL$2:AL$366,ROUNDDOWN($C3954/24,0)+1,1))-1)+IF('Standard Profiles'!$G$22=$B$10,7,0)+IF('Standard Profiles'!$G$22=$B$17,14,0)+IF('Standard Profiles'!$G$22=$B$24,21,0),MOD($C3954,24)+1)/SUM(INDEX($D$3:$AA$30,INDEX(Jesper!$R$2:$R$366,ROW(INDEX(Jesper!AL$2:AL$366,ROUNDDOWN($C3954/24,0)+1,1))-1)+IF('Standard Profiles'!$G$22=$B$10,7,0)+IF('Standard Profiles'!$G$22=$B$17,14,0)+IF('Standard Profiles'!$G$22=$B$24,21,0),0)),0)</f>
        <v>0</v>
      </c>
      <c r="I3954">
        <f t="shared" si="447"/>
        <v>0.30502101968281392</v>
      </c>
      <c r="J3954">
        <f t="shared" si="448"/>
        <v>1.0167367322760466</v>
      </c>
      <c r="K3954">
        <f t="shared" si="449"/>
        <v>1.5251050984140695</v>
      </c>
      <c r="L3954">
        <f t="shared" si="450"/>
        <v>7.3205044723875341</v>
      </c>
      <c r="M3954">
        <f t="shared" si="451"/>
        <v>0</v>
      </c>
      <c r="N3954" s="46">
        <f t="shared" si="452"/>
        <v>45455.333333323826</v>
      </c>
    </row>
    <row r="3955" spans="2:14" x14ac:dyDescent="0.3">
      <c r="B3955">
        <f t="shared" si="446"/>
        <v>3</v>
      </c>
      <c r="C3955" s="16">
        <v>3921</v>
      </c>
      <c r="D3955" cm="1">
        <f t="array" ref="D3955">IFERROR(INDEX(Jesper!AH$2:AH$366,ROUNDDOWN($C3955/24,0)+1,1)*INDEX($D$3:$AA$30,INDEX(Jesper!$R$2:$R$366,ROW(INDEX(Jesper!AH$2:AH$366,ROUNDDOWN($C3955/24,0)+1,1))-1)+IF('Standard Profiles'!$G$18=$B$10,7,0)+IF('Standard Profiles'!$G$18=$B$17,14,0)+IF('Standard Profiles'!$G$18=$B$24,21,0),MOD($C3955,24)+1)/SUM(INDEX($D$3:$AA$30,INDEX(Jesper!$R$2:$R$366,ROW(INDEX(Jesper!AH$2:AH$366,ROUNDDOWN($C3955/24,0)+1,1))-1)+IF('Standard Profiles'!$G$18=$B$10,7,0)+IF('Standard Profiles'!$G$18=$B$17,14,0)+IF('Standard Profiles'!$G$18=$B$24,21,0),0)),0)</f>
        <v>10.926126078190348</v>
      </c>
      <c r="E3955" cm="1">
        <f t="array" ref="E3955">IFERROR(INDEX(Jesper!AI$2:AI$366,ROUNDDOWN($C3955/24,0)+1,1)*INDEX($D$3:$AA$30,INDEX(Jesper!$R$2:$R$366,ROW(INDEX(Jesper!AI$2:AI$366,ROUNDDOWN($C3955/24,0)+1,1))-1)+IF('Standard Profiles'!$G$19=$B$10,7,0)+IF('Standard Profiles'!$G$19=$B$17,14,0)+IF('Standard Profiles'!$G$19=$B$24,21,0),MOD($C3955,24)+1)/SUM(INDEX($D$3:$AA$30,INDEX(Jesper!$R$2:$R$366,ROW(INDEX(Jesper!AI$2:AI$366,ROUNDDOWN($C3955/24,0)+1,1))-1)+IF('Standard Profiles'!$G$19=$B$10,7,0)+IF('Standard Profiles'!$G$19=$B$17,14,0)+IF('Standard Profiles'!$G$19=$B$24,21,0),0)),0)</f>
        <v>0</v>
      </c>
      <c r="F3955" cm="1">
        <f t="array" ref="F3955">IFERROR(INDEX(Jesper!AJ$2:AJ$366,ROUNDDOWN($C3955/24,0)+1,1)*INDEX($D$3:$AA$30,INDEX(Jesper!$R$2:$R$366,ROW(INDEX(Jesper!AJ$2:AJ$366,ROUNDDOWN($C3955/24,0)+1,1))-1)+IF('Standard Profiles'!$G$20=$B$10,7,0)+IF('Standard Profiles'!$G$20=$B$17,14,0)+IF('Standard Profiles'!$G$20=$B$24,21,0),MOD($C3955,24)+1)/SUM(INDEX($D$3:$AA$30,INDEX(Jesper!$R$2:$R$366,ROW(INDEX(Jesper!AJ$2:AJ$366,ROUNDDOWN($C3955/24,0)+1,1))-1)+IF('Standard Profiles'!$G$20=$B$10,7,0)+IF('Standard Profiles'!$G$20=$B$17,14,0)+IF('Standard Profiles'!$G$20=$B$24,21,0),0)),0)</f>
        <v>0</v>
      </c>
      <c r="G3955" cm="1">
        <f t="array" ref="G3955">IFERROR(INDEX(Jesper!AK$2:AK$366,ROUNDDOWN($C3955/24,0)+1,1)*INDEX($D$3:$AA$30,INDEX(Jesper!$R$2:$R$366,ROW(INDEX(Jesper!AK$2:AK$366,ROUNDDOWN($C3955/24,0)+1,1))-1)+IF('Standard Profiles'!$G$21=$B$10,7,0)+IF('Standard Profiles'!$G$21=$B$17,14,0)+IF('Standard Profiles'!$G$21=$B$24,21,0),MOD($C3955,24)+1)/SUM(INDEX($D$3:$AA$30,INDEX(Jesper!$R$2:$R$366,ROW(INDEX(Jesper!AK$2:AK$366,ROUNDDOWN($C3955/24,0)+1,1))-1)+IF('Standard Profiles'!$G$21=$B$10,7,0)+IF('Standard Profiles'!$G$21=$B$17,14,0)+IF('Standard Profiles'!$G$21=$B$24,21,0),0)),0)</f>
        <v>0</v>
      </c>
      <c r="H3955" cm="1">
        <f t="array" ref="H3955">IFERROR(INDEX(Jesper!AL$2:AL$366,ROUNDDOWN($C3955/24,0)+1,1)*INDEX($D$3:$AA$30,INDEX(Jesper!$R$2:$R$366,ROW(INDEX(Jesper!AL$2:AL$366,ROUNDDOWN($C3955/24,0)+1,1))-1)+IF('Standard Profiles'!$G$22=$B$10,7,0)+IF('Standard Profiles'!$G$22=$B$17,14,0)+IF('Standard Profiles'!$G$22=$B$24,21,0),MOD($C3955,24)+1)/SUM(INDEX($D$3:$AA$30,INDEX(Jesper!$R$2:$R$366,ROW(INDEX(Jesper!AL$2:AL$366,ROUNDDOWN($C3955/24,0)+1,1))-1)+IF('Standard Profiles'!$G$22=$B$10,7,0)+IF('Standard Profiles'!$G$22=$B$17,14,0)+IF('Standard Profiles'!$G$22=$B$24,21,0),0)),0)</f>
        <v>0</v>
      </c>
      <c r="I3955">
        <f t="shared" si="447"/>
        <v>0.32778378234571043</v>
      </c>
      <c r="J3955">
        <f t="shared" si="448"/>
        <v>1.0926126078190348</v>
      </c>
      <c r="K3955">
        <f t="shared" si="449"/>
        <v>1.6389189117285523</v>
      </c>
      <c r="L3955">
        <f t="shared" si="450"/>
        <v>7.8668107762970507</v>
      </c>
      <c r="M3955">
        <f t="shared" si="451"/>
        <v>0</v>
      </c>
      <c r="N3955" s="46">
        <f t="shared" si="452"/>
        <v>45455.37499999049</v>
      </c>
    </row>
    <row r="3956" spans="2:14" x14ac:dyDescent="0.3">
      <c r="B3956">
        <f t="shared" si="446"/>
        <v>3</v>
      </c>
      <c r="C3956" s="16">
        <v>3922</v>
      </c>
      <c r="D3956" cm="1">
        <f t="array" ref="D3956">IFERROR(INDEX(Jesper!AH$2:AH$366,ROUNDDOWN($C3956/24,0)+1,1)*INDEX($D$3:$AA$30,INDEX(Jesper!$R$2:$R$366,ROW(INDEX(Jesper!AH$2:AH$366,ROUNDDOWN($C3956/24,0)+1,1))-1)+IF('Standard Profiles'!$G$18=$B$10,7,0)+IF('Standard Profiles'!$G$18=$B$17,14,0)+IF('Standard Profiles'!$G$18=$B$24,21,0),MOD($C3956,24)+1)/SUM(INDEX($D$3:$AA$30,INDEX(Jesper!$R$2:$R$366,ROW(INDEX(Jesper!AH$2:AH$366,ROUNDDOWN($C3956/24,0)+1,1))-1)+IF('Standard Profiles'!$G$18=$B$10,7,0)+IF('Standard Profiles'!$G$18=$B$17,14,0)+IF('Standard Profiles'!$G$18=$B$24,21,0),0)),0)</f>
        <v>11.836636584706211</v>
      </c>
      <c r="E3956" cm="1">
        <f t="array" ref="E3956">IFERROR(INDEX(Jesper!AI$2:AI$366,ROUNDDOWN($C3956/24,0)+1,1)*INDEX($D$3:$AA$30,INDEX(Jesper!$R$2:$R$366,ROW(INDEX(Jesper!AI$2:AI$366,ROUNDDOWN($C3956/24,0)+1,1))-1)+IF('Standard Profiles'!$G$19=$B$10,7,0)+IF('Standard Profiles'!$G$19=$B$17,14,0)+IF('Standard Profiles'!$G$19=$B$24,21,0),MOD($C3956,24)+1)/SUM(INDEX($D$3:$AA$30,INDEX(Jesper!$R$2:$R$366,ROW(INDEX(Jesper!AI$2:AI$366,ROUNDDOWN($C3956/24,0)+1,1))-1)+IF('Standard Profiles'!$G$19=$B$10,7,0)+IF('Standard Profiles'!$G$19=$B$17,14,0)+IF('Standard Profiles'!$G$19=$B$24,21,0),0)),0)</f>
        <v>0</v>
      </c>
      <c r="F3956" cm="1">
        <f t="array" ref="F3956">IFERROR(INDEX(Jesper!AJ$2:AJ$366,ROUNDDOWN($C3956/24,0)+1,1)*INDEX($D$3:$AA$30,INDEX(Jesper!$R$2:$R$366,ROW(INDEX(Jesper!AJ$2:AJ$366,ROUNDDOWN($C3956/24,0)+1,1))-1)+IF('Standard Profiles'!$G$20=$B$10,7,0)+IF('Standard Profiles'!$G$20=$B$17,14,0)+IF('Standard Profiles'!$G$20=$B$24,21,0),MOD($C3956,24)+1)/SUM(INDEX($D$3:$AA$30,INDEX(Jesper!$R$2:$R$366,ROW(INDEX(Jesper!AJ$2:AJ$366,ROUNDDOWN($C3956/24,0)+1,1))-1)+IF('Standard Profiles'!$G$20=$B$10,7,0)+IF('Standard Profiles'!$G$20=$B$17,14,0)+IF('Standard Profiles'!$G$20=$B$24,21,0),0)),0)</f>
        <v>0</v>
      </c>
      <c r="G3956" cm="1">
        <f t="array" ref="G3956">IFERROR(INDEX(Jesper!AK$2:AK$366,ROUNDDOWN($C3956/24,0)+1,1)*INDEX($D$3:$AA$30,INDEX(Jesper!$R$2:$R$366,ROW(INDEX(Jesper!AK$2:AK$366,ROUNDDOWN($C3956/24,0)+1,1))-1)+IF('Standard Profiles'!$G$21=$B$10,7,0)+IF('Standard Profiles'!$G$21=$B$17,14,0)+IF('Standard Profiles'!$G$21=$B$24,21,0),MOD($C3956,24)+1)/SUM(INDEX($D$3:$AA$30,INDEX(Jesper!$R$2:$R$366,ROW(INDEX(Jesper!AK$2:AK$366,ROUNDDOWN($C3956/24,0)+1,1))-1)+IF('Standard Profiles'!$G$21=$B$10,7,0)+IF('Standard Profiles'!$G$21=$B$17,14,0)+IF('Standard Profiles'!$G$21=$B$24,21,0),0)),0)</f>
        <v>0</v>
      </c>
      <c r="H3956" cm="1">
        <f t="array" ref="H3956">IFERROR(INDEX(Jesper!AL$2:AL$366,ROUNDDOWN($C3956/24,0)+1,1)*INDEX($D$3:$AA$30,INDEX(Jesper!$R$2:$R$366,ROW(INDEX(Jesper!AL$2:AL$366,ROUNDDOWN($C3956/24,0)+1,1))-1)+IF('Standard Profiles'!$G$22=$B$10,7,0)+IF('Standard Profiles'!$G$22=$B$17,14,0)+IF('Standard Profiles'!$G$22=$B$24,21,0),MOD($C3956,24)+1)/SUM(INDEX($D$3:$AA$30,INDEX(Jesper!$R$2:$R$366,ROW(INDEX(Jesper!AL$2:AL$366,ROUNDDOWN($C3956/24,0)+1,1))-1)+IF('Standard Profiles'!$G$22=$B$10,7,0)+IF('Standard Profiles'!$G$22=$B$17,14,0)+IF('Standard Profiles'!$G$22=$B$24,21,0),0)),0)</f>
        <v>0</v>
      </c>
      <c r="I3956">
        <f t="shared" si="447"/>
        <v>0.35509909754118629</v>
      </c>
      <c r="J3956">
        <f t="shared" si="448"/>
        <v>1.183663658470621</v>
      </c>
      <c r="K3956">
        <f t="shared" si="449"/>
        <v>1.7754954877059317</v>
      </c>
      <c r="L3956">
        <f t="shared" si="450"/>
        <v>8.522378340988471</v>
      </c>
      <c r="M3956">
        <f t="shared" si="451"/>
        <v>0</v>
      </c>
      <c r="N3956" s="46">
        <f t="shared" si="452"/>
        <v>45455.416666657155</v>
      </c>
    </row>
    <row r="3957" spans="2:14" x14ac:dyDescent="0.3">
      <c r="B3957">
        <f t="shared" si="446"/>
        <v>3</v>
      </c>
      <c r="C3957" s="16">
        <v>3923</v>
      </c>
      <c r="D3957" cm="1">
        <f t="array" ref="D3957">IFERROR(INDEX(Jesper!AH$2:AH$366,ROUNDDOWN($C3957/24,0)+1,1)*INDEX($D$3:$AA$30,INDEX(Jesper!$R$2:$R$366,ROW(INDEX(Jesper!AH$2:AH$366,ROUNDDOWN($C3957/24,0)+1,1))-1)+IF('Standard Profiles'!$G$18=$B$10,7,0)+IF('Standard Profiles'!$G$18=$B$17,14,0)+IF('Standard Profiles'!$G$18=$B$24,21,0),MOD($C3957,24)+1)/SUM(INDEX($D$3:$AA$30,INDEX(Jesper!$R$2:$R$366,ROW(INDEX(Jesper!AH$2:AH$366,ROUNDDOWN($C3957/24,0)+1,1))-1)+IF('Standard Profiles'!$G$18=$B$10,7,0)+IF('Standard Profiles'!$G$18=$B$17,14,0)+IF('Standard Profiles'!$G$18=$B$24,21,0),0)),0)</f>
        <v>13.657657597737936</v>
      </c>
      <c r="E3957" cm="1">
        <f t="array" ref="E3957">IFERROR(INDEX(Jesper!AI$2:AI$366,ROUNDDOWN($C3957/24,0)+1,1)*INDEX($D$3:$AA$30,INDEX(Jesper!$R$2:$R$366,ROW(INDEX(Jesper!AI$2:AI$366,ROUNDDOWN($C3957/24,0)+1,1))-1)+IF('Standard Profiles'!$G$19=$B$10,7,0)+IF('Standard Profiles'!$G$19=$B$17,14,0)+IF('Standard Profiles'!$G$19=$B$24,21,0),MOD($C3957,24)+1)/SUM(INDEX($D$3:$AA$30,INDEX(Jesper!$R$2:$R$366,ROW(INDEX(Jesper!AI$2:AI$366,ROUNDDOWN($C3957/24,0)+1,1))-1)+IF('Standard Profiles'!$G$19=$B$10,7,0)+IF('Standard Profiles'!$G$19=$B$17,14,0)+IF('Standard Profiles'!$G$19=$B$24,21,0),0)),0)</f>
        <v>0</v>
      </c>
      <c r="F3957" cm="1">
        <f t="array" ref="F3957">IFERROR(INDEX(Jesper!AJ$2:AJ$366,ROUNDDOWN($C3957/24,0)+1,1)*INDEX($D$3:$AA$30,INDEX(Jesper!$R$2:$R$366,ROW(INDEX(Jesper!AJ$2:AJ$366,ROUNDDOWN($C3957/24,0)+1,1))-1)+IF('Standard Profiles'!$G$20=$B$10,7,0)+IF('Standard Profiles'!$G$20=$B$17,14,0)+IF('Standard Profiles'!$G$20=$B$24,21,0),MOD($C3957,24)+1)/SUM(INDEX($D$3:$AA$30,INDEX(Jesper!$R$2:$R$366,ROW(INDEX(Jesper!AJ$2:AJ$366,ROUNDDOWN($C3957/24,0)+1,1))-1)+IF('Standard Profiles'!$G$20=$B$10,7,0)+IF('Standard Profiles'!$G$20=$B$17,14,0)+IF('Standard Profiles'!$G$20=$B$24,21,0),0)),0)</f>
        <v>0</v>
      </c>
      <c r="G3957" cm="1">
        <f t="array" ref="G3957">IFERROR(INDEX(Jesper!AK$2:AK$366,ROUNDDOWN($C3957/24,0)+1,1)*INDEX($D$3:$AA$30,INDEX(Jesper!$R$2:$R$366,ROW(INDEX(Jesper!AK$2:AK$366,ROUNDDOWN($C3957/24,0)+1,1))-1)+IF('Standard Profiles'!$G$21=$B$10,7,0)+IF('Standard Profiles'!$G$21=$B$17,14,0)+IF('Standard Profiles'!$G$21=$B$24,21,0),MOD($C3957,24)+1)/SUM(INDEX($D$3:$AA$30,INDEX(Jesper!$R$2:$R$366,ROW(INDEX(Jesper!AK$2:AK$366,ROUNDDOWN($C3957/24,0)+1,1))-1)+IF('Standard Profiles'!$G$21=$B$10,7,0)+IF('Standard Profiles'!$G$21=$B$17,14,0)+IF('Standard Profiles'!$G$21=$B$24,21,0),0)),0)</f>
        <v>0</v>
      </c>
      <c r="H3957" cm="1">
        <f t="array" ref="H3957">IFERROR(INDEX(Jesper!AL$2:AL$366,ROUNDDOWN($C3957/24,0)+1,1)*INDEX($D$3:$AA$30,INDEX(Jesper!$R$2:$R$366,ROW(INDEX(Jesper!AL$2:AL$366,ROUNDDOWN($C3957/24,0)+1,1))-1)+IF('Standard Profiles'!$G$22=$B$10,7,0)+IF('Standard Profiles'!$G$22=$B$17,14,0)+IF('Standard Profiles'!$G$22=$B$24,21,0),MOD($C3957,24)+1)/SUM(INDEX($D$3:$AA$30,INDEX(Jesper!$R$2:$R$366,ROW(INDEX(Jesper!AL$2:AL$366,ROUNDDOWN($C3957/24,0)+1,1))-1)+IF('Standard Profiles'!$G$22=$B$10,7,0)+IF('Standard Profiles'!$G$22=$B$17,14,0)+IF('Standard Profiles'!$G$22=$B$24,21,0),0)),0)</f>
        <v>0</v>
      </c>
      <c r="I3957">
        <f t="shared" si="447"/>
        <v>0.40972972793213808</v>
      </c>
      <c r="J3957">
        <f t="shared" si="448"/>
        <v>1.3657657597737938</v>
      </c>
      <c r="K3957">
        <f t="shared" si="449"/>
        <v>2.0486486396606902</v>
      </c>
      <c r="L3957">
        <f t="shared" si="450"/>
        <v>9.8335134703713134</v>
      </c>
      <c r="M3957">
        <f t="shared" si="451"/>
        <v>0</v>
      </c>
      <c r="N3957" s="46">
        <f t="shared" si="452"/>
        <v>45455.458333323819</v>
      </c>
    </row>
    <row r="3958" spans="2:14" x14ac:dyDescent="0.3">
      <c r="B3958">
        <f t="shared" si="446"/>
        <v>3</v>
      </c>
      <c r="C3958" s="16">
        <v>3924</v>
      </c>
      <c r="D3958" cm="1">
        <f t="array" ref="D3958">IFERROR(INDEX(Jesper!AH$2:AH$366,ROUNDDOWN($C3958/24,0)+1,1)*INDEX($D$3:$AA$30,INDEX(Jesper!$R$2:$R$366,ROW(INDEX(Jesper!AH$2:AH$366,ROUNDDOWN($C3958/24,0)+1,1))-1)+IF('Standard Profiles'!$G$18=$B$10,7,0)+IF('Standard Profiles'!$G$18=$B$17,14,0)+IF('Standard Profiles'!$G$18=$B$24,21,0),MOD($C3958,24)+1)/SUM(INDEX($D$3:$AA$30,INDEX(Jesper!$R$2:$R$366,ROW(INDEX(Jesper!AH$2:AH$366,ROUNDDOWN($C3958/24,0)+1,1))-1)+IF('Standard Profiles'!$G$18=$B$10,7,0)+IF('Standard Profiles'!$G$18=$B$17,14,0)+IF('Standard Profiles'!$G$18=$B$24,21,0),0)),0)</f>
        <v>13.657657597737936</v>
      </c>
      <c r="E3958" cm="1">
        <f t="array" ref="E3958">IFERROR(INDEX(Jesper!AI$2:AI$366,ROUNDDOWN($C3958/24,0)+1,1)*INDEX($D$3:$AA$30,INDEX(Jesper!$R$2:$R$366,ROW(INDEX(Jesper!AI$2:AI$366,ROUNDDOWN($C3958/24,0)+1,1))-1)+IF('Standard Profiles'!$G$19=$B$10,7,0)+IF('Standard Profiles'!$G$19=$B$17,14,0)+IF('Standard Profiles'!$G$19=$B$24,21,0),MOD($C3958,24)+1)/SUM(INDEX($D$3:$AA$30,INDEX(Jesper!$R$2:$R$366,ROW(INDEX(Jesper!AI$2:AI$366,ROUNDDOWN($C3958/24,0)+1,1))-1)+IF('Standard Profiles'!$G$19=$B$10,7,0)+IF('Standard Profiles'!$G$19=$B$17,14,0)+IF('Standard Profiles'!$G$19=$B$24,21,0),0)),0)</f>
        <v>0</v>
      </c>
      <c r="F3958" cm="1">
        <f t="array" ref="F3958">IFERROR(INDEX(Jesper!AJ$2:AJ$366,ROUNDDOWN($C3958/24,0)+1,1)*INDEX($D$3:$AA$30,INDEX(Jesper!$R$2:$R$366,ROW(INDEX(Jesper!AJ$2:AJ$366,ROUNDDOWN($C3958/24,0)+1,1))-1)+IF('Standard Profiles'!$G$20=$B$10,7,0)+IF('Standard Profiles'!$G$20=$B$17,14,0)+IF('Standard Profiles'!$G$20=$B$24,21,0),MOD($C3958,24)+1)/SUM(INDEX($D$3:$AA$30,INDEX(Jesper!$R$2:$R$366,ROW(INDEX(Jesper!AJ$2:AJ$366,ROUNDDOWN($C3958/24,0)+1,1))-1)+IF('Standard Profiles'!$G$20=$B$10,7,0)+IF('Standard Profiles'!$G$20=$B$17,14,0)+IF('Standard Profiles'!$G$20=$B$24,21,0),0)),0)</f>
        <v>0</v>
      </c>
      <c r="G3958" cm="1">
        <f t="array" ref="G3958">IFERROR(INDEX(Jesper!AK$2:AK$366,ROUNDDOWN($C3958/24,0)+1,1)*INDEX($D$3:$AA$30,INDEX(Jesper!$R$2:$R$366,ROW(INDEX(Jesper!AK$2:AK$366,ROUNDDOWN($C3958/24,0)+1,1))-1)+IF('Standard Profiles'!$G$21=$B$10,7,0)+IF('Standard Profiles'!$G$21=$B$17,14,0)+IF('Standard Profiles'!$G$21=$B$24,21,0),MOD($C3958,24)+1)/SUM(INDEX($D$3:$AA$30,INDEX(Jesper!$R$2:$R$366,ROW(INDEX(Jesper!AK$2:AK$366,ROUNDDOWN($C3958/24,0)+1,1))-1)+IF('Standard Profiles'!$G$21=$B$10,7,0)+IF('Standard Profiles'!$G$21=$B$17,14,0)+IF('Standard Profiles'!$G$21=$B$24,21,0),0)),0)</f>
        <v>0</v>
      </c>
      <c r="H3958" cm="1">
        <f t="array" ref="H3958">IFERROR(INDEX(Jesper!AL$2:AL$366,ROUNDDOWN($C3958/24,0)+1,1)*INDEX($D$3:$AA$30,INDEX(Jesper!$R$2:$R$366,ROW(INDEX(Jesper!AL$2:AL$366,ROUNDDOWN($C3958/24,0)+1,1))-1)+IF('Standard Profiles'!$G$22=$B$10,7,0)+IF('Standard Profiles'!$G$22=$B$17,14,0)+IF('Standard Profiles'!$G$22=$B$24,21,0),MOD($C3958,24)+1)/SUM(INDEX($D$3:$AA$30,INDEX(Jesper!$R$2:$R$366,ROW(INDEX(Jesper!AL$2:AL$366,ROUNDDOWN($C3958/24,0)+1,1))-1)+IF('Standard Profiles'!$G$22=$B$10,7,0)+IF('Standard Profiles'!$G$22=$B$17,14,0)+IF('Standard Profiles'!$G$22=$B$24,21,0),0)),0)</f>
        <v>0</v>
      </c>
      <c r="I3958">
        <f t="shared" si="447"/>
        <v>0.40972972793213808</v>
      </c>
      <c r="J3958">
        <f t="shared" si="448"/>
        <v>1.3657657597737938</v>
      </c>
      <c r="K3958">
        <f t="shared" si="449"/>
        <v>2.0486486396606902</v>
      </c>
      <c r="L3958">
        <f t="shared" si="450"/>
        <v>9.8335134703713134</v>
      </c>
      <c r="M3958">
        <f t="shared" si="451"/>
        <v>0</v>
      </c>
      <c r="N3958" s="46">
        <f t="shared" si="452"/>
        <v>45455.499999990483</v>
      </c>
    </row>
    <row r="3959" spans="2:14" x14ac:dyDescent="0.3">
      <c r="B3959">
        <f t="shared" si="446"/>
        <v>3</v>
      </c>
      <c r="C3959" s="16">
        <v>3925</v>
      </c>
      <c r="D3959" cm="1">
        <f t="array" ref="D3959">IFERROR(INDEX(Jesper!AH$2:AH$366,ROUNDDOWN($C3959/24,0)+1,1)*INDEX($D$3:$AA$30,INDEX(Jesper!$R$2:$R$366,ROW(INDEX(Jesper!AH$2:AH$366,ROUNDDOWN($C3959/24,0)+1,1))-1)+IF('Standard Profiles'!$G$18=$B$10,7,0)+IF('Standard Profiles'!$G$18=$B$17,14,0)+IF('Standard Profiles'!$G$18=$B$24,21,0),MOD($C3959,24)+1)/SUM(INDEX($D$3:$AA$30,INDEX(Jesper!$R$2:$R$366,ROW(INDEX(Jesper!AH$2:AH$366,ROUNDDOWN($C3959/24,0)+1,1))-1)+IF('Standard Profiles'!$G$18=$B$10,7,0)+IF('Standard Profiles'!$G$18=$B$17,14,0)+IF('Standard Profiles'!$G$18=$B$24,21,0),0)),0)</f>
        <v>13.657657597737936</v>
      </c>
      <c r="E3959" cm="1">
        <f t="array" ref="E3959">IFERROR(INDEX(Jesper!AI$2:AI$366,ROUNDDOWN($C3959/24,0)+1,1)*INDEX($D$3:$AA$30,INDEX(Jesper!$R$2:$R$366,ROW(INDEX(Jesper!AI$2:AI$366,ROUNDDOWN($C3959/24,0)+1,1))-1)+IF('Standard Profiles'!$G$19=$B$10,7,0)+IF('Standard Profiles'!$G$19=$B$17,14,0)+IF('Standard Profiles'!$G$19=$B$24,21,0),MOD($C3959,24)+1)/SUM(INDEX($D$3:$AA$30,INDEX(Jesper!$R$2:$R$366,ROW(INDEX(Jesper!AI$2:AI$366,ROUNDDOWN($C3959/24,0)+1,1))-1)+IF('Standard Profiles'!$G$19=$B$10,7,0)+IF('Standard Profiles'!$G$19=$B$17,14,0)+IF('Standard Profiles'!$G$19=$B$24,21,0),0)),0)</f>
        <v>0</v>
      </c>
      <c r="F3959" cm="1">
        <f t="array" ref="F3959">IFERROR(INDEX(Jesper!AJ$2:AJ$366,ROUNDDOWN($C3959/24,0)+1,1)*INDEX($D$3:$AA$30,INDEX(Jesper!$R$2:$R$366,ROW(INDEX(Jesper!AJ$2:AJ$366,ROUNDDOWN($C3959/24,0)+1,1))-1)+IF('Standard Profiles'!$G$20=$B$10,7,0)+IF('Standard Profiles'!$G$20=$B$17,14,0)+IF('Standard Profiles'!$G$20=$B$24,21,0),MOD($C3959,24)+1)/SUM(INDEX($D$3:$AA$30,INDEX(Jesper!$R$2:$R$366,ROW(INDEX(Jesper!AJ$2:AJ$366,ROUNDDOWN($C3959/24,0)+1,1))-1)+IF('Standard Profiles'!$G$20=$B$10,7,0)+IF('Standard Profiles'!$G$20=$B$17,14,0)+IF('Standard Profiles'!$G$20=$B$24,21,0),0)),0)</f>
        <v>0</v>
      </c>
      <c r="G3959" cm="1">
        <f t="array" ref="G3959">IFERROR(INDEX(Jesper!AK$2:AK$366,ROUNDDOWN($C3959/24,0)+1,1)*INDEX($D$3:$AA$30,INDEX(Jesper!$R$2:$R$366,ROW(INDEX(Jesper!AK$2:AK$366,ROUNDDOWN($C3959/24,0)+1,1))-1)+IF('Standard Profiles'!$G$21=$B$10,7,0)+IF('Standard Profiles'!$G$21=$B$17,14,0)+IF('Standard Profiles'!$G$21=$B$24,21,0),MOD($C3959,24)+1)/SUM(INDEX($D$3:$AA$30,INDEX(Jesper!$R$2:$R$366,ROW(INDEX(Jesper!AK$2:AK$366,ROUNDDOWN($C3959/24,0)+1,1))-1)+IF('Standard Profiles'!$G$21=$B$10,7,0)+IF('Standard Profiles'!$G$21=$B$17,14,0)+IF('Standard Profiles'!$G$21=$B$24,21,0),0)),0)</f>
        <v>0</v>
      </c>
      <c r="H3959" cm="1">
        <f t="array" ref="H3959">IFERROR(INDEX(Jesper!AL$2:AL$366,ROUNDDOWN($C3959/24,0)+1,1)*INDEX($D$3:$AA$30,INDEX(Jesper!$R$2:$R$366,ROW(INDEX(Jesper!AL$2:AL$366,ROUNDDOWN($C3959/24,0)+1,1))-1)+IF('Standard Profiles'!$G$22=$B$10,7,0)+IF('Standard Profiles'!$G$22=$B$17,14,0)+IF('Standard Profiles'!$G$22=$B$24,21,0),MOD($C3959,24)+1)/SUM(INDEX($D$3:$AA$30,INDEX(Jesper!$R$2:$R$366,ROW(INDEX(Jesper!AL$2:AL$366,ROUNDDOWN($C3959/24,0)+1,1))-1)+IF('Standard Profiles'!$G$22=$B$10,7,0)+IF('Standard Profiles'!$G$22=$B$17,14,0)+IF('Standard Profiles'!$G$22=$B$24,21,0),0)),0)</f>
        <v>0</v>
      </c>
      <c r="I3959">
        <f t="shared" si="447"/>
        <v>0.40972972793213808</v>
      </c>
      <c r="J3959">
        <f t="shared" si="448"/>
        <v>1.3657657597737938</v>
      </c>
      <c r="K3959">
        <f t="shared" si="449"/>
        <v>2.0486486396606902</v>
      </c>
      <c r="L3959">
        <f t="shared" si="450"/>
        <v>9.8335134703713134</v>
      </c>
      <c r="M3959">
        <f t="shared" si="451"/>
        <v>0</v>
      </c>
      <c r="N3959" s="46">
        <f t="shared" si="452"/>
        <v>45455.541666657147</v>
      </c>
    </row>
    <row r="3960" spans="2:14" x14ac:dyDescent="0.3">
      <c r="B3960">
        <f t="shared" si="446"/>
        <v>3</v>
      </c>
      <c r="C3960" s="16">
        <v>3926</v>
      </c>
      <c r="D3960" cm="1">
        <f t="array" ref="D3960">IFERROR(INDEX(Jesper!AH$2:AH$366,ROUNDDOWN($C3960/24,0)+1,1)*INDEX($D$3:$AA$30,INDEX(Jesper!$R$2:$R$366,ROW(INDEX(Jesper!AH$2:AH$366,ROUNDDOWN($C3960/24,0)+1,1))-1)+IF('Standard Profiles'!$G$18=$B$10,7,0)+IF('Standard Profiles'!$G$18=$B$17,14,0)+IF('Standard Profiles'!$G$18=$B$24,21,0),MOD($C3960,24)+1)/SUM(INDEX($D$3:$AA$30,INDEX(Jesper!$R$2:$R$366,ROW(INDEX(Jesper!AH$2:AH$366,ROUNDDOWN($C3960/24,0)+1,1))-1)+IF('Standard Profiles'!$G$18=$B$10,7,0)+IF('Standard Profiles'!$G$18=$B$17,14,0)+IF('Standard Profiles'!$G$18=$B$24,21,0),0)),0)</f>
        <v>13.657657597737936</v>
      </c>
      <c r="E3960" cm="1">
        <f t="array" ref="E3960">IFERROR(INDEX(Jesper!AI$2:AI$366,ROUNDDOWN($C3960/24,0)+1,1)*INDEX($D$3:$AA$30,INDEX(Jesper!$R$2:$R$366,ROW(INDEX(Jesper!AI$2:AI$366,ROUNDDOWN($C3960/24,0)+1,1))-1)+IF('Standard Profiles'!$G$19=$B$10,7,0)+IF('Standard Profiles'!$G$19=$B$17,14,0)+IF('Standard Profiles'!$G$19=$B$24,21,0),MOD($C3960,24)+1)/SUM(INDEX($D$3:$AA$30,INDEX(Jesper!$R$2:$R$366,ROW(INDEX(Jesper!AI$2:AI$366,ROUNDDOWN($C3960/24,0)+1,1))-1)+IF('Standard Profiles'!$G$19=$B$10,7,0)+IF('Standard Profiles'!$G$19=$B$17,14,0)+IF('Standard Profiles'!$G$19=$B$24,21,0),0)),0)</f>
        <v>0</v>
      </c>
      <c r="F3960" cm="1">
        <f t="array" ref="F3960">IFERROR(INDEX(Jesper!AJ$2:AJ$366,ROUNDDOWN($C3960/24,0)+1,1)*INDEX($D$3:$AA$30,INDEX(Jesper!$R$2:$R$366,ROW(INDEX(Jesper!AJ$2:AJ$366,ROUNDDOWN($C3960/24,0)+1,1))-1)+IF('Standard Profiles'!$G$20=$B$10,7,0)+IF('Standard Profiles'!$G$20=$B$17,14,0)+IF('Standard Profiles'!$G$20=$B$24,21,0),MOD($C3960,24)+1)/SUM(INDEX($D$3:$AA$30,INDEX(Jesper!$R$2:$R$366,ROW(INDEX(Jesper!AJ$2:AJ$366,ROUNDDOWN($C3960/24,0)+1,1))-1)+IF('Standard Profiles'!$G$20=$B$10,7,0)+IF('Standard Profiles'!$G$20=$B$17,14,0)+IF('Standard Profiles'!$G$20=$B$24,21,0),0)),0)</f>
        <v>0</v>
      </c>
      <c r="G3960" cm="1">
        <f t="array" ref="G3960">IFERROR(INDEX(Jesper!AK$2:AK$366,ROUNDDOWN($C3960/24,0)+1,1)*INDEX($D$3:$AA$30,INDEX(Jesper!$R$2:$R$366,ROW(INDEX(Jesper!AK$2:AK$366,ROUNDDOWN($C3960/24,0)+1,1))-1)+IF('Standard Profiles'!$G$21=$B$10,7,0)+IF('Standard Profiles'!$G$21=$B$17,14,0)+IF('Standard Profiles'!$G$21=$B$24,21,0),MOD($C3960,24)+1)/SUM(INDEX($D$3:$AA$30,INDEX(Jesper!$R$2:$R$366,ROW(INDEX(Jesper!AK$2:AK$366,ROUNDDOWN($C3960/24,0)+1,1))-1)+IF('Standard Profiles'!$G$21=$B$10,7,0)+IF('Standard Profiles'!$G$21=$B$17,14,0)+IF('Standard Profiles'!$G$21=$B$24,21,0),0)),0)</f>
        <v>0</v>
      </c>
      <c r="H3960" cm="1">
        <f t="array" ref="H3960">IFERROR(INDEX(Jesper!AL$2:AL$366,ROUNDDOWN($C3960/24,0)+1,1)*INDEX($D$3:$AA$30,INDEX(Jesper!$R$2:$R$366,ROW(INDEX(Jesper!AL$2:AL$366,ROUNDDOWN($C3960/24,0)+1,1))-1)+IF('Standard Profiles'!$G$22=$B$10,7,0)+IF('Standard Profiles'!$G$22=$B$17,14,0)+IF('Standard Profiles'!$G$22=$B$24,21,0),MOD($C3960,24)+1)/SUM(INDEX($D$3:$AA$30,INDEX(Jesper!$R$2:$R$366,ROW(INDEX(Jesper!AL$2:AL$366,ROUNDDOWN($C3960/24,0)+1,1))-1)+IF('Standard Profiles'!$G$22=$B$10,7,0)+IF('Standard Profiles'!$G$22=$B$17,14,0)+IF('Standard Profiles'!$G$22=$B$24,21,0),0)),0)</f>
        <v>0</v>
      </c>
      <c r="I3960">
        <f t="shared" si="447"/>
        <v>0.40972972793213808</v>
      </c>
      <c r="J3960">
        <f t="shared" si="448"/>
        <v>1.3657657597737938</v>
      </c>
      <c r="K3960">
        <f t="shared" si="449"/>
        <v>2.0486486396606902</v>
      </c>
      <c r="L3960">
        <f t="shared" si="450"/>
        <v>9.8335134703713134</v>
      </c>
      <c r="M3960">
        <f t="shared" si="451"/>
        <v>0</v>
      </c>
      <c r="N3960" s="46">
        <f t="shared" si="452"/>
        <v>45455.583333323812</v>
      </c>
    </row>
    <row r="3961" spans="2:14" x14ac:dyDescent="0.3">
      <c r="B3961">
        <f t="shared" si="446"/>
        <v>3</v>
      </c>
      <c r="C3961" s="16">
        <v>3927</v>
      </c>
      <c r="D3961" cm="1">
        <f t="array" ref="D3961">IFERROR(INDEX(Jesper!AH$2:AH$366,ROUNDDOWN($C3961/24,0)+1,1)*INDEX($D$3:$AA$30,INDEX(Jesper!$R$2:$R$366,ROW(INDEX(Jesper!AH$2:AH$366,ROUNDDOWN($C3961/24,0)+1,1))-1)+IF('Standard Profiles'!$G$18=$B$10,7,0)+IF('Standard Profiles'!$G$18=$B$17,14,0)+IF('Standard Profiles'!$G$18=$B$24,21,0),MOD($C3961,24)+1)/SUM(INDEX($D$3:$AA$30,INDEX(Jesper!$R$2:$R$366,ROW(INDEX(Jesper!AH$2:AH$366,ROUNDDOWN($C3961/24,0)+1,1))-1)+IF('Standard Profiles'!$G$18=$B$10,7,0)+IF('Standard Profiles'!$G$18=$B$17,14,0)+IF('Standard Profiles'!$G$18=$B$24,21,0),0)),0)</f>
        <v>13.657657597737936</v>
      </c>
      <c r="E3961" cm="1">
        <f t="array" ref="E3961">IFERROR(INDEX(Jesper!AI$2:AI$366,ROUNDDOWN($C3961/24,0)+1,1)*INDEX($D$3:$AA$30,INDEX(Jesper!$R$2:$R$366,ROW(INDEX(Jesper!AI$2:AI$366,ROUNDDOWN($C3961/24,0)+1,1))-1)+IF('Standard Profiles'!$G$19=$B$10,7,0)+IF('Standard Profiles'!$G$19=$B$17,14,0)+IF('Standard Profiles'!$G$19=$B$24,21,0),MOD($C3961,24)+1)/SUM(INDEX($D$3:$AA$30,INDEX(Jesper!$R$2:$R$366,ROW(INDEX(Jesper!AI$2:AI$366,ROUNDDOWN($C3961/24,0)+1,1))-1)+IF('Standard Profiles'!$G$19=$B$10,7,0)+IF('Standard Profiles'!$G$19=$B$17,14,0)+IF('Standard Profiles'!$G$19=$B$24,21,0),0)),0)</f>
        <v>0</v>
      </c>
      <c r="F3961" cm="1">
        <f t="array" ref="F3961">IFERROR(INDEX(Jesper!AJ$2:AJ$366,ROUNDDOWN($C3961/24,0)+1,1)*INDEX($D$3:$AA$30,INDEX(Jesper!$R$2:$R$366,ROW(INDEX(Jesper!AJ$2:AJ$366,ROUNDDOWN($C3961/24,0)+1,1))-1)+IF('Standard Profiles'!$G$20=$B$10,7,0)+IF('Standard Profiles'!$G$20=$B$17,14,0)+IF('Standard Profiles'!$G$20=$B$24,21,0),MOD($C3961,24)+1)/SUM(INDEX($D$3:$AA$30,INDEX(Jesper!$R$2:$R$366,ROW(INDEX(Jesper!AJ$2:AJ$366,ROUNDDOWN($C3961/24,0)+1,1))-1)+IF('Standard Profiles'!$G$20=$B$10,7,0)+IF('Standard Profiles'!$G$20=$B$17,14,0)+IF('Standard Profiles'!$G$20=$B$24,21,0),0)),0)</f>
        <v>0</v>
      </c>
      <c r="G3961" cm="1">
        <f t="array" ref="G3961">IFERROR(INDEX(Jesper!AK$2:AK$366,ROUNDDOWN($C3961/24,0)+1,1)*INDEX($D$3:$AA$30,INDEX(Jesper!$R$2:$R$366,ROW(INDEX(Jesper!AK$2:AK$366,ROUNDDOWN($C3961/24,0)+1,1))-1)+IF('Standard Profiles'!$G$21=$B$10,7,0)+IF('Standard Profiles'!$G$21=$B$17,14,0)+IF('Standard Profiles'!$G$21=$B$24,21,0),MOD($C3961,24)+1)/SUM(INDEX($D$3:$AA$30,INDEX(Jesper!$R$2:$R$366,ROW(INDEX(Jesper!AK$2:AK$366,ROUNDDOWN($C3961/24,0)+1,1))-1)+IF('Standard Profiles'!$G$21=$B$10,7,0)+IF('Standard Profiles'!$G$21=$B$17,14,0)+IF('Standard Profiles'!$G$21=$B$24,21,0),0)),0)</f>
        <v>0</v>
      </c>
      <c r="H3961" cm="1">
        <f t="array" ref="H3961">IFERROR(INDEX(Jesper!AL$2:AL$366,ROUNDDOWN($C3961/24,0)+1,1)*INDEX($D$3:$AA$30,INDEX(Jesper!$R$2:$R$366,ROW(INDEX(Jesper!AL$2:AL$366,ROUNDDOWN($C3961/24,0)+1,1))-1)+IF('Standard Profiles'!$G$22=$B$10,7,0)+IF('Standard Profiles'!$G$22=$B$17,14,0)+IF('Standard Profiles'!$G$22=$B$24,21,0),MOD($C3961,24)+1)/SUM(INDEX($D$3:$AA$30,INDEX(Jesper!$R$2:$R$366,ROW(INDEX(Jesper!AL$2:AL$366,ROUNDDOWN($C3961/24,0)+1,1))-1)+IF('Standard Profiles'!$G$22=$B$10,7,0)+IF('Standard Profiles'!$G$22=$B$17,14,0)+IF('Standard Profiles'!$G$22=$B$24,21,0),0)),0)</f>
        <v>0</v>
      </c>
      <c r="I3961">
        <f t="shared" si="447"/>
        <v>0.40972972793213808</v>
      </c>
      <c r="J3961">
        <f t="shared" si="448"/>
        <v>1.3657657597737938</v>
      </c>
      <c r="K3961">
        <f t="shared" si="449"/>
        <v>2.0486486396606902</v>
      </c>
      <c r="L3961">
        <f t="shared" si="450"/>
        <v>9.8335134703713134</v>
      </c>
      <c r="M3961">
        <f t="shared" si="451"/>
        <v>0</v>
      </c>
      <c r="N3961" s="46">
        <f t="shared" si="452"/>
        <v>45455.624999990476</v>
      </c>
    </row>
    <row r="3962" spans="2:14" x14ac:dyDescent="0.3">
      <c r="B3962">
        <f t="shared" si="446"/>
        <v>3</v>
      </c>
      <c r="C3962" s="16">
        <v>3928</v>
      </c>
      <c r="D3962" cm="1">
        <f t="array" ref="D3962">IFERROR(INDEX(Jesper!AH$2:AH$366,ROUNDDOWN($C3962/24,0)+1,1)*INDEX($D$3:$AA$30,INDEX(Jesper!$R$2:$R$366,ROW(INDEX(Jesper!AH$2:AH$366,ROUNDDOWN($C3962/24,0)+1,1))-1)+IF('Standard Profiles'!$G$18=$B$10,7,0)+IF('Standard Profiles'!$G$18=$B$17,14,0)+IF('Standard Profiles'!$G$18=$B$24,21,0),MOD($C3962,24)+1)/SUM(INDEX($D$3:$AA$30,INDEX(Jesper!$R$2:$R$366,ROW(INDEX(Jesper!AH$2:AH$366,ROUNDDOWN($C3962/24,0)+1,1))-1)+IF('Standard Profiles'!$G$18=$B$10,7,0)+IF('Standard Profiles'!$G$18=$B$17,14,0)+IF('Standard Profiles'!$G$18=$B$24,21,0),0)),0)</f>
        <v>13.657657597737936</v>
      </c>
      <c r="E3962" cm="1">
        <f t="array" ref="E3962">IFERROR(INDEX(Jesper!AI$2:AI$366,ROUNDDOWN($C3962/24,0)+1,1)*INDEX($D$3:$AA$30,INDEX(Jesper!$R$2:$R$366,ROW(INDEX(Jesper!AI$2:AI$366,ROUNDDOWN($C3962/24,0)+1,1))-1)+IF('Standard Profiles'!$G$19=$B$10,7,0)+IF('Standard Profiles'!$G$19=$B$17,14,0)+IF('Standard Profiles'!$G$19=$B$24,21,0),MOD($C3962,24)+1)/SUM(INDEX($D$3:$AA$30,INDEX(Jesper!$R$2:$R$366,ROW(INDEX(Jesper!AI$2:AI$366,ROUNDDOWN($C3962/24,0)+1,1))-1)+IF('Standard Profiles'!$G$19=$B$10,7,0)+IF('Standard Profiles'!$G$19=$B$17,14,0)+IF('Standard Profiles'!$G$19=$B$24,21,0),0)),0)</f>
        <v>0</v>
      </c>
      <c r="F3962" cm="1">
        <f t="array" ref="F3962">IFERROR(INDEX(Jesper!AJ$2:AJ$366,ROUNDDOWN($C3962/24,0)+1,1)*INDEX($D$3:$AA$30,INDEX(Jesper!$R$2:$R$366,ROW(INDEX(Jesper!AJ$2:AJ$366,ROUNDDOWN($C3962/24,0)+1,1))-1)+IF('Standard Profiles'!$G$20=$B$10,7,0)+IF('Standard Profiles'!$G$20=$B$17,14,0)+IF('Standard Profiles'!$G$20=$B$24,21,0),MOD($C3962,24)+1)/SUM(INDEX($D$3:$AA$30,INDEX(Jesper!$R$2:$R$366,ROW(INDEX(Jesper!AJ$2:AJ$366,ROUNDDOWN($C3962/24,0)+1,1))-1)+IF('Standard Profiles'!$G$20=$B$10,7,0)+IF('Standard Profiles'!$G$20=$B$17,14,0)+IF('Standard Profiles'!$G$20=$B$24,21,0),0)),0)</f>
        <v>0</v>
      </c>
      <c r="G3962" cm="1">
        <f t="array" ref="G3962">IFERROR(INDEX(Jesper!AK$2:AK$366,ROUNDDOWN($C3962/24,0)+1,1)*INDEX($D$3:$AA$30,INDEX(Jesper!$R$2:$R$366,ROW(INDEX(Jesper!AK$2:AK$366,ROUNDDOWN($C3962/24,0)+1,1))-1)+IF('Standard Profiles'!$G$21=$B$10,7,0)+IF('Standard Profiles'!$G$21=$B$17,14,0)+IF('Standard Profiles'!$G$21=$B$24,21,0),MOD($C3962,24)+1)/SUM(INDEX($D$3:$AA$30,INDEX(Jesper!$R$2:$R$366,ROW(INDEX(Jesper!AK$2:AK$366,ROUNDDOWN($C3962/24,0)+1,1))-1)+IF('Standard Profiles'!$G$21=$B$10,7,0)+IF('Standard Profiles'!$G$21=$B$17,14,0)+IF('Standard Profiles'!$G$21=$B$24,21,0),0)),0)</f>
        <v>0</v>
      </c>
      <c r="H3962" cm="1">
        <f t="array" ref="H3962">IFERROR(INDEX(Jesper!AL$2:AL$366,ROUNDDOWN($C3962/24,0)+1,1)*INDEX($D$3:$AA$30,INDEX(Jesper!$R$2:$R$366,ROW(INDEX(Jesper!AL$2:AL$366,ROUNDDOWN($C3962/24,0)+1,1))-1)+IF('Standard Profiles'!$G$22=$B$10,7,0)+IF('Standard Profiles'!$G$22=$B$17,14,0)+IF('Standard Profiles'!$G$22=$B$24,21,0),MOD($C3962,24)+1)/SUM(INDEX($D$3:$AA$30,INDEX(Jesper!$R$2:$R$366,ROW(INDEX(Jesper!AL$2:AL$366,ROUNDDOWN($C3962/24,0)+1,1))-1)+IF('Standard Profiles'!$G$22=$B$10,7,0)+IF('Standard Profiles'!$G$22=$B$17,14,0)+IF('Standard Profiles'!$G$22=$B$24,21,0),0)),0)</f>
        <v>0</v>
      </c>
      <c r="I3962">
        <f t="shared" si="447"/>
        <v>0.40972972793213808</v>
      </c>
      <c r="J3962">
        <f t="shared" si="448"/>
        <v>1.3657657597737938</v>
      </c>
      <c r="K3962">
        <f t="shared" si="449"/>
        <v>2.0486486396606902</v>
      </c>
      <c r="L3962">
        <f t="shared" si="450"/>
        <v>9.8335134703713134</v>
      </c>
      <c r="M3962">
        <f t="shared" si="451"/>
        <v>0</v>
      </c>
      <c r="N3962" s="46">
        <f t="shared" si="452"/>
        <v>45455.66666665714</v>
      </c>
    </row>
    <row r="3963" spans="2:14" x14ac:dyDescent="0.3">
      <c r="B3963">
        <f t="shared" si="446"/>
        <v>3</v>
      </c>
      <c r="C3963" s="16">
        <v>3929</v>
      </c>
      <c r="D3963" cm="1">
        <f t="array" ref="D3963">IFERROR(INDEX(Jesper!AH$2:AH$366,ROUNDDOWN($C3963/24,0)+1,1)*INDEX($D$3:$AA$30,INDEX(Jesper!$R$2:$R$366,ROW(INDEX(Jesper!AH$2:AH$366,ROUNDDOWN($C3963/24,0)+1,1))-1)+IF('Standard Profiles'!$G$18=$B$10,7,0)+IF('Standard Profiles'!$G$18=$B$17,14,0)+IF('Standard Profiles'!$G$18=$B$24,21,0),MOD($C3963,24)+1)/SUM(INDEX($D$3:$AA$30,INDEX(Jesper!$R$2:$R$366,ROW(INDEX(Jesper!AH$2:AH$366,ROUNDDOWN($C3963/24,0)+1,1))-1)+IF('Standard Profiles'!$G$18=$B$10,7,0)+IF('Standard Profiles'!$G$18=$B$17,14,0)+IF('Standard Profiles'!$G$18=$B$24,21,0),0)),0)</f>
        <v>13.657657597737936</v>
      </c>
      <c r="E3963" cm="1">
        <f t="array" ref="E3963">IFERROR(INDEX(Jesper!AI$2:AI$366,ROUNDDOWN($C3963/24,0)+1,1)*INDEX($D$3:$AA$30,INDEX(Jesper!$R$2:$R$366,ROW(INDEX(Jesper!AI$2:AI$366,ROUNDDOWN($C3963/24,0)+1,1))-1)+IF('Standard Profiles'!$G$19=$B$10,7,0)+IF('Standard Profiles'!$G$19=$B$17,14,0)+IF('Standard Profiles'!$G$19=$B$24,21,0),MOD($C3963,24)+1)/SUM(INDEX($D$3:$AA$30,INDEX(Jesper!$R$2:$R$366,ROW(INDEX(Jesper!AI$2:AI$366,ROUNDDOWN($C3963/24,0)+1,1))-1)+IF('Standard Profiles'!$G$19=$B$10,7,0)+IF('Standard Profiles'!$G$19=$B$17,14,0)+IF('Standard Profiles'!$G$19=$B$24,21,0),0)),0)</f>
        <v>0</v>
      </c>
      <c r="F3963" cm="1">
        <f t="array" ref="F3963">IFERROR(INDEX(Jesper!AJ$2:AJ$366,ROUNDDOWN($C3963/24,0)+1,1)*INDEX($D$3:$AA$30,INDEX(Jesper!$R$2:$R$366,ROW(INDEX(Jesper!AJ$2:AJ$366,ROUNDDOWN($C3963/24,0)+1,1))-1)+IF('Standard Profiles'!$G$20=$B$10,7,0)+IF('Standard Profiles'!$G$20=$B$17,14,0)+IF('Standard Profiles'!$G$20=$B$24,21,0),MOD($C3963,24)+1)/SUM(INDEX($D$3:$AA$30,INDEX(Jesper!$R$2:$R$366,ROW(INDEX(Jesper!AJ$2:AJ$366,ROUNDDOWN($C3963/24,0)+1,1))-1)+IF('Standard Profiles'!$G$20=$B$10,7,0)+IF('Standard Profiles'!$G$20=$B$17,14,0)+IF('Standard Profiles'!$G$20=$B$24,21,0),0)),0)</f>
        <v>0</v>
      </c>
      <c r="G3963" cm="1">
        <f t="array" ref="G3963">IFERROR(INDEX(Jesper!AK$2:AK$366,ROUNDDOWN($C3963/24,0)+1,1)*INDEX($D$3:$AA$30,INDEX(Jesper!$R$2:$R$366,ROW(INDEX(Jesper!AK$2:AK$366,ROUNDDOWN($C3963/24,0)+1,1))-1)+IF('Standard Profiles'!$G$21=$B$10,7,0)+IF('Standard Profiles'!$G$21=$B$17,14,0)+IF('Standard Profiles'!$G$21=$B$24,21,0),MOD($C3963,24)+1)/SUM(INDEX($D$3:$AA$30,INDEX(Jesper!$R$2:$R$366,ROW(INDEX(Jesper!AK$2:AK$366,ROUNDDOWN($C3963/24,0)+1,1))-1)+IF('Standard Profiles'!$G$21=$B$10,7,0)+IF('Standard Profiles'!$G$21=$B$17,14,0)+IF('Standard Profiles'!$G$21=$B$24,21,0),0)),0)</f>
        <v>0</v>
      </c>
      <c r="H3963" cm="1">
        <f t="array" ref="H3963">IFERROR(INDEX(Jesper!AL$2:AL$366,ROUNDDOWN($C3963/24,0)+1,1)*INDEX($D$3:$AA$30,INDEX(Jesper!$R$2:$R$366,ROW(INDEX(Jesper!AL$2:AL$366,ROUNDDOWN($C3963/24,0)+1,1))-1)+IF('Standard Profiles'!$G$22=$B$10,7,0)+IF('Standard Profiles'!$G$22=$B$17,14,0)+IF('Standard Profiles'!$G$22=$B$24,21,0),MOD($C3963,24)+1)/SUM(INDEX($D$3:$AA$30,INDEX(Jesper!$R$2:$R$366,ROW(INDEX(Jesper!AL$2:AL$366,ROUNDDOWN($C3963/24,0)+1,1))-1)+IF('Standard Profiles'!$G$22=$B$10,7,0)+IF('Standard Profiles'!$G$22=$B$17,14,0)+IF('Standard Profiles'!$G$22=$B$24,21,0),0)),0)</f>
        <v>0</v>
      </c>
      <c r="I3963">
        <f t="shared" si="447"/>
        <v>0.40972972793213808</v>
      </c>
      <c r="J3963">
        <f t="shared" si="448"/>
        <v>1.3657657597737938</v>
      </c>
      <c r="K3963">
        <f t="shared" si="449"/>
        <v>2.0486486396606902</v>
      </c>
      <c r="L3963">
        <f t="shared" si="450"/>
        <v>9.8335134703713134</v>
      </c>
      <c r="M3963">
        <f t="shared" si="451"/>
        <v>0</v>
      </c>
      <c r="N3963" s="46">
        <f t="shared" si="452"/>
        <v>45455.708333323804</v>
      </c>
    </row>
    <row r="3964" spans="2:14" x14ac:dyDescent="0.3">
      <c r="B3964">
        <f t="shared" si="446"/>
        <v>3</v>
      </c>
      <c r="C3964" s="16">
        <v>3930</v>
      </c>
      <c r="D3964" cm="1">
        <f t="array" ref="D3964">IFERROR(INDEX(Jesper!AH$2:AH$366,ROUNDDOWN($C3964/24,0)+1,1)*INDEX($D$3:$AA$30,INDEX(Jesper!$R$2:$R$366,ROW(INDEX(Jesper!AH$2:AH$366,ROUNDDOWN($C3964/24,0)+1,1))-1)+IF('Standard Profiles'!$G$18=$B$10,7,0)+IF('Standard Profiles'!$G$18=$B$17,14,0)+IF('Standard Profiles'!$G$18=$B$24,21,0),MOD($C3964,24)+1)/SUM(INDEX($D$3:$AA$30,INDEX(Jesper!$R$2:$R$366,ROW(INDEX(Jesper!AH$2:AH$366,ROUNDDOWN($C3964/24,0)+1,1))-1)+IF('Standard Profiles'!$G$18=$B$10,7,0)+IF('Standard Profiles'!$G$18=$B$17,14,0)+IF('Standard Profiles'!$G$18=$B$24,21,0),0)),0)</f>
        <v>13.657657597737936</v>
      </c>
      <c r="E3964" cm="1">
        <f t="array" ref="E3964">IFERROR(INDEX(Jesper!AI$2:AI$366,ROUNDDOWN($C3964/24,0)+1,1)*INDEX($D$3:$AA$30,INDEX(Jesper!$R$2:$R$366,ROW(INDEX(Jesper!AI$2:AI$366,ROUNDDOWN($C3964/24,0)+1,1))-1)+IF('Standard Profiles'!$G$19=$B$10,7,0)+IF('Standard Profiles'!$G$19=$B$17,14,0)+IF('Standard Profiles'!$G$19=$B$24,21,0),MOD($C3964,24)+1)/SUM(INDEX($D$3:$AA$30,INDEX(Jesper!$R$2:$R$366,ROW(INDEX(Jesper!AI$2:AI$366,ROUNDDOWN($C3964/24,0)+1,1))-1)+IF('Standard Profiles'!$G$19=$B$10,7,0)+IF('Standard Profiles'!$G$19=$B$17,14,0)+IF('Standard Profiles'!$G$19=$B$24,21,0),0)),0)</f>
        <v>0</v>
      </c>
      <c r="F3964" cm="1">
        <f t="array" ref="F3964">IFERROR(INDEX(Jesper!AJ$2:AJ$366,ROUNDDOWN($C3964/24,0)+1,1)*INDEX($D$3:$AA$30,INDEX(Jesper!$R$2:$R$366,ROW(INDEX(Jesper!AJ$2:AJ$366,ROUNDDOWN($C3964/24,0)+1,1))-1)+IF('Standard Profiles'!$G$20=$B$10,7,0)+IF('Standard Profiles'!$G$20=$B$17,14,0)+IF('Standard Profiles'!$G$20=$B$24,21,0),MOD($C3964,24)+1)/SUM(INDEX($D$3:$AA$30,INDEX(Jesper!$R$2:$R$366,ROW(INDEX(Jesper!AJ$2:AJ$366,ROUNDDOWN($C3964/24,0)+1,1))-1)+IF('Standard Profiles'!$G$20=$B$10,7,0)+IF('Standard Profiles'!$G$20=$B$17,14,0)+IF('Standard Profiles'!$G$20=$B$24,21,0),0)),0)</f>
        <v>0</v>
      </c>
      <c r="G3964" cm="1">
        <f t="array" ref="G3964">IFERROR(INDEX(Jesper!AK$2:AK$366,ROUNDDOWN($C3964/24,0)+1,1)*INDEX($D$3:$AA$30,INDEX(Jesper!$R$2:$R$366,ROW(INDEX(Jesper!AK$2:AK$366,ROUNDDOWN($C3964/24,0)+1,1))-1)+IF('Standard Profiles'!$G$21=$B$10,7,0)+IF('Standard Profiles'!$G$21=$B$17,14,0)+IF('Standard Profiles'!$G$21=$B$24,21,0),MOD($C3964,24)+1)/SUM(INDEX($D$3:$AA$30,INDEX(Jesper!$R$2:$R$366,ROW(INDEX(Jesper!AK$2:AK$366,ROUNDDOWN($C3964/24,0)+1,1))-1)+IF('Standard Profiles'!$G$21=$B$10,7,0)+IF('Standard Profiles'!$G$21=$B$17,14,0)+IF('Standard Profiles'!$G$21=$B$24,21,0),0)),0)</f>
        <v>0</v>
      </c>
      <c r="H3964" cm="1">
        <f t="array" ref="H3964">IFERROR(INDEX(Jesper!AL$2:AL$366,ROUNDDOWN($C3964/24,0)+1,1)*INDEX($D$3:$AA$30,INDEX(Jesper!$R$2:$R$366,ROW(INDEX(Jesper!AL$2:AL$366,ROUNDDOWN($C3964/24,0)+1,1))-1)+IF('Standard Profiles'!$G$22=$B$10,7,0)+IF('Standard Profiles'!$G$22=$B$17,14,0)+IF('Standard Profiles'!$G$22=$B$24,21,0),MOD($C3964,24)+1)/SUM(INDEX($D$3:$AA$30,INDEX(Jesper!$R$2:$R$366,ROW(INDEX(Jesper!AL$2:AL$366,ROUNDDOWN($C3964/24,0)+1,1))-1)+IF('Standard Profiles'!$G$22=$B$10,7,0)+IF('Standard Profiles'!$G$22=$B$17,14,0)+IF('Standard Profiles'!$G$22=$B$24,21,0),0)),0)</f>
        <v>0</v>
      </c>
      <c r="I3964">
        <f t="shared" si="447"/>
        <v>0.40972972793213808</v>
      </c>
      <c r="J3964">
        <f t="shared" si="448"/>
        <v>1.3657657597737938</v>
      </c>
      <c r="K3964">
        <f t="shared" si="449"/>
        <v>2.0486486396606902</v>
      </c>
      <c r="L3964">
        <f t="shared" si="450"/>
        <v>9.8335134703713134</v>
      </c>
      <c r="M3964">
        <f t="shared" si="451"/>
        <v>0</v>
      </c>
      <c r="N3964" s="46">
        <f t="shared" si="452"/>
        <v>45455.749999990468</v>
      </c>
    </row>
    <row r="3965" spans="2:14" x14ac:dyDescent="0.3">
      <c r="B3965">
        <f t="shared" si="446"/>
        <v>3</v>
      </c>
      <c r="C3965" s="16">
        <v>3931</v>
      </c>
      <c r="D3965" cm="1">
        <f t="array" ref="D3965">IFERROR(INDEX(Jesper!AH$2:AH$366,ROUNDDOWN($C3965/24,0)+1,1)*INDEX($D$3:$AA$30,INDEX(Jesper!$R$2:$R$366,ROW(INDEX(Jesper!AH$2:AH$366,ROUNDDOWN($C3965/24,0)+1,1))-1)+IF('Standard Profiles'!$G$18=$B$10,7,0)+IF('Standard Profiles'!$G$18=$B$17,14,0)+IF('Standard Profiles'!$G$18=$B$24,21,0),MOD($C3965,24)+1)/SUM(INDEX($D$3:$AA$30,INDEX(Jesper!$R$2:$R$366,ROW(INDEX(Jesper!AH$2:AH$366,ROUNDDOWN($C3965/24,0)+1,1))-1)+IF('Standard Profiles'!$G$18=$B$10,7,0)+IF('Standard Profiles'!$G$18=$B$17,14,0)+IF('Standard Profiles'!$G$18=$B$24,21,0),0)),0)</f>
        <v>11.38138133144828</v>
      </c>
      <c r="E3965" cm="1">
        <f t="array" ref="E3965">IFERROR(INDEX(Jesper!AI$2:AI$366,ROUNDDOWN($C3965/24,0)+1,1)*INDEX($D$3:$AA$30,INDEX(Jesper!$R$2:$R$366,ROW(INDEX(Jesper!AI$2:AI$366,ROUNDDOWN($C3965/24,0)+1,1))-1)+IF('Standard Profiles'!$G$19=$B$10,7,0)+IF('Standard Profiles'!$G$19=$B$17,14,0)+IF('Standard Profiles'!$G$19=$B$24,21,0),MOD($C3965,24)+1)/SUM(INDEX($D$3:$AA$30,INDEX(Jesper!$R$2:$R$366,ROW(INDEX(Jesper!AI$2:AI$366,ROUNDDOWN($C3965/24,0)+1,1))-1)+IF('Standard Profiles'!$G$19=$B$10,7,0)+IF('Standard Profiles'!$G$19=$B$17,14,0)+IF('Standard Profiles'!$G$19=$B$24,21,0),0)),0)</f>
        <v>0</v>
      </c>
      <c r="F3965" cm="1">
        <f t="array" ref="F3965">IFERROR(INDEX(Jesper!AJ$2:AJ$366,ROUNDDOWN($C3965/24,0)+1,1)*INDEX($D$3:$AA$30,INDEX(Jesper!$R$2:$R$366,ROW(INDEX(Jesper!AJ$2:AJ$366,ROUNDDOWN($C3965/24,0)+1,1))-1)+IF('Standard Profiles'!$G$20=$B$10,7,0)+IF('Standard Profiles'!$G$20=$B$17,14,0)+IF('Standard Profiles'!$G$20=$B$24,21,0),MOD($C3965,24)+1)/SUM(INDEX($D$3:$AA$30,INDEX(Jesper!$R$2:$R$366,ROW(INDEX(Jesper!AJ$2:AJ$366,ROUNDDOWN($C3965/24,0)+1,1))-1)+IF('Standard Profiles'!$G$20=$B$10,7,0)+IF('Standard Profiles'!$G$20=$B$17,14,0)+IF('Standard Profiles'!$G$20=$B$24,21,0),0)),0)</f>
        <v>0</v>
      </c>
      <c r="G3965" cm="1">
        <f t="array" ref="G3965">IFERROR(INDEX(Jesper!AK$2:AK$366,ROUNDDOWN($C3965/24,0)+1,1)*INDEX($D$3:$AA$30,INDEX(Jesper!$R$2:$R$366,ROW(INDEX(Jesper!AK$2:AK$366,ROUNDDOWN($C3965/24,0)+1,1))-1)+IF('Standard Profiles'!$G$21=$B$10,7,0)+IF('Standard Profiles'!$G$21=$B$17,14,0)+IF('Standard Profiles'!$G$21=$B$24,21,0),MOD($C3965,24)+1)/SUM(INDEX($D$3:$AA$30,INDEX(Jesper!$R$2:$R$366,ROW(INDEX(Jesper!AK$2:AK$366,ROUNDDOWN($C3965/24,0)+1,1))-1)+IF('Standard Profiles'!$G$21=$B$10,7,0)+IF('Standard Profiles'!$G$21=$B$17,14,0)+IF('Standard Profiles'!$G$21=$B$24,21,0),0)),0)</f>
        <v>0</v>
      </c>
      <c r="H3965" cm="1">
        <f t="array" ref="H3965">IFERROR(INDEX(Jesper!AL$2:AL$366,ROUNDDOWN($C3965/24,0)+1,1)*INDEX($D$3:$AA$30,INDEX(Jesper!$R$2:$R$366,ROW(INDEX(Jesper!AL$2:AL$366,ROUNDDOWN($C3965/24,0)+1,1))-1)+IF('Standard Profiles'!$G$22=$B$10,7,0)+IF('Standard Profiles'!$G$22=$B$17,14,0)+IF('Standard Profiles'!$G$22=$B$24,21,0),MOD($C3965,24)+1)/SUM(INDEX($D$3:$AA$30,INDEX(Jesper!$R$2:$R$366,ROW(INDEX(Jesper!AL$2:AL$366,ROUNDDOWN($C3965/24,0)+1,1))-1)+IF('Standard Profiles'!$G$22=$B$10,7,0)+IF('Standard Profiles'!$G$22=$B$17,14,0)+IF('Standard Profiles'!$G$22=$B$24,21,0),0)),0)</f>
        <v>0</v>
      </c>
      <c r="I3965">
        <f t="shared" si="447"/>
        <v>0.34144143994344839</v>
      </c>
      <c r="J3965">
        <f t="shared" si="448"/>
        <v>1.1381381331448279</v>
      </c>
      <c r="K3965">
        <f t="shared" si="449"/>
        <v>1.707207199717242</v>
      </c>
      <c r="L3965">
        <f t="shared" si="450"/>
        <v>8.1945945586427609</v>
      </c>
      <c r="M3965">
        <f t="shared" si="451"/>
        <v>0</v>
      </c>
      <c r="N3965" s="46">
        <f t="shared" si="452"/>
        <v>45455.791666657133</v>
      </c>
    </row>
    <row r="3966" spans="2:14" x14ac:dyDescent="0.3">
      <c r="B3966">
        <f t="shared" si="446"/>
        <v>3</v>
      </c>
      <c r="C3966" s="16">
        <v>3932</v>
      </c>
      <c r="D3966" cm="1">
        <f t="array" ref="D3966">IFERROR(INDEX(Jesper!AH$2:AH$366,ROUNDDOWN($C3966/24,0)+1,1)*INDEX($D$3:$AA$30,INDEX(Jesper!$R$2:$R$366,ROW(INDEX(Jesper!AH$2:AH$366,ROUNDDOWN($C3966/24,0)+1,1))-1)+IF('Standard Profiles'!$G$18=$B$10,7,0)+IF('Standard Profiles'!$G$18=$B$17,14,0)+IF('Standard Profiles'!$G$18=$B$24,21,0),MOD($C3966,24)+1)/SUM(INDEX($D$3:$AA$30,INDEX(Jesper!$R$2:$R$366,ROW(INDEX(Jesper!AH$2:AH$366,ROUNDDOWN($C3966/24,0)+1,1))-1)+IF('Standard Profiles'!$G$18=$B$10,7,0)+IF('Standard Profiles'!$G$18=$B$17,14,0)+IF('Standard Profiles'!$G$18=$B$24,21,0),0)),0)</f>
        <v>9.1051050651586252</v>
      </c>
      <c r="E3966" cm="1">
        <f t="array" ref="E3966">IFERROR(INDEX(Jesper!AI$2:AI$366,ROUNDDOWN($C3966/24,0)+1,1)*INDEX($D$3:$AA$30,INDEX(Jesper!$R$2:$R$366,ROW(INDEX(Jesper!AI$2:AI$366,ROUNDDOWN($C3966/24,0)+1,1))-1)+IF('Standard Profiles'!$G$19=$B$10,7,0)+IF('Standard Profiles'!$G$19=$B$17,14,0)+IF('Standard Profiles'!$G$19=$B$24,21,0),MOD($C3966,24)+1)/SUM(INDEX($D$3:$AA$30,INDEX(Jesper!$R$2:$R$366,ROW(INDEX(Jesper!AI$2:AI$366,ROUNDDOWN($C3966/24,0)+1,1))-1)+IF('Standard Profiles'!$G$19=$B$10,7,0)+IF('Standard Profiles'!$G$19=$B$17,14,0)+IF('Standard Profiles'!$G$19=$B$24,21,0),0)),0)</f>
        <v>0</v>
      </c>
      <c r="F3966" cm="1">
        <f t="array" ref="F3966">IFERROR(INDEX(Jesper!AJ$2:AJ$366,ROUNDDOWN($C3966/24,0)+1,1)*INDEX($D$3:$AA$30,INDEX(Jesper!$R$2:$R$366,ROW(INDEX(Jesper!AJ$2:AJ$366,ROUNDDOWN($C3966/24,0)+1,1))-1)+IF('Standard Profiles'!$G$20=$B$10,7,0)+IF('Standard Profiles'!$G$20=$B$17,14,0)+IF('Standard Profiles'!$G$20=$B$24,21,0),MOD($C3966,24)+1)/SUM(INDEX($D$3:$AA$30,INDEX(Jesper!$R$2:$R$366,ROW(INDEX(Jesper!AJ$2:AJ$366,ROUNDDOWN($C3966/24,0)+1,1))-1)+IF('Standard Profiles'!$G$20=$B$10,7,0)+IF('Standard Profiles'!$G$20=$B$17,14,0)+IF('Standard Profiles'!$G$20=$B$24,21,0),0)),0)</f>
        <v>0</v>
      </c>
      <c r="G3966" cm="1">
        <f t="array" ref="G3966">IFERROR(INDEX(Jesper!AK$2:AK$366,ROUNDDOWN($C3966/24,0)+1,1)*INDEX($D$3:$AA$30,INDEX(Jesper!$R$2:$R$366,ROW(INDEX(Jesper!AK$2:AK$366,ROUNDDOWN($C3966/24,0)+1,1))-1)+IF('Standard Profiles'!$G$21=$B$10,7,0)+IF('Standard Profiles'!$G$21=$B$17,14,0)+IF('Standard Profiles'!$G$21=$B$24,21,0),MOD($C3966,24)+1)/SUM(INDEX($D$3:$AA$30,INDEX(Jesper!$R$2:$R$366,ROW(INDEX(Jesper!AK$2:AK$366,ROUNDDOWN($C3966/24,0)+1,1))-1)+IF('Standard Profiles'!$G$21=$B$10,7,0)+IF('Standard Profiles'!$G$21=$B$17,14,0)+IF('Standard Profiles'!$G$21=$B$24,21,0),0)),0)</f>
        <v>0</v>
      </c>
      <c r="H3966" cm="1">
        <f t="array" ref="H3966">IFERROR(INDEX(Jesper!AL$2:AL$366,ROUNDDOWN($C3966/24,0)+1,1)*INDEX($D$3:$AA$30,INDEX(Jesper!$R$2:$R$366,ROW(INDEX(Jesper!AL$2:AL$366,ROUNDDOWN($C3966/24,0)+1,1))-1)+IF('Standard Profiles'!$G$22=$B$10,7,0)+IF('Standard Profiles'!$G$22=$B$17,14,0)+IF('Standard Profiles'!$G$22=$B$24,21,0),MOD($C3966,24)+1)/SUM(INDEX($D$3:$AA$30,INDEX(Jesper!$R$2:$R$366,ROW(INDEX(Jesper!AL$2:AL$366,ROUNDDOWN($C3966/24,0)+1,1))-1)+IF('Standard Profiles'!$G$22=$B$10,7,0)+IF('Standard Profiles'!$G$22=$B$17,14,0)+IF('Standard Profiles'!$G$22=$B$24,21,0),0)),0)</f>
        <v>0</v>
      </c>
      <c r="I3966">
        <f t="shared" si="447"/>
        <v>0.27315315195475875</v>
      </c>
      <c r="J3966">
        <f t="shared" si="448"/>
        <v>0.91051050651586252</v>
      </c>
      <c r="K3966">
        <f t="shared" si="449"/>
        <v>1.3657657597737938</v>
      </c>
      <c r="L3966">
        <f t="shared" si="450"/>
        <v>6.5556756469142101</v>
      </c>
      <c r="M3966">
        <f t="shared" si="451"/>
        <v>0</v>
      </c>
      <c r="N3966" s="46">
        <f t="shared" si="452"/>
        <v>45455.833333323797</v>
      </c>
    </row>
    <row r="3967" spans="2:14" x14ac:dyDescent="0.3">
      <c r="B3967">
        <f t="shared" si="446"/>
        <v>3</v>
      </c>
      <c r="C3967" s="16">
        <v>3933</v>
      </c>
      <c r="D3967" cm="1">
        <f t="array" ref="D3967">IFERROR(INDEX(Jesper!AH$2:AH$366,ROUNDDOWN($C3967/24,0)+1,1)*INDEX($D$3:$AA$30,INDEX(Jesper!$R$2:$R$366,ROW(INDEX(Jesper!AH$2:AH$366,ROUNDDOWN($C3967/24,0)+1,1))-1)+IF('Standard Profiles'!$G$18=$B$10,7,0)+IF('Standard Profiles'!$G$18=$B$17,14,0)+IF('Standard Profiles'!$G$18=$B$24,21,0),MOD($C3967,24)+1)/SUM(INDEX($D$3:$AA$30,INDEX(Jesper!$R$2:$R$366,ROW(INDEX(Jesper!AH$2:AH$366,ROUNDDOWN($C3967/24,0)+1,1))-1)+IF('Standard Profiles'!$G$18=$B$10,7,0)+IF('Standard Profiles'!$G$18=$B$17,14,0)+IF('Standard Profiles'!$G$18=$B$24,21,0),0)),0)</f>
        <v>6.828828798868968</v>
      </c>
      <c r="E3967" cm="1">
        <f t="array" ref="E3967">IFERROR(INDEX(Jesper!AI$2:AI$366,ROUNDDOWN($C3967/24,0)+1,1)*INDEX($D$3:$AA$30,INDEX(Jesper!$R$2:$R$366,ROW(INDEX(Jesper!AI$2:AI$366,ROUNDDOWN($C3967/24,0)+1,1))-1)+IF('Standard Profiles'!$G$19=$B$10,7,0)+IF('Standard Profiles'!$G$19=$B$17,14,0)+IF('Standard Profiles'!$G$19=$B$24,21,0),MOD($C3967,24)+1)/SUM(INDEX($D$3:$AA$30,INDEX(Jesper!$R$2:$R$366,ROW(INDEX(Jesper!AI$2:AI$366,ROUNDDOWN($C3967/24,0)+1,1))-1)+IF('Standard Profiles'!$G$19=$B$10,7,0)+IF('Standard Profiles'!$G$19=$B$17,14,0)+IF('Standard Profiles'!$G$19=$B$24,21,0),0)),0)</f>
        <v>0</v>
      </c>
      <c r="F3967" cm="1">
        <f t="array" ref="F3967">IFERROR(INDEX(Jesper!AJ$2:AJ$366,ROUNDDOWN($C3967/24,0)+1,1)*INDEX($D$3:$AA$30,INDEX(Jesper!$R$2:$R$366,ROW(INDEX(Jesper!AJ$2:AJ$366,ROUNDDOWN($C3967/24,0)+1,1))-1)+IF('Standard Profiles'!$G$20=$B$10,7,0)+IF('Standard Profiles'!$G$20=$B$17,14,0)+IF('Standard Profiles'!$G$20=$B$24,21,0),MOD($C3967,24)+1)/SUM(INDEX($D$3:$AA$30,INDEX(Jesper!$R$2:$R$366,ROW(INDEX(Jesper!AJ$2:AJ$366,ROUNDDOWN($C3967/24,0)+1,1))-1)+IF('Standard Profiles'!$G$20=$B$10,7,0)+IF('Standard Profiles'!$G$20=$B$17,14,0)+IF('Standard Profiles'!$G$20=$B$24,21,0),0)),0)</f>
        <v>0</v>
      </c>
      <c r="G3967" cm="1">
        <f t="array" ref="G3967">IFERROR(INDEX(Jesper!AK$2:AK$366,ROUNDDOWN($C3967/24,0)+1,1)*INDEX($D$3:$AA$30,INDEX(Jesper!$R$2:$R$366,ROW(INDEX(Jesper!AK$2:AK$366,ROUNDDOWN($C3967/24,0)+1,1))-1)+IF('Standard Profiles'!$G$21=$B$10,7,0)+IF('Standard Profiles'!$G$21=$B$17,14,0)+IF('Standard Profiles'!$G$21=$B$24,21,0),MOD($C3967,24)+1)/SUM(INDEX($D$3:$AA$30,INDEX(Jesper!$R$2:$R$366,ROW(INDEX(Jesper!AK$2:AK$366,ROUNDDOWN($C3967/24,0)+1,1))-1)+IF('Standard Profiles'!$G$21=$B$10,7,0)+IF('Standard Profiles'!$G$21=$B$17,14,0)+IF('Standard Profiles'!$G$21=$B$24,21,0),0)),0)</f>
        <v>0</v>
      </c>
      <c r="H3967" cm="1">
        <f t="array" ref="H3967">IFERROR(INDEX(Jesper!AL$2:AL$366,ROUNDDOWN($C3967/24,0)+1,1)*INDEX($D$3:$AA$30,INDEX(Jesper!$R$2:$R$366,ROW(INDEX(Jesper!AL$2:AL$366,ROUNDDOWN($C3967/24,0)+1,1))-1)+IF('Standard Profiles'!$G$22=$B$10,7,0)+IF('Standard Profiles'!$G$22=$B$17,14,0)+IF('Standard Profiles'!$G$22=$B$24,21,0),MOD($C3967,24)+1)/SUM(INDEX($D$3:$AA$30,INDEX(Jesper!$R$2:$R$366,ROW(INDEX(Jesper!AL$2:AL$366,ROUNDDOWN($C3967/24,0)+1,1))-1)+IF('Standard Profiles'!$G$22=$B$10,7,0)+IF('Standard Profiles'!$G$22=$B$17,14,0)+IF('Standard Profiles'!$G$22=$B$24,21,0),0)),0)</f>
        <v>0</v>
      </c>
      <c r="I3967">
        <f t="shared" si="447"/>
        <v>0.20486486396606904</v>
      </c>
      <c r="J3967">
        <f t="shared" si="448"/>
        <v>0.68288287988689689</v>
      </c>
      <c r="K3967">
        <f t="shared" si="449"/>
        <v>1.0243243198303451</v>
      </c>
      <c r="L3967">
        <f t="shared" si="450"/>
        <v>4.9167567351856567</v>
      </c>
      <c r="M3967">
        <f t="shared" si="451"/>
        <v>0</v>
      </c>
      <c r="N3967" s="46">
        <f t="shared" si="452"/>
        <v>45455.874999990461</v>
      </c>
    </row>
    <row r="3968" spans="2:14" x14ac:dyDescent="0.3">
      <c r="B3968">
        <f t="shared" si="446"/>
        <v>3</v>
      </c>
      <c r="C3968" s="16">
        <v>3934</v>
      </c>
      <c r="D3968" cm="1">
        <f t="array" ref="D3968">IFERROR(INDEX(Jesper!AH$2:AH$366,ROUNDDOWN($C3968/24,0)+1,1)*INDEX($D$3:$AA$30,INDEX(Jesper!$R$2:$R$366,ROW(INDEX(Jesper!AH$2:AH$366,ROUNDDOWN($C3968/24,0)+1,1))-1)+IF('Standard Profiles'!$G$18=$B$10,7,0)+IF('Standard Profiles'!$G$18=$B$17,14,0)+IF('Standard Profiles'!$G$18=$B$24,21,0),MOD($C3968,24)+1)/SUM(INDEX($D$3:$AA$30,INDEX(Jesper!$R$2:$R$366,ROW(INDEX(Jesper!AH$2:AH$366,ROUNDDOWN($C3968/24,0)+1,1))-1)+IF('Standard Profiles'!$G$18=$B$10,7,0)+IF('Standard Profiles'!$G$18=$B$17,14,0)+IF('Standard Profiles'!$G$18=$B$24,21,0),0)),0)</f>
        <v>6.828828798868968</v>
      </c>
      <c r="E3968" cm="1">
        <f t="array" ref="E3968">IFERROR(INDEX(Jesper!AI$2:AI$366,ROUNDDOWN($C3968/24,0)+1,1)*INDEX($D$3:$AA$30,INDEX(Jesper!$R$2:$R$366,ROW(INDEX(Jesper!AI$2:AI$366,ROUNDDOWN($C3968/24,0)+1,1))-1)+IF('Standard Profiles'!$G$19=$B$10,7,0)+IF('Standard Profiles'!$G$19=$B$17,14,0)+IF('Standard Profiles'!$G$19=$B$24,21,0),MOD($C3968,24)+1)/SUM(INDEX($D$3:$AA$30,INDEX(Jesper!$R$2:$R$366,ROW(INDEX(Jesper!AI$2:AI$366,ROUNDDOWN($C3968/24,0)+1,1))-1)+IF('Standard Profiles'!$G$19=$B$10,7,0)+IF('Standard Profiles'!$G$19=$B$17,14,0)+IF('Standard Profiles'!$G$19=$B$24,21,0),0)),0)</f>
        <v>0</v>
      </c>
      <c r="F3968" cm="1">
        <f t="array" ref="F3968">IFERROR(INDEX(Jesper!AJ$2:AJ$366,ROUNDDOWN($C3968/24,0)+1,1)*INDEX($D$3:$AA$30,INDEX(Jesper!$R$2:$R$366,ROW(INDEX(Jesper!AJ$2:AJ$366,ROUNDDOWN($C3968/24,0)+1,1))-1)+IF('Standard Profiles'!$G$20=$B$10,7,0)+IF('Standard Profiles'!$G$20=$B$17,14,0)+IF('Standard Profiles'!$G$20=$B$24,21,0),MOD($C3968,24)+1)/SUM(INDEX($D$3:$AA$30,INDEX(Jesper!$R$2:$R$366,ROW(INDEX(Jesper!AJ$2:AJ$366,ROUNDDOWN($C3968/24,0)+1,1))-1)+IF('Standard Profiles'!$G$20=$B$10,7,0)+IF('Standard Profiles'!$G$20=$B$17,14,0)+IF('Standard Profiles'!$G$20=$B$24,21,0),0)),0)</f>
        <v>0</v>
      </c>
      <c r="G3968" cm="1">
        <f t="array" ref="G3968">IFERROR(INDEX(Jesper!AK$2:AK$366,ROUNDDOWN($C3968/24,0)+1,1)*INDEX($D$3:$AA$30,INDEX(Jesper!$R$2:$R$366,ROW(INDEX(Jesper!AK$2:AK$366,ROUNDDOWN($C3968/24,0)+1,1))-1)+IF('Standard Profiles'!$G$21=$B$10,7,0)+IF('Standard Profiles'!$G$21=$B$17,14,0)+IF('Standard Profiles'!$G$21=$B$24,21,0),MOD($C3968,24)+1)/SUM(INDEX($D$3:$AA$30,INDEX(Jesper!$R$2:$R$366,ROW(INDEX(Jesper!AK$2:AK$366,ROUNDDOWN($C3968/24,0)+1,1))-1)+IF('Standard Profiles'!$G$21=$B$10,7,0)+IF('Standard Profiles'!$G$21=$B$17,14,0)+IF('Standard Profiles'!$G$21=$B$24,21,0),0)),0)</f>
        <v>0</v>
      </c>
      <c r="H3968" cm="1">
        <f t="array" ref="H3968">IFERROR(INDEX(Jesper!AL$2:AL$366,ROUNDDOWN($C3968/24,0)+1,1)*INDEX($D$3:$AA$30,INDEX(Jesper!$R$2:$R$366,ROW(INDEX(Jesper!AL$2:AL$366,ROUNDDOWN($C3968/24,0)+1,1))-1)+IF('Standard Profiles'!$G$22=$B$10,7,0)+IF('Standard Profiles'!$G$22=$B$17,14,0)+IF('Standard Profiles'!$G$22=$B$24,21,0),MOD($C3968,24)+1)/SUM(INDEX($D$3:$AA$30,INDEX(Jesper!$R$2:$R$366,ROW(INDEX(Jesper!AL$2:AL$366,ROUNDDOWN($C3968/24,0)+1,1))-1)+IF('Standard Profiles'!$G$22=$B$10,7,0)+IF('Standard Profiles'!$G$22=$B$17,14,0)+IF('Standard Profiles'!$G$22=$B$24,21,0),0)),0)</f>
        <v>0</v>
      </c>
      <c r="I3968">
        <f t="shared" si="447"/>
        <v>0.20486486396606904</v>
      </c>
      <c r="J3968">
        <f t="shared" si="448"/>
        <v>0.68288287988689689</v>
      </c>
      <c r="K3968">
        <f t="shared" si="449"/>
        <v>1.0243243198303451</v>
      </c>
      <c r="L3968">
        <f t="shared" si="450"/>
        <v>4.9167567351856567</v>
      </c>
      <c r="M3968">
        <f t="shared" si="451"/>
        <v>0</v>
      </c>
      <c r="N3968" s="46">
        <f t="shared" si="452"/>
        <v>45455.916666657125</v>
      </c>
    </row>
    <row r="3969" spans="2:14" x14ac:dyDescent="0.3">
      <c r="B3969">
        <f t="shared" si="446"/>
        <v>3</v>
      </c>
      <c r="C3969" s="16">
        <v>3935</v>
      </c>
      <c r="D3969" cm="1">
        <f t="array" ref="D3969">IFERROR(INDEX(Jesper!AH$2:AH$366,ROUNDDOWN($C3969/24,0)+1,1)*INDEX($D$3:$AA$30,INDEX(Jesper!$R$2:$R$366,ROW(INDEX(Jesper!AH$2:AH$366,ROUNDDOWN($C3969/24,0)+1,1))-1)+IF('Standard Profiles'!$G$18=$B$10,7,0)+IF('Standard Profiles'!$G$18=$B$17,14,0)+IF('Standard Profiles'!$G$18=$B$24,21,0),MOD($C3969,24)+1)/SUM(INDEX($D$3:$AA$30,INDEX(Jesper!$R$2:$R$366,ROW(INDEX(Jesper!AH$2:AH$366,ROUNDDOWN($C3969/24,0)+1,1))-1)+IF('Standard Profiles'!$G$18=$B$10,7,0)+IF('Standard Profiles'!$G$18=$B$17,14,0)+IF('Standard Profiles'!$G$18=$B$24,21,0),0)),0)</f>
        <v>6.828828798868968</v>
      </c>
      <c r="E3969" cm="1">
        <f t="array" ref="E3969">IFERROR(INDEX(Jesper!AI$2:AI$366,ROUNDDOWN($C3969/24,0)+1,1)*INDEX($D$3:$AA$30,INDEX(Jesper!$R$2:$R$366,ROW(INDEX(Jesper!AI$2:AI$366,ROUNDDOWN($C3969/24,0)+1,1))-1)+IF('Standard Profiles'!$G$19=$B$10,7,0)+IF('Standard Profiles'!$G$19=$B$17,14,0)+IF('Standard Profiles'!$G$19=$B$24,21,0),MOD($C3969,24)+1)/SUM(INDEX($D$3:$AA$30,INDEX(Jesper!$R$2:$R$366,ROW(INDEX(Jesper!AI$2:AI$366,ROUNDDOWN($C3969/24,0)+1,1))-1)+IF('Standard Profiles'!$G$19=$B$10,7,0)+IF('Standard Profiles'!$G$19=$B$17,14,0)+IF('Standard Profiles'!$G$19=$B$24,21,0),0)),0)</f>
        <v>0</v>
      </c>
      <c r="F3969" cm="1">
        <f t="array" ref="F3969">IFERROR(INDEX(Jesper!AJ$2:AJ$366,ROUNDDOWN($C3969/24,0)+1,1)*INDEX($D$3:$AA$30,INDEX(Jesper!$R$2:$R$366,ROW(INDEX(Jesper!AJ$2:AJ$366,ROUNDDOWN($C3969/24,0)+1,1))-1)+IF('Standard Profiles'!$G$20=$B$10,7,0)+IF('Standard Profiles'!$G$20=$B$17,14,0)+IF('Standard Profiles'!$G$20=$B$24,21,0),MOD($C3969,24)+1)/SUM(INDEX($D$3:$AA$30,INDEX(Jesper!$R$2:$R$366,ROW(INDEX(Jesper!AJ$2:AJ$366,ROUNDDOWN($C3969/24,0)+1,1))-1)+IF('Standard Profiles'!$G$20=$B$10,7,0)+IF('Standard Profiles'!$G$20=$B$17,14,0)+IF('Standard Profiles'!$G$20=$B$24,21,0),0)),0)</f>
        <v>0</v>
      </c>
      <c r="G3969" cm="1">
        <f t="array" ref="G3969">IFERROR(INDEX(Jesper!AK$2:AK$366,ROUNDDOWN($C3969/24,0)+1,1)*INDEX($D$3:$AA$30,INDEX(Jesper!$R$2:$R$366,ROW(INDEX(Jesper!AK$2:AK$366,ROUNDDOWN($C3969/24,0)+1,1))-1)+IF('Standard Profiles'!$G$21=$B$10,7,0)+IF('Standard Profiles'!$G$21=$B$17,14,0)+IF('Standard Profiles'!$G$21=$B$24,21,0),MOD($C3969,24)+1)/SUM(INDEX($D$3:$AA$30,INDEX(Jesper!$R$2:$R$366,ROW(INDEX(Jesper!AK$2:AK$366,ROUNDDOWN($C3969/24,0)+1,1))-1)+IF('Standard Profiles'!$G$21=$B$10,7,0)+IF('Standard Profiles'!$G$21=$B$17,14,0)+IF('Standard Profiles'!$G$21=$B$24,21,0),0)),0)</f>
        <v>0</v>
      </c>
      <c r="H3969" cm="1">
        <f t="array" ref="H3969">IFERROR(INDEX(Jesper!AL$2:AL$366,ROUNDDOWN($C3969/24,0)+1,1)*INDEX($D$3:$AA$30,INDEX(Jesper!$R$2:$R$366,ROW(INDEX(Jesper!AL$2:AL$366,ROUNDDOWN($C3969/24,0)+1,1))-1)+IF('Standard Profiles'!$G$22=$B$10,7,0)+IF('Standard Profiles'!$G$22=$B$17,14,0)+IF('Standard Profiles'!$G$22=$B$24,21,0),MOD($C3969,24)+1)/SUM(INDEX($D$3:$AA$30,INDEX(Jesper!$R$2:$R$366,ROW(INDEX(Jesper!AL$2:AL$366,ROUNDDOWN($C3969/24,0)+1,1))-1)+IF('Standard Profiles'!$G$22=$B$10,7,0)+IF('Standard Profiles'!$G$22=$B$17,14,0)+IF('Standard Profiles'!$G$22=$B$24,21,0),0)),0)</f>
        <v>0</v>
      </c>
      <c r="I3969">
        <f t="shared" si="447"/>
        <v>0.20486486396606904</v>
      </c>
      <c r="J3969">
        <f t="shared" si="448"/>
        <v>0.68288287988689689</v>
      </c>
      <c r="K3969">
        <f t="shared" si="449"/>
        <v>1.0243243198303451</v>
      </c>
      <c r="L3969">
        <f t="shared" si="450"/>
        <v>4.9167567351856567</v>
      </c>
      <c r="M3969">
        <f t="shared" si="451"/>
        <v>0</v>
      </c>
      <c r="N3969" s="46">
        <f t="shared" si="452"/>
        <v>45455.95833332379</v>
      </c>
    </row>
    <row r="3970" spans="2:14" x14ac:dyDescent="0.3">
      <c r="B3970">
        <f t="shared" si="446"/>
        <v>4</v>
      </c>
      <c r="C3970" s="16">
        <v>3936</v>
      </c>
      <c r="D3970" cm="1">
        <f t="array" ref="D3970">IFERROR(INDEX(Jesper!AH$2:AH$366,ROUNDDOWN($C3970/24,0)+1,1)*INDEX($D$3:$AA$30,INDEX(Jesper!$R$2:$R$366,ROW(INDEX(Jesper!AH$2:AH$366,ROUNDDOWN($C3970/24,0)+1,1))-1)+IF('Standard Profiles'!$G$18=$B$10,7,0)+IF('Standard Profiles'!$G$18=$B$17,14,0)+IF('Standard Profiles'!$G$18=$B$24,21,0),MOD($C3970,24)+1)/SUM(INDEX($D$3:$AA$30,INDEX(Jesper!$R$2:$R$366,ROW(INDEX(Jesper!AH$2:AH$366,ROUNDDOWN($C3970/24,0)+1,1))-1)+IF('Standard Profiles'!$G$18=$B$10,7,0)+IF('Standard Profiles'!$G$18=$B$17,14,0)+IF('Standard Profiles'!$G$18=$B$24,21,0),0)),0)</f>
        <v>6.7665549758090062</v>
      </c>
      <c r="E3970" cm="1">
        <f t="array" ref="E3970">IFERROR(INDEX(Jesper!AI$2:AI$366,ROUNDDOWN($C3970/24,0)+1,1)*INDEX($D$3:$AA$30,INDEX(Jesper!$R$2:$R$366,ROW(INDEX(Jesper!AI$2:AI$366,ROUNDDOWN($C3970/24,0)+1,1))-1)+IF('Standard Profiles'!$G$19=$B$10,7,0)+IF('Standard Profiles'!$G$19=$B$17,14,0)+IF('Standard Profiles'!$G$19=$B$24,21,0),MOD($C3970,24)+1)/SUM(INDEX($D$3:$AA$30,INDEX(Jesper!$R$2:$R$366,ROW(INDEX(Jesper!AI$2:AI$366,ROUNDDOWN($C3970/24,0)+1,1))-1)+IF('Standard Profiles'!$G$19=$B$10,7,0)+IF('Standard Profiles'!$G$19=$B$17,14,0)+IF('Standard Profiles'!$G$19=$B$24,21,0),0)),0)</f>
        <v>0</v>
      </c>
      <c r="F3970" cm="1">
        <f t="array" ref="F3970">IFERROR(INDEX(Jesper!AJ$2:AJ$366,ROUNDDOWN($C3970/24,0)+1,1)*INDEX($D$3:$AA$30,INDEX(Jesper!$R$2:$R$366,ROW(INDEX(Jesper!AJ$2:AJ$366,ROUNDDOWN($C3970/24,0)+1,1))-1)+IF('Standard Profiles'!$G$20=$B$10,7,0)+IF('Standard Profiles'!$G$20=$B$17,14,0)+IF('Standard Profiles'!$G$20=$B$24,21,0),MOD($C3970,24)+1)/SUM(INDEX($D$3:$AA$30,INDEX(Jesper!$R$2:$R$366,ROW(INDEX(Jesper!AJ$2:AJ$366,ROUNDDOWN($C3970/24,0)+1,1))-1)+IF('Standard Profiles'!$G$20=$B$10,7,0)+IF('Standard Profiles'!$G$20=$B$17,14,0)+IF('Standard Profiles'!$G$20=$B$24,21,0),0)),0)</f>
        <v>0</v>
      </c>
      <c r="G3970" cm="1">
        <f t="array" ref="G3970">IFERROR(INDEX(Jesper!AK$2:AK$366,ROUNDDOWN($C3970/24,0)+1,1)*INDEX($D$3:$AA$30,INDEX(Jesper!$R$2:$R$366,ROW(INDEX(Jesper!AK$2:AK$366,ROUNDDOWN($C3970/24,0)+1,1))-1)+IF('Standard Profiles'!$G$21=$B$10,7,0)+IF('Standard Profiles'!$G$21=$B$17,14,0)+IF('Standard Profiles'!$G$21=$B$24,21,0),MOD($C3970,24)+1)/SUM(INDEX($D$3:$AA$30,INDEX(Jesper!$R$2:$R$366,ROW(INDEX(Jesper!AK$2:AK$366,ROUNDDOWN($C3970/24,0)+1,1))-1)+IF('Standard Profiles'!$G$21=$B$10,7,0)+IF('Standard Profiles'!$G$21=$B$17,14,0)+IF('Standard Profiles'!$G$21=$B$24,21,0),0)),0)</f>
        <v>0</v>
      </c>
      <c r="H3970" cm="1">
        <f t="array" ref="H3970">IFERROR(INDEX(Jesper!AL$2:AL$366,ROUNDDOWN($C3970/24,0)+1,1)*INDEX($D$3:$AA$30,INDEX(Jesper!$R$2:$R$366,ROW(INDEX(Jesper!AL$2:AL$366,ROUNDDOWN($C3970/24,0)+1,1))-1)+IF('Standard Profiles'!$G$22=$B$10,7,0)+IF('Standard Profiles'!$G$22=$B$17,14,0)+IF('Standard Profiles'!$G$22=$B$24,21,0),MOD($C3970,24)+1)/SUM(INDEX($D$3:$AA$30,INDEX(Jesper!$R$2:$R$366,ROW(INDEX(Jesper!AL$2:AL$366,ROUNDDOWN($C3970/24,0)+1,1))-1)+IF('Standard Profiles'!$G$22=$B$10,7,0)+IF('Standard Profiles'!$G$22=$B$17,14,0)+IF('Standard Profiles'!$G$22=$B$24,21,0),0)),0)</f>
        <v>0</v>
      </c>
      <c r="I3970">
        <f t="shared" si="447"/>
        <v>0.20299664927427019</v>
      </c>
      <c r="J3970">
        <f t="shared" si="448"/>
        <v>0.67665549758090071</v>
      </c>
      <c r="K3970">
        <f t="shared" si="449"/>
        <v>1.0149832463713508</v>
      </c>
      <c r="L3970">
        <f t="shared" si="450"/>
        <v>4.8719195825824846</v>
      </c>
      <c r="M3970">
        <f t="shared" si="451"/>
        <v>0</v>
      </c>
      <c r="N3970" s="46">
        <f t="shared" si="452"/>
        <v>45455.999999990454</v>
      </c>
    </row>
    <row r="3971" spans="2:14" x14ac:dyDescent="0.3">
      <c r="B3971">
        <f t="shared" si="446"/>
        <v>4</v>
      </c>
      <c r="C3971" s="16">
        <v>3937</v>
      </c>
      <c r="D3971" cm="1">
        <f t="array" ref="D3971">IFERROR(INDEX(Jesper!AH$2:AH$366,ROUNDDOWN($C3971/24,0)+1,1)*INDEX($D$3:$AA$30,INDEX(Jesper!$R$2:$R$366,ROW(INDEX(Jesper!AH$2:AH$366,ROUNDDOWN($C3971/24,0)+1,1))-1)+IF('Standard Profiles'!$G$18=$B$10,7,0)+IF('Standard Profiles'!$G$18=$B$17,14,0)+IF('Standard Profiles'!$G$18=$B$24,21,0),MOD($C3971,24)+1)/SUM(INDEX($D$3:$AA$30,INDEX(Jesper!$R$2:$R$366,ROW(INDEX(Jesper!AH$2:AH$366,ROUNDDOWN($C3971/24,0)+1,1))-1)+IF('Standard Profiles'!$G$18=$B$10,7,0)+IF('Standard Profiles'!$G$18=$B$17,14,0)+IF('Standard Profiles'!$G$18=$B$24,21,0),0)),0)</f>
        <v>6.7665549758090062</v>
      </c>
      <c r="E3971" cm="1">
        <f t="array" ref="E3971">IFERROR(INDEX(Jesper!AI$2:AI$366,ROUNDDOWN($C3971/24,0)+1,1)*INDEX($D$3:$AA$30,INDEX(Jesper!$R$2:$R$366,ROW(INDEX(Jesper!AI$2:AI$366,ROUNDDOWN($C3971/24,0)+1,1))-1)+IF('Standard Profiles'!$G$19=$B$10,7,0)+IF('Standard Profiles'!$G$19=$B$17,14,0)+IF('Standard Profiles'!$G$19=$B$24,21,0),MOD($C3971,24)+1)/SUM(INDEX($D$3:$AA$30,INDEX(Jesper!$R$2:$R$366,ROW(INDEX(Jesper!AI$2:AI$366,ROUNDDOWN($C3971/24,0)+1,1))-1)+IF('Standard Profiles'!$G$19=$B$10,7,0)+IF('Standard Profiles'!$G$19=$B$17,14,0)+IF('Standard Profiles'!$G$19=$B$24,21,0),0)),0)</f>
        <v>0</v>
      </c>
      <c r="F3971" cm="1">
        <f t="array" ref="F3971">IFERROR(INDEX(Jesper!AJ$2:AJ$366,ROUNDDOWN($C3971/24,0)+1,1)*INDEX($D$3:$AA$30,INDEX(Jesper!$R$2:$R$366,ROW(INDEX(Jesper!AJ$2:AJ$366,ROUNDDOWN($C3971/24,0)+1,1))-1)+IF('Standard Profiles'!$G$20=$B$10,7,0)+IF('Standard Profiles'!$G$20=$B$17,14,0)+IF('Standard Profiles'!$G$20=$B$24,21,0),MOD($C3971,24)+1)/SUM(INDEX($D$3:$AA$30,INDEX(Jesper!$R$2:$R$366,ROW(INDEX(Jesper!AJ$2:AJ$366,ROUNDDOWN($C3971/24,0)+1,1))-1)+IF('Standard Profiles'!$G$20=$B$10,7,0)+IF('Standard Profiles'!$G$20=$B$17,14,0)+IF('Standard Profiles'!$G$20=$B$24,21,0),0)),0)</f>
        <v>0</v>
      </c>
      <c r="G3971" cm="1">
        <f t="array" ref="G3971">IFERROR(INDEX(Jesper!AK$2:AK$366,ROUNDDOWN($C3971/24,0)+1,1)*INDEX($D$3:$AA$30,INDEX(Jesper!$R$2:$R$366,ROW(INDEX(Jesper!AK$2:AK$366,ROUNDDOWN($C3971/24,0)+1,1))-1)+IF('Standard Profiles'!$G$21=$B$10,7,0)+IF('Standard Profiles'!$G$21=$B$17,14,0)+IF('Standard Profiles'!$G$21=$B$24,21,0),MOD($C3971,24)+1)/SUM(INDEX($D$3:$AA$30,INDEX(Jesper!$R$2:$R$366,ROW(INDEX(Jesper!AK$2:AK$366,ROUNDDOWN($C3971/24,0)+1,1))-1)+IF('Standard Profiles'!$G$21=$B$10,7,0)+IF('Standard Profiles'!$G$21=$B$17,14,0)+IF('Standard Profiles'!$G$21=$B$24,21,0),0)),0)</f>
        <v>0</v>
      </c>
      <c r="H3971" cm="1">
        <f t="array" ref="H3971">IFERROR(INDEX(Jesper!AL$2:AL$366,ROUNDDOWN($C3971/24,0)+1,1)*INDEX($D$3:$AA$30,INDEX(Jesper!$R$2:$R$366,ROW(INDEX(Jesper!AL$2:AL$366,ROUNDDOWN($C3971/24,0)+1,1))-1)+IF('Standard Profiles'!$G$22=$B$10,7,0)+IF('Standard Profiles'!$G$22=$B$17,14,0)+IF('Standard Profiles'!$G$22=$B$24,21,0),MOD($C3971,24)+1)/SUM(INDEX($D$3:$AA$30,INDEX(Jesper!$R$2:$R$366,ROW(INDEX(Jesper!AL$2:AL$366,ROUNDDOWN($C3971/24,0)+1,1))-1)+IF('Standard Profiles'!$G$22=$B$10,7,0)+IF('Standard Profiles'!$G$22=$B$17,14,0)+IF('Standard Profiles'!$G$22=$B$24,21,0),0)),0)</f>
        <v>0</v>
      </c>
      <c r="I3971">
        <f t="shared" si="447"/>
        <v>0.20299664927427019</v>
      </c>
      <c r="J3971">
        <f t="shared" si="448"/>
        <v>0.67665549758090071</v>
      </c>
      <c r="K3971">
        <f t="shared" si="449"/>
        <v>1.0149832463713508</v>
      </c>
      <c r="L3971">
        <f t="shared" si="450"/>
        <v>4.8719195825824846</v>
      </c>
      <c r="M3971">
        <f t="shared" si="451"/>
        <v>0</v>
      </c>
      <c r="N3971" s="46">
        <f t="shared" si="452"/>
        <v>45456.041666657118</v>
      </c>
    </row>
    <row r="3972" spans="2:14" x14ac:dyDescent="0.3">
      <c r="B3972">
        <f t="shared" si="446"/>
        <v>4</v>
      </c>
      <c r="C3972" s="16">
        <v>3938</v>
      </c>
      <c r="D3972" cm="1">
        <f t="array" ref="D3972">IFERROR(INDEX(Jesper!AH$2:AH$366,ROUNDDOWN($C3972/24,0)+1,1)*INDEX($D$3:$AA$30,INDEX(Jesper!$R$2:$R$366,ROW(INDEX(Jesper!AH$2:AH$366,ROUNDDOWN($C3972/24,0)+1,1))-1)+IF('Standard Profiles'!$G$18=$B$10,7,0)+IF('Standard Profiles'!$G$18=$B$17,14,0)+IF('Standard Profiles'!$G$18=$B$24,21,0),MOD($C3972,24)+1)/SUM(INDEX($D$3:$AA$30,INDEX(Jesper!$R$2:$R$366,ROW(INDEX(Jesper!AH$2:AH$366,ROUNDDOWN($C3972/24,0)+1,1))-1)+IF('Standard Profiles'!$G$18=$B$10,7,0)+IF('Standard Profiles'!$G$18=$B$17,14,0)+IF('Standard Profiles'!$G$18=$B$24,21,0),0)),0)</f>
        <v>6.7665549758090062</v>
      </c>
      <c r="E3972" cm="1">
        <f t="array" ref="E3972">IFERROR(INDEX(Jesper!AI$2:AI$366,ROUNDDOWN($C3972/24,0)+1,1)*INDEX($D$3:$AA$30,INDEX(Jesper!$R$2:$R$366,ROW(INDEX(Jesper!AI$2:AI$366,ROUNDDOWN($C3972/24,0)+1,1))-1)+IF('Standard Profiles'!$G$19=$B$10,7,0)+IF('Standard Profiles'!$G$19=$B$17,14,0)+IF('Standard Profiles'!$G$19=$B$24,21,0),MOD($C3972,24)+1)/SUM(INDEX($D$3:$AA$30,INDEX(Jesper!$R$2:$R$366,ROW(INDEX(Jesper!AI$2:AI$366,ROUNDDOWN($C3972/24,0)+1,1))-1)+IF('Standard Profiles'!$G$19=$B$10,7,0)+IF('Standard Profiles'!$G$19=$B$17,14,0)+IF('Standard Profiles'!$G$19=$B$24,21,0),0)),0)</f>
        <v>0</v>
      </c>
      <c r="F3972" cm="1">
        <f t="array" ref="F3972">IFERROR(INDEX(Jesper!AJ$2:AJ$366,ROUNDDOWN($C3972/24,0)+1,1)*INDEX($D$3:$AA$30,INDEX(Jesper!$R$2:$R$366,ROW(INDEX(Jesper!AJ$2:AJ$366,ROUNDDOWN($C3972/24,0)+1,1))-1)+IF('Standard Profiles'!$G$20=$B$10,7,0)+IF('Standard Profiles'!$G$20=$B$17,14,0)+IF('Standard Profiles'!$G$20=$B$24,21,0),MOD($C3972,24)+1)/SUM(INDEX($D$3:$AA$30,INDEX(Jesper!$R$2:$R$366,ROW(INDEX(Jesper!AJ$2:AJ$366,ROUNDDOWN($C3972/24,0)+1,1))-1)+IF('Standard Profiles'!$G$20=$B$10,7,0)+IF('Standard Profiles'!$G$20=$B$17,14,0)+IF('Standard Profiles'!$G$20=$B$24,21,0),0)),0)</f>
        <v>0</v>
      </c>
      <c r="G3972" cm="1">
        <f t="array" ref="G3972">IFERROR(INDEX(Jesper!AK$2:AK$366,ROUNDDOWN($C3972/24,0)+1,1)*INDEX($D$3:$AA$30,INDEX(Jesper!$R$2:$R$366,ROW(INDEX(Jesper!AK$2:AK$366,ROUNDDOWN($C3972/24,0)+1,1))-1)+IF('Standard Profiles'!$G$21=$B$10,7,0)+IF('Standard Profiles'!$G$21=$B$17,14,0)+IF('Standard Profiles'!$G$21=$B$24,21,0),MOD($C3972,24)+1)/SUM(INDEX($D$3:$AA$30,INDEX(Jesper!$R$2:$R$366,ROW(INDEX(Jesper!AK$2:AK$366,ROUNDDOWN($C3972/24,0)+1,1))-1)+IF('Standard Profiles'!$G$21=$B$10,7,0)+IF('Standard Profiles'!$G$21=$B$17,14,0)+IF('Standard Profiles'!$G$21=$B$24,21,0),0)),0)</f>
        <v>0</v>
      </c>
      <c r="H3972" cm="1">
        <f t="array" ref="H3972">IFERROR(INDEX(Jesper!AL$2:AL$366,ROUNDDOWN($C3972/24,0)+1,1)*INDEX($D$3:$AA$30,INDEX(Jesper!$R$2:$R$366,ROW(INDEX(Jesper!AL$2:AL$366,ROUNDDOWN($C3972/24,0)+1,1))-1)+IF('Standard Profiles'!$G$22=$B$10,7,0)+IF('Standard Profiles'!$G$22=$B$17,14,0)+IF('Standard Profiles'!$G$22=$B$24,21,0),MOD($C3972,24)+1)/SUM(INDEX($D$3:$AA$30,INDEX(Jesper!$R$2:$R$366,ROW(INDEX(Jesper!AL$2:AL$366,ROUNDDOWN($C3972/24,0)+1,1))-1)+IF('Standard Profiles'!$G$22=$B$10,7,0)+IF('Standard Profiles'!$G$22=$B$17,14,0)+IF('Standard Profiles'!$G$22=$B$24,21,0),0)),0)</f>
        <v>0</v>
      </c>
      <c r="I3972">
        <f t="shared" si="447"/>
        <v>0.20299664927427019</v>
      </c>
      <c r="J3972">
        <f t="shared" si="448"/>
        <v>0.67665549758090071</v>
      </c>
      <c r="K3972">
        <f t="shared" si="449"/>
        <v>1.0149832463713508</v>
      </c>
      <c r="L3972">
        <f t="shared" si="450"/>
        <v>4.8719195825824846</v>
      </c>
      <c r="M3972">
        <f t="shared" si="451"/>
        <v>0</v>
      </c>
      <c r="N3972" s="46">
        <f t="shared" si="452"/>
        <v>45456.083333323782</v>
      </c>
    </row>
    <row r="3973" spans="2:14" x14ac:dyDescent="0.3">
      <c r="B3973">
        <f t="shared" si="446"/>
        <v>4</v>
      </c>
      <c r="C3973" s="16">
        <v>3939</v>
      </c>
      <c r="D3973" cm="1">
        <f t="array" ref="D3973">IFERROR(INDEX(Jesper!AH$2:AH$366,ROUNDDOWN($C3973/24,0)+1,1)*INDEX($D$3:$AA$30,INDEX(Jesper!$R$2:$R$366,ROW(INDEX(Jesper!AH$2:AH$366,ROUNDDOWN($C3973/24,0)+1,1))-1)+IF('Standard Profiles'!$G$18=$B$10,7,0)+IF('Standard Profiles'!$G$18=$B$17,14,0)+IF('Standard Profiles'!$G$18=$B$24,21,0),MOD($C3973,24)+1)/SUM(INDEX($D$3:$AA$30,INDEX(Jesper!$R$2:$R$366,ROW(INDEX(Jesper!AH$2:AH$366,ROUNDDOWN($C3973/24,0)+1,1))-1)+IF('Standard Profiles'!$G$18=$B$10,7,0)+IF('Standard Profiles'!$G$18=$B$17,14,0)+IF('Standard Profiles'!$G$18=$B$24,21,0),0)),0)</f>
        <v>6.7665549758090062</v>
      </c>
      <c r="E3973" cm="1">
        <f t="array" ref="E3973">IFERROR(INDEX(Jesper!AI$2:AI$366,ROUNDDOWN($C3973/24,0)+1,1)*INDEX($D$3:$AA$30,INDEX(Jesper!$R$2:$R$366,ROW(INDEX(Jesper!AI$2:AI$366,ROUNDDOWN($C3973/24,0)+1,1))-1)+IF('Standard Profiles'!$G$19=$B$10,7,0)+IF('Standard Profiles'!$G$19=$B$17,14,0)+IF('Standard Profiles'!$G$19=$B$24,21,0),MOD($C3973,24)+1)/SUM(INDEX($D$3:$AA$30,INDEX(Jesper!$R$2:$R$366,ROW(INDEX(Jesper!AI$2:AI$366,ROUNDDOWN($C3973/24,0)+1,1))-1)+IF('Standard Profiles'!$G$19=$B$10,7,0)+IF('Standard Profiles'!$G$19=$B$17,14,0)+IF('Standard Profiles'!$G$19=$B$24,21,0),0)),0)</f>
        <v>0</v>
      </c>
      <c r="F3973" cm="1">
        <f t="array" ref="F3973">IFERROR(INDEX(Jesper!AJ$2:AJ$366,ROUNDDOWN($C3973/24,0)+1,1)*INDEX($D$3:$AA$30,INDEX(Jesper!$R$2:$R$366,ROW(INDEX(Jesper!AJ$2:AJ$366,ROUNDDOWN($C3973/24,0)+1,1))-1)+IF('Standard Profiles'!$G$20=$B$10,7,0)+IF('Standard Profiles'!$G$20=$B$17,14,0)+IF('Standard Profiles'!$G$20=$B$24,21,0),MOD($C3973,24)+1)/SUM(INDEX($D$3:$AA$30,INDEX(Jesper!$R$2:$R$366,ROW(INDEX(Jesper!AJ$2:AJ$366,ROUNDDOWN($C3973/24,0)+1,1))-1)+IF('Standard Profiles'!$G$20=$B$10,7,0)+IF('Standard Profiles'!$G$20=$B$17,14,0)+IF('Standard Profiles'!$G$20=$B$24,21,0),0)),0)</f>
        <v>0</v>
      </c>
      <c r="G3973" cm="1">
        <f t="array" ref="G3973">IFERROR(INDEX(Jesper!AK$2:AK$366,ROUNDDOWN($C3973/24,0)+1,1)*INDEX($D$3:$AA$30,INDEX(Jesper!$R$2:$R$366,ROW(INDEX(Jesper!AK$2:AK$366,ROUNDDOWN($C3973/24,0)+1,1))-1)+IF('Standard Profiles'!$G$21=$B$10,7,0)+IF('Standard Profiles'!$G$21=$B$17,14,0)+IF('Standard Profiles'!$G$21=$B$24,21,0),MOD($C3973,24)+1)/SUM(INDEX($D$3:$AA$30,INDEX(Jesper!$R$2:$R$366,ROW(INDEX(Jesper!AK$2:AK$366,ROUNDDOWN($C3973/24,0)+1,1))-1)+IF('Standard Profiles'!$G$21=$B$10,7,0)+IF('Standard Profiles'!$G$21=$B$17,14,0)+IF('Standard Profiles'!$G$21=$B$24,21,0),0)),0)</f>
        <v>0</v>
      </c>
      <c r="H3973" cm="1">
        <f t="array" ref="H3973">IFERROR(INDEX(Jesper!AL$2:AL$366,ROUNDDOWN($C3973/24,0)+1,1)*INDEX($D$3:$AA$30,INDEX(Jesper!$R$2:$R$366,ROW(INDEX(Jesper!AL$2:AL$366,ROUNDDOWN($C3973/24,0)+1,1))-1)+IF('Standard Profiles'!$G$22=$B$10,7,0)+IF('Standard Profiles'!$G$22=$B$17,14,0)+IF('Standard Profiles'!$G$22=$B$24,21,0),MOD($C3973,24)+1)/SUM(INDEX($D$3:$AA$30,INDEX(Jesper!$R$2:$R$366,ROW(INDEX(Jesper!AL$2:AL$366,ROUNDDOWN($C3973/24,0)+1,1))-1)+IF('Standard Profiles'!$G$22=$B$10,7,0)+IF('Standard Profiles'!$G$22=$B$17,14,0)+IF('Standard Profiles'!$G$22=$B$24,21,0),0)),0)</f>
        <v>0</v>
      </c>
      <c r="I3973">
        <f t="shared" si="447"/>
        <v>0.20299664927427019</v>
      </c>
      <c r="J3973">
        <f t="shared" si="448"/>
        <v>0.67665549758090071</v>
      </c>
      <c r="K3973">
        <f t="shared" si="449"/>
        <v>1.0149832463713508</v>
      </c>
      <c r="L3973">
        <f t="shared" si="450"/>
        <v>4.8719195825824846</v>
      </c>
      <c r="M3973">
        <f t="shared" si="451"/>
        <v>0</v>
      </c>
      <c r="N3973" s="46">
        <f t="shared" si="452"/>
        <v>45456.124999990447</v>
      </c>
    </row>
    <row r="3974" spans="2:14" x14ac:dyDescent="0.3">
      <c r="B3974">
        <f t="shared" si="446"/>
        <v>4</v>
      </c>
      <c r="C3974" s="16">
        <v>3940</v>
      </c>
      <c r="D3974" cm="1">
        <f t="array" ref="D3974">IFERROR(INDEX(Jesper!AH$2:AH$366,ROUNDDOWN($C3974/24,0)+1,1)*INDEX($D$3:$AA$30,INDEX(Jesper!$R$2:$R$366,ROW(INDEX(Jesper!AH$2:AH$366,ROUNDDOWN($C3974/24,0)+1,1))-1)+IF('Standard Profiles'!$G$18=$B$10,7,0)+IF('Standard Profiles'!$G$18=$B$17,14,0)+IF('Standard Profiles'!$G$18=$B$24,21,0),MOD($C3974,24)+1)/SUM(INDEX($D$3:$AA$30,INDEX(Jesper!$R$2:$R$366,ROW(INDEX(Jesper!AH$2:AH$366,ROUNDDOWN($C3974/24,0)+1,1))-1)+IF('Standard Profiles'!$G$18=$B$10,7,0)+IF('Standard Profiles'!$G$18=$B$17,14,0)+IF('Standard Profiles'!$G$18=$B$24,21,0),0)),0)</f>
        <v>6.7665549758090062</v>
      </c>
      <c r="E3974" cm="1">
        <f t="array" ref="E3974">IFERROR(INDEX(Jesper!AI$2:AI$366,ROUNDDOWN($C3974/24,0)+1,1)*INDEX($D$3:$AA$30,INDEX(Jesper!$R$2:$R$366,ROW(INDEX(Jesper!AI$2:AI$366,ROUNDDOWN($C3974/24,0)+1,1))-1)+IF('Standard Profiles'!$G$19=$B$10,7,0)+IF('Standard Profiles'!$G$19=$B$17,14,0)+IF('Standard Profiles'!$G$19=$B$24,21,0),MOD($C3974,24)+1)/SUM(INDEX($D$3:$AA$30,INDEX(Jesper!$R$2:$R$366,ROW(INDEX(Jesper!AI$2:AI$366,ROUNDDOWN($C3974/24,0)+1,1))-1)+IF('Standard Profiles'!$G$19=$B$10,7,0)+IF('Standard Profiles'!$G$19=$B$17,14,0)+IF('Standard Profiles'!$G$19=$B$24,21,0),0)),0)</f>
        <v>0</v>
      </c>
      <c r="F3974" cm="1">
        <f t="array" ref="F3974">IFERROR(INDEX(Jesper!AJ$2:AJ$366,ROUNDDOWN($C3974/24,0)+1,1)*INDEX($D$3:$AA$30,INDEX(Jesper!$R$2:$R$366,ROW(INDEX(Jesper!AJ$2:AJ$366,ROUNDDOWN($C3974/24,0)+1,1))-1)+IF('Standard Profiles'!$G$20=$B$10,7,0)+IF('Standard Profiles'!$G$20=$B$17,14,0)+IF('Standard Profiles'!$G$20=$B$24,21,0),MOD($C3974,24)+1)/SUM(INDEX($D$3:$AA$30,INDEX(Jesper!$R$2:$R$366,ROW(INDEX(Jesper!AJ$2:AJ$366,ROUNDDOWN($C3974/24,0)+1,1))-1)+IF('Standard Profiles'!$G$20=$B$10,7,0)+IF('Standard Profiles'!$G$20=$B$17,14,0)+IF('Standard Profiles'!$G$20=$B$24,21,0),0)),0)</f>
        <v>0</v>
      </c>
      <c r="G3974" cm="1">
        <f t="array" ref="G3974">IFERROR(INDEX(Jesper!AK$2:AK$366,ROUNDDOWN($C3974/24,0)+1,1)*INDEX($D$3:$AA$30,INDEX(Jesper!$R$2:$R$366,ROW(INDEX(Jesper!AK$2:AK$366,ROUNDDOWN($C3974/24,0)+1,1))-1)+IF('Standard Profiles'!$G$21=$B$10,7,0)+IF('Standard Profiles'!$G$21=$B$17,14,0)+IF('Standard Profiles'!$G$21=$B$24,21,0),MOD($C3974,24)+1)/SUM(INDEX($D$3:$AA$30,INDEX(Jesper!$R$2:$R$366,ROW(INDEX(Jesper!AK$2:AK$366,ROUNDDOWN($C3974/24,0)+1,1))-1)+IF('Standard Profiles'!$G$21=$B$10,7,0)+IF('Standard Profiles'!$G$21=$B$17,14,0)+IF('Standard Profiles'!$G$21=$B$24,21,0),0)),0)</f>
        <v>0</v>
      </c>
      <c r="H3974" cm="1">
        <f t="array" ref="H3974">IFERROR(INDEX(Jesper!AL$2:AL$366,ROUNDDOWN($C3974/24,0)+1,1)*INDEX($D$3:$AA$30,INDEX(Jesper!$R$2:$R$366,ROW(INDEX(Jesper!AL$2:AL$366,ROUNDDOWN($C3974/24,0)+1,1))-1)+IF('Standard Profiles'!$G$22=$B$10,7,0)+IF('Standard Profiles'!$G$22=$B$17,14,0)+IF('Standard Profiles'!$G$22=$B$24,21,0),MOD($C3974,24)+1)/SUM(INDEX($D$3:$AA$30,INDEX(Jesper!$R$2:$R$366,ROW(INDEX(Jesper!AL$2:AL$366,ROUNDDOWN($C3974/24,0)+1,1))-1)+IF('Standard Profiles'!$G$22=$B$10,7,0)+IF('Standard Profiles'!$G$22=$B$17,14,0)+IF('Standard Profiles'!$G$22=$B$24,21,0),0)),0)</f>
        <v>0</v>
      </c>
      <c r="I3974">
        <f t="shared" si="447"/>
        <v>0.20299664927427019</v>
      </c>
      <c r="J3974">
        <f t="shared" si="448"/>
        <v>0.67665549758090071</v>
      </c>
      <c r="K3974">
        <f t="shared" si="449"/>
        <v>1.0149832463713508</v>
      </c>
      <c r="L3974">
        <f t="shared" si="450"/>
        <v>4.8719195825824846</v>
      </c>
      <c r="M3974">
        <f t="shared" si="451"/>
        <v>0</v>
      </c>
      <c r="N3974" s="46">
        <f t="shared" si="452"/>
        <v>45456.166666657111</v>
      </c>
    </row>
    <row r="3975" spans="2:14" x14ac:dyDescent="0.3">
      <c r="B3975">
        <f t="shared" si="446"/>
        <v>4</v>
      </c>
      <c r="C3975" s="16">
        <v>3941</v>
      </c>
      <c r="D3975" cm="1">
        <f t="array" ref="D3975">IFERROR(INDEX(Jesper!AH$2:AH$366,ROUNDDOWN($C3975/24,0)+1,1)*INDEX($D$3:$AA$30,INDEX(Jesper!$R$2:$R$366,ROW(INDEX(Jesper!AH$2:AH$366,ROUNDDOWN($C3975/24,0)+1,1))-1)+IF('Standard Profiles'!$G$18=$B$10,7,0)+IF('Standard Profiles'!$G$18=$B$17,14,0)+IF('Standard Profiles'!$G$18=$B$24,21,0),MOD($C3975,24)+1)/SUM(INDEX($D$3:$AA$30,INDEX(Jesper!$R$2:$R$366,ROW(INDEX(Jesper!AH$2:AH$366,ROUNDDOWN($C3975/24,0)+1,1))-1)+IF('Standard Profiles'!$G$18=$B$10,7,0)+IF('Standard Profiles'!$G$18=$B$17,14,0)+IF('Standard Profiles'!$G$18=$B$24,21,0),0)),0)</f>
        <v>8.721337524376052</v>
      </c>
      <c r="E3975" cm="1">
        <f t="array" ref="E3975">IFERROR(INDEX(Jesper!AI$2:AI$366,ROUNDDOWN($C3975/24,0)+1,1)*INDEX($D$3:$AA$30,INDEX(Jesper!$R$2:$R$366,ROW(INDEX(Jesper!AI$2:AI$366,ROUNDDOWN($C3975/24,0)+1,1))-1)+IF('Standard Profiles'!$G$19=$B$10,7,0)+IF('Standard Profiles'!$G$19=$B$17,14,0)+IF('Standard Profiles'!$G$19=$B$24,21,0),MOD($C3975,24)+1)/SUM(INDEX($D$3:$AA$30,INDEX(Jesper!$R$2:$R$366,ROW(INDEX(Jesper!AI$2:AI$366,ROUNDDOWN($C3975/24,0)+1,1))-1)+IF('Standard Profiles'!$G$19=$B$10,7,0)+IF('Standard Profiles'!$G$19=$B$17,14,0)+IF('Standard Profiles'!$G$19=$B$24,21,0),0)),0)</f>
        <v>0</v>
      </c>
      <c r="F3975" cm="1">
        <f t="array" ref="F3975">IFERROR(INDEX(Jesper!AJ$2:AJ$366,ROUNDDOWN($C3975/24,0)+1,1)*INDEX($D$3:$AA$30,INDEX(Jesper!$R$2:$R$366,ROW(INDEX(Jesper!AJ$2:AJ$366,ROUNDDOWN($C3975/24,0)+1,1))-1)+IF('Standard Profiles'!$G$20=$B$10,7,0)+IF('Standard Profiles'!$G$20=$B$17,14,0)+IF('Standard Profiles'!$G$20=$B$24,21,0),MOD($C3975,24)+1)/SUM(INDEX($D$3:$AA$30,INDEX(Jesper!$R$2:$R$366,ROW(INDEX(Jesper!AJ$2:AJ$366,ROUNDDOWN($C3975/24,0)+1,1))-1)+IF('Standard Profiles'!$G$20=$B$10,7,0)+IF('Standard Profiles'!$G$20=$B$17,14,0)+IF('Standard Profiles'!$G$20=$B$24,21,0),0)),0)</f>
        <v>0</v>
      </c>
      <c r="G3975" cm="1">
        <f t="array" ref="G3975">IFERROR(INDEX(Jesper!AK$2:AK$366,ROUNDDOWN($C3975/24,0)+1,1)*INDEX($D$3:$AA$30,INDEX(Jesper!$R$2:$R$366,ROW(INDEX(Jesper!AK$2:AK$366,ROUNDDOWN($C3975/24,0)+1,1))-1)+IF('Standard Profiles'!$G$21=$B$10,7,0)+IF('Standard Profiles'!$G$21=$B$17,14,0)+IF('Standard Profiles'!$G$21=$B$24,21,0),MOD($C3975,24)+1)/SUM(INDEX($D$3:$AA$30,INDEX(Jesper!$R$2:$R$366,ROW(INDEX(Jesper!AK$2:AK$366,ROUNDDOWN($C3975/24,0)+1,1))-1)+IF('Standard Profiles'!$G$21=$B$10,7,0)+IF('Standard Profiles'!$G$21=$B$17,14,0)+IF('Standard Profiles'!$G$21=$B$24,21,0),0)),0)</f>
        <v>0</v>
      </c>
      <c r="H3975" cm="1">
        <f t="array" ref="H3975">IFERROR(INDEX(Jesper!AL$2:AL$366,ROUNDDOWN($C3975/24,0)+1,1)*INDEX($D$3:$AA$30,INDEX(Jesper!$R$2:$R$366,ROW(INDEX(Jesper!AL$2:AL$366,ROUNDDOWN($C3975/24,0)+1,1))-1)+IF('Standard Profiles'!$G$22=$B$10,7,0)+IF('Standard Profiles'!$G$22=$B$17,14,0)+IF('Standard Profiles'!$G$22=$B$24,21,0),MOD($C3975,24)+1)/SUM(INDEX($D$3:$AA$30,INDEX(Jesper!$R$2:$R$366,ROW(INDEX(Jesper!AL$2:AL$366,ROUNDDOWN($C3975/24,0)+1,1))-1)+IF('Standard Profiles'!$G$22=$B$10,7,0)+IF('Standard Profiles'!$G$22=$B$17,14,0)+IF('Standard Profiles'!$G$22=$B$24,21,0),0)),0)</f>
        <v>0</v>
      </c>
      <c r="I3975">
        <f t="shared" si="447"/>
        <v>0.26164012573128154</v>
      </c>
      <c r="J3975">
        <f t="shared" si="448"/>
        <v>0.87213375243760527</v>
      </c>
      <c r="K3975">
        <f t="shared" si="449"/>
        <v>1.3082006286564078</v>
      </c>
      <c r="L3975">
        <f t="shared" si="450"/>
        <v>6.2793630175507573</v>
      </c>
      <c r="M3975">
        <f t="shared" si="451"/>
        <v>0</v>
      </c>
      <c r="N3975" s="46">
        <f t="shared" si="452"/>
        <v>45456.208333323775</v>
      </c>
    </row>
    <row r="3976" spans="2:14" x14ac:dyDescent="0.3">
      <c r="B3976">
        <f t="shared" si="446"/>
        <v>4</v>
      </c>
      <c r="C3976" s="16">
        <v>3942</v>
      </c>
      <c r="D3976" cm="1">
        <f t="array" ref="D3976">IFERROR(INDEX(Jesper!AH$2:AH$366,ROUNDDOWN($C3976/24,0)+1,1)*INDEX($D$3:$AA$30,INDEX(Jesper!$R$2:$R$366,ROW(INDEX(Jesper!AH$2:AH$366,ROUNDDOWN($C3976/24,0)+1,1))-1)+IF('Standard Profiles'!$G$18=$B$10,7,0)+IF('Standard Profiles'!$G$18=$B$17,14,0)+IF('Standard Profiles'!$G$18=$B$24,21,0),MOD($C3976,24)+1)/SUM(INDEX($D$3:$AA$30,INDEX(Jesper!$R$2:$R$366,ROW(INDEX(Jesper!AH$2:AH$366,ROUNDDOWN($C3976/24,0)+1,1))-1)+IF('Standard Profiles'!$G$18=$B$10,7,0)+IF('Standard Profiles'!$G$18=$B$17,14,0)+IF('Standard Profiles'!$G$18=$B$24,21,0),0)),0)</f>
        <v>10.074648519537854</v>
      </c>
      <c r="E3976" cm="1">
        <f t="array" ref="E3976">IFERROR(INDEX(Jesper!AI$2:AI$366,ROUNDDOWN($C3976/24,0)+1,1)*INDEX($D$3:$AA$30,INDEX(Jesper!$R$2:$R$366,ROW(INDEX(Jesper!AI$2:AI$366,ROUNDDOWN($C3976/24,0)+1,1))-1)+IF('Standard Profiles'!$G$19=$B$10,7,0)+IF('Standard Profiles'!$G$19=$B$17,14,0)+IF('Standard Profiles'!$G$19=$B$24,21,0),MOD($C3976,24)+1)/SUM(INDEX($D$3:$AA$30,INDEX(Jesper!$R$2:$R$366,ROW(INDEX(Jesper!AI$2:AI$366,ROUNDDOWN($C3976/24,0)+1,1))-1)+IF('Standard Profiles'!$G$19=$B$10,7,0)+IF('Standard Profiles'!$G$19=$B$17,14,0)+IF('Standard Profiles'!$G$19=$B$24,21,0),0)),0)</f>
        <v>0</v>
      </c>
      <c r="F3976" cm="1">
        <f t="array" ref="F3976">IFERROR(INDEX(Jesper!AJ$2:AJ$366,ROUNDDOWN($C3976/24,0)+1,1)*INDEX($D$3:$AA$30,INDEX(Jesper!$R$2:$R$366,ROW(INDEX(Jesper!AJ$2:AJ$366,ROUNDDOWN($C3976/24,0)+1,1))-1)+IF('Standard Profiles'!$G$20=$B$10,7,0)+IF('Standard Profiles'!$G$20=$B$17,14,0)+IF('Standard Profiles'!$G$20=$B$24,21,0),MOD($C3976,24)+1)/SUM(INDEX($D$3:$AA$30,INDEX(Jesper!$R$2:$R$366,ROW(INDEX(Jesper!AJ$2:AJ$366,ROUNDDOWN($C3976/24,0)+1,1))-1)+IF('Standard Profiles'!$G$20=$B$10,7,0)+IF('Standard Profiles'!$G$20=$B$17,14,0)+IF('Standard Profiles'!$G$20=$B$24,21,0),0)),0)</f>
        <v>0</v>
      </c>
      <c r="G3976" cm="1">
        <f t="array" ref="G3976">IFERROR(INDEX(Jesper!AK$2:AK$366,ROUNDDOWN($C3976/24,0)+1,1)*INDEX($D$3:$AA$30,INDEX(Jesper!$R$2:$R$366,ROW(INDEX(Jesper!AK$2:AK$366,ROUNDDOWN($C3976/24,0)+1,1))-1)+IF('Standard Profiles'!$G$21=$B$10,7,0)+IF('Standard Profiles'!$G$21=$B$17,14,0)+IF('Standard Profiles'!$G$21=$B$24,21,0),MOD($C3976,24)+1)/SUM(INDEX($D$3:$AA$30,INDEX(Jesper!$R$2:$R$366,ROW(INDEX(Jesper!AK$2:AK$366,ROUNDDOWN($C3976/24,0)+1,1))-1)+IF('Standard Profiles'!$G$21=$B$10,7,0)+IF('Standard Profiles'!$G$21=$B$17,14,0)+IF('Standard Profiles'!$G$21=$B$24,21,0),0)),0)</f>
        <v>0</v>
      </c>
      <c r="H3976" cm="1">
        <f t="array" ref="H3976">IFERROR(INDEX(Jesper!AL$2:AL$366,ROUNDDOWN($C3976/24,0)+1,1)*INDEX($D$3:$AA$30,INDEX(Jesper!$R$2:$R$366,ROW(INDEX(Jesper!AL$2:AL$366,ROUNDDOWN($C3976/24,0)+1,1))-1)+IF('Standard Profiles'!$G$22=$B$10,7,0)+IF('Standard Profiles'!$G$22=$B$17,14,0)+IF('Standard Profiles'!$G$22=$B$24,21,0),MOD($C3976,24)+1)/SUM(INDEX($D$3:$AA$30,INDEX(Jesper!$R$2:$R$366,ROW(INDEX(Jesper!AL$2:AL$366,ROUNDDOWN($C3976/24,0)+1,1))-1)+IF('Standard Profiles'!$G$22=$B$10,7,0)+IF('Standard Profiles'!$G$22=$B$17,14,0)+IF('Standard Profiles'!$G$22=$B$24,21,0),0)),0)</f>
        <v>0</v>
      </c>
      <c r="I3976">
        <f t="shared" si="447"/>
        <v>0.30223945558613563</v>
      </c>
      <c r="J3976">
        <f t="shared" si="448"/>
        <v>1.0074648519537854</v>
      </c>
      <c r="K3976">
        <f t="shared" si="449"/>
        <v>1.5111972779306782</v>
      </c>
      <c r="L3976">
        <f t="shared" si="450"/>
        <v>7.2537469340672551</v>
      </c>
      <c r="M3976">
        <f t="shared" si="451"/>
        <v>0</v>
      </c>
      <c r="N3976" s="46">
        <f t="shared" si="452"/>
        <v>45456.249999990439</v>
      </c>
    </row>
    <row r="3977" spans="2:14" x14ac:dyDescent="0.3">
      <c r="B3977">
        <f t="shared" si="446"/>
        <v>4</v>
      </c>
      <c r="C3977" s="16">
        <v>3943</v>
      </c>
      <c r="D3977" cm="1">
        <f t="array" ref="D3977">IFERROR(INDEX(Jesper!AH$2:AH$366,ROUNDDOWN($C3977/24,0)+1,1)*INDEX($D$3:$AA$30,INDEX(Jesper!$R$2:$R$366,ROW(INDEX(Jesper!AH$2:AH$366,ROUNDDOWN($C3977/24,0)+1,1))-1)+IF('Standard Profiles'!$G$18=$B$10,7,0)+IF('Standard Profiles'!$G$18=$B$17,14,0)+IF('Standard Profiles'!$G$18=$B$24,21,0),MOD($C3977,24)+1)/SUM(INDEX($D$3:$AA$30,INDEX(Jesper!$R$2:$R$366,ROW(INDEX(Jesper!AH$2:AH$366,ROUNDDOWN($C3977/24,0)+1,1))-1)+IF('Standard Profiles'!$G$18=$B$10,7,0)+IF('Standard Profiles'!$G$18=$B$17,14,0)+IF('Standard Profiles'!$G$18=$B$24,21,0),0)),0)</f>
        <v>10.074648519537854</v>
      </c>
      <c r="E3977" cm="1">
        <f t="array" ref="E3977">IFERROR(INDEX(Jesper!AI$2:AI$366,ROUNDDOWN($C3977/24,0)+1,1)*INDEX($D$3:$AA$30,INDEX(Jesper!$R$2:$R$366,ROW(INDEX(Jesper!AI$2:AI$366,ROUNDDOWN($C3977/24,0)+1,1))-1)+IF('Standard Profiles'!$G$19=$B$10,7,0)+IF('Standard Profiles'!$G$19=$B$17,14,0)+IF('Standard Profiles'!$G$19=$B$24,21,0),MOD($C3977,24)+1)/SUM(INDEX($D$3:$AA$30,INDEX(Jesper!$R$2:$R$366,ROW(INDEX(Jesper!AI$2:AI$366,ROUNDDOWN($C3977/24,0)+1,1))-1)+IF('Standard Profiles'!$G$19=$B$10,7,0)+IF('Standard Profiles'!$G$19=$B$17,14,0)+IF('Standard Profiles'!$G$19=$B$24,21,0),0)),0)</f>
        <v>0</v>
      </c>
      <c r="F3977" cm="1">
        <f t="array" ref="F3977">IFERROR(INDEX(Jesper!AJ$2:AJ$366,ROUNDDOWN($C3977/24,0)+1,1)*INDEX($D$3:$AA$30,INDEX(Jesper!$R$2:$R$366,ROW(INDEX(Jesper!AJ$2:AJ$366,ROUNDDOWN($C3977/24,0)+1,1))-1)+IF('Standard Profiles'!$G$20=$B$10,7,0)+IF('Standard Profiles'!$G$20=$B$17,14,0)+IF('Standard Profiles'!$G$20=$B$24,21,0),MOD($C3977,24)+1)/SUM(INDEX($D$3:$AA$30,INDEX(Jesper!$R$2:$R$366,ROW(INDEX(Jesper!AJ$2:AJ$366,ROUNDDOWN($C3977/24,0)+1,1))-1)+IF('Standard Profiles'!$G$20=$B$10,7,0)+IF('Standard Profiles'!$G$20=$B$17,14,0)+IF('Standard Profiles'!$G$20=$B$24,21,0),0)),0)</f>
        <v>0</v>
      </c>
      <c r="G3977" cm="1">
        <f t="array" ref="G3977">IFERROR(INDEX(Jesper!AK$2:AK$366,ROUNDDOWN($C3977/24,0)+1,1)*INDEX($D$3:$AA$30,INDEX(Jesper!$R$2:$R$366,ROW(INDEX(Jesper!AK$2:AK$366,ROUNDDOWN($C3977/24,0)+1,1))-1)+IF('Standard Profiles'!$G$21=$B$10,7,0)+IF('Standard Profiles'!$G$21=$B$17,14,0)+IF('Standard Profiles'!$G$21=$B$24,21,0),MOD($C3977,24)+1)/SUM(INDEX($D$3:$AA$30,INDEX(Jesper!$R$2:$R$366,ROW(INDEX(Jesper!AK$2:AK$366,ROUNDDOWN($C3977/24,0)+1,1))-1)+IF('Standard Profiles'!$G$21=$B$10,7,0)+IF('Standard Profiles'!$G$21=$B$17,14,0)+IF('Standard Profiles'!$G$21=$B$24,21,0),0)),0)</f>
        <v>0</v>
      </c>
      <c r="H3977" cm="1">
        <f t="array" ref="H3977">IFERROR(INDEX(Jesper!AL$2:AL$366,ROUNDDOWN($C3977/24,0)+1,1)*INDEX($D$3:$AA$30,INDEX(Jesper!$R$2:$R$366,ROW(INDEX(Jesper!AL$2:AL$366,ROUNDDOWN($C3977/24,0)+1,1))-1)+IF('Standard Profiles'!$G$22=$B$10,7,0)+IF('Standard Profiles'!$G$22=$B$17,14,0)+IF('Standard Profiles'!$G$22=$B$24,21,0),MOD($C3977,24)+1)/SUM(INDEX($D$3:$AA$30,INDEX(Jesper!$R$2:$R$366,ROW(INDEX(Jesper!AL$2:AL$366,ROUNDDOWN($C3977/24,0)+1,1))-1)+IF('Standard Profiles'!$G$22=$B$10,7,0)+IF('Standard Profiles'!$G$22=$B$17,14,0)+IF('Standard Profiles'!$G$22=$B$24,21,0),0)),0)</f>
        <v>0</v>
      </c>
      <c r="I3977">
        <f t="shared" si="447"/>
        <v>0.30223945558613563</v>
      </c>
      <c r="J3977">
        <f t="shared" si="448"/>
        <v>1.0074648519537854</v>
      </c>
      <c r="K3977">
        <f t="shared" si="449"/>
        <v>1.5111972779306782</v>
      </c>
      <c r="L3977">
        <f t="shared" si="450"/>
        <v>7.2537469340672551</v>
      </c>
      <c r="M3977">
        <f t="shared" si="451"/>
        <v>0</v>
      </c>
      <c r="N3977" s="46">
        <f t="shared" si="452"/>
        <v>45456.291666657104</v>
      </c>
    </row>
    <row r="3978" spans="2:14" x14ac:dyDescent="0.3">
      <c r="B3978">
        <f t="shared" si="446"/>
        <v>4</v>
      </c>
      <c r="C3978" s="16">
        <v>3944</v>
      </c>
      <c r="D3978" cm="1">
        <f t="array" ref="D3978">IFERROR(INDEX(Jesper!AH$2:AH$366,ROUNDDOWN($C3978/24,0)+1,1)*INDEX($D$3:$AA$30,INDEX(Jesper!$R$2:$R$366,ROW(INDEX(Jesper!AH$2:AH$366,ROUNDDOWN($C3978/24,0)+1,1))-1)+IF('Standard Profiles'!$G$18=$B$10,7,0)+IF('Standard Profiles'!$G$18=$B$17,14,0)+IF('Standard Profiles'!$G$18=$B$24,21,0),MOD($C3978,24)+1)/SUM(INDEX($D$3:$AA$30,INDEX(Jesper!$R$2:$R$366,ROW(INDEX(Jesper!AH$2:AH$366,ROUNDDOWN($C3978/24,0)+1,1))-1)+IF('Standard Profiles'!$G$18=$B$10,7,0)+IF('Standard Profiles'!$G$18=$B$17,14,0)+IF('Standard Profiles'!$G$18=$B$24,21,0),0)),0)</f>
        <v>10.074648519537854</v>
      </c>
      <c r="E3978" cm="1">
        <f t="array" ref="E3978">IFERROR(INDEX(Jesper!AI$2:AI$366,ROUNDDOWN($C3978/24,0)+1,1)*INDEX($D$3:$AA$30,INDEX(Jesper!$R$2:$R$366,ROW(INDEX(Jesper!AI$2:AI$366,ROUNDDOWN($C3978/24,0)+1,1))-1)+IF('Standard Profiles'!$G$19=$B$10,7,0)+IF('Standard Profiles'!$G$19=$B$17,14,0)+IF('Standard Profiles'!$G$19=$B$24,21,0),MOD($C3978,24)+1)/SUM(INDEX($D$3:$AA$30,INDEX(Jesper!$R$2:$R$366,ROW(INDEX(Jesper!AI$2:AI$366,ROUNDDOWN($C3978/24,0)+1,1))-1)+IF('Standard Profiles'!$G$19=$B$10,7,0)+IF('Standard Profiles'!$G$19=$B$17,14,0)+IF('Standard Profiles'!$G$19=$B$24,21,0),0)),0)</f>
        <v>0</v>
      </c>
      <c r="F3978" cm="1">
        <f t="array" ref="F3978">IFERROR(INDEX(Jesper!AJ$2:AJ$366,ROUNDDOWN($C3978/24,0)+1,1)*INDEX($D$3:$AA$30,INDEX(Jesper!$R$2:$R$366,ROW(INDEX(Jesper!AJ$2:AJ$366,ROUNDDOWN($C3978/24,0)+1,1))-1)+IF('Standard Profiles'!$G$20=$B$10,7,0)+IF('Standard Profiles'!$G$20=$B$17,14,0)+IF('Standard Profiles'!$G$20=$B$24,21,0),MOD($C3978,24)+1)/SUM(INDEX($D$3:$AA$30,INDEX(Jesper!$R$2:$R$366,ROW(INDEX(Jesper!AJ$2:AJ$366,ROUNDDOWN($C3978/24,0)+1,1))-1)+IF('Standard Profiles'!$G$20=$B$10,7,0)+IF('Standard Profiles'!$G$20=$B$17,14,0)+IF('Standard Profiles'!$G$20=$B$24,21,0),0)),0)</f>
        <v>0</v>
      </c>
      <c r="G3978" cm="1">
        <f t="array" ref="G3978">IFERROR(INDEX(Jesper!AK$2:AK$366,ROUNDDOWN($C3978/24,0)+1,1)*INDEX($D$3:$AA$30,INDEX(Jesper!$R$2:$R$366,ROW(INDEX(Jesper!AK$2:AK$366,ROUNDDOWN($C3978/24,0)+1,1))-1)+IF('Standard Profiles'!$G$21=$B$10,7,0)+IF('Standard Profiles'!$G$21=$B$17,14,0)+IF('Standard Profiles'!$G$21=$B$24,21,0),MOD($C3978,24)+1)/SUM(INDEX($D$3:$AA$30,INDEX(Jesper!$R$2:$R$366,ROW(INDEX(Jesper!AK$2:AK$366,ROUNDDOWN($C3978/24,0)+1,1))-1)+IF('Standard Profiles'!$G$21=$B$10,7,0)+IF('Standard Profiles'!$G$21=$B$17,14,0)+IF('Standard Profiles'!$G$21=$B$24,21,0),0)),0)</f>
        <v>0</v>
      </c>
      <c r="H3978" cm="1">
        <f t="array" ref="H3978">IFERROR(INDEX(Jesper!AL$2:AL$366,ROUNDDOWN($C3978/24,0)+1,1)*INDEX($D$3:$AA$30,INDEX(Jesper!$R$2:$R$366,ROW(INDEX(Jesper!AL$2:AL$366,ROUNDDOWN($C3978/24,0)+1,1))-1)+IF('Standard Profiles'!$G$22=$B$10,7,0)+IF('Standard Profiles'!$G$22=$B$17,14,0)+IF('Standard Profiles'!$G$22=$B$24,21,0),MOD($C3978,24)+1)/SUM(INDEX($D$3:$AA$30,INDEX(Jesper!$R$2:$R$366,ROW(INDEX(Jesper!AL$2:AL$366,ROUNDDOWN($C3978/24,0)+1,1))-1)+IF('Standard Profiles'!$G$22=$B$10,7,0)+IF('Standard Profiles'!$G$22=$B$17,14,0)+IF('Standard Profiles'!$G$22=$B$24,21,0),0)),0)</f>
        <v>0</v>
      </c>
      <c r="I3978">
        <f t="shared" si="447"/>
        <v>0.30223945558613563</v>
      </c>
      <c r="J3978">
        <f t="shared" si="448"/>
        <v>1.0074648519537854</v>
      </c>
      <c r="K3978">
        <f t="shared" si="449"/>
        <v>1.5111972779306782</v>
      </c>
      <c r="L3978">
        <f t="shared" si="450"/>
        <v>7.2537469340672551</v>
      </c>
      <c r="M3978">
        <f t="shared" si="451"/>
        <v>0</v>
      </c>
      <c r="N3978" s="46">
        <f t="shared" si="452"/>
        <v>45456.333333323768</v>
      </c>
    </row>
    <row r="3979" spans="2:14" x14ac:dyDescent="0.3">
      <c r="B3979">
        <f t="shared" si="446"/>
        <v>4</v>
      </c>
      <c r="C3979" s="16">
        <v>3945</v>
      </c>
      <c r="D3979" cm="1">
        <f t="array" ref="D3979">IFERROR(INDEX(Jesper!AH$2:AH$366,ROUNDDOWN($C3979/24,0)+1,1)*INDEX($D$3:$AA$30,INDEX(Jesper!$R$2:$R$366,ROW(INDEX(Jesper!AH$2:AH$366,ROUNDDOWN($C3979/24,0)+1,1))-1)+IF('Standard Profiles'!$G$18=$B$10,7,0)+IF('Standard Profiles'!$G$18=$B$17,14,0)+IF('Standard Profiles'!$G$18=$B$24,21,0),MOD($C3979,24)+1)/SUM(INDEX($D$3:$AA$30,INDEX(Jesper!$R$2:$R$366,ROW(INDEX(Jesper!AH$2:AH$366,ROUNDDOWN($C3979/24,0)+1,1))-1)+IF('Standard Profiles'!$G$18=$B$10,7,0)+IF('Standard Profiles'!$G$18=$B$17,14,0)+IF('Standard Profiles'!$G$18=$B$24,21,0),0)),0)</f>
        <v>10.82648796129441</v>
      </c>
      <c r="E3979" cm="1">
        <f t="array" ref="E3979">IFERROR(INDEX(Jesper!AI$2:AI$366,ROUNDDOWN($C3979/24,0)+1,1)*INDEX($D$3:$AA$30,INDEX(Jesper!$R$2:$R$366,ROW(INDEX(Jesper!AI$2:AI$366,ROUNDDOWN($C3979/24,0)+1,1))-1)+IF('Standard Profiles'!$G$19=$B$10,7,0)+IF('Standard Profiles'!$G$19=$B$17,14,0)+IF('Standard Profiles'!$G$19=$B$24,21,0),MOD($C3979,24)+1)/SUM(INDEX($D$3:$AA$30,INDEX(Jesper!$R$2:$R$366,ROW(INDEX(Jesper!AI$2:AI$366,ROUNDDOWN($C3979/24,0)+1,1))-1)+IF('Standard Profiles'!$G$19=$B$10,7,0)+IF('Standard Profiles'!$G$19=$B$17,14,0)+IF('Standard Profiles'!$G$19=$B$24,21,0),0)),0)</f>
        <v>0</v>
      </c>
      <c r="F3979" cm="1">
        <f t="array" ref="F3979">IFERROR(INDEX(Jesper!AJ$2:AJ$366,ROUNDDOWN($C3979/24,0)+1,1)*INDEX($D$3:$AA$30,INDEX(Jesper!$R$2:$R$366,ROW(INDEX(Jesper!AJ$2:AJ$366,ROUNDDOWN($C3979/24,0)+1,1))-1)+IF('Standard Profiles'!$G$20=$B$10,7,0)+IF('Standard Profiles'!$G$20=$B$17,14,0)+IF('Standard Profiles'!$G$20=$B$24,21,0),MOD($C3979,24)+1)/SUM(INDEX($D$3:$AA$30,INDEX(Jesper!$R$2:$R$366,ROW(INDEX(Jesper!AJ$2:AJ$366,ROUNDDOWN($C3979/24,0)+1,1))-1)+IF('Standard Profiles'!$G$20=$B$10,7,0)+IF('Standard Profiles'!$G$20=$B$17,14,0)+IF('Standard Profiles'!$G$20=$B$24,21,0),0)),0)</f>
        <v>0</v>
      </c>
      <c r="G3979" cm="1">
        <f t="array" ref="G3979">IFERROR(INDEX(Jesper!AK$2:AK$366,ROUNDDOWN($C3979/24,0)+1,1)*INDEX($D$3:$AA$30,INDEX(Jesper!$R$2:$R$366,ROW(INDEX(Jesper!AK$2:AK$366,ROUNDDOWN($C3979/24,0)+1,1))-1)+IF('Standard Profiles'!$G$21=$B$10,7,0)+IF('Standard Profiles'!$G$21=$B$17,14,0)+IF('Standard Profiles'!$G$21=$B$24,21,0),MOD($C3979,24)+1)/SUM(INDEX($D$3:$AA$30,INDEX(Jesper!$R$2:$R$366,ROW(INDEX(Jesper!AK$2:AK$366,ROUNDDOWN($C3979/24,0)+1,1))-1)+IF('Standard Profiles'!$G$21=$B$10,7,0)+IF('Standard Profiles'!$G$21=$B$17,14,0)+IF('Standard Profiles'!$G$21=$B$24,21,0),0)),0)</f>
        <v>0</v>
      </c>
      <c r="H3979" cm="1">
        <f t="array" ref="H3979">IFERROR(INDEX(Jesper!AL$2:AL$366,ROUNDDOWN($C3979/24,0)+1,1)*INDEX($D$3:$AA$30,INDEX(Jesper!$R$2:$R$366,ROW(INDEX(Jesper!AL$2:AL$366,ROUNDDOWN($C3979/24,0)+1,1))-1)+IF('Standard Profiles'!$G$22=$B$10,7,0)+IF('Standard Profiles'!$G$22=$B$17,14,0)+IF('Standard Profiles'!$G$22=$B$24,21,0),MOD($C3979,24)+1)/SUM(INDEX($D$3:$AA$30,INDEX(Jesper!$R$2:$R$366,ROW(INDEX(Jesper!AL$2:AL$366,ROUNDDOWN($C3979/24,0)+1,1))-1)+IF('Standard Profiles'!$G$22=$B$10,7,0)+IF('Standard Profiles'!$G$22=$B$17,14,0)+IF('Standard Profiles'!$G$22=$B$24,21,0),0)),0)</f>
        <v>0</v>
      </c>
      <c r="I3979">
        <f t="shared" si="447"/>
        <v>0.32479463883883225</v>
      </c>
      <c r="J3979">
        <f t="shared" si="448"/>
        <v>1.0826487961294411</v>
      </c>
      <c r="K3979">
        <f t="shared" si="449"/>
        <v>1.6239731941941613</v>
      </c>
      <c r="L3979">
        <f t="shared" si="450"/>
        <v>7.7950713321319745</v>
      </c>
      <c r="M3979">
        <f t="shared" si="451"/>
        <v>0</v>
      </c>
      <c r="N3979" s="46">
        <f t="shared" si="452"/>
        <v>45456.374999990432</v>
      </c>
    </row>
    <row r="3980" spans="2:14" x14ac:dyDescent="0.3">
      <c r="B3980">
        <f t="shared" si="446"/>
        <v>4</v>
      </c>
      <c r="C3980" s="16">
        <v>3946</v>
      </c>
      <c r="D3980" cm="1">
        <f t="array" ref="D3980">IFERROR(INDEX(Jesper!AH$2:AH$366,ROUNDDOWN($C3980/24,0)+1,1)*INDEX($D$3:$AA$30,INDEX(Jesper!$R$2:$R$366,ROW(INDEX(Jesper!AH$2:AH$366,ROUNDDOWN($C3980/24,0)+1,1))-1)+IF('Standard Profiles'!$G$18=$B$10,7,0)+IF('Standard Profiles'!$G$18=$B$17,14,0)+IF('Standard Profiles'!$G$18=$B$24,21,0),MOD($C3980,24)+1)/SUM(INDEX($D$3:$AA$30,INDEX(Jesper!$R$2:$R$366,ROW(INDEX(Jesper!AH$2:AH$366,ROUNDDOWN($C3980/24,0)+1,1))-1)+IF('Standard Profiles'!$G$18=$B$10,7,0)+IF('Standard Profiles'!$G$18=$B$17,14,0)+IF('Standard Profiles'!$G$18=$B$24,21,0),0)),0)</f>
        <v>11.728695291402277</v>
      </c>
      <c r="E3980" cm="1">
        <f t="array" ref="E3980">IFERROR(INDEX(Jesper!AI$2:AI$366,ROUNDDOWN($C3980/24,0)+1,1)*INDEX($D$3:$AA$30,INDEX(Jesper!$R$2:$R$366,ROW(INDEX(Jesper!AI$2:AI$366,ROUNDDOWN($C3980/24,0)+1,1))-1)+IF('Standard Profiles'!$G$19=$B$10,7,0)+IF('Standard Profiles'!$G$19=$B$17,14,0)+IF('Standard Profiles'!$G$19=$B$24,21,0),MOD($C3980,24)+1)/SUM(INDEX($D$3:$AA$30,INDEX(Jesper!$R$2:$R$366,ROW(INDEX(Jesper!AI$2:AI$366,ROUNDDOWN($C3980/24,0)+1,1))-1)+IF('Standard Profiles'!$G$19=$B$10,7,0)+IF('Standard Profiles'!$G$19=$B$17,14,0)+IF('Standard Profiles'!$G$19=$B$24,21,0),0)),0)</f>
        <v>0</v>
      </c>
      <c r="F3980" cm="1">
        <f t="array" ref="F3980">IFERROR(INDEX(Jesper!AJ$2:AJ$366,ROUNDDOWN($C3980/24,0)+1,1)*INDEX($D$3:$AA$30,INDEX(Jesper!$R$2:$R$366,ROW(INDEX(Jesper!AJ$2:AJ$366,ROUNDDOWN($C3980/24,0)+1,1))-1)+IF('Standard Profiles'!$G$20=$B$10,7,0)+IF('Standard Profiles'!$G$20=$B$17,14,0)+IF('Standard Profiles'!$G$20=$B$24,21,0),MOD($C3980,24)+1)/SUM(INDEX($D$3:$AA$30,INDEX(Jesper!$R$2:$R$366,ROW(INDEX(Jesper!AJ$2:AJ$366,ROUNDDOWN($C3980/24,0)+1,1))-1)+IF('Standard Profiles'!$G$20=$B$10,7,0)+IF('Standard Profiles'!$G$20=$B$17,14,0)+IF('Standard Profiles'!$G$20=$B$24,21,0),0)),0)</f>
        <v>0</v>
      </c>
      <c r="G3980" cm="1">
        <f t="array" ref="G3980">IFERROR(INDEX(Jesper!AK$2:AK$366,ROUNDDOWN($C3980/24,0)+1,1)*INDEX($D$3:$AA$30,INDEX(Jesper!$R$2:$R$366,ROW(INDEX(Jesper!AK$2:AK$366,ROUNDDOWN($C3980/24,0)+1,1))-1)+IF('Standard Profiles'!$G$21=$B$10,7,0)+IF('Standard Profiles'!$G$21=$B$17,14,0)+IF('Standard Profiles'!$G$21=$B$24,21,0),MOD($C3980,24)+1)/SUM(INDEX($D$3:$AA$30,INDEX(Jesper!$R$2:$R$366,ROW(INDEX(Jesper!AK$2:AK$366,ROUNDDOWN($C3980/24,0)+1,1))-1)+IF('Standard Profiles'!$G$21=$B$10,7,0)+IF('Standard Profiles'!$G$21=$B$17,14,0)+IF('Standard Profiles'!$G$21=$B$24,21,0),0)),0)</f>
        <v>0</v>
      </c>
      <c r="H3980" cm="1">
        <f t="array" ref="H3980">IFERROR(INDEX(Jesper!AL$2:AL$366,ROUNDDOWN($C3980/24,0)+1,1)*INDEX($D$3:$AA$30,INDEX(Jesper!$R$2:$R$366,ROW(INDEX(Jesper!AL$2:AL$366,ROUNDDOWN($C3980/24,0)+1,1))-1)+IF('Standard Profiles'!$G$22=$B$10,7,0)+IF('Standard Profiles'!$G$22=$B$17,14,0)+IF('Standard Profiles'!$G$22=$B$24,21,0),MOD($C3980,24)+1)/SUM(INDEX($D$3:$AA$30,INDEX(Jesper!$R$2:$R$366,ROW(INDEX(Jesper!AL$2:AL$366,ROUNDDOWN($C3980/24,0)+1,1))-1)+IF('Standard Profiles'!$G$22=$B$10,7,0)+IF('Standard Profiles'!$G$22=$B$17,14,0)+IF('Standard Profiles'!$G$22=$B$24,21,0),0)),0)</f>
        <v>0</v>
      </c>
      <c r="I3980">
        <f t="shared" si="447"/>
        <v>0.35186085874206829</v>
      </c>
      <c r="J3980">
        <f t="shared" si="448"/>
        <v>1.1728695291402278</v>
      </c>
      <c r="K3980">
        <f t="shared" si="449"/>
        <v>1.7593042937103414</v>
      </c>
      <c r="L3980">
        <f t="shared" si="450"/>
        <v>8.4446606098096382</v>
      </c>
      <c r="M3980">
        <f t="shared" si="451"/>
        <v>0</v>
      </c>
      <c r="N3980" s="46">
        <f t="shared" si="452"/>
        <v>45456.416666657096</v>
      </c>
    </row>
    <row r="3981" spans="2:14" x14ac:dyDescent="0.3">
      <c r="B3981">
        <f t="shared" si="446"/>
        <v>4</v>
      </c>
      <c r="C3981" s="16">
        <v>3947</v>
      </c>
      <c r="D3981" cm="1">
        <f t="array" ref="D3981">IFERROR(INDEX(Jesper!AH$2:AH$366,ROUNDDOWN($C3981/24,0)+1,1)*INDEX($D$3:$AA$30,INDEX(Jesper!$R$2:$R$366,ROW(INDEX(Jesper!AH$2:AH$366,ROUNDDOWN($C3981/24,0)+1,1))-1)+IF('Standard Profiles'!$G$18=$B$10,7,0)+IF('Standard Profiles'!$G$18=$B$17,14,0)+IF('Standard Profiles'!$G$18=$B$24,21,0),MOD($C3981,24)+1)/SUM(INDEX($D$3:$AA$30,INDEX(Jesper!$R$2:$R$366,ROW(INDEX(Jesper!AH$2:AH$366,ROUNDDOWN($C3981/24,0)+1,1))-1)+IF('Standard Profiles'!$G$18=$B$10,7,0)+IF('Standard Profiles'!$G$18=$B$17,14,0)+IF('Standard Profiles'!$G$18=$B$24,21,0),0)),0)</f>
        <v>13.533109951618012</v>
      </c>
      <c r="E3981" cm="1">
        <f t="array" ref="E3981">IFERROR(INDEX(Jesper!AI$2:AI$366,ROUNDDOWN($C3981/24,0)+1,1)*INDEX($D$3:$AA$30,INDEX(Jesper!$R$2:$R$366,ROW(INDEX(Jesper!AI$2:AI$366,ROUNDDOWN($C3981/24,0)+1,1))-1)+IF('Standard Profiles'!$G$19=$B$10,7,0)+IF('Standard Profiles'!$G$19=$B$17,14,0)+IF('Standard Profiles'!$G$19=$B$24,21,0),MOD($C3981,24)+1)/SUM(INDEX($D$3:$AA$30,INDEX(Jesper!$R$2:$R$366,ROW(INDEX(Jesper!AI$2:AI$366,ROUNDDOWN($C3981/24,0)+1,1))-1)+IF('Standard Profiles'!$G$19=$B$10,7,0)+IF('Standard Profiles'!$G$19=$B$17,14,0)+IF('Standard Profiles'!$G$19=$B$24,21,0),0)),0)</f>
        <v>0</v>
      </c>
      <c r="F3981" cm="1">
        <f t="array" ref="F3981">IFERROR(INDEX(Jesper!AJ$2:AJ$366,ROUNDDOWN($C3981/24,0)+1,1)*INDEX($D$3:$AA$30,INDEX(Jesper!$R$2:$R$366,ROW(INDEX(Jesper!AJ$2:AJ$366,ROUNDDOWN($C3981/24,0)+1,1))-1)+IF('Standard Profiles'!$G$20=$B$10,7,0)+IF('Standard Profiles'!$G$20=$B$17,14,0)+IF('Standard Profiles'!$G$20=$B$24,21,0),MOD($C3981,24)+1)/SUM(INDEX($D$3:$AA$30,INDEX(Jesper!$R$2:$R$366,ROW(INDEX(Jesper!AJ$2:AJ$366,ROUNDDOWN($C3981/24,0)+1,1))-1)+IF('Standard Profiles'!$G$20=$B$10,7,0)+IF('Standard Profiles'!$G$20=$B$17,14,0)+IF('Standard Profiles'!$G$20=$B$24,21,0),0)),0)</f>
        <v>0</v>
      </c>
      <c r="G3981" cm="1">
        <f t="array" ref="G3981">IFERROR(INDEX(Jesper!AK$2:AK$366,ROUNDDOWN($C3981/24,0)+1,1)*INDEX($D$3:$AA$30,INDEX(Jesper!$R$2:$R$366,ROW(INDEX(Jesper!AK$2:AK$366,ROUNDDOWN($C3981/24,0)+1,1))-1)+IF('Standard Profiles'!$G$21=$B$10,7,0)+IF('Standard Profiles'!$G$21=$B$17,14,0)+IF('Standard Profiles'!$G$21=$B$24,21,0),MOD($C3981,24)+1)/SUM(INDEX($D$3:$AA$30,INDEX(Jesper!$R$2:$R$366,ROW(INDEX(Jesper!AK$2:AK$366,ROUNDDOWN($C3981/24,0)+1,1))-1)+IF('Standard Profiles'!$G$21=$B$10,7,0)+IF('Standard Profiles'!$G$21=$B$17,14,0)+IF('Standard Profiles'!$G$21=$B$24,21,0),0)),0)</f>
        <v>0</v>
      </c>
      <c r="H3981" cm="1">
        <f t="array" ref="H3981">IFERROR(INDEX(Jesper!AL$2:AL$366,ROUNDDOWN($C3981/24,0)+1,1)*INDEX($D$3:$AA$30,INDEX(Jesper!$R$2:$R$366,ROW(INDEX(Jesper!AL$2:AL$366,ROUNDDOWN($C3981/24,0)+1,1))-1)+IF('Standard Profiles'!$G$22=$B$10,7,0)+IF('Standard Profiles'!$G$22=$B$17,14,0)+IF('Standard Profiles'!$G$22=$B$24,21,0),MOD($C3981,24)+1)/SUM(INDEX($D$3:$AA$30,INDEX(Jesper!$R$2:$R$366,ROW(INDEX(Jesper!AL$2:AL$366,ROUNDDOWN($C3981/24,0)+1,1))-1)+IF('Standard Profiles'!$G$22=$B$10,7,0)+IF('Standard Profiles'!$G$22=$B$17,14,0)+IF('Standard Profiles'!$G$22=$B$24,21,0),0)),0)</f>
        <v>0</v>
      </c>
      <c r="I3981">
        <f t="shared" si="447"/>
        <v>0.40599329854854038</v>
      </c>
      <c r="J3981">
        <f t="shared" si="448"/>
        <v>1.3533109951618014</v>
      </c>
      <c r="K3981">
        <f t="shared" si="449"/>
        <v>2.0299664927427017</v>
      </c>
      <c r="L3981">
        <f t="shared" si="450"/>
        <v>9.7438391651649692</v>
      </c>
      <c r="M3981">
        <f t="shared" si="451"/>
        <v>0</v>
      </c>
      <c r="N3981" s="46">
        <f t="shared" si="452"/>
        <v>45456.458333323761</v>
      </c>
    </row>
    <row r="3982" spans="2:14" x14ac:dyDescent="0.3">
      <c r="B3982">
        <f t="shared" si="446"/>
        <v>4</v>
      </c>
      <c r="C3982" s="16">
        <v>3948</v>
      </c>
      <c r="D3982" cm="1">
        <f t="array" ref="D3982">IFERROR(INDEX(Jesper!AH$2:AH$366,ROUNDDOWN($C3982/24,0)+1,1)*INDEX($D$3:$AA$30,INDEX(Jesper!$R$2:$R$366,ROW(INDEX(Jesper!AH$2:AH$366,ROUNDDOWN($C3982/24,0)+1,1))-1)+IF('Standard Profiles'!$G$18=$B$10,7,0)+IF('Standard Profiles'!$G$18=$B$17,14,0)+IF('Standard Profiles'!$G$18=$B$24,21,0),MOD($C3982,24)+1)/SUM(INDEX($D$3:$AA$30,INDEX(Jesper!$R$2:$R$366,ROW(INDEX(Jesper!AH$2:AH$366,ROUNDDOWN($C3982/24,0)+1,1))-1)+IF('Standard Profiles'!$G$18=$B$10,7,0)+IF('Standard Profiles'!$G$18=$B$17,14,0)+IF('Standard Profiles'!$G$18=$B$24,21,0),0)),0)</f>
        <v>13.533109951618012</v>
      </c>
      <c r="E3982" cm="1">
        <f t="array" ref="E3982">IFERROR(INDEX(Jesper!AI$2:AI$366,ROUNDDOWN($C3982/24,0)+1,1)*INDEX($D$3:$AA$30,INDEX(Jesper!$R$2:$R$366,ROW(INDEX(Jesper!AI$2:AI$366,ROUNDDOWN($C3982/24,0)+1,1))-1)+IF('Standard Profiles'!$G$19=$B$10,7,0)+IF('Standard Profiles'!$G$19=$B$17,14,0)+IF('Standard Profiles'!$G$19=$B$24,21,0),MOD($C3982,24)+1)/SUM(INDEX($D$3:$AA$30,INDEX(Jesper!$R$2:$R$366,ROW(INDEX(Jesper!AI$2:AI$366,ROUNDDOWN($C3982/24,0)+1,1))-1)+IF('Standard Profiles'!$G$19=$B$10,7,0)+IF('Standard Profiles'!$G$19=$B$17,14,0)+IF('Standard Profiles'!$G$19=$B$24,21,0),0)),0)</f>
        <v>0</v>
      </c>
      <c r="F3982" cm="1">
        <f t="array" ref="F3982">IFERROR(INDEX(Jesper!AJ$2:AJ$366,ROUNDDOWN($C3982/24,0)+1,1)*INDEX($D$3:$AA$30,INDEX(Jesper!$R$2:$R$366,ROW(INDEX(Jesper!AJ$2:AJ$366,ROUNDDOWN($C3982/24,0)+1,1))-1)+IF('Standard Profiles'!$G$20=$B$10,7,0)+IF('Standard Profiles'!$G$20=$B$17,14,0)+IF('Standard Profiles'!$G$20=$B$24,21,0),MOD($C3982,24)+1)/SUM(INDEX($D$3:$AA$30,INDEX(Jesper!$R$2:$R$366,ROW(INDEX(Jesper!AJ$2:AJ$366,ROUNDDOWN($C3982/24,0)+1,1))-1)+IF('Standard Profiles'!$G$20=$B$10,7,0)+IF('Standard Profiles'!$G$20=$B$17,14,0)+IF('Standard Profiles'!$G$20=$B$24,21,0),0)),0)</f>
        <v>0</v>
      </c>
      <c r="G3982" cm="1">
        <f t="array" ref="G3982">IFERROR(INDEX(Jesper!AK$2:AK$366,ROUNDDOWN($C3982/24,0)+1,1)*INDEX($D$3:$AA$30,INDEX(Jesper!$R$2:$R$366,ROW(INDEX(Jesper!AK$2:AK$366,ROUNDDOWN($C3982/24,0)+1,1))-1)+IF('Standard Profiles'!$G$21=$B$10,7,0)+IF('Standard Profiles'!$G$21=$B$17,14,0)+IF('Standard Profiles'!$G$21=$B$24,21,0),MOD($C3982,24)+1)/SUM(INDEX($D$3:$AA$30,INDEX(Jesper!$R$2:$R$366,ROW(INDEX(Jesper!AK$2:AK$366,ROUNDDOWN($C3982/24,0)+1,1))-1)+IF('Standard Profiles'!$G$21=$B$10,7,0)+IF('Standard Profiles'!$G$21=$B$17,14,0)+IF('Standard Profiles'!$G$21=$B$24,21,0),0)),0)</f>
        <v>0</v>
      </c>
      <c r="H3982" cm="1">
        <f t="array" ref="H3982">IFERROR(INDEX(Jesper!AL$2:AL$366,ROUNDDOWN($C3982/24,0)+1,1)*INDEX($D$3:$AA$30,INDEX(Jesper!$R$2:$R$366,ROW(INDEX(Jesper!AL$2:AL$366,ROUNDDOWN($C3982/24,0)+1,1))-1)+IF('Standard Profiles'!$G$22=$B$10,7,0)+IF('Standard Profiles'!$G$22=$B$17,14,0)+IF('Standard Profiles'!$G$22=$B$24,21,0),MOD($C3982,24)+1)/SUM(INDEX($D$3:$AA$30,INDEX(Jesper!$R$2:$R$366,ROW(INDEX(Jesper!AL$2:AL$366,ROUNDDOWN($C3982/24,0)+1,1))-1)+IF('Standard Profiles'!$G$22=$B$10,7,0)+IF('Standard Profiles'!$G$22=$B$17,14,0)+IF('Standard Profiles'!$G$22=$B$24,21,0),0)),0)</f>
        <v>0</v>
      </c>
      <c r="I3982">
        <f t="shared" si="447"/>
        <v>0.40599329854854038</v>
      </c>
      <c r="J3982">
        <f t="shared" si="448"/>
        <v>1.3533109951618014</v>
      </c>
      <c r="K3982">
        <f t="shared" si="449"/>
        <v>2.0299664927427017</v>
      </c>
      <c r="L3982">
        <f t="shared" si="450"/>
        <v>9.7438391651649692</v>
      </c>
      <c r="M3982">
        <f t="shared" si="451"/>
        <v>0</v>
      </c>
      <c r="N3982" s="46">
        <f t="shared" si="452"/>
        <v>45456.499999990425</v>
      </c>
    </row>
    <row r="3983" spans="2:14" x14ac:dyDescent="0.3">
      <c r="B3983">
        <f t="shared" si="446"/>
        <v>4</v>
      </c>
      <c r="C3983" s="16">
        <v>3949</v>
      </c>
      <c r="D3983" cm="1">
        <f t="array" ref="D3983">IFERROR(INDEX(Jesper!AH$2:AH$366,ROUNDDOWN($C3983/24,0)+1,1)*INDEX($D$3:$AA$30,INDEX(Jesper!$R$2:$R$366,ROW(INDEX(Jesper!AH$2:AH$366,ROUNDDOWN($C3983/24,0)+1,1))-1)+IF('Standard Profiles'!$G$18=$B$10,7,0)+IF('Standard Profiles'!$G$18=$B$17,14,0)+IF('Standard Profiles'!$G$18=$B$24,21,0),MOD($C3983,24)+1)/SUM(INDEX($D$3:$AA$30,INDEX(Jesper!$R$2:$R$366,ROW(INDEX(Jesper!AH$2:AH$366,ROUNDDOWN($C3983/24,0)+1,1))-1)+IF('Standard Profiles'!$G$18=$B$10,7,0)+IF('Standard Profiles'!$G$18=$B$17,14,0)+IF('Standard Profiles'!$G$18=$B$24,21,0),0)),0)</f>
        <v>13.533109951618012</v>
      </c>
      <c r="E3983" cm="1">
        <f t="array" ref="E3983">IFERROR(INDEX(Jesper!AI$2:AI$366,ROUNDDOWN($C3983/24,0)+1,1)*INDEX($D$3:$AA$30,INDEX(Jesper!$R$2:$R$366,ROW(INDEX(Jesper!AI$2:AI$366,ROUNDDOWN($C3983/24,0)+1,1))-1)+IF('Standard Profiles'!$G$19=$B$10,7,0)+IF('Standard Profiles'!$G$19=$B$17,14,0)+IF('Standard Profiles'!$G$19=$B$24,21,0),MOD($C3983,24)+1)/SUM(INDEX($D$3:$AA$30,INDEX(Jesper!$R$2:$R$366,ROW(INDEX(Jesper!AI$2:AI$366,ROUNDDOWN($C3983/24,0)+1,1))-1)+IF('Standard Profiles'!$G$19=$B$10,7,0)+IF('Standard Profiles'!$G$19=$B$17,14,0)+IF('Standard Profiles'!$G$19=$B$24,21,0),0)),0)</f>
        <v>0</v>
      </c>
      <c r="F3983" cm="1">
        <f t="array" ref="F3983">IFERROR(INDEX(Jesper!AJ$2:AJ$366,ROUNDDOWN($C3983/24,0)+1,1)*INDEX($D$3:$AA$30,INDEX(Jesper!$R$2:$R$366,ROW(INDEX(Jesper!AJ$2:AJ$366,ROUNDDOWN($C3983/24,0)+1,1))-1)+IF('Standard Profiles'!$G$20=$B$10,7,0)+IF('Standard Profiles'!$G$20=$B$17,14,0)+IF('Standard Profiles'!$G$20=$B$24,21,0),MOD($C3983,24)+1)/SUM(INDEX($D$3:$AA$30,INDEX(Jesper!$R$2:$R$366,ROW(INDEX(Jesper!AJ$2:AJ$366,ROUNDDOWN($C3983/24,0)+1,1))-1)+IF('Standard Profiles'!$G$20=$B$10,7,0)+IF('Standard Profiles'!$G$20=$B$17,14,0)+IF('Standard Profiles'!$G$20=$B$24,21,0),0)),0)</f>
        <v>0</v>
      </c>
      <c r="G3983" cm="1">
        <f t="array" ref="G3983">IFERROR(INDEX(Jesper!AK$2:AK$366,ROUNDDOWN($C3983/24,0)+1,1)*INDEX($D$3:$AA$30,INDEX(Jesper!$R$2:$R$366,ROW(INDEX(Jesper!AK$2:AK$366,ROUNDDOWN($C3983/24,0)+1,1))-1)+IF('Standard Profiles'!$G$21=$B$10,7,0)+IF('Standard Profiles'!$G$21=$B$17,14,0)+IF('Standard Profiles'!$G$21=$B$24,21,0),MOD($C3983,24)+1)/SUM(INDEX($D$3:$AA$30,INDEX(Jesper!$R$2:$R$366,ROW(INDEX(Jesper!AK$2:AK$366,ROUNDDOWN($C3983/24,0)+1,1))-1)+IF('Standard Profiles'!$G$21=$B$10,7,0)+IF('Standard Profiles'!$G$21=$B$17,14,0)+IF('Standard Profiles'!$G$21=$B$24,21,0),0)),0)</f>
        <v>0</v>
      </c>
      <c r="H3983" cm="1">
        <f t="array" ref="H3983">IFERROR(INDEX(Jesper!AL$2:AL$366,ROUNDDOWN($C3983/24,0)+1,1)*INDEX($D$3:$AA$30,INDEX(Jesper!$R$2:$R$366,ROW(INDEX(Jesper!AL$2:AL$366,ROUNDDOWN($C3983/24,0)+1,1))-1)+IF('Standard Profiles'!$G$22=$B$10,7,0)+IF('Standard Profiles'!$G$22=$B$17,14,0)+IF('Standard Profiles'!$G$22=$B$24,21,0),MOD($C3983,24)+1)/SUM(INDEX($D$3:$AA$30,INDEX(Jesper!$R$2:$R$366,ROW(INDEX(Jesper!AL$2:AL$366,ROUNDDOWN($C3983/24,0)+1,1))-1)+IF('Standard Profiles'!$G$22=$B$10,7,0)+IF('Standard Profiles'!$G$22=$B$17,14,0)+IF('Standard Profiles'!$G$22=$B$24,21,0),0)),0)</f>
        <v>0</v>
      </c>
      <c r="I3983">
        <f t="shared" si="447"/>
        <v>0.40599329854854038</v>
      </c>
      <c r="J3983">
        <f t="shared" si="448"/>
        <v>1.3533109951618014</v>
      </c>
      <c r="K3983">
        <f t="shared" si="449"/>
        <v>2.0299664927427017</v>
      </c>
      <c r="L3983">
        <f t="shared" si="450"/>
        <v>9.7438391651649692</v>
      </c>
      <c r="M3983">
        <f t="shared" si="451"/>
        <v>0</v>
      </c>
      <c r="N3983" s="46">
        <f t="shared" si="452"/>
        <v>45456.541666657089</v>
      </c>
    </row>
    <row r="3984" spans="2:14" x14ac:dyDescent="0.3">
      <c r="B3984">
        <f t="shared" si="446"/>
        <v>4</v>
      </c>
      <c r="C3984" s="16">
        <v>3950</v>
      </c>
      <c r="D3984" cm="1">
        <f t="array" ref="D3984">IFERROR(INDEX(Jesper!AH$2:AH$366,ROUNDDOWN($C3984/24,0)+1,1)*INDEX($D$3:$AA$30,INDEX(Jesper!$R$2:$R$366,ROW(INDEX(Jesper!AH$2:AH$366,ROUNDDOWN($C3984/24,0)+1,1))-1)+IF('Standard Profiles'!$G$18=$B$10,7,0)+IF('Standard Profiles'!$G$18=$B$17,14,0)+IF('Standard Profiles'!$G$18=$B$24,21,0),MOD($C3984,24)+1)/SUM(INDEX($D$3:$AA$30,INDEX(Jesper!$R$2:$R$366,ROW(INDEX(Jesper!AH$2:AH$366,ROUNDDOWN($C3984/24,0)+1,1))-1)+IF('Standard Profiles'!$G$18=$B$10,7,0)+IF('Standard Profiles'!$G$18=$B$17,14,0)+IF('Standard Profiles'!$G$18=$B$24,21,0),0)),0)</f>
        <v>13.533109951618012</v>
      </c>
      <c r="E3984" cm="1">
        <f t="array" ref="E3984">IFERROR(INDEX(Jesper!AI$2:AI$366,ROUNDDOWN($C3984/24,0)+1,1)*INDEX($D$3:$AA$30,INDEX(Jesper!$R$2:$R$366,ROW(INDEX(Jesper!AI$2:AI$366,ROUNDDOWN($C3984/24,0)+1,1))-1)+IF('Standard Profiles'!$G$19=$B$10,7,0)+IF('Standard Profiles'!$G$19=$B$17,14,0)+IF('Standard Profiles'!$G$19=$B$24,21,0),MOD($C3984,24)+1)/SUM(INDEX($D$3:$AA$30,INDEX(Jesper!$R$2:$R$366,ROW(INDEX(Jesper!AI$2:AI$366,ROUNDDOWN($C3984/24,0)+1,1))-1)+IF('Standard Profiles'!$G$19=$B$10,7,0)+IF('Standard Profiles'!$G$19=$B$17,14,0)+IF('Standard Profiles'!$G$19=$B$24,21,0),0)),0)</f>
        <v>0</v>
      </c>
      <c r="F3984" cm="1">
        <f t="array" ref="F3984">IFERROR(INDEX(Jesper!AJ$2:AJ$366,ROUNDDOWN($C3984/24,0)+1,1)*INDEX($D$3:$AA$30,INDEX(Jesper!$R$2:$R$366,ROW(INDEX(Jesper!AJ$2:AJ$366,ROUNDDOWN($C3984/24,0)+1,1))-1)+IF('Standard Profiles'!$G$20=$B$10,7,0)+IF('Standard Profiles'!$G$20=$B$17,14,0)+IF('Standard Profiles'!$G$20=$B$24,21,0),MOD($C3984,24)+1)/SUM(INDEX($D$3:$AA$30,INDEX(Jesper!$R$2:$R$366,ROW(INDEX(Jesper!AJ$2:AJ$366,ROUNDDOWN($C3984/24,0)+1,1))-1)+IF('Standard Profiles'!$G$20=$B$10,7,0)+IF('Standard Profiles'!$G$20=$B$17,14,0)+IF('Standard Profiles'!$G$20=$B$24,21,0),0)),0)</f>
        <v>0</v>
      </c>
      <c r="G3984" cm="1">
        <f t="array" ref="G3984">IFERROR(INDEX(Jesper!AK$2:AK$366,ROUNDDOWN($C3984/24,0)+1,1)*INDEX($D$3:$AA$30,INDEX(Jesper!$R$2:$R$366,ROW(INDEX(Jesper!AK$2:AK$366,ROUNDDOWN($C3984/24,0)+1,1))-1)+IF('Standard Profiles'!$G$21=$B$10,7,0)+IF('Standard Profiles'!$G$21=$B$17,14,0)+IF('Standard Profiles'!$G$21=$B$24,21,0),MOD($C3984,24)+1)/SUM(INDEX($D$3:$AA$30,INDEX(Jesper!$R$2:$R$366,ROW(INDEX(Jesper!AK$2:AK$366,ROUNDDOWN($C3984/24,0)+1,1))-1)+IF('Standard Profiles'!$G$21=$B$10,7,0)+IF('Standard Profiles'!$G$21=$B$17,14,0)+IF('Standard Profiles'!$G$21=$B$24,21,0),0)),0)</f>
        <v>0</v>
      </c>
      <c r="H3984" cm="1">
        <f t="array" ref="H3984">IFERROR(INDEX(Jesper!AL$2:AL$366,ROUNDDOWN($C3984/24,0)+1,1)*INDEX($D$3:$AA$30,INDEX(Jesper!$R$2:$R$366,ROW(INDEX(Jesper!AL$2:AL$366,ROUNDDOWN($C3984/24,0)+1,1))-1)+IF('Standard Profiles'!$G$22=$B$10,7,0)+IF('Standard Profiles'!$G$22=$B$17,14,0)+IF('Standard Profiles'!$G$22=$B$24,21,0),MOD($C3984,24)+1)/SUM(INDEX($D$3:$AA$30,INDEX(Jesper!$R$2:$R$366,ROW(INDEX(Jesper!AL$2:AL$366,ROUNDDOWN($C3984/24,0)+1,1))-1)+IF('Standard Profiles'!$G$22=$B$10,7,0)+IF('Standard Profiles'!$G$22=$B$17,14,0)+IF('Standard Profiles'!$G$22=$B$24,21,0),0)),0)</f>
        <v>0</v>
      </c>
      <c r="I3984">
        <f t="shared" si="447"/>
        <v>0.40599329854854038</v>
      </c>
      <c r="J3984">
        <f t="shared" si="448"/>
        <v>1.3533109951618014</v>
      </c>
      <c r="K3984">
        <f t="shared" si="449"/>
        <v>2.0299664927427017</v>
      </c>
      <c r="L3984">
        <f t="shared" si="450"/>
        <v>9.7438391651649692</v>
      </c>
      <c r="M3984">
        <f t="shared" si="451"/>
        <v>0</v>
      </c>
      <c r="N3984" s="46">
        <f t="shared" si="452"/>
        <v>45456.583333323753</v>
      </c>
    </row>
    <row r="3985" spans="2:14" x14ac:dyDescent="0.3">
      <c r="B3985">
        <f t="shared" si="446"/>
        <v>4</v>
      </c>
      <c r="C3985" s="16">
        <v>3951</v>
      </c>
      <c r="D3985" cm="1">
        <f t="array" ref="D3985">IFERROR(INDEX(Jesper!AH$2:AH$366,ROUNDDOWN($C3985/24,0)+1,1)*INDEX($D$3:$AA$30,INDEX(Jesper!$R$2:$R$366,ROW(INDEX(Jesper!AH$2:AH$366,ROUNDDOWN($C3985/24,0)+1,1))-1)+IF('Standard Profiles'!$G$18=$B$10,7,0)+IF('Standard Profiles'!$G$18=$B$17,14,0)+IF('Standard Profiles'!$G$18=$B$24,21,0),MOD($C3985,24)+1)/SUM(INDEX($D$3:$AA$30,INDEX(Jesper!$R$2:$R$366,ROW(INDEX(Jesper!AH$2:AH$366,ROUNDDOWN($C3985/24,0)+1,1))-1)+IF('Standard Profiles'!$G$18=$B$10,7,0)+IF('Standard Profiles'!$G$18=$B$17,14,0)+IF('Standard Profiles'!$G$18=$B$24,21,0),0)),0)</f>
        <v>13.533109951618012</v>
      </c>
      <c r="E3985" cm="1">
        <f t="array" ref="E3985">IFERROR(INDEX(Jesper!AI$2:AI$366,ROUNDDOWN($C3985/24,0)+1,1)*INDEX($D$3:$AA$30,INDEX(Jesper!$R$2:$R$366,ROW(INDEX(Jesper!AI$2:AI$366,ROUNDDOWN($C3985/24,0)+1,1))-1)+IF('Standard Profiles'!$G$19=$B$10,7,0)+IF('Standard Profiles'!$G$19=$B$17,14,0)+IF('Standard Profiles'!$G$19=$B$24,21,0),MOD($C3985,24)+1)/SUM(INDEX($D$3:$AA$30,INDEX(Jesper!$R$2:$R$366,ROW(INDEX(Jesper!AI$2:AI$366,ROUNDDOWN($C3985/24,0)+1,1))-1)+IF('Standard Profiles'!$G$19=$B$10,7,0)+IF('Standard Profiles'!$G$19=$B$17,14,0)+IF('Standard Profiles'!$G$19=$B$24,21,0),0)),0)</f>
        <v>0</v>
      </c>
      <c r="F3985" cm="1">
        <f t="array" ref="F3985">IFERROR(INDEX(Jesper!AJ$2:AJ$366,ROUNDDOWN($C3985/24,0)+1,1)*INDEX($D$3:$AA$30,INDEX(Jesper!$R$2:$R$366,ROW(INDEX(Jesper!AJ$2:AJ$366,ROUNDDOWN($C3985/24,0)+1,1))-1)+IF('Standard Profiles'!$G$20=$B$10,7,0)+IF('Standard Profiles'!$G$20=$B$17,14,0)+IF('Standard Profiles'!$G$20=$B$24,21,0),MOD($C3985,24)+1)/SUM(INDEX($D$3:$AA$30,INDEX(Jesper!$R$2:$R$366,ROW(INDEX(Jesper!AJ$2:AJ$366,ROUNDDOWN($C3985/24,0)+1,1))-1)+IF('Standard Profiles'!$G$20=$B$10,7,0)+IF('Standard Profiles'!$G$20=$B$17,14,0)+IF('Standard Profiles'!$G$20=$B$24,21,0),0)),0)</f>
        <v>0</v>
      </c>
      <c r="G3985" cm="1">
        <f t="array" ref="G3985">IFERROR(INDEX(Jesper!AK$2:AK$366,ROUNDDOWN($C3985/24,0)+1,1)*INDEX($D$3:$AA$30,INDEX(Jesper!$R$2:$R$366,ROW(INDEX(Jesper!AK$2:AK$366,ROUNDDOWN($C3985/24,0)+1,1))-1)+IF('Standard Profiles'!$G$21=$B$10,7,0)+IF('Standard Profiles'!$G$21=$B$17,14,0)+IF('Standard Profiles'!$G$21=$B$24,21,0),MOD($C3985,24)+1)/SUM(INDEX($D$3:$AA$30,INDEX(Jesper!$R$2:$R$366,ROW(INDEX(Jesper!AK$2:AK$366,ROUNDDOWN($C3985/24,0)+1,1))-1)+IF('Standard Profiles'!$G$21=$B$10,7,0)+IF('Standard Profiles'!$G$21=$B$17,14,0)+IF('Standard Profiles'!$G$21=$B$24,21,0),0)),0)</f>
        <v>0</v>
      </c>
      <c r="H3985" cm="1">
        <f t="array" ref="H3985">IFERROR(INDEX(Jesper!AL$2:AL$366,ROUNDDOWN($C3985/24,0)+1,1)*INDEX($D$3:$AA$30,INDEX(Jesper!$R$2:$R$366,ROW(INDEX(Jesper!AL$2:AL$366,ROUNDDOWN($C3985/24,0)+1,1))-1)+IF('Standard Profiles'!$G$22=$B$10,7,0)+IF('Standard Profiles'!$G$22=$B$17,14,0)+IF('Standard Profiles'!$G$22=$B$24,21,0),MOD($C3985,24)+1)/SUM(INDEX($D$3:$AA$30,INDEX(Jesper!$R$2:$R$366,ROW(INDEX(Jesper!AL$2:AL$366,ROUNDDOWN($C3985/24,0)+1,1))-1)+IF('Standard Profiles'!$G$22=$B$10,7,0)+IF('Standard Profiles'!$G$22=$B$17,14,0)+IF('Standard Profiles'!$G$22=$B$24,21,0),0)),0)</f>
        <v>0</v>
      </c>
      <c r="I3985">
        <f t="shared" si="447"/>
        <v>0.40599329854854038</v>
      </c>
      <c r="J3985">
        <f t="shared" si="448"/>
        <v>1.3533109951618014</v>
      </c>
      <c r="K3985">
        <f t="shared" si="449"/>
        <v>2.0299664927427017</v>
      </c>
      <c r="L3985">
        <f t="shared" si="450"/>
        <v>9.7438391651649692</v>
      </c>
      <c r="M3985">
        <f t="shared" si="451"/>
        <v>0</v>
      </c>
      <c r="N3985" s="46">
        <f t="shared" si="452"/>
        <v>45456.624999990418</v>
      </c>
    </row>
    <row r="3986" spans="2:14" x14ac:dyDescent="0.3">
      <c r="B3986">
        <f t="shared" si="446"/>
        <v>4</v>
      </c>
      <c r="C3986" s="16">
        <v>3952</v>
      </c>
      <c r="D3986" cm="1">
        <f t="array" ref="D3986">IFERROR(INDEX(Jesper!AH$2:AH$366,ROUNDDOWN($C3986/24,0)+1,1)*INDEX($D$3:$AA$30,INDEX(Jesper!$R$2:$R$366,ROW(INDEX(Jesper!AH$2:AH$366,ROUNDDOWN($C3986/24,0)+1,1))-1)+IF('Standard Profiles'!$G$18=$B$10,7,0)+IF('Standard Profiles'!$G$18=$B$17,14,0)+IF('Standard Profiles'!$G$18=$B$24,21,0),MOD($C3986,24)+1)/SUM(INDEX($D$3:$AA$30,INDEX(Jesper!$R$2:$R$366,ROW(INDEX(Jesper!AH$2:AH$366,ROUNDDOWN($C3986/24,0)+1,1))-1)+IF('Standard Profiles'!$G$18=$B$10,7,0)+IF('Standard Profiles'!$G$18=$B$17,14,0)+IF('Standard Profiles'!$G$18=$B$24,21,0),0)),0)</f>
        <v>13.533109951618012</v>
      </c>
      <c r="E3986" cm="1">
        <f t="array" ref="E3986">IFERROR(INDEX(Jesper!AI$2:AI$366,ROUNDDOWN($C3986/24,0)+1,1)*INDEX($D$3:$AA$30,INDEX(Jesper!$R$2:$R$366,ROW(INDEX(Jesper!AI$2:AI$366,ROUNDDOWN($C3986/24,0)+1,1))-1)+IF('Standard Profiles'!$G$19=$B$10,7,0)+IF('Standard Profiles'!$G$19=$B$17,14,0)+IF('Standard Profiles'!$G$19=$B$24,21,0),MOD($C3986,24)+1)/SUM(INDEX($D$3:$AA$30,INDEX(Jesper!$R$2:$R$366,ROW(INDEX(Jesper!AI$2:AI$366,ROUNDDOWN($C3986/24,0)+1,1))-1)+IF('Standard Profiles'!$G$19=$B$10,7,0)+IF('Standard Profiles'!$G$19=$B$17,14,0)+IF('Standard Profiles'!$G$19=$B$24,21,0),0)),0)</f>
        <v>0</v>
      </c>
      <c r="F3986" cm="1">
        <f t="array" ref="F3986">IFERROR(INDEX(Jesper!AJ$2:AJ$366,ROUNDDOWN($C3986/24,0)+1,1)*INDEX($D$3:$AA$30,INDEX(Jesper!$R$2:$R$366,ROW(INDEX(Jesper!AJ$2:AJ$366,ROUNDDOWN($C3986/24,0)+1,1))-1)+IF('Standard Profiles'!$G$20=$B$10,7,0)+IF('Standard Profiles'!$G$20=$B$17,14,0)+IF('Standard Profiles'!$G$20=$B$24,21,0),MOD($C3986,24)+1)/SUM(INDEX($D$3:$AA$30,INDEX(Jesper!$R$2:$R$366,ROW(INDEX(Jesper!AJ$2:AJ$366,ROUNDDOWN($C3986/24,0)+1,1))-1)+IF('Standard Profiles'!$G$20=$B$10,7,0)+IF('Standard Profiles'!$G$20=$B$17,14,0)+IF('Standard Profiles'!$G$20=$B$24,21,0),0)),0)</f>
        <v>0</v>
      </c>
      <c r="G3986" cm="1">
        <f t="array" ref="G3986">IFERROR(INDEX(Jesper!AK$2:AK$366,ROUNDDOWN($C3986/24,0)+1,1)*INDEX($D$3:$AA$30,INDEX(Jesper!$R$2:$R$366,ROW(INDEX(Jesper!AK$2:AK$366,ROUNDDOWN($C3986/24,0)+1,1))-1)+IF('Standard Profiles'!$G$21=$B$10,7,0)+IF('Standard Profiles'!$G$21=$B$17,14,0)+IF('Standard Profiles'!$G$21=$B$24,21,0),MOD($C3986,24)+1)/SUM(INDEX($D$3:$AA$30,INDEX(Jesper!$R$2:$R$366,ROW(INDEX(Jesper!AK$2:AK$366,ROUNDDOWN($C3986/24,0)+1,1))-1)+IF('Standard Profiles'!$G$21=$B$10,7,0)+IF('Standard Profiles'!$G$21=$B$17,14,0)+IF('Standard Profiles'!$G$21=$B$24,21,0),0)),0)</f>
        <v>0</v>
      </c>
      <c r="H3986" cm="1">
        <f t="array" ref="H3986">IFERROR(INDEX(Jesper!AL$2:AL$366,ROUNDDOWN($C3986/24,0)+1,1)*INDEX($D$3:$AA$30,INDEX(Jesper!$R$2:$R$366,ROW(INDEX(Jesper!AL$2:AL$366,ROUNDDOWN($C3986/24,0)+1,1))-1)+IF('Standard Profiles'!$G$22=$B$10,7,0)+IF('Standard Profiles'!$G$22=$B$17,14,0)+IF('Standard Profiles'!$G$22=$B$24,21,0),MOD($C3986,24)+1)/SUM(INDEX($D$3:$AA$30,INDEX(Jesper!$R$2:$R$366,ROW(INDEX(Jesper!AL$2:AL$366,ROUNDDOWN($C3986/24,0)+1,1))-1)+IF('Standard Profiles'!$G$22=$B$10,7,0)+IF('Standard Profiles'!$G$22=$B$17,14,0)+IF('Standard Profiles'!$G$22=$B$24,21,0),0)),0)</f>
        <v>0</v>
      </c>
      <c r="I3986">
        <f t="shared" si="447"/>
        <v>0.40599329854854038</v>
      </c>
      <c r="J3986">
        <f t="shared" si="448"/>
        <v>1.3533109951618014</v>
      </c>
      <c r="K3986">
        <f t="shared" si="449"/>
        <v>2.0299664927427017</v>
      </c>
      <c r="L3986">
        <f t="shared" si="450"/>
        <v>9.7438391651649692</v>
      </c>
      <c r="M3986">
        <f t="shared" si="451"/>
        <v>0</v>
      </c>
      <c r="N3986" s="46">
        <f t="shared" si="452"/>
        <v>45456.666666657082</v>
      </c>
    </row>
    <row r="3987" spans="2:14" x14ac:dyDescent="0.3">
      <c r="B3987">
        <f t="shared" si="446"/>
        <v>4</v>
      </c>
      <c r="C3987" s="16">
        <v>3953</v>
      </c>
      <c r="D3987" cm="1">
        <f t="array" ref="D3987">IFERROR(INDEX(Jesper!AH$2:AH$366,ROUNDDOWN($C3987/24,0)+1,1)*INDEX($D$3:$AA$30,INDEX(Jesper!$R$2:$R$366,ROW(INDEX(Jesper!AH$2:AH$366,ROUNDDOWN($C3987/24,0)+1,1))-1)+IF('Standard Profiles'!$G$18=$B$10,7,0)+IF('Standard Profiles'!$G$18=$B$17,14,0)+IF('Standard Profiles'!$G$18=$B$24,21,0),MOD($C3987,24)+1)/SUM(INDEX($D$3:$AA$30,INDEX(Jesper!$R$2:$R$366,ROW(INDEX(Jesper!AH$2:AH$366,ROUNDDOWN($C3987/24,0)+1,1))-1)+IF('Standard Profiles'!$G$18=$B$10,7,0)+IF('Standard Profiles'!$G$18=$B$17,14,0)+IF('Standard Profiles'!$G$18=$B$24,21,0),0)),0)</f>
        <v>13.533109951618012</v>
      </c>
      <c r="E3987" cm="1">
        <f t="array" ref="E3987">IFERROR(INDEX(Jesper!AI$2:AI$366,ROUNDDOWN($C3987/24,0)+1,1)*INDEX($D$3:$AA$30,INDEX(Jesper!$R$2:$R$366,ROW(INDEX(Jesper!AI$2:AI$366,ROUNDDOWN($C3987/24,0)+1,1))-1)+IF('Standard Profiles'!$G$19=$B$10,7,0)+IF('Standard Profiles'!$G$19=$B$17,14,0)+IF('Standard Profiles'!$G$19=$B$24,21,0),MOD($C3987,24)+1)/SUM(INDEX($D$3:$AA$30,INDEX(Jesper!$R$2:$R$366,ROW(INDEX(Jesper!AI$2:AI$366,ROUNDDOWN($C3987/24,0)+1,1))-1)+IF('Standard Profiles'!$G$19=$B$10,7,0)+IF('Standard Profiles'!$G$19=$B$17,14,0)+IF('Standard Profiles'!$G$19=$B$24,21,0),0)),0)</f>
        <v>0</v>
      </c>
      <c r="F3987" cm="1">
        <f t="array" ref="F3987">IFERROR(INDEX(Jesper!AJ$2:AJ$366,ROUNDDOWN($C3987/24,0)+1,1)*INDEX($D$3:$AA$30,INDEX(Jesper!$R$2:$R$366,ROW(INDEX(Jesper!AJ$2:AJ$366,ROUNDDOWN($C3987/24,0)+1,1))-1)+IF('Standard Profiles'!$G$20=$B$10,7,0)+IF('Standard Profiles'!$G$20=$B$17,14,0)+IF('Standard Profiles'!$G$20=$B$24,21,0),MOD($C3987,24)+1)/SUM(INDEX($D$3:$AA$30,INDEX(Jesper!$R$2:$R$366,ROW(INDEX(Jesper!AJ$2:AJ$366,ROUNDDOWN($C3987/24,0)+1,1))-1)+IF('Standard Profiles'!$G$20=$B$10,7,0)+IF('Standard Profiles'!$G$20=$B$17,14,0)+IF('Standard Profiles'!$G$20=$B$24,21,0),0)),0)</f>
        <v>0</v>
      </c>
      <c r="G3987" cm="1">
        <f t="array" ref="G3987">IFERROR(INDEX(Jesper!AK$2:AK$366,ROUNDDOWN($C3987/24,0)+1,1)*INDEX($D$3:$AA$30,INDEX(Jesper!$R$2:$R$366,ROW(INDEX(Jesper!AK$2:AK$366,ROUNDDOWN($C3987/24,0)+1,1))-1)+IF('Standard Profiles'!$G$21=$B$10,7,0)+IF('Standard Profiles'!$G$21=$B$17,14,0)+IF('Standard Profiles'!$G$21=$B$24,21,0),MOD($C3987,24)+1)/SUM(INDEX($D$3:$AA$30,INDEX(Jesper!$R$2:$R$366,ROW(INDEX(Jesper!AK$2:AK$366,ROUNDDOWN($C3987/24,0)+1,1))-1)+IF('Standard Profiles'!$G$21=$B$10,7,0)+IF('Standard Profiles'!$G$21=$B$17,14,0)+IF('Standard Profiles'!$G$21=$B$24,21,0),0)),0)</f>
        <v>0</v>
      </c>
      <c r="H3987" cm="1">
        <f t="array" ref="H3987">IFERROR(INDEX(Jesper!AL$2:AL$366,ROUNDDOWN($C3987/24,0)+1,1)*INDEX($D$3:$AA$30,INDEX(Jesper!$R$2:$R$366,ROW(INDEX(Jesper!AL$2:AL$366,ROUNDDOWN($C3987/24,0)+1,1))-1)+IF('Standard Profiles'!$G$22=$B$10,7,0)+IF('Standard Profiles'!$G$22=$B$17,14,0)+IF('Standard Profiles'!$G$22=$B$24,21,0),MOD($C3987,24)+1)/SUM(INDEX($D$3:$AA$30,INDEX(Jesper!$R$2:$R$366,ROW(INDEX(Jesper!AL$2:AL$366,ROUNDDOWN($C3987/24,0)+1,1))-1)+IF('Standard Profiles'!$G$22=$B$10,7,0)+IF('Standard Profiles'!$G$22=$B$17,14,0)+IF('Standard Profiles'!$G$22=$B$24,21,0),0)),0)</f>
        <v>0</v>
      </c>
      <c r="I3987">
        <f t="shared" si="447"/>
        <v>0.40599329854854038</v>
      </c>
      <c r="J3987">
        <f t="shared" si="448"/>
        <v>1.3533109951618014</v>
      </c>
      <c r="K3987">
        <f t="shared" si="449"/>
        <v>2.0299664927427017</v>
      </c>
      <c r="L3987">
        <f t="shared" si="450"/>
        <v>9.7438391651649692</v>
      </c>
      <c r="M3987">
        <f t="shared" si="451"/>
        <v>0</v>
      </c>
      <c r="N3987" s="46">
        <f t="shared" si="452"/>
        <v>45456.708333323746</v>
      </c>
    </row>
    <row r="3988" spans="2:14" x14ac:dyDescent="0.3">
      <c r="B3988">
        <f t="shared" si="446"/>
        <v>4</v>
      </c>
      <c r="C3988" s="16">
        <v>3954</v>
      </c>
      <c r="D3988" cm="1">
        <f t="array" ref="D3988">IFERROR(INDEX(Jesper!AH$2:AH$366,ROUNDDOWN($C3988/24,0)+1,1)*INDEX($D$3:$AA$30,INDEX(Jesper!$R$2:$R$366,ROW(INDEX(Jesper!AH$2:AH$366,ROUNDDOWN($C3988/24,0)+1,1))-1)+IF('Standard Profiles'!$G$18=$B$10,7,0)+IF('Standard Profiles'!$G$18=$B$17,14,0)+IF('Standard Profiles'!$G$18=$B$24,21,0),MOD($C3988,24)+1)/SUM(INDEX($D$3:$AA$30,INDEX(Jesper!$R$2:$R$366,ROW(INDEX(Jesper!AH$2:AH$366,ROUNDDOWN($C3988/24,0)+1,1))-1)+IF('Standard Profiles'!$G$18=$B$10,7,0)+IF('Standard Profiles'!$G$18=$B$17,14,0)+IF('Standard Profiles'!$G$18=$B$24,21,0),0)),0)</f>
        <v>13.533109951618012</v>
      </c>
      <c r="E3988" cm="1">
        <f t="array" ref="E3988">IFERROR(INDEX(Jesper!AI$2:AI$366,ROUNDDOWN($C3988/24,0)+1,1)*INDEX($D$3:$AA$30,INDEX(Jesper!$R$2:$R$366,ROW(INDEX(Jesper!AI$2:AI$366,ROUNDDOWN($C3988/24,0)+1,1))-1)+IF('Standard Profiles'!$G$19=$B$10,7,0)+IF('Standard Profiles'!$G$19=$B$17,14,0)+IF('Standard Profiles'!$G$19=$B$24,21,0),MOD($C3988,24)+1)/SUM(INDEX($D$3:$AA$30,INDEX(Jesper!$R$2:$R$366,ROW(INDEX(Jesper!AI$2:AI$366,ROUNDDOWN($C3988/24,0)+1,1))-1)+IF('Standard Profiles'!$G$19=$B$10,7,0)+IF('Standard Profiles'!$G$19=$B$17,14,0)+IF('Standard Profiles'!$G$19=$B$24,21,0),0)),0)</f>
        <v>0</v>
      </c>
      <c r="F3988" cm="1">
        <f t="array" ref="F3988">IFERROR(INDEX(Jesper!AJ$2:AJ$366,ROUNDDOWN($C3988/24,0)+1,1)*INDEX($D$3:$AA$30,INDEX(Jesper!$R$2:$R$366,ROW(INDEX(Jesper!AJ$2:AJ$366,ROUNDDOWN($C3988/24,0)+1,1))-1)+IF('Standard Profiles'!$G$20=$B$10,7,0)+IF('Standard Profiles'!$G$20=$B$17,14,0)+IF('Standard Profiles'!$G$20=$B$24,21,0),MOD($C3988,24)+1)/SUM(INDEX($D$3:$AA$30,INDEX(Jesper!$R$2:$R$366,ROW(INDEX(Jesper!AJ$2:AJ$366,ROUNDDOWN($C3988/24,0)+1,1))-1)+IF('Standard Profiles'!$G$20=$B$10,7,0)+IF('Standard Profiles'!$G$20=$B$17,14,0)+IF('Standard Profiles'!$G$20=$B$24,21,0),0)),0)</f>
        <v>0</v>
      </c>
      <c r="G3988" cm="1">
        <f t="array" ref="G3988">IFERROR(INDEX(Jesper!AK$2:AK$366,ROUNDDOWN($C3988/24,0)+1,1)*INDEX($D$3:$AA$30,INDEX(Jesper!$R$2:$R$366,ROW(INDEX(Jesper!AK$2:AK$366,ROUNDDOWN($C3988/24,0)+1,1))-1)+IF('Standard Profiles'!$G$21=$B$10,7,0)+IF('Standard Profiles'!$G$21=$B$17,14,0)+IF('Standard Profiles'!$G$21=$B$24,21,0),MOD($C3988,24)+1)/SUM(INDEX($D$3:$AA$30,INDEX(Jesper!$R$2:$R$366,ROW(INDEX(Jesper!AK$2:AK$366,ROUNDDOWN($C3988/24,0)+1,1))-1)+IF('Standard Profiles'!$G$21=$B$10,7,0)+IF('Standard Profiles'!$G$21=$B$17,14,0)+IF('Standard Profiles'!$G$21=$B$24,21,0),0)),0)</f>
        <v>0</v>
      </c>
      <c r="H3988" cm="1">
        <f t="array" ref="H3988">IFERROR(INDEX(Jesper!AL$2:AL$366,ROUNDDOWN($C3988/24,0)+1,1)*INDEX($D$3:$AA$30,INDEX(Jesper!$R$2:$R$366,ROW(INDEX(Jesper!AL$2:AL$366,ROUNDDOWN($C3988/24,0)+1,1))-1)+IF('Standard Profiles'!$G$22=$B$10,7,0)+IF('Standard Profiles'!$G$22=$B$17,14,0)+IF('Standard Profiles'!$G$22=$B$24,21,0),MOD($C3988,24)+1)/SUM(INDEX($D$3:$AA$30,INDEX(Jesper!$R$2:$R$366,ROW(INDEX(Jesper!AL$2:AL$366,ROUNDDOWN($C3988/24,0)+1,1))-1)+IF('Standard Profiles'!$G$22=$B$10,7,0)+IF('Standard Profiles'!$G$22=$B$17,14,0)+IF('Standard Profiles'!$G$22=$B$24,21,0),0)),0)</f>
        <v>0</v>
      </c>
      <c r="I3988">
        <f t="shared" si="447"/>
        <v>0.40599329854854038</v>
      </c>
      <c r="J3988">
        <f t="shared" si="448"/>
        <v>1.3533109951618014</v>
      </c>
      <c r="K3988">
        <f t="shared" si="449"/>
        <v>2.0299664927427017</v>
      </c>
      <c r="L3988">
        <f t="shared" si="450"/>
        <v>9.7438391651649692</v>
      </c>
      <c r="M3988">
        <f t="shared" si="451"/>
        <v>0</v>
      </c>
      <c r="N3988" s="46">
        <f t="shared" si="452"/>
        <v>45456.74999999041</v>
      </c>
    </row>
    <row r="3989" spans="2:14" x14ac:dyDescent="0.3">
      <c r="B3989">
        <f t="shared" si="446"/>
        <v>4</v>
      </c>
      <c r="C3989" s="16">
        <v>3955</v>
      </c>
      <c r="D3989" cm="1">
        <f t="array" ref="D3989">IFERROR(INDEX(Jesper!AH$2:AH$366,ROUNDDOWN($C3989/24,0)+1,1)*INDEX($D$3:$AA$30,INDEX(Jesper!$R$2:$R$366,ROW(INDEX(Jesper!AH$2:AH$366,ROUNDDOWN($C3989/24,0)+1,1))-1)+IF('Standard Profiles'!$G$18=$B$10,7,0)+IF('Standard Profiles'!$G$18=$B$17,14,0)+IF('Standard Profiles'!$G$18=$B$24,21,0),MOD($C3989,24)+1)/SUM(INDEX($D$3:$AA$30,INDEX(Jesper!$R$2:$R$366,ROW(INDEX(Jesper!AH$2:AH$366,ROUNDDOWN($C3989/24,0)+1,1))-1)+IF('Standard Profiles'!$G$18=$B$10,7,0)+IF('Standard Profiles'!$G$18=$B$17,14,0)+IF('Standard Profiles'!$G$18=$B$24,21,0),0)),0)</f>
        <v>11.277591626348343</v>
      </c>
      <c r="E3989" cm="1">
        <f t="array" ref="E3989">IFERROR(INDEX(Jesper!AI$2:AI$366,ROUNDDOWN($C3989/24,0)+1,1)*INDEX($D$3:$AA$30,INDEX(Jesper!$R$2:$R$366,ROW(INDEX(Jesper!AI$2:AI$366,ROUNDDOWN($C3989/24,0)+1,1))-1)+IF('Standard Profiles'!$G$19=$B$10,7,0)+IF('Standard Profiles'!$G$19=$B$17,14,0)+IF('Standard Profiles'!$G$19=$B$24,21,0),MOD($C3989,24)+1)/SUM(INDEX($D$3:$AA$30,INDEX(Jesper!$R$2:$R$366,ROW(INDEX(Jesper!AI$2:AI$366,ROUNDDOWN($C3989/24,0)+1,1))-1)+IF('Standard Profiles'!$G$19=$B$10,7,0)+IF('Standard Profiles'!$G$19=$B$17,14,0)+IF('Standard Profiles'!$G$19=$B$24,21,0),0)),0)</f>
        <v>0</v>
      </c>
      <c r="F3989" cm="1">
        <f t="array" ref="F3989">IFERROR(INDEX(Jesper!AJ$2:AJ$366,ROUNDDOWN($C3989/24,0)+1,1)*INDEX($D$3:$AA$30,INDEX(Jesper!$R$2:$R$366,ROW(INDEX(Jesper!AJ$2:AJ$366,ROUNDDOWN($C3989/24,0)+1,1))-1)+IF('Standard Profiles'!$G$20=$B$10,7,0)+IF('Standard Profiles'!$G$20=$B$17,14,0)+IF('Standard Profiles'!$G$20=$B$24,21,0),MOD($C3989,24)+1)/SUM(INDEX($D$3:$AA$30,INDEX(Jesper!$R$2:$R$366,ROW(INDEX(Jesper!AJ$2:AJ$366,ROUNDDOWN($C3989/24,0)+1,1))-1)+IF('Standard Profiles'!$G$20=$B$10,7,0)+IF('Standard Profiles'!$G$20=$B$17,14,0)+IF('Standard Profiles'!$G$20=$B$24,21,0),0)),0)</f>
        <v>0</v>
      </c>
      <c r="G3989" cm="1">
        <f t="array" ref="G3989">IFERROR(INDEX(Jesper!AK$2:AK$366,ROUNDDOWN($C3989/24,0)+1,1)*INDEX($D$3:$AA$30,INDEX(Jesper!$R$2:$R$366,ROW(INDEX(Jesper!AK$2:AK$366,ROUNDDOWN($C3989/24,0)+1,1))-1)+IF('Standard Profiles'!$G$21=$B$10,7,0)+IF('Standard Profiles'!$G$21=$B$17,14,0)+IF('Standard Profiles'!$G$21=$B$24,21,0),MOD($C3989,24)+1)/SUM(INDEX($D$3:$AA$30,INDEX(Jesper!$R$2:$R$366,ROW(INDEX(Jesper!AK$2:AK$366,ROUNDDOWN($C3989/24,0)+1,1))-1)+IF('Standard Profiles'!$G$21=$B$10,7,0)+IF('Standard Profiles'!$G$21=$B$17,14,0)+IF('Standard Profiles'!$G$21=$B$24,21,0),0)),0)</f>
        <v>0</v>
      </c>
      <c r="H3989" cm="1">
        <f t="array" ref="H3989">IFERROR(INDEX(Jesper!AL$2:AL$366,ROUNDDOWN($C3989/24,0)+1,1)*INDEX($D$3:$AA$30,INDEX(Jesper!$R$2:$R$366,ROW(INDEX(Jesper!AL$2:AL$366,ROUNDDOWN($C3989/24,0)+1,1))-1)+IF('Standard Profiles'!$G$22=$B$10,7,0)+IF('Standard Profiles'!$G$22=$B$17,14,0)+IF('Standard Profiles'!$G$22=$B$24,21,0),MOD($C3989,24)+1)/SUM(INDEX($D$3:$AA$30,INDEX(Jesper!$R$2:$R$366,ROW(INDEX(Jesper!AL$2:AL$366,ROUNDDOWN($C3989/24,0)+1,1))-1)+IF('Standard Profiles'!$G$22=$B$10,7,0)+IF('Standard Profiles'!$G$22=$B$17,14,0)+IF('Standard Profiles'!$G$22=$B$24,21,0),0)),0)</f>
        <v>0</v>
      </c>
      <c r="I3989">
        <f t="shared" si="447"/>
        <v>0.3383277487904503</v>
      </c>
      <c r="J3989">
        <f t="shared" si="448"/>
        <v>1.1277591626348344</v>
      </c>
      <c r="K3989">
        <f t="shared" si="449"/>
        <v>1.6916387439522513</v>
      </c>
      <c r="L3989">
        <f t="shared" si="450"/>
        <v>8.1198659709708068</v>
      </c>
      <c r="M3989">
        <f t="shared" si="451"/>
        <v>0</v>
      </c>
      <c r="N3989" s="46">
        <f t="shared" si="452"/>
        <v>45456.791666657075</v>
      </c>
    </row>
    <row r="3990" spans="2:14" x14ac:dyDescent="0.3">
      <c r="B3990">
        <f t="shared" si="446"/>
        <v>4</v>
      </c>
      <c r="C3990" s="16">
        <v>3956</v>
      </c>
      <c r="D3990" cm="1">
        <f t="array" ref="D3990">IFERROR(INDEX(Jesper!AH$2:AH$366,ROUNDDOWN($C3990/24,0)+1,1)*INDEX($D$3:$AA$30,INDEX(Jesper!$R$2:$R$366,ROW(INDEX(Jesper!AH$2:AH$366,ROUNDDOWN($C3990/24,0)+1,1))-1)+IF('Standard Profiles'!$G$18=$B$10,7,0)+IF('Standard Profiles'!$G$18=$B$17,14,0)+IF('Standard Profiles'!$G$18=$B$24,21,0),MOD($C3990,24)+1)/SUM(INDEX($D$3:$AA$30,INDEX(Jesper!$R$2:$R$366,ROW(INDEX(Jesper!AH$2:AH$366,ROUNDDOWN($C3990/24,0)+1,1))-1)+IF('Standard Profiles'!$G$18=$B$10,7,0)+IF('Standard Profiles'!$G$18=$B$17,14,0)+IF('Standard Profiles'!$G$18=$B$24,21,0),0)),0)</f>
        <v>9.0220733010786738</v>
      </c>
      <c r="E3990" cm="1">
        <f t="array" ref="E3990">IFERROR(INDEX(Jesper!AI$2:AI$366,ROUNDDOWN($C3990/24,0)+1,1)*INDEX($D$3:$AA$30,INDEX(Jesper!$R$2:$R$366,ROW(INDEX(Jesper!AI$2:AI$366,ROUNDDOWN($C3990/24,0)+1,1))-1)+IF('Standard Profiles'!$G$19=$B$10,7,0)+IF('Standard Profiles'!$G$19=$B$17,14,0)+IF('Standard Profiles'!$G$19=$B$24,21,0),MOD($C3990,24)+1)/SUM(INDEX($D$3:$AA$30,INDEX(Jesper!$R$2:$R$366,ROW(INDEX(Jesper!AI$2:AI$366,ROUNDDOWN($C3990/24,0)+1,1))-1)+IF('Standard Profiles'!$G$19=$B$10,7,0)+IF('Standard Profiles'!$G$19=$B$17,14,0)+IF('Standard Profiles'!$G$19=$B$24,21,0),0)),0)</f>
        <v>0</v>
      </c>
      <c r="F3990" cm="1">
        <f t="array" ref="F3990">IFERROR(INDEX(Jesper!AJ$2:AJ$366,ROUNDDOWN($C3990/24,0)+1,1)*INDEX($D$3:$AA$30,INDEX(Jesper!$R$2:$R$366,ROW(INDEX(Jesper!AJ$2:AJ$366,ROUNDDOWN($C3990/24,0)+1,1))-1)+IF('Standard Profiles'!$G$20=$B$10,7,0)+IF('Standard Profiles'!$G$20=$B$17,14,0)+IF('Standard Profiles'!$G$20=$B$24,21,0),MOD($C3990,24)+1)/SUM(INDEX($D$3:$AA$30,INDEX(Jesper!$R$2:$R$366,ROW(INDEX(Jesper!AJ$2:AJ$366,ROUNDDOWN($C3990/24,0)+1,1))-1)+IF('Standard Profiles'!$G$20=$B$10,7,0)+IF('Standard Profiles'!$G$20=$B$17,14,0)+IF('Standard Profiles'!$G$20=$B$24,21,0),0)),0)</f>
        <v>0</v>
      </c>
      <c r="G3990" cm="1">
        <f t="array" ref="G3990">IFERROR(INDEX(Jesper!AK$2:AK$366,ROUNDDOWN($C3990/24,0)+1,1)*INDEX($D$3:$AA$30,INDEX(Jesper!$R$2:$R$366,ROW(INDEX(Jesper!AK$2:AK$366,ROUNDDOWN($C3990/24,0)+1,1))-1)+IF('Standard Profiles'!$G$21=$B$10,7,0)+IF('Standard Profiles'!$G$21=$B$17,14,0)+IF('Standard Profiles'!$G$21=$B$24,21,0),MOD($C3990,24)+1)/SUM(INDEX($D$3:$AA$30,INDEX(Jesper!$R$2:$R$366,ROW(INDEX(Jesper!AK$2:AK$366,ROUNDDOWN($C3990/24,0)+1,1))-1)+IF('Standard Profiles'!$G$21=$B$10,7,0)+IF('Standard Profiles'!$G$21=$B$17,14,0)+IF('Standard Profiles'!$G$21=$B$24,21,0),0)),0)</f>
        <v>0</v>
      </c>
      <c r="H3990" cm="1">
        <f t="array" ref="H3990">IFERROR(INDEX(Jesper!AL$2:AL$366,ROUNDDOWN($C3990/24,0)+1,1)*INDEX($D$3:$AA$30,INDEX(Jesper!$R$2:$R$366,ROW(INDEX(Jesper!AL$2:AL$366,ROUNDDOWN($C3990/24,0)+1,1))-1)+IF('Standard Profiles'!$G$22=$B$10,7,0)+IF('Standard Profiles'!$G$22=$B$17,14,0)+IF('Standard Profiles'!$G$22=$B$24,21,0),MOD($C3990,24)+1)/SUM(INDEX($D$3:$AA$30,INDEX(Jesper!$R$2:$R$366,ROW(INDEX(Jesper!AL$2:AL$366,ROUNDDOWN($C3990/24,0)+1,1))-1)+IF('Standard Profiles'!$G$22=$B$10,7,0)+IF('Standard Profiles'!$G$22=$B$17,14,0)+IF('Standard Profiles'!$G$22=$B$24,21,0),0)),0)</f>
        <v>0</v>
      </c>
      <c r="I3990">
        <f t="shared" si="447"/>
        <v>0.27066219903236022</v>
      </c>
      <c r="J3990">
        <f t="shared" si="448"/>
        <v>0.90220733010786747</v>
      </c>
      <c r="K3990">
        <f t="shared" si="449"/>
        <v>1.353310995161801</v>
      </c>
      <c r="L3990">
        <f t="shared" si="450"/>
        <v>6.4958927767766452</v>
      </c>
      <c r="M3990">
        <f t="shared" si="451"/>
        <v>0</v>
      </c>
      <c r="N3990" s="46">
        <f t="shared" si="452"/>
        <v>45456.833333323739</v>
      </c>
    </row>
    <row r="3991" spans="2:14" x14ac:dyDescent="0.3">
      <c r="B3991">
        <f t="shared" si="446"/>
        <v>4</v>
      </c>
      <c r="C3991" s="16">
        <v>3957</v>
      </c>
      <c r="D3991" cm="1">
        <f t="array" ref="D3991">IFERROR(INDEX(Jesper!AH$2:AH$366,ROUNDDOWN($C3991/24,0)+1,1)*INDEX($D$3:$AA$30,INDEX(Jesper!$R$2:$R$366,ROW(INDEX(Jesper!AH$2:AH$366,ROUNDDOWN($C3991/24,0)+1,1))-1)+IF('Standard Profiles'!$G$18=$B$10,7,0)+IF('Standard Profiles'!$G$18=$B$17,14,0)+IF('Standard Profiles'!$G$18=$B$24,21,0),MOD($C3991,24)+1)/SUM(INDEX($D$3:$AA$30,INDEX(Jesper!$R$2:$R$366,ROW(INDEX(Jesper!AH$2:AH$366,ROUNDDOWN($C3991/24,0)+1,1))-1)+IF('Standard Profiles'!$G$18=$B$10,7,0)+IF('Standard Profiles'!$G$18=$B$17,14,0)+IF('Standard Profiles'!$G$18=$B$24,21,0),0)),0)</f>
        <v>6.7665549758090062</v>
      </c>
      <c r="E3991" cm="1">
        <f t="array" ref="E3991">IFERROR(INDEX(Jesper!AI$2:AI$366,ROUNDDOWN($C3991/24,0)+1,1)*INDEX($D$3:$AA$30,INDEX(Jesper!$R$2:$R$366,ROW(INDEX(Jesper!AI$2:AI$366,ROUNDDOWN($C3991/24,0)+1,1))-1)+IF('Standard Profiles'!$G$19=$B$10,7,0)+IF('Standard Profiles'!$G$19=$B$17,14,0)+IF('Standard Profiles'!$G$19=$B$24,21,0),MOD($C3991,24)+1)/SUM(INDEX($D$3:$AA$30,INDEX(Jesper!$R$2:$R$366,ROW(INDEX(Jesper!AI$2:AI$366,ROUNDDOWN($C3991/24,0)+1,1))-1)+IF('Standard Profiles'!$G$19=$B$10,7,0)+IF('Standard Profiles'!$G$19=$B$17,14,0)+IF('Standard Profiles'!$G$19=$B$24,21,0),0)),0)</f>
        <v>0</v>
      </c>
      <c r="F3991" cm="1">
        <f t="array" ref="F3991">IFERROR(INDEX(Jesper!AJ$2:AJ$366,ROUNDDOWN($C3991/24,0)+1,1)*INDEX($D$3:$AA$30,INDEX(Jesper!$R$2:$R$366,ROW(INDEX(Jesper!AJ$2:AJ$366,ROUNDDOWN($C3991/24,0)+1,1))-1)+IF('Standard Profiles'!$G$20=$B$10,7,0)+IF('Standard Profiles'!$G$20=$B$17,14,0)+IF('Standard Profiles'!$G$20=$B$24,21,0),MOD($C3991,24)+1)/SUM(INDEX($D$3:$AA$30,INDEX(Jesper!$R$2:$R$366,ROW(INDEX(Jesper!AJ$2:AJ$366,ROUNDDOWN($C3991/24,0)+1,1))-1)+IF('Standard Profiles'!$G$20=$B$10,7,0)+IF('Standard Profiles'!$G$20=$B$17,14,0)+IF('Standard Profiles'!$G$20=$B$24,21,0),0)),0)</f>
        <v>0</v>
      </c>
      <c r="G3991" cm="1">
        <f t="array" ref="G3991">IFERROR(INDEX(Jesper!AK$2:AK$366,ROUNDDOWN($C3991/24,0)+1,1)*INDEX($D$3:$AA$30,INDEX(Jesper!$R$2:$R$366,ROW(INDEX(Jesper!AK$2:AK$366,ROUNDDOWN($C3991/24,0)+1,1))-1)+IF('Standard Profiles'!$G$21=$B$10,7,0)+IF('Standard Profiles'!$G$21=$B$17,14,0)+IF('Standard Profiles'!$G$21=$B$24,21,0),MOD($C3991,24)+1)/SUM(INDEX($D$3:$AA$30,INDEX(Jesper!$R$2:$R$366,ROW(INDEX(Jesper!AK$2:AK$366,ROUNDDOWN($C3991/24,0)+1,1))-1)+IF('Standard Profiles'!$G$21=$B$10,7,0)+IF('Standard Profiles'!$G$21=$B$17,14,0)+IF('Standard Profiles'!$G$21=$B$24,21,0),0)),0)</f>
        <v>0</v>
      </c>
      <c r="H3991" cm="1">
        <f t="array" ref="H3991">IFERROR(INDEX(Jesper!AL$2:AL$366,ROUNDDOWN($C3991/24,0)+1,1)*INDEX($D$3:$AA$30,INDEX(Jesper!$R$2:$R$366,ROW(INDEX(Jesper!AL$2:AL$366,ROUNDDOWN($C3991/24,0)+1,1))-1)+IF('Standard Profiles'!$G$22=$B$10,7,0)+IF('Standard Profiles'!$G$22=$B$17,14,0)+IF('Standard Profiles'!$G$22=$B$24,21,0),MOD($C3991,24)+1)/SUM(INDEX($D$3:$AA$30,INDEX(Jesper!$R$2:$R$366,ROW(INDEX(Jesper!AL$2:AL$366,ROUNDDOWN($C3991/24,0)+1,1))-1)+IF('Standard Profiles'!$G$22=$B$10,7,0)+IF('Standard Profiles'!$G$22=$B$17,14,0)+IF('Standard Profiles'!$G$22=$B$24,21,0),0)),0)</f>
        <v>0</v>
      </c>
      <c r="I3991">
        <f t="shared" si="447"/>
        <v>0.20299664927427019</v>
      </c>
      <c r="J3991">
        <f t="shared" si="448"/>
        <v>0.67665549758090071</v>
      </c>
      <c r="K3991">
        <f t="shared" si="449"/>
        <v>1.0149832463713508</v>
      </c>
      <c r="L3991">
        <f t="shared" si="450"/>
        <v>4.8719195825824846</v>
      </c>
      <c r="M3991">
        <f t="shared" si="451"/>
        <v>0</v>
      </c>
      <c r="N3991" s="46">
        <f t="shared" si="452"/>
        <v>45456.874999990403</v>
      </c>
    </row>
    <row r="3992" spans="2:14" x14ac:dyDescent="0.3">
      <c r="B3992">
        <f t="shared" si="446"/>
        <v>4</v>
      </c>
      <c r="C3992" s="16">
        <v>3958</v>
      </c>
      <c r="D3992" cm="1">
        <f t="array" ref="D3992">IFERROR(INDEX(Jesper!AH$2:AH$366,ROUNDDOWN($C3992/24,0)+1,1)*INDEX($D$3:$AA$30,INDEX(Jesper!$R$2:$R$366,ROW(INDEX(Jesper!AH$2:AH$366,ROUNDDOWN($C3992/24,0)+1,1))-1)+IF('Standard Profiles'!$G$18=$B$10,7,0)+IF('Standard Profiles'!$G$18=$B$17,14,0)+IF('Standard Profiles'!$G$18=$B$24,21,0),MOD($C3992,24)+1)/SUM(INDEX($D$3:$AA$30,INDEX(Jesper!$R$2:$R$366,ROW(INDEX(Jesper!AH$2:AH$366,ROUNDDOWN($C3992/24,0)+1,1))-1)+IF('Standard Profiles'!$G$18=$B$10,7,0)+IF('Standard Profiles'!$G$18=$B$17,14,0)+IF('Standard Profiles'!$G$18=$B$24,21,0),0)),0)</f>
        <v>6.7665549758090062</v>
      </c>
      <c r="E3992" cm="1">
        <f t="array" ref="E3992">IFERROR(INDEX(Jesper!AI$2:AI$366,ROUNDDOWN($C3992/24,0)+1,1)*INDEX($D$3:$AA$30,INDEX(Jesper!$R$2:$R$366,ROW(INDEX(Jesper!AI$2:AI$366,ROUNDDOWN($C3992/24,0)+1,1))-1)+IF('Standard Profiles'!$G$19=$B$10,7,0)+IF('Standard Profiles'!$G$19=$B$17,14,0)+IF('Standard Profiles'!$G$19=$B$24,21,0),MOD($C3992,24)+1)/SUM(INDEX($D$3:$AA$30,INDEX(Jesper!$R$2:$R$366,ROW(INDEX(Jesper!AI$2:AI$366,ROUNDDOWN($C3992/24,0)+1,1))-1)+IF('Standard Profiles'!$G$19=$B$10,7,0)+IF('Standard Profiles'!$G$19=$B$17,14,0)+IF('Standard Profiles'!$G$19=$B$24,21,0),0)),0)</f>
        <v>0</v>
      </c>
      <c r="F3992" cm="1">
        <f t="array" ref="F3992">IFERROR(INDEX(Jesper!AJ$2:AJ$366,ROUNDDOWN($C3992/24,0)+1,1)*INDEX($D$3:$AA$30,INDEX(Jesper!$R$2:$R$366,ROW(INDEX(Jesper!AJ$2:AJ$366,ROUNDDOWN($C3992/24,0)+1,1))-1)+IF('Standard Profiles'!$G$20=$B$10,7,0)+IF('Standard Profiles'!$G$20=$B$17,14,0)+IF('Standard Profiles'!$G$20=$B$24,21,0),MOD($C3992,24)+1)/SUM(INDEX($D$3:$AA$30,INDEX(Jesper!$R$2:$R$366,ROW(INDEX(Jesper!AJ$2:AJ$366,ROUNDDOWN($C3992/24,0)+1,1))-1)+IF('Standard Profiles'!$G$20=$B$10,7,0)+IF('Standard Profiles'!$G$20=$B$17,14,0)+IF('Standard Profiles'!$G$20=$B$24,21,0),0)),0)</f>
        <v>0</v>
      </c>
      <c r="G3992" cm="1">
        <f t="array" ref="G3992">IFERROR(INDEX(Jesper!AK$2:AK$366,ROUNDDOWN($C3992/24,0)+1,1)*INDEX($D$3:$AA$30,INDEX(Jesper!$R$2:$R$366,ROW(INDEX(Jesper!AK$2:AK$366,ROUNDDOWN($C3992/24,0)+1,1))-1)+IF('Standard Profiles'!$G$21=$B$10,7,0)+IF('Standard Profiles'!$G$21=$B$17,14,0)+IF('Standard Profiles'!$G$21=$B$24,21,0),MOD($C3992,24)+1)/SUM(INDEX($D$3:$AA$30,INDEX(Jesper!$R$2:$R$366,ROW(INDEX(Jesper!AK$2:AK$366,ROUNDDOWN($C3992/24,0)+1,1))-1)+IF('Standard Profiles'!$G$21=$B$10,7,0)+IF('Standard Profiles'!$G$21=$B$17,14,0)+IF('Standard Profiles'!$G$21=$B$24,21,0),0)),0)</f>
        <v>0</v>
      </c>
      <c r="H3992" cm="1">
        <f t="array" ref="H3992">IFERROR(INDEX(Jesper!AL$2:AL$366,ROUNDDOWN($C3992/24,0)+1,1)*INDEX($D$3:$AA$30,INDEX(Jesper!$R$2:$R$366,ROW(INDEX(Jesper!AL$2:AL$366,ROUNDDOWN($C3992/24,0)+1,1))-1)+IF('Standard Profiles'!$G$22=$B$10,7,0)+IF('Standard Profiles'!$G$22=$B$17,14,0)+IF('Standard Profiles'!$G$22=$B$24,21,0),MOD($C3992,24)+1)/SUM(INDEX($D$3:$AA$30,INDEX(Jesper!$R$2:$R$366,ROW(INDEX(Jesper!AL$2:AL$366,ROUNDDOWN($C3992/24,0)+1,1))-1)+IF('Standard Profiles'!$G$22=$B$10,7,0)+IF('Standard Profiles'!$G$22=$B$17,14,0)+IF('Standard Profiles'!$G$22=$B$24,21,0),0)),0)</f>
        <v>0</v>
      </c>
      <c r="I3992">
        <f t="shared" si="447"/>
        <v>0.20299664927427019</v>
      </c>
      <c r="J3992">
        <f t="shared" si="448"/>
        <v>0.67665549758090071</v>
      </c>
      <c r="K3992">
        <f t="shared" si="449"/>
        <v>1.0149832463713508</v>
      </c>
      <c r="L3992">
        <f t="shared" si="450"/>
        <v>4.8719195825824846</v>
      </c>
      <c r="M3992">
        <f t="shared" si="451"/>
        <v>0</v>
      </c>
      <c r="N3992" s="46">
        <f t="shared" si="452"/>
        <v>45456.916666657067</v>
      </c>
    </row>
    <row r="3993" spans="2:14" x14ac:dyDescent="0.3">
      <c r="B3993">
        <f t="shared" si="446"/>
        <v>4</v>
      </c>
      <c r="C3993" s="16">
        <v>3959</v>
      </c>
      <c r="D3993" cm="1">
        <f t="array" ref="D3993">IFERROR(INDEX(Jesper!AH$2:AH$366,ROUNDDOWN($C3993/24,0)+1,1)*INDEX($D$3:$AA$30,INDEX(Jesper!$R$2:$R$366,ROW(INDEX(Jesper!AH$2:AH$366,ROUNDDOWN($C3993/24,0)+1,1))-1)+IF('Standard Profiles'!$G$18=$B$10,7,0)+IF('Standard Profiles'!$G$18=$B$17,14,0)+IF('Standard Profiles'!$G$18=$B$24,21,0),MOD($C3993,24)+1)/SUM(INDEX($D$3:$AA$30,INDEX(Jesper!$R$2:$R$366,ROW(INDEX(Jesper!AH$2:AH$366,ROUNDDOWN($C3993/24,0)+1,1))-1)+IF('Standard Profiles'!$G$18=$B$10,7,0)+IF('Standard Profiles'!$G$18=$B$17,14,0)+IF('Standard Profiles'!$G$18=$B$24,21,0),0)),0)</f>
        <v>6.7665549758090062</v>
      </c>
      <c r="E3993" cm="1">
        <f t="array" ref="E3993">IFERROR(INDEX(Jesper!AI$2:AI$366,ROUNDDOWN($C3993/24,0)+1,1)*INDEX($D$3:$AA$30,INDEX(Jesper!$R$2:$R$366,ROW(INDEX(Jesper!AI$2:AI$366,ROUNDDOWN($C3993/24,0)+1,1))-1)+IF('Standard Profiles'!$G$19=$B$10,7,0)+IF('Standard Profiles'!$G$19=$B$17,14,0)+IF('Standard Profiles'!$G$19=$B$24,21,0),MOD($C3993,24)+1)/SUM(INDEX($D$3:$AA$30,INDEX(Jesper!$R$2:$R$366,ROW(INDEX(Jesper!AI$2:AI$366,ROUNDDOWN($C3993/24,0)+1,1))-1)+IF('Standard Profiles'!$G$19=$B$10,7,0)+IF('Standard Profiles'!$G$19=$B$17,14,0)+IF('Standard Profiles'!$G$19=$B$24,21,0),0)),0)</f>
        <v>0</v>
      </c>
      <c r="F3993" cm="1">
        <f t="array" ref="F3993">IFERROR(INDEX(Jesper!AJ$2:AJ$366,ROUNDDOWN($C3993/24,0)+1,1)*INDEX($D$3:$AA$30,INDEX(Jesper!$R$2:$R$366,ROW(INDEX(Jesper!AJ$2:AJ$366,ROUNDDOWN($C3993/24,0)+1,1))-1)+IF('Standard Profiles'!$G$20=$B$10,7,0)+IF('Standard Profiles'!$G$20=$B$17,14,0)+IF('Standard Profiles'!$G$20=$B$24,21,0),MOD($C3993,24)+1)/SUM(INDEX($D$3:$AA$30,INDEX(Jesper!$R$2:$R$366,ROW(INDEX(Jesper!AJ$2:AJ$366,ROUNDDOWN($C3993/24,0)+1,1))-1)+IF('Standard Profiles'!$G$20=$B$10,7,0)+IF('Standard Profiles'!$G$20=$B$17,14,0)+IF('Standard Profiles'!$G$20=$B$24,21,0),0)),0)</f>
        <v>0</v>
      </c>
      <c r="G3993" cm="1">
        <f t="array" ref="G3993">IFERROR(INDEX(Jesper!AK$2:AK$366,ROUNDDOWN($C3993/24,0)+1,1)*INDEX($D$3:$AA$30,INDEX(Jesper!$R$2:$R$366,ROW(INDEX(Jesper!AK$2:AK$366,ROUNDDOWN($C3993/24,0)+1,1))-1)+IF('Standard Profiles'!$G$21=$B$10,7,0)+IF('Standard Profiles'!$G$21=$B$17,14,0)+IF('Standard Profiles'!$G$21=$B$24,21,0),MOD($C3993,24)+1)/SUM(INDEX($D$3:$AA$30,INDEX(Jesper!$R$2:$R$366,ROW(INDEX(Jesper!AK$2:AK$366,ROUNDDOWN($C3993/24,0)+1,1))-1)+IF('Standard Profiles'!$G$21=$B$10,7,0)+IF('Standard Profiles'!$G$21=$B$17,14,0)+IF('Standard Profiles'!$G$21=$B$24,21,0),0)),0)</f>
        <v>0</v>
      </c>
      <c r="H3993" cm="1">
        <f t="array" ref="H3993">IFERROR(INDEX(Jesper!AL$2:AL$366,ROUNDDOWN($C3993/24,0)+1,1)*INDEX($D$3:$AA$30,INDEX(Jesper!$R$2:$R$366,ROW(INDEX(Jesper!AL$2:AL$366,ROUNDDOWN($C3993/24,0)+1,1))-1)+IF('Standard Profiles'!$G$22=$B$10,7,0)+IF('Standard Profiles'!$G$22=$B$17,14,0)+IF('Standard Profiles'!$G$22=$B$24,21,0),MOD($C3993,24)+1)/SUM(INDEX($D$3:$AA$30,INDEX(Jesper!$R$2:$R$366,ROW(INDEX(Jesper!AL$2:AL$366,ROUNDDOWN($C3993/24,0)+1,1))-1)+IF('Standard Profiles'!$G$22=$B$10,7,0)+IF('Standard Profiles'!$G$22=$B$17,14,0)+IF('Standard Profiles'!$G$22=$B$24,21,0),0)),0)</f>
        <v>0</v>
      </c>
      <c r="I3993">
        <f t="shared" si="447"/>
        <v>0.20299664927427019</v>
      </c>
      <c r="J3993">
        <f t="shared" si="448"/>
        <v>0.67665549758090071</v>
      </c>
      <c r="K3993">
        <f t="shared" si="449"/>
        <v>1.0149832463713508</v>
      </c>
      <c r="L3993">
        <f t="shared" si="450"/>
        <v>4.8719195825824846</v>
      </c>
      <c r="M3993">
        <f t="shared" si="451"/>
        <v>0</v>
      </c>
      <c r="N3993" s="46">
        <f t="shared" si="452"/>
        <v>45456.958333323731</v>
      </c>
    </row>
    <row r="3994" spans="2:14" x14ac:dyDescent="0.3">
      <c r="B3994">
        <f t="shared" si="446"/>
        <v>5</v>
      </c>
      <c r="C3994" s="16">
        <v>3960</v>
      </c>
      <c r="D3994" cm="1">
        <f t="array" ref="D3994">IFERROR(INDEX(Jesper!AH$2:AH$366,ROUNDDOWN($C3994/24,0)+1,1)*INDEX($D$3:$AA$30,INDEX(Jesper!$R$2:$R$366,ROW(INDEX(Jesper!AH$2:AH$366,ROUNDDOWN($C3994/24,0)+1,1))-1)+IF('Standard Profiles'!$G$18=$B$10,7,0)+IF('Standard Profiles'!$G$18=$B$17,14,0)+IF('Standard Profiles'!$G$18=$B$24,21,0),MOD($C3994,24)+1)/SUM(INDEX($D$3:$AA$30,INDEX(Jesper!$R$2:$R$366,ROW(INDEX(Jesper!AH$2:AH$366,ROUNDDOWN($C3994/24,0)+1,1))-1)+IF('Standard Profiles'!$G$18=$B$10,7,0)+IF('Standard Profiles'!$G$18=$B$17,14,0)+IF('Standard Profiles'!$G$18=$B$24,21,0),0)),0)</f>
        <v>7.415548785432037</v>
      </c>
      <c r="E3994" cm="1">
        <f t="array" ref="E3994">IFERROR(INDEX(Jesper!AI$2:AI$366,ROUNDDOWN($C3994/24,0)+1,1)*INDEX($D$3:$AA$30,INDEX(Jesper!$R$2:$R$366,ROW(INDEX(Jesper!AI$2:AI$366,ROUNDDOWN($C3994/24,0)+1,1))-1)+IF('Standard Profiles'!$G$19=$B$10,7,0)+IF('Standard Profiles'!$G$19=$B$17,14,0)+IF('Standard Profiles'!$G$19=$B$24,21,0),MOD($C3994,24)+1)/SUM(INDEX($D$3:$AA$30,INDEX(Jesper!$R$2:$R$366,ROW(INDEX(Jesper!AI$2:AI$366,ROUNDDOWN($C3994/24,0)+1,1))-1)+IF('Standard Profiles'!$G$19=$B$10,7,0)+IF('Standard Profiles'!$G$19=$B$17,14,0)+IF('Standard Profiles'!$G$19=$B$24,21,0),0)),0)</f>
        <v>0</v>
      </c>
      <c r="F3994" cm="1">
        <f t="array" ref="F3994">IFERROR(INDEX(Jesper!AJ$2:AJ$366,ROUNDDOWN($C3994/24,0)+1,1)*INDEX($D$3:$AA$30,INDEX(Jesper!$R$2:$R$366,ROW(INDEX(Jesper!AJ$2:AJ$366,ROUNDDOWN($C3994/24,0)+1,1))-1)+IF('Standard Profiles'!$G$20=$B$10,7,0)+IF('Standard Profiles'!$G$20=$B$17,14,0)+IF('Standard Profiles'!$G$20=$B$24,21,0),MOD($C3994,24)+1)/SUM(INDEX($D$3:$AA$30,INDEX(Jesper!$R$2:$R$366,ROW(INDEX(Jesper!AJ$2:AJ$366,ROUNDDOWN($C3994/24,0)+1,1))-1)+IF('Standard Profiles'!$G$20=$B$10,7,0)+IF('Standard Profiles'!$G$20=$B$17,14,0)+IF('Standard Profiles'!$G$20=$B$24,21,0),0)),0)</f>
        <v>0</v>
      </c>
      <c r="G3994" cm="1">
        <f t="array" ref="G3994">IFERROR(INDEX(Jesper!AK$2:AK$366,ROUNDDOWN($C3994/24,0)+1,1)*INDEX($D$3:$AA$30,INDEX(Jesper!$R$2:$R$366,ROW(INDEX(Jesper!AK$2:AK$366,ROUNDDOWN($C3994/24,0)+1,1))-1)+IF('Standard Profiles'!$G$21=$B$10,7,0)+IF('Standard Profiles'!$G$21=$B$17,14,0)+IF('Standard Profiles'!$G$21=$B$24,21,0),MOD($C3994,24)+1)/SUM(INDEX($D$3:$AA$30,INDEX(Jesper!$R$2:$R$366,ROW(INDEX(Jesper!AK$2:AK$366,ROUNDDOWN($C3994/24,0)+1,1))-1)+IF('Standard Profiles'!$G$21=$B$10,7,0)+IF('Standard Profiles'!$G$21=$B$17,14,0)+IF('Standard Profiles'!$G$21=$B$24,21,0),0)),0)</f>
        <v>0</v>
      </c>
      <c r="H3994" cm="1">
        <f t="array" ref="H3994">IFERROR(INDEX(Jesper!AL$2:AL$366,ROUNDDOWN($C3994/24,0)+1,1)*INDEX($D$3:$AA$30,INDEX(Jesper!$R$2:$R$366,ROW(INDEX(Jesper!AL$2:AL$366,ROUNDDOWN($C3994/24,0)+1,1))-1)+IF('Standard Profiles'!$G$22=$B$10,7,0)+IF('Standard Profiles'!$G$22=$B$17,14,0)+IF('Standard Profiles'!$G$22=$B$24,21,0),MOD($C3994,24)+1)/SUM(INDEX($D$3:$AA$30,INDEX(Jesper!$R$2:$R$366,ROW(INDEX(Jesper!AL$2:AL$366,ROUNDDOWN($C3994/24,0)+1,1))-1)+IF('Standard Profiles'!$G$22=$B$10,7,0)+IF('Standard Profiles'!$G$22=$B$17,14,0)+IF('Standard Profiles'!$G$22=$B$24,21,0),0)),0)</f>
        <v>0</v>
      </c>
      <c r="I3994">
        <f t="shared" si="447"/>
        <v>0.2224664635629611</v>
      </c>
      <c r="J3994">
        <f t="shared" si="448"/>
        <v>0.74155487854320379</v>
      </c>
      <c r="K3994">
        <f t="shared" si="449"/>
        <v>1.1123323178148055</v>
      </c>
      <c r="L3994">
        <f t="shared" si="450"/>
        <v>5.3391951255110666</v>
      </c>
      <c r="M3994">
        <f t="shared" si="451"/>
        <v>0</v>
      </c>
      <c r="N3994" s="46">
        <f t="shared" si="452"/>
        <v>45456.999999990396</v>
      </c>
    </row>
    <row r="3995" spans="2:14" x14ac:dyDescent="0.3">
      <c r="B3995">
        <f t="shared" si="446"/>
        <v>5</v>
      </c>
      <c r="C3995" s="16">
        <v>3961</v>
      </c>
      <c r="D3995" cm="1">
        <f t="array" ref="D3995">IFERROR(INDEX(Jesper!AH$2:AH$366,ROUNDDOWN($C3995/24,0)+1,1)*INDEX($D$3:$AA$30,INDEX(Jesper!$R$2:$R$366,ROW(INDEX(Jesper!AH$2:AH$366,ROUNDDOWN($C3995/24,0)+1,1))-1)+IF('Standard Profiles'!$G$18=$B$10,7,0)+IF('Standard Profiles'!$G$18=$B$17,14,0)+IF('Standard Profiles'!$G$18=$B$24,21,0),MOD($C3995,24)+1)/SUM(INDEX($D$3:$AA$30,INDEX(Jesper!$R$2:$R$366,ROW(INDEX(Jesper!AH$2:AH$366,ROUNDDOWN($C3995/24,0)+1,1))-1)+IF('Standard Profiles'!$G$18=$B$10,7,0)+IF('Standard Profiles'!$G$18=$B$17,14,0)+IF('Standard Profiles'!$G$18=$B$24,21,0),0)),0)</f>
        <v>7.415548785432037</v>
      </c>
      <c r="E3995" cm="1">
        <f t="array" ref="E3995">IFERROR(INDEX(Jesper!AI$2:AI$366,ROUNDDOWN($C3995/24,0)+1,1)*INDEX($D$3:$AA$30,INDEX(Jesper!$R$2:$R$366,ROW(INDEX(Jesper!AI$2:AI$366,ROUNDDOWN($C3995/24,0)+1,1))-1)+IF('Standard Profiles'!$G$19=$B$10,7,0)+IF('Standard Profiles'!$G$19=$B$17,14,0)+IF('Standard Profiles'!$G$19=$B$24,21,0),MOD($C3995,24)+1)/SUM(INDEX($D$3:$AA$30,INDEX(Jesper!$R$2:$R$366,ROW(INDEX(Jesper!AI$2:AI$366,ROUNDDOWN($C3995/24,0)+1,1))-1)+IF('Standard Profiles'!$G$19=$B$10,7,0)+IF('Standard Profiles'!$G$19=$B$17,14,0)+IF('Standard Profiles'!$G$19=$B$24,21,0),0)),0)</f>
        <v>0</v>
      </c>
      <c r="F3995" cm="1">
        <f t="array" ref="F3995">IFERROR(INDEX(Jesper!AJ$2:AJ$366,ROUNDDOWN($C3995/24,0)+1,1)*INDEX($D$3:$AA$30,INDEX(Jesper!$R$2:$R$366,ROW(INDEX(Jesper!AJ$2:AJ$366,ROUNDDOWN($C3995/24,0)+1,1))-1)+IF('Standard Profiles'!$G$20=$B$10,7,0)+IF('Standard Profiles'!$G$20=$B$17,14,0)+IF('Standard Profiles'!$G$20=$B$24,21,0),MOD($C3995,24)+1)/SUM(INDEX($D$3:$AA$30,INDEX(Jesper!$R$2:$R$366,ROW(INDEX(Jesper!AJ$2:AJ$366,ROUNDDOWN($C3995/24,0)+1,1))-1)+IF('Standard Profiles'!$G$20=$B$10,7,0)+IF('Standard Profiles'!$G$20=$B$17,14,0)+IF('Standard Profiles'!$G$20=$B$24,21,0),0)),0)</f>
        <v>0</v>
      </c>
      <c r="G3995" cm="1">
        <f t="array" ref="G3995">IFERROR(INDEX(Jesper!AK$2:AK$366,ROUNDDOWN($C3995/24,0)+1,1)*INDEX($D$3:$AA$30,INDEX(Jesper!$R$2:$R$366,ROW(INDEX(Jesper!AK$2:AK$366,ROUNDDOWN($C3995/24,0)+1,1))-1)+IF('Standard Profiles'!$G$21=$B$10,7,0)+IF('Standard Profiles'!$G$21=$B$17,14,0)+IF('Standard Profiles'!$G$21=$B$24,21,0),MOD($C3995,24)+1)/SUM(INDEX($D$3:$AA$30,INDEX(Jesper!$R$2:$R$366,ROW(INDEX(Jesper!AK$2:AK$366,ROUNDDOWN($C3995/24,0)+1,1))-1)+IF('Standard Profiles'!$G$21=$B$10,7,0)+IF('Standard Profiles'!$G$21=$B$17,14,0)+IF('Standard Profiles'!$G$21=$B$24,21,0),0)),0)</f>
        <v>0</v>
      </c>
      <c r="H3995" cm="1">
        <f t="array" ref="H3995">IFERROR(INDEX(Jesper!AL$2:AL$366,ROUNDDOWN($C3995/24,0)+1,1)*INDEX($D$3:$AA$30,INDEX(Jesper!$R$2:$R$366,ROW(INDEX(Jesper!AL$2:AL$366,ROUNDDOWN($C3995/24,0)+1,1))-1)+IF('Standard Profiles'!$G$22=$B$10,7,0)+IF('Standard Profiles'!$G$22=$B$17,14,0)+IF('Standard Profiles'!$G$22=$B$24,21,0),MOD($C3995,24)+1)/SUM(INDEX($D$3:$AA$30,INDEX(Jesper!$R$2:$R$366,ROW(INDEX(Jesper!AL$2:AL$366,ROUNDDOWN($C3995/24,0)+1,1))-1)+IF('Standard Profiles'!$G$22=$B$10,7,0)+IF('Standard Profiles'!$G$22=$B$17,14,0)+IF('Standard Profiles'!$G$22=$B$24,21,0),0)),0)</f>
        <v>0</v>
      </c>
      <c r="I3995">
        <f t="shared" si="447"/>
        <v>0.2224664635629611</v>
      </c>
      <c r="J3995">
        <f t="shared" si="448"/>
        <v>0.74155487854320379</v>
      </c>
      <c r="K3995">
        <f t="shared" si="449"/>
        <v>1.1123323178148055</v>
      </c>
      <c r="L3995">
        <f t="shared" si="450"/>
        <v>5.3391951255110666</v>
      </c>
      <c r="M3995">
        <f t="shared" si="451"/>
        <v>0</v>
      </c>
      <c r="N3995" s="46">
        <f t="shared" si="452"/>
        <v>45457.04166665706</v>
      </c>
    </row>
    <row r="3996" spans="2:14" x14ac:dyDescent="0.3">
      <c r="B3996">
        <f t="shared" si="446"/>
        <v>5</v>
      </c>
      <c r="C3996" s="16">
        <v>3962</v>
      </c>
      <c r="D3996" cm="1">
        <f t="array" ref="D3996">IFERROR(INDEX(Jesper!AH$2:AH$366,ROUNDDOWN($C3996/24,0)+1,1)*INDEX($D$3:$AA$30,INDEX(Jesper!$R$2:$R$366,ROW(INDEX(Jesper!AH$2:AH$366,ROUNDDOWN($C3996/24,0)+1,1))-1)+IF('Standard Profiles'!$G$18=$B$10,7,0)+IF('Standard Profiles'!$G$18=$B$17,14,0)+IF('Standard Profiles'!$G$18=$B$24,21,0),MOD($C3996,24)+1)/SUM(INDEX($D$3:$AA$30,INDEX(Jesper!$R$2:$R$366,ROW(INDEX(Jesper!AH$2:AH$366,ROUNDDOWN($C3996/24,0)+1,1))-1)+IF('Standard Profiles'!$G$18=$B$10,7,0)+IF('Standard Profiles'!$G$18=$B$17,14,0)+IF('Standard Profiles'!$G$18=$B$24,21,0),0)),0)</f>
        <v>7.415548785432037</v>
      </c>
      <c r="E3996" cm="1">
        <f t="array" ref="E3996">IFERROR(INDEX(Jesper!AI$2:AI$366,ROUNDDOWN($C3996/24,0)+1,1)*INDEX($D$3:$AA$30,INDEX(Jesper!$R$2:$R$366,ROW(INDEX(Jesper!AI$2:AI$366,ROUNDDOWN($C3996/24,0)+1,1))-1)+IF('Standard Profiles'!$G$19=$B$10,7,0)+IF('Standard Profiles'!$G$19=$B$17,14,0)+IF('Standard Profiles'!$G$19=$B$24,21,0),MOD($C3996,24)+1)/SUM(INDEX($D$3:$AA$30,INDEX(Jesper!$R$2:$R$366,ROW(INDEX(Jesper!AI$2:AI$366,ROUNDDOWN($C3996/24,0)+1,1))-1)+IF('Standard Profiles'!$G$19=$B$10,7,0)+IF('Standard Profiles'!$G$19=$B$17,14,0)+IF('Standard Profiles'!$G$19=$B$24,21,0),0)),0)</f>
        <v>0</v>
      </c>
      <c r="F3996" cm="1">
        <f t="array" ref="F3996">IFERROR(INDEX(Jesper!AJ$2:AJ$366,ROUNDDOWN($C3996/24,0)+1,1)*INDEX($D$3:$AA$30,INDEX(Jesper!$R$2:$R$366,ROW(INDEX(Jesper!AJ$2:AJ$366,ROUNDDOWN($C3996/24,0)+1,1))-1)+IF('Standard Profiles'!$G$20=$B$10,7,0)+IF('Standard Profiles'!$G$20=$B$17,14,0)+IF('Standard Profiles'!$G$20=$B$24,21,0),MOD($C3996,24)+1)/SUM(INDEX($D$3:$AA$30,INDEX(Jesper!$R$2:$R$366,ROW(INDEX(Jesper!AJ$2:AJ$366,ROUNDDOWN($C3996/24,0)+1,1))-1)+IF('Standard Profiles'!$G$20=$B$10,7,0)+IF('Standard Profiles'!$G$20=$B$17,14,0)+IF('Standard Profiles'!$G$20=$B$24,21,0),0)),0)</f>
        <v>0</v>
      </c>
      <c r="G3996" cm="1">
        <f t="array" ref="G3996">IFERROR(INDEX(Jesper!AK$2:AK$366,ROUNDDOWN($C3996/24,0)+1,1)*INDEX($D$3:$AA$30,INDEX(Jesper!$R$2:$R$366,ROW(INDEX(Jesper!AK$2:AK$366,ROUNDDOWN($C3996/24,0)+1,1))-1)+IF('Standard Profiles'!$G$21=$B$10,7,0)+IF('Standard Profiles'!$G$21=$B$17,14,0)+IF('Standard Profiles'!$G$21=$B$24,21,0),MOD($C3996,24)+1)/SUM(INDEX($D$3:$AA$30,INDEX(Jesper!$R$2:$R$366,ROW(INDEX(Jesper!AK$2:AK$366,ROUNDDOWN($C3996/24,0)+1,1))-1)+IF('Standard Profiles'!$G$21=$B$10,7,0)+IF('Standard Profiles'!$G$21=$B$17,14,0)+IF('Standard Profiles'!$G$21=$B$24,21,0),0)),0)</f>
        <v>0</v>
      </c>
      <c r="H3996" cm="1">
        <f t="array" ref="H3996">IFERROR(INDEX(Jesper!AL$2:AL$366,ROUNDDOWN($C3996/24,0)+1,1)*INDEX($D$3:$AA$30,INDEX(Jesper!$R$2:$R$366,ROW(INDEX(Jesper!AL$2:AL$366,ROUNDDOWN($C3996/24,0)+1,1))-1)+IF('Standard Profiles'!$G$22=$B$10,7,0)+IF('Standard Profiles'!$G$22=$B$17,14,0)+IF('Standard Profiles'!$G$22=$B$24,21,0),MOD($C3996,24)+1)/SUM(INDEX($D$3:$AA$30,INDEX(Jesper!$R$2:$R$366,ROW(INDEX(Jesper!AL$2:AL$366,ROUNDDOWN($C3996/24,0)+1,1))-1)+IF('Standard Profiles'!$G$22=$B$10,7,0)+IF('Standard Profiles'!$G$22=$B$17,14,0)+IF('Standard Profiles'!$G$22=$B$24,21,0),0)),0)</f>
        <v>0</v>
      </c>
      <c r="I3996">
        <f t="shared" si="447"/>
        <v>0.2224664635629611</v>
      </c>
      <c r="J3996">
        <f t="shared" si="448"/>
        <v>0.74155487854320379</v>
      </c>
      <c r="K3996">
        <f t="shared" si="449"/>
        <v>1.1123323178148055</v>
      </c>
      <c r="L3996">
        <f t="shared" si="450"/>
        <v>5.3391951255110666</v>
      </c>
      <c r="M3996">
        <f t="shared" si="451"/>
        <v>0</v>
      </c>
      <c r="N3996" s="46">
        <f t="shared" si="452"/>
        <v>45457.083333323724</v>
      </c>
    </row>
    <row r="3997" spans="2:14" x14ac:dyDescent="0.3">
      <c r="B3997">
        <f t="shared" si="446"/>
        <v>5</v>
      </c>
      <c r="C3997" s="16">
        <v>3963</v>
      </c>
      <c r="D3997" cm="1">
        <f t="array" ref="D3997">IFERROR(INDEX(Jesper!AH$2:AH$366,ROUNDDOWN($C3997/24,0)+1,1)*INDEX($D$3:$AA$30,INDEX(Jesper!$R$2:$R$366,ROW(INDEX(Jesper!AH$2:AH$366,ROUNDDOWN($C3997/24,0)+1,1))-1)+IF('Standard Profiles'!$G$18=$B$10,7,0)+IF('Standard Profiles'!$G$18=$B$17,14,0)+IF('Standard Profiles'!$G$18=$B$24,21,0),MOD($C3997,24)+1)/SUM(INDEX($D$3:$AA$30,INDEX(Jesper!$R$2:$R$366,ROW(INDEX(Jesper!AH$2:AH$366,ROUNDDOWN($C3997/24,0)+1,1))-1)+IF('Standard Profiles'!$G$18=$B$10,7,0)+IF('Standard Profiles'!$G$18=$B$17,14,0)+IF('Standard Profiles'!$G$18=$B$24,21,0),0)),0)</f>
        <v>7.415548785432037</v>
      </c>
      <c r="E3997" cm="1">
        <f t="array" ref="E3997">IFERROR(INDEX(Jesper!AI$2:AI$366,ROUNDDOWN($C3997/24,0)+1,1)*INDEX($D$3:$AA$30,INDEX(Jesper!$R$2:$R$366,ROW(INDEX(Jesper!AI$2:AI$366,ROUNDDOWN($C3997/24,0)+1,1))-1)+IF('Standard Profiles'!$G$19=$B$10,7,0)+IF('Standard Profiles'!$G$19=$B$17,14,0)+IF('Standard Profiles'!$G$19=$B$24,21,0),MOD($C3997,24)+1)/SUM(INDEX($D$3:$AA$30,INDEX(Jesper!$R$2:$R$366,ROW(INDEX(Jesper!AI$2:AI$366,ROUNDDOWN($C3997/24,0)+1,1))-1)+IF('Standard Profiles'!$G$19=$B$10,7,0)+IF('Standard Profiles'!$G$19=$B$17,14,0)+IF('Standard Profiles'!$G$19=$B$24,21,0),0)),0)</f>
        <v>0</v>
      </c>
      <c r="F3997" cm="1">
        <f t="array" ref="F3997">IFERROR(INDEX(Jesper!AJ$2:AJ$366,ROUNDDOWN($C3997/24,0)+1,1)*INDEX($D$3:$AA$30,INDEX(Jesper!$R$2:$R$366,ROW(INDEX(Jesper!AJ$2:AJ$366,ROUNDDOWN($C3997/24,0)+1,1))-1)+IF('Standard Profiles'!$G$20=$B$10,7,0)+IF('Standard Profiles'!$G$20=$B$17,14,0)+IF('Standard Profiles'!$G$20=$B$24,21,0),MOD($C3997,24)+1)/SUM(INDEX($D$3:$AA$30,INDEX(Jesper!$R$2:$R$366,ROW(INDEX(Jesper!AJ$2:AJ$366,ROUNDDOWN($C3997/24,0)+1,1))-1)+IF('Standard Profiles'!$G$20=$B$10,7,0)+IF('Standard Profiles'!$G$20=$B$17,14,0)+IF('Standard Profiles'!$G$20=$B$24,21,0),0)),0)</f>
        <v>0</v>
      </c>
      <c r="G3997" cm="1">
        <f t="array" ref="G3997">IFERROR(INDEX(Jesper!AK$2:AK$366,ROUNDDOWN($C3997/24,0)+1,1)*INDEX($D$3:$AA$30,INDEX(Jesper!$R$2:$R$366,ROW(INDEX(Jesper!AK$2:AK$366,ROUNDDOWN($C3997/24,0)+1,1))-1)+IF('Standard Profiles'!$G$21=$B$10,7,0)+IF('Standard Profiles'!$G$21=$B$17,14,0)+IF('Standard Profiles'!$G$21=$B$24,21,0),MOD($C3997,24)+1)/SUM(INDEX($D$3:$AA$30,INDEX(Jesper!$R$2:$R$366,ROW(INDEX(Jesper!AK$2:AK$366,ROUNDDOWN($C3997/24,0)+1,1))-1)+IF('Standard Profiles'!$G$21=$B$10,7,0)+IF('Standard Profiles'!$G$21=$B$17,14,0)+IF('Standard Profiles'!$G$21=$B$24,21,0),0)),0)</f>
        <v>0</v>
      </c>
      <c r="H3997" cm="1">
        <f t="array" ref="H3997">IFERROR(INDEX(Jesper!AL$2:AL$366,ROUNDDOWN($C3997/24,0)+1,1)*INDEX($D$3:$AA$30,INDEX(Jesper!$R$2:$R$366,ROW(INDEX(Jesper!AL$2:AL$366,ROUNDDOWN($C3997/24,0)+1,1))-1)+IF('Standard Profiles'!$G$22=$B$10,7,0)+IF('Standard Profiles'!$G$22=$B$17,14,0)+IF('Standard Profiles'!$G$22=$B$24,21,0),MOD($C3997,24)+1)/SUM(INDEX($D$3:$AA$30,INDEX(Jesper!$R$2:$R$366,ROW(INDEX(Jesper!AL$2:AL$366,ROUNDDOWN($C3997/24,0)+1,1))-1)+IF('Standard Profiles'!$G$22=$B$10,7,0)+IF('Standard Profiles'!$G$22=$B$17,14,0)+IF('Standard Profiles'!$G$22=$B$24,21,0),0)),0)</f>
        <v>0</v>
      </c>
      <c r="I3997">
        <f t="shared" si="447"/>
        <v>0.2224664635629611</v>
      </c>
      <c r="J3997">
        <f t="shared" si="448"/>
        <v>0.74155487854320379</v>
      </c>
      <c r="K3997">
        <f t="shared" si="449"/>
        <v>1.1123323178148055</v>
      </c>
      <c r="L3997">
        <f t="shared" si="450"/>
        <v>5.3391951255110666</v>
      </c>
      <c r="M3997">
        <f t="shared" si="451"/>
        <v>0</v>
      </c>
      <c r="N3997" s="46">
        <f t="shared" si="452"/>
        <v>45457.124999990388</v>
      </c>
    </row>
    <row r="3998" spans="2:14" x14ac:dyDescent="0.3">
      <c r="B3998">
        <f t="shared" si="446"/>
        <v>5</v>
      </c>
      <c r="C3998" s="16">
        <v>3964</v>
      </c>
      <c r="D3998" cm="1">
        <f t="array" ref="D3998">IFERROR(INDEX(Jesper!AH$2:AH$366,ROUNDDOWN($C3998/24,0)+1,1)*INDEX($D$3:$AA$30,INDEX(Jesper!$R$2:$R$366,ROW(INDEX(Jesper!AH$2:AH$366,ROUNDDOWN($C3998/24,0)+1,1))-1)+IF('Standard Profiles'!$G$18=$B$10,7,0)+IF('Standard Profiles'!$G$18=$B$17,14,0)+IF('Standard Profiles'!$G$18=$B$24,21,0),MOD($C3998,24)+1)/SUM(INDEX($D$3:$AA$30,INDEX(Jesper!$R$2:$R$366,ROW(INDEX(Jesper!AH$2:AH$366,ROUNDDOWN($C3998/24,0)+1,1))-1)+IF('Standard Profiles'!$G$18=$B$10,7,0)+IF('Standard Profiles'!$G$18=$B$17,14,0)+IF('Standard Profiles'!$G$18=$B$24,21,0),0)),0)</f>
        <v>7.415548785432037</v>
      </c>
      <c r="E3998" cm="1">
        <f t="array" ref="E3998">IFERROR(INDEX(Jesper!AI$2:AI$366,ROUNDDOWN($C3998/24,0)+1,1)*INDEX($D$3:$AA$30,INDEX(Jesper!$R$2:$R$366,ROW(INDEX(Jesper!AI$2:AI$366,ROUNDDOWN($C3998/24,0)+1,1))-1)+IF('Standard Profiles'!$G$19=$B$10,7,0)+IF('Standard Profiles'!$G$19=$B$17,14,0)+IF('Standard Profiles'!$G$19=$B$24,21,0),MOD($C3998,24)+1)/SUM(INDEX($D$3:$AA$30,INDEX(Jesper!$R$2:$R$366,ROW(INDEX(Jesper!AI$2:AI$366,ROUNDDOWN($C3998/24,0)+1,1))-1)+IF('Standard Profiles'!$G$19=$B$10,7,0)+IF('Standard Profiles'!$G$19=$B$17,14,0)+IF('Standard Profiles'!$G$19=$B$24,21,0),0)),0)</f>
        <v>0</v>
      </c>
      <c r="F3998" cm="1">
        <f t="array" ref="F3998">IFERROR(INDEX(Jesper!AJ$2:AJ$366,ROUNDDOWN($C3998/24,0)+1,1)*INDEX($D$3:$AA$30,INDEX(Jesper!$R$2:$R$366,ROW(INDEX(Jesper!AJ$2:AJ$366,ROUNDDOWN($C3998/24,0)+1,1))-1)+IF('Standard Profiles'!$G$20=$B$10,7,0)+IF('Standard Profiles'!$G$20=$B$17,14,0)+IF('Standard Profiles'!$G$20=$B$24,21,0),MOD($C3998,24)+1)/SUM(INDEX($D$3:$AA$30,INDEX(Jesper!$R$2:$R$366,ROW(INDEX(Jesper!AJ$2:AJ$366,ROUNDDOWN($C3998/24,0)+1,1))-1)+IF('Standard Profiles'!$G$20=$B$10,7,0)+IF('Standard Profiles'!$G$20=$B$17,14,0)+IF('Standard Profiles'!$G$20=$B$24,21,0),0)),0)</f>
        <v>0</v>
      </c>
      <c r="G3998" cm="1">
        <f t="array" ref="G3998">IFERROR(INDEX(Jesper!AK$2:AK$366,ROUNDDOWN($C3998/24,0)+1,1)*INDEX($D$3:$AA$30,INDEX(Jesper!$R$2:$R$366,ROW(INDEX(Jesper!AK$2:AK$366,ROUNDDOWN($C3998/24,0)+1,1))-1)+IF('Standard Profiles'!$G$21=$B$10,7,0)+IF('Standard Profiles'!$G$21=$B$17,14,0)+IF('Standard Profiles'!$G$21=$B$24,21,0),MOD($C3998,24)+1)/SUM(INDEX($D$3:$AA$30,INDEX(Jesper!$R$2:$R$366,ROW(INDEX(Jesper!AK$2:AK$366,ROUNDDOWN($C3998/24,0)+1,1))-1)+IF('Standard Profiles'!$G$21=$B$10,7,0)+IF('Standard Profiles'!$G$21=$B$17,14,0)+IF('Standard Profiles'!$G$21=$B$24,21,0),0)),0)</f>
        <v>0</v>
      </c>
      <c r="H3998" cm="1">
        <f t="array" ref="H3998">IFERROR(INDEX(Jesper!AL$2:AL$366,ROUNDDOWN($C3998/24,0)+1,1)*INDEX($D$3:$AA$30,INDEX(Jesper!$R$2:$R$366,ROW(INDEX(Jesper!AL$2:AL$366,ROUNDDOWN($C3998/24,0)+1,1))-1)+IF('Standard Profiles'!$G$22=$B$10,7,0)+IF('Standard Profiles'!$G$22=$B$17,14,0)+IF('Standard Profiles'!$G$22=$B$24,21,0),MOD($C3998,24)+1)/SUM(INDEX($D$3:$AA$30,INDEX(Jesper!$R$2:$R$366,ROW(INDEX(Jesper!AL$2:AL$366,ROUNDDOWN($C3998/24,0)+1,1))-1)+IF('Standard Profiles'!$G$22=$B$10,7,0)+IF('Standard Profiles'!$G$22=$B$17,14,0)+IF('Standard Profiles'!$G$22=$B$24,21,0),0)),0)</f>
        <v>0</v>
      </c>
      <c r="I3998">
        <f t="shared" si="447"/>
        <v>0.2224664635629611</v>
      </c>
      <c r="J3998">
        <f t="shared" si="448"/>
        <v>0.74155487854320379</v>
      </c>
      <c r="K3998">
        <f t="shared" si="449"/>
        <v>1.1123323178148055</v>
      </c>
      <c r="L3998">
        <f t="shared" si="450"/>
        <v>5.3391951255110666</v>
      </c>
      <c r="M3998">
        <f t="shared" si="451"/>
        <v>0</v>
      </c>
      <c r="N3998" s="46">
        <f t="shared" si="452"/>
        <v>45457.166666657053</v>
      </c>
    </row>
    <row r="3999" spans="2:14" x14ac:dyDescent="0.3">
      <c r="B3999">
        <f t="shared" si="446"/>
        <v>5</v>
      </c>
      <c r="C3999" s="16">
        <v>3965</v>
      </c>
      <c r="D3999" cm="1">
        <f t="array" ref="D3999">IFERROR(INDEX(Jesper!AH$2:AH$366,ROUNDDOWN($C3999/24,0)+1,1)*INDEX($D$3:$AA$30,INDEX(Jesper!$R$2:$R$366,ROW(INDEX(Jesper!AH$2:AH$366,ROUNDDOWN($C3999/24,0)+1,1))-1)+IF('Standard Profiles'!$G$18=$B$10,7,0)+IF('Standard Profiles'!$G$18=$B$17,14,0)+IF('Standard Profiles'!$G$18=$B$24,21,0),MOD($C3999,24)+1)/SUM(INDEX($D$3:$AA$30,INDEX(Jesper!$R$2:$R$366,ROW(INDEX(Jesper!AH$2:AH$366,ROUNDDOWN($C3999/24,0)+1,1))-1)+IF('Standard Profiles'!$G$18=$B$10,7,0)+IF('Standard Profiles'!$G$18=$B$17,14,0)+IF('Standard Profiles'!$G$18=$B$24,21,0),0)),0)</f>
        <v>9.5578184345568484</v>
      </c>
      <c r="E3999" cm="1">
        <f t="array" ref="E3999">IFERROR(INDEX(Jesper!AI$2:AI$366,ROUNDDOWN($C3999/24,0)+1,1)*INDEX($D$3:$AA$30,INDEX(Jesper!$R$2:$R$366,ROW(INDEX(Jesper!AI$2:AI$366,ROUNDDOWN($C3999/24,0)+1,1))-1)+IF('Standard Profiles'!$G$19=$B$10,7,0)+IF('Standard Profiles'!$G$19=$B$17,14,0)+IF('Standard Profiles'!$G$19=$B$24,21,0),MOD($C3999,24)+1)/SUM(INDEX($D$3:$AA$30,INDEX(Jesper!$R$2:$R$366,ROW(INDEX(Jesper!AI$2:AI$366,ROUNDDOWN($C3999/24,0)+1,1))-1)+IF('Standard Profiles'!$G$19=$B$10,7,0)+IF('Standard Profiles'!$G$19=$B$17,14,0)+IF('Standard Profiles'!$G$19=$B$24,21,0),0)),0)</f>
        <v>0</v>
      </c>
      <c r="F3999" cm="1">
        <f t="array" ref="F3999">IFERROR(INDEX(Jesper!AJ$2:AJ$366,ROUNDDOWN($C3999/24,0)+1,1)*INDEX($D$3:$AA$30,INDEX(Jesper!$R$2:$R$366,ROW(INDEX(Jesper!AJ$2:AJ$366,ROUNDDOWN($C3999/24,0)+1,1))-1)+IF('Standard Profiles'!$G$20=$B$10,7,0)+IF('Standard Profiles'!$G$20=$B$17,14,0)+IF('Standard Profiles'!$G$20=$B$24,21,0),MOD($C3999,24)+1)/SUM(INDEX($D$3:$AA$30,INDEX(Jesper!$R$2:$R$366,ROW(INDEX(Jesper!AJ$2:AJ$366,ROUNDDOWN($C3999/24,0)+1,1))-1)+IF('Standard Profiles'!$G$20=$B$10,7,0)+IF('Standard Profiles'!$G$20=$B$17,14,0)+IF('Standard Profiles'!$G$20=$B$24,21,0),0)),0)</f>
        <v>0</v>
      </c>
      <c r="G3999" cm="1">
        <f t="array" ref="G3999">IFERROR(INDEX(Jesper!AK$2:AK$366,ROUNDDOWN($C3999/24,0)+1,1)*INDEX($D$3:$AA$30,INDEX(Jesper!$R$2:$R$366,ROW(INDEX(Jesper!AK$2:AK$366,ROUNDDOWN($C3999/24,0)+1,1))-1)+IF('Standard Profiles'!$G$21=$B$10,7,0)+IF('Standard Profiles'!$G$21=$B$17,14,0)+IF('Standard Profiles'!$G$21=$B$24,21,0),MOD($C3999,24)+1)/SUM(INDEX($D$3:$AA$30,INDEX(Jesper!$R$2:$R$366,ROW(INDEX(Jesper!AK$2:AK$366,ROUNDDOWN($C3999/24,0)+1,1))-1)+IF('Standard Profiles'!$G$21=$B$10,7,0)+IF('Standard Profiles'!$G$21=$B$17,14,0)+IF('Standard Profiles'!$G$21=$B$24,21,0),0)),0)</f>
        <v>0</v>
      </c>
      <c r="H3999" cm="1">
        <f t="array" ref="H3999">IFERROR(INDEX(Jesper!AL$2:AL$366,ROUNDDOWN($C3999/24,0)+1,1)*INDEX($D$3:$AA$30,INDEX(Jesper!$R$2:$R$366,ROW(INDEX(Jesper!AL$2:AL$366,ROUNDDOWN($C3999/24,0)+1,1))-1)+IF('Standard Profiles'!$G$22=$B$10,7,0)+IF('Standard Profiles'!$G$22=$B$17,14,0)+IF('Standard Profiles'!$G$22=$B$24,21,0),MOD($C3999,24)+1)/SUM(INDEX($D$3:$AA$30,INDEX(Jesper!$R$2:$R$366,ROW(INDEX(Jesper!AL$2:AL$366,ROUNDDOWN($C3999/24,0)+1,1))-1)+IF('Standard Profiles'!$G$22=$B$10,7,0)+IF('Standard Profiles'!$G$22=$B$17,14,0)+IF('Standard Profiles'!$G$22=$B$24,21,0),0)),0)</f>
        <v>0</v>
      </c>
      <c r="I3999">
        <f t="shared" si="447"/>
        <v>0.28673455303670542</v>
      </c>
      <c r="J3999">
        <f t="shared" si="448"/>
        <v>0.95578184345568484</v>
      </c>
      <c r="K3999">
        <f t="shared" si="449"/>
        <v>1.4336727651835273</v>
      </c>
      <c r="L3999">
        <f t="shared" si="450"/>
        <v>6.8816292728809305</v>
      </c>
      <c r="M3999">
        <f t="shared" si="451"/>
        <v>0</v>
      </c>
      <c r="N3999" s="46">
        <f t="shared" si="452"/>
        <v>45457.208333323717</v>
      </c>
    </row>
    <row r="4000" spans="2:14" x14ac:dyDescent="0.3">
      <c r="B4000">
        <f t="shared" si="446"/>
        <v>5</v>
      </c>
      <c r="C4000" s="16">
        <v>3966</v>
      </c>
      <c r="D4000" cm="1">
        <f t="array" ref="D4000">IFERROR(INDEX(Jesper!AH$2:AH$366,ROUNDDOWN($C4000/24,0)+1,1)*INDEX($D$3:$AA$30,INDEX(Jesper!$R$2:$R$366,ROW(INDEX(Jesper!AH$2:AH$366,ROUNDDOWN($C4000/24,0)+1,1))-1)+IF('Standard Profiles'!$G$18=$B$10,7,0)+IF('Standard Profiles'!$G$18=$B$17,14,0)+IF('Standard Profiles'!$G$18=$B$24,21,0),MOD($C4000,24)+1)/SUM(INDEX($D$3:$AA$30,INDEX(Jesper!$R$2:$R$366,ROW(INDEX(Jesper!AH$2:AH$366,ROUNDDOWN($C4000/24,0)+1,1))-1)+IF('Standard Profiles'!$G$18=$B$10,7,0)+IF('Standard Profiles'!$G$18=$B$17,14,0)+IF('Standard Profiles'!$G$18=$B$24,21,0),0)),0)</f>
        <v>11.535298110672059</v>
      </c>
      <c r="E4000" cm="1">
        <f t="array" ref="E4000">IFERROR(INDEX(Jesper!AI$2:AI$366,ROUNDDOWN($C4000/24,0)+1,1)*INDEX($D$3:$AA$30,INDEX(Jesper!$R$2:$R$366,ROW(INDEX(Jesper!AI$2:AI$366,ROUNDDOWN($C4000/24,0)+1,1))-1)+IF('Standard Profiles'!$G$19=$B$10,7,0)+IF('Standard Profiles'!$G$19=$B$17,14,0)+IF('Standard Profiles'!$G$19=$B$24,21,0),MOD($C4000,24)+1)/SUM(INDEX($D$3:$AA$30,INDEX(Jesper!$R$2:$R$366,ROW(INDEX(Jesper!AI$2:AI$366,ROUNDDOWN($C4000/24,0)+1,1))-1)+IF('Standard Profiles'!$G$19=$B$10,7,0)+IF('Standard Profiles'!$G$19=$B$17,14,0)+IF('Standard Profiles'!$G$19=$B$24,21,0),0)),0)</f>
        <v>0</v>
      </c>
      <c r="F4000" cm="1">
        <f t="array" ref="F4000">IFERROR(INDEX(Jesper!AJ$2:AJ$366,ROUNDDOWN($C4000/24,0)+1,1)*INDEX($D$3:$AA$30,INDEX(Jesper!$R$2:$R$366,ROW(INDEX(Jesper!AJ$2:AJ$366,ROUNDDOWN($C4000/24,0)+1,1))-1)+IF('Standard Profiles'!$G$20=$B$10,7,0)+IF('Standard Profiles'!$G$20=$B$17,14,0)+IF('Standard Profiles'!$G$20=$B$24,21,0),MOD($C4000,24)+1)/SUM(INDEX($D$3:$AA$30,INDEX(Jesper!$R$2:$R$366,ROW(INDEX(Jesper!AJ$2:AJ$366,ROUNDDOWN($C4000/24,0)+1,1))-1)+IF('Standard Profiles'!$G$20=$B$10,7,0)+IF('Standard Profiles'!$G$20=$B$17,14,0)+IF('Standard Profiles'!$G$20=$B$24,21,0),0)),0)</f>
        <v>0</v>
      </c>
      <c r="G4000" cm="1">
        <f t="array" ref="G4000">IFERROR(INDEX(Jesper!AK$2:AK$366,ROUNDDOWN($C4000/24,0)+1,1)*INDEX($D$3:$AA$30,INDEX(Jesper!$R$2:$R$366,ROW(INDEX(Jesper!AK$2:AK$366,ROUNDDOWN($C4000/24,0)+1,1))-1)+IF('Standard Profiles'!$G$21=$B$10,7,0)+IF('Standard Profiles'!$G$21=$B$17,14,0)+IF('Standard Profiles'!$G$21=$B$24,21,0),MOD($C4000,24)+1)/SUM(INDEX($D$3:$AA$30,INDEX(Jesper!$R$2:$R$366,ROW(INDEX(Jesper!AK$2:AK$366,ROUNDDOWN($C4000/24,0)+1,1))-1)+IF('Standard Profiles'!$G$21=$B$10,7,0)+IF('Standard Profiles'!$G$21=$B$17,14,0)+IF('Standard Profiles'!$G$21=$B$24,21,0),0)),0)</f>
        <v>0</v>
      </c>
      <c r="H4000" cm="1">
        <f t="array" ref="H4000">IFERROR(INDEX(Jesper!AL$2:AL$366,ROUNDDOWN($C4000/24,0)+1,1)*INDEX($D$3:$AA$30,INDEX(Jesper!$R$2:$R$366,ROW(INDEX(Jesper!AL$2:AL$366,ROUNDDOWN($C4000/24,0)+1,1))-1)+IF('Standard Profiles'!$G$22=$B$10,7,0)+IF('Standard Profiles'!$G$22=$B$17,14,0)+IF('Standard Profiles'!$G$22=$B$24,21,0),MOD($C4000,24)+1)/SUM(INDEX($D$3:$AA$30,INDEX(Jesper!$R$2:$R$366,ROW(INDEX(Jesper!AL$2:AL$366,ROUNDDOWN($C4000/24,0)+1,1))-1)+IF('Standard Profiles'!$G$22=$B$10,7,0)+IF('Standard Profiles'!$G$22=$B$17,14,0)+IF('Standard Profiles'!$G$22=$B$24,21,0),0)),0)</f>
        <v>0</v>
      </c>
      <c r="I4000">
        <f t="shared" si="447"/>
        <v>0.34605894332016174</v>
      </c>
      <c r="J4000">
        <f t="shared" si="448"/>
        <v>1.1535298110672059</v>
      </c>
      <c r="K4000">
        <f t="shared" si="449"/>
        <v>1.7302947166008089</v>
      </c>
      <c r="L4000">
        <f t="shared" si="450"/>
        <v>8.3054146396838817</v>
      </c>
      <c r="M4000">
        <f t="shared" si="451"/>
        <v>0</v>
      </c>
      <c r="N4000" s="46">
        <f t="shared" si="452"/>
        <v>45457.249999990381</v>
      </c>
    </row>
    <row r="4001" spans="2:14" x14ac:dyDescent="0.3">
      <c r="B4001">
        <f t="shared" si="446"/>
        <v>5</v>
      </c>
      <c r="C4001" s="16">
        <v>3967</v>
      </c>
      <c r="D4001" cm="1">
        <f t="array" ref="D4001">IFERROR(INDEX(Jesper!AH$2:AH$366,ROUNDDOWN($C4001/24,0)+1,1)*INDEX($D$3:$AA$30,INDEX(Jesper!$R$2:$R$366,ROW(INDEX(Jesper!AH$2:AH$366,ROUNDDOWN($C4001/24,0)+1,1))-1)+IF('Standard Profiles'!$G$18=$B$10,7,0)+IF('Standard Profiles'!$G$18=$B$17,14,0)+IF('Standard Profiles'!$G$18=$B$24,21,0),MOD($C4001,24)+1)/SUM(INDEX($D$3:$AA$30,INDEX(Jesper!$R$2:$R$366,ROW(INDEX(Jesper!AH$2:AH$366,ROUNDDOWN($C4001/24,0)+1,1))-1)+IF('Standard Profiles'!$G$18=$B$10,7,0)+IF('Standard Profiles'!$G$18=$B$17,14,0)+IF('Standard Profiles'!$G$18=$B$24,21,0),0)),0)</f>
        <v>11.535298110672059</v>
      </c>
      <c r="E4001" cm="1">
        <f t="array" ref="E4001">IFERROR(INDEX(Jesper!AI$2:AI$366,ROUNDDOWN($C4001/24,0)+1,1)*INDEX($D$3:$AA$30,INDEX(Jesper!$R$2:$R$366,ROW(INDEX(Jesper!AI$2:AI$366,ROUNDDOWN($C4001/24,0)+1,1))-1)+IF('Standard Profiles'!$G$19=$B$10,7,0)+IF('Standard Profiles'!$G$19=$B$17,14,0)+IF('Standard Profiles'!$G$19=$B$24,21,0),MOD($C4001,24)+1)/SUM(INDEX($D$3:$AA$30,INDEX(Jesper!$R$2:$R$366,ROW(INDEX(Jesper!AI$2:AI$366,ROUNDDOWN($C4001/24,0)+1,1))-1)+IF('Standard Profiles'!$G$19=$B$10,7,0)+IF('Standard Profiles'!$G$19=$B$17,14,0)+IF('Standard Profiles'!$G$19=$B$24,21,0),0)),0)</f>
        <v>0</v>
      </c>
      <c r="F4001" cm="1">
        <f t="array" ref="F4001">IFERROR(INDEX(Jesper!AJ$2:AJ$366,ROUNDDOWN($C4001/24,0)+1,1)*INDEX($D$3:$AA$30,INDEX(Jesper!$R$2:$R$366,ROW(INDEX(Jesper!AJ$2:AJ$366,ROUNDDOWN($C4001/24,0)+1,1))-1)+IF('Standard Profiles'!$G$20=$B$10,7,0)+IF('Standard Profiles'!$G$20=$B$17,14,0)+IF('Standard Profiles'!$G$20=$B$24,21,0),MOD($C4001,24)+1)/SUM(INDEX($D$3:$AA$30,INDEX(Jesper!$R$2:$R$366,ROW(INDEX(Jesper!AJ$2:AJ$366,ROUNDDOWN($C4001/24,0)+1,1))-1)+IF('Standard Profiles'!$G$20=$B$10,7,0)+IF('Standard Profiles'!$G$20=$B$17,14,0)+IF('Standard Profiles'!$G$20=$B$24,21,0),0)),0)</f>
        <v>0</v>
      </c>
      <c r="G4001" cm="1">
        <f t="array" ref="G4001">IFERROR(INDEX(Jesper!AK$2:AK$366,ROUNDDOWN($C4001/24,0)+1,1)*INDEX($D$3:$AA$30,INDEX(Jesper!$R$2:$R$366,ROW(INDEX(Jesper!AK$2:AK$366,ROUNDDOWN($C4001/24,0)+1,1))-1)+IF('Standard Profiles'!$G$21=$B$10,7,0)+IF('Standard Profiles'!$G$21=$B$17,14,0)+IF('Standard Profiles'!$G$21=$B$24,21,0),MOD($C4001,24)+1)/SUM(INDEX($D$3:$AA$30,INDEX(Jesper!$R$2:$R$366,ROW(INDEX(Jesper!AK$2:AK$366,ROUNDDOWN($C4001/24,0)+1,1))-1)+IF('Standard Profiles'!$G$21=$B$10,7,0)+IF('Standard Profiles'!$G$21=$B$17,14,0)+IF('Standard Profiles'!$G$21=$B$24,21,0),0)),0)</f>
        <v>0</v>
      </c>
      <c r="H4001" cm="1">
        <f t="array" ref="H4001">IFERROR(INDEX(Jesper!AL$2:AL$366,ROUNDDOWN($C4001/24,0)+1,1)*INDEX($D$3:$AA$30,INDEX(Jesper!$R$2:$R$366,ROW(INDEX(Jesper!AL$2:AL$366,ROUNDDOWN($C4001/24,0)+1,1))-1)+IF('Standard Profiles'!$G$22=$B$10,7,0)+IF('Standard Profiles'!$G$22=$B$17,14,0)+IF('Standard Profiles'!$G$22=$B$24,21,0),MOD($C4001,24)+1)/SUM(INDEX($D$3:$AA$30,INDEX(Jesper!$R$2:$R$366,ROW(INDEX(Jesper!AL$2:AL$366,ROUNDDOWN($C4001/24,0)+1,1))-1)+IF('Standard Profiles'!$G$22=$B$10,7,0)+IF('Standard Profiles'!$G$22=$B$17,14,0)+IF('Standard Profiles'!$G$22=$B$24,21,0),0)),0)</f>
        <v>0</v>
      </c>
      <c r="I4001">
        <f t="shared" si="447"/>
        <v>0.34605894332016174</v>
      </c>
      <c r="J4001">
        <f t="shared" si="448"/>
        <v>1.1535298110672059</v>
      </c>
      <c r="K4001">
        <f t="shared" si="449"/>
        <v>1.7302947166008089</v>
      </c>
      <c r="L4001">
        <f t="shared" si="450"/>
        <v>8.3054146396838817</v>
      </c>
      <c r="M4001">
        <f t="shared" si="451"/>
        <v>0</v>
      </c>
      <c r="N4001" s="46">
        <f t="shared" si="452"/>
        <v>45457.291666657045</v>
      </c>
    </row>
    <row r="4002" spans="2:14" x14ac:dyDescent="0.3">
      <c r="B4002">
        <f t="shared" si="446"/>
        <v>5</v>
      </c>
      <c r="C4002" s="16">
        <v>3968</v>
      </c>
      <c r="D4002" cm="1">
        <f t="array" ref="D4002">IFERROR(INDEX(Jesper!AH$2:AH$366,ROUNDDOWN($C4002/24,0)+1,1)*INDEX($D$3:$AA$30,INDEX(Jesper!$R$2:$R$366,ROW(INDEX(Jesper!AH$2:AH$366,ROUNDDOWN($C4002/24,0)+1,1))-1)+IF('Standard Profiles'!$G$18=$B$10,7,0)+IF('Standard Profiles'!$G$18=$B$17,14,0)+IF('Standard Profiles'!$G$18=$B$24,21,0),MOD($C4002,24)+1)/SUM(INDEX($D$3:$AA$30,INDEX(Jesper!$R$2:$R$366,ROW(INDEX(Jesper!AH$2:AH$366,ROUNDDOWN($C4002/24,0)+1,1))-1)+IF('Standard Profiles'!$G$18=$B$10,7,0)+IF('Standard Profiles'!$G$18=$B$17,14,0)+IF('Standard Profiles'!$G$18=$B$24,21,0),0)),0)</f>
        <v>11.535298110672059</v>
      </c>
      <c r="E4002" cm="1">
        <f t="array" ref="E4002">IFERROR(INDEX(Jesper!AI$2:AI$366,ROUNDDOWN($C4002/24,0)+1,1)*INDEX($D$3:$AA$30,INDEX(Jesper!$R$2:$R$366,ROW(INDEX(Jesper!AI$2:AI$366,ROUNDDOWN($C4002/24,0)+1,1))-1)+IF('Standard Profiles'!$G$19=$B$10,7,0)+IF('Standard Profiles'!$G$19=$B$17,14,0)+IF('Standard Profiles'!$G$19=$B$24,21,0),MOD($C4002,24)+1)/SUM(INDEX($D$3:$AA$30,INDEX(Jesper!$R$2:$R$366,ROW(INDEX(Jesper!AI$2:AI$366,ROUNDDOWN($C4002/24,0)+1,1))-1)+IF('Standard Profiles'!$G$19=$B$10,7,0)+IF('Standard Profiles'!$G$19=$B$17,14,0)+IF('Standard Profiles'!$G$19=$B$24,21,0),0)),0)</f>
        <v>0</v>
      </c>
      <c r="F4002" cm="1">
        <f t="array" ref="F4002">IFERROR(INDEX(Jesper!AJ$2:AJ$366,ROUNDDOWN($C4002/24,0)+1,1)*INDEX($D$3:$AA$30,INDEX(Jesper!$R$2:$R$366,ROW(INDEX(Jesper!AJ$2:AJ$366,ROUNDDOWN($C4002/24,0)+1,1))-1)+IF('Standard Profiles'!$G$20=$B$10,7,0)+IF('Standard Profiles'!$G$20=$B$17,14,0)+IF('Standard Profiles'!$G$20=$B$24,21,0),MOD($C4002,24)+1)/SUM(INDEX($D$3:$AA$30,INDEX(Jesper!$R$2:$R$366,ROW(INDEX(Jesper!AJ$2:AJ$366,ROUNDDOWN($C4002/24,0)+1,1))-1)+IF('Standard Profiles'!$G$20=$B$10,7,0)+IF('Standard Profiles'!$G$20=$B$17,14,0)+IF('Standard Profiles'!$G$20=$B$24,21,0),0)),0)</f>
        <v>0</v>
      </c>
      <c r="G4002" cm="1">
        <f t="array" ref="G4002">IFERROR(INDEX(Jesper!AK$2:AK$366,ROUNDDOWN($C4002/24,0)+1,1)*INDEX($D$3:$AA$30,INDEX(Jesper!$R$2:$R$366,ROW(INDEX(Jesper!AK$2:AK$366,ROUNDDOWN($C4002/24,0)+1,1))-1)+IF('Standard Profiles'!$G$21=$B$10,7,0)+IF('Standard Profiles'!$G$21=$B$17,14,0)+IF('Standard Profiles'!$G$21=$B$24,21,0),MOD($C4002,24)+1)/SUM(INDEX($D$3:$AA$30,INDEX(Jesper!$R$2:$R$366,ROW(INDEX(Jesper!AK$2:AK$366,ROUNDDOWN($C4002/24,0)+1,1))-1)+IF('Standard Profiles'!$G$21=$B$10,7,0)+IF('Standard Profiles'!$G$21=$B$17,14,0)+IF('Standard Profiles'!$G$21=$B$24,21,0),0)),0)</f>
        <v>0</v>
      </c>
      <c r="H4002" cm="1">
        <f t="array" ref="H4002">IFERROR(INDEX(Jesper!AL$2:AL$366,ROUNDDOWN($C4002/24,0)+1,1)*INDEX($D$3:$AA$30,INDEX(Jesper!$R$2:$R$366,ROW(INDEX(Jesper!AL$2:AL$366,ROUNDDOWN($C4002/24,0)+1,1))-1)+IF('Standard Profiles'!$G$22=$B$10,7,0)+IF('Standard Profiles'!$G$22=$B$17,14,0)+IF('Standard Profiles'!$G$22=$B$24,21,0),MOD($C4002,24)+1)/SUM(INDEX($D$3:$AA$30,INDEX(Jesper!$R$2:$R$366,ROW(INDEX(Jesper!AL$2:AL$366,ROUNDDOWN($C4002/24,0)+1,1))-1)+IF('Standard Profiles'!$G$22=$B$10,7,0)+IF('Standard Profiles'!$G$22=$B$17,14,0)+IF('Standard Profiles'!$G$22=$B$24,21,0),0)),0)</f>
        <v>0</v>
      </c>
      <c r="I4002">
        <f t="shared" si="447"/>
        <v>0.34605894332016174</v>
      </c>
      <c r="J4002">
        <f t="shared" si="448"/>
        <v>1.1535298110672059</v>
      </c>
      <c r="K4002">
        <f t="shared" si="449"/>
        <v>1.7302947166008089</v>
      </c>
      <c r="L4002">
        <f t="shared" si="450"/>
        <v>8.3054146396838817</v>
      </c>
      <c r="M4002">
        <f t="shared" si="451"/>
        <v>0</v>
      </c>
      <c r="N4002" s="46">
        <f t="shared" si="452"/>
        <v>45457.33333332371</v>
      </c>
    </row>
    <row r="4003" spans="2:14" x14ac:dyDescent="0.3">
      <c r="B4003">
        <f t="shared" ref="B4003:B4066" si="453">WEEKDAY(N4003,2)</f>
        <v>5</v>
      </c>
      <c r="C4003" s="16">
        <v>3969</v>
      </c>
      <c r="D4003" cm="1">
        <f t="array" ref="D4003">IFERROR(INDEX(Jesper!AH$2:AH$366,ROUNDDOWN($C4003/24,0)+1,1)*INDEX($D$3:$AA$30,INDEX(Jesper!$R$2:$R$366,ROW(INDEX(Jesper!AH$2:AH$366,ROUNDDOWN($C4003/24,0)+1,1))-1)+IF('Standard Profiles'!$G$18=$B$10,7,0)+IF('Standard Profiles'!$G$18=$B$17,14,0)+IF('Standard Profiles'!$G$18=$B$24,21,0),MOD($C4003,24)+1)/SUM(INDEX($D$3:$AA$30,INDEX(Jesper!$R$2:$R$366,ROW(INDEX(Jesper!AH$2:AH$366,ROUNDDOWN($C4003/24,0)+1,1))-1)+IF('Standard Profiles'!$G$18=$B$10,7,0)+IF('Standard Profiles'!$G$18=$B$17,14,0)+IF('Standard Profiles'!$G$18=$B$24,21,0),0)),0)</f>
        <v>12.359247975720061</v>
      </c>
      <c r="E4003" cm="1">
        <f t="array" ref="E4003">IFERROR(INDEX(Jesper!AI$2:AI$366,ROUNDDOWN($C4003/24,0)+1,1)*INDEX($D$3:$AA$30,INDEX(Jesper!$R$2:$R$366,ROW(INDEX(Jesper!AI$2:AI$366,ROUNDDOWN($C4003/24,0)+1,1))-1)+IF('Standard Profiles'!$G$19=$B$10,7,0)+IF('Standard Profiles'!$G$19=$B$17,14,0)+IF('Standard Profiles'!$G$19=$B$24,21,0),MOD($C4003,24)+1)/SUM(INDEX($D$3:$AA$30,INDEX(Jesper!$R$2:$R$366,ROW(INDEX(Jesper!AI$2:AI$366,ROUNDDOWN($C4003/24,0)+1,1))-1)+IF('Standard Profiles'!$G$19=$B$10,7,0)+IF('Standard Profiles'!$G$19=$B$17,14,0)+IF('Standard Profiles'!$G$19=$B$24,21,0),0)),0)</f>
        <v>0</v>
      </c>
      <c r="F4003" cm="1">
        <f t="array" ref="F4003">IFERROR(INDEX(Jesper!AJ$2:AJ$366,ROUNDDOWN($C4003/24,0)+1,1)*INDEX($D$3:$AA$30,INDEX(Jesper!$R$2:$R$366,ROW(INDEX(Jesper!AJ$2:AJ$366,ROUNDDOWN($C4003/24,0)+1,1))-1)+IF('Standard Profiles'!$G$20=$B$10,7,0)+IF('Standard Profiles'!$G$20=$B$17,14,0)+IF('Standard Profiles'!$G$20=$B$24,21,0),MOD($C4003,24)+1)/SUM(INDEX($D$3:$AA$30,INDEX(Jesper!$R$2:$R$366,ROW(INDEX(Jesper!AJ$2:AJ$366,ROUNDDOWN($C4003/24,0)+1,1))-1)+IF('Standard Profiles'!$G$20=$B$10,7,0)+IF('Standard Profiles'!$G$20=$B$17,14,0)+IF('Standard Profiles'!$G$20=$B$24,21,0),0)),0)</f>
        <v>0</v>
      </c>
      <c r="G4003" cm="1">
        <f t="array" ref="G4003">IFERROR(INDEX(Jesper!AK$2:AK$366,ROUNDDOWN($C4003/24,0)+1,1)*INDEX($D$3:$AA$30,INDEX(Jesper!$R$2:$R$366,ROW(INDEX(Jesper!AK$2:AK$366,ROUNDDOWN($C4003/24,0)+1,1))-1)+IF('Standard Profiles'!$G$21=$B$10,7,0)+IF('Standard Profiles'!$G$21=$B$17,14,0)+IF('Standard Profiles'!$G$21=$B$24,21,0),MOD($C4003,24)+1)/SUM(INDEX($D$3:$AA$30,INDEX(Jesper!$R$2:$R$366,ROW(INDEX(Jesper!AK$2:AK$366,ROUNDDOWN($C4003/24,0)+1,1))-1)+IF('Standard Profiles'!$G$21=$B$10,7,0)+IF('Standard Profiles'!$G$21=$B$17,14,0)+IF('Standard Profiles'!$G$21=$B$24,21,0),0)),0)</f>
        <v>0</v>
      </c>
      <c r="H4003" cm="1">
        <f t="array" ref="H4003">IFERROR(INDEX(Jesper!AL$2:AL$366,ROUNDDOWN($C4003/24,0)+1,1)*INDEX($D$3:$AA$30,INDEX(Jesper!$R$2:$R$366,ROW(INDEX(Jesper!AL$2:AL$366,ROUNDDOWN($C4003/24,0)+1,1))-1)+IF('Standard Profiles'!$G$22=$B$10,7,0)+IF('Standard Profiles'!$G$22=$B$17,14,0)+IF('Standard Profiles'!$G$22=$B$24,21,0),MOD($C4003,24)+1)/SUM(INDEX($D$3:$AA$30,INDEX(Jesper!$R$2:$R$366,ROW(INDEX(Jesper!AL$2:AL$366,ROUNDDOWN($C4003/24,0)+1,1))-1)+IF('Standard Profiles'!$G$22=$B$10,7,0)+IF('Standard Profiles'!$G$22=$B$17,14,0)+IF('Standard Profiles'!$G$22=$B$24,21,0),0)),0)</f>
        <v>0</v>
      </c>
      <c r="I4003">
        <f t="shared" ref="I4003:I4066" si="454">IF($B4003&lt;6,AC$37*$D4003+AC$38*$E4003+AC$39*$F4003+AC$40*$G4003,AC$46*$D4003+AC$47*$E4003+AC$48*$F4003+AC$49*$G4003+AC$50*$H4003)</f>
        <v>0.37077743927160184</v>
      </c>
      <c r="J4003">
        <f t="shared" ref="J4003:J4066" si="455">IF($B4003&lt;6,AD$37*$D4003+AD$38*$E4003+AD$39*$F4003+AD$40*$G4003,AD$46*$D4003+AD$47*$E4003+AD$48*$F4003+AD$49*$G4003+AD$50*$H4003)</f>
        <v>1.2359247975720062</v>
      </c>
      <c r="K4003">
        <f t="shared" ref="K4003:K4066" si="456">IF($B4003&lt;6,AE$37*$D4003+AE$38*$E4003+AE$39*$F4003+AE$40*$G4003,AE$46*$D4003+AE$47*$E4003+AE$48*$F4003+AE$49*$G4003+AE$50*$H4003)</f>
        <v>1.853887196358009</v>
      </c>
      <c r="L4003">
        <f t="shared" ref="L4003:L4066" si="457">IF($B4003&lt;6,AF$37*$D4003+AF$38*$E4003+AF$39*$F4003+AF$40*$G4003,AF$46*$D4003+AF$47*$E4003+AF$48*$F4003+AF$49*$G4003+AF$50*$H4003)</f>
        <v>8.8986585425184437</v>
      </c>
      <c r="M4003">
        <f t="shared" ref="M4003:M4066" si="458">IF($B4003&lt;6,AG$37*$D4003+AG$38*$E4003+AG$39*$F4003+AG$40*$G4003,AG$46*$D4003+AG$47*$E4003+AG$48*$F4003+AG$49*$G4003+AG$50*$H4003)</f>
        <v>0</v>
      </c>
      <c r="N4003" s="46">
        <f t="shared" si="452"/>
        <v>45457.374999990374</v>
      </c>
    </row>
    <row r="4004" spans="2:14" x14ac:dyDescent="0.3">
      <c r="B4004">
        <f t="shared" si="453"/>
        <v>5</v>
      </c>
      <c r="C4004" s="16">
        <v>3970</v>
      </c>
      <c r="D4004" cm="1">
        <f t="array" ref="D4004">IFERROR(INDEX(Jesper!AH$2:AH$366,ROUNDDOWN($C4004/24,0)+1,1)*INDEX($D$3:$AA$30,INDEX(Jesper!$R$2:$R$366,ROW(INDEX(Jesper!AH$2:AH$366,ROUNDDOWN($C4004/24,0)+1,1))-1)+IF('Standard Profiles'!$G$18=$B$10,7,0)+IF('Standard Profiles'!$G$18=$B$17,14,0)+IF('Standard Profiles'!$G$18=$B$24,21,0),MOD($C4004,24)+1)/SUM(INDEX($D$3:$AA$30,INDEX(Jesper!$R$2:$R$366,ROW(INDEX(Jesper!AH$2:AH$366,ROUNDDOWN($C4004/24,0)+1,1))-1)+IF('Standard Profiles'!$G$18=$B$10,7,0)+IF('Standard Profiles'!$G$18=$B$17,14,0)+IF('Standard Profiles'!$G$18=$B$24,21,0),0)),0)</f>
        <v>12.853617894748865</v>
      </c>
      <c r="E4004" cm="1">
        <f t="array" ref="E4004">IFERROR(INDEX(Jesper!AI$2:AI$366,ROUNDDOWN($C4004/24,0)+1,1)*INDEX($D$3:$AA$30,INDEX(Jesper!$R$2:$R$366,ROW(INDEX(Jesper!AI$2:AI$366,ROUNDDOWN($C4004/24,0)+1,1))-1)+IF('Standard Profiles'!$G$19=$B$10,7,0)+IF('Standard Profiles'!$G$19=$B$17,14,0)+IF('Standard Profiles'!$G$19=$B$24,21,0),MOD($C4004,24)+1)/SUM(INDEX($D$3:$AA$30,INDEX(Jesper!$R$2:$R$366,ROW(INDEX(Jesper!AI$2:AI$366,ROUNDDOWN($C4004/24,0)+1,1))-1)+IF('Standard Profiles'!$G$19=$B$10,7,0)+IF('Standard Profiles'!$G$19=$B$17,14,0)+IF('Standard Profiles'!$G$19=$B$24,21,0),0)),0)</f>
        <v>0</v>
      </c>
      <c r="F4004" cm="1">
        <f t="array" ref="F4004">IFERROR(INDEX(Jesper!AJ$2:AJ$366,ROUNDDOWN($C4004/24,0)+1,1)*INDEX($D$3:$AA$30,INDEX(Jesper!$R$2:$R$366,ROW(INDEX(Jesper!AJ$2:AJ$366,ROUNDDOWN($C4004/24,0)+1,1))-1)+IF('Standard Profiles'!$G$20=$B$10,7,0)+IF('Standard Profiles'!$G$20=$B$17,14,0)+IF('Standard Profiles'!$G$20=$B$24,21,0),MOD($C4004,24)+1)/SUM(INDEX($D$3:$AA$30,INDEX(Jesper!$R$2:$R$366,ROW(INDEX(Jesper!AJ$2:AJ$366,ROUNDDOWN($C4004/24,0)+1,1))-1)+IF('Standard Profiles'!$G$20=$B$10,7,0)+IF('Standard Profiles'!$G$20=$B$17,14,0)+IF('Standard Profiles'!$G$20=$B$24,21,0),0)),0)</f>
        <v>0</v>
      </c>
      <c r="G4004" cm="1">
        <f t="array" ref="G4004">IFERROR(INDEX(Jesper!AK$2:AK$366,ROUNDDOWN($C4004/24,0)+1,1)*INDEX($D$3:$AA$30,INDEX(Jesper!$R$2:$R$366,ROW(INDEX(Jesper!AK$2:AK$366,ROUNDDOWN($C4004/24,0)+1,1))-1)+IF('Standard Profiles'!$G$21=$B$10,7,0)+IF('Standard Profiles'!$G$21=$B$17,14,0)+IF('Standard Profiles'!$G$21=$B$24,21,0),MOD($C4004,24)+1)/SUM(INDEX($D$3:$AA$30,INDEX(Jesper!$R$2:$R$366,ROW(INDEX(Jesper!AK$2:AK$366,ROUNDDOWN($C4004/24,0)+1,1))-1)+IF('Standard Profiles'!$G$21=$B$10,7,0)+IF('Standard Profiles'!$G$21=$B$17,14,0)+IF('Standard Profiles'!$G$21=$B$24,21,0),0)),0)</f>
        <v>0</v>
      </c>
      <c r="H4004" cm="1">
        <f t="array" ref="H4004">IFERROR(INDEX(Jesper!AL$2:AL$366,ROUNDDOWN($C4004/24,0)+1,1)*INDEX($D$3:$AA$30,INDEX(Jesper!$R$2:$R$366,ROW(INDEX(Jesper!AL$2:AL$366,ROUNDDOWN($C4004/24,0)+1,1))-1)+IF('Standard Profiles'!$G$22=$B$10,7,0)+IF('Standard Profiles'!$G$22=$B$17,14,0)+IF('Standard Profiles'!$G$22=$B$24,21,0),MOD($C4004,24)+1)/SUM(INDEX($D$3:$AA$30,INDEX(Jesper!$R$2:$R$366,ROW(INDEX(Jesper!AL$2:AL$366,ROUNDDOWN($C4004/24,0)+1,1))-1)+IF('Standard Profiles'!$G$22=$B$10,7,0)+IF('Standard Profiles'!$G$22=$B$17,14,0)+IF('Standard Profiles'!$G$22=$B$24,21,0),0)),0)</f>
        <v>0</v>
      </c>
      <c r="I4004">
        <f t="shared" si="454"/>
        <v>0.38560853684246593</v>
      </c>
      <c r="J4004">
        <f t="shared" si="455"/>
        <v>1.2853617894748866</v>
      </c>
      <c r="K4004">
        <f t="shared" si="456"/>
        <v>1.9280426842123297</v>
      </c>
      <c r="L4004">
        <f t="shared" si="457"/>
        <v>9.2546048842191819</v>
      </c>
      <c r="M4004">
        <f t="shared" si="458"/>
        <v>0</v>
      </c>
      <c r="N4004" s="46">
        <f t="shared" ref="N4004:N4067" si="459">N4003+1/24</f>
        <v>45457.416666657038</v>
      </c>
    </row>
    <row r="4005" spans="2:14" x14ac:dyDescent="0.3">
      <c r="B4005">
        <f t="shared" si="453"/>
        <v>5</v>
      </c>
      <c r="C4005" s="16">
        <v>3971</v>
      </c>
      <c r="D4005" cm="1">
        <f t="array" ref="D4005">IFERROR(INDEX(Jesper!AH$2:AH$366,ROUNDDOWN($C4005/24,0)+1,1)*INDEX($D$3:$AA$30,INDEX(Jesper!$R$2:$R$366,ROW(INDEX(Jesper!AH$2:AH$366,ROUNDDOWN($C4005/24,0)+1,1))-1)+IF('Standard Profiles'!$G$18=$B$10,7,0)+IF('Standard Profiles'!$G$18=$B$17,14,0)+IF('Standard Profiles'!$G$18=$B$24,21,0),MOD($C4005,24)+1)/SUM(INDEX($D$3:$AA$30,INDEX(Jesper!$R$2:$R$366,ROW(INDEX(Jesper!AH$2:AH$366,ROUNDDOWN($C4005/24,0)+1,1))-1)+IF('Standard Profiles'!$G$18=$B$10,7,0)+IF('Standard Profiles'!$G$18=$B$17,14,0)+IF('Standard Profiles'!$G$18=$B$24,21,0),0)),0)</f>
        <v>14.831097570864074</v>
      </c>
      <c r="E4005" cm="1">
        <f t="array" ref="E4005">IFERROR(INDEX(Jesper!AI$2:AI$366,ROUNDDOWN($C4005/24,0)+1,1)*INDEX($D$3:$AA$30,INDEX(Jesper!$R$2:$R$366,ROW(INDEX(Jesper!AI$2:AI$366,ROUNDDOWN($C4005/24,0)+1,1))-1)+IF('Standard Profiles'!$G$19=$B$10,7,0)+IF('Standard Profiles'!$G$19=$B$17,14,0)+IF('Standard Profiles'!$G$19=$B$24,21,0),MOD($C4005,24)+1)/SUM(INDEX($D$3:$AA$30,INDEX(Jesper!$R$2:$R$366,ROW(INDEX(Jesper!AI$2:AI$366,ROUNDDOWN($C4005/24,0)+1,1))-1)+IF('Standard Profiles'!$G$19=$B$10,7,0)+IF('Standard Profiles'!$G$19=$B$17,14,0)+IF('Standard Profiles'!$G$19=$B$24,21,0),0)),0)</f>
        <v>0</v>
      </c>
      <c r="F4005" cm="1">
        <f t="array" ref="F4005">IFERROR(INDEX(Jesper!AJ$2:AJ$366,ROUNDDOWN($C4005/24,0)+1,1)*INDEX($D$3:$AA$30,INDEX(Jesper!$R$2:$R$366,ROW(INDEX(Jesper!AJ$2:AJ$366,ROUNDDOWN($C4005/24,0)+1,1))-1)+IF('Standard Profiles'!$G$20=$B$10,7,0)+IF('Standard Profiles'!$G$20=$B$17,14,0)+IF('Standard Profiles'!$G$20=$B$24,21,0),MOD($C4005,24)+1)/SUM(INDEX($D$3:$AA$30,INDEX(Jesper!$R$2:$R$366,ROW(INDEX(Jesper!AJ$2:AJ$366,ROUNDDOWN($C4005/24,0)+1,1))-1)+IF('Standard Profiles'!$G$20=$B$10,7,0)+IF('Standard Profiles'!$G$20=$B$17,14,0)+IF('Standard Profiles'!$G$20=$B$24,21,0),0)),0)</f>
        <v>0</v>
      </c>
      <c r="G4005" cm="1">
        <f t="array" ref="G4005">IFERROR(INDEX(Jesper!AK$2:AK$366,ROUNDDOWN($C4005/24,0)+1,1)*INDEX($D$3:$AA$30,INDEX(Jesper!$R$2:$R$366,ROW(INDEX(Jesper!AK$2:AK$366,ROUNDDOWN($C4005/24,0)+1,1))-1)+IF('Standard Profiles'!$G$21=$B$10,7,0)+IF('Standard Profiles'!$G$21=$B$17,14,0)+IF('Standard Profiles'!$G$21=$B$24,21,0),MOD($C4005,24)+1)/SUM(INDEX($D$3:$AA$30,INDEX(Jesper!$R$2:$R$366,ROW(INDEX(Jesper!AK$2:AK$366,ROUNDDOWN($C4005/24,0)+1,1))-1)+IF('Standard Profiles'!$G$21=$B$10,7,0)+IF('Standard Profiles'!$G$21=$B$17,14,0)+IF('Standard Profiles'!$G$21=$B$24,21,0),0)),0)</f>
        <v>0</v>
      </c>
      <c r="H4005" cm="1">
        <f t="array" ref="H4005">IFERROR(INDEX(Jesper!AL$2:AL$366,ROUNDDOWN($C4005/24,0)+1,1)*INDEX($D$3:$AA$30,INDEX(Jesper!$R$2:$R$366,ROW(INDEX(Jesper!AL$2:AL$366,ROUNDDOWN($C4005/24,0)+1,1))-1)+IF('Standard Profiles'!$G$22=$B$10,7,0)+IF('Standard Profiles'!$G$22=$B$17,14,0)+IF('Standard Profiles'!$G$22=$B$24,21,0),MOD($C4005,24)+1)/SUM(INDEX($D$3:$AA$30,INDEX(Jesper!$R$2:$R$366,ROW(INDEX(Jesper!AL$2:AL$366,ROUNDDOWN($C4005/24,0)+1,1))-1)+IF('Standard Profiles'!$G$22=$B$10,7,0)+IF('Standard Profiles'!$G$22=$B$17,14,0)+IF('Standard Profiles'!$G$22=$B$24,21,0),0)),0)</f>
        <v>0</v>
      </c>
      <c r="I4005">
        <f t="shared" si="454"/>
        <v>0.4449329271259222</v>
      </c>
      <c r="J4005">
        <f t="shared" si="455"/>
        <v>1.4831097570864076</v>
      </c>
      <c r="K4005">
        <f t="shared" si="456"/>
        <v>2.2246646356296109</v>
      </c>
      <c r="L4005">
        <f t="shared" si="457"/>
        <v>10.678390251022133</v>
      </c>
      <c r="M4005">
        <f t="shared" si="458"/>
        <v>0</v>
      </c>
      <c r="N4005" s="46">
        <f t="shared" si="459"/>
        <v>45457.458333323702</v>
      </c>
    </row>
    <row r="4006" spans="2:14" x14ac:dyDescent="0.3">
      <c r="B4006">
        <f t="shared" si="453"/>
        <v>5</v>
      </c>
      <c r="C4006" s="16">
        <v>3972</v>
      </c>
      <c r="D4006" cm="1">
        <f t="array" ref="D4006">IFERROR(INDEX(Jesper!AH$2:AH$366,ROUNDDOWN($C4006/24,0)+1,1)*INDEX($D$3:$AA$30,INDEX(Jesper!$R$2:$R$366,ROW(INDEX(Jesper!AH$2:AH$366,ROUNDDOWN($C4006/24,0)+1,1))-1)+IF('Standard Profiles'!$G$18=$B$10,7,0)+IF('Standard Profiles'!$G$18=$B$17,14,0)+IF('Standard Profiles'!$G$18=$B$24,21,0),MOD($C4006,24)+1)/SUM(INDEX($D$3:$AA$30,INDEX(Jesper!$R$2:$R$366,ROW(INDEX(Jesper!AH$2:AH$366,ROUNDDOWN($C4006/24,0)+1,1))-1)+IF('Standard Profiles'!$G$18=$B$10,7,0)+IF('Standard Profiles'!$G$18=$B$17,14,0)+IF('Standard Profiles'!$G$18=$B$24,21,0),0)),0)</f>
        <v>14.831097570864074</v>
      </c>
      <c r="E4006" cm="1">
        <f t="array" ref="E4006">IFERROR(INDEX(Jesper!AI$2:AI$366,ROUNDDOWN($C4006/24,0)+1,1)*INDEX($D$3:$AA$30,INDEX(Jesper!$R$2:$R$366,ROW(INDEX(Jesper!AI$2:AI$366,ROUNDDOWN($C4006/24,0)+1,1))-1)+IF('Standard Profiles'!$G$19=$B$10,7,0)+IF('Standard Profiles'!$G$19=$B$17,14,0)+IF('Standard Profiles'!$G$19=$B$24,21,0),MOD($C4006,24)+1)/SUM(INDEX($D$3:$AA$30,INDEX(Jesper!$R$2:$R$366,ROW(INDEX(Jesper!AI$2:AI$366,ROUNDDOWN($C4006/24,0)+1,1))-1)+IF('Standard Profiles'!$G$19=$B$10,7,0)+IF('Standard Profiles'!$G$19=$B$17,14,0)+IF('Standard Profiles'!$G$19=$B$24,21,0),0)),0)</f>
        <v>0</v>
      </c>
      <c r="F4006" cm="1">
        <f t="array" ref="F4006">IFERROR(INDEX(Jesper!AJ$2:AJ$366,ROUNDDOWN($C4006/24,0)+1,1)*INDEX($D$3:$AA$30,INDEX(Jesper!$R$2:$R$366,ROW(INDEX(Jesper!AJ$2:AJ$366,ROUNDDOWN($C4006/24,0)+1,1))-1)+IF('Standard Profiles'!$G$20=$B$10,7,0)+IF('Standard Profiles'!$G$20=$B$17,14,0)+IF('Standard Profiles'!$G$20=$B$24,21,0),MOD($C4006,24)+1)/SUM(INDEX($D$3:$AA$30,INDEX(Jesper!$R$2:$R$366,ROW(INDEX(Jesper!AJ$2:AJ$366,ROUNDDOWN($C4006/24,0)+1,1))-1)+IF('Standard Profiles'!$G$20=$B$10,7,0)+IF('Standard Profiles'!$G$20=$B$17,14,0)+IF('Standard Profiles'!$G$20=$B$24,21,0),0)),0)</f>
        <v>0</v>
      </c>
      <c r="G4006" cm="1">
        <f t="array" ref="G4006">IFERROR(INDEX(Jesper!AK$2:AK$366,ROUNDDOWN($C4006/24,0)+1,1)*INDEX($D$3:$AA$30,INDEX(Jesper!$R$2:$R$366,ROW(INDEX(Jesper!AK$2:AK$366,ROUNDDOWN($C4006/24,0)+1,1))-1)+IF('Standard Profiles'!$G$21=$B$10,7,0)+IF('Standard Profiles'!$G$21=$B$17,14,0)+IF('Standard Profiles'!$G$21=$B$24,21,0),MOD($C4006,24)+1)/SUM(INDEX($D$3:$AA$30,INDEX(Jesper!$R$2:$R$366,ROW(INDEX(Jesper!AK$2:AK$366,ROUNDDOWN($C4006/24,0)+1,1))-1)+IF('Standard Profiles'!$G$21=$B$10,7,0)+IF('Standard Profiles'!$G$21=$B$17,14,0)+IF('Standard Profiles'!$G$21=$B$24,21,0),0)),0)</f>
        <v>0</v>
      </c>
      <c r="H4006" cm="1">
        <f t="array" ref="H4006">IFERROR(INDEX(Jesper!AL$2:AL$366,ROUNDDOWN($C4006/24,0)+1,1)*INDEX($D$3:$AA$30,INDEX(Jesper!$R$2:$R$366,ROW(INDEX(Jesper!AL$2:AL$366,ROUNDDOWN($C4006/24,0)+1,1))-1)+IF('Standard Profiles'!$G$22=$B$10,7,0)+IF('Standard Profiles'!$G$22=$B$17,14,0)+IF('Standard Profiles'!$G$22=$B$24,21,0),MOD($C4006,24)+1)/SUM(INDEX($D$3:$AA$30,INDEX(Jesper!$R$2:$R$366,ROW(INDEX(Jesper!AL$2:AL$366,ROUNDDOWN($C4006/24,0)+1,1))-1)+IF('Standard Profiles'!$G$22=$B$10,7,0)+IF('Standard Profiles'!$G$22=$B$17,14,0)+IF('Standard Profiles'!$G$22=$B$24,21,0),0)),0)</f>
        <v>0</v>
      </c>
      <c r="I4006">
        <f t="shared" si="454"/>
        <v>0.4449329271259222</v>
      </c>
      <c r="J4006">
        <f t="shared" si="455"/>
        <v>1.4831097570864076</v>
      </c>
      <c r="K4006">
        <f t="shared" si="456"/>
        <v>2.2246646356296109</v>
      </c>
      <c r="L4006">
        <f t="shared" si="457"/>
        <v>10.678390251022133</v>
      </c>
      <c r="M4006">
        <f t="shared" si="458"/>
        <v>0</v>
      </c>
      <c r="N4006" s="46">
        <f t="shared" si="459"/>
        <v>45457.499999990367</v>
      </c>
    </row>
    <row r="4007" spans="2:14" x14ac:dyDescent="0.3">
      <c r="B4007">
        <f t="shared" si="453"/>
        <v>5</v>
      </c>
      <c r="C4007" s="16">
        <v>3973</v>
      </c>
      <c r="D4007" cm="1">
        <f t="array" ref="D4007">IFERROR(INDEX(Jesper!AH$2:AH$366,ROUNDDOWN($C4007/24,0)+1,1)*INDEX($D$3:$AA$30,INDEX(Jesper!$R$2:$R$366,ROW(INDEX(Jesper!AH$2:AH$366,ROUNDDOWN($C4007/24,0)+1,1))-1)+IF('Standard Profiles'!$G$18=$B$10,7,0)+IF('Standard Profiles'!$G$18=$B$17,14,0)+IF('Standard Profiles'!$G$18=$B$24,21,0),MOD($C4007,24)+1)/SUM(INDEX($D$3:$AA$30,INDEX(Jesper!$R$2:$R$366,ROW(INDEX(Jesper!AH$2:AH$366,ROUNDDOWN($C4007/24,0)+1,1))-1)+IF('Standard Profiles'!$G$18=$B$10,7,0)+IF('Standard Profiles'!$G$18=$B$17,14,0)+IF('Standard Profiles'!$G$18=$B$24,21,0),0)),0)</f>
        <v>14.831097570864074</v>
      </c>
      <c r="E4007" cm="1">
        <f t="array" ref="E4007">IFERROR(INDEX(Jesper!AI$2:AI$366,ROUNDDOWN($C4007/24,0)+1,1)*INDEX($D$3:$AA$30,INDEX(Jesper!$R$2:$R$366,ROW(INDEX(Jesper!AI$2:AI$366,ROUNDDOWN($C4007/24,0)+1,1))-1)+IF('Standard Profiles'!$G$19=$B$10,7,0)+IF('Standard Profiles'!$G$19=$B$17,14,0)+IF('Standard Profiles'!$G$19=$B$24,21,0),MOD($C4007,24)+1)/SUM(INDEX($D$3:$AA$30,INDEX(Jesper!$R$2:$R$366,ROW(INDEX(Jesper!AI$2:AI$366,ROUNDDOWN($C4007/24,0)+1,1))-1)+IF('Standard Profiles'!$G$19=$B$10,7,0)+IF('Standard Profiles'!$G$19=$B$17,14,0)+IF('Standard Profiles'!$G$19=$B$24,21,0),0)),0)</f>
        <v>0</v>
      </c>
      <c r="F4007" cm="1">
        <f t="array" ref="F4007">IFERROR(INDEX(Jesper!AJ$2:AJ$366,ROUNDDOWN($C4007/24,0)+1,1)*INDEX($D$3:$AA$30,INDEX(Jesper!$R$2:$R$366,ROW(INDEX(Jesper!AJ$2:AJ$366,ROUNDDOWN($C4007/24,0)+1,1))-1)+IF('Standard Profiles'!$G$20=$B$10,7,0)+IF('Standard Profiles'!$G$20=$B$17,14,0)+IF('Standard Profiles'!$G$20=$B$24,21,0),MOD($C4007,24)+1)/SUM(INDEX($D$3:$AA$30,INDEX(Jesper!$R$2:$R$366,ROW(INDEX(Jesper!AJ$2:AJ$366,ROUNDDOWN($C4007/24,0)+1,1))-1)+IF('Standard Profiles'!$G$20=$B$10,7,0)+IF('Standard Profiles'!$G$20=$B$17,14,0)+IF('Standard Profiles'!$G$20=$B$24,21,0),0)),0)</f>
        <v>0</v>
      </c>
      <c r="G4007" cm="1">
        <f t="array" ref="G4007">IFERROR(INDEX(Jesper!AK$2:AK$366,ROUNDDOWN($C4007/24,0)+1,1)*INDEX($D$3:$AA$30,INDEX(Jesper!$R$2:$R$366,ROW(INDEX(Jesper!AK$2:AK$366,ROUNDDOWN($C4007/24,0)+1,1))-1)+IF('Standard Profiles'!$G$21=$B$10,7,0)+IF('Standard Profiles'!$G$21=$B$17,14,0)+IF('Standard Profiles'!$G$21=$B$24,21,0),MOD($C4007,24)+1)/SUM(INDEX($D$3:$AA$30,INDEX(Jesper!$R$2:$R$366,ROW(INDEX(Jesper!AK$2:AK$366,ROUNDDOWN($C4007/24,0)+1,1))-1)+IF('Standard Profiles'!$G$21=$B$10,7,0)+IF('Standard Profiles'!$G$21=$B$17,14,0)+IF('Standard Profiles'!$G$21=$B$24,21,0),0)),0)</f>
        <v>0</v>
      </c>
      <c r="H4007" cm="1">
        <f t="array" ref="H4007">IFERROR(INDEX(Jesper!AL$2:AL$366,ROUNDDOWN($C4007/24,0)+1,1)*INDEX($D$3:$AA$30,INDEX(Jesper!$R$2:$R$366,ROW(INDEX(Jesper!AL$2:AL$366,ROUNDDOWN($C4007/24,0)+1,1))-1)+IF('Standard Profiles'!$G$22=$B$10,7,0)+IF('Standard Profiles'!$G$22=$B$17,14,0)+IF('Standard Profiles'!$G$22=$B$24,21,0),MOD($C4007,24)+1)/SUM(INDEX($D$3:$AA$30,INDEX(Jesper!$R$2:$R$366,ROW(INDEX(Jesper!AL$2:AL$366,ROUNDDOWN($C4007/24,0)+1,1))-1)+IF('Standard Profiles'!$G$22=$B$10,7,0)+IF('Standard Profiles'!$G$22=$B$17,14,0)+IF('Standard Profiles'!$G$22=$B$24,21,0),0)),0)</f>
        <v>0</v>
      </c>
      <c r="I4007">
        <f t="shared" si="454"/>
        <v>0.4449329271259222</v>
      </c>
      <c r="J4007">
        <f t="shared" si="455"/>
        <v>1.4831097570864076</v>
      </c>
      <c r="K4007">
        <f t="shared" si="456"/>
        <v>2.2246646356296109</v>
      </c>
      <c r="L4007">
        <f t="shared" si="457"/>
        <v>10.678390251022133</v>
      </c>
      <c r="M4007">
        <f t="shared" si="458"/>
        <v>0</v>
      </c>
      <c r="N4007" s="46">
        <f t="shared" si="459"/>
        <v>45457.541666657031</v>
      </c>
    </row>
    <row r="4008" spans="2:14" x14ac:dyDescent="0.3">
      <c r="B4008">
        <f t="shared" si="453"/>
        <v>5</v>
      </c>
      <c r="C4008" s="16">
        <v>3974</v>
      </c>
      <c r="D4008" cm="1">
        <f t="array" ref="D4008">IFERROR(INDEX(Jesper!AH$2:AH$366,ROUNDDOWN($C4008/24,0)+1,1)*INDEX($D$3:$AA$30,INDEX(Jesper!$R$2:$R$366,ROW(INDEX(Jesper!AH$2:AH$366,ROUNDDOWN($C4008/24,0)+1,1))-1)+IF('Standard Profiles'!$G$18=$B$10,7,0)+IF('Standard Profiles'!$G$18=$B$17,14,0)+IF('Standard Profiles'!$G$18=$B$24,21,0),MOD($C4008,24)+1)/SUM(INDEX($D$3:$AA$30,INDEX(Jesper!$R$2:$R$366,ROW(INDEX(Jesper!AH$2:AH$366,ROUNDDOWN($C4008/24,0)+1,1))-1)+IF('Standard Profiles'!$G$18=$B$10,7,0)+IF('Standard Profiles'!$G$18=$B$17,14,0)+IF('Standard Profiles'!$G$18=$B$24,21,0),0)),0)</f>
        <v>14.831097570864074</v>
      </c>
      <c r="E4008" cm="1">
        <f t="array" ref="E4008">IFERROR(INDEX(Jesper!AI$2:AI$366,ROUNDDOWN($C4008/24,0)+1,1)*INDEX($D$3:$AA$30,INDEX(Jesper!$R$2:$R$366,ROW(INDEX(Jesper!AI$2:AI$366,ROUNDDOWN($C4008/24,0)+1,1))-1)+IF('Standard Profiles'!$G$19=$B$10,7,0)+IF('Standard Profiles'!$G$19=$B$17,14,0)+IF('Standard Profiles'!$G$19=$B$24,21,0),MOD($C4008,24)+1)/SUM(INDEX($D$3:$AA$30,INDEX(Jesper!$R$2:$R$366,ROW(INDEX(Jesper!AI$2:AI$366,ROUNDDOWN($C4008/24,0)+1,1))-1)+IF('Standard Profiles'!$G$19=$B$10,7,0)+IF('Standard Profiles'!$G$19=$B$17,14,0)+IF('Standard Profiles'!$G$19=$B$24,21,0),0)),0)</f>
        <v>0</v>
      </c>
      <c r="F4008" cm="1">
        <f t="array" ref="F4008">IFERROR(INDEX(Jesper!AJ$2:AJ$366,ROUNDDOWN($C4008/24,0)+1,1)*INDEX($D$3:$AA$30,INDEX(Jesper!$R$2:$R$366,ROW(INDEX(Jesper!AJ$2:AJ$366,ROUNDDOWN($C4008/24,0)+1,1))-1)+IF('Standard Profiles'!$G$20=$B$10,7,0)+IF('Standard Profiles'!$G$20=$B$17,14,0)+IF('Standard Profiles'!$G$20=$B$24,21,0),MOD($C4008,24)+1)/SUM(INDEX($D$3:$AA$30,INDEX(Jesper!$R$2:$R$366,ROW(INDEX(Jesper!AJ$2:AJ$366,ROUNDDOWN($C4008/24,0)+1,1))-1)+IF('Standard Profiles'!$G$20=$B$10,7,0)+IF('Standard Profiles'!$G$20=$B$17,14,0)+IF('Standard Profiles'!$G$20=$B$24,21,0),0)),0)</f>
        <v>0</v>
      </c>
      <c r="G4008" cm="1">
        <f t="array" ref="G4008">IFERROR(INDEX(Jesper!AK$2:AK$366,ROUNDDOWN($C4008/24,0)+1,1)*INDEX($D$3:$AA$30,INDEX(Jesper!$R$2:$R$366,ROW(INDEX(Jesper!AK$2:AK$366,ROUNDDOWN($C4008/24,0)+1,1))-1)+IF('Standard Profiles'!$G$21=$B$10,7,0)+IF('Standard Profiles'!$G$21=$B$17,14,0)+IF('Standard Profiles'!$G$21=$B$24,21,0),MOD($C4008,24)+1)/SUM(INDEX($D$3:$AA$30,INDEX(Jesper!$R$2:$R$366,ROW(INDEX(Jesper!AK$2:AK$366,ROUNDDOWN($C4008/24,0)+1,1))-1)+IF('Standard Profiles'!$G$21=$B$10,7,0)+IF('Standard Profiles'!$G$21=$B$17,14,0)+IF('Standard Profiles'!$G$21=$B$24,21,0),0)),0)</f>
        <v>0</v>
      </c>
      <c r="H4008" cm="1">
        <f t="array" ref="H4008">IFERROR(INDEX(Jesper!AL$2:AL$366,ROUNDDOWN($C4008/24,0)+1,1)*INDEX($D$3:$AA$30,INDEX(Jesper!$R$2:$R$366,ROW(INDEX(Jesper!AL$2:AL$366,ROUNDDOWN($C4008/24,0)+1,1))-1)+IF('Standard Profiles'!$G$22=$B$10,7,0)+IF('Standard Profiles'!$G$22=$B$17,14,0)+IF('Standard Profiles'!$G$22=$B$24,21,0),MOD($C4008,24)+1)/SUM(INDEX($D$3:$AA$30,INDEX(Jesper!$R$2:$R$366,ROW(INDEX(Jesper!AL$2:AL$366,ROUNDDOWN($C4008/24,0)+1,1))-1)+IF('Standard Profiles'!$G$22=$B$10,7,0)+IF('Standard Profiles'!$G$22=$B$17,14,0)+IF('Standard Profiles'!$G$22=$B$24,21,0),0)),0)</f>
        <v>0</v>
      </c>
      <c r="I4008">
        <f t="shared" si="454"/>
        <v>0.4449329271259222</v>
      </c>
      <c r="J4008">
        <f t="shared" si="455"/>
        <v>1.4831097570864076</v>
      </c>
      <c r="K4008">
        <f t="shared" si="456"/>
        <v>2.2246646356296109</v>
      </c>
      <c r="L4008">
        <f t="shared" si="457"/>
        <v>10.678390251022133</v>
      </c>
      <c r="M4008">
        <f t="shared" si="458"/>
        <v>0</v>
      </c>
      <c r="N4008" s="46">
        <f t="shared" si="459"/>
        <v>45457.583333323695</v>
      </c>
    </row>
    <row r="4009" spans="2:14" x14ac:dyDescent="0.3">
      <c r="B4009">
        <f t="shared" si="453"/>
        <v>5</v>
      </c>
      <c r="C4009" s="16">
        <v>3975</v>
      </c>
      <c r="D4009" cm="1">
        <f t="array" ref="D4009">IFERROR(INDEX(Jesper!AH$2:AH$366,ROUNDDOWN($C4009/24,0)+1,1)*INDEX($D$3:$AA$30,INDEX(Jesper!$R$2:$R$366,ROW(INDEX(Jesper!AH$2:AH$366,ROUNDDOWN($C4009/24,0)+1,1))-1)+IF('Standard Profiles'!$G$18=$B$10,7,0)+IF('Standard Profiles'!$G$18=$B$17,14,0)+IF('Standard Profiles'!$G$18=$B$24,21,0),MOD($C4009,24)+1)/SUM(INDEX($D$3:$AA$30,INDEX(Jesper!$R$2:$R$366,ROW(INDEX(Jesper!AH$2:AH$366,ROUNDDOWN($C4009/24,0)+1,1))-1)+IF('Standard Profiles'!$G$18=$B$10,7,0)+IF('Standard Profiles'!$G$18=$B$17,14,0)+IF('Standard Profiles'!$G$18=$B$24,21,0),0)),0)</f>
        <v>12.359247975720061</v>
      </c>
      <c r="E4009" cm="1">
        <f t="array" ref="E4009">IFERROR(INDEX(Jesper!AI$2:AI$366,ROUNDDOWN($C4009/24,0)+1,1)*INDEX($D$3:$AA$30,INDEX(Jesper!$R$2:$R$366,ROW(INDEX(Jesper!AI$2:AI$366,ROUNDDOWN($C4009/24,0)+1,1))-1)+IF('Standard Profiles'!$G$19=$B$10,7,0)+IF('Standard Profiles'!$G$19=$B$17,14,0)+IF('Standard Profiles'!$G$19=$B$24,21,0),MOD($C4009,24)+1)/SUM(INDEX($D$3:$AA$30,INDEX(Jesper!$R$2:$R$366,ROW(INDEX(Jesper!AI$2:AI$366,ROUNDDOWN($C4009/24,0)+1,1))-1)+IF('Standard Profiles'!$G$19=$B$10,7,0)+IF('Standard Profiles'!$G$19=$B$17,14,0)+IF('Standard Profiles'!$G$19=$B$24,21,0),0)),0)</f>
        <v>0</v>
      </c>
      <c r="F4009" cm="1">
        <f t="array" ref="F4009">IFERROR(INDEX(Jesper!AJ$2:AJ$366,ROUNDDOWN($C4009/24,0)+1,1)*INDEX($D$3:$AA$30,INDEX(Jesper!$R$2:$R$366,ROW(INDEX(Jesper!AJ$2:AJ$366,ROUNDDOWN($C4009/24,0)+1,1))-1)+IF('Standard Profiles'!$G$20=$B$10,7,0)+IF('Standard Profiles'!$G$20=$B$17,14,0)+IF('Standard Profiles'!$G$20=$B$24,21,0),MOD($C4009,24)+1)/SUM(INDEX($D$3:$AA$30,INDEX(Jesper!$R$2:$R$366,ROW(INDEX(Jesper!AJ$2:AJ$366,ROUNDDOWN($C4009/24,0)+1,1))-1)+IF('Standard Profiles'!$G$20=$B$10,7,0)+IF('Standard Profiles'!$G$20=$B$17,14,0)+IF('Standard Profiles'!$G$20=$B$24,21,0),0)),0)</f>
        <v>0</v>
      </c>
      <c r="G4009" cm="1">
        <f t="array" ref="G4009">IFERROR(INDEX(Jesper!AK$2:AK$366,ROUNDDOWN($C4009/24,0)+1,1)*INDEX($D$3:$AA$30,INDEX(Jesper!$R$2:$R$366,ROW(INDEX(Jesper!AK$2:AK$366,ROUNDDOWN($C4009/24,0)+1,1))-1)+IF('Standard Profiles'!$G$21=$B$10,7,0)+IF('Standard Profiles'!$G$21=$B$17,14,0)+IF('Standard Profiles'!$G$21=$B$24,21,0),MOD($C4009,24)+1)/SUM(INDEX($D$3:$AA$30,INDEX(Jesper!$R$2:$R$366,ROW(INDEX(Jesper!AK$2:AK$366,ROUNDDOWN($C4009/24,0)+1,1))-1)+IF('Standard Profiles'!$G$21=$B$10,7,0)+IF('Standard Profiles'!$G$21=$B$17,14,0)+IF('Standard Profiles'!$G$21=$B$24,21,0),0)),0)</f>
        <v>0</v>
      </c>
      <c r="H4009" cm="1">
        <f t="array" ref="H4009">IFERROR(INDEX(Jesper!AL$2:AL$366,ROUNDDOWN($C4009/24,0)+1,1)*INDEX($D$3:$AA$30,INDEX(Jesper!$R$2:$R$366,ROW(INDEX(Jesper!AL$2:AL$366,ROUNDDOWN($C4009/24,0)+1,1))-1)+IF('Standard Profiles'!$G$22=$B$10,7,0)+IF('Standard Profiles'!$G$22=$B$17,14,0)+IF('Standard Profiles'!$G$22=$B$24,21,0),MOD($C4009,24)+1)/SUM(INDEX($D$3:$AA$30,INDEX(Jesper!$R$2:$R$366,ROW(INDEX(Jesper!AL$2:AL$366,ROUNDDOWN($C4009/24,0)+1,1))-1)+IF('Standard Profiles'!$G$22=$B$10,7,0)+IF('Standard Profiles'!$G$22=$B$17,14,0)+IF('Standard Profiles'!$G$22=$B$24,21,0),0)),0)</f>
        <v>0</v>
      </c>
      <c r="I4009">
        <f t="shared" si="454"/>
        <v>0.37077743927160184</v>
      </c>
      <c r="J4009">
        <f t="shared" si="455"/>
        <v>1.2359247975720062</v>
      </c>
      <c r="K4009">
        <f t="shared" si="456"/>
        <v>1.853887196358009</v>
      </c>
      <c r="L4009">
        <f t="shared" si="457"/>
        <v>8.8986585425184437</v>
      </c>
      <c r="M4009">
        <f t="shared" si="458"/>
        <v>0</v>
      </c>
      <c r="N4009" s="46">
        <f t="shared" si="459"/>
        <v>45457.624999990359</v>
      </c>
    </row>
    <row r="4010" spans="2:14" x14ac:dyDescent="0.3">
      <c r="B4010">
        <f t="shared" si="453"/>
        <v>5</v>
      </c>
      <c r="C4010" s="16">
        <v>3976</v>
      </c>
      <c r="D4010" cm="1">
        <f t="array" ref="D4010">IFERROR(INDEX(Jesper!AH$2:AH$366,ROUNDDOWN($C4010/24,0)+1,1)*INDEX($D$3:$AA$30,INDEX(Jesper!$R$2:$R$366,ROW(INDEX(Jesper!AH$2:AH$366,ROUNDDOWN($C4010/24,0)+1,1))-1)+IF('Standard Profiles'!$G$18=$B$10,7,0)+IF('Standard Profiles'!$G$18=$B$17,14,0)+IF('Standard Profiles'!$G$18=$B$24,21,0),MOD($C4010,24)+1)/SUM(INDEX($D$3:$AA$30,INDEX(Jesper!$R$2:$R$366,ROW(INDEX(Jesper!AH$2:AH$366,ROUNDDOWN($C4010/24,0)+1,1))-1)+IF('Standard Profiles'!$G$18=$B$10,7,0)+IF('Standard Profiles'!$G$18=$B$17,14,0)+IF('Standard Profiles'!$G$18=$B$24,21,0),0)),0)</f>
        <v>11.70008808368166</v>
      </c>
      <c r="E4010" cm="1">
        <f t="array" ref="E4010">IFERROR(INDEX(Jesper!AI$2:AI$366,ROUNDDOWN($C4010/24,0)+1,1)*INDEX($D$3:$AA$30,INDEX(Jesper!$R$2:$R$366,ROW(INDEX(Jesper!AI$2:AI$366,ROUNDDOWN($C4010/24,0)+1,1))-1)+IF('Standard Profiles'!$G$19=$B$10,7,0)+IF('Standard Profiles'!$G$19=$B$17,14,0)+IF('Standard Profiles'!$G$19=$B$24,21,0),MOD($C4010,24)+1)/SUM(INDEX($D$3:$AA$30,INDEX(Jesper!$R$2:$R$366,ROW(INDEX(Jesper!AI$2:AI$366,ROUNDDOWN($C4010/24,0)+1,1))-1)+IF('Standard Profiles'!$G$19=$B$10,7,0)+IF('Standard Profiles'!$G$19=$B$17,14,0)+IF('Standard Profiles'!$G$19=$B$24,21,0),0)),0)</f>
        <v>0</v>
      </c>
      <c r="F4010" cm="1">
        <f t="array" ref="F4010">IFERROR(INDEX(Jesper!AJ$2:AJ$366,ROUNDDOWN($C4010/24,0)+1,1)*INDEX($D$3:$AA$30,INDEX(Jesper!$R$2:$R$366,ROW(INDEX(Jesper!AJ$2:AJ$366,ROUNDDOWN($C4010/24,0)+1,1))-1)+IF('Standard Profiles'!$G$20=$B$10,7,0)+IF('Standard Profiles'!$G$20=$B$17,14,0)+IF('Standard Profiles'!$G$20=$B$24,21,0),MOD($C4010,24)+1)/SUM(INDEX($D$3:$AA$30,INDEX(Jesper!$R$2:$R$366,ROW(INDEX(Jesper!AJ$2:AJ$366,ROUNDDOWN($C4010/24,0)+1,1))-1)+IF('Standard Profiles'!$G$20=$B$10,7,0)+IF('Standard Profiles'!$G$20=$B$17,14,0)+IF('Standard Profiles'!$G$20=$B$24,21,0),0)),0)</f>
        <v>0</v>
      </c>
      <c r="G4010" cm="1">
        <f t="array" ref="G4010">IFERROR(INDEX(Jesper!AK$2:AK$366,ROUNDDOWN($C4010/24,0)+1,1)*INDEX($D$3:$AA$30,INDEX(Jesper!$R$2:$R$366,ROW(INDEX(Jesper!AK$2:AK$366,ROUNDDOWN($C4010/24,0)+1,1))-1)+IF('Standard Profiles'!$G$21=$B$10,7,0)+IF('Standard Profiles'!$G$21=$B$17,14,0)+IF('Standard Profiles'!$G$21=$B$24,21,0),MOD($C4010,24)+1)/SUM(INDEX($D$3:$AA$30,INDEX(Jesper!$R$2:$R$366,ROW(INDEX(Jesper!AK$2:AK$366,ROUNDDOWN($C4010/24,0)+1,1))-1)+IF('Standard Profiles'!$G$21=$B$10,7,0)+IF('Standard Profiles'!$G$21=$B$17,14,0)+IF('Standard Profiles'!$G$21=$B$24,21,0),0)),0)</f>
        <v>0</v>
      </c>
      <c r="H4010" cm="1">
        <f t="array" ref="H4010">IFERROR(INDEX(Jesper!AL$2:AL$366,ROUNDDOWN($C4010/24,0)+1,1)*INDEX($D$3:$AA$30,INDEX(Jesper!$R$2:$R$366,ROW(INDEX(Jesper!AL$2:AL$366,ROUNDDOWN($C4010/24,0)+1,1))-1)+IF('Standard Profiles'!$G$22=$B$10,7,0)+IF('Standard Profiles'!$G$22=$B$17,14,0)+IF('Standard Profiles'!$G$22=$B$24,21,0),MOD($C4010,24)+1)/SUM(INDEX($D$3:$AA$30,INDEX(Jesper!$R$2:$R$366,ROW(INDEX(Jesper!AL$2:AL$366,ROUNDDOWN($C4010/24,0)+1,1))-1)+IF('Standard Profiles'!$G$22=$B$10,7,0)+IF('Standard Profiles'!$G$22=$B$17,14,0)+IF('Standard Profiles'!$G$22=$B$24,21,0),0)),0)</f>
        <v>0</v>
      </c>
      <c r="I4010">
        <f t="shared" si="454"/>
        <v>0.35100264251044977</v>
      </c>
      <c r="J4010">
        <f t="shared" si="455"/>
        <v>1.1700088083681661</v>
      </c>
      <c r="K4010">
        <f t="shared" si="456"/>
        <v>1.7550132125522488</v>
      </c>
      <c r="L4010">
        <f t="shared" si="457"/>
        <v>8.4240634202507945</v>
      </c>
      <c r="M4010">
        <f t="shared" si="458"/>
        <v>0</v>
      </c>
      <c r="N4010" s="46">
        <f t="shared" si="459"/>
        <v>45457.666666657024</v>
      </c>
    </row>
    <row r="4011" spans="2:14" x14ac:dyDescent="0.3">
      <c r="B4011">
        <f t="shared" si="453"/>
        <v>5</v>
      </c>
      <c r="C4011" s="16">
        <v>3977</v>
      </c>
      <c r="D4011" cm="1">
        <f t="array" ref="D4011">IFERROR(INDEX(Jesper!AH$2:AH$366,ROUNDDOWN($C4011/24,0)+1,1)*INDEX($D$3:$AA$30,INDEX(Jesper!$R$2:$R$366,ROW(INDEX(Jesper!AH$2:AH$366,ROUNDDOWN($C4011/24,0)+1,1))-1)+IF('Standard Profiles'!$G$18=$B$10,7,0)+IF('Standard Profiles'!$G$18=$B$17,14,0)+IF('Standard Profiles'!$G$18=$B$24,21,0),MOD($C4011,24)+1)/SUM(INDEX($D$3:$AA$30,INDEX(Jesper!$R$2:$R$366,ROW(INDEX(Jesper!AH$2:AH$366,ROUNDDOWN($C4011/24,0)+1,1))-1)+IF('Standard Profiles'!$G$18=$B$10,7,0)+IF('Standard Profiles'!$G$18=$B$17,14,0)+IF('Standard Profiles'!$G$18=$B$24,21,0),0)),0)</f>
        <v>11.70008808368166</v>
      </c>
      <c r="E4011" cm="1">
        <f t="array" ref="E4011">IFERROR(INDEX(Jesper!AI$2:AI$366,ROUNDDOWN($C4011/24,0)+1,1)*INDEX($D$3:$AA$30,INDEX(Jesper!$R$2:$R$366,ROW(INDEX(Jesper!AI$2:AI$366,ROUNDDOWN($C4011/24,0)+1,1))-1)+IF('Standard Profiles'!$G$19=$B$10,7,0)+IF('Standard Profiles'!$G$19=$B$17,14,0)+IF('Standard Profiles'!$G$19=$B$24,21,0),MOD($C4011,24)+1)/SUM(INDEX($D$3:$AA$30,INDEX(Jesper!$R$2:$R$366,ROW(INDEX(Jesper!AI$2:AI$366,ROUNDDOWN($C4011/24,0)+1,1))-1)+IF('Standard Profiles'!$G$19=$B$10,7,0)+IF('Standard Profiles'!$G$19=$B$17,14,0)+IF('Standard Profiles'!$G$19=$B$24,21,0),0)),0)</f>
        <v>0</v>
      </c>
      <c r="F4011" cm="1">
        <f t="array" ref="F4011">IFERROR(INDEX(Jesper!AJ$2:AJ$366,ROUNDDOWN($C4011/24,0)+1,1)*INDEX($D$3:$AA$30,INDEX(Jesper!$R$2:$R$366,ROW(INDEX(Jesper!AJ$2:AJ$366,ROUNDDOWN($C4011/24,0)+1,1))-1)+IF('Standard Profiles'!$G$20=$B$10,7,0)+IF('Standard Profiles'!$G$20=$B$17,14,0)+IF('Standard Profiles'!$G$20=$B$24,21,0),MOD($C4011,24)+1)/SUM(INDEX($D$3:$AA$30,INDEX(Jesper!$R$2:$R$366,ROW(INDEX(Jesper!AJ$2:AJ$366,ROUNDDOWN($C4011/24,0)+1,1))-1)+IF('Standard Profiles'!$G$20=$B$10,7,0)+IF('Standard Profiles'!$G$20=$B$17,14,0)+IF('Standard Profiles'!$G$20=$B$24,21,0),0)),0)</f>
        <v>0</v>
      </c>
      <c r="G4011" cm="1">
        <f t="array" ref="G4011">IFERROR(INDEX(Jesper!AK$2:AK$366,ROUNDDOWN($C4011/24,0)+1,1)*INDEX($D$3:$AA$30,INDEX(Jesper!$R$2:$R$366,ROW(INDEX(Jesper!AK$2:AK$366,ROUNDDOWN($C4011/24,0)+1,1))-1)+IF('Standard Profiles'!$G$21=$B$10,7,0)+IF('Standard Profiles'!$G$21=$B$17,14,0)+IF('Standard Profiles'!$G$21=$B$24,21,0),MOD($C4011,24)+1)/SUM(INDEX($D$3:$AA$30,INDEX(Jesper!$R$2:$R$366,ROW(INDEX(Jesper!AK$2:AK$366,ROUNDDOWN($C4011/24,0)+1,1))-1)+IF('Standard Profiles'!$G$21=$B$10,7,0)+IF('Standard Profiles'!$G$21=$B$17,14,0)+IF('Standard Profiles'!$G$21=$B$24,21,0),0)),0)</f>
        <v>0</v>
      </c>
      <c r="H4011" cm="1">
        <f t="array" ref="H4011">IFERROR(INDEX(Jesper!AL$2:AL$366,ROUNDDOWN($C4011/24,0)+1,1)*INDEX($D$3:$AA$30,INDEX(Jesper!$R$2:$R$366,ROW(INDEX(Jesper!AL$2:AL$366,ROUNDDOWN($C4011/24,0)+1,1))-1)+IF('Standard Profiles'!$G$22=$B$10,7,0)+IF('Standard Profiles'!$G$22=$B$17,14,0)+IF('Standard Profiles'!$G$22=$B$24,21,0),MOD($C4011,24)+1)/SUM(INDEX($D$3:$AA$30,INDEX(Jesper!$R$2:$R$366,ROW(INDEX(Jesper!AL$2:AL$366,ROUNDDOWN($C4011/24,0)+1,1))-1)+IF('Standard Profiles'!$G$22=$B$10,7,0)+IF('Standard Profiles'!$G$22=$B$17,14,0)+IF('Standard Profiles'!$G$22=$B$24,21,0),0)),0)</f>
        <v>0</v>
      </c>
      <c r="I4011">
        <f t="shared" si="454"/>
        <v>0.35100264251044977</v>
      </c>
      <c r="J4011">
        <f t="shared" si="455"/>
        <v>1.1700088083681661</v>
      </c>
      <c r="K4011">
        <f t="shared" si="456"/>
        <v>1.7550132125522488</v>
      </c>
      <c r="L4011">
        <f t="shared" si="457"/>
        <v>8.4240634202507945</v>
      </c>
      <c r="M4011">
        <f t="shared" si="458"/>
        <v>0</v>
      </c>
      <c r="N4011" s="46">
        <f t="shared" si="459"/>
        <v>45457.708333323688</v>
      </c>
    </row>
    <row r="4012" spans="2:14" x14ac:dyDescent="0.3">
      <c r="B4012">
        <f t="shared" si="453"/>
        <v>5</v>
      </c>
      <c r="C4012" s="16">
        <v>3978</v>
      </c>
      <c r="D4012" cm="1">
        <f t="array" ref="D4012">IFERROR(INDEX(Jesper!AH$2:AH$366,ROUNDDOWN($C4012/24,0)+1,1)*INDEX($D$3:$AA$30,INDEX(Jesper!$R$2:$R$366,ROW(INDEX(Jesper!AH$2:AH$366,ROUNDDOWN($C4012/24,0)+1,1))-1)+IF('Standard Profiles'!$G$18=$B$10,7,0)+IF('Standard Profiles'!$G$18=$B$17,14,0)+IF('Standard Profiles'!$G$18=$B$24,21,0),MOD($C4012,24)+1)/SUM(INDEX($D$3:$AA$30,INDEX(Jesper!$R$2:$R$366,ROW(INDEX(Jesper!AH$2:AH$366,ROUNDDOWN($C4012/24,0)+1,1))-1)+IF('Standard Profiles'!$G$18=$B$10,7,0)+IF('Standard Profiles'!$G$18=$B$17,14,0)+IF('Standard Profiles'!$G$18=$B$24,21,0),0)),0)</f>
        <v>11.70008808368166</v>
      </c>
      <c r="E4012" cm="1">
        <f t="array" ref="E4012">IFERROR(INDEX(Jesper!AI$2:AI$366,ROUNDDOWN($C4012/24,0)+1,1)*INDEX($D$3:$AA$30,INDEX(Jesper!$R$2:$R$366,ROW(INDEX(Jesper!AI$2:AI$366,ROUNDDOWN($C4012/24,0)+1,1))-1)+IF('Standard Profiles'!$G$19=$B$10,7,0)+IF('Standard Profiles'!$G$19=$B$17,14,0)+IF('Standard Profiles'!$G$19=$B$24,21,0),MOD($C4012,24)+1)/SUM(INDEX($D$3:$AA$30,INDEX(Jesper!$R$2:$R$366,ROW(INDEX(Jesper!AI$2:AI$366,ROUNDDOWN($C4012/24,0)+1,1))-1)+IF('Standard Profiles'!$G$19=$B$10,7,0)+IF('Standard Profiles'!$G$19=$B$17,14,0)+IF('Standard Profiles'!$G$19=$B$24,21,0),0)),0)</f>
        <v>0</v>
      </c>
      <c r="F4012" cm="1">
        <f t="array" ref="F4012">IFERROR(INDEX(Jesper!AJ$2:AJ$366,ROUNDDOWN($C4012/24,0)+1,1)*INDEX($D$3:$AA$30,INDEX(Jesper!$R$2:$R$366,ROW(INDEX(Jesper!AJ$2:AJ$366,ROUNDDOWN($C4012/24,0)+1,1))-1)+IF('Standard Profiles'!$G$20=$B$10,7,0)+IF('Standard Profiles'!$G$20=$B$17,14,0)+IF('Standard Profiles'!$G$20=$B$24,21,0),MOD($C4012,24)+1)/SUM(INDEX($D$3:$AA$30,INDEX(Jesper!$R$2:$R$366,ROW(INDEX(Jesper!AJ$2:AJ$366,ROUNDDOWN($C4012/24,0)+1,1))-1)+IF('Standard Profiles'!$G$20=$B$10,7,0)+IF('Standard Profiles'!$G$20=$B$17,14,0)+IF('Standard Profiles'!$G$20=$B$24,21,0),0)),0)</f>
        <v>0</v>
      </c>
      <c r="G4012" cm="1">
        <f t="array" ref="G4012">IFERROR(INDEX(Jesper!AK$2:AK$366,ROUNDDOWN($C4012/24,0)+1,1)*INDEX($D$3:$AA$30,INDEX(Jesper!$R$2:$R$366,ROW(INDEX(Jesper!AK$2:AK$366,ROUNDDOWN($C4012/24,0)+1,1))-1)+IF('Standard Profiles'!$G$21=$B$10,7,0)+IF('Standard Profiles'!$G$21=$B$17,14,0)+IF('Standard Profiles'!$G$21=$B$24,21,0),MOD($C4012,24)+1)/SUM(INDEX($D$3:$AA$30,INDEX(Jesper!$R$2:$R$366,ROW(INDEX(Jesper!AK$2:AK$366,ROUNDDOWN($C4012/24,0)+1,1))-1)+IF('Standard Profiles'!$G$21=$B$10,7,0)+IF('Standard Profiles'!$G$21=$B$17,14,0)+IF('Standard Profiles'!$G$21=$B$24,21,0),0)),0)</f>
        <v>0</v>
      </c>
      <c r="H4012" cm="1">
        <f t="array" ref="H4012">IFERROR(INDEX(Jesper!AL$2:AL$366,ROUNDDOWN($C4012/24,0)+1,1)*INDEX($D$3:$AA$30,INDEX(Jesper!$R$2:$R$366,ROW(INDEX(Jesper!AL$2:AL$366,ROUNDDOWN($C4012/24,0)+1,1))-1)+IF('Standard Profiles'!$G$22=$B$10,7,0)+IF('Standard Profiles'!$G$22=$B$17,14,0)+IF('Standard Profiles'!$G$22=$B$24,21,0),MOD($C4012,24)+1)/SUM(INDEX($D$3:$AA$30,INDEX(Jesper!$R$2:$R$366,ROW(INDEX(Jesper!AL$2:AL$366,ROUNDDOWN($C4012/24,0)+1,1))-1)+IF('Standard Profiles'!$G$22=$B$10,7,0)+IF('Standard Profiles'!$G$22=$B$17,14,0)+IF('Standard Profiles'!$G$22=$B$24,21,0),0)),0)</f>
        <v>0</v>
      </c>
      <c r="I4012">
        <f t="shared" si="454"/>
        <v>0.35100264251044977</v>
      </c>
      <c r="J4012">
        <f t="shared" si="455"/>
        <v>1.1700088083681661</v>
      </c>
      <c r="K4012">
        <f t="shared" si="456"/>
        <v>1.7550132125522488</v>
      </c>
      <c r="L4012">
        <f t="shared" si="457"/>
        <v>8.4240634202507945</v>
      </c>
      <c r="M4012">
        <f t="shared" si="458"/>
        <v>0</v>
      </c>
      <c r="N4012" s="46">
        <f t="shared" si="459"/>
        <v>45457.749999990352</v>
      </c>
    </row>
    <row r="4013" spans="2:14" x14ac:dyDescent="0.3">
      <c r="B4013">
        <f t="shared" si="453"/>
        <v>5</v>
      </c>
      <c r="C4013" s="16">
        <v>3979</v>
      </c>
      <c r="D4013" cm="1">
        <f t="array" ref="D4013">IFERROR(INDEX(Jesper!AH$2:AH$366,ROUNDDOWN($C4013/24,0)+1,1)*INDEX($D$3:$AA$30,INDEX(Jesper!$R$2:$R$366,ROW(INDEX(Jesper!AH$2:AH$366,ROUNDDOWN($C4013/24,0)+1,1))-1)+IF('Standard Profiles'!$G$18=$B$10,7,0)+IF('Standard Profiles'!$G$18=$B$17,14,0)+IF('Standard Profiles'!$G$18=$B$24,21,0),MOD($C4013,24)+1)/SUM(INDEX($D$3:$AA$30,INDEX(Jesper!$R$2:$R$366,ROW(INDEX(Jesper!AH$2:AH$366,ROUNDDOWN($C4013/24,0)+1,1))-1)+IF('Standard Profiles'!$G$18=$B$10,7,0)+IF('Standard Profiles'!$G$18=$B$17,14,0)+IF('Standard Profiles'!$G$18=$B$24,21,0),0)),0)</f>
        <v>11.70008808368166</v>
      </c>
      <c r="E4013" cm="1">
        <f t="array" ref="E4013">IFERROR(INDEX(Jesper!AI$2:AI$366,ROUNDDOWN($C4013/24,0)+1,1)*INDEX($D$3:$AA$30,INDEX(Jesper!$R$2:$R$366,ROW(INDEX(Jesper!AI$2:AI$366,ROUNDDOWN($C4013/24,0)+1,1))-1)+IF('Standard Profiles'!$G$19=$B$10,7,0)+IF('Standard Profiles'!$G$19=$B$17,14,0)+IF('Standard Profiles'!$G$19=$B$24,21,0),MOD($C4013,24)+1)/SUM(INDEX($D$3:$AA$30,INDEX(Jesper!$R$2:$R$366,ROW(INDEX(Jesper!AI$2:AI$366,ROUNDDOWN($C4013/24,0)+1,1))-1)+IF('Standard Profiles'!$G$19=$B$10,7,0)+IF('Standard Profiles'!$G$19=$B$17,14,0)+IF('Standard Profiles'!$G$19=$B$24,21,0),0)),0)</f>
        <v>0</v>
      </c>
      <c r="F4013" cm="1">
        <f t="array" ref="F4013">IFERROR(INDEX(Jesper!AJ$2:AJ$366,ROUNDDOWN($C4013/24,0)+1,1)*INDEX($D$3:$AA$30,INDEX(Jesper!$R$2:$R$366,ROW(INDEX(Jesper!AJ$2:AJ$366,ROUNDDOWN($C4013/24,0)+1,1))-1)+IF('Standard Profiles'!$G$20=$B$10,7,0)+IF('Standard Profiles'!$G$20=$B$17,14,0)+IF('Standard Profiles'!$G$20=$B$24,21,0),MOD($C4013,24)+1)/SUM(INDEX($D$3:$AA$30,INDEX(Jesper!$R$2:$R$366,ROW(INDEX(Jesper!AJ$2:AJ$366,ROUNDDOWN($C4013/24,0)+1,1))-1)+IF('Standard Profiles'!$G$20=$B$10,7,0)+IF('Standard Profiles'!$G$20=$B$17,14,0)+IF('Standard Profiles'!$G$20=$B$24,21,0),0)),0)</f>
        <v>0</v>
      </c>
      <c r="G4013" cm="1">
        <f t="array" ref="G4013">IFERROR(INDEX(Jesper!AK$2:AK$366,ROUNDDOWN($C4013/24,0)+1,1)*INDEX($D$3:$AA$30,INDEX(Jesper!$R$2:$R$366,ROW(INDEX(Jesper!AK$2:AK$366,ROUNDDOWN($C4013/24,0)+1,1))-1)+IF('Standard Profiles'!$G$21=$B$10,7,0)+IF('Standard Profiles'!$G$21=$B$17,14,0)+IF('Standard Profiles'!$G$21=$B$24,21,0),MOD($C4013,24)+1)/SUM(INDEX($D$3:$AA$30,INDEX(Jesper!$R$2:$R$366,ROW(INDEX(Jesper!AK$2:AK$366,ROUNDDOWN($C4013/24,0)+1,1))-1)+IF('Standard Profiles'!$G$21=$B$10,7,0)+IF('Standard Profiles'!$G$21=$B$17,14,0)+IF('Standard Profiles'!$G$21=$B$24,21,0),0)),0)</f>
        <v>0</v>
      </c>
      <c r="H4013" cm="1">
        <f t="array" ref="H4013">IFERROR(INDEX(Jesper!AL$2:AL$366,ROUNDDOWN($C4013/24,0)+1,1)*INDEX($D$3:$AA$30,INDEX(Jesper!$R$2:$R$366,ROW(INDEX(Jesper!AL$2:AL$366,ROUNDDOWN($C4013/24,0)+1,1))-1)+IF('Standard Profiles'!$G$22=$B$10,7,0)+IF('Standard Profiles'!$G$22=$B$17,14,0)+IF('Standard Profiles'!$G$22=$B$24,21,0),MOD($C4013,24)+1)/SUM(INDEX($D$3:$AA$30,INDEX(Jesper!$R$2:$R$366,ROW(INDEX(Jesper!AL$2:AL$366,ROUNDDOWN($C4013/24,0)+1,1))-1)+IF('Standard Profiles'!$G$22=$B$10,7,0)+IF('Standard Profiles'!$G$22=$B$17,14,0)+IF('Standard Profiles'!$G$22=$B$24,21,0),0)),0)</f>
        <v>0</v>
      </c>
      <c r="I4013">
        <f t="shared" si="454"/>
        <v>0.35100264251044977</v>
      </c>
      <c r="J4013">
        <f t="shared" si="455"/>
        <v>1.1700088083681661</v>
      </c>
      <c r="K4013">
        <f t="shared" si="456"/>
        <v>1.7550132125522488</v>
      </c>
      <c r="L4013">
        <f t="shared" si="457"/>
        <v>8.4240634202507945</v>
      </c>
      <c r="M4013">
        <f t="shared" si="458"/>
        <v>0</v>
      </c>
      <c r="N4013" s="46">
        <f t="shared" si="459"/>
        <v>45457.791666657016</v>
      </c>
    </row>
    <row r="4014" spans="2:14" x14ac:dyDescent="0.3">
      <c r="B4014">
        <f t="shared" si="453"/>
        <v>5</v>
      </c>
      <c r="C4014" s="16">
        <v>3980</v>
      </c>
      <c r="D4014" cm="1">
        <f t="array" ref="D4014">IFERROR(INDEX(Jesper!AH$2:AH$366,ROUNDDOWN($C4014/24,0)+1,1)*INDEX($D$3:$AA$30,INDEX(Jesper!$R$2:$R$366,ROW(INDEX(Jesper!AH$2:AH$366,ROUNDDOWN($C4014/24,0)+1,1))-1)+IF('Standard Profiles'!$G$18=$B$10,7,0)+IF('Standard Profiles'!$G$18=$B$17,14,0)+IF('Standard Profiles'!$G$18=$B$24,21,0),MOD($C4014,24)+1)/SUM(INDEX($D$3:$AA$30,INDEX(Jesper!$R$2:$R$366,ROW(INDEX(Jesper!AH$2:AH$366,ROUNDDOWN($C4014/24,0)+1,1))-1)+IF('Standard Profiles'!$G$18=$B$10,7,0)+IF('Standard Profiles'!$G$18=$B$17,14,0)+IF('Standard Profiles'!$G$18=$B$24,21,0),0)),0)</f>
        <v>9.0634485155280462</v>
      </c>
      <c r="E4014" cm="1">
        <f t="array" ref="E4014">IFERROR(INDEX(Jesper!AI$2:AI$366,ROUNDDOWN($C4014/24,0)+1,1)*INDEX($D$3:$AA$30,INDEX(Jesper!$R$2:$R$366,ROW(INDEX(Jesper!AI$2:AI$366,ROUNDDOWN($C4014/24,0)+1,1))-1)+IF('Standard Profiles'!$G$19=$B$10,7,0)+IF('Standard Profiles'!$G$19=$B$17,14,0)+IF('Standard Profiles'!$G$19=$B$24,21,0),MOD($C4014,24)+1)/SUM(INDEX($D$3:$AA$30,INDEX(Jesper!$R$2:$R$366,ROW(INDEX(Jesper!AI$2:AI$366,ROUNDDOWN($C4014/24,0)+1,1))-1)+IF('Standard Profiles'!$G$19=$B$10,7,0)+IF('Standard Profiles'!$G$19=$B$17,14,0)+IF('Standard Profiles'!$G$19=$B$24,21,0),0)),0)</f>
        <v>0</v>
      </c>
      <c r="F4014" cm="1">
        <f t="array" ref="F4014">IFERROR(INDEX(Jesper!AJ$2:AJ$366,ROUNDDOWN($C4014/24,0)+1,1)*INDEX($D$3:$AA$30,INDEX(Jesper!$R$2:$R$366,ROW(INDEX(Jesper!AJ$2:AJ$366,ROUNDDOWN($C4014/24,0)+1,1))-1)+IF('Standard Profiles'!$G$20=$B$10,7,0)+IF('Standard Profiles'!$G$20=$B$17,14,0)+IF('Standard Profiles'!$G$20=$B$24,21,0),MOD($C4014,24)+1)/SUM(INDEX($D$3:$AA$30,INDEX(Jesper!$R$2:$R$366,ROW(INDEX(Jesper!AJ$2:AJ$366,ROUNDDOWN($C4014/24,0)+1,1))-1)+IF('Standard Profiles'!$G$20=$B$10,7,0)+IF('Standard Profiles'!$G$20=$B$17,14,0)+IF('Standard Profiles'!$G$20=$B$24,21,0),0)),0)</f>
        <v>0</v>
      </c>
      <c r="G4014" cm="1">
        <f t="array" ref="G4014">IFERROR(INDEX(Jesper!AK$2:AK$366,ROUNDDOWN($C4014/24,0)+1,1)*INDEX($D$3:$AA$30,INDEX(Jesper!$R$2:$R$366,ROW(INDEX(Jesper!AK$2:AK$366,ROUNDDOWN($C4014/24,0)+1,1))-1)+IF('Standard Profiles'!$G$21=$B$10,7,0)+IF('Standard Profiles'!$G$21=$B$17,14,0)+IF('Standard Profiles'!$G$21=$B$24,21,0),MOD($C4014,24)+1)/SUM(INDEX($D$3:$AA$30,INDEX(Jesper!$R$2:$R$366,ROW(INDEX(Jesper!AK$2:AK$366,ROUNDDOWN($C4014/24,0)+1,1))-1)+IF('Standard Profiles'!$G$21=$B$10,7,0)+IF('Standard Profiles'!$G$21=$B$17,14,0)+IF('Standard Profiles'!$G$21=$B$24,21,0),0)),0)</f>
        <v>0</v>
      </c>
      <c r="H4014" cm="1">
        <f t="array" ref="H4014">IFERROR(INDEX(Jesper!AL$2:AL$366,ROUNDDOWN($C4014/24,0)+1,1)*INDEX($D$3:$AA$30,INDEX(Jesper!$R$2:$R$366,ROW(INDEX(Jesper!AL$2:AL$366,ROUNDDOWN($C4014/24,0)+1,1))-1)+IF('Standard Profiles'!$G$22=$B$10,7,0)+IF('Standard Profiles'!$G$22=$B$17,14,0)+IF('Standard Profiles'!$G$22=$B$24,21,0),MOD($C4014,24)+1)/SUM(INDEX($D$3:$AA$30,INDEX(Jesper!$R$2:$R$366,ROW(INDEX(Jesper!AL$2:AL$366,ROUNDDOWN($C4014/24,0)+1,1))-1)+IF('Standard Profiles'!$G$22=$B$10,7,0)+IF('Standard Profiles'!$G$22=$B$17,14,0)+IF('Standard Profiles'!$G$22=$B$24,21,0),0)),0)</f>
        <v>0</v>
      </c>
      <c r="I4014">
        <f t="shared" si="454"/>
        <v>0.27190345546584138</v>
      </c>
      <c r="J4014">
        <f t="shared" si="455"/>
        <v>0.90634485155280464</v>
      </c>
      <c r="K4014">
        <f t="shared" si="456"/>
        <v>1.3595172773292068</v>
      </c>
      <c r="L4014">
        <f t="shared" si="457"/>
        <v>6.5256829311801932</v>
      </c>
      <c r="M4014">
        <f t="shared" si="458"/>
        <v>0</v>
      </c>
      <c r="N4014" s="46">
        <f t="shared" si="459"/>
        <v>45457.833333323681</v>
      </c>
    </row>
    <row r="4015" spans="2:14" x14ac:dyDescent="0.3">
      <c r="B4015">
        <f t="shared" si="453"/>
        <v>5</v>
      </c>
      <c r="C4015" s="16">
        <v>3981</v>
      </c>
      <c r="D4015" cm="1">
        <f t="array" ref="D4015">IFERROR(INDEX(Jesper!AH$2:AH$366,ROUNDDOWN($C4015/24,0)+1,1)*INDEX($D$3:$AA$30,INDEX(Jesper!$R$2:$R$366,ROW(INDEX(Jesper!AH$2:AH$366,ROUNDDOWN($C4015/24,0)+1,1))-1)+IF('Standard Profiles'!$G$18=$B$10,7,0)+IF('Standard Profiles'!$G$18=$B$17,14,0)+IF('Standard Profiles'!$G$18=$B$24,21,0),MOD($C4015,24)+1)/SUM(INDEX($D$3:$AA$30,INDEX(Jesper!$R$2:$R$366,ROW(INDEX(Jesper!AH$2:AH$366,ROUNDDOWN($C4015/24,0)+1,1))-1)+IF('Standard Profiles'!$G$18=$B$10,7,0)+IF('Standard Profiles'!$G$18=$B$17,14,0)+IF('Standard Profiles'!$G$18=$B$24,21,0),0)),0)</f>
        <v>3.4605894332016174</v>
      </c>
      <c r="E4015" cm="1">
        <f t="array" ref="E4015">IFERROR(INDEX(Jesper!AI$2:AI$366,ROUNDDOWN($C4015/24,0)+1,1)*INDEX($D$3:$AA$30,INDEX(Jesper!$R$2:$R$366,ROW(INDEX(Jesper!AI$2:AI$366,ROUNDDOWN($C4015/24,0)+1,1))-1)+IF('Standard Profiles'!$G$19=$B$10,7,0)+IF('Standard Profiles'!$G$19=$B$17,14,0)+IF('Standard Profiles'!$G$19=$B$24,21,0),MOD($C4015,24)+1)/SUM(INDEX($D$3:$AA$30,INDEX(Jesper!$R$2:$R$366,ROW(INDEX(Jesper!AI$2:AI$366,ROUNDDOWN($C4015/24,0)+1,1))-1)+IF('Standard Profiles'!$G$19=$B$10,7,0)+IF('Standard Profiles'!$G$19=$B$17,14,0)+IF('Standard Profiles'!$G$19=$B$24,21,0),0)),0)</f>
        <v>0</v>
      </c>
      <c r="F4015" cm="1">
        <f t="array" ref="F4015">IFERROR(INDEX(Jesper!AJ$2:AJ$366,ROUNDDOWN($C4015/24,0)+1,1)*INDEX($D$3:$AA$30,INDEX(Jesper!$R$2:$R$366,ROW(INDEX(Jesper!AJ$2:AJ$366,ROUNDDOWN($C4015/24,0)+1,1))-1)+IF('Standard Profiles'!$G$20=$B$10,7,0)+IF('Standard Profiles'!$G$20=$B$17,14,0)+IF('Standard Profiles'!$G$20=$B$24,21,0),MOD($C4015,24)+1)/SUM(INDEX($D$3:$AA$30,INDEX(Jesper!$R$2:$R$366,ROW(INDEX(Jesper!AJ$2:AJ$366,ROUNDDOWN($C4015/24,0)+1,1))-1)+IF('Standard Profiles'!$G$20=$B$10,7,0)+IF('Standard Profiles'!$G$20=$B$17,14,0)+IF('Standard Profiles'!$G$20=$B$24,21,0),0)),0)</f>
        <v>0</v>
      </c>
      <c r="G4015" cm="1">
        <f t="array" ref="G4015">IFERROR(INDEX(Jesper!AK$2:AK$366,ROUNDDOWN($C4015/24,0)+1,1)*INDEX($D$3:$AA$30,INDEX(Jesper!$R$2:$R$366,ROW(INDEX(Jesper!AK$2:AK$366,ROUNDDOWN($C4015/24,0)+1,1))-1)+IF('Standard Profiles'!$G$21=$B$10,7,0)+IF('Standard Profiles'!$G$21=$B$17,14,0)+IF('Standard Profiles'!$G$21=$B$24,21,0),MOD($C4015,24)+1)/SUM(INDEX($D$3:$AA$30,INDEX(Jesper!$R$2:$R$366,ROW(INDEX(Jesper!AK$2:AK$366,ROUNDDOWN($C4015/24,0)+1,1))-1)+IF('Standard Profiles'!$G$21=$B$10,7,0)+IF('Standard Profiles'!$G$21=$B$17,14,0)+IF('Standard Profiles'!$G$21=$B$24,21,0),0)),0)</f>
        <v>0</v>
      </c>
      <c r="H4015" cm="1">
        <f t="array" ref="H4015">IFERROR(INDEX(Jesper!AL$2:AL$366,ROUNDDOWN($C4015/24,0)+1,1)*INDEX($D$3:$AA$30,INDEX(Jesper!$R$2:$R$366,ROW(INDEX(Jesper!AL$2:AL$366,ROUNDDOWN($C4015/24,0)+1,1))-1)+IF('Standard Profiles'!$G$22=$B$10,7,0)+IF('Standard Profiles'!$G$22=$B$17,14,0)+IF('Standard Profiles'!$G$22=$B$24,21,0),MOD($C4015,24)+1)/SUM(INDEX($D$3:$AA$30,INDEX(Jesper!$R$2:$R$366,ROW(INDEX(Jesper!AL$2:AL$366,ROUNDDOWN($C4015/24,0)+1,1))-1)+IF('Standard Profiles'!$G$22=$B$10,7,0)+IF('Standard Profiles'!$G$22=$B$17,14,0)+IF('Standard Profiles'!$G$22=$B$24,21,0),0)),0)</f>
        <v>0</v>
      </c>
      <c r="I4015">
        <f t="shared" si="454"/>
        <v>0.10381768299604852</v>
      </c>
      <c r="J4015">
        <f t="shared" si="455"/>
        <v>0.34605894332016174</v>
      </c>
      <c r="K4015">
        <f t="shared" si="456"/>
        <v>0.51908841498024261</v>
      </c>
      <c r="L4015">
        <f t="shared" si="457"/>
        <v>2.4916243919051646</v>
      </c>
      <c r="M4015">
        <f t="shared" si="458"/>
        <v>0</v>
      </c>
      <c r="N4015" s="46">
        <f t="shared" si="459"/>
        <v>45457.874999990345</v>
      </c>
    </row>
    <row r="4016" spans="2:14" x14ac:dyDescent="0.3">
      <c r="B4016">
        <f t="shared" si="453"/>
        <v>5</v>
      </c>
      <c r="C4016" s="16">
        <v>3982</v>
      </c>
      <c r="D4016" cm="1">
        <f t="array" ref="D4016">IFERROR(INDEX(Jesper!AH$2:AH$366,ROUNDDOWN($C4016/24,0)+1,1)*INDEX($D$3:$AA$30,INDEX(Jesper!$R$2:$R$366,ROW(INDEX(Jesper!AH$2:AH$366,ROUNDDOWN($C4016/24,0)+1,1))-1)+IF('Standard Profiles'!$G$18=$B$10,7,0)+IF('Standard Profiles'!$G$18=$B$17,14,0)+IF('Standard Profiles'!$G$18=$B$24,21,0),MOD($C4016,24)+1)/SUM(INDEX($D$3:$AA$30,INDEX(Jesper!$R$2:$R$366,ROW(INDEX(Jesper!AH$2:AH$366,ROUNDDOWN($C4016/24,0)+1,1))-1)+IF('Standard Profiles'!$G$18=$B$10,7,0)+IF('Standard Profiles'!$G$18=$B$17,14,0)+IF('Standard Profiles'!$G$18=$B$24,21,0),0)),0)</f>
        <v>3.4605894332016174</v>
      </c>
      <c r="E4016" cm="1">
        <f t="array" ref="E4016">IFERROR(INDEX(Jesper!AI$2:AI$366,ROUNDDOWN($C4016/24,0)+1,1)*INDEX($D$3:$AA$30,INDEX(Jesper!$R$2:$R$366,ROW(INDEX(Jesper!AI$2:AI$366,ROUNDDOWN($C4016/24,0)+1,1))-1)+IF('Standard Profiles'!$G$19=$B$10,7,0)+IF('Standard Profiles'!$G$19=$B$17,14,0)+IF('Standard Profiles'!$G$19=$B$24,21,0),MOD($C4016,24)+1)/SUM(INDEX($D$3:$AA$30,INDEX(Jesper!$R$2:$R$366,ROW(INDEX(Jesper!AI$2:AI$366,ROUNDDOWN($C4016/24,0)+1,1))-1)+IF('Standard Profiles'!$G$19=$B$10,7,0)+IF('Standard Profiles'!$G$19=$B$17,14,0)+IF('Standard Profiles'!$G$19=$B$24,21,0),0)),0)</f>
        <v>0</v>
      </c>
      <c r="F4016" cm="1">
        <f t="array" ref="F4016">IFERROR(INDEX(Jesper!AJ$2:AJ$366,ROUNDDOWN($C4016/24,0)+1,1)*INDEX($D$3:$AA$30,INDEX(Jesper!$R$2:$R$366,ROW(INDEX(Jesper!AJ$2:AJ$366,ROUNDDOWN($C4016/24,0)+1,1))-1)+IF('Standard Profiles'!$G$20=$B$10,7,0)+IF('Standard Profiles'!$G$20=$B$17,14,0)+IF('Standard Profiles'!$G$20=$B$24,21,0),MOD($C4016,24)+1)/SUM(INDEX($D$3:$AA$30,INDEX(Jesper!$R$2:$R$366,ROW(INDEX(Jesper!AJ$2:AJ$366,ROUNDDOWN($C4016/24,0)+1,1))-1)+IF('Standard Profiles'!$G$20=$B$10,7,0)+IF('Standard Profiles'!$G$20=$B$17,14,0)+IF('Standard Profiles'!$G$20=$B$24,21,0),0)),0)</f>
        <v>0</v>
      </c>
      <c r="G4016" cm="1">
        <f t="array" ref="G4016">IFERROR(INDEX(Jesper!AK$2:AK$366,ROUNDDOWN($C4016/24,0)+1,1)*INDEX($D$3:$AA$30,INDEX(Jesper!$R$2:$R$366,ROW(INDEX(Jesper!AK$2:AK$366,ROUNDDOWN($C4016/24,0)+1,1))-1)+IF('Standard Profiles'!$G$21=$B$10,7,0)+IF('Standard Profiles'!$G$21=$B$17,14,0)+IF('Standard Profiles'!$G$21=$B$24,21,0),MOD($C4016,24)+1)/SUM(INDEX($D$3:$AA$30,INDEX(Jesper!$R$2:$R$366,ROW(INDEX(Jesper!AK$2:AK$366,ROUNDDOWN($C4016/24,0)+1,1))-1)+IF('Standard Profiles'!$G$21=$B$10,7,0)+IF('Standard Profiles'!$G$21=$B$17,14,0)+IF('Standard Profiles'!$G$21=$B$24,21,0),0)),0)</f>
        <v>0</v>
      </c>
      <c r="H4016" cm="1">
        <f t="array" ref="H4016">IFERROR(INDEX(Jesper!AL$2:AL$366,ROUNDDOWN($C4016/24,0)+1,1)*INDEX($D$3:$AA$30,INDEX(Jesper!$R$2:$R$366,ROW(INDEX(Jesper!AL$2:AL$366,ROUNDDOWN($C4016/24,0)+1,1))-1)+IF('Standard Profiles'!$G$22=$B$10,7,0)+IF('Standard Profiles'!$G$22=$B$17,14,0)+IF('Standard Profiles'!$G$22=$B$24,21,0),MOD($C4016,24)+1)/SUM(INDEX($D$3:$AA$30,INDEX(Jesper!$R$2:$R$366,ROW(INDEX(Jesper!AL$2:AL$366,ROUNDDOWN($C4016/24,0)+1,1))-1)+IF('Standard Profiles'!$G$22=$B$10,7,0)+IF('Standard Profiles'!$G$22=$B$17,14,0)+IF('Standard Profiles'!$G$22=$B$24,21,0),0)),0)</f>
        <v>0</v>
      </c>
      <c r="I4016">
        <f t="shared" si="454"/>
        <v>0.10381768299604852</v>
      </c>
      <c r="J4016">
        <f t="shared" si="455"/>
        <v>0.34605894332016174</v>
      </c>
      <c r="K4016">
        <f t="shared" si="456"/>
        <v>0.51908841498024261</v>
      </c>
      <c r="L4016">
        <f t="shared" si="457"/>
        <v>2.4916243919051646</v>
      </c>
      <c r="M4016">
        <f t="shared" si="458"/>
        <v>0</v>
      </c>
      <c r="N4016" s="46">
        <f t="shared" si="459"/>
        <v>45457.916666657009</v>
      </c>
    </row>
    <row r="4017" spans="2:14" x14ac:dyDescent="0.3">
      <c r="B4017">
        <f t="shared" si="453"/>
        <v>5</v>
      </c>
      <c r="C4017" s="16">
        <v>3983</v>
      </c>
      <c r="D4017" cm="1">
        <f t="array" ref="D4017">IFERROR(INDEX(Jesper!AH$2:AH$366,ROUNDDOWN($C4017/24,0)+1,1)*INDEX($D$3:$AA$30,INDEX(Jesper!$R$2:$R$366,ROW(INDEX(Jesper!AH$2:AH$366,ROUNDDOWN($C4017/24,0)+1,1))-1)+IF('Standard Profiles'!$G$18=$B$10,7,0)+IF('Standard Profiles'!$G$18=$B$17,14,0)+IF('Standard Profiles'!$G$18=$B$24,21,0),MOD($C4017,24)+1)/SUM(INDEX($D$3:$AA$30,INDEX(Jesper!$R$2:$R$366,ROW(INDEX(Jesper!AH$2:AH$366,ROUNDDOWN($C4017/24,0)+1,1))-1)+IF('Standard Profiles'!$G$18=$B$10,7,0)+IF('Standard Profiles'!$G$18=$B$17,14,0)+IF('Standard Profiles'!$G$18=$B$24,21,0),0)),0)</f>
        <v>3.4605894332016174</v>
      </c>
      <c r="E4017" cm="1">
        <f t="array" ref="E4017">IFERROR(INDEX(Jesper!AI$2:AI$366,ROUNDDOWN($C4017/24,0)+1,1)*INDEX($D$3:$AA$30,INDEX(Jesper!$R$2:$R$366,ROW(INDEX(Jesper!AI$2:AI$366,ROUNDDOWN($C4017/24,0)+1,1))-1)+IF('Standard Profiles'!$G$19=$B$10,7,0)+IF('Standard Profiles'!$G$19=$B$17,14,0)+IF('Standard Profiles'!$G$19=$B$24,21,0),MOD($C4017,24)+1)/SUM(INDEX($D$3:$AA$30,INDEX(Jesper!$R$2:$R$366,ROW(INDEX(Jesper!AI$2:AI$366,ROUNDDOWN($C4017/24,0)+1,1))-1)+IF('Standard Profiles'!$G$19=$B$10,7,0)+IF('Standard Profiles'!$G$19=$B$17,14,0)+IF('Standard Profiles'!$G$19=$B$24,21,0),0)),0)</f>
        <v>0</v>
      </c>
      <c r="F4017" cm="1">
        <f t="array" ref="F4017">IFERROR(INDEX(Jesper!AJ$2:AJ$366,ROUNDDOWN($C4017/24,0)+1,1)*INDEX($D$3:$AA$30,INDEX(Jesper!$R$2:$R$366,ROW(INDEX(Jesper!AJ$2:AJ$366,ROUNDDOWN($C4017/24,0)+1,1))-1)+IF('Standard Profiles'!$G$20=$B$10,7,0)+IF('Standard Profiles'!$G$20=$B$17,14,0)+IF('Standard Profiles'!$G$20=$B$24,21,0),MOD($C4017,24)+1)/SUM(INDEX($D$3:$AA$30,INDEX(Jesper!$R$2:$R$366,ROW(INDEX(Jesper!AJ$2:AJ$366,ROUNDDOWN($C4017/24,0)+1,1))-1)+IF('Standard Profiles'!$G$20=$B$10,7,0)+IF('Standard Profiles'!$G$20=$B$17,14,0)+IF('Standard Profiles'!$G$20=$B$24,21,0),0)),0)</f>
        <v>0</v>
      </c>
      <c r="G4017" cm="1">
        <f t="array" ref="G4017">IFERROR(INDEX(Jesper!AK$2:AK$366,ROUNDDOWN($C4017/24,0)+1,1)*INDEX($D$3:$AA$30,INDEX(Jesper!$R$2:$R$366,ROW(INDEX(Jesper!AK$2:AK$366,ROUNDDOWN($C4017/24,0)+1,1))-1)+IF('Standard Profiles'!$G$21=$B$10,7,0)+IF('Standard Profiles'!$G$21=$B$17,14,0)+IF('Standard Profiles'!$G$21=$B$24,21,0),MOD($C4017,24)+1)/SUM(INDEX($D$3:$AA$30,INDEX(Jesper!$R$2:$R$366,ROW(INDEX(Jesper!AK$2:AK$366,ROUNDDOWN($C4017/24,0)+1,1))-1)+IF('Standard Profiles'!$G$21=$B$10,7,0)+IF('Standard Profiles'!$G$21=$B$17,14,0)+IF('Standard Profiles'!$G$21=$B$24,21,0),0)),0)</f>
        <v>0</v>
      </c>
      <c r="H4017" cm="1">
        <f t="array" ref="H4017">IFERROR(INDEX(Jesper!AL$2:AL$366,ROUNDDOWN($C4017/24,0)+1,1)*INDEX($D$3:$AA$30,INDEX(Jesper!$R$2:$R$366,ROW(INDEX(Jesper!AL$2:AL$366,ROUNDDOWN($C4017/24,0)+1,1))-1)+IF('Standard Profiles'!$G$22=$B$10,7,0)+IF('Standard Profiles'!$G$22=$B$17,14,0)+IF('Standard Profiles'!$G$22=$B$24,21,0),MOD($C4017,24)+1)/SUM(INDEX($D$3:$AA$30,INDEX(Jesper!$R$2:$R$366,ROW(INDEX(Jesper!AL$2:AL$366,ROUNDDOWN($C4017/24,0)+1,1))-1)+IF('Standard Profiles'!$G$22=$B$10,7,0)+IF('Standard Profiles'!$G$22=$B$17,14,0)+IF('Standard Profiles'!$G$22=$B$24,21,0),0)),0)</f>
        <v>0</v>
      </c>
      <c r="I4017">
        <f t="shared" si="454"/>
        <v>0.10381768299604852</v>
      </c>
      <c r="J4017">
        <f t="shared" si="455"/>
        <v>0.34605894332016174</v>
      </c>
      <c r="K4017">
        <f t="shared" si="456"/>
        <v>0.51908841498024261</v>
      </c>
      <c r="L4017">
        <f t="shared" si="457"/>
        <v>2.4916243919051646</v>
      </c>
      <c r="M4017">
        <f t="shared" si="458"/>
        <v>0</v>
      </c>
      <c r="N4017" s="46">
        <f t="shared" si="459"/>
        <v>45457.958333323673</v>
      </c>
    </row>
    <row r="4018" spans="2:14" x14ac:dyDescent="0.3">
      <c r="B4018">
        <f t="shared" si="453"/>
        <v>6</v>
      </c>
      <c r="C4018" s="16">
        <v>3984</v>
      </c>
      <c r="D4018" cm="1">
        <f t="array" ref="D4018">IFERROR(INDEX(Jesper!AH$2:AH$366,ROUNDDOWN($C4018/24,0)+1,1)*INDEX($D$3:$AA$30,INDEX(Jesper!$R$2:$R$366,ROW(INDEX(Jesper!AH$2:AH$366,ROUNDDOWN($C4018/24,0)+1,1))-1)+IF('Standard Profiles'!$G$18=$B$10,7,0)+IF('Standard Profiles'!$G$18=$B$17,14,0)+IF('Standard Profiles'!$G$18=$B$24,21,0),MOD($C4018,24)+1)/SUM(INDEX($D$3:$AA$30,INDEX(Jesper!$R$2:$R$366,ROW(INDEX(Jesper!AH$2:AH$366,ROUNDDOWN($C4018/24,0)+1,1))-1)+IF('Standard Profiles'!$G$18=$B$10,7,0)+IF('Standard Profiles'!$G$18=$B$17,14,0)+IF('Standard Profiles'!$G$18=$B$24,21,0),0)),0)</f>
        <v>3.2510538203981763</v>
      </c>
      <c r="E4018" cm="1">
        <f t="array" ref="E4018">IFERROR(INDEX(Jesper!AI$2:AI$366,ROUNDDOWN($C4018/24,0)+1,1)*INDEX($D$3:$AA$30,INDEX(Jesper!$R$2:$R$366,ROW(INDEX(Jesper!AI$2:AI$366,ROUNDDOWN($C4018/24,0)+1,1))-1)+IF('Standard Profiles'!$G$19=$B$10,7,0)+IF('Standard Profiles'!$G$19=$B$17,14,0)+IF('Standard Profiles'!$G$19=$B$24,21,0),MOD($C4018,24)+1)/SUM(INDEX($D$3:$AA$30,INDEX(Jesper!$R$2:$R$366,ROW(INDEX(Jesper!AI$2:AI$366,ROUNDDOWN($C4018/24,0)+1,1))-1)+IF('Standard Profiles'!$G$19=$B$10,7,0)+IF('Standard Profiles'!$G$19=$B$17,14,0)+IF('Standard Profiles'!$G$19=$B$24,21,0),0)),0)</f>
        <v>0.45063094460140801</v>
      </c>
      <c r="F4018" cm="1">
        <f t="array" ref="F4018">IFERROR(INDEX(Jesper!AJ$2:AJ$366,ROUNDDOWN($C4018/24,0)+1,1)*INDEX($D$3:$AA$30,INDEX(Jesper!$R$2:$R$366,ROW(INDEX(Jesper!AJ$2:AJ$366,ROUNDDOWN($C4018/24,0)+1,1))-1)+IF('Standard Profiles'!$G$20=$B$10,7,0)+IF('Standard Profiles'!$G$20=$B$17,14,0)+IF('Standard Profiles'!$G$20=$B$24,21,0),MOD($C4018,24)+1)/SUM(INDEX($D$3:$AA$30,INDEX(Jesper!$R$2:$R$366,ROW(INDEX(Jesper!AJ$2:AJ$366,ROUNDDOWN($C4018/24,0)+1,1))-1)+IF('Standard Profiles'!$G$20=$B$10,7,0)+IF('Standard Profiles'!$G$20=$B$17,14,0)+IF('Standard Profiles'!$G$20=$B$24,21,0),0)),0)</f>
        <v>0</v>
      </c>
      <c r="G4018" cm="1">
        <f t="array" ref="G4018">IFERROR(INDEX(Jesper!AK$2:AK$366,ROUNDDOWN($C4018/24,0)+1,1)*INDEX($D$3:$AA$30,INDEX(Jesper!$R$2:$R$366,ROW(INDEX(Jesper!AK$2:AK$366,ROUNDDOWN($C4018/24,0)+1,1))-1)+IF('Standard Profiles'!$G$21=$B$10,7,0)+IF('Standard Profiles'!$G$21=$B$17,14,0)+IF('Standard Profiles'!$G$21=$B$24,21,0),MOD($C4018,24)+1)/SUM(INDEX($D$3:$AA$30,INDEX(Jesper!$R$2:$R$366,ROW(INDEX(Jesper!AK$2:AK$366,ROUNDDOWN($C4018/24,0)+1,1))-1)+IF('Standard Profiles'!$G$21=$B$10,7,0)+IF('Standard Profiles'!$G$21=$B$17,14,0)+IF('Standard Profiles'!$G$21=$B$24,21,0),0)),0)</f>
        <v>0</v>
      </c>
      <c r="H4018" cm="1">
        <f t="array" ref="H4018">IFERROR(INDEX(Jesper!AL$2:AL$366,ROUNDDOWN($C4018/24,0)+1,1)*INDEX($D$3:$AA$30,INDEX(Jesper!$R$2:$R$366,ROW(INDEX(Jesper!AL$2:AL$366,ROUNDDOWN($C4018/24,0)+1,1))-1)+IF('Standard Profiles'!$G$22=$B$10,7,0)+IF('Standard Profiles'!$G$22=$B$17,14,0)+IF('Standard Profiles'!$G$22=$B$24,21,0),MOD($C4018,24)+1)/SUM(INDEX($D$3:$AA$30,INDEX(Jesper!$R$2:$R$366,ROW(INDEX(Jesper!AL$2:AL$366,ROUNDDOWN($C4018/24,0)+1,1))-1)+IF('Standard Profiles'!$G$22=$B$10,7,0)+IF('Standard Profiles'!$G$22=$B$17,14,0)+IF('Standard Profiles'!$G$22=$B$24,21,0),0)),0)</f>
        <v>0</v>
      </c>
      <c r="I4018">
        <f t="shared" si="454"/>
        <v>4.0597382396523253E-2</v>
      </c>
      <c r="J4018">
        <f t="shared" si="455"/>
        <v>0.13532460798841087</v>
      </c>
      <c r="K4018">
        <f t="shared" si="456"/>
        <v>0.20298691198261629</v>
      </c>
      <c r="L4018">
        <f t="shared" si="457"/>
        <v>3.3227758626320338</v>
      </c>
      <c r="M4018">
        <f t="shared" si="458"/>
        <v>0</v>
      </c>
      <c r="N4018" s="46">
        <f t="shared" si="459"/>
        <v>45457.999999990338</v>
      </c>
    </row>
    <row r="4019" spans="2:14" x14ac:dyDescent="0.3">
      <c r="B4019">
        <f t="shared" si="453"/>
        <v>6</v>
      </c>
      <c r="C4019" s="16">
        <v>3985</v>
      </c>
      <c r="D4019" cm="1">
        <f t="array" ref="D4019">IFERROR(INDEX(Jesper!AH$2:AH$366,ROUNDDOWN($C4019/24,0)+1,1)*INDEX($D$3:$AA$30,INDEX(Jesper!$R$2:$R$366,ROW(INDEX(Jesper!AH$2:AH$366,ROUNDDOWN($C4019/24,0)+1,1))-1)+IF('Standard Profiles'!$G$18=$B$10,7,0)+IF('Standard Profiles'!$G$18=$B$17,14,0)+IF('Standard Profiles'!$G$18=$B$24,21,0),MOD($C4019,24)+1)/SUM(INDEX($D$3:$AA$30,INDEX(Jesper!$R$2:$R$366,ROW(INDEX(Jesper!AH$2:AH$366,ROUNDDOWN($C4019/24,0)+1,1))-1)+IF('Standard Profiles'!$G$18=$B$10,7,0)+IF('Standard Profiles'!$G$18=$B$17,14,0)+IF('Standard Profiles'!$G$18=$B$24,21,0),0)),0)</f>
        <v>6.3472955541107261</v>
      </c>
      <c r="E4019" cm="1">
        <f t="array" ref="E4019">IFERROR(INDEX(Jesper!AI$2:AI$366,ROUNDDOWN($C4019/24,0)+1,1)*INDEX($D$3:$AA$30,INDEX(Jesper!$R$2:$R$366,ROW(INDEX(Jesper!AI$2:AI$366,ROUNDDOWN($C4019/24,0)+1,1))-1)+IF('Standard Profiles'!$G$19=$B$10,7,0)+IF('Standard Profiles'!$G$19=$B$17,14,0)+IF('Standard Profiles'!$G$19=$B$24,21,0),MOD($C4019,24)+1)/SUM(INDEX($D$3:$AA$30,INDEX(Jesper!$R$2:$R$366,ROW(INDEX(Jesper!AI$2:AI$366,ROUNDDOWN($C4019/24,0)+1,1))-1)+IF('Standard Profiles'!$G$19=$B$10,7,0)+IF('Standard Profiles'!$G$19=$B$17,14,0)+IF('Standard Profiles'!$G$19=$B$24,21,0),0)),0)</f>
        <v>0.87980327279322534</v>
      </c>
      <c r="F4019" cm="1">
        <f t="array" ref="F4019">IFERROR(INDEX(Jesper!AJ$2:AJ$366,ROUNDDOWN($C4019/24,0)+1,1)*INDEX($D$3:$AA$30,INDEX(Jesper!$R$2:$R$366,ROW(INDEX(Jesper!AJ$2:AJ$366,ROUNDDOWN($C4019/24,0)+1,1))-1)+IF('Standard Profiles'!$G$20=$B$10,7,0)+IF('Standard Profiles'!$G$20=$B$17,14,0)+IF('Standard Profiles'!$G$20=$B$24,21,0),MOD($C4019,24)+1)/SUM(INDEX($D$3:$AA$30,INDEX(Jesper!$R$2:$R$366,ROW(INDEX(Jesper!AJ$2:AJ$366,ROUNDDOWN($C4019/24,0)+1,1))-1)+IF('Standard Profiles'!$G$20=$B$10,7,0)+IF('Standard Profiles'!$G$20=$B$17,14,0)+IF('Standard Profiles'!$G$20=$B$24,21,0),0)),0)</f>
        <v>0</v>
      </c>
      <c r="G4019" cm="1">
        <f t="array" ref="G4019">IFERROR(INDEX(Jesper!AK$2:AK$366,ROUNDDOWN($C4019/24,0)+1,1)*INDEX($D$3:$AA$30,INDEX(Jesper!$R$2:$R$366,ROW(INDEX(Jesper!AK$2:AK$366,ROUNDDOWN($C4019/24,0)+1,1))-1)+IF('Standard Profiles'!$G$21=$B$10,7,0)+IF('Standard Profiles'!$G$21=$B$17,14,0)+IF('Standard Profiles'!$G$21=$B$24,21,0),MOD($C4019,24)+1)/SUM(INDEX($D$3:$AA$30,INDEX(Jesper!$R$2:$R$366,ROW(INDEX(Jesper!AK$2:AK$366,ROUNDDOWN($C4019/24,0)+1,1))-1)+IF('Standard Profiles'!$G$21=$B$10,7,0)+IF('Standard Profiles'!$G$21=$B$17,14,0)+IF('Standard Profiles'!$G$21=$B$24,21,0),0)),0)</f>
        <v>0</v>
      </c>
      <c r="H4019" cm="1">
        <f t="array" ref="H4019">IFERROR(INDEX(Jesper!AL$2:AL$366,ROUNDDOWN($C4019/24,0)+1,1)*INDEX($D$3:$AA$30,INDEX(Jesper!$R$2:$R$366,ROW(INDEX(Jesper!AL$2:AL$366,ROUNDDOWN($C4019/24,0)+1,1))-1)+IF('Standard Profiles'!$G$22=$B$10,7,0)+IF('Standard Profiles'!$G$22=$B$17,14,0)+IF('Standard Profiles'!$G$22=$B$24,21,0),MOD($C4019,24)+1)/SUM(INDEX($D$3:$AA$30,INDEX(Jesper!$R$2:$R$366,ROW(INDEX(Jesper!AL$2:AL$366,ROUNDDOWN($C4019/24,0)+1,1))-1)+IF('Standard Profiles'!$G$22=$B$10,7,0)+IF('Standard Profiles'!$G$22=$B$17,14,0)+IF('Standard Profiles'!$G$22=$B$24,21,0),0)),0)</f>
        <v>0</v>
      </c>
      <c r="I4019">
        <f t="shared" si="454"/>
        <v>7.9261556107497799E-2</v>
      </c>
      <c r="J4019">
        <f t="shared" si="455"/>
        <v>0.26420518702499268</v>
      </c>
      <c r="K4019">
        <f t="shared" si="456"/>
        <v>0.39630778053748905</v>
      </c>
      <c r="L4019">
        <f t="shared" si="457"/>
        <v>6.4873243032339722</v>
      </c>
      <c r="M4019">
        <f t="shared" si="458"/>
        <v>0</v>
      </c>
      <c r="N4019" s="46">
        <f t="shared" si="459"/>
        <v>45458.041666657002</v>
      </c>
    </row>
    <row r="4020" spans="2:14" x14ac:dyDescent="0.3">
      <c r="B4020">
        <f t="shared" si="453"/>
        <v>6</v>
      </c>
      <c r="C4020" s="16">
        <v>3986</v>
      </c>
      <c r="D4020" cm="1">
        <f t="array" ref="D4020">IFERROR(INDEX(Jesper!AH$2:AH$366,ROUNDDOWN($C4020/24,0)+1,1)*INDEX($D$3:$AA$30,INDEX(Jesper!$R$2:$R$366,ROW(INDEX(Jesper!AH$2:AH$366,ROUNDDOWN($C4020/24,0)+1,1))-1)+IF('Standard Profiles'!$G$18=$B$10,7,0)+IF('Standard Profiles'!$G$18=$B$17,14,0)+IF('Standard Profiles'!$G$18=$B$24,21,0),MOD($C4020,24)+1)/SUM(INDEX($D$3:$AA$30,INDEX(Jesper!$R$2:$R$366,ROW(INDEX(Jesper!AH$2:AH$366,ROUNDDOWN($C4020/24,0)+1,1))-1)+IF('Standard Profiles'!$G$18=$B$10,7,0)+IF('Standard Profiles'!$G$18=$B$17,14,0)+IF('Standard Profiles'!$G$18=$B$24,21,0),0)),0)</f>
        <v>6.3472955541107261</v>
      </c>
      <c r="E4020" cm="1">
        <f t="array" ref="E4020">IFERROR(INDEX(Jesper!AI$2:AI$366,ROUNDDOWN($C4020/24,0)+1,1)*INDEX($D$3:$AA$30,INDEX(Jesper!$R$2:$R$366,ROW(INDEX(Jesper!AI$2:AI$366,ROUNDDOWN($C4020/24,0)+1,1))-1)+IF('Standard Profiles'!$G$19=$B$10,7,0)+IF('Standard Profiles'!$G$19=$B$17,14,0)+IF('Standard Profiles'!$G$19=$B$24,21,0),MOD($C4020,24)+1)/SUM(INDEX($D$3:$AA$30,INDEX(Jesper!$R$2:$R$366,ROW(INDEX(Jesper!AI$2:AI$366,ROUNDDOWN($C4020/24,0)+1,1))-1)+IF('Standard Profiles'!$G$19=$B$10,7,0)+IF('Standard Profiles'!$G$19=$B$17,14,0)+IF('Standard Profiles'!$G$19=$B$24,21,0),0)),0)</f>
        <v>0.87980327279322534</v>
      </c>
      <c r="F4020" cm="1">
        <f t="array" ref="F4020">IFERROR(INDEX(Jesper!AJ$2:AJ$366,ROUNDDOWN($C4020/24,0)+1,1)*INDEX($D$3:$AA$30,INDEX(Jesper!$R$2:$R$366,ROW(INDEX(Jesper!AJ$2:AJ$366,ROUNDDOWN($C4020/24,0)+1,1))-1)+IF('Standard Profiles'!$G$20=$B$10,7,0)+IF('Standard Profiles'!$G$20=$B$17,14,0)+IF('Standard Profiles'!$G$20=$B$24,21,0),MOD($C4020,24)+1)/SUM(INDEX($D$3:$AA$30,INDEX(Jesper!$R$2:$R$366,ROW(INDEX(Jesper!AJ$2:AJ$366,ROUNDDOWN($C4020/24,0)+1,1))-1)+IF('Standard Profiles'!$G$20=$B$10,7,0)+IF('Standard Profiles'!$G$20=$B$17,14,0)+IF('Standard Profiles'!$G$20=$B$24,21,0),0)),0)</f>
        <v>0</v>
      </c>
      <c r="G4020" cm="1">
        <f t="array" ref="G4020">IFERROR(INDEX(Jesper!AK$2:AK$366,ROUNDDOWN($C4020/24,0)+1,1)*INDEX($D$3:$AA$30,INDEX(Jesper!$R$2:$R$366,ROW(INDEX(Jesper!AK$2:AK$366,ROUNDDOWN($C4020/24,0)+1,1))-1)+IF('Standard Profiles'!$G$21=$B$10,7,0)+IF('Standard Profiles'!$G$21=$B$17,14,0)+IF('Standard Profiles'!$G$21=$B$24,21,0),MOD($C4020,24)+1)/SUM(INDEX($D$3:$AA$30,INDEX(Jesper!$R$2:$R$366,ROW(INDEX(Jesper!AK$2:AK$366,ROUNDDOWN($C4020/24,0)+1,1))-1)+IF('Standard Profiles'!$G$21=$B$10,7,0)+IF('Standard Profiles'!$G$21=$B$17,14,0)+IF('Standard Profiles'!$G$21=$B$24,21,0),0)),0)</f>
        <v>0</v>
      </c>
      <c r="H4020" cm="1">
        <f t="array" ref="H4020">IFERROR(INDEX(Jesper!AL$2:AL$366,ROUNDDOWN($C4020/24,0)+1,1)*INDEX($D$3:$AA$30,INDEX(Jesper!$R$2:$R$366,ROW(INDEX(Jesper!AL$2:AL$366,ROUNDDOWN($C4020/24,0)+1,1))-1)+IF('Standard Profiles'!$G$22=$B$10,7,0)+IF('Standard Profiles'!$G$22=$B$17,14,0)+IF('Standard Profiles'!$G$22=$B$24,21,0),MOD($C4020,24)+1)/SUM(INDEX($D$3:$AA$30,INDEX(Jesper!$R$2:$R$366,ROW(INDEX(Jesper!AL$2:AL$366,ROUNDDOWN($C4020/24,0)+1,1))-1)+IF('Standard Profiles'!$G$22=$B$10,7,0)+IF('Standard Profiles'!$G$22=$B$17,14,0)+IF('Standard Profiles'!$G$22=$B$24,21,0),0)),0)</f>
        <v>0</v>
      </c>
      <c r="I4020">
        <f t="shared" si="454"/>
        <v>7.9261556107497799E-2</v>
      </c>
      <c r="J4020">
        <f t="shared" si="455"/>
        <v>0.26420518702499268</v>
      </c>
      <c r="K4020">
        <f t="shared" si="456"/>
        <v>0.39630778053748905</v>
      </c>
      <c r="L4020">
        <f t="shared" si="457"/>
        <v>6.4873243032339722</v>
      </c>
      <c r="M4020">
        <f t="shared" si="458"/>
        <v>0</v>
      </c>
      <c r="N4020" s="46">
        <f t="shared" si="459"/>
        <v>45458.083333323666</v>
      </c>
    </row>
    <row r="4021" spans="2:14" x14ac:dyDescent="0.3">
      <c r="B4021">
        <f t="shared" si="453"/>
        <v>6</v>
      </c>
      <c r="C4021" s="16">
        <v>3987</v>
      </c>
      <c r="D4021" cm="1">
        <f t="array" ref="D4021">IFERROR(INDEX(Jesper!AH$2:AH$366,ROUNDDOWN($C4021/24,0)+1,1)*INDEX($D$3:$AA$30,INDEX(Jesper!$R$2:$R$366,ROW(INDEX(Jesper!AH$2:AH$366,ROUNDDOWN($C4021/24,0)+1,1))-1)+IF('Standard Profiles'!$G$18=$B$10,7,0)+IF('Standard Profiles'!$G$18=$B$17,14,0)+IF('Standard Profiles'!$G$18=$B$24,21,0),MOD($C4021,24)+1)/SUM(INDEX($D$3:$AA$30,INDEX(Jesper!$R$2:$R$366,ROW(INDEX(Jesper!AH$2:AH$366,ROUNDDOWN($C4021/24,0)+1,1))-1)+IF('Standard Profiles'!$G$18=$B$10,7,0)+IF('Standard Profiles'!$G$18=$B$17,14,0)+IF('Standard Profiles'!$G$18=$B$24,21,0),0)),0)</f>
        <v>6.3472955541107261</v>
      </c>
      <c r="E4021" cm="1">
        <f t="array" ref="E4021">IFERROR(INDEX(Jesper!AI$2:AI$366,ROUNDDOWN($C4021/24,0)+1,1)*INDEX($D$3:$AA$30,INDEX(Jesper!$R$2:$R$366,ROW(INDEX(Jesper!AI$2:AI$366,ROUNDDOWN($C4021/24,0)+1,1))-1)+IF('Standard Profiles'!$G$19=$B$10,7,0)+IF('Standard Profiles'!$G$19=$B$17,14,0)+IF('Standard Profiles'!$G$19=$B$24,21,0),MOD($C4021,24)+1)/SUM(INDEX($D$3:$AA$30,INDEX(Jesper!$R$2:$R$366,ROW(INDEX(Jesper!AI$2:AI$366,ROUNDDOWN($C4021/24,0)+1,1))-1)+IF('Standard Profiles'!$G$19=$B$10,7,0)+IF('Standard Profiles'!$G$19=$B$17,14,0)+IF('Standard Profiles'!$G$19=$B$24,21,0),0)),0)</f>
        <v>0.87980327279322534</v>
      </c>
      <c r="F4021" cm="1">
        <f t="array" ref="F4021">IFERROR(INDEX(Jesper!AJ$2:AJ$366,ROUNDDOWN($C4021/24,0)+1,1)*INDEX($D$3:$AA$30,INDEX(Jesper!$R$2:$R$366,ROW(INDEX(Jesper!AJ$2:AJ$366,ROUNDDOWN($C4021/24,0)+1,1))-1)+IF('Standard Profiles'!$G$20=$B$10,7,0)+IF('Standard Profiles'!$G$20=$B$17,14,0)+IF('Standard Profiles'!$G$20=$B$24,21,0),MOD($C4021,24)+1)/SUM(INDEX($D$3:$AA$30,INDEX(Jesper!$R$2:$R$366,ROW(INDEX(Jesper!AJ$2:AJ$366,ROUNDDOWN($C4021/24,0)+1,1))-1)+IF('Standard Profiles'!$G$20=$B$10,7,0)+IF('Standard Profiles'!$G$20=$B$17,14,0)+IF('Standard Profiles'!$G$20=$B$24,21,0),0)),0)</f>
        <v>0</v>
      </c>
      <c r="G4021" cm="1">
        <f t="array" ref="G4021">IFERROR(INDEX(Jesper!AK$2:AK$366,ROUNDDOWN($C4021/24,0)+1,1)*INDEX($D$3:$AA$30,INDEX(Jesper!$R$2:$R$366,ROW(INDEX(Jesper!AK$2:AK$366,ROUNDDOWN($C4021/24,0)+1,1))-1)+IF('Standard Profiles'!$G$21=$B$10,7,0)+IF('Standard Profiles'!$G$21=$B$17,14,0)+IF('Standard Profiles'!$G$21=$B$24,21,0),MOD($C4021,24)+1)/SUM(INDEX($D$3:$AA$30,INDEX(Jesper!$R$2:$R$366,ROW(INDEX(Jesper!AK$2:AK$366,ROUNDDOWN($C4021/24,0)+1,1))-1)+IF('Standard Profiles'!$G$21=$B$10,7,0)+IF('Standard Profiles'!$G$21=$B$17,14,0)+IF('Standard Profiles'!$G$21=$B$24,21,0),0)),0)</f>
        <v>0</v>
      </c>
      <c r="H4021" cm="1">
        <f t="array" ref="H4021">IFERROR(INDEX(Jesper!AL$2:AL$366,ROUNDDOWN($C4021/24,0)+1,1)*INDEX($D$3:$AA$30,INDEX(Jesper!$R$2:$R$366,ROW(INDEX(Jesper!AL$2:AL$366,ROUNDDOWN($C4021/24,0)+1,1))-1)+IF('Standard Profiles'!$G$22=$B$10,7,0)+IF('Standard Profiles'!$G$22=$B$17,14,0)+IF('Standard Profiles'!$G$22=$B$24,21,0),MOD($C4021,24)+1)/SUM(INDEX($D$3:$AA$30,INDEX(Jesper!$R$2:$R$366,ROW(INDEX(Jesper!AL$2:AL$366,ROUNDDOWN($C4021/24,0)+1,1))-1)+IF('Standard Profiles'!$G$22=$B$10,7,0)+IF('Standard Profiles'!$G$22=$B$17,14,0)+IF('Standard Profiles'!$G$22=$B$24,21,0),0)),0)</f>
        <v>0</v>
      </c>
      <c r="I4021">
        <f t="shared" si="454"/>
        <v>7.9261556107497799E-2</v>
      </c>
      <c r="J4021">
        <f t="shared" si="455"/>
        <v>0.26420518702499268</v>
      </c>
      <c r="K4021">
        <f t="shared" si="456"/>
        <v>0.39630778053748905</v>
      </c>
      <c r="L4021">
        <f t="shared" si="457"/>
        <v>6.4873243032339722</v>
      </c>
      <c r="M4021">
        <f t="shared" si="458"/>
        <v>0</v>
      </c>
      <c r="N4021" s="46">
        <f t="shared" si="459"/>
        <v>45458.12499999033</v>
      </c>
    </row>
    <row r="4022" spans="2:14" x14ac:dyDescent="0.3">
      <c r="B4022">
        <f t="shared" si="453"/>
        <v>6</v>
      </c>
      <c r="C4022" s="16">
        <v>3988</v>
      </c>
      <c r="D4022" cm="1">
        <f t="array" ref="D4022">IFERROR(INDEX(Jesper!AH$2:AH$366,ROUNDDOWN($C4022/24,0)+1,1)*INDEX($D$3:$AA$30,INDEX(Jesper!$R$2:$R$366,ROW(INDEX(Jesper!AH$2:AH$366,ROUNDDOWN($C4022/24,0)+1,1))-1)+IF('Standard Profiles'!$G$18=$B$10,7,0)+IF('Standard Profiles'!$G$18=$B$17,14,0)+IF('Standard Profiles'!$G$18=$B$24,21,0),MOD($C4022,24)+1)/SUM(INDEX($D$3:$AA$30,INDEX(Jesper!$R$2:$R$366,ROW(INDEX(Jesper!AH$2:AH$366,ROUNDDOWN($C4022/24,0)+1,1))-1)+IF('Standard Profiles'!$G$18=$B$10,7,0)+IF('Standard Profiles'!$G$18=$B$17,14,0)+IF('Standard Profiles'!$G$18=$B$24,21,0),0)),0)</f>
        <v>6.3472955541107261</v>
      </c>
      <c r="E4022" cm="1">
        <f t="array" ref="E4022">IFERROR(INDEX(Jesper!AI$2:AI$366,ROUNDDOWN($C4022/24,0)+1,1)*INDEX($D$3:$AA$30,INDEX(Jesper!$R$2:$R$366,ROW(INDEX(Jesper!AI$2:AI$366,ROUNDDOWN($C4022/24,0)+1,1))-1)+IF('Standard Profiles'!$G$19=$B$10,7,0)+IF('Standard Profiles'!$G$19=$B$17,14,0)+IF('Standard Profiles'!$G$19=$B$24,21,0),MOD($C4022,24)+1)/SUM(INDEX($D$3:$AA$30,INDEX(Jesper!$R$2:$R$366,ROW(INDEX(Jesper!AI$2:AI$366,ROUNDDOWN($C4022/24,0)+1,1))-1)+IF('Standard Profiles'!$G$19=$B$10,7,0)+IF('Standard Profiles'!$G$19=$B$17,14,0)+IF('Standard Profiles'!$G$19=$B$24,21,0),0)),0)</f>
        <v>0.87980327279322534</v>
      </c>
      <c r="F4022" cm="1">
        <f t="array" ref="F4022">IFERROR(INDEX(Jesper!AJ$2:AJ$366,ROUNDDOWN($C4022/24,0)+1,1)*INDEX($D$3:$AA$30,INDEX(Jesper!$R$2:$R$366,ROW(INDEX(Jesper!AJ$2:AJ$366,ROUNDDOWN($C4022/24,0)+1,1))-1)+IF('Standard Profiles'!$G$20=$B$10,7,0)+IF('Standard Profiles'!$G$20=$B$17,14,0)+IF('Standard Profiles'!$G$20=$B$24,21,0),MOD($C4022,24)+1)/SUM(INDEX($D$3:$AA$30,INDEX(Jesper!$R$2:$R$366,ROW(INDEX(Jesper!AJ$2:AJ$366,ROUNDDOWN($C4022/24,0)+1,1))-1)+IF('Standard Profiles'!$G$20=$B$10,7,0)+IF('Standard Profiles'!$G$20=$B$17,14,0)+IF('Standard Profiles'!$G$20=$B$24,21,0),0)),0)</f>
        <v>0</v>
      </c>
      <c r="G4022" cm="1">
        <f t="array" ref="G4022">IFERROR(INDEX(Jesper!AK$2:AK$366,ROUNDDOWN($C4022/24,0)+1,1)*INDEX($D$3:$AA$30,INDEX(Jesper!$R$2:$R$366,ROW(INDEX(Jesper!AK$2:AK$366,ROUNDDOWN($C4022/24,0)+1,1))-1)+IF('Standard Profiles'!$G$21=$B$10,7,0)+IF('Standard Profiles'!$G$21=$B$17,14,0)+IF('Standard Profiles'!$G$21=$B$24,21,0),MOD($C4022,24)+1)/SUM(INDEX($D$3:$AA$30,INDEX(Jesper!$R$2:$R$366,ROW(INDEX(Jesper!AK$2:AK$366,ROUNDDOWN($C4022/24,0)+1,1))-1)+IF('Standard Profiles'!$G$21=$B$10,7,0)+IF('Standard Profiles'!$G$21=$B$17,14,0)+IF('Standard Profiles'!$G$21=$B$24,21,0),0)),0)</f>
        <v>0</v>
      </c>
      <c r="H4022" cm="1">
        <f t="array" ref="H4022">IFERROR(INDEX(Jesper!AL$2:AL$366,ROUNDDOWN($C4022/24,0)+1,1)*INDEX($D$3:$AA$30,INDEX(Jesper!$R$2:$R$366,ROW(INDEX(Jesper!AL$2:AL$366,ROUNDDOWN($C4022/24,0)+1,1))-1)+IF('Standard Profiles'!$G$22=$B$10,7,0)+IF('Standard Profiles'!$G$22=$B$17,14,0)+IF('Standard Profiles'!$G$22=$B$24,21,0),MOD($C4022,24)+1)/SUM(INDEX($D$3:$AA$30,INDEX(Jesper!$R$2:$R$366,ROW(INDEX(Jesper!AL$2:AL$366,ROUNDDOWN($C4022/24,0)+1,1))-1)+IF('Standard Profiles'!$G$22=$B$10,7,0)+IF('Standard Profiles'!$G$22=$B$17,14,0)+IF('Standard Profiles'!$G$22=$B$24,21,0),0)),0)</f>
        <v>0</v>
      </c>
      <c r="I4022">
        <f t="shared" si="454"/>
        <v>7.9261556107497799E-2</v>
      </c>
      <c r="J4022">
        <f t="shared" si="455"/>
        <v>0.26420518702499268</v>
      </c>
      <c r="K4022">
        <f t="shared" si="456"/>
        <v>0.39630778053748905</v>
      </c>
      <c r="L4022">
        <f t="shared" si="457"/>
        <v>6.4873243032339722</v>
      </c>
      <c r="M4022">
        <f t="shared" si="458"/>
        <v>0</v>
      </c>
      <c r="N4022" s="46">
        <f t="shared" si="459"/>
        <v>45458.166666656994</v>
      </c>
    </row>
    <row r="4023" spans="2:14" x14ac:dyDescent="0.3">
      <c r="B4023">
        <f t="shared" si="453"/>
        <v>6</v>
      </c>
      <c r="C4023" s="16">
        <v>3989</v>
      </c>
      <c r="D4023" cm="1">
        <f t="array" ref="D4023">IFERROR(INDEX(Jesper!AH$2:AH$366,ROUNDDOWN($C4023/24,0)+1,1)*INDEX($D$3:$AA$30,INDEX(Jesper!$R$2:$R$366,ROW(INDEX(Jesper!AH$2:AH$366,ROUNDDOWN($C4023/24,0)+1,1))-1)+IF('Standard Profiles'!$G$18=$B$10,7,0)+IF('Standard Profiles'!$G$18=$B$17,14,0)+IF('Standard Profiles'!$G$18=$B$24,21,0),MOD($C4023,24)+1)/SUM(INDEX($D$3:$AA$30,INDEX(Jesper!$R$2:$R$366,ROW(INDEX(Jesper!AH$2:AH$366,ROUNDDOWN($C4023/24,0)+1,1))-1)+IF('Standard Profiles'!$G$18=$B$10,7,0)+IF('Standard Profiles'!$G$18=$B$17,14,0)+IF('Standard Profiles'!$G$18=$B$24,21,0),0)),0)</f>
        <v>7.8954164209669999</v>
      </c>
      <c r="E4023" cm="1">
        <f t="array" ref="E4023">IFERROR(INDEX(Jesper!AI$2:AI$366,ROUNDDOWN($C4023/24,0)+1,1)*INDEX($D$3:$AA$30,INDEX(Jesper!$R$2:$R$366,ROW(INDEX(Jesper!AI$2:AI$366,ROUNDDOWN($C4023/24,0)+1,1))-1)+IF('Standard Profiles'!$G$19=$B$10,7,0)+IF('Standard Profiles'!$G$19=$B$17,14,0)+IF('Standard Profiles'!$G$19=$B$24,21,0),MOD($C4023,24)+1)/SUM(INDEX($D$3:$AA$30,INDEX(Jesper!$R$2:$R$366,ROW(INDEX(Jesper!AI$2:AI$366,ROUNDDOWN($C4023/24,0)+1,1))-1)+IF('Standard Profiles'!$G$19=$B$10,7,0)+IF('Standard Profiles'!$G$19=$B$17,14,0)+IF('Standard Profiles'!$G$19=$B$24,21,0),0)),0)</f>
        <v>1.094389436889134</v>
      </c>
      <c r="F4023" cm="1">
        <f t="array" ref="F4023">IFERROR(INDEX(Jesper!AJ$2:AJ$366,ROUNDDOWN($C4023/24,0)+1,1)*INDEX($D$3:$AA$30,INDEX(Jesper!$R$2:$R$366,ROW(INDEX(Jesper!AJ$2:AJ$366,ROUNDDOWN($C4023/24,0)+1,1))-1)+IF('Standard Profiles'!$G$20=$B$10,7,0)+IF('Standard Profiles'!$G$20=$B$17,14,0)+IF('Standard Profiles'!$G$20=$B$24,21,0),MOD($C4023,24)+1)/SUM(INDEX($D$3:$AA$30,INDEX(Jesper!$R$2:$R$366,ROW(INDEX(Jesper!AJ$2:AJ$366,ROUNDDOWN($C4023/24,0)+1,1))-1)+IF('Standard Profiles'!$G$20=$B$10,7,0)+IF('Standard Profiles'!$G$20=$B$17,14,0)+IF('Standard Profiles'!$G$20=$B$24,21,0),0)),0)</f>
        <v>0</v>
      </c>
      <c r="G4023" cm="1">
        <f t="array" ref="G4023">IFERROR(INDEX(Jesper!AK$2:AK$366,ROUNDDOWN($C4023/24,0)+1,1)*INDEX($D$3:$AA$30,INDEX(Jesper!$R$2:$R$366,ROW(INDEX(Jesper!AK$2:AK$366,ROUNDDOWN($C4023/24,0)+1,1))-1)+IF('Standard Profiles'!$G$21=$B$10,7,0)+IF('Standard Profiles'!$G$21=$B$17,14,0)+IF('Standard Profiles'!$G$21=$B$24,21,0),MOD($C4023,24)+1)/SUM(INDEX($D$3:$AA$30,INDEX(Jesper!$R$2:$R$366,ROW(INDEX(Jesper!AK$2:AK$366,ROUNDDOWN($C4023/24,0)+1,1))-1)+IF('Standard Profiles'!$G$21=$B$10,7,0)+IF('Standard Profiles'!$G$21=$B$17,14,0)+IF('Standard Profiles'!$G$21=$B$24,21,0),0)),0)</f>
        <v>0</v>
      </c>
      <c r="H4023" cm="1">
        <f t="array" ref="H4023">IFERROR(INDEX(Jesper!AL$2:AL$366,ROUNDDOWN($C4023/24,0)+1,1)*INDEX($D$3:$AA$30,INDEX(Jesper!$R$2:$R$366,ROW(INDEX(Jesper!AL$2:AL$366,ROUNDDOWN($C4023/24,0)+1,1))-1)+IF('Standard Profiles'!$G$22=$B$10,7,0)+IF('Standard Profiles'!$G$22=$B$17,14,0)+IF('Standard Profiles'!$G$22=$B$24,21,0),MOD($C4023,24)+1)/SUM(INDEX($D$3:$AA$30,INDEX(Jesper!$R$2:$R$366,ROW(INDEX(Jesper!AL$2:AL$366,ROUNDDOWN($C4023/24,0)+1,1))-1)+IF('Standard Profiles'!$G$22=$B$10,7,0)+IF('Standard Profiles'!$G$22=$B$17,14,0)+IF('Standard Profiles'!$G$22=$B$24,21,0),0)),0)</f>
        <v>0</v>
      </c>
      <c r="I4023">
        <f t="shared" si="454"/>
        <v>9.8593642962985076E-2</v>
      </c>
      <c r="J4023">
        <f t="shared" si="455"/>
        <v>0.32864547654328363</v>
      </c>
      <c r="K4023">
        <f t="shared" si="456"/>
        <v>0.49296821481492542</v>
      </c>
      <c r="L4023">
        <f t="shared" si="457"/>
        <v>8.0695985235349408</v>
      </c>
      <c r="M4023">
        <f t="shared" si="458"/>
        <v>0</v>
      </c>
      <c r="N4023" s="46">
        <f t="shared" si="459"/>
        <v>45458.208333323659</v>
      </c>
    </row>
    <row r="4024" spans="2:14" x14ac:dyDescent="0.3">
      <c r="B4024">
        <f t="shared" si="453"/>
        <v>6</v>
      </c>
      <c r="C4024" s="16">
        <v>3990</v>
      </c>
      <c r="D4024" cm="1">
        <f t="array" ref="D4024">IFERROR(INDEX(Jesper!AH$2:AH$366,ROUNDDOWN($C4024/24,0)+1,1)*INDEX($D$3:$AA$30,INDEX(Jesper!$R$2:$R$366,ROW(INDEX(Jesper!AH$2:AH$366,ROUNDDOWN($C4024/24,0)+1,1))-1)+IF('Standard Profiles'!$G$18=$B$10,7,0)+IF('Standard Profiles'!$G$18=$B$17,14,0)+IF('Standard Profiles'!$G$18=$B$24,21,0),MOD($C4024,24)+1)/SUM(INDEX($D$3:$AA$30,INDEX(Jesper!$R$2:$R$366,ROW(INDEX(Jesper!AH$2:AH$366,ROUNDDOWN($C4024/24,0)+1,1))-1)+IF('Standard Profiles'!$G$18=$B$10,7,0)+IF('Standard Profiles'!$G$18=$B$17,14,0)+IF('Standard Profiles'!$G$18=$B$24,21,0),0)),0)</f>
        <v>9.9079735478801574</v>
      </c>
      <c r="E4024" cm="1">
        <f t="array" ref="E4024">IFERROR(INDEX(Jesper!AI$2:AI$366,ROUNDDOWN($C4024/24,0)+1,1)*INDEX($D$3:$AA$30,INDEX(Jesper!$R$2:$R$366,ROW(INDEX(Jesper!AI$2:AI$366,ROUNDDOWN($C4024/24,0)+1,1))-1)+IF('Standard Profiles'!$G$19=$B$10,7,0)+IF('Standard Profiles'!$G$19=$B$17,14,0)+IF('Standard Profiles'!$G$19=$B$24,21,0),MOD($C4024,24)+1)/SUM(INDEX($D$3:$AA$30,INDEX(Jesper!$R$2:$R$366,ROW(INDEX(Jesper!AI$2:AI$366,ROUNDDOWN($C4024/24,0)+1,1))-1)+IF('Standard Profiles'!$G$19=$B$10,7,0)+IF('Standard Profiles'!$G$19=$B$17,14,0)+IF('Standard Profiles'!$G$19=$B$24,21,0),0)),0)</f>
        <v>1.3733514502138151</v>
      </c>
      <c r="F4024" cm="1">
        <f t="array" ref="F4024">IFERROR(INDEX(Jesper!AJ$2:AJ$366,ROUNDDOWN($C4024/24,0)+1,1)*INDEX($D$3:$AA$30,INDEX(Jesper!$R$2:$R$366,ROW(INDEX(Jesper!AJ$2:AJ$366,ROUNDDOWN($C4024/24,0)+1,1))-1)+IF('Standard Profiles'!$G$20=$B$10,7,0)+IF('Standard Profiles'!$G$20=$B$17,14,0)+IF('Standard Profiles'!$G$20=$B$24,21,0),MOD($C4024,24)+1)/SUM(INDEX($D$3:$AA$30,INDEX(Jesper!$R$2:$R$366,ROW(INDEX(Jesper!AJ$2:AJ$366,ROUNDDOWN($C4024/24,0)+1,1))-1)+IF('Standard Profiles'!$G$20=$B$10,7,0)+IF('Standard Profiles'!$G$20=$B$17,14,0)+IF('Standard Profiles'!$G$20=$B$24,21,0),0)),0)</f>
        <v>0</v>
      </c>
      <c r="G4024" cm="1">
        <f t="array" ref="G4024">IFERROR(INDEX(Jesper!AK$2:AK$366,ROUNDDOWN($C4024/24,0)+1,1)*INDEX($D$3:$AA$30,INDEX(Jesper!$R$2:$R$366,ROW(INDEX(Jesper!AK$2:AK$366,ROUNDDOWN($C4024/24,0)+1,1))-1)+IF('Standard Profiles'!$G$21=$B$10,7,0)+IF('Standard Profiles'!$G$21=$B$17,14,0)+IF('Standard Profiles'!$G$21=$B$24,21,0),MOD($C4024,24)+1)/SUM(INDEX($D$3:$AA$30,INDEX(Jesper!$R$2:$R$366,ROW(INDEX(Jesper!AK$2:AK$366,ROUNDDOWN($C4024/24,0)+1,1))-1)+IF('Standard Profiles'!$G$21=$B$10,7,0)+IF('Standard Profiles'!$G$21=$B$17,14,0)+IF('Standard Profiles'!$G$21=$B$24,21,0),0)),0)</f>
        <v>0</v>
      </c>
      <c r="H4024" cm="1">
        <f t="array" ref="H4024">IFERROR(INDEX(Jesper!AL$2:AL$366,ROUNDDOWN($C4024/24,0)+1,1)*INDEX($D$3:$AA$30,INDEX(Jesper!$R$2:$R$366,ROW(INDEX(Jesper!AL$2:AL$366,ROUNDDOWN($C4024/24,0)+1,1))-1)+IF('Standard Profiles'!$G$22=$B$10,7,0)+IF('Standard Profiles'!$G$22=$B$17,14,0)+IF('Standard Profiles'!$G$22=$B$24,21,0),MOD($C4024,24)+1)/SUM(INDEX($D$3:$AA$30,INDEX(Jesper!$R$2:$R$366,ROW(INDEX(Jesper!AL$2:AL$366,ROUNDDOWN($C4024/24,0)+1,1))-1)+IF('Standard Profiles'!$G$22=$B$10,7,0)+IF('Standard Profiles'!$G$22=$B$17,14,0)+IF('Standard Profiles'!$G$22=$B$24,21,0),0)),0)</f>
        <v>0</v>
      </c>
      <c r="I4024">
        <f t="shared" si="454"/>
        <v>0.12372535587511851</v>
      </c>
      <c r="J4024">
        <f t="shared" si="455"/>
        <v>0.41241785291706173</v>
      </c>
      <c r="K4024">
        <f t="shared" si="456"/>
        <v>0.61862677937559263</v>
      </c>
      <c r="L4024">
        <f t="shared" si="457"/>
        <v>10.1265550099262</v>
      </c>
      <c r="M4024">
        <f t="shared" si="458"/>
        <v>0</v>
      </c>
      <c r="N4024" s="46">
        <f t="shared" si="459"/>
        <v>45458.249999990323</v>
      </c>
    </row>
    <row r="4025" spans="2:14" x14ac:dyDescent="0.3">
      <c r="B4025">
        <f t="shared" si="453"/>
        <v>6</v>
      </c>
      <c r="C4025" s="16">
        <v>3991</v>
      </c>
      <c r="D4025" cm="1">
        <f t="array" ref="D4025">IFERROR(INDEX(Jesper!AH$2:AH$366,ROUNDDOWN($C4025/24,0)+1,1)*INDEX($D$3:$AA$30,INDEX(Jesper!$R$2:$R$366,ROW(INDEX(Jesper!AH$2:AH$366,ROUNDDOWN($C4025/24,0)+1,1))-1)+IF('Standard Profiles'!$G$18=$B$10,7,0)+IF('Standard Profiles'!$G$18=$B$17,14,0)+IF('Standard Profiles'!$G$18=$B$24,21,0),MOD($C4025,24)+1)/SUM(INDEX($D$3:$AA$30,INDEX(Jesper!$R$2:$R$366,ROW(INDEX(Jesper!AH$2:AH$366,ROUNDDOWN($C4025/24,0)+1,1))-1)+IF('Standard Profiles'!$G$18=$B$10,7,0)+IF('Standard Profiles'!$G$18=$B$17,14,0)+IF('Standard Profiles'!$G$18=$B$24,21,0),0)),0)</f>
        <v>11.301282328050805</v>
      </c>
      <c r="E4025" cm="1">
        <f t="array" ref="E4025">IFERROR(INDEX(Jesper!AI$2:AI$366,ROUNDDOWN($C4025/24,0)+1,1)*INDEX($D$3:$AA$30,INDEX(Jesper!$R$2:$R$366,ROW(INDEX(Jesper!AI$2:AI$366,ROUNDDOWN($C4025/24,0)+1,1))-1)+IF('Standard Profiles'!$G$19=$B$10,7,0)+IF('Standard Profiles'!$G$19=$B$17,14,0)+IF('Standard Profiles'!$G$19=$B$24,21,0),MOD($C4025,24)+1)/SUM(INDEX($D$3:$AA$30,INDEX(Jesper!$R$2:$R$366,ROW(INDEX(Jesper!AI$2:AI$366,ROUNDDOWN($C4025/24,0)+1,1))-1)+IF('Standard Profiles'!$G$19=$B$10,7,0)+IF('Standard Profiles'!$G$19=$B$17,14,0)+IF('Standard Profiles'!$G$19=$B$24,21,0),0)),0)</f>
        <v>1.5664789979001328</v>
      </c>
      <c r="F4025" cm="1">
        <f t="array" ref="F4025">IFERROR(INDEX(Jesper!AJ$2:AJ$366,ROUNDDOWN($C4025/24,0)+1,1)*INDEX($D$3:$AA$30,INDEX(Jesper!$R$2:$R$366,ROW(INDEX(Jesper!AJ$2:AJ$366,ROUNDDOWN($C4025/24,0)+1,1))-1)+IF('Standard Profiles'!$G$20=$B$10,7,0)+IF('Standard Profiles'!$G$20=$B$17,14,0)+IF('Standard Profiles'!$G$20=$B$24,21,0),MOD($C4025,24)+1)/SUM(INDEX($D$3:$AA$30,INDEX(Jesper!$R$2:$R$366,ROW(INDEX(Jesper!AJ$2:AJ$366,ROUNDDOWN($C4025/24,0)+1,1))-1)+IF('Standard Profiles'!$G$20=$B$10,7,0)+IF('Standard Profiles'!$G$20=$B$17,14,0)+IF('Standard Profiles'!$G$20=$B$24,21,0),0)),0)</f>
        <v>0</v>
      </c>
      <c r="G4025" cm="1">
        <f t="array" ref="G4025">IFERROR(INDEX(Jesper!AK$2:AK$366,ROUNDDOWN($C4025/24,0)+1,1)*INDEX($D$3:$AA$30,INDEX(Jesper!$R$2:$R$366,ROW(INDEX(Jesper!AK$2:AK$366,ROUNDDOWN($C4025/24,0)+1,1))-1)+IF('Standard Profiles'!$G$21=$B$10,7,0)+IF('Standard Profiles'!$G$21=$B$17,14,0)+IF('Standard Profiles'!$G$21=$B$24,21,0),MOD($C4025,24)+1)/SUM(INDEX($D$3:$AA$30,INDEX(Jesper!$R$2:$R$366,ROW(INDEX(Jesper!AK$2:AK$366,ROUNDDOWN($C4025/24,0)+1,1))-1)+IF('Standard Profiles'!$G$21=$B$10,7,0)+IF('Standard Profiles'!$G$21=$B$17,14,0)+IF('Standard Profiles'!$G$21=$B$24,21,0),0)),0)</f>
        <v>0</v>
      </c>
      <c r="H4025" cm="1">
        <f t="array" ref="H4025">IFERROR(INDEX(Jesper!AL$2:AL$366,ROUNDDOWN($C4025/24,0)+1,1)*INDEX($D$3:$AA$30,INDEX(Jesper!$R$2:$R$366,ROW(INDEX(Jesper!AL$2:AL$366,ROUNDDOWN($C4025/24,0)+1,1))-1)+IF('Standard Profiles'!$G$22=$B$10,7,0)+IF('Standard Profiles'!$G$22=$B$17,14,0)+IF('Standard Profiles'!$G$22=$B$24,21,0),MOD($C4025,24)+1)/SUM(INDEX($D$3:$AA$30,INDEX(Jesper!$R$2:$R$366,ROW(INDEX(Jesper!AL$2:AL$366,ROUNDDOWN($C4025/24,0)+1,1))-1)+IF('Standard Profiles'!$G$22=$B$10,7,0)+IF('Standard Profiles'!$G$22=$B$17,14,0)+IF('Standard Profiles'!$G$22=$B$24,21,0),0)),0)</f>
        <v>0</v>
      </c>
      <c r="I4025">
        <f t="shared" si="454"/>
        <v>0.14112423404505706</v>
      </c>
      <c r="J4025">
        <f t="shared" si="455"/>
        <v>0.47041411348352352</v>
      </c>
      <c r="K4025">
        <f t="shared" si="456"/>
        <v>0.70562117022528525</v>
      </c>
      <c r="L4025">
        <f t="shared" si="457"/>
        <v>11.550601808197072</v>
      </c>
      <c r="M4025">
        <f t="shared" si="458"/>
        <v>0</v>
      </c>
      <c r="N4025" s="46">
        <f t="shared" si="459"/>
        <v>45458.291666656987</v>
      </c>
    </row>
    <row r="4026" spans="2:14" x14ac:dyDescent="0.3">
      <c r="B4026">
        <f t="shared" si="453"/>
        <v>6</v>
      </c>
      <c r="C4026" s="16">
        <v>3992</v>
      </c>
      <c r="D4026" cm="1">
        <f t="array" ref="D4026">IFERROR(INDEX(Jesper!AH$2:AH$366,ROUNDDOWN($C4026/24,0)+1,1)*INDEX($D$3:$AA$30,INDEX(Jesper!$R$2:$R$366,ROW(INDEX(Jesper!AH$2:AH$366,ROUNDDOWN($C4026/24,0)+1,1))-1)+IF('Standard Profiles'!$G$18=$B$10,7,0)+IF('Standard Profiles'!$G$18=$B$17,14,0)+IF('Standard Profiles'!$G$18=$B$24,21,0),MOD($C4026,24)+1)/SUM(INDEX($D$3:$AA$30,INDEX(Jesper!$R$2:$R$366,ROW(INDEX(Jesper!AH$2:AH$366,ROUNDDOWN($C4026/24,0)+1,1))-1)+IF('Standard Profiles'!$G$18=$B$10,7,0)+IF('Standard Profiles'!$G$18=$B$17,14,0)+IF('Standard Profiles'!$G$18=$B$24,21,0),0)),0)</f>
        <v>11.301282328050805</v>
      </c>
      <c r="E4026" cm="1">
        <f t="array" ref="E4026">IFERROR(INDEX(Jesper!AI$2:AI$366,ROUNDDOWN($C4026/24,0)+1,1)*INDEX($D$3:$AA$30,INDEX(Jesper!$R$2:$R$366,ROW(INDEX(Jesper!AI$2:AI$366,ROUNDDOWN($C4026/24,0)+1,1))-1)+IF('Standard Profiles'!$G$19=$B$10,7,0)+IF('Standard Profiles'!$G$19=$B$17,14,0)+IF('Standard Profiles'!$G$19=$B$24,21,0),MOD($C4026,24)+1)/SUM(INDEX($D$3:$AA$30,INDEX(Jesper!$R$2:$R$366,ROW(INDEX(Jesper!AI$2:AI$366,ROUNDDOWN($C4026/24,0)+1,1))-1)+IF('Standard Profiles'!$G$19=$B$10,7,0)+IF('Standard Profiles'!$G$19=$B$17,14,0)+IF('Standard Profiles'!$G$19=$B$24,21,0),0)),0)</f>
        <v>1.5664789979001328</v>
      </c>
      <c r="F4026" cm="1">
        <f t="array" ref="F4026">IFERROR(INDEX(Jesper!AJ$2:AJ$366,ROUNDDOWN($C4026/24,0)+1,1)*INDEX($D$3:$AA$30,INDEX(Jesper!$R$2:$R$366,ROW(INDEX(Jesper!AJ$2:AJ$366,ROUNDDOWN($C4026/24,0)+1,1))-1)+IF('Standard Profiles'!$G$20=$B$10,7,0)+IF('Standard Profiles'!$G$20=$B$17,14,0)+IF('Standard Profiles'!$G$20=$B$24,21,0),MOD($C4026,24)+1)/SUM(INDEX($D$3:$AA$30,INDEX(Jesper!$R$2:$R$366,ROW(INDEX(Jesper!AJ$2:AJ$366,ROUNDDOWN($C4026/24,0)+1,1))-1)+IF('Standard Profiles'!$G$20=$B$10,7,0)+IF('Standard Profiles'!$G$20=$B$17,14,0)+IF('Standard Profiles'!$G$20=$B$24,21,0),0)),0)</f>
        <v>0</v>
      </c>
      <c r="G4026" cm="1">
        <f t="array" ref="G4026">IFERROR(INDEX(Jesper!AK$2:AK$366,ROUNDDOWN($C4026/24,0)+1,1)*INDEX($D$3:$AA$30,INDEX(Jesper!$R$2:$R$366,ROW(INDEX(Jesper!AK$2:AK$366,ROUNDDOWN($C4026/24,0)+1,1))-1)+IF('Standard Profiles'!$G$21=$B$10,7,0)+IF('Standard Profiles'!$G$21=$B$17,14,0)+IF('Standard Profiles'!$G$21=$B$24,21,0),MOD($C4026,24)+1)/SUM(INDEX($D$3:$AA$30,INDEX(Jesper!$R$2:$R$366,ROW(INDEX(Jesper!AK$2:AK$366,ROUNDDOWN($C4026/24,0)+1,1))-1)+IF('Standard Profiles'!$G$21=$B$10,7,0)+IF('Standard Profiles'!$G$21=$B$17,14,0)+IF('Standard Profiles'!$G$21=$B$24,21,0),0)),0)</f>
        <v>0</v>
      </c>
      <c r="H4026" cm="1">
        <f t="array" ref="H4026">IFERROR(INDEX(Jesper!AL$2:AL$366,ROUNDDOWN($C4026/24,0)+1,1)*INDEX($D$3:$AA$30,INDEX(Jesper!$R$2:$R$366,ROW(INDEX(Jesper!AL$2:AL$366,ROUNDDOWN($C4026/24,0)+1,1))-1)+IF('Standard Profiles'!$G$22=$B$10,7,0)+IF('Standard Profiles'!$G$22=$B$17,14,0)+IF('Standard Profiles'!$G$22=$B$24,21,0),MOD($C4026,24)+1)/SUM(INDEX($D$3:$AA$30,INDEX(Jesper!$R$2:$R$366,ROW(INDEX(Jesper!AL$2:AL$366,ROUNDDOWN($C4026/24,0)+1,1))-1)+IF('Standard Profiles'!$G$22=$B$10,7,0)+IF('Standard Profiles'!$G$22=$B$17,14,0)+IF('Standard Profiles'!$G$22=$B$24,21,0),0)),0)</f>
        <v>0</v>
      </c>
      <c r="I4026">
        <f t="shared" si="454"/>
        <v>0.14112423404505706</v>
      </c>
      <c r="J4026">
        <f t="shared" si="455"/>
        <v>0.47041411348352352</v>
      </c>
      <c r="K4026">
        <f t="shared" si="456"/>
        <v>0.70562117022528525</v>
      </c>
      <c r="L4026">
        <f t="shared" si="457"/>
        <v>11.550601808197072</v>
      </c>
      <c r="M4026">
        <f t="shared" si="458"/>
        <v>0</v>
      </c>
      <c r="N4026" s="46">
        <f t="shared" si="459"/>
        <v>45458.333333323651</v>
      </c>
    </row>
    <row r="4027" spans="2:14" x14ac:dyDescent="0.3">
      <c r="B4027">
        <f t="shared" si="453"/>
        <v>6</v>
      </c>
      <c r="C4027" s="16">
        <v>3993</v>
      </c>
      <c r="D4027" cm="1">
        <f t="array" ref="D4027">IFERROR(INDEX(Jesper!AH$2:AH$366,ROUNDDOWN($C4027/24,0)+1,1)*INDEX($D$3:$AA$30,INDEX(Jesper!$R$2:$R$366,ROW(INDEX(Jesper!AH$2:AH$366,ROUNDDOWN($C4027/24,0)+1,1))-1)+IF('Standard Profiles'!$G$18=$B$10,7,0)+IF('Standard Profiles'!$G$18=$B$17,14,0)+IF('Standard Profiles'!$G$18=$B$24,21,0),MOD($C4027,24)+1)/SUM(INDEX($D$3:$AA$30,INDEX(Jesper!$R$2:$R$366,ROW(INDEX(Jesper!AH$2:AH$366,ROUNDDOWN($C4027/24,0)+1,1))-1)+IF('Standard Profiles'!$G$18=$B$10,7,0)+IF('Standard Profiles'!$G$18=$B$17,14,0)+IF('Standard Profiles'!$G$18=$B$24,21,0),0)),0)</f>
        <v>11.301282328050805</v>
      </c>
      <c r="E4027" cm="1">
        <f t="array" ref="E4027">IFERROR(INDEX(Jesper!AI$2:AI$366,ROUNDDOWN($C4027/24,0)+1,1)*INDEX($D$3:$AA$30,INDEX(Jesper!$R$2:$R$366,ROW(INDEX(Jesper!AI$2:AI$366,ROUNDDOWN($C4027/24,0)+1,1))-1)+IF('Standard Profiles'!$G$19=$B$10,7,0)+IF('Standard Profiles'!$G$19=$B$17,14,0)+IF('Standard Profiles'!$G$19=$B$24,21,0),MOD($C4027,24)+1)/SUM(INDEX($D$3:$AA$30,INDEX(Jesper!$R$2:$R$366,ROW(INDEX(Jesper!AI$2:AI$366,ROUNDDOWN($C4027/24,0)+1,1))-1)+IF('Standard Profiles'!$G$19=$B$10,7,0)+IF('Standard Profiles'!$G$19=$B$17,14,0)+IF('Standard Profiles'!$G$19=$B$24,21,0),0)),0)</f>
        <v>1.5664789979001328</v>
      </c>
      <c r="F4027" cm="1">
        <f t="array" ref="F4027">IFERROR(INDEX(Jesper!AJ$2:AJ$366,ROUNDDOWN($C4027/24,0)+1,1)*INDEX($D$3:$AA$30,INDEX(Jesper!$R$2:$R$366,ROW(INDEX(Jesper!AJ$2:AJ$366,ROUNDDOWN($C4027/24,0)+1,1))-1)+IF('Standard Profiles'!$G$20=$B$10,7,0)+IF('Standard Profiles'!$G$20=$B$17,14,0)+IF('Standard Profiles'!$G$20=$B$24,21,0),MOD($C4027,24)+1)/SUM(INDEX($D$3:$AA$30,INDEX(Jesper!$R$2:$R$366,ROW(INDEX(Jesper!AJ$2:AJ$366,ROUNDDOWN($C4027/24,0)+1,1))-1)+IF('Standard Profiles'!$G$20=$B$10,7,0)+IF('Standard Profiles'!$G$20=$B$17,14,0)+IF('Standard Profiles'!$G$20=$B$24,21,0),0)),0)</f>
        <v>0</v>
      </c>
      <c r="G4027" cm="1">
        <f t="array" ref="G4027">IFERROR(INDEX(Jesper!AK$2:AK$366,ROUNDDOWN($C4027/24,0)+1,1)*INDEX($D$3:$AA$30,INDEX(Jesper!$R$2:$R$366,ROW(INDEX(Jesper!AK$2:AK$366,ROUNDDOWN($C4027/24,0)+1,1))-1)+IF('Standard Profiles'!$G$21=$B$10,7,0)+IF('Standard Profiles'!$G$21=$B$17,14,0)+IF('Standard Profiles'!$G$21=$B$24,21,0),MOD($C4027,24)+1)/SUM(INDEX($D$3:$AA$30,INDEX(Jesper!$R$2:$R$366,ROW(INDEX(Jesper!AK$2:AK$366,ROUNDDOWN($C4027/24,0)+1,1))-1)+IF('Standard Profiles'!$G$21=$B$10,7,0)+IF('Standard Profiles'!$G$21=$B$17,14,0)+IF('Standard Profiles'!$G$21=$B$24,21,0),0)),0)</f>
        <v>0</v>
      </c>
      <c r="H4027" cm="1">
        <f t="array" ref="H4027">IFERROR(INDEX(Jesper!AL$2:AL$366,ROUNDDOWN($C4027/24,0)+1,1)*INDEX($D$3:$AA$30,INDEX(Jesper!$R$2:$R$366,ROW(INDEX(Jesper!AL$2:AL$366,ROUNDDOWN($C4027/24,0)+1,1))-1)+IF('Standard Profiles'!$G$22=$B$10,7,0)+IF('Standard Profiles'!$G$22=$B$17,14,0)+IF('Standard Profiles'!$G$22=$B$24,21,0),MOD($C4027,24)+1)/SUM(INDEX($D$3:$AA$30,INDEX(Jesper!$R$2:$R$366,ROW(INDEX(Jesper!AL$2:AL$366,ROUNDDOWN($C4027/24,0)+1,1))-1)+IF('Standard Profiles'!$G$22=$B$10,7,0)+IF('Standard Profiles'!$G$22=$B$17,14,0)+IF('Standard Profiles'!$G$22=$B$24,21,0),0)),0)</f>
        <v>0</v>
      </c>
      <c r="I4027">
        <f t="shared" si="454"/>
        <v>0.14112423404505706</v>
      </c>
      <c r="J4027">
        <f t="shared" si="455"/>
        <v>0.47041411348352352</v>
      </c>
      <c r="K4027">
        <f t="shared" si="456"/>
        <v>0.70562117022528525</v>
      </c>
      <c r="L4027">
        <f t="shared" si="457"/>
        <v>11.550601808197072</v>
      </c>
      <c r="M4027">
        <f t="shared" si="458"/>
        <v>0</v>
      </c>
      <c r="N4027" s="46">
        <f t="shared" si="459"/>
        <v>45458.374999990316</v>
      </c>
    </row>
    <row r="4028" spans="2:14" x14ac:dyDescent="0.3">
      <c r="B4028">
        <f t="shared" si="453"/>
        <v>6</v>
      </c>
      <c r="C4028" s="16">
        <v>3994</v>
      </c>
      <c r="D4028" cm="1">
        <f t="array" ref="D4028">IFERROR(INDEX(Jesper!AH$2:AH$366,ROUNDDOWN($C4028/24,0)+1,1)*INDEX($D$3:$AA$30,INDEX(Jesper!$R$2:$R$366,ROW(INDEX(Jesper!AH$2:AH$366,ROUNDDOWN($C4028/24,0)+1,1))-1)+IF('Standard Profiles'!$G$18=$B$10,7,0)+IF('Standard Profiles'!$G$18=$B$17,14,0)+IF('Standard Profiles'!$G$18=$B$24,21,0),MOD($C4028,24)+1)/SUM(INDEX($D$3:$AA$30,INDEX(Jesper!$R$2:$R$366,ROW(INDEX(Jesper!AH$2:AH$366,ROUNDDOWN($C4028/24,0)+1,1))-1)+IF('Standard Profiles'!$G$18=$B$10,7,0)+IF('Standard Profiles'!$G$18=$B$17,14,0)+IF('Standard Profiles'!$G$18=$B$24,21,0),0)),0)</f>
        <v>11.301282328050805</v>
      </c>
      <c r="E4028" cm="1">
        <f t="array" ref="E4028">IFERROR(INDEX(Jesper!AI$2:AI$366,ROUNDDOWN($C4028/24,0)+1,1)*INDEX($D$3:$AA$30,INDEX(Jesper!$R$2:$R$366,ROW(INDEX(Jesper!AI$2:AI$366,ROUNDDOWN($C4028/24,0)+1,1))-1)+IF('Standard Profiles'!$G$19=$B$10,7,0)+IF('Standard Profiles'!$G$19=$B$17,14,0)+IF('Standard Profiles'!$G$19=$B$24,21,0),MOD($C4028,24)+1)/SUM(INDEX($D$3:$AA$30,INDEX(Jesper!$R$2:$R$366,ROW(INDEX(Jesper!AI$2:AI$366,ROUNDDOWN($C4028/24,0)+1,1))-1)+IF('Standard Profiles'!$G$19=$B$10,7,0)+IF('Standard Profiles'!$G$19=$B$17,14,0)+IF('Standard Profiles'!$G$19=$B$24,21,0),0)),0)</f>
        <v>1.5664789979001328</v>
      </c>
      <c r="F4028" cm="1">
        <f t="array" ref="F4028">IFERROR(INDEX(Jesper!AJ$2:AJ$366,ROUNDDOWN($C4028/24,0)+1,1)*INDEX($D$3:$AA$30,INDEX(Jesper!$R$2:$R$366,ROW(INDEX(Jesper!AJ$2:AJ$366,ROUNDDOWN($C4028/24,0)+1,1))-1)+IF('Standard Profiles'!$G$20=$B$10,7,0)+IF('Standard Profiles'!$G$20=$B$17,14,0)+IF('Standard Profiles'!$G$20=$B$24,21,0),MOD($C4028,24)+1)/SUM(INDEX($D$3:$AA$30,INDEX(Jesper!$R$2:$R$366,ROW(INDEX(Jesper!AJ$2:AJ$366,ROUNDDOWN($C4028/24,0)+1,1))-1)+IF('Standard Profiles'!$G$20=$B$10,7,0)+IF('Standard Profiles'!$G$20=$B$17,14,0)+IF('Standard Profiles'!$G$20=$B$24,21,0),0)),0)</f>
        <v>0</v>
      </c>
      <c r="G4028" cm="1">
        <f t="array" ref="G4028">IFERROR(INDEX(Jesper!AK$2:AK$366,ROUNDDOWN($C4028/24,0)+1,1)*INDEX($D$3:$AA$30,INDEX(Jesper!$R$2:$R$366,ROW(INDEX(Jesper!AK$2:AK$366,ROUNDDOWN($C4028/24,0)+1,1))-1)+IF('Standard Profiles'!$G$21=$B$10,7,0)+IF('Standard Profiles'!$G$21=$B$17,14,0)+IF('Standard Profiles'!$G$21=$B$24,21,0),MOD($C4028,24)+1)/SUM(INDEX($D$3:$AA$30,INDEX(Jesper!$R$2:$R$366,ROW(INDEX(Jesper!AK$2:AK$366,ROUNDDOWN($C4028/24,0)+1,1))-1)+IF('Standard Profiles'!$G$21=$B$10,7,0)+IF('Standard Profiles'!$G$21=$B$17,14,0)+IF('Standard Profiles'!$G$21=$B$24,21,0),0)),0)</f>
        <v>0</v>
      </c>
      <c r="H4028" cm="1">
        <f t="array" ref="H4028">IFERROR(INDEX(Jesper!AL$2:AL$366,ROUNDDOWN($C4028/24,0)+1,1)*INDEX($D$3:$AA$30,INDEX(Jesper!$R$2:$R$366,ROW(INDEX(Jesper!AL$2:AL$366,ROUNDDOWN($C4028/24,0)+1,1))-1)+IF('Standard Profiles'!$G$22=$B$10,7,0)+IF('Standard Profiles'!$G$22=$B$17,14,0)+IF('Standard Profiles'!$G$22=$B$24,21,0),MOD($C4028,24)+1)/SUM(INDEX($D$3:$AA$30,INDEX(Jesper!$R$2:$R$366,ROW(INDEX(Jesper!AL$2:AL$366,ROUNDDOWN($C4028/24,0)+1,1))-1)+IF('Standard Profiles'!$G$22=$B$10,7,0)+IF('Standard Profiles'!$G$22=$B$17,14,0)+IF('Standard Profiles'!$G$22=$B$24,21,0),0)),0)</f>
        <v>0</v>
      </c>
      <c r="I4028">
        <f t="shared" si="454"/>
        <v>0.14112423404505706</v>
      </c>
      <c r="J4028">
        <f t="shared" si="455"/>
        <v>0.47041411348352352</v>
      </c>
      <c r="K4028">
        <f t="shared" si="456"/>
        <v>0.70562117022528525</v>
      </c>
      <c r="L4028">
        <f t="shared" si="457"/>
        <v>11.550601808197072</v>
      </c>
      <c r="M4028">
        <f t="shared" si="458"/>
        <v>0</v>
      </c>
      <c r="N4028" s="46">
        <f t="shared" si="459"/>
        <v>45458.41666665698</v>
      </c>
    </row>
    <row r="4029" spans="2:14" x14ac:dyDescent="0.3">
      <c r="B4029">
        <f t="shared" si="453"/>
        <v>6</v>
      </c>
      <c r="C4029" s="16">
        <v>3995</v>
      </c>
      <c r="D4029" cm="1">
        <f t="array" ref="D4029">IFERROR(INDEX(Jesper!AH$2:AH$366,ROUNDDOWN($C4029/24,0)+1,1)*INDEX($D$3:$AA$30,INDEX(Jesper!$R$2:$R$366,ROW(INDEX(Jesper!AH$2:AH$366,ROUNDDOWN($C4029/24,0)+1,1))-1)+IF('Standard Profiles'!$G$18=$B$10,7,0)+IF('Standard Profiles'!$G$18=$B$17,14,0)+IF('Standard Profiles'!$G$18=$B$24,21,0),MOD($C4029,24)+1)/SUM(INDEX($D$3:$AA$30,INDEX(Jesper!$R$2:$R$366,ROW(INDEX(Jesper!AH$2:AH$366,ROUNDDOWN($C4029/24,0)+1,1))-1)+IF('Standard Profiles'!$G$18=$B$10,7,0)+IF('Standard Profiles'!$G$18=$B$17,14,0)+IF('Standard Profiles'!$G$18=$B$24,21,0),0)),0)</f>
        <v>11.301282328050805</v>
      </c>
      <c r="E4029" cm="1">
        <f t="array" ref="E4029">IFERROR(INDEX(Jesper!AI$2:AI$366,ROUNDDOWN($C4029/24,0)+1,1)*INDEX($D$3:$AA$30,INDEX(Jesper!$R$2:$R$366,ROW(INDEX(Jesper!AI$2:AI$366,ROUNDDOWN($C4029/24,0)+1,1))-1)+IF('Standard Profiles'!$G$19=$B$10,7,0)+IF('Standard Profiles'!$G$19=$B$17,14,0)+IF('Standard Profiles'!$G$19=$B$24,21,0),MOD($C4029,24)+1)/SUM(INDEX($D$3:$AA$30,INDEX(Jesper!$R$2:$R$366,ROW(INDEX(Jesper!AI$2:AI$366,ROUNDDOWN($C4029/24,0)+1,1))-1)+IF('Standard Profiles'!$G$19=$B$10,7,0)+IF('Standard Profiles'!$G$19=$B$17,14,0)+IF('Standard Profiles'!$G$19=$B$24,21,0),0)),0)</f>
        <v>1.5664789979001328</v>
      </c>
      <c r="F4029" cm="1">
        <f t="array" ref="F4029">IFERROR(INDEX(Jesper!AJ$2:AJ$366,ROUNDDOWN($C4029/24,0)+1,1)*INDEX($D$3:$AA$30,INDEX(Jesper!$R$2:$R$366,ROW(INDEX(Jesper!AJ$2:AJ$366,ROUNDDOWN($C4029/24,0)+1,1))-1)+IF('Standard Profiles'!$G$20=$B$10,7,0)+IF('Standard Profiles'!$G$20=$B$17,14,0)+IF('Standard Profiles'!$G$20=$B$24,21,0),MOD($C4029,24)+1)/SUM(INDEX($D$3:$AA$30,INDEX(Jesper!$R$2:$R$366,ROW(INDEX(Jesper!AJ$2:AJ$366,ROUNDDOWN($C4029/24,0)+1,1))-1)+IF('Standard Profiles'!$G$20=$B$10,7,0)+IF('Standard Profiles'!$G$20=$B$17,14,0)+IF('Standard Profiles'!$G$20=$B$24,21,0),0)),0)</f>
        <v>0</v>
      </c>
      <c r="G4029" cm="1">
        <f t="array" ref="G4029">IFERROR(INDEX(Jesper!AK$2:AK$366,ROUNDDOWN($C4029/24,0)+1,1)*INDEX($D$3:$AA$30,INDEX(Jesper!$R$2:$R$366,ROW(INDEX(Jesper!AK$2:AK$366,ROUNDDOWN($C4029/24,0)+1,1))-1)+IF('Standard Profiles'!$G$21=$B$10,7,0)+IF('Standard Profiles'!$G$21=$B$17,14,0)+IF('Standard Profiles'!$G$21=$B$24,21,0),MOD($C4029,24)+1)/SUM(INDEX($D$3:$AA$30,INDEX(Jesper!$R$2:$R$366,ROW(INDEX(Jesper!AK$2:AK$366,ROUNDDOWN($C4029/24,0)+1,1))-1)+IF('Standard Profiles'!$G$21=$B$10,7,0)+IF('Standard Profiles'!$G$21=$B$17,14,0)+IF('Standard Profiles'!$G$21=$B$24,21,0),0)),0)</f>
        <v>0</v>
      </c>
      <c r="H4029" cm="1">
        <f t="array" ref="H4029">IFERROR(INDEX(Jesper!AL$2:AL$366,ROUNDDOWN($C4029/24,0)+1,1)*INDEX($D$3:$AA$30,INDEX(Jesper!$R$2:$R$366,ROW(INDEX(Jesper!AL$2:AL$366,ROUNDDOWN($C4029/24,0)+1,1))-1)+IF('Standard Profiles'!$G$22=$B$10,7,0)+IF('Standard Profiles'!$G$22=$B$17,14,0)+IF('Standard Profiles'!$G$22=$B$24,21,0),MOD($C4029,24)+1)/SUM(INDEX($D$3:$AA$30,INDEX(Jesper!$R$2:$R$366,ROW(INDEX(Jesper!AL$2:AL$366,ROUNDDOWN($C4029/24,0)+1,1))-1)+IF('Standard Profiles'!$G$22=$B$10,7,0)+IF('Standard Profiles'!$G$22=$B$17,14,0)+IF('Standard Profiles'!$G$22=$B$24,21,0),0)),0)</f>
        <v>0</v>
      </c>
      <c r="I4029">
        <f t="shared" si="454"/>
        <v>0.14112423404505706</v>
      </c>
      <c r="J4029">
        <f t="shared" si="455"/>
        <v>0.47041411348352352</v>
      </c>
      <c r="K4029">
        <f t="shared" si="456"/>
        <v>0.70562117022528525</v>
      </c>
      <c r="L4029">
        <f t="shared" si="457"/>
        <v>11.550601808197072</v>
      </c>
      <c r="M4029">
        <f t="shared" si="458"/>
        <v>0</v>
      </c>
      <c r="N4029" s="46">
        <f t="shared" si="459"/>
        <v>45458.458333323644</v>
      </c>
    </row>
    <row r="4030" spans="2:14" x14ac:dyDescent="0.3">
      <c r="B4030">
        <f t="shared" si="453"/>
        <v>6</v>
      </c>
      <c r="C4030" s="16">
        <v>3996</v>
      </c>
      <c r="D4030" cm="1">
        <f t="array" ref="D4030">IFERROR(INDEX(Jesper!AH$2:AH$366,ROUNDDOWN($C4030/24,0)+1,1)*INDEX($D$3:$AA$30,INDEX(Jesper!$R$2:$R$366,ROW(INDEX(Jesper!AH$2:AH$366,ROUNDDOWN($C4030/24,0)+1,1))-1)+IF('Standard Profiles'!$G$18=$B$10,7,0)+IF('Standard Profiles'!$G$18=$B$17,14,0)+IF('Standard Profiles'!$G$18=$B$24,21,0),MOD($C4030,24)+1)/SUM(INDEX($D$3:$AA$30,INDEX(Jesper!$R$2:$R$366,ROW(INDEX(Jesper!AH$2:AH$366,ROUNDDOWN($C4030/24,0)+1,1))-1)+IF('Standard Profiles'!$G$18=$B$10,7,0)+IF('Standard Profiles'!$G$18=$B$17,14,0)+IF('Standard Profiles'!$G$18=$B$24,21,0),0)),0)</f>
        <v>11.301282328050805</v>
      </c>
      <c r="E4030" cm="1">
        <f t="array" ref="E4030">IFERROR(INDEX(Jesper!AI$2:AI$366,ROUNDDOWN($C4030/24,0)+1,1)*INDEX($D$3:$AA$30,INDEX(Jesper!$R$2:$R$366,ROW(INDEX(Jesper!AI$2:AI$366,ROUNDDOWN($C4030/24,0)+1,1))-1)+IF('Standard Profiles'!$G$19=$B$10,7,0)+IF('Standard Profiles'!$G$19=$B$17,14,0)+IF('Standard Profiles'!$G$19=$B$24,21,0),MOD($C4030,24)+1)/SUM(INDEX($D$3:$AA$30,INDEX(Jesper!$R$2:$R$366,ROW(INDEX(Jesper!AI$2:AI$366,ROUNDDOWN($C4030/24,0)+1,1))-1)+IF('Standard Profiles'!$G$19=$B$10,7,0)+IF('Standard Profiles'!$G$19=$B$17,14,0)+IF('Standard Profiles'!$G$19=$B$24,21,0),0)),0)</f>
        <v>1.5664789979001328</v>
      </c>
      <c r="F4030" cm="1">
        <f t="array" ref="F4030">IFERROR(INDEX(Jesper!AJ$2:AJ$366,ROUNDDOWN($C4030/24,0)+1,1)*INDEX($D$3:$AA$30,INDEX(Jesper!$R$2:$R$366,ROW(INDEX(Jesper!AJ$2:AJ$366,ROUNDDOWN($C4030/24,0)+1,1))-1)+IF('Standard Profiles'!$G$20=$B$10,7,0)+IF('Standard Profiles'!$G$20=$B$17,14,0)+IF('Standard Profiles'!$G$20=$B$24,21,0),MOD($C4030,24)+1)/SUM(INDEX($D$3:$AA$30,INDEX(Jesper!$R$2:$R$366,ROW(INDEX(Jesper!AJ$2:AJ$366,ROUNDDOWN($C4030/24,0)+1,1))-1)+IF('Standard Profiles'!$G$20=$B$10,7,0)+IF('Standard Profiles'!$G$20=$B$17,14,0)+IF('Standard Profiles'!$G$20=$B$24,21,0),0)),0)</f>
        <v>0</v>
      </c>
      <c r="G4030" cm="1">
        <f t="array" ref="G4030">IFERROR(INDEX(Jesper!AK$2:AK$366,ROUNDDOWN($C4030/24,0)+1,1)*INDEX($D$3:$AA$30,INDEX(Jesper!$R$2:$R$366,ROW(INDEX(Jesper!AK$2:AK$366,ROUNDDOWN($C4030/24,0)+1,1))-1)+IF('Standard Profiles'!$G$21=$B$10,7,0)+IF('Standard Profiles'!$G$21=$B$17,14,0)+IF('Standard Profiles'!$G$21=$B$24,21,0),MOD($C4030,24)+1)/SUM(INDEX($D$3:$AA$30,INDEX(Jesper!$R$2:$R$366,ROW(INDEX(Jesper!AK$2:AK$366,ROUNDDOWN($C4030/24,0)+1,1))-1)+IF('Standard Profiles'!$G$21=$B$10,7,0)+IF('Standard Profiles'!$G$21=$B$17,14,0)+IF('Standard Profiles'!$G$21=$B$24,21,0),0)),0)</f>
        <v>0</v>
      </c>
      <c r="H4030" cm="1">
        <f t="array" ref="H4030">IFERROR(INDEX(Jesper!AL$2:AL$366,ROUNDDOWN($C4030/24,0)+1,1)*INDEX($D$3:$AA$30,INDEX(Jesper!$R$2:$R$366,ROW(INDEX(Jesper!AL$2:AL$366,ROUNDDOWN($C4030/24,0)+1,1))-1)+IF('Standard Profiles'!$G$22=$B$10,7,0)+IF('Standard Profiles'!$G$22=$B$17,14,0)+IF('Standard Profiles'!$G$22=$B$24,21,0),MOD($C4030,24)+1)/SUM(INDEX($D$3:$AA$30,INDEX(Jesper!$R$2:$R$366,ROW(INDEX(Jesper!AL$2:AL$366,ROUNDDOWN($C4030/24,0)+1,1))-1)+IF('Standard Profiles'!$G$22=$B$10,7,0)+IF('Standard Profiles'!$G$22=$B$17,14,0)+IF('Standard Profiles'!$G$22=$B$24,21,0),0)),0)</f>
        <v>0</v>
      </c>
      <c r="I4030">
        <f t="shared" si="454"/>
        <v>0.14112423404505706</v>
      </c>
      <c r="J4030">
        <f t="shared" si="455"/>
        <v>0.47041411348352352</v>
      </c>
      <c r="K4030">
        <f t="shared" si="456"/>
        <v>0.70562117022528525</v>
      </c>
      <c r="L4030">
        <f t="shared" si="457"/>
        <v>11.550601808197072</v>
      </c>
      <c r="M4030">
        <f t="shared" si="458"/>
        <v>0</v>
      </c>
      <c r="N4030" s="46">
        <f t="shared" si="459"/>
        <v>45458.499999990308</v>
      </c>
    </row>
    <row r="4031" spans="2:14" x14ac:dyDescent="0.3">
      <c r="B4031">
        <f t="shared" si="453"/>
        <v>6</v>
      </c>
      <c r="C4031" s="16">
        <v>3997</v>
      </c>
      <c r="D4031" cm="1">
        <f t="array" ref="D4031">IFERROR(INDEX(Jesper!AH$2:AH$366,ROUNDDOWN($C4031/24,0)+1,1)*INDEX($D$3:$AA$30,INDEX(Jesper!$R$2:$R$366,ROW(INDEX(Jesper!AH$2:AH$366,ROUNDDOWN($C4031/24,0)+1,1))-1)+IF('Standard Profiles'!$G$18=$B$10,7,0)+IF('Standard Profiles'!$G$18=$B$17,14,0)+IF('Standard Profiles'!$G$18=$B$24,21,0),MOD($C4031,24)+1)/SUM(INDEX($D$3:$AA$30,INDEX(Jesper!$R$2:$R$366,ROW(INDEX(Jesper!AH$2:AH$366,ROUNDDOWN($C4031/24,0)+1,1))-1)+IF('Standard Profiles'!$G$18=$B$10,7,0)+IF('Standard Profiles'!$G$18=$B$17,14,0)+IF('Standard Profiles'!$G$18=$B$24,21,0),0)),0)</f>
        <v>11.301282328050805</v>
      </c>
      <c r="E4031" cm="1">
        <f t="array" ref="E4031">IFERROR(INDEX(Jesper!AI$2:AI$366,ROUNDDOWN($C4031/24,0)+1,1)*INDEX($D$3:$AA$30,INDEX(Jesper!$R$2:$R$366,ROW(INDEX(Jesper!AI$2:AI$366,ROUNDDOWN($C4031/24,0)+1,1))-1)+IF('Standard Profiles'!$G$19=$B$10,7,0)+IF('Standard Profiles'!$G$19=$B$17,14,0)+IF('Standard Profiles'!$G$19=$B$24,21,0),MOD($C4031,24)+1)/SUM(INDEX($D$3:$AA$30,INDEX(Jesper!$R$2:$R$366,ROW(INDEX(Jesper!AI$2:AI$366,ROUNDDOWN($C4031/24,0)+1,1))-1)+IF('Standard Profiles'!$G$19=$B$10,7,0)+IF('Standard Profiles'!$G$19=$B$17,14,0)+IF('Standard Profiles'!$G$19=$B$24,21,0),0)),0)</f>
        <v>1.5664789979001328</v>
      </c>
      <c r="F4031" cm="1">
        <f t="array" ref="F4031">IFERROR(INDEX(Jesper!AJ$2:AJ$366,ROUNDDOWN($C4031/24,0)+1,1)*INDEX($D$3:$AA$30,INDEX(Jesper!$R$2:$R$366,ROW(INDEX(Jesper!AJ$2:AJ$366,ROUNDDOWN($C4031/24,0)+1,1))-1)+IF('Standard Profiles'!$G$20=$B$10,7,0)+IF('Standard Profiles'!$G$20=$B$17,14,0)+IF('Standard Profiles'!$G$20=$B$24,21,0),MOD($C4031,24)+1)/SUM(INDEX($D$3:$AA$30,INDEX(Jesper!$R$2:$R$366,ROW(INDEX(Jesper!AJ$2:AJ$366,ROUNDDOWN($C4031/24,0)+1,1))-1)+IF('Standard Profiles'!$G$20=$B$10,7,0)+IF('Standard Profiles'!$G$20=$B$17,14,0)+IF('Standard Profiles'!$G$20=$B$24,21,0),0)),0)</f>
        <v>0</v>
      </c>
      <c r="G4031" cm="1">
        <f t="array" ref="G4031">IFERROR(INDEX(Jesper!AK$2:AK$366,ROUNDDOWN($C4031/24,0)+1,1)*INDEX($D$3:$AA$30,INDEX(Jesper!$R$2:$R$366,ROW(INDEX(Jesper!AK$2:AK$366,ROUNDDOWN($C4031/24,0)+1,1))-1)+IF('Standard Profiles'!$G$21=$B$10,7,0)+IF('Standard Profiles'!$G$21=$B$17,14,0)+IF('Standard Profiles'!$G$21=$B$24,21,0),MOD($C4031,24)+1)/SUM(INDEX($D$3:$AA$30,INDEX(Jesper!$R$2:$R$366,ROW(INDEX(Jesper!AK$2:AK$366,ROUNDDOWN($C4031/24,0)+1,1))-1)+IF('Standard Profiles'!$G$21=$B$10,7,0)+IF('Standard Profiles'!$G$21=$B$17,14,0)+IF('Standard Profiles'!$G$21=$B$24,21,0),0)),0)</f>
        <v>0</v>
      </c>
      <c r="H4031" cm="1">
        <f t="array" ref="H4031">IFERROR(INDEX(Jesper!AL$2:AL$366,ROUNDDOWN($C4031/24,0)+1,1)*INDEX($D$3:$AA$30,INDEX(Jesper!$R$2:$R$366,ROW(INDEX(Jesper!AL$2:AL$366,ROUNDDOWN($C4031/24,0)+1,1))-1)+IF('Standard Profiles'!$G$22=$B$10,7,0)+IF('Standard Profiles'!$G$22=$B$17,14,0)+IF('Standard Profiles'!$G$22=$B$24,21,0),MOD($C4031,24)+1)/SUM(INDEX($D$3:$AA$30,INDEX(Jesper!$R$2:$R$366,ROW(INDEX(Jesper!AL$2:AL$366,ROUNDDOWN($C4031/24,0)+1,1))-1)+IF('Standard Profiles'!$G$22=$B$10,7,0)+IF('Standard Profiles'!$G$22=$B$17,14,0)+IF('Standard Profiles'!$G$22=$B$24,21,0),0)),0)</f>
        <v>0</v>
      </c>
      <c r="I4031">
        <f t="shared" si="454"/>
        <v>0.14112423404505706</v>
      </c>
      <c r="J4031">
        <f t="shared" si="455"/>
        <v>0.47041411348352352</v>
      </c>
      <c r="K4031">
        <f t="shared" si="456"/>
        <v>0.70562117022528525</v>
      </c>
      <c r="L4031">
        <f t="shared" si="457"/>
        <v>11.550601808197072</v>
      </c>
      <c r="M4031">
        <f t="shared" si="458"/>
        <v>0</v>
      </c>
      <c r="N4031" s="46">
        <f t="shared" si="459"/>
        <v>45458.541666656973</v>
      </c>
    </row>
    <row r="4032" spans="2:14" x14ac:dyDescent="0.3">
      <c r="B4032">
        <f t="shared" si="453"/>
        <v>6</v>
      </c>
      <c r="C4032" s="16">
        <v>3998</v>
      </c>
      <c r="D4032" cm="1">
        <f t="array" ref="D4032">IFERROR(INDEX(Jesper!AH$2:AH$366,ROUNDDOWN($C4032/24,0)+1,1)*INDEX($D$3:$AA$30,INDEX(Jesper!$R$2:$R$366,ROW(INDEX(Jesper!AH$2:AH$366,ROUNDDOWN($C4032/24,0)+1,1))-1)+IF('Standard Profiles'!$G$18=$B$10,7,0)+IF('Standard Profiles'!$G$18=$B$17,14,0)+IF('Standard Profiles'!$G$18=$B$24,21,0),MOD($C4032,24)+1)/SUM(INDEX($D$3:$AA$30,INDEX(Jesper!$R$2:$R$366,ROW(INDEX(Jesper!AH$2:AH$366,ROUNDDOWN($C4032/24,0)+1,1))-1)+IF('Standard Profiles'!$G$18=$B$10,7,0)+IF('Standard Profiles'!$G$18=$B$17,14,0)+IF('Standard Profiles'!$G$18=$B$24,21,0),0)),0)</f>
        <v>11.301282328050805</v>
      </c>
      <c r="E4032" cm="1">
        <f t="array" ref="E4032">IFERROR(INDEX(Jesper!AI$2:AI$366,ROUNDDOWN($C4032/24,0)+1,1)*INDEX($D$3:$AA$30,INDEX(Jesper!$R$2:$R$366,ROW(INDEX(Jesper!AI$2:AI$366,ROUNDDOWN($C4032/24,0)+1,1))-1)+IF('Standard Profiles'!$G$19=$B$10,7,0)+IF('Standard Profiles'!$G$19=$B$17,14,0)+IF('Standard Profiles'!$G$19=$B$24,21,0),MOD($C4032,24)+1)/SUM(INDEX($D$3:$AA$30,INDEX(Jesper!$R$2:$R$366,ROW(INDEX(Jesper!AI$2:AI$366,ROUNDDOWN($C4032/24,0)+1,1))-1)+IF('Standard Profiles'!$G$19=$B$10,7,0)+IF('Standard Profiles'!$G$19=$B$17,14,0)+IF('Standard Profiles'!$G$19=$B$24,21,0),0)),0)</f>
        <v>1.5664789979001328</v>
      </c>
      <c r="F4032" cm="1">
        <f t="array" ref="F4032">IFERROR(INDEX(Jesper!AJ$2:AJ$366,ROUNDDOWN($C4032/24,0)+1,1)*INDEX($D$3:$AA$30,INDEX(Jesper!$R$2:$R$366,ROW(INDEX(Jesper!AJ$2:AJ$366,ROUNDDOWN($C4032/24,0)+1,1))-1)+IF('Standard Profiles'!$G$20=$B$10,7,0)+IF('Standard Profiles'!$G$20=$B$17,14,0)+IF('Standard Profiles'!$G$20=$B$24,21,0),MOD($C4032,24)+1)/SUM(INDEX($D$3:$AA$30,INDEX(Jesper!$R$2:$R$366,ROW(INDEX(Jesper!AJ$2:AJ$366,ROUNDDOWN($C4032/24,0)+1,1))-1)+IF('Standard Profiles'!$G$20=$B$10,7,0)+IF('Standard Profiles'!$G$20=$B$17,14,0)+IF('Standard Profiles'!$G$20=$B$24,21,0),0)),0)</f>
        <v>0</v>
      </c>
      <c r="G4032" cm="1">
        <f t="array" ref="G4032">IFERROR(INDEX(Jesper!AK$2:AK$366,ROUNDDOWN($C4032/24,0)+1,1)*INDEX($D$3:$AA$30,INDEX(Jesper!$R$2:$R$366,ROW(INDEX(Jesper!AK$2:AK$366,ROUNDDOWN($C4032/24,0)+1,1))-1)+IF('Standard Profiles'!$G$21=$B$10,7,0)+IF('Standard Profiles'!$G$21=$B$17,14,0)+IF('Standard Profiles'!$G$21=$B$24,21,0),MOD($C4032,24)+1)/SUM(INDEX($D$3:$AA$30,INDEX(Jesper!$R$2:$R$366,ROW(INDEX(Jesper!AK$2:AK$366,ROUNDDOWN($C4032/24,0)+1,1))-1)+IF('Standard Profiles'!$G$21=$B$10,7,0)+IF('Standard Profiles'!$G$21=$B$17,14,0)+IF('Standard Profiles'!$G$21=$B$24,21,0),0)),0)</f>
        <v>0</v>
      </c>
      <c r="H4032" cm="1">
        <f t="array" ref="H4032">IFERROR(INDEX(Jesper!AL$2:AL$366,ROUNDDOWN($C4032/24,0)+1,1)*INDEX($D$3:$AA$30,INDEX(Jesper!$R$2:$R$366,ROW(INDEX(Jesper!AL$2:AL$366,ROUNDDOWN($C4032/24,0)+1,1))-1)+IF('Standard Profiles'!$G$22=$B$10,7,0)+IF('Standard Profiles'!$G$22=$B$17,14,0)+IF('Standard Profiles'!$G$22=$B$24,21,0),MOD($C4032,24)+1)/SUM(INDEX($D$3:$AA$30,INDEX(Jesper!$R$2:$R$366,ROW(INDEX(Jesper!AL$2:AL$366,ROUNDDOWN($C4032/24,0)+1,1))-1)+IF('Standard Profiles'!$G$22=$B$10,7,0)+IF('Standard Profiles'!$G$22=$B$17,14,0)+IF('Standard Profiles'!$G$22=$B$24,21,0),0)),0)</f>
        <v>0</v>
      </c>
      <c r="I4032">
        <f t="shared" si="454"/>
        <v>0.14112423404505706</v>
      </c>
      <c r="J4032">
        <f t="shared" si="455"/>
        <v>0.47041411348352352</v>
      </c>
      <c r="K4032">
        <f t="shared" si="456"/>
        <v>0.70562117022528525</v>
      </c>
      <c r="L4032">
        <f t="shared" si="457"/>
        <v>11.550601808197072</v>
      </c>
      <c r="M4032">
        <f t="shared" si="458"/>
        <v>0</v>
      </c>
      <c r="N4032" s="46">
        <f t="shared" si="459"/>
        <v>45458.583333323637</v>
      </c>
    </row>
    <row r="4033" spans="2:14" x14ac:dyDescent="0.3">
      <c r="B4033">
        <f t="shared" si="453"/>
        <v>6</v>
      </c>
      <c r="C4033" s="16">
        <v>3999</v>
      </c>
      <c r="D4033" cm="1">
        <f t="array" ref="D4033">IFERROR(INDEX(Jesper!AH$2:AH$366,ROUNDDOWN($C4033/24,0)+1,1)*INDEX($D$3:$AA$30,INDEX(Jesper!$R$2:$R$366,ROW(INDEX(Jesper!AH$2:AH$366,ROUNDDOWN($C4033/24,0)+1,1))-1)+IF('Standard Profiles'!$G$18=$B$10,7,0)+IF('Standard Profiles'!$G$18=$B$17,14,0)+IF('Standard Profiles'!$G$18=$B$24,21,0),MOD($C4033,24)+1)/SUM(INDEX($D$3:$AA$30,INDEX(Jesper!$R$2:$R$366,ROW(INDEX(Jesper!AH$2:AH$366,ROUNDDOWN($C4033/24,0)+1,1))-1)+IF('Standard Profiles'!$G$18=$B$10,7,0)+IF('Standard Profiles'!$G$18=$B$17,14,0)+IF('Standard Profiles'!$G$18=$B$24,21,0),0)),0)</f>
        <v>10.217597721251412</v>
      </c>
      <c r="E4033" cm="1">
        <f t="array" ref="E4033">IFERROR(INDEX(Jesper!AI$2:AI$366,ROUNDDOWN($C4033/24,0)+1,1)*INDEX($D$3:$AA$30,INDEX(Jesper!$R$2:$R$366,ROW(INDEX(Jesper!AI$2:AI$366,ROUNDDOWN($C4033/24,0)+1,1))-1)+IF('Standard Profiles'!$G$19=$B$10,7,0)+IF('Standard Profiles'!$G$19=$B$17,14,0)+IF('Standard Profiles'!$G$19=$B$24,21,0),MOD($C4033,24)+1)/SUM(INDEX($D$3:$AA$30,INDEX(Jesper!$R$2:$R$366,ROW(INDEX(Jesper!AI$2:AI$366,ROUNDDOWN($C4033/24,0)+1,1))-1)+IF('Standard Profiles'!$G$19=$B$10,7,0)+IF('Standard Profiles'!$G$19=$B$17,14,0)+IF('Standard Profiles'!$G$19=$B$24,21,0),0)),0)</f>
        <v>1.4162686830329969</v>
      </c>
      <c r="F4033" cm="1">
        <f t="array" ref="F4033">IFERROR(INDEX(Jesper!AJ$2:AJ$366,ROUNDDOWN($C4033/24,0)+1,1)*INDEX($D$3:$AA$30,INDEX(Jesper!$R$2:$R$366,ROW(INDEX(Jesper!AJ$2:AJ$366,ROUNDDOWN($C4033/24,0)+1,1))-1)+IF('Standard Profiles'!$G$20=$B$10,7,0)+IF('Standard Profiles'!$G$20=$B$17,14,0)+IF('Standard Profiles'!$G$20=$B$24,21,0),MOD($C4033,24)+1)/SUM(INDEX($D$3:$AA$30,INDEX(Jesper!$R$2:$R$366,ROW(INDEX(Jesper!AJ$2:AJ$366,ROUNDDOWN($C4033/24,0)+1,1))-1)+IF('Standard Profiles'!$G$20=$B$10,7,0)+IF('Standard Profiles'!$G$20=$B$17,14,0)+IF('Standard Profiles'!$G$20=$B$24,21,0),0)),0)</f>
        <v>0</v>
      </c>
      <c r="G4033" cm="1">
        <f t="array" ref="G4033">IFERROR(INDEX(Jesper!AK$2:AK$366,ROUNDDOWN($C4033/24,0)+1,1)*INDEX($D$3:$AA$30,INDEX(Jesper!$R$2:$R$366,ROW(INDEX(Jesper!AK$2:AK$366,ROUNDDOWN($C4033/24,0)+1,1))-1)+IF('Standard Profiles'!$G$21=$B$10,7,0)+IF('Standard Profiles'!$G$21=$B$17,14,0)+IF('Standard Profiles'!$G$21=$B$24,21,0),MOD($C4033,24)+1)/SUM(INDEX($D$3:$AA$30,INDEX(Jesper!$R$2:$R$366,ROW(INDEX(Jesper!AK$2:AK$366,ROUNDDOWN($C4033/24,0)+1,1))-1)+IF('Standard Profiles'!$G$21=$B$10,7,0)+IF('Standard Profiles'!$G$21=$B$17,14,0)+IF('Standard Profiles'!$G$21=$B$24,21,0),0)),0)</f>
        <v>0</v>
      </c>
      <c r="H4033" cm="1">
        <f t="array" ref="H4033">IFERROR(INDEX(Jesper!AL$2:AL$366,ROUNDDOWN($C4033/24,0)+1,1)*INDEX($D$3:$AA$30,INDEX(Jesper!$R$2:$R$366,ROW(INDEX(Jesper!AL$2:AL$366,ROUNDDOWN($C4033/24,0)+1,1))-1)+IF('Standard Profiles'!$G$22=$B$10,7,0)+IF('Standard Profiles'!$G$22=$B$17,14,0)+IF('Standard Profiles'!$G$22=$B$24,21,0),MOD($C4033,24)+1)/SUM(INDEX($D$3:$AA$30,INDEX(Jesper!$R$2:$R$366,ROW(INDEX(Jesper!AL$2:AL$366,ROUNDDOWN($C4033/24,0)+1,1))-1)+IF('Standard Profiles'!$G$22=$B$10,7,0)+IF('Standard Profiles'!$G$22=$B$17,14,0)+IF('Standard Profiles'!$G$22=$B$24,21,0),0)),0)</f>
        <v>0</v>
      </c>
      <c r="I4033">
        <f t="shared" si="454"/>
        <v>0.12759177324621598</v>
      </c>
      <c r="J4033">
        <f t="shared" si="455"/>
        <v>0.42530591082071995</v>
      </c>
      <c r="K4033">
        <f t="shared" si="456"/>
        <v>0.63795886623107989</v>
      </c>
      <c r="L4033">
        <f t="shared" si="457"/>
        <v>10.443009853986393</v>
      </c>
      <c r="M4033">
        <f t="shared" si="458"/>
        <v>0</v>
      </c>
      <c r="N4033" s="46">
        <f t="shared" si="459"/>
        <v>45458.624999990301</v>
      </c>
    </row>
    <row r="4034" spans="2:14" x14ac:dyDescent="0.3">
      <c r="B4034">
        <f t="shared" si="453"/>
        <v>6</v>
      </c>
      <c r="C4034" s="16">
        <v>4000</v>
      </c>
      <c r="D4034" cm="1">
        <f t="array" ref="D4034">IFERROR(INDEX(Jesper!AH$2:AH$366,ROUNDDOWN($C4034/24,0)+1,1)*INDEX($D$3:$AA$30,INDEX(Jesper!$R$2:$R$366,ROW(INDEX(Jesper!AH$2:AH$366,ROUNDDOWN($C4034/24,0)+1,1))-1)+IF('Standard Profiles'!$G$18=$B$10,7,0)+IF('Standard Profiles'!$G$18=$B$17,14,0)+IF('Standard Profiles'!$G$18=$B$24,21,0),MOD($C4034,24)+1)/SUM(INDEX($D$3:$AA$30,INDEX(Jesper!$R$2:$R$366,ROW(INDEX(Jesper!AH$2:AH$366,ROUNDDOWN($C4034/24,0)+1,1))-1)+IF('Standard Profiles'!$G$18=$B$10,7,0)+IF('Standard Profiles'!$G$18=$B$17,14,0)+IF('Standard Profiles'!$G$18=$B$24,21,0),0)),0)</f>
        <v>9.2887252011376464</v>
      </c>
      <c r="E4034" cm="1">
        <f t="array" ref="E4034">IFERROR(INDEX(Jesper!AI$2:AI$366,ROUNDDOWN($C4034/24,0)+1,1)*INDEX($D$3:$AA$30,INDEX(Jesper!$R$2:$R$366,ROW(INDEX(Jesper!AI$2:AI$366,ROUNDDOWN($C4034/24,0)+1,1))-1)+IF('Standard Profiles'!$G$19=$B$10,7,0)+IF('Standard Profiles'!$G$19=$B$17,14,0)+IF('Standard Profiles'!$G$19=$B$24,21,0),MOD($C4034,24)+1)/SUM(INDEX($D$3:$AA$30,INDEX(Jesper!$R$2:$R$366,ROW(INDEX(Jesper!AI$2:AI$366,ROUNDDOWN($C4034/24,0)+1,1))-1)+IF('Standard Profiles'!$G$19=$B$10,7,0)+IF('Standard Profiles'!$G$19=$B$17,14,0)+IF('Standard Profiles'!$G$19=$B$24,21,0),0)),0)</f>
        <v>1.2875169845754517</v>
      </c>
      <c r="F4034" cm="1">
        <f t="array" ref="F4034">IFERROR(INDEX(Jesper!AJ$2:AJ$366,ROUNDDOWN($C4034/24,0)+1,1)*INDEX($D$3:$AA$30,INDEX(Jesper!$R$2:$R$366,ROW(INDEX(Jesper!AJ$2:AJ$366,ROUNDDOWN($C4034/24,0)+1,1))-1)+IF('Standard Profiles'!$G$20=$B$10,7,0)+IF('Standard Profiles'!$G$20=$B$17,14,0)+IF('Standard Profiles'!$G$20=$B$24,21,0),MOD($C4034,24)+1)/SUM(INDEX($D$3:$AA$30,INDEX(Jesper!$R$2:$R$366,ROW(INDEX(Jesper!AJ$2:AJ$366,ROUNDDOWN($C4034/24,0)+1,1))-1)+IF('Standard Profiles'!$G$20=$B$10,7,0)+IF('Standard Profiles'!$G$20=$B$17,14,0)+IF('Standard Profiles'!$G$20=$B$24,21,0),0)),0)</f>
        <v>0</v>
      </c>
      <c r="G4034" cm="1">
        <f t="array" ref="G4034">IFERROR(INDEX(Jesper!AK$2:AK$366,ROUNDDOWN($C4034/24,0)+1,1)*INDEX($D$3:$AA$30,INDEX(Jesper!$R$2:$R$366,ROW(INDEX(Jesper!AK$2:AK$366,ROUNDDOWN($C4034/24,0)+1,1))-1)+IF('Standard Profiles'!$G$21=$B$10,7,0)+IF('Standard Profiles'!$G$21=$B$17,14,0)+IF('Standard Profiles'!$G$21=$B$24,21,0),MOD($C4034,24)+1)/SUM(INDEX($D$3:$AA$30,INDEX(Jesper!$R$2:$R$366,ROW(INDEX(Jesper!AK$2:AK$366,ROUNDDOWN($C4034/24,0)+1,1))-1)+IF('Standard Profiles'!$G$21=$B$10,7,0)+IF('Standard Profiles'!$G$21=$B$17,14,0)+IF('Standard Profiles'!$G$21=$B$24,21,0),0)),0)</f>
        <v>0</v>
      </c>
      <c r="H4034" cm="1">
        <f t="array" ref="H4034">IFERROR(INDEX(Jesper!AL$2:AL$366,ROUNDDOWN($C4034/24,0)+1,1)*INDEX($D$3:$AA$30,INDEX(Jesper!$R$2:$R$366,ROW(INDEX(Jesper!AL$2:AL$366,ROUNDDOWN($C4034/24,0)+1,1))-1)+IF('Standard Profiles'!$G$22=$B$10,7,0)+IF('Standard Profiles'!$G$22=$B$17,14,0)+IF('Standard Profiles'!$G$22=$B$24,21,0),MOD($C4034,24)+1)/SUM(INDEX($D$3:$AA$30,INDEX(Jesper!$R$2:$R$366,ROW(INDEX(Jesper!AL$2:AL$366,ROUNDDOWN($C4034/24,0)+1,1))-1)+IF('Standard Profiles'!$G$22=$B$10,7,0)+IF('Standard Profiles'!$G$22=$B$17,14,0)+IF('Standard Profiles'!$G$22=$B$24,21,0),0)),0)</f>
        <v>0</v>
      </c>
      <c r="I4034">
        <f t="shared" si="454"/>
        <v>0.1159925211329236</v>
      </c>
      <c r="J4034">
        <f t="shared" si="455"/>
        <v>0.38664173710974542</v>
      </c>
      <c r="K4034">
        <f t="shared" si="456"/>
        <v>0.5799626056646181</v>
      </c>
      <c r="L4034">
        <f t="shared" si="457"/>
        <v>9.4936453218058112</v>
      </c>
      <c r="M4034">
        <f t="shared" si="458"/>
        <v>0</v>
      </c>
      <c r="N4034" s="46">
        <f t="shared" si="459"/>
        <v>45458.666666656965</v>
      </c>
    </row>
    <row r="4035" spans="2:14" x14ac:dyDescent="0.3">
      <c r="B4035">
        <f t="shared" si="453"/>
        <v>6</v>
      </c>
      <c r="C4035" s="16">
        <v>4001</v>
      </c>
      <c r="D4035" cm="1">
        <f t="array" ref="D4035">IFERROR(INDEX(Jesper!AH$2:AH$366,ROUNDDOWN($C4035/24,0)+1,1)*INDEX($D$3:$AA$30,INDEX(Jesper!$R$2:$R$366,ROW(INDEX(Jesper!AH$2:AH$366,ROUNDDOWN($C4035/24,0)+1,1))-1)+IF('Standard Profiles'!$G$18=$B$10,7,0)+IF('Standard Profiles'!$G$18=$B$17,14,0)+IF('Standard Profiles'!$G$18=$B$24,21,0),MOD($C4035,24)+1)/SUM(INDEX($D$3:$AA$30,INDEX(Jesper!$R$2:$R$366,ROW(INDEX(Jesper!AH$2:AH$366,ROUNDDOWN($C4035/24,0)+1,1))-1)+IF('Standard Profiles'!$G$18=$B$10,7,0)+IF('Standard Profiles'!$G$18=$B$17,14,0)+IF('Standard Profiles'!$G$18=$B$24,21,0),0)),0)</f>
        <v>8.3598526810238827</v>
      </c>
      <c r="E4035" cm="1">
        <f t="array" ref="E4035">IFERROR(INDEX(Jesper!AI$2:AI$366,ROUNDDOWN($C4035/24,0)+1,1)*INDEX($D$3:$AA$30,INDEX(Jesper!$R$2:$R$366,ROW(INDEX(Jesper!AI$2:AI$366,ROUNDDOWN($C4035/24,0)+1,1))-1)+IF('Standard Profiles'!$G$19=$B$10,7,0)+IF('Standard Profiles'!$G$19=$B$17,14,0)+IF('Standard Profiles'!$G$19=$B$24,21,0),MOD($C4035,24)+1)/SUM(INDEX($D$3:$AA$30,INDEX(Jesper!$R$2:$R$366,ROW(INDEX(Jesper!AI$2:AI$366,ROUNDDOWN($C4035/24,0)+1,1))-1)+IF('Standard Profiles'!$G$19=$B$10,7,0)+IF('Standard Profiles'!$G$19=$B$17,14,0)+IF('Standard Profiles'!$G$19=$B$24,21,0),0)),0)</f>
        <v>1.1587652861179065</v>
      </c>
      <c r="F4035" cm="1">
        <f t="array" ref="F4035">IFERROR(INDEX(Jesper!AJ$2:AJ$366,ROUNDDOWN($C4035/24,0)+1,1)*INDEX($D$3:$AA$30,INDEX(Jesper!$R$2:$R$366,ROW(INDEX(Jesper!AJ$2:AJ$366,ROUNDDOWN($C4035/24,0)+1,1))-1)+IF('Standard Profiles'!$G$20=$B$10,7,0)+IF('Standard Profiles'!$G$20=$B$17,14,0)+IF('Standard Profiles'!$G$20=$B$24,21,0),MOD($C4035,24)+1)/SUM(INDEX($D$3:$AA$30,INDEX(Jesper!$R$2:$R$366,ROW(INDEX(Jesper!AJ$2:AJ$366,ROUNDDOWN($C4035/24,0)+1,1))-1)+IF('Standard Profiles'!$G$20=$B$10,7,0)+IF('Standard Profiles'!$G$20=$B$17,14,0)+IF('Standard Profiles'!$G$20=$B$24,21,0),0)),0)</f>
        <v>0</v>
      </c>
      <c r="G4035" cm="1">
        <f t="array" ref="G4035">IFERROR(INDEX(Jesper!AK$2:AK$366,ROUNDDOWN($C4035/24,0)+1,1)*INDEX($D$3:$AA$30,INDEX(Jesper!$R$2:$R$366,ROW(INDEX(Jesper!AK$2:AK$366,ROUNDDOWN($C4035/24,0)+1,1))-1)+IF('Standard Profiles'!$G$21=$B$10,7,0)+IF('Standard Profiles'!$G$21=$B$17,14,0)+IF('Standard Profiles'!$G$21=$B$24,21,0),MOD($C4035,24)+1)/SUM(INDEX($D$3:$AA$30,INDEX(Jesper!$R$2:$R$366,ROW(INDEX(Jesper!AK$2:AK$366,ROUNDDOWN($C4035/24,0)+1,1))-1)+IF('Standard Profiles'!$G$21=$B$10,7,0)+IF('Standard Profiles'!$G$21=$B$17,14,0)+IF('Standard Profiles'!$G$21=$B$24,21,0),0)),0)</f>
        <v>0</v>
      </c>
      <c r="H4035" cm="1">
        <f t="array" ref="H4035">IFERROR(INDEX(Jesper!AL$2:AL$366,ROUNDDOWN($C4035/24,0)+1,1)*INDEX($D$3:$AA$30,INDEX(Jesper!$R$2:$R$366,ROW(INDEX(Jesper!AL$2:AL$366,ROUNDDOWN($C4035/24,0)+1,1))-1)+IF('Standard Profiles'!$G$22=$B$10,7,0)+IF('Standard Profiles'!$G$22=$B$17,14,0)+IF('Standard Profiles'!$G$22=$B$24,21,0),MOD($C4035,24)+1)/SUM(INDEX($D$3:$AA$30,INDEX(Jesper!$R$2:$R$366,ROW(INDEX(Jesper!AL$2:AL$366,ROUNDDOWN($C4035/24,0)+1,1))-1)+IF('Standard Profiles'!$G$22=$B$10,7,0)+IF('Standard Profiles'!$G$22=$B$17,14,0)+IF('Standard Profiles'!$G$22=$B$24,21,0),0)),0)</f>
        <v>0</v>
      </c>
      <c r="I4035">
        <f t="shared" si="454"/>
        <v>0.10439326901963125</v>
      </c>
      <c r="J4035">
        <f t="shared" si="455"/>
        <v>0.34797756339877084</v>
      </c>
      <c r="K4035">
        <f t="shared" si="456"/>
        <v>0.52196634509815631</v>
      </c>
      <c r="L4035">
        <f t="shared" si="457"/>
        <v>8.5442807896252315</v>
      </c>
      <c r="M4035">
        <f t="shared" si="458"/>
        <v>0</v>
      </c>
      <c r="N4035" s="46">
        <f t="shared" si="459"/>
        <v>45458.70833332363</v>
      </c>
    </row>
    <row r="4036" spans="2:14" x14ac:dyDescent="0.3">
      <c r="B4036">
        <f t="shared" si="453"/>
        <v>6</v>
      </c>
      <c r="C4036" s="16">
        <v>4002</v>
      </c>
      <c r="D4036" cm="1">
        <f t="array" ref="D4036">IFERROR(INDEX(Jesper!AH$2:AH$366,ROUNDDOWN($C4036/24,0)+1,1)*INDEX($D$3:$AA$30,INDEX(Jesper!$R$2:$R$366,ROW(INDEX(Jesper!AH$2:AH$366,ROUNDDOWN($C4036/24,0)+1,1))-1)+IF('Standard Profiles'!$G$18=$B$10,7,0)+IF('Standard Profiles'!$G$18=$B$17,14,0)+IF('Standard Profiles'!$G$18=$B$24,21,0),MOD($C4036,24)+1)/SUM(INDEX($D$3:$AA$30,INDEX(Jesper!$R$2:$R$366,ROW(INDEX(Jesper!AH$2:AH$366,ROUNDDOWN($C4036/24,0)+1,1))-1)+IF('Standard Profiles'!$G$18=$B$10,7,0)+IF('Standard Profiles'!$G$18=$B$17,14,0)+IF('Standard Profiles'!$G$18=$B$24,21,0),0)),0)</f>
        <v>8.0502285076526263</v>
      </c>
      <c r="E4036" cm="1">
        <f t="array" ref="E4036">IFERROR(INDEX(Jesper!AI$2:AI$366,ROUNDDOWN($C4036/24,0)+1,1)*INDEX($D$3:$AA$30,INDEX(Jesper!$R$2:$R$366,ROW(INDEX(Jesper!AI$2:AI$366,ROUNDDOWN($C4036/24,0)+1,1))-1)+IF('Standard Profiles'!$G$19=$B$10,7,0)+IF('Standard Profiles'!$G$19=$B$17,14,0)+IF('Standard Profiles'!$G$19=$B$24,21,0),MOD($C4036,24)+1)/SUM(INDEX($D$3:$AA$30,INDEX(Jesper!$R$2:$R$366,ROW(INDEX(Jesper!AI$2:AI$366,ROUNDDOWN($C4036/24,0)+1,1))-1)+IF('Standard Profiles'!$G$19=$B$10,7,0)+IF('Standard Profiles'!$G$19=$B$17,14,0)+IF('Standard Profiles'!$G$19=$B$24,21,0),0)),0)</f>
        <v>1.1158480532987247</v>
      </c>
      <c r="F4036" cm="1">
        <f t="array" ref="F4036">IFERROR(INDEX(Jesper!AJ$2:AJ$366,ROUNDDOWN($C4036/24,0)+1,1)*INDEX($D$3:$AA$30,INDEX(Jesper!$R$2:$R$366,ROW(INDEX(Jesper!AJ$2:AJ$366,ROUNDDOWN($C4036/24,0)+1,1))-1)+IF('Standard Profiles'!$G$20=$B$10,7,0)+IF('Standard Profiles'!$G$20=$B$17,14,0)+IF('Standard Profiles'!$G$20=$B$24,21,0),MOD($C4036,24)+1)/SUM(INDEX($D$3:$AA$30,INDEX(Jesper!$R$2:$R$366,ROW(INDEX(Jesper!AJ$2:AJ$366,ROUNDDOWN($C4036/24,0)+1,1))-1)+IF('Standard Profiles'!$G$20=$B$10,7,0)+IF('Standard Profiles'!$G$20=$B$17,14,0)+IF('Standard Profiles'!$G$20=$B$24,21,0),0)),0)</f>
        <v>0</v>
      </c>
      <c r="G4036" cm="1">
        <f t="array" ref="G4036">IFERROR(INDEX(Jesper!AK$2:AK$366,ROUNDDOWN($C4036/24,0)+1,1)*INDEX($D$3:$AA$30,INDEX(Jesper!$R$2:$R$366,ROW(INDEX(Jesper!AK$2:AK$366,ROUNDDOWN($C4036/24,0)+1,1))-1)+IF('Standard Profiles'!$G$21=$B$10,7,0)+IF('Standard Profiles'!$G$21=$B$17,14,0)+IF('Standard Profiles'!$G$21=$B$24,21,0),MOD($C4036,24)+1)/SUM(INDEX($D$3:$AA$30,INDEX(Jesper!$R$2:$R$366,ROW(INDEX(Jesper!AK$2:AK$366,ROUNDDOWN($C4036/24,0)+1,1))-1)+IF('Standard Profiles'!$G$21=$B$10,7,0)+IF('Standard Profiles'!$G$21=$B$17,14,0)+IF('Standard Profiles'!$G$21=$B$24,21,0),0)),0)</f>
        <v>0</v>
      </c>
      <c r="H4036" cm="1">
        <f t="array" ref="H4036">IFERROR(INDEX(Jesper!AL$2:AL$366,ROUNDDOWN($C4036/24,0)+1,1)*INDEX($D$3:$AA$30,INDEX(Jesper!$R$2:$R$366,ROW(INDEX(Jesper!AL$2:AL$366,ROUNDDOWN($C4036/24,0)+1,1))-1)+IF('Standard Profiles'!$G$22=$B$10,7,0)+IF('Standard Profiles'!$G$22=$B$17,14,0)+IF('Standard Profiles'!$G$22=$B$24,21,0),MOD($C4036,24)+1)/SUM(INDEX($D$3:$AA$30,INDEX(Jesper!$R$2:$R$366,ROW(INDEX(Jesper!AL$2:AL$366,ROUNDDOWN($C4036/24,0)+1,1))-1)+IF('Standard Profiles'!$G$22=$B$10,7,0)+IF('Standard Profiles'!$G$22=$B$17,14,0)+IF('Standard Profiles'!$G$22=$B$24,21,0),0)),0)</f>
        <v>0</v>
      </c>
      <c r="I4036">
        <f t="shared" si="454"/>
        <v>0.10052685164853378</v>
      </c>
      <c r="J4036">
        <f t="shared" si="455"/>
        <v>0.33508950549511268</v>
      </c>
      <c r="K4036">
        <f t="shared" si="456"/>
        <v>0.50263425824266894</v>
      </c>
      <c r="L4036">
        <f t="shared" si="457"/>
        <v>8.2278259455650353</v>
      </c>
      <c r="M4036">
        <f t="shared" si="458"/>
        <v>0</v>
      </c>
      <c r="N4036" s="46">
        <f t="shared" si="459"/>
        <v>45458.749999990294</v>
      </c>
    </row>
    <row r="4037" spans="2:14" x14ac:dyDescent="0.3">
      <c r="B4037">
        <f t="shared" si="453"/>
        <v>6</v>
      </c>
      <c r="C4037" s="16">
        <v>4003</v>
      </c>
      <c r="D4037" cm="1">
        <f t="array" ref="D4037">IFERROR(INDEX(Jesper!AH$2:AH$366,ROUNDDOWN($C4037/24,0)+1,1)*INDEX($D$3:$AA$30,INDEX(Jesper!$R$2:$R$366,ROW(INDEX(Jesper!AH$2:AH$366,ROUNDDOWN($C4037/24,0)+1,1))-1)+IF('Standard Profiles'!$G$18=$B$10,7,0)+IF('Standard Profiles'!$G$18=$B$17,14,0)+IF('Standard Profiles'!$G$18=$B$24,21,0),MOD($C4037,24)+1)/SUM(INDEX($D$3:$AA$30,INDEX(Jesper!$R$2:$R$366,ROW(INDEX(Jesper!AH$2:AH$366,ROUNDDOWN($C4037/24,0)+1,1))-1)+IF('Standard Profiles'!$G$18=$B$10,7,0)+IF('Standard Profiles'!$G$18=$B$17,14,0)+IF('Standard Profiles'!$G$18=$B$24,21,0),0)),0)</f>
        <v>6.5021076407963525</v>
      </c>
      <c r="E4037" cm="1">
        <f t="array" ref="E4037">IFERROR(INDEX(Jesper!AI$2:AI$366,ROUNDDOWN($C4037/24,0)+1,1)*INDEX($D$3:$AA$30,INDEX(Jesper!$R$2:$R$366,ROW(INDEX(Jesper!AI$2:AI$366,ROUNDDOWN($C4037/24,0)+1,1))-1)+IF('Standard Profiles'!$G$19=$B$10,7,0)+IF('Standard Profiles'!$G$19=$B$17,14,0)+IF('Standard Profiles'!$G$19=$B$24,21,0),MOD($C4037,24)+1)/SUM(INDEX($D$3:$AA$30,INDEX(Jesper!$R$2:$R$366,ROW(INDEX(Jesper!AI$2:AI$366,ROUNDDOWN($C4037/24,0)+1,1))-1)+IF('Standard Profiles'!$G$19=$B$10,7,0)+IF('Standard Profiles'!$G$19=$B$17,14,0)+IF('Standard Profiles'!$G$19=$B$24,21,0),0)),0)</f>
        <v>0.90126188920281602</v>
      </c>
      <c r="F4037" cm="1">
        <f t="array" ref="F4037">IFERROR(INDEX(Jesper!AJ$2:AJ$366,ROUNDDOWN($C4037/24,0)+1,1)*INDEX($D$3:$AA$30,INDEX(Jesper!$R$2:$R$366,ROW(INDEX(Jesper!AJ$2:AJ$366,ROUNDDOWN($C4037/24,0)+1,1))-1)+IF('Standard Profiles'!$G$20=$B$10,7,0)+IF('Standard Profiles'!$G$20=$B$17,14,0)+IF('Standard Profiles'!$G$20=$B$24,21,0),MOD($C4037,24)+1)/SUM(INDEX($D$3:$AA$30,INDEX(Jesper!$R$2:$R$366,ROW(INDEX(Jesper!AJ$2:AJ$366,ROUNDDOWN($C4037/24,0)+1,1))-1)+IF('Standard Profiles'!$G$20=$B$10,7,0)+IF('Standard Profiles'!$G$20=$B$17,14,0)+IF('Standard Profiles'!$G$20=$B$24,21,0),0)),0)</f>
        <v>0</v>
      </c>
      <c r="G4037" cm="1">
        <f t="array" ref="G4037">IFERROR(INDEX(Jesper!AK$2:AK$366,ROUNDDOWN($C4037/24,0)+1,1)*INDEX($D$3:$AA$30,INDEX(Jesper!$R$2:$R$366,ROW(INDEX(Jesper!AK$2:AK$366,ROUNDDOWN($C4037/24,0)+1,1))-1)+IF('Standard Profiles'!$G$21=$B$10,7,0)+IF('Standard Profiles'!$G$21=$B$17,14,0)+IF('Standard Profiles'!$G$21=$B$24,21,0),MOD($C4037,24)+1)/SUM(INDEX($D$3:$AA$30,INDEX(Jesper!$R$2:$R$366,ROW(INDEX(Jesper!AK$2:AK$366,ROUNDDOWN($C4037/24,0)+1,1))-1)+IF('Standard Profiles'!$G$21=$B$10,7,0)+IF('Standard Profiles'!$G$21=$B$17,14,0)+IF('Standard Profiles'!$G$21=$B$24,21,0),0)),0)</f>
        <v>0</v>
      </c>
      <c r="H4037" cm="1">
        <f t="array" ref="H4037">IFERROR(INDEX(Jesper!AL$2:AL$366,ROUNDDOWN($C4037/24,0)+1,1)*INDEX($D$3:$AA$30,INDEX(Jesper!$R$2:$R$366,ROW(INDEX(Jesper!AL$2:AL$366,ROUNDDOWN($C4037/24,0)+1,1))-1)+IF('Standard Profiles'!$G$22=$B$10,7,0)+IF('Standard Profiles'!$G$22=$B$17,14,0)+IF('Standard Profiles'!$G$22=$B$24,21,0),MOD($C4037,24)+1)/SUM(INDEX($D$3:$AA$30,INDEX(Jesper!$R$2:$R$366,ROW(INDEX(Jesper!AL$2:AL$366,ROUNDDOWN($C4037/24,0)+1,1))-1)+IF('Standard Profiles'!$G$22=$B$10,7,0)+IF('Standard Profiles'!$G$22=$B$17,14,0)+IF('Standard Profiles'!$G$22=$B$24,21,0),0)),0)</f>
        <v>0</v>
      </c>
      <c r="I4037">
        <f t="shared" si="454"/>
        <v>8.1194764793046506E-2</v>
      </c>
      <c r="J4037">
        <f t="shared" si="455"/>
        <v>0.27064921597682173</v>
      </c>
      <c r="K4037">
        <f t="shared" si="456"/>
        <v>0.40597382396523257</v>
      </c>
      <c r="L4037">
        <f t="shared" si="457"/>
        <v>6.6455517252640677</v>
      </c>
      <c r="M4037">
        <f t="shared" si="458"/>
        <v>0</v>
      </c>
      <c r="N4037" s="46">
        <f t="shared" si="459"/>
        <v>45458.791666656958</v>
      </c>
    </row>
    <row r="4038" spans="2:14" x14ac:dyDescent="0.3">
      <c r="B4038">
        <f t="shared" si="453"/>
        <v>6</v>
      </c>
      <c r="C4038" s="16">
        <v>4004</v>
      </c>
      <c r="D4038" cm="1">
        <f t="array" ref="D4038">IFERROR(INDEX(Jesper!AH$2:AH$366,ROUNDDOWN($C4038/24,0)+1,1)*INDEX($D$3:$AA$30,INDEX(Jesper!$R$2:$R$366,ROW(INDEX(Jesper!AH$2:AH$366,ROUNDDOWN($C4038/24,0)+1,1))-1)+IF('Standard Profiles'!$G$18=$B$10,7,0)+IF('Standard Profiles'!$G$18=$B$17,14,0)+IF('Standard Profiles'!$G$18=$B$24,21,0),MOD($C4038,24)+1)/SUM(INDEX($D$3:$AA$30,INDEX(Jesper!$R$2:$R$366,ROW(INDEX(Jesper!AH$2:AH$366,ROUNDDOWN($C4038/24,0)+1,1))-1)+IF('Standard Profiles'!$G$18=$B$10,7,0)+IF('Standard Profiles'!$G$18=$B$17,14,0)+IF('Standard Profiles'!$G$18=$B$24,21,0),0)),0)</f>
        <v>4.7991746872544505</v>
      </c>
      <c r="E4038" cm="1">
        <f t="array" ref="E4038">IFERROR(INDEX(Jesper!AI$2:AI$366,ROUNDDOWN($C4038/24,0)+1,1)*INDEX($D$3:$AA$30,INDEX(Jesper!$R$2:$R$366,ROW(INDEX(Jesper!AI$2:AI$366,ROUNDDOWN($C4038/24,0)+1,1))-1)+IF('Standard Profiles'!$G$19=$B$10,7,0)+IF('Standard Profiles'!$G$19=$B$17,14,0)+IF('Standard Profiles'!$G$19=$B$24,21,0),MOD($C4038,24)+1)/SUM(INDEX($D$3:$AA$30,INDEX(Jesper!$R$2:$R$366,ROW(INDEX(Jesper!AI$2:AI$366,ROUNDDOWN($C4038/24,0)+1,1))-1)+IF('Standard Profiles'!$G$19=$B$10,7,0)+IF('Standard Profiles'!$G$19=$B$17,14,0)+IF('Standard Profiles'!$G$19=$B$24,21,0),0)),0)</f>
        <v>0.66521710869731665</v>
      </c>
      <c r="F4038" cm="1">
        <f t="array" ref="F4038">IFERROR(INDEX(Jesper!AJ$2:AJ$366,ROUNDDOWN($C4038/24,0)+1,1)*INDEX($D$3:$AA$30,INDEX(Jesper!$R$2:$R$366,ROW(INDEX(Jesper!AJ$2:AJ$366,ROUNDDOWN($C4038/24,0)+1,1))-1)+IF('Standard Profiles'!$G$20=$B$10,7,0)+IF('Standard Profiles'!$G$20=$B$17,14,0)+IF('Standard Profiles'!$G$20=$B$24,21,0),MOD($C4038,24)+1)/SUM(INDEX($D$3:$AA$30,INDEX(Jesper!$R$2:$R$366,ROW(INDEX(Jesper!AJ$2:AJ$366,ROUNDDOWN($C4038/24,0)+1,1))-1)+IF('Standard Profiles'!$G$20=$B$10,7,0)+IF('Standard Profiles'!$G$20=$B$17,14,0)+IF('Standard Profiles'!$G$20=$B$24,21,0),0)),0)</f>
        <v>0</v>
      </c>
      <c r="G4038" cm="1">
        <f t="array" ref="G4038">IFERROR(INDEX(Jesper!AK$2:AK$366,ROUNDDOWN($C4038/24,0)+1,1)*INDEX($D$3:$AA$30,INDEX(Jesper!$R$2:$R$366,ROW(INDEX(Jesper!AK$2:AK$366,ROUNDDOWN($C4038/24,0)+1,1))-1)+IF('Standard Profiles'!$G$21=$B$10,7,0)+IF('Standard Profiles'!$G$21=$B$17,14,0)+IF('Standard Profiles'!$G$21=$B$24,21,0),MOD($C4038,24)+1)/SUM(INDEX($D$3:$AA$30,INDEX(Jesper!$R$2:$R$366,ROW(INDEX(Jesper!AK$2:AK$366,ROUNDDOWN($C4038/24,0)+1,1))-1)+IF('Standard Profiles'!$G$21=$B$10,7,0)+IF('Standard Profiles'!$G$21=$B$17,14,0)+IF('Standard Profiles'!$G$21=$B$24,21,0),0)),0)</f>
        <v>0</v>
      </c>
      <c r="H4038" cm="1">
        <f t="array" ref="H4038">IFERROR(INDEX(Jesper!AL$2:AL$366,ROUNDDOWN($C4038/24,0)+1,1)*INDEX($D$3:$AA$30,INDEX(Jesper!$R$2:$R$366,ROW(INDEX(Jesper!AL$2:AL$366,ROUNDDOWN($C4038/24,0)+1,1))-1)+IF('Standard Profiles'!$G$22=$B$10,7,0)+IF('Standard Profiles'!$G$22=$B$17,14,0)+IF('Standard Profiles'!$G$22=$B$24,21,0),MOD($C4038,24)+1)/SUM(INDEX($D$3:$AA$30,INDEX(Jesper!$R$2:$R$366,ROW(INDEX(Jesper!AL$2:AL$366,ROUNDDOWN($C4038/24,0)+1,1))-1)+IF('Standard Profiles'!$G$22=$B$10,7,0)+IF('Standard Profiles'!$G$22=$B$17,14,0)+IF('Standard Profiles'!$G$22=$B$24,21,0),0)),0)</f>
        <v>0</v>
      </c>
      <c r="I4038">
        <f t="shared" si="454"/>
        <v>5.9929469252010523E-2</v>
      </c>
      <c r="J4038">
        <f t="shared" si="455"/>
        <v>0.19976489750670176</v>
      </c>
      <c r="K4038">
        <f t="shared" si="456"/>
        <v>0.29964734626005268</v>
      </c>
      <c r="L4038">
        <f t="shared" si="457"/>
        <v>4.9050500829330019</v>
      </c>
      <c r="M4038">
        <f t="shared" si="458"/>
        <v>0</v>
      </c>
      <c r="N4038" s="46">
        <f t="shared" si="459"/>
        <v>45458.833333323622</v>
      </c>
    </row>
    <row r="4039" spans="2:14" x14ac:dyDescent="0.3">
      <c r="B4039">
        <f t="shared" si="453"/>
        <v>6</v>
      </c>
      <c r="C4039" s="16">
        <v>4005</v>
      </c>
      <c r="D4039" cm="1">
        <f t="array" ref="D4039">IFERROR(INDEX(Jesper!AH$2:AH$366,ROUNDDOWN($C4039/24,0)+1,1)*INDEX($D$3:$AA$30,INDEX(Jesper!$R$2:$R$366,ROW(INDEX(Jesper!AH$2:AH$366,ROUNDDOWN($C4039/24,0)+1,1))-1)+IF('Standard Profiles'!$G$18=$B$10,7,0)+IF('Standard Profiles'!$G$18=$B$17,14,0)+IF('Standard Profiles'!$G$18=$B$24,21,0),MOD($C4039,24)+1)/SUM(INDEX($D$3:$AA$30,INDEX(Jesper!$R$2:$R$366,ROW(INDEX(Jesper!AH$2:AH$366,ROUNDDOWN($C4039/24,0)+1,1))-1)+IF('Standard Profiles'!$G$18=$B$10,7,0)+IF('Standard Profiles'!$G$18=$B$17,14,0)+IF('Standard Profiles'!$G$18=$B$24,21,0),0)),0)</f>
        <v>4.7991746872544505</v>
      </c>
      <c r="E4039" cm="1">
        <f t="array" ref="E4039">IFERROR(INDEX(Jesper!AI$2:AI$366,ROUNDDOWN($C4039/24,0)+1,1)*INDEX($D$3:$AA$30,INDEX(Jesper!$R$2:$R$366,ROW(INDEX(Jesper!AI$2:AI$366,ROUNDDOWN($C4039/24,0)+1,1))-1)+IF('Standard Profiles'!$G$19=$B$10,7,0)+IF('Standard Profiles'!$G$19=$B$17,14,0)+IF('Standard Profiles'!$G$19=$B$24,21,0),MOD($C4039,24)+1)/SUM(INDEX($D$3:$AA$30,INDEX(Jesper!$R$2:$R$366,ROW(INDEX(Jesper!AI$2:AI$366,ROUNDDOWN($C4039/24,0)+1,1))-1)+IF('Standard Profiles'!$G$19=$B$10,7,0)+IF('Standard Profiles'!$G$19=$B$17,14,0)+IF('Standard Profiles'!$G$19=$B$24,21,0),0)),0)</f>
        <v>0.66521710869731665</v>
      </c>
      <c r="F4039" cm="1">
        <f t="array" ref="F4039">IFERROR(INDEX(Jesper!AJ$2:AJ$366,ROUNDDOWN($C4039/24,0)+1,1)*INDEX($D$3:$AA$30,INDEX(Jesper!$R$2:$R$366,ROW(INDEX(Jesper!AJ$2:AJ$366,ROUNDDOWN($C4039/24,0)+1,1))-1)+IF('Standard Profiles'!$G$20=$B$10,7,0)+IF('Standard Profiles'!$G$20=$B$17,14,0)+IF('Standard Profiles'!$G$20=$B$24,21,0),MOD($C4039,24)+1)/SUM(INDEX($D$3:$AA$30,INDEX(Jesper!$R$2:$R$366,ROW(INDEX(Jesper!AJ$2:AJ$366,ROUNDDOWN($C4039/24,0)+1,1))-1)+IF('Standard Profiles'!$G$20=$B$10,7,0)+IF('Standard Profiles'!$G$20=$B$17,14,0)+IF('Standard Profiles'!$G$20=$B$24,21,0),0)),0)</f>
        <v>0</v>
      </c>
      <c r="G4039" cm="1">
        <f t="array" ref="G4039">IFERROR(INDEX(Jesper!AK$2:AK$366,ROUNDDOWN($C4039/24,0)+1,1)*INDEX($D$3:$AA$30,INDEX(Jesper!$R$2:$R$366,ROW(INDEX(Jesper!AK$2:AK$366,ROUNDDOWN($C4039/24,0)+1,1))-1)+IF('Standard Profiles'!$G$21=$B$10,7,0)+IF('Standard Profiles'!$G$21=$B$17,14,0)+IF('Standard Profiles'!$G$21=$B$24,21,0),MOD($C4039,24)+1)/SUM(INDEX($D$3:$AA$30,INDEX(Jesper!$R$2:$R$366,ROW(INDEX(Jesper!AK$2:AK$366,ROUNDDOWN($C4039/24,0)+1,1))-1)+IF('Standard Profiles'!$G$21=$B$10,7,0)+IF('Standard Profiles'!$G$21=$B$17,14,0)+IF('Standard Profiles'!$G$21=$B$24,21,0),0)),0)</f>
        <v>0</v>
      </c>
      <c r="H4039" cm="1">
        <f t="array" ref="H4039">IFERROR(INDEX(Jesper!AL$2:AL$366,ROUNDDOWN($C4039/24,0)+1,1)*INDEX($D$3:$AA$30,INDEX(Jesper!$R$2:$R$366,ROW(INDEX(Jesper!AL$2:AL$366,ROUNDDOWN($C4039/24,0)+1,1))-1)+IF('Standard Profiles'!$G$22=$B$10,7,0)+IF('Standard Profiles'!$G$22=$B$17,14,0)+IF('Standard Profiles'!$G$22=$B$24,21,0),MOD($C4039,24)+1)/SUM(INDEX($D$3:$AA$30,INDEX(Jesper!$R$2:$R$366,ROW(INDEX(Jesper!AL$2:AL$366,ROUNDDOWN($C4039/24,0)+1,1))-1)+IF('Standard Profiles'!$G$22=$B$10,7,0)+IF('Standard Profiles'!$G$22=$B$17,14,0)+IF('Standard Profiles'!$G$22=$B$24,21,0),0)),0)</f>
        <v>0</v>
      </c>
      <c r="I4039">
        <f t="shared" si="454"/>
        <v>5.9929469252010523E-2</v>
      </c>
      <c r="J4039">
        <f t="shared" si="455"/>
        <v>0.19976489750670176</v>
      </c>
      <c r="K4039">
        <f t="shared" si="456"/>
        <v>0.29964734626005268</v>
      </c>
      <c r="L4039">
        <f t="shared" si="457"/>
        <v>4.9050500829330019</v>
      </c>
      <c r="M4039">
        <f t="shared" si="458"/>
        <v>0</v>
      </c>
      <c r="N4039" s="46">
        <f t="shared" si="459"/>
        <v>45458.874999990287</v>
      </c>
    </row>
    <row r="4040" spans="2:14" x14ac:dyDescent="0.3">
      <c r="B4040">
        <f t="shared" si="453"/>
        <v>6</v>
      </c>
      <c r="C4040" s="16">
        <v>4006</v>
      </c>
      <c r="D4040" cm="1">
        <f t="array" ref="D4040">IFERROR(INDEX(Jesper!AH$2:AH$366,ROUNDDOWN($C4040/24,0)+1,1)*INDEX($D$3:$AA$30,INDEX(Jesper!$R$2:$R$366,ROW(INDEX(Jesper!AH$2:AH$366,ROUNDDOWN($C4040/24,0)+1,1))-1)+IF('Standard Profiles'!$G$18=$B$10,7,0)+IF('Standard Profiles'!$G$18=$B$17,14,0)+IF('Standard Profiles'!$G$18=$B$24,21,0),MOD($C4040,24)+1)/SUM(INDEX($D$3:$AA$30,INDEX(Jesper!$R$2:$R$366,ROW(INDEX(Jesper!AH$2:AH$366,ROUNDDOWN($C4040/24,0)+1,1))-1)+IF('Standard Profiles'!$G$18=$B$10,7,0)+IF('Standard Profiles'!$G$18=$B$17,14,0)+IF('Standard Profiles'!$G$18=$B$24,21,0),0)),0)</f>
        <v>4.7991746872544505</v>
      </c>
      <c r="E4040" cm="1">
        <f t="array" ref="E4040">IFERROR(INDEX(Jesper!AI$2:AI$366,ROUNDDOWN($C4040/24,0)+1,1)*INDEX($D$3:$AA$30,INDEX(Jesper!$R$2:$R$366,ROW(INDEX(Jesper!AI$2:AI$366,ROUNDDOWN($C4040/24,0)+1,1))-1)+IF('Standard Profiles'!$G$19=$B$10,7,0)+IF('Standard Profiles'!$G$19=$B$17,14,0)+IF('Standard Profiles'!$G$19=$B$24,21,0),MOD($C4040,24)+1)/SUM(INDEX($D$3:$AA$30,INDEX(Jesper!$R$2:$R$366,ROW(INDEX(Jesper!AI$2:AI$366,ROUNDDOWN($C4040/24,0)+1,1))-1)+IF('Standard Profiles'!$G$19=$B$10,7,0)+IF('Standard Profiles'!$G$19=$B$17,14,0)+IF('Standard Profiles'!$G$19=$B$24,21,0),0)),0)</f>
        <v>0.66521710869731665</v>
      </c>
      <c r="F4040" cm="1">
        <f t="array" ref="F4040">IFERROR(INDEX(Jesper!AJ$2:AJ$366,ROUNDDOWN($C4040/24,0)+1,1)*INDEX($D$3:$AA$30,INDEX(Jesper!$R$2:$R$366,ROW(INDEX(Jesper!AJ$2:AJ$366,ROUNDDOWN($C4040/24,0)+1,1))-1)+IF('Standard Profiles'!$G$20=$B$10,7,0)+IF('Standard Profiles'!$G$20=$B$17,14,0)+IF('Standard Profiles'!$G$20=$B$24,21,0),MOD($C4040,24)+1)/SUM(INDEX($D$3:$AA$30,INDEX(Jesper!$R$2:$R$366,ROW(INDEX(Jesper!AJ$2:AJ$366,ROUNDDOWN($C4040/24,0)+1,1))-1)+IF('Standard Profiles'!$G$20=$B$10,7,0)+IF('Standard Profiles'!$G$20=$B$17,14,0)+IF('Standard Profiles'!$G$20=$B$24,21,0),0)),0)</f>
        <v>0</v>
      </c>
      <c r="G4040" cm="1">
        <f t="array" ref="G4040">IFERROR(INDEX(Jesper!AK$2:AK$366,ROUNDDOWN($C4040/24,0)+1,1)*INDEX($D$3:$AA$30,INDEX(Jesper!$R$2:$R$366,ROW(INDEX(Jesper!AK$2:AK$366,ROUNDDOWN($C4040/24,0)+1,1))-1)+IF('Standard Profiles'!$G$21=$B$10,7,0)+IF('Standard Profiles'!$G$21=$B$17,14,0)+IF('Standard Profiles'!$G$21=$B$24,21,0),MOD($C4040,24)+1)/SUM(INDEX($D$3:$AA$30,INDEX(Jesper!$R$2:$R$366,ROW(INDEX(Jesper!AK$2:AK$366,ROUNDDOWN($C4040/24,0)+1,1))-1)+IF('Standard Profiles'!$G$21=$B$10,7,0)+IF('Standard Profiles'!$G$21=$B$17,14,0)+IF('Standard Profiles'!$G$21=$B$24,21,0),0)),0)</f>
        <v>0</v>
      </c>
      <c r="H4040" cm="1">
        <f t="array" ref="H4040">IFERROR(INDEX(Jesper!AL$2:AL$366,ROUNDDOWN($C4040/24,0)+1,1)*INDEX($D$3:$AA$30,INDEX(Jesper!$R$2:$R$366,ROW(INDEX(Jesper!AL$2:AL$366,ROUNDDOWN($C4040/24,0)+1,1))-1)+IF('Standard Profiles'!$G$22=$B$10,7,0)+IF('Standard Profiles'!$G$22=$B$17,14,0)+IF('Standard Profiles'!$G$22=$B$24,21,0),MOD($C4040,24)+1)/SUM(INDEX($D$3:$AA$30,INDEX(Jesper!$R$2:$R$366,ROW(INDEX(Jesper!AL$2:AL$366,ROUNDDOWN($C4040/24,0)+1,1))-1)+IF('Standard Profiles'!$G$22=$B$10,7,0)+IF('Standard Profiles'!$G$22=$B$17,14,0)+IF('Standard Profiles'!$G$22=$B$24,21,0),0)),0)</f>
        <v>0</v>
      </c>
      <c r="I4040">
        <f t="shared" si="454"/>
        <v>5.9929469252010523E-2</v>
      </c>
      <c r="J4040">
        <f t="shared" si="455"/>
        <v>0.19976489750670176</v>
      </c>
      <c r="K4040">
        <f t="shared" si="456"/>
        <v>0.29964734626005268</v>
      </c>
      <c r="L4040">
        <f t="shared" si="457"/>
        <v>4.9050500829330019</v>
      </c>
      <c r="M4040">
        <f t="shared" si="458"/>
        <v>0</v>
      </c>
      <c r="N4040" s="46">
        <f t="shared" si="459"/>
        <v>45458.916666656951</v>
      </c>
    </row>
    <row r="4041" spans="2:14" x14ac:dyDescent="0.3">
      <c r="B4041">
        <f t="shared" si="453"/>
        <v>6</v>
      </c>
      <c r="C4041" s="16">
        <v>4007</v>
      </c>
      <c r="D4041" cm="1">
        <f t="array" ref="D4041">IFERROR(INDEX(Jesper!AH$2:AH$366,ROUNDDOWN($C4041/24,0)+1,1)*INDEX($D$3:$AA$30,INDEX(Jesper!$R$2:$R$366,ROW(INDEX(Jesper!AH$2:AH$366,ROUNDDOWN($C4041/24,0)+1,1))-1)+IF('Standard Profiles'!$G$18=$B$10,7,0)+IF('Standard Profiles'!$G$18=$B$17,14,0)+IF('Standard Profiles'!$G$18=$B$24,21,0),MOD($C4041,24)+1)/SUM(INDEX($D$3:$AA$30,INDEX(Jesper!$R$2:$R$366,ROW(INDEX(Jesper!AH$2:AH$366,ROUNDDOWN($C4041/24,0)+1,1))-1)+IF('Standard Profiles'!$G$18=$B$10,7,0)+IF('Standard Profiles'!$G$18=$B$17,14,0)+IF('Standard Profiles'!$G$18=$B$24,21,0),0)),0)</f>
        <v>4.7991746872544505</v>
      </c>
      <c r="E4041" cm="1">
        <f t="array" ref="E4041">IFERROR(INDEX(Jesper!AI$2:AI$366,ROUNDDOWN($C4041/24,0)+1,1)*INDEX($D$3:$AA$30,INDEX(Jesper!$R$2:$R$366,ROW(INDEX(Jesper!AI$2:AI$366,ROUNDDOWN($C4041/24,0)+1,1))-1)+IF('Standard Profiles'!$G$19=$B$10,7,0)+IF('Standard Profiles'!$G$19=$B$17,14,0)+IF('Standard Profiles'!$G$19=$B$24,21,0),MOD($C4041,24)+1)/SUM(INDEX($D$3:$AA$30,INDEX(Jesper!$R$2:$R$366,ROW(INDEX(Jesper!AI$2:AI$366,ROUNDDOWN($C4041/24,0)+1,1))-1)+IF('Standard Profiles'!$G$19=$B$10,7,0)+IF('Standard Profiles'!$G$19=$B$17,14,0)+IF('Standard Profiles'!$G$19=$B$24,21,0),0)),0)</f>
        <v>0.66521710869731665</v>
      </c>
      <c r="F4041" cm="1">
        <f t="array" ref="F4041">IFERROR(INDEX(Jesper!AJ$2:AJ$366,ROUNDDOWN($C4041/24,0)+1,1)*INDEX($D$3:$AA$30,INDEX(Jesper!$R$2:$R$366,ROW(INDEX(Jesper!AJ$2:AJ$366,ROUNDDOWN($C4041/24,0)+1,1))-1)+IF('Standard Profiles'!$G$20=$B$10,7,0)+IF('Standard Profiles'!$G$20=$B$17,14,0)+IF('Standard Profiles'!$G$20=$B$24,21,0),MOD($C4041,24)+1)/SUM(INDEX($D$3:$AA$30,INDEX(Jesper!$R$2:$R$366,ROW(INDEX(Jesper!AJ$2:AJ$366,ROUNDDOWN($C4041/24,0)+1,1))-1)+IF('Standard Profiles'!$G$20=$B$10,7,0)+IF('Standard Profiles'!$G$20=$B$17,14,0)+IF('Standard Profiles'!$G$20=$B$24,21,0),0)),0)</f>
        <v>0</v>
      </c>
      <c r="G4041" cm="1">
        <f t="array" ref="G4041">IFERROR(INDEX(Jesper!AK$2:AK$366,ROUNDDOWN($C4041/24,0)+1,1)*INDEX($D$3:$AA$30,INDEX(Jesper!$R$2:$R$366,ROW(INDEX(Jesper!AK$2:AK$366,ROUNDDOWN($C4041/24,0)+1,1))-1)+IF('Standard Profiles'!$G$21=$B$10,7,0)+IF('Standard Profiles'!$G$21=$B$17,14,0)+IF('Standard Profiles'!$G$21=$B$24,21,0),MOD($C4041,24)+1)/SUM(INDEX($D$3:$AA$30,INDEX(Jesper!$R$2:$R$366,ROW(INDEX(Jesper!AK$2:AK$366,ROUNDDOWN($C4041/24,0)+1,1))-1)+IF('Standard Profiles'!$G$21=$B$10,7,0)+IF('Standard Profiles'!$G$21=$B$17,14,0)+IF('Standard Profiles'!$G$21=$B$24,21,0),0)),0)</f>
        <v>0</v>
      </c>
      <c r="H4041" cm="1">
        <f t="array" ref="H4041">IFERROR(INDEX(Jesper!AL$2:AL$366,ROUNDDOWN($C4041/24,0)+1,1)*INDEX($D$3:$AA$30,INDEX(Jesper!$R$2:$R$366,ROW(INDEX(Jesper!AL$2:AL$366,ROUNDDOWN($C4041/24,0)+1,1))-1)+IF('Standard Profiles'!$G$22=$B$10,7,0)+IF('Standard Profiles'!$G$22=$B$17,14,0)+IF('Standard Profiles'!$G$22=$B$24,21,0),MOD($C4041,24)+1)/SUM(INDEX($D$3:$AA$30,INDEX(Jesper!$R$2:$R$366,ROW(INDEX(Jesper!AL$2:AL$366,ROUNDDOWN($C4041/24,0)+1,1))-1)+IF('Standard Profiles'!$G$22=$B$10,7,0)+IF('Standard Profiles'!$G$22=$B$17,14,0)+IF('Standard Profiles'!$G$22=$B$24,21,0),0)),0)</f>
        <v>0</v>
      </c>
      <c r="I4041">
        <f t="shared" si="454"/>
        <v>5.9929469252010523E-2</v>
      </c>
      <c r="J4041">
        <f t="shared" si="455"/>
        <v>0.19976489750670176</v>
      </c>
      <c r="K4041">
        <f t="shared" si="456"/>
        <v>0.29964734626005268</v>
      </c>
      <c r="L4041">
        <f t="shared" si="457"/>
        <v>4.9050500829330019</v>
      </c>
      <c r="M4041">
        <f t="shared" si="458"/>
        <v>0</v>
      </c>
      <c r="N4041" s="46">
        <f t="shared" si="459"/>
        <v>45458.958333323615</v>
      </c>
    </row>
    <row r="4042" spans="2:14" x14ac:dyDescent="0.3">
      <c r="B4042">
        <f t="shared" si="453"/>
        <v>7</v>
      </c>
      <c r="C4042" s="16">
        <v>4008</v>
      </c>
      <c r="D4042" cm="1">
        <f t="array" ref="D4042">IFERROR(INDEX(Jesper!AH$2:AH$366,ROUNDDOWN($C4042/24,0)+1,1)*INDEX($D$3:$AA$30,INDEX(Jesper!$R$2:$R$366,ROW(INDEX(Jesper!AH$2:AH$366,ROUNDDOWN($C4042/24,0)+1,1))-1)+IF('Standard Profiles'!$G$18=$B$10,7,0)+IF('Standard Profiles'!$G$18=$B$17,14,0)+IF('Standard Profiles'!$G$18=$B$24,21,0),MOD($C4042,24)+1)/SUM(INDEX($D$3:$AA$30,INDEX(Jesper!$R$2:$R$366,ROW(INDEX(Jesper!AH$2:AH$366,ROUNDDOWN($C4042/24,0)+1,1))-1)+IF('Standard Profiles'!$G$18=$B$10,7,0)+IF('Standard Profiles'!$G$18=$B$17,14,0)+IF('Standard Profiles'!$G$18=$B$24,21,0),0)),0)</f>
        <v>5.3934590750492477</v>
      </c>
      <c r="E4042" cm="1">
        <f t="array" ref="E4042">IFERROR(INDEX(Jesper!AI$2:AI$366,ROUNDDOWN($C4042/24,0)+1,1)*INDEX($D$3:$AA$30,INDEX(Jesper!$R$2:$R$366,ROW(INDEX(Jesper!AI$2:AI$366,ROUNDDOWN($C4042/24,0)+1,1))-1)+IF('Standard Profiles'!$G$19=$B$10,7,0)+IF('Standard Profiles'!$G$19=$B$17,14,0)+IF('Standard Profiles'!$G$19=$B$24,21,0),MOD($C4042,24)+1)/SUM(INDEX($D$3:$AA$30,INDEX(Jesper!$R$2:$R$366,ROW(INDEX(Jesper!AI$2:AI$366,ROUNDDOWN($C4042/24,0)+1,1))-1)+IF('Standard Profiles'!$G$19=$B$10,7,0)+IF('Standard Profiles'!$G$19=$B$17,14,0)+IF('Standard Profiles'!$G$19=$B$24,21,0),0)),0)</f>
        <v>0.75425700970434939</v>
      </c>
      <c r="F4042" cm="1">
        <f t="array" ref="F4042">IFERROR(INDEX(Jesper!AJ$2:AJ$366,ROUNDDOWN($C4042/24,0)+1,1)*INDEX($D$3:$AA$30,INDEX(Jesper!$R$2:$R$366,ROW(INDEX(Jesper!AJ$2:AJ$366,ROUNDDOWN($C4042/24,0)+1,1))-1)+IF('Standard Profiles'!$G$20=$B$10,7,0)+IF('Standard Profiles'!$G$20=$B$17,14,0)+IF('Standard Profiles'!$G$20=$B$24,21,0),MOD($C4042,24)+1)/SUM(INDEX($D$3:$AA$30,INDEX(Jesper!$R$2:$R$366,ROW(INDEX(Jesper!AJ$2:AJ$366,ROUNDDOWN($C4042/24,0)+1,1))-1)+IF('Standard Profiles'!$G$20=$B$10,7,0)+IF('Standard Profiles'!$G$20=$B$17,14,0)+IF('Standard Profiles'!$G$20=$B$24,21,0),0)),0)</f>
        <v>0</v>
      </c>
      <c r="G4042" cm="1">
        <f t="array" ref="G4042">IFERROR(INDEX(Jesper!AK$2:AK$366,ROUNDDOWN($C4042/24,0)+1,1)*INDEX($D$3:$AA$30,INDEX(Jesper!$R$2:$R$366,ROW(INDEX(Jesper!AK$2:AK$366,ROUNDDOWN($C4042/24,0)+1,1))-1)+IF('Standard Profiles'!$G$21=$B$10,7,0)+IF('Standard Profiles'!$G$21=$B$17,14,0)+IF('Standard Profiles'!$G$21=$B$24,21,0),MOD($C4042,24)+1)/SUM(INDEX($D$3:$AA$30,INDEX(Jesper!$R$2:$R$366,ROW(INDEX(Jesper!AK$2:AK$366,ROUNDDOWN($C4042/24,0)+1,1))-1)+IF('Standard Profiles'!$G$21=$B$10,7,0)+IF('Standard Profiles'!$G$21=$B$17,14,0)+IF('Standard Profiles'!$G$21=$B$24,21,0),0)),0)</f>
        <v>0</v>
      </c>
      <c r="H4042" cm="1">
        <f t="array" ref="H4042">IFERROR(INDEX(Jesper!AL$2:AL$366,ROUNDDOWN($C4042/24,0)+1,1)*INDEX($D$3:$AA$30,INDEX(Jesper!$R$2:$R$366,ROW(INDEX(Jesper!AL$2:AL$366,ROUNDDOWN($C4042/24,0)+1,1))-1)+IF('Standard Profiles'!$G$22=$B$10,7,0)+IF('Standard Profiles'!$G$22=$B$17,14,0)+IF('Standard Profiles'!$G$22=$B$24,21,0),MOD($C4042,24)+1)/SUM(INDEX($D$3:$AA$30,INDEX(Jesper!$R$2:$R$366,ROW(INDEX(Jesper!AL$2:AL$366,ROUNDDOWN($C4042/24,0)+1,1))-1)+IF('Standard Profiles'!$G$22=$B$10,7,0)+IF('Standard Profiles'!$G$22=$B$17,14,0)+IF('Standard Profiles'!$G$22=$B$24,21,0),0)),0)</f>
        <v>0</v>
      </c>
      <c r="I4042">
        <f t="shared" si="454"/>
        <v>6.7951081955346812E-2</v>
      </c>
      <c r="J4042">
        <f t="shared" si="455"/>
        <v>0.22650360651782273</v>
      </c>
      <c r="K4042">
        <f t="shared" si="456"/>
        <v>0.33975540977673407</v>
      </c>
      <c r="L4042">
        <f t="shared" si="457"/>
        <v>5.5135059865036933</v>
      </c>
      <c r="M4042">
        <f t="shared" si="458"/>
        <v>0</v>
      </c>
      <c r="N4042" s="46">
        <f t="shared" si="459"/>
        <v>45458.999999990279</v>
      </c>
    </row>
    <row r="4043" spans="2:14" x14ac:dyDescent="0.3">
      <c r="B4043">
        <f t="shared" si="453"/>
        <v>7</v>
      </c>
      <c r="C4043" s="16">
        <v>4009</v>
      </c>
      <c r="D4043" cm="1">
        <f t="array" ref="D4043">IFERROR(INDEX(Jesper!AH$2:AH$366,ROUNDDOWN($C4043/24,0)+1,1)*INDEX($D$3:$AA$30,INDEX(Jesper!$R$2:$R$366,ROW(INDEX(Jesper!AH$2:AH$366,ROUNDDOWN($C4043/24,0)+1,1))-1)+IF('Standard Profiles'!$G$18=$B$10,7,0)+IF('Standard Profiles'!$G$18=$B$17,14,0)+IF('Standard Profiles'!$G$18=$B$24,21,0),MOD($C4043,24)+1)/SUM(INDEX($D$3:$AA$30,INDEX(Jesper!$R$2:$R$366,ROW(INDEX(Jesper!AH$2:AH$366,ROUNDDOWN($C4043/24,0)+1,1))-1)+IF('Standard Profiles'!$G$18=$B$10,7,0)+IF('Standard Profiles'!$G$18=$B$17,14,0)+IF('Standard Profiles'!$G$18=$B$24,21,0),0)),0)</f>
        <v>6.263371829089448</v>
      </c>
      <c r="E4043" cm="1">
        <f t="array" ref="E4043">IFERROR(INDEX(Jesper!AI$2:AI$366,ROUNDDOWN($C4043/24,0)+1,1)*INDEX($D$3:$AA$30,INDEX(Jesper!$R$2:$R$366,ROW(INDEX(Jesper!AI$2:AI$366,ROUNDDOWN($C4043/24,0)+1,1))-1)+IF('Standard Profiles'!$G$19=$B$10,7,0)+IF('Standard Profiles'!$G$19=$B$17,14,0)+IF('Standard Profiles'!$G$19=$B$24,21,0),MOD($C4043,24)+1)/SUM(INDEX($D$3:$AA$30,INDEX(Jesper!$R$2:$R$366,ROW(INDEX(Jesper!AI$2:AI$366,ROUNDDOWN($C4043/24,0)+1,1))-1)+IF('Standard Profiles'!$G$19=$B$10,7,0)+IF('Standard Profiles'!$G$19=$B$17,14,0)+IF('Standard Profiles'!$G$19=$B$24,21,0),0)),0)</f>
        <v>0.87591136610827669</v>
      </c>
      <c r="F4043" cm="1">
        <f t="array" ref="F4043">IFERROR(INDEX(Jesper!AJ$2:AJ$366,ROUNDDOWN($C4043/24,0)+1,1)*INDEX($D$3:$AA$30,INDEX(Jesper!$R$2:$R$366,ROW(INDEX(Jesper!AJ$2:AJ$366,ROUNDDOWN($C4043/24,0)+1,1))-1)+IF('Standard Profiles'!$G$20=$B$10,7,0)+IF('Standard Profiles'!$G$20=$B$17,14,0)+IF('Standard Profiles'!$G$20=$B$24,21,0),MOD($C4043,24)+1)/SUM(INDEX($D$3:$AA$30,INDEX(Jesper!$R$2:$R$366,ROW(INDEX(Jesper!AJ$2:AJ$366,ROUNDDOWN($C4043/24,0)+1,1))-1)+IF('Standard Profiles'!$G$20=$B$10,7,0)+IF('Standard Profiles'!$G$20=$B$17,14,0)+IF('Standard Profiles'!$G$20=$B$24,21,0),0)),0)</f>
        <v>0</v>
      </c>
      <c r="G4043" cm="1">
        <f t="array" ref="G4043">IFERROR(INDEX(Jesper!AK$2:AK$366,ROUNDDOWN($C4043/24,0)+1,1)*INDEX($D$3:$AA$30,INDEX(Jesper!$R$2:$R$366,ROW(INDEX(Jesper!AK$2:AK$366,ROUNDDOWN($C4043/24,0)+1,1))-1)+IF('Standard Profiles'!$G$21=$B$10,7,0)+IF('Standard Profiles'!$G$21=$B$17,14,0)+IF('Standard Profiles'!$G$21=$B$24,21,0),MOD($C4043,24)+1)/SUM(INDEX($D$3:$AA$30,INDEX(Jesper!$R$2:$R$366,ROW(INDEX(Jesper!AK$2:AK$366,ROUNDDOWN($C4043/24,0)+1,1))-1)+IF('Standard Profiles'!$G$21=$B$10,7,0)+IF('Standard Profiles'!$G$21=$B$17,14,0)+IF('Standard Profiles'!$G$21=$B$24,21,0),0)),0)</f>
        <v>0</v>
      </c>
      <c r="H4043" cm="1">
        <f t="array" ref="H4043">IFERROR(INDEX(Jesper!AL$2:AL$366,ROUNDDOWN($C4043/24,0)+1,1)*INDEX($D$3:$AA$30,INDEX(Jesper!$R$2:$R$366,ROW(INDEX(Jesper!AL$2:AL$366,ROUNDDOWN($C4043/24,0)+1,1))-1)+IF('Standard Profiles'!$G$22=$B$10,7,0)+IF('Standard Profiles'!$G$22=$B$17,14,0)+IF('Standard Profiles'!$G$22=$B$24,21,0),MOD($C4043,24)+1)/SUM(INDEX($D$3:$AA$30,INDEX(Jesper!$R$2:$R$366,ROW(INDEX(Jesper!AL$2:AL$366,ROUNDDOWN($C4043/24,0)+1,1))-1)+IF('Standard Profiles'!$G$22=$B$10,7,0)+IF('Standard Profiles'!$G$22=$B$17,14,0)+IF('Standard Profiles'!$G$22=$B$24,21,0),0)),0)</f>
        <v>0</v>
      </c>
      <c r="I4043">
        <f t="shared" si="454"/>
        <v>7.8910933883628548E-2</v>
      </c>
      <c r="J4043">
        <f t="shared" si="455"/>
        <v>0.26303644627876188</v>
      </c>
      <c r="K4043">
        <f t="shared" si="456"/>
        <v>0.39455466941814282</v>
      </c>
      <c r="L4043">
        <f t="shared" si="457"/>
        <v>6.4027811456171912</v>
      </c>
      <c r="M4043">
        <f t="shared" si="458"/>
        <v>0</v>
      </c>
      <c r="N4043" s="46">
        <f t="shared" si="459"/>
        <v>45459.041666656944</v>
      </c>
    </row>
    <row r="4044" spans="2:14" x14ac:dyDescent="0.3">
      <c r="B4044">
        <f t="shared" si="453"/>
        <v>7</v>
      </c>
      <c r="C4044" s="16">
        <v>4010</v>
      </c>
      <c r="D4044" cm="1">
        <f t="array" ref="D4044">IFERROR(INDEX(Jesper!AH$2:AH$366,ROUNDDOWN($C4044/24,0)+1,1)*INDEX($D$3:$AA$30,INDEX(Jesper!$R$2:$R$366,ROW(INDEX(Jesper!AH$2:AH$366,ROUNDDOWN($C4044/24,0)+1,1))-1)+IF('Standard Profiles'!$G$18=$B$10,7,0)+IF('Standard Profiles'!$G$18=$B$17,14,0)+IF('Standard Profiles'!$G$18=$B$24,21,0),MOD($C4044,24)+1)/SUM(INDEX($D$3:$AA$30,INDEX(Jesper!$R$2:$R$366,ROW(INDEX(Jesper!AH$2:AH$366,ROUNDDOWN($C4044/24,0)+1,1))-1)+IF('Standard Profiles'!$G$18=$B$10,7,0)+IF('Standard Profiles'!$G$18=$B$17,14,0)+IF('Standard Profiles'!$G$18=$B$24,21,0),0)),0)</f>
        <v>6.263371829089448</v>
      </c>
      <c r="E4044" cm="1">
        <f t="array" ref="E4044">IFERROR(INDEX(Jesper!AI$2:AI$366,ROUNDDOWN($C4044/24,0)+1,1)*INDEX($D$3:$AA$30,INDEX(Jesper!$R$2:$R$366,ROW(INDEX(Jesper!AI$2:AI$366,ROUNDDOWN($C4044/24,0)+1,1))-1)+IF('Standard Profiles'!$G$19=$B$10,7,0)+IF('Standard Profiles'!$G$19=$B$17,14,0)+IF('Standard Profiles'!$G$19=$B$24,21,0),MOD($C4044,24)+1)/SUM(INDEX($D$3:$AA$30,INDEX(Jesper!$R$2:$R$366,ROW(INDEX(Jesper!AI$2:AI$366,ROUNDDOWN($C4044/24,0)+1,1))-1)+IF('Standard Profiles'!$G$19=$B$10,7,0)+IF('Standard Profiles'!$G$19=$B$17,14,0)+IF('Standard Profiles'!$G$19=$B$24,21,0),0)),0)</f>
        <v>0.87591136610827669</v>
      </c>
      <c r="F4044" cm="1">
        <f t="array" ref="F4044">IFERROR(INDEX(Jesper!AJ$2:AJ$366,ROUNDDOWN($C4044/24,0)+1,1)*INDEX($D$3:$AA$30,INDEX(Jesper!$R$2:$R$366,ROW(INDEX(Jesper!AJ$2:AJ$366,ROUNDDOWN($C4044/24,0)+1,1))-1)+IF('Standard Profiles'!$G$20=$B$10,7,0)+IF('Standard Profiles'!$G$20=$B$17,14,0)+IF('Standard Profiles'!$G$20=$B$24,21,0),MOD($C4044,24)+1)/SUM(INDEX($D$3:$AA$30,INDEX(Jesper!$R$2:$R$366,ROW(INDEX(Jesper!AJ$2:AJ$366,ROUNDDOWN($C4044/24,0)+1,1))-1)+IF('Standard Profiles'!$G$20=$B$10,7,0)+IF('Standard Profiles'!$G$20=$B$17,14,0)+IF('Standard Profiles'!$G$20=$B$24,21,0),0)),0)</f>
        <v>0</v>
      </c>
      <c r="G4044" cm="1">
        <f t="array" ref="G4044">IFERROR(INDEX(Jesper!AK$2:AK$366,ROUNDDOWN($C4044/24,0)+1,1)*INDEX($D$3:$AA$30,INDEX(Jesper!$R$2:$R$366,ROW(INDEX(Jesper!AK$2:AK$366,ROUNDDOWN($C4044/24,0)+1,1))-1)+IF('Standard Profiles'!$G$21=$B$10,7,0)+IF('Standard Profiles'!$G$21=$B$17,14,0)+IF('Standard Profiles'!$G$21=$B$24,21,0),MOD($C4044,24)+1)/SUM(INDEX($D$3:$AA$30,INDEX(Jesper!$R$2:$R$366,ROW(INDEX(Jesper!AK$2:AK$366,ROUNDDOWN($C4044/24,0)+1,1))-1)+IF('Standard Profiles'!$G$21=$B$10,7,0)+IF('Standard Profiles'!$G$21=$B$17,14,0)+IF('Standard Profiles'!$G$21=$B$24,21,0),0)),0)</f>
        <v>0</v>
      </c>
      <c r="H4044" cm="1">
        <f t="array" ref="H4044">IFERROR(INDEX(Jesper!AL$2:AL$366,ROUNDDOWN($C4044/24,0)+1,1)*INDEX($D$3:$AA$30,INDEX(Jesper!$R$2:$R$366,ROW(INDEX(Jesper!AL$2:AL$366,ROUNDDOWN($C4044/24,0)+1,1))-1)+IF('Standard Profiles'!$G$22=$B$10,7,0)+IF('Standard Profiles'!$G$22=$B$17,14,0)+IF('Standard Profiles'!$G$22=$B$24,21,0),MOD($C4044,24)+1)/SUM(INDEX($D$3:$AA$30,INDEX(Jesper!$R$2:$R$366,ROW(INDEX(Jesper!AL$2:AL$366,ROUNDDOWN($C4044/24,0)+1,1))-1)+IF('Standard Profiles'!$G$22=$B$10,7,0)+IF('Standard Profiles'!$G$22=$B$17,14,0)+IF('Standard Profiles'!$G$22=$B$24,21,0),0)),0)</f>
        <v>0</v>
      </c>
      <c r="I4044">
        <f t="shared" si="454"/>
        <v>7.8910933883628548E-2</v>
      </c>
      <c r="J4044">
        <f t="shared" si="455"/>
        <v>0.26303644627876188</v>
      </c>
      <c r="K4044">
        <f t="shared" si="456"/>
        <v>0.39455466941814282</v>
      </c>
      <c r="L4044">
        <f t="shared" si="457"/>
        <v>6.4027811456171912</v>
      </c>
      <c r="M4044">
        <f t="shared" si="458"/>
        <v>0</v>
      </c>
      <c r="N4044" s="46">
        <f t="shared" si="459"/>
        <v>45459.083333323608</v>
      </c>
    </row>
    <row r="4045" spans="2:14" x14ac:dyDescent="0.3">
      <c r="B4045">
        <f t="shared" si="453"/>
        <v>7</v>
      </c>
      <c r="C4045" s="16">
        <v>4011</v>
      </c>
      <c r="D4045" cm="1">
        <f t="array" ref="D4045">IFERROR(INDEX(Jesper!AH$2:AH$366,ROUNDDOWN($C4045/24,0)+1,1)*INDEX($D$3:$AA$30,INDEX(Jesper!$R$2:$R$366,ROW(INDEX(Jesper!AH$2:AH$366,ROUNDDOWN($C4045/24,0)+1,1))-1)+IF('Standard Profiles'!$G$18=$B$10,7,0)+IF('Standard Profiles'!$G$18=$B$17,14,0)+IF('Standard Profiles'!$G$18=$B$24,21,0),MOD($C4045,24)+1)/SUM(INDEX($D$3:$AA$30,INDEX(Jesper!$R$2:$R$366,ROW(INDEX(Jesper!AH$2:AH$366,ROUNDDOWN($C4045/24,0)+1,1))-1)+IF('Standard Profiles'!$G$18=$B$10,7,0)+IF('Standard Profiles'!$G$18=$B$17,14,0)+IF('Standard Profiles'!$G$18=$B$24,21,0),0)),0)</f>
        <v>6.263371829089448</v>
      </c>
      <c r="E4045" cm="1">
        <f t="array" ref="E4045">IFERROR(INDEX(Jesper!AI$2:AI$366,ROUNDDOWN($C4045/24,0)+1,1)*INDEX($D$3:$AA$30,INDEX(Jesper!$R$2:$R$366,ROW(INDEX(Jesper!AI$2:AI$366,ROUNDDOWN($C4045/24,0)+1,1))-1)+IF('Standard Profiles'!$G$19=$B$10,7,0)+IF('Standard Profiles'!$G$19=$B$17,14,0)+IF('Standard Profiles'!$G$19=$B$24,21,0),MOD($C4045,24)+1)/SUM(INDEX($D$3:$AA$30,INDEX(Jesper!$R$2:$R$366,ROW(INDEX(Jesper!AI$2:AI$366,ROUNDDOWN($C4045/24,0)+1,1))-1)+IF('Standard Profiles'!$G$19=$B$10,7,0)+IF('Standard Profiles'!$G$19=$B$17,14,0)+IF('Standard Profiles'!$G$19=$B$24,21,0),0)),0)</f>
        <v>0.87591136610827669</v>
      </c>
      <c r="F4045" cm="1">
        <f t="array" ref="F4045">IFERROR(INDEX(Jesper!AJ$2:AJ$366,ROUNDDOWN($C4045/24,0)+1,1)*INDEX($D$3:$AA$30,INDEX(Jesper!$R$2:$R$366,ROW(INDEX(Jesper!AJ$2:AJ$366,ROUNDDOWN($C4045/24,0)+1,1))-1)+IF('Standard Profiles'!$G$20=$B$10,7,0)+IF('Standard Profiles'!$G$20=$B$17,14,0)+IF('Standard Profiles'!$G$20=$B$24,21,0),MOD($C4045,24)+1)/SUM(INDEX($D$3:$AA$30,INDEX(Jesper!$R$2:$R$366,ROW(INDEX(Jesper!AJ$2:AJ$366,ROUNDDOWN($C4045/24,0)+1,1))-1)+IF('Standard Profiles'!$G$20=$B$10,7,0)+IF('Standard Profiles'!$G$20=$B$17,14,0)+IF('Standard Profiles'!$G$20=$B$24,21,0),0)),0)</f>
        <v>0</v>
      </c>
      <c r="G4045" cm="1">
        <f t="array" ref="G4045">IFERROR(INDEX(Jesper!AK$2:AK$366,ROUNDDOWN($C4045/24,0)+1,1)*INDEX($D$3:$AA$30,INDEX(Jesper!$R$2:$R$366,ROW(INDEX(Jesper!AK$2:AK$366,ROUNDDOWN($C4045/24,0)+1,1))-1)+IF('Standard Profiles'!$G$21=$B$10,7,0)+IF('Standard Profiles'!$G$21=$B$17,14,0)+IF('Standard Profiles'!$G$21=$B$24,21,0),MOD($C4045,24)+1)/SUM(INDEX($D$3:$AA$30,INDEX(Jesper!$R$2:$R$366,ROW(INDEX(Jesper!AK$2:AK$366,ROUNDDOWN($C4045/24,0)+1,1))-1)+IF('Standard Profiles'!$G$21=$B$10,7,0)+IF('Standard Profiles'!$G$21=$B$17,14,0)+IF('Standard Profiles'!$G$21=$B$24,21,0),0)),0)</f>
        <v>0</v>
      </c>
      <c r="H4045" cm="1">
        <f t="array" ref="H4045">IFERROR(INDEX(Jesper!AL$2:AL$366,ROUNDDOWN($C4045/24,0)+1,1)*INDEX($D$3:$AA$30,INDEX(Jesper!$R$2:$R$366,ROW(INDEX(Jesper!AL$2:AL$366,ROUNDDOWN($C4045/24,0)+1,1))-1)+IF('Standard Profiles'!$G$22=$B$10,7,0)+IF('Standard Profiles'!$G$22=$B$17,14,0)+IF('Standard Profiles'!$G$22=$B$24,21,0),MOD($C4045,24)+1)/SUM(INDEX($D$3:$AA$30,INDEX(Jesper!$R$2:$R$366,ROW(INDEX(Jesper!AL$2:AL$366,ROUNDDOWN($C4045/24,0)+1,1))-1)+IF('Standard Profiles'!$G$22=$B$10,7,0)+IF('Standard Profiles'!$G$22=$B$17,14,0)+IF('Standard Profiles'!$G$22=$B$24,21,0),0)),0)</f>
        <v>0</v>
      </c>
      <c r="I4045">
        <f t="shared" si="454"/>
        <v>7.8910933883628548E-2</v>
      </c>
      <c r="J4045">
        <f t="shared" si="455"/>
        <v>0.26303644627876188</v>
      </c>
      <c r="K4045">
        <f t="shared" si="456"/>
        <v>0.39455466941814282</v>
      </c>
      <c r="L4045">
        <f t="shared" si="457"/>
        <v>6.4027811456171912</v>
      </c>
      <c r="M4045">
        <f t="shared" si="458"/>
        <v>0</v>
      </c>
      <c r="N4045" s="46">
        <f t="shared" si="459"/>
        <v>45459.124999990272</v>
      </c>
    </row>
    <row r="4046" spans="2:14" x14ac:dyDescent="0.3">
      <c r="B4046">
        <f t="shared" si="453"/>
        <v>7</v>
      </c>
      <c r="C4046" s="16">
        <v>4012</v>
      </c>
      <c r="D4046" cm="1">
        <f t="array" ref="D4046">IFERROR(INDEX(Jesper!AH$2:AH$366,ROUNDDOWN($C4046/24,0)+1,1)*INDEX($D$3:$AA$30,INDEX(Jesper!$R$2:$R$366,ROW(INDEX(Jesper!AH$2:AH$366,ROUNDDOWN($C4046/24,0)+1,1))-1)+IF('Standard Profiles'!$G$18=$B$10,7,0)+IF('Standard Profiles'!$G$18=$B$17,14,0)+IF('Standard Profiles'!$G$18=$B$24,21,0),MOD($C4046,24)+1)/SUM(INDEX($D$3:$AA$30,INDEX(Jesper!$R$2:$R$366,ROW(INDEX(Jesper!AH$2:AH$366,ROUNDDOWN($C4046/24,0)+1,1))-1)+IF('Standard Profiles'!$G$18=$B$10,7,0)+IF('Standard Profiles'!$G$18=$B$17,14,0)+IF('Standard Profiles'!$G$18=$B$24,21,0),0)),0)</f>
        <v>6.263371829089448</v>
      </c>
      <c r="E4046" cm="1">
        <f t="array" ref="E4046">IFERROR(INDEX(Jesper!AI$2:AI$366,ROUNDDOWN($C4046/24,0)+1,1)*INDEX($D$3:$AA$30,INDEX(Jesper!$R$2:$R$366,ROW(INDEX(Jesper!AI$2:AI$366,ROUNDDOWN($C4046/24,0)+1,1))-1)+IF('Standard Profiles'!$G$19=$B$10,7,0)+IF('Standard Profiles'!$G$19=$B$17,14,0)+IF('Standard Profiles'!$G$19=$B$24,21,0),MOD($C4046,24)+1)/SUM(INDEX($D$3:$AA$30,INDEX(Jesper!$R$2:$R$366,ROW(INDEX(Jesper!AI$2:AI$366,ROUNDDOWN($C4046/24,0)+1,1))-1)+IF('Standard Profiles'!$G$19=$B$10,7,0)+IF('Standard Profiles'!$G$19=$B$17,14,0)+IF('Standard Profiles'!$G$19=$B$24,21,0),0)),0)</f>
        <v>0.87591136610827669</v>
      </c>
      <c r="F4046" cm="1">
        <f t="array" ref="F4046">IFERROR(INDEX(Jesper!AJ$2:AJ$366,ROUNDDOWN($C4046/24,0)+1,1)*INDEX($D$3:$AA$30,INDEX(Jesper!$R$2:$R$366,ROW(INDEX(Jesper!AJ$2:AJ$366,ROUNDDOWN($C4046/24,0)+1,1))-1)+IF('Standard Profiles'!$G$20=$B$10,7,0)+IF('Standard Profiles'!$G$20=$B$17,14,0)+IF('Standard Profiles'!$G$20=$B$24,21,0),MOD($C4046,24)+1)/SUM(INDEX($D$3:$AA$30,INDEX(Jesper!$R$2:$R$366,ROW(INDEX(Jesper!AJ$2:AJ$366,ROUNDDOWN($C4046/24,0)+1,1))-1)+IF('Standard Profiles'!$G$20=$B$10,7,0)+IF('Standard Profiles'!$G$20=$B$17,14,0)+IF('Standard Profiles'!$G$20=$B$24,21,0),0)),0)</f>
        <v>0</v>
      </c>
      <c r="G4046" cm="1">
        <f t="array" ref="G4046">IFERROR(INDEX(Jesper!AK$2:AK$366,ROUNDDOWN($C4046/24,0)+1,1)*INDEX($D$3:$AA$30,INDEX(Jesper!$R$2:$R$366,ROW(INDEX(Jesper!AK$2:AK$366,ROUNDDOWN($C4046/24,0)+1,1))-1)+IF('Standard Profiles'!$G$21=$B$10,7,0)+IF('Standard Profiles'!$G$21=$B$17,14,0)+IF('Standard Profiles'!$G$21=$B$24,21,0),MOD($C4046,24)+1)/SUM(INDEX($D$3:$AA$30,INDEX(Jesper!$R$2:$R$366,ROW(INDEX(Jesper!AK$2:AK$366,ROUNDDOWN($C4046/24,0)+1,1))-1)+IF('Standard Profiles'!$G$21=$B$10,7,0)+IF('Standard Profiles'!$G$21=$B$17,14,0)+IF('Standard Profiles'!$G$21=$B$24,21,0),0)),0)</f>
        <v>0</v>
      </c>
      <c r="H4046" cm="1">
        <f t="array" ref="H4046">IFERROR(INDEX(Jesper!AL$2:AL$366,ROUNDDOWN($C4046/24,0)+1,1)*INDEX($D$3:$AA$30,INDEX(Jesper!$R$2:$R$366,ROW(INDEX(Jesper!AL$2:AL$366,ROUNDDOWN($C4046/24,0)+1,1))-1)+IF('Standard Profiles'!$G$22=$B$10,7,0)+IF('Standard Profiles'!$G$22=$B$17,14,0)+IF('Standard Profiles'!$G$22=$B$24,21,0),MOD($C4046,24)+1)/SUM(INDEX($D$3:$AA$30,INDEX(Jesper!$R$2:$R$366,ROW(INDEX(Jesper!AL$2:AL$366,ROUNDDOWN($C4046/24,0)+1,1))-1)+IF('Standard Profiles'!$G$22=$B$10,7,0)+IF('Standard Profiles'!$G$22=$B$17,14,0)+IF('Standard Profiles'!$G$22=$B$24,21,0),0)),0)</f>
        <v>0</v>
      </c>
      <c r="I4046">
        <f t="shared" si="454"/>
        <v>7.8910933883628548E-2</v>
      </c>
      <c r="J4046">
        <f t="shared" si="455"/>
        <v>0.26303644627876188</v>
      </c>
      <c r="K4046">
        <f t="shared" si="456"/>
        <v>0.39455466941814282</v>
      </c>
      <c r="L4046">
        <f t="shared" si="457"/>
        <v>6.4027811456171912</v>
      </c>
      <c r="M4046">
        <f t="shared" si="458"/>
        <v>0</v>
      </c>
      <c r="N4046" s="46">
        <f t="shared" si="459"/>
        <v>45459.166666656936</v>
      </c>
    </row>
    <row r="4047" spans="2:14" x14ac:dyDescent="0.3">
      <c r="B4047">
        <f t="shared" si="453"/>
        <v>7</v>
      </c>
      <c r="C4047" s="16">
        <v>4013</v>
      </c>
      <c r="D4047" cm="1">
        <f t="array" ref="D4047">IFERROR(INDEX(Jesper!AH$2:AH$366,ROUNDDOWN($C4047/24,0)+1,1)*INDEX($D$3:$AA$30,INDEX(Jesper!$R$2:$R$366,ROW(INDEX(Jesper!AH$2:AH$366,ROUNDDOWN($C4047/24,0)+1,1))-1)+IF('Standard Profiles'!$G$18=$B$10,7,0)+IF('Standard Profiles'!$G$18=$B$17,14,0)+IF('Standard Profiles'!$G$18=$B$24,21,0),MOD($C4047,24)+1)/SUM(INDEX($D$3:$AA$30,INDEX(Jesper!$R$2:$R$366,ROW(INDEX(Jesper!AH$2:AH$366,ROUNDDOWN($C4047/24,0)+1,1))-1)+IF('Standard Profiles'!$G$18=$B$10,7,0)+IF('Standard Profiles'!$G$18=$B$17,14,0)+IF('Standard Profiles'!$G$18=$B$24,21,0),0)),0)</f>
        <v>7.8292147863618098</v>
      </c>
      <c r="E4047" cm="1">
        <f t="array" ref="E4047">IFERROR(INDEX(Jesper!AI$2:AI$366,ROUNDDOWN($C4047/24,0)+1,1)*INDEX($D$3:$AA$30,INDEX(Jesper!$R$2:$R$366,ROW(INDEX(Jesper!AI$2:AI$366,ROUNDDOWN($C4047/24,0)+1,1))-1)+IF('Standard Profiles'!$G$19=$B$10,7,0)+IF('Standard Profiles'!$G$19=$B$17,14,0)+IF('Standard Profiles'!$G$19=$B$24,21,0),MOD($C4047,24)+1)/SUM(INDEX($D$3:$AA$30,INDEX(Jesper!$R$2:$R$366,ROW(INDEX(Jesper!AI$2:AI$366,ROUNDDOWN($C4047/24,0)+1,1))-1)+IF('Standard Profiles'!$G$19=$B$10,7,0)+IF('Standard Profiles'!$G$19=$B$17,14,0)+IF('Standard Profiles'!$G$19=$B$24,21,0),0)),0)</f>
        <v>1.0948892076353458</v>
      </c>
      <c r="F4047" cm="1">
        <f t="array" ref="F4047">IFERROR(INDEX(Jesper!AJ$2:AJ$366,ROUNDDOWN($C4047/24,0)+1,1)*INDEX($D$3:$AA$30,INDEX(Jesper!$R$2:$R$366,ROW(INDEX(Jesper!AJ$2:AJ$366,ROUNDDOWN($C4047/24,0)+1,1))-1)+IF('Standard Profiles'!$G$20=$B$10,7,0)+IF('Standard Profiles'!$G$20=$B$17,14,0)+IF('Standard Profiles'!$G$20=$B$24,21,0),MOD($C4047,24)+1)/SUM(INDEX($D$3:$AA$30,INDEX(Jesper!$R$2:$R$366,ROW(INDEX(Jesper!AJ$2:AJ$366,ROUNDDOWN($C4047/24,0)+1,1))-1)+IF('Standard Profiles'!$G$20=$B$10,7,0)+IF('Standard Profiles'!$G$20=$B$17,14,0)+IF('Standard Profiles'!$G$20=$B$24,21,0),0)),0)</f>
        <v>0</v>
      </c>
      <c r="G4047" cm="1">
        <f t="array" ref="G4047">IFERROR(INDEX(Jesper!AK$2:AK$366,ROUNDDOWN($C4047/24,0)+1,1)*INDEX($D$3:$AA$30,INDEX(Jesper!$R$2:$R$366,ROW(INDEX(Jesper!AK$2:AK$366,ROUNDDOWN($C4047/24,0)+1,1))-1)+IF('Standard Profiles'!$G$21=$B$10,7,0)+IF('Standard Profiles'!$G$21=$B$17,14,0)+IF('Standard Profiles'!$G$21=$B$24,21,0),MOD($C4047,24)+1)/SUM(INDEX($D$3:$AA$30,INDEX(Jesper!$R$2:$R$366,ROW(INDEX(Jesper!AK$2:AK$366,ROUNDDOWN($C4047/24,0)+1,1))-1)+IF('Standard Profiles'!$G$21=$B$10,7,0)+IF('Standard Profiles'!$G$21=$B$17,14,0)+IF('Standard Profiles'!$G$21=$B$24,21,0),0)),0)</f>
        <v>0</v>
      </c>
      <c r="H4047" cm="1">
        <f t="array" ref="H4047">IFERROR(INDEX(Jesper!AL$2:AL$366,ROUNDDOWN($C4047/24,0)+1,1)*INDEX($D$3:$AA$30,INDEX(Jesper!$R$2:$R$366,ROW(INDEX(Jesper!AL$2:AL$366,ROUNDDOWN($C4047/24,0)+1,1))-1)+IF('Standard Profiles'!$G$22=$B$10,7,0)+IF('Standard Profiles'!$G$22=$B$17,14,0)+IF('Standard Profiles'!$G$22=$B$24,21,0),MOD($C4047,24)+1)/SUM(INDEX($D$3:$AA$30,INDEX(Jesper!$R$2:$R$366,ROW(INDEX(Jesper!AL$2:AL$366,ROUNDDOWN($C4047/24,0)+1,1))-1)+IF('Standard Profiles'!$G$22=$B$10,7,0)+IF('Standard Profiles'!$G$22=$B$17,14,0)+IF('Standard Profiles'!$G$22=$B$24,21,0),0)),0)</f>
        <v>0</v>
      </c>
      <c r="I4047">
        <f t="shared" si="454"/>
        <v>9.8638667354535678E-2</v>
      </c>
      <c r="J4047">
        <f t="shared" si="455"/>
        <v>0.32879555784845232</v>
      </c>
      <c r="K4047">
        <f t="shared" si="456"/>
        <v>0.49319333677267846</v>
      </c>
      <c r="L4047">
        <f t="shared" si="457"/>
        <v>8.0034764320214897</v>
      </c>
      <c r="M4047">
        <f t="shared" si="458"/>
        <v>0</v>
      </c>
      <c r="N4047" s="46">
        <f t="shared" si="459"/>
        <v>45459.208333323601</v>
      </c>
    </row>
    <row r="4048" spans="2:14" x14ac:dyDescent="0.3">
      <c r="B4048">
        <f t="shared" si="453"/>
        <v>7</v>
      </c>
      <c r="C4048" s="16">
        <v>4014</v>
      </c>
      <c r="D4048" cm="1">
        <f t="array" ref="D4048">IFERROR(INDEX(Jesper!AH$2:AH$366,ROUNDDOWN($C4048/24,0)+1,1)*INDEX($D$3:$AA$30,INDEX(Jesper!$R$2:$R$366,ROW(INDEX(Jesper!AH$2:AH$366,ROUNDDOWN($C4048/24,0)+1,1))-1)+IF('Standard Profiles'!$G$18=$B$10,7,0)+IF('Standard Profiles'!$G$18=$B$17,14,0)+IF('Standard Profiles'!$G$18=$B$24,21,0),MOD($C4048,24)+1)/SUM(INDEX($D$3:$AA$30,INDEX(Jesper!$R$2:$R$366,ROW(INDEX(Jesper!AH$2:AH$366,ROUNDDOWN($C4048/24,0)+1,1))-1)+IF('Standard Profiles'!$G$18=$B$10,7,0)+IF('Standard Profiles'!$G$18=$B$17,14,0)+IF('Standard Profiles'!$G$18=$B$24,21,0),0)),0)</f>
        <v>9.2210751928261327</v>
      </c>
      <c r="E4048" cm="1">
        <f t="array" ref="E4048">IFERROR(INDEX(Jesper!AI$2:AI$366,ROUNDDOWN($C4048/24,0)+1,1)*INDEX($D$3:$AA$30,INDEX(Jesper!$R$2:$R$366,ROW(INDEX(Jesper!AI$2:AI$366,ROUNDDOWN($C4048/24,0)+1,1))-1)+IF('Standard Profiles'!$G$19=$B$10,7,0)+IF('Standard Profiles'!$G$19=$B$17,14,0)+IF('Standard Profiles'!$G$19=$B$24,21,0),MOD($C4048,24)+1)/SUM(INDEX($D$3:$AA$30,INDEX(Jesper!$R$2:$R$366,ROW(INDEX(Jesper!AI$2:AI$366,ROUNDDOWN($C4048/24,0)+1,1))-1)+IF('Standard Profiles'!$G$19=$B$10,7,0)+IF('Standard Profiles'!$G$19=$B$17,14,0)+IF('Standard Profiles'!$G$19=$B$24,21,0),0)),0)</f>
        <v>1.2895361778816297</v>
      </c>
      <c r="F4048" cm="1">
        <f t="array" ref="F4048">IFERROR(INDEX(Jesper!AJ$2:AJ$366,ROUNDDOWN($C4048/24,0)+1,1)*INDEX($D$3:$AA$30,INDEX(Jesper!$R$2:$R$366,ROW(INDEX(Jesper!AJ$2:AJ$366,ROUNDDOWN($C4048/24,0)+1,1))-1)+IF('Standard Profiles'!$G$20=$B$10,7,0)+IF('Standard Profiles'!$G$20=$B$17,14,0)+IF('Standard Profiles'!$G$20=$B$24,21,0),MOD($C4048,24)+1)/SUM(INDEX($D$3:$AA$30,INDEX(Jesper!$R$2:$R$366,ROW(INDEX(Jesper!AJ$2:AJ$366,ROUNDDOWN($C4048/24,0)+1,1))-1)+IF('Standard Profiles'!$G$20=$B$10,7,0)+IF('Standard Profiles'!$G$20=$B$17,14,0)+IF('Standard Profiles'!$G$20=$B$24,21,0),0)),0)</f>
        <v>0</v>
      </c>
      <c r="G4048" cm="1">
        <f t="array" ref="G4048">IFERROR(INDEX(Jesper!AK$2:AK$366,ROUNDDOWN($C4048/24,0)+1,1)*INDEX($D$3:$AA$30,INDEX(Jesper!$R$2:$R$366,ROW(INDEX(Jesper!AK$2:AK$366,ROUNDDOWN($C4048/24,0)+1,1))-1)+IF('Standard Profiles'!$G$21=$B$10,7,0)+IF('Standard Profiles'!$G$21=$B$17,14,0)+IF('Standard Profiles'!$G$21=$B$24,21,0),MOD($C4048,24)+1)/SUM(INDEX($D$3:$AA$30,INDEX(Jesper!$R$2:$R$366,ROW(INDEX(Jesper!AK$2:AK$366,ROUNDDOWN($C4048/24,0)+1,1))-1)+IF('Standard Profiles'!$G$21=$B$10,7,0)+IF('Standard Profiles'!$G$21=$B$17,14,0)+IF('Standard Profiles'!$G$21=$B$24,21,0),0)),0)</f>
        <v>0</v>
      </c>
      <c r="H4048" cm="1">
        <f t="array" ref="H4048">IFERROR(INDEX(Jesper!AL$2:AL$366,ROUNDDOWN($C4048/24,0)+1,1)*INDEX($D$3:$AA$30,INDEX(Jesper!$R$2:$R$366,ROW(INDEX(Jesper!AL$2:AL$366,ROUNDDOWN($C4048/24,0)+1,1))-1)+IF('Standard Profiles'!$G$22=$B$10,7,0)+IF('Standard Profiles'!$G$22=$B$17,14,0)+IF('Standard Profiles'!$G$22=$B$24,21,0),MOD($C4048,24)+1)/SUM(INDEX($D$3:$AA$30,INDEX(Jesper!$R$2:$R$366,ROW(INDEX(Jesper!AL$2:AL$366,ROUNDDOWN($C4048/24,0)+1,1))-1)+IF('Standard Profiles'!$G$22=$B$10,7,0)+IF('Standard Profiles'!$G$22=$B$17,14,0)+IF('Standard Profiles'!$G$22=$B$24,21,0),0)),0)</f>
        <v>0</v>
      </c>
      <c r="I4048">
        <f t="shared" si="454"/>
        <v>0.11617443043978648</v>
      </c>
      <c r="J4048">
        <f t="shared" si="455"/>
        <v>0.38724810146595501</v>
      </c>
      <c r="K4048">
        <f t="shared" si="456"/>
        <v>0.58087215219893251</v>
      </c>
      <c r="L4048">
        <f t="shared" si="457"/>
        <v>9.426316686603089</v>
      </c>
      <c r="M4048">
        <f t="shared" si="458"/>
        <v>0</v>
      </c>
      <c r="N4048" s="46">
        <f t="shared" si="459"/>
        <v>45459.249999990265</v>
      </c>
    </row>
    <row r="4049" spans="2:14" x14ac:dyDescent="0.3">
      <c r="B4049">
        <f t="shared" si="453"/>
        <v>7</v>
      </c>
      <c r="C4049" s="16">
        <v>4015</v>
      </c>
      <c r="D4049" cm="1">
        <f t="array" ref="D4049">IFERROR(INDEX(Jesper!AH$2:AH$366,ROUNDDOWN($C4049/24,0)+1,1)*INDEX($D$3:$AA$30,INDEX(Jesper!$R$2:$R$366,ROW(INDEX(Jesper!AH$2:AH$366,ROUNDDOWN($C4049/24,0)+1,1))-1)+IF('Standard Profiles'!$G$18=$B$10,7,0)+IF('Standard Profiles'!$G$18=$B$17,14,0)+IF('Standard Profiles'!$G$18=$B$24,21,0),MOD($C4049,24)+1)/SUM(INDEX($D$3:$AA$30,INDEX(Jesper!$R$2:$R$366,ROW(INDEX(Jesper!AH$2:AH$366,ROUNDDOWN($C4049/24,0)+1,1))-1)+IF('Standard Profiles'!$G$18=$B$10,7,0)+IF('Standard Profiles'!$G$18=$B$17,14,0)+IF('Standard Profiles'!$G$18=$B$24,21,0),0)),0)</f>
        <v>10.960900700906535</v>
      </c>
      <c r="E4049" cm="1">
        <f t="array" ref="E4049">IFERROR(INDEX(Jesper!AI$2:AI$366,ROUNDDOWN($C4049/24,0)+1,1)*INDEX($D$3:$AA$30,INDEX(Jesper!$R$2:$R$366,ROW(INDEX(Jesper!AI$2:AI$366,ROUNDDOWN($C4049/24,0)+1,1))-1)+IF('Standard Profiles'!$G$19=$B$10,7,0)+IF('Standard Profiles'!$G$19=$B$17,14,0)+IF('Standard Profiles'!$G$19=$B$24,21,0),MOD($C4049,24)+1)/SUM(INDEX($D$3:$AA$30,INDEX(Jesper!$R$2:$R$366,ROW(INDEX(Jesper!AI$2:AI$366,ROUNDDOWN($C4049/24,0)+1,1))-1)+IF('Standard Profiles'!$G$19=$B$10,7,0)+IF('Standard Profiles'!$G$19=$B$17,14,0)+IF('Standard Profiles'!$G$19=$B$24,21,0),0)),0)</f>
        <v>1.5328448906894843</v>
      </c>
      <c r="F4049" cm="1">
        <f t="array" ref="F4049">IFERROR(INDEX(Jesper!AJ$2:AJ$366,ROUNDDOWN($C4049/24,0)+1,1)*INDEX($D$3:$AA$30,INDEX(Jesper!$R$2:$R$366,ROW(INDEX(Jesper!AJ$2:AJ$366,ROUNDDOWN($C4049/24,0)+1,1))-1)+IF('Standard Profiles'!$G$20=$B$10,7,0)+IF('Standard Profiles'!$G$20=$B$17,14,0)+IF('Standard Profiles'!$G$20=$B$24,21,0),MOD($C4049,24)+1)/SUM(INDEX($D$3:$AA$30,INDEX(Jesper!$R$2:$R$366,ROW(INDEX(Jesper!AJ$2:AJ$366,ROUNDDOWN($C4049/24,0)+1,1))-1)+IF('Standard Profiles'!$G$20=$B$10,7,0)+IF('Standard Profiles'!$G$20=$B$17,14,0)+IF('Standard Profiles'!$G$20=$B$24,21,0),0)),0)</f>
        <v>0</v>
      </c>
      <c r="G4049" cm="1">
        <f t="array" ref="G4049">IFERROR(INDEX(Jesper!AK$2:AK$366,ROUNDDOWN($C4049/24,0)+1,1)*INDEX($D$3:$AA$30,INDEX(Jesper!$R$2:$R$366,ROW(INDEX(Jesper!AK$2:AK$366,ROUNDDOWN($C4049/24,0)+1,1))-1)+IF('Standard Profiles'!$G$21=$B$10,7,0)+IF('Standard Profiles'!$G$21=$B$17,14,0)+IF('Standard Profiles'!$G$21=$B$24,21,0),MOD($C4049,24)+1)/SUM(INDEX($D$3:$AA$30,INDEX(Jesper!$R$2:$R$366,ROW(INDEX(Jesper!AK$2:AK$366,ROUNDDOWN($C4049/24,0)+1,1))-1)+IF('Standard Profiles'!$G$21=$B$10,7,0)+IF('Standard Profiles'!$G$21=$B$17,14,0)+IF('Standard Profiles'!$G$21=$B$24,21,0),0)),0)</f>
        <v>0</v>
      </c>
      <c r="H4049" cm="1">
        <f t="array" ref="H4049">IFERROR(INDEX(Jesper!AL$2:AL$366,ROUNDDOWN($C4049/24,0)+1,1)*INDEX($D$3:$AA$30,INDEX(Jesper!$R$2:$R$366,ROW(INDEX(Jesper!AL$2:AL$366,ROUNDDOWN($C4049/24,0)+1,1))-1)+IF('Standard Profiles'!$G$22=$B$10,7,0)+IF('Standard Profiles'!$G$22=$B$17,14,0)+IF('Standard Profiles'!$G$22=$B$24,21,0),MOD($C4049,24)+1)/SUM(INDEX($D$3:$AA$30,INDEX(Jesper!$R$2:$R$366,ROW(INDEX(Jesper!AL$2:AL$366,ROUNDDOWN($C4049/24,0)+1,1))-1)+IF('Standard Profiles'!$G$22=$B$10,7,0)+IF('Standard Profiles'!$G$22=$B$17,14,0)+IF('Standard Profiles'!$G$22=$B$24,21,0),0)),0)</f>
        <v>0</v>
      </c>
      <c r="I4049">
        <f t="shared" si="454"/>
        <v>0.13809413429634998</v>
      </c>
      <c r="J4049">
        <f t="shared" si="455"/>
        <v>0.46031378098783327</v>
      </c>
      <c r="K4049">
        <f t="shared" si="456"/>
        <v>0.6904706714817499</v>
      </c>
      <c r="L4049">
        <f t="shared" si="457"/>
        <v>11.204867004830087</v>
      </c>
      <c r="M4049">
        <f t="shared" si="458"/>
        <v>0</v>
      </c>
      <c r="N4049" s="46">
        <f t="shared" si="459"/>
        <v>45459.291666656929</v>
      </c>
    </row>
    <row r="4050" spans="2:14" x14ac:dyDescent="0.3">
      <c r="B4050">
        <f t="shared" si="453"/>
        <v>7</v>
      </c>
      <c r="C4050" s="16">
        <v>4016</v>
      </c>
      <c r="D4050" cm="1">
        <f t="array" ref="D4050">IFERROR(INDEX(Jesper!AH$2:AH$366,ROUNDDOWN($C4050/24,0)+1,1)*INDEX($D$3:$AA$30,INDEX(Jesper!$R$2:$R$366,ROW(INDEX(Jesper!AH$2:AH$366,ROUNDDOWN($C4050/24,0)+1,1))-1)+IF('Standard Profiles'!$G$18=$B$10,7,0)+IF('Standard Profiles'!$G$18=$B$17,14,0)+IF('Standard Profiles'!$G$18=$B$24,21,0),MOD($C4050,24)+1)/SUM(INDEX($D$3:$AA$30,INDEX(Jesper!$R$2:$R$366,ROW(INDEX(Jesper!AH$2:AH$366,ROUNDDOWN($C4050/24,0)+1,1))-1)+IF('Standard Profiles'!$G$18=$B$10,7,0)+IF('Standard Profiles'!$G$18=$B$17,14,0)+IF('Standard Profiles'!$G$18=$B$24,21,0),0)),0)</f>
        <v>10.960900700906535</v>
      </c>
      <c r="E4050" cm="1">
        <f t="array" ref="E4050">IFERROR(INDEX(Jesper!AI$2:AI$366,ROUNDDOWN($C4050/24,0)+1,1)*INDEX($D$3:$AA$30,INDEX(Jesper!$R$2:$R$366,ROW(INDEX(Jesper!AI$2:AI$366,ROUNDDOWN($C4050/24,0)+1,1))-1)+IF('Standard Profiles'!$G$19=$B$10,7,0)+IF('Standard Profiles'!$G$19=$B$17,14,0)+IF('Standard Profiles'!$G$19=$B$24,21,0),MOD($C4050,24)+1)/SUM(INDEX($D$3:$AA$30,INDEX(Jesper!$R$2:$R$366,ROW(INDEX(Jesper!AI$2:AI$366,ROUNDDOWN($C4050/24,0)+1,1))-1)+IF('Standard Profiles'!$G$19=$B$10,7,0)+IF('Standard Profiles'!$G$19=$B$17,14,0)+IF('Standard Profiles'!$G$19=$B$24,21,0),0)),0)</f>
        <v>1.5328448906894843</v>
      </c>
      <c r="F4050" cm="1">
        <f t="array" ref="F4050">IFERROR(INDEX(Jesper!AJ$2:AJ$366,ROUNDDOWN($C4050/24,0)+1,1)*INDEX($D$3:$AA$30,INDEX(Jesper!$R$2:$R$366,ROW(INDEX(Jesper!AJ$2:AJ$366,ROUNDDOWN($C4050/24,0)+1,1))-1)+IF('Standard Profiles'!$G$20=$B$10,7,0)+IF('Standard Profiles'!$G$20=$B$17,14,0)+IF('Standard Profiles'!$G$20=$B$24,21,0),MOD($C4050,24)+1)/SUM(INDEX($D$3:$AA$30,INDEX(Jesper!$R$2:$R$366,ROW(INDEX(Jesper!AJ$2:AJ$366,ROUNDDOWN($C4050/24,0)+1,1))-1)+IF('Standard Profiles'!$G$20=$B$10,7,0)+IF('Standard Profiles'!$G$20=$B$17,14,0)+IF('Standard Profiles'!$G$20=$B$24,21,0),0)),0)</f>
        <v>0</v>
      </c>
      <c r="G4050" cm="1">
        <f t="array" ref="G4050">IFERROR(INDEX(Jesper!AK$2:AK$366,ROUNDDOWN($C4050/24,0)+1,1)*INDEX($D$3:$AA$30,INDEX(Jesper!$R$2:$R$366,ROW(INDEX(Jesper!AK$2:AK$366,ROUNDDOWN($C4050/24,0)+1,1))-1)+IF('Standard Profiles'!$G$21=$B$10,7,0)+IF('Standard Profiles'!$G$21=$B$17,14,0)+IF('Standard Profiles'!$G$21=$B$24,21,0),MOD($C4050,24)+1)/SUM(INDEX($D$3:$AA$30,INDEX(Jesper!$R$2:$R$366,ROW(INDEX(Jesper!AK$2:AK$366,ROUNDDOWN($C4050/24,0)+1,1))-1)+IF('Standard Profiles'!$G$21=$B$10,7,0)+IF('Standard Profiles'!$G$21=$B$17,14,0)+IF('Standard Profiles'!$G$21=$B$24,21,0),0)),0)</f>
        <v>0</v>
      </c>
      <c r="H4050" cm="1">
        <f t="array" ref="H4050">IFERROR(INDEX(Jesper!AL$2:AL$366,ROUNDDOWN($C4050/24,0)+1,1)*INDEX($D$3:$AA$30,INDEX(Jesper!$R$2:$R$366,ROW(INDEX(Jesper!AL$2:AL$366,ROUNDDOWN($C4050/24,0)+1,1))-1)+IF('Standard Profiles'!$G$22=$B$10,7,0)+IF('Standard Profiles'!$G$22=$B$17,14,0)+IF('Standard Profiles'!$G$22=$B$24,21,0),MOD($C4050,24)+1)/SUM(INDEX($D$3:$AA$30,INDEX(Jesper!$R$2:$R$366,ROW(INDEX(Jesper!AL$2:AL$366,ROUNDDOWN($C4050/24,0)+1,1))-1)+IF('Standard Profiles'!$G$22=$B$10,7,0)+IF('Standard Profiles'!$G$22=$B$17,14,0)+IF('Standard Profiles'!$G$22=$B$24,21,0),0)),0)</f>
        <v>0</v>
      </c>
      <c r="I4050">
        <f t="shared" si="454"/>
        <v>0.13809413429634998</v>
      </c>
      <c r="J4050">
        <f t="shared" si="455"/>
        <v>0.46031378098783327</v>
      </c>
      <c r="K4050">
        <f t="shared" si="456"/>
        <v>0.6904706714817499</v>
      </c>
      <c r="L4050">
        <f t="shared" si="457"/>
        <v>11.204867004830087</v>
      </c>
      <c r="M4050">
        <f t="shared" si="458"/>
        <v>0</v>
      </c>
      <c r="N4050" s="46">
        <f t="shared" si="459"/>
        <v>45459.333333323593</v>
      </c>
    </row>
    <row r="4051" spans="2:14" x14ac:dyDescent="0.3">
      <c r="B4051">
        <f t="shared" si="453"/>
        <v>7</v>
      </c>
      <c r="C4051" s="16">
        <v>4017</v>
      </c>
      <c r="D4051" cm="1">
        <f t="array" ref="D4051">IFERROR(INDEX(Jesper!AH$2:AH$366,ROUNDDOWN($C4051/24,0)+1,1)*INDEX($D$3:$AA$30,INDEX(Jesper!$R$2:$R$366,ROW(INDEX(Jesper!AH$2:AH$366,ROUNDDOWN($C4051/24,0)+1,1))-1)+IF('Standard Profiles'!$G$18=$B$10,7,0)+IF('Standard Profiles'!$G$18=$B$17,14,0)+IF('Standard Profiles'!$G$18=$B$24,21,0),MOD($C4051,24)+1)/SUM(INDEX($D$3:$AA$30,INDEX(Jesper!$R$2:$R$366,ROW(INDEX(Jesper!AH$2:AH$366,ROUNDDOWN($C4051/24,0)+1,1))-1)+IF('Standard Profiles'!$G$18=$B$10,7,0)+IF('Standard Profiles'!$G$18=$B$17,14,0)+IF('Standard Profiles'!$G$18=$B$24,21,0),0)),0)</f>
        <v>10.960900700906535</v>
      </c>
      <c r="E4051" cm="1">
        <f t="array" ref="E4051">IFERROR(INDEX(Jesper!AI$2:AI$366,ROUNDDOWN($C4051/24,0)+1,1)*INDEX($D$3:$AA$30,INDEX(Jesper!$R$2:$R$366,ROW(INDEX(Jesper!AI$2:AI$366,ROUNDDOWN($C4051/24,0)+1,1))-1)+IF('Standard Profiles'!$G$19=$B$10,7,0)+IF('Standard Profiles'!$G$19=$B$17,14,0)+IF('Standard Profiles'!$G$19=$B$24,21,0),MOD($C4051,24)+1)/SUM(INDEX($D$3:$AA$30,INDEX(Jesper!$R$2:$R$366,ROW(INDEX(Jesper!AI$2:AI$366,ROUNDDOWN($C4051/24,0)+1,1))-1)+IF('Standard Profiles'!$G$19=$B$10,7,0)+IF('Standard Profiles'!$G$19=$B$17,14,0)+IF('Standard Profiles'!$G$19=$B$24,21,0),0)),0)</f>
        <v>1.5328448906894843</v>
      </c>
      <c r="F4051" cm="1">
        <f t="array" ref="F4051">IFERROR(INDEX(Jesper!AJ$2:AJ$366,ROUNDDOWN($C4051/24,0)+1,1)*INDEX($D$3:$AA$30,INDEX(Jesper!$R$2:$R$366,ROW(INDEX(Jesper!AJ$2:AJ$366,ROUNDDOWN($C4051/24,0)+1,1))-1)+IF('Standard Profiles'!$G$20=$B$10,7,0)+IF('Standard Profiles'!$G$20=$B$17,14,0)+IF('Standard Profiles'!$G$20=$B$24,21,0),MOD($C4051,24)+1)/SUM(INDEX($D$3:$AA$30,INDEX(Jesper!$R$2:$R$366,ROW(INDEX(Jesper!AJ$2:AJ$366,ROUNDDOWN($C4051/24,0)+1,1))-1)+IF('Standard Profiles'!$G$20=$B$10,7,0)+IF('Standard Profiles'!$G$20=$B$17,14,0)+IF('Standard Profiles'!$G$20=$B$24,21,0),0)),0)</f>
        <v>0</v>
      </c>
      <c r="G4051" cm="1">
        <f t="array" ref="G4051">IFERROR(INDEX(Jesper!AK$2:AK$366,ROUNDDOWN($C4051/24,0)+1,1)*INDEX($D$3:$AA$30,INDEX(Jesper!$R$2:$R$366,ROW(INDEX(Jesper!AK$2:AK$366,ROUNDDOWN($C4051/24,0)+1,1))-1)+IF('Standard Profiles'!$G$21=$B$10,7,0)+IF('Standard Profiles'!$G$21=$B$17,14,0)+IF('Standard Profiles'!$G$21=$B$24,21,0),MOD($C4051,24)+1)/SUM(INDEX($D$3:$AA$30,INDEX(Jesper!$R$2:$R$366,ROW(INDEX(Jesper!AK$2:AK$366,ROUNDDOWN($C4051/24,0)+1,1))-1)+IF('Standard Profiles'!$G$21=$B$10,7,0)+IF('Standard Profiles'!$G$21=$B$17,14,0)+IF('Standard Profiles'!$G$21=$B$24,21,0),0)),0)</f>
        <v>0</v>
      </c>
      <c r="H4051" cm="1">
        <f t="array" ref="H4051">IFERROR(INDEX(Jesper!AL$2:AL$366,ROUNDDOWN($C4051/24,0)+1,1)*INDEX($D$3:$AA$30,INDEX(Jesper!$R$2:$R$366,ROW(INDEX(Jesper!AL$2:AL$366,ROUNDDOWN($C4051/24,0)+1,1))-1)+IF('Standard Profiles'!$G$22=$B$10,7,0)+IF('Standard Profiles'!$G$22=$B$17,14,0)+IF('Standard Profiles'!$G$22=$B$24,21,0),MOD($C4051,24)+1)/SUM(INDEX($D$3:$AA$30,INDEX(Jesper!$R$2:$R$366,ROW(INDEX(Jesper!AL$2:AL$366,ROUNDDOWN($C4051/24,0)+1,1))-1)+IF('Standard Profiles'!$G$22=$B$10,7,0)+IF('Standard Profiles'!$G$22=$B$17,14,0)+IF('Standard Profiles'!$G$22=$B$24,21,0),0)),0)</f>
        <v>0</v>
      </c>
      <c r="I4051">
        <f t="shared" si="454"/>
        <v>0.13809413429634998</v>
      </c>
      <c r="J4051">
        <f t="shared" si="455"/>
        <v>0.46031378098783327</v>
      </c>
      <c r="K4051">
        <f t="shared" si="456"/>
        <v>0.6904706714817499</v>
      </c>
      <c r="L4051">
        <f t="shared" si="457"/>
        <v>11.204867004830087</v>
      </c>
      <c r="M4051">
        <f t="shared" si="458"/>
        <v>0</v>
      </c>
      <c r="N4051" s="46">
        <f t="shared" si="459"/>
        <v>45459.374999990257</v>
      </c>
    </row>
    <row r="4052" spans="2:14" x14ac:dyDescent="0.3">
      <c r="B4052">
        <f t="shared" si="453"/>
        <v>7</v>
      </c>
      <c r="C4052" s="16">
        <v>4018</v>
      </c>
      <c r="D4052" cm="1">
        <f t="array" ref="D4052">IFERROR(INDEX(Jesper!AH$2:AH$366,ROUNDDOWN($C4052/24,0)+1,1)*INDEX($D$3:$AA$30,INDEX(Jesper!$R$2:$R$366,ROW(INDEX(Jesper!AH$2:AH$366,ROUNDDOWN($C4052/24,0)+1,1))-1)+IF('Standard Profiles'!$G$18=$B$10,7,0)+IF('Standard Profiles'!$G$18=$B$17,14,0)+IF('Standard Profiles'!$G$18=$B$24,21,0),MOD($C4052,24)+1)/SUM(INDEX($D$3:$AA$30,INDEX(Jesper!$R$2:$R$366,ROW(INDEX(Jesper!AH$2:AH$366,ROUNDDOWN($C4052/24,0)+1,1))-1)+IF('Standard Profiles'!$G$18=$B$10,7,0)+IF('Standard Profiles'!$G$18=$B$17,14,0)+IF('Standard Profiles'!$G$18=$B$24,21,0),0)),0)</f>
        <v>10.960900700906535</v>
      </c>
      <c r="E4052" cm="1">
        <f t="array" ref="E4052">IFERROR(INDEX(Jesper!AI$2:AI$366,ROUNDDOWN($C4052/24,0)+1,1)*INDEX($D$3:$AA$30,INDEX(Jesper!$R$2:$R$366,ROW(INDEX(Jesper!AI$2:AI$366,ROUNDDOWN($C4052/24,0)+1,1))-1)+IF('Standard Profiles'!$G$19=$B$10,7,0)+IF('Standard Profiles'!$G$19=$B$17,14,0)+IF('Standard Profiles'!$G$19=$B$24,21,0),MOD($C4052,24)+1)/SUM(INDEX($D$3:$AA$30,INDEX(Jesper!$R$2:$R$366,ROW(INDEX(Jesper!AI$2:AI$366,ROUNDDOWN($C4052/24,0)+1,1))-1)+IF('Standard Profiles'!$G$19=$B$10,7,0)+IF('Standard Profiles'!$G$19=$B$17,14,0)+IF('Standard Profiles'!$G$19=$B$24,21,0),0)),0)</f>
        <v>1.5328448906894843</v>
      </c>
      <c r="F4052" cm="1">
        <f t="array" ref="F4052">IFERROR(INDEX(Jesper!AJ$2:AJ$366,ROUNDDOWN($C4052/24,0)+1,1)*INDEX($D$3:$AA$30,INDEX(Jesper!$R$2:$R$366,ROW(INDEX(Jesper!AJ$2:AJ$366,ROUNDDOWN($C4052/24,0)+1,1))-1)+IF('Standard Profiles'!$G$20=$B$10,7,0)+IF('Standard Profiles'!$G$20=$B$17,14,0)+IF('Standard Profiles'!$G$20=$B$24,21,0),MOD($C4052,24)+1)/SUM(INDEX($D$3:$AA$30,INDEX(Jesper!$R$2:$R$366,ROW(INDEX(Jesper!AJ$2:AJ$366,ROUNDDOWN($C4052/24,0)+1,1))-1)+IF('Standard Profiles'!$G$20=$B$10,7,0)+IF('Standard Profiles'!$G$20=$B$17,14,0)+IF('Standard Profiles'!$G$20=$B$24,21,0),0)),0)</f>
        <v>0</v>
      </c>
      <c r="G4052" cm="1">
        <f t="array" ref="G4052">IFERROR(INDEX(Jesper!AK$2:AK$366,ROUNDDOWN($C4052/24,0)+1,1)*INDEX($D$3:$AA$30,INDEX(Jesper!$R$2:$R$366,ROW(INDEX(Jesper!AK$2:AK$366,ROUNDDOWN($C4052/24,0)+1,1))-1)+IF('Standard Profiles'!$G$21=$B$10,7,0)+IF('Standard Profiles'!$G$21=$B$17,14,0)+IF('Standard Profiles'!$G$21=$B$24,21,0),MOD($C4052,24)+1)/SUM(INDEX($D$3:$AA$30,INDEX(Jesper!$R$2:$R$366,ROW(INDEX(Jesper!AK$2:AK$366,ROUNDDOWN($C4052/24,0)+1,1))-1)+IF('Standard Profiles'!$G$21=$B$10,7,0)+IF('Standard Profiles'!$G$21=$B$17,14,0)+IF('Standard Profiles'!$G$21=$B$24,21,0),0)),0)</f>
        <v>0</v>
      </c>
      <c r="H4052" cm="1">
        <f t="array" ref="H4052">IFERROR(INDEX(Jesper!AL$2:AL$366,ROUNDDOWN($C4052/24,0)+1,1)*INDEX($D$3:$AA$30,INDEX(Jesper!$R$2:$R$366,ROW(INDEX(Jesper!AL$2:AL$366,ROUNDDOWN($C4052/24,0)+1,1))-1)+IF('Standard Profiles'!$G$22=$B$10,7,0)+IF('Standard Profiles'!$G$22=$B$17,14,0)+IF('Standard Profiles'!$G$22=$B$24,21,0),MOD($C4052,24)+1)/SUM(INDEX($D$3:$AA$30,INDEX(Jesper!$R$2:$R$366,ROW(INDEX(Jesper!AL$2:AL$366,ROUNDDOWN($C4052/24,0)+1,1))-1)+IF('Standard Profiles'!$G$22=$B$10,7,0)+IF('Standard Profiles'!$G$22=$B$17,14,0)+IF('Standard Profiles'!$G$22=$B$24,21,0),0)),0)</f>
        <v>0</v>
      </c>
      <c r="I4052">
        <f t="shared" si="454"/>
        <v>0.13809413429634998</v>
      </c>
      <c r="J4052">
        <f t="shared" si="455"/>
        <v>0.46031378098783327</v>
      </c>
      <c r="K4052">
        <f t="shared" si="456"/>
        <v>0.6904706714817499</v>
      </c>
      <c r="L4052">
        <f t="shared" si="457"/>
        <v>11.204867004830087</v>
      </c>
      <c r="M4052">
        <f t="shared" si="458"/>
        <v>0</v>
      </c>
      <c r="N4052" s="46">
        <f t="shared" si="459"/>
        <v>45459.416666656922</v>
      </c>
    </row>
    <row r="4053" spans="2:14" x14ac:dyDescent="0.3">
      <c r="B4053">
        <f t="shared" si="453"/>
        <v>7</v>
      </c>
      <c r="C4053" s="16">
        <v>4019</v>
      </c>
      <c r="D4053" cm="1">
        <f t="array" ref="D4053">IFERROR(INDEX(Jesper!AH$2:AH$366,ROUNDDOWN($C4053/24,0)+1,1)*INDEX($D$3:$AA$30,INDEX(Jesper!$R$2:$R$366,ROW(INDEX(Jesper!AH$2:AH$366,ROUNDDOWN($C4053/24,0)+1,1))-1)+IF('Standard Profiles'!$G$18=$B$10,7,0)+IF('Standard Profiles'!$G$18=$B$17,14,0)+IF('Standard Profiles'!$G$18=$B$24,21,0),MOD($C4053,24)+1)/SUM(INDEX($D$3:$AA$30,INDEX(Jesper!$R$2:$R$366,ROW(INDEX(Jesper!AH$2:AH$366,ROUNDDOWN($C4053/24,0)+1,1))-1)+IF('Standard Profiles'!$G$18=$B$10,7,0)+IF('Standard Profiles'!$G$18=$B$17,14,0)+IF('Standard Profiles'!$G$18=$B$24,21,0),0)),0)</f>
        <v>10.960900700906535</v>
      </c>
      <c r="E4053" cm="1">
        <f t="array" ref="E4053">IFERROR(INDEX(Jesper!AI$2:AI$366,ROUNDDOWN($C4053/24,0)+1,1)*INDEX($D$3:$AA$30,INDEX(Jesper!$R$2:$R$366,ROW(INDEX(Jesper!AI$2:AI$366,ROUNDDOWN($C4053/24,0)+1,1))-1)+IF('Standard Profiles'!$G$19=$B$10,7,0)+IF('Standard Profiles'!$G$19=$B$17,14,0)+IF('Standard Profiles'!$G$19=$B$24,21,0),MOD($C4053,24)+1)/SUM(INDEX($D$3:$AA$30,INDEX(Jesper!$R$2:$R$366,ROW(INDEX(Jesper!AI$2:AI$366,ROUNDDOWN($C4053/24,0)+1,1))-1)+IF('Standard Profiles'!$G$19=$B$10,7,0)+IF('Standard Profiles'!$G$19=$B$17,14,0)+IF('Standard Profiles'!$G$19=$B$24,21,0),0)),0)</f>
        <v>1.5328448906894843</v>
      </c>
      <c r="F4053" cm="1">
        <f t="array" ref="F4053">IFERROR(INDEX(Jesper!AJ$2:AJ$366,ROUNDDOWN($C4053/24,0)+1,1)*INDEX($D$3:$AA$30,INDEX(Jesper!$R$2:$R$366,ROW(INDEX(Jesper!AJ$2:AJ$366,ROUNDDOWN($C4053/24,0)+1,1))-1)+IF('Standard Profiles'!$G$20=$B$10,7,0)+IF('Standard Profiles'!$G$20=$B$17,14,0)+IF('Standard Profiles'!$G$20=$B$24,21,0),MOD($C4053,24)+1)/SUM(INDEX($D$3:$AA$30,INDEX(Jesper!$R$2:$R$366,ROW(INDEX(Jesper!AJ$2:AJ$366,ROUNDDOWN($C4053/24,0)+1,1))-1)+IF('Standard Profiles'!$G$20=$B$10,7,0)+IF('Standard Profiles'!$G$20=$B$17,14,0)+IF('Standard Profiles'!$G$20=$B$24,21,0),0)),0)</f>
        <v>0</v>
      </c>
      <c r="G4053" cm="1">
        <f t="array" ref="G4053">IFERROR(INDEX(Jesper!AK$2:AK$366,ROUNDDOWN($C4053/24,0)+1,1)*INDEX($D$3:$AA$30,INDEX(Jesper!$R$2:$R$366,ROW(INDEX(Jesper!AK$2:AK$366,ROUNDDOWN($C4053/24,0)+1,1))-1)+IF('Standard Profiles'!$G$21=$B$10,7,0)+IF('Standard Profiles'!$G$21=$B$17,14,0)+IF('Standard Profiles'!$G$21=$B$24,21,0),MOD($C4053,24)+1)/SUM(INDEX($D$3:$AA$30,INDEX(Jesper!$R$2:$R$366,ROW(INDEX(Jesper!AK$2:AK$366,ROUNDDOWN($C4053/24,0)+1,1))-1)+IF('Standard Profiles'!$G$21=$B$10,7,0)+IF('Standard Profiles'!$G$21=$B$17,14,0)+IF('Standard Profiles'!$G$21=$B$24,21,0),0)),0)</f>
        <v>0</v>
      </c>
      <c r="H4053" cm="1">
        <f t="array" ref="H4053">IFERROR(INDEX(Jesper!AL$2:AL$366,ROUNDDOWN($C4053/24,0)+1,1)*INDEX($D$3:$AA$30,INDEX(Jesper!$R$2:$R$366,ROW(INDEX(Jesper!AL$2:AL$366,ROUNDDOWN($C4053/24,0)+1,1))-1)+IF('Standard Profiles'!$G$22=$B$10,7,0)+IF('Standard Profiles'!$G$22=$B$17,14,0)+IF('Standard Profiles'!$G$22=$B$24,21,0),MOD($C4053,24)+1)/SUM(INDEX($D$3:$AA$30,INDEX(Jesper!$R$2:$R$366,ROW(INDEX(Jesper!AL$2:AL$366,ROUNDDOWN($C4053/24,0)+1,1))-1)+IF('Standard Profiles'!$G$22=$B$10,7,0)+IF('Standard Profiles'!$G$22=$B$17,14,0)+IF('Standard Profiles'!$G$22=$B$24,21,0),0)),0)</f>
        <v>0</v>
      </c>
      <c r="I4053">
        <f t="shared" si="454"/>
        <v>0.13809413429634998</v>
      </c>
      <c r="J4053">
        <f t="shared" si="455"/>
        <v>0.46031378098783327</v>
      </c>
      <c r="K4053">
        <f t="shared" si="456"/>
        <v>0.6904706714817499</v>
      </c>
      <c r="L4053">
        <f t="shared" si="457"/>
        <v>11.204867004830087</v>
      </c>
      <c r="M4053">
        <f t="shared" si="458"/>
        <v>0</v>
      </c>
      <c r="N4053" s="46">
        <f t="shared" si="459"/>
        <v>45459.458333323586</v>
      </c>
    </row>
    <row r="4054" spans="2:14" x14ac:dyDescent="0.3">
      <c r="B4054">
        <f t="shared" si="453"/>
        <v>7</v>
      </c>
      <c r="C4054" s="16">
        <v>4020</v>
      </c>
      <c r="D4054" cm="1">
        <f t="array" ref="D4054">IFERROR(INDEX(Jesper!AH$2:AH$366,ROUNDDOWN($C4054/24,0)+1,1)*INDEX($D$3:$AA$30,INDEX(Jesper!$R$2:$R$366,ROW(INDEX(Jesper!AH$2:AH$366,ROUNDDOWN($C4054/24,0)+1,1))-1)+IF('Standard Profiles'!$G$18=$B$10,7,0)+IF('Standard Profiles'!$G$18=$B$17,14,0)+IF('Standard Profiles'!$G$18=$B$24,21,0),MOD($C4054,24)+1)/SUM(INDEX($D$3:$AA$30,INDEX(Jesper!$R$2:$R$366,ROW(INDEX(Jesper!AH$2:AH$366,ROUNDDOWN($C4054/24,0)+1,1))-1)+IF('Standard Profiles'!$G$18=$B$10,7,0)+IF('Standard Profiles'!$G$18=$B$17,14,0)+IF('Standard Profiles'!$G$18=$B$24,21,0),0)),0)</f>
        <v>10.960900700906535</v>
      </c>
      <c r="E4054" cm="1">
        <f t="array" ref="E4054">IFERROR(INDEX(Jesper!AI$2:AI$366,ROUNDDOWN($C4054/24,0)+1,1)*INDEX($D$3:$AA$30,INDEX(Jesper!$R$2:$R$366,ROW(INDEX(Jesper!AI$2:AI$366,ROUNDDOWN($C4054/24,0)+1,1))-1)+IF('Standard Profiles'!$G$19=$B$10,7,0)+IF('Standard Profiles'!$G$19=$B$17,14,0)+IF('Standard Profiles'!$G$19=$B$24,21,0),MOD($C4054,24)+1)/SUM(INDEX($D$3:$AA$30,INDEX(Jesper!$R$2:$R$366,ROW(INDEX(Jesper!AI$2:AI$366,ROUNDDOWN($C4054/24,0)+1,1))-1)+IF('Standard Profiles'!$G$19=$B$10,7,0)+IF('Standard Profiles'!$G$19=$B$17,14,0)+IF('Standard Profiles'!$G$19=$B$24,21,0),0)),0)</f>
        <v>1.5328448906894843</v>
      </c>
      <c r="F4054" cm="1">
        <f t="array" ref="F4054">IFERROR(INDEX(Jesper!AJ$2:AJ$366,ROUNDDOWN($C4054/24,0)+1,1)*INDEX($D$3:$AA$30,INDEX(Jesper!$R$2:$R$366,ROW(INDEX(Jesper!AJ$2:AJ$366,ROUNDDOWN($C4054/24,0)+1,1))-1)+IF('Standard Profiles'!$G$20=$B$10,7,0)+IF('Standard Profiles'!$G$20=$B$17,14,0)+IF('Standard Profiles'!$G$20=$B$24,21,0),MOD($C4054,24)+1)/SUM(INDEX($D$3:$AA$30,INDEX(Jesper!$R$2:$R$366,ROW(INDEX(Jesper!AJ$2:AJ$366,ROUNDDOWN($C4054/24,0)+1,1))-1)+IF('Standard Profiles'!$G$20=$B$10,7,0)+IF('Standard Profiles'!$G$20=$B$17,14,0)+IF('Standard Profiles'!$G$20=$B$24,21,0),0)),0)</f>
        <v>0</v>
      </c>
      <c r="G4054" cm="1">
        <f t="array" ref="G4054">IFERROR(INDEX(Jesper!AK$2:AK$366,ROUNDDOWN($C4054/24,0)+1,1)*INDEX($D$3:$AA$30,INDEX(Jesper!$R$2:$R$366,ROW(INDEX(Jesper!AK$2:AK$366,ROUNDDOWN($C4054/24,0)+1,1))-1)+IF('Standard Profiles'!$G$21=$B$10,7,0)+IF('Standard Profiles'!$G$21=$B$17,14,0)+IF('Standard Profiles'!$G$21=$B$24,21,0),MOD($C4054,24)+1)/SUM(INDEX($D$3:$AA$30,INDEX(Jesper!$R$2:$R$366,ROW(INDEX(Jesper!AK$2:AK$366,ROUNDDOWN($C4054/24,0)+1,1))-1)+IF('Standard Profiles'!$G$21=$B$10,7,0)+IF('Standard Profiles'!$G$21=$B$17,14,0)+IF('Standard Profiles'!$G$21=$B$24,21,0),0)),0)</f>
        <v>0</v>
      </c>
      <c r="H4054" cm="1">
        <f t="array" ref="H4054">IFERROR(INDEX(Jesper!AL$2:AL$366,ROUNDDOWN($C4054/24,0)+1,1)*INDEX($D$3:$AA$30,INDEX(Jesper!$R$2:$R$366,ROW(INDEX(Jesper!AL$2:AL$366,ROUNDDOWN($C4054/24,0)+1,1))-1)+IF('Standard Profiles'!$G$22=$B$10,7,0)+IF('Standard Profiles'!$G$22=$B$17,14,0)+IF('Standard Profiles'!$G$22=$B$24,21,0),MOD($C4054,24)+1)/SUM(INDEX($D$3:$AA$30,INDEX(Jesper!$R$2:$R$366,ROW(INDEX(Jesper!AL$2:AL$366,ROUNDDOWN($C4054/24,0)+1,1))-1)+IF('Standard Profiles'!$G$22=$B$10,7,0)+IF('Standard Profiles'!$G$22=$B$17,14,0)+IF('Standard Profiles'!$G$22=$B$24,21,0),0)),0)</f>
        <v>0</v>
      </c>
      <c r="I4054">
        <f t="shared" si="454"/>
        <v>0.13809413429634998</v>
      </c>
      <c r="J4054">
        <f t="shared" si="455"/>
        <v>0.46031378098783327</v>
      </c>
      <c r="K4054">
        <f t="shared" si="456"/>
        <v>0.6904706714817499</v>
      </c>
      <c r="L4054">
        <f t="shared" si="457"/>
        <v>11.204867004830087</v>
      </c>
      <c r="M4054">
        <f t="shared" si="458"/>
        <v>0</v>
      </c>
      <c r="N4054" s="46">
        <f t="shared" si="459"/>
        <v>45459.49999999025</v>
      </c>
    </row>
    <row r="4055" spans="2:14" x14ac:dyDescent="0.3">
      <c r="B4055">
        <f t="shared" si="453"/>
        <v>7</v>
      </c>
      <c r="C4055" s="16">
        <v>4021</v>
      </c>
      <c r="D4055" cm="1">
        <f t="array" ref="D4055">IFERROR(INDEX(Jesper!AH$2:AH$366,ROUNDDOWN($C4055/24,0)+1,1)*INDEX($D$3:$AA$30,INDEX(Jesper!$R$2:$R$366,ROW(INDEX(Jesper!AH$2:AH$366,ROUNDDOWN($C4055/24,0)+1,1))-1)+IF('Standard Profiles'!$G$18=$B$10,7,0)+IF('Standard Profiles'!$G$18=$B$17,14,0)+IF('Standard Profiles'!$G$18=$B$24,21,0),MOD($C4055,24)+1)/SUM(INDEX($D$3:$AA$30,INDEX(Jesper!$R$2:$R$366,ROW(INDEX(Jesper!AH$2:AH$366,ROUNDDOWN($C4055/24,0)+1,1))-1)+IF('Standard Profiles'!$G$18=$B$10,7,0)+IF('Standard Profiles'!$G$18=$B$17,14,0)+IF('Standard Profiles'!$G$18=$B$24,21,0),0)),0)</f>
        <v>10.960900700906535</v>
      </c>
      <c r="E4055" cm="1">
        <f t="array" ref="E4055">IFERROR(INDEX(Jesper!AI$2:AI$366,ROUNDDOWN($C4055/24,0)+1,1)*INDEX($D$3:$AA$30,INDEX(Jesper!$R$2:$R$366,ROW(INDEX(Jesper!AI$2:AI$366,ROUNDDOWN($C4055/24,0)+1,1))-1)+IF('Standard Profiles'!$G$19=$B$10,7,0)+IF('Standard Profiles'!$G$19=$B$17,14,0)+IF('Standard Profiles'!$G$19=$B$24,21,0),MOD($C4055,24)+1)/SUM(INDEX($D$3:$AA$30,INDEX(Jesper!$R$2:$R$366,ROW(INDEX(Jesper!AI$2:AI$366,ROUNDDOWN($C4055/24,0)+1,1))-1)+IF('Standard Profiles'!$G$19=$B$10,7,0)+IF('Standard Profiles'!$G$19=$B$17,14,0)+IF('Standard Profiles'!$G$19=$B$24,21,0),0)),0)</f>
        <v>1.5328448906894843</v>
      </c>
      <c r="F4055" cm="1">
        <f t="array" ref="F4055">IFERROR(INDEX(Jesper!AJ$2:AJ$366,ROUNDDOWN($C4055/24,0)+1,1)*INDEX($D$3:$AA$30,INDEX(Jesper!$R$2:$R$366,ROW(INDEX(Jesper!AJ$2:AJ$366,ROUNDDOWN($C4055/24,0)+1,1))-1)+IF('Standard Profiles'!$G$20=$B$10,7,0)+IF('Standard Profiles'!$G$20=$B$17,14,0)+IF('Standard Profiles'!$G$20=$B$24,21,0),MOD($C4055,24)+1)/SUM(INDEX($D$3:$AA$30,INDEX(Jesper!$R$2:$R$366,ROW(INDEX(Jesper!AJ$2:AJ$366,ROUNDDOWN($C4055/24,0)+1,1))-1)+IF('Standard Profiles'!$G$20=$B$10,7,0)+IF('Standard Profiles'!$G$20=$B$17,14,0)+IF('Standard Profiles'!$G$20=$B$24,21,0),0)),0)</f>
        <v>0</v>
      </c>
      <c r="G4055" cm="1">
        <f t="array" ref="G4055">IFERROR(INDEX(Jesper!AK$2:AK$366,ROUNDDOWN($C4055/24,0)+1,1)*INDEX($D$3:$AA$30,INDEX(Jesper!$R$2:$R$366,ROW(INDEX(Jesper!AK$2:AK$366,ROUNDDOWN($C4055/24,0)+1,1))-1)+IF('Standard Profiles'!$G$21=$B$10,7,0)+IF('Standard Profiles'!$G$21=$B$17,14,0)+IF('Standard Profiles'!$G$21=$B$24,21,0),MOD($C4055,24)+1)/SUM(INDEX($D$3:$AA$30,INDEX(Jesper!$R$2:$R$366,ROW(INDEX(Jesper!AK$2:AK$366,ROUNDDOWN($C4055/24,0)+1,1))-1)+IF('Standard Profiles'!$G$21=$B$10,7,0)+IF('Standard Profiles'!$G$21=$B$17,14,0)+IF('Standard Profiles'!$G$21=$B$24,21,0),0)),0)</f>
        <v>0</v>
      </c>
      <c r="H4055" cm="1">
        <f t="array" ref="H4055">IFERROR(INDEX(Jesper!AL$2:AL$366,ROUNDDOWN($C4055/24,0)+1,1)*INDEX($D$3:$AA$30,INDEX(Jesper!$R$2:$R$366,ROW(INDEX(Jesper!AL$2:AL$366,ROUNDDOWN($C4055/24,0)+1,1))-1)+IF('Standard Profiles'!$G$22=$B$10,7,0)+IF('Standard Profiles'!$G$22=$B$17,14,0)+IF('Standard Profiles'!$G$22=$B$24,21,0),MOD($C4055,24)+1)/SUM(INDEX($D$3:$AA$30,INDEX(Jesper!$R$2:$R$366,ROW(INDEX(Jesper!AL$2:AL$366,ROUNDDOWN($C4055/24,0)+1,1))-1)+IF('Standard Profiles'!$G$22=$B$10,7,0)+IF('Standard Profiles'!$G$22=$B$17,14,0)+IF('Standard Profiles'!$G$22=$B$24,21,0),0)),0)</f>
        <v>0</v>
      </c>
      <c r="I4055">
        <f t="shared" si="454"/>
        <v>0.13809413429634998</v>
      </c>
      <c r="J4055">
        <f t="shared" si="455"/>
        <v>0.46031378098783327</v>
      </c>
      <c r="K4055">
        <f t="shared" si="456"/>
        <v>0.6904706714817499</v>
      </c>
      <c r="L4055">
        <f t="shared" si="457"/>
        <v>11.204867004830087</v>
      </c>
      <c r="M4055">
        <f t="shared" si="458"/>
        <v>0</v>
      </c>
      <c r="N4055" s="46">
        <f t="shared" si="459"/>
        <v>45459.541666656914</v>
      </c>
    </row>
    <row r="4056" spans="2:14" x14ac:dyDescent="0.3">
      <c r="B4056">
        <f t="shared" si="453"/>
        <v>7</v>
      </c>
      <c r="C4056" s="16">
        <v>4022</v>
      </c>
      <c r="D4056" cm="1">
        <f t="array" ref="D4056">IFERROR(INDEX(Jesper!AH$2:AH$366,ROUNDDOWN($C4056/24,0)+1,1)*INDEX($D$3:$AA$30,INDEX(Jesper!$R$2:$R$366,ROW(INDEX(Jesper!AH$2:AH$366,ROUNDDOWN($C4056/24,0)+1,1))-1)+IF('Standard Profiles'!$G$18=$B$10,7,0)+IF('Standard Profiles'!$G$18=$B$17,14,0)+IF('Standard Profiles'!$G$18=$B$24,21,0),MOD($C4056,24)+1)/SUM(INDEX($D$3:$AA$30,INDEX(Jesper!$R$2:$R$366,ROW(INDEX(Jesper!AH$2:AH$366,ROUNDDOWN($C4056/24,0)+1,1))-1)+IF('Standard Profiles'!$G$18=$B$10,7,0)+IF('Standard Profiles'!$G$18=$B$17,14,0)+IF('Standard Profiles'!$G$18=$B$24,21,0),0)),0)</f>
        <v>10.960900700906535</v>
      </c>
      <c r="E4056" cm="1">
        <f t="array" ref="E4056">IFERROR(INDEX(Jesper!AI$2:AI$366,ROUNDDOWN($C4056/24,0)+1,1)*INDEX($D$3:$AA$30,INDEX(Jesper!$R$2:$R$366,ROW(INDEX(Jesper!AI$2:AI$366,ROUNDDOWN($C4056/24,0)+1,1))-1)+IF('Standard Profiles'!$G$19=$B$10,7,0)+IF('Standard Profiles'!$G$19=$B$17,14,0)+IF('Standard Profiles'!$G$19=$B$24,21,0),MOD($C4056,24)+1)/SUM(INDEX($D$3:$AA$30,INDEX(Jesper!$R$2:$R$366,ROW(INDEX(Jesper!AI$2:AI$366,ROUNDDOWN($C4056/24,0)+1,1))-1)+IF('Standard Profiles'!$G$19=$B$10,7,0)+IF('Standard Profiles'!$G$19=$B$17,14,0)+IF('Standard Profiles'!$G$19=$B$24,21,0),0)),0)</f>
        <v>1.5328448906894843</v>
      </c>
      <c r="F4056" cm="1">
        <f t="array" ref="F4056">IFERROR(INDEX(Jesper!AJ$2:AJ$366,ROUNDDOWN($C4056/24,0)+1,1)*INDEX($D$3:$AA$30,INDEX(Jesper!$R$2:$R$366,ROW(INDEX(Jesper!AJ$2:AJ$366,ROUNDDOWN($C4056/24,0)+1,1))-1)+IF('Standard Profiles'!$G$20=$B$10,7,0)+IF('Standard Profiles'!$G$20=$B$17,14,0)+IF('Standard Profiles'!$G$20=$B$24,21,0),MOD($C4056,24)+1)/SUM(INDEX($D$3:$AA$30,INDEX(Jesper!$R$2:$R$366,ROW(INDEX(Jesper!AJ$2:AJ$366,ROUNDDOWN($C4056/24,0)+1,1))-1)+IF('Standard Profiles'!$G$20=$B$10,7,0)+IF('Standard Profiles'!$G$20=$B$17,14,0)+IF('Standard Profiles'!$G$20=$B$24,21,0),0)),0)</f>
        <v>0</v>
      </c>
      <c r="G4056" cm="1">
        <f t="array" ref="G4056">IFERROR(INDEX(Jesper!AK$2:AK$366,ROUNDDOWN($C4056/24,0)+1,1)*INDEX($D$3:$AA$30,INDEX(Jesper!$R$2:$R$366,ROW(INDEX(Jesper!AK$2:AK$366,ROUNDDOWN($C4056/24,0)+1,1))-1)+IF('Standard Profiles'!$G$21=$B$10,7,0)+IF('Standard Profiles'!$G$21=$B$17,14,0)+IF('Standard Profiles'!$G$21=$B$24,21,0),MOD($C4056,24)+1)/SUM(INDEX($D$3:$AA$30,INDEX(Jesper!$R$2:$R$366,ROW(INDEX(Jesper!AK$2:AK$366,ROUNDDOWN($C4056/24,0)+1,1))-1)+IF('Standard Profiles'!$G$21=$B$10,7,0)+IF('Standard Profiles'!$G$21=$B$17,14,0)+IF('Standard Profiles'!$G$21=$B$24,21,0),0)),0)</f>
        <v>0</v>
      </c>
      <c r="H4056" cm="1">
        <f t="array" ref="H4056">IFERROR(INDEX(Jesper!AL$2:AL$366,ROUNDDOWN($C4056/24,0)+1,1)*INDEX($D$3:$AA$30,INDEX(Jesper!$R$2:$R$366,ROW(INDEX(Jesper!AL$2:AL$366,ROUNDDOWN($C4056/24,0)+1,1))-1)+IF('Standard Profiles'!$G$22=$B$10,7,0)+IF('Standard Profiles'!$G$22=$B$17,14,0)+IF('Standard Profiles'!$G$22=$B$24,21,0),MOD($C4056,24)+1)/SUM(INDEX($D$3:$AA$30,INDEX(Jesper!$R$2:$R$366,ROW(INDEX(Jesper!AL$2:AL$366,ROUNDDOWN($C4056/24,0)+1,1))-1)+IF('Standard Profiles'!$G$22=$B$10,7,0)+IF('Standard Profiles'!$G$22=$B$17,14,0)+IF('Standard Profiles'!$G$22=$B$24,21,0),0)),0)</f>
        <v>0</v>
      </c>
      <c r="I4056">
        <f t="shared" si="454"/>
        <v>0.13809413429634998</v>
      </c>
      <c r="J4056">
        <f t="shared" si="455"/>
        <v>0.46031378098783327</v>
      </c>
      <c r="K4056">
        <f t="shared" si="456"/>
        <v>0.6904706714817499</v>
      </c>
      <c r="L4056">
        <f t="shared" si="457"/>
        <v>11.204867004830087</v>
      </c>
      <c r="M4056">
        <f t="shared" si="458"/>
        <v>0</v>
      </c>
      <c r="N4056" s="46">
        <f t="shared" si="459"/>
        <v>45459.583333323579</v>
      </c>
    </row>
    <row r="4057" spans="2:14" x14ac:dyDescent="0.3">
      <c r="B4057">
        <f t="shared" si="453"/>
        <v>7</v>
      </c>
      <c r="C4057" s="16">
        <v>4023</v>
      </c>
      <c r="D4057" cm="1">
        <f t="array" ref="D4057">IFERROR(INDEX(Jesper!AH$2:AH$366,ROUNDDOWN($C4057/24,0)+1,1)*INDEX($D$3:$AA$30,INDEX(Jesper!$R$2:$R$366,ROW(INDEX(Jesper!AH$2:AH$366,ROUNDDOWN($C4057/24,0)+1,1))-1)+IF('Standard Profiles'!$G$18=$B$10,7,0)+IF('Standard Profiles'!$G$18=$B$17,14,0)+IF('Standard Profiles'!$G$18=$B$24,21,0),MOD($C4057,24)+1)/SUM(INDEX($D$3:$AA$30,INDEX(Jesper!$R$2:$R$366,ROW(INDEX(Jesper!AH$2:AH$366,ROUNDDOWN($C4057/24,0)+1,1))-1)+IF('Standard Profiles'!$G$18=$B$10,7,0)+IF('Standard Profiles'!$G$18=$B$17,14,0)+IF('Standard Profiles'!$G$18=$B$24,21,0),0)),0)</f>
        <v>9.7430228452502536</v>
      </c>
      <c r="E4057" cm="1">
        <f t="array" ref="E4057">IFERROR(INDEX(Jesper!AI$2:AI$366,ROUNDDOWN($C4057/24,0)+1,1)*INDEX($D$3:$AA$30,INDEX(Jesper!$R$2:$R$366,ROW(INDEX(Jesper!AI$2:AI$366,ROUNDDOWN($C4057/24,0)+1,1))-1)+IF('Standard Profiles'!$G$19=$B$10,7,0)+IF('Standard Profiles'!$G$19=$B$17,14,0)+IF('Standard Profiles'!$G$19=$B$24,21,0),MOD($C4057,24)+1)/SUM(INDEX($D$3:$AA$30,INDEX(Jesper!$R$2:$R$366,ROW(INDEX(Jesper!AI$2:AI$366,ROUNDDOWN($C4057/24,0)+1,1))-1)+IF('Standard Profiles'!$G$19=$B$10,7,0)+IF('Standard Profiles'!$G$19=$B$17,14,0)+IF('Standard Profiles'!$G$19=$B$24,21,0),0)),0)</f>
        <v>1.3625287917239861</v>
      </c>
      <c r="F4057" cm="1">
        <f t="array" ref="F4057">IFERROR(INDEX(Jesper!AJ$2:AJ$366,ROUNDDOWN($C4057/24,0)+1,1)*INDEX($D$3:$AA$30,INDEX(Jesper!$R$2:$R$366,ROW(INDEX(Jesper!AJ$2:AJ$366,ROUNDDOWN($C4057/24,0)+1,1))-1)+IF('Standard Profiles'!$G$20=$B$10,7,0)+IF('Standard Profiles'!$G$20=$B$17,14,0)+IF('Standard Profiles'!$G$20=$B$24,21,0),MOD($C4057,24)+1)/SUM(INDEX($D$3:$AA$30,INDEX(Jesper!$R$2:$R$366,ROW(INDEX(Jesper!AJ$2:AJ$366,ROUNDDOWN($C4057/24,0)+1,1))-1)+IF('Standard Profiles'!$G$20=$B$10,7,0)+IF('Standard Profiles'!$G$20=$B$17,14,0)+IF('Standard Profiles'!$G$20=$B$24,21,0),0)),0)</f>
        <v>0</v>
      </c>
      <c r="G4057" cm="1">
        <f t="array" ref="G4057">IFERROR(INDEX(Jesper!AK$2:AK$366,ROUNDDOWN($C4057/24,0)+1,1)*INDEX($D$3:$AA$30,INDEX(Jesper!$R$2:$R$366,ROW(INDEX(Jesper!AK$2:AK$366,ROUNDDOWN($C4057/24,0)+1,1))-1)+IF('Standard Profiles'!$G$21=$B$10,7,0)+IF('Standard Profiles'!$G$21=$B$17,14,0)+IF('Standard Profiles'!$G$21=$B$24,21,0),MOD($C4057,24)+1)/SUM(INDEX($D$3:$AA$30,INDEX(Jesper!$R$2:$R$366,ROW(INDEX(Jesper!AK$2:AK$366,ROUNDDOWN($C4057/24,0)+1,1))-1)+IF('Standard Profiles'!$G$21=$B$10,7,0)+IF('Standard Profiles'!$G$21=$B$17,14,0)+IF('Standard Profiles'!$G$21=$B$24,21,0),0)),0)</f>
        <v>0</v>
      </c>
      <c r="H4057" cm="1">
        <f t="array" ref="H4057">IFERROR(INDEX(Jesper!AL$2:AL$366,ROUNDDOWN($C4057/24,0)+1,1)*INDEX($D$3:$AA$30,INDEX(Jesper!$R$2:$R$366,ROW(INDEX(Jesper!AL$2:AL$366,ROUNDDOWN($C4057/24,0)+1,1))-1)+IF('Standard Profiles'!$G$22=$B$10,7,0)+IF('Standard Profiles'!$G$22=$B$17,14,0)+IF('Standard Profiles'!$G$22=$B$24,21,0),MOD($C4057,24)+1)/SUM(INDEX($D$3:$AA$30,INDEX(Jesper!$R$2:$R$366,ROW(INDEX(Jesper!AL$2:AL$366,ROUNDDOWN($C4057/24,0)+1,1))-1)+IF('Standard Profiles'!$G$22=$B$10,7,0)+IF('Standard Profiles'!$G$22=$B$17,14,0)+IF('Standard Profiles'!$G$22=$B$24,21,0),0)),0)</f>
        <v>0</v>
      </c>
      <c r="I4057">
        <f t="shared" si="454"/>
        <v>0.12275034159675553</v>
      </c>
      <c r="J4057">
        <f t="shared" si="455"/>
        <v>0.40916780532251851</v>
      </c>
      <c r="K4057">
        <f t="shared" si="456"/>
        <v>0.61375170798377776</v>
      </c>
      <c r="L4057">
        <f t="shared" si="457"/>
        <v>9.9598817820711876</v>
      </c>
      <c r="M4057">
        <f t="shared" si="458"/>
        <v>0</v>
      </c>
      <c r="N4057" s="46">
        <f t="shared" si="459"/>
        <v>45459.624999990243</v>
      </c>
    </row>
    <row r="4058" spans="2:14" x14ac:dyDescent="0.3">
      <c r="B4058">
        <f t="shared" si="453"/>
        <v>7</v>
      </c>
      <c r="C4058" s="16">
        <v>4024</v>
      </c>
      <c r="D4058" cm="1">
        <f t="array" ref="D4058">IFERROR(INDEX(Jesper!AH$2:AH$366,ROUNDDOWN($C4058/24,0)+1,1)*INDEX($D$3:$AA$30,INDEX(Jesper!$R$2:$R$366,ROW(INDEX(Jesper!AH$2:AH$366,ROUNDDOWN($C4058/24,0)+1,1))-1)+IF('Standard Profiles'!$G$18=$B$10,7,0)+IF('Standard Profiles'!$G$18=$B$17,14,0)+IF('Standard Profiles'!$G$18=$B$24,21,0),MOD($C4058,24)+1)/SUM(INDEX($D$3:$AA$30,INDEX(Jesper!$R$2:$R$366,ROW(INDEX(Jesper!AH$2:AH$366,ROUNDDOWN($C4058/24,0)+1,1))-1)+IF('Standard Profiles'!$G$18=$B$10,7,0)+IF('Standard Profiles'!$G$18=$B$17,14,0)+IF('Standard Profiles'!$G$18=$B$24,21,0),0)),0)</f>
        <v>9.5690402944422122</v>
      </c>
      <c r="E4058" cm="1">
        <f t="array" ref="E4058">IFERROR(INDEX(Jesper!AI$2:AI$366,ROUNDDOWN($C4058/24,0)+1,1)*INDEX($D$3:$AA$30,INDEX(Jesper!$R$2:$R$366,ROW(INDEX(Jesper!AI$2:AI$366,ROUNDDOWN($C4058/24,0)+1,1))-1)+IF('Standard Profiles'!$G$19=$B$10,7,0)+IF('Standard Profiles'!$G$19=$B$17,14,0)+IF('Standard Profiles'!$G$19=$B$24,21,0),MOD($C4058,24)+1)/SUM(INDEX($D$3:$AA$30,INDEX(Jesper!$R$2:$R$366,ROW(INDEX(Jesper!AI$2:AI$366,ROUNDDOWN($C4058/24,0)+1,1))-1)+IF('Standard Profiles'!$G$19=$B$10,7,0)+IF('Standard Profiles'!$G$19=$B$17,14,0)+IF('Standard Profiles'!$G$19=$B$24,21,0),0)),0)</f>
        <v>1.3381979204432004</v>
      </c>
      <c r="F4058" cm="1">
        <f t="array" ref="F4058">IFERROR(INDEX(Jesper!AJ$2:AJ$366,ROUNDDOWN($C4058/24,0)+1,1)*INDEX($D$3:$AA$30,INDEX(Jesper!$R$2:$R$366,ROW(INDEX(Jesper!AJ$2:AJ$366,ROUNDDOWN($C4058/24,0)+1,1))-1)+IF('Standard Profiles'!$G$20=$B$10,7,0)+IF('Standard Profiles'!$G$20=$B$17,14,0)+IF('Standard Profiles'!$G$20=$B$24,21,0),MOD($C4058,24)+1)/SUM(INDEX($D$3:$AA$30,INDEX(Jesper!$R$2:$R$366,ROW(INDEX(Jesper!AJ$2:AJ$366,ROUNDDOWN($C4058/24,0)+1,1))-1)+IF('Standard Profiles'!$G$20=$B$10,7,0)+IF('Standard Profiles'!$G$20=$B$17,14,0)+IF('Standard Profiles'!$G$20=$B$24,21,0),0)),0)</f>
        <v>0</v>
      </c>
      <c r="G4058" cm="1">
        <f t="array" ref="G4058">IFERROR(INDEX(Jesper!AK$2:AK$366,ROUNDDOWN($C4058/24,0)+1,1)*INDEX($D$3:$AA$30,INDEX(Jesper!$R$2:$R$366,ROW(INDEX(Jesper!AK$2:AK$366,ROUNDDOWN($C4058/24,0)+1,1))-1)+IF('Standard Profiles'!$G$21=$B$10,7,0)+IF('Standard Profiles'!$G$21=$B$17,14,0)+IF('Standard Profiles'!$G$21=$B$24,21,0),MOD($C4058,24)+1)/SUM(INDEX($D$3:$AA$30,INDEX(Jesper!$R$2:$R$366,ROW(INDEX(Jesper!AK$2:AK$366,ROUNDDOWN($C4058/24,0)+1,1))-1)+IF('Standard Profiles'!$G$21=$B$10,7,0)+IF('Standard Profiles'!$G$21=$B$17,14,0)+IF('Standard Profiles'!$G$21=$B$24,21,0),0)),0)</f>
        <v>0</v>
      </c>
      <c r="H4058" cm="1">
        <f t="array" ref="H4058">IFERROR(INDEX(Jesper!AL$2:AL$366,ROUNDDOWN($C4058/24,0)+1,1)*INDEX($D$3:$AA$30,INDEX(Jesper!$R$2:$R$366,ROW(INDEX(Jesper!AL$2:AL$366,ROUNDDOWN($C4058/24,0)+1,1))-1)+IF('Standard Profiles'!$G$22=$B$10,7,0)+IF('Standard Profiles'!$G$22=$B$17,14,0)+IF('Standard Profiles'!$G$22=$B$24,21,0),MOD($C4058,24)+1)/SUM(INDEX($D$3:$AA$30,INDEX(Jesper!$R$2:$R$366,ROW(INDEX(Jesper!AL$2:AL$366,ROUNDDOWN($C4058/24,0)+1,1))-1)+IF('Standard Profiles'!$G$22=$B$10,7,0)+IF('Standard Profiles'!$G$22=$B$17,14,0)+IF('Standard Profiles'!$G$22=$B$24,21,0),0)),0)</f>
        <v>0</v>
      </c>
      <c r="I4058">
        <f t="shared" si="454"/>
        <v>0.12055837121109916</v>
      </c>
      <c r="J4058">
        <f t="shared" si="455"/>
        <v>0.40186123737033058</v>
      </c>
      <c r="K4058">
        <f t="shared" si="456"/>
        <v>0.6027918560554959</v>
      </c>
      <c r="L4058">
        <f t="shared" si="457"/>
        <v>9.7820267502484874</v>
      </c>
      <c r="M4058">
        <f t="shared" si="458"/>
        <v>0</v>
      </c>
      <c r="N4058" s="46">
        <f t="shared" si="459"/>
        <v>45459.666666656907</v>
      </c>
    </row>
    <row r="4059" spans="2:14" x14ac:dyDescent="0.3">
      <c r="B4059">
        <f t="shared" si="453"/>
        <v>7</v>
      </c>
      <c r="C4059" s="16">
        <v>4025</v>
      </c>
      <c r="D4059" cm="1">
        <f t="array" ref="D4059">IFERROR(INDEX(Jesper!AH$2:AH$366,ROUNDDOWN($C4059/24,0)+1,1)*INDEX($D$3:$AA$30,INDEX(Jesper!$R$2:$R$366,ROW(INDEX(Jesper!AH$2:AH$366,ROUNDDOWN($C4059/24,0)+1,1))-1)+IF('Standard Profiles'!$G$18=$B$10,7,0)+IF('Standard Profiles'!$G$18=$B$17,14,0)+IF('Standard Profiles'!$G$18=$B$24,21,0),MOD($C4059,24)+1)/SUM(INDEX($D$3:$AA$30,INDEX(Jesper!$R$2:$R$366,ROW(INDEX(Jesper!AH$2:AH$366,ROUNDDOWN($C4059/24,0)+1,1))-1)+IF('Standard Profiles'!$G$18=$B$10,7,0)+IF('Standard Profiles'!$G$18=$B$17,14,0)+IF('Standard Profiles'!$G$18=$B$24,21,0),0)),0)</f>
        <v>8.177179887977891</v>
      </c>
      <c r="E4059" cm="1">
        <f t="array" ref="E4059">IFERROR(INDEX(Jesper!AI$2:AI$366,ROUNDDOWN($C4059/24,0)+1,1)*INDEX($D$3:$AA$30,INDEX(Jesper!$R$2:$R$366,ROW(INDEX(Jesper!AI$2:AI$366,ROUNDDOWN($C4059/24,0)+1,1))-1)+IF('Standard Profiles'!$G$19=$B$10,7,0)+IF('Standard Profiles'!$G$19=$B$17,14,0)+IF('Standard Profiles'!$G$19=$B$24,21,0),MOD($C4059,24)+1)/SUM(INDEX($D$3:$AA$30,INDEX(Jesper!$R$2:$R$366,ROW(INDEX(Jesper!AI$2:AI$366,ROUNDDOWN($C4059/24,0)+1,1))-1)+IF('Standard Profiles'!$G$19=$B$10,7,0)+IF('Standard Profiles'!$G$19=$B$17,14,0)+IF('Standard Profiles'!$G$19=$B$24,21,0),0)),0)</f>
        <v>1.143550950196917</v>
      </c>
      <c r="F4059" cm="1">
        <f t="array" ref="F4059">IFERROR(INDEX(Jesper!AJ$2:AJ$366,ROUNDDOWN($C4059/24,0)+1,1)*INDEX($D$3:$AA$30,INDEX(Jesper!$R$2:$R$366,ROW(INDEX(Jesper!AJ$2:AJ$366,ROUNDDOWN($C4059/24,0)+1,1))-1)+IF('Standard Profiles'!$G$20=$B$10,7,0)+IF('Standard Profiles'!$G$20=$B$17,14,0)+IF('Standard Profiles'!$G$20=$B$24,21,0),MOD($C4059,24)+1)/SUM(INDEX($D$3:$AA$30,INDEX(Jesper!$R$2:$R$366,ROW(INDEX(Jesper!AJ$2:AJ$366,ROUNDDOWN($C4059/24,0)+1,1))-1)+IF('Standard Profiles'!$G$20=$B$10,7,0)+IF('Standard Profiles'!$G$20=$B$17,14,0)+IF('Standard Profiles'!$G$20=$B$24,21,0),0)),0)</f>
        <v>0</v>
      </c>
      <c r="G4059" cm="1">
        <f t="array" ref="G4059">IFERROR(INDEX(Jesper!AK$2:AK$366,ROUNDDOWN($C4059/24,0)+1,1)*INDEX($D$3:$AA$30,INDEX(Jesper!$R$2:$R$366,ROW(INDEX(Jesper!AK$2:AK$366,ROUNDDOWN($C4059/24,0)+1,1))-1)+IF('Standard Profiles'!$G$21=$B$10,7,0)+IF('Standard Profiles'!$G$21=$B$17,14,0)+IF('Standard Profiles'!$G$21=$B$24,21,0),MOD($C4059,24)+1)/SUM(INDEX($D$3:$AA$30,INDEX(Jesper!$R$2:$R$366,ROW(INDEX(Jesper!AK$2:AK$366,ROUNDDOWN($C4059/24,0)+1,1))-1)+IF('Standard Profiles'!$G$21=$B$10,7,0)+IF('Standard Profiles'!$G$21=$B$17,14,0)+IF('Standard Profiles'!$G$21=$B$24,21,0),0)),0)</f>
        <v>0</v>
      </c>
      <c r="H4059" cm="1">
        <f t="array" ref="H4059">IFERROR(INDEX(Jesper!AL$2:AL$366,ROUNDDOWN($C4059/24,0)+1,1)*INDEX($D$3:$AA$30,INDEX(Jesper!$R$2:$R$366,ROW(INDEX(Jesper!AL$2:AL$366,ROUNDDOWN($C4059/24,0)+1,1))-1)+IF('Standard Profiles'!$G$22=$B$10,7,0)+IF('Standard Profiles'!$G$22=$B$17,14,0)+IF('Standard Profiles'!$G$22=$B$24,21,0),MOD($C4059,24)+1)/SUM(INDEX($D$3:$AA$30,INDEX(Jesper!$R$2:$R$366,ROW(INDEX(Jesper!AL$2:AL$366,ROUNDDOWN($C4059/24,0)+1,1))-1)+IF('Standard Profiles'!$G$22=$B$10,7,0)+IF('Standard Profiles'!$G$22=$B$17,14,0)+IF('Standard Profiles'!$G$22=$B$24,21,0),0)),0)</f>
        <v>0</v>
      </c>
      <c r="I4059">
        <f t="shared" si="454"/>
        <v>0.1030226081258484</v>
      </c>
      <c r="J4059">
        <f t="shared" si="455"/>
        <v>0.34340869375282806</v>
      </c>
      <c r="K4059">
        <f t="shared" si="456"/>
        <v>0.51511304062924212</v>
      </c>
      <c r="L4059">
        <f t="shared" si="457"/>
        <v>8.35918649566689</v>
      </c>
      <c r="M4059">
        <f t="shared" si="458"/>
        <v>0</v>
      </c>
      <c r="N4059" s="46">
        <f t="shared" si="459"/>
        <v>45459.708333323571</v>
      </c>
    </row>
    <row r="4060" spans="2:14" x14ac:dyDescent="0.3">
      <c r="B4060">
        <f t="shared" si="453"/>
        <v>7</v>
      </c>
      <c r="C4060" s="16">
        <v>4026</v>
      </c>
      <c r="D4060" cm="1">
        <f t="array" ref="D4060">IFERROR(INDEX(Jesper!AH$2:AH$366,ROUNDDOWN($C4060/24,0)+1,1)*INDEX($D$3:$AA$30,INDEX(Jesper!$R$2:$R$366,ROW(INDEX(Jesper!AH$2:AH$366,ROUNDDOWN($C4060/24,0)+1,1))-1)+IF('Standard Profiles'!$G$18=$B$10,7,0)+IF('Standard Profiles'!$G$18=$B$17,14,0)+IF('Standard Profiles'!$G$18=$B$24,21,0),MOD($C4060,24)+1)/SUM(INDEX($D$3:$AA$30,INDEX(Jesper!$R$2:$R$366,ROW(INDEX(Jesper!AH$2:AH$366,ROUNDDOWN($C4060/24,0)+1,1))-1)+IF('Standard Profiles'!$G$18=$B$10,7,0)+IF('Standard Profiles'!$G$18=$B$17,14,0)+IF('Standard Profiles'!$G$18=$B$24,21,0),0)),0)</f>
        <v>7.6552322355537719</v>
      </c>
      <c r="E4060" cm="1">
        <f t="array" ref="E4060">IFERROR(INDEX(Jesper!AI$2:AI$366,ROUNDDOWN($C4060/24,0)+1,1)*INDEX($D$3:$AA$30,INDEX(Jesper!$R$2:$R$366,ROW(INDEX(Jesper!AI$2:AI$366,ROUNDDOWN($C4060/24,0)+1,1))-1)+IF('Standard Profiles'!$G$19=$B$10,7,0)+IF('Standard Profiles'!$G$19=$B$17,14,0)+IF('Standard Profiles'!$G$19=$B$24,21,0),MOD($C4060,24)+1)/SUM(INDEX($D$3:$AA$30,INDEX(Jesper!$R$2:$R$366,ROW(INDEX(Jesper!AI$2:AI$366,ROUNDDOWN($C4060/24,0)+1,1))-1)+IF('Standard Profiles'!$G$19=$B$10,7,0)+IF('Standard Profiles'!$G$19=$B$17,14,0)+IF('Standard Profiles'!$G$19=$B$24,21,0),0)),0)</f>
        <v>1.0705583363545605</v>
      </c>
      <c r="F4060" cm="1">
        <f t="array" ref="F4060">IFERROR(INDEX(Jesper!AJ$2:AJ$366,ROUNDDOWN($C4060/24,0)+1,1)*INDEX($D$3:$AA$30,INDEX(Jesper!$R$2:$R$366,ROW(INDEX(Jesper!AJ$2:AJ$366,ROUNDDOWN($C4060/24,0)+1,1))-1)+IF('Standard Profiles'!$G$20=$B$10,7,0)+IF('Standard Profiles'!$G$20=$B$17,14,0)+IF('Standard Profiles'!$G$20=$B$24,21,0),MOD($C4060,24)+1)/SUM(INDEX($D$3:$AA$30,INDEX(Jesper!$R$2:$R$366,ROW(INDEX(Jesper!AJ$2:AJ$366,ROUNDDOWN($C4060/24,0)+1,1))-1)+IF('Standard Profiles'!$G$20=$B$10,7,0)+IF('Standard Profiles'!$G$20=$B$17,14,0)+IF('Standard Profiles'!$G$20=$B$24,21,0),0)),0)</f>
        <v>0</v>
      </c>
      <c r="G4060" cm="1">
        <f t="array" ref="G4060">IFERROR(INDEX(Jesper!AK$2:AK$366,ROUNDDOWN($C4060/24,0)+1,1)*INDEX($D$3:$AA$30,INDEX(Jesper!$R$2:$R$366,ROW(INDEX(Jesper!AK$2:AK$366,ROUNDDOWN($C4060/24,0)+1,1))-1)+IF('Standard Profiles'!$G$21=$B$10,7,0)+IF('Standard Profiles'!$G$21=$B$17,14,0)+IF('Standard Profiles'!$G$21=$B$24,21,0),MOD($C4060,24)+1)/SUM(INDEX($D$3:$AA$30,INDEX(Jesper!$R$2:$R$366,ROW(INDEX(Jesper!AK$2:AK$366,ROUNDDOWN($C4060/24,0)+1,1))-1)+IF('Standard Profiles'!$G$21=$B$10,7,0)+IF('Standard Profiles'!$G$21=$B$17,14,0)+IF('Standard Profiles'!$G$21=$B$24,21,0),0)),0)</f>
        <v>0</v>
      </c>
      <c r="H4060" cm="1">
        <f t="array" ref="H4060">IFERROR(INDEX(Jesper!AL$2:AL$366,ROUNDDOWN($C4060/24,0)+1,1)*INDEX($D$3:$AA$30,INDEX(Jesper!$R$2:$R$366,ROW(INDEX(Jesper!AL$2:AL$366,ROUNDDOWN($C4060/24,0)+1,1))-1)+IF('Standard Profiles'!$G$22=$B$10,7,0)+IF('Standard Profiles'!$G$22=$B$17,14,0)+IF('Standard Profiles'!$G$22=$B$24,21,0),MOD($C4060,24)+1)/SUM(INDEX($D$3:$AA$30,INDEX(Jesper!$R$2:$R$366,ROW(INDEX(Jesper!AL$2:AL$366,ROUNDDOWN($C4060/24,0)+1,1))-1)+IF('Standard Profiles'!$G$22=$B$10,7,0)+IF('Standard Profiles'!$G$22=$B$17,14,0)+IF('Standard Profiles'!$G$22=$B$24,21,0),0)),0)</f>
        <v>0</v>
      </c>
      <c r="I4060">
        <f t="shared" si="454"/>
        <v>9.644669696887935E-2</v>
      </c>
      <c r="J4060">
        <f t="shared" si="455"/>
        <v>0.32148898989626457</v>
      </c>
      <c r="K4060">
        <f t="shared" si="456"/>
        <v>0.48223348484439682</v>
      </c>
      <c r="L4060">
        <f t="shared" si="457"/>
        <v>7.8256214001987914</v>
      </c>
      <c r="M4060">
        <f t="shared" si="458"/>
        <v>0</v>
      </c>
      <c r="N4060" s="46">
        <f t="shared" si="459"/>
        <v>45459.749999990236</v>
      </c>
    </row>
    <row r="4061" spans="2:14" x14ac:dyDescent="0.3">
      <c r="B4061">
        <f t="shared" si="453"/>
        <v>7</v>
      </c>
      <c r="C4061" s="16">
        <v>4027</v>
      </c>
      <c r="D4061" cm="1">
        <f t="array" ref="D4061">IFERROR(INDEX(Jesper!AH$2:AH$366,ROUNDDOWN($C4061/24,0)+1,1)*INDEX($D$3:$AA$30,INDEX(Jesper!$R$2:$R$366,ROW(INDEX(Jesper!AH$2:AH$366,ROUNDDOWN($C4061/24,0)+1,1))-1)+IF('Standard Profiles'!$G$18=$B$10,7,0)+IF('Standard Profiles'!$G$18=$B$17,14,0)+IF('Standard Profiles'!$G$18=$B$24,21,0),MOD($C4061,24)+1)/SUM(INDEX($D$3:$AA$30,INDEX(Jesper!$R$2:$R$366,ROW(INDEX(Jesper!AH$2:AH$366,ROUNDDOWN($C4061/24,0)+1,1))-1)+IF('Standard Profiles'!$G$18=$B$10,7,0)+IF('Standard Profiles'!$G$18=$B$17,14,0)+IF('Standard Profiles'!$G$18=$B$24,21,0),0)),0)</f>
        <v>6.4373543798974895</v>
      </c>
      <c r="E4061" cm="1">
        <f t="array" ref="E4061">IFERROR(INDEX(Jesper!AI$2:AI$366,ROUNDDOWN($C4061/24,0)+1,1)*INDEX($D$3:$AA$30,INDEX(Jesper!$R$2:$R$366,ROW(INDEX(Jesper!AI$2:AI$366,ROUNDDOWN($C4061/24,0)+1,1))-1)+IF('Standard Profiles'!$G$19=$B$10,7,0)+IF('Standard Profiles'!$G$19=$B$17,14,0)+IF('Standard Profiles'!$G$19=$B$24,21,0),MOD($C4061,24)+1)/SUM(INDEX($D$3:$AA$30,INDEX(Jesper!$R$2:$R$366,ROW(INDEX(Jesper!AI$2:AI$366,ROUNDDOWN($C4061/24,0)+1,1))-1)+IF('Standard Profiles'!$G$19=$B$10,7,0)+IF('Standard Profiles'!$G$19=$B$17,14,0)+IF('Standard Profiles'!$G$19=$B$24,21,0),0)),0)</f>
        <v>0.90024223738906217</v>
      </c>
      <c r="F4061" cm="1">
        <f t="array" ref="F4061">IFERROR(INDEX(Jesper!AJ$2:AJ$366,ROUNDDOWN($C4061/24,0)+1,1)*INDEX($D$3:$AA$30,INDEX(Jesper!$R$2:$R$366,ROW(INDEX(Jesper!AJ$2:AJ$366,ROUNDDOWN($C4061/24,0)+1,1))-1)+IF('Standard Profiles'!$G$20=$B$10,7,0)+IF('Standard Profiles'!$G$20=$B$17,14,0)+IF('Standard Profiles'!$G$20=$B$24,21,0),MOD($C4061,24)+1)/SUM(INDEX($D$3:$AA$30,INDEX(Jesper!$R$2:$R$366,ROW(INDEX(Jesper!AJ$2:AJ$366,ROUNDDOWN($C4061/24,0)+1,1))-1)+IF('Standard Profiles'!$G$20=$B$10,7,0)+IF('Standard Profiles'!$G$20=$B$17,14,0)+IF('Standard Profiles'!$G$20=$B$24,21,0),0)),0)</f>
        <v>0</v>
      </c>
      <c r="G4061" cm="1">
        <f t="array" ref="G4061">IFERROR(INDEX(Jesper!AK$2:AK$366,ROUNDDOWN($C4061/24,0)+1,1)*INDEX($D$3:$AA$30,INDEX(Jesper!$R$2:$R$366,ROW(INDEX(Jesper!AK$2:AK$366,ROUNDDOWN($C4061/24,0)+1,1))-1)+IF('Standard Profiles'!$G$21=$B$10,7,0)+IF('Standard Profiles'!$G$21=$B$17,14,0)+IF('Standard Profiles'!$G$21=$B$24,21,0),MOD($C4061,24)+1)/SUM(INDEX($D$3:$AA$30,INDEX(Jesper!$R$2:$R$366,ROW(INDEX(Jesper!AK$2:AK$366,ROUNDDOWN($C4061/24,0)+1,1))-1)+IF('Standard Profiles'!$G$21=$B$10,7,0)+IF('Standard Profiles'!$G$21=$B$17,14,0)+IF('Standard Profiles'!$G$21=$B$24,21,0),0)),0)</f>
        <v>0</v>
      </c>
      <c r="H4061" cm="1">
        <f t="array" ref="H4061">IFERROR(INDEX(Jesper!AL$2:AL$366,ROUNDDOWN($C4061/24,0)+1,1)*INDEX($D$3:$AA$30,INDEX(Jesper!$R$2:$R$366,ROW(INDEX(Jesper!AL$2:AL$366,ROUNDDOWN($C4061/24,0)+1,1))-1)+IF('Standard Profiles'!$G$22=$B$10,7,0)+IF('Standard Profiles'!$G$22=$B$17,14,0)+IF('Standard Profiles'!$G$22=$B$24,21,0),MOD($C4061,24)+1)/SUM(INDEX($D$3:$AA$30,INDEX(Jesper!$R$2:$R$366,ROW(INDEX(Jesper!AL$2:AL$366,ROUNDDOWN($C4061/24,0)+1,1))-1)+IF('Standard Profiles'!$G$22=$B$10,7,0)+IF('Standard Profiles'!$G$22=$B$17,14,0)+IF('Standard Profiles'!$G$22=$B$24,21,0),0)),0)</f>
        <v>0</v>
      </c>
      <c r="I4061">
        <f t="shared" si="454"/>
        <v>8.1102904269284903E-2</v>
      </c>
      <c r="J4061">
        <f t="shared" si="455"/>
        <v>0.2703430142309497</v>
      </c>
      <c r="K4061">
        <f t="shared" si="456"/>
        <v>0.40551452134642457</v>
      </c>
      <c r="L4061">
        <f t="shared" si="457"/>
        <v>6.5806361774398923</v>
      </c>
      <c r="M4061">
        <f t="shared" si="458"/>
        <v>0</v>
      </c>
      <c r="N4061" s="46">
        <f t="shared" si="459"/>
        <v>45459.7916666569</v>
      </c>
    </row>
    <row r="4062" spans="2:14" x14ac:dyDescent="0.3">
      <c r="B4062">
        <f t="shared" si="453"/>
        <v>7</v>
      </c>
      <c r="C4062" s="16">
        <v>4028</v>
      </c>
      <c r="D4062" cm="1">
        <f t="array" ref="D4062">IFERROR(INDEX(Jesper!AH$2:AH$366,ROUNDDOWN($C4062/24,0)+1,1)*INDEX($D$3:$AA$30,INDEX(Jesper!$R$2:$R$366,ROW(INDEX(Jesper!AH$2:AH$366,ROUNDDOWN($C4062/24,0)+1,1))-1)+IF('Standard Profiles'!$G$18=$B$10,7,0)+IF('Standard Profiles'!$G$18=$B$17,14,0)+IF('Standard Profiles'!$G$18=$B$24,21,0),MOD($C4062,24)+1)/SUM(INDEX($D$3:$AA$30,INDEX(Jesper!$R$2:$R$366,ROW(INDEX(Jesper!AH$2:AH$366,ROUNDDOWN($C4062/24,0)+1,1))-1)+IF('Standard Profiles'!$G$18=$B$10,7,0)+IF('Standard Profiles'!$G$18=$B$17,14,0)+IF('Standard Profiles'!$G$18=$B$24,21,0),0)),0)</f>
        <v>5.3934590750492477</v>
      </c>
      <c r="E4062" cm="1">
        <f t="array" ref="E4062">IFERROR(INDEX(Jesper!AI$2:AI$366,ROUNDDOWN($C4062/24,0)+1,1)*INDEX($D$3:$AA$30,INDEX(Jesper!$R$2:$R$366,ROW(INDEX(Jesper!AI$2:AI$366,ROUNDDOWN($C4062/24,0)+1,1))-1)+IF('Standard Profiles'!$G$19=$B$10,7,0)+IF('Standard Profiles'!$G$19=$B$17,14,0)+IF('Standard Profiles'!$G$19=$B$24,21,0),MOD($C4062,24)+1)/SUM(INDEX($D$3:$AA$30,INDEX(Jesper!$R$2:$R$366,ROW(INDEX(Jesper!AI$2:AI$366,ROUNDDOWN($C4062/24,0)+1,1))-1)+IF('Standard Profiles'!$G$19=$B$10,7,0)+IF('Standard Profiles'!$G$19=$B$17,14,0)+IF('Standard Profiles'!$G$19=$B$24,21,0),0)),0)</f>
        <v>0.75425700970434939</v>
      </c>
      <c r="F4062" cm="1">
        <f t="array" ref="F4062">IFERROR(INDEX(Jesper!AJ$2:AJ$366,ROUNDDOWN($C4062/24,0)+1,1)*INDEX($D$3:$AA$30,INDEX(Jesper!$R$2:$R$366,ROW(INDEX(Jesper!AJ$2:AJ$366,ROUNDDOWN($C4062/24,0)+1,1))-1)+IF('Standard Profiles'!$G$20=$B$10,7,0)+IF('Standard Profiles'!$G$20=$B$17,14,0)+IF('Standard Profiles'!$G$20=$B$24,21,0),MOD($C4062,24)+1)/SUM(INDEX($D$3:$AA$30,INDEX(Jesper!$R$2:$R$366,ROW(INDEX(Jesper!AJ$2:AJ$366,ROUNDDOWN($C4062/24,0)+1,1))-1)+IF('Standard Profiles'!$G$20=$B$10,7,0)+IF('Standard Profiles'!$G$20=$B$17,14,0)+IF('Standard Profiles'!$G$20=$B$24,21,0),0)),0)</f>
        <v>0</v>
      </c>
      <c r="G4062" cm="1">
        <f t="array" ref="G4062">IFERROR(INDEX(Jesper!AK$2:AK$366,ROUNDDOWN($C4062/24,0)+1,1)*INDEX($D$3:$AA$30,INDEX(Jesper!$R$2:$R$366,ROW(INDEX(Jesper!AK$2:AK$366,ROUNDDOWN($C4062/24,0)+1,1))-1)+IF('Standard Profiles'!$G$21=$B$10,7,0)+IF('Standard Profiles'!$G$21=$B$17,14,0)+IF('Standard Profiles'!$G$21=$B$24,21,0),MOD($C4062,24)+1)/SUM(INDEX($D$3:$AA$30,INDEX(Jesper!$R$2:$R$366,ROW(INDEX(Jesper!AK$2:AK$366,ROUNDDOWN($C4062/24,0)+1,1))-1)+IF('Standard Profiles'!$G$21=$B$10,7,0)+IF('Standard Profiles'!$G$21=$B$17,14,0)+IF('Standard Profiles'!$G$21=$B$24,21,0),0)),0)</f>
        <v>0</v>
      </c>
      <c r="H4062" cm="1">
        <f t="array" ref="H4062">IFERROR(INDEX(Jesper!AL$2:AL$366,ROUNDDOWN($C4062/24,0)+1,1)*INDEX($D$3:$AA$30,INDEX(Jesper!$R$2:$R$366,ROW(INDEX(Jesper!AL$2:AL$366,ROUNDDOWN($C4062/24,0)+1,1))-1)+IF('Standard Profiles'!$G$22=$B$10,7,0)+IF('Standard Profiles'!$G$22=$B$17,14,0)+IF('Standard Profiles'!$G$22=$B$24,21,0),MOD($C4062,24)+1)/SUM(INDEX($D$3:$AA$30,INDEX(Jesper!$R$2:$R$366,ROW(INDEX(Jesper!AL$2:AL$366,ROUNDDOWN($C4062/24,0)+1,1))-1)+IF('Standard Profiles'!$G$22=$B$10,7,0)+IF('Standard Profiles'!$G$22=$B$17,14,0)+IF('Standard Profiles'!$G$22=$B$24,21,0),0)),0)</f>
        <v>0</v>
      </c>
      <c r="I4062">
        <f t="shared" si="454"/>
        <v>6.7951081955346812E-2</v>
      </c>
      <c r="J4062">
        <f t="shared" si="455"/>
        <v>0.22650360651782273</v>
      </c>
      <c r="K4062">
        <f t="shared" si="456"/>
        <v>0.33975540977673407</v>
      </c>
      <c r="L4062">
        <f t="shared" si="457"/>
        <v>5.5135059865036933</v>
      </c>
      <c r="M4062">
        <f t="shared" si="458"/>
        <v>0</v>
      </c>
      <c r="N4062" s="46">
        <f t="shared" si="459"/>
        <v>45459.833333323564</v>
      </c>
    </row>
    <row r="4063" spans="2:14" x14ac:dyDescent="0.3">
      <c r="B4063">
        <f t="shared" si="453"/>
        <v>7</v>
      </c>
      <c r="C4063" s="16">
        <v>4029</v>
      </c>
      <c r="D4063" cm="1">
        <f t="array" ref="D4063">IFERROR(INDEX(Jesper!AH$2:AH$366,ROUNDDOWN($C4063/24,0)+1,1)*INDEX($D$3:$AA$30,INDEX(Jesper!$R$2:$R$366,ROW(INDEX(Jesper!AH$2:AH$366,ROUNDDOWN($C4063/24,0)+1,1))-1)+IF('Standard Profiles'!$G$18=$B$10,7,0)+IF('Standard Profiles'!$G$18=$B$17,14,0)+IF('Standard Profiles'!$G$18=$B$24,21,0),MOD($C4063,24)+1)/SUM(INDEX($D$3:$AA$30,INDEX(Jesper!$R$2:$R$366,ROW(INDEX(Jesper!AH$2:AH$366,ROUNDDOWN($C4063/24,0)+1,1))-1)+IF('Standard Profiles'!$G$18=$B$10,7,0)+IF('Standard Profiles'!$G$18=$B$17,14,0)+IF('Standard Profiles'!$G$18=$B$24,21,0),0)),0)</f>
        <v>4.6975288718170862</v>
      </c>
      <c r="E4063" cm="1">
        <f t="array" ref="E4063">IFERROR(INDEX(Jesper!AI$2:AI$366,ROUNDDOWN($C4063/24,0)+1,1)*INDEX($D$3:$AA$30,INDEX(Jesper!$R$2:$R$366,ROW(INDEX(Jesper!AI$2:AI$366,ROUNDDOWN($C4063/24,0)+1,1))-1)+IF('Standard Profiles'!$G$19=$B$10,7,0)+IF('Standard Profiles'!$G$19=$B$17,14,0)+IF('Standard Profiles'!$G$19=$B$24,21,0),MOD($C4063,24)+1)/SUM(INDEX($D$3:$AA$30,INDEX(Jesper!$R$2:$R$366,ROW(INDEX(Jesper!AI$2:AI$366,ROUNDDOWN($C4063/24,0)+1,1))-1)+IF('Standard Profiles'!$G$19=$B$10,7,0)+IF('Standard Profiles'!$G$19=$B$17,14,0)+IF('Standard Profiles'!$G$19=$B$24,21,0),0)),0)</f>
        <v>0.65693352458120757</v>
      </c>
      <c r="F4063" cm="1">
        <f t="array" ref="F4063">IFERROR(INDEX(Jesper!AJ$2:AJ$366,ROUNDDOWN($C4063/24,0)+1,1)*INDEX($D$3:$AA$30,INDEX(Jesper!$R$2:$R$366,ROW(INDEX(Jesper!AJ$2:AJ$366,ROUNDDOWN($C4063/24,0)+1,1))-1)+IF('Standard Profiles'!$G$20=$B$10,7,0)+IF('Standard Profiles'!$G$20=$B$17,14,0)+IF('Standard Profiles'!$G$20=$B$24,21,0),MOD($C4063,24)+1)/SUM(INDEX($D$3:$AA$30,INDEX(Jesper!$R$2:$R$366,ROW(INDEX(Jesper!AJ$2:AJ$366,ROUNDDOWN($C4063/24,0)+1,1))-1)+IF('Standard Profiles'!$G$20=$B$10,7,0)+IF('Standard Profiles'!$G$20=$B$17,14,0)+IF('Standard Profiles'!$G$20=$B$24,21,0),0)),0)</f>
        <v>0</v>
      </c>
      <c r="G4063" cm="1">
        <f t="array" ref="G4063">IFERROR(INDEX(Jesper!AK$2:AK$366,ROUNDDOWN($C4063/24,0)+1,1)*INDEX($D$3:$AA$30,INDEX(Jesper!$R$2:$R$366,ROW(INDEX(Jesper!AK$2:AK$366,ROUNDDOWN($C4063/24,0)+1,1))-1)+IF('Standard Profiles'!$G$21=$B$10,7,0)+IF('Standard Profiles'!$G$21=$B$17,14,0)+IF('Standard Profiles'!$G$21=$B$24,21,0),MOD($C4063,24)+1)/SUM(INDEX($D$3:$AA$30,INDEX(Jesper!$R$2:$R$366,ROW(INDEX(Jesper!AK$2:AK$366,ROUNDDOWN($C4063/24,0)+1,1))-1)+IF('Standard Profiles'!$G$21=$B$10,7,0)+IF('Standard Profiles'!$G$21=$B$17,14,0)+IF('Standard Profiles'!$G$21=$B$24,21,0),0)),0)</f>
        <v>0</v>
      </c>
      <c r="H4063" cm="1">
        <f t="array" ref="H4063">IFERROR(INDEX(Jesper!AL$2:AL$366,ROUNDDOWN($C4063/24,0)+1,1)*INDEX($D$3:$AA$30,INDEX(Jesper!$R$2:$R$366,ROW(INDEX(Jesper!AL$2:AL$366,ROUNDDOWN($C4063/24,0)+1,1))-1)+IF('Standard Profiles'!$G$22=$B$10,7,0)+IF('Standard Profiles'!$G$22=$B$17,14,0)+IF('Standard Profiles'!$G$22=$B$24,21,0),MOD($C4063,24)+1)/SUM(INDEX($D$3:$AA$30,INDEX(Jesper!$R$2:$R$366,ROW(INDEX(Jesper!AL$2:AL$366,ROUNDDOWN($C4063/24,0)+1,1))-1)+IF('Standard Profiles'!$G$22=$B$10,7,0)+IF('Standard Profiles'!$G$22=$B$17,14,0)+IF('Standard Profiles'!$G$22=$B$24,21,0),0)),0)</f>
        <v>0</v>
      </c>
      <c r="I4063">
        <f t="shared" si="454"/>
        <v>5.9183200412721418E-2</v>
      </c>
      <c r="J4063">
        <f t="shared" si="455"/>
        <v>0.19727733470907141</v>
      </c>
      <c r="K4063">
        <f t="shared" si="456"/>
        <v>0.29591600206360713</v>
      </c>
      <c r="L4063">
        <f t="shared" si="457"/>
        <v>4.8020858592128937</v>
      </c>
      <c r="M4063">
        <f t="shared" si="458"/>
        <v>0</v>
      </c>
      <c r="N4063" s="46">
        <f t="shared" si="459"/>
        <v>45459.874999990228</v>
      </c>
    </row>
    <row r="4064" spans="2:14" x14ac:dyDescent="0.3">
      <c r="B4064">
        <f t="shared" si="453"/>
        <v>7</v>
      </c>
      <c r="C4064" s="16">
        <v>4030</v>
      </c>
      <c r="D4064" cm="1">
        <f t="array" ref="D4064">IFERROR(INDEX(Jesper!AH$2:AH$366,ROUNDDOWN($C4064/24,0)+1,1)*INDEX($D$3:$AA$30,INDEX(Jesper!$R$2:$R$366,ROW(INDEX(Jesper!AH$2:AH$366,ROUNDDOWN($C4064/24,0)+1,1))-1)+IF('Standard Profiles'!$G$18=$B$10,7,0)+IF('Standard Profiles'!$G$18=$B$17,14,0)+IF('Standard Profiles'!$G$18=$B$24,21,0),MOD($C4064,24)+1)/SUM(INDEX($D$3:$AA$30,INDEX(Jesper!$R$2:$R$366,ROW(INDEX(Jesper!AH$2:AH$366,ROUNDDOWN($C4064/24,0)+1,1))-1)+IF('Standard Profiles'!$G$18=$B$10,7,0)+IF('Standard Profiles'!$G$18=$B$17,14,0)+IF('Standard Profiles'!$G$18=$B$24,21,0),0)),0)</f>
        <v>4.6975288718170862</v>
      </c>
      <c r="E4064" cm="1">
        <f t="array" ref="E4064">IFERROR(INDEX(Jesper!AI$2:AI$366,ROUNDDOWN($C4064/24,0)+1,1)*INDEX($D$3:$AA$30,INDEX(Jesper!$R$2:$R$366,ROW(INDEX(Jesper!AI$2:AI$366,ROUNDDOWN($C4064/24,0)+1,1))-1)+IF('Standard Profiles'!$G$19=$B$10,7,0)+IF('Standard Profiles'!$G$19=$B$17,14,0)+IF('Standard Profiles'!$G$19=$B$24,21,0),MOD($C4064,24)+1)/SUM(INDEX($D$3:$AA$30,INDEX(Jesper!$R$2:$R$366,ROW(INDEX(Jesper!AI$2:AI$366,ROUNDDOWN($C4064/24,0)+1,1))-1)+IF('Standard Profiles'!$G$19=$B$10,7,0)+IF('Standard Profiles'!$G$19=$B$17,14,0)+IF('Standard Profiles'!$G$19=$B$24,21,0),0)),0)</f>
        <v>0.65693352458120757</v>
      </c>
      <c r="F4064" cm="1">
        <f t="array" ref="F4064">IFERROR(INDEX(Jesper!AJ$2:AJ$366,ROUNDDOWN($C4064/24,0)+1,1)*INDEX($D$3:$AA$30,INDEX(Jesper!$R$2:$R$366,ROW(INDEX(Jesper!AJ$2:AJ$366,ROUNDDOWN($C4064/24,0)+1,1))-1)+IF('Standard Profiles'!$G$20=$B$10,7,0)+IF('Standard Profiles'!$G$20=$B$17,14,0)+IF('Standard Profiles'!$G$20=$B$24,21,0),MOD($C4064,24)+1)/SUM(INDEX($D$3:$AA$30,INDEX(Jesper!$R$2:$R$366,ROW(INDEX(Jesper!AJ$2:AJ$366,ROUNDDOWN($C4064/24,0)+1,1))-1)+IF('Standard Profiles'!$G$20=$B$10,7,0)+IF('Standard Profiles'!$G$20=$B$17,14,0)+IF('Standard Profiles'!$G$20=$B$24,21,0),0)),0)</f>
        <v>0</v>
      </c>
      <c r="G4064" cm="1">
        <f t="array" ref="G4064">IFERROR(INDEX(Jesper!AK$2:AK$366,ROUNDDOWN($C4064/24,0)+1,1)*INDEX($D$3:$AA$30,INDEX(Jesper!$R$2:$R$366,ROW(INDEX(Jesper!AK$2:AK$366,ROUNDDOWN($C4064/24,0)+1,1))-1)+IF('Standard Profiles'!$G$21=$B$10,7,0)+IF('Standard Profiles'!$G$21=$B$17,14,0)+IF('Standard Profiles'!$G$21=$B$24,21,0),MOD($C4064,24)+1)/SUM(INDEX($D$3:$AA$30,INDEX(Jesper!$R$2:$R$366,ROW(INDEX(Jesper!AK$2:AK$366,ROUNDDOWN($C4064/24,0)+1,1))-1)+IF('Standard Profiles'!$G$21=$B$10,7,0)+IF('Standard Profiles'!$G$21=$B$17,14,0)+IF('Standard Profiles'!$G$21=$B$24,21,0),0)),0)</f>
        <v>0</v>
      </c>
      <c r="H4064" cm="1">
        <f t="array" ref="H4064">IFERROR(INDEX(Jesper!AL$2:AL$366,ROUNDDOWN($C4064/24,0)+1,1)*INDEX($D$3:$AA$30,INDEX(Jesper!$R$2:$R$366,ROW(INDEX(Jesper!AL$2:AL$366,ROUNDDOWN($C4064/24,0)+1,1))-1)+IF('Standard Profiles'!$G$22=$B$10,7,0)+IF('Standard Profiles'!$G$22=$B$17,14,0)+IF('Standard Profiles'!$G$22=$B$24,21,0),MOD($C4064,24)+1)/SUM(INDEX($D$3:$AA$30,INDEX(Jesper!$R$2:$R$366,ROW(INDEX(Jesper!AL$2:AL$366,ROUNDDOWN($C4064/24,0)+1,1))-1)+IF('Standard Profiles'!$G$22=$B$10,7,0)+IF('Standard Profiles'!$G$22=$B$17,14,0)+IF('Standard Profiles'!$G$22=$B$24,21,0),0)),0)</f>
        <v>0</v>
      </c>
      <c r="I4064">
        <f t="shared" si="454"/>
        <v>5.9183200412721418E-2</v>
      </c>
      <c r="J4064">
        <f t="shared" si="455"/>
        <v>0.19727733470907141</v>
      </c>
      <c r="K4064">
        <f t="shared" si="456"/>
        <v>0.29591600206360713</v>
      </c>
      <c r="L4064">
        <f t="shared" si="457"/>
        <v>4.8020858592128937</v>
      </c>
      <c r="M4064">
        <f t="shared" si="458"/>
        <v>0</v>
      </c>
      <c r="N4064" s="46">
        <f t="shared" si="459"/>
        <v>45459.916666656893</v>
      </c>
    </row>
    <row r="4065" spans="2:14" x14ac:dyDescent="0.3">
      <c r="B4065">
        <f t="shared" si="453"/>
        <v>7</v>
      </c>
      <c r="C4065" s="16">
        <v>4031</v>
      </c>
      <c r="D4065" cm="1">
        <f t="array" ref="D4065">IFERROR(INDEX(Jesper!AH$2:AH$366,ROUNDDOWN($C4065/24,0)+1,1)*INDEX($D$3:$AA$30,INDEX(Jesper!$R$2:$R$366,ROW(INDEX(Jesper!AH$2:AH$366,ROUNDDOWN($C4065/24,0)+1,1))-1)+IF('Standard Profiles'!$G$18=$B$10,7,0)+IF('Standard Profiles'!$G$18=$B$17,14,0)+IF('Standard Profiles'!$G$18=$B$24,21,0),MOD($C4065,24)+1)/SUM(INDEX($D$3:$AA$30,INDEX(Jesper!$R$2:$R$366,ROW(INDEX(Jesper!AH$2:AH$366,ROUNDDOWN($C4065/24,0)+1,1))-1)+IF('Standard Profiles'!$G$18=$B$10,7,0)+IF('Standard Profiles'!$G$18=$B$17,14,0)+IF('Standard Profiles'!$G$18=$B$24,21,0),0)),0)</f>
        <v>4.6975288718170862</v>
      </c>
      <c r="E4065" cm="1">
        <f t="array" ref="E4065">IFERROR(INDEX(Jesper!AI$2:AI$366,ROUNDDOWN($C4065/24,0)+1,1)*INDEX($D$3:$AA$30,INDEX(Jesper!$R$2:$R$366,ROW(INDEX(Jesper!AI$2:AI$366,ROUNDDOWN($C4065/24,0)+1,1))-1)+IF('Standard Profiles'!$G$19=$B$10,7,0)+IF('Standard Profiles'!$G$19=$B$17,14,0)+IF('Standard Profiles'!$G$19=$B$24,21,0),MOD($C4065,24)+1)/SUM(INDEX($D$3:$AA$30,INDEX(Jesper!$R$2:$R$366,ROW(INDEX(Jesper!AI$2:AI$366,ROUNDDOWN($C4065/24,0)+1,1))-1)+IF('Standard Profiles'!$G$19=$B$10,7,0)+IF('Standard Profiles'!$G$19=$B$17,14,0)+IF('Standard Profiles'!$G$19=$B$24,21,0),0)),0)</f>
        <v>0.65693352458120757</v>
      </c>
      <c r="F4065" cm="1">
        <f t="array" ref="F4065">IFERROR(INDEX(Jesper!AJ$2:AJ$366,ROUNDDOWN($C4065/24,0)+1,1)*INDEX($D$3:$AA$30,INDEX(Jesper!$R$2:$R$366,ROW(INDEX(Jesper!AJ$2:AJ$366,ROUNDDOWN($C4065/24,0)+1,1))-1)+IF('Standard Profiles'!$G$20=$B$10,7,0)+IF('Standard Profiles'!$G$20=$B$17,14,0)+IF('Standard Profiles'!$G$20=$B$24,21,0),MOD($C4065,24)+1)/SUM(INDEX($D$3:$AA$30,INDEX(Jesper!$R$2:$R$366,ROW(INDEX(Jesper!AJ$2:AJ$366,ROUNDDOWN($C4065/24,0)+1,1))-1)+IF('Standard Profiles'!$G$20=$B$10,7,0)+IF('Standard Profiles'!$G$20=$B$17,14,0)+IF('Standard Profiles'!$G$20=$B$24,21,0),0)),0)</f>
        <v>0</v>
      </c>
      <c r="G4065" cm="1">
        <f t="array" ref="G4065">IFERROR(INDEX(Jesper!AK$2:AK$366,ROUNDDOWN($C4065/24,0)+1,1)*INDEX($D$3:$AA$30,INDEX(Jesper!$R$2:$R$366,ROW(INDEX(Jesper!AK$2:AK$366,ROUNDDOWN($C4065/24,0)+1,1))-1)+IF('Standard Profiles'!$G$21=$B$10,7,0)+IF('Standard Profiles'!$G$21=$B$17,14,0)+IF('Standard Profiles'!$G$21=$B$24,21,0),MOD($C4065,24)+1)/SUM(INDEX($D$3:$AA$30,INDEX(Jesper!$R$2:$R$366,ROW(INDEX(Jesper!AK$2:AK$366,ROUNDDOWN($C4065/24,0)+1,1))-1)+IF('Standard Profiles'!$G$21=$B$10,7,0)+IF('Standard Profiles'!$G$21=$B$17,14,0)+IF('Standard Profiles'!$G$21=$B$24,21,0),0)),0)</f>
        <v>0</v>
      </c>
      <c r="H4065" cm="1">
        <f t="array" ref="H4065">IFERROR(INDEX(Jesper!AL$2:AL$366,ROUNDDOWN($C4065/24,0)+1,1)*INDEX($D$3:$AA$30,INDEX(Jesper!$R$2:$R$366,ROW(INDEX(Jesper!AL$2:AL$366,ROUNDDOWN($C4065/24,0)+1,1))-1)+IF('Standard Profiles'!$G$22=$B$10,7,0)+IF('Standard Profiles'!$G$22=$B$17,14,0)+IF('Standard Profiles'!$G$22=$B$24,21,0),MOD($C4065,24)+1)/SUM(INDEX($D$3:$AA$30,INDEX(Jesper!$R$2:$R$366,ROW(INDEX(Jesper!AL$2:AL$366,ROUNDDOWN($C4065/24,0)+1,1))-1)+IF('Standard Profiles'!$G$22=$B$10,7,0)+IF('Standard Profiles'!$G$22=$B$17,14,0)+IF('Standard Profiles'!$G$22=$B$24,21,0),0)),0)</f>
        <v>0</v>
      </c>
      <c r="I4065">
        <f t="shared" si="454"/>
        <v>5.9183200412721418E-2</v>
      </c>
      <c r="J4065">
        <f t="shared" si="455"/>
        <v>0.19727733470907141</v>
      </c>
      <c r="K4065">
        <f t="shared" si="456"/>
        <v>0.29591600206360713</v>
      </c>
      <c r="L4065">
        <f t="shared" si="457"/>
        <v>4.8020858592128937</v>
      </c>
      <c r="M4065">
        <f t="shared" si="458"/>
        <v>0</v>
      </c>
      <c r="N4065" s="46">
        <f t="shared" si="459"/>
        <v>45459.958333323557</v>
      </c>
    </row>
    <row r="4066" spans="2:14" x14ac:dyDescent="0.3">
      <c r="B4066">
        <f t="shared" si="453"/>
        <v>1</v>
      </c>
      <c r="C4066" s="16">
        <v>4032</v>
      </c>
      <c r="D4066" cm="1">
        <f t="array" ref="D4066">IFERROR(INDEX(Jesper!AH$2:AH$366,ROUNDDOWN($C4066/24,0)+1,1)*INDEX($D$3:$AA$30,INDEX(Jesper!$R$2:$R$366,ROW(INDEX(Jesper!AH$2:AH$366,ROUNDDOWN($C4066/24,0)+1,1))-1)+IF('Standard Profiles'!$G$18=$B$10,7,0)+IF('Standard Profiles'!$G$18=$B$17,14,0)+IF('Standard Profiles'!$G$18=$B$24,21,0),MOD($C4066,24)+1)/SUM(INDEX($D$3:$AA$30,INDEX(Jesper!$R$2:$R$366,ROW(INDEX(Jesper!AH$2:AH$366,ROUNDDOWN($C4066/24,0)+1,1))-1)+IF('Standard Profiles'!$G$18=$B$10,7,0)+IF('Standard Profiles'!$G$18=$B$17,14,0)+IF('Standard Profiles'!$G$18=$B$24,21,0),0)),0)</f>
        <v>2.2564628823616233</v>
      </c>
      <c r="E4066" cm="1">
        <f t="array" ref="E4066">IFERROR(INDEX(Jesper!AI$2:AI$366,ROUNDDOWN($C4066/24,0)+1,1)*INDEX($D$3:$AA$30,INDEX(Jesper!$R$2:$R$366,ROW(INDEX(Jesper!AI$2:AI$366,ROUNDDOWN($C4066/24,0)+1,1))-1)+IF('Standard Profiles'!$G$19=$B$10,7,0)+IF('Standard Profiles'!$G$19=$B$17,14,0)+IF('Standard Profiles'!$G$19=$B$24,21,0),MOD($C4066,24)+1)/SUM(INDEX($D$3:$AA$30,INDEX(Jesper!$R$2:$R$366,ROW(INDEX(Jesper!AI$2:AI$366,ROUNDDOWN($C4066/24,0)+1,1))-1)+IF('Standard Profiles'!$G$19=$B$10,7,0)+IF('Standard Profiles'!$G$19=$B$17,14,0)+IF('Standard Profiles'!$G$19=$B$24,21,0),0)),0)</f>
        <v>0</v>
      </c>
      <c r="F4066" cm="1">
        <f t="array" ref="F4066">IFERROR(INDEX(Jesper!AJ$2:AJ$366,ROUNDDOWN($C4066/24,0)+1,1)*INDEX($D$3:$AA$30,INDEX(Jesper!$R$2:$R$366,ROW(INDEX(Jesper!AJ$2:AJ$366,ROUNDDOWN($C4066/24,0)+1,1))-1)+IF('Standard Profiles'!$G$20=$B$10,7,0)+IF('Standard Profiles'!$G$20=$B$17,14,0)+IF('Standard Profiles'!$G$20=$B$24,21,0),MOD($C4066,24)+1)/SUM(INDEX($D$3:$AA$30,INDEX(Jesper!$R$2:$R$366,ROW(INDEX(Jesper!AJ$2:AJ$366,ROUNDDOWN($C4066/24,0)+1,1))-1)+IF('Standard Profiles'!$G$20=$B$10,7,0)+IF('Standard Profiles'!$G$20=$B$17,14,0)+IF('Standard Profiles'!$G$20=$B$24,21,0),0)),0)</f>
        <v>0</v>
      </c>
      <c r="G4066" cm="1">
        <f t="array" ref="G4066">IFERROR(INDEX(Jesper!AK$2:AK$366,ROUNDDOWN($C4066/24,0)+1,1)*INDEX($D$3:$AA$30,INDEX(Jesper!$R$2:$R$366,ROW(INDEX(Jesper!AK$2:AK$366,ROUNDDOWN($C4066/24,0)+1,1))-1)+IF('Standard Profiles'!$G$21=$B$10,7,0)+IF('Standard Profiles'!$G$21=$B$17,14,0)+IF('Standard Profiles'!$G$21=$B$24,21,0),MOD($C4066,24)+1)/SUM(INDEX($D$3:$AA$30,INDEX(Jesper!$R$2:$R$366,ROW(INDEX(Jesper!AK$2:AK$366,ROUNDDOWN($C4066/24,0)+1,1))-1)+IF('Standard Profiles'!$G$21=$B$10,7,0)+IF('Standard Profiles'!$G$21=$B$17,14,0)+IF('Standard Profiles'!$G$21=$B$24,21,0),0)),0)</f>
        <v>0</v>
      </c>
      <c r="H4066" cm="1">
        <f t="array" ref="H4066">IFERROR(INDEX(Jesper!AL$2:AL$366,ROUNDDOWN($C4066/24,0)+1,1)*INDEX($D$3:$AA$30,INDEX(Jesper!$R$2:$R$366,ROW(INDEX(Jesper!AL$2:AL$366,ROUNDDOWN($C4066/24,0)+1,1))-1)+IF('Standard Profiles'!$G$22=$B$10,7,0)+IF('Standard Profiles'!$G$22=$B$17,14,0)+IF('Standard Profiles'!$G$22=$B$24,21,0),MOD($C4066,24)+1)/SUM(INDEX($D$3:$AA$30,INDEX(Jesper!$R$2:$R$366,ROW(INDEX(Jesper!AL$2:AL$366,ROUNDDOWN($C4066/24,0)+1,1))-1)+IF('Standard Profiles'!$G$22=$B$10,7,0)+IF('Standard Profiles'!$G$22=$B$17,14,0)+IF('Standard Profiles'!$G$22=$B$24,21,0),0)),0)</f>
        <v>0</v>
      </c>
      <c r="I4066">
        <f t="shared" si="454"/>
        <v>6.7693886470848702E-2</v>
      </c>
      <c r="J4066">
        <f t="shared" si="455"/>
        <v>0.22564628823616234</v>
      </c>
      <c r="K4066">
        <f t="shared" si="456"/>
        <v>0.33846943235424348</v>
      </c>
      <c r="L4066">
        <f t="shared" si="457"/>
        <v>1.6246532753003686</v>
      </c>
      <c r="M4066">
        <f t="shared" si="458"/>
        <v>0</v>
      </c>
      <c r="N4066" s="46">
        <f t="shared" si="459"/>
        <v>45459.999999990221</v>
      </c>
    </row>
    <row r="4067" spans="2:14" x14ac:dyDescent="0.3">
      <c r="B4067">
        <f t="shared" ref="B4067:B4130" si="460">WEEKDAY(N4067,2)</f>
        <v>1</v>
      </c>
      <c r="C4067" s="16">
        <v>4033</v>
      </c>
      <c r="D4067" cm="1">
        <f t="array" ref="D4067">IFERROR(INDEX(Jesper!AH$2:AH$366,ROUNDDOWN($C4067/24,0)+1,1)*INDEX($D$3:$AA$30,INDEX(Jesper!$R$2:$R$366,ROW(INDEX(Jesper!AH$2:AH$366,ROUNDDOWN($C4067/24,0)+1,1))-1)+IF('Standard Profiles'!$G$18=$B$10,7,0)+IF('Standard Profiles'!$G$18=$B$17,14,0)+IF('Standard Profiles'!$G$18=$B$24,21,0),MOD($C4067,24)+1)/SUM(INDEX($D$3:$AA$30,INDEX(Jesper!$R$2:$R$366,ROW(INDEX(Jesper!AH$2:AH$366,ROUNDDOWN($C4067/24,0)+1,1))-1)+IF('Standard Profiles'!$G$18=$B$10,7,0)+IF('Standard Profiles'!$G$18=$B$17,14,0)+IF('Standard Profiles'!$G$18=$B$24,21,0),0)),0)</f>
        <v>2.2564628823616233</v>
      </c>
      <c r="E4067" cm="1">
        <f t="array" ref="E4067">IFERROR(INDEX(Jesper!AI$2:AI$366,ROUNDDOWN($C4067/24,0)+1,1)*INDEX($D$3:$AA$30,INDEX(Jesper!$R$2:$R$366,ROW(INDEX(Jesper!AI$2:AI$366,ROUNDDOWN($C4067/24,0)+1,1))-1)+IF('Standard Profiles'!$G$19=$B$10,7,0)+IF('Standard Profiles'!$G$19=$B$17,14,0)+IF('Standard Profiles'!$G$19=$B$24,21,0),MOD($C4067,24)+1)/SUM(INDEX($D$3:$AA$30,INDEX(Jesper!$R$2:$R$366,ROW(INDEX(Jesper!AI$2:AI$366,ROUNDDOWN($C4067/24,0)+1,1))-1)+IF('Standard Profiles'!$G$19=$B$10,7,0)+IF('Standard Profiles'!$G$19=$B$17,14,0)+IF('Standard Profiles'!$G$19=$B$24,21,0),0)),0)</f>
        <v>0</v>
      </c>
      <c r="F4067" cm="1">
        <f t="array" ref="F4067">IFERROR(INDEX(Jesper!AJ$2:AJ$366,ROUNDDOWN($C4067/24,0)+1,1)*INDEX($D$3:$AA$30,INDEX(Jesper!$R$2:$R$366,ROW(INDEX(Jesper!AJ$2:AJ$366,ROUNDDOWN($C4067/24,0)+1,1))-1)+IF('Standard Profiles'!$G$20=$B$10,7,0)+IF('Standard Profiles'!$G$20=$B$17,14,0)+IF('Standard Profiles'!$G$20=$B$24,21,0),MOD($C4067,24)+1)/SUM(INDEX($D$3:$AA$30,INDEX(Jesper!$R$2:$R$366,ROW(INDEX(Jesper!AJ$2:AJ$366,ROUNDDOWN($C4067/24,0)+1,1))-1)+IF('Standard Profiles'!$G$20=$B$10,7,0)+IF('Standard Profiles'!$G$20=$B$17,14,0)+IF('Standard Profiles'!$G$20=$B$24,21,0),0)),0)</f>
        <v>0</v>
      </c>
      <c r="G4067" cm="1">
        <f t="array" ref="G4067">IFERROR(INDEX(Jesper!AK$2:AK$366,ROUNDDOWN($C4067/24,0)+1,1)*INDEX($D$3:$AA$30,INDEX(Jesper!$R$2:$R$366,ROW(INDEX(Jesper!AK$2:AK$366,ROUNDDOWN($C4067/24,0)+1,1))-1)+IF('Standard Profiles'!$G$21=$B$10,7,0)+IF('Standard Profiles'!$G$21=$B$17,14,0)+IF('Standard Profiles'!$G$21=$B$24,21,0),MOD($C4067,24)+1)/SUM(INDEX($D$3:$AA$30,INDEX(Jesper!$R$2:$R$366,ROW(INDEX(Jesper!AK$2:AK$366,ROUNDDOWN($C4067/24,0)+1,1))-1)+IF('Standard Profiles'!$G$21=$B$10,7,0)+IF('Standard Profiles'!$G$21=$B$17,14,0)+IF('Standard Profiles'!$G$21=$B$24,21,0),0)),0)</f>
        <v>0</v>
      </c>
      <c r="H4067" cm="1">
        <f t="array" ref="H4067">IFERROR(INDEX(Jesper!AL$2:AL$366,ROUNDDOWN($C4067/24,0)+1,1)*INDEX($D$3:$AA$30,INDEX(Jesper!$R$2:$R$366,ROW(INDEX(Jesper!AL$2:AL$366,ROUNDDOWN($C4067/24,0)+1,1))-1)+IF('Standard Profiles'!$G$22=$B$10,7,0)+IF('Standard Profiles'!$G$22=$B$17,14,0)+IF('Standard Profiles'!$G$22=$B$24,21,0),MOD($C4067,24)+1)/SUM(INDEX($D$3:$AA$30,INDEX(Jesper!$R$2:$R$366,ROW(INDEX(Jesper!AL$2:AL$366,ROUNDDOWN($C4067/24,0)+1,1))-1)+IF('Standard Profiles'!$G$22=$B$10,7,0)+IF('Standard Profiles'!$G$22=$B$17,14,0)+IF('Standard Profiles'!$G$22=$B$24,21,0),0)),0)</f>
        <v>0</v>
      </c>
      <c r="I4067">
        <f t="shared" ref="I4067:I4130" si="461">IF($B4067&lt;6,AC$37*$D4067+AC$38*$E4067+AC$39*$F4067+AC$40*$G4067,AC$46*$D4067+AC$47*$E4067+AC$48*$F4067+AC$49*$G4067+AC$50*$H4067)</f>
        <v>6.7693886470848702E-2</v>
      </c>
      <c r="J4067">
        <f t="shared" ref="J4067:J4130" si="462">IF($B4067&lt;6,AD$37*$D4067+AD$38*$E4067+AD$39*$F4067+AD$40*$G4067,AD$46*$D4067+AD$47*$E4067+AD$48*$F4067+AD$49*$G4067+AD$50*$H4067)</f>
        <v>0.22564628823616234</v>
      </c>
      <c r="K4067">
        <f t="shared" ref="K4067:K4130" si="463">IF($B4067&lt;6,AE$37*$D4067+AE$38*$E4067+AE$39*$F4067+AE$40*$G4067,AE$46*$D4067+AE$47*$E4067+AE$48*$F4067+AE$49*$G4067+AE$50*$H4067)</f>
        <v>0.33846943235424348</v>
      </c>
      <c r="L4067">
        <f t="shared" ref="L4067:L4130" si="464">IF($B4067&lt;6,AF$37*$D4067+AF$38*$E4067+AF$39*$F4067+AF$40*$G4067,AF$46*$D4067+AF$47*$E4067+AF$48*$F4067+AF$49*$G4067+AF$50*$H4067)</f>
        <v>1.6246532753003686</v>
      </c>
      <c r="M4067">
        <f t="shared" ref="M4067:M4130" si="465">IF($B4067&lt;6,AG$37*$D4067+AG$38*$E4067+AG$39*$F4067+AG$40*$G4067,AG$46*$D4067+AG$47*$E4067+AG$48*$F4067+AG$49*$G4067+AG$50*$H4067)</f>
        <v>0</v>
      </c>
      <c r="N4067" s="46">
        <f t="shared" si="459"/>
        <v>45460.041666656885</v>
      </c>
    </row>
    <row r="4068" spans="2:14" x14ac:dyDescent="0.3">
      <c r="B4068">
        <f t="shared" si="460"/>
        <v>1</v>
      </c>
      <c r="C4068" s="16">
        <v>4034</v>
      </c>
      <c r="D4068" cm="1">
        <f t="array" ref="D4068">IFERROR(INDEX(Jesper!AH$2:AH$366,ROUNDDOWN($C4068/24,0)+1,1)*INDEX($D$3:$AA$30,INDEX(Jesper!$R$2:$R$366,ROW(INDEX(Jesper!AH$2:AH$366,ROUNDDOWN($C4068/24,0)+1,1))-1)+IF('Standard Profiles'!$G$18=$B$10,7,0)+IF('Standard Profiles'!$G$18=$B$17,14,0)+IF('Standard Profiles'!$G$18=$B$24,21,0),MOD($C4068,24)+1)/SUM(INDEX($D$3:$AA$30,INDEX(Jesper!$R$2:$R$366,ROW(INDEX(Jesper!AH$2:AH$366,ROUNDDOWN($C4068/24,0)+1,1))-1)+IF('Standard Profiles'!$G$18=$B$10,7,0)+IF('Standard Profiles'!$G$18=$B$17,14,0)+IF('Standard Profiles'!$G$18=$B$24,21,0),0)),0)</f>
        <v>2.2564628823616233</v>
      </c>
      <c r="E4068" cm="1">
        <f t="array" ref="E4068">IFERROR(INDEX(Jesper!AI$2:AI$366,ROUNDDOWN($C4068/24,0)+1,1)*INDEX($D$3:$AA$30,INDEX(Jesper!$R$2:$R$366,ROW(INDEX(Jesper!AI$2:AI$366,ROUNDDOWN($C4068/24,0)+1,1))-1)+IF('Standard Profiles'!$G$19=$B$10,7,0)+IF('Standard Profiles'!$G$19=$B$17,14,0)+IF('Standard Profiles'!$G$19=$B$24,21,0),MOD($C4068,24)+1)/SUM(INDEX($D$3:$AA$30,INDEX(Jesper!$R$2:$R$366,ROW(INDEX(Jesper!AI$2:AI$366,ROUNDDOWN($C4068/24,0)+1,1))-1)+IF('Standard Profiles'!$G$19=$B$10,7,0)+IF('Standard Profiles'!$G$19=$B$17,14,0)+IF('Standard Profiles'!$G$19=$B$24,21,0),0)),0)</f>
        <v>0</v>
      </c>
      <c r="F4068" cm="1">
        <f t="array" ref="F4068">IFERROR(INDEX(Jesper!AJ$2:AJ$366,ROUNDDOWN($C4068/24,0)+1,1)*INDEX($D$3:$AA$30,INDEX(Jesper!$R$2:$R$366,ROW(INDEX(Jesper!AJ$2:AJ$366,ROUNDDOWN($C4068/24,0)+1,1))-1)+IF('Standard Profiles'!$G$20=$B$10,7,0)+IF('Standard Profiles'!$G$20=$B$17,14,0)+IF('Standard Profiles'!$G$20=$B$24,21,0),MOD($C4068,24)+1)/SUM(INDEX($D$3:$AA$30,INDEX(Jesper!$R$2:$R$366,ROW(INDEX(Jesper!AJ$2:AJ$366,ROUNDDOWN($C4068/24,0)+1,1))-1)+IF('Standard Profiles'!$G$20=$B$10,7,0)+IF('Standard Profiles'!$G$20=$B$17,14,0)+IF('Standard Profiles'!$G$20=$B$24,21,0),0)),0)</f>
        <v>0</v>
      </c>
      <c r="G4068" cm="1">
        <f t="array" ref="G4068">IFERROR(INDEX(Jesper!AK$2:AK$366,ROUNDDOWN($C4068/24,0)+1,1)*INDEX($D$3:$AA$30,INDEX(Jesper!$R$2:$R$366,ROW(INDEX(Jesper!AK$2:AK$366,ROUNDDOWN($C4068/24,0)+1,1))-1)+IF('Standard Profiles'!$G$21=$B$10,7,0)+IF('Standard Profiles'!$G$21=$B$17,14,0)+IF('Standard Profiles'!$G$21=$B$24,21,0),MOD($C4068,24)+1)/SUM(INDEX($D$3:$AA$30,INDEX(Jesper!$R$2:$R$366,ROW(INDEX(Jesper!AK$2:AK$366,ROUNDDOWN($C4068/24,0)+1,1))-1)+IF('Standard Profiles'!$G$21=$B$10,7,0)+IF('Standard Profiles'!$G$21=$B$17,14,0)+IF('Standard Profiles'!$G$21=$B$24,21,0),0)),0)</f>
        <v>0</v>
      </c>
      <c r="H4068" cm="1">
        <f t="array" ref="H4068">IFERROR(INDEX(Jesper!AL$2:AL$366,ROUNDDOWN($C4068/24,0)+1,1)*INDEX($D$3:$AA$30,INDEX(Jesper!$R$2:$R$366,ROW(INDEX(Jesper!AL$2:AL$366,ROUNDDOWN($C4068/24,0)+1,1))-1)+IF('Standard Profiles'!$G$22=$B$10,7,0)+IF('Standard Profiles'!$G$22=$B$17,14,0)+IF('Standard Profiles'!$G$22=$B$24,21,0),MOD($C4068,24)+1)/SUM(INDEX($D$3:$AA$30,INDEX(Jesper!$R$2:$R$366,ROW(INDEX(Jesper!AL$2:AL$366,ROUNDDOWN($C4068/24,0)+1,1))-1)+IF('Standard Profiles'!$G$22=$B$10,7,0)+IF('Standard Profiles'!$G$22=$B$17,14,0)+IF('Standard Profiles'!$G$22=$B$24,21,0),0)),0)</f>
        <v>0</v>
      </c>
      <c r="I4068">
        <f t="shared" si="461"/>
        <v>6.7693886470848702E-2</v>
      </c>
      <c r="J4068">
        <f t="shared" si="462"/>
        <v>0.22564628823616234</v>
      </c>
      <c r="K4068">
        <f t="shared" si="463"/>
        <v>0.33846943235424348</v>
      </c>
      <c r="L4068">
        <f t="shared" si="464"/>
        <v>1.6246532753003686</v>
      </c>
      <c r="M4068">
        <f t="shared" si="465"/>
        <v>0</v>
      </c>
      <c r="N4068" s="46">
        <f t="shared" ref="N4068:N4131" si="466">N4067+1/24</f>
        <v>45460.08333332355</v>
      </c>
    </row>
    <row r="4069" spans="2:14" x14ac:dyDescent="0.3">
      <c r="B4069">
        <f t="shared" si="460"/>
        <v>1</v>
      </c>
      <c r="C4069" s="16">
        <v>4035</v>
      </c>
      <c r="D4069" cm="1">
        <f t="array" ref="D4069">IFERROR(INDEX(Jesper!AH$2:AH$366,ROUNDDOWN($C4069/24,0)+1,1)*INDEX($D$3:$AA$30,INDEX(Jesper!$R$2:$R$366,ROW(INDEX(Jesper!AH$2:AH$366,ROUNDDOWN($C4069/24,0)+1,1))-1)+IF('Standard Profiles'!$G$18=$B$10,7,0)+IF('Standard Profiles'!$G$18=$B$17,14,0)+IF('Standard Profiles'!$G$18=$B$24,21,0),MOD($C4069,24)+1)/SUM(INDEX($D$3:$AA$30,INDEX(Jesper!$R$2:$R$366,ROW(INDEX(Jesper!AH$2:AH$366,ROUNDDOWN($C4069/24,0)+1,1))-1)+IF('Standard Profiles'!$G$18=$B$10,7,0)+IF('Standard Profiles'!$G$18=$B$17,14,0)+IF('Standard Profiles'!$G$18=$B$24,21,0),0)),0)</f>
        <v>2.2564628823616233</v>
      </c>
      <c r="E4069" cm="1">
        <f t="array" ref="E4069">IFERROR(INDEX(Jesper!AI$2:AI$366,ROUNDDOWN($C4069/24,0)+1,1)*INDEX($D$3:$AA$30,INDEX(Jesper!$R$2:$R$366,ROW(INDEX(Jesper!AI$2:AI$366,ROUNDDOWN($C4069/24,0)+1,1))-1)+IF('Standard Profiles'!$G$19=$B$10,7,0)+IF('Standard Profiles'!$G$19=$B$17,14,0)+IF('Standard Profiles'!$G$19=$B$24,21,0),MOD($C4069,24)+1)/SUM(INDEX($D$3:$AA$30,INDEX(Jesper!$R$2:$R$366,ROW(INDEX(Jesper!AI$2:AI$366,ROUNDDOWN($C4069/24,0)+1,1))-1)+IF('Standard Profiles'!$G$19=$B$10,7,0)+IF('Standard Profiles'!$G$19=$B$17,14,0)+IF('Standard Profiles'!$G$19=$B$24,21,0),0)),0)</f>
        <v>0</v>
      </c>
      <c r="F4069" cm="1">
        <f t="array" ref="F4069">IFERROR(INDEX(Jesper!AJ$2:AJ$366,ROUNDDOWN($C4069/24,0)+1,1)*INDEX($D$3:$AA$30,INDEX(Jesper!$R$2:$R$366,ROW(INDEX(Jesper!AJ$2:AJ$366,ROUNDDOWN($C4069/24,0)+1,1))-1)+IF('Standard Profiles'!$G$20=$B$10,7,0)+IF('Standard Profiles'!$G$20=$B$17,14,0)+IF('Standard Profiles'!$G$20=$B$24,21,0),MOD($C4069,24)+1)/SUM(INDEX($D$3:$AA$30,INDEX(Jesper!$R$2:$R$366,ROW(INDEX(Jesper!AJ$2:AJ$366,ROUNDDOWN($C4069/24,0)+1,1))-1)+IF('Standard Profiles'!$G$20=$B$10,7,0)+IF('Standard Profiles'!$G$20=$B$17,14,0)+IF('Standard Profiles'!$G$20=$B$24,21,0),0)),0)</f>
        <v>0</v>
      </c>
      <c r="G4069" cm="1">
        <f t="array" ref="G4069">IFERROR(INDEX(Jesper!AK$2:AK$366,ROUNDDOWN($C4069/24,0)+1,1)*INDEX($D$3:$AA$30,INDEX(Jesper!$R$2:$R$366,ROW(INDEX(Jesper!AK$2:AK$366,ROUNDDOWN($C4069/24,0)+1,1))-1)+IF('Standard Profiles'!$G$21=$B$10,7,0)+IF('Standard Profiles'!$G$21=$B$17,14,0)+IF('Standard Profiles'!$G$21=$B$24,21,0),MOD($C4069,24)+1)/SUM(INDEX($D$3:$AA$30,INDEX(Jesper!$R$2:$R$366,ROW(INDEX(Jesper!AK$2:AK$366,ROUNDDOWN($C4069/24,0)+1,1))-1)+IF('Standard Profiles'!$G$21=$B$10,7,0)+IF('Standard Profiles'!$G$21=$B$17,14,0)+IF('Standard Profiles'!$G$21=$B$24,21,0),0)),0)</f>
        <v>0</v>
      </c>
      <c r="H4069" cm="1">
        <f t="array" ref="H4069">IFERROR(INDEX(Jesper!AL$2:AL$366,ROUNDDOWN($C4069/24,0)+1,1)*INDEX($D$3:$AA$30,INDEX(Jesper!$R$2:$R$366,ROW(INDEX(Jesper!AL$2:AL$366,ROUNDDOWN($C4069/24,0)+1,1))-1)+IF('Standard Profiles'!$G$22=$B$10,7,0)+IF('Standard Profiles'!$G$22=$B$17,14,0)+IF('Standard Profiles'!$G$22=$B$24,21,0),MOD($C4069,24)+1)/SUM(INDEX($D$3:$AA$30,INDEX(Jesper!$R$2:$R$366,ROW(INDEX(Jesper!AL$2:AL$366,ROUNDDOWN($C4069/24,0)+1,1))-1)+IF('Standard Profiles'!$G$22=$B$10,7,0)+IF('Standard Profiles'!$G$22=$B$17,14,0)+IF('Standard Profiles'!$G$22=$B$24,21,0),0)),0)</f>
        <v>0</v>
      </c>
      <c r="I4069">
        <f t="shared" si="461"/>
        <v>6.7693886470848702E-2</v>
      </c>
      <c r="J4069">
        <f t="shared" si="462"/>
        <v>0.22564628823616234</v>
      </c>
      <c r="K4069">
        <f t="shared" si="463"/>
        <v>0.33846943235424348</v>
      </c>
      <c r="L4069">
        <f t="shared" si="464"/>
        <v>1.6246532753003686</v>
      </c>
      <c r="M4069">
        <f t="shared" si="465"/>
        <v>0</v>
      </c>
      <c r="N4069" s="46">
        <f t="shared" si="466"/>
        <v>45460.124999990214</v>
      </c>
    </row>
    <row r="4070" spans="2:14" x14ac:dyDescent="0.3">
      <c r="B4070">
        <f t="shared" si="460"/>
        <v>1</v>
      </c>
      <c r="C4070" s="16">
        <v>4036</v>
      </c>
      <c r="D4070" cm="1">
        <f t="array" ref="D4070">IFERROR(INDEX(Jesper!AH$2:AH$366,ROUNDDOWN($C4070/24,0)+1,1)*INDEX($D$3:$AA$30,INDEX(Jesper!$R$2:$R$366,ROW(INDEX(Jesper!AH$2:AH$366,ROUNDDOWN($C4070/24,0)+1,1))-1)+IF('Standard Profiles'!$G$18=$B$10,7,0)+IF('Standard Profiles'!$G$18=$B$17,14,0)+IF('Standard Profiles'!$G$18=$B$24,21,0),MOD($C4070,24)+1)/SUM(INDEX($D$3:$AA$30,INDEX(Jesper!$R$2:$R$366,ROW(INDEX(Jesper!AH$2:AH$366,ROUNDDOWN($C4070/24,0)+1,1))-1)+IF('Standard Profiles'!$G$18=$B$10,7,0)+IF('Standard Profiles'!$G$18=$B$17,14,0)+IF('Standard Profiles'!$G$18=$B$24,21,0),0)),0)</f>
        <v>2.2564628823616233</v>
      </c>
      <c r="E4070" cm="1">
        <f t="array" ref="E4070">IFERROR(INDEX(Jesper!AI$2:AI$366,ROUNDDOWN($C4070/24,0)+1,1)*INDEX($D$3:$AA$30,INDEX(Jesper!$R$2:$R$366,ROW(INDEX(Jesper!AI$2:AI$366,ROUNDDOWN($C4070/24,0)+1,1))-1)+IF('Standard Profiles'!$G$19=$B$10,7,0)+IF('Standard Profiles'!$G$19=$B$17,14,0)+IF('Standard Profiles'!$G$19=$B$24,21,0),MOD($C4070,24)+1)/SUM(INDEX($D$3:$AA$30,INDEX(Jesper!$R$2:$R$366,ROW(INDEX(Jesper!AI$2:AI$366,ROUNDDOWN($C4070/24,0)+1,1))-1)+IF('Standard Profiles'!$G$19=$B$10,7,0)+IF('Standard Profiles'!$G$19=$B$17,14,0)+IF('Standard Profiles'!$G$19=$B$24,21,0),0)),0)</f>
        <v>0</v>
      </c>
      <c r="F4070" cm="1">
        <f t="array" ref="F4070">IFERROR(INDEX(Jesper!AJ$2:AJ$366,ROUNDDOWN($C4070/24,0)+1,1)*INDEX($D$3:$AA$30,INDEX(Jesper!$R$2:$R$366,ROW(INDEX(Jesper!AJ$2:AJ$366,ROUNDDOWN($C4070/24,0)+1,1))-1)+IF('Standard Profiles'!$G$20=$B$10,7,0)+IF('Standard Profiles'!$G$20=$B$17,14,0)+IF('Standard Profiles'!$G$20=$B$24,21,0),MOD($C4070,24)+1)/SUM(INDEX($D$3:$AA$30,INDEX(Jesper!$R$2:$R$366,ROW(INDEX(Jesper!AJ$2:AJ$366,ROUNDDOWN($C4070/24,0)+1,1))-1)+IF('Standard Profiles'!$G$20=$B$10,7,0)+IF('Standard Profiles'!$G$20=$B$17,14,0)+IF('Standard Profiles'!$G$20=$B$24,21,0),0)),0)</f>
        <v>0</v>
      </c>
      <c r="G4070" cm="1">
        <f t="array" ref="G4070">IFERROR(INDEX(Jesper!AK$2:AK$366,ROUNDDOWN($C4070/24,0)+1,1)*INDEX($D$3:$AA$30,INDEX(Jesper!$R$2:$R$366,ROW(INDEX(Jesper!AK$2:AK$366,ROUNDDOWN($C4070/24,0)+1,1))-1)+IF('Standard Profiles'!$G$21=$B$10,7,0)+IF('Standard Profiles'!$G$21=$B$17,14,0)+IF('Standard Profiles'!$G$21=$B$24,21,0),MOD($C4070,24)+1)/SUM(INDEX($D$3:$AA$30,INDEX(Jesper!$R$2:$R$366,ROW(INDEX(Jesper!AK$2:AK$366,ROUNDDOWN($C4070/24,0)+1,1))-1)+IF('Standard Profiles'!$G$21=$B$10,7,0)+IF('Standard Profiles'!$G$21=$B$17,14,0)+IF('Standard Profiles'!$G$21=$B$24,21,0),0)),0)</f>
        <v>0</v>
      </c>
      <c r="H4070" cm="1">
        <f t="array" ref="H4070">IFERROR(INDEX(Jesper!AL$2:AL$366,ROUNDDOWN($C4070/24,0)+1,1)*INDEX($D$3:$AA$30,INDEX(Jesper!$R$2:$R$366,ROW(INDEX(Jesper!AL$2:AL$366,ROUNDDOWN($C4070/24,0)+1,1))-1)+IF('Standard Profiles'!$G$22=$B$10,7,0)+IF('Standard Profiles'!$G$22=$B$17,14,0)+IF('Standard Profiles'!$G$22=$B$24,21,0),MOD($C4070,24)+1)/SUM(INDEX($D$3:$AA$30,INDEX(Jesper!$R$2:$R$366,ROW(INDEX(Jesper!AL$2:AL$366,ROUNDDOWN($C4070/24,0)+1,1))-1)+IF('Standard Profiles'!$G$22=$B$10,7,0)+IF('Standard Profiles'!$G$22=$B$17,14,0)+IF('Standard Profiles'!$G$22=$B$24,21,0),0)),0)</f>
        <v>0</v>
      </c>
      <c r="I4070">
        <f t="shared" si="461"/>
        <v>6.7693886470848702E-2</v>
      </c>
      <c r="J4070">
        <f t="shared" si="462"/>
        <v>0.22564628823616234</v>
      </c>
      <c r="K4070">
        <f t="shared" si="463"/>
        <v>0.33846943235424348</v>
      </c>
      <c r="L4070">
        <f t="shared" si="464"/>
        <v>1.6246532753003686</v>
      </c>
      <c r="M4070">
        <f t="shared" si="465"/>
        <v>0</v>
      </c>
      <c r="N4070" s="46">
        <f t="shared" si="466"/>
        <v>45460.166666656878</v>
      </c>
    </row>
    <row r="4071" spans="2:14" x14ac:dyDescent="0.3">
      <c r="B4071">
        <f t="shared" si="460"/>
        <v>1</v>
      </c>
      <c r="C4071" s="16">
        <v>4037</v>
      </c>
      <c r="D4071" cm="1">
        <f t="array" ref="D4071">IFERROR(INDEX(Jesper!AH$2:AH$366,ROUNDDOWN($C4071/24,0)+1,1)*INDEX($D$3:$AA$30,INDEX(Jesper!$R$2:$R$366,ROW(INDEX(Jesper!AH$2:AH$366,ROUNDDOWN($C4071/24,0)+1,1))-1)+IF('Standard Profiles'!$G$18=$B$10,7,0)+IF('Standard Profiles'!$G$18=$B$17,14,0)+IF('Standard Profiles'!$G$18=$B$24,21,0),MOD($C4071,24)+1)/SUM(INDEX($D$3:$AA$30,INDEX(Jesper!$R$2:$R$366,ROW(INDEX(Jesper!AH$2:AH$366,ROUNDDOWN($C4071/24,0)+1,1))-1)+IF('Standard Profiles'!$G$18=$B$10,7,0)+IF('Standard Profiles'!$G$18=$B$17,14,0)+IF('Standard Profiles'!$G$18=$B$24,21,0),0)),0)</f>
        <v>9.7780058235670335</v>
      </c>
      <c r="E4071" cm="1">
        <f t="array" ref="E4071">IFERROR(INDEX(Jesper!AI$2:AI$366,ROUNDDOWN($C4071/24,0)+1,1)*INDEX($D$3:$AA$30,INDEX(Jesper!$R$2:$R$366,ROW(INDEX(Jesper!AI$2:AI$366,ROUNDDOWN($C4071/24,0)+1,1))-1)+IF('Standard Profiles'!$G$19=$B$10,7,0)+IF('Standard Profiles'!$G$19=$B$17,14,0)+IF('Standard Profiles'!$G$19=$B$24,21,0),MOD($C4071,24)+1)/SUM(INDEX($D$3:$AA$30,INDEX(Jesper!$R$2:$R$366,ROW(INDEX(Jesper!AI$2:AI$366,ROUNDDOWN($C4071/24,0)+1,1))-1)+IF('Standard Profiles'!$G$19=$B$10,7,0)+IF('Standard Profiles'!$G$19=$B$17,14,0)+IF('Standard Profiles'!$G$19=$B$24,21,0),0)),0)</f>
        <v>0</v>
      </c>
      <c r="F4071" cm="1">
        <f t="array" ref="F4071">IFERROR(INDEX(Jesper!AJ$2:AJ$366,ROUNDDOWN($C4071/24,0)+1,1)*INDEX($D$3:$AA$30,INDEX(Jesper!$R$2:$R$366,ROW(INDEX(Jesper!AJ$2:AJ$366,ROUNDDOWN($C4071/24,0)+1,1))-1)+IF('Standard Profiles'!$G$20=$B$10,7,0)+IF('Standard Profiles'!$G$20=$B$17,14,0)+IF('Standard Profiles'!$G$20=$B$24,21,0),MOD($C4071,24)+1)/SUM(INDEX($D$3:$AA$30,INDEX(Jesper!$R$2:$R$366,ROW(INDEX(Jesper!AJ$2:AJ$366,ROUNDDOWN($C4071/24,0)+1,1))-1)+IF('Standard Profiles'!$G$20=$B$10,7,0)+IF('Standard Profiles'!$G$20=$B$17,14,0)+IF('Standard Profiles'!$G$20=$B$24,21,0),0)),0)</f>
        <v>0</v>
      </c>
      <c r="G4071" cm="1">
        <f t="array" ref="G4071">IFERROR(INDEX(Jesper!AK$2:AK$366,ROUNDDOWN($C4071/24,0)+1,1)*INDEX($D$3:$AA$30,INDEX(Jesper!$R$2:$R$366,ROW(INDEX(Jesper!AK$2:AK$366,ROUNDDOWN($C4071/24,0)+1,1))-1)+IF('Standard Profiles'!$G$21=$B$10,7,0)+IF('Standard Profiles'!$G$21=$B$17,14,0)+IF('Standard Profiles'!$G$21=$B$24,21,0),MOD($C4071,24)+1)/SUM(INDEX($D$3:$AA$30,INDEX(Jesper!$R$2:$R$366,ROW(INDEX(Jesper!AK$2:AK$366,ROUNDDOWN($C4071/24,0)+1,1))-1)+IF('Standard Profiles'!$G$21=$B$10,7,0)+IF('Standard Profiles'!$G$21=$B$17,14,0)+IF('Standard Profiles'!$G$21=$B$24,21,0),0)),0)</f>
        <v>0</v>
      </c>
      <c r="H4071" cm="1">
        <f t="array" ref="H4071">IFERROR(INDEX(Jesper!AL$2:AL$366,ROUNDDOWN($C4071/24,0)+1,1)*INDEX($D$3:$AA$30,INDEX(Jesper!$R$2:$R$366,ROW(INDEX(Jesper!AL$2:AL$366,ROUNDDOWN($C4071/24,0)+1,1))-1)+IF('Standard Profiles'!$G$22=$B$10,7,0)+IF('Standard Profiles'!$G$22=$B$17,14,0)+IF('Standard Profiles'!$G$22=$B$24,21,0),MOD($C4071,24)+1)/SUM(INDEX($D$3:$AA$30,INDEX(Jesper!$R$2:$R$366,ROW(INDEX(Jesper!AL$2:AL$366,ROUNDDOWN($C4071/24,0)+1,1))-1)+IF('Standard Profiles'!$G$22=$B$10,7,0)+IF('Standard Profiles'!$G$22=$B$17,14,0)+IF('Standard Profiles'!$G$22=$B$24,21,0),0)),0)</f>
        <v>0</v>
      </c>
      <c r="I4071">
        <f t="shared" si="461"/>
        <v>0.29334017470701101</v>
      </c>
      <c r="J4071">
        <f t="shared" si="462"/>
        <v>0.97780058235670342</v>
      </c>
      <c r="K4071">
        <f t="shared" si="463"/>
        <v>1.4667008735350551</v>
      </c>
      <c r="L4071">
        <f t="shared" si="464"/>
        <v>7.0401641929682635</v>
      </c>
      <c r="M4071">
        <f t="shared" si="465"/>
        <v>0</v>
      </c>
      <c r="N4071" s="46">
        <f t="shared" si="466"/>
        <v>45460.208333323542</v>
      </c>
    </row>
    <row r="4072" spans="2:14" x14ac:dyDescent="0.3">
      <c r="B4072">
        <f t="shared" si="460"/>
        <v>1</v>
      </c>
      <c r="C4072" s="16">
        <v>4038</v>
      </c>
      <c r="D4072" cm="1">
        <f t="array" ref="D4072">IFERROR(INDEX(Jesper!AH$2:AH$366,ROUNDDOWN($C4072/24,0)+1,1)*INDEX($D$3:$AA$30,INDEX(Jesper!$R$2:$R$366,ROW(INDEX(Jesper!AH$2:AH$366,ROUNDDOWN($C4072/24,0)+1,1))-1)+IF('Standard Profiles'!$G$18=$B$10,7,0)+IF('Standard Profiles'!$G$18=$B$17,14,0)+IF('Standard Profiles'!$G$18=$B$24,21,0),MOD($C4072,24)+1)/SUM(INDEX($D$3:$AA$30,INDEX(Jesper!$R$2:$R$366,ROW(INDEX(Jesper!AH$2:AH$366,ROUNDDOWN($C4072/24,0)+1,1))-1)+IF('Standard Profiles'!$G$18=$B$10,7,0)+IF('Standard Profiles'!$G$18=$B$17,14,0)+IF('Standard Profiles'!$G$18=$B$24,21,0),0)),0)</f>
        <v>11.094275838277982</v>
      </c>
      <c r="E4072" cm="1">
        <f t="array" ref="E4072">IFERROR(INDEX(Jesper!AI$2:AI$366,ROUNDDOWN($C4072/24,0)+1,1)*INDEX($D$3:$AA$30,INDEX(Jesper!$R$2:$R$366,ROW(INDEX(Jesper!AI$2:AI$366,ROUNDDOWN($C4072/24,0)+1,1))-1)+IF('Standard Profiles'!$G$19=$B$10,7,0)+IF('Standard Profiles'!$G$19=$B$17,14,0)+IF('Standard Profiles'!$G$19=$B$24,21,0),MOD($C4072,24)+1)/SUM(INDEX($D$3:$AA$30,INDEX(Jesper!$R$2:$R$366,ROW(INDEX(Jesper!AI$2:AI$366,ROUNDDOWN($C4072/24,0)+1,1))-1)+IF('Standard Profiles'!$G$19=$B$10,7,0)+IF('Standard Profiles'!$G$19=$B$17,14,0)+IF('Standard Profiles'!$G$19=$B$24,21,0),0)),0)</f>
        <v>0</v>
      </c>
      <c r="F4072" cm="1">
        <f t="array" ref="F4072">IFERROR(INDEX(Jesper!AJ$2:AJ$366,ROUNDDOWN($C4072/24,0)+1,1)*INDEX($D$3:$AA$30,INDEX(Jesper!$R$2:$R$366,ROW(INDEX(Jesper!AJ$2:AJ$366,ROUNDDOWN($C4072/24,0)+1,1))-1)+IF('Standard Profiles'!$G$20=$B$10,7,0)+IF('Standard Profiles'!$G$20=$B$17,14,0)+IF('Standard Profiles'!$G$20=$B$24,21,0),MOD($C4072,24)+1)/SUM(INDEX($D$3:$AA$30,INDEX(Jesper!$R$2:$R$366,ROW(INDEX(Jesper!AJ$2:AJ$366,ROUNDDOWN($C4072/24,0)+1,1))-1)+IF('Standard Profiles'!$G$20=$B$10,7,0)+IF('Standard Profiles'!$G$20=$B$17,14,0)+IF('Standard Profiles'!$G$20=$B$24,21,0),0)),0)</f>
        <v>0</v>
      </c>
      <c r="G4072" cm="1">
        <f t="array" ref="G4072">IFERROR(INDEX(Jesper!AK$2:AK$366,ROUNDDOWN($C4072/24,0)+1,1)*INDEX($D$3:$AA$30,INDEX(Jesper!$R$2:$R$366,ROW(INDEX(Jesper!AK$2:AK$366,ROUNDDOWN($C4072/24,0)+1,1))-1)+IF('Standard Profiles'!$G$21=$B$10,7,0)+IF('Standard Profiles'!$G$21=$B$17,14,0)+IF('Standard Profiles'!$G$21=$B$24,21,0),MOD($C4072,24)+1)/SUM(INDEX($D$3:$AA$30,INDEX(Jesper!$R$2:$R$366,ROW(INDEX(Jesper!AK$2:AK$366,ROUNDDOWN($C4072/24,0)+1,1))-1)+IF('Standard Profiles'!$G$21=$B$10,7,0)+IF('Standard Profiles'!$G$21=$B$17,14,0)+IF('Standard Profiles'!$G$21=$B$24,21,0),0)),0)</f>
        <v>0</v>
      </c>
      <c r="H4072" cm="1">
        <f t="array" ref="H4072">IFERROR(INDEX(Jesper!AL$2:AL$366,ROUNDDOWN($C4072/24,0)+1,1)*INDEX($D$3:$AA$30,INDEX(Jesper!$R$2:$R$366,ROW(INDEX(Jesper!AL$2:AL$366,ROUNDDOWN($C4072/24,0)+1,1))-1)+IF('Standard Profiles'!$G$22=$B$10,7,0)+IF('Standard Profiles'!$G$22=$B$17,14,0)+IF('Standard Profiles'!$G$22=$B$24,21,0),MOD($C4072,24)+1)/SUM(INDEX($D$3:$AA$30,INDEX(Jesper!$R$2:$R$366,ROW(INDEX(Jesper!AL$2:AL$366,ROUNDDOWN($C4072/24,0)+1,1))-1)+IF('Standard Profiles'!$G$22=$B$10,7,0)+IF('Standard Profiles'!$G$22=$B$17,14,0)+IF('Standard Profiles'!$G$22=$B$24,21,0),0)),0)</f>
        <v>0</v>
      </c>
      <c r="I4072">
        <f t="shared" si="461"/>
        <v>0.33282827514833946</v>
      </c>
      <c r="J4072">
        <f t="shared" si="462"/>
        <v>1.1094275838277983</v>
      </c>
      <c r="K4072">
        <f t="shared" si="463"/>
        <v>1.6641413757416972</v>
      </c>
      <c r="L4072">
        <f t="shared" si="464"/>
        <v>7.987878603560147</v>
      </c>
      <c r="M4072">
        <f t="shared" si="465"/>
        <v>0</v>
      </c>
      <c r="N4072" s="46">
        <f t="shared" si="466"/>
        <v>45460.249999990207</v>
      </c>
    </row>
    <row r="4073" spans="2:14" x14ac:dyDescent="0.3">
      <c r="B4073">
        <f t="shared" si="460"/>
        <v>1</v>
      </c>
      <c r="C4073" s="16">
        <v>4039</v>
      </c>
      <c r="D4073" cm="1">
        <f t="array" ref="D4073">IFERROR(INDEX(Jesper!AH$2:AH$366,ROUNDDOWN($C4073/24,0)+1,1)*INDEX($D$3:$AA$30,INDEX(Jesper!$R$2:$R$366,ROW(INDEX(Jesper!AH$2:AH$366,ROUNDDOWN($C4073/24,0)+1,1))-1)+IF('Standard Profiles'!$G$18=$B$10,7,0)+IF('Standard Profiles'!$G$18=$B$17,14,0)+IF('Standard Profiles'!$G$18=$B$24,21,0),MOD($C4073,24)+1)/SUM(INDEX($D$3:$AA$30,INDEX(Jesper!$R$2:$R$366,ROW(INDEX(Jesper!AH$2:AH$366,ROUNDDOWN($C4073/24,0)+1,1))-1)+IF('Standard Profiles'!$G$18=$B$10,7,0)+IF('Standard Profiles'!$G$18=$B$17,14,0)+IF('Standard Profiles'!$G$18=$B$24,21,0),0)),0)</f>
        <v>11.094275838277982</v>
      </c>
      <c r="E4073" cm="1">
        <f t="array" ref="E4073">IFERROR(INDEX(Jesper!AI$2:AI$366,ROUNDDOWN($C4073/24,0)+1,1)*INDEX($D$3:$AA$30,INDEX(Jesper!$R$2:$R$366,ROW(INDEX(Jesper!AI$2:AI$366,ROUNDDOWN($C4073/24,0)+1,1))-1)+IF('Standard Profiles'!$G$19=$B$10,7,0)+IF('Standard Profiles'!$G$19=$B$17,14,0)+IF('Standard Profiles'!$G$19=$B$24,21,0),MOD($C4073,24)+1)/SUM(INDEX($D$3:$AA$30,INDEX(Jesper!$R$2:$R$366,ROW(INDEX(Jesper!AI$2:AI$366,ROUNDDOWN($C4073/24,0)+1,1))-1)+IF('Standard Profiles'!$G$19=$B$10,7,0)+IF('Standard Profiles'!$G$19=$B$17,14,0)+IF('Standard Profiles'!$G$19=$B$24,21,0),0)),0)</f>
        <v>0</v>
      </c>
      <c r="F4073" cm="1">
        <f t="array" ref="F4073">IFERROR(INDEX(Jesper!AJ$2:AJ$366,ROUNDDOWN($C4073/24,0)+1,1)*INDEX($D$3:$AA$30,INDEX(Jesper!$R$2:$R$366,ROW(INDEX(Jesper!AJ$2:AJ$366,ROUNDDOWN($C4073/24,0)+1,1))-1)+IF('Standard Profiles'!$G$20=$B$10,7,0)+IF('Standard Profiles'!$G$20=$B$17,14,0)+IF('Standard Profiles'!$G$20=$B$24,21,0),MOD($C4073,24)+1)/SUM(INDEX($D$3:$AA$30,INDEX(Jesper!$R$2:$R$366,ROW(INDEX(Jesper!AJ$2:AJ$366,ROUNDDOWN($C4073/24,0)+1,1))-1)+IF('Standard Profiles'!$G$20=$B$10,7,0)+IF('Standard Profiles'!$G$20=$B$17,14,0)+IF('Standard Profiles'!$G$20=$B$24,21,0),0)),0)</f>
        <v>0</v>
      </c>
      <c r="G4073" cm="1">
        <f t="array" ref="G4073">IFERROR(INDEX(Jesper!AK$2:AK$366,ROUNDDOWN($C4073/24,0)+1,1)*INDEX($D$3:$AA$30,INDEX(Jesper!$R$2:$R$366,ROW(INDEX(Jesper!AK$2:AK$366,ROUNDDOWN($C4073/24,0)+1,1))-1)+IF('Standard Profiles'!$G$21=$B$10,7,0)+IF('Standard Profiles'!$G$21=$B$17,14,0)+IF('Standard Profiles'!$G$21=$B$24,21,0),MOD($C4073,24)+1)/SUM(INDEX($D$3:$AA$30,INDEX(Jesper!$R$2:$R$366,ROW(INDEX(Jesper!AK$2:AK$366,ROUNDDOWN($C4073/24,0)+1,1))-1)+IF('Standard Profiles'!$G$21=$B$10,7,0)+IF('Standard Profiles'!$G$21=$B$17,14,0)+IF('Standard Profiles'!$G$21=$B$24,21,0),0)),0)</f>
        <v>0</v>
      </c>
      <c r="H4073" cm="1">
        <f t="array" ref="H4073">IFERROR(INDEX(Jesper!AL$2:AL$366,ROUNDDOWN($C4073/24,0)+1,1)*INDEX($D$3:$AA$30,INDEX(Jesper!$R$2:$R$366,ROW(INDEX(Jesper!AL$2:AL$366,ROUNDDOWN($C4073/24,0)+1,1))-1)+IF('Standard Profiles'!$G$22=$B$10,7,0)+IF('Standard Profiles'!$G$22=$B$17,14,0)+IF('Standard Profiles'!$G$22=$B$24,21,0),MOD($C4073,24)+1)/SUM(INDEX($D$3:$AA$30,INDEX(Jesper!$R$2:$R$366,ROW(INDEX(Jesper!AL$2:AL$366,ROUNDDOWN($C4073/24,0)+1,1))-1)+IF('Standard Profiles'!$G$22=$B$10,7,0)+IF('Standard Profiles'!$G$22=$B$17,14,0)+IF('Standard Profiles'!$G$22=$B$24,21,0),0)),0)</f>
        <v>0</v>
      </c>
      <c r="I4073">
        <f t="shared" si="461"/>
        <v>0.33282827514833946</v>
      </c>
      <c r="J4073">
        <f t="shared" si="462"/>
        <v>1.1094275838277983</v>
      </c>
      <c r="K4073">
        <f t="shared" si="463"/>
        <v>1.6641413757416972</v>
      </c>
      <c r="L4073">
        <f t="shared" si="464"/>
        <v>7.987878603560147</v>
      </c>
      <c r="M4073">
        <f t="shared" si="465"/>
        <v>0</v>
      </c>
      <c r="N4073" s="46">
        <f t="shared" si="466"/>
        <v>45460.291666656871</v>
      </c>
    </row>
    <row r="4074" spans="2:14" x14ac:dyDescent="0.3">
      <c r="B4074">
        <f t="shared" si="460"/>
        <v>1</v>
      </c>
      <c r="C4074" s="16">
        <v>4040</v>
      </c>
      <c r="D4074" cm="1">
        <f t="array" ref="D4074">IFERROR(INDEX(Jesper!AH$2:AH$366,ROUNDDOWN($C4074/24,0)+1,1)*INDEX($D$3:$AA$30,INDEX(Jesper!$R$2:$R$366,ROW(INDEX(Jesper!AH$2:AH$366,ROUNDDOWN($C4074/24,0)+1,1))-1)+IF('Standard Profiles'!$G$18=$B$10,7,0)+IF('Standard Profiles'!$G$18=$B$17,14,0)+IF('Standard Profiles'!$G$18=$B$24,21,0),MOD($C4074,24)+1)/SUM(INDEX($D$3:$AA$30,INDEX(Jesper!$R$2:$R$366,ROW(INDEX(Jesper!AH$2:AH$366,ROUNDDOWN($C4074/24,0)+1,1))-1)+IF('Standard Profiles'!$G$18=$B$10,7,0)+IF('Standard Profiles'!$G$18=$B$17,14,0)+IF('Standard Profiles'!$G$18=$B$24,21,0),0)),0)</f>
        <v>11.094275838277982</v>
      </c>
      <c r="E4074" cm="1">
        <f t="array" ref="E4074">IFERROR(INDEX(Jesper!AI$2:AI$366,ROUNDDOWN($C4074/24,0)+1,1)*INDEX($D$3:$AA$30,INDEX(Jesper!$R$2:$R$366,ROW(INDEX(Jesper!AI$2:AI$366,ROUNDDOWN($C4074/24,0)+1,1))-1)+IF('Standard Profiles'!$G$19=$B$10,7,0)+IF('Standard Profiles'!$G$19=$B$17,14,0)+IF('Standard Profiles'!$G$19=$B$24,21,0),MOD($C4074,24)+1)/SUM(INDEX($D$3:$AA$30,INDEX(Jesper!$R$2:$R$366,ROW(INDEX(Jesper!AI$2:AI$366,ROUNDDOWN($C4074/24,0)+1,1))-1)+IF('Standard Profiles'!$G$19=$B$10,7,0)+IF('Standard Profiles'!$G$19=$B$17,14,0)+IF('Standard Profiles'!$G$19=$B$24,21,0),0)),0)</f>
        <v>0</v>
      </c>
      <c r="F4074" cm="1">
        <f t="array" ref="F4074">IFERROR(INDEX(Jesper!AJ$2:AJ$366,ROUNDDOWN($C4074/24,0)+1,1)*INDEX($D$3:$AA$30,INDEX(Jesper!$R$2:$R$366,ROW(INDEX(Jesper!AJ$2:AJ$366,ROUNDDOWN($C4074/24,0)+1,1))-1)+IF('Standard Profiles'!$G$20=$B$10,7,0)+IF('Standard Profiles'!$G$20=$B$17,14,0)+IF('Standard Profiles'!$G$20=$B$24,21,0),MOD($C4074,24)+1)/SUM(INDEX($D$3:$AA$30,INDEX(Jesper!$R$2:$R$366,ROW(INDEX(Jesper!AJ$2:AJ$366,ROUNDDOWN($C4074/24,0)+1,1))-1)+IF('Standard Profiles'!$G$20=$B$10,7,0)+IF('Standard Profiles'!$G$20=$B$17,14,0)+IF('Standard Profiles'!$G$20=$B$24,21,0),0)),0)</f>
        <v>0</v>
      </c>
      <c r="G4074" cm="1">
        <f t="array" ref="G4074">IFERROR(INDEX(Jesper!AK$2:AK$366,ROUNDDOWN($C4074/24,0)+1,1)*INDEX($D$3:$AA$30,INDEX(Jesper!$R$2:$R$366,ROW(INDEX(Jesper!AK$2:AK$366,ROUNDDOWN($C4074/24,0)+1,1))-1)+IF('Standard Profiles'!$G$21=$B$10,7,0)+IF('Standard Profiles'!$G$21=$B$17,14,0)+IF('Standard Profiles'!$G$21=$B$24,21,0),MOD($C4074,24)+1)/SUM(INDEX($D$3:$AA$30,INDEX(Jesper!$R$2:$R$366,ROW(INDEX(Jesper!AK$2:AK$366,ROUNDDOWN($C4074/24,0)+1,1))-1)+IF('Standard Profiles'!$G$21=$B$10,7,0)+IF('Standard Profiles'!$G$21=$B$17,14,0)+IF('Standard Profiles'!$G$21=$B$24,21,0),0)),0)</f>
        <v>0</v>
      </c>
      <c r="H4074" cm="1">
        <f t="array" ref="H4074">IFERROR(INDEX(Jesper!AL$2:AL$366,ROUNDDOWN($C4074/24,0)+1,1)*INDEX($D$3:$AA$30,INDEX(Jesper!$R$2:$R$366,ROW(INDEX(Jesper!AL$2:AL$366,ROUNDDOWN($C4074/24,0)+1,1))-1)+IF('Standard Profiles'!$G$22=$B$10,7,0)+IF('Standard Profiles'!$G$22=$B$17,14,0)+IF('Standard Profiles'!$G$22=$B$24,21,0),MOD($C4074,24)+1)/SUM(INDEX($D$3:$AA$30,INDEX(Jesper!$R$2:$R$366,ROW(INDEX(Jesper!AL$2:AL$366,ROUNDDOWN($C4074/24,0)+1,1))-1)+IF('Standard Profiles'!$G$22=$B$10,7,0)+IF('Standard Profiles'!$G$22=$B$17,14,0)+IF('Standard Profiles'!$G$22=$B$24,21,0),0)),0)</f>
        <v>0</v>
      </c>
      <c r="I4074">
        <f t="shared" si="461"/>
        <v>0.33282827514833946</v>
      </c>
      <c r="J4074">
        <f t="shared" si="462"/>
        <v>1.1094275838277983</v>
      </c>
      <c r="K4074">
        <f t="shared" si="463"/>
        <v>1.6641413757416972</v>
      </c>
      <c r="L4074">
        <f t="shared" si="464"/>
        <v>7.987878603560147</v>
      </c>
      <c r="M4074">
        <f t="shared" si="465"/>
        <v>0</v>
      </c>
      <c r="N4074" s="46">
        <f t="shared" si="466"/>
        <v>45460.333333323535</v>
      </c>
    </row>
    <row r="4075" spans="2:14" x14ac:dyDescent="0.3">
      <c r="B4075">
        <f t="shared" si="460"/>
        <v>1</v>
      </c>
      <c r="C4075" s="16">
        <v>4041</v>
      </c>
      <c r="D4075" cm="1">
        <f t="array" ref="D4075">IFERROR(INDEX(Jesper!AH$2:AH$366,ROUNDDOWN($C4075/24,0)+1,1)*INDEX($D$3:$AA$30,INDEX(Jesper!$R$2:$R$366,ROW(INDEX(Jesper!AH$2:AH$366,ROUNDDOWN($C4075/24,0)+1,1))-1)+IF('Standard Profiles'!$G$18=$B$10,7,0)+IF('Standard Profiles'!$G$18=$B$17,14,0)+IF('Standard Profiles'!$G$18=$B$24,21,0),MOD($C4075,24)+1)/SUM(INDEX($D$3:$AA$30,INDEX(Jesper!$R$2:$R$366,ROW(INDEX(Jesper!AH$2:AH$366,ROUNDDOWN($C4075/24,0)+1,1))-1)+IF('Standard Profiles'!$G$18=$B$10,7,0)+IF('Standard Profiles'!$G$18=$B$17,14,0)+IF('Standard Profiles'!$G$18=$B$24,21,0),0)),0)</f>
        <v>11.846430132398524</v>
      </c>
      <c r="E4075" cm="1">
        <f t="array" ref="E4075">IFERROR(INDEX(Jesper!AI$2:AI$366,ROUNDDOWN($C4075/24,0)+1,1)*INDEX($D$3:$AA$30,INDEX(Jesper!$R$2:$R$366,ROW(INDEX(Jesper!AI$2:AI$366,ROUNDDOWN($C4075/24,0)+1,1))-1)+IF('Standard Profiles'!$G$19=$B$10,7,0)+IF('Standard Profiles'!$G$19=$B$17,14,0)+IF('Standard Profiles'!$G$19=$B$24,21,0),MOD($C4075,24)+1)/SUM(INDEX($D$3:$AA$30,INDEX(Jesper!$R$2:$R$366,ROW(INDEX(Jesper!AI$2:AI$366,ROUNDDOWN($C4075/24,0)+1,1))-1)+IF('Standard Profiles'!$G$19=$B$10,7,0)+IF('Standard Profiles'!$G$19=$B$17,14,0)+IF('Standard Profiles'!$G$19=$B$24,21,0),0)),0)</f>
        <v>0</v>
      </c>
      <c r="F4075" cm="1">
        <f t="array" ref="F4075">IFERROR(INDEX(Jesper!AJ$2:AJ$366,ROUNDDOWN($C4075/24,0)+1,1)*INDEX($D$3:$AA$30,INDEX(Jesper!$R$2:$R$366,ROW(INDEX(Jesper!AJ$2:AJ$366,ROUNDDOWN($C4075/24,0)+1,1))-1)+IF('Standard Profiles'!$G$20=$B$10,7,0)+IF('Standard Profiles'!$G$20=$B$17,14,0)+IF('Standard Profiles'!$G$20=$B$24,21,0),MOD($C4075,24)+1)/SUM(INDEX($D$3:$AA$30,INDEX(Jesper!$R$2:$R$366,ROW(INDEX(Jesper!AJ$2:AJ$366,ROUNDDOWN($C4075/24,0)+1,1))-1)+IF('Standard Profiles'!$G$20=$B$10,7,0)+IF('Standard Profiles'!$G$20=$B$17,14,0)+IF('Standard Profiles'!$G$20=$B$24,21,0),0)),0)</f>
        <v>0</v>
      </c>
      <c r="G4075" cm="1">
        <f t="array" ref="G4075">IFERROR(INDEX(Jesper!AK$2:AK$366,ROUNDDOWN($C4075/24,0)+1,1)*INDEX($D$3:$AA$30,INDEX(Jesper!$R$2:$R$366,ROW(INDEX(Jesper!AK$2:AK$366,ROUNDDOWN($C4075/24,0)+1,1))-1)+IF('Standard Profiles'!$G$21=$B$10,7,0)+IF('Standard Profiles'!$G$21=$B$17,14,0)+IF('Standard Profiles'!$G$21=$B$24,21,0),MOD($C4075,24)+1)/SUM(INDEX($D$3:$AA$30,INDEX(Jesper!$R$2:$R$366,ROW(INDEX(Jesper!AK$2:AK$366,ROUNDDOWN($C4075/24,0)+1,1))-1)+IF('Standard Profiles'!$G$21=$B$10,7,0)+IF('Standard Profiles'!$G$21=$B$17,14,0)+IF('Standard Profiles'!$G$21=$B$24,21,0),0)),0)</f>
        <v>0</v>
      </c>
      <c r="H4075" cm="1">
        <f t="array" ref="H4075">IFERROR(INDEX(Jesper!AL$2:AL$366,ROUNDDOWN($C4075/24,0)+1,1)*INDEX($D$3:$AA$30,INDEX(Jesper!$R$2:$R$366,ROW(INDEX(Jesper!AL$2:AL$366,ROUNDDOWN($C4075/24,0)+1,1))-1)+IF('Standard Profiles'!$G$22=$B$10,7,0)+IF('Standard Profiles'!$G$22=$B$17,14,0)+IF('Standard Profiles'!$G$22=$B$24,21,0),MOD($C4075,24)+1)/SUM(INDEX($D$3:$AA$30,INDEX(Jesper!$R$2:$R$366,ROW(INDEX(Jesper!AL$2:AL$366,ROUNDDOWN($C4075/24,0)+1,1))-1)+IF('Standard Profiles'!$G$22=$B$10,7,0)+IF('Standard Profiles'!$G$22=$B$17,14,0)+IF('Standard Profiles'!$G$22=$B$24,21,0),0)),0)</f>
        <v>0</v>
      </c>
      <c r="I4075">
        <f t="shared" si="461"/>
        <v>0.35539290397195572</v>
      </c>
      <c r="J4075">
        <f t="shared" si="462"/>
        <v>1.1846430132398524</v>
      </c>
      <c r="K4075">
        <f t="shared" si="463"/>
        <v>1.7769645198597785</v>
      </c>
      <c r="L4075">
        <f t="shared" si="464"/>
        <v>8.5294296953269377</v>
      </c>
      <c r="M4075">
        <f t="shared" si="465"/>
        <v>0</v>
      </c>
      <c r="N4075" s="46">
        <f t="shared" si="466"/>
        <v>45460.374999990199</v>
      </c>
    </row>
    <row r="4076" spans="2:14" x14ac:dyDescent="0.3">
      <c r="B4076">
        <f t="shared" si="460"/>
        <v>1</v>
      </c>
      <c r="C4076" s="16">
        <v>4042</v>
      </c>
      <c r="D4076" cm="1">
        <f t="array" ref="D4076">IFERROR(INDEX(Jesper!AH$2:AH$366,ROUNDDOWN($C4076/24,0)+1,1)*INDEX($D$3:$AA$30,INDEX(Jesper!$R$2:$R$366,ROW(INDEX(Jesper!AH$2:AH$366,ROUNDDOWN($C4076/24,0)+1,1))-1)+IF('Standard Profiles'!$G$18=$B$10,7,0)+IF('Standard Profiles'!$G$18=$B$17,14,0)+IF('Standard Profiles'!$G$18=$B$24,21,0),MOD($C4076,24)+1)/SUM(INDEX($D$3:$AA$30,INDEX(Jesper!$R$2:$R$366,ROW(INDEX(Jesper!AH$2:AH$366,ROUNDDOWN($C4076/24,0)+1,1))-1)+IF('Standard Profiles'!$G$18=$B$10,7,0)+IF('Standard Profiles'!$G$18=$B$17,14,0)+IF('Standard Profiles'!$G$18=$B$24,21,0),0)),0)</f>
        <v>11.846430132398524</v>
      </c>
      <c r="E4076" cm="1">
        <f t="array" ref="E4076">IFERROR(INDEX(Jesper!AI$2:AI$366,ROUNDDOWN($C4076/24,0)+1,1)*INDEX($D$3:$AA$30,INDEX(Jesper!$R$2:$R$366,ROW(INDEX(Jesper!AI$2:AI$366,ROUNDDOWN($C4076/24,0)+1,1))-1)+IF('Standard Profiles'!$G$19=$B$10,7,0)+IF('Standard Profiles'!$G$19=$B$17,14,0)+IF('Standard Profiles'!$G$19=$B$24,21,0),MOD($C4076,24)+1)/SUM(INDEX($D$3:$AA$30,INDEX(Jesper!$R$2:$R$366,ROW(INDEX(Jesper!AI$2:AI$366,ROUNDDOWN($C4076/24,0)+1,1))-1)+IF('Standard Profiles'!$G$19=$B$10,7,0)+IF('Standard Profiles'!$G$19=$B$17,14,0)+IF('Standard Profiles'!$G$19=$B$24,21,0),0)),0)</f>
        <v>0</v>
      </c>
      <c r="F4076" cm="1">
        <f t="array" ref="F4076">IFERROR(INDEX(Jesper!AJ$2:AJ$366,ROUNDDOWN($C4076/24,0)+1,1)*INDEX($D$3:$AA$30,INDEX(Jesper!$R$2:$R$366,ROW(INDEX(Jesper!AJ$2:AJ$366,ROUNDDOWN($C4076/24,0)+1,1))-1)+IF('Standard Profiles'!$G$20=$B$10,7,0)+IF('Standard Profiles'!$G$20=$B$17,14,0)+IF('Standard Profiles'!$G$20=$B$24,21,0),MOD($C4076,24)+1)/SUM(INDEX($D$3:$AA$30,INDEX(Jesper!$R$2:$R$366,ROW(INDEX(Jesper!AJ$2:AJ$366,ROUNDDOWN($C4076/24,0)+1,1))-1)+IF('Standard Profiles'!$G$20=$B$10,7,0)+IF('Standard Profiles'!$G$20=$B$17,14,0)+IF('Standard Profiles'!$G$20=$B$24,21,0),0)),0)</f>
        <v>0</v>
      </c>
      <c r="G4076" cm="1">
        <f t="array" ref="G4076">IFERROR(INDEX(Jesper!AK$2:AK$366,ROUNDDOWN($C4076/24,0)+1,1)*INDEX($D$3:$AA$30,INDEX(Jesper!$R$2:$R$366,ROW(INDEX(Jesper!AK$2:AK$366,ROUNDDOWN($C4076/24,0)+1,1))-1)+IF('Standard Profiles'!$G$21=$B$10,7,0)+IF('Standard Profiles'!$G$21=$B$17,14,0)+IF('Standard Profiles'!$G$21=$B$24,21,0),MOD($C4076,24)+1)/SUM(INDEX($D$3:$AA$30,INDEX(Jesper!$R$2:$R$366,ROW(INDEX(Jesper!AK$2:AK$366,ROUNDDOWN($C4076/24,0)+1,1))-1)+IF('Standard Profiles'!$G$21=$B$10,7,0)+IF('Standard Profiles'!$G$21=$B$17,14,0)+IF('Standard Profiles'!$G$21=$B$24,21,0),0)),0)</f>
        <v>0</v>
      </c>
      <c r="H4076" cm="1">
        <f t="array" ref="H4076">IFERROR(INDEX(Jesper!AL$2:AL$366,ROUNDDOWN($C4076/24,0)+1,1)*INDEX($D$3:$AA$30,INDEX(Jesper!$R$2:$R$366,ROW(INDEX(Jesper!AL$2:AL$366,ROUNDDOWN($C4076/24,0)+1,1))-1)+IF('Standard Profiles'!$G$22=$B$10,7,0)+IF('Standard Profiles'!$G$22=$B$17,14,0)+IF('Standard Profiles'!$G$22=$B$24,21,0),MOD($C4076,24)+1)/SUM(INDEX($D$3:$AA$30,INDEX(Jesper!$R$2:$R$366,ROW(INDEX(Jesper!AL$2:AL$366,ROUNDDOWN($C4076/24,0)+1,1))-1)+IF('Standard Profiles'!$G$22=$B$10,7,0)+IF('Standard Profiles'!$G$22=$B$17,14,0)+IF('Standard Profiles'!$G$22=$B$24,21,0),0)),0)</f>
        <v>0</v>
      </c>
      <c r="I4076">
        <f t="shared" si="461"/>
        <v>0.35539290397195572</v>
      </c>
      <c r="J4076">
        <f t="shared" si="462"/>
        <v>1.1846430132398524</v>
      </c>
      <c r="K4076">
        <f t="shared" si="463"/>
        <v>1.7769645198597785</v>
      </c>
      <c r="L4076">
        <f t="shared" si="464"/>
        <v>8.5294296953269377</v>
      </c>
      <c r="M4076">
        <f t="shared" si="465"/>
        <v>0</v>
      </c>
      <c r="N4076" s="46">
        <f t="shared" si="466"/>
        <v>45460.416666656864</v>
      </c>
    </row>
    <row r="4077" spans="2:14" x14ac:dyDescent="0.3">
      <c r="B4077">
        <f t="shared" si="460"/>
        <v>1</v>
      </c>
      <c r="C4077" s="16">
        <v>4043</v>
      </c>
      <c r="D4077" cm="1">
        <f t="array" ref="D4077">IFERROR(INDEX(Jesper!AH$2:AH$366,ROUNDDOWN($C4077/24,0)+1,1)*INDEX($D$3:$AA$30,INDEX(Jesper!$R$2:$R$366,ROW(INDEX(Jesper!AH$2:AH$366,ROUNDDOWN($C4077/24,0)+1,1))-1)+IF('Standard Profiles'!$G$18=$B$10,7,0)+IF('Standard Profiles'!$G$18=$B$17,14,0)+IF('Standard Profiles'!$G$18=$B$24,21,0),MOD($C4077,24)+1)/SUM(INDEX($D$3:$AA$30,INDEX(Jesper!$R$2:$R$366,ROW(INDEX(Jesper!AH$2:AH$366,ROUNDDOWN($C4077/24,0)+1,1))-1)+IF('Standard Profiles'!$G$18=$B$10,7,0)+IF('Standard Profiles'!$G$18=$B$17,14,0)+IF('Standard Profiles'!$G$18=$B$24,21,0),0)),0)</f>
        <v>15.043085882410821</v>
      </c>
      <c r="E4077" cm="1">
        <f t="array" ref="E4077">IFERROR(INDEX(Jesper!AI$2:AI$366,ROUNDDOWN($C4077/24,0)+1,1)*INDEX($D$3:$AA$30,INDEX(Jesper!$R$2:$R$366,ROW(INDEX(Jesper!AI$2:AI$366,ROUNDDOWN($C4077/24,0)+1,1))-1)+IF('Standard Profiles'!$G$19=$B$10,7,0)+IF('Standard Profiles'!$G$19=$B$17,14,0)+IF('Standard Profiles'!$G$19=$B$24,21,0),MOD($C4077,24)+1)/SUM(INDEX($D$3:$AA$30,INDEX(Jesper!$R$2:$R$366,ROW(INDEX(Jesper!AI$2:AI$366,ROUNDDOWN($C4077/24,0)+1,1))-1)+IF('Standard Profiles'!$G$19=$B$10,7,0)+IF('Standard Profiles'!$G$19=$B$17,14,0)+IF('Standard Profiles'!$G$19=$B$24,21,0),0)),0)</f>
        <v>0</v>
      </c>
      <c r="F4077" cm="1">
        <f t="array" ref="F4077">IFERROR(INDEX(Jesper!AJ$2:AJ$366,ROUNDDOWN($C4077/24,0)+1,1)*INDEX($D$3:$AA$30,INDEX(Jesper!$R$2:$R$366,ROW(INDEX(Jesper!AJ$2:AJ$366,ROUNDDOWN($C4077/24,0)+1,1))-1)+IF('Standard Profiles'!$G$20=$B$10,7,0)+IF('Standard Profiles'!$G$20=$B$17,14,0)+IF('Standard Profiles'!$G$20=$B$24,21,0),MOD($C4077,24)+1)/SUM(INDEX($D$3:$AA$30,INDEX(Jesper!$R$2:$R$366,ROW(INDEX(Jesper!AJ$2:AJ$366,ROUNDDOWN($C4077/24,0)+1,1))-1)+IF('Standard Profiles'!$G$20=$B$10,7,0)+IF('Standard Profiles'!$G$20=$B$17,14,0)+IF('Standard Profiles'!$G$20=$B$24,21,0),0)),0)</f>
        <v>0</v>
      </c>
      <c r="G4077" cm="1">
        <f t="array" ref="G4077">IFERROR(INDEX(Jesper!AK$2:AK$366,ROUNDDOWN($C4077/24,0)+1,1)*INDEX($D$3:$AA$30,INDEX(Jesper!$R$2:$R$366,ROW(INDEX(Jesper!AK$2:AK$366,ROUNDDOWN($C4077/24,0)+1,1))-1)+IF('Standard Profiles'!$G$21=$B$10,7,0)+IF('Standard Profiles'!$G$21=$B$17,14,0)+IF('Standard Profiles'!$G$21=$B$24,21,0),MOD($C4077,24)+1)/SUM(INDEX($D$3:$AA$30,INDEX(Jesper!$R$2:$R$366,ROW(INDEX(Jesper!AK$2:AK$366,ROUNDDOWN($C4077/24,0)+1,1))-1)+IF('Standard Profiles'!$G$21=$B$10,7,0)+IF('Standard Profiles'!$G$21=$B$17,14,0)+IF('Standard Profiles'!$G$21=$B$24,21,0),0)),0)</f>
        <v>0</v>
      </c>
      <c r="H4077" cm="1">
        <f t="array" ref="H4077">IFERROR(INDEX(Jesper!AL$2:AL$366,ROUNDDOWN($C4077/24,0)+1,1)*INDEX($D$3:$AA$30,INDEX(Jesper!$R$2:$R$366,ROW(INDEX(Jesper!AL$2:AL$366,ROUNDDOWN($C4077/24,0)+1,1))-1)+IF('Standard Profiles'!$G$22=$B$10,7,0)+IF('Standard Profiles'!$G$22=$B$17,14,0)+IF('Standard Profiles'!$G$22=$B$24,21,0),MOD($C4077,24)+1)/SUM(INDEX($D$3:$AA$30,INDEX(Jesper!$R$2:$R$366,ROW(INDEX(Jesper!AL$2:AL$366,ROUNDDOWN($C4077/24,0)+1,1))-1)+IF('Standard Profiles'!$G$22=$B$10,7,0)+IF('Standard Profiles'!$G$22=$B$17,14,0)+IF('Standard Profiles'!$G$22=$B$24,21,0),0)),0)</f>
        <v>0</v>
      </c>
      <c r="I4077">
        <f t="shared" si="461"/>
        <v>0.45129257647232462</v>
      </c>
      <c r="J4077">
        <f t="shared" si="462"/>
        <v>1.5043085882410823</v>
      </c>
      <c r="K4077">
        <f t="shared" si="463"/>
        <v>2.2564628823616233</v>
      </c>
      <c r="L4077">
        <f t="shared" si="464"/>
        <v>10.831021835335791</v>
      </c>
      <c r="M4077">
        <f t="shared" si="465"/>
        <v>0</v>
      </c>
      <c r="N4077" s="46">
        <f t="shared" si="466"/>
        <v>45460.458333323528</v>
      </c>
    </row>
    <row r="4078" spans="2:14" x14ac:dyDescent="0.3">
      <c r="B4078">
        <f t="shared" si="460"/>
        <v>1</v>
      </c>
      <c r="C4078" s="16">
        <v>4044</v>
      </c>
      <c r="D4078" cm="1">
        <f t="array" ref="D4078">IFERROR(INDEX(Jesper!AH$2:AH$366,ROUNDDOWN($C4078/24,0)+1,1)*INDEX($D$3:$AA$30,INDEX(Jesper!$R$2:$R$366,ROW(INDEX(Jesper!AH$2:AH$366,ROUNDDOWN($C4078/24,0)+1,1))-1)+IF('Standard Profiles'!$G$18=$B$10,7,0)+IF('Standard Profiles'!$G$18=$B$17,14,0)+IF('Standard Profiles'!$G$18=$B$24,21,0),MOD($C4078,24)+1)/SUM(INDEX($D$3:$AA$30,INDEX(Jesper!$R$2:$R$366,ROW(INDEX(Jesper!AH$2:AH$366,ROUNDDOWN($C4078/24,0)+1,1))-1)+IF('Standard Profiles'!$G$18=$B$10,7,0)+IF('Standard Profiles'!$G$18=$B$17,14,0)+IF('Standard Profiles'!$G$18=$B$24,21,0),0)),0)</f>
        <v>15.043085882410821</v>
      </c>
      <c r="E4078" cm="1">
        <f t="array" ref="E4078">IFERROR(INDEX(Jesper!AI$2:AI$366,ROUNDDOWN($C4078/24,0)+1,1)*INDEX($D$3:$AA$30,INDEX(Jesper!$R$2:$R$366,ROW(INDEX(Jesper!AI$2:AI$366,ROUNDDOWN($C4078/24,0)+1,1))-1)+IF('Standard Profiles'!$G$19=$B$10,7,0)+IF('Standard Profiles'!$G$19=$B$17,14,0)+IF('Standard Profiles'!$G$19=$B$24,21,0),MOD($C4078,24)+1)/SUM(INDEX($D$3:$AA$30,INDEX(Jesper!$R$2:$R$366,ROW(INDEX(Jesper!AI$2:AI$366,ROUNDDOWN($C4078/24,0)+1,1))-1)+IF('Standard Profiles'!$G$19=$B$10,7,0)+IF('Standard Profiles'!$G$19=$B$17,14,0)+IF('Standard Profiles'!$G$19=$B$24,21,0),0)),0)</f>
        <v>0</v>
      </c>
      <c r="F4078" cm="1">
        <f t="array" ref="F4078">IFERROR(INDEX(Jesper!AJ$2:AJ$366,ROUNDDOWN($C4078/24,0)+1,1)*INDEX($D$3:$AA$30,INDEX(Jesper!$R$2:$R$366,ROW(INDEX(Jesper!AJ$2:AJ$366,ROUNDDOWN($C4078/24,0)+1,1))-1)+IF('Standard Profiles'!$G$20=$B$10,7,0)+IF('Standard Profiles'!$G$20=$B$17,14,0)+IF('Standard Profiles'!$G$20=$B$24,21,0),MOD($C4078,24)+1)/SUM(INDEX($D$3:$AA$30,INDEX(Jesper!$R$2:$R$366,ROW(INDEX(Jesper!AJ$2:AJ$366,ROUNDDOWN($C4078/24,0)+1,1))-1)+IF('Standard Profiles'!$G$20=$B$10,7,0)+IF('Standard Profiles'!$G$20=$B$17,14,0)+IF('Standard Profiles'!$G$20=$B$24,21,0),0)),0)</f>
        <v>0</v>
      </c>
      <c r="G4078" cm="1">
        <f t="array" ref="G4078">IFERROR(INDEX(Jesper!AK$2:AK$366,ROUNDDOWN($C4078/24,0)+1,1)*INDEX($D$3:$AA$30,INDEX(Jesper!$R$2:$R$366,ROW(INDEX(Jesper!AK$2:AK$366,ROUNDDOWN($C4078/24,0)+1,1))-1)+IF('Standard Profiles'!$G$21=$B$10,7,0)+IF('Standard Profiles'!$G$21=$B$17,14,0)+IF('Standard Profiles'!$G$21=$B$24,21,0),MOD($C4078,24)+1)/SUM(INDEX($D$3:$AA$30,INDEX(Jesper!$R$2:$R$366,ROW(INDEX(Jesper!AK$2:AK$366,ROUNDDOWN($C4078/24,0)+1,1))-1)+IF('Standard Profiles'!$G$21=$B$10,7,0)+IF('Standard Profiles'!$G$21=$B$17,14,0)+IF('Standard Profiles'!$G$21=$B$24,21,0),0)),0)</f>
        <v>0</v>
      </c>
      <c r="H4078" cm="1">
        <f t="array" ref="H4078">IFERROR(INDEX(Jesper!AL$2:AL$366,ROUNDDOWN($C4078/24,0)+1,1)*INDEX($D$3:$AA$30,INDEX(Jesper!$R$2:$R$366,ROW(INDEX(Jesper!AL$2:AL$366,ROUNDDOWN($C4078/24,0)+1,1))-1)+IF('Standard Profiles'!$G$22=$B$10,7,0)+IF('Standard Profiles'!$G$22=$B$17,14,0)+IF('Standard Profiles'!$G$22=$B$24,21,0),MOD($C4078,24)+1)/SUM(INDEX($D$3:$AA$30,INDEX(Jesper!$R$2:$R$366,ROW(INDEX(Jesper!AL$2:AL$366,ROUNDDOWN($C4078/24,0)+1,1))-1)+IF('Standard Profiles'!$G$22=$B$10,7,0)+IF('Standard Profiles'!$G$22=$B$17,14,0)+IF('Standard Profiles'!$G$22=$B$24,21,0),0)),0)</f>
        <v>0</v>
      </c>
      <c r="I4078">
        <f t="shared" si="461"/>
        <v>0.45129257647232462</v>
      </c>
      <c r="J4078">
        <f t="shared" si="462"/>
        <v>1.5043085882410823</v>
      </c>
      <c r="K4078">
        <f t="shared" si="463"/>
        <v>2.2564628823616233</v>
      </c>
      <c r="L4078">
        <f t="shared" si="464"/>
        <v>10.831021835335791</v>
      </c>
      <c r="M4078">
        <f t="shared" si="465"/>
        <v>0</v>
      </c>
      <c r="N4078" s="46">
        <f t="shared" si="466"/>
        <v>45460.499999990192</v>
      </c>
    </row>
    <row r="4079" spans="2:14" x14ac:dyDescent="0.3">
      <c r="B4079">
        <f t="shared" si="460"/>
        <v>1</v>
      </c>
      <c r="C4079" s="16">
        <v>4045</v>
      </c>
      <c r="D4079" cm="1">
        <f t="array" ref="D4079">IFERROR(INDEX(Jesper!AH$2:AH$366,ROUNDDOWN($C4079/24,0)+1,1)*INDEX($D$3:$AA$30,INDEX(Jesper!$R$2:$R$366,ROW(INDEX(Jesper!AH$2:AH$366,ROUNDDOWN($C4079/24,0)+1,1))-1)+IF('Standard Profiles'!$G$18=$B$10,7,0)+IF('Standard Profiles'!$G$18=$B$17,14,0)+IF('Standard Profiles'!$G$18=$B$24,21,0),MOD($C4079,24)+1)/SUM(INDEX($D$3:$AA$30,INDEX(Jesper!$R$2:$R$366,ROW(INDEX(Jesper!AH$2:AH$366,ROUNDDOWN($C4079/24,0)+1,1))-1)+IF('Standard Profiles'!$G$18=$B$10,7,0)+IF('Standard Profiles'!$G$18=$B$17,14,0)+IF('Standard Profiles'!$G$18=$B$24,21,0),0)),0)</f>
        <v>9.9660443970971713</v>
      </c>
      <c r="E4079" cm="1">
        <f t="array" ref="E4079">IFERROR(INDEX(Jesper!AI$2:AI$366,ROUNDDOWN($C4079/24,0)+1,1)*INDEX($D$3:$AA$30,INDEX(Jesper!$R$2:$R$366,ROW(INDEX(Jesper!AI$2:AI$366,ROUNDDOWN($C4079/24,0)+1,1))-1)+IF('Standard Profiles'!$G$19=$B$10,7,0)+IF('Standard Profiles'!$G$19=$B$17,14,0)+IF('Standard Profiles'!$G$19=$B$24,21,0),MOD($C4079,24)+1)/SUM(INDEX($D$3:$AA$30,INDEX(Jesper!$R$2:$R$366,ROW(INDEX(Jesper!AI$2:AI$366,ROUNDDOWN($C4079/24,0)+1,1))-1)+IF('Standard Profiles'!$G$19=$B$10,7,0)+IF('Standard Profiles'!$G$19=$B$17,14,0)+IF('Standard Profiles'!$G$19=$B$24,21,0),0)),0)</f>
        <v>0</v>
      </c>
      <c r="F4079" cm="1">
        <f t="array" ref="F4079">IFERROR(INDEX(Jesper!AJ$2:AJ$366,ROUNDDOWN($C4079/24,0)+1,1)*INDEX($D$3:$AA$30,INDEX(Jesper!$R$2:$R$366,ROW(INDEX(Jesper!AJ$2:AJ$366,ROUNDDOWN($C4079/24,0)+1,1))-1)+IF('Standard Profiles'!$G$20=$B$10,7,0)+IF('Standard Profiles'!$G$20=$B$17,14,0)+IF('Standard Profiles'!$G$20=$B$24,21,0),MOD($C4079,24)+1)/SUM(INDEX($D$3:$AA$30,INDEX(Jesper!$R$2:$R$366,ROW(INDEX(Jesper!AJ$2:AJ$366,ROUNDDOWN($C4079/24,0)+1,1))-1)+IF('Standard Profiles'!$G$20=$B$10,7,0)+IF('Standard Profiles'!$G$20=$B$17,14,0)+IF('Standard Profiles'!$G$20=$B$24,21,0),0)),0)</f>
        <v>0</v>
      </c>
      <c r="G4079" cm="1">
        <f t="array" ref="G4079">IFERROR(INDEX(Jesper!AK$2:AK$366,ROUNDDOWN($C4079/24,0)+1,1)*INDEX($D$3:$AA$30,INDEX(Jesper!$R$2:$R$366,ROW(INDEX(Jesper!AK$2:AK$366,ROUNDDOWN($C4079/24,0)+1,1))-1)+IF('Standard Profiles'!$G$21=$B$10,7,0)+IF('Standard Profiles'!$G$21=$B$17,14,0)+IF('Standard Profiles'!$G$21=$B$24,21,0),MOD($C4079,24)+1)/SUM(INDEX($D$3:$AA$30,INDEX(Jesper!$R$2:$R$366,ROW(INDEX(Jesper!AK$2:AK$366,ROUNDDOWN($C4079/24,0)+1,1))-1)+IF('Standard Profiles'!$G$21=$B$10,7,0)+IF('Standard Profiles'!$G$21=$B$17,14,0)+IF('Standard Profiles'!$G$21=$B$24,21,0),0)),0)</f>
        <v>0</v>
      </c>
      <c r="H4079" cm="1">
        <f t="array" ref="H4079">IFERROR(INDEX(Jesper!AL$2:AL$366,ROUNDDOWN($C4079/24,0)+1,1)*INDEX($D$3:$AA$30,INDEX(Jesper!$R$2:$R$366,ROW(INDEX(Jesper!AL$2:AL$366,ROUNDDOWN($C4079/24,0)+1,1))-1)+IF('Standard Profiles'!$G$22=$B$10,7,0)+IF('Standard Profiles'!$G$22=$B$17,14,0)+IF('Standard Profiles'!$G$22=$B$24,21,0),MOD($C4079,24)+1)/SUM(INDEX($D$3:$AA$30,INDEX(Jesper!$R$2:$R$366,ROW(INDEX(Jesper!AL$2:AL$366,ROUNDDOWN($C4079/24,0)+1,1))-1)+IF('Standard Profiles'!$G$22=$B$10,7,0)+IF('Standard Profiles'!$G$22=$B$17,14,0)+IF('Standard Profiles'!$G$22=$B$24,21,0),0)),0)</f>
        <v>0</v>
      </c>
      <c r="I4079">
        <f t="shared" si="461"/>
        <v>0.29898133191291515</v>
      </c>
      <c r="J4079">
        <f t="shared" si="462"/>
        <v>0.99660443970971713</v>
      </c>
      <c r="K4079">
        <f t="shared" si="463"/>
        <v>1.4949066595645757</v>
      </c>
      <c r="L4079">
        <f t="shared" si="464"/>
        <v>7.1755519659099631</v>
      </c>
      <c r="M4079">
        <f t="shared" si="465"/>
        <v>0</v>
      </c>
      <c r="N4079" s="46">
        <f t="shared" si="466"/>
        <v>45460.541666656856</v>
      </c>
    </row>
    <row r="4080" spans="2:14" x14ac:dyDescent="0.3">
      <c r="B4080">
        <f t="shared" si="460"/>
        <v>1</v>
      </c>
      <c r="C4080" s="16">
        <v>4046</v>
      </c>
      <c r="D4080" cm="1">
        <f t="array" ref="D4080">IFERROR(INDEX(Jesper!AH$2:AH$366,ROUNDDOWN($C4080/24,0)+1,1)*INDEX($D$3:$AA$30,INDEX(Jesper!$R$2:$R$366,ROW(INDEX(Jesper!AH$2:AH$366,ROUNDDOWN($C4080/24,0)+1,1))-1)+IF('Standard Profiles'!$G$18=$B$10,7,0)+IF('Standard Profiles'!$G$18=$B$17,14,0)+IF('Standard Profiles'!$G$18=$B$24,21,0),MOD($C4080,24)+1)/SUM(INDEX($D$3:$AA$30,INDEX(Jesper!$R$2:$R$366,ROW(INDEX(Jesper!AH$2:AH$366,ROUNDDOWN($C4080/24,0)+1,1))-1)+IF('Standard Profiles'!$G$18=$B$10,7,0)+IF('Standard Profiles'!$G$18=$B$17,14,0)+IF('Standard Profiles'!$G$18=$B$24,21,0),0)),0)</f>
        <v>15.043085882410821</v>
      </c>
      <c r="E4080" cm="1">
        <f t="array" ref="E4080">IFERROR(INDEX(Jesper!AI$2:AI$366,ROUNDDOWN($C4080/24,0)+1,1)*INDEX($D$3:$AA$30,INDEX(Jesper!$R$2:$R$366,ROW(INDEX(Jesper!AI$2:AI$366,ROUNDDOWN($C4080/24,0)+1,1))-1)+IF('Standard Profiles'!$G$19=$B$10,7,0)+IF('Standard Profiles'!$G$19=$B$17,14,0)+IF('Standard Profiles'!$G$19=$B$24,21,0),MOD($C4080,24)+1)/SUM(INDEX($D$3:$AA$30,INDEX(Jesper!$R$2:$R$366,ROW(INDEX(Jesper!AI$2:AI$366,ROUNDDOWN($C4080/24,0)+1,1))-1)+IF('Standard Profiles'!$G$19=$B$10,7,0)+IF('Standard Profiles'!$G$19=$B$17,14,0)+IF('Standard Profiles'!$G$19=$B$24,21,0),0)),0)</f>
        <v>0</v>
      </c>
      <c r="F4080" cm="1">
        <f t="array" ref="F4080">IFERROR(INDEX(Jesper!AJ$2:AJ$366,ROUNDDOWN($C4080/24,0)+1,1)*INDEX($D$3:$AA$30,INDEX(Jesper!$R$2:$R$366,ROW(INDEX(Jesper!AJ$2:AJ$366,ROUNDDOWN($C4080/24,0)+1,1))-1)+IF('Standard Profiles'!$G$20=$B$10,7,0)+IF('Standard Profiles'!$G$20=$B$17,14,0)+IF('Standard Profiles'!$G$20=$B$24,21,0),MOD($C4080,24)+1)/SUM(INDEX($D$3:$AA$30,INDEX(Jesper!$R$2:$R$366,ROW(INDEX(Jesper!AJ$2:AJ$366,ROUNDDOWN($C4080/24,0)+1,1))-1)+IF('Standard Profiles'!$G$20=$B$10,7,0)+IF('Standard Profiles'!$G$20=$B$17,14,0)+IF('Standard Profiles'!$G$20=$B$24,21,0),0)),0)</f>
        <v>0</v>
      </c>
      <c r="G4080" cm="1">
        <f t="array" ref="G4080">IFERROR(INDEX(Jesper!AK$2:AK$366,ROUNDDOWN($C4080/24,0)+1,1)*INDEX($D$3:$AA$30,INDEX(Jesper!$R$2:$R$366,ROW(INDEX(Jesper!AK$2:AK$366,ROUNDDOWN($C4080/24,0)+1,1))-1)+IF('Standard Profiles'!$G$21=$B$10,7,0)+IF('Standard Profiles'!$G$21=$B$17,14,0)+IF('Standard Profiles'!$G$21=$B$24,21,0),MOD($C4080,24)+1)/SUM(INDEX($D$3:$AA$30,INDEX(Jesper!$R$2:$R$366,ROW(INDEX(Jesper!AK$2:AK$366,ROUNDDOWN($C4080/24,0)+1,1))-1)+IF('Standard Profiles'!$G$21=$B$10,7,0)+IF('Standard Profiles'!$G$21=$B$17,14,0)+IF('Standard Profiles'!$G$21=$B$24,21,0),0)),0)</f>
        <v>0</v>
      </c>
      <c r="H4080" cm="1">
        <f t="array" ref="H4080">IFERROR(INDEX(Jesper!AL$2:AL$366,ROUNDDOWN($C4080/24,0)+1,1)*INDEX($D$3:$AA$30,INDEX(Jesper!$R$2:$R$366,ROW(INDEX(Jesper!AL$2:AL$366,ROUNDDOWN($C4080/24,0)+1,1))-1)+IF('Standard Profiles'!$G$22=$B$10,7,0)+IF('Standard Profiles'!$G$22=$B$17,14,0)+IF('Standard Profiles'!$G$22=$B$24,21,0),MOD($C4080,24)+1)/SUM(INDEX($D$3:$AA$30,INDEX(Jesper!$R$2:$R$366,ROW(INDEX(Jesper!AL$2:AL$366,ROUNDDOWN($C4080/24,0)+1,1))-1)+IF('Standard Profiles'!$G$22=$B$10,7,0)+IF('Standard Profiles'!$G$22=$B$17,14,0)+IF('Standard Profiles'!$G$22=$B$24,21,0),0)),0)</f>
        <v>0</v>
      </c>
      <c r="I4080">
        <f t="shared" si="461"/>
        <v>0.45129257647232462</v>
      </c>
      <c r="J4080">
        <f t="shared" si="462"/>
        <v>1.5043085882410823</v>
      </c>
      <c r="K4080">
        <f t="shared" si="463"/>
        <v>2.2564628823616233</v>
      </c>
      <c r="L4080">
        <f t="shared" si="464"/>
        <v>10.831021835335791</v>
      </c>
      <c r="M4080">
        <f t="shared" si="465"/>
        <v>0</v>
      </c>
      <c r="N4080" s="46">
        <f t="shared" si="466"/>
        <v>45460.58333332352</v>
      </c>
    </row>
    <row r="4081" spans="2:14" x14ac:dyDescent="0.3">
      <c r="B4081">
        <f t="shared" si="460"/>
        <v>1</v>
      </c>
      <c r="C4081" s="16">
        <v>4047</v>
      </c>
      <c r="D4081" cm="1">
        <f t="array" ref="D4081">IFERROR(INDEX(Jesper!AH$2:AH$366,ROUNDDOWN($C4081/24,0)+1,1)*INDEX($D$3:$AA$30,INDEX(Jesper!$R$2:$R$366,ROW(INDEX(Jesper!AH$2:AH$366,ROUNDDOWN($C4081/24,0)+1,1))-1)+IF('Standard Profiles'!$G$18=$B$10,7,0)+IF('Standard Profiles'!$G$18=$B$17,14,0)+IF('Standard Profiles'!$G$18=$B$24,21,0),MOD($C4081,24)+1)/SUM(INDEX($D$3:$AA$30,INDEX(Jesper!$R$2:$R$366,ROW(INDEX(Jesper!AH$2:AH$366,ROUNDDOWN($C4081/24,0)+1,1))-1)+IF('Standard Profiles'!$G$18=$B$10,7,0)+IF('Standard Profiles'!$G$18=$B$17,14,0)+IF('Standard Profiles'!$G$18=$B$24,21,0),0)),0)</f>
        <v>15.043085882410821</v>
      </c>
      <c r="E4081" cm="1">
        <f t="array" ref="E4081">IFERROR(INDEX(Jesper!AI$2:AI$366,ROUNDDOWN($C4081/24,0)+1,1)*INDEX($D$3:$AA$30,INDEX(Jesper!$R$2:$R$366,ROW(INDEX(Jesper!AI$2:AI$366,ROUNDDOWN($C4081/24,0)+1,1))-1)+IF('Standard Profiles'!$G$19=$B$10,7,0)+IF('Standard Profiles'!$G$19=$B$17,14,0)+IF('Standard Profiles'!$G$19=$B$24,21,0),MOD($C4081,24)+1)/SUM(INDEX($D$3:$AA$30,INDEX(Jesper!$R$2:$R$366,ROW(INDEX(Jesper!AI$2:AI$366,ROUNDDOWN($C4081/24,0)+1,1))-1)+IF('Standard Profiles'!$G$19=$B$10,7,0)+IF('Standard Profiles'!$G$19=$B$17,14,0)+IF('Standard Profiles'!$G$19=$B$24,21,0),0)),0)</f>
        <v>0</v>
      </c>
      <c r="F4081" cm="1">
        <f t="array" ref="F4081">IFERROR(INDEX(Jesper!AJ$2:AJ$366,ROUNDDOWN($C4081/24,0)+1,1)*INDEX($D$3:$AA$30,INDEX(Jesper!$R$2:$R$366,ROW(INDEX(Jesper!AJ$2:AJ$366,ROUNDDOWN($C4081/24,0)+1,1))-1)+IF('Standard Profiles'!$G$20=$B$10,7,0)+IF('Standard Profiles'!$G$20=$B$17,14,0)+IF('Standard Profiles'!$G$20=$B$24,21,0),MOD($C4081,24)+1)/SUM(INDEX($D$3:$AA$30,INDEX(Jesper!$R$2:$R$366,ROW(INDEX(Jesper!AJ$2:AJ$366,ROUNDDOWN($C4081/24,0)+1,1))-1)+IF('Standard Profiles'!$G$20=$B$10,7,0)+IF('Standard Profiles'!$G$20=$B$17,14,0)+IF('Standard Profiles'!$G$20=$B$24,21,0),0)),0)</f>
        <v>0</v>
      </c>
      <c r="G4081" cm="1">
        <f t="array" ref="G4081">IFERROR(INDEX(Jesper!AK$2:AK$366,ROUNDDOWN($C4081/24,0)+1,1)*INDEX($D$3:$AA$30,INDEX(Jesper!$R$2:$R$366,ROW(INDEX(Jesper!AK$2:AK$366,ROUNDDOWN($C4081/24,0)+1,1))-1)+IF('Standard Profiles'!$G$21=$B$10,7,0)+IF('Standard Profiles'!$G$21=$B$17,14,0)+IF('Standard Profiles'!$G$21=$B$24,21,0),MOD($C4081,24)+1)/SUM(INDEX($D$3:$AA$30,INDEX(Jesper!$R$2:$R$366,ROW(INDEX(Jesper!AK$2:AK$366,ROUNDDOWN($C4081/24,0)+1,1))-1)+IF('Standard Profiles'!$G$21=$B$10,7,0)+IF('Standard Profiles'!$G$21=$B$17,14,0)+IF('Standard Profiles'!$G$21=$B$24,21,0),0)),0)</f>
        <v>0</v>
      </c>
      <c r="H4081" cm="1">
        <f t="array" ref="H4081">IFERROR(INDEX(Jesper!AL$2:AL$366,ROUNDDOWN($C4081/24,0)+1,1)*INDEX($D$3:$AA$30,INDEX(Jesper!$R$2:$R$366,ROW(INDEX(Jesper!AL$2:AL$366,ROUNDDOWN($C4081/24,0)+1,1))-1)+IF('Standard Profiles'!$G$22=$B$10,7,0)+IF('Standard Profiles'!$G$22=$B$17,14,0)+IF('Standard Profiles'!$G$22=$B$24,21,0),MOD($C4081,24)+1)/SUM(INDEX($D$3:$AA$30,INDEX(Jesper!$R$2:$R$366,ROW(INDEX(Jesper!AL$2:AL$366,ROUNDDOWN($C4081/24,0)+1,1))-1)+IF('Standard Profiles'!$G$22=$B$10,7,0)+IF('Standard Profiles'!$G$22=$B$17,14,0)+IF('Standard Profiles'!$G$22=$B$24,21,0),0)),0)</f>
        <v>0</v>
      </c>
      <c r="I4081">
        <f t="shared" si="461"/>
        <v>0.45129257647232462</v>
      </c>
      <c r="J4081">
        <f t="shared" si="462"/>
        <v>1.5043085882410823</v>
      </c>
      <c r="K4081">
        <f t="shared" si="463"/>
        <v>2.2564628823616233</v>
      </c>
      <c r="L4081">
        <f t="shared" si="464"/>
        <v>10.831021835335791</v>
      </c>
      <c r="M4081">
        <f t="shared" si="465"/>
        <v>0</v>
      </c>
      <c r="N4081" s="46">
        <f t="shared" si="466"/>
        <v>45460.624999990185</v>
      </c>
    </row>
    <row r="4082" spans="2:14" x14ac:dyDescent="0.3">
      <c r="B4082">
        <f t="shared" si="460"/>
        <v>1</v>
      </c>
      <c r="C4082" s="16">
        <v>4048</v>
      </c>
      <c r="D4082" cm="1">
        <f t="array" ref="D4082">IFERROR(INDEX(Jesper!AH$2:AH$366,ROUNDDOWN($C4082/24,0)+1,1)*INDEX($D$3:$AA$30,INDEX(Jesper!$R$2:$R$366,ROW(INDEX(Jesper!AH$2:AH$366,ROUNDDOWN($C4082/24,0)+1,1))-1)+IF('Standard Profiles'!$G$18=$B$10,7,0)+IF('Standard Profiles'!$G$18=$B$17,14,0)+IF('Standard Profiles'!$G$18=$B$24,21,0),MOD($C4082,24)+1)/SUM(INDEX($D$3:$AA$30,INDEX(Jesper!$R$2:$R$366,ROW(INDEX(Jesper!AH$2:AH$366,ROUNDDOWN($C4082/24,0)+1,1))-1)+IF('Standard Profiles'!$G$18=$B$10,7,0)+IF('Standard Profiles'!$G$18=$B$17,14,0)+IF('Standard Profiles'!$G$18=$B$24,21,0),0)),0)</f>
        <v>15.043085882410821</v>
      </c>
      <c r="E4082" cm="1">
        <f t="array" ref="E4082">IFERROR(INDEX(Jesper!AI$2:AI$366,ROUNDDOWN($C4082/24,0)+1,1)*INDEX($D$3:$AA$30,INDEX(Jesper!$R$2:$R$366,ROW(INDEX(Jesper!AI$2:AI$366,ROUNDDOWN($C4082/24,0)+1,1))-1)+IF('Standard Profiles'!$G$19=$B$10,7,0)+IF('Standard Profiles'!$G$19=$B$17,14,0)+IF('Standard Profiles'!$G$19=$B$24,21,0),MOD($C4082,24)+1)/SUM(INDEX($D$3:$AA$30,INDEX(Jesper!$R$2:$R$366,ROW(INDEX(Jesper!AI$2:AI$366,ROUNDDOWN($C4082/24,0)+1,1))-1)+IF('Standard Profiles'!$G$19=$B$10,7,0)+IF('Standard Profiles'!$G$19=$B$17,14,0)+IF('Standard Profiles'!$G$19=$B$24,21,0),0)),0)</f>
        <v>0</v>
      </c>
      <c r="F4082" cm="1">
        <f t="array" ref="F4082">IFERROR(INDEX(Jesper!AJ$2:AJ$366,ROUNDDOWN($C4082/24,0)+1,1)*INDEX($D$3:$AA$30,INDEX(Jesper!$R$2:$R$366,ROW(INDEX(Jesper!AJ$2:AJ$366,ROUNDDOWN($C4082/24,0)+1,1))-1)+IF('Standard Profiles'!$G$20=$B$10,7,0)+IF('Standard Profiles'!$G$20=$B$17,14,0)+IF('Standard Profiles'!$G$20=$B$24,21,0),MOD($C4082,24)+1)/SUM(INDEX($D$3:$AA$30,INDEX(Jesper!$R$2:$R$366,ROW(INDEX(Jesper!AJ$2:AJ$366,ROUNDDOWN($C4082/24,0)+1,1))-1)+IF('Standard Profiles'!$G$20=$B$10,7,0)+IF('Standard Profiles'!$G$20=$B$17,14,0)+IF('Standard Profiles'!$G$20=$B$24,21,0),0)),0)</f>
        <v>0</v>
      </c>
      <c r="G4082" cm="1">
        <f t="array" ref="G4082">IFERROR(INDEX(Jesper!AK$2:AK$366,ROUNDDOWN($C4082/24,0)+1,1)*INDEX($D$3:$AA$30,INDEX(Jesper!$R$2:$R$366,ROW(INDEX(Jesper!AK$2:AK$366,ROUNDDOWN($C4082/24,0)+1,1))-1)+IF('Standard Profiles'!$G$21=$B$10,7,0)+IF('Standard Profiles'!$G$21=$B$17,14,0)+IF('Standard Profiles'!$G$21=$B$24,21,0),MOD($C4082,24)+1)/SUM(INDEX($D$3:$AA$30,INDEX(Jesper!$R$2:$R$366,ROW(INDEX(Jesper!AK$2:AK$366,ROUNDDOWN($C4082/24,0)+1,1))-1)+IF('Standard Profiles'!$G$21=$B$10,7,0)+IF('Standard Profiles'!$G$21=$B$17,14,0)+IF('Standard Profiles'!$G$21=$B$24,21,0),0)),0)</f>
        <v>0</v>
      </c>
      <c r="H4082" cm="1">
        <f t="array" ref="H4082">IFERROR(INDEX(Jesper!AL$2:AL$366,ROUNDDOWN($C4082/24,0)+1,1)*INDEX($D$3:$AA$30,INDEX(Jesper!$R$2:$R$366,ROW(INDEX(Jesper!AL$2:AL$366,ROUNDDOWN($C4082/24,0)+1,1))-1)+IF('Standard Profiles'!$G$22=$B$10,7,0)+IF('Standard Profiles'!$G$22=$B$17,14,0)+IF('Standard Profiles'!$G$22=$B$24,21,0),MOD($C4082,24)+1)/SUM(INDEX($D$3:$AA$30,INDEX(Jesper!$R$2:$R$366,ROW(INDEX(Jesper!AL$2:AL$366,ROUNDDOWN($C4082/24,0)+1,1))-1)+IF('Standard Profiles'!$G$22=$B$10,7,0)+IF('Standard Profiles'!$G$22=$B$17,14,0)+IF('Standard Profiles'!$G$22=$B$24,21,0),0)),0)</f>
        <v>0</v>
      </c>
      <c r="I4082">
        <f t="shared" si="461"/>
        <v>0.45129257647232462</v>
      </c>
      <c r="J4082">
        <f t="shared" si="462"/>
        <v>1.5043085882410823</v>
      </c>
      <c r="K4082">
        <f t="shared" si="463"/>
        <v>2.2564628823616233</v>
      </c>
      <c r="L4082">
        <f t="shared" si="464"/>
        <v>10.831021835335791</v>
      </c>
      <c r="M4082">
        <f t="shared" si="465"/>
        <v>0</v>
      </c>
      <c r="N4082" s="46">
        <f t="shared" si="466"/>
        <v>45460.666666656849</v>
      </c>
    </row>
    <row r="4083" spans="2:14" x14ac:dyDescent="0.3">
      <c r="B4083">
        <f t="shared" si="460"/>
        <v>1</v>
      </c>
      <c r="C4083" s="16">
        <v>4049</v>
      </c>
      <c r="D4083" cm="1">
        <f t="array" ref="D4083">IFERROR(INDEX(Jesper!AH$2:AH$366,ROUNDDOWN($C4083/24,0)+1,1)*INDEX($D$3:$AA$30,INDEX(Jesper!$R$2:$R$366,ROW(INDEX(Jesper!AH$2:AH$366,ROUNDDOWN($C4083/24,0)+1,1))-1)+IF('Standard Profiles'!$G$18=$B$10,7,0)+IF('Standard Profiles'!$G$18=$B$17,14,0)+IF('Standard Profiles'!$G$18=$B$24,21,0),MOD($C4083,24)+1)/SUM(INDEX($D$3:$AA$30,INDEX(Jesper!$R$2:$R$366,ROW(INDEX(Jesper!AH$2:AH$366,ROUNDDOWN($C4083/24,0)+1,1))-1)+IF('Standard Profiles'!$G$18=$B$10,7,0)+IF('Standard Profiles'!$G$18=$B$17,14,0)+IF('Standard Profiles'!$G$18=$B$24,21,0),0)),0)</f>
        <v>15.043085882410821</v>
      </c>
      <c r="E4083" cm="1">
        <f t="array" ref="E4083">IFERROR(INDEX(Jesper!AI$2:AI$366,ROUNDDOWN($C4083/24,0)+1,1)*INDEX($D$3:$AA$30,INDEX(Jesper!$R$2:$R$366,ROW(INDEX(Jesper!AI$2:AI$366,ROUNDDOWN($C4083/24,0)+1,1))-1)+IF('Standard Profiles'!$G$19=$B$10,7,0)+IF('Standard Profiles'!$G$19=$B$17,14,0)+IF('Standard Profiles'!$G$19=$B$24,21,0),MOD($C4083,24)+1)/SUM(INDEX($D$3:$AA$30,INDEX(Jesper!$R$2:$R$366,ROW(INDEX(Jesper!AI$2:AI$366,ROUNDDOWN($C4083/24,0)+1,1))-1)+IF('Standard Profiles'!$G$19=$B$10,7,0)+IF('Standard Profiles'!$G$19=$B$17,14,0)+IF('Standard Profiles'!$G$19=$B$24,21,0),0)),0)</f>
        <v>0</v>
      </c>
      <c r="F4083" cm="1">
        <f t="array" ref="F4083">IFERROR(INDEX(Jesper!AJ$2:AJ$366,ROUNDDOWN($C4083/24,0)+1,1)*INDEX($D$3:$AA$30,INDEX(Jesper!$R$2:$R$366,ROW(INDEX(Jesper!AJ$2:AJ$366,ROUNDDOWN($C4083/24,0)+1,1))-1)+IF('Standard Profiles'!$G$20=$B$10,7,0)+IF('Standard Profiles'!$G$20=$B$17,14,0)+IF('Standard Profiles'!$G$20=$B$24,21,0),MOD($C4083,24)+1)/SUM(INDEX($D$3:$AA$30,INDEX(Jesper!$R$2:$R$366,ROW(INDEX(Jesper!AJ$2:AJ$366,ROUNDDOWN($C4083/24,0)+1,1))-1)+IF('Standard Profiles'!$G$20=$B$10,7,0)+IF('Standard Profiles'!$G$20=$B$17,14,0)+IF('Standard Profiles'!$G$20=$B$24,21,0),0)),0)</f>
        <v>0</v>
      </c>
      <c r="G4083" cm="1">
        <f t="array" ref="G4083">IFERROR(INDEX(Jesper!AK$2:AK$366,ROUNDDOWN($C4083/24,0)+1,1)*INDEX($D$3:$AA$30,INDEX(Jesper!$R$2:$R$366,ROW(INDEX(Jesper!AK$2:AK$366,ROUNDDOWN($C4083/24,0)+1,1))-1)+IF('Standard Profiles'!$G$21=$B$10,7,0)+IF('Standard Profiles'!$G$21=$B$17,14,0)+IF('Standard Profiles'!$G$21=$B$24,21,0),MOD($C4083,24)+1)/SUM(INDEX($D$3:$AA$30,INDEX(Jesper!$R$2:$R$366,ROW(INDEX(Jesper!AK$2:AK$366,ROUNDDOWN($C4083/24,0)+1,1))-1)+IF('Standard Profiles'!$G$21=$B$10,7,0)+IF('Standard Profiles'!$G$21=$B$17,14,0)+IF('Standard Profiles'!$G$21=$B$24,21,0),0)),0)</f>
        <v>0</v>
      </c>
      <c r="H4083" cm="1">
        <f t="array" ref="H4083">IFERROR(INDEX(Jesper!AL$2:AL$366,ROUNDDOWN($C4083/24,0)+1,1)*INDEX($D$3:$AA$30,INDEX(Jesper!$R$2:$R$366,ROW(INDEX(Jesper!AL$2:AL$366,ROUNDDOWN($C4083/24,0)+1,1))-1)+IF('Standard Profiles'!$G$22=$B$10,7,0)+IF('Standard Profiles'!$G$22=$B$17,14,0)+IF('Standard Profiles'!$G$22=$B$24,21,0),MOD($C4083,24)+1)/SUM(INDEX($D$3:$AA$30,INDEX(Jesper!$R$2:$R$366,ROW(INDEX(Jesper!AL$2:AL$366,ROUNDDOWN($C4083/24,0)+1,1))-1)+IF('Standard Profiles'!$G$22=$B$10,7,0)+IF('Standard Profiles'!$G$22=$B$17,14,0)+IF('Standard Profiles'!$G$22=$B$24,21,0),0)),0)</f>
        <v>0</v>
      </c>
      <c r="I4083">
        <f t="shared" si="461"/>
        <v>0.45129257647232462</v>
      </c>
      <c r="J4083">
        <f t="shared" si="462"/>
        <v>1.5043085882410823</v>
      </c>
      <c r="K4083">
        <f t="shared" si="463"/>
        <v>2.2564628823616233</v>
      </c>
      <c r="L4083">
        <f t="shared" si="464"/>
        <v>10.831021835335791</v>
      </c>
      <c r="M4083">
        <f t="shared" si="465"/>
        <v>0</v>
      </c>
      <c r="N4083" s="46">
        <f t="shared" si="466"/>
        <v>45460.708333323513</v>
      </c>
    </row>
    <row r="4084" spans="2:14" x14ac:dyDescent="0.3">
      <c r="B4084">
        <f t="shared" si="460"/>
        <v>1</v>
      </c>
      <c r="C4084" s="16">
        <v>4050</v>
      </c>
      <c r="D4084" cm="1">
        <f t="array" ref="D4084">IFERROR(INDEX(Jesper!AH$2:AH$366,ROUNDDOWN($C4084/24,0)+1,1)*INDEX($D$3:$AA$30,INDEX(Jesper!$R$2:$R$366,ROW(INDEX(Jesper!AH$2:AH$366,ROUNDDOWN($C4084/24,0)+1,1))-1)+IF('Standard Profiles'!$G$18=$B$10,7,0)+IF('Standard Profiles'!$G$18=$B$17,14,0)+IF('Standard Profiles'!$G$18=$B$24,21,0),MOD($C4084,24)+1)/SUM(INDEX($D$3:$AA$30,INDEX(Jesper!$R$2:$R$366,ROW(INDEX(Jesper!AH$2:AH$366,ROUNDDOWN($C4084/24,0)+1,1))-1)+IF('Standard Profiles'!$G$18=$B$10,7,0)+IF('Standard Profiles'!$G$18=$B$17,14,0)+IF('Standard Profiles'!$G$18=$B$24,21,0),0)),0)</f>
        <v>15.043085882410821</v>
      </c>
      <c r="E4084" cm="1">
        <f t="array" ref="E4084">IFERROR(INDEX(Jesper!AI$2:AI$366,ROUNDDOWN($C4084/24,0)+1,1)*INDEX($D$3:$AA$30,INDEX(Jesper!$R$2:$R$366,ROW(INDEX(Jesper!AI$2:AI$366,ROUNDDOWN($C4084/24,0)+1,1))-1)+IF('Standard Profiles'!$G$19=$B$10,7,0)+IF('Standard Profiles'!$G$19=$B$17,14,0)+IF('Standard Profiles'!$G$19=$B$24,21,0),MOD($C4084,24)+1)/SUM(INDEX($D$3:$AA$30,INDEX(Jesper!$R$2:$R$366,ROW(INDEX(Jesper!AI$2:AI$366,ROUNDDOWN($C4084/24,0)+1,1))-1)+IF('Standard Profiles'!$G$19=$B$10,7,0)+IF('Standard Profiles'!$G$19=$B$17,14,0)+IF('Standard Profiles'!$G$19=$B$24,21,0),0)),0)</f>
        <v>0</v>
      </c>
      <c r="F4084" cm="1">
        <f t="array" ref="F4084">IFERROR(INDEX(Jesper!AJ$2:AJ$366,ROUNDDOWN($C4084/24,0)+1,1)*INDEX($D$3:$AA$30,INDEX(Jesper!$R$2:$R$366,ROW(INDEX(Jesper!AJ$2:AJ$366,ROUNDDOWN($C4084/24,0)+1,1))-1)+IF('Standard Profiles'!$G$20=$B$10,7,0)+IF('Standard Profiles'!$G$20=$B$17,14,0)+IF('Standard Profiles'!$G$20=$B$24,21,0),MOD($C4084,24)+1)/SUM(INDEX($D$3:$AA$30,INDEX(Jesper!$R$2:$R$366,ROW(INDEX(Jesper!AJ$2:AJ$366,ROUNDDOWN($C4084/24,0)+1,1))-1)+IF('Standard Profiles'!$G$20=$B$10,7,0)+IF('Standard Profiles'!$G$20=$B$17,14,0)+IF('Standard Profiles'!$G$20=$B$24,21,0),0)),0)</f>
        <v>0</v>
      </c>
      <c r="G4084" cm="1">
        <f t="array" ref="G4084">IFERROR(INDEX(Jesper!AK$2:AK$366,ROUNDDOWN($C4084/24,0)+1,1)*INDEX($D$3:$AA$30,INDEX(Jesper!$R$2:$R$366,ROW(INDEX(Jesper!AK$2:AK$366,ROUNDDOWN($C4084/24,0)+1,1))-1)+IF('Standard Profiles'!$G$21=$B$10,7,0)+IF('Standard Profiles'!$G$21=$B$17,14,0)+IF('Standard Profiles'!$G$21=$B$24,21,0),MOD($C4084,24)+1)/SUM(INDEX($D$3:$AA$30,INDEX(Jesper!$R$2:$R$366,ROW(INDEX(Jesper!AK$2:AK$366,ROUNDDOWN($C4084/24,0)+1,1))-1)+IF('Standard Profiles'!$G$21=$B$10,7,0)+IF('Standard Profiles'!$G$21=$B$17,14,0)+IF('Standard Profiles'!$G$21=$B$24,21,0),0)),0)</f>
        <v>0</v>
      </c>
      <c r="H4084" cm="1">
        <f t="array" ref="H4084">IFERROR(INDEX(Jesper!AL$2:AL$366,ROUNDDOWN($C4084/24,0)+1,1)*INDEX($D$3:$AA$30,INDEX(Jesper!$R$2:$R$366,ROW(INDEX(Jesper!AL$2:AL$366,ROUNDDOWN($C4084/24,0)+1,1))-1)+IF('Standard Profiles'!$G$22=$B$10,7,0)+IF('Standard Profiles'!$G$22=$B$17,14,0)+IF('Standard Profiles'!$G$22=$B$24,21,0),MOD($C4084,24)+1)/SUM(INDEX($D$3:$AA$30,INDEX(Jesper!$R$2:$R$366,ROW(INDEX(Jesper!AL$2:AL$366,ROUNDDOWN($C4084/24,0)+1,1))-1)+IF('Standard Profiles'!$G$22=$B$10,7,0)+IF('Standard Profiles'!$G$22=$B$17,14,0)+IF('Standard Profiles'!$G$22=$B$24,21,0),0)),0)</f>
        <v>0</v>
      </c>
      <c r="I4084">
        <f t="shared" si="461"/>
        <v>0.45129257647232462</v>
      </c>
      <c r="J4084">
        <f t="shared" si="462"/>
        <v>1.5043085882410823</v>
      </c>
      <c r="K4084">
        <f t="shared" si="463"/>
        <v>2.2564628823616233</v>
      </c>
      <c r="L4084">
        <f t="shared" si="464"/>
        <v>10.831021835335791</v>
      </c>
      <c r="M4084">
        <f t="shared" si="465"/>
        <v>0</v>
      </c>
      <c r="N4084" s="46">
        <f t="shared" si="466"/>
        <v>45460.749999990177</v>
      </c>
    </row>
    <row r="4085" spans="2:14" x14ac:dyDescent="0.3">
      <c r="B4085">
        <f t="shared" si="460"/>
        <v>1</v>
      </c>
      <c r="C4085" s="16">
        <v>4051</v>
      </c>
      <c r="D4085" cm="1">
        <f t="array" ref="D4085">IFERROR(INDEX(Jesper!AH$2:AH$366,ROUNDDOWN($C4085/24,0)+1,1)*INDEX($D$3:$AA$30,INDEX(Jesper!$R$2:$R$366,ROW(INDEX(Jesper!AH$2:AH$366,ROUNDDOWN($C4085/24,0)+1,1))-1)+IF('Standard Profiles'!$G$18=$B$10,7,0)+IF('Standard Profiles'!$G$18=$B$17,14,0)+IF('Standard Profiles'!$G$18=$B$24,21,0),MOD($C4085,24)+1)/SUM(INDEX($D$3:$AA$30,INDEX(Jesper!$R$2:$R$366,ROW(INDEX(Jesper!AH$2:AH$366,ROUNDDOWN($C4085/24,0)+1,1))-1)+IF('Standard Profiles'!$G$18=$B$10,7,0)+IF('Standard Profiles'!$G$18=$B$17,14,0)+IF('Standard Profiles'!$G$18=$B$24,21,0),0)),0)</f>
        <v>12.598584426519064</v>
      </c>
      <c r="E4085" cm="1">
        <f t="array" ref="E4085">IFERROR(INDEX(Jesper!AI$2:AI$366,ROUNDDOWN($C4085/24,0)+1,1)*INDEX($D$3:$AA$30,INDEX(Jesper!$R$2:$R$366,ROW(INDEX(Jesper!AI$2:AI$366,ROUNDDOWN($C4085/24,0)+1,1))-1)+IF('Standard Profiles'!$G$19=$B$10,7,0)+IF('Standard Profiles'!$G$19=$B$17,14,0)+IF('Standard Profiles'!$G$19=$B$24,21,0),MOD($C4085,24)+1)/SUM(INDEX($D$3:$AA$30,INDEX(Jesper!$R$2:$R$366,ROW(INDEX(Jesper!AI$2:AI$366,ROUNDDOWN($C4085/24,0)+1,1))-1)+IF('Standard Profiles'!$G$19=$B$10,7,0)+IF('Standard Profiles'!$G$19=$B$17,14,0)+IF('Standard Profiles'!$G$19=$B$24,21,0),0)),0)</f>
        <v>0</v>
      </c>
      <c r="F4085" cm="1">
        <f t="array" ref="F4085">IFERROR(INDEX(Jesper!AJ$2:AJ$366,ROUNDDOWN($C4085/24,0)+1,1)*INDEX($D$3:$AA$30,INDEX(Jesper!$R$2:$R$366,ROW(INDEX(Jesper!AJ$2:AJ$366,ROUNDDOWN($C4085/24,0)+1,1))-1)+IF('Standard Profiles'!$G$20=$B$10,7,0)+IF('Standard Profiles'!$G$20=$B$17,14,0)+IF('Standard Profiles'!$G$20=$B$24,21,0),MOD($C4085,24)+1)/SUM(INDEX($D$3:$AA$30,INDEX(Jesper!$R$2:$R$366,ROW(INDEX(Jesper!AJ$2:AJ$366,ROUNDDOWN($C4085/24,0)+1,1))-1)+IF('Standard Profiles'!$G$20=$B$10,7,0)+IF('Standard Profiles'!$G$20=$B$17,14,0)+IF('Standard Profiles'!$G$20=$B$24,21,0),0)),0)</f>
        <v>0</v>
      </c>
      <c r="G4085" cm="1">
        <f t="array" ref="G4085">IFERROR(INDEX(Jesper!AK$2:AK$366,ROUNDDOWN($C4085/24,0)+1,1)*INDEX($D$3:$AA$30,INDEX(Jesper!$R$2:$R$366,ROW(INDEX(Jesper!AK$2:AK$366,ROUNDDOWN($C4085/24,0)+1,1))-1)+IF('Standard Profiles'!$G$21=$B$10,7,0)+IF('Standard Profiles'!$G$21=$B$17,14,0)+IF('Standard Profiles'!$G$21=$B$24,21,0),MOD($C4085,24)+1)/SUM(INDEX($D$3:$AA$30,INDEX(Jesper!$R$2:$R$366,ROW(INDEX(Jesper!AK$2:AK$366,ROUNDDOWN($C4085/24,0)+1,1))-1)+IF('Standard Profiles'!$G$21=$B$10,7,0)+IF('Standard Profiles'!$G$21=$B$17,14,0)+IF('Standard Profiles'!$G$21=$B$24,21,0),0)),0)</f>
        <v>0</v>
      </c>
      <c r="H4085" cm="1">
        <f t="array" ref="H4085">IFERROR(INDEX(Jesper!AL$2:AL$366,ROUNDDOWN($C4085/24,0)+1,1)*INDEX($D$3:$AA$30,INDEX(Jesper!$R$2:$R$366,ROW(INDEX(Jesper!AL$2:AL$366,ROUNDDOWN($C4085/24,0)+1,1))-1)+IF('Standard Profiles'!$G$22=$B$10,7,0)+IF('Standard Profiles'!$G$22=$B$17,14,0)+IF('Standard Profiles'!$G$22=$B$24,21,0),MOD($C4085,24)+1)/SUM(INDEX($D$3:$AA$30,INDEX(Jesper!$R$2:$R$366,ROW(INDEX(Jesper!AL$2:AL$366,ROUNDDOWN($C4085/24,0)+1,1))-1)+IF('Standard Profiles'!$G$22=$B$10,7,0)+IF('Standard Profiles'!$G$22=$B$17,14,0)+IF('Standard Profiles'!$G$22=$B$24,21,0),0)),0)</f>
        <v>0</v>
      </c>
      <c r="I4085">
        <f t="shared" si="461"/>
        <v>0.37795753279557193</v>
      </c>
      <c r="J4085">
        <f t="shared" si="462"/>
        <v>1.2598584426519066</v>
      </c>
      <c r="K4085">
        <f t="shared" si="463"/>
        <v>1.8897876639778595</v>
      </c>
      <c r="L4085">
        <f t="shared" si="464"/>
        <v>9.0709807870937258</v>
      </c>
      <c r="M4085">
        <f t="shared" si="465"/>
        <v>0</v>
      </c>
      <c r="N4085" s="46">
        <f t="shared" si="466"/>
        <v>45460.791666656842</v>
      </c>
    </row>
    <row r="4086" spans="2:14" x14ac:dyDescent="0.3">
      <c r="B4086">
        <f t="shared" si="460"/>
        <v>1</v>
      </c>
      <c r="C4086" s="16">
        <v>4052</v>
      </c>
      <c r="D4086" cm="1">
        <f t="array" ref="D4086">IFERROR(INDEX(Jesper!AH$2:AH$366,ROUNDDOWN($C4086/24,0)+1,1)*INDEX($D$3:$AA$30,INDEX(Jesper!$R$2:$R$366,ROW(INDEX(Jesper!AH$2:AH$366,ROUNDDOWN($C4086/24,0)+1,1))-1)+IF('Standard Profiles'!$G$18=$B$10,7,0)+IF('Standard Profiles'!$G$18=$B$17,14,0)+IF('Standard Profiles'!$G$18=$B$24,21,0),MOD($C4086,24)+1)/SUM(INDEX($D$3:$AA$30,INDEX(Jesper!$R$2:$R$366,ROW(INDEX(Jesper!AH$2:AH$366,ROUNDDOWN($C4086/24,0)+1,1))-1)+IF('Standard Profiles'!$G$18=$B$10,7,0)+IF('Standard Profiles'!$G$18=$B$17,14,0)+IF('Standard Profiles'!$G$18=$B$24,21,0),0)),0)</f>
        <v>10.34212154415744</v>
      </c>
      <c r="E4086" cm="1">
        <f t="array" ref="E4086">IFERROR(INDEX(Jesper!AI$2:AI$366,ROUNDDOWN($C4086/24,0)+1,1)*INDEX($D$3:$AA$30,INDEX(Jesper!$R$2:$R$366,ROW(INDEX(Jesper!AI$2:AI$366,ROUNDDOWN($C4086/24,0)+1,1))-1)+IF('Standard Profiles'!$G$19=$B$10,7,0)+IF('Standard Profiles'!$G$19=$B$17,14,0)+IF('Standard Profiles'!$G$19=$B$24,21,0),MOD($C4086,24)+1)/SUM(INDEX($D$3:$AA$30,INDEX(Jesper!$R$2:$R$366,ROW(INDEX(Jesper!AI$2:AI$366,ROUNDDOWN($C4086/24,0)+1,1))-1)+IF('Standard Profiles'!$G$19=$B$10,7,0)+IF('Standard Profiles'!$G$19=$B$17,14,0)+IF('Standard Profiles'!$G$19=$B$24,21,0),0)),0)</f>
        <v>0</v>
      </c>
      <c r="F4086" cm="1">
        <f t="array" ref="F4086">IFERROR(INDEX(Jesper!AJ$2:AJ$366,ROUNDDOWN($C4086/24,0)+1,1)*INDEX($D$3:$AA$30,INDEX(Jesper!$R$2:$R$366,ROW(INDEX(Jesper!AJ$2:AJ$366,ROUNDDOWN($C4086/24,0)+1,1))-1)+IF('Standard Profiles'!$G$20=$B$10,7,0)+IF('Standard Profiles'!$G$20=$B$17,14,0)+IF('Standard Profiles'!$G$20=$B$24,21,0),MOD($C4086,24)+1)/SUM(INDEX($D$3:$AA$30,INDEX(Jesper!$R$2:$R$366,ROW(INDEX(Jesper!AJ$2:AJ$366,ROUNDDOWN($C4086/24,0)+1,1))-1)+IF('Standard Profiles'!$G$20=$B$10,7,0)+IF('Standard Profiles'!$G$20=$B$17,14,0)+IF('Standard Profiles'!$G$20=$B$24,21,0),0)),0)</f>
        <v>0</v>
      </c>
      <c r="G4086" cm="1">
        <f t="array" ref="G4086">IFERROR(INDEX(Jesper!AK$2:AK$366,ROUNDDOWN($C4086/24,0)+1,1)*INDEX($D$3:$AA$30,INDEX(Jesper!$R$2:$R$366,ROW(INDEX(Jesper!AK$2:AK$366,ROUNDDOWN($C4086/24,0)+1,1))-1)+IF('Standard Profiles'!$G$21=$B$10,7,0)+IF('Standard Profiles'!$G$21=$B$17,14,0)+IF('Standard Profiles'!$G$21=$B$24,21,0),MOD($C4086,24)+1)/SUM(INDEX($D$3:$AA$30,INDEX(Jesper!$R$2:$R$366,ROW(INDEX(Jesper!AK$2:AK$366,ROUNDDOWN($C4086/24,0)+1,1))-1)+IF('Standard Profiles'!$G$21=$B$10,7,0)+IF('Standard Profiles'!$G$21=$B$17,14,0)+IF('Standard Profiles'!$G$21=$B$24,21,0),0)),0)</f>
        <v>0</v>
      </c>
      <c r="H4086" cm="1">
        <f t="array" ref="H4086">IFERROR(INDEX(Jesper!AL$2:AL$366,ROUNDDOWN($C4086/24,0)+1,1)*INDEX($D$3:$AA$30,INDEX(Jesper!$R$2:$R$366,ROW(INDEX(Jesper!AL$2:AL$366,ROUNDDOWN($C4086/24,0)+1,1))-1)+IF('Standard Profiles'!$G$22=$B$10,7,0)+IF('Standard Profiles'!$G$22=$B$17,14,0)+IF('Standard Profiles'!$G$22=$B$24,21,0),MOD($C4086,24)+1)/SUM(INDEX($D$3:$AA$30,INDEX(Jesper!$R$2:$R$366,ROW(INDEX(Jesper!AL$2:AL$366,ROUNDDOWN($C4086/24,0)+1,1))-1)+IF('Standard Profiles'!$G$22=$B$10,7,0)+IF('Standard Profiles'!$G$22=$B$17,14,0)+IF('Standard Profiles'!$G$22=$B$24,21,0),0)),0)</f>
        <v>0</v>
      </c>
      <c r="I4086">
        <f t="shared" si="461"/>
        <v>0.3102636463247232</v>
      </c>
      <c r="J4086">
        <f t="shared" si="462"/>
        <v>1.0342121544157441</v>
      </c>
      <c r="K4086">
        <f t="shared" si="463"/>
        <v>1.5513182316236158</v>
      </c>
      <c r="L4086">
        <f t="shared" si="464"/>
        <v>7.4463275117933563</v>
      </c>
      <c r="M4086">
        <f t="shared" si="465"/>
        <v>0</v>
      </c>
      <c r="N4086" s="46">
        <f t="shared" si="466"/>
        <v>45460.833333323506</v>
      </c>
    </row>
    <row r="4087" spans="2:14" x14ac:dyDescent="0.3">
      <c r="B4087">
        <f t="shared" si="460"/>
        <v>1</v>
      </c>
      <c r="C4087" s="16">
        <v>4053</v>
      </c>
      <c r="D4087" cm="1">
        <f t="array" ref="D4087">IFERROR(INDEX(Jesper!AH$2:AH$366,ROUNDDOWN($C4087/24,0)+1,1)*INDEX($D$3:$AA$30,INDEX(Jesper!$R$2:$R$366,ROW(INDEX(Jesper!AH$2:AH$366,ROUNDDOWN($C4087/24,0)+1,1))-1)+IF('Standard Profiles'!$G$18=$B$10,7,0)+IF('Standard Profiles'!$G$18=$B$17,14,0)+IF('Standard Profiles'!$G$18=$B$24,21,0),MOD($C4087,24)+1)/SUM(INDEX($D$3:$AA$30,INDEX(Jesper!$R$2:$R$366,ROW(INDEX(Jesper!AH$2:AH$366,ROUNDDOWN($C4087/24,0)+1,1))-1)+IF('Standard Profiles'!$G$18=$B$10,7,0)+IF('Standard Profiles'!$G$18=$B$17,14,0)+IF('Standard Profiles'!$G$18=$B$24,21,0),0)),0)</f>
        <v>7.5215429412054107</v>
      </c>
      <c r="E4087" cm="1">
        <f t="array" ref="E4087">IFERROR(INDEX(Jesper!AI$2:AI$366,ROUNDDOWN($C4087/24,0)+1,1)*INDEX($D$3:$AA$30,INDEX(Jesper!$R$2:$R$366,ROW(INDEX(Jesper!AI$2:AI$366,ROUNDDOWN($C4087/24,0)+1,1))-1)+IF('Standard Profiles'!$G$19=$B$10,7,0)+IF('Standard Profiles'!$G$19=$B$17,14,0)+IF('Standard Profiles'!$G$19=$B$24,21,0),MOD($C4087,24)+1)/SUM(INDEX($D$3:$AA$30,INDEX(Jesper!$R$2:$R$366,ROW(INDEX(Jesper!AI$2:AI$366,ROUNDDOWN($C4087/24,0)+1,1))-1)+IF('Standard Profiles'!$G$19=$B$10,7,0)+IF('Standard Profiles'!$G$19=$B$17,14,0)+IF('Standard Profiles'!$G$19=$B$24,21,0),0)),0)</f>
        <v>0</v>
      </c>
      <c r="F4087" cm="1">
        <f t="array" ref="F4087">IFERROR(INDEX(Jesper!AJ$2:AJ$366,ROUNDDOWN($C4087/24,0)+1,1)*INDEX($D$3:$AA$30,INDEX(Jesper!$R$2:$R$366,ROW(INDEX(Jesper!AJ$2:AJ$366,ROUNDDOWN($C4087/24,0)+1,1))-1)+IF('Standard Profiles'!$G$20=$B$10,7,0)+IF('Standard Profiles'!$G$20=$B$17,14,0)+IF('Standard Profiles'!$G$20=$B$24,21,0),MOD($C4087,24)+1)/SUM(INDEX($D$3:$AA$30,INDEX(Jesper!$R$2:$R$366,ROW(INDEX(Jesper!AJ$2:AJ$366,ROUNDDOWN($C4087/24,0)+1,1))-1)+IF('Standard Profiles'!$G$20=$B$10,7,0)+IF('Standard Profiles'!$G$20=$B$17,14,0)+IF('Standard Profiles'!$G$20=$B$24,21,0),0)),0)</f>
        <v>0</v>
      </c>
      <c r="G4087" cm="1">
        <f t="array" ref="G4087">IFERROR(INDEX(Jesper!AK$2:AK$366,ROUNDDOWN($C4087/24,0)+1,1)*INDEX($D$3:$AA$30,INDEX(Jesper!$R$2:$R$366,ROW(INDEX(Jesper!AK$2:AK$366,ROUNDDOWN($C4087/24,0)+1,1))-1)+IF('Standard Profiles'!$G$21=$B$10,7,0)+IF('Standard Profiles'!$G$21=$B$17,14,0)+IF('Standard Profiles'!$G$21=$B$24,21,0),MOD($C4087,24)+1)/SUM(INDEX($D$3:$AA$30,INDEX(Jesper!$R$2:$R$366,ROW(INDEX(Jesper!AK$2:AK$366,ROUNDDOWN($C4087/24,0)+1,1))-1)+IF('Standard Profiles'!$G$21=$B$10,7,0)+IF('Standard Profiles'!$G$21=$B$17,14,0)+IF('Standard Profiles'!$G$21=$B$24,21,0),0)),0)</f>
        <v>0</v>
      </c>
      <c r="H4087" cm="1">
        <f t="array" ref="H4087">IFERROR(INDEX(Jesper!AL$2:AL$366,ROUNDDOWN($C4087/24,0)+1,1)*INDEX($D$3:$AA$30,INDEX(Jesper!$R$2:$R$366,ROW(INDEX(Jesper!AL$2:AL$366,ROUNDDOWN($C4087/24,0)+1,1))-1)+IF('Standard Profiles'!$G$22=$B$10,7,0)+IF('Standard Profiles'!$G$22=$B$17,14,0)+IF('Standard Profiles'!$G$22=$B$24,21,0),MOD($C4087,24)+1)/SUM(INDEX($D$3:$AA$30,INDEX(Jesper!$R$2:$R$366,ROW(INDEX(Jesper!AL$2:AL$366,ROUNDDOWN($C4087/24,0)+1,1))-1)+IF('Standard Profiles'!$G$22=$B$10,7,0)+IF('Standard Profiles'!$G$22=$B$17,14,0)+IF('Standard Profiles'!$G$22=$B$24,21,0),0)),0)</f>
        <v>0</v>
      </c>
      <c r="I4087">
        <f t="shared" si="461"/>
        <v>0.22564628823616231</v>
      </c>
      <c r="J4087">
        <f t="shared" si="462"/>
        <v>0.75215429412054113</v>
      </c>
      <c r="K4087">
        <f t="shared" si="463"/>
        <v>1.1282314411808116</v>
      </c>
      <c r="L4087">
        <f t="shared" si="464"/>
        <v>5.4155109176678957</v>
      </c>
      <c r="M4087">
        <f t="shared" si="465"/>
        <v>0</v>
      </c>
      <c r="N4087" s="46">
        <f t="shared" si="466"/>
        <v>45460.87499999017</v>
      </c>
    </row>
    <row r="4088" spans="2:14" x14ac:dyDescent="0.3">
      <c r="B4088">
        <f t="shared" si="460"/>
        <v>1</v>
      </c>
      <c r="C4088" s="16">
        <v>4054</v>
      </c>
      <c r="D4088" cm="1">
        <f t="array" ref="D4088">IFERROR(INDEX(Jesper!AH$2:AH$366,ROUNDDOWN($C4088/24,0)+1,1)*INDEX($D$3:$AA$30,INDEX(Jesper!$R$2:$R$366,ROW(INDEX(Jesper!AH$2:AH$366,ROUNDDOWN($C4088/24,0)+1,1))-1)+IF('Standard Profiles'!$G$18=$B$10,7,0)+IF('Standard Profiles'!$G$18=$B$17,14,0)+IF('Standard Profiles'!$G$18=$B$24,21,0),MOD($C4088,24)+1)/SUM(INDEX($D$3:$AA$30,INDEX(Jesper!$R$2:$R$366,ROW(INDEX(Jesper!AH$2:AH$366,ROUNDDOWN($C4088/24,0)+1,1))-1)+IF('Standard Profiles'!$G$18=$B$10,7,0)+IF('Standard Profiles'!$G$18=$B$17,14,0)+IF('Standard Profiles'!$G$18=$B$24,21,0),0)),0)</f>
        <v>7.1454657941451405</v>
      </c>
      <c r="E4088" cm="1">
        <f t="array" ref="E4088">IFERROR(INDEX(Jesper!AI$2:AI$366,ROUNDDOWN($C4088/24,0)+1,1)*INDEX($D$3:$AA$30,INDEX(Jesper!$R$2:$R$366,ROW(INDEX(Jesper!AI$2:AI$366,ROUNDDOWN($C4088/24,0)+1,1))-1)+IF('Standard Profiles'!$G$19=$B$10,7,0)+IF('Standard Profiles'!$G$19=$B$17,14,0)+IF('Standard Profiles'!$G$19=$B$24,21,0),MOD($C4088,24)+1)/SUM(INDEX($D$3:$AA$30,INDEX(Jesper!$R$2:$R$366,ROW(INDEX(Jesper!AI$2:AI$366,ROUNDDOWN($C4088/24,0)+1,1))-1)+IF('Standard Profiles'!$G$19=$B$10,7,0)+IF('Standard Profiles'!$G$19=$B$17,14,0)+IF('Standard Profiles'!$G$19=$B$24,21,0),0)),0)</f>
        <v>0</v>
      </c>
      <c r="F4088" cm="1">
        <f t="array" ref="F4088">IFERROR(INDEX(Jesper!AJ$2:AJ$366,ROUNDDOWN($C4088/24,0)+1,1)*INDEX($D$3:$AA$30,INDEX(Jesper!$R$2:$R$366,ROW(INDEX(Jesper!AJ$2:AJ$366,ROUNDDOWN($C4088/24,0)+1,1))-1)+IF('Standard Profiles'!$G$20=$B$10,7,0)+IF('Standard Profiles'!$G$20=$B$17,14,0)+IF('Standard Profiles'!$G$20=$B$24,21,0),MOD($C4088,24)+1)/SUM(INDEX($D$3:$AA$30,INDEX(Jesper!$R$2:$R$366,ROW(INDEX(Jesper!AJ$2:AJ$366,ROUNDDOWN($C4088/24,0)+1,1))-1)+IF('Standard Profiles'!$G$20=$B$10,7,0)+IF('Standard Profiles'!$G$20=$B$17,14,0)+IF('Standard Profiles'!$G$20=$B$24,21,0),0)),0)</f>
        <v>0</v>
      </c>
      <c r="G4088" cm="1">
        <f t="array" ref="G4088">IFERROR(INDEX(Jesper!AK$2:AK$366,ROUNDDOWN($C4088/24,0)+1,1)*INDEX($D$3:$AA$30,INDEX(Jesper!$R$2:$R$366,ROW(INDEX(Jesper!AK$2:AK$366,ROUNDDOWN($C4088/24,0)+1,1))-1)+IF('Standard Profiles'!$G$21=$B$10,7,0)+IF('Standard Profiles'!$G$21=$B$17,14,0)+IF('Standard Profiles'!$G$21=$B$24,21,0),MOD($C4088,24)+1)/SUM(INDEX($D$3:$AA$30,INDEX(Jesper!$R$2:$R$366,ROW(INDEX(Jesper!AK$2:AK$366,ROUNDDOWN($C4088/24,0)+1,1))-1)+IF('Standard Profiles'!$G$21=$B$10,7,0)+IF('Standard Profiles'!$G$21=$B$17,14,0)+IF('Standard Profiles'!$G$21=$B$24,21,0),0)),0)</f>
        <v>0</v>
      </c>
      <c r="H4088" cm="1">
        <f t="array" ref="H4088">IFERROR(INDEX(Jesper!AL$2:AL$366,ROUNDDOWN($C4088/24,0)+1,1)*INDEX($D$3:$AA$30,INDEX(Jesper!$R$2:$R$366,ROW(INDEX(Jesper!AL$2:AL$366,ROUNDDOWN($C4088/24,0)+1,1))-1)+IF('Standard Profiles'!$G$22=$B$10,7,0)+IF('Standard Profiles'!$G$22=$B$17,14,0)+IF('Standard Profiles'!$G$22=$B$24,21,0),MOD($C4088,24)+1)/SUM(INDEX($D$3:$AA$30,INDEX(Jesper!$R$2:$R$366,ROW(INDEX(Jesper!AL$2:AL$366,ROUNDDOWN($C4088/24,0)+1,1))-1)+IF('Standard Profiles'!$G$22=$B$10,7,0)+IF('Standard Profiles'!$G$22=$B$17,14,0)+IF('Standard Profiles'!$G$22=$B$24,21,0),0)),0)</f>
        <v>0</v>
      </c>
      <c r="I4088">
        <f t="shared" si="461"/>
        <v>0.21436397382435421</v>
      </c>
      <c r="J4088">
        <f t="shared" si="462"/>
        <v>0.71454657941451405</v>
      </c>
      <c r="K4088">
        <f t="shared" si="463"/>
        <v>1.0718198691217711</v>
      </c>
      <c r="L4088">
        <f t="shared" si="464"/>
        <v>5.1447353717845008</v>
      </c>
      <c r="M4088">
        <f t="shared" si="465"/>
        <v>0</v>
      </c>
      <c r="N4088" s="46">
        <f t="shared" si="466"/>
        <v>45460.916666656834</v>
      </c>
    </row>
    <row r="4089" spans="2:14" x14ac:dyDescent="0.3">
      <c r="B4089">
        <f t="shared" si="460"/>
        <v>1</v>
      </c>
      <c r="C4089" s="16">
        <v>4055</v>
      </c>
      <c r="D4089" cm="1">
        <f t="array" ref="D4089">IFERROR(INDEX(Jesper!AH$2:AH$366,ROUNDDOWN($C4089/24,0)+1,1)*INDEX($D$3:$AA$30,INDEX(Jesper!$R$2:$R$366,ROW(INDEX(Jesper!AH$2:AH$366,ROUNDDOWN($C4089/24,0)+1,1))-1)+IF('Standard Profiles'!$G$18=$B$10,7,0)+IF('Standard Profiles'!$G$18=$B$17,14,0)+IF('Standard Profiles'!$G$18=$B$24,21,0),MOD($C4089,24)+1)/SUM(INDEX($D$3:$AA$30,INDEX(Jesper!$R$2:$R$366,ROW(INDEX(Jesper!AH$2:AH$366,ROUNDDOWN($C4089/24,0)+1,1))-1)+IF('Standard Profiles'!$G$18=$B$10,7,0)+IF('Standard Profiles'!$G$18=$B$17,14,0)+IF('Standard Profiles'!$G$18=$B$24,21,0),0)),0)</f>
        <v>7.1454657941451405</v>
      </c>
      <c r="E4089" cm="1">
        <f t="array" ref="E4089">IFERROR(INDEX(Jesper!AI$2:AI$366,ROUNDDOWN($C4089/24,0)+1,1)*INDEX($D$3:$AA$30,INDEX(Jesper!$R$2:$R$366,ROW(INDEX(Jesper!AI$2:AI$366,ROUNDDOWN($C4089/24,0)+1,1))-1)+IF('Standard Profiles'!$G$19=$B$10,7,0)+IF('Standard Profiles'!$G$19=$B$17,14,0)+IF('Standard Profiles'!$G$19=$B$24,21,0),MOD($C4089,24)+1)/SUM(INDEX($D$3:$AA$30,INDEX(Jesper!$R$2:$R$366,ROW(INDEX(Jesper!AI$2:AI$366,ROUNDDOWN($C4089/24,0)+1,1))-1)+IF('Standard Profiles'!$G$19=$B$10,7,0)+IF('Standard Profiles'!$G$19=$B$17,14,0)+IF('Standard Profiles'!$G$19=$B$24,21,0),0)),0)</f>
        <v>0</v>
      </c>
      <c r="F4089" cm="1">
        <f t="array" ref="F4089">IFERROR(INDEX(Jesper!AJ$2:AJ$366,ROUNDDOWN($C4089/24,0)+1,1)*INDEX($D$3:$AA$30,INDEX(Jesper!$R$2:$R$366,ROW(INDEX(Jesper!AJ$2:AJ$366,ROUNDDOWN($C4089/24,0)+1,1))-1)+IF('Standard Profiles'!$G$20=$B$10,7,0)+IF('Standard Profiles'!$G$20=$B$17,14,0)+IF('Standard Profiles'!$G$20=$B$24,21,0),MOD($C4089,24)+1)/SUM(INDEX($D$3:$AA$30,INDEX(Jesper!$R$2:$R$366,ROW(INDEX(Jesper!AJ$2:AJ$366,ROUNDDOWN($C4089/24,0)+1,1))-1)+IF('Standard Profiles'!$G$20=$B$10,7,0)+IF('Standard Profiles'!$G$20=$B$17,14,0)+IF('Standard Profiles'!$G$20=$B$24,21,0),0)),0)</f>
        <v>0</v>
      </c>
      <c r="G4089" cm="1">
        <f t="array" ref="G4089">IFERROR(INDEX(Jesper!AK$2:AK$366,ROUNDDOWN($C4089/24,0)+1,1)*INDEX($D$3:$AA$30,INDEX(Jesper!$R$2:$R$366,ROW(INDEX(Jesper!AK$2:AK$366,ROUNDDOWN($C4089/24,0)+1,1))-1)+IF('Standard Profiles'!$G$21=$B$10,7,0)+IF('Standard Profiles'!$G$21=$B$17,14,0)+IF('Standard Profiles'!$G$21=$B$24,21,0),MOD($C4089,24)+1)/SUM(INDEX($D$3:$AA$30,INDEX(Jesper!$R$2:$R$366,ROW(INDEX(Jesper!AK$2:AK$366,ROUNDDOWN($C4089/24,0)+1,1))-1)+IF('Standard Profiles'!$G$21=$B$10,7,0)+IF('Standard Profiles'!$G$21=$B$17,14,0)+IF('Standard Profiles'!$G$21=$B$24,21,0),0)),0)</f>
        <v>0</v>
      </c>
      <c r="H4089" cm="1">
        <f t="array" ref="H4089">IFERROR(INDEX(Jesper!AL$2:AL$366,ROUNDDOWN($C4089/24,0)+1,1)*INDEX($D$3:$AA$30,INDEX(Jesper!$R$2:$R$366,ROW(INDEX(Jesper!AL$2:AL$366,ROUNDDOWN($C4089/24,0)+1,1))-1)+IF('Standard Profiles'!$G$22=$B$10,7,0)+IF('Standard Profiles'!$G$22=$B$17,14,0)+IF('Standard Profiles'!$G$22=$B$24,21,0),MOD($C4089,24)+1)/SUM(INDEX($D$3:$AA$30,INDEX(Jesper!$R$2:$R$366,ROW(INDEX(Jesper!AL$2:AL$366,ROUNDDOWN($C4089/24,0)+1,1))-1)+IF('Standard Profiles'!$G$22=$B$10,7,0)+IF('Standard Profiles'!$G$22=$B$17,14,0)+IF('Standard Profiles'!$G$22=$B$24,21,0),0)),0)</f>
        <v>0</v>
      </c>
      <c r="I4089">
        <f t="shared" si="461"/>
        <v>0.21436397382435421</v>
      </c>
      <c r="J4089">
        <f t="shared" si="462"/>
        <v>0.71454657941451405</v>
      </c>
      <c r="K4089">
        <f t="shared" si="463"/>
        <v>1.0718198691217711</v>
      </c>
      <c r="L4089">
        <f t="shared" si="464"/>
        <v>5.1447353717845008</v>
      </c>
      <c r="M4089">
        <f t="shared" si="465"/>
        <v>0</v>
      </c>
      <c r="N4089" s="46">
        <f t="shared" si="466"/>
        <v>45460.958333323499</v>
      </c>
    </row>
    <row r="4090" spans="2:14" x14ac:dyDescent="0.3">
      <c r="B4090">
        <f t="shared" si="460"/>
        <v>2</v>
      </c>
      <c r="C4090" s="16">
        <v>4056</v>
      </c>
      <c r="D4090" cm="1">
        <f t="array" ref="D4090">IFERROR(INDEX(Jesper!AH$2:AH$366,ROUNDDOWN($C4090/24,0)+1,1)*INDEX($D$3:$AA$30,INDEX(Jesper!$R$2:$R$366,ROW(INDEX(Jesper!AH$2:AH$366,ROUNDDOWN($C4090/24,0)+1,1))-1)+IF('Standard Profiles'!$G$18=$B$10,7,0)+IF('Standard Profiles'!$G$18=$B$17,14,0)+IF('Standard Profiles'!$G$18=$B$24,21,0),MOD($C4090,24)+1)/SUM(INDEX($D$3:$AA$30,INDEX(Jesper!$R$2:$R$366,ROW(INDEX(Jesper!AH$2:AH$366,ROUNDDOWN($C4090/24,0)+1,1))-1)+IF('Standard Profiles'!$G$18=$B$10,7,0)+IF('Standard Profiles'!$G$18=$B$17,14,0)+IF('Standard Profiles'!$G$18=$B$24,21,0),0)),0)</f>
        <v>6.5898085561010724</v>
      </c>
      <c r="E4090" cm="1">
        <f t="array" ref="E4090">IFERROR(INDEX(Jesper!AI$2:AI$366,ROUNDDOWN($C4090/24,0)+1,1)*INDEX($D$3:$AA$30,INDEX(Jesper!$R$2:$R$366,ROW(INDEX(Jesper!AI$2:AI$366,ROUNDDOWN($C4090/24,0)+1,1))-1)+IF('Standard Profiles'!$G$19=$B$10,7,0)+IF('Standard Profiles'!$G$19=$B$17,14,0)+IF('Standard Profiles'!$G$19=$B$24,21,0),MOD($C4090,24)+1)/SUM(INDEX($D$3:$AA$30,INDEX(Jesper!$R$2:$R$366,ROW(INDEX(Jesper!AI$2:AI$366,ROUNDDOWN($C4090/24,0)+1,1))-1)+IF('Standard Profiles'!$G$19=$B$10,7,0)+IF('Standard Profiles'!$G$19=$B$17,14,0)+IF('Standard Profiles'!$G$19=$B$24,21,0),0)),0)</f>
        <v>0</v>
      </c>
      <c r="F4090" cm="1">
        <f t="array" ref="F4090">IFERROR(INDEX(Jesper!AJ$2:AJ$366,ROUNDDOWN($C4090/24,0)+1,1)*INDEX($D$3:$AA$30,INDEX(Jesper!$R$2:$R$366,ROW(INDEX(Jesper!AJ$2:AJ$366,ROUNDDOWN($C4090/24,0)+1,1))-1)+IF('Standard Profiles'!$G$20=$B$10,7,0)+IF('Standard Profiles'!$G$20=$B$17,14,0)+IF('Standard Profiles'!$G$20=$B$24,21,0),MOD($C4090,24)+1)/SUM(INDEX($D$3:$AA$30,INDEX(Jesper!$R$2:$R$366,ROW(INDEX(Jesper!AJ$2:AJ$366,ROUNDDOWN($C4090/24,0)+1,1))-1)+IF('Standard Profiles'!$G$20=$B$10,7,0)+IF('Standard Profiles'!$G$20=$B$17,14,0)+IF('Standard Profiles'!$G$20=$B$24,21,0),0)),0)</f>
        <v>0</v>
      </c>
      <c r="G4090" cm="1">
        <f t="array" ref="G4090">IFERROR(INDEX(Jesper!AK$2:AK$366,ROUNDDOWN($C4090/24,0)+1,1)*INDEX($D$3:$AA$30,INDEX(Jesper!$R$2:$R$366,ROW(INDEX(Jesper!AK$2:AK$366,ROUNDDOWN($C4090/24,0)+1,1))-1)+IF('Standard Profiles'!$G$21=$B$10,7,0)+IF('Standard Profiles'!$G$21=$B$17,14,0)+IF('Standard Profiles'!$G$21=$B$24,21,0),MOD($C4090,24)+1)/SUM(INDEX($D$3:$AA$30,INDEX(Jesper!$R$2:$R$366,ROW(INDEX(Jesper!AK$2:AK$366,ROUNDDOWN($C4090/24,0)+1,1))-1)+IF('Standard Profiles'!$G$21=$B$10,7,0)+IF('Standard Profiles'!$G$21=$B$17,14,0)+IF('Standard Profiles'!$G$21=$B$24,21,0),0)),0)</f>
        <v>0</v>
      </c>
      <c r="H4090" cm="1">
        <f t="array" ref="H4090">IFERROR(INDEX(Jesper!AL$2:AL$366,ROUNDDOWN($C4090/24,0)+1,1)*INDEX($D$3:$AA$30,INDEX(Jesper!$R$2:$R$366,ROW(INDEX(Jesper!AL$2:AL$366,ROUNDDOWN($C4090/24,0)+1,1))-1)+IF('Standard Profiles'!$G$22=$B$10,7,0)+IF('Standard Profiles'!$G$22=$B$17,14,0)+IF('Standard Profiles'!$G$22=$B$24,21,0),MOD($C4090,24)+1)/SUM(INDEX($D$3:$AA$30,INDEX(Jesper!$R$2:$R$366,ROW(INDEX(Jesper!AL$2:AL$366,ROUNDDOWN($C4090/24,0)+1,1))-1)+IF('Standard Profiles'!$G$22=$B$10,7,0)+IF('Standard Profiles'!$G$22=$B$17,14,0)+IF('Standard Profiles'!$G$22=$B$24,21,0),0)),0)</f>
        <v>0</v>
      </c>
      <c r="I4090">
        <f t="shared" si="461"/>
        <v>0.19769425668303217</v>
      </c>
      <c r="J4090">
        <f t="shared" si="462"/>
        <v>0.65898085561010733</v>
      </c>
      <c r="K4090">
        <f t="shared" si="463"/>
        <v>0.98847128341516077</v>
      </c>
      <c r="L4090">
        <f t="shared" si="464"/>
        <v>4.7446621603927719</v>
      </c>
      <c r="M4090">
        <f t="shared" si="465"/>
        <v>0</v>
      </c>
      <c r="N4090" s="46">
        <f t="shared" si="466"/>
        <v>45460.999999990163</v>
      </c>
    </row>
    <row r="4091" spans="2:14" x14ac:dyDescent="0.3">
      <c r="B4091">
        <f t="shared" si="460"/>
        <v>2</v>
      </c>
      <c r="C4091" s="16">
        <v>4057</v>
      </c>
      <c r="D4091" cm="1">
        <f t="array" ref="D4091">IFERROR(INDEX(Jesper!AH$2:AH$366,ROUNDDOWN($C4091/24,0)+1,1)*INDEX($D$3:$AA$30,INDEX(Jesper!$R$2:$R$366,ROW(INDEX(Jesper!AH$2:AH$366,ROUNDDOWN($C4091/24,0)+1,1))-1)+IF('Standard Profiles'!$G$18=$B$10,7,0)+IF('Standard Profiles'!$G$18=$B$17,14,0)+IF('Standard Profiles'!$G$18=$B$24,21,0),MOD($C4091,24)+1)/SUM(INDEX($D$3:$AA$30,INDEX(Jesper!$R$2:$R$366,ROW(INDEX(Jesper!AH$2:AH$366,ROUNDDOWN($C4091/24,0)+1,1))-1)+IF('Standard Profiles'!$G$18=$B$10,7,0)+IF('Standard Profiles'!$G$18=$B$17,14,0)+IF('Standard Profiles'!$G$18=$B$24,21,0),0)),0)</f>
        <v>6.5898085561010724</v>
      </c>
      <c r="E4091" cm="1">
        <f t="array" ref="E4091">IFERROR(INDEX(Jesper!AI$2:AI$366,ROUNDDOWN($C4091/24,0)+1,1)*INDEX($D$3:$AA$30,INDEX(Jesper!$R$2:$R$366,ROW(INDEX(Jesper!AI$2:AI$366,ROUNDDOWN($C4091/24,0)+1,1))-1)+IF('Standard Profiles'!$G$19=$B$10,7,0)+IF('Standard Profiles'!$G$19=$B$17,14,0)+IF('Standard Profiles'!$G$19=$B$24,21,0),MOD($C4091,24)+1)/SUM(INDEX($D$3:$AA$30,INDEX(Jesper!$R$2:$R$366,ROW(INDEX(Jesper!AI$2:AI$366,ROUNDDOWN($C4091/24,0)+1,1))-1)+IF('Standard Profiles'!$G$19=$B$10,7,0)+IF('Standard Profiles'!$G$19=$B$17,14,0)+IF('Standard Profiles'!$G$19=$B$24,21,0),0)),0)</f>
        <v>0</v>
      </c>
      <c r="F4091" cm="1">
        <f t="array" ref="F4091">IFERROR(INDEX(Jesper!AJ$2:AJ$366,ROUNDDOWN($C4091/24,0)+1,1)*INDEX($D$3:$AA$30,INDEX(Jesper!$R$2:$R$366,ROW(INDEX(Jesper!AJ$2:AJ$366,ROUNDDOWN($C4091/24,0)+1,1))-1)+IF('Standard Profiles'!$G$20=$B$10,7,0)+IF('Standard Profiles'!$G$20=$B$17,14,0)+IF('Standard Profiles'!$G$20=$B$24,21,0),MOD($C4091,24)+1)/SUM(INDEX($D$3:$AA$30,INDEX(Jesper!$R$2:$R$366,ROW(INDEX(Jesper!AJ$2:AJ$366,ROUNDDOWN($C4091/24,0)+1,1))-1)+IF('Standard Profiles'!$G$20=$B$10,7,0)+IF('Standard Profiles'!$G$20=$B$17,14,0)+IF('Standard Profiles'!$G$20=$B$24,21,0),0)),0)</f>
        <v>0</v>
      </c>
      <c r="G4091" cm="1">
        <f t="array" ref="G4091">IFERROR(INDEX(Jesper!AK$2:AK$366,ROUNDDOWN($C4091/24,0)+1,1)*INDEX($D$3:$AA$30,INDEX(Jesper!$R$2:$R$366,ROW(INDEX(Jesper!AK$2:AK$366,ROUNDDOWN($C4091/24,0)+1,1))-1)+IF('Standard Profiles'!$G$21=$B$10,7,0)+IF('Standard Profiles'!$G$21=$B$17,14,0)+IF('Standard Profiles'!$G$21=$B$24,21,0),MOD($C4091,24)+1)/SUM(INDEX($D$3:$AA$30,INDEX(Jesper!$R$2:$R$366,ROW(INDEX(Jesper!AK$2:AK$366,ROUNDDOWN($C4091/24,0)+1,1))-1)+IF('Standard Profiles'!$G$21=$B$10,7,0)+IF('Standard Profiles'!$G$21=$B$17,14,0)+IF('Standard Profiles'!$G$21=$B$24,21,0),0)),0)</f>
        <v>0</v>
      </c>
      <c r="H4091" cm="1">
        <f t="array" ref="H4091">IFERROR(INDEX(Jesper!AL$2:AL$366,ROUNDDOWN($C4091/24,0)+1,1)*INDEX($D$3:$AA$30,INDEX(Jesper!$R$2:$R$366,ROW(INDEX(Jesper!AL$2:AL$366,ROUNDDOWN($C4091/24,0)+1,1))-1)+IF('Standard Profiles'!$G$22=$B$10,7,0)+IF('Standard Profiles'!$G$22=$B$17,14,0)+IF('Standard Profiles'!$G$22=$B$24,21,0),MOD($C4091,24)+1)/SUM(INDEX($D$3:$AA$30,INDEX(Jesper!$R$2:$R$366,ROW(INDEX(Jesper!AL$2:AL$366,ROUNDDOWN($C4091/24,0)+1,1))-1)+IF('Standard Profiles'!$G$22=$B$10,7,0)+IF('Standard Profiles'!$G$22=$B$17,14,0)+IF('Standard Profiles'!$G$22=$B$24,21,0),0)),0)</f>
        <v>0</v>
      </c>
      <c r="I4091">
        <f t="shared" si="461"/>
        <v>0.19769425668303217</v>
      </c>
      <c r="J4091">
        <f t="shared" si="462"/>
        <v>0.65898085561010733</v>
      </c>
      <c r="K4091">
        <f t="shared" si="463"/>
        <v>0.98847128341516077</v>
      </c>
      <c r="L4091">
        <f t="shared" si="464"/>
        <v>4.7446621603927719</v>
      </c>
      <c r="M4091">
        <f t="shared" si="465"/>
        <v>0</v>
      </c>
      <c r="N4091" s="46">
        <f t="shared" si="466"/>
        <v>45461.041666656827</v>
      </c>
    </row>
    <row r="4092" spans="2:14" x14ac:dyDescent="0.3">
      <c r="B4092">
        <f t="shared" si="460"/>
        <v>2</v>
      </c>
      <c r="C4092" s="16">
        <v>4058</v>
      </c>
      <c r="D4092" cm="1">
        <f t="array" ref="D4092">IFERROR(INDEX(Jesper!AH$2:AH$366,ROUNDDOWN($C4092/24,0)+1,1)*INDEX($D$3:$AA$30,INDEX(Jesper!$R$2:$R$366,ROW(INDEX(Jesper!AH$2:AH$366,ROUNDDOWN($C4092/24,0)+1,1))-1)+IF('Standard Profiles'!$G$18=$B$10,7,0)+IF('Standard Profiles'!$G$18=$B$17,14,0)+IF('Standard Profiles'!$G$18=$B$24,21,0),MOD($C4092,24)+1)/SUM(INDEX($D$3:$AA$30,INDEX(Jesper!$R$2:$R$366,ROW(INDEX(Jesper!AH$2:AH$366,ROUNDDOWN($C4092/24,0)+1,1))-1)+IF('Standard Profiles'!$G$18=$B$10,7,0)+IF('Standard Profiles'!$G$18=$B$17,14,0)+IF('Standard Profiles'!$G$18=$B$24,21,0),0)),0)</f>
        <v>6.5898085561010724</v>
      </c>
      <c r="E4092" cm="1">
        <f t="array" ref="E4092">IFERROR(INDEX(Jesper!AI$2:AI$366,ROUNDDOWN($C4092/24,0)+1,1)*INDEX($D$3:$AA$30,INDEX(Jesper!$R$2:$R$366,ROW(INDEX(Jesper!AI$2:AI$366,ROUNDDOWN($C4092/24,0)+1,1))-1)+IF('Standard Profiles'!$G$19=$B$10,7,0)+IF('Standard Profiles'!$G$19=$B$17,14,0)+IF('Standard Profiles'!$G$19=$B$24,21,0),MOD($C4092,24)+1)/SUM(INDEX($D$3:$AA$30,INDEX(Jesper!$R$2:$R$366,ROW(INDEX(Jesper!AI$2:AI$366,ROUNDDOWN($C4092/24,0)+1,1))-1)+IF('Standard Profiles'!$G$19=$B$10,7,0)+IF('Standard Profiles'!$G$19=$B$17,14,0)+IF('Standard Profiles'!$G$19=$B$24,21,0),0)),0)</f>
        <v>0</v>
      </c>
      <c r="F4092" cm="1">
        <f t="array" ref="F4092">IFERROR(INDEX(Jesper!AJ$2:AJ$366,ROUNDDOWN($C4092/24,0)+1,1)*INDEX($D$3:$AA$30,INDEX(Jesper!$R$2:$R$366,ROW(INDEX(Jesper!AJ$2:AJ$366,ROUNDDOWN($C4092/24,0)+1,1))-1)+IF('Standard Profiles'!$G$20=$B$10,7,0)+IF('Standard Profiles'!$G$20=$B$17,14,0)+IF('Standard Profiles'!$G$20=$B$24,21,0),MOD($C4092,24)+1)/SUM(INDEX($D$3:$AA$30,INDEX(Jesper!$R$2:$R$366,ROW(INDEX(Jesper!AJ$2:AJ$366,ROUNDDOWN($C4092/24,0)+1,1))-1)+IF('Standard Profiles'!$G$20=$B$10,7,0)+IF('Standard Profiles'!$G$20=$B$17,14,0)+IF('Standard Profiles'!$G$20=$B$24,21,0),0)),0)</f>
        <v>0</v>
      </c>
      <c r="G4092" cm="1">
        <f t="array" ref="G4092">IFERROR(INDEX(Jesper!AK$2:AK$366,ROUNDDOWN($C4092/24,0)+1,1)*INDEX($D$3:$AA$30,INDEX(Jesper!$R$2:$R$366,ROW(INDEX(Jesper!AK$2:AK$366,ROUNDDOWN($C4092/24,0)+1,1))-1)+IF('Standard Profiles'!$G$21=$B$10,7,0)+IF('Standard Profiles'!$G$21=$B$17,14,0)+IF('Standard Profiles'!$G$21=$B$24,21,0),MOD($C4092,24)+1)/SUM(INDEX($D$3:$AA$30,INDEX(Jesper!$R$2:$R$366,ROW(INDEX(Jesper!AK$2:AK$366,ROUNDDOWN($C4092/24,0)+1,1))-1)+IF('Standard Profiles'!$G$21=$B$10,7,0)+IF('Standard Profiles'!$G$21=$B$17,14,0)+IF('Standard Profiles'!$G$21=$B$24,21,0),0)),0)</f>
        <v>0</v>
      </c>
      <c r="H4092" cm="1">
        <f t="array" ref="H4092">IFERROR(INDEX(Jesper!AL$2:AL$366,ROUNDDOWN($C4092/24,0)+1,1)*INDEX($D$3:$AA$30,INDEX(Jesper!$R$2:$R$366,ROW(INDEX(Jesper!AL$2:AL$366,ROUNDDOWN($C4092/24,0)+1,1))-1)+IF('Standard Profiles'!$G$22=$B$10,7,0)+IF('Standard Profiles'!$G$22=$B$17,14,0)+IF('Standard Profiles'!$G$22=$B$24,21,0),MOD($C4092,24)+1)/SUM(INDEX($D$3:$AA$30,INDEX(Jesper!$R$2:$R$366,ROW(INDEX(Jesper!AL$2:AL$366,ROUNDDOWN($C4092/24,0)+1,1))-1)+IF('Standard Profiles'!$G$22=$B$10,7,0)+IF('Standard Profiles'!$G$22=$B$17,14,0)+IF('Standard Profiles'!$G$22=$B$24,21,0),0)),0)</f>
        <v>0</v>
      </c>
      <c r="I4092">
        <f t="shared" si="461"/>
        <v>0.19769425668303217</v>
      </c>
      <c r="J4092">
        <f t="shared" si="462"/>
        <v>0.65898085561010733</v>
      </c>
      <c r="K4092">
        <f t="shared" si="463"/>
        <v>0.98847128341516077</v>
      </c>
      <c r="L4092">
        <f t="shared" si="464"/>
        <v>4.7446621603927719</v>
      </c>
      <c r="M4092">
        <f t="shared" si="465"/>
        <v>0</v>
      </c>
      <c r="N4092" s="46">
        <f t="shared" si="466"/>
        <v>45461.083333323491</v>
      </c>
    </row>
    <row r="4093" spans="2:14" x14ac:dyDescent="0.3">
      <c r="B4093">
        <f t="shared" si="460"/>
        <v>2</v>
      </c>
      <c r="C4093" s="16">
        <v>4059</v>
      </c>
      <c r="D4093" cm="1">
        <f t="array" ref="D4093">IFERROR(INDEX(Jesper!AH$2:AH$366,ROUNDDOWN($C4093/24,0)+1,1)*INDEX($D$3:$AA$30,INDEX(Jesper!$R$2:$R$366,ROW(INDEX(Jesper!AH$2:AH$366,ROUNDDOWN($C4093/24,0)+1,1))-1)+IF('Standard Profiles'!$G$18=$B$10,7,0)+IF('Standard Profiles'!$G$18=$B$17,14,0)+IF('Standard Profiles'!$G$18=$B$24,21,0),MOD($C4093,24)+1)/SUM(INDEX($D$3:$AA$30,INDEX(Jesper!$R$2:$R$366,ROW(INDEX(Jesper!AH$2:AH$366,ROUNDDOWN($C4093/24,0)+1,1))-1)+IF('Standard Profiles'!$G$18=$B$10,7,0)+IF('Standard Profiles'!$G$18=$B$17,14,0)+IF('Standard Profiles'!$G$18=$B$24,21,0),0)),0)</f>
        <v>6.5898085561010724</v>
      </c>
      <c r="E4093" cm="1">
        <f t="array" ref="E4093">IFERROR(INDEX(Jesper!AI$2:AI$366,ROUNDDOWN($C4093/24,0)+1,1)*INDEX($D$3:$AA$30,INDEX(Jesper!$R$2:$R$366,ROW(INDEX(Jesper!AI$2:AI$366,ROUNDDOWN($C4093/24,0)+1,1))-1)+IF('Standard Profiles'!$G$19=$B$10,7,0)+IF('Standard Profiles'!$G$19=$B$17,14,0)+IF('Standard Profiles'!$G$19=$B$24,21,0),MOD($C4093,24)+1)/SUM(INDEX($D$3:$AA$30,INDEX(Jesper!$R$2:$R$366,ROW(INDEX(Jesper!AI$2:AI$366,ROUNDDOWN($C4093/24,0)+1,1))-1)+IF('Standard Profiles'!$G$19=$B$10,7,0)+IF('Standard Profiles'!$G$19=$B$17,14,0)+IF('Standard Profiles'!$G$19=$B$24,21,0),0)),0)</f>
        <v>0</v>
      </c>
      <c r="F4093" cm="1">
        <f t="array" ref="F4093">IFERROR(INDEX(Jesper!AJ$2:AJ$366,ROUNDDOWN($C4093/24,0)+1,1)*INDEX($D$3:$AA$30,INDEX(Jesper!$R$2:$R$366,ROW(INDEX(Jesper!AJ$2:AJ$366,ROUNDDOWN($C4093/24,0)+1,1))-1)+IF('Standard Profiles'!$G$20=$B$10,7,0)+IF('Standard Profiles'!$G$20=$B$17,14,0)+IF('Standard Profiles'!$G$20=$B$24,21,0),MOD($C4093,24)+1)/SUM(INDEX($D$3:$AA$30,INDEX(Jesper!$R$2:$R$366,ROW(INDEX(Jesper!AJ$2:AJ$366,ROUNDDOWN($C4093/24,0)+1,1))-1)+IF('Standard Profiles'!$G$20=$B$10,7,0)+IF('Standard Profiles'!$G$20=$B$17,14,0)+IF('Standard Profiles'!$G$20=$B$24,21,0),0)),0)</f>
        <v>0</v>
      </c>
      <c r="G4093" cm="1">
        <f t="array" ref="G4093">IFERROR(INDEX(Jesper!AK$2:AK$366,ROUNDDOWN($C4093/24,0)+1,1)*INDEX($D$3:$AA$30,INDEX(Jesper!$R$2:$R$366,ROW(INDEX(Jesper!AK$2:AK$366,ROUNDDOWN($C4093/24,0)+1,1))-1)+IF('Standard Profiles'!$G$21=$B$10,7,0)+IF('Standard Profiles'!$G$21=$B$17,14,0)+IF('Standard Profiles'!$G$21=$B$24,21,0),MOD($C4093,24)+1)/SUM(INDEX($D$3:$AA$30,INDEX(Jesper!$R$2:$R$366,ROW(INDEX(Jesper!AK$2:AK$366,ROUNDDOWN($C4093/24,0)+1,1))-1)+IF('Standard Profiles'!$G$21=$B$10,7,0)+IF('Standard Profiles'!$G$21=$B$17,14,0)+IF('Standard Profiles'!$G$21=$B$24,21,0),0)),0)</f>
        <v>0</v>
      </c>
      <c r="H4093" cm="1">
        <f t="array" ref="H4093">IFERROR(INDEX(Jesper!AL$2:AL$366,ROUNDDOWN($C4093/24,0)+1,1)*INDEX($D$3:$AA$30,INDEX(Jesper!$R$2:$R$366,ROW(INDEX(Jesper!AL$2:AL$366,ROUNDDOWN($C4093/24,0)+1,1))-1)+IF('Standard Profiles'!$G$22=$B$10,7,0)+IF('Standard Profiles'!$G$22=$B$17,14,0)+IF('Standard Profiles'!$G$22=$B$24,21,0),MOD($C4093,24)+1)/SUM(INDEX($D$3:$AA$30,INDEX(Jesper!$R$2:$R$366,ROW(INDEX(Jesper!AL$2:AL$366,ROUNDDOWN($C4093/24,0)+1,1))-1)+IF('Standard Profiles'!$G$22=$B$10,7,0)+IF('Standard Profiles'!$G$22=$B$17,14,0)+IF('Standard Profiles'!$G$22=$B$24,21,0),0)),0)</f>
        <v>0</v>
      </c>
      <c r="I4093">
        <f t="shared" si="461"/>
        <v>0.19769425668303217</v>
      </c>
      <c r="J4093">
        <f t="shared" si="462"/>
        <v>0.65898085561010733</v>
      </c>
      <c r="K4093">
        <f t="shared" si="463"/>
        <v>0.98847128341516077</v>
      </c>
      <c r="L4093">
        <f t="shared" si="464"/>
        <v>4.7446621603927719</v>
      </c>
      <c r="M4093">
        <f t="shared" si="465"/>
        <v>0</v>
      </c>
      <c r="N4093" s="46">
        <f t="shared" si="466"/>
        <v>45461.124999990156</v>
      </c>
    </row>
    <row r="4094" spans="2:14" x14ac:dyDescent="0.3">
      <c r="B4094">
        <f t="shared" si="460"/>
        <v>2</v>
      </c>
      <c r="C4094" s="16">
        <v>4060</v>
      </c>
      <c r="D4094" cm="1">
        <f t="array" ref="D4094">IFERROR(INDEX(Jesper!AH$2:AH$366,ROUNDDOWN($C4094/24,0)+1,1)*INDEX($D$3:$AA$30,INDEX(Jesper!$R$2:$R$366,ROW(INDEX(Jesper!AH$2:AH$366,ROUNDDOWN($C4094/24,0)+1,1))-1)+IF('Standard Profiles'!$G$18=$B$10,7,0)+IF('Standard Profiles'!$G$18=$B$17,14,0)+IF('Standard Profiles'!$G$18=$B$24,21,0),MOD($C4094,24)+1)/SUM(INDEX($D$3:$AA$30,INDEX(Jesper!$R$2:$R$366,ROW(INDEX(Jesper!AH$2:AH$366,ROUNDDOWN($C4094/24,0)+1,1))-1)+IF('Standard Profiles'!$G$18=$B$10,7,0)+IF('Standard Profiles'!$G$18=$B$17,14,0)+IF('Standard Profiles'!$G$18=$B$24,21,0),0)),0)</f>
        <v>6.5898085561010724</v>
      </c>
      <c r="E4094" cm="1">
        <f t="array" ref="E4094">IFERROR(INDEX(Jesper!AI$2:AI$366,ROUNDDOWN($C4094/24,0)+1,1)*INDEX($D$3:$AA$30,INDEX(Jesper!$R$2:$R$366,ROW(INDEX(Jesper!AI$2:AI$366,ROUNDDOWN($C4094/24,0)+1,1))-1)+IF('Standard Profiles'!$G$19=$B$10,7,0)+IF('Standard Profiles'!$G$19=$B$17,14,0)+IF('Standard Profiles'!$G$19=$B$24,21,0),MOD($C4094,24)+1)/SUM(INDEX($D$3:$AA$30,INDEX(Jesper!$R$2:$R$366,ROW(INDEX(Jesper!AI$2:AI$366,ROUNDDOWN($C4094/24,0)+1,1))-1)+IF('Standard Profiles'!$G$19=$B$10,7,0)+IF('Standard Profiles'!$G$19=$B$17,14,0)+IF('Standard Profiles'!$G$19=$B$24,21,0),0)),0)</f>
        <v>0</v>
      </c>
      <c r="F4094" cm="1">
        <f t="array" ref="F4094">IFERROR(INDEX(Jesper!AJ$2:AJ$366,ROUNDDOWN($C4094/24,0)+1,1)*INDEX($D$3:$AA$30,INDEX(Jesper!$R$2:$R$366,ROW(INDEX(Jesper!AJ$2:AJ$366,ROUNDDOWN($C4094/24,0)+1,1))-1)+IF('Standard Profiles'!$G$20=$B$10,7,0)+IF('Standard Profiles'!$G$20=$B$17,14,0)+IF('Standard Profiles'!$G$20=$B$24,21,0),MOD($C4094,24)+1)/SUM(INDEX($D$3:$AA$30,INDEX(Jesper!$R$2:$R$366,ROW(INDEX(Jesper!AJ$2:AJ$366,ROUNDDOWN($C4094/24,0)+1,1))-1)+IF('Standard Profiles'!$G$20=$B$10,7,0)+IF('Standard Profiles'!$G$20=$B$17,14,0)+IF('Standard Profiles'!$G$20=$B$24,21,0),0)),0)</f>
        <v>0</v>
      </c>
      <c r="G4094" cm="1">
        <f t="array" ref="G4094">IFERROR(INDEX(Jesper!AK$2:AK$366,ROUNDDOWN($C4094/24,0)+1,1)*INDEX($D$3:$AA$30,INDEX(Jesper!$R$2:$R$366,ROW(INDEX(Jesper!AK$2:AK$366,ROUNDDOWN($C4094/24,0)+1,1))-1)+IF('Standard Profiles'!$G$21=$B$10,7,0)+IF('Standard Profiles'!$G$21=$B$17,14,0)+IF('Standard Profiles'!$G$21=$B$24,21,0),MOD($C4094,24)+1)/SUM(INDEX($D$3:$AA$30,INDEX(Jesper!$R$2:$R$366,ROW(INDEX(Jesper!AK$2:AK$366,ROUNDDOWN($C4094/24,0)+1,1))-1)+IF('Standard Profiles'!$G$21=$B$10,7,0)+IF('Standard Profiles'!$G$21=$B$17,14,0)+IF('Standard Profiles'!$G$21=$B$24,21,0),0)),0)</f>
        <v>0</v>
      </c>
      <c r="H4094" cm="1">
        <f t="array" ref="H4094">IFERROR(INDEX(Jesper!AL$2:AL$366,ROUNDDOWN($C4094/24,0)+1,1)*INDEX($D$3:$AA$30,INDEX(Jesper!$R$2:$R$366,ROW(INDEX(Jesper!AL$2:AL$366,ROUNDDOWN($C4094/24,0)+1,1))-1)+IF('Standard Profiles'!$G$22=$B$10,7,0)+IF('Standard Profiles'!$G$22=$B$17,14,0)+IF('Standard Profiles'!$G$22=$B$24,21,0),MOD($C4094,24)+1)/SUM(INDEX($D$3:$AA$30,INDEX(Jesper!$R$2:$R$366,ROW(INDEX(Jesper!AL$2:AL$366,ROUNDDOWN($C4094/24,0)+1,1))-1)+IF('Standard Profiles'!$G$22=$B$10,7,0)+IF('Standard Profiles'!$G$22=$B$17,14,0)+IF('Standard Profiles'!$G$22=$B$24,21,0),0)),0)</f>
        <v>0</v>
      </c>
      <c r="I4094">
        <f t="shared" si="461"/>
        <v>0.19769425668303217</v>
      </c>
      <c r="J4094">
        <f t="shared" si="462"/>
        <v>0.65898085561010733</v>
      </c>
      <c r="K4094">
        <f t="shared" si="463"/>
        <v>0.98847128341516077</v>
      </c>
      <c r="L4094">
        <f t="shared" si="464"/>
        <v>4.7446621603927719</v>
      </c>
      <c r="M4094">
        <f t="shared" si="465"/>
        <v>0</v>
      </c>
      <c r="N4094" s="46">
        <f t="shared" si="466"/>
        <v>45461.16666665682</v>
      </c>
    </row>
    <row r="4095" spans="2:14" x14ac:dyDescent="0.3">
      <c r="B4095">
        <f t="shared" si="460"/>
        <v>2</v>
      </c>
      <c r="C4095" s="16">
        <v>4061</v>
      </c>
      <c r="D4095" cm="1">
        <f t="array" ref="D4095">IFERROR(INDEX(Jesper!AH$2:AH$366,ROUNDDOWN($C4095/24,0)+1,1)*INDEX($D$3:$AA$30,INDEX(Jesper!$R$2:$R$366,ROW(INDEX(Jesper!AH$2:AH$366,ROUNDDOWN($C4095/24,0)+1,1))-1)+IF('Standard Profiles'!$G$18=$B$10,7,0)+IF('Standard Profiles'!$G$18=$B$17,14,0)+IF('Standard Profiles'!$G$18=$B$24,21,0),MOD($C4095,24)+1)/SUM(INDEX($D$3:$AA$30,INDEX(Jesper!$R$2:$R$366,ROW(INDEX(Jesper!AH$2:AH$366,ROUNDDOWN($C4095/24,0)+1,1))-1)+IF('Standard Profiles'!$G$18=$B$10,7,0)+IF('Standard Profiles'!$G$18=$B$17,14,0)+IF('Standard Profiles'!$G$18=$B$24,21,0),0)),0)</f>
        <v>8.5667511229313931</v>
      </c>
      <c r="E4095" cm="1">
        <f t="array" ref="E4095">IFERROR(INDEX(Jesper!AI$2:AI$366,ROUNDDOWN($C4095/24,0)+1,1)*INDEX($D$3:$AA$30,INDEX(Jesper!$R$2:$R$366,ROW(INDEX(Jesper!AI$2:AI$366,ROUNDDOWN($C4095/24,0)+1,1))-1)+IF('Standard Profiles'!$G$19=$B$10,7,0)+IF('Standard Profiles'!$G$19=$B$17,14,0)+IF('Standard Profiles'!$G$19=$B$24,21,0),MOD($C4095,24)+1)/SUM(INDEX($D$3:$AA$30,INDEX(Jesper!$R$2:$R$366,ROW(INDEX(Jesper!AI$2:AI$366,ROUNDDOWN($C4095/24,0)+1,1))-1)+IF('Standard Profiles'!$G$19=$B$10,7,0)+IF('Standard Profiles'!$G$19=$B$17,14,0)+IF('Standard Profiles'!$G$19=$B$24,21,0),0)),0)</f>
        <v>0</v>
      </c>
      <c r="F4095" cm="1">
        <f t="array" ref="F4095">IFERROR(INDEX(Jesper!AJ$2:AJ$366,ROUNDDOWN($C4095/24,0)+1,1)*INDEX($D$3:$AA$30,INDEX(Jesper!$R$2:$R$366,ROW(INDEX(Jesper!AJ$2:AJ$366,ROUNDDOWN($C4095/24,0)+1,1))-1)+IF('Standard Profiles'!$G$20=$B$10,7,0)+IF('Standard Profiles'!$G$20=$B$17,14,0)+IF('Standard Profiles'!$G$20=$B$24,21,0),MOD($C4095,24)+1)/SUM(INDEX($D$3:$AA$30,INDEX(Jesper!$R$2:$R$366,ROW(INDEX(Jesper!AJ$2:AJ$366,ROUNDDOWN($C4095/24,0)+1,1))-1)+IF('Standard Profiles'!$G$20=$B$10,7,0)+IF('Standard Profiles'!$G$20=$B$17,14,0)+IF('Standard Profiles'!$G$20=$B$24,21,0),0)),0)</f>
        <v>0</v>
      </c>
      <c r="G4095" cm="1">
        <f t="array" ref="G4095">IFERROR(INDEX(Jesper!AK$2:AK$366,ROUNDDOWN($C4095/24,0)+1,1)*INDEX($D$3:$AA$30,INDEX(Jesper!$R$2:$R$366,ROW(INDEX(Jesper!AK$2:AK$366,ROUNDDOWN($C4095/24,0)+1,1))-1)+IF('Standard Profiles'!$G$21=$B$10,7,0)+IF('Standard Profiles'!$G$21=$B$17,14,0)+IF('Standard Profiles'!$G$21=$B$24,21,0),MOD($C4095,24)+1)/SUM(INDEX($D$3:$AA$30,INDEX(Jesper!$R$2:$R$366,ROW(INDEX(Jesper!AK$2:AK$366,ROUNDDOWN($C4095/24,0)+1,1))-1)+IF('Standard Profiles'!$G$21=$B$10,7,0)+IF('Standard Profiles'!$G$21=$B$17,14,0)+IF('Standard Profiles'!$G$21=$B$24,21,0),0)),0)</f>
        <v>0</v>
      </c>
      <c r="H4095" cm="1">
        <f t="array" ref="H4095">IFERROR(INDEX(Jesper!AL$2:AL$366,ROUNDDOWN($C4095/24,0)+1,1)*INDEX($D$3:$AA$30,INDEX(Jesper!$R$2:$R$366,ROW(INDEX(Jesper!AL$2:AL$366,ROUNDDOWN($C4095/24,0)+1,1))-1)+IF('Standard Profiles'!$G$22=$B$10,7,0)+IF('Standard Profiles'!$G$22=$B$17,14,0)+IF('Standard Profiles'!$G$22=$B$24,21,0),MOD($C4095,24)+1)/SUM(INDEX($D$3:$AA$30,INDEX(Jesper!$R$2:$R$366,ROW(INDEX(Jesper!AL$2:AL$366,ROUNDDOWN($C4095/24,0)+1,1))-1)+IF('Standard Profiles'!$G$22=$B$10,7,0)+IF('Standard Profiles'!$G$22=$B$17,14,0)+IF('Standard Profiles'!$G$22=$B$24,21,0),0)),0)</f>
        <v>0</v>
      </c>
      <c r="I4095">
        <f t="shared" si="461"/>
        <v>0.25700253368794179</v>
      </c>
      <c r="J4095">
        <f t="shared" si="462"/>
        <v>0.85667511229313931</v>
      </c>
      <c r="K4095">
        <f t="shared" si="463"/>
        <v>1.285012668439709</v>
      </c>
      <c r="L4095">
        <f t="shared" si="464"/>
        <v>6.168060808510603</v>
      </c>
      <c r="M4095">
        <f t="shared" si="465"/>
        <v>0</v>
      </c>
      <c r="N4095" s="46">
        <f t="shared" si="466"/>
        <v>45461.208333323484</v>
      </c>
    </row>
    <row r="4096" spans="2:14" x14ac:dyDescent="0.3">
      <c r="B4096">
        <f t="shared" si="460"/>
        <v>2</v>
      </c>
      <c r="C4096" s="16">
        <v>4062</v>
      </c>
      <c r="D4096" cm="1">
        <f t="array" ref="D4096">IFERROR(INDEX(Jesper!AH$2:AH$366,ROUNDDOWN($C4096/24,0)+1,1)*INDEX($D$3:$AA$30,INDEX(Jesper!$R$2:$R$366,ROW(INDEX(Jesper!AH$2:AH$366,ROUNDDOWN($C4096/24,0)+1,1))-1)+IF('Standard Profiles'!$G$18=$B$10,7,0)+IF('Standard Profiles'!$G$18=$B$17,14,0)+IF('Standard Profiles'!$G$18=$B$24,21,0),MOD($C4096,24)+1)/SUM(INDEX($D$3:$AA$30,INDEX(Jesper!$R$2:$R$366,ROW(INDEX(Jesper!AH$2:AH$366,ROUNDDOWN($C4096/24,0)+1,1))-1)+IF('Standard Profiles'!$G$18=$B$10,7,0)+IF('Standard Profiles'!$G$18=$B$17,14,0)+IF('Standard Profiles'!$G$18=$B$24,21,0),0)),0)</f>
        <v>9.5552224063465534</v>
      </c>
      <c r="E4096" cm="1">
        <f t="array" ref="E4096">IFERROR(INDEX(Jesper!AI$2:AI$366,ROUNDDOWN($C4096/24,0)+1,1)*INDEX($D$3:$AA$30,INDEX(Jesper!$R$2:$R$366,ROW(INDEX(Jesper!AI$2:AI$366,ROUNDDOWN($C4096/24,0)+1,1))-1)+IF('Standard Profiles'!$G$19=$B$10,7,0)+IF('Standard Profiles'!$G$19=$B$17,14,0)+IF('Standard Profiles'!$G$19=$B$24,21,0),MOD($C4096,24)+1)/SUM(INDEX($D$3:$AA$30,INDEX(Jesper!$R$2:$R$366,ROW(INDEX(Jesper!AI$2:AI$366,ROUNDDOWN($C4096/24,0)+1,1))-1)+IF('Standard Profiles'!$G$19=$B$10,7,0)+IF('Standard Profiles'!$G$19=$B$17,14,0)+IF('Standard Profiles'!$G$19=$B$24,21,0),0)),0)</f>
        <v>0</v>
      </c>
      <c r="F4096" cm="1">
        <f t="array" ref="F4096">IFERROR(INDEX(Jesper!AJ$2:AJ$366,ROUNDDOWN($C4096/24,0)+1,1)*INDEX($D$3:$AA$30,INDEX(Jesper!$R$2:$R$366,ROW(INDEX(Jesper!AJ$2:AJ$366,ROUNDDOWN($C4096/24,0)+1,1))-1)+IF('Standard Profiles'!$G$20=$B$10,7,0)+IF('Standard Profiles'!$G$20=$B$17,14,0)+IF('Standard Profiles'!$G$20=$B$24,21,0),MOD($C4096,24)+1)/SUM(INDEX($D$3:$AA$30,INDEX(Jesper!$R$2:$R$366,ROW(INDEX(Jesper!AJ$2:AJ$366,ROUNDDOWN($C4096/24,0)+1,1))-1)+IF('Standard Profiles'!$G$20=$B$10,7,0)+IF('Standard Profiles'!$G$20=$B$17,14,0)+IF('Standard Profiles'!$G$20=$B$24,21,0),0)),0)</f>
        <v>0</v>
      </c>
      <c r="G4096" cm="1">
        <f t="array" ref="G4096">IFERROR(INDEX(Jesper!AK$2:AK$366,ROUNDDOWN($C4096/24,0)+1,1)*INDEX($D$3:$AA$30,INDEX(Jesper!$R$2:$R$366,ROW(INDEX(Jesper!AK$2:AK$366,ROUNDDOWN($C4096/24,0)+1,1))-1)+IF('Standard Profiles'!$G$21=$B$10,7,0)+IF('Standard Profiles'!$G$21=$B$17,14,0)+IF('Standard Profiles'!$G$21=$B$24,21,0),MOD($C4096,24)+1)/SUM(INDEX($D$3:$AA$30,INDEX(Jesper!$R$2:$R$366,ROW(INDEX(Jesper!AK$2:AK$366,ROUNDDOWN($C4096/24,0)+1,1))-1)+IF('Standard Profiles'!$G$21=$B$10,7,0)+IF('Standard Profiles'!$G$21=$B$17,14,0)+IF('Standard Profiles'!$G$21=$B$24,21,0),0)),0)</f>
        <v>0</v>
      </c>
      <c r="H4096" cm="1">
        <f t="array" ref="H4096">IFERROR(INDEX(Jesper!AL$2:AL$366,ROUNDDOWN($C4096/24,0)+1,1)*INDEX($D$3:$AA$30,INDEX(Jesper!$R$2:$R$366,ROW(INDEX(Jesper!AL$2:AL$366,ROUNDDOWN($C4096/24,0)+1,1))-1)+IF('Standard Profiles'!$G$22=$B$10,7,0)+IF('Standard Profiles'!$G$22=$B$17,14,0)+IF('Standard Profiles'!$G$22=$B$24,21,0),MOD($C4096,24)+1)/SUM(INDEX($D$3:$AA$30,INDEX(Jesper!$R$2:$R$366,ROW(INDEX(Jesper!AL$2:AL$366,ROUNDDOWN($C4096/24,0)+1,1))-1)+IF('Standard Profiles'!$G$22=$B$10,7,0)+IF('Standard Profiles'!$G$22=$B$17,14,0)+IF('Standard Profiles'!$G$22=$B$24,21,0),0)),0)</f>
        <v>0</v>
      </c>
      <c r="I4096">
        <f t="shared" si="461"/>
        <v>0.28665667219039659</v>
      </c>
      <c r="J4096">
        <f t="shared" si="462"/>
        <v>0.95552224063465541</v>
      </c>
      <c r="K4096">
        <f t="shared" si="463"/>
        <v>1.4332833609519831</v>
      </c>
      <c r="L4096">
        <f t="shared" si="464"/>
        <v>6.8797601325695181</v>
      </c>
      <c r="M4096">
        <f t="shared" si="465"/>
        <v>0</v>
      </c>
      <c r="N4096" s="46">
        <f t="shared" si="466"/>
        <v>45461.249999990148</v>
      </c>
    </row>
    <row r="4097" spans="2:14" x14ac:dyDescent="0.3">
      <c r="B4097">
        <f t="shared" si="460"/>
        <v>2</v>
      </c>
      <c r="C4097" s="16">
        <v>4063</v>
      </c>
      <c r="D4097" cm="1">
        <f t="array" ref="D4097">IFERROR(INDEX(Jesper!AH$2:AH$366,ROUNDDOWN($C4097/24,0)+1,1)*INDEX($D$3:$AA$30,INDEX(Jesper!$R$2:$R$366,ROW(INDEX(Jesper!AH$2:AH$366,ROUNDDOWN($C4097/24,0)+1,1))-1)+IF('Standard Profiles'!$G$18=$B$10,7,0)+IF('Standard Profiles'!$G$18=$B$17,14,0)+IF('Standard Profiles'!$G$18=$B$24,21,0),MOD($C4097,24)+1)/SUM(INDEX($D$3:$AA$30,INDEX(Jesper!$R$2:$R$366,ROW(INDEX(Jesper!AH$2:AH$366,ROUNDDOWN($C4097/24,0)+1,1))-1)+IF('Standard Profiles'!$G$18=$B$10,7,0)+IF('Standard Profiles'!$G$18=$B$17,14,0)+IF('Standard Profiles'!$G$18=$B$24,21,0),0)),0)</f>
        <v>9.8847128341516086</v>
      </c>
      <c r="E4097" cm="1">
        <f t="array" ref="E4097">IFERROR(INDEX(Jesper!AI$2:AI$366,ROUNDDOWN($C4097/24,0)+1,1)*INDEX($D$3:$AA$30,INDEX(Jesper!$R$2:$R$366,ROW(INDEX(Jesper!AI$2:AI$366,ROUNDDOWN($C4097/24,0)+1,1))-1)+IF('Standard Profiles'!$G$19=$B$10,7,0)+IF('Standard Profiles'!$G$19=$B$17,14,0)+IF('Standard Profiles'!$G$19=$B$24,21,0),MOD($C4097,24)+1)/SUM(INDEX($D$3:$AA$30,INDEX(Jesper!$R$2:$R$366,ROW(INDEX(Jesper!AI$2:AI$366,ROUNDDOWN($C4097/24,0)+1,1))-1)+IF('Standard Profiles'!$G$19=$B$10,7,0)+IF('Standard Profiles'!$G$19=$B$17,14,0)+IF('Standard Profiles'!$G$19=$B$24,21,0),0)),0)</f>
        <v>0</v>
      </c>
      <c r="F4097" cm="1">
        <f t="array" ref="F4097">IFERROR(INDEX(Jesper!AJ$2:AJ$366,ROUNDDOWN($C4097/24,0)+1,1)*INDEX($D$3:$AA$30,INDEX(Jesper!$R$2:$R$366,ROW(INDEX(Jesper!AJ$2:AJ$366,ROUNDDOWN($C4097/24,0)+1,1))-1)+IF('Standard Profiles'!$G$20=$B$10,7,0)+IF('Standard Profiles'!$G$20=$B$17,14,0)+IF('Standard Profiles'!$G$20=$B$24,21,0),MOD($C4097,24)+1)/SUM(INDEX($D$3:$AA$30,INDEX(Jesper!$R$2:$R$366,ROW(INDEX(Jesper!AJ$2:AJ$366,ROUNDDOWN($C4097/24,0)+1,1))-1)+IF('Standard Profiles'!$G$20=$B$10,7,0)+IF('Standard Profiles'!$G$20=$B$17,14,0)+IF('Standard Profiles'!$G$20=$B$24,21,0),0)),0)</f>
        <v>0</v>
      </c>
      <c r="G4097" cm="1">
        <f t="array" ref="G4097">IFERROR(INDEX(Jesper!AK$2:AK$366,ROUNDDOWN($C4097/24,0)+1,1)*INDEX($D$3:$AA$30,INDEX(Jesper!$R$2:$R$366,ROW(INDEX(Jesper!AK$2:AK$366,ROUNDDOWN($C4097/24,0)+1,1))-1)+IF('Standard Profiles'!$G$21=$B$10,7,0)+IF('Standard Profiles'!$G$21=$B$17,14,0)+IF('Standard Profiles'!$G$21=$B$24,21,0),MOD($C4097,24)+1)/SUM(INDEX($D$3:$AA$30,INDEX(Jesper!$R$2:$R$366,ROW(INDEX(Jesper!AK$2:AK$366,ROUNDDOWN($C4097/24,0)+1,1))-1)+IF('Standard Profiles'!$G$21=$B$10,7,0)+IF('Standard Profiles'!$G$21=$B$17,14,0)+IF('Standard Profiles'!$G$21=$B$24,21,0),0)),0)</f>
        <v>0</v>
      </c>
      <c r="H4097" cm="1">
        <f t="array" ref="H4097">IFERROR(INDEX(Jesper!AL$2:AL$366,ROUNDDOWN($C4097/24,0)+1,1)*INDEX($D$3:$AA$30,INDEX(Jesper!$R$2:$R$366,ROW(INDEX(Jesper!AL$2:AL$366,ROUNDDOWN($C4097/24,0)+1,1))-1)+IF('Standard Profiles'!$G$22=$B$10,7,0)+IF('Standard Profiles'!$G$22=$B$17,14,0)+IF('Standard Profiles'!$G$22=$B$24,21,0),MOD($C4097,24)+1)/SUM(INDEX($D$3:$AA$30,INDEX(Jesper!$R$2:$R$366,ROW(INDEX(Jesper!AL$2:AL$366,ROUNDDOWN($C4097/24,0)+1,1))-1)+IF('Standard Profiles'!$G$22=$B$10,7,0)+IF('Standard Profiles'!$G$22=$B$17,14,0)+IF('Standard Profiles'!$G$22=$B$24,21,0),0)),0)</f>
        <v>0</v>
      </c>
      <c r="I4097">
        <f t="shared" si="461"/>
        <v>0.29654138502454824</v>
      </c>
      <c r="J4097">
        <f t="shared" si="462"/>
        <v>0.98847128341516088</v>
      </c>
      <c r="K4097">
        <f t="shared" si="463"/>
        <v>1.4827069251227412</v>
      </c>
      <c r="L4097">
        <f t="shared" si="464"/>
        <v>7.1169932405891583</v>
      </c>
      <c r="M4097">
        <f t="shared" si="465"/>
        <v>0</v>
      </c>
      <c r="N4097" s="46">
        <f t="shared" si="466"/>
        <v>45461.291666656813</v>
      </c>
    </row>
    <row r="4098" spans="2:14" x14ac:dyDescent="0.3">
      <c r="B4098">
        <f t="shared" si="460"/>
        <v>2</v>
      </c>
      <c r="C4098" s="16">
        <v>4064</v>
      </c>
      <c r="D4098" cm="1">
        <f t="array" ref="D4098">IFERROR(INDEX(Jesper!AH$2:AH$366,ROUNDDOWN($C4098/24,0)+1,1)*INDEX($D$3:$AA$30,INDEX(Jesper!$R$2:$R$366,ROW(INDEX(Jesper!AH$2:AH$366,ROUNDDOWN($C4098/24,0)+1,1))-1)+IF('Standard Profiles'!$G$18=$B$10,7,0)+IF('Standard Profiles'!$G$18=$B$17,14,0)+IF('Standard Profiles'!$G$18=$B$24,21,0),MOD($C4098,24)+1)/SUM(INDEX($D$3:$AA$30,INDEX(Jesper!$R$2:$R$366,ROW(INDEX(Jesper!AH$2:AH$366,ROUNDDOWN($C4098/24,0)+1,1))-1)+IF('Standard Profiles'!$G$18=$B$10,7,0)+IF('Standard Profiles'!$G$18=$B$17,14,0)+IF('Standard Profiles'!$G$18=$B$24,21,0),0)),0)</f>
        <v>9.8847128341516086</v>
      </c>
      <c r="E4098" cm="1">
        <f t="array" ref="E4098">IFERROR(INDEX(Jesper!AI$2:AI$366,ROUNDDOWN($C4098/24,0)+1,1)*INDEX($D$3:$AA$30,INDEX(Jesper!$R$2:$R$366,ROW(INDEX(Jesper!AI$2:AI$366,ROUNDDOWN($C4098/24,0)+1,1))-1)+IF('Standard Profiles'!$G$19=$B$10,7,0)+IF('Standard Profiles'!$G$19=$B$17,14,0)+IF('Standard Profiles'!$G$19=$B$24,21,0),MOD($C4098,24)+1)/SUM(INDEX($D$3:$AA$30,INDEX(Jesper!$R$2:$R$366,ROW(INDEX(Jesper!AI$2:AI$366,ROUNDDOWN($C4098/24,0)+1,1))-1)+IF('Standard Profiles'!$G$19=$B$10,7,0)+IF('Standard Profiles'!$G$19=$B$17,14,0)+IF('Standard Profiles'!$G$19=$B$24,21,0),0)),0)</f>
        <v>0</v>
      </c>
      <c r="F4098" cm="1">
        <f t="array" ref="F4098">IFERROR(INDEX(Jesper!AJ$2:AJ$366,ROUNDDOWN($C4098/24,0)+1,1)*INDEX($D$3:$AA$30,INDEX(Jesper!$R$2:$R$366,ROW(INDEX(Jesper!AJ$2:AJ$366,ROUNDDOWN($C4098/24,0)+1,1))-1)+IF('Standard Profiles'!$G$20=$B$10,7,0)+IF('Standard Profiles'!$G$20=$B$17,14,0)+IF('Standard Profiles'!$G$20=$B$24,21,0),MOD($C4098,24)+1)/SUM(INDEX($D$3:$AA$30,INDEX(Jesper!$R$2:$R$366,ROW(INDEX(Jesper!AJ$2:AJ$366,ROUNDDOWN($C4098/24,0)+1,1))-1)+IF('Standard Profiles'!$G$20=$B$10,7,0)+IF('Standard Profiles'!$G$20=$B$17,14,0)+IF('Standard Profiles'!$G$20=$B$24,21,0),0)),0)</f>
        <v>0</v>
      </c>
      <c r="G4098" cm="1">
        <f t="array" ref="G4098">IFERROR(INDEX(Jesper!AK$2:AK$366,ROUNDDOWN($C4098/24,0)+1,1)*INDEX($D$3:$AA$30,INDEX(Jesper!$R$2:$R$366,ROW(INDEX(Jesper!AK$2:AK$366,ROUNDDOWN($C4098/24,0)+1,1))-1)+IF('Standard Profiles'!$G$21=$B$10,7,0)+IF('Standard Profiles'!$G$21=$B$17,14,0)+IF('Standard Profiles'!$G$21=$B$24,21,0),MOD($C4098,24)+1)/SUM(INDEX($D$3:$AA$30,INDEX(Jesper!$R$2:$R$366,ROW(INDEX(Jesper!AK$2:AK$366,ROUNDDOWN($C4098/24,0)+1,1))-1)+IF('Standard Profiles'!$G$21=$B$10,7,0)+IF('Standard Profiles'!$G$21=$B$17,14,0)+IF('Standard Profiles'!$G$21=$B$24,21,0),0)),0)</f>
        <v>0</v>
      </c>
      <c r="H4098" cm="1">
        <f t="array" ref="H4098">IFERROR(INDEX(Jesper!AL$2:AL$366,ROUNDDOWN($C4098/24,0)+1,1)*INDEX($D$3:$AA$30,INDEX(Jesper!$R$2:$R$366,ROW(INDEX(Jesper!AL$2:AL$366,ROUNDDOWN($C4098/24,0)+1,1))-1)+IF('Standard Profiles'!$G$22=$B$10,7,0)+IF('Standard Profiles'!$G$22=$B$17,14,0)+IF('Standard Profiles'!$G$22=$B$24,21,0),MOD($C4098,24)+1)/SUM(INDEX($D$3:$AA$30,INDEX(Jesper!$R$2:$R$366,ROW(INDEX(Jesper!AL$2:AL$366,ROUNDDOWN($C4098/24,0)+1,1))-1)+IF('Standard Profiles'!$G$22=$B$10,7,0)+IF('Standard Profiles'!$G$22=$B$17,14,0)+IF('Standard Profiles'!$G$22=$B$24,21,0),0)),0)</f>
        <v>0</v>
      </c>
      <c r="I4098">
        <f t="shared" si="461"/>
        <v>0.29654138502454824</v>
      </c>
      <c r="J4098">
        <f t="shared" si="462"/>
        <v>0.98847128341516088</v>
      </c>
      <c r="K4098">
        <f t="shared" si="463"/>
        <v>1.4827069251227412</v>
      </c>
      <c r="L4098">
        <f t="shared" si="464"/>
        <v>7.1169932405891583</v>
      </c>
      <c r="M4098">
        <f t="shared" si="465"/>
        <v>0</v>
      </c>
      <c r="N4098" s="46">
        <f t="shared" si="466"/>
        <v>45461.333333323477</v>
      </c>
    </row>
    <row r="4099" spans="2:14" x14ac:dyDescent="0.3">
      <c r="B4099">
        <f t="shared" si="460"/>
        <v>2</v>
      </c>
      <c r="C4099" s="16">
        <v>4065</v>
      </c>
      <c r="D4099" cm="1">
        <f t="array" ref="D4099">IFERROR(INDEX(Jesper!AH$2:AH$366,ROUNDDOWN($C4099/24,0)+1,1)*INDEX($D$3:$AA$30,INDEX(Jesper!$R$2:$R$366,ROW(INDEX(Jesper!AH$2:AH$366,ROUNDDOWN($C4099/24,0)+1,1))-1)+IF('Standard Profiles'!$G$18=$B$10,7,0)+IF('Standard Profiles'!$G$18=$B$17,14,0)+IF('Standard Profiles'!$G$18=$B$24,21,0),MOD($C4099,24)+1)/SUM(INDEX($D$3:$AA$30,INDEX(Jesper!$R$2:$R$366,ROW(INDEX(Jesper!AH$2:AH$366,ROUNDDOWN($C4099/24,0)+1,1))-1)+IF('Standard Profiles'!$G$18=$B$10,7,0)+IF('Standard Profiles'!$G$18=$B$17,14,0)+IF('Standard Profiles'!$G$18=$B$24,21,0),0)),0)</f>
        <v>10.708438903664241</v>
      </c>
      <c r="E4099" cm="1">
        <f t="array" ref="E4099">IFERROR(INDEX(Jesper!AI$2:AI$366,ROUNDDOWN($C4099/24,0)+1,1)*INDEX($D$3:$AA$30,INDEX(Jesper!$R$2:$R$366,ROW(INDEX(Jesper!AI$2:AI$366,ROUNDDOWN($C4099/24,0)+1,1))-1)+IF('Standard Profiles'!$G$19=$B$10,7,0)+IF('Standard Profiles'!$G$19=$B$17,14,0)+IF('Standard Profiles'!$G$19=$B$24,21,0),MOD($C4099,24)+1)/SUM(INDEX($D$3:$AA$30,INDEX(Jesper!$R$2:$R$366,ROW(INDEX(Jesper!AI$2:AI$366,ROUNDDOWN($C4099/24,0)+1,1))-1)+IF('Standard Profiles'!$G$19=$B$10,7,0)+IF('Standard Profiles'!$G$19=$B$17,14,0)+IF('Standard Profiles'!$G$19=$B$24,21,0),0)),0)</f>
        <v>0</v>
      </c>
      <c r="F4099" cm="1">
        <f t="array" ref="F4099">IFERROR(INDEX(Jesper!AJ$2:AJ$366,ROUNDDOWN($C4099/24,0)+1,1)*INDEX($D$3:$AA$30,INDEX(Jesper!$R$2:$R$366,ROW(INDEX(Jesper!AJ$2:AJ$366,ROUNDDOWN($C4099/24,0)+1,1))-1)+IF('Standard Profiles'!$G$20=$B$10,7,0)+IF('Standard Profiles'!$G$20=$B$17,14,0)+IF('Standard Profiles'!$G$20=$B$24,21,0),MOD($C4099,24)+1)/SUM(INDEX($D$3:$AA$30,INDEX(Jesper!$R$2:$R$366,ROW(INDEX(Jesper!AJ$2:AJ$366,ROUNDDOWN($C4099/24,0)+1,1))-1)+IF('Standard Profiles'!$G$20=$B$10,7,0)+IF('Standard Profiles'!$G$20=$B$17,14,0)+IF('Standard Profiles'!$G$20=$B$24,21,0),0)),0)</f>
        <v>0</v>
      </c>
      <c r="G4099" cm="1">
        <f t="array" ref="G4099">IFERROR(INDEX(Jesper!AK$2:AK$366,ROUNDDOWN($C4099/24,0)+1,1)*INDEX($D$3:$AA$30,INDEX(Jesper!$R$2:$R$366,ROW(INDEX(Jesper!AK$2:AK$366,ROUNDDOWN($C4099/24,0)+1,1))-1)+IF('Standard Profiles'!$G$21=$B$10,7,0)+IF('Standard Profiles'!$G$21=$B$17,14,0)+IF('Standard Profiles'!$G$21=$B$24,21,0),MOD($C4099,24)+1)/SUM(INDEX($D$3:$AA$30,INDEX(Jesper!$R$2:$R$366,ROW(INDEX(Jesper!AK$2:AK$366,ROUNDDOWN($C4099/24,0)+1,1))-1)+IF('Standard Profiles'!$G$21=$B$10,7,0)+IF('Standard Profiles'!$G$21=$B$17,14,0)+IF('Standard Profiles'!$G$21=$B$24,21,0),0)),0)</f>
        <v>0</v>
      </c>
      <c r="H4099" cm="1">
        <f t="array" ref="H4099">IFERROR(INDEX(Jesper!AL$2:AL$366,ROUNDDOWN($C4099/24,0)+1,1)*INDEX($D$3:$AA$30,INDEX(Jesper!$R$2:$R$366,ROW(INDEX(Jesper!AL$2:AL$366,ROUNDDOWN($C4099/24,0)+1,1))-1)+IF('Standard Profiles'!$G$22=$B$10,7,0)+IF('Standard Profiles'!$G$22=$B$17,14,0)+IF('Standard Profiles'!$G$22=$B$24,21,0),MOD($C4099,24)+1)/SUM(INDEX($D$3:$AA$30,INDEX(Jesper!$R$2:$R$366,ROW(INDEX(Jesper!AL$2:AL$366,ROUNDDOWN($C4099/24,0)+1,1))-1)+IF('Standard Profiles'!$G$22=$B$10,7,0)+IF('Standard Profiles'!$G$22=$B$17,14,0)+IF('Standard Profiles'!$G$22=$B$24,21,0),0)),0)</f>
        <v>0</v>
      </c>
      <c r="I4099">
        <f t="shared" si="461"/>
        <v>0.32125316710992724</v>
      </c>
      <c r="J4099">
        <f t="shared" si="462"/>
        <v>1.0708438903664241</v>
      </c>
      <c r="K4099">
        <f t="shared" si="463"/>
        <v>1.6062658355496362</v>
      </c>
      <c r="L4099">
        <f t="shared" si="464"/>
        <v>7.7100760106382538</v>
      </c>
      <c r="M4099">
        <f t="shared" si="465"/>
        <v>0</v>
      </c>
      <c r="N4099" s="46">
        <f t="shared" si="466"/>
        <v>45461.374999990141</v>
      </c>
    </row>
    <row r="4100" spans="2:14" x14ac:dyDescent="0.3">
      <c r="B4100">
        <f t="shared" si="460"/>
        <v>2</v>
      </c>
      <c r="C4100" s="16">
        <v>4066</v>
      </c>
      <c r="D4100" cm="1">
        <f t="array" ref="D4100">IFERROR(INDEX(Jesper!AH$2:AH$366,ROUNDDOWN($C4100/24,0)+1,1)*INDEX($D$3:$AA$30,INDEX(Jesper!$R$2:$R$366,ROW(INDEX(Jesper!AH$2:AH$366,ROUNDDOWN($C4100/24,0)+1,1))-1)+IF('Standard Profiles'!$G$18=$B$10,7,0)+IF('Standard Profiles'!$G$18=$B$17,14,0)+IF('Standard Profiles'!$G$18=$B$24,21,0),MOD($C4100,24)+1)/SUM(INDEX($D$3:$AA$30,INDEX(Jesper!$R$2:$R$366,ROW(INDEX(Jesper!AH$2:AH$366,ROUNDDOWN($C4100/24,0)+1,1))-1)+IF('Standard Profiles'!$G$18=$B$10,7,0)+IF('Standard Profiles'!$G$18=$B$17,14,0)+IF('Standard Profiles'!$G$18=$B$24,21,0),0)),0)</f>
        <v>11.202674545371822</v>
      </c>
      <c r="E4100" cm="1">
        <f t="array" ref="E4100">IFERROR(INDEX(Jesper!AI$2:AI$366,ROUNDDOWN($C4100/24,0)+1,1)*INDEX($D$3:$AA$30,INDEX(Jesper!$R$2:$R$366,ROW(INDEX(Jesper!AI$2:AI$366,ROUNDDOWN($C4100/24,0)+1,1))-1)+IF('Standard Profiles'!$G$19=$B$10,7,0)+IF('Standard Profiles'!$G$19=$B$17,14,0)+IF('Standard Profiles'!$G$19=$B$24,21,0),MOD($C4100,24)+1)/SUM(INDEX($D$3:$AA$30,INDEX(Jesper!$R$2:$R$366,ROW(INDEX(Jesper!AI$2:AI$366,ROUNDDOWN($C4100/24,0)+1,1))-1)+IF('Standard Profiles'!$G$19=$B$10,7,0)+IF('Standard Profiles'!$G$19=$B$17,14,0)+IF('Standard Profiles'!$G$19=$B$24,21,0),0)),0)</f>
        <v>0</v>
      </c>
      <c r="F4100" cm="1">
        <f t="array" ref="F4100">IFERROR(INDEX(Jesper!AJ$2:AJ$366,ROUNDDOWN($C4100/24,0)+1,1)*INDEX($D$3:$AA$30,INDEX(Jesper!$R$2:$R$366,ROW(INDEX(Jesper!AJ$2:AJ$366,ROUNDDOWN($C4100/24,0)+1,1))-1)+IF('Standard Profiles'!$G$20=$B$10,7,0)+IF('Standard Profiles'!$G$20=$B$17,14,0)+IF('Standard Profiles'!$G$20=$B$24,21,0),MOD($C4100,24)+1)/SUM(INDEX($D$3:$AA$30,INDEX(Jesper!$R$2:$R$366,ROW(INDEX(Jesper!AJ$2:AJ$366,ROUNDDOWN($C4100/24,0)+1,1))-1)+IF('Standard Profiles'!$G$20=$B$10,7,0)+IF('Standard Profiles'!$G$20=$B$17,14,0)+IF('Standard Profiles'!$G$20=$B$24,21,0),0)),0)</f>
        <v>0</v>
      </c>
      <c r="G4100" cm="1">
        <f t="array" ref="G4100">IFERROR(INDEX(Jesper!AK$2:AK$366,ROUNDDOWN($C4100/24,0)+1,1)*INDEX($D$3:$AA$30,INDEX(Jesper!$R$2:$R$366,ROW(INDEX(Jesper!AK$2:AK$366,ROUNDDOWN($C4100/24,0)+1,1))-1)+IF('Standard Profiles'!$G$21=$B$10,7,0)+IF('Standard Profiles'!$G$21=$B$17,14,0)+IF('Standard Profiles'!$G$21=$B$24,21,0),MOD($C4100,24)+1)/SUM(INDEX($D$3:$AA$30,INDEX(Jesper!$R$2:$R$366,ROW(INDEX(Jesper!AK$2:AK$366,ROUNDDOWN($C4100/24,0)+1,1))-1)+IF('Standard Profiles'!$G$21=$B$10,7,0)+IF('Standard Profiles'!$G$21=$B$17,14,0)+IF('Standard Profiles'!$G$21=$B$24,21,0),0)),0)</f>
        <v>0</v>
      </c>
      <c r="H4100" cm="1">
        <f t="array" ref="H4100">IFERROR(INDEX(Jesper!AL$2:AL$366,ROUNDDOWN($C4100/24,0)+1,1)*INDEX($D$3:$AA$30,INDEX(Jesper!$R$2:$R$366,ROW(INDEX(Jesper!AL$2:AL$366,ROUNDDOWN($C4100/24,0)+1,1))-1)+IF('Standard Profiles'!$G$22=$B$10,7,0)+IF('Standard Profiles'!$G$22=$B$17,14,0)+IF('Standard Profiles'!$G$22=$B$24,21,0),MOD($C4100,24)+1)/SUM(INDEX($D$3:$AA$30,INDEX(Jesper!$R$2:$R$366,ROW(INDEX(Jesper!AL$2:AL$366,ROUNDDOWN($C4100/24,0)+1,1))-1)+IF('Standard Profiles'!$G$22=$B$10,7,0)+IF('Standard Profiles'!$G$22=$B$17,14,0)+IF('Standard Profiles'!$G$22=$B$24,21,0),0)),0)</f>
        <v>0</v>
      </c>
      <c r="I4100">
        <f t="shared" si="461"/>
        <v>0.33608023636115464</v>
      </c>
      <c r="J4100">
        <f t="shared" si="462"/>
        <v>1.1202674545371822</v>
      </c>
      <c r="K4100">
        <f t="shared" si="463"/>
        <v>1.6804011818057734</v>
      </c>
      <c r="L4100">
        <f t="shared" si="464"/>
        <v>8.0659256726677118</v>
      </c>
      <c r="M4100">
        <f t="shared" si="465"/>
        <v>0</v>
      </c>
      <c r="N4100" s="46">
        <f t="shared" si="466"/>
        <v>45461.416666656805</v>
      </c>
    </row>
    <row r="4101" spans="2:14" x14ac:dyDescent="0.3">
      <c r="B4101">
        <f t="shared" si="460"/>
        <v>2</v>
      </c>
      <c r="C4101" s="16">
        <v>4067</v>
      </c>
      <c r="D4101" cm="1">
        <f t="array" ref="D4101">IFERROR(INDEX(Jesper!AH$2:AH$366,ROUNDDOWN($C4101/24,0)+1,1)*INDEX($D$3:$AA$30,INDEX(Jesper!$R$2:$R$366,ROW(INDEX(Jesper!AH$2:AH$366,ROUNDDOWN($C4101/24,0)+1,1))-1)+IF('Standard Profiles'!$G$18=$B$10,7,0)+IF('Standard Profiles'!$G$18=$B$17,14,0)+IF('Standard Profiles'!$G$18=$B$24,21,0),MOD($C4101,24)+1)/SUM(INDEX($D$3:$AA$30,INDEX(Jesper!$R$2:$R$366,ROW(INDEX(Jesper!AH$2:AH$366,ROUNDDOWN($C4101/24,0)+1,1))-1)+IF('Standard Profiles'!$G$18=$B$10,7,0)+IF('Standard Profiles'!$G$18=$B$17,14,0)+IF('Standard Profiles'!$G$18=$B$24,21,0),0)),0)</f>
        <v>13.179617112202145</v>
      </c>
      <c r="E4101" cm="1">
        <f t="array" ref="E4101">IFERROR(INDEX(Jesper!AI$2:AI$366,ROUNDDOWN($C4101/24,0)+1,1)*INDEX($D$3:$AA$30,INDEX(Jesper!$R$2:$R$366,ROW(INDEX(Jesper!AI$2:AI$366,ROUNDDOWN($C4101/24,0)+1,1))-1)+IF('Standard Profiles'!$G$19=$B$10,7,0)+IF('Standard Profiles'!$G$19=$B$17,14,0)+IF('Standard Profiles'!$G$19=$B$24,21,0),MOD($C4101,24)+1)/SUM(INDEX($D$3:$AA$30,INDEX(Jesper!$R$2:$R$366,ROW(INDEX(Jesper!AI$2:AI$366,ROUNDDOWN($C4101/24,0)+1,1))-1)+IF('Standard Profiles'!$G$19=$B$10,7,0)+IF('Standard Profiles'!$G$19=$B$17,14,0)+IF('Standard Profiles'!$G$19=$B$24,21,0),0)),0)</f>
        <v>0</v>
      </c>
      <c r="F4101" cm="1">
        <f t="array" ref="F4101">IFERROR(INDEX(Jesper!AJ$2:AJ$366,ROUNDDOWN($C4101/24,0)+1,1)*INDEX($D$3:$AA$30,INDEX(Jesper!$R$2:$R$366,ROW(INDEX(Jesper!AJ$2:AJ$366,ROUNDDOWN($C4101/24,0)+1,1))-1)+IF('Standard Profiles'!$G$20=$B$10,7,0)+IF('Standard Profiles'!$G$20=$B$17,14,0)+IF('Standard Profiles'!$G$20=$B$24,21,0),MOD($C4101,24)+1)/SUM(INDEX($D$3:$AA$30,INDEX(Jesper!$R$2:$R$366,ROW(INDEX(Jesper!AJ$2:AJ$366,ROUNDDOWN($C4101/24,0)+1,1))-1)+IF('Standard Profiles'!$G$20=$B$10,7,0)+IF('Standard Profiles'!$G$20=$B$17,14,0)+IF('Standard Profiles'!$G$20=$B$24,21,0),0)),0)</f>
        <v>0</v>
      </c>
      <c r="G4101" cm="1">
        <f t="array" ref="G4101">IFERROR(INDEX(Jesper!AK$2:AK$366,ROUNDDOWN($C4101/24,0)+1,1)*INDEX($D$3:$AA$30,INDEX(Jesper!$R$2:$R$366,ROW(INDEX(Jesper!AK$2:AK$366,ROUNDDOWN($C4101/24,0)+1,1))-1)+IF('Standard Profiles'!$G$21=$B$10,7,0)+IF('Standard Profiles'!$G$21=$B$17,14,0)+IF('Standard Profiles'!$G$21=$B$24,21,0),MOD($C4101,24)+1)/SUM(INDEX($D$3:$AA$30,INDEX(Jesper!$R$2:$R$366,ROW(INDEX(Jesper!AK$2:AK$366,ROUNDDOWN($C4101/24,0)+1,1))-1)+IF('Standard Profiles'!$G$21=$B$10,7,0)+IF('Standard Profiles'!$G$21=$B$17,14,0)+IF('Standard Profiles'!$G$21=$B$24,21,0),0)),0)</f>
        <v>0</v>
      </c>
      <c r="H4101" cm="1">
        <f t="array" ref="H4101">IFERROR(INDEX(Jesper!AL$2:AL$366,ROUNDDOWN($C4101/24,0)+1,1)*INDEX($D$3:$AA$30,INDEX(Jesper!$R$2:$R$366,ROW(INDEX(Jesper!AL$2:AL$366,ROUNDDOWN($C4101/24,0)+1,1))-1)+IF('Standard Profiles'!$G$22=$B$10,7,0)+IF('Standard Profiles'!$G$22=$B$17,14,0)+IF('Standard Profiles'!$G$22=$B$24,21,0),MOD($C4101,24)+1)/SUM(INDEX($D$3:$AA$30,INDEX(Jesper!$R$2:$R$366,ROW(INDEX(Jesper!AL$2:AL$366,ROUNDDOWN($C4101/24,0)+1,1))-1)+IF('Standard Profiles'!$G$22=$B$10,7,0)+IF('Standard Profiles'!$G$22=$B$17,14,0)+IF('Standard Profiles'!$G$22=$B$24,21,0),0)),0)</f>
        <v>0</v>
      </c>
      <c r="I4101">
        <f t="shared" si="461"/>
        <v>0.39538851336606434</v>
      </c>
      <c r="J4101">
        <f t="shared" si="462"/>
        <v>1.3179617112202147</v>
      </c>
      <c r="K4101">
        <f t="shared" si="463"/>
        <v>1.9769425668303215</v>
      </c>
      <c r="L4101">
        <f t="shared" si="464"/>
        <v>9.4893243207855438</v>
      </c>
      <c r="M4101">
        <f t="shared" si="465"/>
        <v>0</v>
      </c>
      <c r="N4101" s="46">
        <f t="shared" si="466"/>
        <v>45461.45833332347</v>
      </c>
    </row>
    <row r="4102" spans="2:14" x14ac:dyDescent="0.3">
      <c r="B4102">
        <f t="shared" si="460"/>
        <v>2</v>
      </c>
      <c r="C4102" s="16">
        <v>4068</v>
      </c>
      <c r="D4102" cm="1">
        <f t="array" ref="D4102">IFERROR(INDEX(Jesper!AH$2:AH$366,ROUNDDOWN($C4102/24,0)+1,1)*INDEX($D$3:$AA$30,INDEX(Jesper!$R$2:$R$366,ROW(INDEX(Jesper!AH$2:AH$366,ROUNDDOWN($C4102/24,0)+1,1))-1)+IF('Standard Profiles'!$G$18=$B$10,7,0)+IF('Standard Profiles'!$G$18=$B$17,14,0)+IF('Standard Profiles'!$G$18=$B$24,21,0),MOD($C4102,24)+1)/SUM(INDEX($D$3:$AA$30,INDEX(Jesper!$R$2:$R$366,ROW(INDEX(Jesper!AH$2:AH$366,ROUNDDOWN($C4102/24,0)+1,1))-1)+IF('Standard Profiles'!$G$18=$B$10,7,0)+IF('Standard Profiles'!$G$18=$B$17,14,0)+IF('Standard Profiles'!$G$18=$B$24,21,0),0)),0)</f>
        <v>13.179617112202145</v>
      </c>
      <c r="E4102" cm="1">
        <f t="array" ref="E4102">IFERROR(INDEX(Jesper!AI$2:AI$366,ROUNDDOWN($C4102/24,0)+1,1)*INDEX($D$3:$AA$30,INDEX(Jesper!$R$2:$R$366,ROW(INDEX(Jesper!AI$2:AI$366,ROUNDDOWN($C4102/24,0)+1,1))-1)+IF('Standard Profiles'!$G$19=$B$10,7,0)+IF('Standard Profiles'!$G$19=$B$17,14,0)+IF('Standard Profiles'!$G$19=$B$24,21,0),MOD($C4102,24)+1)/SUM(INDEX($D$3:$AA$30,INDEX(Jesper!$R$2:$R$366,ROW(INDEX(Jesper!AI$2:AI$366,ROUNDDOWN($C4102/24,0)+1,1))-1)+IF('Standard Profiles'!$G$19=$B$10,7,0)+IF('Standard Profiles'!$G$19=$B$17,14,0)+IF('Standard Profiles'!$G$19=$B$24,21,0),0)),0)</f>
        <v>0</v>
      </c>
      <c r="F4102" cm="1">
        <f t="array" ref="F4102">IFERROR(INDEX(Jesper!AJ$2:AJ$366,ROUNDDOWN($C4102/24,0)+1,1)*INDEX($D$3:$AA$30,INDEX(Jesper!$R$2:$R$366,ROW(INDEX(Jesper!AJ$2:AJ$366,ROUNDDOWN($C4102/24,0)+1,1))-1)+IF('Standard Profiles'!$G$20=$B$10,7,0)+IF('Standard Profiles'!$G$20=$B$17,14,0)+IF('Standard Profiles'!$G$20=$B$24,21,0),MOD($C4102,24)+1)/SUM(INDEX($D$3:$AA$30,INDEX(Jesper!$R$2:$R$366,ROW(INDEX(Jesper!AJ$2:AJ$366,ROUNDDOWN($C4102/24,0)+1,1))-1)+IF('Standard Profiles'!$G$20=$B$10,7,0)+IF('Standard Profiles'!$G$20=$B$17,14,0)+IF('Standard Profiles'!$G$20=$B$24,21,0),0)),0)</f>
        <v>0</v>
      </c>
      <c r="G4102" cm="1">
        <f t="array" ref="G4102">IFERROR(INDEX(Jesper!AK$2:AK$366,ROUNDDOWN($C4102/24,0)+1,1)*INDEX($D$3:$AA$30,INDEX(Jesper!$R$2:$R$366,ROW(INDEX(Jesper!AK$2:AK$366,ROUNDDOWN($C4102/24,0)+1,1))-1)+IF('Standard Profiles'!$G$21=$B$10,7,0)+IF('Standard Profiles'!$G$21=$B$17,14,0)+IF('Standard Profiles'!$G$21=$B$24,21,0),MOD($C4102,24)+1)/SUM(INDEX($D$3:$AA$30,INDEX(Jesper!$R$2:$R$366,ROW(INDEX(Jesper!AK$2:AK$366,ROUNDDOWN($C4102/24,0)+1,1))-1)+IF('Standard Profiles'!$G$21=$B$10,7,0)+IF('Standard Profiles'!$G$21=$B$17,14,0)+IF('Standard Profiles'!$G$21=$B$24,21,0),0)),0)</f>
        <v>0</v>
      </c>
      <c r="H4102" cm="1">
        <f t="array" ref="H4102">IFERROR(INDEX(Jesper!AL$2:AL$366,ROUNDDOWN($C4102/24,0)+1,1)*INDEX($D$3:$AA$30,INDEX(Jesper!$R$2:$R$366,ROW(INDEX(Jesper!AL$2:AL$366,ROUNDDOWN($C4102/24,0)+1,1))-1)+IF('Standard Profiles'!$G$22=$B$10,7,0)+IF('Standard Profiles'!$G$22=$B$17,14,0)+IF('Standard Profiles'!$G$22=$B$24,21,0),MOD($C4102,24)+1)/SUM(INDEX($D$3:$AA$30,INDEX(Jesper!$R$2:$R$366,ROW(INDEX(Jesper!AL$2:AL$366,ROUNDDOWN($C4102/24,0)+1,1))-1)+IF('Standard Profiles'!$G$22=$B$10,7,0)+IF('Standard Profiles'!$G$22=$B$17,14,0)+IF('Standard Profiles'!$G$22=$B$24,21,0),0)),0)</f>
        <v>0</v>
      </c>
      <c r="I4102">
        <f t="shared" si="461"/>
        <v>0.39538851336606434</v>
      </c>
      <c r="J4102">
        <f t="shared" si="462"/>
        <v>1.3179617112202147</v>
      </c>
      <c r="K4102">
        <f t="shared" si="463"/>
        <v>1.9769425668303215</v>
      </c>
      <c r="L4102">
        <f t="shared" si="464"/>
        <v>9.4893243207855438</v>
      </c>
      <c r="M4102">
        <f t="shared" si="465"/>
        <v>0</v>
      </c>
      <c r="N4102" s="46">
        <f t="shared" si="466"/>
        <v>45461.499999990134</v>
      </c>
    </row>
    <row r="4103" spans="2:14" x14ac:dyDescent="0.3">
      <c r="B4103">
        <f t="shared" si="460"/>
        <v>2</v>
      </c>
      <c r="C4103" s="16">
        <v>4069</v>
      </c>
      <c r="D4103" cm="1">
        <f t="array" ref="D4103">IFERROR(INDEX(Jesper!AH$2:AH$366,ROUNDDOWN($C4103/24,0)+1,1)*INDEX($D$3:$AA$30,INDEX(Jesper!$R$2:$R$366,ROW(INDEX(Jesper!AH$2:AH$366,ROUNDDOWN($C4103/24,0)+1,1))-1)+IF('Standard Profiles'!$G$18=$B$10,7,0)+IF('Standard Profiles'!$G$18=$B$17,14,0)+IF('Standard Profiles'!$G$18=$B$24,21,0),MOD($C4103,24)+1)/SUM(INDEX($D$3:$AA$30,INDEX(Jesper!$R$2:$R$366,ROW(INDEX(Jesper!AH$2:AH$366,ROUNDDOWN($C4103/24,0)+1,1))-1)+IF('Standard Profiles'!$G$18=$B$10,7,0)+IF('Standard Profiles'!$G$18=$B$17,14,0)+IF('Standard Profiles'!$G$18=$B$24,21,0),0)),0)</f>
        <v>13.179617112202145</v>
      </c>
      <c r="E4103" cm="1">
        <f t="array" ref="E4103">IFERROR(INDEX(Jesper!AI$2:AI$366,ROUNDDOWN($C4103/24,0)+1,1)*INDEX($D$3:$AA$30,INDEX(Jesper!$R$2:$R$366,ROW(INDEX(Jesper!AI$2:AI$366,ROUNDDOWN($C4103/24,0)+1,1))-1)+IF('Standard Profiles'!$G$19=$B$10,7,0)+IF('Standard Profiles'!$G$19=$B$17,14,0)+IF('Standard Profiles'!$G$19=$B$24,21,0),MOD($C4103,24)+1)/SUM(INDEX($D$3:$AA$30,INDEX(Jesper!$R$2:$R$366,ROW(INDEX(Jesper!AI$2:AI$366,ROUNDDOWN($C4103/24,0)+1,1))-1)+IF('Standard Profiles'!$G$19=$B$10,7,0)+IF('Standard Profiles'!$G$19=$B$17,14,0)+IF('Standard Profiles'!$G$19=$B$24,21,0),0)),0)</f>
        <v>0</v>
      </c>
      <c r="F4103" cm="1">
        <f t="array" ref="F4103">IFERROR(INDEX(Jesper!AJ$2:AJ$366,ROUNDDOWN($C4103/24,0)+1,1)*INDEX($D$3:$AA$30,INDEX(Jesper!$R$2:$R$366,ROW(INDEX(Jesper!AJ$2:AJ$366,ROUNDDOWN($C4103/24,0)+1,1))-1)+IF('Standard Profiles'!$G$20=$B$10,7,0)+IF('Standard Profiles'!$G$20=$B$17,14,0)+IF('Standard Profiles'!$G$20=$B$24,21,0),MOD($C4103,24)+1)/SUM(INDEX($D$3:$AA$30,INDEX(Jesper!$R$2:$R$366,ROW(INDEX(Jesper!AJ$2:AJ$366,ROUNDDOWN($C4103/24,0)+1,1))-1)+IF('Standard Profiles'!$G$20=$B$10,7,0)+IF('Standard Profiles'!$G$20=$B$17,14,0)+IF('Standard Profiles'!$G$20=$B$24,21,0),0)),0)</f>
        <v>0</v>
      </c>
      <c r="G4103" cm="1">
        <f t="array" ref="G4103">IFERROR(INDEX(Jesper!AK$2:AK$366,ROUNDDOWN($C4103/24,0)+1,1)*INDEX($D$3:$AA$30,INDEX(Jesper!$R$2:$R$366,ROW(INDEX(Jesper!AK$2:AK$366,ROUNDDOWN($C4103/24,0)+1,1))-1)+IF('Standard Profiles'!$G$21=$B$10,7,0)+IF('Standard Profiles'!$G$21=$B$17,14,0)+IF('Standard Profiles'!$G$21=$B$24,21,0),MOD($C4103,24)+1)/SUM(INDEX($D$3:$AA$30,INDEX(Jesper!$R$2:$R$366,ROW(INDEX(Jesper!AK$2:AK$366,ROUNDDOWN($C4103/24,0)+1,1))-1)+IF('Standard Profiles'!$G$21=$B$10,7,0)+IF('Standard Profiles'!$G$21=$B$17,14,0)+IF('Standard Profiles'!$G$21=$B$24,21,0),0)),0)</f>
        <v>0</v>
      </c>
      <c r="H4103" cm="1">
        <f t="array" ref="H4103">IFERROR(INDEX(Jesper!AL$2:AL$366,ROUNDDOWN($C4103/24,0)+1,1)*INDEX($D$3:$AA$30,INDEX(Jesper!$R$2:$R$366,ROW(INDEX(Jesper!AL$2:AL$366,ROUNDDOWN($C4103/24,0)+1,1))-1)+IF('Standard Profiles'!$G$22=$B$10,7,0)+IF('Standard Profiles'!$G$22=$B$17,14,0)+IF('Standard Profiles'!$G$22=$B$24,21,0),MOD($C4103,24)+1)/SUM(INDEX($D$3:$AA$30,INDEX(Jesper!$R$2:$R$366,ROW(INDEX(Jesper!AL$2:AL$366,ROUNDDOWN($C4103/24,0)+1,1))-1)+IF('Standard Profiles'!$G$22=$B$10,7,0)+IF('Standard Profiles'!$G$22=$B$17,14,0)+IF('Standard Profiles'!$G$22=$B$24,21,0),0)),0)</f>
        <v>0</v>
      </c>
      <c r="I4103">
        <f t="shared" si="461"/>
        <v>0.39538851336606434</v>
      </c>
      <c r="J4103">
        <f t="shared" si="462"/>
        <v>1.3179617112202147</v>
      </c>
      <c r="K4103">
        <f t="shared" si="463"/>
        <v>1.9769425668303215</v>
      </c>
      <c r="L4103">
        <f t="shared" si="464"/>
        <v>9.4893243207855438</v>
      </c>
      <c r="M4103">
        <f t="shared" si="465"/>
        <v>0</v>
      </c>
      <c r="N4103" s="46">
        <f t="shared" si="466"/>
        <v>45461.541666656798</v>
      </c>
    </row>
    <row r="4104" spans="2:14" x14ac:dyDescent="0.3">
      <c r="B4104">
        <f t="shared" si="460"/>
        <v>2</v>
      </c>
      <c r="C4104" s="16">
        <v>4070</v>
      </c>
      <c r="D4104" cm="1">
        <f t="array" ref="D4104">IFERROR(INDEX(Jesper!AH$2:AH$366,ROUNDDOWN($C4104/24,0)+1,1)*INDEX($D$3:$AA$30,INDEX(Jesper!$R$2:$R$366,ROW(INDEX(Jesper!AH$2:AH$366,ROUNDDOWN($C4104/24,0)+1,1))-1)+IF('Standard Profiles'!$G$18=$B$10,7,0)+IF('Standard Profiles'!$G$18=$B$17,14,0)+IF('Standard Profiles'!$G$18=$B$24,21,0),MOD($C4104,24)+1)/SUM(INDEX($D$3:$AA$30,INDEX(Jesper!$R$2:$R$366,ROW(INDEX(Jesper!AH$2:AH$366,ROUNDDOWN($C4104/24,0)+1,1))-1)+IF('Standard Profiles'!$G$18=$B$10,7,0)+IF('Standard Profiles'!$G$18=$B$17,14,0)+IF('Standard Profiles'!$G$18=$B$24,21,0),0)),0)</f>
        <v>13.179617112202145</v>
      </c>
      <c r="E4104" cm="1">
        <f t="array" ref="E4104">IFERROR(INDEX(Jesper!AI$2:AI$366,ROUNDDOWN($C4104/24,0)+1,1)*INDEX($D$3:$AA$30,INDEX(Jesper!$R$2:$R$366,ROW(INDEX(Jesper!AI$2:AI$366,ROUNDDOWN($C4104/24,0)+1,1))-1)+IF('Standard Profiles'!$G$19=$B$10,7,0)+IF('Standard Profiles'!$G$19=$B$17,14,0)+IF('Standard Profiles'!$G$19=$B$24,21,0),MOD($C4104,24)+1)/SUM(INDEX($D$3:$AA$30,INDEX(Jesper!$R$2:$R$366,ROW(INDEX(Jesper!AI$2:AI$366,ROUNDDOWN($C4104/24,0)+1,1))-1)+IF('Standard Profiles'!$G$19=$B$10,7,0)+IF('Standard Profiles'!$G$19=$B$17,14,0)+IF('Standard Profiles'!$G$19=$B$24,21,0),0)),0)</f>
        <v>0</v>
      </c>
      <c r="F4104" cm="1">
        <f t="array" ref="F4104">IFERROR(INDEX(Jesper!AJ$2:AJ$366,ROUNDDOWN($C4104/24,0)+1,1)*INDEX($D$3:$AA$30,INDEX(Jesper!$R$2:$R$366,ROW(INDEX(Jesper!AJ$2:AJ$366,ROUNDDOWN($C4104/24,0)+1,1))-1)+IF('Standard Profiles'!$G$20=$B$10,7,0)+IF('Standard Profiles'!$G$20=$B$17,14,0)+IF('Standard Profiles'!$G$20=$B$24,21,0),MOD($C4104,24)+1)/SUM(INDEX($D$3:$AA$30,INDEX(Jesper!$R$2:$R$366,ROW(INDEX(Jesper!AJ$2:AJ$366,ROUNDDOWN($C4104/24,0)+1,1))-1)+IF('Standard Profiles'!$G$20=$B$10,7,0)+IF('Standard Profiles'!$G$20=$B$17,14,0)+IF('Standard Profiles'!$G$20=$B$24,21,0),0)),0)</f>
        <v>0</v>
      </c>
      <c r="G4104" cm="1">
        <f t="array" ref="G4104">IFERROR(INDEX(Jesper!AK$2:AK$366,ROUNDDOWN($C4104/24,0)+1,1)*INDEX($D$3:$AA$30,INDEX(Jesper!$R$2:$R$366,ROW(INDEX(Jesper!AK$2:AK$366,ROUNDDOWN($C4104/24,0)+1,1))-1)+IF('Standard Profiles'!$G$21=$B$10,7,0)+IF('Standard Profiles'!$G$21=$B$17,14,0)+IF('Standard Profiles'!$G$21=$B$24,21,0),MOD($C4104,24)+1)/SUM(INDEX($D$3:$AA$30,INDEX(Jesper!$R$2:$R$366,ROW(INDEX(Jesper!AK$2:AK$366,ROUNDDOWN($C4104/24,0)+1,1))-1)+IF('Standard Profiles'!$G$21=$B$10,7,0)+IF('Standard Profiles'!$G$21=$B$17,14,0)+IF('Standard Profiles'!$G$21=$B$24,21,0),0)),0)</f>
        <v>0</v>
      </c>
      <c r="H4104" cm="1">
        <f t="array" ref="H4104">IFERROR(INDEX(Jesper!AL$2:AL$366,ROUNDDOWN($C4104/24,0)+1,1)*INDEX($D$3:$AA$30,INDEX(Jesper!$R$2:$R$366,ROW(INDEX(Jesper!AL$2:AL$366,ROUNDDOWN($C4104/24,0)+1,1))-1)+IF('Standard Profiles'!$G$22=$B$10,7,0)+IF('Standard Profiles'!$G$22=$B$17,14,0)+IF('Standard Profiles'!$G$22=$B$24,21,0),MOD($C4104,24)+1)/SUM(INDEX($D$3:$AA$30,INDEX(Jesper!$R$2:$R$366,ROW(INDEX(Jesper!AL$2:AL$366,ROUNDDOWN($C4104/24,0)+1,1))-1)+IF('Standard Profiles'!$G$22=$B$10,7,0)+IF('Standard Profiles'!$G$22=$B$17,14,0)+IF('Standard Profiles'!$G$22=$B$24,21,0),0)),0)</f>
        <v>0</v>
      </c>
      <c r="I4104">
        <f t="shared" si="461"/>
        <v>0.39538851336606434</v>
      </c>
      <c r="J4104">
        <f t="shared" si="462"/>
        <v>1.3179617112202147</v>
      </c>
      <c r="K4104">
        <f t="shared" si="463"/>
        <v>1.9769425668303215</v>
      </c>
      <c r="L4104">
        <f t="shared" si="464"/>
        <v>9.4893243207855438</v>
      </c>
      <c r="M4104">
        <f t="shared" si="465"/>
        <v>0</v>
      </c>
      <c r="N4104" s="46">
        <f t="shared" si="466"/>
        <v>45461.583333323462</v>
      </c>
    </row>
    <row r="4105" spans="2:14" x14ac:dyDescent="0.3">
      <c r="B4105">
        <f t="shared" si="460"/>
        <v>2</v>
      </c>
      <c r="C4105" s="16">
        <v>4071</v>
      </c>
      <c r="D4105" cm="1">
        <f t="array" ref="D4105">IFERROR(INDEX(Jesper!AH$2:AH$366,ROUNDDOWN($C4105/24,0)+1,1)*INDEX($D$3:$AA$30,INDEX(Jesper!$R$2:$R$366,ROW(INDEX(Jesper!AH$2:AH$366,ROUNDDOWN($C4105/24,0)+1,1))-1)+IF('Standard Profiles'!$G$18=$B$10,7,0)+IF('Standard Profiles'!$G$18=$B$17,14,0)+IF('Standard Profiles'!$G$18=$B$24,21,0),MOD($C4105,24)+1)/SUM(INDEX($D$3:$AA$30,INDEX(Jesper!$R$2:$R$366,ROW(INDEX(Jesper!AH$2:AH$366,ROUNDDOWN($C4105/24,0)+1,1))-1)+IF('Standard Profiles'!$G$18=$B$10,7,0)+IF('Standard Profiles'!$G$18=$B$17,14,0)+IF('Standard Profiles'!$G$18=$B$24,21,0),0)),0)</f>
        <v>13.179617112202145</v>
      </c>
      <c r="E4105" cm="1">
        <f t="array" ref="E4105">IFERROR(INDEX(Jesper!AI$2:AI$366,ROUNDDOWN($C4105/24,0)+1,1)*INDEX($D$3:$AA$30,INDEX(Jesper!$R$2:$R$366,ROW(INDEX(Jesper!AI$2:AI$366,ROUNDDOWN($C4105/24,0)+1,1))-1)+IF('Standard Profiles'!$G$19=$B$10,7,0)+IF('Standard Profiles'!$G$19=$B$17,14,0)+IF('Standard Profiles'!$G$19=$B$24,21,0),MOD($C4105,24)+1)/SUM(INDEX($D$3:$AA$30,INDEX(Jesper!$R$2:$R$366,ROW(INDEX(Jesper!AI$2:AI$366,ROUNDDOWN($C4105/24,0)+1,1))-1)+IF('Standard Profiles'!$G$19=$B$10,7,0)+IF('Standard Profiles'!$G$19=$B$17,14,0)+IF('Standard Profiles'!$G$19=$B$24,21,0),0)),0)</f>
        <v>0</v>
      </c>
      <c r="F4105" cm="1">
        <f t="array" ref="F4105">IFERROR(INDEX(Jesper!AJ$2:AJ$366,ROUNDDOWN($C4105/24,0)+1,1)*INDEX($D$3:$AA$30,INDEX(Jesper!$R$2:$R$366,ROW(INDEX(Jesper!AJ$2:AJ$366,ROUNDDOWN($C4105/24,0)+1,1))-1)+IF('Standard Profiles'!$G$20=$B$10,7,0)+IF('Standard Profiles'!$G$20=$B$17,14,0)+IF('Standard Profiles'!$G$20=$B$24,21,0),MOD($C4105,24)+1)/SUM(INDEX($D$3:$AA$30,INDEX(Jesper!$R$2:$R$366,ROW(INDEX(Jesper!AJ$2:AJ$366,ROUNDDOWN($C4105/24,0)+1,1))-1)+IF('Standard Profiles'!$G$20=$B$10,7,0)+IF('Standard Profiles'!$G$20=$B$17,14,0)+IF('Standard Profiles'!$G$20=$B$24,21,0),0)),0)</f>
        <v>0</v>
      </c>
      <c r="G4105" cm="1">
        <f t="array" ref="G4105">IFERROR(INDEX(Jesper!AK$2:AK$366,ROUNDDOWN($C4105/24,0)+1,1)*INDEX($D$3:$AA$30,INDEX(Jesper!$R$2:$R$366,ROW(INDEX(Jesper!AK$2:AK$366,ROUNDDOWN($C4105/24,0)+1,1))-1)+IF('Standard Profiles'!$G$21=$B$10,7,0)+IF('Standard Profiles'!$G$21=$B$17,14,0)+IF('Standard Profiles'!$G$21=$B$24,21,0),MOD($C4105,24)+1)/SUM(INDEX($D$3:$AA$30,INDEX(Jesper!$R$2:$R$366,ROW(INDEX(Jesper!AK$2:AK$366,ROUNDDOWN($C4105/24,0)+1,1))-1)+IF('Standard Profiles'!$G$21=$B$10,7,0)+IF('Standard Profiles'!$G$21=$B$17,14,0)+IF('Standard Profiles'!$G$21=$B$24,21,0),0)),0)</f>
        <v>0</v>
      </c>
      <c r="H4105" cm="1">
        <f t="array" ref="H4105">IFERROR(INDEX(Jesper!AL$2:AL$366,ROUNDDOWN($C4105/24,0)+1,1)*INDEX($D$3:$AA$30,INDEX(Jesper!$R$2:$R$366,ROW(INDEX(Jesper!AL$2:AL$366,ROUNDDOWN($C4105/24,0)+1,1))-1)+IF('Standard Profiles'!$G$22=$B$10,7,0)+IF('Standard Profiles'!$G$22=$B$17,14,0)+IF('Standard Profiles'!$G$22=$B$24,21,0),MOD($C4105,24)+1)/SUM(INDEX($D$3:$AA$30,INDEX(Jesper!$R$2:$R$366,ROW(INDEX(Jesper!AL$2:AL$366,ROUNDDOWN($C4105/24,0)+1,1))-1)+IF('Standard Profiles'!$G$22=$B$10,7,0)+IF('Standard Profiles'!$G$22=$B$17,14,0)+IF('Standard Profiles'!$G$22=$B$24,21,0),0)),0)</f>
        <v>0</v>
      </c>
      <c r="I4105">
        <f t="shared" si="461"/>
        <v>0.39538851336606434</v>
      </c>
      <c r="J4105">
        <f t="shared" si="462"/>
        <v>1.3179617112202147</v>
      </c>
      <c r="K4105">
        <f t="shared" si="463"/>
        <v>1.9769425668303215</v>
      </c>
      <c r="L4105">
        <f t="shared" si="464"/>
        <v>9.4893243207855438</v>
      </c>
      <c r="M4105">
        <f t="shared" si="465"/>
        <v>0</v>
      </c>
      <c r="N4105" s="46">
        <f t="shared" si="466"/>
        <v>45461.624999990127</v>
      </c>
    </row>
    <row r="4106" spans="2:14" x14ac:dyDescent="0.3">
      <c r="B4106">
        <f t="shared" si="460"/>
        <v>2</v>
      </c>
      <c r="C4106" s="16">
        <v>4072</v>
      </c>
      <c r="D4106" cm="1">
        <f t="array" ref="D4106">IFERROR(INDEX(Jesper!AH$2:AH$366,ROUNDDOWN($C4106/24,0)+1,1)*INDEX($D$3:$AA$30,INDEX(Jesper!$R$2:$R$366,ROW(INDEX(Jesper!AH$2:AH$366,ROUNDDOWN($C4106/24,0)+1,1))-1)+IF('Standard Profiles'!$G$18=$B$10,7,0)+IF('Standard Profiles'!$G$18=$B$17,14,0)+IF('Standard Profiles'!$G$18=$B$24,21,0),MOD($C4106,24)+1)/SUM(INDEX($D$3:$AA$30,INDEX(Jesper!$R$2:$R$366,ROW(INDEX(Jesper!AH$2:AH$366,ROUNDDOWN($C4106/24,0)+1,1))-1)+IF('Standard Profiles'!$G$18=$B$10,7,0)+IF('Standard Profiles'!$G$18=$B$17,14,0)+IF('Standard Profiles'!$G$18=$B$24,21,0),0)),0)</f>
        <v>13.179617112202145</v>
      </c>
      <c r="E4106" cm="1">
        <f t="array" ref="E4106">IFERROR(INDEX(Jesper!AI$2:AI$366,ROUNDDOWN($C4106/24,0)+1,1)*INDEX($D$3:$AA$30,INDEX(Jesper!$R$2:$R$366,ROW(INDEX(Jesper!AI$2:AI$366,ROUNDDOWN($C4106/24,0)+1,1))-1)+IF('Standard Profiles'!$G$19=$B$10,7,0)+IF('Standard Profiles'!$G$19=$B$17,14,0)+IF('Standard Profiles'!$G$19=$B$24,21,0),MOD($C4106,24)+1)/SUM(INDEX($D$3:$AA$30,INDEX(Jesper!$R$2:$R$366,ROW(INDEX(Jesper!AI$2:AI$366,ROUNDDOWN($C4106/24,0)+1,1))-1)+IF('Standard Profiles'!$G$19=$B$10,7,0)+IF('Standard Profiles'!$G$19=$B$17,14,0)+IF('Standard Profiles'!$G$19=$B$24,21,0),0)),0)</f>
        <v>0</v>
      </c>
      <c r="F4106" cm="1">
        <f t="array" ref="F4106">IFERROR(INDEX(Jesper!AJ$2:AJ$366,ROUNDDOWN($C4106/24,0)+1,1)*INDEX($D$3:$AA$30,INDEX(Jesper!$R$2:$R$366,ROW(INDEX(Jesper!AJ$2:AJ$366,ROUNDDOWN($C4106/24,0)+1,1))-1)+IF('Standard Profiles'!$G$20=$B$10,7,0)+IF('Standard Profiles'!$G$20=$B$17,14,0)+IF('Standard Profiles'!$G$20=$B$24,21,0),MOD($C4106,24)+1)/SUM(INDEX($D$3:$AA$30,INDEX(Jesper!$R$2:$R$366,ROW(INDEX(Jesper!AJ$2:AJ$366,ROUNDDOWN($C4106/24,0)+1,1))-1)+IF('Standard Profiles'!$G$20=$B$10,7,0)+IF('Standard Profiles'!$G$20=$B$17,14,0)+IF('Standard Profiles'!$G$20=$B$24,21,0),0)),0)</f>
        <v>0</v>
      </c>
      <c r="G4106" cm="1">
        <f t="array" ref="G4106">IFERROR(INDEX(Jesper!AK$2:AK$366,ROUNDDOWN($C4106/24,0)+1,1)*INDEX($D$3:$AA$30,INDEX(Jesper!$R$2:$R$366,ROW(INDEX(Jesper!AK$2:AK$366,ROUNDDOWN($C4106/24,0)+1,1))-1)+IF('Standard Profiles'!$G$21=$B$10,7,0)+IF('Standard Profiles'!$G$21=$B$17,14,0)+IF('Standard Profiles'!$G$21=$B$24,21,0),MOD($C4106,24)+1)/SUM(INDEX($D$3:$AA$30,INDEX(Jesper!$R$2:$R$366,ROW(INDEX(Jesper!AK$2:AK$366,ROUNDDOWN($C4106/24,0)+1,1))-1)+IF('Standard Profiles'!$G$21=$B$10,7,0)+IF('Standard Profiles'!$G$21=$B$17,14,0)+IF('Standard Profiles'!$G$21=$B$24,21,0),0)),0)</f>
        <v>0</v>
      </c>
      <c r="H4106" cm="1">
        <f t="array" ref="H4106">IFERROR(INDEX(Jesper!AL$2:AL$366,ROUNDDOWN($C4106/24,0)+1,1)*INDEX($D$3:$AA$30,INDEX(Jesper!$R$2:$R$366,ROW(INDEX(Jesper!AL$2:AL$366,ROUNDDOWN($C4106/24,0)+1,1))-1)+IF('Standard Profiles'!$G$22=$B$10,7,0)+IF('Standard Profiles'!$G$22=$B$17,14,0)+IF('Standard Profiles'!$G$22=$B$24,21,0),MOD($C4106,24)+1)/SUM(INDEX($D$3:$AA$30,INDEX(Jesper!$R$2:$R$366,ROW(INDEX(Jesper!AL$2:AL$366,ROUNDDOWN($C4106/24,0)+1,1))-1)+IF('Standard Profiles'!$G$22=$B$10,7,0)+IF('Standard Profiles'!$G$22=$B$17,14,0)+IF('Standard Profiles'!$G$22=$B$24,21,0),0)),0)</f>
        <v>0</v>
      </c>
      <c r="I4106">
        <f t="shared" si="461"/>
        <v>0.39538851336606434</v>
      </c>
      <c r="J4106">
        <f t="shared" si="462"/>
        <v>1.3179617112202147</v>
      </c>
      <c r="K4106">
        <f t="shared" si="463"/>
        <v>1.9769425668303215</v>
      </c>
      <c r="L4106">
        <f t="shared" si="464"/>
        <v>9.4893243207855438</v>
      </c>
      <c r="M4106">
        <f t="shared" si="465"/>
        <v>0</v>
      </c>
      <c r="N4106" s="46">
        <f t="shared" si="466"/>
        <v>45461.666666656791</v>
      </c>
    </row>
    <row r="4107" spans="2:14" x14ac:dyDescent="0.3">
      <c r="B4107">
        <f t="shared" si="460"/>
        <v>2</v>
      </c>
      <c r="C4107" s="16">
        <v>4073</v>
      </c>
      <c r="D4107" cm="1">
        <f t="array" ref="D4107">IFERROR(INDEX(Jesper!AH$2:AH$366,ROUNDDOWN($C4107/24,0)+1,1)*INDEX($D$3:$AA$30,INDEX(Jesper!$R$2:$R$366,ROW(INDEX(Jesper!AH$2:AH$366,ROUNDDOWN($C4107/24,0)+1,1))-1)+IF('Standard Profiles'!$G$18=$B$10,7,0)+IF('Standard Profiles'!$G$18=$B$17,14,0)+IF('Standard Profiles'!$G$18=$B$24,21,0),MOD($C4107,24)+1)/SUM(INDEX($D$3:$AA$30,INDEX(Jesper!$R$2:$R$366,ROW(INDEX(Jesper!AH$2:AH$366,ROUNDDOWN($C4107/24,0)+1,1))-1)+IF('Standard Profiles'!$G$18=$B$10,7,0)+IF('Standard Profiles'!$G$18=$B$17,14,0)+IF('Standard Profiles'!$G$18=$B$24,21,0),0)),0)</f>
        <v>13.179617112202145</v>
      </c>
      <c r="E4107" cm="1">
        <f t="array" ref="E4107">IFERROR(INDEX(Jesper!AI$2:AI$366,ROUNDDOWN($C4107/24,0)+1,1)*INDEX($D$3:$AA$30,INDEX(Jesper!$R$2:$R$366,ROW(INDEX(Jesper!AI$2:AI$366,ROUNDDOWN($C4107/24,0)+1,1))-1)+IF('Standard Profiles'!$G$19=$B$10,7,0)+IF('Standard Profiles'!$G$19=$B$17,14,0)+IF('Standard Profiles'!$G$19=$B$24,21,0),MOD($C4107,24)+1)/SUM(INDEX($D$3:$AA$30,INDEX(Jesper!$R$2:$R$366,ROW(INDEX(Jesper!AI$2:AI$366,ROUNDDOWN($C4107/24,0)+1,1))-1)+IF('Standard Profiles'!$G$19=$B$10,7,0)+IF('Standard Profiles'!$G$19=$B$17,14,0)+IF('Standard Profiles'!$G$19=$B$24,21,0),0)),0)</f>
        <v>0</v>
      </c>
      <c r="F4107" cm="1">
        <f t="array" ref="F4107">IFERROR(INDEX(Jesper!AJ$2:AJ$366,ROUNDDOWN($C4107/24,0)+1,1)*INDEX($D$3:$AA$30,INDEX(Jesper!$R$2:$R$366,ROW(INDEX(Jesper!AJ$2:AJ$366,ROUNDDOWN($C4107/24,0)+1,1))-1)+IF('Standard Profiles'!$G$20=$B$10,7,0)+IF('Standard Profiles'!$G$20=$B$17,14,0)+IF('Standard Profiles'!$G$20=$B$24,21,0),MOD($C4107,24)+1)/SUM(INDEX($D$3:$AA$30,INDEX(Jesper!$R$2:$R$366,ROW(INDEX(Jesper!AJ$2:AJ$366,ROUNDDOWN($C4107/24,0)+1,1))-1)+IF('Standard Profiles'!$G$20=$B$10,7,0)+IF('Standard Profiles'!$G$20=$B$17,14,0)+IF('Standard Profiles'!$G$20=$B$24,21,0),0)),0)</f>
        <v>0</v>
      </c>
      <c r="G4107" cm="1">
        <f t="array" ref="G4107">IFERROR(INDEX(Jesper!AK$2:AK$366,ROUNDDOWN($C4107/24,0)+1,1)*INDEX($D$3:$AA$30,INDEX(Jesper!$R$2:$R$366,ROW(INDEX(Jesper!AK$2:AK$366,ROUNDDOWN($C4107/24,0)+1,1))-1)+IF('Standard Profiles'!$G$21=$B$10,7,0)+IF('Standard Profiles'!$G$21=$B$17,14,0)+IF('Standard Profiles'!$G$21=$B$24,21,0),MOD($C4107,24)+1)/SUM(INDEX($D$3:$AA$30,INDEX(Jesper!$R$2:$R$366,ROW(INDEX(Jesper!AK$2:AK$366,ROUNDDOWN($C4107/24,0)+1,1))-1)+IF('Standard Profiles'!$G$21=$B$10,7,0)+IF('Standard Profiles'!$G$21=$B$17,14,0)+IF('Standard Profiles'!$G$21=$B$24,21,0),0)),0)</f>
        <v>0</v>
      </c>
      <c r="H4107" cm="1">
        <f t="array" ref="H4107">IFERROR(INDEX(Jesper!AL$2:AL$366,ROUNDDOWN($C4107/24,0)+1,1)*INDEX($D$3:$AA$30,INDEX(Jesper!$R$2:$R$366,ROW(INDEX(Jesper!AL$2:AL$366,ROUNDDOWN($C4107/24,0)+1,1))-1)+IF('Standard Profiles'!$G$22=$B$10,7,0)+IF('Standard Profiles'!$G$22=$B$17,14,0)+IF('Standard Profiles'!$G$22=$B$24,21,0),MOD($C4107,24)+1)/SUM(INDEX($D$3:$AA$30,INDEX(Jesper!$R$2:$R$366,ROW(INDEX(Jesper!AL$2:AL$366,ROUNDDOWN($C4107/24,0)+1,1))-1)+IF('Standard Profiles'!$G$22=$B$10,7,0)+IF('Standard Profiles'!$G$22=$B$17,14,0)+IF('Standard Profiles'!$G$22=$B$24,21,0),0)),0)</f>
        <v>0</v>
      </c>
      <c r="I4107">
        <f t="shared" si="461"/>
        <v>0.39538851336606434</v>
      </c>
      <c r="J4107">
        <f t="shared" si="462"/>
        <v>1.3179617112202147</v>
      </c>
      <c r="K4107">
        <f t="shared" si="463"/>
        <v>1.9769425668303215</v>
      </c>
      <c r="L4107">
        <f t="shared" si="464"/>
        <v>9.4893243207855438</v>
      </c>
      <c r="M4107">
        <f t="shared" si="465"/>
        <v>0</v>
      </c>
      <c r="N4107" s="46">
        <f t="shared" si="466"/>
        <v>45461.708333323455</v>
      </c>
    </row>
    <row r="4108" spans="2:14" x14ac:dyDescent="0.3">
      <c r="B4108">
        <f t="shared" si="460"/>
        <v>2</v>
      </c>
      <c r="C4108" s="16">
        <v>4074</v>
      </c>
      <c r="D4108" cm="1">
        <f t="array" ref="D4108">IFERROR(INDEX(Jesper!AH$2:AH$366,ROUNDDOWN($C4108/24,0)+1,1)*INDEX($D$3:$AA$30,INDEX(Jesper!$R$2:$R$366,ROW(INDEX(Jesper!AH$2:AH$366,ROUNDDOWN($C4108/24,0)+1,1))-1)+IF('Standard Profiles'!$G$18=$B$10,7,0)+IF('Standard Profiles'!$G$18=$B$17,14,0)+IF('Standard Profiles'!$G$18=$B$24,21,0),MOD($C4108,24)+1)/SUM(INDEX($D$3:$AA$30,INDEX(Jesper!$R$2:$R$366,ROW(INDEX(Jesper!AH$2:AH$366,ROUNDDOWN($C4108/24,0)+1,1))-1)+IF('Standard Profiles'!$G$18=$B$10,7,0)+IF('Standard Profiles'!$G$18=$B$17,14,0)+IF('Standard Profiles'!$G$18=$B$24,21,0),0)),0)</f>
        <v>13.179617112202145</v>
      </c>
      <c r="E4108" cm="1">
        <f t="array" ref="E4108">IFERROR(INDEX(Jesper!AI$2:AI$366,ROUNDDOWN($C4108/24,0)+1,1)*INDEX($D$3:$AA$30,INDEX(Jesper!$R$2:$R$366,ROW(INDEX(Jesper!AI$2:AI$366,ROUNDDOWN($C4108/24,0)+1,1))-1)+IF('Standard Profiles'!$G$19=$B$10,7,0)+IF('Standard Profiles'!$G$19=$B$17,14,0)+IF('Standard Profiles'!$G$19=$B$24,21,0),MOD($C4108,24)+1)/SUM(INDEX($D$3:$AA$30,INDEX(Jesper!$R$2:$R$366,ROW(INDEX(Jesper!AI$2:AI$366,ROUNDDOWN($C4108/24,0)+1,1))-1)+IF('Standard Profiles'!$G$19=$B$10,7,0)+IF('Standard Profiles'!$G$19=$B$17,14,0)+IF('Standard Profiles'!$G$19=$B$24,21,0),0)),0)</f>
        <v>0</v>
      </c>
      <c r="F4108" cm="1">
        <f t="array" ref="F4108">IFERROR(INDEX(Jesper!AJ$2:AJ$366,ROUNDDOWN($C4108/24,0)+1,1)*INDEX($D$3:$AA$30,INDEX(Jesper!$R$2:$R$366,ROW(INDEX(Jesper!AJ$2:AJ$366,ROUNDDOWN($C4108/24,0)+1,1))-1)+IF('Standard Profiles'!$G$20=$B$10,7,0)+IF('Standard Profiles'!$G$20=$B$17,14,0)+IF('Standard Profiles'!$G$20=$B$24,21,0),MOD($C4108,24)+1)/SUM(INDEX($D$3:$AA$30,INDEX(Jesper!$R$2:$R$366,ROW(INDEX(Jesper!AJ$2:AJ$366,ROUNDDOWN($C4108/24,0)+1,1))-1)+IF('Standard Profiles'!$G$20=$B$10,7,0)+IF('Standard Profiles'!$G$20=$B$17,14,0)+IF('Standard Profiles'!$G$20=$B$24,21,0),0)),0)</f>
        <v>0</v>
      </c>
      <c r="G4108" cm="1">
        <f t="array" ref="G4108">IFERROR(INDEX(Jesper!AK$2:AK$366,ROUNDDOWN($C4108/24,0)+1,1)*INDEX($D$3:$AA$30,INDEX(Jesper!$R$2:$R$366,ROW(INDEX(Jesper!AK$2:AK$366,ROUNDDOWN($C4108/24,0)+1,1))-1)+IF('Standard Profiles'!$G$21=$B$10,7,0)+IF('Standard Profiles'!$G$21=$B$17,14,0)+IF('Standard Profiles'!$G$21=$B$24,21,0),MOD($C4108,24)+1)/SUM(INDEX($D$3:$AA$30,INDEX(Jesper!$R$2:$R$366,ROW(INDEX(Jesper!AK$2:AK$366,ROUNDDOWN($C4108/24,0)+1,1))-1)+IF('Standard Profiles'!$G$21=$B$10,7,0)+IF('Standard Profiles'!$G$21=$B$17,14,0)+IF('Standard Profiles'!$G$21=$B$24,21,0),0)),0)</f>
        <v>0</v>
      </c>
      <c r="H4108" cm="1">
        <f t="array" ref="H4108">IFERROR(INDEX(Jesper!AL$2:AL$366,ROUNDDOWN($C4108/24,0)+1,1)*INDEX($D$3:$AA$30,INDEX(Jesper!$R$2:$R$366,ROW(INDEX(Jesper!AL$2:AL$366,ROUNDDOWN($C4108/24,0)+1,1))-1)+IF('Standard Profiles'!$G$22=$B$10,7,0)+IF('Standard Profiles'!$G$22=$B$17,14,0)+IF('Standard Profiles'!$G$22=$B$24,21,0),MOD($C4108,24)+1)/SUM(INDEX($D$3:$AA$30,INDEX(Jesper!$R$2:$R$366,ROW(INDEX(Jesper!AL$2:AL$366,ROUNDDOWN($C4108/24,0)+1,1))-1)+IF('Standard Profiles'!$G$22=$B$10,7,0)+IF('Standard Profiles'!$G$22=$B$17,14,0)+IF('Standard Profiles'!$G$22=$B$24,21,0),0)),0)</f>
        <v>0</v>
      </c>
      <c r="I4108">
        <f t="shared" si="461"/>
        <v>0.39538851336606434</v>
      </c>
      <c r="J4108">
        <f t="shared" si="462"/>
        <v>1.3179617112202147</v>
      </c>
      <c r="K4108">
        <f t="shared" si="463"/>
        <v>1.9769425668303215</v>
      </c>
      <c r="L4108">
        <f t="shared" si="464"/>
        <v>9.4893243207855438</v>
      </c>
      <c r="M4108">
        <f t="shared" si="465"/>
        <v>0</v>
      </c>
      <c r="N4108" s="46">
        <f t="shared" si="466"/>
        <v>45461.749999990119</v>
      </c>
    </row>
    <row r="4109" spans="2:14" x14ac:dyDescent="0.3">
      <c r="B4109">
        <f t="shared" si="460"/>
        <v>2</v>
      </c>
      <c r="C4109" s="16">
        <v>4075</v>
      </c>
      <c r="D4109" cm="1">
        <f t="array" ref="D4109">IFERROR(INDEX(Jesper!AH$2:AH$366,ROUNDDOWN($C4109/24,0)+1,1)*INDEX($D$3:$AA$30,INDEX(Jesper!$R$2:$R$366,ROW(INDEX(Jesper!AH$2:AH$366,ROUNDDOWN($C4109/24,0)+1,1))-1)+IF('Standard Profiles'!$G$18=$B$10,7,0)+IF('Standard Profiles'!$G$18=$B$17,14,0)+IF('Standard Profiles'!$G$18=$B$24,21,0),MOD($C4109,24)+1)/SUM(INDEX($D$3:$AA$30,INDEX(Jesper!$R$2:$R$366,ROW(INDEX(Jesper!AH$2:AH$366,ROUNDDOWN($C4109/24,0)+1,1))-1)+IF('Standard Profiles'!$G$18=$B$10,7,0)+IF('Standard Profiles'!$G$18=$B$17,14,0)+IF('Standard Profiles'!$G$18=$B$24,21,0),0)),0)</f>
        <v>11.037929331469297</v>
      </c>
      <c r="E4109" cm="1">
        <f t="array" ref="E4109">IFERROR(INDEX(Jesper!AI$2:AI$366,ROUNDDOWN($C4109/24,0)+1,1)*INDEX($D$3:$AA$30,INDEX(Jesper!$R$2:$R$366,ROW(INDEX(Jesper!AI$2:AI$366,ROUNDDOWN($C4109/24,0)+1,1))-1)+IF('Standard Profiles'!$G$19=$B$10,7,0)+IF('Standard Profiles'!$G$19=$B$17,14,0)+IF('Standard Profiles'!$G$19=$B$24,21,0),MOD($C4109,24)+1)/SUM(INDEX($D$3:$AA$30,INDEX(Jesper!$R$2:$R$366,ROW(INDEX(Jesper!AI$2:AI$366,ROUNDDOWN($C4109/24,0)+1,1))-1)+IF('Standard Profiles'!$G$19=$B$10,7,0)+IF('Standard Profiles'!$G$19=$B$17,14,0)+IF('Standard Profiles'!$G$19=$B$24,21,0),0)),0)</f>
        <v>0</v>
      </c>
      <c r="F4109" cm="1">
        <f t="array" ref="F4109">IFERROR(INDEX(Jesper!AJ$2:AJ$366,ROUNDDOWN($C4109/24,0)+1,1)*INDEX($D$3:$AA$30,INDEX(Jesper!$R$2:$R$366,ROW(INDEX(Jesper!AJ$2:AJ$366,ROUNDDOWN($C4109/24,0)+1,1))-1)+IF('Standard Profiles'!$G$20=$B$10,7,0)+IF('Standard Profiles'!$G$20=$B$17,14,0)+IF('Standard Profiles'!$G$20=$B$24,21,0),MOD($C4109,24)+1)/SUM(INDEX($D$3:$AA$30,INDEX(Jesper!$R$2:$R$366,ROW(INDEX(Jesper!AJ$2:AJ$366,ROUNDDOWN($C4109/24,0)+1,1))-1)+IF('Standard Profiles'!$G$20=$B$10,7,0)+IF('Standard Profiles'!$G$20=$B$17,14,0)+IF('Standard Profiles'!$G$20=$B$24,21,0),0)),0)</f>
        <v>0</v>
      </c>
      <c r="G4109" cm="1">
        <f t="array" ref="G4109">IFERROR(INDEX(Jesper!AK$2:AK$366,ROUNDDOWN($C4109/24,0)+1,1)*INDEX($D$3:$AA$30,INDEX(Jesper!$R$2:$R$366,ROW(INDEX(Jesper!AK$2:AK$366,ROUNDDOWN($C4109/24,0)+1,1))-1)+IF('Standard Profiles'!$G$21=$B$10,7,0)+IF('Standard Profiles'!$G$21=$B$17,14,0)+IF('Standard Profiles'!$G$21=$B$24,21,0),MOD($C4109,24)+1)/SUM(INDEX($D$3:$AA$30,INDEX(Jesper!$R$2:$R$366,ROW(INDEX(Jesper!AK$2:AK$366,ROUNDDOWN($C4109/24,0)+1,1))-1)+IF('Standard Profiles'!$G$21=$B$10,7,0)+IF('Standard Profiles'!$G$21=$B$17,14,0)+IF('Standard Profiles'!$G$21=$B$24,21,0),0)),0)</f>
        <v>0</v>
      </c>
      <c r="H4109" cm="1">
        <f t="array" ref="H4109">IFERROR(INDEX(Jesper!AL$2:AL$366,ROUNDDOWN($C4109/24,0)+1,1)*INDEX($D$3:$AA$30,INDEX(Jesper!$R$2:$R$366,ROW(INDEX(Jesper!AL$2:AL$366,ROUNDDOWN($C4109/24,0)+1,1))-1)+IF('Standard Profiles'!$G$22=$B$10,7,0)+IF('Standard Profiles'!$G$22=$B$17,14,0)+IF('Standard Profiles'!$G$22=$B$24,21,0),MOD($C4109,24)+1)/SUM(INDEX($D$3:$AA$30,INDEX(Jesper!$R$2:$R$366,ROW(INDEX(Jesper!AL$2:AL$366,ROUNDDOWN($C4109/24,0)+1,1))-1)+IF('Standard Profiles'!$G$22=$B$10,7,0)+IF('Standard Profiles'!$G$22=$B$17,14,0)+IF('Standard Profiles'!$G$22=$B$24,21,0),0)),0)</f>
        <v>0</v>
      </c>
      <c r="I4109">
        <f t="shared" si="461"/>
        <v>0.33113787994407889</v>
      </c>
      <c r="J4109">
        <f t="shared" si="462"/>
        <v>1.1037929331469296</v>
      </c>
      <c r="K4109">
        <f t="shared" si="463"/>
        <v>1.6556893997203945</v>
      </c>
      <c r="L4109">
        <f t="shared" si="464"/>
        <v>7.947309118657893</v>
      </c>
      <c r="M4109">
        <f t="shared" si="465"/>
        <v>0</v>
      </c>
      <c r="N4109" s="46">
        <f t="shared" si="466"/>
        <v>45461.791666656783</v>
      </c>
    </row>
    <row r="4110" spans="2:14" x14ac:dyDescent="0.3">
      <c r="B4110">
        <f t="shared" si="460"/>
        <v>2</v>
      </c>
      <c r="C4110" s="16">
        <v>4076</v>
      </c>
      <c r="D4110" cm="1">
        <f t="array" ref="D4110">IFERROR(INDEX(Jesper!AH$2:AH$366,ROUNDDOWN($C4110/24,0)+1,1)*INDEX($D$3:$AA$30,INDEX(Jesper!$R$2:$R$366,ROW(INDEX(Jesper!AH$2:AH$366,ROUNDDOWN($C4110/24,0)+1,1))-1)+IF('Standard Profiles'!$G$18=$B$10,7,0)+IF('Standard Profiles'!$G$18=$B$17,14,0)+IF('Standard Profiles'!$G$18=$B$24,21,0),MOD($C4110,24)+1)/SUM(INDEX($D$3:$AA$30,INDEX(Jesper!$R$2:$R$366,ROW(INDEX(Jesper!AH$2:AH$366,ROUNDDOWN($C4110/24,0)+1,1))-1)+IF('Standard Profiles'!$G$18=$B$10,7,0)+IF('Standard Profiles'!$G$18=$B$17,14,0)+IF('Standard Profiles'!$G$18=$B$24,21,0),0)),0)</f>
        <v>9.0609867646389741</v>
      </c>
      <c r="E4110" cm="1">
        <f t="array" ref="E4110">IFERROR(INDEX(Jesper!AI$2:AI$366,ROUNDDOWN($C4110/24,0)+1,1)*INDEX($D$3:$AA$30,INDEX(Jesper!$R$2:$R$366,ROW(INDEX(Jesper!AI$2:AI$366,ROUNDDOWN($C4110/24,0)+1,1))-1)+IF('Standard Profiles'!$G$19=$B$10,7,0)+IF('Standard Profiles'!$G$19=$B$17,14,0)+IF('Standard Profiles'!$G$19=$B$24,21,0),MOD($C4110,24)+1)/SUM(INDEX($D$3:$AA$30,INDEX(Jesper!$R$2:$R$366,ROW(INDEX(Jesper!AI$2:AI$366,ROUNDDOWN($C4110/24,0)+1,1))-1)+IF('Standard Profiles'!$G$19=$B$10,7,0)+IF('Standard Profiles'!$G$19=$B$17,14,0)+IF('Standard Profiles'!$G$19=$B$24,21,0),0)),0)</f>
        <v>0</v>
      </c>
      <c r="F4110" cm="1">
        <f t="array" ref="F4110">IFERROR(INDEX(Jesper!AJ$2:AJ$366,ROUNDDOWN($C4110/24,0)+1,1)*INDEX($D$3:$AA$30,INDEX(Jesper!$R$2:$R$366,ROW(INDEX(Jesper!AJ$2:AJ$366,ROUNDDOWN($C4110/24,0)+1,1))-1)+IF('Standard Profiles'!$G$20=$B$10,7,0)+IF('Standard Profiles'!$G$20=$B$17,14,0)+IF('Standard Profiles'!$G$20=$B$24,21,0),MOD($C4110,24)+1)/SUM(INDEX($D$3:$AA$30,INDEX(Jesper!$R$2:$R$366,ROW(INDEX(Jesper!AJ$2:AJ$366,ROUNDDOWN($C4110/24,0)+1,1))-1)+IF('Standard Profiles'!$G$20=$B$10,7,0)+IF('Standard Profiles'!$G$20=$B$17,14,0)+IF('Standard Profiles'!$G$20=$B$24,21,0),0)),0)</f>
        <v>0</v>
      </c>
      <c r="G4110" cm="1">
        <f t="array" ref="G4110">IFERROR(INDEX(Jesper!AK$2:AK$366,ROUNDDOWN($C4110/24,0)+1,1)*INDEX($D$3:$AA$30,INDEX(Jesper!$R$2:$R$366,ROW(INDEX(Jesper!AK$2:AK$366,ROUNDDOWN($C4110/24,0)+1,1))-1)+IF('Standard Profiles'!$G$21=$B$10,7,0)+IF('Standard Profiles'!$G$21=$B$17,14,0)+IF('Standard Profiles'!$G$21=$B$24,21,0),MOD($C4110,24)+1)/SUM(INDEX($D$3:$AA$30,INDEX(Jesper!$R$2:$R$366,ROW(INDEX(Jesper!AK$2:AK$366,ROUNDDOWN($C4110/24,0)+1,1))-1)+IF('Standard Profiles'!$G$21=$B$10,7,0)+IF('Standard Profiles'!$G$21=$B$17,14,0)+IF('Standard Profiles'!$G$21=$B$24,21,0),0)),0)</f>
        <v>0</v>
      </c>
      <c r="H4110" cm="1">
        <f t="array" ref="H4110">IFERROR(INDEX(Jesper!AL$2:AL$366,ROUNDDOWN($C4110/24,0)+1,1)*INDEX($D$3:$AA$30,INDEX(Jesper!$R$2:$R$366,ROW(INDEX(Jesper!AL$2:AL$366,ROUNDDOWN($C4110/24,0)+1,1))-1)+IF('Standard Profiles'!$G$22=$B$10,7,0)+IF('Standard Profiles'!$G$22=$B$17,14,0)+IF('Standard Profiles'!$G$22=$B$24,21,0),MOD($C4110,24)+1)/SUM(INDEX($D$3:$AA$30,INDEX(Jesper!$R$2:$R$366,ROW(INDEX(Jesper!AL$2:AL$366,ROUNDDOWN($C4110/24,0)+1,1))-1)+IF('Standard Profiles'!$G$22=$B$10,7,0)+IF('Standard Profiles'!$G$22=$B$17,14,0)+IF('Standard Profiles'!$G$22=$B$24,21,0),0)),0)</f>
        <v>0</v>
      </c>
      <c r="I4110">
        <f t="shared" si="461"/>
        <v>0.27182960293916919</v>
      </c>
      <c r="J4110">
        <f t="shared" si="462"/>
        <v>0.90609867646389741</v>
      </c>
      <c r="K4110">
        <f t="shared" si="463"/>
        <v>1.3591480146958461</v>
      </c>
      <c r="L4110">
        <f t="shared" si="464"/>
        <v>6.523910470540061</v>
      </c>
      <c r="M4110">
        <f t="shared" si="465"/>
        <v>0</v>
      </c>
      <c r="N4110" s="46">
        <f t="shared" si="466"/>
        <v>45461.833333323448</v>
      </c>
    </row>
    <row r="4111" spans="2:14" x14ac:dyDescent="0.3">
      <c r="B4111">
        <f t="shared" si="460"/>
        <v>2</v>
      </c>
      <c r="C4111" s="16">
        <v>4077</v>
      </c>
      <c r="D4111" cm="1">
        <f t="array" ref="D4111">IFERROR(INDEX(Jesper!AH$2:AH$366,ROUNDDOWN($C4111/24,0)+1,1)*INDEX($D$3:$AA$30,INDEX(Jesper!$R$2:$R$366,ROW(INDEX(Jesper!AH$2:AH$366,ROUNDDOWN($C4111/24,0)+1,1))-1)+IF('Standard Profiles'!$G$18=$B$10,7,0)+IF('Standard Profiles'!$G$18=$B$17,14,0)+IF('Standard Profiles'!$G$18=$B$24,21,0),MOD($C4111,24)+1)/SUM(INDEX($D$3:$AA$30,INDEX(Jesper!$R$2:$R$366,ROW(INDEX(Jesper!AH$2:AH$366,ROUNDDOWN($C4111/24,0)+1,1))-1)+IF('Standard Profiles'!$G$18=$B$10,7,0)+IF('Standard Profiles'!$G$18=$B$17,14,0)+IF('Standard Profiles'!$G$18=$B$24,21,0),0)),0)</f>
        <v>6.5898085561010724</v>
      </c>
      <c r="E4111" cm="1">
        <f t="array" ref="E4111">IFERROR(INDEX(Jesper!AI$2:AI$366,ROUNDDOWN($C4111/24,0)+1,1)*INDEX($D$3:$AA$30,INDEX(Jesper!$R$2:$R$366,ROW(INDEX(Jesper!AI$2:AI$366,ROUNDDOWN($C4111/24,0)+1,1))-1)+IF('Standard Profiles'!$G$19=$B$10,7,0)+IF('Standard Profiles'!$G$19=$B$17,14,0)+IF('Standard Profiles'!$G$19=$B$24,21,0),MOD($C4111,24)+1)/SUM(INDEX($D$3:$AA$30,INDEX(Jesper!$R$2:$R$366,ROW(INDEX(Jesper!AI$2:AI$366,ROUNDDOWN($C4111/24,0)+1,1))-1)+IF('Standard Profiles'!$G$19=$B$10,7,0)+IF('Standard Profiles'!$G$19=$B$17,14,0)+IF('Standard Profiles'!$G$19=$B$24,21,0),0)),0)</f>
        <v>0</v>
      </c>
      <c r="F4111" cm="1">
        <f t="array" ref="F4111">IFERROR(INDEX(Jesper!AJ$2:AJ$366,ROUNDDOWN($C4111/24,0)+1,1)*INDEX($D$3:$AA$30,INDEX(Jesper!$R$2:$R$366,ROW(INDEX(Jesper!AJ$2:AJ$366,ROUNDDOWN($C4111/24,0)+1,1))-1)+IF('Standard Profiles'!$G$20=$B$10,7,0)+IF('Standard Profiles'!$G$20=$B$17,14,0)+IF('Standard Profiles'!$G$20=$B$24,21,0),MOD($C4111,24)+1)/SUM(INDEX($D$3:$AA$30,INDEX(Jesper!$R$2:$R$366,ROW(INDEX(Jesper!AJ$2:AJ$366,ROUNDDOWN($C4111/24,0)+1,1))-1)+IF('Standard Profiles'!$G$20=$B$10,7,0)+IF('Standard Profiles'!$G$20=$B$17,14,0)+IF('Standard Profiles'!$G$20=$B$24,21,0),0)),0)</f>
        <v>0</v>
      </c>
      <c r="G4111" cm="1">
        <f t="array" ref="G4111">IFERROR(INDEX(Jesper!AK$2:AK$366,ROUNDDOWN($C4111/24,0)+1,1)*INDEX($D$3:$AA$30,INDEX(Jesper!$R$2:$R$366,ROW(INDEX(Jesper!AK$2:AK$366,ROUNDDOWN($C4111/24,0)+1,1))-1)+IF('Standard Profiles'!$G$21=$B$10,7,0)+IF('Standard Profiles'!$G$21=$B$17,14,0)+IF('Standard Profiles'!$G$21=$B$24,21,0),MOD($C4111,24)+1)/SUM(INDEX($D$3:$AA$30,INDEX(Jesper!$R$2:$R$366,ROW(INDEX(Jesper!AK$2:AK$366,ROUNDDOWN($C4111/24,0)+1,1))-1)+IF('Standard Profiles'!$G$21=$B$10,7,0)+IF('Standard Profiles'!$G$21=$B$17,14,0)+IF('Standard Profiles'!$G$21=$B$24,21,0),0)),0)</f>
        <v>0</v>
      </c>
      <c r="H4111" cm="1">
        <f t="array" ref="H4111">IFERROR(INDEX(Jesper!AL$2:AL$366,ROUNDDOWN($C4111/24,0)+1,1)*INDEX($D$3:$AA$30,INDEX(Jesper!$R$2:$R$366,ROW(INDEX(Jesper!AL$2:AL$366,ROUNDDOWN($C4111/24,0)+1,1))-1)+IF('Standard Profiles'!$G$22=$B$10,7,0)+IF('Standard Profiles'!$G$22=$B$17,14,0)+IF('Standard Profiles'!$G$22=$B$24,21,0),MOD($C4111,24)+1)/SUM(INDEX($D$3:$AA$30,INDEX(Jesper!$R$2:$R$366,ROW(INDEX(Jesper!AL$2:AL$366,ROUNDDOWN($C4111/24,0)+1,1))-1)+IF('Standard Profiles'!$G$22=$B$10,7,0)+IF('Standard Profiles'!$G$22=$B$17,14,0)+IF('Standard Profiles'!$G$22=$B$24,21,0),0)),0)</f>
        <v>0</v>
      </c>
      <c r="I4111">
        <f t="shared" si="461"/>
        <v>0.19769425668303217</v>
      </c>
      <c r="J4111">
        <f t="shared" si="462"/>
        <v>0.65898085561010733</v>
      </c>
      <c r="K4111">
        <f t="shared" si="463"/>
        <v>0.98847128341516077</v>
      </c>
      <c r="L4111">
        <f t="shared" si="464"/>
        <v>4.7446621603927719</v>
      </c>
      <c r="M4111">
        <f t="shared" si="465"/>
        <v>0</v>
      </c>
      <c r="N4111" s="46">
        <f t="shared" si="466"/>
        <v>45461.874999990112</v>
      </c>
    </row>
    <row r="4112" spans="2:14" x14ac:dyDescent="0.3">
      <c r="B4112">
        <f t="shared" si="460"/>
        <v>2</v>
      </c>
      <c r="C4112" s="16">
        <v>4078</v>
      </c>
      <c r="D4112" cm="1">
        <f t="array" ref="D4112">IFERROR(INDEX(Jesper!AH$2:AH$366,ROUNDDOWN($C4112/24,0)+1,1)*INDEX($D$3:$AA$30,INDEX(Jesper!$R$2:$R$366,ROW(INDEX(Jesper!AH$2:AH$366,ROUNDDOWN($C4112/24,0)+1,1))-1)+IF('Standard Profiles'!$G$18=$B$10,7,0)+IF('Standard Profiles'!$G$18=$B$17,14,0)+IF('Standard Profiles'!$G$18=$B$24,21,0),MOD($C4112,24)+1)/SUM(INDEX($D$3:$AA$30,INDEX(Jesper!$R$2:$R$366,ROW(INDEX(Jesper!AH$2:AH$366,ROUNDDOWN($C4112/24,0)+1,1))-1)+IF('Standard Profiles'!$G$18=$B$10,7,0)+IF('Standard Profiles'!$G$18=$B$17,14,0)+IF('Standard Profiles'!$G$18=$B$24,21,0),0)),0)</f>
        <v>6.5898085561010724</v>
      </c>
      <c r="E4112" cm="1">
        <f t="array" ref="E4112">IFERROR(INDEX(Jesper!AI$2:AI$366,ROUNDDOWN($C4112/24,0)+1,1)*INDEX($D$3:$AA$30,INDEX(Jesper!$R$2:$R$366,ROW(INDEX(Jesper!AI$2:AI$366,ROUNDDOWN($C4112/24,0)+1,1))-1)+IF('Standard Profiles'!$G$19=$B$10,7,0)+IF('Standard Profiles'!$G$19=$B$17,14,0)+IF('Standard Profiles'!$G$19=$B$24,21,0),MOD($C4112,24)+1)/SUM(INDEX($D$3:$AA$30,INDEX(Jesper!$R$2:$R$366,ROW(INDEX(Jesper!AI$2:AI$366,ROUNDDOWN($C4112/24,0)+1,1))-1)+IF('Standard Profiles'!$G$19=$B$10,7,0)+IF('Standard Profiles'!$G$19=$B$17,14,0)+IF('Standard Profiles'!$G$19=$B$24,21,0),0)),0)</f>
        <v>0</v>
      </c>
      <c r="F4112" cm="1">
        <f t="array" ref="F4112">IFERROR(INDEX(Jesper!AJ$2:AJ$366,ROUNDDOWN($C4112/24,0)+1,1)*INDEX($D$3:$AA$30,INDEX(Jesper!$R$2:$R$366,ROW(INDEX(Jesper!AJ$2:AJ$366,ROUNDDOWN($C4112/24,0)+1,1))-1)+IF('Standard Profiles'!$G$20=$B$10,7,0)+IF('Standard Profiles'!$G$20=$B$17,14,0)+IF('Standard Profiles'!$G$20=$B$24,21,0),MOD($C4112,24)+1)/SUM(INDEX($D$3:$AA$30,INDEX(Jesper!$R$2:$R$366,ROW(INDEX(Jesper!AJ$2:AJ$366,ROUNDDOWN($C4112/24,0)+1,1))-1)+IF('Standard Profiles'!$G$20=$B$10,7,0)+IF('Standard Profiles'!$G$20=$B$17,14,0)+IF('Standard Profiles'!$G$20=$B$24,21,0),0)),0)</f>
        <v>0</v>
      </c>
      <c r="G4112" cm="1">
        <f t="array" ref="G4112">IFERROR(INDEX(Jesper!AK$2:AK$366,ROUNDDOWN($C4112/24,0)+1,1)*INDEX($D$3:$AA$30,INDEX(Jesper!$R$2:$R$366,ROW(INDEX(Jesper!AK$2:AK$366,ROUNDDOWN($C4112/24,0)+1,1))-1)+IF('Standard Profiles'!$G$21=$B$10,7,0)+IF('Standard Profiles'!$G$21=$B$17,14,0)+IF('Standard Profiles'!$G$21=$B$24,21,0),MOD($C4112,24)+1)/SUM(INDEX($D$3:$AA$30,INDEX(Jesper!$R$2:$R$366,ROW(INDEX(Jesper!AK$2:AK$366,ROUNDDOWN($C4112/24,0)+1,1))-1)+IF('Standard Profiles'!$G$21=$B$10,7,0)+IF('Standard Profiles'!$G$21=$B$17,14,0)+IF('Standard Profiles'!$G$21=$B$24,21,0),0)),0)</f>
        <v>0</v>
      </c>
      <c r="H4112" cm="1">
        <f t="array" ref="H4112">IFERROR(INDEX(Jesper!AL$2:AL$366,ROUNDDOWN($C4112/24,0)+1,1)*INDEX($D$3:$AA$30,INDEX(Jesper!$R$2:$R$366,ROW(INDEX(Jesper!AL$2:AL$366,ROUNDDOWN($C4112/24,0)+1,1))-1)+IF('Standard Profiles'!$G$22=$B$10,7,0)+IF('Standard Profiles'!$G$22=$B$17,14,0)+IF('Standard Profiles'!$G$22=$B$24,21,0),MOD($C4112,24)+1)/SUM(INDEX($D$3:$AA$30,INDEX(Jesper!$R$2:$R$366,ROW(INDEX(Jesper!AL$2:AL$366,ROUNDDOWN($C4112/24,0)+1,1))-1)+IF('Standard Profiles'!$G$22=$B$10,7,0)+IF('Standard Profiles'!$G$22=$B$17,14,0)+IF('Standard Profiles'!$G$22=$B$24,21,0),0)),0)</f>
        <v>0</v>
      </c>
      <c r="I4112">
        <f t="shared" si="461"/>
        <v>0.19769425668303217</v>
      </c>
      <c r="J4112">
        <f t="shared" si="462"/>
        <v>0.65898085561010733</v>
      </c>
      <c r="K4112">
        <f t="shared" si="463"/>
        <v>0.98847128341516077</v>
      </c>
      <c r="L4112">
        <f t="shared" si="464"/>
        <v>4.7446621603927719</v>
      </c>
      <c r="M4112">
        <f t="shared" si="465"/>
        <v>0</v>
      </c>
      <c r="N4112" s="46">
        <f t="shared" si="466"/>
        <v>45461.916666656776</v>
      </c>
    </row>
    <row r="4113" spans="2:14" x14ac:dyDescent="0.3">
      <c r="B4113">
        <f t="shared" si="460"/>
        <v>2</v>
      </c>
      <c r="C4113" s="16">
        <v>4079</v>
      </c>
      <c r="D4113" cm="1">
        <f t="array" ref="D4113">IFERROR(INDEX(Jesper!AH$2:AH$366,ROUNDDOWN($C4113/24,0)+1,1)*INDEX($D$3:$AA$30,INDEX(Jesper!$R$2:$R$366,ROW(INDEX(Jesper!AH$2:AH$366,ROUNDDOWN($C4113/24,0)+1,1))-1)+IF('Standard Profiles'!$G$18=$B$10,7,0)+IF('Standard Profiles'!$G$18=$B$17,14,0)+IF('Standard Profiles'!$G$18=$B$24,21,0),MOD($C4113,24)+1)/SUM(INDEX($D$3:$AA$30,INDEX(Jesper!$R$2:$R$366,ROW(INDEX(Jesper!AH$2:AH$366,ROUNDDOWN($C4113/24,0)+1,1))-1)+IF('Standard Profiles'!$G$18=$B$10,7,0)+IF('Standard Profiles'!$G$18=$B$17,14,0)+IF('Standard Profiles'!$G$18=$B$24,21,0),0)),0)</f>
        <v>6.5898085561010724</v>
      </c>
      <c r="E4113" cm="1">
        <f t="array" ref="E4113">IFERROR(INDEX(Jesper!AI$2:AI$366,ROUNDDOWN($C4113/24,0)+1,1)*INDEX($D$3:$AA$30,INDEX(Jesper!$R$2:$R$366,ROW(INDEX(Jesper!AI$2:AI$366,ROUNDDOWN($C4113/24,0)+1,1))-1)+IF('Standard Profiles'!$G$19=$B$10,7,0)+IF('Standard Profiles'!$G$19=$B$17,14,0)+IF('Standard Profiles'!$G$19=$B$24,21,0),MOD($C4113,24)+1)/SUM(INDEX($D$3:$AA$30,INDEX(Jesper!$R$2:$R$366,ROW(INDEX(Jesper!AI$2:AI$366,ROUNDDOWN($C4113/24,0)+1,1))-1)+IF('Standard Profiles'!$G$19=$B$10,7,0)+IF('Standard Profiles'!$G$19=$B$17,14,0)+IF('Standard Profiles'!$G$19=$B$24,21,0),0)),0)</f>
        <v>0</v>
      </c>
      <c r="F4113" cm="1">
        <f t="array" ref="F4113">IFERROR(INDEX(Jesper!AJ$2:AJ$366,ROUNDDOWN($C4113/24,0)+1,1)*INDEX($D$3:$AA$30,INDEX(Jesper!$R$2:$R$366,ROW(INDEX(Jesper!AJ$2:AJ$366,ROUNDDOWN($C4113/24,0)+1,1))-1)+IF('Standard Profiles'!$G$20=$B$10,7,0)+IF('Standard Profiles'!$G$20=$B$17,14,0)+IF('Standard Profiles'!$G$20=$B$24,21,0),MOD($C4113,24)+1)/SUM(INDEX($D$3:$AA$30,INDEX(Jesper!$R$2:$R$366,ROW(INDEX(Jesper!AJ$2:AJ$366,ROUNDDOWN($C4113/24,0)+1,1))-1)+IF('Standard Profiles'!$G$20=$B$10,7,0)+IF('Standard Profiles'!$G$20=$B$17,14,0)+IF('Standard Profiles'!$G$20=$B$24,21,0),0)),0)</f>
        <v>0</v>
      </c>
      <c r="G4113" cm="1">
        <f t="array" ref="G4113">IFERROR(INDEX(Jesper!AK$2:AK$366,ROUNDDOWN($C4113/24,0)+1,1)*INDEX($D$3:$AA$30,INDEX(Jesper!$R$2:$R$366,ROW(INDEX(Jesper!AK$2:AK$366,ROUNDDOWN($C4113/24,0)+1,1))-1)+IF('Standard Profiles'!$G$21=$B$10,7,0)+IF('Standard Profiles'!$G$21=$B$17,14,0)+IF('Standard Profiles'!$G$21=$B$24,21,0),MOD($C4113,24)+1)/SUM(INDEX($D$3:$AA$30,INDEX(Jesper!$R$2:$R$366,ROW(INDEX(Jesper!AK$2:AK$366,ROUNDDOWN($C4113/24,0)+1,1))-1)+IF('Standard Profiles'!$G$21=$B$10,7,0)+IF('Standard Profiles'!$G$21=$B$17,14,0)+IF('Standard Profiles'!$G$21=$B$24,21,0),0)),0)</f>
        <v>0</v>
      </c>
      <c r="H4113" cm="1">
        <f t="array" ref="H4113">IFERROR(INDEX(Jesper!AL$2:AL$366,ROUNDDOWN($C4113/24,0)+1,1)*INDEX($D$3:$AA$30,INDEX(Jesper!$R$2:$R$366,ROW(INDEX(Jesper!AL$2:AL$366,ROUNDDOWN($C4113/24,0)+1,1))-1)+IF('Standard Profiles'!$G$22=$B$10,7,0)+IF('Standard Profiles'!$G$22=$B$17,14,0)+IF('Standard Profiles'!$G$22=$B$24,21,0),MOD($C4113,24)+1)/SUM(INDEX($D$3:$AA$30,INDEX(Jesper!$R$2:$R$366,ROW(INDEX(Jesper!AL$2:AL$366,ROUNDDOWN($C4113/24,0)+1,1))-1)+IF('Standard Profiles'!$G$22=$B$10,7,0)+IF('Standard Profiles'!$G$22=$B$17,14,0)+IF('Standard Profiles'!$G$22=$B$24,21,0),0)),0)</f>
        <v>0</v>
      </c>
      <c r="I4113">
        <f t="shared" si="461"/>
        <v>0.19769425668303217</v>
      </c>
      <c r="J4113">
        <f t="shared" si="462"/>
        <v>0.65898085561010733</v>
      </c>
      <c r="K4113">
        <f t="shared" si="463"/>
        <v>0.98847128341516077</v>
      </c>
      <c r="L4113">
        <f t="shared" si="464"/>
        <v>4.7446621603927719</v>
      </c>
      <c r="M4113">
        <f t="shared" si="465"/>
        <v>0</v>
      </c>
      <c r="N4113" s="46">
        <f t="shared" si="466"/>
        <v>45461.95833332344</v>
      </c>
    </row>
    <row r="4114" spans="2:14" x14ac:dyDescent="0.3">
      <c r="B4114">
        <f t="shared" si="460"/>
        <v>3</v>
      </c>
      <c r="C4114" s="16">
        <v>4080</v>
      </c>
      <c r="D4114" cm="1">
        <f t="array" ref="D4114">IFERROR(INDEX(Jesper!AH$2:AH$366,ROUNDDOWN($C4114/24,0)+1,1)*INDEX($D$3:$AA$30,INDEX(Jesper!$R$2:$R$366,ROW(INDEX(Jesper!AH$2:AH$366,ROUNDDOWN($C4114/24,0)+1,1))-1)+IF('Standard Profiles'!$G$18=$B$10,7,0)+IF('Standard Profiles'!$G$18=$B$17,14,0)+IF('Standard Profiles'!$G$18=$B$24,21,0),MOD($C4114,24)+1)/SUM(INDEX($D$3:$AA$30,INDEX(Jesper!$R$2:$R$366,ROW(INDEX(Jesper!AH$2:AH$366,ROUNDDOWN($C4114/24,0)+1,1))-1)+IF('Standard Profiles'!$G$18=$B$10,7,0)+IF('Standard Profiles'!$G$18=$B$17,14,0)+IF('Standard Profiles'!$G$18=$B$24,21,0),0)),0)</f>
        <v>5.8631875707552217</v>
      </c>
      <c r="E4114" cm="1">
        <f t="array" ref="E4114">IFERROR(INDEX(Jesper!AI$2:AI$366,ROUNDDOWN($C4114/24,0)+1,1)*INDEX($D$3:$AA$30,INDEX(Jesper!$R$2:$R$366,ROW(INDEX(Jesper!AI$2:AI$366,ROUNDDOWN($C4114/24,0)+1,1))-1)+IF('Standard Profiles'!$G$19=$B$10,7,0)+IF('Standard Profiles'!$G$19=$B$17,14,0)+IF('Standard Profiles'!$G$19=$B$24,21,0),MOD($C4114,24)+1)/SUM(INDEX($D$3:$AA$30,INDEX(Jesper!$R$2:$R$366,ROW(INDEX(Jesper!AI$2:AI$366,ROUNDDOWN($C4114/24,0)+1,1))-1)+IF('Standard Profiles'!$G$19=$B$10,7,0)+IF('Standard Profiles'!$G$19=$B$17,14,0)+IF('Standard Profiles'!$G$19=$B$24,21,0),0)),0)</f>
        <v>0</v>
      </c>
      <c r="F4114" cm="1">
        <f t="array" ref="F4114">IFERROR(INDEX(Jesper!AJ$2:AJ$366,ROUNDDOWN($C4114/24,0)+1,1)*INDEX($D$3:$AA$30,INDEX(Jesper!$R$2:$R$366,ROW(INDEX(Jesper!AJ$2:AJ$366,ROUNDDOWN($C4114/24,0)+1,1))-1)+IF('Standard Profiles'!$G$20=$B$10,7,0)+IF('Standard Profiles'!$G$20=$B$17,14,0)+IF('Standard Profiles'!$G$20=$B$24,21,0),MOD($C4114,24)+1)/SUM(INDEX($D$3:$AA$30,INDEX(Jesper!$R$2:$R$366,ROW(INDEX(Jesper!AJ$2:AJ$366,ROUNDDOWN($C4114/24,0)+1,1))-1)+IF('Standard Profiles'!$G$20=$B$10,7,0)+IF('Standard Profiles'!$G$20=$B$17,14,0)+IF('Standard Profiles'!$G$20=$B$24,21,0),0)),0)</f>
        <v>0</v>
      </c>
      <c r="G4114" cm="1">
        <f t="array" ref="G4114">IFERROR(INDEX(Jesper!AK$2:AK$366,ROUNDDOWN($C4114/24,0)+1,1)*INDEX($D$3:$AA$30,INDEX(Jesper!$R$2:$R$366,ROW(INDEX(Jesper!AK$2:AK$366,ROUNDDOWN($C4114/24,0)+1,1))-1)+IF('Standard Profiles'!$G$21=$B$10,7,0)+IF('Standard Profiles'!$G$21=$B$17,14,0)+IF('Standard Profiles'!$G$21=$B$24,21,0),MOD($C4114,24)+1)/SUM(INDEX($D$3:$AA$30,INDEX(Jesper!$R$2:$R$366,ROW(INDEX(Jesper!AK$2:AK$366,ROUNDDOWN($C4114/24,0)+1,1))-1)+IF('Standard Profiles'!$G$21=$B$10,7,0)+IF('Standard Profiles'!$G$21=$B$17,14,0)+IF('Standard Profiles'!$G$21=$B$24,21,0),0)),0)</f>
        <v>0</v>
      </c>
      <c r="H4114" cm="1">
        <f t="array" ref="H4114">IFERROR(INDEX(Jesper!AL$2:AL$366,ROUNDDOWN($C4114/24,0)+1,1)*INDEX($D$3:$AA$30,INDEX(Jesper!$R$2:$R$366,ROW(INDEX(Jesper!AL$2:AL$366,ROUNDDOWN($C4114/24,0)+1,1))-1)+IF('Standard Profiles'!$G$22=$B$10,7,0)+IF('Standard Profiles'!$G$22=$B$17,14,0)+IF('Standard Profiles'!$G$22=$B$24,21,0),MOD($C4114,24)+1)/SUM(INDEX($D$3:$AA$30,INDEX(Jesper!$R$2:$R$366,ROW(INDEX(Jesper!AL$2:AL$366,ROUNDDOWN($C4114/24,0)+1,1))-1)+IF('Standard Profiles'!$G$22=$B$10,7,0)+IF('Standard Profiles'!$G$22=$B$17,14,0)+IF('Standard Profiles'!$G$22=$B$24,21,0),0)),0)</f>
        <v>0</v>
      </c>
      <c r="I4114">
        <f t="shared" si="461"/>
        <v>0.17589562712265663</v>
      </c>
      <c r="J4114">
        <f t="shared" si="462"/>
        <v>0.58631875707552217</v>
      </c>
      <c r="K4114">
        <f t="shared" si="463"/>
        <v>0.87947813561328325</v>
      </c>
      <c r="L4114">
        <f t="shared" si="464"/>
        <v>4.2214950509437594</v>
      </c>
      <c r="M4114">
        <f t="shared" si="465"/>
        <v>0</v>
      </c>
      <c r="N4114" s="46">
        <f t="shared" si="466"/>
        <v>45461.999999990105</v>
      </c>
    </row>
    <row r="4115" spans="2:14" x14ac:dyDescent="0.3">
      <c r="B4115">
        <f t="shared" si="460"/>
        <v>3</v>
      </c>
      <c r="C4115" s="16">
        <v>4081</v>
      </c>
      <c r="D4115" cm="1">
        <f t="array" ref="D4115">IFERROR(INDEX(Jesper!AH$2:AH$366,ROUNDDOWN($C4115/24,0)+1,1)*INDEX($D$3:$AA$30,INDEX(Jesper!$R$2:$R$366,ROW(INDEX(Jesper!AH$2:AH$366,ROUNDDOWN($C4115/24,0)+1,1))-1)+IF('Standard Profiles'!$G$18=$B$10,7,0)+IF('Standard Profiles'!$G$18=$B$17,14,0)+IF('Standard Profiles'!$G$18=$B$24,21,0),MOD($C4115,24)+1)/SUM(INDEX($D$3:$AA$30,INDEX(Jesper!$R$2:$R$366,ROW(INDEX(Jesper!AH$2:AH$366,ROUNDDOWN($C4115/24,0)+1,1))-1)+IF('Standard Profiles'!$G$18=$B$10,7,0)+IF('Standard Profiles'!$G$18=$B$17,14,0)+IF('Standard Profiles'!$G$18=$B$24,21,0),0)),0)</f>
        <v>6.5960860170996236</v>
      </c>
      <c r="E4115" cm="1">
        <f t="array" ref="E4115">IFERROR(INDEX(Jesper!AI$2:AI$366,ROUNDDOWN($C4115/24,0)+1,1)*INDEX($D$3:$AA$30,INDEX(Jesper!$R$2:$R$366,ROW(INDEX(Jesper!AI$2:AI$366,ROUNDDOWN($C4115/24,0)+1,1))-1)+IF('Standard Profiles'!$G$19=$B$10,7,0)+IF('Standard Profiles'!$G$19=$B$17,14,0)+IF('Standard Profiles'!$G$19=$B$24,21,0),MOD($C4115,24)+1)/SUM(INDEX($D$3:$AA$30,INDEX(Jesper!$R$2:$R$366,ROW(INDEX(Jesper!AI$2:AI$366,ROUNDDOWN($C4115/24,0)+1,1))-1)+IF('Standard Profiles'!$G$19=$B$10,7,0)+IF('Standard Profiles'!$G$19=$B$17,14,0)+IF('Standard Profiles'!$G$19=$B$24,21,0),0)),0)</f>
        <v>0</v>
      </c>
      <c r="F4115" cm="1">
        <f t="array" ref="F4115">IFERROR(INDEX(Jesper!AJ$2:AJ$366,ROUNDDOWN($C4115/24,0)+1,1)*INDEX($D$3:$AA$30,INDEX(Jesper!$R$2:$R$366,ROW(INDEX(Jesper!AJ$2:AJ$366,ROUNDDOWN($C4115/24,0)+1,1))-1)+IF('Standard Profiles'!$G$20=$B$10,7,0)+IF('Standard Profiles'!$G$20=$B$17,14,0)+IF('Standard Profiles'!$G$20=$B$24,21,0),MOD($C4115,24)+1)/SUM(INDEX($D$3:$AA$30,INDEX(Jesper!$R$2:$R$366,ROW(INDEX(Jesper!AJ$2:AJ$366,ROUNDDOWN($C4115/24,0)+1,1))-1)+IF('Standard Profiles'!$G$20=$B$10,7,0)+IF('Standard Profiles'!$G$20=$B$17,14,0)+IF('Standard Profiles'!$G$20=$B$24,21,0),0)),0)</f>
        <v>0</v>
      </c>
      <c r="G4115" cm="1">
        <f t="array" ref="G4115">IFERROR(INDEX(Jesper!AK$2:AK$366,ROUNDDOWN($C4115/24,0)+1,1)*INDEX($D$3:$AA$30,INDEX(Jesper!$R$2:$R$366,ROW(INDEX(Jesper!AK$2:AK$366,ROUNDDOWN($C4115/24,0)+1,1))-1)+IF('Standard Profiles'!$G$21=$B$10,7,0)+IF('Standard Profiles'!$G$21=$B$17,14,0)+IF('Standard Profiles'!$G$21=$B$24,21,0),MOD($C4115,24)+1)/SUM(INDEX($D$3:$AA$30,INDEX(Jesper!$R$2:$R$366,ROW(INDEX(Jesper!AK$2:AK$366,ROUNDDOWN($C4115/24,0)+1,1))-1)+IF('Standard Profiles'!$G$21=$B$10,7,0)+IF('Standard Profiles'!$G$21=$B$17,14,0)+IF('Standard Profiles'!$G$21=$B$24,21,0),0)),0)</f>
        <v>0</v>
      </c>
      <c r="H4115" cm="1">
        <f t="array" ref="H4115">IFERROR(INDEX(Jesper!AL$2:AL$366,ROUNDDOWN($C4115/24,0)+1,1)*INDEX($D$3:$AA$30,INDEX(Jesper!$R$2:$R$366,ROW(INDEX(Jesper!AL$2:AL$366,ROUNDDOWN($C4115/24,0)+1,1))-1)+IF('Standard Profiles'!$G$22=$B$10,7,0)+IF('Standard Profiles'!$G$22=$B$17,14,0)+IF('Standard Profiles'!$G$22=$B$24,21,0),MOD($C4115,24)+1)/SUM(INDEX($D$3:$AA$30,INDEX(Jesper!$R$2:$R$366,ROW(INDEX(Jesper!AL$2:AL$366,ROUNDDOWN($C4115/24,0)+1,1))-1)+IF('Standard Profiles'!$G$22=$B$10,7,0)+IF('Standard Profiles'!$G$22=$B$17,14,0)+IF('Standard Profiles'!$G$22=$B$24,21,0),0)),0)</f>
        <v>0</v>
      </c>
      <c r="I4115">
        <f t="shared" si="461"/>
        <v>0.19788258051298871</v>
      </c>
      <c r="J4115">
        <f t="shared" si="462"/>
        <v>0.65960860170996238</v>
      </c>
      <c r="K4115">
        <f t="shared" si="463"/>
        <v>0.98941290256494352</v>
      </c>
      <c r="L4115">
        <f t="shared" si="464"/>
        <v>4.7491819323117292</v>
      </c>
      <c r="M4115">
        <f t="shared" si="465"/>
        <v>0</v>
      </c>
      <c r="N4115" s="46">
        <f t="shared" si="466"/>
        <v>45462.041666656769</v>
      </c>
    </row>
    <row r="4116" spans="2:14" x14ac:dyDescent="0.3">
      <c r="B4116">
        <f t="shared" si="460"/>
        <v>3</v>
      </c>
      <c r="C4116" s="16">
        <v>4082</v>
      </c>
      <c r="D4116" cm="1">
        <f t="array" ref="D4116">IFERROR(INDEX(Jesper!AH$2:AH$366,ROUNDDOWN($C4116/24,0)+1,1)*INDEX($D$3:$AA$30,INDEX(Jesper!$R$2:$R$366,ROW(INDEX(Jesper!AH$2:AH$366,ROUNDDOWN($C4116/24,0)+1,1))-1)+IF('Standard Profiles'!$G$18=$B$10,7,0)+IF('Standard Profiles'!$G$18=$B$17,14,0)+IF('Standard Profiles'!$G$18=$B$24,21,0),MOD($C4116,24)+1)/SUM(INDEX($D$3:$AA$30,INDEX(Jesper!$R$2:$R$366,ROW(INDEX(Jesper!AH$2:AH$366,ROUNDDOWN($C4116/24,0)+1,1))-1)+IF('Standard Profiles'!$G$18=$B$10,7,0)+IF('Standard Profiles'!$G$18=$B$17,14,0)+IF('Standard Profiles'!$G$18=$B$24,21,0),0)),0)</f>
        <v>6.5960860170996236</v>
      </c>
      <c r="E4116" cm="1">
        <f t="array" ref="E4116">IFERROR(INDEX(Jesper!AI$2:AI$366,ROUNDDOWN($C4116/24,0)+1,1)*INDEX($D$3:$AA$30,INDEX(Jesper!$R$2:$R$366,ROW(INDEX(Jesper!AI$2:AI$366,ROUNDDOWN($C4116/24,0)+1,1))-1)+IF('Standard Profiles'!$G$19=$B$10,7,0)+IF('Standard Profiles'!$G$19=$B$17,14,0)+IF('Standard Profiles'!$G$19=$B$24,21,0),MOD($C4116,24)+1)/SUM(INDEX($D$3:$AA$30,INDEX(Jesper!$R$2:$R$366,ROW(INDEX(Jesper!AI$2:AI$366,ROUNDDOWN($C4116/24,0)+1,1))-1)+IF('Standard Profiles'!$G$19=$B$10,7,0)+IF('Standard Profiles'!$G$19=$B$17,14,0)+IF('Standard Profiles'!$G$19=$B$24,21,0),0)),0)</f>
        <v>0</v>
      </c>
      <c r="F4116" cm="1">
        <f t="array" ref="F4116">IFERROR(INDEX(Jesper!AJ$2:AJ$366,ROUNDDOWN($C4116/24,0)+1,1)*INDEX($D$3:$AA$30,INDEX(Jesper!$R$2:$R$366,ROW(INDEX(Jesper!AJ$2:AJ$366,ROUNDDOWN($C4116/24,0)+1,1))-1)+IF('Standard Profiles'!$G$20=$B$10,7,0)+IF('Standard Profiles'!$G$20=$B$17,14,0)+IF('Standard Profiles'!$G$20=$B$24,21,0),MOD($C4116,24)+1)/SUM(INDEX($D$3:$AA$30,INDEX(Jesper!$R$2:$R$366,ROW(INDEX(Jesper!AJ$2:AJ$366,ROUNDDOWN($C4116/24,0)+1,1))-1)+IF('Standard Profiles'!$G$20=$B$10,7,0)+IF('Standard Profiles'!$G$20=$B$17,14,0)+IF('Standard Profiles'!$G$20=$B$24,21,0),0)),0)</f>
        <v>0</v>
      </c>
      <c r="G4116" cm="1">
        <f t="array" ref="G4116">IFERROR(INDEX(Jesper!AK$2:AK$366,ROUNDDOWN($C4116/24,0)+1,1)*INDEX($D$3:$AA$30,INDEX(Jesper!$R$2:$R$366,ROW(INDEX(Jesper!AK$2:AK$366,ROUNDDOWN($C4116/24,0)+1,1))-1)+IF('Standard Profiles'!$G$21=$B$10,7,0)+IF('Standard Profiles'!$G$21=$B$17,14,0)+IF('Standard Profiles'!$G$21=$B$24,21,0),MOD($C4116,24)+1)/SUM(INDEX($D$3:$AA$30,INDEX(Jesper!$R$2:$R$366,ROW(INDEX(Jesper!AK$2:AK$366,ROUNDDOWN($C4116/24,0)+1,1))-1)+IF('Standard Profiles'!$G$21=$B$10,7,0)+IF('Standard Profiles'!$G$21=$B$17,14,0)+IF('Standard Profiles'!$G$21=$B$24,21,0),0)),0)</f>
        <v>0</v>
      </c>
      <c r="H4116" cm="1">
        <f t="array" ref="H4116">IFERROR(INDEX(Jesper!AL$2:AL$366,ROUNDDOWN($C4116/24,0)+1,1)*INDEX($D$3:$AA$30,INDEX(Jesper!$R$2:$R$366,ROW(INDEX(Jesper!AL$2:AL$366,ROUNDDOWN($C4116/24,0)+1,1))-1)+IF('Standard Profiles'!$G$22=$B$10,7,0)+IF('Standard Profiles'!$G$22=$B$17,14,0)+IF('Standard Profiles'!$G$22=$B$24,21,0),MOD($C4116,24)+1)/SUM(INDEX($D$3:$AA$30,INDEX(Jesper!$R$2:$R$366,ROW(INDEX(Jesper!AL$2:AL$366,ROUNDDOWN($C4116/24,0)+1,1))-1)+IF('Standard Profiles'!$G$22=$B$10,7,0)+IF('Standard Profiles'!$G$22=$B$17,14,0)+IF('Standard Profiles'!$G$22=$B$24,21,0),0)),0)</f>
        <v>0</v>
      </c>
      <c r="I4116">
        <f t="shared" si="461"/>
        <v>0.19788258051298871</v>
      </c>
      <c r="J4116">
        <f t="shared" si="462"/>
        <v>0.65960860170996238</v>
      </c>
      <c r="K4116">
        <f t="shared" si="463"/>
        <v>0.98941290256494352</v>
      </c>
      <c r="L4116">
        <f t="shared" si="464"/>
        <v>4.7491819323117292</v>
      </c>
      <c r="M4116">
        <f t="shared" si="465"/>
        <v>0</v>
      </c>
      <c r="N4116" s="46">
        <f t="shared" si="466"/>
        <v>45462.083333323433</v>
      </c>
    </row>
    <row r="4117" spans="2:14" x14ac:dyDescent="0.3">
      <c r="B4117">
        <f t="shared" si="460"/>
        <v>3</v>
      </c>
      <c r="C4117" s="16">
        <v>4083</v>
      </c>
      <c r="D4117" cm="1">
        <f t="array" ref="D4117">IFERROR(INDEX(Jesper!AH$2:AH$366,ROUNDDOWN($C4117/24,0)+1,1)*INDEX($D$3:$AA$30,INDEX(Jesper!$R$2:$R$366,ROW(INDEX(Jesper!AH$2:AH$366,ROUNDDOWN($C4117/24,0)+1,1))-1)+IF('Standard Profiles'!$G$18=$B$10,7,0)+IF('Standard Profiles'!$G$18=$B$17,14,0)+IF('Standard Profiles'!$G$18=$B$24,21,0),MOD($C4117,24)+1)/SUM(INDEX($D$3:$AA$30,INDEX(Jesper!$R$2:$R$366,ROW(INDEX(Jesper!AH$2:AH$366,ROUNDDOWN($C4117/24,0)+1,1))-1)+IF('Standard Profiles'!$G$18=$B$10,7,0)+IF('Standard Profiles'!$G$18=$B$17,14,0)+IF('Standard Profiles'!$G$18=$B$24,21,0),0)),0)</f>
        <v>6.5960860170996236</v>
      </c>
      <c r="E4117" cm="1">
        <f t="array" ref="E4117">IFERROR(INDEX(Jesper!AI$2:AI$366,ROUNDDOWN($C4117/24,0)+1,1)*INDEX($D$3:$AA$30,INDEX(Jesper!$R$2:$R$366,ROW(INDEX(Jesper!AI$2:AI$366,ROUNDDOWN($C4117/24,0)+1,1))-1)+IF('Standard Profiles'!$G$19=$B$10,7,0)+IF('Standard Profiles'!$G$19=$B$17,14,0)+IF('Standard Profiles'!$G$19=$B$24,21,0),MOD($C4117,24)+1)/SUM(INDEX($D$3:$AA$30,INDEX(Jesper!$R$2:$R$366,ROW(INDEX(Jesper!AI$2:AI$366,ROUNDDOWN($C4117/24,0)+1,1))-1)+IF('Standard Profiles'!$G$19=$B$10,7,0)+IF('Standard Profiles'!$G$19=$B$17,14,0)+IF('Standard Profiles'!$G$19=$B$24,21,0),0)),0)</f>
        <v>0</v>
      </c>
      <c r="F4117" cm="1">
        <f t="array" ref="F4117">IFERROR(INDEX(Jesper!AJ$2:AJ$366,ROUNDDOWN($C4117/24,0)+1,1)*INDEX($D$3:$AA$30,INDEX(Jesper!$R$2:$R$366,ROW(INDEX(Jesper!AJ$2:AJ$366,ROUNDDOWN($C4117/24,0)+1,1))-1)+IF('Standard Profiles'!$G$20=$B$10,7,0)+IF('Standard Profiles'!$G$20=$B$17,14,0)+IF('Standard Profiles'!$G$20=$B$24,21,0),MOD($C4117,24)+1)/SUM(INDEX($D$3:$AA$30,INDEX(Jesper!$R$2:$R$366,ROW(INDEX(Jesper!AJ$2:AJ$366,ROUNDDOWN($C4117/24,0)+1,1))-1)+IF('Standard Profiles'!$G$20=$B$10,7,0)+IF('Standard Profiles'!$G$20=$B$17,14,0)+IF('Standard Profiles'!$G$20=$B$24,21,0),0)),0)</f>
        <v>0</v>
      </c>
      <c r="G4117" cm="1">
        <f t="array" ref="G4117">IFERROR(INDEX(Jesper!AK$2:AK$366,ROUNDDOWN($C4117/24,0)+1,1)*INDEX($D$3:$AA$30,INDEX(Jesper!$R$2:$R$366,ROW(INDEX(Jesper!AK$2:AK$366,ROUNDDOWN($C4117/24,0)+1,1))-1)+IF('Standard Profiles'!$G$21=$B$10,7,0)+IF('Standard Profiles'!$G$21=$B$17,14,0)+IF('Standard Profiles'!$G$21=$B$24,21,0),MOD($C4117,24)+1)/SUM(INDEX($D$3:$AA$30,INDEX(Jesper!$R$2:$R$366,ROW(INDEX(Jesper!AK$2:AK$366,ROUNDDOWN($C4117/24,0)+1,1))-1)+IF('Standard Profiles'!$G$21=$B$10,7,0)+IF('Standard Profiles'!$G$21=$B$17,14,0)+IF('Standard Profiles'!$G$21=$B$24,21,0),0)),0)</f>
        <v>0</v>
      </c>
      <c r="H4117" cm="1">
        <f t="array" ref="H4117">IFERROR(INDEX(Jesper!AL$2:AL$366,ROUNDDOWN($C4117/24,0)+1,1)*INDEX($D$3:$AA$30,INDEX(Jesper!$R$2:$R$366,ROW(INDEX(Jesper!AL$2:AL$366,ROUNDDOWN($C4117/24,0)+1,1))-1)+IF('Standard Profiles'!$G$22=$B$10,7,0)+IF('Standard Profiles'!$G$22=$B$17,14,0)+IF('Standard Profiles'!$G$22=$B$24,21,0),MOD($C4117,24)+1)/SUM(INDEX($D$3:$AA$30,INDEX(Jesper!$R$2:$R$366,ROW(INDEX(Jesper!AL$2:AL$366,ROUNDDOWN($C4117/24,0)+1,1))-1)+IF('Standard Profiles'!$G$22=$B$10,7,0)+IF('Standard Profiles'!$G$22=$B$17,14,0)+IF('Standard Profiles'!$G$22=$B$24,21,0),0)),0)</f>
        <v>0</v>
      </c>
      <c r="I4117">
        <f t="shared" si="461"/>
        <v>0.19788258051298871</v>
      </c>
      <c r="J4117">
        <f t="shared" si="462"/>
        <v>0.65960860170996238</v>
      </c>
      <c r="K4117">
        <f t="shared" si="463"/>
        <v>0.98941290256494352</v>
      </c>
      <c r="L4117">
        <f t="shared" si="464"/>
        <v>4.7491819323117292</v>
      </c>
      <c r="M4117">
        <f t="shared" si="465"/>
        <v>0</v>
      </c>
      <c r="N4117" s="46">
        <f t="shared" si="466"/>
        <v>45462.124999990097</v>
      </c>
    </row>
    <row r="4118" spans="2:14" x14ac:dyDescent="0.3">
      <c r="B4118">
        <f t="shared" si="460"/>
        <v>3</v>
      </c>
      <c r="C4118" s="16">
        <v>4084</v>
      </c>
      <c r="D4118" cm="1">
        <f t="array" ref="D4118">IFERROR(INDEX(Jesper!AH$2:AH$366,ROUNDDOWN($C4118/24,0)+1,1)*INDEX($D$3:$AA$30,INDEX(Jesper!$R$2:$R$366,ROW(INDEX(Jesper!AH$2:AH$366,ROUNDDOWN($C4118/24,0)+1,1))-1)+IF('Standard Profiles'!$G$18=$B$10,7,0)+IF('Standard Profiles'!$G$18=$B$17,14,0)+IF('Standard Profiles'!$G$18=$B$24,21,0),MOD($C4118,24)+1)/SUM(INDEX($D$3:$AA$30,INDEX(Jesper!$R$2:$R$366,ROW(INDEX(Jesper!AH$2:AH$366,ROUNDDOWN($C4118/24,0)+1,1))-1)+IF('Standard Profiles'!$G$18=$B$10,7,0)+IF('Standard Profiles'!$G$18=$B$17,14,0)+IF('Standard Profiles'!$G$18=$B$24,21,0),0)),0)</f>
        <v>6.5960860170996236</v>
      </c>
      <c r="E4118" cm="1">
        <f t="array" ref="E4118">IFERROR(INDEX(Jesper!AI$2:AI$366,ROUNDDOWN($C4118/24,0)+1,1)*INDEX($D$3:$AA$30,INDEX(Jesper!$R$2:$R$366,ROW(INDEX(Jesper!AI$2:AI$366,ROUNDDOWN($C4118/24,0)+1,1))-1)+IF('Standard Profiles'!$G$19=$B$10,7,0)+IF('Standard Profiles'!$G$19=$B$17,14,0)+IF('Standard Profiles'!$G$19=$B$24,21,0),MOD($C4118,24)+1)/SUM(INDEX($D$3:$AA$30,INDEX(Jesper!$R$2:$R$366,ROW(INDEX(Jesper!AI$2:AI$366,ROUNDDOWN($C4118/24,0)+1,1))-1)+IF('Standard Profiles'!$G$19=$B$10,7,0)+IF('Standard Profiles'!$G$19=$B$17,14,0)+IF('Standard Profiles'!$G$19=$B$24,21,0),0)),0)</f>
        <v>0</v>
      </c>
      <c r="F4118" cm="1">
        <f t="array" ref="F4118">IFERROR(INDEX(Jesper!AJ$2:AJ$366,ROUNDDOWN($C4118/24,0)+1,1)*INDEX($D$3:$AA$30,INDEX(Jesper!$R$2:$R$366,ROW(INDEX(Jesper!AJ$2:AJ$366,ROUNDDOWN($C4118/24,0)+1,1))-1)+IF('Standard Profiles'!$G$20=$B$10,7,0)+IF('Standard Profiles'!$G$20=$B$17,14,0)+IF('Standard Profiles'!$G$20=$B$24,21,0),MOD($C4118,24)+1)/SUM(INDEX($D$3:$AA$30,INDEX(Jesper!$R$2:$R$366,ROW(INDEX(Jesper!AJ$2:AJ$366,ROUNDDOWN($C4118/24,0)+1,1))-1)+IF('Standard Profiles'!$G$20=$B$10,7,0)+IF('Standard Profiles'!$G$20=$B$17,14,0)+IF('Standard Profiles'!$G$20=$B$24,21,0),0)),0)</f>
        <v>0</v>
      </c>
      <c r="G4118" cm="1">
        <f t="array" ref="G4118">IFERROR(INDEX(Jesper!AK$2:AK$366,ROUNDDOWN($C4118/24,0)+1,1)*INDEX($D$3:$AA$30,INDEX(Jesper!$R$2:$R$366,ROW(INDEX(Jesper!AK$2:AK$366,ROUNDDOWN($C4118/24,0)+1,1))-1)+IF('Standard Profiles'!$G$21=$B$10,7,0)+IF('Standard Profiles'!$G$21=$B$17,14,0)+IF('Standard Profiles'!$G$21=$B$24,21,0),MOD($C4118,24)+1)/SUM(INDEX($D$3:$AA$30,INDEX(Jesper!$R$2:$R$366,ROW(INDEX(Jesper!AK$2:AK$366,ROUNDDOWN($C4118/24,0)+1,1))-1)+IF('Standard Profiles'!$G$21=$B$10,7,0)+IF('Standard Profiles'!$G$21=$B$17,14,0)+IF('Standard Profiles'!$G$21=$B$24,21,0),0)),0)</f>
        <v>0</v>
      </c>
      <c r="H4118" cm="1">
        <f t="array" ref="H4118">IFERROR(INDEX(Jesper!AL$2:AL$366,ROUNDDOWN($C4118/24,0)+1,1)*INDEX($D$3:$AA$30,INDEX(Jesper!$R$2:$R$366,ROW(INDEX(Jesper!AL$2:AL$366,ROUNDDOWN($C4118/24,0)+1,1))-1)+IF('Standard Profiles'!$G$22=$B$10,7,0)+IF('Standard Profiles'!$G$22=$B$17,14,0)+IF('Standard Profiles'!$G$22=$B$24,21,0),MOD($C4118,24)+1)/SUM(INDEX($D$3:$AA$30,INDEX(Jesper!$R$2:$R$366,ROW(INDEX(Jesper!AL$2:AL$366,ROUNDDOWN($C4118/24,0)+1,1))-1)+IF('Standard Profiles'!$G$22=$B$10,7,0)+IF('Standard Profiles'!$G$22=$B$17,14,0)+IF('Standard Profiles'!$G$22=$B$24,21,0),0)),0)</f>
        <v>0</v>
      </c>
      <c r="I4118">
        <f t="shared" si="461"/>
        <v>0.19788258051298871</v>
      </c>
      <c r="J4118">
        <f t="shared" si="462"/>
        <v>0.65960860170996238</v>
      </c>
      <c r="K4118">
        <f t="shared" si="463"/>
        <v>0.98941290256494352</v>
      </c>
      <c r="L4118">
        <f t="shared" si="464"/>
        <v>4.7491819323117292</v>
      </c>
      <c r="M4118">
        <f t="shared" si="465"/>
        <v>0</v>
      </c>
      <c r="N4118" s="46">
        <f t="shared" si="466"/>
        <v>45462.166666656762</v>
      </c>
    </row>
    <row r="4119" spans="2:14" x14ac:dyDescent="0.3">
      <c r="B4119">
        <f t="shared" si="460"/>
        <v>3</v>
      </c>
      <c r="C4119" s="16">
        <v>4085</v>
      </c>
      <c r="D4119" cm="1">
        <f t="array" ref="D4119">IFERROR(INDEX(Jesper!AH$2:AH$366,ROUNDDOWN($C4119/24,0)+1,1)*INDEX($D$3:$AA$30,INDEX(Jesper!$R$2:$R$366,ROW(INDEX(Jesper!AH$2:AH$366,ROUNDDOWN($C4119/24,0)+1,1))-1)+IF('Standard Profiles'!$G$18=$B$10,7,0)+IF('Standard Profiles'!$G$18=$B$17,14,0)+IF('Standard Profiles'!$G$18=$B$24,21,0),MOD($C4119,24)+1)/SUM(INDEX($D$3:$AA$30,INDEX(Jesper!$R$2:$R$366,ROW(INDEX(Jesper!AH$2:AH$366,ROUNDDOWN($C4119/24,0)+1,1))-1)+IF('Standard Profiles'!$G$18=$B$10,7,0)+IF('Standard Profiles'!$G$18=$B$17,14,0)+IF('Standard Profiles'!$G$18=$B$24,21,0),0)),0)</f>
        <v>8.5016219775950699</v>
      </c>
      <c r="E4119" cm="1">
        <f t="array" ref="E4119">IFERROR(INDEX(Jesper!AI$2:AI$366,ROUNDDOWN($C4119/24,0)+1,1)*INDEX($D$3:$AA$30,INDEX(Jesper!$R$2:$R$366,ROW(INDEX(Jesper!AI$2:AI$366,ROUNDDOWN($C4119/24,0)+1,1))-1)+IF('Standard Profiles'!$G$19=$B$10,7,0)+IF('Standard Profiles'!$G$19=$B$17,14,0)+IF('Standard Profiles'!$G$19=$B$24,21,0),MOD($C4119,24)+1)/SUM(INDEX($D$3:$AA$30,INDEX(Jesper!$R$2:$R$366,ROW(INDEX(Jesper!AI$2:AI$366,ROUNDDOWN($C4119/24,0)+1,1))-1)+IF('Standard Profiles'!$G$19=$B$10,7,0)+IF('Standard Profiles'!$G$19=$B$17,14,0)+IF('Standard Profiles'!$G$19=$B$24,21,0),0)),0)</f>
        <v>0</v>
      </c>
      <c r="F4119" cm="1">
        <f t="array" ref="F4119">IFERROR(INDEX(Jesper!AJ$2:AJ$366,ROUNDDOWN($C4119/24,0)+1,1)*INDEX($D$3:$AA$30,INDEX(Jesper!$R$2:$R$366,ROW(INDEX(Jesper!AJ$2:AJ$366,ROUNDDOWN($C4119/24,0)+1,1))-1)+IF('Standard Profiles'!$G$20=$B$10,7,0)+IF('Standard Profiles'!$G$20=$B$17,14,0)+IF('Standard Profiles'!$G$20=$B$24,21,0),MOD($C4119,24)+1)/SUM(INDEX($D$3:$AA$30,INDEX(Jesper!$R$2:$R$366,ROW(INDEX(Jesper!AJ$2:AJ$366,ROUNDDOWN($C4119/24,0)+1,1))-1)+IF('Standard Profiles'!$G$20=$B$10,7,0)+IF('Standard Profiles'!$G$20=$B$17,14,0)+IF('Standard Profiles'!$G$20=$B$24,21,0),0)),0)</f>
        <v>0</v>
      </c>
      <c r="G4119" cm="1">
        <f t="array" ref="G4119">IFERROR(INDEX(Jesper!AK$2:AK$366,ROUNDDOWN($C4119/24,0)+1,1)*INDEX($D$3:$AA$30,INDEX(Jesper!$R$2:$R$366,ROW(INDEX(Jesper!AK$2:AK$366,ROUNDDOWN($C4119/24,0)+1,1))-1)+IF('Standard Profiles'!$G$21=$B$10,7,0)+IF('Standard Profiles'!$G$21=$B$17,14,0)+IF('Standard Profiles'!$G$21=$B$24,21,0),MOD($C4119,24)+1)/SUM(INDEX($D$3:$AA$30,INDEX(Jesper!$R$2:$R$366,ROW(INDEX(Jesper!AK$2:AK$366,ROUNDDOWN($C4119/24,0)+1,1))-1)+IF('Standard Profiles'!$G$21=$B$10,7,0)+IF('Standard Profiles'!$G$21=$B$17,14,0)+IF('Standard Profiles'!$G$21=$B$24,21,0),0)),0)</f>
        <v>0</v>
      </c>
      <c r="H4119" cm="1">
        <f t="array" ref="H4119">IFERROR(INDEX(Jesper!AL$2:AL$366,ROUNDDOWN($C4119/24,0)+1,1)*INDEX($D$3:$AA$30,INDEX(Jesper!$R$2:$R$366,ROW(INDEX(Jesper!AL$2:AL$366,ROUNDDOWN($C4119/24,0)+1,1))-1)+IF('Standard Profiles'!$G$22=$B$10,7,0)+IF('Standard Profiles'!$G$22=$B$17,14,0)+IF('Standard Profiles'!$G$22=$B$24,21,0),MOD($C4119,24)+1)/SUM(INDEX($D$3:$AA$30,INDEX(Jesper!$R$2:$R$366,ROW(INDEX(Jesper!AL$2:AL$366,ROUNDDOWN($C4119/24,0)+1,1))-1)+IF('Standard Profiles'!$G$22=$B$10,7,0)+IF('Standard Profiles'!$G$22=$B$17,14,0)+IF('Standard Profiles'!$G$22=$B$24,21,0),0)),0)</f>
        <v>0</v>
      </c>
      <c r="I4119">
        <f t="shared" si="461"/>
        <v>0.25504865932785209</v>
      </c>
      <c r="J4119">
        <f t="shared" si="462"/>
        <v>0.85016219775950708</v>
      </c>
      <c r="K4119">
        <f t="shared" si="463"/>
        <v>1.2752432966392604</v>
      </c>
      <c r="L4119">
        <f t="shared" si="464"/>
        <v>6.1211678238684497</v>
      </c>
      <c r="M4119">
        <f t="shared" si="465"/>
        <v>0</v>
      </c>
      <c r="N4119" s="46">
        <f t="shared" si="466"/>
        <v>45462.208333323426</v>
      </c>
    </row>
    <row r="4120" spans="2:14" x14ac:dyDescent="0.3">
      <c r="B4120">
        <f t="shared" si="460"/>
        <v>3</v>
      </c>
      <c r="C4120" s="16">
        <v>4086</v>
      </c>
      <c r="D4120" cm="1">
        <f t="array" ref="D4120">IFERROR(INDEX(Jesper!AH$2:AH$366,ROUNDDOWN($C4120/24,0)+1,1)*INDEX($D$3:$AA$30,INDEX(Jesper!$R$2:$R$366,ROW(INDEX(Jesper!AH$2:AH$366,ROUNDDOWN($C4120/24,0)+1,1))-1)+IF('Standard Profiles'!$G$18=$B$10,7,0)+IF('Standard Profiles'!$G$18=$B$17,14,0)+IF('Standard Profiles'!$G$18=$B$24,21,0),MOD($C4120,24)+1)/SUM(INDEX($D$3:$AA$30,INDEX(Jesper!$R$2:$R$366,ROW(INDEX(Jesper!AH$2:AH$366,ROUNDDOWN($C4120/24,0)+1,1))-1)+IF('Standard Profiles'!$G$18=$B$10,7,0)+IF('Standard Profiles'!$G$18=$B$17,14,0)+IF('Standard Profiles'!$G$18=$B$24,21,0),0)),0)</f>
        <v>9.820839181014998</v>
      </c>
      <c r="E4120" cm="1">
        <f t="array" ref="E4120">IFERROR(INDEX(Jesper!AI$2:AI$366,ROUNDDOWN($C4120/24,0)+1,1)*INDEX($D$3:$AA$30,INDEX(Jesper!$R$2:$R$366,ROW(INDEX(Jesper!AI$2:AI$366,ROUNDDOWN($C4120/24,0)+1,1))-1)+IF('Standard Profiles'!$G$19=$B$10,7,0)+IF('Standard Profiles'!$G$19=$B$17,14,0)+IF('Standard Profiles'!$G$19=$B$24,21,0),MOD($C4120,24)+1)/SUM(INDEX($D$3:$AA$30,INDEX(Jesper!$R$2:$R$366,ROW(INDEX(Jesper!AI$2:AI$366,ROUNDDOWN($C4120/24,0)+1,1))-1)+IF('Standard Profiles'!$G$19=$B$10,7,0)+IF('Standard Profiles'!$G$19=$B$17,14,0)+IF('Standard Profiles'!$G$19=$B$24,21,0),0)),0)</f>
        <v>0</v>
      </c>
      <c r="F4120" cm="1">
        <f t="array" ref="F4120">IFERROR(INDEX(Jesper!AJ$2:AJ$366,ROUNDDOWN($C4120/24,0)+1,1)*INDEX($D$3:$AA$30,INDEX(Jesper!$R$2:$R$366,ROW(INDEX(Jesper!AJ$2:AJ$366,ROUNDDOWN($C4120/24,0)+1,1))-1)+IF('Standard Profiles'!$G$20=$B$10,7,0)+IF('Standard Profiles'!$G$20=$B$17,14,0)+IF('Standard Profiles'!$G$20=$B$24,21,0),MOD($C4120,24)+1)/SUM(INDEX($D$3:$AA$30,INDEX(Jesper!$R$2:$R$366,ROW(INDEX(Jesper!AJ$2:AJ$366,ROUNDDOWN($C4120/24,0)+1,1))-1)+IF('Standard Profiles'!$G$20=$B$10,7,0)+IF('Standard Profiles'!$G$20=$B$17,14,0)+IF('Standard Profiles'!$G$20=$B$24,21,0),0)),0)</f>
        <v>0</v>
      </c>
      <c r="G4120" cm="1">
        <f t="array" ref="G4120">IFERROR(INDEX(Jesper!AK$2:AK$366,ROUNDDOWN($C4120/24,0)+1,1)*INDEX($D$3:$AA$30,INDEX(Jesper!$R$2:$R$366,ROW(INDEX(Jesper!AK$2:AK$366,ROUNDDOWN($C4120/24,0)+1,1))-1)+IF('Standard Profiles'!$G$21=$B$10,7,0)+IF('Standard Profiles'!$G$21=$B$17,14,0)+IF('Standard Profiles'!$G$21=$B$24,21,0),MOD($C4120,24)+1)/SUM(INDEX($D$3:$AA$30,INDEX(Jesper!$R$2:$R$366,ROW(INDEX(Jesper!AK$2:AK$366,ROUNDDOWN($C4120/24,0)+1,1))-1)+IF('Standard Profiles'!$G$21=$B$10,7,0)+IF('Standard Profiles'!$G$21=$B$17,14,0)+IF('Standard Profiles'!$G$21=$B$24,21,0),0)),0)</f>
        <v>0</v>
      </c>
      <c r="H4120" cm="1">
        <f t="array" ref="H4120">IFERROR(INDEX(Jesper!AL$2:AL$366,ROUNDDOWN($C4120/24,0)+1,1)*INDEX($D$3:$AA$30,INDEX(Jesper!$R$2:$R$366,ROW(INDEX(Jesper!AL$2:AL$366,ROUNDDOWN($C4120/24,0)+1,1))-1)+IF('Standard Profiles'!$G$22=$B$10,7,0)+IF('Standard Profiles'!$G$22=$B$17,14,0)+IF('Standard Profiles'!$G$22=$B$24,21,0),MOD($C4120,24)+1)/SUM(INDEX($D$3:$AA$30,INDEX(Jesper!$R$2:$R$366,ROW(INDEX(Jesper!AL$2:AL$366,ROUNDDOWN($C4120/24,0)+1,1))-1)+IF('Standard Profiles'!$G$22=$B$10,7,0)+IF('Standard Profiles'!$G$22=$B$17,14,0)+IF('Standard Profiles'!$G$22=$B$24,21,0),0)),0)</f>
        <v>0</v>
      </c>
      <c r="I4120">
        <f t="shared" si="461"/>
        <v>0.29462517543044991</v>
      </c>
      <c r="J4120">
        <f t="shared" si="462"/>
        <v>0.98208391810149986</v>
      </c>
      <c r="K4120">
        <f t="shared" si="463"/>
        <v>1.4731258771522497</v>
      </c>
      <c r="L4120">
        <f t="shared" si="464"/>
        <v>7.0710042103307984</v>
      </c>
      <c r="M4120">
        <f t="shared" si="465"/>
        <v>0</v>
      </c>
      <c r="N4120" s="46">
        <f t="shared" si="466"/>
        <v>45462.24999999009</v>
      </c>
    </row>
    <row r="4121" spans="2:14" x14ac:dyDescent="0.3">
      <c r="B4121">
        <f t="shared" si="460"/>
        <v>3</v>
      </c>
      <c r="C4121" s="16">
        <v>4087</v>
      </c>
      <c r="D4121" cm="1">
        <f t="array" ref="D4121">IFERROR(INDEX(Jesper!AH$2:AH$366,ROUNDDOWN($C4121/24,0)+1,1)*INDEX($D$3:$AA$30,INDEX(Jesper!$R$2:$R$366,ROW(INDEX(Jesper!AH$2:AH$366,ROUNDDOWN($C4121/24,0)+1,1))-1)+IF('Standard Profiles'!$G$18=$B$10,7,0)+IF('Standard Profiles'!$G$18=$B$17,14,0)+IF('Standard Profiles'!$G$18=$B$24,21,0),MOD($C4121,24)+1)/SUM(INDEX($D$3:$AA$30,INDEX(Jesper!$R$2:$R$366,ROW(INDEX(Jesper!AH$2:AH$366,ROUNDDOWN($C4121/24,0)+1,1))-1)+IF('Standard Profiles'!$G$18=$B$10,7,0)+IF('Standard Profiles'!$G$18=$B$17,14,0)+IF('Standard Profiles'!$G$18=$B$24,21,0),0)),0)</f>
        <v>9.820839181014998</v>
      </c>
      <c r="E4121" cm="1">
        <f t="array" ref="E4121">IFERROR(INDEX(Jesper!AI$2:AI$366,ROUNDDOWN($C4121/24,0)+1,1)*INDEX($D$3:$AA$30,INDEX(Jesper!$R$2:$R$366,ROW(INDEX(Jesper!AI$2:AI$366,ROUNDDOWN($C4121/24,0)+1,1))-1)+IF('Standard Profiles'!$G$19=$B$10,7,0)+IF('Standard Profiles'!$G$19=$B$17,14,0)+IF('Standard Profiles'!$G$19=$B$24,21,0),MOD($C4121,24)+1)/SUM(INDEX($D$3:$AA$30,INDEX(Jesper!$R$2:$R$366,ROW(INDEX(Jesper!AI$2:AI$366,ROUNDDOWN($C4121/24,0)+1,1))-1)+IF('Standard Profiles'!$G$19=$B$10,7,0)+IF('Standard Profiles'!$G$19=$B$17,14,0)+IF('Standard Profiles'!$G$19=$B$24,21,0),0)),0)</f>
        <v>0</v>
      </c>
      <c r="F4121" cm="1">
        <f t="array" ref="F4121">IFERROR(INDEX(Jesper!AJ$2:AJ$366,ROUNDDOWN($C4121/24,0)+1,1)*INDEX($D$3:$AA$30,INDEX(Jesper!$R$2:$R$366,ROW(INDEX(Jesper!AJ$2:AJ$366,ROUNDDOWN($C4121/24,0)+1,1))-1)+IF('Standard Profiles'!$G$20=$B$10,7,0)+IF('Standard Profiles'!$G$20=$B$17,14,0)+IF('Standard Profiles'!$G$20=$B$24,21,0),MOD($C4121,24)+1)/SUM(INDEX($D$3:$AA$30,INDEX(Jesper!$R$2:$R$366,ROW(INDEX(Jesper!AJ$2:AJ$366,ROUNDDOWN($C4121/24,0)+1,1))-1)+IF('Standard Profiles'!$G$20=$B$10,7,0)+IF('Standard Profiles'!$G$20=$B$17,14,0)+IF('Standard Profiles'!$G$20=$B$24,21,0),0)),0)</f>
        <v>0</v>
      </c>
      <c r="G4121" cm="1">
        <f t="array" ref="G4121">IFERROR(INDEX(Jesper!AK$2:AK$366,ROUNDDOWN($C4121/24,0)+1,1)*INDEX($D$3:$AA$30,INDEX(Jesper!$R$2:$R$366,ROW(INDEX(Jesper!AK$2:AK$366,ROUNDDOWN($C4121/24,0)+1,1))-1)+IF('Standard Profiles'!$G$21=$B$10,7,0)+IF('Standard Profiles'!$G$21=$B$17,14,0)+IF('Standard Profiles'!$G$21=$B$24,21,0),MOD($C4121,24)+1)/SUM(INDEX($D$3:$AA$30,INDEX(Jesper!$R$2:$R$366,ROW(INDEX(Jesper!AK$2:AK$366,ROUNDDOWN($C4121/24,0)+1,1))-1)+IF('Standard Profiles'!$G$21=$B$10,7,0)+IF('Standard Profiles'!$G$21=$B$17,14,0)+IF('Standard Profiles'!$G$21=$B$24,21,0),0)),0)</f>
        <v>0</v>
      </c>
      <c r="H4121" cm="1">
        <f t="array" ref="H4121">IFERROR(INDEX(Jesper!AL$2:AL$366,ROUNDDOWN($C4121/24,0)+1,1)*INDEX($D$3:$AA$30,INDEX(Jesper!$R$2:$R$366,ROW(INDEX(Jesper!AL$2:AL$366,ROUNDDOWN($C4121/24,0)+1,1))-1)+IF('Standard Profiles'!$G$22=$B$10,7,0)+IF('Standard Profiles'!$G$22=$B$17,14,0)+IF('Standard Profiles'!$G$22=$B$24,21,0),MOD($C4121,24)+1)/SUM(INDEX($D$3:$AA$30,INDEX(Jesper!$R$2:$R$366,ROW(INDEX(Jesper!AL$2:AL$366,ROUNDDOWN($C4121/24,0)+1,1))-1)+IF('Standard Profiles'!$G$22=$B$10,7,0)+IF('Standard Profiles'!$G$22=$B$17,14,0)+IF('Standard Profiles'!$G$22=$B$24,21,0),0)),0)</f>
        <v>0</v>
      </c>
      <c r="I4121">
        <f t="shared" si="461"/>
        <v>0.29462517543044991</v>
      </c>
      <c r="J4121">
        <f t="shared" si="462"/>
        <v>0.98208391810149986</v>
      </c>
      <c r="K4121">
        <f t="shared" si="463"/>
        <v>1.4731258771522497</v>
      </c>
      <c r="L4121">
        <f t="shared" si="464"/>
        <v>7.0710042103307984</v>
      </c>
      <c r="M4121">
        <f t="shared" si="465"/>
        <v>0</v>
      </c>
      <c r="N4121" s="46">
        <f t="shared" si="466"/>
        <v>45462.291666656754</v>
      </c>
    </row>
    <row r="4122" spans="2:14" x14ac:dyDescent="0.3">
      <c r="B4122">
        <f t="shared" si="460"/>
        <v>3</v>
      </c>
      <c r="C4122" s="16">
        <v>4088</v>
      </c>
      <c r="D4122" cm="1">
        <f t="array" ref="D4122">IFERROR(INDEX(Jesper!AH$2:AH$366,ROUNDDOWN($C4122/24,0)+1,1)*INDEX($D$3:$AA$30,INDEX(Jesper!$R$2:$R$366,ROW(INDEX(Jesper!AH$2:AH$366,ROUNDDOWN($C4122/24,0)+1,1))-1)+IF('Standard Profiles'!$G$18=$B$10,7,0)+IF('Standard Profiles'!$G$18=$B$17,14,0)+IF('Standard Profiles'!$G$18=$B$24,21,0),MOD($C4122,24)+1)/SUM(INDEX($D$3:$AA$30,INDEX(Jesper!$R$2:$R$366,ROW(INDEX(Jesper!AH$2:AH$366,ROUNDDOWN($C4122/24,0)+1,1))-1)+IF('Standard Profiles'!$G$18=$B$10,7,0)+IF('Standard Profiles'!$G$18=$B$17,14,0)+IF('Standard Profiles'!$G$18=$B$24,21,0),0)),0)</f>
        <v>9.820839181014998</v>
      </c>
      <c r="E4122" cm="1">
        <f t="array" ref="E4122">IFERROR(INDEX(Jesper!AI$2:AI$366,ROUNDDOWN($C4122/24,0)+1,1)*INDEX($D$3:$AA$30,INDEX(Jesper!$R$2:$R$366,ROW(INDEX(Jesper!AI$2:AI$366,ROUNDDOWN($C4122/24,0)+1,1))-1)+IF('Standard Profiles'!$G$19=$B$10,7,0)+IF('Standard Profiles'!$G$19=$B$17,14,0)+IF('Standard Profiles'!$G$19=$B$24,21,0),MOD($C4122,24)+1)/SUM(INDEX($D$3:$AA$30,INDEX(Jesper!$R$2:$R$366,ROW(INDEX(Jesper!AI$2:AI$366,ROUNDDOWN($C4122/24,0)+1,1))-1)+IF('Standard Profiles'!$G$19=$B$10,7,0)+IF('Standard Profiles'!$G$19=$B$17,14,0)+IF('Standard Profiles'!$G$19=$B$24,21,0),0)),0)</f>
        <v>0</v>
      </c>
      <c r="F4122" cm="1">
        <f t="array" ref="F4122">IFERROR(INDEX(Jesper!AJ$2:AJ$366,ROUNDDOWN($C4122/24,0)+1,1)*INDEX($D$3:$AA$30,INDEX(Jesper!$R$2:$R$366,ROW(INDEX(Jesper!AJ$2:AJ$366,ROUNDDOWN($C4122/24,0)+1,1))-1)+IF('Standard Profiles'!$G$20=$B$10,7,0)+IF('Standard Profiles'!$G$20=$B$17,14,0)+IF('Standard Profiles'!$G$20=$B$24,21,0),MOD($C4122,24)+1)/SUM(INDEX($D$3:$AA$30,INDEX(Jesper!$R$2:$R$366,ROW(INDEX(Jesper!AJ$2:AJ$366,ROUNDDOWN($C4122/24,0)+1,1))-1)+IF('Standard Profiles'!$G$20=$B$10,7,0)+IF('Standard Profiles'!$G$20=$B$17,14,0)+IF('Standard Profiles'!$G$20=$B$24,21,0),0)),0)</f>
        <v>0</v>
      </c>
      <c r="G4122" cm="1">
        <f t="array" ref="G4122">IFERROR(INDEX(Jesper!AK$2:AK$366,ROUNDDOWN($C4122/24,0)+1,1)*INDEX($D$3:$AA$30,INDEX(Jesper!$R$2:$R$366,ROW(INDEX(Jesper!AK$2:AK$366,ROUNDDOWN($C4122/24,0)+1,1))-1)+IF('Standard Profiles'!$G$21=$B$10,7,0)+IF('Standard Profiles'!$G$21=$B$17,14,0)+IF('Standard Profiles'!$G$21=$B$24,21,0),MOD($C4122,24)+1)/SUM(INDEX($D$3:$AA$30,INDEX(Jesper!$R$2:$R$366,ROW(INDEX(Jesper!AK$2:AK$366,ROUNDDOWN($C4122/24,0)+1,1))-1)+IF('Standard Profiles'!$G$21=$B$10,7,0)+IF('Standard Profiles'!$G$21=$B$17,14,0)+IF('Standard Profiles'!$G$21=$B$24,21,0),0)),0)</f>
        <v>0</v>
      </c>
      <c r="H4122" cm="1">
        <f t="array" ref="H4122">IFERROR(INDEX(Jesper!AL$2:AL$366,ROUNDDOWN($C4122/24,0)+1,1)*INDEX($D$3:$AA$30,INDEX(Jesper!$R$2:$R$366,ROW(INDEX(Jesper!AL$2:AL$366,ROUNDDOWN($C4122/24,0)+1,1))-1)+IF('Standard Profiles'!$G$22=$B$10,7,0)+IF('Standard Profiles'!$G$22=$B$17,14,0)+IF('Standard Profiles'!$G$22=$B$24,21,0),MOD($C4122,24)+1)/SUM(INDEX($D$3:$AA$30,INDEX(Jesper!$R$2:$R$366,ROW(INDEX(Jesper!AL$2:AL$366,ROUNDDOWN($C4122/24,0)+1,1))-1)+IF('Standard Profiles'!$G$22=$B$10,7,0)+IF('Standard Profiles'!$G$22=$B$17,14,0)+IF('Standard Profiles'!$G$22=$B$24,21,0),0)),0)</f>
        <v>0</v>
      </c>
      <c r="I4122">
        <f t="shared" si="461"/>
        <v>0.29462517543044991</v>
      </c>
      <c r="J4122">
        <f t="shared" si="462"/>
        <v>0.98208391810149986</v>
      </c>
      <c r="K4122">
        <f t="shared" si="463"/>
        <v>1.4731258771522497</v>
      </c>
      <c r="L4122">
        <f t="shared" si="464"/>
        <v>7.0710042103307984</v>
      </c>
      <c r="M4122">
        <f t="shared" si="465"/>
        <v>0</v>
      </c>
      <c r="N4122" s="46">
        <f t="shared" si="466"/>
        <v>45462.333333323419</v>
      </c>
    </row>
    <row r="4123" spans="2:14" x14ac:dyDescent="0.3">
      <c r="B4123">
        <f t="shared" si="460"/>
        <v>3</v>
      </c>
      <c r="C4123" s="16">
        <v>4089</v>
      </c>
      <c r="D4123" cm="1">
        <f t="array" ref="D4123">IFERROR(INDEX(Jesper!AH$2:AH$366,ROUNDDOWN($C4123/24,0)+1,1)*INDEX($D$3:$AA$30,INDEX(Jesper!$R$2:$R$366,ROW(INDEX(Jesper!AH$2:AH$366,ROUNDDOWN($C4123/24,0)+1,1))-1)+IF('Standard Profiles'!$G$18=$B$10,7,0)+IF('Standard Profiles'!$G$18=$B$17,14,0)+IF('Standard Profiles'!$G$18=$B$24,21,0),MOD($C4123,24)+1)/SUM(INDEX($D$3:$AA$30,INDEX(Jesper!$R$2:$R$366,ROW(INDEX(Jesper!AH$2:AH$366,ROUNDDOWN($C4123/24,0)+1,1))-1)+IF('Standard Profiles'!$G$18=$B$10,7,0)+IF('Standard Profiles'!$G$18=$B$17,14,0)+IF('Standard Profiles'!$G$18=$B$24,21,0),0)),0)</f>
        <v>10.553737627359398</v>
      </c>
      <c r="E4123" cm="1">
        <f t="array" ref="E4123">IFERROR(INDEX(Jesper!AI$2:AI$366,ROUNDDOWN($C4123/24,0)+1,1)*INDEX($D$3:$AA$30,INDEX(Jesper!$R$2:$R$366,ROW(INDEX(Jesper!AI$2:AI$366,ROUNDDOWN($C4123/24,0)+1,1))-1)+IF('Standard Profiles'!$G$19=$B$10,7,0)+IF('Standard Profiles'!$G$19=$B$17,14,0)+IF('Standard Profiles'!$G$19=$B$24,21,0),MOD($C4123,24)+1)/SUM(INDEX($D$3:$AA$30,INDEX(Jesper!$R$2:$R$366,ROW(INDEX(Jesper!AI$2:AI$366,ROUNDDOWN($C4123/24,0)+1,1))-1)+IF('Standard Profiles'!$G$19=$B$10,7,0)+IF('Standard Profiles'!$G$19=$B$17,14,0)+IF('Standard Profiles'!$G$19=$B$24,21,0),0)),0)</f>
        <v>0</v>
      </c>
      <c r="F4123" cm="1">
        <f t="array" ref="F4123">IFERROR(INDEX(Jesper!AJ$2:AJ$366,ROUNDDOWN($C4123/24,0)+1,1)*INDEX($D$3:$AA$30,INDEX(Jesper!$R$2:$R$366,ROW(INDEX(Jesper!AJ$2:AJ$366,ROUNDDOWN($C4123/24,0)+1,1))-1)+IF('Standard Profiles'!$G$20=$B$10,7,0)+IF('Standard Profiles'!$G$20=$B$17,14,0)+IF('Standard Profiles'!$G$20=$B$24,21,0),MOD($C4123,24)+1)/SUM(INDEX($D$3:$AA$30,INDEX(Jesper!$R$2:$R$366,ROW(INDEX(Jesper!AJ$2:AJ$366,ROUNDDOWN($C4123/24,0)+1,1))-1)+IF('Standard Profiles'!$G$20=$B$10,7,0)+IF('Standard Profiles'!$G$20=$B$17,14,0)+IF('Standard Profiles'!$G$20=$B$24,21,0),0)),0)</f>
        <v>0</v>
      </c>
      <c r="G4123" cm="1">
        <f t="array" ref="G4123">IFERROR(INDEX(Jesper!AK$2:AK$366,ROUNDDOWN($C4123/24,0)+1,1)*INDEX($D$3:$AA$30,INDEX(Jesper!$R$2:$R$366,ROW(INDEX(Jesper!AK$2:AK$366,ROUNDDOWN($C4123/24,0)+1,1))-1)+IF('Standard Profiles'!$G$21=$B$10,7,0)+IF('Standard Profiles'!$G$21=$B$17,14,0)+IF('Standard Profiles'!$G$21=$B$24,21,0),MOD($C4123,24)+1)/SUM(INDEX($D$3:$AA$30,INDEX(Jesper!$R$2:$R$366,ROW(INDEX(Jesper!AK$2:AK$366,ROUNDDOWN($C4123/24,0)+1,1))-1)+IF('Standard Profiles'!$G$21=$B$10,7,0)+IF('Standard Profiles'!$G$21=$B$17,14,0)+IF('Standard Profiles'!$G$21=$B$24,21,0),0)),0)</f>
        <v>0</v>
      </c>
      <c r="H4123" cm="1">
        <f t="array" ref="H4123">IFERROR(INDEX(Jesper!AL$2:AL$366,ROUNDDOWN($C4123/24,0)+1,1)*INDEX($D$3:$AA$30,INDEX(Jesper!$R$2:$R$366,ROW(INDEX(Jesper!AL$2:AL$366,ROUNDDOWN($C4123/24,0)+1,1))-1)+IF('Standard Profiles'!$G$22=$B$10,7,0)+IF('Standard Profiles'!$G$22=$B$17,14,0)+IF('Standard Profiles'!$G$22=$B$24,21,0),MOD($C4123,24)+1)/SUM(INDEX($D$3:$AA$30,INDEX(Jesper!$R$2:$R$366,ROW(INDEX(Jesper!AL$2:AL$366,ROUNDDOWN($C4123/24,0)+1,1))-1)+IF('Standard Profiles'!$G$22=$B$10,7,0)+IF('Standard Profiles'!$G$22=$B$17,14,0)+IF('Standard Profiles'!$G$22=$B$24,21,0),0)),0)</f>
        <v>0</v>
      </c>
      <c r="I4123">
        <f t="shared" si="461"/>
        <v>0.31661212882078194</v>
      </c>
      <c r="J4123">
        <f t="shared" si="462"/>
        <v>1.0553737627359399</v>
      </c>
      <c r="K4123">
        <f t="shared" si="463"/>
        <v>1.5830606441039097</v>
      </c>
      <c r="L4123">
        <f t="shared" si="464"/>
        <v>7.5986910916987664</v>
      </c>
      <c r="M4123">
        <f t="shared" si="465"/>
        <v>0</v>
      </c>
      <c r="N4123" s="46">
        <f t="shared" si="466"/>
        <v>45462.374999990083</v>
      </c>
    </row>
    <row r="4124" spans="2:14" x14ac:dyDescent="0.3">
      <c r="B4124">
        <f t="shared" si="460"/>
        <v>3</v>
      </c>
      <c r="C4124" s="16">
        <v>4090</v>
      </c>
      <c r="D4124" cm="1">
        <f t="array" ref="D4124">IFERROR(INDEX(Jesper!AH$2:AH$366,ROUNDDOWN($C4124/24,0)+1,1)*INDEX($D$3:$AA$30,INDEX(Jesper!$R$2:$R$366,ROW(INDEX(Jesper!AH$2:AH$366,ROUNDDOWN($C4124/24,0)+1,1))-1)+IF('Standard Profiles'!$G$18=$B$10,7,0)+IF('Standard Profiles'!$G$18=$B$17,14,0)+IF('Standard Profiles'!$G$18=$B$24,21,0),MOD($C4124,24)+1)/SUM(INDEX($D$3:$AA$30,INDEX(Jesper!$R$2:$R$366,ROW(INDEX(Jesper!AH$2:AH$366,ROUNDDOWN($C4124/24,0)+1,1))-1)+IF('Standard Profiles'!$G$18=$B$10,7,0)+IF('Standard Profiles'!$G$18=$B$17,14,0)+IF('Standard Profiles'!$G$18=$B$24,21,0),0)),0)</f>
        <v>11.433215762972681</v>
      </c>
      <c r="E4124" cm="1">
        <f t="array" ref="E4124">IFERROR(INDEX(Jesper!AI$2:AI$366,ROUNDDOWN($C4124/24,0)+1,1)*INDEX($D$3:$AA$30,INDEX(Jesper!$R$2:$R$366,ROW(INDEX(Jesper!AI$2:AI$366,ROUNDDOWN($C4124/24,0)+1,1))-1)+IF('Standard Profiles'!$G$19=$B$10,7,0)+IF('Standard Profiles'!$G$19=$B$17,14,0)+IF('Standard Profiles'!$G$19=$B$24,21,0),MOD($C4124,24)+1)/SUM(INDEX($D$3:$AA$30,INDEX(Jesper!$R$2:$R$366,ROW(INDEX(Jesper!AI$2:AI$366,ROUNDDOWN($C4124/24,0)+1,1))-1)+IF('Standard Profiles'!$G$19=$B$10,7,0)+IF('Standard Profiles'!$G$19=$B$17,14,0)+IF('Standard Profiles'!$G$19=$B$24,21,0),0)),0)</f>
        <v>0</v>
      </c>
      <c r="F4124" cm="1">
        <f t="array" ref="F4124">IFERROR(INDEX(Jesper!AJ$2:AJ$366,ROUNDDOWN($C4124/24,0)+1,1)*INDEX($D$3:$AA$30,INDEX(Jesper!$R$2:$R$366,ROW(INDEX(Jesper!AJ$2:AJ$366,ROUNDDOWN($C4124/24,0)+1,1))-1)+IF('Standard Profiles'!$G$20=$B$10,7,0)+IF('Standard Profiles'!$G$20=$B$17,14,0)+IF('Standard Profiles'!$G$20=$B$24,21,0),MOD($C4124,24)+1)/SUM(INDEX($D$3:$AA$30,INDEX(Jesper!$R$2:$R$366,ROW(INDEX(Jesper!AJ$2:AJ$366,ROUNDDOWN($C4124/24,0)+1,1))-1)+IF('Standard Profiles'!$G$20=$B$10,7,0)+IF('Standard Profiles'!$G$20=$B$17,14,0)+IF('Standard Profiles'!$G$20=$B$24,21,0),0)),0)</f>
        <v>0</v>
      </c>
      <c r="G4124" cm="1">
        <f t="array" ref="G4124">IFERROR(INDEX(Jesper!AK$2:AK$366,ROUNDDOWN($C4124/24,0)+1,1)*INDEX($D$3:$AA$30,INDEX(Jesper!$R$2:$R$366,ROW(INDEX(Jesper!AK$2:AK$366,ROUNDDOWN($C4124/24,0)+1,1))-1)+IF('Standard Profiles'!$G$21=$B$10,7,0)+IF('Standard Profiles'!$G$21=$B$17,14,0)+IF('Standard Profiles'!$G$21=$B$24,21,0),MOD($C4124,24)+1)/SUM(INDEX($D$3:$AA$30,INDEX(Jesper!$R$2:$R$366,ROW(INDEX(Jesper!AK$2:AK$366,ROUNDDOWN($C4124/24,0)+1,1))-1)+IF('Standard Profiles'!$G$21=$B$10,7,0)+IF('Standard Profiles'!$G$21=$B$17,14,0)+IF('Standard Profiles'!$G$21=$B$24,21,0),0)),0)</f>
        <v>0</v>
      </c>
      <c r="H4124" cm="1">
        <f t="array" ref="H4124">IFERROR(INDEX(Jesper!AL$2:AL$366,ROUNDDOWN($C4124/24,0)+1,1)*INDEX($D$3:$AA$30,INDEX(Jesper!$R$2:$R$366,ROW(INDEX(Jesper!AL$2:AL$366,ROUNDDOWN($C4124/24,0)+1,1))-1)+IF('Standard Profiles'!$G$22=$B$10,7,0)+IF('Standard Profiles'!$G$22=$B$17,14,0)+IF('Standard Profiles'!$G$22=$B$24,21,0),MOD($C4124,24)+1)/SUM(INDEX($D$3:$AA$30,INDEX(Jesper!$R$2:$R$366,ROW(INDEX(Jesper!AL$2:AL$366,ROUNDDOWN($C4124/24,0)+1,1))-1)+IF('Standard Profiles'!$G$22=$B$10,7,0)+IF('Standard Profiles'!$G$22=$B$17,14,0)+IF('Standard Profiles'!$G$22=$B$24,21,0),0)),0)</f>
        <v>0</v>
      </c>
      <c r="I4124">
        <f t="shared" si="461"/>
        <v>0.34299647288918045</v>
      </c>
      <c r="J4124">
        <f t="shared" si="462"/>
        <v>1.1433215762972682</v>
      </c>
      <c r="K4124">
        <f t="shared" si="463"/>
        <v>1.7149823644459021</v>
      </c>
      <c r="L4124">
        <f t="shared" si="464"/>
        <v>8.2319153493403299</v>
      </c>
      <c r="M4124">
        <f t="shared" si="465"/>
        <v>0</v>
      </c>
      <c r="N4124" s="46">
        <f t="shared" si="466"/>
        <v>45462.416666656747</v>
      </c>
    </row>
    <row r="4125" spans="2:14" x14ac:dyDescent="0.3">
      <c r="B4125">
        <f t="shared" si="460"/>
        <v>3</v>
      </c>
      <c r="C4125" s="16">
        <v>4091</v>
      </c>
      <c r="D4125" cm="1">
        <f t="array" ref="D4125">IFERROR(INDEX(Jesper!AH$2:AH$366,ROUNDDOWN($C4125/24,0)+1,1)*INDEX($D$3:$AA$30,INDEX(Jesper!$R$2:$R$366,ROW(INDEX(Jesper!AH$2:AH$366,ROUNDDOWN($C4125/24,0)+1,1))-1)+IF('Standard Profiles'!$G$18=$B$10,7,0)+IF('Standard Profiles'!$G$18=$B$17,14,0)+IF('Standard Profiles'!$G$18=$B$24,21,0),MOD($C4125,24)+1)/SUM(INDEX($D$3:$AA$30,INDEX(Jesper!$R$2:$R$366,ROW(INDEX(Jesper!AH$2:AH$366,ROUNDDOWN($C4125/24,0)+1,1))-1)+IF('Standard Profiles'!$G$18=$B$10,7,0)+IF('Standard Profiles'!$G$18=$B$17,14,0)+IF('Standard Profiles'!$G$18=$B$24,21,0),0)),0)</f>
        <v>13.192172034199247</v>
      </c>
      <c r="E4125" cm="1">
        <f t="array" ref="E4125">IFERROR(INDEX(Jesper!AI$2:AI$366,ROUNDDOWN($C4125/24,0)+1,1)*INDEX($D$3:$AA$30,INDEX(Jesper!$R$2:$R$366,ROW(INDEX(Jesper!AI$2:AI$366,ROUNDDOWN($C4125/24,0)+1,1))-1)+IF('Standard Profiles'!$G$19=$B$10,7,0)+IF('Standard Profiles'!$G$19=$B$17,14,0)+IF('Standard Profiles'!$G$19=$B$24,21,0),MOD($C4125,24)+1)/SUM(INDEX($D$3:$AA$30,INDEX(Jesper!$R$2:$R$366,ROW(INDEX(Jesper!AI$2:AI$366,ROUNDDOWN($C4125/24,0)+1,1))-1)+IF('Standard Profiles'!$G$19=$B$10,7,0)+IF('Standard Profiles'!$G$19=$B$17,14,0)+IF('Standard Profiles'!$G$19=$B$24,21,0),0)),0)</f>
        <v>0</v>
      </c>
      <c r="F4125" cm="1">
        <f t="array" ref="F4125">IFERROR(INDEX(Jesper!AJ$2:AJ$366,ROUNDDOWN($C4125/24,0)+1,1)*INDEX($D$3:$AA$30,INDEX(Jesper!$R$2:$R$366,ROW(INDEX(Jesper!AJ$2:AJ$366,ROUNDDOWN($C4125/24,0)+1,1))-1)+IF('Standard Profiles'!$G$20=$B$10,7,0)+IF('Standard Profiles'!$G$20=$B$17,14,0)+IF('Standard Profiles'!$G$20=$B$24,21,0),MOD($C4125,24)+1)/SUM(INDEX($D$3:$AA$30,INDEX(Jesper!$R$2:$R$366,ROW(INDEX(Jesper!AJ$2:AJ$366,ROUNDDOWN($C4125/24,0)+1,1))-1)+IF('Standard Profiles'!$G$20=$B$10,7,0)+IF('Standard Profiles'!$G$20=$B$17,14,0)+IF('Standard Profiles'!$G$20=$B$24,21,0),0)),0)</f>
        <v>0</v>
      </c>
      <c r="G4125" cm="1">
        <f t="array" ref="G4125">IFERROR(INDEX(Jesper!AK$2:AK$366,ROUNDDOWN($C4125/24,0)+1,1)*INDEX($D$3:$AA$30,INDEX(Jesper!$R$2:$R$366,ROW(INDEX(Jesper!AK$2:AK$366,ROUNDDOWN($C4125/24,0)+1,1))-1)+IF('Standard Profiles'!$G$21=$B$10,7,0)+IF('Standard Profiles'!$G$21=$B$17,14,0)+IF('Standard Profiles'!$G$21=$B$24,21,0),MOD($C4125,24)+1)/SUM(INDEX($D$3:$AA$30,INDEX(Jesper!$R$2:$R$366,ROW(INDEX(Jesper!AK$2:AK$366,ROUNDDOWN($C4125/24,0)+1,1))-1)+IF('Standard Profiles'!$G$21=$B$10,7,0)+IF('Standard Profiles'!$G$21=$B$17,14,0)+IF('Standard Profiles'!$G$21=$B$24,21,0),0)),0)</f>
        <v>0</v>
      </c>
      <c r="H4125" cm="1">
        <f t="array" ref="H4125">IFERROR(INDEX(Jesper!AL$2:AL$366,ROUNDDOWN($C4125/24,0)+1,1)*INDEX($D$3:$AA$30,INDEX(Jesper!$R$2:$R$366,ROW(INDEX(Jesper!AL$2:AL$366,ROUNDDOWN($C4125/24,0)+1,1))-1)+IF('Standard Profiles'!$G$22=$B$10,7,0)+IF('Standard Profiles'!$G$22=$B$17,14,0)+IF('Standard Profiles'!$G$22=$B$24,21,0),MOD($C4125,24)+1)/SUM(INDEX($D$3:$AA$30,INDEX(Jesper!$R$2:$R$366,ROW(INDEX(Jesper!AL$2:AL$366,ROUNDDOWN($C4125/24,0)+1,1))-1)+IF('Standard Profiles'!$G$22=$B$10,7,0)+IF('Standard Profiles'!$G$22=$B$17,14,0)+IF('Standard Profiles'!$G$22=$B$24,21,0),0)),0)</f>
        <v>0</v>
      </c>
      <c r="I4125">
        <f t="shared" si="461"/>
        <v>0.39576516102597742</v>
      </c>
      <c r="J4125">
        <f t="shared" si="462"/>
        <v>1.3192172034199248</v>
      </c>
      <c r="K4125">
        <f t="shared" si="463"/>
        <v>1.978825805129887</v>
      </c>
      <c r="L4125">
        <f t="shared" si="464"/>
        <v>9.4983638646234585</v>
      </c>
      <c r="M4125">
        <f t="shared" si="465"/>
        <v>0</v>
      </c>
      <c r="N4125" s="46">
        <f t="shared" si="466"/>
        <v>45462.458333323411</v>
      </c>
    </row>
    <row r="4126" spans="2:14" x14ac:dyDescent="0.3">
      <c r="B4126">
        <f t="shared" si="460"/>
        <v>3</v>
      </c>
      <c r="C4126" s="16">
        <v>4092</v>
      </c>
      <c r="D4126" cm="1">
        <f t="array" ref="D4126">IFERROR(INDEX(Jesper!AH$2:AH$366,ROUNDDOWN($C4126/24,0)+1,1)*INDEX($D$3:$AA$30,INDEX(Jesper!$R$2:$R$366,ROW(INDEX(Jesper!AH$2:AH$366,ROUNDDOWN($C4126/24,0)+1,1))-1)+IF('Standard Profiles'!$G$18=$B$10,7,0)+IF('Standard Profiles'!$G$18=$B$17,14,0)+IF('Standard Profiles'!$G$18=$B$24,21,0),MOD($C4126,24)+1)/SUM(INDEX($D$3:$AA$30,INDEX(Jesper!$R$2:$R$366,ROW(INDEX(Jesper!AH$2:AH$366,ROUNDDOWN($C4126/24,0)+1,1))-1)+IF('Standard Profiles'!$G$18=$B$10,7,0)+IF('Standard Profiles'!$G$18=$B$17,14,0)+IF('Standard Profiles'!$G$18=$B$24,21,0),0)),0)</f>
        <v>13.192172034199247</v>
      </c>
      <c r="E4126" cm="1">
        <f t="array" ref="E4126">IFERROR(INDEX(Jesper!AI$2:AI$366,ROUNDDOWN($C4126/24,0)+1,1)*INDEX($D$3:$AA$30,INDEX(Jesper!$R$2:$R$366,ROW(INDEX(Jesper!AI$2:AI$366,ROUNDDOWN($C4126/24,0)+1,1))-1)+IF('Standard Profiles'!$G$19=$B$10,7,0)+IF('Standard Profiles'!$G$19=$B$17,14,0)+IF('Standard Profiles'!$G$19=$B$24,21,0),MOD($C4126,24)+1)/SUM(INDEX($D$3:$AA$30,INDEX(Jesper!$R$2:$R$366,ROW(INDEX(Jesper!AI$2:AI$366,ROUNDDOWN($C4126/24,0)+1,1))-1)+IF('Standard Profiles'!$G$19=$B$10,7,0)+IF('Standard Profiles'!$G$19=$B$17,14,0)+IF('Standard Profiles'!$G$19=$B$24,21,0),0)),0)</f>
        <v>0</v>
      </c>
      <c r="F4126" cm="1">
        <f t="array" ref="F4126">IFERROR(INDEX(Jesper!AJ$2:AJ$366,ROUNDDOWN($C4126/24,0)+1,1)*INDEX($D$3:$AA$30,INDEX(Jesper!$R$2:$R$366,ROW(INDEX(Jesper!AJ$2:AJ$366,ROUNDDOWN($C4126/24,0)+1,1))-1)+IF('Standard Profiles'!$G$20=$B$10,7,0)+IF('Standard Profiles'!$G$20=$B$17,14,0)+IF('Standard Profiles'!$G$20=$B$24,21,0),MOD($C4126,24)+1)/SUM(INDEX($D$3:$AA$30,INDEX(Jesper!$R$2:$R$366,ROW(INDEX(Jesper!AJ$2:AJ$366,ROUNDDOWN($C4126/24,0)+1,1))-1)+IF('Standard Profiles'!$G$20=$B$10,7,0)+IF('Standard Profiles'!$G$20=$B$17,14,0)+IF('Standard Profiles'!$G$20=$B$24,21,0),0)),0)</f>
        <v>0</v>
      </c>
      <c r="G4126" cm="1">
        <f t="array" ref="G4126">IFERROR(INDEX(Jesper!AK$2:AK$366,ROUNDDOWN($C4126/24,0)+1,1)*INDEX($D$3:$AA$30,INDEX(Jesper!$R$2:$R$366,ROW(INDEX(Jesper!AK$2:AK$366,ROUNDDOWN($C4126/24,0)+1,1))-1)+IF('Standard Profiles'!$G$21=$B$10,7,0)+IF('Standard Profiles'!$G$21=$B$17,14,0)+IF('Standard Profiles'!$G$21=$B$24,21,0),MOD($C4126,24)+1)/SUM(INDEX($D$3:$AA$30,INDEX(Jesper!$R$2:$R$366,ROW(INDEX(Jesper!AK$2:AK$366,ROUNDDOWN($C4126/24,0)+1,1))-1)+IF('Standard Profiles'!$G$21=$B$10,7,0)+IF('Standard Profiles'!$G$21=$B$17,14,0)+IF('Standard Profiles'!$G$21=$B$24,21,0),0)),0)</f>
        <v>0</v>
      </c>
      <c r="H4126" cm="1">
        <f t="array" ref="H4126">IFERROR(INDEX(Jesper!AL$2:AL$366,ROUNDDOWN($C4126/24,0)+1,1)*INDEX($D$3:$AA$30,INDEX(Jesper!$R$2:$R$366,ROW(INDEX(Jesper!AL$2:AL$366,ROUNDDOWN($C4126/24,0)+1,1))-1)+IF('Standard Profiles'!$G$22=$B$10,7,0)+IF('Standard Profiles'!$G$22=$B$17,14,0)+IF('Standard Profiles'!$G$22=$B$24,21,0),MOD($C4126,24)+1)/SUM(INDEX($D$3:$AA$30,INDEX(Jesper!$R$2:$R$366,ROW(INDEX(Jesper!AL$2:AL$366,ROUNDDOWN($C4126/24,0)+1,1))-1)+IF('Standard Profiles'!$G$22=$B$10,7,0)+IF('Standard Profiles'!$G$22=$B$17,14,0)+IF('Standard Profiles'!$G$22=$B$24,21,0),0)),0)</f>
        <v>0</v>
      </c>
      <c r="I4126">
        <f t="shared" si="461"/>
        <v>0.39576516102597742</v>
      </c>
      <c r="J4126">
        <f t="shared" si="462"/>
        <v>1.3192172034199248</v>
      </c>
      <c r="K4126">
        <f t="shared" si="463"/>
        <v>1.978825805129887</v>
      </c>
      <c r="L4126">
        <f t="shared" si="464"/>
        <v>9.4983638646234585</v>
      </c>
      <c r="M4126">
        <f t="shared" si="465"/>
        <v>0</v>
      </c>
      <c r="N4126" s="46">
        <f t="shared" si="466"/>
        <v>45462.499999990076</v>
      </c>
    </row>
    <row r="4127" spans="2:14" x14ac:dyDescent="0.3">
      <c r="B4127">
        <f t="shared" si="460"/>
        <v>3</v>
      </c>
      <c r="C4127" s="16">
        <v>4093</v>
      </c>
      <c r="D4127" cm="1">
        <f t="array" ref="D4127">IFERROR(INDEX(Jesper!AH$2:AH$366,ROUNDDOWN($C4127/24,0)+1,1)*INDEX($D$3:$AA$30,INDEX(Jesper!$R$2:$R$366,ROW(INDEX(Jesper!AH$2:AH$366,ROUNDDOWN($C4127/24,0)+1,1))-1)+IF('Standard Profiles'!$G$18=$B$10,7,0)+IF('Standard Profiles'!$G$18=$B$17,14,0)+IF('Standard Profiles'!$G$18=$B$24,21,0),MOD($C4127,24)+1)/SUM(INDEX($D$3:$AA$30,INDEX(Jesper!$R$2:$R$366,ROW(INDEX(Jesper!AH$2:AH$366,ROUNDDOWN($C4127/24,0)+1,1))-1)+IF('Standard Profiles'!$G$18=$B$10,7,0)+IF('Standard Profiles'!$G$18=$B$17,14,0)+IF('Standard Profiles'!$G$18=$B$24,21,0),0)),0)</f>
        <v>13.192172034199247</v>
      </c>
      <c r="E4127" cm="1">
        <f t="array" ref="E4127">IFERROR(INDEX(Jesper!AI$2:AI$366,ROUNDDOWN($C4127/24,0)+1,1)*INDEX($D$3:$AA$30,INDEX(Jesper!$R$2:$R$366,ROW(INDEX(Jesper!AI$2:AI$366,ROUNDDOWN($C4127/24,0)+1,1))-1)+IF('Standard Profiles'!$G$19=$B$10,7,0)+IF('Standard Profiles'!$G$19=$B$17,14,0)+IF('Standard Profiles'!$G$19=$B$24,21,0),MOD($C4127,24)+1)/SUM(INDEX($D$3:$AA$30,INDEX(Jesper!$R$2:$R$366,ROW(INDEX(Jesper!AI$2:AI$366,ROUNDDOWN($C4127/24,0)+1,1))-1)+IF('Standard Profiles'!$G$19=$B$10,7,0)+IF('Standard Profiles'!$G$19=$B$17,14,0)+IF('Standard Profiles'!$G$19=$B$24,21,0),0)),0)</f>
        <v>0</v>
      </c>
      <c r="F4127" cm="1">
        <f t="array" ref="F4127">IFERROR(INDEX(Jesper!AJ$2:AJ$366,ROUNDDOWN($C4127/24,0)+1,1)*INDEX($D$3:$AA$30,INDEX(Jesper!$R$2:$R$366,ROW(INDEX(Jesper!AJ$2:AJ$366,ROUNDDOWN($C4127/24,0)+1,1))-1)+IF('Standard Profiles'!$G$20=$B$10,7,0)+IF('Standard Profiles'!$G$20=$B$17,14,0)+IF('Standard Profiles'!$G$20=$B$24,21,0),MOD($C4127,24)+1)/SUM(INDEX($D$3:$AA$30,INDEX(Jesper!$R$2:$R$366,ROW(INDEX(Jesper!AJ$2:AJ$366,ROUNDDOWN($C4127/24,0)+1,1))-1)+IF('Standard Profiles'!$G$20=$B$10,7,0)+IF('Standard Profiles'!$G$20=$B$17,14,0)+IF('Standard Profiles'!$G$20=$B$24,21,0),0)),0)</f>
        <v>0</v>
      </c>
      <c r="G4127" cm="1">
        <f t="array" ref="G4127">IFERROR(INDEX(Jesper!AK$2:AK$366,ROUNDDOWN($C4127/24,0)+1,1)*INDEX($D$3:$AA$30,INDEX(Jesper!$R$2:$R$366,ROW(INDEX(Jesper!AK$2:AK$366,ROUNDDOWN($C4127/24,0)+1,1))-1)+IF('Standard Profiles'!$G$21=$B$10,7,0)+IF('Standard Profiles'!$G$21=$B$17,14,0)+IF('Standard Profiles'!$G$21=$B$24,21,0),MOD($C4127,24)+1)/SUM(INDEX($D$3:$AA$30,INDEX(Jesper!$R$2:$R$366,ROW(INDEX(Jesper!AK$2:AK$366,ROUNDDOWN($C4127/24,0)+1,1))-1)+IF('Standard Profiles'!$G$21=$B$10,7,0)+IF('Standard Profiles'!$G$21=$B$17,14,0)+IF('Standard Profiles'!$G$21=$B$24,21,0),0)),0)</f>
        <v>0</v>
      </c>
      <c r="H4127" cm="1">
        <f t="array" ref="H4127">IFERROR(INDEX(Jesper!AL$2:AL$366,ROUNDDOWN($C4127/24,0)+1,1)*INDEX($D$3:$AA$30,INDEX(Jesper!$R$2:$R$366,ROW(INDEX(Jesper!AL$2:AL$366,ROUNDDOWN($C4127/24,0)+1,1))-1)+IF('Standard Profiles'!$G$22=$B$10,7,0)+IF('Standard Profiles'!$G$22=$B$17,14,0)+IF('Standard Profiles'!$G$22=$B$24,21,0),MOD($C4127,24)+1)/SUM(INDEX($D$3:$AA$30,INDEX(Jesper!$R$2:$R$366,ROW(INDEX(Jesper!AL$2:AL$366,ROUNDDOWN($C4127/24,0)+1,1))-1)+IF('Standard Profiles'!$G$22=$B$10,7,0)+IF('Standard Profiles'!$G$22=$B$17,14,0)+IF('Standard Profiles'!$G$22=$B$24,21,0),0)),0)</f>
        <v>0</v>
      </c>
      <c r="I4127">
        <f t="shared" si="461"/>
        <v>0.39576516102597742</v>
      </c>
      <c r="J4127">
        <f t="shared" si="462"/>
        <v>1.3192172034199248</v>
      </c>
      <c r="K4127">
        <f t="shared" si="463"/>
        <v>1.978825805129887</v>
      </c>
      <c r="L4127">
        <f t="shared" si="464"/>
        <v>9.4983638646234585</v>
      </c>
      <c r="M4127">
        <f t="shared" si="465"/>
        <v>0</v>
      </c>
      <c r="N4127" s="46">
        <f t="shared" si="466"/>
        <v>45462.54166665674</v>
      </c>
    </row>
    <row r="4128" spans="2:14" x14ac:dyDescent="0.3">
      <c r="B4128">
        <f t="shared" si="460"/>
        <v>3</v>
      </c>
      <c r="C4128" s="16">
        <v>4094</v>
      </c>
      <c r="D4128" cm="1">
        <f t="array" ref="D4128">IFERROR(INDEX(Jesper!AH$2:AH$366,ROUNDDOWN($C4128/24,0)+1,1)*INDEX($D$3:$AA$30,INDEX(Jesper!$R$2:$R$366,ROW(INDEX(Jesper!AH$2:AH$366,ROUNDDOWN($C4128/24,0)+1,1))-1)+IF('Standard Profiles'!$G$18=$B$10,7,0)+IF('Standard Profiles'!$G$18=$B$17,14,0)+IF('Standard Profiles'!$G$18=$B$24,21,0),MOD($C4128,24)+1)/SUM(INDEX($D$3:$AA$30,INDEX(Jesper!$R$2:$R$366,ROW(INDEX(Jesper!AH$2:AH$366,ROUNDDOWN($C4128/24,0)+1,1))-1)+IF('Standard Profiles'!$G$18=$B$10,7,0)+IF('Standard Profiles'!$G$18=$B$17,14,0)+IF('Standard Profiles'!$G$18=$B$24,21,0),0)),0)</f>
        <v>13.192172034199247</v>
      </c>
      <c r="E4128" cm="1">
        <f t="array" ref="E4128">IFERROR(INDEX(Jesper!AI$2:AI$366,ROUNDDOWN($C4128/24,0)+1,1)*INDEX($D$3:$AA$30,INDEX(Jesper!$R$2:$R$366,ROW(INDEX(Jesper!AI$2:AI$366,ROUNDDOWN($C4128/24,0)+1,1))-1)+IF('Standard Profiles'!$G$19=$B$10,7,0)+IF('Standard Profiles'!$G$19=$B$17,14,0)+IF('Standard Profiles'!$G$19=$B$24,21,0),MOD($C4128,24)+1)/SUM(INDEX($D$3:$AA$30,INDEX(Jesper!$R$2:$R$366,ROW(INDEX(Jesper!AI$2:AI$366,ROUNDDOWN($C4128/24,0)+1,1))-1)+IF('Standard Profiles'!$G$19=$B$10,7,0)+IF('Standard Profiles'!$G$19=$B$17,14,0)+IF('Standard Profiles'!$G$19=$B$24,21,0),0)),0)</f>
        <v>0</v>
      </c>
      <c r="F4128" cm="1">
        <f t="array" ref="F4128">IFERROR(INDEX(Jesper!AJ$2:AJ$366,ROUNDDOWN($C4128/24,0)+1,1)*INDEX($D$3:$AA$30,INDEX(Jesper!$R$2:$R$366,ROW(INDEX(Jesper!AJ$2:AJ$366,ROUNDDOWN($C4128/24,0)+1,1))-1)+IF('Standard Profiles'!$G$20=$B$10,7,0)+IF('Standard Profiles'!$G$20=$B$17,14,0)+IF('Standard Profiles'!$G$20=$B$24,21,0),MOD($C4128,24)+1)/SUM(INDEX($D$3:$AA$30,INDEX(Jesper!$R$2:$R$366,ROW(INDEX(Jesper!AJ$2:AJ$366,ROUNDDOWN($C4128/24,0)+1,1))-1)+IF('Standard Profiles'!$G$20=$B$10,7,0)+IF('Standard Profiles'!$G$20=$B$17,14,0)+IF('Standard Profiles'!$G$20=$B$24,21,0),0)),0)</f>
        <v>0</v>
      </c>
      <c r="G4128" cm="1">
        <f t="array" ref="G4128">IFERROR(INDEX(Jesper!AK$2:AK$366,ROUNDDOWN($C4128/24,0)+1,1)*INDEX($D$3:$AA$30,INDEX(Jesper!$R$2:$R$366,ROW(INDEX(Jesper!AK$2:AK$366,ROUNDDOWN($C4128/24,0)+1,1))-1)+IF('Standard Profiles'!$G$21=$B$10,7,0)+IF('Standard Profiles'!$G$21=$B$17,14,0)+IF('Standard Profiles'!$G$21=$B$24,21,0),MOD($C4128,24)+1)/SUM(INDEX($D$3:$AA$30,INDEX(Jesper!$R$2:$R$366,ROW(INDEX(Jesper!AK$2:AK$366,ROUNDDOWN($C4128/24,0)+1,1))-1)+IF('Standard Profiles'!$G$21=$B$10,7,0)+IF('Standard Profiles'!$G$21=$B$17,14,0)+IF('Standard Profiles'!$G$21=$B$24,21,0),0)),0)</f>
        <v>0</v>
      </c>
      <c r="H4128" cm="1">
        <f t="array" ref="H4128">IFERROR(INDEX(Jesper!AL$2:AL$366,ROUNDDOWN($C4128/24,0)+1,1)*INDEX($D$3:$AA$30,INDEX(Jesper!$R$2:$R$366,ROW(INDEX(Jesper!AL$2:AL$366,ROUNDDOWN($C4128/24,0)+1,1))-1)+IF('Standard Profiles'!$G$22=$B$10,7,0)+IF('Standard Profiles'!$G$22=$B$17,14,0)+IF('Standard Profiles'!$G$22=$B$24,21,0),MOD($C4128,24)+1)/SUM(INDEX($D$3:$AA$30,INDEX(Jesper!$R$2:$R$366,ROW(INDEX(Jesper!AL$2:AL$366,ROUNDDOWN($C4128/24,0)+1,1))-1)+IF('Standard Profiles'!$G$22=$B$10,7,0)+IF('Standard Profiles'!$G$22=$B$17,14,0)+IF('Standard Profiles'!$G$22=$B$24,21,0),0)),0)</f>
        <v>0</v>
      </c>
      <c r="I4128">
        <f t="shared" si="461"/>
        <v>0.39576516102597742</v>
      </c>
      <c r="J4128">
        <f t="shared" si="462"/>
        <v>1.3192172034199248</v>
      </c>
      <c r="K4128">
        <f t="shared" si="463"/>
        <v>1.978825805129887</v>
      </c>
      <c r="L4128">
        <f t="shared" si="464"/>
        <v>9.4983638646234585</v>
      </c>
      <c r="M4128">
        <f t="shared" si="465"/>
        <v>0</v>
      </c>
      <c r="N4128" s="46">
        <f t="shared" si="466"/>
        <v>45462.583333323404</v>
      </c>
    </row>
    <row r="4129" spans="2:14" x14ac:dyDescent="0.3">
      <c r="B4129">
        <f t="shared" si="460"/>
        <v>3</v>
      </c>
      <c r="C4129" s="16">
        <v>4095</v>
      </c>
      <c r="D4129" cm="1">
        <f t="array" ref="D4129">IFERROR(INDEX(Jesper!AH$2:AH$366,ROUNDDOWN($C4129/24,0)+1,1)*INDEX($D$3:$AA$30,INDEX(Jesper!$R$2:$R$366,ROW(INDEX(Jesper!AH$2:AH$366,ROUNDDOWN($C4129/24,0)+1,1))-1)+IF('Standard Profiles'!$G$18=$B$10,7,0)+IF('Standard Profiles'!$G$18=$B$17,14,0)+IF('Standard Profiles'!$G$18=$B$24,21,0),MOD($C4129,24)+1)/SUM(INDEX($D$3:$AA$30,INDEX(Jesper!$R$2:$R$366,ROW(INDEX(Jesper!AH$2:AH$366,ROUNDDOWN($C4129/24,0)+1,1))-1)+IF('Standard Profiles'!$G$18=$B$10,7,0)+IF('Standard Profiles'!$G$18=$B$17,14,0)+IF('Standard Profiles'!$G$18=$B$24,21,0),0)),0)</f>
        <v>13.192172034199247</v>
      </c>
      <c r="E4129" cm="1">
        <f t="array" ref="E4129">IFERROR(INDEX(Jesper!AI$2:AI$366,ROUNDDOWN($C4129/24,0)+1,1)*INDEX($D$3:$AA$30,INDEX(Jesper!$R$2:$R$366,ROW(INDEX(Jesper!AI$2:AI$366,ROUNDDOWN($C4129/24,0)+1,1))-1)+IF('Standard Profiles'!$G$19=$B$10,7,0)+IF('Standard Profiles'!$G$19=$B$17,14,0)+IF('Standard Profiles'!$G$19=$B$24,21,0),MOD($C4129,24)+1)/SUM(INDEX($D$3:$AA$30,INDEX(Jesper!$R$2:$R$366,ROW(INDEX(Jesper!AI$2:AI$366,ROUNDDOWN($C4129/24,0)+1,1))-1)+IF('Standard Profiles'!$G$19=$B$10,7,0)+IF('Standard Profiles'!$G$19=$B$17,14,0)+IF('Standard Profiles'!$G$19=$B$24,21,0),0)),0)</f>
        <v>0</v>
      </c>
      <c r="F4129" cm="1">
        <f t="array" ref="F4129">IFERROR(INDEX(Jesper!AJ$2:AJ$366,ROUNDDOWN($C4129/24,0)+1,1)*INDEX($D$3:$AA$30,INDEX(Jesper!$R$2:$R$366,ROW(INDEX(Jesper!AJ$2:AJ$366,ROUNDDOWN($C4129/24,0)+1,1))-1)+IF('Standard Profiles'!$G$20=$B$10,7,0)+IF('Standard Profiles'!$G$20=$B$17,14,0)+IF('Standard Profiles'!$G$20=$B$24,21,0),MOD($C4129,24)+1)/SUM(INDEX($D$3:$AA$30,INDEX(Jesper!$R$2:$R$366,ROW(INDEX(Jesper!AJ$2:AJ$366,ROUNDDOWN($C4129/24,0)+1,1))-1)+IF('Standard Profiles'!$G$20=$B$10,7,0)+IF('Standard Profiles'!$G$20=$B$17,14,0)+IF('Standard Profiles'!$G$20=$B$24,21,0),0)),0)</f>
        <v>0</v>
      </c>
      <c r="G4129" cm="1">
        <f t="array" ref="G4129">IFERROR(INDEX(Jesper!AK$2:AK$366,ROUNDDOWN($C4129/24,0)+1,1)*INDEX($D$3:$AA$30,INDEX(Jesper!$R$2:$R$366,ROW(INDEX(Jesper!AK$2:AK$366,ROUNDDOWN($C4129/24,0)+1,1))-1)+IF('Standard Profiles'!$G$21=$B$10,7,0)+IF('Standard Profiles'!$G$21=$B$17,14,0)+IF('Standard Profiles'!$G$21=$B$24,21,0),MOD($C4129,24)+1)/SUM(INDEX($D$3:$AA$30,INDEX(Jesper!$R$2:$R$366,ROW(INDEX(Jesper!AK$2:AK$366,ROUNDDOWN($C4129/24,0)+1,1))-1)+IF('Standard Profiles'!$G$21=$B$10,7,0)+IF('Standard Profiles'!$G$21=$B$17,14,0)+IF('Standard Profiles'!$G$21=$B$24,21,0),0)),0)</f>
        <v>0</v>
      </c>
      <c r="H4129" cm="1">
        <f t="array" ref="H4129">IFERROR(INDEX(Jesper!AL$2:AL$366,ROUNDDOWN($C4129/24,0)+1,1)*INDEX($D$3:$AA$30,INDEX(Jesper!$R$2:$R$366,ROW(INDEX(Jesper!AL$2:AL$366,ROUNDDOWN($C4129/24,0)+1,1))-1)+IF('Standard Profiles'!$G$22=$B$10,7,0)+IF('Standard Profiles'!$G$22=$B$17,14,0)+IF('Standard Profiles'!$G$22=$B$24,21,0),MOD($C4129,24)+1)/SUM(INDEX($D$3:$AA$30,INDEX(Jesper!$R$2:$R$366,ROW(INDEX(Jesper!AL$2:AL$366,ROUNDDOWN($C4129/24,0)+1,1))-1)+IF('Standard Profiles'!$G$22=$B$10,7,0)+IF('Standard Profiles'!$G$22=$B$17,14,0)+IF('Standard Profiles'!$G$22=$B$24,21,0),0)),0)</f>
        <v>0</v>
      </c>
      <c r="I4129">
        <f t="shared" si="461"/>
        <v>0.39576516102597742</v>
      </c>
      <c r="J4129">
        <f t="shared" si="462"/>
        <v>1.3192172034199248</v>
      </c>
      <c r="K4129">
        <f t="shared" si="463"/>
        <v>1.978825805129887</v>
      </c>
      <c r="L4129">
        <f t="shared" si="464"/>
        <v>9.4983638646234585</v>
      </c>
      <c r="M4129">
        <f t="shared" si="465"/>
        <v>0</v>
      </c>
      <c r="N4129" s="46">
        <f t="shared" si="466"/>
        <v>45462.624999990068</v>
      </c>
    </row>
    <row r="4130" spans="2:14" x14ac:dyDescent="0.3">
      <c r="B4130">
        <f t="shared" si="460"/>
        <v>3</v>
      </c>
      <c r="C4130" s="16">
        <v>4096</v>
      </c>
      <c r="D4130" cm="1">
        <f t="array" ref="D4130">IFERROR(INDEX(Jesper!AH$2:AH$366,ROUNDDOWN($C4130/24,0)+1,1)*INDEX($D$3:$AA$30,INDEX(Jesper!$R$2:$R$366,ROW(INDEX(Jesper!AH$2:AH$366,ROUNDDOWN($C4130/24,0)+1,1))-1)+IF('Standard Profiles'!$G$18=$B$10,7,0)+IF('Standard Profiles'!$G$18=$B$17,14,0)+IF('Standard Profiles'!$G$18=$B$24,21,0),MOD($C4130,24)+1)/SUM(INDEX($D$3:$AA$30,INDEX(Jesper!$R$2:$R$366,ROW(INDEX(Jesper!AH$2:AH$366,ROUNDDOWN($C4130/24,0)+1,1))-1)+IF('Standard Profiles'!$G$18=$B$10,7,0)+IF('Standard Profiles'!$G$18=$B$17,14,0)+IF('Standard Profiles'!$G$18=$B$24,21,0),0)),0)</f>
        <v>13.192172034199247</v>
      </c>
      <c r="E4130" cm="1">
        <f t="array" ref="E4130">IFERROR(INDEX(Jesper!AI$2:AI$366,ROUNDDOWN($C4130/24,0)+1,1)*INDEX($D$3:$AA$30,INDEX(Jesper!$R$2:$R$366,ROW(INDEX(Jesper!AI$2:AI$366,ROUNDDOWN($C4130/24,0)+1,1))-1)+IF('Standard Profiles'!$G$19=$B$10,7,0)+IF('Standard Profiles'!$G$19=$B$17,14,0)+IF('Standard Profiles'!$G$19=$B$24,21,0),MOD($C4130,24)+1)/SUM(INDEX($D$3:$AA$30,INDEX(Jesper!$R$2:$R$366,ROW(INDEX(Jesper!AI$2:AI$366,ROUNDDOWN($C4130/24,0)+1,1))-1)+IF('Standard Profiles'!$G$19=$B$10,7,0)+IF('Standard Profiles'!$G$19=$B$17,14,0)+IF('Standard Profiles'!$G$19=$B$24,21,0),0)),0)</f>
        <v>0</v>
      </c>
      <c r="F4130" cm="1">
        <f t="array" ref="F4130">IFERROR(INDEX(Jesper!AJ$2:AJ$366,ROUNDDOWN($C4130/24,0)+1,1)*INDEX($D$3:$AA$30,INDEX(Jesper!$R$2:$R$366,ROW(INDEX(Jesper!AJ$2:AJ$366,ROUNDDOWN($C4130/24,0)+1,1))-1)+IF('Standard Profiles'!$G$20=$B$10,7,0)+IF('Standard Profiles'!$G$20=$B$17,14,0)+IF('Standard Profiles'!$G$20=$B$24,21,0),MOD($C4130,24)+1)/SUM(INDEX($D$3:$AA$30,INDEX(Jesper!$R$2:$R$366,ROW(INDEX(Jesper!AJ$2:AJ$366,ROUNDDOWN($C4130/24,0)+1,1))-1)+IF('Standard Profiles'!$G$20=$B$10,7,0)+IF('Standard Profiles'!$G$20=$B$17,14,0)+IF('Standard Profiles'!$G$20=$B$24,21,0),0)),0)</f>
        <v>0</v>
      </c>
      <c r="G4130" cm="1">
        <f t="array" ref="G4130">IFERROR(INDEX(Jesper!AK$2:AK$366,ROUNDDOWN($C4130/24,0)+1,1)*INDEX($D$3:$AA$30,INDEX(Jesper!$R$2:$R$366,ROW(INDEX(Jesper!AK$2:AK$366,ROUNDDOWN($C4130/24,0)+1,1))-1)+IF('Standard Profiles'!$G$21=$B$10,7,0)+IF('Standard Profiles'!$G$21=$B$17,14,0)+IF('Standard Profiles'!$G$21=$B$24,21,0),MOD($C4130,24)+1)/SUM(INDEX($D$3:$AA$30,INDEX(Jesper!$R$2:$R$366,ROW(INDEX(Jesper!AK$2:AK$366,ROUNDDOWN($C4130/24,0)+1,1))-1)+IF('Standard Profiles'!$G$21=$B$10,7,0)+IF('Standard Profiles'!$G$21=$B$17,14,0)+IF('Standard Profiles'!$G$21=$B$24,21,0),0)),0)</f>
        <v>0</v>
      </c>
      <c r="H4130" cm="1">
        <f t="array" ref="H4130">IFERROR(INDEX(Jesper!AL$2:AL$366,ROUNDDOWN($C4130/24,0)+1,1)*INDEX($D$3:$AA$30,INDEX(Jesper!$R$2:$R$366,ROW(INDEX(Jesper!AL$2:AL$366,ROUNDDOWN($C4130/24,0)+1,1))-1)+IF('Standard Profiles'!$G$22=$B$10,7,0)+IF('Standard Profiles'!$G$22=$B$17,14,0)+IF('Standard Profiles'!$G$22=$B$24,21,0),MOD($C4130,24)+1)/SUM(INDEX($D$3:$AA$30,INDEX(Jesper!$R$2:$R$366,ROW(INDEX(Jesper!AL$2:AL$366,ROUNDDOWN($C4130/24,0)+1,1))-1)+IF('Standard Profiles'!$G$22=$B$10,7,0)+IF('Standard Profiles'!$G$22=$B$17,14,0)+IF('Standard Profiles'!$G$22=$B$24,21,0),0)),0)</f>
        <v>0</v>
      </c>
      <c r="I4130">
        <f t="shared" si="461"/>
        <v>0.39576516102597742</v>
      </c>
      <c r="J4130">
        <f t="shared" si="462"/>
        <v>1.3192172034199248</v>
      </c>
      <c r="K4130">
        <f t="shared" si="463"/>
        <v>1.978825805129887</v>
      </c>
      <c r="L4130">
        <f t="shared" si="464"/>
        <v>9.4983638646234585</v>
      </c>
      <c r="M4130">
        <f t="shared" si="465"/>
        <v>0</v>
      </c>
      <c r="N4130" s="46">
        <f t="shared" si="466"/>
        <v>45462.666666656733</v>
      </c>
    </row>
    <row r="4131" spans="2:14" x14ac:dyDescent="0.3">
      <c r="B4131">
        <f t="shared" ref="B4131:B4194" si="467">WEEKDAY(N4131,2)</f>
        <v>3</v>
      </c>
      <c r="C4131" s="16">
        <v>4097</v>
      </c>
      <c r="D4131" cm="1">
        <f t="array" ref="D4131">IFERROR(INDEX(Jesper!AH$2:AH$366,ROUNDDOWN($C4131/24,0)+1,1)*INDEX($D$3:$AA$30,INDEX(Jesper!$R$2:$R$366,ROW(INDEX(Jesper!AH$2:AH$366,ROUNDDOWN($C4131/24,0)+1,1))-1)+IF('Standard Profiles'!$G$18=$B$10,7,0)+IF('Standard Profiles'!$G$18=$B$17,14,0)+IF('Standard Profiles'!$G$18=$B$24,21,0),MOD($C4131,24)+1)/SUM(INDEX($D$3:$AA$30,INDEX(Jesper!$R$2:$R$366,ROW(INDEX(Jesper!AH$2:AH$366,ROUNDDOWN($C4131/24,0)+1,1))-1)+IF('Standard Profiles'!$G$18=$B$10,7,0)+IF('Standard Profiles'!$G$18=$B$17,14,0)+IF('Standard Profiles'!$G$18=$B$24,21,0),0)),0)</f>
        <v>13.192172034199247</v>
      </c>
      <c r="E4131" cm="1">
        <f t="array" ref="E4131">IFERROR(INDEX(Jesper!AI$2:AI$366,ROUNDDOWN($C4131/24,0)+1,1)*INDEX($D$3:$AA$30,INDEX(Jesper!$R$2:$R$366,ROW(INDEX(Jesper!AI$2:AI$366,ROUNDDOWN($C4131/24,0)+1,1))-1)+IF('Standard Profiles'!$G$19=$B$10,7,0)+IF('Standard Profiles'!$G$19=$B$17,14,0)+IF('Standard Profiles'!$G$19=$B$24,21,0),MOD($C4131,24)+1)/SUM(INDEX($D$3:$AA$30,INDEX(Jesper!$R$2:$R$366,ROW(INDEX(Jesper!AI$2:AI$366,ROUNDDOWN($C4131/24,0)+1,1))-1)+IF('Standard Profiles'!$G$19=$B$10,7,0)+IF('Standard Profiles'!$G$19=$B$17,14,0)+IF('Standard Profiles'!$G$19=$B$24,21,0),0)),0)</f>
        <v>0</v>
      </c>
      <c r="F4131" cm="1">
        <f t="array" ref="F4131">IFERROR(INDEX(Jesper!AJ$2:AJ$366,ROUNDDOWN($C4131/24,0)+1,1)*INDEX($D$3:$AA$30,INDEX(Jesper!$R$2:$R$366,ROW(INDEX(Jesper!AJ$2:AJ$366,ROUNDDOWN($C4131/24,0)+1,1))-1)+IF('Standard Profiles'!$G$20=$B$10,7,0)+IF('Standard Profiles'!$G$20=$B$17,14,0)+IF('Standard Profiles'!$G$20=$B$24,21,0),MOD($C4131,24)+1)/SUM(INDEX($D$3:$AA$30,INDEX(Jesper!$R$2:$R$366,ROW(INDEX(Jesper!AJ$2:AJ$366,ROUNDDOWN($C4131/24,0)+1,1))-1)+IF('Standard Profiles'!$G$20=$B$10,7,0)+IF('Standard Profiles'!$G$20=$B$17,14,0)+IF('Standard Profiles'!$G$20=$B$24,21,0),0)),0)</f>
        <v>0</v>
      </c>
      <c r="G4131" cm="1">
        <f t="array" ref="G4131">IFERROR(INDEX(Jesper!AK$2:AK$366,ROUNDDOWN($C4131/24,0)+1,1)*INDEX($D$3:$AA$30,INDEX(Jesper!$R$2:$R$366,ROW(INDEX(Jesper!AK$2:AK$366,ROUNDDOWN($C4131/24,0)+1,1))-1)+IF('Standard Profiles'!$G$21=$B$10,7,0)+IF('Standard Profiles'!$G$21=$B$17,14,0)+IF('Standard Profiles'!$G$21=$B$24,21,0),MOD($C4131,24)+1)/SUM(INDEX($D$3:$AA$30,INDEX(Jesper!$R$2:$R$366,ROW(INDEX(Jesper!AK$2:AK$366,ROUNDDOWN($C4131/24,0)+1,1))-1)+IF('Standard Profiles'!$G$21=$B$10,7,0)+IF('Standard Profiles'!$G$21=$B$17,14,0)+IF('Standard Profiles'!$G$21=$B$24,21,0),0)),0)</f>
        <v>0</v>
      </c>
      <c r="H4131" cm="1">
        <f t="array" ref="H4131">IFERROR(INDEX(Jesper!AL$2:AL$366,ROUNDDOWN($C4131/24,0)+1,1)*INDEX($D$3:$AA$30,INDEX(Jesper!$R$2:$R$366,ROW(INDEX(Jesper!AL$2:AL$366,ROUNDDOWN($C4131/24,0)+1,1))-1)+IF('Standard Profiles'!$G$22=$B$10,7,0)+IF('Standard Profiles'!$G$22=$B$17,14,0)+IF('Standard Profiles'!$G$22=$B$24,21,0),MOD($C4131,24)+1)/SUM(INDEX($D$3:$AA$30,INDEX(Jesper!$R$2:$R$366,ROW(INDEX(Jesper!AL$2:AL$366,ROUNDDOWN($C4131/24,0)+1,1))-1)+IF('Standard Profiles'!$G$22=$B$10,7,0)+IF('Standard Profiles'!$G$22=$B$17,14,0)+IF('Standard Profiles'!$G$22=$B$24,21,0),0)),0)</f>
        <v>0</v>
      </c>
      <c r="I4131">
        <f t="shared" ref="I4131:I4194" si="468">IF($B4131&lt;6,AC$37*$D4131+AC$38*$E4131+AC$39*$F4131+AC$40*$G4131,AC$46*$D4131+AC$47*$E4131+AC$48*$F4131+AC$49*$G4131+AC$50*$H4131)</f>
        <v>0.39576516102597742</v>
      </c>
      <c r="J4131">
        <f t="shared" ref="J4131:J4194" si="469">IF($B4131&lt;6,AD$37*$D4131+AD$38*$E4131+AD$39*$F4131+AD$40*$G4131,AD$46*$D4131+AD$47*$E4131+AD$48*$F4131+AD$49*$G4131+AD$50*$H4131)</f>
        <v>1.3192172034199248</v>
      </c>
      <c r="K4131">
        <f t="shared" ref="K4131:K4194" si="470">IF($B4131&lt;6,AE$37*$D4131+AE$38*$E4131+AE$39*$F4131+AE$40*$G4131,AE$46*$D4131+AE$47*$E4131+AE$48*$F4131+AE$49*$G4131+AE$50*$H4131)</f>
        <v>1.978825805129887</v>
      </c>
      <c r="L4131">
        <f t="shared" ref="L4131:L4194" si="471">IF($B4131&lt;6,AF$37*$D4131+AF$38*$E4131+AF$39*$F4131+AF$40*$G4131,AF$46*$D4131+AF$47*$E4131+AF$48*$F4131+AF$49*$G4131+AF$50*$H4131)</f>
        <v>9.4983638646234585</v>
      </c>
      <c r="M4131">
        <f t="shared" ref="M4131:M4194" si="472">IF($B4131&lt;6,AG$37*$D4131+AG$38*$E4131+AG$39*$F4131+AG$40*$G4131,AG$46*$D4131+AG$47*$E4131+AG$48*$F4131+AG$49*$G4131+AG$50*$H4131)</f>
        <v>0</v>
      </c>
      <c r="N4131" s="46">
        <f t="shared" si="466"/>
        <v>45462.708333323397</v>
      </c>
    </row>
    <row r="4132" spans="2:14" x14ac:dyDescent="0.3">
      <c r="B4132">
        <f t="shared" si="467"/>
        <v>3</v>
      </c>
      <c r="C4132" s="16">
        <v>4098</v>
      </c>
      <c r="D4132" cm="1">
        <f t="array" ref="D4132">IFERROR(INDEX(Jesper!AH$2:AH$366,ROUNDDOWN($C4132/24,0)+1,1)*INDEX($D$3:$AA$30,INDEX(Jesper!$R$2:$R$366,ROW(INDEX(Jesper!AH$2:AH$366,ROUNDDOWN($C4132/24,0)+1,1))-1)+IF('Standard Profiles'!$G$18=$B$10,7,0)+IF('Standard Profiles'!$G$18=$B$17,14,0)+IF('Standard Profiles'!$G$18=$B$24,21,0),MOD($C4132,24)+1)/SUM(INDEX($D$3:$AA$30,INDEX(Jesper!$R$2:$R$366,ROW(INDEX(Jesper!AH$2:AH$366,ROUNDDOWN($C4132/24,0)+1,1))-1)+IF('Standard Profiles'!$G$18=$B$10,7,0)+IF('Standard Profiles'!$G$18=$B$17,14,0)+IF('Standard Profiles'!$G$18=$B$24,21,0),0)),0)</f>
        <v>13.192172034199247</v>
      </c>
      <c r="E4132" cm="1">
        <f t="array" ref="E4132">IFERROR(INDEX(Jesper!AI$2:AI$366,ROUNDDOWN($C4132/24,0)+1,1)*INDEX($D$3:$AA$30,INDEX(Jesper!$R$2:$R$366,ROW(INDEX(Jesper!AI$2:AI$366,ROUNDDOWN($C4132/24,0)+1,1))-1)+IF('Standard Profiles'!$G$19=$B$10,7,0)+IF('Standard Profiles'!$G$19=$B$17,14,0)+IF('Standard Profiles'!$G$19=$B$24,21,0),MOD($C4132,24)+1)/SUM(INDEX($D$3:$AA$30,INDEX(Jesper!$R$2:$R$366,ROW(INDEX(Jesper!AI$2:AI$366,ROUNDDOWN($C4132/24,0)+1,1))-1)+IF('Standard Profiles'!$G$19=$B$10,7,0)+IF('Standard Profiles'!$G$19=$B$17,14,0)+IF('Standard Profiles'!$G$19=$B$24,21,0),0)),0)</f>
        <v>0</v>
      </c>
      <c r="F4132" cm="1">
        <f t="array" ref="F4132">IFERROR(INDEX(Jesper!AJ$2:AJ$366,ROUNDDOWN($C4132/24,0)+1,1)*INDEX($D$3:$AA$30,INDEX(Jesper!$R$2:$R$366,ROW(INDEX(Jesper!AJ$2:AJ$366,ROUNDDOWN($C4132/24,0)+1,1))-1)+IF('Standard Profiles'!$G$20=$B$10,7,0)+IF('Standard Profiles'!$G$20=$B$17,14,0)+IF('Standard Profiles'!$G$20=$B$24,21,0),MOD($C4132,24)+1)/SUM(INDEX($D$3:$AA$30,INDEX(Jesper!$R$2:$R$366,ROW(INDEX(Jesper!AJ$2:AJ$366,ROUNDDOWN($C4132/24,0)+1,1))-1)+IF('Standard Profiles'!$G$20=$B$10,7,0)+IF('Standard Profiles'!$G$20=$B$17,14,0)+IF('Standard Profiles'!$G$20=$B$24,21,0),0)),0)</f>
        <v>0</v>
      </c>
      <c r="G4132" cm="1">
        <f t="array" ref="G4132">IFERROR(INDEX(Jesper!AK$2:AK$366,ROUNDDOWN($C4132/24,0)+1,1)*INDEX($D$3:$AA$30,INDEX(Jesper!$R$2:$R$366,ROW(INDEX(Jesper!AK$2:AK$366,ROUNDDOWN($C4132/24,0)+1,1))-1)+IF('Standard Profiles'!$G$21=$B$10,7,0)+IF('Standard Profiles'!$G$21=$B$17,14,0)+IF('Standard Profiles'!$G$21=$B$24,21,0),MOD($C4132,24)+1)/SUM(INDEX($D$3:$AA$30,INDEX(Jesper!$R$2:$R$366,ROW(INDEX(Jesper!AK$2:AK$366,ROUNDDOWN($C4132/24,0)+1,1))-1)+IF('Standard Profiles'!$G$21=$B$10,7,0)+IF('Standard Profiles'!$G$21=$B$17,14,0)+IF('Standard Profiles'!$G$21=$B$24,21,0),0)),0)</f>
        <v>0</v>
      </c>
      <c r="H4132" cm="1">
        <f t="array" ref="H4132">IFERROR(INDEX(Jesper!AL$2:AL$366,ROUNDDOWN($C4132/24,0)+1,1)*INDEX($D$3:$AA$30,INDEX(Jesper!$R$2:$R$366,ROW(INDEX(Jesper!AL$2:AL$366,ROUNDDOWN($C4132/24,0)+1,1))-1)+IF('Standard Profiles'!$G$22=$B$10,7,0)+IF('Standard Profiles'!$G$22=$B$17,14,0)+IF('Standard Profiles'!$G$22=$B$24,21,0),MOD($C4132,24)+1)/SUM(INDEX($D$3:$AA$30,INDEX(Jesper!$R$2:$R$366,ROW(INDEX(Jesper!AL$2:AL$366,ROUNDDOWN($C4132/24,0)+1,1))-1)+IF('Standard Profiles'!$G$22=$B$10,7,0)+IF('Standard Profiles'!$G$22=$B$17,14,0)+IF('Standard Profiles'!$G$22=$B$24,21,0),0)),0)</f>
        <v>0</v>
      </c>
      <c r="I4132">
        <f t="shared" si="468"/>
        <v>0.39576516102597742</v>
      </c>
      <c r="J4132">
        <f t="shared" si="469"/>
        <v>1.3192172034199248</v>
      </c>
      <c r="K4132">
        <f t="shared" si="470"/>
        <v>1.978825805129887</v>
      </c>
      <c r="L4132">
        <f t="shared" si="471"/>
        <v>9.4983638646234585</v>
      </c>
      <c r="M4132">
        <f t="shared" si="472"/>
        <v>0</v>
      </c>
      <c r="N4132" s="46">
        <f t="shared" ref="N4132:N4195" si="473">N4131+1/24</f>
        <v>45462.749999990061</v>
      </c>
    </row>
    <row r="4133" spans="2:14" x14ac:dyDescent="0.3">
      <c r="B4133">
        <f t="shared" si="467"/>
        <v>3</v>
      </c>
      <c r="C4133" s="16">
        <v>4099</v>
      </c>
      <c r="D4133" cm="1">
        <f t="array" ref="D4133">IFERROR(INDEX(Jesper!AH$2:AH$366,ROUNDDOWN($C4133/24,0)+1,1)*INDEX($D$3:$AA$30,INDEX(Jesper!$R$2:$R$366,ROW(INDEX(Jesper!AH$2:AH$366,ROUNDDOWN($C4133/24,0)+1,1))-1)+IF('Standard Profiles'!$G$18=$B$10,7,0)+IF('Standard Profiles'!$G$18=$B$17,14,0)+IF('Standard Profiles'!$G$18=$B$24,21,0),MOD($C4133,24)+1)/SUM(INDEX($D$3:$AA$30,INDEX(Jesper!$R$2:$R$366,ROW(INDEX(Jesper!AH$2:AH$366,ROUNDDOWN($C4133/24,0)+1,1))-1)+IF('Standard Profiles'!$G$18=$B$10,7,0)+IF('Standard Profiles'!$G$18=$B$17,14,0)+IF('Standard Profiles'!$G$18=$B$24,21,0),0)),0)</f>
        <v>10.993476695166041</v>
      </c>
      <c r="E4133" cm="1">
        <f t="array" ref="E4133">IFERROR(INDEX(Jesper!AI$2:AI$366,ROUNDDOWN($C4133/24,0)+1,1)*INDEX($D$3:$AA$30,INDEX(Jesper!$R$2:$R$366,ROW(INDEX(Jesper!AI$2:AI$366,ROUNDDOWN($C4133/24,0)+1,1))-1)+IF('Standard Profiles'!$G$19=$B$10,7,0)+IF('Standard Profiles'!$G$19=$B$17,14,0)+IF('Standard Profiles'!$G$19=$B$24,21,0),MOD($C4133,24)+1)/SUM(INDEX($D$3:$AA$30,INDEX(Jesper!$R$2:$R$366,ROW(INDEX(Jesper!AI$2:AI$366,ROUNDDOWN($C4133/24,0)+1,1))-1)+IF('Standard Profiles'!$G$19=$B$10,7,0)+IF('Standard Profiles'!$G$19=$B$17,14,0)+IF('Standard Profiles'!$G$19=$B$24,21,0),0)),0)</f>
        <v>0</v>
      </c>
      <c r="F4133" cm="1">
        <f t="array" ref="F4133">IFERROR(INDEX(Jesper!AJ$2:AJ$366,ROUNDDOWN($C4133/24,0)+1,1)*INDEX($D$3:$AA$30,INDEX(Jesper!$R$2:$R$366,ROW(INDEX(Jesper!AJ$2:AJ$366,ROUNDDOWN($C4133/24,0)+1,1))-1)+IF('Standard Profiles'!$G$20=$B$10,7,0)+IF('Standard Profiles'!$G$20=$B$17,14,0)+IF('Standard Profiles'!$G$20=$B$24,21,0),MOD($C4133,24)+1)/SUM(INDEX($D$3:$AA$30,INDEX(Jesper!$R$2:$R$366,ROW(INDEX(Jesper!AJ$2:AJ$366,ROUNDDOWN($C4133/24,0)+1,1))-1)+IF('Standard Profiles'!$G$20=$B$10,7,0)+IF('Standard Profiles'!$G$20=$B$17,14,0)+IF('Standard Profiles'!$G$20=$B$24,21,0),0)),0)</f>
        <v>0</v>
      </c>
      <c r="G4133" cm="1">
        <f t="array" ref="G4133">IFERROR(INDEX(Jesper!AK$2:AK$366,ROUNDDOWN($C4133/24,0)+1,1)*INDEX($D$3:$AA$30,INDEX(Jesper!$R$2:$R$366,ROW(INDEX(Jesper!AK$2:AK$366,ROUNDDOWN($C4133/24,0)+1,1))-1)+IF('Standard Profiles'!$G$21=$B$10,7,0)+IF('Standard Profiles'!$G$21=$B$17,14,0)+IF('Standard Profiles'!$G$21=$B$24,21,0),MOD($C4133,24)+1)/SUM(INDEX($D$3:$AA$30,INDEX(Jesper!$R$2:$R$366,ROW(INDEX(Jesper!AK$2:AK$366,ROUNDDOWN($C4133/24,0)+1,1))-1)+IF('Standard Profiles'!$G$21=$B$10,7,0)+IF('Standard Profiles'!$G$21=$B$17,14,0)+IF('Standard Profiles'!$G$21=$B$24,21,0),0)),0)</f>
        <v>0</v>
      </c>
      <c r="H4133" cm="1">
        <f t="array" ref="H4133">IFERROR(INDEX(Jesper!AL$2:AL$366,ROUNDDOWN($C4133/24,0)+1,1)*INDEX($D$3:$AA$30,INDEX(Jesper!$R$2:$R$366,ROW(INDEX(Jesper!AL$2:AL$366,ROUNDDOWN($C4133/24,0)+1,1))-1)+IF('Standard Profiles'!$G$22=$B$10,7,0)+IF('Standard Profiles'!$G$22=$B$17,14,0)+IF('Standard Profiles'!$G$22=$B$24,21,0),MOD($C4133,24)+1)/SUM(INDEX($D$3:$AA$30,INDEX(Jesper!$R$2:$R$366,ROW(INDEX(Jesper!AL$2:AL$366,ROUNDDOWN($C4133/24,0)+1,1))-1)+IF('Standard Profiles'!$G$22=$B$10,7,0)+IF('Standard Profiles'!$G$22=$B$17,14,0)+IF('Standard Profiles'!$G$22=$B$24,21,0),0)),0)</f>
        <v>0</v>
      </c>
      <c r="I4133">
        <f t="shared" si="468"/>
        <v>0.32980430085498125</v>
      </c>
      <c r="J4133">
        <f t="shared" si="469"/>
        <v>1.0993476695166042</v>
      </c>
      <c r="K4133">
        <f t="shared" si="470"/>
        <v>1.6490215042749061</v>
      </c>
      <c r="L4133">
        <f t="shared" si="471"/>
        <v>7.9153032205195499</v>
      </c>
      <c r="M4133">
        <f t="shared" si="472"/>
        <v>0</v>
      </c>
      <c r="N4133" s="46">
        <f t="shared" si="473"/>
        <v>45462.791666656725</v>
      </c>
    </row>
    <row r="4134" spans="2:14" x14ac:dyDescent="0.3">
      <c r="B4134">
        <f t="shared" si="467"/>
        <v>3</v>
      </c>
      <c r="C4134" s="16">
        <v>4100</v>
      </c>
      <c r="D4134" cm="1">
        <f t="array" ref="D4134">IFERROR(INDEX(Jesper!AH$2:AH$366,ROUNDDOWN($C4134/24,0)+1,1)*INDEX($D$3:$AA$30,INDEX(Jesper!$R$2:$R$366,ROW(INDEX(Jesper!AH$2:AH$366,ROUNDDOWN($C4134/24,0)+1,1))-1)+IF('Standard Profiles'!$G$18=$B$10,7,0)+IF('Standard Profiles'!$G$18=$B$17,14,0)+IF('Standard Profiles'!$G$18=$B$24,21,0),MOD($C4134,24)+1)/SUM(INDEX($D$3:$AA$30,INDEX(Jesper!$R$2:$R$366,ROW(INDEX(Jesper!AH$2:AH$366,ROUNDDOWN($C4134/24,0)+1,1))-1)+IF('Standard Profiles'!$G$18=$B$10,7,0)+IF('Standard Profiles'!$G$18=$B$17,14,0)+IF('Standard Profiles'!$G$18=$B$24,21,0),0)),0)</f>
        <v>8.7947813561328338</v>
      </c>
      <c r="E4134" cm="1">
        <f t="array" ref="E4134">IFERROR(INDEX(Jesper!AI$2:AI$366,ROUNDDOWN($C4134/24,0)+1,1)*INDEX($D$3:$AA$30,INDEX(Jesper!$R$2:$R$366,ROW(INDEX(Jesper!AI$2:AI$366,ROUNDDOWN($C4134/24,0)+1,1))-1)+IF('Standard Profiles'!$G$19=$B$10,7,0)+IF('Standard Profiles'!$G$19=$B$17,14,0)+IF('Standard Profiles'!$G$19=$B$24,21,0),MOD($C4134,24)+1)/SUM(INDEX($D$3:$AA$30,INDEX(Jesper!$R$2:$R$366,ROW(INDEX(Jesper!AI$2:AI$366,ROUNDDOWN($C4134/24,0)+1,1))-1)+IF('Standard Profiles'!$G$19=$B$10,7,0)+IF('Standard Profiles'!$G$19=$B$17,14,0)+IF('Standard Profiles'!$G$19=$B$24,21,0),0)),0)</f>
        <v>0</v>
      </c>
      <c r="F4134" cm="1">
        <f t="array" ref="F4134">IFERROR(INDEX(Jesper!AJ$2:AJ$366,ROUNDDOWN($C4134/24,0)+1,1)*INDEX($D$3:$AA$30,INDEX(Jesper!$R$2:$R$366,ROW(INDEX(Jesper!AJ$2:AJ$366,ROUNDDOWN($C4134/24,0)+1,1))-1)+IF('Standard Profiles'!$G$20=$B$10,7,0)+IF('Standard Profiles'!$G$20=$B$17,14,0)+IF('Standard Profiles'!$G$20=$B$24,21,0),MOD($C4134,24)+1)/SUM(INDEX($D$3:$AA$30,INDEX(Jesper!$R$2:$R$366,ROW(INDEX(Jesper!AJ$2:AJ$366,ROUNDDOWN($C4134/24,0)+1,1))-1)+IF('Standard Profiles'!$G$20=$B$10,7,0)+IF('Standard Profiles'!$G$20=$B$17,14,0)+IF('Standard Profiles'!$G$20=$B$24,21,0),0)),0)</f>
        <v>0</v>
      </c>
      <c r="G4134" cm="1">
        <f t="array" ref="G4134">IFERROR(INDEX(Jesper!AK$2:AK$366,ROUNDDOWN($C4134/24,0)+1,1)*INDEX($D$3:$AA$30,INDEX(Jesper!$R$2:$R$366,ROW(INDEX(Jesper!AK$2:AK$366,ROUNDDOWN($C4134/24,0)+1,1))-1)+IF('Standard Profiles'!$G$21=$B$10,7,0)+IF('Standard Profiles'!$G$21=$B$17,14,0)+IF('Standard Profiles'!$G$21=$B$24,21,0),MOD($C4134,24)+1)/SUM(INDEX($D$3:$AA$30,INDEX(Jesper!$R$2:$R$366,ROW(INDEX(Jesper!AK$2:AK$366,ROUNDDOWN($C4134/24,0)+1,1))-1)+IF('Standard Profiles'!$G$21=$B$10,7,0)+IF('Standard Profiles'!$G$21=$B$17,14,0)+IF('Standard Profiles'!$G$21=$B$24,21,0),0)),0)</f>
        <v>0</v>
      </c>
      <c r="H4134" cm="1">
        <f t="array" ref="H4134">IFERROR(INDEX(Jesper!AL$2:AL$366,ROUNDDOWN($C4134/24,0)+1,1)*INDEX($D$3:$AA$30,INDEX(Jesper!$R$2:$R$366,ROW(INDEX(Jesper!AL$2:AL$366,ROUNDDOWN($C4134/24,0)+1,1))-1)+IF('Standard Profiles'!$G$22=$B$10,7,0)+IF('Standard Profiles'!$G$22=$B$17,14,0)+IF('Standard Profiles'!$G$22=$B$24,21,0),MOD($C4134,24)+1)/SUM(INDEX($D$3:$AA$30,INDEX(Jesper!$R$2:$R$366,ROW(INDEX(Jesper!AL$2:AL$366,ROUNDDOWN($C4134/24,0)+1,1))-1)+IF('Standard Profiles'!$G$22=$B$10,7,0)+IF('Standard Profiles'!$G$22=$B$17,14,0)+IF('Standard Profiles'!$G$22=$B$24,21,0),0)),0)</f>
        <v>0</v>
      </c>
      <c r="I4134">
        <f t="shared" si="468"/>
        <v>0.26384344068398502</v>
      </c>
      <c r="J4134">
        <f t="shared" si="469"/>
        <v>0.87947813561328347</v>
      </c>
      <c r="K4134">
        <f t="shared" si="470"/>
        <v>1.319217203419925</v>
      </c>
      <c r="L4134">
        <f t="shared" si="471"/>
        <v>6.3322425764156405</v>
      </c>
      <c r="M4134">
        <f t="shared" si="472"/>
        <v>0</v>
      </c>
      <c r="N4134" s="46">
        <f t="shared" si="473"/>
        <v>45462.83333332339</v>
      </c>
    </row>
    <row r="4135" spans="2:14" x14ac:dyDescent="0.3">
      <c r="B4135">
        <f t="shared" si="467"/>
        <v>3</v>
      </c>
      <c r="C4135" s="16">
        <v>4101</v>
      </c>
      <c r="D4135" cm="1">
        <f t="array" ref="D4135">IFERROR(INDEX(Jesper!AH$2:AH$366,ROUNDDOWN($C4135/24,0)+1,1)*INDEX($D$3:$AA$30,INDEX(Jesper!$R$2:$R$366,ROW(INDEX(Jesper!AH$2:AH$366,ROUNDDOWN($C4135/24,0)+1,1))-1)+IF('Standard Profiles'!$G$18=$B$10,7,0)+IF('Standard Profiles'!$G$18=$B$17,14,0)+IF('Standard Profiles'!$G$18=$B$24,21,0),MOD($C4135,24)+1)/SUM(INDEX($D$3:$AA$30,INDEX(Jesper!$R$2:$R$366,ROW(INDEX(Jesper!AH$2:AH$366,ROUNDDOWN($C4135/24,0)+1,1))-1)+IF('Standard Profiles'!$G$18=$B$10,7,0)+IF('Standard Profiles'!$G$18=$B$17,14,0)+IF('Standard Profiles'!$G$18=$B$24,21,0),0)),0)</f>
        <v>6.5960860170996236</v>
      </c>
      <c r="E4135" cm="1">
        <f t="array" ref="E4135">IFERROR(INDEX(Jesper!AI$2:AI$366,ROUNDDOWN($C4135/24,0)+1,1)*INDEX($D$3:$AA$30,INDEX(Jesper!$R$2:$R$366,ROW(INDEX(Jesper!AI$2:AI$366,ROUNDDOWN($C4135/24,0)+1,1))-1)+IF('Standard Profiles'!$G$19=$B$10,7,0)+IF('Standard Profiles'!$G$19=$B$17,14,0)+IF('Standard Profiles'!$G$19=$B$24,21,0),MOD($C4135,24)+1)/SUM(INDEX($D$3:$AA$30,INDEX(Jesper!$R$2:$R$366,ROW(INDEX(Jesper!AI$2:AI$366,ROUNDDOWN($C4135/24,0)+1,1))-1)+IF('Standard Profiles'!$G$19=$B$10,7,0)+IF('Standard Profiles'!$G$19=$B$17,14,0)+IF('Standard Profiles'!$G$19=$B$24,21,0),0)),0)</f>
        <v>0</v>
      </c>
      <c r="F4135" cm="1">
        <f t="array" ref="F4135">IFERROR(INDEX(Jesper!AJ$2:AJ$366,ROUNDDOWN($C4135/24,0)+1,1)*INDEX($D$3:$AA$30,INDEX(Jesper!$R$2:$R$366,ROW(INDEX(Jesper!AJ$2:AJ$366,ROUNDDOWN($C4135/24,0)+1,1))-1)+IF('Standard Profiles'!$G$20=$B$10,7,0)+IF('Standard Profiles'!$G$20=$B$17,14,0)+IF('Standard Profiles'!$G$20=$B$24,21,0),MOD($C4135,24)+1)/SUM(INDEX($D$3:$AA$30,INDEX(Jesper!$R$2:$R$366,ROW(INDEX(Jesper!AJ$2:AJ$366,ROUNDDOWN($C4135/24,0)+1,1))-1)+IF('Standard Profiles'!$G$20=$B$10,7,0)+IF('Standard Profiles'!$G$20=$B$17,14,0)+IF('Standard Profiles'!$G$20=$B$24,21,0),0)),0)</f>
        <v>0</v>
      </c>
      <c r="G4135" cm="1">
        <f t="array" ref="G4135">IFERROR(INDEX(Jesper!AK$2:AK$366,ROUNDDOWN($C4135/24,0)+1,1)*INDEX($D$3:$AA$30,INDEX(Jesper!$R$2:$R$366,ROW(INDEX(Jesper!AK$2:AK$366,ROUNDDOWN($C4135/24,0)+1,1))-1)+IF('Standard Profiles'!$G$21=$B$10,7,0)+IF('Standard Profiles'!$G$21=$B$17,14,0)+IF('Standard Profiles'!$G$21=$B$24,21,0),MOD($C4135,24)+1)/SUM(INDEX($D$3:$AA$30,INDEX(Jesper!$R$2:$R$366,ROW(INDEX(Jesper!AK$2:AK$366,ROUNDDOWN($C4135/24,0)+1,1))-1)+IF('Standard Profiles'!$G$21=$B$10,7,0)+IF('Standard Profiles'!$G$21=$B$17,14,0)+IF('Standard Profiles'!$G$21=$B$24,21,0),0)),0)</f>
        <v>0</v>
      </c>
      <c r="H4135" cm="1">
        <f t="array" ref="H4135">IFERROR(INDEX(Jesper!AL$2:AL$366,ROUNDDOWN($C4135/24,0)+1,1)*INDEX($D$3:$AA$30,INDEX(Jesper!$R$2:$R$366,ROW(INDEX(Jesper!AL$2:AL$366,ROUNDDOWN($C4135/24,0)+1,1))-1)+IF('Standard Profiles'!$G$22=$B$10,7,0)+IF('Standard Profiles'!$G$22=$B$17,14,0)+IF('Standard Profiles'!$G$22=$B$24,21,0),MOD($C4135,24)+1)/SUM(INDEX($D$3:$AA$30,INDEX(Jesper!$R$2:$R$366,ROW(INDEX(Jesper!AL$2:AL$366,ROUNDDOWN($C4135/24,0)+1,1))-1)+IF('Standard Profiles'!$G$22=$B$10,7,0)+IF('Standard Profiles'!$G$22=$B$17,14,0)+IF('Standard Profiles'!$G$22=$B$24,21,0),0)),0)</f>
        <v>0</v>
      </c>
      <c r="I4135">
        <f t="shared" si="468"/>
        <v>0.19788258051298871</v>
      </c>
      <c r="J4135">
        <f t="shared" si="469"/>
        <v>0.65960860170996238</v>
      </c>
      <c r="K4135">
        <f t="shared" si="470"/>
        <v>0.98941290256494352</v>
      </c>
      <c r="L4135">
        <f t="shared" si="471"/>
        <v>4.7491819323117292</v>
      </c>
      <c r="M4135">
        <f t="shared" si="472"/>
        <v>0</v>
      </c>
      <c r="N4135" s="46">
        <f t="shared" si="473"/>
        <v>45462.874999990054</v>
      </c>
    </row>
    <row r="4136" spans="2:14" x14ac:dyDescent="0.3">
      <c r="B4136">
        <f t="shared" si="467"/>
        <v>3</v>
      </c>
      <c r="C4136" s="16">
        <v>4102</v>
      </c>
      <c r="D4136" cm="1">
        <f t="array" ref="D4136">IFERROR(INDEX(Jesper!AH$2:AH$366,ROUNDDOWN($C4136/24,0)+1,1)*INDEX($D$3:$AA$30,INDEX(Jesper!$R$2:$R$366,ROW(INDEX(Jesper!AH$2:AH$366,ROUNDDOWN($C4136/24,0)+1,1))-1)+IF('Standard Profiles'!$G$18=$B$10,7,0)+IF('Standard Profiles'!$G$18=$B$17,14,0)+IF('Standard Profiles'!$G$18=$B$24,21,0),MOD($C4136,24)+1)/SUM(INDEX($D$3:$AA$30,INDEX(Jesper!$R$2:$R$366,ROW(INDEX(Jesper!AH$2:AH$366,ROUNDDOWN($C4136/24,0)+1,1))-1)+IF('Standard Profiles'!$G$18=$B$10,7,0)+IF('Standard Profiles'!$G$18=$B$17,14,0)+IF('Standard Profiles'!$G$18=$B$24,21,0),0)),0)</f>
        <v>6.5960860170996236</v>
      </c>
      <c r="E4136" cm="1">
        <f t="array" ref="E4136">IFERROR(INDEX(Jesper!AI$2:AI$366,ROUNDDOWN($C4136/24,0)+1,1)*INDEX($D$3:$AA$30,INDEX(Jesper!$R$2:$R$366,ROW(INDEX(Jesper!AI$2:AI$366,ROUNDDOWN($C4136/24,0)+1,1))-1)+IF('Standard Profiles'!$G$19=$B$10,7,0)+IF('Standard Profiles'!$G$19=$B$17,14,0)+IF('Standard Profiles'!$G$19=$B$24,21,0),MOD($C4136,24)+1)/SUM(INDEX($D$3:$AA$30,INDEX(Jesper!$R$2:$R$366,ROW(INDEX(Jesper!AI$2:AI$366,ROUNDDOWN($C4136/24,0)+1,1))-1)+IF('Standard Profiles'!$G$19=$B$10,7,0)+IF('Standard Profiles'!$G$19=$B$17,14,0)+IF('Standard Profiles'!$G$19=$B$24,21,0),0)),0)</f>
        <v>0</v>
      </c>
      <c r="F4136" cm="1">
        <f t="array" ref="F4136">IFERROR(INDEX(Jesper!AJ$2:AJ$366,ROUNDDOWN($C4136/24,0)+1,1)*INDEX($D$3:$AA$30,INDEX(Jesper!$R$2:$R$366,ROW(INDEX(Jesper!AJ$2:AJ$366,ROUNDDOWN($C4136/24,0)+1,1))-1)+IF('Standard Profiles'!$G$20=$B$10,7,0)+IF('Standard Profiles'!$G$20=$B$17,14,0)+IF('Standard Profiles'!$G$20=$B$24,21,0),MOD($C4136,24)+1)/SUM(INDEX($D$3:$AA$30,INDEX(Jesper!$R$2:$R$366,ROW(INDEX(Jesper!AJ$2:AJ$366,ROUNDDOWN($C4136/24,0)+1,1))-1)+IF('Standard Profiles'!$G$20=$B$10,7,0)+IF('Standard Profiles'!$G$20=$B$17,14,0)+IF('Standard Profiles'!$G$20=$B$24,21,0),0)),0)</f>
        <v>0</v>
      </c>
      <c r="G4136" cm="1">
        <f t="array" ref="G4136">IFERROR(INDEX(Jesper!AK$2:AK$366,ROUNDDOWN($C4136/24,0)+1,1)*INDEX($D$3:$AA$30,INDEX(Jesper!$R$2:$R$366,ROW(INDEX(Jesper!AK$2:AK$366,ROUNDDOWN($C4136/24,0)+1,1))-1)+IF('Standard Profiles'!$G$21=$B$10,7,0)+IF('Standard Profiles'!$G$21=$B$17,14,0)+IF('Standard Profiles'!$G$21=$B$24,21,0),MOD($C4136,24)+1)/SUM(INDEX($D$3:$AA$30,INDEX(Jesper!$R$2:$R$366,ROW(INDEX(Jesper!AK$2:AK$366,ROUNDDOWN($C4136/24,0)+1,1))-1)+IF('Standard Profiles'!$G$21=$B$10,7,0)+IF('Standard Profiles'!$G$21=$B$17,14,0)+IF('Standard Profiles'!$G$21=$B$24,21,0),0)),0)</f>
        <v>0</v>
      </c>
      <c r="H4136" cm="1">
        <f t="array" ref="H4136">IFERROR(INDEX(Jesper!AL$2:AL$366,ROUNDDOWN($C4136/24,0)+1,1)*INDEX($D$3:$AA$30,INDEX(Jesper!$R$2:$R$366,ROW(INDEX(Jesper!AL$2:AL$366,ROUNDDOWN($C4136/24,0)+1,1))-1)+IF('Standard Profiles'!$G$22=$B$10,7,0)+IF('Standard Profiles'!$G$22=$B$17,14,0)+IF('Standard Profiles'!$G$22=$B$24,21,0),MOD($C4136,24)+1)/SUM(INDEX($D$3:$AA$30,INDEX(Jesper!$R$2:$R$366,ROW(INDEX(Jesper!AL$2:AL$366,ROUNDDOWN($C4136/24,0)+1,1))-1)+IF('Standard Profiles'!$G$22=$B$10,7,0)+IF('Standard Profiles'!$G$22=$B$17,14,0)+IF('Standard Profiles'!$G$22=$B$24,21,0),0)),0)</f>
        <v>0</v>
      </c>
      <c r="I4136">
        <f t="shared" si="468"/>
        <v>0.19788258051298871</v>
      </c>
      <c r="J4136">
        <f t="shared" si="469"/>
        <v>0.65960860170996238</v>
      </c>
      <c r="K4136">
        <f t="shared" si="470"/>
        <v>0.98941290256494352</v>
      </c>
      <c r="L4136">
        <f t="shared" si="471"/>
        <v>4.7491819323117292</v>
      </c>
      <c r="M4136">
        <f t="shared" si="472"/>
        <v>0</v>
      </c>
      <c r="N4136" s="46">
        <f t="shared" si="473"/>
        <v>45462.916666656718</v>
      </c>
    </row>
    <row r="4137" spans="2:14" x14ac:dyDescent="0.3">
      <c r="B4137">
        <f t="shared" si="467"/>
        <v>3</v>
      </c>
      <c r="C4137" s="16">
        <v>4103</v>
      </c>
      <c r="D4137" cm="1">
        <f t="array" ref="D4137">IFERROR(INDEX(Jesper!AH$2:AH$366,ROUNDDOWN($C4137/24,0)+1,1)*INDEX($D$3:$AA$30,INDEX(Jesper!$R$2:$R$366,ROW(INDEX(Jesper!AH$2:AH$366,ROUNDDOWN($C4137/24,0)+1,1))-1)+IF('Standard Profiles'!$G$18=$B$10,7,0)+IF('Standard Profiles'!$G$18=$B$17,14,0)+IF('Standard Profiles'!$G$18=$B$24,21,0),MOD($C4137,24)+1)/SUM(INDEX($D$3:$AA$30,INDEX(Jesper!$R$2:$R$366,ROW(INDEX(Jesper!AH$2:AH$366,ROUNDDOWN($C4137/24,0)+1,1))-1)+IF('Standard Profiles'!$G$18=$B$10,7,0)+IF('Standard Profiles'!$G$18=$B$17,14,0)+IF('Standard Profiles'!$G$18=$B$24,21,0),0)),0)</f>
        <v>6.5960860170996236</v>
      </c>
      <c r="E4137" cm="1">
        <f t="array" ref="E4137">IFERROR(INDEX(Jesper!AI$2:AI$366,ROUNDDOWN($C4137/24,0)+1,1)*INDEX($D$3:$AA$30,INDEX(Jesper!$R$2:$R$366,ROW(INDEX(Jesper!AI$2:AI$366,ROUNDDOWN($C4137/24,0)+1,1))-1)+IF('Standard Profiles'!$G$19=$B$10,7,0)+IF('Standard Profiles'!$G$19=$B$17,14,0)+IF('Standard Profiles'!$G$19=$B$24,21,0),MOD($C4137,24)+1)/SUM(INDEX($D$3:$AA$30,INDEX(Jesper!$R$2:$R$366,ROW(INDEX(Jesper!AI$2:AI$366,ROUNDDOWN($C4137/24,0)+1,1))-1)+IF('Standard Profiles'!$G$19=$B$10,7,0)+IF('Standard Profiles'!$G$19=$B$17,14,0)+IF('Standard Profiles'!$G$19=$B$24,21,0),0)),0)</f>
        <v>0</v>
      </c>
      <c r="F4137" cm="1">
        <f t="array" ref="F4137">IFERROR(INDEX(Jesper!AJ$2:AJ$366,ROUNDDOWN($C4137/24,0)+1,1)*INDEX($D$3:$AA$30,INDEX(Jesper!$R$2:$R$366,ROW(INDEX(Jesper!AJ$2:AJ$366,ROUNDDOWN($C4137/24,0)+1,1))-1)+IF('Standard Profiles'!$G$20=$B$10,7,0)+IF('Standard Profiles'!$G$20=$B$17,14,0)+IF('Standard Profiles'!$G$20=$B$24,21,0),MOD($C4137,24)+1)/SUM(INDEX($D$3:$AA$30,INDEX(Jesper!$R$2:$R$366,ROW(INDEX(Jesper!AJ$2:AJ$366,ROUNDDOWN($C4137/24,0)+1,1))-1)+IF('Standard Profiles'!$G$20=$B$10,7,0)+IF('Standard Profiles'!$G$20=$B$17,14,0)+IF('Standard Profiles'!$G$20=$B$24,21,0),0)),0)</f>
        <v>0</v>
      </c>
      <c r="G4137" cm="1">
        <f t="array" ref="G4137">IFERROR(INDEX(Jesper!AK$2:AK$366,ROUNDDOWN($C4137/24,0)+1,1)*INDEX($D$3:$AA$30,INDEX(Jesper!$R$2:$R$366,ROW(INDEX(Jesper!AK$2:AK$366,ROUNDDOWN($C4137/24,0)+1,1))-1)+IF('Standard Profiles'!$G$21=$B$10,7,0)+IF('Standard Profiles'!$G$21=$B$17,14,0)+IF('Standard Profiles'!$G$21=$B$24,21,0),MOD($C4137,24)+1)/SUM(INDEX($D$3:$AA$30,INDEX(Jesper!$R$2:$R$366,ROW(INDEX(Jesper!AK$2:AK$366,ROUNDDOWN($C4137/24,0)+1,1))-1)+IF('Standard Profiles'!$G$21=$B$10,7,0)+IF('Standard Profiles'!$G$21=$B$17,14,0)+IF('Standard Profiles'!$G$21=$B$24,21,0),0)),0)</f>
        <v>0</v>
      </c>
      <c r="H4137" cm="1">
        <f t="array" ref="H4137">IFERROR(INDEX(Jesper!AL$2:AL$366,ROUNDDOWN($C4137/24,0)+1,1)*INDEX($D$3:$AA$30,INDEX(Jesper!$R$2:$R$366,ROW(INDEX(Jesper!AL$2:AL$366,ROUNDDOWN($C4137/24,0)+1,1))-1)+IF('Standard Profiles'!$G$22=$B$10,7,0)+IF('Standard Profiles'!$G$22=$B$17,14,0)+IF('Standard Profiles'!$G$22=$B$24,21,0),MOD($C4137,24)+1)/SUM(INDEX($D$3:$AA$30,INDEX(Jesper!$R$2:$R$366,ROW(INDEX(Jesper!AL$2:AL$366,ROUNDDOWN($C4137/24,0)+1,1))-1)+IF('Standard Profiles'!$G$22=$B$10,7,0)+IF('Standard Profiles'!$G$22=$B$17,14,0)+IF('Standard Profiles'!$G$22=$B$24,21,0),0)),0)</f>
        <v>0</v>
      </c>
      <c r="I4137">
        <f t="shared" si="468"/>
        <v>0.19788258051298871</v>
      </c>
      <c r="J4137">
        <f t="shared" si="469"/>
        <v>0.65960860170996238</v>
      </c>
      <c r="K4137">
        <f t="shared" si="470"/>
        <v>0.98941290256494352</v>
      </c>
      <c r="L4137">
        <f t="shared" si="471"/>
        <v>4.7491819323117292</v>
      </c>
      <c r="M4137">
        <f t="shared" si="472"/>
        <v>0</v>
      </c>
      <c r="N4137" s="46">
        <f t="shared" si="473"/>
        <v>45462.958333323382</v>
      </c>
    </row>
    <row r="4138" spans="2:14" x14ac:dyDescent="0.3">
      <c r="B4138">
        <f t="shared" si="467"/>
        <v>4</v>
      </c>
      <c r="C4138" s="16">
        <v>4104</v>
      </c>
      <c r="D4138" cm="1">
        <f t="array" ref="D4138">IFERROR(INDEX(Jesper!AH$2:AH$366,ROUNDDOWN($C4138/24,0)+1,1)*INDEX($D$3:$AA$30,INDEX(Jesper!$R$2:$R$366,ROW(INDEX(Jesper!AH$2:AH$366,ROUNDDOWN($C4138/24,0)+1,1))-1)+IF('Standard Profiles'!$G$18=$B$10,7,0)+IF('Standard Profiles'!$G$18=$B$17,14,0)+IF('Standard Profiles'!$G$18=$B$24,21,0),MOD($C4138,24)+1)/SUM(INDEX($D$3:$AA$30,INDEX(Jesper!$R$2:$R$366,ROW(INDEX(Jesper!AH$2:AH$366,ROUNDDOWN($C4138/24,0)+1,1))-1)+IF('Standard Profiles'!$G$18=$B$10,7,0)+IF('Standard Profiles'!$G$18=$B$17,14,0)+IF('Standard Profiles'!$G$18=$B$24,21,0),0)),0)</f>
        <v>6.5345287666436329</v>
      </c>
      <c r="E4138" cm="1">
        <f t="array" ref="E4138">IFERROR(INDEX(Jesper!AI$2:AI$366,ROUNDDOWN($C4138/24,0)+1,1)*INDEX($D$3:$AA$30,INDEX(Jesper!$R$2:$R$366,ROW(INDEX(Jesper!AI$2:AI$366,ROUNDDOWN($C4138/24,0)+1,1))-1)+IF('Standard Profiles'!$G$19=$B$10,7,0)+IF('Standard Profiles'!$G$19=$B$17,14,0)+IF('Standard Profiles'!$G$19=$B$24,21,0),MOD($C4138,24)+1)/SUM(INDEX($D$3:$AA$30,INDEX(Jesper!$R$2:$R$366,ROW(INDEX(Jesper!AI$2:AI$366,ROUNDDOWN($C4138/24,0)+1,1))-1)+IF('Standard Profiles'!$G$19=$B$10,7,0)+IF('Standard Profiles'!$G$19=$B$17,14,0)+IF('Standard Profiles'!$G$19=$B$24,21,0),0)),0)</f>
        <v>0</v>
      </c>
      <c r="F4138" cm="1">
        <f t="array" ref="F4138">IFERROR(INDEX(Jesper!AJ$2:AJ$366,ROUNDDOWN($C4138/24,0)+1,1)*INDEX($D$3:$AA$30,INDEX(Jesper!$R$2:$R$366,ROW(INDEX(Jesper!AJ$2:AJ$366,ROUNDDOWN($C4138/24,0)+1,1))-1)+IF('Standard Profiles'!$G$20=$B$10,7,0)+IF('Standard Profiles'!$G$20=$B$17,14,0)+IF('Standard Profiles'!$G$20=$B$24,21,0),MOD($C4138,24)+1)/SUM(INDEX($D$3:$AA$30,INDEX(Jesper!$R$2:$R$366,ROW(INDEX(Jesper!AJ$2:AJ$366,ROUNDDOWN($C4138/24,0)+1,1))-1)+IF('Standard Profiles'!$G$20=$B$10,7,0)+IF('Standard Profiles'!$G$20=$B$17,14,0)+IF('Standard Profiles'!$G$20=$B$24,21,0),0)),0)</f>
        <v>0</v>
      </c>
      <c r="G4138" cm="1">
        <f t="array" ref="G4138">IFERROR(INDEX(Jesper!AK$2:AK$366,ROUNDDOWN($C4138/24,0)+1,1)*INDEX($D$3:$AA$30,INDEX(Jesper!$R$2:$R$366,ROW(INDEX(Jesper!AK$2:AK$366,ROUNDDOWN($C4138/24,0)+1,1))-1)+IF('Standard Profiles'!$G$21=$B$10,7,0)+IF('Standard Profiles'!$G$21=$B$17,14,0)+IF('Standard Profiles'!$G$21=$B$24,21,0),MOD($C4138,24)+1)/SUM(INDEX($D$3:$AA$30,INDEX(Jesper!$R$2:$R$366,ROW(INDEX(Jesper!AK$2:AK$366,ROUNDDOWN($C4138/24,0)+1,1))-1)+IF('Standard Profiles'!$G$21=$B$10,7,0)+IF('Standard Profiles'!$G$21=$B$17,14,0)+IF('Standard Profiles'!$G$21=$B$24,21,0),0)),0)</f>
        <v>0</v>
      </c>
      <c r="H4138" cm="1">
        <f t="array" ref="H4138">IFERROR(INDEX(Jesper!AL$2:AL$366,ROUNDDOWN($C4138/24,0)+1,1)*INDEX($D$3:$AA$30,INDEX(Jesper!$R$2:$R$366,ROW(INDEX(Jesper!AL$2:AL$366,ROUNDDOWN($C4138/24,0)+1,1))-1)+IF('Standard Profiles'!$G$22=$B$10,7,0)+IF('Standard Profiles'!$G$22=$B$17,14,0)+IF('Standard Profiles'!$G$22=$B$24,21,0),MOD($C4138,24)+1)/SUM(INDEX($D$3:$AA$30,INDEX(Jesper!$R$2:$R$366,ROW(INDEX(Jesper!AL$2:AL$366,ROUNDDOWN($C4138/24,0)+1,1))-1)+IF('Standard Profiles'!$G$22=$B$10,7,0)+IF('Standard Profiles'!$G$22=$B$17,14,0)+IF('Standard Profiles'!$G$22=$B$24,21,0),0)),0)</f>
        <v>0</v>
      </c>
      <c r="I4138">
        <f t="shared" si="468"/>
        <v>0.19603586299930897</v>
      </c>
      <c r="J4138">
        <f t="shared" si="469"/>
        <v>0.65345287666436336</v>
      </c>
      <c r="K4138">
        <f t="shared" si="470"/>
        <v>0.98017931499654487</v>
      </c>
      <c r="L4138">
        <f t="shared" si="471"/>
        <v>4.7048607119834154</v>
      </c>
      <c r="M4138">
        <f t="shared" si="472"/>
        <v>0</v>
      </c>
      <c r="N4138" s="46">
        <f t="shared" si="473"/>
        <v>45462.999999990046</v>
      </c>
    </row>
    <row r="4139" spans="2:14" x14ac:dyDescent="0.3">
      <c r="B4139">
        <f t="shared" si="467"/>
        <v>4</v>
      </c>
      <c r="C4139" s="16">
        <v>4105</v>
      </c>
      <c r="D4139" cm="1">
        <f t="array" ref="D4139">IFERROR(INDEX(Jesper!AH$2:AH$366,ROUNDDOWN($C4139/24,0)+1,1)*INDEX($D$3:$AA$30,INDEX(Jesper!$R$2:$R$366,ROW(INDEX(Jesper!AH$2:AH$366,ROUNDDOWN($C4139/24,0)+1,1))-1)+IF('Standard Profiles'!$G$18=$B$10,7,0)+IF('Standard Profiles'!$G$18=$B$17,14,0)+IF('Standard Profiles'!$G$18=$B$24,21,0),MOD($C4139,24)+1)/SUM(INDEX($D$3:$AA$30,INDEX(Jesper!$R$2:$R$366,ROW(INDEX(Jesper!AH$2:AH$366,ROUNDDOWN($C4139/24,0)+1,1))-1)+IF('Standard Profiles'!$G$18=$B$10,7,0)+IF('Standard Profiles'!$G$18=$B$17,14,0)+IF('Standard Profiles'!$G$18=$B$24,21,0),0)),0)</f>
        <v>6.5345287666436329</v>
      </c>
      <c r="E4139" cm="1">
        <f t="array" ref="E4139">IFERROR(INDEX(Jesper!AI$2:AI$366,ROUNDDOWN($C4139/24,0)+1,1)*INDEX($D$3:$AA$30,INDEX(Jesper!$R$2:$R$366,ROW(INDEX(Jesper!AI$2:AI$366,ROUNDDOWN($C4139/24,0)+1,1))-1)+IF('Standard Profiles'!$G$19=$B$10,7,0)+IF('Standard Profiles'!$G$19=$B$17,14,0)+IF('Standard Profiles'!$G$19=$B$24,21,0),MOD($C4139,24)+1)/SUM(INDEX($D$3:$AA$30,INDEX(Jesper!$R$2:$R$366,ROW(INDEX(Jesper!AI$2:AI$366,ROUNDDOWN($C4139/24,0)+1,1))-1)+IF('Standard Profiles'!$G$19=$B$10,7,0)+IF('Standard Profiles'!$G$19=$B$17,14,0)+IF('Standard Profiles'!$G$19=$B$24,21,0),0)),0)</f>
        <v>0</v>
      </c>
      <c r="F4139" cm="1">
        <f t="array" ref="F4139">IFERROR(INDEX(Jesper!AJ$2:AJ$366,ROUNDDOWN($C4139/24,0)+1,1)*INDEX($D$3:$AA$30,INDEX(Jesper!$R$2:$R$366,ROW(INDEX(Jesper!AJ$2:AJ$366,ROUNDDOWN($C4139/24,0)+1,1))-1)+IF('Standard Profiles'!$G$20=$B$10,7,0)+IF('Standard Profiles'!$G$20=$B$17,14,0)+IF('Standard Profiles'!$G$20=$B$24,21,0),MOD($C4139,24)+1)/SUM(INDEX($D$3:$AA$30,INDEX(Jesper!$R$2:$R$366,ROW(INDEX(Jesper!AJ$2:AJ$366,ROUNDDOWN($C4139/24,0)+1,1))-1)+IF('Standard Profiles'!$G$20=$B$10,7,0)+IF('Standard Profiles'!$G$20=$B$17,14,0)+IF('Standard Profiles'!$G$20=$B$24,21,0),0)),0)</f>
        <v>0</v>
      </c>
      <c r="G4139" cm="1">
        <f t="array" ref="G4139">IFERROR(INDEX(Jesper!AK$2:AK$366,ROUNDDOWN($C4139/24,0)+1,1)*INDEX($D$3:$AA$30,INDEX(Jesper!$R$2:$R$366,ROW(INDEX(Jesper!AK$2:AK$366,ROUNDDOWN($C4139/24,0)+1,1))-1)+IF('Standard Profiles'!$G$21=$B$10,7,0)+IF('Standard Profiles'!$G$21=$B$17,14,0)+IF('Standard Profiles'!$G$21=$B$24,21,0),MOD($C4139,24)+1)/SUM(INDEX($D$3:$AA$30,INDEX(Jesper!$R$2:$R$366,ROW(INDEX(Jesper!AK$2:AK$366,ROUNDDOWN($C4139/24,0)+1,1))-1)+IF('Standard Profiles'!$G$21=$B$10,7,0)+IF('Standard Profiles'!$G$21=$B$17,14,0)+IF('Standard Profiles'!$G$21=$B$24,21,0),0)),0)</f>
        <v>0</v>
      </c>
      <c r="H4139" cm="1">
        <f t="array" ref="H4139">IFERROR(INDEX(Jesper!AL$2:AL$366,ROUNDDOWN($C4139/24,0)+1,1)*INDEX($D$3:$AA$30,INDEX(Jesper!$R$2:$R$366,ROW(INDEX(Jesper!AL$2:AL$366,ROUNDDOWN($C4139/24,0)+1,1))-1)+IF('Standard Profiles'!$G$22=$B$10,7,0)+IF('Standard Profiles'!$G$22=$B$17,14,0)+IF('Standard Profiles'!$G$22=$B$24,21,0),MOD($C4139,24)+1)/SUM(INDEX($D$3:$AA$30,INDEX(Jesper!$R$2:$R$366,ROW(INDEX(Jesper!AL$2:AL$366,ROUNDDOWN($C4139/24,0)+1,1))-1)+IF('Standard Profiles'!$G$22=$B$10,7,0)+IF('Standard Profiles'!$G$22=$B$17,14,0)+IF('Standard Profiles'!$G$22=$B$24,21,0),0)),0)</f>
        <v>0</v>
      </c>
      <c r="I4139">
        <f t="shared" si="468"/>
        <v>0.19603586299930897</v>
      </c>
      <c r="J4139">
        <f t="shared" si="469"/>
        <v>0.65345287666436336</v>
      </c>
      <c r="K4139">
        <f t="shared" si="470"/>
        <v>0.98017931499654487</v>
      </c>
      <c r="L4139">
        <f t="shared" si="471"/>
        <v>4.7048607119834154</v>
      </c>
      <c r="M4139">
        <f t="shared" si="472"/>
        <v>0</v>
      </c>
      <c r="N4139" s="46">
        <f t="shared" si="473"/>
        <v>45463.041666656711</v>
      </c>
    </row>
    <row r="4140" spans="2:14" x14ac:dyDescent="0.3">
      <c r="B4140">
        <f t="shared" si="467"/>
        <v>4</v>
      </c>
      <c r="C4140" s="16">
        <v>4106</v>
      </c>
      <c r="D4140" cm="1">
        <f t="array" ref="D4140">IFERROR(INDEX(Jesper!AH$2:AH$366,ROUNDDOWN($C4140/24,0)+1,1)*INDEX($D$3:$AA$30,INDEX(Jesper!$R$2:$R$366,ROW(INDEX(Jesper!AH$2:AH$366,ROUNDDOWN($C4140/24,0)+1,1))-1)+IF('Standard Profiles'!$G$18=$B$10,7,0)+IF('Standard Profiles'!$G$18=$B$17,14,0)+IF('Standard Profiles'!$G$18=$B$24,21,0),MOD($C4140,24)+1)/SUM(INDEX($D$3:$AA$30,INDEX(Jesper!$R$2:$R$366,ROW(INDEX(Jesper!AH$2:AH$366,ROUNDDOWN($C4140/24,0)+1,1))-1)+IF('Standard Profiles'!$G$18=$B$10,7,0)+IF('Standard Profiles'!$G$18=$B$17,14,0)+IF('Standard Profiles'!$G$18=$B$24,21,0),0)),0)</f>
        <v>6.5345287666436329</v>
      </c>
      <c r="E4140" cm="1">
        <f t="array" ref="E4140">IFERROR(INDEX(Jesper!AI$2:AI$366,ROUNDDOWN($C4140/24,0)+1,1)*INDEX($D$3:$AA$30,INDEX(Jesper!$R$2:$R$366,ROW(INDEX(Jesper!AI$2:AI$366,ROUNDDOWN($C4140/24,0)+1,1))-1)+IF('Standard Profiles'!$G$19=$B$10,7,0)+IF('Standard Profiles'!$G$19=$B$17,14,0)+IF('Standard Profiles'!$G$19=$B$24,21,0),MOD($C4140,24)+1)/SUM(INDEX($D$3:$AA$30,INDEX(Jesper!$R$2:$R$366,ROW(INDEX(Jesper!AI$2:AI$366,ROUNDDOWN($C4140/24,0)+1,1))-1)+IF('Standard Profiles'!$G$19=$B$10,7,0)+IF('Standard Profiles'!$G$19=$B$17,14,0)+IF('Standard Profiles'!$G$19=$B$24,21,0),0)),0)</f>
        <v>0</v>
      </c>
      <c r="F4140" cm="1">
        <f t="array" ref="F4140">IFERROR(INDEX(Jesper!AJ$2:AJ$366,ROUNDDOWN($C4140/24,0)+1,1)*INDEX($D$3:$AA$30,INDEX(Jesper!$R$2:$R$366,ROW(INDEX(Jesper!AJ$2:AJ$366,ROUNDDOWN($C4140/24,0)+1,1))-1)+IF('Standard Profiles'!$G$20=$B$10,7,0)+IF('Standard Profiles'!$G$20=$B$17,14,0)+IF('Standard Profiles'!$G$20=$B$24,21,0),MOD($C4140,24)+1)/SUM(INDEX($D$3:$AA$30,INDEX(Jesper!$R$2:$R$366,ROW(INDEX(Jesper!AJ$2:AJ$366,ROUNDDOWN($C4140/24,0)+1,1))-1)+IF('Standard Profiles'!$G$20=$B$10,7,0)+IF('Standard Profiles'!$G$20=$B$17,14,0)+IF('Standard Profiles'!$G$20=$B$24,21,0),0)),0)</f>
        <v>0</v>
      </c>
      <c r="G4140" cm="1">
        <f t="array" ref="G4140">IFERROR(INDEX(Jesper!AK$2:AK$366,ROUNDDOWN($C4140/24,0)+1,1)*INDEX($D$3:$AA$30,INDEX(Jesper!$R$2:$R$366,ROW(INDEX(Jesper!AK$2:AK$366,ROUNDDOWN($C4140/24,0)+1,1))-1)+IF('Standard Profiles'!$G$21=$B$10,7,0)+IF('Standard Profiles'!$G$21=$B$17,14,0)+IF('Standard Profiles'!$G$21=$B$24,21,0),MOD($C4140,24)+1)/SUM(INDEX($D$3:$AA$30,INDEX(Jesper!$R$2:$R$366,ROW(INDEX(Jesper!AK$2:AK$366,ROUNDDOWN($C4140/24,0)+1,1))-1)+IF('Standard Profiles'!$G$21=$B$10,7,0)+IF('Standard Profiles'!$G$21=$B$17,14,0)+IF('Standard Profiles'!$G$21=$B$24,21,0),0)),0)</f>
        <v>0</v>
      </c>
      <c r="H4140" cm="1">
        <f t="array" ref="H4140">IFERROR(INDEX(Jesper!AL$2:AL$366,ROUNDDOWN($C4140/24,0)+1,1)*INDEX($D$3:$AA$30,INDEX(Jesper!$R$2:$R$366,ROW(INDEX(Jesper!AL$2:AL$366,ROUNDDOWN($C4140/24,0)+1,1))-1)+IF('Standard Profiles'!$G$22=$B$10,7,0)+IF('Standard Profiles'!$G$22=$B$17,14,0)+IF('Standard Profiles'!$G$22=$B$24,21,0),MOD($C4140,24)+1)/SUM(INDEX($D$3:$AA$30,INDEX(Jesper!$R$2:$R$366,ROW(INDEX(Jesper!AL$2:AL$366,ROUNDDOWN($C4140/24,0)+1,1))-1)+IF('Standard Profiles'!$G$22=$B$10,7,0)+IF('Standard Profiles'!$G$22=$B$17,14,0)+IF('Standard Profiles'!$G$22=$B$24,21,0),0)),0)</f>
        <v>0</v>
      </c>
      <c r="I4140">
        <f t="shared" si="468"/>
        <v>0.19603586299930897</v>
      </c>
      <c r="J4140">
        <f t="shared" si="469"/>
        <v>0.65345287666436336</v>
      </c>
      <c r="K4140">
        <f t="shared" si="470"/>
        <v>0.98017931499654487</v>
      </c>
      <c r="L4140">
        <f t="shared" si="471"/>
        <v>4.7048607119834154</v>
      </c>
      <c r="M4140">
        <f t="shared" si="472"/>
        <v>0</v>
      </c>
      <c r="N4140" s="46">
        <f t="shared" si="473"/>
        <v>45463.083333323375</v>
      </c>
    </row>
    <row r="4141" spans="2:14" x14ac:dyDescent="0.3">
      <c r="B4141">
        <f t="shared" si="467"/>
        <v>4</v>
      </c>
      <c r="C4141" s="16">
        <v>4107</v>
      </c>
      <c r="D4141" cm="1">
        <f t="array" ref="D4141">IFERROR(INDEX(Jesper!AH$2:AH$366,ROUNDDOWN($C4141/24,0)+1,1)*INDEX($D$3:$AA$30,INDEX(Jesper!$R$2:$R$366,ROW(INDEX(Jesper!AH$2:AH$366,ROUNDDOWN($C4141/24,0)+1,1))-1)+IF('Standard Profiles'!$G$18=$B$10,7,0)+IF('Standard Profiles'!$G$18=$B$17,14,0)+IF('Standard Profiles'!$G$18=$B$24,21,0),MOD($C4141,24)+1)/SUM(INDEX($D$3:$AA$30,INDEX(Jesper!$R$2:$R$366,ROW(INDEX(Jesper!AH$2:AH$366,ROUNDDOWN($C4141/24,0)+1,1))-1)+IF('Standard Profiles'!$G$18=$B$10,7,0)+IF('Standard Profiles'!$G$18=$B$17,14,0)+IF('Standard Profiles'!$G$18=$B$24,21,0),0)),0)</f>
        <v>6.5345287666436329</v>
      </c>
      <c r="E4141" cm="1">
        <f t="array" ref="E4141">IFERROR(INDEX(Jesper!AI$2:AI$366,ROUNDDOWN($C4141/24,0)+1,1)*INDEX($D$3:$AA$30,INDEX(Jesper!$R$2:$R$366,ROW(INDEX(Jesper!AI$2:AI$366,ROUNDDOWN($C4141/24,0)+1,1))-1)+IF('Standard Profiles'!$G$19=$B$10,7,0)+IF('Standard Profiles'!$G$19=$B$17,14,0)+IF('Standard Profiles'!$G$19=$B$24,21,0),MOD($C4141,24)+1)/SUM(INDEX($D$3:$AA$30,INDEX(Jesper!$R$2:$R$366,ROW(INDEX(Jesper!AI$2:AI$366,ROUNDDOWN($C4141/24,0)+1,1))-1)+IF('Standard Profiles'!$G$19=$B$10,7,0)+IF('Standard Profiles'!$G$19=$B$17,14,0)+IF('Standard Profiles'!$G$19=$B$24,21,0),0)),0)</f>
        <v>0</v>
      </c>
      <c r="F4141" cm="1">
        <f t="array" ref="F4141">IFERROR(INDEX(Jesper!AJ$2:AJ$366,ROUNDDOWN($C4141/24,0)+1,1)*INDEX($D$3:$AA$30,INDEX(Jesper!$R$2:$R$366,ROW(INDEX(Jesper!AJ$2:AJ$366,ROUNDDOWN($C4141/24,0)+1,1))-1)+IF('Standard Profiles'!$G$20=$B$10,7,0)+IF('Standard Profiles'!$G$20=$B$17,14,0)+IF('Standard Profiles'!$G$20=$B$24,21,0),MOD($C4141,24)+1)/SUM(INDEX($D$3:$AA$30,INDEX(Jesper!$R$2:$R$366,ROW(INDEX(Jesper!AJ$2:AJ$366,ROUNDDOWN($C4141/24,0)+1,1))-1)+IF('Standard Profiles'!$G$20=$B$10,7,0)+IF('Standard Profiles'!$G$20=$B$17,14,0)+IF('Standard Profiles'!$G$20=$B$24,21,0),0)),0)</f>
        <v>0</v>
      </c>
      <c r="G4141" cm="1">
        <f t="array" ref="G4141">IFERROR(INDEX(Jesper!AK$2:AK$366,ROUNDDOWN($C4141/24,0)+1,1)*INDEX($D$3:$AA$30,INDEX(Jesper!$R$2:$R$366,ROW(INDEX(Jesper!AK$2:AK$366,ROUNDDOWN($C4141/24,0)+1,1))-1)+IF('Standard Profiles'!$G$21=$B$10,7,0)+IF('Standard Profiles'!$G$21=$B$17,14,0)+IF('Standard Profiles'!$G$21=$B$24,21,0),MOD($C4141,24)+1)/SUM(INDEX($D$3:$AA$30,INDEX(Jesper!$R$2:$R$366,ROW(INDEX(Jesper!AK$2:AK$366,ROUNDDOWN($C4141/24,0)+1,1))-1)+IF('Standard Profiles'!$G$21=$B$10,7,0)+IF('Standard Profiles'!$G$21=$B$17,14,0)+IF('Standard Profiles'!$G$21=$B$24,21,0),0)),0)</f>
        <v>0</v>
      </c>
      <c r="H4141" cm="1">
        <f t="array" ref="H4141">IFERROR(INDEX(Jesper!AL$2:AL$366,ROUNDDOWN($C4141/24,0)+1,1)*INDEX($D$3:$AA$30,INDEX(Jesper!$R$2:$R$366,ROW(INDEX(Jesper!AL$2:AL$366,ROUNDDOWN($C4141/24,0)+1,1))-1)+IF('Standard Profiles'!$G$22=$B$10,7,0)+IF('Standard Profiles'!$G$22=$B$17,14,0)+IF('Standard Profiles'!$G$22=$B$24,21,0),MOD($C4141,24)+1)/SUM(INDEX($D$3:$AA$30,INDEX(Jesper!$R$2:$R$366,ROW(INDEX(Jesper!AL$2:AL$366,ROUNDDOWN($C4141/24,0)+1,1))-1)+IF('Standard Profiles'!$G$22=$B$10,7,0)+IF('Standard Profiles'!$G$22=$B$17,14,0)+IF('Standard Profiles'!$G$22=$B$24,21,0),0)),0)</f>
        <v>0</v>
      </c>
      <c r="I4141">
        <f t="shared" si="468"/>
        <v>0.19603586299930897</v>
      </c>
      <c r="J4141">
        <f t="shared" si="469"/>
        <v>0.65345287666436336</v>
      </c>
      <c r="K4141">
        <f t="shared" si="470"/>
        <v>0.98017931499654487</v>
      </c>
      <c r="L4141">
        <f t="shared" si="471"/>
        <v>4.7048607119834154</v>
      </c>
      <c r="M4141">
        <f t="shared" si="472"/>
        <v>0</v>
      </c>
      <c r="N4141" s="46">
        <f t="shared" si="473"/>
        <v>45463.124999990039</v>
      </c>
    </row>
    <row r="4142" spans="2:14" x14ac:dyDescent="0.3">
      <c r="B4142">
        <f t="shared" si="467"/>
        <v>4</v>
      </c>
      <c r="C4142" s="16">
        <v>4108</v>
      </c>
      <c r="D4142" cm="1">
        <f t="array" ref="D4142">IFERROR(INDEX(Jesper!AH$2:AH$366,ROUNDDOWN($C4142/24,0)+1,1)*INDEX($D$3:$AA$30,INDEX(Jesper!$R$2:$R$366,ROW(INDEX(Jesper!AH$2:AH$366,ROUNDDOWN($C4142/24,0)+1,1))-1)+IF('Standard Profiles'!$G$18=$B$10,7,0)+IF('Standard Profiles'!$G$18=$B$17,14,0)+IF('Standard Profiles'!$G$18=$B$24,21,0),MOD($C4142,24)+1)/SUM(INDEX($D$3:$AA$30,INDEX(Jesper!$R$2:$R$366,ROW(INDEX(Jesper!AH$2:AH$366,ROUNDDOWN($C4142/24,0)+1,1))-1)+IF('Standard Profiles'!$G$18=$B$10,7,0)+IF('Standard Profiles'!$G$18=$B$17,14,0)+IF('Standard Profiles'!$G$18=$B$24,21,0),0)),0)</f>
        <v>6.5345287666436329</v>
      </c>
      <c r="E4142" cm="1">
        <f t="array" ref="E4142">IFERROR(INDEX(Jesper!AI$2:AI$366,ROUNDDOWN($C4142/24,0)+1,1)*INDEX($D$3:$AA$30,INDEX(Jesper!$R$2:$R$366,ROW(INDEX(Jesper!AI$2:AI$366,ROUNDDOWN($C4142/24,0)+1,1))-1)+IF('Standard Profiles'!$G$19=$B$10,7,0)+IF('Standard Profiles'!$G$19=$B$17,14,0)+IF('Standard Profiles'!$G$19=$B$24,21,0),MOD($C4142,24)+1)/SUM(INDEX($D$3:$AA$30,INDEX(Jesper!$R$2:$R$366,ROW(INDEX(Jesper!AI$2:AI$366,ROUNDDOWN($C4142/24,0)+1,1))-1)+IF('Standard Profiles'!$G$19=$B$10,7,0)+IF('Standard Profiles'!$G$19=$B$17,14,0)+IF('Standard Profiles'!$G$19=$B$24,21,0),0)),0)</f>
        <v>0</v>
      </c>
      <c r="F4142" cm="1">
        <f t="array" ref="F4142">IFERROR(INDEX(Jesper!AJ$2:AJ$366,ROUNDDOWN($C4142/24,0)+1,1)*INDEX($D$3:$AA$30,INDEX(Jesper!$R$2:$R$366,ROW(INDEX(Jesper!AJ$2:AJ$366,ROUNDDOWN($C4142/24,0)+1,1))-1)+IF('Standard Profiles'!$G$20=$B$10,7,0)+IF('Standard Profiles'!$G$20=$B$17,14,0)+IF('Standard Profiles'!$G$20=$B$24,21,0),MOD($C4142,24)+1)/SUM(INDEX($D$3:$AA$30,INDEX(Jesper!$R$2:$R$366,ROW(INDEX(Jesper!AJ$2:AJ$366,ROUNDDOWN($C4142/24,0)+1,1))-1)+IF('Standard Profiles'!$G$20=$B$10,7,0)+IF('Standard Profiles'!$G$20=$B$17,14,0)+IF('Standard Profiles'!$G$20=$B$24,21,0),0)),0)</f>
        <v>0</v>
      </c>
      <c r="G4142" cm="1">
        <f t="array" ref="G4142">IFERROR(INDEX(Jesper!AK$2:AK$366,ROUNDDOWN($C4142/24,0)+1,1)*INDEX($D$3:$AA$30,INDEX(Jesper!$R$2:$R$366,ROW(INDEX(Jesper!AK$2:AK$366,ROUNDDOWN($C4142/24,0)+1,1))-1)+IF('Standard Profiles'!$G$21=$B$10,7,0)+IF('Standard Profiles'!$G$21=$B$17,14,0)+IF('Standard Profiles'!$G$21=$B$24,21,0),MOD($C4142,24)+1)/SUM(INDEX($D$3:$AA$30,INDEX(Jesper!$R$2:$R$366,ROW(INDEX(Jesper!AK$2:AK$366,ROUNDDOWN($C4142/24,0)+1,1))-1)+IF('Standard Profiles'!$G$21=$B$10,7,0)+IF('Standard Profiles'!$G$21=$B$17,14,0)+IF('Standard Profiles'!$G$21=$B$24,21,0),0)),0)</f>
        <v>0</v>
      </c>
      <c r="H4142" cm="1">
        <f t="array" ref="H4142">IFERROR(INDEX(Jesper!AL$2:AL$366,ROUNDDOWN($C4142/24,0)+1,1)*INDEX($D$3:$AA$30,INDEX(Jesper!$R$2:$R$366,ROW(INDEX(Jesper!AL$2:AL$366,ROUNDDOWN($C4142/24,0)+1,1))-1)+IF('Standard Profiles'!$G$22=$B$10,7,0)+IF('Standard Profiles'!$G$22=$B$17,14,0)+IF('Standard Profiles'!$G$22=$B$24,21,0),MOD($C4142,24)+1)/SUM(INDEX($D$3:$AA$30,INDEX(Jesper!$R$2:$R$366,ROW(INDEX(Jesper!AL$2:AL$366,ROUNDDOWN($C4142/24,0)+1,1))-1)+IF('Standard Profiles'!$G$22=$B$10,7,0)+IF('Standard Profiles'!$G$22=$B$17,14,0)+IF('Standard Profiles'!$G$22=$B$24,21,0),0)),0)</f>
        <v>0</v>
      </c>
      <c r="I4142">
        <f t="shared" si="468"/>
        <v>0.19603586299930897</v>
      </c>
      <c r="J4142">
        <f t="shared" si="469"/>
        <v>0.65345287666436336</v>
      </c>
      <c r="K4142">
        <f t="shared" si="470"/>
        <v>0.98017931499654487</v>
      </c>
      <c r="L4142">
        <f t="shared" si="471"/>
        <v>4.7048607119834154</v>
      </c>
      <c r="M4142">
        <f t="shared" si="472"/>
        <v>0</v>
      </c>
      <c r="N4142" s="46">
        <f t="shared" si="473"/>
        <v>45463.166666656703</v>
      </c>
    </row>
    <row r="4143" spans="2:14" x14ac:dyDescent="0.3">
      <c r="B4143">
        <f t="shared" si="467"/>
        <v>4</v>
      </c>
      <c r="C4143" s="16">
        <v>4109</v>
      </c>
      <c r="D4143" cm="1">
        <f t="array" ref="D4143">IFERROR(INDEX(Jesper!AH$2:AH$366,ROUNDDOWN($C4143/24,0)+1,1)*INDEX($D$3:$AA$30,INDEX(Jesper!$R$2:$R$366,ROW(INDEX(Jesper!AH$2:AH$366,ROUNDDOWN($C4143/24,0)+1,1))-1)+IF('Standard Profiles'!$G$18=$B$10,7,0)+IF('Standard Profiles'!$G$18=$B$17,14,0)+IF('Standard Profiles'!$G$18=$B$24,21,0),MOD($C4143,24)+1)/SUM(INDEX($D$3:$AA$30,INDEX(Jesper!$R$2:$R$366,ROW(INDEX(Jesper!AH$2:AH$366,ROUNDDOWN($C4143/24,0)+1,1))-1)+IF('Standard Profiles'!$G$18=$B$10,7,0)+IF('Standard Profiles'!$G$18=$B$17,14,0)+IF('Standard Profiles'!$G$18=$B$24,21,0),0)),0)</f>
        <v>8.4222815214517919</v>
      </c>
      <c r="E4143" cm="1">
        <f t="array" ref="E4143">IFERROR(INDEX(Jesper!AI$2:AI$366,ROUNDDOWN($C4143/24,0)+1,1)*INDEX($D$3:$AA$30,INDEX(Jesper!$R$2:$R$366,ROW(INDEX(Jesper!AI$2:AI$366,ROUNDDOWN($C4143/24,0)+1,1))-1)+IF('Standard Profiles'!$G$19=$B$10,7,0)+IF('Standard Profiles'!$G$19=$B$17,14,0)+IF('Standard Profiles'!$G$19=$B$24,21,0),MOD($C4143,24)+1)/SUM(INDEX($D$3:$AA$30,INDEX(Jesper!$R$2:$R$366,ROW(INDEX(Jesper!AI$2:AI$366,ROUNDDOWN($C4143/24,0)+1,1))-1)+IF('Standard Profiles'!$G$19=$B$10,7,0)+IF('Standard Profiles'!$G$19=$B$17,14,0)+IF('Standard Profiles'!$G$19=$B$24,21,0),0)),0)</f>
        <v>0</v>
      </c>
      <c r="F4143" cm="1">
        <f t="array" ref="F4143">IFERROR(INDEX(Jesper!AJ$2:AJ$366,ROUNDDOWN($C4143/24,0)+1,1)*INDEX($D$3:$AA$30,INDEX(Jesper!$R$2:$R$366,ROW(INDEX(Jesper!AJ$2:AJ$366,ROUNDDOWN($C4143/24,0)+1,1))-1)+IF('Standard Profiles'!$G$20=$B$10,7,0)+IF('Standard Profiles'!$G$20=$B$17,14,0)+IF('Standard Profiles'!$G$20=$B$24,21,0),MOD($C4143,24)+1)/SUM(INDEX($D$3:$AA$30,INDEX(Jesper!$R$2:$R$366,ROW(INDEX(Jesper!AJ$2:AJ$366,ROUNDDOWN($C4143/24,0)+1,1))-1)+IF('Standard Profiles'!$G$20=$B$10,7,0)+IF('Standard Profiles'!$G$20=$B$17,14,0)+IF('Standard Profiles'!$G$20=$B$24,21,0),0)),0)</f>
        <v>0</v>
      </c>
      <c r="G4143" cm="1">
        <f t="array" ref="G4143">IFERROR(INDEX(Jesper!AK$2:AK$366,ROUNDDOWN($C4143/24,0)+1,1)*INDEX($D$3:$AA$30,INDEX(Jesper!$R$2:$R$366,ROW(INDEX(Jesper!AK$2:AK$366,ROUNDDOWN($C4143/24,0)+1,1))-1)+IF('Standard Profiles'!$G$21=$B$10,7,0)+IF('Standard Profiles'!$G$21=$B$17,14,0)+IF('Standard Profiles'!$G$21=$B$24,21,0),MOD($C4143,24)+1)/SUM(INDEX($D$3:$AA$30,INDEX(Jesper!$R$2:$R$366,ROW(INDEX(Jesper!AK$2:AK$366,ROUNDDOWN($C4143/24,0)+1,1))-1)+IF('Standard Profiles'!$G$21=$B$10,7,0)+IF('Standard Profiles'!$G$21=$B$17,14,0)+IF('Standard Profiles'!$G$21=$B$24,21,0),0)),0)</f>
        <v>0</v>
      </c>
      <c r="H4143" cm="1">
        <f t="array" ref="H4143">IFERROR(INDEX(Jesper!AL$2:AL$366,ROUNDDOWN($C4143/24,0)+1,1)*INDEX($D$3:$AA$30,INDEX(Jesper!$R$2:$R$366,ROW(INDEX(Jesper!AL$2:AL$366,ROUNDDOWN($C4143/24,0)+1,1))-1)+IF('Standard Profiles'!$G$22=$B$10,7,0)+IF('Standard Profiles'!$G$22=$B$17,14,0)+IF('Standard Profiles'!$G$22=$B$24,21,0),MOD($C4143,24)+1)/SUM(INDEX($D$3:$AA$30,INDEX(Jesper!$R$2:$R$366,ROW(INDEX(Jesper!AL$2:AL$366,ROUNDDOWN($C4143/24,0)+1,1))-1)+IF('Standard Profiles'!$G$22=$B$10,7,0)+IF('Standard Profiles'!$G$22=$B$17,14,0)+IF('Standard Profiles'!$G$22=$B$24,21,0),0)),0)</f>
        <v>0</v>
      </c>
      <c r="I4143">
        <f t="shared" si="468"/>
        <v>0.25266844564355373</v>
      </c>
      <c r="J4143">
        <f t="shared" si="469"/>
        <v>0.84222815214517921</v>
      </c>
      <c r="K4143">
        <f t="shared" si="470"/>
        <v>1.2633422282177686</v>
      </c>
      <c r="L4143">
        <f t="shared" si="471"/>
        <v>6.0640426954452895</v>
      </c>
      <c r="M4143">
        <f t="shared" si="472"/>
        <v>0</v>
      </c>
      <c r="N4143" s="46">
        <f t="shared" si="473"/>
        <v>45463.208333323368</v>
      </c>
    </row>
    <row r="4144" spans="2:14" x14ac:dyDescent="0.3">
      <c r="B4144">
        <f t="shared" si="467"/>
        <v>4</v>
      </c>
      <c r="C4144" s="16">
        <v>4110</v>
      </c>
      <c r="D4144" cm="1">
        <f t="array" ref="D4144">IFERROR(INDEX(Jesper!AH$2:AH$366,ROUNDDOWN($C4144/24,0)+1,1)*INDEX($D$3:$AA$30,INDEX(Jesper!$R$2:$R$366,ROW(INDEX(Jesper!AH$2:AH$366,ROUNDDOWN($C4144/24,0)+1,1))-1)+IF('Standard Profiles'!$G$18=$B$10,7,0)+IF('Standard Profiles'!$G$18=$B$17,14,0)+IF('Standard Profiles'!$G$18=$B$24,21,0),MOD($C4144,24)+1)/SUM(INDEX($D$3:$AA$30,INDEX(Jesper!$R$2:$R$366,ROW(INDEX(Jesper!AH$2:AH$366,ROUNDDOWN($C4144/24,0)+1,1))-1)+IF('Standard Profiles'!$G$18=$B$10,7,0)+IF('Standard Profiles'!$G$18=$B$17,14,0)+IF('Standard Profiles'!$G$18=$B$24,21,0),0)),0)</f>
        <v>9.7291872747805197</v>
      </c>
      <c r="E4144" cm="1">
        <f t="array" ref="E4144">IFERROR(INDEX(Jesper!AI$2:AI$366,ROUNDDOWN($C4144/24,0)+1,1)*INDEX($D$3:$AA$30,INDEX(Jesper!$R$2:$R$366,ROW(INDEX(Jesper!AI$2:AI$366,ROUNDDOWN($C4144/24,0)+1,1))-1)+IF('Standard Profiles'!$G$19=$B$10,7,0)+IF('Standard Profiles'!$G$19=$B$17,14,0)+IF('Standard Profiles'!$G$19=$B$24,21,0),MOD($C4144,24)+1)/SUM(INDEX($D$3:$AA$30,INDEX(Jesper!$R$2:$R$366,ROW(INDEX(Jesper!AI$2:AI$366,ROUNDDOWN($C4144/24,0)+1,1))-1)+IF('Standard Profiles'!$G$19=$B$10,7,0)+IF('Standard Profiles'!$G$19=$B$17,14,0)+IF('Standard Profiles'!$G$19=$B$24,21,0),0)),0)</f>
        <v>0</v>
      </c>
      <c r="F4144" cm="1">
        <f t="array" ref="F4144">IFERROR(INDEX(Jesper!AJ$2:AJ$366,ROUNDDOWN($C4144/24,0)+1,1)*INDEX($D$3:$AA$30,INDEX(Jesper!$R$2:$R$366,ROW(INDEX(Jesper!AJ$2:AJ$366,ROUNDDOWN($C4144/24,0)+1,1))-1)+IF('Standard Profiles'!$G$20=$B$10,7,0)+IF('Standard Profiles'!$G$20=$B$17,14,0)+IF('Standard Profiles'!$G$20=$B$24,21,0),MOD($C4144,24)+1)/SUM(INDEX($D$3:$AA$30,INDEX(Jesper!$R$2:$R$366,ROW(INDEX(Jesper!AJ$2:AJ$366,ROUNDDOWN($C4144/24,0)+1,1))-1)+IF('Standard Profiles'!$G$20=$B$10,7,0)+IF('Standard Profiles'!$G$20=$B$17,14,0)+IF('Standard Profiles'!$G$20=$B$24,21,0),0)),0)</f>
        <v>0</v>
      </c>
      <c r="G4144" cm="1">
        <f t="array" ref="G4144">IFERROR(INDEX(Jesper!AK$2:AK$366,ROUNDDOWN($C4144/24,0)+1,1)*INDEX($D$3:$AA$30,INDEX(Jesper!$R$2:$R$366,ROW(INDEX(Jesper!AK$2:AK$366,ROUNDDOWN($C4144/24,0)+1,1))-1)+IF('Standard Profiles'!$G$21=$B$10,7,0)+IF('Standard Profiles'!$G$21=$B$17,14,0)+IF('Standard Profiles'!$G$21=$B$24,21,0),MOD($C4144,24)+1)/SUM(INDEX($D$3:$AA$30,INDEX(Jesper!$R$2:$R$366,ROW(INDEX(Jesper!AK$2:AK$366,ROUNDDOWN($C4144/24,0)+1,1))-1)+IF('Standard Profiles'!$G$21=$B$10,7,0)+IF('Standard Profiles'!$G$21=$B$17,14,0)+IF('Standard Profiles'!$G$21=$B$24,21,0),0)),0)</f>
        <v>0</v>
      </c>
      <c r="H4144" cm="1">
        <f t="array" ref="H4144">IFERROR(INDEX(Jesper!AL$2:AL$366,ROUNDDOWN($C4144/24,0)+1,1)*INDEX($D$3:$AA$30,INDEX(Jesper!$R$2:$R$366,ROW(INDEX(Jesper!AL$2:AL$366,ROUNDDOWN($C4144/24,0)+1,1))-1)+IF('Standard Profiles'!$G$22=$B$10,7,0)+IF('Standard Profiles'!$G$22=$B$17,14,0)+IF('Standard Profiles'!$G$22=$B$24,21,0),MOD($C4144,24)+1)/SUM(INDEX($D$3:$AA$30,INDEX(Jesper!$R$2:$R$366,ROW(INDEX(Jesper!AL$2:AL$366,ROUNDDOWN($C4144/24,0)+1,1))-1)+IF('Standard Profiles'!$G$22=$B$10,7,0)+IF('Standard Profiles'!$G$22=$B$17,14,0)+IF('Standard Profiles'!$G$22=$B$24,21,0),0)),0)</f>
        <v>0</v>
      </c>
      <c r="I4144">
        <f t="shared" si="468"/>
        <v>0.29187561824341557</v>
      </c>
      <c r="J4144">
        <f t="shared" si="469"/>
        <v>0.97291872747805197</v>
      </c>
      <c r="K4144">
        <f t="shared" si="470"/>
        <v>1.459378091217078</v>
      </c>
      <c r="L4144">
        <f t="shared" si="471"/>
        <v>7.0050148378419737</v>
      </c>
      <c r="M4144">
        <f t="shared" si="472"/>
        <v>0</v>
      </c>
      <c r="N4144" s="46">
        <f t="shared" si="473"/>
        <v>45463.249999990032</v>
      </c>
    </row>
    <row r="4145" spans="2:14" x14ac:dyDescent="0.3">
      <c r="B4145">
        <f t="shared" si="467"/>
        <v>4</v>
      </c>
      <c r="C4145" s="16">
        <v>4111</v>
      </c>
      <c r="D4145" cm="1">
        <f t="array" ref="D4145">IFERROR(INDEX(Jesper!AH$2:AH$366,ROUNDDOWN($C4145/24,0)+1,1)*INDEX($D$3:$AA$30,INDEX(Jesper!$R$2:$R$366,ROW(INDEX(Jesper!AH$2:AH$366,ROUNDDOWN($C4145/24,0)+1,1))-1)+IF('Standard Profiles'!$G$18=$B$10,7,0)+IF('Standard Profiles'!$G$18=$B$17,14,0)+IF('Standard Profiles'!$G$18=$B$24,21,0),MOD($C4145,24)+1)/SUM(INDEX($D$3:$AA$30,INDEX(Jesper!$R$2:$R$366,ROW(INDEX(Jesper!AH$2:AH$366,ROUNDDOWN($C4145/24,0)+1,1))-1)+IF('Standard Profiles'!$G$18=$B$10,7,0)+IF('Standard Profiles'!$G$18=$B$17,14,0)+IF('Standard Profiles'!$G$18=$B$24,21,0),0)),0)</f>
        <v>9.7291872747805197</v>
      </c>
      <c r="E4145" cm="1">
        <f t="array" ref="E4145">IFERROR(INDEX(Jesper!AI$2:AI$366,ROUNDDOWN($C4145/24,0)+1,1)*INDEX($D$3:$AA$30,INDEX(Jesper!$R$2:$R$366,ROW(INDEX(Jesper!AI$2:AI$366,ROUNDDOWN($C4145/24,0)+1,1))-1)+IF('Standard Profiles'!$G$19=$B$10,7,0)+IF('Standard Profiles'!$G$19=$B$17,14,0)+IF('Standard Profiles'!$G$19=$B$24,21,0),MOD($C4145,24)+1)/SUM(INDEX($D$3:$AA$30,INDEX(Jesper!$R$2:$R$366,ROW(INDEX(Jesper!AI$2:AI$366,ROUNDDOWN($C4145/24,0)+1,1))-1)+IF('Standard Profiles'!$G$19=$B$10,7,0)+IF('Standard Profiles'!$G$19=$B$17,14,0)+IF('Standard Profiles'!$G$19=$B$24,21,0),0)),0)</f>
        <v>0</v>
      </c>
      <c r="F4145" cm="1">
        <f t="array" ref="F4145">IFERROR(INDEX(Jesper!AJ$2:AJ$366,ROUNDDOWN($C4145/24,0)+1,1)*INDEX($D$3:$AA$30,INDEX(Jesper!$R$2:$R$366,ROW(INDEX(Jesper!AJ$2:AJ$366,ROUNDDOWN($C4145/24,0)+1,1))-1)+IF('Standard Profiles'!$G$20=$B$10,7,0)+IF('Standard Profiles'!$G$20=$B$17,14,0)+IF('Standard Profiles'!$G$20=$B$24,21,0),MOD($C4145,24)+1)/SUM(INDEX($D$3:$AA$30,INDEX(Jesper!$R$2:$R$366,ROW(INDEX(Jesper!AJ$2:AJ$366,ROUNDDOWN($C4145/24,0)+1,1))-1)+IF('Standard Profiles'!$G$20=$B$10,7,0)+IF('Standard Profiles'!$G$20=$B$17,14,0)+IF('Standard Profiles'!$G$20=$B$24,21,0),0)),0)</f>
        <v>0</v>
      </c>
      <c r="G4145" cm="1">
        <f t="array" ref="G4145">IFERROR(INDEX(Jesper!AK$2:AK$366,ROUNDDOWN($C4145/24,0)+1,1)*INDEX($D$3:$AA$30,INDEX(Jesper!$R$2:$R$366,ROW(INDEX(Jesper!AK$2:AK$366,ROUNDDOWN($C4145/24,0)+1,1))-1)+IF('Standard Profiles'!$G$21=$B$10,7,0)+IF('Standard Profiles'!$G$21=$B$17,14,0)+IF('Standard Profiles'!$G$21=$B$24,21,0),MOD($C4145,24)+1)/SUM(INDEX($D$3:$AA$30,INDEX(Jesper!$R$2:$R$366,ROW(INDEX(Jesper!AK$2:AK$366,ROUNDDOWN($C4145/24,0)+1,1))-1)+IF('Standard Profiles'!$G$21=$B$10,7,0)+IF('Standard Profiles'!$G$21=$B$17,14,0)+IF('Standard Profiles'!$G$21=$B$24,21,0),0)),0)</f>
        <v>0</v>
      </c>
      <c r="H4145" cm="1">
        <f t="array" ref="H4145">IFERROR(INDEX(Jesper!AL$2:AL$366,ROUNDDOWN($C4145/24,0)+1,1)*INDEX($D$3:$AA$30,INDEX(Jesper!$R$2:$R$366,ROW(INDEX(Jesper!AL$2:AL$366,ROUNDDOWN($C4145/24,0)+1,1))-1)+IF('Standard Profiles'!$G$22=$B$10,7,0)+IF('Standard Profiles'!$G$22=$B$17,14,0)+IF('Standard Profiles'!$G$22=$B$24,21,0),MOD($C4145,24)+1)/SUM(INDEX($D$3:$AA$30,INDEX(Jesper!$R$2:$R$366,ROW(INDEX(Jesper!AL$2:AL$366,ROUNDDOWN($C4145/24,0)+1,1))-1)+IF('Standard Profiles'!$G$22=$B$10,7,0)+IF('Standard Profiles'!$G$22=$B$17,14,0)+IF('Standard Profiles'!$G$22=$B$24,21,0),0)),0)</f>
        <v>0</v>
      </c>
      <c r="I4145">
        <f t="shared" si="468"/>
        <v>0.29187561824341557</v>
      </c>
      <c r="J4145">
        <f t="shared" si="469"/>
        <v>0.97291872747805197</v>
      </c>
      <c r="K4145">
        <f t="shared" si="470"/>
        <v>1.459378091217078</v>
      </c>
      <c r="L4145">
        <f t="shared" si="471"/>
        <v>7.0050148378419737</v>
      </c>
      <c r="M4145">
        <f t="shared" si="472"/>
        <v>0</v>
      </c>
      <c r="N4145" s="46">
        <f t="shared" si="473"/>
        <v>45463.291666656696</v>
      </c>
    </row>
    <row r="4146" spans="2:14" x14ac:dyDescent="0.3">
      <c r="B4146">
        <f t="shared" si="467"/>
        <v>4</v>
      </c>
      <c r="C4146" s="16">
        <v>4112</v>
      </c>
      <c r="D4146" cm="1">
        <f t="array" ref="D4146">IFERROR(INDEX(Jesper!AH$2:AH$366,ROUNDDOWN($C4146/24,0)+1,1)*INDEX($D$3:$AA$30,INDEX(Jesper!$R$2:$R$366,ROW(INDEX(Jesper!AH$2:AH$366,ROUNDDOWN($C4146/24,0)+1,1))-1)+IF('Standard Profiles'!$G$18=$B$10,7,0)+IF('Standard Profiles'!$G$18=$B$17,14,0)+IF('Standard Profiles'!$G$18=$B$24,21,0),MOD($C4146,24)+1)/SUM(INDEX($D$3:$AA$30,INDEX(Jesper!$R$2:$R$366,ROW(INDEX(Jesper!AH$2:AH$366,ROUNDDOWN($C4146/24,0)+1,1))-1)+IF('Standard Profiles'!$G$18=$B$10,7,0)+IF('Standard Profiles'!$G$18=$B$17,14,0)+IF('Standard Profiles'!$G$18=$B$24,21,0),0)),0)</f>
        <v>9.7291872747805197</v>
      </c>
      <c r="E4146" cm="1">
        <f t="array" ref="E4146">IFERROR(INDEX(Jesper!AI$2:AI$366,ROUNDDOWN($C4146/24,0)+1,1)*INDEX($D$3:$AA$30,INDEX(Jesper!$R$2:$R$366,ROW(INDEX(Jesper!AI$2:AI$366,ROUNDDOWN($C4146/24,0)+1,1))-1)+IF('Standard Profiles'!$G$19=$B$10,7,0)+IF('Standard Profiles'!$G$19=$B$17,14,0)+IF('Standard Profiles'!$G$19=$B$24,21,0),MOD($C4146,24)+1)/SUM(INDEX($D$3:$AA$30,INDEX(Jesper!$R$2:$R$366,ROW(INDEX(Jesper!AI$2:AI$366,ROUNDDOWN($C4146/24,0)+1,1))-1)+IF('Standard Profiles'!$G$19=$B$10,7,0)+IF('Standard Profiles'!$G$19=$B$17,14,0)+IF('Standard Profiles'!$G$19=$B$24,21,0),0)),0)</f>
        <v>0</v>
      </c>
      <c r="F4146" cm="1">
        <f t="array" ref="F4146">IFERROR(INDEX(Jesper!AJ$2:AJ$366,ROUNDDOWN($C4146/24,0)+1,1)*INDEX($D$3:$AA$30,INDEX(Jesper!$R$2:$R$366,ROW(INDEX(Jesper!AJ$2:AJ$366,ROUNDDOWN($C4146/24,0)+1,1))-1)+IF('Standard Profiles'!$G$20=$B$10,7,0)+IF('Standard Profiles'!$G$20=$B$17,14,0)+IF('Standard Profiles'!$G$20=$B$24,21,0),MOD($C4146,24)+1)/SUM(INDEX($D$3:$AA$30,INDEX(Jesper!$R$2:$R$366,ROW(INDEX(Jesper!AJ$2:AJ$366,ROUNDDOWN($C4146/24,0)+1,1))-1)+IF('Standard Profiles'!$G$20=$B$10,7,0)+IF('Standard Profiles'!$G$20=$B$17,14,0)+IF('Standard Profiles'!$G$20=$B$24,21,0),0)),0)</f>
        <v>0</v>
      </c>
      <c r="G4146" cm="1">
        <f t="array" ref="G4146">IFERROR(INDEX(Jesper!AK$2:AK$366,ROUNDDOWN($C4146/24,0)+1,1)*INDEX($D$3:$AA$30,INDEX(Jesper!$R$2:$R$366,ROW(INDEX(Jesper!AK$2:AK$366,ROUNDDOWN($C4146/24,0)+1,1))-1)+IF('Standard Profiles'!$G$21=$B$10,7,0)+IF('Standard Profiles'!$G$21=$B$17,14,0)+IF('Standard Profiles'!$G$21=$B$24,21,0),MOD($C4146,24)+1)/SUM(INDEX($D$3:$AA$30,INDEX(Jesper!$R$2:$R$366,ROW(INDEX(Jesper!AK$2:AK$366,ROUNDDOWN($C4146/24,0)+1,1))-1)+IF('Standard Profiles'!$G$21=$B$10,7,0)+IF('Standard Profiles'!$G$21=$B$17,14,0)+IF('Standard Profiles'!$G$21=$B$24,21,0),0)),0)</f>
        <v>0</v>
      </c>
      <c r="H4146" cm="1">
        <f t="array" ref="H4146">IFERROR(INDEX(Jesper!AL$2:AL$366,ROUNDDOWN($C4146/24,0)+1,1)*INDEX($D$3:$AA$30,INDEX(Jesper!$R$2:$R$366,ROW(INDEX(Jesper!AL$2:AL$366,ROUNDDOWN($C4146/24,0)+1,1))-1)+IF('Standard Profiles'!$G$22=$B$10,7,0)+IF('Standard Profiles'!$G$22=$B$17,14,0)+IF('Standard Profiles'!$G$22=$B$24,21,0),MOD($C4146,24)+1)/SUM(INDEX($D$3:$AA$30,INDEX(Jesper!$R$2:$R$366,ROW(INDEX(Jesper!AL$2:AL$366,ROUNDDOWN($C4146/24,0)+1,1))-1)+IF('Standard Profiles'!$G$22=$B$10,7,0)+IF('Standard Profiles'!$G$22=$B$17,14,0)+IF('Standard Profiles'!$G$22=$B$24,21,0),0)),0)</f>
        <v>0</v>
      </c>
      <c r="I4146">
        <f t="shared" si="468"/>
        <v>0.29187561824341557</v>
      </c>
      <c r="J4146">
        <f t="shared" si="469"/>
        <v>0.97291872747805197</v>
      </c>
      <c r="K4146">
        <f t="shared" si="470"/>
        <v>1.459378091217078</v>
      </c>
      <c r="L4146">
        <f t="shared" si="471"/>
        <v>7.0050148378419737</v>
      </c>
      <c r="M4146">
        <f t="shared" si="472"/>
        <v>0</v>
      </c>
      <c r="N4146" s="46">
        <f t="shared" si="473"/>
        <v>45463.33333332336</v>
      </c>
    </row>
    <row r="4147" spans="2:14" x14ac:dyDescent="0.3">
      <c r="B4147">
        <f t="shared" si="467"/>
        <v>4</v>
      </c>
      <c r="C4147" s="16">
        <v>4113</v>
      </c>
      <c r="D4147" cm="1">
        <f t="array" ref="D4147">IFERROR(INDEX(Jesper!AH$2:AH$366,ROUNDDOWN($C4147/24,0)+1,1)*INDEX($D$3:$AA$30,INDEX(Jesper!$R$2:$R$366,ROW(INDEX(Jesper!AH$2:AH$366,ROUNDDOWN($C4147/24,0)+1,1))-1)+IF('Standard Profiles'!$G$18=$B$10,7,0)+IF('Standard Profiles'!$G$18=$B$17,14,0)+IF('Standard Profiles'!$G$18=$B$24,21,0),MOD($C4147,24)+1)/SUM(INDEX($D$3:$AA$30,INDEX(Jesper!$R$2:$R$366,ROW(INDEX(Jesper!AH$2:AH$366,ROUNDDOWN($C4147/24,0)+1,1))-1)+IF('Standard Profiles'!$G$18=$B$10,7,0)+IF('Standard Profiles'!$G$18=$B$17,14,0)+IF('Standard Profiles'!$G$18=$B$24,21,0),0)),0)</f>
        <v>10.455246026629812</v>
      </c>
      <c r="E4147" cm="1">
        <f t="array" ref="E4147">IFERROR(INDEX(Jesper!AI$2:AI$366,ROUNDDOWN($C4147/24,0)+1,1)*INDEX($D$3:$AA$30,INDEX(Jesper!$R$2:$R$366,ROW(INDEX(Jesper!AI$2:AI$366,ROUNDDOWN($C4147/24,0)+1,1))-1)+IF('Standard Profiles'!$G$19=$B$10,7,0)+IF('Standard Profiles'!$G$19=$B$17,14,0)+IF('Standard Profiles'!$G$19=$B$24,21,0),MOD($C4147,24)+1)/SUM(INDEX($D$3:$AA$30,INDEX(Jesper!$R$2:$R$366,ROW(INDEX(Jesper!AI$2:AI$366,ROUNDDOWN($C4147/24,0)+1,1))-1)+IF('Standard Profiles'!$G$19=$B$10,7,0)+IF('Standard Profiles'!$G$19=$B$17,14,0)+IF('Standard Profiles'!$G$19=$B$24,21,0),0)),0)</f>
        <v>0</v>
      </c>
      <c r="F4147" cm="1">
        <f t="array" ref="F4147">IFERROR(INDEX(Jesper!AJ$2:AJ$366,ROUNDDOWN($C4147/24,0)+1,1)*INDEX($D$3:$AA$30,INDEX(Jesper!$R$2:$R$366,ROW(INDEX(Jesper!AJ$2:AJ$366,ROUNDDOWN($C4147/24,0)+1,1))-1)+IF('Standard Profiles'!$G$20=$B$10,7,0)+IF('Standard Profiles'!$G$20=$B$17,14,0)+IF('Standard Profiles'!$G$20=$B$24,21,0),MOD($C4147,24)+1)/SUM(INDEX($D$3:$AA$30,INDEX(Jesper!$R$2:$R$366,ROW(INDEX(Jesper!AJ$2:AJ$366,ROUNDDOWN($C4147/24,0)+1,1))-1)+IF('Standard Profiles'!$G$20=$B$10,7,0)+IF('Standard Profiles'!$G$20=$B$17,14,0)+IF('Standard Profiles'!$G$20=$B$24,21,0),0)),0)</f>
        <v>0</v>
      </c>
      <c r="G4147" cm="1">
        <f t="array" ref="G4147">IFERROR(INDEX(Jesper!AK$2:AK$366,ROUNDDOWN($C4147/24,0)+1,1)*INDEX($D$3:$AA$30,INDEX(Jesper!$R$2:$R$366,ROW(INDEX(Jesper!AK$2:AK$366,ROUNDDOWN($C4147/24,0)+1,1))-1)+IF('Standard Profiles'!$G$21=$B$10,7,0)+IF('Standard Profiles'!$G$21=$B$17,14,0)+IF('Standard Profiles'!$G$21=$B$24,21,0),MOD($C4147,24)+1)/SUM(INDEX($D$3:$AA$30,INDEX(Jesper!$R$2:$R$366,ROW(INDEX(Jesper!AK$2:AK$366,ROUNDDOWN($C4147/24,0)+1,1))-1)+IF('Standard Profiles'!$G$21=$B$10,7,0)+IF('Standard Profiles'!$G$21=$B$17,14,0)+IF('Standard Profiles'!$G$21=$B$24,21,0),0)),0)</f>
        <v>0</v>
      </c>
      <c r="H4147" cm="1">
        <f t="array" ref="H4147">IFERROR(INDEX(Jesper!AL$2:AL$366,ROUNDDOWN($C4147/24,0)+1,1)*INDEX($D$3:$AA$30,INDEX(Jesper!$R$2:$R$366,ROW(INDEX(Jesper!AL$2:AL$366,ROUNDDOWN($C4147/24,0)+1,1))-1)+IF('Standard Profiles'!$G$22=$B$10,7,0)+IF('Standard Profiles'!$G$22=$B$17,14,0)+IF('Standard Profiles'!$G$22=$B$24,21,0),MOD($C4147,24)+1)/SUM(INDEX($D$3:$AA$30,INDEX(Jesper!$R$2:$R$366,ROW(INDEX(Jesper!AL$2:AL$366,ROUNDDOWN($C4147/24,0)+1,1))-1)+IF('Standard Profiles'!$G$22=$B$10,7,0)+IF('Standard Profiles'!$G$22=$B$17,14,0)+IF('Standard Profiles'!$G$22=$B$24,21,0),0)),0)</f>
        <v>0</v>
      </c>
      <c r="I4147">
        <f t="shared" si="468"/>
        <v>0.31365738079889433</v>
      </c>
      <c r="J4147">
        <f t="shared" si="469"/>
        <v>1.0455246026629812</v>
      </c>
      <c r="K4147">
        <f t="shared" si="470"/>
        <v>1.5682869039944718</v>
      </c>
      <c r="L4147">
        <f t="shared" si="471"/>
        <v>7.5277771391734642</v>
      </c>
      <c r="M4147">
        <f t="shared" si="472"/>
        <v>0</v>
      </c>
      <c r="N4147" s="46">
        <f t="shared" si="473"/>
        <v>45463.374999990025</v>
      </c>
    </row>
    <row r="4148" spans="2:14" x14ac:dyDescent="0.3">
      <c r="B4148">
        <f t="shared" si="467"/>
        <v>4</v>
      </c>
      <c r="C4148" s="16">
        <v>4114</v>
      </c>
      <c r="D4148" cm="1">
        <f t="array" ref="D4148">IFERROR(INDEX(Jesper!AH$2:AH$366,ROUNDDOWN($C4148/24,0)+1,1)*INDEX($D$3:$AA$30,INDEX(Jesper!$R$2:$R$366,ROW(INDEX(Jesper!AH$2:AH$366,ROUNDDOWN($C4148/24,0)+1,1))-1)+IF('Standard Profiles'!$G$18=$B$10,7,0)+IF('Standard Profiles'!$G$18=$B$17,14,0)+IF('Standard Profiles'!$G$18=$B$24,21,0),MOD($C4148,24)+1)/SUM(INDEX($D$3:$AA$30,INDEX(Jesper!$R$2:$R$366,ROW(INDEX(Jesper!AH$2:AH$366,ROUNDDOWN($C4148/24,0)+1,1))-1)+IF('Standard Profiles'!$G$18=$B$10,7,0)+IF('Standard Profiles'!$G$18=$B$17,14,0)+IF('Standard Profiles'!$G$18=$B$24,21,0),0)),0)</f>
        <v>11.326516528848963</v>
      </c>
      <c r="E4148" cm="1">
        <f t="array" ref="E4148">IFERROR(INDEX(Jesper!AI$2:AI$366,ROUNDDOWN($C4148/24,0)+1,1)*INDEX($D$3:$AA$30,INDEX(Jesper!$R$2:$R$366,ROW(INDEX(Jesper!AI$2:AI$366,ROUNDDOWN($C4148/24,0)+1,1))-1)+IF('Standard Profiles'!$G$19=$B$10,7,0)+IF('Standard Profiles'!$G$19=$B$17,14,0)+IF('Standard Profiles'!$G$19=$B$24,21,0),MOD($C4148,24)+1)/SUM(INDEX($D$3:$AA$30,INDEX(Jesper!$R$2:$R$366,ROW(INDEX(Jesper!AI$2:AI$366,ROUNDDOWN($C4148/24,0)+1,1))-1)+IF('Standard Profiles'!$G$19=$B$10,7,0)+IF('Standard Profiles'!$G$19=$B$17,14,0)+IF('Standard Profiles'!$G$19=$B$24,21,0),0)),0)</f>
        <v>0</v>
      </c>
      <c r="F4148" cm="1">
        <f t="array" ref="F4148">IFERROR(INDEX(Jesper!AJ$2:AJ$366,ROUNDDOWN($C4148/24,0)+1,1)*INDEX($D$3:$AA$30,INDEX(Jesper!$R$2:$R$366,ROW(INDEX(Jesper!AJ$2:AJ$366,ROUNDDOWN($C4148/24,0)+1,1))-1)+IF('Standard Profiles'!$G$20=$B$10,7,0)+IF('Standard Profiles'!$G$20=$B$17,14,0)+IF('Standard Profiles'!$G$20=$B$24,21,0),MOD($C4148,24)+1)/SUM(INDEX($D$3:$AA$30,INDEX(Jesper!$R$2:$R$366,ROW(INDEX(Jesper!AJ$2:AJ$366,ROUNDDOWN($C4148/24,0)+1,1))-1)+IF('Standard Profiles'!$G$20=$B$10,7,0)+IF('Standard Profiles'!$G$20=$B$17,14,0)+IF('Standard Profiles'!$G$20=$B$24,21,0),0)),0)</f>
        <v>0</v>
      </c>
      <c r="G4148" cm="1">
        <f t="array" ref="G4148">IFERROR(INDEX(Jesper!AK$2:AK$366,ROUNDDOWN($C4148/24,0)+1,1)*INDEX($D$3:$AA$30,INDEX(Jesper!$R$2:$R$366,ROW(INDEX(Jesper!AK$2:AK$366,ROUNDDOWN($C4148/24,0)+1,1))-1)+IF('Standard Profiles'!$G$21=$B$10,7,0)+IF('Standard Profiles'!$G$21=$B$17,14,0)+IF('Standard Profiles'!$G$21=$B$24,21,0),MOD($C4148,24)+1)/SUM(INDEX($D$3:$AA$30,INDEX(Jesper!$R$2:$R$366,ROW(INDEX(Jesper!AK$2:AK$366,ROUNDDOWN($C4148/24,0)+1,1))-1)+IF('Standard Profiles'!$G$21=$B$10,7,0)+IF('Standard Profiles'!$G$21=$B$17,14,0)+IF('Standard Profiles'!$G$21=$B$24,21,0),0)),0)</f>
        <v>0</v>
      </c>
      <c r="H4148" cm="1">
        <f t="array" ref="H4148">IFERROR(INDEX(Jesper!AL$2:AL$366,ROUNDDOWN($C4148/24,0)+1,1)*INDEX($D$3:$AA$30,INDEX(Jesper!$R$2:$R$366,ROW(INDEX(Jesper!AL$2:AL$366,ROUNDDOWN($C4148/24,0)+1,1))-1)+IF('Standard Profiles'!$G$22=$B$10,7,0)+IF('Standard Profiles'!$G$22=$B$17,14,0)+IF('Standard Profiles'!$G$22=$B$24,21,0),MOD($C4148,24)+1)/SUM(INDEX($D$3:$AA$30,INDEX(Jesper!$R$2:$R$366,ROW(INDEX(Jesper!AL$2:AL$366,ROUNDDOWN($C4148/24,0)+1,1))-1)+IF('Standard Profiles'!$G$22=$B$10,7,0)+IF('Standard Profiles'!$G$22=$B$17,14,0)+IF('Standard Profiles'!$G$22=$B$24,21,0),0)),0)</f>
        <v>0</v>
      </c>
      <c r="I4148">
        <f t="shared" si="468"/>
        <v>0.33979549586546887</v>
      </c>
      <c r="J4148">
        <f t="shared" si="469"/>
        <v>1.1326516528848962</v>
      </c>
      <c r="K4148">
        <f t="shared" si="470"/>
        <v>1.6989774793273444</v>
      </c>
      <c r="L4148">
        <f t="shared" si="471"/>
        <v>8.1550919007712537</v>
      </c>
      <c r="M4148">
        <f t="shared" si="472"/>
        <v>0</v>
      </c>
      <c r="N4148" s="46">
        <f t="shared" si="473"/>
        <v>45463.416666656689</v>
      </c>
    </row>
    <row r="4149" spans="2:14" x14ac:dyDescent="0.3">
      <c r="B4149">
        <f t="shared" si="467"/>
        <v>4</v>
      </c>
      <c r="C4149" s="16">
        <v>4115</v>
      </c>
      <c r="D4149" cm="1">
        <f t="array" ref="D4149">IFERROR(INDEX(Jesper!AH$2:AH$366,ROUNDDOWN($C4149/24,0)+1,1)*INDEX($D$3:$AA$30,INDEX(Jesper!$R$2:$R$366,ROW(INDEX(Jesper!AH$2:AH$366,ROUNDDOWN($C4149/24,0)+1,1))-1)+IF('Standard Profiles'!$G$18=$B$10,7,0)+IF('Standard Profiles'!$G$18=$B$17,14,0)+IF('Standard Profiles'!$G$18=$B$24,21,0),MOD($C4149,24)+1)/SUM(INDEX($D$3:$AA$30,INDEX(Jesper!$R$2:$R$366,ROW(INDEX(Jesper!AH$2:AH$366,ROUNDDOWN($C4149/24,0)+1,1))-1)+IF('Standard Profiles'!$G$18=$B$10,7,0)+IF('Standard Profiles'!$G$18=$B$17,14,0)+IF('Standard Profiles'!$G$18=$B$24,21,0),0)),0)</f>
        <v>13.069057533287266</v>
      </c>
      <c r="E4149" cm="1">
        <f t="array" ref="E4149">IFERROR(INDEX(Jesper!AI$2:AI$366,ROUNDDOWN($C4149/24,0)+1,1)*INDEX($D$3:$AA$30,INDEX(Jesper!$R$2:$R$366,ROW(INDEX(Jesper!AI$2:AI$366,ROUNDDOWN($C4149/24,0)+1,1))-1)+IF('Standard Profiles'!$G$19=$B$10,7,0)+IF('Standard Profiles'!$G$19=$B$17,14,0)+IF('Standard Profiles'!$G$19=$B$24,21,0),MOD($C4149,24)+1)/SUM(INDEX($D$3:$AA$30,INDEX(Jesper!$R$2:$R$366,ROW(INDEX(Jesper!AI$2:AI$366,ROUNDDOWN($C4149/24,0)+1,1))-1)+IF('Standard Profiles'!$G$19=$B$10,7,0)+IF('Standard Profiles'!$G$19=$B$17,14,0)+IF('Standard Profiles'!$G$19=$B$24,21,0),0)),0)</f>
        <v>0</v>
      </c>
      <c r="F4149" cm="1">
        <f t="array" ref="F4149">IFERROR(INDEX(Jesper!AJ$2:AJ$366,ROUNDDOWN($C4149/24,0)+1,1)*INDEX($D$3:$AA$30,INDEX(Jesper!$R$2:$R$366,ROW(INDEX(Jesper!AJ$2:AJ$366,ROUNDDOWN($C4149/24,0)+1,1))-1)+IF('Standard Profiles'!$G$20=$B$10,7,0)+IF('Standard Profiles'!$G$20=$B$17,14,0)+IF('Standard Profiles'!$G$20=$B$24,21,0),MOD($C4149,24)+1)/SUM(INDEX($D$3:$AA$30,INDEX(Jesper!$R$2:$R$366,ROW(INDEX(Jesper!AJ$2:AJ$366,ROUNDDOWN($C4149/24,0)+1,1))-1)+IF('Standard Profiles'!$G$20=$B$10,7,0)+IF('Standard Profiles'!$G$20=$B$17,14,0)+IF('Standard Profiles'!$G$20=$B$24,21,0),0)),0)</f>
        <v>0</v>
      </c>
      <c r="G4149" cm="1">
        <f t="array" ref="G4149">IFERROR(INDEX(Jesper!AK$2:AK$366,ROUNDDOWN($C4149/24,0)+1,1)*INDEX($D$3:$AA$30,INDEX(Jesper!$R$2:$R$366,ROW(INDEX(Jesper!AK$2:AK$366,ROUNDDOWN($C4149/24,0)+1,1))-1)+IF('Standard Profiles'!$G$21=$B$10,7,0)+IF('Standard Profiles'!$G$21=$B$17,14,0)+IF('Standard Profiles'!$G$21=$B$24,21,0),MOD($C4149,24)+1)/SUM(INDEX($D$3:$AA$30,INDEX(Jesper!$R$2:$R$366,ROW(INDEX(Jesper!AK$2:AK$366,ROUNDDOWN($C4149/24,0)+1,1))-1)+IF('Standard Profiles'!$G$21=$B$10,7,0)+IF('Standard Profiles'!$G$21=$B$17,14,0)+IF('Standard Profiles'!$G$21=$B$24,21,0),0)),0)</f>
        <v>0</v>
      </c>
      <c r="H4149" cm="1">
        <f t="array" ref="H4149">IFERROR(INDEX(Jesper!AL$2:AL$366,ROUNDDOWN($C4149/24,0)+1,1)*INDEX($D$3:$AA$30,INDEX(Jesper!$R$2:$R$366,ROW(INDEX(Jesper!AL$2:AL$366,ROUNDDOWN($C4149/24,0)+1,1))-1)+IF('Standard Profiles'!$G$22=$B$10,7,0)+IF('Standard Profiles'!$G$22=$B$17,14,0)+IF('Standard Profiles'!$G$22=$B$24,21,0),MOD($C4149,24)+1)/SUM(INDEX($D$3:$AA$30,INDEX(Jesper!$R$2:$R$366,ROW(INDEX(Jesper!AL$2:AL$366,ROUNDDOWN($C4149/24,0)+1,1))-1)+IF('Standard Profiles'!$G$22=$B$10,7,0)+IF('Standard Profiles'!$G$22=$B$17,14,0)+IF('Standard Profiles'!$G$22=$B$24,21,0),0)),0)</f>
        <v>0</v>
      </c>
      <c r="I4149">
        <f t="shared" si="468"/>
        <v>0.39207172599861795</v>
      </c>
      <c r="J4149">
        <f t="shared" si="469"/>
        <v>1.3069057533287267</v>
      </c>
      <c r="K4149">
        <f t="shared" si="470"/>
        <v>1.9603586299930897</v>
      </c>
      <c r="L4149">
        <f t="shared" si="471"/>
        <v>9.4097214239668308</v>
      </c>
      <c r="M4149">
        <f t="shared" si="472"/>
        <v>0</v>
      </c>
      <c r="N4149" s="46">
        <f t="shared" si="473"/>
        <v>45463.458333323353</v>
      </c>
    </row>
    <row r="4150" spans="2:14" x14ac:dyDescent="0.3">
      <c r="B4150">
        <f t="shared" si="467"/>
        <v>4</v>
      </c>
      <c r="C4150" s="16">
        <v>4116</v>
      </c>
      <c r="D4150" cm="1">
        <f t="array" ref="D4150">IFERROR(INDEX(Jesper!AH$2:AH$366,ROUNDDOWN($C4150/24,0)+1,1)*INDEX($D$3:$AA$30,INDEX(Jesper!$R$2:$R$366,ROW(INDEX(Jesper!AH$2:AH$366,ROUNDDOWN($C4150/24,0)+1,1))-1)+IF('Standard Profiles'!$G$18=$B$10,7,0)+IF('Standard Profiles'!$G$18=$B$17,14,0)+IF('Standard Profiles'!$G$18=$B$24,21,0),MOD($C4150,24)+1)/SUM(INDEX($D$3:$AA$30,INDEX(Jesper!$R$2:$R$366,ROW(INDEX(Jesper!AH$2:AH$366,ROUNDDOWN($C4150/24,0)+1,1))-1)+IF('Standard Profiles'!$G$18=$B$10,7,0)+IF('Standard Profiles'!$G$18=$B$17,14,0)+IF('Standard Profiles'!$G$18=$B$24,21,0),0)),0)</f>
        <v>13.069057533287266</v>
      </c>
      <c r="E4150" cm="1">
        <f t="array" ref="E4150">IFERROR(INDEX(Jesper!AI$2:AI$366,ROUNDDOWN($C4150/24,0)+1,1)*INDEX($D$3:$AA$30,INDEX(Jesper!$R$2:$R$366,ROW(INDEX(Jesper!AI$2:AI$366,ROUNDDOWN($C4150/24,0)+1,1))-1)+IF('Standard Profiles'!$G$19=$B$10,7,0)+IF('Standard Profiles'!$G$19=$B$17,14,0)+IF('Standard Profiles'!$G$19=$B$24,21,0),MOD($C4150,24)+1)/SUM(INDEX($D$3:$AA$30,INDEX(Jesper!$R$2:$R$366,ROW(INDEX(Jesper!AI$2:AI$366,ROUNDDOWN($C4150/24,0)+1,1))-1)+IF('Standard Profiles'!$G$19=$B$10,7,0)+IF('Standard Profiles'!$G$19=$B$17,14,0)+IF('Standard Profiles'!$G$19=$B$24,21,0),0)),0)</f>
        <v>0</v>
      </c>
      <c r="F4150" cm="1">
        <f t="array" ref="F4150">IFERROR(INDEX(Jesper!AJ$2:AJ$366,ROUNDDOWN($C4150/24,0)+1,1)*INDEX($D$3:$AA$30,INDEX(Jesper!$R$2:$R$366,ROW(INDEX(Jesper!AJ$2:AJ$366,ROUNDDOWN($C4150/24,0)+1,1))-1)+IF('Standard Profiles'!$G$20=$B$10,7,0)+IF('Standard Profiles'!$G$20=$B$17,14,0)+IF('Standard Profiles'!$G$20=$B$24,21,0),MOD($C4150,24)+1)/SUM(INDEX($D$3:$AA$30,INDEX(Jesper!$R$2:$R$366,ROW(INDEX(Jesper!AJ$2:AJ$366,ROUNDDOWN($C4150/24,0)+1,1))-1)+IF('Standard Profiles'!$G$20=$B$10,7,0)+IF('Standard Profiles'!$G$20=$B$17,14,0)+IF('Standard Profiles'!$G$20=$B$24,21,0),0)),0)</f>
        <v>0</v>
      </c>
      <c r="G4150" cm="1">
        <f t="array" ref="G4150">IFERROR(INDEX(Jesper!AK$2:AK$366,ROUNDDOWN($C4150/24,0)+1,1)*INDEX($D$3:$AA$30,INDEX(Jesper!$R$2:$R$366,ROW(INDEX(Jesper!AK$2:AK$366,ROUNDDOWN($C4150/24,0)+1,1))-1)+IF('Standard Profiles'!$G$21=$B$10,7,0)+IF('Standard Profiles'!$G$21=$B$17,14,0)+IF('Standard Profiles'!$G$21=$B$24,21,0),MOD($C4150,24)+1)/SUM(INDEX($D$3:$AA$30,INDEX(Jesper!$R$2:$R$366,ROW(INDEX(Jesper!AK$2:AK$366,ROUNDDOWN($C4150/24,0)+1,1))-1)+IF('Standard Profiles'!$G$21=$B$10,7,0)+IF('Standard Profiles'!$G$21=$B$17,14,0)+IF('Standard Profiles'!$G$21=$B$24,21,0),0)),0)</f>
        <v>0</v>
      </c>
      <c r="H4150" cm="1">
        <f t="array" ref="H4150">IFERROR(INDEX(Jesper!AL$2:AL$366,ROUNDDOWN($C4150/24,0)+1,1)*INDEX($D$3:$AA$30,INDEX(Jesper!$R$2:$R$366,ROW(INDEX(Jesper!AL$2:AL$366,ROUNDDOWN($C4150/24,0)+1,1))-1)+IF('Standard Profiles'!$G$22=$B$10,7,0)+IF('Standard Profiles'!$G$22=$B$17,14,0)+IF('Standard Profiles'!$G$22=$B$24,21,0),MOD($C4150,24)+1)/SUM(INDEX($D$3:$AA$30,INDEX(Jesper!$R$2:$R$366,ROW(INDEX(Jesper!AL$2:AL$366,ROUNDDOWN($C4150/24,0)+1,1))-1)+IF('Standard Profiles'!$G$22=$B$10,7,0)+IF('Standard Profiles'!$G$22=$B$17,14,0)+IF('Standard Profiles'!$G$22=$B$24,21,0),0)),0)</f>
        <v>0</v>
      </c>
      <c r="I4150">
        <f t="shared" si="468"/>
        <v>0.39207172599861795</v>
      </c>
      <c r="J4150">
        <f t="shared" si="469"/>
        <v>1.3069057533287267</v>
      </c>
      <c r="K4150">
        <f t="shared" si="470"/>
        <v>1.9603586299930897</v>
      </c>
      <c r="L4150">
        <f t="shared" si="471"/>
        <v>9.4097214239668308</v>
      </c>
      <c r="M4150">
        <f t="shared" si="472"/>
        <v>0</v>
      </c>
      <c r="N4150" s="46">
        <f t="shared" si="473"/>
        <v>45463.499999990017</v>
      </c>
    </row>
    <row r="4151" spans="2:14" x14ac:dyDescent="0.3">
      <c r="B4151">
        <f t="shared" si="467"/>
        <v>4</v>
      </c>
      <c r="C4151" s="16">
        <v>4117</v>
      </c>
      <c r="D4151" cm="1">
        <f t="array" ref="D4151">IFERROR(INDEX(Jesper!AH$2:AH$366,ROUNDDOWN($C4151/24,0)+1,1)*INDEX($D$3:$AA$30,INDEX(Jesper!$R$2:$R$366,ROW(INDEX(Jesper!AH$2:AH$366,ROUNDDOWN($C4151/24,0)+1,1))-1)+IF('Standard Profiles'!$G$18=$B$10,7,0)+IF('Standard Profiles'!$G$18=$B$17,14,0)+IF('Standard Profiles'!$G$18=$B$24,21,0),MOD($C4151,24)+1)/SUM(INDEX($D$3:$AA$30,INDEX(Jesper!$R$2:$R$366,ROW(INDEX(Jesper!AH$2:AH$366,ROUNDDOWN($C4151/24,0)+1,1))-1)+IF('Standard Profiles'!$G$18=$B$10,7,0)+IF('Standard Profiles'!$G$18=$B$17,14,0)+IF('Standard Profiles'!$G$18=$B$24,21,0),0)),0)</f>
        <v>13.069057533287266</v>
      </c>
      <c r="E4151" cm="1">
        <f t="array" ref="E4151">IFERROR(INDEX(Jesper!AI$2:AI$366,ROUNDDOWN($C4151/24,0)+1,1)*INDEX($D$3:$AA$30,INDEX(Jesper!$R$2:$R$366,ROW(INDEX(Jesper!AI$2:AI$366,ROUNDDOWN($C4151/24,0)+1,1))-1)+IF('Standard Profiles'!$G$19=$B$10,7,0)+IF('Standard Profiles'!$G$19=$B$17,14,0)+IF('Standard Profiles'!$G$19=$B$24,21,0),MOD($C4151,24)+1)/SUM(INDEX($D$3:$AA$30,INDEX(Jesper!$R$2:$R$366,ROW(INDEX(Jesper!AI$2:AI$366,ROUNDDOWN($C4151/24,0)+1,1))-1)+IF('Standard Profiles'!$G$19=$B$10,7,0)+IF('Standard Profiles'!$G$19=$B$17,14,0)+IF('Standard Profiles'!$G$19=$B$24,21,0),0)),0)</f>
        <v>0</v>
      </c>
      <c r="F4151" cm="1">
        <f t="array" ref="F4151">IFERROR(INDEX(Jesper!AJ$2:AJ$366,ROUNDDOWN($C4151/24,0)+1,1)*INDEX($D$3:$AA$30,INDEX(Jesper!$R$2:$R$366,ROW(INDEX(Jesper!AJ$2:AJ$366,ROUNDDOWN($C4151/24,0)+1,1))-1)+IF('Standard Profiles'!$G$20=$B$10,7,0)+IF('Standard Profiles'!$G$20=$B$17,14,0)+IF('Standard Profiles'!$G$20=$B$24,21,0),MOD($C4151,24)+1)/SUM(INDEX($D$3:$AA$30,INDEX(Jesper!$R$2:$R$366,ROW(INDEX(Jesper!AJ$2:AJ$366,ROUNDDOWN($C4151/24,0)+1,1))-1)+IF('Standard Profiles'!$G$20=$B$10,7,0)+IF('Standard Profiles'!$G$20=$B$17,14,0)+IF('Standard Profiles'!$G$20=$B$24,21,0),0)),0)</f>
        <v>0</v>
      </c>
      <c r="G4151" cm="1">
        <f t="array" ref="G4151">IFERROR(INDEX(Jesper!AK$2:AK$366,ROUNDDOWN($C4151/24,0)+1,1)*INDEX($D$3:$AA$30,INDEX(Jesper!$R$2:$R$366,ROW(INDEX(Jesper!AK$2:AK$366,ROUNDDOWN($C4151/24,0)+1,1))-1)+IF('Standard Profiles'!$G$21=$B$10,7,0)+IF('Standard Profiles'!$G$21=$B$17,14,0)+IF('Standard Profiles'!$G$21=$B$24,21,0),MOD($C4151,24)+1)/SUM(INDEX($D$3:$AA$30,INDEX(Jesper!$R$2:$R$366,ROW(INDEX(Jesper!AK$2:AK$366,ROUNDDOWN($C4151/24,0)+1,1))-1)+IF('Standard Profiles'!$G$21=$B$10,7,0)+IF('Standard Profiles'!$G$21=$B$17,14,0)+IF('Standard Profiles'!$G$21=$B$24,21,0),0)),0)</f>
        <v>0</v>
      </c>
      <c r="H4151" cm="1">
        <f t="array" ref="H4151">IFERROR(INDEX(Jesper!AL$2:AL$366,ROUNDDOWN($C4151/24,0)+1,1)*INDEX($D$3:$AA$30,INDEX(Jesper!$R$2:$R$366,ROW(INDEX(Jesper!AL$2:AL$366,ROUNDDOWN($C4151/24,0)+1,1))-1)+IF('Standard Profiles'!$G$22=$B$10,7,0)+IF('Standard Profiles'!$G$22=$B$17,14,0)+IF('Standard Profiles'!$G$22=$B$24,21,0),MOD($C4151,24)+1)/SUM(INDEX($D$3:$AA$30,INDEX(Jesper!$R$2:$R$366,ROW(INDEX(Jesper!AL$2:AL$366,ROUNDDOWN($C4151/24,0)+1,1))-1)+IF('Standard Profiles'!$G$22=$B$10,7,0)+IF('Standard Profiles'!$G$22=$B$17,14,0)+IF('Standard Profiles'!$G$22=$B$24,21,0),0)),0)</f>
        <v>0</v>
      </c>
      <c r="I4151">
        <f t="shared" si="468"/>
        <v>0.39207172599861795</v>
      </c>
      <c r="J4151">
        <f t="shared" si="469"/>
        <v>1.3069057533287267</v>
      </c>
      <c r="K4151">
        <f t="shared" si="470"/>
        <v>1.9603586299930897</v>
      </c>
      <c r="L4151">
        <f t="shared" si="471"/>
        <v>9.4097214239668308</v>
      </c>
      <c r="M4151">
        <f t="shared" si="472"/>
        <v>0</v>
      </c>
      <c r="N4151" s="46">
        <f t="shared" si="473"/>
        <v>45463.541666656682</v>
      </c>
    </row>
    <row r="4152" spans="2:14" x14ac:dyDescent="0.3">
      <c r="B4152">
        <f t="shared" si="467"/>
        <v>4</v>
      </c>
      <c r="C4152" s="16">
        <v>4118</v>
      </c>
      <c r="D4152" cm="1">
        <f t="array" ref="D4152">IFERROR(INDEX(Jesper!AH$2:AH$366,ROUNDDOWN($C4152/24,0)+1,1)*INDEX($D$3:$AA$30,INDEX(Jesper!$R$2:$R$366,ROW(INDEX(Jesper!AH$2:AH$366,ROUNDDOWN($C4152/24,0)+1,1))-1)+IF('Standard Profiles'!$G$18=$B$10,7,0)+IF('Standard Profiles'!$G$18=$B$17,14,0)+IF('Standard Profiles'!$G$18=$B$24,21,0),MOD($C4152,24)+1)/SUM(INDEX($D$3:$AA$30,INDEX(Jesper!$R$2:$R$366,ROW(INDEX(Jesper!AH$2:AH$366,ROUNDDOWN($C4152/24,0)+1,1))-1)+IF('Standard Profiles'!$G$18=$B$10,7,0)+IF('Standard Profiles'!$G$18=$B$17,14,0)+IF('Standard Profiles'!$G$18=$B$24,21,0),0)),0)</f>
        <v>13.069057533287266</v>
      </c>
      <c r="E4152" cm="1">
        <f t="array" ref="E4152">IFERROR(INDEX(Jesper!AI$2:AI$366,ROUNDDOWN($C4152/24,0)+1,1)*INDEX($D$3:$AA$30,INDEX(Jesper!$R$2:$R$366,ROW(INDEX(Jesper!AI$2:AI$366,ROUNDDOWN($C4152/24,0)+1,1))-1)+IF('Standard Profiles'!$G$19=$B$10,7,0)+IF('Standard Profiles'!$G$19=$B$17,14,0)+IF('Standard Profiles'!$G$19=$B$24,21,0),MOD($C4152,24)+1)/SUM(INDEX($D$3:$AA$30,INDEX(Jesper!$R$2:$R$366,ROW(INDEX(Jesper!AI$2:AI$366,ROUNDDOWN($C4152/24,0)+1,1))-1)+IF('Standard Profiles'!$G$19=$B$10,7,0)+IF('Standard Profiles'!$G$19=$B$17,14,0)+IF('Standard Profiles'!$G$19=$B$24,21,0),0)),0)</f>
        <v>0</v>
      </c>
      <c r="F4152" cm="1">
        <f t="array" ref="F4152">IFERROR(INDEX(Jesper!AJ$2:AJ$366,ROUNDDOWN($C4152/24,0)+1,1)*INDEX($D$3:$AA$30,INDEX(Jesper!$R$2:$R$366,ROW(INDEX(Jesper!AJ$2:AJ$366,ROUNDDOWN($C4152/24,0)+1,1))-1)+IF('Standard Profiles'!$G$20=$B$10,7,0)+IF('Standard Profiles'!$G$20=$B$17,14,0)+IF('Standard Profiles'!$G$20=$B$24,21,0),MOD($C4152,24)+1)/SUM(INDEX($D$3:$AA$30,INDEX(Jesper!$R$2:$R$366,ROW(INDEX(Jesper!AJ$2:AJ$366,ROUNDDOWN($C4152/24,0)+1,1))-1)+IF('Standard Profiles'!$G$20=$B$10,7,0)+IF('Standard Profiles'!$G$20=$B$17,14,0)+IF('Standard Profiles'!$G$20=$B$24,21,0),0)),0)</f>
        <v>0</v>
      </c>
      <c r="G4152" cm="1">
        <f t="array" ref="G4152">IFERROR(INDEX(Jesper!AK$2:AK$366,ROUNDDOWN($C4152/24,0)+1,1)*INDEX($D$3:$AA$30,INDEX(Jesper!$R$2:$R$366,ROW(INDEX(Jesper!AK$2:AK$366,ROUNDDOWN($C4152/24,0)+1,1))-1)+IF('Standard Profiles'!$G$21=$B$10,7,0)+IF('Standard Profiles'!$G$21=$B$17,14,0)+IF('Standard Profiles'!$G$21=$B$24,21,0),MOD($C4152,24)+1)/SUM(INDEX($D$3:$AA$30,INDEX(Jesper!$R$2:$R$366,ROW(INDEX(Jesper!AK$2:AK$366,ROUNDDOWN($C4152/24,0)+1,1))-1)+IF('Standard Profiles'!$G$21=$B$10,7,0)+IF('Standard Profiles'!$G$21=$B$17,14,0)+IF('Standard Profiles'!$G$21=$B$24,21,0),0)),0)</f>
        <v>0</v>
      </c>
      <c r="H4152" cm="1">
        <f t="array" ref="H4152">IFERROR(INDEX(Jesper!AL$2:AL$366,ROUNDDOWN($C4152/24,0)+1,1)*INDEX($D$3:$AA$30,INDEX(Jesper!$R$2:$R$366,ROW(INDEX(Jesper!AL$2:AL$366,ROUNDDOWN($C4152/24,0)+1,1))-1)+IF('Standard Profiles'!$G$22=$B$10,7,0)+IF('Standard Profiles'!$G$22=$B$17,14,0)+IF('Standard Profiles'!$G$22=$B$24,21,0),MOD($C4152,24)+1)/SUM(INDEX($D$3:$AA$30,INDEX(Jesper!$R$2:$R$366,ROW(INDEX(Jesper!AL$2:AL$366,ROUNDDOWN($C4152/24,0)+1,1))-1)+IF('Standard Profiles'!$G$22=$B$10,7,0)+IF('Standard Profiles'!$G$22=$B$17,14,0)+IF('Standard Profiles'!$G$22=$B$24,21,0),0)),0)</f>
        <v>0</v>
      </c>
      <c r="I4152">
        <f t="shared" si="468"/>
        <v>0.39207172599861795</v>
      </c>
      <c r="J4152">
        <f t="shared" si="469"/>
        <v>1.3069057533287267</v>
      </c>
      <c r="K4152">
        <f t="shared" si="470"/>
        <v>1.9603586299930897</v>
      </c>
      <c r="L4152">
        <f t="shared" si="471"/>
        <v>9.4097214239668308</v>
      </c>
      <c r="M4152">
        <f t="shared" si="472"/>
        <v>0</v>
      </c>
      <c r="N4152" s="46">
        <f t="shared" si="473"/>
        <v>45463.583333323346</v>
      </c>
    </row>
    <row r="4153" spans="2:14" x14ac:dyDescent="0.3">
      <c r="B4153">
        <f t="shared" si="467"/>
        <v>4</v>
      </c>
      <c r="C4153" s="16">
        <v>4119</v>
      </c>
      <c r="D4153" cm="1">
        <f t="array" ref="D4153">IFERROR(INDEX(Jesper!AH$2:AH$366,ROUNDDOWN($C4153/24,0)+1,1)*INDEX($D$3:$AA$30,INDEX(Jesper!$R$2:$R$366,ROW(INDEX(Jesper!AH$2:AH$366,ROUNDDOWN($C4153/24,0)+1,1))-1)+IF('Standard Profiles'!$G$18=$B$10,7,0)+IF('Standard Profiles'!$G$18=$B$17,14,0)+IF('Standard Profiles'!$G$18=$B$24,21,0),MOD($C4153,24)+1)/SUM(INDEX($D$3:$AA$30,INDEX(Jesper!$R$2:$R$366,ROW(INDEX(Jesper!AH$2:AH$366,ROUNDDOWN($C4153/24,0)+1,1))-1)+IF('Standard Profiles'!$G$18=$B$10,7,0)+IF('Standard Profiles'!$G$18=$B$17,14,0)+IF('Standard Profiles'!$G$18=$B$24,21,0),0)),0)</f>
        <v>13.069057533287266</v>
      </c>
      <c r="E4153" cm="1">
        <f t="array" ref="E4153">IFERROR(INDEX(Jesper!AI$2:AI$366,ROUNDDOWN($C4153/24,0)+1,1)*INDEX($D$3:$AA$30,INDEX(Jesper!$R$2:$R$366,ROW(INDEX(Jesper!AI$2:AI$366,ROUNDDOWN($C4153/24,0)+1,1))-1)+IF('Standard Profiles'!$G$19=$B$10,7,0)+IF('Standard Profiles'!$G$19=$B$17,14,0)+IF('Standard Profiles'!$G$19=$B$24,21,0),MOD($C4153,24)+1)/SUM(INDEX($D$3:$AA$30,INDEX(Jesper!$R$2:$R$366,ROW(INDEX(Jesper!AI$2:AI$366,ROUNDDOWN($C4153/24,0)+1,1))-1)+IF('Standard Profiles'!$G$19=$B$10,7,0)+IF('Standard Profiles'!$G$19=$B$17,14,0)+IF('Standard Profiles'!$G$19=$B$24,21,0),0)),0)</f>
        <v>0</v>
      </c>
      <c r="F4153" cm="1">
        <f t="array" ref="F4153">IFERROR(INDEX(Jesper!AJ$2:AJ$366,ROUNDDOWN($C4153/24,0)+1,1)*INDEX($D$3:$AA$30,INDEX(Jesper!$R$2:$R$366,ROW(INDEX(Jesper!AJ$2:AJ$366,ROUNDDOWN($C4153/24,0)+1,1))-1)+IF('Standard Profiles'!$G$20=$B$10,7,0)+IF('Standard Profiles'!$G$20=$B$17,14,0)+IF('Standard Profiles'!$G$20=$B$24,21,0),MOD($C4153,24)+1)/SUM(INDEX($D$3:$AA$30,INDEX(Jesper!$R$2:$R$366,ROW(INDEX(Jesper!AJ$2:AJ$366,ROUNDDOWN($C4153/24,0)+1,1))-1)+IF('Standard Profiles'!$G$20=$B$10,7,0)+IF('Standard Profiles'!$G$20=$B$17,14,0)+IF('Standard Profiles'!$G$20=$B$24,21,0),0)),0)</f>
        <v>0</v>
      </c>
      <c r="G4153" cm="1">
        <f t="array" ref="G4153">IFERROR(INDEX(Jesper!AK$2:AK$366,ROUNDDOWN($C4153/24,0)+1,1)*INDEX($D$3:$AA$30,INDEX(Jesper!$R$2:$R$366,ROW(INDEX(Jesper!AK$2:AK$366,ROUNDDOWN($C4153/24,0)+1,1))-1)+IF('Standard Profiles'!$G$21=$B$10,7,0)+IF('Standard Profiles'!$G$21=$B$17,14,0)+IF('Standard Profiles'!$G$21=$B$24,21,0),MOD($C4153,24)+1)/SUM(INDEX($D$3:$AA$30,INDEX(Jesper!$R$2:$R$366,ROW(INDEX(Jesper!AK$2:AK$366,ROUNDDOWN($C4153/24,0)+1,1))-1)+IF('Standard Profiles'!$G$21=$B$10,7,0)+IF('Standard Profiles'!$G$21=$B$17,14,0)+IF('Standard Profiles'!$G$21=$B$24,21,0),0)),0)</f>
        <v>0</v>
      </c>
      <c r="H4153" cm="1">
        <f t="array" ref="H4153">IFERROR(INDEX(Jesper!AL$2:AL$366,ROUNDDOWN($C4153/24,0)+1,1)*INDEX($D$3:$AA$30,INDEX(Jesper!$R$2:$R$366,ROW(INDEX(Jesper!AL$2:AL$366,ROUNDDOWN($C4153/24,0)+1,1))-1)+IF('Standard Profiles'!$G$22=$B$10,7,0)+IF('Standard Profiles'!$G$22=$B$17,14,0)+IF('Standard Profiles'!$G$22=$B$24,21,0),MOD($C4153,24)+1)/SUM(INDEX($D$3:$AA$30,INDEX(Jesper!$R$2:$R$366,ROW(INDEX(Jesper!AL$2:AL$366,ROUNDDOWN($C4153/24,0)+1,1))-1)+IF('Standard Profiles'!$G$22=$B$10,7,0)+IF('Standard Profiles'!$G$22=$B$17,14,0)+IF('Standard Profiles'!$G$22=$B$24,21,0),0)),0)</f>
        <v>0</v>
      </c>
      <c r="I4153">
        <f t="shared" si="468"/>
        <v>0.39207172599861795</v>
      </c>
      <c r="J4153">
        <f t="shared" si="469"/>
        <v>1.3069057533287267</v>
      </c>
      <c r="K4153">
        <f t="shared" si="470"/>
        <v>1.9603586299930897</v>
      </c>
      <c r="L4153">
        <f t="shared" si="471"/>
        <v>9.4097214239668308</v>
      </c>
      <c r="M4153">
        <f t="shared" si="472"/>
        <v>0</v>
      </c>
      <c r="N4153" s="46">
        <f t="shared" si="473"/>
        <v>45463.62499999001</v>
      </c>
    </row>
    <row r="4154" spans="2:14" x14ac:dyDescent="0.3">
      <c r="B4154">
        <f t="shared" si="467"/>
        <v>4</v>
      </c>
      <c r="C4154" s="16">
        <v>4120</v>
      </c>
      <c r="D4154" cm="1">
        <f t="array" ref="D4154">IFERROR(INDEX(Jesper!AH$2:AH$366,ROUNDDOWN($C4154/24,0)+1,1)*INDEX($D$3:$AA$30,INDEX(Jesper!$R$2:$R$366,ROW(INDEX(Jesper!AH$2:AH$366,ROUNDDOWN($C4154/24,0)+1,1))-1)+IF('Standard Profiles'!$G$18=$B$10,7,0)+IF('Standard Profiles'!$G$18=$B$17,14,0)+IF('Standard Profiles'!$G$18=$B$24,21,0),MOD($C4154,24)+1)/SUM(INDEX($D$3:$AA$30,INDEX(Jesper!$R$2:$R$366,ROW(INDEX(Jesper!AH$2:AH$366,ROUNDDOWN($C4154/24,0)+1,1))-1)+IF('Standard Profiles'!$G$18=$B$10,7,0)+IF('Standard Profiles'!$G$18=$B$17,14,0)+IF('Standard Profiles'!$G$18=$B$24,21,0),0)),0)</f>
        <v>13.069057533287266</v>
      </c>
      <c r="E4154" cm="1">
        <f t="array" ref="E4154">IFERROR(INDEX(Jesper!AI$2:AI$366,ROUNDDOWN($C4154/24,0)+1,1)*INDEX($D$3:$AA$30,INDEX(Jesper!$R$2:$R$366,ROW(INDEX(Jesper!AI$2:AI$366,ROUNDDOWN($C4154/24,0)+1,1))-1)+IF('Standard Profiles'!$G$19=$B$10,7,0)+IF('Standard Profiles'!$G$19=$B$17,14,0)+IF('Standard Profiles'!$G$19=$B$24,21,0),MOD($C4154,24)+1)/SUM(INDEX($D$3:$AA$30,INDEX(Jesper!$R$2:$R$366,ROW(INDEX(Jesper!AI$2:AI$366,ROUNDDOWN($C4154/24,0)+1,1))-1)+IF('Standard Profiles'!$G$19=$B$10,7,0)+IF('Standard Profiles'!$G$19=$B$17,14,0)+IF('Standard Profiles'!$G$19=$B$24,21,0),0)),0)</f>
        <v>0</v>
      </c>
      <c r="F4154" cm="1">
        <f t="array" ref="F4154">IFERROR(INDEX(Jesper!AJ$2:AJ$366,ROUNDDOWN($C4154/24,0)+1,1)*INDEX($D$3:$AA$30,INDEX(Jesper!$R$2:$R$366,ROW(INDEX(Jesper!AJ$2:AJ$366,ROUNDDOWN($C4154/24,0)+1,1))-1)+IF('Standard Profiles'!$G$20=$B$10,7,0)+IF('Standard Profiles'!$G$20=$B$17,14,0)+IF('Standard Profiles'!$G$20=$B$24,21,0),MOD($C4154,24)+1)/SUM(INDEX($D$3:$AA$30,INDEX(Jesper!$R$2:$R$366,ROW(INDEX(Jesper!AJ$2:AJ$366,ROUNDDOWN($C4154/24,0)+1,1))-1)+IF('Standard Profiles'!$G$20=$B$10,7,0)+IF('Standard Profiles'!$G$20=$B$17,14,0)+IF('Standard Profiles'!$G$20=$B$24,21,0),0)),0)</f>
        <v>0</v>
      </c>
      <c r="G4154" cm="1">
        <f t="array" ref="G4154">IFERROR(INDEX(Jesper!AK$2:AK$366,ROUNDDOWN($C4154/24,0)+1,1)*INDEX($D$3:$AA$30,INDEX(Jesper!$R$2:$R$366,ROW(INDEX(Jesper!AK$2:AK$366,ROUNDDOWN($C4154/24,0)+1,1))-1)+IF('Standard Profiles'!$G$21=$B$10,7,0)+IF('Standard Profiles'!$G$21=$B$17,14,0)+IF('Standard Profiles'!$G$21=$B$24,21,0),MOD($C4154,24)+1)/SUM(INDEX($D$3:$AA$30,INDEX(Jesper!$R$2:$R$366,ROW(INDEX(Jesper!AK$2:AK$366,ROUNDDOWN($C4154/24,0)+1,1))-1)+IF('Standard Profiles'!$G$21=$B$10,7,0)+IF('Standard Profiles'!$G$21=$B$17,14,0)+IF('Standard Profiles'!$G$21=$B$24,21,0),0)),0)</f>
        <v>0</v>
      </c>
      <c r="H4154" cm="1">
        <f t="array" ref="H4154">IFERROR(INDEX(Jesper!AL$2:AL$366,ROUNDDOWN($C4154/24,0)+1,1)*INDEX($D$3:$AA$30,INDEX(Jesper!$R$2:$R$366,ROW(INDEX(Jesper!AL$2:AL$366,ROUNDDOWN($C4154/24,0)+1,1))-1)+IF('Standard Profiles'!$G$22=$B$10,7,0)+IF('Standard Profiles'!$G$22=$B$17,14,0)+IF('Standard Profiles'!$G$22=$B$24,21,0),MOD($C4154,24)+1)/SUM(INDEX($D$3:$AA$30,INDEX(Jesper!$R$2:$R$366,ROW(INDEX(Jesper!AL$2:AL$366,ROUNDDOWN($C4154/24,0)+1,1))-1)+IF('Standard Profiles'!$G$22=$B$10,7,0)+IF('Standard Profiles'!$G$22=$B$17,14,0)+IF('Standard Profiles'!$G$22=$B$24,21,0),0)),0)</f>
        <v>0</v>
      </c>
      <c r="I4154">
        <f t="shared" si="468"/>
        <v>0.39207172599861795</v>
      </c>
      <c r="J4154">
        <f t="shared" si="469"/>
        <v>1.3069057533287267</v>
      </c>
      <c r="K4154">
        <f t="shared" si="470"/>
        <v>1.9603586299930897</v>
      </c>
      <c r="L4154">
        <f t="shared" si="471"/>
        <v>9.4097214239668308</v>
      </c>
      <c r="M4154">
        <f t="shared" si="472"/>
        <v>0</v>
      </c>
      <c r="N4154" s="46">
        <f t="shared" si="473"/>
        <v>45463.666666656674</v>
      </c>
    </row>
    <row r="4155" spans="2:14" x14ac:dyDescent="0.3">
      <c r="B4155">
        <f t="shared" si="467"/>
        <v>4</v>
      </c>
      <c r="C4155" s="16">
        <v>4121</v>
      </c>
      <c r="D4155" cm="1">
        <f t="array" ref="D4155">IFERROR(INDEX(Jesper!AH$2:AH$366,ROUNDDOWN($C4155/24,0)+1,1)*INDEX($D$3:$AA$30,INDEX(Jesper!$R$2:$R$366,ROW(INDEX(Jesper!AH$2:AH$366,ROUNDDOWN($C4155/24,0)+1,1))-1)+IF('Standard Profiles'!$G$18=$B$10,7,0)+IF('Standard Profiles'!$G$18=$B$17,14,0)+IF('Standard Profiles'!$G$18=$B$24,21,0),MOD($C4155,24)+1)/SUM(INDEX($D$3:$AA$30,INDEX(Jesper!$R$2:$R$366,ROW(INDEX(Jesper!AH$2:AH$366,ROUNDDOWN($C4155/24,0)+1,1))-1)+IF('Standard Profiles'!$G$18=$B$10,7,0)+IF('Standard Profiles'!$G$18=$B$17,14,0)+IF('Standard Profiles'!$G$18=$B$24,21,0),0)),0)</f>
        <v>13.069057533287266</v>
      </c>
      <c r="E4155" cm="1">
        <f t="array" ref="E4155">IFERROR(INDEX(Jesper!AI$2:AI$366,ROUNDDOWN($C4155/24,0)+1,1)*INDEX($D$3:$AA$30,INDEX(Jesper!$R$2:$R$366,ROW(INDEX(Jesper!AI$2:AI$366,ROUNDDOWN($C4155/24,0)+1,1))-1)+IF('Standard Profiles'!$G$19=$B$10,7,0)+IF('Standard Profiles'!$G$19=$B$17,14,0)+IF('Standard Profiles'!$G$19=$B$24,21,0),MOD($C4155,24)+1)/SUM(INDEX($D$3:$AA$30,INDEX(Jesper!$R$2:$R$366,ROW(INDEX(Jesper!AI$2:AI$366,ROUNDDOWN($C4155/24,0)+1,1))-1)+IF('Standard Profiles'!$G$19=$B$10,7,0)+IF('Standard Profiles'!$G$19=$B$17,14,0)+IF('Standard Profiles'!$G$19=$B$24,21,0),0)),0)</f>
        <v>0</v>
      </c>
      <c r="F4155" cm="1">
        <f t="array" ref="F4155">IFERROR(INDEX(Jesper!AJ$2:AJ$366,ROUNDDOWN($C4155/24,0)+1,1)*INDEX($D$3:$AA$30,INDEX(Jesper!$R$2:$R$366,ROW(INDEX(Jesper!AJ$2:AJ$366,ROUNDDOWN($C4155/24,0)+1,1))-1)+IF('Standard Profiles'!$G$20=$B$10,7,0)+IF('Standard Profiles'!$G$20=$B$17,14,0)+IF('Standard Profiles'!$G$20=$B$24,21,0),MOD($C4155,24)+1)/SUM(INDEX($D$3:$AA$30,INDEX(Jesper!$R$2:$R$366,ROW(INDEX(Jesper!AJ$2:AJ$366,ROUNDDOWN($C4155/24,0)+1,1))-1)+IF('Standard Profiles'!$G$20=$B$10,7,0)+IF('Standard Profiles'!$G$20=$B$17,14,0)+IF('Standard Profiles'!$G$20=$B$24,21,0),0)),0)</f>
        <v>0</v>
      </c>
      <c r="G4155" cm="1">
        <f t="array" ref="G4155">IFERROR(INDEX(Jesper!AK$2:AK$366,ROUNDDOWN($C4155/24,0)+1,1)*INDEX($D$3:$AA$30,INDEX(Jesper!$R$2:$R$366,ROW(INDEX(Jesper!AK$2:AK$366,ROUNDDOWN($C4155/24,0)+1,1))-1)+IF('Standard Profiles'!$G$21=$B$10,7,0)+IF('Standard Profiles'!$G$21=$B$17,14,0)+IF('Standard Profiles'!$G$21=$B$24,21,0),MOD($C4155,24)+1)/SUM(INDEX($D$3:$AA$30,INDEX(Jesper!$R$2:$R$366,ROW(INDEX(Jesper!AK$2:AK$366,ROUNDDOWN($C4155/24,0)+1,1))-1)+IF('Standard Profiles'!$G$21=$B$10,7,0)+IF('Standard Profiles'!$G$21=$B$17,14,0)+IF('Standard Profiles'!$G$21=$B$24,21,0),0)),0)</f>
        <v>0</v>
      </c>
      <c r="H4155" cm="1">
        <f t="array" ref="H4155">IFERROR(INDEX(Jesper!AL$2:AL$366,ROUNDDOWN($C4155/24,0)+1,1)*INDEX($D$3:$AA$30,INDEX(Jesper!$R$2:$R$366,ROW(INDEX(Jesper!AL$2:AL$366,ROUNDDOWN($C4155/24,0)+1,1))-1)+IF('Standard Profiles'!$G$22=$B$10,7,0)+IF('Standard Profiles'!$G$22=$B$17,14,0)+IF('Standard Profiles'!$G$22=$B$24,21,0),MOD($C4155,24)+1)/SUM(INDEX($D$3:$AA$30,INDEX(Jesper!$R$2:$R$366,ROW(INDEX(Jesper!AL$2:AL$366,ROUNDDOWN($C4155/24,0)+1,1))-1)+IF('Standard Profiles'!$G$22=$B$10,7,0)+IF('Standard Profiles'!$G$22=$B$17,14,0)+IF('Standard Profiles'!$G$22=$B$24,21,0),0)),0)</f>
        <v>0</v>
      </c>
      <c r="I4155">
        <f t="shared" si="468"/>
        <v>0.39207172599861795</v>
      </c>
      <c r="J4155">
        <f t="shared" si="469"/>
        <v>1.3069057533287267</v>
      </c>
      <c r="K4155">
        <f t="shared" si="470"/>
        <v>1.9603586299930897</v>
      </c>
      <c r="L4155">
        <f t="shared" si="471"/>
        <v>9.4097214239668308</v>
      </c>
      <c r="M4155">
        <f t="shared" si="472"/>
        <v>0</v>
      </c>
      <c r="N4155" s="46">
        <f t="shared" si="473"/>
        <v>45463.708333323339</v>
      </c>
    </row>
    <row r="4156" spans="2:14" x14ac:dyDescent="0.3">
      <c r="B4156">
        <f t="shared" si="467"/>
        <v>4</v>
      </c>
      <c r="C4156" s="16">
        <v>4122</v>
      </c>
      <c r="D4156" cm="1">
        <f t="array" ref="D4156">IFERROR(INDEX(Jesper!AH$2:AH$366,ROUNDDOWN($C4156/24,0)+1,1)*INDEX($D$3:$AA$30,INDEX(Jesper!$R$2:$R$366,ROW(INDEX(Jesper!AH$2:AH$366,ROUNDDOWN($C4156/24,0)+1,1))-1)+IF('Standard Profiles'!$G$18=$B$10,7,0)+IF('Standard Profiles'!$G$18=$B$17,14,0)+IF('Standard Profiles'!$G$18=$B$24,21,0),MOD($C4156,24)+1)/SUM(INDEX($D$3:$AA$30,INDEX(Jesper!$R$2:$R$366,ROW(INDEX(Jesper!AH$2:AH$366,ROUNDDOWN($C4156/24,0)+1,1))-1)+IF('Standard Profiles'!$G$18=$B$10,7,0)+IF('Standard Profiles'!$G$18=$B$17,14,0)+IF('Standard Profiles'!$G$18=$B$24,21,0),0)),0)</f>
        <v>13.069057533287266</v>
      </c>
      <c r="E4156" cm="1">
        <f t="array" ref="E4156">IFERROR(INDEX(Jesper!AI$2:AI$366,ROUNDDOWN($C4156/24,0)+1,1)*INDEX($D$3:$AA$30,INDEX(Jesper!$R$2:$R$366,ROW(INDEX(Jesper!AI$2:AI$366,ROUNDDOWN($C4156/24,0)+1,1))-1)+IF('Standard Profiles'!$G$19=$B$10,7,0)+IF('Standard Profiles'!$G$19=$B$17,14,0)+IF('Standard Profiles'!$G$19=$B$24,21,0),MOD($C4156,24)+1)/SUM(INDEX($D$3:$AA$30,INDEX(Jesper!$R$2:$R$366,ROW(INDEX(Jesper!AI$2:AI$366,ROUNDDOWN($C4156/24,0)+1,1))-1)+IF('Standard Profiles'!$G$19=$B$10,7,0)+IF('Standard Profiles'!$G$19=$B$17,14,0)+IF('Standard Profiles'!$G$19=$B$24,21,0),0)),0)</f>
        <v>0</v>
      </c>
      <c r="F4156" cm="1">
        <f t="array" ref="F4156">IFERROR(INDEX(Jesper!AJ$2:AJ$366,ROUNDDOWN($C4156/24,0)+1,1)*INDEX($D$3:$AA$30,INDEX(Jesper!$R$2:$R$366,ROW(INDEX(Jesper!AJ$2:AJ$366,ROUNDDOWN($C4156/24,0)+1,1))-1)+IF('Standard Profiles'!$G$20=$B$10,7,0)+IF('Standard Profiles'!$G$20=$B$17,14,0)+IF('Standard Profiles'!$G$20=$B$24,21,0),MOD($C4156,24)+1)/SUM(INDEX($D$3:$AA$30,INDEX(Jesper!$R$2:$R$366,ROW(INDEX(Jesper!AJ$2:AJ$366,ROUNDDOWN($C4156/24,0)+1,1))-1)+IF('Standard Profiles'!$G$20=$B$10,7,0)+IF('Standard Profiles'!$G$20=$B$17,14,0)+IF('Standard Profiles'!$G$20=$B$24,21,0),0)),0)</f>
        <v>0</v>
      </c>
      <c r="G4156" cm="1">
        <f t="array" ref="G4156">IFERROR(INDEX(Jesper!AK$2:AK$366,ROUNDDOWN($C4156/24,0)+1,1)*INDEX($D$3:$AA$30,INDEX(Jesper!$R$2:$R$366,ROW(INDEX(Jesper!AK$2:AK$366,ROUNDDOWN($C4156/24,0)+1,1))-1)+IF('Standard Profiles'!$G$21=$B$10,7,0)+IF('Standard Profiles'!$G$21=$B$17,14,0)+IF('Standard Profiles'!$G$21=$B$24,21,0),MOD($C4156,24)+1)/SUM(INDEX($D$3:$AA$30,INDEX(Jesper!$R$2:$R$366,ROW(INDEX(Jesper!AK$2:AK$366,ROUNDDOWN($C4156/24,0)+1,1))-1)+IF('Standard Profiles'!$G$21=$B$10,7,0)+IF('Standard Profiles'!$G$21=$B$17,14,0)+IF('Standard Profiles'!$G$21=$B$24,21,0),0)),0)</f>
        <v>0</v>
      </c>
      <c r="H4156" cm="1">
        <f t="array" ref="H4156">IFERROR(INDEX(Jesper!AL$2:AL$366,ROUNDDOWN($C4156/24,0)+1,1)*INDEX($D$3:$AA$30,INDEX(Jesper!$R$2:$R$366,ROW(INDEX(Jesper!AL$2:AL$366,ROUNDDOWN($C4156/24,0)+1,1))-1)+IF('Standard Profiles'!$G$22=$B$10,7,0)+IF('Standard Profiles'!$G$22=$B$17,14,0)+IF('Standard Profiles'!$G$22=$B$24,21,0),MOD($C4156,24)+1)/SUM(INDEX($D$3:$AA$30,INDEX(Jesper!$R$2:$R$366,ROW(INDEX(Jesper!AL$2:AL$366,ROUNDDOWN($C4156/24,0)+1,1))-1)+IF('Standard Profiles'!$G$22=$B$10,7,0)+IF('Standard Profiles'!$G$22=$B$17,14,0)+IF('Standard Profiles'!$G$22=$B$24,21,0),0)),0)</f>
        <v>0</v>
      </c>
      <c r="I4156">
        <f t="shared" si="468"/>
        <v>0.39207172599861795</v>
      </c>
      <c r="J4156">
        <f t="shared" si="469"/>
        <v>1.3069057533287267</v>
      </c>
      <c r="K4156">
        <f t="shared" si="470"/>
        <v>1.9603586299930897</v>
      </c>
      <c r="L4156">
        <f t="shared" si="471"/>
        <v>9.4097214239668308</v>
      </c>
      <c r="M4156">
        <f t="shared" si="472"/>
        <v>0</v>
      </c>
      <c r="N4156" s="46">
        <f t="shared" si="473"/>
        <v>45463.749999990003</v>
      </c>
    </row>
    <row r="4157" spans="2:14" x14ac:dyDescent="0.3">
      <c r="B4157">
        <f t="shared" si="467"/>
        <v>4</v>
      </c>
      <c r="C4157" s="16">
        <v>4123</v>
      </c>
      <c r="D4157" cm="1">
        <f t="array" ref="D4157">IFERROR(INDEX(Jesper!AH$2:AH$366,ROUNDDOWN($C4157/24,0)+1,1)*INDEX($D$3:$AA$30,INDEX(Jesper!$R$2:$R$366,ROW(INDEX(Jesper!AH$2:AH$366,ROUNDDOWN($C4157/24,0)+1,1))-1)+IF('Standard Profiles'!$G$18=$B$10,7,0)+IF('Standard Profiles'!$G$18=$B$17,14,0)+IF('Standard Profiles'!$G$18=$B$24,21,0),MOD($C4157,24)+1)/SUM(INDEX($D$3:$AA$30,INDEX(Jesper!$R$2:$R$366,ROW(INDEX(Jesper!AH$2:AH$366,ROUNDDOWN($C4157/24,0)+1,1))-1)+IF('Standard Profiles'!$G$18=$B$10,7,0)+IF('Standard Profiles'!$G$18=$B$17,14,0)+IF('Standard Profiles'!$G$18=$B$24,21,0),0)),0)</f>
        <v>10.890881277739387</v>
      </c>
      <c r="E4157" cm="1">
        <f t="array" ref="E4157">IFERROR(INDEX(Jesper!AI$2:AI$366,ROUNDDOWN($C4157/24,0)+1,1)*INDEX($D$3:$AA$30,INDEX(Jesper!$R$2:$R$366,ROW(INDEX(Jesper!AI$2:AI$366,ROUNDDOWN($C4157/24,0)+1,1))-1)+IF('Standard Profiles'!$G$19=$B$10,7,0)+IF('Standard Profiles'!$G$19=$B$17,14,0)+IF('Standard Profiles'!$G$19=$B$24,21,0),MOD($C4157,24)+1)/SUM(INDEX($D$3:$AA$30,INDEX(Jesper!$R$2:$R$366,ROW(INDEX(Jesper!AI$2:AI$366,ROUNDDOWN($C4157/24,0)+1,1))-1)+IF('Standard Profiles'!$G$19=$B$10,7,0)+IF('Standard Profiles'!$G$19=$B$17,14,0)+IF('Standard Profiles'!$G$19=$B$24,21,0),0)),0)</f>
        <v>0</v>
      </c>
      <c r="F4157" cm="1">
        <f t="array" ref="F4157">IFERROR(INDEX(Jesper!AJ$2:AJ$366,ROUNDDOWN($C4157/24,0)+1,1)*INDEX($D$3:$AA$30,INDEX(Jesper!$R$2:$R$366,ROW(INDEX(Jesper!AJ$2:AJ$366,ROUNDDOWN($C4157/24,0)+1,1))-1)+IF('Standard Profiles'!$G$20=$B$10,7,0)+IF('Standard Profiles'!$G$20=$B$17,14,0)+IF('Standard Profiles'!$G$20=$B$24,21,0),MOD($C4157,24)+1)/SUM(INDEX($D$3:$AA$30,INDEX(Jesper!$R$2:$R$366,ROW(INDEX(Jesper!AJ$2:AJ$366,ROUNDDOWN($C4157/24,0)+1,1))-1)+IF('Standard Profiles'!$G$20=$B$10,7,0)+IF('Standard Profiles'!$G$20=$B$17,14,0)+IF('Standard Profiles'!$G$20=$B$24,21,0),0)),0)</f>
        <v>0</v>
      </c>
      <c r="G4157" cm="1">
        <f t="array" ref="G4157">IFERROR(INDEX(Jesper!AK$2:AK$366,ROUNDDOWN($C4157/24,0)+1,1)*INDEX($D$3:$AA$30,INDEX(Jesper!$R$2:$R$366,ROW(INDEX(Jesper!AK$2:AK$366,ROUNDDOWN($C4157/24,0)+1,1))-1)+IF('Standard Profiles'!$G$21=$B$10,7,0)+IF('Standard Profiles'!$G$21=$B$17,14,0)+IF('Standard Profiles'!$G$21=$B$24,21,0),MOD($C4157,24)+1)/SUM(INDEX($D$3:$AA$30,INDEX(Jesper!$R$2:$R$366,ROW(INDEX(Jesper!AK$2:AK$366,ROUNDDOWN($C4157/24,0)+1,1))-1)+IF('Standard Profiles'!$G$21=$B$10,7,0)+IF('Standard Profiles'!$G$21=$B$17,14,0)+IF('Standard Profiles'!$G$21=$B$24,21,0),0)),0)</f>
        <v>0</v>
      </c>
      <c r="H4157" cm="1">
        <f t="array" ref="H4157">IFERROR(INDEX(Jesper!AL$2:AL$366,ROUNDDOWN($C4157/24,0)+1,1)*INDEX($D$3:$AA$30,INDEX(Jesper!$R$2:$R$366,ROW(INDEX(Jesper!AL$2:AL$366,ROUNDDOWN($C4157/24,0)+1,1))-1)+IF('Standard Profiles'!$G$22=$B$10,7,0)+IF('Standard Profiles'!$G$22=$B$17,14,0)+IF('Standard Profiles'!$G$22=$B$24,21,0),MOD($C4157,24)+1)/SUM(INDEX($D$3:$AA$30,INDEX(Jesper!$R$2:$R$366,ROW(INDEX(Jesper!AL$2:AL$366,ROUNDDOWN($C4157/24,0)+1,1))-1)+IF('Standard Profiles'!$G$22=$B$10,7,0)+IF('Standard Profiles'!$G$22=$B$17,14,0)+IF('Standard Profiles'!$G$22=$B$24,21,0),0)),0)</f>
        <v>0</v>
      </c>
      <c r="I4157">
        <f t="shared" si="468"/>
        <v>0.32672643833218162</v>
      </c>
      <c r="J4157">
        <f t="shared" si="469"/>
        <v>1.0890881277739388</v>
      </c>
      <c r="K4157">
        <f t="shared" si="470"/>
        <v>1.633632191660908</v>
      </c>
      <c r="L4157">
        <f t="shared" si="471"/>
        <v>7.841434519972359</v>
      </c>
      <c r="M4157">
        <f t="shared" si="472"/>
        <v>0</v>
      </c>
      <c r="N4157" s="46">
        <f t="shared" si="473"/>
        <v>45463.791666656667</v>
      </c>
    </row>
    <row r="4158" spans="2:14" x14ac:dyDescent="0.3">
      <c r="B4158">
        <f t="shared" si="467"/>
        <v>4</v>
      </c>
      <c r="C4158" s="16">
        <v>4124</v>
      </c>
      <c r="D4158" cm="1">
        <f t="array" ref="D4158">IFERROR(INDEX(Jesper!AH$2:AH$366,ROUNDDOWN($C4158/24,0)+1,1)*INDEX($D$3:$AA$30,INDEX(Jesper!$R$2:$R$366,ROW(INDEX(Jesper!AH$2:AH$366,ROUNDDOWN($C4158/24,0)+1,1))-1)+IF('Standard Profiles'!$G$18=$B$10,7,0)+IF('Standard Profiles'!$G$18=$B$17,14,0)+IF('Standard Profiles'!$G$18=$B$24,21,0),MOD($C4158,24)+1)/SUM(INDEX($D$3:$AA$30,INDEX(Jesper!$R$2:$R$366,ROW(INDEX(Jesper!AH$2:AH$366,ROUNDDOWN($C4158/24,0)+1,1))-1)+IF('Standard Profiles'!$G$18=$B$10,7,0)+IF('Standard Profiles'!$G$18=$B$17,14,0)+IF('Standard Profiles'!$G$18=$B$24,21,0),0)),0)</f>
        <v>8.7127050221915106</v>
      </c>
      <c r="E4158" cm="1">
        <f t="array" ref="E4158">IFERROR(INDEX(Jesper!AI$2:AI$366,ROUNDDOWN($C4158/24,0)+1,1)*INDEX($D$3:$AA$30,INDEX(Jesper!$R$2:$R$366,ROW(INDEX(Jesper!AI$2:AI$366,ROUNDDOWN($C4158/24,0)+1,1))-1)+IF('Standard Profiles'!$G$19=$B$10,7,0)+IF('Standard Profiles'!$G$19=$B$17,14,0)+IF('Standard Profiles'!$G$19=$B$24,21,0),MOD($C4158,24)+1)/SUM(INDEX($D$3:$AA$30,INDEX(Jesper!$R$2:$R$366,ROW(INDEX(Jesper!AI$2:AI$366,ROUNDDOWN($C4158/24,0)+1,1))-1)+IF('Standard Profiles'!$G$19=$B$10,7,0)+IF('Standard Profiles'!$G$19=$B$17,14,0)+IF('Standard Profiles'!$G$19=$B$24,21,0),0)),0)</f>
        <v>0</v>
      </c>
      <c r="F4158" cm="1">
        <f t="array" ref="F4158">IFERROR(INDEX(Jesper!AJ$2:AJ$366,ROUNDDOWN($C4158/24,0)+1,1)*INDEX($D$3:$AA$30,INDEX(Jesper!$R$2:$R$366,ROW(INDEX(Jesper!AJ$2:AJ$366,ROUNDDOWN($C4158/24,0)+1,1))-1)+IF('Standard Profiles'!$G$20=$B$10,7,0)+IF('Standard Profiles'!$G$20=$B$17,14,0)+IF('Standard Profiles'!$G$20=$B$24,21,0),MOD($C4158,24)+1)/SUM(INDEX($D$3:$AA$30,INDEX(Jesper!$R$2:$R$366,ROW(INDEX(Jesper!AJ$2:AJ$366,ROUNDDOWN($C4158/24,0)+1,1))-1)+IF('Standard Profiles'!$G$20=$B$10,7,0)+IF('Standard Profiles'!$G$20=$B$17,14,0)+IF('Standard Profiles'!$G$20=$B$24,21,0),0)),0)</f>
        <v>0</v>
      </c>
      <c r="G4158" cm="1">
        <f t="array" ref="G4158">IFERROR(INDEX(Jesper!AK$2:AK$366,ROUNDDOWN($C4158/24,0)+1,1)*INDEX($D$3:$AA$30,INDEX(Jesper!$R$2:$R$366,ROW(INDEX(Jesper!AK$2:AK$366,ROUNDDOWN($C4158/24,0)+1,1))-1)+IF('Standard Profiles'!$G$21=$B$10,7,0)+IF('Standard Profiles'!$G$21=$B$17,14,0)+IF('Standard Profiles'!$G$21=$B$24,21,0),MOD($C4158,24)+1)/SUM(INDEX($D$3:$AA$30,INDEX(Jesper!$R$2:$R$366,ROW(INDEX(Jesper!AK$2:AK$366,ROUNDDOWN($C4158/24,0)+1,1))-1)+IF('Standard Profiles'!$G$21=$B$10,7,0)+IF('Standard Profiles'!$G$21=$B$17,14,0)+IF('Standard Profiles'!$G$21=$B$24,21,0),0)),0)</f>
        <v>0</v>
      </c>
      <c r="H4158" cm="1">
        <f t="array" ref="H4158">IFERROR(INDEX(Jesper!AL$2:AL$366,ROUNDDOWN($C4158/24,0)+1,1)*INDEX($D$3:$AA$30,INDEX(Jesper!$R$2:$R$366,ROW(INDEX(Jesper!AL$2:AL$366,ROUNDDOWN($C4158/24,0)+1,1))-1)+IF('Standard Profiles'!$G$22=$B$10,7,0)+IF('Standard Profiles'!$G$22=$B$17,14,0)+IF('Standard Profiles'!$G$22=$B$24,21,0),MOD($C4158,24)+1)/SUM(INDEX($D$3:$AA$30,INDEX(Jesper!$R$2:$R$366,ROW(INDEX(Jesper!AL$2:AL$366,ROUNDDOWN($C4158/24,0)+1,1))-1)+IF('Standard Profiles'!$G$22=$B$10,7,0)+IF('Standard Profiles'!$G$22=$B$17,14,0)+IF('Standard Profiles'!$G$22=$B$24,21,0),0)),0)</f>
        <v>0</v>
      </c>
      <c r="I4158">
        <f t="shared" si="468"/>
        <v>0.2613811506657453</v>
      </c>
      <c r="J4158">
        <f t="shared" si="469"/>
        <v>0.87127050221915114</v>
      </c>
      <c r="K4158">
        <f t="shared" si="470"/>
        <v>1.3069057533287265</v>
      </c>
      <c r="L4158">
        <f t="shared" si="471"/>
        <v>6.2731476159778872</v>
      </c>
      <c r="M4158">
        <f t="shared" si="472"/>
        <v>0</v>
      </c>
      <c r="N4158" s="46">
        <f t="shared" si="473"/>
        <v>45463.833333323331</v>
      </c>
    </row>
    <row r="4159" spans="2:14" x14ac:dyDescent="0.3">
      <c r="B4159">
        <f t="shared" si="467"/>
        <v>4</v>
      </c>
      <c r="C4159" s="16">
        <v>4125</v>
      </c>
      <c r="D4159" cm="1">
        <f t="array" ref="D4159">IFERROR(INDEX(Jesper!AH$2:AH$366,ROUNDDOWN($C4159/24,0)+1,1)*INDEX($D$3:$AA$30,INDEX(Jesper!$R$2:$R$366,ROW(INDEX(Jesper!AH$2:AH$366,ROUNDDOWN($C4159/24,0)+1,1))-1)+IF('Standard Profiles'!$G$18=$B$10,7,0)+IF('Standard Profiles'!$G$18=$B$17,14,0)+IF('Standard Profiles'!$G$18=$B$24,21,0),MOD($C4159,24)+1)/SUM(INDEX($D$3:$AA$30,INDEX(Jesper!$R$2:$R$366,ROW(INDEX(Jesper!AH$2:AH$366,ROUNDDOWN($C4159/24,0)+1,1))-1)+IF('Standard Profiles'!$G$18=$B$10,7,0)+IF('Standard Profiles'!$G$18=$B$17,14,0)+IF('Standard Profiles'!$G$18=$B$24,21,0),0)),0)</f>
        <v>6.5345287666436329</v>
      </c>
      <c r="E4159" cm="1">
        <f t="array" ref="E4159">IFERROR(INDEX(Jesper!AI$2:AI$366,ROUNDDOWN($C4159/24,0)+1,1)*INDEX($D$3:$AA$30,INDEX(Jesper!$R$2:$R$366,ROW(INDEX(Jesper!AI$2:AI$366,ROUNDDOWN($C4159/24,0)+1,1))-1)+IF('Standard Profiles'!$G$19=$B$10,7,0)+IF('Standard Profiles'!$G$19=$B$17,14,0)+IF('Standard Profiles'!$G$19=$B$24,21,0),MOD($C4159,24)+1)/SUM(INDEX($D$3:$AA$30,INDEX(Jesper!$R$2:$R$366,ROW(INDEX(Jesper!AI$2:AI$366,ROUNDDOWN($C4159/24,0)+1,1))-1)+IF('Standard Profiles'!$G$19=$B$10,7,0)+IF('Standard Profiles'!$G$19=$B$17,14,0)+IF('Standard Profiles'!$G$19=$B$24,21,0),0)),0)</f>
        <v>0</v>
      </c>
      <c r="F4159" cm="1">
        <f t="array" ref="F4159">IFERROR(INDEX(Jesper!AJ$2:AJ$366,ROUNDDOWN($C4159/24,0)+1,1)*INDEX($D$3:$AA$30,INDEX(Jesper!$R$2:$R$366,ROW(INDEX(Jesper!AJ$2:AJ$366,ROUNDDOWN($C4159/24,0)+1,1))-1)+IF('Standard Profiles'!$G$20=$B$10,7,0)+IF('Standard Profiles'!$G$20=$B$17,14,0)+IF('Standard Profiles'!$G$20=$B$24,21,0),MOD($C4159,24)+1)/SUM(INDEX($D$3:$AA$30,INDEX(Jesper!$R$2:$R$366,ROW(INDEX(Jesper!AJ$2:AJ$366,ROUNDDOWN($C4159/24,0)+1,1))-1)+IF('Standard Profiles'!$G$20=$B$10,7,0)+IF('Standard Profiles'!$G$20=$B$17,14,0)+IF('Standard Profiles'!$G$20=$B$24,21,0),0)),0)</f>
        <v>0</v>
      </c>
      <c r="G4159" cm="1">
        <f t="array" ref="G4159">IFERROR(INDEX(Jesper!AK$2:AK$366,ROUNDDOWN($C4159/24,0)+1,1)*INDEX($D$3:$AA$30,INDEX(Jesper!$R$2:$R$366,ROW(INDEX(Jesper!AK$2:AK$366,ROUNDDOWN($C4159/24,0)+1,1))-1)+IF('Standard Profiles'!$G$21=$B$10,7,0)+IF('Standard Profiles'!$G$21=$B$17,14,0)+IF('Standard Profiles'!$G$21=$B$24,21,0),MOD($C4159,24)+1)/SUM(INDEX($D$3:$AA$30,INDEX(Jesper!$R$2:$R$366,ROW(INDEX(Jesper!AK$2:AK$366,ROUNDDOWN($C4159/24,0)+1,1))-1)+IF('Standard Profiles'!$G$21=$B$10,7,0)+IF('Standard Profiles'!$G$21=$B$17,14,0)+IF('Standard Profiles'!$G$21=$B$24,21,0),0)),0)</f>
        <v>0</v>
      </c>
      <c r="H4159" cm="1">
        <f t="array" ref="H4159">IFERROR(INDEX(Jesper!AL$2:AL$366,ROUNDDOWN($C4159/24,0)+1,1)*INDEX($D$3:$AA$30,INDEX(Jesper!$R$2:$R$366,ROW(INDEX(Jesper!AL$2:AL$366,ROUNDDOWN($C4159/24,0)+1,1))-1)+IF('Standard Profiles'!$G$22=$B$10,7,0)+IF('Standard Profiles'!$G$22=$B$17,14,0)+IF('Standard Profiles'!$G$22=$B$24,21,0),MOD($C4159,24)+1)/SUM(INDEX($D$3:$AA$30,INDEX(Jesper!$R$2:$R$366,ROW(INDEX(Jesper!AL$2:AL$366,ROUNDDOWN($C4159/24,0)+1,1))-1)+IF('Standard Profiles'!$G$22=$B$10,7,0)+IF('Standard Profiles'!$G$22=$B$17,14,0)+IF('Standard Profiles'!$G$22=$B$24,21,0),0)),0)</f>
        <v>0</v>
      </c>
      <c r="I4159">
        <f t="shared" si="468"/>
        <v>0.19603586299930897</v>
      </c>
      <c r="J4159">
        <f t="shared" si="469"/>
        <v>0.65345287666436336</v>
      </c>
      <c r="K4159">
        <f t="shared" si="470"/>
        <v>0.98017931499654487</v>
      </c>
      <c r="L4159">
        <f t="shared" si="471"/>
        <v>4.7048607119834154</v>
      </c>
      <c r="M4159">
        <f t="shared" si="472"/>
        <v>0</v>
      </c>
      <c r="N4159" s="46">
        <f t="shared" si="473"/>
        <v>45463.874999989996</v>
      </c>
    </row>
    <row r="4160" spans="2:14" x14ac:dyDescent="0.3">
      <c r="B4160">
        <f t="shared" si="467"/>
        <v>4</v>
      </c>
      <c r="C4160" s="16">
        <v>4126</v>
      </c>
      <c r="D4160" cm="1">
        <f t="array" ref="D4160">IFERROR(INDEX(Jesper!AH$2:AH$366,ROUNDDOWN($C4160/24,0)+1,1)*INDEX($D$3:$AA$30,INDEX(Jesper!$R$2:$R$366,ROW(INDEX(Jesper!AH$2:AH$366,ROUNDDOWN($C4160/24,0)+1,1))-1)+IF('Standard Profiles'!$G$18=$B$10,7,0)+IF('Standard Profiles'!$G$18=$B$17,14,0)+IF('Standard Profiles'!$G$18=$B$24,21,0),MOD($C4160,24)+1)/SUM(INDEX($D$3:$AA$30,INDEX(Jesper!$R$2:$R$366,ROW(INDEX(Jesper!AH$2:AH$366,ROUNDDOWN($C4160/24,0)+1,1))-1)+IF('Standard Profiles'!$G$18=$B$10,7,0)+IF('Standard Profiles'!$G$18=$B$17,14,0)+IF('Standard Profiles'!$G$18=$B$24,21,0),0)),0)</f>
        <v>6.5345287666436329</v>
      </c>
      <c r="E4160" cm="1">
        <f t="array" ref="E4160">IFERROR(INDEX(Jesper!AI$2:AI$366,ROUNDDOWN($C4160/24,0)+1,1)*INDEX($D$3:$AA$30,INDEX(Jesper!$R$2:$R$366,ROW(INDEX(Jesper!AI$2:AI$366,ROUNDDOWN($C4160/24,0)+1,1))-1)+IF('Standard Profiles'!$G$19=$B$10,7,0)+IF('Standard Profiles'!$G$19=$B$17,14,0)+IF('Standard Profiles'!$G$19=$B$24,21,0),MOD($C4160,24)+1)/SUM(INDEX($D$3:$AA$30,INDEX(Jesper!$R$2:$R$366,ROW(INDEX(Jesper!AI$2:AI$366,ROUNDDOWN($C4160/24,0)+1,1))-1)+IF('Standard Profiles'!$G$19=$B$10,7,0)+IF('Standard Profiles'!$G$19=$B$17,14,0)+IF('Standard Profiles'!$G$19=$B$24,21,0),0)),0)</f>
        <v>0</v>
      </c>
      <c r="F4160" cm="1">
        <f t="array" ref="F4160">IFERROR(INDEX(Jesper!AJ$2:AJ$366,ROUNDDOWN($C4160/24,0)+1,1)*INDEX($D$3:$AA$30,INDEX(Jesper!$R$2:$R$366,ROW(INDEX(Jesper!AJ$2:AJ$366,ROUNDDOWN($C4160/24,0)+1,1))-1)+IF('Standard Profiles'!$G$20=$B$10,7,0)+IF('Standard Profiles'!$G$20=$B$17,14,0)+IF('Standard Profiles'!$G$20=$B$24,21,0),MOD($C4160,24)+1)/SUM(INDEX($D$3:$AA$30,INDEX(Jesper!$R$2:$R$366,ROW(INDEX(Jesper!AJ$2:AJ$366,ROUNDDOWN($C4160/24,0)+1,1))-1)+IF('Standard Profiles'!$G$20=$B$10,7,0)+IF('Standard Profiles'!$G$20=$B$17,14,0)+IF('Standard Profiles'!$G$20=$B$24,21,0),0)),0)</f>
        <v>0</v>
      </c>
      <c r="G4160" cm="1">
        <f t="array" ref="G4160">IFERROR(INDEX(Jesper!AK$2:AK$366,ROUNDDOWN($C4160/24,0)+1,1)*INDEX($D$3:$AA$30,INDEX(Jesper!$R$2:$R$366,ROW(INDEX(Jesper!AK$2:AK$366,ROUNDDOWN($C4160/24,0)+1,1))-1)+IF('Standard Profiles'!$G$21=$B$10,7,0)+IF('Standard Profiles'!$G$21=$B$17,14,0)+IF('Standard Profiles'!$G$21=$B$24,21,0),MOD($C4160,24)+1)/SUM(INDEX($D$3:$AA$30,INDEX(Jesper!$R$2:$R$366,ROW(INDEX(Jesper!AK$2:AK$366,ROUNDDOWN($C4160/24,0)+1,1))-1)+IF('Standard Profiles'!$G$21=$B$10,7,0)+IF('Standard Profiles'!$G$21=$B$17,14,0)+IF('Standard Profiles'!$G$21=$B$24,21,0),0)),0)</f>
        <v>0</v>
      </c>
      <c r="H4160" cm="1">
        <f t="array" ref="H4160">IFERROR(INDEX(Jesper!AL$2:AL$366,ROUNDDOWN($C4160/24,0)+1,1)*INDEX($D$3:$AA$30,INDEX(Jesper!$R$2:$R$366,ROW(INDEX(Jesper!AL$2:AL$366,ROUNDDOWN($C4160/24,0)+1,1))-1)+IF('Standard Profiles'!$G$22=$B$10,7,0)+IF('Standard Profiles'!$G$22=$B$17,14,0)+IF('Standard Profiles'!$G$22=$B$24,21,0),MOD($C4160,24)+1)/SUM(INDEX($D$3:$AA$30,INDEX(Jesper!$R$2:$R$366,ROW(INDEX(Jesper!AL$2:AL$366,ROUNDDOWN($C4160/24,0)+1,1))-1)+IF('Standard Profiles'!$G$22=$B$10,7,0)+IF('Standard Profiles'!$G$22=$B$17,14,0)+IF('Standard Profiles'!$G$22=$B$24,21,0),0)),0)</f>
        <v>0</v>
      </c>
      <c r="I4160">
        <f t="shared" si="468"/>
        <v>0.19603586299930897</v>
      </c>
      <c r="J4160">
        <f t="shared" si="469"/>
        <v>0.65345287666436336</v>
      </c>
      <c r="K4160">
        <f t="shared" si="470"/>
        <v>0.98017931499654487</v>
      </c>
      <c r="L4160">
        <f t="shared" si="471"/>
        <v>4.7048607119834154</v>
      </c>
      <c r="M4160">
        <f t="shared" si="472"/>
        <v>0</v>
      </c>
      <c r="N4160" s="46">
        <f t="shared" si="473"/>
        <v>45463.91666665666</v>
      </c>
    </row>
    <row r="4161" spans="2:14" x14ac:dyDescent="0.3">
      <c r="B4161">
        <f t="shared" si="467"/>
        <v>4</v>
      </c>
      <c r="C4161" s="16">
        <v>4127</v>
      </c>
      <c r="D4161" cm="1">
        <f t="array" ref="D4161">IFERROR(INDEX(Jesper!AH$2:AH$366,ROUNDDOWN($C4161/24,0)+1,1)*INDEX($D$3:$AA$30,INDEX(Jesper!$R$2:$R$366,ROW(INDEX(Jesper!AH$2:AH$366,ROUNDDOWN($C4161/24,0)+1,1))-1)+IF('Standard Profiles'!$G$18=$B$10,7,0)+IF('Standard Profiles'!$G$18=$B$17,14,0)+IF('Standard Profiles'!$G$18=$B$24,21,0),MOD($C4161,24)+1)/SUM(INDEX($D$3:$AA$30,INDEX(Jesper!$R$2:$R$366,ROW(INDEX(Jesper!AH$2:AH$366,ROUNDDOWN($C4161/24,0)+1,1))-1)+IF('Standard Profiles'!$G$18=$B$10,7,0)+IF('Standard Profiles'!$G$18=$B$17,14,0)+IF('Standard Profiles'!$G$18=$B$24,21,0),0)),0)</f>
        <v>6.5345287666436329</v>
      </c>
      <c r="E4161" cm="1">
        <f t="array" ref="E4161">IFERROR(INDEX(Jesper!AI$2:AI$366,ROUNDDOWN($C4161/24,0)+1,1)*INDEX($D$3:$AA$30,INDEX(Jesper!$R$2:$R$366,ROW(INDEX(Jesper!AI$2:AI$366,ROUNDDOWN($C4161/24,0)+1,1))-1)+IF('Standard Profiles'!$G$19=$B$10,7,0)+IF('Standard Profiles'!$G$19=$B$17,14,0)+IF('Standard Profiles'!$G$19=$B$24,21,0),MOD($C4161,24)+1)/SUM(INDEX($D$3:$AA$30,INDEX(Jesper!$R$2:$R$366,ROW(INDEX(Jesper!AI$2:AI$366,ROUNDDOWN($C4161/24,0)+1,1))-1)+IF('Standard Profiles'!$G$19=$B$10,7,0)+IF('Standard Profiles'!$G$19=$B$17,14,0)+IF('Standard Profiles'!$G$19=$B$24,21,0),0)),0)</f>
        <v>0</v>
      </c>
      <c r="F4161" cm="1">
        <f t="array" ref="F4161">IFERROR(INDEX(Jesper!AJ$2:AJ$366,ROUNDDOWN($C4161/24,0)+1,1)*INDEX($D$3:$AA$30,INDEX(Jesper!$R$2:$R$366,ROW(INDEX(Jesper!AJ$2:AJ$366,ROUNDDOWN($C4161/24,0)+1,1))-1)+IF('Standard Profiles'!$G$20=$B$10,7,0)+IF('Standard Profiles'!$G$20=$B$17,14,0)+IF('Standard Profiles'!$G$20=$B$24,21,0),MOD($C4161,24)+1)/SUM(INDEX($D$3:$AA$30,INDEX(Jesper!$R$2:$R$366,ROW(INDEX(Jesper!AJ$2:AJ$366,ROUNDDOWN($C4161/24,0)+1,1))-1)+IF('Standard Profiles'!$G$20=$B$10,7,0)+IF('Standard Profiles'!$G$20=$B$17,14,0)+IF('Standard Profiles'!$G$20=$B$24,21,0),0)),0)</f>
        <v>0</v>
      </c>
      <c r="G4161" cm="1">
        <f t="array" ref="G4161">IFERROR(INDEX(Jesper!AK$2:AK$366,ROUNDDOWN($C4161/24,0)+1,1)*INDEX($D$3:$AA$30,INDEX(Jesper!$R$2:$R$366,ROW(INDEX(Jesper!AK$2:AK$366,ROUNDDOWN($C4161/24,0)+1,1))-1)+IF('Standard Profiles'!$G$21=$B$10,7,0)+IF('Standard Profiles'!$G$21=$B$17,14,0)+IF('Standard Profiles'!$G$21=$B$24,21,0),MOD($C4161,24)+1)/SUM(INDEX($D$3:$AA$30,INDEX(Jesper!$R$2:$R$366,ROW(INDEX(Jesper!AK$2:AK$366,ROUNDDOWN($C4161/24,0)+1,1))-1)+IF('Standard Profiles'!$G$21=$B$10,7,0)+IF('Standard Profiles'!$G$21=$B$17,14,0)+IF('Standard Profiles'!$G$21=$B$24,21,0),0)),0)</f>
        <v>0</v>
      </c>
      <c r="H4161" cm="1">
        <f t="array" ref="H4161">IFERROR(INDEX(Jesper!AL$2:AL$366,ROUNDDOWN($C4161/24,0)+1,1)*INDEX($D$3:$AA$30,INDEX(Jesper!$R$2:$R$366,ROW(INDEX(Jesper!AL$2:AL$366,ROUNDDOWN($C4161/24,0)+1,1))-1)+IF('Standard Profiles'!$G$22=$B$10,7,0)+IF('Standard Profiles'!$G$22=$B$17,14,0)+IF('Standard Profiles'!$G$22=$B$24,21,0),MOD($C4161,24)+1)/SUM(INDEX($D$3:$AA$30,INDEX(Jesper!$R$2:$R$366,ROW(INDEX(Jesper!AL$2:AL$366,ROUNDDOWN($C4161/24,0)+1,1))-1)+IF('Standard Profiles'!$G$22=$B$10,7,0)+IF('Standard Profiles'!$G$22=$B$17,14,0)+IF('Standard Profiles'!$G$22=$B$24,21,0),0)),0)</f>
        <v>0</v>
      </c>
      <c r="I4161">
        <f t="shared" si="468"/>
        <v>0.19603586299930897</v>
      </c>
      <c r="J4161">
        <f t="shared" si="469"/>
        <v>0.65345287666436336</v>
      </c>
      <c r="K4161">
        <f t="shared" si="470"/>
        <v>0.98017931499654487</v>
      </c>
      <c r="L4161">
        <f t="shared" si="471"/>
        <v>4.7048607119834154</v>
      </c>
      <c r="M4161">
        <f t="shared" si="472"/>
        <v>0</v>
      </c>
      <c r="N4161" s="46">
        <f t="shared" si="473"/>
        <v>45463.958333323324</v>
      </c>
    </row>
    <row r="4162" spans="2:14" x14ac:dyDescent="0.3">
      <c r="B4162">
        <f t="shared" si="467"/>
        <v>5</v>
      </c>
      <c r="C4162" s="16">
        <v>4128</v>
      </c>
      <c r="D4162" cm="1">
        <f t="array" ref="D4162">IFERROR(INDEX(Jesper!AH$2:AH$366,ROUNDDOWN($C4162/24,0)+1,1)*INDEX($D$3:$AA$30,INDEX(Jesper!$R$2:$R$366,ROW(INDEX(Jesper!AH$2:AH$366,ROUNDDOWN($C4162/24,0)+1,1))-1)+IF('Standard Profiles'!$G$18=$B$10,7,0)+IF('Standard Profiles'!$G$18=$B$17,14,0)+IF('Standard Profiles'!$G$18=$B$24,21,0),MOD($C4162,24)+1)/SUM(INDEX($D$3:$AA$30,INDEX(Jesper!$R$2:$R$366,ROW(INDEX(Jesper!AH$2:AH$366,ROUNDDOWN($C4162/24,0)+1,1))-1)+IF('Standard Profiles'!$G$18=$B$10,7,0)+IF('Standard Profiles'!$G$18=$B$17,14,0)+IF('Standard Profiles'!$G$18=$B$24,21,0),0)),0)</f>
        <v>7.4550733819075274</v>
      </c>
      <c r="E4162" cm="1">
        <f t="array" ref="E4162">IFERROR(INDEX(Jesper!AI$2:AI$366,ROUNDDOWN($C4162/24,0)+1,1)*INDEX($D$3:$AA$30,INDEX(Jesper!$R$2:$R$366,ROW(INDEX(Jesper!AI$2:AI$366,ROUNDDOWN($C4162/24,0)+1,1))-1)+IF('Standard Profiles'!$G$19=$B$10,7,0)+IF('Standard Profiles'!$G$19=$B$17,14,0)+IF('Standard Profiles'!$G$19=$B$24,21,0),MOD($C4162,24)+1)/SUM(INDEX($D$3:$AA$30,INDEX(Jesper!$R$2:$R$366,ROW(INDEX(Jesper!AI$2:AI$366,ROUNDDOWN($C4162/24,0)+1,1))-1)+IF('Standard Profiles'!$G$19=$B$10,7,0)+IF('Standard Profiles'!$G$19=$B$17,14,0)+IF('Standard Profiles'!$G$19=$B$24,21,0),0)),0)</f>
        <v>0</v>
      </c>
      <c r="F4162" cm="1">
        <f t="array" ref="F4162">IFERROR(INDEX(Jesper!AJ$2:AJ$366,ROUNDDOWN($C4162/24,0)+1,1)*INDEX($D$3:$AA$30,INDEX(Jesper!$R$2:$R$366,ROW(INDEX(Jesper!AJ$2:AJ$366,ROUNDDOWN($C4162/24,0)+1,1))-1)+IF('Standard Profiles'!$G$20=$B$10,7,0)+IF('Standard Profiles'!$G$20=$B$17,14,0)+IF('Standard Profiles'!$G$20=$B$24,21,0),MOD($C4162,24)+1)/SUM(INDEX($D$3:$AA$30,INDEX(Jesper!$R$2:$R$366,ROW(INDEX(Jesper!AJ$2:AJ$366,ROUNDDOWN($C4162/24,0)+1,1))-1)+IF('Standard Profiles'!$G$20=$B$10,7,0)+IF('Standard Profiles'!$G$20=$B$17,14,0)+IF('Standard Profiles'!$G$20=$B$24,21,0),0)),0)</f>
        <v>0</v>
      </c>
      <c r="G4162" cm="1">
        <f t="array" ref="G4162">IFERROR(INDEX(Jesper!AK$2:AK$366,ROUNDDOWN($C4162/24,0)+1,1)*INDEX($D$3:$AA$30,INDEX(Jesper!$R$2:$R$366,ROW(INDEX(Jesper!AK$2:AK$366,ROUNDDOWN($C4162/24,0)+1,1))-1)+IF('Standard Profiles'!$G$21=$B$10,7,0)+IF('Standard Profiles'!$G$21=$B$17,14,0)+IF('Standard Profiles'!$G$21=$B$24,21,0),MOD($C4162,24)+1)/SUM(INDEX($D$3:$AA$30,INDEX(Jesper!$R$2:$R$366,ROW(INDEX(Jesper!AK$2:AK$366,ROUNDDOWN($C4162/24,0)+1,1))-1)+IF('Standard Profiles'!$G$21=$B$10,7,0)+IF('Standard Profiles'!$G$21=$B$17,14,0)+IF('Standard Profiles'!$G$21=$B$24,21,0),0)),0)</f>
        <v>0</v>
      </c>
      <c r="H4162" cm="1">
        <f t="array" ref="H4162">IFERROR(INDEX(Jesper!AL$2:AL$366,ROUNDDOWN($C4162/24,0)+1,1)*INDEX($D$3:$AA$30,INDEX(Jesper!$R$2:$R$366,ROW(INDEX(Jesper!AL$2:AL$366,ROUNDDOWN($C4162/24,0)+1,1))-1)+IF('Standard Profiles'!$G$22=$B$10,7,0)+IF('Standard Profiles'!$G$22=$B$17,14,0)+IF('Standard Profiles'!$G$22=$B$24,21,0),MOD($C4162,24)+1)/SUM(INDEX($D$3:$AA$30,INDEX(Jesper!$R$2:$R$366,ROW(INDEX(Jesper!AL$2:AL$366,ROUNDDOWN($C4162/24,0)+1,1))-1)+IF('Standard Profiles'!$G$22=$B$10,7,0)+IF('Standard Profiles'!$G$22=$B$17,14,0)+IF('Standard Profiles'!$G$22=$B$24,21,0),0)),0)</f>
        <v>0</v>
      </c>
      <c r="I4162">
        <f t="shared" si="468"/>
        <v>0.22365220145722581</v>
      </c>
      <c r="J4162">
        <f t="shared" si="469"/>
        <v>0.74550733819075277</v>
      </c>
      <c r="K4162">
        <f t="shared" si="470"/>
        <v>1.118261007286129</v>
      </c>
      <c r="L4162">
        <f t="shared" si="471"/>
        <v>5.3676528349734198</v>
      </c>
      <c r="M4162">
        <f t="shared" si="472"/>
        <v>0</v>
      </c>
      <c r="N4162" s="46">
        <f t="shared" si="473"/>
        <v>45463.999999989988</v>
      </c>
    </row>
    <row r="4163" spans="2:14" x14ac:dyDescent="0.3">
      <c r="B4163">
        <f t="shared" si="467"/>
        <v>5</v>
      </c>
      <c r="C4163" s="16">
        <v>4129</v>
      </c>
      <c r="D4163" cm="1">
        <f t="array" ref="D4163">IFERROR(INDEX(Jesper!AH$2:AH$366,ROUNDDOWN($C4163/24,0)+1,1)*INDEX($D$3:$AA$30,INDEX(Jesper!$R$2:$R$366,ROW(INDEX(Jesper!AH$2:AH$366,ROUNDDOWN($C4163/24,0)+1,1))-1)+IF('Standard Profiles'!$G$18=$B$10,7,0)+IF('Standard Profiles'!$G$18=$B$17,14,0)+IF('Standard Profiles'!$G$18=$B$24,21,0),MOD($C4163,24)+1)/SUM(INDEX($D$3:$AA$30,INDEX(Jesper!$R$2:$R$366,ROW(INDEX(Jesper!AH$2:AH$366,ROUNDDOWN($C4163/24,0)+1,1))-1)+IF('Standard Profiles'!$G$18=$B$10,7,0)+IF('Standard Profiles'!$G$18=$B$17,14,0)+IF('Standard Profiles'!$G$18=$B$24,21,0),0)),0)</f>
        <v>7.4550733819075274</v>
      </c>
      <c r="E4163" cm="1">
        <f t="array" ref="E4163">IFERROR(INDEX(Jesper!AI$2:AI$366,ROUNDDOWN($C4163/24,0)+1,1)*INDEX($D$3:$AA$30,INDEX(Jesper!$R$2:$R$366,ROW(INDEX(Jesper!AI$2:AI$366,ROUNDDOWN($C4163/24,0)+1,1))-1)+IF('Standard Profiles'!$G$19=$B$10,7,0)+IF('Standard Profiles'!$G$19=$B$17,14,0)+IF('Standard Profiles'!$G$19=$B$24,21,0),MOD($C4163,24)+1)/SUM(INDEX($D$3:$AA$30,INDEX(Jesper!$R$2:$R$366,ROW(INDEX(Jesper!AI$2:AI$366,ROUNDDOWN($C4163/24,0)+1,1))-1)+IF('Standard Profiles'!$G$19=$B$10,7,0)+IF('Standard Profiles'!$G$19=$B$17,14,0)+IF('Standard Profiles'!$G$19=$B$24,21,0),0)),0)</f>
        <v>0</v>
      </c>
      <c r="F4163" cm="1">
        <f t="array" ref="F4163">IFERROR(INDEX(Jesper!AJ$2:AJ$366,ROUNDDOWN($C4163/24,0)+1,1)*INDEX($D$3:$AA$30,INDEX(Jesper!$R$2:$R$366,ROW(INDEX(Jesper!AJ$2:AJ$366,ROUNDDOWN($C4163/24,0)+1,1))-1)+IF('Standard Profiles'!$G$20=$B$10,7,0)+IF('Standard Profiles'!$G$20=$B$17,14,0)+IF('Standard Profiles'!$G$20=$B$24,21,0),MOD($C4163,24)+1)/SUM(INDEX($D$3:$AA$30,INDEX(Jesper!$R$2:$R$366,ROW(INDEX(Jesper!AJ$2:AJ$366,ROUNDDOWN($C4163/24,0)+1,1))-1)+IF('Standard Profiles'!$G$20=$B$10,7,0)+IF('Standard Profiles'!$G$20=$B$17,14,0)+IF('Standard Profiles'!$G$20=$B$24,21,0),0)),0)</f>
        <v>0</v>
      </c>
      <c r="G4163" cm="1">
        <f t="array" ref="G4163">IFERROR(INDEX(Jesper!AK$2:AK$366,ROUNDDOWN($C4163/24,0)+1,1)*INDEX($D$3:$AA$30,INDEX(Jesper!$R$2:$R$366,ROW(INDEX(Jesper!AK$2:AK$366,ROUNDDOWN($C4163/24,0)+1,1))-1)+IF('Standard Profiles'!$G$21=$B$10,7,0)+IF('Standard Profiles'!$G$21=$B$17,14,0)+IF('Standard Profiles'!$G$21=$B$24,21,0),MOD($C4163,24)+1)/SUM(INDEX($D$3:$AA$30,INDEX(Jesper!$R$2:$R$366,ROW(INDEX(Jesper!AK$2:AK$366,ROUNDDOWN($C4163/24,0)+1,1))-1)+IF('Standard Profiles'!$G$21=$B$10,7,0)+IF('Standard Profiles'!$G$21=$B$17,14,0)+IF('Standard Profiles'!$G$21=$B$24,21,0),0)),0)</f>
        <v>0</v>
      </c>
      <c r="H4163" cm="1">
        <f t="array" ref="H4163">IFERROR(INDEX(Jesper!AL$2:AL$366,ROUNDDOWN($C4163/24,0)+1,1)*INDEX($D$3:$AA$30,INDEX(Jesper!$R$2:$R$366,ROW(INDEX(Jesper!AL$2:AL$366,ROUNDDOWN($C4163/24,0)+1,1))-1)+IF('Standard Profiles'!$G$22=$B$10,7,0)+IF('Standard Profiles'!$G$22=$B$17,14,0)+IF('Standard Profiles'!$G$22=$B$24,21,0),MOD($C4163,24)+1)/SUM(INDEX($D$3:$AA$30,INDEX(Jesper!$R$2:$R$366,ROW(INDEX(Jesper!AL$2:AL$366,ROUNDDOWN($C4163/24,0)+1,1))-1)+IF('Standard Profiles'!$G$22=$B$10,7,0)+IF('Standard Profiles'!$G$22=$B$17,14,0)+IF('Standard Profiles'!$G$22=$B$24,21,0),0)),0)</f>
        <v>0</v>
      </c>
      <c r="I4163">
        <f t="shared" si="468"/>
        <v>0.22365220145722581</v>
      </c>
      <c r="J4163">
        <f t="shared" si="469"/>
        <v>0.74550733819075277</v>
      </c>
      <c r="K4163">
        <f t="shared" si="470"/>
        <v>1.118261007286129</v>
      </c>
      <c r="L4163">
        <f t="shared" si="471"/>
        <v>5.3676528349734198</v>
      </c>
      <c r="M4163">
        <f t="shared" si="472"/>
        <v>0</v>
      </c>
      <c r="N4163" s="46">
        <f t="shared" si="473"/>
        <v>45464.041666656653</v>
      </c>
    </row>
    <row r="4164" spans="2:14" x14ac:dyDescent="0.3">
      <c r="B4164">
        <f t="shared" si="467"/>
        <v>5</v>
      </c>
      <c r="C4164" s="16">
        <v>4130</v>
      </c>
      <c r="D4164" cm="1">
        <f t="array" ref="D4164">IFERROR(INDEX(Jesper!AH$2:AH$366,ROUNDDOWN($C4164/24,0)+1,1)*INDEX($D$3:$AA$30,INDEX(Jesper!$R$2:$R$366,ROW(INDEX(Jesper!AH$2:AH$366,ROUNDDOWN($C4164/24,0)+1,1))-1)+IF('Standard Profiles'!$G$18=$B$10,7,0)+IF('Standard Profiles'!$G$18=$B$17,14,0)+IF('Standard Profiles'!$G$18=$B$24,21,0),MOD($C4164,24)+1)/SUM(INDEX($D$3:$AA$30,INDEX(Jesper!$R$2:$R$366,ROW(INDEX(Jesper!AH$2:AH$366,ROUNDDOWN($C4164/24,0)+1,1))-1)+IF('Standard Profiles'!$G$18=$B$10,7,0)+IF('Standard Profiles'!$G$18=$B$17,14,0)+IF('Standard Profiles'!$G$18=$B$24,21,0),0)),0)</f>
        <v>7.4550733819075274</v>
      </c>
      <c r="E4164" cm="1">
        <f t="array" ref="E4164">IFERROR(INDEX(Jesper!AI$2:AI$366,ROUNDDOWN($C4164/24,0)+1,1)*INDEX($D$3:$AA$30,INDEX(Jesper!$R$2:$R$366,ROW(INDEX(Jesper!AI$2:AI$366,ROUNDDOWN($C4164/24,0)+1,1))-1)+IF('Standard Profiles'!$G$19=$B$10,7,0)+IF('Standard Profiles'!$G$19=$B$17,14,0)+IF('Standard Profiles'!$G$19=$B$24,21,0),MOD($C4164,24)+1)/SUM(INDEX($D$3:$AA$30,INDEX(Jesper!$R$2:$R$366,ROW(INDEX(Jesper!AI$2:AI$366,ROUNDDOWN($C4164/24,0)+1,1))-1)+IF('Standard Profiles'!$G$19=$B$10,7,0)+IF('Standard Profiles'!$G$19=$B$17,14,0)+IF('Standard Profiles'!$G$19=$B$24,21,0),0)),0)</f>
        <v>0</v>
      </c>
      <c r="F4164" cm="1">
        <f t="array" ref="F4164">IFERROR(INDEX(Jesper!AJ$2:AJ$366,ROUNDDOWN($C4164/24,0)+1,1)*INDEX($D$3:$AA$30,INDEX(Jesper!$R$2:$R$366,ROW(INDEX(Jesper!AJ$2:AJ$366,ROUNDDOWN($C4164/24,0)+1,1))-1)+IF('Standard Profiles'!$G$20=$B$10,7,0)+IF('Standard Profiles'!$G$20=$B$17,14,0)+IF('Standard Profiles'!$G$20=$B$24,21,0),MOD($C4164,24)+1)/SUM(INDEX($D$3:$AA$30,INDEX(Jesper!$R$2:$R$366,ROW(INDEX(Jesper!AJ$2:AJ$366,ROUNDDOWN($C4164/24,0)+1,1))-1)+IF('Standard Profiles'!$G$20=$B$10,7,0)+IF('Standard Profiles'!$G$20=$B$17,14,0)+IF('Standard Profiles'!$G$20=$B$24,21,0),0)),0)</f>
        <v>0</v>
      </c>
      <c r="G4164" cm="1">
        <f t="array" ref="G4164">IFERROR(INDEX(Jesper!AK$2:AK$366,ROUNDDOWN($C4164/24,0)+1,1)*INDEX($D$3:$AA$30,INDEX(Jesper!$R$2:$R$366,ROW(INDEX(Jesper!AK$2:AK$366,ROUNDDOWN($C4164/24,0)+1,1))-1)+IF('Standard Profiles'!$G$21=$B$10,7,0)+IF('Standard Profiles'!$G$21=$B$17,14,0)+IF('Standard Profiles'!$G$21=$B$24,21,0),MOD($C4164,24)+1)/SUM(INDEX($D$3:$AA$30,INDEX(Jesper!$R$2:$R$366,ROW(INDEX(Jesper!AK$2:AK$366,ROUNDDOWN($C4164/24,0)+1,1))-1)+IF('Standard Profiles'!$G$21=$B$10,7,0)+IF('Standard Profiles'!$G$21=$B$17,14,0)+IF('Standard Profiles'!$G$21=$B$24,21,0),0)),0)</f>
        <v>0</v>
      </c>
      <c r="H4164" cm="1">
        <f t="array" ref="H4164">IFERROR(INDEX(Jesper!AL$2:AL$366,ROUNDDOWN($C4164/24,0)+1,1)*INDEX($D$3:$AA$30,INDEX(Jesper!$R$2:$R$366,ROW(INDEX(Jesper!AL$2:AL$366,ROUNDDOWN($C4164/24,0)+1,1))-1)+IF('Standard Profiles'!$G$22=$B$10,7,0)+IF('Standard Profiles'!$G$22=$B$17,14,0)+IF('Standard Profiles'!$G$22=$B$24,21,0),MOD($C4164,24)+1)/SUM(INDEX($D$3:$AA$30,INDEX(Jesper!$R$2:$R$366,ROW(INDEX(Jesper!AL$2:AL$366,ROUNDDOWN($C4164/24,0)+1,1))-1)+IF('Standard Profiles'!$G$22=$B$10,7,0)+IF('Standard Profiles'!$G$22=$B$17,14,0)+IF('Standard Profiles'!$G$22=$B$24,21,0),0)),0)</f>
        <v>0</v>
      </c>
      <c r="I4164">
        <f t="shared" si="468"/>
        <v>0.22365220145722581</v>
      </c>
      <c r="J4164">
        <f t="shared" si="469"/>
        <v>0.74550733819075277</v>
      </c>
      <c r="K4164">
        <f t="shared" si="470"/>
        <v>1.118261007286129</v>
      </c>
      <c r="L4164">
        <f t="shared" si="471"/>
        <v>5.3676528349734198</v>
      </c>
      <c r="M4164">
        <f t="shared" si="472"/>
        <v>0</v>
      </c>
      <c r="N4164" s="46">
        <f t="shared" si="473"/>
        <v>45464.083333323317</v>
      </c>
    </row>
    <row r="4165" spans="2:14" x14ac:dyDescent="0.3">
      <c r="B4165">
        <f t="shared" si="467"/>
        <v>5</v>
      </c>
      <c r="C4165" s="16">
        <v>4131</v>
      </c>
      <c r="D4165" cm="1">
        <f t="array" ref="D4165">IFERROR(INDEX(Jesper!AH$2:AH$366,ROUNDDOWN($C4165/24,0)+1,1)*INDEX($D$3:$AA$30,INDEX(Jesper!$R$2:$R$366,ROW(INDEX(Jesper!AH$2:AH$366,ROUNDDOWN($C4165/24,0)+1,1))-1)+IF('Standard Profiles'!$G$18=$B$10,7,0)+IF('Standard Profiles'!$G$18=$B$17,14,0)+IF('Standard Profiles'!$G$18=$B$24,21,0),MOD($C4165,24)+1)/SUM(INDEX($D$3:$AA$30,INDEX(Jesper!$R$2:$R$366,ROW(INDEX(Jesper!AH$2:AH$366,ROUNDDOWN($C4165/24,0)+1,1))-1)+IF('Standard Profiles'!$G$18=$B$10,7,0)+IF('Standard Profiles'!$G$18=$B$17,14,0)+IF('Standard Profiles'!$G$18=$B$24,21,0),0)),0)</f>
        <v>7.4550733819075274</v>
      </c>
      <c r="E4165" cm="1">
        <f t="array" ref="E4165">IFERROR(INDEX(Jesper!AI$2:AI$366,ROUNDDOWN($C4165/24,0)+1,1)*INDEX($D$3:$AA$30,INDEX(Jesper!$R$2:$R$366,ROW(INDEX(Jesper!AI$2:AI$366,ROUNDDOWN($C4165/24,0)+1,1))-1)+IF('Standard Profiles'!$G$19=$B$10,7,0)+IF('Standard Profiles'!$G$19=$B$17,14,0)+IF('Standard Profiles'!$G$19=$B$24,21,0),MOD($C4165,24)+1)/SUM(INDEX($D$3:$AA$30,INDEX(Jesper!$R$2:$R$366,ROW(INDEX(Jesper!AI$2:AI$366,ROUNDDOWN($C4165/24,0)+1,1))-1)+IF('Standard Profiles'!$G$19=$B$10,7,0)+IF('Standard Profiles'!$G$19=$B$17,14,0)+IF('Standard Profiles'!$G$19=$B$24,21,0),0)),0)</f>
        <v>0</v>
      </c>
      <c r="F4165" cm="1">
        <f t="array" ref="F4165">IFERROR(INDEX(Jesper!AJ$2:AJ$366,ROUNDDOWN($C4165/24,0)+1,1)*INDEX($D$3:$AA$30,INDEX(Jesper!$R$2:$R$366,ROW(INDEX(Jesper!AJ$2:AJ$366,ROUNDDOWN($C4165/24,0)+1,1))-1)+IF('Standard Profiles'!$G$20=$B$10,7,0)+IF('Standard Profiles'!$G$20=$B$17,14,0)+IF('Standard Profiles'!$G$20=$B$24,21,0),MOD($C4165,24)+1)/SUM(INDEX($D$3:$AA$30,INDEX(Jesper!$R$2:$R$366,ROW(INDEX(Jesper!AJ$2:AJ$366,ROUNDDOWN($C4165/24,0)+1,1))-1)+IF('Standard Profiles'!$G$20=$B$10,7,0)+IF('Standard Profiles'!$G$20=$B$17,14,0)+IF('Standard Profiles'!$G$20=$B$24,21,0),0)),0)</f>
        <v>0</v>
      </c>
      <c r="G4165" cm="1">
        <f t="array" ref="G4165">IFERROR(INDEX(Jesper!AK$2:AK$366,ROUNDDOWN($C4165/24,0)+1,1)*INDEX($D$3:$AA$30,INDEX(Jesper!$R$2:$R$366,ROW(INDEX(Jesper!AK$2:AK$366,ROUNDDOWN($C4165/24,0)+1,1))-1)+IF('Standard Profiles'!$G$21=$B$10,7,0)+IF('Standard Profiles'!$G$21=$B$17,14,0)+IF('Standard Profiles'!$G$21=$B$24,21,0),MOD($C4165,24)+1)/SUM(INDEX($D$3:$AA$30,INDEX(Jesper!$R$2:$R$366,ROW(INDEX(Jesper!AK$2:AK$366,ROUNDDOWN($C4165/24,0)+1,1))-1)+IF('Standard Profiles'!$G$21=$B$10,7,0)+IF('Standard Profiles'!$G$21=$B$17,14,0)+IF('Standard Profiles'!$G$21=$B$24,21,0),0)),0)</f>
        <v>0</v>
      </c>
      <c r="H4165" cm="1">
        <f t="array" ref="H4165">IFERROR(INDEX(Jesper!AL$2:AL$366,ROUNDDOWN($C4165/24,0)+1,1)*INDEX($D$3:$AA$30,INDEX(Jesper!$R$2:$R$366,ROW(INDEX(Jesper!AL$2:AL$366,ROUNDDOWN($C4165/24,0)+1,1))-1)+IF('Standard Profiles'!$G$22=$B$10,7,0)+IF('Standard Profiles'!$G$22=$B$17,14,0)+IF('Standard Profiles'!$G$22=$B$24,21,0),MOD($C4165,24)+1)/SUM(INDEX($D$3:$AA$30,INDEX(Jesper!$R$2:$R$366,ROW(INDEX(Jesper!AL$2:AL$366,ROUNDDOWN($C4165/24,0)+1,1))-1)+IF('Standard Profiles'!$G$22=$B$10,7,0)+IF('Standard Profiles'!$G$22=$B$17,14,0)+IF('Standard Profiles'!$G$22=$B$24,21,0),0)),0)</f>
        <v>0</v>
      </c>
      <c r="I4165">
        <f t="shared" si="468"/>
        <v>0.22365220145722581</v>
      </c>
      <c r="J4165">
        <f t="shared" si="469"/>
        <v>0.74550733819075277</v>
      </c>
      <c r="K4165">
        <f t="shared" si="470"/>
        <v>1.118261007286129</v>
      </c>
      <c r="L4165">
        <f t="shared" si="471"/>
        <v>5.3676528349734198</v>
      </c>
      <c r="M4165">
        <f t="shared" si="472"/>
        <v>0</v>
      </c>
      <c r="N4165" s="46">
        <f t="shared" si="473"/>
        <v>45464.124999989981</v>
      </c>
    </row>
    <row r="4166" spans="2:14" x14ac:dyDescent="0.3">
      <c r="B4166">
        <f t="shared" si="467"/>
        <v>5</v>
      </c>
      <c r="C4166" s="16">
        <v>4132</v>
      </c>
      <c r="D4166" cm="1">
        <f t="array" ref="D4166">IFERROR(INDEX(Jesper!AH$2:AH$366,ROUNDDOWN($C4166/24,0)+1,1)*INDEX($D$3:$AA$30,INDEX(Jesper!$R$2:$R$366,ROW(INDEX(Jesper!AH$2:AH$366,ROUNDDOWN($C4166/24,0)+1,1))-1)+IF('Standard Profiles'!$G$18=$B$10,7,0)+IF('Standard Profiles'!$G$18=$B$17,14,0)+IF('Standard Profiles'!$G$18=$B$24,21,0),MOD($C4166,24)+1)/SUM(INDEX($D$3:$AA$30,INDEX(Jesper!$R$2:$R$366,ROW(INDEX(Jesper!AH$2:AH$366,ROUNDDOWN($C4166/24,0)+1,1))-1)+IF('Standard Profiles'!$G$18=$B$10,7,0)+IF('Standard Profiles'!$G$18=$B$17,14,0)+IF('Standard Profiles'!$G$18=$B$24,21,0),0)),0)</f>
        <v>7.4550733819075274</v>
      </c>
      <c r="E4166" cm="1">
        <f t="array" ref="E4166">IFERROR(INDEX(Jesper!AI$2:AI$366,ROUNDDOWN($C4166/24,0)+1,1)*INDEX($D$3:$AA$30,INDEX(Jesper!$R$2:$R$366,ROW(INDEX(Jesper!AI$2:AI$366,ROUNDDOWN($C4166/24,0)+1,1))-1)+IF('Standard Profiles'!$G$19=$B$10,7,0)+IF('Standard Profiles'!$G$19=$B$17,14,0)+IF('Standard Profiles'!$G$19=$B$24,21,0),MOD($C4166,24)+1)/SUM(INDEX($D$3:$AA$30,INDEX(Jesper!$R$2:$R$366,ROW(INDEX(Jesper!AI$2:AI$366,ROUNDDOWN($C4166/24,0)+1,1))-1)+IF('Standard Profiles'!$G$19=$B$10,7,0)+IF('Standard Profiles'!$G$19=$B$17,14,0)+IF('Standard Profiles'!$G$19=$B$24,21,0),0)),0)</f>
        <v>0</v>
      </c>
      <c r="F4166" cm="1">
        <f t="array" ref="F4166">IFERROR(INDEX(Jesper!AJ$2:AJ$366,ROUNDDOWN($C4166/24,0)+1,1)*INDEX($D$3:$AA$30,INDEX(Jesper!$R$2:$R$366,ROW(INDEX(Jesper!AJ$2:AJ$366,ROUNDDOWN($C4166/24,0)+1,1))-1)+IF('Standard Profiles'!$G$20=$B$10,7,0)+IF('Standard Profiles'!$G$20=$B$17,14,0)+IF('Standard Profiles'!$G$20=$B$24,21,0),MOD($C4166,24)+1)/SUM(INDEX($D$3:$AA$30,INDEX(Jesper!$R$2:$R$366,ROW(INDEX(Jesper!AJ$2:AJ$366,ROUNDDOWN($C4166/24,0)+1,1))-1)+IF('Standard Profiles'!$G$20=$B$10,7,0)+IF('Standard Profiles'!$G$20=$B$17,14,0)+IF('Standard Profiles'!$G$20=$B$24,21,0),0)),0)</f>
        <v>0</v>
      </c>
      <c r="G4166" cm="1">
        <f t="array" ref="G4166">IFERROR(INDEX(Jesper!AK$2:AK$366,ROUNDDOWN($C4166/24,0)+1,1)*INDEX($D$3:$AA$30,INDEX(Jesper!$R$2:$R$366,ROW(INDEX(Jesper!AK$2:AK$366,ROUNDDOWN($C4166/24,0)+1,1))-1)+IF('Standard Profiles'!$G$21=$B$10,7,0)+IF('Standard Profiles'!$G$21=$B$17,14,0)+IF('Standard Profiles'!$G$21=$B$24,21,0),MOD($C4166,24)+1)/SUM(INDEX($D$3:$AA$30,INDEX(Jesper!$R$2:$R$366,ROW(INDEX(Jesper!AK$2:AK$366,ROUNDDOWN($C4166/24,0)+1,1))-1)+IF('Standard Profiles'!$G$21=$B$10,7,0)+IF('Standard Profiles'!$G$21=$B$17,14,0)+IF('Standard Profiles'!$G$21=$B$24,21,0),0)),0)</f>
        <v>0</v>
      </c>
      <c r="H4166" cm="1">
        <f t="array" ref="H4166">IFERROR(INDEX(Jesper!AL$2:AL$366,ROUNDDOWN($C4166/24,0)+1,1)*INDEX($D$3:$AA$30,INDEX(Jesper!$R$2:$R$366,ROW(INDEX(Jesper!AL$2:AL$366,ROUNDDOWN($C4166/24,0)+1,1))-1)+IF('Standard Profiles'!$G$22=$B$10,7,0)+IF('Standard Profiles'!$G$22=$B$17,14,0)+IF('Standard Profiles'!$G$22=$B$24,21,0),MOD($C4166,24)+1)/SUM(INDEX($D$3:$AA$30,INDEX(Jesper!$R$2:$R$366,ROW(INDEX(Jesper!AL$2:AL$366,ROUNDDOWN($C4166/24,0)+1,1))-1)+IF('Standard Profiles'!$G$22=$B$10,7,0)+IF('Standard Profiles'!$G$22=$B$17,14,0)+IF('Standard Profiles'!$G$22=$B$24,21,0),0)),0)</f>
        <v>0</v>
      </c>
      <c r="I4166">
        <f t="shared" si="468"/>
        <v>0.22365220145722581</v>
      </c>
      <c r="J4166">
        <f t="shared" si="469"/>
        <v>0.74550733819075277</v>
      </c>
      <c r="K4166">
        <f t="shared" si="470"/>
        <v>1.118261007286129</v>
      </c>
      <c r="L4166">
        <f t="shared" si="471"/>
        <v>5.3676528349734198</v>
      </c>
      <c r="M4166">
        <f t="shared" si="472"/>
        <v>0</v>
      </c>
      <c r="N4166" s="46">
        <f t="shared" si="473"/>
        <v>45464.166666656645</v>
      </c>
    </row>
    <row r="4167" spans="2:14" x14ac:dyDescent="0.3">
      <c r="B4167">
        <f t="shared" si="467"/>
        <v>5</v>
      </c>
      <c r="C4167" s="16">
        <v>4133</v>
      </c>
      <c r="D4167" cm="1">
        <f t="array" ref="D4167">IFERROR(INDEX(Jesper!AH$2:AH$366,ROUNDDOWN($C4167/24,0)+1,1)*INDEX($D$3:$AA$30,INDEX(Jesper!$R$2:$R$366,ROW(INDEX(Jesper!AH$2:AH$366,ROUNDDOWN($C4167/24,0)+1,1))-1)+IF('Standard Profiles'!$G$18=$B$10,7,0)+IF('Standard Profiles'!$G$18=$B$17,14,0)+IF('Standard Profiles'!$G$18=$B$24,21,0),MOD($C4167,24)+1)/SUM(INDEX($D$3:$AA$30,INDEX(Jesper!$R$2:$R$366,ROW(INDEX(Jesper!AH$2:AH$366,ROUNDDOWN($C4167/24,0)+1,1))-1)+IF('Standard Profiles'!$G$18=$B$10,7,0)+IF('Standard Profiles'!$G$18=$B$17,14,0)+IF('Standard Profiles'!$G$18=$B$24,21,0),0)),0)</f>
        <v>9.6087612477919251</v>
      </c>
      <c r="E4167" cm="1">
        <f t="array" ref="E4167">IFERROR(INDEX(Jesper!AI$2:AI$366,ROUNDDOWN($C4167/24,0)+1,1)*INDEX($D$3:$AA$30,INDEX(Jesper!$R$2:$R$366,ROW(INDEX(Jesper!AI$2:AI$366,ROUNDDOWN($C4167/24,0)+1,1))-1)+IF('Standard Profiles'!$G$19=$B$10,7,0)+IF('Standard Profiles'!$G$19=$B$17,14,0)+IF('Standard Profiles'!$G$19=$B$24,21,0),MOD($C4167,24)+1)/SUM(INDEX($D$3:$AA$30,INDEX(Jesper!$R$2:$R$366,ROW(INDEX(Jesper!AI$2:AI$366,ROUNDDOWN($C4167/24,0)+1,1))-1)+IF('Standard Profiles'!$G$19=$B$10,7,0)+IF('Standard Profiles'!$G$19=$B$17,14,0)+IF('Standard Profiles'!$G$19=$B$24,21,0),0)),0)</f>
        <v>0</v>
      </c>
      <c r="F4167" cm="1">
        <f t="array" ref="F4167">IFERROR(INDEX(Jesper!AJ$2:AJ$366,ROUNDDOWN($C4167/24,0)+1,1)*INDEX($D$3:$AA$30,INDEX(Jesper!$R$2:$R$366,ROW(INDEX(Jesper!AJ$2:AJ$366,ROUNDDOWN($C4167/24,0)+1,1))-1)+IF('Standard Profiles'!$G$20=$B$10,7,0)+IF('Standard Profiles'!$G$20=$B$17,14,0)+IF('Standard Profiles'!$G$20=$B$24,21,0),MOD($C4167,24)+1)/SUM(INDEX($D$3:$AA$30,INDEX(Jesper!$R$2:$R$366,ROW(INDEX(Jesper!AJ$2:AJ$366,ROUNDDOWN($C4167/24,0)+1,1))-1)+IF('Standard Profiles'!$G$20=$B$10,7,0)+IF('Standard Profiles'!$G$20=$B$17,14,0)+IF('Standard Profiles'!$G$20=$B$24,21,0),0)),0)</f>
        <v>0</v>
      </c>
      <c r="G4167" cm="1">
        <f t="array" ref="G4167">IFERROR(INDEX(Jesper!AK$2:AK$366,ROUNDDOWN($C4167/24,0)+1,1)*INDEX($D$3:$AA$30,INDEX(Jesper!$R$2:$R$366,ROW(INDEX(Jesper!AK$2:AK$366,ROUNDDOWN($C4167/24,0)+1,1))-1)+IF('Standard Profiles'!$G$21=$B$10,7,0)+IF('Standard Profiles'!$G$21=$B$17,14,0)+IF('Standard Profiles'!$G$21=$B$24,21,0),MOD($C4167,24)+1)/SUM(INDEX($D$3:$AA$30,INDEX(Jesper!$R$2:$R$366,ROW(INDEX(Jesper!AK$2:AK$366,ROUNDDOWN($C4167/24,0)+1,1))-1)+IF('Standard Profiles'!$G$21=$B$10,7,0)+IF('Standard Profiles'!$G$21=$B$17,14,0)+IF('Standard Profiles'!$G$21=$B$24,21,0),0)),0)</f>
        <v>0</v>
      </c>
      <c r="H4167" cm="1">
        <f t="array" ref="H4167">IFERROR(INDEX(Jesper!AL$2:AL$366,ROUNDDOWN($C4167/24,0)+1,1)*INDEX($D$3:$AA$30,INDEX(Jesper!$R$2:$R$366,ROW(INDEX(Jesper!AL$2:AL$366,ROUNDDOWN($C4167/24,0)+1,1))-1)+IF('Standard Profiles'!$G$22=$B$10,7,0)+IF('Standard Profiles'!$G$22=$B$17,14,0)+IF('Standard Profiles'!$G$22=$B$24,21,0),MOD($C4167,24)+1)/SUM(INDEX($D$3:$AA$30,INDEX(Jesper!$R$2:$R$366,ROW(INDEX(Jesper!AL$2:AL$366,ROUNDDOWN($C4167/24,0)+1,1))-1)+IF('Standard Profiles'!$G$22=$B$10,7,0)+IF('Standard Profiles'!$G$22=$B$17,14,0)+IF('Standard Profiles'!$G$22=$B$24,21,0),0)),0)</f>
        <v>0</v>
      </c>
      <c r="I4167">
        <f t="shared" si="468"/>
        <v>0.28826283743375775</v>
      </c>
      <c r="J4167">
        <f t="shared" si="469"/>
        <v>0.9608761247791926</v>
      </c>
      <c r="K4167">
        <f t="shared" si="470"/>
        <v>1.4413141871687887</v>
      </c>
      <c r="L4167">
        <f t="shared" si="471"/>
        <v>6.9183080984101855</v>
      </c>
      <c r="M4167">
        <f t="shared" si="472"/>
        <v>0</v>
      </c>
      <c r="N4167" s="46">
        <f t="shared" si="473"/>
        <v>45464.208333323309</v>
      </c>
    </row>
    <row r="4168" spans="2:14" x14ac:dyDescent="0.3">
      <c r="B4168">
        <f t="shared" si="467"/>
        <v>5</v>
      </c>
      <c r="C4168" s="16">
        <v>4134</v>
      </c>
      <c r="D4168" cm="1">
        <f t="array" ref="D4168">IFERROR(INDEX(Jesper!AH$2:AH$366,ROUNDDOWN($C4168/24,0)+1,1)*INDEX($D$3:$AA$30,INDEX(Jesper!$R$2:$R$366,ROW(INDEX(Jesper!AH$2:AH$366,ROUNDDOWN($C4168/24,0)+1,1))-1)+IF('Standard Profiles'!$G$18=$B$10,7,0)+IF('Standard Profiles'!$G$18=$B$17,14,0)+IF('Standard Profiles'!$G$18=$B$24,21,0),MOD($C4168,24)+1)/SUM(INDEX($D$3:$AA$30,INDEX(Jesper!$R$2:$R$366,ROW(INDEX(Jesper!AH$2:AH$366,ROUNDDOWN($C4168/24,0)+1,1))-1)+IF('Standard Profiles'!$G$18=$B$10,7,0)+IF('Standard Profiles'!$G$18=$B$17,14,0)+IF('Standard Profiles'!$G$18=$B$24,21,0),0)),0)</f>
        <v>11.596780816300599</v>
      </c>
      <c r="E4168" cm="1">
        <f t="array" ref="E4168">IFERROR(INDEX(Jesper!AI$2:AI$366,ROUNDDOWN($C4168/24,0)+1,1)*INDEX($D$3:$AA$30,INDEX(Jesper!$R$2:$R$366,ROW(INDEX(Jesper!AI$2:AI$366,ROUNDDOWN($C4168/24,0)+1,1))-1)+IF('Standard Profiles'!$G$19=$B$10,7,0)+IF('Standard Profiles'!$G$19=$B$17,14,0)+IF('Standard Profiles'!$G$19=$B$24,21,0),MOD($C4168,24)+1)/SUM(INDEX($D$3:$AA$30,INDEX(Jesper!$R$2:$R$366,ROW(INDEX(Jesper!AI$2:AI$366,ROUNDDOWN($C4168/24,0)+1,1))-1)+IF('Standard Profiles'!$G$19=$B$10,7,0)+IF('Standard Profiles'!$G$19=$B$17,14,0)+IF('Standard Profiles'!$G$19=$B$24,21,0),0)),0)</f>
        <v>0</v>
      </c>
      <c r="F4168" cm="1">
        <f t="array" ref="F4168">IFERROR(INDEX(Jesper!AJ$2:AJ$366,ROUNDDOWN($C4168/24,0)+1,1)*INDEX($D$3:$AA$30,INDEX(Jesper!$R$2:$R$366,ROW(INDEX(Jesper!AJ$2:AJ$366,ROUNDDOWN($C4168/24,0)+1,1))-1)+IF('Standard Profiles'!$G$20=$B$10,7,0)+IF('Standard Profiles'!$G$20=$B$17,14,0)+IF('Standard Profiles'!$G$20=$B$24,21,0),MOD($C4168,24)+1)/SUM(INDEX($D$3:$AA$30,INDEX(Jesper!$R$2:$R$366,ROW(INDEX(Jesper!AJ$2:AJ$366,ROUNDDOWN($C4168/24,0)+1,1))-1)+IF('Standard Profiles'!$G$20=$B$10,7,0)+IF('Standard Profiles'!$G$20=$B$17,14,0)+IF('Standard Profiles'!$G$20=$B$24,21,0),0)),0)</f>
        <v>0</v>
      </c>
      <c r="G4168" cm="1">
        <f t="array" ref="G4168">IFERROR(INDEX(Jesper!AK$2:AK$366,ROUNDDOWN($C4168/24,0)+1,1)*INDEX($D$3:$AA$30,INDEX(Jesper!$R$2:$R$366,ROW(INDEX(Jesper!AK$2:AK$366,ROUNDDOWN($C4168/24,0)+1,1))-1)+IF('Standard Profiles'!$G$21=$B$10,7,0)+IF('Standard Profiles'!$G$21=$B$17,14,0)+IF('Standard Profiles'!$G$21=$B$24,21,0),MOD($C4168,24)+1)/SUM(INDEX($D$3:$AA$30,INDEX(Jesper!$R$2:$R$366,ROW(INDEX(Jesper!AK$2:AK$366,ROUNDDOWN($C4168/24,0)+1,1))-1)+IF('Standard Profiles'!$G$21=$B$10,7,0)+IF('Standard Profiles'!$G$21=$B$17,14,0)+IF('Standard Profiles'!$G$21=$B$24,21,0),0)),0)</f>
        <v>0</v>
      </c>
      <c r="H4168" cm="1">
        <f t="array" ref="H4168">IFERROR(INDEX(Jesper!AL$2:AL$366,ROUNDDOWN($C4168/24,0)+1,1)*INDEX($D$3:$AA$30,INDEX(Jesper!$R$2:$R$366,ROW(INDEX(Jesper!AL$2:AL$366,ROUNDDOWN($C4168/24,0)+1,1))-1)+IF('Standard Profiles'!$G$22=$B$10,7,0)+IF('Standard Profiles'!$G$22=$B$17,14,0)+IF('Standard Profiles'!$G$22=$B$24,21,0),MOD($C4168,24)+1)/SUM(INDEX($D$3:$AA$30,INDEX(Jesper!$R$2:$R$366,ROW(INDEX(Jesper!AL$2:AL$366,ROUNDDOWN($C4168/24,0)+1,1))-1)+IF('Standard Profiles'!$G$22=$B$10,7,0)+IF('Standard Profiles'!$G$22=$B$17,14,0)+IF('Standard Profiles'!$G$22=$B$24,21,0),0)),0)</f>
        <v>0</v>
      </c>
      <c r="I4168">
        <f t="shared" si="468"/>
        <v>0.34790342448901795</v>
      </c>
      <c r="J4168">
        <f t="shared" si="469"/>
        <v>1.15967808163006</v>
      </c>
      <c r="K4168">
        <f t="shared" si="470"/>
        <v>1.7395171224450898</v>
      </c>
      <c r="L4168">
        <f t="shared" si="471"/>
        <v>8.3496821877364304</v>
      </c>
      <c r="M4168">
        <f t="shared" si="472"/>
        <v>0</v>
      </c>
      <c r="N4168" s="46">
        <f t="shared" si="473"/>
        <v>45464.249999989974</v>
      </c>
    </row>
    <row r="4169" spans="2:14" x14ac:dyDescent="0.3">
      <c r="B4169">
        <f t="shared" si="467"/>
        <v>5</v>
      </c>
      <c r="C4169" s="16">
        <v>4135</v>
      </c>
      <c r="D4169" cm="1">
        <f t="array" ref="D4169">IFERROR(INDEX(Jesper!AH$2:AH$366,ROUNDDOWN($C4169/24,0)+1,1)*INDEX($D$3:$AA$30,INDEX(Jesper!$R$2:$R$366,ROW(INDEX(Jesper!AH$2:AH$366,ROUNDDOWN($C4169/24,0)+1,1))-1)+IF('Standard Profiles'!$G$18=$B$10,7,0)+IF('Standard Profiles'!$G$18=$B$17,14,0)+IF('Standard Profiles'!$G$18=$B$24,21,0),MOD($C4169,24)+1)/SUM(INDEX($D$3:$AA$30,INDEX(Jesper!$R$2:$R$366,ROW(INDEX(Jesper!AH$2:AH$366,ROUNDDOWN($C4169/24,0)+1,1))-1)+IF('Standard Profiles'!$G$18=$B$10,7,0)+IF('Standard Profiles'!$G$18=$B$17,14,0)+IF('Standard Profiles'!$G$18=$B$24,21,0),0)),0)</f>
        <v>11.596780816300599</v>
      </c>
      <c r="E4169" cm="1">
        <f t="array" ref="E4169">IFERROR(INDEX(Jesper!AI$2:AI$366,ROUNDDOWN($C4169/24,0)+1,1)*INDEX($D$3:$AA$30,INDEX(Jesper!$R$2:$R$366,ROW(INDEX(Jesper!AI$2:AI$366,ROUNDDOWN($C4169/24,0)+1,1))-1)+IF('Standard Profiles'!$G$19=$B$10,7,0)+IF('Standard Profiles'!$G$19=$B$17,14,0)+IF('Standard Profiles'!$G$19=$B$24,21,0),MOD($C4169,24)+1)/SUM(INDEX($D$3:$AA$30,INDEX(Jesper!$R$2:$R$366,ROW(INDEX(Jesper!AI$2:AI$366,ROUNDDOWN($C4169/24,0)+1,1))-1)+IF('Standard Profiles'!$G$19=$B$10,7,0)+IF('Standard Profiles'!$G$19=$B$17,14,0)+IF('Standard Profiles'!$G$19=$B$24,21,0),0)),0)</f>
        <v>0</v>
      </c>
      <c r="F4169" cm="1">
        <f t="array" ref="F4169">IFERROR(INDEX(Jesper!AJ$2:AJ$366,ROUNDDOWN($C4169/24,0)+1,1)*INDEX($D$3:$AA$30,INDEX(Jesper!$R$2:$R$366,ROW(INDEX(Jesper!AJ$2:AJ$366,ROUNDDOWN($C4169/24,0)+1,1))-1)+IF('Standard Profiles'!$G$20=$B$10,7,0)+IF('Standard Profiles'!$G$20=$B$17,14,0)+IF('Standard Profiles'!$G$20=$B$24,21,0),MOD($C4169,24)+1)/SUM(INDEX($D$3:$AA$30,INDEX(Jesper!$R$2:$R$366,ROW(INDEX(Jesper!AJ$2:AJ$366,ROUNDDOWN($C4169/24,0)+1,1))-1)+IF('Standard Profiles'!$G$20=$B$10,7,0)+IF('Standard Profiles'!$G$20=$B$17,14,0)+IF('Standard Profiles'!$G$20=$B$24,21,0),0)),0)</f>
        <v>0</v>
      </c>
      <c r="G4169" cm="1">
        <f t="array" ref="G4169">IFERROR(INDEX(Jesper!AK$2:AK$366,ROUNDDOWN($C4169/24,0)+1,1)*INDEX($D$3:$AA$30,INDEX(Jesper!$R$2:$R$366,ROW(INDEX(Jesper!AK$2:AK$366,ROUNDDOWN($C4169/24,0)+1,1))-1)+IF('Standard Profiles'!$G$21=$B$10,7,0)+IF('Standard Profiles'!$G$21=$B$17,14,0)+IF('Standard Profiles'!$G$21=$B$24,21,0),MOD($C4169,24)+1)/SUM(INDEX($D$3:$AA$30,INDEX(Jesper!$R$2:$R$366,ROW(INDEX(Jesper!AK$2:AK$366,ROUNDDOWN($C4169/24,0)+1,1))-1)+IF('Standard Profiles'!$G$21=$B$10,7,0)+IF('Standard Profiles'!$G$21=$B$17,14,0)+IF('Standard Profiles'!$G$21=$B$24,21,0),0)),0)</f>
        <v>0</v>
      </c>
      <c r="H4169" cm="1">
        <f t="array" ref="H4169">IFERROR(INDEX(Jesper!AL$2:AL$366,ROUNDDOWN($C4169/24,0)+1,1)*INDEX($D$3:$AA$30,INDEX(Jesper!$R$2:$R$366,ROW(INDEX(Jesper!AL$2:AL$366,ROUNDDOWN($C4169/24,0)+1,1))-1)+IF('Standard Profiles'!$G$22=$B$10,7,0)+IF('Standard Profiles'!$G$22=$B$17,14,0)+IF('Standard Profiles'!$G$22=$B$24,21,0),MOD($C4169,24)+1)/SUM(INDEX($D$3:$AA$30,INDEX(Jesper!$R$2:$R$366,ROW(INDEX(Jesper!AL$2:AL$366,ROUNDDOWN($C4169/24,0)+1,1))-1)+IF('Standard Profiles'!$G$22=$B$10,7,0)+IF('Standard Profiles'!$G$22=$B$17,14,0)+IF('Standard Profiles'!$G$22=$B$24,21,0),0)),0)</f>
        <v>0</v>
      </c>
      <c r="I4169">
        <f t="shared" si="468"/>
        <v>0.34790342448901795</v>
      </c>
      <c r="J4169">
        <f t="shared" si="469"/>
        <v>1.15967808163006</v>
      </c>
      <c r="K4169">
        <f t="shared" si="470"/>
        <v>1.7395171224450898</v>
      </c>
      <c r="L4169">
        <f t="shared" si="471"/>
        <v>8.3496821877364304</v>
      </c>
      <c r="M4169">
        <f t="shared" si="472"/>
        <v>0</v>
      </c>
      <c r="N4169" s="46">
        <f t="shared" si="473"/>
        <v>45464.291666656638</v>
      </c>
    </row>
    <row r="4170" spans="2:14" x14ac:dyDescent="0.3">
      <c r="B4170">
        <f t="shared" si="467"/>
        <v>5</v>
      </c>
      <c r="C4170" s="16">
        <v>4136</v>
      </c>
      <c r="D4170" cm="1">
        <f t="array" ref="D4170">IFERROR(INDEX(Jesper!AH$2:AH$366,ROUNDDOWN($C4170/24,0)+1,1)*INDEX($D$3:$AA$30,INDEX(Jesper!$R$2:$R$366,ROW(INDEX(Jesper!AH$2:AH$366,ROUNDDOWN($C4170/24,0)+1,1))-1)+IF('Standard Profiles'!$G$18=$B$10,7,0)+IF('Standard Profiles'!$G$18=$B$17,14,0)+IF('Standard Profiles'!$G$18=$B$24,21,0),MOD($C4170,24)+1)/SUM(INDEX($D$3:$AA$30,INDEX(Jesper!$R$2:$R$366,ROW(INDEX(Jesper!AH$2:AH$366,ROUNDDOWN($C4170/24,0)+1,1))-1)+IF('Standard Profiles'!$G$18=$B$10,7,0)+IF('Standard Profiles'!$G$18=$B$17,14,0)+IF('Standard Profiles'!$G$18=$B$24,21,0),0)),0)</f>
        <v>11.596780816300599</v>
      </c>
      <c r="E4170" cm="1">
        <f t="array" ref="E4170">IFERROR(INDEX(Jesper!AI$2:AI$366,ROUNDDOWN($C4170/24,0)+1,1)*INDEX($D$3:$AA$30,INDEX(Jesper!$R$2:$R$366,ROW(INDEX(Jesper!AI$2:AI$366,ROUNDDOWN($C4170/24,0)+1,1))-1)+IF('Standard Profiles'!$G$19=$B$10,7,0)+IF('Standard Profiles'!$G$19=$B$17,14,0)+IF('Standard Profiles'!$G$19=$B$24,21,0),MOD($C4170,24)+1)/SUM(INDEX($D$3:$AA$30,INDEX(Jesper!$R$2:$R$366,ROW(INDEX(Jesper!AI$2:AI$366,ROUNDDOWN($C4170/24,0)+1,1))-1)+IF('Standard Profiles'!$G$19=$B$10,7,0)+IF('Standard Profiles'!$G$19=$B$17,14,0)+IF('Standard Profiles'!$G$19=$B$24,21,0),0)),0)</f>
        <v>0</v>
      </c>
      <c r="F4170" cm="1">
        <f t="array" ref="F4170">IFERROR(INDEX(Jesper!AJ$2:AJ$366,ROUNDDOWN($C4170/24,0)+1,1)*INDEX($D$3:$AA$30,INDEX(Jesper!$R$2:$R$366,ROW(INDEX(Jesper!AJ$2:AJ$366,ROUNDDOWN($C4170/24,0)+1,1))-1)+IF('Standard Profiles'!$G$20=$B$10,7,0)+IF('Standard Profiles'!$G$20=$B$17,14,0)+IF('Standard Profiles'!$G$20=$B$24,21,0),MOD($C4170,24)+1)/SUM(INDEX($D$3:$AA$30,INDEX(Jesper!$R$2:$R$366,ROW(INDEX(Jesper!AJ$2:AJ$366,ROUNDDOWN($C4170/24,0)+1,1))-1)+IF('Standard Profiles'!$G$20=$B$10,7,0)+IF('Standard Profiles'!$G$20=$B$17,14,0)+IF('Standard Profiles'!$G$20=$B$24,21,0),0)),0)</f>
        <v>0</v>
      </c>
      <c r="G4170" cm="1">
        <f t="array" ref="G4170">IFERROR(INDEX(Jesper!AK$2:AK$366,ROUNDDOWN($C4170/24,0)+1,1)*INDEX($D$3:$AA$30,INDEX(Jesper!$R$2:$R$366,ROW(INDEX(Jesper!AK$2:AK$366,ROUNDDOWN($C4170/24,0)+1,1))-1)+IF('Standard Profiles'!$G$21=$B$10,7,0)+IF('Standard Profiles'!$G$21=$B$17,14,0)+IF('Standard Profiles'!$G$21=$B$24,21,0),MOD($C4170,24)+1)/SUM(INDEX($D$3:$AA$30,INDEX(Jesper!$R$2:$R$366,ROW(INDEX(Jesper!AK$2:AK$366,ROUNDDOWN($C4170/24,0)+1,1))-1)+IF('Standard Profiles'!$G$21=$B$10,7,0)+IF('Standard Profiles'!$G$21=$B$17,14,0)+IF('Standard Profiles'!$G$21=$B$24,21,0),0)),0)</f>
        <v>0</v>
      </c>
      <c r="H4170" cm="1">
        <f t="array" ref="H4170">IFERROR(INDEX(Jesper!AL$2:AL$366,ROUNDDOWN($C4170/24,0)+1,1)*INDEX($D$3:$AA$30,INDEX(Jesper!$R$2:$R$366,ROW(INDEX(Jesper!AL$2:AL$366,ROUNDDOWN($C4170/24,0)+1,1))-1)+IF('Standard Profiles'!$G$22=$B$10,7,0)+IF('Standard Profiles'!$G$22=$B$17,14,0)+IF('Standard Profiles'!$G$22=$B$24,21,0),MOD($C4170,24)+1)/SUM(INDEX($D$3:$AA$30,INDEX(Jesper!$R$2:$R$366,ROW(INDEX(Jesper!AL$2:AL$366,ROUNDDOWN($C4170/24,0)+1,1))-1)+IF('Standard Profiles'!$G$22=$B$10,7,0)+IF('Standard Profiles'!$G$22=$B$17,14,0)+IF('Standard Profiles'!$G$22=$B$24,21,0),0)),0)</f>
        <v>0</v>
      </c>
      <c r="I4170">
        <f t="shared" si="468"/>
        <v>0.34790342448901795</v>
      </c>
      <c r="J4170">
        <f t="shared" si="469"/>
        <v>1.15967808163006</v>
      </c>
      <c r="K4170">
        <f t="shared" si="470"/>
        <v>1.7395171224450898</v>
      </c>
      <c r="L4170">
        <f t="shared" si="471"/>
        <v>8.3496821877364304</v>
      </c>
      <c r="M4170">
        <f t="shared" si="472"/>
        <v>0</v>
      </c>
      <c r="N4170" s="46">
        <f t="shared" si="473"/>
        <v>45464.333333323302</v>
      </c>
    </row>
    <row r="4171" spans="2:14" x14ac:dyDescent="0.3">
      <c r="B4171">
        <f t="shared" si="467"/>
        <v>5</v>
      </c>
      <c r="C4171" s="16">
        <v>4137</v>
      </c>
      <c r="D4171" cm="1">
        <f t="array" ref="D4171">IFERROR(INDEX(Jesper!AH$2:AH$366,ROUNDDOWN($C4171/24,0)+1,1)*INDEX($D$3:$AA$30,INDEX(Jesper!$R$2:$R$366,ROW(INDEX(Jesper!AH$2:AH$366,ROUNDDOWN($C4171/24,0)+1,1))-1)+IF('Standard Profiles'!$G$18=$B$10,7,0)+IF('Standard Profiles'!$G$18=$B$17,14,0)+IF('Standard Profiles'!$G$18=$B$24,21,0),MOD($C4171,24)+1)/SUM(INDEX($D$3:$AA$30,INDEX(Jesper!$R$2:$R$366,ROW(INDEX(Jesper!AH$2:AH$366,ROUNDDOWN($C4171/24,0)+1,1))-1)+IF('Standard Profiles'!$G$18=$B$10,7,0)+IF('Standard Profiles'!$G$18=$B$17,14,0)+IF('Standard Profiles'!$G$18=$B$24,21,0),0)),0)</f>
        <v>12.425122303179213</v>
      </c>
      <c r="E4171" cm="1">
        <f t="array" ref="E4171">IFERROR(INDEX(Jesper!AI$2:AI$366,ROUNDDOWN($C4171/24,0)+1,1)*INDEX($D$3:$AA$30,INDEX(Jesper!$R$2:$R$366,ROW(INDEX(Jesper!AI$2:AI$366,ROUNDDOWN($C4171/24,0)+1,1))-1)+IF('Standard Profiles'!$G$19=$B$10,7,0)+IF('Standard Profiles'!$G$19=$B$17,14,0)+IF('Standard Profiles'!$G$19=$B$24,21,0),MOD($C4171,24)+1)/SUM(INDEX($D$3:$AA$30,INDEX(Jesper!$R$2:$R$366,ROW(INDEX(Jesper!AI$2:AI$366,ROUNDDOWN($C4171/24,0)+1,1))-1)+IF('Standard Profiles'!$G$19=$B$10,7,0)+IF('Standard Profiles'!$G$19=$B$17,14,0)+IF('Standard Profiles'!$G$19=$B$24,21,0),0)),0)</f>
        <v>0</v>
      </c>
      <c r="F4171" cm="1">
        <f t="array" ref="F4171">IFERROR(INDEX(Jesper!AJ$2:AJ$366,ROUNDDOWN($C4171/24,0)+1,1)*INDEX($D$3:$AA$30,INDEX(Jesper!$R$2:$R$366,ROW(INDEX(Jesper!AJ$2:AJ$366,ROUNDDOWN($C4171/24,0)+1,1))-1)+IF('Standard Profiles'!$G$20=$B$10,7,0)+IF('Standard Profiles'!$G$20=$B$17,14,0)+IF('Standard Profiles'!$G$20=$B$24,21,0),MOD($C4171,24)+1)/SUM(INDEX($D$3:$AA$30,INDEX(Jesper!$R$2:$R$366,ROW(INDEX(Jesper!AJ$2:AJ$366,ROUNDDOWN($C4171/24,0)+1,1))-1)+IF('Standard Profiles'!$G$20=$B$10,7,0)+IF('Standard Profiles'!$G$20=$B$17,14,0)+IF('Standard Profiles'!$G$20=$B$24,21,0),0)),0)</f>
        <v>0</v>
      </c>
      <c r="G4171" cm="1">
        <f t="array" ref="G4171">IFERROR(INDEX(Jesper!AK$2:AK$366,ROUNDDOWN($C4171/24,0)+1,1)*INDEX($D$3:$AA$30,INDEX(Jesper!$R$2:$R$366,ROW(INDEX(Jesper!AK$2:AK$366,ROUNDDOWN($C4171/24,0)+1,1))-1)+IF('Standard Profiles'!$G$21=$B$10,7,0)+IF('Standard Profiles'!$G$21=$B$17,14,0)+IF('Standard Profiles'!$G$21=$B$24,21,0),MOD($C4171,24)+1)/SUM(INDEX($D$3:$AA$30,INDEX(Jesper!$R$2:$R$366,ROW(INDEX(Jesper!AK$2:AK$366,ROUNDDOWN($C4171/24,0)+1,1))-1)+IF('Standard Profiles'!$G$21=$B$10,7,0)+IF('Standard Profiles'!$G$21=$B$17,14,0)+IF('Standard Profiles'!$G$21=$B$24,21,0),0)),0)</f>
        <v>0</v>
      </c>
      <c r="H4171" cm="1">
        <f t="array" ref="H4171">IFERROR(INDEX(Jesper!AL$2:AL$366,ROUNDDOWN($C4171/24,0)+1,1)*INDEX($D$3:$AA$30,INDEX(Jesper!$R$2:$R$366,ROW(INDEX(Jesper!AL$2:AL$366,ROUNDDOWN($C4171/24,0)+1,1))-1)+IF('Standard Profiles'!$G$22=$B$10,7,0)+IF('Standard Profiles'!$G$22=$B$17,14,0)+IF('Standard Profiles'!$G$22=$B$24,21,0),MOD($C4171,24)+1)/SUM(INDEX($D$3:$AA$30,INDEX(Jesper!$R$2:$R$366,ROW(INDEX(Jesper!AL$2:AL$366,ROUNDDOWN($C4171/24,0)+1,1))-1)+IF('Standard Profiles'!$G$22=$B$10,7,0)+IF('Standard Profiles'!$G$22=$B$17,14,0)+IF('Standard Profiles'!$G$22=$B$24,21,0),0)),0)</f>
        <v>0</v>
      </c>
      <c r="I4171">
        <f t="shared" si="468"/>
        <v>0.37275366909537638</v>
      </c>
      <c r="J4171">
        <f t="shared" si="469"/>
        <v>1.2425122303179215</v>
      </c>
      <c r="K4171">
        <f t="shared" si="470"/>
        <v>1.8637683454768819</v>
      </c>
      <c r="L4171">
        <f t="shared" si="471"/>
        <v>8.9460880582890336</v>
      </c>
      <c r="M4171">
        <f t="shared" si="472"/>
        <v>0</v>
      </c>
      <c r="N4171" s="46">
        <f t="shared" si="473"/>
        <v>45464.374999989966</v>
      </c>
    </row>
    <row r="4172" spans="2:14" x14ac:dyDescent="0.3">
      <c r="B4172">
        <f t="shared" si="467"/>
        <v>5</v>
      </c>
      <c r="C4172" s="16">
        <v>4138</v>
      </c>
      <c r="D4172" cm="1">
        <f t="array" ref="D4172">IFERROR(INDEX(Jesper!AH$2:AH$366,ROUNDDOWN($C4172/24,0)+1,1)*INDEX($D$3:$AA$30,INDEX(Jesper!$R$2:$R$366,ROW(INDEX(Jesper!AH$2:AH$366,ROUNDDOWN($C4172/24,0)+1,1))-1)+IF('Standard Profiles'!$G$18=$B$10,7,0)+IF('Standard Profiles'!$G$18=$B$17,14,0)+IF('Standard Profiles'!$G$18=$B$24,21,0),MOD($C4172,24)+1)/SUM(INDEX($D$3:$AA$30,INDEX(Jesper!$R$2:$R$366,ROW(INDEX(Jesper!AH$2:AH$366,ROUNDDOWN($C4172/24,0)+1,1))-1)+IF('Standard Profiles'!$G$18=$B$10,7,0)+IF('Standard Profiles'!$G$18=$B$17,14,0)+IF('Standard Profiles'!$G$18=$B$24,21,0),0)),0)</f>
        <v>12.922127195306382</v>
      </c>
      <c r="E4172" cm="1">
        <f t="array" ref="E4172">IFERROR(INDEX(Jesper!AI$2:AI$366,ROUNDDOWN($C4172/24,0)+1,1)*INDEX($D$3:$AA$30,INDEX(Jesper!$R$2:$R$366,ROW(INDEX(Jesper!AI$2:AI$366,ROUNDDOWN($C4172/24,0)+1,1))-1)+IF('Standard Profiles'!$G$19=$B$10,7,0)+IF('Standard Profiles'!$G$19=$B$17,14,0)+IF('Standard Profiles'!$G$19=$B$24,21,0),MOD($C4172,24)+1)/SUM(INDEX($D$3:$AA$30,INDEX(Jesper!$R$2:$R$366,ROW(INDEX(Jesper!AI$2:AI$366,ROUNDDOWN($C4172/24,0)+1,1))-1)+IF('Standard Profiles'!$G$19=$B$10,7,0)+IF('Standard Profiles'!$G$19=$B$17,14,0)+IF('Standard Profiles'!$G$19=$B$24,21,0),0)),0)</f>
        <v>0</v>
      </c>
      <c r="F4172" cm="1">
        <f t="array" ref="F4172">IFERROR(INDEX(Jesper!AJ$2:AJ$366,ROUNDDOWN($C4172/24,0)+1,1)*INDEX($D$3:$AA$30,INDEX(Jesper!$R$2:$R$366,ROW(INDEX(Jesper!AJ$2:AJ$366,ROUNDDOWN($C4172/24,0)+1,1))-1)+IF('Standard Profiles'!$G$20=$B$10,7,0)+IF('Standard Profiles'!$G$20=$B$17,14,0)+IF('Standard Profiles'!$G$20=$B$24,21,0),MOD($C4172,24)+1)/SUM(INDEX($D$3:$AA$30,INDEX(Jesper!$R$2:$R$366,ROW(INDEX(Jesper!AJ$2:AJ$366,ROUNDDOWN($C4172/24,0)+1,1))-1)+IF('Standard Profiles'!$G$20=$B$10,7,0)+IF('Standard Profiles'!$G$20=$B$17,14,0)+IF('Standard Profiles'!$G$20=$B$24,21,0),0)),0)</f>
        <v>0</v>
      </c>
      <c r="G4172" cm="1">
        <f t="array" ref="G4172">IFERROR(INDEX(Jesper!AK$2:AK$366,ROUNDDOWN($C4172/24,0)+1,1)*INDEX($D$3:$AA$30,INDEX(Jesper!$R$2:$R$366,ROW(INDEX(Jesper!AK$2:AK$366,ROUNDDOWN($C4172/24,0)+1,1))-1)+IF('Standard Profiles'!$G$21=$B$10,7,0)+IF('Standard Profiles'!$G$21=$B$17,14,0)+IF('Standard Profiles'!$G$21=$B$24,21,0),MOD($C4172,24)+1)/SUM(INDEX($D$3:$AA$30,INDEX(Jesper!$R$2:$R$366,ROW(INDEX(Jesper!AK$2:AK$366,ROUNDDOWN($C4172/24,0)+1,1))-1)+IF('Standard Profiles'!$G$21=$B$10,7,0)+IF('Standard Profiles'!$G$21=$B$17,14,0)+IF('Standard Profiles'!$G$21=$B$24,21,0),0)),0)</f>
        <v>0</v>
      </c>
      <c r="H4172" cm="1">
        <f t="array" ref="H4172">IFERROR(INDEX(Jesper!AL$2:AL$366,ROUNDDOWN($C4172/24,0)+1,1)*INDEX($D$3:$AA$30,INDEX(Jesper!$R$2:$R$366,ROW(INDEX(Jesper!AL$2:AL$366,ROUNDDOWN($C4172/24,0)+1,1))-1)+IF('Standard Profiles'!$G$22=$B$10,7,0)+IF('Standard Profiles'!$G$22=$B$17,14,0)+IF('Standard Profiles'!$G$22=$B$24,21,0),MOD($C4172,24)+1)/SUM(INDEX($D$3:$AA$30,INDEX(Jesper!$R$2:$R$366,ROW(INDEX(Jesper!AL$2:AL$366,ROUNDDOWN($C4172/24,0)+1,1))-1)+IF('Standard Profiles'!$G$22=$B$10,7,0)+IF('Standard Profiles'!$G$22=$B$17,14,0)+IF('Standard Profiles'!$G$22=$B$24,21,0),0)),0)</f>
        <v>0</v>
      </c>
      <c r="I4172">
        <f t="shared" si="468"/>
        <v>0.38766381585919146</v>
      </c>
      <c r="J4172">
        <f t="shared" si="469"/>
        <v>1.2922127195306383</v>
      </c>
      <c r="K4172">
        <f t="shared" si="470"/>
        <v>1.9383190792959573</v>
      </c>
      <c r="L4172">
        <f t="shared" si="471"/>
        <v>9.3039315806205956</v>
      </c>
      <c r="M4172">
        <f t="shared" si="472"/>
        <v>0</v>
      </c>
      <c r="N4172" s="46">
        <f t="shared" si="473"/>
        <v>45464.416666656631</v>
      </c>
    </row>
    <row r="4173" spans="2:14" x14ac:dyDescent="0.3">
      <c r="B4173">
        <f t="shared" si="467"/>
        <v>5</v>
      </c>
      <c r="C4173" s="16">
        <v>4139</v>
      </c>
      <c r="D4173" cm="1">
        <f t="array" ref="D4173">IFERROR(INDEX(Jesper!AH$2:AH$366,ROUNDDOWN($C4173/24,0)+1,1)*INDEX($D$3:$AA$30,INDEX(Jesper!$R$2:$R$366,ROW(INDEX(Jesper!AH$2:AH$366,ROUNDDOWN($C4173/24,0)+1,1))-1)+IF('Standard Profiles'!$G$18=$B$10,7,0)+IF('Standard Profiles'!$G$18=$B$17,14,0)+IF('Standard Profiles'!$G$18=$B$24,21,0),MOD($C4173,24)+1)/SUM(INDEX($D$3:$AA$30,INDEX(Jesper!$R$2:$R$366,ROW(INDEX(Jesper!AH$2:AH$366,ROUNDDOWN($C4173/24,0)+1,1))-1)+IF('Standard Profiles'!$G$18=$B$10,7,0)+IF('Standard Profiles'!$G$18=$B$17,14,0)+IF('Standard Profiles'!$G$18=$B$24,21,0),0)),0)</f>
        <v>14.910146763815055</v>
      </c>
      <c r="E4173" cm="1">
        <f t="array" ref="E4173">IFERROR(INDEX(Jesper!AI$2:AI$366,ROUNDDOWN($C4173/24,0)+1,1)*INDEX($D$3:$AA$30,INDEX(Jesper!$R$2:$R$366,ROW(INDEX(Jesper!AI$2:AI$366,ROUNDDOWN($C4173/24,0)+1,1))-1)+IF('Standard Profiles'!$G$19=$B$10,7,0)+IF('Standard Profiles'!$G$19=$B$17,14,0)+IF('Standard Profiles'!$G$19=$B$24,21,0),MOD($C4173,24)+1)/SUM(INDEX($D$3:$AA$30,INDEX(Jesper!$R$2:$R$366,ROW(INDEX(Jesper!AI$2:AI$366,ROUNDDOWN($C4173/24,0)+1,1))-1)+IF('Standard Profiles'!$G$19=$B$10,7,0)+IF('Standard Profiles'!$G$19=$B$17,14,0)+IF('Standard Profiles'!$G$19=$B$24,21,0),0)),0)</f>
        <v>0</v>
      </c>
      <c r="F4173" cm="1">
        <f t="array" ref="F4173">IFERROR(INDEX(Jesper!AJ$2:AJ$366,ROUNDDOWN($C4173/24,0)+1,1)*INDEX($D$3:$AA$30,INDEX(Jesper!$R$2:$R$366,ROW(INDEX(Jesper!AJ$2:AJ$366,ROUNDDOWN($C4173/24,0)+1,1))-1)+IF('Standard Profiles'!$G$20=$B$10,7,0)+IF('Standard Profiles'!$G$20=$B$17,14,0)+IF('Standard Profiles'!$G$20=$B$24,21,0),MOD($C4173,24)+1)/SUM(INDEX($D$3:$AA$30,INDEX(Jesper!$R$2:$R$366,ROW(INDEX(Jesper!AJ$2:AJ$366,ROUNDDOWN($C4173/24,0)+1,1))-1)+IF('Standard Profiles'!$G$20=$B$10,7,0)+IF('Standard Profiles'!$G$20=$B$17,14,0)+IF('Standard Profiles'!$G$20=$B$24,21,0),0)),0)</f>
        <v>0</v>
      </c>
      <c r="G4173" cm="1">
        <f t="array" ref="G4173">IFERROR(INDEX(Jesper!AK$2:AK$366,ROUNDDOWN($C4173/24,0)+1,1)*INDEX($D$3:$AA$30,INDEX(Jesper!$R$2:$R$366,ROW(INDEX(Jesper!AK$2:AK$366,ROUNDDOWN($C4173/24,0)+1,1))-1)+IF('Standard Profiles'!$G$21=$B$10,7,0)+IF('Standard Profiles'!$G$21=$B$17,14,0)+IF('Standard Profiles'!$G$21=$B$24,21,0),MOD($C4173,24)+1)/SUM(INDEX($D$3:$AA$30,INDEX(Jesper!$R$2:$R$366,ROW(INDEX(Jesper!AK$2:AK$366,ROUNDDOWN($C4173/24,0)+1,1))-1)+IF('Standard Profiles'!$G$21=$B$10,7,0)+IF('Standard Profiles'!$G$21=$B$17,14,0)+IF('Standard Profiles'!$G$21=$B$24,21,0),0)),0)</f>
        <v>0</v>
      </c>
      <c r="H4173" cm="1">
        <f t="array" ref="H4173">IFERROR(INDEX(Jesper!AL$2:AL$366,ROUNDDOWN($C4173/24,0)+1,1)*INDEX($D$3:$AA$30,INDEX(Jesper!$R$2:$R$366,ROW(INDEX(Jesper!AL$2:AL$366,ROUNDDOWN($C4173/24,0)+1,1))-1)+IF('Standard Profiles'!$G$22=$B$10,7,0)+IF('Standard Profiles'!$G$22=$B$17,14,0)+IF('Standard Profiles'!$G$22=$B$24,21,0),MOD($C4173,24)+1)/SUM(INDEX($D$3:$AA$30,INDEX(Jesper!$R$2:$R$366,ROW(INDEX(Jesper!AL$2:AL$366,ROUNDDOWN($C4173/24,0)+1,1))-1)+IF('Standard Profiles'!$G$22=$B$10,7,0)+IF('Standard Profiles'!$G$22=$B$17,14,0)+IF('Standard Profiles'!$G$22=$B$24,21,0),0)),0)</f>
        <v>0</v>
      </c>
      <c r="I4173">
        <f t="shared" si="468"/>
        <v>0.44730440291445162</v>
      </c>
      <c r="J4173">
        <f t="shared" si="469"/>
        <v>1.4910146763815055</v>
      </c>
      <c r="K4173">
        <f t="shared" si="470"/>
        <v>2.236522014572258</v>
      </c>
      <c r="L4173">
        <f t="shared" si="471"/>
        <v>10.73530566994684</v>
      </c>
      <c r="M4173">
        <f t="shared" si="472"/>
        <v>0</v>
      </c>
      <c r="N4173" s="46">
        <f t="shared" si="473"/>
        <v>45464.458333323295</v>
      </c>
    </row>
    <row r="4174" spans="2:14" x14ac:dyDescent="0.3">
      <c r="B4174">
        <f t="shared" si="467"/>
        <v>5</v>
      </c>
      <c r="C4174" s="16">
        <v>4140</v>
      </c>
      <c r="D4174" cm="1">
        <f t="array" ref="D4174">IFERROR(INDEX(Jesper!AH$2:AH$366,ROUNDDOWN($C4174/24,0)+1,1)*INDEX($D$3:$AA$30,INDEX(Jesper!$R$2:$R$366,ROW(INDEX(Jesper!AH$2:AH$366,ROUNDDOWN($C4174/24,0)+1,1))-1)+IF('Standard Profiles'!$G$18=$B$10,7,0)+IF('Standard Profiles'!$G$18=$B$17,14,0)+IF('Standard Profiles'!$G$18=$B$24,21,0),MOD($C4174,24)+1)/SUM(INDEX($D$3:$AA$30,INDEX(Jesper!$R$2:$R$366,ROW(INDEX(Jesper!AH$2:AH$366,ROUNDDOWN($C4174/24,0)+1,1))-1)+IF('Standard Profiles'!$G$18=$B$10,7,0)+IF('Standard Profiles'!$G$18=$B$17,14,0)+IF('Standard Profiles'!$G$18=$B$24,21,0),0)),0)</f>
        <v>14.910146763815055</v>
      </c>
      <c r="E4174" cm="1">
        <f t="array" ref="E4174">IFERROR(INDEX(Jesper!AI$2:AI$366,ROUNDDOWN($C4174/24,0)+1,1)*INDEX($D$3:$AA$30,INDEX(Jesper!$R$2:$R$366,ROW(INDEX(Jesper!AI$2:AI$366,ROUNDDOWN($C4174/24,0)+1,1))-1)+IF('Standard Profiles'!$G$19=$B$10,7,0)+IF('Standard Profiles'!$G$19=$B$17,14,0)+IF('Standard Profiles'!$G$19=$B$24,21,0),MOD($C4174,24)+1)/SUM(INDEX($D$3:$AA$30,INDEX(Jesper!$R$2:$R$366,ROW(INDEX(Jesper!AI$2:AI$366,ROUNDDOWN($C4174/24,0)+1,1))-1)+IF('Standard Profiles'!$G$19=$B$10,7,0)+IF('Standard Profiles'!$G$19=$B$17,14,0)+IF('Standard Profiles'!$G$19=$B$24,21,0),0)),0)</f>
        <v>0</v>
      </c>
      <c r="F4174" cm="1">
        <f t="array" ref="F4174">IFERROR(INDEX(Jesper!AJ$2:AJ$366,ROUNDDOWN($C4174/24,0)+1,1)*INDEX($D$3:$AA$30,INDEX(Jesper!$R$2:$R$366,ROW(INDEX(Jesper!AJ$2:AJ$366,ROUNDDOWN($C4174/24,0)+1,1))-1)+IF('Standard Profiles'!$G$20=$B$10,7,0)+IF('Standard Profiles'!$G$20=$B$17,14,0)+IF('Standard Profiles'!$G$20=$B$24,21,0),MOD($C4174,24)+1)/SUM(INDEX($D$3:$AA$30,INDEX(Jesper!$R$2:$R$366,ROW(INDEX(Jesper!AJ$2:AJ$366,ROUNDDOWN($C4174/24,0)+1,1))-1)+IF('Standard Profiles'!$G$20=$B$10,7,0)+IF('Standard Profiles'!$G$20=$B$17,14,0)+IF('Standard Profiles'!$G$20=$B$24,21,0),0)),0)</f>
        <v>0</v>
      </c>
      <c r="G4174" cm="1">
        <f t="array" ref="G4174">IFERROR(INDEX(Jesper!AK$2:AK$366,ROUNDDOWN($C4174/24,0)+1,1)*INDEX($D$3:$AA$30,INDEX(Jesper!$R$2:$R$366,ROW(INDEX(Jesper!AK$2:AK$366,ROUNDDOWN($C4174/24,0)+1,1))-1)+IF('Standard Profiles'!$G$21=$B$10,7,0)+IF('Standard Profiles'!$G$21=$B$17,14,0)+IF('Standard Profiles'!$G$21=$B$24,21,0),MOD($C4174,24)+1)/SUM(INDEX($D$3:$AA$30,INDEX(Jesper!$R$2:$R$366,ROW(INDEX(Jesper!AK$2:AK$366,ROUNDDOWN($C4174/24,0)+1,1))-1)+IF('Standard Profiles'!$G$21=$B$10,7,0)+IF('Standard Profiles'!$G$21=$B$17,14,0)+IF('Standard Profiles'!$G$21=$B$24,21,0),0)),0)</f>
        <v>0</v>
      </c>
      <c r="H4174" cm="1">
        <f t="array" ref="H4174">IFERROR(INDEX(Jesper!AL$2:AL$366,ROUNDDOWN($C4174/24,0)+1,1)*INDEX($D$3:$AA$30,INDEX(Jesper!$R$2:$R$366,ROW(INDEX(Jesper!AL$2:AL$366,ROUNDDOWN($C4174/24,0)+1,1))-1)+IF('Standard Profiles'!$G$22=$B$10,7,0)+IF('Standard Profiles'!$G$22=$B$17,14,0)+IF('Standard Profiles'!$G$22=$B$24,21,0),MOD($C4174,24)+1)/SUM(INDEX($D$3:$AA$30,INDEX(Jesper!$R$2:$R$366,ROW(INDEX(Jesper!AL$2:AL$366,ROUNDDOWN($C4174/24,0)+1,1))-1)+IF('Standard Profiles'!$G$22=$B$10,7,0)+IF('Standard Profiles'!$G$22=$B$17,14,0)+IF('Standard Profiles'!$G$22=$B$24,21,0),0)),0)</f>
        <v>0</v>
      </c>
      <c r="I4174">
        <f t="shared" si="468"/>
        <v>0.44730440291445162</v>
      </c>
      <c r="J4174">
        <f t="shared" si="469"/>
        <v>1.4910146763815055</v>
      </c>
      <c r="K4174">
        <f t="shared" si="470"/>
        <v>2.236522014572258</v>
      </c>
      <c r="L4174">
        <f t="shared" si="471"/>
        <v>10.73530566994684</v>
      </c>
      <c r="M4174">
        <f t="shared" si="472"/>
        <v>0</v>
      </c>
      <c r="N4174" s="46">
        <f t="shared" si="473"/>
        <v>45464.499999989959</v>
      </c>
    </row>
    <row r="4175" spans="2:14" x14ac:dyDescent="0.3">
      <c r="B4175">
        <f t="shared" si="467"/>
        <v>5</v>
      </c>
      <c r="C4175" s="16">
        <v>4141</v>
      </c>
      <c r="D4175" cm="1">
        <f t="array" ref="D4175">IFERROR(INDEX(Jesper!AH$2:AH$366,ROUNDDOWN($C4175/24,0)+1,1)*INDEX($D$3:$AA$30,INDEX(Jesper!$R$2:$R$366,ROW(INDEX(Jesper!AH$2:AH$366,ROUNDDOWN($C4175/24,0)+1,1))-1)+IF('Standard Profiles'!$G$18=$B$10,7,0)+IF('Standard Profiles'!$G$18=$B$17,14,0)+IF('Standard Profiles'!$G$18=$B$24,21,0),MOD($C4175,24)+1)/SUM(INDEX($D$3:$AA$30,INDEX(Jesper!$R$2:$R$366,ROW(INDEX(Jesper!AH$2:AH$366,ROUNDDOWN($C4175/24,0)+1,1))-1)+IF('Standard Profiles'!$G$18=$B$10,7,0)+IF('Standard Profiles'!$G$18=$B$17,14,0)+IF('Standard Profiles'!$G$18=$B$24,21,0),0)),0)</f>
        <v>14.910146763815055</v>
      </c>
      <c r="E4175" cm="1">
        <f t="array" ref="E4175">IFERROR(INDEX(Jesper!AI$2:AI$366,ROUNDDOWN($C4175/24,0)+1,1)*INDEX($D$3:$AA$30,INDEX(Jesper!$R$2:$R$366,ROW(INDEX(Jesper!AI$2:AI$366,ROUNDDOWN($C4175/24,0)+1,1))-1)+IF('Standard Profiles'!$G$19=$B$10,7,0)+IF('Standard Profiles'!$G$19=$B$17,14,0)+IF('Standard Profiles'!$G$19=$B$24,21,0),MOD($C4175,24)+1)/SUM(INDEX($D$3:$AA$30,INDEX(Jesper!$R$2:$R$366,ROW(INDEX(Jesper!AI$2:AI$366,ROUNDDOWN($C4175/24,0)+1,1))-1)+IF('Standard Profiles'!$G$19=$B$10,7,0)+IF('Standard Profiles'!$G$19=$B$17,14,0)+IF('Standard Profiles'!$G$19=$B$24,21,0),0)),0)</f>
        <v>0</v>
      </c>
      <c r="F4175" cm="1">
        <f t="array" ref="F4175">IFERROR(INDEX(Jesper!AJ$2:AJ$366,ROUNDDOWN($C4175/24,0)+1,1)*INDEX($D$3:$AA$30,INDEX(Jesper!$R$2:$R$366,ROW(INDEX(Jesper!AJ$2:AJ$366,ROUNDDOWN($C4175/24,0)+1,1))-1)+IF('Standard Profiles'!$G$20=$B$10,7,0)+IF('Standard Profiles'!$G$20=$B$17,14,0)+IF('Standard Profiles'!$G$20=$B$24,21,0),MOD($C4175,24)+1)/SUM(INDEX($D$3:$AA$30,INDEX(Jesper!$R$2:$R$366,ROW(INDEX(Jesper!AJ$2:AJ$366,ROUNDDOWN($C4175/24,0)+1,1))-1)+IF('Standard Profiles'!$G$20=$B$10,7,0)+IF('Standard Profiles'!$G$20=$B$17,14,0)+IF('Standard Profiles'!$G$20=$B$24,21,0),0)),0)</f>
        <v>0</v>
      </c>
      <c r="G4175" cm="1">
        <f t="array" ref="G4175">IFERROR(INDEX(Jesper!AK$2:AK$366,ROUNDDOWN($C4175/24,0)+1,1)*INDEX($D$3:$AA$30,INDEX(Jesper!$R$2:$R$366,ROW(INDEX(Jesper!AK$2:AK$366,ROUNDDOWN($C4175/24,0)+1,1))-1)+IF('Standard Profiles'!$G$21=$B$10,7,0)+IF('Standard Profiles'!$G$21=$B$17,14,0)+IF('Standard Profiles'!$G$21=$B$24,21,0),MOD($C4175,24)+1)/SUM(INDEX($D$3:$AA$30,INDEX(Jesper!$R$2:$R$366,ROW(INDEX(Jesper!AK$2:AK$366,ROUNDDOWN($C4175/24,0)+1,1))-1)+IF('Standard Profiles'!$G$21=$B$10,7,0)+IF('Standard Profiles'!$G$21=$B$17,14,0)+IF('Standard Profiles'!$G$21=$B$24,21,0),0)),0)</f>
        <v>0</v>
      </c>
      <c r="H4175" cm="1">
        <f t="array" ref="H4175">IFERROR(INDEX(Jesper!AL$2:AL$366,ROUNDDOWN($C4175/24,0)+1,1)*INDEX($D$3:$AA$30,INDEX(Jesper!$R$2:$R$366,ROW(INDEX(Jesper!AL$2:AL$366,ROUNDDOWN($C4175/24,0)+1,1))-1)+IF('Standard Profiles'!$G$22=$B$10,7,0)+IF('Standard Profiles'!$G$22=$B$17,14,0)+IF('Standard Profiles'!$G$22=$B$24,21,0),MOD($C4175,24)+1)/SUM(INDEX($D$3:$AA$30,INDEX(Jesper!$R$2:$R$366,ROW(INDEX(Jesper!AL$2:AL$366,ROUNDDOWN($C4175/24,0)+1,1))-1)+IF('Standard Profiles'!$G$22=$B$10,7,0)+IF('Standard Profiles'!$G$22=$B$17,14,0)+IF('Standard Profiles'!$G$22=$B$24,21,0),0)),0)</f>
        <v>0</v>
      </c>
      <c r="I4175">
        <f t="shared" si="468"/>
        <v>0.44730440291445162</v>
      </c>
      <c r="J4175">
        <f t="shared" si="469"/>
        <v>1.4910146763815055</v>
      </c>
      <c r="K4175">
        <f t="shared" si="470"/>
        <v>2.236522014572258</v>
      </c>
      <c r="L4175">
        <f t="shared" si="471"/>
        <v>10.73530566994684</v>
      </c>
      <c r="M4175">
        <f t="shared" si="472"/>
        <v>0</v>
      </c>
      <c r="N4175" s="46">
        <f t="shared" si="473"/>
        <v>45464.541666656623</v>
      </c>
    </row>
    <row r="4176" spans="2:14" x14ac:dyDescent="0.3">
      <c r="B4176">
        <f t="shared" si="467"/>
        <v>5</v>
      </c>
      <c r="C4176" s="16">
        <v>4142</v>
      </c>
      <c r="D4176" cm="1">
        <f t="array" ref="D4176">IFERROR(INDEX(Jesper!AH$2:AH$366,ROUNDDOWN($C4176/24,0)+1,1)*INDEX($D$3:$AA$30,INDEX(Jesper!$R$2:$R$366,ROW(INDEX(Jesper!AH$2:AH$366,ROUNDDOWN($C4176/24,0)+1,1))-1)+IF('Standard Profiles'!$G$18=$B$10,7,0)+IF('Standard Profiles'!$G$18=$B$17,14,0)+IF('Standard Profiles'!$G$18=$B$24,21,0),MOD($C4176,24)+1)/SUM(INDEX($D$3:$AA$30,INDEX(Jesper!$R$2:$R$366,ROW(INDEX(Jesper!AH$2:AH$366,ROUNDDOWN($C4176/24,0)+1,1))-1)+IF('Standard Profiles'!$G$18=$B$10,7,0)+IF('Standard Profiles'!$G$18=$B$17,14,0)+IF('Standard Profiles'!$G$18=$B$24,21,0),0)),0)</f>
        <v>14.910146763815055</v>
      </c>
      <c r="E4176" cm="1">
        <f t="array" ref="E4176">IFERROR(INDEX(Jesper!AI$2:AI$366,ROUNDDOWN($C4176/24,0)+1,1)*INDEX($D$3:$AA$30,INDEX(Jesper!$R$2:$R$366,ROW(INDEX(Jesper!AI$2:AI$366,ROUNDDOWN($C4176/24,0)+1,1))-1)+IF('Standard Profiles'!$G$19=$B$10,7,0)+IF('Standard Profiles'!$G$19=$B$17,14,0)+IF('Standard Profiles'!$G$19=$B$24,21,0),MOD($C4176,24)+1)/SUM(INDEX($D$3:$AA$30,INDEX(Jesper!$R$2:$R$366,ROW(INDEX(Jesper!AI$2:AI$366,ROUNDDOWN($C4176/24,0)+1,1))-1)+IF('Standard Profiles'!$G$19=$B$10,7,0)+IF('Standard Profiles'!$G$19=$B$17,14,0)+IF('Standard Profiles'!$G$19=$B$24,21,0),0)),0)</f>
        <v>0</v>
      </c>
      <c r="F4176" cm="1">
        <f t="array" ref="F4176">IFERROR(INDEX(Jesper!AJ$2:AJ$366,ROUNDDOWN($C4176/24,0)+1,1)*INDEX($D$3:$AA$30,INDEX(Jesper!$R$2:$R$366,ROW(INDEX(Jesper!AJ$2:AJ$366,ROUNDDOWN($C4176/24,0)+1,1))-1)+IF('Standard Profiles'!$G$20=$B$10,7,0)+IF('Standard Profiles'!$G$20=$B$17,14,0)+IF('Standard Profiles'!$G$20=$B$24,21,0),MOD($C4176,24)+1)/SUM(INDEX($D$3:$AA$30,INDEX(Jesper!$R$2:$R$366,ROW(INDEX(Jesper!AJ$2:AJ$366,ROUNDDOWN($C4176/24,0)+1,1))-1)+IF('Standard Profiles'!$G$20=$B$10,7,0)+IF('Standard Profiles'!$G$20=$B$17,14,0)+IF('Standard Profiles'!$G$20=$B$24,21,0),0)),0)</f>
        <v>0</v>
      </c>
      <c r="G4176" cm="1">
        <f t="array" ref="G4176">IFERROR(INDEX(Jesper!AK$2:AK$366,ROUNDDOWN($C4176/24,0)+1,1)*INDEX($D$3:$AA$30,INDEX(Jesper!$R$2:$R$366,ROW(INDEX(Jesper!AK$2:AK$366,ROUNDDOWN($C4176/24,0)+1,1))-1)+IF('Standard Profiles'!$G$21=$B$10,7,0)+IF('Standard Profiles'!$G$21=$B$17,14,0)+IF('Standard Profiles'!$G$21=$B$24,21,0),MOD($C4176,24)+1)/SUM(INDEX($D$3:$AA$30,INDEX(Jesper!$R$2:$R$366,ROW(INDEX(Jesper!AK$2:AK$366,ROUNDDOWN($C4176/24,0)+1,1))-1)+IF('Standard Profiles'!$G$21=$B$10,7,0)+IF('Standard Profiles'!$G$21=$B$17,14,0)+IF('Standard Profiles'!$G$21=$B$24,21,0),0)),0)</f>
        <v>0</v>
      </c>
      <c r="H4176" cm="1">
        <f t="array" ref="H4176">IFERROR(INDEX(Jesper!AL$2:AL$366,ROUNDDOWN($C4176/24,0)+1,1)*INDEX($D$3:$AA$30,INDEX(Jesper!$R$2:$R$366,ROW(INDEX(Jesper!AL$2:AL$366,ROUNDDOWN($C4176/24,0)+1,1))-1)+IF('Standard Profiles'!$G$22=$B$10,7,0)+IF('Standard Profiles'!$G$22=$B$17,14,0)+IF('Standard Profiles'!$G$22=$B$24,21,0),MOD($C4176,24)+1)/SUM(INDEX($D$3:$AA$30,INDEX(Jesper!$R$2:$R$366,ROW(INDEX(Jesper!AL$2:AL$366,ROUNDDOWN($C4176/24,0)+1,1))-1)+IF('Standard Profiles'!$G$22=$B$10,7,0)+IF('Standard Profiles'!$G$22=$B$17,14,0)+IF('Standard Profiles'!$G$22=$B$24,21,0),0)),0)</f>
        <v>0</v>
      </c>
      <c r="I4176">
        <f t="shared" si="468"/>
        <v>0.44730440291445162</v>
      </c>
      <c r="J4176">
        <f t="shared" si="469"/>
        <v>1.4910146763815055</v>
      </c>
      <c r="K4176">
        <f t="shared" si="470"/>
        <v>2.236522014572258</v>
      </c>
      <c r="L4176">
        <f t="shared" si="471"/>
        <v>10.73530566994684</v>
      </c>
      <c r="M4176">
        <f t="shared" si="472"/>
        <v>0</v>
      </c>
      <c r="N4176" s="46">
        <f t="shared" si="473"/>
        <v>45464.583333323288</v>
      </c>
    </row>
    <row r="4177" spans="2:14" x14ac:dyDescent="0.3">
      <c r="B4177">
        <f t="shared" si="467"/>
        <v>5</v>
      </c>
      <c r="C4177" s="16">
        <v>4143</v>
      </c>
      <c r="D4177" cm="1">
        <f t="array" ref="D4177">IFERROR(INDEX(Jesper!AH$2:AH$366,ROUNDDOWN($C4177/24,0)+1,1)*INDEX($D$3:$AA$30,INDEX(Jesper!$R$2:$R$366,ROW(INDEX(Jesper!AH$2:AH$366,ROUNDDOWN($C4177/24,0)+1,1))-1)+IF('Standard Profiles'!$G$18=$B$10,7,0)+IF('Standard Profiles'!$G$18=$B$17,14,0)+IF('Standard Profiles'!$G$18=$B$24,21,0),MOD($C4177,24)+1)/SUM(INDEX($D$3:$AA$30,INDEX(Jesper!$R$2:$R$366,ROW(INDEX(Jesper!AH$2:AH$366,ROUNDDOWN($C4177/24,0)+1,1))-1)+IF('Standard Profiles'!$G$18=$B$10,7,0)+IF('Standard Profiles'!$G$18=$B$17,14,0)+IF('Standard Profiles'!$G$18=$B$24,21,0),0)),0)</f>
        <v>12.425122303179213</v>
      </c>
      <c r="E4177" cm="1">
        <f t="array" ref="E4177">IFERROR(INDEX(Jesper!AI$2:AI$366,ROUNDDOWN($C4177/24,0)+1,1)*INDEX($D$3:$AA$30,INDEX(Jesper!$R$2:$R$366,ROW(INDEX(Jesper!AI$2:AI$366,ROUNDDOWN($C4177/24,0)+1,1))-1)+IF('Standard Profiles'!$G$19=$B$10,7,0)+IF('Standard Profiles'!$G$19=$B$17,14,0)+IF('Standard Profiles'!$G$19=$B$24,21,0),MOD($C4177,24)+1)/SUM(INDEX($D$3:$AA$30,INDEX(Jesper!$R$2:$R$366,ROW(INDEX(Jesper!AI$2:AI$366,ROUNDDOWN($C4177/24,0)+1,1))-1)+IF('Standard Profiles'!$G$19=$B$10,7,0)+IF('Standard Profiles'!$G$19=$B$17,14,0)+IF('Standard Profiles'!$G$19=$B$24,21,0),0)),0)</f>
        <v>0</v>
      </c>
      <c r="F4177" cm="1">
        <f t="array" ref="F4177">IFERROR(INDEX(Jesper!AJ$2:AJ$366,ROUNDDOWN($C4177/24,0)+1,1)*INDEX($D$3:$AA$30,INDEX(Jesper!$R$2:$R$366,ROW(INDEX(Jesper!AJ$2:AJ$366,ROUNDDOWN($C4177/24,0)+1,1))-1)+IF('Standard Profiles'!$G$20=$B$10,7,0)+IF('Standard Profiles'!$G$20=$B$17,14,0)+IF('Standard Profiles'!$G$20=$B$24,21,0),MOD($C4177,24)+1)/SUM(INDEX($D$3:$AA$30,INDEX(Jesper!$R$2:$R$366,ROW(INDEX(Jesper!AJ$2:AJ$366,ROUNDDOWN($C4177/24,0)+1,1))-1)+IF('Standard Profiles'!$G$20=$B$10,7,0)+IF('Standard Profiles'!$G$20=$B$17,14,0)+IF('Standard Profiles'!$G$20=$B$24,21,0),0)),0)</f>
        <v>0</v>
      </c>
      <c r="G4177" cm="1">
        <f t="array" ref="G4177">IFERROR(INDEX(Jesper!AK$2:AK$366,ROUNDDOWN($C4177/24,0)+1,1)*INDEX($D$3:$AA$30,INDEX(Jesper!$R$2:$R$366,ROW(INDEX(Jesper!AK$2:AK$366,ROUNDDOWN($C4177/24,0)+1,1))-1)+IF('Standard Profiles'!$G$21=$B$10,7,0)+IF('Standard Profiles'!$G$21=$B$17,14,0)+IF('Standard Profiles'!$G$21=$B$24,21,0),MOD($C4177,24)+1)/SUM(INDEX($D$3:$AA$30,INDEX(Jesper!$R$2:$R$366,ROW(INDEX(Jesper!AK$2:AK$366,ROUNDDOWN($C4177/24,0)+1,1))-1)+IF('Standard Profiles'!$G$21=$B$10,7,0)+IF('Standard Profiles'!$G$21=$B$17,14,0)+IF('Standard Profiles'!$G$21=$B$24,21,0),0)),0)</f>
        <v>0</v>
      </c>
      <c r="H4177" cm="1">
        <f t="array" ref="H4177">IFERROR(INDEX(Jesper!AL$2:AL$366,ROUNDDOWN($C4177/24,0)+1,1)*INDEX($D$3:$AA$30,INDEX(Jesper!$R$2:$R$366,ROW(INDEX(Jesper!AL$2:AL$366,ROUNDDOWN($C4177/24,0)+1,1))-1)+IF('Standard Profiles'!$G$22=$B$10,7,0)+IF('Standard Profiles'!$G$22=$B$17,14,0)+IF('Standard Profiles'!$G$22=$B$24,21,0),MOD($C4177,24)+1)/SUM(INDEX($D$3:$AA$30,INDEX(Jesper!$R$2:$R$366,ROW(INDEX(Jesper!AL$2:AL$366,ROUNDDOWN($C4177/24,0)+1,1))-1)+IF('Standard Profiles'!$G$22=$B$10,7,0)+IF('Standard Profiles'!$G$22=$B$17,14,0)+IF('Standard Profiles'!$G$22=$B$24,21,0),0)),0)</f>
        <v>0</v>
      </c>
      <c r="I4177">
        <f t="shared" si="468"/>
        <v>0.37275366909537638</v>
      </c>
      <c r="J4177">
        <f t="shared" si="469"/>
        <v>1.2425122303179215</v>
      </c>
      <c r="K4177">
        <f t="shared" si="470"/>
        <v>1.8637683454768819</v>
      </c>
      <c r="L4177">
        <f t="shared" si="471"/>
        <v>8.9460880582890336</v>
      </c>
      <c r="M4177">
        <f t="shared" si="472"/>
        <v>0</v>
      </c>
      <c r="N4177" s="46">
        <f t="shared" si="473"/>
        <v>45464.624999989952</v>
      </c>
    </row>
    <row r="4178" spans="2:14" x14ac:dyDescent="0.3">
      <c r="B4178">
        <f t="shared" si="467"/>
        <v>5</v>
      </c>
      <c r="C4178" s="16">
        <v>4144</v>
      </c>
      <c r="D4178" cm="1">
        <f t="array" ref="D4178">IFERROR(INDEX(Jesper!AH$2:AH$366,ROUNDDOWN($C4178/24,0)+1,1)*INDEX($D$3:$AA$30,INDEX(Jesper!$R$2:$R$366,ROW(INDEX(Jesper!AH$2:AH$366,ROUNDDOWN($C4178/24,0)+1,1))-1)+IF('Standard Profiles'!$G$18=$B$10,7,0)+IF('Standard Profiles'!$G$18=$B$17,14,0)+IF('Standard Profiles'!$G$18=$B$24,21,0),MOD($C4178,24)+1)/SUM(INDEX($D$3:$AA$30,INDEX(Jesper!$R$2:$R$366,ROW(INDEX(Jesper!AH$2:AH$366,ROUNDDOWN($C4178/24,0)+1,1))-1)+IF('Standard Profiles'!$G$18=$B$10,7,0)+IF('Standard Profiles'!$G$18=$B$17,14,0)+IF('Standard Profiles'!$G$18=$B$24,21,0),0)),0)</f>
        <v>11.762449113676324</v>
      </c>
      <c r="E4178" cm="1">
        <f t="array" ref="E4178">IFERROR(INDEX(Jesper!AI$2:AI$366,ROUNDDOWN($C4178/24,0)+1,1)*INDEX($D$3:$AA$30,INDEX(Jesper!$R$2:$R$366,ROW(INDEX(Jesper!AI$2:AI$366,ROUNDDOWN($C4178/24,0)+1,1))-1)+IF('Standard Profiles'!$G$19=$B$10,7,0)+IF('Standard Profiles'!$G$19=$B$17,14,0)+IF('Standard Profiles'!$G$19=$B$24,21,0),MOD($C4178,24)+1)/SUM(INDEX($D$3:$AA$30,INDEX(Jesper!$R$2:$R$366,ROW(INDEX(Jesper!AI$2:AI$366,ROUNDDOWN($C4178/24,0)+1,1))-1)+IF('Standard Profiles'!$G$19=$B$10,7,0)+IF('Standard Profiles'!$G$19=$B$17,14,0)+IF('Standard Profiles'!$G$19=$B$24,21,0),0)),0)</f>
        <v>0</v>
      </c>
      <c r="F4178" cm="1">
        <f t="array" ref="F4178">IFERROR(INDEX(Jesper!AJ$2:AJ$366,ROUNDDOWN($C4178/24,0)+1,1)*INDEX($D$3:$AA$30,INDEX(Jesper!$R$2:$R$366,ROW(INDEX(Jesper!AJ$2:AJ$366,ROUNDDOWN($C4178/24,0)+1,1))-1)+IF('Standard Profiles'!$G$20=$B$10,7,0)+IF('Standard Profiles'!$G$20=$B$17,14,0)+IF('Standard Profiles'!$G$20=$B$24,21,0),MOD($C4178,24)+1)/SUM(INDEX($D$3:$AA$30,INDEX(Jesper!$R$2:$R$366,ROW(INDEX(Jesper!AJ$2:AJ$366,ROUNDDOWN($C4178/24,0)+1,1))-1)+IF('Standard Profiles'!$G$20=$B$10,7,0)+IF('Standard Profiles'!$G$20=$B$17,14,0)+IF('Standard Profiles'!$G$20=$B$24,21,0),0)),0)</f>
        <v>0</v>
      </c>
      <c r="G4178" cm="1">
        <f t="array" ref="G4178">IFERROR(INDEX(Jesper!AK$2:AK$366,ROUNDDOWN($C4178/24,0)+1,1)*INDEX($D$3:$AA$30,INDEX(Jesper!$R$2:$R$366,ROW(INDEX(Jesper!AK$2:AK$366,ROUNDDOWN($C4178/24,0)+1,1))-1)+IF('Standard Profiles'!$G$21=$B$10,7,0)+IF('Standard Profiles'!$G$21=$B$17,14,0)+IF('Standard Profiles'!$G$21=$B$24,21,0),MOD($C4178,24)+1)/SUM(INDEX($D$3:$AA$30,INDEX(Jesper!$R$2:$R$366,ROW(INDEX(Jesper!AK$2:AK$366,ROUNDDOWN($C4178/24,0)+1,1))-1)+IF('Standard Profiles'!$G$21=$B$10,7,0)+IF('Standard Profiles'!$G$21=$B$17,14,0)+IF('Standard Profiles'!$G$21=$B$24,21,0),0)),0)</f>
        <v>0</v>
      </c>
      <c r="H4178" cm="1">
        <f t="array" ref="H4178">IFERROR(INDEX(Jesper!AL$2:AL$366,ROUNDDOWN($C4178/24,0)+1,1)*INDEX($D$3:$AA$30,INDEX(Jesper!$R$2:$R$366,ROW(INDEX(Jesper!AL$2:AL$366,ROUNDDOWN($C4178/24,0)+1,1))-1)+IF('Standard Profiles'!$G$22=$B$10,7,0)+IF('Standard Profiles'!$G$22=$B$17,14,0)+IF('Standard Profiles'!$G$22=$B$24,21,0),MOD($C4178,24)+1)/SUM(INDEX($D$3:$AA$30,INDEX(Jesper!$R$2:$R$366,ROW(INDEX(Jesper!AL$2:AL$366,ROUNDDOWN($C4178/24,0)+1,1))-1)+IF('Standard Profiles'!$G$22=$B$10,7,0)+IF('Standard Profiles'!$G$22=$B$17,14,0)+IF('Standard Profiles'!$G$22=$B$24,21,0),0)),0)</f>
        <v>0</v>
      </c>
      <c r="I4178">
        <f t="shared" si="468"/>
        <v>0.35287347341028968</v>
      </c>
      <c r="J4178">
        <f t="shared" si="469"/>
        <v>1.1762449113676323</v>
      </c>
      <c r="K4178">
        <f t="shared" si="470"/>
        <v>1.7643673670514486</v>
      </c>
      <c r="L4178">
        <f t="shared" si="471"/>
        <v>8.4689633618469529</v>
      </c>
      <c r="M4178">
        <f t="shared" si="472"/>
        <v>0</v>
      </c>
      <c r="N4178" s="46">
        <f t="shared" si="473"/>
        <v>45464.666666656616</v>
      </c>
    </row>
    <row r="4179" spans="2:14" x14ac:dyDescent="0.3">
      <c r="B4179">
        <f t="shared" si="467"/>
        <v>5</v>
      </c>
      <c r="C4179" s="16">
        <v>4145</v>
      </c>
      <c r="D4179" cm="1">
        <f t="array" ref="D4179">IFERROR(INDEX(Jesper!AH$2:AH$366,ROUNDDOWN($C4179/24,0)+1,1)*INDEX($D$3:$AA$30,INDEX(Jesper!$R$2:$R$366,ROW(INDEX(Jesper!AH$2:AH$366,ROUNDDOWN($C4179/24,0)+1,1))-1)+IF('Standard Profiles'!$G$18=$B$10,7,0)+IF('Standard Profiles'!$G$18=$B$17,14,0)+IF('Standard Profiles'!$G$18=$B$24,21,0),MOD($C4179,24)+1)/SUM(INDEX($D$3:$AA$30,INDEX(Jesper!$R$2:$R$366,ROW(INDEX(Jesper!AH$2:AH$366,ROUNDDOWN($C4179/24,0)+1,1))-1)+IF('Standard Profiles'!$G$18=$B$10,7,0)+IF('Standard Profiles'!$G$18=$B$17,14,0)+IF('Standard Profiles'!$G$18=$B$24,21,0),0)),0)</f>
        <v>11.762449113676324</v>
      </c>
      <c r="E4179" cm="1">
        <f t="array" ref="E4179">IFERROR(INDEX(Jesper!AI$2:AI$366,ROUNDDOWN($C4179/24,0)+1,1)*INDEX($D$3:$AA$30,INDEX(Jesper!$R$2:$R$366,ROW(INDEX(Jesper!AI$2:AI$366,ROUNDDOWN($C4179/24,0)+1,1))-1)+IF('Standard Profiles'!$G$19=$B$10,7,0)+IF('Standard Profiles'!$G$19=$B$17,14,0)+IF('Standard Profiles'!$G$19=$B$24,21,0),MOD($C4179,24)+1)/SUM(INDEX($D$3:$AA$30,INDEX(Jesper!$R$2:$R$366,ROW(INDEX(Jesper!AI$2:AI$366,ROUNDDOWN($C4179/24,0)+1,1))-1)+IF('Standard Profiles'!$G$19=$B$10,7,0)+IF('Standard Profiles'!$G$19=$B$17,14,0)+IF('Standard Profiles'!$G$19=$B$24,21,0),0)),0)</f>
        <v>0</v>
      </c>
      <c r="F4179" cm="1">
        <f t="array" ref="F4179">IFERROR(INDEX(Jesper!AJ$2:AJ$366,ROUNDDOWN($C4179/24,0)+1,1)*INDEX($D$3:$AA$30,INDEX(Jesper!$R$2:$R$366,ROW(INDEX(Jesper!AJ$2:AJ$366,ROUNDDOWN($C4179/24,0)+1,1))-1)+IF('Standard Profiles'!$G$20=$B$10,7,0)+IF('Standard Profiles'!$G$20=$B$17,14,0)+IF('Standard Profiles'!$G$20=$B$24,21,0),MOD($C4179,24)+1)/SUM(INDEX($D$3:$AA$30,INDEX(Jesper!$R$2:$R$366,ROW(INDEX(Jesper!AJ$2:AJ$366,ROUNDDOWN($C4179/24,0)+1,1))-1)+IF('Standard Profiles'!$G$20=$B$10,7,0)+IF('Standard Profiles'!$G$20=$B$17,14,0)+IF('Standard Profiles'!$G$20=$B$24,21,0),0)),0)</f>
        <v>0</v>
      </c>
      <c r="G4179" cm="1">
        <f t="array" ref="G4179">IFERROR(INDEX(Jesper!AK$2:AK$366,ROUNDDOWN($C4179/24,0)+1,1)*INDEX($D$3:$AA$30,INDEX(Jesper!$R$2:$R$366,ROW(INDEX(Jesper!AK$2:AK$366,ROUNDDOWN($C4179/24,0)+1,1))-1)+IF('Standard Profiles'!$G$21=$B$10,7,0)+IF('Standard Profiles'!$G$21=$B$17,14,0)+IF('Standard Profiles'!$G$21=$B$24,21,0),MOD($C4179,24)+1)/SUM(INDEX($D$3:$AA$30,INDEX(Jesper!$R$2:$R$366,ROW(INDEX(Jesper!AK$2:AK$366,ROUNDDOWN($C4179/24,0)+1,1))-1)+IF('Standard Profiles'!$G$21=$B$10,7,0)+IF('Standard Profiles'!$G$21=$B$17,14,0)+IF('Standard Profiles'!$G$21=$B$24,21,0),0)),0)</f>
        <v>0</v>
      </c>
      <c r="H4179" cm="1">
        <f t="array" ref="H4179">IFERROR(INDEX(Jesper!AL$2:AL$366,ROUNDDOWN($C4179/24,0)+1,1)*INDEX($D$3:$AA$30,INDEX(Jesper!$R$2:$R$366,ROW(INDEX(Jesper!AL$2:AL$366,ROUNDDOWN($C4179/24,0)+1,1))-1)+IF('Standard Profiles'!$G$22=$B$10,7,0)+IF('Standard Profiles'!$G$22=$B$17,14,0)+IF('Standard Profiles'!$G$22=$B$24,21,0),MOD($C4179,24)+1)/SUM(INDEX($D$3:$AA$30,INDEX(Jesper!$R$2:$R$366,ROW(INDEX(Jesper!AL$2:AL$366,ROUNDDOWN($C4179/24,0)+1,1))-1)+IF('Standard Profiles'!$G$22=$B$10,7,0)+IF('Standard Profiles'!$G$22=$B$17,14,0)+IF('Standard Profiles'!$G$22=$B$24,21,0),0)),0)</f>
        <v>0</v>
      </c>
      <c r="I4179">
        <f t="shared" si="468"/>
        <v>0.35287347341028968</v>
      </c>
      <c r="J4179">
        <f t="shared" si="469"/>
        <v>1.1762449113676323</v>
      </c>
      <c r="K4179">
        <f t="shared" si="470"/>
        <v>1.7643673670514486</v>
      </c>
      <c r="L4179">
        <f t="shared" si="471"/>
        <v>8.4689633618469529</v>
      </c>
      <c r="M4179">
        <f t="shared" si="472"/>
        <v>0</v>
      </c>
      <c r="N4179" s="46">
        <f t="shared" si="473"/>
        <v>45464.70833332328</v>
      </c>
    </row>
    <row r="4180" spans="2:14" x14ac:dyDescent="0.3">
      <c r="B4180">
        <f t="shared" si="467"/>
        <v>5</v>
      </c>
      <c r="C4180" s="16">
        <v>4146</v>
      </c>
      <c r="D4180" cm="1">
        <f t="array" ref="D4180">IFERROR(INDEX(Jesper!AH$2:AH$366,ROUNDDOWN($C4180/24,0)+1,1)*INDEX($D$3:$AA$30,INDEX(Jesper!$R$2:$R$366,ROW(INDEX(Jesper!AH$2:AH$366,ROUNDDOWN($C4180/24,0)+1,1))-1)+IF('Standard Profiles'!$G$18=$B$10,7,0)+IF('Standard Profiles'!$G$18=$B$17,14,0)+IF('Standard Profiles'!$G$18=$B$24,21,0),MOD($C4180,24)+1)/SUM(INDEX($D$3:$AA$30,INDEX(Jesper!$R$2:$R$366,ROW(INDEX(Jesper!AH$2:AH$366,ROUNDDOWN($C4180/24,0)+1,1))-1)+IF('Standard Profiles'!$G$18=$B$10,7,0)+IF('Standard Profiles'!$G$18=$B$17,14,0)+IF('Standard Profiles'!$G$18=$B$24,21,0),0)),0)</f>
        <v>11.762449113676324</v>
      </c>
      <c r="E4180" cm="1">
        <f t="array" ref="E4180">IFERROR(INDEX(Jesper!AI$2:AI$366,ROUNDDOWN($C4180/24,0)+1,1)*INDEX($D$3:$AA$30,INDEX(Jesper!$R$2:$R$366,ROW(INDEX(Jesper!AI$2:AI$366,ROUNDDOWN($C4180/24,0)+1,1))-1)+IF('Standard Profiles'!$G$19=$B$10,7,0)+IF('Standard Profiles'!$G$19=$B$17,14,0)+IF('Standard Profiles'!$G$19=$B$24,21,0),MOD($C4180,24)+1)/SUM(INDEX($D$3:$AA$30,INDEX(Jesper!$R$2:$R$366,ROW(INDEX(Jesper!AI$2:AI$366,ROUNDDOWN($C4180/24,0)+1,1))-1)+IF('Standard Profiles'!$G$19=$B$10,7,0)+IF('Standard Profiles'!$G$19=$B$17,14,0)+IF('Standard Profiles'!$G$19=$B$24,21,0),0)),0)</f>
        <v>0</v>
      </c>
      <c r="F4180" cm="1">
        <f t="array" ref="F4180">IFERROR(INDEX(Jesper!AJ$2:AJ$366,ROUNDDOWN($C4180/24,0)+1,1)*INDEX($D$3:$AA$30,INDEX(Jesper!$R$2:$R$366,ROW(INDEX(Jesper!AJ$2:AJ$366,ROUNDDOWN($C4180/24,0)+1,1))-1)+IF('Standard Profiles'!$G$20=$B$10,7,0)+IF('Standard Profiles'!$G$20=$B$17,14,0)+IF('Standard Profiles'!$G$20=$B$24,21,0),MOD($C4180,24)+1)/SUM(INDEX($D$3:$AA$30,INDEX(Jesper!$R$2:$R$366,ROW(INDEX(Jesper!AJ$2:AJ$366,ROUNDDOWN($C4180/24,0)+1,1))-1)+IF('Standard Profiles'!$G$20=$B$10,7,0)+IF('Standard Profiles'!$G$20=$B$17,14,0)+IF('Standard Profiles'!$G$20=$B$24,21,0),0)),0)</f>
        <v>0</v>
      </c>
      <c r="G4180" cm="1">
        <f t="array" ref="G4180">IFERROR(INDEX(Jesper!AK$2:AK$366,ROUNDDOWN($C4180/24,0)+1,1)*INDEX($D$3:$AA$30,INDEX(Jesper!$R$2:$R$366,ROW(INDEX(Jesper!AK$2:AK$366,ROUNDDOWN($C4180/24,0)+1,1))-1)+IF('Standard Profiles'!$G$21=$B$10,7,0)+IF('Standard Profiles'!$G$21=$B$17,14,0)+IF('Standard Profiles'!$G$21=$B$24,21,0),MOD($C4180,24)+1)/SUM(INDEX($D$3:$AA$30,INDEX(Jesper!$R$2:$R$366,ROW(INDEX(Jesper!AK$2:AK$366,ROUNDDOWN($C4180/24,0)+1,1))-1)+IF('Standard Profiles'!$G$21=$B$10,7,0)+IF('Standard Profiles'!$G$21=$B$17,14,0)+IF('Standard Profiles'!$G$21=$B$24,21,0),0)),0)</f>
        <v>0</v>
      </c>
      <c r="H4180" cm="1">
        <f t="array" ref="H4180">IFERROR(INDEX(Jesper!AL$2:AL$366,ROUNDDOWN($C4180/24,0)+1,1)*INDEX($D$3:$AA$30,INDEX(Jesper!$R$2:$R$366,ROW(INDEX(Jesper!AL$2:AL$366,ROUNDDOWN($C4180/24,0)+1,1))-1)+IF('Standard Profiles'!$G$22=$B$10,7,0)+IF('Standard Profiles'!$G$22=$B$17,14,0)+IF('Standard Profiles'!$G$22=$B$24,21,0),MOD($C4180,24)+1)/SUM(INDEX($D$3:$AA$30,INDEX(Jesper!$R$2:$R$366,ROW(INDEX(Jesper!AL$2:AL$366,ROUNDDOWN($C4180/24,0)+1,1))-1)+IF('Standard Profiles'!$G$22=$B$10,7,0)+IF('Standard Profiles'!$G$22=$B$17,14,0)+IF('Standard Profiles'!$G$22=$B$24,21,0),0)),0)</f>
        <v>0</v>
      </c>
      <c r="I4180">
        <f t="shared" si="468"/>
        <v>0.35287347341028968</v>
      </c>
      <c r="J4180">
        <f t="shared" si="469"/>
        <v>1.1762449113676323</v>
      </c>
      <c r="K4180">
        <f t="shared" si="470"/>
        <v>1.7643673670514486</v>
      </c>
      <c r="L4180">
        <f t="shared" si="471"/>
        <v>8.4689633618469529</v>
      </c>
      <c r="M4180">
        <f t="shared" si="472"/>
        <v>0</v>
      </c>
      <c r="N4180" s="46">
        <f t="shared" si="473"/>
        <v>45464.749999989945</v>
      </c>
    </row>
    <row r="4181" spans="2:14" x14ac:dyDescent="0.3">
      <c r="B4181">
        <f t="shared" si="467"/>
        <v>5</v>
      </c>
      <c r="C4181" s="16">
        <v>4147</v>
      </c>
      <c r="D4181" cm="1">
        <f t="array" ref="D4181">IFERROR(INDEX(Jesper!AH$2:AH$366,ROUNDDOWN($C4181/24,0)+1,1)*INDEX($D$3:$AA$30,INDEX(Jesper!$R$2:$R$366,ROW(INDEX(Jesper!AH$2:AH$366,ROUNDDOWN($C4181/24,0)+1,1))-1)+IF('Standard Profiles'!$G$18=$B$10,7,0)+IF('Standard Profiles'!$G$18=$B$17,14,0)+IF('Standard Profiles'!$G$18=$B$24,21,0),MOD($C4181,24)+1)/SUM(INDEX($D$3:$AA$30,INDEX(Jesper!$R$2:$R$366,ROW(INDEX(Jesper!AH$2:AH$366,ROUNDDOWN($C4181/24,0)+1,1))-1)+IF('Standard Profiles'!$G$18=$B$10,7,0)+IF('Standard Profiles'!$G$18=$B$17,14,0)+IF('Standard Profiles'!$G$18=$B$24,21,0),0)),0)</f>
        <v>11.762449113676324</v>
      </c>
      <c r="E4181" cm="1">
        <f t="array" ref="E4181">IFERROR(INDEX(Jesper!AI$2:AI$366,ROUNDDOWN($C4181/24,0)+1,1)*INDEX($D$3:$AA$30,INDEX(Jesper!$R$2:$R$366,ROW(INDEX(Jesper!AI$2:AI$366,ROUNDDOWN($C4181/24,0)+1,1))-1)+IF('Standard Profiles'!$G$19=$B$10,7,0)+IF('Standard Profiles'!$G$19=$B$17,14,0)+IF('Standard Profiles'!$G$19=$B$24,21,0),MOD($C4181,24)+1)/SUM(INDEX($D$3:$AA$30,INDEX(Jesper!$R$2:$R$366,ROW(INDEX(Jesper!AI$2:AI$366,ROUNDDOWN($C4181/24,0)+1,1))-1)+IF('Standard Profiles'!$G$19=$B$10,7,0)+IF('Standard Profiles'!$G$19=$B$17,14,0)+IF('Standard Profiles'!$G$19=$B$24,21,0),0)),0)</f>
        <v>0</v>
      </c>
      <c r="F4181" cm="1">
        <f t="array" ref="F4181">IFERROR(INDEX(Jesper!AJ$2:AJ$366,ROUNDDOWN($C4181/24,0)+1,1)*INDEX($D$3:$AA$30,INDEX(Jesper!$R$2:$R$366,ROW(INDEX(Jesper!AJ$2:AJ$366,ROUNDDOWN($C4181/24,0)+1,1))-1)+IF('Standard Profiles'!$G$20=$B$10,7,0)+IF('Standard Profiles'!$G$20=$B$17,14,0)+IF('Standard Profiles'!$G$20=$B$24,21,0),MOD($C4181,24)+1)/SUM(INDEX($D$3:$AA$30,INDEX(Jesper!$R$2:$R$366,ROW(INDEX(Jesper!AJ$2:AJ$366,ROUNDDOWN($C4181/24,0)+1,1))-1)+IF('Standard Profiles'!$G$20=$B$10,7,0)+IF('Standard Profiles'!$G$20=$B$17,14,0)+IF('Standard Profiles'!$G$20=$B$24,21,0),0)),0)</f>
        <v>0</v>
      </c>
      <c r="G4181" cm="1">
        <f t="array" ref="G4181">IFERROR(INDEX(Jesper!AK$2:AK$366,ROUNDDOWN($C4181/24,0)+1,1)*INDEX($D$3:$AA$30,INDEX(Jesper!$R$2:$R$366,ROW(INDEX(Jesper!AK$2:AK$366,ROUNDDOWN($C4181/24,0)+1,1))-1)+IF('Standard Profiles'!$G$21=$B$10,7,0)+IF('Standard Profiles'!$G$21=$B$17,14,0)+IF('Standard Profiles'!$G$21=$B$24,21,0),MOD($C4181,24)+1)/SUM(INDEX($D$3:$AA$30,INDEX(Jesper!$R$2:$R$366,ROW(INDEX(Jesper!AK$2:AK$366,ROUNDDOWN($C4181/24,0)+1,1))-1)+IF('Standard Profiles'!$G$21=$B$10,7,0)+IF('Standard Profiles'!$G$21=$B$17,14,0)+IF('Standard Profiles'!$G$21=$B$24,21,0),0)),0)</f>
        <v>0</v>
      </c>
      <c r="H4181" cm="1">
        <f t="array" ref="H4181">IFERROR(INDEX(Jesper!AL$2:AL$366,ROUNDDOWN($C4181/24,0)+1,1)*INDEX($D$3:$AA$30,INDEX(Jesper!$R$2:$R$366,ROW(INDEX(Jesper!AL$2:AL$366,ROUNDDOWN($C4181/24,0)+1,1))-1)+IF('Standard Profiles'!$G$22=$B$10,7,0)+IF('Standard Profiles'!$G$22=$B$17,14,0)+IF('Standard Profiles'!$G$22=$B$24,21,0),MOD($C4181,24)+1)/SUM(INDEX($D$3:$AA$30,INDEX(Jesper!$R$2:$R$366,ROW(INDEX(Jesper!AL$2:AL$366,ROUNDDOWN($C4181/24,0)+1,1))-1)+IF('Standard Profiles'!$G$22=$B$10,7,0)+IF('Standard Profiles'!$G$22=$B$17,14,0)+IF('Standard Profiles'!$G$22=$B$24,21,0),0)),0)</f>
        <v>0</v>
      </c>
      <c r="I4181">
        <f t="shared" si="468"/>
        <v>0.35287347341028968</v>
      </c>
      <c r="J4181">
        <f t="shared" si="469"/>
        <v>1.1762449113676323</v>
      </c>
      <c r="K4181">
        <f t="shared" si="470"/>
        <v>1.7643673670514486</v>
      </c>
      <c r="L4181">
        <f t="shared" si="471"/>
        <v>8.4689633618469529</v>
      </c>
      <c r="M4181">
        <f t="shared" si="472"/>
        <v>0</v>
      </c>
      <c r="N4181" s="46">
        <f t="shared" si="473"/>
        <v>45464.791666656609</v>
      </c>
    </row>
    <row r="4182" spans="2:14" x14ac:dyDescent="0.3">
      <c r="B4182">
        <f t="shared" si="467"/>
        <v>5</v>
      </c>
      <c r="C4182" s="16">
        <v>4148</v>
      </c>
      <c r="D4182" cm="1">
        <f t="array" ref="D4182">IFERROR(INDEX(Jesper!AH$2:AH$366,ROUNDDOWN($C4182/24,0)+1,1)*INDEX($D$3:$AA$30,INDEX(Jesper!$R$2:$R$366,ROW(INDEX(Jesper!AH$2:AH$366,ROUNDDOWN($C4182/24,0)+1,1))-1)+IF('Standard Profiles'!$G$18=$B$10,7,0)+IF('Standard Profiles'!$G$18=$B$17,14,0)+IF('Standard Profiles'!$G$18=$B$24,21,0),MOD($C4182,24)+1)/SUM(INDEX($D$3:$AA$30,INDEX(Jesper!$R$2:$R$366,ROW(INDEX(Jesper!AH$2:AH$366,ROUNDDOWN($C4182/24,0)+1,1))-1)+IF('Standard Profiles'!$G$18=$B$10,7,0)+IF('Standard Profiles'!$G$18=$B$17,14,0)+IF('Standard Profiles'!$G$18=$B$24,21,0),0)),0)</f>
        <v>9.1117563556647561</v>
      </c>
      <c r="E4182" cm="1">
        <f t="array" ref="E4182">IFERROR(INDEX(Jesper!AI$2:AI$366,ROUNDDOWN($C4182/24,0)+1,1)*INDEX($D$3:$AA$30,INDEX(Jesper!$R$2:$R$366,ROW(INDEX(Jesper!AI$2:AI$366,ROUNDDOWN($C4182/24,0)+1,1))-1)+IF('Standard Profiles'!$G$19=$B$10,7,0)+IF('Standard Profiles'!$G$19=$B$17,14,0)+IF('Standard Profiles'!$G$19=$B$24,21,0),MOD($C4182,24)+1)/SUM(INDEX($D$3:$AA$30,INDEX(Jesper!$R$2:$R$366,ROW(INDEX(Jesper!AI$2:AI$366,ROUNDDOWN($C4182/24,0)+1,1))-1)+IF('Standard Profiles'!$G$19=$B$10,7,0)+IF('Standard Profiles'!$G$19=$B$17,14,0)+IF('Standard Profiles'!$G$19=$B$24,21,0),0)),0)</f>
        <v>0</v>
      </c>
      <c r="F4182" cm="1">
        <f t="array" ref="F4182">IFERROR(INDEX(Jesper!AJ$2:AJ$366,ROUNDDOWN($C4182/24,0)+1,1)*INDEX($D$3:$AA$30,INDEX(Jesper!$R$2:$R$366,ROW(INDEX(Jesper!AJ$2:AJ$366,ROUNDDOWN($C4182/24,0)+1,1))-1)+IF('Standard Profiles'!$G$20=$B$10,7,0)+IF('Standard Profiles'!$G$20=$B$17,14,0)+IF('Standard Profiles'!$G$20=$B$24,21,0),MOD($C4182,24)+1)/SUM(INDEX($D$3:$AA$30,INDEX(Jesper!$R$2:$R$366,ROW(INDEX(Jesper!AJ$2:AJ$366,ROUNDDOWN($C4182/24,0)+1,1))-1)+IF('Standard Profiles'!$G$20=$B$10,7,0)+IF('Standard Profiles'!$G$20=$B$17,14,0)+IF('Standard Profiles'!$G$20=$B$24,21,0),0)),0)</f>
        <v>0</v>
      </c>
      <c r="G4182" cm="1">
        <f t="array" ref="G4182">IFERROR(INDEX(Jesper!AK$2:AK$366,ROUNDDOWN($C4182/24,0)+1,1)*INDEX($D$3:$AA$30,INDEX(Jesper!$R$2:$R$366,ROW(INDEX(Jesper!AK$2:AK$366,ROUNDDOWN($C4182/24,0)+1,1))-1)+IF('Standard Profiles'!$G$21=$B$10,7,0)+IF('Standard Profiles'!$G$21=$B$17,14,0)+IF('Standard Profiles'!$G$21=$B$24,21,0),MOD($C4182,24)+1)/SUM(INDEX($D$3:$AA$30,INDEX(Jesper!$R$2:$R$366,ROW(INDEX(Jesper!AK$2:AK$366,ROUNDDOWN($C4182/24,0)+1,1))-1)+IF('Standard Profiles'!$G$21=$B$10,7,0)+IF('Standard Profiles'!$G$21=$B$17,14,0)+IF('Standard Profiles'!$G$21=$B$24,21,0),0)),0)</f>
        <v>0</v>
      </c>
      <c r="H4182" cm="1">
        <f t="array" ref="H4182">IFERROR(INDEX(Jesper!AL$2:AL$366,ROUNDDOWN($C4182/24,0)+1,1)*INDEX($D$3:$AA$30,INDEX(Jesper!$R$2:$R$366,ROW(INDEX(Jesper!AL$2:AL$366,ROUNDDOWN($C4182/24,0)+1,1))-1)+IF('Standard Profiles'!$G$22=$B$10,7,0)+IF('Standard Profiles'!$G$22=$B$17,14,0)+IF('Standard Profiles'!$G$22=$B$24,21,0),MOD($C4182,24)+1)/SUM(INDEX($D$3:$AA$30,INDEX(Jesper!$R$2:$R$366,ROW(INDEX(Jesper!AL$2:AL$366,ROUNDDOWN($C4182/24,0)+1,1))-1)+IF('Standard Profiles'!$G$22=$B$10,7,0)+IF('Standard Profiles'!$G$22=$B$17,14,0)+IF('Standard Profiles'!$G$22=$B$24,21,0),0)),0)</f>
        <v>0</v>
      </c>
      <c r="I4182">
        <f t="shared" si="468"/>
        <v>0.27335269066994267</v>
      </c>
      <c r="J4182">
        <f t="shared" si="469"/>
        <v>0.91117563556647563</v>
      </c>
      <c r="K4182">
        <f t="shared" si="470"/>
        <v>1.3667634533497133</v>
      </c>
      <c r="L4182">
        <f t="shared" si="471"/>
        <v>6.5604645760786244</v>
      </c>
      <c r="M4182">
        <f t="shared" si="472"/>
        <v>0</v>
      </c>
      <c r="N4182" s="46">
        <f t="shared" si="473"/>
        <v>45464.833333323273</v>
      </c>
    </row>
    <row r="4183" spans="2:14" x14ac:dyDescent="0.3">
      <c r="B4183">
        <f t="shared" si="467"/>
        <v>5</v>
      </c>
      <c r="C4183" s="16">
        <v>4149</v>
      </c>
      <c r="D4183" cm="1">
        <f t="array" ref="D4183">IFERROR(INDEX(Jesper!AH$2:AH$366,ROUNDDOWN($C4183/24,0)+1,1)*INDEX($D$3:$AA$30,INDEX(Jesper!$R$2:$R$366,ROW(INDEX(Jesper!AH$2:AH$366,ROUNDDOWN($C4183/24,0)+1,1))-1)+IF('Standard Profiles'!$G$18=$B$10,7,0)+IF('Standard Profiles'!$G$18=$B$17,14,0)+IF('Standard Profiles'!$G$18=$B$24,21,0),MOD($C4183,24)+1)/SUM(INDEX($D$3:$AA$30,INDEX(Jesper!$R$2:$R$366,ROW(INDEX(Jesper!AH$2:AH$366,ROUNDDOWN($C4183/24,0)+1,1))-1)+IF('Standard Profiles'!$G$18=$B$10,7,0)+IF('Standard Profiles'!$G$18=$B$17,14,0)+IF('Standard Profiles'!$G$18=$B$24,21,0),0)),0)</f>
        <v>3.4790342448901797</v>
      </c>
      <c r="E4183" cm="1">
        <f t="array" ref="E4183">IFERROR(INDEX(Jesper!AI$2:AI$366,ROUNDDOWN($C4183/24,0)+1,1)*INDEX($D$3:$AA$30,INDEX(Jesper!$R$2:$R$366,ROW(INDEX(Jesper!AI$2:AI$366,ROUNDDOWN($C4183/24,0)+1,1))-1)+IF('Standard Profiles'!$G$19=$B$10,7,0)+IF('Standard Profiles'!$G$19=$B$17,14,0)+IF('Standard Profiles'!$G$19=$B$24,21,0),MOD($C4183,24)+1)/SUM(INDEX($D$3:$AA$30,INDEX(Jesper!$R$2:$R$366,ROW(INDEX(Jesper!AI$2:AI$366,ROUNDDOWN($C4183/24,0)+1,1))-1)+IF('Standard Profiles'!$G$19=$B$10,7,0)+IF('Standard Profiles'!$G$19=$B$17,14,0)+IF('Standard Profiles'!$G$19=$B$24,21,0),0)),0)</f>
        <v>0</v>
      </c>
      <c r="F4183" cm="1">
        <f t="array" ref="F4183">IFERROR(INDEX(Jesper!AJ$2:AJ$366,ROUNDDOWN($C4183/24,0)+1,1)*INDEX($D$3:$AA$30,INDEX(Jesper!$R$2:$R$366,ROW(INDEX(Jesper!AJ$2:AJ$366,ROUNDDOWN($C4183/24,0)+1,1))-1)+IF('Standard Profiles'!$G$20=$B$10,7,0)+IF('Standard Profiles'!$G$20=$B$17,14,0)+IF('Standard Profiles'!$G$20=$B$24,21,0),MOD($C4183,24)+1)/SUM(INDEX($D$3:$AA$30,INDEX(Jesper!$R$2:$R$366,ROW(INDEX(Jesper!AJ$2:AJ$366,ROUNDDOWN($C4183/24,0)+1,1))-1)+IF('Standard Profiles'!$G$20=$B$10,7,0)+IF('Standard Profiles'!$G$20=$B$17,14,0)+IF('Standard Profiles'!$G$20=$B$24,21,0),0)),0)</f>
        <v>0</v>
      </c>
      <c r="G4183" cm="1">
        <f t="array" ref="G4183">IFERROR(INDEX(Jesper!AK$2:AK$366,ROUNDDOWN($C4183/24,0)+1,1)*INDEX($D$3:$AA$30,INDEX(Jesper!$R$2:$R$366,ROW(INDEX(Jesper!AK$2:AK$366,ROUNDDOWN($C4183/24,0)+1,1))-1)+IF('Standard Profiles'!$G$21=$B$10,7,0)+IF('Standard Profiles'!$G$21=$B$17,14,0)+IF('Standard Profiles'!$G$21=$B$24,21,0),MOD($C4183,24)+1)/SUM(INDEX($D$3:$AA$30,INDEX(Jesper!$R$2:$R$366,ROW(INDEX(Jesper!AK$2:AK$366,ROUNDDOWN($C4183/24,0)+1,1))-1)+IF('Standard Profiles'!$G$21=$B$10,7,0)+IF('Standard Profiles'!$G$21=$B$17,14,0)+IF('Standard Profiles'!$G$21=$B$24,21,0),0)),0)</f>
        <v>0</v>
      </c>
      <c r="H4183" cm="1">
        <f t="array" ref="H4183">IFERROR(INDEX(Jesper!AL$2:AL$366,ROUNDDOWN($C4183/24,0)+1,1)*INDEX($D$3:$AA$30,INDEX(Jesper!$R$2:$R$366,ROW(INDEX(Jesper!AL$2:AL$366,ROUNDDOWN($C4183/24,0)+1,1))-1)+IF('Standard Profiles'!$G$22=$B$10,7,0)+IF('Standard Profiles'!$G$22=$B$17,14,0)+IF('Standard Profiles'!$G$22=$B$24,21,0),MOD($C4183,24)+1)/SUM(INDEX($D$3:$AA$30,INDEX(Jesper!$R$2:$R$366,ROW(INDEX(Jesper!AL$2:AL$366,ROUNDDOWN($C4183/24,0)+1,1))-1)+IF('Standard Profiles'!$G$22=$B$10,7,0)+IF('Standard Profiles'!$G$22=$B$17,14,0)+IF('Standard Profiles'!$G$22=$B$24,21,0),0)),0)</f>
        <v>0</v>
      </c>
      <c r="I4183">
        <f t="shared" si="468"/>
        <v>0.10437102734670539</v>
      </c>
      <c r="J4183">
        <f t="shared" si="469"/>
        <v>0.34790342448901801</v>
      </c>
      <c r="K4183">
        <f t="shared" si="470"/>
        <v>0.5218551367335269</v>
      </c>
      <c r="L4183">
        <f t="shared" si="471"/>
        <v>2.5049046563209294</v>
      </c>
      <c r="M4183">
        <f t="shared" si="472"/>
        <v>0</v>
      </c>
      <c r="N4183" s="46">
        <f t="shared" si="473"/>
        <v>45464.874999989937</v>
      </c>
    </row>
    <row r="4184" spans="2:14" x14ac:dyDescent="0.3">
      <c r="B4184">
        <f t="shared" si="467"/>
        <v>5</v>
      </c>
      <c r="C4184" s="16">
        <v>4150</v>
      </c>
      <c r="D4184" cm="1">
        <f t="array" ref="D4184">IFERROR(INDEX(Jesper!AH$2:AH$366,ROUNDDOWN($C4184/24,0)+1,1)*INDEX($D$3:$AA$30,INDEX(Jesper!$R$2:$R$366,ROW(INDEX(Jesper!AH$2:AH$366,ROUNDDOWN($C4184/24,0)+1,1))-1)+IF('Standard Profiles'!$G$18=$B$10,7,0)+IF('Standard Profiles'!$G$18=$B$17,14,0)+IF('Standard Profiles'!$G$18=$B$24,21,0),MOD($C4184,24)+1)/SUM(INDEX($D$3:$AA$30,INDEX(Jesper!$R$2:$R$366,ROW(INDEX(Jesper!AH$2:AH$366,ROUNDDOWN($C4184/24,0)+1,1))-1)+IF('Standard Profiles'!$G$18=$B$10,7,0)+IF('Standard Profiles'!$G$18=$B$17,14,0)+IF('Standard Profiles'!$G$18=$B$24,21,0),0)),0)</f>
        <v>3.4790342448901797</v>
      </c>
      <c r="E4184" cm="1">
        <f t="array" ref="E4184">IFERROR(INDEX(Jesper!AI$2:AI$366,ROUNDDOWN($C4184/24,0)+1,1)*INDEX($D$3:$AA$30,INDEX(Jesper!$R$2:$R$366,ROW(INDEX(Jesper!AI$2:AI$366,ROUNDDOWN($C4184/24,0)+1,1))-1)+IF('Standard Profiles'!$G$19=$B$10,7,0)+IF('Standard Profiles'!$G$19=$B$17,14,0)+IF('Standard Profiles'!$G$19=$B$24,21,0),MOD($C4184,24)+1)/SUM(INDEX($D$3:$AA$30,INDEX(Jesper!$R$2:$R$366,ROW(INDEX(Jesper!AI$2:AI$366,ROUNDDOWN($C4184/24,0)+1,1))-1)+IF('Standard Profiles'!$G$19=$B$10,7,0)+IF('Standard Profiles'!$G$19=$B$17,14,0)+IF('Standard Profiles'!$G$19=$B$24,21,0),0)),0)</f>
        <v>0</v>
      </c>
      <c r="F4184" cm="1">
        <f t="array" ref="F4184">IFERROR(INDEX(Jesper!AJ$2:AJ$366,ROUNDDOWN($C4184/24,0)+1,1)*INDEX($D$3:$AA$30,INDEX(Jesper!$R$2:$R$366,ROW(INDEX(Jesper!AJ$2:AJ$366,ROUNDDOWN($C4184/24,0)+1,1))-1)+IF('Standard Profiles'!$G$20=$B$10,7,0)+IF('Standard Profiles'!$G$20=$B$17,14,0)+IF('Standard Profiles'!$G$20=$B$24,21,0),MOD($C4184,24)+1)/SUM(INDEX($D$3:$AA$30,INDEX(Jesper!$R$2:$R$366,ROW(INDEX(Jesper!AJ$2:AJ$366,ROUNDDOWN($C4184/24,0)+1,1))-1)+IF('Standard Profiles'!$G$20=$B$10,7,0)+IF('Standard Profiles'!$G$20=$B$17,14,0)+IF('Standard Profiles'!$G$20=$B$24,21,0),0)),0)</f>
        <v>0</v>
      </c>
      <c r="G4184" cm="1">
        <f t="array" ref="G4184">IFERROR(INDEX(Jesper!AK$2:AK$366,ROUNDDOWN($C4184/24,0)+1,1)*INDEX($D$3:$AA$30,INDEX(Jesper!$R$2:$R$366,ROW(INDEX(Jesper!AK$2:AK$366,ROUNDDOWN($C4184/24,0)+1,1))-1)+IF('Standard Profiles'!$G$21=$B$10,7,0)+IF('Standard Profiles'!$G$21=$B$17,14,0)+IF('Standard Profiles'!$G$21=$B$24,21,0),MOD($C4184,24)+1)/SUM(INDEX($D$3:$AA$30,INDEX(Jesper!$R$2:$R$366,ROW(INDEX(Jesper!AK$2:AK$366,ROUNDDOWN($C4184/24,0)+1,1))-1)+IF('Standard Profiles'!$G$21=$B$10,7,0)+IF('Standard Profiles'!$G$21=$B$17,14,0)+IF('Standard Profiles'!$G$21=$B$24,21,0),0)),0)</f>
        <v>0</v>
      </c>
      <c r="H4184" cm="1">
        <f t="array" ref="H4184">IFERROR(INDEX(Jesper!AL$2:AL$366,ROUNDDOWN($C4184/24,0)+1,1)*INDEX($D$3:$AA$30,INDEX(Jesper!$R$2:$R$366,ROW(INDEX(Jesper!AL$2:AL$366,ROUNDDOWN($C4184/24,0)+1,1))-1)+IF('Standard Profiles'!$G$22=$B$10,7,0)+IF('Standard Profiles'!$G$22=$B$17,14,0)+IF('Standard Profiles'!$G$22=$B$24,21,0),MOD($C4184,24)+1)/SUM(INDEX($D$3:$AA$30,INDEX(Jesper!$R$2:$R$366,ROW(INDEX(Jesper!AL$2:AL$366,ROUNDDOWN($C4184/24,0)+1,1))-1)+IF('Standard Profiles'!$G$22=$B$10,7,0)+IF('Standard Profiles'!$G$22=$B$17,14,0)+IF('Standard Profiles'!$G$22=$B$24,21,0),0)),0)</f>
        <v>0</v>
      </c>
      <c r="I4184">
        <f t="shared" si="468"/>
        <v>0.10437102734670539</v>
      </c>
      <c r="J4184">
        <f t="shared" si="469"/>
        <v>0.34790342448901801</v>
      </c>
      <c r="K4184">
        <f t="shared" si="470"/>
        <v>0.5218551367335269</v>
      </c>
      <c r="L4184">
        <f t="shared" si="471"/>
        <v>2.5049046563209294</v>
      </c>
      <c r="M4184">
        <f t="shared" si="472"/>
        <v>0</v>
      </c>
      <c r="N4184" s="46">
        <f t="shared" si="473"/>
        <v>45464.916666656602</v>
      </c>
    </row>
    <row r="4185" spans="2:14" x14ac:dyDescent="0.3">
      <c r="B4185">
        <f t="shared" si="467"/>
        <v>5</v>
      </c>
      <c r="C4185" s="16">
        <v>4151</v>
      </c>
      <c r="D4185" cm="1">
        <f t="array" ref="D4185">IFERROR(INDEX(Jesper!AH$2:AH$366,ROUNDDOWN($C4185/24,0)+1,1)*INDEX($D$3:$AA$30,INDEX(Jesper!$R$2:$R$366,ROW(INDEX(Jesper!AH$2:AH$366,ROUNDDOWN($C4185/24,0)+1,1))-1)+IF('Standard Profiles'!$G$18=$B$10,7,0)+IF('Standard Profiles'!$G$18=$B$17,14,0)+IF('Standard Profiles'!$G$18=$B$24,21,0),MOD($C4185,24)+1)/SUM(INDEX($D$3:$AA$30,INDEX(Jesper!$R$2:$R$366,ROW(INDEX(Jesper!AH$2:AH$366,ROUNDDOWN($C4185/24,0)+1,1))-1)+IF('Standard Profiles'!$G$18=$B$10,7,0)+IF('Standard Profiles'!$G$18=$B$17,14,0)+IF('Standard Profiles'!$G$18=$B$24,21,0),0)),0)</f>
        <v>3.4790342448901797</v>
      </c>
      <c r="E4185" cm="1">
        <f t="array" ref="E4185">IFERROR(INDEX(Jesper!AI$2:AI$366,ROUNDDOWN($C4185/24,0)+1,1)*INDEX($D$3:$AA$30,INDEX(Jesper!$R$2:$R$366,ROW(INDEX(Jesper!AI$2:AI$366,ROUNDDOWN($C4185/24,0)+1,1))-1)+IF('Standard Profiles'!$G$19=$B$10,7,0)+IF('Standard Profiles'!$G$19=$B$17,14,0)+IF('Standard Profiles'!$G$19=$B$24,21,0),MOD($C4185,24)+1)/SUM(INDEX($D$3:$AA$30,INDEX(Jesper!$R$2:$R$366,ROW(INDEX(Jesper!AI$2:AI$366,ROUNDDOWN($C4185/24,0)+1,1))-1)+IF('Standard Profiles'!$G$19=$B$10,7,0)+IF('Standard Profiles'!$G$19=$B$17,14,0)+IF('Standard Profiles'!$G$19=$B$24,21,0),0)),0)</f>
        <v>0</v>
      </c>
      <c r="F4185" cm="1">
        <f t="array" ref="F4185">IFERROR(INDEX(Jesper!AJ$2:AJ$366,ROUNDDOWN($C4185/24,0)+1,1)*INDEX($D$3:$AA$30,INDEX(Jesper!$R$2:$R$366,ROW(INDEX(Jesper!AJ$2:AJ$366,ROUNDDOWN($C4185/24,0)+1,1))-1)+IF('Standard Profiles'!$G$20=$B$10,7,0)+IF('Standard Profiles'!$G$20=$B$17,14,0)+IF('Standard Profiles'!$G$20=$B$24,21,0),MOD($C4185,24)+1)/SUM(INDEX($D$3:$AA$30,INDEX(Jesper!$R$2:$R$366,ROW(INDEX(Jesper!AJ$2:AJ$366,ROUNDDOWN($C4185/24,0)+1,1))-1)+IF('Standard Profiles'!$G$20=$B$10,7,0)+IF('Standard Profiles'!$G$20=$B$17,14,0)+IF('Standard Profiles'!$G$20=$B$24,21,0),0)),0)</f>
        <v>0</v>
      </c>
      <c r="G4185" cm="1">
        <f t="array" ref="G4185">IFERROR(INDEX(Jesper!AK$2:AK$366,ROUNDDOWN($C4185/24,0)+1,1)*INDEX($D$3:$AA$30,INDEX(Jesper!$R$2:$R$366,ROW(INDEX(Jesper!AK$2:AK$366,ROUNDDOWN($C4185/24,0)+1,1))-1)+IF('Standard Profiles'!$G$21=$B$10,7,0)+IF('Standard Profiles'!$G$21=$B$17,14,0)+IF('Standard Profiles'!$G$21=$B$24,21,0),MOD($C4185,24)+1)/SUM(INDEX($D$3:$AA$30,INDEX(Jesper!$R$2:$R$366,ROW(INDEX(Jesper!AK$2:AK$366,ROUNDDOWN($C4185/24,0)+1,1))-1)+IF('Standard Profiles'!$G$21=$B$10,7,0)+IF('Standard Profiles'!$G$21=$B$17,14,0)+IF('Standard Profiles'!$G$21=$B$24,21,0),0)),0)</f>
        <v>0</v>
      </c>
      <c r="H4185" cm="1">
        <f t="array" ref="H4185">IFERROR(INDEX(Jesper!AL$2:AL$366,ROUNDDOWN($C4185/24,0)+1,1)*INDEX($D$3:$AA$30,INDEX(Jesper!$R$2:$R$366,ROW(INDEX(Jesper!AL$2:AL$366,ROUNDDOWN($C4185/24,0)+1,1))-1)+IF('Standard Profiles'!$G$22=$B$10,7,0)+IF('Standard Profiles'!$G$22=$B$17,14,0)+IF('Standard Profiles'!$G$22=$B$24,21,0),MOD($C4185,24)+1)/SUM(INDEX($D$3:$AA$30,INDEX(Jesper!$R$2:$R$366,ROW(INDEX(Jesper!AL$2:AL$366,ROUNDDOWN($C4185/24,0)+1,1))-1)+IF('Standard Profiles'!$G$22=$B$10,7,0)+IF('Standard Profiles'!$G$22=$B$17,14,0)+IF('Standard Profiles'!$G$22=$B$24,21,0),0)),0)</f>
        <v>0</v>
      </c>
      <c r="I4185">
        <f t="shared" si="468"/>
        <v>0.10437102734670539</v>
      </c>
      <c r="J4185">
        <f t="shared" si="469"/>
        <v>0.34790342448901801</v>
      </c>
      <c r="K4185">
        <f t="shared" si="470"/>
        <v>0.5218551367335269</v>
      </c>
      <c r="L4185">
        <f t="shared" si="471"/>
        <v>2.5049046563209294</v>
      </c>
      <c r="M4185">
        <f t="shared" si="472"/>
        <v>0</v>
      </c>
      <c r="N4185" s="46">
        <f t="shared" si="473"/>
        <v>45464.958333323266</v>
      </c>
    </row>
    <row r="4186" spans="2:14" x14ac:dyDescent="0.3">
      <c r="B4186">
        <f t="shared" si="467"/>
        <v>6</v>
      </c>
      <c r="C4186" s="16">
        <v>4152</v>
      </c>
      <c r="D4186" cm="1">
        <f t="array" ref="D4186">IFERROR(INDEX(Jesper!AH$2:AH$366,ROUNDDOWN($C4186/24,0)+1,1)*INDEX($D$3:$AA$30,INDEX(Jesper!$R$2:$R$366,ROW(INDEX(Jesper!AH$2:AH$366,ROUNDDOWN($C4186/24,0)+1,1))-1)+IF('Standard Profiles'!$G$18=$B$10,7,0)+IF('Standard Profiles'!$G$18=$B$17,14,0)+IF('Standard Profiles'!$G$18=$B$24,21,0),MOD($C4186,24)+1)/SUM(INDEX($D$3:$AA$30,INDEX(Jesper!$R$2:$R$366,ROW(INDEX(Jesper!AH$2:AH$366,ROUNDDOWN($C4186/24,0)+1,1))-1)+IF('Standard Profiles'!$G$18=$B$10,7,0)+IF('Standard Profiles'!$G$18=$B$17,14,0)+IF('Standard Profiles'!$G$18=$B$24,21,0),0)),0)</f>
        <v>3.5281745444663724</v>
      </c>
      <c r="E4186" cm="1">
        <f t="array" ref="E4186">IFERROR(INDEX(Jesper!AI$2:AI$366,ROUNDDOWN($C4186/24,0)+1,1)*INDEX($D$3:$AA$30,INDEX(Jesper!$R$2:$R$366,ROW(INDEX(Jesper!AI$2:AI$366,ROUNDDOWN($C4186/24,0)+1,1))-1)+IF('Standard Profiles'!$G$19=$B$10,7,0)+IF('Standard Profiles'!$G$19=$B$17,14,0)+IF('Standard Profiles'!$G$19=$B$24,21,0),MOD($C4186,24)+1)/SUM(INDEX($D$3:$AA$30,INDEX(Jesper!$R$2:$R$366,ROW(INDEX(Jesper!AI$2:AI$366,ROUNDDOWN($C4186/24,0)+1,1))-1)+IF('Standard Profiles'!$G$19=$B$10,7,0)+IF('Standard Profiles'!$G$19=$B$17,14,0)+IF('Standard Profiles'!$G$19=$B$24,21,0),0)),0)</f>
        <v>0.57713620954623435</v>
      </c>
      <c r="F4186" cm="1">
        <f t="array" ref="F4186">IFERROR(INDEX(Jesper!AJ$2:AJ$366,ROUNDDOWN($C4186/24,0)+1,1)*INDEX($D$3:$AA$30,INDEX(Jesper!$R$2:$R$366,ROW(INDEX(Jesper!AJ$2:AJ$366,ROUNDDOWN($C4186/24,0)+1,1))-1)+IF('Standard Profiles'!$G$20=$B$10,7,0)+IF('Standard Profiles'!$G$20=$B$17,14,0)+IF('Standard Profiles'!$G$20=$B$24,21,0),MOD($C4186,24)+1)/SUM(INDEX($D$3:$AA$30,INDEX(Jesper!$R$2:$R$366,ROW(INDEX(Jesper!AJ$2:AJ$366,ROUNDDOWN($C4186/24,0)+1,1))-1)+IF('Standard Profiles'!$G$20=$B$10,7,0)+IF('Standard Profiles'!$G$20=$B$17,14,0)+IF('Standard Profiles'!$G$20=$B$24,21,0),0)),0)</f>
        <v>0</v>
      </c>
      <c r="G4186" cm="1">
        <f t="array" ref="G4186">IFERROR(INDEX(Jesper!AK$2:AK$366,ROUNDDOWN($C4186/24,0)+1,1)*INDEX($D$3:$AA$30,INDEX(Jesper!$R$2:$R$366,ROW(INDEX(Jesper!AK$2:AK$366,ROUNDDOWN($C4186/24,0)+1,1))-1)+IF('Standard Profiles'!$G$21=$B$10,7,0)+IF('Standard Profiles'!$G$21=$B$17,14,0)+IF('Standard Profiles'!$G$21=$B$24,21,0),MOD($C4186,24)+1)/SUM(INDEX($D$3:$AA$30,INDEX(Jesper!$R$2:$R$366,ROW(INDEX(Jesper!AK$2:AK$366,ROUNDDOWN($C4186/24,0)+1,1))-1)+IF('Standard Profiles'!$G$21=$B$10,7,0)+IF('Standard Profiles'!$G$21=$B$17,14,0)+IF('Standard Profiles'!$G$21=$B$24,21,0),0)),0)</f>
        <v>0</v>
      </c>
      <c r="H4186" cm="1">
        <f t="array" ref="H4186">IFERROR(INDEX(Jesper!AL$2:AL$366,ROUNDDOWN($C4186/24,0)+1,1)*INDEX($D$3:$AA$30,INDEX(Jesper!$R$2:$R$366,ROW(INDEX(Jesper!AL$2:AL$366,ROUNDDOWN($C4186/24,0)+1,1))-1)+IF('Standard Profiles'!$G$22=$B$10,7,0)+IF('Standard Profiles'!$G$22=$B$17,14,0)+IF('Standard Profiles'!$G$22=$B$24,21,0),MOD($C4186,24)+1)/SUM(INDEX($D$3:$AA$30,INDEX(Jesper!$R$2:$R$366,ROW(INDEX(Jesper!AL$2:AL$366,ROUNDDOWN($C4186/24,0)+1,1))-1)+IF('Standard Profiles'!$G$22=$B$10,7,0)+IF('Standard Profiles'!$G$22=$B$17,14,0)+IF('Standard Profiles'!$G$22=$B$24,21,0),0)),0)</f>
        <v>0</v>
      </c>
      <c r="I4186">
        <f t="shared" si="468"/>
        <v>5.1994253112273375E-2</v>
      </c>
      <c r="J4186">
        <f t="shared" si="469"/>
        <v>0.17331417704091129</v>
      </c>
      <c r="K4186">
        <f t="shared" si="470"/>
        <v>0.2599712655613669</v>
      </c>
      <c r="L4186">
        <f t="shared" si="471"/>
        <v>3.6200310582980553</v>
      </c>
      <c r="M4186">
        <f t="shared" si="472"/>
        <v>0</v>
      </c>
      <c r="N4186" s="46">
        <f t="shared" si="473"/>
        <v>45464.99999998993</v>
      </c>
    </row>
    <row r="4187" spans="2:14" x14ac:dyDescent="0.3">
      <c r="B4187">
        <f t="shared" si="467"/>
        <v>6</v>
      </c>
      <c r="C4187" s="16">
        <v>4153</v>
      </c>
      <c r="D4187" cm="1">
        <f t="array" ref="D4187">IFERROR(INDEX(Jesper!AH$2:AH$366,ROUNDDOWN($C4187/24,0)+1,1)*INDEX($D$3:$AA$30,INDEX(Jesper!$R$2:$R$366,ROW(INDEX(Jesper!AH$2:AH$366,ROUNDDOWN($C4187/24,0)+1,1))-1)+IF('Standard Profiles'!$G$18=$B$10,7,0)+IF('Standard Profiles'!$G$18=$B$17,14,0)+IF('Standard Profiles'!$G$18=$B$24,21,0),MOD($C4187,24)+1)/SUM(INDEX($D$3:$AA$30,INDEX(Jesper!$R$2:$R$366,ROW(INDEX(Jesper!AH$2:AH$366,ROUNDDOWN($C4187/24,0)+1,1))-1)+IF('Standard Profiles'!$G$18=$B$10,7,0)+IF('Standard Profiles'!$G$18=$B$17,14,0)+IF('Standard Profiles'!$G$18=$B$24,21,0),0)),0)</f>
        <v>6.8883407772914893</v>
      </c>
      <c r="E4187" cm="1">
        <f t="array" ref="E4187">IFERROR(INDEX(Jesper!AI$2:AI$366,ROUNDDOWN($C4187/24,0)+1,1)*INDEX($D$3:$AA$30,INDEX(Jesper!$R$2:$R$366,ROW(INDEX(Jesper!AI$2:AI$366,ROUNDDOWN($C4187/24,0)+1,1))-1)+IF('Standard Profiles'!$G$19=$B$10,7,0)+IF('Standard Profiles'!$G$19=$B$17,14,0)+IF('Standard Profiles'!$G$19=$B$24,21,0),MOD($C4187,24)+1)/SUM(INDEX($D$3:$AA$30,INDEX(Jesper!$R$2:$R$366,ROW(INDEX(Jesper!AI$2:AI$366,ROUNDDOWN($C4187/24,0)+1,1))-1)+IF('Standard Profiles'!$G$19=$B$10,7,0)+IF('Standard Profiles'!$G$19=$B$17,14,0)+IF('Standard Profiles'!$G$19=$B$24,21,0),0)),0)</f>
        <v>1.1267897424474103</v>
      </c>
      <c r="F4187" cm="1">
        <f t="array" ref="F4187">IFERROR(INDEX(Jesper!AJ$2:AJ$366,ROUNDDOWN($C4187/24,0)+1,1)*INDEX($D$3:$AA$30,INDEX(Jesper!$R$2:$R$366,ROW(INDEX(Jesper!AJ$2:AJ$366,ROUNDDOWN($C4187/24,0)+1,1))-1)+IF('Standard Profiles'!$G$20=$B$10,7,0)+IF('Standard Profiles'!$G$20=$B$17,14,0)+IF('Standard Profiles'!$G$20=$B$24,21,0),MOD($C4187,24)+1)/SUM(INDEX($D$3:$AA$30,INDEX(Jesper!$R$2:$R$366,ROW(INDEX(Jesper!AJ$2:AJ$366,ROUNDDOWN($C4187/24,0)+1,1))-1)+IF('Standard Profiles'!$G$20=$B$10,7,0)+IF('Standard Profiles'!$G$20=$B$17,14,0)+IF('Standard Profiles'!$G$20=$B$24,21,0),0)),0)</f>
        <v>0</v>
      </c>
      <c r="G4187" cm="1">
        <f t="array" ref="G4187">IFERROR(INDEX(Jesper!AK$2:AK$366,ROUNDDOWN($C4187/24,0)+1,1)*INDEX($D$3:$AA$30,INDEX(Jesper!$R$2:$R$366,ROW(INDEX(Jesper!AK$2:AK$366,ROUNDDOWN($C4187/24,0)+1,1))-1)+IF('Standard Profiles'!$G$21=$B$10,7,0)+IF('Standard Profiles'!$G$21=$B$17,14,0)+IF('Standard Profiles'!$G$21=$B$24,21,0),MOD($C4187,24)+1)/SUM(INDEX($D$3:$AA$30,INDEX(Jesper!$R$2:$R$366,ROW(INDEX(Jesper!AK$2:AK$366,ROUNDDOWN($C4187/24,0)+1,1))-1)+IF('Standard Profiles'!$G$21=$B$10,7,0)+IF('Standard Profiles'!$G$21=$B$17,14,0)+IF('Standard Profiles'!$G$21=$B$24,21,0),0)),0)</f>
        <v>0</v>
      </c>
      <c r="H4187" cm="1">
        <f t="array" ref="H4187">IFERROR(INDEX(Jesper!AL$2:AL$366,ROUNDDOWN($C4187/24,0)+1,1)*INDEX($D$3:$AA$30,INDEX(Jesper!$R$2:$R$366,ROW(INDEX(Jesper!AL$2:AL$366,ROUNDDOWN($C4187/24,0)+1,1))-1)+IF('Standard Profiles'!$G$22=$B$10,7,0)+IF('Standard Profiles'!$G$22=$B$17,14,0)+IF('Standard Profiles'!$G$22=$B$24,21,0),MOD($C4187,24)+1)/SUM(INDEX($D$3:$AA$30,INDEX(Jesper!$R$2:$R$366,ROW(INDEX(Jesper!AL$2:AL$366,ROUNDDOWN($C4187/24,0)+1,1))-1)+IF('Standard Profiles'!$G$22=$B$10,7,0)+IF('Standard Profiles'!$G$22=$B$17,14,0)+IF('Standard Profiles'!$G$22=$B$24,21,0),0)),0)</f>
        <v>0</v>
      </c>
      <c r="I4187">
        <f t="shared" si="468"/>
        <v>0.10151258940967663</v>
      </c>
      <c r="J4187">
        <f t="shared" si="469"/>
        <v>0.33837529803225547</v>
      </c>
      <c r="K4187">
        <f t="shared" si="470"/>
        <v>0.50756294704838323</v>
      </c>
      <c r="L4187">
        <f t="shared" si="471"/>
        <v>7.0676796852485841</v>
      </c>
      <c r="M4187">
        <f t="shared" si="472"/>
        <v>0</v>
      </c>
      <c r="N4187" s="46">
        <f t="shared" si="473"/>
        <v>45465.041666656594</v>
      </c>
    </row>
    <row r="4188" spans="2:14" x14ac:dyDescent="0.3">
      <c r="B4188">
        <f t="shared" si="467"/>
        <v>6</v>
      </c>
      <c r="C4188" s="16">
        <v>4154</v>
      </c>
      <c r="D4188" cm="1">
        <f t="array" ref="D4188">IFERROR(INDEX(Jesper!AH$2:AH$366,ROUNDDOWN($C4188/24,0)+1,1)*INDEX($D$3:$AA$30,INDEX(Jesper!$R$2:$R$366,ROW(INDEX(Jesper!AH$2:AH$366,ROUNDDOWN($C4188/24,0)+1,1))-1)+IF('Standard Profiles'!$G$18=$B$10,7,0)+IF('Standard Profiles'!$G$18=$B$17,14,0)+IF('Standard Profiles'!$G$18=$B$24,21,0),MOD($C4188,24)+1)/SUM(INDEX($D$3:$AA$30,INDEX(Jesper!$R$2:$R$366,ROW(INDEX(Jesper!AH$2:AH$366,ROUNDDOWN($C4188/24,0)+1,1))-1)+IF('Standard Profiles'!$G$18=$B$10,7,0)+IF('Standard Profiles'!$G$18=$B$17,14,0)+IF('Standard Profiles'!$G$18=$B$24,21,0),0)),0)</f>
        <v>6.8883407772914893</v>
      </c>
      <c r="E4188" cm="1">
        <f t="array" ref="E4188">IFERROR(INDEX(Jesper!AI$2:AI$366,ROUNDDOWN($C4188/24,0)+1,1)*INDEX($D$3:$AA$30,INDEX(Jesper!$R$2:$R$366,ROW(INDEX(Jesper!AI$2:AI$366,ROUNDDOWN($C4188/24,0)+1,1))-1)+IF('Standard Profiles'!$G$19=$B$10,7,0)+IF('Standard Profiles'!$G$19=$B$17,14,0)+IF('Standard Profiles'!$G$19=$B$24,21,0),MOD($C4188,24)+1)/SUM(INDEX($D$3:$AA$30,INDEX(Jesper!$R$2:$R$366,ROW(INDEX(Jesper!AI$2:AI$366,ROUNDDOWN($C4188/24,0)+1,1))-1)+IF('Standard Profiles'!$G$19=$B$10,7,0)+IF('Standard Profiles'!$G$19=$B$17,14,0)+IF('Standard Profiles'!$G$19=$B$24,21,0),0)),0)</f>
        <v>1.1267897424474103</v>
      </c>
      <c r="F4188" cm="1">
        <f t="array" ref="F4188">IFERROR(INDEX(Jesper!AJ$2:AJ$366,ROUNDDOWN($C4188/24,0)+1,1)*INDEX($D$3:$AA$30,INDEX(Jesper!$R$2:$R$366,ROW(INDEX(Jesper!AJ$2:AJ$366,ROUNDDOWN($C4188/24,0)+1,1))-1)+IF('Standard Profiles'!$G$20=$B$10,7,0)+IF('Standard Profiles'!$G$20=$B$17,14,0)+IF('Standard Profiles'!$G$20=$B$24,21,0),MOD($C4188,24)+1)/SUM(INDEX($D$3:$AA$30,INDEX(Jesper!$R$2:$R$366,ROW(INDEX(Jesper!AJ$2:AJ$366,ROUNDDOWN($C4188/24,0)+1,1))-1)+IF('Standard Profiles'!$G$20=$B$10,7,0)+IF('Standard Profiles'!$G$20=$B$17,14,0)+IF('Standard Profiles'!$G$20=$B$24,21,0),0)),0)</f>
        <v>0</v>
      </c>
      <c r="G4188" cm="1">
        <f t="array" ref="G4188">IFERROR(INDEX(Jesper!AK$2:AK$366,ROUNDDOWN($C4188/24,0)+1,1)*INDEX($D$3:$AA$30,INDEX(Jesper!$R$2:$R$366,ROW(INDEX(Jesper!AK$2:AK$366,ROUNDDOWN($C4188/24,0)+1,1))-1)+IF('Standard Profiles'!$G$21=$B$10,7,0)+IF('Standard Profiles'!$G$21=$B$17,14,0)+IF('Standard Profiles'!$G$21=$B$24,21,0),MOD($C4188,24)+1)/SUM(INDEX($D$3:$AA$30,INDEX(Jesper!$R$2:$R$366,ROW(INDEX(Jesper!AK$2:AK$366,ROUNDDOWN($C4188/24,0)+1,1))-1)+IF('Standard Profiles'!$G$21=$B$10,7,0)+IF('Standard Profiles'!$G$21=$B$17,14,0)+IF('Standard Profiles'!$G$21=$B$24,21,0),0)),0)</f>
        <v>0</v>
      </c>
      <c r="H4188" cm="1">
        <f t="array" ref="H4188">IFERROR(INDEX(Jesper!AL$2:AL$366,ROUNDDOWN($C4188/24,0)+1,1)*INDEX($D$3:$AA$30,INDEX(Jesper!$R$2:$R$366,ROW(INDEX(Jesper!AL$2:AL$366,ROUNDDOWN($C4188/24,0)+1,1))-1)+IF('Standard Profiles'!$G$22=$B$10,7,0)+IF('Standard Profiles'!$G$22=$B$17,14,0)+IF('Standard Profiles'!$G$22=$B$24,21,0),MOD($C4188,24)+1)/SUM(INDEX($D$3:$AA$30,INDEX(Jesper!$R$2:$R$366,ROW(INDEX(Jesper!AL$2:AL$366,ROUNDDOWN($C4188/24,0)+1,1))-1)+IF('Standard Profiles'!$G$22=$B$10,7,0)+IF('Standard Profiles'!$G$22=$B$17,14,0)+IF('Standard Profiles'!$G$22=$B$24,21,0),0)),0)</f>
        <v>0</v>
      </c>
      <c r="I4188">
        <f t="shared" si="468"/>
        <v>0.10151258940967663</v>
      </c>
      <c r="J4188">
        <f t="shared" si="469"/>
        <v>0.33837529803225547</v>
      </c>
      <c r="K4188">
        <f t="shared" si="470"/>
        <v>0.50756294704838323</v>
      </c>
      <c r="L4188">
        <f t="shared" si="471"/>
        <v>7.0676796852485841</v>
      </c>
      <c r="M4188">
        <f t="shared" si="472"/>
        <v>0</v>
      </c>
      <c r="N4188" s="46">
        <f t="shared" si="473"/>
        <v>45465.083333323259</v>
      </c>
    </row>
    <row r="4189" spans="2:14" x14ac:dyDescent="0.3">
      <c r="B4189">
        <f t="shared" si="467"/>
        <v>6</v>
      </c>
      <c r="C4189" s="16">
        <v>4155</v>
      </c>
      <c r="D4189" cm="1">
        <f t="array" ref="D4189">IFERROR(INDEX(Jesper!AH$2:AH$366,ROUNDDOWN($C4189/24,0)+1,1)*INDEX($D$3:$AA$30,INDEX(Jesper!$R$2:$R$366,ROW(INDEX(Jesper!AH$2:AH$366,ROUNDDOWN($C4189/24,0)+1,1))-1)+IF('Standard Profiles'!$G$18=$B$10,7,0)+IF('Standard Profiles'!$G$18=$B$17,14,0)+IF('Standard Profiles'!$G$18=$B$24,21,0),MOD($C4189,24)+1)/SUM(INDEX($D$3:$AA$30,INDEX(Jesper!$R$2:$R$366,ROW(INDEX(Jesper!AH$2:AH$366,ROUNDDOWN($C4189/24,0)+1,1))-1)+IF('Standard Profiles'!$G$18=$B$10,7,0)+IF('Standard Profiles'!$G$18=$B$17,14,0)+IF('Standard Profiles'!$G$18=$B$24,21,0),0)),0)</f>
        <v>6.8883407772914893</v>
      </c>
      <c r="E4189" cm="1">
        <f t="array" ref="E4189">IFERROR(INDEX(Jesper!AI$2:AI$366,ROUNDDOWN($C4189/24,0)+1,1)*INDEX($D$3:$AA$30,INDEX(Jesper!$R$2:$R$366,ROW(INDEX(Jesper!AI$2:AI$366,ROUNDDOWN($C4189/24,0)+1,1))-1)+IF('Standard Profiles'!$G$19=$B$10,7,0)+IF('Standard Profiles'!$G$19=$B$17,14,0)+IF('Standard Profiles'!$G$19=$B$24,21,0),MOD($C4189,24)+1)/SUM(INDEX($D$3:$AA$30,INDEX(Jesper!$R$2:$R$366,ROW(INDEX(Jesper!AI$2:AI$366,ROUNDDOWN($C4189/24,0)+1,1))-1)+IF('Standard Profiles'!$G$19=$B$10,7,0)+IF('Standard Profiles'!$G$19=$B$17,14,0)+IF('Standard Profiles'!$G$19=$B$24,21,0),0)),0)</f>
        <v>1.1267897424474103</v>
      </c>
      <c r="F4189" cm="1">
        <f t="array" ref="F4189">IFERROR(INDEX(Jesper!AJ$2:AJ$366,ROUNDDOWN($C4189/24,0)+1,1)*INDEX($D$3:$AA$30,INDEX(Jesper!$R$2:$R$366,ROW(INDEX(Jesper!AJ$2:AJ$366,ROUNDDOWN($C4189/24,0)+1,1))-1)+IF('Standard Profiles'!$G$20=$B$10,7,0)+IF('Standard Profiles'!$G$20=$B$17,14,0)+IF('Standard Profiles'!$G$20=$B$24,21,0),MOD($C4189,24)+1)/SUM(INDEX($D$3:$AA$30,INDEX(Jesper!$R$2:$R$366,ROW(INDEX(Jesper!AJ$2:AJ$366,ROUNDDOWN($C4189/24,0)+1,1))-1)+IF('Standard Profiles'!$G$20=$B$10,7,0)+IF('Standard Profiles'!$G$20=$B$17,14,0)+IF('Standard Profiles'!$G$20=$B$24,21,0),0)),0)</f>
        <v>0</v>
      </c>
      <c r="G4189" cm="1">
        <f t="array" ref="G4189">IFERROR(INDEX(Jesper!AK$2:AK$366,ROUNDDOWN($C4189/24,0)+1,1)*INDEX($D$3:$AA$30,INDEX(Jesper!$R$2:$R$366,ROW(INDEX(Jesper!AK$2:AK$366,ROUNDDOWN($C4189/24,0)+1,1))-1)+IF('Standard Profiles'!$G$21=$B$10,7,0)+IF('Standard Profiles'!$G$21=$B$17,14,0)+IF('Standard Profiles'!$G$21=$B$24,21,0),MOD($C4189,24)+1)/SUM(INDEX($D$3:$AA$30,INDEX(Jesper!$R$2:$R$366,ROW(INDEX(Jesper!AK$2:AK$366,ROUNDDOWN($C4189/24,0)+1,1))-1)+IF('Standard Profiles'!$G$21=$B$10,7,0)+IF('Standard Profiles'!$G$21=$B$17,14,0)+IF('Standard Profiles'!$G$21=$B$24,21,0),0)),0)</f>
        <v>0</v>
      </c>
      <c r="H4189" cm="1">
        <f t="array" ref="H4189">IFERROR(INDEX(Jesper!AL$2:AL$366,ROUNDDOWN($C4189/24,0)+1,1)*INDEX($D$3:$AA$30,INDEX(Jesper!$R$2:$R$366,ROW(INDEX(Jesper!AL$2:AL$366,ROUNDDOWN($C4189/24,0)+1,1))-1)+IF('Standard Profiles'!$G$22=$B$10,7,0)+IF('Standard Profiles'!$G$22=$B$17,14,0)+IF('Standard Profiles'!$G$22=$B$24,21,0),MOD($C4189,24)+1)/SUM(INDEX($D$3:$AA$30,INDEX(Jesper!$R$2:$R$366,ROW(INDEX(Jesper!AL$2:AL$366,ROUNDDOWN($C4189/24,0)+1,1))-1)+IF('Standard Profiles'!$G$22=$B$10,7,0)+IF('Standard Profiles'!$G$22=$B$17,14,0)+IF('Standard Profiles'!$G$22=$B$24,21,0),0)),0)</f>
        <v>0</v>
      </c>
      <c r="I4189">
        <f t="shared" si="468"/>
        <v>0.10151258940967663</v>
      </c>
      <c r="J4189">
        <f t="shared" si="469"/>
        <v>0.33837529803225547</v>
      </c>
      <c r="K4189">
        <f t="shared" si="470"/>
        <v>0.50756294704838323</v>
      </c>
      <c r="L4189">
        <f t="shared" si="471"/>
        <v>7.0676796852485841</v>
      </c>
      <c r="M4189">
        <f t="shared" si="472"/>
        <v>0</v>
      </c>
      <c r="N4189" s="46">
        <f t="shared" si="473"/>
        <v>45465.124999989923</v>
      </c>
    </row>
    <row r="4190" spans="2:14" x14ac:dyDescent="0.3">
      <c r="B4190">
        <f t="shared" si="467"/>
        <v>6</v>
      </c>
      <c r="C4190" s="16">
        <v>4156</v>
      </c>
      <c r="D4190" cm="1">
        <f t="array" ref="D4190">IFERROR(INDEX(Jesper!AH$2:AH$366,ROUNDDOWN($C4190/24,0)+1,1)*INDEX($D$3:$AA$30,INDEX(Jesper!$R$2:$R$366,ROW(INDEX(Jesper!AH$2:AH$366,ROUNDDOWN($C4190/24,0)+1,1))-1)+IF('Standard Profiles'!$G$18=$B$10,7,0)+IF('Standard Profiles'!$G$18=$B$17,14,0)+IF('Standard Profiles'!$G$18=$B$24,21,0),MOD($C4190,24)+1)/SUM(INDEX($D$3:$AA$30,INDEX(Jesper!$R$2:$R$366,ROW(INDEX(Jesper!AH$2:AH$366,ROUNDDOWN($C4190/24,0)+1,1))-1)+IF('Standard Profiles'!$G$18=$B$10,7,0)+IF('Standard Profiles'!$G$18=$B$17,14,0)+IF('Standard Profiles'!$G$18=$B$24,21,0),0)),0)</f>
        <v>6.8883407772914893</v>
      </c>
      <c r="E4190" cm="1">
        <f t="array" ref="E4190">IFERROR(INDEX(Jesper!AI$2:AI$366,ROUNDDOWN($C4190/24,0)+1,1)*INDEX($D$3:$AA$30,INDEX(Jesper!$R$2:$R$366,ROW(INDEX(Jesper!AI$2:AI$366,ROUNDDOWN($C4190/24,0)+1,1))-1)+IF('Standard Profiles'!$G$19=$B$10,7,0)+IF('Standard Profiles'!$G$19=$B$17,14,0)+IF('Standard Profiles'!$G$19=$B$24,21,0),MOD($C4190,24)+1)/SUM(INDEX($D$3:$AA$30,INDEX(Jesper!$R$2:$R$366,ROW(INDEX(Jesper!AI$2:AI$366,ROUNDDOWN($C4190/24,0)+1,1))-1)+IF('Standard Profiles'!$G$19=$B$10,7,0)+IF('Standard Profiles'!$G$19=$B$17,14,0)+IF('Standard Profiles'!$G$19=$B$24,21,0),0)),0)</f>
        <v>1.1267897424474103</v>
      </c>
      <c r="F4190" cm="1">
        <f t="array" ref="F4190">IFERROR(INDEX(Jesper!AJ$2:AJ$366,ROUNDDOWN($C4190/24,0)+1,1)*INDEX($D$3:$AA$30,INDEX(Jesper!$R$2:$R$366,ROW(INDEX(Jesper!AJ$2:AJ$366,ROUNDDOWN($C4190/24,0)+1,1))-1)+IF('Standard Profiles'!$G$20=$B$10,7,0)+IF('Standard Profiles'!$G$20=$B$17,14,0)+IF('Standard Profiles'!$G$20=$B$24,21,0),MOD($C4190,24)+1)/SUM(INDEX($D$3:$AA$30,INDEX(Jesper!$R$2:$R$366,ROW(INDEX(Jesper!AJ$2:AJ$366,ROUNDDOWN($C4190/24,0)+1,1))-1)+IF('Standard Profiles'!$G$20=$B$10,7,0)+IF('Standard Profiles'!$G$20=$B$17,14,0)+IF('Standard Profiles'!$G$20=$B$24,21,0),0)),0)</f>
        <v>0</v>
      </c>
      <c r="G4190" cm="1">
        <f t="array" ref="G4190">IFERROR(INDEX(Jesper!AK$2:AK$366,ROUNDDOWN($C4190/24,0)+1,1)*INDEX($D$3:$AA$30,INDEX(Jesper!$R$2:$R$366,ROW(INDEX(Jesper!AK$2:AK$366,ROUNDDOWN($C4190/24,0)+1,1))-1)+IF('Standard Profiles'!$G$21=$B$10,7,0)+IF('Standard Profiles'!$G$21=$B$17,14,0)+IF('Standard Profiles'!$G$21=$B$24,21,0),MOD($C4190,24)+1)/SUM(INDEX($D$3:$AA$30,INDEX(Jesper!$R$2:$R$366,ROW(INDEX(Jesper!AK$2:AK$366,ROUNDDOWN($C4190/24,0)+1,1))-1)+IF('Standard Profiles'!$G$21=$B$10,7,0)+IF('Standard Profiles'!$G$21=$B$17,14,0)+IF('Standard Profiles'!$G$21=$B$24,21,0),0)),0)</f>
        <v>0</v>
      </c>
      <c r="H4190" cm="1">
        <f t="array" ref="H4190">IFERROR(INDEX(Jesper!AL$2:AL$366,ROUNDDOWN($C4190/24,0)+1,1)*INDEX($D$3:$AA$30,INDEX(Jesper!$R$2:$R$366,ROW(INDEX(Jesper!AL$2:AL$366,ROUNDDOWN($C4190/24,0)+1,1))-1)+IF('Standard Profiles'!$G$22=$B$10,7,0)+IF('Standard Profiles'!$G$22=$B$17,14,0)+IF('Standard Profiles'!$G$22=$B$24,21,0),MOD($C4190,24)+1)/SUM(INDEX($D$3:$AA$30,INDEX(Jesper!$R$2:$R$366,ROW(INDEX(Jesper!AL$2:AL$366,ROUNDDOWN($C4190/24,0)+1,1))-1)+IF('Standard Profiles'!$G$22=$B$10,7,0)+IF('Standard Profiles'!$G$22=$B$17,14,0)+IF('Standard Profiles'!$G$22=$B$24,21,0),0)),0)</f>
        <v>0</v>
      </c>
      <c r="I4190">
        <f t="shared" si="468"/>
        <v>0.10151258940967663</v>
      </c>
      <c r="J4190">
        <f t="shared" si="469"/>
        <v>0.33837529803225547</v>
      </c>
      <c r="K4190">
        <f t="shared" si="470"/>
        <v>0.50756294704838323</v>
      </c>
      <c r="L4190">
        <f t="shared" si="471"/>
        <v>7.0676796852485841</v>
      </c>
      <c r="M4190">
        <f t="shared" si="472"/>
        <v>0</v>
      </c>
      <c r="N4190" s="46">
        <f t="shared" si="473"/>
        <v>45465.166666656587</v>
      </c>
    </row>
    <row r="4191" spans="2:14" x14ac:dyDescent="0.3">
      <c r="B4191">
        <f t="shared" si="467"/>
        <v>6</v>
      </c>
      <c r="C4191" s="16">
        <v>4157</v>
      </c>
      <c r="D4191" cm="1">
        <f t="array" ref="D4191">IFERROR(INDEX(Jesper!AH$2:AH$366,ROUNDDOWN($C4191/24,0)+1,1)*INDEX($D$3:$AA$30,INDEX(Jesper!$R$2:$R$366,ROW(INDEX(Jesper!AH$2:AH$366,ROUNDDOWN($C4191/24,0)+1,1))-1)+IF('Standard Profiles'!$G$18=$B$10,7,0)+IF('Standard Profiles'!$G$18=$B$17,14,0)+IF('Standard Profiles'!$G$18=$B$24,21,0),MOD($C4191,24)+1)/SUM(INDEX($D$3:$AA$30,INDEX(Jesper!$R$2:$R$366,ROW(INDEX(Jesper!AH$2:AH$366,ROUNDDOWN($C4191/24,0)+1,1))-1)+IF('Standard Profiles'!$G$18=$B$10,7,0)+IF('Standard Profiles'!$G$18=$B$17,14,0)+IF('Standard Profiles'!$G$18=$B$24,21,0),0)),0)</f>
        <v>8.5684238937040487</v>
      </c>
      <c r="E4191" cm="1">
        <f t="array" ref="E4191">IFERROR(INDEX(Jesper!AI$2:AI$366,ROUNDDOWN($C4191/24,0)+1,1)*INDEX($D$3:$AA$30,INDEX(Jesper!$R$2:$R$366,ROW(INDEX(Jesper!AI$2:AI$366,ROUNDDOWN($C4191/24,0)+1,1))-1)+IF('Standard Profiles'!$G$19=$B$10,7,0)+IF('Standard Profiles'!$G$19=$B$17,14,0)+IF('Standard Profiles'!$G$19=$B$24,21,0),MOD($C4191,24)+1)/SUM(INDEX($D$3:$AA$30,INDEX(Jesper!$R$2:$R$366,ROW(INDEX(Jesper!AI$2:AI$366,ROUNDDOWN($C4191/24,0)+1,1))-1)+IF('Standard Profiles'!$G$19=$B$10,7,0)+IF('Standard Profiles'!$G$19=$B$17,14,0)+IF('Standard Profiles'!$G$19=$B$24,21,0),0)),0)</f>
        <v>1.4016165088979979</v>
      </c>
      <c r="F4191" cm="1">
        <f t="array" ref="F4191">IFERROR(INDEX(Jesper!AJ$2:AJ$366,ROUNDDOWN($C4191/24,0)+1,1)*INDEX($D$3:$AA$30,INDEX(Jesper!$R$2:$R$366,ROW(INDEX(Jesper!AJ$2:AJ$366,ROUNDDOWN($C4191/24,0)+1,1))-1)+IF('Standard Profiles'!$G$20=$B$10,7,0)+IF('Standard Profiles'!$G$20=$B$17,14,0)+IF('Standard Profiles'!$G$20=$B$24,21,0),MOD($C4191,24)+1)/SUM(INDEX($D$3:$AA$30,INDEX(Jesper!$R$2:$R$366,ROW(INDEX(Jesper!AJ$2:AJ$366,ROUNDDOWN($C4191/24,0)+1,1))-1)+IF('Standard Profiles'!$G$20=$B$10,7,0)+IF('Standard Profiles'!$G$20=$B$17,14,0)+IF('Standard Profiles'!$G$20=$B$24,21,0),0)),0)</f>
        <v>0</v>
      </c>
      <c r="G4191" cm="1">
        <f t="array" ref="G4191">IFERROR(INDEX(Jesper!AK$2:AK$366,ROUNDDOWN($C4191/24,0)+1,1)*INDEX($D$3:$AA$30,INDEX(Jesper!$R$2:$R$366,ROW(INDEX(Jesper!AK$2:AK$366,ROUNDDOWN($C4191/24,0)+1,1))-1)+IF('Standard Profiles'!$G$21=$B$10,7,0)+IF('Standard Profiles'!$G$21=$B$17,14,0)+IF('Standard Profiles'!$G$21=$B$24,21,0),MOD($C4191,24)+1)/SUM(INDEX($D$3:$AA$30,INDEX(Jesper!$R$2:$R$366,ROW(INDEX(Jesper!AK$2:AK$366,ROUNDDOWN($C4191/24,0)+1,1))-1)+IF('Standard Profiles'!$G$21=$B$10,7,0)+IF('Standard Profiles'!$G$21=$B$17,14,0)+IF('Standard Profiles'!$G$21=$B$24,21,0),0)),0)</f>
        <v>0</v>
      </c>
      <c r="H4191" cm="1">
        <f t="array" ref="H4191">IFERROR(INDEX(Jesper!AL$2:AL$366,ROUNDDOWN($C4191/24,0)+1,1)*INDEX($D$3:$AA$30,INDEX(Jesper!$R$2:$R$366,ROW(INDEX(Jesper!AL$2:AL$366,ROUNDDOWN($C4191/24,0)+1,1))-1)+IF('Standard Profiles'!$G$22=$B$10,7,0)+IF('Standard Profiles'!$G$22=$B$17,14,0)+IF('Standard Profiles'!$G$22=$B$24,21,0),MOD($C4191,24)+1)/SUM(INDEX($D$3:$AA$30,INDEX(Jesper!$R$2:$R$366,ROW(INDEX(Jesper!AL$2:AL$366,ROUNDDOWN($C4191/24,0)+1,1))-1)+IF('Standard Profiles'!$G$22=$B$10,7,0)+IF('Standard Profiles'!$G$22=$B$17,14,0)+IF('Standard Profiles'!$G$22=$B$24,21,0),0)),0)</f>
        <v>0</v>
      </c>
      <c r="I4191">
        <f t="shared" si="468"/>
        <v>0.12627175755837822</v>
      </c>
      <c r="J4191">
        <f t="shared" si="469"/>
        <v>0.42090585852792745</v>
      </c>
      <c r="K4191">
        <f t="shared" si="470"/>
        <v>0.63135878779189125</v>
      </c>
      <c r="L4191">
        <f t="shared" si="471"/>
        <v>8.791503998723849</v>
      </c>
      <c r="M4191">
        <f t="shared" si="472"/>
        <v>0</v>
      </c>
      <c r="N4191" s="46">
        <f t="shared" si="473"/>
        <v>45465.208333323251</v>
      </c>
    </row>
    <row r="4192" spans="2:14" x14ac:dyDescent="0.3">
      <c r="B4192">
        <f t="shared" si="467"/>
        <v>6</v>
      </c>
      <c r="C4192" s="16">
        <v>4158</v>
      </c>
      <c r="D4192" cm="1">
        <f t="array" ref="D4192">IFERROR(INDEX(Jesper!AH$2:AH$366,ROUNDDOWN($C4192/24,0)+1,1)*INDEX($D$3:$AA$30,INDEX(Jesper!$R$2:$R$366,ROW(INDEX(Jesper!AH$2:AH$366,ROUNDDOWN($C4192/24,0)+1,1))-1)+IF('Standard Profiles'!$G$18=$B$10,7,0)+IF('Standard Profiles'!$G$18=$B$17,14,0)+IF('Standard Profiles'!$G$18=$B$24,21,0),MOD($C4192,24)+1)/SUM(INDEX($D$3:$AA$30,INDEX(Jesper!$R$2:$R$366,ROW(INDEX(Jesper!AH$2:AH$366,ROUNDDOWN($C4192/24,0)+1,1))-1)+IF('Standard Profiles'!$G$18=$B$10,7,0)+IF('Standard Profiles'!$G$18=$B$17,14,0)+IF('Standard Profiles'!$G$18=$B$24,21,0),0)),0)</f>
        <v>10.752531945040374</v>
      </c>
      <c r="E4192" cm="1">
        <f t="array" ref="E4192">IFERROR(INDEX(Jesper!AI$2:AI$366,ROUNDDOWN($C4192/24,0)+1,1)*INDEX($D$3:$AA$30,INDEX(Jesper!$R$2:$R$366,ROW(INDEX(Jesper!AI$2:AI$366,ROUNDDOWN($C4192/24,0)+1,1))-1)+IF('Standard Profiles'!$G$19=$B$10,7,0)+IF('Standard Profiles'!$G$19=$B$17,14,0)+IF('Standard Profiles'!$G$19=$B$24,21,0),MOD($C4192,24)+1)/SUM(INDEX($D$3:$AA$30,INDEX(Jesper!$R$2:$R$366,ROW(INDEX(Jesper!AI$2:AI$366,ROUNDDOWN($C4192/24,0)+1,1))-1)+IF('Standard Profiles'!$G$19=$B$10,7,0)+IF('Standard Profiles'!$G$19=$B$17,14,0)+IF('Standard Profiles'!$G$19=$B$24,21,0),0)),0)</f>
        <v>1.758891305283762</v>
      </c>
      <c r="F4192" cm="1">
        <f t="array" ref="F4192">IFERROR(INDEX(Jesper!AJ$2:AJ$366,ROUNDDOWN($C4192/24,0)+1,1)*INDEX($D$3:$AA$30,INDEX(Jesper!$R$2:$R$366,ROW(INDEX(Jesper!AJ$2:AJ$366,ROUNDDOWN($C4192/24,0)+1,1))-1)+IF('Standard Profiles'!$G$20=$B$10,7,0)+IF('Standard Profiles'!$G$20=$B$17,14,0)+IF('Standard Profiles'!$G$20=$B$24,21,0),MOD($C4192,24)+1)/SUM(INDEX($D$3:$AA$30,INDEX(Jesper!$R$2:$R$366,ROW(INDEX(Jesper!AJ$2:AJ$366,ROUNDDOWN($C4192/24,0)+1,1))-1)+IF('Standard Profiles'!$G$20=$B$10,7,0)+IF('Standard Profiles'!$G$20=$B$17,14,0)+IF('Standard Profiles'!$G$20=$B$24,21,0),0)),0)</f>
        <v>0</v>
      </c>
      <c r="G4192" cm="1">
        <f t="array" ref="G4192">IFERROR(INDEX(Jesper!AK$2:AK$366,ROUNDDOWN($C4192/24,0)+1,1)*INDEX($D$3:$AA$30,INDEX(Jesper!$R$2:$R$366,ROW(INDEX(Jesper!AK$2:AK$366,ROUNDDOWN($C4192/24,0)+1,1))-1)+IF('Standard Profiles'!$G$21=$B$10,7,0)+IF('Standard Profiles'!$G$21=$B$17,14,0)+IF('Standard Profiles'!$G$21=$B$24,21,0),MOD($C4192,24)+1)/SUM(INDEX($D$3:$AA$30,INDEX(Jesper!$R$2:$R$366,ROW(INDEX(Jesper!AK$2:AK$366,ROUNDDOWN($C4192/24,0)+1,1))-1)+IF('Standard Profiles'!$G$21=$B$10,7,0)+IF('Standard Profiles'!$G$21=$B$17,14,0)+IF('Standard Profiles'!$G$21=$B$24,21,0),0)),0)</f>
        <v>0</v>
      </c>
      <c r="H4192" cm="1">
        <f t="array" ref="H4192">IFERROR(INDEX(Jesper!AL$2:AL$366,ROUNDDOWN($C4192/24,0)+1,1)*INDEX($D$3:$AA$30,INDEX(Jesper!$R$2:$R$366,ROW(INDEX(Jesper!AL$2:AL$366,ROUNDDOWN($C4192/24,0)+1,1))-1)+IF('Standard Profiles'!$G$22=$B$10,7,0)+IF('Standard Profiles'!$G$22=$B$17,14,0)+IF('Standard Profiles'!$G$22=$B$24,21,0),MOD($C4192,24)+1)/SUM(INDEX($D$3:$AA$30,INDEX(Jesper!$R$2:$R$366,ROW(INDEX(Jesper!AL$2:AL$366,ROUNDDOWN($C4192/24,0)+1,1))-1)+IF('Standard Profiles'!$G$22=$B$10,7,0)+IF('Standard Profiles'!$G$22=$B$17,14,0)+IF('Standard Profiles'!$G$22=$B$24,21,0),0)),0)</f>
        <v>0</v>
      </c>
      <c r="I4192">
        <f t="shared" si="468"/>
        <v>0.15845867615169032</v>
      </c>
      <c r="J4192">
        <f t="shared" si="469"/>
        <v>0.52819558717230108</v>
      </c>
      <c r="K4192">
        <f t="shared" si="470"/>
        <v>0.79229338075845168</v>
      </c>
      <c r="L4192">
        <f t="shared" si="471"/>
        <v>11.032475606241693</v>
      </c>
      <c r="M4192">
        <f t="shared" si="472"/>
        <v>0</v>
      </c>
      <c r="N4192" s="46">
        <f t="shared" si="473"/>
        <v>45465.249999989916</v>
      </c>
    </row>
    <row r="4193" spans="2:14" x14ac:dyDescent="0.3">
      <c r="B4193">
        <f t="shared" si="467"/>
        <v>6</v>
      </c>
      <c r="C4193" s="16">
        <v>4159</v>
      </c>
      <c r="D4193" cm="1">
        <f t="array" ref="D4193">IFERROR(INDEX(Jesper!AH$2:AH$366,ROUNDDOWN($C4193/24,0)+1,1)*INDEX($D$3:$AA$30,INDEX(Jesper!$R$2:$R$366,ROW(INDEX(Jesper!AH$2:AH$366,ROUNDDOWN($C4193/24,0)+1,1))-1)+IF('Standard Profiles'!$G$18=$B$10,7,0)+IF('Standard Profiles'!$G$18=$B$17,14,0)+IF('Standard Profiles'!$G$18=$B$24,21,0),MOD($C4193,24)+1)/SUM(INDEX($D$3:$AA$30,INDEX(Jesper!$R$2:$R$366,ROW(INDEX(Jesper!AH$2:AH$366,ROUNDDOWN($C4193/24,0)+1,1))-1)+IF('Standard Profiles'!$G$18=$B$10,7,0)+IF('Standard Profiles'!$G$18=$B$17,14,0)+IF('Standard Profiles'!$G$18=$B$24,21,0),0)),0)</f>
        <v>12.264606749811676</v>
      </c>
      <c r="E4193" cm="1">
        <f t="array" ref="E4193">IFERROR(INDEX(Jesper!AI$2:AI$366,ROUNDDOWN($C4193/24,0)+1,1)*INDEX($D$3:$AA$30,INDEX(Jesper!$R$2:$R$366,ROW(INDEX(Jesper!AI$2:AI$366,ROUNDDOWN($C4193/24,0)+1,1))-1)+IF('Standard Profiles'!$G$19=$B$10,7,0)+IF('Standard Profiles'!$G$19=$B$17,14,0)+IF('Standard Profiles'!$G$19=$B$24,21,0),MOD($C4193,24)+1)/SUM(INDEX($D$3:$AA$30,INDEX(Jesper!$R$2:$R$366,ROW(INDEX(Jesper!AI$2:AI$366,ROUNDDOWN($C4193/24,0)+1,1))-1)+IF('Standard Profiles'!$G$19=$B$10,7,0)+IF('Standard Profiles'!$G$19=$B$17,14,0)+IF('Standard Profiles'!$G$19=$B$24,21,0),0)),0)</f>
        <v>2.0062353950892913</v>
      </c>
      <c r="F4193" cm="1">
        <f t="array" ref="F4193">IFERROR(INDEX(Jesper!AJ$2:AJ$366,ROUNDDOWN($C4193/24,0)+1,1)*INDEX($D$3:$AA$30,INDEX(Jesper!$R$2:$R$366,ROW(INDEX(Jesper!AJ$2:AJ$366,ROUNDDOWN($C4193/24,0)+1,1))-1)+IF('Standard Profiles'!$G$20=$B$10,7,0)+IF('Standard Profiles'!$G$20=$B$17,14,0)+IF('Standard Profiles'!$G$20=$B$24,21,0),MOD($C4193,24)+1)/SUM(INDEX($D$3:$AA$30,INDEX(Jesper!$R$2:$R$366,ROW(INDEX(Jesper!AJ$2:AJ$366,ROUNDDOWN($C4193/24,0)+1,1))-1)+IF('Standard Profiles'!$G$20=$B$10,7,0)+IF('Standard Profiles'!$G$20=$B$17,14,0)+IF('Standard Profiles'!$G$20=$B$24,21,0),0)),0)</f>
        <v>0</v>
      </c>
      <c r="G4193" cm="1">
        <f t="array" ref="G4193">IFERROR(INDEX(Jesper!AK$2:AK$366,ROUNDDOWN($C4193/24,0)+1,1)*INDEX($D$3:$AA$30,INDEX(Jesper!$R$2:$R$366,ROW(INDEX(Jesper!AK$2:AK$366,ROUNDDOWN($C4193/24,0)+1,1))-1)+IF('Standard Profiles'!$G$21=$B$10,7,0)+IF('Standard Profiles'!$G$21=$B$17,14,0)+IF('Standard Profiles'!$G$21=$B$24,21,0),MOD($C4193,24)+1)/SUM(INDEX($D$3:$AA$30,INDEX(Jesper!$R$2:$R$366,ROW(INDEX(Jesper!AK$2:AK$366,ROUNDDOWN($C4193/24,0)+1,1))-1)+IF('Standard Profiles'!$G$21=$B$10,7,0)+IF('Standard Profiles'!$G$21=$B$17,14,0)+IF('Standard Profiles'!$G$21=$B$24,21,0),0)),0)</f>
        <v>0</v>
      </c>
      <c r="H4193" cm="1">
        <f t="array" ref="H4193">IFERROR(INDEX(Jesper!AL$2:AL$366,ROUNDDOWN($C4193/24,0)+1,1)*INDEX($D$3:$AA$30,INDEX(Jesper!$R$2:$R$366,ROW(INDEX(Jesper!AL$2:AL$366,ROUNDDOWN($C4193/24,0)+1,1))-1)+IF('Standard Profiles'!$G$22=$B$10,7,0)+IF('Standard Profiles'!$G$22=$B$17,14,0)+IF('Standard Profiles'!$G$22=$B$24,21,0),MOD($C4193,24)+1)/SUM(INDEX($D$3:$AA$30,INDEX(Jesper!$R$2:$R$366,ROW(INDEX(Jesper!AL$2:AL$366,ROUNDDOWN($C4193/24,0)+1,1))-1)+IF('Standard Profiles'!$G$22=$B$10,7,0)+IF('Standard Profiles'!$G$22=$B$17,14,0)+IF('Standard Profiles'!$G$22=$B$24,21,0),0)),0)</f>
        <v>0</v>
      </c>
      <c r="I4193">
        <f t="shared" si="468"/>
        <v>0.18074192748552179</v>
      </c>
      <c r="J4193">
        <f t="shared" si="469"/>
        <v>0.60247309161840601</v>
      </c>
      <c r="K4193">
        <f t="shared" si="470"/>
        <v>0.90370963742760901</v>
      </c>
      <c r="L4193">
        <f t="shared" si="471"/>
        <v>12.583917488369432</v>
      </c>
      <c r="M4193">
        <f t="shared" si="472"/>
        <v>0</v>
      </c>
      <c r="N4193" s="46">
        <f t="shared" si="473"/>
        <v>45465.29166665658</v>
      </c>
    </row>
    <row r="4194" spans="2:14" x14ac:dyDescent="0.3">
      <c r="B4194">
        <f t="shared" si="467"/>
        <v>6</v>
      </c>
      <c r="C4194" s="16">
        <v>4160</v>
      </c>
      <c r="D4194" cm="1">
        <f t="array" ref="D4194">IFERROR(INDEX(Jesper!AH$2:AH$366,ROUNDDOWN($C4194/24,0)+1,1)*INDEX($D$3:$AA$30,INDEX(Jesper!$R$2:$R$366,ROW(INDEX(Jesper!AH$2:AH$366,ROUNDDOWN($C4194/24,0)+1,1))-1)+IF('Standard Profiles'!$G$18=$B$10,7,0)+IF('Standard Profiles'!$G$18=$B$17,14,0)+IF('Standard Profiles'!$G$18=$B$24,21,0),MOD($C4194,24)+1)/SUM(INDEX($D$3:$AA$30,INDEX(Jesper!$R$2:$R$366,ROW(INDEX(Jesper!AH$2:AH$366,ROUNDDOWN($C4194/24,0)+1,1))-1)+IF('Standard Profiles'!$G$18=$B$10,7,0)+IF('Standard Profiles'!$G$18=$B$17,14,0)+IF('Standard Profiles'!$G$18=$B$24,21,0),0)),0)</f>
        <v>12.264606749811676</v>
      </c>
      <c r="E4194" cm="1">
        <f t="array" ref="E4194">IFERROR(INDEX(Jesper!AI$2:AI$366,ROUNDDOWN($C4194/24,0)+1,1)*INDEX($D$3:$AA$30,INDEX(Jesper!$R$2:$R$366,ROW(INDEX(Jesper!AI$2:AI$366,ROUNDDOWN($C4194/24,0)+1,1))-1)+IF('Standard Profiles'!$G$19=$B$10,7,0)+IF('Standard Profiles'!$G$19=$B$17,14,0)+IF('Standard Profiles'!$G$19=$B$24,21,0),MOD($C4194,24)+1)/SUM(INDEX($D$3:$AA$30,INDEX(Jesper!$R$2:$R$366,ROW(INDEX(Jesper!AI$2:AI$366,ROUNDDOWN($C4194/24,0)+1,1))-1)+IF('Standard Profiles'!$G$19=$B$10,7,0)+IF('Standard Profiles'!$G$19=$B$17,14,0)+IF('Standard Profiles'!$G$19=$B$24,21,0),0)),0)</f>
        <v>2.0062353950892913</v>
      </c>
      <c r="F4194" cm="1">
        <f t="array" ref="F4194">IFERROR(INDEX(Jesper!AJ$2:AJ$366,ROUNDDOWN($C4194/24,0)+1,1)*INDEX($D$3:$AA$30,INDEX(Jesper!$R$2:$R$366,ROW(INDEX(Jesper!AJ$2:AJ$366,ROUNDDOWN($C4194/24,0)+1,1))-1)+IF('Standard Profiles'!$G$20=$B$10,7,0)+IF('Standard Profiles'!$G$20=$B$17,14,0)+IF('Standard Profiles'!$G$20=$B$24,21,0),MOD($C4194,24)+1)/SUM(INDEX($D$3:$AA$30,INDEX(Jesper!$R$2:$R$366,ROW(INDEX(Jesper!AJ$2:AJ$366,ROUNDDOWN($C4194/24,0)+1,1))-1)+IF('Standard Profiles'!$G$20=$B$10,7,0)+IF('Standard Profiles'!$G$20=$B$17,14,0)+IF('Standard Profiles'!$G$20=$B$24,21,0),0)),0)</f>
        <v>0</v>
      </c>
      <c r="G4194" cm="1">
        <f t="array" ref="G4194">IFERROR(INDEX(Jesper!AK$2:AK$366,ROUNDDOWN($C4194/24,0)+1,1)*INDEX($D$3:$AA$30,INDEX(Jesper!$R$2:$R$366,ROW(INDEX(Jesper!AK$2:AK$366,ROUNDDOWN($C4194/24,0)+1,1))-1)+IF('Standard Profiles'!$G$21=$B$10,7,0)+IF('Standard Profiles'!$G$21=$B$17,14,0)+IF('Standard Profiles'!$G$21=$B$24,21,0),MOD($C4194,24)+1)/SUM(INDEX($D$3:$AA$30,INDEX(Jesper!$R$2:$R$366,ROW(INDEX(Jesper!AK$2:AK$366,ROUNDDOWN($C4194/24,0)+1,1))-1)+IF('Standard Profiles'!$G$21=$B$10,7,0)+IF('Standard Profiles'!$G$21=$B$17,14,0)+IF('Standard Profiles'!$G$21=$B$24,21,0),0)),0)</f>
        <v>0</v>
      </c>
      <c r="H4194" cm="1">
        <f t="array" ref="H4194">IFERROR(INDEX(Jesper!AL$2:AL$366,ROUNDDOWN($C4194/24,0)+1,1)*INDEX($D$3:$AA$30,INDEX(Jesper!$R$2:$R$366,ROW(INDEX(Jesper!AL$2:AL$366,ROUNDDOWN($C4194/24,0)+1,1))-1)+IF('Standard Profiles'!$G$22=$B$10,7,0)+IF('Standard Profiles'!$G$22=$B$17,14,0)+IF('Standard Profiles'!$G$22=$B$24,21,0),MOD($C4194,24)+1)/SUM(INDEX($D$3:$AA$30,INDEX(Jesper!$R$2:$R$366,ROW(INDEX(Jesper!AL$2:AL$366,ROUNDDOWN($C4194/24,0)+1,1))-1)+IF('Standard Profiles'!$G$22=$B$10,7,0)+IF('Standard Profiles'!$G$22=$B$17,14,0)+IF('Standard Profiles'!$G$22=$B$24,21,0),0)),0)</f>
        <v>0</v>
      </c>
      <c r="I4194">
        <f t="shared" si="468"/>
        <v>0.18074192748552179</v>
      </c>
      <c r="J4194">
        <f t="shared" si="469"/>
        <v>0.60247309161840601</v>
      </c>
      <c r="K4194">
        <f t="shared" si="470"/>
        <v>0.90370963742760901</v>
      </c>
      <c r="L4194">
        <f t="shared" si="471"/>
        <v>12.583917488369432</v>
      </c>
      <c r="M4194">
        <f t="shared" si="472"/>
        <v>0</v>
      </c>
      <c r="N4194" s="46">
        <f t="shared" si="473"/>
        <v>45465.333333323244</v>
      </c>
    </row>
    <row r="4195" spans="2:14" x14ac:dyDescent="0.3">
      <c r="B4195">
        <f t="shared" ref="B4195:B4258" si="474">WEEKDAY(N4195,2)</f>
        <v>6</v>
      </c>
      <c r="C4195" s="16">
        <v>4161</v>
      </c>
      <c r="D4195" cm="1">
        <f t="array" ref="D4195">IFERROR(INDEX(Jesper!AH$2:AH$366,ROUNDDOWN($C4195/24,0)+1,1)*INDEX($D$3:$AA$30,INDEX(Jesper!$R$2:$R$366,ROW(INDEX(Jesper!AH$2:AH$366,ROUNDDOWN($C4195/24,0)+1,1))-1)+IF('Standard Profiles'!$G$18=$B$10,7,0)+IF('Standard Profiles'!$G$18=$B$17,14,0)+IF('Standard Profiles'!$G$18=$B$24,21,0),MOD($C4195,24)+1)/SUM(INDEX($D$3:$AA$30,INDEX(Jesper!$R$2:$R$366,ROW(INDEX(Jesper!AH$2:AH$366,ROUNDDOWN($C4195/24,0)+1,1))-1)+IF('Standard Profiles'!$G$18=$B$10,7,0)+IF('Standard Profiles'!$G$18=$B$17,14,0)+IF('Standard Profiles'!$G$18=$B$24,21,0),0)),0)</f>
        <v>12.264606749811676</v>
      </c>
      <c r="E4195" cm="1">
        <f t="array" ref="E4195">IFERROR(INDEX(Jesper!AI$2:AI$366,ROUNDDOWN($C4195/24,0)+1,1)*INDEX($D$3:$AA$30,INDEX(Jesper!$R$2:$R$366,ROW(INDEX(Jesper!AI$2:AI$366,ROUNDDOWN($C4195/24,0)+1,1))-1)+IF('Standard Profiles'!$G$19=$B$10,7,0)+IF('Standard Profiles'!$G$19=$B$17,14,0)+IF('Standard Profiles'!$G$19=$B$24,21,0),MOD($C4195,24)+1)/SUM(INDEX($D$3:$AA$30,INDEX(Jesper!$R$2:$R$366,ROW(INDEX(Jesper!AI$2:AI$366,ROUNDDOWN($C4195/24,0)+1,1))-1)+IF('Standard Profiles'!$G$19=$B$10,7,0)+IF('Standard Profiles'!$G$19=$B$17,14,0)+IF('Standard Profiles'!$G$19=$B$24,21,0),0)),0)</f>
        <v>2.0062353950892913</v>
      </c>
      <c r="F4195" cm="1">
        <f t="array" ref="F4195">IFERROR(INDEX(Jesper!AJ$2:AJ$366,ROUNDDOWN($C4195/24,0)+1,1)*INDEX($D$3:$AA$30,INDEX(Jesper!$R$2:$R$366,ROW(INDEX(Jesper!AJ$2:AJ$366,ROUNDDOWN($C4195/24,0)+1,1))-1)+IF('Standard Profiles'!$G$20=$B$10,7,0)+IF('Standard Profiles'!$G$20=$B$17,14,0)+IF('Standard Profiles'!$G$20=$B$24,21,0),MOD($C4195,24)+1)/SUM(INDEX($D$3:$AA$30,INDEX(Jesper!$R$2:$R$366,ROW(INDEX(Jesper!AJ$2:AJ$366,ROUNDDOWN($C4195/24,0)+1,1))-1)+IF('Standard Profiles'!$G$20=$B$10,7,0)+IF('Standard Profiles'!$G$20=$B$17,14,0)+IF('Standard Profiles'!$G$20=$B$24,21,0),0)),0)</f>
        <v>0</v>
      </c>
      <c r="G4195" cm="1">
        <f t="array" ref="G4195">IFERROR(INDEX(Jesper!AK$2:AK$366,ROUNDDOWN($C4195/24,0)+1,1)*INDEX($D$3:$AA$30,INDEX(Jesper!$R$2:$R$366,ROW(INDEX(Jesper!AK$2:AK$366,ROUNDDOWN($C4195/24,0)+1,1))-1)+IF('Standard Profiles'!$G$21=$B$10,7,0)+IF('Standard Profiles'!$G$21=$B$17,14,0)+IF('Standard Profiles'!$G$21=$B$24,21,0),MOD($C4195,24)+1)/SUM(INDEX($D$3:$AA$30,INDEX(Jesper!$R$2:$R$366,ROW(INDEX(Jesper!AK$2:AK$366,ROUNDDOWN($C4195/24,0)+1,1))-1)+IF('Standard Profiles'!$G$21=$B$10,7,0)+IF('Standard Profiles'!$G$21=$B$17,14,0)+IF('Standard Profiles'!$G$21=$B$24,21,0),0)),0)</f>
        <v>0</v>
      </c>
      <c r="H4195" cm="1">
        <f t="array" ref="H4195">IFERROR(INDEX(Jesper!AL$2:AL$366,ROUNDDOWN($C4195/24,0)+1,1)*INDEX($D$3:$AA$30,INDEX(Jesper!$R$2:$R$366,ROW(INDEX(Jesper!AL$2:AL$366,ROUNDDOWN($C4195/24,0)+1,1))-1)+IF('Standard Profiles'!$G$22=$B$10,7,0)+IF('Standard Profiles'!$G$22=$B$17,14,0)+IF('Standard Profiles'!$G$22=$B$24,21,0),MOD($C4195,24)+1)/SUM(INDEX($D$3:$AA$30,INDEX(Jesper!$R$2:$R$366,ROW(INDEX(Jesper!AL$2:AL$366,ROUNDDOWN($C4195/24,0)+1,1))-1)+IF('Standard Profiles'!$G$22=$B$10,7,0)+IF('Standard Profiles'!$G$22=$B$17,14,0)+IF('Standard Profiles'!$G$22=$B$24,21,0),0)),0)</f>
        <v>0</v>
      </c>
      <c r="I4195">
        <f t="shared" ref="I4195:I4258" si="475">IF($B4195&lt;6,AC$37*$D4195+AC$38*$E4195+AC$39*$F4195+AC$40*$G4195,AC$46*$D4195+AC$47*$E4195+AC$48*$F4195+AC$49*$G4195+AC$50*$H4195)</f>
        <v>0.18074192748552179</v>
      </c>
      <c r="J4195">
        <f t="shared" ref="J4195:J4258" si="476">IF($B4195&lt;6,AD$37*$D4195+AD$38*$E4195+AD$39*$F4195+AD$40*$G4195,AD$46*$D4195+AD$47*$E4195+AD$48*$F4195+AD$49*$G4195+AD$50*$H4195)</f>
        <v>0.60247309161840601</v>
      </c>
      <c r="K4195">
        <f t="shared" ref="K4195:K4258" si="477">IF($B4195&lt;6,AE$37*$D4195+AE$38*$E4195+AE$39*$F4195+AE$40*$G4195,AE$46*$D4195+AE$47*$E4195+AE$48*$F4195+AE$49*$G4195+AE$50*$H4195)</f>
        <v>0.90370963742760901</v>
      </c>
      <c r="L4195">
        <f t="shared" ref="L4195:L4258" si="478">IF($B4195&lt;6,AF$37*$D4195+AF$38*$E4195+AF$39*$F4195+AF$40*$G4195,AF$46*$D4195+AF$47*$E4195+AF$48*$F4195+AF$49*$G4195+AF$50*$H4195)</f>
        <v>12.583917488369432</v>
      </c>
      <c r="M4195">
        <f t="shared" ref="M4195:M4258" si="479">IF($B4195&lt;6,AG$37*$D4195+AG$38*$E4195+AG$39*$F4195+AG$40*$G4195,AG$46*$D4195+AG$47*$E4195+AG$48*$F4195+AG$49*$G4195+AG$50*$H4195)</f>
        <v>0</v>
      </c>
      <c r="N4195" s="46">
        <f t="shared" si="473"/>
        <v>45465.374999989908</v>
      </c>
    </row>
    <row r="4196" spans="2:14" x14ac:dyDescent="0.3">
      <c r="B4196">
        <f t="shared" si="474"/>
        <v>6</v>
      </c>
      <c r="C4196" s="16">
        <v>4162</v>
      </c>
      <c r="D4196" cm="1">
        <f t="array" ref="D4196">IFERROR(INDEX(Jesper!AH$2:AH$366,ROUNDDOWN($C4196/24,0)+1,1)*INDEX($D$3:$AA$30,INDEX(Jesper!$R$2:$R$366,ROW(INDEX(Jesper!AH$2:AH$366,ROUNDDOWN($C4196/24,0)+1,1))-1)+IF('Standard Profiles'!$G$18=$B$10,7,0)+IF('Standard Profiles'!$G$18=$B$17,14,0)+IF('Standard Profiles'!$G$18=$B$24,21,0),MOD($C4196,24)+1)/SUM(INDEX($D$3:$AA$30,INDEX(Jesper!$R$2:$R$366,ROW(INDEX(Jesper!AH$2:AH$366,ROUNDDOWN($C4196/24,0)+1,1))-1)+IF('Standard Profiles'!$G$18=$B$10,7,0)+IF('Standard Profiles'!$G$18=$B$17,14,0)+IF('Standard Profiles'!$G$18=$B$24,21,0),0)),0)</f>
        <v>12.264606749811676</v>
      </c>
      <c r="E4196" cm="1">
        <f t="array" ref="E4196">IFERROR(INDEX(Jesper!AI$2:AI$366,ROUNDDOWN($C4196/24,0)+1,1)*INDEX($D$3:$AA$30,INDEX(Jesper!$R$2:$R$366,ROW(INDEX(Jesper!AI$2:AI$366,ROUNDDOWN($C4196/24,0)+1,1))-1)+IF('Standard Profiles'!$G$19=$B$10,7,0)+IF('Standard Profiles'!$G$19=$B$17,14,0)+IF('Standard Profiles'!$G$19=$B$24,21,0),MOD($C4196,24)+1)/SUM(INDEX($D$3:$AA$30,INDEX(Jesper!$R$2:$R$366,ROW(INDEX(Jesper!AI$2:AI$366,ROUNDDOWN($C4196/24,0)+1,1))-1)+IF('Standard Profiles'!$G$19=$B$10,7,0)+IF('Standard Profiles'!$G$19=$B$17,14,0)+IF('Standard Profiles'!$G$19=$B$24,21,0),0)),0)</f>
        <v>2.0062353950892913</v>
      </c>
      <c r="F4196" cm="1">
        <f t="array" ref="F4196">IFERROR(INDEX(Jesper!AJ$2:AJ$366,ROUNDDOWN($C4196/24,0)+1,1)*INDEX($D$3:$AA$30,INDEX(Jesper!$R$2:$R$366,ROW(INDEX(Jesper!AJ$2:AJ$366,ROUNDDOWN($C4196/24,0)+1,1))-1)+IF('Standard Profiles'!$G$20=$B$10,7,0)+IF('Standard Profiles'!$G$20=$B$17,14,0)+IF('Standard Profiles'!$G$20=$B$24,21,0),MOD($C4196,24)+1)/SUM(INDEX($D$3:$AA$30,INDEX(Jesper!$R$2:$R$366,ROW(INDEX(Jesper!AJ$2:AJ$366,ROUNDDOWN($C4196/24,0)+1,1))-1)+IF('Standard Profiles'!$G$20=$B$10,7,0)+IF('Standard Profiles'!$G$20=$B$17,14,0)+IF('Standard Profiles'!$G$20=$B$24,21,0),0)),0)</f>
        <v>0</v>
      </c>
      <c r="G4196" cm="1">
        <f t="array" ref="G4196">IFERROR(INDEX(Jesper!AK$2:AK$366,ROUNDDOWN($C4196/24,0)+1,1)*INDEX($D$3:$AA$30,INDEX(Jesper!$R$2:$R$366,ROW(INDEX(Jesper!AK$2:AK$366,ROUNDDOWN($C4196/24,0)+1,1))-1)+IF('Standard Profiles'!$G$21=$B$10,7,0)+IF('Standard Profiles'!$G$21=$B$17,14,0)+IF('Standard Profiles'!$G$21=$B$24,21,0),MOD($C4196,24)+1)/SUM(INDEX($D$3:$AA$30,INDEX(Jesper!$R$2:$R$366,ROW(INDEX(Jesper!AK$2:AK$366,ROUNDDOWN($C4196/24,0)+1,1))-1)+IF('Standard Profiles'!$G$21=$B$10,7,0)+IF('Standard Profiles'!$G$21=$B$17,14,0)+IF('Standard Profiles'!$G$21=$B$24,21,0),0)),0)</f>
        <v>0</v>
      </c>
      <c r="H4196" cm="1">
        <f t="array" ref="H4196">IFERROR(INDEX(Jesper!AL$2:AL$366,ROUNDDOWN($C4196/24,0)+1,1)*INDEX($D$3:$AA$30,INDEX(Jesper!$R$2:$R$366,ROW(INDEX(Jesper!AL$2:AL$366,ROUNDDOWN($C4196/24,0)+1,1))-1)+IF('Standard Profiles'!$G$22=$B$10,7,0)+IF('Standard Profiles'!$G$22=$B$17,14,0)+IF('Standard Profiles'!$G$22=$B$24,21,0),MOD($C4196,24)+1)/SUM(INDEX($D$3:$AA$30,INDEX(Jesper!$R$2:$R$366,ROW(INDEX(Jesper!AL$2:AL$366,ROUNDDOWN($C4196/24,0)+1,1))-1)+IF('Standard Profiles'!$G$22=$B$10,7,0)+IF('Standard Profiles'!$G$22=$B$17,14,0)+IF('Standard Profiles'!$G$22=$B$24,21,0),0)),0)</f>
        <v>0</v>
      </c>
      <c r="I4196">
        <f t="shared" si="475"/>
        <v>0.18074192748552179</v>
      </c>
      <c r="J4196">
        <f t="shared" si="476"/>
        <v>0.60247309161840601</v>
      </c>
      <c r="K4196">
        <f t="shared" si="477"/>
        <v>0.90370963742760901</v>
      </c>
      <c r="L4196">
        <f t="shared" si="478"/>
        <v>12.583917488369432</v>
      </c>
      <c r="M4196">
        <f t="shared" si="479"/>
        <v>0</v>
      </c>
      <c r="N4196" s="46">
        <f t="shared" ref="N4196:N4259" si="480">N4195+1/24</f>
        <v>45465.416666656572</v>
      </c>
    </row>
    <row r="4197" spans="2:14" x14ac:dyDescent="0.3">
      <c r="B4197">
        <f t="shared" si="474"/>
        <v>6</v>
      </c>
      <c r="C4197" s="16">
        <v>4163</v>
      </c>
      <c r="D4197" cm="1">
        <f t="array" ref="D4197">IFERROR(INDEX(Jesper!AH$2:AH$366,ROUNDDOWN($C4197/24,0)+1,1)*INDEX($D$3:$AA$30,INDEX(Jesper!$R$2:$R$366,ROW(INDEX(Jesper!AH$2:AH$366,ROUNDDOWN($C4197/24,0)+1,1))-1)+IF('Standard Profiles'!$G$18=$B$10,7,0)+IF('Standard Profiles'!$G$18=$B$17,14,0)+IF('Standard Profiles'!$G$18=$B$24,21,0),MOD($C4197,24)+1)/SUM(INDEX($D$3:$AA$30,INDEX(Jesper!$R$2:$R$366,ROW(INDEX(Jesper!AH$2:AH$366,ROUNDDOWN($C4197/24,0)+1,1))-1)+IF('Standard Profiles'!$G$18=$B$10,7,0)+IF('Standard Profiles'!$G$18=$B$17,14,0)+IF('Standard Profiles'!$G$18=$B$24,21,0),0)),0)</f>
        <v>12.264606749811676</v>
      </c>
      <c r="E4197" cm="1">
        <f t="array" ref="E4197">IFERROR(INDEX(Jesper!AI$2:AI$366,ROUNDDOWN($C4197/24,0)+1,1)*INDEX($D$3:$AA$30,INDEX(Jesper!$R$2:$R$366,ROW(INDEX(Jesper!AI$2:AI$366,ROUNDDOWN($C4197/24,0)+1,1))-1)+IF('Standard Profiles'!$G$19=$B$10,7,0)+IF('Standard Profiles'!$G$19=$B$17,14,0)+IF('Standard Profiles'!$G$19=$B$24,21,0),MOD($C4197,24)+1)/SUM(INDEX($D$3:$AA$30,INDEX(Jesper!$R$2:$R$366,ROW(INDEX(Jesper!AI$2:AI$366,ROUNDDOWN($C4197/24,0)+1,1))-1)+IF('Standard Profiles'!$G$19=$B$10,7,0)+IF('Standard Profiles'!$G$19=$B$17,14,0)+IF('Standard Profiles'!$G$19=$B$24,21,0),0)),0)</f>
        <v>2.0062353950892913</v>
      </c>
      <c r="F4197" cm="1">
        <f t="array" ref="F4197">IFERROR(INDEX(Jesper!AJ$2:AJ$366,ROUNDDOWN($C4197/24,0)+1,1)*INDEX($D$3:$AA$30,INDEX(Jesper!$R$2:$R$366,ROW(INDEX(Jesper!AJ$2:AJ$366,ROUNDDOWN($C4197/24,0)+1,1))-1)+IF('Standard Profiles'!$G$20=$B$10,7,0)+IF('Standard Profiles'!$G$20=$B$17,14,0)+IF('Standard Profiles'!$G$20=$B$24,21,0),MOD($C4197,24)+1)/SUM(INDEX($D$3:$AA$30,INDEX(Jesper!$R$2:$R$366,ROW(INDEX(Jesper!AJ$2:AJ$366,ROUNDDOWN($C4197/24,0)+1,1))-1)+IF('Standard Profiles'!$G$20=$B$10,7,0)+IF('Standard Profiles'!$G$20=$B$17,14,0)+IF('Standard Profiles'!$G$20=$B$24,21,0),0)),0)</f>
        <v>0</v>
      </c>
      <c r="G4197" cm="1">
        <f t="array" ref="G4197">IFERROR(INDEX(Jesper!AK$2:AK$366,ROUNDDOWN($C4197/24,0)+1,1)*INDEX($D$3:$AA$30,INDEX(Jesper!$R$2:$R$366,ROW(INDEX(Jesper!AK$2:AK$366,ROUNDDOWN($C4197/24,0)+1,1))-1)+IF('Standard Profiles'!$G$21=$B$10,7,0)+IF('Standard Profiles'!$G$21=$B$17,14,0)+IF('Standard Profiles'!$G$21=$B$24,21,0),MOD($C4197,24)+1)/SUM(INDEX($D$3:$AA$30,INDEX(Jesper!$R$2:$R$366,ROW(INDEX(Jesper!AK$2:AK$366,ROUNDDOWN($C4197/24,0)+1,1))-1)+IF('Standard Profiles'!$G$21=$B$10,7,0)+IF('Standard Profiles'!$G$21=$B$17,14,0)+IF('Standard Profiles'!$G$21=$B$24,21,0),0)),0)</f>
        <v>0</v>
      </c>
      <c r="H4197" cm="1">
        <f t="array" ref="H4197">IFERROR(INDEX(Jesper!AL$2:AL$366,ROUNDDOWN($C4197/24,0)+1,1)*INDEX($D$3:$AA$30,INDEX(Jesper!$R$2:$R$366,ROW(INDEX(Jesper!AL$2:AL$366,ROUNDDOWN($C4197/24,0)+1,1))-1)+IF('Standard Profiles'!$G$22=$B$10,7,0)+IF('Standard Profiles'!$G$22=$B$17,14,0)+IF('Standard Profiles'!$G$22=$B$24,21,0),MOD($C4197,24)+1)/SUM(INDEX($D$3:$AA$30,INDEX(Jesper!$R$2:$R$366,ROW(INDEX(Jesper!AL$2:AL$366,ROUNDDOWN($C4197/24,0)+1,1))-1)+IF('Standard Profiles'!$G$22=$B$10,7,0)+IF('Standard Profiles'!$G$22=$B$17,14,0)+IF('Standard Profiles'!$G$22=$B$24,21,0),0)),0)</f>
        <v>0</v>
      </c>
      <c r="I4197">
        <f t="shared" si="475"/>
        <v>0.18074192748552179</v>
      </c>
      <c r="J4197">
        <f t="shared" si="476"/>
        <v>0.60247309161840601</v>
      </c>
      <c r="K4197">
        <f t="shared" si="477"/>
        <v>0.90370963742760901</v>
      </c>
      <c r="L4197">
        <f t="shared" si="478"/>
        <v>12.583917488369432</v>
      </c>
      <c r="M4197">
        <f t="shared" si="479"/>
        <v>0</v>
      </c>
      <c r="N4197" s="46">
        <f t="shared" si="480"/>
        <v>45465.458333323237</v>
      </c>
    </row>
    <row r="4198" spans="2:14" x14ac:dyDescent="0.3">
      <c r="B4198">
        <f t="shared" si="474"/>
        <v>6</v>
      </c>
      <c r="C4198" s="16">
        <v>4164</v>
      </c>
      <c r="D4198" cm="1">
        <f t="array" ref="D4198">IFERROR(INDEX(Jesper!AH$2:AH$366,ROUNDDOWN($C4198/24,0)+1,1)*INDEX($D$3:$AA$30,INDEX(Jesper!$R$2:$R$366,ROW(INDEX(Jesper!AH$2:AH$366,ROUNDDOWN($C4198/24,0)+1,1))-1)+IF('Standard Profiles'!$G$18=$B$10,7,0)+IF('Standard Profiles'!$G$18=$B$17,14,0)+IF('Standard Profiles'!$G$18=$B$24,21,0),MOD($C4198,24)+1)/SUM(INDEX($D$3:$AA$30,INDEX(Jesper!$R$2:$R$366,ROW(INDEX(Jesper!AH$2:AH$366,ROUNDDOWN($C4198/24,0)+1,1))-1)+IF('Standard Profiles'!$G$18=$B$10,7,0)+IF('Standard Profiles'!$G$18=$B$17,14,0)+IF('Standard Profiles'!$G$18=$B$24,21,0),0)),0)</f>
        <v>12.264606749811676</v>
      </c>
      <c r="E4198" cm="1">
        <f t="array" ref="E4198">IFERROR(INDEX(Jesper!AI$2:AI$366,ROUNDDOWN($C4198/24,0)+1,1)*INDEX($D$3:$AA$30,INDEX(Jesper!$R$2:$R$366,ROW(INDEX(Jesper!AI$2:AI$366,ROUNDDOWN($C4198/24,0)+1,1))-1)+IF('Standard Profiles'!$G$19=$B$10,7,0)+IF('Standard Profiles'!$G$19=$B$17,14,0)+IF('Standard Profiles'!$G$19=$B$24,21,0),MOD($C4198,24)+1)/SUM(INDEX($D$3:$AA$30,INDEX(Jesper!$R$2:$R$366,ROW(INDEX(Jesper!AI$2:AI$366,ROUNDDOWN($C4198/24,0)+1,1))-1)+IF('Standard Profiles'!$G$19=$B$10,7,0)+IF('Standard Profiles'!$G$19=$B$17,14,0)+IF('Standard Profiles'!$G$19=$B$24,21,0),0)),0)</f>
        <v>2.0062353950892913</v>
      </c>
      <c r="F4198" cm="1">
        <f t="array" ref="F4198">IFERROR(INDEX(Jesper!AJ$2:AJ$366,ROUNDDOWN($C4198/24,0)+1,1)*INDEX($D$3:$AA$30,INDEX(Jesper!$R$2:$R$366,ROW(INDEX(Jesper!AJ$2:AJ$366,ROUNDDOWN($C4198/24,0)+1,1))-1)+IF('Standard Profiles'!$G$20=$B$10,7,0)+IF('Standard Profiles'!$G$20=$B$17,14,0)+IF('Standard Profiles'!$G$20=$B$24,21,0),MOD($C4198,24)+1)/SUM(INDEX($D$3:$AA$30,INDEX(Jesper!$R$2:$R$366,ROW(INDEX(Jesper!AJ$2:AJ$366,ROUNDDOWN($C4198/24,0)+1,1))-1)+IF('Standard Profiles'!$G$20=$B$10,7,0)+IF('Standard Profiles'!$G$20=$B$17,14,0)+IF('Standard Profiles'!$G$20=$B$24,21,0),0)),0)</f>
        <v>0</v>
      </c>
      <c r="G4198" cm="1">
        <f t="array" ref="G4198">IFERROR(INDEX(Jesper!AK$2:AK$366,ROUNDDOWN($C4198/24,0)+1,1)*INDEX($D$3:$AA$30,INDEX(Jesper!$R$2:$R$366,ROW(INDEX(Jesper!AK$2:AK$366,ROUNDDOWN($C4198/24,0)+1,1))-1)+IF('Standard Profiles'!$G$21=$B$10,7,0)+IF('Standard Profiles'!$G$21=$B$17,14,0)+IF('Standard Profiles'!$G$21=$B$24,21,0),MOD($C4198,24)+1)/SUM(INDEX($D$3:$AA$30,INDEX(Jesper!$R$2:$R$366,ROW(INDEX(Jesper!AK$2:AK$366,ROUNDDOWN($C4198/24,0)+1,1))-1)+IF('Standard Profiles'!$G$21=$B$10,7,0)+IF('Standard Profiles'!$G$21=$B$17,14,0)+IF('Standard Profiles'!$G$21=$B$24,21,0),0)),0)</f>
        <v>0</v>
      </c>
      <c r="H4198" cm="1">
        <f t="array" ref="H4198">IFERROR(INDEX(Jesper!AL$2:AL$366,ROUNDDOWN($C4198/24,0)+1,1)*INDEX($D$3:$AA$30,INDEX(Jesper!$R$2:$R$366,ROW(INDEX(Jesper!AL$2:AL$366,ROUNDDOWN($C4198/24,0)+1,1))-1)+IF('Standard Profiles'!$G$22=$B$10,7,0)+IF('Standard Profiles'!$G$22=$B$17,14,0)+IF('Standard Profiles'!$G$22=$B$24,21,0),MOD($C4198,24)+1)/SUM(INDEX($D$3:$AA$30,INDEX(Jesper!$R$2:$R$366,ROW(INDEX(Jesper!AL$2:AL$366,ROUNDDOWN($C4198/24,0)+1,1))-1)+IF('Standard Profiles'!$G$22=$B$10,7,0)+IF('Standard Profiles'!$G$22=$B$17,14,0)+IF('Standard Profiles'!$G$22=$B$24,21,0),0)),0)</f>
        <v>0</v>
      </c>
      <c r="I4198">
        <f t="shared" si="475"/>
        <v>0.18074192748552179</v>
      </c>
      <c r="J4198">
        <f t="shared" si="476"/>
        <v>0.60247309161840601</v>
      </c>
      <c r="K4198">
        <f t="shared" si="477"/>
        <v>0.90370963742760901</v>
      </c>
      <c r="L4198">
        <f t="shared" si="478"/>
        <v>12.583917488369432</v>
      </c>
      <c r="M4198">
        <f t="shared" si="479"/>
        <v>0</v>
      </c>
      <c r="N4198" s="46">
        <f t="shared" si="480"/>
        <v>45465.499999989901</v>
      </c>
    </row>
    <row r="4199" spans="2:14" x14ac:dyDescent="0.3">
      <c r="B4199">
        <f t="shared" si="474"/>
        <v>6</v>
      </c>
      <c r="C4199" s="16">
        <v>4165</v>
      </c>
      <c r="D4199" cm="1">
        <f t="array" ref="D4199">IFERROR(INDEX(Jesper!AH$2:AH$366,ROUNDDOWN($C4199/24,0)+1,1)*INDEX($D$3:$AA$30,INDEX(Jesper!$R$2:$R$366,ROW(INDEX(Jesper!AH$2:AH$366,ROUNDDOWN($C4199/24,0)+1,1))-1)+IF('Standard Profiles'!$G$18=$B$10,7,0)+IF('Standard Profiles'!$G$18=$B$17,14,0)+IF('Standard Profiles'!$G$18=$B$24,21,0),MOD($C4199,24)+1)/SUM(INDEX($D$3:$AA$30,INDEX(Jesper!$R$2:$R$366,ROW(INDEX(Jesper!AH$2:AH$366,ROUNDDOWN($C4199/24,0)+1,1))-1)+IF('Standard Profiles'!$G$18=$B$10,7,0)+IF('Standard Profiles'!$G$18=$B$17,14,0)+IF('Standard Profiles'!$G$18=$B$24,21,0),0)),0)</f>
        <v>12.264606749811676</v>
      </c>
      <c r="E4199" cm="1">
        <f t="array" ref="E4199">IFERROR(INDEX(Jesper!AI$2:AI$366,ROUNDDOWN($C4199/24,0)+1,1)*INDEX($D$3:$AA$30,INDEX(Jesper!$R$2:$R$366,ROW(INDEX(Jesper!AI$2:AI$366,ROUNDDOWN($C4199/24,0)+1,1))-1)+IF('Standard Profiles'!$G$19=$B$10,7,0)+IF('Standard Profiles'!$G$19=$B$17,14,0)+IF('Standard Profiles'!$G$19=$B$24,21,0),MOD($C4199,24)+1)/SUM(INDEX($D$3:$AA$30,INDEX(Jesper!$R$2:$R$366,ROW(INDEX(Jesper!AI$2:AI$366,ROUNDDOWN($C4199/24,0)+1,1))-1)+IF('Standard Profiles'!$G$19=$B$10,7,0)+IF('Standard Profiles'!$G$19=$B$17,14,0)+IF('Standard Profiles'!$G$19=$B$24,21,0),0)),0)</f>
        <v>2.0062353950892913</v>
      </c>
      <c r="F4199" cm="1">
        <f t="array" ref="F4199">IFERROR(INDEX(Jesper!AJ$2:AJ$366,ROUNDDOWN($C4199/24,0)+1,1)*INDEX($D$3:$AA$30,INDEX(Jesper!$R$2:$R$366,ROW(INDEX(Jesper!AJ$2:AJ$366,ROUNDDOWN($C4199/24,0)+1,1))-1)+IF('Standard Profiles'!$G$20=$B$10,7,0)+IF('Standard Profiles'!$G$20=$B$17,14,0)+IF('Standard Profiles'!$G$20=$B$24,21,0),MOD($C4199,24)+1)/SUM(INDEX($D$3:$AA$30,INDEX(Jesper!$R$2:$R$366,ROW(INDEX(Jesper!AJ$2:AJ$366,ROUNDDOWN($C4199/24,0)+1,1))-1)+IF('Standard Profiles'!$G$20=$B$10,7,0)+IF('Standard Profiles'!$G$20=$B$17,14,0)+IF('Standard Profiles'!$G$20=$B$24,21,0),0)),0)</f>
        <v>0</v>
      </c>
      <c r="G4199" cm="1">
        <f t="array" ref="G4199">IFERROR(INDEX(Jesper!AK$2:AK$366,ROUNDDOWN($C4199/24,0)+1,1)*INDEX($D$3:$AA$30,INDEX(Jesper!$R$2:$R$366,ROW(INDEX(Jesper!AK$2:AK$366,ROUNDDOWN($C4199/24,0)+1,1))-1)+IF('Standard Profiles'!$G$21=$B$10,7,0)+IF('Standard Profiles'!$G$21=$B$17,14,0)+IF('Standard Profiles'!$G$21=$B$24,21,0),MOD($C4199,24)+1)/SUM(INDEX($D$3:$AA$30,INDEX(Jesper!$R$2:$R$366,ROW(INDEX(Jesper!AK$2:AK$366,ROUNDDOWN($C4199/24,0)+1,1))-1)+IF('Standard Profiles'!$G$21=$B$10,7,0)+IF('Standard Profiles'!$G$21=$B$17,14,0)+IF('Standard Profiles'!$G$21=$B$24,21,0),0)),0)</f>
        <v>0</v>
      </c>
      <c r="H4199" cm="1">
        <f t="array" ref="H4199">IFERROR(INDEX(Jesper!AL$2:AL$366,ROUNDDOWN($C4199/24,0)+1,1)*INDEX($D$3:$AA$30,INDEX(Jesper!$R$2:$R$366,ROW(INDEX(Jesper!AL$2:AL$366,ROUNDDOWN($C4199/24,0)+1,1))-1)+IF('Standard Profiles'!$G$22=$B$10,7,0)+IF('Standard Profiles'!$G$22=$B$17,14,0)+IF('Standard Profiles'!$G$22=$B$24,21,0),MOD($C4199,24)+1)/SUM(INDEX($D$3:$AA$30,INDEX(Jesper!$R$2:$R$366,ROW(INDEX(Jesper!AL$2:AL$366,ROUNDDOWN($C4199/24,0)+1,1))-1)+IF('Standard Profiles'!$G$22=$B$10,7,0)+IF('Standard Profiles'!$G$22=$B$17,14,0)+IF('Standard Profiles'!$G$22=$B$24,21,0),0)),0)</f>
        <v>0</v>
      </c>
      <c r="I4199">
        <f t="shared" si="475"/>
        <v>0.18074192748552179</v>
      </c>
      <c r="J4199">
        <f t="shared" si="476"/>
        <v>0.60247309161840601</v>
      </c>
      <c r="K4199">
        <f t="shared" si="477"/>
        <v>0.90370963742760901</v>
      </c>
      <c r="L4199">
        <f t="shared" si="478"/>
        <v>12.583917488369432</v>
      </c>
      <c r="M4199">
        <f t="shared" si="479"/>
        <v>0</v>
      </c>
      <c r="N4199" s="46">
        <f t="shared" si="480"/>
        <v>45465.541666656565</v>
      </c>
    </row>
    <row r="4200" spans="2:14" x14ac:dyDescent="0.3">
      <c r="B4200">
        <f t="shared" si="474"/>
        <v>6</v>
      </c>
      <c r="C4200" s="16">
        <v>4166</v>
      </c>
      <c r="D4200" cm="1">
        <f t="array" ref="D4200">IFERROR(INDEX(Jesper!AH$2:AH$366,ROUNDDOWN($C4200/24,0)+1,1)*INDEX($D$3:$AA$30,INDEX(Jesper!$R$2:$R$366,ROW(INDEX(Jesper!AH$2:AH$366,ROUNDDOWN($C4200/24,0)+1,1))-1)+IF('Standard Profiles'!$G$18=$B$10,7,0)+IF('Standard Profiles'!$G$18=$B$17,14,0)+IF('Standard Profiles'!$G$18=$B$24,21,0),MOD($C4200,24)+1)/SUM(INDEX($D$3:$AA$30,INDEX(Jesper!$R$2:$R$366,ROW(INDEX(Jesper!AH$2:AH$366,ROUNDDOWN($C4200/24,0)+1,1))-1)+IF('Standard Profiles'!$G$18=$B$10,7,0)+IF('Standard Profiles'!$G$18=$B$17,14,0)+IF('Standard Profiles'!$G$18=$B$24,21,0),0)),0)</f>
        <v>12.264606749811676</v>
      </c>
      <c r="E4200" cm="1">
        <f t="array" ref="E4200">IFERROR(INDEX(Jesper!AI$2:AI$366,ROUNDDOWN($C4200/24,0)+1,1)*INDEX($D$3:$AA$30,INDEX(Jesper!$R$2:$R$366,ROW(INDEX(Jesper!AI$2:AI$366,ROUNDDOWN($C4200/24,0)+1,1))-1)+IF('Standard Profiles'!$G$19=$B$10,7,0)+IF('Standard Profiles'!$G$19=$B$17,14,0)+IF('Standard Profiles'!$G$19=$B$24,21,0),MOD($C4200,24)+1)/SUM(INDEX($D$3:$AA$30,INDEX(Jesper!$R$2:$R$366,ROW(INDEX(Jesper!AI$2:AI$366,ROUNDDOWN($C4200/24,0)+1,1))-1)+IF('Standard Profiles'!$G$19=$B$10,7,0)+IF('Standard Profiles'!$G$19=$B$17,14,0)+IF('Standard Profiles'!$G$19=$B$24,21,0),0)),0)</f>
        <v>2.0062353950892913</v>
      </c>
      <c r="F4200" cm="1">
        <f t="array" ref="F4200">IFERROR(INDEX(Jesper!AJ$2:AJ$366,ROUNDDOWN($C4200/24,0)+1,1)*INDEX($D$3:$AA$30,INDEX(Jesper!$R$2:$R$366,ROW(INDEX(Jesper!AJ$2:AJ$366,ROUNDDOWN($C4200/24,0)+1,1))-1)+IF('Standard Profiles'!$G$20=$B$10,7,0)+IF('Standard Profiles'!$G$20=$B$17,14,0)+IF('Standard Profiles'!$G$20=$B$24,21,0),MOD($C4200,24)+1)/SUM(INDEX($D$3:$AA$30,INDEX(Jesper!$R$2:$R$366,ROW(INDEX(Jesper!AJ$2:AJ$366,ROUNDDOWN($C4200/24,0)+1,1))-1)+IF('Standard Profiles'!$G$20=$B$10,7,0)+IF('Standard Profiles'!$G$20=$B$17,14,0)+IF('Standard Profiles'!$G$20=$B$24,21,0),0)),0)</f>
        <v>0</v>
      </c>
      <c r="G4200" cm="1">
        <f t="array" ref="G4200">IFERROR(INDEX(Jesper!AK$2:AK$366,ROUNDDOWN($C4200/24,0)+1,1)*INDEX($D$3:$AA$30,INDEX(Jesper!$R$2:$R$366,ROW(INDEX(Jesper!AK$2:AK$366,ROUNDDOWN($C4200/24,0)+1,1))-1)+IF('Standard Profiles'!$G$21=$B$10,7,0)+IF('Standard Profiles'!$G$21=$B$17,14,0)+IF('Standard Profiles'!$G$21=$B$24,21,0),MOD($C4200,24)+1)/SUM(INDEX($D$3:$AA$30,INDEX(Jesper!$R$2:$R$366,ROW(INDEX(Jesper!AK$2:AK$366,ROUNDDOWN($C4200/24,0)+1,1))-1)+IF('Standard Profiles'!$G$21=$B$10,7,0)+IF('Standard Profiles'!$G$21=$B$17,14,0)+IF('Standard Profiles'!$G$21=$B$24,21,0),0)),0)</f>
        <v>0</v>
      </c>
      <c r="H4200" cm="1">
        <f t="array" ref="H4200">IFERROR(INDEX(Jesper!AL$2:AL$366,ROUNDDOWN($C4200/24,0)+1,1)*INDEX($D$3:$AA$30,INDEX(Jesper!$R$2:$R$366,ROW(INDEX(Jesper!AL$2:AL$366,ROUNDDOWN($C4200/24,0)+1,1))-1)+IF('Standard Profiles'!$G$22=$B$10,7,0)+IF('Standard Profiles'!$G$22=$B$17,14,0)+IF('Standard Profiles'!$G$22=$B$24,21,0),MOD($C4200,24)+1)/SUM(INDEX($D$3:$AA$30,INDEX(Jesper!$R$2:$R$366,ROW(INDEX(Jesper!AL$2:AL$366,ROUNDDOWN($C4200/24,0)+1,1))-1)+IF('Standard Profiles'!$G$22=$B$10,7,0)+IF('Standard Profiles'!$G$22=$B$17,14,0)+IF('Standard Profiles'!$G$22=$B$24,21,0),0)),0)</f>
        <v>0</v>
      </c>
      <c r="I4200">
        <f t="shared" si="475"/>
        <v>0.18074192748552179</v>
      </c>
      <c r="J4200">
        <f t="shared" si="476"/>
        <v>0.60247309161840601</v>
      </c>
      <c r="K4200">
        <f t="shared" si="477"/>
        <v>0.90370963742760901</v>
      </c>
      <c r="L4200">
        <f t="shared" si="478"/>
        <v>12.583917488369432</v>
      </c>
      <c r="M4200">
        <f t="shared" si="479"/>
        <v>0</v>
      </c>
      <c r="N4200" s="46">
        <f t="shared" si="480"/>
        <v>45465.583333323229</v>
      </c>
    </row>
    <row r="4201" spans="2:14" x14ac:dyDescent="0.3">
      <c r="B4201">
        <f t="shared" si="474"/>
        <v>6</v>
      </c>
      <c r="C4201" s="16">
        <v>4167</v>
      </c>
      <c r="D4201" cm="1">
        <f t="array" ref="D4201">IFERROR(INDEX(Jesper!AH$2:AH$366,ROUNDDOWN($C4201/24,0)+1,1)*INDEX($D$3:$AA$30,INDEX(Jesper!$R$2:$R$366,ROW(INDEX(Jesper!AH$2:AH$366,ROUNDDOWN($C4201/24,0)+1,1))-1)+IF('Standard Profiles'!$G$18=$B$10,7,0)+IF('Standard Profiles'!$G$18=$B$17,14,0)+IF('Standard Profiles'!$G$18=$B$24,21,0),MOD($C4201,24)+1)/SUM(INDEX($D$3:$AA$30,INDEX(Jesper!$R$2:$R$366,ROW(INDEX(Jesper!AH$2:AH$366,ROUNDDOWN($C4201/24,0)+1,1))-1)+IF('Standard Profiles'!$G$18=$B$10,7,0)+IF('Standard Profiles'!$G$18=$B$17,14,0)+IF('Standard Profiles'!$G$18=$B$24,21,0),0)),0)</f>
        <v>11.088548568322885</v>
      </c>
      <c r="E4201" cm="1">
        <f t="array" ref="E4201">IFERROR(INDEX(Jesper!AI$2:AI$366,ROUNDDOWN($C4201/24,0)+1,1)*INDEX($D$3:$AA$30,INDEX(Jesper!$R$2:$R$366,ROW(INDEX(Jesper!AI$2:AI$366,ROUNDDOWN($C4201/24,0)+1,1))-1)+IF('Standard Profiles'!$G$19=$B$10,7,0)+IF('Standard Profiles'!$G$19=$B$17,14,0)+IF('Standard Profiles'!$G$19=$B$24,21,0),MOD($C4201,24)+1)/SUM(INDEX($D$3:$AA$30,INDEX(Jesper!$R$2:$R$366,ROW(INDEX(Jesper!AI$2:AI$366,ROUNDDOWN($C4201/24,0)+1,1))-1)+IF('Standard Profiles'!$G$19=$B$10,7,0)+IF('Standard Profiles'!$G$19=$B$17,14,0)+IF('Standard Profiles'!$G$19=$B$24,21,0),0)),0)</f>
        <v>1.8138566585738796</v>
      </c>
      <c r="F4201" cm="1">
        <f t="array" ref="F4201">IFERROR(INDEX(Jesper!AJ$2:AJ$366,ROUNDDOWN($C4201/24,0)+1,1)*INDEX($D$3:$AA$30,INDEX(Jesper!$R$2:$R$366,ROW(INDEX(Jesper!AJ$2:AJ$366,ROUNDDOWN($C4201/24,0)+1,1))-1)+IF('Standard Profiles'!$G$20=$B$10,7,0)+IF('Standard Profiles'!$G$20=$B$17,14,0)+IF('Standard Profiles'!$G$20=$B$24,21,0),MOD($C4201,24)+1)/SUM(INDEX($D$3:$AA$30,INDEX(Jesper!$R$2:$R$366,ROW(INDEX(Jesper!AJ$2:AJ$366,ROUNDDOWN($C4201/24,0)+1,1))-1)+IF('Standard Profiles'!$G$20=$B$10,7,0)+IF('Standard Profiles'!$G$20=$B$17,14,0)+IF('Standard Profiles'!$G$20=$B$24,21,0),0)),0)</f>
        <v>0</v>
      </c>
      <c r="G4201" cm="1">
        <f t="array" ref="G4201">IFERROR(INDEX(Jesper!AK$2:AK$366,ROUNDDOWN($C4201/24,0)+1,1)*INDEX($D$3:$AA$30,INDEX(Jesper!$R$2:$R$366,ROW(INDEX(Jesper!AK$2:AK$366,ROUNDDOWN($C4201/24,0)+1,1))-1)+IF('Standard Profiles'!$G$21=$B$10,7,0)+IF('Standard Profiles'!$G$21=$B$17,14,0)+IF('Standard Profiles'!$G$21=$B$24,21,0),MOD($C4201,24)+1)/SUM(INDEX($D$3:$AA$30,INDEX(Jesper!$R$2:$R$366,ROW(INDEX(Jesper!AK$2:AK$366,ROUNDDOWN($C4201/24,0)+1,1))-1)+IF('Standard Profiles'!$G$21=$B$10,7,0)+IF('Standard Profiles'!$G$21=$B$17,14,0)+IF('Standard Profiles'!$G$21=$B$24,21,0),0)),0)</f>
        <v>0</v>
      </c>
      <c r="H4201" cm="1">
        <f t="array" ref="H4201">IFERROR(INDEX(Jesper!AL$2:AL$366,ROUNDDOWN($C4201/24,0)+1,1)*INDEX($D$3:$AA$30,INDEX(Jesper!$R$2:$R$366,ROW(INDEX(Jesper!AL$2:AL$366,ROUNDDOWN($C4201/24,0)+1,1))-1)+IF('Standard Profiles'!$G$22=$B$10,7,0)+IF('Standard Profiles'!$G$22=$B$17,14,0)+IF('Standard Profiles'!$G$22=$B$24,21,0),MOD($C4201,24)+1)/SUM(INDEX($D$3:$AA$30,INDEX(Jesper!$R$2:$R$366,ROW(INDEX(Jesper!AL$2:AL$366,ROUNDDOWN($C4201/24,0)+1,1))-1)+IF('Standard Profiles'!$G$22=$B$10,7,0)+IF('Standard Profiles'!$G$22=$B$17,14,0)+IF('Standard Profiles'!$G$22=$B$24,21,0),0)),0)</f>
        <v>0</v>
      </c>
      <c r="I4201">
        <f t="shared" si="475"/>
        <v>0.16341050978143062</v>
      </c>
      <c r="J4201">
        <f t="shared" si="476"/>
        <v>0.54470169927143552</v>
      </c>
      <c r="K4201">
        <f t="shared" si="477"/>
        <v>0.81705254890715329</v>
      </c>
      <c r="L4201">
        <f t="shared" si="478"/>
        <v>11.377240468936746</v>
      </c>
      <c r="M4201">
        <f t="shared" si="479"/>
        <v>0</v>
      </c>
      <c r="N4201" s="46">
        <f t="shared" si="480"/>
        <v>45465.624999989894</v>
      </c>
    </row>
    <row r="4202" spans="2:14" x14ac:dyDescent="0.3">
      <c r="B4202">
        <f t="shared" si="474"/>
        <v>6</v>
      </c>
      <c r="C4202" s="16">
        <v>4168</v>
      </c>
      <c r="D4202" cm="1">
        <f t="array" ref="D4202">IFERROR(INDEX(Jesper!AH$2:AH$366,ROUNDDOWN($C4202/24,0)+1,1)*INDEX($D$3:$AA$30,INDEX(Jesper!$R$2:$R$366,ROW(INDEX(Jesper!AH$2:AH$366,ROUNDDOWN($C4202/24,0)+1,1))-1)+IF('Standard Profiles'!$G$18=$B$10,7,0)+IF('Standard Profiles'!$G$18=$B$17,14,0)+IF('Standard Profiles'!$G$18=$B$24,21,0),MOD($C4202,24)+1)/SUM(INDEX($D$3:$AA$30,INDEX(Jesper!$R$2:$R$366,ROW(INDEX(Jesper!AH$2:AH$366,ROUNDDOWN($C4202/24,0)+1,1))-1)+IF('Standard Profiles'!$G$18=$B$10,7,0)+IF('Standard Profiles'!$G$18=$B$17,14,0)+IF('Standard Profiles'!$G$18=$B$24,21,0),0)),0)</f>
        <v>10.080498698475351</v>
      </c>
      <c r="E4202" cm="1">
        <f t="array" ref="E4202">IFERROR(INDEX(Jesper!AI$2:AI$366,ROUNDDOWN($C4202/24,0)+1,1)*INDEX($D$3:$AA$30,INDEX(Jesper!$R$2:$R$366,ROW(INDEX(Jesper!AI$2:AI$366,ROUNDDOWN($C4202/24,0)+1,1))-1)+IF('Standard Profiles'!$G$19=$B$10,7,0)+IF('Standard Profiles'!$G$19=$B$17,14,0)+IF('Standard Profiles'!$G$19=$B$24,21,0),MOD($C4202,24)+1)/SUM(INDEX($D$3:$AA$30,INDEX(Jesper!$R$2:$R$366,ROW(INDEX(Jesper!AI$2:AI$366,ROUNDDOWN($C4202/24,0)+1,1))-1)+IF('Standard Profiles'!$G$19=$B$10,7,0)+IF('Standard Profiles'!$G$19=$B$17,14,0)+IF('Standard Profiles'!$G$19=$B$24,21,0),0)),0)</f>
        <v>1.648960598703527</v>
      </c>
      <c r="F4202" cm="1">
        <f t="array" ref="F4202">IFERROR(INDEX(Jesper!AJ$2:AJ$366,ROUNDDOWN($C4202/24,0)+1,1)*INDEX($D$3:$AA$30,INDEX(Jesper!$R$2:$R$366,ROW(INDEX(Jesper!AJ$2:AJ$366,ROUNDDOWN($C4202/24,0)+1,1))-1)+IF('Standard Profiles'!$G$20=$B$10,7,0)+IF('Standard Profiles'!$G$20=$B$17,14,0)+IF('Standard Profiles'!$G$20=$B$24,21,0),MOD($C4202,24)+1)/SUM(INDEX($D$3:$AA$30,INDEX(Jesper!$R$2:$R$366,ROW(INDEX(Jesper!AJ$2:AJ$366,ROUNDDOWN($C4202/24,0)+1,1))-1)+IF('Standard Profiles'!$G$20=$B$10,7,0)+IF('Standard Profiles'!$G$20=$B$17,14,0)+IF('Standard Profiles'!$G$20=$B$24,21,0),0)),0)</f>
        <v>0</v>
      </c>
      <c r="G4202" cm="1">
        <f t="array" ref="G4202">IFERROR(INDEX(Jesper!AK$2:AK$366,ROUNDDOWN($C4202/24,0)+1,1)*INDEX($D$3:$AA$30,INDEX(Jesper!$R$2:$R$366,ROW(INDEX(Jesper!AK$2:AK$366,ROUNDDOWN($C4202/24,0)+1,1))-1)+IF('Standard Profiles'!$G$21=$B$10,7,0)+IF('Standard Profiles'!$G$21=$B$17,14,0)+IF('Standard Profiles'!$G$21=$B$24,21,0),MOD($C4202,24)+1)/SUM(INDEX($D$3:$AA$30,INDEX(Jesper!$R$2:$R$366,ROW(INDEX(Jesper!AK$2:AK$366,ROUNDDOWN($C4202/24,0)+1,1))-1)+IF('Standard Profiles'!$G$21=$B$10,7,0)+IF('Standard Profiles'!$G$21=$B$17,14,0)+IF('Standard Profiles'!$G$21=$B$24,21,0),0)),0)</f>
        <v>0</v>
      </c>
      <c r="H4202" cm="1">
        <f t="array" ref="H4202">IFERROR(INDEX(Jesper!AL$2:AL$366,ROUNDDOWN($C4202/24,0)+1,1)*INDEX($D$3:$AA$30,INDEX(Jesper!$R$2:$R$366,ROW(INDEX(Jesper!AL$2:AL$366,ROUNDDOWN($C4202/24,0)+1,1))-1)+IF('Standard Profiles'!$G$22=$B$10,7,0)+IF('Standard Profiles'!$G$22=$B$17,14,0)+IF('Standard Profiles'!$G$22=$B$24,21,0),MOD($C4202,24)+1)/SUM(INDEX($D$3:$AA$30,INDEX(Jesper!$R$2:$R$366,ROW(INDEX(Jesper!AL$2:AL$366,ROUNDDOWN($C4202/24,0)+1,1))-1)+IF('Standard Profiles'!$G$22=$B$10,7,0)+IF('Standard Profiles'!$G$22=$B$17,14,0)+IF('Standard Profiles'!$G$22=$B$24,21,0),0)),0)</f>
        <v>0</v>
      </c>
      <c r="I4202">
        <f t="shared" si="475"/>
        <v>0.14855500889220968</v>
      </c>
      <c r="J4202">
        <f t="shared" si="476"/>
        <v>0.49518336297403232</v>
      </c>
      <c r="K4202">
        <f t="shared" si="477"/>
        <v>0.74277504446104847</v>
      </c>
      <c r="L4202">
        <f t="shared" si="478"/>
        <v>10.342945880851588</v>
      </c>
      <c r="M4202">
        <f t="shared" si="479"/>
        <v>0</v>
      </c>
      <c r="N4202" s="46">
        <f t="shared" si="480"/>
        <v>45465.666666656558</v>
      </c>
    </row>
    <row r="4203" spans="2:14" x14ac:dyDescent="0.3">
      <c r="B4203">
        <f t="shared" si="474"/>
        <v>6</v>
      </c>
      <c r="C4203" s="16">
        <v>4169</v>
      </c>
      <c r="D4203" cm="1">
        <f t="array" ref="D4203">IFERROR(INDEX(Jesper!AH$2:AH$366,ROUNDDOWN($C4203/24,0)+1,1)*INDEX($D$3:$AA$30,INDEX(Jesper!$R$2:$R$366,ROW(INDEX(Jesper!AH$2:AH$366,ROUNDDOWN($C4203/24,0)+1,1))-1)+IF('Standard Profiles'!$G$18=$B$10,7,0)+IF('Standard Profiles'!$G$18=$B$17,14,0)+IF('Standard Profiles'!$G$18=$B$24,21,0),MOD($C4203,24)+1)/SUM(INDEX($D$3:$AA$30,INDEX(Jesper!$R$2:$R$366,ROW(INDEX(Jesper!AH$2:AH$366,ROUNDDOWN($C4203/24,0)+1,1))-1)+IF('Standard Profiles'!$G$18=$B$10,7,0)+IF('Standard Profiles'!$G$18=$B$17,14,0)+IF('Standard Profiles'!$G$18=$B$24,21,0),0)),0)</f>
        <v>9.0724488286278167</v>
      </c>
      <c r="E4203" cm="1">
        <f t="array" ref="E4203">IFERROR(INDEX(Jesper!AI$2:AI$366,ROUNDDOWN($C4203/24,0)+1,1)*INDEX($D$3:$AA$30,INDEX(Jesper!$R$2:$R$366,ROW(INDEX(Jesper!AI$2:AI$366,ROUNDDOWN($C4203/24,0)+1,1))-1)+IF('Standard Profiles'!$G$19=$B$10,7,0)+IF('Standard Profiles'!$G$19=$B$17,14,0)+IF('Standard Profiles'!$G$19=$B$24,21,0),MOD($C4203,24)+1)/SUM(INDEX($D$3:$AA$30,INDEX(Jesper!$R$2:$R$366,ROW(INDEX(Jesper!AI$2:AI$366,ROUNDDOWN($C4203/24,0)+1,1))-1)+IF('Standard Profiles'!$G$19=$B$10,7,0)+IF('Standard Profiles'!$G$19=$B$17,14,0)+IF('Standard Profiles'!$G$19=$B$24,21,0),0)),0)</f>
        <v>1.4840645388331744</v>
      </c>
      <c r="F4203" cm="1">
        <f t="array" ref="F4203">IFERROR(INDEX(Jesper!AJ$2:AJ$366,ROUNDDOWN($C4203/24,0)+1,1)*INDEX($D$3:$AA$30,INDEX(Jesper!$R$2:$R$366,ROW(INDEX(Jesper!AJ$2:AJ$366,ROUNDDOWN($C4203/24,0)+1,1))-1)+IF('Standard Profiles'!$G$20=$B$10,7,0)+IF('Standard Profiles'!$G$20=$B$17,14,0)+IF('Standard Profiles'!$G$20=$B$24,21,0),MOD($C4203,24)+1)/SUM(INDEX($D$3:$AA$30,INDEX(Jesper!$R$2:$R$366,ROW(INDEX(Jesper!AJ$2:AJ$366,ROUNDDOWN($C4203/24,0)+1,1))-1)+IF('Standard Profiles'!$G$20=$B$10,7,0)+IF('Standard Profiles'!$G$20=$B$17,14,0)+IF('Standard Profiles'!$G$20=$B$24,21,0),0)),0)</f>
        <v>0</v>
      </c>
      <c r="G4203" cm="1">
        <f t="array" ref="G4203">IFERROR(INDEX(Jesper!AK$2:AK$366,ROUNDDOWN($C4203/24,0)+1,1)*INDEX($D$3:$AA$30,INDEX(Jesper!$R$2:$R$366,ROW(INDEX(Jesper!AK$2:AK$366,ROUNDDOWN($C4203/24,0)+1,1))-1)+IF('Standard Profiles'!$G$21=$B$10,7,0)+IF('Standard Profiles'!$G$21=$B$17,14,0)+IF('Standard Profiles'!$G$21=$B$24,21,0),MOD($C4203,24)+1)/SUM(INDEX($D$3:$AA$30,INDEX(Jesper!$R$2:$R$366,ROW(INDEX(Jesper!AK$2:AK$366,ROUNDDOWN($C4203/24,0)+1,1))-1)+IF('Standard Profiles'!$G$21=$B$10,7,0)+IF('Standard Profiles'!$G$21=$B$17,14,0)+IF('Standard Profiles'!$G$21=$B$24,21,0),0)),0)</f>
        <v>0</v>
      </c>
      <c r="H4203" cm="1">
        <f t="array" ref="H4203">IFERROR(INDEX(Jesper!AL$2:AL$366,ROUNDDOWN($C4203/24,0)+1,1)*INDEX($D$3:$AA$30,INDEX(Jesper!$R$2:$R$366,ROW(INDEX(Jesper!AL$2:AL$366,ROUNDDOWN($C4203/24,0)+1,1))-1)+IF('Standard Profiles'!$G$22=$B$10,7,0)+IF('Standard Profiles'!$G$22=$B$17,14,0)+IF('Standard Profiles'!$G$22=$B$24,21,0),MOD($C4203,24)+1)/SUM(INDEX($D$3:$AA$30,INDEX(Jesper!$R$2:$R$366,ROW(INDEX(Jesper!AL$2:AL$366,ROUNDDOWN($C4203/24,0)+1,1))-1)+IF('Standard Profiles'!$G$22=$B$10,7,0)+IF('Standard Profiles'!$G$22=$B$17,14,0)+IF('Standard Profiles'!$G$22=$B$24,21,0),0)),0)</f>
        <v>0</v>
      </c>
      <c r="I4203">
        <f t="shared" si="475"/>
        <v>0.13369950800298872</v>
      </c>
      <c r="J4203">
        <f t="shared" si="476"/>
        <v>0.44566502667662911</v>
      </c>
      <c r="K4203">
        <f t="shared" si="477"/>
        <v>0.66849754001494366</v>
      </c>
      <c r="L4203">
        <f t="shared" si="478"/>
        <v>9.3086512927664291</v>
      </c>
      <c r="M4203">
        <f t="shared" si="479"/>
        <v>0</v>
      </c>
      <c r="N4203" s="46">
        <f t="shared" si="480"/>
        <v>45465.708333323222</v>
      </c>
    </row>
    <row r="4204" spans="2:14" x14ac:dyDescent="0.3">
      <c r="B4204">
        <f t="shared" si="474"/>
        <v>6</v>
      </c>
      <c r="C4204" s="16">
        <v>4170</v>
      </c>
      <c r="D4204" cm="1">
        <f t="array" ref="D4204">IFERROR(INDEX(Jesper!AH$2:AH$366,ROUNDDOWN($C4204/24,0)+1,1)*INDEX($D$3:$AA$30,INDEX(Jesper!$R$2:$R$366,ROW(INDEX(Jesper!AH$2:AH$366,ROUNDDOWN($C4204/24,0)+1,1))-1)+IF('Standard Profiles'!$G$18=$B$10,7,0)+IF('Standard Profiles'!$G$18=$B$17,14,0)+IF('Standard Profiles'!$G$18=$B$24,21,0),MOD($C4204,24)+1)/SUM(INDEX($D$3:$AA$30,INDEX(Jesper!$R$2:$R$366,ROW(INDEX(Jesper!AH$2:AH$366,ROUNDDOWN($C4204/24,0)+1,1))-1)+IF('Standard Profiles'!$G$18=$B$10,7,0)+IF('Standard Profiles'!$G$18=$B$17,14,0)+IF('Standard Profiles'!$G$18=$B$24,21,0),0)),0)</f>
        <v>8.7364322053453023</v>
      </c>
      <c r="E4204" cm="1">
        <f t="array" ref="E4204">IFERROR(INDEX(Jesper!AI$2:AI$366,ROUNDDOWN($C4204/24,0)+1,1)*INDEX($D$3:$AA$30,INDEX(Jesper!$R$2:$R$366,ROW(INDEX(Jesper!AI$2:AI$366,ROUNDDOWN($C4204/24,0)+1,1))-1)+IF('Standard Profiles'!$G$19=$B$10,7,0)+IF('Standard Profiles'!$G$19=$B$17,14,0)+IF('Standard Profiles'!$G$19=$B$24,21,0),MOD($C4204,24)+1)/SUM(INDEX($D$3:$AA$30,INDEX(Jesper!$R$2:$R$366,ROW(INDEX(Jesper!AI$2:AI$366,ROUNDDOWN($C4204/24,0)+1,1))-1)+IF('Standard Profiles'!$G$19=$B$10,7,0)+IF('Standard Profiles'!$G$19=$B$17,14,0)+IF('Standard Profiles'!$G$19=$B$24,21,0),0)),0)</f>
        <v>1.4290991855430566</v>
      </c>
      <c r="F4204" cm="1">
        <f t="array" ref="F4204">IFERROR(INDEX(Jesper!AJ$2:AJ$366,ROUNDDOWN($C4204/24,0)+1,1)*INDEX($D$3:$AA$30,INDEX(Jesper!$R$2:$R$366,ROW(INDEX(Jesper!AJ$2:AJ$366,ROUNDDOWN($C4204/24,0)+1,1))-1)+IF('Standard Profiles'!$G$20=$B$10,7,0)+IF('Standard Profiles'!$G$20=$B$17,14,0)+IF('Standard Profiles'!$G$20=$B$24,21,0),MOD($C4204,24)+1)/SUM(INDEX($D$3:$AA$30,INDEX(Jesper!$R$2:$R$366,ROW(INDEX(Jesper!AJ$2:AJ$366,ROUNDDOWN($C4204/24,0)+1,1))-1)+IF('Standard Profiles'!$G$20=$B$10,7,0)+IF('Standard Profiles'!$G$20=$B$17,14,0)+IF('Standard Profiles'!$G$20=$B$24,21,0),0)),0)</f>
        <v>0</v>
      </c>
      <c r="G4204" cm="1">
        <f t="array" ref="G4204">IFERROR(INDEX(Jesper!AK$2:AK$366,ROUNDDOWN($C4204/24,0)+1,1)*INDEX($D$3:$AA$30,INDEX(Jesper!$R$2:$R$366,ROW(INDEX(Jesper!AK$2:AK$366,ROUNDDOWN($C4204/24,0)+1,1))-1)+IF('Standard Profiles'!$G$21=$B$10,7,0)+IF('Standard Profiles'!$G$21=$B$17,14,0)+IF('Standard Profiles'!$G$21=$B$24,21,0),MOD($C4204,24)+1)/SUM(INDEX($D$3:$AA$30,INDEX(Jesper!$R$2:$R$366,ROW(INDEX(Jesper!AK$2:AK$366,ROUNDDOWN($C4204/24,0)+1,1))-1)+IF('Standard Profiles'!$G$21=$B$10,7,0)+IF('Standard Profiles'!$G$21=$B$17,14,0)+IF('Standard Profiles'!$G$21=$B$24,21,0),0)),0)</f>
        <v>0</v>
      </c>
      <c r="H4204" cm="1">
        <f t="array" ref="H4204">IFERROR(INDEX(Jesper!AL$2:AL$366,ROUNDDOWN($C4204/24,0)+1,1)*INDEX($D$3:$AA$30,INDEX(Jesper!$R$2:$R$366,ROW(INDEX(Jesper!AL$2:AL$366,ROUNDDOWN($C4204/24,0)+1,1))-1)+IF('Standard Profiles'!$G$22=$B$10,7,0)+IF('Standard Profiles'!$G$22=$B$17,14,0)+IF('Standard Profiles'!$G$22=$B$24,21,0),MOD($C4204,24)+1)/SUM(INDEX($D$3:$AA$30,INDEX(Jesper!$R$2:$R$366,ROW(INDEX(Jesper!AL$2:AL$366,ROUNDDOWN($C4204/24,0)+1,1))-1)+IF('Standard Profiles'!$G$22=$B$10,7,0)+IF('Standard Profiles'!$G$22=$B$17,14,0)+IF('Standard Profiles'!$G$22=$B$24,21,0),0)),0)</f>
        <v>0</v>
      </c>
      <c r="I4204">
        <f t="shared" si="475"/>
        <v>0.12874767437324838</v>
      </c>
      <c r="J4204">
        <f t="shared" si="476"/>
        <v>0.42915891457749461</v>
      </c>
      <c r="K4204">
        <f t="shared" si="477"/>
        <v>0.64373837186624194</v>
      </c>
      <c r="L4204">
        <f t="shared" si="478"/>
        <v>8.9638864300713745</v>
      </c>
      <c r="M4204">
        <f t="shared" si="479"/>
        <v>0</v>
      </c>
      <c r="N4204" s="46">
        <f t="shared" si="480"/>
        <v>45465.749999989886</v>
      </c>
    </row>
    <row r="4205" spans="2:14" x14ac:dyDescent="0.3">
      <c r="B4205">
        <f t="shared" si="474"/>
        <v>6</v>
      </c>
      <c r="C4205" s="16">
        <v>4171</v>
      </c>
      <c r="D4205" cm="1">
        <f t="array" ref="D4205">IFERROR(INDEX(Jesper!AH$2:AH$366,ROUNDDOWN($C4205/24,0)+1,1)*INDEX($D$3:$AA$30,INDEX(Jesper!$R$2:$R$366,ROW(INDEX(Jesper!AH$2:AH$366,ROUNDDOWN($C4205/24,0)+1,1))-1)+IF('Standard Profiles'!$G$18=$B$10,7,0)+IF('Standard Profiles'!$G$18=$B$17,14,0)+IF('Standard Profiles'!$G$18=$B$24,21,0),MOD($C4205,24)+1)/SUM(INDEX($D$3:$AA$30,INDEX(Jesper!$R$2:$R$366,ROW(INDEX(Jesper!AH$2:AH$366,ROUNDDOWN($C4205/24,0)+1,1))-1)+IF('Standard Profiles'!$G$18=$B$10,7,0)+IF('Standard Profiles'!$G$18=$B$17,14,0)+IF('Standard Profiles'!$G$18=$B$24,21,0),0)),0)</f>
        <v>7.0563490889327447</v>
      </c>
      <c r="E4205" cm="1">
        <f t="array" ref="E4205">IFERROR(INDEX(Jesper!AI$2:AI$366,ROUNDDOWN($C4205/24,0)+1,1)*INDEX($D$3:$AA$30,INDEX(Jesper!$R$2:$R$366,ROW(INDEX(Jesper!AI$2:AI$366,ROUNDDOWN($C4205/24,0)+1,1))-1)+IF('Standard Profiles'!$G$19=$B$10,7,0)+IF('Standard Profiles'!$G$19=$B$17,14,0)+IF('Standard Profiles'!$G$19=$B$24,21,0),MOD($C4205,24)+1)/SUM(INDEX($D$3:$AA$30,INDEX(Jesper!$R$2:$R$366,ROW(INDEX(Jesper!AI$2:AI$366,ROUNDDOWN($C4205/24,0)+1,1))-1)+IF('Standard Profiles'!$G$19=$B$10,7,0)+IF('Standard Profiles'!$G$19=$B$17,14,0)+IF('Standard Profiles'!$G$19=$B$24,21,0),0)),0)</f>
        <v>1.1542724190924687</v>
      </c>
      <c r="F4205" cm="1">
        <f t="array" ref="F4205">IFERROR(INDEX(Jesper!AJ$2:AJ$366,ROUNDDOWN($C4205/24,0)+1,1)*INDEX($D$3:$AA$30,INDEX(Jesper!$R$2:$R$366,ROW(INDEX(Jesper!AJ$2:AJ$366,ROUNDDOWN($C4205/24,0)+1,1))-1)+IF('Standard Profiles'!$G$20=$B$10,7,0)+IF('Standard Profiles'!$G$20=$B$17,14,0)+IF('Standard Profiles'!$G$20=$B$24,21,0),MOD($C4205,24)+1)/SUM(INDEX($D$3:$AA$30,INDEX(Jesper!$R$2:$R$366,ROW(INDEX(Jesper!AJ$2:AJ$366,ROUNDDOWN($C4205/24,0)+1,1))-1)+IF('Standard Profiles'!$G$20=$B$10,7,0)+IF('Standard Profiles'!$G$20=$B$17,14,0)+IF('Standard Profiles'!$G$20=$B$24,21,0),0)),0)</f>
        <v>0</v>
      </c>
      <c r="G4205" cm="1">
        <f t="array" ref="G4205">IFERROR(INDEX(Jesper!AK$2:AK$366,ROUNDDOWN($C4205/24,0)+1,1)*INDEX($D$3:$AA$30,INDEX(Jesper!$R$2:$R$366,ROW(INDEX(Jesper!AK$2:AK$366,ROUNDDOWN($C4205/24,0)+1,1))-1)+IF('Standard Profiles'!$G$21=$B$10,7,0)+IF('Standard Profiles'!$G$21=$B$17,14,0)+IF('Standard Profiles'!$G$21=$B$24,21,0),MOD($C4205,24)+1)/SUM(INDEX($D$3:$AA$30,INDEX(Jesper!$R$2:$R$366,ROW(INDEX(Jesper!AK$2:AK$366,ROUNDDOWN($C4205/24,0)+1,1))-1)+IF('Standard Profiles'!$G$21=$B$10,7,0)+IF('Standard Profiles'!$G$21=$B$17,14,0)+IF('Standard Profiles'!$G$21=$B$24,21,0),0)),0)</f>
        <v>0</v>
      </c>
      <c r="H4205" cm="1">
        <f t="array" ref="H4205">IFERROR(INDEX(Jesper!AL$2:AL$366,ROUNDDOWN($C4205/24,0)+1,1)*INDEX($D$3:$AA$30,INDEX(Jesper!$R$2:$R$366,ROW(INDEX(Jesper!AL$2:AL$366,ROUNDDOWN($C4205/24,0)+1,1))-1)+IF('Standard Profiles'!$G$22=$B$10,7,0)+IF('Standard Profiles'!$G$22=$B$17,14,0)+IF('Standard Profiles'!$G$22=$B$24,21,0),MOD($C4205,24)+1)/SUM(INDEX($D$3:$AA$30,INDEX(Jesper!$R$2:$R$366,ROW(INDEX(Jesper!AL$2:AL$366,ROUNDDOWN($C4205/24,0)+1,1))-1)+IF('Standard Profiles'!$G$22=$B$10,7,0)+IF('Standard Profiles'!$G$22=$B$17,14,0)+IF('Standard Profiles'!$G$22=$B$24,21,0),0)),0)</f>
        <v>0</v>
      </c>
      <c r="I4205">
        <f t="shared" si="475"/>
        <v>0.10398850622454675</v>
      </c>
      <c r="J4205">
        <f t="shared" si="476"/>
        <v>0.34662835408182258</v>
      </c>
      <c r="K4205">
        <f t="shared" si="477"/>
        <v>0.51994253112273381</v>
      </c>
      <c r="L4205">
        <f t="shared" si="478"/>
        <v>7.2400621165961105</v>
      </c>
      <c r="M4205">
        <f t="shared" si="479"/>
        <v>0</v>
      </c>
      <c r="N4205" s="46">
        <f t="shared" si="480"/>
        <v>45465.791666656551</v>
      </c>
    </row>
    <row r="4206" spans="2:14" x14ac:dyDescent="0.3">
      <c r="B4206">
        <f t="shared" si="474"/>
        <v>6</v>
      </c>
      <c r="C4206" s="16">
        <v>4172</v>
      </c>
      <c r="D4206" cm="1">
        <f t="array" ref="D4206">IFERROR(INDEX(Jesper!AH$2:AH$366,ROUNDDOWN($C4206/24,0)+1,1)*INDEX($D$3:$AA$30,INDEX(Jesper!$R$2:$R$366,ROW(INDEX(Jesper!AH$2:AH$366,ROUNDDOWN($C4206/24,0)+1,1))-1)+IF('Standard Profiles'!$G$18=$B$10,7,0)+IF('Standard Profiles'!$G$18=$B$17,14,0)+IF('Standard Profiles'!$G$18=$B$24,21,0),MOD($C4206,24)+1)/SUM(INDEX($D$3:$AA$30,INDEX(Jesper!$R$2:$R$366,ROW(INDEX(Jesper!AH$2:AH$366,ROUNDDOWN($C4206/24,0)+1,1))-1)+IF('Standard Profiles'!$G$18=$B$10,7,0)+IF('Standard Profiles'!$G$18=$B$17,14,0)+IF('Standard Profiles'!$G$18=$B$24,21,0),0)),0)</f>
        <v>5.2082576608789308</v>
      </c>
      <c r="E4206" cm="1">
        <f t="array" ref="E4206">IFERROR(INDEX(Jesper!AI$2:AI$366,ROUNDDOWN($C4206/24,0)+1,1)*INDEX($D$3:$AA$30,INDEX(Jesper!$R$2:$R$366,ROW(INDEX(Jesper!AI$2:AI$366,ROUNDDOWN($C4206/24,0)+1,1))-1)+IF('Standard Profiles'!$G$19=$B$10,7,0)+IF('Standard Profiles'!$G$19=$B$17,14,0)+IF('Standard Profiles'!$G$19=$B$24,21,0),MOD($C4206,24)+1)/SUM(INDEX($D$3:$AA$30,INDEX(Jesper!$R$2:$R$366,ROW(INDEX(Jesper!AI$2:AI$366,ROUNDDOWN($C4206/24,0)+1,1))-1)+IF('Standard Profiles'!$G$19=$B$10,7,0)+IF('Standard Profiles'!$G$19=$B$17,14,0)+IF('Standard Profiles'!$G$19=$B$24,21,0),0)),0)</f>
        <v>0.85196297599682214</v>
      </c>
      <c r="F4206" cm="1">
        <f t="array" ref="F4206">IFERROR(INDEX(Jesper!AJ$2:AJ$366,ROUNDDOWN($C4206/24,0)+1,1)*INDEX($D$3:$AA$30,INDEX(Jesper!$R$2:$R$366,ROW(INDEX(Jesper!AJ$2:AJ$366,ROUNDDOWN($C4206/24,0)+1,1))-1)+IF('Standard Profiles'!$G$20=$B$10,7,0)+IF('Standard Profiles'!$G$20=$B$17,14,0)+IF('Standard Profiles'!$G$20=$B$24,21,0),MOD($C4206,24)+1)/SUM(INDEX($D$3:$AA$30,INDEX(Jesper!$R$2:$R$366,ROW(INDEX(Jesper!AJ$2:AJ$366,ROUNDDOWN($C4206/24,0)+1,1))-1)+IF('Standard Profiles'!$G$20=$B$10,7,0)+IF('Standard Profiles'!$G$20=$B$17,14,0)+IF('Standard Profiles'!$G$20=$B$24,21,0),0)),0)</f>
        <v>0</v>
      </c>
      <c r="G4206" cm="1">
        <f t="array" ref="G4206">IFERROR(INDEX(Jesper!AK$2:AK$366,ROUNDDOWN($C4206/24,0)+1,1)*INDEX($D$3:$AA$30,INDEX(Jesper!$R$2:$R$366,ROW(INDEX(Jesper!AK$2:AK$366,ROUNDDOWN($C4206/24,0)+1,1))-1)+IF('Standard Profiles'!$G$21=$B$10,7,0)+IF('Standard Profiles'!$G$21=$B$17,14,0)+IF('Standard Profiles'!$G$21=$B$24,21,0),MOD($C4206,24)+1)/SUM(INDEX($D$3:$AA$30,INDEX(Jesper!$R$2:$R$366,ROW(INDEX(Jesper!AK$2:AK$366,ROUNDDOWN($C4206/24,0)+1,1))-1)+IF('Standard Profiles'!$G$21=$B$10,7,0)+IF('Standard Profiles'!$G$21=$B$17,14,0)+IF('Standard Profiles'!$G$21=$B$24,21,0),0)),0)</f>
        <v>0</v>
      </c>
      <c r="H4206" cm="1">
        <f t="array" ref="H4206">IFERROR(INDEX(Jesper!AL$2:AL$366,ROUNDDOWN($C4206/24,0)+1,1)*INDEX($D$3:$AA$30,INDEX(Jesper!$R$2:$R$366,ROW(INDEX(Jesper!AL$2:AL$366,ROUNDDOWN($C4206/24,0)+1,1))-1)+IF('Standard Profiles'!$G$22=$B$10,7,0)+IF('Standard Profiles'!$G$22=$B$17,14,0)+IF('Standard Profiles'!$G$22=$B$24,21,0),MOD($C4206,24)+1)/SUM(INDEX($D$3:$AA$30,INDEX(Jesper!$R$2:$R$366,ROW(INDEX(Jesper!AL$2:AL$366,ROUNDDOWN($C4206/24,0)+1,1))-1)+IF('Standard Profiles'!$G$22=$B$10,7,0)+IF('Standard Profiles'!$G$22=$B$17,14,0)+IF('Standard Profiles'!$G$22=$B$24,21,0),0)),0)</f>
        <v>0</v>
      </c>
      <c r="I4206">
        <f t="shared" si="475"/>
        <v>7.6753421260974994E-2</v>
      </c>
      <c r="J4206">
        <f t="shared" si="476"/>
        <v>0.25584473753658332</v>
      </c>
      <c r="K4206">
        <f t="shared" si="477"/>
        <v>0.38376710630487498</v>
      </c>
      <c r="L4206">
        <f t="shared" si="478"/>
        <v>5.3438553717733202</v>
      </c>
      <c r="M4206">
        <f t="shared" si="479"/>
        <v>0</v>
      </c>
      <c r="N4206" s="46">
        <f t="shared" si="480"/>
        <v>45465.833333323215</v>
      </c>
    </row>
    <row r="4207" spans="2:14" x14ac:dyDescent="0.3">
      <c r="B4207">
        <f t="shared" si="474"/>
        <v>6</v>
      </c>
      <c r="C4207" s="16">
        <v>4173</v>
      </c>
      <c r="D4207" cm="1">
        <f t="array" ref="D4207">IFERROR(INDEX(Jesper!AH$2:AH$366,ROUNDDOWN($C4207/24,0)+1,1)*INDEX($D$3:$AA$30,INDEX(Jesper!$R$2:$R$366,ROW(INDEX(Jesper!AH$2:AH$366,ROUNDDOWN($C4207/24,0)+1,1))-1)+IF('Standard Profiles'!$G$18=$B$10,7,0)+IF('Standard Profiles'!$G$18=$B$17,14,0)+IF('Standard Profiles'!$G$18=$B$24,21,0),MOD($C4207,24)+1)/SUM(INDEX($D$3:$AA$30,INDEX(Jesper!$R$2:$R$366,ROW(INDEX(Jesper!AH$2:AH$366,ROUNDDOWN($C4207/24,0)+1,1))-1)+IF('Standard Profiles'!$G$18=$B$10,7,0)+IF('Standard Profiles'!$G$18=$B$17,14,0)+IF('Standard Profiles'!$G$18=$B$24,21,0),0)),0)</f>
        <v>5.2082576608789308</v>
      </c>
      <c r="E4207" cm="1">
        <f t="array" ref="E4207">IFERROR(INDEX(Jesper!AI$2:AI$366,ROUNDDOWN($C4207/24,0)+1,1)*INDEX($D$3:$AA$30,INDEX(Jesper!$R$2:$R$366,ROW(INDEX(Jesper!AI$2:AI$366,ROUNDDOWN($C4207/24,0)+1,1))-1)+IF('Standard Profiles'!$G$19=$B$10,7,0)+IF('Standard Profiles'!$G$19=$B$17,14,0)+IF('Standard Profiles'!$G$19=$B$24,21,0),MOD($C4207,24)+1)/SUM(INDEX($D$3:$AA$30,INDEX(Jesper!$R$2:$R$366,ROW(INDEX(Jesper!AI$2:AI$366,ROUNDDOWN($C4207/24,0)+1,1))-1)+IF('Standard Profiles'!$G$19=$B$10,7,0)+IF('Standard Profiles'!$G$19=$B$17,14,0)+IF('Standard Profiles'!$G$19=$B$24,21,0),0)),0)</f>
        <v>0.85196297599682214</v>
      </c>
      <c r="F4207" cm="1">
        <f t="array" ref="F4207">IFERROR(INDEX(Jesper!AJ$2:AJ$366,ROUNDDOWN($C4207/24,0)+1,1)*INDEX($D$3:$AA$30,INDEX(Jesper!$R$2:$R$366,ROW(INDEX(Jesper!AJ$2:AJ$366,ROUNDDOWN($C4207/24,0)+1,1))-1)+IF('Standard Profiles'!$G$20=$B$10,7,0)+IF('Standard Profiles'!$G$20=$B$17,14,0)+IF('Standard Profiles'!$G$20=$B$24,21,0),MOD($C4207,24)+1)/SUM(INDEX($D$3:$AA$30,INDEX(Jesper!$R$2:$R$366,ROW(INDEX(Jesper!AJ$2:AJ$366,ROUNDDOWN($C4207/24,0)+1,1))-1)+IF('Standard Profiles'!$G$20=$B$10,7,0)+IF('Standard Profiles'!$G$20=$B$17,14,0)+IF('Standard Profiles'!$G$20=$B$24,21,0),0)),0)</f>
        <v>0</v>
      </c>
      <c r="G4207" cm="1">
        <f t="array" ref="G4207">IFERROR(INDEX(Jesper!AK$2:AK$366,ROUNDDOWN($C4207/24,0)+1,1)*INDEX($D$3:$AA$30,INDEX(Jesper!$R$2:$R$366,ROW(INDEX(Jesper!AK$2:AK$366,ROUNDDOWN($C4207/24,0)+1,1))-1)+IF('Standard Profiles'!$G$21=$B$10,7,0)+IF('Standard Profiles'!$G$21=$B$17,14,0)+IF('Standard Profiles'!$G$21=$B$24,21,0),MOD($C4207,24)+1)/SUM(INDEX($D$3:$AA$30,INDEX(Jesper!$R$2:$R$366,ROW(INDEX(Jesper!AK$2:AK$366,ROUNDDOWN($C4207/24,0)+1,1))-1)+IF('Standard Profiles'!$G$21=$B$10,7,0)+IF('Standard Profiles'!$G$21=$B$17,14,0)+IF('Standard Profiles'!$G$21=$B$24,21,0),0)),0)</f>
        <v>0</v>
      </c>
      <c r="H4207" cm="1">
        <f t="array" ref="H4207">IFERROR(INDEX(Jesper!AL$2:AL$366,ROUNDDOWN($C4207/24,0)+1,1)*INDEX($D$3:$AA$30,INDEX(Jesper!$R$2:$R$366,ROW(INDEX(Jesper!AL$2:AL$366,ROUNDDOWN($C4207/24,0)+1,1))-1)+IF('Standard Profiles'!$G$22=$B$10,7,0)+IF('Standard Profiles'!$G$22=$B$17,14,0)+IF('Standard Profiles'!$G$22=$B$24,21,0),MOD($C4207,24)+1)/SUM(INDEX($D$3:$AA$30,INDEX(Jesper!$R$2:$R$366,ROW(INDEX(Jesper!AL$2:AL$366,ROUNDDOWN($C4207/24,0)+1,1))-1)+IF('Standard Profiles'!$G$22=$B$10,7,0)+IF('Standard Profiles'!$G$22=$B$17,14,0)+IF('Standard Profiles'!$G$22=$B$24,21,0),0)),0)</f>
        <v>0</v>
      </c>
      <c r="I4207">
        <f t="shared" si="475"/>
        <v>7.6753421260974994E-2</v>
      </c>
      <c r="J4207">
        <f t="shared" si="476"/>
        <v>0.25584473753658332</v>
      </c>
      <c r="K4207">
        <f t="shared" si="477"/>
        <v>0.38376710630487498</v>
      </c>
      <c r="L4207">
        <f t="shared" si="478"/>
        <v>5.3438553717733202</v>
      </c>
      <c r="M4207">
        <f t="shared" si="479"/>
        <v>0</v>
      </c>
      <c r="N4207" s="46">
        <f t="shared" si="480"/>
        <v>45465.874999989879</v>
      </c>
    </row>
    <row r="4208" spans="2:14" x14ac:dyDescent="0.3">
      <c r="B4208">
        <f t="shared" si="474"/>
        <v>6</v>
      </c>
      <c r="C4208" s="16">
        <v>4174</v>
      </c>
      <c r="D4208" cm="1">
        <f t="array" ref="D4208">IFERROR(INDEX(Jesper!AH$2:AH$366,ROUNDDOWN($C4208/24,0)+1,1)*INDEX($D$3:$AA$30,INDEX(Jesper!$R$2:$R$366,ROW(INDEX(Jesper!AH$2:AH$366,ROUNDDOWN($C4208/24,0)+1,1))-1)+IF('Standard Profiles'!$G$18=$B$10,7,0)+IF('Standard Profiles'!$G$18=$B$17,14,0)+IF('Standard Profiles'!$G$18=$B$24,21,0),MOD($C4208,24)+1)/SUM(INDEX($D$3:$AA$30,INDEX(Jesper!$R$2:$R$366,ROW(INDEX(Jesper!AH$2:AH$366,ROUNDDOWN($C4208/24,0)+1,1))-1)+IF('Standard Profiles'!$G$18=$B$10,7,0)+IF('Standard Profiles'!$G$18=$B$17,14,0)+IF('Standard Profiles'!$G$18=$B$24,21,0),0)),0)</f>
        <v>5.2082576608789308</v>
      </c>
      <c r="E4208" cm="1">
        <f t="array" ref="E4208">IFERROR(INDEX(Jesper!AI$2:AI$366,ROUNDDOWN($C4208/24,0)+1,1)*INDEX($D$3:$AA$30,INDEX(Jesper!$R$2:$R$366,ROW(INDEX(Jesper!AI$2:AI$366,ROUNDDOWN($C4208/24,0)+1,1))-1)+IF('Standard Profiles'!$G$19=$B$10,7,0)+IF('Standard Profiles'!$G$19=$B$17,14,0)+IF('Standard Profiles'!$G$19=$B$24,21,0),MOD($C4208,24)+1)/SUM(INDEX($D$3:$AA$30,INDEX(Jesper!$R$2:$R$366,ROW(INDEX(Jesper!AI$2:AI$366,ROUNDDOWN($C4208/24,0)+1,1))-1)+IF('Standard Profiles'!$G$19=$B$10,7,0)+IF('Standard Profiles'!$G$19=$B$17,14,0)+IF('Standard Profiles'!$G$19=$B$24,21,0),0)),0)</f>
        <v>0.85196297599682214</v>
      </c>
      <c r="F4208" cm="1">
        <f t="array" ref="F4208">IFERROR(INDEX(Jesper!AJ$2:AJ$366,ROUNDDOWN($C4208/24,0)+1,1)*INDEX($D$3:$AA$30,INDEX(Jesper!$R$2:$R$366,ROW(INDEX(Jesper!AJ$2:AJ$366,ROUNDDOWN($C4208/24,0)+1,1))-1)+IF('Standard Profiles'!$G$20=$B$10,7,0)+IF('Standard Profiles'!$G$20=$B$17,14,0)+IF('Standard Profiles'!$G$20=$B$24,21,0),MOD($C4208,24)+1)/SUM(INDEX($D$3:$AA$30,INDEX(Jesper!$R$2:$R$366,ROW(INDEX(Jesper!AJ$2:AJ$366,ROUNDDOWN($C4208/24,0)+1,1))-1)+IF('Standard Profiles'!$G$20=$B$10,7,0)+IF('Standard Profiles'!$G$20=$B$17,14,0)+IF('Standard Profiles'!$G$20=$B$24,21,0),0)),0)</f>
        <v>0</v>
      </c>
      <c r="G4208" cm="1">
        <f t="array" ref="G4208">IFERROR(INDEX(Jesper!AK$2:AK$366,ROUNDDOWN($C4208/24,0)+1,1)*INDEX($D$3:$AA$30,INDEX(Jesper!$R$2:$R$366,ROW(INDEX(Jesper!AK$2:AK$366,ROUNDDOWN($C4208/24,0)+1,1))-1)+IF('Standard Profiles'!$G$21=$B$10,7,0)+IF('Standard Profiles'!$G$21=$B$17,14,0)+IF('Standard Profiles'!$G$21=$B$24,21,0),MOD($C4208,24)+1)/SUM(INDEX($D$3:$AA$30,INDEX(Jesper!$R$2:$R$366,ROW(INDEX(Jesper!AK$2:AK$366,ROUNDDOWN($C4208/24,0)+1,1))-1)+IF('Standard Profiles'!$G$21=$B$10,7,0)+IF('Standard Profiles'!$G$21=$B$17,14,0)+IF('Standard Profiles'!$G$21=$B$24,21,0),0)),0)</f>
        <v>0</v>
      </c>
      <c r="H4208" cm="1">
        <f t="array" ref="H4208">IFERROR(INDEX(Jesper!AL$2:AL$366,ROUNDDOWN($C4208/24,0)+1,1)*INDEX($D$3:$AA$30,INDEX(Jesper!$R$2:$R$366,ROW(INDEX(Jesper!AL$2:AL$366,ROUNDDOWN($C4208/24,0)+1,1))-1)+IF('Standard Profiles'!$G$22=$B$10,7,0)+IF('Standard Profiles'!$G$22=$B$17,14,0)+IF('Standard Profiles'!$G$22=$B$24,21,0),MOD($C4208,24)+1)/SUM(INDEX($D$3:$AA$30,INDEX(Jesper!$R$2:$R$366,ROW(INDEX(Jesper!AL$2:AL$366,ROUNDDOWN($C4208/24,0)+1,1))-1)+IF('Standard Profiles'!$G$22=$B$10,7,0)+IF('Standard Profiles'!$G$22=$B$17,14,0)+IF('Standard Profiles'!$G$22=$B$24,21,0),0)),0)</f>
        <v>0</v>
      </c>
      <c r="I4208">
        <f t="shared" si="475"/>
        <v>7.6753421260974994E-2</v>
      </c>
      <c r="J4208">
        <f t="shared" si="476"/>
        <v>0.25584473753658332</v>
      </c>
      <c r="K4208">
        <f t="shared" si="477"/>
        <v>0.38376710630487498</v>
      </c>
      <c r="L4208">
        <f t="shared" si="478"/>
        <v>5.3438553717733202</v>
      </c>
      <c r="M4208">
        <f t="shared" si="479"/>
        <v>0</v>
      </c>
      <c r="N4208" s="46">
        <f t="shared" si="480"/>
        <v>45465.916666656543</v>
      </c>
    </row>
    <row r="4209" spans="2:14" x14ac:dyDescent="0.3">
      <c r="B4209">
        <f t="shared" si="474"/>
        <v>6</v>
      </c>
      <c r="C4209" s="16">
        <v>4175</v>
      </c>
      <c r="D4209" cm="1">
        <f t="array" ref="D4209">IFERROR(INDEX(Jesper!AH$2:AH$366,ROUNDDOWN($C4209/24,0)+1,1)*INDEX($D$3:$AA$30,INDEX(Jesper!$R$2:$R$366,ROW(INDEX(Jesper!AH$2:AH$366,ROUNDDOWN($C4209/24,0)+1,1))-1)+IF('Standard Profiles'!$G$18=$B$10,7,0)+IF('Standard Profiles'!$G$18=$B$17,14,0)+IF('Standard Profiles'!$G$18=$B$24,21,0),MOD($C4209,24)+1)/SUM(INDEX($D$3:$AA$30,INDEX(Jesper!$R$2:$R$366,ROW(INDEX(Jesper!AH$2:AH$366,ROUNDDOWN($C4209/24,0)+1,1))-1)+IF('Standard Profiles'!$G$18=$B$10,7,0)+IF('Standard Profiles'!$G$18=$B$17,14,0)+IF('Standard Profiles'!$G$18=$B$24,21,0),0)),0)</f>
        <v>5.2082576608789308</v>
      </c>
      <c r="E4209" cm="1">
        <f t="array" ref="E4209">IFERROR(INDEX(Jesper!AI$2:AI$366,ROUNDDOWN($C4209/24,0)+1,1)*INDEX($D$3:$AA$30,INDEX(Jesper!$R$2:$R$366,ROW(INDEX(Jesper!AI$2:AI$366,ROUNDDOWN($C4209/24,0)+1,1))-1)+IF('Standard Profiles'!$G$19=$B$10,7,0)+IF('Standard Profiles'!$G$19=$B$17,14,0)+IF('Standard Profiles'!$G$19=$B$24,21,0),MOD($C4209,24)+1)/SUM(INDEX($D$3:$AA$30,INDEX(Jesper!$R$2:$R$366,ROW(INDEX(Jesper!AI$2:AI$366,ROUNDDOWN($C4209/24,0)+1,1))-1)+IF('Standard Profiles'!$G$19=$B$10,7,0)+IF('Standard Profiles'!$G$19=$B$17,14,0)+IF('Standard Profiles'!$G$19=$B$24,21,0),0)),0)</f>
        <v>0.85196297599682214</v>
      </c>
      <c r="F4209" cm="1">
        <f t="array" ref="F4209">IFERROR(INDEX(Jesper!AJ$2:AJ$366,ROUNDDOWN($C4209/24,0)+1,1)*INDEX($D$3:$AA$30,INDEX(Jesper!$R$2:$R$366,ROW(INDEX(Jesper!AJ$2:AJ$366,ROUNDDOWN($C4209/24,0)+1,1))-1)+IF('Standard Profiles'!$G$20=$B$10,7,0)+IF('Standard Profiles'!$G$20=$B$17,14,0)+IF('Standard Profiles'!$G$20=$B$24,21,0),MOD($C4209,24)+1)/SUM(INDEX($D$3:$AA$30,INDEX(Jesper!$R$2:$R$366,ROW(INDEX(Jesper!AJ$2:AJ$366,ROUNDDOWN($C4209/24,0)+1,1))-1)+IF('Standard Profiles'!$G$20=$B$10,7,0)+IF('Standard Profiles'!$G$20=$B$17,14,0)+IF('Standard Profiles'!$G$20=$B$24,21,0),0)),0)</f>
        <v>0</v>
      </c>
      <c r="G4209" cm="1">
        <f t="array" ref="G4209">IFERROR(INDEX(Jesper!AK$2:AK$366,ROUNDDOWN($C4209/24,0)+1,1)*INDEX($D$3:$AA$30,INDEX(Jesper!$R$2:$R$366,ROW(INDEX(Jesper!AK$2:AK$366,ROUNDDOWN($C4209/24,0)+1,1))-1)+IF('Standard Profiles'!$G$21=$B$10,7,0)+IF('Standard Profiles'!$G$21=$B$17,14,0)+IF('Standard Profiles'!$G$21=$B$24,21,0),MOD($C4209,24)+1)/SUM(INDEX($D$3:$AA$30,INDEX(Jesper!$R$2:$R$366,ROW(INDEX(Jesper!AK$2:AK$366,ROUNDDOWN($C4209/24,0)+1,1))-1)+IF('Standard Profiles'!$G$21=$B$10,7,0)+IF('Standard Profiles'!$G$21=$B$17,14,0)+IF('Standard Profiles'!$G$21=$B$24,21,0),0)),0)</f>
        <v>0</v>
      </c>
      <c r="H4209" cm="1">
        <f t="array" ref="H4209">IFERROR(INDEX(Jesper!AL$2:AL$366,ROUNDDOWN($C4209/24,0)+1,1)*INDEX($D$3:$AA$30,INDEX(Jesper!$R$2:$R$366,ROW(INDEX(Jesper!AL$2:AL$366,ROUNDDOWN($C4209/24,0)+1,1))-1)+IF('Standard Profiles'!$G$22=$B$10,7,0)+IF('Standard Profiles'!$G$22=$B$17,14,0)+IF('Standard Profiles'!$G$22=$B$24,21,0),MOD($C4209,24)+1)/SUM(INDEX($D$3:$AA$30,INDEX(Jesper!$R$2:$R$366,ROW(INDEX(Jesper!AL$2:AL$366,ROUNDDOWN($C4209/24,0)+1,1))-1)+IF('Standard Profiles'!$G$22=$B$10,7,0)+IF('Standard Profiles'!$G$22=$B$17,14,0)+IF('Standard Profiles'!$G$22=$B$24,21,0),0)),0)</f>
        <v>0</v>
      </c>
      <c r="I4209">
        <f t="shared" si="475"/>
        <v>7.6753421260974994E-2</v>
      </c>
      <c r="J4209">
        <f t="shared" si="476"/>
        <v>0.25584473753658332</v>
      </c>
      <c r="K4209">
        <f t="shared" si="477"/>
        <v>0.38376710630487498</v>
      </c>
      <c r="L4209">
        <f t="shared" si="478"/>
        <v>5.3438553717733202</v>
      </c>
      <c r="M4209">
        <f t="shared" si="479"/>
        <v>0</v>
      </c>
      <c r="N4209" s="46">
        <f t="shared" si="480"/>
        <v>45465.958333323208</v>
      </c>
    </row>
    <row r="4210" spans="2:14" x14ac:dyDescent="0.3">
      <c r="B4210">
        <f t="shared" si="474"/>
        <v>7</v>
      </c>
      <c r="C4210" s="16">
        <v>4176</v>
      </c>
      <c r="D4210" cm="1">
        <f t="array" ref="D4210">IFERROR(INDEX(Jesper!AH$2:AH$366,ROUNDDOWN($C4210/24,0)+1,1)*INDEX($D$3:$AA$30,INDEX(Jesper!$R$2:$R$366,ROW(INDEX(Jesper!AH$2:AH$366,ROUNDDOWN($C4210/24,0)+1,1))-1)+IF('Standard Profiles'!$G$18=$B$10,7,0)+IF('Standard Profiles'!$G$18=$B$17,14,0)+IF('Standard Profiles'!$G$18=$B$24,21,0),MOD($C4210,24)+1)/SUM(INDEX($D$3:$AA$30,INDEX(Jesper!$R$2:$R$366,ROW(INDEX(Jesper!AH$2:AH$366,ROUNDDOWN($C4210/24,0)+1,1))-1)+IF('Standard Profiles'!$G$18=$B$10,7,0)+IF('Standard Profiles'!$G$18=$B$17,14,0)+IF('Standard Profiles'!$G$18=$B$24,21,0),0)),0)</f>
        <v>5.5756680180968345</v>
      </c>
      <c r="E4210" cm="1">
        <f t="array" ref="E4210">IFERROR(INDEX(Jesper!AI$2:AI$366,ROUNDDOWN($C4210/24,0)+1,1)*INDEX($D$3:$AA$30,INDEX(Jesper!$R$2:$R$366,ROW(INDEX(Jesper!AI$2:AI$366,ROUNDDOWN($C4210/24,0)+1,1))-1)+IF('Standard Profiles'!$G$19=$B$10,7,0)+IF('Standard Profiles'!$G$19=$B$17,14,0)+IF('Standard Profiles'!$G$19=$B$24,21,0),MOD($C4210,24)+1)/SUM(INDEX($D$3:$AA$30,INDEX(Jesper!$R$2:$R$366,ROW(INDEX(Jesper!AI$2:AI$366,ROUNDDOWN($C4210/24,0)+1,1))-1)+IF('Standard Profiles'!$G$19=$B$10,7,0)+IF('Standard Profiles'!$G$19=$B$17,14,0)+IF('Standard Profiles'!$G$19=$B$24,21,0),0)),0)</f>
        <v>0.78479688370057532</v>
      </c>
      <c r="F4210" cm="1">
        <f t="array" ref="F4210">IFERROR(INDEX(Jesper!AJ$2:AJ$366,ROUNDDOWN($C4210/24,0)+1,1)*INDEX($D$3:$AA$30,INDEX(Jesper!$R$2:$R$366,ROW(INDEX(Jesper!AJ$2:AJ$366,ROUNDDOWN($C4210/24,0)+1,1))-1)+IF('Standard Profiles'!$G$20=$B$10,7,0)+IF('Standard Profiles'!$G$20=$B$17,14,0)+IF('Standard Profiles'!$G$20=$B$24,21,0),MOD($C4210,24)+1)/SUM(INDEX($D$3:$AA$30,INDEX(Jesper!$R$2:$R$366,ROW(INDEX(Jesper!AJ$2:AJ$366,ROUNDDOWN($C4210/24,0)+1,1))-1)+IF('Standard Profiles'!$G$20=$B$10,7,0)+IF('Standard Profiles'!$G$20=$B$17,14,0)+IF('Standard Profiles'!$G$20=$B$24,21,0),0)),0)</f>
        <v>0</v>
      </c>
      <c r="G4210" cm="1">
        <f t="array" ref="G4210">IFERROR(INDEX(Jesper!AK$2:AK$366,ROUNDDOWN($C4210/24,0)+1,1)*INDEX($D$3:$AA$30,INDEX(Jesper!$R$2:$R$366,ROW(INDEX(Jesper!AK$2:AK$366,ROUNDDOWN($C4210/24,0)+1,1))-1)+IF('Standard Profiles'!$G$21=$B$10,7,0)+IF('Standard Profiles'!$G$21=$B$17,14,0)+IF('Standard Profiles'!$G$21=$B$24,21,0),MOD($C4210,24)+1)/SUM(INDEX($D$3:$AA$30,INDEX(Jesper!$R$2:$R$366,ROW(INDEX(Jesper!AK$2:AK$366,ROUNDDOWN($C4210/24,0)+1,1))-1)+IF('Standard Profiles'!$G$21=$B$10,7,0)+IF('Standard Profiles'!$G$21=$B$17,14,0)+IF('Standard Profiles'!$G$21=$B$24,21,0),0)),0)</f>
        <v>0</v>
      </c>
      <c r="H4210" cm="1">
        <f t="array" ref="H4210">IFERROR(INDEX(Jesper!AL$2:AL$366,ROUNDDOWN($C4210/24,0)+1,1)*INDEX($D$3:$AA$30,INDEX(Jesper!$R$2:$R$366,ROW(INDEX(Jesper!AL$2:AL$366,ROUNDDOWN($C4210/24,0)+1,1))-1)+IF('Standard Profiles'!$G$22=$B$10,7,0)+IF('Standard Profiles'!$G$22=$B$17,14,0)+IF('Standard Profiles'!$G$22=$B$24,21,0),MOD($C4210,24)+1)/SUM(INDEX($D$3:$AA$30,INDEX(Jesper!$R$2:$R$366,ROW(INDEX(Jesper!AL$2:AL$366,ROUNDDOWN($C4210/24,0)+1,1))-1)+IF('Standard Profiles'!$G$22=$B$10,7,0)+IF('Standard Profiles'!$G$22=$B$17,14,0)+IF('Standard Profiles'!$G$22=$B$24,21,0),0)),0)</f>
        <v>0</v>
      </c>
      <c r="I4210">
        <f t="shared" si="475"/>
        <v>7.0702421955006797E-2</v>
      </c>
      <c r="J4210">
        <f t="shared" si="476"/>
        <v>0.23567473985002271</v>
      </c>
      <c r="K4210">
        <f t="shared" si="477"/>
        <v>0.35351210977503406</v>
      </c>
      <c r="L4210">
        <f t="shared" si="478"/>
        <v>5.7005756302173465</v>
      </c>
      <c r="M4210">
        <f t="shared" si="479"/>
        <v>0</v>
      </c>
      <c r="N4210" s="46">
        <f t="shared" si="480"/>
        <v>45465.999999989872</v>
      </c>
    </row>
    <row r="4211" spans="2:14" x14ac:dyDescent="0.3">
      <c r="B4211">
        <f t="shared" si="474"/>
        <v>7</v>
      </c>
      <c r="C4211" s="16">
        <v>4177</v>
      </c>
      <c r="D4211" cm="1">
        <f t="array" ref="D4211">IFERROR(INDEX(Jesper!AH$2:AH$366,ROUNDDOWN($C4211/24,0)+1,1)*INDEX($D$3:$AA$30,INDEX(Jesper!$R$2:$R$366,ROW(INDEX(Jesper!AH$2:AH$366,ROUNDDOWN($C4211/24,0)+1,1))-1)+IF('Standard Profiles'!$G$18=$B$10,7,0)+IF('Standard Profiles'!$G$18=$B$17,14,0)+IF('Standard Profiles'!$G$18=$B$24,21,0),MOD($C4211,24)+1)/SUM(INDEX($D$3:$AA$30,INDEX(Jesper!$R$2:$R$366,ROW(INDEX(Jesper!AH$2:AH$366,ROUNDDOWN($C4211/24,0)+1,1))-1)+IF('Standard Profiles'!$G$18=$B$10,7,0)+IF('Standard Profiles'!$G$18=$B$17,14,0)+IF('Standard Profiles'!$G$18=$B$24,21,0),0)),0)</f>
        <v>6.4749693113382598</v>
      </c>
      <c r="E4211" cm="1">
        <f t="array" ref="E4211">IFERROR(INDEX(Jesper!AI$2:AI$366,ROUNDDOWN($C4211/24,0)+1,1)*INDEX($D$3:$AA$30,INDEX(Jesper!$R$2:$R$366,ROW(INDEX(Jesper!AI$2:AI$366,ROUNDDOWN($C4211/24,0)+1,1))-1)+IF('Standard Profiles'!$G$19=$B$10,7,0)+IF('Standard Profiles'!$G$19=$B$17,14,0)+IF('Standard Profiles'!$G$19=$B$24,21,0),MOD($C4211,24)+1)/SUM(INDEX($D$3:$AA$30,INDEX(Jesper!$R$2:$R$366,ROW(INDEX(Jesper!AI$2:AI$366,ROUNDDOWN($C4211/24,0)+1,1))-1)+IF('Standard Profiles'!$G$19=$B$10,7,0)+IF('Standard Profiles'!$G$19=$B$17,14,0)+IF('Standard Profiles'!$G$19=$B$24,21,0),0)),0)</f>
        <v>0.91137702623292605</v>
      </c>
      <c r="F4211" cm="1">
        <f t="array" ref="F4211">IFERROR(INDEX(Jesper!AJ$2:AJ$366,ROUNDDOWN($C4211/24,0)+1,1)*INDEX($D$3:$AA$30,INDEX(Jesper!$R$2:$R$366,ROW(INDEX(Jesper!AJ$2:AJ$366,ROUNDDOWN($C4211/24,0)+1,1))-1)+IF('Standard Profiles'!$G$20=$B$10,7,0)+IF('Standard Profiles'!$G$20=$B$17,14,0)+IF('Standard Profiles'!$G$20=$B$24,21,0),MOD($C4211,24)+1)/SUM(INDEX($D$3:$AA$30,INDEX(Jesper!$R$2:$R$366,ROW(INDEX(Jesper!AJ$2:AJ$366,ROUNDDOWN($C4211/24,0)+1,1))-1)+IF('Standard Profiles'!$G$20=$B$10,7,0)+IF('Standard Profiles'!$G$20=$B$17,14,0)+IF('Standard Profiles'!$G$20=$B$24,21,0),0)),0)</f>
        <v>0</v>
      </c>
      <c r="G4211" cm="1">
        <f t="array" ref="G4211">IFERROR(INDEX(Jesper!AK$2:AK$366,ROUNDDOWN($C4211/24,0)+1,1)*INDEX($D$3:$AA$30,INDEX(Jesper!$R$2:$R$366,ROW(INDEX(Jesper!AK$2:AK$366,ROUNDDOWN($C4211/24,0)+1,1))-1)+IF('Standard Profiles'!$G$21=$B$10,7,0)+IF('Standard Profiles'!$G$21=$B$17,14,0)+IF('Standard Profiles'!$G$21=$B$24,21,0),MOD($C4211,24)+1)/SUM(INDEX($D$3:$AA$30,INDEX(Jesper!$R$2:$R$366,ROW(INDEX(Jesper!AK$2:AK$366,ROUNDDOWN($C4211/24,0)+1,1))-1)+IF('Standard Profiles'!$G$21=$B$10,7,0)+IF('Standard Profiles'!$G$21=$B$17,14,0)+IF('Standard Profiles'!$G$21=$B$24,21,0),0)),0)</f>
        <v>0</v>
      </c>
      <c r="H4211" cm="1">
        <f t="array" ref="H4211">IFERROR(INDEX(Jesper!AL$2:AL$366,ROUNDDOWN($C4211/24,0)+1,1)*INDEX($D$3:$AA$30,INDEX(Jesper!$R$2:$R$366,ROW(INDEX(Jesper!AL$2:AL$366,ROUNDDOWN($C4211/24,0)+1,1))-1)+IF('Standard Profiles'!$G$22=$B$10,7,0)+IF('Standard Profiles'!$G$22=$B$17,14,0)+IF('Standard Profiles'!$G$22=$B$24,21,0),MOD($C4211,24)+1)/SUM(INDEX($D$3:$AA$30,INDEX(Jesper!$R$2:$R$366,ROW(INDEX(Jesper!AL$2:AL$366,ROUNDDOWN($C4211/24,0)+1,1))-1)+IF('Standard Profiles'!$G$22=$B$10,7,0)+IF('Standard Profiles'!$G$22=$B$17,14,0)+IF('Standard Profiles'!$G$22=$B$24,21,0),0)),0)</f>
        <v>0</v>
      </c>
      <c r="I4211">
        <f t="shared" si="475"/>
        <v>8.210603839936273E-2</v>
      </c>
      <c r="J4211">
        <f t="shared" si="476"/>
        <v>0.27368679466454249</v>
      </c>
      <c r="K4211">
        <f t="shared" si="477"/>
        <v>0.41053019199681368</v>
      </c>
      <c r="L4211">
        <f t="shared" si="478"/>
        <v>6.6200233125104671</v>
      </c>
      <c r="M4211">
        <f t="shared" si="479"/>
        <v>0</v>
      </c>
      <c r="N4211" s="46">
        <f t="shared" si="480"/>
        <v>45466.041666656536</v>
      </c>
    </row>
    <row r="4212" spans="2:14" x14ac:dyDescent="0.3">
      <c r="B4212">
        <f t="shared" si="474"/>
        <v>7</v>
      </c>
      <c r="C4212" s="16">
        <v>4178</v>
      </c>
      <c r="D4212" cm="1">
        <f t="array" ref="D4212">IFERROR(INDEX(Jesper!AH$2:AH$366,ROUNDDOWN($C4212/24,0)+1,1)*INDEX($D$3:$AA$30,INDEX(Jesper!$R$2:$R$366,ROW(INDEX(Jesper!AH$2:AH$366,ROUNDDOWN($C4212/24,0)+1,1))-1)+IF('Standard Profiles'!$G$18=$B$10,7,0)+IF('Standard Profiles'!$G$18=$B$17,14,0)+IF('Standard Profiles'!$G$18=$B$24,21,0),MOD($C4212,24)+1)/SUM(INDEX($D$3:$AA$30,INDEX(Jesper!$R$2:$R$366,ROW(INDEX(Jesper!AH$2:AH$366,ROUNDDOWN($C4212/24,0)+1,1))-1)+IF('Standard Profiles'!$G$18=$B$10,7,0)+IF('Standard Profiles'!$G$18=$B$17,14,0)+IF('Standard Profiles'!$G$18=$B$24,21,0),0)),0)</f>
        <v>6.4749693113382598</v>
      </c>
      <c r="E4212" cm="1">
        <f t="array" ref="E4212">IFERROR(INDEX(Jesper!AI$2:AI$366,ROUNDDOWN($C4212/24,0)+1,1)*INDEX($D$3:$AA$30,INDEX(Jesper!$R$2:$R$366,ROW(INDEX(Jesper!AI$2:AI$366,ROUNDDOWN($C4212/24,0)+1,1))-1)+IF('Standard Profiles'!$G$19=$B$10,7,0)+IF('Standard Profiles'!$G$19=$B$17,14,0)+IF('Standard Profiles'!$G$19=$B$24,21,0),MOD($C4212,24)+1)/SUM(INDEX($D$3:$AA$30,INDEX(Jesper!$R$2:$R$366,ROW(INDEX(Jesper!AI$2:AI$366,ROUNDDOWN($C4212/24,0)+1,1))-1)+IF('Standard Profiles'!$G$19=$B$10,7,0)+IF('Standard Profiles'!$G$19=$B$17,14,0)+IF('Standard Profiles'!$G$19=$B$24,21,0),0)),0)</f>
        <v>0.91137702623292605</v>
      </c>
      <c r="F4212" cm="1">
        <f t="array" ref="F4212">IFERROR(INDEX(Jesper!AJ$2:AJ$366,ROUNDDOWN($C4212/24,0)+1,1)*INDEX($D$3:$AA$30,INDEX(Jesper!$R$2:$R$366,ROW(INDEX(Jesper!AJ$2:AJ$366,ROUNDDOWN($C4212/24,0)+1,1))-1)+IF('Standard Profiles'!$G$20=$B$10,7,0)+IF('Standard Profiles'!$G$20=$B$17,14,0)+IF('Standard Profiles'!$G$20=$B$24,21,0),MOD($C4212,24)+1)/SUM(INDEX($D$3:$AA$30,INDEX(Jesper!$R$2:$R$366,ROW(INDEX(Jesper!AJ$2:AJ$366,ROUNDDOWN($C4212/24,0)+1,1))-1)+IF('Standard Profiles'!$G$20=$B$10,7,0)+IF('Standard Profiles'!$G$20=$B$17,14,0)+IF('Standard Profiles'!$G$20=$B$24,21,0),0)),0)</f>
        <v>0</v>
      </c>
      <c r="G4212" cm="1">
        <f t="array" ref="G4212">IFERROR(INDEX(Jesper!AK$2:AK$366,ROUNDDOWN($C4212/24,0)+1,1)*INDEX($D$3:$AA$30,INDEX(Jesper!$R$2:$R$366,ROW(INDEX(Jesper!AK$2:AK$366,ROUNDDOWN($C4212/24,0)+1,1))-1)+IF('Standard Profiles'!$G$21=$B$10,7,0)+IF('Standard Profiles'!$G$21=$B$17,14,0)+IF('Standard Profiles'!$G$21=$B$24,21,0),MOD($C4212,24)+1)/SUM(INDEX($D$3:$AA$30,INDEX(Jesper!$R$2:$R$366,ROW(INDEX(Jesper!AK$2:AK$366,ROUNDDOWN($C4212/24,0)+1,1))-1)+IF('Standard Profiles'!$G$21=$B$10,7,0)+IF('Standard Profiles'!$G$21=$B$17,14,0)+IF('Standard Profiles'!$G$21=$B$24,21,0),0)),0)</f>
        <v>0</v>
      </c>
      <c r="H4212" cm="1">
        <f t="array" ref="H4212">IFERROR(INDEX(Jesper!AL$2:AL$366,ROUNDDOWN($C4212/24,0)+1,1)*INDEX($D$3:$AA$30,INDEX(Jesper!$R$2:$R$366,ROW(INDEX(Jesper!AL$2:AL$366,ROUNDDOWN($C4212/24,0)+1,1))-1)+IF('Standard Profiles'!$G$22=$B$10,7,0)+IF('Standard Profiles'!$G$22=$B$17,14,0)+IF('Standard Profiles'!$G$22=$B$24,21,0),MOD($C4212,24)+1)/SUM(INDEX($D$3:$AA$30,INDEX(Jesper!$R$2:$R$366,ROW(INDEX(Jesper!AL$2:AL$366,ROUNDDOWN($C4212/24,0)+1,1))-1)+IF('Standard Profiles'!$G$22=$B$10,7,0)+IF('Standard Profiles'!$G$22=$B$17,14,0)+IF('Standard Profiles'!$G$22=$B$24,21,0),0)),0)</f>
        <v>0</v>
      </c>
      <c r="I4212">
        <f t="shared" si="475"/>
        <v>8.210603839936273E-2</v>
      </c>
      <c r="J4212">
        <f t="shared" si="476"/>
        <v>0.27368679466454249</v>
      </c>
      <c r="K4212">
        <f t="shared" si="477"/>
        <v>0.41053019199681368</v>
      </c>
      <c r="L4212">
        <f t="shared" si="478"/>
        <v>6.6200233125104671</v>
      </c>
      <c r="M4212">
        <f t="shared" si="479"/>
        <v>0</v>
      </c>
      <c r="N4212" s="46">
        <f t="shared" si="480"/>
        <v>45466.0833333232</v>
      </c>
    </row>
    <row r="4213" spans="2:14" x14ac:dyDescent="0.3">
      <c r="B4213">
        <f t="shared" si="474"/>
        <v>7</v>
      </c>
      <c r="C4213" s="16">
        <v>4179</v>
      </c>
      <c r="D4213" cm="1">
        <f t="array" ref="D4213">IFERROR(INDEX(Jesper!AH$2:AH$366,ROUNDDOWN($C4213/24,0)+1,1)*INDEX($D$3:$AA$30,INDEX(Jesper!$R$2:$R$366,ROW(INDEX(Jesper!AH$2:AH$366,ROUNDDOWN($C4213/24,0)+1,1))-1)+IF('Standard Profiles'!$G$18=$B$10,7,0)+IF('Standard Profiles'!$G$18=$B$17,14,0)+IF('Standard Profiles'!$G$18=$B$24,21,0),MOD($C4213,24)+1)/SUM(INDEX($D$3:$AA$30,INDEX(Jesper!$R$2:$R$366,ROW(INDEX(Jesper!AH$2:AH$366,ROUNDDOWN($C4213/24,0)+1,1))-1)+IF('Standard Profiles'!$G$18=$B$10,7,0)+IF('Standard Profiles'!$G$18=$B$17,14,0)+IF('Standard Profiles'!$G$18=$B$24,21,0),0)),0)</f>
        <v>6.4749693113382598</v>
      </c>
      <c r="E4213" cm="1">
        <f t="array" ref="E4213">IFERROR(INDEX(Jesper!AI$2:AI$366,ROUNDDOWN($C4213/24,0)+1,1)*INDEX($D$3:$AA$30,INDEX(Jesper!$R$2:$R$366,ROW(INDEX(Jesper!AI$2:AI$366,ROUNDDOWN($C4213/24,0)+1,1))-1)+IF('Standard Profiles'!$G$19=$B$10,7,0)+IF('Standard Profiles'!$G$19=$B$17,14,0)+IF('Standard Profiles'!$G$19=$B$24,21,0),MOD($C4213,24)+1)/SUM(INDEX($D$3:$AA$30,INDEX(Jesper!$R$2:$R$366,ROW(INDEX(Jesper!AI$2:AI$366,ROUNDDOWN($C4213/24,0)+1,1))-1)+IF('Standard Profiles'!$G$19=$B$10,7,0)+IF('Standard Profiles'!$G$19=$B$17,14,0)+IF('Standard Profiles'!$G$19=$B$24,21,0),0)),0)</f>
        <v>0.91137702623292605</v>
      </c>
      <c r="F4213" cm="1">
        <f t="array" ref="F4213">IFERROR(INDEX(Jesper!AJ$2:AJ$366,ROUNDDOWN($C4213/24,0)+1,1)*INDEX($D$3:$AA$30,INDEX(Jesper!$R$2:$R$366,ROW(INDEX(Jesper!AJ$2:AJ$366,ROUNDDOWN($C4213/24,0)+1,1))-1)+IF('Standard Profiles'!$G$20=$B$10,7,0)+IF('Standard Profiles'!$G$20=$B$17,14,0)+IF('Standard Profiles'!$G$20=$B$24,21,0),MOD($C4213,24)+1)/SUM(INDEX($D$3:$AA$30,INDEX(Jesper!$R$2:$R$366,ROW(INDEX(Jesper!AJ$2:AJ$366,ROUNDDOWN($C4213/24,0)+1,1))-1)+IF('Standard Profiles'!$G$20=$B$10,7,0)+IF('Standard Profiles'!$G$20=$B$17,14,0)+IF('Standard Profiles'!$G$20=$B$24,21,0),0)),0)</f>
        <v>0</v>
      </c>
      <c r="G4213" cm="1">
        <f t="array" ref="G4213">IFERROR(INDEX(Jesper!AK$2:AK$366,ROUNDDOWN($C4213/24,0)+1,1)*INDEX($D$3:$AA$30,INDEX(Jesper!$R$2:$R$366,ROW(INDEX(Jesper!AK$2:AK$366,ROUNDDOWN($C4213/24,0)+1,1))-1)+IF('Standard Profiles'!$G$21=$B$10,7,0)+IF('Standard Profiles'!$G$21=$B$17,14,0)+IF('Standard Profiles'!$G$21=$B$24,21,0),MOD($C4213,24)+1)/SUM(INDEX($D$3:$AA$30,INDEX(Jesper!$R$2:$R$366,ROW(INDEX(Jesper!AK$2:AK$366,ROUNDDOWN($C4213/24,0)+1,1))-1)+IF('Standard Profiles'!$G$21=$B$10,7,0)+IF('Standard Profiles'!$G$21=$B$17,14,0)+IF('Standard Profiles'!$G$21=$B$24,21,0),0)),0)</f>
        <v>0</v>
      </c>
      <c r="H4213" cm="1">
        <f t="array" ref="H4213">IFERROR(INDEX(Jesper!AL$2:AL$366,ROUNDDOWN($C4213/24,0)+1,1)*INDEX($D$3:$AA$30,INDEX(Jesper!$R$2:$R$366,ROW(INDEX(Jesper!AL$2:AL$366,ROUNDDOWN($C4213/24,0)+1,1))-1)+IF('Standard Profiles'!$G$22=$B$10,7,0)+IF('Standard Profiles'!$G$22=$B$17,14,0)+IF('Standard Profiles'!$G$22=$B$24,21,0),MOD($C4213,24)+1)/SUM(INDEX($D$3:$AA$30,INDEX(Jesper!$R$2:$R$366,ROW(INDEX(Jesper!AL$2:AL$366,ROUNDDOWN($C4213/24,0)+1,1))-1)+IF('Standard Profiles'!$G$22=$B$10,7,0)+IF('Standard Profiles'!$G$22=$B$17,14,0)+IF('Standard Profiles'!$G$22=$B$24,21,0),0)),0)</f>
        <v>0</v>
      </c>
      <c r="I4213">
        <f t="shared" si="475"/>
        <v>8.210603839936273E-2</v>
      </c>
      <c r="J4213">
        <f t="shared" si="476"/>
        <v>0.27368679466454249</v>
      </c>
      <c r="K4213">
        <f t="shared" si="477"/>
        <v>0.41053019199681368</v>
      </c>
      <c r="L4213">
        <f t="shared" si="478"/>
        <v>6.6200233125104671</v>
      </c>
      <c r="M4213">
        <f t="shared" si="479"/>
        <v>0</v>
      </c>
      <c r="N4213" s="46">
        <f t="shared" si="480"/>
        <v>45466.124999989865</v>
      </c>
    </row>
    <row r="4214" spans="2:14" x14ac:dyDescent="0.3">
      <c r="B4214">
        <f t="shared" si="474"/>
        <v>7</v>
      </c>
      <c r="C4214" s="16">
        <v>4180</v>
      </c>
      <c r="D4214" cm="1">
        <f t="array" ref="D4214">IFERROR(INDEX(Jesper!AH$2:AH$366,ROUNDDOWN($C4214/24,0)+1,1)*INDEX($D$3:$AA$30,INDEX(Jesper!$R$2:$R$366,ROW(INDEX(Jesper!AH$2:AH$366,ROUNDDOWN($C4214/24,0)+1,1))-1)+IF('Standard Profiles'!$G$18=$B$10,7,0)+IF('Standard Profiles'!$G$18=$B$17,14,0)+IF('Standard Profiles'!$G$18=$B$24,21,0),MOD($C4214,24)+1)/SUM(INDEX($D$3:$AA$30,INDEX(Jesper!$R$2:$R$366,ROW(INDEX(Jesper!AH$2:AH$366,ROUNDDOWN($C4214/24,0)+1,1))-1)+IF('Standard Profiles'!$G$18=$B$10,7,0)+IF('Standard Profiles'!$G$18=$B$17,14,0)+IF('Standard Profiles'!$G$18=$B$24,21,0),0)),0)</f>
        <v>6.4749693113382598</v>
      </c>
      <c r="E4214" cm="1">
        <f t="array" ref="E4214">IFERROR(INDEX(Jesper!AI$2:AI$366,ROUNDDOWN($C4214/24,0)+1,1)*INDEX($D$3:$AA$30,INDEX(Jesper!$R$2:$R$366,ROW(INDEX(Jesper!AI$2:AI$366,ROUNDDOWN($C4214/24,0)+1,1))-1)+IF('Standard Profiles'!$G$19=$B$10,7,0)+IF('Standard Profiles'!$G$19=$B$17,14,0)+IF('Standard Profiles'!$G$19=$B$24,21,0),MOD($C4214,24)+1)/SUM(INDEX($D$3:$AA$30,INDEX(Jesper!$R$2:$R$366,ROW(INDEX(Jesper!AI$2:AI$366,ROUNDDOWN($C4214/24,0)+1,1))-1)+IF('Standard Profiles'!$G$19=$B$10,7,0)+IF('Standard Profiles'!$G$19=$B$17,14,0)+IF('Standard Profiles'!$G$19=$B$24,21,0),0)),0)</f>
        <v>0.91137702623292605</v>
      </c>
      <c r="F4214" cm="1">
        <f t="array" ref="F4214">IFERROR(INDEX(Jesper!AJ$2:AJ$366,ROUNDDOWN($C4214/24,0)+1,1)*INDEX($D$3:$AA$30,INDEX(Jesper!$R$2:$R$366,ROW(INDEX(Jesper!AJ$2:AJ$366,ROUNDDOWN($C4214/24,0)+1,1))-1)+IF('Standard Profiles'!$G$20=$B$10,7,0)+IF('Standard Profiles'!$G$20=$B$17,14,0)+IF('Standard Profiles'!$G$20=$B$24,21,0),MOD($C4214,24)+1)/SUM(INDEX($D$3:$AA$30,INDEX(Jesper!$R$2:$R$366,ROW(INDEX(Jesper!AJ$2:AJ$366,ROUNDDOWN($C4214/24,0)+1,1))-1)+IF('Standard Profiles'!$G$20=$B$10,7,0)+IF('Standard Profiles'!$G$20=$B$17,14,0)+IF('Standard Profiles'!$G$20=$B$24,21,0),0)),0)</f>
        <v>0</v>
      </c>
      <c r="G4214" cm="1">
        <f t="array" ref="G4214">IFERROR(INDEX(Jesper!AK$2:AK$366,ROUNDDOWN($C4214/24,0)+1,1)*INDEX($D$3:$AA$30,INDEX(Jesper!$R$2:$R$366,ROW(INDEX(Jesper!AK$2:AK$366,ROUNDDOWN($C4214/24,0)+1,1))-1)+IF('Standard Profiles'!$G$21=$B$10,7,0)+IF('Standard Profiles'!$G$21=$B$17,14,0)+IF('Standard Profiles'!$G$21=$B$24,21,0),MOD($C4214,24)+1)/SUM(INDEX($D$3:$AA$30,INDEX(Jesper!$R$2:$R$366,ROW(INDEX(Jesper!AK$2:AK$366,ROUNDDOWN($C4214/24,0)+1,1))-1)+IF('Standard Profiles'!$G$21=$B$10,7,0)+IF('Standard Profiles'!$G$21=$B$17,14,0)+IF('Standard Profiles'!$G$21=$B$24,21,0),0)),0)</f>
        <v>0</v>
      </c>
      <c r="H4214" cm="1">
        <f t="array" ref="H4214">IFERROR(INDEX(Jesper!AL$2:AL$366,ROUNDDOWN($C4214/24,0)+1,1)*INDEX($D$3:$AA$30,INDEX(Jesper!$R$2:$R$366,ROW(INDEX(Jesper!AL$2:AL$366,ROUNDDOWN($C4214/24,0)+1,1))-1)+IF('Standard Profiles'!$G$22=$B$10,7,0)+IF('Standard Profiles'!$G$22=$B$17,14,0)+IF('Standard Profiles'!$G$22=$B$24,21,0),MOD($C4214,24)+1)/SUM(INDEX($D$3:$AA$30,INDEX(Jesper!$R$2:$R$366,ROW(INDEX(Jesper!AL$2:AL$366,ROUNDDOWN($C4214/24,0)+1,1))-1)+IF('Standard Profiles'!$G$22=$B$10,7,0)+IF('Standard Profiles'!$G$22=$B$17,14,0)+IF('Standard Profiles'!$G$22=$B$24,21,0),0)),0)</f>
        <v>0</v>
      </c>
      <c r="I4214">
        <f t="shared" si="475"/>
        <v>8.210603839936273E-2</v>
      </c>
      <c r="J4214">
        <f t="shared" si="476"/>
        <v>0.27368679466454249</v>
      </c>
      <c r="K4214">
        <f t="shared" si="477"/>
        <v>0.41053019199681368</v>
      </c>
      <c r="L4214">
        <f t="shared" si="478"/>
        <v>6.6200233125104671</v>
      </c>
      <c r="M4214">
        <f t="shared" si="479"/>
        <v>0</v>
      </c>
      <c r="N4214" s="46">
        <f t="shared" si="480"/>
        <v>45466.166666656529</v>
      </c>
    </row>
    <row r="4215" spans="2:14" x14ac:dyDescent="0.3">
      <c r="B4215">
        <f t="shared" si="474"/>
        <v>7</v>
      </c>
      <c r="C4215" s="16">
        <v>4181</v>
      </c>
      <c r="D4215" cm="1">
        <f t="array" ref="D4215">IFERROR(INDEX(Jesper!AH$2:AH$366,ROUNDDOWN($C4215/24,0)+1,1)*INDEX($D$3:$AA$30,INDEX(Jesper!$R$2:$R$366,ROW(INDEX(Jesper!AH$2:AH$366,ROUNDDOWN($C4215/24,0)+1,1))-1)+IF('Standard Profiles'!$G$18=$B$10,7,0)+IF('Standard Profiles'!$G$18=$B$17,14,0)+IF('Standard Profiles'!$G$18=$B$24,21,0),MOD($C4215,24)+1)/SUM(INDEX($D$3:$AA$30,INDEX(Jesper!$R$2:$R$366,ROW(INDEX(Jesper!AH$2:AH$366,ROUNDDOWN($C4215/24,0)+1,1))-1)+IF('Standard Profiles'!$G$18=$B$10,7,0)+IF('Standard Profiles'!$G$18=$B$17,14,0)+IF('Standard Profiles'!$G$18=$B$24,21,0),0)),0)</f>
        <v>8.0937116391728239</v>
      </c>
      <c r="E4215" cm="1">
        <f t="array" ref="E4215">IFERROR(INDEX(Jesper!AI$2:AI$366,ROUNDDOWN($C4215/24,0)+1,1)*INDEX($D$3:$AA$30,INDEX(Jesper!$R$2:$R$366,ROW(INDEX(Jesper!AI$2:AI$366,ROUNDDOWN($C4215/24,0)+1,1))-1)+IF('Standard Profiles'!$G$19=$B$10,7,0)+IF('Standard Profiles'!$G$19=$B$17,14,0)+IF('Standard Profiles'!$G$19=$B$24,21,0),MOD($C4215,24)+1)/SUM(INDEX($D$3:$AA$30,INDEX(Jesper!$R$2:$R$366,ROW(INDEX(Jesper!AI$2:AI$366,ROUNDDOWN($C4215/24,0)+1,1))-1)+IF('Standard Profiles'!$G$19=$B$10,7,0)+IF('Standard Profiles'!$G$19=$B$17,14,0)+IF('Standard Profiles'!$G$19=$B$24,21,0),0)),0)</f>
        <v>1.1392212827911576</v>
      </c>
      <c r="F4215" cm="1">
        <f t="array" ref="F4215">IFERROR(INDEX(Jesper!AJ$2:AJ$366,ROUNDDOWN($C4215/24,0)+1,1)*INDEX($D$3:$AA$30,INDEX(Jesper!$R$2:$R$366,ROW(INDEX(Jesper!AJ$2:AJ$366,ROUNDDOWN($C4215/24,0)+1,1))-1)+IF('Standard Profiles'!$G$20=$B$10,7,0)+IF('Standard Profiles'!$G$20=$B$17,14,0)+IF('Standard Profiles'!$G$20=$B$24,21,0),MOD($C4215,24)+1)/SUM(INDEX($D$3:$AA$30,INDEX(Jesper!$R$2:$R$366,ROW(INDEX(Jesper!AJ$2:AJ$366,ROUNDDOWN($C4215/24,0)+1,1))-1)+IF('Standard Profiles'!$G$20=$B$10,7,0)+IF('Standard Profiles'!$G$20=$B$17,14,0)+IF('Standard Profiles'!$G$20=$B$24,21,0),0)),0)</f>
        <v>0</v>
      </c>
      <c r="G4215" cm="1">
        <f t="array" ref="G4215">IFERROR(INDEX(Jesper!AK$2:AK$366,ROUNDDOWN($C4215/24,0)+1,1)*INDEX($D$3:$AA$30,INDEX(Jesper!$R$2:$R$366,ROW(INDEX(Jesper!AK$2:AK$366,ROUNDDOWN($C4215/24,0)+1,1))-1)+IF('Standard Profiles'!$G$21=$B$10,7,0)+IF('Standard Profiles'!$G$21=$B$17,14,0)+IF('Standard Profiles'!$G$21=$B$24,21,0),MOD($C4215,24)+1)/SUM(INDEX($D$3:$AA$30,INDEX(Jesper!$R$2:$R$366,ROW(INDEX(Jesper!AK$2:AK$366,ROUNDDOWN($C4215/24,0)+1,1))-1)+IF('Standard Profiles'!$G$21=$B$10,7,0)+IF('Standard Profiles'!$G$21=$B$17,14,0)+IF('Standard Profiles'!$G$21=$B$24,21,0),0)),0)</f>
        <v>0</v>
      </c>
      <c r="H4215" cm="1">
        <f t="array" ref="H4215">IFERROR(INDEX(Jesper!AL$2:AL$366,ROUNDDOWN($C4215/24,0)+1,1)*INDEX($D$3:$AA$30,INDEX(Jesper!$R$2:$R$366,ROW(INDEX(Jesper!AL$2:AL$366,ROUNDDOWN($C4215/24,0)+1,1))-1)+IF('Standard Profiles'!$G$22=$B$10,7,0)+IF('Standard Profiles'!$G$22=$B$17,14,0)+IF('Standard Profiles'!$G$22=$B$24,21,0),MOD($C4215,24)+1)/SUM(INDEX($D$3:$AA$30,INDEX(Jesper!$R$2:$R$366,ROW(INDEX(Jesper!AL$2:AL$366,ROUNDDOWN($C4215/24,0)+1,1))-1)+IF('Standard Profiles'!$G$22=$B$10,7,0)+IF('Standard Profiles'!$G$22=$B$17,14,0)+IF('Standard Profiles'!$G$22=$B$24,21,0),0)),0)</f>
        <v>0</v>
      </c>
      <c r="I4215">
        <f t="shared" si="475"/>
        <v>0.10263254799920342</v>
      </c>
      <c r="J4215">
        <f t="shared" si="476"/>
        <v>0.34210849333067811</v>
      </c>
      <c r="K4215">
        <f t="shared" si="477"/>
        <v>0.51316273999601714</v>
      </c>
      <c r="L4215">
        <f t="shared" si="478"/>
        <v>8.2750291406380825</v>
      </c>
      <c r="M4215">
        <f t="shared" si="479"/>
        <v>0</v>
      </c>
      <c r="N4215" s="46">
        <f t="shared" si="480"/>
        <v>45466.208333323193</v>
      </c>
    </row>
    <row r="4216" spans="2:14" x14ac:dyDescent="0.3">
      <c r="B4216">
        <f t="shared" si="474"/>
        <v>7</v>
      </c>
      <c r="C4216" s="16">
        <v>4182</v>
      </c>
      <c r="D4216" cm="1">
        <f t="array" ref="D4216">IFERROR(INDEX(Jesper!AH$2:AH$366,ROUNDDOWN($C4216/24,0)+1,1)*INDEX($D$3:$AA$30,INDEX(Jesper!$R$2:$R$366,ROW(INDEX(Jesper!AH$2:AH$366,ROUNDDOWN($C4216/24,0)+1,1))-1)+IF('Standard Profiles'!$G$18=$B$10,7,0)+IF('Standard Profiles'!$G$18=$B$17,14,0)+IF('Standard Profiles'!$G$18=$B$24,21,0),MOD($C4216,24)+1)/SUM(INDEX($D$3:$AA$30,INDEX(Jesper!$R$2:$R$366,ROW(INDEX(Jesper!AH$2:AH$366,ROUNDDOWN($C4216/24,0)+1,1))-1)+IF('Standard Profiles'!$G$18=$B$10,7,0)+IF('Standard Profiles'!$G$18=$B$17,14,0)+IF('Standard Profiles'!$G$18=$B$24,21,0),0)),0)</f>
        <v>9.532593708359105</v>
      </c>
      <c r="E4216" cm="1">
        <f t="array" ref="E4216">IFERROR(INDEX(Jesper!AI$2:AI$366,ROUNDDOWN($C4216/24,0)+1,1)*INDEX($D$3:$AA$30,INDEX(Jesper!$R$2:$R$366,ROW(INDEX(Jesper!AI$2:AI$366,ROUNDDOWN($C4216/24,0)+1,1))-1)+IF('Standard Profiles'!$G$19=$B$10,7,0)+IF('Standard Profiles'!$G$19=$B$17,14,0)+IF('Standard Profiles'!$G$19=$B$24,21,0),MOD($C4216,24)+1)/SUM(INDEX($D$3:$AA$30,INDEX(Jesper!$R$2:$R$366,ROW(INDEX(Jesper!AI$2:AI$366,ROUNDDOWN($C4216/24,0)+1,1))-1)+IF('Standard Profiles'!$G$19=$B$10,7,0)+IF('Standard Profiles'!$G$19=$B$17,14,0)+IF('Standard Profiles'!$G$19=$B$24,21,0),0)),0)</f>
        <v>1.3417495108429192</v>
      </c>
      <c r="F4216" cm="1">
        <f t="array" ref="F4216">IFERROR(INDEX(Jesper!AJ$2:AJ$366,ROUNDDOWN($C4216/24,0)+1,1)*INDEX($D$3:$AA$30,INDEX(Jesper!$R$2:$R$366,ROW(INDEX(Jesper!AJ$2:AJ$366,ROUNDDOWN($C4216/24,0)+1,1))-1)+IF('Standard Profiles'!$G$20=$B$10,7,0)+IF('Standard Profiles'!$G$20=$B$17,14,0)+IF('Standard Profiles'!$G$20=$B$24,21,0),MOD($C4216,24)+1)/SUM(INDEX($D$3:$AA$30,INDEX(Jesper!$R$2:$R$366,ROW(INDEX(Jesper!AJ$2:AJ$366,ROUNDDOWN($C4216/24,0)+1,1))-1)+IF('Standard Profiles'!$G$20=$B$10,7,0)+IF('Standard Profiles'!$G$20=$B$17,14,0)+IF('Standard Profiles'!$G$20=$B$24,21,0),0)),0)</f>
        <v>0</v>
      </c>
      <c r="G4216" cm="1">
        <f t="array" ref="G4216">IFERROR(INDEX(Jesper!AK$2:AK$366,ROUNDDOWN($C4216/24,0)+1,1)*INDEX($D$3:$AA$30,INDEX(Jesper!$R$2:$R$366,ROW(INDEX(Jesper!AK$2:AK$366,ROUNDDOWN($C4216/24,0)+1,1))-1)+IF('Standard Profiles'!$G$21=$B$10,7,0)+IF('Standard Profiles'!$G$21=$B$17,14,0)+IF('Standard Profiles'!$G$21=$B$24,21,0),MOD($C4216,24)+1)/SUM(INDEX($D$3:$AA$30,INDEX(Jesper!$R$2:$R$366,ROW(INDEX(Jesper!AK$2:AK$366,ROUNDDOWN($C4216/24,0)+1,1))-1)+IF('Standard Profiles'!$G$21=$B$10,7,0)+IF('Standard Profiles'!$G$21=$B$17,14,0)+IF('Standard Profiles'!$G$21=$B$24,21,0),0)),0)</f>
        <v>0</v>
      </c>
      <c r="H4216" cm="1">
        <f t="array" ref="H4216">IFERROR(INDEX(Jesper!AL$2:AL$366,ROUNDDOWN($C4216/24,0)+1,1)*INDEX($D$3:$AA$30,INDEX(Jesper!$R$2:$R$366,ROW(INDEX(Jesper!AL$2:AL$366,ROUNDDOWN($C4216/24,0)+1,1))-1)+IF('Standard Profiles'!$G$22=$B$10,7,0)+IF('Standard Profiles'!$G$22=$B$17,14,0)+IF('Standard Profiles'!$G$22=$B$24,21,0),MOD($C4216,24)+1)/SUM(INDEX($D$3:$AA$30,INDEX(Jesper!$R$2:$R$366,ROW(INDEX(Jesper!AL$2:AL$366,ROUNDDOWN($C4216/24,0)+1,1))-1)+IF('Standard Profiles'!$G$22=$B$10,7,0)+IF('Standard Profiles'!$G$22=$B$17,14,0)+IF('Standard Profiles'!$G$22=$B$24,21,0),0)),0)</f>
        <v>0</v>
      </c>
      <c r="I4216">
        <f t="shared" si="475"/>
        <v>0.12087833431017293</v>
      </c>
      <c r="J4216">
        <f t="shared" si="476"/>
        <v>0.4029277810339098</v>
      </c>
      <c r="K4216">
        <f t="shared" si="477"/>
        <v>0.60439167155086471</v>
      </c>
      <c r="L4216">
        <f t="shared" si="478"/>
        <v>9.7461454323070775</v>
      </c>
      <c r="M4216">
        <f t="shared" si="479"/>
        <v>0</v>
      </c>
      <c r="N4216" s="46">
        <f t="shared" si="480"/>
        <v>45466.249999989857</v>
      </c>
    </row>
    <row r="4217" spans="2:14" x14ac:dyDescent="0.3">
      <c r="B4217">
        <f t="shared" si="474"/>
        <v>7</v>
      </c>
      <c r="C4217" s="16">
        <v>4183</v>
      </c>
      <c r="D4217" cm="1">
        <f t="array" ref="D4217">IFERROR(INDEX(Jesper!AH$2:AH$366,ROUNDDOWN($C4217/24,0)+1,1)*INDEX($D$3:$AA$30,INDEX(Jesper!$R$2:$R$366,ROW(INDEX(Jesper!AH$2:AH$366,ROUNDDOWN($C4217/24,0)+1,1))-1)+IF('Standard Profiles'!$G$18=$B$10,7,0)+IF('Standard Profiles'!$G$18=$B$17,14,0)+IF('Standard Profiles'!$G$18=$B$24,21,0),MOD($C4217,24)+1)/SUM(INDEX($D$3:$AA$30,INDEX(Jesper!$R$2:$R$366,ROW(INDEX(Jesper!AH$2:AH$366,ROUNDDOWN($C4217/24,0)+1,1))-1)+IF('Standard Profiles'!$G$18=$B$10,7,0)+IF('Standard Profiles'!$G$18=$B$17,14,0)+IF('Standard Profiles'!$G$18=$B$24,21,0),0)),0)</f>
        <v>11.331196294841956</v>
      </c>
      <c r="E4217" cm="1">
        <f t="array" ref="E4217">IFERROR(INDEX(Jesper!AI$2:AI$366,ROUNDDOWN($C4217/24,0)+1,1)*INDEX($D$3:$AA$30,INDEX(Jesper!$R$2:$R$366,ROW(INDEX(Jesper!AI$2:AI$366,ROUNDDOWN($C4217/24,0)+1,1))-1)+IF('Standard Profiles'!$G$19=$B$10,7,0)+IF('Standard Profiles'!$G$19=$B$17,14,0)+IF('Standard Profiles'!$G$19=$B$24,21,0),MOD($C4217,24)+1)/SUM(INDEX($D$3:$AA$30,INDEX(Jesper!$R$2:$R$366,ROW(INDEX(Jesper!AI$2:AI$366,ROUNDDOWN($C4217/24,0)+1,1))-1)+IF('Standard Profiles'!$G$19=$B$10,7,0)+IF('Standard Profiles'!$G$19=$B$17,14,0)+IF('Standard Profiles'!$G$19=$B$24,21,0),0)),0)</f>
        <v>1.5949097959076206</v>
      </c>
      <c r="F4217" cm="1">
        <f t="array" ref="F4217">IFERROR(INDEX(Jesper!AJ$2:AJ$366,ROUNDDOWN($C4217/24,0)+1,1)*INDEX($D$3:$AA$30,INDEX(Jesper!$R$2:$R$366,ROW(INDEX(Jesper!AJ$2:AJ$366,ROUNDDOWN($C4217/24,0)+1,1))-1)+IF('Standard Profiles'!$G$20=$B$10,7,0)+IF('Standard Profiles'!$G$20=$B$17,14,0)+IF('Standard Profiles'!$G$20=$B$24,21,0),MOD($C4217,24)+1)/SUM(INDEX($D$3:$AA$30,INDEX(Jesper!$R$2:$R$366,ROW(INDEX(Jesper!AJ$2:AJ$366,ROUNDDOWN($C4217/24,0)+1,1))-1)+IF('Standard Profiles'!$G$20=$B$10,7,0)+IF('Standard Profiles'!$G$20=$B$17,14,0)+IF('Standard Profiles'!$G$20=$B$24,21,0),0)),0)</f>
        <v>0</v>
      </c>
      <c r="G4217" cm="1">
        <f t="array" ref="G4217">IFERROR(INDEX(Jesper!AK$2:AK$366,ROUNDDOWN($C4217/24,0)+1,1)*INDEX($D$3:$AA$30,INDEX(Jesper!$R$2:$R$366,ROW(INDEX(Jesper!AK$2:AK$366,ROUNDDOWN($C4217/24,0)+1,1))-1)+IF('Standard Profiles'!$G$21=$B$10,7,0)+IF('Standard Profiles'!$G$21=$B$17,14,0)+IF('Standard Profiles'!$G$21=$B$24,21,0),MOD($C4217,24)+1)/SUM(INDEX($D$3:$AA$30,INDEX(Jesper!$R$2:$R$366,ROW(INDEX(Jesper!AK$2:AK$366,ROUNDDOWN($C4217/24,0)+1,1))-1)+IF('Standard Profiles'!$G$21=$B$10,7,0)+IF('Standard Profiles'!$G$21=$B$17,14,0)+IF('Standard Profiles'!$G$21=$B$24,21,0),0)),0)</f>
        <v>0</v>
      </c>
      <c r="H4217" cm="1">
        <f t="array" ref="H4217">IFERROR(INDEX(Jesper!AL$2:AL$366,ROUNDDOWN($C4217/24,0)+1,1)*INDEX($D$3:$AA$30,INDEX(Jesper!$R$2:$R$366,ROW(INDEX(Jesper!AL$2:AL$366,ROUNDDOWN($C4217/24,0)+1,1))-1)+IF('Standard Profiles'!$G$22=$B$10,7,0)+IF('Standard Profiles'!$G$22=$B$17,14,0)+IF('Standard Profiles'!$G$22=$B$24,21,0),MOD($C4217,24)+1)/SUM(INDEX($D$3:$AA$30,INDEX(Jesper!$R$2:$R$366,ROW(INDEX(Jesper!AL$2:AL$366,ROUNDDOWN($C4217/24,0)+1,1))-1)+IF('Standard Profiles'!$G$22=$B$10,7,0)+IF('Standard Profiles'!$G$22=$B$17,14,0)+IF('Standard Profiles'!$G$22=$B$24,21,0),0)),0)</f>
        <v>0</v>
      </c>
      <c r="I4217">
        <f t="shared" si="475"/>
        <v>0.14368556719888478</v>
      </c>
      <c r="J4217">
        <f t="shared" si="476"/>
        <v>0.4789518906629493</v>
      </c>
      <c r="K4217">
        <f t="shared" si="477"/>
        <v>0.71842783599442395</v>
      </c>
      <c r="L4217">
        <f t="shared" si="478"/>
        <v>11.585040796893319</v>
      </c>
      <c r="M4217">
        <f t="shared" si="479"/>
        <v>0</v>
      </c>
      <c r="N4217" s="46">
        <f t="shared" si="480"/>
        <v>45466.291666656522</v>
      </c>
    </row>
    <row r="4218" spans="2:14" x14ac:dyDescent="0.3">
      <c r="B4218">
        <f t="shared" si="474"/>
        <v>7</v>
      </c>
      <c r="C4218" s="16">
        <v>4184</v>
      </c>
      <c r="D4218" cm="1">
        <f t="array" ref="D4218">IFERROR(INDEX(Jesper!AH$2:AH$366,ROUNDDOWN($C4218/24,0)+1,1)*INDEX($D$3:$AA$30,INDEX(Jesper!$R$2:$R$366,ROW(INDEX(Jesper!AH$2:AH$366,ROUNDDOWN($C4218/24,0)+1,1))-1)+IF('Standard Profiles'!$G$18=$B$10,7,0)+IF('Standard Profiles'!$G$18=$B$17,14,0)+IF('Standard Profiles'!$G$18=$B$24,21,0),MOD($C4218,24)+1)/SUM(INDEX($D$3:$AA$30,INDEX(Jesper!$R$2:$R$366,ROW(INDEX(Jesper!AH$2:AH$366,ROUNDDOWN($C4218/24,0)+1,1))-1)+IF('Standard Profiles'!$G$18=$B$10,7,0)+IF('Standard Profiles'!$G$18=$B$17,14,0)+IF('Standard Profiles'!$G$18=$B$24,21,0),0)),0)</f>
        <v>11.331196294841956</v>
      </c>
      <c r="E4218" cm="1">
        <f t="array" ref="E4218">IFERROR(INDEX(Jesper!AI$2:AI$366,ROUNDDOWN($C4218/24,0)+1,1)*INDEX($D$3:$AA$30,INDEX(Jesper!$R$2:$R$366,ROW(INDEX(Jesper!AI$2:AI$366,ROUNDDOWN($C4218/24,0)+1,1))-1)+IF('Standard Profiles'!$G$19=$B$10,7,0)+IF('Standard Profiles'!$G$19=$B$17,14,0)+IF('Standard Profiles'!$G$19=$B$24,21,0),MOD($C4218,24)+1)/SUM(INDEX($D$3:$AA$30,INDEX(Jesper!$R$2:$R$366,ROW(INDEX(Jesper!AI$2:AI$366,ROUNDDOWN($C4218/24,0)+1,1))-1)+IF('Standard Profiles'!$G$19=$B$10,7,0)+IF('Standard Profiles'!$G$19=$B$17,14,0)+IF('Standard Profiles'!$G$19=$B$24,21,0),0)),0)</f>
        <v>1.5949097959076206</v>
      </c>
      <c r="F4218" cm="1">
        <f t="array" ref="F4218">IFERROR(INDEX(Jesper!AJ$2:AJ$366,ROUNDDOWN($C4218/24,0)+1,1)*INDEX($D$3:$AA$30,INDEX(Jesper!$R$2:$R$366,ROW(INDEX(Jesper!AJ$2:AJ$366,ROUNDDOWN($C4218/24,0)+1,1))-1)+IF('Standard Profiles'!$G$20=$B$10,7,0)+IF('Standard Profiles'!$G$20=$B$17,14,0)+IF('Standard Profiles'!$G$20=$B$24,21,0),MOD($C4218,24)+1)/SUM(INDEX($D$3:$AA$30,INDEX(Jesper!$R$2:$R$366,ROW(INDEX(Jesper!AJ$2:AJ$366,ROUNDDOWN($C4218/24,0)+1,1))-1)+IF('Standard Profiles'!$G$20=$B$10,7,0)+IF('Standard Profiles'!$G$20=$B$17,14,0)+IF('Standard Profiles'!$G$20=$B$24,21,0),0)),0)</f>
        <v>0</v>
      </c>
      <c r="G4218" cm="1">
        <f t="array" ref="G4218">IFERROR(INDEX(Jesper!AK$2:AK$366,ROUNDDOWN($C4218/24,0)+1,1)*INDEX($D$3:$AA$30,INDEX(Jesper!$R$2:$R$366,ROW(INDEX(Jesper!AK$2:AK$366,ROUNDDOWN($C4218/24,0)+1,1))-1)+IF('Standard Profiles'!$G$21=$B$10,7,0)+IF('Standard Profiles'!$G$21=$B$17,14,0)+IF('Standard Profiles'!$G$21=$B$24,21,0),MOD($C4218,24)+1)/SUM(INDEX($D$3:$AA$30,INDEX(Jesper!$R$2:$R$366,ROW(INDEX(Jesper!AK$2:AK$366,ROUNDDOWN($C4218/24,0)+1,1))-1)+IF('Standard Profiles'!$G$21=$B$10,7,0)+IF('Standard Profiles'!$G$21=$B$17,14,0)+IF('Standard Profiles'!$G$21=$B$24,21,0),0)),0)</f>
        <v>0</v>
      </c>
      <c r="H4218" cm="1">
        <f t="array" ref="H4218">IFERROR(INDEX(Jesper!AL$2:AL$366,ROUNDDOWN($C4218/24,0)+1,1)*INDEX($D$3:$AA$30,INDEX(Jesper!$R$2:$R$366,ROW(INDEX(Jesper!AL$2:AL$366,ROUNDDOWN($C4218/24,0)+1,1))-1)+IF('Standard Profiles'!$G$22=$B$10,7,0)+IF('Standard Profiles'!$G$22=$B$17,14,0)+IF('Standard Profiles'!$G$22=$B$24,21,0),MOD($C4218,24)+1)/SUM(INDEX($D$3:$AA$30,INDEX(Jesper!$R$2:$R$366,ROW(INDEX(Jesper!AL$2:AL$366,ROUNDDOWN($C4218/24,0)+1,1))-1)+IF('Standard Profiles'!$G$22=$B$10,7,0)+IF('Standard Profiles'!$G$22=$B$17,14,0)+IF('Standard Profiles'!$G$22=$B$24,21,0),0)),0)</f>
        <v>0</v>
      </c>
      <c r="I4218">
        <f t="shared" si="475"/>
        <v>0.14368556719888478</v>
      </c>
      <c r="J4218">
        <f t="shared" si="476"/>
        <v>0.4789518906629493</v>
      </c>
      <c r="K4218">
        <f t="shared" si="477"/>
        <v>0.71842783599442395</v>
      </c>
      <c r="L4218">
        <f t="shared" si="478"/>
        <v>11.585040796893319</v>
      </c>
      <c r="M4218">
        <f t="shared" si="479"/>
        <v>0</v>
      </c>
      <c r="N4218" s="46">
        <f t="shared" si="480"/>
        <v>45466.333333323186</v>
      </c>
    </row>
    <row r="4219" spans="2:14" x14ac:dyDescent="0.3">
      <c r="B4219">
        <f t="shared" si="474"/>
        <v>7</v>
      </c>
      <c r="C4219" s="16">
        <v>4185</v>
      </c>
      <c r="D4219" cm="1">
        <f t="array" ref="D4219">IFERROR(INDEX(Jesper!AH$2:AH$366,ROUNDDOWN($C4219/24,0)+1,1)*INDEX($D$3:$AA$30,INDEX(Jesper!$R$2:$R$366,ROW(INDEX(Jesper!AH$2:AH$366,ROUNDDOWN($C4219/24,0)+1,1))-1)+IF('Standard Profiles'!$G$18=$B$10,7,0)+IF('Standard Profiles'!$G$18=$B$17,14,0)+IF('Standard Profiles'!$G$18=$B$24,21,0),MOD($C4219,24)+1)/SUM(INDEX($D$3:$AA$30,INDEX(Jesper!$R$2:$R$366,ROW(INDEX(Jesper!AH$2:AH$366,ROUNDDOWN($C4219/24,0)+1,1))-1)+IF('Standard Profiles'!$G$18=$B$10,7,0)+IF('Standard Profiles'!$G$18=$B$17,14,0)+IF('Standard Profiles'!$G$18=$B$24,21,0),0)),0)</f>
        <v>11.331196294841956</v>
      </c>
      <c r="E4219" cm="1">
        <f t="array" ref="E4219">IFERROR(INDEX(Jesper!AI$2:AI$366,ROUNDDOWN($C4219/24,0)+1,1)*INDEX($D$3:$AA$30,INDEX(Jesper!$R$2:$R$366,ROW(INDEX(Jesper!AI$2:AI$366,ROUNDDOWN($C4219/24,0)+1,1))-1)+IF('Standard Profiles'!$G$19=$B$10,7,0)+IF('Standard Profiles'!$G$19=$B$17,14,0)+IF('Standard Profiles'!$G$19=$B$24,21,0),MOD($C4219,24)+1)/SUM(INDEX($D$3:$AA$30,INDEX(Jesper!$R$2:$R$366,ROW(INDEX(Jesper!AI$2:AI$366,ROUNDDOWN($C4219/24,0)+1,1))-1)+IF('Standard Profiles'!$G$19=$B$10,7,0)+IF('Standard Profiles'!$G$19=$B$17,14,0)+IF('Standard Profiles'!$G$19=$B$24,21,0),0)),0)</f>
        <v>1.5949097959076206</v>
      </c>
      <c r="F4219" cm="1">
        <f t="array" ref="F4219">IFERROR(INDEX(Jesper!AJ$2:AJ$366,ROUNDDOWN($C4219/24,0)+1,1)*INDEX($D$3:$AA$30,INDEX(Jesper!$R$2:$R$366,ROW(INDEX(Jesper!AJ$2:AJ$366,ROUNDDOWN($C4219/24,0)+1,1))-1)+IF('Standard Profiles'!$G$20=$B$10,7,0)+IF('Standard Profiles'!$G$20=$B$17,14,0)+IF('Standard Profiles'!$G$20=$B$24,21,0),MOD($C4219,24)+1)/SUM(INDEX($D$3:$AA$30,INDEX(Jesper!$R$2:$R$366,ROW(INDEX(Jesper!AJ$2:AJ$366,ROUNDDOWN($C4219/24,0)+1,1))-1)+IF('Standard Profiles'!$G$20=$B$10,7,0)+IF('Standard Profiles'!$G$20=$B$17,14,0)+IF('Standard Profiles'!$G$20=$B$24,21,0),0)),0)</f>
        <v>0</v>
      </c>
      <c r="G4219" cm="1">
        <f t="array" ref="G4219">IFERROR(INDEX(Jesper!AK$2:AK$366,ROUNDDOWN($C4219/24,0)+1,1)*INDEX($D$3:$AA$30,INDEX(Jesper!$R$2:$R$366,ROW(INDEX(Jesper!AK$2:AK$366,ROUNDDOWN($C4219/24,0)+1,1))-1)+IF('Standard Profiles'!$G$21=$B$10,7,0)+IF('Standard Profiles'!$G$21=$B$17,14,0)+IF('Standard Profiles'!$G$21=$B$24,21,0),MOD($C4219,24)+1)/SUM(INDEX($D$3:$AA$30,INDEX(Jesper!$R$2:$R$366,ROW(INDEX(Jesper!AK$2:AK$366,ROUNDDOWN($C4219/24,0)+1,1))-1)+IF('Standard Profiles'!$G$21=$B$10,7,0)+IF('Standard Profiles'!$G$21=$B$17,14,0)+IF('Standard Profiles'!$G$21=$B$24,21,0),0)),0)</f>
        <v>0</v>
      </c>
      <c r="H4219" cm="1">
        <f t="array" ref="H4219">IFERROR(INDEX(Jesper!AL$2:AL$366,ROUNDDOWN($C4219/24,0)+1,1)*INDEX($D$3:$AA$30,INDEX(Jesper!$R$2:$R$366,ROW(INDEX(Jesper!AL$2:AL$366,ROUNDDOWN($C4219/24,0)+1,1))-1)+IF('Standard Profiles'!$G$22=$B$10,7,0)+IF('Standard Profiles'!$G$22=$B$17,14,0)+IF('Standard Profiles'!$G$22=$B$24,21,0),MOD($C4219,24)+1)/SUM(INDEX($D$3:$AA$30,INDEX(Jesper!$R$2:$R$366,ROW(INDEX(Jesper!AL$2:AL$366,ROUNDDOWN($C4219/24,0)+1,1))-1)+IF('Standard Profiles'!$G$22=$B$10,7,0)+IF('Standard Profiles'!$G$22=$B$17,14,0)+IF('Standard Profiles'!$G$22=$B$24,21,0),0)),0)</f>
        <v>0</v>
      </c>
      <c r="I4219">
        <f t="shared" si="475"/>
        <v>0.14368556719888478</v>
      </c>
      <c r="J4219">
        <f t="shared" si="476"/>
        <v>0.4789518906629493</v>
      </c>
      <c r="K4219">
        <f t="shared" si="477"/>
        <v>0.71842783599442395</v>
      </c>
      <c r="L4219">
        <f t="shared" si="478"/>
        <v>11.585040796893319</v>
      </c>
      <c r="M4219">
        <f t="shared" si="479"/>
        <v>0</v>
      </c>
      <c r="N4219" s="46">
        <f t="shared" si="480"/>
        <v>45466.37499998985</v>
      </c>
    </row>
    <row r="4220" spans="2:14" x14ac:dyDescent="0.3">
      <c r="B4220">
        <f t="shared" si="474"/>
        <v>7</v>
      </c>
      <c r="C4220" s="16">
        <v>4186</v>
      </c>
      <c r="D4220" cm="1">
        <f t="array" ref="D4220">IFERROR(INDEX(Jesper!AH$2:AH$366,ROUNDDOWN($C4220/24,0)+1,1)*INDEX($D$3:$AA$30,INDEX(Jesper!$R$2:$R$366,ROW(INDEX(Jesper!AH$2:AH$366,ROUNDDOWN($C4220/24,0)+1,1))-1)+IF('Standard Profiles'!$G$18=$B$10,7,0)+IF('Standard Profiles'!$G$18=$B$17,14,0)+IF('Standard Profiles'!$G$18=$B$24,21,0),MOD($C4220,24)+1)/SUM(INDEX($D$3:$AA$30,INDEX(Jesper!$R$2:$R$366,ROW(INDEX(Jesper!AH$2:AH$366,ROUNDDOWN($C4220/24,0)+1,1))-1)+IF('Standard Profiles'!$G$18=$B$10,7,0)+IF('Standard Profiles'!$G$18=$B$17,14,0)+IF('Standard Profiles'!$G$18=$B$24,21,0),0)),0)</f>
        <v>11.331196294841956</v>
      </c>
      <c r="E4220" cm="1">
        <f t="array" ref="E4220">IFERROR(INDEX(Jesper!AI$2:AI$366,ROUNDDOWN($C4220/24,0)+1,1)*INDEX($D$3:$AA$30,INDEX(Jesper!$R$2:$R$366,ROW(INDEX(Jesper!AI$2:AI$366,ROUNDDOWN($C4220/24,0)+1,1))-1)+IF('Standard Profiles'!$G$19=$B$10,7,0)+IF('Standard Profiles'!$G$19=$B$17,14,0)+IF('Standard Profiles'!$G$19=$B$24,21,0),MOD($C4220,24)+1)/SUM(INDEX($D$3:$AA$30,INDEX(Jesper!$R$2:$R$366,ROW(INDEX(Jesper!AI$2:AI$366,ROUNDDOWN($C4220/24,0)+1,1))-1)+IF('Standard Profiles'!$G$19=$B$10,7,0)+IF('Standard Profiles'!$G$19=$B$17,14,0)+IF('Standard Profiles'!$G$19=$B$24,21,0),0)),0)</f>
        <v>1.5949097959076206</v>
      </c>
      <c r="F4220" cm="1">
        <f t="array" ref="F4220">IFERROR(INDEX(Jesper!AJ$2:AJ$366,ROUNDDOWN($C4220/24,0)+1,1)*INDEX($D$3:$AA$30,INDEX(Jesper!$R$2:$R$366,ROW(INDEX(Jesper!AJ$2:AJ$366,ROUNDDOWN($C4220/24,0)+1,1))-1)+IF('Standard Profiles'!$G$20=$B$10,7,0)+IF('Standard Profiles'!$G$20=$B$17,14,0)+IF('Standard Profiles'!$G$20=$B$24,21,0),MOD($C4220,24)+1)/SUM(INDEX($D$3:$AA$30,INDEX(Jesper!$R$2:$R$366,ROW(INDEX(Jesper!AJ$2:AJ$366,ROUNDDOWN($C4220/24,0)+1,1))-1)+IF('Standard Profiles'!$G$20=$B$10,7,0)+IF('Standard Profiles'!$G$20=$B$17,14,0)+IF('Standard Profiles'!$G$20=$B$24,21,0),0)),0)</f>
        <v>0</v>
      </c>
      <c r="G4220" cm="1">
        <f t="array" ref="G4220">IFERROR(INDEX(Jesper!AK$2:AK$366,ROUNDDOWN($C4220/24,0)+1,1)*INDEX($D$3:$AA$30,INDEX(Jesper!$R$2:$R$366,ROW(INDEX(Jesper!AK$2:AK$366,ROUNDDOWN($C4220/24,0)+1,1))-1)+IF('Standard Profiles'!$G$21=$B$10,7,0)+IF('Standard Profiles'!$G$21=$B$17,14,0)+IF('Standard Profiles'!$G$21=$B$24,21,0),MOD($C4220,24)+1)/SUM(INDEX($D$3:$AA$30,INDEX(Jesper!$R$2:$R$366,ROW(INDEX(Jesper!AK$2:AK$366,ROUNDDOWN($C4220/24,0)+1,1))-1)+IF('Standard Profiles'!$G$21=$B$10,7,0)+IF('Standard Profiles'!$G$21=$B$17,14,0)+IF('Standard Profiles'!$G$21=$B$24,21,0),0)),0)</f>
        <v>0</v>
      </c>
      <c r="H4220" cm="1">
        <f t="array" ref="H4220">IFERROR(INDEX(Jesper!AL$2:AL$366,ROUNDDOWN($C4220/24,0)+1,1)*INDEX($D$3:$AA$30,INDEX(Jesper!$R$2:$R$366,ROW(INDEX(Jesper!AL$2:AL$366,ROUNDDOWN($C4220/24,0)+1,1))-1)+IF('Standard Profiles'!$G$22=$B$10,7,0)+IF('Standard Profiles'!$G$22=$B$17,14,0)+IF('Standard Profiles'!$G$22=$B$24,21,0),MOD($C4220,24)+1)/SUM(INDEX($D$3:$AA$30,INDEX(Jesper!$R$2:$R$366,ROW(INDEX(Jesper!AL$2:AL$366,ROUNDDOWN($C4220/24,0)+1,1))-1)+IF('Standard Profiles'!$G$22=$B$10,7,0)+IF('Standard Profiles'!$G$22=$B$17,14,0)+IF('Standard Profiles'!$G$22=$B$24,21,0),0)),0)</f>
        <v>0</v>
      </c>
      <c r="I4220">
        <f t="shared" si="475"/>
        <v>0.14368556719888478</v>
      </c>
      <c r="J4220">
        <f t="shared" si="476"/>
        <v>0.4789518906629493</v>
      </c>
      <c r="K4220">
        <f t="shared" si="477"/>
        <v>0.71842783599442395</v>
      </c>
      <c r="L4220">
        <f t="shared" si="478"/>
        <v>11.585040796893319</v>
      </c>
      <c r="M4220">
        <f t="shared" si="479"/>
        <v>0</v>
      </c>
      <c r="N4220" s="46">
        <f t="shared" si="480"/>
        <v>45466.416666656514</v>
      </c>
    </row>
    <row r="4221" spans="2:14" x14ac:dyDescent="0.3">
      <c r="B4221">
        <f t="shared" si="474"/>
        <v>7</v>
      </c>
      <c r="C4221" s="16">
        <v>4187</v>
      </c>
      <c r="D4221" cm="1">
        <f t="array" ref="D4221">IFERROR(INDEX(Jesper!AH$2:AH$366,ROUNDDOWN($C4221/24,0)+1,1)*INDEX($D$3:$AA$30,INDEX(Jesper!$R$2:$R$366,ROW(INDEX(Jesper!AH$2:AH$366,ROUNDDOWN($C4221/24,0)+1,1))-1)+IF('Standard Profiles'!$G$18=$B$10,7,0)+IF('Standard Profiles'!$G$18=$B$17,14,0)+IF('Standard Profiles'!$G$18=$B$24,21,0),MOD($C4221,24)+1)/SUM(INDEX($D$3:$AA$30,INDEX(Jesper!$R$2:$R$366,ROW(INDEX(Jesper!AH$2:AH$366,ROUNDDOWN($C4221/24,0)+1,1))-1)+IF('Standard Profiles'!$G$18=$B$10,7,0)+IF('Standard Profiles'!$G$18=$B$17,14,0)+IF('Standard Profiles'!$G$18=$B$24,21,0),0)),0)</f>
        <v>11.331196294841956</v>
      </c>
      <c r="E4221" cm="1">
        <f t="array" ref="E4221">IFERROR(INDEX(Jesper!AI$2:AI$366,ROUNDDOWN($C4221/24,0)+1,1)*INDEX($D$3:$AA$30,INDEX(Jesper!$R$2:$R$366,ROW(INDEX(Jesper!AI$2:AI$366,ROUNDDOWN($C4221/24,0)+1,1))-1)+IF('Standard Profiles'!$G$19=$B$10,7,0)+IF('Standard Profiles'!$G$19=$B$17,14,0)+IF('Standard Profiles'!$G$19=$B$24,21,0),MOD($C4221,24)+1)/SUM(INDEX($D$3:$AA$30,INDEX(Jesper!$R$2:$R$366,ROW(INDEX(Jesper!AI$2:AI$366,ROUNDDOWN($C4221/24,0)+1,1))-1)+IF('Standard Profiles'!$G$19=$B$10,7,0)+IF('Standard Profiles'!$G$19=$B$17,14,0)+IF('Standard Profiles'!$G$19=$B$24,21,0),0)),0)</f>
        <v>1.5949097959076206</v>
      </c>
      <c r="F4221" cm="1">
        <f t="array" ref="F4221">IFERROR(INDEX(Jesper!AJ$2:AJ$366,ROUNDDOWN($C4221/24,0)+1,1)*INDEX($D$3:$AA$30,INDEX(Jesper!$R$2:$R$366,ROW(INDEX(Jesper!AJ$2:AJ$366,ROUNDDOWN($C4221/24,0)+1,1))-1)+IF('Standard Profiles'!$G$20=$B$10,7,0)+IF('Standard Profiles'!$G$20=$B$17,14,0)+IF('Standard Profiles'!$G$20=$B$24,21,0),MOD($C4221,24)+1)/SUM(INDEX($D$3:$AA$30,INDEX(Jesper!$R$2:$R$366,ROW(INDEX(Jesper!AJ$2:AJ$366,ROUNDDOWN($C4221/24,0)+1,1))-1)+IF('Standard Profiles'!$G$20=$B$10,7,0)+IF('Standard Profiles'!$G$20=$B$17,14,0)+IF('Standard Profiles'!$G$20=$B$24,21,0),0)),0)</f>
        <v>0</v>
      </c>
      <c r="G4221" cm="1">
        <f t="array" ref="G4221">IFERROR(INDEX(Jesper!AK$2:AK$366,ROUNDDOWN($C4221/24,0)+1,1)*INDEX($D$3:$AA$30,INDEX(Jesper!$R$2:$R$366,ROW(INDEX(Jesper!AK$2:AK$366,ROUNDDOWN($C4221/24,0)+1,1))-1)+IF('Standard Profiles'!$G$21=$B$10,7,0)+IF('Standard Profiles'!$G$21=$B$17,14,0)+IF('Standard Profiles'!$G$21=$B$24,21,0),MOD($C4221,24)+1)/SUM(INDEX($D$3:$AA$30,INDEX(Jesper!$R$2:$R$366,ROW(INDEX(Jesper!AK$2:AK$366,ROUNDDOWN($C4221/24,0)+1,1))-1)+IF('Standard Profiles'!$G$21=$B$10,7,0)+IF('Standard Profiles'!$G$21=$B$17,14,0)+IF('Standard Profiles'!$G$21=$B$24,21,0),0)),0)</f>
        <v>0</v>
      </c>
      <c r="H4221" cm="1">
        <f t="array" ref="H4221">IFERROR(INDEX(Jesper!AL$2:AL$366,ROUNDDOWN($C4221/24,0)+1,1)*INDEX($D$3:$AA$30,INDEX(Jesper!$R$2:$R$366,ROW(INDEX(Jesper!AL$2:AL$366,ROUNDDOWN($C4221/24,0)+1,1))-1)+IF('Standard Profiles'!$G$22=$B$10,7,0)+IF('Standard Profiles'!$G$22=$B$17,14,0)+IF('Standard Profiles'!$G$22=$B$24,21,0),MOD($C4221,24)+1)/SUM(INDEX($D$3:$AA$30,INDEX(Jesper!$R$2:$R$366,ROW(INDEX(Jesper!AL$2:AL$366,ROUNDDOWN($C4221/24,0)+1,1))-1)+IF('Standard Profiles'!$G$22=$B$10,7,0)+IF('Standard Profiles'!$G$22=$B$17,14,0)+IF('Standard Profiles'!$G$22=$B$24,21,0),0)),0)</f>
        <v>0</v>
      </c>
      <c r="I4221">
        <f t="shared" si="475"/>
        <v>0.14368556719888478</v>
      </c>
      <c r="J4221">
        <f t="shared" si="476"/>
        <v>0.4789518906629493</v>
      </c>
      <c r="K4221">
        <f t="shared" si="477"/>
        <v>0.71842783599442395</v>
      </c>
      <c r="L4221">
        <f t="shared" si="478"/>
        <v>11.585040796893319</v>
      </c>
      <c r="M4221">
        <f t="shared" si="479"/>
        <v>0</v>
      </c>
      <c r="N4221" s="46">
        <f t="shared" si="480"/>
        <v>45466.458333323179</v>
      </c>
    </row>
    <row r="4222" spans="2:14" x14ac:dyDescent="0.3">
      <c r="B4222">
        <f t="shared" si="474"/>
        <v>7</v>
      </c>
      <c r="C4222" s="16">
        <v>4188</v>
      </c>
      <c r="D4222" cm="1">
        <f t="array" ref="D4222">IFERROR(INDEX(Jesper!AH$2:AH$366,ROUNDDOWN($C4222/24,0)+1,1)*INDEX($D$3:$AA$30,INDEX(Jesper!$R$2:$R$366,ROW(INDEX(Jesper!AH$2:AH$366,ROUNDDOWN($C4222/24,0)+1,1))-1)+IF('Standard Profiles'!$G$18=$B$10,7,0)+IF('Standard Profiles'!$G$18=$B$17,14,0)+IF('Standard Profiles'!$G$18=$B$24,21,0),MOD($C4222,24)+1)/SUM(INDEX($D$3:$AA$30,INDEX(Jesper!$R$2:$R$366,ROW(INDEX(Jesper!AH$2:AH$366,ROUNDDOWN($C4222/24,0)+1,1))-1)+IF('Standard Profiles'!$G$18=$B$10,7,0)+IF('Standard Profiles'!$G$18=$B$17,14,0)+IF('Standard Profiles'!$G$18=$B$24,21,0),0)),0)</f>
        <v>11.331196294841956</v>
      </c>
      <c r="E4222" cm="1">
        <f t="array" ref="E4222">IFERROR(INDEX(Jesper!AI$2:AI$366,ROUNDDOWN($C4222/24,0)+1,1)*INDEX($D$3:$AA$30,INDEX(Jesper!$R$2:$R$366,ROW(INDEX(Jesper!AI$2:AI$366,ROUNDDOWN($C4222/24,0)+1,1))-1)+IF('Standard Profiles'!$G$19=$B$10,7,0)+IF('Standard Profiles'!$G$19=$B$17,14,0)+IF('Standard Profiles'!$G$19=$B$24,21,0),MOD($C4222,24)+1)/SUM(INDEX($D$3:$AA$30,INDEX(Jesper!$R$2:$R$366,ROW(INDEX(Jesper!AI$2:AI$366,ROUNDDOWN($C4222/24,0)+1,1))-1)+IF('Standard Profiles'!$G$19=$B$10,7,0)+IF('Standard Profiles'!$G$19=$B$17,14,0)+IF('Standard Profiles'!$G$19=$B$24,21,0),0)),0)</f>
        <v>1.5949097959076206</v>
      </c>
      <c r="F4222" cm="1">
        <f t="array" ref="F4222">IFERROR(INDEX(Jesper!AJ$2:AJ$366,ROUNDDOWN($C4222/24,0)+1,1)*INDEX($D$3:$AA$30,INDEX(Jesper!$R$2:$R$366,ROW(INDEX(Jesper!AJ$2:AJ$366,ROUNDDOWN($C4222/24,0)+1,1))-1)+IF('Standard Profiles'!$G$20=$B$10,7,0)+IF('Standard Profiles'!$G$20=$B$17,14,0)+IF('Standard Profiles'!$G$20=$B$24,21,0),MOD($C4222,24)+1)/SUM(INDEX($D$3:$AA$30,INDEX(Jesper!$R$2:$R$366,ROW(INDEX(Jesper!AJ$2:AJ$366,ROUNDDOWN($C4222/24,0)+1,1))-1)+IF('Standard Profiles'!$G$20=$B$10,7,0)+IF('Standard Profiles'!$G$20=$B$17,14,0)+IF('Standard Profiles'!$G$20=$B$24,21,0),0)),0)</f>
        <v>0</v>
      </c>
      <c r="G4222" cm="1">
        <f t="array" ref="G4222">IFERROR(INDEX(Jesper!AK$2:AK$366,ROUNDDOWN($C4222/24,0)+1,1)*INDEX($D$3:$AA$30,INDEX(Jesper!$R$2:$R$366,ROW(INDEX(Jesper!AK$2:AK$366,ROUNDDOWN($C4222/24,0)+1,1))-1)+IF('Standard Profiles'!$G$21=$B$10,7,0)+IF('Standard Profiles'!$G$21=$B$17,14,0)+IF('Standard Profiles'!$G$21=$B$24,21,0),MOD($C4222,24)+1)/SUM(INDEX($D$3:$AA$30,INDEX(Jesper!$R$2:$R$366,ROW(INDEX(Jesper!AK$2:AK$366,ROUNDDOWN($C4222/24,0)+1,1))-1)+IF('Standard Profiles'!$G$21=$B$10,7,0)+IF('Standard Profiles'!$G$21=$B$17,14,0)+IF('Standard Profiles'!$G$21=$B$24,21,0),0)),0)</f>
        <v>0</v>
      </c>
      <c r="H4222" cm="1">
        <f t="array" ref="H4222">IFERROR(INDEX(Jesper!AL$2:AL$366,ROUNDDOWN($C4222/24,0)+1,1)*INDEX($D$3:$AA$30,INDEX(Jesper!$R$2:$R$366,ROW(INDEX(Jesper!AL$2:AL$366,ROUNDDOWN($C4222/24,0)+1,1))-1)+IF('Standard Profiles'!$G$22=$B$10,7,0)+IF('Standard Profiles'!$G$22=$B$17,14,0)+IF('Standard Profiles'!$G$22=$B$24,21,0),MOD($C4222,24)+1)/SUM(INDEX($D$3:$AA$30,INDEX(Jesper!$R$2:$R$366,ROW(INDEX(Jesper!AL$2:AL$366,ROUNDDOWN($C4222/24,0)+1,1))-1)+IF('Standard Profiles'!$G$22=$B$10,7,0)+IF('Standard Profiles'!$G$22=$B$17,14,0)+IF('Standard Profiles'!$G$22=$B$24,21,0),0)),0)</f>
        <v>0</v>
      </c>
      <c r="I4222">
        <f t="shared" si="475"/>
        <v>0.14368556719888478</v>
      </c>
      <c r="J4222">
        <f t="shared" si="476"/>
        <v>0.4789518906629493</v>
      </c>
      <c r="K4222">
        <f t="shared" si="477"/>
        <v>0.71842783599442395</v>
      </c>
      <c r="L4222">
        <f t="shared" si="478"/>
        <v>11.585040796893319</v>
      </c>
      <c r="M4222">
        <f t="shared" si="479"/>
        <v>0</v>
      </c>
      <c r="N4222" s="46">
        <f t="shared" si="480"/>
        <v>45466.499999989843</v>
      </c>
    </row>
    <row r="4223" spans="2:14" x14ac:dyDescent="0.3">
      <c r="B4223">
        <f t="shared" si="474"/>
        <v>7</v>
      </c>
      <c r="C4223" s="16">
        <v>4189</v>
      </c>
      <c r="D4223" cm="1">
        <f t="array" ref="D4223">IFERROR(INDEX(Jesper!AH$2:AH$366,ROUNDDOWN($C4223/24,0)+1,1)*INDEX($D$3:$AA$30,INDEX(Jesper!$R$2:$R$366,ROW(INDEX(Jesper!AH$2:AH$366,ROUNDDOWN($C4223/24,0)+1,1))-1)+IF('Standard Profiles'!$G$18=$B$10,7,0)+IF('Standard Profiles'!$G$18=$B$17,14,0)+IF('Standard Profiles'!$G$18=$B$24,21,0),MOD($C4223,24)+1)/SUM(INDEX($D$3:$AA$30,INDEX(Jesper!$R$2:$R$366,ROW(INDEX(Jesper!AH$2:AH$366,ROUNDDOWN($C4223/24,0)+1,1))-1)+IF('Standard Profiles'!$G$18=$B$10,7,0)+IF('Standard Profiles'!$G$18=$B$17,14,0)+IF('Standard Profiles'!$G$18=$B$24,21,0),0)),0)</f>
        <v>11.331196294841956</v>
      </c>
      <c r="E4223" cm="1">
        <f t="array" ref="E4223">IFERROR(INDEX(Jesper!AI$2:AI$366,ROUNDDOWN($C4223/24,0)+1,1)*INDEX($D$3:$AA$30,INDEX(Jesper!$R$2:$R$366,ROW(INDEX(Jesper!AI$2:AI$366,ROUNDDOWN($C4223/24,0)+1,1))-1)+IF('Standard Profiles'!$G$19=$B$10,7,0)+IF('Standard Profiles'!$G$19=$B$17,14,0)+IF('Standard Profiles'!$G$19=$B$24,21,0),MOD($C4223,24)+1)/SUM(INDEX($D$3:$AA$30,INDEX(Jesper!$R$2:$R$366,ROW(INDEX(Jesper!AI$2:AI$366,ROUNDDOWN($C4223/24,0)+1,1))-1)+IF('Standard Profiles'!$G$19=$B$10,7,0)+IF('Standard Profiles'!$G$19=$B$17,14,0)+IF('Standard Profiles'!$G$19=$B$24,21,0),0)),0)</f>
        <v>1.5949097959076206</v>
      </c>
      <c r="F4223" cm="1">
        <f t="array" ref="F4223">IFERROR(INDEX(Jesper!AJ$2:AJ$366,ROUNDDOWN($C4223/24,0)+1,1)*INDEX($D$3:$AA$30,INDEX(Jesper!$R$2:$R$366,ROW(INDEX(Jesper!AJ$2:AJ$366,ROUNDDOWN($C4223/24,0)+1,1))-1)+IF('Standard Profiles'!$G$20=$B$10,7,0)+IF('Standard Profiles'!$G$20=$B$17,14,0)+IF('Standard Profiles'!$G$20=$B$24,21,0),MOD($C4223,24)+1)/SUM(INDEX($D$3:$AA$30,INDEX(Jesper!$R$2:$R$366,ROW(INDEX(Jesper!AJ$2:AJ$366,ROUNDDOWN($C4223/24,0)+1,1))-1)+IF('Standard Profiles'!$G$20=$B$10,7,0)+IF('Standard Profiles'!$G$20=$B$17,14,0)+IF('Standard Profiles'!$G$20=$B$24,21,0),0)),0)</f>
        <v>0</v>
      </c>
      <c r="G4223" cm="1">
        <f t="array" ref="G4223">IFERROR(INDEX(Jesper!AK$2:AK$366,ROUNDDOWN($C4223/24,0)+1,1)*INDEX($D$3:$AA$30,INDEX(Jesper!$R$2:$R$366,ROW(INDEX(Jesper!AK$2:AK$366,ROUNDDOWN($C4223/24,0)+1,1))-1)+IF('Standard Profiles'!$G$21=$B$10,7,0)+IF('Standard Profiles'!$G$21=$B$17,14,0)+IF('Standard Profiles'!$G$21=$B$24,21,0),MOD($C4223,24)+1)/SUM(INDEX($D$3:$AA$30,INDEX(Jesper!$R$2:$R$366,ROW(INDEX(Jesper!AK$2:AK$366,ROUNDDOWN($C4223/24,0)+1,1))-1)+IF('Standard Profiles'!$G$21=$B$10,7,0)+IF('Standard Profiles'!$G$21=$B$17,14,0)+IF('Standard Profiles'!$G$21=$B$24,21,0),0)),0)</f>
        <v>0</v>
      </c>
      <c r="H4223" cm="1">
        <f t="array" ref="H4223">IFERROR(INDEX(Jesper!AL$2:AL$366,ROUNDDOWN($C4223/24,0)+1,1)*INDEX($D$3:$AA$30,INDEX(Jesper!$R$2:$R$366,ROW(INDEX(Jesper!AL$2:AL$366,ROUNDDOWN($C4223/24,0)+1,1))-1)+IF('Standard Profiles'!$G$22=$B$10,7,0)+IF('Standard Profiles'!$G$22=$B$17,14,0)+IF('Standard Profiles'!$G$22=$B$24,21,0),MOD($C4223,24)+1)/SUM(INDEX($D$3:$AA$30,INDEX(Jesper!$R$2:$R$366,ROW(INDEX(Jesper!AL$2:AL$366,ROUNDDOWN($C4223/24,0)+1,1))-1)+IF('Standard Profiles'!$G$22=$B$10,7,0)+IF('Standard Profiles'!$G$22=$B$17,14,0)+IF('Standard Profiles'!$G$22=$B$24,21,0),0)),0)</f>
        <v>0</v>
      </c>
      <c r="I4223">
        <f t="shared" si="475"/>
        <v>0.14368556719888478</v>
      </c>
      <c r="J4223">
        <f t="shared" si="476"/>
        <v>0.4789518906629493</v>
      </c>
      <c r="K4223">
        <f t="shared" si="477"/>
        <v>0.71842783599442395</v>
      </c>
      <c r="L4223">
        <f t="shared" si="478"/>
        <v>11.585040796893319</v>
      </c>
      <c r="M4223">
        <f t="shared" si="479"/>
        <v>0</v>
      </c>
      <c r="N4223" s="46">
        <f t="shared" si="480"/>
        <v>45466.541666656507</v>
      </c>
    </row>
    <row r="4224" spans="2:14" x14ac:dyDescent="0.3">
      <c r="B4224">
        <f t="shared" si="474"/>
        <v>7</v>
      </c>
      <c r="C4224" s="16">
        <v>4190</v>
      </c>
      <c r="D4224" cm="1">
        <f t="array" ref="D4224">IFERROR(INDEX(Jesper!AH$2:AH$366,ROUNDDOWN($C4224/24,0)+1,1)*INDEX($D$3:$AA$30,INDEX(Jesper!$R$2:$R$366,ROW(INDEX(Jesper!AH$2:AH$366,ROUNDDOWN($C4224/24,0)+1,1))-1)+IF('Standard Profiles'!$G$18=$B$10,7,0)+IF('Standard Profiles'!$G$18=$B$17,14,0)+IF('Standard Profiles'!$G$18=$B$24,21,0),MOD($C4224,24)+1)/SUM(INDEX($D$3:$AA$30,INDEX(Jesper!$R$2:$R$366,ROW(INDEX(Jesper!AH$2:AH$366,ROUNDDOWN($C4224/24,0)+1,1))-1)+IF('Standard Profiles'!$G$18=$B$10,7,0)+IF('Standard Profiles'!$G$18=$B$17,14,0)+IF('Standard Profiles'!$G$18=$B$24,21,0),0)),0)</f>
        <v>11.331196294841956</v>
      </c>
      <c r="E4224" cm="1">
        <f t="array" ref="E4224">IFERROR(INDEX(Jesper!AI$2:AI$366,ROUNDDOWN($C4224/24,0)+1,1)*INDEX($D$3:$AA$30,INDEX(Jesper!$R$2:$R$366,ROW(INDEX(Jesper!AI$2:AI$366,ROUNDDOWN($C4224/24,0)+1,1))-1)+IF('Standard Profiles'!$G$19=$B$10,7,0)+IF('Standard Profiles'!$G$19=$B$17,14,0)+IF('Standard Profiles'!$G$19=$B$24,21,0),MOD($C4224,24)+1)/SUM(INDEX($D$3:$AA$30,INDEX(Jesper!$R$2:$R$366,ROW(INDEX(Jesper!AI$2:AI$366,ROUNDDOWN($C4224/24,0)+1,1))-1)+IF('Standard Profiles'!$G$19=$B$10,7,0)+IF('Standard Profiles'!$G$19=$B$17,14,0)+IF('Standard Profiles'!$G$19=$B$24,21,0),0)),0)</f>
        <v>1.5949097959076206</v>
      </c>
      <c r="F4224" cm="1">
        <f t="array" ref="F4224">IFERROR(INDEX(Jesper!AJ$2:AJ$366,ROUNDDOWN($C4224/24,0)+1,1)*INDEX($D$3:$AA$30,INDEX(Jesper!$R$2:$R$366,ROW(INDEX(Jesper!AJ$2:AJ$366,ROUNDDOWN($C4224/24,0)+1,1))-1)+IF('Standard Profiles'!$G$20=$B$10,7,0)+IF('Standard Profiles'!$G$20=$B$17,14,0)+IF('Standard Profiles'!$G$20=$B$24,21,0),MOD($C4224,24)+1)/SUM(INDEX($D$3:$AA$30,INDEX(Jesper!$R$2:$R$366,ROW(INDEX(Jesper!AJ$2:AJ$366,ROUNDDOWN($C4224/24,0)+1,1))-1)+IF('Standard Profiles'!$G$20=$B$10,7,0)+IF('Standard Profiles'!$G$20=$B$17,14,0)+IF('Standard Profiles'!$G$20=$B$24,21,0),0)),0)</f>
        <v>0</v>
      </c>
      <c r="G4224" cm="1">
        <f t="array" ref="G4224">IFERROR(INDEX(Jesper!AK$2:AK$366,ROUNDDOWN($C4224/24,0)+1,1)*INDEX($D$3:$AA$30,INDEX(Jesper!$R$2:$R$366,ROW(INDEX(Jesper!AK$2:AK$366,ROUNDDOWN($C4224/24,0)+1,1))-1)+IF('Standard Profiles'!$G$21=$B$10,7,0)+IF('Standard Profiles'!$G$21=$B$17,14,0)+IF('Standard Profiles'!$G$21=$B$24,21,0),MOD($C4224,24)+1)/SUM(INDEX($D$3:$AA$30,INDEX(Jesper!$R$2:$R$366,ROW(INDEX(Jesper!AK$2:AK$366,ROUNDDOWN($C4224/24,0)+1,1))-1)+IF('Standard Profiles'!$G$21=$B$10,7,0)+IF('Standard Profiles'!$G$21=$B$17,14,0)+IF('Standard Profiles'!$G$21=$B$24,21,0),0)),0)</f>
        <v>0</v>
      </c>
      <c r="H4224" cm="1">
        <f t="array" ref="H4224">IFERROR(INDEX(Jesper!AL$2:AL$366,ROUNDDOWN($C4224/24,0)+1,1)*INDEX($D$3:$AA$30,INDEX(Jesper!$R$2:$R$366,ROW(INDEX(Jesper!AL$2:AL$366,ROUNDDOWN($C4224/24,0)+1,1))-1)+IF('Standard Profiles'!$G$22=$B$10,7,0)+IF('Standard Profiles'!$G$22=$B$17,14,0)+IF('Standard Profiles'!$G$22=$B$24,21,0),MOD($C4224,24)+1)/SUM(INDEX($D$3:$AA$30,INDEX(Jesper!$R$2:$R$366,ROW(INDEX(Jesper!AL$2:AL$366,ROUNDDOWN($C4224/24,0)+1,1))-1)+IF('Standard Profiles'!$G$22=$B$10,7,0)+IF('Standard Profiles'!$G$22=$B$17,14,0)+IF('Standard Profiles'!$G$22=$B$24,21,0),0)),0)</f>
        <v>0</v>
      </c>
      <c r="I4224">
        <f t="shared" si="475"/>
        <v>0.14368556719888478</v>
      </c>
      <c r="J4224">
        <f t="shared" si="476"/>
        <v>0.4789518906629493</v>
      </c>
      <c r="K4224">
        <f t="shared" si="477"/>
        <v>0.71842783599442395</v>
      </c>
      <c r="L4224">
        <f t="shared" si="478"/>
        <v>11.585040796893319</v>
      </c>
      <c r="M4224">
        <f t="shared" si="479"/>
        <v>0</v>
      </c>
      <c r="N4224" s="46">
        <f t="shared" si="480"/>
        <v>45466.583333323171</v>
      </c>
    </row>
    <row r="4225" spans="2:14" x14ac:dyDescent="0.3">
      <c r="B4225">
        <f t="shared" si="474"/>
        <v>7</v>
      </c>
      <c r="C4225" s="16">
        <v>4191</v>
      </c>
      <c r="D4225" cm="1">
        <f t="array" ref="D4225">IFERROR(INDEX(Jesper!AH$2:AH$366,ROUNDDOWN($C4225/24,0)+1,1)*INDEX($D$3:$AA$30,INDEX(Jesper!$R$2:$R$366,ROW(INDEX(Jesper!AH$2:AH$366,ROUNDDOWN($C4225/24,0)+1,1))-1)+IF('Standard Profiles'!$G$18=$B$10,7,0)+IF('Standard Profiles'!$G$18=$B$17,14,0)+IF('Standard Profiles'!$G$18=$B$24,21,0),MOD($C4225,24)+1)/SUM(INDEX($D$3:$AA$30,INDEX(Jesper!$R$2:$R$366,ROW(INDEX(Jesper!AH$2:AH$366,ROUNDDOWN($C4225/24,0)+1,1))-1)+IF('Standard Profiles'!$G$18=$B$10,7,0)+IF('Standard Profiles'!$G$18=$B$17,14,0)+IF('Standard Profiles'!$G$18=$B$24,21,0),0)),0)</f>
        <v>10.072174484303961</v>
      </c>
      <c r="E4225" cm="1">
        <f t="array" ref="E4225">IFERROR(INDEX(Jesper!AI$2:AI$366,ROUNDDOWN($C4225/24,0)+1,1)*INDEX($D$3:$AA$30,INDEX(Jesper!$R$2:$R$366,ROW(INDEX(Jesper!AI$2:AI$366,ROUNDDOWN($C4225/24,0)+1,1))-1)+IF('Standard Profiles'!$G$19=$B$10,7,0)+IF('Standard Profiles'!$G$19=$B$17,14,0)+IF('Standard Profiles'!$G$19=$B$24,21,0),MOD($C4225,24)+1)/SUM(INDEX($D$3:$AA$30,INDEX(Jesper!$R$2:$R$366,ROW(INDEX(Jesper!AI$2:AI$366,ROUNDDOWN($C4225/24,0)+1,1))-1)+IF('Standard Profiles'!$G$19=$B$10,7,0)+IF('Standard Profiles'!$G$19=$B$17,14,0)+IF('Standard Profiles'!$G$19=$B$24,21,0),0)),0)</f>
        <v>1.4176975963623297</v>
      </c>
      <c r="F4225" cm="1">
        <f t="array" ref="F4225">IFERROR(INDEX(Jesper!AJ$2:AJ$366,ROUNDDOWN($C4225/24,0)+1,1)*INDEX($D$3:$AA$30,INDEX(Jesper!$R$2:$R$366,ROW(INDEX(Jesper!AJ$2:AJ$366,ROUNDDOWN($C4225/24,0)+1,1))-1)+IF('Standard Profiles'!$G$20=$B$10,7,0)+IF('Standard Profiles'!$G$20=$B$17,14,0)+IF('Standard Profiles'!$G$20=$B$24,21,0),MOD($C4225,24)+1)/SUM(INDEX($D$3:$AA$30,INDEX(Jesper!$R$2:$R$366,ROW(INDEX(Jesper!AJ$2:AJ$366,ROUNDDOWN($C4225/24,0)+1,1))-1)+IF('Standard Profiles'!$G$20=$B$10,7,0)+IF('Standard Profiles'!$G$20=$B$17,14,0)+IF('Standard Profiles'!$G$20=$B$24,21,0),0)),0)</f>
        <v>0</v>
      </c>
      <c r="G4225" cm="1">
        <f t="array" ref="G4225">IFERROR(INDEX(Jesper!AK$2:AK$366,ROUNDDOWN($C4225/24,0)+1,1)*INDEX($D$3:$AA$30,INDEX(Jesper!$R$2:$R$366,ROW(INDEX(Jesper!AK$2:AK$366,ROUNDDOWN($C4225/24,0)+1,1))-1)+IF('Standard Profiles'!$G$21=$B$10,7,0)+IF('Standard Profiles'!$G$21=$B$17,14,0)+IF('Standard Profiles'!$G$21=$B$24,21,0),MOD($C4225,24)+1)/SUM(INDEX($D$3:$AA$30,INDEX(Jesper!$R$2:$R$366,ROW(INDEX(Jesper!AK$2:AK$366,ROUNDDOWN($C4225/24,0)+1,1))-1)+IF('Standard Profiles'!$G$21=$B$10,7,0)+IF('Standard Profiles'!$G$21=$B$17,14,0)+IF('Standard Profiles'!$G$21=$B$24,21,0),0)),0)</f>
        <v>0</v>
      </c>
      <c r="H4225" cm="1">
        <f t="array" ref="H4225">IFERROR(INDEX(Jesper!AL$2:AL$366,ROUNDDOWN($C4225/24,0)+1,1)*INDEX($D$3:$AA$30,INDEX(Jesper!$R$2:$R$366,ROW(INDEX(Jesper!AL$2:AL$366,ROUNDDOWN($C4225/24,0)+1,1))-1)+IF('Standard Profiles'!$G$22=$B$10,7,0)+IF('Standard Profiles'!$G$22=$B$17,14,0)+IF('Standard Profiles'!$G$22=$B$24,21,0),MOD($C4225,24)+1)/SUM(INDEX($D$3:$AA$30,INDEX(Jesper!$R$2:$R$366,ROW(INDEX(Jesper!AL$2:AL$366,ROUNDDOWN($C4225/24,0)+1,1))-1)+IF('Standard Profiles'!$G$22=$B$10,7,0)+IF('Standard Profiles'!$G$22=$B$17,14,0)+IF('Standard Profiles'!$G$22=$B$24,21,0),0)),0)</f>
        <v>0</v>
      </c>
      <c r="I4225">
        <f t="shared" si="475"/>
        <v>0.12772050417678649</v>
      </c>
      <c r="J4225">
        <f t="shared" si="476"/>
        <v>0.4257350139226217</v>
      </c>
      <c r="K4225">
        <f t="shared" si="477"/>
        <v>0.63860252088393255</v>
      </c>
      <c r="L4225">
        <f t="shared" si="478"/>
        <v>10.297814041682949</v>
      </c>
      <c r="M4225">
        <f t="shared" si="479"/>
        <v>0</v>
      </c>
      <c r="N4225" s="46">
        <f t="shared" si="480"/>
        <v>45466.624999989835</v>
      </c>
    </row>
    <row r="4226" spans="2:14" x14ac:dyDescent="0.3">
      <c r="B4226">
        <f t="shared" si="474"/>
        <v>7</v>
      </c>
      <c r="C4226" s="16">
        <v>4192</v>
      </c>
      <c r="D4226" cm="1">
        <f t="array" ref="D4226">IFERROR(INDEX(Jesper!AH$2:AH$366,ROUNDDOWN($C4226/24,0)+1,1)*INDEX($D$3:$AA$30,INDEX(Jesper!$R$2:$R$366,ROW(INDEX(Jesper!AH$2:AH$366,ROUNDDOWN($C4226/24,0)+1,1))-1)+IF('Standard Profiles'!$G$18=$B$10,7,0)+IF('Standard Profiles'!$G$18=$B$17,14,0)+IF('Standard Profiles'!$G$18=$B$24,21,0),MOD($C4226,24)+1)/SUM(INDEX($D$3:$AA$30,INDEX(Jesper!$R$2:$R$366,ROW(INDEX(Jesper!AH$2:AH$366,ROUNDDOWN($C4226/24,0)+1,1))-1)+IF('Standard Profiles'!$G$18=$B$10,7,0)+IF('Standard Profiles'!$G$18=$B$17,14,0)+IF('Standard Profiles'!$G$18=$B$24,21,0),0)),0)</f>
        <v>9.8923142256556744</v>
      </c>
      <c r="E4226" cm="1">
        <f t="array" ref="E4226">IFERROR(INDEX(Jesper!AI$2:AI$366,ROUNDDOWN($C4226/24,0)+1,1)*INDEX($D$3:$AA$30,INDEX(Jesper!$R$2:$R$366,ROW(INDEX(Jesper!AI$2:AI$366,ROUNDDOWN($C4226/24,0)+1,1))-1)+IF('Standard Profiles'!$G$19=$B$10,7,0)+IF('Standard Profiles'!$G$19=$B$17,14,0)+IF('Standard Profiles'!$G$19=$B$24,21,0),MOD($C4226,24)+1)/SUM(INDEX($D$3:$AA$30,INDEX(Jesper!$R$2:$R$366,ROW(INDEX(Jesper!AI$2:AI$366,ROUNDDOWN($C4226/24,0)+1,1))-1)+IF('Standard Profiles'!$G$19=$B$10,7,0)+IF('Standard Profiles'!$G$19=$B$17,14,0)+IF('Standard Profiles'!$G$19=$B$24,21,0),0)),0)</f>
        <v>1.3923815678558593</v>
      </c>
      <c r="F4226" cm="1">
        <f t="array" ref="F4226">IFERROR(INDEX(Jesper!AJ$2:AJ$366,ROUNDDOWN($C4226/24,0)+1,1)*INDEX($D$3:$AA$30,INDEX(Jesper!$R$2:$R$366,ROW(INDEX(Jesper!AJ$2:AJ$366,ROUNDDOWN($C4226/24,0)+1,1))-1)+IF('Standard Profiles'!$G$20=$B$10,7,0)+IF('Standard Profiles'!$G$20=$B$17,14,0)+IF('Standard Profiles'!$G$20=$B$24,21,0),MOD($C4226,24)+1)/SUM(INDEX($D$3:$AA$30,INDEX(Jesper!$R$2:$R$366,ROW(INDEX(Jesper!AJ$2:AJ$366,ROUNDDOWN($C4226/24,0)+1,1))-1)+IF('Standard Profiles'!$G$20=$B$10,7,0)+IF('Standard Profiles'!$G$20=$B$17,14,0)+IF('Standard Profiles'!$G$20=$B$24,21,0),0)),0)</f>
        <v>0</v>
      </c>
      <c r="G4226" cm="1">
        <f t="array" ref="G4226">IFERROR(INDEX(Jesper!AK$2:AK$366,ROUNDDOWN($C4226/24,0)+1,1)*INDEX($D$3:$AA$30,INDEX(Jesper!$R$2:$R$366,ROW(INDEX(Jesper!AK$2:AK$366,ROUNDDOWN($C4226/24,0)+1,1))-1)+IF('Standard Profiles'!$G$21=$B$10,7,0)+IF('Standard Profiles'!$G$21=$B$17,14,0)+IF('Standard Profiles'!$G$21=$B$24,21,0),MOD($C4226,24)+1)/SUM(INDEX($D$3:$AA$30,INDEX(Jesper!$R$2:$R$366,ROW(INDEX(Jesper!AK$2:AK$366,ROUNDDOWN($C4226/24,0)+1,1))-1)+IF('Standard Profiles'!$G$21=$B$10,7,0)+IF('Standard Profiles'!$G$21=$B$17,14,0)+IF('Standard Profiles'!$G$21=$B$24,21,0),0)),0)</f>
        <v>0</v>
      </c>
      <c r="H4226" cm="1">
        <f t="array" ref="H4226">IFERROR(INDEX(Jesper!AL$2:AL$366,ROUNDDOWN($C4226/24,0)+1,1)*INDEX($D$3:$AA$30,INDEX(Jesper!$R$2:$R$366,ROW(INDEX(Jesper!AL$2:AL$366,ROUNDDOWN($C4226/24,0)+1,1))-1)+IF('Standard Profiles'!$G$22=$B$10,7,0)+IF('Standard Profiles'!$G$22=$B$17,14,0)+IF('Standard Profiles'!$G$22=$B$24,21,0),MOD($C4226,24)+1)/SUM(INDEX($D$3:$AA$30,INDEX(Jesper!$R$2:$R$366,ROW(INDEX(Jesper!AL$2:AL$366,ROUNDDOWN($C4226/24,0)+1,1))-1)+IF('Standard Profiles'!$G$22=$B$10,7,0)+IF('Standard Profiles'!$G$22=$B$17,14,0)+IF('Standard Profiles'!$G$22=$B$24,21,0),0)),0)</f>
        <v>0</v>
      </c>
      <c r="I4226">
        <f t="shared" si="475"/>
        <v>0.1254397808879153</v>
      </c>
      <c r="J4226">
        <f t="shared" si="476"/>
        <v>0.41813260295971766</v>
      </c>
      <c r="K4226">
        <f t="shared" si="477"/>
        <v>0.62719890443957649</v>
      </c>
      <c r="L4226">
        <f t="shared" si="478"/>
        <v>10.113924505224324</v>
      </c>
      <c r="M4226">
        <f t="shared" si="479"/>
        <v>0</v>
      </c>
      <c r="N4226" s="46">
        <f t="shared" si="480"/>
        <v>45466.6666666565</v>
      </c>
    </row>
    <row r="4227" spans="2:14" x14ac:dyDescent="0.3">
      <c r="B4227">
        <f t="shared" si="474"/>
        <v>7</v>
      </c>
      <c r="C4227" s="16">
        <v>4193</v>
      </c>
      <c r="D4227" cm="1">
        <f t="array" ref="D4227">IFERROR(INDEX(Jesper!AH$2:AH$366,ROUNDDOWN($C4227/24,0)+1,1)*INDEX($D$3:$AA$30,INDEX(Jesper!$R$2:$R$366,ROW(INDEX(Jesper!AH$2:AH$366,ROUNDDOWN($C4227/24,0)+1,1))-1)+IF('Standard Profiles'!$G$18=$B$10,7,0)+IF('Standard Profiles'!$G$18=$B$17,14,0)+IF('Standard Profiles'!$G$18=$B$24,21,0),MOD($C4227,24)+1)/SUM(INDEX($D$3:$AA$30,INDEX(Jesper!$R$2:$R$366,ROW(INDEX(Jesper!AH$2:AH$366,ROUNDDOWN($C4227/24,0)+1,1))-1)+IF('Standard Profiles'!$G$18=$B$10,7,0)+IF('Standard Profiles'!$G$18=$B$17,14,0)+IF('Standard Profiles'!$G$18=$B$24,21,0),0)),0)</f>
        <v>8.4534321564693968</v>
      </c>
      <c r="E4227" cm="1">
        <f t="array" ref="E4227">IFERROR(INDEX(Jesper!AI$2:AI$366,ROUNDDOWN($C4227/24,0)+1,1)*INDEX($D$3:$AA$30,INDEX(Jesper!$R$2:$R$366,ROW(INDEX(Jesper!AI$2:AI$366,ROUNDDOWN($C4227/24,0)+1,1))-1)+IF('Standard Profiles'!$G$19=$B$10,7,0)+IF('Standard Profiles'!$G$19=$B$17,14,0)+IF('Standard Profiles'!$G$19=$B$24,21,0),MOD($C4227,24)+1)/SUM(INDEX($D$3:$AA$30,INDEX(Jesper!$R$2:$R$366,ROW(INDEX(Jesper!AI$2:AI$366,ROUNDDOWN($C4227/24,0)+1,1))-1)+IF('Standard Profiles'!$G$19=$B$10,7,0)+IF('Standard Profiles'!$G$19=$B$17,14,0)+IF('Standard Profiles'!$G$19=$B$24,21,0),0)),0)</f>
        <v>1.189853339804098</v>
      </c>
      <c r="F4227" cm="1">
        <f t="array" ref="F4227">IFERROR(INDEX(Jesper!AJ$2:AJ$366,ROUNDDOWN($C4227/24,0)+1,1)*INDEX($D$3:$AA$30,INDEX(Jesper!$R$2:$R$366,ROW(INDEX(Jesper!AJ$2:AJ$366,ROUNDDOWN($C4227/24,0)+1,1))-1)+IF('Standard Profiles'!$G$20=$B$10,7,0)+IF('Standard Profiles'!$G$20=$B$17,14,0)+IF('Standard Profiles'!$G$20=$B$24,21,0),MOD($C4227,24)+1)/SUM(INDEX($D$3:$AA$30,INDEX(Jesper!$R$2:$R$366,ROW(INDEX(Jesper!AJ$2:AJ$366,ROUNDDOWN($C4227/24,0)+1,1))-1)+IF('Standard Profiles'!$G$20=$B$10,7,0)+IF('Standard Profiles'!$G$20=$B$17,14,0)+IF('Standard Profiles'!$G$20=$B$24,21,0),0)),0)</f>
        <v>0</v>
      </c>
      <c r="G4227" cm="1">
        <f t="array" ref="G4227">IFERROR(INDEX(Jesper!AK$2:AK$366,ROUNDDOWN($C4227/24,0)+1,1)*INDEX($D$3:$AA$30,INDEX(Jesper!$R$2:$R$366,ROW(INDEX(Jesper!AK$2:AK$366,ROUNDDOWN($C4227/24,0)+1,1))-1)+IF('Standard Profiles'!$G$21=$B$10,7,0)+IF('Standard Profiles'!$G$21=$B$17,14,0)+IF('Standard Profiles'!$G$21=$B$24,21,0),MOD($C4227,24)+1)/SUM(INDEX($D$3:$AA$30,INDEX(Jesper!$R$2:$R$366,ROW(INDEX(Jesper!AK$2:AK$366,ROUNDDOWN($C4227/24,0)+1,1))-1)+IF('Standard Profiles'!$G$21=$B$10,7,0)+IF('Standard Profiles'!$G$21=$B$17,14,0)+IF('Standard Profiles'!$G$21=$B$24,21,0),0)),0)</f>
        <v>0</v>
      </c>
      <c r="H4227" cm="1">
        <f t="array" ref="H4227">IFERROR(INDEX(Jesper!AL$2:AL$366,ROUNDDOWN($C4227/24,0)+1,1)*INDEX($D$3:$AA$30,INDEX(Jesper!$R$2:$R$366,ROW(INDEX(Jesper!AL$2:AL$366,ROUNDDOWN($C4227/24,0)+1,1))-1)+IF('Standard Profiles'!$G$22=$B$10,7,0)+IF('Standard Profiles'!$G$22=$B$17,14,0)+IF('Standard Profiles'!$G$22=$B$24,21,0),MOD($C4227,24)+1)/SUM(INDEX($D$3:$AA$30,INDEX(Jesper!$R$2:$R$366,ROW(INDEX(Jesper!AL$2:AL$366,ROUNDDOWN($C4227/24,0)+1,1))-1)+IF('Standard Profiles'!$G$22=$B$10,7,0)+IF('Standard Profiles'!$G$22=$B$17,14,0)+IF('Standard Profiles'!$G$22=$B$24,21,0),0)),0)</f>
        <v>0</v>
      </c>
      <c r="I4227">
        <f t="shared" si="475"/>
        <v>0.1071939945769458</v>
      </c>
      <c r="J4227">
        <f t="shared" si="476"/>
        <v>0.35731331525648602</v>
      </c>
      <c r="K4227">
        <f t="shared" si="477"/>
        <v>0.53596997288472903</v>
      </c>
      <c r="L4227">
        <f t="shared" si="478"/>
        <v>8.6428082135553339</v>
      </c>
      <c r="M4227">
        <f t="shared" si="479"/>
        <v>0</v>
      </c>
      <c r="N4227" s="46">
        <f t="shared" si="480"/>
        <v>45466.708333323164</v>
      </c>
    </row>
    <row r="4228" spans="2:14" x14ac:dyDescent="0.3">
      <c r="B4228">
        <f t="shared" si="474"/>
        <v>7</v>
      </c>
      <c r="C4228" s="16">
        <v>4194</v>
      </c>
      <c r="D4228" cm="1">
        <f t="array" ref="D4228">IFERROR(INDEX(Jesper!AH$2:AH$366,ROUNDDOWN($C4228/24,0)+1,1)*INDEX($D$3:$AA$30,INDEX(Jesper!$R$2:$R$366,ROW(INDEX(Jesper!AH$2:AH$366,ROUNDDOWN($C4228/24,0)+1,1))-1)+IF('Standard Profiles'!$G$18=$B$10,7,0)+IF('Standard Profiles'!$G$18=$B$17,14,0)+IF('Standard Profiles'!$G$18=$B$24,21,0),MOD($C4228,24)+1)/SUM(INDEX($D$3:$AA$30,INDEX(Jesper!$R$2:$R$366,ROW(INDEX(Jesper!AH$2:AH$366,ROUNDDOWN($C4228/24,0)+1,1))-1)+IF('Standard Profiles'!$G$18=$B$10,7,0)+IF('Standard Profiles'!$G$18=$B$17,14,0)+IF('Standard Profiles'!$G$18=$B$24,21,0),0)),0)</f>
        <v>7.913851380524541</v>
      </c>
      <c r="E4228" cm="1">
        <f t="array" ref="E4228">IFERROR(INDEX(Jesper!AI$2:AI$366,ROUNDDOWN($C4228/24,0)+1,1)*INDEX($D$3:$AA$30,INDEX(Jesper!$R$2:$R$366,ROW(INDEX(Jesper!AI$2:AI$366,ROUNDDOWN($C4228/24,0)+1,1))-1)+IF('Standard Profiles'!$G$19=$B$10,7,0)+IF('Standard Profiles'!$G$19=$B$17,14,0)+IF('Standard Profiles'!$G$19=$B$24,21,0),MOD($C4228,24)+1)/SUM(INDEX($D$3:$AA$30,INDEX(Jesper!$R$2:$R$366,ROW(INDEX(Jesper!AI$2:AI$366,ROUNDDOWN($C4228/24,0)+1,1))-1)+IF('Standard Profiles'!$G$19=$B$10,7,0)+IF('Standard Profiles'!$G$19=$B$17,14,0)+IF('Standard Profiles'!$G$19=$B$24,21,0),0)),0)</f>
        <v>1.1139052542846877</v>
      </c>
      <c r="F4228" cm="1">
        <f t="array" ref="F4228">IFERROR(INDEX(Jesper!AJ$2:AJ$366,ROUNDDOWN($C4228/24,0)+1,1)*INDEX($D$3:$AA$30,INDEX(Jesper!$R$2:$R$366,ROW(INDEX(Jesper!AJ$2:AJ$366,ROUNDDOWN($C4228/24,0)+1,1))-1)+IF('Standard Profiles'!$G$20=$B$10,7,0)+IF('Standard Profiles'!$G$20=$B$17,14,0)+IF('Standard Profiles'!$G$20=$B$24,21,0),MOD($C4228,24)+1)/SUM(INDEX($D$3:$AA$30,INDEX(Jesper!$R$2:$R$366,ROW(INDEX(Jesper!AJ$2:AJ$366,ROUNDDOWN($C4228/24,0)+1,1))-1)+IF('Standard Profiles'!$G$20=$B$10,7,0)+IF('Standard Profiles'!$G$20=$B$17,14,0)+IF('Standard Profiles'!$G$20=$B$24,21,0),0)),0)</f>
        <v>0</v>
      </c>
      <c r="G4228" cm="1">
        <f t="array" ref="G4228">IFERROR(INDEX(Jesper!AK$2:AK$366,ROUNDDOWN($C4228/24,0)+1,1)*INDEX($D$3:$AA$30,INDEX(Jesper!$R$2:$R$366,ROW(INDEX(Jesper!AK$2:AK$366,ROUNDDOWN($C4228/24,0)+1,1))-1)+IF('Standard Profiles'!$G$21=$B$10,7,0)+IF('Standard Profiles'!$G$21=$B$17,14,0)+IF('Standard Profiles'!$G$21=$B$24,21,0),MOD($C4228,24)+1)/SUM(INDEX($D$3:$AA$30,INDEX(Jesper!$R$2:$R$366,ROW(INDEX(Jesper!AK$2:AK$366,ROUNDDOWN($C4228/24,0)+1,1))-1)+IF('Standard Profiles'!$G$21=$B$10,7,0)+IF('Standard Profiles'!$G$21=$B$17,14,0)+IF('Standard Profiles'!$G$21=$B$24,21,0),0)),0)</f>
        <v>0</v>
      </c>
      <c r="H4228" cm="1">
        <f t="array" ref="H4228">IFERROR(INDEX(Jesper!AL$2:AL$366,ROUNDDOWN($C4228/24,0)+1,1)*INDEX($D$3:$AA$30,INDEX(Jesper!$R$2:$R$366,ROW(INDEX(Jesper!AL$2:AL$366,ROUNDDOWN($C4228/24,0)+1,1))-1)+IF('Standard Profiles'!$G$22=$B$10,7,0)+IF('Standard Profiles'!$G$22=$B$17,14,0)+IF('Standard Profiles'!$G$22=$B$24,21,0),MOD($C4228,24)+1)/SUM(INDEX($D$3:$AA$30,INDEX(Jesper!$R$2:$R$366,ROW(INDEX(Jesper!AL$2:AL$366,ROUNDDOWN($C4228/24,0)+1,1))-1)+IF('Standard Profiles'!$G$22=$B$10,7,0)+IF('Standard Profiles'!$G$22=$B$17,14,0)+IF('Standard Profiles'!$G$22=$B$24,21,0),0)),0)</f>
        <v>0</v>
      </c>
      <c r="I4228">
        <f t="shared" si="475"/>
        <v>0.10035182471033224</v>
      </c>
      <c r="J4228">
        <f t="shared" si="476"/>
        <v>0.33450608236777418</v>
      </c>
      <c r="K4228">
        <f t="shared" si="477"/>
        <v>0.5017591235516613</v>
      </c>
      <c r="L4228">
        <f t="shared" si="478"/>
        <v>8.0911396041794603</v>
      </c>
      <c r="M4228">
        <f t="shared" si="479"/>
        <v>0</v>
      </c>
      <c r="N4228" s="46">
        <f t="shared" si="480"/>
        <v>45466.749999989828</v>
      </c>
    </row>
    <row r="4229" spans="2:14" x14ac:dyDescent="0.3">
      <c r="B4229">
        <f t="shared" si="474"/>
        <v>7</v>
      </c>
      <c r="C4229" s="16">
        <v>4195</v>
      </c>
      <c r="D4229" cm="1">
        <f t="array" ref="D4229">IFERROR(INDEX(Jesper!AH$2:AH$366,ROUNDDOWN($C4229/24,0)+1,1)*INDEX($D$3:$AA$30,INDEX(Jesper!$R$2:$R$366,ROW(INDEX(Jesper!AH$2:AH$366,ROUNDDOWN($C4229/24,0)+1,1))-1)+IF('Standard Profiles'!$G$18=$B$10,7,0)+IF('Standard Profiles'!$G$18=$B$17,14,0)+IF('Standard Profiles'!$G$18=$B$24,21,0),MOD($C4229,24)+1)/SUM(INDEX($D$3:$AA$30,INDEX(Jesper!$R$2:$R$366,ROW(INDEX(Jesper!AH$2:AH$366,ROUNDDOWN($C4229/24,0)+1,1))-1)+IF('Standard Profiles'!$G$18=$B$10,7,0)+IF('Standard Profiles'!$G$18=$B$17,14,0)+IF('Standard Profiles'!$G$18=$B$24,21,0),0)),0)</f>
        <v>6.6548295699865463</v>
      </c>
      <c r="E4229" cm="1">
        <f t="array" ref="E4229">IFERROR(INDEX(Jesper!AI$2:AI$366,ROUNDDOWN($C4229/24,0)+1,1)*INDEX($D$3:$AA$30,INDEX(Jesper!$R$2:$R$366,ROW(INDEX(Jesper!AI$2:AI$366,ROUNDDOWN($C4229/24,0)+1,1))-1)+IF('Standard Profiles'!$G$19=$B$10,7,0)+IF('Standard Profiles'!$G$19=$B$17,14,0)+IF('Standard Profiles'!$G$19=$B$24,21,0),MOD($C4229,24)+1)/SUM(INDEX($D$3:$AA$30,INDEX(Jesper!$R$2:$R$366,ROW(INDEX(Jesper!AI$2:AI$366,ROUNDDOWN($C4229/24,0)+1,1))-1)+IF('Standard Profiles'!$G$19=$B$10,7,0)+IF('Standard Profiles'!$G$19=$B$17,14,0)+IF('Standard Profiles'!$G$19=$B$24,21,0),0)),0)</f>
        <v>0.93669305473939635</v>
      </c>
      <c r="F4229" cm="1">
        <f t="array" ref="F4229">IFERROR(INDEX(Jesper!AJ$2:AJ$366,ROUNDDOWN($C4229/24,0)+1,1)*INDEX($D$3:$AA$30,INDEX(Jesper!$R$2:$R$366,ROW(INDEX(Jesper!AJ$2:AJ$366,ROUNDDOWN($C4229/24,0)+1,1))-1)+IF('Standard Profiles'!$G$20=$B$10,7,0)+IF('Standard Profiles'!$G$20=$B$17,14,0)+IF('Standard Profiles'!$G$20=$B$24,21,0),MOD($C4229,24)+1)/SUM(INDEX($D$3:$AA$30,INDEX(Jesper!$R$2:$R$366,ROW(INDEX(Jesper!AJ$2:AJ$366,ROUNDDOWN($C4229/24,0)+1,1))-1)+IF('Standard Profiles'!$G$20=$B$10,7,0)+IF('Standard Profiles'!$G$20=$B$17,14,0)+IF('Standard Profiles'!$G$20=$B$24,21,0),0)),0)</f>
        <v>0</v>
      </c>
      <c r="G4229" cm="1">
        <f t="array" ref="G4229">IFERROR(INDEX(Jesper!AK$2:AK$366,ROUNDDOWN($C4229/24,0)+1,1)*INDEX($D$3:$AA$30,INDEX(Jesper!$R$2:$R$366,ROW(INDEX(Jesper!AK$2:AK$366,ROUNDDOWN($C4229/24,0)+1,1))-1)+IF('Standard Profiles'!$G$21=$B$10,7,0)+IF('Standard Profiles'!$G$21=$B$17,14,0)+IF('Standard Profiles'!$G$21=$B$24,21,0),MOD($C4229,24)+1)/SUM(INDEX($D$3:$AA$30,INDEX(Jesper!$R$2:$R$366,ROW(INDEX(Jesper!AK$2:AK$366,ROUNDDOWN($C4229/24,0)+1,1))-1)+IF('Standard Profiles'!$G$21=$B$10,7,0)+IF('Standard Profiles'!$G$21=$B$17,14,0)+IF('Standard Profiles'!$G$21=$B$24,21,0),0)),0)</f>
        <v>0</v>
      </c>
      <c r="H4229" cm="1">
        <f t="array" ref="H4229">IFERROR(INDEX(Jesper!AL$2:AL$366,ROUNDDOWN($C4229/24,0)+1,1)*INDEX($D$3:$AA$30,INDEX(Jesper!$R$2:$R$366,ROW(INDEX(Jesper!AL$2:AL$366,ROUNDDOWN($C4229/24,0)+1,1))-1)+IF('Standard Profiles'!$G$22=$B$10,7,0)+IF('Standard Profiles'!$G$22=$B$17,14,0)+IF('Standard Profiles'!$G$22=$B$24,21,0),MOD($C4229,24)+1)/SUM(INDEX($D$3:$AA$30,INDEX(Jesper!$R$2:$R$366,ROW(INDEX(Jesper!AL$2:AL$366,ROUNDDOWN($C4229/24,0)+1,1))-1)+IF('Standard Profiles'!$G$22=$B$10,7,0)+IF('Standard Profiles'!$G$22=$B$17,14,0)+IF('Standard Profiles'!$G$22=$B$24,21,0),0)),0)</f>
        <v>0</v>
      </c>
      <c r="I4229">
        <f t="shared" si="475"/>
        <v>8.4386761688233933E-2</v>
      </c>
      <c r="J4229">
        <f t="shared" si="476"/>
        <v>0.28128920562744647</v>
      </c>
      <c r="K4229">
        <f t="shared" si="477"/>
        <v>0.42193380844116968</v>
      </c>
      <c r="L4229">
        <f t="shared" si="478"/>
        <v>6.8039128489690928</v>
      </c>
      <c r="M4229">
        <f t="shared" si="479"/>
        <v>0</v>
      </c>
      <c r="N4229" s="46">
        <f t="shared" si="480"/>
        <v>45466.791666656492</v>
      </c>
    </row>
    <row r="4230" spans="2:14" x14ac:dyDescent="0.3">
      <c r="B4230">
        <f t="shared" si="474"/>
        <v>7</v>
      </c>
      <c r="C4230" s="16">
        <v>4196</v>
      </c>
      <c r="D4230" cm="1">
        <f t="array" ref="D4230">IFERROR(INDEX(Jesper!AH$2:AH$366,ROUNDDOWN($C4230/24,0)+1,1)*INDEX($D$3:$AA$30,INDEX(Jesper!$R$2:$R$366,ROW(INDEX(Jesper!AH$2:AH$366,ROUNDDOWN($C4230/24,0)+1,1))-1)+IF('Standard Profiles'!$G$18=$B$10,7,0)+IF('Standard Profiles'!$G$18=$B$17,14,0)+IF('Standard Profiles'!$G$18=$B$24,21,0),MOD($C4230,24)+1)/SUM(INDEX($D$3:$AA$30,INDEX(Jesper!$R$2:$R$366,ROW(INDEX(Jesper!AH$2:AH$366,ROUNDDOWN($C4230/24,0)+1,1))-1)+IF('Standard Profiles'!$G$18=$B$10,7,0)+IF('Standard Profiles'!$G$18=$B$17,14,0)+IF('Standard Profiles'!$G$18=$B$24,21,0),0)),0)</f>
        <v>5.5756680180968345</v>
      </c>
      <c r="E4230" cm="1">
        <f t="array" ref="E4230">IFERROR(INDEX(Jesper!AI$2:AI$366,ROUNDDOWN($C4230/24,0)+1,1)*INDEX($D$3:$AA$30,INDEX(Jesper!$R$2:$R$366,ROW(INDEX(Jesper!AI$2:AI$366,ROUNDDOWN($C4230/24,0)+1,1))-1)+IF('Standard Profiles'!$G$19=$B$10,7,0)+IF('Standard Profiles'!$G$19=$B$17,14,0)+IF('Standard Profiles'!$G$19=$B$24,21,0),MOD($C4230,24)+1)/SUM(INDEX($D$3:$AA$30,INDEX(Jesper!$R$2:$R$366,ROW(INDEX(Jesper!AI$2:AI$366,ROUNDDOWN($C4230/24,0)+1,1))-1)+IF('Standard Profiles'!$G$19=$B$10,7,0)+IF('Standard Profiles'!$G$19=$B$17,14,0)+IF('Standard Profiles'!$G$19=$B$24,21,0),0)),0)</f>
        <v>0.78479688370057532</v>
      </c>
      <c r="F4230" cm="1">
        <f t="array" ref="F4230">IFERROR(INDEX(Jesper!AJ$2:AJ$366,ROUNDDOWN($C4230/24,0)+1,1)*INDEX($D$3:$AA$30,INDEX(Jesper!$R$2:$R$366,ROW(INDEX(Jesper!AJ$2:AJ$366,ROUNDDOWN($C4230/24,0)+1,1))-1)+IF('Standard Profiles'!$G$20=$B$10,7,0)+IF('Standard Profiles'!$G$20=$B$17,14,0)+IF('Standard Profiles'!$G$20=$B$24,21,0),MOD($C4230,24)+1)/SUM(INDEX($D$3:$AA$30,INDEX(Jesper!$R$2:$R$366,ROW(INDEX(Jesper!AJ$2:AJ$366,ROUNDDOWN($C4230/24,0)+1,1))-1)+IF('Standard Profiles'!$G$20=$B$10,7,0)+IF('Standard Profiles'!$G$20=$B$17,14,0)+IF('Standard Profiles'!$G$20=$B$24,21,0),0)),0)</f>
        <v>0</v>
      </c>
      <c r="G4230" cm="1">
        <f t="array" ref="G4230">IFERROR(INDEX(Jesper!AK$2:AK$366,ROUNDDOWN($C4230/24,0)+1,1)*INDEX($D$3:$AA$30,INDEX(Jesper!$R$2:$R$366,ROW(INDEX(Jesper!AK$2:AK$366,ROUNDDOWN($C4230/24,0)+1,1))-1)+IF('Standard Profiles'!$G$21=$B$10,7,0)+IF('Standard Profiles'!$G$21=$B$17,14,0)+IF('Standard Profiles'!$G$21=$B$24,21,0),MOD($C4230,24)+1)/SUM(INDEX($D$3:$AA$30,INDEX(Jesper!$R$2:$R$366,ROW(INDEX(Jesper!AK$2:AK$366,ROUNDDOWN($C4230/24,0)+1,1))-1)+IF('Standard Profiles'!$G$21=$B$10,7,0)+IF('Standard Profiles'!$G$21=$B$17,14,0)+IF('Standard Profiles'!$G$21=$B$24,21,0),0)),0)</f>
        <v>0</v>
      </c>
      <c r="H4230" cm="1">
        <f t="array" ref="H4230">IFERROR(INDEX(Jesper!AL$2:AL$366,ROUNDDOWN($C4230/24,0)+1,1)*INDEX($D$3:$AA$30,INDEX(Jesper!$R$2:$R$366,ROW(INDEX(Jesper!AL$2:AL$366,ROUNDDOWN($C4230/24,0)+1,1))-1)+IF('Standard Profiles'!$G$22=$B$10,7,0)+IF('Standard Profiles'!$G$22=$B$17,14,0)+IF('Standard Profiles'!$G$22=$B$24,21,0),MOD($C4230,24)+1)/SUM(INDEX($D$3:$AA$30,INDEX(Jesper!$R$2:$R$366,ROW(INDEX(Jesper!AL$2:AL$366,ROUNDDOWN($C4230/24,0)+1,1))-1)+IF('Standard Profiles'!$G$22=$B$10,7,0)+IF('Standard Profiles'!$G$22=$B$17,14,0)+IF('Standard Profiles'!$G$22=$B$24,21,0),0)),0)</f>
        <v>0</v>
      </c>
      <c r="I4230">
        <f t="shared" si="475"/>
        <v>7.0702421955006797E-2</v>
      </c>
      <c r="J4230">
        <f t="shared" si="476"/>
        <v>0.23567473985002271</v>
      </c>
      <c r="K4230">
        <f t="shared" si="477"/>
        <v>0.35351210977503406</v>
      </c>
      <c r="L4230">
        <f t="shared" si="478"/>
        <v>5.7005756302173465</v>
      </c>
      <c r="M4230">
        <f t="shared" si="479"/>
        <v>0</v>
      </c>
      <c r="N4230" s="46">
        <f t="shared" si="480"/>
        <v>45466.833333323157</v>
      </c>
    </row>
    <row r="4231" spans="2:14" x14ac:dyDescent="0.3">
      <c r="B4231">
        <f t="shared" si="474"/>
        <v>7</v>
      </c>
      <c r="C4231" s="16">
        <v>4197</v>
      </c>
      <c r="D4231" cm="1">
        <f t="array" ref="D4231">IFERROR(INDEX(Jesper!AH$2:AH$366,ROUNDDOWN($C4231/24,0)+1,1)*INDEX($D$3:$AA$30,INDEX(Jesper!$R$2:$R$366,ROW(INDEX(Jesper!AH$2:AH$366,ROUNDDOWN($C4231/24,0)+1,1))-1)+IF('Standard Profiles'!$G$18=$B$10,7,0)+IF('Standard Profiles'!$G$18=$B$17,14,0)+IF('Standard Profiles'!$G$18=$B$24,21,0),MOD($C4231,24)+1)/SUM(INDEX($D$3:$AA$30,INDEX(Jesper!$R$2:$R$366,ROW(INDEX(Jesper!AH$2:AH$366,ROUNDDOWN($C4231/24,0)+1,1))-1)+IF('Standard Profiles'!$G$18=$B$10,7,0)+IF('Standard Profiles'!$G$18=$B$17,14,0)+IF('Standard Profiles'!$G$18=$B$24,21,0),0)),0)</f>
        <v>4.8562269835036957</v>
      </c>
      <c r="E4231" cm="1">
        <f t="array" ref="E4231">IFERROR(INDEX(Jesper!AI$2:AI$366,ROUNDDOWN($C4231/24,0)+1,1)*INDEX($D$3:$AA$30,INDEX(Jesper!$R$2:$R$366,ROW(INDEX(Jesper!AI$2:AI$366,ROUNDDOWN($C4231/24,0)+1,1))-1)+IF('Standard Profiles'!$G$19=$B$10,7,0)+IF('Standard Profiles'!$G$19=$B$17,14,0)+IF('Standard Profiles'!$G$19=$B$24,21,0),MOD($C4231,24)+1)/SUM(INDEX($D$3:$AA$30,INDEX(Jesper!$R$2:$R$366,ROW(INDEX(Jesper!AI$2:AI$366,ROUNDDOWN($C4231/24,0)+1,1))-1)+IF('Standard Profiles'!$G$19=$B$10,7,0)+IF('Standard Profiles'!$G$19=$B$17,14,0)+IF('Standard Profiles'!$G$19=$B$24,21,0),0)),0)</f>
        <v>0.68353276967469467</v>
      </c>
      <c r="F4231" cm="1">
        <f t="array" ref="F4231">IFERROR(INDEX(Jesper!AJ$2:AJ$366,ROUNDDOWN($C4231/24,0)+1,1)*INDEX($D$3:$AA$30,INDEX(Jesper!$R$2:$R$366,ROW(INDEX(Jesper!AJ$2:AJ$366,ROUNDDOWN($C4231/24,0)+1,1))-1)+IF('Standard Profiles'!$G$20=$B$10,7,0)+IF('Standard Profiles'!$G$20=$B$17,14,0)+IF('Standard Profiles'!$G$20=$B$24,21,0),MOD($C4231,24)+1)/SUM(INDEX($D$3:$AA$30,INDEX(Jesper!$R$2:$R$366,ROW(INDEX(Jesper!AJ$2:AJ$366,ROUNDDOWN($C4231/24,0)+1,1))-1)+IF('Standard Profiles'!$G$20=$B$10,7,0)+IF('Standard Profiles'!$G$20=$B$17,14,0)+IF('Standard Profiles'!$G$20=$B$24,21,0),0)),0)</f>
        <v>0</v>
      </c>
      <c r="G4231" cm="1">
        <f t="array" ref="G4231">IFERROR(INDEX(Jesper!AK$2:AK$366,ROUNDDOWN($C4231/24,0)+1,1)*INDEX($D$3:$AA$30,INDEX(Jesper!$R$2:$R$366,ROW(INDEX(Jesper!AK$2:AK$366,ROUNDDOWN($C4231/24,0)+1,1))-1)+IF('Standard Profiles'!$G$21=$B$10,7,0)+IF('Standard Profiles'!$G$21=$B$17,14,0)+IF('Standard Profiles'!$G$21=$B$24,21,0),MOD($C4231,24)+1)/SUM(INDEX($D$3:$AA$30,INDEX(Jesper!$R$2:$R$366,ROW(INDEX(Jesper!AK$2:AK$366,ROUNDDOWN($C4231/24,0)+1,1))-1)+IF('Standard Profiles'!$G$21=$B$10,7,0)+IF('Standard Profiles'!$G$21=$B$17,14,0)+IF('Standard Profiles'!$G$21=$B$24,21,0),0)),0)</f>
        <v>0</v>
      </c>
      <c r="H4231" cm="1">
        <f t="array" ref="H4231">IFERROR(INDEX(Jesper!AL$2:AL$366,ROUNDDOWN($C4231/24,0)+1,1)*INDEX($D$3:$AA$30,INDEX(Jesper!$R$2:$R$366,ROW(INDEX(Jesper!AL$2:AL$366,ROUNDDOWN($C4231/24,0)+1,1))-1)+IF('Standard Profiles'!$G$22=$B$10,7,0)+IF('Standard Profiles'!$G$22=$B$17,14,0)+IF('Standard Profiles'!$G$22=$B$24,21,0),MOD($C4231,24)+1)/SUM(INDEX($D$3:$AA$30,INDEX(Jesper!$R$2:$R$366,ROW(INDEX(Jesper!AL$2:AL$366,ROUNDDOWN($C4231/24,0)+1,1))-1)+IF('Standard Profiles'!$G$22=$B$10,7,0)+IF('Standard Profiles'!$G$22=$B$17,14,0)+IF('Standard Profiles'!$G$22=$B$24,21,0),0)),0)</f>
        <v>0</v>
      </c>
      <c r="I4231">
        <f t="shared" si="475"/>
        <v>6.1579528799522061E-2</v>
      </c>
      <c r="J4231">
        <f t="shared" si="476"/>
        <v>0.20526509599840689</v>
      </c>
      <c r="K4231">
        <f t="shared" si="477"/>
        <v>0.30789764399761033</v>
      </c>
      <c r="L4231">
        <f t="shared" si="478"/>
        <v>4.9650174843828516</v>
      </c>
      <c r="M4231">
        <f t="shared" si="479"/>
        <v>0</v>
      </c>
      <c r="N4231" s="46">
        <f t="shared" si="480"/>
        <v>45466.874999989821</v>
      </c>
    </row>
    <row r="4232" spans="2:14" x14ac:dyDescent="0.3">
      <c r="B4232">
        <f t="shared" si="474"/>
        <v>7</v>
      </c>
      <c r="C4232" s="16">
        <v>4198</v>
      </c>
      <c r="D4232" cm="1">
        <f t="array" ref="D4232">IFERROR(INDEX(Jesper!AH$2:AH$366,ROUNDDOWN($C4232/24,0)+1,1)*INDEX($D$3:$AA$30,INDEX(Jesper!$R$2:$R$366,ROW(INDEX(Jesper!AH$2:AH$366,ROUNDDOWN($C4232/24,0)+1,1))-1)+IF('Standard Profiles'!$G$18=$B$10,7,0)+IF('Standard Profiles'!$G$18=$B$17,14,0)+IF('Standard Profiles'!$G$18=$B$24,21,0),MOD($C4232,24)+1)/SUM(INDEX($D$3:$AA$30,INDEX(Jesper!$R$2:$R$366,ROW(INDEX(Jesper!AH$2:AH$366,ROUNDDOWN($C4232/24,0)+1,1))-1)+IF('Standard Profiles'!$G$18=$B$10,7,0)+IF('Standard Profiles'!$G$18=$B$17,14,0)+IF('Standard Profiles'!$G$18=$B$24,21,0),0)),0)</f>
        <v>4.8562269835036957</v>
      </c>
      <c r="E4232" cm="1">
        <f t="array" ref="E4232">IFERROR(INDEX(Jesper!AI$2:AI$366,ROUNDDOWN($C4232/24,0)+1,1)*INDEX($D$3:$AA$30,INDEX(Jesper!$R$2:$R$366,ROW(INDEX(Jesper!AI$2:AI$366,ROUNDDOWN($C4232/24,0)+1,1))-1)+IF('Standard Profiles'!$G$19=$B$10,7,0)+IF('Standard Profiles'!$G$19=$B$17,14,0)+IF('Standard Profiles'!$G$19=$B$24,21,0),MOD($C4232,24)+1)/SUM(INDEX($D$3:$AA$30,INDEX(Jesper!$R$2:$R$366,ROW(INDEX(Jesper!AI$2:AI$366,ROUNDDOWN($C4232/24,0)+1,1))-1)+IF('Standard Profiles'!$G$19=$B$10,7,0)+IF('Standard Profiles'!$G$19=$B$17,14,0)+IF('Standard Profiles'!$G$19=$B$24,21,0),0)),0)</f>
        <v>0.68353276967469467</v>
      </c>
      <c r="F4232" cm="1">
        <f t="array" ref="F4232">IFERROR(INDEX(Jesper!AJ$2:AJ$366,ROUNDDOWN($C4232/24,0)+1,1)*INDEX($D$3:$AA$30,INDEX(Jesper!$R$2:$R$366,ROW(INDEX(Jesper!AJ$2:AJ$366,ROUNDDOWN($C4232/24,0)+1,1))-1)+IF('Standard Profiles'!$G$20=$B$10,7,0)+IF('Standard Profiles'!$G$20=$B$17,14,0)+IF('Standard Profiles'!$G$20=$B$24,21,0),MOD($C4232,24)+1)/SUM(INDEX($D$3:$AA$30,INDEX(Jesper!$R$2:$R$366,ROW(INDEX(Jesper!AJ$2:AJ$366,ROUNDDOWN($C4232/24,0)+1,1))-1)+IF('Standard Profiles'!$G$20=$B$10,7,0)+IF('Standard Profiles'!$G$20=$B$17,14,0)+IF('Standard Profiles'!$G$20=$B$24,21,0),0)),0)</f>
        <v>0</v>
      </c>
      <c r="G4232" cm="1">
        <f t="array" ref="G4232">IFERROR(INDEX(Jesper!AK$2:AK$366,ROUNDDOWN($C4232/24,0)+1,1)*INDEX($D$3:$AA$30,INDEX(Jesper!$R$2:$R$366,ROW(INDEX(Jesper!AK$2:AK$366,ROUNDDOWN($C4232/24,0)+1,1))-1)+IF('Standard Profiles'!$G$21=$B$10,7,0)+IF('Standard Profiles'!$G$21=$B$17,14,0)+IF('Standard Profiles'!$G$21=$B$24,21,0),MOD($C4232,24)+1)/SUM(INDEX($D$3:$AA$30,INDEX(Jesper!$R$2:$R$366,ROW(INDEX(Jesper!AK$2:AK$366,ROUNDDOWN($C4232/24,0)+1,1))-1)+IF('Standard Profiles'!$G$21=$B$10,7,0)+IF('Standard Profiles'!$G$21=$B$17,14,0)+IF('Standard Profiles'!$G$21=$B$24,21,0),0)),0)</f>
        <v>0</v>
      </c>
      <c r="H4232" cm="1">
        <f t="array" ref="H4232">IFERROR(INDEX(Jesper!AL$2:AL$366,ROUNDDOWN($C4232/24,0)+1,1)*INDEX($D$3:$AA$30,INDEX(Jesper!$R$2:$R$366,ROW(INDEX(Jesper!AL$2:AL$366,ROUNDDOWN($C4232/24,0)+1,1))-1)+IF('Standard Profiles'!$G$22=$B$10,7,0)+IF('Standard Profiles'!$G$22=$B$17,14,0)+IF('Standard Profiles'!$G$22=$B$24,21,0),MOD($C4232,24)+1)/SUM(INDEX($D$3:$AA$30,INDEX(Jesper!$R$2:$R$366,ROW(INDEX(Jesper!AL$2:AL$366,ROUNDDOWN($C4232/24,0)+1,1))-1)+IF('Standard Profiles'!$G$22=$B$10,7,0)+IF('Standard Profiles'!$G$22=$B$17,14,0)+IF('Standard Profiles'!$G$22=$B$24,21,0),0)),0)</f>
        <v>0</v>
      </c>
      <c r="I4232">
        <f t="shared" si="475"/>
        <v>6.1579528799522061E-2</v>
      </c>
      <c r="J4232">
        <f t="shared" si="476"/>
        <v>0.20526509599840689</v>
      </c>
      <c r="K4232">
        <f t="shared" si="477"/>
        <v>0.30789764399761033</v>
      </c>
      <c r="L4232">
        <f t="shared" si="478"/>
        <v>4.9650174843828516</v>
      </c>
      <c r="M4232">
        <f t="shared" si="479"/>
        <v>0</v>
      </c>
      <c r="N4232" s="46">
        <f t="shared" si="480"/>
        <v>45466.916666656485</v>
      </c>
    </row>
    <row r="4233" spans="2:14" x14ac:dyDescent="0.3">
      <c r="B4233">
        <f t="shared" si="474"/>
        <v>7</v>
      </c>
      <c r="C4233" s="16">
        <v>4199</v>
      </c>
      <c r="D4233" cm="1">
        <f t="array" ref="D4233">IFERROR(INDEX(Jesper!AH$2:AH$366,ROUNDDOWN($C4233/24,0)+1,1)*INDEX($D$3:$AA$30,INDEX(Jesper!$R$2:$R$366,ROW(INDEX(Jesper!AH$2:AH$366,ROUNDDOWN($C4233/24,0)+1,1))-1)+IF('Standard Profiles'!$G$18=$B$10,7,0)+IF('Standard Profiles'!$G$18=$B$17,14,0)+IF('Standard Profiles'!$G$18=$B$24,21,0),MOD($C4233,24)+1)/SUM(INDEX($D$3:$AA$30,INDEX(Jesper!$R$2:$R$366,ROW(INDEX(Jesper!AH$2:AH$366,ROUNDDOWN($C4233/24,0)+1,1))-1)+IF('Standard Profiles'!$G$18=$B$10,7,0)+IF('Standard Profiles'!$G$18=$B$17,14,0)+IF('Standard Profiles'!$G$18=$B$24,21,0),0)),0)</f>
        <v>4.8562269835036957</v>
      </c>
      <c r="E4233" cm="1">
        <f t="array" ref="E4233">IFERROR(INDEX(Jesper!AI$2:AI$366,ROUNDDOWN($C4233/24,0)+1,1)*INDEX($D$3:$AA$30,INDEX(Jesper!$R$2:$R$366,ROW(INDEX(Jesper!AI$2:AI$366,ROUNDDOWN($C4233/24,0)+1,1))-1)+IF('Standard Profiles'!$G$19=$B$10,7,0)+IF('Standard Profiles'!$G$19=$B$17,14,0)+IF('Standard Profiles'!$G$19=$B$24,21,0),MOD($C4233,24)+1)/SUM(INDEX($D$3:$AA$30,INDEX(Jesper!$R$2:$R$366,ROW(INDEX(Jesper!AI$2:AI$366,ROUNDDOWN($C4233/24,0)+1,1))-1)+IF('Standard Profiles'!$G$19=$B$10,7,0)+IF('Standard Profiles'!$G$19=$B$17,14,0)+IF('Standard Profiles'!$G$19=$B$24,21,0),0)),0)</f>
        <v>0.68353276967469467</v>
      </c>
      <c r="F4233" cm="1">
        <f t="array" ref="F4233">IFERROR(INDEX(Jesper!AJ$2:AJ$366,ROUNDDOWN($C4233/24,0)+1,1)*INDEX($D$3:$AA$30,INDEX(Jesper!$R$2:$R$366,ROW(INDEX(Jesper!AJ$2:AJ$366,ROUNDDOWN($C4233/24,0)+1,1))-1)+IF('Standard Profiles'!$G$20=$B$10,7,0)+IF('Standard Profiles'!$G$20=$B$17,14,0)+IF('Standard Profiles'!$G$20=$B$24,21,0),MOD($C4233,24)+1)/SUM(INDEX($D$3:$AA$30,INDEX(Jesper!$R$2:$R$366,ROW(INDEX(Jesper!AJ$2:AJ$366,ROUNDDOWN($C4233/24,0)+1,1))-1)+IF('Standard Profiles'!$G$20=$B$10,7,0)+IF('Standard Profiles'!$G$20=$B$17,14,0)+IF('Standard Profiles'!$G$20=$B$24,21,0),0)),0)</f>
        <v>0</v>
      </c>
      <c r="G4233" cm="1">
        <f t="array" ref="G4233">IFERROR(INDEX(Jesper!AK$2:AK$366,ROUNDDOWN($C4233/24,0)+1,1)*INDEX($D$3:$AA$30,INDEX(Jesper!$R$2:$R$366,ROW(INDEX(Jesper!AK$2:AK$366,ROUNDDOWN($C4233/24,0)+1,1))-1)+IF('Standard Profiles'!$G$21=$B$10,7,0)+IF('Standard Profiles'!$G$21=$B$17,14,0)+IF('Standard Profiles'!$G$21=$B$24,21,0),MOD($C4233,24)+1)/SUM(INDEX($D$3:$AA$30,INDEX(Jesper!$R$2:$R$366,ROW(INDEX(Jesper!AK$2:AK$366,ROUNDDOWN($C4233/24,0)+1,1))-1)+IF('Standard Profiles'!$G$21=$B$10,7,0)+IF('Standard Profiles'!$G$21=$B$17,14,0)+IF('Standard Profiles'!$G$21=$B$24,21,0),0)),0)</f>
        <v>0</v>
      </c>
      <c r="H4233" cm="1">
        <f t="array" ref="H4233">IFERROR(INDEX(Jesper!AL$2:AL$366,ROUNDDOWN($C4233/24,0)+1,1)*INDEX($D$3:$AA$30,INDEX(Jesper!$R$2:$R$366,ROW(INDEX(Jesper!AL$2:AL$366,ROUNDDOWN($C4233/24,0)+1,1))-1)+IF('Standard Profiles'!$G$22=$B$10,7,0)+IF('Standard Profiles'!$G$22=$B$17,14,0)+IF('Standard Profiles'!$G$22=$B$24,21,0),MOD($C4233,24)+1)/SUM(INDEX($D$3:$AA$30,INDEX(Jesper!$R$2:$R$366,ROW(INDEX(Jesper!AL$2:AL$366,ROUNDDOWN($C4233/24,0)+1,1))-1)+IF('Standard Profiles'!$G$22=$B$10,7,0)+IF('Standard Profiles'!$G$22=$B$17,14,0)+IF('Standard Profiles'!$G$22=$B$24,21,0),0)),0)</f>
        <v>0</v>
      </c>
      <c r="I4233">
        <f t="shared" si="475"/>
        <v>6.1579528799522061E-2</v>
      </c>
      <c r="J4233">
        <f t="shared" si="476"/>
        <v>0.20526509599840689</v>
      </c>
      <c r="K4233">
        <f t="shared" si="477"/>
        <v>0.30789764399761033</v>
      </c>
      <c r="L4233">
        <f t="shared" si="478"/>
        <v>4.9650174843828516</v>
      </c>
      <c r="M4233">
        <f t="shared" si="479"/>
        <v>0</v>
      </c>
      <c r="N4233" s="46">
        <f t="shared" si="480"/>
        <v>45466.958333323149</v>
      </c>
    </row>
    <row r="4234" spans="2:14" x14ac:dyDescent="0.3">
      <c r="B4234">
        <f t="shared" si="474"/>
        <v>1</v>
      </c>
      <c r="C4234" s="16">
        <v>4200</v>
      </c>
      <c r="D4234" cm="1">
        <f t="array" ref="D4234">IFERROR(INDEX(Jesper!AH$2:AH$366,ROUNDDOWN($C4234/24,0)+1,1)*INDEX($D$3:$AA$30,INDEX(Jesper!$R$2:$R$366,ROW(INDEX(Jesper!AH$2:AH$366,ROUNDDOWN($C4234/24,0)+1,1))-1)+IF('Standard Profiles'!$G$18=$B$10,7,0)+IF('Standard Profiles'!$G$18=$B$17,14,0)+IF('Standard Profiles'!$G$18=$B$24,21,0),MOD($C4234,24)+1)/SUM(INDEX($D$3:$AA$30,INDEX(Jesper!$R$2:$R$366,ROW(INDEX(Jesper!AH$2:AH$366,ROUNDDOWN($C4234/24,0)+1,1))-1)+IF('Standard Profiles'!$G$18=$B$10,7,0)+IF('Standard Profiles'!$G$18=$B$17,14,0)+IF('Standard Profiles'!$G$18=$B$24,21,0),0)),0)</f>
        <v>2.27762829931424</v>
      </c>
      <c r="E4234" cm="1">
        <f t="array" ref="E4234">IFERROR(INDEX(Jesper!AI$2:AI$366,ROUNDDOWN($C4234/24,0)+1,1)*INDEX($D$3:$AA$30,INDEX(Jesper!$R$2:$R$366,ROW(INDEX(Jesper!AI$2:AI$366,ROUNDDOWN($C4234/24,0)+1,1))-1)+IF('Standard Profiles'!$G$19=$B$10,7,0)+IF('Standard Profiles'!$G$19=$B$17,14,0)+IF('Standard Profiles'!$G$19=$B$24,21,0),MOD($C4234,24)+1)/SUM(INDEX($D$3:$AA$30,INDEX(Jesper!$R$2:$R$366,ROW(INDEX(Jesper!AI$2:AI$366,ROUNDDOWN($C4234/24,0)+1,1))-1)+IF('Standard Profiles'!$G$19=$B$10,7,0)+IF('Standard Profiles'!$G$19=$B$17,14,0)+IF('Standard Profiles'!$G$19=$B$24,21,0),0)),0)</f>
        <v>0</v>
      </c>
      <c r="F4234" cm="1">
        <f t="array" ref="F4234">IFERROR(INDEX(Jesper!AJ$2:AJ$366,ROUNDDOWN($C4234/24,0)+1,1)*INDEX($D$3:$AA$30,INDEX(Jesper!$R$2:$R$366,ROW(INDEX(Jesper!AJ$2:AJ$366,ROUNDDOWN($C4234/24,0)+1,1))-1)+IF('Standard Profiles'!$G$20=$B$10,7,0)+IF('Standard Profiles'!$G$20=$B$17,14,0)+IF('Standard Profiles'!$G$20=$B$24,21,0),MOD($C4234,24)+1)/SUM(INDEX($D$3:$AA$30,INDEX(Jesper!$R$2:$R$366,ROW(INDEX(Jesper!AJ$2:AJ$366,ROUNDDOWN($C4234/24,0)+1,1))-1)+IF('Standard Profiles'!$G$20=$B$10,7,0)+IF('Standard Profiles'!$G$20=$B$17,14,0)+IF('Standard Profiles'!$G$20=$B$24,21,0),0)),0)</f>
        <v>0</v>
      </c>
      <c r="G4234" cm="1">
        <f t="array" ref="G4234">IFERROR(INDEX(Jesper!AK$2:AK$366,ROUNDDOWN($C4234/24,0)+1,1)*INDEX($D$3:$AA$30,INDEX(Jesper!$R$2:$R$366,ROW(INDEX(Jesper!AK$2:AK$366,ROUNDDOWN($C4234/24,0)+1,1))-1)+IF('Standard Profiles'!$G$21=$B$10,7,0)+IF('Standard Profiles'!$G$21=$B$17,14,0)+IF('Standard Profiles'!$G$21=$B$24,21,0),MOD($C4234,24)+1)/SUM(INDEX($D$3:$AA$30,INDEX(Jesper!$R$2:$R$366,ROW(INDEX(Jesper!AK$2:AK$366,ROUNDDOWN($C4234/24,0)+1,1))-1)+IF('Standard Profiles'!$G$21=$B$10,7,0)+IF('Standard Profiles'!$G$21=$B$17,14,0)+IF('Standard Profiles'!$G$21=$B$24,21,0),0)),0)</f>
        <v>0</v>
      </c>
      <c r="H4234" cm="1">
        <f t="array" ref="H4234">IFERROR(INDEX(Jesper!AL$2:AL$366,ROUNDDOWN($C4234/24,0)+1,1)*INDEX($D$3:$AA$30,INDEX(Jesper!$R$2:$R$366,ROW(INDEX(Jesper!AL$2:AL$366,ROUNDDOWN($C4234/24,0)+1,1))-1)+IF('Standard Profiles'!$G$22=$B$10,7,0)+IF('Standard Profiles'!$G$22=$B$17,14,0)+IF('Standard Profiles'!$G$22=$B$24,21,0),MOD($C4234,24)+1)/SUM(INDEX($D$3:$AA$30,INDEX(Jesper!$R$2:$R$366,ROW(INDEX(Jesper!AL$2:AL$366,ROUNDDOWN($C4234/24,0)+1,1))-1)+IF('Standard Profiles'!$G$22=$B$10,7,0)+IF('Standard Profiles'!$G$22=$B$17,14,0)+IF('Standard Profiles'!$G$22=$B$24,21,0),0)),0)</f>
        <v>0</v>
      </c>
      <c r="I4234">
        <f t="shared" si="475"/>
        <v>6.8328848979427204E-2</v>
      </c>
      <c r="J4234">
        <f t="shared" si="476"/>
        <v>0.22776282993142402</v>
      </c>
      <c r="K4234">
        <f t="shared" si="477"/>
        <v>0.34164424489713602</v>
      </c>
      <c r="L4234">
        <f t="shared" si="478"/>
        <v>1.6398923755062527</v>
      </c>
      <c r="M4234">
        <f t="shared" si="479"/>
        <v>0</v>
      </c>
      <c r="N4234" s="46">
        <f t="shared" si="480"/>
        <v>45466.999999989814</v>
      </c>
    </row>
    <row r="4235" spans="2:14" x14ac:dyDescent="0.3">
      <c r="B4235">
        <f t="shared" si="474"/>
        <v>1</v>
      </c>
      <c r="C4235" s="16">
        <v>4201</v>
      </c>
      <c r="D4235" cm="1">
        <f t="array" ref="D4235">IFERROR(INDEX(Jesper!AH$2:AH$366,ROUNDDOWN($C4235/24,0)+1,1)*INDEX($D$3:$AA$30,INDEX(Jesper!$R$2:$R$366,ROW(INDEX(Jesper!AH$2:AH$366,ROUNDDOWN($C4235/24,0)+1,1))-1)+IF('Standard Profiles'!$G$18=$B$10,7,0)+IF('Standard Profiles'!$G$18=$B$17,14,0)+IF('Standard Profiles'!$G$18=$B$24,21,0),MOD($C4235,24)+1)/SUM(INDEX($D$3:$AA$30,INDEX(Jesper!$R$2:$R$366,ROW(INDEX(Jesper!AH$2:AH$366,ROUNDDOWN($C4235/24,0)+1,1))-1)+IF('Standard Profiles'!$G$18=$B$10,7,0)+IF('Standard Profiles'!$G$18=$B$17,14,0)+IF('Standard Profiles'!$G$18=$B$24,21,0),0)),0)</f>
        <v>2.27762829931424</v>
      </c>
      <c r="E4235" cm="1">
        <f t="array" ref="E4235">IFERROR(INDEX(Jesper!AI$2:AI$366,ROUNDDOWN($C4235/24,0)+1,1)*INDEX($D$3:$AA$30,INDEX(Jesper!$R$2:$R$366,ROW(INDEX(Jesper!AI$2:AI$366,ROUNDDOWN($C4235/24,0)+1,1))-1)+IF('Standard Profiles'!$G$19=$B$10,7,0)+IF('Standard Profiles'!$G$19=$B$17,14,0)+IF('Standard Profiles'!$G$19=$B$24,21,0),MOD($C4235,24)+1)/SUM(INDEX($D$3:$AA$30,INDEX(Jesper!$R$2:$R$366,ROW(INDEX(Jesper!AI$2:AI$366,ROUNDDOWN($C4235/24,0)+1,1))-1)+IF('Standard Profiles'!$G$19=$B$10,7,0)+IF('Standard Profiles'!$G$19=$B$17,14,0)+IF('Standard Profiles'!$G$19=$B$24,21,0),0)),0)</f>
        <v>0</v>
      </c>
      <c r="F4235" cm="1">
        <f t="array" ref="F4235">IFERROR(INDEX(Jesper!AJ$2:AJ$366,ROUNDDOWN($C4235/24,0)+1,1)*INDEX($D$3:$AA$30,INDEX(Jesper!$R$2:$R$366,ROW(INDEX(Jesper!AJ$2:AJ$366,ROUNDDOWN($C4235/24,0)+1,1))-1)+IF('Standard Profiles'!$G$20=$B$10,7,0)+IF('Standard Profiles'!$G$20=$B$17,14,0)+IF('Standard Profiles'!$G$20=$B$24,21,0),MOD($C4235,24)+1)/SUM(INDEX($D$3:$AA$30,INDEX(Jesper!$R$2:$R$366,ROW(INDEX(Jesper!AJ$2:AJ$366,ROUNDDOWN($C4235/24,0)+1,1))-1)+IF('Standard Profiles'!$G$20=$B$10,7,0)+IF('Standard Profiles'!$G$20=$B$17,14,0)+IF('Standard Profiles'!$G$20=$B$24,21,0),0)),0)</f>
        <v>0</v>
      </c>
      <c r="G4235" cm="1">
        <f t="array" ref="G4235">IFERROR(INDEX(Jesper!AK$2:AK$366,ROUNDDOWN($C4235/24,0)+1,1)*INDEX($D$3:$AA$30,INDEX(Jesper!$R$2:$R$366,ROW(INDEX(Jesper!AK$2:AK$366,ROUNDDOWN($C4235/24,0)+1,1))-1)+IF('Standard Profiles'!$G$21=$B$10,7,0)+IF('Standard Profiles'!$G$21=$B$17,14,0)+IF('Standard Profiles'!$G$21=$B$24,21,0),MOD($C4235,24)+1)/SUM(INDEX($D$3:$AA$30,INDEX(Jesper!$R$2:$R$366,ROW(INDEX(Jesper!AK$2:AK$366,ROUNDDOWN($C4235/24,0)+1,1))-1)+IF('Standard Profiles'!$G$21=$B$10,7,0)+IF('Standard Profiles'!$G$21=$B$17,14,0)+IF('Standard Profiles'!$G$21=$B$24,21,0),0)),0)</f>
        <v>0</v>
      </c>
      <c r="H4235" cm="1">
        <f t="array" ref="H4235">IFERROR(INDEX(Jesper!AL$2:AL$366,ROUNDDOWN($C4235/24,0)+1,1)*INDEX($D$3:$AA$30,INDEX(Jesper!$R$2:$R$366,ROW(INDEX(Jesper!AL$2:AL$366,ROUNDDOWN($C4235/24,0)+1,1))-1)+IF('Standard Profiles'!$G$22=$B$10,7,0)+IF('Standard Profiles'!$G$22=$B$17,14,0)+IF('Standard Profiles'!$G$22=$B$24,21,0),MOD($C4235,24)+1)/SUM(INDEX($D$3:$AA$30,INDEX(Jesper!$R$2:$R$366,ROW(INDEX(Jesper!AL$2:AL$366,ROUNDDOWN($C4235/24,0)+1,1))-1)+IF('Standard Profiles'!$G$22=$B$10,7,0)+IF('Standard Profiles'!$G$22=$B$17,14,0)+IF('Standard Profiles'!$G$22=$B$24,21,0),0)),0)</f>
        <v>0</v>
      </c>
      <c r="I4235">
        <f t="shared" si="475"/>
        <v>6.8328848979427204E-2</v>
      </c>
      <c r="J4235">
        <f t="shared" si="476"/>
        <v>0.22776282993142402</v>
      </c>
      <c r="K4235">
        <f t="shared" si="477"/>
        <v>0.34164424489713602</v>
      </c>
      <c r="L4235">
        <f t="shared" si="478"/>
        <v>1.6398923755062527</v>
      </c>
      <c r="M4235">
        <f t="shared" si="479"/>
        <v>0</v>
      </c>
      <c r="N4235" s="46">
        <f t="shared" si="480"/>
        <v>45467.041666656478</v>
      </c>
    </row>
    <row r="4236" spans="2:14" x14ac:dyDescent="0.3">
      <c r="B4236">
        <f t="shared" si="474"/>
        <v>1</v>
      </c>
      <c r="C4236" s="16">
        <v>4202</v>
      </c>
      <c r="D4236" cm="1">
        <f t="array" ref="D4236">IFERROR(INDEX(Jesper!AH$2:AH$366,ROUNDDOWN($C4236/24,0)+1,1)*INDEX($D$3:$AA$30,INDEX(Jesper!$R$2:$R$366,ROW(INDEX(Jesper!AH$2:AH$366,ROUNDDOWN($C4236/24,0)+1,1))-1)+IF('Standard Profiles'!$G$18=$B$10,7,0)+IF('Standard Profiles'!$G$18=$B$17,14,0)+IF('Standard Profiles'!$G$18=$B$24,21,0),MOD($C4236,24)+1)/SUM(INDEX($D$3:$AA$30,INDEX(Jesper!$R$2:$R$366,ROW(INDEX(Jesper!AH$2:AH$366,ROUNDDOWN($C4236/24,0)+1,1))-1)+IF('Standard Profiles'!$G$18=$B$10,7,0)+IF('Standard Profiles'!$G$18=$B$17,14,0)+IF('Standard Profiles'!$G$18=$B$24,21,0),0)),0)</f>
        <v>2.27762829931424</v>
      </c>
      <c r="E4236" cm="1">
        <f t="array" ref="E4236">IFERROR(INDEX(Jesper!AI$2:AI$366,ROUNDDOWN($C4236/24,0)+1,1)*INDEX($D$3:$AA$30,INDEX(Jesper!$R$2:$R$366,ROW(INDEX(Jesper!AI$2:AI$366,ROUNDDOWN($C4236/24,0)+1,1))-1)+IF('Standard Profiles'!$G$19=$B$10,7,0)+IF('Standard Profiles'!$G$19=$B$17,14,0)+IF('Standard Profiles'!$G$19=$B$24,21,0),MOD($C4236,24)+1)/SUM(INDEX($D$3:$AA$30,INDEX(Jesper!$R$2:$R$366,ROW(INDEX(Jesper!AI$2:AI$366,ROUNDDOWN($C4236/24,0)+1,1))-1)+IF('Standard Profiles'!$G$19=$B$10,7,0)+IF('Standard Profiles'!$G$19=$B$17,14,0)+IF('Standard Profiles'!$G$19=$B$24,21,0),0)),0)</f>
        <v>0</v>
      </c>
      <c r="F4236" cm="1">
        <f t="array" ref="F4236">IFERROR(INDEX(Jesper!AJ$2:AJ$366,ROUNDDOWN($C4236/24,0)+1,1)*INDEX($D$3:$AA$30,INDEX(Jesper!$R$2:$R$366,ROW(INDEX(Jesper!AJ$2:AJ$366,ROUNDDOWN($C4236/24,0)+1,1))-1)+IF('Standard Profiles'!$G$20=$B$10,7,0)+IF('Standard Profiles'!$G$20=$B$17,14,0)+IF('Standard Profiles'!$G$20=$B$24,21,0),MOD($C4236,24)+1)/SUM(INDEX($D$3:$AA$30,INDEX(Jesper!$R$2:$R$366,ROW(INDEX(Jesper!AJ$2:AJ$366,ROUNDDOWN($C4236/24,0)+1,1))-1)+IF('Standard Profiles'!$G$20=$B$10,7,0)+IF('Standard Profiles'!$G$20=$B$17,14,0)+IF('Standard Profiles'!$G$20=$B$24,21,0),0)),0)</f>
        <v>0</v>
      </c>
      <c r="G4236" cm="1">
        <f t="array" ref="G4236">IFERROR(INDEX(Jesper!AK$2:AK$366,ROUNDDOWN($C4236/24,0)+1,1)*INDEX($D$3:$AA$30,INDEX(Jesper!$R$2:$R$366,ROW(INDEX(Jesper!AK$2:AK$366,ROUNDDOWN($C4236/24,0)+1,1))-1)+IF('Standard Profiles'!$G$21=$B$10,7,0)+IF('Standard Profiles'!$G$21=$B$17,14,0)+IF('Standard Profiles'!$G$21=$B$24,21,0),MOD($C4236,24)+1)/SUM(INDEX($D$3:$AA$30,INDEX(Jesper!$R$2:$R$366,ROW(INDEX(Jesper!AK$2:AK$366,ROUNDDOWN($C4236/24,0)+1,1))-1)+IF('Standard Profiles'!$G$21=$B$10,7,0)+IF('Standard Profiles'!$G$21=$B$17,14,0)+IF('Standard Profiles'!$G$21=$B$24,21,0),0)),0)</f>
        <v>0</v>
      </c>
      <c r="H4236" cm="1">
        <f t="array" ref="H4236">IFERROR(INDEX(Jesper!AL$2:AL$366,ROUNDDOWN($C4236/24,0)+1,1)*INDEX($D$3:$AA$30,INDEX(Jesper!$R$2:$R$366,ROW(INDEX(Jesper!AL$2:AL$366,ROUNDDOWN($C4236/24,0)+1,1))-1)+IF('Standard Profiles'!$G$22=$B$10,7,0)+IF('Standard Profiles'!$G$22=$B$17,14,0)+IF('Standard Profiles'!$G$22=$B$24,21,0),MOD($C4236,24)+1)/SUM(INDEX($D$3:$AA$30,INDEX(Jesper!$R$2:$R$366,ROW(INDEX(Jesper!AL$2:AL$366,ROUNDDOWN($C4236/24,0)+1,1))-1)+IF('Standard Profiles'!$G$22=$B$10,7,0)+IF('Standard Profiles'!$G$22=$B$17,14,0)+IF('Standard Profiles'!$G$22=$B$24,21,0),0)),0)</f>
        <v>0</v>
      </c>
      <c r="I4236">
        <f t="shared" si="475"/>
        <v>6.8328848979427204E-2</v>
      </c>
      <c r="J4236">
        <f t="shared" si="476"/>
        <v>0.22776282993142402</v>
      </c>
      <c r="K4236">
        <f t="shared" si="477"/>
        <v>0.34164424489713602</v>
      </c>
      <c r="L4236">
        <f t="shared" si="478"/>
        <v>1.6398923755062527</v>
      </c>
      <c r="M4236">
        <f t="shared" si="479"/>
        <v>0</v>
      </c>
      <c r="N4236" s="46">
        <f t="shared" si="480"/>
        <v>45467.083333323142</v>
      </c>
    </row>
    <row r="4237" spans="2:14" x14ac:dyDescent="0.3">
      <c r="B4237">
        <f t="shared" si="474"/>
        <v>1</v>
      </c>
      <c r="C4237" s="16">
        <v>4203</v>
      </c>
      <c r="D4237" cm="1">
        <f t="array" ref="D4237">IFERROR(INDEX(Jesper!AH$2:AH$366,ROUNDDOWN($C4237/24,0)+1,1)*INDEX($D$3:$AA$30,INDEX(Jesper!$R$2:$R$366,ROW(INDEX(Jesper!AH$2:AH$366,ROUNDDOWN($C4237/24,0)+1,1))-1)+IF('Standard Profiles'!$G$18=$B$10,7,0)+IF('Standard Profiles'!$G$18=$B$17,14,0)+IF('Standard Profiles'!$G$18=$B$24,21,0),MOD($C4237,24)+1)/SUM(INDEX($D$3:$AA$30,INDEX(Jesper!$R$2:$R$366,ROW(INDEX(Jesper!AH$2:AH$366,ROUNDDOWN($C4237/24,0)+1,1))-1)+IF('Standard Profiles'!$G$18=$B$10,7,0)+IF('Standard Profiles'!$G$18=$B$17,14,0)+IF('Standard Profiles'!$G$18=$B$24,21,0),0)),0)</f>
        <v>2.27762829931424</v>
      </c>
      <c r="E4237" cm="1">
        <f t="array" ref="E4237">IFERROR(INDEX(Jesper!AI$2:AI$366,ROUNDDOWN($C4237/24,0)+1,1)*INDEX($D$3:$AA$30,INDEX(Jesper!$R$2:$R$366,ROW(INDEX(Jesper!AI$2:AI$366,ROUNDDOWN($C4237/24,0)+1,1))-1)+IF('Standard Profiles'!$G$19=$B$10,7,0)+IF('Standard Profiles'!$G$19=$B$17,14,0)+IF('Standard Profiles'!$G$19=$B$24,21,0),MOD($C4237,24)+1)/SUM(INDEX($D$3:$AA$30,INDEX(Jesper!$R$2:$R$366,ROW(INDEX(Jesper!AI$2:AI$366,ROUNDDOWN($C4237/24,0)+1,1))-1)+IF('Standard Profiles'!$G$19=$B$10,7,0)+IF('Standard Profiles'!$G$19=$B$17,14,0)+IF('Standard Profiles'!$G$19=$B$24,21,0),0)),0)</f>
        <v>0</v>
      </c>
      <c r="F4237" cm="1">
        <f t="array" ref="F4237">IFERROR(INDEX(Jesper!AJ$2:AJ$366,ROUNDDOWN($C4237/24,0)+1,1)*INDEX($D$3:$AA$30,INDEX(Jesper!$R$2:$R$366,ROW(INDEX(Jesper!AJ$2:AJ$366,ROUNDDOWN($C4237/24,0)+1,1))-1)+IF('Standard Profiles'!$G$20=$B$10,7,0)+IF('Standard Profiles'!$G$20=$B$17,14,0)+IF('Standard Profiles'!$G$20=$B$24,21,0),MOD($C4237,24)+1)/SUM(INDEX($D$3:$AA$30,INDEX(Jesper!$R$2:$R$366,ROW(INDEX(Jesper!AJ$2:AJ$366,ROUNDDOWN($C4237/24,0)+1,1))-1)+IF('Standard Profiles'!$G$20=$B$10,7,0)+IF('Standard Profiles'!$G$20=$B$17,14,0)+IF('Standard Profiles'!$G$20=$B$24,21,0),0)),0)</f>
        <v>0</v>
      </c>
      <c r="G4237" cm="1">
        <f t="array" ref="G4237">IFERROR(INDEX(Jesper!AK$2:AK$366,ROUNDDOWN($C4237/24,0)+1,1)*INDEX($D$3:$AA$30,INDEX(Jesper!$R$2:$R$366,ROW(INDEX(Jesper!AK$2:AK$366,ROUNDDOWN($C4237/24,0)+1,1))-1)+IF('Standard Profiles'!$G$21=$B$10,7,0)+IF('Standard Profiles'!$G$21=$B$17,14,0)+IF('Standard Profiles'!$G$21=$B$24,21,0),MOD($C4237,24)+1)/SUM(INDEX($D$3:$AA$30,INDEX(Jesper!$R$2:$R$366,ROW(INDEX(Jesper!AK$2:AK$366,ROUNDDOWN($C4237/24,0)+1,1))-1)+IF('Standard Profiles'!$G$21=$B$10,7,0)+IF('Standard Profiles'!$G$21=$B$17,14,0)+IF('Standard Profiles'!$G$21=$B$24,21,0),0)),0)</f>
        <v>0</v>
      </c>
      <c r="H4237" cm="1">
        <f t="array" ref="H4237">IFERROR(INDEX(Jesper!AL$2:AL$366,ROUNDDOWN($C4237/24,0)+1,1)*INDEX($D$3:$AA$30,INDEX(Jesper!$R$2:$R$366,ROW(INDEX(Jesper!AL$2:AL$366,ROUNDDOWN($C4237/24,0)+1,1))-1)+IF('Standard Profiles'!$G$22=$B$10,7,0)+IF('Standard Profiles'!$G$22=$B$17,14,0)+IF('Standard Profiles'!$G$22=$B$24,21,0),MOD($C4237,24)+1)/SUM(INDEX($D$3:$AA$30,INDEX(Jesper!$R$2:$R$366,ROW(INDEX(Jesper!AL$2:AL$366,ROUNDDOWN($C4237/24,0)+1,1))-1)+IF('Standard Profiles'!$G$22=$B$10,7,0)+IF('Standard Profiles'!$G$22=$B$17,14,0)+IF('Standard Profiles'!$G$22=$B$24,21,0),0)),0)</f>
        <v>0</v>
      </c>
      <c r="I4237">
        <f t="shared" si="475"/>
        <v>6.8328848979427204E-2</v>
      </c>
      <c r="J4237">
        <f t="shared" si="476"/>
        <v>0.22776282993142402</v>
      </c>
      <c r="K4237">
        <f t="shared" si="477"/>
        <v>0.34164424489713602</v>
      </c>
      <c r="L4237">
        <f t="shared" si="478"/>
        <v>1.6398923755062527</v>
      </c>
      <c r="M4237">
        <f t="shared" si="479"/>
        <v>0</v>
      </c>
      <c r="N4237" s="46">
        <f t="shared" si="480"/>
        <v>45467.124999989806</v>
      </c>
    </row>
    <row r="4238" spans="2:14" x14ac:dyDescent="0.3">
      <c r="B4238">
        <f t="shared" si="474"/>
        <v>1</v>
      </c>
      <c r="C4238" s="16">
        <v>4204</v>
      </c>
      <c r="D4238" cm="1">
        <f t="array" ref="D4238">IFERROR(INDEX(Jesper!AH$2:AH$366,ROUNDDOWN($C4238/24,0)+1,1)*INDEX($D$3:$AA$30,INDEX(Jesper!$R$2:$R$366,ROW(INDEX(Jesper!AH$2:AH$366,ROUNDDOWN($C4238/24,0)+1,1))-1)+IF('Standard Profiles'!$G$18=$B$10,7,0)+IF('Standard Profiles'!$G$18=$B$17,14,0)+IF('Standard Profiles'!$G$18=$B$24,21,0),MOD($C4238,24)+1)/SUM(INDEX($D$3:$AA$30,INDEX(Jesper!$R$2:$R$366,ROW(INDEX(Jesper!AH$2:AH$366,ROUNDDOWN($C4238/24,0)+1,1))-1)+IF('Standard Profiles'!$G$18=$B$10,7,0)+IF('Standard Profiles'!$G$18=$B$17,14,0)+IF('Standard Profiles'!$G$18=$B$24,21,0),0)),0)</f>
        <v>2.27762829931424</v>
      </c>
      <c r="E4238" cm="1">
        <f t="array" ref="E4238">IFERROR(INDEX(Jesper!AI$2:AI$366,ROUNDDOWN($C4238/24,0)+1,1)*INDEX($D$3:$AA$30,INDEX(Jesper!$R$2:$R$366,ROW(INDEX(Jesper!AI$2:AI$366,ROUNDDOWN($C4238/24,0)+1,1))-1)+IF('Standard Profiles'!$G$19=$B$10,7,0)+IF('Standard Profiles'!$G$19=$B$17,14,0)+IF('Standard Profiles'!$G$19=$B$24,21,0),MOD($C4238,24)+1)/SUM(INDEX($D$3:$AA$30,INDEX(Jesper!$R$2:$R$366,ROW(INDEX(Jesper!AI$2:AI$366,ROUNDDOWN($C4238/24,0)+1,1))-1)+IF('Standard Profiles'!$G$19=$B$10,7,0)+IF('Standard Profiles'!$G$19=$B$17,14,0)+IF('Standard Profiles'!$G$19=$B$24,21,0),0)),0)</f>
        <v>0</v>
      </c>
      <c r="F4238" cm="1">
        <f t="array" ref="F4238">IFERROR(INDEX(Jesper!AJ$2:AJ$366,ROUNDDOWN($C4238/24,0)+1,1)*INDEX($D$3:$AA$30,INDEX(Jesper!$R$2:$R$366,ROW(INDEX(Jesper!AJ$2:AJ$366,ROUNDDOWN($C4238/24,0)+1,1))-1)+IF('Standard Profiles'!$G$20=$B$10,7,0)+IF('Standard Profiles'!$G$20=$B$17,14,0)+IF('Standard Profiles'!$G$20=$B$24,21,0),MOD($C4238,24)+1)/SUM(INDEX($D$3:$AA$30,INDEX(Jesper!$R$2:$R$366,ROW(INDEX(Jesper!AJ$2:AJ$366,ROUNDDOWN($C4238/24,0)+1,1))-1)+IF('Standard Profiles'!$G$20=$B$10,7,0)+IF('Standard Profiles'!$G$20=$B$17,14,0)+IF('Standard Profiles'!$G$20=$B$24,21,0),0)),0)</f>
        <v>0</v>
      </c>
      <c r="G4238" cm="1">
        <f t="array" ref="G4238">IFERROR(INDEX(Jesper!AK$2:AK$366,ROUNDDOWN($C4238/24,0)+1,1)*INDEX($D$3:$AA$30,INDEX(Jesper!$R$2:$R$366,ROW(INDEX(Jesper!AK$2:AK$366,ROUNDDOWN($C4238/24,0)+1,1))-1)+IF('Standard Profiles'!$G$21=$B$10,7,0)+IF('Standard Profiles'!$G$21=$B$17,14,0)+IF('Standard Profiles'!$G$21=$B$24,21,0),MOD($C4238,24)+1)/SUM(INDEX($D$3:$AA$30,INDEX(Jesper!$R$2:$R$366,ROW(INDEX(Jesper!AK$2:AK$366,ROUNDDOWN($C4238/24,0)+1,1))-1)+IF('Standard Profiles'!$G$21=$B$10,7,0)+IF('Standard Profiles'!$G$21=$B$17,14,0)+IF('Standard Profiles'!$G$21=$B$24,21,0),0)),0)</f>
        <v>0</v>
      </c>
      <c r="H4238" cm="1">
        <f t="array" ref="H4238">IFERROR(INDEX(Jesper!AL$2:AL$366,ROUNDDOWN($C4238/24,0)+1,1)*INDEX($D$3:$AA$30,INDEX(Jesper!$R$2:$R$366,ROW(INDEX(Jesper!AL$2:AL$366,ROUNDDOWN($C4238/24,0)+1,1))-1)+IF('Standard Profiles'!$G$22=$B$10,7,0)+IF('Standard Profiles'!$G$22=$B$17,14,0)+IF('Standard Profiles'!$G$22=$B$24,21,0),MOD($C4238,24)+1)/SUM(INDEX($D$3:$AA$30,INDEX(Jesper!$R$2:$R$366,ROW(INDEX(Jesper!AL$2:AL$366,ROUNDDOWN($C4238/24,0)+1,1))-1)+IF('Standard Profiles'!$G$22=$B$10,7,0)+IF('Standard Profiles'!$G$22=$B$17,14,0)+IF('Standard Profiles'!$G$22=$B$24,21,0),0)),0)</f>
        <v>0</v>
      </c>
      <c r="I4238">
        <f t="shared" si="475"/>
        <v>6.8328848979427204E-2</v>
      </c>
      <c r="J4238">
        <f t="shared" si="476"/>
        <v>0.22776282993142402</v>
      </c>
      <c r="K4238">
        <f t="shared" si="477"/>
        <v>0.34164424489713602</v>
      </c>
      <c r="L4238">
        <f t="shared" si="478"/>
        <v>1.6398923755062527</v>
      </c>
      <c r="M4238">
        <f t="shared" si="479"/>
        <v>0</v>
      </c>
      <c r="N4238" s="46">
        <f t="shared" si="480"/>
        <v>45467.166666656471</v>
      </c>
    </row>
    <row r="4239" spans="2:14" x14ac:dyDescent="0.3">
      <c r="B4239">
        <f t="shared" si="474"/>
        <v>1</v>
      </c>
      <c r="C4239" s="16">
        <v>4205</v>
      </c>
      <c r="D4239" cm="1">
        <f t="array" ref="D4239">IFERROR(INDEX(Jesper!AH$2:AH$366,ROUNDDOWN($C4239/24,0)+1,1)*INDEX($D$3:$AA$30,INDEX(Jesper!$R$2:$R$366,ROW(INDEX(Jesper!AH$2:AH$366,ROUNDDOWN($C4239/24,0)+1,1))-1)+IF('Standard Profiles'!$G$18=$B$10,7,0)+IF('Standard Profiles'!$G$18=$B$17,14,0)+IF('Standard Profiles'!$G$18=$B$24,21,0),MOD($C4239,24)+1)/SUM(INDEX($D$3:$AA$30,INDEX(Jesper!$R$2:$R$366,ROW(INDEX(Jesper!AH$2:AH$366,ROUNDDOWN($C4239/24,0)+1,1))-1)+IF('Standard Profiles'!$G$18=$B$10,7,0)+IF('Standard Profiles'!$G$18=$B$17,14,0)+IF('Standard Profiles'!$G$18=$B$24,21,0),0)),0)</f>
        <v>9.8697226303617089</v>
      </c>
      <c r="E4239" cm="1">
        <f t="array" ref="E4239">IFERROR(INDEX(Jesper!AI$2:AI$366,ROUNDDOWN($C4239/24,0)+1,1)*INDEX($D$3:$AA$30,INDEX(Jesper!$R$2:$R$366,ROW(INDEX(Jesper!AI$2:AI$366,ROUNDDOWN($C4239/24,0)+1,1))-1)+IF('Standard Profiles'!$G$19=$B$10,7,0)+IF('Standard Profiles'!$G$19=$B$17,14,0)+IF('Standard Profiles'!$G$19=$B$24,21,0),MOD($C4239,24)+1)/SUM(INDEX($D$3:$AA$30,INDEX(Jesper!$R$2:$R$366,ROW(INDEX(Jesper!AI$2:AI$366,ROUNDDOWN($C4239/24,0)+1,1))-1)+IF('Standard Profiles'!$G$19=$B$10,7,0)+IF('Standard Profiles'!$G$19=$B$17,14,0)+IF('Standard Profiles'!$G$19=$B$24,21,0),0)),0)</f>
        <v>0</v>
      </c>
      <c r="F4239" cm="1">
        <f t="array" ref="F4239">IFERROR(INDEX(Jesper!AJ$2:AJ$366,ROUNDDOWN($C4239/24,0)+1,1)*INDEX($D$3:$AA$30,INDEX(Jesper!$R$2:$R$366,ROW(INDEX(Jesper!AJ$2:AJ$366,ROUNDDOWN($C4239/24,0)+1,1))-1)+IF('Standard Profiles'!$G$20=$B$10,7,0)+IF('Standard Profiles'!$G$20=$B$17,14,0)+IF('Standard Profiles'!$G$20=$B$24,21,0),MOD($C4239,24)+1)/SUM(INDEX($D$3:$AA$30,INDEX(Jesper!$R$2:$R$366,ROW(INDEX(Jesper!AJ$2:AJ$366,ROUNDDOWN($C4239/24,0)+1,1))-1)+IF('Standard Profiles'!$G$20=$B$10,7,0)+IF('Standard Profiles'!$G$20=$B$17,14,0)+IF('Standard Profiles'!$G$20=$B$24,21,0),0)),0)</f>
        <v>0</v>
      </c>
      <c r="G4239" cm="1">
        <f t="array" ref="G4239">IFERROR(INDEX(Jesper!AK$2:AK$366,ROUNDDOWN($C4239/24,0)+1,1)*INDEX($D$3:$AA$30,INDEX(Jesper!$R$2:$R$366,ROW(INDEX(Jesper!AK$2:AK$366,ROUNDDOWN($C4239/24,0)+1,1))-1)+IF('Standard Profiles'!$G$21=$B$10,7,0)+IF('Standard Profiles'!$G$21=$B$17,14,0)+IF('Standard Profiles'!$G$21=$B$24,21,0),MOD($C4239,24)+1)/SUM(INDEX($D$3:$AA$30,INDEX(Jesper!$R$2:$R$366,ROW(INDEX(Jesper!AK$2:AK$366,ROUNDDOWN($C4239/24,0)+1,1))-1)+IF('Standard Profiles'!$G$21=$B$10,7,0)+IF('Standard Profiles'!$G$21=$B$17,14,0)+IF('Standard Profiles'!$G$21=$B$24,21,0),0)),0)</f>
        <v>0</v>
      </c>
      <c r="H4239" cm="1">
        <f t="array" ref="H4239">IFERROR(INDEX(Jesper!AL$2:AL$366,ROUNDDOWN($C4239/24,0)+1,1)*INDEX($D$3:$AA$30,INDEX(Jesper!$R$2:$R$366,ROW(INDEX(Jesper!AL$2:AL$366,ROUNDDOWN($C4239/24,0)+1,1))-1)+IF('Standard Profiles'!$G$22=$B$10,7,0)+IF('Standard Profiles'!$G$22=$B$17,14,0)+IF('Standard Profiles'!$G$22=$B$24,21,0),MOD($C4239,24)+1)/SUM(INDEX($D$3:$AA$30,INDEX(Jesper!$R$2:$R$366,ROW(INDEX(Jesper!AL$2:AL$366,ROUNDDOWN($C4239/24,0)+1,1))-1)+IF('Standard Profiles'!$G$22=$B$10,7,0)+IF('Standard Profiles'!$G$22=$B$17,14,0)+IF('Standard Profiles'!$G$22=$B$24,21,0),0)),0)</f>
        <v>0</v>
      </c>
      <c r="I4239">
        <f t="shared" si="475"/>
        <v>0.29609167891085125</v>
      </c>
      <c r="J4239">
        <f t="shared" si="476"/>
        <v>0.98697226303617092</v>
      </c>
      <c r="K4239">
        <f t="shared" si="477"/>
        <v>1.4804583945542562</v>
      </c>
      <c r="L4239">
        <f t="shared" si="478"/>
        <v>7.1062002938604305</v>
      </c>
      <c r="M4239">
        <f t="shared" si="479"/>
        <v>0</v>
      </c>
      <c r="N4239" s="46">
        <f t="shared" si="480"/>
        <v>45467.208333323135</v>
      </c>
    </row>
    <row r="4240" spans="2:14" x14ac:dyDescent="0.3">
      <c r="B4240">
        <f t="shared" si="474"/>
        <v>1</v>
      </c>
      <c r="C4240" s="16">
        <v>4206</v>
      </c>
      <c r="D4240" cm="1">
        <f t="array" ref="D4240">IFERROR(INDEX(Jesper!AH$2:AH$366,ROUNDDOWN($C4240/24,0)+1,1)*INDEX($D$3:$AA$30,INDEX(Jesper!$R$2:$R$366,ROW(INDEX(Jesper!AH$2:AH$366,ROUNDDOWN($C4240/24,0)+1,1))-1)+IF('Standard Profiles'!$G$18=$B$10,7,0)+IF('Standard Profiles'!$G$18=$B$17,14,0)+IF('Standard Profiles'!$G$18=$B$24,21,0),MOD($C4240,24)+1)/SUM(INDEX($D$3:$AA$30,INDEX(Jesper!$R$2:$R$366,ROW(INDEX(Jesper!AH$2:AH$366,ROUNDDOWN($C4240/24,0)+1,1))-1)+IF('Standard Profiles'!$G$18=$B$10,7,0)+IF('Standard Profiles'!$G$18=$B$17,14,0)+IF('Standard Profiles'!$G$18=$B$24,21,0),0)),0)</f>
        <v>11.198339138295015</v>
      </c>
      <c r="E4240" cm="1">
        <f t="array" ref="E4240">IFERROR(INDEX(Jesper!AI$2:AI$366,ROUNDDOWN($C4240/24,0)+1,1)*INDEX($D$3:$AA$30,INDEX(Jesper!$R$2:$R$366,ROW(INDEX(Jesper!AI$2:AI$366,ROUNDDOWN($C4240/24,0)+1,1))-1)+IF('Standard Profiles'!$G$19=$B$10,7,0)+IF('Standard Profiles'!$G$19=$B$17,14,0)+IF('Standard Profiles'!$G$19=$B$24,21,0),MOD($C4240,24)+1)/SUM(INDEX($D$3:$AA$30,INDEX(Jesper!$R$2:$R$366,ROW(INDEX(Jesper!AI$2:AI$366,ROUNDDOWN($C4240/24,0)+1,1))-1)+IF('Standard Profiles'!$G$19=$B$10,7,0)+IF('Standard Profiles'!$G$19=$B$17,14,0)+IF('Standard Profiles'!$G$19=$B$24,21,0),0)),0)</f>
        <v>0</v>
      </c>
      <c r="F4240" cm="1">
        <f t="array" ref="F4240">IFERROR(INDEX(Jesper!AJ$2:AJ$366,ROUNDDOWN($C4240/24,0)+1,1)*INDEX($D$3:$AA$30,INDEX(Jesper!$R$2:$R$366,ROW(INDEX(Jesper!AJ$2:AJ$366,ROUNDDOWN($C4240/24,0)+1,1))-1)+IF('Standard Profiles'!$G$20=$B$10,7,0)+IF('Standard Profiles'!$G$20=$B$17,14,0)+IF('Standard Profiles'!$G$20=$B$24,21,0),MOD($C4240,24)+1)/SUM(INDEX($D$3:$AA$30,INDEX(Jesper!$R$2:$R$366,ROW(INDEX(Jesper!AJ$2:AJ$366,ROUNDDOWN($C4240/24,0)+1,1))-1)+IF('Standard Profiles'!$G$20=$B$10,7,0)+IF('Standard Profiles'!$G$20=$B$17,14,0)+IF('Standard Profiles'!$G$20=$B$24,21,0),0)),0)</f>
        <v>0</v>
      </c>
      <c r="G4240" cm="1">
        <f t="array" ref="G4240">IFERROR(INDEX(Jesper!AK$2:AK$366,ROUNDDOWN($C4240/24,0)+1,1)*INDEX($D$3:$AA$30,INDEX(Jesper!$R$2:$R$366,ROW(INDEX(Jesper!AK$2:AK$366,ROUNDDOWN($C4240/24,0)+1,1))-1)+IF('Standard Profiles'!$G$21=$B$10,7,0)+IF('Standard Profiles'!$G$21=$B$17,14,0)+IF('Standard Profiles'!$G$21=$B$24,21,0),MOD($C4240,24)+1)/SUM(INDEX($D$3:$AA$30,INDEX(Jesper!$R$2:$R$366,ROW(INDEX(Jesper!AK$2:AK$366,ROUNDDOWN($C4240/24,0)+1,1))-1)+IF('Standard Profiles'!$G$21=$B$10,7,0)+IF('Standard Profiles'!$G$21=$B$17,14,0)+IF('Standard Profiles'!$G$21=$B$24,21,0),0)),0)</f>
        <v>0</v>
      </c>
      <c r="H4240" cm="1">
        <f t="array" ref="H4240">IFERROR(INDEX(Jesper!AL$2:AL$366,ROUNDDOWN($C4240/24,0)+1,1)*INDEX($D$3:$AA$30,INDEX(Jesper!$R$2:$R$366,ROW(INDEX(Jesper!AL$2:AL$366,ROUNDDOWN($C4240/24,0)+1,1))-1)+IF('Standard Profiles'!$G$22=$B$10,7,0)+IF('Standard Profiles'!$G$22=$B$17,14,0)+IF('Standard Profiles'!$G$22=$B$24,21,0),MOD($C4240,24)+1)/SUM(INDEX($D$3:$AA$30,INDEX(Jesper!$R$2:$R$366,ROW(INDEX(Jesper!AL$2:AL$366,ROUNDDOWN($C4240/24,0)+1,1))-1)+IF('Standard Profiles'!$G$22=$B$10,7,0)+IF('Standard Profiles'!$G$22=$B$17,14,0)+IF('Standard Profiles'!$G$22=$B$24,21,0),0)),0)</f>
        <v>0</v>
      </c>
      <c r="I4240">
        <f t="shared" si="475"/>
        <v>0.33595017414885042</v>
      </c>
      <c r="J4240">
        <f t="shared" si="476"/>
        <v>1.1198339138295015</v>
      </c>
      <c r="K4240">
        <f t="shared" si="477"/>
        <v>1.6797508707442523</v>
      </c>
      <c r="L4240">
        <f t="shared" si="478"/>
        <v>8.0628041795724101</v>
      </c>
      <c r="M4240">
        <f t="shared" si="479"/>
        <v>0</v>
      </c>
      <c r="N4240" s="46">
        <f t="shared" si="480"/>
        <v>45467.249999989799</v>
      </c>
    </row>
    <row r="4241" spans="2:14" x14ac:dyDescent="0.3">
      <c r="B4241">
        <f t="shared" si="474"/>
        <v>1</v>
      </c>
      <c r="C4241" s="16">
        <v>4207</v>
      </c>
      <c r="D4241" cm="1">
        <f t="array" ref="D4241">IFERROR(INDEX(Jesper!AH$2:AH$366,ROUNDDOWN($C4241/24,0)+1,1)*INDEX($D$3:$AA$30,INDEX(Jesper!$R$2:$R$366,ROW(INDEX(Jesper!AH$2:AH$366,ROUNDDOWN($C4241/24,0)+1,1))-1)+IF('Standard Profiles'!$G$18=$B$10,7,0)+IF('Standard Profiles'!$G$18=$B$17,14,0)+IF('Standard Profiles'!$G$18=$B$24,21,0),MOD($C4241,24)+1)/SUM(INDEX($D$3:$AA$30,INDEX(Jesper!$R$2:$R$366,ROW(INDEX(Jesper!AH$2:AH$366,ROUNDDOWN($C4241/24,0)+1,1))-1)+IF('Standard Profiles'!$G$18=$B$10,7,0)+IF('Standard Profiles'!$G$18=$B$17,14,0)+IF('Standard Profiles'!$G$18=$B$24,21,0),0)),0)</f>
        <v>11.198339138295015</v>
      </c>
      <c r="E4241" cm="1">
        <f t="array" ref="E4241">IFERROR(INDEX(Jesper!AI$2:AI$366,ROUNDDOWN($C4241/24,0)+1,1)*INDEX($D$3:$AA$30,INDEX(Jesper!$R$2:$R$366,ROW(INDEX(Jesper!AI$2:AI$366,ROUNDDOWN($C4241/24,0)+1,1))-1)+IF('Standard Profiles'!$G$19=$B$10,7,0)+IF('Standard Profiles'!$G$19=$B$17,14,0)+IF('Standard Profiles'!$G$19=$B$24,21,0),MOD($C4241,24)+1)/SUM(INDEX($D$3:$AA$30,INDEX(Jesper!$R$2:$R$366,ROW(INDEX(Jesper!AI$2:AI$366,ROUNDDOWN($C4241/24,0)+1,1))-1)+IF('Standard Profiles'!$G$19=$B$10,7,0)+IF('Standard Profiles'!$G$19=$B$17,14,0)+IF('Standard Profiles'!$G$19=$B$24,21,0),0)),0)</f>
        <v>0</v>
      </c>
      <c r="F4241" cm="1">
        <f t="array" ref="F4241">IFERROR(INDEX(Jesper!AJ$2:AJ$366,ROUNDDOWN($C4241/24,0)+1,1)*INDEX($D$3:$AA$30,INDEX(Jesper!$R$2:$R$366,ROW(INDEX(Jesper!AJ$2:AJ$366,ROUNDDOWN($C4241/24,0)+1,1))-1)+IF('Standard Profiles'!$G$20=$B$10,7,0)+IF('Standard Profiles'!$G$20=$B$17,14,0)+IF('Standard Profiles'!$G$20=$B$24,21,0),MOD($C4241,24)+1)/SUM(INDEX($D$3:$AA$30,INDEX(Jesper!$R$2:$R$366,ROW(INDEX(Jesper!AJ$2:AJ$366,ROUNDDOWN($C4241/24,0)+1,1))-1)+IF('Standard Profiles'!$G$20=$B$10,7,0)+IF('Standard Profiles'!$G$20=$B$17,14,0)+IF('Standard Profiles'!$G$20=$B$24,21,0),0)),0)</f>
        <v>0</v>
      </c>
      <c r="G4241" cm="1">
        <f t="array" ref="G4241">IFERROR(INDEX(Jesper!AK$2:AK$366,ROUNDDOWN($C4241/24,0)+1,1)*INDEX($D$3:$AA$30,INDEX(Jesper!$R$2:$R$366,ROW(INDEX(Jesper!AK$2:AK$366,ROUNDDOWN($C4241/24,0)+1,1))-1)+IF('Standard Profiles'!$G$21=$B$10,7,0)+IF('Standard Profiles'!$G$21=$B$17,14,0)+IF('Standard Profiles'!$G$21=$B$24,21,0),MOD($C4241,24)+1)/SUM(INDEX($D$3:$AA$30,INDEX(Jesper!$R$2:$R$366,ROW(INDEX(Jesper!AK$2:AK$366,ROUNDDOWN($C4241/24,0)+1,1))-1)+IF('Standard Profiles'!$G$21=$B$10,7,0)+IF('Standard Profiles'!$G$21=$B$17,14,0)+IF('Standard Profiles'!$G$21=$B$24,21,0),0)),0)</f>
        <v>0</v>
      </c>
      <c r="H4241" cm="1">
        <f t="array" ref="H4241">IFERROR(INDEX(Jesper!AL$2:AL$366,ROUNDDOWN($C4241/24,0)+1,1)*INDEX($D$3:$AA$30,INDEX(Jesper!$R$2:$R$366,ROW(INDEX(Jesper!AL$2:AL$366,ROUNDDOWN($C4241/24,0)+1,1))-1)+IF('Standard Profiles'!$G$22=$B$10,7,0)+IF('Standard Profiles'!$G$22=$B$17,14,0)+IF('Standard Profiles'!$G$22=$B$24,21,0),MOD($C4241,24)+1)/SUM(INDEX($D$3:$AA$30,INDEX(Jesper!$R$2:$R$366,ROW(INDEX(Jesper!AL$2:AL$366,ROUNDDOWN($C4241/24,0)+1,1))-1)+IF('Standard Profiles'!$G$22=$B$10,7,0)+IF('Standard Profiles'!$G$22=$B$17,14,0)+IF('Standard Profiles'!$G$22=$B$24,21,0),0)),0)</f>
        <v>0</v>
      </c>
      <c r="I4241">
        <f t="shared" si="475"/>
        <v>0.33595017414885042</v>
      </c>
      <c r="J4241">
        <f t="shared" si="476"/>
        <v>1.1198339138295015</v>
      </c>
      <c r="K4241">
        <f t="shared" si="477"/>
        <v>1.6797508707442523</v>
      </c>
      <c r="L4241">
        <f t="shared" si="478"/>
        <v>8.0628041795724101</v>
      </c>
      <c r="M4241">
        <f t="shared" si="479"/>
        <v>0</v>
      </c>
      <c r="N4241" s="46">
        <f t="shared" si="480"/>
        <v>45467.291666656463</v>
      </c>
    </row>
    <row r="4242" spans="2:14" x14ac:dyDescent="0.3">
      <c r="B4242">
        <f t="shared" si="474"/>
        <v>1</v>
      </c>
      <c r="C4242" s="16">
        <v>4208</v>
      </c>
      <c r="D4242" cm="1">
        <f t="array" ref="D4242">IFERROR(INDEX(Jesper!AH$2:AH$366,ROUNDDOWN($C4242/24,0)+1,1)*INDEX($D$3:$AA$30,INDEX(Jesper!$R$2:$R$366,ROW(INDEX(Jesper!AH$2:AH$366,ROUNDDOWN($C4242/24,0)+1,1))-1)+IF('Standard Profiles'!$G$18=$B$10,7,0)+IF('Standard Profiles'!$G$18=$B$17,14,0)+IF('Standard Profiles'!$G$18=$B$24,21,0),MOD($C4242,24)+1)/SUM(INDEX($D$3:$AA$30,INDEX(Jesper!$R$2:$R$366,ROW(INDEX(Jesper!AH$2:AH$366,ROUNDDOWN($C4242/24,0)+1,1))-1)+IF('Standard Profiles'!$G$18=$B$10,7,0)+IF('Standard Profiles'!$G$18=$B$17,14,0)+IF('Standard Profiles'!$G$18=$B$24,21,0),0)),0)</f>
        <v>11.198339138295015</v>
      </c>
      <c r="E4242" cm="1">
        <f t="array" ref="E4242">IFERROR(INDEX(Jesper!AI$2:AI$366,ROUNDDOWN($C4242/24,0)+1,1)*INDEX($D$3:$AA$30,INDEX(Jesper!$R$2:$R$366,ROW(INDEX(Jesper!AI$2:AI$366,ROUNDDOWN($C4242/24,0)+1,1))-1)+IF('Standard Profiles'!$G$19=$B$10,7,0)+IF('Standard Profiles'!$G$19=$B$17,14,0)+IF('Standard Profiles'!$G$19=$B$24,21,0),MOD($C4242,24)+1)/SUM(INDEX($D$3:$AA$30,INDEX(Jesper!$R$2:$R$366,ROW(INDEX(Jesper!AI$2:AI$366,ROUNDDOWN($C4242/24,0)+1,1))-1)+IF('Standard Profiles'!$G$19=$B$10,7,0)+IF('Standard Profiles'!$G$19=$B$17,14,0)+IF('Standard Profiles'!$G$19=$B$24,21,0),0)),0)</f>
        <v>0</v>
      </c>
      <c r="F4242" cm="1">
        <f t="array" ref="F4242">IFERROR(INDEX(Jesper!AJ$2:AJ$366,ROUNDDOWN($C4242/24,0)+1,1)*INDEX($D$3:$AA$30,INDEX(Jesper!$R$2:$R$366,ROW(INDEX(Jesper!AJ$2:AJ$366,ROUNDDOWN($C4242/24,0)+1,1))-1)+IF('Standard Profiles'!$G$20=$B$10,7,0)+IF('Standard Profiles'!$G$20=$B$17,14,0)+IF('Standard Profiles'!$G$20=$B$24,21,0),MOD($C4242,24)+1)/SUM(INDEX($D$3:$AA$30,INDEX(Jesper!$R$2:$R$366,ROW(INDEX(Jesper!AJ$2:AJ$366,ROUNDDOWN($C4242/24,0)+1,1))-1)+IF('Standard Profiles'!$G$20=$B$10,7,0)+IF('Standard Profiles'!$G$20=$B$17,14,0)+IF('Standard Profiles'!$G$20=$B$24,21,0),0)),0)</f>
        <v>0</v>
      </c>
      <c r="G4242" cm="1">
        <f t="array" ref="G4242">IFERROR(INDEX(Jesper!AK$2:AK$366,ROUNDDOWN($C4242/24,0)+1,1)*INDEX($D$3:$AA$30,INDEX(Jesper!$R$2:$R$366,ROW(INDEX(Jesper!AK$2:AK$366,ROUNDDOWN($C4242/24,0)+1,1))-1)+IF('Standard Profiles'!$G$21=$B$10,7,0)+IF('Standard Profiles'!$G$21=$B$17,14,0)+IF('Standard Profiles'!$G$21=$B$24,21,0),MOD($C4242,24)+1)/SUM(INDEX($D$3:$AA$30,INDEX(Jesper!$R$2:$R$366,ROW(INDEX(Jesper!AK$2:AK$366,ROUNDDOWN($C4242/24,0)+1,1))-1)+IF('Standard Profiles'!$G$21=$B$10,7,0)+IF('Standard Profiles'!$G$21=$B$17,14,0)+IF('Standard Profiles'!$G$21=$B$24,21,0),0)),0)</f>
        <v>0</v>
      </c>
      <c r="H4242" cm="1">
        <f t="array" ref="H4242">IFERROR(INDEX(Jesper!AL$2:AL$366,ROUNDDOWN($C4242/24,0)+1,1)*INDEX($D$3:$AA$30,INDEX(Jesper!$R$2:$R$366,ROW(INDEX(Jesper!AL$2:AL$366,ROUNDDOWN($C4242/24,0)+1,1))-1)+IF('Standard Profiles'!$G$22=$B$10,7,0)+IF('Standard Profiles'!$G$22=$B$17,14,0)+IF('Standard Profiles'!$G$22=$B$24,21,0),MOD($C4242,24)+1)/SUM(INDEX($D$3:$AA$30,INDEX(Jesper!$R$2:$R$366,ROW(INDEX(Jesper!AL$2:AL$366,ROUNDDOWN($C4242/24,0)+1,1))-1)+IF('Standard Profiles'!$G$22=$B$10,7,0)+IF('Standard Profiles'!$G$22=$B$17,14,0)+IF('Standard Profiles'!$G$22=$B$24,21,0),0)),0)</f>
        <v>0</v>
      </c>
      <c r="I4242">
        <f t="shared" si="475"/>
        <v>0.33595017414885042</v>
      </c>
      <c r="J4242">
        <f t="shared" si="476"/>
        <v>1.1198339138295015</v>
      </c>
      <c r="K4242">
        <f t="shared" si="477"/>
        <v>1.6797508707442523</v>
      </c>
      <c r="L4242">
        <f t="shared" si="478"/>
        <v>8.0628041795724101</v>
      </c>
      <c r="M4242">
        <f t="shared" si="479"/>
        <v>0</v>
      </c>
      <c r="N4242" s="46">
        <f t="shared" si="480"/>
        <v>45467.333333323128</v>
      </c>
    </row>
    <row r="4243" spans="2:14" x14ac:dyDescent="0.3">
      <c r="B4243">
        <f t="shared" si="474"/>
        <v>1</v>
      </c>
      <c r="C4243" s="16">
        <v>4209</v>
      </c>
      <c r="D4243" cm="1">
        <f t="array" ref="D4243">IFERROR(INDEX(Jesper!AH$2:AH$366,ROUNDDOWN($C4243/24,0)+1,1)*INDEX($D$3:$AA$30,INDEX(Jesper!$R$2:$R$366,ROW(INDEX(Jesper!AH$2:AH$366,ROUNDDOWN($C4243/24,0)+1,1))-1)+IF('Standard Profiles'!$G$18=$B$10,7,0)+IF('Standard Profiles'!$G$18=$B$17,14,0)+IF('Standard Profiles'!$G$18=$B$24,21,0),MOD($C4243,24)+1)/SUM(INDEX($D$3:$AA$30,INDEX(Jesper!$R$2:$R$366,ROW(INDEX(Jesper!AH$2:AH$366,ROUNDDOWN($C4243/24,0)+1,1))-1)+IF('Standard Profiles'!$G$18=$B$10,7,0)+IF('Standard Profiles'!$G$18=$B$17,14,0)+IF('Standard Profiles'!$G$18=$B$24,21,0),0)),0)</f>
        <v>11.957548571399762</v>
      </c>
      <c r="E4243" cm="1">
        <f t="array" ref="E4243">IFERROR(INDEX(Jesper!AI$2:AI$366,ROUNDDOWN($C4243/24,0)+1,1)*INDEX($D$3:$AA$30,INDEX(Jesper!$R$2:$R$366,ROW(INDEX(Jesper!AI$2:AI$366,ROUNDDOWN($C4243/24,0)+1,1))-1)+IF('Standard Profiles'!$G$19=$B$10,7,0)+IF('Standard Profiles'!$G$19=$B$17,14,0)+IF('Standard Profiles'!$G$19=$B$24,21,0),MOD($C4243,24)+1)/SUM(INDEX($D$3:$AA$30,INDEX(Jesper!$R$2:$R$366,ROW(INDEX(Jesper!AI$2:AI$366,ROUNDDOWN($C4243/24,0)+1,1))-1)+IF('Standard Profiles'!$G$19=$B$10,7,0)+IF('Standard Profiles'!$G$19=$B$17,14,0)+IF('Standard Profiles'!$G$19=$B$24,21,0),0)),0)</f>
        <v>0</v>
      </c>
      <c r="F4243" cm="1">
        <f t="array" ref="F4243">IFERROR(INDEX(Jesper!AJ$2:AJ$366,ROUNDDOWN($C4243/24,0)+1,1)*INDEX($D$3:$AA$30,INDEX(Jesper!$R$2:$R$366,ROW(INDEX(Jesper!AJ$2:AJ$366,ROUNDDOWN($C4243/24,0)+1,1))-1)+IF('Standard Profiles'!$G$20=$B$10,7,0)+IF('Standard Profiles'!$G$20=$B$17,14,0)+IF('Standard Profiles'!$G$20=$B$24,21,0),MOD($C4243,24)+1)/SUM(INDEX($D$3:$AA$30,INDEX(Jesper!$R$2:$R$366,ROW(INDEX(Jesper!AJ$2:AJ$366,ROUNDDOWN($C4243/24,0)+1,1))-1)+IF('Standard Profiles'!$G$20=$B$10,7,0)+IF('Standard Profiles'!$G$20=$B$17,14,0)+IF('Standard Profiles'!$G$20=$B$24,21,0),0)),0)</f>
        <v>0</v>
      </c>
      <c r="G4243" cm="1">
        <f t="array" ref="G4243">IFERROR(INDEX(Jesper!AK$2:AK$366,ROUNDDOWN($C4243/24,0)+1,1)*INDEX($D$3:$AA$30,INDEX(Jesper!$R$2:$R$366,ROW(INDEX(Jesper!AK$2:AK$366,ROUNDDOWN($C4243/24,0)+1,1))-1)+IF('Standard Profiles'!$G$21=$B$10,7,0)+IF('Standard Profiles'!$G$21=$B$17,14,0)+IF('Standard Profiles'!$G$21=$B$24,21,0),MOD($C4243,24)+1)/SUM(INDEX($D$3:$AA$30,INDEX(Jesper!$R$2:$R$366,ROW(INDEX(Jesper!AK$2:AK$366,ROUNDDOWN($C4243/24,0)+1,1))-1)+IF('Standard Profiles'!$G$21=$B$10,7,0)+IF('Standard Profiles'!$G$21=$B$17,14,0)+IF('Standard Profiles'!$G$21=$B$24,21,0),0)),0)</f>
        <v>0</v>
      </c>
      <c r="H4243" cm="1">
        <f t="array" ref="H4243">IFERROR(INDEX(Jesper!AL$2:AL$366,ROUNDDOWN($C4243/24,0)+1,1)*INDEX($D$3:$AA$30,INDEX(Jesper!$R$2:$R$366,ROW(INDEX(Jesper!AL$2:AL$366,ROUNDDOWN($C4243/24,0)+1,1))-1)+IF('Standard Profiles'!$G$22=$B$10,7,0)+IF('Standard Profiles'!$G$22=$B$17,14,0)+IF('Standard Profiles'!$G$22=$B$24,21,0),MOD($C4243,24)+1)/SUM(INDEX($D$3:$AA$30,INDEX(Jesper!$R$2:$R$366,ROW(INDEX(Jesper!AL$2:AL$366,ROUNDDOWN($C4243/24,0)+1,1))-1)+IF('Standard Profiles'!$G$22=$B$10,7,0)+IF('Standard Profiles'!$G$22=$B$17,14,0)+IF('Standard Profiles'!$G$22=$B$24,21,0),0)),0)</f>
        <v>0</v>
      </c>
      <c r="I4243">
        <f t="shared" si="475"/>
        <v>0.35872645714199286</v>
      </c>
      <c r="J4243">
        <f t="shared" si="476"/>
        <v>1.1957548571399763</v>
      </c>
      <c r="K4243">
        <f t="shared" si="477"/>
        <v>1.7936322857099642</v>
      </c>
      <c r="L4243">
        <f t="shared" si="478"/>
        <v>8.6094349714078291</v>
      </c>
      <c r="M4243">
        <f t="shared" si="479"/>
        <v>0</v>
      </c>
      <c r="N4243" s="46">
        <f t="shared" si="480"/>
        <v>45467.374999989792</v>
      </c>
    </row>
    <row r="4244" spans="2:14" x14ac:dyDescent="0.3">
      <c r="B4244">
        <f t="shared" si="474"/>
        <v>1</v>
      </c>
      <c r="C4244" s="16">
        <v>4210</v>
      </c>
      <c r="D4244" cm="1">
        <f t="array" ref="D4244">IFERROR(INDEX(Jesper!AH$2:AH$366,ROUNDDOWN($C4244/24,0)+1,1)*INDEX($D$3:$AA$30,INDEX(Jesper!$R$2:$R$366,ROW(INDEX(Jesper!AH$2:AH$366,ROUNDDOWN($C4244/24,0)+1,1))-1)+IF('Standard Profiles'!$G$18=$B$10,7,0)+IF('Standard Profiles'!$G$18=$B$17,14,0)+IF('Standard Profiles'!$G$18=$B$24,21,0),MOD($C4244,24)+1)/SUM(INDEX($D$3:$AA$30,INDEX(Jesper!$R$2:$R$366,ROW(INDEX(Jesper!AH$2:AH$366,ROUNDDOWN($C4244/24,0)+1,1))-1)+IF('Standard Profiles'!$G$18=$B$10,7,0)+IF('Standard Profiles'!$G$18=$B$17,14,0)+IF('Standard Profiles'!$G$18=$B$24,21,0),0)),0)</f>
        <v>11.957548571399762</v>
      </c>
      <c r="E4244" cm="1">
        <f t="array" ref="E4244">IFERROR(INDEX(Jesper!AI$2:AI$366,ROUNDDOWN($C4244/24,0)+1,1)*INDEX($D$3:$AA$30,INDEX(Jesper!$R$2:$R$366,ROW(INDEX(Jesper!AI$2:AI$366,ROUNDDOWN($C4244/24,0)+1,1))-1)+IF('Standard Profiles'!$G$19=$B$10,7,0)+IF('Standard Profiles'!$G$19=$B$17,14,0)+IF('Standard Profiles'!$G$19=$B$24,21,0),MOD($C4244,24)+1)/SUM(INDEX($D$3:$AA$30,INDEX(Jesper!$R$2:$R$366,ROW(INDEX(Jesper!AI$2:AI$366,ROUNDDOWN($C4244/24,0)+1,1))-1)+IF('Standard Profiles'!$G$19=$B$10,7,0)+IF('Standard Profiles'!$G$19=$B$17,14,0)+IF('Standard Profiles'!$G$19=$B$24,21,0),0)),0)</f>
        <v>0</v>
      </c>
      <c r="F4244" cm="1">
        <f t="array" ref="F4244">IFERROR(INDEX(Jesper!AJ$2:AJ$366,ROUNDDOWN($C4244/24,0)+1,1)*INDEX($D$3:$AA$30,INDEX(Jesper!$R$2:$R$366,ROW(INDEX(Jesper!AJ$2:AJ$366,ROUNDDOWN($C4244/24,0)+1,1))-1)+IF('Standard Profiles'!$G$20=$B$10,7,0)+IF('Standard Profiles'!$G$20=$B$17,14,0)+IF('Standard Profiles'!$G$20=$B$24,21,0),MOD($C4244,24)+1)/SUM(INDEX($D$3:$AA$30,INDEX(Jesper!$R$2:$R$366,ROW(INDEX(Jesper!AJ$2:AJ$366,ROUNDDOWN($C4244/24,0)+1,1))-1)+IF('Standard Profiles'!$G$20=$B$10,7,0)+IF('Standard Profiles'!$G$20=$B$17,14,0)+IF('Standard Profiles'!$G$20=$B$24,21,0),0)),0)</f>
        <v>0</v>
      </c>
      <c r="G4244" cm="1">
        <f t="array" ref="G4244">IFERROR(INDEX(Jesper!AK$2:AK$366,ROUNDDOWN($C4244/24,0)+1,1)*INDEX($D$3:$AA$30,INDEX(Jesper!$R$2:$R$366,ROW(INDEX(Jesper!AK$2:AK$366,ROUNDDOWN($C4244/24,0)+1,1))-1)+IF('Standard Profiles'!$G$21=$B$10,7,0)+IF('Standard Profiles'!$G$21=$B$17,14,0)+IF('Standard Profiles'!$G$21=$B$24,21,0),MOD($C4244,24)+1)/SUM(INDEX($D$3:$AA$30,INDEX(Jesper!$R$2:$R$366,ROW(INDEX(Jesper!AK$2:AK$366,ROUNDDOWN($C4244/24,0)+1,1))-1)+IF('Standard Profiles'!$G$21=$B$10,7,0)+IF('Standard Profiles'!$G$21=$B$17,14,0)+IF('Standard Profiles'!$G$21=$B$24,21,0),0)),0)</f>
        <v>0</v>
      </c>
      <c r="H4244" cm="1">
        <f t="array" ref="H4244">IFERROR(INDEX(Jesper!AL$2:AL$366,ROUNDDOWN($C4244/24,0)+1,1)*INDEX($D$3:$AA$30,INDEX(Jesper!$R$2:$R$366,ROW(INDEX(Jesper!AL$2:AL$366,ROUNDDOWN($C4244/24,0)+1,1))-1)+IF('Standard Profiles'!$G$22=$B$10,7,0)+IF('Standard Profiles'!$G$22=$B$17,14,0)+IF('Standard Profiles'!$G$22=$B$24,21,0),MOD($C4244,24)+1)/SUM(INDEX($D$3:$AA$30,INDEX(Jesper!$R$2:$R$366,ROW(INDEX(Jesper!AL$2:AL$366,ROUNDDOWN($C4244/24,0)+1,1))-1)+IF('Standard Profiles'!$G$22=$B$10,7,0)+IF('Standard Profiles'!$G$22=$B$17,14,0)+IF('Standard Profiles'!$G$22=$B$24,21,0),0)),0)</f>
        <v>0</v>
      </c>
      <c r="I4244">
        <f t="shared" si="475"/>
        <v>0.35872645714199286</v>
      </c>
      <c r="J4244">
        <f t="shared" si="476"/>
        <v>1.1957548571399763</v>
      </c>
      <c r="K4244">
        <f t="shared" si="477"/>
        <v>1.7936322857099642</v>
      </c>
      <c r="L4244">
        <f t="shared" si="478"/>
        <v>8.6094349714078291</v>
      </c>
      <c r="M4244">
        <f t="shared" si="479"/>
        <v>0</v>
      </c>
      <c r="N4244" s="46">
        <f t="shared" si="480"/>
        <v>45467.416666656456</v>
      </c>
    </row>
    <row r="4245" spans="2:14" x14ac:dyDescent="0.3">
      <c r="B4245">
        <f t="shared" si="474"/>
        <v>1</v>
      </c>
      <c r="C4245" s="16">
        <v>4211</v>
      </c>
      <c r="D4245" cm="1">
        <f t="array" ref="D4245">IFERROR(INDEX(Jesper!AH$2:AH$366,ROUNDDOWN($C4245/24,0)+1,1)*INDEX($D$3:$AA$30,INDEX(Jesper!$R$2:$R$366,ROW(INDEX(Jesper!AH$2:AH$366,ROUNDDOWN($C4245/24,0)+1,1))-1)+IF('Standard Profiles'!$G$18=$B$10,7,0)+IF('Standard Profiles'!$G$18=$B$17,14,0)+IF('Standard Profiles'!$G$18=$B$24,21,0),MOD($C4245,24)+1)/SUM(INDEX($D$3:$AA$30,INDEX(Jesper!$R$2:$R$366,ROW(INDEX(Jesper!AH$2:AH$366,ROUNDDOWN($C4245/24,0)+1,1))-1)+IF('Standard Profiles'!$G$18=$B$10,7,0)+IF('Standard Profiles'!$G$18=$B$17,14,0)+IF('Standard Profiles'!$G$18=$B$24,21,0),0)),0)</f>
        <v>15.184188662094936</v>
      </c>
      <c r="E4245" cm="1">
        <f t="array" ref="E4245">IFERROR(INDEX(Jesper!AI$2:AI$366,ROUNDDOWN($C4245/24,0)+1,1)*INDEX($D$3:$AA$30,INDEX(Jesper!$R$2:$R$366,ROW(INDEX(Jesper!AI$2:AI$366,ROUNDDOWN($C4245/24,0)+1,1))-1)+IF('Standard Profiles'!$G$19=$B$10,7,0)+IF('Standard Profiles'!$G$19=$B$17,14,0)+IF('Standard Profiles'!$G$19=$B$24,21,0),MOD($C4245,24)+1)/SUM(INDEX($D$3:$AA$30,INDEX(Jesper!$R$2:$R$366,ROW(INDEX(Jesper!AI$2:AI$366,ROUNDDOWN($C4245/24,0)+1,1))-1)+IF('Standard Profiles'!$G$19=$B$10,7,0)+IF('Standard Profiles'!$G$19=$B$17,14,0)+IF('Standard Profiles'!$G$19=$B$24,21,0),0)),0)</f>
        <v>0</v>
      </c>
      <c r="F4245" cm="1">
        <f t="array" ref="F4245">IFERROR(INDEX(Jesper!AJ$2:AJ$366,ROUNDDOWN($C4245/24,0)+1,1)*INDEX($D$3:$AA$30,INDEX(Jesper!$R$2:$R$366,ROW(INDEX(Jesper!AJ$2:AJ$366,ROUNDDOWN($C4245/24,0)+1,1))-1)+IF('Standard Profiles'!$G$20=$B$10,7,0)+IF('Standard Profiles'!$G$20=$B$17,14,0)+IF('Standard Profiles'!$G$20=$B$24,21,0),MOD($C4245,24)+1)/SUM(INDEX($D$3:$AA$30,INDEX(Jesper!$R$2:$R$366,ROW(INDEX(Jesper!AJ$2:AJ$366,ROUNDDOWN($C4245/24,0)+1,1))-1)+IF('Standard Profiles'!$G$20=$B$10,7,0)+IF('Standard Profiles'!$G$20=$B$17,14,0)+IF('Standard Profiles'!$G$20=$B$24,21,0),0)),0)</f>
        <v>0</v>
      </c>
      <c r="G4245" cm="1">
        <f t="array" ref="G4245">IFERROR(INDEX(Jesper!AK$2:AK$366,ROUNDDOWN($C4245/24,0)+1,1)*INDEX($D$3:$AA$30,INDEX(Jesper!$R$2:$R$366,ROW(INDEX(Jesper!AK$2:AK$366,ROUNDDOWN($C4245/24,0)+1,1))-1)+IF('Standard Profiles'!$G$21=$B$10,7,0)+IF('Standard Profiles'!$G$21=$B$17,14,0)+IF('Standard Profiles'!$G$21=$B$24,21,0),MOD($C4245,24)+1)/SUM(INDEX($D$3:$AA$30,INDEX(Jesper!$R$2:$R$366,ROW(INDEX(Jesper!AK$2:AK$366,ROUNDDOWN($C4245/24,0)+1,1))-1)+IF('Standard Profiles'!$G$21=$B$10,7,0)+IF('Standard Profiles'!$G$21=$B$17,14,0)+IF('Standard Profiles'!$G$21=$B$24,21,0),0)),0)</f>
        <v>0</v>
      </c>
      <c r="H4245" cm="1">
        <f t="array" ref="H4245">IFERROR(INDEX(Jesper!AL$2:AL$366,ROUNDDOWN($C4245/24,0)+1,1)*INDEX($D$3:$AA$30,INDEX(Jesper!$R$2:$R$366,ROW(INDEX(Jesper!AL$2:AL$366,ROUNDDOWN($C4245/24,0)+1,1))-1)+IF('Standard Profiles'!$G$22=$B$10,7,0)+IF('Standard Profiles'!$G$22=$B$17,14,0)+IF('Standard Profiles'!$G$22=$B$24,21,0),MOD($C4245,24)+1)/SUM(INDEX($D$3:$AA$30,INDEX(Jesper!$R$2:$R$366,ROW(INDEX(Jesper!AL$2:AL$366,ROUNDDOWN($C4245/24,0)+1,1))-1)+IF('Standard Profiles'!$G$22=$B$10,7,0)+IF('Standard Profiles'!$G$22=$B$17,14,0)+IF('Standard Profiles'!$G$22=$B$24,21,0),0)),0)</f>
        <v>0</v>
      </c>
      <c r="I4245">
        <f t="shared" si="475"/>
        <v>0.45552565986284804</v>
      </c>
      <c r="J4245">
        <f t="shared" si="476"/>
        <v>1.5184188662094937</v>
      </c>
      <c r="K4245">
        <f t="shared" si="477"/>
        <v>2.2776282993142405</v>
      </c>
      <c r="L4245">
        <f t="shared" si="478"/>
        <v>10.932615836708354</v>
      </c>
      <c r="M4245">
        <f t="shared" si="479"/>
        <v>0</v>
      </c>
      <c r="N4245" s="46">
        <f t="shared" si="480"/>
        <v>45467.45833332312</v>
      </c>
    </row>
    <row r="4246" spans="2:14" x14ac:dyDescent="0.3">
      <c r="B4246">
        <f t="shared" si="474"/>
        <v>1</v>
      </c>
      <c r="C4246" s="16">
        <v>4212</v>
      </c>
      <c r="D4246" cm="1">
        <f t="array" ref="D4246">IFERROR(INDEX(Jesper!AH$2:AH$366,ROUNDDOWN($C4246/24,0)+1,1)*INDEX($D$3:$AA$30,INDEX(Jesper!$R$2:$R$366,ROW(INDEX(Jesper!AH$2:AH$366,ROUNDDOWN($C4246/24,0)+1,1))-1)+IF('Standard Profiles'!$G$18=$B$10,7,0)+IF('Standard Profiles'!$G$18=$B$17,14,0)+IF('Standard Profiles'!$G$18=$B$24,21,0),MOD($C4246,24)+1)/SUM(INDEX($D$3:$AA$30,INDEX(Jesper!$R$2:$R$366,ROW(INDEX(Jesper!AH$2:AH$366,ROUNDDOWN($C4246/24,0)+1,1))-1)+IF('Standard Profiles'!$G$18=$B$10,7,0)+IF('Standard Profiles'!$G$18=$B$17,14,0)+IF('Standard Profiles'!$G$18=$B$24,21,0),0)),0)</f>
        <v>15.184188662094936</v>
      </c>
      <c r="E4246" cm="1">
        <f t="array" ref="E4246">IFERROR(INDEX(Jesper!AI$2:AI$366,ROUNDDOWN($C4246/24,0)+1,1)*INDEX($D$3:$AA$30,INDEX(Jesper!$R$2:$R$366,ROW(INDEX(Jesper!AI$2:AI$366,ROUNDDOWN($C4246/24,0)+1,1))-1)+IF('Standard Profiles'!$G$19=$B$10,7,0)+IF('Standard Profiles'!$G$19=$B$17,14,0)+IF('Standard Profiles'!$G$19=$B$24,21,0),MOD($C4246,24)+1)/SUM(INDEX($D$3:$AA$30,INDEX(Jesper!$R$2:$R$366,ROW(INDEX(Jesper!AI$2:AI$366,ROUNDDOWN($C4246/24,0)+1,1))-1)+IF('Standard Profiles'!$G$19=$B$10,7,0)+IF('Standard Profiles'!$G$19=$B$17,14,0)+IF('Standard Profiles'!$G$19=$B$24,21,0),0)),0)</f>
        <v>0</v>
      </c>
      <c r="F4246" cm="1">
        <f t="array" ref="F4246">IFERROR(INDEX(Jesper!AJ$2:AJ$366,ROUNDDOWN($C4246/24,0)+1,1)*INDEX($D$3:$AA$30,INDEX(Jesper!$R$2:$R$366,ROW(INDEX(Jesper!AJ$2:AJ$366,ROUNDDOWN($C4246/24,0)+1,1))-1)+IF('Standard Profiles'!$G$20=$B$10,7,0)+IF('Standard Profiles'!$G$20=$B$17,14,0)+IF('Standard Profiles'!$G$20=$B$24,21,0),MOD($C4246,24)+1)/SUM(INDEX($D$3:$AA$30,INDEX(Jesper!$R$2:$R$366,ROW(INDEX(Jesper!AJ$2:AJ$366,ROUNDDOWN($C4246/24,0)+1,1))-1)+IF('Standard Profiles'!$G$20=$B$10,7,0)+IF('Standard Profiles'!$G$20=$B$17,14,0)+IF('Standard Profiles'!$G$20=$B$24,21,0),0)),0)</f>
        <v>0</v>
      </c>
      <c r="G4246" cm="1">
        <f t="array" ref="G4246">IFERROR(INDEX(Jesper!AK$2:AK$366,ROUNDDOWN($C4246/24,0)+1,1)*INDEX($D$3:$AA$30,INDEX(Jesper!$R$2:$R$366,ROW(INDEX(Jesper!AK$2:AK$366,ROUNDDOWN($C4246/24,0)+1,1))-1)+IF('Standard Profiles'!$G$21=$B$10,7,0)+IF('Standard Profiles'!$G$21=$B$17,14,0)+IF('Standard Profiles'!$G$21=$B$24,21,0),MOD($C4246,24)+1)/SUM(INDEX($D$3:$AA$30,INDEX(Jesper!$R$2:$R$366,ROW(INDEX(Jesper!AK$2:AK$366,ROUNDDOWN($C4246/24,0)+1,1))-1)+IF('Standard Profiles'!$G$21=$B$10,7,0)+IF('Standard Profiles'!$G$21=$B$17,14,0)+IF('Standard Profiles'!$G$21=$B$24,21,0),0)),0)</f>
        <v>0</v>
      </c>
      <c r="H4246" cm="1">
        <f t="array" ref="H4246">IFERROR(INDEX(Jesper!AL$2:AL$366,ROUNDDOWN($C4246/24,0)+1,1)*INDEX($D$3:$AA$30,INDEX(Jesper!$R$2:$R$366,ROW(INDEX(Jesper!AL$2:AL$366,ROUNDDOWN($C4246/24,0)+1,1))-1)+IF('Standard Profiles'!$G$22=$B$10,7,0)+IF('Standard Profiles'!$G$22=$B$17,14,0)+IF('Standard Profiles'!$G$22=$B$24,21,0),MOD($C4246,24)+1)/SUM(INDEX($D$3:$AA$30,INDEX(Jesper!$R$2:$R$366,ROW(INDEX(Jesper!AL$2:AL$366,ROUNDDOWN($C4246/24,0)+1,1))-1)+IF('Standard Profiles'!$G$22=$B$10,7,0)+IF('Standard Profiles'!$G$22=$B$17,14,0)+IF('Standard Profiles'!$G$22=$B$24,21,0),0)),0)</f>
        <v>0</v>
      </c>
      <c r="I4246">
        <f t="shared" si="475"/>
        <v>0.45552565986284804</v>
      </c>
      <c r="J4246">
        <f t="shared" si="476"/>
        <v>1.5184188662094937</v>
      </c>
      <c r="K4246">
        <f t="shared" si="477"/>
        <v>2.2776282993142405</v>
      </c>
      <c r="L4246">
        <f t="shared" si="478"/>
        <v>10.932615836708354</v>
      </c>
      <c r="M4246">
        <f t="shared" si="479"/>
        <v>0</v>
      </c>
      <c r="N4246" s="46">
        <f t="shared" si="480"/>
        <v>45467.499999989785</v>
      </c>
    </row>
    <row r="4247" spans="2:14" x14ac:dyDescent="0.3">
      <c r="B4247">
        <f t="shared" si="474"/>
        <v>1</v>
      </c>
      <c r="C4247" s="16">
        <v>4213</v>
      </c>
      <c r="D4247" cm="1">
        <f t="array" ref="D4247">IFERROR(INDEX(Jesper!AH$2:AH$366,ROUNDDOWN($C4247/24,0)+1,1)*INDEX($D$3:$AA$30,INDEX(Jesper!$R$2:$R$366,ROW(INDEX(Jesper!AH$2:AH$366,ROUNDDOWN($C4247/24,0)+1,1))-1)+IF('Standard Profiles'!$G$18=$B$10,7,0)+IF('Standard Profiles'!$G$18=$B$17,14,0)+IF('Standard Profiles'!$G$18=$B$24,21,0),MOD($C4247,24)+1)/SUM(INDEX($D$3:$AA$30,INDEX(Jesper!$R$2:$R$366,ROW(INDEX(Jesper!AH$2:AH$366,ROUNDDOWN($C4247/24,0)+1,1))-1)+IF('Standard Profiles'!$G$18=$B$10,7,0)+IF('Standard Profiles'!$G$18=$B$17,14,0)+IF('Standard Profiles'!$G$18=$B$24,21,0),0)),0)</f>
        <v>10.059524988637895</v>
      </c>
      <c r="E4247" cm="1">
        <f t="array" ref="E4247">IFERROR(INDEX(Jesper!AI$2:AI$366,ROUNDDOWN($C4247/24,0)+1,1)*INDEX($D$3:$AA$30,INDEX(Jesper!$R$2:$R$366,ROW(INDEX(Jesper!AI$2:AI$366,ROUNDDOWN($C4247/24,0)+1,1))-1)+IF('Standard Profiles'!$G$19=$B$10,7,0)+IF('Standard Profiles'!$G$19=$B$17,14,0)+IF('Standard Profiles'!$G$19=$B$24,21,0),MOD($C4247,24)+1)/SUM(INDEX($D$3:$AA$30,INDEX(Jesper!$R$2:$R$366,ROW(INDEX(Jesper!AI$2:AI$366,ROUNDDOWN($C4247/24,0)+1,1))-1)+IF('Standard Profiles'!$G$19=$B$10,7,0)+IF('Standard Profiles'!$G$19=$B$17,14,0)+IF('Standard Profiles'!$G$19=$B$24,21,0),0)),0)</f>
        <v>0</v>
      </c>
      <c r="F4247" cm="1">
        <f t="array" ref="F4247">IFERROR(INDEX(Jesper!AJ$2:AJ$366,ROUNDDOWN($C4247/24,0)+1,1)*INDEX($D$3:$AA$30,INDEX(Jesper!$R$2:$R$366,ROW(INDEX(Jesper!AJ$2:AJ$366,ROUNDDOWN($C4247/24,0)+1,1))-1)+IF('Standard Profiles'!$G$20=$B$10,7,0)+IF('Standard Profiles'!$G$20=$B$17,14,0)+IF('Standard Profiles'!$G$20=$B$24,21,0),MOD($C4247,24)+1)/SUM(INDEX($D$3:$AA$30,INDEX(Jesper!$R$2:$R$366,ROW(INDEX(Jesper!AJ$2:AJ$366,ROUNDDOWN($C4247/24,0)+1,1))-1)+IF('Standard Profiles'!$G$20=$B$10,7,0)+IF('Standard Profiles'!$G$20=$B$17,14,0)+IF('Standard Profiles'!$G$20=$B$24,21,0),0)),0)</f>
        <v>0</v>
      </c>
      <c r="G4247" cm="1">
        <f t="array" ref="G4247">IFERROR(INDEX(Jesper!AK$2:AK$366,ROUNDDOWN($C4247/24,0)+1,1)*INDEX($D$3:$AA$30,INDEX(Jesper!$R$2:$R$366,ROW(INDEX(Jesper!AK$2:AK$366,ROUNDDOWN($C4247/24,0)+1,1))-1)+IF('Standard Profiles'!$G$21=$B$10,7,0)+IF('Standard Profiles'!$G$21=$B$17,14,0)+IF('Standard Profiles'!$G$21=$B$24,21,0),MOD($C4247,24)+1)/SUM(INDEX($D$3:$AA$30,INDEX(Jesper!$R$2:$R$366,ROW(INDEX(Jesper!AK$2:AK$366,ROUNDDOWN($C4247/24,0)+1,1))-1)+IF('Standard Profiles'!$G$21=$B$10,7,0)+IF('Standard Profiles'!$G$21=$B$17,14,0)+IF('Standard Profiles'!$G$21=$B$24,21,0),0)),0)</f>
        <v>0</v>
      </c>
      <c r="H4247" cm="1">
        <f t="array" ref="H4247">IFERROR(INDEX(Jesper!AL$2:AL$366,ROUNDDOWN($C4247/24,0)+1,1)*INDEX($D$3:$AA$30,INDEX(Jesper!$R$2:$R$366,ROW(INDEX(Jesper!AL$2:AL$366,ROUNDDOWN($C4247/24,0)+1,1))-1)+IF('Standard Profiles'!$G$22=$B$10,7,0)+IF('Standard Profiles'!$G$22=$B$17,14,0)+IF('Standard Profiles'!$G$22=$B$24,21,0),MOD($C4247,24)+1)/SUM(INDEX($D$3:$AA$30,INDEX(Jesper!$R$2:$R$366,ROW(INDEX(Jesper!AL$2:AL$366,ROUNDDOWN($C4247/24,0)+1,1))-1)+IF('Standard Profiles'!$G$22=$B$10,7,0)+IF('Standard Profiles'!$G$22=$B$17,14,0)+IF('Standard Profiles'!$G$22=$B$24,21,0),0)),0)</f>
        <v>0</v>
      </c>
      <c r="I4247">
        <f t="shared" si="475"/>
        <v>0.30178574965913685</v>
      </c>
      <c r="J4247">
        <f t="shared" si="476"/>
        <v>1.0059524988637896</v>
      </c>
      <c r="K4247">
        <f t="shared" si="477"/>
        <v>1.5089287482956841</v>
      </c>
      <c r="L4247">
        <f t="shared" si="478"/>
        <v>7.2428579918192844</v>
      </c>
      <c r="M4247">
        <f t="shared" si="479"/>
        <v>0</v>
      </c>
      <c r="N4247" s="46">
        <f t="shared" si="480"/>
        <v>45467.541666656449</v>
      </c>
    </row>
    <row r="4248" spans="2:14" x14ac:dyDescent="0.3">
      <c r="B4248">
        <f t="shared" si="474"/>
        <v>1</v>
      </c>
      <c r="C4248" s="16">
        <v>4214</v>
      </c>
      <c r="D4248" cm="1">
        <f t="array" ref="D4248">IFERROR(INDEX(Jesper!AH$2:AH$366,ROUNDDOWN($C4248/24,0)+1,1)*INDEX($D$3:$AA$30,INDEX(Jesper!$R$2:$R$366,ROW(INDEX(Jesper!AH$2:AH$366,ROUNDDOWN($C4248/24,0)+1,1))-1)+IF('Standard Profiles'!$G$18=$B$10,7,0)+IF('Standard Profiles'!$G$18=$B$17,14,0)+IF('Standard Profiles'!$G$18=$B$24,21,0),MOD($C4248,24)+1)/SUM(INDEX($D$3:$AA$30,INDEX(Jesper!$R$2:$R$366,ROW(INDEX(Jesper!AH$2:AH$366,ROUNDDOWN($C4248/24,0)+1,1))-1)+IF('Standard Profiles'!$G$18=$B$10,7,0)+IF('Standard Profiles'!$G$18=$B$17,14,0)+IF('Standard Profiles'!$G$18=$B$24,21,0),0)),0)</f>
        <v>15.184188662094936</v>
      </c>
      <c r="E4248" cm="1">
        <f t="array" ref="E4248">IFERROR(INDEX(Jesper!AI$2:AI$366,ROUNDDOWN($C4248/24,0)+1,1)*INDEX($D$3:$AA$30,INDEX(Jesper!$R$2:$R$366,ROW(INDEX(Jesper!AI$2:AI$366,ROUNDDOWN($C4248/24,0)+1,1))-1)+IF('Standard Profiles'!$G$19=$B$10,7,0)+IF('Standard Profiles'!$G$19=$B$17,14,0)+IF('Standard Profiles'!$G$19=$B$24,21,0),MOD($C4248,24)+1)/SUM(INDEX($D$3:$AA$30,INDEX(Jesper!$R$2:$R$366,ROW(INDEX(Jesper!AI$2:AI$366,ROUNDDOWN($C4248/24,0)+1,1))-1)+IF('Standard Profiles'!$G$19=$B$10,7,0)+IF('Standard Profiles'!$G$19=$B$17,14,0)+IF('Standard Profiles'!$G$19=$B$24,21,0),0)),0)</f>
        <v>0</v>
      </c>
      <c r="F4248" cm="1">
        <f t="array" ref="F4248">IFERROR(INDEX(Jesper!AJ$2:AJ$366,ROUNDDOWN($C4248/24,0)+1,1)*INDEX($D$3:$AA$30,INDEX(Jesper!$R$2:$R$366,ROW(INDEX(Jesper!AJ$2:AJ$366,ROUNDDOWN($C4248/24,0)+1,1))-1)+IF('Standard Profiles'!$G$20=$B$10,7,0)+IF('Standard Profiles'!$G$20=$B$17,14,0)+IF('Standard Profiles'!$G$20=$B$24,21,0),MOD($C4248,24)+1)/SUM(INDEX($D$3:$AA$30,INDEX(Jesper!$R$2:$R$366,ROW(INDEX(Jesper!AJ$2:AJ$366,ROUNDDOWN($C4248/24,0)+1,1))-1)+IF('Standard Profiles'!$G$20=$B$10,7,0)+IF('Standard Profiles'!$G$20=$B$17,14,0)+IF('Standard Profiles'!$G$20=$B$24,21,0),0)),0)</f>
        <v>0</v>
      </c>
      <c r="G4248" cm="1">
        <f t="array" ref="G4248">IFERROR(INDEX(Jesper!AK$2:AK$366,ROUNDDOWN($C4248/24,0)+1,1)*INDEX($D$3:$AA$30,INDEX(Jesper!$R$2:$R$366,ROW(INDEX(Jesper!AK$2:AK$366,ROUNDDOWN($C4248/24,0)+1,1))-1)+IF('Standard Profiles'!$G$21=$B$10,7,0)+IF('Standard Profiles'!$G$21=$B$17,14,0)+IF('Standard Profiles'!$G$21=$B$24,21,0),MOD($C4248,24)+1)/SUM(INDEX($D$3:$AA$30,INDEX(Jesper!$R$2:$R$366,ROW(INDEX(Jesper!AK$2:AK$366,ROUNDDOWN($C4248/24,0)+1,1))-1)+IF('Standard Profiles'!$G$21=$B$10,7,0)+IF('Standard Profiles'!$G$21=$B$17,14,0)+IF('Standard Profiles'!$G$21=$B$24,21,0),0)),0)</f>
        <v>0</v>
      </c>
      <c r="H4248" cm="1">
        <f t="array" ref="H4248">IFERROR(INDEX(Jesper!AL$2:AL$366,ROUNDDOWN($C4248/24,0)+1,1)*INDEX($D$3:$AA$30,INDEX(Jesper!$R$2:$R$366,ROW(INDEX(Jesper!AL$2:AL$366,ROUNDDOWN($C4248/24,0)+1,1))-1)+IF('Standard Profiles'!$G$22=$B$10,7,0)+IF('Standard Profiles'!$G$22=$B$17,14,0)+IF('Standard Profiles'!$G$22=$B$24,21,0),MOD($C4248,24)+1)/SUM(INDEX($D$3:$AA$30,INDEX(Jesper!$R$2:$R$366,ROW(INDEX(Jesper!AL$2:AL$366,ROUNDDOWN($C4248/24,0)+1,1))-1)+IF('Standard Profiles'!$G$22=$B$10,7,0)+IF('Standard Profiles'!$G$22=$B$17,14,0)+IF('Standard Profiles'!$G$22=$B$24,21,0),0)),0)</f>
        <v>0</v>
      </c>
      <c r="I4248">
        <f t="shared" si="475"/>
        <v>0.45552565986284804</v>
      </c>
      <c r="J4248">
        <f t="shared" si="476"/>
        <v>1.5184188662094937</v>
      </c>
      <c r="K4248">
        <f t="shared" si="477"/>
        <v>2.2776282993142405</v>
      </c>
      <c r="L4248">
        <f t="shared" si="478"/>
        <v>10.932615836708354</v>
      </c>
      <c r="M4248">
        <f t="shared" si="479"/>
        <v>0</v>
      </c>
      <c r="N4248" s="46">
        <f t="shared" si="480"/>
        <v>45467.583333323113</v>
      </c>
    </row>
    <row r="4249" spans="2:14" x14ac:dyDescent="0.3">
      <c r="B4249">
        <f t="shared" si="474"/>
        <v>1</v>
      </c>
      <c r="C4249" s="16">
        <v>4215</v>
      </c>
      <c r="D4249" cm="1">
        <f t="array" ref="D4249">IFERROR(INDEX(Jesper!AH$2:AH$366,ROUNDDOWN($C4249/24,0)+1,1)*INDEX($D$3:$AA$30,INDEX(Jesper!$R$2:$R$366,ROW(INDEX(Jesper!AH$2:AH$366,ROUNDDOWN($C4249/24,0)+1,1))-1)+IF('Standard Profiles'!$G$18=$B$10,7,0)+IF('Standard Profiles'!$G$18=$B$17,14,0)+IF('Standard Profiles'!$G$18=$B$24,21,0),MOD($C4249,24)+1)/SUM(INDEX($D$3:$AA$30,INDEX(Jesper!$R$2:$R$366,ROW(INDEX(Jesper!AH$2:AH$366,ROUNDDOWN($C4249/24,0)+1,1))-1)+IF('Standard Profiles'!$G$18=$B$10,7,0)+IF('Standard Profiles'!$G$18=$B$17,14,0)+IF('Standard Profiles'!$G$18=$B$24,21,0),0)),0)</f>
        <v>15.184188662094936</v>
      </c>
      <c r="E4249" cm="1">
        <f t="array" ref="E4249">IFERROR(INDEX(Jesper!AI$2:AI$366,ROUNDDOWN($C4249/24,0)+1,1)*INDEX($D$3:$AA$30,INDEX(Jesper!$R$2:$R$366,ROW(INDEX(Jesper!AI$2:AI$366,ROUNDDOWN($C4249/24,0)+1,1))-1)+IF('Standard Profiles'!$G$19=$B$10,7,0)+IF('Standard Profiles'!$G$19=$B$17,14,0)+IF('Standard Profiles'!$G$19=$B$24,21,0),MOD($C4249,24)+1)/SUM(INDEX($D$3:$AA$30,INDEX(Jesper!$R$2:$R$366,ROW(INDEX(Jesper!AI$2:AI$366,ROUNDDOWN($C4249/24,0)+1,1))-1)+IF('Standard Profiles'!$G$19=$B$10,7,0)+IF('Standard Profiles'!$G$19=$B$17,14,0)+IF('Standard Profiles'!$G$19=$B$24,21,0),0)),0)</f>
        <v>0</v>
      </c>
      <c r="F4249" cm="1">
        <f t="array" ref="F4249">IFERROR(INDEX(Jesper!AJ$2:AJ$366,ROUNDDOWN($C4249/24,0)+1,1)*INDEX($D$3:$AA$30,INDEX(Jesper!$R$2:$R$366,ROW(INDEX(Jesper!AJ$2:AJ$366,ROUNDDOWN($C4249/24,0)+1,1))-1)+IF('Standard Profiles'!$G$20=$B$10,7,0)+IF('Standard Profiles'!$G$20=$B$17,14,0)+IF('Standard Profiles'!$G$20=$B$24,21,0),MOD($C4249,24)+1)/SUM(INDEX($D$3:$AA$30,INDEX(Jesper!$R$2:$R$366,ROW(INDEX(Jesper!AJ$2:AJ$366,ROUNDDOWN($C4249/24,0)+1,1))-1)+IF('Standard Profiles'!$G$20=$B$10,7,0)+IF('Standard Profiles'!$G$20=$B$17,14,0)+IF('Standard Profiles'!$G$20=$B$24,21,0),0)),0)</f>
        <v>0</v>
      </c>
      <c r="G4249" cm="1">
        <f t="array" ref="G4249">IFERROR(INDEX(Jesper!AK$2:AK$366,ROUNDDOWN($C4249/24,0)+1,1)*INDEX($D$3:$AA$30,INDEX(Jesper!$R$2:$R$366,ROW(INDEX(Jesper!AK$2:AK$366,ROUNDDOWN($C4249/24,0)+1,1))-1)+IF('Standard Profiles'!$G$21=$B$10,7,0)+IF('Standard Profiles'!$G$21=$B$17,14,0)+IF('Standard Profiles'!$G$21=$B$24,21,0),MOD($C4249,24)+1)/SUM(INDEX($D$3:$AA$30,INDEX(Jesper!$R$2:$R$366,ROW(INDEX(Jesper!AK$2:AK$366,ROUNDDOWN($C4249/24,0)+1,1))-1)+IF('Standard Profiles'!$G$21=$B$10,7,0)+IF('Standard Profiles'!$G$21=$B$17,14,0)+IF('Standard Profiles'!$G$21=$B$24,21,0),0)),0)</f>
        <v>0</v>
      </c>
      <c r="H4249" cm="1">
        <f t="array" ref="H4249">IFERROR(INDEX(Jesper!AL$2:AL$366,ROUNDDOWN($C4249/24,0)+1,1)*INDEX($D$3:$AA$30,INDEX(Jesper!$R$2:$R$366,ROW(INDEX(Jesper!AL$2:AL$366,ROUNDDOWN($C4249/24,0)+1,1))-1)+IF('Standard Profiles'!$G$22=$B$10,7,0)+IF('Standard Profiles'!$G$22=$B$17,14,0)+IF('Standard Profiles'!$G$22=$B$24,21,0),MOD($C4249,24)+1)/SUM(INDEX($D$3:$AA$30,INDEX(Jesper!$R$2:$R$366,ROW(INDEX(Jesper!AL$2:AL$366,ROUNDDOWN($C4249/24,0)+1,1))-1)+IF('Standard Profiles'!$G$22=$B$10,7,0)+IF('Standard Profiles'!$G$22=$B$17,14,0)+IF('Standard Profiles'!$G$22=$B$24,21,0),0)),0)</f>
        <v>0</v>
      </c>
      <c r="I4249">
        <f t="shared" si="475"/>
        <v>0.45552565986284804</v>
      </c>
      <c r="J4249">
        <f t="shared" si="476"/>
        <v>1.5184188662094937</v>
      </c>
      <c r="K4249">
        <f t="shared" si="477"/>
        <v>2.2776282993142405</v>
      </c>
      <c r="L4249">
        <f t="shared" si="478"/>
        <v>10.932615836708354</v>
      </c>
      <c r="M4249">
        <f t="shared" si="479"/>
        <v>0</v>
      </c>
      <c r="N4249" s="46">
        <f t="shared" si="480"/>
        <v>45467.624999989777</v>
      </c>
    </row>
    <row r="4250" spans="2:14" x14ac:dyDescent="0.3">
      <c r="B4250">
        <f t="shared" si="474"/>
        <v>1</v>
      </c>
      <c r="C4250" s="16">
        <v>4216</v>
      </c>
      <c r="D4250" cm="1">
        <f t="array" ref="D4250">IFERROR(INDEX(Jesper!AH$2:AH$366,ROUNDDOWN($C4250/24,0)+1,1)*INDEX($D$3:$AA$30,INDEX(Jesper!$R$2:$R$366,ROW(INDEX(Jesper!AH$2:AH$366,ROUNDDOWN($C4250/24,0)+1,1))-1)+IF('Standard Profiles'!$G$18=$B$10,7,0)+IF('Standard Profiles'!$G$18=$B$17,14,0)+IF('Standard Profiles'!$G$18=$B$24,21,0),MOD($C4250,24)+1)/SUM(INDEX($D$3:$AA$30,INDEX(Jesper!$R$2:$R$366,ROW(INDEX(Jesper!AH$2:AH$366,ROUNDDOWN($C4250/24,0)+1,1))-1)+IF('Standard Profiles'!$G$18=$B$10,7,0)+IF('Standard Profiles'!$G$18=$B$17,14,0)+IF('Standard Profiles'!$G$18=$B$24,21,0),0)),0)</f>
        <v>15.184188662094936</v>
      </c>
      <c r="E4250" cm="1">
        <f t="array" ref="E4250">IFERROR(INDEX(Jesper!AI$2:AI$366,ROUNDDOWN($C4250/24,0)+1,1)*INDEX($D$3:$AA$30,INDEX(Jesper!$R$2:$R$366,ROW(INDEX(Jesper!AI$2:AI$366,ROUNDDOWN($C4250/24,0)+1,1))-1)+IF('Standard Profiles'!$G$19=$B$10,7,0)+IF('Standard Profiles'!$G$19=$B$17,14,0)+IF('Standard Profiles'!$G$19=$B$24,21,0),MOD($C4250,24)+1)/SUM(INDEX($D$3:$AA$30,INDEX(Jesper!$R$2:$R$366,ROW(INDEX(Jesper!AI$2:AI$366,ROUNDDOWN($C4250/24,0)+1,1))-1)+IF('Standard Profiles'!$G$19=$B$10,7,0)+IF('Standard Profiles'!$G$19=$B$17,14,0)+IF('Standard Profiles'!$G$19=$B$24,21,0),0)),0)</f>
        <v>0</v>
      </c>
      <c r="F4250" cm="1">
        <f t="array" ref="F4250">IFERROR(INDEX(Jesper!AJ$2:AJ$366,ROUNDDOWN($C4250/24,0)+1,1)*INDEX($D$3:$AA$30,INDEX(Jesper!$R$2:$R$366,ROW(INDEX(Jesper!AJ$2:AJ$366,ROUNDDOWN($C4250/24,0)+1,1))-1)+IF('Standard Profiles'!$G$20=$B$10,7,0)+IF('Standard Profiles'!$G$20=$B$17,14,0)+IF('Standard Profiles'!$G$20=$B$24,21,0),MOD($C4250,24)+1)/SUM(INDEX($D$3:$AA$30,INDEX(Jesper!$R$2:$R$366,ROW(INDEX(Jesper!AJ$2:AJ$366,ROUNDDOWN($C4250/24,0)+1,1))-1)+IF('Standard Profiles'!$G$20=$B$10,7,0)+IF('Standard Profiles'!$G$20=$B$17,14,0)+IF('Standard Profiles'!$G$20=$B$24,21,0),0)),0)</f>
        <v>0</v>
      </c>
      <c r="G4250" cm="1">
        <f t="array" ref="G4250">IFERROR(INDEX(Jesper!AK$2:AK$366,ROUNDDOWN($C4250/24,0)+1,1)*INDEX($D$3:$AA$30,INDEX(Jesper!$R$2:$R$366,ROW(INDEX(Jesper!AK$2:AK$366,ROUNDDOWN($C4250/24,0)+1,1))-1)+IF('Standard Profiles'!$G$21=$B$10,7,0)+IF('Standard Profiles'!$G$21=$B$17,14,0)+IF('Standard Profiles'!$G$21=$B$24,21,0),MOD($C4250,24)+1)/SUM(INDEX($D$3:$AA$30,INDEX(Jesper!$R$2:$R$366,ROW(INDEX(Jesper!AK$2:AK$366,ROUNDDOWN($C4250/24,0)+1,1))-1)+IF('Standard Profiles'!$G$21=$B$10,7,0)+IF('Standard Profiles'!$G$21=$B$17,14,0)+IF('Standard Profiles'!$G$21=$B$24,21,0),0)),0)</f>
        <v>0</v>
      </c>
      <c r="H4250" cm="1">
        <f t="array" ref="H4250">IFERROR(INDEX(Jesper!AL$2:AL$366,ROUNDDOWN($C4250/24,0)+1,1)*INDEX($D$3:$AA$30,INDEX(Jesper!$R$2:$R$366,ROW(INDEX(Jesper!AL$2:AL$366,ROUNDDOWN($C4250/24,0)+1,1))-1)+IF('Standard Profiles'!$G$22=$B$10,7,0)+IF('Standard Profiles'!$G$22=$B$17,14,0)+IF('Standard Profiles'!$G$22=$B$24,21,0),MOD($C4250,24)+1)/SUM(INDEX($D$3:$AA$30,INDEX(Jesper!$R$2:$R$366,ROW(INDEX(Jesper!AL$2:AL$366,ROUNDDOWN($C4250/24,0)+1,1))-1)+IF('Standard Profiles'!$G$22=$B$10,7,0)+IF('Standard Profiles'!$G$22=$B$17,14,0)+IF('Standard Profiles'!$G$22=$B$24,21,0),0)),0)</f>
        <v>0</v>
      </c>
      <c r="I4250">
        <f t="shared" si="475"/>
        <v>0.45552565986284804</v>
      </c>
      <c r="J4250">
        <f t="shared" si="476"/>
        <v>1.5184188662094937</v>
      </c>
      <c r="K4250">
        <f t="shared" si="477"/>
        <v>2.2776282993142405</v>
      </c>
      <c r="L4250">
        <f t="shared" si="478"/>
        <v>10.932615836708354</v>
      </c>
      <c r="M4250">
        <f t="shared" si="479"/>
        <v>0</v>
      </c>
      <c r="N4250" s="46">
        <f t="shared" si="480"/>
        <v>45467.666666656442</v>
      </c>
    </row>
    <row r="4251" spans="2:14" x14ac:dyDescent="0.3">
      <c r="B4251">
        <f t="shared" si="474"/>
        <v>1</v>
      </c>
      <c r="C4251" s="16">
        <v>4217</v>
      </c>
      <c r="D4251" cm="1">
        <f t="array" ref="D4251">IFERROR(INDEX(Jesper!AH$2:AH$366,ROUNDDOWN($C4251/24,0)+1,1)*INDEX($D$3:$AA$30,INDEX(Jesper!$R$2:$R$366,ROW(INDEX(Jesper!AH$2:AH$366,ROUNDDOWN($C4251/24,0)+1,1))-1)+IF('Standard Profiles'!$G$18=$B$10,7,0)+IF('Standard Profiles'!$G$18=$B$17,14,0)+IF('Standard Profiles'!$G$18=$B$24,21,0),MOD($C4251,24)+1)/SUM(INDEX($D$3:$AA$30,INDEX(Jesper!$R$2:$R$366,ROW(INDEX(Jesper!AH$2:AH$366,ROUNDDOWN($C4251/24,0)+1,1))-1)+IF('Standard Profiles'!$G$18=$B$10,7,0)+IF('Standard Profiles'!$G$18=$B$17,14,0)+IF('Standard Profiles'!$G$18=$B$24,21,0),0)),0)</f>
        <v>15.184188662094936</v>
      </c>
      <c r="E4251" cm="1">
        <f t="array" ref="E4251">IFERROR(INDEX(Jesper!AI$2:AI$366,ROUNDDOWN($C4251/24,0)+1,1)*INDEX($D$3:$AA$30,INDEX(Jesper!$R$2:$R$366,ROW(INDEX(Jesper!AI$2:AI$366,ROUNDDOWN($C4251/24,0)+1,1))-1)+IF('Standard Profiles'!$G$19=$B$10,7,0)+IF('Standard Profiles'!$G$19=$B$17,14,0)+IF('Standard Profiles'!$G$19=$B$24,21,0),MOD($C4251,24)+1)/SUM(INDEX($D$3:$AA$30,INDEX(Jesper!$R$2:$R$366,ROW(INDEX(Jesper!AI$2:AI$366,ROUNDDOWN($C4251/24,0)+1,1))-1)+IF('Standard Profiles'!$G$19=$B$10,7,0)+IF('Standard Profiles'!$G$19=$B$17,14,0)+IF('Standard Profiles'!$G$19=$B$24,21,0),0)),0)</f>
        <v>0</v>
      </c>
      <c r="F4251" cm="1">
        <f t="array" ref="F4251">IFERROR(INDEX(Jesper!AJ$2:AJ$366,ROUNDDOWN($C4251/24,0)+1,1)*INDEX($D$3:$AA$30,INDEX(Jesper!$R$2:$R$366,ROW(INDEX(Jesper!AJ$2:AJ$366,ROUNDDOWN($C4251/24,0)+1,1))-1)+IF('Standard Profiles'!$G$20=$B$10,7,0)+IF('Standard Profiles'!$G$20=$B$17,14,0)+IF('Standard Profiles'!$G$20=$B$24,21,0),MOD($C4251,24)+1)/SUM(INDEX($D$3:$AA$30,INDEX(Jesper!$R$2:$R$366,ROW(INDEX(Jesper!AJ$2:AJ$366,ROUNDDOWN($C4251/24,0)+1,1))-1)+IF('Standard Profiles'!$G$20=$B$10,7,0)+IF('Standard Profiles'!$G$20=$B$17,14,0)+IF('Standard Profiles'!$G$20=$B$24,21,0),0)),0)</f>
        <v>0</v>
      </c>
      <c r="G4251" cm="1">
        <f t="array" ref="G4251">IFERROR(INDEX(Jesper!AK$2:AK$366,ROUNDDOWN($C4251/24,0)+1,1)*INDEX($D$3:$AA$30,INDEX(Jesper!$R$2:$R$366,ROW(INDEX(Jesper!AK$2:AK$366,ROUNDDOWN($C4251/24,0)+1,1))-1)+IF('Standard Profiles'!$G$21=$B$10,7,0)+IF('Standard Profiles'!$G$21=$B$17,14,0)+IF('Standard Profiles'!$G$21=$B$24,21,0),MOD($C4251,24)+1)/SUM(INDEX($D$3:$AA$30,INDEX(Jesper!$R$2:$R$366,ROW(INDEX(Jesper!AK$2:AK$366,ROUNDDOWN($C4251/24,0)+1,1))-1)+IF('Standard Profiles'!$G$21=$B$10,7,0)+IF('Standard Profiles'!$G$21=$B$17,14,0)+IF('Standard Profiles'!$G$21=$B$24,21,0),0)),0)</f>
        <v>0</v>
      </c>
      <c r="H4251" cm="1">
        <f t="array" ref="H4251">IFERROR(INDEX(Jesper!AL$2:AL$366,ROUNDDOWN($C4251/24,0)+1,1)*INDEX($D$3:$AA$30,INDEX(Jesper!$R$2:$R$366,ROW(INDEX(Jesper!AL$2:AL$366,ROUNDDOWN($C4251/24,0)+1,1))-1)+IF('Standard Profiles'!$G$22=$B$10,7,0)+IF('Standard Profiles'!$G$22=$B$17,14,0)+IF('Standard Profiles'!$G$22=$B$24,21,0),MOD($C4251,24)+1)/SUM(INDEX($D$3:$AA$30,INDEX(Jesper!$R$2:$R$366,ROW(INDEX(Jesper!AL$2:AL$366,ROUNDDOWN($C4251/24,0)+1,1))-1)+IF('Standard Profiles'!$G$22=$B$10,7,0)+IF('Standard Profiles'!$G$22=$B$17,14,0)+IF('Standard Profiles'!$G$22=$B$24,21,0),0)),0)</f>
        <v>0</v>
      </c>
      <c r="I4251">
        <f t="shared" si="475"/>
        <v>0.45552565986284804</v>
      </c>
      <c r="J4251">
        <f t="shared" si="476"/>
        <v>1.5184188662094937</v>
      </c>
      <c r="K4251">
        <f t="shared" si="477"/>
        <v>2.2776282993142405</v>
      </c>
      <c r="L4251">
        <f t="shared" si="478"/>
        <v>10.932615836708354</v>
      </c>
      <c r="M4251">
        <f t="shared" si="479"/>
        <v>0</v>
      </c>
      <c r="N4251" s="46">
        <f t="shared" si="480"/>
        <v>45467.708333323106</v>
      </c>
    </row>
    <row r="4252" spans="2:14" x14ac:dyDescent="0.3">
      <c r="B4252">
        <f t="shared" si="474"/>
        <v>1</v>
      </c>
      <c r="C4252" s="16">
        <v>4218</v>
      </c>
      <c r="D4252" cm="1">
        <f t="array" ref="D4252">IFERROR(INDEX(Jesper!AH$2:AH$366,ROUNDDOWN($C4252/24,0)+1,1)*INDEX($D$3:$AA$30,INDEX(Jesper!$R$2:$R$366,ROW(INDEX(Jesper!AH$2:AH$366,ROUNDDOWN($C4252/24,0)+1,1))-1)+IF('Standard Profiles'!$G$18=$B$10,7,0)+IF('Standard Profiles'!$G$18=$B$17,14,0)+IF('Standard Profiles'!$G$18=$B$24,21,0),MOD($C4252,24)+1)/SUM(INDEX($D$3:$AA$30,INDEX(Jesper!$R$2:$R$366,ROW(INDEX(Jesper!AH$2:AH$366,ROUNDDOWN($C4252/24,0)+1,1))-1)+IF('Standard Profiles'!$G$18=$B$10,7,0)+IF('Standard Profiles'!$G$18=$B$17,14,0)+IF('Standard Profiles'!$G$18=$B$24,21,0),0)),0)</f>
        <v>15.184188662094936</v>
      </c>
      <c r="E4252" cm="1">
        <f t="array" ref="E4252">IFERROR(INDEX(Jesper!AI$2:AI$366,ROUNDDOWN($C4252/24,0)+1,1)*INDEX($D$3:$AA$30,INDEX(Jesper!$R$2:$R$366,ROW(INDEX(Jesper!AI$2:AI$366,ROUNDDOWN($C4252/24,0)+1,1))-1)+IF('Standard Profiles'!$G$19=$B$10,7,0)+IF('Standard Profiles'!$G$19=$B$17,14,0)+IF('Standard Profiles'!$G$19=$B$24,21,0),MOD($C4252,24)+1)/SUM(INDEX($D$3:$AA$30,INDEX(Jesper!$R$2:$R$366,ROW(INDEX(Jesper!AI$2:AI$366,ROUNDDOWN($C4252/24,0)+1,1))-1)+IF('Standard Profiles'!$G$19=$B$10,7,0)+IF('Standard Profiles'!$G$19=$B$17,14,0)+IF('Standard Profiles'!$G$19=$B$24,21,0),0)),0)</f>
        <v>0</v>
      </c>
      <c r="F4252" cm="1">
        <f t="array" ref="F4252">IFERROR(INDEX(Jesper!AJ$2:AJ$366,ROUNDDOWN($C4252/24,0)+1,1)*INDEX($D$3:$AA$30,INDEX(Jesper!$R$2:$R$366,ROW(INDEX(Jesper!AJ$2:AJ$366,ROUNDDOWN($C4252/24,0)+1,1))-1)+IF('Standard Profiles'!$G$20=$B$10,7,0)+IF('Standard Profiles'!$G$20=$B$17,14,0)+IF('Standard Profiles'!$G$20=$B$24,21,0),MOD($C4252,24)+1)/SUM(INDEX($D$3:$AA$30,INDEX(Jesper!$R$2:$R$366,ROW(INDEX(Jesper!AJ$2:AJ$366,ROUNDDOWN($C4252/24,0)+1,1))-1)+IF('Standard Profiles'!$G$20=$B$10,7,0)+IF('Standard Profiles'!$G$20=$B$17,14,0)+IF('Standard Profiles'!$G$20=$B$24,21,0),0)),0)</f>
        <v>0</v>
      </c>
      <c r="G4252" cm="1">
        <f t="array" ref="G4252">IFERROR(INDEX(Jesper!AK$2:AK$366,ROUNDDOWN($C4252/24,0)+1,1)*INDEX($D$3:$AA$30,INDEX(Jesper!$R$2:$R$366,ROW(INDEX(Jesper!AK$2:AK$366,ROUNDDOWN($C4252/24,0)+1,1))-1)+IF('Standard Profiles'!$G$21=$B$10,7,0)+IF('Standard Profiles'!$G$21=$B$17,14,0)+IF('Standard Profiles'!$G$21=$B$24,21,0),MOD($C4252,24)+1)/SUM(INDEX($D$3:$AA$30,INDEX(Jesper!$R$2:$R$366,ROW(INDEX(Jesper!AK$2:AK$366,ROUNDDOWN($C4252/24,0)+1,1))-1)+IF('Standard Profiles'!$G$21=$B$10,7,0)+IF('Standard Profiles'!$G$21=$B$17,14,0)+IF('Standard Profiles'!$G$21=$B$24,21,0),0)),0)</f>
        <v>0</v>
      </c>
      <c r="H4252" cm="1">
        <f t="array" ref="H4252">IFERROR(INDEX(Jesper!AL$2:AL$366,ROUNDDOWN($C4252/24,0)+1,1)*INDEX($D$3:$AA$30,INDEX(Jesper!$R$2:$R$366,ROW(INDEX(Jesper!AL$2:AL$366,ROUNDDOWN($C4252/24,0)+1,1))-1)+IF('Standard Profiles'!$G$22=$B$10,7,0)+IF('Standard Profiles'!$G$22=$B$17,14,0)+IF('Standard Profiles'!$G$22=$B$24,21,0),MOD($C4252,24)+1)/SUM(INDEX($D$3:$AA$30,INDEX(Jesper!$R$2:$R$366,ROW(INDEX(Jesper!AL$2:AL$366,ROUNDDOWN($C4252/24,0)+1,1))-1)+IF('Standard Profiles'!$G$22=$B$10,7,0)+IF('Standard Profiles'!$G$22=$B$17,14,0)+IF('Standard Profiles'!$G$22=$B$24,21,0),0)),0)</f>
        <v>0</v>
      </c>
      <c r="I4252">
        <f t="shared" si="475"/>
        <v>0.45552565986284804</v>
      </c>
      <c r="J4252">
        <f t="shared" si="476"/>
        <v>1.5184188662094937</v>
      </c>
      <c r="K4252">
        <f t="shared" si="477"/>
        <v>2.2776282993142405</v>
      </c>
      <c r="L4252">
        <f t="shared" si="478"/>
        <v>10.932615836708354</v>
      </c>
      <c r="M4252">
        <f t="shared" si="479"/>
        <v>0</v>
      </c>
      <c r="N4252" s="46">
        <f t="shared" si="480"/>
        <v>45467.74999998977</v>
      </c>
    </row>
    <row r="4253" spans="2:14" x14ac:dyDescent="0.3">
      <c r="B4253">
        <f t="shared" si="474"/>
        <v>1</v>
      </c>
      <c r="C4253" s="16">
        <v>4219</v>
      </c>
      <c r="D4253" cm="1">
        <f t="array" ref="D4253">IFERROR(INDEX(Jesper!AH$2:AH$366,ROUNDDOWN($C4253/24,0)+1,1)*INDEX($D$3:$AA$30,INDEX(Jesper!$R$2:$R$366,ROW(INDEX(Jesper!AH$2:AH$366,ROUNDDOWN($C4253/24,0)+1,1))-1)+IF('Standard Profiles'!$G$18=$B$10,7,0)+IF('Standard Profiles'!$G$18=$B$17,14,0)+IF('Standard Profiles'!$G$18=$B$24,21,0),MOD($C4253,24)+1)/SUM(INDEX($D$3:$AA$30,INDEX(Jesper!$R$2:$R$366,ROW(INDEX(Jesper!AH$2:AH$366,ROUNDDOWN($C4253/24,0)+1,1))-1)+IF('Standard Profiles'!$G$18=$B$10,7,0)+IF('Standard Profiles'!$G$18=$B$17,14,0)+IF('Standard Profiles'!$G$18=$B$24,21,0),0)),0)</f>
        <v>12.716758004504509</v>
      </c>
      <c r="E4253" cm="1">
        <f t="array" ref="E4253">IFERROR(INDEX(Jesper!AI$2:AI$366,ROUNDDOWN($C4253/24,0)+1,1)*INDEX($D$3:$AA$30,INDEX(Jesper!$R$2:$R$366,ROW(INDEX(Jesper!AI$2:AI$366,ROUNDDOWN($C4253/24,0)+1,1))-1)+IF('Standard Profiles'!$G$19=$B$10,7,0)+IF('Standard Profiles'!$G$19=$B$17,14,0)+IF('Standard Profiles'!$G$19=$B$24,21,0),MOD($C4253,24)+1)/SUM(INDEX($D$3:$AA$30,INDEX(Jesper!$R$2:$R$366,ROW(INDEX(Jesper!AI$2:AI$366,ROUNDDOWN($C4253/24,0)+1,1))-1)+IF('Standard Profiles'!$G$19=$B$10,7,0)+IF('Standard Profiles'!$G$19=$B$17,14,0)+IF('Standard Profiles'!$G$19=$B$24,21,0),0)),0)</f>
        <v>0</v>
      </c>
      <c r="F4253" cm="1">
        <f t="array" ref="F4253">IFERROR(INDEX(Jesper!AJ$2:AJ$366,ROUNDDOWN($C4253/24,0)+1,1)*INDEX($D$3:$AA$30,INDEX(Jesper!$R$2:$R$366,ROW(INDEX(Jesper!AJ$2:AJ$366,ROUNDDOWN($C4253/24,0)+1,1))-1)+IF('Standard Profiles'!$G$20=$B$10,7,0)+IF('Standard Profiles'!$G$20=$B$17,14,0)+IF('Standard Profiles'!$G$20=$B$24,21,0),MOD($C4253,24)+1)/SUM(INDEX($D$3:$AA$30,INDEX(Jesper!$R$2:$R$366,ROW(INDEX(Jesper!AJ$2:AJ$366,ROUNDDOWN($C4253/24,0)+1,1))-1)+IF('Standard Profiles'!$G$20=$B$10,7,0)+IF('Standard Profiles'!$G$20=$B$17,14,0)+IF('Standard Profiles'!$G$20=$B$24,21,0),0)),0)</f>
        <v>0</v>
      </c>
      <c r="G4253" cm="1">
        <f t="array" ref="G4253">IFERROR(INDEX(Jesper!AK$2:AK$366,ROUNDDOWN($C4253/24,0)+1,1)*INDEX($D$3:$AA$30,INDEX(Jesper!$R$2:$R$366,ROW(INDEX(Jesper!AK$2:AK$366,ROUNDDOWN($C4253/24,0)+1,1))-1)+IF('Standard Profiles'!$G$21=$B$10,7,0)+IF('Standard Profiles'!$G$21=$B$17,14,0)+IF('Standard Profiles'!$G$21=$B$24,21,0),MOD($C4253,24)+1)/SUM(INDEX($D$3:$AA$30,INDEX(Jesper!$R$2:$R$366,ROW(INDEX(Jesper!AK$2:AK$366,ROUNDDOWN($C4253/24,0)+1,1))-1)+IF('Standard Profiles'!$G$21=$B$10,7,0)+IF('Standard Profiles'!$G$21=$B$17,14,0)+IF('Standard Profiles'!$G$21=$B$24,21,0),0)),0)</f>
        <v>0</v>
      </c>
      <c r="H4253" cm="1">
        <f t="array" ref="H4253">IFERROR(INDEX(Jesper!AL$2:AL$366,ROUNDDOWN($C4253/24,0)+1,1)*INDEX($D$3:$AA$30,INDEX(Jesper!$R$2:$R$366,ROW(INDEX(Jesper!AL$2:AL$366,ROUNDDOWN($C4253/24,0)+1,1))-1)+IF('Standard Profiles'!$G$22=$B$10,7,0)+IF('Standard Profiles'!$G$22=$B$17,14,0)+IF('Standard Profiles'!$G$22=$B$24,21,0),MOD($C4253,24)+1)/SUM(INDEX($D$3:$AA$30,INDEX(Jesper!$R$2:$R$366,ROW(INDEX(Jesper!AL$2:AL$366,ROUNDDOWN($C4253/24,0)+1,1))-1)+IF('Standard Profiles'!$G$22=$B$10,7,0)+IF('Standard Profiles'!$G$22=$B$17,14,0)+IF('Standard Profiles'!$G$22=$B$24,21,0),0)),0)</f>
        <v>0</v>
      </c>
      <c r="I4253">
        <f t="shared" si="475"/>
        <v>0.38150274013513524</v>
      </c>
      <c r="J4253">
        <f t="shared" si="476"/>
        <v>1.2716758004504509</v>
      </c>
      <c r="K4253">
        <f t="shared" si="477"/>
        <v>1.9075137006756764</v>
      </c>
      <c r="L4253">
        <f t="shared" si="478"/>
        <v>9.1560657632432463</v>
      </c>
      <c r="M4253">
        <f t="shared" si="479"/>
        <v>0</v>
      </c>
      <c r="N4253" s="46">
        <f t="shared" si="480"/>
        <v>45467.791666656434</v>
      </c>
    </row>
    <row r="4254" spans="2:14" x14ac:dyDescent="0.3">
      <c r="B4254">
        <f t="shared" si="474"/>
        <v>1</v>
      </c>
      <c r="C4254" s="16">
        <v>4220</v>
      </c>
      <c r="D4254" cm="1">
        <f t="array" ref="D4254">IFERROR(INDEX(Jesper!AH$2:AH$366,ROUNDDOWN($C4254/24,0)+1,1)*INDEX($D$3:$AA$30,INDEX(Jesper!$R$2:$R$366,ROW(INDEX(Jesper!AH$2:AH$366,ROUNDDOWN($C4254/24,0)+1,1))-1)+IF('Standard Profiles'!$G$18=$B$10,7,0)+IF('Standard Profiles'!$G$18=$B$17,14,0)+IF('Standard Profiles'!$G$18=$B$24,21,0),MOD($C4254,24)+1)/SUM(INDEX($D$3:$AA$30,INDEX(Jesper!$R$2:$R$366,ROW(INDEX(Jesper!AH$2:AH$366,ROUNDDOWN($C4254/24,0)+1,1))-1)+IF('Standard Profiles'!$G$18=$B$10,7,0)+IF('Standard Profiles'!$G$18=$B$17,14,0)+IF('Standard Profiles'!$G$18=$B$24,21,0),0)),0)</f>
        <v>10.439129705190267</v>
      </c>
      <c r="E4254" cm="1">
        <f t="array" ref="E4254">IFERROR(INDEX(Jesper!AI$2:AI$366,ROUNDDOWN($C4254/24,0)+1,1)*INDEX($D$3:$AA$30,INDEX(Jesper!$R$2:$R$366,ROW(INDEX(Jesper!AI$2:AI$366,ROUNDDOWN($C4254/24,0)+1,1))-1)+IF('Standard Profiles'!$G$19=$B$10,7,0)+IF('Standard Profiles'!$G$19=$B$17,14,0)+IF('Standard Profiles'!$G$19=$B$24,21,0),MOD($C4254,24)+1)/SUM(INDEX($D$3:$AA$30,INDEX(Jesper!$R$2:$R$366,ROW(INDEX(Jesper!AI$2:AI$366,ROUNDDOWN($C4254/24,0)+1,1))-1)+IF('Standard Profiles'!$G$19=$B$10,7,0)+IF('Standard Profiles'!$G$19=$B$17,14,0)+IF('Standard Profiles'!$G$19=$B$24,21,0),0)),0)</f>
        <v>0</v>
      </c>
      <c r="F4254" cm="1">
        <f t="array" ref="F4254">IFERROR(INDEX(Jesper!AJ$2:AJ$366,ROUNDDOWN($C4254/24,0)+1,1)*INDEX($D$3:$AA$30,INDEX(Jesper!$R$2:$R$366,ROW(INDEX(Jesper!AJ$2:AJ$366,ROUNDDOWN($C4254/24,0)+1,1))-1)+IF('Standard Profiles'!$G$20=$B$10,7,0)+IF('Standard Profiles'!$G$20=$B$17,14,0)+IF('Standard Profiles'!$G$20=$B$24,21,0),MOD($C4254,24)+1)/SUM(INDEX($D$3:$AA$30,INDEX(Jesper!$R$2:$R$366,ROW(INDEX(Jesper!AJ$2:AJ$366,ROUNDDOWN($C4254/24,0)+1,1))-1)+IF('Standard Profiles'!$G$20=$B$10,7,0)+IF('Standard Profiles'!$G$20=$B$17,14,0)+IF('Standard Profiles'!$G$20=$B$24,21,0),0)),0)</f>
        <v>0</v>
      </c>
      <c r="G4254" cm="1">
        <f t="array" ref="G4254">IFERROR(INDEX(Jesper!AK$2:AK$366,ROUNDDOWN($C4254/24,0)+1,1)*INDEX($D$3:$AA$30,INDEX(Jesper!$R$2:$R$366,ROW(INDEX(Jesper!AK$2:AK$366,ROUNDDOWN($C4254/24,0)+1,1))-1)+IF('Standard Profiles'!$G$21=$B$10,7,0)+IF('Standard Profiles'!$G$21=$B$17,14,0)+IF('Standard Profiles'!$G$21=$B$24,21,0),MOD($C4254,24)+1)/SUM(INDEX($D$3:$AA$30,INDEX(Jesper!$R$2:$R$366,ROW(INDEX(Jesper!AK$2:AK$366,ROUNDDOWN($C4254/24,0)+1,1))-1)+IF('Standard Profiles'!$G$21=$B$10,7,0)+IF('Standard Profiles'!$G$21=$B$17,14,0)+IF('Standard Profiles'!$G$21=$B$24,21,0),0)),0)</f>
        <v>0</v>
      </c>
      <c r="H4254" cm="1">
        <f t="array" ref="H4254">IFERROR(INDEX(Jesper!AL$2:AL$366,ROUNDDOWN($C4254/24,0)+1,1)*INDEX($D$3:$AA$30,INDEX(Jesper!$R$2:$R$366,ROW(INDEX(Jesper!AL$2:AL$366,ROUNDDOWN($C4254/24,0)+1,1))-1)+IF('Standard Profiles'!$G$22=$B$10,7,0)+IF('Standard Profiles'!$G$22=$B$17,14,0)+IF('Standard Profiles'!$G$22=$B$24,21,0),MOD($C4254,24)+1)/SUM(INDEX($D$3:$AA$30,INDEX(Jesper!$R$2:$R$366,ROW(INDEX(Jesper!AL$2:AL$366,ROUNDDOWN($C4254/24,0)+1,1))-1)+IF('Standard Profiles'!$G$22=$B$10,7,0)+IF('Standard Profiles'!$G$22=$B$17,14,0)+IF('Standard Profiles'!$G$22=$B$24,21,0),0)),0)</f>
        <v>0</v>
      </c>
      <c r="I4254">
        <f t="shared" si="475"/>
        <v>0.31317389115570798</v>
      </c>
      <c r="J4254">
        <f t="shared" si="476"/>
        <v>1.0439129705190267</v>
      </c>
      <c r="K4254">
        <f t="shared" si="477"/>
        <v>1.56586945577854</v>
      </c>
      <c r="L4254">
        <f t="shared" si="478"/>
        <v>7.5161733877369912</v>
      </c>
      <c r="M4254">
        <f t="shared" si="479"/>
        <v>0</v>
      </c>
      <c r="N4254" s="46">
        <f t="shared" si="480"/>
        <v>45467.833333323098</v>
      </c>
    </row>
    <row r="4255" spans="2:14" x14ac:dyDescent="0.3">
      <c r="B4255">
        <f t="shared" si="474"/>
        <v>1</v>
      </c>
      <c r="C4255" s="16">
        <v>4221</v>
      </c>
      <c r="D4255" cm="1">
        <f t="array" ref="D4255">IFERROR(INDEX(Jesper!AH$2:AH$366,ROUNDDOWN($C4255/24,0)+1,1)*INDEX($D$3:$AA$30,INDEX(Jesper!$R$2:$R$366,ROW(INDEX(Jesper!AH$2:AH$366,ROUNDDOWN($C4255/24,0)+1,1))-1)+IF('Standard Profiles'!$G$18=$B$10,7,0)+IF('Standard Profiles'!$G$18=$B$17,14,0)+IF('Standard Profiles'!$G$18=$B$24,21,0),MOD($C4255,24)+1)/SUM(INDEX($D$3:$AA$30,INDEX(Jesper!$R$2:$R$366,ROW(INDEX(Jesper!AH$2:AH$366,ROUNDDOWN($C4255/24,0)+1,1))-1)+IF('Standard Profiles'!$G$18=$B$10,7,0)+IF('Standard Profiles'!$G$18=$B$17,14,0)+IF('Standard Profiles'!$G$18=$B$24,21,0),0)),0)</f>
        <v>7.592094331047468</v>
      </c>
      <c r="E4255" cm="1">
        <f t="array" ref="E4255">IFERROR(INDEX(Jesper!AI$2:AI$366,ROUNDDOWN($C4255/24,0)+1,1)*INDEX($D$3:$AA$30,INDEX(Jesper!$R$2:$R$366,ROW(INDEX(Jesper!AI$2:AI$366,ROUNDDOWN($C4255/24,0)+1,1))-1)+IF('Standard Profiles'!$G$19=$B$10,7,0)+IF('Standard Profiles'!$G$19=$B$17,14,0)+IF('Standard Profiles'!$G$19=$B$24,21,0),MOD($C4255,24)+1)/SUM(INDEX($D$3:$AA$30,INDEX(Jesper!$R$2:$R$366,ROW(INDEX(Jesper!AI$2:AI$366,ROUNDDOWN($C4255/24,0)+1,1))-1)+IF('Standard Profiles'!$G$19=$B$10,7,0)+IF('Standard Profiles'!$G$19=$B$17,14,0)+IF('Standard Profiles'!$G$19=$B$24,21,0),0)),0)</f>
        <v>0</v>
      </c>
      <c r="F4255" cm="1">
        <f t="array" ref="F4255">IFERROR(INDEX(Jesper!AJ$2:AJ$366,ROUNDDOWN($C4255/24,0)+1,1)*INDEX($D$3:$AA$30,INDEX(Jesper!$R$2:$R$366,ROW(INDEX(Jesper!AJ$2:AJ$366,ROUNDDOWN($C4255/24,0)+1,1))-1)+IF('Standard Profiles'!$G$20=$B$10,7,0)+IF('Standard Profiles'!$G$20=$B$17,14,0)+IF('Standard Profiles'!$G$20=$B$24,21,0),MOD($C4255,24)+1)/SUM(INDEX($D$3:$AA$30,INDEX(Jesper!$R$2:$R$366,ROW(INDEX(Jesper!AJ$2:AJ$366,ROUNDDOWN($C4255/24,0)+1,1))-1)+IF('Standard Profiles'!$G$20=$B$10,7,0)+IF('Standard Profiles'!$G$20=$B$17,14,0)+IF('Standard Profiles'!$G$20=$B$24,21,0),0)),0)</f>
        <v>0</v>
      </c>
      <c r="G4255" cm="1">
        <f t="array" ref="G4255">IFERROR(INDEX(Jesper!AK$2:AK$366,ROUNDDOWN($C4255/24,0)+1,1)*INDEX($D$3:$AA$30,INDEX(Jesper!$R$2:$R$366,ROW(INDEX(Jesper!AK$2:AK$366,ROUNDDOWN($C4255/24,0)+1,1))-1)+IF('Standard Profiles'!$G$21=$B$10,7,0)+IF('Standard Profiles'!$G$21=$B$17,14,0)+IF('Standard Profiles'!$G$21=$B$24,21,0),MOD($C4255,24)+1)/SUM(INDEX($D$3:$AA$30,INDEX(Jesper!$R$2:$R$366,ROW(INDEX(Jesper!AK$2:AK$366,ROUNDDOWN($C4255/24,0)+1,1))-1)+IF('Standard Profiles'!$G$21=$B$10,7,0)+IF('Standard Profiles'!$G$21=$B$17,14,0)+IF('Standard Profiles'!$G$21=$B$24,21,0),0)),0)</f>
        <v>0</v>
      </c>
      <c r="H4255" cm="1">
        <f t="array" ref="H4255">IFERROR(INDEX(Jesper!AL$2:AL$366,ROUNDDOWN($C4255/24,0)+1,1)*INDEX($D$3:$AA$30,INDEX(Jesper!$R$2:$R$366,ROW(INDEX(Jesper!AL$2:AL$366,ROUNDDOWN($C4255/24,0)+1,1))-1)+IF('Standard Profiles'!$G$22=$B$10,7,0)+IF('Standard Profiles'!$G$22=$B$17,14,0)+IF('Standard Profiles'!$G$22=$B$24,21,0),MOD($C4255,24)+1)/SUM(INDEX($D$3:$AA$30,INDEX(Jesper!$R$2:$R$366,ROW(INDEX(Jesper!AL$2:AL$366,ROUNDDOWN($C4255/24,0)+1,1))-1)+IF('Standard Profiles'!$G$22=$B$10,7,0)+IF('Standard Profiles'!$G$22=$B$17,14,0)+IF('Standard Profiles'!$G$22=$B$24,21,0),0)),0)</f>
        <v>0</v>
      </c>
      <c r="I4255">
        <f t="shared" si="475"/>
        <v>0.22776282993142402</v>
      </c>
      <c r="J4255">
        <f t="shared" si="476"/>
        <v>0.75920943310474687</v>
      </c>
      <c r="K4255">
        <f t="shared" si="477"/>
        <v>1.1388141496571202</v>
      </c>
      <c r="L4255">
        <f t="shared" si="478"/>
        <v>5.4663079183541772</v>
      </c>
      <c r="M4255">
        <f t="shared" si="479"/>
        <v>0</v>
      </c>
      <c r="N4255" s="46">
        <f t="shared" si="480"/>
        <v>45467.874999989763</v>
      </c>
    </row>
    <row r="4256" spans="2:14" x14ac:dyDescent="0.3">
      <c r="B4256">
        <f t="shared" si="474"/>
        <v>1</v>
      </c>
      <c r="C4256" s="16">
        <v>4222</v>
      </c>
      <c r="D4256" cm="1">
        <f t="array" ref="D4256">IFERROR(INDEX(Jesper!AH$2:AH$366,ROUNDDOWN($C4256/24,0)+1,1)*INDEX($D$3:$AA$30,INDEX(Jesper!$R$2:$R$366,ROW(INDEX(Jesper!AH$2:AH$366,ROUNDDOWN($C4256/24,0)+1,1))-1)+IF('Standard Profiles'!$G$18=$B$10,7,0)+IF('Standard Profiles'!$G$18=$B$17,14,0)+IF('Standard Profiles'!$G$18=$B$24,21,0),MOD($C4256,24)+1)/SUM(INDEX($D$3:$AA$30,INDEX(Jesper!$R$2:$R$366,ROW(INDEX(Jesper!AH$2:AH$366,ROUNDDOWN($C4256/24,0)+1,1))-1)+IF('Standard Profiles'!$G$18=$B$10,7,0)+IF('Standard Profiles'!$G$18=$B$17,14,0)+IF('Standard Profiles'!$G$18=$B$24,21,0),0)),0)</f>
        <v>7.2124896144950945</v>
      </c>
      <c r="E4256" cm="1">
        <f t="array" ref="E4256">IFERROR(INDEX(Jesper!AI$2:AI$366,ROUNDDOWN($C4256/24,0)+1,1)*INDEX($D$3:$AA$30,INDEX(Jesper!$R$2:$R$366,ROW(INDEX(Jesper!AI$2:AI$366,ROUNDDOWN($C4256/24,0)+1,1))-1)+IF('Standard Profiles'!$G$19=$B$10,7,0)+IF('Standard Profiles'!$G$19=$B$17,14,0)+IF('Standard Profiles'!$G$19=$B$24,21,0),MOD($C4256,24)+1)/SUM(INDEX($D$3:$AA$30,INDEX(Jesper!$R$2:$R$366,ROW(INDEX(Jesper!AI$2:AI$366,ROUNDDOWN($C4256/24,0)+1,1))-1)+IF('Standard Profiles'!$G$19=$B$10,7,0)+IF('Standard Profiles'!$G$19=$B$17,14,0)+IF('Standard Profiles'!$G$19=$B$24,21,0),0)),0)</f>
        <v>0</v>
      </c>
      <c r="F4256" cm="1">
        <f t="array" ref="F4256">IFERROR(INDEX(Jesper!AJ$2:AJ$366,ROUNDDOWN($C4256/24,0)+1,1)*INDEX($D$3:$AA$30,INDEX(Jesper!$R$2:$R$366,ROW(INDEX(Jesper!AJ$2:AJ$366,ROUNDDOWN($C4256/24,0)+1,1))-1)+IF('Standard Profiles'!$G$20=$B$10,7,0)+IF('Standard Profiles'!$G$20=$B$17,14,0)+IF('Standard Profiles'!$G$20=$B$24,21,0),MOD($C4256,24)+1)/SUM(INDEX($D$3:$AA$30,INDEX(Jesper!$R$2:$R$366,ROW(INDEX(Jesper!AJ$2:AJ$366,ROUNDDOWN($C4256/24,0)+1,1))-1)+IF('Standard Profiles'!$G$20=$B$10,7,0)+IF('Standard Profiles'!$G$20=$B$17,14,0)+IF('Standard Profiles'!$G$20=$B$24,21,0),0)),0)</f>
        <v>0</v>
      </c>
      <c r="G4256" cm="1">
        <f t="array" ref="G4256">IFERROR(INDEX(Jesper!AK$2:AK$366,ROUNDDOWN($C4256/24,0)+1,1)*INDEX($D$3:$AA$30,INDEX(Jesper!$R$2:$R$366,ROW(INDEX(Jesper!AK$2:AK$366,ROUNDDOWN($C4256/24,0)+1,1))-1)+IF('Standard Profiles'!$G$21=$B$10,7,0)+IF('Standard Profiles'!$G$21=$B$17,14,0)+IF('Standard Profiles'!$G$21=$B$24,21,0),MOD($C4256,24)+1)/SUM(INDEX($D$3:$AA$30,INDEX(Jesper!$R$2:$R$366,ROW(INDEX(Jesper!AK$2:AK$366,ROUNDDOWN($C4256/24,0)+1,1))-1)+IF('Standard Profiles'!$G$21=$B$10,7,0)+IF('Standard Profiles'!$G$21=$B$17,14,0)+IF('Standard Profiles'!$G$21=$B$24,21,0),0)),0)</f>
        <v>0</v>
      </c>
      <c r="H4256" cm="1">
        <f t="array" ref="H4256">IFERROR(INDEX(Jesper!AL$2:AL$366,ROUNDDOWN($C4256/24,0)+1,1)*INDEX($D$3:$AA$30,INDEX(Jesper!$R$2:$R$366,ROW(INDEX(Jesper!AL$2:AL$366,ROUNDDOWN($C4256/24,0)+1,1))-1)+IF('Standard Profiles'!$G$22=$B$10,7,0)+IF('Standard Profiles'!$G$22=$B$17,14,0)+IF('Standard Profiles'!$G$22=$B$24,21,0),MOD($C4256,24)+1)/SUM(INDEX($D$3:$AA$30,INDEX(Jesper!$R$2:$R$366,ROW(INDEX(Jesper!AL$2:AL$366,ROUNDDOWN($C4256/24,0)+1,1))-1)+IF('Standard Profiles'!$G$22=$B$10,7,0)+IF('Standard Profiles'!$G$22=$B$17,14,0)+IF('Standard Profiles'!$G$22=$B$24,21,0),0)),0)</f>
        <v>0</v>
      </c>
      <c r="I4256">
        <f t="shared" si="475"/>
        <v>0.21637468843485283</v>
      </c>
      <c r="J4256">
        <f t="shared" si="476"/>
        <v>0.72124896144950945</v>
      </c>
      <c r="K4256">
        <f t="shared" si="477"/>
        <v>1.0818734421742642</v>
      </c>
      <c r="L4256">
        <f t="shared" si="478"/>
        <v>5.1929925224364677</v>
      </c>
      <c r="M4256">
        <f t="shared" si="479"/>
        <v>0</v>
      </c>
      <c r="N4256" s="46">
        <f t="shared" si="480"/>
        <v>45467.916666656427</v>
      </c>
    </row>
    <row r="4257" spans="2:14" x14ac:dyDescent="0.3">
      <c r="B4257">
        <f t="shared" si="474"/>
        <v>1</v>
      </c>
      <c r="C4257" s="16">
        <v>4223</v>
      </c>
      <c r="D4257" cm="1">
        <f t="array" ref="D4257">IFERROR(INDEX(Jesper!AH$2:AH$366,ROUNDDOWN($C4257/24,0)+1,1)*INDEX($D$3:$AA$30,INDEX(Jesper!$R$2:$R$366,ROW(INDEX(Jesper!AH$2:AH$366,ROUNDDOWN($C4257/24,0)+1,1))-1)+IF('Standard Profiles'!$G$18=$B$10,7,0)+IF('Standard Profiles'!$G$18=$B$17,14,0)+IF('Standard Profiles'!$G$18=$B$24,21,0),MOD($C4257,24)+1)/SUM(INDEX($D$3:$AA$30,INDEX(Jesper!$R$2:$R$366,ROW(INDEX(Jesper!AH$2:AH$366,ROUNDDOWN($C4257/24,0)+1,1))-1)+IF('Standard Profiles'!$G$18=$B$10,7,0)+IF('Standard Profiles'!$G$18=$B$17,14,0)+IF('Standard Profiles'!$G$18=$B$24,21,0),0)),0)</f>
        <v>7.2124896144950945</v>
      </c>
      <c r="E4257" cm="1">
        <f t="array" ref="E4257">IFERROR(INDEX(Jesper!AI$2:AI$366,ROUNDDOWN($C4257/24,0)+1,1)*INDEX($D$3:$AA$30,INDEX(Jesper!$R$2:$R$366,ROW(INDEX(Jesper!AI$2:AI$366,ROUNDDOWN($C4257/24,0)+1,1))-1)+IF('Standard Profiles'!$G$19=$B$10,7,0)+IF('Standard Profiles'!$G$19=$B$17,14,0)+IF('Standard Profiles'!$G$19=$B$24,21,0),MOD($C4257,24)+1)/SUM(INDEX($D$3:$AA$30,INDEX(Jesper!$R$2:$R$366,ROW(INDEX(Jesper!AI$2:AI$366,ROUNDDOWN($C4257/24,0)+1,1))-1)+IF('Standard Profiles'!$G$19=$B$10,7,0)+IF('Standard Profiles'!$G$19=$B$17,14,0)+IF('Standard Profiles'!$G$19=$B$24,21,0),0)),0)</f>
        <v>0</v>
      </c>
      <c r="F4257" cm="1">
        <f t="array" ref="F4257">IFERROR(INDEX(Jesper!AJ$2:AJ$366,ROUNDDOWN($C4257/24,0)+1,1)*INDEX($D$3:$AA$30,INDEX(Jesper!$R$2:$R$366,ROW(INDEX(Jesper!AJ$2:AJ$366,ROUNDDOWN($C4257/24,0)+1,1))-1)+IF('Standard Profiles'!$G$20=$B$10,7,0)+IF('Standard Profiles'!$G$20=$B$17,14,0)+IF('Standard Profiles'!$G$20=$B$24,21,0),MOD($C4257,24)+1)/SUM(INDEX($D$3:$AA$30,INDEX(Jesper!$R$2:$R$366,ROW(INDEX(Jesper!AJ$2:AJ$366,ROUNDDOWN($C4257/24,0)+1,1))-1)+IF('Standard Profiles'!$G$20=$B$10,7,0)+IF('Standard Profiles'!$G$20=$B$17,14,0)+IF('Standard Profiles'!$G$20=$B$24,21,0),0)),0)</f>
        <v>0</v>
      </c>
      <c r="G4257" cm="1">
        <f t="array" ref="G4257">IFERROR(INDEX(Jesper!AK$2:AK$366,ROUNDDOWN($C4257/24,0)+1,1)*INDEX($D$3:$AA$30,INDEX(Jesper!$R$2:$R$366,ROW(INDEX(Jesper!AK$2:AK$366,ROUNDDOWN($C4257/24,0)+1,1))-1)+IF('Standard Profiles'!$G$21=$B$10,7,0)+IF('Standard Profiles'!$G$21=$B$17,14,0)+IF('Standard Profiles'!$G$21=$B$24,21,0),MOD($C4257,24)+1)/SUM(INDEX($D$3:$AA$30,INDEX(Jesper!$R$2:$R$366,ROW(INDEX(Jesper!AK$2:AK$366,ROUNDDOWN($C4257/24,0)+1,1))-1)+IF('Standard Profiles'!$G$21=$B$10,7,0)+IF('Standard Profiles'!$G$21=$B$17,14,0)+IF('Standard Profiles'!$G$21=$B$24,21,0),0)),0)</f>
        <v>0</v>
      </c>
      <c r="H4257" cm="1">
        <f t="array" ref="H4257">IFERROR(INDEX(Jesper!AL$2:AL$366,ROUNDDOWN($C4257/24,0)+1,1)*INDEX($D$3:$AA$30,INDEX(Jesper!$R$2:$R$366,ROW(INDEX(Jesper!AL$2:AL$366,ROUNDDOWN($C4257/24,0)+1,1))-1)+IF('Standard Profiles'!$G$22=$B$10,7,0)+IF('Standard Profiles'!$G$22=$B$17,14,0)+IF('Standard Profiles'!$G$22=$B$24,21,0),MOD($C4257,24)+1)/SUM(INDEX($D$3:$AA$30,INDEX(Jesper!$R$2:$R$366,ROW(INDEX(Jesper!AL$2:AL$366,ROUNDDOWN($C4257/24,0)+1,1))-1)+IF('Standard Profiles'!$G$22=$B$10,7,0)+IF('Standard Profiles'!$G$22=$B$17,14,0)+IF('Standard Profiles'!$G$22=$B$24,21,0),0)),0)</f>
        <v>0</v>
      </c>
      <c r="I4257">
        <f t="shared" si="475"/>
        <v>0.21637468843485283</v>
      </c>
      <c r="J4257">
        <f t="shared" si="476"/>
        <v>0.72124896144950945</v>
      </c>
      <c r="K4257">
        <f t="shared" si="477"/>
        <v>1.0818734421742642</v>
      </c>
      <c r="L4257">
        <f t="shared" si="478"/>
        <v>5.1929925224364677</v>
      </c>
      <c r="M4257">
        <f t="shared" si="479"/>
        <v>0</v>
      </c>
      <c r="N4257" s="46">
        <f t="shared" si="480"/>
        <v>45467.958333323091</v>
      </c>
    </row>
    <row r="4258" spans="2:14" x14ac:dyDescent="0.3">
      <c r="B4258">
        <f t="shared" si="474"/>
        <v>2</v>
      </c>
      <c r="C4258" s="16">
        <v>4224</v>
      </c>
      <c r="D4258" cm="1">
        <f t="array" ref="D4258">IFERROR(INDEX(Jesper!AH$2:AH$366,ROUNDDOWN($C4258/24,0)+1,1)*INDEX($D$3:$AA$30,INDEX(Jesper!$R$2:$R$366,ROW(INDEX(Jesper!AH$2:AH$366,ROUNDDOWN($C4258/24,0)+1,1))-1)+IF('Standard Profiles'!$G$18=$B$10,7,0)+IF('Standard Profiles'!$G$18=$B$17,14,0)+IF('Standard Profiles'!$G$18=$B$24,21,0),MOD($C4258,24)+1)/SUM(INDEX($D$3:$AA$30,INDEX(Jesper!$R$2:$R$366,ROW(INDEX(Jesper!AH$2:AH$366,ROUNDDOWN($C4258/24,0)+1,1))-1)+IF('Standard Profiles'!$G$18=$B$10,7,0)+IF('Standard Profiles'!$G$18=$B$17,14,0)+IF('Standard Profiles'!$G$18=$B$24,21,0),0)),0)</f>
        <v>6.4249770736742278</v>
      </c>
      <c r="E4258" cm="1">
        <f t="array" ref="E4258">IFERROR(INDEX(Jesper!AI$2:AI$366,ROUNDDOWN($C4258/24,0)+1,1)*INDEX($D$3:$AA$30,INDEX(Jesper!$R$2:$R$366,ROW(INDEX(Jesper!AI$2:AI$366,ROUNDDOWN($C4258/24,0)+1,1))-1)+IF('Standard Profiles'!$G$19=$B$10,7,0)+IF('Standard Profiles'!$G$19=$B$17,14,0)+IF('Standard Profiles'!$G$19=$B$24,21,0),MOD($C4258,24)+1)/SUM(INDEX($D$3:$AA$30,INDEX(Jesper!$R$2:$R$366,ROW(INDEX(Jesper!AI$2:AI$366,ROUNDDOWN($C4258/24,0)+1,1))-1)+IF('Standard Profiles'!$G$19=$B$10,7,0)+IF('Standard Profiles'!$G$19=$B$17,14,0)+IF('Standard Profiles'!$G$19=$B$24,21,0),0)),0)</f>
        <v>0</v>
      </c>
      <c r="F4258" cm="1">
        <f t="array" ref="F4258">IFERROR(INDEX(Jesper!AJ$2:AJ$366,ROUNDDOWN($C4258/24,0)+1,1)*INDEX($D$3:$AA$30,INDEX(Jesper!$R$2:$R$366,ROW(INDEX(Jesper!AJ$2:AJ$366,ROUNDDOWN($C4258/24,0)+1,1))-1)+IF('Standard Profiles'!$G$20=$B$10,7,0)+IF('Standard Profiles'!$G$20=$B$17,14,0)+IF('Standard Profiles'!$G$20=$B$24,21,0),MOD($C4258,24)+1)/SUM(INDEX($D$3:$AA$30,INDEX(Jesper!$R$2:$R$366,ROW(INDEX(Jesper!AJ$2:AJ$366,ROUNDDOWN($C4258/24,0)+1,1))-1)+IF('Standard Profiles'!$G$20=$B$10,7,0)+IF('Standard Profiles'!$G$20=$B$17,14,0)+IF('Standard Profiles'!$G$20=$B$24,21,0),0)),0)</f>
        <v>0</v>
      </c>
      <c r="G4258" cm="1">
        <f t="array" ref="G4258">IFERROR(INDEX(Jesper!AK$2:AK$366,ROUNDDOWN($C4258/24,0)+1,1)*INDEX($D$3:$AA$30,INDEX(Jesper!$R$2:$R$366,ROW(INDEX(Jesper!AK$2:AK$366,ROUNDDOWN($C4258/24,0)+1,1))-1)+IF('Standard Profiles'!$G$21=$B$10,7,0)+IF('Standard Profiles'!$G$21=$B$17,14,0)+IF('Standard Profiles'!$G$21=$B$24,21,0),MOD($C4258,24)+1)/SUM(INDEX($D$3:$AA$30,INDEX(Jesper!$R$2:$R$366,ROW(INDEX(Jesper!AK$2:AK$366,ROUNDDOWN($C4258/24,0)+1,1))-1)+IF('Standard Profiles'!$G$21=$B$10,7,0)+IF('Standard Profiles'!$G$21=$B$17,14,0)+IF('Standard Profiles'!$G$21=$B$24,21,0),0)),0)</f>
        <v>0</v>
      </c>
      <c r="H4258" cm="1">
        <f t="array" ref="H4258">IFERROR(INDEX(Jesper!AL$2:AL$366,ROUNDDOWN($C4258/24,0)+1,1)*INDEX($D$3:$AA$30,INDEX(Jesper!$R$2:$R$366,ROW(INDEX(Jesper!AL$2:AL$366,ROUNDDOWN($C4258/24,0)+1,1))-1)+IF('Standard Profiles'!$G$22=$B$10,7,0)+IF('Standard Profiles'!$G$22=$B$17,14,0)+IF('Standard Profiles'!$G$22=$B$24,21,0),MOD($C4258,24)+1)/SUM(INDEX($D$3:$AA$30,INDEX(Jesper!$R$2:$R$366,ROW(INDEX(Jesper!AL$2:AL$366,ROUNDDOWN($C4258/24,0)+1,1))-1)+IF('Standard Profiles'!$G$22=$B$10,7,0)+IF('Standard Profiles'!$G$22=$B$17,14,0)+IF('Standard Profiles'!$G$22=$B$24,21,0),0)),0)</f>
        <v>0</v>
      </c>
      <c r="I4258">
        <f t="shared" si="475"/>
        <v>0.19274931221022681</v>
      </c>
      <c r="J4258">
        <f t="shared" si="476"/>
        <v>0.64249770736742284</v>
      </c>
      <c r="K4258">
        <f t="shared" si="477"/>
        <v>0.9637465610511341</v>
      </c>
      <c r="L4258">
        <f t="shared" si="478"/>
        <v>4.6259834930454442</v>
      </c>
      <c r="M4258">
        <f t="shared" si="479"/>
        <v>0</v>
      </c>
      <c r="N4258" s="46">
        <f t="shared" si="480"/>
        <v>45467.999999989755</v>
      </c>
    </row>
    <row r="4259" spans="2:14" x14ac:dyDescent="0.3">
      <c r="B4259">
        <f t="shared" ref="B4259:B4322" si="481">WEEKDAY(N4259,2)</f>
        <v>2</v>
      </c>
      <c r="C4259" s="16">
        <v>4225</v>
      </c>
      <c r="D4259" cm="1">
        <f t="array" ref="D4259">IFERROR(INDEX(Jesper!AH$2:AH$366,ROUNDDOWN($C4259/24,0)+1,1)*INDEX($D$3:$AA$30,INDEX(Jesper!$R$2:$R$366,ROW(INDEX(Jesper!AH$2:AH$366,ROUNDDOWN($C4259/24,0)+1,1))-1)+IF('Standard Profiles'!$G$18=$B$10,7,0)+IF('Standard Profiles'!$G$18=$B$17,14,0)+IF('Standard Profiles'!$G$18=$B$24,21,0),MOD($C4259,24)+1)/SUM(INDEX($D$3:$AA$30,INDEX(Jesper!$R$2:$R$366,ROW(INDEX(Jesper!AH$2:AH$366,ROUNDDOWN($C4259/24,0)+1,1))-1)+IF('Standard Profiles'!$G$18=$B$10,7,0)+IF('Standard Profiles'!$G$18=$B$17,14,0)+IF('Standard Profiles'!$G$18=$B$24,21,0),0)),0)</f>
        <v>6.4249770736742278</v>
      </c>
      <c r="E4259" cm="1">
        <f t="array" ref="E4259">IFERROR(INDEX(Jesper!AI$2:AI$366,ROUNDDOWN($C4259/24,0)+1,1)*INDEX($D$3:$AA$30,INDEX(Jesper!$R$2:$R$366,ROW(INDEX(Jesper!AI$2:AI$366,ROUNDDOWN($C4259/24,0)+1,1))-1)+IF('Standard Profiles'!$G$19=$B$10,7,0)+IF('Standard Profiles'!$G$19=$B$17,14,0)+IF('Standard Profiles'!$G$19=$B$24,21,0),MOD($C4259,24)+1)/SUM(INDEX($D$3:$AA$30,INDEX(Jesper!$R$2:$R$366,ROW(INDEX(Jesper!AI$2:AI$366,ROUNDDOWN($C4259/24,0)+1,1))-1)+IF('Standard Profiles'!$G$19=$B$10,7,0)+IF('Standard Profiles'!$G$19=$B$17,14,0)+IF('Standard Profiles'!$G$19=$B$24,21,0),0)),0)</f>
        <v>0</v>
      </c>
      <c r="F4259" cm="1">
        <f t="array" ref="F4259">IFERROR(INDEX(Jesper!AJ$2:AJ$366,ROUNDDOWN($C4259/24,0)+1,1)*INDEX($D$3:$AA$30,INDEX(Jesper!$R$2:$R$366,ROW(INDEX(Jesper!AJ$2:AJ$366,ROUNDDOWN($C4259/24,0)+1,1))-1)+IF('Standard Profiles'!$G$20=$B$10,7,0)+IF('Standard Profiles'!$G$20=$B$17,14,0)+IF('Standard Profiles'!$G$20=$B$24,21,0),MOD($C4259,24)+1)/SUM(INDEX($D$3:$AA$30,INDEX(Jesper!$R$2:$R$366,ROW(INDEX(Jesper!AJ$2:AJ$366,ROUNDDOWN($C4259/24,0)+1,1))-1)+IF('Standard Profiles'!$G$20=$B$10,7,0)+IF('Standard Profiles'!$G$20=$B$17,14,0)+IF('Standard Profiles'!$G$20=$B$24,21,0),0)),0)</f>
        <v>0</v>
      </c>
      <c r="G4259" cm="1">
        <f t="array" ref="G4259">IFERROR(INDEX(Jesper!AK$2:AK$366,ROUNDDOWN($C4259/24,0)+1,1)*INDEX($D$3:$AA$30,INDEX(Jesper!$R$2:$R$366,ROW(INDEX(Jesper!AK$2:AK$366,ROUNDDOWN($C4259/24,0)+1,1))-1)+IF('Standard Profiles'!$G$21=$B$10,7,0)+IF('Standard Profiles'!$G$21=$B$17,14,0)+IF('Standard Profiles'!$G$21=$B$24,21,0),MOD($C4259,24)+1)/SUM(INDEX($D$3:$AA$30,INDEX(Jesper!$R$2:$R$366,ROW(INDEX(Jesper!AK$2:AK$366,ROUNDDOWN($C4259/24,0)+1,1))-1)+IF('Standard Profiles'!$G$21=$B$10,7,0)+IF('Standard Profiles'!$G$21=$B$17,14,0)+IF('Standard Profiles'!$G$21=$B$24,21,0),0)),0)</f>
        <v>0</v>
      </c>
      <c r="H4259" cm="1">
        <f t="array" ref="H4259">IFERROR(INDEX(Jesper!AL$2:AL$366,ROUNDDOWN($C4259/24,0)+1,1)*INDEX($D$3:$AA$30,INDEX(Jesper!$R$2:$R$366,ROW(INDEX(Jesper!AL$2:AL$366,ROUNDDOWN($C4259/24,0)+1,1))-1)+IF('Standard Profiles'!$G$22=$B$10,7,0)+IF('Standard Profiles'!$G$22=$B$17,14,0)+IF('Standard Profiles'!$G$22=$B$24,21,0),MOD($C4259,24)+1)/SUM(INDEX($D$3:$AA$30,INDEX(Jesper!$R$2:$R$366,ROW(INDEX(Jesper!AL$2:AL$366,ROUNDDOWN($C4259/24,0)+1,1))-1)+IF('Standard Profiles'!$G$22=$B$10,7,0)+IF('Standard Profiles'!$G$22=$B$17,14,0)+IF('Standard Profiles'!$G$22=$B$24,21,0),0)),0)</f>
        <v>0</v>
      </c>
      <c r="I4259">
        <f t="shared" ref="I4259:I4322" si="482">IF($B4259&lt;6,AC$37*$D4259+AC$38*$E4259+AC$39*$F4259+AC$40*$G4259,AC$46*$D4259+AC$47*$E4259+AC$48*$F4259+AC$49*$G4259+AC$50*$H4259)</f>
        <v>0.19274931221022681</v>
      </c>
      <c r="J4259">
        <f t="shared" ref="J4259:J4322" si="483">IF($B4259&lt;6,AD$37*$D4259+AD$38*$E4259+AD$39*$F4259+AD$40*$G4259,AD$46*$D4259+AD$47*$E4259+AD$48*$F4259+AD$49*$G4259+AD$50*$H4259)</f>
        <v>0.64249770736742284</v>
      </c>
      <c r="K4259">
        <f t="shared" ref="K4259:K4322" si="484">IF($B4259&lt;6,AE$37*$D4259+AE$38*$E4259+AE$39*$F4259+AE$40*$G4259,AE$46*$D4259+AE$47*$E4259+AE$48*$F4259+AE$49*$G4259+AE$50*$H4259)</f>
        <v>0.9637465610511341</v>
      </c>
      <c r="L4259">
        <f t="shared" ref="L4259:L4322" si="485">IF($B4259&lt;6,AF$37*$D4259+AF$38*$E4259+AF$39*$F4259+AF$40*$G4259,AF$46*$D4259+AF$47*$E4259+AF$48*$F4259+AF$49*$G4259+AF$50*$H4259)</f>
        <v>4.6259834930454442</v>
      </c>
      <c r="M4259">
        <f t="shared" ref="M4259:M4322" si="486">IF($B4259&lt;6,AG$37*$D4259+AG$38*$E4259+AG$39*$F4259+AG$40*$G4259,AG$46*$D4259+AG$47*$E4259+AG$48*$F4259+AG$49*$G4259+AG$50*$H4259)</f>
        <v>0</v>
      </c>
      <c r="N4259" s="46">
        <f t="shared" si="480"/>
        <v>45468.04166665642</v>
      </c>
    </row>
    <row r="4260" spans="2:14" x14ac:dyDescent="0.3">
      <c r="B4260">
        <f t="shared" si="481"/>
        <v>2</v>
      </c>
      <c r="C4260" s="16">
        <v>4226</v>
      </c>
      <c r="D4260" cm="1">
        <f t="array" ref="D4260">IFERROR(INDEX(Jesper!AH$2:AH$366,ROUNDDOWN($C4260/24,0)+1,1)*INDEX($D$3:$AA$30,INDEX(Jesper!$R$2:$R$366,ROW(INDEX(Jesper!AH$2:AH$366,ROUNDDOWN($C4260/24,0)+1,1))-1)+IF('Standard Profiles'!$G$18=$B$10,7,0)+IF('Standard Profiles'!$G$18=$B$17,14,0)+IF('Standard Profiles'!$G$18=$B$24,21,0),MOD($C4260,24)+1)/SUM(INDEX($D$3:$AA$30,INDEX(Jesper!$R$2:$R$366,ROW(INDEX(Jesper!AH$2:AH$366,ROUNDDOWN($C4260/24,0)+1,1))-1)+IF('Standard Profiles'!$G$18=$B$10,7,0)+IF('Standard Profiles'!$G$18=$B$17,14,0)+IF('Standard Profiles'!$G$18=$B$24,21,0),0)),0)</f>
        <v>6.4249770736742278</v>
      </c>
      <c r="E4260" cm="1">
        <f t="array" ref="E4260">IFERROR(INDEX(Jesper!AI$2:AI$366,ROUNDDOWN($C4260/24,0)+1,1)*INDEX($D$3:$AA$30,INDEX(Jesper!$R$2:$R$366,ROW(INDEX(Jesper!AI$2:AI$366,ROUNDDOWN($C4260/24,0)+1,1))-1)+IF('Standard Profiles'!$G$19=$B$10,7,0)+IF('Standard Profiles'!$G$19=$B$17,14,0)+IF('Standard Profiles'!$G$19=$B$24,21,0),MOD($C4260,24)+1)/SUM(INDEX($D$3:$AA$30,INDEX(Jesper!$R$2:$R$366,ROW(INDEX(Jesper!AI$2:AI$366,ROUNDDOWN($C4260/24,0)+1,1))-1)+IF('Standard Profiles'!$G$19=$B$10,7,0)+IF('Standard Profiles'!$G$19=$B$17,14,0)+IF('Standard Profiles'!$G$19=$B$24,21,0),0)),0)</f>
        <v>0</v>
      </c>
      <c r="F4260" cm="1">
        <f t="array" ref="F4260">IFERROR(INDEX(Jesper!AJ$2:AJ$366,ROUNDDOWN($C4260/24,0)+1,1)*INDEX($D$3:$AA$30,INDEX(Jesper!$R$2:$R$366,ROW(INDEX(Jesper!AJ$2:AJ$366,ROUNDDOWN($C4260/24,0)+1,1))-1)+IF('Standard Profiles'!$G$20=$B$10,7,0)+IF('Standard Profiles'!$G$20=$B$17,14,0)+IF('Standard Profiles'!$G$20=$B$24,21,0),MOD($C4260,24)+1)/SUM(INDEX($D$3:$AA$30,INDEX(Jesper!$R$2:$R$366,ROW(INDEX(Jesper!AJ$2:AJ$366,ROUNDDOWN($C4260/24,0)+1,1))-1)+IF('Standard Profiles'!$G$20=$B$10,7,0)+IF('Standard Profiles'!$G$20=$B$17,14,0)+IF('Standard Profiles'!$G$20=$B$24,21,0),0)),0)</f>
        <v>0</v>
      </c>
      <c r="G4260" cm="1">
        <f t="array" ref="G4260">IFERROR(INDEX(Jesper!AK$2:AK$366,ROUNDDOWN($C4260/24,0)+1,1)*INDEX($D$3:$AA$30,INDEX(Jesper!$R$2:$R$366,ROW(INDEX(Jesper!AK$2:AK$366,ROUNDDOWN($C4260/24,0)+1,1))-1)+IF('Standard Profiles'!$G$21=$B$10,7,0)+IF('Standard Profiles'!$G$21=$B$17,14,0)+IF('Standard Profiles'!$G$21=$B$24,21,0),MOD($C4260,24)+1)/SUM(INDEX($D$3:$AA$30,INDEX(Jesper!$R$2:$R$366,ROW(INDEX(Jesper!AK$2:AK$366,ROUNDDOWN($C4260/24,0)+1,1))-1)+IF('Standard Profiles'!$G$21=$B$10,7,0)+IF('Standard Profiles'!$G$21=$B$17,14,0)+IF('Standard Profiles'!$G$21=$B$24,21,0),0)),0)</f>
        <v>0</v>
      </c>
      <c r="H4260" cm="1">
        <f t="array" ref="H4260">IFERROR(INDEX(Jesper!AL$2:AL$366,ROUNDDOWN($C4260/24,0)+1,1)*INDEX($D$3:$AA$30,INDEX(Jesper!$R$2:$R$366,ROW(INDEX(Jesper!AL$2:AL$366,ROUNDDOWN($C4260/24,0)+1,1))-1)+IF('Standard Profiles'!$G$22=$B$10,7,0)+IF('Standard Profiles'!$G$22=$B$17,14,0)+IF('Standard Profiles'!$G$22=$B$24,21,0),MOD($C4260,24)+1)/SUM(INDEX($D$3:$AA$30,INDEX(Jesper!$R$2:$R$366,ROW(INDEX(Jesper!AL$2:AL$366,ROUNDDOWN($C4260/24,0)+1,1))-1)+IF('Standard Profiles'!$G$22=$B$10,7,0)+IF('Standard Profiles'!$G$22=$B$17,14,0)+IF('Standard Profiles'!$G$22=$B$24,21,0),0)),0)</f>
        <v>0</v>
      </c>
      <c r="I4260">
        <f t="shared" si="482"/>
        <v>0.19274931221022681</v>
      </c>
      <c r="J4260">
        <f t="shared" si="483"/>
        <v>0.64249770736742284</v>
      </c>
      <c r="K4260">
        <f t="shared" si="484"/>
        <v>0.9637465610511341</v>
      </c>
      <c r="L4260">
        <f t="shared" si="485"/>
        <v>4.6259834930454442</v>
      </c>
      <c r="M4260">
        <f t="shared" si="486"/>
        <v>0</v>
      </c>
      <c r="N4260" s="46">
        <f t="shared" ref="N4260:N4323" si="487">N4259+1/24</f>
        <v>45468.083333323084</v>
      </c>
    </row>
    <row r="4261" spans="2:14" x14ac:dyDescent="0.3">
      <c r="B4261">
        <f t="shared" si="481"/>
        <v>2</v>
      </c>
      <c r="C4261" s="16">
        <v>4227</v>
      </c>
      <c r="D4261" cm="1">
        <f t="array" ref="D4261">IFERROR(INDEX(Jesper!AH$2:AH$366,ROUNDDOWN($C4261/24,0)+1,1)*INDEX($D$3:$AA$30,INDEX(Jesper!$R$2:$R$366,ROW(INDEX(Jesper!AH$2:AH$366,ROUNDDOWN($C4261/24,0)+1,1))-1)+IF('Standard Profiles'!$G$18=$B$10,7,0)+IF('Standard Profiles'!$G$18=$B$17,14,0)+IF('Standard Profiles'!$G$18=$B$24,21,0),MOD($C4261,24)+1)/SUM(INDEX($D$3:$AA$30,INDEX(Jesper!$R$2:$R$366,ROW(INDEX(Jesper!AH$2:AH$366,ROUNDDOWN($C4261/24,0)+1,1))-1)+IF('Standard Profiles'!$G$18=$B$10,7,0)+IF('Standard Profiles'!$G$18=$B$17,14,0)+IF('Standard Profiles'!$G$18=$B$24,21,0),0)),0)</f>
        <v>6.4249770736742278</v>
      </c>
      <c r="E4261" cm="1">
        <f t="array" ref="E4261">IFERROR(INDEX(Jesper!AI$2:AI$366,ROUNDDOWN($C4261/24,0)+1,1)*INDEX($D$3:$AA$30,INDEX(Jesper!$R$2:$R$366,ROW(INDEX(Jesper!AI$2:AI$366,ROUNDDOWN($C4261/24,0)+1,1))-1)+IF('Standard Profiles'!$G$19=$B$10,7,0)+IF('Standard Profiles'!$G$19=$B$17,14,0)+IF('Standard Profiles'!$G$19=$B$24,21,0),MOD($C4261,24)+1)/SUM(INDEX($D$3:$AA$30,INDEX(Jesper!$R$2:$R$366,ROW(INDEX(Jesper!AI$2:AI$366,ROUNDDOWN($C4261/24,0)+1,1))-1)+IF('Standard Profiles'!$G$19=$B$10,7,0)+IF('Standard Profiles'!$G$19=$B$17,14,0)+IF('Standard Profiles'!$G$19=$B$24,21,0),0)),0)</f>
        <v>0</v>
      </c>
      <c r="F4261" cm="1">
        <f t="array" ref="F4261">IFERROR(INDEX(Jesper!AJ$2:AJ$366,ROUNDDOWN($C4261/24,0)+1,1)*INDEX($D$3:$AA$30,INDEX(Jesper!$R$2:$R$366,ROW(INDEX(Jesper!AJ$2:AJ$366,ROUNDDOWN($C4261/24,0)+1,1))-1)+IF('Standard Profiles'!$G$20=$B$10,7,0)+IF('Standard Profiles'!$G$20=$B$17,14,0)+IF('Standard Profiles'!$G$20=$B$24,21,0),MOD($C4261,24)+1)/SUM(INDEX($D$3:$AA$30,INDEX(Jesper!$R$2:$R$366,ROW(INDEX(Jesper!AJ$2:AJ$366,ROUNDDOWN($C4261/24,0)+1,1))-1)+IF('Standard Profiles'!$G$20=$B$10,7,0)+IF('Standard Profiles'!$G$20=$B$17,14,0)+IF('Standard Profiles'!$G$20=$B$24,21,0),0)),0)</f>
        <v>0</v>
      </c>
      <c r="G4261" cm="1">
        <f t="array" ref="G4261">IFERROR(INDEX(Jesper!AK$2:AK$366,ROUNDDOWN($C4261/24,0)+1,1)*INDEX($D$3:$AA$30,INDEX(Jesper!$R$2:$R$366,ROW(INDEX(Jesper!AK$2:AK$366,ROUNDDOWN($C4261/24,0)+1,1))-1)+IF('Standard Profiles'!$G$21=$B$10,7,0)+IF('Standard Profiles'!$G$21=$B$17,14,0)+IF('Standard Profiles'!$G$21=$B$24,21,0),MOD($C4261,24)+1)/SUM(INDEX($D$3:$AA$30,INDEX(Jesper!$R$2:$R$366,ROW(INDEX(Jesper!AK$2:AK$366,ROUNDDOWN($C4261/24,0)+1,1))-1)+IF('Standard Profiles'!$G$21=$B$10,7,0)+IF('Standard Profiles'!$G$21=$B$17,14,0)+IF('Standard Profiles'!$G$21=$B$24,21,0),0)),0)</f>
        <v>0</v>
      </c>
      <c r="H4261" cm="1">
        <f t="array" ref="H4261">IFERROR(INDEX(Jesper!AL$2:AL$366,ROUNDDOWN($C4261/24,0)+1,1)*INDEX($D$3:$AA$30,INDEX(Jesper!$R$2:$R$366,ROW(INDEX(Jesper!AL$2:AL$366,ROUNDDOWN($C4261/24,0)+1,1))-1)+IF('Standard Profiles'!$G$22=$B$10,7,0)+IF('Standard Profiles'!$G$22=$B$17,14,0)+IF('Standard Profiles'!$G$22=$B$24,21,0),MOD($C4261,24)+1)/SUM(INDEX($D$3:$AA$30,INDEX(Jesper!$R$2:$R$366,ROW(INDEX(Jesper!AL$2:AL$366,ROUNDDOWN($C4261/24,0)+1,1))-1)+IF('Standard Profiles'!$G$22=$B$10,7,0)+IF('Standard Profiles'!$G$22=$B$17,14,0)+IF('Standard Profiles'!$G$22=$B$24,21,0),0)),0)</f>
        <v>0</v>
      </c>
      <c r="I4261">
        <f t="shared" si="482"/>
        <v>0.19274931221022681</v>
      </c>
      <c r="J4261">
        <f t="shared" si="483"/>
        <v>0.64249770736742284</v>
      </c>
      <c r="K4261">
        <f t="shared" si="484"/>
        <v>0.9637465610511341</v>
      </c>
      <c r="L4261">
        <f t="shared" si="485"/>
        <v>4.6259834930454442</v>
      </c>
      <c r="M4261">
        <f t="shared" si="486"/>
        <v>0</v>
      </c>
      <c r="N4261" s="46">
        <f t="shared" si="487"/>
        <v>45468.124999989748</v>
      </c>
    </row>
    <row r="4262" spans="2:14" x14ac:dyDescent="0.3">
      <c r="B4262">
        <f t="shared" si="481"/>
        <v>2</v>
      </c>
      <c r="C4262" s="16">
        <v>4228</v>
      </c>
      <c r="D4262" cm="1">
        <f t="array" ref="D4262">IFERROR(INDEX(Jesper!AH$2:AH$366,ROUNDDOWN($C4262/24,0)+1,1)*INDEX($D$3:$AA$30,INDEX(Jesper!$R$2:$R$366,ROW(INDEX(Jesper!AH$2:AH$366,ROUNDDOWN($C4262/24,0)+1,1))-1)+IF('Standard Profiles'!$G$18=$B$10,7,0)+IF('Standard Profiles'!$G$18=$B$17,14,0)+IF('Standard Profiles'!$G$18=$B$24,21,0),MOD($C4262,24)+1)/SUM(INDEX($D$3:$AA$30,INDEX(Jesper!$R$2:$R$366,ROW(INDEX(Jesper!AH$2:AH$366,ROUNDDOWN($C4262/24,0)+1,1))-1)+IF('Standard Profiles'!$G$18=$B$10,7,0)+IF('Standard Profiles'!$G$18=$B$17,14,0)+IF('Standard Profiles'!$G$18=$B$24,21,0),0)),0)</f>
        <v>6.4249770736742278</v>
      </c>
      <c r="E4262" cm="1">
        <f t="array" ref="E4262">IFERROR(INDEX(Jesper!AI$2:AI$366,ROUNDDOWN($C4262/24,0)+1,1)*INDEX($D$3:$AA$30,INDEX(Jesper!$R$2:$R$366,ROW(INDEX(Jesper!AI$2:AI$366,ROUNDDOWN($C4262/24,0)+1,1))-1)+IF('Standard Profiles'!$G$19=$B$10,7,0)+IF('Standard Profiles'!$G$19=$B$17,14,0)+IF('Standard Profiles'!$G$19=$B$24,21,0),MOD($C4262,24)+1)/SUM(INDEX($D$3:$AA$30,INDEX(Jesper!$R$2:$R$366,ROW(INDEX(Jesper!AI$2:AI$366,ROUNDDOWN($C4262/24,0)+1,1))-1)+IF('Standard Profiles'!$G$19=$B$10,7,0)+IF('Standard Profiles'!$G$19=$B$17,14,0)+IF('Standard Profiles'!$G$19=$B$24,21,0),0)),0)</f>
        <v>0</v>
      </c>
      <c r="F4262" cm="1">
        <f t="array" ref="F4262">IFERROR(INDEX(Jesper!AJ$2:AJ$366,ROUNDDOWN($C4262/24,0)+1,1)*INDEX($D$3:$AA$30,INDEX(Jesper!$R$2:$R$366,ROW(INDEX(Jesper!AJ$2:AJ$366,ROUNDDOWN($C4262/24,0)+1,1))-1)+IF('Standard Profiles'!$G$20=$B$10,7,0)+IF('Standard Profiles'!$G$20=$B$17,14,0)+IF('Standard Profiles'!$G$20=$B$24,21,0),MOD($C4262,24)+1)/SUM(INDEX($D$3:$AA$30,INDEX(Jesper!$R$2:$R$366,ROW(INDEX(Jesper!AJ$2:AJ$366,ROUNDDOWN($C4262/24,0)+1,1))-1)+IF('Standard Profiles'!$G$20=$B$10,7,0)+IF('Standard Profiles'!$G$20=$B$17,14,0)+IF('Standard Profiles'!$G$20=$B$24,21,0),0)),0)</f>
        <v>0</v>
      </c>
      <c r="G4262" cm="1">
        <f t="array" ref="G4262">IFERROR(INDEX(Jesper!AK$2:AK$366,ROUNDDOWN($C4262/24,0)+1,1)*INDEX($D$3:$AA$30,INDEX(Jesper!$R$2:$R$366,ROW(INDEX(Jesper!AK$2:AK$366,ROUNDDOWN($C4262/24,0)+1,1))-1)+IF('Standard Profiles'!$G$21=$B$10,7,0)+IF('Standard Profiles'!$G$21=$B$17,14,0)+IF('Standard Profiles'!$G$21=$B$24,21,0),MOD($C4262,24)+1)/SUM(INDEX($D$3:$AA$30,INDEX(Jesper!$R$2:$R$366,ROW(INDEX(Jesper!AK$2:AK$366,ROUNDDOWN($C4262/24,0)+1,1))-1)+IF('Standard Profiles'!$G$21=$B$10,7,0)+IF('Standard Profiles'!$G$21=$B$17,14,0)+IF('Standard Profiles'!$G$21=$B$24,21,0),0)),0)</f>
        <v>0</v>
      </c>
      <c r="H4262" cm="1">
        <f t="array" ref="H4262">IFERROR(INDEX(Jesper!AL$2:AL$366,ROUNDDOWN($C4262/24,0)+1,1)*INDEX($D$3:$AA$30,INDEX(Jesper!$R$2:$R$366,ROW(INDEX(Jesper!AL$2:AL$366,ROUNDDOWN($C4262/24,0)+1,1))-1)+IF('Standard Profiles'!$G$22=$B$10,7,0)+IF('Standard Profiles'!$G$22=$B$17,14,0)+IF('Standard Profiles'!$G$22=$B$24,21,0),MOD($C4262,24)+1)/SUM(INDEX($D$3:$AA$30,INDEX(Jesper!$R$2:$R$366,ROW(INDEX(Jesper!AL$2:AL$366,ROUNDDOWN($C4262/24,0)+1,1))-1)+IF('Standard Profiles'!$G$22=$B$10,7,0)+IF('Standard Profiles'!$G$22=$B$17,14,0)+IF('Standard Profiles'!$G$22=$B$24,21,0),0)),0)</f>
        <v>0</v>
      </c>
      <c r="I4262">
        <f t="shared" si="482"/>
        <v>0.19274931221022681</v>
      </c>
      <c r="J4262">
        <f t="shared" si="483"/>
        <v>0.64249770736742284</v>
      </c>
      <c r="K4262">
        <f t="shared" si="484"/>
        <v>0.9637465610511341</v>
      </c>
      <c r="L4262">
        <f t="shared" si="485"/>
        <v>4.6259834930454442</v>
      </c>
      <c r="M4262">
        <f t="shared" si="486"/>
        <v>0</v>
      </c>
      <c r="N4262" s="46">
        <f t="shared" si="487"/>
        <v>45468.166666656412</v>
      </c>
    </row>
    <row r="4263" spans="2:14" x14ac:dyDescent="0.3">
      <c r="B4263">
        <f t="shared" si="481"/>
        <v>2</v>
      </c>
      <c r="C4263" s="16">
        <v>4229</v>
      </c>
      <c r="D4263" cm="1">
        <f t="array" ref="D4263">IFERROR(INDEX(Jesper!AH$2:AH$366,ROUNDDOWN($C4263/24,0)+1,1)*INDEX($D$3:$AA$30,INDEX(Jesper!$R$2:$R$366,ROW(INDEX(Jesper!AH$2:AH$366,ROUNDDOWN($C4263/24,0)+1,1))-1)+IF('Standard Profiles'!$G$18=$B$10,7,0)+IF('Standard Profiles'!$G$18=$B$17,14,0)+IF('Standard Profiles'!$G$18=$B$24,21,0),MOD($C4263,24)+1)/SUM(INDEX($D$3:$AA$30,INDEX(Jesper!$R$2:$R$366,ROW(INDEX(Jesper!AH$2:AH$366,ROUNDDOWN($C4263/24,0)+1,1))-1)+IF('Standard Profiles'!$G$18=$B$10,7,0)+IF('Standard Profiles'!$G$18=$B$17,14,0)+IF('Standard Profiles'!$G$18=$B$24,21,0),0)),0)</f>
        <v>8.352470195776494</v>
      </c>
      <c r="E4263" cm="1">
        <f t="array" ref="E4263">IFERROR(INDEX(Jesper!AI$2:AI$366,ROUNDDOWN($C4263/24,0)+1,1)*INDEX($D$3:$AA$30,INDEX(Jesper!$R$2:$R$366,ROW(INDEX(Jesper!AI$2:AI$366,ROUNDDOWN($C4263/24,0)+1,1))-1)+IF('Standard Profiles'!$G$19=$B$10,7,0)+IF('Standard Profiles'!$G$19=$B$17,14,0)+IF('Standard Profiles'!$G$19=$B$24,21,0),MOD($C4263,24)+1)/SUM(INDEX($D$3:$AA$30,INDEX(Jesper!$R$2:$R$366,ROW(INDEX(Jesper!AI$2:AI$366,ROUNDDOWN($C4263/24,0)+1,1))-1)+IF('Standard Profiles'!$G$19=$B$10,7,0)+IF('Standard Profiles'!$G$19=$B$17,14,0)+IF('Standard Profiles'!$G$19=$B$24,21,0),0)),0)</f>
        <v>0</v>
      </c>
      <c r="F4263" cm="1">
        <f t="array" ref="F4263">IFERROR(INDEX(Jesper!AJ$2:AJ$366,ROUNDDOWN($C4263/24,0)+1,1)*INDEX($D$3:$AA$30,INDEX(Jesper!$R$2:$R$366,ROW(INDEX(Jesper!AJ$2:AJ$366,ROUNDDOWN($C4263/24,0)+1,1))-1)+IF('Standard Profiles'!$G$20=$B$10,7,0)+IF('Standard Profiles'!$G$20=$B$17,14,0)+IF('Standard Profiles'!$G$20=$B$24,21,0),MOD($C4263,24)+1)/SUM(INDEX($D$3:$AA$30,INDEX(Jesper!$R$2:$R$366,ROW(INDEX(Jesper!AJ$2:AJ$366,ROUNDDOWN($C4263/24,0)+1,1))-1)+IF('Standard Profiles'!$G$20=$B$10,7,0)+IF('Standard Profiles'!$G$20=$B$17,14,0)+IF('Standard Profiles'!$G$20=$B$24,21,0),0)),0)</f>
        <v>0</v>
      </c>
      <c r="G4263" cm="1">
        <f t="array" ref="G4263">IFERROR(INDEX(Jesper!AK$2:AK$366,ROUNDDOWN($C4263/24,0)+1,1)*INDEX($D$3:$AA$30,INDEX(Jesper!$R$2:$R$366,ROW(INDEX(Jesper!AK$2:AK$366,ROUNDDOWN($C4263/24,0)+1,1))-1)+IF('Standard Profiles'!$G$21=$B$10,7,0)+IF('Standard Profiles'!$G$21=$B$17,14,0)+IF('Standard Profiles'!$G$21=$B$24,21,0),MOD($C4263,24)+1)/SUM(INDEX($D$3:$AA$30,INDEX(Jesper!$R$2:$R$366,ROW(INDEX(Jesper!AK$2:AK$366,ROUNDDOWN($C4263/24,0)+1,1))-1)+IF('Standard Profiles'!$G$21=$B$10,7,0)+IF('Standard Profiles'!$G$21=$B$17,14,0)+IF('Standard Profiles'!$G$21=$B$24,21,0),0)),0)</f>
        <v>0</v>
      </c>
      <c r="H4263" cm="1">
        <f t="array" ref="H4263">IFERROR(INDEX(Jesper!AL$2:AL$366,ROUNDDOWN($C4263/24,0)+1,1)*INDEX($D$3:$AA$30,INDEX(Jesper!$R$2:$R$366,ROW(INDEX(Jesper!AL$2:AL$366,ROUNDDOWN($C4263/24,0)+1,1))-1)+IF('Standard Profiles'!$G$22=$B$10,7,0)+IF('Standard Profiles'!$G$22=$B$17,14,0)+IF('Standard Profiles'!$G$22=$B$24,21,0),MOD($C4263,24)+1)/SUM(INDEX($D$3:$AA$30,INDEX(Jesper!$R$2:$R$366,ROW(INDEX(Jesper!AL$2:AL$366,ROUNDDOWN($C4263/24,0)+1,1))-1)+IF('Standard Profiles'!$G$22=$B$10,7,0)+IF('Standard Profiles'!$G$22=$B$17,14,0)+IF('Standard Profiles'!$G$22=$B$24,21,0),0)),0)</f>
        <v>0</v>
      </c>
      <c r="I4263">
        <f t="shared" si="482"/>
        <v>0.25057410587329482</v>
      </c>
      <c r="J4263">
        <f t="shared" si="483"/>
        <v>0.83524701957764946</v>
      </c>
      <c r="K4263">
        <f t="shared" si="484"/>
        <v>1.2528705293664741</v>
      </c>
      <c r="L4263">
        <f t="shared" si="485"/>
        <v>6.0137785409590752</v>
      </c>
      <c r="M4263">
        <f t="shared" si="486"/>
        <v>0</v>
      </c>
      <c r="N4263" s="46">
        <f t="shared" si="487"/>
        <v>45468.208333323077</v>
      </c>
    </row>
    <row r="4264" spans="2:14" x14ac:dyDescent="0.3">
      <c r="B4264">
        <f t="shared" si="481"/>
        <v>2</v>
      </c>
      <c r="C4264" s="16">
        <v>4230</v>
      </c>
      <c r="D4264" cm="1">
        <f t="array" ref="D4264">IFERROR(INDEX(Jesper!AH$2:AH$366,ROUNDDOWN($C4264/24,0)+1,1)*INDEX($D$3:$AA$30,INDEX(Jesper!$R$2:$R$366,ROW(INDEX(Jesper!AH$2:AH$366,ROUNDDOWN($C4264/24,0)+1,1))-1)+IF('Standard Profiles'!$G$18=$B$10,7,0)+IF('Standard Profiles'!$G$18=$B$17,14,0)+IF('Standard Profiles'!$G$18=$B$24,21,0),MOD($C4264,24)+1)/SUM(INDEX($D$3:$AA$30,INDEX(Jesper!$R$2:$R$366,ROW(INDEX(Jesper!AH$2:AH$366,ROUNDDOWN($C4264/24,0)+1,1))-1)+IF('Standard Profiles'!$G$18=$B$10,7,0)+IF('Standard Profiles'!$G$18=$B$17,14,0)+IF('Standard Profiles'!$G$18=$B$24,21,0),0)),0)</f>
        <v>9.3162167568276288</v>
      </c>
      <c r="E4264" cm="1">
        <f t="array" ref="E4264">IFERROR(INDEX(Jesper!AI$2:AI$366,ROUNDDOWN($C4264/24,0)+1,1)*INDEX($D$3:$AA$30,INDEX(Jesper!$R$2:$R$366,ROW(INDEX(Jesper!AI$2:AI$366,ROUNDDOWN($C4264/24,0)+1,1))-1)+IF('Standard Profiles'!$G$19=$B$10,7,0)+IF('Standard Profiles'!$G$19=$B$17,14,0)+IF('Standard Profiles'!$G$19=$B$24,21,0),MOD($C4264,24)+1)/SUM(INDEX($D$3:$AA$30,INDEX(Jesper!$R$2:$R$366,ROW(INDEX(Jesper!AI$2:AI$366,ROUNDDOWN($C4264/24,0)+1,1))-1)+IF('Standard Profiles'!$G$19=$B$10,7,0)+IF('Standard Profiles'!$G$19=$B$17,14,0)+IF('Standard Profiles'!$G$19=$B$24,21,0),0)),0)</f>
        <v>0</v>
      </c>
      <c r="F4264" cm="1">
        <f t="array" ref="F4264">IFERROR(INDEX(Jesper!AJ$2:AJ$366,ROUNDDOWN($C4264/24,0)+1,1)*INDEX($D$3:$AA$30,INDEX(Jesper!$R$2:$R$366,ROW(INDEX(Jesper!AJ$2:AJ$366,ROUNDDOWN($C4264/24,0)+1,1))-1)+IF('Standard Profiles'!$G$20=$B$10,7,0)+IF('Standard Profiles'!$G$20=$B$17,14,0)+IF('Standard Profiles'!$G$20=$B$24,21,0),MOD($C4264,24)+1)/SUM(INDEX($D$3:$AA$30,INDEX(Jesper!$R$2:$R$366,ROW(INDEX(Jesper!AJ$2:AJ$366,ROUNDDOWN($C4264/24,0)+1,1))-1)+IF('Standard Profiles'!$G$20=$B$10,7,0)+IF('Standard Profiles'!$G$20=$B$17,14,0)+IF('Standard Profiles'!$G$20=$B$24,21,0),0)),0)</f>
        <v>0</v>
      </c>
      <c r="G4264" cm="1">
        <f t="array" ref="G4264">IFERROR(INDEX(Jesper!AK$2:AK$366,ROUNDDOWN($C4264/24,0)+1,1)*INDEX($D$3:$AA$30,INDEX(Jesper!$R$2:$R$366,ROW(INDEX(Jesper!AK$2:AK$366,ROUNDDOWN($C4264/24,0)+1,1))-1)+IF('Standard Profiles'!$G$21=$B$10,7,0)+IF('Standard Profiles'!$G$21=$B$17,14,0)+IF('Standard Profiles'!$G$21=$B$24,21,0),MOD($C4264,24)+1)/SUM(INDEX($D$3:$AA$30,INDEX(Jesper!$R$2:$R$366,ROW(INDEX(Jesper!AK$2:AK$366,ROUNDDOWN($C4264/24,0)+1,1))-1)+IF('Standard Profiles'!$G$21=$B$10,7,0)+IF('Standard Profiles'!$G$21=$B$17,14,0)+IF('Standard Profiles'!$G$21=$B$24,21,0),0)),0)</f>
        <v>0</v>
      </c>
      <c r="H4264" cm="1">
        <f t="array" ref="H4264">IFERROR(INDEX(Jesper!AL$2:AL$366,ROUNDDOWN($C4264/24,0)+1,1)*INDEX($D$3:$AA$30,INDEX(Jesper!$R$2:$R$366,ROW(INDEX(Jesper!AL$2:AL$366,ROUNDDOWN($C4264/24,0)+1,1))-1)+IF('Standard Profiles'!$G$22=$B$10,7,0)+IF('Standard Profiles'!$G$22=$B$17,14,0)+IF('Standard Profiles'!$G$22=$B$24,21,0),MOD($C4264,24)+1)/SUM(INDEX($D$3:$AA$30,INDEX(Jesper!$R$2:$R$366,ROW(INDEX(Jesper!AL$2:AL$366,ROUNDDOWN($C4264/24,0)+1,1))-1)+IF('Standard Profiles'!$G$22=$B$10,7,0)+IF('Standard Profiles'!$G$22=$B$17,14,0)+IF('Standard Profiles'!$G$22=$B$24,21,0),0)),0)</f>
        <v>0</v>
      </c>
      <c r="I4264">
        <f t="shared" si="482"/>
        <v>0.27948650270482883</v>
      </c>
      <c r="J4264">
        <f t="shared" si="483"/>
        <v>0.93162167568276288</v>
      </c>
      <c r="K4264">
        <f t="shared" si="484"/>
        <v>1.3974325135241443</v>
      </c>
      <c r="L4264">
        <f t="shared" si="485"/>
        <v>6.7076760649158924</v>
      </c>
      <c r="M4264">
        <f t="shared" si="486"/>
        <v>0</v>
      </c>
      <c r="N4264" s="46">
        <f t="shared" si="487"/>
        <v>45468.249999989741</v>
      </c>
    </row>
    <row r="4265" spans="2:14" x14ac:dyDescent="0.3">
      <c r="B4265">
        <f t="shared" si="481"/>
        <v>2</v>
      </c>
      <c r="C4265" s="16">
        <v>4231</v>
      </c>
      <c r="D4265" cm="1">
        <f t="array" ref="D4265">IFERROR(INDEX(Jesper!AH$2:AH$366,ROUNDDOWN($C4265/24,0)+1,1)*INDEX($D$3:$AA$30,INDEX(Jesper!$R$2:$R$366,ROW(INDEX(Jesper!AH$2:AH$366,ROUNDDOWN($C4265/24,0)+1,1))-1)+IF('Standard Profiles'!$G$18=$B$10,7,0)+IF('Standard Profiles'!$G$18=$B$17,14,0)+IF('Standard Profiles'!$G$18=$B$24,21,0),MOD($C4265,24)+1)/SUM(INDEX($D$3:$AA$30,INDEX(Jesper!$R$2:$R$366,ROW(INDEX(Jesper!AH$2:AH$366,ROUNDDOWN($C4265/24,0)+1,1))-1)+IF('Standard Profiles'!$G$18=$B$10,7,0)+IF('Standard Profiles'!$G$18=$B$17,14,0)+IF('Standard Profiles'!$G$18=$B$24,21,0),0)),0)</f>
        <v>9.6374656105113417</v>
      </c>
      <c r="E4265" cm="1">
        <f t="array" ref="E4265">IFERROR(INDEX(Jesper!AI$2:AI$366,ROUNDDOWN($C4265/24,0)+1,1)*INDEX($D$3:$AA$30,INDEX(Jesper!$R$2:$R$366,ROW(INDEX(Jesper!AI$2:AI$366,ROUNDDOWN($C4265/24,0)+1,1))-1)+IF('Standard Profiles'!$G$19=$B$10,7,0)+IF('Standard Profiles'!$G$19=$B$17,14,0)+IF('Standard Profiles'!$G$19=$B$24,21,0),MOD($C4265,24)+1)/SUM(INDEX($D$3:$AA$30,INDEX(Jesper!$R$2:$R$366,ROW(INDEX(Jesper!AI$2:AI$366,ROUNDDOWN($C4265/24,0)+1,1))-1)+IF('Standard Profiles'!$G$19=$B$10,7,0)+IF('Standard Profiles'!$G$19=$B$17,14,0)+IF('Standard Profiles'!$G$19=$B$24,21,0),0)),0)</f>
        <v>0</v>
      </c>
      <c r="F4265" cm="1">
        <f t="array" ref="F4265">IFERROR(INDEX(Jesper!AJ$2:AJ$366,ROUNDDOWN($C4265/24,0)+1,1)*INDEX($D$3:$AA$30,INDEX(Jesper!$R$2:$R$366,ROW(INDEX(Jesper!AJ$2:AJ$366,ROUNDDOWN($C4265/24,0)+1,1))-1)+IF('Standard Profiles'!$G$20=$B$10,7,0)+IF('Standard Profiles'!$G$20=$B$17,14,0)+IF('Standard Profiles'!$G$20=$B$24,21,0),MOD($C4265,24)+1)/SUM(INDEX($D$3:$AA$30,INDEX(Jesper!$R$2:$R$366,ROW(INDEX(Jesper!AJ$2:AJ$366,ROUNDDOWN($C4265/24,0)+1,1))-1)+IF('Standard Profiles'!$G$20=$B$10,7,0)+IF('Standard Profiles'!$G$20=$B$17,14,0)+IF('Standard Profiles'!$G$20=$B$24,21,0),0)),0)</f>
        <v>0</v>
      </c>
      <c r="G4265" cm="1">
        <f t="array" ref="G4265">IFERROR(INDEX(Jesper!AK$2:AK$366,ROUNDDOWN($C4265/24,0)+1,1)*INDEX($D$3:$AA$30,INDEX(Jesper!$R$2:$R$366,ROW(INDEX(Jesper!AK$2:AK$366,ROUNDDOWN($C4265/24,0)+1,1))-1)+IF('Standard Profiles'!$G$21=$B$10,7,0)+IF('Standard Profiles'!$G$21=$B$17,14,0)+IF('Standard Profiles'!$G$21=$B$24,21,0),MOD($C4265,24)+1)/SUM(INDEX($D$3:$AA$30,INDEX(Jesper!$R$2:$R$366,ROW(INDEX(Jesper!AK$2:AK$366,ROUNDDOWN($C4265/24,0)+1,1))-1)+IF('Standard Profiles'!$G$21=$B$10,7,0)+IF('Standard Profiles'!$G$21=$B$17,14,0)+IF('Standard Profiles'!$G$21=$B$24,21,0),0)),0)</f>
        <v>0</v>
      </c>
      <c r="H4265" cm="1">
        <f t="array" ref="H4265">IFERROR(INDEX(Jesper!AL$2:AL$366,ROUNDDOWN($C4265/24,0)+1,1)*INDEX($D$3:$AA$30,INDEX(Jesper!$R$2:$R$366,ROW(INDEX(Jesper!AL$2:AL$366,ROUNDDOWN($C4265/24,0)+1,1))-1)+IF('Standard Profiles'!$G$22=$B$10,7,0)+IF('Standard Profiles'!$G$22=$B$17,14,0)+IF('Standard Profiles'!$G$22=$B$24,21,0),MOD($C4265,24)+1)/SUM(INDEX($D$3:$AA$30,INDEX(Jesper!$R$2:$R$366,ROW(INDEX(Jesper!AL$2:AL$366,ROUNDDOWN($C4265/24,0)+1,1))-1)+IF('Standard Profiles'!$G$22=$B$10,7,0)+IF('Standard Profiles'!$G$22=$B$17,14,0)+IF('Standard Profiles'!$G$22=$B$24,21,0),0)),0)</f>
        <v>0</v>
      </c>
      <c r="I4265">
        <f t="shared" si="482"/>
        <v>0.28912396831534026</v>
      </c>
      <c r="J4265">
        <f t="shared" si="483"/>
        <v>0.96374656105113421</v>
      </c>
      <c r="K4265">
        <f t="shared" si="484"/>
        <v>1.4456198415767012</v>
      </c>
      <c r="L4265">
        <f t="shared" si="485"/>
        <v>6.9389752395681654</v>
      </c>
      <c r="M4265">
        <f t="shared" si="486"/>
        <v>0</v>
      </c>
      <c r="N4265" s="46">
        <f t="shared" si="487"/>
        <v>45468.291666656405</v>
      </c>
    </row>
    <row r="4266" spans="2:14" x14ac:dyDescent="0.3">
      <c r="B4266">
        <f t="shared" si="481"/>
        <v>2</v>
      </c>
      <c r="C4266" s="16">
        <v>4232</v>
      </c>
      <c r="D4266" cm="1">
        <f t="array" ref="D4266">IFERROR(INDEX(Jesper!AH$2:AH$366,ROUNDDOWN($C4266/24,0)+1,1)*INDEX($D$3:$AA$30,INDEX(Jesper!$R$2:$R$366,ROW(INDEX(Jesper!AH$2:AH$366,ROUNDDOWN($C4266/24,0)+1,1))-1)+IF('Standard Profiles'!$G$18=$B$10,7,0)+IF('Standard Profiles'!$G$18=$B$17,14,0)+IF('Standard Profiles'!$G$18=$B$24,21,0),MOD($C4266,24)+1)/SUM(INDEX($D$3:$AA$30,INDEX(Jesper!$R$2:$R$366,ROW(INDEX(Jesper!AH$2:AH$366,ROUNDDOWN($C4266/24,0)+1,1))-1)+IF('Standard Profiles'!$G$18=$B$10,7,0)+IF('Standard Profiles'!$G$18=$B$17,14,0)+IF('Standard Profiles'!$G$18=$B$24,21,0),0)),0)</f>
        <v>9.6374656105113417</v>
      </c>
      <c r="E4266" cm="1">
        <f t="array" ref="E4266">IFERROR(INDEX(Jesper!AI$2:AI$366,ROUNDDOWN($C4266/24,0)+1,1)*INDEX($D$3:$AA$30,INDEX(Jesper!$R$2:$R$366,ROW(INDEX(Jesper!AI$2:AI$366,ROUNDDOWN($C4266/24,0)+1,1))-1)+IF('Standard Profiles'!$G$19=$B$10,7,0)+IF('Standard Profiles'!$G$19=$B$17,14,0)+IF('Standard Profiles'!$G$19=$B$24,21,0),MOD($C4266,24)+1)/SUM(INDEX($D$3:$AA$30,INDEX(Jesper!$R$2:$R$366,ROW(INDEX(Jesper!AI$2:AI$366,ROUNDDOWN($C4266/24,0)+1,1))-1)+IF('Standard Profiles'!$G$19=$B$10,7,0)+IF('Standard Profiles'!$G$19=$B$17,14,0)+IF('Standard Profiles'!$G$19=$B$24,21,0),0)),0)</f>
        <v>0</v>
      </c>
      <c r="F4266" cm="1">
        <f t="array" ref="F4266">IFERROR(INDEX(Jesper!AJ$2:AJ$366,ROUNDDOWN($C4266/24,0)+1,1)*INDEX($D$3:$AA$30,INDEX(Jesper!$R$2:$R$366,ROW(INDEX(Jesper!AJ$2:AJ$366,ROUNDDOWN($C4266/24,0)+1,1))-1)+IF('Standard Profiles'!$G$20=$B$10,7,0)+IF('Standard Profiles'!$G$20=$B$17,14,0)+IF('Standard Profiles'!$G$20=$B$24,21,0),MOD($C4266,24)+1)/SUM(INDEX($D$3:$AA$30,INDEX(Jesper!$R$2:$R$366,ROW(INDEX(Jesper!AJ$2:AJ$366,ROUNDDOWN($C4266/24,0)+1,1))-1)+IF('Standard Profiles'!$G$20=$B$10,7,0)+IF('Standard Profiles'!$G$20=$B$17,14,0)+IF('Standard Profiles'!$G$20=$B$24,21,0),0)),0)</f>
        <v>0</v>
      </c>
      <c r="G4266" cm="1">
        <f t="array" ref="G4266">IFERROR(INDEX(Jesper!AK$2:AK$366,ROUNDDOWN($C4266/24,0)+1,1)*INDEX($D$3:$AA$30,INDEX(Jesper!$R$2:$R$366,ROW(INDEX(Jesper!AK$2:AK$366,ROUNDDOWN($C4266/24,0)+1,1))-1)+IF('Standard Profiles'!$G$21=$B$10,7,0)+IF('Standard Profiles'!$G$21=$B$17,14,0)+IF('Standard Profiles'!$G$21=$B$24,21,0),MOD($C4266,24)+1)/SUM(INDEX($D$3:$AA$30,INDEX(Jesper!$R$2:$R$366,ROW(INDEX(Jesper!AK$2:AK$366,ROUNDDOWN($C4266/24,0)+1,1))-1)+IF('Standard Profiles'!$G$21=$B$10,7,0)+IF('Standard Profiles'!$G$21=$B$17,14,0)+IF('Standard Profiles'!$G$21=$B$24,21,0),0)),0)</f>
        <v>0</v>
      </c>
      <c r="H4266" cm="1">
        <f t="array" ref="H4266">IFERROR(INDEX(Jesper!AL$2:AL$366,ROUNDDOWN($C4266/24,0)+1,1)*INDEX($D$3:$AA$30,INDEX(Jesper!$R$2:$R$366,ROW(INDEX(Jesper!AL$2:AL$366,ROUNDDOWN($C4266/24,0)+1,1))-1)+IF('Standard Profiles'!$G$22=$B$10,7,0)+IF('Standard Profiles'!$G$22=$B$17,14,0)+IF('Standard Profiles'!$G$22=$B$24,21,0),MOD($C4266,24)+1)/SUM(INDEX($D$3:$AA$30,INDEX(Jesper!$R$2:$R$366,ROW(INDEX(Jesper!AL$2:AL$366,ROUNDDOWN($C4266/24,0)+1,1))-1)+IF('Standard Profiles'!$G$22=$B$10,7,0)+IF('Standard Profiles'!$G$22=$B$17,14,0)+IF('Standard Profiles'!$G$22=$B$24,21,0),0)),0)</f>
        <v>0</v>
      </c>
      <c r="I4266">
        <f t="shared" si="482"/>
        <v>0.28912396831534026</v>
      </c>
      <c r="J4266">
        <f t="shared" si="483"/>
        <v>0.96374656105113421</v>
      </c>
      <c r="K4266">
        <f t="shared" si="484"/>
        <v>1.4456198415767012</v>
      </c>
      <c r="L4266">
        <f t="shared" si="485"/>
        <v>6.9389752395681654</v>
      </c>
      <c r="M4266">
        <f t="shared" si="486"/>
        <v>0</v>
      </c>
      <c r="N4266" s="46">
        <f t="shared" si="487"/>
        <v>45468.333333323069</v>
      </c>
    </row>
    <row r="4267" spans="2:14" x14ac:dyDescent="0.3">
      <c r="B4267">
        <f t="shared" si="481"/>
        <v>2</v>
      </c>
      <c r="C4267" s="16">
        <v>4233</v>
      </c>
      <c r="D4267" cm="1">
        <f t="array" ref="D4267">IFERROR(INDEX(Jesper!AH$2:AH$366,ROUNDDOWN($C4267/24,0)+1,1)*INDEX($D$3:$AA$30,INDEX(Jesper!$R$2:$R$366,ROW(INDEX(Jesper!AH$2:AH$366,ROUNDDOWN($C4267/24,0)+1,1))-1)+IF('Standard Profiles'!$G$18=$B$10,7,0)+IF('Standard Profiles'!$G$18=$B$17,14,0)+IF('Standard Profiles'!$G$18=$B$24,21,0),MOD($C4267,24)+1)/SUM(INDEX($D$3:$AA$30,INDEX(Jesper!$R$2:$R$366,ROW(INDEX(Jesper!AH$2:AH$366,ROUNDDOWN($C4267/24,0)+1,1))-1)+IF('Standard Profiles'!$G$18=$B$10,7,0)+IF('Standard Profiles'!$G$18=$B$17,14,0)+IF('Standard Profiles'!$G$18=$B$24,21,0),0)),0)</f>
        <v>10.44058774472062</v>
      </c>
      <c r="E4267" cm="1">
        <f t="array" ref="E4267">IFERROR(INDEX(Jesper!AI$2:AI$366,ROUNDDOWN($C4267/24,0)+1,1)*INDEX($D$3:$AA$30,INDEX(Jesper!$R$2:$R$366,ROW(INDEX(Jesper!AI$2:AI$366,ROUNDDOWN($C4267/24,0)+1,1))-1)+IF('Standard Profiles'!$G$19=$B$10,7,0)+IF('Standard Profiles'!$G$19=$B$17,14,0)+IF('Standard Profiles'!$G$19=$B$24,21,0),MOD($C4267,24)+1)/SUM(INDEX($D$3:$AA$30,INDEX(Jesper!$R$2:$R$366,ROW(INDEX(Jesper!AI$2:AI$366,ROUNDDOWN($C4267/24,0)+1,1))-1)+IF('Standard Profiles'!$G$19=$B$10,7,0)+IF('Standard Profiles'!$G$19=$B$17,14,0)+IF('Standard Profiles'!$G$19=$B$24,21,0),0)),0)</f>
        <v>0</v>
      </c>
      <c r="F4267" cm="1">
        <f t="array" ref="F4267">IFERROR(INDEX(Jesper!AJ$2:AJ$366,ROUNDDOWN($C4267/24,0)+1,1)*INDEX($D$3:$AA$30,INDEX(Jesper!$R$2:$R$366,ROW(INDEX(Jesper!AJ$2:AJ$366,ROUNDDOWN($C4267/24,0)+1,1))-1)+IF('Standard Profiles'!$G$20=$B$10,7,0)+IF('Standard Profiles'!$G$20=$B$17,14,0)+IF('Standard Profiles'!$G$20=$B$24,21,0),MOD($C4267,24)+1)/SUM(INDEX($D$3:$AA$30,INDEX(Jesper!$R$2:$R$366,ROW(INDEX(Jesper!AJ$2:AJ$366,ROUNDDOWN($C4267/24,0)+1,1))-1)+IF('Standard Profiles'!$G$20=$B$10,7,0)+IF('Standard Profiles'!$G$20=$B$17,14,0)+IF('Standard Profiles'!$G$20=$B$24,21,0),0)),0)</f>
        <v>0</v>
      </c>
      <c r="G4267" cm="1">
        <f t="array" ref="G4267">IFERROR(INDEX(Jesper!AK$2:AK$366,ROUNDDOWN($C4267/24,0)+1,1)*INDEX($D$3:$AA$30,INDEX(Jesper!$R$2:$R$366,ROW(INDEX(Jesper!AK$2:AK$366,ROUNDDOWN($C4267/24,0)+1,1))-1)+IF('Standard Profiles'!$G$21=$B$10,7,0)+IF('Standard Profiles'!$G$21=$B$17,14,0)+IF('Standard Profiles'!$G$21=$B$24,21,0),MOD($C4267,24)+1)/SUM(INDEX($D$3:$AA$30,INDEX(Jesper!$R$2:$R$366,ROW(INDEX(Jesper!AK$2:AK$366,ROUNDDOWN($C4267/24,0)+1,1))-1)+IF('Standard Profiles'!$G$21=$B$10,7,0)+IF('Standard Profiles'!$G$21=$B$17,14,0)+IF('Standard Profiles'!$G$21=$B$24,21,0),0)),0)</f>
        <v>0</v>
      </c>
      <c r="H4267" cm="1">
        <f t="array" ref="H4267">IFERROR(INDEX(Jesper!AL$2:AL$366,ROUNDDOWN($C4267/24,0)+1,1)*INDEX($D$3:$AA$30,INDEX(Jesper!$R$2:$R$366,ROW(INDEX(Jesper!AL$2:AL$366,ROUNDDOWN($C4267/24,0)+1,1))-1)+IF('Standard Profiles'!$G$22=$B$10,7,0)+IF('Standard Profiles'!$G$22=$B$17,14,0)+IF('Standard Profiles'!$G$22=$B$24,21,0),MOD($C4267,24)+1)/SUM(INDEX($D$3:$AA$30,INDEX(Jesper!$R$2:$R$366,ROW(INDEX(Jesper!AL$2:AL$366,ROUNDDOWN($C4267/24,0)+1,1))-1)+IF('Standard Profiles'!$G$22=$B$10,7,0)+IF('Standard Profiles'!$G$22=$B$17,14,0)+IF('Standard Profiles'!$G$22=$B$24,21,0),0)),0)</f>
        <v>0</v>
      </c>
      <c r="I4267">
        <f t="shared" si="482"/>
        <v>0.31321763234161859</v>
      </c>
      <c r="J4267">
        <f t="shared" si="483"/>
        <v>1.044058774472062</v>
      </c>
      <c r="K4267">
        <f t="shared" si="484"/>
        <v>1.5660881617080931</v>
      </c>
      <c r="L4267">
        <f t="shared" si="485"/>
        <v>7.5172231761988462</v>
      </c>
      <c r="M4267">
        <f t="shared" si="486"/>
        <v>0</v>
      </c>
      <c r="N4267" s="46">
        <f t="shared" si="487"/>
        <v>45468.374999989734</v>
      </c>
    </row>
    <row r="4268" spans="2:14" x14ac:dyDescent="0.3">
      <c r="B4268">
        <f t="shared" si="481"/>
        <v>2</v>
      </c>
      <c r="C4268" s="16">
        <v>4234</v>
      </c>
      <c r="D4268" cm="1">
        <f t="array" ref="D4268">IFERROR(INDEX(Jesper!AH$2:AH$366,ROUNDDOWN($C4268/24,0)+1,1)*INDEX($D$3:$AA$30,INDEX(Jesper!$R$2:$R$366,ROW(INDEX(Jesper!AH$2:AH$366,ROUNDDOWN($C4268/24,0)+1,1))-1)+IF('Standard Profiles'!$G$18=$B$10,7,0)+IF('Standard Profiles'!$G$18=$B$17,14,0)+IF('Standard Profiles'!$G$18=$B$24,21,0),MOD($C4268,24)+1)/SUM(INDEX($D$3:$AA$30,INDEX(Jesper!$R$2:$R$366,ROW(INDEX(Jesper!AH$2:AH$366,ROUNDDOWN($C4268/24,0)+1,1))-1)+IF('Standard Profiles'!$G$18=$B$10,7,0)+IF('Standard Profiles'!$G$18=$B$17,14,0)+IF('Standard Profiles'!$G$18=$B$24,21,0),0)),0)</f>
        <v>10.922461025246186</v>
      </c>
      <c r="E4268" cm="1">
        <f t="array" ref="E4268">IFERROR(INDEX(Jesper!AI$2:AI$366,ROUNDDOWN($C4268/24,0)+1,1)*INDEX($D$3:$AA$30,INDEX(Jesper!$R$2:$R$366,ROW(INDEX(Jesper!AI$2:AI$366,ROUNDDOWN($C4268/24,0)+1,1))-1)+IF('Standard Profiles'!$G$19=$B$10,7,0)+IF('Standard Profiles'!$G$19=$B$17,14,0)+IF('Standard Profiles'!$G$19=$B$24,21,0),MOD($C4268,24)+1)/SUM(INDEX($D$3:$AA$30,INDEX(Jesper!$R$2:$R$366,ROW(INDEX(Jesper!AI$2:AI$366,ROUNDDOWN($C4268/24,0)+1,1))-1)+IF('Standard Profiles'!$G$19=$B$10,7,0)+IF('Standard Profiles'!$G$19=$B$17,14,0)+IF('Standard Profiles'!$G$19=$B$24,21,0),0)),0)</f>
        <v>0</v>
      </c>
      <c r="F4268" cm="1">
        <f t="array" ref="F4268">IFERROR(INDEX(Jesper!AJ$2:AJ$366,ROUNDDOWN($C4268/24,0)+1,1)*INDEX($D$3:$AA$30,INDEX(Jesper!$R$2:$R$366,ROW(INDEX(Jesper!AJ$2:AJ$366,ROUNDDOWN($C4268/24,0)+1,1))-1)+IF('Standard Profiles'!$G$20=$B$10,7,0)+IF('Standard Profiles'!$G$20=$B$17,14,0)+IF('Standard Profiles'!$G$20=$B$24,21,0),MOD($C4268,24)+1)/SUM(INDEX($D$3:$AA$30,INDEX(Jesper!$R$2:$R$366,ROW(INDEX(Jesper!AJ$2:AJ$366,ROUNDDOWN($C4268/24,0)+1,1))-1)+IF('Standard Profiles'!$G$20=$B$10,7,0)+IF('Standard Profiles'!$G$20=$B$17,14,0)+IF('Standard Profiles'!$G$20=$B$24,21,0),0)),0)</f>
        <v>0</v>
      </c>
      <c r="G4268" cm="1">
        <f t="array" ref="G4268">IFERROR(INDEX(Jesper!AK$2:AK$366,ROUNDDOWN($C4268/24,0)+1,1)*INDEX($D$3:$AA$30,INDEX(Jesper!$R$2:$R$366,ROW(INDEX(Jesper!AK$2:AK$366,ROUNDDOWN($C4268/24,0)+1,1))-1)+IF('Standard Profiles'!$G$21=$B$10,7,0)+IF('Standard Profiles'!$G$21=$B$17,14,0)+IF('Standard Profiles'!$G$21=$B$24,21,0),MOD($C4268,24)+1)/SUM(INDEX($D$3:$AA$30,INDEX(Jesper!$R$2:$R$366,ROW(INDEX(Jesper!AK$2:AK$366,ROUNDDOWN($C4268/24,0)+1,1))-1)+IF('Standard Profiles'!$G$21=$B$10,7,0)+IF('Standard Profiles'!$G$21=$B$17,14,0)+IF('Standard Profiles'!$G$21=$B$24,21,0),0)),0)</f>
        <v>0</v>
      </c>
      <c r="H4268" cm="1">
        <f t="array" ref="H4268">IFERROR(INDEX(Jesper!AL$2:AL$366,ROUNDDOWN($C4268/24,0)+1,1)*INDEX($D$3:$AA$30,INDEX(Jesper!$R$2:$R$366,ROW(INDEX(Jesper!AL$2:AL$366,ROUNDDOWN($C4268/24,0)+1,1))-1)+IF('Standard Profiles'!$G$22=$B$10,7,0)+IF('Standard Profiles'!$G$22=$B$17,14,0)+IF('Standard Profiles'!$G$22=$B$24,21,0),MOD($C4268,24)+1)/SUM(INDEX($D$3:$AA$30,INDEX(Jesper!$R$2:$R$366,ROW(INDEX(Jesper!AL$2:AL$366,ROUNDDOWN($C4268/24,0)+1,1))-1)+IF('Standard Profiles'!$G$22=$B$10,7,0)+IF('Standard Profiles'!$G$22=$B$17,14,0)+IF('Standard Profiles'!$G$22=$B$24,21,0),0)),0)</f>
        <v>0</v>
      </c>
      <c r="I4268">
        <f t="shared" si="482"/>
        <v>0.32767383075738554</v>
      </c>
      <c r="J4268">
        <f t="shared" si="483"/>
        <v>1.0922461025246186</v>
      </c>
      <c r="K4268">
        <f t="shared" si="484"/>
        <v>1.6383691537869278</v>
      </c>
      <c r="L4268">
        <f t="shared" si="485"/>
        <v>7.8641719381772539</v>
      </c>
      <c r="M4268">
        <f t="shared" si="486"/>
        <v>0</v>
      </c>
      <c r="N4268" s="46">
        <f t="shared" si="487"/>
        <v>45468.416666656398</v>
      </c>
    </row>
    <row r="4269" spans="2:14" x14ac:dyDescent="0.3">
      <c r="B4269">
        <f t="shared" si="481"/>
        <v>2</v>
      </c>
      <c r="C4269" s="16">
        <v>4235</v>
      </c>
      <c r="D4269" cm="1">
        <f t="array" ref="D4269">IFERROR(INDEX(Jesper!AH$2:AH$366,ROUNDDOWN($C4269/24,0)+1,1)*INDEX($D$3:$AA$30,INDEX(Jesper!$R$2:$R$366,ROW(INDEX(Jesper!AH$2:AH$366,ROUNDDOWN($C4269/24,0)+1,1))-1)+IF('Standard Profiles'!$G$18=$B$10,7,0)+IF('Standard Profiles'!$G$18=$B$17,14,0)+IF('Standard Profiles'!$G$18=$B$24,21,0),MOD($C4269,24)+1)/SUM(INDEX($D$3:$AA$30,INDEX(Jesper!$R$2:$R$366,ROW(INDEX(Jesper!AH$2:AH$366,ROUNDDOWN($C4269/24,0)+1,1))-1)+IF('Standard Profiles'!$G$18=$B$10,7,0)+IF('Standard Profiles'!$G$18=$B$17,14,0)+IF('Standard Profiles'!$G$18=$B$24,21,0),0)),0)</f>
        <v>12.849954147348456</v>
      </c>
      <c r="E4269" cm="1">
        <f t="array" ref="E4269">IFERROR(INDEX(Jesper!AI$2:AI$366,ROUNDDOWN($C4269/24,0)+1,1)*INDEX($D$3:$AA$30,INDEX(Jesper!$R$2:$R$366,ROW(INDEX(Jesper!AI$2:AI$366,ROUNDDOWN($C4269/24,0)+1,1))-1)+IF('Standard Profiles'!$G$19=$B$10,7,0)+IF('Standard Profiles'!$G$19=$B$17,14,0)+IF('Standard Profiles'!$G$19=$B$24,21,0),MOD($C4269,24)+1)/SUM(INDEX($D$3:$AA$30,INDEX(Jesper!$R$2:$R$366,ROW(INDEX(Jesper!AI$2:AI$366,ROUNDDOWN($C4269/24,0)+1,1))-1)+IF('Standard Profiles'!$G$19=$B$10,7,0)+IF('Standard Profiles'!$G$19=$B$17,14,0)+IF('Standard Profiles'!$G$19=$B$24,21,0),0)),0)</f>
        <v>0</v>
      </c>
      <c r="F4269" cm="1">
        <f t="array" ref="F4269">IFERROR(INDEX(Jesper!AJ$2:AJ$366,ROUNDDOWN($C4269/24,0)+1,1)*INDEX($D$3:$AA$30,INDEX(Jesper!$R$2:$R$366,ROW(INDEX(Jesper!AJ$2:AJ$366,ROUNDDOWN($C4269/24,0)+1,1))-1)+IF('Standard Profiles'!$G$20=$B$10,7,0)+IF('Standard Profiles'!$G$20=$B$17,14,0)+IF('Standard Profiles'!$G$20=$B$24,21,0),MOD($C4269,24)+1)/SUM(INDEX($D$3:$AA$30,INDEX(Jesper!$R$2:$R$366,ROW(INDEX(Jesper!AJ$2:AJ$366,ROUNDDOWN($C4269/24,0)+1,1))-1)+IF('Standard Profiles'!$G$20=$B$10,7,0)+IF('Standard Profiles'!$G$20=$B$17,14,0)+IF('Standard Profiles'!$G$20=$B$24,21,0),0)),0)</f>
        <v>0</v>
      </c>
      <c r="G4269" cm="1">
        <f t="array" ref="G4269">IFERROR(INDEX(Jesper!AK$2:AK$366,ROUNDDOWN($C4269/24,0)+1,1)*INDEX($D$3:$AA$30,INDEX(Jesper!$R$2:$R$366,ROW(INDEX(Jesper!AK$2:AK$366,ROUNDDOWN($C4269/24,0)+1,1))-1)+IF('Standard Profiles'!$G$21=$B$10,7,0)+IF('Standard Profiles'!$G$21=$B$17,14,0)+IF('Standard Profiles'!$G$21=$B$24,21,0),MOD($C4269,24)+1)/SUM(INDEX($D$3:$AA$30,INDEX(Jesper!$R$2:$R$366,ROW(INDEX(Jesper!AK$2:AK$366,ROUNDDOWN($C4269/24,0)+1,1))-1)+IF('Standard Profiles'!$G$21=$B$10,7,0)+IF('Standard Profiles'!$G$21=$B$17,14,0)+IF('Standard Profiles'!$G$21=$B$24,21,0),0)),0)</f>
        <v>0</v>
      </c>
      <c r="H4269" cm="1">
        <f t="array" ref="H4269">IFERROR(INDEX(Jesper!AL$2:AL$366,ROUNDDOWN($C4269/24,0)+1,1)*INDEX($D$3:$AA$30,INDEX(Jesper!$R$2:$R$366,ROW(INDEX(Jesper!AL$2:AL$366,ROUNDDOWN($C4269/24,0)+1,1))-1)+IF('Standard Profiles'!$G$22=$B$10,7,0)+IF('Standard Profiles'!$G$22=$B$17,14,0)+IF('Standard Profiles'!$G$22=$B$24,21,0),MOD($C4269,24)+1)/SUM(INDEX($D$3:$AA$30,INDEX(Jesper!$R$2:$R$366,ROW(INDEX(Jesper!AL$2:AL$366,ROUNDDOWN($C4269/24,0)+1,1))-1)+IF('Standard Profiles'!$G$22=$B$10,7,0)+IF('Standard Profiles'!$G$22=$B$17,14,0)+IF('Standard Profiles'!$G$22=$B$24,21,0),0)),0)</f>
        <v>0</v>
      </c>
      <c r="I4269">
        <f t="shared" si="482"/>
        <v>0.38549862442045363</v>
      </c>
      <c r="J4269">
        <f t="shared" si="483"/>
        <v>1.2849954147348457</v>
      </c>
      <c r="K4269">
        <f t="shared" si="484"/>
        <v>1.9274931221022682</v>
      </c>
      <c r="L4269">
        <f t="shared" si="485"/>
        <v>9.2519669860908884</v>
      </c>
      <c r="M4269">
        <f t="shared" si="486"/>
        <v>0</v>
      </c>
      <c r="N4269" s="46">
        <f t="shared" si="487"/>
        <v>45468.458333323062</v>
      </c>
    </row>
    <row r="4270" spans="2:14" x14ac:dyDescent="0.3">
      <c r="B4270">
        <f t="shared" si="481"/>
        <v>2</v>
      </c>
      <c r="C4270" s="16">
        <v>4236</v>
      </c>
      <c r="D4270" cm="1">
        <f t="array" ref="D4270">IFERROR(INDEX(Jesper!AH$2:AH$366,ROUNDDOWN($C4270/24,0)+1,1)*INDEX($D$3:$AA$30,INDEX(Jesper!$R$2:$R$366,ROW(INDEX(Jesper!AH$2:AH$366,ROUNDDOWN($C4270/24,0)+1,1))-1)+IF('Standard Profiles'!$G$18=$B$10,7,0)+IF('Standard Profiles'!$G$18=$B$17,14,0)+IF('Standard Profiles'!$G$18=$B$24,21,0),MOD($C4270,24)+1)/SUM(INDEX($D$3:$AA$30,INDEX(Jesper!$R$2:$R$366,ROW(INDEX(Jesper!AH$2:AH$366,ROUNDDOWN($C4270/24,0)+1,1))-1)+IF('Standard Profiles'!$G$18=$B$10,7,0)+IF('Standard Profiles'!$G$18=$B$17,14,0)+IF('Standard Profiles'!$G$18=$B$24,21,0),0)),0)</f>
        <v>12.849954147348456</v>
      </c>
      <c r="E4270" cm="1">
        <f t="array" ref="E4270">IFERROR(INDEX(Jesper!AI$2:AI$366,ROUNDDOWN($C4270/24,0)+1,1)*INDEX($D$3:$AA$30,INDEX(Jesper!$R$2:$R$366,ROW(INDEX(Jesper!AI$2:AI$366,ROUNDDOWN($C4270/24,0)+1,1))-1)+IF('Standard Profiles'!$G$19=$B$10,7,0)+IF('Standard Profiles'!$G$19=$B$17,14,0)+IF('Standard Profiles'!$G$19=$B$24,21,0),MOD($C4270,24)+1)/SUM(INDEX($D$3:$AA$30,INDEX(Jesper!$R$2:$R$366,ROW(INDEX(Jesper!AI$2:AI$366,ROUNDDOWN($C4270/24,0)+1,1))-1)+IF('Standard Profiles'!$G$19=$B$10,7,0)+IF('Standard Profiles'!$G$19=$B$17,14,0)+IF('Standard Profiles'!$G$19=$B$24,21,0),0)),0)</f>
        <v>0</v>
      </c>
      <c r="F4270" cm="1">
        <f t="array" ref="F4270">IFERROR(INDEX(Jesper!AJ$2:AJ$366,ROUNDDOWN($C4270/24,0)+1,1)*INDEX($D$3:$AA$30,INDEX(Jesper!$R$2:$R$366,ROW(INDEX(Jesper!AJ$2:AJ$366,ROUNDDOWN($C4270/24,0)+1,1))-1)+IF('Standard Profiles'!$G$20=$B$10,7,0)+IF('Standard Profiles'!$G$20=$B$17,14,0)+IF('Standard Profiles'!$G$20=$B$24,21,0),MOD($C4270,24)+1)/SUM(INDEX($D$3:$AA$30,INDEX(Jesper!$R$2:$R$366,ROW(INDEX(Jesper!AJ$2:AJ$366,ROUNDDOWN($C4270/24,0)+1,1))-1)+IF('Standard Profiles'!$G$20=$B$10,7,0)+IF('Standard Profiles'!$G$20=$B$17,14,0)+IF('Standard Profiles'!$G$20=$B$24,21,0),0)),0)</f>
        <v>0</v>
      </c>
      <c r="G4270" cm="1">
        <f t="array" ref="G4270">IFERROR(INDEX(Jesper!AK$2:AK$366,ROUNDDOWN($C4270/24,0)+1,1)*INDEX($D$3:$AA$30,INDEX(Jesper!$R$2:$R$366,ROW(INDEX(Jesper!AK$2:AK$366,ROUNDDOWN($C4270/24,0)+1,1))-1)+IF('Standard Profiles'!$G$21=$B$10,7,0)+IF('Standard Profiles'!$G$21=$B$17,14,0)+IF('Standard Profiles'!$G$21=$B$24,21,0),MOD($C4270,24)+1)/SUM(INDEX($D$3:$AA$30,INDEX(Jesper!$R$2:$R$366,ROW(INDEX(Jesper!AK$2:AK$366,ROUNDDOWN($C4270/24,0)+1,1))-1)+IF('Standard Profiles'!$G$21=$B$10,7,0)+IF('Standard Profiles'!$G$21=$B$17,14,0)+IF('Standard Profiles'!$G$21=$B$24,21,0),0)),0)</f>
        <v>0</v>
      </c>
      <c r="H4270" cm="1">
        <f t="array" ref="H4270">IFERROR(INDEX(Jesper!AL$2:AL$366,ROUNDDOWN($C4270/24,0)+1,1)*INDEX($D$3:$AA$30,INDEX(Jesper!$R$2:$R$366,ROW(INDEX(Jesper!AL$2:AL$366,ROUNDDOWN($C4270/24,0)+1,1))-1)+IF('Standard Profiles'!$G$22=$B$10,7,0)+IF('Standard Profiles'!$G$22=$B$17,14,0)+IF('Standard Profiles'!$G$22=$B$24,21,0),MOD($C4270,24)+1)/SUM(INDEX($D$3:$AA$30,INDEX(Jesper!$R$2:$R$366,ROW(INDEX(Jesper!AL$2:AL$366,ROUNDDOWN($C4270/24,0)+1,1))-1)+IF('Standard Profiles'!$G$22=$B$10,7,0)+IF('Standard Profiles'!$G$22=$B$17,14,0)+IF('Standard Profiles'!$G$22=$B$24,21,0),0)),0)</f>
        <v>0</v>
      </c>
      <c r="I4270">
        <f t="shared" si="482"/>
        <v>0.38549862442045363</v>
      </c>
      <c r="J4270">
        <f t="shared" si="483"/>
        <v>1.2849954147348457</v>
      </c>
      <c r="K4270">
        <f t="shared" si="484"/>
        <v>1.9274931221022682</v>
      </c>
      <c r="L4270">
        <f t="shared" si="485"/>
        <v>9.2519669860908884</v>
      </c>
      <c r="M4270">
        <f t="shared" si="486"/>
        <v>0</v>
      </c>
      <c r="N4270" s="46">
        <f t="shared" si="487"/>
        <v>45468.499999989726</v>
      </c>
    </row>
    <row r="4271" spans="2:14" x14ac:dyDescent="0.3">
      <c r="B4271">
        <f t="shared" si="481"/>
        <v>2</v>
      </c>
      <c r="C4271" s="16">
        <v>4237</v>
      </c>
      <c r="D4271" cm="1">
        <f t="array" ref="D4271">IFERROR(INDEX(Jesper!AH$2:AH$366,ROUNDDOWN($C4271/24,0)+1,1)*INDEX($D$3:$AA$30,INDEX(Jesper!$R$2:$R$366,ROW(INDEX(Jesper!AH$2:AH$366,ROUNDDOWN($C4271/24,0)+1,1))-1)+IF('Standard Profiles'!$G$18=$B$10,7,0)+IF('Standard Profiles'!$G$18=$B$17,14,0)+IF('Standard Profiles'!$G$18=$B$24,21,0),MOD($C4271,24)+1)/SUM(INDEX($D$3:$AA$30,INDEX(Jesper!$R$2:$R$366,ROW(INDEX(Jesper!AH$2:AH$366,ROUNDDOWN($C4271/24,0)+1,1))-1)+IF('Standard Profiles'!$G$18=$B$10,7,0)+IF('Standard Profiles'!$G$18=$B$17,14,0)+IF('Standard Profiles'!$G$18=$B$24,21,0),0)),0)</f>
        <v>12.849954147348456</v>
      </c>
      <c r="E4271" cm="1">
        <f t="array" ref="E4271">IFERROR(INDEX(Jesper!AI$2:AI$366,ROUNDDOWN($C4271/24,0)+1,1)*INDEX($D$3:$AA$30,INDEX(Jesper!$R$2:$R$366,ROW(INDEX(Jesper!AI$2:AI$366,ROUNDDOWN($C4271/24,0)+1,1))-1)+IF('Standard Profiles'!$G$19=$B$10,7,0)+IF('Standard Profiles'!$G$19=$B$17,14,0)+IF('Standard Profiles'!$G$19=$B$24,21,0),MOD($C4271,24)+1)/SUM(INDEX($D$3:$AA$30,INDEX(Jesper!$R$2:$R$366,ROW(INDEX(Jesper!AI$2:AI$366,ROUNDDOWN($C4271/24,0)+1,1))-1)+IF('Standard Profiles'!$G$19=$B$10,7,0)+IF('Standard Profiles'!$G$19=$B$17,14,0)+IF('Standard Profiles'!$G$19=$B$24,21,0),0)),0)</f>
        <v>0</v>
      </c>
      <c r="F4271" cm="1">
        <f t="array" ref="F4271">IFERROR(INDEX(Jesper!AJ$2:AJ$366,ROUNDDOWN($C4271/24,0)+1,1)*INDEX($D$3:$AA$30,INDEX(Jesper!$R$2:$R$366,ROW(INDEX(Jesper!AJ$2:AJ$366,ROUNDDOWN($C4271/24,0)+1,1))-1)+IF('Standard Profiles'!$G$20=$B$10,7,0)+IF('Standard Profiles'!$G$20=$B$17,14,0)+IF('Standard Profiles'!$G$20=$B$24,21,0),MOD($C4271,24)+1)/SUM(INDEX($D$3:$AA$30,INDEX(Jesper!$R$2:$R$366,ROW(INDEX(Jesper!AJ$2:AJ$366,ROUNDDOWN($C4271/24,0)+1,1))-1)+IF('Standard Profiles'!$G$20=$B$10,7,0)+IF('Standard Profiles'!$G$20=$B$17,14,0)+IF('Standard Profiles'!$G$20=$B$24,21,0),0)),0)</f>
        <v>0</v>
      </c>
      <c r="G4271" cm="1">
        <f t="array" ref="G4271">IFERROR(INDEX(Jesper!AK$2:AK$366,ROUNDDOWN($C4271/24,0)+1,1)*INDEX($D$3:$AA$30,INDEX(Jesper!$R$2:$R$366,ROW(INDEX(Jesper!AK$2:AK$366,ROUNDDOWN($C4271/24,0)+1,1))-1)+IF('Standard Profiles'!$G$21=$B$10,7,0)+IF('Standard Profiles'!$G$21=$B$17,14,0)+IF('Standard Profiles'!$G$21=$B$24,21,0),MOD($C4271,24)+1)/SUM(INDEX($D$3:$AA$30,INDEX(Jesper!$R$2:$R$366,ROW(INDEX(Jesper!AK$2:AK$366,ROUNDDOWN($C4271/24,0)+1,1))-1)+IF('Standard Profiles'!$G$21=$B$10,7,0)+IF('Standard Profiles'!$G$21=$B$17,14,0)+IF('Standard Profiles'!$G$21=$B$24,21,0),0)),0)</f>
        <v>0</v>
      </c>
      <c r="H4271" cm="1">
        <f t="array" ref="H4271">IFERROR(INDEX(Jesper!AL$2:AL$366,ROUNDDOWN($C4271/24,0)+1,1)*INDEX($D$3:$AA$30,INDEX(Jesper!$R$2:$R$366,ROW(INDEX(Jesper!AL$2:AL$366,ROUNDDOWN($C4271/24,0)+1,1))-1)+IF('Standard Profiles'!$G$22=$B$10,7,0)+IF('Standard Profiles'!$G$22=$B$17,14,0)+IF('Standard Profiles'!$G$22=$B$24,21,0),MOD($C4271,24)+1)/SUM(INDEX($D$3:$AA$30,INDEX(Jesper!$R$2:$R$366,ROW(INDEX(Jesper!AL$2:AL$366,ROUNDDOWN($C4271/24,0)+1,1))-1)+IF('Standard Profiles'!$G$22=$B$10,7,0)+IF('Standard Profiles'!$G$22=$B$17,14,0)+IF('Standard Profiles'!$G$22=$B$24,21,0),0)),0)</f>
        <v>0</v>
      </c>
      <c r="I4271">
        <f t="shared" si="482"/>
        <v>0.38549862442045363</v>
      </c>
      <c r="J4271">
        <f t="shared" si="483"/>
        <v>1.2849954147348457</v>
      </c>
      <c r="K4271">
        <f t="shared" si="484"/>
        <v>1.9274931221022682</v>
      </c>
      <c r="L4271">
        <f t="shared" si="485"/>
        <v>9.2519669860908884</v>
      </c>
      <c r="M4271">
        <f t="shared" si="486"/>
        <v>0</v>
      </c>
      <c r="N4271" s="46">
        <f t="shared" si="487"/>
        <v>45468.541666656391</v>
      </c>
    </row>
    <row r="4272" spans="2:14" x14ac:dyDescent="0.3">
      <c r="B4272">
        <f t="shared" si="481"/>
        <v>2</v>
      </c>
      <c r="C4272" s="16">
        <v>4238</v>
      </c>
      <c r="D4272" cm="1">
        <f t="array" ref="D4272">IFERROR(INDEX(Jesper!AH$2:AH$366,ROUNDDOWN($C4272/24,0)+1,1)*INDEX($D$3:$AA$30,INDEX(Jesper!$R$2:$R$366,ROW(INDEX(Jesper!AH$2:AH$366,ROUNDDOWN($C4272/24,0)+1,1))-1)+IF('Standard Profiles'!$G$18=$B$10,7,0)+IF('Standard Profiles'!$G$18=$B$17,14,0)+IF('Standard Profiles'!$G$18=$B$24,21,0),MOD($C4272,24)+1)/SUM(INDEX($D$3:$AA$30,INDEX(Jesper!$R$2:$R$366,ROW(INDEX(Jesper!AH$2:AH$366,ROUNDDOWN($C4272/24,0)+1,1))-1)+IF('Standard Profiles'!$G$18=$B$10,7,0)+IF('Standard Profiles'!$G$18=$B$17,14,0)+IF('Standard Profiles'!$G$18=$B$24,21,0),0)),0)</f>
        <v>12.849954147348456</v>
      </c>
      <c r="E4272" cm="1">
        <f t="array" ref="E4272">IFERROR(INDEX(Jesper!AI$2:AI$366,ROUNDDOWN($C4272/24,0)+1,1)*INDEX($D$3:$AA$30,INDEX(Jesper!$R$2:$R$366,ROW(INDEX(Jesper!AI$2:AI$366,ROUNDDOWN($C4272/24,0)+1,1))-1)+IF('Standard Profiles'!$G$19=$B$10,7,0)+IF('Standard Profiles'!$G$19=$B$17,14,0)+IF('Standard Profiles'!$G$19=$B$24,21,0),MOD($C4272,24)+1)/SUM(INDEX($D$3:$AA$30,INDEX(Jesper!$R$2:$R$366,ROW(INDEX(Jesper!AI$2:AI$366,ROUNDDOWN($C4272/24,0)+1,1))-1)+IF('Standard Profiles'!$G$19=$B$10,7,0)+IF('Standard Profiles'!$G$19=$B$17,14,0)+IF('Standard Profiles'!$G$19=$B$24,21,0),0)),0)</f>
        <v>0</v>
      </c>
      <c r="F4272" cm="1">
        <f t="array" ref="F4272">IFERROR(INDEX(Jesper!AJ$2:AJ$366,ROUNDDOWN($C4272/24,0)+1,1)*INDEX($D$3:$AA$30,INDEX(Jesper!$R$2:$R$366,ROW(INDEX(Jesper!AJ$2:AJ$366,ROUNDDOWN($C4272/24,0)+1,1))-1)+IF('Standard Profiles'!$G$20=$B$10,7,0)+IF('Standard Profiles'!$G$20=$B$17,14,0)+IF('Standard Profiles'!$G$20=$B$24,21,0),MOD($C4272,24)+1)/SUM(INDEX($D$3:$AA$30,INDEX(Jesper!$R$2:$R$366,ROW(INDEX(Jesper!AJ$2:AJ$366,ROUNDDOWN($C4272/24,0)+1,1))-1)+IF('Standard Profiles'!$G$20=$B$10,7,0)+IF('Standard Profiles'!$G$20=$B$17,14,0)+IF('Standard Profiles'!$G$20=$B$24,21,0),0)),0)</f>
        <v>0</v>
      </c>
      <c r="G4272" cm="1">
        <f t="array" ref="G4272">IFERROR(INDEX(Jesper!AK$2:AK$366,ROUNDDOWN($C4272/24,0)+1,1)*INDEX($D$3:$AA$30,INDEX(Jesper!$R$2:$R$366,ROW(INDEX(Jesper!AK$2:AK$366,ROUNDDOWN($C4272/24,0)+1,1))-1)+IF('Standard Profiles'!$G$21=$B$10,7,0)+IF('Standard Profiles'!$G$21=$B$17,14,0)+IF('Standard Profiles'!$G$21=$B$24,21,0),MOD($C4272,24)+1)/SUM(INDEX($D$3:$AA$30,INDEX(Jesper!$R$2:$R$366,ROW(INDEX(Jesper!AK$2:AK$366,ROUNDDOWN($C4272/24,0)+1,1))-1)+IF('Standard Profiles'!$G$21=$B$10,7,0)+IF('Standard Profiles'!$G$21=$B$17,14,0)+IF('Standard Profiles'!$G$21=$B$24,21,0),0)),0)</f>
        <v>0</v>
      </c>
      <c r="H4272" cm="1">
        <f t="array" ref="H4272">IFERROR(INDEX(Jesper!AL$2:AL$366,ROUNDDOWN($C4272/24,0)+1,1)*INDEX($D$3:$AA$30,INDEX(Jesper!$R$2:$R$366,ROW(INDEX(Jesper!AL$2:AL$366,ROUNDDOWN($C4272/24,0)+1,1))-1)+IF('Standard Profiles'!$G$22=$B$10,7,0)+IF('Standard Profiles'!$G$22=$B$17,14,0)+IF('Standard Profiles'!$G$22=$B$24,21,0),MOD($C4272,24)+1)/SUM(INDEX($D$3:$AA$30,INDEX(Jesper!$R$2:$R$366,ROW(INDEX(Jesper!AL$2:AL$366,ROUNDDOWN($C4272/24,0)+1,1))-1)+IF('Standard Profiles'!$G$22=$B$10,7,0)+IF('Standard Profiles'!$G$22=$B$17,14,0)+IF('Standard Profiles'!$G$22=$B$24,21,0),0)),0)</f>
        <v>0</v>
      </c>
      <c r="I4272">
        <f t="shared" si="482"/>
        <v>0.38549862442045363</v>
      </c>
      <c r="J4272">
        <f t="shared" si="483"/>
        <v>1.2849954147348457</v>
      </c>
      <c r="K4272">
        <f t="shared" si="484"/>
        <v>1.9274931221022682</v>
      </c>
      <c r="L4272">
        <f t="shared" si="485"/>
        <v>9.2519669860908884</v>
      </c>
      <c r="M4272">
        <f t="shared" si="486"/>
        <v>0</v>
      </c>
      <c r="N4272" s="46">
        <f t="shared" si="487"/>
        <v>45468.583333323055</v>
      </c>
    </row>
    <row r="4273" spans="2:14" x14ac:dyDescent="0.3">
      <c r="B4273">
        <f t="shared" si="481"/>
        <v>2</v>
      </c>
      <c r="C4273" s="16">
        <v>4239</v>
      </c>
      <c r="D4273" cm="1">
        <f t="array" ref="D4273">IFERROR(INDEX(Jesper!AH$2:AH$366,ROUNDDOWN($C4273/24,0)+1,1)*INDEX($D$3:$AA$30,INDEX(Jesper!$R$2:$R$366,ROW(INDEX(Jesper!AH$2:AH$366,ROUNDDOWN($C4273/24,0)+1,1))-1)+IF('Standard Profiles'!$G$18=$B$10,7,0)+IF('Standard Profiles'!$G$18=$B$17,14,0)+IF('Standard Profiles'!$G$18=$B$24,21,0),MOD($C4273,24)+1)/SUM(INDEX($D$3:$AA$30,INDEX(Jesper!$R$2:$R$366,ROW(INDEX(Jesper!AH$2:AH$366,ROUNDDOWN($C4273/24,0)+1,1))-1)+IF('Standard Profiles'!$G$18=$B$10,7,0)+IF('Standard Profiles'!$G$18=$B$17,14,0)+IF('Standard Profiles'!$G$18=$B$24,21,0),0)),0)</f>
        <v>12.849954147348456</v>
      </c>
      <c r="E4273" cm="1">
        <f t="array" ref="E4273">IFERROR(INDEX(Jesper!AI$2:AI$366,ROUNDDOWN($C4273/24,0)+1,1)*INDEX($D$3:$AA$30,INDEX(Jesper!$R$2:$R$366,ROW(INDEX(Jesper!AI$2:AI$366,ROUNDDOWN($C4273/24,0)+1,1))-1)+IF('Standard Profiles'!$G$19=$B$10,7,0)+IF('Standard Profiles'!$G$19=$B$17,14,0)+IF('Standard Profiles'!$G$19=$B$24,21,0),MOD($C4273,24)+1)/SUM(INDEX($D$3:$AA$30,INDEX(Jesper!$R$2:$R$366,ROW(INDEX(Jesper!AI$2:AI$366,ROUNDDOWN($C4273/24,0)+1,1))-1)+IF('Standard Profiles'!$G$19=$B$10,7,0)+IF('Standard Profiles'!$G$19=$B$17,14,0)+IF('Standard Profiles'!$G$19=$B$24,21,0),0)),0)</f>
        <v>0</v>
      </c>
      <c r="F4273" cm="1">
        <f t="array" ref="F4273">IFERROR(INDEX(Jesper!AJ$2:AJ$366,ROUNDDOWN($C4273/24,0)+1,1)*INDEX($D$3:$AA$30,INDEX(Jesper!$R$2:$R$366,ROW(INDEX(Jesper!AJ$2:AJ$366,ROUNDDOWN($C4273/24,0)+1,1))-1)+IF('Standard Profiles'!$G$20=$B$10,7,0)+IF('Standard Profiles'!$G$20=$B$17,14,0)+IF('Standard Profiles'!$G$20=$B$24,21,0),MOD($C4273,24)+1)/SUM(INDEX($D$3:$AA$30,INDEX(Jesper!$R$2:$R$366,ROW(INDEX(Jesper!AJ$2:AJ$366,ROUNDDOWN($C4273/24,0)+1,1))-1)+IF('Standard Profiles'!$G$20=$B$10,7,0)+IF('Standard Profiles'!$G$20=$B$17,14,0)+IF('Standard Profiles'!$G$20=$B$24,21,0),0)),0)</f>
        <v>0</v>
      </c>
      <c r="G4273" cm="1">
        <f t="array" ref="G4273">IFERROR(INDEX(Jesper!AK$2:AK$366,ROUNDDOWN($C4273/24,0)+1,1)*INDEX($D$3:$AA$30,INDEX(Jesper!$R$2:$R$366,ROW(INDEX(Jesper!AK$2:AK$366,ROUNDDOWN($C4273/24,0)+1,1))-1)+IF('Standard Profiles'!$G$21=$B$10,7,0)+IF('Standard Profiles'!$G$21=$B$17,14,0)+IF('Standard Profiles'!$G$21=$B$24,21,0),MOD($C4273,24)+1)/SUM(INDEX($D$3:$AA$30,INDEX(Jesper!$R$2:$R$366,ROW(INDEX(Jesper!AK$2:AK$366,ROUNDDOWN($C4273/24,0)+1,1))-1)+IF('Standard Profiles'!$G$21=$B$10,7,0)+IF('Standard Profiles'!$G$21=$B$17,14,0)+IF('Standard Profiles'!$G$21=$B$24,21,0),0)),0)</f>
        <v>0</v>
      </c>
      <c r="H4273" cm="1">
        <f t="array" ref="H4273">IFERROR(INDEX(Jesper!AL$2:AL$366,ROUNDDOWN($C4273/24,0)+1,1)*INDEX($D$3:$AA$30,INDEX(Jesper!$R$2:$R$366,ROW(INDEX(Jesper!AL$2:AL$366,ROUNDDOWN($C4273/24,0)+1,1))-1)+IF('Standard Profiles'!$G$22=$B$10,7,0)+IF('Standard Profiles'!$G$22=$B$17,14,0)+IF('Standard Profiles'!$G$22=$B$24,21,0),MOD($C4273,24)+1)/SUM(INDEX($D$3:$AA$30,INDEX(Jesper!$R$2:$R$366,ROW(INDEX(Jesper!AL$2:AL$366,ROUNDDOWN($C4273/24,0)+1,1))-1)+IF('Standard Profiles'!$G$22=$B$10,7,0)+IF('Standard Profiles'!$G$22=$B$17,14,0)+IF('Standard Profiles'!$G$22=$B$24,21,0),0)),0)</f>
        <v>0</v>
      </c>
      <c r="I4273">
        <f t="shared" si="482"/>
        <v>0.38549862442045363</v>
      </c>
      <c r="J4273">
        <f t="shared" si="483"/>
        <v>1.2849954147348457</v>
      </c>
      <c r="K4273">
        <f t="shared" si="484"/>
        <v>1.9274931221022682</v>
      </c>
      <c r="L4273">
        <f t="shared" si="485"/>
        <v>9.2519669860908884</v>
      </c>
      <c r="M4273">
        <f t="shared" si="486"/>
        <v>0</v>
      </c>
      <c r="N4273" s="46">
        <f t="shared" si="487"/>
        <v>45468.624999989719</v>
      </c>
    </row>
    <row r="4274" spans="2:14" x14ac:dyDescent="0.3">
      <c r="B4274">
        <f t="shared" si="481"/>
        <v>2</v>
      </c>
      <c r="C4274" s="16">
        <v>4240</v>
      </c>
      <c r="D4274" cm="1">
        <f t="array" ref="D4274">IFERROR(INDEX(Jesper!AH$2:AH$366,ROUNDDOWN($C4274/24,0)+1,1)*INDEX($D$3:$AA$30,INDEX(Jesper!$R$2:$R$366,ROW(INDEX(Jesper!AH$2:AH$366,ROUNDDOWN($C4274/24,0)+1,1))-1)+IF('Standard Profiles'!$G$18=$B$10,7,0)+IF('Standard Profiles'!$G$18=$B$17,14,0)+IF('Standard Profiles'!$G$18=$B$24,21,0),MOD($C4274,24)+1)/SUM(INDEX($D$3:$AA$30,INDEX(Jesper!$R$2:$R$366,ROW(INDEX(Jesper!AH$2:AH$366,ROUNDDOWN($C4274/24,0)+1,1))-1)+IF('Standard Profiles'!$G$18=$B$10,7,0)+IF('Standard Profiles'!$G$18=$B$17,14,0)+IF('Standard Profiles'!$G$18=$B$24,21,0),0)),0)</f>
        <v>12.849954147348456</v>
      </c>
      <c r="E4274" cm="1">
        <f t="array" ref="E4274">IFERROR(INDEX(Jesper!AI$2:AI$366,ROUNDDOWN($C4274/24,0)+1,1)*INDEX($D$3:$AA$30,INDEX(Jesper!$R$2:$R$366,ROW(INDEX(Jesper!AI$2:AI$366,ROUNDDOWN($C4274/24,0)+1,1))-1)+IF('Standard Profiles'!$G$19=$B$10,7,0)+IF('Standard Profiles'!$G$19=$B$17,14,0)+IF('Standard Profiles'!$G$19=$B$24,21,0),MOD($C4274,24)+1)/SUM(INDEX($D$3:$AA$30,INDEX(Jesper!$R$2:$R$366,ROW(INDEX(Jesper!AI$2:AI$366,ROUNDDOWN($C4274/24,0)+1,1))-1)+IF('Standard Profiles'!$G$19=$B$10,7,0)+IF('Standard Profiles'!$G$19=$B$17,14,0)+IF('Standard Profiles'!$G$19=$B$24,21,0),0)),0)</f>
        <v>0</v>
      </c>
      <c r="F4274" cm="1">
        <f t="array" ref="F4274">IFERROR(INDEX(Jesper!AJ$2:AJ$366,ROUNDDOWN($C4274/24,0)+1,1)*INDEX($D$3:$AA$30,INDEX(Jesper!$R$2:$R$366,ROW(INDEX(Jesper!AJ$2:AJ$366,ROUNDDOWN($C4274/24,0)+1,1))-1)+IF('Standard Profiles'!$G$20=$B$10,7,0)+IF('Standard Profiles'!$G$20=$B$17,14,0)+IF('Standard Profiles'!$G$20=$B$24,21,0),MOD($C4274,24)+1)/SUM(INDEX($D$3:$AA$30,INDEX(Jesper!$R$2:$R$366,ROW(INDEX(Jesper!AJ$2:AJ$366,ROUNDDOWN($C4274/24,0)+1,1))-1)+IF('Standard Profiles'!$G$20=$B$10,7,0)+IF('Standard Profiles'!$G$20=$B$17,14,0)+IF('Standard Profiles'!$G$20=$B$24,21,0),0)),0)</f>
        <v>0</v>
      </c>
      <c r="G4274" cm="1">
        <f t="array" ref="G4274">IFERROR(INDEX(Jesper!AK$2:AK$366,ROUNDDOWN($C4274/24,0)+1,1)*INDEX($D$3:$AA$30,INDEX(Jesper!$R$2:$R$366,ROW(INDEX(Jesper!AK$2:AK$366,ROUNDDOWN($C4274/24,0)+1,1))-1)+IF('Standard Profiles'!$G$21=$B$10,7,0)+IF('Standard Profiles'!$G$21=$B$17,14,0)+IF('Standard Profiles'!$G$21=$B$24,21,0),MOD($C4274,24)+1)/SUM(INDEX($D$3:$AA$30,INDEX(Jesper!$R$2:$R$366,ROW(INDEX(Jesper!AK$2:AK$366,ROUNDDOWN($C4274/24,0)+1,1))-1)+IF('Standard Profiles'!$G$21=$B$10,7,0)+IF('Standard Profiles'!$G$21=$B$17,14,0)+IF('Standard Profiles'!$G$21=$B$24,21,0),0)),0)</f>
        <v>0</v>
      </c>
      <c r="H4274" cm="1">
        <f t="array" ref="H4274">IFERROR(INDEX(Jesper!AL$2:AL$366,ROUNDDOWN($C4274/24,0)+1,1)*INDEX($D$3:$AA$30,INDEX(Jesper!$R$2:$R$366,ROW(INDEX(Jesper!AL$2:AL$366,ROUNDDOWN($C4274/24,0)+1,1))-1)+IF('Standard Profiles'!$G$22=$B$10,7,0)+IF('Standard Profiles'!$G$22=$B$17,14,0)+IF('Standard Profiles'!$G$22=$B$24,21,0),MOD($C4274,24)+1)/SUM(INDEX($D$3:$AA$30,INDEX(Jesper!$R$2:$R$366,ROW(INDEX(Jesper!AL$2:AL$366,ROUNDDOWN($C4274/24,0)+1,1))-1)+IF('Standard Profiles'!$G$22=$B$10,7,0)+IF('Standard Profiles'!$G$22=$B$17,14,0)+IF('Standard Profiles'!$G$22=$B$24,21,0),0)),0)</f>
        <v>0</v>
      </c>
      <c r="I4274">
        <f t="shared" si="482"/>
        <v>0.38549862442045363</v>
      </c>
      <c r="J4274">
        <f t="shared" si="483"/>
        <v>1.2849954147348457</v>
      </c>
      <c r="K4274">
        <f t="shared" si="484"/>
        <v>1.9274931221022682</v>
      </c>
      <c r="L4274">
        <f t="shared" si="485"/>
        <v>9.2519669860908884</v>
      </c>
      <c r="M4274">
        <f t="shared" si="486"/>
        <v>0</v>
      </c>
      <c r="N4274" s="46">
        <f t="shared" si="487"/>
        <v>45468.666666656383</v>
      </c>
    </row>
    <row r="4275" spans="2:14" x14ac:dyDescent="0.3">
      <c r="B4275">
        <f t="shared" si="481"/>
        <v>2</v>
      </c>
      <c r="C4275" s="16">
        <v>4241</v>
      </c>
      <c r="D4275" cm="1">
        <f t="array" ref="D4275">IFERROR(INDEX(Jesper!AH$2:AH$366,ROUNDDOWN($C4275/24,0)+1,1)*INDEX($D$3:$AA$30,INDEX(Jesper!$R$2:$R$366,ROW(INDEX(Jesper!AH$2:AH$366,ROUNDDOWN($C4275/24,0)+1,1))-1)+IF('Standard Profiles'!$G$18=$B$10,7,0)+IF('Standard Profiles'!$G$18=$B$17,14,0)+IF('Standard Profiles'!$G$18=$B$24,21,0),MOD($C4275,24)+1)/SUM(INDEX($D$3:$AA$30,INDEX(Jesper!$R$2:$R$366,ROW(INDEX(Jesper!AH$2:AH$366,ROUNDDOWN($C4275/24,0)+1,1))-1)+IF('Standard Profiles'!$G$18=$B$10,7,0)+IF('Standard Profiles'!$G$18=$B$17,14,0)+IF('Standard Profiles'!$G$18=$B$24,21,0),0)),0)</f>
        <v>12.849954147348456</v>
      </c>
      <c r="E4275" cm="1">
        <f t="array" ref="E4275">IFERROR(INDEX(Jesper!AI$2:AI$366,ROUNDDOWN($C4275/24,0)+1,1)*INDEX($D$3:$AA$30,INDEX(Jesper!$R$2:$R$366,ROW(INDEX(Jesper!AI$2:AI$366,ROUNDDOWN($C4275/24,0)+1,1))-1)+IF('Standard Profiles'!$G$19=$B$10,7,0)+IF('Standard Profiles'!$G$19=$B$17,14,0)+IF('Standard Profiles'!$G$19=$B$24,21,0),MOD($C4275,24)+1)/SUM(INDEX($D$3:$AA$30,INDEX(Jesper!$R$2:$R$366,ROW(INDEX(Jesper!AI$2:AI$366,ROUNDDOWN($C4275/24,0)+1,1))-1)+IF('Standard Profiles'!$G$19=$B$10,7,0)+IF('Standard Profiles'!$G$19=$B$17,14,0)+IF('Standard Profiles'!$G$19=$B$24,21,0),0)),0)</f>
        <v>0</v>
      </c>
      <c r="F4275" cm="1">
        <f t="array" ref="F4275">IFERROR(INDEX(Jesper!AJ$2:AJ$366,ROUNDDOWN($C4275/24,0)+1,1)*INDEX($D$3:$AA$30,INDEX(Jesper!$R$2:$R$366,ROW(INDEX(Jesper!AJ$2:AJ$366,ROUNDDOWN($C4275/24,0)+1,1))-1)+IF('Standard Profiles'!$G$20=$B$10,7,0)+IF('Standard Profiles'!$G$20=$B$17,14,0)+IF('Standard Profiles'!$G$20=$B$24,21,0),MOD($C4275,24)+1)/SUM(INDEX($D$3:$AA$30,INDEX(Jesper!$R$2:$R$366,ROW(INDEX(Jesper!AJ$2:AJ$366,ROUNDDOWN($C4275/24,0)+1,1))-1)+IF('Standard Profiles'!$G$20=$B$10,7,0)+IF('Standard Profiles'!$G$20=$B$17,14,0)+IF('Standard Profiles'!$G$20=$B$24,21,0),0)),0)</f>
        <v>0</v>
      </c>
      <c r="G4275" cm="1">
        <f t="array" ref="G4275">IFERROR(INDEX(Jesper!AK$2:AK$366,ROUNDDOWN($C4275/24,0)+1,1)*INDEX($D$3:$AA$30,INDEX(Jesper!$R$2:$R$366,ROW(INDEX(Jesper!AK$2:AK$366,ROUNDDOWN($C4275/24,0)+1,1))-1)+IF('Standard Profiles'!$G$21=$B$10,7,0)+IF('Standard Profiles'!$G$21=$B$17,14,0)+IF('Standard Profiles'!$G$21=$B$24,21,0),MOD($C4275,24)+1)/SUM(INDEX($D$3:$AA$30,INDEX(Jesper!$R$2:$R$366,ROW(INDEX(Jesper!AK$2:AK$366,ROUNDDOWN($C4275/24,0)+1,1))-1)+IF('Standard Profiles'!$G$21=$B$10,7,0)+IF('Standard Profiles'!$G$21=$B$17,14,0)+IF('Standard Profiles'!$G$21=$B$24,21,0),0)),0)</f>
        <v>0</v>
      </c>
      <c r="H4275" cm="1">
        <f t="array" ref="H4275">IFERROR(INDEX(Jesper!AL$2:AL$366,ROUNDDOWN($C4275/24,0)+1,1)*INDEX($D$3:$AA$30,INDEX(Jesper!$R$2:$R$366,ROW(INDEX(Jesper!AL$2:AL$366,ROUNDDOWN($C4275/24,0)+1,1))-1)+IF('Standard Profiles'!$G$22=$B$10,7,0)+IF('Standard Profiles'!$G$22=$B$17,14,0)+IF('Standard Profiles'!$G$22=$B$24,21,0),MOD($C4275,24)+1)/SUM(INDEX($D$3:$AA$30,INDEX(Jesper!$R$2:$R$366,ROW(INDEX(Jesper!AL$2:AL$366,ROUNDDOWN($C4275/24,0)+1,1))-1)+IF('Standard Profiles'!$G$22=$B$10,7,0)+IF('Standard Profiles'!$G$22=$B$17,14,0)+IF('Standard Profiles'!$G$22=$B$24,21,0),0)),0)</f>
        <v>0</v>
      </c>
      <c r="I4275">
        <f t="shared" si="482"/>
        <v>0.38549862442045363</v>
      </c>
      <c r="J4275">
        <f t="shared" si="483"/>
        <v>1.2849954147348457</v>
      </c>
      <c r="K4275">
        <f t="shared" si="484"/>
        <v>1.9274931221022682</v>
      </c>
      <c r="L4275">
        <f t="shared" si="485"/>
        <v>9.2519669860908884</v>
      </c>
      <c r="M4275">
        <f t="shared" si="486"/>
        <v>0</v>
      </c>
      <c r="N4275" s="46">
        <f t="shared" si="487"/>
        <v>45468.708333323048</v>
      </c>
    </row>
    <row r="4276" spans="2:14" x14ac:dyDescent="0.3">
      <c r="B4276">
        <f t="shared" si="481"/>
        <v>2</v>
      </c>
      <c r="C4276" s="16">
        <v>4242</v>
      </c>
      <c r="D4276" cm="1">
        <f t="array" ref="D4276">IFERROR(INDEX(Jesper!AH$2:AH$366,ROUNDDOWN($C4276/24,0)+1,1)*INDEX($D$3:$AA$30,INDEX(Jesper!$R$2:$R$366,ROW(INDEX(Jesper!AH$2:AH$366,ROUNDDOWN($C4276/24,0)+1,1))-1)+IF('Standard Profiles'!$G$18=$B$10,7,0)+IF('Standard Profiles'!$G$18=$B$17,14,0)+IF('Standard Profiles'!$G$18=$B$24,21,0),MOD($C4276,24)+1)/SUM(INDEX($D$3:$AA$30,INDEX(Jesper!$R$2:$R$366,ROW(INDEX(Jesper!AH$2:AH$366,ROUNDDOWN($C4276/24,0)+1,1))-1)+IF('Standard Profiles'!$G$18=$B$10,7,0)+IF('Standard Profiles'!$G$18=$B$17,14,0)+IF('Standard Profiles'!$G$18=$B$24,21,0),0)),0)</f>
        <v>12.849954147348456</v>
      </c>
      <c r="E4276" cm="1">
        <f t="array" ref="E4276">IFERROR(INDEX(Jesper!AI$2:AI$366,ROUNDDOWN($C4276/24,0)+1,1)*INDEX($D$3:$AA$30,INDEX(Jesper!$R$2:$R$366,ROW(INDEX(Jesper!AI$2:AI$366,ROUNDDOWN($C4276/24,0)+1,1))-1)+IF('Standard Profiles'!$G$19=$B$10,7,0)+IF('Standard Profiles'!$G$19=$B$17,14,0)+IF('Standard Profiles'!$G$19=$B$24,21,0),MOD($C4276,24)+1)/SUM(INDEX($D$3:$AA$30,INDEX(Jesper!$R$2:$R$366,ROW(INDEX(Jesper!AI$2:AI$366,ROUNDDOWN($C4276/24,0)+1,1))-1)+IF('Standard Profiles'!$G$19=$B$10,7,0)+IF('Standard Profiles'!$G$19=$B$17,14,0)+IF('Standard Profiles'!$G$19=$B$24,21,0),0)),0)</f>
        <v>0</v>
      </c>
      <c r="F4276" cm="1">
        <f t="array" ref="F4276">IFERROR(INDEX(Jesper!AJ$2:AJ$366,ROUNDDOWN($C4276/24,0)+1,1)*INDEX($D$3:$AA$30,INDEX(Jesper!$R$2:$R$366,ROW(INDEX(Jesper!AJ$2:AJ$366,ROUNDDOWN($C4276/24,0)+1,1))-1)+IF('Standard Profiles'!$G$20=$B$10,7,0)+IF('Standard Profiles'!$G$20=$B$17,14,0)+IF('Standard Profiles'!$G$20=$B$24,21,0),MOD($C4276,24)+1)/SUM(INDEX($D$3:$AA$30,INDEX(Jesper!$R$2:$R$366,ROW(INDEX(Jesper!AJ$2:AJ$366,ROUNDDOWN($C4276/24,0)+1,1))-1)+IF('Standard Profiles'!$G$20=$B$10,7,0)+IF('Standard Profiles'!$G$20=$B$17,14,0)+IF('Standard Profiles'!$G$20=$B$24,21,0),0)),0)</f>
        <v>0</v>
      </c>
      <c r="G4276" cm="1">
        <f t="array" ref="G4276">IFERROR(INDEX(Jesper!AK$2:AK$366,ROUNDDOWN($C4276/24,0)+1,1)*INDEX($D$3:$AA$30,INDEX(Jesper!$R$2:$R$366,ROW(INDEX(Jesper!AK$2:AK$366,ROUNDDOWN($C4276/24,0)+1,1))-1)+IF('Standard Profiles'!$G$21=$B$10,7,0)+IF('Standard Profiles'!$G$21=$B$17,14,0)+IF('Standard Profiles'!$G$21=$B$24,21,0),MOD($C4276,24)+1)/SUM(INDEX($D$3:$AA$30,INDEX(Jesper!$R$2:$R$366,ROW(INDEX(Jesper!AK$2:AK$366,ROUNDDOWN($C4276/24,0)+1,1))-1)+IF('Standard Profiles'!$G$21=$B$10,7,0)+IF('Standard Profiles'!$G$21=$B$17,14,0)+IF('Standard Profiles'!$G$21=$B$24,21,0),0)),0)</f>
        <v>0</v>
      </c>
      <c r="H4276" cm="1">
        <f t="array" ref="H4276">IFERROR(INDEX(Jesper!AL$2:AL$366,ROUNDDOWN($C4276/24,0)+1,1)*INDEX($D$3:$AA$30,INDEX(Jesper!$R$2:$R$366,ROW(INDEX(Jesper!AL$2:AL$366,ROUNDDOWN($C4276/24,0)+1,1))-1)+IF('Standard Profiles'!$G$22=$B$10,7,0)+IF('Standard Profiles'!$G$22=$B$17,14,0)+IF('Standard Profiles'!$G$22=$B$24,21,0),MOD($C4276,24)+1)/SUM(INDEX($D$3:$AA$30,INDEX(Jesper!$R$2:$R$366,ROW(INDEX(Jesper!AL$2:AL$366,ROUNDDOWN($C4276/24,0)+1,1))-1)+IF('Standard Profiles'!$G$22=$B$10,7,0)+IF('Standard Profiles'!$G$22=$B$17,14,0)+IF('Standard Profiles'!$G$22=$B$24,21,0),0)),0)</f>
        <v>0</v>
      </c>
      <c r="I4276">
        <f t="shared" si="482"/>
        <v>0.38549862442045363</v>
      </c>
      <c r="J4276">
        <f t="shared" si="483"/>
        <v>1.2849954147348457</v>
      </c>
      <c r="K4276">
        <f t="shared" si="484"/>
        <v>1.9274931221022682</v>
      </c>
      <c r="L4276">
        <f t="shared" si="485"/>
        <v>9.2519669860908884</v>
      </c>
      <c r="M4276">
        <f t="shared" si="486"/>
        <v>0</v>
      </c>
      <c r="N4276" s="46">
        <f t="shared" si="487"/>
        <v>45468.749999989712</v>
      </c>
    </row>
    <row r="4277" spans="2:14" x14ac:dyDescent="0.3">
      <c r="B4277">
        <f t="shared" si="481"/>
        <v>2</v>
      </c>
      <c r="C4277" s="16">
        <v>4243</v>
      </c>
      <c r="D4277" cm="1">
        <f t="array" ref="D4277">IFERROR(INDEX(Jesper!AH$2:AH$366,ROUNDDOWN($C4277/24,0)+1,1)*INDEX($D$3:$AA$30,INDEX(Jesper!$R$2:$R$366,ROW(INDEX(Jesper!AH$2:AH$366,ROUNDDOWN($C4277/24,0)+1,1))-1)+IF('Standard Profiles'!$G$18=$B$10,7,0)+IF('Standard Profiles'!$G$18=$B$17,14,0)+IF('Standard Profiles'!$G$18=$B$24,21,0),MOD($C4277,24)+1)/SUM(INDEX($D$3:$AA$30,INDEX(Jesper!$R$2:$R$366,ROW(INDEX(Jesper!AH$2:AH$366,ROUNDDOWN($C4277/24,0)+1,1))-1)+IF('Standard Profiles'!$G$18=$B$10,7,0)+IF('Standard Profiles'!$G$18=$B$17,14,0)+IF('Standard Profiles'!$G$18=$B$24,21,0),0)),0)</f>
        <v>10.761836598404331</v>
      </c>
      <c r="E4277" cm="1">
        <f t="array" ref="E4277">IFERROR(INDEX(Jesper!AI$2:AI$366,ROUNDDOWN($C4277/24,0)+1,1)*INDEX($D$3:$AA$30,INDEX(Jesper!$R$2:$R$366,ROW(INDEX(Jesper!AI$2:AI$366,ROUNDDOWN($C4277/24,0)+1,1))-1)+IF('Standard Profiles'!$G$19=$B$10,7,0)+IF('Standard Profiles'!$G$19=$B$17,14,0)+IF('Standard Profiles'!$G$19=$B$24,21,0),MOD($C4277,24)+1)/SUM(INDEX($D$3:$AA$30,INDEX(Jesper!$R$2:$R$366,ROW(INDEX(Jesper!AI$2:AI$366,ROUNDDOWN($C4277/24,0)+1,1))-1)+IF('Standard Profiles'!$G$19=$B$10,7,0)+IF('Standard Profiles'!$G$19=$B$17,14,0)+IF('Standard Profiles'!$G$19=$B$24,21,0),0)),0)</f>
        <v>0</v>
      </c>
      <c r="F4277" cm="1">
        <f t="array" ref="F4277">IFERROR(INDEX(Jesper!AJ$2:AJ$366,ROUNDDOWN($C4277/24,0)+1,1)*INDEX($D$3:$AA$30,INDEX(Jesper!$R$2:$R$366,ROW(INDEX(Jesper!AJ$2:AJ$366,ROUNDDOWN($C4277/24,0)+1,1))-1)+IF('Standard Profiles'!$G$20=$B$10,7,0)+IF('Standard Profiles'!$G$20=$B$17,14,0)+IF('Standard Profiles'!$G$20=$B$24,21,0),MOD($C4277,24)+1)/SUM(INDEX($D$3:$AA$30,INDEX(Jesper!$R$2:$R$366,ROW(INDEX(Jesper!AJ$2:AJ$366,ROUNDDOWN($C4277/24,0)+1,1))-1)+IF('Standard Profiles'!$G$20=$B$10,7,0)+IF('Standard Profiles'!$G$20=$B$17,14,0)+IF('Standard Profiles'!$G$20=$B$24,21,0),0)),0)</f>
        <v>0</v>
      </c>
      <c r="G4277" cm="1">
        <f t="array" ref="G4277">IFERROR(INDEX(Jesper!AK$2:AK$366,ROUNDDOWN($C4277/24,0)+1,1)*INDEX($D$3:$AA$30,INDEX(Jesper!$R$2:$R$366,ROW(INDEX(Jesper!AK$2:AK$366,ROUNDDOWN($C4277/24,0)+1,1))-1)+IF('Standard Profiles'!$G$21=$B$10,7,0)+IF('Standard Profiles'!$G$21=$B$17,14,0)+IF('Standard Profiles'!$G$21=$B$24,21,0),MOD($C4277,24)+1)/SUM(INDEX($D$3:$AA$30,INDEX(Jesper!$R$2:$R$366,ROW(INDEX(Jesper!AK$2:AK$366,ROUNDDOWN($C4277/24,0)+1,1))-1)+IF('Standard Profiles'!$G$21=$B$10,7,0)+IF('Standard Profiles'!$G$21=$B$17,14,0)+IF('Standard Profiles'!$G$21=$B$24,21,0),0)),0)</f>
        <v>0</v>
      </c>
      <c r="H4277" cm="1">
        <f t="array" ref="H4277">IFERROR(INDEX(Jesper!AL$2:AL$366,ROUNDDOWN($C4277/24,0)+1,1)*INDEX($D$3:$AA$30,INDEX(Jesper!$R$2:$R$366,ROW(INDEX(Jesper!AL$2:AL$366,ROUNDDOWN($C4277/24,0)+1,1))-1)+IF('Standard Profiles'!$G$22=$B$10,7,0)+IF('Standard Profiles'!$G$22=$B$17,14,0)+IF('Standard Profiles'!$G$22=$B$24,21,0),MOD($C4277,24)+1)/SUM(INDEX($D$3:$AA$30,INDEX(Jesper!$R$2:$R$366,ROW(INDEX(Jesper!AL$2:AL$366,ROUNDDOWN($C4277/24,0)+1,1))-1)+IF('Standard Profiles'!$G$22=$B$10,7,0)+IF('Standard Profiles'!$G$22=$B$17,14,0)+IF('Standard Profiles'!$G$22=$B$24,21,0),0)),0)</f>
        <v>0</v>
      </c>
      <c r="I4277">
        <f t="shared" si="482"/>
        <v>0.32285509795212991</v>
      </c>
      <c r="J4277">
        <f t="shared" si="483"/>
        <v>1.0761836598404331</v>
      </c>
      <c r="K4277">
        <f t="shared" si="484"/>
        <v>1.6142754897606497</v>
      </c>
      <c r="L4277">
        <f t="shared" si="485"/>
        <v>7.7485223508511183</v>
      </c>
      <c r="M4277">
        <f t="shared" si="486"/>
        <v>0</v>
      </c>
      <c r="N4277" s="46">
        <f t="shared" si="487"/>
        <v>45468.791666656376</v>
      </c>
    </row>
    <row r="4278" spans="2:14" x14ac:dyDescent="0.3">
      <c r="B4278">
        <f t="shared" si="481"/>
        <v>2</v>
      </c>
      <c r="C4278" s="16">
        <v>4244</v>
      </c>
      <c r="D4278" cm="1">
        <f t="array" ref="D4278">IFERROR(INDEX(Jesper!AH$2:AH$366,ROUNDDOWN($C4278/24,0)+1,1)*INDEX($D$3:$AA$30,INDEX(Jesper!$R$2:$R$366,ROW(INDEX(Jesper!AH$2:AH$366,ROUNDDOWN($C4278/24,0)+1,1))-1)+IF('Standard Profiles'!$G$18=$B$10,7,0)+IF('Standard Profiles'!$G$18=$B$17,14,0)+IF('Standard Profiles'!$G$18=$B$24,21,0),MOD($C4278,24)+1)/SUM(INDEX($D$3:$AA$30,INDEX(Jesper!$R$2:$R$366,ROW(INDEX(Jesper!AH$2:AH$366,ROUNDDOWN($C4278/24,0)+1,1))-1)+IF('Standard Profiles'!$G$18=$B$10,7,0)+IF('Standard Profiles'!$G$18=$B$17,14,0)+IF('Standard Profiles'!$G$18=$B$24,21,0),0)),0)</f>
        <v>8.8343434763020632</v>
      </c>
      <c r="E4278" cm="1">
        <f t="array" ref="E4278">IFERROR(INDEX(Jesper!AI$2:AI$366,ROUNDDOWN($C4278/24,0)+1,1)*INDEX($D$3:$AA$30,INDEX(Jesper!$R$2:$R$366,ROW(INDEX(Jesper!AI$2:AI$366,ROUNDDOWN($C4278/24,0)+1,1))-1)+IF('Standard Profiles'!$G$19=$B$10,7,0)+IF('Standard Profiles'!$G$19=$B$17,14,0)+IF('Standard Profiles'!$G$19=$B$24,21,0),MOD($C4278,24)+1)/SUM(INDEX($D$3:$AA$30,INDEX(Jesper!$R$2:$R$366,ROW(INDEX(Jesper!AI$2:AI$366,ROUNDDOWN($C4278/24,0)+1,1))-1)+IF('Standard Profiles'!$G$19=$B$10,7,0)+IF('Standard Profiles'!$G$19=$B$17,14,0)+IF('Standard Profiles'!$G$19=$B$24,21,0),0)),0)</f>
        <v>0</v>
      </c>
      <c r="F4278" cm="1">
        <f t="array" ref="F4278">IFERROR(INDEX(Jesper!AJ$2:AJ$366,ROUNDDOWN($C4278/24,0)+1,1)*INDEX($D$3:$AA$30,INDEX(Jesper!$R$2:$R$366,ROW(INDEX(Jesper!AJ$2:AJ$366,ROUNDDOWN($C4278/24,0)+1,1))-1)+IF('Standard Profiles'!$G$20=$B$10,7,0)+IF('Standard Profiles'!$G$20=$B$17,14,0)+IF('Standard Profiles'!$G$20=$B$24,21,0),MOD($C4278,24)+1)/SUM(INDEX($D$3:$AA$30,INDEX(Jesper!$R$2:$R$366,ROW(INDEX(Jesper!AJ$2:AJ$366,ROUNDDOWN($C4278/24,0)+1,1))-1)+IF('Standard Profiles'!$G$20=$B$10,7,0)+IF('Standard Profiles'!$G$20=$B$17,14,0)+IF('Standard Profiles'!$G$20=$B$24,21,0),0)),0)</f>
        <v>0</v>
      </c>
      <c r="G4278" cm="1">
        <f t="array" ref="G4278">IFERROR(INDEX(Jesper!AK$2:AK$366,ROUNDDOWN($C4278/24,0)+1,1)*INDEX($D$3:$AA$30,INDEX(Jesper!$R$2:$R$366,ROW(INDEX(Jesper!AK$2:AK$366,ROUNDDOWN($C4278/24,0)+1,1))-1)+IF('Standard Profiles'!$G$21=$B$10,7,0)+IF('Standard Profiles'!$G$21=$B$17,14,0)+IF('Standard Profiles'!$G$21=$B$24,21,0),MOD($C4278,24)+1)/SUM(INDEX($D$3:$AA$30,INDEX(Jesper!$R$2:$R$366,ROW(INDEX(Jesper!AK$2:AK$366,ROUNDDOWN($C4278/24,0)+1,1))-1)+IF('Standard Profiles'!$G$21=$B$10,7,0)+IF('Standard Profiles'!$G$21=$B$17,14,0)+IF('Standard Profiles'!$G$21=$B$24,21,0),0)),0)</f>
        <v>0</v>
      </c>
      <c r="H4278" cm="1">
        <f t="array" ref="H4278">IFERROR(INDEX(Jesper!AL$2:AL$366,ROUNDDOWN($C4278/24,0)+1,1)*INDEX($D$3:$AA$30,INDEX(Jesper!$R$2:$R$366,ROW(INDEX(Jesper!AL$2:AL$366,ROUNDDOWN($C4278/24,0)+1,1))-1)+IF('Standard Profiles'!$G$22=$B$10,7,0)+IF('Standard Profiles'!$G$22=$B$17,14,0)+IF('Standard Profiles'!$G$22=$B$24,21,0),MOD($C4278,24)+1)/SUM(INDEX($D$3:$AA$30,INDEX(Jesper!$R$2:$R$366,ROW(INDEX(Jesper!AL$2:AL$366,ROUNDDOWN($C4278/24,0)+1,1))-1)+IF('Standard Profiles'!$G$22=$B$10,7,0)+IF('Standard Profiles'!$G$22=$B$17,14,0)+IF('Standard Profiles'!$G$22=$B$24,21,0),0)),0)</f>
        <v>0</v>
      </c>
      <c r="I4278">
        <f t="shared" si="482"/>
        <v>0.26503030428906188</v>
      </c>
      <c r="J4278">
        <f t="shared" si="483"/>
        <v>0.88343434763020634</v>
      </c>
      <c r="K4278">
        <f t="shared" si="484"/>
        <v>1.3251515214453093</v>
      </c>
      <c r="L4278">
        <f t="shared" si="485"/>
        <v>6.3607273029374856</v>
      </c>
      <c r="M4278">
        <f t="shared" si="486"/>
        <v>0</v>
      </c>
      <c r="N4278" s="46">
        <f t="shared" si="487"/>
        <v>45468.83333332304</v>
      </c>
    </row>
    <row r="4279" spans="2:14" x14ac:dyDescent="0.3">
      <c r="B4279">
        <f t="shared" si="481"/>
        <v>2</v>
      </c>
      <c r="C4279" s="16">
        <v>4245</v>
      </c>
      <c r="D4279" cm="1">
        <f t="array" ref="D4279">IFERROR(INDEX(Jesper!AH$2:AH$366,ROUNDDOWN($C4279/24,0)+1,1)*INDEX($D$3:$AA$30,INDEX(Jesper!$R$2:$R$366,ROW(INDEX(Jesper!AH$2:AH$366,ROUNDDOWN($C4279/24,0)+1,1))-1)+IF('Standard Profiles'!$G$18=$B$10,7,0)+IF('Standard Profiles'!$G$18=$B$17,14,0)+IF('Standard Profiles'!$G$18=$B$24,21,0),MOD($C4279,24)+1)/SUM(INDEX($D$3:$AA$30,INDEX(Jesper!$R$2:$R$366,ROW(INDEX(Jesper!AH$2:AH$366,ROUNDDOWN($C4279/24,0)+1,1))-1)+IF('Standard Profiles'!$G$18=$B$10,7,0)+IF('Standard Profiles'!$G$18=$B$17,14,0)+IF('Standard Profiles'!$G$18=$B$24,21,0),0)),0)</f>
        <v>6.4249770736742278</v>
      </c>
      <c r="E4279" cm="1">
        <f t="array" ref="E4279">IFERROR(INDEX(Jesper!AI$2:AI$366,ROUNDDOWN($C4279/24,0)+1,1)*INDEX($D$3:$AA$30,INDEX(Jesper!$R$2:$R$366,ROW(INDEX(Jesper!AI$2:AI$366,ROUNDDOWN($C4279/24,0)+1,1))-1)+IF('Standard Profiles'!$G$19=$B$10,7,0)+IF('Standard Profiles'!$G$19=$B$17,14,0)+IF('Standard Profiles'!$G$19=$B$24,21,0),MOD($C4279,24)+1)/SUM(INDEX($D$3:$AA$30,INDEX(Jesper!$R$2:$R$366,ROW(INDEX(Jesper!AI$2:AI$366,ROUNDDOWN($C4279/24,0)+1,1))-1)+IF('Standard Profiles'!$G$19=$B$10,7,0)+IF('Standard Profiles'!$G$19=$B$17,14,0)+IF('Standard Profiles'!$G$19=$B$24,21,0),0)),0)</f>
        <v>0</v>
      </c>
      <c r="F4279" cm="1">
        <f t="array" ref="F4279">IFERROR(INDEX(Jesper!AJ$2:AJ$366,ROUNDDOWN($C4279/24,0)+1,1)*INDEX($D$3:$AA$30,INDEX(Jesper!$R$2:$R$366,ROW(INDEX(Jesper!AJ$2:AJ$366,ROUNDDOWN($C4279/24,0)+1,1))-1)+IF('Standard Profiles'!$G$20=$B$10,7,0)+IF('Standard Profiles'!$G$20=$B$17,14,0)+IF('Standard Profiles'!$G$20=$B$24,21,0),MOD($C4279,24)+1)/SUM(INDEX($D$3:$AA$30,INDEX(Jesper!$R$2:$R$366,ROW(INDEX(Jesper!AJ$2:AJ$366,ROUNDDOWN($C4279/24,0)+1,1))-1)+IF('Standard Profiles'!$G$20=$B$10,7,0)+IF('Standard Profiles'!$G$20=$B$17,14,0)+IF('Standard Profiles'!$G$20=$B$24,21,0),0)),0)</f>
        <v>0</v>
      </c>
      <c r="G4279" cm="1">
        <f t="array" ref="G4279">IFERROR(INDEX(Jesper!AK$2:AK$366,ROUNDDOWN($C4279/24,0)+1,1)*INDEX($D$3:$AA$30,INDEX(Jesper!$R$2:$R$366,ROW(INDEX(Jesper!AK$2:AK$366,ROUNDDOWN($C4279/24,0)+1,1))-1)+IF('Standard Profiles'!$G$21=$B$10,7,0)+IF('Standard Profiles'!$G$21=$B$17,14,0)+IF('Standard Profiles'!$G$21=$B$24,21,0),MOD($C4279,24)+1)/SUM(INDEX($D$3:$AA$30,INDEX(Jesper!$R$2:$R$366,ROW(INDEX(Jesper!AK$2:AK$366,ROUNDDOWN($C4279/24,0)+1,1))-1)+IF('Standard Profiles'!$G$21=$B$10,7,0)+IF('Standard Profiles'!$G$21=$B$17,14,0)+IF('Standard Profiles'!$G$21=$B$24,21,0),0)),0)</f>
        <v>0</v>
      </c>
      <c r="H4279" cm="1">
        <f t="array" ref="H4279">IFERROR(INDEX(Jesper!AL$2:AL$366,ROUNDDOWN($C4279/24,0)+1,1)*INDEX($D$3:$AA$30,INDEX(Jesper!$R$2:$R$366,ROW(INDEX(Jesper!AL$2:AL$366,ROUNDDOWN($C4279/24,0)+1,1))-1)+IF('Standard Profiles'!$G$22=$B$10,7,0)+IF('Standard Profiles'!$G$22=$B$17,14,0)+IF('Standard Profiles'!$G$22=$B$24,21,0),MOD($C4279,24)+1)/SUM(INDEX($D$3:$AA$30,INDEX(Jesper!$R$2:$R$366,ROW(INDEX(Jesper!AL$2:AL$366,ROUNDDOWN($C4279/24,0)+1,1))-1)+IF('Standard Profiles'!$G$22=$B$10,7,0)+IF('Standard Profiles'!$G$22=$B$17,14,0)+IF('Standard Profiles'!$G$22=$B$24,21,0),0)),0)</f>
        <v>0</v>
      </c>
      <c r="I4279">
        <f t="shared" si="482"/>
        <v>0.19274931221022681</v>
      </c>
      <c r="J4279">
        <f t="shared" si="483"/>
        <v>0.64249770736742284</v>
      </c>
      <c r="K4279">
        <f t="shared" si="484"/>
        <v>0.9637465610511341</v>
      </c>
      <c r="L4279">
        <f t="shared" si="485"/>
        <v>4.6259834930454442</v>
      </c>
      <c r="M4279">
        <f t="shared" si="486"/>
        <v>0</v>
      </c>
      <c r="N4279" s="46">
        <f t="shared" si="487"/>
        <v>45468.874999989705</v>
      </c>
    </row>
    <row r="4280" spans="2:14" x14ac:dyDescent="0.3">
      <c r="B4280">
        <f t="shared" si="481"/>
        <v>2</v>
      </c>
      <c r="C4280" s="16">
        <v>4246</v>
      </c>
      <c r="D4280" cm="1">
        <f t="array" ref="D4280">IFERROR(INDEX(Jesper!AH$2:AH$366,ROUNDDOWN($C4280/24,0)+1,1)*INDEX($D$3:$AA$30,INDEX(Jesper!$R$2:$R$366,ROW(INDEX(Jesper!AH$2:AH$366,ROUNDDOWN($C4280/24,0)+1,1))-1)+IF('Standard Profiles'!$G$18=$B$10,7,0)+IF('Standard Profiles'!$G$18=$B$17,14,0)+IF('Standard Profiles'!$G$18=$B$24,21,0),MOD($C4280,24)+1)/SUM(INDEX($D$3:$AA$30,INDEX(Jesper!$R$2:$R$366,ROW(INDEX(Jesper!AH$2:AH$366,ROUNDDOWN($C4280/24,0)+1,1))-1)+IF('Standard Profiles'!$G$18=$B$10,7,0)+IF('Standard Profiles'!$G$18=$B$17,14,0)+IF('Standard Profiles'!$G$18=$B$24,21,0),0)),0)</f>
        <v>6.4249770736742278</v>
      </c>
      <c r="E4280" cm="1">
        <f t="array" ref="E4280">IFERROR(INDEX(Jesper!AI$2:AI$366,ROUNDDOWN($C4280/24,0)+1,1)*INDEX($D$3:$AA$30,INDEX(Jesper!$R$2:$R$366,ROW(INDEX(Jesper!AI$2:AI$366,ROUNDDOWN($C4280/24,0)+1,1))-1)+IF('Standard Profiles'!$G$19=$B$10,7,0)+IF('Standard Profiles'!$G$19=$B$17,14,0)+IF('Standard Profiles'!$G$19=$B$24,21,0),MOD($C4280,24)+1)/SUM(INDEX($D$3:$AA$30,INDEX(Jesper!$R$2:$R$366,ROW(INDEX(Jesper!AI$2:AI$366,ROUNDDOWN($C4280/24,0)+1,1))-1)+IF('Standard Profiles'!$G$19=$B$10,7,0)+IF('Standard Profiles'!$G$19=$B$17,14,0)+IF('Standard Profiles'!$G$19=$B$24,21,0),0)),0)</f>
        <v>0</v>
      </c>
      <c r="F4280" cm="1">
        <f t="array" ref="F4280">IFERROR(INDEX(Jesper!AJ$2:AJ$366,ROUNDDOWN($C4280/24,0)+1,1)*INDEX($D$3:$AA$30,INDEX(Jesper!$R$2:$R$366,ROW(INDEX(Jesper!AJ$2:AJ$366,ROUNDDOWN($C4280/24,0)+1,1))-1)+IF('Standard Profiles'!$G$20=$B$10,7,0)+IF('Standard Profiles'!$G$20=$B$17,14,0)+IF('Standard Profiles'!$G$20=$B$24,21,0),MOD($C4280,24)+1)/SUM(INDEX($D$3:$AA$30,INDEX(Jesper!$R$2:$R$366,ROW(INDEX(Jesper!AJ$2:AJ$366,ROUNDDOWN($C4280/24,0)+1,1))-1)+IF('Standard Profiles'!$G$20=$B$10,7,0)+IF('Standard Profiles'!$G$20=$B$17,14,0)+IF('Standard Profiles'!$G$20=$B$24,21,0),0)),0)</f>
        <v>0</v>
      </c>
      <c r="G4280" cm="1">
        <f t="array" ref="G4280">IFERROR(INDEX(Jesper!AK$2:AK$366,ROUNDDOWN($C4280/24,0)+1,1)*INDEX($D$3:$AA$30,INDEX(Jesper!$R$2:$R$366,ROW(INDEX(Jesper!AK$2:AK$366,ROUNDDOWN($C4280/24,0)+1,1))-1)+IF('Standard Profiles'!$G$21=$B$10,7,0)+IF('Standard Profiles'!$G$21=$B$17,14,0)+IF('Standard Profiles'!$G$21=$B$24,21,0),MOD($C4280,24)+1)/SUM(INDEX($D$3:$AA$30,INDEX(Jesper!$R$2:$R$366,ROW(INDEX(Jesper!AK$2:AK$366,ROUNDDOWN($C4280/24,0)+1,1))-1)+IF('Standard Profiles'!$G$21=$B$10,7,0)+IF('Standard Profiles'!$G$21=$B$17,14,0)+IF('Standard Profiles'!$G$21=$B$24,21,0),0)),0)</f>
        <v>0</v>
      </c>
      <c r="H4280" cm="1">
        <f t="array" ref="H4280">IFERROR(INDEX(Jesper!AL$2:AL$366,ROUNDDOWN($C4280/24,0)+1,1)*INDEX($D$3:$AA$30,INDEX(Jesper!$R$2:$R$366,ROW(INDEX(Jesper!AL$2:AL$366,ROUNDDOWN($C4280/24,0)+1,1))-1)+IF('Standard Profiles'!$G$22=$B$10,7,0)+IF('Standard Profiles'!$G$22=$B$17,14,0)+IF('Standard Profiles'!$G$22=$B$24,21,0),MOD($C4280,24)+1)/SUM(INDEX($D$3:$AA$30,INDEX(Jesper!$R$2:$R$366,ROW(INDEX(Jesper!AL$2:AL$366,ROUNDDOWN($C4280/24,0)+1,1))-1)+IF('Standard Profiles'!$G$22=$B$10,7,0)+IF('Standard Profiles'!$G$22=$B$17,14,0)+IF('Standard Profiles'!$G$22=$B$24,21,0),0)),0)</f>
        <v>0</v>
      </c>
      <c r="I4280">
        <f t="shared" si="482"/>
        <v>0.19274931221022681</v>
      </c>
      <c r="J4280">
        <f t="shared" si="483"/>
        <v>0.64249770736742284</v>
      </c>
      <c r="K4280">
        <f t="shared" si="484"/>
        <v>0.9637465610511341</v>
      </c>
      <c r="L4280">
        <f t="shared" si="485"/>
        <v>4.6259834930454442</v>
      </c>
      <c r="M4280">
        <f t="shared" si="486"/>
        <v>0</v>
      </c>
      <c r="N4280" s="46">
        <f t="shared" si="487"/>
        <v>45468.916666656369</v>
      </c>
    </row>
    <row r="4281" spans="2:14" x14ac:dyDescent="0.3">
      <c r="B4281">
        <f t="shared" si="481"/>
        <v>2</v>
      </c>
      <c r="C4281" s="16">
        <v>4247</v>
      </c>
      <c r="D4281" cm="1">
        <f t="array" ref="D4281">IFERROR(INDEX(Jesper!AH$2:AH$366,ROUNDDOWN($C4281/24,0)+1,1)*INDEX($D$3:$AA$30,INDEX(Jesper!$R$2:$R$366,ROW(INDEX(Jesper!AH$2:AH$366,ROUNDDOWN($C4281/24,0)+1,1))-1)+IF('Standard Profiles'!$G$18=$B$10,7,0)+IF('Standard Profiles'!$G$18=$B$17,14,0)+IF('Standard Profiles'!$G$18=$B$24,21,0),MOD($C4281,24)+1)/SUM(INDEX($D$3:$AA$30,INDEX(Jesper!$R$2:$R$366,ROW(INDEX(Jesper!AH$2:AH$366,ROUNDDOWN($C4281/24,0)+1,1))-1)+IF('Standard Profiles'!$G$18=$B$10,7,0)+IF('Standard Profiles'!$G$18=$B$17,14,0)+IF('Standard Profiles'!$G$18=$B$24,21,0),0)),0)</f>
        <v>6.4249770736742278</v>
      </c>
      <c r="E4281" cm="1">
        <f t="array" ref="E4281">IFERROR(INDEX(Jesper!AI$2:AI$366,ROUNDDOWN($C4281/24,0)+1,1)*INDEX($D$3:$AA$30,INDEX(Jesper!$R$2:$R$366,ROW(INDEX(Jesper!AI$2:AI$366,ROUNDDOWN($C4281/24,0)+1,1))-1)+IF('Standard Profiles'!$G$19=$B$10,7,0)+IF('Standard Profiles'!$G$19=$B$17,14,0)+IF('Standard Profiles'!$G$19=$B$24,21,0),MOD($C4281,24)+1)/SUM(INDEX($D$3:$AA$30,INDEX(Jesper!$R$2:$R$366,ROW(INDEX(Jesper!AI$2:AI$366,ROUNDDOWN($C4281/24,0)+1,1))-1)+IF('Standard Profiles'!$G$19=$B$10,7,0)+IF('Standard Profiles'!$G$19=$B$17,14,0)+IF('Standard Profiles'!$G$19=$B$24,21,0),0)),0)</f>
        <v>0</v>
      </c>
      <c r="F4281" cm="1">
        <f t="array" ref="F4281">IFERROR(INDEX(Jesper!AJ$2:AJ$366,ROUNDDOWN($C4281/24,0)+1,1)*INDEX($D$3:$AA$30,INDEX(Jesper!$R$2:$R$366,ROW(INDEX(Jesper!AJ$2:AJ$366,ROUNDDOWN($C4281/24,0)+1,1))-1)+IF('Standard Profiles'!$G$20=$B$10,7,0)+IF('Standard Profiles'!$G$20=$B$17,14,0)+IF('Standard Profiles'!$G$20=$B$24,21,0),MOD($C4281,24)+1)/SUM(INDEX($D$3:$AA$30,INDEX(Jesper!$R$2:$R$366,ROW(INDEX(Jesper!AJ$2:AJ$366,ROUNDDOWN($C4281/24,0)+1,1))-1)+IF('Standard Profiles'!$G$20=$B$10,7,0)+IF('Standard Profiles'!$G$20=$B$17,14,0)+IF('Standard Profiles'!$G$20=$B$24,21,0),0)),0)</f>
        <v>0</v>
      </c>
      <c r="G4281" cm="1">
        <f t="array" ref="G4281">IFERROR(INDEX(Jesper!AK$2:AK$366,ROUNDDOWN($C4281/24,0)+1,1)*INDEX($D$3:$AA$30,INDEX(Jesper!$R$2:$R$366,ROW(INDEX(Jesper!AK$2:AK$366,ROUNDDOWN($C4281/24,0)+1,1))-1)+IF('Standard Profiles'!$G$21=$B$10,7,0)+IF('Standard Profiles'!$G$21=$B$17,14,0)+IF('Standard Profiles'!$G$21=$B$24,21,0),MOD($C4281,24)+1)/SUM(INDEX($D$3:$AA$30,INDEX(Jesper!$R$2:$R$366,ROW(INDEX(Jesper!AK$2:AK$366,ROUNDDOWN($C4281/24,0)+1,1))-1)+IF('Standard Profiles'!$G$21=$B$10,7,0)+IF('Standard Profiles'!$G$21=$B$17,14,0)+IF('Standard Profiles'!$G$21=$B$24,21,0),0)),0)</f>
        <v>0</v>
      </c>
      <c r="H4281" cm="1">
        <f t="array" ref="H4281">IFERROR(INDEX(Jesper!AL$2:AL$366,ROUNDDOWN($C4281/24,0)+1,1)*INDEX($D$3:$AA$30,INDEX(Jesper!$R$2:$R$366,ROW(INDEX(Jesper!AL$2:AL$366,ROUNDDOWN($C4281/24,0)+1,1))-1)+IF('Standard Profiles'!$G$22=$B$10,7,0)+IF('Standard Profiles'!$G$22=$B$17,14,0)+IF('Standard Profiles'!$G$22=$B$24,21,0),MOD($C4281,24)+1)/SUM(INDEX($D$3:$AA$30,INDEX(Jesper!$R$2:$R$366,ROW(INDEX(Jesper!AL$2:AL$366,ROUNDDOWN($C4281/24,0)+1,1))-1)+IF('Standard Profiles'!$G$22=$B$10,7,0)+IF('Standard Profiles'!$G$22=$B$17,14,0)+IF('Standard Profiles'!$G$22=$B$24,21,0),0)),0)</f>
        <v>0</v>
      </c>
      <c r="I4281">
        <f t="shared" si="482"/>
        <v>0.19274931221022681</v>
      </c>
      <c r="J4281">
        <f t="shared" si="483"/>
        <v>0.64249770736742284</v>
      </c>
      <c r="K4281">
        <f t="shared" si="484"/>
        <v>0.9637465610511341</v>
      </c>
      <c r="L4281">
        <f t="shared" si="485"/>
        <v>4.6259834930454442</v>
      </c>
      <c r="M4281">
        <f t="shared" si="486"/>
        <v>0</v>
      </c>
      <c r="N4281" s="46">
        <f t="shared" si="487"/>
        <v>45468.958333323033</v>
      </c>
    </row>
    <row r="4282" spans="2:14" x14ac:dyDescent="0.3">
      <c r="B4282">
        <f t="shared" si="481"/>
        <v>3</v>
      </c>
      <c r="C4282" s="16">
        <v>4248</v>
      </c>
      <c r="D4282" cm="1">
        <f t="array" ref="D4282">IFERROR(INDEX(Jesper!AH$2:AH$366,ROUNDDOWN($C4282/24,0)+1,1)*INDEX($D$3:$AA$30,INDEX(Jesper!$R$2:$R$366,ROW(INDEX(Jesper!AH$2:AH$366,ROUNDDOWN($C4282/24,0)+1,1))-1)+IF('Standard Profiles'!$G$18=$B$10,7,0)+IF('Standard Profiles'!$G$18=$B$17,14,0)+IF('Standard Profiles'!$G$18=$B$24,21,0),MOD($C4282,24)+1)/SUM(INDEX($D$3:$AA$30,INDEX(Jesper!$R$2:$R$366,ROW(INDEX(Jesper!AH$2:AH$366,ROUNDDOWN($C4282/24,0)+1,1))-1)+IF('Standard Profiles'!$G$18=$B$10,7,0)+IF('Standard Profiles'!$G$18=$B$17,14,0)+IF('Standard Profiles'!$G$18=$B$24,21,0),0)),0)</f>
        <v>6.0194987723385838</v>
      </c>
      <c r="E4282" cm="1">
        <f t="array" ref="E4282">IFERROR(INDEX(Jesper!AI$2:AI$366,ROUNDDOWN($C4282/24,0)+1,1)*INDEX($D$3:$AA$30,INDEX(Jesper!$R$2:$R$366,ROW(INDEX(Jesper!AI$2:AI$366,ROUNDDOWN($C4282/24,0)+1,1))-1)+IF('Standard Profiles'!$G$19=$B$10,7,0)+IF('Standard Profiles'!$G$19=$B$17,14,0)+IF('Standard Profiles'!$G$19=$B$24,21,0),MOD($C4282,24)+1)/SUM(INDEX($D$3:$AA$30,INDEX(Jesper!$R$2:$R$366,ROW(INDEX(Jesper!AI$2:AI$366,ROUNDDOWN($C4282/24,0)+1,1))-1)+IF('Standard Profiles'!$G$19=$B$10,7,0)+IF('Standard Profiles'!$G$19=$B$17,14,0)+IF('Standard Profiles'!$G$19=$B$24,21,0),0)),0)</f>
        <v>0</v>
      </c>
      <c r="F4282" cm="1">
        <f t="array" ref="F4282">IFERROR(INDEX(Jesper!AJ$2:AJ$366,ROUNDDOWN($C4282/24,0)+1,1)*INDEX($D$3:$AA$30,INDEX(Jesper!$R$2:$R$366,ROW(INDEX(Jesper!AJ$2:AJ$366,ROUNDDOWN($C4282/24,0)+1,1))-1)+IF('Standard Profiles'!$G$20=$B$10,7,0)+IF('Standard Profiles'!$G$20=$B$17,14,0)+IF('Standard Profiles'!$G$20=$B$24,21,0),MOD($C4282,24)+1)/SUM(INDEX($D$3:$AA$30,INDEX(Jesper!$R$2:$R$366,ROW(INDEX(Jesper!AJ$2:AJ$366,ROUNDDOWN($C4282/24,0)+1,1))-1)+IF('Standard Profiles'!$G$20=$B$10,7,0)+IF('Standard Profiles'!$G$20=$B$17,14,0)+IF('Standard Profiles'!$G$20=$B$24,21,0),0)),0)</f>
        <v>0</v>
      </c>
      <c r="G4282" cm="1">
        <f t="array" ref="G4282">IFERROR(INDEX(Jesper!AK$2:AK$366,ROUNDDOWN($C4282/24,0)+1,1)*INDEX($D$3:$AA$30,INDEX(Jesper!$R$2:$R$366,ROW(INDEX(Jesper!AK$2:AK$366,ROUNDDOWN($C4282/24,0)+1,1))-1)+IF('Standard Profiles'!$G$21=$B$10,7,0)+IF('Standard Profiles'!$G$21=$B$17,14,0)+IF('Standard Profiles'!$G$21=$B$24,21,0),MOD($C4282,24)+1)/SUM(INDEX($D$3:$AA$30,INDEX(Jesper!$R$2:$R$366,ROW(INDEX(Jesper!AK$2:AK$366,ROUNDDOWN($C4282/24,0)+1,1))-1)+IF('Standard Profiles'!$G$21=$B$10,7,0)+IF('Standard Profiles'!$G$21=$B$17,14,0)+IF('Standard Profiles'!$G$21=$B$24,21,0),0)),0)</f>
        <v>0</v>
      </c>
      <c r="H4282" cm="1">
        <f t="array" ref="H4282">IFERROR(INDEX(Jesper!AL$2:AL$366,ROUNDDOWN($C4282/24,0)+1,1)*INDEX($D$3:$AA$30,INDEX(Jesper!$R$2:$R$366,ROW(INDEX(Jesper!AL$2:AL$366,ROUNDDOWN($C4282/24,0)+1,1))-1)+IF('Standard Profiles'!$G$22=$B$10,7,0)+IF('Standard Profiles'!$G$22=$B$17,14,0)+IF('Standard Profiles'!$G$22=$B$24,21,0),MOD($C4282,24)+1)/SUM(INDEX($D$3:$AA$30,INDEX(Jesper!$R$2:$R$366,ROW(INDEX(Jesper!AL$2:AL$366,ROUNDDOWN($C4282/24,0)+1,1))-1)+IF('Standard Profiles'!$G$22=$B$10,7,0)+IF('Standard Profiles'!$G$22=$B$17,14,0)+IF('Standard Profiles'!$G$22=$B$24,21,0),0)),0)</f>
        <v>0</v>
      </c>
      <c r="I4282">
        <f t="shared" si="482"/>
        <v>0.18058496317015751</v>
      </c>
      <c r="J4282">
        <f t="shared" si="483"/>
        <v>0.6019498772338584</v>
      </c>
      <c r="K4282">
        <f t="shared" si="484"/>
        <v>0.90292481585078754</v>
      </c>
      <c r="L4282">
        <f t="shared" si="485"/>
        <v>4.3340391160837806</v>
      </c>
      <c r="M4282">
        <f t="shared" si="486"/>
        <v>0</v>
      </c>
      <c r="N4282" s="46">
        <f t="shared" si="487"/>
        <v>45468.999999989697</v>
      </c>
    </row>
    <row r="4283" spans="2:14" x14ac:dyDescent="0.3">
      <c r="B4283">
        <f t="shared" si="481"/>
        <v>3</v>
      </c>
      <c r="C4283" s="16">
        <v>4249</v>
      </c>
      <c r="D4283" cm="1">
        <f t="array" ref="D4283">IFERROR(INDEX(Jesper!AH$2:AH$366,ROUNDDOWN($C4283/24,0)+1,1)*INDEX($D$3:$AA$30,INDEX(Jesper!$R$2:$R$366,ROW(INDEX(Jesper!AH$2:AH$366,ROUNDDOWN($C4283/24,0)+1,1))-1)+IF('Standard Profiles'!$G$18=$B$10,7,0)+IF('Standard Profiles'!$G$18=$B$17,14,0)+IF('Standard Profiles'!$G$18=$B$24,21,0),MOD($C4283,24)+1)/SUM(INDEX($D$3:$AA$30,INDEX(Jesper!$R$2:$R$366,ROW(INDEX(Jesper!AH$2:AH$366,ROUNDDOWN($C4283/24,0)+1,1))-1)+IF('Standard Profiles'!$G$18=$B$10,7,0)+IF('Standard Profiles'!$G$18=$B$17,14,0)+IF('Standard Profiles'!$G$18=$B$24,21,0),0)),0)</f>
        <v>6.7719361188809062</v>
      </c>
      <c r="E4283" cm="1">
        <f t="array" ref="E4283">IFERROR(INDEX(Jesper!AI$2:AI$366,ROUNDDOWN($C4283/24,0)+1,1)*INDEX($D$3:$AA$30,INDEX(Jesper!$R$2:$R$366,ROW(INDEX(Jesper!AI$2:AI$366,ROUNDDOWN($C4283/24,0)+1,1))-1)+IF('Standard Profiles'!$G$19=$B$10,7,0)+IF('Standard Profiles'!$G$19=$B$17,14,0)+IF('Standard Profiles'!$G$19=$B$24,21,0),MOD($C4283,24)+1)/SUM(INDEX($D$3:$AA$30,INDEX(Jesper!$R$2:$R$366,ROW(INDEX(Jesper!AI$2:AI$366,ROUNDDOWN($C4283/24,0)+1,1))-1)+IF('Standard Profiles'!$G$19=$B$10,7,0)+IF('Standard Profiles'!$G$19=$B$17,14,0)+IF('Standard Profiles'!$G$19=$B$24,21,0),0)),0)</f>
        <v>0</v>
      </c>
      <c r="F4283" cm="1">
        <f t="array" ref="F4283">IFERROR(INDEX(Jesper!AJ$2:AJ$366,ROUNDDOWN($C4283/24,0)+1,1)*INDEX($D$3:$AA$30,INDEX(Jesper!$R$2:$R$366,ROW(INDEX(Jesper!AJ$2:AJ$366,ROUNDDOWN($C4283/24,0)+1,1))-1)+IF('Standard Profiles'!$G$20=$B$10,7,0)+IF('Standard Profiles'!$G$20=$B$17,14,0)+IF('Standard Profiles'!$G$20=$B$24,21,0),MOD($C4283,24)+1)/SUM(INDEX($D$3:$AA$30,INDEX(Jesper!$R$2:$R$366,ROW(INDEX(Jesper!AJ$2:AJ$366,ROUNDDOWN($C4283/24,0)+1,1))-1)+IF('Standard Profiles'!$G$20=$B$10,7,0)+IF('Standard Profiles'!$G$20=$B$17,14,0)+IF('Standard Profiles'!$G$20=$B$24,21,0),0)),0)</f>
        <v>0</v>
      </c>
      <c r="G4283" cm="1">
        <f t="array" ref="G4283">IFERROR(INDEX(Jesper!AK$2:AK$366,ROUNDDOWN($C4283/24,0)+1,1)*INDEX($D$3:$AA$30,INDEX(Jesper!$R$2:$R$366,ROW(INDEX(Jesper!AK$2:AK$366,ROUNDDOWN($C4283/24,0)+1,1))-1)+IF('Standard Profiles'!$G$21=$B$10,7,0)+IF('Standard Profiles'!$G$21=$B$17,14,0)+IF('Standard Profiles'!$G$21=$B$24,21,0),MOD($C4283,24)+1)/SUM(INDEX($D$3:$AA$30,INDEX(Jesper!$R$2:$R$366,ROW(INDEX(Jesper!AK$2:AK$366,ROUNDDOWN($C4283/24,0)+1,1))-1)+IF('Standard Profiles'!$G$21=$B$10,7,0)+IF('Standard Profiles'!$G$21=$B$17,14,0)+IF('Standard Profiles'!$G$21=$B$24,21,0),0)),0)</f>
        <v>0</v>
      </c>
      <c r="H4283" cm="1">
        <f t="array" ref="H4283">IFERROR(INDEX(Jesper!AL$2:AL$366,ROUNDDOWN($C4283/24,0)+1,1)*INDEX($D$3:$AA$30,INDEX(Jesper!$R$2:$R$366,ROW(INDEX(Jesper!AL$2:AL$366,ROUNDDOWN($C4283/24,0)+1,1))-1)+IF('Standard Profiles'!$G$22=$B$10,7,0)+IF('Standard Profiles'!$G$22=$B$17,14,0)+IF('Standard Profiles'!$G$22=$B$24,21,0),MOD($C4283,24)+1)/SUM(INDEX($D$3:$AA$30,INDEX(Jesper!$R$2:$R$366,ROW(INDEX(Jesper!AL$2:AL$366,ROUNDDOWN($C4283/24,0)+1,1))-1)+IF('Standard Profiles'!$G$22=$B$10,7,0)+IF('Standard Profiles'!$G$22=$B$17,14,0)+IF('Standard Profiles'!$G$22=$B$24,21,0),0)),0)</f>
        <v>0</v>
      </c>
      <c r="I4283">
        <f t="shared" si="482"/>
        <v>0.20315808356642717</v>
      </c>
      <c r="J4283">
        <f t="shared" si="483"/>
        <v>0.67719361188809069</v>
      </c>
      <c r="K4283">
        <f t="shared" si="484"/>
        <v>1.015790417832136</v>
      </c>
      <c r="L4283">
        <f t="shared" si="485"/>
        <v>4.8757940055942521</v>
      </c>
      <c r="M4283">
        <f t="shared" si="486"/>
        <v>0</v>
      </c>
      <c r="N4283" s="46">
        <f t="shared" si="487"/>
        <v>45469.041666656361</v>
      </c>
    </row>
    <row r="4284" spans="2:14" x14ac:dyDescent="0.3">
      <c r="B4284">
        <f t="shared" si="481"/>
        <v>3</v>
      </c>
      <c r="C4284" s="16">
        <v>4250</v>
      </c>
      <c r="D4284" cm="1">
        <f t="array" ref="D4284">IFERROR(INDEX(Jesper!AH$2:AH$366,ROUNDDOWN($C4284/24,0)+1,1)*INDEX($D$3:$AA$30,INDEX(Jesper!$R$2:$R$366,ROW(INDEX(Jesper!AH$2:AH$366,ROUNDDOWN($C4284/24,0)+1,1))-1)+IF('Standard Profiles'!$G$18=$B$10,7,0)+IF('Standard Profiles'!$G$18=$B$17,14,0)+IF('Standard Profiles'!$G$18=$B$24,21,0),MOD($C4284,24)+1)/SUM(INDEX($D$3:$AA$30,INDEX(Jesper!$R$2:$R$366,ROW(INDEX(Jesper!AH$2:AH$366,ROUNDDOWN($C4284/24,0)+1,1))-1)+IF('Standard Profiles'!$G$18=$B$10,7,0)+IF('Standard Profiles'!$G$18=$B$17,14,0)+IF('Standard Profiles'!$G$18=$B$24,21,0),0)),0)</f>
        <v>6.7719361188809062</v>
      </c>
      <c r="E4284" cm="1">
        <f t="array" ref="E4284">IFERROR(INDEX(Jesper!AI$2:AI$366,ROUNDDOWN($C4284/24,0)+1,1)*INDEX($D$3:$AA$30,INDEX(Jesper!$R$2:$R$366,ROW(INDEX(Jesper!AI$2:AI$366,ROUNDDOWN($C4284/24,0)+1,1))-1)+IF('Standard Profiles'!$G$19=$B$10,7,0)+IF('Standard Profiles'!$G$19=$B$17,14,0)+IF('Standard Profiles'!$G$19=$B$24,21,0),MOD($C4284,24)+1)/SUM(INDEX($D$3:$AA$30,INDEX(Jesper!$R$2:$R$366,ROW(INDEX(Jesper!AI$2:AI$366,ROUNDDOWN($C4284/24,0)+1,1))-1)+IF('Standard Profiles'!$G$19=$B$10,7,0)+IF('Standard Profiles'!$G$19=$B$17,14,0)+IF('Standard Profiles'!$G$19=$B$24,21,0),0)),0)</f>
        <v>0</v>
      </c>
      <c r="F4284" cm="1">
        <f t="array" ref="F4284">IFERROR(INDEX(Jesper!AJ$2:AJ$366,ROUNDDOWN($C4284/24,0)+1,1)*INDEX($D$3:$AA$30,INDEX(Jesper!$R$2:$R$366,ROW(INDEX(Jesper!AJ$2:AJ$366,ROUNDDOWN($C4284/24,0)+1,1))-1)+IF('Standard Profiles'!$G$20=$B$10,7,0)+IF('Standard Profiles'!$G$20=$B$17,14,0)+IF('Standard Profiles'!$G$20=$B$24,21,0),MOD($C4284,24)+1)/SUM(INDEX($D$3:$AA$30,INDEX(Jesper!$R$2:$R$366,ROW(INDEX(Jesper!AJ$2:AJ$366,ROUNDDOWN($C4284/24,0)+1,1))-1)+IF('Standard Profiles'!$G$20=$B$10,7,0)+IF('Standard Profiles'!$G$20=$B$17,14,0)+IF('Standard Profiles'!$G$20=$B$24,21,0),0)),0)</f>
        <v>0</v>
      </c>
      <c r="G4284" cm="1">
        <f t="array" ref="G4284">IFERROR(INDEX(Jesper!AK$2:AK$366,ROUNDDOWN($C4284/24,0)+1,1)*INDEX($D$3:$AA$30,INDEX(Jesper!$R$2:$R$366,ROW(INDEX(Jesper!AK$2:AK$366,ROUNDDOWN($C4284/24,0)+1,1))-1)+IF('Standard Profiles'!$G$21=$B$10,7,0)+IF('Standard Profiles'!$G$21=$B$17,14,0)+IF('Standard Profiles'!$G$21=$B$24,21,0),MOD($C4284,24)+1)/SUM(INDEX($D$3:$AA$30,INDEX(Jesper!$R$2:$R$366,ROW(INDEX(Jesper!AK$2:AK$366,ROUNDDOWN($C4284/24,0)+1,1))-1)+IF('Standard Profiles'!$G$21=$B$10,7,0)+IF('Standard Profiles'!$G$21=$B$17,14,0)+IF('Standard Profiles'!$G$21=$B$24,21,0),0)),0)</f>
        <v>0</v>
      </c>
      <c r="H4284" cm="1">
        <f t="array" ref="H4284">IFERROR(INDEX(Jesper!AL$2:AL$366,ROUNDDOWN($C4284/24,0)+1,1)*INDEX($D$3:$AA$30,INDEX(Jesper!$R$2:$R$366,ROW(INDEX(Jesper!AL$2:AL$366,ROUNDDOWN($C4284/24,0)+1,1))-1)+IF('Standard Profiles'!$G$22=$B$10,7,0)+IF('Standard Profiles'!$G$22=$B$17,14,0)+IF('Standard Profiles'!$G$22=$B$24,21,0),MOD($C4284,24)+1)/SUM(INDEX($D$3:$AA$30,INDEX(Jesper!$R$2:$R$366,ROW(INDEX(Jesper!AL$2:AL$366,ROUNDDOWN($C4284/24,0)+1,1))-1)+IF('Standard Profiles'!$G$22=$B$10,7,0)+IF('Standard Profiles'!$G$22=$B$17,14,0)+IF('Standard Profiles'!$G$22=$B$24,21,0),0)),0)</f>
        <v>0</v>
      </c>
      <c r="I4284">
        <f t="shared" si="482"/>
        <v>0.20315808356642717</v>
      </c>
      <c r="J4284">
        <f t="shared" si="483"/>
        <v>0.67719361188809069</v>
      </c>
      <c r="K4284">
        <f t="shared" si="484"/>
        <v>1.015790417832136</v>
      </c>
      <c r="L4284">
        <f t="shared" si="485"/>
        <v>4.8757940055942521</v>
      </c>
      <c r="M4284">
        <f t="shared" si="486"/>
        <v>0</v>
      </c>
      <c r="N4284" s="46">
        <f t="shared" si="487"/>
        <v>45469.083333323026</v>
      </c>
    </row>
    <row r="4285" spans="2:14" x14ac:dyDescent="0.3">
      <c r="B4285">
        <f t="shared" si="481"/>
        <v>3</v>
      </c>
      <c r="C4285" s="16">
        <v>4251</v>
      </c>
      <c r="D4285" cm="1">
        <f t="array" ref="D4285">IFERROR(INDEX(Jesper!AH$2:AH$366,ROUNDDOWN($C4285/24,0)+1,1)*INDEX($D$3:$AA$30,INDEX(Jesper!$R$2:$R$366,ROW(INDEX(Jesper!AH$2:AH$366,ROUNDDOWN($C4285/24,0)+1,1))-1)+IF('Standard Profiles'!$G$18=$B$10,7,0)+IF('Standard Profiles'!$G$18=$B$17,14,0)+IF('Standard Profiles'!$G$18=$B$24,21,0),MOD($C4285,24)+1)/SUM(INDEX($D$3:$AA$30,INDEX(Jesper!$R$2:$R$366,ROW(INDEX(Jesper!AH$2:AH$366,ROUNDDOWN($C4285/24,0)+1,1))-1)+IF('Standard Profiles'!$G$18=$B$10,7,0)+IF('Standard Profiles'!$G$18=$B$17,14,0)+IF('Standard Profiles'!$G$18=$B$24,21,0),0)),0)</f>
        <v>6.7719361188809062</v>
      </c>
      <c r="E4285" cm="1">
        <f t="array" ref="E4285">IFERROR(INDEX(Jesper!AI$2:AI$366,ROUNDDOWN($C4285/24,0)+1,1)*INDEX($D$3:$AA$30,INDEX(Jesper!$R$2:$R$366,ROW(INDEX(Jesper!AI$2:AI$366,ROUNDDOWN($C4285/24,0)+1,1))-1)+IF('Standard Profiles'!$G$19=$B$10,7,0)+IF('Standard Profiles'!$G$19=$B$17,14,0)+IF('Standard Profiles'!$G$19=$B$24,21,0),MOD($C4285,24)+1)/SUM(INDEX($D$3:$AA$30,INDEX(Jesper!$R$2:$R$366,ROW(INDEX(Jesper!AI$2:AI$366,ROUNDDOWN($C4285/24,0)+1,1))-1)+IF('Standard Profiles'!$G$19=$B$10,7,0)+IF('Standard Profiles'!$G$19=$B$17,14,0)+IF('Standard Profiles'!$G$19=$B$24,21,0),0)),0)</f>
        <v>0</v>
      </c>
      <c r="F4285" cm="1">
        <f t="array" ref="F4285">IFERROR(INDEX(Jesper!AJ$2:AJ$366,ROUNDDOWN($C4285/24,0)+1,1)*INDEX($D$3:$AA$30,INDEX(Jesper!$R$2:$R$366,ROW(INDEX(Jesper!AJ$2:AJ$366,ROUNDDOWN($C4285/24,0)+1,1))-1)+IF('Standard Profiles'!$G$20=$B$10,7,0)+IF('Standard Profiles'!$G$20=$B$17,14,0)+IF('Standard Profiles'!$G$20=$B$24,21,0),MOD($C4285,24)+1)/SUM(INDEX($D$3:$AA$30,INDEX(Jesper!$R$2:$R$366,ROW(INDEX(Jesper!AJ$2:AJ$366,ROUNDDOWN($C4285/24,0)+1,1))-1)+IF('Standard Profiles'!$G$20=$B$10,7,0)+IF('Standard Profiles'!$G$20=$B$17,14,0)+IF('Standard Profiles'!$G$20=$B$24,21,0),0)),0)</f>
        <v>0</v>
      </c>
      <c r="G4285" cm="1">
        <f t="array" ref="G4285">IFERROR(INDEX(Jesper!AK$2:AK$366,ROUNDDOWN($C4285/24,0)+1,1)*INDEX($D$3:$AA$30,INDEX(Jesper!$R$2:$R$366,ROW(INDEX(Jesper!AK$2:AK$366,ROUNDDOWN($C4285/24,0)+1,1))-1)+IF('Standard Profiles'!$G$21=$B$10,7,0)+IF('Standard Profiles'!$G$21=$B$17,14,0)+IF('Standard Profiles'!$G$21=$B$24,21,0),MOD($C4285,24)+1)/SUM(INDEX($D$3:$AA$30,INDEX(Jesper!$R$2:$R$366,ROW(INDEX(Jesper!AK$2:AK$366,ROUNDDOWN($C4285/24,0)+1,1))-1)+IF('Standard Profiles'!$G$21=$B$10,7,0)+IF('Standard Profiles'!$G$21=$B$17,14,0)+IF('Standard Profiles'!$G$21=$B$24,21,0),0)),0)</f>
        <v>0</v>
      </c>
      <c r="H4285" cm="1">
        <f t="array" ref="H4285">IFERROR(INDEX(Jesper!AL$2:AL$366,ROUNDDOWN($C4285/24,0)+1,1)*INDEX($D$3:$AA$30,INDEX(Jesper!$R$2:$R$366,ROW(INDEX(Jesper!AL$2:AL$366,ROUNDDOWN($C4285/24,0)+1,1))-1)+IF('Standard Profiles'!$G$22=$B$10,7,0)+IF('Standard Profiles'!$G$22=$B$17,14,0)+IF('Standard Profiles'!$G$22=$B$24,21,0),MOD($C4285,24)+1)/SUM(INDEX($D$3:$AA$30,INDEX(Jesper!$R$2:$R$366,ROW(INDEX(Jesper!AL$2:AL$366,ROUNDDOWN($C4285/24,0)+1,1))-1)+IF('Standard Profiles'!$G$22=$B$10,7,0)+IF('Standard Profiles'!$G$22=$B$17,14,0)+IF('Standard Profiles'!$G$22=$B$24,21,0),0)),0)</f>
        <v>0</v>
      </c>
      <c r="I4285">
        <f t="shared" si="482"/>
        <v>0.20315808356642717</v>
      </c>
      <c r="J4285">
        <f t="shared" si="483"/>
        <v>0.67719361188809069</v>
      </c>
      <c r="K4285">
        <f t="shared" si="484"/>
        <v>1.015790417832136</v>
      </c>
      <c r="L4285">
        <f t="shared" si="485"/>
        <v>4.8757940055942521</v>
      </c>
      <c r="M4285">
        <f t="shared" si="486"/>
        <v>0</v>
      </c>
      <c r="N4285" s="46">
        <f t="shared" si="487"/>
        <v>45469.12499998969</v>
      </c>
    </row>
    <row r="4286" spans="2:14" x14ac:dyDescent="0.3">
      <c r="B4286">
        <f t="shared" si="481"/>
        <v>3</v>
      </c>
      <c r="C4286" s="16">
        <v>4252</v>
      </c>
      <c r="D4286" cm="1">
        <f t="array" ref="D4286">IFERROR(INDEX(Jesper!AH$2:AH$366,ROUNDDOWN($C4286/24,0)+1,1)*INDEX($D$3:$AA$30,INDEX(Jesper!$R$2:$R$366,ROW(INDEX(Jesper!AH$2:AH$366,ROUNDDOWN($C4286/24,0)+1,1))-1)+IF('Standard Profiles'!$G$18=$B$10,7,0)+IF('Standard Profiles'!$G$18=$B$17,14,0)+IF('Standard Profiles'!$G$18=$B$24,21,0),MOD($C4286,24)+1)/SUM(INDEX($D$3:$AA$30,INDEX(Jesper!$R$2:$R$366,ROW(INDEX(Jesper!AH$2:AH$366,ROUNDDOWN($C4286/24,0)+1,1))-1)+IF('Standard Profiles'!$G$18=$B$10,7,0)+IF('Standard Profiles'!$G$18=$B$17,14,0)+IF('Standard Profiles'!$G$18=$B$24,21,0),0)),0)</f>
        <v>6.7719361188809062</v>
      </c>
      <c r="E4286" cm="1">
        <f t="array" ref="E4286">IFERROR(INDEX(Jesper!AI$2:AI$366,ROUNDDOWN($C4286/24,0)+1,1)*INDEX($D$3:$AA$30,INDEX(Jesper!$R$2:$R$366,ROW(INDEX(Jesper!AI$2:AI$366,ROUNDDOWN($C4286/24,0)+1,1))-1)+IF('Standard Profiles'!$G$19=$B$10,7,0)+IF('Standard Profiles'!$G$19=$B$17,14,0)+IF('Standard Profiles'!$G$19=$B$24,21,0),MOD($C4286,24)+1)/SUM(INDEX($D$3:$AA$30,INDEX(Jesper!$R$2:$R$366,ROW(INDEX(Jesper!AI$2:AI$366,ROUNDDOWN($C4286/24,0)+1,1))-1)+IF('Standard Profiles'!$G$19=$B$10,7,0)+IF('Standard Profiles'!$G$19=$B$17,14,0)+IF('Standard Profiles'!$G$19=$B$24,21,0),0)),0)</f>
        <v>0</v>
      </c>
      <c r="F4286" cm="1">
        <f t="array" ref="F4286">IFERROR(INDEX(Jesper!AJ$2:AJ$366,ROUNDDOWN($C4286/24,0)+1,1)*INDEX($D$3:$AA$30,INDEX(Jesper!$R$2:$R$366,ROW(INDEX(Jesper!AJ$2:AJ$366,ROUNDDOWN($C4286/24,0)+1,1))-1)+IF('Standard Profiles'!$G$20=$B$10,7,0)+IF('Standard Profiles'!$G$20=$B$17,14,0)+IF('Standard Profiles'!$G$20=$B$24,21,0),MOD($C4286,24)+1)/SUM(INDEX($D$3:$AA$30,INDEX(Jesper!$R$2:$R$366,ROW(INDEX(Jesper!AJ$2:AJ$366,ROUNDDOWN($C4286/24,0)+1,1))-1)+IF('Standard Profiles'!$G$20=$B$10,7,0)+IF('Standard Profiles'!$G$20=$B$17,14,0)+IF('Standard Profiles'!$G$20=$B$24,21,0),0)),0)</f>
        <v>0</v>
      </c>
      <c r="G4286" cm="1">
        <f t="array" ref="G4286">IFERROR(INDEX(Jesper!AK$2:AK$366,ROUNDDOWN($C4286/24,0)+1,1)*INDEX($D$3:$AA$30,INDEX(Jesper!$R$2:$R$366,ROW(INDEX(Jesper!AK$2:AK$366,ROUNDDOWN($C4286/24,0)+1,1))-1)+IF('Standard Profiles'!$G$21=$B$10,7,0)+IF('Standard Profiles'!$G$21=$B$17,14,0)+IF('Standard Profiles'!$G$21=$B$24,21,0),MOD($C4286,24)+1)/SUM(INDEX($D$3:$AA$30,INDEX(Jesper!$R$2:$R$366,ROW(INDEX(Jesper!AK$2:AK$366,ROUNDDOWN($C4286/24,0)+1,1))-1)+IF('Standard Profiles'!$G$21=$B$10,7,0)+IF('Standard Profiles'!$G$21=$B$17,14,0)+IF('Standard Profiles'!$G$21=$B$24,21,0),0)),0)</f>
        <v>0</v>
      </c>
      <c r="H4286" cm="1">
        <f t="array" ref="H4286">IFERROR(INDEX(Jesper!AL$2:AL$366,ROUNDDOWN($C4286/24,0)+1,1)*INDEX($D$3:$AA$30,INDEX(Jesper!$R$2:$R$366,ROW(INDEX(Jesper!AL$2:AL$366,ROUNDDOWN($C4286/24,0)+1,1))-1)+IF('Standard Profiles'!$G$22=$B$10,7,0)+IF('Standard Profiles'!$G$22=$B$17,14,0)+IF('Standard Profiles'!$G$22=$B$24,21,0),MOD($C4286,24)+1)/SUM(INDEX($D$3:$AA$30,INDEX(Jesper!$R$2:$R$366,ROW(INDEX(Jesper!AL$2:AL$366,ROUNDDOWN($C4286/24,0)+1,1))-1)+IF('Standard Profiles'!$G$22=$B$10,7,0)+IF('Standard Profiles'!$G$22=$B$17,14,0)+IF('Standard Profiles'!$G$22=$B$24,21,0),0)),0)</f>
        <v>0</v>
      </c>
      <c r="I4286">
        <f t="shared" si="482"/>
        <v>0.20315808356642717</v>
      </c>
      <c r="J4286">
        <f t="shared" si="483"/>
        <v>0.67719361188809069</v>
      </c>
      <c r="K4286">
        <f t="shared" si="484"/>
        <v>1.015790417832136</v>
      </c>
      <c r="L4286">
        <f t="shared" si="485"/>
        <v>4.8757940055942521</v>
      </c>
      <c r="M4286">
        <f t="shared" si="486"/>
        <v>0</v>
      </c>
      <c r="N4286" s="46">
        <f t="shared" si="487"/>
        <v>45469.166666656354</v>
      </c>
    </row>
    <row r="4287" spans="2:14" x14ac:dyDescent="0.3">
      <c r="B4287">
        <f t="shared" si="481"/>
        <v>3</v>
      </c>
      <c r="C4287" s="16">
        <v>4253</v>
      </c>
      <c r="D4287" cm="1">
        <f t="array" ref="D4287">IFERROR(INDEX(Jesper!AH$2:AH$366,ROUNDDOWN($C4287/24,0)+1,1)*INDEX($D$3:$AA$30,INDEX(Jesper!$R$2:$R$366,ROW(INDEX(Jesper!AH$2:AH$366,ROUNDDOWN($C4287/24,0)+1,1))-1)+IF('Standard Profiles'!$G$18=$B$10,7,0)+IF('Standard Profiles'!$G$18=$B$17,14,0)+IF('Standard Profiles'!$G$18=$B$24,21,0),MOD($C4287,24)+1)/SUM(INDEX($D$3:$AA$30,INDEX(Jesper!$R$2:$R$366,ROW(INDEX(Jesper!AH$2:AH$366,ROUNDDOWN($C4287/24,0)+1,1))-1)+IF('Standard Profiles'!$G$18=$B$10,7,0)+IF('Standard Profiles'!$G$18=$B$17,14,0)+IF('Standard Profiles'!$G$18=$B$24,21,0),0)),0)</f>
        <v>8.7282732198909461</v>
      </c>
      <c r="E4287" cm="1">
        <f t="array" ref="E4287">IFERROR(INDEX(Jesper!AI$2:AI$366,ROUNDDOWN($C4287/24,0)+1,1)*INDEX($D$3:$AA$30,INDEX(Jesper!$R$2:$R$366,ROW(INDEX(Jesper!AI$2:AI$366,ROUNDDOWN($C4287/24,0)+1,1))-1)+IF('Standard Profiles'!$G$19=$B$10,7,0)+IF('Standard Profiles'!$G$19=$B$17,14,0)+IF('Standard Profiles'!$G$19=$B$24,21,0),MOD($C4287,24)+1)/SUM(INDEX($D$3:$AA$30,INDEX(Jesper!$R$2:$R$366,ROW(INDEX(Jesper!AI$2:AI$366,ROUNDDOWN($C4287/24,0)+1,1))-1)+IF('Standard Profiles'!$G$19=$B$10,7,0)+IF('Standard Profiles'!$G$19=$B$17,14,0)+IF('Standard Profiles'!$G$19=$B$24,21,0),0)),0)</f>
        <v>0</v>
      </c>
      <c r="F4287" cm="1">
        <f t="array" ref="F4287">IFERROR(INDEX(Jesper!AJ$2:AJ$366,ROUNDDOWN($C4287/24,0)+1,1)*INDEX($D$3:$AA$30,INDEX(Jesper!$R$2:$R$366,ROW(INDEX(Jesper!AJ$2:AJ$366,ROUNDDOWN($C4287/24,0)+1,1))-1)+IF('Standard Profiles'!$G$20=$B$10,7,0)+IF('Standard Profiles'!$G$20=$B$17,14,0)+IF('Standard Profiles'!$G$20=$B$24,21,0),MOD($C4287,24)+1)/SUM(INDEX($D$3:$AA$30,INDEX(Jesper!$R$2:$R$366,ROW(INDEX(Jesper!AJ$2:AJ$366,ROUNDDOWN($C4287/24,0)+1,1))-1)+IF('Standard Profiles'!$G$20=$B$10,7,0)+IF('Standard Profiles'!$G$20=$B$17,14,0)+IF('Standard Profiles'!$G$20=$B$24,21,0),0)),0)</f>
        <v>0</v>
      </c>
      <c r="G4287" cm="1">
        <f t="array" ref="G4287">IFERROR(INDEX(Jesper!AK$2:AK$366,ROUNDDOWN($C4287/24,0)+1,1)*INDEX($D$3:$AA$30,INDEX(Jesper!$R$2:$R$366,ROW(INDEX(Jesper!AK$2:AK$366,ROUNDDOWN($C4287/24,0)+1,1))-1)+IF('Standard Profiles'!$G$21=$B$10,7,0)+IF('Standard Profiles'!$G$21=$B$17,14,0)+IF('Standard Profiles'!$G$21=$B$24,21,0),MOD($C4287,24)+1)/SUM(INDEX($D$3:$AA$30,INDEX(Jesper!$R$2:$R$366,ROW(INDEX(Jesper!AK$2:AK$366,ROUNDDOWN($C4287/24,0)+1,1))-1)+IF('Standard Profiles'!$G$21=$B$10,7,0)+IF('Standard Profiles'!$G$21=$B$17,14,0)+IF('Standard Profiles'!$G$21=$B$24,21,0),0)),0)</f>
        <v>0</v>
      </c>
      <c r="H4287" cm="1">
        <f t="array" ref="H4287">IFERROR(INDEX(Jesper!AL$2:AL$366,ROUNDDOWN($C4287/24,0)+1,1)*INDEX($D$3:$AA$30,INDEX(Jesper!$R$2:$R$366,ROW(INDEX(Jesper!AL$2:AL$366,ROUNDDOWN($C4287/24,0)+1,1))-1)+IF('Standard Profiles'!$G$22=$B$10,7,0)+IF('Standard Profiles'!$G$22=$B$17,14,0)+IF('Standard Profiles'!$G$22=$B$24,21,0),MOD($C4287,24)+1)/SUM(INDEX($D$3:$AA$30,INDEX(Jesper!$R$2:$R$366,ROW(INDEX(Jesper!AL$2:AL$366,ROUNDDOWN($C4287/24,0)+1,1))-1)+IF('Standard Profiles'!$G$22=$B$10,7,0)+IF('Standard Profiles'!$G$22=$B$17,14,0)+IF('Standard Profiles'!$G$22=$B$24,21,0),0)),0)</f>
        <v>0</v>
      </c>
      <c r="I4287">
        <f t="shared" si="482"/>
        <v>0.26184819659672837</v>
      </c>
      <c r="J4287">
        <f t="shared" si="483"/>
        <v>0.87282732198909463</v>
      </c>
      <c r="K4287">
        <f t="shared" si="484"/>
        <v>1.3092409829836418</v>
      </c>
      <c r="L4287">
        <f t="shared" si="485"/>
        <v>6.2843567183214812</v>
      </c>
      <c r="M4287">
        <f t="shared" si="486"/>
        <v>0</v>
      </c>
      <c r="N4287" s="46">
        <f t="shared" si="487"/>
        <v>45469.208333323018</v>
      </c>
    </row>
    <row r="4288" spans="2:14" x14ac:dyDescent="0.3">
      <c r="B4288">
        <f t="shared" si="481"/>
        <v>3</v>
      </c>
      <c r="C4288" s="16">
        <v>4254</v>
      </c>
      <c r="D4288" cm="1">
        <f t="array" ref="D4288">IFERROR(INDEX(Jesper!AH$2:AH$366,ROUNDDOWN($C4288/24,0)+1,1)*INDEX($D$3:$AA$30,INDEX(Jesper!$R$2:$R$366,ROW(INDEX(Jesper!AH$2:AH$366,ROUNDDOWN($C4288/24,0)+1,1))-1)+IF('Standard Profiles'!$G$18=$B$10,7,0)+IF('Standard Profiles'!$G$18=$B$17,14,0)+IF('Standard Profiles'!$G$18=$B$24,21,0),MOD($C4288,24)+1)/SUM(INDEX($D$3:$AA$30,INDEX(Jesper!$R$2:$R$366,ROW(INDEX(Jesper!AH$2:AH$366,ROUNDDOWN($C4288/24,0)+1,1))-1)+IF('Standard Profiles'!$G$18=$B$10,7,0)+IF('Standard Profiles'!$G$18=$B$17,14,0)+IF('Standard Profiles'!$G$18=$B$24,21,0),0)),0)</f>
        <v>10.082660443667129</v>
      </c>
      <c r="E4288" cm="1">
        <f t="array" ref="E4288">IFERROR(INDEX(Jesper!AI$2:AI$366,ROUNDDOWN($C4288/24,0)+1,1)*INDEX($D$3:$AA$30,INDEX(Jesper!$R$2:$R$366,ROW(INDEX(Jesper!AI$2:AI$366,ROUNDDOWN($C4288/24,0)+1,1))-1)+IF('Standard Profiles'!$G$19=$B$10,7,0)+IF('Standard Profiles'!$G$19=$B$17,14,0)+IF('Standard Profiles'!$G$19=$B$24,21,0),MOD($C4288,24)+1)/SUM(INDEX($D$3:$AA$30,INDEX(Jesper!$R$2:$R$366,ROW(INDEX(Jesper!AI$2:AI$366,ROUNDDOWN($C4288/24,0)+1,1))-1)+IF('Standard Profiles'!$G$19=$B$10,7,0)+IF('Standard Profiles'!$G$19=$B$17,14,0)+IF('Standard Profiles'!$G$19=$B$24,21,0),0)),0)</f>
        <v>0</v>
      </c>
      <c r="F4288" cm="1">
        <f t="array" ref="F4288">IFERROR(INDEX(Jesper!AJ$2:AJ$366,ROUNDDOWN($C4288/24,0)+1,1)*INDEX($D$3:$AA$30,INDEX(Jesper!$R$2:$R$366,ROW(INDEX(Jesper!AJ$2:AJ$366,ROUNDDOWN($C4288/24,0)+1,1))-1)+IF('Standard Profiles'!$G$20=$B$10,7,0)+IF('Standard Profiles'!$G$20=$B$17,14,0)+IF('Standard Profiles'!$G$20=$B$24,21,0),MOD($C4288,24)+1)/SUM(INDEX($D$3:$AA$30,INDEX(Jesper!$R$2:$R$366,ROW(INDEX(Jesper!AJ$2:AJ$366,ROUNDDOWN($C4288/24,0)+1,1))-1)+IF('Standard Profiles'!$G$20=$B$10,7,0)+IF('Standard Profiles'!$G$20=$B$17,14,0)+IF('Standard Profiles'!$G$20=$B$24,21,0),0)),0)</f>
        <v>0</v>
      </c>
      <c r="G4288" cm="1">
        <f t="array" ref="G4288">IFERROR(INDEX(Jesper!AK$2:AK$366,ROUNDDOWN($C4288/24,0)+1,1)*INDEX($D$3:$AA$30,INDEX(Jesper!$R$2:$R$366,ROW(INDEX(Jesper!AK$2:AK$366,ROUNDDOWN($C4288/24,0)+1,1))-1)+IF('Standard Profiles'!$G$21=$B$10,7,0)+IF('Standard Profiles'!$G$21=$B$17,14,0)+IF('Standard Profiles'!$G$21=$B$24,21,0),MOD($C4288,24)+1)/SUM(INDEX($D$3:$AA$30,INDEX(Jesper!$R$2:$R$366,ROW(INDEX(Jesper!AK$2:AK$366,ROUNDDOWN($C4288/24,0)+1,1))-1)+IF('Standard Profiles'!$G$21=$B$10,7,0)+IF('Standard Profiles'!$G$21=$B$17,14,0)+IF('Standard Profiles'!$G$21=$B$24,21,0),0)),0)</f>
        <v>0</v>
      </c>
      <c r="H4288" cm="1">
        <f t="array" ref="H4288">IFERROR(INDEX(Jesper!AL$2:AL$366,ROUNDDOWN($C4288/24,0)+1,1)*INDEX($D$3:$AA$30,INDEX(Jesper!$R$2:$R$366,ROW(INDEX(Jesper!AL$2:AL$366,ROUNDDOWN($C4288/24,0)+1,1))-1)+IF('Standard Profiles'!$G$22=$B$10,7,0)+IF('Standard Profiles'!$G$22=$B$17,14,0)+IF('Standard Profiles'!$G$22=$B$24,21,0),MOD($C4288,24)+1)/SUM(INDEX($D$3:$AA$30,INDEX(Jesper!$R$2:$R$366,ROW(INDEX(Jesper!AL$2:AL$366,ROUNDDOWN($C4288/24,0)+1,1))-1)+IF('Standard Profiles'!$G$22=$B$10,7,0)+IF('Standard Profiles'!$G$22=$B$17,14,0)+IF('Standard Profiles'!$G$22=$B$24,21,0),0)),0)</f>
        <v>0</v>
      </c>
      <c r="I4288">
        <f t="shared" si="482"/>
        <v>0.30247981331001383</v>
      </c>
      <c r="J4288">
        <f t="shared" si="483"/>
        <v>1.0082660443667129</v>
      </c>
      <c r="K4288">
        <f t="shared" si="484"/>
        <v>1.5123990665500693</v>
      </c>
      <c r="L4288">
        <f t="shared" si="485"/>
        <v>7.259515519440332</v>
      </c>
      <c r="M4288">
        <f t="shared" si="486"/>
        <v>0</v>
      </c>
      <c r="N4288" s="46">
        <f t="shared" si="487"/>
        <v>45469.249999989683</v>
      </c>
    </row>
    <row r="4289" spans="2:14" x14ac:dyDescent="0.3">
      <c r="B4289">
        <f t="shared" si="481"/>
        <v>3</v>
      </c>
      <c r="C4289" s="16">
        <v>4255</v>
      </c>
      <c r="D4289" cm="1">
        <f t="array" ref="D4289">IFERROR(INDEX(Jesper!AH$2:AH$366,ROUNDDOWN($C4289/24,0)+1,1)*INDEX($D$3:$AA$30,INDEX(Jesper!$R$2:$R$366,ROW(INDEX(Jesper!AH$2:AH$366,ROUNDDOWN($C4289/24,0)+1,1))-1)+IF('Standard Profiles'!$G$18=$B$10,7,0)+IF('Standard Profiles'!$G$18=$B$17,14,0)+IF('Standard Profiles'!$G$18=$B$24,21,0),MOD($C4289,24)+1)/SUM(INDEX($D$3:$AA$30,INDEX(Jesper!$R$2:$R$366,ROW(INDEX(Jesper!AH$2:AH$366,ROUNDDOWN($C4289/24,0)+1,1))-1)+IF('Standard Profiles'!$G$18=$B$10,7,0)+IF('Standard Profiles'!$G$18=$B$17,14,0)+IF('Standard Profiles'!$G$18=$B$24,21,0),0)),0)</f>
        <v>10.082660443667129</v>
      </c>
      <c r="E4289" cm="1">
        <f t="array" ref="E4289">IFERROR(INDEX(Jesper!AI$2:AI$366,ROUNDDOWN($C4289/24,0)+1,1)*INDEX($D$3:$AA$30,INDEX(Jesper!$R$2:$R$366,ROW(INDEX(Jesper!AI$2:AI$366,ROUNDDOWN($C4289/24,0)+1,1))-1)+IF('Standard Profiles'!$G$19=$B$10,7,0)+IF('Standard Profiles'!$G$19=$B$17,14,0)+IF('Standard Profiles'!$G$19=$B$24,21,0),MOD($C4289,24)+1)/SUM(INDEX($D$3:$AA$30,INDEX(Jesper!$R$2:$R$366,ROW(INDEX(Jesper!AI$2:AI$366,ROUNDDOWN($C4289/24,0)+1,1))-1)+IF('Standard Profiles'!$G$19=$B$10,7,0)+IF('Standard Profiles'!$G$19=$B$17,14,0)+IF('Standard Profiles'!$G$19=$B$24,21,0),0)),0)</f>
        <v>0</v>
      </c>
      <c r="F4289" cm="1">
        <f t="array" ref="F4289">IFERROR(INDEX(Jesper!AJ$2:AJ$366,ROUNDDOWN($C4289/24,0)+1,1)*INDEX($D$3:$AA$30,INDEX(Jesper!$R$2:$R$366,ROW(INDEX(Jesper!AJ$2:AJ$366,ROUNDDOWN($C4289/24,0)+1,1))-1)+IF('Standard Profiles'!$G$20=$B$10,7,0)+IF('Standard Profiles'!$G$20=$B$17,14,0)+IF('Standard Profiles'!$G$20=$B$24,21,0),MOD($C4289,24)+1)/SUM(INDEX($D$3:$AA$30,INDEX(Jesper!$R$2:$R$366,ROW(INDEX(Jesper!AJ$2:AJ$366,ROUNDDOWN($C4289/24,0)+1,1))-1)+IF('Standard Profiles'!$G$20=$B$10,7,0)+IF('Standard Profiles'!$G$20=$B$17,14,0)+IF('Standard Profiles'!$G$20=$B$24,21,0),0)),0)</f>
        <v>0</v>
      </c>
      <c r="G4289" cm="1">
        <f t="array" ref="G4289">IFERROR(INDEX(Jesper!AK$2:AK$366,ROUNDDOWN($C4289/24,0)+1,1)*INDEX($D$3:$AA$30,INDEX(Jesper!$R$2:$R$366,ROW(INDEX(Jesper!AK$2:AK$366,ROUNDDOWN($C4289/24,0)+1,1))-1)+IF('Standard Profiles'!$G$21=$B$10,7,0)+IF('Standard Profiles'!$G$21=$B$17,14,0)+IF('Standard Profiles'!$G$21=$B$24,21,0),MOD($C4289,24)+1)/SUM(INDEX($D$3:$AA$30,INDEX(Jesper!$R$2:$R$366,ROW(INDEX(Jesper!AK$2:AK$366,ROUNDDOWN($C4289/24,0)+1,1))-1)+IF('Standard Profiles'!$G$21=$B$10,7,0)+IF('Standard Profiles'!$G$21=$B$17,14,0)+IF('Standard Profiles'!$G$21=$B$24,21,0),0)),0)</f>
        <v>0</v>
      </c>
      <c r="H4289" cm="1">
        <f t="array" ref="H4289">IFERROR(INDEX(Jesper!AL$2:AL$366,ROUNDDOWN($C4289/24,0)+1,1)*INDEX($D$3:$AA$30,INDEX(Jesper!$R$2:$R$366,ROW(INDEX(Jesper!AL$2:AL$366,ROUNDDOWN($C4289/24,0)+1,1))-1)+IF('Standard Profiles'!$G$22=$B$10,7,0)+IF('Standard Profiles'!$G$22=$B$17,14,0)+IF('Standard Profiles'!$G$22=$B$24,21,0),MOD($C4289,24)+1)/SUM(INDEX($D$3:$AA$30,INDEX(Jesper!$R$2:$R$366,ROW(INDEX(Jesper!AL$2:AL$366,ROUNDDOWN($C4289/24,0)+1,1))-1)+IF('Standard Profiles'!$G$22=$B$10,7,0)+IF('Standard Profiles'!$G$22=$B$17,14,0)+IF('Standard Profiles'!$G$22=$B$24,21,0),0)),0)</f>
        <v>0</v>
      </c>
      <c r="I4289">
        <f t="shared" si="482"/>
        <v>0.30247981331001383</v>
      </c>
      <c r="J4289">
        <f t="shared" si="483"/>
        <v>1.0082660443667129</v>
      </c>
      <c r="K4289">
        <f t="shared" si="484"/>
        <v>1.5123990665500693</v>
      </c>
      <c r="L4289">
        <f t="shared" si="485"/>
        <v>7.259515519440332</v>
      </c>
      <c r="M4289">
        <f t="shared" si="486"/>
        <v>0</v>
      </c>
      <c r="N4289" s="46">
        <f t="shared" si="487"/>
        <v>45469.291666656347</v>
      </c>
    </row>
    <row r="4290" spans="2:14" x14ac:dyDescent="0.3">
      <c r="B4290">
        <f t="shared" si="481"/>
        <v>3</v>
      </c>
      <c r="C4290" s="16">
        <v>4256</v>
      </c>
      <c r="D4290" cm="1">
        <f t="array" ref="D4290">IFERROR(INDEX(Jesper!AH$2:AH$366,ROUNDDOWN($C4290/24,0)+1,1)*INDEX($D$3:$AA$30,INDEX(Jesper!$R$2:$R$366,ROW(INDEX(Jesper!AH$2:AH$366,ROUNDDOWN($C4290/24,0)+1,1))-1)+IF('Standard Profiles'!$G$18=$B$10,7,0)+IF('Standard Profiles'!$G$18=$B$17,14,0)+IF('Standard Profiles'!$G$18=$B$24,21,0),MOD($C4290,24)+1)/SUM(INDEX($D$3:$AA$30,INDEX(Jesper!$R$2:$R$366,ROW(INDEX(Jesper!AH$2:AH$366,ROUNDDOWN($C4290/24,0)+1,1))-1)+IF('Standard Profiles'!$G$18=$B$10,7,0)+IF('Standard Profiles'!$G$18=$B$17,14,0)+IF('Standard Profiles'!$G$18=$B$24,21,0),0)),0)</f>
        <v>10.082660443667129</v>
      </c>
      <c r="E4290" cm="1">
        <f t="array" ref="E4290">IFERROR(INDEX(Jesper!AI$2:AI$366,ROUNDDOWN($C4290/24,0)+1,1)*INDEX($D$3:$AA$30,INDEX(Jesper!$R$2:$R$366,ROW(INDEX(Jesper!AI$2:AI$366,ROUNDDOWN($C4290/24,0)+1,1))-1)+IF('Standard Profiles'!$G$19=$B$10,7,0)+IF('Standard Profiles'!$G$19=$B$17,14,0)+IF('Standard Profiles'!$G$19=$B$24,21,0),MOD($C4290,24)+1)/SUM(INDEX($D$3:$AA$30,INDEX(Jesper!$R$2:$R$366,ROW(INDEX(Jesper!AI$2:AI$366,ROUNDDOWN($C4290/24,0)+1,1))-1)+IF('Standard Profiles'!$G$19=$B$10,7,0)+IF('Standard Profiles'!$G$19=$B$17,14,0)+IF('Standard Profiles'!$G$19=$B$24,21,0),0)),0)</f>
        <v>0</v>
      </c>
      <c r="F4290" cm="1">
        <f t="array" ref="F4290">IFERROR(INDEX(Jesper!AJ$2:AJ$366,ROUNDDOWN($C4290/24,0)+1,1)*INDEX($D$3:$AA$30,INDEX(Jesper!$R$2:$R$366,ROW(INDEX(Jesper!AJ$2:AJ$366,ROUNDDOWN($C4290/24,0)+1,1))-1)+IF('Standard Profiles'!$G$20=$B$10,7,0)+IF('Standard Profiles'!$G$20=$B$17,14,0)+IF('Standard Profiles'!$G$20=$B$24,21,0),MOD($C4290,24)+1)/SUM(INDEX($D$3:$AA$30,INDEX(Jesper!$R$2:$R$366,ROW(INDEX(Jesper!AJ$2:AJ$366,ROUNDDOWN($C4290/24,0)+1,1))-1)+IF('Standard Profiles'!$G$20=$B$10,7,0)+IF('Standard Profiles'!$G$20=$B$17,14,0)+IF('Standard Profiles'!$G$20=$B$24,21,0),0)),0)</f>
        <v>0</v>
      </c>
      <c r="G4290" cm="1">
        <f t="array" ref="G4290">IFERROR(INDEX(Jesper!AK$2:AK$366,ROUNDDOWN($C4290/24,0)+1,1)*INDEX($D$3:$AA$30,INDEX(Jesper!$R$2:$R$366,ROW(INDEX(Jesper!AK$2:AK$366,ROUNDDOWN($C4290/24,0)+1,1))-1)+IF('Standard Profiles'!$G$21=$B$10,7,0)+IF('Standard Profiles'!$G$21=$B$17,14,0)+IF('Standard Profiles'!$G$21=$B$24,21,0),MOD($C4290,24)+1)/SUM(INDEX($D$3:$AA$30,INDEX(Jesper!$R$2:$R$366,ROW(INDEX(Jesper!AK$2:AK$366,ROUNDDOWN($C4290/24,0)+1,1))-1)+IF('Standard Profiles'!$G$21=$B$10,7,0)+IF('Standard Profiles'!$G$21=$B$17,14,0)+IF('Standard Profiles'!$G$21=$B$24,21,0),0)),0)</f>
        <v>0</v>
      </c>
      <c r="H4290" cm="1">
        <f t="array" ref="H4290">IFERROR(INDEX(Jesper!AL$2:AL$366,ROUNDDOWN($C4290/24,0)+1,1)*INDEX($D$3:$AA$30,INDEX(Jesper!$R$2:$R$366,ROW(INDEX(Jesper!AL$2:AL$366,ROUNDDOWN($C4290/24,0)+1,1))-1)+IF('Standard Profiles'!$G$22=$B$10,7,0)+IF('Standard Profiles'!$G$22=$B$17,14,0)+IF('Standard Profiles'!$G$22=$B$24,21,0),MOD($C4290,24)+1)/SUM(INDEX($D$3:$AA$30,INDEX(Jesper!$R$2:$R$366,ROW(INDEX(Jesper!AL$2:AL$366,ROUNDDOWN($C4290/24,0)+1,1))-1)+IF('Standard Profiles'!$G$22=$B$10,7,0)+IF('Standard Profiles'!$G$22=$B$17,14,0)+IF('Standard Profiles'!$G$22=$B$24,21,0),0)),0)</f>
        <v>0</v>
      </c>
      <c r="I4290">
        <f t="shared" si="482"/>
        <v>0.30247981331001383</v>
      </c>
      <c r="J4290">
        <f t="shared" si="483"/>
        <v>1.0082660443667129</v>
      </c>
      <c r="K4290">
        <f t="shared" si="484"/>
        <v>1.5123990665500693</v>
      </c>
      <c r="L4290">
        <f t="shared" si="485"/>
        <v>7.259515519440332</v>
      </c>
      <c r="M4290">
        <f t="shared" si="486"/>
        <v>0</v>
      </c>
      <c r="N4290" s="46">
        <f t="shared" si="487"/>
        <v>45469.333333323011</v>
      </c>
    </row>
    <row r="4291" spans="2:14" x14ac:dyDescent="0.3">
      <c r="B4291">
        <f t="shared" si="481"/>
        <v>3</v>
      </c>
      <c r="C4291" s="16">
        <v>4257</v>
      </c>
      <c r="D4291" cm="1">
        <f t="array" ref="D4291">IFERROR(INDEX(Jesper!AH$2:AH$366,ROUNDDOWN($C4291/24,0)+1,1)*INDEX($D$3:$AA$30,INDEX(Jesper!$R$2:$R$366,ROW(INDEX(Jesper!AH$2:AH$366,ROUNDDOWN($C4291/24,0)+1,1))-1)+IF('Standard Profiles'!$G$18=$B$10,7,0)+IF('Standard Profiles'!$G$18=$B$17,14,0)+IF('Standard Profiles'!$G$18=$B$24,21,0),MOD($C4291,24)+1)/SUM(INDEX($D$3:$AA$30,INDEX(Jesper!$R$2:$R$366,ROW(INDEX(Jesper!AH$2:AH$366,ROUNDDOWN($C4291/24,0)+1,1))-1)+IF('Standard Profiles'!$G$18=$B$10,7,0)+IF('Standard Profiles'!$G$18=$B$17,14,0)+IF('Standard Profiles'!$G$18=$B$24,21,0),0)),0)</f>
        <v>10.835097790209451</v>
      </c>
      <c r="E4291" cm="1">
        <f t="array" ref="E4291">IFERROR(INDEX(Jesper!AI$2:AI$366,ROUNDDOWN($C4291/24,0)+1,1)*INDEX($D$3:$AA$30,INDEX(Jesper!$R$2:$R$366,ROW(INDEX(Jesper!AI$2:AI$366,ROUNDDOWN($C4291/24,0)+1,1))-1)+IF('Standard Profiles'!$G$19=$B$10,7,0)+IF('Standard Profiles'!$G$19=$B$17,14,0)+IF('Standard Profiles'!$G$19=$B$24,21,0),MOD($C4291,24)+1)/SUM(INDEX($D$3:$AA$30,INDEX(Jesper!$R$2:$R$366,ROW(INDEX(Jesper!AI$2:AI$366,ROUNDDOWN($C4291/24,0)+1,1))-1)+IF('Standard Profiles'!$G$19=$B$10,7,0)+IF('Standard Profiles'!$G$19=$B$17,14,0)+IF('Standard Profiles'!$G$19=$B$24,21,0),0)),0)</f>
        <v>0</v>
      </c>
      <c r="F4291" cm="1">
        <f t="array" ref="F4291">IFERROR(INDEX(Jesper!AJ$2:AJ$366,ROUNDDOWN($C4291/24,0)+1,1)*INDEX($D$3:$AA$30,INDEX(Jesper!$R$2:$R$366,ROW(INDEX(Jesper!AJ$2:AJ$366,ROUNDDOWN($C4291/24,0)+1,1))-1)+IF('Standard Profiles'!$G$20=$B$10,7,0)+IF('Standard Profiles'!$G$20=$B$17,14,0)+IF('Standard Profiles'!$G$20=$B$24,21,0),MOD($C4291,24)+1)/SUM(INDEX($D$3:$AA$30,INDEX(Jesper!$R$2:$R$366,ROW(INDEX(Jesper!AJ$2:AJ$366,ROUNDDOWN($C4291/24,0)+1,1))-1)+IF('Standard Profiles'!$G$20=$B$10,7,0)+IF('Standard Profiles'!$G$20=$B$17,14,0)+IF('Standard Profiles'!$G$20=$B$24,21,0),0)),0)</f>
        <v>0</v>
      </c>
      <c r="G4291" cm="1">
        <f t="array" ref="G4291">IFERROR(INDEX(Jesper!AK$2:AK$366,ROUNDDOWN($C4291/24,0)+1,1)*INDEX($D$3:$AA$30,INDEX(Jesper!$R$2:$R$366,ROW(INDEX(Jesper!AK$2:AK$366,ROUNDDOWN($C4291/24,0)+1,1))-1)+IF('Standard Profiles'!$G$21=$B$10,7,0)+IF('Standard Profiles'!$G$21=$B$17,14,0)+IF('Standard Profiles'!$G$21=$B$24,21,0),MOD($C4291,24)+1)/SUM(INDEX($D$3:$AA$30,INDEX(Jesper!$R$2:$R$366,ROW(INDEX(Jesper!AK$2:AK$366,ROUNDDOWN($C4291/24,0)+1,1))-1)+IF('Standard Profiles'!$G$21=$B$10,7,0)+IF('Standard Profiles'!$G$21=$B$17,14,0)+IF('Standard Profiles'!$G$21=$B$24,21,0),0)),0)</f>
        <v>0</v>
      </c>
      <c r="H4291" cm="1">
        <f t="array" ref="H4291">IFERROR(INDEX(Jesper!AL$2:AL$366,ROUNDDOWN($C4291/24,0)+1,1)*INDEX($D$3:$AA$30,INDEX(Jesper!$R$2:$R$366,ROW(INDEX(Jesper!AL$2:AL$366,ROUNDDOWN($C4291/24,0)+1,1))-1)+IF('Standard Profiles'!$G$22=$B$10,7,0)+IF('Standard Profiles'!$G$22=$B$17,14,0)+IF('Standard Profiles'!$G$22=$B$24,21,0),MOD($C4291,24)+1)/SUM(INDEX($D$3:$AA$30,INDEX(Jesper!$R$2:$R$366,ROW(INDEX(Jesper!AL$2:AL$366,ROUNDDOWN($C4291/24,0)+1,1))-1)+IF('Standard Profiles'!$G$22=$B$10,7,0)+IF('Standard Profiles'!$G$22=$B$17,14,0)+IF('Standard Profiles'!$G$22=$B$24,21,0),0)),0)</f>
        <v>0</v>
      </c>
      <c r="I4291">
        <f t="shared" si="482"/>
        <v>0.32505293370628352</v>
      </c>
      <c r="J4291">
        <f t="shared" si="483"/>
        <v>1.0835097790209451</v>
      </c>
      <c r="K4291">
        <f t="shared" si="484"/>
        <v>1.6252646685314176</v>
      </c>
      <c r="L4291">
        <f t="shared" si="485"/>
        <v>7.8012704089508045</v>
      </c>
      <c r="M4291">
        <f t="shared" si="486"/>
        <v>0</v>
      </c>
      <c r="N4291" s="46">
        <f t="shared" si="487"/>
        <v>45469.374999989675</v>
      </c>
    </row>
    <row r="4292" spans="2:14" x14ac:dyDescent="0.3">
      <c r="B4292">
        <f t="shared" si="481"/>
        <v>3</v>
      </c>
      <c r="C4292" s="16">
        <v>4258</v>
      </c>
      <c r="D4292" cm="1">
        <f t="array" ref="D4292">IFERROR(INDEX(Jesper!AH$2:AH$366,ROUNDDOWN($C4292/24,0)+1,1)*INDEX($D$3:$AA$30,INDEX(Jesper!$R$2:$R$366,ROW(INDEX(Jesper!AH$2:AH$366,ROUNDDOWN($C4292/24,0)+1,1))-1)+IF('Standard Profiles'!$G$18=$B$10,7,0)+IF('Standard Profiles'!$G$18=$B$17,14,0)+IF('Standard Profiles'!$G$18=$B$24,21,0),MOD($C4292,24)+1)/SUM(INDEX($D$3:$AA$30,INDEX(Jesper!$R$2:$R$366,ROW(INDEX(Jesper!AH$2:AH$366,ROUNDDOWN($C4292/24,0)+1,1))-1)+IF('Standard Profiles'!$G$18=$B$10,7,0)+IF('Standard Profiles'!$G$18=$B$17,14,0)+IF('Standard Profiles'!$G$18=$B$24,21,0),0)),0)</f>
        <v>11.738022606060238</v>
      </c>
      <c r="E4292" cm="1">
        <f t="array" ref="E4292">IFERROR(INDEX(Jesper!AI$2:AI$366,ROUNDDOWN($C4292/24,0)+1,1)*INDEX($D$3:$AA$30,INDEX(Jesper!$R$2:$R$366,ROW(INDEX(Jesper!AI$2:AI$366,ROUNDDOWN($C4292/24,0)+1,1))-1)+IF('Standard Profiles'!$G$19=$B$10,7,0)+IF('Standard Profiles'!$G$19=$B$17,14,0)+IF('Standard Profiles'!$G$19=$B$24,21,0),MOD($C4292,24)+1)/SUM(INDEX($D$3:$AA$30,INDEX(Jesper!$R$2:$R$366,ROW(INDEX(Jesper!AI$2:AI$366,ROUNDDOWN($C4292/24,0)+1,1))-1)+IF('Standard Profiles'!$G$19=$B$10,7,0)+IF('Standard Profiles'!$G$19=$B$17,14,0)+IF('Standard Profiles'!$G$19=$B$24,21,0),0)),0)</f>
        <v>0</v>
      </c>
      <c r="F4292" cm="1">
        <f t="array" ref="F4292">IFERROR(INDEX(Jesper!AJ$2:AJ$366,ROUNDDOWN($C4292/24,0)+1,1)*INDEX($D$3:$AA$30,INDEX(Jesper!$R$2:$R$366,ROW(INDEX(Jesper!AJ$2:AJ$366,ROUNDDOWN($C4292/24,0)+1,1))-1)+IF('Standard Profiles'!$G$20=$B$10,7,0)+IF('Standard Profiles'!$G$20=$B$17,14,0)+IF('Standard Profiles'!$G$20=$B$24,21,0),MOD($C4292,24)+1)/SUM(INDEX($D$3:$AA$30,INDEX(Jesper!$R$2:$R$366,ROW(INDEX(Jesper!AJ$2:AJ$366,ROUNDDOWN($C4292/24,0)+1,1))-1)+IF('Standard Profiles'!$G$20=$B$10,7,0)+IF('Standard Profiles'!$G$20=$B$17,14,0)+IF('Standard Profiles'!$G$20=$B$24,21,0),0)),0)</f>
        <v>0</v>
      </c>
      <c r="G4292" cm="1">
        <f t="array" ref="G4292">IFERROR(INDEX(Jesper!AK$2:AK$366,ROUNDDOWN($C4292/24,0)+1,1)*INDEX($D$3:$AA$30,INDEX(Jesper!$R$2:$R$366,ROW(INDEX(Jesper!AK$2:AK$366,ROUNDDOWN($C4292/24,0)+1,1))-1)+IF('Standard Profiles'!$G$21=$B$10,7,0)+IF('Standard Profiles'!$G$21=$B$17,14,0)+IF('Standard Profiles'!$G$21=$B$24,21,0),MOD($C4292,24)+1)/SUM(INDEX($D$3:$AA$30,INDEX(Jesper!$R$2:$R$366,ROW(INDEX(Jesper!AK$2:AK$366,ROUNDDOWN($C4292/24,0)+1,1))-1)+IF('Standard Profiles'!$G$21=$B$10,7,0)+IF('Standard Profiles'!$G$21=$B$17,14,0)+IF('Standard Profiles'!$G$21=$B$24,21,0),0)),0)</f>
        <v>0</v>
      </c>
      <c r="H4292" cm="1">
        <f t="array" ref="H4292">IFERROR(INDEX(Jesper!AL$2:AL$366,ROUNDDOWN($C4292/24,0)+1,1)*INDEX($D$3:$AA$30,INDEX(Jesper!$R$2:$R$366,ROW(INDEX(Jesper!AL$2:AL$366,ROUNDDOWN($C4292/24,0)+1,1))-1)+IF('Standard Profiles'!$G$22=$B$10,7,0)+IF('Standard Profiles'!$G$22=$B$17,14,0)+IF('Standard Profiles'!$G$22=$B$24,21,0),MOD($C4292,24)+1)/SUM(INDEX($D$3:$AA$30,INDEX(Jesper!$R$2:$R$366,ROW(INDEX(Jesper!AL$2:AL$366,ROUNDDOWN($C4292/24,0)+1,1))-1)+IF('Standard Profiles'!$G$22=$B$10,7,0)+IF('Standard Profiles'!$G$22=$B$17,14,0)+IF('Standard Profiles'!$G$22=$B$24,21,0),0)),0)</f>
        <v>0</v>
      </c>
      <c r="I4292">
        <f t="shared" si="482"/>
        <v>0.35214067818180711</v>
      </c>
      <c r="J4292">
        <f t="shared" si="483"/>
        <v>1.1738022606060239</v>
      </c>
      <c r="K4292">
        <f t="shared" si="484"/>
        <v>1.7607033909090355</v>
      </c>
      <c r="L4292">
        <f t="shared" si="485"/>
        <v>8.4513762763633711</v>
      </c>
      <c r="M4292">
        <f t="shared" si="486"/>
        <v>0</v>
      </c>
      <c r="N4292" s="46">
        <f t="shared" si="487"/>
        <v>45469.41666665634</v>
      </c>
    </row>
    <row r="4293" spans="2:14" x14ac:dyDescent="0.3">
      <c r="B4293">
        <f t="shared" si="481"/>
        <v>3</v>
      </c>
      <c r="C4293" s="16">
        <v>4259</v>
      </c>
      <c r="D4293" cm="1">
        <f t="array" ref="D4293">IFERROR(INDEX(Jesper!AH$2:AH$366,ROUNDDOWN($C4293/24,0)+1,1)*INDEX($D$3:$AA$30,INDEX(Jesper!$R$2:$R$366,ROW(INDEX(Jesper!AH$2:AH$366,ROUNDDOWN($C4293/24,0)+1,1))-1)+IF('Standard Profiles'!$G$18=$B$10,7,0)+IF('Standard Profiles'!$G$18=$B$17,14,0)+IF('Standard Profiles'!$G$18=$B$24,21,0),MOD($C4293,24)+1)/SUM(INDEX($D$3:$AA$30,INDEX(Jesper!$R$2:$R$366,ROW(INDEX(Jesper!AH$2:AH$366,ROUNDDOWN($C4293/24,0)+1,1))-1)+IF('Standard Profiles'!$G$18=$B$10,7,0)+IF('Standard Profiles'!$G$18=$B$17,14,0)+IF('Standard Profiles'!$G$18=$B$24,21,0),0)),0)</f>
        <v>13.543872237761812</v>
      </c>
      <c r="E4293" cm="1">
        <f t="array" ref="E4293">IFERROR(INDEX(Jesper!AI$2:AI$366,ROUNDDOWN($C4293/24,0)+1,1)*INDEX($D$3:$AA$30,INDEX(Jesper!$R$2:$R$366,ROW(INDEX(Jesper!AI$2:AI$366,ROUNDDOWN($C4293/24,0)+1,1))-1)+IF('Standard Profiles'!$G$19=$B$10,7,0)+IF('Standard Profiles'!$G$19=$B$17,14,0)+IF('Standard Profiles'!$G$19=$B$24,21,0),MOD($C4293,24)+1)/SUM(INDEX($D$3:$AA$30,INDEX(Jesper!$R$2:$R$366,ROW(INDEX(Jesper!AI$2:AI$366,ROUNDDOWN($C4293/24,0)+1,1))-1)+IF('Standard Profiles'!$G$19=$B$10,7,0)+IF('Standard Profiles'!$G$19=$B$17,14,0)+IF('Standard Profiles'!$G$19=$B$24,21,0),0)),0)</f>
        <v>0</v>
      </c>
      <c r="F4293" cm="1">
        <f t="array" ref="F4293">IFERROR(INDEX(Jesper!AJ$2:AJ$366,ROUNDDOWN($C4293/24,0)+1,1)*INDEX($D$3:$AA$30,INDEX(Jesper!$R$2:$R$366,ROW(INDEX(Jesper!AJ$2:AJ$366,ROUNDDOWN($C4293/24,0)+1,1))-1)+IF('Standard Profiles'!$G$20=$B$10,7,0)+IF('Standard Profiles'!$G$20=$B$17,14,0)+IF('Standard Profiles'!$G$20=$B$24,21,0),MOD($C4293,24)+1)/SUM(INDEX($D$3:$AA$30,INDEX(Jesper!$R$2:$R$366,ROW(INDEX(Jesper!AJ$2:AJ$366,ROUNDDOWN($C4293/24,0)+1,1))-1)+IF('Standard Profiles'!$G$20=$B$10,7,0)+IF('Standard Profiles'!$G$20=$B$17,14,0)+IF('Standard Profiles'!$G$20=$B$24,21,0),0)),0)</f>
        <v>0</v>
      </c>
      <c r="G4293" cm="1">
        <f t="array" ref="G4293">IFERROR(INDEX(Jesper!AK$2:AK$366,ROUNDDOWN($C4293/24,0)+1,1)*INDEX($D$3:$AA$30,INDEX(Jesper!$R$2:$R$366,ROW(INDEX(Jesper!AK$2:AK$366,ROUNDDOWN($C4293/24,0)+1,1))-1)+IF('Standard Profiles'!$G$21=$B$10,7,0)+IF('Standard Profiles'!$G$21=$B$17,14,0)+IF('Standard Profiles'!$G$21=$B$24,21,0),MOD($C4293,24)+1)/SUM(INDEX($D$3:$AA$30,INDEX(Jesper!$R$2:$R$366,ROW(INDEX(Jesper!AK$2:AK$366,ROUNDDOWN($C4293/24,0)+1,1))-1)+IF('Standard Profiles'!$G$21=$B$10,7,0)+IF('Standard Profiles'!$G$21=$B$17,14,0)+IF('Standard Profiles'!$G$21=$B$24,21,0),0)),0)</f>
        <v>0</v>
      </c>
      <c r="H4293" cm="1">
        <f t="array" ref="H4293">IFERROR(INDEX(Jesper!AL$2:AL$366,ROUNDDOWN($C4293/24,0)+1,1)*INDEX($D$3:$AA$30,INDEX(Jesper!$R$2:$R$366,ROW(INDEX(Jesper!AL$2:AL$366,ROUNDDOWN($C4293/24,0)+1,1))-1)+IF('Standard Profiles'!$G$22=$B$10,7,0)+IF('Standard Profiles'!$G$22=$B$17,14,0)+IF('Standard Profiles'!$G$22=$B$24,21,0),MOD($C4293,24)+1)/SUM(INDEX($D$3:$AA$30,INDEX(Jesper!$R$2:$R$366,ROW(INDEX(Jesper!AL$2:AL$366,ROUNDDOWN($C4293/24,0)+1,1))-1)+IF('Standard Profiles'!$G$22=$B$10,7,0)+IF('Standard Profiles'!$G$22=$B$17,14,0)+IF('Standard Profiles'!$G$22=$B$24,21,0),0)),0)</f>
        <v>0</v>
      </c>
      <c r="I4293">
        <f t="shared" si="482"/>
        <v>0.40631616713285434</v>
      </c>
      <c r="J4293">
        <f t="shared" si="483"/>
        <v>1.3543872237761814</v>
      </c>
      <c r="K4293">
        <f t="shared" si="484"/>
        <v>2.0315808356642719</v>
      </c>
      <c r="L4293">
        <f t="shared" si="485"/>
        <v>9.7515880111885043</v>
      </c>
      <c r="M4293">
        <f t="shared" si="486"/>
        <v>0</v>
      </c>
      <c r="N4293" s="46">
        <f t="shared" si="487"/>
        <v>45469.458333323004</v>
      </c>
    </row>
    <row r="4294" spans="2:14" x14ac:dyDescent="0.3">
      <c r="B4294">
        <f t="shared" si="481"/>
        <v>3</v>
      </c>
      <c r="C4294" s="16">
        <v>4260</v>
      </c>
      <c r="D4294" cm="1">
        <f t="array" ref="D4294">IFERROR(INDEX(Jesper!AH$2:AH$366,ROUNDDOWN($C4294/24,0)+1,1)*INDEX($D$3:$AA$30,INDEX(Jesper!$R$2:$R$366,ROW(INDEX(Jesper!AH$2:AH$366,ROUNDDOWN($C4294/24,0)+1,1))-1)+IF('Standard Profiles'!$G$18=$B$10,7,0)+IF('Standard Profiles'!$G$18=$B$17,14,0)+IF('Standard Profiles'!$G$18=$B$24,21,0),MOD($C4294,24)+1)/SUM(INDEX($D$3:$AA$30,INDEX(Jesper!$R$2:$R$366,ROW(INDEX(Jesper!AH$2:AH$366,ROUNDDOWN($C4294/24,0)+1,1))-1)+IF('Standard Profiles'!$G$18=$B$10,7,0)+IF('Standard Profiles'!$G$18=$B$17,14,0)+IF('Standard Profiles'!$G$18=$B$24,21,0),0)),0)</f>
        <v>13.543872237761812</v>
      </c>
      <c r="E4294" cm="1">
        <f t="array" ref="E4294">IFERROR(INDEX(Jesper!AI$2:AI$366,ROUNDDOWN($C4294/24,0)+1,1)*INDEX($D$3:$AA$30,INDEX(Jesper!$R$2:$R$366,ROW(INDEX(Jesper!AI$2:AI$366,ROUNDDOWN($C4294/24,0)+1,1))-1)+IF('Standard Profiles'!$G$19=$B$10,7,0)+IF('Standard Profiles'!$G$19=$B$17,14,0)+IF('Standard Profiles'!$G$19=$B$24,21,0),MOD($C4294,24)+1)/SUM(INDEX($D$3:$AA$30,INDEX(Jesper!$R$2:$R$366,ROW(INDEX(Jesper!AI$2:AI$366,ROUNDDOWN($C4294/24,0)+1,1))-1)+IF('Standard Profiles'!$G$19=$B$10,7,0)+IF('Standard Profiles'!$G$19=$B$17,14,0)+IF('Standard Profiles'!$G$19=$B$24,21,0),0)),0)</f>
        <v>0</v>
      </c>
      <c r="F4294" cm="1">
        <f t="array" ref="F4294">IFERROR(INDEX(Jesper!AJ$2:AJ$366,ROUNDDOWN($C4294/24,0)+1,1)*INDEX($D$3:$AA$30,INDEX(Jesper!$R$2:$R$366,ROW(INDEX(Jesper!AJ$2:AJ$366,ROUNDDOWN($C4294/24,0)+1,1))-1)+IF('Standard Profiles'!$G$20=$B$10,7,0)+IF('Standard Profiles'!$G$20=$B$17,14,0)+IF('Standard Profiles'!$G$20=$B$24,21,0),MOD($C4294,24)+1)/SUM(INDEX($D$3:$AA$30,INDEX(Jesper!$R$2:$R$366,ROW(INDEX(Jesper!AJ$2:AJ$366,ROUNDDOWN($C4294/24,0)+1,1))-1)+IF('Standard Profiles'!$G$20=$B$10,7,0)+IF('Standard Profiles'!$G$20=$B$17,14,0)+IF('Standard Profiles'!$G$20=$B$24,21,0),0)),0)</f>
        <v>0</v>
      </c>
      <c r="G4294" cm="1">
        <f t="array" ref="G4294">IFERROR(INDEX(Jesper!AK$2:AK$366,ROUNDDOWN($C4294/24,0)+1,1)*INDEX($D$3:$AA$30,INDEX(Jesper!$R$2:$R$366,ROW(INDEX(Jesper!AK$2:AK$366,ROUNDDOWN($C4294/24,0)+1,1))-1)+IF('Standard Profiles'!$G$21=$B$10,7,0)+IF('Standard Profiles'!$G$21=$B$17,14,0)+IF('Standard Profiles'!$G$21=$B$24,21,0),MOD($C4294,24)+1)/SUM(INDEX($D$3:$AA$30,INDEX(Jesper!$R$2:$R$366,ROW(INDEX(Jesper!AK$2:AK$366,ROUNDDOWN($C4294/24,0)+1,1))-1)+IF('Standard Profiles'!$G$21=$B$10,7,0)+IF('Standard Profiles'!$G$21=$B$17,14,0)+IF('Standard Profiles'!$G$21=$B$24,21,0),0)),0)</f>
        <v>0</v>
      </c>
      <c r="H4294" cm="1">
        <f t="array" ref="H4294">IFERROR(INDEX(Jesper!AL$2:AL$366,ROUNDDOWN($C4294/24,0)+1,1)*INDEX($D$3:$AA$30,INDEX(Jesper!$R$2:$R$366,ROW(INDEX(Jesper!AL$2:AL$366,ROUNDDOWN($C4294/24,0)+1,1))-1)+IF('Standard Profiles'!$G$22=$B$10,7,0)+IF('Standard Profiles'!$G$22=$B$17,14,0)+IF('Standard Profiles'!$G$22=$B$24,21,0),MOD($C4294,24)+1)/SUM(INDEX($D$3:$AA$30,INDEX(Jesper!$R$2:$R$366,ROW(INDEX(Jesper!AL$2:AL$366,ROUNDDOWN($C4294/24,0)+1,1))-1)+IF('Standard Profiles'!$G$22=$B$10,7,0)+IF('Standard Profiles'!$G$22=$B$17,14,0)+IF('Standard Profiles'!$G$22=$B$24,21,0),0)),0)</f>
        <v>0</v>
      </c>
      <c r="I4294">
        <f t="shared" si="482"/>
        <v>0.40631616713285434</v>
      </c>
      <c r="J4294">
        <f t="shared" si="483"/>
        <v>1.3543872237761814</v>
      </c>
      <c r="K4294">
        <f t="shared" si="484"/>
        <v>2.0315808356642719</v>
      </c>
      <c r="L4294">
        <f t="shared" si="485"/>
        <v>9.7515880111885043</v>
      </c>
      <c r="M4294">
        <f t="shared" si="486"/>
        <v>0</v>
      </c>
      <c r="N4294" s="46">
        <f t="shared" si="487"/>
        <v>45469.499999989668</v>
      </c>
    </row>
    <row r="4295" spans="2:14" x14ac:dyDescent="0.3">
      <c r="B4295">
        <f t="shared" si="481"/>
        <v>3</v>
      </c>
      <c r="C4295" s="16">
        <v>4261</v>
      </c>
      <c r="D4295" cm="1">
        <f t="array" ref="D4295">IFERROR(INDEX(Jesper!AH$2:AH$366,ROUNDDOWN($C4295/24,0)+1,1)*INDEX($D$3:$AA$30,INDEX(Jesper!$R$2:$R$366,ROW(INDEX(Jesper!AH$2:AH$366,ROUNDDOWN($C4295/24,0)+1,1))-1)+IF('Standard Profiles'!$G$18=$B$10,7,0)+IF('Standard Profiles'!$G$18=$B$17,14,0)+IF('Standard Profiles'!$G$18=$B$24,21,0),MOD($C4295,24)+1)/SUM(INDEX($D$3:$AA$30,INDEX(Jesper!$R$2:$R$366,ROW(INDEX(Jesper!AH$2:AH$366,ROUNDDOWN($C4295/24,0)+1,1))-1)+IF('Standard Profiles'!$G$18=$B$10,7,0)+IF('Standard Profiles'!$G$18=$B$17,14,0)+IF('Standard Profiles'!$G$18=$B$24,21,0),0)),0)</f>
        <v>13.543872237761812</v>
      </c>
      <c r="E4295" cm="1">
        <f t="array" ref="E4295">IFERROR(INDEX(Jesper!AI$2:AI$366,ROUNDDOWN($C4295/24,0)+1,1)*INDEX($D$3:$AA$30,INDEX(Jesper!$R$2:$R$366,ROW(INDEX(Jesper!AI$2:AI$366,ROUNDDOWN($C4295/24,0)+1,1))-1)+IF('Standard Profiles'!$G$19=$B$10,7,0)+IF('Standard Profiles'!$G$19=$B$17,14,0)+IF('Standard Profiles'!$G$19=$B$24,21,0),MOD($C4295,24)+1)/SUM(INDEX($D$3:$AA$30,INDEX(Jesper!$R$2:$R$366,ROW(INDEX(Jesper!AI$2:AI$366,ROUNDDOWN($C4295/24,0)+1,1))-1)+IF('Standard Profiles'!$G$19=$B$10,7,0)+IF('Standard Profiles'!$G$19=$B$17,14,0)+IF('Standard Profiles'!$G$19=$B$24,21,0),0)),0)</f>
        <v>0</v>
      </c>
      <c r="F4295" cm="1">
        <f t="array" ref="F4295">IFERROR(INDEX(Jesper!AJ$2:AJ$366,ROUNDDOWN($C4295/24,0)+1,1)*INDEX($D$3:$AA$30,INDEX(Jesper!$R$2:$R$366,ROW(INDEX(Jesper!AJ$2:AJ$366,ROUNDDOWN($C4295/24,0)+1,1))-1)+IF('Standard Profiles'!$G$20=$B$10,7,0)+IF('Standard Profiles'!$G$20=$B$17,14,0)+IF('Standard Profiles'!$G$20=$B$24,21,0),MOD($C4295,24)+1)/SUM(INDEX($D$3:$AA$30,INDEX(Jesper!$R$2:$R$366,ROW(INDEX(Jesper!AJ$2:AJ$366,ROUNDDOWN($C4295/24,0)+1,1))-1)+IF('Standard Profiles'!$G$20=$B$10,7,0)+IF('Standard Profiles'!$G$20=$B$17,14,0)+IF('Standard Profiles'!$G$20=$B$24,21,0),0)),0)</f>
        <v>0</v>
      </c>
      <c r="G4295" cm="1">
        <f t="array" ref="G4295">IFERROR(INDEX(Jesper!AK$2:AK$366,ROUNDDOWN($C4295/24,0)+1,1)*INDEX($D$3:$AA$30,INDEX(Jesper!$R$2:$R$366,ROW(INDEX(Jesper!AK$2:AK$366,ROUNDDOWN($C4295/24,0)+1,1))-1)+IF('Standard Profiles'!$G$21=$B$10,7,0)+IF('Standard Profiles'!$G$21=$B$17,14,0)+IF('Standard Profiles'!$G$21=$B$24,21,0),MOD($C4295,24)+1)/SUM(INDEX($D$3:$AA$30,INDEX(Jesper!$R$2:$R$366,ROW(INDEX(Jesper!AK$2:AK$366,ROUNDDOWN($C4295/24,0)+1,1))-1)+IF('Standard Profiles'!$G$21=$B$10,7,0)+IF('Standard Profiles'!$G$21=$B$17,14,0)+IF('Standard Profiles'!$G$21=$B$24,21,0),0)),0)</f>
        <v>0</v>
      </c>
      <c r="H4295" cm="1">
        <f t="array" ref="H4295">IFERROR(INDEX(Jesper!AL$2:AL$366,ROUNDDOWN($C4295/24,0)+1,1)*INDEX($D$3:$AA$30,INDEX(Jesper!$R$2:$R$366,ROW(INDEX(Jesper!AL$2:AL$366,ROUNDDOWN($C4295/24,0)+1,1))-1)+IF('Standard Profiles'!$G$22=$B$10,7,0)+IF('Standard Profiles'!$G$22=$B$17,14,0)+IF('Standard Profiles'!$G$22=$B$24,21,0),MOD($C4295,24)+1)/SUM(INDEX($D$3:$AA$30,INDEX(Jesper!$R$2:$R$366,ROW(INDEX(Jesper!AL$2:AL$366,ROUNDDOWN($C4295/24,0)+1,1))-1)+IF('Standard Profiles'!$G$22=$B$10,7,0)+IF('Standard Profiles'!$G$22=$B$17,14,0)+IF('Standard Profiles'!$G$22=$B$24,21,0),0)),0)</f>
        <v>0</v>
      </c>
      <c r="I4295">
        <f t="shared" si="482"/>
        <v>0.40631616713285434</v>
      </c>
      <c r="J4295">
        <f t="shared" si="483"/>
        <v>1.3543872237761814</v>
      </c>
      <c r="K4295">
        <f t="shared" si="484"/>
        <v>2.0315808356642719</v>
      </c>
      <c r="L4295">
        <f t="shared" si="485"/>
        <v>9.7515880111885043</v>
      </c>
      <c r="M4295">
        <f t="shared" si="486"/>
        <v>0</v>
      </c>
      <c r="N4295" s="46">
        <f t="shared" si="487"/>
        <v>45469.541666656332</v>
      </c>
    </row>
    <row r="4296" spans="2:14" x14ac:dyDescent="0.3">
      <c r="B4296">
        <f t="shared" si="481"/>
        <v>3</v>
      </c>
      <c r="C4296" s="16">
        <v>4262</v>
      </c>
      <c r="D4296" cm="1">
        <f t="array" ref="D4296">IFERROR(INDEX(Jesper!AH$2:AH$366,ROUNDDOWN($C4296/24,0)+1,1)*INDEX($D$3:$AA$30,INDEX(Jesper!$R$2:$R$366,ROW(INDEX(Jesper!AH$2:AH$366,ROUNDDOWN($C4296/24,0)+1,1))-1)+IF('Standard Profiles'!$G$18=$B$10,7,0)+IF('Standard Profiles'!$G$18=$B$17,14,0)+IF('Standard Profiles'!$G$18=$B$24,21,0),MOD($C4296,24)+1)/SUM(INDEX($D$3:$AA$30,INDEX(Jesper!$R$2:$R$366,ROW(INDEX(Jesper!AH$2:AH$366,ROUNDDOWN($C4296/24,0)+1,1))-1)+IF('Standard Profiles'!$G$18=$B$10,7,0)+IF('Standard Profiles'!$G$18=$B$17,14,0)+IF('Standard Profiles'!$G$18=$B$24,21,0),0)),0)</f>
        <v>13.543872237761812</v>
      </c>
      <c r="E4296" cm="1">
        <f t="array" ref="E4296">IFERROR(INDEX(Jesper!AI$2:AI$366,ROUNDDOWN($C4296/24,0)+1,1)*INDEX($D$3:$AA$30,INDEX(Jesper!$R$2:$R$366,ROW(INDEX(Jesper!AI$2:AI$366,ROUNDDOWN($C4296/24,0)+1,1))-1)+IF('Standard Profiles'!$G$19=$B$10,7,0)+IF('Standard Profiles'!$G$19=$B$17,14,0)+IF('Standard Profiles'!$G$19=$B$24,21,0),MOD($C4296,24)+1)/SUM(INDEX($D$3:$AA$30,INDEX(Jesper!$R$2:$R$366,ROW(INDEX(Jesper!AI$2:AI$366,ROUNDDOWN($C4296/24,0)+1,1))-1)+IF('Standard Profiles'!$G$19=$B$10,7,0)+IF('Standard Profiles'!$G$19=$B$17,14,0)+IF('Standard Profiles'!$G$19=$B$24,21,0),0)),0)</f>
        <v>0</v>
      </c>
      <c r="F4296" cm="1">
        <f t="array" ref="F4296">IFERROR(INDEX(Jesper!AJ$2:AJ$366,ROUNDDOWN($C4296/24,0)+1,1)*INDEX($D$3:$AA$30,INDEX(Jesper!$R$2:$R$366,ROW(INDEX(Jesper!AJ$2:AJ$366,ROUNDDOWN($C4296/24,0)+1,1))-1)+IF('Standard Profiles'!$G$20=$B$10,7,0)+IF('Standard Profiles'!$G$20=$B$17,14,0)+IF('Standard Profiles'!$G$20=$B$24,21,0),MOD($C4296,24)+1)/SUM(INDEX($D$3:$AA$30,INDEX(Jesper!$R$2:$R$366,ROW(INDEX(Jesper!AJ$2:AJ$366,ROUNDDOWN($C4296/24,0)+1,1))-1)+IF('Standard Profiles'!$G$20=$B$10,7,0)+IF('Standard Profiles'!$G$20=$B$17,14,0)+IF('Standard Profiles'!$G$20=$B$24,21,0),0)),0)</f>
        <v>0</v>
      </c>
      <c r="G4296" cm="1">
        <f t="array" ref="G4296">IFERROR(INDEX(Jesper!AK$2:AK$366,ROUNDDOWN($C4296/24,0)+1,1)*INDEX($D$3:$AA$30,INDEX(Jesper!$R$2:$R$366,ROW(INDEX(Jesper!AK$2:AK$366,ROUNDDOWN($C4296/24,0)+1,1))-1)+IF('Standard Profiles'!$G$21=$B$10,7,0)+IF('Standard Profiles'!$G$21=$B$17,14,0)+IF('Standard Profiles'!$G$21=$B$24,21,0),MOD($C4296,24)+1)/SUM(INDEX($D$3:$AA$30,INDEX(Jesper!$R$2:$R$366,ROW(INDEX(Jesper!AK$2:AK$366,ROUNDDOWN($C4296/24,0)+1,1))-1)+IF('Standard Profiles'!$G$21=$B$10,7,0)+IF('Standard Profiles'!$G$21=$B$17,14,0)+IF('Standard Profiles'!$G$21=$B$24,21,0),0)),0)</f>
        <v>0</v>
      </c>
      <c r="H4296" cm="1">
        <f t="array" ref="H4296">IFERROR(INDEX(Jesper!AL$2:AL$366,ROUNDDOWN($C4296/24,0)+1,1)*INDEX($D$3:$AA$30,INDEX(Jesper!$R$2:$R$366,ROW(INDEX(Jesper!AL$2:AL$366,ROUNDDOWN($C4296/24,0)+1,1))-1)+IF('Standard Profiles'!$G$22=$B$10,7,0)+IF('Standard Profiles'!$G$22=$B$17,14,0)+IF('Standard Profiles'!$G$22=$B$24,21,0),MOD($C4296,24)+1)/SUM(INDEX($D$3:$AA$30,INDEX(Jesper!$R$2:$R$366,ROW(INDEX(Jesper!AL$2:AL$366,ROUNDDOWN($C4296/24,0)+1,1))-1)+IF('Standard Profiles'!$G$22=$B$10,7,0)+IF('Standard Profiles'!$G$22=$B$17,14,0)+IF('Standard Profiles'!$G$22=$B$24,21,0),0)),0)</f>
        <v>0</v>
      </c>
      <c r="I4296">
        <f t="shared" si="482"/>
        <v>0.40631616713285434</v>
      </c>
      <c r="J4296">
        <f t="shared" si="483"/>
        <v>1.3543872237761814</v>
      </c>
      <c r="K4296">
        <f t="shared" si="484"/>
        <v>2.0315808356642719</v>
      </c>
      <c r="L4296">
        <f t="shared" si="485"/>
        <v>9.7515880111885043</v>
      </c>
      <c r="M4296">
        <f t="shared" si="486"/>
        <v>0</v>
      </c>
      <c r="N4296" s="46">
        <f t="shared" si="487"/>
        <v>45469.583333322997</v>
      </c>
    </row>
    <row r="4297" spans="2:14" x14ac:dyDescent="0.3">
      <c r="B4297">
        <f t="shared" si="481"/>
        <v>3</v>
      </c>
      <c r="C4297" s="16">
        <v>4263</v>
      </c>
      <c r="D4297" cm="1">
        <f t="array" ref="D4297">IFERROR(INDEX(Jesper!AH$2:AH$366,ROUNDDOWN($C4297/24,0)+1,1)*INDEX($D$3:$AA$30,INDEX(Jesper!$R$2:$R$366,ROW(INDEX(Jesper!AH$2:AH$366,ROUNDDOWN($C4297/24,0)+1,1))-1)+IF('Standard Profiles'!$G$18=$B$10,7,0)+IF('Standard Profiles'!$G$18=$B$17,14,0)+IF('Standard Profiles'!$G$18=$B$24,21,0),MOD($C4297,24)+1)/SUM(INDEX($D$3:$AA$30,INDEX(Jesper!$R$2:$R$366,ROW(INDEX(Jesper!AH$2:AH$366,ROUNDDOWN($C4297/24,0)+1,1))-1)+IF('Standard Profiles'!$G$18=$B$10,7,0)+IF('Standard Profiles'!$G$18=$B$17,14,0)+IF('Standard Profiles'!$G$18=$B$24,21,0),0)),0)</f>
        <v>13.543872237761812</v>
      </c>
      <c r="E4297" cm="1">
        <f t="array" ref="E4297">IFERROR(INDEX(Jesper!AI$2:AI$366,ROUNDDOWN($C4297/24,0)+1,1)*INDEX($D$3:$AA$30,INDEX(Jesper!$R$2:$R$366,ROW(INDEX(Jesper!AI$2:AI$366,ROUNDDOWN($C4297/24,0)+1,1))-1)+IF('Standard Profiles'!$G$19=$B$10,7,0)+IF('Standard Profiles'!$G$19=$B$17,14,0)+IF('Standard Profiles'!$G$19=$B$24,21,0),MOD($C4297,24)+1)/SUM(INDEX($D$3:$AA$30,INDEX(Jesper!$R$2:$R$366,ROW(INDEX(Jesper!AI$2:AI$366,ROUNDDOWN($C4297/24,0)+1,1))-1)+IF('Standard Profiles'!$G$19=$B$10,7,0)+IF('Standard Profiles'!$G$19=$B$17,14,0)+IF('Standard Profiles'!$G$19=$B$24,21,0),0)),0)</f>
        <v>0</v>
      </c>
      <c r="F4297" cm="1">
        <f t="array" ref="F4297">IFERROR(INDEX(Jesper!AJ$2:AJ$366,ROUNDDOWN($C4297/24,0)+1,1)*INDEX($D$3:$AA$30,INDEX(Jesper!$R$2:$R$366,ROW(INDEX(Jesper!AJ$2:AJ$366,ROUNDDOWN($C4297/24,0)+1,1))-1)+IF('Standard Profiles'!$G$20=$B$10,7,0)+IF('Standard Profiles'!$G$20=$B$17,14,0)+IF('Standard Profiles'!$G$20=$B$24,21,0),MOD($C4297,24)+1)/SUM(INDEX($D$3:$AA$30,INDEX(Jesper!$R$2:$R$366,ROW(INDEX(Jesper!AJ$2:AJ$366,ROUNDDOWN($C4297/24,0)+1,1))-1)+IF('Standard Profiles'!$G$20=$B$10,7,0)+IF('Standard Profiles'!$G$20=$B$17,14,0)+IF('Standard Profiles'!$G$20=$B$24,21,0),0)),0)</f>
        <v>0</v>
      </c>
      <c r="G4297" cm="1">
        <f t="array" ref="G4297">IFERROR(INDEX(Jesper!AK$2:AK$366,ROUNDDOWN($C4297/24,0)+1,1)*INDEX($D$3:$AA$30,INDEX(Jesper!$R$2:$R$366,ROW(INDEX(Jesper!AK$2:AK$366,ROUNDDOWN($C4297/24,0)+1,1))-1)+IF('Standard Profiles'!$G$21=$B$10,7,0)+IF('Standard Profiles'!$G$21=$B$17,14,0)+IF('Standard Profiles'!$G$21=$B$24,21,0),MOD($C4297,24)+1)/SUM(INDEX($D$3:$AA$30,INDEX(Jesper!$R$2:$R$366,ROW(INDEX(Jesper!AK$2:AK$366,ROUNDDOWN($C4297/24,0)+1,1))-1)+IF('Standard Profiles'!$G$21=$B$10,7,0)+IF('Standard Profiles'!$G$21=$B$17,14,0)+IF('Standard Profiles'!$G$21=$B$24,21,0),0)),0)</f>
        <v>0</v>
      </c>
      <c r="H4297" cm="1">
        <f t="array" ref="H4297">IFERROR(INDEX(Jesper!AL$2:AL$366,ROUNDDOWN($C4297/24,0)+1,1)*INDEX($D$3:$AA$30,INDEX(Jesper!$R$2:$R$366,ROW(INDEX(Jesper!AL$2:AL$366,ROUNDDOWN($C4297/24,0)+1,1))-1)+IF('Standard Profiles'!$G$22=$B$10,7,0)+IF('Standard Profiles'!$G$22=$B$17,14,0)+IF('Standard Profiles'!$G$22=$B$24,21,0),MOD($C4297,24)+1)/SUM(INDEX($D$3:$AA$30,INDEX(Jesper!$R$2:$R$366,ROW(INDEX(Jesper!AL$2:AL$366,ROUNDDOWN($C4297/24,0)+1,1))-1)+IF('Standard Profiles'!$G$22=$B$10,7,0)+IF('Standard Profiles'!$G$22=$B$17,14,0)+IF('Standard Profiles'!$G$22=$B$24,21,0),0)),0)</f>
        <v>0</v>
      </c>
      <c r="I4297">
        <f t="shared" si="482"/>
        <v>0.40631616713285434</v>
      </c>
      <c r="J4297">
        <f t="shared" si="483"/>
        <v>1.3543872237761814</v>
      </c>
      <c r="K4297">
        <f t="shared" si="484"/>
        <v>2.0315808356642719</v>
      </c>
      <c r="L4297">
        <f t="shared" si="485"/>
        <v>9.7515880111885043</v>
      </c>
      <c r="M4297">
        <f t="shared" si="486"/>
        <v>0</v>
      </c>
      <c r="N4297" s="46">
        <f t="shared" si="487"/>
        <v>45469.624999989661</v>
      </c>
    </row>
    <row r="4298" spans="2:14" x14ac:dyDescent="0.3">
      <c r="B4298">
        <f t="shared" si="481"/>
        <v>3</v>
      </c>
      <c r="C4298" s="16">
        <v>4264</v>
      </c>
      <c r="D4298" cm="1">
        <f t="array" ref="D4298">IFERROR(INDEX(Jesper!AH$2:AH$366,ROUNDDOWN($C4298/24,0)+1,1)*INDEX($D$3:$AA$30,INDEX(Jesper!$R$2:$R$366,ROW(INDEX(Jesper!AH$2:AH$366,ROUNDDOWN($C4298/24,0)+1,1))-1)+IF('Standard Profiles'!$G$18=$B$10,7,0)+IF('Standard Profiles'!$G$18=$B$17,14,0)+IF('Standard Profiles'!$G$18=$B$24,21,0),MOD($C4298,24)+1)/SUM(INDEX($D$3:$AA$30,INDEX(Jesper!$R$2:$R$366,ROW(INDEX(Jesper!AH$2:AH$366,ROUNDDOWN($C4298/24,0)+1,1))-1)+IF('Standard Profiles'!$G$18=$B$10,7,0)+IF('Standard Profiles'!$G$18=$B$17,14,0)+IF('Standard Profiles'!$G$18=$B$24,21,0),0)),0)</f>
        <v>13.543872237761812</v>
      </c>
      <c r="E4298" cm="1">
        <f t="array" ref="E4298">IFERROR(INDEX(Jesper!AI$2:AI$366,ROUNDDOWN($C4298/24,0)+1,1)*INDEX($D$3:$AA$30,INDEX(Jesper!$R$2:$R$366,ROW(INDEX(Jesper!AI$2:AI$366,ROUNDDOWN($C4298/24,0)+1,1))-1)+IF('Standard Profiles'!$G$19=$B$10,7,0)+IF('Standard Profiles'!$G$19=$B$17,14,0)+IF('Standard Profiles'!$G$19=$B$24,21,0),MOD($C4298,24)+1)/SUM(INDEX($D$3:$AA$30,INDEX(Jesper!$R$2:$R$366,ROW(INDEX(Jesper!AI$2:AI$366,ROUNDDOWN($C4298/24,0)+1,1))-1)+IF('Standard Profiles'!$G$19=$B$10,7,0)+IF('Standard Profiles'!$G$19=$B$17,14,0)+IF('Standard Profiles'!$G$19=$B$24,21,0),0)),0)</f>
        <v>0</v>
      </c>
      <c r="F4298" cm="1">
        <f t="array" ref="F4298">IFERROR(INDEX(Jesper!AJ$2:AJ$366,ROUNDDOWN($C4298/24,0)+1,1)*INDEX($D$3:$AA$30,INDEX(Jesper!$R$2:$R$366,ROW(INDEX(Jesper!AJ$2:AJ$366,ROUNDDOWN($C4298/24,0)+1,1))-1)+IF('Standard Profiles'!$G$20=$B$10,7,0)+IF('Standard Profiles'!$G$20=$B$17,14,0)+IF('Standard Profiles'!$G$20=$B$24,21,0),MOD($C4298,24)+1)/SUM(INDEX($D$3:$AA$30,INDEX(Jesper!$R$2:$R$366,ROW(INDEX(Jesper!AJ$2:AJ$366,ROUNDDOWN($C4298/24,0)+1,1))-1)+IF('Standard Profiles'!$G$20=$B$10,7,0)+IF('Standard Profiles'!$G$20=$B$17,14,0)+IF('Standard Profiles'!$G$20=$B$24,21,0),0)),0)</f>
        <v>0</v>
      </c>
      <c r="G4298" cm="1">
        <f t="array" ref="G4298">IFERROR(INDEX(Jesper!AK$2:AK$366,ROUNDDOWN($C4298/24,0)+1,1)*INDEX($D$3:$AA$30,INDEX(Jesper!$R$2:$R$366,ROW(INDEX(Jesper!AK$2:AK$366,ROUNDDOWN($C4298/24,0)+1,1))-1)+IF('Standard Profiles'!$G$21=$B$10,7,0)+IF('Standard Profiles'!$G$21=$B$17,14,0)+IF('Standard Profiles'!$G$21=$B$24,21,0),MOD($C4298,24)+1)/SUM(INDEX($D$3:$AA$30,INDEX(Jesper!$R$2:$R$366,ROW(INDEX(Jesper!AK$2:AK$366,ROUNDDOWN($C4298/24,0)+1,1))-1)+IF('Standard Profiles'!$G$21=$B$10,7,0)+IF('Standard Profiles'!$G$21=$B$17,14,0)+IF('Standard Profiles'!$G$21=$B$24,21,0),0)),0)</f>
        <v>0</v>
      </c>
      <c r="H4298" cm="1">
        <f t="array" ref="H4298">IFERROR(INDEX(Jesper!AL$2:AL$366,ROUNDDOWN($C4298/24,0)+1,1)*INDEX($D$3:$AA$30,INDEX(Jesper!$R$2:$R$366,ROW(INDEX(Jesper!AL$2:AL$366,ROUNDDOWN($C4298/24,0)+1,1))-1)+IF('Standard Profiles'!$G$22=$B$10,7,0)+IF('Standard Profiles'!$G$22=$B$17,14,0)+IF('Standard Profiles'!$G$22=$B$24,21,0),MOD($C4298,24)+1)/SUM(INDEX($D$3:$AA$30,INDEX(Jesper!$R$2:$R$366,ROW(INDEX(Jesper!AL$2:AL$366,ROUNDDOWN($C4298/24,0)+1,1))-1)+IF('Standard Profiles'!$G$22=$B$10,7,0)+IF('Standard Profiles'!$G$22=$B$17,14,0)+IF('Standard Profiles'!$G$22=$B$24,21,0),0)),0)</f>
        <v>0</v>
      </c>
      <c r="I4298">
        <f t="shared" si="482"/>
        <v>0.40631616713285434</v>
      </c>
      <c r="J4298">
        <f t="shared" si="483"/>
        <v>1.3543872237761814</v>
      </c>
      <c r="K4298">
        <f t="shared" si="484"/>
        <v>2.0315808356642719</v>
      </c>
      <c r="L4298">
        <f t="shared" si="485"/>
        <v>9.7515880111885043</v>
      </c>
      <c r="M4298">
        <f t="shared" si="486"/>
        <v>0</v>
      </c>
      <c r="N4298" s="46">
        <f t="shared" si="487"/>
        <v>45469.666666656325</v>
      </c>
    </row>
    <row r="4299" spans="2:14" x14ac:dyDescent="0.3">
      <c r="B4299">
        <f t="shared" si="481"/>
        <v>3</v>
      </c>
      <c r="C4299" s="16">
        <v>4265</v>
      </c>
      <c r="D4299" cm="1">
        <f t="array" ref="D4299">IFERROR(INDEX(Jesper!AH$2:AH$366,ROUNDDOWN($C4299/24,0)+1,1)*INDEX($D$3:$AA$30,INDEX(Jesper!$R$2:$R$366,ROW(INDEX(Jesper!AH$2:AH$366,ROUNDDOWN($C4299/24,0)+1,1))-1)+IF('Standard Profiles'!$G$18=$B$10,7,0)+IF('Standard Profiles'!$G$18=$B$17,14,0)+IF('Standard Profiles'!$G$18=$B$24,21,0),MOD($C4299,24)+1)/SUM(INDEX($D$3:$AA$30,INDEX(Jesper!$R$2:$R$366,ROW(INDEX(Jesper!AH$2:AH$366,ROUNDDOWN($C4299/24,0)+1,1))-1)+IF('Standard Profiles'!$G$18=$B$10,7,0)+IF('Standard Profiles'!$G$18=$B$17,14,0)+IF('Standard Profiles'!$G$18=$B$24,21,0),0)),0)</f>
        <v>13.543872237761812</v>
      </c>
      <c r="E4299" cm="1">
        <f t="array" ref="E4299">IFERROR(INDEX(Jesper!AI$2:AI$366,ROUNDDOWN($C4299/24,0)+1,1)*INDEX($D$3:$AA$30,INDEX(Jesper!$R$2:$R$366,ROW(INDEX(Jesper!AI$2:AI$366,ROUNDDOWN($C4299/24,0)+1,1))-1)+IF('Standard Profiles'!$G$19=$B$10,7,0)+IF('Standard Profiles'!$G$19=$B$17,14,0)+IF('Standard Profiles'!$G$19=$B$24,21,0),MOD($C4299,24)+1)/SUM(INDEX($D$3:$AA$30,INDEX(Jesper!$R$2:$R$366,ROW(INDEX(Jesper!AI$2:AI$366,ROUNDDOWN($C4299/24,0)+1,1))-1)+IF('Standard Profiles'!$G$19=$B$10,7,0)+IF('Standard Profiles'!$G$19=$B$17,14,0)+IF('Standard Profiles'!$G$19=$B$24,21,0),0)),0)</f>
        <v>0</v>
      </c>
      <c r="F4299" cm="1">
        <f t="array" ref="F4299">IFERROR(INDEX(Jesper!AJ$2:AJ$366,ROUNDDOWN($C4299/24,0)+1,1)*INDEX($D$3:$AA$30,INDEX(Jesper!$R$2:$R$366,ROW(INDEX(Jesper!AJ$2:AJ$366,ROUNDDOWN($C4299/24,0)+1,1))-1)+IF('Standard Profiles'!$G$20=$B$10,7,0)+IF('Standard Profiles'!$G$20=$B$17,14,0)+IF('Standard Profiles'!$G$20=$B$24,21,0),MOD($C4299,24)+1)/SUM(INDEX($D$3:$AA$30,INDEX(Jesper!$R$2:$R$366,ROW(INDEX(Jesper!AJ$2:AJ$366,ROUNDDOWN($C4299/24,0)+1,1))-1)+IF('Standard Profiles'!$G$20=$B$10,7,0)+IF('Standard Profiles'!$G$20=$B$17,14,0)+IF('Standard Profiles'!$G$20=$B$24,21,0),0)),0)</f>
        <v>0</v>
      </c>
      <c r="G4299" cm="1">
        <f t="array" ref="G4299">IFERROR(INDEX(Jesper!AK$2:AK$366,ROUNDDOWN($C4299/24,0)+1,1)*INDEX($D$3:$AA$30,INDEX(Jesper!$R$2:$R$366,ROW(INDEX(Jesper!AK$2:AK$366,ROUNDDOWN($C4299/24,0)+1,1))-1)+IF('Standard Profiles'!$G$21=$B$10,7,0)+IF('Standard Profiles'!$G$21=$B$17,14,0)+IF('Standard Profiles'!$G$21=$B$24,21,0),MOD($C4299,24)+1)/SUM(INDEX($D$3:$AA$30,INDEX(Jesper!$R$2:$R$366,ROW(INDEX(Jesper!AK$2:AK$366,ROUNDDOWN($C4299/24,0)+1,1))-1)+IF('Standard Profiles'!$G$21=$B$10,7,0)+IF('Standard Profiles'!$G$21=$B$17,14,0)+IF('Standard Profiles'!$G$21=$B$24,21,0),0)),0)</f>
        <v>0</v>
      </c>
      <c r="H4299" cm="1">
        <f t="array" ref="H4299">IFERROR(INDEX(Jesper!AL$2:AL$366,ROUNDDOWN($C4299/24,0)+1,1)*INDEX($D$3:$AA$30,INDEX(Jesper!$R$2:$R$366,ROW(INDEX(Jesper!AL$2:AL$366,ROUNDDOWN($C4299/24,0)+1,1))-1)+IF('Standard Profiles'!$G$22=$B$10,7,0)+IF('Standard Profiles'!$G$22=$B$17,14,0)+IF('Standard Profiles'!$G$22=$B$24,21,0),MOD($C4299,24)+1)/SUM(INDEX($D$3:$AA$30,INDEX(Jesper!$R$2:$R$366,ROW(INDEX(Jesper!AL$2:AL$366,ROUNDDOWN($C4299/24,0)+1,1))-1)+IF('Standard Profiles'!$G$22=$B$10,7,0)+IF('Standard Profiles'!$G$22=$B$17,14,0)+IF('Standard Profiles'!$G$22=$B$24,21,0),0)),0)</f>
        <v>0</v>
      </c>
      <c r="I4299">
        <f t="shared" si="482"/>
        <v>0.40631616713285434</v>
      </c>
      <c r="J4299">
        <f t="shared" si="483"/>
        <v>1.3543872237761814</v>
      </c>
      <c r="K4299">
        <f t="shared" si="484"/>
        <v>2.0315808356642719</v>
      </c>
      <c r="L4299">
        <f t="shared" si="485"/>
        <v>9.7515880111885043</v>
      </c>
      <c r="M4299">
        <f t="shared" si="486"/>
        <v>0</v>
      </c>
      <c r="N4299" s="46">
        <f t="shared" si="487"/>
        <v>45469.708333322989</v>
      </c>
    </row>
    <row r="4300" spans="2:14" x14ac:dyDescent="0.3">
      <c r="B4300">
        <f t="shared" si="481"/>
        <v>3</v>
      </c>
      <c r="C4300" s="16">
        <v>4266</v>
      </c>
      <c r="D4300" cm="1">
        <f t="array" ref="D4300">IFERROR(INDEX(Jesper!AH$2:AH$366,ROUNDDOWN($C4300/24,0)+1,1)*INDEX($D$3:$AA$30,INDEX(Jesper!$R$2:$R$366,ROW(INDEX(Jesper!AH$2:AH$366,ROUNDDOWN($C4300/24,0)+1,1))-1)+IF('Standard Profiles'!$G$18=$B$10,7,0)+IF('Standard Profiles'!$G$18=$B$17,14,0)+IF('Standard Profiles'!$G$18=$B$24,21,0),MOD($C4300,24)+1)/SUM(INDEX($D$3:$AA$30,INDEX(Jesper!$R$2:$R$366,ROW(INDEX(Jesper!AH$2:AH$366,ROUNDDOWN($C4300/24,0)+1,1))-1)+IF('Standard Profiles'!$G$18=$B$10,7,0)+IF('Standard Profiles'!$G$18=$B$17,14,0)+IF('Standard Profiles'!$G$18=$B$24,21,0),0)),0)</f>
        <v>13.543872237761812</v>
      </c>
      <c r="E4300" cm="1">
        <f t="array" ref="E4300">IFERROR(INDEX(Jesper!AI$2:AI$366,ROUNDDOWN($C4300/24,0)+1,1)*INDEX($D$3:$AA$30,INDEX(Jesper!$R$2:$R$366,ROW(INDEX(Jesper!AI$2:AI$366,ROUNDDOWN($C4300/24,0)+1,1))-1)+IF('Standard Profiles'!$G$19=$B$10,7,0)+IF('Standard Profiles'!$G$19=$B$17,14,0)+IF('Standard Profiles'!$G$19=$B$24,21,0),MOD($C4300,24)+1)/SUM(INDEX($D$3:$AA$30,INDEX(Jesper!$R$2:$R$366,ROW(INDEX(Jesper!AI$2:AI$366,ROUNDDOWN($C4300/24,0)+1,1))-1)+IF('Standard Profiles'!$G$19=$B$10,7,0)+IF('Standard Profiles'!$G$19=$B$17,14,0)+IF('Standard Profiles'!$G$19=$B$24,21,0),0)),0)</f>
        <v>0</v>
      </c>
      <c r="F4300" cm="1">
        <f t="array" ref="F4300">IFERROR(INDEX(Jesper!AJ$2:AJ$366,ROUNDDOWN($C4300/24,0)+1,1)*INDEX($D$3:$AA$30,INDEX(Jesper!$R$2:$R$366,ROW(INDEX(Jesper!AJ$2:AJ$366,ROUNDDOWN($C4300/24,0)+1,1))-1)+IF('Standard Profiles'!$G$20=$B$10,7,0)+IF('Standard Profiles'!$G$20=$B$17,14,0)+IF('Standard Profiles'!$G$20=$B$24,21,0),MOD($C4300,24)+1)/SUM(INDEX($D$3:$AA$30,INDEX(Jesper!$R$2:$R$366,ROW(INDEX(Jesper!AJ$2:AJ$366,ROUNDDOWN($C4300/24,0)+1,1))-1)+IF('Standard Profiles'!$G$20=$B$10,7,0)+IF('Standard Profiles'!$G$20=$B$17,14,0)+IF('Standard Profiles'!$G$20=$B$24,21,0),0)),0)</f>
        <v>0</v>
      </c>
      <c r="G4300" cm="1">
        <f t="array" ref="G4300">IFERROR(INDEX(Jesper!AK$2:AK$366,ROUNDDOWN($C4300/24,0)+1,1)*INDEX($D$3:$AA$30,INDEX(Jesper!$R$2:$R$366,ROW(INDEX(Jesper!AK$2:AK$366,ROUNDDOWN($C4300/24,0)+1,1))-1)+IF('Standard Profiles'!$G$21=$B$10,7,0)+IF('Standard Profiles'!$G$21=$B$17,14,0)+IF('Standard Profiles'!$G$21=$B$24,21,0),MOD($C4300,24)+1)/SUM(INDEX($D$3:$AA$30,INDEX(Jesper!$R$2:$R$366,ROW(INDEX(Jesper!AK$2:AK$366,ROUNDDOWN($C4300/24,0)+1,1))-1)+IF('Standard Profiles'!$G$21=$B$10,7,0)+IF('Standard Profiles'!$G$21=$B$17,14,0)+IF('Standard Profiles'!$G$21=$B$24,21,0),0)),0)</f>
        <v>0</v>
      </c>
      <c r="H4300" cm="1">
        <f t="array" ref="H4300">IFERROR(INDEX(Jesper!AL$2:AL$366,ROUNDDOWN($C4300/24,0)+1,1)*INDEX($D$3:$AA$30,INDEX(Jesper!$R$2:$R$366,ROW(INDEX(Jesper!AL$2:AL$366,ROUNDDOWN($C4300/24,0)+1,1))-1)+IF('Standard Profiles'!$G$22=$B$10,7,0)+IF('Standard Profiles'!$G$22=$B$17,14,0)+IF('Standard Profiles'!$G$22=$B$24,21,0),MOD($C4300,24)+1)/SUM(INDEX($D$3:$AA$30,INDEX(Jesper!$R$2:$R$366,ROW(INDEX(Jesper!AL$2:AL$366,ROUNDDOWN($C4300/24,0)+1,1))-1)+IF('Standard Profiles'!$G$22=$B$10,7,0)+IF('Standard Profiles'!$G$22=$B$17,14,0)+IF('Standard Profiles'!$G$22=$B$24,21,0),0)),0)</f>
        <v>0</v>
      </c>
      <c r="I4300">
        <f t="shared" si="482"/>
        <v>0.40631616713285434</v>
      </c>
      <c r="J4300">
        <f t="shared" si="483"/>
        <v>1.3543872237761814</v>
      </c>
      <c r="K4300">
        <f t="shared" si="484"/>
        <v>2.0315808356642719</v>
      </c>
      <c r="L4300">
        <f t="shared" si="485"/>
        <v>9.7515880111885043</v>
      </c>
      <c r="M4300">
        <f t="shared" si="486"/>
        <v>0</v>
      </c>
      <c r="N4300" s="46">
        <f t="shared" si="487"/>
        <v>45469.749999989654</v>
      </c>
    </row>
    <row r="4301" spans="2:14" x14ac:dyDescent="0.3">
      <c r="B4301">
        <f t="shared" si="481"/>
        <v>3</v>
      </c>
      <c r="C4301" s="16">
        <v>4267</v>
      </c>
      <c r="D4301" cm="1">
        <f t="array" ref="D4301">IFERROR(INDEX(Jesper!AH$2:AH$366,ROUNDDOWN($C4301/24,0)+1,1)*INDEX($D$3:$AA$30,INDEX(Jesper!$R$2:$R$366,ROW(INDEX(Jesper!AH$2:AH$366,ROUNDDOWN($C4301/24,0)+1,1))-1)+IF('Standard Profiles'!$G$18=$B$10,7,0)+IF('Standard Profiles'!$G$18=$B$17,14,0)+IF('Standard Profiles'!$G$18=$B$24,21,0),MOD($C4301,24)+1)/SUM(INDEX($D$3:$AA$30,INDEX(Jesper!$R$2:$R$366,ROW(INDEX(Jesper!AH$2:AH$366,ROUNDDOWN($C4301/24,0)+1,1))-1)+IF('Standard Profiles'!$G$18=$B$10,7,0)+IF('Standard Profiles'!$G$18=$B$17,14,0)+IF('Standard Profiles'!$G$18=$B$24,21,0),0)),0)</f>
        <v>11.286560198134843</v>
      </c>
      <c r="E4301" cm="1">
        <f t="array" ref="E4301">IFERROR(INDEX(Jesper!AI$2:AI$366,ROUNDDOWN($C4301/24,0)+1,1)*INDEX($D$3:$AA$30,INDEX(Jesper!$R$2:$R$366,ROW(INDEX(Jesper!AI$2:AI$366,ROUNDDOWN($C4301/24,0)+1,1))-1)+IF('Standard Profiles'!$G$19=$B$10,7,0)+IF('Standard Profiles'!$G$19=$B$17,14,0)+IF('Standard Profiles'!$G$19=$B$24,21,0),MOD($C4301,24)+1)/SUM(INDEX($D$3:$AA$30,INDEX(Jesper!$R$2:$R$366,ROW(INDEX(Jesper!AI$2:AI$366,ROUNDDOWN($C4301/24,0)+1,1))-1)+IF('Standard Profiles'!$G$19=$B$10,7,0)+IF('Standard Profiles'!$G$19=$B$17,14,0)+IF('Standard Profiles'!$G$19=$B$24,21,0),0)),0)</f>
        <v>0</v>
      </c>
      <c r="F4301" cm="1">
        <f t="array" ref="F4301">IFERROR(INDEX(Jesper!AJ$2:AJ$366,ROUNDDOWN($C4301/24,0)+1,1)*INDEX($D$3:$AA$30,INDEX(Jesper!$R$2:$R$366,ROW(INDEX(Jesper!AJ$2:AJ$366,ROUNDDOWN($C4301/24,0)+1,1))-1)+IF('Standard Profiles'!$G$20=$B$10,7,0)+IF('Standard Profiles'!$G$20=$B$17,14,0)+IF('Standard Profiles'!$G$20=$B$24,21,0),MOD($C4301,24)+1)/SUM(INDEX($D$3:$AA$30,INDEX(Jesper!$R$2:$R$366,ROW(INDEX(Jesper!AJ$2:AJ$366,ROUNDDOWN($C4301/24,0)+1,1))-1)+IF('Standard Profiles'!$G$20=$B$10,7,0)+IF('Standard Profiles'!$G$20=$B$17,14,0)+IF('Standard Profiles'!$G$20=$B$24,21,0),0)),0)</f>
        <v>0</v>
      </c>
      <c r="G4301" cm="1">
        <f t="array" ref="G4301">IFERROR(INDEX(Jesper!AK$2:AK$366,ROUNDDOWN($C4301/24,0)+1,1)*INDEX($D$3:$AA$30,INDEX(Jesper!$R$2:$R$366,ROW(INDEX(Jesper!AK$2:AK$366,ROUNDDOWN($C4301/24,0)+1,1))-1)+IF('Standard Profiles'!$G$21=$B$10,7,0)+IF('Standard Profiles'!$G$21=$B$17,14,0)+IF('Standard Profiles'!$G$21=$B$24,21,0),MOD($C4301,24)+1)/SUM(INDEX($D$3:$AA$30,INDEX(Jesper!$R$2:$R$366,ROW(INDEX(Jesper!AK$2:AK$366,ROUNDDOWN($C4301/24,0)+1,1))-1)+IF('Standard Profiles'!$G$21=$B$10,7,0)+IF('Standard Profiles'!$G$21=$B$17,14,0)+IF('Standard Profiles'!$G$21=$B$24,21,0),0)),0)</f>
        <v>0</v>
      </c>
      <c r="H4301" cm="1">
        <f t="array" ref="H4301">IFERROR(INDEX(Jesper!AL$2:AL$366,ROUNDDOWN($C4301/24,0)+1,1)*INDEX($D$3:$AA$30,INDEX(Jesper!$R$2:$R$366,ROW(INDEX(Jesper!AL$2:AL$366,ROUNDDOWN($C4301/24,0)+1,1))-1)+IF('Standard Profiles'!$G$22=$B$10,7,0)+IF('Standard Profiles'!$G$22=$B$17,14,0)+IF('Standard Profiles'!$G$22=$B$24,21,0),MOD($C4301,24)+1)/SUM(INDEX($D$3:$AA$30,INDEX(Jesper!$R$2:$R$366,ROW(INDEX(Jesper!AL$2:AL$366,ROUNDDOWN($C4301/24,0)+1,1))-1)+IF('Standard Profiles'!$G$22=$B$10,7,0)+IF('Standard Profiles'!$G$22=$B$17,14,0)+IF('Standard Profiles'!$G$22=$B$24,21,0),0)),0)</f>
        <v>0</v>
      </c>
      <c r="I4301">
        <f t="shared" si="482"/>
        <v>0.33859680594404529</v>
      </c>
      <c r="J4301">
        <f t="shared" si="483"/>
        <v>1.1286560198134843</v>
      </c>
      <c r="K4301">
        <f t="shared" si="484"/>
        <v>1.6929840297202265</v>
      </c>
      <c r="L4301">
        <f t="shared" si="485"/>
        <v>8.1263233426570878</v>
      </c>
      <c r="M4301">
        <f t="shared" si="486"/>
        <v>0</v>
      </c>
      <c r="N4301" s="46">
        <f t="shared" si="487"/>
        <v>45469.791666656318</v>
      </c>
    </row>
    <row r="4302" spans="2:14" x14ac:dyDescent="0.3">
      <c r="B4302">
        <f t="shared" si="481"/>
        <v>3</v>
      </c>
      <c r="C4302" s="16">
        <v>4268</v>
      </c>
      <c r="D4302" cm="1">
        <f t="array" ref="D4302">IFERROR(INDEX(Jesper!AH$2:AH$366,ROUNDDOWN($C4302/24,0)+1,1)*INDEX($D$3:$AA$30,INDEX(Jesper!$R$2:$R$366,ROW(INDEX(Jesper!AH$2:AH$366,ROUNDDOWN($C4302/24,0)+1,1))-1)+IF('Standard Profiles'!$G$18=$B$10,7,0)+IF('Standard Profiles'!$G$18=$B$17,14,0)+IF('Standard Profiles'!$G$18=$B$24,21,0),MOD($C4302,24)+1)/SUM(INDEX($D$3:$AA$30,INDEX(Jesper!$R$2:$R$366,ROW(INDEX(Jesper!AH$2:AH$366,ROUNDDOWN($C4302/24,0)+1,1))-1)+IF('Standard Profiles'!$G$18=$B$10,7,0)+IF('Standard Profiles'!$G$18=$B$17,14,0)+IF('Standard Profiles'!$G$18=$B$24,21,0),0)),0)</f>
        <v>9.0292481585078761</v>
      </c>
      <c r="E4302" cm="1">
        <f t="array" ref="E4302">IFERROR(INDEX(Jesper!AI$2:AI$366,ROUNDDOWN($C4302/24,0)+1,1)*INDEX($D$3:$AA$30,INDEX(Jesper!$R$2:$R$366,ROW(INDEX(Jesper!AI$2:AI$366,ROUNDDOWN($C4302/24,0)+1,1))-1)+IF('Standard Profiles'!$G$19=$B$10,7,0)+IF('Standard Profiles'!$G$19=$B$17,14,0)+IF('Standard Profiles'!$G$19=$B$24,21,0),MOD($C4302,24)+1)/SUM(INDEX($D$3:$AA$30,INDEX(Jesper!$R$2:$R$366,ROW(INDEX(Jesper!AI$2:AI$366,ROUNDDOWN($C4302/24,0)+1,1))-1)+IF('Standard Profiles'!$G$19=$B$10,7,0)+IF('Standard Profiles'!$G$19=$B$17,14,0)+IF('Standard Profiles'!$G$19=$B$24,21,0),0)),0)</f>
        <v>0</v>
      </c>
      <c r="F4302" cm="1">
        <f t="array" ref="F4302">IFERROR(INDEX(Jesper!AJ$2:AJ$366,ROUNDDOWN($C4302/24,0)+1,1)*INDEX($D$3:$AA$30,INDEX(Jesper!$R$2:$R$366,ROW(INDEX(Jesper!AJ$2:AJ$366,ROUNDDOWN($C4302/24,0)+1,1))-1)+IF('Standard Profiles'!$G$20=$B$10,7,0)+IF('Standard Profiles'!$G$20=$B$17,14,0)+IF('Standard Profiles'!$G$20=$B$24,21,0),MOD($C4302,24)+1)/SUM(INDEX($D$3:$AA$30,INDEX(Jesper!$R$2:$R$366,ROW(INDEX(Jesper!AJ$2:AJ$366,ROUNDDOWN($C4302/24,0)+1,1))-1)+IF('Standard Profiles'!$G$20=$B$10,7,0)+IF('Standard Profiles'!$G$20=$B$17,14,0)+IF('Standard Profiles'!$G$20=$B$24,21,0),0)),0)</f>
        <v>0</v>
      </c>
      <c r="G4302" cm="1">
        <f t="array" ref="G4302">IFERROR(INDEX(Jesper!AK$2:AK$366,ROUNDDOWN($C4302/24,0)+1,1)*INDEX($D$3:$AA$30,INDEX(Jesper!$R$2:$R$366,ROW(INDEX(Jesper!AK$2:AK$366,ROUNDDOWN($C4302/24,0)+1,1))-1)+IF('Standard Profiles'!$G$21=$B$10,7,0)+IF('Standard Profiles'!$G$21=$B$17,14,0)+IF('Standard Profiles'!$G$21=$B$24,21,0),MOD($C4302,24)+1)/SUM(INDEX($D$3:$AA$30,INDEX(Jesper!$R$2:$R$366,ROW(INDEX(Jesper!AK$2:AK$366,ROUNDDOWN($C4302/24,0)+1,1))-1)+IF('Standard Profiles'!$G$21=$B$10,7,0)+IF('Standard Profiles'!$G$21=$B$17,14,0)+IF('Standard Profiles'!$G$21=$B$24,21,0),0)),0)</f>
        <v>0</v>
      </c>
      <c r="H4302" cm="1">
        <f t="array" ref="H4302">IFERROR(INDEX(Jesper!AL$2:AL$366,ROUNDDOWN($C4302/24,0)+1,1)*INDEX($D$3:$AA$30,INDEX(Jesper!$R$2:$R$366,ROW(INDEX(Jesper!AL$2:AL$366,ROUNDDOWN($C4302/24,0)+1,1))-1)+IF('Standard Profiles'!$G$22=$B$10,7,0)+IF('Standard Profiles'!$G$22=$B$17,14,0)+IF('Standard Profiles'!$G$22=$B$24,21,0),MOD($C4302,24)+1)/SUM(INDEX($D$3:$AA$30,INDEX(Jesper!$R$2:$R$366,ROW(INDEX(Jesper!AL$2:AL$366,ROUNDDOWN($C4302/24,0)+1,1))-1)+IF('Standard Profiles'!$G$22=$B$10,7,0)+IF('Standard Profiles'!$G$22=$B$17,14,0)+IF('Standard Profiles'!$G$22=$B$24,21,0),0)),0)</f>
        <v>0</v>
      </c>
      <c r="I4302">
        <f t="shared" si="482"/>
        <v>0.27087744475523629</v>
      </c>
      <c r="J4302">
        <f t="shared" si="483"/>
        <v>0.90292481585078765</v>
      </c>
      <c r="K4302">
        <f t="shared" si="484"/>
        <v>1.3543872237761814</v>
      </c>
      <c r="L4302">
        <f t="shared" si="485"/>
        <v>6.5010586741256704</v>
      </c>
      <c r="M4302">
        <f t="shared" si="486"/>
        <v>0</v>
      </c>
      <c r="N4302" s="46">
        <f t="shared" si="487"/>
        <v>45469.833333322982</v>
      </c>
    </row>
    <row r="4303" spans="2:14" x14ac:dyDescent="0.3">
      <c r="B4303">
        <f t="shared" si="481"/>
        <v>3</v>
      </c>
      <c r="C4303" s="16">
        <v>4269</v>
      </c>
      <c r="D4303" cm="1">
        <f t="array" ref="D4303">IFERROR(INDEX(Jesper!AH$2:AH$366,ROUNDDOWN($C4303/24,0)+1,1)*INDEX($D$3:$AA$30,INDEX(Jesper!$R$2:$R$366,ROW(INDEX(Jesper!AH$2:AH$366,ROUNDDOWN($C4303/24,0)+1,1))-1)+IF('Standard Profiles'!$G$18=$B$10,7,0)+IF('Standard Profiles'!$G$18=$B$17,14,0)+IF('Standard Profiles'!$G$18=$B$24,21,0),MOD($C4303,24)+1)/SUM(INDEX($D$3:$AA$30,INDEX(Jesper!$R$2:$R$366,ROW(INDEX(Jesper!AH$2:AH$366,ROUNDDOWN($C4303/24,0)+1,1))-1)+IF('Standard Profiles'!$G$18=$B$10,7,0)+IF('Standard Profiles'!$G$18=$B$17,14,0)+IF('Standard Profiles'!$G$18=$B$24,21,0),0)),0)</f>
        <v>6.7719361188809062</v>
      </c>
      <c r="E4303" cm="1">
        <f t="array" ref="E4303">IFERROR(INDEX(Jesper!AI$2:AI$366,ROUNDDOWN($C4303/24,0)+1,1)*INDEX($D$3:$AA$30,INDEX(Jesper!$R$2:$R$366,ROW(INDEX(Jesper!AI$2:AI$366,ROUNDDOWN($C4303/24,0)+1,1))-1)+IF('Standard Profiles'!$G$19=$B$10,7,0)+IF('Standard Profiles'!$G$19=$B$17,14,0)+IF('Standard Profiles'!$G$19=$B$24,21,0),MOD($C4303,24)+1)/SUM(INDEX($D$3:$AA$30,INDEX(Jesper!$R$2:$R$366,ROW(INDEX(Jesper!AI$2:AI$366,ROUNDDOWN($C4303/24,0)+1,1))-1)+IF('Standard Profiles'!$G$19=$B$10,7,0)+IF('Standard Profiles'!$G$19=$B$17,14,0)+IF('Standard Profiles'!$G$19=$B$24,21,0),0)),0)</f>
        <v>0</v>
      </c>
      <c r="F4303" cm="1">
        <f t="array" ref="F4303">IFERROR(INDEX(Jesper!AJ$2:AJ$366,ROUNDDOWN($C4303/24,0)+1,1)*INDEX($D$3:$AA$30,INDEX(Jesper!$R$2:$R$366,ROW(INDEX(Jesper!AJ$2:AJ$366,ROUNDDOWN($C4303/24,0)+1,1))-1)+IF('Standard Profiles'!$G$20=$B$10,7,0)+IF('Standard Profiles'!$G$20=$B$17,14,0)+IF('Standard Profiles'!$G$20=$B$24,21,0),MOD($C4303,24)+1)/SUM(INDEX($D$3:$AA$30,INDEX(Jesper!$R$2:$R$366,ROW(INDEX(Jesper!AJ$2:AJ$366,ROUNDDOWN($C4303/24,0)+1,1))-1)+IF('Standard Profiles'!$G$20=$B$10,7,0)+IF('Standard Profiles'!$G$20=$B$17,14,0)+IF('Standard Profiles'!$G$20=$B$24,21,0),0)),0)</f>
        <v>0</v>
      </c>
      <c r="G4303" cm="1">
        <f t="array" ref="G4303">IFERROR(INDEX(Jesper!AK$2:AK$366,ROUNDDOWN($C4303/24,0)+1,1)*INDEX($D$3:$AA$30,INDEX(Jesper!$R$2:$R$366,ROW(INDEX(Jesper!AK$2:AK$366,ROUNDDOWN($C4303/24,0)+1,1))-1)+IF('Standard Profiles'!$G$21=$B$10,7,0)+IF('Standard Profiles'!$G$21=$B$17,14,0)+IF('Standard Profiles'!$G$21=$B$24,21,0),MOD($C4303,24)+1)/SUM(INDEX($D$3:$AA$30,INDEX(Jesper!$R$2:$R$366,ROW(INDEX(Jesper!AK$2:AK$366,ROUNDDOWN($C4303/24,0)+1,1))-1)+IF('Standard Profiles'!$G$21=$B$10,7,0)+IF('Standard Profiles'!$G$21=$B$17,14,0)+IF('Standard Profiles'!$G$21=$B$24,21,0),0)),0)</f>
        <v>0</v>
      </c>
      <c r="H4303" cm="1">
        <f t="array" ref="H4303">IFERROR(INDEX(Jesper!AL$2:AL$366,ROUNDDOWN($C4303/24,0)+1,1)*INDEX($D$3:$AA$30,INDEX(Jesper!$R$2:$R$366,ROW(INDEX(Jesper!AL$2:AL$366,ROUNDDOWN($C4303/24,0)+1,1))-1)+IF('Standard Profiles'!$G$22=$B$10,7,0)+IF('Standard Profiles'!$G$22=$B$17,14,0)+IF('Standard Profiles'!$G$22=$B$24,21,0),MOD($C4303,24)+1)/SUM(INDEX($D$3:$AA$30,INDEX(Jesper!$R$2:$R$366,ROW(INDEX(Jesper!AL$2:AL$366,ROUNDDOWN($C4303/24,0)+1,1))-1)+IF('Standard Profiles'!$G$22=$B$10,7,0)+IF('Standard Profiles'!$G$22=$B$17,14,0)+IF('Standard Profiles'!$G$22=$B$24,21,0),0)),0)</f>
        <v>0</v>
      </c>
      <c r="I4303">
        <f t="shared" si="482"/>
        <v>0.20315808356642717</v>
      </c>
      <c r="J4303">
        <f t="shared" si="483"/>
        <v>0.67719361188809069</v>
      </c>
      <c r="K4303">
        <f t="shared" si="484"/>
        <v>1.015790417832136</v>
      </c>
      <c r="L4303">
        <f t="shared" si="485"/>
        <v>4.8757940055942521</v>
      </c>
      <c r="M4303">
        <f t="shared" si="486"/>
        <v>0</v>
      </c>
      <c r="N4303" s="46">
        <f t="shared" si="487"/>
        <v>45469.874999989646</v>
      </c>
    </row>
    <row r="4304" spans="2:14" x14ac:dyDescent="0.3">
      <c r="B4304">
        <f t="shared" si="481"/>
        <v>3</v>
      </c>
      <c r="C4304" s="16">
        <v>4270</v>
      </c>
      <c r="D4304" cm="1">
        <f t="array" ref="D4304">IFERROR(INDEX(Jesper!AH$2:AH$366,ROUNDDOWN($C4304/24,0)+1,1)*INDEX($D$3:$AA$30,INDEX(Jesper!$R$2:$R$366,ROW(INDEX(Jesper!AH$2:AH$366,ROUNDDOWN($C4304/24,0)+1,1))-1)+IF('Standard Profiles'!$G$18=$B$10,7,0)+IF('Standard Profiles'!$G$18=$B$17,14,0)+IF('Standard Profiles'!$G$18=$B$24,21,0),MOD($C4304,24)+1)/SUM(INDEX($D$3:$AA$30,INDEX(Jesper!$R$2:$R$366,ROW(INDEX(Jesper!AH$2:AH$366,ROUNDDOWN($C4304/24,0)+1,1))-1)+IF('Standard Profiles'!$G$18=$B$10,7,0)+IF('Standard Profiles'!$G$18=$B$17,14,0)+IF('Standard Profiles'!$G$18=$B$24,21,0),0)),0)</f>
        <v>6.7719361188809062</v>
      </c>
      <c r="E4304" cm="1">
        <f t="array" ref="E4304">IFERROR(INDEX(Jesper!AI$2:AI$366,ROUNDDOWN($C4304/24,0)+1,1)*INDEX($D$3:$AA$30,INDEX(Jesper!$R$2:$R$366,ROW(INDEX(Jesper!AI$2:AI$366,ROUNDDOWN($C4304/24,0)+1,1))-1)+IF('Standard Profiles'!$G$19=$B$10,7,0)+IF('Standard Profiles'!$G$19=$B$17,14,0)+IF('Standard Profiles'!$G$19=$B$24,21,0),MOD($C4304,24)+1)/SUM(INDEX($D$3:$AA$30,INDEX(Jesper!$R$2:$R$366,ROW(INDEX(Jesper!AI$2:AI$366,ROUNDDOWN($C4304/24,0)+1,1))-1)+IF('Standard Profiles'!$G$19=$B$10,7,0)+IF('Standard Profiles'!$G$19=$B$17,14,0)+IF('Standard Profiles'!$G$19=$B$24,21,0),0)),0)</f>
        <v>0</v>
      </c>
      <c r="F4304" cm="1">
        <f t="array" ref="F4304">IFERROR(INDEX(Jesper!AJ$2:AJ$366,ROUNDDOWN($C4304/24,0)+1,1)*INDEX($D$3:$AA$30,INDEX(Jesper!$R$2:$R$366,ROW(INDEX(Jesper!AJ$2:AJ$366,ROUNDDOWN($C4304/24,0)+1,1))-1)+IF('Standard Profiles'!$G$20=$B$10,7,0)+IF('Standard Profiles'!$G$20=$B$17,14,0)+IF('Standard Profiles'!$G$20=$B$24,21,0),MOD($C4304,24)+1)/SUM(INDEX($D$3:$AA$30,INDEX(Jesper!$R$2:$R$366,ROW(INDEX(Jesper!AJ$2:AJ$366,ROUNDDOWN($C4304/24,0)+1,1))-1)+IF('Standard Profiles'!$G$20=$B$10,7,0)+IF('Standard Profiles'!$G$20=$B$17,14,0)+IF('Standard Profiles'!$G$20=$B$24,21,0),0)),0)</f>
        <v>0</v>
      </c>
      <c r="G4304" cm="1">
        <f t="array" ref="G4304">IFERROR(INDEX(Jesper!AK$2:AK$366,ROUNDDOWN($C4304/24,0)+1,1)*INDEX($D$3:$AA$30,INDEX(Jesper!$R$2:$R$366,ROW(INDEX(Jesper!AK$2:AK$366,ROUNDDOWN($C4304/24,0)+1,1))-1)+IF('Standard Profiles'!$G$21=$B$10,7,0)+IF('Standard Profiles'!$G$21=$B$17,14,0)+IF('Standard Profiles'!$G$21=$B$24,21,0),MOD($C4304,24)+1)/SUM(INDEX($D$3:$AA$30,INDEX(Jesper!$R$2:$R$366,ROW(INDEX(Jesper!AK$2:AK$366,ROUNDDOWN($C4304/24,0)+1,1))-1)+IF('Standard Profiles'!$G$21=$B$10,7,0)+IF('Standard Profiles'!$G$21=$B$17,14,0)+IF('Standard Profiles'!$G$21=$B$24,21,0),0)),0)</f>
        <v>0</v>
      </c>
      <c r="H4304" cm="1">
        <f t="array" ref="H4304">IFERROR(INDEX(Jesper!AL$2:AL$366,ROUNDDOWN($C4304/24,0)+1,1)*INDEX($D$3:$AA$30,INDEX(Jesper!$R$2:$R$366,ROW(INDEX(Jesper!AL$2:AL$366,ROUNDDOWN($C4304/24,0)+1,1))-1)+IF('Standard Profiles'!$G$22=$B$10,7,0)+IF('Standard Profiles'!$G$22=$B$17,14,0)+IF('Standard Profiles'!$G$22=$B$24,21,0),MOD($C4304,24)+1)/SUM(INDEX($D$3:$AA$30,INDEX(Jesper!$R$2:$R$366,ROW(INDEX(Jesper!AL$2:AL$366,ROUNDDOWN($C4304/24,0)+1,1))-1)+IF('Standard Profiles'!$G$22=$B$10,7,0)+IF('Standard Profiles'!$G$22=$B$17,14,0)+IF('Standard Profiles'!$G$22=$B$24,21,0),0)),0)</f>
        <v>0</v>
      </c>
      <c r="I4304">
        <f t="shared" si="482"/>
        <v>0.20315808356642717</v>
      </c>
      <c r="J4304">
        <f t="shared" si="483"/>
        <v>0.67719361188809069</v>
      </c>
      <c r="K4304">
        <f t="shared" si="484"/>
        <v>1.015790417832136</v>
      </c>
      <c r="L4304">
        <f t="shared" si="485"/>
        <v>4.8757940055942521</v>
      </c>
      <c r="M4304">
        <f t="shared" si="486"/>
        <v>0</v>
      </c>
      <c r="N4304" s="46">
        <f t="shared" si="487"/>
        <v>45469.916666656311</v>
      </c>
    </row>
    <row r="4305" spans="2:14" x14ac:dyDescent="0.3">
      <c r="B4305">
        <f t="shared" si="481"/>
        <v>3</v>
      </c>
      <c r="C4305" s="16">
        <v>4271</v>
      </c>
      <c r="D4305" cm="1">
        <f t="array" ref="D4305">IFERROR(INDEX(Jesper!AH$2:AH$366,ROUNDDOWN($C4305/24,0)+1,1)*INDEX($D$3:$AA$30,INDEX(Jesper!$R$2:$R$366,ROW(INDEX(Jesper!AH$2:AH$366,ROUNDDOWN($C4305/24,0)+1,1))-1)+IF('Standard Profiles'!$G$18=$B$10,7,0)+IF('Standard Profiles'!$G$18=$B$17,14,0)+IF('Standard Profiles'!$G$18=$B$24,21,0),MOD($C4305,24)+1)/SUM(INDEX($D$3:$AA$30,INDEX(Jesper!$R$2:$R$366,ROW(INDEX(Jesper!AH$2:AH$366,ROUNDDOWN($C4305/24,0)+1,1))-1)+IF('Standard Profiles'!$G$18=$B$10,7,0)+IF('Standard Profiles'!$G$18=$B$17,14,0)+IF('Standard Profiles'!$G$18=$B$24,21,0),0)),0)</f>
        <v>6.7719361188809062</v>
      </c>
      <c r="E4305" cm="1">
        <f t="array" ref="E4305">IFERROR(INDEX(Jesper!AI$2:AI$366,ROUNDDOWN($C4305/24,0)+1,1)*INDEX($D$3:$AA$30,INDEX(Jesper!$R$2:$R$366,ROW(INDEX(Jesper!AI$2:AI$366,ROUNDDOWN($C4305/24,0)+1,1))-1)+IF('Standard Profiles'!$G$19=$B$10,7,0)+IF('Standard Profiles'!$G$19=$B$17,14,0)+IF('Standard Profiles'!$G$19=$B$24,21,0),MOD($C4305,24)+1)/SUM(INDEX($D$3:$AA$30,INDEX(Jesper!$R$2:$R$366,ROW(INDEX(Jesper!AI$2:AI$366,ROUNDDOWN($C4305/24,0)+1,1))-1)+IF('Standard Profiles'!$G$19=$B$10,7,0)+IF('Standard Profiles'!$G$19=$B$17,14,0)+IF('Standard Profiles'!$G$19=$B$24,21,0),0)),0)</f>
        <v>0</v>
      </c>
      <c r="F4305" cm="1">
        <f t="array" ref="F4305">IFERROR(INDEX(Jesper!AJ$2:AJ$366,ROUNDDOWN($C4305/24,0)+1,1)*INDEX($D$3:$AA$30,INDEX(Jesper!$R$2:$R$366,ROW(INDEX(Jesper!AJ$2:AJ$366,ROUNDDOWN($C4305/24,0)+1,1))-1)+IF('Standard Profiles'!$G$20=$B$10,7,0)+IF('Standard Profiles'!$G$20=$B$17,14,0)+IF('Standard Profiles'!$G$20=$B$24,21,0),MOD($C4305,24)+1)/SUM(INDEX($D$3:$AA$30,INDEX(Jesper!$R$2:$R$366,ROW(INDEX(Jesper!AJ$2:AJ$366,ROUNDDOWN($C4305/24,0)+1,1))-1)+IF('Standard Profiles'!$G$20=$B$10,7,0)+IF('Standard Profiles'!$G$20=$B$17,14,0)+IF('Standard Profiles'!$G$20=$B$24,21,0),0)),0)</f>
        <v>0</v>
      </c>
      <c r="G4305" cm="1">
        <f t="array" ref="G4305">IFERROR(INDEX(Jesper!AK$2:AK$366,ROUNDDOWN($C4305/24,0)+1,1)*INDEX($D$3:$AA$30,INDEX(Jesper!$R$2:$R$366,ROW(INDEX(Jesper!AK$2:AK$366,ROUNDDOWN($C4305/24,0)+1,1))-1)+IF('Standard Profiles'!$G$21=$B$10,7,0)+IF('Standard Profiles'!$G$21=$B$17,14,0)+IF('Standard Profiles'!$G$21=$B$24,21,0),MOD($C4305,24)+1)/SUM(INDEX($D$3:$AA$30,INDEX(Jesper!$R$2:$R$366,ROW(INDEX(Jesper!AK$2:AK$366,ROUNDDOWN($C4305/24,0)+1,1))-1)+IF('Standard Profiles'!$G$21=$B$10,7,0)+IF('Standard Profiles'!$G$21=$B$17,14,0)+IF('Standard Profiles'!$G$21=$B$24,21,0),0)),0)</f>
        <v>0</v>
      </c>
      <c r="H4305" cm="1">
        <f t="array" ref="H4305">IFERROR(INDEX(Jesper!AL$2:AL$366,ROUNDDOWN($C4305/24,0)+1,1)*INDEX($D$3:$AA$30,INDEX(Jesper!$R$2:$R$366,ROW(INDEX(Jesper!AL$2:AL$366,ROUNDDOWN($C4305/24,0)+1,1))-1)+IF('Standard Profiles'!$G$22=$B$10,7,0)+IF('Standard Profiles'!$G$22=$B$17,14,0)+IF('Standard Profiles'!$G$22=$B$24,21,0),MOD($C4305,24)+1)/SUM(INDEX($D$3:$AA$30,INDEX(Jesper!$R$2:$R$366,ROW(INDEX(Jesper!AL$2:AL$366,ROUNDDOWN($C4305/24,0)+1,1))-1)+IF('Standard Profiles'!$G$22=$B$10,7,0)+IF('Standard Profiles'!$G$22=$B$17,14,0)+IF('Standard Profiles'!$G$22=$B$24,21,0),0)),0)</f>
        <v>0</v>
      </c>
      <c r="I4305">
        <f t="shared" si="482"/>
        <v>0.20315808356642717</v>
      </c>
      <c r="J4305">
        <f t="shared" si="483"/>
        <v>0.67719361188809069</v>
      </c>
      <c r="K4305">
        <f t="shared" si="484"/>
        <v>1.015790417832136</v>
      </c>
      <c r="L4305">
        <f t="shared" si="485"/>
        <v>4.8757940055942521</v>
      </c>
      <c r="M4305">
        <f t="shared" si="486"/>
        <v>0</v>
      </c>
      <c r="N4305" s="46">
        <f t="shared" si="487"/>
        <v>45469.958333322975</v>
      </c>
    </row>
    <row r="4306" spans="2:14" x14ac:dyDescent="0.3">
      <c r="B4306">
        <f t="shared" si="481"/>
        <v>4</v>
      </c>
      <c r="C4306" s="16">
        <v>4272</v>
      </c>
      <c r="D4306" cm="1">
        <f t="array" ref="D4306">IFERROR(INDEX(Jesper!AH$2:AH$366,ROUNDDOWN($C4306/24,0)+1,1)*INDEX($D$3:$AA$30,INDEX(Jesper!$R$2:$R$366,ROW(INDEX(Jesper!AH$2:AH$366,ROUNDDOWN($C4306/24,0)+1,1))-1)+IF('Standard Profiles'!$G$18=$B$10,7,0)+IF('Standard Profiles'!$G$18=$B$17,14,0)+IF('Standard Profiles'!$G$18=$B$24,21,0),MOD($C4306,24)+1)/SUM(INDEX($D$3:$AA$30,INDEX(Jesper!$R$2:$R$366,ROW(INDEX(Jesper!AH$2:AH$366,ROUNDDOWN($C4306/24,0)+1,1))-1)+IF('Standard Profiles'!$G$18=$B$10,7,0)+IF('Standard Profiles'!$G$18=$B$17,14,0)+IF('Standard Profiles'!$G$18=$B$24,21,0),0)),0)</f>
        <v>6.709837458013026</v>
      </c>
      <c r="E4306" cm="1">
        <f t="array" ref="E4306">IFERROR(INDEX(Jesper!AI$2:AI$366,ROUNDDOWN($C4306/24,0)+1,1)*INDEX($D$3:$AA$30,INDEX(Jesper!$R$2:$R$366,ROW(INDEX(Jesper!AI$2:AI$366,ROUNDDOWN($C4306/24,0)+1,1))-1)+IF('Standard Profiles'!$G$19=$B$10,7,0)+IF('Standard Profiles'!$G$19=$B$17,14,0)+IF('Standard Profiles'!$G$19=$B$24,21,0),MOD($C4306,24)+1)/SUM(INDEX($D$3:$AA$30,INDEX(Jesper!$R$2:$R$366,ROW(INDEX(Jesper!AI$2:AI$366,ROUNDDOWN($C4306/24,0)+1,1))-1)+IF('Standard Profiles'!$G$19=$B$10,7,0)+IF('Standard Profiles'!$G$19=$B$17,14,0)+IF('Standard Profiles'!$G$19=$B$24,21,0),0)),0)</f>
        <v>0</v>
      </c>
      <c r="F4306" cm="1">
        <f t="array" ref="F4306">IFERROR(INDEX(Jesper!AJ$2:AJ$366,ROUNDDOWN($C4306/24,0)+1,1)*INDEX($D$3:$AA$30,INDEX(Jesper!$R$2:$R$366,ROW(INDEX(Jesper!AJ$2:AJ$366,ROUNDDOWN($C4306/24,0)+1,1))-1)+IF('Standard Profiles'!$G$20=$B$10,7,0)+IF('Standard Profiles'!$G$20=$B$17,14,0)+IF('Standard Profiles'!$G$20=$B$24,21,0),MOD($C4306,24)+1)/SUM(INDEX($D$3:$AA$30,INDEX(Jesper!$R$2:$R$366,ROW(INDEX(Jesper!AJ$2:AJ$366,ROUNDDOWN($C4306/24,0)+1,1))-1)+IF('Standard Profiles'!$G$20=$B$10,7,0)+IF('Standard Profiles'!$G$20=$B$17,14,0)+IF('Standard Profiles'!$G$20=$B$24,21,0),0)),0)</f>
        <v>0</v>
      </c>
      <c r="G4306" cm="1">
        <f t="array" ref="G4306">IFERROR(INDEX(Jesper!AK$2:AK$366,ROUNDDOWN($C4306/24,0)+1,1)*INDEX($D$3:$AA$30,INDEX(Jesper!$R$2:$R$366,ROW(INDEX(Jesper!AK$2:AK$366,ROUNDDOWN($C4306/24,0)+1,1))-1)+IF('Standard Profiles'!$G$21=$B$10,7,0)+IF('Standard Profiles'!$G$21=$B$17,14,0)+IF('Standard Profiles'!$G$21=$B$24,21,0),MOD($C4306,24)+1)/SUM(INDEX($D$3:$AA$30,INDEX(Jesper!$R$2:$R$366,ROW(INDEX(Jesper!AK$2:AK$366,ROUNDDOWN($C4306/24,0)+1,1))-1)+IF('Standard Profiles'!$G$21=$B$10,7,0)+IF('Standard Profiles'!$G$21=$B$17,14,0)+IF('Standard Profiles'!$G$21=$B$24,21,0),0)),0)</f>
        <v>0</v>
      </c>
      <c r="H4306" cm="1">
        <f t="array" ref="H4306">IFERROR(INDEX(Jesper!AL$2:AL$366,ROUNDDOWN($C4306/24,0)+1,1)*INDEX($D$3:$AA$30,INDEX(Jesper!$R$2:$R$366,ROW(INDEX(Jesper!AL$2:AL$366,ROUNDDOWN($C4306/24,0)+1,1))-1)+IF('Standard Profiles'!$G$22=$B$10,7,0)+IF('Standard Profiles'!$G$22=$B$17,14,0)+IF('Standard Profiles'!$G$22=$B$24,21,0),MOD($C4306,24)+1)/SUM(INDEX($D$3:$AA$30,INDEX(Jesper!$R$2:$R$366,ROW(INDEX(Jesper!AL$2:AL$366,ROUNDDOWN($C4306/24,0)+1,1))-1)+IF('Standard Profiles'!$G$22=$B$10,7,0)+IF('Standard Profiles'!$G$22=$B$17,14,0)+IF('Standard Profiles'!$G$22=$B$24,21,0),0)),0)</f>
        <v>0</v>
      </c>
      <c r="I4306">
        <f t="shared" si="482"/>
        <v>0.20129512374039077</v>
      </c>
      <c r="J4306">
        <f t="shared" si="483"/>
        <v>0.6709837458013026</v>
      </c>
      <c r="K4306">
        <f t="shared" si="484"/>
        <v>1.0064756187019539</v>
      </c>
      <c r="L4306">
        <f t="shared" si="485"/>
        <v>4.8310829697693789</v>
      </c>
      <c r="M4306">
        <f t="shared" si="486"/>
        <v>0</v>
      </c>
      <c r="N4306" s="46">
        <f t="shared" si="487"/>
        <v>45469.999999989639</v>
      </c>
    </row>
    <row r="4307" spans="2:14" x14ac:dyDescent="0.3">
      <c r="B4307">
        <f t="shared" si="481"/>
        <v>4</v>
      </c>
      <c r="C4307" s="16">
        <v>4273</v>
      </c>
      <c r="D4307" cm="1">
        <f t="array" ref="D4307">IFERROR(INDEX(Jesper!AH$2:AH$366,ROUNDDOWN($C4307/24,0)+1,1)*INDEX($D$3:$AA$30,INDEX(Jesper!$R$2:$R$366,ROW(INDEX(Jesper!AH$2:AH$366,ROUNDDOWN($C4307/24,0)+1,1))-1)+IF('Standard Profiles'!$G$18=$B$10,7,0)+IF('Standard Profiles'!$G$18=$B$17,14,0)+IF('Standard Profiles'!$G$18=$B$24,21,0),MOD($C4307,24)+1)/SUM(INDEX($D$3:$AA$30,INDEX(Jesper!$R$2:$R$366,ROW(INDEX(Jesper!AH$2:AH$366,ROUNDDOWN($C4307/24,0)+1,1))-1)+IF('Standard Profiles'!$G$18=$B$10,7,0)+IF('Standard Profiles'!$G$18=$B$17,14,0)+IF('Standard Profiles'!$G$18=$B$24,21,0),0)),0)</f>
        <v>6.709837458013026</v>
      </c>
      <c r="E4307" cm="1">
        <f t="array" ref="E4307">IFERROR(INDEX(Jesper!AI$2:AI$366,ROUNDDOWN($C4307/24,0)+1,1)*INDEX($D$3:$AA$30,INDEX(Jesper!$R$2:$R$366,ROW(INDEX(Jesper!AI$2:AI$366,ROUNDDOWN($C4307/24,0)+1,1))-1)+IF('Standard Profiles'!$G$19=$B$10,7,0)+IF('Standard Profiles'!$G$19=$B$17,14,0)+IF('Standard Profiles'!$G$19=$B$24,21,0),MOD($C4307,24)+1)/SUM(INDEX($D$3:$AA$30,INDEX(Jesper!$R$2:$R$366,ROW(INDEX(Jesper!AI$2:AI$366,ROUNDDOWN($C4307/24,0)+1,1))-1)+IF('Standard Profiles'!$G$19=$B$10,7,0)+IF('Standard Profiles'!$G$19=$B$17,14,0)+IF('Standard Profiles'!$G$19=$B$24,21,0),0)),0)</f>
        <v>0</v>
      </c>
      <c r="F4307" cm="1">
        <f t="array" ref="F4307">IFERROR(INDEX(Jesper!AJ$2:AJ$366,ROUNDDOWN($C4307/24,0)+1,1)*INDEX($D$3:$AA$30,INDEX(Jesper!$R$2:$R$366,ROW(INDEX(Jesper!AJ$2:AJ$366,ROUNDDOWN($C4307/24,0)+1,1))-1)+IF('Standard Profiles'!$G$20=$B$10,7,0)+IF('Standard Profiles'!$G$20=$B$17,14,0)+IF('Standard Profiles'!$G$20=$B$24,21,0),MOD($C4307,24)+1)/SUM(INDEX($D$3:$AA$30,INDEX(Jesper!$R$2:$R$366,ROW(INDEX(Jesper!AJ$2:AJ$366,ROUNDDOWN($C4307/24,0)+1,1))-1)+IF('Standard Profiles'!$G$20=$B$10,7,0)+IF('Standard Profiles'!$G$20=$B$17,14,0)+IF('Standard Profiles'!$G$20=$B$24,21,0),0)),0)</f>
        <v>0</v>
      </c>
      <c r="G4307" cm="1">
        <f t="array" ref="G4307">IFERROR(INDEX(Jesper!AK$2:AK$366,ROUNDDOWN($C4307/24,0)+1,1)*INDEX($D$3:$AA$30,INDEX(Jesper!$R$2:$R$366,ROW(INDEX(Jesper!AK$2:AK$366,ROUNDDOWN($C4307/24,0)+1,1))-1)+IF('Standard Profiles'!$G$21=$B$10,7,0)+IF('Standard Profiles'!$G$21=$B$17,14,0)+IF('Standard Profiles'!$G$21=$B$24,21,0),MOD($C4307,24)+1)/SUM(INDEX($D$3:$AA$30,INDEX(Jesper!$R$2:$R$366,ROW(INDEX(Jesper!AK$2:AK$366,ROUNDDOWN($C4307/24,0)+1,1))-1)+IF('Standard Profiles'!$G$21=$B$10,7,0)+IF('Standard Profiles'!$G$21=$B$17,14,0)+IF('Standard Profiles'!$G$21=$B$24,21,0),0)),0)</f>
        <v>0</v>
      </c>
      <c r="H4307" cm="1">
        <f t="array" ref="H4307">IFERROR(INDEX(Jesper!AL$2:AL$366,ROUNDDOWN($C4307/24,0)+1,1)*INDEX($D$3:$AA$30,INDEX(Jesper!$R$2:$R$366,ROW(INDEX(Jesper!AL$2:AL$366,ROUNDDOWN($C4307/24,0)+1,1))-1)+IF('Standard Profiles'!$G$22=$B$10,7,0)+IF('Standard Profiles'!$G$22=$B$17,14,0)+IF('Standard Profiles'!$G$22=$B$24,21,0),MOD($C4307,24)+1)/SUM(INDEX($D$3:$AA$30,INDEX(Jesper!$R$2:$R$366,ROW(INDEX(Jesper!AL$2:AL$366,ROUNDDOWN($C4307/24,0)+1,1))-1)+IF('Standard Profiles'!$G$22=$B$10,7,0)+IF('Standard Profiles'!$G$22=$B$17,14,0)+IF('Standard Profiles'!$G$22=$B$24,21,0),0)),0)</f>
        <v>0</v>
      </c>
      <c r="I4307">
        <f t="shared" si="482"/>
        <v>0.20129512374039077</v>
      </c>
      <c r="J4307">
        <f t="shared" si="483"/>
        <v>0.6709837458013026</v>
      </c>
      <c r="K4307">
        <f t="shared" si="484"/>
        <v>1.0064756187019539</v>
      </c>
      <c r="L4307">
        <f t="shared" si="485"/>
        <v>4.8310829697693789</v>
      </c>
      <c r="M4307">
        <f t="shared" si="486"/>
        <v>0</v>
      </c>
      <c r="N4307" s="46">
        <f t="shared" si="487"/>
        <v>45470.041666656303</v>
      </c>
    </row>
    <row r="4308" spans="2:14" x14ac:dyDescent="0.3">
      <c r="B4308">
        <f t="shared" si="481"/>
        <v>4</v>
      </c>
      <c r="C4308" s="16">
        <v>4274</v>
      </c>
      <c r="D4308" cm="1">
        <f t="array" ref="D4308">IFERROR(INDEX(Jesper!AH$2:AH$366,ROUNDDOWN($C4308/24,0)+1,1)*INDEX($D$3:$AA$30,INDEX(Jesper!$R$2:$R$366,ROW(INDEX(Jesper!AH$2:AH$366,ROUNDDOWN($C4308/24,0)+1,1))-1)+IF('Standard Profiles'!$G$18=$B$10,7,0)+IF('Standard Profiles'!$G$18=$B$17,14,0)+IF('Standard Profiles'!$G$18=$B$24,21,0),MOD($C4308,24)+1)/SUM(INDEX($D$3:$AA$30,INDEX(Jesper!$R$2:$R$366,ROW(INDEX(Jesper!AH$2:AH$366,ROUNDDOWN($C4308/24,0)+1,1))-1)+IF('Standard Profiles'!$G$18=$B$10,7,0)+IF('Standard Profiles'!$G$18=$B$17,14,0)+IF('Standard Profiles'!$G$18=$B$24,21,0),0)),0)</f>
        <v>6.709837458013026</v>
      </c>
      <c r="E4308" cm="1">
        <f t="array" ref="E4308">IFERROR(INDEX(Jesper!AI$2:AI$366,ROUNDDOWN($C4308/24,0)+1,1)*INDEX($D$3:$AA$30,INDEX(Jesper!$R$2:$R$366,ROW(INDEX(Jesper!AI$2:AI$366,ROUNDDOWN($C4308/24,0)+1,1))-1)+IF('Standard Profiles'!$G$19=$B$10,7,0)+IF('Standard Profiles'!$G$19=$B$17,14,0)+IF('Standard Profiles'!$G$19=$B$24,21,0),MOD($C4308,24)+1)/SUM(INDEX($D$3:$AA$30,INDEX(Jesper!$R$2:$R$366,ROW(INDEX(Jesper!AI$2:AI$366,ROUNDDOWN($C4308/24,0)+1,1))-1)+IF('Standard Profiles'!$G$19=$B$10,7,0)+IF('Standard Profiles'!$G$19=$B$17,14,0)+IF('Standard Profiles'!$G$19=$B$24,21,0),0)),0)</f>
        <v>0</v>
      </c>
      <c r="F4308" cm="1">
        <f t="array" ref="F4308">IFERROR(INDEX(Jesper!AJ$2:AJ$366,ROUNDDOWN($C4308/24,0)+1,1)*INDEX($D$3:$AA$30,INDEX(Jesper!$R$2:$R$366,ROW(INDEX(Jesper!AJ$2:AJ$366,ROUNDDOWN($C4308/24,0)+1,1))-1)+IF('Standard Profiles'!$G$20=$B$10,7,0)+IF('Standard Profiles'!$G$20=$B$17,14,0)+IF('Standard Profiles'!$G$20=$B$24,21,0),MOD($C4308,24)+1)/SUM(INDEX($D$3:$AA$30,INDEX(Jesper!$R$2:$R$366,ROW(INDEX(Jesper!AJ$2:AJ$366,ROUNDDOWN($C4308/24,0)+1,1))-1)+IF('Standard Profiles'!$G$20=$B$10,7,0)+IF('Standard Profiles'!$G$20=$B$17,14,0)+IF('Standard Profiles'!$G$20=$B$24,21,0),0)),0)</f>
        <v>0</v>
      </c>
      <c r="G4308" cm="1">
        <f t="array" ref="G4308">IFERROR(INDEX(Jesper!AK$2:AK$366,ROUNDDOWN($C4308/24,0)+1,1)*INDEX($D$3:$AA$30,INDEX(Jesper!$R$2:$R$366,ROW(INDEX(Jesper!AK$2:AK$366,ROUNDDOWN($C4308/24,0)+1,1))-1)+IF('Standard Profiles'!$G$21=$B$10,7,0)+IF('Standard Profiles'!$G$21=$B$17,14,0)+IF('Standard Profiles'!$G$21=$B$24,21,0),MOD($C4308,24)+1)/SUM(INDEX($D$3:$AA$30,INDEX(Jesper!$R$2:$R$366,ROW(INDEX(Jesper!AK$2:AK$366,ROUNDDOWN($C4308/24,0)+1,1))-1)+IF('Standard Profiles'!$G$21=$B$10,7,0)+IF('Standard Profiles'!$G$21=$B$17,14,0)+IF('Standard Profiles'!$G$21=$B$24,21,0),0)),0)</f>
        <v>0</v>
      </c>
      <c r="H4308" cm="1">
        <f t="array" ref="H4308">IFERROR(INDEX(Jesper!AL$2:AL$366,ROUNDDOWN($C4308/24,0)+1,1)*INDEX($D$3:$AA$30,INDEX(Jesper!$R$2:$R$366,ROW(INDEX(Jesper!AL$2:AL$366,ROUNDDOWN($C4308/24,0)+1,1))-1)+IF('Standard Profiles'!$G$22=$B$10,7,0)+IF('Standard Profiles'!$G$22=$B$17,14,0)+IF('Standard Profiles'!$G$22=$B$24,21,0),MOD($C4308,24)+1)/SUM(INDEX($D$3:$AA$30,INDEX(Jesper!$R$2:$R$366,ROW(INDEX(Jesper!AL$2:AL$366,ROUNDDOWN($C4308/24,0)+1,1))-1)+IF('Standard Profiles'!$G$22=$B$10,7,0)+IF('Standard Profiles'!$G$22=$B$17,14,0)+IF('Standard Profiles'!$G$22=$B$24,21,0),0)),0)</f>
        <v>0</v>
      </c>
      <c r="I4308">
        <f t="shared" si="482"/>
        <v>0.20129512374039077</v>
      </c>
      <c r="J4308">
        <f t="shared" si="483"/>
        <v>0.6709837458013026</v>
      </c>
      <c r="K4308">
        <f t="shared" si="484"/>
        <v>1.0064756187019539</v>
      </c>
      <c r="L4308">
        <f t="shared" si="485"/>
        <v>4.8310829697693789</v>
      </c>
      <c r="M4308">
        <f t="shared" si="486"/>
        <v>0</v>
      </c>
      <c r="N4308" s="46">
        <f t="shared" si="487"/>
        <v>45470.083333322968</v>
      </c>
    </row>
    <row r="4309" spans="2:14" x14ac:dyDescent="0.3">
      <c r="B4309">
        <f t="shared" si="481"/>
        <v>4</v>
      </c>
      <c r="C4309" s="16">
        <v>4275</v>
      </c>
      <c r="D4309" cm="1">
        <f t="array" ref="D4309">IFERROR(INDEX(Jesper!AH$2:AH$366,ROUNDDOWN($C4309/24,0)+1,1)*INDEX($D$3:$AA$30,INDEX(Jesper!$R$2:$R$366,ROW(INDEX(Jesper!AH$2:AH$366,ROUNDDOWN($C4309/24,0)+1,1))-1)+IF('Standard Profiles'!$G$18=$B$10,7,0)+IF('Standard Profiles'!$G$18=$B$17,14,0)+IF('Standard Profiles'!$G$18=$B$24,21,0),MOD($C4309,24)+1)/SUM(INDEX($D$3:$AA$30,INDEX(Jesper!$R$2:$R$366,ROW(INDEX(Jesper!AH$2:AH$366,ROUNDDOWN($C4309/24,0)+1,1))-1)+IF('Standard Profiles'!$G$18=$B$10,7,0)+IF('Standard Profiles'!$G$18=$B$17,14,0)+IF('Standard Profiles'!$G$18=$B$24,21,0),0)),0)</f>
        <v>6.709837458013026</v>
      </c>
      <c r="E4309" cm="1">
        <f t="array" ref="E4309">IFERROR(INDEX(Jesper!AI$2:AI$366,ROUNDDOWN($C4309/24,0)+1,1)*INDEX($D$3:$AA$30,INDEX(Jesper!$R$2:$R$366,ROW(INDEX(Jesper!AI$2:AI$366,ROUNDDOWN($C4309/24,0)+1,1))-1)+IF('Standard Profiles'!$G$19=$B$10,7,0)+IF('Standard Profiles'!$G$19=$B$17,14,0)+IF('Standard Profiles'!$G$19=$B$24,21,0),MOD($C4309,24)+1)/SUM(INDEX($D$3:$AA$30,INDEX(Jesper!$R$2:$R$366,ROW(INDEX(Jesper!AI$2:AI$366,ROUNDDOWN($C4309/24,0)+1,1))-1)+IF('Standard Profiles'!$G$19=$B$10,7,0)+IF('Standard Profiles'!$G$19=$B$17,14,0)+IF('Standard Profiles'!$G$19=$B$24,21,0),0)),0)</f>
        <v>0</v>
      </c>
      <c r="F4309" cm="1">
        <f t="array" ref="F4309">IFERROR(INDEX(Jesper!AJ$2:AJ$366,ROUNDDOWN($C4309/24,0)+1,1)*INDEX($D$3:$AA$30,INDEX(Jesper!$R$2:$R$366,ROW(INDEX(Jesper!AJ$2:AJ$366,ROUNDDOWN($C4309/24,0)+1,1))-1)+IF('Standard Profiles'!$G$20=$B$10,7,0)+IF('Standard Profiles'!$G$20=$B$17,14,0)+IF('Standard Profiles'!$G$20=$B$24,21,0),MOD($C4309,24)+1)/SUM(INDEX($D$3:$AA$30,INDEX(Jesper!$R$2:$R$366,ROW(INDEX(Jesper!AJ$2:AJ$366,ROUNDDOWN($C4309/24,0)+1,1))-1)+IF('Standard Profiles'!$G$20=$B$10,7,0)+IF('Standard Profiles'!$G$20=$B$17,14,0)+IF('Standard Profiles'!$G$20=$B$24,21,0),0)),0)</f>
        <v>0</v>
      </c>
      <c r="G4309" cm="1">
        <f t="array" ref="G4309">IFERROR(INDEX(Jesper!AK$2:AK$366,ROUNDDOWN($C4309/24,0)+1,1)*INDEX($D$3:$AA$30,INDEX(Jesper!$R$2:$R$366,ROW(INDEX(Jesper!AK$2:AK$366,ROUNDDOWN($C4309/24,0)+1,1))-1)+IF('Standard Profiles'!$G$21=$B$10,7,0)+IF('Standard Profiles'!$G$21=$B$17,14,0)+IF('Standard Profiles'!$G$21=$B$24,21,0),MOD($C4309,24)+1)/SUM(INDEX($D$3:$AA$30,INDEX(Jesper!$R$2:$R$366,ROW(INDEX(Jesper!AK$2:AK$366,ROUNDDOWN($C4309/24,0)+1,1))-1)+IF('Standard Profiles'!$G$21=$B$10,7,0)+IF('Standard Profiles'!$G$21=$B$17,14,0)+IF('Standard Profiles'!$G$21=$B$24,21,0),0)),0)</f>
        <v>0</v>
      </c>
      <c r="H4309" cm="1">
        <f t="array" ref="H4309">IFERROR(INDEX(Jesper!AL$2:AL$366,ROUNDDOWN($C4309/24,0)+1,1)*INDEX($D$3:$AA$30,INDEX(Jesper!$R$2:$R$366,ROW(INDEX(Jesper!AL$2:AL$366,ROUNDDOWN($C4309/24,0)+1,1))-1)+IF('Standard Profiles'!$G$22=$B$10,7,0)+IF('Standard Profiles'!$G$22=$B$17,14,0)+IF('Standard Profiles'!$G$22=$B$24,21,0),MOD($C4309,24)+1)/SUM(INDEX($D$3:$AA$30,INDEX(Jesper!$R$2:$R$366,ROW(INDEX(Jesper!AL$2:AL$366,ROUNDDOWN($C4309/24,0)+1,1))-1)+IF('Standard Profiles'!$G$22=$B$10,7,0)+IF('Standard Profiles'!$G$22=$B$17,14,0)+IF('Standard Profiles'!$G$22=$B$24,21,0),0)),0)</f>
        <v>0</v>
      </c>
      <c r="I4309">
        <f t="shared" si="482"/>
        <v>0.20129512374039077</v>
      </c>
      <c r="J4309">
        <f t="shared" si="483"/>
        <v>0.6709837458013026</v>
      </c>
      <c r="K4309">
        <f t="shared" si="484"/>
        <v>1.0064756187019539</v>
      </c>
      <c r="L4309">
        <f t="shared" si="485"/>
        <v>4.8310829697693789</v>
      </c>
      <c r="M4309">
        <f t="shared" si="486"/>
        <v>0</v>
      </c>
      <c r="N4309" s="46">
        <f t="shared" si="487"/>
        <v>45470.124999989632</v>
      </c>
    </row>
    <row r="4310" spans="2:14" x14ac:dyDescent="0.3">
      <c r="B4310">
        <f t="shared" si="481"/>
        <v>4</v>
      </c>
      <c r="C4310" s="16">
        <v>4276</v>
      </c>
      <c r="D4310" cm="1">
        <f t="array" ref="D4310">IFERROR(INDEX(Jesper!AH$2:AH$366,ROUNDDOWN($C4310/24,0)+1,1)*INDEX($D$3:$AA$30,INDEX(Jesper!$R$2:$R$366,ROW(INDEX(Jesper!AH$2:AH$366,ROUNDDOWN($C4310/24,0)+1,1))-1)+IF('Standard Profiles'!$G$18=$B$10,7,0)+IF('Standard Profiles'!$G$18=$B$17,14,0)+IF('Standard Profiles'!$G$18=$B$24,21,0),MOD($C4310,24)+1)/SUM(INDEX($D$3:$AA$30,INDEX(Jesper!$R$2:$R$366,ROW(INDEX(Jesper!AH$2:AH$366,ROUNDDOWN($C4310/24,0)+1,1))-1)+IF('Standard Profiles'!$G$18=$B$10,7,0)+IF('Standard Profiles'!$G$18=$B$17,14,0)+IF('Standard Profiles'!$G$18=$B$24,21,0),0)),0)</f>
        <v>6.709837458013026</v>
      </c>
      <c r="E4310" cm="1">
        <f t="array" ref="E4310">IFERROR(INDEX(Jesper!AI$2:AI$366,ROUNDDOWN($C4310/24,0)+1,1)*INDEX($D$3:$AA$30,INDEX(Jesper!$R$2:$R$366,ROW(INDEX(Jesper!AI$2:AI$366,ROUNDDOWN($C4310/24,0)+1,1))-1)+IF('Standard Profiles'!$G$19=$B$10,7,0)+IF('Standard Profiles'!$G$19=$B$17,14,0)+IF('Standard Profiles'!$G$19=$B$24,21,0),MOD($C4310,24)+1)/SUM(INDEX($D$3:$AA$30,INDEX(Jesper!$R$2:$R$366,ROW(INDEX(Jesper!AI$2:AI$366,ROUNDDOWN($C4310/24,0)+1,1))-1)+IF('Standard Profiles'!$G$19=$B$10,7,0)+IF('Standard Profiles'!$G$19=$B$17,14,0)+IF('Standard Profiles'!$G$19=$B$24,21,0),0)),0)</f>
        <v>0</v>
      </c>
      <c r="F4310" cm="1">
        <f t="array" ref="F4310">IFERROR(INDEX(Jesper!AJ$2:AJ$366,ROUNDDOWN($C4310/24,0)+1,1)*INDEX($D$3:$AA$30,INDEX(Jesper!$R$2:$R$366,ROW(INDEX(Jesper!AJ$2:AJ$366,ROUNDDOWN($C4310/24,0)+1,1))-1)+IF('Standard Profiles'!$G$20=$B$10,7,0)+IF('Standard Profiles'!$G$20=$B$17,14,0)+IF('Standard Profiles'!$G$20=$B$24,21,0),MOD($C4310,24)+1)/SUM(INDEX($D$3:$AA$30,INDEX(Jesper!$R$2:$R$366,ROW(INDEX(Jesper!AJ$2:AJ$366,ROUNDDOWN($C4310/24,0)+1,1))-1)+IF('Standard Profiles'!$G$20=$B$10,7,0)+IF('Standard Profiles'!$G$20=$B$17,14,0)+IF('Standard Profiles'!$G$20=$B$24,21,0),0)),0)</f>
        <v>0</v>
      </c>
      <c r="G4310" cm="1">
        <f t="array" ref="G4310">IFERROR(INDEX(Jesper!AK$2:AK$366,ROUNDDOWN($C4310/24,0)+1,1)*INDEX($D$3:$AA$30,INDEX(Jesper!$R$2:$R$366,ROW(INDEX(Jesper!AK$2:AK$366,ROUNDDOWN($C4310/24,0)+1,1))-1)+IF('Standard Profiles'!$G$21=$B$10,7,0)+IF('Standard Profiles'!$G$21=$B$17,14,0)+IF('Standard Profiles'!$G$21=$B$24,21,0),MOD($C4310,24)+1)/SUM(INDEX($D$3:$AA$30,INDEX(Jesper!$R$2:$R$366,ROW(INDEX(Jesper!AK$2:AK$366,ROUNDDOWN($C4310/24,0)+1,1))-1)+IF('Standard Profiles'!$G$21=$B$10,7,0)+IF('Standard Profiles'!$G$21=$B$17,14,0)+IF('Standard Profiles'!$G$21=$B$24,21,0),0)),0)</f>
        <v>0</v>
      </c>
      <c r="H4310" cm="1">
        <f t="array" ref="H4310">IFERROR(INDEX(Jesper!AL$2:AL$366,ROUNDDOWN($C4310/24,0)+1,1)*INDEX($D$3:$AA$30,INDEX(Jesper!$R$2:$R$366,ROW(INDEX(Jesper!AL$2:AL$366,ROUNDDOWN($C4310/24,0)+1,1))-1)+IF('Standard Profiles'!$G$22=$B$10,7,0)+IF('Standard Profiles'!$G$22=$B$17,14,0)+IF('Standard Profiles'!$G$22=$B$24,21,0),MOD($C4310,24)+1)/SUM(INDEX($D$3:$AA$30,INDEX(Jesper!$R$2:$R$366,ROW(INDEX(Jesper!AL$2:AL$366,ROUNDDOWN($C4310/24,0)+1,1))-1)+IF('Standard Profiles'!$G$22=$B$10,7,0)+IF('Standard Profiles'!$G$22=$B$17,14,0)+IF('Standard Profiles'!$G$22=$B$24,21,0),0)),0)</f>
        <v>0</v>
      </c>
      <c r="I4310">
        <f t="shared" si="482"/>
        <v>0.20129512374039077</v>
      </c>
      <c r="J4310">
        <f t="shared" si="483"/>
        <v>0.6709837458013026</v>
      </c>
      <c r="K4310">
        <f t="shared" si="484"/>
        <v>1.0064756187019539</v>
      </c>
      <c r="L4310">
        <f t="shared" si="485"/>
        <v>4.8310829697693789</v>
      </c>
      <c r="M4310">
        <f t="shared" si="486"/>
        <v>0</v>
      </c>
      <c r="N4310" s="46">
        <f t="shared" si="487"/>
        <v>45470.166666656296</v>
      </c>
    </row>
    <row r="4311" spans="2:14" x14ac:dyDescent="0.3">
      <c r="B4311">
        <f t="shared" si="481"/>
        <v>4</v>
      </c>
      <c r="C4311" s="16">
        <v>4277</v>
      </c>
      <c r="D4311" cm="1">
        <f t="array" ref="D4311">IFERROR(INDEX(Jesper!AH$2:AH$366,ROUNDDOWN($C4311/24,0)+1,1)*INDEX($D$3:$AA$30,INDEX(Jesper!$R$2:$R$366,ROW(INDEX(Jesper!AH$2:AH$366,ROUNDDOWN($C4311/24,0)+1,1))-1)+IF('Standard Profiles'!$G$18=$B$10,7,0)+IF('Standard Profiles'!$G$18=$B$17,14,0)+IF('Standard Profiles'!$G$18=$B$24,21,0),MOD($C4311,24)+1)/SUM(INDEX($D$3:$AA$30,INDEX(Jesper!$R$2:$R$366,ROW(INDEX(Jesper!AH$2:AH$366,ROUNDDOWN($C4311/24,0)+1,1))-1)+IF('Standard Profiles'!$G$18=$B$10,7,0)+IF('Standard Profiles'!$G$18=$B$17,14,0)+IF('Standard Profiles'!$G$18=$B$24,21,0),0)),0)</f>
        <v>8.6482349458834555</v>
      </c>
      <c r="E4311" cm="1">
        <f t="array" ref="E4311">IFERROR(INDEX(Jesper!AI$2:AI$366,ROUNDDOWN($C4311/24,0)+1,1)*INDEX($D$3:$AA$30,INDEX(Jesper!$R$2:$R$366,ROW(INDEX(Jesper!AI$2:AI$366,ROUNDDOWN($C4311/24,0)+1,1))-1)+IF('Standard Profiles'!$G$19=$B$10,7,0)+IF('Standard Profiles'!$G$19=$B$17,14,0)+IF('Standard Profiles'!$G$19=$B$24,21,0),MOD($C4311,24)+1)/SUM(INDEX($D$3:$AA$30,INDEX(Jesper!$R$2:$R$366,ROW(INDEX(Jesper!AI$2:AI$366,ROUNDDOWN($C4311/24,0)+1,1))-1)+IF('Standard Profiles'!$G$19=$B$10,7,0)+IF('Standard Profiles'!$G$19=$B$17,14,0)+IF('Standard Profiles'!$G$19=$B$24,21,0),0)),0)</f>
        <v>0</v>
      </c>
      <c r="F4311" cm="1">
        <f t="array" ref="F4311">IFERROR(INDEX(Jesper!AJ$2:AJ$366,ROUNDDOWN($C4311/24,0)+1,1)*INDEX($D$3:$AA$30,INDEX(Jesper!$R$2:$R$366,ROW(INDEX(Jesper!AJ$2:AJ$366,ROUNDDOWN($C4311/24,0)+1,1))-1)+IF('Standard Profiles'!$G$20=$B$10,7,0)+IF('Standard Profiles'!$G$20=$B$17,14,0)+IF('Standard Profiles'!$G$20=$B$24,21,0),MOD($C4311,24)+1)/SUM(INDEX($D$3:$AA$30,INDEX(Jesper!$R$2:$R$366,ROW(INDEX(Jesper!AJ$2:AJ$366,ROUNDDOWN($C4311/24,0)+1,1))-1)+IF('Standard Profiles'!$G$20=$B$10,7,0)+IF('Standard Profiles'!$G$20=$B$17,14,0)+IF('Standard Profiles'!$G$20=$B$24,21,0),0)),0)</f>
        <v>0</v>
      </c>
      <c r="G4311" cm="1">
        <f t="array" ref="G4311">IFERROR(INDEX(Jesper!AK$2:AK$366,ROUNDDOWN($C4311/24,0)+1,1)*INDEX($D$3:$AA$30,INDEX(Jesper!$R$2:$R$366,ROW(INDEX(Jesper!AK$2:AK$366,ROUNDDOWN($C4311/24,0)+1,1))-1)+IF('Standard Profiles'!$G$21=$B$10,7,0)+IF('Standard Profiles'!$G$21=$B$17,14,0)+IF('Standard Profiles'!$G$21=$B$24,21,0),MOD($C4311,24)+1)/SUM(INDEX($D$3:$AA$30,INDEX(Jesper!$R$2:$R$366,ROW(INDEX(Jesper!AK$2:AK$366,ROUNDDOWN($C4311/24,0)+1,1))-1)+IF('Standard Profiles'!$G$21=$B$10,7,0)+IF('Standard Profiles'!$G$21=$B$17,14,0)+IF('Standard Profiles'!$G$21=$B$24,21,0),0)),0)</f>
        <v>0</v>
      </c>
      <c r="H4311" cm="1">
        <f t="array" ref="H4311">IFERROR(INDEX(Jesper!AL$2:AL$366,ROUNDDOWN($C4311/24,0)+1,1)*INDEX($D$3:$AA$30,INDEX(Jesper!$R$2:$R$366,ROW(INDEX(Jesper!AL$2:AL$366,ROUNDDOWN($C4311/24,0)+1,1))-1)+IF('Standard Profiles'!$G$22=$B$10,7,0)+IF('Standard Profiles'!$G$22=$B$17,14,0)+IF('Standard Profiles'!$G$22=$B$24,21,0),MOD($C4311,24)+1)/SUM(INDEX($D$3:$AA$30,INDEX(Jesper!$R$2:$R$366,ROW(INDEX(Jesper!AL$2:AL$366,ROUNDDOWN($C4311/24,0)+1,1))-1)+IF('Standard Profiles'!$G$22=$B$10,7,0)+IF('Standard Profiles'!$G$22=$B$17,14,0)+IF('Standard Profiles'!$G$22=$B$24,21,0),0)),0)</f>
        <v>0</v>
      </c>
      <c r="I4311">
        <f t="shared" si="482"/>
        <v>0.25944704837650368</v>
      </c>
      <c r="J4311">
        <f t="shared" si="483"/>
        <v>0.86482349458834562</v>
      </c>
      <c r="K4311">
        <f t="shared" si="484"/>
        <v>1.2972352418825184</v>
      </c>
      <c r="L4311">
        <f t="shared" si="485"/>
        <v>6.2267291610360882</v>
      </c>
      <c r="M4311">
        <f t="shared" si="486"/>
        <v>0</v>
      </c>
      <c r="N4311" s="46">
        <f t="shared" si="487"/>
        <v>45470.20833332296</v>
      </c>
    </row>
    <row r="4312" spans="2:14" x14ac:dyDescent="0.3">
      <c r="B4312">
        <f t="shared" si="481"/>
        <v>4</v>
      </c>
      <c r="C4312" s="16">
        <v>4278</v>
      </c>
      <c r="D4312" cm="1">
        <f t="array" ref="D4312">IFERROR(INDEX(Jesper!AH$2:AH$366,ROUNDDOWN($C4312/24,0)+1,1)*INDEX($D$3:$AA$30,INDEX(Jesper!$R$2:$R$366,ROW(INDEX(Jesper!AH$2:AH$366,ROUNDDOWN($C4312/24,0)+1,1))-1)+IF('Standard Profiles'!$G$18=$B$10,7,0)+IF('Standard Profiles'!$G$18=$B$17,14,0)+IF('Standard Profiles'!$G$18=$B$24,21,0),MOD($C4312,24)+1)/SUM(INDEX($D$3:$AA$30,INDEX(Jesper!$R$2:$R$366,ROW(INDEX(Jesper!AH$2:AH$366,ROUNDDOWN($C4312/24,0)+1,1))-1)+IF('Standard Profiles'!$G$18=$B$10,7,0)+IF('Standard Profiles'!$G$18=$B$17,14,0)+IF('Standard Profiles'!$G$18=$B$24,21,0),0)),0)</f>
        <v>9.9902024374860616</v>
      </c>
      <c r="E4312" cm="1">
        <f t="array" ref="E4312">IFERROR(INDEX(Jesper!AI$2:AI$366,ROUNDDOWN($C4312/24,0)+1,1)*INDEX($D$3:$AA$30,INDEX(Jesper!$R$2:$R$366,ROW(INDEX(Jesper!AI$2:AI$366,ROUNDDOWN($C4312/24,0)+1,1))-1)+IF('Standard Profiles'!$G$19=$B$10,7,0)+IF('Standard Profiles'!$G$19=$B$17,14,0)+IF('Standard Profiles'!$G$19=$B$24,21,0),MOD($C4312,24)+1)/SUM(INDEX($D$3:$AA$30,INDEX(Jesper!$R$2:$R$366,ROW(INDEX(Jesper!AI$2:AI$366,ROUNDDOWN($C4312/24,0)+1,1))-1)+IF('Standard Profiles'!$G$19=$B$10,7,0)+IF('Standard Profiles'!$G$19=$B$17,14,0)+IF('Standard Profiles'!$G$19=$B$24,21,0),0)),0)</f>
        <v>0</v>
      </c>
      <c r="F4312" cm="1">
        <f t="array" ref="F4312">IFERROR(INDEX(Jesper!AJ$2:AJ$366,ROUNDDOWN($C4312/24,0)+1,1)*INDEX($D$3:$AA$30,INDEX(Jesper!$R$2:$R$366,ROW(INDEX(Jesper!AJ$2:AJ$366,ROUNDDOWN($C4312/24,0)+1,1))-1)+IF('Standard Profiles'!$G$20=$B$10,7,0)+IF('Standard Profiles'!$G$20=$B$17,14,0)+IF('Standard Profiles'!$G$20=$B$24,21,0),MOD($C4312,24)+1)/SUM(INDEX($D$3:$AA$30,INDEX(Jesper!$R$2:$R$366,ROW(INDEX(Jesper!AJ$2:AJ$366,ROUNDDOWN($C4312/24,0)+1,1))-1)+IF('Standard Profiles'!$G$20=$B$10,7,0)+IF('Standard Profiles'!$G$20=$B$17,14,0)+IF('Standard Profiles'!$G$20=$B$24,21,0),0)),0)</f>
        <v>0</v>
      </c>
      <c r="G4312" cm="1">
        <f t="array" ref="G4312">IFERROR(INDEX(Jesper!AK$2:AK$366,ROUNDDOWN($C4312/24,0)+1,1)*INDEX($D$3:$AA$30,INDEX(Jesper!$R$2:$R$366,ROW(INDEX(Jesper!AK$2:AK$366,ROUNDDOWN($C4312/24,0)+1,1))-1)+IF('Standard Profiles'!$G$21=$B$10,7,0)+IF('Standard Profiles'!$G$21=$B$17,14,0)+IF('Standard Profiles'!$G$21=$B$24,21,0),MOD($C4312,24)+1)/SUM(INDEX($D$3:$AA$30,INDEX(Jesper!$R$2:$R$366,ROW(INDEX(Jesper!AK$2:AK$366,ROUNDDOWN($C4312/24,0)+1,1))-1)+IF('Standard Profiles'!$G$21=$B$10,7,0)+IF('Standard Profiles'!$G$21=$B$17,14,0)+IF('Standard Profiles'!$G$21=$B$24,21,0),0)),0)</f>
        <v>0</v>
      </c>
      <c r="H4312" cm="1">
        <f t="array" ref="H4312">IFERROR(INDEX(Jesper!AL$2:AL$366,ROUNDDOWN($C4312/24,0)+1,1)*INDEX($D$3:$AA$30,INDEX(Jesper!$R$2:$R$366,ROW(INDEX(Jesper!AL$2:AL$366,ROUNDDOWN($C4312/24,0)+1,1))-1)+IF('Standard Profiles'!$G$22=$B$10,7,0)+IF('Standard Profiles'!$G$22=$B$17,14,0)+IF('Standard Profiles'!$G$22=$B$24,21,0),MOD($C4312,24)+1)/SUM(INDEX($D$3:$AA$30,INDEX(Jesper!$R$2:$R$366,ROW(INDEX(Jesper!AL$2:AL$366,ROUNDDOWN($C4312/24,0)+1,1))-1)+IF('Standard Profiles'!$G$22=$B$10,7,0)+IF('Standard Profiles'!$G$22=$B$17,14,0)+IF('Standard Profiles'!$G$22=$B$24,21,0),0)),0)</f>
        <v>0</v>
      </c>
      <c r="I4312">
        <f t="shared" si="482"/>
        <v>0.29970607312458186</v>
      </c>
      <c r="J4312">
        <f t="shared" si="483"/>
        <v>0.99902024374860621</v>
      </c>
      <c r="K4312">
        <f t="shared" si="484"/>
        <v>1.4985303656229092</v>
      </c>
      <c r="L4312">
        <f t="shared" si="485"/>
        <v>7.1929457549899638</v>
      </c>
      <c r="M4312">
        <f t="shared" si="486"/>
        <v>0</v>
      </c>
      <c r="N4312" s="46">
        <f t="shared" si="487"/>
        <v>45470.249999989624</v>
      </c>
    </row>
    <row r="4313" spans="2:14" x14ac:dyDescent="0.3">
      <c r="B4313">
        <f t="shared" si="481"/>
        <v>4</v>
      </c>
      <c r="C4313" s="16">
        <v>4279</v>
      </c>
      <c r="D4313" cm="1">
        <f t="array" ref="D4313">IFERROR(INDEX(Jesper!AH$2:AH$366,ROUNDDOWN($C4313/24,0)+1,1)*INDEX($D$3:$AA$30,INDEX(Jesper!$R$2:$R$366,ROW(INDEX(Jesper!AH$2:AH$366,ROUNDDOWN($C4313/24,0)+1,1))-1)+IF('Standard Profiles'!$G$18=$B$10,7,0)+IF('Standard Profiles'!$G$18=$B$17,14,0)+IF('Standard Profiles'!$G$18=$B$24,21,0),MOD($C4313,24)+1)/SUM(INDEX($D$3:$AA$30,INDEX(Jesper!$R$2:$R$366,ROW(INDEX(Jesper!AH$2:AH$366,ROUNDDOWN($C4313/24,0)+1,1))-1)+IF('Standard Profiles'!$G$18=$B$10,7,0)+IF('Standard Profiles'!$G$18=$B$17,14,0)+IF('Standard Profiles'!$G$18=$B$24,21,0),0)),0)</f>
        <v>9.9902024374860616</v>
      </c>
      <c r="E4313" cm="1">
        <f t="array" ref="E4313">IFERROR(INDEX(Jesper!AI$2:AI$366,ROUNDDOWN($C4313/24,0)+1,1)*INDEX($D$3:$AA$30,INDEX(Jesper!$R$2:$R$366,ROW(INDEX(Jesper!AI$2:AI$366,ROUNDDOWN($C4313/24,0)+1,1))-1)+IF('Standard Profiles'!$G$19=$B$10,7,0)+IF('Standard Profiles'!$G$19=$B$17,14,0)+IF('Standard Profiles'!$G$19=$B$24,21,0),MOD($C4313,24)+1)/SUM(INDEX($D$3:$AA$30,INDEX(Jesper!$R$2:$R$366,ROW(INDEX(Jesper!AI$2:AI$366,ROUNDDOWN($C4313/24,0)+1,1))-1)+IF('Standard Profiles'!$G$19=$B$10,7,0)+IF('Standard Profiles'!$G$19=$B$17,14,0)+IF('Standard Profiles'!$G$19=$B$24,21,0),0)),0)</f>
        <v>0</v>
      </c>
      <c r="F4313" cm="1">
        <f t="array" ref="F4313">IFERROR(INDEX(Jesper!AJ$2:AJ$366,ROUNDDOWN($C4313/24,0)+1,1)*INDEX($D$3:$AA$30,INDEX(Jesper!$R$2:$R$366,ROW(INDEX(Jesper!AJ$2:AJ$366,ROUNDDOWN($C4313/24,0)+1,1))-1)+IF('Standard Profiles'!$G$20=$B$10,7,0)+IF('Standard Profiles'!$G$20=$B$17,14,0)+IF('Standard Profiles'!$G$20=$B$24,21,0),MOD($C4313,24)+1)/SUM(INDEX($D$3:$AA$30,INDEX(Jesper!$R$2:$R$366,ROW(INDEX(Jesper!AJ$2:AJ$366,ROUNDDOWN($C4313/24,0)+1,1))-1)+IF('Standard Profiles'!$G$20=$B$10,7,0)+IF('Standard Profiles'!$G$20=$B$17,14,0)+IF('Standard Profiles'!$G$20=$B$24,21,0),0)),0)</f>
        <v>0</v>
      </c>
      <c r="G4313" cm="1">
        <f t="array" ref="G4313">IFERROR(INDEX(Jesper!AK$2:AK$366,ROUNDDOWN($C4313/24,0)+1,1)*INDEX($D$3:$AA$30,INDEX(Jesper!$R$2:$R$366,ROW(INDEX(Jesper!AK$2:AK$366,ROUNDDOWN($C4313/24,0)+1,1))-1)+IF('Standard Profiles'!$G$21=$B$10,7,0)+IF('Standard Profiles'!$G$21=$B$17,14,0)+IF('Standard Profiles'!$G$21=$B$24,21,0),MOD($C4313,24)+1)/SUM(INDEX($D$3:$AA$30,INDEX(Jesper!$R$2:$R$366,ROW(INDEX(Jesper!AK$2:AK$366,ROUNDDOWN($C4313/24,0)+1,1))-1)+IF('Standard Profiles'!$G$21=$B$10,7,0)+IF('Standard Profiles'!$G$21=$B$17,14,0)+IF('Standard Profiles'!$G$21=$B$24,21,0),0)),0)</f>
        <v>0</v>
      </c>
      <c r="H4313" cm="1">
        <f t="array" ref="H4313">IFERROR(INDEX(Jesper!AL$2:AL$366,ROUNDDOWN($C4313/24,0)+1,1)*INDEX($D$3:$AA$30,INDEX(Jesper!$R$2:$R$366,ROW(INDEX(Jesper!AL$2:AL$366,ROUNDDOWN($C4313/24,0)+1,1))-1)+IF('Standard Profiles'!$G$22=$B$10,7,0)+IF('Standard Profiles'!$G$22=$B$17,14,0)+IF('Standard Profiles'!$G$22=$B$24,21,0),MOD($C4313,24)+1)/SUM(INDEX($D$3:$AA$30,INDEX(Jesper!$R$2:$R$366,ROW(INDEX(Jesper!AL$2:AL$366,ROUNDDOWN($C4313/24,0)+1,1))-1)+IF('Standard Profiles'!$G$22=$B$10,7,0)+IF('Standard Profiles'!$G$22=$B$17,14,0)+IF('Standard Profiles'!$G$22=$B$24,21,0),0)),0)</f>
        <v>0</v>
      </c>
      <c r="I4313">
        <f t="shared" si="482"/>
        <v>0.29970607312458186</v>
      </c>
      <c r="J4313">
        <f t="shared" si="483"/>
        <v>0.99902024374860621</v>
      </c>
      <c r="K4313">
        <f t="shared" si="484"/>
        <v>1.4985303656229092</v>
      </c>
      <c r="L4313">
        <f t="shared" si="485"/>
        <v>7.1929457549899638</v>
      </c>
      <c r="M4313">
        <f t="shared" si="486"/>
        <v>0</v>
      </c>
      <c r="N4313" s="46">
        <f t="shared" si="487"/>
        <v>45470.291666656289</v>
      </c>
    </row>
    <row r="4314" spans="2:14" x14ac:dyDescent="0.3">
      <c r="B4314">
        <f t="shared" si="481"/>
        <v>4</v>
      </c>
      <c r="C4314" s="16">
        <v>4280</v>
      </c>
      <c r="D4314" cm="1">
        <f t="array" ref="D4314">IFERROR(INDEX(Jesper!AH$2:AH$366,ROUNDDOWN($C4314/24,0)+1,1)*INDEX($D$3:$AA$30,INDEX(Jesper!$R$2:$R$366,ROW(INDEX(Jesper!AH$2:AH$366,ROUNDDOWN($C4314/24,0)+1,1))-1)+IF('Standard Profiles'!$G$18=$B$10,7,0)+IF('Standard Profiles'!$G$18=$B$17,14,0)+IF('Standard Profiles'!$G$18=$B$24,21,0),MOD($C4314,24)+1)/SUM(INDEX($D$3:$AA$30,INDEX(Jesper!$R$2:$R$366,ROW(INDEX(Jesper!AH$2:AH$366,ROUNDDOWN($C4314/24,0)+1,1))-1)+IF('Standard Profiles'!$G$18=$B$10,7,0)+IF('Standard Profiles'!$G$18=$B$17,14,0)+IF('Standard Profiles'!$G$18=$B$24,21,0),0)),0)</f>
        <v>9.9902024374860616</v>
      </c>
      <c r="E4314" cm="1">
        <f t="array" ref="E4314">IFERROR(INDEX(Jesper!AI$2:AI$366,ROUNDDOWN($C4314/24,0)+1,1)*INDEX($D$3:$AA$30,INDEX(Jesper!$R$2:$R$366,ROW(INDEX(Jesper!AI$2:AI$366,ROUNDDOWN($C4314/24,0)+1,1))-1)+IF('Standard Profiles'!$G$19=$B$10,7,0)+IF('Standard Profiles'!$G$19=$B$17,14,0)+IF('Standard Profiles'!$G$19=$B$24,21,0),MOD($C4314,24)+1)/SUM(INDEX($D$3:$AA$30,INDEX(Jesper!$R$2:$R$366,ROW(INDEX(Jesper!AI$2:AI$366,ROUNDDOWN($C4314/24,0)+1,1))-1)+IF('Standard Profiles'!$G$19=$B$10,7,0)+IF('Standard Profiles'!$G$19=$B$17,14,0)+IF('Standard Profiles'!$G$19=$B$24,21,0),0)),0)</f>
        <v>0</v>
      </c>
      <c r="F4314" cm="1">
        <f t="array" ref="F4314">IFERROR(INDEX(Jesper!AJ$2:AJ$366,ROUNDDOWN($C4314/24,0)+1,1)*INDEX($D$3:$AA$30,INDEX(Jesper!$R$2:$R$366,ROW(INDEX(Jesper!AJ$2:AJ$366,ROUNDDOWN($C4314/24,0)+1,1))-1)+IF('Standard Profiles'!$G$20=$B$10,7,0)+IF('Standard Profiles'!$G$20=$B$17,14,0)+IF('Standard Profiles'!$G$20=$B$24,21,0),MOD($C4314,24)+1)/SUM(INDEX($D$3:$AA$30,INDEX(Jesper!$R$2:$R$366,ROW(INDEX(Jesper!AJ$2:AJ$366,ROUNDDOWN($C4314/24,0)+1,1))-1)+IF('Standard Profiles'!$G$20=$B$10,7,0)+IF('Standard Profiles'!$G$20=$B$17,14,0)+IF('Standard Profiles'!$G$20=$B$24,21,0),0)),0)</f>
        <v>0</v>
      </c>
      <c r="G4314" cm="1">
        <f t="array" ref="G4314">IFERROR(INDEX(Jesper!AK$2:AK$366,ROUNDDOWN($C4314/24,0)+1,1)*INDEX($D$3:$AA$30,INDEX(Jesper!$R$2:$R$366,ROW(INDEX(Jesper!AK$2:AK$366,ROUNDDOWN($C4314/24,0)+1,1))-1)+IF('Standard Profiles'!$G$21=$B$10,7,0)+IF('Standard Profiles'!$G$21=$B$17,14,0)+IF('Standard Profiles'!$G$21=$B$24,21,0),MOD($C4314,24)+1)/SUM(INDEX($D$3:$AA$30,INDEX(Jesper!$R$2:$R$366,ROW(INDEX(Jesper!AK$2:AK$366,ROUNDDOWN($C4314/24,0)+1,1))-1)+IF('Standard Profiles'!$G$21=$B$10,7,0)+IF('Standard Profiles'!$G$21=$B$17,14,0)+IF('Standard Profiles'!$G$21=$B$24,21,0),0)),0)</f>
        <v>0</v>
      </c>
      <c r="H4314" cm="1">
        <f t="array" ref="H4314">IFERROR(INDEX(Jesper!AL$2:AL$366,ROUNDDOWN($C4314/24,0)+1,1)*INDEX($D$3:$AA$30,INDEX(Jesper!$R$2:$R$366,ROW(INDEX(Jesper!AL$2:AL$366,ROUNDDOWN($C4314/24,0)+1,1))-1)+IF('Standard Profiles'!$G$22=$B$10,7,0)+IF('Standard Profiles'!$G$22=$B$17,14,0)+IF('Standard Profiles'!$G$22=$B$24,21,0),MOD($C4314,24)+1)/SUM(INDEX($D$3:$AA$30,INDEX(Jesper!$R$2:$R$366,ROW(INDEX(Jesper!AL$2:AL$366,ROUNDDOWN($C4314/24,0)+1,1))-1)+IF('Standard Profiles'!$G$22=$B$10,7,0)+IF('Standard Profiles'!$G$22=$B$17,14,0)+IF('Standard Profiles'!$G$22=$B$24,21,0),0)),0)</f>
        <v>0</v>
      </c>
      <c r="I4314">
        <f t="shared" si="482"/>
        <v>0.29970607312458186</v>
      </c>
      <c r="J4314">
        <f t="shared" si="483"/>
        <v>0.99902024374860621</v>
      </c>
      <c r="K4314">
        <f t="shared" si="484"/>
        <v>1.4985303656229092</v>
      </c>
      <c r="L4314">
        <f t="shared" si="485"/>
        <v>7.1929457549899638</v>
      </c>
      <c r="M4314">
        <f t="shared" si="486"/>
        <v>0</v>
      </c>
      <c r="N4314" s="46">
        <f t="shared" si="487"/>
        <v>45470.333333322953</v>
      </c>
    </row>
    <row r="4315" spans="2:14" x14ac:dyDescent="0.3">
      <c r="B4315">
        <f t="shared" si="481"/>
        <v>4</v>
      </c>
      <c r="C4315" s="16">
        <v>4281</v>
      </c>
      <c r="D4315" cm="1">
        <f t="array" ref="D4315">IFERROR(INDEX(Jesper!AH$2:AH$366,ROUNDDOWN($C4315/24,0)+1,1)*INDEX($D$3:$AA$30,INDEX(Jesper!$R$2:$R$366,ROW(INDEX(Jesper!AH$2:AH$366,ROUNDDOWN($C4315/24,0)+1,1))-1)+IF('Standard Profiles'!$G$18=$B$10,7,0)+IF('Standard Profiles'!$G$18=$B$17,14,0)+IF('Standard Profiles'!$G$18=$B$24,21,0),MOD($C4315,24)+1)/SUM(INDEX($D$3:$AA$30,INDEX(Jesper!$R$2:$R$366,ROW(INDEX(Jesper!AH$2:AH$366,ROUNDDOWN($C4315/24,0)+1,1))-1)+IF('Standard Profiles'!$G$18=$B$10,7,0)+IF('Standard Profiles'!$G$18=$B$17,14,0)+IF('Standard Profiles'!$G$18=$B$24,21,0),0)),0)</f>
        <v>10.735739932820843</v>
      </c>
      <c r="E4315" cm="1">
        <f t="array" ref="E4315">IFERROR(INDEX(Jesper!AI$2:AI$366,ROUNDDOWN($C4315/24,0)+1,1)*INDEX($D$3:$AA$30,INDEX(Jesper!$R$2:$R$366,ROW(INDEX(Jesper!AI$2:AI$366,ROUNDDOWN($C4315/24,0)+1,1))-1)+IF('Standard Profiles'!$G$19=$B$10,7,0)+IF('Standard Profiles'!$G$19=$B$17,14,0)+IF('Standard Profiles'!$G$19=$B$24,21,0),MOD($C4315,24)+1)/SUM(INDEX($D$3:$AA$30,INDEX(Jesper!$R$2:$R$366,ROW(INDEX(Jesper!AI$2:AI$366,ROUNDDOWN($C4315/24,0)+1,1))-1)+IF('Standard Profiles'!$G$19=$B$10,7,0)+IF('Standard Profiles'!$G$19=$B$17,14,0)+IF('Standard Profiles'!$G$19=$B$24,21,0),0)),0)</f>
        <v>0</v>
      </c>
      <c r="F4315" cm="1">
        <f t="array" ref="F4315">IFERROR(INDEX(Jesper!AJ$2:AJ$366,ROUNDDOWN($C4315/24,0)+1,1)*INDEX($D$3:$AA$30,INDEX(Jesper!$R$2:$R$366,ROW(INDEX(Jesper!AJ$2:AJ$366,ROUNDDOWN($C4315/24,0)+1,1))-1)+IF('Standard Profiles'!$G$20=$B$10,7,0)+IF('Standard Profiles'!$G$20=$B$17,14,0)+IF('Standard Profiles'!$G$20=$B$24,21,0),MOD($C4315,24)+1)/SUM(INDEX($D$3:$AA$30,INDEX(Jesper!$R$2:$R$366,ROW(INDEX(Jesper!AJ$2:AJ$366,ROUNDDOWN($C4315/24,0)+1,1))-1)+IF('Standard Profiles'!$G$20=$B$10,7,0)+IF('Standard Profiles'!$G$20=$B$17,14,0)+IF('Standard Profiles'!$G$20=$B$24,21,0),0)),0)</f>
        <v>0</v>
      </c>
      <c r="G4315" cm="1">
        <f t="array" ref="G4315">IFERROR(INDEX(Jesper!AK$2:AK$366,ROUNDDOWN($C4315/24,0)+1,1)*INDEX($D$3:$AA$30,INDEX(Jesper!$R$2:$R$366,ROW(INDEX(Jesper!AK$2:AK$366,ROUNDDOWN($C4315/24,0)+1,1))-1)+IF('Standard Profiles'!$G$21=$B$10,7,0)+IF('Standard Profiles'!$G$21=$B$17,14,0)+IF('Standard Profiles'!$G$21=$B$24,21,0),MOD($C4315,24)+1)/SUM(INDEX($D$3:$AA$30,INDEX(Jesper!$R$2:$R$366,ROW(INDEX(Jesper!AK$2:AK$366,ROUNDDOWN($C4315/24,0)+1,1))-1)+IF('Standard Profiles'!$G$21=$B$10,7,0)+IF('Standard Profiles'!$G$21=$B$17,14,0)+IF('Standard Profiles'!$G$21=$B$24,21,0),0)),0)</f>
        <v>0</v>
      </c>
      <c r="H4315" cm="1">
        <f t="array" ref="H4315">IFERROR(INDEX(Jesper!AL$2:AL$366,ROUNDDOWN($C4315/24,0)+1,1)*INDEX($D$3:$AA$30,INDEX(Jesper!$R$2:$R$366,ROW(INDEX(Jesper!AL$2:AL$366,ROUNDDOWN($C4315/24,0)+1,1))-1)+IF('Standard Profiles'!$G$22=$B$10,7,0)+IF('Standard Profiles'!$G$22=$B$17,14,0)+IF('Standard Profiles'!$G$22=$B$24,21,0),MOD($C4315,24)+1)/SUM(INDEX($D$3:$AA$30,INDEX(Jesper!$R$2:$R$366,ROW(INDEX(Jesper!AL$2:AL$366,ROUNDDOWN($C4315/24,0)+1,1))-1)+IF('Standard Profiles'!$G$22=$B$10,7,0)+IF('Standard Profiles'!$G$22=$B$17,14,0)+IF('Standard Profiles'!$G$22=$B$24,21,0),0)),0)</f>
        <v>0</v>
      </c>
      <c r="I4315">
        <f t="shared" si="482"/>
        <v>0.32207219798462527</v>
      </c>
      <c r="J4315">
        <f t="shared" si="483"/>
        <v>1.0735739932820845</v>
      </c>
      <c r="K4315">
        <f t="shared" si="484"/>
        <v>1.6103609899231264</v>
      </c>
      <c r="L4315">
        <f t="shared" si="485"/>
        <v>7.7297327516310066</v>
      </c>
      <c r="M4315">
        <f t="shared" si="486"/>
        <v>0</v>
      </c>
      <c r="N4315" s="46">
        <f t="shared" si="487"/>
        <v>45470.374999989617</v>
      </c>
    </row>
    <row r="4316" spans="2:14" x14ac:dyDescent="0.3">
      <c r="B4316">
        <f t="shared" si="481"/>
        <v>4</v>
      </c>
      <c r="C4316" s="16">
        <v>4282</v>
      </c>
      <c r="D4316" cm="1">
        <f t="array" ref="D4316">IFERROR(INDEX(Jesper!AH$2:AH$366,ROUNDDOWN($C4316/24,0)+1,1)*INDEX($D$3:$AA$30,INDEX(Jesper!$R$2:$R$366,ROW(INDEX(Jesper!AH$2:AH$366,ROUNDDOWN($C4316/24,0)+1,1))-1)+IF('Standard Profiles'!$G$18=$B$10,7,0)+IF('Standard Profiles'!$G$18=$B$17,14,0)+IF('Standard Profiles'!$G$18=$B$24,21,0),MOD($C4316,24)+1)/SUM(INDEX($D$3:$AA$30,INDEX(Jesper!$R$2:$R$366,ROW(INDEX(Jesper!AH$2:AH$366,ROUNDDOWN($C4316/24,0)+1,1))-1)+IF('Standard Profiles'!$G$18=$B$10,7,0)+IF('Standard Profiles'!$G$18=$B$17,14,0)+IF('Standard Profiles'!$G$18=$B$24,21,0),0)),0)</f>
        <v>11.630384927222579</v>
      </c>
      <c r="E4316" cm="1">
        <f t="array" ref="E4316">IFERROR(INDEX(Jesper!AI$2:AI$366,ROUNDDOWN($C4316/24,0)+1,1)*INDEX($D$3:$AA$30,INDEX(Jesper!$R$2:$R$366,ROW(INDEX(Jesper!AI$2:AI$366,ROUNDDOWN($C4316/24,0)+1,1))-1)+IF('Standard Profiles'!$G$19=$B$10,7,0)+IF('Standard Profiles'!$G$19=$B$17,14,0)+IF('Standard Profiles'!$G$19=$B$24,21,0),MOD($C4316,24)+1)/SUM(INDEX($D$3:$AA$30,INDEX(Jesper!$R$2:$R$366,ROW(INDEX(Jesper!AI$2:AI$366,ROUNDDOWN($C4316/24,0)+1,1))-1)+IF('Standard Profiles'!$G$19=$B$10,7,0)+IF('Standard Profiles'!$G$19=$B$17,14,0)+IF('Standard Profiles'!$G$19=$B$24,21,0),0)),0)</f>
        <v>0</v>
      </c>
      <c r="F4316" cm="1">
        <f t="array" ref="F4316">IFERROR(INDEX(Jesper!AJ$2:AJ$366,ROUNDDOWN($C4316/24,0)+1,1)*INDEX($D$3:$AA$30,INDEX(Jesper!$R$2:$R$366,ROW(INDEX(Jesper!AJ$2:AJ$366,ROUNDDOWN($C4316/24,0)+1,1))-1)+IF('Standard Profiles'!$G$20=$B$10,7,0)+IF('Standard Profiles'!$G$20=$B$17,14,0)+IF('Standard Profiles'!$G$20=$B$24,21,0),MOD($C4316,24)+1)/SUM(INDEX($D$3:$AA$30,INDEX(Jesper!$R$2:$R$366,ROW(INDEX(Jesper!AJ$2:AJ$366,ROUNDDOWN($C4316/24,0)+1,1))-1)+IF('Standard Profiles'!$G$20=$B$10,7,0)+IF('Standard Profiles'!$G$20=$B$17,14,0)+IF('Standard Profiles'!$G$20=$B$24,21,0),0)),0)</f>
        <v>0</v>
      </c>
      <c r="G4316" cm="1">
        <f t="array" ref="G4316">IFERROR(INDEX(Jesper!AK$2:AK$366,ROUNDDOWN($C4316/24,0)+1,1)*INDEX($D$3:$AA$30,INDEX(Jesper!$R$2:$R$366,ROW(INDEX(Jesper!AK$2:AK$366,ROUNDDOWN($C4316/24,0)+1,1))-1)+IF('Standard Profiles'!$G$21=$B$10,7,0)+IF('Standard Profiles'!$G$21=$B$17,14,0)+IF('Standard Profiles'!$G$21=$B$24,21,0),MOD($C4316,24)+1)/SUM(INDEX($D$3:$AA$30,INDEX(Jesper!$R$2:$R$366,ROW(INDEX(Jesper!AK$2:AK$366,ROUNDDOWN($C4316/24,0)+1,1))-1)+IF('Standard Profiles'!$G$21=$B$10,7,0)+IF('Standard Profiles'!$G$21=$B$17,14,0)+IF('Standard Profiles'!$G$21=$B$24,21,0),0)),0)</f>
        <v>0</v>
      </c>
      <c r="H4316" cm="1">
        <f t="array" ref="H4316">IFERROR(INDEX(Jesper!AL$2:AL$366,ROUNDDOWN($C4316/24,0)+1,1)*INDEX($D$3:$AA$30,INDEX(Jesper!$R$2:$R$366,ROW(INDEX(Jesper!AL$2:AL$366,ROUNDDOWN($C4316/24,0)+1,1))-1)+IF('Standard Profiles'!$G$22=$B$10,7,0)+IF('Standard Profiles'!$G$22=$B$17,14,0)+IF('Standard Profiles'!$G$22=$B$24,21,0),MOD($C4316,24)+1)/SUM(INDEX($D$3:$AA$30,INDEX(Jesper!$R$2:$R$366,ROW(INDEX(Jesper!AL$2:AL$366,ROUNDDOWN($C4316/24,0)+1,1))-1)+IF('Standard Profiles'!$G$22=$B$10,7,0)+IF('Standard Profiles'!$G$22=$B$17,14,0)+IF('Standard Profiles'!$G$22=$B$24,21,0),0)),0)</f>
        <v>0</v>
      </c>
      <c r="I4316">
        <f t="shared" si="482"/>
        <v>0.34891154781667738</v>
      </c>
      <c r="J4316">
        <f t="shared" si="483"/>
        <v>1.1630384927222579</v>
      </c>
      <c r="K4316">
        <f t="shared" si="484"/>
        <v>1.7445577390833868</v>
      </c>
      <c r="L4316">
        <f t="shared" si="485"/>
        <v>8.3738771476002558</v>
      </c>
      <c r="M4316">
        <f t="shared" si="486"/>
        <v>0</v>
      </c>
      <c r="N4316" s="46">
        <f t="shared" si="487"/>
        <v>45470.416666656281</v>
      </c>
    </row>
    <row r="4317" spans="2:14" x14ac:dyDescent="0.3">
      <c r="B4317">
        <f t="shared" si="481"/>
        <v>4</v>
      </c>
      <c r="C4317" s="16">
        <v>4283</v>
      </c>
      <c r="D4317" cm="1">
        <f t="array" ref="D4317">IFERROR(INDEX(Jesper!AH$2:AH$366,ROUNDDOWN($C4317/24,0)+1,1)*INDEX($D$3:$AA$30,INDEX(Jesper!$R$2:$R$366,ROW(INDEX(Jesper!AH$2:AH$366,ROUNDDOWN($C4317/24,0)+1,1))-1)+IF('Standard Profiles'!$G$18=$B$10,7,0)+IF('Standard Profiles'!$G$18=$B$17,14,0)+IF('Standard Profiles'!$G$18=$B$24,21,0),MOD($C4317,24)+1)/SUM(INDEX($D$3:$AA$30,INDEX(Jesper!$R$2:$R$366,ROW(INDEX(Jesper!AH$2:AH$366,ROUNDDOWN($C4317/24,0)+1,1))-1)+IF('Standard Profiles'!$G$18=$B$10,7,0)+IF('Standard Profiles'!$G$18=$B$17,14,0)+IF('Standard Profiles'!$G$18=$B$24,21,0),0)),0)</f>
        <v>13.419674916026052</v>
      </c>
      <c r="E4317" cm="1">
        <f t="array" ref="E4317">IFERROR(INDEX(Jesper!AI$2:AI$366,ROUNDDOWN($C4317/24,0)+1,1)*INDEX($D$3:$AA$30,INDEX(Jesper!$R$2:$R$366,ROW(INDEX(Jesper!AI$2:AI$366,ROUNDDOWN($C4317/24,0)+1,1))-1)+IF('Standard Profiles'!$G$19=$B$10,7,0)+IF('Standard Profiles'!$G$19=$B$17,14,0)+IF('Standard Profiles'!$G$19=$B$24,21,0),MOD($C4317,24)+1)/SUM(INDEX($D$3:$AA$30,INDEX(Jesper!$R$2:$R$366,ROW(INDEX(Jesper!AI$2:AI$366,ROUNDDOWN($C4317/24,0)+1,1))-1)+IF('Standard Profiles'!$G$19=$B$10,7,0)+IF('Standard Profiles'!$G$19=$B$17,14,0)+IF('Standard Profiles'!$G$19=$B$24,21,0),0)),0)</f>
        <v>0</v>
      </c>
      <c r="F4317" cm="1">
        <f t="array" ref="F4317">IFERROR(INDEX(Jesper!AJ$2:AJ$366,ROUNDDOWN($C4317/24,0)+1,1)*INDEX($D$3:$AA$30,INDEX(Jesper!$R$2:$R$366,ROW(INDEX(Jesper!AJ$2:AJ$366,ROUNDDOWN($C4317/24,0)+1,1))-1)+IF('Standard Profiles'!$G$20=$B$10,7,0)+IF('Standard Profiles'!$G$20=$B$17,14,0)+IF('Standard Profiles'!$G$20=$B$24,21,0),MOD($C4317,24)+1)/SUM(INDEX($D$3:$AA$30,INDEX(Jesper!$R$2:$R$366,ROW(INDEX(Jesper!AJ$2:AJ$366,ROUNDDOWN($C4317/24,0)+1,1))-1)+IF('Standard Profiles'!$G$20=$B$10,7,0)+IF('Standard Profiles'!$G$20=$B$17,14,0)+IF('Standard Profiles'!$G$20=$B$24,21,0),0)),0)</f>
        <v>0</v>
      </c>
      <c r="G4317" cm="1">
        <f t="array" ref="G4317">IFERROR(INDEX(Jesper!AK$2:AK$366,ROUNDDOWN($C4317/24,0)+1,1)*INDEX($D$3:$AA$30,INDEX(Jesper!$R$2:$R$366,ROW(INDEX(Jesper!AK$2:AK$366,ROUNDDOWN($C4317/24,0)+1,1))-1)+IF('Standard Profiles'!$G$21=$B$10,7,0)+IF('Standard Profiles'!$G$21=$B$17,14,0)+IF('Standard Profiles'!$G$21=$B$24,21,0),MOD($C4317,24)+1)/SUM(INDEX($D$3:$AA$30,INDEX(Jesper!$R$2:$R$366,ROW(INDEX(Jesper!AK$2:AK$366,ROUNDDOWN($C4317/24,0)+1,1))-1)+IF('Standard Profiles'!$G$21=$B$10,7,0)+IF('Standard Profiles'!$G$21=$B$17,14,0)+IF('Standard Profiles'!$G$21=$B$24,21,0),0)),0)</f>
        <v>0</v>
      </c>
      <c r="H4317" cm="1">
        <f t="array" ref="H4317">IFERROR(INDEX(Jesper!AL$2:AL$366,ROUNDDOWN($C4317/24,0)+1,1)*INDEX($D$3:$AA$30,INDEX(Jesper!$R$2:$R$366,ROW(INDEX(Jesper!AL$2:AL$366,ROUNDDOWN($C4317/24,0)+1,1))-1)+IF('Standard Profiles'!$G$22=$B$10,7,0)+IF('Standard Profiles'!$G$22=$B$17,14,0)+IF('Standard Profiles'!$G$22=$B$24,21,0),MOD($C4317,24)+1)/SUM(INDEX($D$3:$AA$30,INDEX(Jesper!$R$2:$R$366,ROW(INDEX(Jesper!AL$2:AL$366,ROUNDDOWN($C4317/24,0)+1,1))-1)+IF('Standard Profiles'!$G$22=$B$10,7,0)+IF('Standard Profiles'!$G$22=$B$17,14,0)+IF('Standard Profiles'!$G$22=$B$24,21,0),0)),0)</f>
        <v>0</v>
      </c>
      <c r="I4317">
        <f t="shared" si="482"/>
        <v>0.40259024748078154</v>
      </c>
      <c r="J4317">
        <f t="shared" si="483"/>
        <v>1.3419674916026052</v>
      </c>
      <c r="K4317">
        <f t="shared" si="484"/>
        <v>2.0129512374039078</v>
      </c>
      <c r="L4317">
        <f t="shared" si="485"/>
        <v>9.6621659395387578</v>
      </c>
      <c r="M4317">
        <f t="shared" si="486"/>
        <v>0</v>
      </c>
      <c r="N4317" s="46">
        <f t="shared" si="487"/>
        <v>45470.458333322946</v>
      </c>
    </row>
    <row r="4318" spans="2:14" x14ac:dyDescent="0.3">
      <c r="B4318">
        <f t="shared" si="481"/>
        <v>4</v>
      </c>
      <c r="C4318" s="16">
        <v>4284</v>
      </c>
      <c r="D4318" cm="1">
        <f t="array" ref="D4318">IFERROR(INDEX(Jesper!AH$2:AH$366,ROUNDDOWN($C4318/24,0)+1,1)*INDEX($D$3:$AA$30,INDEX(Jesper!$R$2:$R$366,ROW(INDEX(Jesper!AH$2:AH$366,ROUNDDOWN($C4318/24,0)+1,1))-1)+IF('Standard Profiles'!$G$18=$B$10,7,0)+IF('Standard Profiles'!$G$18=$B$17,14,0)+IF('Standard Profiles'!$G$18=$B$24,21,0),MOD($C4318,24)+1)/SUM(INDEX($D$3:$AA$30,INDEX(Jesper!$R$2:$R$366,ROW(INDEX(Jesper!AH$2:AH$366,ROUNDDOWN($C4318/24,0)+1,1))-1)+IF('Standard Profiles'!$G$18=$B$10,7,0)+IF('Standard Profiles'!$G$18=$B$17,14,0)+IF('Standard Profiles'!$G$18=$B$24,21,0),0)),0)</f>
        <v>13.419674916026052</v>
      </c>
      <c r="E4318" cm="1">
        <f t="array" ref="E4318">IFERROR(INDEX(Jesper!AI$2:AI$366,ROUNDDOWN($C4318/24,0)+1,1)*INDEX($D$3:$AA$30,INDEX(Jesper!$R$2:$R$366,ROW(INDEX(Jesper!AI$2:AI$366,ROUNDDOWN($C4318/24,0)+1,1))-1)+IF('Standard Profiles'!$G$19=$B$10,7,0)+IF('Standard Profiles'!$G$19=$B$17,14,0)+IF('Standard Profiles'!$G$19=$B$24,21,0),MOD($C4318,24)+1)/SUM(INDEX($D$3:$AA$30,INDEX(Jesper!$R$2:$R$366,ROW(INDEX(Jesper!AI$2:AI$366,ROUNDDOWN($C4318/24,0)+1,1))-1)+IF('Standard Profiles'!$G$19=$B$10,7,0)+IF('Standard Profiles'!$G$19=$B$17,14,0)+IF('Standard Profiles'!$G$19=$B$24,21,0),0)),0)</f>
        <v>0</v>
      </c>
      <c r="F4318" cm="1">
        <f t="array" ref="F4318">IFERROR(INDEX(Jesper!AJ$2:AJ$366,ROUNDDOWN($C4318/24,0)+1,1)*INDEX($D$3:$AA$30,INDEX(Jesper!$R$2:$R$366,ROW(INDEX(Jesper!AJ$2:AJ$366,ROUNDDOWN($C4318/24,0)+1,1))-1)+IF('Standard Profiles'!$G$20=$B$10,7,0)+IF('Standard Profiles'!$G$20=$B$17,14,0)+IF('Standard Profiles'!$G$20=$B$24,21,0),MOD($C4318,24)+1)/SUM(INDEX($D$3:$AA$30,INDEX(Jesper!$R$2:$R$366,ROW(INDEX(Jesper!AJ$2:AJ$366,ROUNDDOWN($C4318/24,0)+1,1))-1)+IF('Standard Profiles'!$G$20=$B$10,7,0)+IF('Standard Profiles'!$G$20=$B$17,14,0)+IF('Standard Profiles'!$G$20=$B$24,21,0),0)),0)</f>
        <v>0</v>
      </c>
      <c r="G4318" cm="1">
        <f t="array" ref="G4318">IFERROR(INDEX(Jesper!AK$2:AK$366,ROUNDDOWN($C4318/24,0)+1,1)*INDEX($D$3:$AA$30,INDEX(Jesper!$R$2:$R$366,ROW(INDEX(Jesper!AK$2:AK$366,ROUNDDOWN($C4318/24,0)+1,1))-1)+IF('Standard Profiles'!$G$21=$B$10,7,0)+IF('Standard Profiles'!$G$21=$B$17,14,0)+IF('Standard Profiles'!$G$21=$B$24,21,0),MOD($C4318,24)+1)/SUM(INDEX($D$3:$AA$30,INDEX(Jesper!$R$2:$R$366,ROW(INDEX(Jesper!AK$2:AK$366,ROUNDDOWN($C4318/24,0)+1,1))-1)+IF('Standard Profiles'!$G$21=$B$10,7,0)+IF('Standard Profiles'!$G$21=$B$17,14,0)+IF('Standard Profiles'!$G$21=$B$24,21,0),0)),0)</f>
        <v>0</v>
      </c>
      <c r="H4318" cm="1">
        <f t="array" ref="H4318">IFERROR(INDEX(Jesper!AL$2:AL$366,ROUNDDOWN($C4318/24,0)+1,1)*INDEX($D$3:$AA$30,INDEX(Jesper!$R$2:$R$366,ROW(INDEX(Jesper!AL$2:AL$366,ROUNDDOWN($C4318/24,0)+1,1))-1)+IF('Standard Profiles'!$G$22=$B$10,7,0)+IF('Standard Profiles'!$G$22=$B$17,14,0)+IF('Standard Profiles'!$G$22=$B$24,21,0),MOD($C4318,24)+1)/SUM(INDEX($D$3:$AA$30,INDEX(Jesper!$R$2:$R$366,ROW(INDEX(Jesper!AL$2:AL$366,ROUNDDOWN($C4318/24,0)+1,1))-1)+IF('Standard Profiles'!$G$22=$B$10,7,0)+IF('Standard Profiles'!$G$22=$B$17,14,0)+IF('Standard Profiles'!$G$22=$B$24,21,0),0)),0)</f>
        <v>0</v>
      </c>
      <c r="I4318">
        <f t="shared" si="482"/>
        <v>0.40259024748078154</v>
      </c>
      <c r="J4318">
        <f t="shared" si="483"/>
        <v>1.3419674916026052</v>
      </c>
      <c r="K4318">
        <f t="shared" si="484"/>
        <v>2.0129512374039078</v>
      </c>
      <c r="L4318">
        <f t="shared" si="485"/>
        <v>9.6621659395387578</v>
      </c>
      <c r="M4318">
        <f t="shared" si="486"/>
        <v>0</v>
      </c>
      <c r="N4318" s="46">
        <f t="shared" si="487"/>
        <v>45470.49999998961</v>
      </c>
    </row>
    <row r="4319" spans="2:14" x14ac:dyDescent="0.3">
      <c r="B4319">
        <f t="shared" si="481"/>
        <v>4</v>
      </c>
      <c r="C4319" s="16">
        <v>4285</v>
      </c>
      <c r="D4319" cm="1">
        <f t="array" ref="D4319">IFERROR(INDEX(Jesper!AH$2:AH$366,ROUNDDOWN($C4319/24,0)+1,1)*INDEX($D$3:$AA$30,INDEX(Jesper!$R$2:$R$366,ROW(INDEX(Jesper!AH$2:AH$366,ROUNDDOWN($C4319/24,0)+1,1))-1)+IF('Standard Profiles'!$G$18=$B$10,7,0)+IF('Standard Profiles'!$G$18=$B$17,14,0)+IF('Standard Profiles'!$G$18=$B$24,21,0),MOD($C4319,24)+1)/SUM(INDEX($D$3:$AA$30,INDEX(Jesper!$R$2:$R$366,ROW(INDEX(Jesper!AH$2:AH$366,ROUNDDOWN($C4319/24,0)+1,1))-1)+IF('Standard Profiles'!$G$18=$B$10,7,0)+IF('Standard Profiles'!$G$18=$B$17,14,0)+IF('Standard Profiles'!$G$18=$B$24,21,0),0)),0)</f>
        <v>13.419674916026052</v>
      </c>
      <c r="E4319" cm="1">
        <f t="array" ref="E4319">IFERROR(INDEX(Jesper!AI$2:AI$366,ROUNDDOWN($C4319/24,0)+1,1)*INDEX($D$3:$AA$30,INDEX(Jesper!$R$2:$R$366,ROW(INDEX(Jesper!AI$2:AI$366,ROUNDDOWN($C4319/24,0)+1,1))-1)+IF('Standard Profiles'!$G$19=$B$10,7,0)+IF('Standard Profiles'!$G$19=$B$17,14,0)+IF('Standard Profiles'!$G$19=$B$24,21,0),MOD($C4319,24)+1)/SUM(INDEX($D$3:$AA$30,INDEX(Jesper!$R$2:$R$366,ROW(INDEX(Jesper!AI$2:AI$366,ROUNDDOWN($C4319/24,0)+1,1))-1)+IF('Standard Profiles'!$G$19=$B$10,7,0)+IF('Standard Profiles'!$G$19=$B$17,14,0)+IF('Standard Profiles'!$G$19=$B$24,21,0),0)),0)</f>
        <v>0</v>
      </c>
      <c r="F4319" cm="1">
        <f t="array" ref="F4319">IFERROR(INDEX(Jesper!AJ$2:AJ$366,ROUNDDOWN($C4319/24,0)+1,1)*INDEX($D$3:$AA$30,INDEX(Jesper!$R$2:$R$366,ROW(INDEX(Jesper!AJ$2:AJ$366,ROUNDDOWN($C4319/24,0)+1,1))-1)+IF('Standard Profiles'!$G$20=$B$10,7,0)+IF('Standard Profiles'!$G$20=$B$17,14,0)+IF('Standard Profiles'!$G$20=$B$24,21,0),MOD($C4319,24)+1)/SUM(INDEX($D$3:$AA$30,INDEX(Jesper!$R$2:$R$366,ROW(INDEX(Jesper!AJ$2:AJ$366,ROUNDDOWN($C4319/24,0)+1,1))-1)+IF('Standard Profiles'!$G$20=$B$10,7,0)+IF('Standard Profiles'!$G$20=$B$17,14,0)+IF('Standard Profiles'!$G$20=$B$24,21,0),0)),0)</f>
        <v>0</v>
      </c>
      <c r="G4319" cm="1">
        <f t="array" ref="G4319">IFERROR(INDEX(Jesper!AK$2:AK$366,ROUNDDOWN($C4319/24,0)+1,1)*INDEX($D$3:$AA$30,INDEX(Jesper!$R$2:$R$366,ROW(INDEX(Jesper!AK$2:AK$366,ROUNDDOWN($C4319/24,0)+1,1))-1)+IF('Standard Profiles'!$G$21=$B$10,7,0)+IF('Standard Profiles'!$G$21=$B$17,14,0)+IF('Standard Profiles'!$G$21=$B$24,21,0),MOD($C4319,24)+1)/SUM(INDEX($D$3:$AA$30,INDEX(Jesper!$R$2:$R$366,ROW(INDEX(Jesper!AK$2:AK$366,ROUNDDOWN($C4319/24,0)+1,1))-1)+IF('Standard Profiles'!$G$21=$B$10,7,0)+IF('Standard Profiles'!$G$21=$B$17,14,0)+IF('Standard Profiles'!$G$21=$B$24,21,0),0)),0)</f>
        <v>0</v>
      </c>
      <c r="H4319" cm="1">
        <f t="array" ref="H4319">IFERROR(INDEX(Jesper!AL$2:AL$366,ROUNDDOWN($C4319/24,0)+1,1)*INDEX($D$3:$AA$30,INDEX(Jesper!$R$2:$R$366,ROW(INDEX(Jesper!AL$2:AL$366,ROUNDDOWN($C4319/24,0)+1,1))-1)+IF('Standard Profiles'!$G$22=$B$10,7,0)+IF('Standard Profiles'!$G$22=$B$17,14,0)+IF('Standard Profiles'!$G$22=$B$24,21,0),MOD($C4319,24)+1)/SUM(INDEX($D$3:$AA$30,INDEX(Jesper!$R$2:$R$366,ROW(INDEX(Jesper!AL$2:AL$366,ROUNDDOWN($C4319/24,0)+1,1))-1)+IF('Standard Profiles'!$G$22=$B$10,7,0)+IF('Standard Profiles'!$G$22=$B$17,14,0)+IF('Standard Profiles'!$G$22=$B$24,21,0),0)),0)</f>
        <v>0</v>
      </c>
      <c r="I4319">
        <f t="shared" si="482"/>
        <v>0.40259024748078154</v>
      </c>
      <c r="J4319">
        <f t="shared" si="483"/>
        <v>1.3419674916026052</v>
      </c>
      <c r="K4319">
        <f t="shared" si="484"/>
        <v>2.0129512374039078</v>
      </c>
      <c r="L4319">
        <f t="shared" si="485"/>
        <v>9.6621659395387578</v>
      </c>
      <c r="M4319">
        <f t="shared" si="486"/>
        <v>0</v>
      </c>
      <c r="N4319" s="46">
        <f t="shared" si="487"/>
        <v>45470.541666656274</v>
      </c>
    </row>
    <row r="4320" spans="2:14" x14ac:dyDescent="0.3">
      <c r="B4320">
        <f t="shared" si="481"/>
        <v>4</v>
      </c>
      <c r="C4320" s="16">
        <v>4286</v>
      </c>
      <c r="D4320" cm="1">
        <f t="array" ref="D4320">IFERROR(INDEX(Jesper!AH$2:AH$366,ROUNDDOWN($C4320/24,0)+1,1)*INDEX($D$3:$AA$30,INDEX(Jesper!$R$2:$R$366,ROW(INDEX(Jesper!AH$2:AH$366,ROUNDDOWN($C4320/24,0)+1,1))-1)+IF('Standard Profiles'!$G$18=$B$10,7,0)+IF('Standard Profiles'!$G$18=$B$17,14,0)+IF('Standard Profiles'!$G$18=$B$24,21,0),MOD($C4320,24)+1)/SUM(INDEX($D$3:$AA$30,INDEX(Jesper!$R$2:$R$366,ROW(INDEX(Jesper!AH$2:AH$366,ROUNDDOWN($C4320/24,0)+1,1))-1)+IF('Standard Profiles'!$G$18=$B$10,7,0)+IF('Standard Profiles'!$G$18=$B$17,14,0)+IF('Standard Profiles'!$G$18=$B$24,21,0),0)),0)</f>
        <v>13.419674916026052</v>
      </c>
      <c r="E4320" cm="1">
        <f t="array" ref="E4320">IFERROR(INDEX(Jesper!AI$2:AI$366,ROUNDDOWN($C4320/24,0)+1,1)*INDEX($D$3:$AA$30,INDEX(Jesper!$R$2:$R$366,ROW(INDEX(Jesper!AI$2:AI$366,ROUNDDOWN($C4320/24,0)+1,1))-1)+IF('Standard Profiles'!$G$19=$B$10,7,0)+IF('Standard Profiles'!$G$19=$B$17,14,0)+IF('Standard Profiles'!$G$19=$B$24,21,0),MOD($C4320,24)+1)/SUM(INDEX($D$3:$AA$30,INDEX(Jesper!$R$2:$R$366,ROW(INDEX(Jesper!AI$2:AI$366,ROUNDDOWN($C4320/24,0)+1,1))-1)+IF('Standard Profiles'!$G$19=$B$10,7,0)+IF('Standard Profiles'!$G$19=$B$17,14,0)+IF('Standard Profiles'!$G$19=$B$24,21,0),0)),0)</f>
        <v>0</v>
      </c>
      <c r="F4320" cm="1">
        <f t="array" ref="F4320">IFERROR(INDEX(Jesper!AJ$2:AJ$366,ROUNDDOWN($C4320/24,0)+1,1)*INDEX($D$3:$AA$30,INDEX(Jesper!$R$2:$R$366,ROW(INDEX(Jesper!AJ$2:AJ$366,ROUNDDOWN($C4320/24,0)+1,1))-1)+IF('Standard Profiles'!$G$20=$B$10,7,0)+IF('Standard Profiles'!$G$20=$B$17,14,0)+IF('Standard Profiles'!$G$20=$B$24,21,0),MOD($C4320,24)+1)/SUM(INDEX($D$3:$AA$30,INDEX(Jesper!$R$2:$R$366,ROW(INDEX(Jesper!AJ$2:AJ$366,ROUNDDOWN($C4320/24,0)+1,1))-1)+IF('Standard Profiles'!$G$20=$B$10,7,0)+IF('Standard Profiles'!$G$20=$B$17,14,0)+IF('Standard Profiles'!$G$20=$B$24,21,0),0)),0)</f>
        <v>0</v>
      </c>
      <c r="G4320" cm="1">
        <f t="array" ref="G4320">IFERROR(INDEX(Jesper!AK$2:AK$366,ROUNDDOWN($C4320/24,0)+1,1)*INDEX($D$3:$AA$30,INDEX(Jesper!$R$2:$R$366,ROW(INDEX(Jesper!AK$2:AK$366,ROUNDDOWN($C4320/24,0)+1,1))-1)+IF('Standard Profiles'!$G$21=$B$10,7,0)+IF('Standard Profiles'!$G$21=$B$17,14,0)+IF('Standard Profiles'!$G$21=$B$24,21,0),MOD($C4320,24)+1)/SUM(INDEX($D$3:$AA$30,INDEX(Jesper!$R$2:$R$366,ROW(INDEX(Jesper!AK$2:AK$366,ROUNDDOWN($C4320/24,0)+1,1))-1)+IF('Standard Profiles'!$G$21=$B$10,7,0)+IF('Standard Profiles'!$G$21=$B$17,14,0)+IF('Standard Profiles'!$G$21=$B$24,21,0),0)),0)</f>
        <v>0</v>
      </c>
      <c r="H4320" cm="1">
        <f t="array" ref="H4320">IFERROR(INDEX(Jesper!AL$2:AL$366,ROUNDDOWN($C4320/24,0)+1,1)*INDEX($D$3:$AA$30,INDEX(Jesper!$R$2:$R$366,ROW(INDEX(Jesper!AL$2:AL$366,ROUNDDOWN($C4320/24,0)+1,1))-1)+IF('Standard Profiles'!$G$22=$B$10,7,0)+IF('Standard Profiles'!$G$22=$B$17,14,0)+IF('Standard Profiles'!$G$22=$B$24,21,0),MOD($C4320,24)+1)/SUM(INDEX($D$3:$AA$30,INDEX(Jesper!$R$2:$R$366,ROW(INDEX(Jesper!AL$2:AL$366,ROUNDDOWN($C4320/24,0)+1,1))-1)+IF('Standard Profiles'!$G$22=$B$10,7,0)+IF('Standard Profiles'!$G$22=$B$17,14,0)+IF('Standard Profiles'!$G$22=$B$24,21,0),0)),0)</f>
        <v>0</v>
      </c>
      <c r="I4320">
        <f t="shared" si="482"/>
        <v>0.40259024748078154</v>
      </c>
      <c r="J4320">
        <f t="shared" si="483"/>
        <v>1.3419674916026052</v>
      </c>
      <c r="K4320">
        <f t="shared" si="484"/>
        <v>2.0129512374039078</v>
      </c>
      <c r="L4320">
        <f t="shared" si="485"/>
        <v>9.6621659395387578</v>
      </c>
      <c r="M4320">
        <f t="shared" si="486"/>
        <v>0</v>
      </c>
      <c r="N4320" s="46">
        <f t="shared" si="487"/>
        <v>45470.583333322938</v>
      </c>
    </row>
    <row r="4321" spans="2:14" x14ac:dyDescent="0.3">
      <c r="B4321">
        <f t="shared" si="481"/>
        <v>4</v>
      </c>
      <c r="C4321" s="16">
        <v>4287</v>
      </c>
      <c r="D4321" cm="1">
        <f t="array" ref="D4321">IFERROR(INDEX(Jesper!AH$2:AH$366,ROUNDDOWN($C4321/24,0)+1,1)*INDEX($D$3:$AA$30,INDEX(Jesper!$R$2:$R$366,ROW(INDEX(Jesper!AH$2:AH$366,ROUNDDOWN($C4321/24,0)+1,1))-1)+IF('Standard Profiles'!$G$18=$B$10,7,0)+IF('Standard Profiles'!$G$18=$B$17,14,0)+IF('Standard Profiles'!$G$18=$B$24,21,0),MOD($C4321,24)+1)/SUM(INDEX($D$3:$AA$30,INDEX(Jesper!$R$2:$R$366,ROW(INDEX(Jesper!AH$2:AH$366,ROUNDDOWN($C4321/24,0)+1,1))-1)+IF('Standard Profiles'!$G$18=$B$10,7,0)+IF('Standard Profiles'!$G$18=$B$17,14,0)+IF('Standard Profiles'!$G$18=$B$24,21,0),0)),0)</f>
        <v>13.419674916026052</v>
      </c>
      <c r="E4321" cm="1">
        <f t="array" ref="E4321">IFERROR(INDEX(Jesper!AI$2:AI$366,ROUNDDOWN($C4321/24,0)+1,1)*INDEX($D$3:$AA$30,INDEX(Jesper!$R$2:$R$366,ROW(INDEX(Jesper!AI$2:AI$366,ROUNDDOWN($C4321/24,0)+1,1))-1)+IF('Standard Profiles'!$G$19=$B$10,7,0)+IF('Standard Profiles'!$G$19=$B$17,14,0)+IF('Standard Profiles'!$G$19=$B$24,21,0),MOD($C4321,24)+1)/SUM(INDEX($D$3:$AA$30,INDEX(Jesper!$R$2:$R$366,ROW(INDEX(Jesper!AI$2:AI$366,ROUNDDOWN($C4321/24,0)+1,1))-1)+IF('Standard Profiles'!$G$19=$B$10,7,0)+IF('Standard Profiles'!$G$19=$B$17,14,0)+IF('Standard Profiles'!$G$19=$B$24,21,0),0)),0)</f>
        <v>0</v>
      </c>
      <c r="F4321" cm="1">
        <f t="array" ref="F4321">IFERROR(INDEX(Jesper!AJ$2:AJ$366,ROUNDDOWN($C4321/24,0)+1,1)*INDEX($D$3:$AA$30,INDEX(Jesper!$R$2:$R$366,ROW(INDEX(Jesper!AJ$2:AJ$366,ROUNDDOWN($C4321/24,0)+1,1))-1)+IF('Standard Profiles'!$G$20=$B$10,7,0)+IF('Standard Profiles'!$G$20=$B$17,14,0)+IF('Standard Profiles'!$G$20=$B$24,21,0),MOD($C4321,24)+1)/SUM(INDEX($D$3:$AA$30,INDEX(Jesper!$R$2:$R$366,ROW(INDEX(Jesper!AJ$2:AJ$366,ROUNDDOWN($C4321/24,0)+1,1))-1)+IF('Standard Profiles'!$G$20=$B$10,7,0)+IF('Standard Profiles'!$G$20=$B$17,14,0)+IF('Standard Profiles'!$G$20=$B$24,21,0),0)),0)</f>
        <v>0</v>
      </c>
      <c r="G4321" cm="1">
        <f t="array" ref="G4321">IFERROR(INDEX(Jesper!AK$2:AK$366,ROUNDDOWN($C4321/24,0)+1,1)*INDEX($D$3:$AA$30,INDEX(Jesper!$R$2:$R$366,ROW(INDEX(Jesper!AK$2:AK$366,ROUNDDOWN($C4321/24,0)+1,1))-1)+IF('Standard Profiles'!$G$21=$B$10,7,0)+IF('Standard Profiles'!$G$21=$B$17,14,0)+IF('Standard Profiles'!$G$21=$B$24,21,0),MOD($C4321,24)+1)/SUM(INDEX($D$3:$AA$30,INDEX(Jesper!$R$2:$R$366,ROW(INDEX(Jesper!AK$2:AK$366,ROUNDDOWN($C4321/24,0)+1,1))-1)+IF('Standard Profiles'!$G$21=$B$10,7,0)+IF('Standard Profiles'!$G$21=$B$17,14,0)+IF('Standard Profiles'!$G$21=$B$24,21,0),0)),0)</f>
        <v>0</v>
      </c>
      <c r="H4321" cm="1">
        <f t="array" ref="H4321">IFERROR(INDEX(Jesper!AL$2:AL$366,ROUNDDOWN($C4321/24,0)+1,1)*INDEX($D$3:$AA$30,INDEX(Jesper!$R$2:$R$366,ROW(INDEX(Jesper!AL$2:AL$366,ROUNDDOWN($C4321/24,0)+1,1))-1)+IF('Standard Profiles'!$G$22=$B$10,7,0)+IF('Standard Profiles'!$G$22=$B$17,14,0)+IF('Standard Profiles'!$G$22=$B$24,21,0),MOD($C4321,24)+1)/SUM(INDEX($D$3:$AA$30,INDEX(Jesper!$R$2:$R$366,ROW(INDEX(Jesper!AL$2:AL$366,ROUNDDOWN($C4321/24,0)+1,1))-1)+IF('Standard Profiles'!$G$22=$B$10,7,0)+IF('Standard Profiles'!$G$22=$B$17,14,0)+IF('Standard Profiles'!$G$22=$B$24,21,0),0)),0)</f>
        <v>0</v>
      </c>
      <c r="I4321">
        <f t="shared" si="482"/>
        <v>0.40259024748078154</v>
      </c>
      <c r="J4321">
        <f t="shared" si="483"/>
        <v>1.3419674916026052</v>
      </c>
      <c r="K4321">
        <f t="shared" si="484"/>
        <v>2.0129512374039078</v>
      </c>
      <c r="L4321">
        <f t="shared" si="485"/>
        <v>9.6621659395387578</v>
      </c>
      <c r="M4321">
        <f t="shared" si="486"/>
        <v>0</v>
      </c>
      <c r="N4321" s="46">
        <f t="shared" si="487"/>
        <v>45470.624999989603</v>
      </c>
    </row>
    <row r="4322" spans="2:14" x14ac:dyDescent="0.3">
      <c r="B4322">
        <f t="shared" si="481"/>
        <v>4</v>
      </c>
      <c r="C4322" s="16">
        <v>4288</v>
      </c>
      <c r="D4322" cm="1">
        <f t="array" ref="D4322">IFERROR(INDEX(Jesper!AH$2:AH$366,ROUNDDOWN($C4322/24,0)+1,1)*INDEX($D$3:$AA$30,INDEX(Jesper!$R$2:$R$366,ROW(INDEX(Jesper!AH$2:AH$366,ROUNDDOWN($C4322/24,0)+1,1))-1)+IF('Standard Profiles'!$G$18=$B$10,7,0)+IF('Standard Profiles'!$G$18=$B$17,14,0)+IF('Standard Profiles'!$G$18=$B$24,21,0),MOD($C4322,24)+1)/SUM(INDEX($D$3:$AA$30,INDEX(Jesper!$R$2:$R$366,ROW(INDEX(Jesper!AH$2:AH$366,ROUNDDOWN($C4322/24,0)+1,1))-1)+IF('Standard Profiles'!$G$18=$B$10,7,0)+IF('Standard Profiles'!$G$18=$B$17,14,0)+IF('Standard Profiles'!$G$18=$B$24,21,0),0)),0)</f>
        <v>13.419674916026052</v>
      </c>
      <c r="E4322" cm="1">
        <f t="array" ref="E4322">IFERROR(INDEX(Jesper!AI$2:AI$366,ROUNDDOWN($C4322/24,0)+1,1)*INDEX($D$3:$AA$30,INDEX(Jesper!$R$2:$R$366,ROW(INDEX(Jesper!AI$2:AI$366,ROUNDDOWN($C4322/24,0)+1,1))-1)+IF('Standard Profiles'!$G$19=$B$10,7,0)+IF('Standard Profiles'!$G$19=$B$17,14,0)+IF('Standard Profiles'!$G$19=$B$24,21,0),MOD($C4322,24)+1)/SUM(INDEX($D$3:$AA$30,INDEX(Jesper!$R$2:$R$366,ROW(INDEX(Jesper!AI$2:AI$366,ROUNDDOWN($C4322/24,0)+1,1))-1)+IF('Standard Profiles'!$G$19=$B$10,7,0)+IF('Standard Profiles'!$G$19=$B$17,14,0)+IF('Standard Profiles'!$G$19=$B$24,21,0),0)),0)</f>
        <v>0</v>
      </c>
      <c r="F4322" cm="1">
        <f t="array" ref="F4322">IFERROR(INDEX(Jesper!AJ$2:AJ$366,ROUNDDOWN($C4322/24,0)+1,1)*INDEX($D$3:$AA$30,INDEX(Jesper!$R$2:$R$366,ROW(INDEX(Jesper!AJ$2:AJ$366,ROUNDDOWN($C4322/24,0)+1,1))-1)+IF('Standard Profiles'!$G$20=$B$10,7,0)+IF('Standard Profiles'!$G$20=$B$17,14,0)+IF('Standard Profiles'!$G$20=$B$24,21,0),MOD($C4322,24)+1)/SUM(INDEX($D$3:$AA$30,INDEX(Jesper!$R$2:$R$366,ROW(INDEX(Jesper!AJ$2:AJ$366,ROUNDDOWN($C4322/24,0)+1,1))-1)+IF('Standard Profiles'!$G$20=$B$10,7,0)+IF('Standard Profiles'!$G$20=$B$17,14,0)+IF('Standard Profiles'!$G$20=$B$24,21,0),0)),0)</f>
        <v>0</v>
      </c>
      <c r="G4322" cm="1">
        <f t="array" ref="G4322">IFERROR(INDEX(Jesper!AK$2:AK$366,ROUNDDOWN($C4322/24,0)+1,1)*INDEX($D$3:$AA$30,INDEX(Jesper!$R$2:$R$366,ROW(INDEX(Jesper!AK$2:AK$366,ROUNDDOWN($C4322/24,0)+1,1))-1)+IF('Standard Profiles'!$G$21=$B$10,7,0)+IF('Standard Profiles'!$G$21=$B$17,14,0)+IF('Standard Profiles'!$G$21=$B$24,21,0),MOD($C4322,24)+1)/SUM(INDEX($D$3:$AA$30,INDEX(Jesper!$R$2:$R$366,ROW(INDEX(Jesper!AK$2:AK$366,ROUNDDOWN($C4322/24,0)+1,1))-1)+IF('Standard Profiles'!$G$21=$B$10,7,0)+IF('Standard Profiles'!$G$21=$B$17,14,0)+IF('Standard Profiles'!$G$21=$B$24,21,0),0)),0)</f>
        <v>0</v>
      </c>
      <c r="H4322" cm="1">
        <f t="array" ref="H4322">IFERROR(INDEX(Jesper!AL$2:AL$366,ROUNDDOWN($C4322/24,0)+1,1)*INDEX($D$3:$AA$30,INDEX(Jesper!$R$2:$R$366,ROW(INDEX(Jesper!AL$2:AL$366,ROUNDDOWN($C4322/24,0)+1,1))-1)+IF('Standard Profiles'!$G$22=$B$10,7,0)+IF('Standard Profiles'!$G$22=$B$17,14,0)+IF('Standard Profiles'!$G$22=$B$24,21,0),MOD($C4322,24)+1)/SUM(INDEX($D$3:$AA$30,INDEX(Jesper!$R$2:$R$366,ROW(INDEX(Jesper!AL$2:AL$366,ROUNDDOWN($C4322/24,0)+1,1))-1)+IF('Standard Profiles'!$G$22=$B$10,7,0)+IF('Standard Profiles'!$G$22=$B$17,14,0)+IF('Standard Profiles'!$G$22=$B$24,21,0),0)),0)</f>
        <v>0</v>
      </c>
      <c r="I4322">
        <f t="shared" si="482"/>
        <v>0.40259024748078154</v>
      </c>
      <c r="J4322">
        <f t="shared" si="483"/>
        <v>1.3419674916026052</v>
      </c>
      <c r="K4322">
        <f t="shared" si="484"/>
        <v>2.0129512374039078</v>
      </c>
      <c r="L4322">
        <f t="shared" si="485"/>
        <v>9.6621659395387578</v>
      </c>
      <c r="M4322">
        <f t="shared" si="486"/>
        <v>0</v>
      </c>
      <c r="N4322" s="46">
        <f t="shared" si="487"/>
        <v>45470.666666656267</v>
      </c>
    </row>
    <row r="4323" spans="2:14" x14ac:dyDescent="0.3">
      <c r="B4323">
        <f t="shared" ref="B4323:B4386" si="488">WEEKDAY(N4323,2)</f>
        <v>4</v>
      </c>
      <c r="C4323" s="16">
        <v>4289</v>
      </c>
      <c r="D4323" cm="1">
        <f t="array" ref="D4323">IFERROR(INDEX(Jesper!AH$2:AH$366,ROUNDDOWN($C4323/24,0)+1,1)*INDEX($D$3:$AA$30,INDEX(Jesper!$R$2:$R$366,ROW(INDEX(Jesper!AH$2:AH$366,ROUNDDOWN($C4323/24,0)+1,1))-1)+IF('Standard Profiles'!$G$18=$B$10,7,0)+IF('Standard Profiles'!$G$18=$B$17,14,0)+IF('Standard Profiles'!$G$18=$B$24,21,0),MOD($C4323,24)+1)/SUM(INDEX($D$3:$AA$30,INDEX(Jesper!$R$2:$R$366,ROW(INDEX(Jesper!AH$2:AH$366,ROUNDDOWN($C4323/24,0)+1,1))-1)+IF('Standard Profiles'!$G$18=$B$10,7,0)+IF('Standard Profiles'!$G$18=$B$17,14,0)+IF('Standard Profiles'!$G$18=$B$24,21,0),0)),0)</f>
        <v>13.419674916026052</v>
      </c>
      <c r="E4323" cm="1">
        <f t="array" ref="E4323">IFERROR(INDEX(Jesper!AI$2:AI$366,ROUNDDOWN($C4323/24,0)+1,1)*INDEX($D$3:$AA$30,INDEX(Jesper!$R$2:$R$366,ROW(INDEX(Jesper!AI$2:AI$366,ROUNDDOWN($C4323/24,0)+1,1))-1)+IF('Standard Profiles'!$G$19=$B$10,7,0)+IF('Standard Profiles'!$G$19=$B$17,14,0)+IF('Standard Profiles'!$G$19=$B$24,21,0),MOD($C4323,24)+1)/SUM(INDEX($D$3:$AA$30,INDEX(Jesper!$R$2:$R$366,ROW(INDEX(Jesper!AI$2:AI$366,ROUNDDOWN($C4323/24,0)+1,1))-1)+IF('Standard Profiles'!$G$19=$B$10,7,0)+IF('Standard Profiles'!$G$19=$B$17,14,0)+IF('Standard Profiles'!$G$19=$B$24,21,0),0)),0)</f>
        <v>0</v>
      </c>
      <c r="F4323" cm="1">
        <f t="array" ref="F4323">IFERROR(INDEX(Jesper!AJ$2:AJ$366,ROUNDDOWN($C4323/24,0)+1,1)*INDEX($D$3:$AA$30,INDEX(Jesper!$R$2:$R$366,ROW(INDEX(Jesper!AJ$2:AJ$366,ROUNDDOWN($C4323/24,0)+1,1))-1)+IF('Standard Profiles'!$G$20=$B$10,7,0)+IF('Standard Profiles'!$G$20=$B$17,14,0)+IF('Standard Profiles'!$G$20=$B$24,21,0),MOD($C4323,24)+1)/SUM(INDEX($D$3:$AA$30,INDEX(Jesper!$R$2:$R$366,ROW(INDEX(Jesper!AJ$2:AJ$366,ROUNDDOWN($C4323/24,0)+1,1))-1)+IF('Standard Profiles'!$G$20=$B$10,7,0)+IF('Standard Profiles'!$G$20=$B$17,14,0)+IF('Standard Profiles'!$G$20=$B$24,21,0),0)),0)</f>
        <v>0</v>
      </c>
      <c r="G4323" cm="1">
        <f t="array" ref="G4323">IFERROR(INDEX(Jesper!AK$2:AK$366,ROUNDDOWN($C4323/24,0)+1,1)*INDEX($D$3:$AA$30,INDEX(Jesper!$R$2:$R$366,ROW(INDEX(Jesper!AK$2:AK$366,ROUNDDOWN($C4323/24,0)+1,1))-1)+IF('Standard Profiles'!$G$21=$B$10,7,0)+IF('Standard Profiles'!$G$21=$B$17,14,0)+IF('Standard Profiles'!$G$21=$B$24,21,0),MOD($C4323,24)+1)/SUM(INDEX($D$3:$AA$30,INDEX(Jesper!$R$2:$R$366,ROW(INDEX(Jesper!AK$2:AK$366,ROUNDDOWN($C4323/24,0)+1,1))-1)+IF('Standard Profiles'!$G$21=$B$10,7,0)+IF('Standard Profiles'!$G$21=$B$17,14,0)+IF('Standard Profiles'!$G$21=$B$24,21,0),0)),0)</f>
        <v>0</v>
      </c>
      <c r="H4323" cm="1">
        <f t="array" ref="H4323">IFERROR(INDEX(Jesper!AL$2:AL$366,ROUNDDOWN($C4323/24,0)+1,1)*INDEX($D$3:$AA$30,INDEX(Jesper!$R$2:$R$366,ROW(INDEX(Jesper!AL$2:AL$366,ROUNDDOWN($C4323/24,0)+1,1))-1)+IF('Standard Profiles'!$G$22=$B$10,7,0)+IF('Standard Profiles'!$G$22=$B$17,14,0)+IF('Standard Profiles'!$G$22=$B$24,21,0),MOD($C4323,24)+1)/SUM(INDEX($D$3:$AA$30,INDEX(Jesper!$R$2:$R$366,ROW(INDEX(Jesper!AL$2:AL$366,ROUNDDOWN($C4323/24,0)+1,1))-1)+IF('Standard Profiles'!$G$22=$B$10,7,0)+IF('Standard Profiles'!$G$22=$B$17,14,0)+IF('Standard Profiles'!$G$22=$B$24,21,0),0)),0)</f>
        <v>0</v>
      </c>
      <c r="I4323">
        <f t="shared" ref="I4323:I4386" si="489">IF($B4323&lt;6,AC$37*$D4323+AC$38*$E4323+AC$39*$F4323+AC$40*$G4323,AC$46*$D4323+AC$47*$E4323+AC$48*$F4323+AC$49*$G4323+AC$50*$H4323)</f>
        <v>0.40259024748078154</v>
      </c>
      <c r="J4323">
        <f t="shared" ref="J4323:J4386" si="490">IF($B4323&lt;6,AD$37*$D4323+AD$38*$E4323+AD$39*$F4323+AD$40*$G4323,AD$46*$D4323+AD$47*$E4323+AD$48*$F4323+AD$49*$G4323+AD$50*$H4323)</f>
        <v>1.3419674916026052</v>
      </c>
      <c r="K4323">
        <f t="shared" ref="K4323:K4386" si="491">IF($B4323&lt;6,AE$37*$D4323+AE$38*$E4323+AE$39*$F4323+AE$40*$G4323,AE$46*$D4323+AE$47*$E4323+AE$48*$F4323+AE$49*$G4323+AE$50*$H4323)</f>
        <v>2.0129512374039078</v>
      </c>
      <c r="L4323">
        <f t="shared" ref="L4323:L4386" si="492">IF($B4323&lt;6,AF$37*$D4323+AF$38*$E4323+AF$39*$F4323+AF$40*$G4323,AF$46*$D4323+AF$47*$E4323+AF$48*$F4323+AF$49*$G4323+AF$50*$H4323)</f>
        <v>9.6621659395387578</v>
      </c>
      <c r="M4323">
        <f t="shared" ref="M4323:M4386" si="493">IF($B4323&lt;6,AG$37*$D4323+AG$38*$E4323+AG$39*$F4323+AG$40*$G4323,AG$46*$D4323+AG$47*$E4323+AG$48*$F4323+AG$49*$G4323+AG$50*$H4323)</f>
        <v>0</v>
      </c>
      <c r="N4323" s="46">
        <f t="shared" si="487"/>
        <v>45470.708333322931</v>
      </c>
    </row>
    <row r="4324" spans="2:14" x14ac:dyDescent="0.3">
      <c r="B4324">
        <f t="shared" si="488"/>
        <v>4</v>
      </c>
      <c r="C4324" s="16">
        <v>4290</v>
      </c>
      <c r="D4324" cm="1">
        <f t="array" ref="D4324">IFERROR(INDEX(Jesper!AH$2:AH$366,ROUNDDOWN($C4324/24,0)+1,1)*INDEX($D$3:$AA$30,INDEX(Jesper!$R$2:$R$366,ROW(INDEX(Jesper!AH$2:AH$366,ROUNDDOWN($C4324/24,0)+1,1))-1)+IF('Standard Profiles'!$G$18=$B$10,7,0)+IF('Standard Profiles'!$G$18=$B$17,14,0)+IF('Standard Profiles'!$G$18=$B$24,21,0),MOD($C4324,24)+1)/SUM(INDEX($D$3:$AA$30,INDEX(Jesper!$R$2:$R$366,ROW(INDEX(Jesper!AH$2:AH$366,ROUNDDOWN($C4324/24,0)+1,1))-1)+IF('Standard Profiles'!$G$18=$B$10,7,0)+IF('Standard Profiles'!$G$18=$B$17,14,0)+IF('Standard Profiles'!$G$18=$B$24,21,0),0)),0)</f>
        <v>13.419674916026052</v>
      </c>
      <c r="E4324" cm="1">
        <f t="array" ref="E4324">IFERROR(INDEX(Jesper!AI$2:AI$366,ROUNDDOWN($C4324/24,0)+1,1)*INDEX($D$3:$AA$30,INDEX(Jesper!$R$2:$R$366,ROW(INDEX(Jesper!AI$2:AI$366,ROUNDDOWN($C4324/24,0)+1,1))-1)+IF('Standard Profiles'!$G$19=$B$10,7,0)+IF('Standard Profiles'!$G$19=$B$17,14,0)+IF('Standard Profiles'!$G$19=$B$24,21,0),MOD($C4324,24)+1)/SUM(INDEX($D$3:$AA$30,INDEX(Jesper!$R$2:$R$366,ROW(INDEX(Jesper!AI$2:AI$366,ROUNDDOWN($C4324/24,0)+1,1))-1)+IF('Standard Profiles'!$G$19=$B$10,7,0)+IF('Standard Profiles'!$G$19=$B$17,14,0)+IF('Standard Profiles'!$G$19=$B$24,21,0),0)),0)</f>
        <v>0</v>
      </c>
      <c r="F4324" cm="1">
        <f t="array" ref="F4324">IFERROR(INDEX(Jesper!AJ$2:AJ$366,ROUNDDOWN($C4324/24,0)+1,1)*INDEX($D$3:$AA$30,INDEX(Jesper!$R$2:$R$366,ROW(INDEX(Jesper!AJ$2:AJ$366,ROUNDDOWN($C4324/24,0)+1,1))-1)+IF('Standard Profiles'!$G$20=$B$10,7,0)+IF('Standard Profiles'!$G$20=$B$17,14,0)+IF('Standard Profiles'!$G$20=$B$24,21,0),MOD($C4324,24)+1)/SUM(INDEX($D$3:$AA$30,INDEX(Jesper!$R$2:$R$366,ROW(INDEX(Jesper!AJ$2:AJ$366,ROUNDDOWN($C4324/24,0)+1,1))-1)+IF('Standard Profiles'!$G$20=$B$10,7,0)+IF('Standard Profiles'!$G$20=$B$17,14,0)+IF('Standard Profiles'!$G$20=$B$24,21,0),0)),0)</f>
        <v>0</v>
      </c>
      <c r="G4324" cm="1">
        <f t="array" ref="G4324">IFERROR(INDEX(Jesper!AK$2:AK$366,ROUNDDOWN($C4324/24,0)+1,1)*INDEX($D$3:$AA$30,INDEX(Jesper!$R$2:$R$366,ROW(INDEX(Jesper!AK$2:AK$366,ROUNDDOWN($C4324/24,0)+1,1))-1)+IF('Standard Profiles'!$G$21=$B$10,7,0)+IF('Standard Profiles'!$G$21=$B$17,14,0)+IF('Standard Profiles'!$G$21=$B$24,21,0),MOD($C4324,24)+1)/SUM(INDEX($D$3:$AA$30,INDEX(Jesper!$R$2:$R$366,ROW(INDEX(Jesper!AK$2:AK$366,ROUNDDOWN($C4324/24,0)+1,1))-1)+IF('Standard Profiles'!$G$21=$B$10,7,0)+IF('Standard Profiles'!$G$21=$B$17,14,0)+IF('Standard Profiles'!$G$21=$B$24,21,0),0)),0)</f>
        <v>0</v>
      </c>
      <c r="H4324" cm="1">
        <f t="array" ref="H4324">IFERROR(INDEX(Jesper!AL$2:AL$366,ROUNDDOWN($C4324/24,0)+1,1)*INDEX($D$3:$AA$30,INDEX(Jesper!$R$2:$R$366,ROW(INDEX(Jesper!AL$2:AL$366,ROUNDDOWN($C4324/24,0)+1,1))-1)+IF('Standard Profiles'!$G$22=$B$10,7,0)+IF('Standard Profiles'!$G$22=$B$17,14,0)+IF('Standard Profiles'!$G$22=$B$24,21,0),MOD($C4324,24)+1)/SUM(INDEX($D$3:$AA$30,INDEX(Jesper!$R$2:$R$366,ROW(INDEX(Jesper!AL$2:AL$366,ROUNDDOWN($C4324/24,0)+1,1))-1)+IF('Standard Profiles'!$G$22=$B$10,7,0)+IF('Standard Profiles'!$G$22=$B$17,14,0)+IF('Standard Profiles'!$G$22=$B$24,21,0),0)),0)</f>
        <v>0</v>
      </c>
      <c r="I4324">
        <f t="shared" si="489"/>
        <v>0.40259024748078154</v>
      </c>
      <c r="J4324">
        <f t="shared" si="490"/>
        <v>1.3419674916026052</v>
      </c>
      <c r="K4324">
        <f t="shared" si="491"/>
        <v>2.0129512374039078</v>
      </c>
      <c r="L4324">
        <f t="shared" si="492"/>
        <v>9.6621659395387578</v>
      </c>
      <c r="M4324">
        <f t="shared" si="493"/>
        <v>0</v>
      </c>
      <c r="N4324" s="46">
        <f t="shared" ref="N4324:N4387" si="494">N4323+1/24</f>
        <v>45470.749999989595</v>
      </c>
    </row>
    <row r="4325" spans="2:14" x14ac:dyDescent="0.3">
      <c r="B4325">
        <f t="shared" si="488"/>
        <v>4</v>
      </c>
      <c r="C4325" s="16">
        <v>4291</v>
      </c>
      <c r="D4325" cm="1">
        <f t="array" ref="D4325">IFERROR(INDEX(Jesper!AH$2:AH$366,ROUNDDOWN($C4325/24,0)+1,1)*INDEX($D$3:$AA$30,INDEX(Jesper!$R$2:$R$366,ROW(INDEX(Jesper!AH$2:AH$366,ROUNDDOWN($C4325/24,0)+1,1))-1)+IF('Standard Profiles'!$G$18=$B$10,7,0)+IF('Standard Profiles'!$G$18=$B$17,14,0)+IF('Standard Profiles'!$G$18=$B$24,21,0),MOD($C4325,24)+1)/SUM(INDEX($D$3:$AA$30,INDEX(Jesper!$R$2:$R$366,ROW(INDEX(Jesper!AH$2:AH$366,ROUNDDOWN($C4325/24,0)+1,1))-1)+IF('Standard Profiles'!$G$18=$B$10,7,0)+IF('Standard Profiles'!$G$18=$B$17,14,0)+IF('Standard Profiles'!$G$18=$B$24,21,0),0)),0)</f>
        <v>11.18306243002171</v>
      </c>
      <c r="E4325" cm="1">
        <f t="array" ref="E4325">IFERROR(INDEX(Jesper!AI$2:AI$366,ROUNDDOWN($C4325/24,0)+1,1)*INDEX($D$3:$AA$30,INDEX(Jesper!$R$2:$R$366,ROW(INDEX(Jesper!AI$2:AI$366,ROUNDDOWN($C4325/24,0)+1,1))-1)+IF('Standard Profiles'!$G$19=$B$10,7,0)+IF('Standard Profiles'!$G$19=$B$17,14,0)+IF('Standard Profiles'!$G$19=$B$24,21,0),MOD($C4325,24)+1)/SUM(INDEX($D$3:$AA$30,INDEX(Jesper!$R$2:$R$366,ROW(INDEX(Jesper!AI$2:AI$366,ROUNDDOWN($C4325/24,0)+1,1))-1)+IF('Standard Profiles'!$G$19=$B$10,7,0)+IF('Standard Profiles'!$G$19=$B$17,14,0)+IF('Standard Profiles'!$G$19=$B$24,21,0),0)),0)</f>
        <v>0</v>
      </c>
      <c r="F4325" cm="1">
        <f t="array" ref="F4325">IFERROR(INDEX(Jesper!AJ$2:AJ$366,ROUNDDOWN($C4325/24,0)+1,1)*INDEX($D$3:$AA$30,INDEX(Jesper!$R$2:$R$366,ROW(INDEX(Jesper!AJ$2:AJ$366,ROUNDDOWN($C4325/24,0)+1,1))-1)+IF('Standard Profiles'!$G$20=$B$10,7,0)+IF('Standard Profiles'!$G$20=$B$17,14,0)+IF('Standard Profiles'!$G$20=$B$24,21,0),MOD($C4325,24)+1)/SUM(INDEX($D$3:$AA$30,INDEX(Jesper!$R$2:$R$366,ROW(INDEX(Jesper!AJ$2:AJ$366,ROUNDDOWN($C4325/24,0)+1,1))-1)+IF('Standard Profiles'!$G$20=$B$10,7,0)+IF('Standard Profiles'!$G$20=$B$17,14,0)+IF('Standard Profiles'!$G$20=$B$24,21,0),0)),0)</f>
        <v>0</v>
      </c>
      <c r="G4325" cm="1">
        <f t="array" ref="G4325">IFERROR(INDEX(Jesper!AK$2:AK$366,ROUNDDOWN($C4325/24,0)+1,1)*INDEX($D$3:$AA$30,INDEX(Jesper!$R$2:$R$366,ROW(INDEX(Jesper!AK$2:AK$366,ROUNDDOWN($C4325/24,0)+1,1))-1)+IF('Standard Profiles'!$G$21=$B$10,7,0)+IF('Standard Profiles'!$G$21=$B$17,14,0)+IF('Standard Profiles'!$G$21=$B$24,21,0),MOD($C4325,24)+1)/SUM(INDEX($D$3:$AA$30,INDEX(Jesper!$R$2:$R$366,ROW(INDEX(Jesper!AK$2:AK$366,ROUNDDOWN($C4325/24,0)+1,1))-1)+IF('Standard Profiles'!$G$21=$B$10,7,0)+IF('Standard Profiles'!$G$21=$B$17,14,0)+IF('Standard Profiles'!$G$21=$B$24,21,0),0)),0)</f>
        <v>0</v>
      </c>
      <c r="H4325" cm="1">
        <f t="array" ref="H4325">IFERROR(INDEX(Jesper!AL$2:AL$366,ROUNDDOWN($C4325/24,0)+1,1)*INDEX($D$3:$AA$30,INDEX(Jesper!$R$2:$R$366,ROW(INDEX(Jesper!AL$2:AL$366,ROUNDDOWN($C4325/24,0)+1,1))-1)+IF('Standard Profiles'!$G$22=$B$10,7,0)+IF('Standard Profiles'!$G$22=$B$17,14,0)+IF('Standard Profiles'!$G$22=$B$24,21,0),MOD($C4325,24)+1)/SUM(INDEX($D$3:$AA$30,INDEX(Jesper!$R$2:$R$366,ROW(INDEX(Jesper!AL$2:AL$366,ROUNDDOWN($C4325/24,0)+1,1))-1)+IF('Standard Profiles'!$G$22=$B$10,7,0)+IF('Standard Profiles'!$G$22=$B$17,14,0)+IF('Standard Profiles'!$G$22=$B$24,21,0),0)),0)</f>
        <v>0</v>
      </c>
      <c r="I4325">
        <f t="shared" si="489"/>
        <v>0.3354918729006513</v>
      </c>
      <c r="J4325">
        <f t="shared" si="490"/>
        <v>1.1183062430021711</v>
      </c>
      <c r="K4325">
        <f t="shared" si="491"/>
        <v>1.6774593645032565</v>
      </c>
      <c r="L4325">
        <f t="shared" si="492"/>
        <v>8.0518049496156312</v>
      </c>
      <c r="M4325">
        <f t="shared" si="493"/>
        <v>0</v>
      </c>
      <c r="N4325" s="46">
        <f t="shared" si="494"/>
        <v>45470.79166665626</v>
      </c>
    </row>
    <row r="4326" spans="2:14" x14ac:dyDescent="0.3">
      <c r="B4326">
        <f t="shared" si="488"/>
        <v>4</v>
      </c>
      <c r="C4326" s="16">
        <v>4292</v>
      </c>
      <c r="D4326" cm="1">
        <f t="array" ref="D4326">IFERROR(INDEX(Jesper!AH$2:AH$366,ROUNDDOWN($C4326/24,0)+1,1)*INDEX($D$3:$AA$30,INDEX(Jesper!$R$2:$R$366,ROW(INDEX(Jesper!AH$2:AH$366,ROUNDDOWN($C4326/24,0)+1,1))-1)+IF('Standard Profiles'!$G$18=$B$10,7,0)+IF('Standard Profiles'!$G$18=$B$17,14,0)+IF('Standard Profiles'!$G$18=$B$24,21,0),MOD($C4326,24)+1)/SUM(INDEX($D$3:$AA$30,INDEX(Jesper!$R$2:$R$366,ROW(INDEX(Jesper!AH$2:AH$366,ROUNDDOWN($C4326/24,0)+1,1))-1)+IF('Standard Profiles'!$G$18=$B$10,7,0)+IF('Standard Profiles'!$G$18=$B$17,14,0)+IF('Standard Profiles'!$G$18=$B$24,21,0),0)),0)</f>
        <v>8.9464499440173686</v>
      </c>
      <c r="E4326" cm="1">
        <f t="array" ref="E4326">IFERROR(INDEX(Jesper!AI$2:AI$366,ROUNDDOWN($C4326/24,0)+1,1)*INDEX($D$3:$AA$30,INDEX(Jesper!$R$2:$R$366,ROW(INDEX(Jesper!AI$2:AI$366,ROUNDDOWN($C4326/24,0)+1,1))-1)+IF('Standard Profiles'!$G$19=$B$10,7,0)+IF('Standard Profiles'!$G$19=$B$17,14,0)+IF('Standard Profiles'!$G$19=$B$24,21,0),MOD($C4326,24)+1)/SUM(INDEX($D$3:$AA$30,INDEX(Jesper!$R$2:$R$366,ROW(INDEX(Jesper!AI$2:AI$366,ROUNDDOWN($C4326/24,0)+1,1))-1)+IF('Standard Profiles'!$G$19=$B$10,7,0)+IF('Standard Profiles'!$G$19=$B$17,14,0)+IF('Standard Profiles'!$G$19=$B$24,21,0),0)),0)</f>
        <v>0</v>
      </c>
      <c r="F4326" cm="1">
        <f t="array" ref="F4326">IFERROR(INDEX(Jesper!AJ$2:AJ$366,ROUNDDOWN($C4326/24,0)+1,1)*INDEX($D$3:$AA$30,INDEX(Jesper!$R$2:$R$366,ROW(INDEX(Jesper!AJ$2:AJ$366,ROUNDDOWN($C4326/24,0)+1,1))-1)+IF('Standard Profiles'!$G$20=$B$10,7,0)+IF('Standard Profiles'!$G$20=$B$17,14,0)+IF('Standard Profiles'!$G$20=$B$24,21,0),MOD($C4326,24)+1)/SUM(INDEX($D$3:$AA$30,INDEX(Jesper!$R$2:$R$366,ROW(INDEX(Jesper!AJ$2:AJ$366,ROUNDDOWN($C4326/24,0)+1,1))-1)+IF('Standard Profiles'!$G$20=$B$10,7,0)+IF('Standard Profiles'!$G$20=$B$17,14,0)+IF('Standard Profiles'!$G$20=$B$24,21,0),0)),0)</f>
        <v>0</v>
      </c>
      <c r="G4326" cm="1">
        <f t="array" ref="G4326">IFERROR(INDEX(Jesper!AK$2:AK$366,ROUNDDOWN($C4326/24,0)+1,1)*INDEX($D$3:$AA$30,INDEX(Jesper!$R$2:$R$366,ROW(INDEX(Jesper!AK$2:AK$366,ROUNDDOWN($C4326/24,0)+1,1))-1)+IF('Standard Profiles'!$G$21=$B$10,7,0)+IF('Standard Profiles'!$G$21=$B$17,14,0)+IF('Standard Profiles'!$G$21=$B$24,21,0),MOD($C4326,24)+1)/SUM(INDEX($D$3:$AA$30,INDEX(Jesper!$R$2:$R$366,ROW(INDEX(Jesper!AK$2:AK$366,ROUNDDOWN($C4326/24,0)+1,1))-1)+IF('Standard Profiles'!$G$21=$B$10,7,0)+IF('Standard Profiles'!$G$21=$B$17,14,0)+IF('Standard Profiles'!$G$21=$B$24,21,0),0)),0)</f>
        <v>0</v>
      </c>
      <c r="H4326" cm="1">
        <f t="array" ref="H4326">IFERROR(INDEX(Jesper!AL$2:AL$366,ROUNDDOWN($C4326/24,0)+1,1)*INDEX($D$3:$AA$30,INDEX(Jesper!$R$2:$R$366,ROW(INDEX(Jesper!AL$2:AL$366,ROUNDDOWN($C4326/24,0)+1,1))-1)+IF('Standard Profiles'!$G$22=$B$10,7,0)+IF('Standard Profiles'!$G$22=$B$17,14,0)+IF('Standard Profiles'!$G$22=$B$24,21,0),MOD($C4326,24)+1)/SUM(INDEX($D$3:$AA$30,INDEX(Jesper!$R$2:$R$366,ROW(INDEX(Jesper!AL$2:AL$366,ROUNDDOWN($C4326/24,0)+1,1))-1)+IF('Standard Profiles'!$G$22=$B$10,7,0)+IF('Standard Profiles'!$G$22=$B$17,14,0)+IF('Standard Profiles'!$G$22=$B$24,21,0),0)),0)</f>
        <v>0</v>
      </c>
      <c r="I4326">
        <f t="shared" si="489"/>
        <v>0.26839349832052106</v>
      </c>
      <c r="J4326">
        <f t="shared" si="490"/>
        <v>0.89464499440173695</v>
      </c>
      <c r="K4326">
        <f t="shared" si="491"/>
        <v>1.3419674916026052</v>
      </c>
      <c r="L4326">
        <f t="shared" si="492"/>
        <v>6.4414439596925055</v>
      </c>
      <c r="M4326">
        <f t="shared" si="493"/>
        <v>0</v>
      </c>
      <c r="N4326" s="46">
        <f t="shared" si="494"/>
        <v>45470.833333322924</v>
      </c>
    </row>
    <row r="4327" spans="2:14" x14ac:dyDescent="0.3">
      <c r="B4327">
        <f t="shared" si="488"/>
        <v>4</v>
      </c>
      <c r="C4327" s="16">
        <v>4293</v>
      </c>
      <c r="D4327" cm="1">
        <f t="array" ref="D4327">IFERROR(INDEX(Jesper!AH$2:AH$366,ROUNDDOWN($C4327/24,0)+1,1)*INDEX($D$3:$AA$30,INDEX(Jesper!$R$2:$R$366,ROW(INDEX(Jesper!AH$2:AH$366,ROUNDDOWN($C4327/24,0)+1,1))-1)+IF('Standard Profiles'!$G$18=$B$10,7,0)+IF('Standard Profiles'!$G$18=$B$17,14,0)+IF('Standard Profiles'!$G$18=$B$24,21,0),MOD($C4327,24)+1)/SUM(INDEX($D$3:$AA$30,INDEX(Jesper!$R$2:$R$366,ROW(INDEX(Jesper!AH$2:AH$366,ROUNDDOWN($C4327/24,0)+1,1))-1)+IF('Standard Profiles'!$G$18=$B$10,7,0)+IF('Standard Profiles'!$G$18=$B$17,14,0)+IF('Standard Profiles'!$G$18=$B$24,21,0),0)),0)</f>
        <v>6.709837458013026</v>
      </c>
      <c r="E4327" cm="1">
        <f t="array" ref="E4327">IFERROR(INDEX(Jesper!AI$2:AI$366,ROUNDDOWN($C4327/24,0)+1,1)*INDEX($D$3:$AA$30,INDEX(Jesper!$R$2:$R$366,ROW(INDEX(Jesper!AI$2:AI$366,ROUNDDOWN($C4327/24,0)+1,1))-1)+IF('Standard Profiles'!$G$19=$B$10,7,0)+IF('Standard Profiles'!$G$19=$B$17,14,0)+IF('Standard Profiles'!$G$19=$B$24,21,0),MOD($C4327,24)+1)/SUM(INDEX($D$3:$AA$30,INDEX(Jesper!$R$2:$R$366,ROW(INDEX(Jesper!AI$2:AI$366,ROUNDDOWN($C4327/24,0)+1,1))-1)+IF('Standard Profiles'!$G$19=$B$10,7,0)+IF('Standard Profiles'!$G$19=$B$17,14,0)+IF('Standard Profiles'!$G$19=$B$24,21,0),0)),0)</f>
        <v>0</v>
      </c>
      <c r="F4327" cm="1">
        <f t="array" ref="F4327">IFERROR(INDEX(Jesper!AJ$2:AJ$366,ROUNDDOWN($C4327/24,0)+1,1)*INDEX($D$3:$AA$30,INDEX(Jesper!$R$2:$R$366,ROW(INDEX(Jesper!AJ$2:AJ$366,ROUNDDOWN($C4327/24,0)+1,1))-1)+IF('Standard Profiles'!$G$20=$B$10,7,0)+IF('Standard Profiles'!$G$20=$B$17,14,0)+IF('Standard Profiles'!$G$20=$B$24,21,0),MOD($C4327,24)+1)/SUM(INDEX($D$3:$AA$30,INDEX(Jesper!$R$2:$R$366,ROW(INDEX(Jesper!AJ$2:AJ$366,ROUNDDOWN($C4327/24,0)+1,1))-1)+IF('Standard Profiles'!$G$20=$B$10,7,0)+IF('Standard Profiles'!$G$20=$B$17,14,0)+IF('Standard Profiles'!$G$20=$B$24,21,0),0)),0)</f>
        <v>0</v>
      </c>
      <c r="G4327" cm="1">
        <f t="array" ref="G4327">IFERROR(INDEX(Jesper!AK$2:AK$366,ROUNDDOWN($C4327/24,0)+1,1)*INDEX($D$3:$AA$30,INDEX(Jesper!$R$2:$R$366,ROW(INDEX(Jesper!AK$2:AK$366,ROUNDDOWN($C4327/24,0)+1,1))-1)+IF('Standard Profiles'!$G$21=$B$10,7,0)+IF('Standard Profiles'!$G$21=$B$17,14,0)+IF('Standard Profiles'!$G$21=$B$24,21,0),MOD($C4327,24)+1)/SUM(INDEX($D$3:$AA$30,INDEX(Jesper!$R$2:$R$366,ROW(INDEX(Jesper!AK$2:AK$366,ROUNDDOWN($C4327/24,0)+1,1))-1)+IF('Standard Profiles'!$G$21=$B$10,7,0)+IF('Standard Profiles'!$G$21=$B$17,14,0)+IF('Standard Profiles'!$G$21=$B$24,21,0),0)),0)</f>
        <v>0</v>
      </c>
      <c r="H4327" cm="1">
        <f t="array" ref="H4327">IFERROR(INDEX(Jesper!AL$2:AL$366,ROUNDDOWN($C4327/24,0)+1,1)*INDEX($D$3:$AA$30,INDEX(Jesper!$R$2:$R$366,ROW(INDEX(Jesper!AL$2:AL$366,ROUNDDOWN($C4327/24,0)+1,1))-1)+IF('Standard Profiles'!$G$22=$B$10,7,0)+IF('Standard Profiles'!$G$22=$B$17,14,0)+IF('Standard Profiles'!$G$22=$B$24,21,0),MOD($C4327,24)+1)/SUM(INDEX($D$3:$AA$30,INDEX(Jesper!$R$2:$R$366,ROW(INDEX(Jesper!AL$2:AL$366,ROUNDDOWN($C4327/24,0)+1,1))-1)+IF('Standard Profiles'!$G$22=$B$10,7,0)+IF('Standard Profiles'!$G$22=$B$17,14,0)+IF('Standard Profiles'!$G$22=$B$24,21,0),0)),0)</f>
        <v>0</v>
      </c>
      <c r="I4327">
        <f t="shared" si="489"/>
        <v>0.20129512374039077</v>
      </c>
      <c r="J4327">
        <f t="shared" si="490"/>
        <v>0.6709837458013026</v>
      </c>
      <c r="K4327">
        <f t="shared" si="491"/>
        <v>1.0064756187019539</v>
      </c>
      <c r="L4327">
        <f t="shared" si="492"/>
        <v>4.8310829697693789</v>
      </c>
      <c r="M4327">
        <f t="shared" si="493"/>
        <v>0</v>
      </c>
      <c r="N4327" s="46">
        <f t="shared" si="494"/>
        <v>45470.874999989588</v>
      </c>
    </row>
    <row r="4328" spans="2:14" x14ac:dyDescent="0.3">
      <c r="B4328">
        <f t="shared" si="488"/>
        <v>4</v>
      </c>
      <c r="C4328" s="16">
        <v>4294</v>
      </c>
      <c r="D4328" cm="1">
        <f t="array" ref="D4328">IFERROR(INDEX(Jesper!AH$2:AH$366,ROUNDDOWN($C4328/24,0)+1,1)*INDEX($D$3:$AA$30,INDEX(Jesper!$R$2:$R$366,ROW(INDEX(Jesper!AH$2:AH$366,ROUNDDOWN($C4328/24,0)+1,1))-1)+IF('Standard Profiles'!$G$18=$B$10,7,0)+IF('Standard Profiles'!$G$18=$B$17,14,0)+IF('Standard Profiles'!$G$18=$B$24,21,0),MOD($C4328,24)+1)/SUM(INDEX($D$3:$AA$30,INDEX(Jesper!$R$2:$R$366,ROW(INDEX(Jesper!AH$2:AH$366,ROUNDDOWN($C4328/24,0)+1,1))-1)+IF('Standard Profiles'!$G$18=$B$10,7,0)+IF('Standard Profiles'!$G$18=$B$17,14,0)+IF('Standard Profiles'!$G$18=$B$24,21,0),0)),0)</f>
        <v>6.709837458013026</v>
      </c>
      <c r="E4328" cm="1">
        <f t="array" ref="E4328">IFERROR(INDEX(Jesper!AI$2:AI$366,ROUNDDOWN($C4328/24,0)+1,1)*INDEX($D$3:$AA$30,INDEX(Jesper!$R$2:$R$366,ROW(INDEX(Jesper!AI$2:AI$366,ROUNDDOWN($C4328/24,0)+1,1))-1)+IF('Standard Profiles'!$G$19=$B$10,7,0)+IF('Standard Profiles'!$G$19=$B$17,14,0)+IF('Standard Profiles'!$G$19=$B$24,21,0),MOD($C4328,24)+1)/SUM(INDEX($D$3:$AA$30,INDEX(Jesper!$R$2:$R$366,ROW(INDEX(Jesper!AI$2:AI$366,ROUNDDOWN($C4328/24,0)+1,1))-1)+IF('Standard Profiles'!$G$19=$B$10,7,0)+IF('Standard Profiles'!$G$19=$B$17,14,0)+IF('Standard Profiles'!$G$19=$B$24,21,0),0)),0)</f>
        <v>0</v>
      </c>
      <c r="F4328" cm="1">
        <f t="array" ref="F4328">IFERROR(INDEX(Jesper!AJ$2:AJ$366,ROUNDDOWN($C4328/24,0)+1,1)*INDEX($D$3:$AA$30,INDEX(Jesper!$R$2:$R$366,ROW(INDEX(Jesper!AJ$2:AJ$366,ROUNDDOWN($C4328/24,0)+1,1))-1)+IF('Standard Profiles'!$G$20=$B$10,7,0)+IF('Standard Profiles'!$G$20=$B$17,14,0)+IF('Standard Profiles'!$G$20=$B$24,21,0),MOD($C4328,24)+1)/SUM(INDEX($D$3:$AA$30,INDEX(Jesper!$R$2:$R$366,ROW(INDEX(Jesper!AJ$2:AJ$366,ROUNDDOWN($C4328/24,0)+1,1))-1)+IF('Standard Profiles'!$G$20=$B$10,7,0)+IF('Standard Profiles'!$G$20=$B$17,14,0)+IF('Standard Profiles'!$G$20=$B$24,21,0),0)),0)</f>
        <v>0</v>
      </c>
      <c r="G4328" cm="1">
        <f t="array" ref="G4328">IFERROR(INDEX(Jesper!AK$2:AK$366,ROUNDDOWN($C4328/24,0)+1,1)*INDEX($D$3:$AA$30,INDEX(Jesper!$R$2:$R$366,ROW(INDEX(Jesper!AK$2:AK$366,ROUNDDOWN($C4328/24,0)+1,1))-1)+IF('Standard Profiles'!$G$21=$B$10,7,0)+IF('Standard Profiles'!$G$21=$B$17,14,0)+IF('Standard Profiles'!$G$21=$B$24,21,0),MOD($C4328,24)+1)/SUM(INDEX($D$3:$AA$30,INDEX(Jesper!$R$2:$R$366,ROW(INDEX(Jesper!AK$2:AK$366,ROUNDDOWN($C4328/24,0)+1,1))-1)+IF('Standard Profiles'!$G$21=$B$10,7,0)+IF('Standard Profiles'!$G$21=$B$17,14,0)+IF('Standard Profiles'!$G$21=$B$24,21,0),0)),0)</f>
        <v>0</v>
      </c>
      <c r="H4328" cm="1">
        <f t="array" ref="H4328">IFERROR(INDEX(Jesper!AL$2:AL$366,ROUNDDOWN($C4328/24,0)+1,1)*INDEX($D$3:$AA$30,INDEX(Jesper!$R$2:$R$366,ROW(INDEX(Jesper!AL$2:AL$366,ROUNDDOWN($C4328/24,0)+1,1))-1)+IF('Standard Profiles'!$G$22=$B$10,7,0)+IF('Standard Profiles'!$G$22=$B$17,14,0)+IF('Standard Profiles'!$G$22=$B$24,21,0),MOD($C4328,24)+1)/SUM(INDEX($D$3:$AA$30,INDEX(Jesper!$R$2:$R$366,ROW(INDEX(Jesper!AL$2:AL$366,ROUNDDOWN($C4328/24,0)+1,1))-1)+IF('Standard Profiles'!$G$22=$B$10,7,0)+IF('Standard Profiles'!$G$22=$B$17,14,0)+IF('Standard Profiles'!$G$22=$B$24,21,0),0)),0)</f>
        <v>0</v>
      </c>
      <c r="I4328">
        <f t="shared" si="489"/>
        <v>0.20129512374039077</v>
      </c>
      <c r="J4328">
        <f t="shared" si="490"/>
        <v>0.6709837458013026</v>
      </c>
      <c r="K4328">
        <f t="shared" si="491"/>
        <v>1.0064756187019539</v>
      </c>
      <c r="L4328">
        <f t="shared" si="492"/>
        <v>4.8310829697693789</v>
      </c>
      <c r="M4328">
        <f t="shared" si="493"/>
        <v>0</v>
      </c>
      <c r="N4328" s="46">
        <f t="shared" si="494"/>
        <v>45470.916666656252</v>
      </c>
    </row>
    <row r="4329" spans="2:14" x14ac:dyDescent="0.3">
      <c r="B4329">
        <f t="shared" si="488"/>
        <v>4</v>
      </c>
      <c r="C4329" s="16">
        <v>4295</v>
      </c>
      <c r="D4329" cm="1">
        <f t="array" ref="D4329">IFERROR(INDEX(Jesper!AH$2:AH$366,ROUNDDOWN($C4329/24,0)+1,1)*INDEX($D$3:$AA$30,INDEX(Jesper!$R$2:$R$366,ROW(INDEX(Jesper!AH$2:AH$366,ROUNDDOWN($C4329/24,0)+1,1))-1)+IF('Standard Profiles'!$G$18=$B$10,7,0)+IF('Standard Profiles'!$G$18=$B$17,14,0)+IF('Standard Profiles'!$G$18=$B$24,21,0),MOD($C4329,24)+1)/SUM(INDEX($D$3:$AA$30,INDEX(Jesper!$R$2:$R$366,ROW(INDEX(Jesper!AH$2:AH$366,ROUNDDOWN($C4329/24,0)+1,1))-1)+IF('Standard Profiles'!$G$18=$B$10,7,0)+IF('Standard Profiles'!$G$18=$B$17,14,0)+IF('Standard Profiles'!$G$18=$B$24,21,0),0)),0)</f>
        <v>6.709837458013026</v>
      </c>
      <c r="E4329" cm="1">
        <f t="array" ref="E4329">IFERROR(INDEX(Jesper!AI$2:AI$366,ROUNDDOWN($C4329/24,0)+1,1)*INDEX($D$3:$AA$30,INDEX(Jesper!$R$2:$R$366,ROW(INDEX(Jesper!AI$2:AI$366,ROUNDDOWN($C4329/24,0)+1,1))-1)+IF('Standard Profiles'!$G$19=$B$10,7,0)+IF('Standard Profiles'!$G$19=$B$17,14,0)+IF('Standard Profiles'!$G$19=$B$24,21,0),MOD($C4329,24)+1)/SUM(INDEX($D$3:$AA$30,INDEX(Jesper!$R$2:$R$366,ROW(INDEX(Jesper!AI$2:AI$366,ROUNDDOWN($C4329/24,0)+1,1))-1)+IF('Standard Profiles'!$G$19=$B$10,7,0)+IF('Standard Profiles'!$G$19=$B$17,14,0)+IF('Standard Profiles'!$G$19=$B$24,21,0),0)),0)</f>
        <v>0</v>
      </c>
      <c r="F4329" cm="1">
        <f t="array" ref="F4329">IFERROR(INDEX(Jesper!AJ$2:AJ$366,ROUNDDOWN($C4329/24,0)+1,1)*INDEX($D$3:$AA$30,INDEX(Jesper!$R$2:$R$366,ROW(INDEX(Jesper!AJ$2:AJ$366,ROUNDDOWN($C4329/24,0)+1,1))-1)+IF('Standard Profiles'!$G$20=$B$10,7,0)+IF('Standard Profiles'!$G$20=$B$17,14,0)+IF('Standard Profiles'!$G$20=$B$24,21,0),MOD($C4329,24)+1)/SUM(INDEX($D$3:$AA$30,INDEX(Jesper!$R$2:$R$366,ROW(INDEX(Jesper!AJ$2:AJ$366,ROUNDDOWN($C4329/24,0)+1,1))-1)+IF('Standard Profiles'!$G$20=$B$10,7,0)+IF('Standard Profiles'!$G$20=$B$17,14,0)+IF('Standard Profiles'!$G$20=$B$24,21,0),0)),0)</f>
        <v>0</v>
      </c>
      <c r="G4329" cm="1">
        <f t="array" ref="G4329">IFERROR(INDEX(Jesper!AK$2:AK$366,ROUNDDOWN($C4329/24,0)+1,1)*INDEX($D$3:$AA$30,INDEX(Jesper!$R$2:$R$366,ROW(INDEX(Jesper!AK$2:AK$366,ROUNDDOWN($C4329/24,0)+1,1))-1)+IF('Standard Profiles'!$G$21=$B$10,7,0)+IF('Standard Profiles'!$G$21=$B$17,14,0)+IF('Standard Profiles'!$G$21=$B$24,21,0),MOD($C4329,24)+1)/SUM(INDEX($D$3:$AA$30,INDEX(Jesper!$R$2:$R$366,ROW(INDEX(Jesper!AK$2:AK$366,ROUNDDOWN($C4329/24,0)+1,1))-1)+IF('Standard Profiles'!$G$21=$B$10,7,0)+IF('Standard Profiles'!$G$21=$B$17,14,0)+IF('Standard Profiles'!$G$21=$B$24,21,0),0)),0)</f>
        <v>0</v>
      </c>
      <c r="H4329" cm="1">
        <f t="array" ref="H4329">IFERROR(INDEX(Jesper!AL$2:AL$366,ROUNDDOWN($C4329/24,0)+1,1)*INDEX($D$3:$AA$30,INDEX(Jesper!$R$2:$R$366,ROW(INDEX(Jesper!AL$2:AL$366,ROUNDDOWN($C4329/24,0)+1,1))-1)+IF('Standard Profiles'!$G$22=$B$10,7,0)+IF('Standard Profiles'!$G$22=$B$17,14,0)+IF('Standard Profiles'!$G$22=$B$24,21,0),MOD($C4329,24)+1)/SUM(INDEX($D$3:$AA$30,INDEX(Jesper!$R$2:$R$366,ROW(INDEX(Jesper!AL$2:AL$366,ROUNDDOWN($C4329/24,0)+1,1))-1)+IF('Standard Profiles'!$G$22=$B$10,7,0)+IF('Standard Profiles'!$G$22=$B$17,14,0)+IF('Standard Profiles'!$G$22=$B$24,21,0),0)),0)</f>
        <v>0</v>
      </c>
      <c r="I4329">
        <f t="shared" si="489"/>
        <v>0.20129512374039077</v>
      </c>
      <c r="J4329">
        <f t="shared" si="490"/>
        <v>0.6709837458013026</v>
      </c>
      <c r="K4329">
        <f t="shared" si="491"/>
        <v>1.0064756187019539</v>
      </c>
      <c r="L4329">
        <f t="shared" si="492"/>
        <v>4.8310829697693789</v>
      </c>
      <c r="M4329">
        <f t="shared" si="493"/>
        <v>0</v>
      </c>
      <c r="N4329" s="46">
        <f t="shared" si="494"/>
        <v>45470.958333322917</v>
      </c>
    </row>
    <row r="4330" spans="2:14" x14ac:dyDescent="0.3">
      <c r="B4330">
        <f t="shared" si="488"/>
        <v>5</v>
      </c>
      <c r="C4330" s="16">
        <v>4296</v>
      </c>
      <c r="D4330" cm="1">
        <f t="array" ref="D4330">IFERROR(INDEX(Jesper!AH$2:AH$366,ROUNDDOWN($C4330/24,0)+1,1)*INDEX($D$3:$AA$30,INDEX(Jesper!$R$2:$R$366,ROW(INDEX(Jesper!AH$2:AH$366,ROUNDDOWN($C4330/24,0)+1,1))-1)+IF('Standard Profiles'!$G$18=$B$10,7,0)+IF('Standard Profiles'!$G$18=$B$17,14,0)+IF('Standard Profiles'!$G$18=$B$24,21,0),MOD($C4330,24)+1)/SUM(INDEX($D$3:$AA$30,INDEX(Jesper!$R$2:$R$366,ROW(INDEX(Jesper!AH$2:AH$366,ROUNDDOWN($C4330/24,0)+1,1))-1)+IF('Standard Profiles'!$G$18=$B$10,7,0)+IF('Standard Profiles'!$G$18=$B$17,14,0)+IF('Standard Profiles'!$G$18=$B$24,21,0),0)),0)</f>
        <v>7.6301108805847084</v>
      </c>
      <c r="E4330" cm="1">
        <f t="array" ref="E4330">IFERROR(INDEX(Jesper!AI$2:AI$366,ROUNDDOWN($C4330/24,0)+1,1)*INDEX($D$3:$AA$30,INDEX(Jesper!$R$2:$R$366,ROW(INDEX(Jesper!AI$2:AI$366,ROUNDDOWN($C4330/24,0)+1,1))-1)+IF('Standard Profiles'!$G$19=$B$10,7,0)+IF('Standard Profiles'!$G$19=$B$17,14,0)+IF('Standard Profiles'!$G$19=$B$24,21,0),MOD($C4330,24)+1)/SUM(INDEX($D$3:$AA$30,INDEX(Jesper!$R$2:$R$366,ROW(INDEX(Jesper!AI$2:AI$366,ROUNDDOWN($C4330/24,0)+1,1))-1)+IF('Standard Profiles'!$G$19=$B$10,7,0)+IF('Standard Profiles'!$G$19=$B$17,14,0)+IF('Standard Profiles'!$G$19=$B$24,21,0),0)),0)</f>
        <v>0</v>
      </c>
      <c r="F4330" cm="1">
        <f t="array" ref="F4330">IFERROR(INDEX(Jesper!AJ$2:AJ$366,ROUNDDOWN($C4330/24,0)+1,1)*INDEX($D$3:$AA$30,INDEX(Jesper!$R$2:$R$366,ROW(INDEX(Jesper!AJ$2:AJ$366,ROUNDDOWN($C4330/24,0)+1,1))-1)+IF('Standard Profiles'!$G$20=$B$10,7,0)+IF('Standard Profiles'!$G$20=$B$17,14,0)+IF('Standard Profiles'!$G$20=$B$24,21,0),MOD($C4330,24)+1)/SUM(INDEX($D$3:$AA$30,INDEX(Jesper!$R$2:$R$366,ROW(INDEX(Jesper!AJ$2:AJ$366,ROUNDDOWN($C4330/24,0)+1,1))-1)+IF('Standard Profiles'!$G$20=$B$10,7,0)+IF('Standard Profiles'!$G$20=$B$17,14,0)+IF('Standard Profiles'!$G$20=$B$24,21,0),0)),0)</f>
        <v>0</v>
      </c>
      <c r="G4330" cm="1">
        <f t="array" ref="G4330">IFERROR(INDEX(Jesper!AK$2:AK$366,ROUNDDOWN($C4330/24,0)+1,1)*INDEX($D$3:$AA$30,INDEX(Jesper!$R$2:$R$366,ROW(INDEX(Jesper!AK$2:AK$366,ROUNDDOWN($C4330/24,0)+1,1))-1)+IF('Standard Profiles'!$G$21=$B$10,7,0)+IF('Standard Profiles'!$G$21=$B$17,14,0)+IF('Standard Profiles'!$G$21=$B$24,21,0),MOD($C4330,24)+1)/SUM(INDEX($D$3:$AA$30,INDEX(Jesper!$R$2:$R$366,ROW(INDEX(Jesper!AK$2:AK$366,ROUNDDOWN($C4330/24,0)+1,1))-1)+IF('Standard Profiles'!$G$21=$B$10,7,0)+IF('Standard Profiles'!$G$21=$B$17,14,0)+IF('Standard Profiles'!$G$21=$B$24,21,0),0)),0)</f>
        <v>0</v>
      </c>
      <c r="H4330" cm="1">
        <f t="array" ref="H4330">IFERROR(INDEX(Jesper!AL$2:AL$366,ROUNDDOWN($C4330/24,0)+1,1)*INDEX($D$3:$AA$30,INDEX(Jesper!$R$2:$R$366,ROW(INDEX(Jesper!AL$2:AL$366,ROUNDDOWN($C4330/24,0)+1,1))-1)+IF('Standard Profiles'!$G$22=$B$10,7,0)+IF('Standard Profiles'!$G$22=$B$17,14,0)+IF('Standard Profiles'!$G$22=$B$24,21,0),MOD($C4330,24)+1)/SUM(INDEX($D$3:$AA$30,INDEX(Jesper!$R$2:$R$366,ROW(INDEX(Jesper!AL$2:AL$366,ROUNDDOWN($C4330/24,0)+1,1))-1)+IF('Standard Profiles'!$G$22=$B$10,7,0)+IF('Standard Profiles'!$G$22=$B$17,14,0)+IF('Standard Profiles'!$G$22=$B$24,21,0),0)),0)</f>
        <v>0</v>
      </c>
      <c r="I4330">
        <f t="shared" si="489"/>
        <v>0.22890332641754124</v>
      </c>
      <c r="J4330">
        <f t="shared" si="490"/>
        <v>0.76301108805847084</v>
      </c>
      <c r="K4330">
        <f t="shared" si="491"/>
        <v>1.1445166320877063</v>
      </c>
      <c r="L4330">
        <f t="shared" si="492"/>
        <v>5.4936798340209902</v>
      </c>
      <c r="M4330">
        <f t="shared" si="493"/>
        <v>0</v>
      </c>
      <c r="N4330" s="46">
        <f t="shared" si="494"/>
        <v>45470.999999989581</v>
      </c>
    </row>
    <row r="4331" spans="2:14" x14ac:dyDescent="0.3">
      <c r="B4331">
        <f t="shared" si="488"/>
        <v>5</v>
      </c>
      <c r="C4331" s="16">
        <v>4297</v>
      </c>
      <c r="D4331" cm="1">
        <f t="array" ref="D4331">IFERROR(INDEX(Jesper!AH$2:AH$366,ROUNDDOWN($C4331/24,0)+1,1)*INDEX($D$3:$AA$30,INDEX(Jesper!$R$2:$R$366,ROW(INDEX(Jesper!AH$2:AH$366,ROUNDDOWN($C4331/24,0)+1,1))-1)+IF('Standard Profiles'!$G$18=$B$10,7,0)+IF('Standard Profiles'!$G$18=$B$17,14,0)+IF('Standard Profiles'!$G$18=$B$24,21,0),MOD($C4331,24)+1)/SUM(INDEX($D$3:$AA$30,INDEX(Jesper!$R$2:$R$366,ROW(INDEX(Jesper!AH$2:AH$366,ROUNDDOWN($C4331/24,0)+1,1))-1)+IF('Standard Profiles'!$G$18=$B$10,7,0)+IF('Standard Profiles'!$G$18=$B$17,14,0)+IF('Standard Profiles'!$G$18=$B$24,21,0),0)),0)</f>
        <v>7.6301108805847084</v>
      </c>
      <c r="E4331" cm="1">
        <f t="array" ref="E4331">IFERROR(INDEX(Jesper!AI$2:AI$366,ROUNDDOWN($C4331/24,0)+1,1)*INDEX($D$3:$AA$30,INDEX(Jesper!$R$2:$R$366,ROW(INDEX(Jesper!AI$2:AI$366,ROUNDDOWN($C4331/24,0)+1,1))-1)+IF('Standard Profiles'!$G$19=$B$10,7,0)+IF('Standard Profiles'!$G$19=$B$17,14,0)+IF('Standard Profiles'!$G$19=$B$24,21,0),MOD($C4331,24)+1)/SUM(INDEX($D$3:$AA$30,INDEX(Jesper!$R$2:$R$366,ROW(INDEX(Jesper!AI$2:AI$366,ROUNDDOWN($C4331/24,0)+1,1))-1)+IF('Standard Profiles'!$G$19=$B$10,7,0)+IF('Standard Profiles'!$G$19=$B$17,14,0)+IF('Standard Profiles'!$G$19=$B$24,21,0),0)),0)</f>
        <v>0</v>
      </c>
      <c r="F4331" cm="1">
        <f t="array" ref="F4331">IFERROR(INDEX(Jesper!AJ$2:AJ$366,ROUNDDOWN($C4331/24,0)+1,1)*INDEX($D$3:$AA$30,INDEX(Jesper!$R$2:$R$366,ROW(INDEX(Jesper!AJ$2:AJ$366,ROUNDDOWN($C4331/24,0)+1,1))-1)+IF('Standard Profiles'!$G$20=$B$10,7,0)+IF('Standard Profiles'!$G$20=$B$17,14,0)+IF('Standard Profiles'!$G$20=$B$24,21,0),MOD($C4331,24)+1)/SUM(INDEX($D$3:$AA$30,INDEX(Jesper!$R$2:$R$366,ROW(INDEX(Jesper!AJ$2:AJ$366,ROUNDDOWN($C4331/24,0)+1,1))-1)+IF('Standard Profiles'!$G$20=$B$10,7,0)+IF('Standard Profiles'!$G$20=$B$17,14,0)+IF('Standard Profiles'!$G$20=$B$24,21,0),0)),0)</f>
        <v>0</v>
      </c>
      <c r="G4331" cm="1">
        <f t="array" ref="G4331">IFERROR(INDEX(Jesper!AK$2:AK$366,ROUNDDOWN($C4331/24,0)+1,1)*INDEX($D$3:$AA$30,INDEX(Jesper!$R$2:$R$366,ROW(INDEX(Jesper!AK$2:AK$366,ROUNDDOWN($C4331/24,0)+1,1))-1)+IF('Standard Profiles'!$G$21=$B$10,7,0)+IF('Standard Profiles'!$G$21=$B$17,14,0)+IF('Standard Profiles'!$G$21=$B$24,21,0),MOD($C4331,24)+1)/SUM(INDEX($D$3:$AA$30,INDEX(Jesper!$R$2:$R$366,ROW(INDEX(Jesper!AK$2:AK$366,ROUNDDOWN($C4331/24,0)+1,1))-1)+IF('Standard Profiles'!$G$21=$B$10,7,0)+IF('Standard Profiles'!$G$21=$B$17,14,0)+IF('Standard Profiles'!$G$21=$B$24,21,0),0)),0)</f>
        <v>0</v>
      </c>
      <c r="H4331" cm="1">
        <f t="array" ref="H4331">IFERROR(INDEX(Jesper!AL$2:AL$366,ROUNDDOWN($C4331/24,0)+1,1)*INDEX($D$3:$AA$30,INDEX(Jesper!$R$2:$R$366,ROW(INDEX(Jesper!AL$2:AL$366,ROUNDDOWN($C4331/24,0)+1,1))-1)+IF('Standard Profiles'!$G$22=$B$10,7,0)+IF('Standard Profiles'!$G$22=$B$17,14,0)+IF('Standard Profiles'!$G$22=$B$24,21,0),MOD($C4331,24)+1)/SUM(INDEX($D$3:$AA$30,INDEX(Jesper!$R$2:$R$366,ROW(INDEX(Jesper!AL$2:AL$366,ROUNDDOWN($C4331/24,0)+1,1))-1)+IF('Standard Profiles'!$G$22=$B$10,7,0)+IF('Standard Profiles'!$G$22=$B$17,14,0)+IF('Standard Profiles'!$G$22=$B$24,21,0),0)),0)</f>
        <v>0</v>
      </c>
      <c r="I4331">
        <f t="shared" si="489"/>
        <v>0.22890332641754124</v>
      </c>
      <c r="J4331">
        <f t="shared" si="490"/>
        <v>0.76301108805847084</v>
      </c>
      <c r="K4331">
        <f t="shared" si="491"/>
        <v>1.1445166320877063</v>
      </c>
      <c r="L4331">
        <f t="shared" si="492"/>
        <v>5.4936798340209902</v>
      </c>
      <c r="M4331">
        <f t="shared" si="493"/>
        <v>0</v>
      </c>
      <c r="N4331" s="46">
        <f t="shared" si="494"/>
        <v>45471.041666656245</v>
      </c>
    </row>
    <row r="4332" spans="2:14" x14ac:dyDescent="0.3">
      <c r="B4332">
        <f t="shared" si="488"/>
        <v>5</v>
      </c>
      <c r="C4332" s="16">
        <v>4298</v>
      </c>
      <c r="D4332" cm="1">
        <f t="array" ref="D4332">IFERROR(INDEX(Jesper!AH$2:AH$366,ROUNDDOWN($C4332/24,0)+1,1)*INDEX($D$3:$AA$30,INDEX(Jesper!$R$2:$R$366,ROW(INDEX(Jesper!AH$2:AH$366,ROUNDDOWN($C4332/24,0)+1,1))-1)+IF('Standard Profiles'!$G$18=$B$10,7,0)+IF('Standard Profiles'!$G$18=$B$17,14,0)+IF('Standard Profiles'!$G$18=$B$24,21,0),MOD($C4332,24)+1)/SUM(INDEX($D$3:$AA$30,INDEX(Jesper!$R$2:$R$366,ROW(INDEX(Jesper!AH$2:AH$366,ROUNDDOWN($C4332/24,0)+1,1))-1)+IF('Standard Profiles'!$G$18=$B$10,7,0)+IF('Standard Profiles'!$G$18=$B$17,14,0)+IF('Standard Profiles'!$G$18=$B$24,21,0),0)),0)</f>
        <v>7.6301108805847084</v>
      </c>
      <c r="E4332" cm="1">
        <f t="array" ref="E4332">IFERROR(INDEX(Jesper!AI$2:AI$366,ROUNDDOWN($C4332/24,0)+1,1)*INDEX($D$3:$AA$30,INDEX(Jesper!$R$2:$R$366,ROW(INDEX(Jesper!AI$2:AI$366,ROUNDDOWN($C4332/24,0)+1,1))-1)+IF('Standard Profiles'!$G$19=$B$10,7,0)+IF('Standard Profiles'!$G$19=$B$17,14,0)+IF('Standard Profiles'!$G$19=$B$24,21,0),MOD($C4332,24)+1)/SUM(INDEX($D$3:$AA$30,INDEX(Jesper!$R$2:$R$366,ROW(INDEX(Jesper!AI$2:AI$366,ROUNDDOWN($C4332/24,0)+1,1))-1)+IF('Standard Profiles'!$G$19=$B$10,7,0)+IF('Standard Profiles'!$G$19=$B$17,14,0)+IF('Standard Profiles'!$G$19=$B$24,21,0),0)),0)</f>
        <v>0</v>
      </c>
      <c r="F4332" cm="1">
        <f t="array" ref="F4332">IFERROR(INDEX(Jesper!AJ$2:AJ$366,ROUNDDOWN($C4332/24,0)+1,1)*INDEX($D$3:$AA$30,INDEX(Jesper!$R$2:$R$366,ROW(INDEX(Jesper!AJ$2:AJ$366,ROUNDDOWN($C4332/24,0)+1,1))-1)+IF('Standard Profiles'!$G$20=$B$10,7,0)+IF('Standard Profiles'!$G$20=$B$17,14,0)+IF('Standard Profiles'!$G$20=$B$24,21,0),MOD($C4332,24)+1)/SUM(INDEX($D$3:$AA$30,INDEX(Jesper!$R$2:$R$366,ROW(INDEX(Jesper!AJ$2:AJ$366,ROUNDDOWN($C4332/24,0)+1,1))-1)+IF('Standard Profiles'!$G$20=$B$10,7,0)+IF('Standard Profiles'!$G$20=$B$17,14,0)+IF('Standard Profiles'!$G$20=$B$24,21,0),0)),0)</f>
        <v>0</v>
      </c>
      <c r="G4332" cm="1">
        <f t="array" ref="G4332">IFERROR(INDEX(Jesper!AK$2:AK$366,ROUNDDOWN($C4332/24,0)+1,1)*INDEX($D$3:$AA$30,INDEX(Jesper!$R$2:$R$366,ROW(INDEX(Jesper!AK$2:AK$366,ROUNDDOWN($C4332/24,0)+1,1))-1)+IF('Standard Profiles'!$G$21=$B$10,7,0)+IF('Standard Profiles'!$G$21=$B$17,14,0)+IF('Standard Profiles'!$G$21=$B$24,21,0),MOD($C4332,24)+1)/SUM(INDEX($D$3:$AA$30,INDEX(Jesper!$R$2:$R$366,ROW(INDEX(Jesper!AK$2:AK$366,ROUNDDOWN($C4332/24,0)+1,1))-1)+IF('Standard Profiles'!$G$21=$B$10,7,0)+IF('Standard Profiles'!$G$21=$B$17,14,0)+IF('Standard Profiles'!$G$21=$B$24,21,0),0)),0)</f>
        <v>0</v>
      </c>
      <c r="H4332" cm="1">
        <f t="array" ref="H4332">IFERROR(INDEX(Jesper!AL$2:AL$366,ROUNDDOWN($C4332/24,0)+1,1)*INDEX($D$3:$AA$30,INDEX(Jesper!$R$2:$R$366,ROW(INDEX(Jesper!AL$2:AL$366,ROUNDDOWN($C4332/24,0)+1,1))-1)+IF('Standard Profiles'!$G$22=$B$10,7,0)+IF('Standard Profiles'!$G$22=$B$17,14,0)+IF('Standard Profiles'!$G$22=$B$24,21,0),MOD($C4332,24)+1)/SUM(INDEX($D$3:$AA$30,INDEX(Jesper!$R$2:$R$366,ROW(INDEX(Jesper!AL$2:AL$366,ROUNDDOWN($C4332/24,0)+1,1))-1)+IF('Standard Profiles'!$G$22=$B$10,7,0)+IF('Standard Profiles'!$G$22=$B$17,14,0)+IF('Standard Profiles'!$G$22=$B$24,21,0),0)),0)</f>
        <v>0</v>
      </c>
      <c r="I4332">
        <f t="shared" si="489"/>
        <v>0.22890332641754124</v>
      </c>
      <c r="J4332">
        <f t="shared" si="490"/>
        <v>0.76301108805847084</v>
      </c>
      <c r="K4332">
        <f t="shared" si="491"/>
        <v>1.1445166320877063</v>
      </c>
      <c r="L4332">
        <f t="shared" si="492"/>
        <v>5.4936798340209902</v>
      </c>
      <c r="M4332">
        <f t="shared" si="493"/>
        <v>0</v>
      </c>
      <c r="N4332" s="46">
        <f t="shared" si="494"/>
        <v>45471.083333322909</v>
      </c>
    </row>
    <row r="4333" spans="2:14" x14ac:dyDescent="0.3">
      <c r="B4333">
        <f t="shared" si="488"/>
        <v>5</v>
      </c>
      <c r="C4333" s="16">
        <v>4299</v>
      </c>
      <c r="D4333" cm="1">
        <f t="array" ref="D4333">IFERROR(INDEX(Jesper!AH$2:AH$366,ROUNDDOWN($C4333/24,0)+1,1)*INDEX($D$3:$AA$30,INDEX(Jesper!$R$2:$R$366,ROW(INDEX(Jesper!AH$2:AH$366,ROUNDDOWN($C4333/24,0)+1,1))-1)+IF('Standard Profiles'!$G$18=$B$10,7,0)+IF('Standard Profiles'!$G$18=$B$17,14,0)+IF('Standard Profiles'!$G$18=$B$24,21,0),MOD($C4333,24)+1)/SUM(INDEX($D$3:$AA$30,INDEX(Jesper!$R$2:$R$366,ROW(INDEX(Jesper!AH$2:AH$366,ROUNDDOWN($C4333/24,0)+1,1))-1)+IF('Standard Profiles'!$G$18=$B$10,7,0)+IF('Standard Profiles'!$G$18=$B$17,14,0)+IF('Standard Profiles'!$G$18=$B$24,21,0),0)),0)</f>
        <v>7.6301108805847084</v>
      </c>
      <c r="E4333" cm="1">
        <f t="array" ref="E4333">IFERROR(INDEX(Jesper!AI$2:AI$366,ROUNDDOWN($C4333/24,0)+1,1)*INDEX($D$3:$AA$30,INDEX(Jesper!$R$2:$R$366,ROW(INDEX(Jesper!AI$2:AI$366,ROUNDDOWN($C4333/24,0)+1,1))-1)+IF('Standard Profiles'!$G$19=$B$10,7,0)+IF('Standard Profiles'!$G$19=$B$17,14,0)+IF('Standard Profiles'!$G$19=$B$24,21,0),MOD($C4333,24)+1)/SUM(INDEX($D$3:$AA$30,INDEX(Jesper!$R$2:$R$366,ROW(INDEX(Jesper!AI$2:AI$366,ROUNDDOWN($C4333/24,0)+1,1))-1)+IF('Standard Profiles'!$G$19=$B$10,7,0)+IF('Standard Profiles'!$G$19=$B$17,14,0)+IF('Standard Profiles'!$G$19=$B$24,21,0),0)),0)</f>
        <v>0</v>
      </c>
      <c r="F4333" cm="1">
        <f t="array" ref="F4333">IFERROR(INDEX(Jesper!AJ$2:AJ$366,ROUNDDOWN($C4333/24,0)+1,1)*INDEX($D$3:$AA$30,INDEX(Jesper!$R$2:$R$366,ROW(INDEX(Jesper!AJ$2:AJ$366,ROUNDDOWN($C4333/24,0)+1,1))-1)+IF('Standard Profiles'!$G$20=$B$10,7,0)+IF('Standard Profiles'!$G$20=$B$17,14,0)+IF('Standard Profiles'!$G$20=$B$24,21,0),MOD($C4333,24)+1)/SUM(INDEX($D$3:$AA$30,INDEX(Jesper!$R$2:$R$366,ROW(INDEX(Jesper!AJ$2:AJ$366,ROUNDDOWN($C4333/24,0)+1,1))-1)+IF('Standard Profiles'!$G$20=$B$10,7,0)+IF('Standard Profiles'!$G$20=$B$17,14,0)+IF('Standard Profiles'!$G$20=$B$24,21,0),0)),0)</f>
        <v>0</v>
      </c>
      <c r="G4333" cm="1">
        <f t="array" ref="G4333">IFERROR(INDEX(Jesper!AK$2:AK$366,ROUNDDOWN($C4333/24,0)+1,1)*INDEX($D$3:$AA$30,INDEX(Jesper!$R$2:$R$366,ROW(INDEX(Jesper!AK$2:AK$366,ROUNDDOWN($C4333/24,0)+1,1))-1)+IF('Standard Profiles'!$G$21=$B$10,7,0)+IF('Standard Profiles'!$G$21=$B$17,14,0)+IF('Standard Profiles'!$G$21=$B$24,21,0),MOD($C4333,24)+1)/SUM(INDEX($D$3:$AA$30,INDEX(Jesper!$R$2:$R$366,ROW(INDEX(Jesper!AK$2:AK$366,ROUNDDOWN($C4333/24,0)+1,1))-1)+IF('Standard Profiles'!$G$21=$B$10,7,0)+IF('Standard Profiles'!$G$21=$B$17,14,0)+IF('Standard Profiles'!$G$21=$B$24,21,0),0)),0)</f>
        <v>0</v>
      </c>
      <c r="H4333" cm="1">
        <f t="array" ref="H4333">IFERROR(INDEX(Jesper!AL$2:AL$366,ROUNDDOWN($C4333/24,0)+1,1)*INDEX($D$3:$AA$30,INDEX(Jesper!$R$2:$R$366,ROW(INDEX(Jesper!AL$2:AL$366,ROUNDDOWN($C4333/24,0)+1,1))-1)+IF('Standard Profiles'!$G$22=$B$10,7,0)+IF('Standard Profiles'!$G$22=$B$17,14,0)+IF('Standard Profiles'!$G$22=$B$24,21,0),MOD($C4333,24)+1)/SUM(INDEX($D$3:$AA$30,INDEX(Jesper!$R$2:$R$366,ROW(INDEX(Jesper!AL$2:AL$366,ROUNDDOWN($C4333/24,0)+1,1))-1)+IF('Standard Profiles'!$G$22=$B$10,7,0)+IF('Standard Profiles'!$G$22=$B$17,14,0)+IF('Standard Profiles'!$G$22=$B$24,21,0),0)),0)</f>
        <v>0</v>
      </c>
      <c r="I4333">
        <f t="shared" si="489"/>
        <v>0.22890332641754124</v>
      </c>
      <c r="J4333">
        <f t="shared" si="490"/>
        <v>0.76301108805847084</v>
      </c>
      <c r="K4333">
        <f t="shared" si="491"/>
        <v>1.1445166320877063</v>
      </c>
      <c r="L4333">
        <f t="shared" si="492"/>
        <v>5.4936798340209902</v>
      </c>
      <c r="M4333">
        <f t="shared" si="493"/>
        <v>0</v>
      </c>
      <c r="N4333" s="46">
        <f t="shared" si="494"/>
        <v>45471.124999989574</v>
      </c>
    </row>
    <row r="4334" spans="2:14" x14ac:dyDescent="0.3">
      <c r="B4334">
        <f t="shared" si="488"/>
        <v>5</v>
      </c>
      <c r="C4334" s="16">
        <v>4300</v>
      </c>
      <c r="D4334" cm="1">
        <f t="array" ref="D4334">IFERROR(INDEX(Jesper!AH$2:AH$366,ROUNDDOWN($C4334/24,0)+1,1)*INDEX($D$3:$AA$30,INDEX(Jesper!$R$2:$R$366,ROW(INDEX(Jesper!AH$2:AH$366,ROUNDDOWN($C4334/24,0)+1,1))-1)+IF('Standard Profiles'!$G$18=$B$10,7,0)+IF('Standard Profiles'!$G$18=$B$17,14,0)+IF('Standard Profiles'!$G$18=$B$24,21,0),MOD($C4334,24)+1)/SUM(INDEX($D$3:$AA$30,INDEX(Jesper!$R$2:$R$366,ROW(INDEX(Jesper!AH$2:AH$366,ROUNDDOWN($C4334/24,0)+1,1))-1)+IF('Standard Profiles'!$G$18=$B$10,7,0)+IF('Standard Profiles'!$G$18=$B$17,14,0)+IF('Standard Profiles'!$G$18=$B$24,21,0),0)),0)</f>
        <v>7.6301108805847084</v>
      </c>
      <c r="E4334" cm="1">
        <f t="array" ref="E4334">IFERROR(INDEX(Jesper!AI$2:AI$366,ROUNDDOWN($C4334/24,0)+1,1)*INDEX($D$3:$AA$30,INDEX(Jesper!$R$2:$R$366,ROW(INDEX(Jesper!AI$2:AI$366,ROUNDDOWN($C4334/24,0)+1,1))-1)+IF('Standard Profiles'!$G$19=$B$10,7,0)+IF('Standard Profiles'!$G$19=$B$17,14,0)+IF('Standard Profiles'!$G$19=$B$24,21,0),MOD($C4334,24)+1)/SUM(INDEX($D$3:$AA$30,INDEX(Jesper!$R$2:$R$366,ROW(INDEX(Jesper!AI$2:AI$366,ROUNDDOWN($C4334/24,0)+1,1))-1)+IF('Standard Profiles'!$G$19=$B$10,7,0)+IF('Standard Profiles'!$G$19=$B$17,14,0)+IF('Standard Profiles'!$G$19=$B$24,21,0),0)),0)</f>
        <v>0</v>
      </c>
      <c r="F4334" cm="1">
        <f t="array" ref="F4334">IFERROR(INDEX(Jesper!AJ$2:AJ$366,ROUNDDOWN($C4334/24,0)+1,1)*INDEX($D$3:$AA$30,INDEX(Jesper!$R$2:$R$366,ROW(INDEX(Jesper!AJ$2:AJ$366,ROUNDDOWN($C4334/24,0)+1,1))-1)+IF('Standard Profiles'!$G$20=$B$10,7,0)+IF('Standard Profiles'!$G$20=$B$17,14,0)+IF('Standard Profiles'!$G$20=$B$24,21,0),MOD($C4334,24)+1)/SUM(INDEX($D$3:$AA$30,INDEX(Jesper!$R$2:$R$366,ROW(INDEX(Jesper!AJ$2:AJ$366,ROUNDDOWN($C4334/24,0)+1,1))-1)+IF('Standard Profiles'!$G$20=$B$10,7,0)+IF('Standard Profiles'!$G$20=$B$17,14,0)+IF('Standard Profiles'!$G$20=$B$24,21,0),0)),0)</f>
        <v>0</v>
      </c>
      <c r="G4334" cm="1">
        <f t="array" ref="G4334">IFERROR(INDEX(Jesper!AK$2:AK$366,ROUNDDOWN($C4334/24,0)+1,1)*INDEX($D$3:$AA$30,INDEX(Jesper!$R$2:$R$366,ROW(INDEX(Jesper!AK$2:AK$366,ROUNDDOWN($C4334/24,0)+1,1))-1)+IF('Standard Profiles'!$G$21=$B$10,7,0)+IF('Standard Profiles'!$G$21=$B$17,14,0)+IF('Standard Profiles'!$G$21=$B$24,21,0),MOD($C4334,24)+1)/SUM(INDEX($D$3:$AA$30,INDEX(Jesper!$R$2:$R$366,ROW(INDEX(Jesper!AK$2:AK$366,ROUNDDOWN($C4334/24,0)+1,1))-1)+IF('Standard Profiles'!$G$21=$B$10,7,0)+IF('Standard Profiles'!$G$21=$B$17,14,0)+IF('Standard Profiles'!$G$21=$B$24,21,0),0)),0)</f>
        <v>0</v>
      </c>
      <c r="H4334" cm="1">
        <f t="array" ref="H4334">IFERROR(INDEX(Jesper!AL$2:AL$366,ROUNDDOWN($C4334/24,0)+1,1)*INDEX($D$3:$AA$30,INDEX(Jesper!$R$2:$R$366,ROW(INDEX(Jesper!AL$2:AL$366,ROUNDDOWN($C4334/24,0)+1,1))-1)+IF('Standard Profiles'!$G$22=$B$10,7,0)+IF('Standard Profiles'!$G$22=$B$17,14,0)+IF('Standard Profiles'!$G$22=$B$24,21,0),MOD($C4334,24)+1)/SUM(INDEX($D$3:$AA$30,INDEX(Jesper!$R$2:$R$366,ROW(INDEX(Jesper!AL$2:AL$366,ROUNDDOWN($C4334/24,0)+1,1))-1)+IF('Standard Profiles'!$G$22=$B$10,7,0)+IF('Standard Profiles'!$G$22=$B$17,14,0)+IF('Standard Profiles'!$G$22=$B$24,21,0),0)),0)</f>
        <v>0</v>
      </c>
      <c r="I4334">
        <f t="shared" si="489"/>
        <v>0.22890332641754124</v>
      </c>
      <c r="J4334">
        <f t="shared" si="490"/>
        <v>0.76301108805847084</v>
      </c>
      <c r="K4334">
        <f t="shared" si="491"/>
        <v>1.1445166320877063</v>
      </c>
      <c r="L4334">
        <f t="shared" si="492"/>
        <v>5.4936798340209902</v>
      </c>
      <c r="M4334">
        <f t="shared" si="493"/>
        <v>0</v>
      </c>
      <c r="N4334" s="46">
        <f t="shared" si="494"/>
        <v>45471.166666656238</v>
      </c>
    </row>
    <row r="4335" spans="2:14" x14ac:dyDescent="0.3">
      <c r="B4335">
        <f t="shared" si="488"/>
        <v>5</v>
      </c>
      <c r="C4335" s="16">
        <v>4301</v>
      </c>
      <c r="D4335" cm="1">
        <f t="array" ref="D4335">IFERROR(INDEX(Jesper!AH$2:AH$366,ROUNDDOWN($C4335/24,0)+1,1)*INDEX($D$3:$AA$30,INDEX(Jesper!$R$2:$R$366,ROW(INDEX(Jesper!AH$2:AH$366,ROUNDDOWN($C4335/24,0)+1,1))-1)+IF('Standard Profiles'!$G$18=$B$10,7,0)+IF('Standard Profiles'!$G$18=$B$17,14,0)+IF('Standard Profiles'!$G$18=$B$24,21,0),MOD($C4335,24)+1)/SUM(INDEX($D$3:$AA$30,INDEX(Jesper!$R$2:$R$366,ROW(INDEX(Jesper!AH$2:AH$366,ROUNDDOWN($C4335/24,0)+1,1))-1)+IF('Standard Profiles'!$G$18=$B$10,7,0)+IF('Standard Profiles'!$G$18=$B$17,14,0)+IF('Standard Profiles'!$G$18=$B$24,21,0),0)),0)</f>
        <v>9.8343651349758474</v>
      </c>
      <c r="E4335" cm="1">
        <f t="array" ref="E4335">IFERROR(INDEX(Jesper!AI$2:AI$366,ROUNDDOWN($C4335/24,0)+1,1)*INDEX($D$3:$AA$30,INDEX(Jesper!$R$2:$R$366,ROW(INDEX(Jesper!AI$2:AI$366,ROUNDDOWN($C4335/24,0)+1,1))-1)+IF('Standard Profiles'!$G$19=$B$10,7,0)+IF('Standard Profiles'!$G$19=$B$17,14,0)+IF('Standard Profiles'!$G$19=$B$24,21,0),MOD($C4335,24)+1)/SUM(INDEX($D$3:$AA$30,INDEX(Jesper!$R$2:$R$366,ROW(INDEX(Jesper!AI$2:AI$366,ROUNDDOWN($C4335/24,0)+1,1))-1)+IF('Standard Profiles'!$G$19=$B$10,7,0)+IF('Standard Profiles'!$G$19=$B$17,14,0)+IF('Standard Profiles'!$G$19=$B$24,21,0),0)),0)</f>
        <v>0</v>
      </c>
      <c r="F4335" cm="1">
        <f t="array" ref="F4335">IFERROR(INDEX(Jesper!AJ$2:AJ$366,ROUNDDOWN($C4335/24,0)+1,1)*INDEX($D$3:$AA$30,INDEX(Jesper!$R$2:$R$366,ROW(INDEX(Jesper!AJ$2:AJ$366,ROUNDDOWN($C4335/24,0)+1,1))-1)+IF('Standard Profiles'!$G$20=$B$10,7,0)+IF('Standard Profiles'!$G$20=$B$17,14,0)+IF('Standard Profiles'!$G$20=$B$24,21,0),MOD($C4335,24)+1)/SUM(INDEX($D$3:$AA$30,INDEX(Jesper!$R$2:$R$366,ROW(INDEX(Jesper!AJ$2:AJ$366,ROUNDDOWN($C4335/24,0)+1,1))-1)+IF('Standard Profiles'!$G$20=$B$10,7,0)+IF('Standard Profiles'!$G$20=$B$17,14,0)+IF('Standard Profiles'!$G$20=$B$24,21,0),0)),0)</f>
        <v>0</v>
      </c>
      <c r="G4335" cm="1">
        <f t="array" ref="G4335">IFERROR(INDEX(Jesper!AK$2:AK$366,ROUNDDOWN($C4335/24,0)+1,1)*INDEX($D$3:$AA$30,INDEX(Jesper!$R$2:$R$366,ROW(INDEX(Jesper!AK$2:AK$366,ROUNDDOWN($C4335/24,0)+1,1))-1)+IF('Standard Profiles'!$G$21=$B$10,7,0)+IF('Standard Profiles'!$G$21=$B$17,14,0)+IF('Standard Profiles'!$G$21=$B$24,21,0),MOD($C4335,24)+1)/SUM(INDEX($D$3:$AA$30,INDEX(Jesper!$R$2:$R$366,ROW(INDEX(Jesper!AK$2:AK$366,ROUNDDOWN($C4335/24,0)+1,1))-1)+IF('Standard Profiles'!$G$21=$B$10,7,0)+IF('Standard Profiles'!$G$21=$B$17,14,0)+IF('Standard Profiles'!$G$21=$B$24,21,0),0)),0)</f>
        <v>0</v>
      </c>
      <c r="H4335" cm="1">
        <f t="array" ref="H4335">IFERROR(INDEX(Jesper!AL$2:AL$366,ROUNDDOWN($C4335/24,0)+1,1)*INDEX($D$3:$AA$30,INDEX(Jesper!$R$2:$R$366,ROW(INDEX(Jesper!AL$2:AL$366,ROUNDDOWN($C4335/24,0)+1,1))-1)+IF('Standard Profiles'!$G$22=$B$10,7,0)+IF('Standard Profiles'!$G$22=$B$17,14,0)+IF('Standard Profiles'!$G$22=$B$24,21,0),MOD($C4335,24)+1)/SUM(INDEX($D$3:$AA$30,INDEX(Jesper!$R$2:$R$366,ROW(INDEX(Jesper!AL$2:AL$366,ROUNDDOWN($C4335/24,0)+1,1))-1)+IF('Standard Profiles'!$G$22=$B$10,7,0)+IF('Standard Profiles'!$G$22=$B$17,14,0)+IF('Standard Profiles'!$G$22=$B$24,21,0),0)),0)</f>
        <v>0</v>
      </c>
      <c r="I4335">
        <f t="shared" si="489"/>
        <v>0.29503095404927543</v>
      </c>
      <c r="J4335">
        <f t="shared" si="490"/>
        <v>0.98343651349758476</v>
      </c>
      <c r="K4335">
        <f t="shared" si="491"/>
        <v>1.475154770246377</v>
      </c>
      <c r="L4335">
        <f t="shared" si="492"/>
        <v>7.0807428971826099</v>
      </c>
      <c r="M4335">
        <f t="shared" si="493"/>
        <v>0</v>
      </c>
      <c r="N4335" s="46">
        <f t="shared" si="494"/>
        <v>45471.208333322902</v>
      </c>
    </row>
    <row r="4336" spans="2:14" x14ac:dyDescent="0.3">
      <c r="B4336">
        <f t="shared" si="488"/>
        <v>5</v>
      </c>
      <c r="C4336" s="16">
        <v>4302</v>
      </c>
      <c r="D4336" cm="1">
        <f t="array" ref="D4336">IFERROR(INDEX(Jesper!AH$2:AH$366,ROUNDDOWN($C4336/24,0)+1,1)*INDEX($D$3:$AA$30,INDEX(Jesper!$R$2:$R$366,ROW(INDEX(Jesper!AH$2:AH$366,ROUNDDOWN($C4336/24,0)+1,1))-1)+IF('Standard Profiles'!$G$18=$B$10,7,0)+IF('Standard Profiles'!$G$18=$B$17,14,0)+IF('Standard Profiles'!$G$18=$B$24,21,0),MOD($C4336,24)+1)/SUM(INDEX($D$3:$AA$30,INDEX(Jesper!$R$2:$R$366,ROW(INDEX(Jesper!AH$2:AH$366,ROUNDDOWN($C4336/24,0)+1,1))-1)+IF('Standard Profiles'!$G$18=$B$10,7,0)+IF('Standard Profiles'!$G$18=$B$17,14,0)+IF('Standard Profiles'!$G$18=$B$24,21,0),0)),0)</f>
        <v>11.869061369798436</v>
      </c>
      <c r="E4336" cm="1">
        <f t="array" ref="E4336">IFERROR(INDEX(Jesper!AI$2:AI$366,ROUNDDOWN($C4336/24,0)+1,1)*INDEX($D$3:$AA$30,INDEX(Jesper!$R$2:$R$366,ROW(INDEX(Jesper!AI$2:AI$366,ROUNDDOWN($C4336/24,0)+1,1))-1)+IF('Standard Profiles'!$G$19=$B$10,7,0)+IF('Standard Profiles'!$G$19=$B$17,14,0)+IF('Standard Profiles'!$G$19=$B$24,21,0),MOD($C4336,24)+1)/SUM(INDEX($D$3:$AA$30,INDEX(Jesper!$R$2:$R$366,ROW(INDEX(Jesper!AI$2:AI$366,ROUNDDOWN($C4336/24,0)+1,1))-1)+IF('Standard Profiles'!$G$19=$B$10,7,0)+IF('Standard Profiles'!$G$19=$B$17,14,0)+IF('Standard Profiles'!$G$19=$B$24,21,0),0)),0)</f>
        <v>0</v>
      </c>
      <c r="F4336" cm="1">
        <f t="array" ref="F4336">IFERROR(INDEX(Jesper!AJ$2:AJ$366,ROUNDDOWN($C4336/24,0)+1,1)*INDEX($D$3:$AA$30,INDEX(Jesper!$R$2:$R$366,ROW(INDEX(Jesper!AJ$2:AJ$366,ROUNDDOWN($C4336/24,0)+1,1))-1)+IF('Standard Profiles'!$G$20=$B$10,7,0)+IF('Standard Profiles'!$G$20=$B$17,14,0)+IF('Standard Profiles'!$G$20=$B$24,21,0),MOD($C4336,24)+1)/SUM(INDEX($D$3:$AA$30,INDEX(Jesper!$R$2:$R$366,ROW(INDEX(Jesper!AJ$2:AJ$366,ROUNDDOWN($C4336/24,0)+1,1))-1)+IF('Standard Profiles'!$G$20=$B$10,7,0)+IF('Standard Profiles'!$G$20=$B$17,14,0)+IF('Standard Profiles'!$G$20=$B$24,21,0),0)),0)</f>
        <v>0</v>
      </c>
      <c r="G4336" cm="1">
        <f t="array" ref="G4336">IFERROR(INDEX(Jesper!AK$2:AK$366,ROUNDDOWN($C4336/24,0)+1,1)*INDEX($D$3:$AA$30,INDEX(Jesper!$R$2:$R$366,ROW(INDEX(Jesper!AK$2:AK$366,ROUNDDOWN($C4336/24,0)+1,1))-1)+IF('Standard Profiles'!$G$21=$B$10,7,0)+IF('Standard Profiles'!$G$21=$B$17,14,0)+IF('Standard Profiles'!$G$21=$B$24,21,0),MOD($C4336,24)+1)/SUM(INDEX($D$3:$AA$30,INDEX(Jesper!$R$2:$R$366,ROW(INDEX(Jesper!AK$2:AK$366,ROUNDDOWN($C4336/24,0)+1,1))-1)+IF('Standard Profiles'!$G$21=$B$10,7,0)+IF('Standard Profiles'!$G$21=$B$17,14,0)+IF('Standard Profiles'!$G$21=$B$24,21,0),0)),0)</f>
        <v>0</v>
      </c>
      <c r="H4336" cm="1">
        <f t="array" ref="H4336">IFERROR(INDEX(Jesper!AL$2:AL$366,ROUNDDOWN($C4336/24,0)+1,1)*INDEX($D$3:$AA$30,INDEX(Jesper!$R$2:$R$366,ROW(INDEX(Jesper!AL$2:AL$366,ROUNDDOWN($C4336/24,0)+1,1))-1)+IF('Standard Profiles'!$G$22=$B$10,7,0)+IF('Standard Profiles'!$G$22=$B$17,14,0)+IF('Standard Profiles'!$G$22=$B$24,21,0),MOD($C4336,24)+1)/SUM(INDEX($D$3:$AA$30,INDEX(Jesper!$R$2:$R$366,ROW(INDEX(Jesper!AL$2:AL$366,ROUNDDOWN($C4336/24,0)+1,1))-1)+IF('Standard Profiles'!$G$22=$B$10,7,0)+IF('Standard Profiles'!$G$22=$B$17,14,0)+IF('Standard Profiles'!$G$22=$B$24,21,0),0)),0)</f>
        <v>0</v>
      </c>
      <c r="I4336">
        <f t="shared" si="489"/>
        <v>0.35607184109395307</v>
      </c>
      <c r="J4336">
        <f t="shared" si="490"/>
        <v>1.1869061369798437</v>
      </c>
      <c r="K4336">
        <f t="shared" si="491"/>
        <v>1.7803592054697652</v>
      </c>
      <c r="L4336">
        <f t="shared" si="492"/>
        <v>8.5457241862548727</v>
      </c>
      <c r="M4336">
        <f t="shared" si="493"/>
        <v>0</v>
      </c>
      <c r="N4336" s="46">
        <f t="shared" si="494"/>
        <v>45471.249999989566</v>
      </c>
    </row>
    <row r="4337" spans="2:14" x14ac:dyDescent="0.3">
      <c r="B4337">
        <f t="shared" si="488"/>
        <v>5</v>
      </c>
      <c r="C4337" s="16">
        <v>4303</v>
      </c>
      <c r="D4337" cm="1">
        <f t="array" ref="D4337">IFERROR(INDEX(Jesper!AH$2:AH$366,ROUNDDOWN($C4337/24,0)+1,1)*INDEX($D$3:$AA$30,INDEX(Jesper!$R$2:$R$366,ROW(INDEX(Jesper!AH$2:AH$366,ROUNDDOWN($C4337/24,0)+1,1))-1)+IF('Standard Profiles'!$G$18=$B$10,7,0)+IF('Standard Profiles'!$G$18=$B$17,14,0)+IF('Standard Profiles'!$G$18=$B$24,21,0),MOD($C4337,24)+1)/SUM(INDEX($D$3:$AA$30,INDEX(Jesper!$R$2:$R$366,ROW(INDEX(Jesper!AH$2:AH$366,ROUNDDOWN($C4337/24,0)+1,1))-1)+IF('Standard Profiles'!$G$18=$B$10,7,0)+IF('Standard Profiles'!$G$18=$B$17,14,0)+IF('Standard Profiles'!$G$18=$B$24,21,0),0)),0)</f>
        <v>11.869061369798436</v>
      </c>
      <c r="E4337" cm="1">
        <f t="array" ref="E4337">IFERROR(INDEX(Jesper!AI$2:AI$366,ROUNDDOWN($C4337/24,0)+1,1)*INDEX($D$3:$AA$30,INDEX(Jesper!$R$2:$R$366,ROW(INDEX(Jesper!AI$2:AI$366,ROUNDDOWN($C4337/24,0)+1,1))-1)+IF('Standard Profiles'!$G$19=$B$10,7,0)+IF('Standard Profiles'!$G$19=$B$17,14,0)+IF('Standard Profiles'!$G$19=$B$24,21,0),MOD($C4337,24)+1)/SUM(INDEX($D$3:$AA$30,INDEX(Jesper!$R$2:$R$366,ROW(INDEX(Jesper!AI$2:AI$366,ROUNDDOWN($C4337/24,0)+1,1))-1)+IF('Standard Profiles'!$G$19=$B$10,7,0)+IF('Standard Profiles'!$G$19=$B$17,14,0)+IF('Standard Profiles'!$G$19=$B$24,21,0),0)),0)</f>
        <v>0</v>
      </c>
      <c r="F4337" cm="1">
        <f t="array" ref="F4337">IFERROR(INDEX(Jesper!AJ$2:AJ$366,ROUNDDOWN($C4337/24,0)+1,1)*INDEX($D$3:$AA$30,INDEX(Jesper!$R$2:$R$366,ROW(INDEX(Jesper!AJ$2:AJ$366,ROUNDDOWN($C4337/24,0)+1,1))-1)+IF('Standard Profiles'!$G$20=$B$10,7,0)+IF('Standard Profiles'!$G$20=$B$17,14,0)+IF('Standard Profiles'!$G$20=$B$24,21,0),MOD($C4337,24)+1)/SUM(INDEX($D$3:$AA$30,INDEX(Jesper!$R$2:$R$366,ROW(INDEX(Jesper!AJ$2:AJ$366,ROUNDDOWN($C4337/24,0)+1,1))-1)+IF('Standard Profiles'!$G$20=$B$10,7,0)+IF('Standard Profiles'!$G$20=$B$17,14,0)+IF('Standard Profiles'!$G$20=$B$24,21,0),0)),0)</f>
        <v>0</v>
      </c>
      <c r="G4337" cm="1">
        <f t="array" ref="G4337">IFERROR(INDEX(Jesper!AK$2:AK$366,ROUNDDOWN($C4337/24,0)+1,1)*INDEX($D$3:$AA$30,INDEX(Jesper!$R$2:$R$366,ROW(INDEX(Jesper!AK$2:AK$366,ROUNDDOWN($C4337/24,0)+1,1))-1)+IF('Standard Profiles'!$G$21=$B$10,7,0)+IF('Standard Profiles'!$G$21=$B$17,14,0)+IF('Standard Profiles'!$G$21=$B$24,21,0),MOD($C4337,24)+1)/SUM(INDEX($D$3:$AA$30,INDEX(Jesper!$R$2:$R$366,ROW(INDEX(Jesper!AK$2:AK$366,ROUNDDOWN($C4337/24,0)+1,1))-1)+IF('Standard Profiles'!$G$21=$B$10,7,0)+IF('Standard Profiles'!$G$21=$B$17,14,0)+IF('Standard Profiles'!$G$21=$B$24,21,0),0)),0)</f>
        <v>0</v>
      </c>
      <c r="H4337" cm="1">
        <f t="array" ref="H4337">IFERROR(INDEX(Jesper!AL$2:AL$366,ROUNDDOWN($C4337/24,0)+1,1)*INDEX($D$3:$AA$30,INDEX(Jesper!$R$2:$R$366,ROW(INDEX(Jesper!AL$2:AL$366,ROUNDDOWN($C4337/24,0)+1,1))-1)+IF('Standard Profiles'!$G$22=$B$10,7,0)+IF('Standard Profiles'!$G$22=$B$17,14,0)+IF('Standard Profiles'!$G$22=$B$24,21,0),MOD($C4337,24)+1)/SUM(INDEX($D$3:$AA$30,INDEX(Jesper!$R$2:$R$366,ROW(INDEX(Jesper!AL$2:AL$366,ROUNDDOWN($C4337/24,0)+1,1))-1)+IF('Standard Profiles'!$G$22=$B$10,7,0)+IF('Standard Profiles'!$G$22=$B$17,14,0)+IF('Standard Profiles'!$G$22=$B$24,21,0),0)),0)</f>
        <v>0</v>
      </c>
      <c r="I4337">
        <f t="shared" si="489"/>
        <v>0.35607184109395307</v>
      </c>
      <c r="J4337">
        <f t="shared" si="490"/>
        <v>1.1869061369798437</v>
      </c>
      <c r="K4337">
        <f t="shared" si="491"/>
        <v>1.7803592054697652</v>
      </c>
      <c r="L4337">
        <f t="shared" si="492"/>
        <v>8.5457241862548727</v>
      </c>
      <c r="M4337">
        <f t="shared" si="493"/>
        <v>0</v>
      </c>
      <c r="N4337" s="46">
        <f t="shared" si="494"/>
        <v>45471.291666656231</v>
      </c>
    </row>
    <row r="4338" spans="2:14" x14ac:dyDescent="0.3">
      <c r="B4338">
        <f t="shared" si="488"/>
        <v>5</v>
      </c>
      <c r="C4338" s="16">
        <v>4304</v>
      </c>
      <c r="D4338" cm="1">
        <f t="array" ref="D4338">IFERROR(INDEX(Jesper!AH$2:AH$366,ROUNDDOWN($C4338/24,0)+1,1)*INDEX($D$3:$AA$30,INDEX(Jesper!$R$2:$R$366,ROW(INDEX(Jesper!AH$2:AH$366,ROUNDDOWN($C4338/24,0)+1,1))-1)+IF('Standard Profiles'!$G$18=$B$10,7,0)+IF('Standard Profiles'!$G$18=$B$17,14,0)+IF('Standard Profiles'!$G$18=$B$24,21,0),MOD($C4338,24)+1)/SUM(INDEX($D$3:$AA$30,INDEX(Jesper!$R$2:$R$366,ROW(INDEX(Jesper!AH$2:AH$366,ROUNDDOWN($C4338/24,0)+1,1))-1)+IF('Standard Profiles'!$G$18=$B$10,7,0)+IF('Standard Profiles'!$G$18=$B$17,14,0)+IF('Standard Profiles'!$G$18=$B$24,21,0),0)),0)</f>
        <v>11.869061369798436</v>
      </c>
      <c r="E4338" cm="1">
        <f t="array" ref="E4338">IFERROR(INDEX(Jesper!AI$2:AI$366,ROUNDDOWN($C4338/24,0)+1,1)*INDEX($D$3:$AA$30,INDEX(Jesper!$R$2:$R$366,ROW(INDEX(Jesper!AI$2:AI$366,ROUNDDOWN($C4338/24,0)+1,1))-1)+IF('Standard Profiles'!$G$19=$B$10,7,0)+IF('Standard Profiles'!$G$19=$B$17,14,0)+IF('Standard Profiles'!$G$19=$B$24,21,0),MOD($C4338,24)+1)/SUM(INDEX($D$3:$AA$30,INDEX(Jesper!$R$2:$R$366,ROW(INDEX(Jesper!AI$2:AI$366,ROUNDDOWN($C4338/24,0)+1,1))-1)+IF('Standard Profiles'!$G$19=$B$10,7,0)+IF('Standard Profiles'!$G$19=$B$17,14,0)+IF('Standard Profiles'!$G$19=$B$24,21,0),0)),0)</f>
        <v>0</v>
      </c>
      <c r="F4338" cm="1">
        <f t="array" ref="F4338">IFERROR(INDEX(Jesper!AJ$2:AJ$366,ROUNDDOWN($C4338/24,0)+1,1)*INDEX($D$3:$AA$30,INDEX(Jesper!$R$2:$R$366,ROW(INDEX(Jesper!AJ$2:AJ$366,ROUNDDOWN($C4338/24,0)+1,1))-1)+IF('Standard Profiles'!$G$20=$B$10,7,0)+IF('Standard Profiles'!$G$20=$B$17,14,0)+IF('Standard Profiles'!$G$20=$B$24,21,0),MOD($C4338,24)+1)/SUM(INDEX($D$3:$AA$30,INDEX(Jesper!$R$2:$R$366,ROW(INDEX(Jesper!AJ$2:AJ$366,ROUNDDOWN($C4338/24,0)+1,1))-1)+IF('Standard Profiles'!$G$20=$B$10,7,0)+IF('Standard Profiles'!$G$20=$B$17,14,0)+IF('Standard Profiles'!$G$20=$B$24,21,0),0)),0)</f>
        <v>0</v>
      </c>
      <c r="G4338" cm="1">
        <f t="array" ref="G4338">IFERROR(INDEX(Jesper!AK$2:AK$366,ROUNDDOWN($C4338/24,0)+1,1)*INDEX($D$3:$AA$30,INDEX(Jesper!$R$2:$R$366,ROW(INDEX(Jesper!AK$2:AK$366,ROUNDDOWN($C4338/24,0)+1,1))-1)+IF('Standard Profiles'!$G$21=$B$10,7,0)+IF('Standard Profiles'!$G$21=$B$17,14,0)+IF('Standard Profiles'!$G$21=$B$24,21,0),MOD($C4338,24)+1)/SUM(INDEX($D$3:$AA$30,INDEX(Jesper!$R$2:$R$366,ROW(INDEX(Jesper!AK$2:AK$366,ROUNDDOWN($C4338/24,0)+1,1))-1)+IF('Standard Profiles'!$G$21=$B$10,7,0)+IF('Standard Profiles'!$G$21=$B$17,14,0)+IF('Standard Profiles'!$G$21=$B$24,21,0),0)),0)</f>
        <v>0</v>
      </c>
      <c r="H4338" cm="1">
        <f t="array" ref="H4338">IFERROR(INDEX(Jesper!AL$2:AL$366,ROUNDDOWN($C4338/24,0)+1,1)*INDEX($D$3:$AA$30,INDEX(Jesper!$R$2:$R$366,ROW(INDEX(Jesper!AL$2:AL$366,ROUNDDOWN($C4338/24,0)+1,1))-1)+IF('Standard Profiles'!$G$22=$B$10,7,0)+IF('Standard Profiles'!$G$22=$B$17,14,0)+IF('Standard Profiles'!$G$22=$B$24,21,0),MOD($C4338,24)+1)/SUM(INDEX($D$3:$AA$30,INDEX(Jesper!$R$2:$R$366,ROW(INDEX(Jesper!AL$2:AL$366,ROUNDDOWN($C4338/24,0)+1,1))-1)+IF('Standard Profiles'!$G$22=$B$10,7,0)+IF('Standard Profiles'!$G$22=$B$17,14,0)+IF('Standard Profiles'!$G$22=$B$24,21,0),0)),0)</f>
        <v>0</v>
      </c>
      <c r="I4338">
        <f t="shared" si="489"/>
        <v>0.35607184109395307</v>
      </c>
      <c r="J4338">
        <f t="shared" si="490"/>
        <v>1.1869061369798437</v>
      </c>
      <c r="K4338">
        <f t="shared" si="491"/>
        <v>1.7803592054697652</v>
      </c>
      <c r="L4338">
        <f t="shared" si="492"/>
        <v>8.5457241862548727</v>
      </c>
      <c r="M4338">
        <f t="shared" si="493"/>
        <v>0</v>
      </c>
      <c r="N4338" s="46">
        <f t="shared" si="494"/>
        <v>45471.333333322895</v>
      </c>
    </row>
    <row r="4339" spans="2:14" x14ac:dyDescent="0.3">
      <c r="B4339">
        <f t="shared" si="488"/>
        <v>5</v>
      </c>
      <c r="C4339" s="16">
        <v>4305</v>
      </c>
      <c r="D4339" cm="1">
        <f t="array" ref="D4339">IFERROR(INDEX(Jesper!AH$2:AH$366,ROUNDDOWN($C4339/24,0)+1,1)*INDEX($D$3:$AA$30,INDEX(Jesper!$R$2:$R$366,ROW(INDEX(Jesper!AH$2:AH$366,ROUNDDOWN($C4339/24,0)+1,1))-1)+IF('Standard Profiles'!$G$18=$B$10,7,0)+IF('Standard Profiles'!$G$18=$B$17,14,0)+IF('Standard Profiles'!$G$18=$B$24,21,0),MOD($C4339,24)+1)/SUM(INDEX($D$3:$AA$30,INDEX(Jesper!$R$2:$R$366,ROW(INDEX(Jesper!AH$2:AH$366,ROUNDDOWN($C4339/24,0)+1,1))-1)+IF('Standard Profiles'!$G$18=$B$10,7,0)+IF('Standard Profiles'!$G$18=$B$17,14,0)+IF('Standard Profiles'!$G$18=$B$24,21,0),0)),0)</f>
        <v>12.716851467641181</v>
      </c>
      <c r="E4339" cm="1">
        <f t="array" ref="E4339">IFERROR(INDEX(Jesper!AI$2:AI$366,ROUNDDOWN($C4339/24,0)+1,1)*INDEX($D$3:$AA$30,INDEX(Jesper!$R$2:$R$366,ROW(INDEX(Jesper!AI$2:AI$366,ROUNDDOWN($C4339/24,0)+1,1))-1)+IF('Standard Profiles'!$G$19=$B$10,7,0)+IF('Standard Profiles'!$G$19=$B$17,14,0)+IF('Standard Profiles'!$G$19=$B$24,21,0),MOD($C4339,24)+1)/SUM(INDEX($D$3:$AA$30,INDEX(Jesper!$R$2:$R$366,ROW(INDEX(Jesper!AI$2:AI$366,ROUNDDOWN($C4339/24,0)+1,1))-1)+IF('Standard Profiles'!$G$19=$B$10,7,0)+IF('Standard Profiles'!$G$19=$B$17,14,0)+IF('Standard Profiles'!$G$19=$B$24,21,0),0)),0)</f>
        <v>0</v>
      </c>
      <c r="F4339" cm="1">
        <f t="array" ref="F4339">IFERROR(INDEX(Jesper!AJ$2:AJ$366,ROUNDDOWN($C4339/24,0)+1,1)*INDEX($D$3:$AA$30,INDEX(Jesper!$R$2:$R$366,ROW(INDEX(Jesper!AJ$2:AJ$366,ROUNDDOWN($C4339/24,0)+1,1))-1)+IF('Standard Profiles'!$G$20=$B$10,7,0)+IF('Standard Profiles'!$G$20=$B$17,14,0)+IF('Standard Profiles'!$G$20=$B$24,21,0),MOD($C4339,24)+1)/SUM(INDEX($D$3:$AA$30,INDEX(Jesper!$R$2:$R$366,ROW(INDEX(Jesper!AJ$2:AJ$366,ROUNDDOWN($C4339/24,0)+1,1))-1)+IF('Standard Profiles'!$G$20=$B$10,7,0)+IF('Standard Profiles'!$G$20=$B$17,14,0)+IF('Standard Profiles'!$G$20=$B$24,21,0),0)),0)</f>
        <v>0</v>
      </c>
      <c r="G4339" cm="1">
        <f t="array" ref="G4339">IFERROR(INDEX(Jesper!AK$2:AK$366,ROUNDDOWN($C4339/24,0)+1,1)*INDEX($D$3:$AA$30,INDEX(Jesper!$R$2:$R$366,ROW(INDEX(Jesper!AK$2:AK$366,ROUNDDOWN($C4339/24,0)+1,1))-1)+IF('Standard Profiles'!$G$21=$B$10,7,0)+IF('Standard Profiles'!$G$21=$B$17,14,0)+IF('Standard Profiles'!$G$21=$B$24,21,0),MOD($C4339,24)+1)/SUM(INDEX($D$3:$AA$30,INDEX(Jesper!$R$2:$R$366,ROW(INDEX(Jesper!AK$2:AK$366,ROUNDDOWN($C4339/24,0)+1,1))-1)+IF('Standard Profiles'!$G$21=$B$10,7,0)+IF('Standard Profiles'!$G$21=$B$17,14,0)+IF('Standard Profiles'!$G$21=$B$24,21,0),0)),0)</f>
        <v>0</v>
      </c>
      <c r="H4339" cm="1">
        <f t="array" ref="H4339">IFERROR(INDEX(Jesper!AL$2:AL$366,ROUNDDOWN($C4339/24,0)+1,1)*INDEX($D$3:$AA$30,INDEX(Jesper!$R$2:$R$366,ROW(INDEX(Jesper!AL$2:AL$366,ROUNDDOWN($C4339/24,0)+1,1))-1)+IF('Standard Profiles'!$G$22=$B$10,7,0)+IF('Standard Profiles'!$G$22=$B$17,14,0)+IF('Standard Profiles'!$G$22=$B$24,21,0),MOD($C4339,24)+1)/SUM(INDEX($D$3:$AA$30,INDEX(Jesper!$R$2:$R$366,ROW(INDEX(Jesper!AL$2:AL$366,ROUNDDOWN($C4339/24,0)+1,1))-1)+IF('Standard Profiles'!$G$22=$B$10,7,0)+IF('Standard Profiles'!$G$22=$B$17,14,0)+IF('Standard Profiles'!$G$22=$B$24,21,0),0)),0)</f>
        <v>0</v>
      </c>
      <c r="I4339">
        <f t="shared" si="489"/>
        <v>0.38150554402923542</v>
      </c>
      <c r="J4339">
        <f t="shared" si="490"/>
        <v>1.2716851467641181</v>
      </c>
      <c r="K4339">
        <f t="shared" si="491"/>
        <v>1.9075277201461771</v>
      </c>
      <c r="L4339">
        <f t="shared" si="492"/>
        <v>9.1561330567016501</v>
      </c>
      <c r="M4339">
        <f t="shared" si="493"/>
        <v>0</v>
      </c>
      <c r="N4339" s="46">
        <f t="shared" si="494"/>
        <v>45471.374999989559</v>
      </c>
    </row>
    <row r="4340" spans="2:14" x14ac:dyDescent="0.3">
      <c r="B4340">
        <f t="shared" si="488"/>
        <v>5</v>
      </c>
      <c r="C4340" s="16">
        <v>4306</v>
      </c>
      <c r="D4340" cm="1">
        <f t="array" ref="D4340">IFERROR(INDEX(Jesper!AH$2:AH$366,ROUNDDOWN($C4340/24,0)+1,1)*INDEX($D$3:$AA$30,INDEX(Jesper!$R$2:$R$366,ROW(INDEX(Jesper!AH$2:AH$366,ROUNDDOWN($C4340/24,0)+1,1))-1)+IF('Standard Profiles'!$G$18=$B$10,7,0)+IF('Standard Profiles'!$G$18=$B$17,14,0)+IF('Standard Profiles'!$G$18=$B$24,21,0),MOD($C4340,24)+1)/SUM(INDEX($D$3:$AA$30,INDEX(Jesper!$R$2:$R$366,ROW(INDEX(Jesper!AH$2:AH$366,ROUNDDOWN($C4340/24,0)+1,1))-1)+IF('Standard Profiles'!$G$18=$B$10,7,0)+IF('Standard Profiles'!$G$18=$B$17,14,0)+IF('Standard Profiles'!$G$18=$B$24,21,0),0)),0)</f>
        <v>13.225525526346829</v>
      </c>
      <c r="E4340" cm="1">
        <f t="array" ref="E4340">IFERROR(INDEX(Jesper!AI$2:AI$366,ROUNDDOWN($C4340/24,0)+1,1)*INDEX($D$3:$AA$30,INDEX(Jesper!$R$2:$R$366,ROW(INDEX(Jesper!AI$2:AI$366,ROUNDDOWN($C4340/24,0)+1,1))-1)+IF('Standard Profiles'!$G$19=$B$10,7,0)+IF('Standard Profiles'!$G$19=$B$17,14,0)+IF('Standard Profiles'!$G$19=$B$24,21,0),MOD($C4340,24)+1)/SUM(INDEX($D$3:$AA$30,INDEX(Jesper!$R$2:$R$366,ROW(INDEX(Jesper!AI$2:AI$366,ROUNDDOWN($C4340/24,0)+1,1))-1)+IF('Standard Profiles'!$G$19=$B$10,7,0)+IF('Standard Profiles'!$G$19=$B$17,14,0)+IF('Standard Profiles'!$G$19=$B$24,21,0),0)),0)</f>
        <v>0</v>
      </c>
      <c r="F4340" cm="1">
        <f t="array" ref="F4340">IFERROR(INDEX(Jesper!AJ$2:AJ$366,ROUNDDOWN($C4340/24,0)+1,1)*INDEX($D$3:$AA$30,INDEX(Jesper!$R$2:$R$366,ROW(INDEX(Jesper!AJ$2:AJ$366,ROUNDDOWN($C4340/24,0)+1,1))-1)+IF('Standard Profiles'!$G$20=$B$10,7,0)+IF('Standard Profiles'!$G$20=$B$17,14,0)+IF('Standard Profiles'!$G$20=$B$24,21,0),MOD($C4340,24)+1)/SUM(INDEX($D$3:$AA$30,INDEX(Jesper!$R$2:$R$366,ROW(INDEX(Jesper!AJ$2:AJ$366,ROUNDDOWN($C4340/24,0)+1,1))-1)+IF('Standard Profiles'!$G$20=$B$10,7,0)+IF('Standard Profiles'!$G$20=$B$17,14,0)+IF('Standard Profiles'!$G$20=$B$24,21,0),0)),0)</f>
        <v>0</v>
      </c>
      <c r="G4340" cm="1">
        <f t="array" ref="G4340">IFERROR(INDEX(Jesper!AK$2:AK$366,ROUNDDOWN($C4340/24,0)+1,1)*INDEX($D$3:$AA$30,INDEX(Jesper!$R$2:$R$366,ROW(INDEX(Jesper!AK$2:AK$366,ROUNDDOWN($C4340/24,0)+1,1))-1)+IF('Standard Profiles'!$G$21=$B$10,7,0)+IF('Standard Profiles'!$G$21=$B$17,14,0)+IF('Standard Profiles'!$G$21=$B$24,21,0),MOD($C4340,24)+1)/SUM(INDEX($D$3:$AA$30,INDEX(Jesper!$R$2:$R$366,ROW(INDEX(Jesper!AK$2:AK$366,ROUNDDOWN($C4340/24,0)+1,1))-1)+IF('Standard Profiles'!$G$21=$B$10,7,0)+IF('Standard Profiles'!$G$21=$B$17,14,0)+IF('Standard Profiles'!$G$21=$B$24,21,0),0)),0)</f>
        <v>0</v>
      </c>
      <c r="H4340" cm="1">
        <f t="array" ref="H4340">IFERROR(INDEX(Jesper!AL$2:AL$366,ROUNDDOWN($C4340/24,0)+1,1)*INDEX($D$3:$AA$30,INDEX(Jesper!$R$2:$R$366,ROW(INDEX(Jesper!AL$2:AL$366,ROUNDDOWN($C4340/24,0)+1,1))-1)+IF('Standard Profiles'!$G$22=$B$10,7,0)+IF('Standard Profiles'!$G$22=$B$17,14,0)+IF('Standard Profiles'!$G$22=$B$24,21,0),MOD($C4340,24)+1)/SUM(INDEX($D$3:$AA$30,INDEX(Jesper!$R$2:$R$366,ROW(INDEX(Jesper!AL$2:AL$366,ROUNDDOWN($C4340/24,0)+1,1))-1)+IF('Standard Profiles'!$G$22=$B$10,7,0)+IF('Standard Profiles'!$G$22=$B$17,14,0)+IF('Standard Profiles'!$G$22=$B$24,21,0),0)),0)</f>
        <v>0</v>
      </c>
      <c r="I4340">
        <f t="shared" si="489"/>
        <v>0.39676576579040485</v>
      </c>
      <c r="J4340">
        <f t="shared" si="490"/>
        <v>1.3225525526346829</v>
      </c>
      <c r="K4340">
        <f t="shared" si="491"/>
        <v>1.9838288289520243</v>
      </c>
      <c r="L4340">
        <f t="shared" si="492"/>
        <v>9.5223783789697158</v>
      </c>
      <c r="M4340">
        <f t="shared" si="493"/>
        <v>0</v>
      </c>
      <c r="N4340" s="46">
        <f t="shared" si="494"/>
        <v>45471.416666656223</v>
      </c>
    </row>
    <row r="4341" spans="2:14" x14ac:dyDescent="0.3">
      <c r="B4341">
        <f t="shared" si="488"/>
        <v>5</v>
      </c>
      <c r="C4341" s="16">
        <v>4307</v>
      </c>
      <c r="D4341" cm="1">
        <f t="array" ref="D4341">IFERROR(INDEX(Jesper!AH$2:AH$366,ROUNDDOWN($C4341/24,0)+1,1)*INDEX($D$3:$AA$30,INDEX(Jesper!$R$2:$R$366,ROW(INDEX(Jesper!AH$2:AH$366,ROUNDDOWN($C4341/24,0)+1,1))-1)+IF('Standard Profiles'!$G$18=$B$10,7,0)+IF('Standard Profiles'!$G$18=$B$17,14,0)+IF('Standard Profiles'!$G$18=$B$24,21,0),MOD($C4341,24)+1)/SUM(INDEX($D$3:$AA$30,INDEX(Jesper!$R$2:$R$366,ROW(INDEX(Jesper!AH$2:AH$366,ROUNDDOWN($C4341/24,0)+1,1))-1)+IF('Standard Profiles'!$G$18=$B$10,7,0)+IF('Standard Profiles'!$G$18=$B$17,14,0)+IF('Standard Profiles'!$G$18=$B$24,21,0),0)),0)</f>
        <v>15.260221761169417</v>
      </c>
      <c r="E4341" cm="1">
        <f t="array" ref="E4341">IFERROR(INDEX(Jesper!AI$2:AI$366,ROUNDDOWN($C4341/24,0)+1,1)*INDEX($D$3:$AA$30,INDEX(Jesper!$R$2:$R$366,ROW(INDEX(Jesper!AI$2:AI$366,ROUNDDOWN($C4341/24,0)+1,1))-1)+IF('Standard Profiles'!$G$19=$B$10,7,0)+IF('Standard Profiles'!$G$19=$B$17,14,0)+IF('Standard Profiles'!$G$19=$B$24,21,0),MOD($C4341,24)+1)/SUM(INDEX($D$3:$AA$30,INDEX(Jesper!$R$2:$R$366,ROW(INDEX(Jesper!AI$2:AI$366,ROUNDDOWN($C4341/24,0)+1,1))-1)+IF('Standard Profiles'!$G$19=$B$10,7,0)+IF('Standard Profiles'!$G$19=$B$17,14,0)+IF('Standard Profiles'!$G$19=$B$24,21,0),0)),0)</f>
        <v>0</v>
      </c>
      <c r="F4341" cm="1">
        <f t="array" ref="F4341">IFERROR(INDEX(Jesper!AJ$2:AJ$366,ROUNDDOWN($C4341/24,0)+1,1)*INDEX($D$3:$AA$30,INDEX(Jesper!$R$2:$R$366,ROW(INDEX(Jesper!AJ$2:AJ$366,ROUNDDOWN($C4341/24,0)+1,1))-1)+IF('Standard Profiles'!$G$20=$B$10,7,0)+IF('Standard Profiles'!$G$20=$B$17,14,0)+IF('Standard Profiles'!$G$20=$B$24,21,0),MOD($C4341,24)+1)/SUM(INDEX($D$3:$AA$30,INDEX(Jesper!$R$2:$R$366,ROW(INDEX(Jesper!AJ$2:AJ$366,ROUNDDOWN($C4341/24,0)+1,1))-1)+IF('Standard Profiles'!$G$20=$B$10,7,0)+IF('Standard Profiles'!$G$20=$B$17,14,0)+IF('Standard Profiles'!$G$20=$B$24,21,0),0)),0)</f>
        <v>0</v>
      </c>
      <c r="G4341" cm="1">
        <f t="array" ref="G4341">IFERROR(INDEX(Jesper!AK$2:AK$366,ROUNDDOWN($C4341/24,0)+1,1)*INDEX($D$3:$AA$30,INDEX(Jesper!$R$2:$R$366,ROW(INDEX(Jesper!AK$2:AK$366,ROUNDDOWN($C4341/24,0)+1,1))-1)+IF('Standard Profiles'!$G$21=$B$10,7,0)+IF('Standard Profiles'!$G$21=$B$17,14,0)+IF('Standard Profiles'!$G$21=$B$24,21,0),MOD($C4341,24)+1)/SUM(INDEX($D$3:$AA$30,INDEX(Jesper!$R$2:$R$366,ROW(INDEX(Jesper!AK$2:AK$366,ROUNDDOWN($C4341/24,0)+1,1))-1)+IF('Standard Profiles'!$G$21=$B$10,7,0)+IF('Standard Profiles'!$G$21=$B$17,14,0)+IF('Standard Profiles'!$G$21=$B$24,21,0),0)),0)</f>
        <v>0</v>
      </c>
      <c r="H4341" cm="1">
        <f t="array" ref="H4341">IFERROR(INDEX(Jesper!AL$2:AL$366,ROUNDDOWN($C4341/24,0)+1,1)*INDEX($D$3:$AA$30,INDEX(Jesper!$R$2:$R$366,ROW(INDEX(Jesper!AL$2:AL$366,ROUNDDOWN($C4341/24,0)+1,1))-1)+IF('Standard Profiles'!$G$22=$B$10,7,0)+IF('Standard Profiles'!$G$22=$B$17,14,0)+IF('Standard Profiles'!$G$22=$B$24,21,0),MOD($C4341,24)+1)/SUM(INDEX($D$3:$AA$30,INDEX(Jesper!$R$2:$R$366,ROW(INDEX(Jesper!AL$2:AL$366,ROUNDDOWN($C4341/24,0)+1,1))-1)+IF('Standard Profiles'!$G$22=$B$10,7,0)+IF('Standard Profiles'!$G$22=$B$17,14,0)+IF('Standard Profiles'!$G$22=$B$24,21,0),0)),0)</f>
        <v>0</v>
      </c>
      <c r="I4341">
        <f t="shared" si="489"/>
        <v>0.45780665283508248</v>
      </c>
      <c r="J4341">
        <f t="shared" si="490"/>
        <v>1.5260221761169417</v>
      </c>
      <c r="K4341">
        <f t="shared" si="491"/>
        <v>2.2890332641754125</v>
      </c>
      <c r="L4341">
        <f t="shared" si="492"/>
        <v>10.98735966804198</v>
      </c>
      <c r="M4341">
        <f t="shared" si="493"/>
        <v>0</v>
      </c>
      <c r="N4341" s="46">
        <f t="shared" si="494"/>
        <v>45471.458333322887</v>
      </c>
    </row>
    <row r="4342" spans="2:14" x14ac:dyDescent="0.3">
      <c r="B4342">
        <f t="shared" si="488"/>
        <v>5</v>
      </c>
      <c r="C4342" s="16">
        <v>4308</v>
      </c>
      <c r="D4342" cm="1">
        <f t="array" ref="D4342">IFERROR(INDEX(Jesper!AH$2:AH$366,ROUNDDOWN($C4342/24,0)+1,1)*INDEX($D$3:$AA$30,INDEX(Jesper!$R$2:$R$366,ROW(INDEX(Jesper!AH$2:AH$366,ROUNDDOWN($C4342/24,0)+1,1))-1)+IF('Standard Profiles'!$G$18=$B$10,7,0)+IF('Standard Profiles'!$G$18=$B$17,14,0)+IF('Standard Profiles'!$G$18=$B$24,21,0),MOD($C4342,24)+1)/SUM(INDEX($D$3:$AA$30,INDEX(Jesper!$R$2:$R$366,ROW(INDEX(Jesper!AH$2:AH$366,ROUNDDOWN($C4342/24,0)+1,1))-1)+IF('Standard Profiles'!$G$18=$B$10,7,0)+IF('Standard Profiles'!$G$18=$B$17,14,0)+IF('Standard Profiles'!$G$18=$B$24,21,0),0)),0)</f>
        <v>15.260221761169417</v>
      </c>
      <c r="E4342" cm="1">
        <f t="array" ref="E4342">IFERROR(INDEX(Jesper!AI$2:AI$366,ROUNDDOWN($C4342/24,0)+1,1)*INDEX($D$3:$AA$30,INDEX(Jesper!$R$2:$R$366,ROW(INDEX(Jesper!AI$2:AI$366,ROUNDDOWN($C4342/24,0)+1,1))-1)+IF('Standard Profiles'!$G$19=$B$10,7,0)+IF('Standard Profiles'!$G$19=$B$17,14,0)+IF('Standard Profiles'!$G$19=$B$24,21,0),MOD($C4342,24)+1)/SUM(INDEX($D$3:$AA$30,INDEX(Jesper!$R$2:$R$366,ROW(INDEX(Jesper!AI$2:AI$366,ROUNDDOWN($C4342/24,0)+1,1))-1)+IF('Standard Profiles'!$G$19=$B$10,7,0)+IF('Standard Profiles'!$G$19=$B$17,14,0)+IF('Standard Profiles'!$G$19=$B$24,21,0),0)),0)</f>
        <v>0</v>
      </c>
      <c r="F4342" cm="1">
        <f t="array" ref="F4342">IFERROR(INDEX(Jesper!AJ$2:AJ$366,ROUNDDOWN($C4342/24,0)+1,1)*INDEX($D$3:$AA$30,INDEX(Jesper!$R$2:$R$366,ROW(INDEX(Jesper!AJ$2:AJ$366,ROUNDDOWN($C4342/24,0)+1,1))-1)+IF('Standard Profiles'!$G$20=$B$10,7,0)+IF('Standard Profiles'!$G$20=$B$17,14,0)+IF('Standard Profiles'!$G$20=$B$24,21,0),MOD($C4342,24)+1)/SUM(INDEX($D$3:$AA$30,INDEX(Jesper!$R$2:$R$366,ROW(INDEX(Jesper!AJ$2:AJ$366,ROUNDDOWN($C4342/24,0)+1,1))-1)+IF('Standard Profiles'!$G$20=$B$10,7,0)+IF('Standard Profiles'!$G$20=$B$17,14,0)+IF('Standard Profiles'!$G$20=$B$24,21,0),0)),0)</f>
        <v>0</v>
      </c>
      <c r="G4342" cm="1">
        <f t="array" ref="G4342">IFERROR(INDEX(Jesper!AK$2:AK$366,ROUNDDOWN($C4342/24,0)+1,1)*INDEX($D$3:$AA$30,INDEX(Jesper!$R$2:$R$366,ROW(INDEX(Jesper!AK$2:AK$366,ROUNDDOWN($C4342/24,0)+1,1))-1)+IF('Standard Profiles'!$G$21=$B$10,7,0)+IF('Standard Profiles'!$G$21=$B$17,14,0)+IF('Standard Profiles'!$G$21=$B$24,21,0),MOD($C4342,24)+1)/SUM(INDEX($D$3:$AA$30,INDEX(Jesper!$R$2:$R$366,ROW(INDEX(Jesper!AK$2:AK$366,ROUNDDOWN($C4342/24,0)+1,1))-1)+IF('Standard Profiles'!$G$21=$B$10,7,0)+IF('Standard Profiles'!$G$21=$B$17,14,0)+IF('Standard Profiles'!$G$21=$B$24,21,0),0)),0)</f>
        <v>0</v>
      </c>
      <c r="H4342" cm="1">
        <f t="array" ref="H4342">IFERROR(INDEX(Jesper!AL$2:AL$366,ROUNDDOWN($C4342/24,0)+1,1)*INDEX($D$3:$AA$30,INDEX(Jesper!$R$2:$R$366,ROW(INDEX(Jesper!AL$2:AL$366,ROUNDDOWN($C4342/24,0)+1,1))-1)+IF('Standard Profiles'!$G$22=$B$10,7,0)+IF('Standard Profiles'!$G$22=$B$17,14,0)+IF('Standard Profiles'!$G$22=$B$24,21,0),MOD($C4342,24)+1)/SUM(INDEX($D$3:$AA$30,INDEX(Jesper!$R$2:$R$366,ROW(INDEX(Jesper!AL$2:AL$366,ROUNDDOWN($C4342/24,0)+1,1))-1)+IF('Standard Profiles'!$G$22=$B$10,7,0)+IF('Standard Profiles'!$G$22=$B$17,14,0)+IF('Standard Profiles'!$G$22=$B$24,21,0),0)),0)</f>
        <v>0</v>
      </c>
      <c r="I4342">
        <f t="shared" si="489"/>
        <v>0.45780665283508248</v>
      </c>
      <c r="J4342">
        <f t="shared" si="490"/>
        <v>1.5260221761169417</v>
      </c>
      <c r="K4342">
        <f t="shared" si="491"/>
        <v>2.2890332641754125</v>
      </c>
      <c r="L4342">
        <f t="shared" si="492"/>
        <v>10.98735966804198</v>
      </c>
      <c r="M4342">
        <f t="shared" si="493"/>
        <v>0</v>
      </c>
      <c r="N4342" s="46">
        <f t="shared" si="494"/>
        <v>45471.499999989552</v>
      </c>
    </row>
    <row r="4343" spans="2:14" x14ac:dyDescent="0.3">
      <c r="B4343">
        <f t="shared" si="488"/>
        <v>5</v>
      </c>
      <c r="C4343" s="16">
        <v>4309</v>
      </c>
      <c r="D4343" cm="1">
        <f t="array" ref="D4343">IFERROR(INDEX(Jesper!AH$2:AH$366,ROUNDDOWN($C4343/24,0)+1,1)*INDEX($D$3:$AA$30,INDEX(Jesper!$R$2:$R$366,ROW(INDEX(Jesper!AH$2:AH$366,ROUNDDOWN($C4343/24,0)+1,1))-1)+IF('Standard Profiles'!$G$18=$B$10,7,0)+IF('Standard Profiles'!$G$18=$B$17,14,0)+IF('Standard Profiles'!$G$18=$B$24,21,0),MOD($C4343,24)+1)/SUM(INDEX($D$3:$AA$30,INDEX(Jesper!$R$2:$R$366,ROW(INDEX(Jesper!AH$2:AH$366,ROUNDDOWN($C4343/24,0)+1,1))-1)+IF('Standard Profiles'!$G$18=$B$10,7,0)+IF('Standard Profiles'!$G$18=$B$17,14,0)+IF('Standard Profiles'!$G$18=$B$24,21,0),0)),0)</f>
        <v>15.260221761169417</v>
      </c>
      <c r="E4343" cm="1">
        <f t="array" ref="E4343">IFERROR(INDEX(Jesper!AI$2:AI$366,ROUNDDOWN($C4343/24,0)+1,1)*INDEX($D$3:$AA$30,INDEX(Jesper!$R$2:$R$366,ROW(INDEX(Jesper!AI$2:AI$366,ROUNDDOWN($C4343/24,0)+1,1))-1)+IF('Standard Profiles'!$G$19=$B$10,7,0)+IF('Standard Profiles'!$G$19=$B$17,14,0)+IF('Standard Profiles'!$G$19=$B$24,21,0),MOD($C4343,24)+1)/SUM(INDEX($D$3:$AA$30,INDEX(Jesper!$R$2:$R$366,ROW(INDEX(Jesper!AI$2:AI$366,ROUNDDOWN($C4343/24,0)+1,1))-1)+IF('Standard Profiles'!$G$19=$B$10,7,0)+IF('Standard Profiles'!$G$19=$B$17,14,0)+IF('Standard Profiles'!$G$19=$B$24,21,0),0)),0)</f>
        <v>0</v>
      </c>
      <c r="F4343" cm="1">
        <f t="array" ref="F4343">IFERROR(INDEX(Jesper!AJ$2:AJ$366,ROUNDDOWN($C4343/24,0)+1,1)*INDEX($D$3:$AA$30,INDEX(Jesper!$R$2:$R$366,ROW(INDEX(Jesper!AJ$2:AJ$366,ROUNDDOWN($C4343/24,0)+1,1))-1)+IF('Standard Profiles'!$G$20=$B$10,7,0)+IF('Standard Profiles'!$G$20=$B$17,14,0)+IF('Standard Profiles'!$G$20=$B$24,21,0),MOD($C4343,24)+1)/SUM(INDEX($D$3:$AA$30,INDEX(Jesper!$R$2:$R$366,ROW(INDEX(Jesper!AJ$2:AJ$366,ROUNDDOWN($C4343/24,0)+1,1))-1)+IF('Standard Profiles'!$G$20=$B$10,7,0)+IF('Standard Profiles'!$G$20=$B$17,14,0)+IF('Standard Profiles'!$G$20=$B$24,21,0),0)),0)</f>
        <v>0</v>
      </c>
      <c r="G4343" cm="1">
        <f t="array" ref="G4343">IFERROR(INDEX(Jesper!AK$2:AK$366,ROUNDDOWN($C4343/24,0)+1,1)*INDEX($D$3:$AA$30,INDEX(Jesper!$R$2:$R$366,ROW(INDEX(Jesper!AK$2:AK$366,ROUNDDOWN($C4343/24,0)+1,1))-1)+IF('Standard Profiles'!$G$21=$B$10,7,0)+IF('Standard Profiles'!$G$21=$B$17,14,0)+IF('Standard Profiles'!$G$21=$B$24,21,0),MOD($C4343,24)+1)/SUM(INDEX($D$3:$AA$30,INDEX(Jesper!$R$2:$R$366,ROW(INDEX(Jesper!AK$2:AK$366,ROUNDDOWN($C4343/24,0)+1,1))-1)+IF('Standard Profiles'!$G$21=$B$10,7,0)+IF('Standard Profiles'!$G$21=$B$17,14,0)+IF('Standard Profiles'!$G$21=$B$24,21,0),0)),0)</f>
        <v>0</v>
      </c>
      <c r="H4343" cm="1">
        <f t="array" ref="H4343">IFERROR(INDEX(Jesper!AL$2:AL$366,ROUNDDOWN($C4343/24,0)+1,1)*INDEX($D$3:$AA$30,INDEX(Jesper!$R$2:$R$366,ROW(INDEX(Jesper!AL$2:AL$366,ROUNDDOWN($C4343/24,0)+1,1))-1)+IF('Standard Profiles'!$G$22=$B$10,7,0)+IF('Standard Profiles'!$G$22=$B$17,14,0)+IF('Standard Profiles'!$G$22=$B$24,21,0),MOD($C4343,24)+1)/SUM(INDEX($D$3:$AA$30,INDEX(Jesper!$R$2:$R$366,ROW(INDEX(Jesper!AL$2:AL$366,ROUNDDOWN($C4343/24,0)+1,1))-1)+IF('Standard Profiles'!$G$22=$B$10,7,0)+IF('Standard Profiles'!$G$22=$B$17,14,0)+IF('Standard Profiles'!$G$22=$B$24,21,0),0)),0)</f>
        <v>0</v>
      </c>
      <c r="I4343">
        <f t="shared" si="489"/>
        <v>0.45780665283508248</v>
      </c>
      <c r="J4343">
        <f t="shared" si="490"/>
        <v>1.5260221761169417</v>
      </c>
      <c r="K4343">
        <f t="shared" si="491"/>
        <v>2.2890332641754125</v>
      </c>
      <c r="L4343">
        <f t="shared" si="492"/>
        <v>10.98735966804198</v>
      </c>
      <c r="M4343">
        <f t="shared" si="493"/>
        <v>0</v>
      </c>
      <c r="N4343" s="46">
        <f t="shared" si="494"/>
        <v>45471.541666656216</v>
      </c>
    </row>
    <row r="4344" spans="2:14" x14ac:dyDescent="0.3">
      <c r="B4344">
        <f t="shared" si="488"/>
        <v>5</v>
      </c>
      <c r="C4344" s="16">
        <v>4310</v>
      </c>
      <c r="D4344" cm="1">
        <f t="array" ref="D4344">IFERROR(INDEX(Jesper!AH$2:AH$366,ROUNDDOWN($C4344/24,0)+1,1)*INDEX($D$3:$AA$30,INDEX(Jesper!$R$2:$R$366,ROW(INDEX(Jesper!AH$2:AH$366,ROUNDDOWN($C4344/24,0)+1,1))-1)+IF('Standard Profiles'!$G$18=$B$10,7,0)+IF('Standard Profiles'!$G$18=$B$17,14,0)+IF('Standard Profiles'!$G$18=$B$24,21,0),MOD($C4344,24)+1)/SUM(INDEX($D$3:$AA$30,INDEX(Jesper!$R$2:$R$366,ROW(INDEX(Jesper!AH$2:AH$366,ROUNDDOWN($C4344/24,0)+1,1))-1)+IF('Standard Profiles'!$G$18=$B$10,7,0)+IF('Standard Profiles'!$G$18=$B$17,14,0)+IF('Standard Profiles'!$G$18=$B$24,21,0),0)),0)</f>
        <v>15.260221761169417</v>
      </c>
      <c r="E4344" cm="1">
        <f t="array" ref="E4344">IFERROR(INDEX(Jesper!AI$2:AI$366,ROUNDDOWN($C4344/24,0)+1,1)*INDEX($D$3:$AA$30,INDEX(Jesper!$R$2:$R$366,ROW(INDEX(Jesper!AI$2:AI$366,ROUNDDOWN($C4344/24,0)+1,1))-1)+IF('Standard Profiles'!$G$19=$B$10,7,0)+IF('Standard Profiles'!$G$19=$B$17,14,0)+IF('Standard Profiles'!$G$19=$B$24,21,0),MOD($C4344,24)+1)/SUM(INDEX($D$3:$AA$30,INDEX(Jesper!$R$2:$R$366,ROW(INDEX(Jesper!AI$2:AI$366,ROUNDDOWN($C4344/24,0)+1,1))-1)+IF('Standard Profiles'!$G$19=$B$10,7,0)+IF('Standard Profiles'!$G$19=$B$17,14,0)+IF('Standard Profiles'!$G$19=$B$24,21,0),0)),0)</f>
        <v>0</v>
      </c>
      <c r="F4344" cm="1">
        <f t="array" ref="F4344">IFERROR(INDEX(Jesper!AJ$2:AJ$366,ROUNDDOWN($C4344/24,0)+1,1)*INDEX($D$3:$AA$30,INDEX(Jesper!$R$2:$R$366,ROW(INDEX(Jesper!AJ$2:AJ$366,ROUNDDOWN($C4344/24,0)+1,1))-1)+IF('Standard Profiles'!$G$20=$B$10,7,0)+IF('Standard Profiles'!$G$20=$B$17,14,0)+IF('Standard Profiles'!$G$20=$B$24,21,0),MOD($C4344,24)+1)/SUM(INDEX($D$3:$AA$30,INDEX(Jesper!$R$2:$R$366,ROW(INDEX(Jesper!AJ$2:AJ$366,ROUNDDOWN($C4344/24,0)+1,1))-1)+IF('Standard Profiles'!$G$20=$B$10,7,0)+IF('Standard Profiles'!$G$20=$B$17,14,0)+IF('Standard Profiles'!$G$20=$B$24,21,0),0)),0)</f>
        <v>0</v>
      </c>
      <c r="G4344" cm="1">
        <f t="array" ref="G4344">IFERROR(INDEX(Jesper!AK$2:AK$366,ROUNDDOWN($C4344/24,0)+1,1)*INDEX($D$3:$AA$30,INDEX(Jesper!$R$2:$R$366,ROW(INDEX(Jesper!AK$2:AK$366,ROUNDDOWN($C4344/24,0)+1,1))-1)+IF('Standard Profiles'!$G$21=$B$10,7,0)+IF('Standard Profiles'!$G$21=$B$17,14,0)+IF('Standard Profiles'!$G$21=$B$24,21,0),MOD($C4344,24)+1)/SUM(INDEX($D$3:$AA$30,INDEX(Jesper!$R$2:$R$366,ROW(INDEX(Jesper!AK$2:AK$366,ROUNDDOWN($C4344/24,0)+1,1))-1)+IF('Standard Profiles'!$G$21=$B$10,7,0)+IF('Standard Profiles'!$G$21=$B$17,14,0)+IF('Standard Profiles'!$G$21=$B$24,21,0),0)),0)</f>
        <v>0</v>
      </c>
      <c r="H4344" cm="1">
        <f t="array" ref="H4344">IFERROR(INDEX(Jesper!AL$2:AL$366,ROUNDDOWN($C4344/24,0)+1,1)*INDEX($D$3:$AA$30,INDEX(Jesper!$R$2:$R$366,ROW(INDEX(Jesper!AL$2:AL$366,ROUNDDOWN($C4344/24,0)+1,1))-1)+IF('Standard Profiles'!$G$22=$B$10,7,0)+IF('Standard Profiles'!$G$22=$B$17,14,0)+IF('Standard Profiles'!$G$22=$B$24,21,0),MOD($C4344,24)+1)/SUM(INDEX($D$3:$AA$30,INDEX(Jesper!$R$2:$R$366,ROW(INDEX(Jesper!AL$2:AL$366,ROUNDDOWN($C4344/24,0)+1,1))-1)+IF('Standard Profiles'!$G$22=$B$10,7,0)+IF('Standard Profiles'!$G$22=$B$17,14,0)+IF('Standard Profiles'!$G$22=$B$24,21,0),0)),0)</f>
        <v>0</v>
      </c>
      <c r="I4344">
        <f t="shared" si="489"/>
        <v>0.45780665283508248</v>
      </c>
      <c r="J4344">
        <f t="shared" si="490"/>
        <v>1.5260221761169417</v>
      </c>
      <c r="K4344">
        <f t="shared" si="491"/>
        <v>2.2890332641754125</v>
      </c>
      <c r="L4344">
        <f t="shared" si="492"/>
        <v>10.98735966804198</v>
      </c>
      <c r="M4344">
        <f t="shared" si="493"/>
        <v>0</v>
      </c>
      <c r="N4344" s="46">
        <f t="shared" si="494"/>
        <v>45471.58333332288</v>
      </c>
    </row>
    <row r="4345" spans="2:14" x14ac:dyDescent="0.3">
      <c r="B4345">
        <f t="shared" si="488"/>
        <v>5</v>
      </c>
      <c r="C4345" s="16">
        <v>4311</v>
      </c>
      <c r="D4345" cm="1">
        <f t="array" ref="D4345">IFERROR(INDEX(Jesper!AH$2:AH$366,ROUNDDOWN($C4345/24,0)+1,1)*INDEX($D$3:$AA$30,INDEX(Jesper!$R$2:$R$366,ROW(INDEX(Jesper!AH$2:AH$366,ROUNDDOWN($C4345/24,0)+1,1))-1)+IF('Standard Profiles'!$G$18=$B$10,7,0)+IF('Standard Profiles'!$G$18=$B$17,14,0)+IF('Standard Profiles'!$G$18=$B$24,21,0),MOD($C4345,24)+1)/SUM(INDEX($D$3:$AA$30,INDEX(Jesper!$R$2:$R$366,ROW(INDEX(Jesper!AH$2:AH$366,ROUNDDOWN($C4345/24,0)+1,1))-1)+IF('Standard Profiles'!$G$18=$B$10,7,0)+IF('Standard Profiles'!$G$18=$B$17,14,0)+IF('Standard Profiles'!$G$18=$B$24,21,0),0)),0)</f>
        <v>12.716851467641181</v>
      </c>
      <c r="E4345" cm="1">
        <f t="array" ref="E4345">IFERROR(INDEX(Jesper!AI$2:AI$366,ROUNDDOWN($C4345/24,0)+1,1)*INDEX($D$3:$AA$30,INDEX(Jesper!$R$2:$R$366,ROW(INDEX(Jesper!AI$2:AI$366,ROUNDDOWN($C4345/24,0)+1,1))-1)+IF('Standard Profiles'!$G$19=$B$10,7,0)+IF('Standard Profiles'!$G$19=$B$17,14,0)+IF('Standard Profiles'!$G$19=$B$24,21,0),MOD($C4345,24)+1)/SUM(INDEX($D$3:$AA$30,INDEX(Jesper!$R$2:$R$366,ROW(INDEX(Jesper!AI$2:AI$366,ROUNDDOWN($C4345/24,0)+1,1))-1)+IF('Standard Profiles'!$G$19=$B$10,7,0)+IF('Standard Profiles'!$G$19=$B$17,14,0)+IF('Standard Profiles'!$G$19=$B$24,21,0),0)),0)</f>
        <v>0</v>
      </c>
      <c r="F4345" cm="1">
        <f t="array" ref="F4345">IFERROR(INDEX(Jesper!AJ$2:AJ$366,ROUNDDOWN($C4345/24,0)+1,1)*INDEX($D$3:$AA$30,INDEX(Jesper!$R$2:$R$366,ROW(INDEX(Jesper!AJ$2:AJ$366,ROUNDDOWN($C4345/24,0)+1,1))-1)+IF('Standard Profiles'!$G$20=$B$10,7,0)+IF('Standard Profiles'!$G$20=$B$17,14,0)+IF('Standard Profiles'!$G$20=$B$24,21,0),MOD($C4345,24)+1)/SUM(INDEX($D$3:$AA$30,INDEX(Jesper!$R$2:$R$366,ROW(INDEX(Jesper!AJ$2:AJ$366,ROUNDDOWN($C4345/24,0)+1,1))-1)+IF('Standard Profiles'!$G$20=$B$10,7,0)+IF('Standard Profiles'!$G$20=$B$17,14,0)+IF('Standard Profiles'!$G$20=$B$24,21,0),0)),0)</f>
        <v>0</v>
      </c>
      <c r="G4345" cm="1">
        <f t="array" ref="G4345">IFERROR(INDEX(Jesper!AK$2:AK$366,ROUNDDOWN($C4345/24,0)+1,1)*INDEX($D$3:$AA$30,INDEX(Jesper!$R$2:$R$366,ROW(INDEX(Jesper!AK$2:AK$366,ROUNDDOWN($C4345/24,0)+1,1))-1)+IF('Standard Profiles'!$G$21=$B$10,7,0)+IF('Standard Profiles'!$G$21=$B$17,14,0)+IF('Standard Profiles'!$G$21=$B$24,21,0),MOD($C4345,24)+1)/SUM(INDEX($D$3:$AA$30,INDEX(Jesper!$R$2:$R$366,ROW(INDEX(Jesper!AK$2:AK$366,ROUNDDOWN($C4345/24,0)+1,1))-1)+IF('Standard Profiles'!$G$21=$B$10,7,0)+IF('Standard Profiles'!$G$21=$B$17,14,0)+IF('Standard Profiles'!$G$21=$B$24,21,0),0)),0)</f>
        <v>0</v>
      </c>
      <c r="H4345" cm="1">
        <f t="array" ref="H4345">IFERROR(INDEX(Jesper!AL$2:AL$366,ROUNDDOWN($C4345/24,0)+1,1)*INDEX($D$3:$AA$30,INDEX(Jesper!$R$2:$R$366,ROW(INDEX(Jesper!AL$2:AL$366,ROUNDDOWN($C4345/24,0)+1,1))-1)+IF('Standard Profiles'!$G$22=$B$10,7,0)+IF('Standard Profiles'!$G$22=$B$17,14,0)+IF('Standard Profiles'!$G$22=$B$24,21,0),MOD($C4345,24)+1)/SUM(INDEX($D$3:$AA$30,INDEX(Jesper!$R$2:$R$366,ROW(INDEX(Jesper!AL$2:AL$366,ROUNDDOWN($C4345/24,0)+1,1))-1)+IF('Standard Profiles'!$G$22=$B$10,7,0)+IF('Standard Profiles'!$G$22=$B$17,14,0)+IF('Standard Profiles'!$G$22=$B$24,21,0),0)),0)</f>
        <v>0</v>
      </c>
      <c r="I4345">
        <f t="shared" si="489"/>
        <v>0.38150554402923542</v>
      </c>
      <c r="J4345">
        <f t="shared" si="490"/>
        <v>1.2716851467641181</v>
      </c>
      <c r="K4345">
        <f t="shared" si="491"/>
        <v>1.9075277201461771</v>
      </c>
      <c r="L4345">
        <f t="shared" si="492"/>
        <v>9.1561330567016501</v>
      </c>
      <c r="M4345">
        <f t="shared" si="493"/>
        <v>0</v>
      </c>
      <c r="N4345" s="46">
        <f t="shared" si="494"/>
        <v>45471.624999989544</v>
      </c>
    </row>
    <row r="4346" spans="2:14" x14ac:dyDescent="0.3">
      <c r="B4346">
        <f t="shared" si="488"/>
        <v>5</v>
      </c>
      <c r="C4346" s="16">
        <v>4312</v>
      </c>
      <c r="D4346" cm="1">
        <f t="array" ref="D4346">IFERROR(INDEX(Jesper!AH$2:AH$366,ROUNDDOWN($C4346/24,0)+1,1)*INDEX($D$3:$AA$30,INDEX(Jesper!$R$2:$R$366,ROW(INDEX(Jesper!AH$2:AH$366,ROUNDDOWN($C4346/24,0)+1,1))-1)+IF('Standard Profiles'!$G$18=$B$10,7,0)+IF('Standard Profiles'!$G$18=$B$17,14,0)+IF('Standard Profiles'!$G$18=$B$24,21,0),MOD($C4346,24)+1)/SUM(INDEX($D$3:$AA$30,INDEX(Jesper!$R$2:$R$366,ROW(INDEX(Jesper!AH$2:AH$366,ROUNDDOWN($C4346/24,0)+1,1))-1)+IF('Standard Profiles'!$G$18=$B$10,7,0)+IF('Standard Profiles'!$G$18=$B$17,14,0)+IF('Standard Profiles'!$G$18=$B$24,21,0),0)),0)</f>
        <v>12.038619389366986</v>
      </c>
      <c r="E4346" cm="1">
        <f t="array" ref="E4346">IFERROR(INDEX(Jesper!AI$2:AI$366,ROUNDDOWN($C4346/24,0)+1,1)*INDEX($D$3:$AA$30,INDEX(Jesper!$R$2:$R$366,ROW(INDEX(Jesper!AI$2:AI$366,ROUNDDOWN($C4346/24,0)+1,1))-1)+IF('Standard Profiles'!$G$19=$B$10,7,0)+IF('Standard Profiles'!$G$19=$B$17,14,0)+IF('Standard Profiles'!$G$19=$B$24,21,0),MOD($C4346,24)+1)/SUM(INDEX($D$3:$AA$30,INDEX(Jesper!$R$2:$R$366,ROW(INDEX(Jesper!AI$2:AI$366,ROUNDDOWN($C4346/24,0)+1,1))-1)+IF('Standard Profiles'!$G$19=$B$10,7,0)+IF('Standard Profiles'!$G$19=$B$17,14,0)+IF('Standard Profiles'!$G$19=$B$24,21,0),0)),0)</f>
        <v>0</v>
      </c>
      <c r="F4346" cm="1">
        <f t="array" ref="F4346">IFERROR(INDEX(Jesper!AJ$2:AJ$366,ROUNDDOWN($C4346/24,0)+1,1)*INDEX($D$3:$AA$30,INDEX(Jesper!$R$2:$R$366,ROW(INDEX(Jesper!AJ$2:AJ$366,ROUNDDOWN($C4346/24,0)+1,1))-1)+IF('Standard Profiles'!$G$20=$B$10,7,0)+IF('Standard Profiles'!$G$20=$B$17,14,0)+IF('Standard Profiles'!$G$20=$B$24,21,0),MOD($C4346,24)+1)/SUM(INDEX($D$3:$AA$30,INDEX(Jesper!$R$2:$R$366,ROW(INDEX(Jesper!AJ$2:AJ$366,ROUNDDOWN($C4346/24,0)+1,1))-1)+IF('Standard Profiles'!$G$20=$B$10,7,0)+IF('Standard Profiles'!$G$20=$B$17,14,0)+IF('Standard Profiles'!$G$20=$B$24,21,0),0)),0)</f>
        <v>0</v>
      </c>
      <c r="G4346" cm="1">
        <f t="array" ref="G4346">IFERROR(INDEX(Jesper!AK$2:AK$366,ROUNDDOWN($C4346/24,0)+1,1)*INDEX($D$3:$AA$30,INDEX(Jesper!$R$2:$R$366,ROW(INDEX(Jesper!AK$2:AK$366,ROUNDDOWN($C4346/24,0)+1,1))-1)+IF('Standard Profiles'!$G$21=$B$10,7,0)+IF('Standard Profiles'!$G$21=$B$17,14,0)+IF('Standard Profiles'!$G$21=$B$24,21,0),MOD($C4346,24)+1)/SUM(INDEX($D$3:$AA$30,INDEX(Jesper!$R$2:$R$366,ROW(INDEX(Jesper!AK$2:AK$366,ROUNDDOWN($C4346/24,0)+1,1))-1)+IF('Standard Profiles'!$G$21=$B$10,7,0)+IF('Standard Profiles'!$G$21=$B$17,14,0)+IF('Standard Profiles'!$G$21=$B$24,21,0),0)),0)</f>
        <v>0</v>
      </c>
      <c r="H4346" cm="1">
        <f t="array" ref="H4346">IFERROR(INDEX(Jesper!AL$2:AL$366,ROUNDDOWN($C4346/24,0)+1,1)*INDEX($D$3:$AA$30,INDEX(Jesper!$R$2:$R$366,ROW(INDEX(Jesper!AL$2:AL$366,ROUNDDOWN($C4346/24,0)+1,1))-1)+IF('Standard Profiles'!$G$22=$B$10,7,0)+IF('Standard Profiles'!$G$22=$B$17,14,0)+IF('Standard Profiles'!$G$22=$B$24,21,0),MOD($C4346,24)+1)/SUM(INDEX($D$3:$AA$30,INDEX(Jesper!$R$2:$R$366,ROW(INDEX(Jesper!AL$2:AL$366,ROUNDDOWN($C4346/24,0)+1,1))-1)+IF('Standard Profiles'!$G$22=$B$10,7,0)+IF('Standard Profiles'!$G$22=$B$17,14,0)+IF('Standard Profiles'!$G$22=$B$24,21,0),0)),0)</f>
        <v>0</v>
      </c>
      <c r="I4346">
        <f t="shared" si="489"/>
        <v>0.36115858168100956</v>
      </c>
      <c r="J4346">
        <f t="shared" si="490"/>
        <v>1.2038619389366987</v>
      </c>
      <c r="K4346">
        <f t="shared" si="491"/>
        <v>1.8057929084050477</v>
      </c>
      <c r="L4346">
        <f t="shared" si="492"/>
        <v>8.6678059603442286</v>
      </c>
      <c r="M4346">
        <f t="shared" si="493"/>
        <v>0</v>
      </c>
      <c r="N4346" s="46">
        <f t="shared" si="494"/>
        <v>45471.666666656209</v>
      </c>
    </row>
    <row r="4347" spans="2:14" x14ac:dyDescent="0.3">
      <c r="B4347">
        <f t="shared" si="488"/>
        <v>5</v>
      </c>
      <c r="C4347" s="16">
        <v>4313</v>
      </c>
      <c r="D4347" cm="1">
        <f t="array" ref="D4347">IFERROR(INDEX(Jesper!AH$2:AH$366,ROUNDDOWN($C4347/24,0)+1,1)*INDEX($D$3:$AA$30,INDEX(Jesper!$R$2:$R$366,ROW(INDEX(Jesper!AH$2:AH$366,ROUNDDOWN($C4347/24,0)+1,1))-1)+IF('Standard Profiles'!$G$18=$B$10,7,0)+IF('Standard Profiles'!$G$18=$B$17,14,0)+IF('Standard Profiles'!$G$18=$B$24,21,0),MOD($C4347,24)+1)/SUM(INDEX($D$3:$AA$30,INDEX(Jesper!$R$2:$R$366,ROW(INDEX(Jesper!AH$2:AH$366,ROUNDDOWN($C4347/24,0)+1,1))-1)+IF('Standard Profiles'!$G$18=$B$10,7,0)+IF('Standard Profiles'!$G$18=$B$17,14,0)+IF('Standard Profiles'!$G$18=$B$24,21,0),0)),0)</f>
        <v>12.038619389366986</v>
      </c>
      <c r="E4347" cm="1">
        <f t="array" ref="E4347">IFERROR(INDEX(Jesper!AI$2:AI$366,ROUNDDOWN($C4347/24,0)+1,1)*INDEX($D$3:$AA$30,INDEX(Jesper!$R$2:$R$366,ROW(INDEX(Jesper!AI$2:AI$366,ROUNDDOWN($C4347/24,0)+1,1))-1)+IF('Standard Profiles'!$G$19=$B$10,7,0)+IF('Standard Profiles'!$G$19=$B$17,14,0)+IF('Standard Profiles'!$G$19=$B$24,21,0),MOD($C4347,24)+1)/SUM(INDEX($D$3:$AA$30,INDEX(Jesper!$R$2:$R$366,ROW(INDEX(Jesper!AI$2:AI$366,ROUNDDOWN($C4347/24,0)+1,1))-1)+IF('Standard Profiles'!$G$19=$B$10,7,0)+IF('Standard Profiles'!$G$19=$B$17,14,0)+IF('Standard Profiles'!$G$19=$B$24,21,0),0)),0)</f>
        <v>0</v>
      </c>
      <c r="F4347" cm="1">
        <f t="array" ref="F4347">IFERROR(INDEX(Jesper!AJ$2:AJ$366,ROUNDDOWN($C4347/24,0)+1,1)*INDEX($D$3:$AA$30,INDEX(Jesper!$R$2:$R$366,ROW(INDEX(Jesper!AJ$2:AJ$366,ROUNDDOWN($C4347/24,0)+1,1))-1)+IF('Standard Profiles'!$G$20=$B$10,7,0)+IF('Standard Profiles'!$G$20=$B$17,14,0)+IF('Standard Profiles'!$G$20=$B$24,21,0),MOD($C4347,24)+1)/SUM(INDEX($D$3:$AA$30,INDEX(Jesper!$R$2:$R$366,ROW(INDEX(Jesper!AJ$2:AJ$366,ROUNDDOWN($C4347/24,0)+1,1))-1)+IF('Standard Profiles'!$G$20=$B$10,7,0)+IF('Standard Profiles'!$G$20=$B$17,14,0)+IF('Standard Profiles'!$G$20=$B$24,21,0),0)),0)</f>
        <v>0</v>
      </c>
      <c r="G4347" cm="1">
        <f t="array" ref="G4347">IFERROR(INDEX(Jesper!AK$2:AK$366,ROUNDDOWN($C4347/24,0)+1,1)*INDEX($D$3:$AA$30,INDEX(Jesper!$R$2:$R$366,ROW(INDEX(Jesper!AK$2:AK$366,ROUNDDOWN($C4347/24,0)+1,1))-1)+IF('Standard Profiles'!$G$21=$B$10,7,0)+IF('Standard Profiles'!$G$21=$B$17,14,0)+IF('Standard Profiles'!$G$21=$B$24,21,0),MOD($C4347,24)+1)/SUM(INDEX($D$3:$AA$30,INDEX(Jesper!$R$2:$R$366,ROW(INDEX(Jesper!AK$2:AK$366,ROUNDDOWN($C4347/24,0)+1,1))-1)+IF('Standard Profiles'!$G$21=$B$10,7,0)+IF('Standard Profiles'!$G$21=$B$17,14,0)+IF('Standard Profiles'!$G$21=$B$24,21,0),0)),0)</f>
        <v>0</v>
      </c>
      <c r="H4347" cm="1">
        <f t="array" ref="H4347">IFERROR(INDEX(Jesper!AL$2:AL$366,ROUNDDOWN($C4347/24,0)+1,1)*INDEX($D$3:$AA$30,INDEX(Jesper!$R$2:$R$366,ROW(INDEX(Jesper!AL$2:AL$366,ROUNDDOWN($C4347/24,0)+1,1))-1)+IF('Standard Profiles'!$G$22=$B$10,7,0)+IF('Standard Profiles'!$G$22=$B$17,14,0)+IF('Standard Profiles'!$G$22=$B$24,21,0),MOD($C4347,24)+1)/SUM(INDEX($D$3:$AA$30,INDEX(Jesper!$R$2:$R$366,ROW(INDEX(Jesper!AL$2:AL$366,ROUNDDOWN($C4347/24,0)+1,1))-1)+IF('Standard Profiles'!$G$22=$B$10,7,0)+IF('Standard Profiles'!$G$22=$B$17,14,0)+IF('Standard Profiles'!$G$22=$B$24,21,0),0)),0)</f>
        <v>0</v>
      </c>
      <c r="I4347">
        <f t="shared" si="489"/>
        <v>0.36115858168100956</v>
      </c>
      <c r="J4347">
        <f t="shared" si="490"/>
        <v>1.2038619389366987</v>
      </c>
      <c r="K4347">
        <f t="shared" si="491"/>
        <v>1.8057929084050477</v>
      </c>
      <c r="L4347">
        <f t="shared" si="492"/>
        <v>8.6678059603442286</v>
      </c>
      <c r="M4347">
        <f t="shared" si="493"/>
        <v>0</v>
      </c>
      <c r="N4347" s="46">
        <f t="shared" si="494"/>
        <v>45471.708333322873</v>
      </c>
    </row>
    <row r="4348" spans="2:14" x14ac:dyDescent="0.3">
      <c r="B4348">
        <f t="shared" si="488"/>
        <v>5</v>
      </c>
      <c r="C4348" s="16">
        <v>4314</v>
      </c>
      <c r="D4348" cm="1">
        <f t="array" ref="D4348">IFERROR(INDEX(Jesper!AH$2:AH$366,ROUNDDOWN($C4348/24,0)+1,1)*INDEX($D$3:$AA$30,INDEX(Jesper!$R$2:$R$366,ROW(INDEX(Jesper!AH$2:AH$366,ROUNDDOWN($C4348/24,0)+1,1))-1)+IF('Standard Profiles'!$G$18=$B$10,7,0)+IF('Standard Profiles'!$G$18=$B$17,14,0)+IF('Standard Profiles'!$G$18=$B$24,21,0),MOD($C4348,24)+1)/SUM(INDEX($D$3:$AA$30,INDEX(Jesper!$R$2:$R$366,ROW(INDEX(Jesper!AH$2:AH$366,ROUNDDOWN($C4348/24,0)+1,1))-1)+IF('Standard Profiles'!$G$18=$B$10,7,0)+IF('Standard Profiles'!$G$18=$B$17,14,0)+IF('Standard Profiles'!$G$18=$B$24,21,0),0)),0)</f>
        <v>12.038619389366986</v>
      </c>
      <c r="E4348" cm="1">
        <f t="array" ref="E4348">IFERROR(INDEX(Jesper!AI$2:AI$366,ROUNDDOWN($C4348/24,0)+1,1)*INDEX($D$3:$AA$30,INDEX(Jesper!$R$2:$R$366,ROW(INDEX(Jesper!AI$2:AI$366,ROUNDDOWN($C4348/24,0)+1,1))-1)+IF('Standard Profiles'!$G$19=$B$10,7,0)+IF('Standard Profiles'!$G$19=$B$17,14,0)+IF('Standard Profiles'!$G$19=$B$24,21,0),MOD($C4348,24)+1)/SUM(INDEX($D$3:$AA$30,INDEX(Jesper!$R$2:$R$366,ROW(INDEX(Jesper!AI$2:AI$366,ROUNDDOWN($C4348/24,0)+1,1))-1)+IF('Standard Profiles'!$G$19=$B$10,7,0)+IF('Standard Profiles'!$G$19=$B$17,14,0)+IF('Standard Profiles'!$G$19=$B$24,21,0),0)),0)</f>
        <v>0</v>
      </c>
      <c r="F4348" cm="1">
        <f t="array" ref="F4348">IFERROR(INDEX(Jesper!AJ$2:AJ$366,ROUNDDOWN($C4348/24,0)+1,1)*INDEX($D$3:$AA$30,INDEX(Jesper!$R$2:$R$366,ROW(INDEX(Jesper!AJ$2:AJ$366,ROUNDDOWN($C4348/24,0)+1,1))-1)+IF('Standard Profiles'!$G$20=$B$10,7,0)+IF('Standard Profiles'!$G$20=$B$17,14,0)+IF('Standard Profiles'!$G$20=$B$24,21,0),MOD($C4348,24)+1)/SUM(INDEX($D$3:$AA$30,INDEX(Jesper!$R$2:$R$366,ROW(INDEX(Jesper!AJ$2:AJ$366,ROUNDDOWN($C4348/24,0)+1,1))-1)+IF('Standard Profiles'!$G$20=$B$10,7,0)+IF('Standard Profiles'!$G$20=$B$17,14,0)+IF('Standard Profiles'!$G$20=$B$24,21,0),0)),0)</f>
        <v>0</v>
      </c>
      <c r="G4348" cm="1">
        <f t="array" ref="G4348">IFERROR(INDEX(Jesper!AK$2:AK$366,ROUNDDOWN($C4348/24,0)+1,1)*INDEX($D$3:$AA$30,INDEX(Jesper!$R$2:$R$366,ROW(INDEX(Jesper!AK$2:AK$366,ROUNDDOWN($C4348/24,0)+1,1))-1)+IF('Standard Profiles'!$G$21=$B$10,7,0)+IF('Standard Profiles'!$G$21=$B$17,14,0)+IF('Standard Profiles'!$G$21=$B$24,21,0),MOD($C4348,24)+1)/SUM(INDEX($D$3:$AA$30,INDEX(Jesper!$R$2:$R$366,ROW(INDEX(Jesper!AK$2:AK$366,ROUNDDOWN($C4348/24,0)+1,1))-1)+IF('Standard Profiles'!$G$21=$B$10,7,0)+IF('Standard Profiles'!$G$21=$B$17,14,0)+IF('Standard Profiles'!$G$21=$B$24,21,0),0)),0)</f>
        <v>0</v>
      </c>
      <c r="H4348" cm="1">
        <f t="array" ref="H4348">IFERROR(INDEX(Jesper!AL$2:AL$366,ROUNDDOWN($C4348/24,0)+1,1)*INDEX($D$3:$AA$30,INDEX(Jesper!$R$2:$R$366,ROW(INDEX(Jesper!AL$2:AL$366,ROUNDDOWN($C4348/24,0)+1,1))-1)+IF('Standard Profiles'!$G$22=$B$10,7,0)+IF('Standard Profiles'!$G$22=$B$17,14,0)+IF('Standard Profiles'!$G$22=$B$24,21,0),MOD($C4348,24)+1)/SUM(INDEX($D$3:$AA$30,INDEX(Jesper!$R$2:$R$366,ROW(INDEX(Jesper!AL$2:AL$366,ROUNDDOWN($C4348/24,0)+1,1))-1)+IF('Standard Profiles'!$G$22=$B$10,7,0)+IF('Standard Profiles'!$G$22=$B$17,14,0)+IF('Standard Profiles'!$G$22=$B$24,21,0),0)),0)</f>
        <v>0</v>
      </c>
      <c r="I4348">
        <f t="shared" si="489"/>
        <v>0.36115858168100956</v>
      </c>
      <c r="J4348">
        <f t="shared" si="490"/>
        <v>1.2038619389366987</v>
      </c>
      <c r="K4348">
        <f t="shared" si="491"/>
        <v>1.8057929084050477</v>
      </c>
      <c r="L4348">
        <f t="shared" si="492"/>
        <v>8.6678059603442286</v>
      </c>
      <c r="M4348">
        <f t="shared" si="493"/>
        <v>0</v>
      </c>
      <c r="N4348" s="46">
        <f t="shared" si="494"/>
        <v>45471.749999989537</v>
      </c>
    </row>
    <row r="4349" spans="2:14" x14ac:dyDescent="0.3">
      <c r="B4349">
        <f t="shared" si="488"/>
        <v>5</v>
      </c>
      <c r="C4349" s="16">
        <v>4315</v>
      </c>
      <c r="D4349" cm="1">
        <f t="array" ref="D4349">IFERROR(INDEX(Jesper!AH$2:AH$366,ROUNDDOWN($C4349/24,0)+1,1)*INDEX($D$3:$AA$30,INDEX(Jesper!$R$2:$R$366,ROW(INDEX(Jesper!AH$2:AH$366,ROUNDDOWN($C4349/24,0)+1,1))-1)+IF('Standard Profiles'!$G$18=$B$10,7,0)+IF('Standard Profiles'!$G$18=$B$17,14,0)+IF('Standard Profiles'!$G$18=$B$24,21,0),MOD($C4349,24)+1)/SUM(INDEX($D$3:$AA$30,INDEX(Jesper!$R$2:$R$366,ROW(INDEX(Jesper!AH$2:AH$366,ROUNDDOWN($C4349/24,0)+1,1))-1)+IF('Standard Profiles'!$G$18=$B$10,7,0)+IF('Standard Profiles'!$G$18=$B$17,14,0)+IF('Standard Profiles'!$G$18=$B$24,21,0),0)),0)</f>
        <v>12.038619389366986</v>
      </c>
      <c r="E4349" cm="1">
        <f t="array" ref="E4349">IFERROR(INDEX(Jesper!AI$2:AI$366,ROUNDDOWN($C4349/24,0)+1,1)*INDEX($D$3:$AA$30,INDEX(Jesper!$R$2:$R$366,ROW(INDEX(Jesper!AI$2:AI$366,ROUNDDOWN($C4349/24,0)+1,1))-1)+IF('Standard Profiles'!$G$19=$B$10,7,0)+IF('Standard Profiles'!$G$19=$B$17,14,0)+IF('Standard Profiles'!$G$19=$B$24,21,0),MOD($C4349,24)+1)/SUM(INDEX($D$3:$AA$30,INDEX(Jesper!$R$2:$R$366,ROW(INDEX(Jesper!AI$2:AI$366,ROUNDDOWN($C4349/24,0)+1,1))-1)+IF('Standard Profiles'!$G$19=$B$10,7,0)+IF('Standard Profiles'!$G$19=$B$17,14,0)+IF('Standard Profiles'!$G$19=$B$24,21,0),0)),0)</f>
        <v>0</v>
      </c>
      <c r="F4349" cm="1">
        <f t="array" ref="F4349">IFERROR(INDEX(Jesper!AJ$2:AJ$366,ROUNDDOWN($C4349/24,0)+1,1)*INDEX($D$3:$AA$30,INDEX(Jesper!$R$2:$R$366,ROW(INDEX(Jesper!AJ$2:AJ$366,ROUNDDOWN($C4349/24,0)+1,1))-1)+IF('Standard Profiles'!$G$20=$B$10,7,0)+IF('Standard Profiles'!$G$20=$B$17,14,0)+IF('Standard Profiles'!$G$20=$B$24,21,0),MOD($C4349,24)+1)/SUM(INDEX($D$3:$AA$30,INDEX(Jesper!$R$2:$R$366,ROW(INDEX(Jesper!AJ$2:AJ$366,ROUNDDOWN($C4349/24,0)+1,1))-1)+IF('Standard Profiles'!$G$20=$B$10,7,0)+IF('Standard Profiles'!$G$20=$B$17,14,0)+IF('Standard Profiles'!$G$20=$B$24,21,0),0)),0)</f>
        <v>0</v>
      </c>
      <c r="G4349" cm="1">
        <f t="array" ref="G4349">IFERROR(INDEX(Jesper!AK$2:AK$366,ROUNDDOWN($C4349/24,0)+1,1)*INDEX($D$3:$AA$30,INDEX(Jesper!$R$2:$R$366,ROW(INDEX(Jesper!AK$2:AK$366,ROUNDDOWN($C4349/24,0)+1,1))-1)+IF('Standard Profiles'!$G$21=$B$10,7,0)+IF('Standard Profiles'!$G$21=$B$17,14,0)+IF('Standard Profiles'!$G$21=$B$24,21,0),MOD($C4349,24)+1)/SUM(INDEX($D$3:$AA$30,INDEX(Jesper!$R$2:$R$366,ROW(INDEX(Jesper!AK$2:AK$366,ROUNDDOWN($C4349/24,0)+1,1))-1)+IF('Standard Profiles'!$G$21=$B$10,7,0)+IF('Standard Profiles'!$G$21=$B$17,14,0)+IF('Standard Profiles'!$G$21=$B$24,21,0),0)),0)</f>
        <v>0</v>
      </c>
      <c r="H4349" cm="1">
        <f t="array" ref="H4349">IFERROR(INDEX(Jesper!AL$2:AL$366,ROUNDDOWN($C4349/24,0)+1,1)*INDEX($D$3:$AA$30,INDEX(Jesper!$R$2:$R$366,ROW(INDEX(Jesper!AL$2:AL$366,ROUNDDOWN($C4349/24,0)+1,1))-1)+IF('Standard Profiles'!$G$22=$B$10,7,0)+IF('Standard Profiles'!$G$22=$B$17,14,0)+IF('Standard Profiles'!$G$22=$B$24,21,0),MOD($C4349,24)+1)/SUM(INDEX($D$3:$AA$30,INDEX(Jesper!$R$2:$R$366,ROW(INDEX(Jesper!AL$2:AL$366,ROUNDDOWN($C4349/24,0)+1,1))-1)+IF('Standard Profiles'!$G$22=$B$10,7,0)+IF('Standard Profiles'!$G$22=$B$17,14,0)+IF('Standard Profiles'!$G$22=$B$24,21,0),0)),0)</f>
        <v>0</v>
      </c>
      <c r="I4349">
        <f t="shared" si="489"/>
        <v>0.36115858168100956</v>
      </c>
      <c r="J4349">
        <f t="shared" si="490"/>
        <v>1.2038619389366987</v>
      </c>
      <c r="K4349">
        <f t="shared" si="491"/>
        <v>1.8057929084050477</v>
      </c>
      <c r="L4349">
        <f t="shared" si="492"/>
        <v>8.6678059603442286</v>
      </c>
      <c r="M4349">
        <f t="shared" si="493"/>
        <v>0</v>
      </c>
      <c r="N4349" s="46">
        <f t="shared" si="494"/>
        <v>45471.791666656201</v>
      </c>
    </row>
    <row r="4350" spans="2:14" x14ac:dyDescent="0.3">
      <c r="B4350">
        <f t="shared" si="488"/>
        <v>5</v>
      </c>
      <c r="C4350" s="16">
        <v>4316</v>
      </c>
      <c r="D4350" cm="1">
        <f t="array" ref="D4350">IFERROR(INDEX(Jesper!AH$2:AH$366,ROUNDDOWN($C4350/24,0)+1,1)*INDEX($D$3:$AA$30,INDEX(Jesper!$R$2:$R$366,ROW(INDEX(Jesper!AH$2:AH$366,ROUNDDOWN($C4350/24,0)+1,1))-1)+IF('Standard Profiles'!$G$18=$B$10,7,0)+IF('Standard Profiles'!$G$18=$B$17,14,0)+IF('Standard Profiles'!$G$18=$B$24,21,0),MOD($C4350,24)+1)/SUM(INDEX($D$3:$AA$30,INDEX(Jesper!$R$2:$R$366,ROW(INDEX(Jesper!AH$2:AH$366,ROUNDDOWN($C4350/24,0)+1,1))-1)+IF('Standard Profiles'!$G$18=$B$10,7,0)+IF('Standard Profiles'!$G$18=$B$17,14,0)+IF('Standard Profiles'!$G$18=$B$24,21,0),0)),0)</f>
        <v>9.3256910762701999</v>
      </c>
      <c r="E4350" cm="1">
        <f t="array" ref="E4350">IFERROR(INDEX(Jesper!AI$2:AI$366,ROUNDDOWN($C4350/24,0)+1,1)*INDEX($D$3:$AA$30,INDEX(Jesper!$R$2:$R$366,ROW(INDEX(Jesper!AI$2:AI$366,ROUNDDOWN($C4350/24,0)+1,1))-1)+IF('Standard Profiles'!$G$19=$B$10,7,0)+IF('Standard Profiles'!$G$19=$B$17,14,0)+IF('Standard Profiles'!$G$19=$B$24,21,0),MOD($C4350,24)+1)/SUM(INDEX($D$3:$AA$30,INDEX(Jesper!$R$2:$R$366,ROW(INDEX(Jesper!AI$2:AI$366,ROUNDDOWN($C4350/24,0)+1,1))-1)+IF('Standard Profiles'!$G$19=$B$10,7,0)+IF('Standard Profiles'!$G$19=$B$17,14,0)+IF('Standard Profiles'!$G$19=$B$24,21,0),0)),0)</f>
        <v>0</v>
      </c>
      <c r="F4350" cm="1">
        <f t="array" ref="F4350">IFERROR(INDEX(Jesper!AJ$2:AJ$366,ROUNDDOWN($C4350/24,0)+1,1)*INDEX($D$3:$AA$30,INDEX(Jesper!$R$2:$R$366,ROW(INDEX(Jesper!AJ$2:AJ$366,ROUNDDOWN($C4350/24,0)+1,1))-1)+IF('Standard Profiles'!$G$20=$B$10,7,0)+IF('Standard Profiles'!$G$20=$B$17,14,0)+IF('Standard Profiles'!$G$20=$B$24,21,0),MOD($C4350,24)+1)/SUM(INDEX($D$3:$AA$30,INDEX(Jesper!$R$2:$R$366,ROW(INDEX(Jesper!AJ$2:AJ$366,ROUNDDOWN($C4350/24,0)+1,1))-1)+IF('Standard Profiles'!$G$20=$B$10,7,0)+IF('Standard Profiles'!$G$20=$B$17,14,0)+IF('Standard Profiles'!$G$20=$B$24,21,0),0)),0)</f>
        <v>0</v>
      </c>
      <c r="G4350" cm="1">
        <f t="array" ref="G4350">IFERROR(INDEX(Jesper!AK$2:AK$366,ROUNDDOWN($C4350/24,0)+1,1)*INDEX($D$3:$AA$30,INDEX(Jesper!$R$2:$R$366,ROW(INDEX(Jesper!AK$2:AK$366,ROUNDDOWN($C4350/24,0)+1,1))-1)+IF('Standard Profiles'!$G$21=$B$10,7,0)+IF('Standard Profiles'!$G$21=$B$17,14,0)+IF('Standard Profiles'!$G$21=$B$24,21,0),MOD($C4350,24)+1)/SUM(INDEX($D$3:$AA$30,INDEX(Jesper!$R$2:$R$366,ROW(INDEX(Jesper!AK$2:AK$366,ROUNDDOWN($C4350/24,0)+1,1))-1)+IF('Standard Profiles'!$G$21=$B$10,7,0)+IF('Standard Profiles'!$G$21=$B$17,14,0)+IF('Standard Profiles'!$G$21=$B$24,21,0),0)),0)</f>
        <v>0</v>
      </c>
      <c r="H4350" cm="1">
        <f t="array" ref="H4350">IFERROR(INDEX(Jesper!AL$2:AL$366,ROUNDDOWN($C4350/24,0)+1,1)*INDEX($D$3:$AA$30,INDEX(Jesper!$R$2:$R$366,ROW(INDEX(Jesper!AL$2:AL$366,ROUNDDOWN($C4350/24,0)+1,1))-1)+IF('Standard Profiles'!$G$22=$B$10,7,0)+IF('Standard Profiles'!$G$22=$B$17,14,0)+IF('Standard Profiles'!$G$22=$B$24,21,0),MOD($C4350,24)+1)/SUM(INDEX($D$3:$AA$30,INDEX(Jesper!$R$2:$R$366,ROW(INDEX(Jesper!AL$2:AL$366,ROUNDDOWN($C4350/24,0)+1,1))-1)+IF('Standard Profiles'!$G$22=$B$10,7,0)+IF('Standard Profiles'!$G$22=$B$17,14,0)+IF('Standard Profiles'!$G$22=$B$24,21,0),0)),0)</f>
        <v>0</v>
      </c>
      <c r="I4350">
        <f t="shared" si="489"/>
        <v>0.27977073228810601</v>
      </c>
      <c r="J4350">
        <f t="shared" si="490"/>
        <v>0.93256910762702006</v>
      </c>
      <c r="K4350">
        <f t="shared" si="491"/>
        <v>1.39885366144053</v>
      </c>
      <c r="L4350">
        <f t="shared" si="492"/>
        <v>6.7144975749145432</v>
      </c>
      <c r="M4350">
        <f t="shared" si="493"/>
        <v>0</v>
      </c>
      <c r="N4350" s="46">
        <f t="shared" si="494"/>
        <v>45471.833333322866</v>
      </c>
    </row>
    <row r="4351" spans="2:14" x14ac:dyDescent="0.3">
      <c r="B4351">
        <f t="shared" si="488"/>
        <v>5</v>
      </c>
      <c r="C4351" s="16">
        <v>4317</v>
      </c>
      <c r="D4351" cm="1">
        <f t="array" ref="D4351">IFERROR(INDEX(Jesper!AH$2:AH$366,ROUNDDOWN($C4351/24,0)+1,1)*INDEX($D$3:$AA$30,INDEX(Jesper!$R$2:$R$366,ROW(INDEX(Jesper!AH$2:AH$366,ROUNDDOWN($C4351/24,0)+1,1))-1)+IF('Standard Profiles'!$G$18=$B$10,7,0)+IF('Standard Profiles'!$G$18=$B$17,14,0)+IF('Standard Profiles'!$G$18=$B$24,21,0),MOD($C4351,24)+1)/SUM(INDEX($D$3:$AA$30,INDEX(Jesper!$R$2:$R$366,ROW(INDEX(Jesper!AH$2:AH$366,ROUNDDOWN($C4351/24,0)+1,1))-1)+IF('Standard Profiles'!$G$18=$B$10,7,0)+IF('Standard Profiles'!$G$18=$B$17,14,0)+IF('Standard Profiles'!$G$18=$B$24,21,0),0)),0)</f>
        <v>3.5607184109395305</v>
      </c>
      <c r="E4351" cm="1">
        <f t="array" ref="E4351">IFERROR(INDEX(Jesper!AI$2:AI$366,ROUNDDOWN($C4351/24,0)+1,1)*INDEX($D$3:$AA$30,INDEX(Jesper!$R$2:$R$366,ROW(INDEX(Jesper!AI$2:AI$366,ROUNDDOWN($C4351/24,0)+1,1))-1)+IF('Standard Profiles'!$G$19=$B$10,7,0)+IF('Standard Profiles'!$G$19=$B$17,14,0)+IF('Standard Profiles'!$G$19=$B$24,21,0),MOD($C4351,24)+1)/SUM(INDEX($D$3:$AA$30,INDEX(Jesper!$R$2:$R$366,ROW(INDEX(Jesper!AI$2:AI$366,ROUNDDOWN($C4351/24,0)+1,1))-1)+IF('Standard Profiles'!$G$19=$B$10,7,0)+IF('Standard Profiles'!$G$19=$B$17,14,0)+IF('Standard Profiles'!$G$19=$B$24,21,0),0)),0)</f>
        <v>0</v>
      </c>
      <c r="F4351" cm="1">
        <f t="array" ref="F4351">IFERROR(INDEX(Jesper!AJ$2:AJ$366,ROUNDDOWN($C4351/24,0)+1,1)*INDEX($D$3:$AA$30,INDEX(Jesper!$R$2:$R$366,ROW(INDEX(Jesper!AJ$2:AJ$366,ROUNDDOWN($C4351/24,0)+1,1))-1)+IF('Standard Profiles'!$G$20=$B$10,7,0)+IF('Standard Profiles'!$G$20=$B$17,14,0)+IF('Standard Profiles'!$G$20=$B$24,21,0),MOD($C4351,24)+1)/SUM(INDEX($D$3:$AA$30,INDEX(Jesper!$R$2:$R$366,ROW(INDEX(Jesper!AJ$2:AJ$366,ROUNDDOWN($C4351/24,0)+1,1))-1)+IF('Standard Profiles'!$G$20=$B$10,7,0)+IF('Standard Profiles'!$G$20=$B$17,14,0)+IF('Standard Profiles'!$G$20=$B$24,21,0),0)),0)</f>
        <v>0</v>
      </c>
      <c r="G4351" cm="1">
        <f t="array" ref="G4351">IFERROR(INDEX(Jesper!AK$2:AK$366,ROUNDDOWN($C4351/24,0)+1,1)*INDEX($D$3:$AA$30,INDEX(Jesper!$R$2:$R$366,ROW(INDEX(Jesper!AK$2:AK$366,ROUNDDOWN($C4351/24,0)+1,1))-1)+IF('Standard Profiles'!$G$21=$B$10,7,0)+IF('Standard Profiles'!$G$21=$B$17,14,0)+IF('Standard Profiles'!$G$21=$B$24,21,0),MOD($C4351,24)+1)/SUM(INDEX($D$3:$AA$30,INDEX(Jesper!$R$2:$R$366,ROW(INDEX(Jesper!AK$2:AK$366,ROUNDDOWN($C4351/24,0)+1,1))-1)+IF('Standard Profiles'!$G$21=$B$10,7,0)+IF('Standard Profiles'!$G$21=$B$17,14,0)+IF('Standard Profiles'!$G$21=$B$24,21,0),0)),0)</f>
        <v>0</v>
      </c>
      <c r="H4351" cm="1">
        <f t="array" ref="H4351">IFERROR(INDEX(Jesper!AL$2:AL$366,ROUNDDOWN($C4351/24,0)+1,1)*INDEX($D$3:$AA$30,INDEX(Jesper!$R$2:$R$366,ROW(INDEX(Jesper!AL$2:AL$366,ROUNDDOWN($C4351/24,0)+1,1))-1)+IF('Standard Profiles'!$G$22=$B$10,7,0)+IF('Standard Profiles'!$G$22=$B$17,14,0)+IF('Standard Profiles'!$G$22=$B$24,21,0),MOD($C4351,24)+1)/SUM(INDEX($D$3:$AA$30,INDEX(Jesper!$R$2:$R$366,ROW(INDEX(Jesper!AL$2:AL$366,ROUNDDOWN($C4351/24,0)+1,1))-1)+IF('Standard Profiles'!$G$22=$B$10,7,0)+IF('Standard Profiles'!$G$22=$B$17,14,0)+IF('Standard Profiles'!$G$22=$B$24,21,0),0)),0)</f>
        <v>0</v>
      </c>
      <c r="I4351">
        <f t="shared" si="489"/>
        <v>0.10682155232818591</v>
      </c>
      <c r="J4351">
        <f t="shared" si="490"/>
        <v>0.35607184109395307</v>
      </c>
      <c r="K4351">
        <f t="shared" si="491"/>
        <v>0.53410776164092955</v>
      </c>
      <c r="L4351">
        <f t="shared" si="492"/>
        <v>2.5637172558764618</v>
      </c>
      <c r="M4351">
        <f t="shared" si="493"/>
        <v>0</v>
      </c>
      <c r="N4351" s="46">
        <f t="shared" si="494"/>
        <v>45471.87499998953</v>
      </c>
    </row>
    <row r="4352" spans="2:14" x14ac:dyDescent="0.3">
      <c r="B4352">
        <f t="shared" si="488"/>
        <v>5</v>
      </c>
      <c r="C4352" s="16">
        <v>4318</v>
      </c>
      <c r="D4352" cm="1">
        <f t="array" ref="D4352">IFERROR(INDEX(Jesper!AH$2:AH$366,ROUNDDOWN($C4352/24,0)+1,1)*INDEX($D$3:$AA$30,INDEX(Jesper!$R$2:$R$366,ROW(INDEX(Jesper!AH$2:AH$366,ROUNDDOWN($C4352/24,0)+1,1))-1)+IF('Standard Profiles'!$G$18=$B$10,7,0)+IF('Standard Profiles'!$G$18=$B$17,14,0)+IF('Standard Profiles'!$G$18=$B$24,21,0),MOD($C4352,24)+1)/SUM(INDEX($D$3:$AA$30,INDEX(Jesper!$R$2:$R$366,ROW(INDEX(Jesper!AH$2:AH$366,ROUNDDOWN($C4352/24,0)+1,1))-1)+IF('Standard Profiles'!$G$18=$B$10,7,0)+IF('Standard Profiles'!$G$18=$B$17,14,0)+IF('Standard Profiles'!$G$18=$B$24,21,0),0)),0)</f>
        <v>3.5607184109395305</v>
      </c>
      <c r="E4352" cm="1">
        <f t="array" ref="E4352">IFERROR(INDEX(Jesper!AI$2:AI$366,ROUNDDOWN($C4352/24,0)+1,1)*INDEX($D$3:$AA$30,INDEX(Jesper!$R$2:$R$366,ROW(INDEX(Jesper!AI$2:AI$366,ROUNDDOWN($C4352/24,0)+1,1))-1)+IF('Standard Profiles'!$G$19=$B$10,7,0)+IF('Standard Profiles'!$G$19=$B$17,14,0)+IF('Standard Profiles'!$G$19=$B$24,21,0),MOD($C4352,24)+1)/SUM(INDEX($D$3:$AA$30,INDEX(Jesper!$R$2:$R$366,ROW(INDEX(Jesper!AI$2:AI$366,ROUNDDOWN($C4352/24,0)+1,1))-1)+IF('Standard Profiles'!$G$19=$B$10,7,0)+IF('Standard Profiles'!$G$19=$B$17,14,0)+IF('Standard Profiles'!$G$19=$B$24,21,0),0)),0)</f>
        <v>0</v>
      </c>
      <c r="F4352" cm="1">
        <f t="array" ref="F4352">IFERROR(INDEX(Jesper!AJ$2:AJ$366,ROUNDDOWN($C4352/24,0)+1,1)*INDEX($D$3:$AA$30,INDEX(Jesper!$R$2:$R$366,ROW(INDEX(Jesper!AJ$2:AJ$366,ROUNDDOWN($C4352/24,0)+1,1))-1)+IF('Standard Profiles'!$G$20=$B$10,7,0)+IF('Standard Profiles'!$G$20=$B$17,14,0)+IF('Standard Profiles'!$G$20=$B$24,21,0),MOD($C4352,24)+1)/SUM(INDEX($D$3:$AA$30,INDEX(Jesper!$R$2:$R$366,ROW(INDEX(Jesper!AJ$2:AJ$366,ROUNDDOWN($C4352/24,0)+1,1))-1)+IF('Standard Profiles'!$G$20=$B$10,7,0)+IF('Standard Profiles'!$G$20=$B$17,14,0)+IF('Standard Profiles'!$G$20=$B$24,21,0),0)),0)</f>
        <v>0</v>
      </c>
      <c r="G4352" cm="1">
        <f t="array" ref="G4352">IFERROR(INDEX(Jesper!AK$2:AK$366,ROUNDDOWN($C4352/24,0)+1,1)*INDEX($D$3:$AA$30,INDEX(Jesper!$R$2:$R$366,ROW(INDEX(Jesper!AK$2:AK$366,ROUNDDOWN($C4352/24,0)+1,1))-1)+IF('Standard Profiles'!$G$21=$B$10,7,0)+IF('Standard Profiles'!$G$21=$B$17,14,0)+IF('Standard Profiles'!$G$21=$B$24,21,0),MOD($C4352,24)+1)/SUM(INDEX($D$3:$AA$30,INDEX(Jesper!$R$2:$R$366,ROW(INDEX(Jesper!AK$2:AK$366,ROUNDDOWN($C4352/24,0)+1,1))-1)+IF('Standard Profiles'!$G$21=$B$10,7,0)+IF('Standard Profiles'!$G$21=$B$17,14,0)+IF('Standard Profiles'!$G$21=$B$24,21,0),0)),0)</f>
        <v>0</v>
      </c>
      <c r="H4352" cm="1">
        <f t="array" ref="H4352">IFERROR(INDEX(Jesper!AL$2:AL$366,ROUNDDOWN($C4352/24,0)+1,1)*INDEX($D$3:$AA$30,INDEX(Jesper!$R$2:$R$366,ROW(INDEX(Jesper!AL$2:AL$366,ROUNDDOWN($C4352/24,0)+1,1))-1)+IF('Standard Profiles'!$G$22=$B$10,7,0)+IF('Standard Profiles'!$G$22=$B$17,14,0)+IF('Standard Profiles'!$G$22=$B$24,21,0),MOD($C4352,24)+1)/SUM(INDEX($D$3:$AA$30,INDEX(Jesper!$R$2:$R$366,ROW(INDEX(Jesper!AL$2:AL$366,ROUNDDOWN($C4352/24,0)+1,1))-1)+IF('Standard Profiles'!$G$22=$B$10,7,0)+IF('Standard Profiles'!$G$22=$B$17,14,0)+IF('Standard Profiles'!$G$22=$B$24,21,0),0)),0)</f>
        <v>0</v>
      </c>
      <c r="I4352">
        <f t="shared" si="489"/>
        <v>0.10682155232818591</v>
      </c>
      <c r="J4352">
        <f t="shared" si="490"/>
        <v>0.35607184109395307</v>
      </c>
      <c r="K4352">
        <f t="shared" si="491"/>
        <v>0.53410776164092955</v>
      </c>
      <c r="L4352">
        <f t="shared" si="492"/>
        <v>2.5637172558764618</v>
      </c>
      <c r="M4352">
        <f t="shared" si="493"/>
        <v>0</v>
      </c>
      <c r="N4352" s="46">
        <f t="shared" si="494"/>
        <v>45471.916666656194</v>
      </c>
    </row>
    <row r="4353" spans="2:14" x14ac:dyDescent="0.3">
      <c r="B4353">
        <f t="shared" si="488"/>
        <v>5</v>
      </c>
      <c r="C4353" s="16">
        <v>4319</v>
      </c>
      <c r="D4353" cm="1">
        <f t="array" ref="D4353">IFERROR(INDEX(Jesper!AH$2:AH$366,ROUNDDOWN($C4353/24,0)+1,1)*INDEX($D$3:$AA$30,INDEX(Jesper!$R$2:$R$366,ROW(INDEX(Jesper!AH$2:AH$366,ROUNDDOWN($C4353/24,0)+1,1))-1)+IF('Standard Profiles'!$G$18=$B$10,7,0)+IF('Standard Profiles'!$G$18=$B$17,14,0)+IF('Standard Profiles'!$G$18=$B$24,21,0),MOD($C4353,24)+1)/SUM(INDEX($D$3:$AA$30,INDEX(Jesper!$R$2:$R$366,ROW(INDEX(Jesper!AH$2:AH$366,ROUNDDOWN($C4353/24,0)+1,1))-1)+IF('Standard Profiles'!$G$18=$B$10,7,0)+IF('Standard Profiles'!$G$18=$B$17,14,0)+IF('Standard Profiles'!$G$18=$B$24,21,0),0)),0)</f>
        <v>3.5607184109395305</v>
      </c>
      <c r="E4353" cm="1">
        <f t="array" ref="E4353">IFERROR(INDEX(Jesper!AI$2:AI$366,ROUNDDOWN($C4353/24,0)+1,1)*INDEX($D$3:$AA$30,INDEX(Jesper!$R$2:$R$366,ROW(INDEX(Jesper!AI$2:AI$366,ROUNDDOWN($C4353/24,0)+1,1))-1)+IF('Standard Profiles'!$G$19=$B$10,7,0)+IF('Standard Profiles'!$G$19=$B$17,14,0)+IF('Standard Profiles'!$G$19=$B$24,21,0),MOD($C4353,24)+1)/SUM(INDEX($D$3:$AA$30,INDEX(Jesper!$R$2:$R$366,ROW(INDEX(Jesper!AI$2:AI$366,ROUNDDOWN($C4353/24,0)+1,1))-1)+IF('Standard Profiles'!$G$19=$B$10,7,0)+IF('Standard Profiles'!$G$19=$B$17,14,0)+IF('Standard Profiles'!$G$19=$B$24,21,0),0)),0)</f>
        <v>0</v>
      </c>
      <c r="F4353" cm="1">
        <f t="array" ref="F4353">IFERROR(INDEX(Jesper!AJ$2:AJ$366,ROUNDDOWN($C4353/24,0)+1,1)*INDEX($D$3:$AA$30,INDEX(Jesper!$R$2:$R$366,ROW(INDEX(Jesper!AJ$2:AJ$366,ROUNDDOWN($C4353/24,0)+1,1))-1)+IF('Standard Profiles'!$G$20=$B$10,7,0)+IF('Standard Profiles'!$G$20=$B$17,14,0)+IF('Standard Profiles'!$G$20=$B$24,21,0),MOD($C4353,24)+1)/SUM(INDEX($D$3:$AA$30,INDEX(Jesper!$R$2:$R$366,ROW(INDEX(Jesper!AJ$2:AJ$366,ROUNDDOWN($C4353/24,0)+1,1))-1)+IF('Standard Profiles'!$G$20=$B$10,7,0)+IF('Standard Profiles'!$G$20=$B$17,14,0)+IF('Standard Profiles'!$G$20=$B$24,21,0),0)),0)</f>
        <v>0</v>
      </c>
      <c r="G4353" cm="1">
        <f t="array" ref="G4353">IFERROR(INDEX(Jesper!AK$2:AK$366,ROUNDDOWN($C4353/24,0)+1,1)*INDEX($D$3:$AA$30,INDEX(Jesper!$R$2:$R$366,ROW(INDEX(Jesper!AK$2:AK$366,ROUNDDOWN($C4353/24,0)+1,1))-1)+IF('Standard Profiles'!$G$21=$B$10,7,0)+IF('Standard Profiles'!$G$21=$B$17,14,0)+IF('Standard Profiles'!$G$21=$B$24,21,0),MOD($C4353,24)+1)/SUM(INDEX($D$3:$AA$30,INDEX(Jesper!$R$2:$R$366,ROW(INDEX(Jesper!AK$2:AK$366,ROUNDDOWN($C4353/24,0)+1,1))-1)+IF('Standard Profiles'!$G$21=$B$10,7,0)+IF('Standard Profiles'!$G$21=$B$17,14,0)+IF('Standard Profiles'!$G$21=$B$24,21,0),0)),0)</f>
        <v>0</v>
      </c>
      <c r="H4353" cm="1">
        <f t="array" ref="H4353">IFERROR(INDEX(Jesper!AL$2:AL$366,ROUNDDOWN($C4353/24,0)+1,1)*INDEX($D$3:$AA$30,INDEX(Jesper!$R$2:$R$366,ROW(INDEX(Jesper!AL$2:AL$366,ROUNDDOWN($C4353/24,0)+1,1))-1)+IF('Standard Profiles'!$G$22=$B$10,7,0)+IF('Standard Profiles'!$G$22=$B$17,14,0)+IF('Standard Profiles'!$G$22=$B$24,21,0),MOD($C4353,24)+1)/SUM(INDEX($D$3:$AA$30,INDEX(Jesper!$R$2:$R$366,ROW(INDEX(Jesper!AL$2:AL$366,ROUNDDOWN($C4353/24,0)+1,1))-1)+IF('Standard Profiles'!$G$22=$B$10,7,0)+IF('Standard Profiles'!$G$22=$B$17,14,0)+IF('Standard Profiles'!$G$22=$B$24,21,0),0)),0)</f>
        <v>0</v>
      </c>
      <c r="I4353">
        <f t="shared" si="489"/>
        <v>0.10682155232818591</v>
      </c>
      <c r="J4353">
        <f t="shared" si="490"/>
        <v>0.35607184109395307</v>
      </c>
      <c r="K4353">
        <f t="shared" si="491"/>
        <v>0.53410776164092955</v>
      </c>
      <c r="L4353">
        <f t="shared" si="492"/>
        <v>2.5637172558764618</v>
      </c>
      <c r="M4353">
        <f t="shared" si="493"/>
        <v>0</v>
      </c>
      <c r="N4353" s="46">
        <f t="shared" si="494"/>
        <v>45471.958333322858</v>
      </c>
    </row>
    <row r="4354" spans="2:14" x14ac:dyDescent="0.3">
      <c r="B4354">
        <f t="shared" si="488"/>
        <v>6</v>
      </c>
      <c r="C4354" s="16">
        <v>4320</v>
      </c>
      <c r="D4354" cm="1">
        <f t="array" ref="D4354">IFERROR(INDEX(Jesper!AH$2:AH$366,ROUNDDOWN($C4354/24,0)+1,1)*INDEX($D$3:$AA$30,INDEX(Jesper!$R$2:$R$366,ROW(INDEX(Jesper!AH$2:AH$366,ROUNDDOWN($C4354/24,0)+1,1))-1)+IF('Standard Profiles'!$G$18=$B$10,7,0)+IF('Standard Profiles'!$G$18=$B$17,14,0)+IF('Standard Profiles'!$G$18=$B$24,21,0),MOD($C4354,24)+1)/SUM(INDEX($D$3:$AA$30,INDEX(Jesper!$R$2:$R$366,ROW(INDEX(Jesper!AH$2:AH$366,ROUNDDOWN($C4354/24,0)+1,1))-1)+IF('Standard Profiles'!$G$18=$B$10,7,0)+IF('Standard Profiles'!$G$18=$B$17,14,0)+IF('Standard Profiles'!$G$18=$B$24,21,0),0)),0)</f>
        <v>3.4860039994994731</v>
      </c>
      <c r="E4354" cm="1">
        <f t="array" ref="E4354">IFERROR(INDEX(Jesper!AI$2:AI$366,ROUNDDOWN($C4354/24,0)+1,1)*INDEX($D$3:$AA$30,INDEX(Jesper!$R$2:$R$366,ROW(INDEX(Jesper!AI$2:AI$366,ROUNDDOWN($C4354/24,0)+1,1))-1)+IF('Standard Profiles'!$G$19=$B$10,7,0)+IF('Standard Profiles'!$G$19=$B$17,14,0)+IF('Standard Profiles'!$G$19=$B$24,21,0),MOD($C4354,24)+1)/SUM(INDEX($D$3:$AA$30,INDEX(Jesper!$R$2:$R$366,ROW(INDEX(Jesper!AI$2:AI$366,ROUNDDOWN($C4354/24,0)+1,1))-1)+IF('Standard Profiles'!$G$19=$B$10,7,0)+IF('Standard Profiles'!$G$19=$B$17,14,0)+IF('Standard Profiles'!$G$19=$B$24,21,0),0)),0)</f>
        <v>0.5546204308539554</v>
      </c>
      <c r="F4354" cm="1">
        <f t="array" ref="F4354">IFERROR(INDEX(Jesper!AJ$2:AJ$366,ROUNDDOWN($C4354/24,0)+1,1)*INDEX($D$3:$AA$30,INDEX(Jesper!$R$2:$R$366,ROW(INDEX(Jesper!AJ$2:AJ$366,ROUNDDOWN($C4354/24,0)+1,1))-1)+IF('Standard Profiles'!$G$20=$B$10,7,0)+IF('Standard Profiles'!$G$20=$B$17,14,0)+IF('Standard Profiles'!$G$20=$B$24,21,0),MOD($C4354,24)+1)/SUM(INDEX($D$3:$AA$30,INDEX(Jesper!$R$2:$R$366,ROW(INDEX(Jesper!AJ$2:AJ$366,ROUNDDOWN($C4354/24,0)+1,1))-1)+IF('Standard Profiles'!$G$20=$B$10,7,0)+IF('Standard Profiles'!$G$20=$B$17,14,0)+IF('Standard Profiles'!$G$20=$B$24,21,0),0)),0)</f>
        <v>0</v>
      </c>
      <c r="G4354" cm="1">
        <f t="array" ref="G4354">IFERROR(INDEX(Jesper!AK$2:AK$366,ROUNDDOWN($C4354/24,0)+1,1)*INDEX($D$3:$AA$30,INDEX(Jesper!$R$2:$R$366,ROW(INDEX(Jesper!AK$2:AK$366,ROUNDDOWN($C4354/24,0)+1,1))-1)+IF('Standard Profiles'!$G$21=$B$10,7,0)+IF('Standard Profiles'!$G$21=$B$17,14,0)+IF('Standard Profiles'!$G$21=$B$24,21,0),MOD($C4354,24)+1)/SUM(INDEX($D$3:$AA$30,INDEX(Jesper!$R$2:$R$366,ROW(INDEX(Jesper!AK$2:AK$366,ROUNDDOWN($C4354/24,0)+1,1))-1)+IF('Standard Profiles'!$G$21=$B$10,7,0)+IF('Standard Profiles'!$G$21=$B$17,14,0)+IF('Standard Profiles'!$G$21=$B$24,21,0),0)),0)</f>
        <v>0</v>
      </c>
      <c r="H4354" cm="1">
        <f t="array" ref="H4354">IFERROR(INDEX(Jesper!AL$2:AL$366,ROUNDDOWN($C4354/24,0)+1,1)*INDEX($D$3:$AA$30,INDEX(Jesper!$R$2:$R$366,ROW(INDEX(Jesper!AL$2:AL$366,ROUNDDOWN($C4354/24,0)+1,1))-1)+IF('Standard Profiles'!$G$22=$B$10,7,0)+IF('Standard Profiles'!$G$22=$B$17,14,0)+IF('Standard Profiles'!$G$22=$B$24,21,0),MOD($C4354,24)+1)/SUM(INDEX($D$3:$AA$30,INDEX(Jesper!$R$2:$R$366,ROW(INDEX(Jesper!AL$2:AL$366,ROUNDDOWN($C4354/24,0)+1,1))-1)+IF('Standard Profiles'!$G$22=$B$10,7,0)+IF('Standard Profiles'!$G$22=$B$17,14,0)+IF('Standard Profiles'!$G$22=$B$24,21,0),0)),0)</f>
        <v>0</v>
      </c>
      <c r="I4354">
        <f t="shared" si="489"/>
        <v>4.9965804581437435E-2</v>
      </c>
      <c r="J4354">
        <f t="shared" si="490"/>
        <v>0.16655268193812481</v>
      </c>
      <c r="K4354">
        <f t="shared" si="491"/>
        <v>0.24982902290718723</v>
      </c>
      <c r="L4354">
        <f t="shared" si="492"/>
        <v>3.5742769209266791</v>
      </c>
      <c r="M4354">
        <f t="shared" si="493"/>
        <v>0</v>
      </c>
      <c r="N4354" s="46">
        <f t="shared" si="494"/>
        <v>45471.999999989523</v>
      </c>
    </row>
    <row r="4355" spans="2:14" x14ac:dyDescent="0.3">
      <c r="B4355">
        <f t="shared" si="488"/>
        <v>6</v>
      </c>
      <c r="C4355" s="16">
        <v>4321</v>
      </c>
      <c r="D4355" cm="1">
        <f t="array" ref="D4355">IFERROR(INDEX(Jesper!AH$2:AH$366,ROUNDDOWN($C4355/24,0)+1,1)*INDEX($D$3:$AA$30,INDEX(Jesper!$R$2:$R$366,ROW(INDEX(Jesper!AH$2:AH$366,ROUNDDOWN($C4355/24,0)+1,1))-1)+IF('Standard Profiles'!$G$18=$B$10,7,0)+IF('Standard Profiles'!$G$18=$B$17,14,0)+IF('Standard Profiles'!$G$18=$B$24,21,0),MOD($C4355,24)+1)/SUM(INDEX($D$3:$AA$30,INDEX(Jesper!$R$2:$R$366,ROW(INDEX(Jesper!AH$2:AH$366,ROUNDDOWN($C4355/24,0)+1,1))-1)+IF('Standard Profiles'!$G$18=$B$10,7,0)+IF('Standard Profiles'!$G$18=$B$17,14,0)+IF('Standard Profiles'!$G$18=$B$24,21,0),0)),0)</f>
        <v>6.8060078085465907</v>
      </c>
      <c r="E4355" cm="1">
        <f t="array" ref="E4355">IFERROR(INDEX(Jesper!AI$2:AI$366,ROUNDDOWN($C4355/24,0)+1,1)*INDEX($D$3:$AA$30,INDEX(Jesper!$R$2:$R$366,ROW(INDEX(Jesper!AI$2:AI$366,ROUNDDOWN($C4355/24,0)+1,1))-1)+IF('Standard Profiles'!$G$19=$B$10,7,0)+IF('Standard Profiles'!$G$19=$B$17,14,0)+IF('Standard Profiles'!$G$19=$B$24,21,0),MOD($C4355,24)+1)/SUM(INDEX($D$3:$AA$30,INDEX(Jesper!$R$2:$R$366,ROW(INDEX(Jesper!AI$2:AI$366,ROUNDDOWN($C4355/24,0)+1,1))-1)+IF('Standard Profiles'!$G$19=$B$10,7,0)+IF('Standard Profiles'!$G$19=$B$17,14,0)+IF('Standard Profiles'!$G$19=$B$24,21,0),0)),0)</f>
        <v>1.0828303650005797</v>
      </c>
      <c r="F4355" cm="1">
        <f t="array" ref="F4355">IFERROR(INDEX(Jesper!AJ$2:AJ$366,ROUNDDOWN($C4355/24,0)+1,1)*INDEX($D$3:$AA$30,INDEX(Jesper!$R$2:$R$366,ROW(INDEX(Jesper!AJ$2:AJ$366,ROUNDDOWN($C4355/24,0)+1,1))-1)+IF('Standard Profiles'!$G$20=$B$10,7,0)+IF('Standard Profiles'!$G$20=$B$17,14,0)+IF('Standard Profiles'!$G$20=$B$24,21,0),MOD($C4355,24)+1)/SUM(INDEX($D$3:$AA$30,INDEX(Jesper!$R$2:$R$366,ROW(INDEX(Jesper!AJ$2:AJ$366,ROUNDDOWN($C4355/24,0)+1,1))-1)+IF('Standard Profiles'!$G$20=$B$10,7,0)+IF('Standard Profiles'!$G$20=$B$17,14,0)+IF('Standard Profiles'!$G$20=$B$24,21,0),0)),0)</f>
        <v>0</v>
      </c>
      <c r="G4355" cm="1">
        <f t="array" ref="G4355">IFERROR(INDEX(Jesper!AK$2:AK$366,ROUNDDOWN($C4355/24,0)+1,1)*INDEX($D$3:$AA$30,INDEX(Jesper!$R$2:$R$366,ROW(INDEX(Jesper!AK$2:AK$366,ROUNDDOWN($C4355/24,0)+1,1))-1)+IF('Standard Profiles'!$G$21=$B$10,7,0)+IF('Standard Profiles'!$G$21=$B$17,14,0)+IF('Standard Profiles'!$G$21=$B$24,21,0),MOD($C4355,24)+1)/SUM(INDEX($D$3:$AA$30,INDEX(Jesper!$R$2:$R$366,ROW(INDEX(Jesper!AK$2:AK$366,ROUNDDOWN($C4355/24,0)+1,1))-1)+IF('Standard Profiles'!$G$21=$B$10,7,0)+IF('Standard Profiles'!$G$21=$B$17,14,0)+IF('Standard Profiles'!$G$21=$B$24,21,0),0)),0)</f>
        <v>0</v>
      </c>
      <c r="H4355" cm="1">
        <f t="array" ref="H4355">IFERROR(INDEX(Jesper!AL$2:AL$366,ROUNDDOWN($C4355/24,0)+1,1)*INDEX($D$3:$AA$30,INDEX(Jesper!$R$2:$R$366,ROW(INDEX(Jesper!AL$2:AL$366,ROUNDDOWN($C4355/24,0)+1,1))-1)+IF('Standard Profiles'!$G$22=$B$10,7,0)+IF('Standard Profiles'!$G$22=$B$17,14,0)+IF('Standard Profiles'!$G$22=$B$24,21,0),MOD($C4355,24)+1)/SUM(INDEX($D$3:$AA$30,INDEX(Jesper!$R$2:$R$366,ROW(INDEX(Jesper!AL$2:AL$366,ROUNDDOWN($C4355/24,0)+1,1))-1)+IF('Standard Profiles'!$G$22=$B$10,7,0)+IF('Standard Profiles'!$G$22=$B$17,14,0)+IF('Standard Profiles'!$G$22=$B$24,21,0),0)),0)</f>
        <v>0</v>
      </c>
      <c r="I4355">
        <f t="shared" si="489"/>
        <v>9.7552285135187392E-2</v>
      </c>
      <c r="J4355">
        <f t="shared" si="490"/>
        <v>0.32517428378395802</v>
      </c>
      <c r="K4355">
        <f t="shared" si="491"/>
        <v>0.487761425675937</v>
      </c>
      <c r="L4355">
        <f t="shared" si="492"/>
        <v>6.9783501789520885</v>
      </c>
      <c r="M4355">
        <f t="shared" si="493"/>
        <v>0</v>
      </c>
      <c r="N4355" s="46">
        <f t="shared" si="494"/>
        <v>45472.041666656187</v>
      </c>
    </row>
    <row r="4356" spans="2:14" x14ac:dyDescent="0.3">
      <c r="B4356">
        <f t="shared" si="488"/>
        <v>6</v>
      </c>
      <c r="C4356" s="16">
        <v>4322</v>
      </c>
      <c r="D4356" cm="1">
        <f t="array" ref="D4356">IFERROR(INDEX(Jesper!AH$2:AH$366,ROUNDDOWN($C4356/24,0)+1,1)*INDEX($D$3:$AA$30,INDEX(Jesper!$R$2:$R$366,ROW(INDEX(Jesper!AH$2:AH$366,ROUNDDOWN($C4356/24,0)+1,1))-1)+IF('Standard Profiles'!$G$18=$B$10,7,0)+IF('Standard Profiles'!$G$18=$B$17,14,0)+IF('Standard Profiles'!$G$18=$B$24,21,0),MOD($C4356,24)+1)/SUM(INDEX($D$3:$AA$30,INDEX(Jesper!$R$2:$R$366,ROW(INDEX(Jesper!AH$2:AH$366,ROUNDDOWN($C4356/24,0)+1,1))-1)+IF('Standard Profiles'!$G$18=$B$10,7,0)+IF('Standard Profiles'!$G$18=$B$17,14,0)+IF('Standard Profiles'!$G$18=$B$24,21,0),0)),0)</f>
        <v>6.8060078085465907</v>
      </c>
      <c r="E4356" cm="1">
        <f t="array" ref="E4356">IFERROR(INDEX(Jesper!AI$2:AI$366,ROUNDDOWN($C4356/24,0)+1,1)*INDEX($D$3:$AA$30,INDEX(Jesper!$R$2:$R$366,ROW(INDEX(Jesper!AI$2:AI$366,ROUNDDOWN($C4356/24,0)+1,1))-1)+IF('Standard Profiles'!$G$19=$B$10,7,0)+IF('Standard Profiles'!$G$19=$B$17,14,0)+IF('Standard Profiles'!$G$19=$B$24,21,0),MOD($C4356,24)+1)/SUM(INDEX($D$3:$AA$30,INDEX(Jesper!$R$2:$R$366,ROW(INDEX(Jesper!AI$2:AI$366,ROUNDDOWN($C4356/24,0)+1,1))-1)+IF('Standard Profiles'!$G$19=$B$10,7,0)+IF('Standard Profiles'!$G$19=$B$17,14,0)+IF('Standard Profiles'!$G$19=$B$24,21,0),0)),0)</f>
        <v>1.0828303650005797</v>
      </c>
      <c r="F4356" cm="1">
        <f t="array" ref="F4356">IFERROR(INDEX(Jesper!AJ$2:AJ$366,ROUNDDOWN($C4356/24,0)+1,1)*INDEX($D$3:$AA$30,INDEX(Jesper!$R$2:$R$366,ROW(INDEX(Jesper!AJ$2:AJ$366,ROUNDDOWN($C4356/24,0)+1,1))-1)+IF('Standard Profiles'!$G$20=$B$10,7,0)+IF('Standard Profiles'!$G$20=$B$17,14,0)+IF('Standard Profiles'!$G$20=$B$24,21,0),MOD($C4356,24)+1)/SUM(INDEX($D$3:$AA$30,INDEX(Jesper!$R$2:$R$366,ROW(INDEX(Jesper!AJ$2:AJ$366,ROUNDDOWN($C4356/24,0)+1,1))-1)+IF('Standard Profiles'!$G$20=$B$10,7,0)+IF('Standard Profiles'!$G$20=$B$17,14,0)+IF('Standard Profiles'!$G$20=$B$24,21,0),0)),0)</f>
        <v>0</v>
      </c>
      <c r="G4356" cm="1">
        <f t="array" ref="G4356">IFERROR(INDEX(Jesper!AK$2:AK$366,ROUNDDOWN($C4356/24,0)+1,1)*INDEX($D$3:$AA$30,INDEX(Jesper!$R$2:$R$366,ROW(INDEX(Jesper!AK$2:AK$366,ROUNDDOWN($C4356/24,0)+1,1))-1)+IF('Standard Profiles'!$G$21=$B$10,7,0)+IF('Standard Profiles'!$G$21=$B$17,14,0)+IF('Standard Profiles'!$G$21=$B$24,21,0),MOD($C4356,24)+1)/SUM(INDEX($D$3:$AA$30,INDEX(Jesper!$R$2:$R$366,ROW(INDEX(Jesper!AK$2:AK$366,ROUNDDOWN($C4356/24,0)+1,1))-1)+IF('Standard Profiles'!$G$21=$B$10,7,0)+IF('Standard Profiles'!$G$21=$B$17,14,0)+IF('Standard Profiles'!$G$21=$B$24,21,0),0)),0)</f>
        <v>0</v>
      </c>
      <c r="H4356" cm="1">
        <f t="array" ref="H4356">IFERROR(INDEX(Jesper!AL$2:AL$366,ROUNDDOWN($C4356/24,0)+1,1)*INDEX($D$3:$AA$30,INDEX(Jesper!$R$2:$R$366,ROW(INDEX(Jesper!AL$2:AL$366,ROUNDDOWN($C4356/24,0)+1,1))-1)+IF('Standard Profiles'!$G$22=$B$10,7,0)+IF('Standard Profiles'!$G$22=$B$17,14,0)+IF('Standard Profiles'!$G$22=$B$24,21,0),MOD($C4356,24)+1)/SUM(INDEX($D$3:$AA$30,INDEX(Jesper!$R$2:$R$366,ROW(INDEX(Jesper!AL$2:AL$366,ROUNDDOWN($C4356/24,0)+1,1))-1)+IF('Standard Profiles'!$G$22=$B$10,7,0)+IF('Standard Profiles'!$G$22=$B$17,14,0)+IF('Standard Profiles'!$G$22=$B$24,21,0),0)),0)</f>
        <v>0</v>
      </c>
      <c r="I4356">
        <f t="shared" si="489"/>
        <v>9.7552285135187392E-2</v>
      </c>
      <c r="J4356">
        <f t="shared" si="490"/>
        <v>0.32517428378395802</v>
      </c>
      <c r="K4356">
        <f t="shared" si="491"/>
        <v>0.487761425675937</v>
      </c>
      <c r="L4356">
        <f t="shared" si="492"/>
        <v>6.9783501789520885</v>
      </c>
      <c r="M4356">
        <f t="shared" si="493"/>
        <v>0</v>
      </c>
      <c r="N4356" s="46">
        <f t="shared" si="494"/>
        <v>45472.083333322851</v>
      </c>
    </row>
    <row r="4357" spans="2:14" x14ac:dyDescent="0.3">
      <c r="B4357">
        <f t="shared" si="488"/>
        <v>6</v>
      </c>
      <c r="C4357" s="16">
        <v>4323</v>
      </c>
      <c r="D4357" cm="1">
        <f t="array" ref="D4357">IFERROR(INDEX(Jesper!AH$2:AH$366,ROUNDDOWN($C4357/24,0)+1,1)*INDEX($D$3:$AA$30,INDEX(Jesper!$R$2:$R$366,ROW(INDEX(Jesper!AH$2:AH$366,ROUNDDOWN($C4357/24,0)+1,1))-1)+IF('Standard Profiles'!$G$18=$B$10,7,0)+IF('Standard Profiles'!$G$18=$B$17,14,0)+IF('Standard Profiles'!$G$18=$B$24,21,0),MOD($C4357,24)+1)/SUM(INDEX($D$3:$AA$30,INDEX(Jesper!$R$2:$R$366,ROW(INDEX(Jesper!AH$2:AH$366,ROUNDDOWN($C4357/24,0)+1,1))-1)+IF('Standard Profiles'!$G$18=$B$10,7,0)+IF('Standard Profiles'!$G$18=$B$17,14,0)+IF('Standard Profiles'!$G$18=$B$24,21,0),0)),0)</f>
        <v>6.8060078085465907</v>
      </c>
      <c r="E4357" cm="1">
        <f t="array" ref="E4357">IFERROR(INDEX(Jesper!AI$2:AI$366,ROUNDDOWN($C4357/24,0)+1,1)*INDEX($D$3:$AA$30,INDEX(Jesper!$R$2:$R$366,ROW(INDEX(Jesper!AI$2:AI$366,ROUNDDOWN($C4357/24,0)+1,1))-1)+IF('Standard Profiles'!$G$19=$B$10,7,0)+IF('Standard Profiles'!$G$19=$B$17,14,0)+IF('Standard Profiles'!$G$19=$B$24,21,0),MOD($C4357,24)+1)/SUM(INDEX($D$3:$AA$30,INDEX(Jesper!$R$2:$R$366,ROW(INDEX(Jesper!AI$2:AI$366,ROUNDDOWN($C4357/24,0)+1,1))-1)+IF('Standard Profiles'!$G$19=$B$10,7,0)+IF('Standard Profiles'!$G$19=$B$17,14,0)+IF('Standard Profiles'!$G$19=$B$24,21,0),0)),0)</f>
        <v>1.0828303650005797</v>
      </c>
      <c r="F4357" cm="1">
        <f t="array" ref="F4357">IFERROR(INDEX(Jesper!AJ$2:AJ$366,ROUNDDOWN($C4357/24,0)+1,1)*INDEX($D$3:$AA$30,INDEX(Jesper!$R$2:$R$366,ROW(INDEX(Jesper!AJ$2:AJ$366,ROUNDDOWN($C4357/24,0)+1,1))-1)+IF('Standard Profiles'!$G$20=$B$10,7,0)+IF('Standard Profiles'!$G$20=$B$17,14,0)+IF('Standard Profiles'!$G$20=$B$24,21,0),MOD($C4357,24)+1)/SUM(INDEX($D$3:$AA$30,INDEX(Jesper!$R$2:$R$366,ROW(INDEX(Jesper!AJ$2:AJ$366,ROUNDDOWN($C4357/24,0)+1,1))-1)+IF('Standard Profiles'!$G$20=$B$10,7,0)+IF('Standard Profiles'!$G$20=$B$17,14,0)+IF('Standard Profiles'!$G$20=$B$24,21,0),0)),0)</f>
        <v>0</v>
      </c>
      <c r="G4357" cm="1">
        <f t="array" ref="G4357">IFERROR(INDEX(Jesper!AK$2:AK$366,ROUNDDOWN($C4357/24,0)+1,1)*INDEX($D$3:$AA$30,INDEX(Jesper!$R$2:$R$366,ROW(INDEX(Jesper!AK$2:AK$366,ROUNDDOWN($C4357/24,0)+1,1))-1)+IF('Standard Profiles'!$G$21=$B$10,7,0)+IF('Standard Profiles'!$G$21=$B$17,14,0)+IF('Standard Profiles'!$G$21=$B$24,21,0),MOD($C4357,24)+1)/SUM(INDEX($D$3:$AA$30,INDEX(Jesper!$R$2:$R$366,ROW(INDEX(Jesper!AK$2:AK$366,ROUNDDOWN($C4357/24,0)+1,1))-1)+IF('Standard Profiles'!$G$21=$B$10,7,0)+IF('Standard Profiles'!$G$21=$B$17,14,0)+IF('Standard Profiles'!$G$21=$B$24,21,0),0)),0)</f>
        <v>0</v>
      </c>
      <c r="H4357" cm="1">
        <f t="array" ref="H4357">IFERROR(INDEX(Jesper!AL$2:AL$366,ROUNDDOWN($C4357/24,0)+1,1)*INDEX($D$3:$AA$30,INDEX(Jesper!$R$2:$R$366,ROW(INDEX(Jesper!AL$2:AL$366,ROUNDDOWN($C4357/24,0)+1,1))-1)+IF('Standard Profiles'!$G$22=$B$10,7,0)+IF('Standard Profiles'!$G$22=$B$17,14,0)+IF('Standard Profiles'!$G$22=$B$24,21,0),MOD($C4357,24)+1)/SUM(INDEX($D$3:$AA$30,INDEX(Jesper!$R$2:$R$366,ROW(INDEX(Jesper!AL$2:AL$366,ROUNDDOWN($C4357/24,0)+1,1))-1)+IF('Standard Profiles'!$G$22=$B$10,7,0)+IF('Standard Profiles'!$G$22=$B$17,14,0)+IF('Standard Profiles'!$G$22=$B$24,21,0),0)),0)</f>
        <v>0</v>
      </c>
      <c r="I4357">
        <f t="shared" si="489"/>
        <v>9.7552285135187392E-2</v>
      </c>
      <c r="J4357">
        <f t="shared" si="490"/>
        <v>0.32517428378395802</v>
      </c>
      <c r="K4357">
        <f t="shared" si="491"/>
        <v>0.487761425675937</v>
      </c>
      <c r="L4357">
        <f t="shared" si="492"/>
        <v>6.9783501789520885</v>
      </c>
      <c r="M4357">
        <f t="shared" si="493"/>
        <v>0</v>
      </c>
      <c r="N4357" s="46">
        <f t="shared" si="494"/>
        <v>45472.124999989515</v>
      </c>
    </row>
    <row r="4358" spans="2:14" x14ac:dyDescent="0.3">
      <c r="B4358">
        <f t="shared" si="488"/>
        <v>6</v>
      </c>
      <c r="C4358" s="16">
        <v>4324</v>
      </c>
      <c r="D4358" cm="1">
        <f t="array" ref="D4358">IFERROR(INDEX(Jesper!AH$2:AH$366,ROUNDDOWN($C4358/24,0)+1,1)*INDEX($D$3:$AA$30,INDEX(Jesper!$R$2:$R$366,ROW(INDEX(Jesper!AH$2:AH$366,ROUNDDOWN($C4358/24,0)+1,1))-1)+IF('Standard Profiles'!$G$18=$B$10,7,0)+IF('Standard Profiles'!$G$18=$B$17,14,0)+IF('Standard Profiles'!$G$18=$B$24,21,0),MOD($C4358,24)+1)/SUM(INDEX($D$3:$AA$30,INDEX(Jesper!$R$2:$R$366,ROW(INDEX(Jesper!AH$2:AH$366,ROUNDDOWN($C4358/24,0)+1,1))-1)+IF('Standard Profiles'!$G$18=$B$10,7,0)+IF('Standard Profiles'!$G$18=$B$17,14,0)+IF('Standard Profiles'!$G$18=$B$24,21,0),0)),0)</f>
        <v>6.8060078085465907</v>
      </c>
      <c r="E4358" cm="1">
        <f t="array" ref="E4358">IFERROR(INDEX(Jesper!AI$2:AI$366,ROUNDDOWN($C4358/24,0)+1,1)*INDEX($D$3:$AA$30,INDEX(Jesper!$R$2:$R$366,ROW(INDEX(Jesper!AI$2:AI$366,ROUNDDOWN($C4358/24,0)+1,1))-1)+IF('Standard Profiles'!$G$19=$B$10,7,0)+IF('Standard Profiles'!$G$19=$B$17,14,0)+IF('Standard Profiles'!$G$19=$B$24,21,0),MOD($C4358,24)+1)/SUM(INDEX($D$3:$AA$30,INDEX(Jesper!$R$2:$R$366,ROW(INDEX(Jesper!AI$2:AI$366,ROUNDDOWN($C4358/24,0)+1,1))-1)+IF('Standard Profiles'!$G$19=$B$10,7,0)+IF('Standard Profiles'!$G$19=$B$17,14,0)+IF('Standard Profiles'!$G$19=$B$24,21,0),0)),0)</f>
        <v>1.0828303650005797</v>
      </c>
      <c r="F4358" cm="1">
        <f t="array" ref="F4358">IFERROR(INDEX(Jesper!AJ$2:AJ$366,ROUNDDOWN($C4358/24,0)+1,1)*INDEX($D$3:$AA$30,INDEX(Jesper!$R$2:$R$366,ROW(INDEX(Jesper!AJ$2:AJ$366,ROUNDDOWN($C4358/24,0)+1,1))-1)+IF('Standard Profiles'!$G$20=$B$10,7,0)+IF('Standard Profiles'!$G$20=$B$17,14,0)+IF('Standard Profiles'!$G$20=$B$24,21,0),MOD($C4358,24)+1)/SUM(INDEX($D$3:$AA$30,INDEX(Jesper!$R$2:$R$366,ROW(INDEX(Jesper!AJ$2:AJ$366,ROUNDDOWN($C4358/24,0)+1,1))-1)+IF('Standard Profiles'!$G$20=$B$10,7,0)+IF('Standard Profiles'!$G$20=$B$17,14,0)+IF('Standard Profiles'!$G$20=$B$24,21,0),0)),0)</f>
        <v>0</v>
      </c>
      <c r="G4358" cm="1">
        <f t="array" ref="G4358">IFERROR(INDEX(Jesper!AK$2:AK$366,ROUNDDOWN($C4358/24,0)+1,1)*INDEX($D$3:$AA$30,INDEX(Jesper!$R$2:$R$366,ROW(INDEX(Jesper!AK$2:AK$366,ROUNDDOWN($C4358/24,0)+1,1))-1)+IF('Standard Profiles'!$G$21=$B$10,7,0)+IF('Standard Profiles'!$G$21=$B$17,14,0)+IF('Standard Profiles'!$G$21=$B$24,21,0),MOD($C4358,24)+1)/SUM(INDEX($D$3:$AA$30,INDEX(Jesper!$R$2:$R$366,ROW(INDEX(Jesper!AK$2:AK$366,ROUNDDOWN($C4358/24,0)+1,1))-1)+IF('Standard Profiles'!$G$21=$B$10,7,0)+IF('Standard Profiles'!$G$21=$B$17,14,0)+IF('Standard Profiles'!$G$21=$B$24,21,0),0)),0)</f>
        <v>0</v>
      </c>
      <c r="H4358" cm="1">
        <f t="array" ref="H4358">IFERROR(INDEX(Jesper!AL$2:AL$366,ROUNDDOWN($C4358/24,0)+1,1)*INDEX($D$3:$AA$30,INDEX(Jesper!$R$2:$R$366,ROW(INDEX(Jesper!AL$2:AL$366,ROUNDDOWN($C4358/24,0)+1,1))-1)+IF('Standard Profiles'!$G$22=$B$10,7,0)+IF('Standard Profiles'!$G$22=$B$17,14,0)+IF('Standard Profiles'!$G$22=$B$24,21,0),MOD($C4358,24)+1)/SUM(INDEX($D$3:$AA$30,INDEX(Jesper!$R$2:$R$366,ROW(INDEX(Jesper!AL$2:AL$366,ROUNDDOWN($C4358/24,0)+1,1))-1)+IF('Standard Profiles'!$G$22=$B$10,7,0)+IF('Standard Profiles'!$G$22=$B$17,14,0)+IF('Standard Profiles'!$G$22=$B$24,21,0),0)),0)</f>
        <v>0</v>
      </c>
      <c r="I4358">
        <f t="shared" si="489"/>
        <v>9.7552285135187392E-2</v>
      </c>
      <c r="J4358">
        <f t="shared" si="490"/>
        <v>0.32517428378395802</v>
      </c>
      <c r="K4358">
        <f t="shared" si="491"/>
        <v>0.487761425675937</v>
      </c>
      <c r="L4358">
        <f t="shared" si="492"/>
        <v>6.9783501789520885</v>
      </c>
      <c r="M4358">
        <f t="shared" si="493"/>
        <v>0</v>
      </c>
      <c r="N4358" s="46">
        <f t="shared" si="494"/>
        <v>45472.16666665618</v>
      </c>
    </row>
    <row r="4359" spans="2:14" x14ac:dyDescent="0.3">
      <c r="B4359">
        <f t="shared" si="488"/>
        <v>6</v>
      </c>
      <c r="C4359" s="16">
        <v>4325</v>
      </c>
      <c r="D4359" cm="1">
        <f t="array" ref="D4359">IFERROR(INDEX(Jesper!AH$2:AH$366,ROUNDDOWN($C4359/24,0)+1,1)*INDEX($D$3:$AA$30,INDEX(Jesper!$R$2:$R$366,ROW(INDEX(Jesper!AH$2:AH$366,ROUNDDOWN($C4359/24,0)+1,1))-1)+IF('Standard Profiles'!$G$18=$B$10,7,0)+IF('Standard Profiles'!$G$18=$B$17,14,0)+IF('Standard Profiles'!$G$18=$B$24,21,0),MOD($C4359,24)+1)/SUM(INDEX($D$3:$AA$30,INDEX(Jesper!$R$2:$R$366,ROW(INDEX(Jesper!AH$2:AH$366,ROUNDDOWN($C4359/24,0)+1,1))-1)+IF('Standard Profiles'!$G$18=$B$10,7,0)+IF('Standard Profiles'!$G$18=$B$17,14,0)+IF('Standard Profiles'!$G$18=$B$24,21,0),0)),0)</f>
        <v>8.4660097130701502</v>
      </c>
      <c r="E4359" cm="1">
        <f t="array" ref="E4359">IFERROR(INDEX(Jesper!AI$2:AI$366,ROUNDDOWN($C4359/24,0)+1,1)*INDEX($D$3:$AA$30,INDEX(Jesper!$R$2:$R$366,ROW(INDEX(Jesper!AI$2:AI$366,ROUNDDOWN($C4359/24,0)+1,1))-1)+IF('Standard Profiles'!$G$19=$B$10,7,0)+IF('Standard Profiles'!$G$19=$B$17,14,0)+IF('Standard Profiles'!$G$19=$B$24,21,0),MOD($C4359,24)+1)/SUM(INDEX($D$3:$AA$30,INDEX(Jesper!$R$2:$R$366,ROW(INDEX(Jesper!AI$2:AI$366,ROUNDDOWN($C4359/24,0)+1,1))-1)+IF('Standard Profiles'!$G$19=$B$10,7,0)+IF('Standard Profiles'!$G$19=$B$17,14,0)+IF('Standard Profiles'!$G$19=$B$24,21,0),0)),0)</f>
        <v>1.3469353320738917</v>
      </c>
      <c r="F4359" cm="1">
        <f t="array" ref="F4359">IFERROR(INDEX(Jesper!AJ$2:AJ$366,ROUNDDOWN($C4359/24,0)+1,1)*INDEX($D$3:$AA$30,INDEX(Jesper!$R$2:$R$366,ROW(INDEX(Jesper!AJ$2:AJ$366,ROUNDDOWN($C4359/24,0)+1,1))-1)+IF('Standard Profiles'!$G$20=$B$10,7,0)+IF('Standard Profiles'!$G$20=$B$17,14,0)+IF('Standard Profiles'!$G$20=$B$24,21,0),MOD($C4359,24)+1)/SUM(INDEX($D$3:$AA$30,INDEX(Jesper!$R$2:$R$366,ROW(INDEX(Jesper!AJ$2:AJ$366,ROUNDDOWN($C4359/24,0)+1,1))-1)+IF('Standard Profiles'!$G$20=$B$10,7,0)+IF('Standard Profiles'!$G$20=$B$17,14,0)+IF('Standard Profiles'!$G$20=$B$24,21,0),0)),0)</f>
        <v>0</v>
      </c>
      <c r="G4359" cm="1">
        <f t="array" ref="G4359">IFERROR(INDEX(Jesper!AK$2:AK$366,ROUNDDOWN($C4359/24,0)+1,1)*INDEX($D$3:$AA$30,INDEX(Jesper!$R$2:$R$366,ROW(INDEX(Jesper!AK$2:AK$366,ROUNDDOWN($C4359/24,0)+1,1))-1)+IF('Standard Profiles'!$G$21=$B$10,7,0)+IF('Standard Profiles'!$G$21=$B$17,14,0)+IF('Standard Profiles'!$G$21=$B$24,21,0),MOD($C4359,24)+1)/SUM(INDEX($D$3:$AA$30,INDEX(Jesper!$R$2:$R$366,ROW(INDEX(Jesper!AK$2:AK$366,ROUNDDOWN($C4359/24,0)+1,1))-1)+IF('Standard Profiles'!$G$21=$B$10,7,0)+IF('Standard Profiles'!$G$21=$B$17,14,0)+IF('Standard Profiles'!$G$21=$B$24,21,0),0)),0)</f>
        <v>0</v>
      </c>
      <c r="H4359" cm="1">
        <f t="array" ref="H4359">IFERROR(INDEX(Jesper!AL$2:AL$366,ROUNDDOWN($C4359/24,0)+1,1)*INDEX($D$3:$AA$30,INDEX(Jesper!$R$2:$R$366,ROW(INDEX(Jesper!AL$2:AL$366,ROUNDDOWN($C4359/24,0)+1,1))-1)+IF('Standard Profiles'!$G$22=$B$10,7,0)+IF('Standard Profiles'!$G$22=$B$17,14,0)+IF('Standard Profiles'!$G$22=$B$24,21,0),MOD($C4359,24)+1)/SUM(INDEX($D$3:$AA$30,INDEX(Jesper!$R$2:$R$366,ROW(INDEX(Jesper!AL$2:AL$366,ROUNDDOWN($C4359/24,0)+1,1))-1)+IF('Standard Profiles'!$G$22=$B$10,7,0)+IF('Standard Profiles'!$G$22=$B$17,14,0)+IF('Standard Profiles'!$G$22=$B$24,21,0),0)),0)</f>
        <v>0</v>
      </c>
      <c r="I4359">
        <f t="shared" si="489"/>
        <v>0.12134552541206235</v>
      </c>
      <c r="J4359">
        <f t="shared" si="490"/>
        <v>0.40448508470687455</v>
      </c>
      <c r="K4359">
        <f t="shared" si="491"/>
        <v>0.6067276270603118</v>
      </c>
      <c r="L4359">
        <f t="shared" si="492"/>
        <v>8.6803868079647941</v>
      </c>
      <c r="M4359">
        <f t="shared" si="493"/>
        <v>0</v>
      </c>
      <c r="N4359" s="46">
        <f t="shared" si="494"/>
        <v>45472.208333322844</v>
      </c>
    </row>
    <row r="4360" spans="2:14" x14ac:dyDescent="0.3">
      <c r="B4360">
        <f t="shared" si="488"/>
        <v>6</v>
      </c>
      <c r="C4360" s="16">
        <v>4326</v>
      </c>
      <c r="D4360" cm="1">
        <f t="array" ref="D4360">IFERROR(INDEX(Jesper!AH$2:AH$366,ROUNDDOWN($C4360/24,0)+1,1)*INDEX($D$3:$AA$30,INDEX(Jesper!$R$2:$R$366,ROW(INDEX(Jesper!AH$2:AH$366,ROUNDDOWN($C4360/24,0)+1,1))-1)+IF('Standard Profiles'!$G$18=$B$10,7,0)+IF('Standard Profiles'!$G$18=$B$17,14,0)+IF('Standard Profiles'!$G$18=$B$24,21,0),MOD($C4360,24)+1)/SUM(INDEX($D$3:$AA$30,INDEX(Jesper!$R$2:$R$366,ROW(INDEX(Jesper!AH$2:AH$366,ROUNDDOWN($C4360/24,0)+1,1))-1)+IF('Standard Profiles'!$G$18=$B$10,7,0)+IF('Standard Profiles'!$G$18=$B$17,14,0)+IF('Standard Profiles'!$G$18=$B$24,21,0),0)),0)</f>
        <v>10.624012188950775</v>
      </c>
      <c r="E4360" cm="1">
        <f t="array" ref="E4360">IFERROR(INDEX(Jesper!AI$2:AI$366,ROUNDDOWN($C4360/24,0)+1,1)*INDEX($D$3:$AA$30,INDEX(Jesper!$R$2:$R$366,ROW(INDEX(Jesper!AI$2:AI$366,ROUNDDOWN($C4360/24,0)+1,1))-1)+IF('Standard Profiles'!$G$19=$B$10,7,0)+IF('Standard Profiles'!$G$19=$B$17,14,0)+IF('Standard Profiles'!$G$19=$B$24,21,0),MOD($C4360,24)+1)/SUM(INDEX($D$3:$AA$30,INDEX(Jesper!$R$2:$R$366,ROW(INDEX(Jesper!AI$2:AI$366,ROUNDDOWN($C4360/24,0)+1,1))-1)+IF('Standard Profiles'!$G$19=$B$10,7,0)+IF('Standard Profiles'!$G$19=$B$17,14,0)+IF('Standard Profiles'!$G$19=$B$24,21,0),0)),0)</f>
        <v>1.6902717892691974</v>
      </c>
      <c r="F4360" cm="1">
        <f t="array" ref="F4360">IFERROR(INDEX(Jesper!AJ$2:AJ$366,ROUNDDOWN($C4360/24,0)+1,1)*INDEX($D$3:$AA$30,INDEX(Jesper!$R$2:$R$366,ROW(INDEX(Jesper!AJ$2:AJ$366,ROUNDDOWN($C4360/24,0)+1,1))-1)+IF('Standard Profiles'!$G$20=$B$10,7,0)+IF('Standard Profiles'!$G$20=$B$17,14,0)+IF('Standard Profiles'!$G$20=$B$24,21,0),MOD($C4360,24)+1)/SUM(INDEX($D$3:$AA$30,INDEX(Jesper!$R$2:$R$366,ROW(INDEX(Jesper!AJ$2:AJ$366,ROUNDDOWN($C4360/24,0)+1,1))-1)+IF('Standard Profiles'!$G$20=$B$10,7,0)+IF('Standard Profiles'!$G$20=$B$17,14,0)+IF('Standard Profiles'!$G$20=$B$24,21,0),0)),0)</f>
        <v>0</v>
      </c>
      <c r="G4360" cm="1">
        <f t="array" ref="G4360">IFERROR(INDEX(Jesper!AK$2:AK$366,ROUNDDOWN($C4360/24,0)+1,1)*INDEX($D$3:$AA$30,INDEX(Jesper!$R$2:$R$366,ROW(INDEX(Jesper!AK$2:AK$366,ROUNDDOWN($C4360/24,0)+1,1))-1)+IF('Standard Profiles'!$G$21=$B$10,7,0)+IF('Standard Profiles'!$G$21=$B$17,14,0)+IF('Standard Profiles'!$G$21=$B$24,21,0),MOD($C4360,24)+1)/SUM(INDEX($D$3:$AA$30,INDEX(Jesper!$R$2:$R$366,ROW(INDEX(Jesper!AK$2:AK$366,ROUNDDOWN($C4360/24,0)+1,1))-1)+IF('Standard Profiles'!$G$21=$B$10,7,0)+IF('Standard Profiles'!$G$21=$B$17,14,0)+IF('Standard Profiles'!$G$21=$B$24,21,0),0)),0)</f>
        <v>0</v>
      </c>
      <c r="H4360" cm="1">
        <f t="array" ref="H4360">IFERROR(INDEX(Jesper!AL$2:AL$366,ROUNDDOWN($C4360/24,0)+1,1)*INDEX($D$3:$AA$30,INDEX(Jesper!$R$2:$R$366,ROW(INDEX(Jesper!AL$2:AL$366,ROUNDDOWN($C4360/24,0)+1,1))-1)+IF('Standard Profiles'!$G$22=$B$10,7,0)+IF('Standard Profiles'!$G$22=$B$17,14,0)+IF('Standard Profiles'!$G$22=$B$24,21,0),MOD($C4360,24)+1)/SUM(INDEX($D$3:$AA$30,INDEX(Jesper!$R$2:$R$366,ROW(INDEX(Jesper!AL$2:AL$366,ROUNDDOWN($C4360/24,0)+1,1))-1)+IF('Standard Profiles'!$G$22=$B$10,7,0)+IF('Standard Profiles'!$G$22=$B$17,14,0)+IF('Standard Profiles'!$G$22=$B$24,21,0),0)),0)</f>
        <v>0</v>
      </c>
      <c r="I4360">
        <f t="shared" si="489"/>
        <v>0.15227673777199979</v>
      </c>
      <c r="J4360">
        <f t="shared" si="490"/>
        <v>0.50758912590666605</v>
      </c>
      <c r="K4360">
        <f t="shared" si="491"/>
        <v>0.76138368885999907</v>
      </c>
      <c r="L4360">
        <f t="shared" si="492"/>
        <v>10.893034425681307</v>
      </c>
      <c r="M4360">
        <f t="shared" si="493"/>
        <v>0</v>
      </c>
      <c r="N4360" s="46">
        <f t="shared" si="494"/>
        <v>45472.249999989508</v>
      </c>
    </row>
    <row r="4361" spans="2:14" x14ac:dyDescent="0.3">
      <c r="B4361">
        <f t="shared" si="488"/>
        <v>6</v>
      </c>
      <c r="C4361" s="16">
        <v>4327</v>
      </c>
      <c r="D4361" cm="1">
        <f t="array" ref="D4361">IFERROR(INDEX(Jesper!AH$2:AH$366,ROUNDDOWN($C4361/24,0)+1,1)*INDEX($D$3:$AA$30,INDEX(Jesper!$R$2:$R$366,ROW(INDEX(Jesper!AH$2:AH$366,ROUNDDOWN($C4361/24,0)+1,1))-1)+IF('Standard Profiles'!$G$18=$B$10,7,0)+IF('Standard Profiles'!$G$18=$B$17,14,0)+IF('Standard Profiles'!$G$18=$B$24,21,0),MOD($C4361,24)+1)/SUM(INDEX($D$3:$AA$30,INDEX(Jesper!$R$2:$R$366,ROW(INDEX(Jesper!AH$2:AH$366,ROUNDDOWN($C4361/24,0)+1,1))-1)+IF('Standard Profiles'!$G$18=$B$10,7,0)+IF('Standard Profiles'!$G$18=$B$17,14,0)+IF('Standard Profiles'!$G$18=$B$24,21,0),0)),0)</f>
        <v>12.118013903021978</v>
      </c>
      <c r="E4361" cm="1">
        <f t="array" ref="E4361">IFERROR(INDEX(Jesper!AI$2:AI$366,ROUNDDOWN($C4361/24,0)+1,1)*INDEX($D$3:$AA$30,INDEX(Jesper!$R$2:$R$366,ROW(INDEX(Jesper!AI$2:AI$366,ROUNDDOWN($C4361/24,0)+1,1))-1)+IF('Standard Profiles'!$G$19=$B$10,7,0)+IF('Standard Profiles'!$G$19=$B$17,14,0)+IF('Standard Profiles'!$G$19=$B$24,21,0),MOD($C4361,24)+1)/SUM(INDEX($D$3:$AA$30,INDEX(Jesper!$R$2:$R$366,ROW(INDEX(Jesper!AI$2:AI$366,ROUNDDOWN($C4361/24,0)+1,1))-1)+IF('Standard Profiles'!$G$19=$B$10,7,0)+IF('Standard Profiles'!$G$19=$B$17,14,0)+IF('Standard Profiles'!$G$19=$B$24,21,0),0)),0)</f>
        <v>1.9279662596351783</v>
      </c>
      <c r="F4361" cm="1">
        <f t="array" ref="F4361">IFERROR(INDEX(Jesper!AJ$2:AJ$366,ROUNDDOWN($C4361/24,0)+1,1)*INDEX($D$3:$AA$30,INDEX(Jesper!$R$2:$R$366,ROW(INDEX(Jesper!AJ$2:AJ$366,ROUNDDOWN($C4361/24,0)+1,1))-1)+IF('Standard Profiles'!$G$20=$B$10,7,0)+IF('Standard Profiles'!$G$20=$B$17,14,0)+IF('Standard Profiles'!$G$20=$B$24,21,0),MOD($C4361,24)+1)/SUM(INDEX($D$3:$AA$30,INDEX(Jesper!$R$2:$R$366,ROW(INDEX(Jesper!AJ$2:AJ$366,ROUNDDOWN($C4361/24,0)+1,1))-1)+IF('Standard Profiles'!$G$20=$B$10,7,0)+IF('Standard Profiles'!$G$20=$B$17,14,0)+IF('Standard Profiles'!$G$20=$B$24,21,0),0)),0)</f>
        <v>0</v>
      </c>
      <c r="G4361" cm="1">
        <f t="array" ref="G4361">IFERROR(INDEX(Jesper!AK$2:AK$366,ROUNDDOWN($C4361/24,0)+1,1)*INDEX($D$3:$AA$30,INDEX(Jesper!$R$2:$R$366,ROW(INDEX(Jesper!AK$2:AK$366,ROUNDDOWN($C4361/24,0)+1,1))-1)+IF('Standard Profiles'!$G$21=$B$10,7,0)+IF('Standard Profiles'!$G$21=$B$17,14,0)+IF('Standard Profiles'!$G$21=$B$24,21,0),MOD($C4361,24)+1)/SUM(INDEX($D$3:$AA$30,INDEX(Jesper!$R$2:$R$366,ROW(INDEX(Jesper!AK$2:AK$366,ROUNDDOWN($C4361/24,0)+1,1))-1)+IF('Standard Profiles'!$G$21=$B$10,7,0)+IF('Standard Profiles'!$G$21=$B$17,14,0)+IF('Standard Profiles'!$G$21=$B$24,21,0),0)),0)</f>
        <v>0</v>
      </c>
      <c r="H4361" cm="1">
        <f t="array" ref="H4361">IFERROR(INDEX(Jesper!AL$2:AL$366,ROUNDDOWN($C4361/24,0)+1,1)*INDEX($D$3:$AA$30,INDEX(Jesper!$R$2:$R$366,ROW(INDEX(Jesper!AL$2:AL$366,ROUNDDOWN($C4361/24,0)+1,1))-1)+IF('Standard Profiles'!$G$22=$B$10,7,0)+IF('Standard Profiles'!$G$22=$B$17,14,0)+IF('Standard Profiles'!$G$22=$B$24,21,0),MOD($C4361,24)+1)/SUM(INDEX($D$3:$AA$30,INDEX(Jesper!$R$2:$R$366,ROW(INDEX(Jesper!AL$2:AL$366,ROUNDDOWN($C4361/24,0)+1,1))-1)+IF('Standard Profiles'!$G$22=$B$10,7,0)+IF('Standard Profiles'!$G$22=$B$17,14,0)+IF('Standard Profiles'!$G$22=$B$24,21,0),0)),0)</f>
        <v>0</v>
      </c>
      <c r="I4361">
        <f t="shared" si="489"/>
        <v>0.17369065402118727</v>
      </c>
      <c r="J4361">
        <f t="shared" si="490"/>
        <v>0.57896884673729099</v>
      </c>
      <c r="K4361">
        <f t="shared" si="491"/>
        <v>0.86845327010593654</v>
      </c>
      <c r="L4361">
        <f t="shared" si="492"/>
        <v>12.424867391792741</v>
      </c>
      <c r="M4361">
        <f t="shared" si="493"/>
        <v>0</v>
      </c>
      <c r="N4361" s="46">
        <f t="shared" si="494"/>
        <v>45472.291666656172</v>
      </c>
    </row>
    <row r="4362" spans="2:14" x14ac:dyDescent="0.3">
      <c r="B4362">
        <f t="shared" si="488"/>
        <v>6</v>
      </c>
      <c r="C4362" s="16">
        <v>4328</v>
      </c>
      <c r="D4362" cm="1">
        <f t="array" ref="D4362">IFERROR(INDEX(Jesper!AH$2:AH$366,ROUNDDOWN($C4362/24,0)+1,1)*INDEX($D$3:$AA$30,INDEX(Jesper!$R$2:$R$366,ROW(INDEX(Jesper!AH$2:AH$366,ROUNDDOWN($C4362/24,0)+1,1))-1)+IF('Standard Profiles'!$G$18=$B$10,7,0)+IF('Standard Profiles'!$G$18=$B$17,14,0)+IF('Standard Profiles'!$G$18=$B$24,21,0),MOD($C4362,24)+1)/SUM(INDEX($D$3:$AA$30,INDEX(Jesper!$R$2:$R$366,ROW(INDEX(Jesper!AH$2:AH$366,ROUNDDOWN($C4362/24,0)+1,1))-1)+IF('Standard Profiles'!$G$18=$B$10,7,0)+IF('Standard Profiles'!$G$18=$B$17,14,0)+IF('Standard Profiles'!$G$18=$B$24,21,0),0)),0)</f>
        <v>12.118013903021978</v>
      </c>
      <c r="E4362" cm="1">
        <f t="array" ref="E4362">IFERROR(INDEX(Jesper!AI$2:AI$366,ROUNDDOWN($C4362/24,0)+1,1)*INDEX($D$3:$AA$30,INDEX(Jesper!$R$2:$R$366,ROW(INDEX(Jesper!AI$2:AI$366,ROUNDDOWN($C4362/24,0)+1,1))-1)+IF('Standard Profiles'!$G$19=$B$10,7,0)+IF('Standard Profiles'!$G$19=$B$17,14,0)+IF('Standard Profiles'!$G$19=$B$24,21,0),MOD($C4362,24)+1)/SUM(INDEX($D$3:$AA$30,INDEX(Jesper!$R$2:$R$366,ROW(INDEX(Jesper!AI$2:AI$366,ROUNDDOWN($C4362/24,0)+1,1))-1)+IF('Standard Profiles'!$G$19=$B$10,7,0)+IF('Standard Profiles'!$G$19=$B$17,14,0)+IF('Standard Profiles'!$G$19=$B$24,21,0),0)),0)</f>
        <v>1.9279662596351783</v>
      </c>
      <c r="F4362" cm="1">
        <f t="array" ref="F4362">IFERROR(INDEX(Jesper!AJ$2:AJ$366,ROUNDDOWN($C4362/24,0)+1,1)*INDEX($D$3:$AA$30,INDEX(Jesper!$R$2:$R$366,ROW(INDEX(Jesper!AJ$2:AJ$366,ROUNDDOWN($C4362/24,0)+1,1))-1)+IF('Standard Profiles'!$G$20=$B$10,7,0)+IF('Standard Profiles'!$G$20=$B$17,14,0)+IF('Standard Profiles'!$G$20=$B$24,21,0),MOD($C4362,24)+1)/SUM(INDEX($D$3:$AA$30,INDEX(Jesper!$R$2:$R$366,ROW(INDEX(Jesper!AJ$2:AJ$366,ROUNDDOWN($C4362/24,0)+1,1))-1)+IF('Standard Profiles'!$G$20=$B$10,7,0)+IF('Standard Profiles'!$G$20=$B$17,14,0)+IF('Standard Profiles'!$G$20=$B$24,21,0),0)),0)</f>
        <v>0</v>
      </c>
      <c r="G4362" cm="1">
        <f t="array" ref="G4362">IFERROR(INDEX(Jesper!AK$2:AK$366,ROUNDDOWN($C4362/24,0)+1,1)*INDEX($D$3:$AA$30,INDEX(Jesper!$R$2:$R$366,ROW(INDEX(Jesper!AK$2:AK$366,ROUNDDOWN($C4362/24,0)+1,1))-1)+IF('Standard Profiles'!$G$21=$B$10,7,0)+IF('Standard Profiles'!$G$21=$B$17,14,0)+IF('Standard Profiles'!$G$21=$B$24,21,0),MOD($C4362,24)+1)/SUM(INDEX($D$3:$AA$30,INDEX(Jesper!$R$2:$R$366,ROW(INDEX(Jesper!AK$2:AK$366,ROUNDDOWN($C4362/24,0)+1,1))-1)+IF('Standard Profiles'!$G$21=$B$10,7,0)+IF('Standard Profiles'!$G$21=$B$17,14,0)+IF('Standard Profiles'!$G$21=$B$24,21,0),0)),0)</f>
        <v>0</v>
      </c>
      <c r="H4362" cm="1">
        <f t="array" ref="H4362">IFERROR(INDEX(Jesper!AL$2:AL$366,ROUNDDOWN($C4362/24,0)+1,1)*INDEX($D$3:$AA$30,INDEX(Jesper!$R$2:$R$366,ROW(INDEX(Jesper!AL$2:AL$366,ROUNDDOWN($C4362/24,0)+1,1))-1)+IF('Standard Profiles'!$G$22=$B$10,7,0)+IF('Standard Profiles'!$G$22=$B$17,14,0)+IF('Standard Profiles'!$G$22=$B$24,21,0),MOD($C4362,24)+1)/SUM(INDEX($D$3:$AA$30,INDEX(Jesper!$R$2:$R$366,ROW(INDEX(Jesper!AL$2:AL$366,ROUNDDOWN($C4362/24,0)+1,1))-1)+IF('Standard Profiles'!$G$22=$B$10,7,0)+IF('Standard Profiles'!$G$22=$B$17,14,0)+IF('Standard Profiles'!$G$22=$B$24,21,0),0)),0)</f>
        <v>0</v>
      </c>
      <c r="I4362">
        <f t="shared" si="489"/>
        <v>0.17369065402118727</v>
      </c>
      <c r="J4362">
        <f t="shared" si="490"/>
        <v>0.57896884673729099</v>
      </c>
      <c r="K4362">
        <f t="shared" si="491"/>
        <v>0.86845327010593654</v>
      </c>
      <c r="L4362">
        <f t="shared" si="492"/>
        <v>12.424867391792741</v>
      </c>
      <c r="M4362">
        <f t="shared" si="493"/>
        <v>0</v>
      </c>
      <c r="N4362" s="46">
        <f t="shared" si="494"/>
        <v>45472.333333322837</v>
      </c>
    </row>
    <row r="4363" spans="2:14" x14ac:dyDescent="0.3">
      <c r="B4363">
        <f t="shared" si="488"/>
        <v>6</v>
      </c>
      <c r="C4363" s="16">
        <v>4329</v>
      </c>
      <c r="D4363" cm="1">
        <f t="array" ref="D4363">IFERROR(INDEX(Jesper!AH$2:AH$366,ROUNDDOWN($C4363/24,0)+1,1)*INDEX($D$3:$AA$30,INDEX(Jesper!$R$2:$R$366,ROW(INDEX(Jesper!AH$2:AH$366,ROUNDDOWN($C4363/24,0)+1,1))-1)+IF('Standard Profiles'!$G$18=$B$10,7,0)+IF('Standard Profiles'!$G$18=$B$17,14,0)+IF('Standard Profiles'!$G$18=$B$24,21,0),MOD($C4363,24)+1)/SUM(INDEX($D$3:$AA$30,INDEX(Jesper!$R$2:$R$366,ROW(INDEX(Jesper!AH$2:AH$366,ROUNDDOWN($C4363/24,0)+1,1))-1)+IF('Standard Profiles'!$G$18=$B$10,7,0)+IF('Standard Profiles'!$G$18=$B$17,14,0)+IF('Standard Profiles'!$G$18=$B$24,21,0),0)),0)</f>
        <v>12.118013903021978</v>
      </c>
      <c r="E4363" cm="1">
        <f t="array" ref="E4363">IFERROR(INDEX(Jesper!AI$2:AI$366,ROUNDDOWN($C4363/24,0)+1,1)*INDEX($D$3:$AA$30,INDEX(Jesper!$R$2:$R$366,ROW(INDEX(Jesper!AI$2:AI$366,ROUNDDOWN($C4363/24,0)+1,1))-1)+IF('Standard Profiles'!$G$19=$B$10,7,0)+IF('Standard Profiles'!$G$19=$B$17,14,0)+IF('Standard Profiles'!$G$19=$B$24,21,0),MOD($C4363,24)+1)/SUM(INDEX($D$3:$AA$30,INDEX(Jesper!$R$2:$R$366,ROW(INDEX(Jesper!AI$2:AI$366,ROUNDDOWN($C4363/24,0)+1,1))-1)+IF('Standard Profiles'!$G$19=$B$10,7,0)+IF('Standard Profiles'!$G$19=$B$17,14,0)+IF('Standard Profiles'!$G$19=$B$24,21,0),0)),0)</f>
        <v>1.9279662596351783</v>
      </c>
      <c r="F4363" cm="1">
        <f t="array" ref="F4363">IFERROR(INDEX(Jesper!AJ$2:AJ$366,ROUNDDOWN($C4363/24,0)+1,1)*INDEX($D$3:$AA$30,INDEX(Jesper!$R$2:$R$366,ROW(INDEX(Jesper!AJ$2:AJ$366,ROUNDDOWN($C4363/24,0)+1,1))-1)+IF('Standard Profiles'!$G$20=$B$10,7,0)+IF('Standard Profiles'!$G$20=$B$17,14,0)+IF('Standard Profiles'!$G$20=$B$24,21,0),MOD($C4363,24)+1)/SUM(INDEX($D$3:$AA$30,INDEX(Jesper!$R$2:$R$366,ROW(INDEX(Jesper!AJ$2:AJ$366,ROUNDDOWN($C4363/24,0)+1,1))-1)+IF('Standard Profiles'!$G$20=$B$10,7,0)+IF('Standard Profiles'!$G$20=$B$17,14,0)+IF('Standard Profiles'!$G$20=$B$24,21,0),0)),0)</f>
        <v>0</v>
      </c>
      <c r="G4363" cm="1">
        <f t="array" ref="G4363">IFERROR(INDEX(Jesper!AK$2:AK$366,ROUNDDOWN($C4363/24,0)+1,1)*INDEX($D$3:$AA$30,INDEX(Jesper!$R$2:$R$366,ROW(INDEX(Jesper!AK$2:AK$366,ROUNDDOWN($C4363/24,0)+1,1))-1)+IF('Standard Profiles'!$G$21=$B$10,7,0)+IF('Standard Profiles'!$G$21=$B$17,14,0)+IF('Standard Profiles'!$G$21=$B$24,21,0),MOD($C4363,24)+1)/SUM(INDEX($D$3:$AA$30,INDEX(Jesper!$R$2:$R$366,ROW(INDEX(Jesper!AK$2:AK$366,ROUNDDOWN($C4363/24,0)+1,1))-1)+IF('Standard Profiles'!$G$21=$B$10,7,0)+IF('Standard Profiles'!$G$21=$B$17,14,0)+IF('Standard Profiles'!$G$21=$B$24,21,0),0)),0)</f>
        <v>0</v>
      </c>
      <c r="H4363" cm="1">
        <f t="array" ref="H4363">IFERROR(INDEX(Jesper!AL$2:AL$366,ROUNDDOWN($C4363/24,0)+1,1)*INDEX($D$3:$AA$30,INDEX(Jesper!$R$2:$R$366,ROW(INDEX(Jesper!AL$2:AL$366,ROUNDDOWN($C4363/24,0)+1,1))-1)+IF('Standard Profiles'!$G$22=$B$10,7,0)+IF('Standard Profiles'!$G$22=$B$17,14,0)+IF('Standard Profiles'!$G$22=$B$24,21,0),MOD($C4363,24)+1)/SUM(INDEX($D$3:$AA$30,INDEX(Jesper!$R$2:$R$366,ROW(INDEX(Jesper!AL$2:AL$366,ROUNDDOWN($C4363/24,0)+1,1))-1)+IF('Standard Profiles'!$G$22=$B$10,7,0)+IF('Standard Profiles'!$G$22=$B$17,14,0)+IF('Standard Profiles'!$G$22=$B$24,21,0),0)),0)</f>
        <v>0</v>
      </c>
      <c r="I4363">
        <f t="shared" si="489"/>
        <v>0.17369065402118727</v>
      </c>
      <c r="J4363">
        <f t="shared" si="490"/>
        <v>0.57896884673729099</v>
      </c>
      <c r="K4363">
        <f t="shared" si="491"/>
        <v>0.86845327010593654</v>
      </c>
      <c r="L4363">
        <f t="shared" si="492"/>
        <v>12.424867391792741</v>
      </c>
      <c r="M4363">
        <f t="shared" si="493"/>
        <v>0</v>
      </c>
      <c r="N4363" s="46">
        <f t="shared" si="494"/>
        <v>45472.374999989501</v>
      </c>
    </row>
    <row r="4364" spans="2:14" x14ac:dyDescent="0.3">
      <c r="B4364">
        <f t="shared" si="488"/>
        <v>6</v>
      </c>
      <c r="C4364" s="16">
        <v>4330</v>
      </c>
      <c r="D4364" cm="1">
        <f t="array" ref="D4364">IFERROR(INDEX(Jesper!AH$2:AH$366,ROUNDDOWN($C4364/24,0)+1,1)*INDEX($D$3:$AA$30,INDEX(Jesper!$R$2:$R$366,ROW(INDEX(Jesper!AH$2:AH$366,ROUNDDOWN($C4364/24,0)+1,1))-1)+IF('Standard Profiles'!$G$18=$B$10,7,0)+IF('Standard Profiles'!$G$18=$B$17,14,0)+IF('Standard Profiles'!$G$18=$B$24,21,0),MOD($C4364,24)+1)/SUM(INDEX($D$3:$AA$30,INDEX(Jesper!$R$2:$R$366,ROW(INDEX(Jesper!AH$2:AH$366,ROUNDDOWN($C4364/24,0)+1,1))-1)+IF('Standard Profiles'!$G$18=$B$10,7,0)+IF('Standard Profiles'!$G$18=$B$17,14,0)+IF('Standard Profiles'!$G$18=$B$24,21,0),0)),0)</f>
        <v>12.118013903021978</v>
      </c>
      <c r="E4364" cm="1">
        <f t="array" ref="E4364">IFERROR(INDEX(Jesper!AI$2:AI$366,ROUNDDOWN($C4364/24,0)+1,1)*INDEX($D$3:$AA$30,INDEX(Jesper!$R$2:$R$366,ROW(INDEX(Jesper!AI$2:AI$366,ROUNDDOWN($C4364/24,0)+1,1))-1)+IF('Standard Profiles'!$G$19=$B$10,7,0)+IF('Standard Profiles'!$G$19=$B$17,14,0)+IF('Standard Profiles'!$G$19=$B$24,21,0),MOD($C4364,24)+1)/SUM(INDEX($D$3:$AA$30,INDEX(Jesper!$R$2:$R$366,ROW(INDEX(Jesper!AI$2:AI$366,ROUNDDOWN($C4364/24,0)+1,1))-1)+IF('Standard Profiles'!$G$19=$B$10,7,0)+IF('Standard Profiles'!$G$19=$B$17,14,0)+IF('Standard Profiles'!$G$19=$B$24,21,0),0)),0)</f>
        <v>1.9279662596351783</v>
      </c>
      <c r="F4364" cm="1">
        <f t="array" ref="F4364">IFERROR(INDEX(Jesper!AJ$2:AJ$366,ROUNDDOWN($C4364/24,0)+1,1)*INDEX($D$3:$AA$30,INDEX(Jesper!$R$2:$R$366,ROW(INDEX(Jesper!AJ$2:AJ$366,ROUNDDOWN($C4364/24,0)+1,1))-1)+IF('Standard Profiles'!$G$20=$B$10,7,0)+IF('Standard Profiles'!$G$20=$B$17,14,0)+IF('Standard Profiles'!$G$20=$B$24,21,0),MOD($C4364,24)+1)/SUM(INDEX($D$3:$AA$30,INDEX(Jesper!$R$2:$R$366,ROW(INDEX(Jesper!AJ$2:AJ$366,ROUNDDOWN($C4364/24,0)+1,1))-1)+IF('Standard Profiles'!$G$20=$B$10,7,0)+IF('Standard Profiles'!$G$20=$B$17,14,0)+IF('Standard Profiles'!$G$20=$B$24,21,0),0)),0)</f>
        <v>0</v>
      </c>
      <c r="G4364" cm="1">
        <f t="array" ref="G4364">IFERROR(INDEX(Jesper!AK$2:AK$366,ROUNDDOWN($C4364/24,0)+1,1)*INDEX($D$3:$AA$30,INDEX(Jesper!$R$2:$R$366,ROW(INDEX(Jesper!AK$2:AK$366,ROUNDDOWN($C4364/24,0)+1,1))-1)+IF('Standard Profiles'!$G$21=$B$10,7,0)+IF('Standard Profiles'!$G$21=$B$17,14,0)+IF('Standard Profiles'!$G$21=$B$24,21,0),MOD($C4364,24)+1)/SUM(INDEX($D$3:$AA$30,INDEX(Jesper!$R$2:$R$366,ROW(INDEX(Jesper!AK$2:AK$366,ROUNDDOWN($C4364/24,0)+1,1))-1)+IF('Standard Profiles'!$G$21=$B$10,7,0)+IF('Standard Profiles'!$G$21=$B$17,14,0)+IF('Standard Profiles'!$G$21=$B$24,21,0),0)),0)</f>
        <v>0</v>
      </c>
      <c r="H4364" cm="1">
        <f t="array" ref="H4364">IFERROR(INDEX(Jesper!AL$2:AL$366,ROUNDDOWN($C4364/24,0)+1,1)*INDEX($D$3:$AA$30,INDEX(Jesper!$R$2:$R$366,ROW(INDEX(Jesper!AL$2:AL$366,ROUNDDOWN($C4364/24,0)+1,1))-1)+IF('Standard Profiles'!$G$22=$B$10,7,0)+IF('Standard Profiles'!$G$22=$B$17,14,0)+IF('Standard Profiles'!$G$22=$B$24,21,0),MOD($C4364,24)+1)/SUM(INDEX($D$3:$AA$30,INDEX(Jesper!$R$2:$R$366,ROW(INDEX(Jesper!AL$2:AL$366,ROUNDDOWN($C4364/24,0)+1,1))-1)+IF('Standard Profiles'!$G$22=$B$10,7,0)+IF('Standard Profiles'!$G$22=$B$17,14,0)+IF('Standard Profiles'!$G$22=$B$24,21,0),0)),0)</f>
        <v>0</v>
      </c>
      <c r="I4364">
        <f t="shared" si="489"/>
        <v>0.17369065402118727</v>
      </c>
      <c r="J4364">
        <f t="shared" si="490"/>
        <v>0.57896884673729099</v>
      </c>
      <c r="K4364">
        <f t="shared" si="491"/>
        <v>0.86845327010593654</v>
      </c>
      <c r="L4364">
        <f t="shared" si="492"/>
        <v>12.424867391792741</v>
      </c>
      <c r="M4364">
        <f t="shared" si="493"/>
        <v>0</v>
      </c>
      <c r="N4364" s="46">
        <f t="shared" si="494"/>
        <v>45472.416666656165</v>
      </c>
    </row>
    <row r="4365" spans="2:14" x14ac:dyDescent="0.3">
      <c r="B4365">
        <f t="shared" si="488"/>
        <v>6</v>
      </c>
      <c r="C4365" s="16">
        <v>4331</v>
      </c>
      <c r="D4365" cm="1">
        <f t="array" ref="D4365">IFERROR(INDEX(Jesper!AH$2:AH$366,ROUNDDOWN($C4365/24,0)+1,1)*INDEX($D$3:$AA$30,INDEX(Jesper!$R$2:$R$366,ROW(INDEX(Jesper!AH$2:AH$366,ROUNDDOWN($C4365/24,0)+1,1))-1)+IF('Standard Profiles'!$G$18=$B$10,7,0)+IF('Standard Profiles'!$G$18=$B$17,14,0)+IF('Standard Profiles'!$G$18=$B$24,21,0),MOD($C4365,24)+1)/SUM(INDEX($D$3:$AA$30,INDEX(Jesper!$R$2:$R$366,ROW(INDEX(Jesper!AH$2:AH$366,ROUNDDOWN($C4365/24,0)+1,1))-1)+IF('Standard Profiles'!$G$18=$B$10,7,0)+IF('Standard Profiles'!$G$18=$B$17,14,0)+IF('Standard Profiles'!$G$18=$B$24,21,0),0)),0)</f>
        <v>12.118013903021978</v>
      </c>
      <c r="E4365" cm="1">
        <f t="array" ref="E4365">IFERROR(INDEX(Jesper!AI$2:AI$366,ROUNDDOWN($C4365/24,0)+1,1)*INDEX($D$3:$AA$30,INDEX(Jesper!$R$2:$R$366,ROW(INDEX(Jesper!AI$2:AI$366,ROUNDDOWN($C4365/24,0)+1,1))-1)+IF('Standard Profiles'!$G$19=$B$10,7,0)+IF('Standard Profiles'!$G$19=$B$17,14,0)+IF('Standard Profiles'!$G$19=$B$24,21,0),MOD($C4365,24)+1)/SUM(INDEX($D$3:$AA$30,INDEX(Jesper!$R$2:$R$366,ROW(INDEX(Jesper!AI$2:AI$366,ROUNDDOWN($C4365/24,0)+1,1))-1)+IF('Standard Profiles'!$G$19=$B$10,7,0)+IF('Standard Profiles'!$G$19=$B$17,14,0)+IF('Standard Profiles'!$G$19=$B$24,21,0),0)),0)</f>
        <v>1.9279662596351783</v>
      </c>
      <c r="F4365" cm="1">
        <f t="array" ref="F4365">IFERROR(INDEX(Jesper!AJ$2:AJ$366,ROUNDDOWN($C4365/24,0)+1,1)*INDEX($D$3:$AA$30,INDEX(Jesper!$R$2:$R$366,ROW(INDEX(Jesper!AJ$2:AJ$366,ROUNDDOWN($C4365/24,0)+1,1))-1)+IF('Standard Profiles'!$G$20=$B$10,7,0)+IF('Standard Profiles'!$G$20=$B$17,14,0)+IF('Standard Profiles'!$G$20=$B$24,21,0),MOD($C4365,24)+1)/SUM(INDEX($D$3:$AA$30,INDEX(Jesper!$R$2:$R$366,ROW(INDEX(Jesper!AJ$2:AJ$366,ROUNDDOWN($C4365/24,0)+1,1))-1)+IF('Standard Profiles'!$G$20=$B$10,7,0)+IF('Standard Profiles'!$G$20=$B$17,14,0)+IF('Standard Profiles'!$G$20=$B$24,21,0),0)),0)</f>
        <v>0</v>
      </c>
      <c r="G4365" cm="1">
        <f t="array" ref="G4365">IFERROR(INDEX(Jesper!AK$2:AK$366,ROUNDDOWN($C4365/24,0)+1,1)*INDEX($D$3:$AA$30,INDEX(Jesper!$R$2:$R$366,ROW(INDEX(Jesper!AK$2:AK$366,ROUNDDOWN($C4365/24,0)+1,1))-1)+IF('Standard Profiles'!$G$21=$B$10,7,0)+IF('Standard Profiles'!$G$21=$B$17,14,0)+IF('Standard Profiles'!$G$21=$B$24,21,0),MOD($C4365,24)+1)/SUM(INDEX($D$3:$AA$30,INDEX(Jesper!$R$2:$R$366,ROW(INDEX(Jesper!AK$2:AK$366,ROUNDDOWN($C4365/24,0)+1,1))-1)+IF('Standard Profiles'!$G$21=$B$10,7,0)+IF('Standard Profiles'!$G$21=$B$17,14,0)+IF('Standard Profiles'!$G$21=$B$24,21,0),0)),0)</f>
        <v>0</v>
      </c>
      <c r="H4365" cm="1">
        <f t="array" ref="H4365">IFERROR(INDEX(Jesper!AL$2:AL$366,ROUNDDOWN($C4365/24,0)+1,1)*INDEX($D$3:$AA$30,INDEX(Jesper!$R$2:$R$366,ROW(INDEX(Jesper!AL$2:AL$366,ROUNDDOWN($C4365/24,0)+1,1))-1)+IF('Standard Profiles'!$G$22=$B$10,7,0)+IF('Standard Profiles'!$G$22=$B$17,14,0)+IF('Standard Profiles'!$G$22=$B$24,21,0),MOD($C4365,24)+1)/SUM(INDEX($D$3:$AA$30,INDEX(Jesper!$R$2:$R$366,ROW(INDEX(Jesper!AL$2:AL$366,ROUNDDOWN($C4365/24,0)+1,1))-1)+IF('Standard Profiles'!$G$22=$B$10,7,0)+IF('Standard Profiles'!$G$22=$B$17,14,0)+IF('Standard Profiles'!$G$22=$B$24,21,0),0)),0)</f>
        <v>0</v>
      </c>
      <c r="I4365">
        <f t="shared" si="489"/>
        <v>0.17369065402118727</v>
      </c>
      <c r="J4365">
        <f t="shared" si="490"/>
        <v>0.57896884673729099</v>
      </c>
      <c r="K4365">
        <f t="shared" si="491"/>
        <v>0.86845327010593654</v>
      </c>
      <c r="L4365">
        <f t="shared" si="492"/>
        <v>12.424867391792741</v>
      </c>
      <c r="M4365">
        <f t="shared" si="493"/>
        <v>0</v>
      </c>
      <c r="N4365" s="46">
        <f t="shared" si="494"/>
        <v>45472.458333322829</v>
      </c>
    </row>
    <row r="4366" spans="2:14" x14ac:dyDescent="0.3">
      <c r="B4366">
        <f t="shared" si="488"/>
        <v>6</v>
      </c>
      <c r="C4366" s="16">
        <v>4332</v>
      </c>
      <c r="D4366" cm="1">
        <f t="array" ref="D4366">IFERROR(INDEX(Jesper!AH$2:AH$366,ROUNDDOWN($C4366/24,0)+1,1)*INDEX($D$3:$AA$30,INDEX(Jesper!$R$2:$R$366,ROW(INDEX(Jesper!AH$2:AH$366,ROUNDDOWN($C4366/24,0)+1,1))-1)+IF('Standard Profiles'!$G$18=$B$10,7,0)+IF('Standard Profiles'!$G$18=$B$17,14,0)+IF('Standard Profiles'!$G$18=$B$24,21,0),MOD($C4366,24)+1)/SUM(INDEX($D$3:$AA$30,INDEX(Jesper!$R$2:$R$366,ROW(INDEX(Jesper!AH$2:AH$366,ROUNDDOWN($C4366/24,0)+1,1))-1)+IF('Standard Profiles'!$G$18=$B$10,7,0)+IF('Standard Profiles'!$G$18=$B$17,14,0)+IF('Standard Profiles'!$G$18=$B$24,21,0),0)),0)</f>
        <v>12.118013903021978</v>
      </c>
      <c r="E4366" cm="1">
        <f t="array" ref="E4366">IFERROR(INDEX(Jesper!AI$2:AI$366,ROUNDDOWN($C4366/24,0)+1,1)*INDEX($D$3:$AA$30,INDEX(Jesper!$R$2:$R$366,ROW(INDEX(Jesper!AI$2:AI$366,ROUNDDOWN($C4366/24,0)+1,1))-1)+IF('Standard Profiles'!$G$19=$B$10,7,0)+IF('Standard Profiles'!$G$19=$B$17,14,0)+IF('Standard Profiles'!$G$19=$B$24,21,0),MOD($C4366,24)+1)/SUM(INDEX($D$3:$AA$30,INDEX(Jesper!$R$2:$R$366,ROW(INDEX(Jesper!AI$2:AI$366,ROUNDDOWN($C4366/24,0)+1,1))-1)+IF('Standard Profiles'!$G$19=$B$10,7,0)+IF('Standard Profiles'!$G$19=$B$17,14,0)+IF('Standard Profiles'!$G$19=$B$24,21,0),0)),0)</f>
        <v>1.9279662596351783</v>
      </c>
      <c r="F4366" cm="1">
        <f t="array" ref="F4366">IFERROR(INDEX(Jesper!AJ$2:AJ$366,ROUNDDOWN($C4366/24,0)+1,1)*INDEX($D$3:$AA$30,INDEX(Jesper!$R$2:$R$366,ROW(INDEX(Jesper!AJ$2:AJ$366,ROUNDDOWN($C4366/24,0)+1,1))-1)+IF('Standard Profiles'!$G$20=$B$10,7,0)+IF('Standard Profiles'!$G$20=$B$17,14,0)+IF('Standard Profiles'!$G$20=$B$24,21,0),MOD($C4366,24)+1)/SUM(INDEX($D$3:$AA$30,INDEX(Jesper!$R$2:$R$366,ROW(INDEX(Jesper!AJ$2:AJ$366,ROUNDDOWN($C4366/24,0)+1,1))-1)+IF('Standard Profiles'!$G$20=$B$10,7,0)+IF('Standard Profiles'!$G$20=$B$17,14,0)+IF('Standard Profiles'!$G$20=$B$24,21,0),0)),0)</f>
        <v>0</v>
      </c>
      <c r="G4366" cm="1">
        <f t="array" ref="G4366">IFERROR(INDEX(Jesper!AK$2:AK$366,ROUNDDOWN($C4366/24,0)+1,1)*INDEX($D$3:$AA$30,INDEX(Jesper!$R$2:$R$366,ROW(INDEX(Jesper!AK$2:AK$366,ROUNDDOWN($C4366/24,0)+1,1))-1)+IF('Standard Profiles'!$G$21=$B$10,7,0)+IF('Standard Profiles'!$G$21=$B$17,14,0)+IF('Standard Profiles'!$G$21=$B$24,21,0),MOD($C4366,24)+1)/SUM(INDEX($D$3:$AA$30,INDEX(Jesper!$R$2:$R$366,ROW(INDEX(Jesper!AK$2:AK$366,ROUNDDOWN($C4366/24,0)+1,1))-1)+IF('Standard Profiles'!$G$21=$B$10,7,0)+IF('Standard Profiles'!$G$21=$B$17,14,0)+IF('Standard Profiles'!$G$21=$B$24,21,0),0)),0)</f>
        <v>0</v>
      </c>
      <c r="H4366" cm="1">
        <f t="array" ref="H4366">IFERROR(INDEX(Jesper!AL$2:AL$366,ROUNDDOWN($C4366/24,0)+1,1)*INDEX($D$3:$AA$30,INDEX(Jesper!$R$2:$R$366,ROW(INDEX(Jesper!AL$2:AL$366,ROUNDDOWN($C4366/24,0)+1,1))-1)+IF('Standard Profiles'!$G$22=$B$10,7,0)+IF('Standard Profiles'!$G$22=$B$17,14,0)+IF('Standard Profiles'!$G$22=$B$24,21,0),MOD($C4366,24)+1)/SUM(INDEX($D$3:$AA$30,INDEX(Jesper!$R$2:$R$366,ROW(INDEX(Jesper!AL$2:AL$366,ROUNDDOWN($C4366/24,0)+1,1))-1)+IF('Standard Profiles'!$G$22=$B$10,7,0)+IF('Standard Profiles'!$G$22=$B$17,14,0)+IF('Standard Profiles'!$G$22=$B$24,21,0),0)),0)</f>
        <v>0</v>
      </c>
      <c r="I4366">
        <f t="shared" si="489"/>
        <v>0.17369065402118727</v>
      </c>
      <c r="J4366">
        <f t="shared" si="490"/>
        <v>0.57896884673729099</v>
      </c>
      <c r="K4366">
        <f t="shared" si="491"/>
        <v>0.86845327010593654</v>
      </c>
      <c r="L4366">
        <f t="shared" si="492"/>
        <v>12.424867391792741</v>
      </c>
      <c r="M4366">
        <f t="shared" si="493"/>
        <v>0</v>
      </c>
      <c r="N4366" s="46">
        <f t="shared" si="494"/>
        <v>45472.499999989494</v>
      </c>
    </row>
    <row r="4367" spans="2:14" x14ac:dyDescent="0.3">
      <c r="B4367">
        <f t="shared" si="488"/>
        <v>6</v>
      </c>
      <c r="C4367" s="16">
        <v>4333</v>
      </c>
      <c r="D4367" cm="1">
        <f t="array" ref="D4367">IFERROR(INDEX(Jesper!AH$2:AH$366,ROUNDDOWN($C4367/24,0)+1,1)*INDEX($D$3:$AA$30,INDEX(Jesper!$R$2:$R$366,ROW(INDEX(Jesper!AH$2:AH$366,ROUNDDOWN($C4367/24,0)+1,1))-1)+IF('Standard Profiles'!$G$18=$B$10,7,0)+IF('Standard Profiles'!$G$18=$B$17,14,0)+IF('Standard Profiles'!$G$18=$B$24,21,0),MOD($C4367,24)+1)/SUM(INDEX($D$3:$AA$30,INDEX(Jesper!$R$2:$R$366,ROW(INDEX(Jesper!AH$2:AH$366,ROUNDDOWN($C4367/24,0)+1,1))-1)+IF('Standard Profiles'!$G$18=$B$10,7,0)+IF('Standard Profiles'!$G$18=$B$17,14,0)+IF('Standard Profiles'!$G$18=$B$24,21,0),0)),0)</f>
        <v>12.118013903021978</v>
      </c>
      <c r="E4367" cm="1">
        <f t="array" ref="E4367">IFERROR(INDEX(Jesper!AI$2:AI$366,ROUNDDOWN($C4367/24,0)+1,1)*INDEX($D$3:$AA$30,INDEX(Jesper!$R$2:$R$366,ROW(INDEX(Jesper!AI$2:AI$366,ROUNDDOWN($C4367/24,0)+1,1))-1)+IF('Standard Profiles'!$G$19=$B$10,7,0)+IF('Standard Profiles'!$G$19=$B$17,14,0)+IF('Standard Profiles'!$G$19=$B$24,21,0),MOD($C4367,24)+1)/SUM(INDEX($D$3:$AA$30,INDEX(Jesper!$R$2:$R$366,ROW(INDEX(Jesper!AI$2:AI$366,ROUNDDOWN($C4367/24,0)+1,1))-1)+IF('Standard Profiles'!$G$19=$B$10,7,0)+IF('Standard Profiles'!$G$19=$B$17,14,0)+IF('Standard Profiles'!$G$19=$B$24,21,0),0)),0)</f>
        <v>1.9279662596351783</v>
      </c>
      <c r="F4367" cm="1">
        <f t="array" ref="F4367">IFERROR(INDEX(Jesper!AJ$2:AJ$366,ROUNDDOWN($C4367/24,0)+1,1)*INDEX($D$3:$AA$30,INDEX(Jesper!$R$2:$R$366,ROW(INDEX(Jesper!AJ$2:AJ$366,ROUNDDOWN($C4367/24,0)+1,1))-1)+IF('Standard Profiles'!$G$20=$B$10,7,0)+IF('Standard Profiles'!$G$20=$B$17,14,0)+IF('Standard Profiles'!$G$20=$B$24,21,0),MOD($C4367,24)+1)/SUM(INDEX($D$3:$AA$30,INDEX(Jesper!$R$2:$R$366,ROW(INDEX(Jesper!AJ$2:AJ$366,ROUNDDOWN($C4367/24,0)+1,1))-1)+IF('Standard Profiles'!$G$20=$B$10,7,0)+IF('Standard Profiles'!$G$20=$B$17,14,0)+IF('Standard Profiles'!$G$20=$B$24,21,0),0)),0)</f>
        <v>0</v>
      </c>
      <c r="G4367" cm="1">
        <f t="array" ref="G4367">IFERROR(INDEX(Jesper!AK$2:AK$366,ROUNDDOWN($C4367/24,0)+1,1)*INDEX($D$3:$AA$30,INDEX(Jesper!$R$2:$R$366,ROW(INDEX(Jesper!AK$2:AK$366,ROUNDDOWN($C4367/24,0)+1,1))-1)+IF('Standard Profiles'!$G$21=$B$10,7,0)+IF('Standard Profiles'!$G$21=$B$17,14,0)+IF('Standard Profiles'!$G$21=$B$24,21,0),MOD($C4367,24)+1)/SUM(INDEX($D$3:$AA$30,INDEX(Jesper!$R$2:$R$366,ROW(INDEX(Jesper!AK$2:AK$366,ROUNDDOWN($C4367/24,0)+1,1))-1)+IF('Standard Profiles'!$G$21=$B$10,7,0)+IF('Standard Profiles'!$G$21=$B$17,14,0)+IF('Standard Profiles'!$G$21=$B$24,21,0),0)),0)</f>
        <v>0</v>
      </c>
      <c r="H4367" cm="1">
        <f t="array" ref="H4367">IFERROR(INDEX(Jesper!AL$2:AL$366,ROUNDDOWN($C4367/24,0)+1,1)*INDEX($D$3:$AA$30,INDEX(Jesper!$R$2:$R$366,ROW(INDEX(Jesper!AL$2:AL$366,ROUNDDOWN($C4367/24,0)+1,1))-1)+IF('Standard Profiles'!$G$22=$B$10,7,0)+IF('Standard Profiles'!$G$22=$B$17,14,0)+IF('Standard Profiles'!$G$22=$B$24,21,0),MOD($C4367,24)+1)/SUM(INDEX($D$3:$AA$30,INDEX(Jesper!$R$2:$R$366,ROW(INDEX(Jesper!AL$2:AL$366,ROUNDDOWN($C4367/24,0)+1,1))-1)+IF('Standard Profiles'!$G$22=$B$10,7,0)+IF('Standard Profiles'!$G$22=$B$17,14,0)+IF('Standard Profiles'!$G$22=$B$24,21,0),0)),0)</f>
        <v>0</v>
      </c>
      <c r="I4367">
        <f t="shared" si="489"/>
        <v>0.17369065402118727</v>
      </c>
      <c r="J4367">
        <f t="shared" si="490"/>
        <v>0.57896884673729099</v>
      </c>
      <c r="K4367">
        <f t="shared" si="491"/>
        <v>0.86845327010593654</v>
      </c>
      <c r="L4367">
        <f t="shared" si="492"/>
        <v>12.424867391792741</v>
      </c>
      <c r="M4367">
        <f t="shared" si="493"/>
        <v>0</v>
      </c>
      <c r="N4367" s="46">
        <f t="shared" si="494"/>
        <v>45472.541666656158</v>
      </c>
    </row>
    <row r="4368" spans="2:14" x14ac:dyDescent="0.3">
      <c r="B4368">
        <f t="shared" si="488"/>
        <v>6</v>
      </c>
      <c r="C4368" s="16">
        <v>4334</v>
      </c>
      <c r="D4368" cm="1">
        <f t="array" ref="D4368">IFERROR(INDEX(Jesper!AH$2:AH$366,ROUNDDOWN($C4368/24,0)+1,1)*INDEX($D$3:$AA$30,INDEX(Jesper!$R$2:$R$366,ROW(INDEX(Jesper!AH$2:AH$366,ROUNDDOWN($C4368/24,0)+1,1))-1)+IF('Standard Profiles'!$G$18=$B$10,7,0)+IF('Standard Profiles'!$G$18=$B$17,14,0)+IF('Standard Profiles'!$G$18=$B$24,21,0),MOD($C4368,24)+1)/SUM(INDEX($D$3:$AA$30,INDEX(Jesper!$R$2:$R$366,ROW(INDEX(Jesper!AH$2:AH$366,ROUNDDOWN($C4368/24,0)+1,1))-1)+IF('Standard Profiles'!$G$18=$B$10,7,0)+IF('Standard Profiles'!$G$18=$B$17,14,0)+IF('Standard Profiles'!$G$18=$B$24,21,0),0)),0)</f>
        <v>12.118013903021978</v>
      </c>
      <c r="E4368" cm="1">
        <f t="array" ref="E4368">IFERROR(INDEX(Jesper!AI$2:AI$366,ROUNDDOWN($C4368/24,0)+1,1)*INDEX($D$3:$AA$30,INDEX(Jesper!$R$2:$R$366,ROW(INDEX(Jesper!AI$2:AI$366,ROUNDDOWN($C4368/24,0)+1,1))-1)+IF('Standard Profiles'!$G$19=$B$10,7,0)+IF('Standard Profiles'!$G$19=$B$17,14,0)+IF('Standard Profiles'!$G$19=$B$24,21,0),MOD($C4368,24)+1)/SUM(INDEX($D$3:$AA$30,INDEX(Jesper!$R$2:$R$366,ROW(INDEX(Jesper!AI$2:AI$366,ROUNDDOWN($C4368/24,0)+1,1))-1)+IF('Standard Profiles'!$G$19=$B$10,7,0)+IF('Standard Profiles'!$G$19=$B$17,14,0)+IF('Standard Profiles'!$G$19=$B$24,21,0),0)),0)</f>
        <v>1.9279662596351783</v>
      </c>
      <c r="F4368" cm="1">
        <f t="array" ref="F4368">IFERROR(INDEX(Jesper!AJ$2:AJ$366,ROUNDDOWN($C4368/24,0)+1,1)*INDEX($D$3:$AA$30,INDEX(Jesper!$R$2:$R$366,ROW(INDEX(Jesper!AJ$2:AJ$366,ROUNDDOWN($C4368/24,0)+1,1))-1)+IF('Standard Profiles'!$G$20=$B$10,7,0)+IF('Standard Profiles'!$G$20=$B$17,14,0)+IF('Standard Profiles'!$G$20=$B$24,21,0),MOD($C4368,24)+1)/SUM(INDEX($D$3:$AA$30,INDEX(Jesper!$R$2:$R$366,ROW(INDEX(Jesper!AJ$2:AJ$366,ROUNDDOWN($C4368/24,0)+1,1))-1)+IF('Standard Profiles'!$G$20=$B$10,7,0)+IF('Standard Profiles'!$G$20=$B$17,14,0)+IF('Standard Profiles'!$G$20=$B$24,21,0),0)),0)</f>
        <v>0</v>
      </c>
      <c r="G4368" cm="1">
        <f t="array" ref="G4368">IFERROR(INDEX(Jesper!AK$2:AK$366,ROUNDDOWN($C4368/24,0)+1,1)*INDEX($D$3:$AA$30,INDEX(Jesper!$R$2:$R$366,ROW(INDEX(Jesper!AK$2:AK$366,ROUNDDOWN($C4368/24,0)+1,1))-1)+IF('Standard Profiles'!$G$21=$B$10,7,0)+IF('Standard Profiles'!$G$21=$B$17,14,0)+IF('Standard Profiles'!$G$21=$B$24,21,0),MOD($C4368,24)+1)/SUM(INDEX($D$3:$AA$30,INDEX(Jesper!$R$2:$R$366,ROW(INDEX(Jesper!AK$2:AK$366,ROUNDDOWN($C4368/24,0)+1,1))-1)+IF('Standard Profiles'!$G$21=$B$10,7,0)+IF('Standard Profiles'!$G$21=$B$17,14,0)+IF('Standard Profiles'!$G$21=$B$24,21,0),0)),0)</f>
        <v>0</v>
      </c>
      <c r="H4368" cm="1">
        <f t="array" ref="H4368">IFERROR(INDEX(Jesper!AL$2:AL$366,ROUNDDOWN($C4368/24,0)+1,1)*INDEX($D$3:$AA$30,INDEX(Jesper!$R$2:$R$366,ROW(INDEX(Jesper!AL$2:AL$366,ROUNDDOWN($C4368/24,0)+1,1))-1)+IF('Standard Profiles'!$G$22=$B$10,7,0)+IF('Standard Profiles'!$G$22=$B$17,14,0)+IF('Standard Profiles'!$G$22=$B$24,21,0),MOD($C4368,24)+1)/SUM(INDEX($D$3:$AA$30,INDEX(Jesper!$R$2:$R$366,ROW(INDEX(Jesper!AL$2:AL$366,ROUNDDOWN($C4368/24,0)+1,1))-1)+IF('Standard Profiles'!$G$22=$B$10,7,0)+IF('Standard Profiles'!$G$22=$B$17,14,0)+IF('Standard Profiles'!$G$22=$B$24,21,0),0)),0)</f>
        <v>0</v>
      </c>
      <c r="I4368">
        <f t="shared" si="489"/>
        <v>0.17369065402118727</v>
      </c>
      <c r="J4368">
        <f t="shared" si="490"/>
        <v>0.57896884673729099</v>
      </c>
      <c r="K4368">
        <f t="shared" si="491"/>
        <v>0.86845327010593654</v>
      </c>
      <c r="L4368">
        <f t="shared" si="492"/>
        <v>12.424867391792741</v>
      </c>
      <c r="M4368">
        <f t="shared" si="493"/>
        <v>0</v>
      </c>
      <c r="N4368" s="46">
        <f t="shared" si="494"/>
        <v>45472.583333322822</v>
      </c>
    </row>
    <row r="4369" spans="2:14" x14ac:dyDescent="0.3">
      <c r="B4369">
        <f t="shared" si="488"/>
        <v>6</v>
      </c>
      <c r="C4369" s="16">
        <v>4335</v>
      </c>
      <c r="D4369" cm="1">
        <f t="array" ref="D4369">IFERROR(INDEX(Jesper!AH$2:AH$366,ROUNDDOWN($C4369/24,0)+1,1)*INDEX($D$3:$AA$30,INDEX(Jesper!$R$2:$R$366,ROW(INDEX(Jesper!AH$2:AH$366,ROUNDDOWN($C4369/24,0)+1,1))-1)+IF('Standard Profiles'!$G$18=$B$10,7,0)+IF('Standard Profiles'!$G$18=$B$17,14,0)+IF('Standard Profiles'!$G$18=$B$24,21,0),MOD($C4369,24)+1)/SUM(INDEX($D$3:$AA$30,INDEX(Jesper!$R$2:$R$366,ROW(INDEX(Jesper!AH$2:AH$366,ROUNDDOWN($C4369/24,0)+1,1))-1)+IF('Standard Profiles'!$G$18=$B$10,7,0)+IF('Standard Profiles'!$G$18=$B$17,14,0)+IF('Standard Profiles'!$G$18=$B$24,21,0),0)),0)</f>
        <v>10.956012569855487</v>
      </c>
      <c r="E4369" cm="1">
        <f t="array" ref="E4369">IFERROR(INDEX(Jesper!AI$2:AI$366,ROUNDDOWN($C4369/24,0)+1,1)*INDEX($D$3:$AA$30,INDEX(Jesper!$R$2:$R$366,ROW(INDEX(Jesper!AI$2:AI$366,ROUNDDOWN($C4369/24,0)+1,1))-1)+IF('Standard Profiles'!$G$19=$B$10,7,0)+IF('Standard Profiles'!$G$19=$B$17,14,0)+IF('Standard Profiles'!$G$19=$B$24,21,0),MOD($C4369,24)+1)/SUM(INDEX($D$3:$AA$30,INDEX(Jesper!$R$2:$R$366,ROW(INDEX(Jesper!AI$2:AI$366,ROUNDDOWN($C4369/24,0)+1,1))-1)+IF('Standard Profiles'!$G$19=$B$10,7,0)+IF('Standard Profiles'!$G$19=$B$17,14,0)+IF('Standard Profiles'!$G$19=$B$24,21,0),0)),0)</f>
        <v>1.7430927826838598</v>
      </c>
      <c r="F4369" cm="1">
        <f t="array" ref="F4369">IFERROR(INDEX(Jesper!AJ$2:AJ$366,ROUNDDOWN($C4369/24,0)+1,1)*INDEX($D$3:$AA$30,INDEX(Jesper!$R$2:$R$366,ROW(INDEX(Jesper!AJ$2:AJ$366,ROUNDDOWN($C4369/24,0)+1,1))-1)+IF('Standard Profiles'!$G$20=$B$10,7,0)+IF('Standard Profiles'!$G$20=$B$17,14,0)+IF('Standard Profiles'!$G$20=$B$24,21,0),MOD($C4369,24)+1)/SUM(INDEX($D$3:$AA$30,INDEX(Jesper!$R$2:$R$366,ROW(INDEX(Jesper!AJ$2:AJ$366,ROUNDDOWN($C4369/24,0)+1,1))-1)+IF('Standard Profiles'!$G$20=$B$10,7,0)+IF('Standard Profiles'!$G$20=$B$17,14,0)+IF('Standard Profiles'!$G$20=$B$24,21,0),0)),0)</f>
        <v>0</v>
      </c>
      <c r="G4369" cm="1">
        <f t="array" ref="G4369">IFERROR(INDEX(Jesper!AK$2:AK$366,ROUNDDOWN($C4369/24,0)+1,1)*INDEX($D$3:$AA$30,INDEX(Jesper!$R$2:$R$366,ROW(INDEX(Jesper!AK$2:AK$366,ROUNDDOWN($C4369/24,0)+1,1))-1)+IF('Standard Profiles'!$G$21=$B$10,7,0)+IF('Standard Profiles'!$G$21=$B$17,14,0)+IF('Standard Profiles'!$G$21=$B$24,21,0),MOD($C4369,24)+1)/SUM(INDEX($D$3:$AA$30,INDEX(Jesper!$R$2:$R$366,ROW(INDEX(Jesper!AK$2:AK$366,ROUNDDOWN($C4369/24,0)+1,1))-1)+IF('Standard Profiles'!$G$21=$B$10,7,0)+IF('Standard Profiles'!$G$21=$B$17,14,0)+IF('Standard Profiles'!$G$21=$B$24,21,0),0)),0)</f>
        <v>0</v>
      </c>
      <c r="H4369" cm="1">
        <f t="array" ref="H4369">IFERROR(INDEX(Jesper!AL$2:AL$366,ROUNDDOWN($C4369/24,0)+1,1)*INDEX($D$3:$AA$30,INDEX(Jesper!$R$2:$R$366,ROW(INDEX(Jesper!AL$2:AL$366,ROUNDDOWN($C4369/24,0)+1,1))-1)+IF('Standard Profiles'!$G$22=$B$10,7,0)+IF('Standard Profiles'!$G$22=$B$17,14,0)+IF('Standard Profiles'!$G$22=$B$24,21,0),MOD($C4369,24)+1)/SUM(INDEX($D$3:$AA$30,INDEX(Jesper!$R$2:$R$366,ROW(INDEX(Jesper!AL$2:AL$366,ROUNDDOWN($C4369/24,0)+1,1))-1)+IF('Standard Profiles'!$G$22=$B$10,7,0)+IF('Standard Profiles'!$G$22=$B$17,14,0)+IF('Standard Profiles'!$G$22=$B$24,21,0),0)),0)</f>
        <v>0</v>
      </c>
      <c r="I4369">
        <f t="shared" si="489"/>
        <v>0.15703538582737481</v>
      </c>
      <c r="J4369">
        <f t="shared" si="490"/>
        <v>0.52345128609124936</v>
      </c>
      <c r="K4369">
        <f t="shared" si="491"/>
        <v>0.78517692913687409</v>
      </c>
      <c r="L4369">
        <f t="shared" si="492"/>
        <v>11.233441751483848</v>
      </c>
      <c r="M4369">
        <f t="shared" si="493"/>
        <v>0</v>
      </c>
      <c r="N4369" s="46">
        <f t="shared" si="494"/>
        <v>45472.624999989486</v>
      </c>
    </row>
    <row r="4370" spans="2:14" x14ac:dyDescent="0.3">
      <c r="B4370">
        <f t="shared" si="488"/>
        <v>6</v>
      </c>
      <c r="C4370" s="16">
        <v>4336</v>
      </c>
      <c r="D4370" cm="1">
        <f t="array" ref="D4370">IFERROR(INDEX(Jesper!AH$2:AH$366,ROUNDDOWN($C4370/24,0)+1,1)*INDEX($D$3:$AA$30,INDEX(Jesper!$R$2:$R$366,ROW(INDEX(Jesper!AH$2:AH$366,ROUNDDOWN($C4370/24,0)+1,1))-1)+IF('Standard Profiles'!$G$18=$B$10,7,0)+IF('Standard Profiles'!$G$18=$B$17,14,0)+IF('Standard Profiles'!$G$18=$B$24,21,0),MOD($C4370,24)+1)/SUM(INDEX($D$3:$AA$30,INDEX(Jesper!$R$2:$R$366,ROW(INDEX(Jesper!AH$2:AH$366,ROUNDDOWN($C4370/24,0)+1,1))-1)+IF('Standard Profiles'!$G$18=$B$10,7,0)+IF('Standard Profiles'!$G$18=$B$17,14,0)+IF('Standard Profiles'!$G$18=$B$24,21,0),0)),0)</f>
        <v>9.9600114271413531</v>
      </c>
      <c r="E4370" cm="1">
        <f t="array" ref="E4370">IFERROR(INDEX(Jesper!AI$2:AI$366,ROUNDDOWN($C4370/24,0)+1,1)*INDEX($D$3:$AA$30,INDEX(Jesper!$R$2:$R$366,ROW(INDEX(Jesper!AI$2:AI$366,ROUNDDOWN($C4370/24,0)+1,1))-1)+IF('Standard Profiles'!$G$19=$B$10,7,0)+IF('Standard Profiles'!$G$19=$B$17,14,0)+IF('Standard Profiles'!$G$19=$B$24,21,0),MOD($C4370,24)+1)/SUM(INDEX($D$3:$AA$30,INDEX(Jesper!$R$2:$R$366,ROW(INDEX(Jesper!AI$2:AI$366,ROUNDDOWN($C4370/24,0)+1,1))-1)+IF('Standard Profiles'!$G$19=$B$10,7,0)+IF('Standard Profiles'!$G$19=$B$17,14,0)+IF('Standard Profiles'!$G$19=$B$24,21,0),0)),0)</f>
        <v>1.5846298024398726</v>
      </c>
      <c r="F4370" cm="1">
        <f t="array" ref="F4370">IFERROR(INDEX(Jesper!AJ$2:AJ$366,ROUNDDOWN($C4370/24,0)+1,1)*INDEX($D$3:$AA$30,INDEX(Jesper!$R$2:$R$366,ROW(INDEX(Jesper!AJ$2:AJ$366,ROUNDDOWN($C4370/24,0)+1,1))-1)+IF('Standard Profiles'!$G$20=$B$10,7,0)+IF('Standard Profiles'!$G$20=$B$17,14,0)+IF('Standard Profiles'!$G$20=$B$24,21,0),MOD($C4370,24)+1)/SUM(INDEX($D$3:$AA$30,INDEX(Jesper!$R$2:$R$366,ROW(INDEX(Jesper!AJ$2:AJ$366,ROUNDDOWN($C4370/24,0)+1,1))-1)+IF('Standard Profiles'!$G$20=$B$10,7,0)+IF('Standard Profiles'!$G$20=$B$17,14,0)+IF('Standard Profiles'!$G$20=$B$24,21,0),0)),0)</f>
        <v>0</v>
      </c>
      <c r="G4370" cm="1">
        <f t="array" ref="G4370">IFERROR(INDEX(Jesper!AK$2:AK$366,ROUNDDOWN($C4370/24,0)+1,1)*INDEX($D$3:$AA$30,INDEX(Jesper!$R$2:$R$366,ROW(INDEX(Jesper!AK$2:AK$366,ROUNDDOWN($C4370/24,0)+1,1))-1)+IF('Standard Profiles'!$G$21=$B$10,7,0)+IF('Standard Profiles'!$G$21=$B$17,14,0)+IF('Standard Profiles'!$G$21=$B$24,21,0),MOD($C4370,24)+1)/SUM(INDEX($D$3:$AA$30,INDEX(Jesper!$R$2:$R$366,ROW(INDEX(Jesper!AK$2:AK$366,ROUNDDOWN($C4370/24,0)+1,1))-1)+IF('Standard Profiles'!$G$21=$B$10,7,0)+IF('Standard Profiles'!$G$21=$B$17,14,0)+IF('Standard Profiles'!$G$21=$B$24,21,0),0)),0)</f>
        <v>0</v>
      </c>
      <c r="H4370" cm="1">
        <f t="array" ref="H4370">IFERROR(INDEX(Jesper!AL$2:AL$366,ROUNDDOWN($C4370/24,0)+1,1)*INDEX($D$3:$AA$30,INDEX(Jesper!$R$2:$R$366,ROW(INDEX(Jesper!AL$2:AL$366,ROUNDDOWN($C4370/24,0)+1,1))-1)+IF('Standard Profiles'!$G$22=$B$10,7,0)+IF('Standard Profiles'!$G$22=$B$17,14,0)+IF('Standard Profiles'!$G$22=$B$24,21,0),MOD($C4370,24)+1)/SUM(INDEX($D$3:$AA$30,INDEX(Jesper!$R$2:$R$366,ROW(INDEX(Jesper!AL$2:AL$366,ROUNDDOWN($C4370/24,0)+1,1))-1)+IF('Standard Profiles'!$G$22=$B$10,7,0)+IF('Standard Profiles'!$G$22=$B$17,14,0)+IF('Standard Profiles'!$G$22=$B$24,21,0),0)),0)</f>
        <v>0</v>
      </c>
      <c r="I4370">
        <f t="shared" si="489"/>
        <v>0.14275944166124982</v>
      </c>
      <c r="J4370">
        <f t="shared" si="490"/>
        <v>0.47586480553749949</v>
      </c>
      <c r="K4370">
        <f t="shared" si="491"/>
        <v>0.71379720830624915</v>
      </c>
      <c r="L4370">
        <f t="shared" si="492"/>
        <v>10.212219774076228</v>
      </c>
      <c r="M4370">
        <f t="shared" si="493"/>
        <v>0</v>
      </c>
      <c r="N4370" s="46">
        <f t="shared" si="494"/>
        <v>45472.66666665615</v>
      </c>
    </row>
    <row r="4371" spans="2:14" x14ac:dyDescent="0.3">
      <c r="B4371">
        <f t="shared" si="488"/>
        <v>6</v>
      </c>
      <c r="C4371" s="16">
        <v>4337</v>
      </c>
      <c r="D4371" cm="1">
        <f t="array" ref="D4371">IFERROR(INDEX(Jesper!AH$2:AH$366,ROUNDDOWN($C4371/24,0)+1,1)*INDEX($D$3:$AA$30,INDEX(Jesper!$R$2:$R$366,ROW(INDEX(Jesper!AH$2:AH$366,ROUNDDOWN($C4371/24,0)+1,1))-1)+IF('Standard Profiles'!$G$18=$B$10,7,0)+IF('Standard Profiles'!$G$18=$B$17,14,0)+IF('Standard Profiles'!$G$18=$B$24,21,0),MOD($C4371,24)+1)/SUM(INDEX($D$3:$AA$30,INDEX(Jesper!$R$2:$R$366,ROW(INDEX(Jesper!AH$2:AH$366,ROUNDDOWN($C4371/24,0)+1,1))-1)+IF('Standard Profiles'!$G$18=$B$10,7,0)+IF('Standard Profiles'!$G$18=$B$17,14,0)+IF('Standard Profiles'!$G$18=$B$24,21,0),0)),0)</f>
        <v>8.964010284427216</v>
      </c>
      <c r="E4371" cm="1">
        <f t="array" ref="E4371">IFERROR(INDEX(Jesper!AI$2:AI$366,ROUNDDOWN($C4371/24,0)+1,1)*INDEX($D$3:$AA$30,INDEX(Jesper!$R$2:$R$366,ROW(INDEX(Jesper!AI$2:AI$366,ROUNDDOWN($C4371/24,0)+1,1))-1)+IF('Standard Profiles'!$G$19=$B$10,7,0)+IF('Standard Profiles'!$G$19=$B$17,14,0)+IF('Standard Profiles'!$G$19=$B$24,21,0),MOD($C4371,24)+1)/SUM(INDEX($D$3:$AA$30,INDEX(Jesper!$R$2:$R$366,ROW(INDEX(Jesper!AI$2:AI$366,ROUNDDOWN($C4371/24,0)+1,1))-1)+IF('Standard Profiles'!$G$19=$B$10,7,0)+IF('Standard Profiles'!$G$19=$B$17,14,0)+IF('Standard Profiles'!$G$19=$B$24,21,0),0)),0)</f>
        <v>1.4261668221958854</v>
      </c>
      <c r="F4371" cm="1">
        <f t="array" ref="F4371">IFERROR(INDEX(Jesper!AJ$2:AJ$366,ROUNDDOWN($C4371/24,0)+1,1)*INDEX($D$3:$AA$30,INDEX(Jesper!$R$2:$R$366,ROW(INDEX(Jesper!AJ$2:AJ$366,ROUNDDOWN($C4371/24,0)+1,1))-1)+IF('Standard Profiles'!$G$20=$B$10,7,0)+IF('Standard Profiles'!$G$20=$B$17,14,0)+IF('Standard Profiles'!$G$20=$B$24,21,0),MOD($C4371,24)+1)/SUM(INDEX($D$3:$AA$30,INDEX(Jesper!$R$2:$R$366,ROW(INDEX(Jesper!AJ$2:AJ$366,ROUNDDOWN($C4371/24,0)+1,1))-1)+IF('Standard Profiles'!$G$20=$B$10,7,0)+IF('Standard Profiles'!$G$20=$B$17,14,0)+IF('Standard Profiles'!$G$20=$B$24,21,0),0)),0)</f>
        <v>0</v>
      </c>
      <c r="G4371" cm="1">
        <f t="array" ref="G4371">IFERROR(INDEX(Jesper!AK$2:AK$366,ROUNDDOWN($C4371/24,0)+1,1)*INDEX($D$3:$AA$30,INDEX(Jesper!$R$2:$R$366,ROW(INDEX(Jesper!AK$2:AK$366,ROUNDDOWN($C4371/24,0)+1,1))-1)+IF('Standard Profiles'!$G$21=$B$10,7,0)+IF('Standard Profiles'!$G$21=$B$17,14,0)+IF('Standard Profiles'!$G$21=$B$24,21,0),MOD($C4371,24)+1)/SUM(INDEX($D$3:$AA$30,INDEX(Jesper!$R$2:$R$366,ROW(INDEX(Jesper!AK$2:AK$366,ROUNDDOWN($C4371/24,0)+1,1))-1)+IF('Standard Profiles'!$G$21=$B$10,7,0)+IF('Standard Profiles'!$G$21=$B$17,14,0)+IF('Standard Profiles'!$G$21=$B$24,21,0),0)),0)</f>
        <v>0</v>
      </c>
      <c r="H4371" cm="1">
        <f t="array" ref="H4371">IFERROR(INDEX(Jesper!AL$2:AL$366,ROUNDDOWN($C4371/24,0)+1,1)*INDEX($D$3:$AA$30,INDEX(Jesper!$R$2:$R$366,ROW(INDEX(Jesper!AL$2:AL$366,ROUNDDOWN($C4371/24,0)+1,1))-1)+IF('Standard Profiles'!$G$22=$B$10,7,0)+IF('Standard Profiles'!$G$22=$B$17,14,0)+IF('Standard Profiles'!$G$22=$B$24,21,0),MOD($C4371,24)+1)/SUM(INDEX($D$3:$AA$30,INDEX(Jesper!$R$2:$R$366,ROW(INDEX(Jesper!AL$2:AL$366,ROUNDDOWN($C4371/24,0)+1,1))-1)+IF('Standard Profiles'!$G$22=$B$10,7,0)+IF('Standard Profiles'!$G$22=$B$17,14,0)+IF('Standard Profiles'!$G$22=$B$24,21,0),0)),0)</f>
        <v>0</v>
      </c>
      <c r="I4371">
        <f t="shared" si="489"/>
        <v>0.12848349749512486</v>
      </c>
      <c r="J4371">
        <f t="shared" si="490"/>
        <v>0.42827832498374951</v>
      </c>
      <c r="K4371">
        <f t="shared" si="491"/>
        <v>0.64241748747562433</v>
      </c>
      <c r="L4371">
        <f t="shared" si="492"/>
        <v>9.1909977966686025</v>
      </c>
      <c r="M4371">
        <f t="shared" si="493"/>
        <v>0</v>
      </c>
      <c r="N4371" s="46">
        <f t="shared" si="494"/>
        <v>45472.708333322815</v>
      </c>
    </row>
    <row r="4372" spans="2:14" x14ac:dyDescent="0.3">
      <c r="B4372">
        <f t="shared" si="488"/>
        <v>6</v>
      </c>
      <c r="C4372" s="16">
        <v>4338</v>
      </c>
      <c r="D4372" cm="1">
        <f t="array" ref="D4372">IFERROR(INDEX(Jesper!AH$2:AH$366,ROUNDDOWN($C4372/24,0)+1,1)*INDEX($D$3:$AA$30,INDEX(Jesper!$R$2:$R$366,ROW(INDEX(Jesper!AH$2:AH$366,ROUNDDOWN($C4372/24,0)+1,1))-1)+IF('Standard Profiles'!$G$18=$B$10,7,0)+IF('Standard Profiles'!$G$18=$B$17,14,0)+IF('Standard Profiles'!$G$18=$B$24,21,0),MOD($C4372,24)+1)/SUM(INDEX($D$3:$AA$30,INDEX(Jesper!$R$2:$R$366,ROW(INDEX(Jesper!AH$2:AH$366,ROUNDDOWN($C4372/24,0)+1,1))-1)+IF('Standard Profiles'!$G$18=$B$10,7,0)+IF('Standard Profiles'!$G$18=$B$17,14,0)+IF('Standard Profiles'!$G$18=$B$24,21,0),0)),0)</f>
        <v>8.6320099035225049</v>
      </c>
      <c r="E4372" cm="1">
        <f t="array" ref="E4372">IFERROR(INDEX(Jesper!AI$2:AI$366,ROUNDDOWN($C4372/24,0)+1,1)*INDEX($D$3:$AA$30,INDEX(Jesper!$R$2:$R$366,ROW(INDEX(Jesper!AI$2:AI$366,ROUNDDOWN($C4372/24,0)+1,1))-1)+IF('Standard Profiles'!$G$19=$B$10,7,0)+IF('Standard Profiles'!$G$19=$B$17,14,0)+IF('Standard Profiles'!$G$19=$B$24,21,0),MOD($C4372,24)+1)/SUM(INDEX($D$3:$AA$30,INDEX(Jesper!$R$2:$R$366,ROW(INDEX(Jesper!AI$2:AI$366,ROUNDDOWN($C4372/24,0)+1,1))-1)+IF('Standard Profiles'!$G$19=$B$10,7,0)+IF('Standard Profiles'!$G$19=$B$17,14,0)+IF('Standard Profiles'!$G$19=$B$24,21,0),0)),0)</f>
        <v>1.3733458287812228</v>
      </c>
      <c r="F4372" cm="1">
        <f t="array" ref="F4372">IFERROR(INDEX(Jesper!AJ$2:AJ$366,ROUNDDOWN($C4372/24,0)+1,1)*INDEX($D$3:$AA$30,INDEX(Jesper!$R$2:$R$366,ROW(INDEX(Jesper!AJ$2:AJ$366,ROUNDDOWN($C4372/24,0)+1,1))-1)+IF('Standard Profiles'!$G$20=$B$10,7,0)+IF('Standard Profiles'!$G$20=$B$17,14,0)+IF('Standard Profiles'!$G$20=$B$24,21,0),MOD($C4372,24)+1)/SUM(INDEX($D$3:$AA$30,INDEX(Jesper!$R$2:$R$366,ROW(INDEX(Jesper!AJ$2:AJ$366,ROUNDDOWN($C4372/24,0)+1,1))-1)+IF('Standard Profiles'!$G$20=$B$10,7,0)+IF('Standard Profiles'!$G$20=$B$17,14,0)+IF('Standard Profiles'!$G$20=$B$24,21,0),0)),0)</f>
        <v>0</v>
      </c>
      <c r="G4372" cm="1">
        <f t="array" ref="G4372">IFERROR(INDEX(Jesper!AK$2:AK$366,ROUNDDOWN($C4372/24,0)+1,1)*INDEX($D$3:$AA$30,INDEX(Jesper!$R$2:$R$366,ROW(INDEX(Jesper!AK$2:AK$366,ROUNDDOWN($C4372/24,0)+1,1))-1)+IF('Standard Profiles'!$G$21=$B$10,7,0)+IF('Standard Profiles'!$G$21=$B$17,14,0)+IF('Standard Profiles'!$G$21=$B$24,21,0),MOD($C4372,24)+1)/SUM(INDEX($D$3:$AA$30,INDEX(Jesper!$R$2:$R$366,ROW(INDEX(Jesper!AK$2:AK$366,ROUNDDOWN($C4372/24,0)+1,1))-1)+IF('Standard Profiles'!$G$21=$B$10,7,0)+IF('Standard Profiles'!$G$21=$B$17,14,0)+IF('Standard Profiles'!$G$21=$B$24,21,0),0)),0)</f>
        <v>0</v>
      </c>
      <c r="H4372" cm="1">
        <f t="array" ref="H4372">IFERROR(INDEX(Jesper!AL$2:AL$366,ROUNDDOWN($C4372/24,0)+1,1)*INDEX($D$3:$AA$30,INDEX(Jesper!$R$2:$R$366,ROW(INDEX(Jesper!AL$2:AL$366,ROUNDDOWN($C4372/24,0)+1,1))-1)+IF('Standard Profiles'!$G$22=$B$10,7,0)+IF('Standard Profiles'!$G$22=$B$17,14,0)+IF('Standard Profiles'!$G$22=$B$24,21,0),MOD($C4372,24)+1)/SUM(INDEX($D$3:$AA$30,INDEX(Jesper!$R$2:$R$366,ROW(INDEX(Jesper!AL$2:AL$366,ROUNDDOWN($C4372/24,0)+1,1))-1)+IF('Standard Profiles'!$G$22=$B$10,7,0)+IF('Standard Profiles'!$G$22=$B$17,14,0)+IF('Standard Profiles'!$G$22=$B$24,21,0),0)),0)</f>
        <v>0</v>
      </c>
      <c r="I4372">
        <f t="shared" si="489"/>
        <v>0.12372484943974983</v>
      </c>
      <c r="J4372">
        <f t="shared" si="490"/>
        <v>0.41241616479916615</v>
      </c>
      <c r="K4372">
        <f t="shared" si="491"/>
        <v>0.6186242471987492</v>
      </c>
      <c r="L4372">
        <f t="shared" si="492"/>
        <v>8.850590470866063</v>
      </c>
      <c r="M4372">
        <f t="shared" si="493"/>
        <v>0</v>
      </c>
      <c r="N4372" s="46">
        <f t="shared" si="494"/>
        <v>45472.749999989479</v>
      </c>
    </row>
    <row r="4373" spans="2:14" x14ac:dyDescent="0.3">
      <c r="B4373">
        <f t="shared" si="488"/>
        <v>6</v>
      </c>
      <c r="C4373" s="16">
        <v>4339</v>
      </c>
      <c r="D4373" cm="1">
        <f t="array" ref="D4373">IFERROR(INDEX(Jesper!AH$2:AH$366,ROUNDDOWN($C4373/24,0)+1,1)*INDEX($D$3:$AA$30,INDEX(Jesper!$R$2:$R$366,ROW(INDEX(Jesper!AH$2:AH$366,ROUNDDOWN($C4373/24,0)+1,1))-1)+IF('Standard Profiles'!$G$18=$B$10,7,0)+IF('Standard Profiles'!$G$18=$B$17,14,0)+IF('Standard Profiles'!$G$18=$B$24,21,0),MOD($C4373,24)+1)/SUM(INDEX($D$3:$AA$30,INDEX(Jesper!$R$2:$R$366,ROW(INDEX(Jesper!AH$2:AH$366,ROUNDDOWN($C4373/24,0)+1,1))-1)+IF('Standard Profiles'!$G$18=$B$10,7,0)+IF('Standard Profiles'!$G$18=$B$17,14,0)+IF('Standard Profiles'!$G$18=$B$24,21,0),0)),0)</f>
        <v>6.9720079989989463</v>
      </c>
      <c r="E4373" cm="1">
        <f t="array" ref="E4373">IFERROR(INDEX(Jesper!AI$2:AI$366,ROUNDDOWN($C4373/24,0)+1,1)*INDEX($D$3:$AA$30,INDEX(Jesper!$R$2:$R$366,ROW(INDEX(Jesper!AI$2:AI$366,ROUNDDOWN($C4373/24,0)+1,1))-1)+IF('Standard Profiles'!$G$19=$B$10,7,0)+IF('Standard Profiles'!$G$19=$B$17,14,0)+IF('Standard Profiles'!$G$19=$B$24,21,0),MOD($C4373,24)+1)/SUM(INDEX($D$3:$AA$30,INDEX(Jesper!$R$2:$R$366,ROW(INDEX(Jesper!AI$2:AI$366,ROUNDDOWN($C4373/24,0)+1,1))-1)+IF('Standard Profiles'!$G$19=$B$10,7,0)+IF('Standard Profiles'!$G$19=$B$17,14,0)+IF('Standard Profiles'!$G$19=$B$24,21,0),0)),0)</f>
        <v>1.1092408617079108</v>
      </c>
      <c r="F4373" cm="1">
        <f t="array" ref="F4373">IFERROR(INDEX(Jesper!AJ$2:AJ$366,ROUNDDOWN($C4373/24,0)+1,1)*INDEX($D$3:$AA$30,INDEX(Jesper!$R$2:$R$366,ROW(INDEX(Jesper!AJ$2:AJ$366,ROUNDDOWN($C4373/24,0)+1,1))-1)+IF('Standard Profiles'!$G$20=$B$10,7,0)+IF('Standard Profiles'!$G$20=$B$17,14,0)+IF('Standard Profiles'!$G$20=$B$24,21,0),MOD($C4373,24)+1)/SUM(INDEX($D$3:$AA$30,INDEX(Jesper!$R$2:$R$366,ROW(INDEX(Jesper!AJ$2:AJ$366,ROUNDDOWN($C4373/24,0)+1,1))-1)+IF('Standard Profiles'!$G$20=$B$10,7,0)+IF('Standard Profiles'!$G$20=$B$17,14,0)+IF('Standard Profiles'!$G$20=$B$24,21,0),0)),0)</f>
        <v>0</v>
      </c>
      <c r="G4373" cm="1">
        <f t="array" ref="G4373">IFERROR(INDEX(Jesper!AK$2:AK$366,ROUNDDOWN($C4373/24,0)+1,1)*INDEX($D$3:$AA$30,INDEX(Jesper!$R$2:$R$366,ROW(INDEX(Jesper!AK$2:AK$366,ROUNDDOWN($C4373/24,0)+1,1))-1)+IF('Standard Profiles'!$G$21=$B$10,7,0)+IF('Standard Profiles'!$G$21=$B$17,14,0)+IF('Standard Profiles'!$G$21=$B$24,21,0),MOD($C4373,24)+1)/SUM(INDEX($D$3:$AA$30,INDEX(Jesper!$R$2:$R$366,ROW(INDEX(Jesper!AK$2:AK$366,ROUNDDOWN($C4373/24,0)+1,1))-1)+IF('Standard Profiles'!$G$21=$B$10,7,0)+IF('Standard Profiles'!$G$21=$B$17,14,0)+IF('Standard Profiles'!$G$21=$B$24,21,0),0)),0)</f>
        <v>0</v>
      </c>
      <c r="H4373" cm="1">
        <f t="array" ref="H4373">IFERROR(INDEX(Jesper!AL$2:AL$366,ROUNDDOWN($C4373/24,0)+1,1)*INDEX($D$3:$AA$30,INDEX(Jesper!$R$2:$R$366,ROW(INDEX(Jesper!AL$2:AL$366,ROUNDDOWN($C4373/24,0)+1,1))-1)+IF('Standard Profiles'!$G$22=$B$10,7,0)+IF('Standard Profiles'!$G$22=$B$17,14,0)+IF('Standard Profiles'!$G$22=$B$24,21,0),MOD($C4373,24)+1)/SUM(INDEX($D$3:$AA$30,INDEX(Jesper!$R$2:$R$366,ROW(INDEX(Jesper!AL$2:AL$366,ROUNDDOWN($C4373/24,0)+1,1))-1)+IF('Standard Profiles'!$G$22=$B$10,7,0)+IF('Standard Profiles'!$G$22=$B$17,14,0)+IF('Standard Profiles'!$G$22=$B$24,21,0),0)),0)</f>
        <v>0</v>
      </c>
      <c r="I4373">
        <f t="shared" si="489"/>
        <v>9.9931609162874871E-2</v>
      </c>
      <c r="J4373">
        <f t="shared" si="490"/>
        <v>0.33310536387624962</v>
      </c>
      <c r="K4373">
        <f t="shared" si="491"/>
        <v>0.49965804581437445</v>
      </c>
      <c r="L4373">
        <f t="shared" si="492"/>
        <v>7.1485538418533583</v>
      </c>
      <c r="M4373">
        <f t="shared" si="493"/>
        <v>0</v>
      </c>
      <c r="N4373" s="46">
        <f t="shared" si="494"/>
        <v>45472.791666656143</v>
      </c>
    </row>
    <row r="4374" spans="2:14" x14ac:dyDescent="0.3">
      <c r="B4374">
        <f t="shared" si="488"/>
        <v>6</v>
      </c>
      <c r="C4374" s="16">
        <v>4340</v>
      </c>
      <c r="D4374" cm="1">
        <f t="array" ref="D4374">IFERROR(INDEX(Jesper!AH$2:AH$366,ROUNDDOWN($C4374/24,0)+1,1)*INDEX($D$3:$AA$30,INDEX(Jesper!$R$2:$R$366,ROW(INDEX(Jesper!AH$2:AH$366,ROUNDDOWN($C4374/24,0)+1,1))-1)+IF('Standard Profiles'!$G$18=$B$10,7,0)+IF('Standard Profiles'!$G$18=$B$17,14,0)+IF('Standard Profiles'!$G$18=$B$24,21,0),MOD($C4374,24)+1)/SUM(INDEX($D$3:$AA$30,INDEX(Jesper!$R$2:$R$366,ROW(INDEX(Jesper!AH$2:AH$366,ROUNDDOWN($C4374/24,0)+1,1))-1)+IF('Standard Profiles'!$G$18=$B$10,7,0)+IF('Standard Profiles'!$G$18=$B$17,14,0)+IF('Standard Profiles'!$G$18=$B$24,21,0),0)),0)</f>
        <v>5.1460059040230313</v>
      </c>
      <c r="E4374" cm="1">
        <f t="array" ref="E4374">IFERROR(INDEX(Jesper!AI$2:AI$366,ROUNDDOWN($C4374/24,0)+1,1)*INDEX($D$3:$AA$30,INDEX(Jesper!$R$2:$R$366,ROW(INDEX(Jesper!AI$2:AI$366,ROUNDDOWN($C4374/24,0)+1,1))-1)+IF('Standard Profiles'!$G$19=$B$10,7,0)+IF('Standard Profiles'!$G$19=$B$17,14,0)+IF('Standard Profiles'!$G$19=$B$24,21,0),MOD($C4374,24)+1)/SUM(INDEX($D$3:$AA$30,INDEX(Jesper!$R$2:$R$366,ROW(INDEX(Jesper!AI$2:AI$366,ROUNDDOWN($C4374/24,0)+1,1))-1)+IF('Standard Profiles'!$G$19=$B$10,7,0)+IF('Standard Profiles'!$G$19=$B$17,14,0)+IF('Standard Profiles'!$G$19=$B$24,21,0),0)),0)</f>
        <v>0.81872539792726751</v>
      </c>
      <c r="F4374" cm="1">
        <f t="array" ref="F4374">IFERROR(INDEX(Jesper!AJ$2:AJ$366,ROUNDDOWN($C4374/24,0)+1,1)*INDEX($D$3:$AA$30,INDEX(Jesper!$R$2:$R$366,ROW(INDEX(Jesper!AJ$2:AJ$366,ROUNDDOWN($C4374/24,0)+1,1))-1)+IF('Standard Profiles'!$G$20=$B$10,7,0)+IF('Standard Profiles'!$G$20=$B$17,14,0)+IF('Standard Profiles'!$G$20=$B$24,21,0),MOD($C4374,24)+1)/SUM(INDEX($D$3:$AA$30,INDEX(Jesper!$R$2:$R$366,ROW(INDEX(Jesper!AJ$2:AJ$366,ROUNDDOWN($C4374/24,0)+1,1))-1)+IF('Standard Profiles'!$G$20=$B$10,7,0)+IF('Standard Profiles'!$G$20=$B$17,14,0)+IF('Standard Profiles'!$G$20=$B$24,21,0),0)),0)</f>
        <v>0</v>
      </c>
      <c r="G4374" cm="1">
        <f t="array" ref="G4374">IFERROR(INDEX(Jesper!AK$2:AK$366,ROUNDDOWN($C4374/24,0)+1,1)*INDEX($D$3:$AA$30,INDEX(Jesper!$R$2:$R$366,ROW(INDEX(Jesper!AK$2:AK$366,ROUNDDOWN($C4374/24,0)+1,1))-1)+IF('Standard Profiles'!$G$21=$B$10,7,0)+IF('Standard Profiles'!$G$21=$B$17,14,0)+IF('Standard Profiles'!$G$21=$B$24,21,0),MOD($C4374,24)+1)/SUM(INDEX($D$3:$AA$30,INDEX(Jesper!$R$2:$R$366,ROW(INDEX(Jesper!AK$2:AK$366,ROUNDDOWN($C4374/24,0)+1,1))-1)+IF('Standard Profiles'!$G$21=$B$10,7,0)+IF('Standard Profiles'!$G$21=$B$17,14,0)+IF('Standard Profiles'!$G$21=$B$24,21,0),0)),0)</f>
        <v>0</v>
      </c>
      <c r="H4374" cm="1">
        <f t="array" ref="H4374">IFERROR(INDEX(Jesper!AL$2:AL$366,ROUNDDOWN($C4374/24,0)+1,1)*INDEX($D$3:$AA$30,INDEX(Jesper!$R$2:$R$366,ROW(INDEX(Jesper!AL$2:AL$366,ROUNDDOWN($C4374/24,0)+1,1))-1)+IF('Standard Profiles'!$G$22=$B$10,7,0)+IF('Standard Profiles'!$G$22=$B$17,14,0)+IF('Standard Profiles'!$G$22=$B$24,21,0),MOD($C4374,24)+1)/SUM(INDEX($D$3:$AA$30,INDEX(Jesper!$R$2:$R$366,ROW(INDEX(Jesper!AL$2:AL$366,ROUNDDOWN($C4374/24,0)+1,1))-1)+IF('Standard Profiles'!$G$22=$B$10,7,0)+IF('Standard Profiles'!$G$22=$B$17,14,0)+IF('Standard Profiles'!$G$22=$B$24,21,0),0)),0)</f>
        <v>0</v>
      </c>
      <c r="I4374">
        <f t="shared" si="489"/>
        <v>7.3759044858312403E-2</v>
      </c>
      <c r="J4374">
        <f t="shared" si="490"/>
        <v>0.2458634828610414</v>
      </c>
      <c r="K4374">
        <f t="shared" si="491"/>
        <v>0.36879522429156208</v>
      </c>
      <c r="L4374">
        <f t="shared" si="492"/>
        <v>5.276313549939383</v>
      </c>
      <c r="M4374">
        <f t="shared" si="493"/>
        <v>0</v>
      </c>
      <c r="N4374" s="46">
        <f t="shared" si="494"/>
        <v>45472.833333322807</v>
      </c>
    </row>
    <row r="4375" spans="2:14" x14ac:dyDescent="0.3">
      <c r="B4375">
        <f t="shared" si="488"/>
        <v>6</v>
      </c>
      <c r="C4375" s="16">
        <v>4341</v>
      </c>
      <c r="D4375" cm="1">
        <f t="array" ref="D4375">IFERROR(INDEX(Jesper!AH$2:AH$366,ROUNDDOWN($C4375/24,0)+1,1)*INDEX($D$3:$AA$30,INDEX(Jesper!$R$2:$R$366,ROW(INDEX(Jesper!AH$2:AH$366,ROUNDDOWN($C4375/24,0)+1,1))-1)+IF('Standard Profiles'!$G$18=$B$10,7,0)+IF('Standard Profiles'!$G$18=$B$17,14,0)+IF('Standard Profiles'!$G$18=$B$24,21,0),MOD($C4375,24)+1)/SUM(INDEX($D$3:$AA$30,INDEX(Jesper!$R$2:$R$366,ROW(INDEX(Jesper!AH$2:AH$366,ROUNDDOWN($C4375/24,0)+1,1))-1)+IF('Standard Profiles'!$G$18=$B$10,7,0)+IF('Standard Profiles'!$G$18=$B$17,14,0)+IF('Standard Profiles'!$G$18=$B$24,21,0),0)),0)</f>
        <v>5.1460059040230313</v>
      </c>
      <c r="E4375" cm="1">
        <f t="array" ref="E4375">IFERROR(INDEX(Jesper!AI$2:AI$366,ROUNDDOWN($C4375/24,0)+1,1)*INDEX($D$3:$AA$30,INDEX(Jesper!$R$2:$R$366,ROW(INDEX(Jesper!AI$2:AI$366,ROUNDDOWN($C4375/24,0)+1,1))-1)+IF('Standard Profiles'!$G$19=$B$10,7,0)+IF('Standard Profiles'!$G$19=$B$17,14,0)+IF('Standard Profiles'!$G$19=$B$24,21,0),MOD($C4375,24)+1)/SUM(INDEX($D$3:$AA$30,INDEX(Jesper!$R$2:$R$366,ROW(INDEX(Jesper!AI$2:AI$366,ROUNDDOWN($C4375/24,0)+1,1))-1)+IF('Standard Profiles'!$G$19=$B$10,7,0)+IF('Standard Profiles'!$G$19=$B$17,14,0)+IF('Standard Profiles'!$G$19=$B$24,21,0),0)),0)</f>
        <v>0.81872539792726751</v>
      </c>
      <c r="F4375" cm="1">
        <f t="array" ref="F4375">IFERROR(INDEX(Jesper!AJ$2:AJ$366,ROUNDDOWN($C4375/24,0)+1,1)*INDEX($D$3:$AA$30,INDEX(Jesper!$R$2:$R$366,ROW(INDEX(Jesper!AJ$2:AJ$366,ROUNDDOWN($C4375/24,0)+1,1))-1)+IF('Standard Profiles'!$G$20=$B$10,7,0)+IF('Standard Profiles'!$G$20=$B$17,14,0)+IF('Standard Profiles'!$G$20=$B$24,21,0),MOD($C4375,24)+1)/SUM(INDEX($D$3:$AA$30,INDEX(Jesper!$R$2:$R$366,ROW(INDEX(Jesper!AJ$2:AJ$366,ROUNDDOWN($C4375/24,0)+1,1))-1)+IF('Standard Profiles'!$G$20=$B$10,7,0)+IF('Standard Profiles'!$G$20=$B$17,14,0)+IF('Standard Profiles'!$G$20=$B$24,21,0),0)),0)</f>
        <v>0</v>
      </c>
      <c r="G4375" cm="1">
        <f t="array" ref="G4375">IFERROR(INDEX(Jesper!AK$2:AK$366,ROUNDDOWN($C4375/24,0)+1,1)*INDEX($D$3:$AA$30,INDEX(Jesper!$R$2:$R$366,ROW(INDEX(Jesper!AK$2:AK$366,ROUNDDOWN($C4375/24,0)+1,1))-1)+IF('Standard Profiles'!$G$21=$B$10,7,0)+IF('Standard Profiles'!$G$21=$B$17,14,0)+IF('Standard Profiles'!$G$21=$B$24,21,0),MOD($C4375,24)+1)/SUM(INDEX($D$3:$AA$30,INDEX(Jesper!$R$2:$R$366,ROW(INDEX(Jesper!AK$2:AK$366,ROUNDDOWN($C4375/24,0)+1,1))-1)+IF('Standard Profiles'!$G$21=$B$10,7,0)+IF('Standard Profiles'!$G$21=$B$17,14,0)+IF('Standard Profiles'!$G$21=$B$24,21,0),0)),0)</f>
        <v>0</v>
      </c>
      <c r="H4375" cm="1">
        <f t="array" ref="H4375">IFERROR(INDEX(Jesper!AL$2:AL$366,ROUNDDOWN($C4375/24,0)+1,1)*INDEX($D$3:$AA$30,INDEX(Jesper!$R$2:$R$366,ROW(INDEX(Jesper!AL$2:AL$366,ROUNDDOWN($C4375/24,0)+1,1))-1)+IF('Standard Profiles'!$G$22=$B$10,7,0)+IF('Standard Profiles'!$G$22=$B$17,14,0)+IF('Standard Profiles'!$G$22=$B$24,21,0),MOD($C4375,24)+1)/SUM(INDEX($D$3:$AA$30,INDEX(Jesper!$R$2:$R$366,ROW(INDEX(Jesper!AL$2:AL$366,ROUNDDOWN($C4375/24,0)+1,1))-1)+IF('Standard Profiles'!$G$22=$B$10,7,0)+IF('Standard Profiles'!$G$22=$B$17,14,0)+IF('Standard Profiles'!$G$22=$B$24,21,0),0)),0)</f>
        <v>0</v>
      </c>
      <c r="I4375">
        <f t="shared" si="489"/>
        <v>7.3759044858312403E-2</v>
      </c>
      <c r="J4375">
        <f t="shared" si="490"/>
        <v>0.2458634828610414</v>
      </c>
      <c r="K4375">
        <f t="shared" si="491"/>
        <v>0.36879522429156208</v>
      </c>
      <c r="L4375">
        <f t="shared" si="492"/>
        <v>5.276313549939383</v>
      </c>
      <c r="M4375">
        <f t="shared" si="493"/>
        <v>0</v>
      </c>
      <c r="N4375" s="46">
        <f t="shared" si="494"/>
        <v>45472.874999989472</v>
      </c>
    </row>
    <row r="4376" spans="2:14" x14ac:dyDescent="0.3">
      <c r="B4376">
        <f t="shared" si="488"/>
        <v>6</v>
      </c>
      <c r="C4376" s="16">
        <v>4342</v>
      </c>
      <c r="D4376" cm="1">
        <f t="array" ref="D4376">IFERROR(INDEX(Jesper!AH$2:AH$366,ROUNDDOWN($C4376/24,0)+1,1)*INDEX($D$3:$AA$30,INDEX(Jesper!$R$2:$R$366,ROW(INDEX(Jesper!AH$2:AH$366,ROUNDDOWN($C4376/24,0)+1,1))-1)+IF('Standard Profiles'!$G$18=$B$10,7,0)+IF('Standard Profiles'!$G$18=$B$17,14,0)+IF('Standard Profiles'!$G$18=$B$24,21,0),MOD($C4376,24)+1)/SUM(INDEX($D$3:$AA$30,INDEX(Jesper!$R$2:$R$366,ROW(INDEX(Jesper!AH$2:AH$366,ROUNDDOWN($C4376/24,0)+1,1))-1)+IF('Standard Profiles'!$G$18=$B$10,7,0)+IF('Standard Profiles'!$G$18=$B$17,14,0)+IF('Standard Profiles'!$G$18=$B$24,21,0),0)),0)</f>
        <v>5.1460059040230313</v>
      </c>
      <c r="E4376" cm="1">
        <f t="array" ref="E4376">IFERROR(INDEX(Jesper!AI$2:AI$366,ROUNDDOWN($C4376/24,0)+1,1)*INDEX($D$3:$AA$30,INDEX(Jesper!$R$2:$R$366,ROW(INDEX(Jesper!AI$2:AI$366,ROUNDDOWN($C4376/24,0)+1,1))-1)+IF('Standard Profiles'!$G$19=$B$10,7,0)+IF('Standard Profiles'!$G$19=$B$17,14,0)+IF('Standard Profiles'!$G$19=$B$24,21,0),MOD($C4376,24)+1)/SUM(INDEX($D$3:$AA$30,INDEX(Jesper!$R$2:$R$366,ROW(INDEX(Jesper!AI$2:AI$366,ROUNDDOWN($C4376/24,0)+1,1))-1)+IF('Standard Profiles'!$G$19=$B$10,7,0)+IF('Standard Profiles'!$G$19=$B$17,14,0)+IF('Standard Profiles'!$G$19=$B$24,21,0),0)),0)</f>
        <v>0.81872539792726751</v>
      </c>
      <c r="F4376" cm="1">
        <f t="array" ref="F4376">IFERROR(INDEX(Jesper!AJ$2:AJ$366,ROUNDDOWN($C4376/24,0)+1,1)*INDEX($D$3:$AA$30,INDEX(Jesper!$R$2:$R$366,ROW(INDEX(Jesper!AJ$2:AJ$366,ROUNDDOWN($C4376/24,0)+1,1))-1)+IF('Standard Profiles'!$G$20=$B$10,7,0)+IF('Standard Profiles'!$G$20=$B$17,14,0)+IF('Standard Profiles'!$G$20=$B$24,21,0),MOD($C4376,24)+1)/SUM(INDEX($D$3:$AA$30,INDEX(Jesper!$R$2:$R$366,ROW(INDEX(Jesper!AJ$2:AJ$366,ROUNDDOWN($C4376/24,0)+1,1))-1)+IF('Standard Profiles'!$G$20=$B$10,7,0)+IF('Standard Profiles'!$G$20=$B$17,14,0)+IF('Standard Profiles'!$G$20=$B$24,21,0),0)),0)</f>
        <v>0</v>
      </c>
      <c r="G4376" cm="1">
        <f t="array" ref="G4376">IFERROR(INDEX(Jesper!AK$2:AK$366,ROUNDDOWN($C4376/24,0)+1,1)*INDEX($D$3:$AA$30,INDEX(Jesper!$R$2:$R$366,ROW(INDEX(Jesper!AK$2:AK$366,ROUNDDOWN($C4376/24,0)+1,1))-1)+IF('Standard Profiles'!$G$21=$B$10,7,0)+IF('Standard Profiles'!$G$21=$B$17,14,0)+IF('Standard Profiles'!$G$21=$B$24,21,0),MOD($C4376,24)+1)/SUM(INDEX($D$3:$AA$30,INDEX(Jesper!$R$2:$R$366,ROW(INDEX(Jesper!AK$2:AK$366,ROUNDDOWN($C4376/24,0)+1,1))-1)+IF('Standard Profiles'!$G$21=$B$10,7,0)+IF('Standard Profiles'!$G$21=$B$17,14,0)+IF('Standard Profiles'!$G$21=$B$24,21,0),0)),0)</f>
        <v>0</v>
      </c>
      <c r="H4376" cm="1">
        <f t="array" ref="H4376">IFERROR(INDEX(Jesper!AL$2:AL$366,ROUNDDOWN($C4376/24,0)+1,1)*INDEX($D$3:$AA$30,INDEX(Jesper!$R$2:$R$366,ROW(INDEX(Jesper!AL$2:AL$366,ROUNDDOWN($C4376/24,0)+1,1))-1)+IF('Standard Profiles'!$G$22=$B$10,7,0)+IF('Standard Profiles'!$G$22=$B$17,14,0)+IF('Standard Profiles'!$G$22=$B$24,21,0),MOD($C4376,24)+1)/SUM(INDEX($D$3:$AA$30,INDEX(Jesper!$R$2:$R$366,ROW(INDEX(Jesper!AL$2:AL$366,ROUNDDOWN($C4376/24,0)+1,1))-1)+IF('Standard Profiles'!$G$22=$B$10,7,0)+IF('Standard Profiles'!$G$22=$B$17,14,0)+IF('Standard Profiles'!$G$22=$B$24,21,0),0)),0)</f>
        <v>0</v>
      </c>
      <c r="I4376">
        <f t="shared" si="489"/>
        <v>7.3759044858312403E-2</v>
      </c>
      <c r="J4376">
        <f t="shared" si="490"/>
        <v>0.2458634828610414</v>
      </c>
      <c r="K4376">
        <f t="shared" si="491"/>
        <v>0.36879522429156208</v>
      </c>
      <c r="L4376">
        <f t="shared" si="492"/>
        <v>5.276313549939383</v>
      </c>
      <c r="M4376">
        <f t="shared" si="493"/>
        <v>0</v>
      </c>
      <c r="N4376" s="46">
        <f t="shared" si="494"/>
        <v>45472.916666656136</v>
      </c>
    </row>
    <row r="4377" spans="2:14" x14ac:dyDescent="0.3">
      <c r="B4377">
        <f t="shared" si="488"/>
        <v>6</v>
      </c>
      <c r="C4377" s="16">
        <v>4343</v>
      </c>
      <c r="D4377" cm="1">
        <f t="array" ref="D4377">IFERROR(INDEX(Jesper!AH$2:AH$366,ROUNDDOWN($C4377/24,0)+1,1)*INDEX($D$3:$AA$30,INDEX(Jesper!$R$2:$R$366,ROW(INDEX(Jesper!AH$2:AH$366,ROUNDDOWN($C4377/24,0)+1,1))-1)+IF('Standard Profiles'!$G$18=$B$10,7,0)+IF('Standard Profiles'!$G$18=$B$17,14,0)+IF('Standard Profiles'!$G$18=$B$24,21,0),MOD($C4377,24)+1)/SUM(INDEX($D$3:$AA$30,INDEX(Jesper!$R$2:$R$366,ROW(INDEX(Jesper!AH$2:AH$366,ROUNDDOWN($C4377/24,0)+1,1))-1)+IF('Standard Profiles'!$G$18=$B$10,7,0)+IF('Standard Profiles'!$G$18=$B$17,14,0)+IF('Standard Profiles'!$G$18=$B$24,21,0),0)),0)</f>
        <v>5.1460059040230313</v>
      </c>
      <c r="E4377" cm="1">
        <f t="array" ref="E4377">IFERROR(INDEX(Jesper!AI$2:AI$366,ROUNDDOWN($C4377/24,0)+1,1)*INDEX($D$3:$AA$30,INDEX(Jesper!$R$2:$R$366,ROW(INDEX(Jesper!AI$2:AI$366,ROUNDDOWN($C4377/24,0)+1,1))-1)+IF('Standard Profiles'!$G$19=$B$10,7,0)+IF('Standard Profiles'!$G$19=$B$17,14,0)+IF('Standard Profiles'!$G$19=$B$24,21,0),MOD($C4377,24)+1)/SUM(INDEX($D$3:$AA$30,INDEX(Jesper!$R$2:$R$366,ROW(INDEX(Jesper!AI$2:AI$366,ROUNDDOWN($C4377/24,0)+1,1))-1)+IF('Standard Profiles'!$G$19=$B$10,7,0)+IF('Standard Profiles'!$G$19=$B$17,14,0)+IF('Standard Profiles'!$G$19=$B$24,21,0),0)),0)</f>
        <v>0.81872539792726751</v>
      </c>
      <c r="F4377" cm="1">
        <f t="array" ref="F4377">IFERROR(INDEX(Jesper!AJ$2:AJ$366,ROUNDDOWN($C4377/24,0)+1,1)*INDEX($D$3:$AA$30,INDEX(Jesper!$R$2:$R$366,ROW(INDEX(Jesper!AJ$2:AJ$366,ROUNDDOWN($C4377/24,0)+1,1))-1)+IF('Standard Profiles'!$G$20=$B$10,7,0)+IF('Standard Profiles'!$G$20=$B$17,14,0)+IF('Standard Profiles'!$G$20=$B$24,21,0),MOD($C4377,24)+1)/SUM(INDEX($D$3:$AA$30,INDEX(Jesper!$R$2:$R$366,ROW(INDEX(Jesper!AJ$2:AJ$366,ROUNDDOWN($C4377/24,0)+1,1))-1)+IF('Standard Profiles'!$G$20=$B$10,7,0)+IF('Standard Profiles'!$G$20=$B$17,14,0)+IF('Standard Profiles'!$G$20=$B$24,21,0),0)),0)</f>
        <v>0</v>
      </c>
      <c r="G4377" cm="1">
        <f t="array" ref="G4377">IFERROR(INDEX(Jesper!AK$2:AK$366,ROUNDDOWN($C4377/24,0)+1,1)*INDEX($D$3:$AA$30,INDEX(Jesper!$R$2:$R$366,ROW(INDEX(Jesper!AK$2:AK$366,ROUNDDOWN($C4377/24,0)+1,1))-1)+IF('Standard Profiles'!$G$21=$B$10,7,0)+IF('Standard Profiles'!$G$21=$B$17,14,0)+IF('Standard Profiles'!$G$21=$B$24,21,0),MOD($C4377,24)+1)/SUM(INDEX($D$3:$AA$30,INDEX(Jesper!$R$2:$R$366,ROW(INDEX(Jesper!AK$2:AK$366,ROUNDDOWN($C4377/24,0)+1,1))-1)+IF('Standard Profiles'!$G$21=$B$10,7,0)+IF('Standard Profiles'!$G$21=$B$17,14,0)+IF('Standard Profiles'!$G$21=$B$24,21,0),0)),0)</f>
        <v>0</v>
      </c>
      <c r="H4377" cm="1">
        <f t="array" ref="H4377">IFERROR(INDEX(Jesper!AL$2:AL$366,ROUNDDOWN($C4377/24,0)+1,1)*INDEX($D$3:$AA$30,INDEX(Jesper!$R$2:$R$366,ROW(INDEX(Jesper!AL$2:AL$366,ROUNDDOWN($C4377/24,0)+1,1))-1)+IF('Standard Profiles'!$G$22=$B$10,7,0)+IF('Standard Profiles'!$G$22=$B$17,14,0)+IF('Standard Profiles'!$G$22=$B$24,21,0),MOD($C4377,24)+1)/SUM(INDEX($D$3:$AA$30,INDEX(Jesper!$R$2:$R$366,ROW(INDEX(Jesper!AL$2:AL$366,ROUNDDOWN($C4377/24,0)+1,1))-1)+IF('Standard Profiles'!$G$22=$B$10,7,0)+IF('Standard Profiles'!$G$22=$B$17,14,0)+IF('Standard Profiles'!$G$22=$B$24,21,0),0)),0)</f>
        <v>0</v>
      </c>
      <c r="I4377">
        <f t="shared" si="489"/>
        <v>7.3759044858312403E-2</v>
      </c>
      <c r="J4377">
        <f t="shared" si="490"/>
        <v>0.2458634828610414</v>
      </c>
      <c r="K4377">
        <f t="shared" si="491"/>
        <v>0.36879522429156208</v>
      </c>
      <c r="L4377">
        <f t="shared" si="492"/>
        <v>5.276313549939383</v>
      </c>
      <c r="M4377">
        <f t="shared" si="493"/>
        <v>0</v>
      </c>
      <c r="N4377" s="46">
        <f t="shared" si="494"/>
        <v>45472.9583333228</v>
      </c>
    </row>
    <row r="4378" spans="2:14" x14ac:dyDescent="0.3">
      <c r="B4378">
        <f t="shared" si="488"/>
        <v>7</v>
      </c>
      <c r="C4378" s="16">
        <v>4344</v>
      </c>
      <c r="D4378" cm="1">
        <f t="array" ref="D4378">IFERROR(INDEX(Jesper!AH$2:AH$366,ROUNDDOWN($C4378/24,0)+1,1)*INDEX($D$3:$AA$30,INDEX(Jesper!$R$2:$R$366,ROW(INDEX(Jesper!AH$2:AH$366,ROUNDDOWN($C4378/24,0)+1,1))-1)+IF('Standard Profiles'!$G$18=$B$10,7,0)+IF('Standard Profiles'!$G$18=$B$17,14,0)+IF('Standard Profiles'!$G$18=$B$24,21,0),MOD($C4378,24)+1)/SUM(INDEX($D$3:$AA$30,INDEX(Jesper!$R$2:$R$366,ROW(INDEX(Jesper!AH$2:AH$366,ROUNDDOWN($C4378/24,0)+1,1))-1)+IF('Standard Profiles'!$G$18=$B$10,7,0)+IF('Standard Profiles'!$G$18=$B$17,14,0)+IF('Standard Profiles'!$G$18=$B$24,21,0),0)),0)</f>
        <v>5.8081344951298943</v>
      </c>
      <c r="E4378" cm="1">
        <f t="array" ref="E4378">IFERROR(INDEX(Jesper!AI$2:AI$366,ROUNDDOWN($C4378/24,0)+1,1)*INDEX($D$3:$AA$30,INDEX(Jesper!$R$2:$R$366,ROW(INDEX(Jesper!AI$2:AI$366,ROUNDDOWN($C4378/24,0)+1,1))-1)+IF('Standard Profiles'!$G$19=$B$10,7,0)+IF('Standard Profiles'!$G$19=$B$17,14,0)+IF('Standard Profiles'!$G$19=$B$24,21,0),MOD($C4378,24)+1)/SUM(INDEX($D$3:$AA$30,INDEX(Jesper!$R$2:$R$366,ROW(INDEX(Jesper!AI$2:AI$366,ROUNDDOWN($C4378/24,0)+1,1))-1)+IF('Standard Profiles'!$G$19=$B$10,7,0)+IF('Standard Profiles'!$G$19=$B$17,14,0)+IF('Standard Profiles'!$G$19=$B$24,21,0),0)),0)</f>
        <v>0.90891583341674609</v>
      </c>
      <c r="F4378" cm="1">
        <f t="array" ref="F4378">IFERROR(INDEX(Jesper!AJ$2:AJ$366,ROUNDDOWN($C4378/24,0)+1,1)*INDEX($D$3:$AA$30,INDEX(Jesper!$R$2:$R$366,ROW(INDEX(Jesper!AJ$2:AJ$366,ROUNDDOWN($C4378/24,0)+1,1))-1)+IF('Standard Profiles'!$G$20=$B$10,7,0)+IF('Standard Profiles'!$G$20=$B$17,14,0)+IF('Standard Profiles'!$G$20=$B$24,21,0),MOD($C4378,24)+1)/SUM(INDEX($D$3:$AA$30,INDEX(Jesper!$R$2:$R$366,ROW(INDEX(Jesper!AJ$2:AJ$366,ROUNDDOWN($C4378/24,0)+1,1))-1)+IF('Standard Profiles'!$G$20=$B$10,7,0)+IF('Standard Profiles'!$G$20=$B$17,14,0)+IF('Standard Profiles'!$G$20=$B$24,21,0),0)),0)</f>
        <v>0</v>
      </c>
      <c r="G4378" cm="1">
        <f t="array" ref="G4378">IFERROR(INDEX(Jesper!AK$2:AK$366,ROUNDDOWN($C4378/24,0)+1,1)*INDEX($D$3:$AA$30,INDEX(Jesper!$R$2:$R$366,ROW(INDEX(Jesper!AK$2:AK$366,ROUNDDOWN($C4378/24,0)+1,1))-1)+IF('Standard Profiles'!$G$21=$B$10,7,0)+IF('Standard Profiles'!$G$21=$B$17,14,0)+IF('Standard Profiles'!$G$21=$B$24,21,0),MOD($C4378,24)+1)/SUM(INDEX($D$3:$AA$30,INDEX(Jesper!$R$2:$R$366,ROW(INDEX(Jesper!AK$2:AK$366,ROUNDDOWN($C4378/24,0)+1,1))-1)+IF('Standard Profiles'!$G$21=$B$10,7,0)+IF('Standard Profiles'!$G$21=$B$17,14,0)+IF('Standard Profiles'!$G$21=$B$24,21,0),0)),0)</f>
        <v>0</v>
      </c>
      <c r="H4378" cm="1">
        <f t="array" ref="H4378">IFERROR(INDEX(Jesper!AL$2:AL$366,ROUNDDOWN($C4378/24,0)+1,1)*INDEX($D$3:$AA$30,INDEX(Jesper!$R$2:$R$366,ROW(INDEX(Jesper!AL$2:AL$366,ROUNDDOWN($C4378/24,0)+1,1))-1)+IF('Standard Profiles'!$G$22=$B$10,7,0)+IF('Standard Profiles'!$G$22=$B$17,14,0)+IF('Standard Profiles'!$G$22=$B$24,21,0),MOD($C4378,24)+1)/SUM(INDEX($D$3:$AA$30,INDEX(Jesper!$R$2:$R$366,ROW(INDEX(Jesper!AL$2:AL$366,ROUNDDOWN($C4378/24,0)+1,1))-1)+IF('Standard Profiles'!$G$22=$B$10,7,0)+IF('Standard Profiles'!$G$22=$B$17,14,0)+IF('Standard Profiles'!$G$22=$B$24,21,0),0)),0)</f>
        <v>0</v>
      </c>
      <c r="I4378">
        <f t="shared" si="489"/>
        <v>8.1884309316824E-2</v>
      </c>
      <c r="J4378">
        <f t="shared" si="490"/>
        <v>0.27294769772274668</v>
      </c>
      <c r="K4378">
        <f t="shared" si="491"/>
        <v>0.40942154658412</v>
      </c>
      <c r="L4378">
        <f t="shared" si="492"/>
        <v>5.95279677492295</v>
      </c>
      <c r="M4378">
        <f t="shared" si="493"/>
        <v>0</v>
      </c>
      <c r="N4378" s="46">
        <f t="shared" si="494"/>
        <v>45472.999999989464</v>
      </c>
    </row>
    <row r="4379" spans="2:14" x14ac:dyDescent="0.3">
      <c r="B4379">
        <f t="shared" si="488"/>
        <v>7</v>
      </c>
      <c r="C4379" s="16">
        <v>4345</v>
      </c>
      <c r="D4379" cm="1">
        <f t="array" ref="D4379">IFERROR(INDEX(Jesper!AH$2:AH$366,ROUNDDOWN($C4379/24,0)+1,1)*INDEX($D$3:$AA$30,INDEX(Jesper!$R$2:$R$366,ROW(INDEX(Jesper!AH$2:AH$366,ROUNDDOWN($C4379/24,0)+1,1))-1)+IF('Standard Profiles'!$G$18=$B$10,7,0)+IF('Standard Profiles'!$G$18=$B$17,14,0)+IF('Standard Profiles'!$G$18=$B$24,21,0),MOD($C4379,24)+1)/SUM(INDEX($D$3:$AA$30,INDEX(Jesper!$R$2:$R$366,ROW(INDEX(Jesper!AH$2:AH$366,ROUNDDOWN($C4379/24,0)+1,1))-1)+IF('Standard Profiles'!$G$18=$B$10,7,0)+IF('Standard Profiles'!$G$18=$B$17,14,0)+IF('Standard Profiles'!$G$18=$B$24,21,0),0)),0)</f>
        <v>6.7449303814411676</v>
      </c>
      <c r="E4379" cm="1">
        <f t="array" ref="E4379">IFERROR(INDEX(Jesper!AI$2:AI$366,ROUNDDOWN($C4379/24,0)+1,1)*INDEX($D$3:$AA$30,INDEX(Jesper!$R$2:$R$366,ROW(INDEX(Jesper!AI$2:AI$366,ROUNDDOWN($C4379/24,0)+1,1))-1)+IF('Standard Profiles'!$G$19=$B$10,7,0)+IF('Standard Profiles'!$G$19=$B$17,14,0)+IF('Standard Profiles'!$G$19=$B$24,21,0),MOD($C4379,24)+1)/SUM(INDEX($D$3:$AA$30,INDEX(Jesper!$R$2:$R$366,ROW(INDEX(Jesper!AI$2:AI$366,ROUNDDOWN($C4379/24,0)+1,1))-1)+IF('Standard Profiles'!$G$19=$B$10,7,0)+IF('Standard Profiles'!$G$19=$B$17,14,0)+IF('Standard Profiles'!$G$19=$B$24,21,0),0)),0)</f>
        <v>1.0555151613871889</v>
      </c>
      <c r="F4379" cm="1">
        <f t="array" ref="F4379">IFERROR(INDEX(Jesper!AJ$2:AJ$366,ROUNDDOWN($C4379/24,0)+1,1)*INDEX($D$3:$AA$30,INDEX(Jesper!$R$2:$R$366,ROW(INDEX(Jesper!AJ$2:AJ$366,ROUNDDOWN($C4379/24,0)+1,1))-1)+IF('Standard Profiles'!$G$20=$B$10,7,0)+IF('Standard Profiles'!$G$20=$B$17,14,0)+IF('Standard Profiles'!$G$20=$B$24,21,0),MOD($C4379,24)+1)/SUM(INDEX($D$3:$AA$30,INDEX(Jesper!$R$2:$R$366,ROW(INDEX(Jesper!AJ$2:AJ$366,ROUNDDOWN($C4379/24,0)+1,1))-1)+IF('Standard Profiles'!$G$20=$B$10,7,0)+IF('Standard Profiles'!$G$20=$B$17,14,0)+IF('Standard Profiles'!$G$20=$B$24,21,0),0)),0)</f>
        <v>0</v>
      </c>
      <c r="G4379" cm="1">
        <f t="array" ref="G4379">IFERROR(INDEX(Jesper!AK$2:AK$366,ROUNDDOWN($C4379/24,0)+1,1)*INDEX($D$3:$AA$30,INDEX(Jesper!$R$2:$R$366,ROW(INDEX(Jesper!AK$2:AK$366,ROUNDDOWN($C4379/24,0)+1,1))-1)+IF('Standard Profiles'!$G$21=$B$10,7,0)+IF('Standard Profiles'!$G$21=$B$17,14,0)+IF('Standard Profiles'!$G$21=$B$24,21,0),MOD($C4379,24)+1)/SUM(INDEX($D$3:$AA$30,INDEX(Jesper!$R$2:$R$366,ROW(INDEX(Jesper!AK$2:AK$366,ROUNDDOWN($C4379/24,0)+1,1))-1)+IF('Standard Profiles'!$G$21=$B$10,7,0)+IF('Standard Profiles'!$G$21=$B$17,14,0)+IF('Standard Profiles'!$G$21=$B$24,21,0),0)),0)</f>
        <v>0</v>
      </c>
      <c r="H4379" cm="1">
        <f t="array" ref="H4379">IFERROR(INDEX(Jesper!AL$2:AL$366,ROUNDDOWN($C4379/24,0)+1,1)*INDEX($D$3:$AA$30,INDEX(Jesper!$R$2:$R$366,ROW(INDEX(Jesper!AL$2:AL$366,ROUNDDOWN($C4379/24,0)+1,1))-1)+IF('Standard Profiles'!$G$22=$B$10,7,0)+IF('Standard Profiles'!$G$22=$B$17,14,0)+IF('Standard Profiles'!$G$22=$B$24,21,0),MOD($C4379,24)+1)/SUM(INDEX($D$3:$AA$30,INDEX(Jesper!$R$2:$R$366,ROW(INDEX(Jesper!AL$2:AL$366,ROUNDDOWN($C4379/24,0)+1,1))-1)+IF('Standard Profiles'!$G$22=$B$10,7,0)+IF('Standard Profiles'!$G$22=$B$17,14,0)+IF('Standard Profiles'!$G$22=$B$24,21,0),0)),0)</f>
        <v>0</v>
      </c>
      <c r="I4379">
        <f t="shared" si="489"/>
        <v>9.5091455980827855E-2</v>
      </c>
      <c r="J4379">
        <f t="shared" si="490"/>
        <v>0.3169715199360929</v>
      </c>
      <c r="K4379">
        <f t="shared" si="491"/>
        <v>0.47545727990413933</v>
      </c>
      <c r="L4379">
        <f t="shared" si="492"/>
        <v>6.9129252870072966</v>
      </c>
      <c r="M4379">
        <f t="shared" si="493"/>
        <v>0</v>
      </c>
      <c r="N4379" s="46">
        <f t="shared" si="494"/>
        <v>45473.041666656129</v>
      </c>
    </row>
    <row r="4380" spans="2:14" x14ac:dyDescent="0.3">
      <c r="B4380">
        <f t="shared" si="488"/>
        <v>7</v>
      </c>
      <c r="C4380" s="16">
        <v>4346</v>
      </c>
      <c r="D4380" cm="1">
        <f t="array" ref="D4380">IFERROR(INDEX(Jesper!AH$2:AH$366,ROUNDDOWN($C4380/24,0)+1,1)*INDEX($D$3:$AA$30,INDEX(Jesper!$R$2:$R$366,ROW(INDEX(Jesper!AH$2:AH$366,ROUNDDOWN($C4380/24,0)+1,1))-1)+IF('Standard Profiles'!$G$18=$B$10,7,0)+IF('Standard Profiles'!$G$18=$B$17,14,0)+IF('Standard Profiles'!$G$18=$B$24,21,0),MOD($C4380,24)+1)/SUM(INDEX($D$3:$AA$30,INDEX(Jesper!$R$2:$R$366,ROW(INDEX(Jesper!AH$2:AH$366,ROUNDDOWN($C4380/24,0)+1,1))-1)+IF('Standard Profiles'!$G$18=$B$10,7,0)+IF('Standard Profiles'!$G$18=$B$17,14,0)+IF('Standard Profiles'!$G$18=$B$24,21,0),0)),0)</f>
        <v>6.7449303814411676</v>
      </c>
      <c r="E4380" cm="1">
        <f t="array" ref="E4380">IFERROR(INDEX(Jesper!AI$2:AI$366,ROUNDDOWN($C4380/24,0)+1,1)*INDEX($D$3:$AA$30,INDEX(Jesper!$R$2:$R$366,ROW(INDEX(Jesper!AI$2:AI$366,ROUNDDOWN($C4380/24,0)+1,1))-1)+IF('Standard Profiles'!$G$19=$B$10,7,0)+IF('Standard Profiles'!$G$19=$B$17,14,0)+IF('Standard Profiles'!$G$19=$B$24,21,0),MOD($C4380,24)+1)/SUM(INDEX($D$3:$AA$30,INDEX(Jesper!$R$2:$R$366,ROW(INDEX(Jesper!AI$2:AI$366,ROUNDDOWN($C4380/24,0)+1,1))-1)+IF('Standard Profiles'!$G$19=$B$10,7,0)+IF('Standard Profiles'!$G$19=$B$17,14,0)+IF('Standard Profiles'!$G$19=$B$24,21,0),0)),0)</f>
        <v>1.0555151613871889</v>
      </c>
      <c r="F4380" cm="1">
        <f t="array" ref="F4380">IFERROR(INDEX(Jesper!AJ$2:AJ$366,ROUNDDOWN($C4380/24,0)+1,1)*INDEX($D$3:$AA$30,INDEX(Jesper!$R$2:$R$366,ROW(INDEX(Jesper!AJ$2:AJ$366,ROUNDDOWN($C4380/24,0)+1,1))-1)+IF('Standard Profiles'!$G$20=$B$10,7,0)+IF('Standard Profiles'!$G$20=$B$17,14,0)+IF('Standard Profiles'!$G$20=$B$24,21,0),MOD($C4380,24)+1)/SUM(INDEX($D$3:$AA$30,INDEX(Jesper!$R$2:$R$366,ROW(INDEX(Jesper!AJ$2:AJ$366,ROUNDDOWN($C4380/24,0)+1,1))-1)+IF('Standard Profiles'!$G$20=$B$10,7,0)+IF('Standard Profiles'!$G$20=$B$17,14,0)+IF('Standard Profiles'!$G$20=$B$24,21,0),0)),0)</f>
        <v>0</v>
      </c>
      <c r="G4380" cm="1">
        <f t="array" ref="G4380">IFERROR(INDEX(Jesper!AK$2:AK$366,ROUNDDOWN($C4380/24,0)+1,1)*INDEX($D$3:$AA$30,INDEX(Jesper!$R$2:$R$366,ROW(INDEX(Jesper!AK$2:AK$366,ROUNDDOWN($C4380/24,0)+1,1))-1)+IF('Standard Profiles'!$G$21=$B$10,7,0)+IF('Standard Profiles'!$G$21=$B$17,14,0)+IF('Standard Profiles'!$G$21=$B$24,21,0),MOD($C4380,24)+1)/SUM(INDEX($D$3:$AA$30,INDEX(Jesper!$R$2:$R$366,ROW(INDEX(Jesper!AK$2:AK$366,ROUNDDOWN($C4380/24,0)+1,1))-1)+IF('Standard Profiles'!$G$21=$B$10,7,0)+IF('Standard Profiles'!$G$21=$B$17,14,0)+IF('Standard Profiles'!$G$21=$B$24,21,0),0)),0)</f>
        <v>0</v>
      </c>
      <c r="H4380" cm="1">
        <f t="array" ref="H4380">IFERROR(INDEX(Jesper!AL$2:AL$366,ROUNDDOWN($C4380/24,0)+1,1)*INDEX($D$3:$AA$30,INDEX(Jesper!$R$2:$R$366,ROW(INDEX(Jesper!AL$2:AL$366,ROUNDDOWN($C4380/24,0)+1,1))-1)+IF('Standard Profiles'!$G$22=$B$10,7,0)+IF('Standard Profiles'!$G$22=$B$17,14,0)+IF('Standard Profiles'!$G$22=$B$24,21,0),MOD($C4380,24)+1)/SUM(INDEX($D$3:$AA$30,INDEX(Jesper!$R$2:$R$366,ROW(INDEX(Jesper!AL$2:AL$366,ROUNDDOWN($C4380/24,0)+1,1))-1)+IF('Standard Profiles'!$G$22=$B$10,7,0)+IF('Standard Profiles'!$G$22=$B$17,14,0)+IF('Standard Profiles'!$G$22=$B$24,21,0),0)),0)</f>
        <v>0</v>
      </c>
      <c r="I4380">
        <f t="shared" si="489"/>
        <v>9.5091455980827855E-2</v>
      </c>
      <c r="J4380">
        <f t="shared" si="490"/>
        <v>0.3169715199360929</v>
      </c>
      <c r="K4380">
        <f t="shared" si="491"/>
        <v>0.47545727990413933</v>
      </c>
      <c r="L4380">
        <f t="shared" si="492"/>
        <v>6.9129252870072966</v>
      </c>
      <c r="M4380">
        <f t="shared" si="493"/>
        <v>0</v>
      </c>
      <c r="N4380" s="46">
        <f t="shared" si="494"/>
        <v>45473.083333322793</v>
      </c>
    </row>
    <row r="4381" spans="2:14" x14ac:dyDescent="0.3">
      <c r="B4381">
        <f t="shared" si="488"/>
        <v>7</v>
      </c>
      <c r="C4381" s="16">
        <v>4347</v>
      </c>
      <c r="D4381" cm="1">
        <f t="array" ref="D4381">IFERROR(INDEX(Jesper!AH$2:AH$366,ROUNDDOWN($C4381/24,0)+1,1)*INDEX($D$3:$AA$30,INDEX(Jesper!$R$2:$R$366,ROW(INDEX(Jesper!AH$2:AH$366,ROUNDDOWN($C4381/24,0)+1,1))-1)+IF('Standard Profiles'!$G$18=$B$10,7,0)+IF('Standard Profiles'!$G$18=$B$17,14,0)+IF('Standard Profiles'!$G$18=$B$24,21,0),MOD($C4381,24)+1)/SUM(INDEX($D$3:$AA$30,INDEX(Jesper!$R$2:$R$366,ROW(INDEX(Jesper!AH$2:AH$366,ROUNDDOWN($C4381/24,0)+1,1))-1)+IF('Standard Profiles'!$G$18=$B$10,7,0)+IF('Standard Profiles'!$G$18=$B$17,14,0)+IF('Standard Profiles'!$G$18=$B$24,21,0),0)),0)</f>
        <v>6.7449303814411676</v>
      </c>
      <c r="E4381" cm="1">
        <f t="array" ref="E4381">IFERROR(INDEX(Jesper!AI$2:AI$366,ROUNDDOWN($C4381/24,0)+1,1)*INDEX($D$3:$AA$30,INDEX(Jesper!$R$2:$R$366,ROW(INDEX(Jesper!AI$2:AI$366,ROUNDDOWN($C4381/24,0)+1,1))-1)+IF('Standard Profiles'!$G$19=$B$10,7,0)+IF('Standard Profiles'!$G$19=$B$17,14,0)+IF('Standard Profiles'!$G$19=$B$24,21,0),MOD($C4381,24)+1)/SUM(INDEX($D$3:$AA$30,INDEX(Jesper!$R$2:$R$366,ROW(INDEX(Jesper!AI$2:AI$366,ROUNDDOWN($C4381/24,0)+1,1))-1)+IF('Standard Profiles'!$G$19=$B$10,7,0)+IF('Standard Profiles'!$G$19=$B$17,14,0)+IF('Standard Profiles'!$G$19=$B$24,21,0),0)),0)</f>
        <v>1.0555151613871889</v>
      </c>
      <c r="F4381" cm="1">
        <f t="array" ref="F4381">IFERROR(INDEX(Jesper!AJ$2:AJ$366,ROUNDDOWN($C4381/24,0)+1,1)*INDEX($D$3:$AA$30,INDEX(Jesper!$R$2:$R$366,ROW(INDEX(Jesper!AJ$2:AJ$366,ROUNDDOWN($C4381/24,0)+1,1))-1)+IF('Standard Profiles'!$G$20=$B$10,7,0)+IF('Standard Profiles'!$G$20=$B$17,14,0)+IF('Standard Profiles'!$G$20=$B$24,21,0),MOD($C4381,24)+1)/SUM(INDEX($D$3:$AA$30,INDEX(Jesper!$R$2:$R$366,ROW(INDEX(Jesper!AJ$2:AJ$366,ROUNDDOWN($C4381/24,0)+1,1))-1)+IF('Standard Profiles'!$G$20=$B$10,7,0)+IF('Standard Profiles'!$G$20=$B$17,14,0)+IF('Standard Profiles'!$G$20=$B$24,21,0),0)),0)</f>
        <v>0</v>
      </c>
      <c r="G4381" cm="1">
        <f t="array" ref="G4381">IFERROR(INDEX(Jesper!AK$2:AK$366,ROUNDDOWN($C4381/24,0)+1,1)*INDEX($D$3:$AA$30,INDEX(Jesper!$R$2:$R$366,ROW(INDEX(Jesper!AK$2:AK$366,ROUNDDOWN($C4381/24,0)+1,1))-1)+IF('Standard Profiles'!$G$21=$B$10,7,0)+IF('Standard Profiles'!$G$21=$B$17,14,0)+IF('Standard Profiles'!$G$21=$B$24,21,0),MOD($C4381,24)+1)/SUM(INDEX($D$3:$AA$30,INDEX(Jesper!$R$2:$R$366,ROW(INDEX(Jesper!AK$2:AK$366,ROUNDDOWN($C4381/24,0)+1,1))-1)+IF('Standard Profiles'!$G$21=$B$10,7,0)+IF('Standard Profiles'!$G$21=$B$17,14,0)+IF('Standard Profiles'!$G$21=$B$24,21,0),0)),0)</f>
        <v>0</v>
      </c>
      <c r="H4381" cm="1">
        <f t="array" ref="H4381">IFERROR(INDEX(Jesper!AL$2:AL$366,ROUNDDOWN($C4381/24,0)+1,1)*INDEX($D$3:$AA$30,INDEX(Jesper!$R$2:$R$366,ROW(INDEX(Jesper!AL$2:AL$366,ROUNDDOWN($C4381/24,0)+1,1))-1)+IF('Standard Profiles'!$G$22=$B$10,7,0)+IF('Standard Profiles'!$G$22=$B$17,14,0)+IF('Standard Profiles'!$G$22=$B$24,21,0),MOD($C4381,24)+1)/SUM(INDEX($D$3:$AA$30,INDEX(Jesper!$R$2:$R$366,ROW(INDEX(Jesper!AL$2:AL$366,ROUNDDOWN($C4381/24,0)+1,1))-1)+IF('Standard Profiles'!$G$22=$B$10,7,0)+IF('Standard Profiles'!$G$22=$B$17,14,0)+IF('Standard Profiles'!$G$22=$B$24,21,0),0)),0)</f>
        <v>0</v>
      </c>
      <c r="I4381">
        <f t="shared" si="489"/>
        <v>9.5091455980827855E-2</v>
      </c>
      <c r="J4381">
        <f t="shared" si="490"/>
        <v>0.3169715199360929</v>
      </c>
      <c r="K4381">
        <f t="shared" si="491"/>
        <v>0.47545727990413933</v>
      </c>
      <c r="L4381">
        <f t="shared" si="492"/>
        <v>6.9129252870072966</v>
      </c>
      <c r="M4381">
        <f t="shared" si="493"/>
        <v>0</v>
      </c>
      <c r="N4381" s="46">
        <f t="shared" si="494"/>
        <v>45473.124999989457</v>
      </c>
    </row>
    <row r="4382" spans="2:14" x14ac:dyDescent="0.3">
      <c r="B4382">
        <f t="shared" si="488"/>
        <v>7</v>
      </c>
      <c r="C4382" s="16">
        <v>4348</v>
      </c>
      <c r="D4382" cm="1">
        <f t="array" ref="D4382">IFERROR(INDEX(Jesper!AH$2:AH$366,ROUNDDOWN($C4382/24,0)+1,1)*INDEX($D$3:$AA$30,INDEX(Jesper!$R$2:$R$366,ROW(INDEX(Jesper!AH$2:AH$366,ROUNDDOWN($C4382/24,0)+1,1))-1)+IF('Standard Profiles'!$G$18=$B$10,7,0)+IF('Standard Profiles'!$G$18=$B$17,14,0)+IF('Standard Profiles'!$G$18=$B$24,21,0),MOD($C4382,24)+1)/SUM(INDEX($D$3:$AA$30,INDEX(Jesper!$R$2:$R$366,ROW(INDEX(Jesper!AH$2:AH$366,ROUNDDOWN($C4382/24,0)+1,1))-1)+IF('Standard Profiles'!$G$18=$B$10,7,0)+IF('Standard Profiles'!$G$18=$B$17,14,0)+IF('Standard Profiles'!$G$18=$B$24,21,0),0)),0)</f>
        <v>6.7449303814411676</v>
      </c>
      <c r="E4382" cm="1">
        <f t="array" ref="E4382">IFERROR(INDEX(Jesper!AI$2:AI$366,ROUNDDOWN($C4382/24,0)+1,1)*INDEX($D$3:$AA$30,INDEX(Jesper!$R$2:$R$366,ROW(INDEX(Jesper!AI$2:AI$366,ROUNDDOWN($C4382/24,0)+1,1))-1)+IF('Standard Profiles'!$G$19=$B$10,7,0)+IF('Standard Profiles'!$G$19=$B$17,14,0)+IF('Standard Profiles'!$G$19=$B$24,21,0),MOD($C4382,24)+1)/SUM(INDEX($D$3:$AA$30,INDEX(Jesper!$R$2:$R$366,ROW(INDEX(Jesper!AI$2:AI$366,ROUNDDOWN($C4382/24,0)+1,1))-1)+IF('Standard Profiles'!$G$19=$B$10,7,0)+IF('Standard Profiles'!$G$19=$B$17,14,0)+IF('Standard Profiles'!$G$19=$B$24,21,0),0)),0)</f>
        <v>1.0555151613871889</v>
      </c>
      <c r="F4382" cm="1">
        <f t="array" ref="F4382">IFERROR(INDEX(Jesper!AJ$2:AJ$366,ROUNDDOWN($C4382/24,0)+1,1)*INDEX($D$3:$AA$30,INDEX(Jesper!$R$2:$R$366,ROW(INDEX(Jesper!AJ$2:AJ$366,ROUNDDOWN($C4382/24,0)+1,1))-1)+IF('Standard Profiles'!$G$20=$B$10,7,0)+IF('Standard Profiles'!$G$20=$B$17,14,0)+IF('Standard Profiles'!$G$20=$B$24,21,0),MOD($C4382,24)+1)/SUM(INDEX($D$3:$AA$30,INDEX(Jesper!$R$2:$R$366,ROW(INDEX(Jesper!AJ$2:AJ$366,ROUNDDOWN($C4382/24,0)+1,1))-1)+IF('Standard Profiles'!$G$20=$B$10,7,0)+IF('Standard Profiles'!$G$20=$B$17,14,0)+IF('Standard Profiles'!$G$20=$B$24,21,0),0)),0)</f>
        <v>0</v>
      </c>
      <c r="G4382" cm="1">
        <f t="array" ref="G4382">IFERROR(INDEX(Jesper!AK$2:AK$366,ROUNDDOWN($C4382/24,0)+1,1)*INDEX($D$3:$AA$30,INDEX(Jesper!$R$2:$R$366,ROW(INDEX(Jesper!AK$2:AK$366,ROUNDDOWN($C4382/24,0)+1,1))-1)+IF('Standard Profiles'!$G$21=$B$10,7,0)+IF('Standard Profiles'!$G$21=$B$17,14,0)+IF('Standard Profiles'!$G$21=$B$24,21,0),MOD($C4382,24)+1)/SUM(INDEX($D$3:$AA$30,INDEX(Jesper!$R$2:$R$366,ROW(INDEX(Jesper!AK$2:AK$366,ROUNDDOWN($C4382/24,0)+1,1))-1)+IF('Standard Profiles'!$G$21=$B$10,7,0)+IF('Standard Profiles'!$G$21=$B$17,14,0)+IF('Standard Profiles'!$G$21=$B$24,21,0),0)),0)</f>
        <v>0</v>
      </c>
      <c r="H4382" cm="1">
        <f t="array" ref="H4382">IFERROR(INDEX(Jesper!AL$2:AL$366,ROUNDDOWN($C4382/24,0)+1,1)*INDEX($D$3:$AA$30,INDEX(Jesper!$R$2:$R$366,ROW(INDEX(Jesper!AL$2:AL$366,ROUNDDOWN($C4382/24,0)+1,1))-1)+IF('Standard Profiles'!$G$22=$B$10,7,0)+IF('Standard Profiles'!$G$22=$B$17,14,0)+IF('Standard Profiles'!$G$22=$B$24,21,0),MOD($C4382,24)+1)/SUM(INDEX($D$3:$AA$30,INDEX(Jesper!$R$2:$R$366,ROW(INDEX(Jesper!AL$2:AL$366,ROUNDDOWN($C4382/24,0)+1,1))-1)+IF('Standard Profiles'!$G$22=$B$10,7,0)+IF('Standard Profiles'!$G$22=$B$17,14,0)+IF('Standard Profiles'!$G$22=$B$24,21,0),0)),0)</f>
        <v>0</v>
      </c>
      <c r="I4382">
        <f t="shared" si="489"/>
        <v>9.5091455980827855E-2</v>
      </c>
      <c r="J4382">
        <f t="shared" si="490"/>
        <v>0.3169715199360929</v>
      </c>
      <c r="K4382">
        <f t="shared" si="491"/>
        <v>0.47545727990413933</v>
      </c>
      <c r="L4382">
        <f t="shared" si="492"/>
        <v>6.9129252870072966</v>
      </c>
      <c r="M4382">
        <f t="shared" si="493"/>
        <v>0</v>
      </c>
      <c r="N4382" s="46">
        <f t="shared" si="494"/>
        <v>45473.166666656121</v>
      </c>
    </row>
    <row r="4383" spans="2:14" x14ac:dyDescent="0.3">
      <c r="B4383">
        <f t="shared" si="488"/>
        <v>7</v>
      </c>
      <c r="C4383" s="16">
        <v>4349</v>
      </c>
      <c r="D4383" cm="1">
        <f t="array" ref="D4383">IFERROR(INDEX(Jesper!AH$2:AH$366,ROUNDDOWN($C4383/24,0)+1,1)*INDEX($D$3:$AA$30,INDEX(Jesper!$R$2:$R$366,ROW(INDEX(Jesper!AH$2:AH$366,ROUNDDOWN($C4383/24,0)+1,1))-1)+IF('Standard Profiles'!$G$18=$B$10,7,0)+IF('Standard Profiles'!$G$18=$B$17,14,0)+IF('Standard Profiles'!$G$18=$B$24,21,0),MOD($C4383,24)+1)/SUM(INDEX($D$3:$AA$30,INDEX(Jesper!$R$2:$R$366,ROW(INDEX(Jesper!AH$2:AH$366,ROUNDDOWN($C4383/24,0)+1,1))-1)+IF('Standard Profiles'!$G$18=$B$10,7,0)+IF('Standard Profiles'!$G$18=$B$17,14,0)+IF('Standard Profiles'!$G$18=$B$24,21,0),0)),0)</f>
        <v>8.4311629768014598</v>
      </c>
      <c r="E4383" cm="1">
        <f t="array" ref="E4383">IFERROR(INDEX(Jesper!AI$2:AI$366,ROUNDDOWN($C4383/24,0)+1,1)*INDEX($D$3:$AA$30,INDEX(Jesper!$R$2:$R$366,ROW(INDEX(Jesper!AI$2:AI$366,ROUNDDOWN($C4383/24,0)+1,1))-1)+IF('Standard Profiles'!$G$19=$B$10,7,0)+IF('Standard Profiles'!$G$19=$B$17,14,0)+IF('Standard Profiles'!$G$19=$B$24,21,0),MOD($C4383,24)+1)/SUM(INDEX($D$3:$AA$30,INDEX(Jesper!$R$2:$R$366,ROW(INDEX(Jesper!AI$2:AI$366,ROUNDDOWN($C4383/24,0)+1,1))-1)+IF('Standard Profiles'!$G$19=$B$10,7,0)+IF('Standard Profiles'!$G$19=$B$17,14,0)+IF('Standard Profiles'!$G$19=$B$24,21,0),0)),0)</f>
        <v>1.3193939517339861</v>
      </c>
      <c r="F4383" cm="1">
        <f t="array" ref="F4383">IFERROR(INDEX(Jesper!AJ$2:AJ$366,ROUNDDOWN($C4383/24,0)+1,1)*INDEX($D$3:$AA$30,INDEX(Jesper!$R$2:$R$366,ROW(INDEX(Jesper!AJ$2:AJ$366,ROUNDDOWN($C4383/24,0)+1,1))-1)+IF('Standard Profiles'!$G$20=$B$10,7,0)+IF('Standard Profiles'!$G$20=$B$17,14,0)+IF('Standard Profiles'!$G$20=$B$24,21,0),MOD($C4383,24)+1)/SUM(INDEX($D$3:$AA$30,INDEX(Jesper!$R$2:$R$366,ROW(INDEX(Jesper!AJ$2:AJ$366,ROUNDDOWN($C4383/24,0)+1,1))-1)+IF('Standard Profiles'!$G$20=$B$10,7,0)+IF('Standard Profiles'!$G$20=$B$17,14,0)+IF('Standard Profiles'!$G$20=$B$24,21,0),0)),0)</f>
        <v>0</v>
      </c>
      <c r="G4383" cm="1">
        <f t="array" ref="G4383">IFERROR(INDEX(Jesper!AK$2:AK$366,ROUNDDOWN($C4383/24,0)+1,1)*INDEX($D$3:$AA$30,INDEX(Jesper!$R$2:$R$366,ROW(INDEX(Jesper!AK$2:AK$366,ROUNDDOWN($C4383/24,0)+1,1))-1)+IF('Standard Profiles'!$G$21=$B$10,7,0)+IF('Standard Profiles'!$G$21=$B$17,14,0)+IF('Standard Profiles'!$G$21=$B$24,21,0),MOD($C4383,24)+1)/SUM(INDEX($D$3:$AA$30,INDEX(Jesper!$R$2:$R$366,ROW(INDEX(Jesper!AK$2:AK$366,ROUNDDOWN($C4383/24,0)+1,1))-1)+IF('Standard Profiles'!$G$21=$B$10,7,0)+IF('Standard Profiles'!$G$21=$B$17,14,0)+IF('Standard Profiles'!$G$21=$B$24,21,0),0)),0)</f>
        <v>0</v>
      </c>
      <c r="H4383" cm="1">
        <f t="array" ref="H4383">IFERROR(INDEX(Jesper!AL$2:AL$366,ROUNDDOWN($C4383/24,0)+1,1)*INDEX($D$3:$AA$30,INDEX(Jesper!$R$2:$R$366,ROW(INDEX(Jesper!AL$2:AL$366,ROUNDDOWN($C4383/24,0)+1,1))-1)+IF('Standard Profiles'!$G$22=$B$10,7,0)+IF('Standard Profiles'!$G$22=$B$17,14,0)+IF('Standard Profiles'!$G$22=$B$24,21,0),MOD($C4383,24)+1)/SUM(INDEX($D$3:$AA$30,INDEX(Jesper!$R$2:$R$366,ROW(INDEX(Jesper!AL$2:AL$366,ROUNDDOWN($C4383/24,0)+1,1))-1)+IF('Standard Profiles'!$G$22=$B$10,7,0)+IF('Standard Profiles'!$G$22=$B$17,14,0)+IF('Standard Profiles'!$G$22=$B$24,21,0),0)),0)</f>
        <v>0</v>
      </c>
      <c r="I4383">
        <f t="shared" si="489"/>
        <v>0.11886431997603482</v>
      </c>
      <c r="J4383">
        <f t="shared" si="490"/>
        <v>0.39621439992011609</v>
      </c>
      <c r="K4383">
        <f t="shared" si="491"/>
        <v>0.59432159988017419</v>
      </c>
      <c r="L4383">
        <f t="shared" si="492"/>
        <v>8.6411566087591201</v>
      </c>
      <c r="M4383">
        <f t="shared" si="493"/>
        <v>0</v>
      </c>
      <c r="N4383" s="46">
        <f t="shared" si="494"/>
        <v>45473.208333322786</v>
      </c>
    </row>
    <row r="4384" spans="2:14" x14ac:dyDescent="0.3">
      <c r="B4384">
        <f t="shared" si="488"/>
        <v>7</v>
      </c>
      <c r="C4384" s="16">
        <v>4350</v>
      </c>
      <c r="D4384" cm="1">
        <f t="array" ref="D4384">IFERROR(INDEX(Jesper!AH$2:AH$366,ROUNDDOWN($C4384/24,0)+1,1)*INDEX($D$3:$AA$30,INDEX(Jesper!$R$2:$R$366,ROW(INDEX(Jesper!AH$2:AH$366,ROUNDDOWN($C4384/24,0)+1,1))-1)+IF('Standard Profiles'!$G$18=$B$10,7,0)+IF('Standard Profiles'!$G$18=$B$17,14,0)+IF('Standard Profiles'!$G$18=$B$24,21,0),MOD($C4384,24)+1)/SUM(INDEX($D$3:$AA$30,INDEX(Jesper!$R$2:$R$366,ROW(INDEX(Jesper!AH$2:AH$366,ROUNDDOWN($C4384/24,0)+1,1))-1)+IF('Standard Profiles'!$G$18=$B$10,7,0)+IF('Standard Profiles'!$G$18=$B$17,14,0)+IF('Standard Profiles'!$G$18=$B$24,21,0),0)),0)</f>
        <v>9.9300363948994974</v>
      </c>
      <c r="E4384" cm="1">
        <f t="array" ref="E4384">IFERROR(INDEX(Jesper!AI$2:AI$366,ROUNDDOWN($C4384/24,0)+1,1)*INDEX($D$3:$AA$30,INDEX(Jesper!$R$2:$R$366,ROW(INDEX(Jesper!AI$2:AI$366,ROUNDDOWN($C4384/24,0)+1,1))-1)+IF('Standard Profiles'!$G$19=$B$10,7,0)+IF('Standard Profiles'!$G$19=$B$17,14,0)+IF('Standard Profiles'!$G$19=$B$24,21,0),MOD($C4384,24)+1)/SUM(INDEX($D$3:$AA$30,INDEX(Jesper!$R$2:$R$366,ROW(INDEX(Jesper!AI$2:AI$366,ROUNDDOWN($C4384/24,0)+1,1))-1)+IF('Standard Profiles'!$G$19=$B$10,7,0)+IF('Standard Profiles'!$G$19=$B$17,14,0)+IF('Standard Profiles'!$G$19=$B$24,21,0),0)),0)</f>
        <v>1.5539528764866948</v>
      </c>
      <c r="F4384" cm="1">
        <f t="array" ref="F4384">IFERROR(INDEX(Jesper!AJ$2:AJ$366,ROUNDDOWN($C4384/24,0)+1,1)*INDEX($D$3:$AA$30,INDEX(Jesper!$R$2:$R$366,ROW(INDEX(Jesper!AJ$2:AJ$366,ROUNDDOWN($C4384/24,0)+1,1))-1)+IF('Standard Profiles'!$G$20=$B$10,7,0)+IF('Standard Profiles'!$G$20=$B$17,14,0)+IF('Standard Profiles'!$G$20=$B$24,21,0),MOD($C4384,24)+1)/SUM(INDEX($D$3:$AA$30,INDEX(Jesper!$R$2:$R$366,ROW(INDEX(Jesper!AJ$2:AJ$366,ROUNDDOWN($C4384/24,0)+1,1))-1)+IF('Standard Profiles'!$G$20=$B$10,7,0)+IF('Standard Profiles'!$G$20=$B$17,14,0)+IF('Standard Profiles'!$G$20=$B$24,21,0),0)),0)</f>
        <v>0</v>
      </c>
      <c r="G4384" cm="1">
        <f t="array" ref="G4384">IFERROR(INDEX(Jesper!AK$2:AK$366,ROUNDDOWN($C4384/24,0)+1,1)*INDEX($D$3:$AA$30,INDEX(Jesper!$R$2:$R$366,ROW(INDEX(Jesper!AK$2:AK$366,ROUNDDOWN($C4384/24,0)+1,1))-1)+IF('Standard Profiles'!$G$21=$B$10,7,0)+IF('Standard Profiles'!$G$21=$B$17,14,0)+IF('Standard Profiles'!$G$21=$B$24,21,0),MOD($C4384,24)+1)/SUM(INDEX($D$3:$AA$30,INDEX(Jesper!$R$2:$R$366,ROW(INDEX(Jesper!AK$2:AK$366,ROUNDDOWN($C4384/24,0)+1,1))-1)+IF('Standard Profiles'!$G$21=$B$10,7,0)+IF('Standard Profiles'!$G$21=$B$17,14,0)+IF('Standard Profiles'!$G$21=$B$24,21,0),0)),0)</f>
        <v>0</v>
      </c>
      <c r="H4384" cm="1">
        <f t="array" ref="H4384">IFERROR(INDEX(Jesper!AL$2:AL$366,ROUNDDOWN($C4384/24,0)+1,1)*INDEX($D$3:$AA$30,INDEX(Jesper!$R$2:$R$366,ROW(INDEX(Jesper!AL$2:AL$366,ROUNDDOWN($C4384/24,0)+1,1))-1)+IF('Standard Profiles'!$G$22=$B$10,7,0)+IF('Standard Profiles'!$G$22=$B$17,14,0)+IF('Standard Profiles'!$G$22=$B$24,21,0),MOD($C4384,24)+1)/SUM(INDEX($D$3:$AA$30,INDEX(Jesper!$R$2:$R$366,ROW(INDEX(Jesper!AL$2:AL$366,ROUNDDOWN($C4384/24,0)+1,1))-1)+IF('Standard Profiles'!$G$22=$B$10,7,0)+IF('Standard Profiles'!$G$22=$B$17,14,0)+IF('Standard Profiles'!$G$22=$B$24,21,0),0)),0)</f>
        <v>0</v>
      </c>
      <c r="I4384">
        <f t="shared" si="489"/>
        <v>0.13999575463844099</v>
      </c>
      <c r="J4384">
        <f t="shared" si="490"/>
        <v>0.46665251546147007</v>
      </c>
      <c r="K4384">
        <f t="shared" si="491"/>
        <v>0.69997877319220514</v>
      </c>
      <c r="L4384">
        <f t="shared" si="492"/>
        <v>10.177362228094076</v>
      </c>
      <c r="M4384">
        <f t="shared" si="493"/>
        <v>0</v>
      </c>
      <c r="N4384" s="46">
        <f t="shared" si="494"/>
        <v>45473.24999998945</v>
      </c>
    </row>
    <row r="4385" spans="2:14" x14ac:dyDescent="0.3">
      <c r="B4385">
        <f t="shared" si="488"/>
        <v>7</v>
      </c>
      <c r="C4385" s="16">
        <v>4351</v>
      </c>
      <c r="D4385" cm="1">
        <f t="array" ref="D4385">IFERROR(INDEX(Jesper!AH$2:AH$366,ROUNDDOWN($C4385/24,0)+1,1)*INDEX($D$3:$AA$30,INDEX(Jesper!$R$2:$R$366,ROW(INDEX(Jesper!AH$2:AH$366,ROUNDDOWN($C4385/24,0)+1,1))-1)+IF('Standard Profiles'!$G$18=$B$10,7,0)+IF('Standard Profiles'!$G$18=$B$17,14,0)+IF('Standard Profiles'!$G$18=$B$24,21,0),MOD($C4385,24)+1)/SUM(INDEX($D$3:$AA$30,INDEX(Jesper!$R$2:$R$366,ROW(INDEX(Jesper!AH$2:AH$366,ROUNDDOWN($C4385/24,0)+1,1))-1)+IF('Standard Profiles'!$G$18=$B$10,7,0)+IF('Standard Profiles'!$G$18=$B$17,14,0)+IF('Standard Profiles'!$G$18=$B$24,21,0),0)),0)</f>
        <v>11.803628167522044</v>
      </c>
      <c r="E4385" cm="1">
        <f t="array" ref="E4385">IFERROR(INDEX(Jesper!AI$2:AI$366,ROUNDDOWN($C4385/24,0)+1,1)*INDEX($D$3:$AA$30,INDEX(Jesper!$R$2:$R$366,ROW(INDEX(Jesper!AI$2:AI$366,ROUNDDOWN($C4385/24,0)+1,1))-1)+IF('Standard Profiles'!$G$19=$B$10,7,0)+IF('Standard Profiles'!$G$19=$B$17,14,0)+IF('Standard Profiles'!$G$19=$B$24,21,0),MOD($C4385,24)+1)/SUM(INDEX($D$3:$AA$30,INDEX(Jesper!$R$2:$R$366,ROW(INDEX(Jesper!AI$2:AI$366,ROUNDDOWN($C4385/24,0)+1,1))-1)+IF('Standard Profiles'!$G$19=$B$10,7,0)+IF('Standard Profiles'!$G$19=$B$17,14,0)+IF('Standard Profiles'!$G$19=$B$24,21,0),0)),0)</f>
        <v>1.8471515324275807</v>
      </c>
      <c r="F4385" cm="1">
        <f t="array" ref="F4385">IFERROR(INDEX(Jesper!AJ$2:AJ$366,ROUNDDOWN($C4385/24,0)+1,1)*INDEX($D$3:$AA$30,INDEX(Jesper!$R$2:$R$366,ROW(INDEX(Jesper!AJ$2:AJ$366,ROUNDDOWN($C4385/24,0)+1,1))-1)+IF('Standard Profiles'!$G$20=$B$10,7,0)+IF('Standard Profiles'!$G$20=$B$17,14,0)+IF('Standard Profiles'!$G$20=$B$24,21,0),MOD($C4385,24)+1)/SUM(INDEX($D$3:$AA$30,INDEX(Jesper!$R$2:$R$366,ROW(INDEX(Jesper!AJ$2:AJ$366,ROUNDDOWN($C4385/24,0)+1,1))-1)+IF('Standard Profiles'!$G$20=$B$10,7,0)+IF('Standard Profiles'!$G$20=$B$17,14,0)+IF('Standard Profiles'!$G$20=$B$24,21,0),0)),0)</f>
        <v>0</v>
      </c>
      <c r="G4385" cm="1">
        <f t="array" ref="G4385">IFERROR(INDEX(Jesper!AK$2:AK$366,ROUNDDOWN($C4385/24,0)+1,1)*INDEX($D$3:$AA$30,INDEX(Jesper!$R$2:$R$366,ROW(INDEX(Jesper!AK$2:AK$366,ROUNDDOWN($C4385/24,0)+1,1))-1)+IF('Standard Profiles'!$G$21=$B$10,7,0)+IF('Standard Profiles'!$G$21=$B$17,14,0)+IF('Standard Profiles'!$G$21=$B$24,21,0),MOD($C4385,24)+1)/SUM(INDEX($D$3:$AA$30,INDEX(Jesper!$R$2:$R$366,ROW(INDEX(Jesper!AK$2:AK$366,ROUNDDOWN($C4385/24,0)+1,1))-1)+IF('Standard Profiles'!$G$21=$B$10,7,0)+IF('Standard Profiles'!$G$21=$B$17,14,0)+IF('Standard Profiles'!$G$21=$B$24,21,0),0)),0)</f>
        <v>0</v>
      </c>
      <c r="H4385" cm="1">
        <f t="array" ref="H4385">IFERROR(INDEX(Jesper!AL$2:AL$366,ROUNDDOWN($C4385/24,0)+1,1)*INDEX($D$3:$AA$30,INDEX(Jesper!$R$2:$R$366,ROW(INDEX(Jesper!AL$2:AL$366,ROUNDDOWN($C4385/24,0)+1,1))-1)+IF('Standard Profiles'!$G$22=$B$10,7,0)+IF('Standard Profiles'!$G$22=$B$17,14,0)+IF('Standard Profiles'!$G$22=$B$24,21,0),MOD($C4385,24)+1)/SUM(INDEX($D$3:$AA$30,INDEX(Jesper!$R$2:$R$366,ROW(INDEX(Jesper!AL$2:AL$366,ROUNDDOWN($C4385/24,0)+1,1))-1)+IF('Standard Profiles'!$G$22=$B$10,7,0)+IF('Standard Profiles'!$G$22=$B$17,14,0)+IF('Standard Profiles'!$G$22=$B$24,21,0),0)),0)</f>
        <v>0</v>
      </c>
      <c r="I4385">
        <f t="shared" si="489"/>
        <v>0.16641004796644876</v>
      </c>
      <c r="J4385">
        <f t="shared" si="490"/>
        <v>0.55470015988816257</v>
      </c>
      <c r="K4385">
        <f t="shared" si="491"/>
        <v>0.83205023983224391</v>
      </c>
      <c r="L4385">
        <f t="shared" si="492"/>
        <v>12.097619252262769</v>
      </c>
      <c r="M4385">
        <f t="shared" si="493"/>
        <v>0</v>
      </c>
      <c r="N4385" s="46">
        <f t="shared" si="494"/>
        <v>45473.291666656114</v>
      </c>
    </row>
    <row r="4386" spans="2:14" x14ac:dyDescent="0.3">
      <c r="B4386">
        <f t="shared" si="488"/>
        <v>7</v>
      </c>
      <c r="C4386" s="16">
        <v>4352</v>
      </c>
      <c r="D4386" cm="1">
        <f t="array" ref="D4386">IFERROR(INDEX(Jesper!AH$2:AH$366,ROUNDDOWN($C4386/24,0)+1,1)*INDEX($D$3:$AA$30,INDEX(Jesper!$R$2:$R$366,ROW(INDEX(Jesper!AH$2:AH$366,ROUNDDOWN($C4386/24,0)+1,1))-1)+IF('Standard Profiles'!$G$18=$B$10,7,0)+IF('Standard Profiles'!$G$18=$B$17,14,0)+IF('Standard Profiles'!$G$18=$B$24,21,0),MOD($C4386,24)+1)/SUM(INDEX($D$3:$AA$30,INDEX(Jesper!$R$2:$R$366,ROW(INDEX(Jesper!AH$2:AH$366,ROUNDDOWN($C4386/24,0)+1,1))-1)+IF('Standard Profiles'!$G$18=$B$10,7,0)+IF('Standard Profiles'!$G$18=$B$17,14,0)+IF('Standard Profiles'!$G$18=$B$24,21,0),0)),0)</f>
        <v>11.803628167522044</v>
      </c>
      <c r="E4386" cm="1">
        <f t="array" ref="E4386">IFERROR(INDEX(Jesper!AI$2:AI$366,ROUNDDOWN($C4386/24,0)+1,1)*INDEX($D$3:$AA$30,INDEX(Jesper!$R$2:$R$366,ROW(INDEX(Jesper!AI$2:AI$366,ROUNDDOWN($C4386/24,0)+1,1))-1)+IF('Standard Profiles'!$G$19=$B$10,7,0)+IF('Standard Profiles'!$G$19=$B$17,14,0)+IF('Standard Profiles'!$G$19=$B$24,21,0),MOD($C4386,24)+1)/SUM(INDEX($D$3:$AA$30,INDEX(Jesper!$R$2:$R$366,ROW(INDEX(Jesper!AI$2:AI$366,ROUNDDOWN($C4386/24,0)+1,1))-1)+IF('Standard Profiles'!$G$19=$B$10,7,0)+IF('Standard Profiles'!$G$19=$B$17,14,0)+IF('Standard Profiles'!$G$19=$B$24,21,0),0)),0)</f>
        <v>1.8471515324275807</v>
      </c>
      <c r="F4386" cm="1">
        <f t="array" ref="F4386">IFERROR(INDEX(Jesper!AJ$2:AJ$366,ROUNDDOWN($C4386/24,0)+1,1)*INDEX($D$3:$AA$30,INDEX(Jesper!$R$2:$R$366,ROW(INDEX(Jesper!AJ$2:AJ$366,ROUNDDOWN($C4386/24,0)+1,1))-1)+IF('Standard Profiles'!$G$20=$B$10,7,0)+IF('Standard Profiles'!$G$20=$B$17,14,0)+IF('Standard Profiles'!$G$20=$B$24,21,0),MOD($C4386,24)+1)/SUM(INDEX($D$3:$AA$30,INDEX(Jesper!$R$2:$R$366,ROW(INDEX(Jesper!AJ$2:AJ$366,ROUNDDOWN($C4386/24,0)+1,1))-1)+IF('Standard Profiles'!$G$20=$B$10,7,0)+IF('Standard Profiles'!$G$20=$B$17,14,0)+IF('Standard Profiles'!$G$20=$B$24,21,0),0)),0)</f>
        <v>0</v>
      </c>
      <c r="G4386" cm="1">
        <f t="array" ref="G4386">IFERROR(INDEX(Jesper!AK$2:AK$366,ROUNDDOWN($C4386/24,0)+1,1)*INDEX($D$3:$AA$30,INDEX(Jesper!$R$2:$R$366,ROW(INDEX(Jesper!AK$2:AK$366,ROUNDDOWN($C4386/24,0)+1,1))-1)+IF('Standard Profiles'!$G$21=$B$10,7,0)+IF('Standard Profiles'!$G$21=$B$17,14,0)+IF('Standard Profiles'!$G$21=$B$24,21,0),MOD($C4386,24)+1)/SUM(INDEX($D$3:$AA$30,INDEX(Jesper!$R$2:$R$366,ROW(INDEX(Jesper!AK$2:AK$366,ROUNDDOWN($C4386/24,0)+1,1))-1)+IF('Standard Profiles'!$G$21=$B$10,7,0)+IF('Standard Profiles'!$G$21=$B$17,14,0)+IF('Standard Profiles'!$G$21=$B$24,21,0),0)),0)</f>
        <v>0</v>
      </c>
      <c r="H4386" cm="1">
        <f t="array" ref="H4386">IFERROR(INDEX(Jesper!AL$2:AL$366,ROUNDDOWN($C4386/24,0)+1,1)*INDEX($D$3:$AA$30,INDEX(Jesper!$R$2:$R$366,ROW(INDEX(Jesper!AL$2:AL$366,ROUNDDOWN($C4386/24,0)+1,1))-1)+IF('Standard Profiles'!$G$22=$B$10,7,0)+IF('Standard Profiles'!$G$22=$B$17,14,0)+IF('Standard Profiles'!$G$22=$B$24,21,0),MOD($C4386,24)+1)/SUM(INDEX($D$3:$AA$30,INDEX(Jesper!$R$2:$R$366,ROW(INDEX(Jesper!AL$2:AL$366,ROUNDDOWN($C4386/24,0)+1,1))-1)+IF('Standard Profiles'!$G$22=$B$10,7,0)+IF('Standard Profiles'!$G$22=$B$17,14,0)+IF('Standard Profiles'!$G$22=$B$24,21,0),0)),0)</f>
        <v>0</v>
      </c>
      <c r="I4386">
        <f t="shared" si="489"/>
        <v>0.16641004796644876</v>
      </c>
      <c r="J4386">
        <f t="shared" si="490"/>
        <v>0.55470015988816257</v>
      </c>
      <c r="K4386">
        <f t="shared" si="491"/>
        <v>0.83205023983224391</v>
      </c>
      <c r="L4386">
        <f t="shared" si="492"/>
        <v>12.097619252262769</v>
      </c>
      <c r="M4386">
        <f t="shared" si="493"/>
        <v>0</v>
      </c>
      <c r="N4386" s="46">
        <f t="shared" si="494"/>
        <v>45473.333333322778</v>
      </c>
    </row>
    <row r="4387" spans="2:14" x14ac:dyDescent="0.3">
      <c r="B4387">
        <f t="shared" ref="B4387:B4450" si="495">WEEKDAY(N4387,2)</f>
        <v>7</v>
      </c>
      <c r="C4387" s="16">
        <v>4353</v>
      </c>
      <c r="D4387" cm="1">
        <f t="array" ref="D4387">IFERROR(INDEX(Jesper!AH$2:AH$366,ROUNDDOWN($C4387/24,0)+1,1)*INDEX($D$3:$AA$30,INDEX(Jesper!$R$2:$R$366,ROW(INDEX(Jesper!AH$2:AH$366,ROUNDDOWN($C4387/24,0)+1,1))-1)+IF('Standard Profiles'!$G$18=$B$10,7,0)+IF('Standard Profiles'!$G$18=$B$17,14,0)+IF('Standard Profiles'!$G$18=$B$24,21,0),MOD($C4387,24)+1)/SUM(INDEX($D$3:$AA$30,INDEX(Jesper!$R$2:$R$366,ROW(INDEX(Jesper!AH$2:AH$366,ROUNDDOWN($C4387/24,0)+1,1))-1)+IF('Standard Profiles'!$G$18=$B$10,7,0)+IF('Standard Profiles'!$G$18=$B$17,14,0)+IF('Standard Profiles'!$G$18=$B$24,21,0),0)),0)</f>
        <v>11.803628167522044</v>
      </c>
      <c r="E4387" cm="1">
        <f t="array" ref="E4387">IFERROR(INDEX(Jesper!AI$2:AI$366,ROUNDDOWN($C4387/24,0)+1,1)*INDEX($D$3:$AA$30,INDEX(Jesper!$R$2:$R$366,ROW(INDEX(Jesper!AI$2:AI$366,ROUNDDOWN($C4387/24,0)+1,1))-1)+IF('Standard Profiles'!$G$19=$B$10,7,0)+IF('Standard Profiles'!$G$19=$B$17,14,0)+IF('Standard Profiles'!$G$19=$B$24,21,0),MOD($C4387,24)+1)/SUM(INDEX($D$3:$AA$30,INDEX(Jesper!$R$2:$R$366,ROW(INDEX(Jesper!AI$2:AI$366,ROUNDDOWN($C4387/24,0)+1,1))-1)+IF('Standard Profiles'!$G$19=$B$10,7,0)+IF('Standard Profiles'!$G$19=$B$17,14,0)+IF('Standard Profiles'!$G$19=$B$24,21,0),0)),0)</f>
        <v>1.8471515324275807</v>
      </c>
      <c r="F4387" cm="1">
        <f t="array" ref="F4387">IFERROR(INDEX(Jesper!AJ$2:AJ$366,ROUNDDOWN($C4387/24,0)+1,1)*INDEX($D$3:$AA$30,INDEX(Jesper!$R$2:$R$366,ROW(INDEX(Jesper!AJ$2:AJ$366,ROUNDDOWN($C4387/24,0)+1,1))-1)+IF('Standard Profiles'!$G$20=$B$10,7,0)+IF('Standard Profiles'!$G$20=$B$17,14,0)+IF('Standard Profiles'!$G$20=$B$24,21,0),MOD($C4387,24)+1)/SUM(INDEX($D$3:$AA$30,INDEX(Jesper!$R$2:$R$366,ROW(INDEX(Jesper!AJ$2:AJ$366,ROUNDDOWN($C4387/24,0)+1,1))-1)+IF('Standard Profiles'!$G$20=$B$10,7,0)+IF('Standard Profiles'!$G$20=$B$17,14,0)+IF('Standard Profiles'!$G$20=$B$24,21,0),0)),0)</f>
        <v>0</v>
      </c>
      <c r="G4387" cm="1">
        <f t="array" ref="G4387">IFERROR(INDEX(Jesper!AK$2:AK$366,ROUNDDOWN($C4387/24,0)+1,1)*INDEX($D$3:$AA$30,INDEX(Jesper!$R$2:$R$366,ROW(INDEX(Jesper!AK$2:AK$366,ROUNDDOWN($C4387/24,0)+1,1))-1)+IF('Standard Profiles'!$G$21=$B$10,7,0)+IF('Standard Profiles'!$G$21=$B$17,14,0)+IF('Standard Profiles'!$G$21=$B$24,21,0),MOD($C4387,24)+1)/SUM(INDEX($D$3:$AA$30,INDEX(Jesper!$R$2:$R$366,ROW(INDEX(Jesper!AK$2:AK$366,ROUNDDOWN($C4387/24,0)+1,1))-1)+IF('Standard Profiles'!$G$21=$B$10,7,0)+IF('Standard Profiles'!$G$21=$B$17,14,0)+IF('Standard Profiles'!$G$21=$B$24,21,0),0)),0)</f>
        <v>0</v>
      </c>
      <c r="H4387" cm="1">
        <f t="array" ref="H4387">IFERROR(INDEX(Jesper!AL$2:AL$366,ROUNDDOWN($C4387/24,0)+1,1)*INDEX($D$3:$AA$30,INDEX(Jesper!$R$2:$R$366,ROW(INDEX(Jesper!AL$2:AL$366,ROUNDDOWN($C4387/24,0)+1,1))-1)+IF('Standard Profiles'!$G$22=$B$10,7,0)+IF('Standard Profiles'!$G$22=$B$17,14,0)+IF('Standard Profiles'!$G$22=$B$24,21,0),MOD($C4387,24)+1)/SUM(INDEX($D$3:$AA$30,INDEX(Jesper!$R$2:$R$366,ROW(INDEX(Jesper!AL$2:AL$366,ROUNDDOWN($C4387/24,0)+1,1))-1)+IF('Standard Profiles'!$G$22=$B$10,7,0)+IF('Standard Profiles'!$G$22=$B$17,14,0)+IF('Standard Profiles'!$G$22=$B$24,21,0),0)),0)</f>
        <v>0</v>
      </c>
      <c r="I4387">
        <f t="shared" ref="I4387:I4450" si="496">IF($B4387&lt;6,AC$37*$D4387+AC$38*$E4387+AC$39*$F4387+AC$40*$G4387,AC$46*$D4387+AC$47*$E4387+AC$48*$F4387+AC$49*$G4387+AC$50*$H4387)</f>
        <v>0.16641004796644876</v>
      </c>
      <c r="J4387">
        <f t="shared" ref="J4387:J4450" si="497">IF($B4387&lt;6,AD$37*$D4387+AD$38*$E4387+AD$39*$F4387+AD$40*$G4387,AD$46*$D4387+AD$47*$E4387+AD$48*$F4387+AD$49*$G4387+AD$50*$H4387)</f>
        <v>0.55470015988816257</v>
      </c>
      <c r="K4387">
        <f t="shared" ref="K4387:K4450" si="498">IF($B4387&lt;6,AE$37*$D4387+AE$38*$E4387+AE$39*$F4387+AE$40*$G4387,AE$46*$D4387+AE$47*$E4387+AE$48*$F4387+AE$49*$G4387+AE$50*$H4387)</f>
        <v>0.83205023983224391</v>
      </c>
      <c r="L4387">
        <f t="shared" ref="L4387:L4450" si="499">IF($B4387&lt;6,AF$37*$D4387+AF$38*$E4387+AF$39*$F4387+AF$40*$G4387,AF$46*$D4387+AF$47*$E4387+AF$48*$F4387+AF$49*$G4387+AF$50*$H4387)</f>
        <v>12.097619252262769</v>
      </c>
      <c r="M4387">
        <f t="shared" ref="M4387:M4450" si="500">IF($B4387&lt;6,AG$37*$D4387+AG$38*$E4387+AG$39*$F4387+AG$40*$G4387,AG$46*$D4387+AG$47*$E4387+AG$48*$F4387+AG$49*$G4387+AG$50*$H4387)</f>
        <v>0</v>
      </c>
      <c r="N4387" s="46">
        <f t="shared" si="494"/>
        <v>45473.374999989443</v>
      </c>
    </row>
    <row r="4388" spans="2:14" x14ac:dyDescent="0.3">
      <c r="B4388">
        <f t="shared" si="495"/>
        <v>7</v>
      </c>
      <c r="C4388" s="16">
        <v>4354</v>
      </c>
      <c r="D4388" cm="1">
        <f t="array" ref="D4388">IFERROR(INDEX(Jesper!AH$2:AH$366,ROUNDDOWN($C4388/24,0)+1,1)*INDEX($D$3:$AA$30,INDEX(Jesper!$R$2:$R$366,ROW(INDEX(Jesper!AH$2:AH$366,ROUNDDOWN($C4388/24,0)+1,1))-1)+IF('Standard Profiles'!$G$18=$B$10,7,0)+IF('Standard Profiles'!$G$18=$B$17,14,0)+IF('Standard Profiles'!$G$18=$B$24,21,0),MOD($C4388,24)+1)/SUM(INDEX($D$3:$AA$30,INDEX(Jesper!$R$2:$R$366,ROW(INDEX(Jesper!AH$2:AH$366,ROUNDDOWN($C4388/24,0)+1,1))-1)+IF('Standard Profiles'!$G$18=$B$10,7,0)+IF('Standard Profiles'!$G$18=$B$17,14,0)+IF('Standard Profiles'!$G$18=$B$24,21,0),0)),0)</f>
        <v>11.803628167522044</v>
      </c>
      <c r="E4388" cm="1">
        <f t="array" ref="E4388">IFERROR(INDEX(Jesper!AI$2:AI$366,ROUNDDOWN($C4388/24,0)+1,1)*INDEX($D$3:$AA$30,INDEX(Jesper!$R$2:$R$366,ROW(INDEX(Jesper!AI$2:AI$366,ROUNDDOWN($C4388/24,0)+1,1))-1)+IF('Standard Profiles'!$G$19=$B$10,7,0)+IF('Standard Profiles'!$G$19=$B$17,14,0)+IF('Standard Profiles'!$G$19=$B$24,21,0),MOD($C4388,24)+1)/SUM(INDEX($D$3:$AA$30,INDEX(Jesper!$R$2:$R$366,ROW(INDEX(Jesper!AI$2:AI$366,ROUNDDOWN($C4388/24,0)+1,1))-1)+IF('Standard Profiles'!$G$19=$B$10,7,0)+IF('Standard Profiles'!$G$19=$B$17,14,0)+IF('Standard Profiles'!$G$19=$B$24,21,0),0)),0)</f>
        <v>1.8471515324275807</v>
      </c>
      <c r="F4388" cm="1">
        <f t="array" ref="F4388">IFERROR(INDEX(Jesper!AJ$2:AJ$366,ROUNDDOWN($C4388/24,0)+1,1)*INDEX($D$3:$AA$30,INDEX(Jesper!$R$2:$R$366,ROW(INDEX(Jesper!AJ$2:AJ$366,ROUNDDOWN($C4388/24,0)+1,1))-1)+IF('Standard Profiles'!$G$20=$B$10,7,0)+IF('Standard Profiles'!$G$20=$B$17,14,0)+IF('Standard Profiles'!$G$20=$B$24,21,0),MOD($C4388,24)+1)/SUM(INDEX($D$3:$AA$30,INDEX(Jesper!$R$2:$R$366,ROW(INDEX(Jesper!AJ$2:AJ$366,ROUNDDOWN($C4388/24,0)+1,1))-1)+IF('Standard Profiles'!$G$20=$B$10,7,0)+IF('Standard Profiles'!$G$20=$B$17,14,0)+IF('Standard Profiles'!$G$20=$B$24,21,0),0)),0)</f>
        <v>0</v>
      </c>
      <c r="G4388" cm="1">
        <f t="array" ref="G4388">IFERROR(INDEX(Jesper!AK$2:AK$366,ROUNDDOWN($C4388/24,0)+1,1)*INDEX($D$3:$AA$30,INDEX(Jesper!$R$2:$R$366,ROW(INDEX(Jesper!AK$2:AK$366,ROUNDDOWN($C4388/24,0)+1,1))-1)+IF('Standard Profiles'!$G$21=$B$10,7,0)+IF('Standard Profiles'!$G$21=$B$17,14,0)+IF('Standard Profiles'!$G$21=$B$24,21,0),MOD($C4388,24)+1)/SUM(INDEX($D$3:$AA$30,INDEX(Jesper!$R$2:$R$366,ROW(INDEX(Jesper!AK$2:AK$366,ROUNDDOWN($C4388/24,0)+1,1))-1)+IF('Standard Profiles'!$G$21=$B$10,7,0)+IF('Standard Profiles'!$G$21=$B$17,14,0)+IF('Standard Profiles'!$G$21=$B$24,21,0),0)),0)</f>
        <v>0</v>
      </c>
      <c r="H4388" cm="1">
        <f t="array" ref="H4388">IFERROR(INDEX(Jesper!AL$2:AL$366,ROUNDDOWN($C4388/24,0)+1,1)*INDEX($D$3:$AA$30,INDEX(Jesper!$R$2:$R$366,ROW(INDEX(Jesper!AL$2:AL$366,ROUNDDOWN($C4388/24,0)+1,1))-1)+IF('Standard Profiles'!$G$22=$B$10,7,0)+IF('Standard Profiles'!$G$22=$B$17,14,0)+IF('Standard Profiles'!$G$22=$B$24,21,0),MOD($C4388,24)+1)/SUM(INDEX($D$3:$AA$30,INDEX(Jesper!$R$2:$R$366,ROW(INDEX(Jesper!AL$2:AL$366,ROUNDDOWN($C4388/24,0)+1,1))-1)+IF('Standard Profiles'!$G$22=$B$10,7,0)+IF('Standard Profiles'!$G$22=$B$17,14,0)+IF('Standard Profiles'!$G$22=$B$24,21,0),0)),0)</f>
        <v>0</v>
      </c>
      <c r="I4388">
        <f t="shared" si="496"/>
        <v>0.16641004796644876</v>
      </c>
      <c r="J4388">
        <f t="shared" si="497"/>
        <v>0.55470015988816257</v>
      </c>
      <c r="K4388">
        <f t="shared" si="498"/>
        <v>0.83205023983224391</v>
      </c>
      <c r="L4388">
        <f t="shared" si="499"/>
        <v>12.097619252262769</v>
      </c>
      <c r="M4388">
        <f t="shared" si="500"/>
        <v>0</v>
      </c>
      <c r="N4388" s="46">
        <f t="shared" ref="N4388:N4451" si="501">N4387+1/24</f>
        <v>45473.416666656107</v>
      </c>
    </row>
    <row r="4389" spans="2:14" x14ac:dyDescent="0.3">
      <c r="B4389">
        <f t="shared" si="495"/>
        <v>7</v>
      </c>
      <c r="C4389" s="16">
        <v>4355</v>
      </c>
      <c r="D4389" cm="1">
        <f t="array" ref="D4389">IFERROR(INDEX(Jesper!AH$2:AH$366,ROUNDDOWN($C4389/24,0)+1,1)*INDEX($D$3:$AA$30,INDEX(Jesper!$R$2:$R$366,ROW(INDEX(Jesper!AH$2:AH$366,ROUNDDOWN($C4389/24,0)+1,1))-1)+IF('Standard Profiles'!$G$18=$B$10,7,0)+IF('Standard Profiles'!$G$18=$B$17,14,0)+IF('Standard Profiles'!$G$18=$B$24,21,0),MOD($C4389,24)+1)/SUM(INDEX($D$3:$AA$30,INDEX(Jesper!$R$2:$R$366,ROW(INDEX(Jesper!AH$2:AH$366,ROUNDDOWN($C4389/24,0)+1,1))-1)+IF('Standard Profiles'!$G$18=$B$10,7,0)+IF('Standard Profiles'!$G$18=$B$17,14,0)+IF('Standard Profiles'!$G$18=$B$24,21,0),0)),0)</f>
        <v>11.803628167522044</v>
      </c>
      <c r="E4389" cm="1">
        <f t="array" ref="E4389">IFERROR(INDEX(Jesper!AI$2:AI$366,ROUNDDOWN($C4389/24,0)+1,1)*INDEX($D$3:$AA$30,INDEX(Jesper!$R$2:$R$366,ROW(INDEX(Jesper!AI$2:AI$366,ROUNDDOWN($C4389/24,0)+1,1))-1)+IF('Standard Profiles'!$G$19=$B$10,7,0)+IF('Standard Profiles'!$G$19=$B$17,14,0)+IF('Standard Profiles'!$G$19=$B$24,21,0),MOD($C4389,24)+1)/SUM(INDEX($D$3:$AA$30,INDEX(Jesper!$R$2:$R$366,ROW(INDEX(Jesper!AI$2:AI$366,ROUNDDOWN($C4389/24,0)+1,1))-1)+IF('Standard Profiles'!$G$19=$B$10,7,0)+IF('Standard Profiles'!$G$19=$B$17,14,0)+IF('Standard Profiles'!$G$19=$B$24,21,0),0)),0)</f>
        <v>1.8471515324275807</v>
      </c>
      <c r="F4389" cm="1">
        <f t="array" ref="F4389">IFERROR(INDEX(Jesper!AJ$2:AJ$366,ROUNDDOWN($C4389/24,0)+1,1)*INDEX($D$3:$AA$30,INDEX(Jesper!$R$2:$R$366,ROW(INDEX(Jesper!AJ$2:AJ$366,ROUNDDOWN($C4389/24,0)+1,1))-1)+IF('Standard Profiles'!$G$20=$B$10,7,0)+IF('Standard Profiles'!$G$20=$B$17,14,0)+IF('Standard Profiles'!$G$20=$B$24,21,0),MOD($C4389,24)+1)/SUM(INDEX($D$3:$AA$30,INDEX(Jesper!$R$2:$R$366,ROW(INDEX(Jesper!AJ$2:AJ$366,ROUNDDOWN($C4389/24,0)+1,1))-1)+IF('Standard Profiles'!$G$20=$B$10,7,0)+IF('Standard Profiles'!$G$20=$B$17,14,0)+IF('Standard Profiles'!$G$20=$B$24,21,0),0)),0)</f>
        <v>0</v>
      </c>
      <c r="G4389" cm="1">
        <f t="array" ref="G4389">IFERROR(INDEX(Jesper!AK$2:AK$366,ROUNDDOWN($C4389/24,0)+1,1)*INDEX($D$3:$AA$30,INDEX(Jesper!$R$2:$R$366,ROW(INDEX(Jesper!AK$2:AK$366,ROUNDDOWN($C4389/24,0)+1,1))-1)+IF('Standard Profiles'!$G$21=$B$10,7,0)+IF('Standard Profiles'!$G$21=$B$17,14,0)+IF('Standard Profiles'!$G$21=$B$24,21,0),MOD($C4389,24)+1)/SUM(INDEX($D$3:$AA$30,INDEX(Jesper!$R$2:$R$366,ROW(INDEX(Jesper!AK$2:AK$366,ROUNDDOWN($C4389/24,0)+1,1))-1)+IF('Standard Profiles'!$G$21=$B$10,7,0)+IF('Standard Profiles'!$G$21=$B$17,14,0)+IF('Standard Profiles'!$G$21=$B$24,21,0),0)),0)</f>
        <v>0</v>
      </c>
      <c r="H4389" cm="1">
        <f t="array" ref="H4389">IFERROR(INDEX(Jesper!AL$2:AL$366,ROUNDDOWN($C4389/24,0)+1,1)*INDEX($D$3:$AA$30,INDEX(Jesper!$R$2:$R$366,ROW(INDEX(Jesper!AL$2:AL$366,ROUNDDOWN($C4389/24,0)+1,1))-1)+IF('Standard Profiles'!$G$22=$B$10,7,0)+IF('Standard Profiles'!$G$22=$B$17,14,0)+IF('Standard Profiles'!$G$22=$B$24,21,0),MOD($C4389,24)+1)/SUM(INDEX($D$3:$AA$30,INDEX(Jesper!$R$2:$R$366,ROW(INDEX(Jesper!AL$2:AL$366,ROUNDDOWN($C4389/24,0)+1,1))-1)+IF('Standard Profiles'!$G$22=$B$10,7,0)+IF('Standard Profiles'!$G$22=$B$17,14,0)+IF('Standard Profiles'!$G$22=$B$24,21,0),0)),0)</f>
        <v>0</v>
      </c>
      <c r="I4389">
        <f t="shared" si="496"/>
        <v>0.16641004796644876</v>
      </c>
      <c r="J4389">
        <f t="shared" si="497"/>
        <v>0.55470015988816257</v>
      </c>
      <c r="K4389">
        <f t="shared" si="498"/>
        <v>0.83205023983224391</v>
      </c>
      <c r="L4389">
        <f t="shared" si="499"/>
        <v>12.097619252262769</v>
      </c>
      <c r="M4389">
        <f t="shared" si="500"/>
        <v>0</v>
      </c>
      <c r="N4389" s="46">
        <f t="shared" si="501"/>
        <v>45473.458333322771</v>
      </c>
    </row>
    <row r="4390" spans="2:14" x14ac:dyDescent="0.3">
      <c r="B4390">
        <f t="shared" si="495"/>
        <v>7</v>
      </c>
      <c r="C4390" s="16">
        <v>4356</v>
      </c>
      <c r="D4390" cm="1">
        <f t="array" ref="D4390">IFERROR(INDEX(Jesper!AH$2:AH$366,ROUNDDOWN($C4390/24,0)+1,1)*INDEX($D$3:$AA$30,INDEX(Jesper!$R$2:$R$366,ROW(INDEX(Jesper!AH$2:AH$366,ROUNDDOWN($C4390/24,0)+1,1))-1)+IF('Standard Profiles'!$G$18=$B$10,7,0)+IF('Standard Profiles'!$G$18=$B$17,14,0)+IF('Standard Profiles'!$G$18=$B$24,21,0),MOD($C4390,24)+1)/SUM(INDEX($D$3:$AA$30,INDEX(Jesper!$R$2:$R$366,ROW(INDEX(Jesper!AH$2:AH$366,ROUNDDOWN($C4390/24,0)+1,1))-1)+IF('Standard Profiles'!$G$18=$B$10,7,0)+IF('Standard Profiles'!$G$18=$B$17,14,0)+IF('Standard Profiles'!$G$18=$B$24,21,0),0)),0)</f>
        <v>11.803628167522044</v>
      </c>
      <c r="E4390" cm="1">
        <f t="array" ref="E4390">IFERROR(INDEX(Jesper!AI$2:AI$366,ROUNDDOWN($C4390/24,0)+1,1)*INDEX($D$3:$AA$30,INDEX(Jesper!$R$2:$R$366,ROW(INDEX(Jesper!AI$2:AI$366,ROUNDDOWN($C4390/24,0)+1,1))-1)+IF('Standard Profiles'!$G$19=$B$10,7,0)+IF('Standard Profiles'!$G$19=$B$17,14,0)+IF('Standard Profiles'!$G$19=$B$24,21,0),MOD($C4390,24)+1)/SUM(INDEX($D$3:$AA$30,INDEX(Jesper!$R$2:$R$366,ROW(INDEX(Jesper!AI$2:AI$366,ROUNDDOWN($C4390/24,0)+1,1))-1)+IF('Standard Profiles'!$G$19=$B$10,7,0)+IF('Standard Profiles'!$G$19=$B$17,14,0)+IF('Standard Profiles'!$G$19=$B$24,21,0),0)),0)</f>
        <v>1.8471515324275807</v>
      </c>
      <c r="F4390" cm="1">
        <f t="array" ref="F4390">IFERROR(INDEX(Jesper!AJ$2:AJ$366,ROUNDDOWN($C4390/24,0)+1,1)*INDEX($D$3:$AA$30,INDEX(Jesper!$R$2:$R$366,ROW(INDEX(Jesper!AJ$2:AJ$366,ROUNDDOWN($C4390/24,0)+1,1))-1)+IF('Standard Profiles'!$G$20=$B$10,7,0)+IF('Standard Profiles'!$G$20=$B$17,14,0)+IF('Standard Profiles'!$G$20=$B$24,21,0),MOD($C4390,24)+1)/SUM(INDEX($D$3:$AA$30,INDEX(Jesper!$R$2:$R$366,ROW(INDEX(Jesper!AJ$2:AJ$366,ROUNDDOWN($C4390/24,0)+1,1))-1)+IF('Standard Profiles'!$G$20=$B$10,7,0)+IF('Standard Profiles'!$G$20=$B$17,14,0)+IF('Standard Profiles'!$G$20=$B$24,21,0),0)),0)</f>
        <v>0</v>
      </c>
      <c r="G4390" cm="1">
        <f t="array" ref="G4390">IFERROR(INDEX(Jesper!AK$2:AK$366,ROUNDDOWN($C4390/24,0)+1,1)*INDEX($D$3:$AA$30,INDEX(Jesper!$R$2:$R$366,ROW(INDEX(Jesper!AK$2:AK$366,ROUNDDOWN($C4390/24,0)+1,1))-1)+IF('Standard Profiles'!$G$21=$B$10,7,0)+IF('Standard Profiles'!$G$21=$B$17,14,0)+IF('Standard Profiles'!$G$21=$B$24,21,0),MOD($C4390,24)+1)/SUM(INDEX($D$3:$AA$30,INDEX(Jesper!$R$2:$R$366,ROW(INDEX(Jesper!AK$2:AK$366,ROUNDDOWN($C4390/24,0)+1,1))-1)+IF('Standard Profiles'!$G$21=$B$10,7,0)+IF('Standard Profiles'!$G$21=$B$17,14,0)+IF('Standard Profiles'!$G$21=$B$24,21,0),0)),0)</f>
        <v>0</v>
      </c>
      <c r="H4390" cm="1">
        <f t="array" ref="H4390">IFERROR(INDEX(Jesper!AL$2:AL$366,ROUNDDOWN($C4390/24,0)+1,1)*INDEX($D$3:$AA$30,INDEX(Jesper!$R$2:$R$366,ROW(INDEX(Jesper!AL$2:AL$366,ROUNDDOWN($C4390/24,0)+1,1))-1)+IF('Standard Profiles'!$G$22=$B$10,7,0)+IF('Standard Profiles'!$G$22=$B$17,14,0)+IF('Standard Profiles'!$G$22=$B$24,21,0),MOD($C4390,24)+1)/SUM(INDEX($D$3:$AA$30,INDEX(Jesper!$R$2:$R$366,ROW(INDEX(Jesper!AL$2:AL$366,ROUNDDOWN($C4390/24,0)+1,1))-1)+IF('Standard Profiles'!$G$22=$B$10,7,0)+IF('Standard Profiles'!$G$22=$B$17,14,0)+IF('Standard Profiles'!$G$22=$B$24,21,0),0)),0)</f>
        <v>0</v>
      </c>
      <c r="I4390">
        <f t="shared" si="496"/>
        <v>0.16641004796644876</v>
      </c>
      <c r="J4390">
        <f t="shared" si="497"/>
        <v>0.55470015988816257</v>
      </c>
      <c r="K4390">
        <f t="shared" si="498"/>
        <v>0.83205023983224391</v>
      </c>
      <c r="L4390">
        <f t="shared" si="499"/>
        <v>12.097619252262769</v>
      </c>
      <c r="M4390">
        <f t="shared" si="500"/>
        <v>0</v>
      </c>
      <c r="N4390" s="46">
        <f t="shared" si="501"/>
        <v>45473.499999989435</v>
      </c>
    </row>
    <row r="4391" spans="2:14" x14ac:dyDescent="0.3">
      <c r="B4391">
        <f t="shared" si="495"/>
        <v>7</v>
      </c>
      <c r="C4391" s="16">
        <v>4357</v>
      </c>
      <c r="D4391" cm="1">
        <f t="array" ref="D4391">IFERROR(INDEX(Jesper!AH$2:AH$366,ROUNDDOWN($C4391/24,0)+1,1)*INDEX($D$3:$AA$30,INDEX(Jesper!$R$2:$R$366,ROW(INDEX(Jesper!AH$2:AH$366,ROUNDDOWN($C4391/24,0)+1,1))-1)+IF('Standard Profiles'!$G$18=$B$10,7,0)+IF('Standard Profiles'!$G$18=$B$17,14,0)+IF('Standard Profiles'!$G$18=$B$24,21,0),MOD($C4391,24)+1)/SUM(INDEX($D$3:$AA$30,INDEX(Jesper!$R$2:$R$366,ROW(INDEX(Jesper!AH$2:AH$366,ROUNDDOWN($C4391/24,0)+1,1))-1)+IF('Standard Profiles'!$G$18=$B$10,7,0)+IF('Standard Profiles'!$G$18=$B$17,14,0)+IF('Standard Profiles'!$G$18=$B$24,21,0),0)),0)</f>
        <v>11.803628167522044</v>
      </c>
      <c r="E4391" cm="1">
        <f t="array" ref="E4391">IFERROR(INDEX(Jesper!AI$2:AI$366,ROUNDDOWN($C4391/24,0)+1,1)*INDEX($D$3:$AA$30,INDEX(Jesper!$R$2:$R$366,ROW(INDEX(Jesper!AI$2:AI$366,ROUNDDOWN($C4391/24,0)+1,1))-1)+IF('Standard Profiles'!$G$19=$B$10,7,0)+IF('Standard Profiles'!$G$19=$B$17,14,0)+IF('Standard Profiles'!$G$19=$B$24,21,0),MOD($C4391,24)+1)/SUM(INDEX($D$3:$AA$30,INDEX(Jesper!$R$2:$R$366,ROW(INDEX(Jesper!AI$2:AI$366,ROUNDDOWN($C4391/24,0)+1,1))-1)+IF('Standard Profiles'!$G$19=$B$10,7,0)+IF('Standard Profiles'!$G$19=$B$17,14,0)+IF('Standard Profiles'!$G$19=$B$24,21,0),0)),0)</f>
        <v>1.8471515324275807</v>
      </c>
      <c r="F4391" cm="1">
        <f t="array" ref="F4391">IFERROR(INDEX(Jesper!AJ$2:AJ$366,ROUNDDOWN($C4391/24,0)+1,1)*INDEX($D$3:$AA$30,INDEX(Jesper!$R$2:$R$366,ROW(INDEX(Jesper!AJ$2:AJ$366,ROUNDDOWN($C4391/24,0)+1,1))-1)+IF('Standard Profiles'!$G$20=$B$10,7,0)+IF('Standard Profiles'!$G$20=$B$17,14,0)+IF('Standard Profiles'!$G$20=$B$24,21,0),MOD($C4391,24)+1)/SUM(INDEX($D$3:$AA$30,INDEX(Jesper!$R$2:$R$366,ROW(INDEX(Jesper!AJ$2:AJ$366,ROUNDDOWN($C4391/24,0)+1,1))-1)+IF('Standard Profiles'!$G$20=$B$10,7,0)+IF('Standard Profiles'!$G$20=$B$17,14,0)+IF('Standard Profiles'!$G$20=$B$24,21,0),0)),0)</f>
        <v>0</v>
      </c>
      <c r="G4391" cm="1">
        <f t="array" ref="G4391">IFERROR(INDEX(Jesper!AK$2:AK$366,ROUNDDOWN($C4391/24,0)+1,1)*INDEX($D$3:$AA$30,INDEX(Jesper!$R$2:$R$366,ROW(INDEX(Jesper!AK$2:AK$366,ROUNDDOWN($C4391/24,0)+1,1))-1)+IF('Standard Profiles'!$G$21=$B$10,7,0)+IF('Standard Profiles'!$G$21=$B$17,14,0)+IF('Standard Profiles'!$G$21=$B$24,21,0),MOD($C4391,24)+1)/SUM(INDEX($D$3:$AA$30,INDEX(Jesper!$R$2:$R$366,ROW(INDEX(Jesper!AK$2:AK$366,ROUNDDOWN($C4391/24,0)+1,1))-1)+IF('Standard Profiles'!$G$21=$B$10,7,0)+IF('Standard Profiles'!$G$21=$B$17,14,0)+IF('Standard Profiles'!$G$21=$B$24,21,0),0)),0)</f>
        <v>0</v>
      </c>
      <c r="H4391" cm="1">
        <f t="array" ref="H4391">IFERROR(INDEX(Jesper!AL$2:AL$366,ROUNDDOWN($C4391/24,0)+1,1)*INDEX($D$3:$AA$30,INDEX(Jesper!$R$2:$R$366,ROW(INDEX(Jesper!AL$2:AL$366,ROUNDDOWN($C4391/24,0)+1,1))-1)+IF('Standard Profiles'!$G$22=$B$10,7,0)+IF('Standard Profiles'!$G$22=$B$17,14,0)+IF('Standard Profiles'!$G$22=$B$24,21,0),MOD($C4391,24)+1)/SUM(INDEX($D$3:$AA$30,INDEX(Jesper!$R$2:$R$366,ROW(INDEX(Jesper!AL$2:AL$366,ROUNDDOWN($C4391/24,0)+1,1))-1)+IF('Standard Profiles'!$G$22=$B$10,7,0)+IF('Standard Profiles'!$G$22=$B$17,14,0)+IF('Standard Profiles'!$G$22=$B$24,21,0),0)),0)</f>
        <v>0</v>
      </c>
      <c r="I4391">
        <f t="shared" si="496"/>
        <v>0.16641004796644876</v>
      </c>
      <c r="J4391">
        <f t="shared" si="497"/>
        <v>0.55470015988816257</v>
      </c>
      <c r="K4391">
        <f t="shared" si="498"/>
        <v>0.83205023983224391</v>
      </c>
      <c r="L4391">
        <f t="shared" si="499"/>
        <v>12.097619252262769</v>
      </c>
      <c r="M4391">
        <f t="shared" si="500"/>
        <v>0</v>
      </c>
      <c r="N4391" s="46">
        <f t="shared" si="501"/>
        <v>45473.5416666561</v>
      </c>
    </row>
    <row r="4392" spans="2:14" x14ac:dyDescent="0.3">
      <c r="B4392">
        <f t="shared" si="495"/>
        <v>7</v>
      </c>
      <c r="C4392" s="16">
        <v>4358</v>
      </c>
      <c r="D4392" cm="1">
        <f t="array" ref="D4392">IFERROR(INDEX(Jesper!AH$2:AH$366,ROUNDDOWN($C4392/24,0)+1,1)*INDEX($D$3:$AA$30,INDEX(Jesper!$R$2:$R$366,ROW(INDEX(Jesper!AH$2:AH$366,ROUNDDOWN($C4392/24,0)+1,1))-1)+IF('Standard Profiles'!$G$18=$B$10,7,0)+IF('Standard Profiles'!$G$18=$B$17,14,0)+IF('Standard Profiles'!$G$18=$B$24,21,0),MOD($C4392,24)+1)/SUM(INDEX($D$3:$AA$30,INDEX(Jesper!$R$2:$R$366,ROW(INDEX(Jesper!AH$2:AH$366,ROUNDDOWN($C4392/24,0)+1,1))-1)+IF('Standard Profiles'!$G$18=$B$10,7,0)+IF('Standard Profiles'!$G$18=$B$17,14,0)+IF('Standard Profiles'!$G$18=$B$24,21,0),0)),0)</f>
        <v>11.803628167522044</v>
      </c>
      <c r="E4392" cm="1">
        <f t="array" ref="E4392">IFERROR(INDEX(Jesper!AI$2:AI$366,ROUNDDOWN($C4392/24,0)+1,1)*INDEX($D$3:$AA$30,INDEX(Jesper!$R$2:$R$366,ROW(INDEX(Jesper!AI$2:AI$366,ROUNDDOWN($C4392/24,0)+1,1))-1)+IF('Standard Profiles'!$G$19=$B$10,7,0)+IF('Standard Profiles'!$G$19=$B$17,14,0)+IF('Standard Profiles'!$G$19=$B$24,21,0),MOD($C4392,24)+1)/SUM(INDEX($D$3:$AA$30,INDEX(Jesper!$R$2:$R$366,ROW(INDEX(Jesper!AI$2:AI$366,ROUNDDOWN($C4392/24,0)+1,1))-1)+IF('Standard Profiles'!$G$19=$B$10,7,0)+IF('Standard Profiles'!$G$19=$B$17,14,0)+IF('Standard Profiles'!$G$19=$B$24,21,0),0)),0)</f>
        <v>1.8471515324275807</v>
      </c>
      <c r="F4392" cm="1">
        <f t="array" ref="F4392">IFERROR(INDEX(Jesper!AJ$2:AJ$366,ROUNDDOWN($C4392/24,0)+1,1)*INDEX($D$3:$AA$30,INDEX(Jesper!$R$2:$R$366,ROW(INDEX(Jesper!AJ$2:AJ$366,ROUNDDOWN($C4392/24,0)+1,1))-1)+IF('Standard Profiles'!$G$20=$B$10,7,0)+IF('Standard Profiles'!$G$20=$B$17,14,0)+IF('Standard Profiles'!$G$20=$B$24,21,0),MOD($C4392,24)+1)/SUM(INDEX($D$3:$AA$30,INDEX(Jesper!$R$2:$R$366,ROW(INDEX(Jesper!AJ$2:AJ$366,ROUNDDOWN($C4392/24,0)+1,1))-1)+IF('Standard Profiles'!$G$20=$B$10,7,0)+IF('Standard Profiles'!$G$20=$B$17,14,0)+IF('Standard Profiles'!$G$20=$B$24,21,0),0)),0)</f>
        <v>0</v>
      </c>
      <c r="G4392" cm="1">
        <f t="array" ref="G4392">IFERROR(INDEX(Jesper!AK$2:AK$366,ROUNDDOWN($C4392/24,0)+1,1)*INDEX($D$3:$AA$30,INDEX(Jesper!$R$2:$R$366,ROW(INDEX(Jesper!AK$2:AK$366,ROUNDDOWN($C4392/24,0)+1,1))-1)+IF('Standard Profiles'!$G$21=$B$10,7,0)+IF('Standard Profiles'!$G$21=$B$17,14,0)+IF('Standard Profiles'!$G$21=$B$24,21,0),MOD($C4392,24)+1)/SUM(INDEX($D$3:$AA$30,INDEX(Jesper!$R$2:$R$366,ROW(INDEX(Jesper!AK$2:AK$366,ROUNDDOWN($C4392/24,0)+1,1))-1)+IF('Standard Profiles'!$G$21=$B$10,7,0)+IF('Standard Profiles'!$G$21=$B$17,14,0)+IF('Standard Profiles'!$G$21=$B$24,21,0),0)),0)</f>
        <v>0</v>
      </c>
      <c r="H4392" cm="1">
        <f t="array" ref="H4392">IFERROR(INDEX(Jesper!AL$2:AL$366,ROUNDDOWN($C4392/24,0)+1,1)*INDEX($D$3:$AA$30,INDEX(Jesper!$R$2:$R$366,ROW(INDEX(Jesper!AL$2:AL$366,ROUNDDOWN($C4392/24,0)+1,1))-1)+IF('Standard Profiles'!$G$22=$B$10,7,0)+IF('Standard Profiles'!$G$22=$B$17,14,0)+IF('Standard Profiles'!$G$22=$B$24,21,0),MOD($C4392,24)+1)/SUM(INDEX($D$3:$AA$30,INDEX(Jesper!$R$2:$R$366,ROW(INDEX(Jesper!AL$2:AL$366,ROUNDDOWN($C4392/24,0)+1,1))-1)+IF('Standard Profiles'!$G$22=$B$10,7,0)+IF('Standard Profiles'!$G$22=$B$17,14,0)+IF('Standard Profiles'!$G$22=$B$24,21,0),0)),0)</f>
        <v>0</v>
      </c>
      <c r="I4392">
        <f t="shared" si="496"/>
        <v>0.16641004796644876</v>
      </c>
      <c r="J4392">
        <f t="shared" si="497"/>
        <v>0.55470015988816257</v>
      </c>
      <c r="K4392">
        <f t="shared" si="498"/>
        <v>0.83205023983224391</v>
      </c>
      <c r="L4392">
        <f t="shared" si="499"/>
        <v>12.097619252262769</v>
      </c>
      <c r="M4392">
        <f t="shared" si="500"/>
        <v>0</v>
      </c>
      <c r="N4392" s="46">
        <f t="shared" si="501"/>
        <v>45473.583333322764</v>
      </c>
    </row>
    <row r="4393" spans="2:14" x14ac:dyDescent="0.3">
      <c r="B4393">
        <f t="shared" si="495"/>
        <v>7</v>
      </c>
      <c r="C4393" s="16">
        <v>4359</v>
      </c>
      <c r="D4393" cm="1">
        <f t="array" ref="D4393">IFERROR(INDEX(Jesper!AH$2:AH$366,ROUNDDOWN($C4393/24,0)+1,1)*INDEX($D$3:$AA$30,INDEX(Jesper!$R$2:$R$366,ROW(INDEX(Jesper!AH$2:AH$366,ROUNDDOWN($C4393/24,0)+1,1))-1)+IF('Standard Profiles'!$G$18=$B$10,7,0)+IF('Standard Profiles'!$G$18=$B$17,14,0)+IF('Standard Profiles'!$G$18=$B$24,21,0),MOD($C4393,24)+1)/SUM(INDEX($D$3:$AA$30,INDEX(Jesper!$R$2:$R$366,ROW(INDEX(Jesper!AH$2:AH$366,ROUNDDOWN($C4393/24,0)+1,1))-1)+IF('Standard Profiles'!$G$18=$B$10,7,0)+IF('Standard Profiles'!$G$18=$B$17,14,0)+IF('Standard Profiles'!$G$18=$B$24,21,0),0)),0)</f>
        <v>10.49211392668626</v>
      </c>
      <c r="E4393" cm="1">
        <f t="array" ref="E4393">IFERROR(INDEX(Jesper!AI$2:AI$366,ROUNDDOWN($C4393/24,0)+1,1)*INDEX($D$3:$AA$30,INDEX(Jesper!$R$2:$R$366,ROW(INDEX(Jesper!AI$2:AI$366,ROUNDDOWN($C4393/24,0)+1,1))-1)+IF('Standard Profiles'!$G$19=$B$10,7,0)+IF('Standard Profiles'!$G$19=$B$17,14,0)+IF('Standard Profiles'!$G$19=$B$24,21,0),MOD($C4393,24)+1)/SUM(INDEX($D$3:$AA$30,INDEX(Jesper!$R$2:$R$366,ROW(INDEX(Jesper!AI$2:AI$366,ROUNDDOWN($C4393/24,0)+1,1))-1)+IF('Standard Profiles'!$G$19=$B$10,7,0)+IF('Standard Profiles'!$G$19=$B$17,14,0)+IF('Standard Profiles'!$G$19=$B$24,21,0),0)),0)</f>
        <v>1.6419124732689605</v>
      </c>
      <c r="F4393" cm="1">
        <f t="array" ref="F4393">IFERROR(INDEX(Jesper!AJ$2:AJ$366,ROUNDDOWN($C4393/24,0)+1,1)*INDEX($D$3:$AA$30,INDEX(Jesper!$R$2:$R$366,ROW(INDEX(Jesper!AJ$2:AJ$366,ROUNDDOWN($C4393/24,0)+1,1))-1)+IF('Standard Profiles'!$G$20=$B$10,7,0)+IF('Standard Profiles'!$G$20=$B$17,14,0)+IF('Standard Profiles'!$G$20=$B$24,21,0),MOD($C4393,24)+1)/SUM(INDEX($D$3:$AA$30,INDEX(Jesper!$R$2:$R$366,ROW(INDEX(Jesper!AJ$2:AJ$366,ROUNDDOWN($C4393/24,0)+1,1))-1)+IF('Standard Profiles'!$G$20=$B$10,7,0)+IF('Standard Profiles'!$G$20=$B$17,14,0)+IF('Standard Profiles'!$G$20=$B$24,21,0),0)),0)</f>
        <v>0</v>
      </c>
      <c r="G4393" cm="1">
        <f t="array" ref="G4393">IFERROR(INDEX(Jesper!AK$2:AK$366,ROUNDDOWN($C4393/24,0)+1,1)*INDEX($D$3:$AA$30,INDEX(Jesper!$R$2:$R$366,ROW(INDEX(Jesper!AK$2:AK$366,ROUNDDOWN($C4393/24,0)+1,1))-1)+IF('Standard Profiles'!$G$21=$B$10,7,0)+IF('Standard Profiles'!$G$21=$B$17,14,0)+IF('Standard Profiles'!$G$21=$B$24,21,0),MOD($C4393,24)+1)/SUM(INDEX($D$3:$AA$30,INDEX(Jesper!$R$2:$R$366,ROW(INDEX(Jesper!AK$2:AK$366,ROUNDDOWN($C4393/24,0)+1,1))-1)+IF('Standard Profiles'!$G$21=$B$10,7,0)+IF('Standard Profiles'!$G$21=$B$17,14,0)+IF('Standard Profiles'!$G$21=$B$24,21,0),0)),0)</f>
        <v>0</v>
      </c>
      <c r="H4393" cm="1">
        <f t="array" ref="H4393">IFERROR(INDEX(Jesper!AL$2:AL$366,ROUNDDOWN($C4393/24,0)+1,1)*INDEX($D$3:$AA$30,INDEX(Jesper!$R$2:$R$366,ROW(INDEX(Jesper!AL$2:AL$366,ROUNDDOWN($C4393/24,0)+1,1))-1)+IF('Standard Profiles'!$G$22=$B$10,7,0)+IF('Standard Profiles'!$G$22=$B$17,14,0)+IF('Standard Profiles'!$G$22=$B$24,21,0),MOD($C4393,24)+1)/SUM(INDEX($D$3:$AA$30,INDEX(Jesper!$R$2:$R$366,ROW(INDEX(Jesper!AL$2:AL$366,ROUNDDOWN($C4393/24,0)+1,1))-1)+IF('Standard Profiles'!$G$22=$B$10,7,0)+IF('Standard Profiles'!$G$22=$B$17,14,0)+IF('Standard Profiles'!$G$22=$B$24,21,0),0)),0)</f>
        <v>0</v>
      </c>
      <c r="I4393">
        <f t="shared" si="496"/>
        <v>0.14792004263684333</v>
      </c>
      <c r="J4393">
        <f t="shared" si="497"/>
        <v>0.49306680878947784</v>
      </c>
      <c r="K4393">
        <f t="shared" si="498"/>
        <v>0.73960021318421676</v>
      </c>
      <c r="L4393">
        <f t="shared" si="499"/>
        <v>10.753439335344682</v>
      </c>
      <c r="M4393">
        <f t="shared" si="500"/>
        <v>0</v>
      </c>
      <c r="N4393" s="46">
        <f t="shared" si="501"/>
        <v>45473.624999989428</v>
      </c>
    </row>
    <row r="4394" spans="2:14" x14ac:dyDescent="0.3">
      <c r="B4394">
        <f t="shared" si="495"/>
        <v>7</v>
      </c>
      <c r="C4394" s="16">
        <v>4360</v>
      </c>
      <c r="D4394" cm="1">
        <f t="array" ref="D4394">IFERROR(INDEX(Jesper!AH$2:AH$366,ROUNDDOWN($C4394/24,0)+1,1)*INDEX($D$3:$AA$30,INDEX(Jesper!$R$2:$R$366,ROW(INDEX(Jesper!AH$2:AH$366,ROUNDDOWN($C4394/24,0)+1,1))-1)+IF('Standard Profiles'!$G$18=$B$10,7,0)+IF('Standard Profiles'!$G$18=$B$17,14,0)+IF('Standard Profiles'!$G$18=$B$24,21,0),MOD($C4394,24)+1)/SUM(INDEX($D$3:$AA$30,INDEX(Jesper!$R$2:$R$366,ROW(INDEX(Jesper!AH$2:AH$366,ROUNDDOWN($C4394/24,0)+1,1))-1)+IF('Standard Profiles'!$G$18=$B$10,7,0)+IF('Standard Profiles'!$G$18=$B$17,14,0)+IF('Standard Profiles'!$G$18=$B$24,21,0),0)),0)</f>
        <v>10.304754749424006</v>
      </c>
      <c r="E4394" cm="1">
        <f t="array" ref="E4394">IFERROR(INDEX(Jesper!AI$2:AI$366,ROUNDDOWN($C4394/24,0)+1,1)*INDEX($D$3:$AA$30,INDEX(Jesper!$R$2:$R$366,ROW(INDEX(Jesper!AI$2:AI$366,ROUNDDOWN($C4394/24,0)+1,1))-1)+IF('Standard Profiles'!$G$19=$B$10,7,0)+IF('Standard Profiles'!$G$19=$B$17,14,0)+IF('Standard Profiles'!$G$19=$B$24,21,0),MOD($C4394,24)+1)/SUM(INDEX($D$3:$AA$30,INDEX(Jesper!$R$2:$R$366,ROW(INDEX(Jesper!AI$2:AI$366,ROUNDDOWN($C4394/24,0)+1,1))-1)+IF('Standard Profiles'!$G$19=$B$10,7,0)+IF('Standard Profiles'!$G$19=$B$17,14,0)+IF('Standard Profiles'!$G$19=$B$24,21,0),0)),0)</f>
        <v>1.612592607674872</v>
      </c>
      <c r="F4394" cm="1">
        <f t="array" ref="F4394">IFERROR(INDEX(Jesper!AJ$2:AJ$366,ROUNDDOWN($C4394/24,0)+1,1)*INDEX($D$3:$AA$30,INDEX(Jesper!$R$2:$R$366,ROW(INDEX(Jesper!AJ$2:AJ$366,ROUNDDOWN($C4394/24,0)+1,1))-1)+IF('Standard Profiles'!$G$20=$B$10,7,0)+IF('Standard Profiles'!$G$20=$B$17,14,0)+IF('Standard Profiles'!$G$20=$B$24,21,0),MOD($C4394,24)+1)/SUM(INDEX($D$3:$AA$30,INDEX(Jesper!$R$2:$R$366,ROW(INDEX(Jesper!AJ$2:AJ$366,ROUNDDOWN($C4394/24,0)+1,1))-1)+IF('Standard Profiles'!$G$20=$B$10,7,0)+IF('Standard Profiles'!$G$20=$B$17,14,0)+IF('Standard Profiles'!$G$20=$B$24,21,0),0)),0)</f>
        <v>0</v>
      </c>
      <c r="G4394" cm="1">
        <f t="array" ref="G4394">IFERROR(INDEX(Jesper!AK$2:AK$366,ROUNDDOWN($C4394/24,0)+1,1)*INDEX($D$3:$AA$30,INDEX(Jesper!$R$2:$R$366,ROW(INDEX(Jesper!AK$2:AK$366,ROUNDDOWN($C4394/24,0)+1,1))-1)+IF('Standard Profiles'!$G$21=$B$10,7,0)+IF('Standard Profiles'!$G$21=$B$17,14,0)+IF('Standard Profiles'!$G$21=$B$24,21,0),MOD($C4394,24)+1)/SUM(INDEX($D$3:$AA$30,INDEX(Jesper!$R$2:$R$366,ROW(INDEX(Jesper!AK$2:AK$366,ROUNDDOWN($C4394/24,0)+1,1))-1)+IF('Standard Profiles'!$G$21=$B$10,7,0)+IF('Standard Profiles'!$G$21=$B$17,14,0)+IF('Standard Profiles'!$G$21=$B$24,21,0),0)),0)</f>
        <v>0</v>
      </c>
      <c r="H4394" cm="1">
        <f t="array" ref="H4394">IFERROR(INDEX(Jesper!AL$2:AL$366,ROUNDDOWN($C4394/24,0)+1,1)*INDEX($D$3:$AA$30,INDEX(Jesper!$R$2:$R$366,ROW(INDEX(Jesper!AL$2:AL$366,ROUNDDOWN($C4394/24,0)+1,1))-1)+IF('Standard Profiles'!$G$22=$B$10,7,0)+IF('Standard Profiles'!$G$22=$B$17,14,0)+IF('Standard Profiles'!$G$22=$B$24,21,0),MOD($C4394,24)+1)/SUM(INDEX($D$3:$AA$30,INDEX(Jesper!$R$2:$R$366,ROW(INDEX(Jesper!AL$2:AL$366,ROUNDDOWN($C4394/24,0)+1,1))-1)+IF('Standard Profiles'!$G$22=$B$10,7,0)+IF('Standard Profiles'!$G$22=$B$17,14,0)+IF('Standard Profiles'!$G$22=$B$24,21,0),0)),0)</f>
        <v>0</v>
      </c>
      <c r="I4394">
        <f t="shared" si="496"/>
        <v>0.14527861330404257</v>
      </c>
      <c r="J4394">
        <f t="shared" si="497"/>
        <v>0.48426204434680858</v>
      </c>
      <c r="K4394">
        <f t="shared" si="498"/>
        <v>0.72639306652021285</v>
      </c>
      <c r="L4394">
        <f t="shared" si="499"/>
        <v>10.561413632927815</v>
      </c>
      <c r="M4394">
        <f t="shared" si="500"/>
        <v>0</v>
      </c>
      <c r="N4394" s="46">
        <f t="shared" si="501"/>
        <v>45473.666666656092</v>
      </c>
    </row>
    <row r="4395" spans="2:14" x14ac:dyDescent="0.3">
      <c r="B4395">
        <f t="shared" si="495"/>
        <v>7</v>
      </c>
      <c r="C4395" s="16">
        <v>4361</v>
      </c>
      <c r="D4395" cm="1">
        <f t="array" ref="D4395">IFERROR(INDEX(Jesper!AH$2:AH$366,ROUNDDOWN($C4395/24,0)+1,1)*INDEX($D$3:$AA$30,INDEX(Jesper!$R$2:$R$366,ROW(INDEX(Jesper!AH$2:AH$366,ROUNDDOWN($C4395/24,0)+1,1))-1)+IF('Standard Profiles'!$G$18=$B$10,7,0)+IF('Standard Profiles'!$G$18=$B$17,14,0)+IF('Standard Profiles'!$G$18=$B$24,21,0),MOD($C4395,24)+1)/SUM(INDEX($D$3:$AA$30,INDEX(Jesper!$R$2:$R$366,ROW(INDEX(Jesper!AH$2:AH$366,ROUNDDOWN($C4395/24,0)+1,1))-1)+IF('Standard Profiles'!$G$18=$B$10,7,0)+IF('Standard Profiles'!$G$18=$B$17,14,0)+IF('Standard Profiles'!$G$18=$B$24,21,0),0)),0)</f>
        <v>8.8058813313259705</v>
      </c>
      <c r="E4395" cm="1">
        <f t="array" ref="E4395">IFERROR(INDEX(Jesper!AI$2:AI$366,ROUNDDOWN($C4395/24,0)+1,1)*INDEX($D$3:$AA$30,INDEX(Jesper!$R$2:$R$366,ROW(INDEX(Jesper!AI$2:AI$366,ROUNDDOWN($C4395/24,0)+1,1))-1)+IF('Standard Profiles'!$G$19=$B$10,7,0)+IF('Standard Profiles'!$G$19=$B$17,14,0)+IF('Standard Profiles'!$G$19=$B$24,21,0),MOD($C4395,24)+1)/SUM(INDEX($D$3:$AA$30,INDEX(Jesper!$R$2:$R$366,ROW(INDEX(Jesper!AI$2:AI$366,ROUNDDOWN($C4395/24,0)+1,1))-1)+IF('Standard Profiles'!$G$19=$B$10,7,0)+IF('Standard Profiles'!$G$19=$B$17,14,0)+IF('Standard Profiles'!$G$19=$B$24,21,0),0)),0)</f>
        <v>1.3780336829221633</v>
      </c>
      <c r="F4395" cm="1">
        <f t="array" ref="F4395">IFERROR(INDEX(Jesper!AJ$2:AJ$366,ROUNDDOWN($C4395/24,0)+1,1)*INDEX($D$3:$AA$30,INDEX(Jesper!$R$2:$R$366,ROW(INDEX(Jesper!AJ$2:AJ$366,ROUNDDOWN($C4395/24,0)+1,1))-1)+IF('Standard Profiles'!$G$20=$B$10,7,0)+IF('Standard Profiles'!$G$20=$B$17,14,0)+IF('Standard Profiles'!$G$20=$B$24,21,0),MOD($C4395,24)+1)/SUM(INDEX($D$3:$AA$30,INDEX(Jesper!$R$2:$R$366,ROW(INDEX(Jesper!AJ$2:AJ$366,ROUNDDOWN($C4395/24,0)+1,1))-1)+IF('Standard Profiles'!$G$20=$B$10,7,0)+IF('Standard Profiles'!$G$20=$B$17,14,0)+IF('Standard Profiles'!$G$20=$B$24,21,0),0)),0)</f>
        <v>0</v>
      </c>
      <c r="G4395" cm="1">
        <f t="array" ref="G4395">IFERROR(INDEX(Jesper!AK$2:AK$366,ROUNDDOWN($C4395/24,0)+1,1)*INDEX($D$3:$AA$30,INDEX(Jesper!$R$2:$R$366,ROW(INDEX(Jesper!AK$2:AK$366,ROUNDDOWN($C4395/24,0)+1,1))-1)+IF('Standard Profiles'!$G$21=$B$10,7,0)+IF('Standard Profiles'!$G$21=$B$17,14,0)+IF('Standard Profiles'!$G$21=$B$24,21,0),MOD($C4395,24)+1)/SUM(INDEX($D$3:$AA$30,INDEX(Jesper!$R$2:$R$366,ROW(INDEX(Jesper!AK$2:AK$366,ROUNDDOWN($C4395/24,0)+1,1))-1)+IF('Standard Profiles'!$G$21=$B$10,7,0)+IF('Standard Profiles'!$G$21=$B$17,14,0)+IF('Standard Profiles'!$G$21=$B$24,21,0),0)),0)</f>
        <v>0</v>
      </c>
      <c r="H4395" cm="1">
        <f t="array" ref="H4395">IFERROR(INDEX(Jesper!AL$2:AL$366,ROUNDDOWN($C4395/24,0)+1,1)*INDEX($D$3:$AA$30,INDEX(Jesper!$R$2:$R$366,ROW(INDEX(Jesper!AL$2:AL$366,ROUNDDOWN($C4395/24,0)+1,1))-1)+IF('Standard Profiles'!$G$22=$B$10,7,0)+IF('Standard Profiles'!$G$22=$B$17,14,0)+IF('Standard Profiles'!$G$22=$B$24,21,0),MOD($C4395,24)+1)/SUM(INDEX($D$3:$AA$30,INDEX(Jesper!$R$2:$R$366,ROW(INDEX(Jesper!AL$2:AL$366,ROUNDDOWN($C4395/24,0)+1,1))-1)+IF('Standard Profiles'!$G$22=$B$10,7,0)+IF('Standard Profiles'!$G$22=$B$17,14,0)+IF('Standard Profiles'!$G$22=$B$24,21,0),0)),0)</f>
        <v>0</v>
      </c>
      <c r="I4395">
        <f t="shared" si="496"/>
        <v>0.12414717864163637</v>
      </c>
      <c r="J4395">
        <f t="shared" si="497"/>
        <v>0.4138239288054546</v>
      </c>
      <c r="K4395">
        <f t="shared" si="498"/>
        <v>0.6207358932081819</v>
      </c>
      <c r="L4395">
        <f t="shared" si="499"/>
        <v>9.0252080135928612</v>
      </c>
      <c r="M4395">
        <f t="shared" si="500"/>
        <v>0</v>
      </c>
      <c r="N4395" s="46">
        <f t="shared" si="501"/>
        <v>45473.708333322757</v>
      </c>
    </row>
    <row r="4396" spans="2:14" x14ac:dyDescent="0.3">
      <c r="B4396">
        <f t="shared" si="495"/>
        <v>7</v>
      </c>
      <c r="C4396" s="16">
        <v>4362</v>
      </c>
      <c r="D4396" cm="1">
        <f t="array" ref="D4396">IFERROR(INDEX(Jesper!AH$2:AH$366,ROUNDDOWN($C4396/24,0)+1,1)*INDEX($D$3:$AA$30,INDEX(Jesper!$R$2:$R$366,ROW(INDEX(Jesper!AH$2:AH$366,ROUNDDOWN($C4396/24,0)+1,1))-1)+IF('Standard Profiles'!$G$18=$B$10,7,0)+IF('Standard Profiles'!$G$18=$B$17,14,0)+IF('Standard Profiles'!$G$18=$B$24,21,0),MOD($C4396,24)+1)/SUM(INDEX($D$3:$AA$30,INDEX(Jesper!$R$2:$R$366,ROW(INDEX(Jesper!AH$2:AH$366,ROUNDDOWN($C4396/24,0)+1,1))-1)+IF('Standard Profiles'!$G$18=$B$10,7,0)+IF('Standard Profiles'!$G$18=$B$17,14,0)+IF('Standard Profiles'!$G$18=$B$24,21,0),0)),0)</f>
        <v>8.2438037995392062</v>
      </c>
      <c r="E4396" cm="1">
        <f t="array" ref="E4396">IFERROR(INDEX(Jesper!AI$2:AI$366,ROUNDDOWN($C4396/24,0)+1,1)*INDEX($D$3:$AA$30,INDEX(Jesper!$R$2:$R$366,ROW(INDEX(Jesper!AI$2:AI$366,ROUNDDOWN($C4396/24,0)+1,1))-1)+IF('Standard Profiles'!$G$19=$B$10,7,0)+IF('Standard Profiles'!$G$19=$B$17,14,0)+IF('Standard Profiles'!$G$19=$B$24,21,0),MOD($C4396,24)+1)/SUM(INDEX($D$3:$AA$30,INDEX(Jesper!$R$2:$R$366,ROW(INDEX(Jesper!AI$2:AI$366,ROUNDDOWN($C4396/24,0)+1,1))-1)+IF('Standard Profiles'!$G$19=$B$10,7,0)+IF('Standard Profiles'!$G$19=$B$17,14,0)+IF('Standard Profiles'!$G$19=$B$24,21,0),0)),0)</f>
        <v>1.2900740861398976</v>
      </c>
      <c r="F4396" cm="1">
        <f t="array" ref="F4396">IFERROR(INDEX(Jesper!AJ$2:AJ$366,ROUNDDOWN($C4396/24,0)+1,1)*INDEX($D$3:$AA$30,INDEX(Jesper!$R$2:$R$366,ROW(INDEX(Jesper!AJ$2:AJ$366,ROUNDDOWN($C4396/24,0)+1,1))-1)+IF('Standard Profiles'!$G$20=$B$10,7,0)+IF('Standard Profiles'!$G$20=$B$17,14,0)+IF('Standard Profiles'!$G$20=$B$24,21,0),MOD($C4396,24)+1)/SUM(INDEX($D$3:$AA$30,INDEX(Jesper!$R$2:$R$366,ROW(INDEX(Jesper!AJ$2:AJ$366,ROUNDDOWN($C4396/24,0)+1,1))-1)+IF('Standard Profiles'!$G$20=$B$10,7,0)+IF('Standard Profiles'!$G$20=$B$17,14,0)+IF('Standard Profiles'!$G$20=$B$24,21,0),0)),0)</f>
        <v>0</v>
      </c>
      <c r="G4396" cm="1">
        <f t="array" ref="G4396">IFERROR(INDEX(Jesper!AK$2:AK$366,ROUNDDOWN($C4396/24,0)+1,1)*INDEX($D$3:$AA$30,INDEX(Jesper!$R$2:$R$366,ROW(INDEX(Jesper!AK$2:AK$366,ROUNDDOWN($C4396/24,0)+1,1))-1)+IF('Standard Profiles'!$G$21=$B$10,7,0)+IF('Standard Profiles'!$G$21=$B$17,14,0)+IF('Standard Profiles'!$G$21=$B$24,21,0),MOD($C4396,24)+1)/SUM(INDEX($D$3:$AA$30,INDEX(Jesper!$R$2:$R$366,ROW(INDEX(Jesper!AK$2:AK$366,ROUNDDOWN($C4396/24,0)+1,1))-1)+IF('Standard Profiles'!$G$21=$B$10,7,0)+IF('Standard Profiles'!$G$21=$B$17,14,0)+IF('Standard Profiles'!$G$21=$B$24,21,0),0)),0)</f>
        <v>0</v>
      </c>
      <c r="H4396" cm="1">
        <f t="array" ref="H4396">IFERROR(INDEX(Jesper!AL$2:AL$366,ROUNDDOWN($C4396/24,0)+1,1)*INDEX($D$3:$AA$30,INDEX(Jesper!$R$2:$R$366,ROW(INDEX(Jesper!AL$2:AL$366,ROUNDDOWN($C4396/24,0)+1,1))-1)+IF('Standard Profiles'!$G$22=$B$10,7,0)+IF('Standard Profiles'!$G$22=$B$17,14,0)+IF('Standard Profiles'!$G$22=$B$24,21,0),MOD($C4396,24)+1)/SUM(INDEX($D$3:$AA$30,INDEX(Jesper!$R$2:$R$366,ROW(INDEX(Jesper!AL$2:AL$366,ROUNDDOWN($C4396/24,0)+1,1))-1)+IF('Standard Profiles'!$G$22=$B$10,7,0)+IF('Standard Profiles'!$G$22=$B$17,14,0)+IF('Standard Profiles'!$G$22=$B$24,21,0),0)),0)</f>
        <v>0</v>
      </c>
      <c r="I4396">
        <f t="shared" si="496"/>
        <v>0.11622289064323404</v>
      </c>
      <c r="J4396">
        <f t="shared" si="497"/>
        <v>0.38740963547744689</v>
      </c>
      <c r="K4396">
        <f t="shared" si="498"/>
        <v>0.58111445321617028</v>
      </c>
      <c r="L4396">
        <f t="shared" si="499"/>
        <v>8.4491309063422531</v>
      </c>
      <c r="M4396">
        <f t="shared" si="500"/>
        <v>0</v>
      </c>
      <c r="N4396" s="46">
        <f t="shared" si="501"/>
        <v>45473.749999989421</v>
      </c>
    </row>
    <row r="4397" spans="2:14" x14ac:dyDescent="0.3">
      <c r="B4397">
        <f t="shared" si="495"/>
        <v>7</v>
      </c>
      <c r="C4397" s="16">
        <v>4363</v>
      </c>
      <c r="D4397" cm="1">
        <f t="array" ref="D4397">IFERROR(INDEX(Jesper!AH$2:AH$366,ROUNDDOWN($C4397/24,0)+1,1)*INDEX($D$3:$AA$30,INDEX(Jesper!$R$2:$R$366,ROW(INDEX(Jesper!AH$2:AH$366,ROUNDDOWN($C4397/24,0)+1,1))-1)+IF('Standard Profiles'!$G$18=$B$10,7,0)+IF('Standard Profiles'!$G$18=$B$17,14,0)+IF('Standard Profiles'!$G$18=$B$24,21,0),MOD($C4397,24)+1)/SUM(INDEX($D$3:$AA$30,INDEX(Jesper!$R$2:$R$366,ROW(INDEX(Jesper!AH$2:AH$366,ROUNDDOWN($C4397/24,0)+1,1))-1)+IF('Standard Profiles'!$G$18=$B$10,7,0)+IF('Standard Profiles'!$G$18=$B$17,14,0)+IF('Standard Profiles'!$G$18=$B$24,21,0),0)),0)</f>
        <v>6.932289558703423</v>
      </c>
      <c r="E4397" cm="1">
        <f t="array" ref="E4397">IFERROR(INDEX(Jesper!AI$2:AI$366,ROUNDDOWN($C4397/24,0)+1,1)*INDEX($D$3:$AA$30,INDEX(Jesper!$R$2:$R$366,ROW(INDEX(Jesper!AI$2:AI$366,ROUNDDOWN($C4397/24,0)+1,1))-1)+IF('Standard Profiles'!$G$19=$B$10,7,0)+IF('Standard Profiles'!$G$19=$B$17,14,0)+IF('Standard Profiles'!$G$19=$B$24,21,0),MOD($C4397,24)+1)/SUM(INDEX($D$3:$AA$30,INDEX(Jesper!$R$2:$R$366,ROW(INDEX(Jesper!AI$2:AI$366,ROUNDDOWN($C4397/24,0)+1,1))-1)+IF('Standard Profiles'!$G$19=$B$10,7,0)+IF('Standard Profiles'!$G$19=$B$17,14,0)+IF('Standard Profiles'!$G$19=$B$24,21,0),0)),0)</f>
        <v>1.0848350269812777</v>
      </c>
      <c r="F4397" cm="1">
        <f t="array" ref="F4397">IFERROR(INDEX(Jesper!AJ$2:AJ$366,ROUNDDOWN($C4397/24,0)+1,1)*INDEX($D$3:$AA$30,INDEX(Jesper!$R$2:$R$366,ROW(INDEX(Jesper!AJ$2:AJ$366,ROUNDDOWN($C4397/24,0)+1,1))-1)+IF('Standard Profiles'!$G$20=$B$10,7,0)+IF('Standard Profiles'!$G$20=$B$17,14,0)+IF('Standard Profiles'!$G$20=$B$24,21,0),MOD($C4397,24)+1)/SUM(INDEX($D$3:$AA$30,INDEX(Jesper!$R$2:$R$366,ROW(INDEX(Jesper!AJ$2:AJ$366,ROUNDDOWN($C4397/24,0)+1,1))-1)+IF('Standard Profiles'!$G$20=$B$10,7,0)+IF('Standard Profiles'!$G$20=$B$17,14,0)+IF('Standard Profiles'!$G$20=$B$24,21,0),0)),0)</f>
        <v>0</v>
      </c>
      <c r="G4397" cm="1">
        <f t="array" ref="G4397">IFERROR(INDEX(Jesper!AK$2:AK$366,ROUNDDOWN($C4397/24,0)+1,1)*INDEX($D$3:$AA$30,INDEX(Jesper!$R$2:$R$366,ROW(INDEX(Jesper!AK$2:AK$366,ROUNDDOWN($C4397/24,0)+1,1))-1)+IF('Standard Profiles'!$G$21=$B$10,7,0)+IF('Standard Profiles'!$G$21=$B$17,14,0)+IF('Standard Profiles'!$G$21=$B$24,21,0),MOD($C4397,24)+1)/SUM(INDEX($D$3:$AA$30,INDEX(Jesper!$R$2:$R$366,ROW(INDEX(Jesper!AK$2:AK$366,ROUNDDOWN($C4397/24,0)+1,1))-1)+IF('Standard Profiles'!$G$21=$B$10,7,0)+IF('Standard Profiles'!$G$21=$B$17,14,0)+IF('Standard Profiles'!$G$21=$B$24,21,0),0)),0)</f>
        <v>0</v>
      </c>
      <c r="H4397" cm="1">
        <f t="array" ref="H4397">IFERROR(INDEX(Jesper!AL$2:AL$366,ROUNDDOWN($C4397/24,0)+1,1)*INDEX($D$3:$AA$30,INDEX(Jesper!$R$2:$R$366,ROW(INDEX(Jesper!AL$2:AL$366,ROUNDDOWN($C4397/24,0)+1,1))-1)+IF('Standard Profiles'!$G$22=$B$10,7,0)+IF('Standard Profiles'!$G$22=$B$17,14,0)+IF('Standard Profiles'!$G$22=$B$24,21,0),MOD($C4397,24)+1)/SUM(INDEX($D$3:$AA$30,INDEX(Jesper!$R$2:$R$366,ROW(INDEX(Jesper!AL$2:AL$366,ROUNDDOWN($C4397/24,0)+1,1))-1)+IF('Standard Profiles'!$G$22=$B$10,7,0)+IF('Standard Profiles'!$G$22=$B$17,14,0)+IF('Standard Profiles'!$G$22=$B$24,21,0),0)),0)</f>
        <v>0</v>
      </c>
      <c r="I4397">
        <f t="shared" si="496"/>
        <v>9.7732885313628642E-2</v>
      </c>
      <c r="J4397">
        <f t="shared" si="497"/>
        <v>0.32577628437876216</v>
      </c>
      <c r="K4397">
        <f t="shared" si="498"/>
        <v>0.4886644265681433</v>
      </c>
      <c r="L4397">
        <f t="shared" si="499"/>
        <v>7.1049509894241663</v>
      </c>
      <c r="M4397">
        <f t="shared" si="500"/>
        <v>0</v>
      </c>
      <c r="N4397" s="46">
        <f t="shared" si="501"/>
        <v>45473.791666656085</v>
      </c>
    </row>
    <row r="4398" spans="2:14" x14ac:dyDescent="0.3">
      <c r="B4398">
        <f t="shared" si="495"/>
        <v>7</v>
      </c>
      <c r="C4398" s="16">
        <v>4364</v>
      </c>
      <c r="D4398" cm="1">
        <f t="array" ref="D4398">IFERROR(INDEX(Jesper!AH$2:AH$366,ROUNDDOWN($C4398/24,0)+1,1)*INDEX($D$3:$AA$30,INDEX(Jesper!$R$2:$R$366,ROW(INDEX(Jesper!AH$2:AH$366,ROUNDDOWN($C4398/24,0)+1,1))-1)+IF('Standard Profiles'!$G$18=$B$10,7,0)+IF('Standard Profiles'!$G$18=$B$17,14,0)+IF('Standard Profiles'!$G$18=$B$24,21,0),MOD($C4398,24)+1)/SUM(INDEX($D$3:$AA$30,INDEX(Jesper!$R$2:$R$366,ROW(INDEX(Jesper!AH$2:AH$366,ROUNDDOWN($C4398/24,0)+1,1))-1)+IF('Standard Profiles'!$G$18=$B$10,7,0)+IF('Standard Profiles'!$G$18=$B$17,14,0)+IF('Standard Profiles'!$G$18=$B$24,21,0),0)),0)</f>
        <v>5.8081344951298943</v>
      </c>
      <c r="E4398" cm="1">
        <f t="array" ref="E4398">IFERROR(INDEX(Jesper!AI$2:AI$366,ROUNDDOWN($C4398/24,0)+1,1)*INDEX($D$3:$AA$30,INDEX(Jesper!$R$2:$R$366,ROW(INDEX(Jesper!AI$2:AI$366,ROUNDDOWN($C4398/24,0)+1,1))-1)+IF('Standard Profiles'!$G$19=$B$10,7,0)+IF('Standard Profiles'!$G$19=$B$17,14,0)+IF('Standard Profiles'!$G$19=$B$24,21,0),MOD($C4398,24)+1)/SUM(INDEX($D$3:$AA$30,INDEX(Jesper!$R$2:$R$366,ROW(INDEX(Jesper!AI$2:AI$366,ROUNDDOWN($C4398/24,0)+1,1))-1)+IF('Standard Profiles'!$G$19=$B$10,7,0)+IF('Standard Profiles'!$G$19=$B$17,14,0)+IF('Standard Profiles'!$G$19=$B$24,21,0),0)),0)</f>
        <v>0.90891583341674609</v>
      </c>
      <c r="F4398" cm="1">
        <f t="array" ref="F4398">IFERROR(INDEX(Jesper!AJ$2:AJ$366,ROUNDDOWN($C4398/24,0)+1,1)*INDEX($D$3:$AA$30,INDEX(Jesper!$R$2:$R$366,ROW(INDEX(Jesper!AJ$2:AJ$366,ROUNDDOWN($C4398/24,0)+1,1))-1)+IF('Standard Profiles'!$G$20=$B$10,7,0)+IF('Standard Profiles'!$G$20=$B$17,14,0)+IF('Standard Profiles'!$G$20=$B$24,21,0),MOD($C4398,24)+1)/SUM(INDEX($D$3:$AA$30,INDEX(Jesper!$R$2:$R$366,ROW(INDEX(Jesper!AJ$2:AJ$366,ROUNDDOWN($C4398/24,0)+1,1))-1)+IF('Standard Profiles'!$G$20=$B$10,7,0)+IF('Standard Profiles'!$G$20=$B$17,14,0)+IF('Standard Profiles'!$G$20=$B$24,21,0),0)),0)</f>
        <v>0</v>
      </c>
      <c r="G4398" cm="1">
        <f t="array" ref="G4398">IFERROR(INDEX(Jesper!AK$2:AK$366,ROUNDDOWN($C4398/24,0)+1,1)*INDEX($D$3:$AA$30,INDEX(Jesper!$R$2:$R$366,ROW(INDEX(Jesper!AK$2:AK$366,ROUNDDOWN($C4398/24,0)+1,1))-1)+IF('Standard Profiles'!$G$21=$B$10,7,0)+IF('Standard Profiles'!$G$21=$B$17,14,0)+IF('Standard Profiles'!$G$21=$B$24,21,0),MOD($C4398,24)+1)/SUM(INDEX($D$3:$AA$30,INDEX(Jesper!$R$2:$R$366,ROW(INDEX(Jesper!AK$2:AK$366,ROUNDDOWN($C4398/24,0)+1,1))-1)+IF('Standard Profiles'!$G$21=$B$10,7,0)+IF('Standard Profiles'!$G$21=$B$17,14,0)+IF('Standard Profiles'!$G$21=$B$24,21,0),0)),0)</f>
        <v>0</v>
      </c>
      <c r="H4398" cm="1">
        <f t="array" ref="H4398">IFERROR(INDEX(Jesper!AL$2:AL$366,ROUNDDOWN($C4398/24,0)+1,1)*INDEX($D$3:$AA$30,INDEX(Jesper!$R$2:$R$366,ROW(INDEX(Jesper!AL$2:AL$366,ROUNDDOWN($C4398/24,0)+1,1))-1)+IF('Standard Profiles'!$G$22=$B$10,7,0)+IF('Standard Profiles'!$G$22=$B$17,14,0)+IF('Standard Profiles'!$G$22=$B$24,21,0),MOD($C4398,24)+1)/SUM(INDEX($D$3:$AA$30,INDEX(Jesper!$R$2:$R$366,ROW(INDEX(Jesper!AL$2:AL$366,ROUNDDOWN($C4398/24,0)+1,1))-1)+IF('Standard Profiles'!$G$22=$B$10,7,0)+IF('Standard Profiles'!$G$22=$B$17,14,0)+IF('Standard Profiles'!$G$22=$B$24,21,0),0)),0)</f>
        <v>0</v>
      </c>
      <c r="I4398">
        <f t="shared" si="496"/>
        <v>8.1884309316824E-2</v>
      </c>
      <c r="J4398">
        <f t="shared" si="497"/>
        <v>0.27294769772274668</v>
      </c>
      <c r="K4398">
        <f t="shared" si="498"/>
        <v>0.40942154658412</v>
      </c>
      <c r="L4398">
        <f t="shared" si="499"/>
        <v>5.95279677492295</v>
      </c>
      <c r="M4398">
        <f t="shared" si="500"/>
        <v>0</v>
      </c>
      <c r="N4398" s="46">
        <f t="shared" si="501"/>
        <v>45473.833333322749</v>
      </c>
    </row>
    <row r="4399" spans="2:14" x14ac:dyDescent="0.3">
      <c r="B4399">
        <f t="shared" si="495"/>
        <v>7</v>
      </c>
      <c r="C4399" s="16">
        <v>4365</v>
      </c>
      <c r="D4399" cm="1">
        <f t="array" ref="D4399">IFERROR(INDEX(Jesper!AH$2:AH$366,ROUNDDOWN($C4399/24,0)+1,1)*INDEX($D$3:$AA$30,INDEX(Jesper!$R$2:$R$366,ROW(INDEX(Jesper!AH$2:AH$366,ROUNDDOWN($C4399/24,0)+1,1))-1)+IF('Standard Profiles'!$G$18=$B$10,7,0)+IF('Standard Profiles'!$G$18=$B$17,14,0)+IF('Standard Profiles'!$G$18=$B$24,21,0),MOD($C4399,24)+1)/SUM(INDEX($D$3:$AA$30,INDEX(Jesper!$R$2:$R$366,ROW(INDEX(Jesper!AH$2:AH$366,ROUNDDOWN($C4399/24,0)+1,1))-1)+IF('Standard Profiles'!$G$18=$B$10,7,0)+IF('Standard Profiles'!$G$18=$B$17,14,0)+IF('Standard Profiles'!$G$18=$B$24,21,0),0)),0)</f>
        <v>5.0586977860808764</v>
      </c>
      <c r="E4399" cm="1">
        <f t="array" ref="E4399">IFERROR(INDEX(Jesper!AI$2:AI$366,ROUNDDOWN($C4399/24,0)+1,1)*INDEX($D$3:$AA$30,INDEX(Jesper!$R$2:$R$366,ROW(INDEX(Jesper!AI$2:AI$366,ROUNDDOWN($C4399/24,0)+1,1))-1)+IF('Standard Profiles'!$G$19=$B$10,7,0)+IF('Standard Profiles'!$G$19=$B$17,14,0)+IF('Standard Profiles'!$G$19=$B$24,21,0),MOD($C4399,24)+1)/SUM(INDEX($D$3:$AA$30,INDEX(Jesper!$R$2:$R$366,ROW(INDEX(Jesper!AI$2:AI$366,ROUNDDOWN($C4399/24,0)+1,1))-1)+IF('Standard Profiles'!$G$19=$B$10,7,0)+IF('Standard Profiles'!$G$19=$B$17,14,0)+IF('Standard Profiles'!$G$19=$B$24,21,0),0)),0)</f>
        <v>0.79163637104039175</v>
      </c>
      <c r="F4399" cm="1">
        <f t="array" ref="F4399">IFERROR(INDEX(Jesper!AJ$2:AJ$366,ROUNDDOWN($C4399/24,0)+1,1)*INDEX($D$3:$AA$30,INDEX(Jesper!$R$2:$R$366,ROW(INDEX(Jesper!AJ$2:AJ$366,ROUNDDOWN($C4399/24,0)+1,1))-1)+IF('Standard Profiles'!$G$20=$B$10,7,0)+IF('Standard Profiles'!$G$20=$B$17,14,0)+IF('Standard Profiles'!$G$20=$B$24,21,0),MOD($C4399,24)+1)/SUM(INDEX($D$3:$AA$30,INDEX(Jesper!$R$2:$R$366,ROW(INDEX(Jesper!AJ$2:AJ$366,ROUNDDOWN($C4399/24,0)+1,1))-1)+IF('Standard Profiles'!$G$20=$B$10,7,0)+IF('Standard Profiles'!$G$20=$B$17,14,0)+IF('Standard Profiles'!$G$20=$B$24,21,0),0)),0)</f>
        <v>0</v>
      </c>
      <c r="G4399" cm="1">
        <f t="array" ref="G4399">IFERROR(INDEX(Jesper!AK$2:AK$366,ROUNDDOWN($C4399/24,0)+1,1)*INDEX($D$3:$AA$30,INDEX(Jesper!$R$2:$R$366,ROW(INDEX(Jesper!AK$2:AK$366,ROUNDDOWN($C4399/24,0)+1,1))-1)+IF('Standard Profiles'!$G$21=$B$10,7,0)+IF('Standard Profiles'!$G$21=$B$17,14,0)+IF('Standard Profiles'!$G$21=$B$24,21,0),MOD($C4399,24)+1)/SUM(INDEX($D$3:$AA$30,INDEX(Jesper!$R$2:$R$366,ROW(INDEX(Jesper!AK$2:AK$366,ROUNDDOWN($C4399/24,0)+1,1))-1)+IF('Standard Profiles'!$G$21=$B$10,7,0)+IF('Standard Profiles'!$G$21=$B$17,14,0)+IF('Standard Profiles'!$G$21=$B$24,21,0),0)),0)</f>
        <v>0</v>
      </c>
      <c r="H4399" cm="1">
        <f t="array" ref="H4399">IFERROR(INDEX(Jesper!AL$2:AL$366,ROUNDDOWN($C4399/24,0)+1,1)*INDEX($D$3:$AA$30,INDEX(Jesper!$R$2:$R$366,ROW(INDEX(Jesper!AL$2:AL$366,ROUNDDOWN($C4399/24,0)+1,1))-1)+IF('Standard Profiles'!$G$22=$B$10,7,0)+IF('Standard Profiles'!$G$22=$B$17,14,0)+IF('Standard Profiles'!$G$22=$B$24,21,0),MOD($C4399,24)+1)/SUM(INDEX($D$3:$AA$30,INDEX(Jesper!$R$2:$R$366,ROW(INDEX(Jesper!AL$2:AL$366,ROUNDDOWN($C4399/24,0)+1,1))-1)+IF('Standard Profiles'!$G$22=$B$10,7,0)+IF('Standard Profiles'!$G$22=$B$17,14,0)+IF('Standard Profiles'!$G$22=$B$24,21,0),0)),0)</f>
        <v>0</v>
      </c>
      <c r="I4399">
        <f t="shared" si="496"/>
        <v>7.1318591985620891E-2</v>
      </c>
      <c r="J4399">
        <f t="shared" si="497"/>
        <v>0.23772863995206969</v>
      </c>
      <c r="K4399">
        <f t="shared" si="498"/>
        <v>0.35659295992810452</v>
      </c>
      <c r="L4399">
        <f t="shared" si="499"/>
        <v>5.1846939652554731</v>
      </c>
      <c r="M4399">
        <f t="shared" si="500"/>
        <v>0</v>
      </c>
      <c r="N4399" s="46">
        <f t="shared" si="501"/>
        <v>45473.874999989413</v>
      </c>
    </row>
    <row r="4400" spans="2:14" x14ac:dyDescent="0.3">
      <c r="B4400">
        <f t="shared" si="495"/>
        <v>7</v>
      </c>
      <c r="C4400" s="16">
        <v>4366</v>
      </c>
      <c r="D4400" cm="1">
        <f t="array" ref="D4400">IFERROR(INDEX(Jesper!AH$2:AH$366,ROUNDDOWN($C4400/24,0)+1,1)*INDEX($D$3:$AA$30,INDEX(Jesper!$R$2:$R$366,ROW(INDEX(Jesper!AH$2:AH$366,ROUNDDOWN($C4400/24,0)+1,1))-1)+IF('Standard Profiles'!$G$18=$B$10,7,0)+IF('Standard Profiles'!$G$18=$B$17,14,0)+IF('Standard Profiles'!$G$18=$B$24,21,0),MOD($C4400,24)+1)/SUM(INDEX($D$3:$AA$30,INDEX(Jesper!$R$2:$R$366,ROW(INDEX(Jesper!AH$2:AH$366,ROUNDDOWN($C4400/24,0)+1,1))-1)+IF('Standard Profiles'!$G$18=$B$10,7,0)+IF('Standard Profiles'!$G$18=$B$17,14,0)+IF('Standard Profiles'!$G$18=$B$24,21,0),0)),0)</f>
        <v>5.0586977860808764</v>
      </c>
      <c r="E4400" cm="1">
        <f t="array" ref="E4400">IFERROR(INDEX(Jesper!AI$2:AI$366,ROUNDDOWN($C4400/24,0)+1,1)*INDEX($D$3:$AA$30,INDEX(Jesper!$R$2:$R$366,ROW(INDEX(Jesper!AI$2:AI$366,ROUNDDOWN($C4400/24,0)+1,1))-1)+IF('Standard Profiles'!$G$19=$B$10,7,0)+IF('Standard Profiles'!$G$19=$B$17,14,0)+IF('Standard Profiles'!$G$19=$B$24,21,0),MOD($C4400,24)+1)/SUM(INDEX($D$3:$AA$30,INDEX(Jesper!$R$2:$R$366,ROW(INDEX(Jesper!AI$2:AI$366,ROUNDDOWN($C4400/24,0)+1,1))-1)+IF('Standard Profiles'!$G$19=$B$10,7,0)+IF('Standard Profiles'!$G$19=$B$17,14,0)+IF('Standard Profiles'!$G$19=$B$24,21,0),0)),0)</f>
        <v>0.79163637104039175</v>
      </c>
      <c r="F4400" cm="1">
        <f t="array" ref="F4400">IFERROR(INDEX(Jesper!AJ$2:AJ$366,ROUNDDOWN($C4400/24,0)+1,1)*INDEX($D$3:$AA$30,INDEX(Jesper!$R$2:$R$366,ROW(INDEX(Jesper!AJ$2:AJ$366,ROUNDDOWN($C4400/24,0)+1,1))-1)+IF('Standard Profiles'!$G$20=$B$10,7,0)+IF('Standard Profiles'!$G$20=$B$17,14,0)+IF('Standard Profiles'!$G$20=$B$24,21,0),MOD($C4400,24)+1)/SUM(INDEX($D$3:$AA$30,INDEX(Jesper!$R$2:$R$366,ROW(INDEX(Jesper!AJ$2:AJ$366,ROUNDDOWN($C4400/24,0)+1,1))-1)+IF('Standard Profiles'!$G$20=$B$10,7,0)+IF('Standard Profiles'!$G$20=$B$17,14,0)+IF('Standard Profiles'!$G$20=$B$24,21,0),0)),0)</f>
        <v>0</v>
      </c>
      <c r="G4400" cm="1">
        <f t="array" ref="G4400">IFERROR(INDEX(Jesper!AK$2:AK$366,ROUNDDOWN($C4400/24,0)+1,1)*INDEX($D$3:$AA$30,INDEX(Jesper!$R$2:$R$366,ROW(INDEX(Jesper!AK$2:AK$366,ROUNDDOWN($C4400/24,0)+1,1))-1)+IF('Standard Profiles'!$G$21=$B$10,7,0)+IF('Standard Profiles'!$G$21=$B$17,14,0)+IF('Standard Profiles'!$G$21=$B$24,21,0),MOD($C4400,24)+1)/SUM(INDEX($D$3:$AA$30,INDEX(Jesper!$R$2:$R$366,ROW(INDEX(Jesper!AK$2:AK$366,ROUNDDOWN($C4400/24,0)+1,1))-1)+IF('Standard Profiles'!$G$21=$B$10,7,0)+IF('Standard Profiles'!$G$21=$B$17,14,0)+IF('Standard Profiles'!$G$21=$B$24,21,0),0)),0)</f>
        <v>0</v>
      </c>
      <c r="H4400" cm="1">
        <f t="array" ref="H4400">IFERROR(INDEX(Jesper!AL$2:AL$366,ROUNDDOWN($C4400/24,0)+1,1)*INDEX($D$3:$AA$30,INDEX(Jesper!$R$2:$R$366,ROW(INDEX(Jesper!AL$2:AL$366,ROUNDDOWN($C4400/24,0)+1,1))-1)+IF('Standard Profiles'!$G$22=$B$10,7,0)+IF('Standard Profiles'!$G$22=$B$17,14,0)+IF('Standard Profiles'!$G$22=$B$24,21,0),MOD($C4400,24)+1)/SUM(INDEX($D$3:$AA$30,INDEX(Jesper!$R$2:$R$366,ROW(INDEX(Jesper!AL$2:AL$366,ROUNDDOWN($C4400/24,0)+1,1))-1)+IF('Standard Profiles'!$G$22=$B$10,7,0)+IF('Standard Profiles'!$G$22=$B$17,14,0)+IF('Standard Profiles'!$G$22=$B$24,21,0),0)),0)</f>
        <v>0</v>
      </c>
      <c r="I4400">
        <f t="shared" si="496"/>
        <v>7.1318591985620891E-2</v>
      </c>
      <c r="J4400">
        <f t="shared" si="497"/>
        <v>0.23772863995206969</v>
      </c>
      <c r="K4400">
        <f t="shared" si="498"/>
        <v>0.35659295992810452</v>
      </c>
      <c r="L4400">
        <f t="shared" si="499"/>
        <v>5.1846939652554731</v>
      </c>
      <c r="M4400">
        <f t="shared" si="500"/>
        <v>0</v>
      </c>
      <c r="N4400" s="46">
        <f t="shared" si="501"/>
        <v>45473.916666656078</v>
      </c>
    </row>
    <row r="4401" spans="2:14" x14ac:dyDescent="0.3">
      <c r="B4401">
        <f t="shared" si="495"/>
        <v>7</v>
      </c>
      <c r="C4401" s="16">
        <v>4367</v>
      </c>
      <c r="D4401" cm="1">
        <f t="array" ref="D4401">IFERROR(INDEX(Jesper!AH$2:AH$366,ROUNDDOWN($C4401/24,0)+1,1)*INDEX($D$3:$AA$30,INDEX(Jesper!$R$2:$R$366,ROW(INDEX(Jesper!AH$2:AH$366,ROUNDDOWN($C4401/24,0)+1,1))-1)+IF('Standard Profiles'!$G$18=$B$10,7,0)+IF('Standard Profiles'!$G$18=$B$17,14,0)+IF('Standard Profiles'!$G$18=$B$24,21,0),MOD($C4401,24)+1)/SUM(INDEX($D$3:$AA$30,INDEX(Jesper!$R$2:$R$366,ROW(INDEX(Jesper!AH$2:AH$366,ROUNDDOWN($C4401/24,0)+1,1))-1)+IF('Standard Profiles'!$G$18=$B$10,7,0)+IF('Standard Profiles'!$G$18=$B$17,14,0)+IF('Standard Profiles'!$G$18=$B$24,21,0),0)),0)</f>
        <v>5.0586977860808764</v>
      </c>
      <c r="E4401" cm="1">
        <f t="array" ref="E4401">IFERROR(INDEX(Jesper!AI$2:AI$366,ROUNDDOWN($C4401/24,0)+1,1)*INDEX($D$3:$AA$30,INDEX(Jesper!$R$2:$R$366,ROW(INDEX(Jesper!AI$2:AI$366,ROUNDDOWN($C4401/24,0)+1,1))-1)+IF('Standard Profiles'!$G$19=$B$10,7,0)+IF('Standard Profiles'!$G$19=$B$17,14,0)+IF('Standard Profiles'!$G$19=$B$24,21,0),MOD($C4401,24)+1)/SUM(INDEX($D$3:$AA$30,INDEX(Jesper!$R$2:$R$366,ROW(INDEX(Jesper!AI$2:AI$366,ROUNDDOWN($C4401/24,0)+1,1))-1)+IF('Standard Profiles'!$G$19=$B$10,7,0)+IF('Standard Profiles'!$G$19=$B$17,14,0)+IF('Standard Profiles'!$G$19=$B$24,21,0),0)),0)</f>
        <v>0.79163637104039175</v>
      </c>
      <c r="F4401" cm="1">
        <f t="array" ref="F4401">IFERROR(INDEX(Jesper!AJ$2:AJ$366,ROUNDDOWN($C4401/24,0)+1,1)*INDEX($D$3:$AA$30,INDEX(Jesper!$R$2:$R$366,ROW(INDEX(Jesper!AJ$2:AJ$366,ROUNDDOWN($C4401/24,0)+1,1))-1)+IF('Standard Profiles'!$G$20=$B$10,7,0)+IF('Standard Profiles'!$G$20=$B$17,14,0)+IF('Standard Profiles'!$G$20=$B$24,21,0),MOD($C4401,24)+1)/SUM(INDEX($D$3:$AA$30,INDEX(Jesper!$R$2:$R$366,ROW(INDEX(Jesper!AJ$2:AJ$366,ROUNDDOWN($C4401/24,0)+1,1))-1)+IF('Standard Profiles'!$G$20=$B$10,7,0)+IF('Standard Profiles'!$G$20=$B$17,14,0)+IF('Standard Profiles'!$G$20=$B$24,21,0),0)),0)</f>
        <v>0</v>
      </c>
      <c r="G4401" cm="1">
        <f t="array" ref="G4401">IFERROR(INDEX(Jesper!AK$2:AK$366,ROUNDDOWN($C4401/24,0)+1,1)*INDEX($D$3:$AA$30,INDEX(Jesper!$R$2:$R$366,ROW(INDEX(Jesper!AK$2:AK$366,ROUNDDOWN($C4401/24,0)+1,1))-1)+IF('Standard Profiles'!$G$21=$B$10,7,0)+IF('Standard Profiles'!$G$21=$B$17,14,0)+IF('Standard Profiles'!$G$21=$B$24,21,0),MOD($C4401,24)+1)/SUM(INDEX($D$3:$AA$30,INDEX(Jesper!$R$2:$R$366,ROW(INDEX(Jesper!AK$2:AK$366,ROUNDDOWN($C4401/24,0)+1,1))-1)+IF('Standard Profiles'!$G$21=$B$10,7,0)+IF('Standard Profiles'!$G$21=$B$17,14,0)+IF('Standard Profiles'!$G$21=$B$24,21,0),0)),0)</f>
        <v>0</v>
      </c>
      <c r="H4401" cm="1">
        <f t="array" ref="H4401">IFERROR(INDEX(Jesper!AL$2:AL$366,ROUNDDOWN($C4401/24,0)+1,1)*INDEX($D$3:$AA$30,INDEX(Jesper!$R$2:$R$366,ROW(INDEX(Jesper!AL$2:AL$366,ROUNDDOWN($C4401/24,0)+1,1))-1)+IF('Standard Profiles'!$G$22=$B$10,7,0)+IF('Standard Profiles'!$G$22=$B$17,14,0)+IF('Standard Profiles'!$G$22=$B$24,21,0),MOD($C4401,24)+1)/SUM(INDEX($D$3:$AA$30,INDEX(Jesper!$R$2:$R$366,ROW(INDEX(Jesper!AL$2:AL$366,ROUNDDOWN($C4401/24,0)+1,1))-1)+IF('Standard Profiles'!$G$22=$B$10,7,0)+IF('Standard Profiles'!$G$22=$B$17,14,0)+IF('Standard Profiles'!$G$22=$B$24,21,0),0)),0)</f>
        <v>0</v>
      </c>
      <c r="I4401">
        <f t="shared" si="496"/>
        <v>7.1318591985620891E-2</v>
      </c>
      <c r="J4401">
        <f t="shared" si="497"/>
        <v>0.23772863995206969</v>
      </c>
      <c r="K4401">
        <f t="shared" si="498"/>
        <v>0.35659295992810452</v>
      </c>
      <c r="L4401">
        <f t="shared" si="499"/>
        <v>5.1846939652554731</v>
      </c>
      <c r="M4401">
        <f t="shared" si="500"/>
        <v>0</v>
      </c>
      <c r="N4401" s="46">
        <f t="shared" si="501"/>
        <v>45473.958333322742</v>
      </c>
    </row>
    <row r="4402" spans="2:14" x14ac:dyDescent="0.3">
      <c r="B4402">
        <f t="shared" si="495"/>
        <v>1</v>
      </c>
      <c r="C4402" s="16">
        <v>4368</v>
      </c>
      <c r="D4402" cm="1">
        <f t="array" ref="D4402">IFERROR(INDEX(Jesper!AH$2:AH$366,ROUNDDOWN($C4402/24,0)+1,1)*INDEX($D$3:$AA$30,INDEX(Jesper!$R$2:$R$366,ROW(INDEX(Jesper!AH$2:AH$366,ROUNDDOWN($C4402/24,0)+1,1))-1)+IF('Standard Profiles'!$G$18=$B$10,7,0)+IF('Standard Profiles'!$G$18=$B$17,14,0)+IF('Standard Profiles'!$G$18=$B$24,21,0),MOD($C4402,24)+1)/SUM(INDEX($D$3:$AA$30,INDEX(Jesper!$R$2:$R$366,ROW(INDEX(Jesper!AH$2:AH$366,ROUNDDOWN($C4402/24,0)+1,1))-1)+IF('Standard Profiles'!$G$18=$B$10,7,0)+IF('Standard Profiles'!$G$18=$B$17,14,0)+IF('Standard Profiles'!$G$18=$B$24,21,0),0)),0)</f>
        <v>2.321722917965527</v>
      </c>
      <c r="E4402" cm="1">
        <f t="array" ref="E4402">IFERROR(INDEX(Jesper!AI$2:AI$366,ROUNDDOWN($C4402/24,0)+1,1)*INDEX($D$3:$AA$30,INDEX(Jesper!$R$2:$R$366,ROW(INDEX(Jesper!AI$2:AI$366,ROUNDDOWN($C4402/24,0)+1,1))-1)+IF('Standard Profiles'!$G$19=$B$10,7,0)+IF('Standard Profiles'!$G$19=$B$17,14,0)+IF('Standard Profiles'!$G$19=$B$24,21,0),MOD($C4402,24)+1)/SUM(INDEX($D$3:$AA$30,INDEX(Jesper!$R$2:$R$366,ROW(INDEX(Jesper!AI$2:AI$366,ROUNDDOWN($C4402/24,0)+1,1))-1)+IF('Standard Profiles'!$G$19=$B$10,7,0)+IF('Standard Profiles'!$G$19=$B$17,14,0)+IF('Standard Profiles'!$G$19=$B$24,21,0),0)),0)</f>
        <v>0</v>
      </c>
      <c r="F4402" cm="1">
        <f t="array" ref="F4402">IFERROR(INDEX(Jesper!AJ$2:AJ$366,ROUNDDOWN($C4402/24,0)+1,1)*INDEX($D$3:$AA$30,INDEX(Jesper!$R$2:$R$366,ROW(INDEX(Jesper!AJ$2:AJ$366,ROUNDDOWN($C4402/24,0)+1,1))-1)+IF('Standard Profiles'!$G$20=$B$10,7,0)+IF('Standard Profiles'!$G$20=$B$17,14,0)+IF('Standard Profiles'!$G$20=$B$24,21,0),MOD($C4402,24)+1)/SUM(INDEX($D$3:$AA$30,INDEX(Jesper!$R$2:$R$366,ROW(INDEX(Jesper!AJ$2:AJ$366,ROUNDDOWN($C4402/24,0)+1,1))-1)+IF('Standard Profiles'!$G$20=$B$10,7,0)+IF('Standard Profiles'!$G$20=$B$17,14,0)+IF('Standard Profiles'!$G$20=$B$24,21,0),0)),0)</f>
        <v>0</v>
      </c>
      <c r="G4402" cm="1">
        <f t="array" ref="G4402">IFERROR(INDEX(Jesper!AK$2:AK$366,ROUNDDOWN($C4402/24,0)+1,1)*INDEX($D$3:$AA$30,INDEX(Jesper!$R$2:$R$366,ROW(INDEX(Jesper!AK$2:AK$366,ROUNDDOWN($C4402/24,0)+1,1))-1)+IF('Standard Profiles'!$G$21=$B$10,7,0)+IF('Standard Profiles'!$G$21=$B$17,14,0)+IF('Standard Profiles'!$G$21=$B$24,21,0),MOD($C4402,24)+1)/SUM(INDEX($D$3:$AA$30,INDEX(Jesper!$R$2:$R$366,ROW(INDEX(Jesper!AK$2:AK$366,ROUNDDOWN($C4402/24,0)+1,1))-1)+IF('Standard Profiles'!$G$21=$B$10,7,0)+IF('Standard Profiles'!$G$21=$B$17,14,0)+IF('Standard Profiles'!$G$21=$B$24,21,0),0)),0)</f>
        <v>0</v>
      </c>
      <c r="H4402" cm="1">
        <f t="array" ref="H4402">IFERROR(INDEX(Jesper!AL$2:AL$366,ROUNDDOWN($C4402/24,0)+1,1)*INDEX($D$3:$AA$30,INDEX(Jesper!$R$2:$R$366,ROW(INDEX(Jesper!AL$2:AL$366,ROUNDDOWN($C4402/24,0)+1,1))-1)+IF('Standard Profiles'!$G$22=$B$10,7,0)+IF('Standard Profiles'!$G$22=$B$17,14,0)+IF('Standard Profiles'!$G$22=$B$24,21,0),MOD($C4402,24)+1)/SUM(INDEX($D$3:$AA$30,INDEX(Jesper!$R$2:$R$366,ROW(INDEX(Jesper!AL$2:AL$366,ROUNDDOWN($C4402/24,0)+1,1))-1)+IF('Standard Profiles'!$G$22=$B$10,7,0)+IF('Standard Profiles'!$G$22=$B$17,14,0)+IF('Standard Profiles'!$G$22=$B$24,21,0),0)),0)</f>
        <v>0</v>
      </c>
      <c r="I4402">
        <f t="shared" si="496"/>
        <v>6.9651687538965806E-2</v>
      </c>
      <c r="J4402">
        <f t="shared" si="497"/>
        <v>0.23217229179655272</v>
      </c>
      <c r="K4402">
        <f t="shared" si="498"/>
        <v>0.34825843769482906</v>
      </c>
      <c r="L4402">
        <f t="shared" si="499"/>
        <v>1.6716405009351794</v>
      </c>
      <c r="M4402">
        <f t="shared" si="500"/>
        <v>0</v>
      </c>
      <c r="N4402" s="46">
        <f t="shared" si="501"/>
        <v>45473.999999989406</v>
      </c>
    </row>
    <row r="4403" spans="2:14" x14ac:dyDescent="0.3">
      <c r="B4403">
        <f t="shared" si="495"/>
        <v>1</v>
      </c>
      <c r="C4403" s="16">
        <v>4369</v>
      </c>
      <c r="D4403" cm="1">
        <f t="array" ref="D4403">IFERROR(INDEX(Jesper!AH$2:AH$366,ROUNDDOWN($C4403/24,0)+1,1)*INDEX($D$3:$AA$30,INDEX(Jesper!$R$2:$R$366,ROW(INDEX(Jesper!AH$2:AH$366,ROUNDDOWN($C4403/24,0)+1,1))-1)+IF('Standard Profiles'!$G$18=$B$10,7,0)+IF('Standard Profiles'!$G$18=$B$17,14,0)+IF('Standard Profiles'!$G$18=$B$24,21,0),MOD($C4403,24)+1)/SUM(INDEX($D$3:$AA$30,INDEX(Jesper!$R$2:$R$366,ROW(INDEX(Jesper!AH$2:AH$366,ROUNDDOWN($C4403/24,0)+1,1))-1)+IF('Standard Profiles'!$G$18=$B$10,7,0)+IF('Standard Profiles'!$G$18=$B$17,14,0)+IF('Standard Profiles'!$G$18=$B$24,21,0),0)),0)</f>
        <v>2.321722917965527</v>
      </c>
      <c r="E4403" cm="1">
        <f t="array" ref="E4403">IFERROR(INDEX(Jesper!AI$2:AI$366,ROUNDDOWN($C4403/24,0)+1,1)*INDEX($D$3:$AA$30,INDEX(Jesper!$R$2:$R$366,ROW(INDEX(Jesper!AI$2:AI$366,ROUNDDOWN($C4403/24,0)+1,1))-1)+IF('Standard Profiles'!$G$19=$B$10,7,0)+IF('Standard Profiles'!$G$19=$B$17,14,0)+IF('Standard Profiles'!$G$19=$B$24,21,0),MOD($C4403,24)+1)/SUM(INDEX($D$3:$AA$30,INDEX(Jesper!$R$2:$R$366,ROW(INDEX(Jesper!AI$2:AI$366,ROUNDDOWN($C4403/24,0)+1,1))-1)+IF('Standard Profiles'!$G$19=$B$10,7,0)+IF('Standard Profiles'!$G$19=$B$17,14,0)+IF('Standard Profiles'!$G$19=$B$24,21,0),0)),0)</f>
        <v>0</v>
      </c>
      <c r="F4403" cm="1">
        <f t="array" ref="F4403">IFERROR(INDEX(Jesper!AJ$2:AJ$366,ROUNDDOWN($C4403/24,0)+1,1)*INDEX($D$3:$AA$30,INDEX(Jesper!$R$2:$R$366,ROW(INDEX(Jesper!AJ$2:AJ$366,ROUNDDOWN($C4403/24,0)+1,1))-1)+IF('Standard Profiles'!$G$20=$B$10,7,0)+IF('Standard Profiles'!$G$20=$B$17,14,0)+IF('Standard Profiles'!$G$20=$B$24,21,0),MOD($C4403,24)+1)/SUM(INDEX($D$3:$AA$30,INDEX(Jesper!$R$2:$R$366,ROW(INDEX(Jesper!AJ$2:AJ$366,ROUNDDOWN($C4403/24,0)+1,1))-1)+IF('Standard Profiles'!$G$20=$B$10,7,0)+IF('Standard Profiles'!$G$20=$B$17,14,0)+IF('Standard Profiles'!$G$20=$B$24,21,0),0)),0)</f>
        <v>0</v>
      </c>
      <c r="G4403" cm="1">
        <f t="array" ref="G4403">IFERROR(INDEX(Jesper!AK$2:AK$366,ROUNDDOWN($C4403/24,0)+1,1)*INDEX($D$3:$AA$30,INDEX(Jesper!$R$2:$R$366,ROW(INDEX(Jesper!AK$2:AK$366,ROUNDDOWN($C4403/24,0)+1,1))-1)+IF('Standard Profiles'!$G$21=$B$10,7,0)+IF('Standard Profiles'!$G$21=$B$17,14,0)+IF('Standard Profiles'!$G$21=$B$24,21,0),MOD($C4403,24)+1)/SUM(INDEX($D$3:$AA$30,INDEX(Jesper!$R$2:$R$366,ROW(INDEX(Jesper!AK$2:AK$366,ROUNDDOWN($C4403/24,0)+1,1))-1)+IF('Standard Profiles'!$G$21=$B$10,7,0)+IF('Standard Profiles'!$G$21=$B$17,14,0)+IF('Standard Profiles'!$G$21=$B$24,21,0),0)),0)</f>
        <v>0</v>
      </c>
      <c r="H4403" cm="1">
        <f t="array" ref="H4403">IFERROR(INDEX(Jesper!AL$2:AL$366,ROUNDDOWN($C4403/24,0)+1,1)*INDEX($D$3:$AA$30,INDEX(Jesper!$R$2:$R$366,ROW(INDEX(Jesper!AL$2:AL$366,ROUNDDOWN($C4403/24,0)+1,1))-1)+IF('Standard Profiles'!$G$22=$B$10,7,0)+IF('Standard Profiles'!$G$22=$B$17,14,0)+IF('Standard Profiles'!$G$22=$B$24,21,0),MOD($C4403,24)+1)/SUM(INDEX($D$3:$AA$30,INDEX(Jesper!$R$2:$R$366,ROW(INDEX(Jesper!AL$2:AL$366,ROUNDDOWN($C4403/24,0)+1,1))-1)+IF('Standard Profiles'!$G$22=$B$10,7,0)+IF('Standard Profiles'!$G$22=$B$17,14,0)+IF('Standard Profiles'!$G$22=$B$24,21,0),0)),0)</f>
        <v>0</v>
      </c>
      <c r="I4403">
        <f t="shared" si="496"/>
        <v>6.9651687538965806E-2</v>
      </c>
      <c r="J4403">
        <f t="shared" si="497"/>
        <v>0.23217229179655272</v>
      </c>
      <c r="K4403">
        <f t="shared" si="498"/>
        <v>0.34825843769482906</v>
      </c>
      <c r="L4403">
        <f t="shared" si="499"/>
        <v>1.6716405009351794</v>
      </c>
      <c r="M4403">
        <f t="shared" si="500"/>
        <v>0</v>
      </c>
      <c r="N4403" s="46">
        <f t="shared" si="501"/>
        <v>45474.04166665607</v>
      </c>
    </row>
    <row r="4404" spans="2:14" x14ac:dyDescent="0.3">
      <c r="B4404">
        <f t="shared" si="495"/>
        <v>1</v>
      </c>
      <c r="C4404" s="16">
        <v>4370</v>
      </c>
      <c r="D4404" cm="1">
        <f t="array" ref="D4404">IFERROR(INDEX(Jesper!AH$2:AH$366,ROUNDDOWN($C4404/24,0)+1,1)*INDEX($D$3:$AA$30,INDEX(Jesper!$R$2:$R$366,ROW(INDEX(Jesper!AH$2:AH$366,ROUNDDOWN($C4404/24,0)+1,1))-1)+IF('Standard Profiles'!$G$18=$B$10,7,0)+IF('Standard Profiles'!$G$18=$B$17,14,0)+IF('Standard Profiles'!$G$18=$B$24,21,0),MOD($C4404,24)+1)/SUM(INDEX($D$3:$AA$30,INDEX(Jesper!$R$2:$R$366,ROW(INDEX(Jesper!AH$2:AH$366,ROUNDDOWN($C4404/24,0)+1,1))-1)+IF('Standard Profiles'!$G$18=$B$10,7,0)+IF('Standard Profiles'!$G$18=$B$17,14,0)+IF('Standard Profiles'!$G$18=$B$24,21,0),0)),0)</f>
        <v>2.321722917965527</v>
      </c>
      <c r="E4404" cm="1">
        <f t="array" ref="E4404">IFERROR(INDEX(Jesper!AI$2:AI$366,ROUNDDOWN($C4404/24,0)+1,1)*INDEX($D$3:$AA$30,INDEX(Jesper!$R$2:$R$366,ROW(INDEX(Jesper!AI$2:AI$366,ROUNDDOWN($C4404/24,0)+1,1))-1)+IF('Standard Profiles'!$G$19=$B$10,7,0)+IF('Standard Profiles'!$G$19=$B$17,14,0)+IF('Standard Profiles'!$G$19=$B$24,21,0),MOD($C4404,24)+1)/SUM(INDEX($D$3:$AA$30,INDEX(Jesper!$R$2:$R$366,ROW(INDEX(Jesper!AI$2:AI$366,ROUNDDOWN($C4404/24,0)+1,1))-1)+IF('Standard Profiles'!$G$19=$B$10,7,0)+IF('Standard Profiles'!$G$19=$B$17,14,0)+IF('Standard Profiles'!$G$19=$B$24,21,0),0)),0)</f>
        <v>0</v>
      </c>
      <c r="F4404" cm="1">
        <f t="array" ref="F4404">IFERROR(INDEX(Jesper!AJ$2:AJ$366,ROUNDDOWN($C4404/24,0)+1,1)*INDEX($D$3:$AA$30,INDEX(Jesper!$R$2:$R$366,ROW(INDEX(Jesper!AJ$2:AJ$366,ROUNDDOWN($C4404/24,0)+1,1))-1)+IF('Standard Profiles'!$G$20=$B$10,7,0)+IF('Standard Profiles'!$G$20=$B$17,14,0)+IF('Standard Profiles'!$G$20=$B$24,21,0),MOD($C4404,24)+1)/SUM(INDEX($D$3:$AA$30,INDEX(Jesper!$R$2:$R$366,ROW(INDEX(Jesper!AJ$2:AJ$366,ROUNDDOWN($C4404/24,0)+1,1))-1)+IF('Standard Profiles'!$G$20=$B$10,7,0)+IF('Standard Profiles'!$G$20=$B$17,14,0)+IF('Standard Profiles'!$G$20=$B$24,21,0),0)),0)</f>
        <v>0</v>
      </c>
      <c r="G4404" cm="1">
        <f t="array" ref="G4404">IFERROR(INDEX(Jesper!AK$2:AK$366,ROUNDDOWN($C4404/24,0)+1,1)*INDEX($D$3:$AA$30,INDEX(Jesper!$R$2:$R$366,ROW(INDEX(Jesper!AK$2:AK$366,ROUNDDOWN($C4404/24,0)+1,1))-1)+IF('Standard Profiles'!$G$21=$B$10,7,0)+IF('Standard Profiles'!$G$21=$B$17,14,0)+IF('Standard Profiles'!$G$21=$B$24,21,0),MOD($C4404,24)+1)/SUM(INDEX($D$3:$AA$30,INDEX(Jesper!$R$2:$R$366,ROW(INDEX(Jesper!AK$2:AK$366,ROUNDDOWN($C4404/24,0)+1,1))-1)+IF('Standard Profiles'!$G$21=$B$10,7,0)+IF('Standard Profiles'!$G$21=$B$17,14,0)+IF('Standard Profiles'!$G$21=$B$24,21,0),0)),0)</f>
        <v>0</v>
      </c>
      <c r="H4404" cm="1">
        <f t="array" ref="H4404">IFERROR(INDEX(Jesper!AL$2:AL$366,ROUNDDOWN($C4404/24,0)+1,1)*INDEX($D$3:$AA$30,INDEX(Jesper!$R$2:$R$366,ROW(INDEX(Jesper!AL$2:AL$366,ROUNDDOWN($C4404/24,0)+1,1))-1)+IF('Standard Profiles'!$G$22=$B$10,7,0)+IF('Standard Profiles'!$G$22=$B$17,14,0)+IF('Standard Profiles'!$G$22=$B$24,21,0),MOD($C4404,24)+1)/SUM(INDEX($D$3:$AA$30,INDEX(Jesper!$R$2:$R$366,ROW(INDEX(Jesper!AL$2:AL$366,ROUNDDOWN($C4404/24,0)+1,1))-1)+IF('Standard Profiles'!$G$22=$B$10,7,0)+IF('Standard Profiles'!$G$22=$B$17,14,0)+IF('Standard Profiles'!$G$22=$B$24,21,0),0)),0)</f>
        <v>0</v>
      </c>
      <c r="I4404">
        <f t="shared" si="496"/>
        <v>6.9651687538965806E-2</v>
      </c>
      <c r="J4404">
        <f t="shared" si="497"/>
        <v>0.23217229179655272</v>
      </c>
      <c r="K4404">
        <f t="shared" si="498"/>
        <v>0.34825843769482906</v>
      </c>
      <c r="L4404">
        <f t="shared" si="499"/>
        <v>1.6716405009351794</v>
      </c>
      <c r="M4404">
        <f t="shared" si="500"/>
        <v>0</v>
      </c>
      <c r="N4404" s="46">
        <f t="shared" si="501"/>
        <v>45474.083333322735</v>
      </c>
    </row>
    <row r="4405" spans="2:14" x14ac:dyDescent="0.3">
      <c r="B4405">
        <f t="shared" si="495"/>
        <v>1</v>
      </c>
      <c r="C4405" s="16">
        <v>4371</v>
      </c>
      <c r="D4405" cm="1">
        <f t="array" ref="D4405">IFERROR(INDEX(Jesper!AH$2:AH$366,ROUNDDOWN($C4405/24,0)+1,1)*INDEX($D$3:$AA$30,INDEX(Jesper!$R$2:$R$366,ROW(INDEX(Jesper!AH$2:AH$366,ROUNDDOWN($C4405/24,0)+1,1))-1)+IF('Standard Profiles'!$G$18=$B$10,7,0)+IF('Standard Profiles'!$G$18=$B$17,14,0)+IF('Standard Profiles'!$G$18=$B$24,21,0),MOD($C4405,24)+1)/SUM(INDEX($D$3:$AA$30,INDEX(Jesper!$R$2:$R$366,ROW(INDEX(Jesper!AH$2:AH$366,ROUNDDOWN($C4405/24,0)+1,1))-1)+IF('Standard Profiles'!$G$18=$B$10,7,0)+IF('Standard Profiles'!$G$18=$B$17,14,0)+IF('Standard Profiles'!$G$18=$B$24,21,0),0)),0)</f>
        <v>2.321722917965527</v>
      </c>
      <c r="E4405" cm="1">
        <f t="array" ref="E4405">IFERROR(INDEX(Jesper!AI$2:AI$366,ROUNDDOWN($C4405/24,0)+1,1)*INDEX($D$3:$AA$30,INDEX(Jesper!$R$2:$R$366,ROW(INDEX(Jesper!AI$2:AI$366,ROUNDDOWN($C4405/24,0)+1,1))-1)+IF('Standard Profiles'!$G$19=$B$10,7,0)+IF('Standard Profiles'!$G$19=$B$17,14,0)+IF('Standard Profiles'!$G$19=$B$24,21,0),MOD($C4405,24)+1)/SUM(INDEX($D$3:$AA$30,INDEX(Jesper!$R$2:$R$366,ROW(INDEX(Jesper!AI$2:AI$366,ROUNDDOWN($C4405/24,0)+1,1))-1)+IF('Standard Profiles'!$G$19=$B$10,7,0)+IF('Standard Profiles'!$G$19=$B$17,14,0)+IF('Standard Profiles'!$G$19=$B$24,21,0),0)),0)</f>
        <v>0</v>
      </c>
      <c r="F4405" cm="1">
        <f t="array" ref="F4405">IFERROR(INDEX(Jesper!AJ$2:AJ$366,ROUNDDOWN($C4405/24,0)+1,1)*INDEX($D$3:$AA$30,INDEX(Jesper!$R$2:$R$366,ROW(INDEX(Jesper!AJ$2:AJ$366,ROUNDDOWN($C4405/24,0)+1,1))-1)+IF('Standard Profiles'!$G$20=$B$10,7,0)+IF('Standard Profiles'!$G$20=$B$17,14,0)+IF('Standard Profiles'!$G$20=$B$24,21,0),MOD($C4405,24)+1)/SUM(INDEX($D$3:$AA$30,INDEX(Jesper!$R$2:$R$366,ROW(INDEX(Jesper!AJ$2:AJ$366,ROUNDDOWN($C4405/24,0)+1,1))-1)+IF('Standard Profiles'!$G$20=$B$10,7,0)+IF('Standard Profiles'!$G$20=$B$17,14,0)+IF('Standard Profiles'!$G$20=$B$24,21,0),0)),0)</f>
        <v>0</v>
      </c>
      <c r="G4405" cm="1">
        <f t="array" ref="G4405">IFERROR(INDEX(Jesper!AK$2:AK$366,ROUNDDOWN($C4405/24,0)+1,1)*INDEX($D$3:$AA$30,INDEX(Jesper!$R$2:$R$366,ROW(INDEX(Jesper!AK$2:AK$366,ROUNDDOWN($C4405/24,0)+1,1))-1)+IF('Standard Profiles'!$G$21=$B$10,7,0)+IF('Standard Profiles'!$G$21=$B$17,14,0)+IF('Standard Profiles'!$G$21=$B$24,21,0),MOD($C4405,24)+1)/SUM(INDEX($D$3:$AA$30,INDEX(Jesper!$R$2:$R$366,ROW(INDEX(Jesper!AK$2:AK$366,ROUNDDOWN($C4405/24,0)+1,1))-1)+IF('Standard Profiles'!$G$21=$B$10,7,0)+IF('Standard Profiles'!$G$21=$B$17,14,0)+IF('Standard Profiles'!$G$21=$B$24,21,0),0)),0)</f>
        <v>0</v>
      </c>
      <c r="H4405" cm="1">
        <f t="array" ref="H4405">IFERROR(INDEX(Jesper!AL$2:AL$366,ROUNDDOWN($C4405/24,0)+1,1)*INDEX($D$3:$AA$30,INDEX(Jesper!$R$2:$R$366,ROW(INDEX(Jesper!AL$2:AL$366,ROUNDDOWN($C4405/24,0)+1,1))-1)+IF('Standard Profiles'!$G$22=$B$10,7,0)+IF('Standard Profiles'!$G$22=$B$17,14,0)+IF('Standard Profiles'!$G$22=$B$24,21,0),MOD($C4405,24)+1)/SUM(INDEX($D$3:$AA$30,INDEX(Jesper!$R$2:$R$366,ROW(INDEX(Jesper!AL$2:AL$366,ROUNDDOWN($C4405/24,0)+1,1))-1)+IF('Standard Profiles'!$G$22=$B$10,7,0)+IF('Standard Profiles'!$G$22=$B$17,14,0)+IF('Standard Profiles'!$G$22=$B$24,21,0),0)),0)</f>
        <v>0</v>
      </c>
      <c r="I4405">
        <f t="shared" si="496"/>
        <v>6.9651687538965806E-2</v>
      </c>
      <c r="J4405">
        <f t="shared" si="497"/>
        <v>0.23217229179655272</v>
      </c>
      <c r="K4405">
        <f t="shared" si="498"/>
        <v>0.34825843769482906</v>
      </c>
      <c r="L4405">
        <f t="shared" si="499"/>
        <v>1.6716405009351794</v>
      </c>
      <c r="M4405">
        <f t="shared" si="500"/>
        <v>0</v>
      </c>
      <c r="N4405" s="46">
        <f t="shared" si="501"/>
        <v>45474.124999989399</v>
      </c>
    </row>
    <row r="4406" spans="2:14" x14ac:dyDescent="0.3">
      <c r="B4406">
        <f t="shared" si="495"/>
        <v>1</v>
      </c>
      <c r="C4406" s="16">
        <v>4372</v>
      </c>
      <c r="D4406" cm="1">
        <f t="array" ref="D4406">IFERROR(INDEX(Jesper!AH$2:AH$366,ROUNDDOWN($C4406/24,0)+1,1)*INDEX($D$3:$AA$30,INDEX(Jesper!$R$2:$R$366,ROW(INDEX(Jesper!AH$2:AH$366,ROUNDDOWN($C4406/24,0)+1,1))-1)+IF('Standard Profiles'!$G$18=$B$10,7,0)+IF('Standard Profiles'!$G$18=$B$17,14,0)+IF('Standard Profiles'!$G$18=$B$24,21,0),MOD($C4406,24)+1)/SUM(INDEX($D$3:$AA$30,INDEX(Jesper!$R$2:$R$366,ROW(INDEX(Jesper!AH$2:AH$366,ROUNDDOWN($C4406/24,0)+1,1))-1)+IF('Standard Profiles'!$G$18=$B$10,7,0)+IF('Standard Profiles'!$G$18=$B$17,14,0)+IF('Standard Profiles'!$G$18=$B$24,21,0),0)),0)</f>
        <v>2.321722917965527</v>
      </c>
      <c r="E4406" cm="1">
        <f t="array" ref="E4406">IFERROR(INDEX(Jesper!AI$2:AI$366,ROUNDDOWN($C4406/24,0)+1,1)*INDEX($D$3:$AA$30,INDEX(Jesper!$R$2:$R$366,ROW(INDEX(Jesper!AI$2:AI$366,ROUNDDOWN($C4406/24,0)+1,1))-1)+IF('Standard Profiles'!$G$19=$B$10,7,0)+IF('Standard Profiles'!$G$19=$B$17,14,0)+IF('Standard Profiles'!$G$19=$B$24,21,0),MOD($C4406,24)+1)/SUM(INDEX($D$3:$AA$30,INDEX(Jesper!$R$2:$R$366,ROW(INDEX(Jesper!AI$2:AI$366,ROUNDDOWN($C4406/24,0)+1,1))-1)+IF('Standard Profiles'!$G$19=$B$10,7,0)+IF('Standard Profiles'!$G$19=$B$17,14,0)+IF('Standard Profiles'!$G$19=$B$24,21,0),0)),0)</f>
        <v>0</v>
      </c>
      <c r="F4406" cm="1">
        <f t="array" ref="F4406">IFERROR(INDEX(Jesper!AJ$2:AJ$366,ROUNDDOWN($C4406/24,0)+1,1)*INDEX($D$3:$AA$30,INDEX(Jesper!$R$2:$R$366,ROW(INDEX(Jesper!AJ$2:AJ$366,ROUNDDOWN($C4406/24,0)+1,1))-1)+IF('Standard Profiles'!$G$20=$B$10,7,0)+IF('Standard Profiles'!$G$20=$B$17,14,0)+IF('Standard Profiles'!$G$20=$B$24,21,0),MOD($C4406,24)+1)/SUM(INDEX($D$3:$AA$30,INDEX(Jesper!$R$2:$R$366,ROW(INDEX(Jesper!AJ$2:AJ$366,ROUNDDOWN($C4406/24,0)+1,1))-1)+IF('Standard Profiles'!$G$20=$B$10,7,0)+IF('Standard Profiles'!$G$20=$B$17,14,0)+IF('Standard Profiles'!$G$20=$B$24,21,0),0)),0)</f>
        <v>0</v>
      </c>
      <c r="G4406" cm="1">
        <f t="array" ref="G4406">IFERROR(INDEX(Jesper!AK$2:AK$366,ROUNDDOWN($C4406/24,0)+1,1)*INDEX($D$3:$AA$30,INDEX(Jesper!$R$2:$R$366,ROW(INDEX(Jesper!AK$2:AK$366,ROUNDDOWN($C4406/24,0)+1,1))-1)+IF('Standard Profiles'!$G$21=$B$10,7,0)+IF('Standard Profiles'!$G$21=$B$17,14,0)+IF('Standard Profiles'!$G$21=$B$24,21,0),MOD($C4406,24)+1)/SUM(INDEX($D$3:$AA$30,INDEX(Jesper!$R$2:$R$366,ROW(INDEX(Jesper!AK$2:AK$366,ROUNDDOWN($C4406/24,0)+1,1))-1)+IF('Standard Profiles'!$G$21=$B$10,7,0)+IF('Standard Profiles'!$G$21=$B$17,14,0)+IF('Standard Profiles'!$G$21=$B$24,21,0),0)),0)</f>
        <v>0</v>
      </c>
      <c r="H4406" cm="1">
        <f t="array" ref="H4406">IFERROR(INDEX(Jesper!AL$2:AL$366,ROUNDDOWN($C4406/24,0)+1,1)*INDEX($D$3:$AA$30,INDEX(Jesper!$R$2:$R$366,ROW(INDEX(Jesper!AL$2:AL$366,ROUNDDOWN($C4406/24,0)+1,1))-1)+IF('Standard Profiles'!$G$22=$B$10,7,0)+IF('Standard Profiles'!$G$22=$B$17,14,0)+IF('Standard Profiles'!$G$22=$B$24,21,0),MOD($C4406,24)+1)/SUM(INDEX($D$3:$AA$30,INDEX(Jesper!$R$2:$R$366,ROW(INDEX(Jesper!AL$2:AL$366,ROUNDDOWN($C4406/24,0)+1,1))-1)+IF('Standard Profiles'!$G$22=$B$10,7,0)+IF('Standard Profiles'!$G$22=$B$17,14,0)+IF('Standard Profiles'!$G$22=$B$24,21,0),0)),0)</f>
        <v>0</v>
      </c>
      <c r="I4406">
        <f t="shared" si="496"/>
        <v>6.9651687538965806E-2</v>
      </c>
      <c r="J4406">
        <f t="shared" si="497"/>
        <v>0.23217229179655272</v>
      </c>
      <c r="K4406">
        <f t="shared" si="498"/>
        <v>0.34825843769482906</v>
      </c>
      <c r="L4406">
        <f t="shared" si="499"/>
        <v>1.6716405009351794</v>
      </c>
      <c r="M4406">
        <f t="shared" si="500"/>
        <v>0</v>
      </c>
      <c r="N4406" s="46">
        <f t="shared" si="501"/>
        <v>45474.166666656063</v>
      </c>
    </row>
    <row r="4407" spans="2:14" x14ac:dyDescent="0.3">
      <c r="B4407">
        <f t="shared" si="495"/>
        <v>1</v>
      </c>
      <c r="C4407" s="16">
        <v>4373</v>
      </c>
      <c r="D4407" cm="1">
        <f t="array" ref="D4407">IFERROR(INDEX(Jesper!AH$2:AH$366,ROUNDDOWN($C4407/24,0)+1,1)*INDEX($D$3:$AA$30,INDEX(Jesper!$R$2:$R$366,ROW(INDEX(Jesper!AH$2:AH$366,ROUNDDOWN($C4407/24,0)+1,1))-1)+IF('Standard Profiles'!$G$18=$B$10,7,0)+IF('Standard Profiles'!$G$18=$B$17,14,0)+IF('Standard Profiles'!$G$18=$B$24,21,0),MOD($C4407,24)+1)/SUM(INDEX($D$3:$AA$30,INDEX(Jesper!$R$2:$R$366,ROW(INDEX(Jesper!AH$2:AH$366,ROUNDDOWN($C4407/24,0)+1,1))-1)+IF('Standard Profiles'!$G$18=$B$10,7,0)+IF('Standard Profiles'!$G$18=$B$17,14,0)+IF('Standard Profiles'!$G$18=$B$24,21,0),0)),0)</f>
        <v>10.060799311183949</v>
      </c>
      <c r="E4407" cm="1">
        <f t="array" ref="E4407">IFERROR(INDEX(Jesper!AI$2:AI$366,ROUNDDOWN($C4407/24,0)+1,1)*INDEX($D$3:$AA$30,INDEX(Jesper!$R$2:$R$366,ROW(INDEX(Jesper!AI$2:AI$366,ROUNDDOWN($C4407/24,0)+1,1))-1)+IF('Standard Profiles'!$G$19=$B$10,7,0)+IF('Standard Profiles'!$G$19=$B$17,14,0)+IF('Standard Profiles'!$G$19=$B$24,21,0),MOD($C4407,24)+1)/SUM(INDEX($D$3:$AA$30,INDEX(Jesper!$R$2:$R$366,ROW(INDEX(Jesper!AI$2:AI$366,ROUNDDOWN($C4407/24,0)+1,1))-1)+IF('Standard Profiles'!$G$19=$B$10,7,0)+IF('Standard Profiles'!$G$19=$B$17,14,0)+IF('Standard Profiles'!$G$19=$B$24,21,0),0)),0)</f>
        <v>0</v>
      </c>
      <c r="F4407" cm="1">
        <f t="array" ref="F4407">IFERROR(INDEX(Jesper!AJ$2:AJ$366,ROUNDDOWN($C4407/24,0)+1,1)*INDEX($D$3:$AA$30,INDEX(Jesper!$R$2:$R$366,ROW(INDEX(Jesper!AJ$2:AJ$366,ROUNDDOWN($C4407/24,0)+1,1))-1)+IF('Standard Profiles'!$G$20=$B$10,7,0)+IF('Standard Profiles'!$G$20=$B$17,14,0)+IF('Standard Profiles'!$G$20=$B$24,21,0),MOD($C4407,24)+1)/SUM(INDEX($D$3:$AA$30,INDEX(Jesper!$R$2:$R$366,ROW(INDEX(Jesper!AJ$2:AJ$366,ROUNDDOWN($C4407/24,0)+1,1))-1)+IF('Standard Profiles'!$G$20=$B$10,7,0)+IF('Standard Profiles'!$G$20=$B$17,14,0)+IF('Standard Profiles'!$G$20=$B$24,21,0),0)),0)</f>
        <v>0</v>
      </c>
      <c r="G4407" cm="1">
        <f t="array" ref="G4407">IFERROR(INDEX(Jesper!AK$2:AK$366,ROUNDDOWN($C4407/24,0)+1,1)*INDEX($D$3:$AA$30,INDEX(Jesper!$R$2:$R$366,ROW(INDEX(Jesper!AK$2:AK$366,ROUNDDOWN($C4407/24,0)+1,1))-1)+IF('Standard Profiles'!$G$21=$B$10,7,0)+IF('Standard Profiles'!$G$21=$B$17,14,0)+IF('Standard Profiles'!$G$21=$B$24,21,0),MOD($C4407,24)+1)/SUM(INDEX($D$3:$AA$30,INDEX(Jesper!$R$2:$R$366,ROW(INDEX(Jesper!AK$2:AK$366,ROUNDDOWN($C4407/24,0)+1,1))-1)+IF('Standard Profiles'!$G$21=$B$10,7,0)+IF('Standard Profiles'!$G$21=$B$17,14,0)+IF('Standard Profiles'!$G$21=$B$24,21,0),0)),0)</f>
        <v>0</v>
      </c>
      <c r="H4407" cm="1">
        <f t="array" ref="H4407">IFERROR(INDEX(Jesper!AL$2:AL$366,ROUNDDOWN($C4407/24,0)+1,1)*INDEX($D$3:$AA$30,INDEX(Jesper!$R$2:$R$366,ROW(INDEX(Jesper!AL$2:AL$366,ROUNDDOWN($C4407/24,0)+1,1))-1)+IF('Standard Profiles'!$G$22=$B$10,7,0)+IF('Standard Profiles'!$G$22=$B$17,14,0)+IF('Standard Profiles'!$G$22=$B$24,21,0),MOD($C4407,24)+1)/SUM(INDEX($D$3:$AA$30,INDEX(Jesper!$R$2:$R$366,ROW(INDEX(Jesper!AL$2:AL$366,ROUNDDOWN($C4407/24,0)+1,1))-1)+IF('Standard Profiles'!$G$22=$B$10,7,0)+IF('Standard Profiles'!$G$22=$B$17,14,0)+IF('Standard Profiles'!$G$22=$B$24,21,0),0)),0)</f>
        <v>0</v>
      </c>
      <c r="I4407">
        <f t="shared" si="496"/>
        <v>0.30182397933551847</v>
      </c>
      <c r="J4407">
        <f t="shared" si="497"/>
        <v>1.006079931118395</v>
      </c>
      <c r="K4407">
        <f t="shared" si="498"/>
        <v>1.5091198966775923</v>
      </c>
      <c r="L4407">
        <f t="shared" si="499"/>
        <v>7.2437755040524427</v>
      </c>
      <c r="M4407">
        <f t="shared" si="500"/>
        <v>0</v>
      </c>
      <c r="N4407" s="46">
        <f t="shared" si="501"/>
        <v>45474.208333322727</v>
      </c>
    </row>
    <row r="4408" spans="2:14" x14ac:dyDescent="0.3">
      <c r="B4408">
        <f t="shared" si="495"/>
        <v>1</v>
      </c>
      <c r="C4408" s="16">
        <v>4374</v>
      </c>
      <c r="D4408" cm="1">
        <f t="array" ref="D4408">IFERROR(INDEX(Jesper!AH$2:AH$366,ROUNDDOWN($C4408/24,0)+1,1)*INDEX($D$3:$AA$30,INDEX(Jesper!$R$2:$R$366,ROW(INDEX(Jesper!AH$2:AH$366,ROUNDDOWN($C4408/24,0)+1,1))-1)+IF('Standard Profiles'!$G$18=$B$10,7,0)+IF('Standard Profiles'!$G$18=$B$17,14,0)+IF('Standard Profiles'!$G$18=$B$24,21,0),MOD($C4408,24)+1)/SUM(INDEX($D$3:$AA$30,INDEX(Jesper!$R$2:$R$366,ROW(INDEX(Jesper!AH$2:AH$366,ROUNDDOWN($C4408/24,0)+1,1))-1)+IF('Standard Profiles'!$G$18=$B$10,7,0)+IF('Standard Profiles'!$G$18=$B$17,14,0)+IF('Standard Profiles'!$G$18=$B$24,21,0),0)),0)</f>
        <v>11.415137679997175</v>
      </c>
      <c r="E4408" cm="1">
        <f t="array" ref="E4408">IFERROR(INDEX(Jesper!AI$2:AI$366,ROUNDDOWN($C4408/24,0)+1,1)*INDEX($D$3:$AA$30,INDEX(Jesper!$R$2:$R$366,ROW(INDEX(Jesper!AI$2:AI$366,ROUNDDOWN($C4408/24,0)+1,1))-1)+IF('Standard Profiles'!$G$19=$B$10,7,0)+IF('Standard Profiles'!$G$19=$B$17,14,0)+IF('Standard Profiles'!$G$19=$B$24,21,0),MOD($C4408,24)+1)/SUM(INDEX($D$3:$AA$30,INDEX(Jesper!$R$2:$R$366,ROW(INDEX(Jesper!AI$2:AI$366,ROUNDDOWN($C4408/24,0)+1,1))-1)+IF('Standard Profiles'!$G$19=$B$10,7,0)+IF('Standard Profiles'!$G$19=$B$17,14,0)+IF('Standard Profiles'!$G$19=$B$24,21,0),0)),0)</f>
        <v>0</v>
      </c>
      <c r="F4408" cm="1">
        <f t="array" ref="F4408">IFERROR(INDEX(Jesper!AJ$2:AJ$366,ROUNDDOWN($C4408/24,0)+1,1)*INDEX($D$3:$AA$30,INDEX(Jesper!$R$2:$R$366,ROW(INDEX(Jesper!AJ$2:AJ$366,ROUNDDOWN($C4408/24,0)+1,1))-1)+IF('Standard Profiles'!$G$20=$B$10,7,0)+IF('Standard Profiles'!$G$20=$B$17,14,0)+IF('Standard Profiles'!$G$20=$B$24,21,0),MOD($C4408,24)+1)/SUM(INDEX($D$3:$AA$30,INDEX(Jesper!$R$2:$R$366,ROW(INDEX(Jesper!AJ$2:AJ$366,ROUNDDOWN($C4408/24,0)+1,1))-1)+IF('Standard Profiles'!$G$20=$B$10,7,0)+IF('Standard Profiles'!$G$20=$B$17,14,0)+IF('Standard Profiles'!$G$20=$B$24,21,0),0)),0)</f>
        <v>0</v>
      </c>
      <c r="G4408" cm="1">
        <f t="array" ref="G4408">IFERROR(INDEX(Jesper!AK$2:AK$366,ROUNDDOWN($C4408/24,0)+1,1)*INDEX($D$3:$AA$30,INDEX(Jesper!$R$2:$R$366,ROW(INDEX(Jesper!AK$2:AK$366,ROUNDDOWN($C4408/24,0)+1,1))-1)+IF('Standard Profiles'!$G$21=$B$10,7,0)+IF('Standard Profiles'!$G$21=$B$17,14,0)+IF('Standard Profiles'!$G$21=$B$24,21,0),MOD($C4408,24)+1)/SUM(INDEX($D$3:$AA$30,INDEX(Jesper!$R$2:$R$366,ROW(INDEX(Jesper!AK$2:AK$366,ROUNDDOWN($C4408/24,0)+1,1))-1)+IF('Standard Profiles'!$G$21=$B$10,7,0)+IF('Standard Profiles'!$G$21=$B$17,14,0)+IF('Standard Profiles'!$G$21=$B$24,21,0),0)),0)</f>
        <v>0</v>
      </c>
      <c r="H4408" cm="1">
        <f t="array" ref="H4408">IFERROR(INDEX(Jesper!AL$2:AL$366,ROUNDDOWN($C4408/24,0)+1,1)*INDEX($D$3:$AA$30,INDEX(Jesper!$R$2:$R$366,ROW(INDEX(Jesper!AL$2:AL$366,ROUNDDOWN($C4408/24,0)+1,1))-1)+IF('Standard Profiles'!$G$22=$B$10,7,0)+IF('Standard Profiles'!$G$22=$B$17,14,0)+IF('Standard Profiles'!$G$22=$B$24,21,0),MOD($C4408,24)+1)/SUM(INDEX($D$3:$AA$30,INDEX(Jesper!$R$2:$R$366,ROW(INDEX(Jesper!AL$2:AL$366,ROUNDDOWN($C4408/24,0)+1,1))-1)+IF('Standard Profiles'!$G$22=$B$10,7,0)+IF('Standard Profiles'!$G$22=$B$17,14,0)+IF('Standard Profiles'!$G$22=$B$24,21,0),0)),0)</f>
        <v>0</v>
      </c>
      <c r="I4408">
        <f t="shared" si="496"/>
        <v>0.34245413039991524</v>
      </c>
      <c r="J4408">
        <f t="shared" si="497"/>
        <v>1.1415137679997176</v>
      </c>
      <c r="K4408">
        <f t="shared" si="498"/>
        <v>1.7122706519995761</v>
      </c>
      <c r="L4408">
        <f t="shared" si="499"/>
        <v>8.2188991295979648</v>
      </c>
      <c r="M4408">
        <f t="shared" si="500"/>
        <v>0</v>
      </c>
      <c r="N4408" s="46">
        <f t="shared" si="501"/>
        <v>45474.249999989392</v>
      </c>
    </row>
    <row r="4409" spans="2:14" x14ac:dyDescent="0.3">
      <c r="B4409">
        <f t="shared" si="495"/>
        <v>1</v>
      </c>
      <c r="C4409" s="16">
        <v>4375</v>
      </c>
      <c r="D4409" cm="1">
        <f t="array" ref="D4409">IFERROR(INDEX(Jesper!AH$2:AH$366,ROUNDDOWN($C4409/24,0)+1,1)*INDEX($D$3:$AA$30,INDEX(Jesper!$R$2:$R$366,ROW(INDEX(Jesper!AH$2:AH$366,ROUNDDOWN($C4409/24,0)+1,1))-1)+IF('Standard Profiles'!$G$18=$B$10,7,0)+IF('Standard Profiles'!$G$18=$B$17,14,0)+IF('Standard Profiles'!$G$18=$B$24,21,0),MOD($C4409,24)+1)/SUM(INDEX($D$3:$AA$30,INDEX(Jesper!$R$2:$R$366,ROW(INDEX(Jesper!AH$2:AH$366,ROUNDDOWN($C4409/24,0)+1,1))-1)+IF('Standard Profiles'!$G$18=$B$10,7,0)+IF('Standard Profiles'!$G$18=$B$17,14,0)+IF('Standard Profiles'!$G$18=$B$24,21,0),0)),0)</f>
        <v>11.415137679997175</v>
      </c>
      <c r="E4409" cm="1">
        <f t="array" ref="E4409">IFERROR(INDEX(Jesper!AI$2:AI$366,ROUNDDOWN($C4409/24,0)+1,1)*INDEX($D$3:$AA$30,INDEX(Jesper!$R$2:$R$366,ROW(INDEX(Jesper!AI$2:AI$366,ROUNDDOWN($C4409/24,0)+1,1))-1)+IF('Standard Profiles'!$G$19=$B$10,7,0)+IF('Standard Profiles'!$G$19=$B$17,14,0)+IF('Standard Profiles'!$G$19=$B$24,21,0),MOD($C4409,24)+1)/SUM(INDEX($D$3:$AA$30,INDEX(Jesper!$R$2:$R$366,ROW(INDEX(Jesper!AI$2:AI$366,ROUNDDOWN($C4409/24,0)+1,1))-1)+IF('Standard Profiles'!$G$19=$B$10,7,0)+IF('Standard Profiles'!$G$19=$B$17,14,0)+IF('Standard Profiles'!$G$19=$B$24,21,0),0)),0)</f>
        <v>0</v>
      </c>
      <c r="F4409" cm="1">
        <f t="array" ref="F4409">IFERROR(INDEX(Jesper!AJ$2:AJ$366,ROUNDDOWN($C4409/24,0)+1,1)*INDEX($D$3:$AA$30,INDEX(Jesper!$R$2:$R$366,ROW(INDEX(Jesper!AJ$2:AJ$366,ROUNDDOWN($C4409/24,0)+1,1))-1)+IF('Standard Profiles'!$G$20=$B$10,7,0)+IF('Standard Profiles'!$G$20=$B$17,14,0)+IF('Standard Profiles'!$G$20=$B$24,21,0),MOD($C4409,24)+1)/SUM(INDEX($D$3:$AA$30,INDEX(Jesper!$R$2:$R$366,ROW(INDEX(Jesper!AJ$2:AJ$366,ROUNDDOWN($C4409/24,0)+1,1))-1)+IF('Standard Profiles'!$G$20=$B$10,7,0)+IF('Standard Profiles'!$G$20=$B$17,14,0)+IF('Standard Profiles'!$G$20=$B$24,21,0),0)),0)</f>
        <v>0</v>
      </c>
      <c r="G4409" cm="1">
        <f t="array" ref="G4409">IFERROR(INDEX(Jesper!AK$2:AK$366,ROUNDDOWN($C4409/24,0)+1,1)*INDEX($D$3:$AA$30,INDEX(Jesper!$R$2:$R$366,ROW(INDEX(Jesper!AK$2:AK$366,ROUNDDOWN($C4409/24,0)+1,1))-1)+IF('Standard Profiles'!$G$21=$B$10,7,0)+IF('Standard Profiles'!$G$21=$B$17,14,0)+IF('Standard Profiles'!$G$21=$B$24,21,0),MOD($C4409,24)+1)/SUM(INDEX($D$3:$AA$30,INDEX(Jesper!$R$2:$R$366,ROW(INDEX(Jesper!AK$2:AK$366,ROUNDDOWN($C4409/24,0)+1,1))-1)+IF('Standard Profiles'!$G$21=$B$10,7,0)+IF('Standard Profiles'!$G$21=$B$17,14,0)+IF('Standard Profiles'!$G$21=$B$24,21,0),0)),0)</f>
        <v>0</v>
      </c>
      <c r="H4409" cm="1">
        <f t="array" ref="H4409">IFERROR(INDEX(Jesper!AL$2:AL$366,ROUNDDOWN($C4409/24,0)+1,1)*INDEX($D$3:$AA$30,INDEX(Jesper!$R$2:$R$366,ROW(INDEX(Jesper!AL$2:AL$366,ROUNDDOWN($C4409/24,0)+1,1))-1)+IF('Standard Profiles'!$G$22=$B$10,7,0)+IF('Standard Profiles'!$G$22=$B$17,14,0)+IF('Standard Profiles'!$G$22=$B$24,21,0),MOD($C4409,24)+1)/SUM(INDEX($D$3:$AA$30,INDEX(Jesper!$R$2:$R$366,ROW(INDEX(Jesper!AL$2:AL$366,ROUNDDOWN($C4409/24,0)+1,1))-1)+IF('Standard Profiles'!$G$22=$B$10,7,0)+IF('Standard Profiles'!$G$22=$B$17,14,0)+IF('Standard Profiles'!$G$22=$B$24,21,0),0)),0)</f>
        <v>0</v>
      </c>
      <c r="I4409">
        <f t="shared" si="496"/>
        <v>0.34245413039991524</v>
      </c>
      <c r="J4409">
        <f t="shared" si="497"/>
        <v>1.1415137679997176</v>
      </c>
      <c r="K4409">
        <f t="shared" si="498"/>
        <v>1.7122706519995761</v>
      </c>
      <c r="L4409">
        <f t="shared" si="499"/>
        <v>8.2188991295979648</v>
      </c>
      <c r="M4409">
        <f t="shared" si="500"/>
        <v>0</v>
      </c>
      <c r="N4409" s="46">
        <f t="shared" si="501"/>
        <v>45474.291666656056</v>
      </c>
    </row>
    <row r="4410" spans="2:14" x14ac:dyDescent="0.3">
      <c r="B4410">
        <f t="shared" si="495"/>
        <v>1</v>
      </c>
      <c r="C4410" s="16">
        <v>4376</v>
      </c>
      <c r="D4410" cm="1">
        <f t="array" ref="D4410">IFERROR(INDEX(Jesper!AH$2:AH$366,ROUNDDOWN($C4410/24,0)+1,1)*INDEX($D$3:$AA$30,INDEX(Jesper!$R$2:$R$366,ROW(INDEX(Jesper!AH$2:AH$366,ROUNDDOWN($C4410/24,0)+1,1))-1)+IF('Standard Profiles'!$G$18=$B$10,7,0)+IF('Standard Profiles'!$G$18=$B$17,14,0)+IF('Standard Profiles'!$G$18=$B$24,21,0),MOD($C4410,24)+1)/SUM(INDEX($D$3:$AA$30,INDEX(Jesper!$R$2:$R$366,ROW(INDEX(Jesper!AH$2:AH$366,ROUNDDOWN($C4410/24,0)+1,1))-1)+IF('Standard Profiles'!$G$18=$B$10,7,0)+IF('Standard Profiles'!$G$18=$B$17,14,0)+IF('Standard Profiles'!$G$18=$B$24,21,0),0)),0)</f>
        <v>11.415137679997175</v>
      </c>
      <c r="E4410" cm="1">
        <f t="array" ref="E4410">IFERROR(INDEX(Jesper!AI$2:AI$366,ROUNDDOWN($C4410/24,0)+1,1)*INDEX($D$3:$AA$30,INDEX(Jesper!$R$2:$R$366,ROW(INDEX(Jesper!AI$2:AI$366,ROUNDDOWN($C4410/24,0)+1,1))-1)+IF('Standard Profiles'!$G$19=$B$10,7,0)+IF('Standard Profiles'!$G$19=$B$17,14,0)+IF('Standard Profiles'!$G$19=$B$24,21,0),MOD($C4410,24)+1)/SUM(INDEX($D$3:$AA$30,INDEX(Jesper!$R$2:$R$366,ROW(INDEX(Jesper!AI$2:AI$366,ROUNDDOWN($C4410/24,0)+1,1))-1)+IF('Standard Profiles'!$G$19=$B$10,7,0)+IF('Standard Profiles'!$G$19=$B$17,14,0)+IF('Standard Profiles'!$G$19=$B$24,21,0),0)),0)</f>
        <v>0</v>
      </c>
      <c r="F4410" cm="1">
        <f t="array" ref="F4410">IFERROR(INDEX(Jesper!AJ$2:AJ$366,ROUNDDOWN($C4410/24,0)+1,1)*INDEX($D$3:$AA$30,INDEX(Jesper!$R$2:$R$366,ROW(INDEX(Jesper!AJ$2:AJ$366,ROUNDDOWN($C4410/24,0)+1,1))-1)+IF('Standard Profiles'!$G$20=$B$10,7,0)+IF('Standard Profiles'!$G$20=$B$17,14,0)+IF('Standard Profiles'!$G$20=$B$24,21,0),MOD($C4410,24)+1)/SUM(INDEX($D$3:$AA$30,INDEX(Jesper!$R$2:$R$366,ROW(INDEX(Jesper!AJ$2:AJ$366,ROUNDDOWN($C4410/24,0)+1,1))-1)+IF('Standard Profiles'!$G$20=$B$10,7,0)+IF('Standard Profiles'!$G$20=$B$17,14,0)+IF('Standard Profiles'!$G$20=$B$24,21,0),0)),0)</f>
        <v>0</v>
      </c>
      <c r="G4410" cm="1">
        <f t="array" ref="G4410">IFERROR(INDEX(Jesper!AK$2:AK$366,ROUNDDOWN($C4410/24,0)+1,1)*INDEX($D$3:$AA$30,INDEX(Jesper!$R$2:$R$366,ROW(INDEX(Jesper!AK$2:AK$366,ROUNDDOWN($C4410/24,0)+1,1))-1)+IF('Standard Profiles'!$G$21=$B$10,7,0)+IF('Standard Profiles'!$G$21=$B$17,14,0)+IF('Standard Profiles'!$G$21=$B$24,21,0),MOD($C4410,24)+1)/SUM(INDEX($D$3:$AA$30,INDEX(Jesper!$R$2:$R$366,ROW(INDEX(Jesper!AK$2:AK$366,ROUNDDOWN($C4410/24,0)+1,1))-1)+IF('Standard Profiles'!$G$21=$B$10,7,0)+IF('Standard Profiles'!$G$21=$B$17,14,0)+IF('Standard Profiles'!$G$21=$B$24,21,0),0)),0)</f>
        <v>0</v>
      </c>
      <c r="H4410" cm="1">
        <f t="array" ref="H4410">IFERROR(INDEX(Jesper!AL$2:AL$366,ROUNDDOWN($C4410/24,0)+1,1)*INDEX($D$3:$AA$30,INDEX(Jesper!$R$2:$R$366,ROW(INDEX(Jesper!AL$2:AL$366,ROUNDDOWN($C4410/24,0)+1,1))-1)+IF('Standard Profiles'!$G$22=$B$10,7,0)+IF('Standard Profiles'!$G$22=$B$17,14,0)+IF('Standard Profiles'!$G$22=$B$24,21,0),MOD($C4410,24)+1)/SUM(INDEX($D$3:$AA$30,INDEX(Jesper!$R$2:$R$366,ROW(INDEX(Jesper!AL$2:AL$366,ROUNDDOWN($C4410/24,0)+1,1))-1)+IF('Standard Profiles'!$G$22=$B$10,7,0)+IF('Standard Profiles'!$G$22=$B$17,14,0)+IF('Standard Profiles'!$G$22=$B$24,21,0),0)),0)</f>
        <v>0</v>
      </c>
      <c r="I4410">
        <f t="shared" si="496"/>
        <v>0.34245413039991524</v>
      </c>
      <c r="J4410">
        <f t="shared" si="497"/>
        <v>1.1415137679997176</v>
      </c>
      <c r="K4410">
        <f t="shared" si="498"/>
        <v>1.7122706519995761</v>
      </c>
      <c r="L4410">
        <f t="shared" si="499"/>
        <v>8.2188991295979648</v>
      </c>
      <c r="M4410">
        <f t="shared" si="500"/>
        <v>0</v>
      </c>
      <c r="N4410" s="46">
        <f t="shared" si="501"/>
        <v>45474.33333332272</v>
      </c>
    </row>
    <row r="4411" spans="2:14" x14ac:dyDescent="0.3">
      <c r="B4411">
        <f t="shared" si="495"/>
        <v>1</v>
      </c>
      <c r="C4411" s="16">
        <v>4377</v>
      </c>
      <c r="D4411" cm="1">
        <f t="array" ref="D4411">IFERROR(INDEX(Jesper!AH$2:AH$366,ROUNDDOWN($C4411/24,0)+1,1)*INDEX($D$3:$AA$30,INDEX(Jesper!$R$2:$R$366,ROW(INDEX(Jesper!AH$2:AH$366,ROUNDDOWN($C4411/24,0)+1,1))-1)+IF('Standard Profiles'!$G$18=$B$10,7,0)+IF('Standard Profiles'!$G$18=$B$17,14,0)+IF('Standard Profiles'!$G$18=$B$24,21,0),MOD($C4411,24)+1)/SUM(INDEX($D$3:$AA$30,INDEX(Jesper!$R$2:$R$366,ROW(INDEX(Jesper!AH$2:AH$366,ROUNDDOWN($C4411/24,0)+1,1))-1)+IF('Standard Profiles'!$G$18=$B$10,7,0)+IF('Standard Profiles'!$G$18=$B$17,14,0)+IF('Standard Profiles'!$G$18=$B$24,21,0),0)),0)</f>
        <v>12.189045319319018</v>
      </c>
      <c r="E4411" cm="1">
        <f t="array" ref="E4411">IFERROR(INDEX(Jesper!AI$2:AI$366,ROUNDDOWN($C4411/24,0)+1,1)*INDEX($D$3:$AA$30,INDEX(Jesper!$R$2:$R$366,ROW(INDEX(Jesper!AI$2:AI$366,ROUNDDOWN($C4411/24,0)+1,1))-1)+IF('Standard Profiles'!$G$19=$B$10,7,0)+IF('Standard Profiles'!$G$19=$B$17,14,0)+IF('Standard Profiles'!$G$19=$B$24,21,0),MOD($C4411,24)+1)/SUM(INDEX($D$3:$AA$30,INDEX(Jesper!$R$2:$R$366,ROW(INDEX(Jesper!AI$2:AI$366,ROUNDDOWN($C4411/24,0)+1,1))-1)+IF('Standard Profiles'!$G$19=$B$10,7,0)+IF('Standard Profiles'!$G$19=$B$17,14,0)+IF('Standard Profiles'!$G$19=$B$24,21,0),0)),0)</f>
        <v>0</v>
      </c>
      <c r="F4411" cm="1">
        <f t="array" ref="F4411">IFERROR(INDEX(Jesper!AJ$2:AJ$366,ROUNDDOWN($C4411/24,0)+1,1)*INDEX($D$3:$AA$30,INDEX(Jesper!$R$2:$R$366,ROW(INDEX(Jesper!AJ$2:AJ$366,ROUNDDOWN($C4411/24,0)+1,1))-1)+IF('Standard Profiles'!$G$20=$B$10,7,0)+IF('Standard Profiles'!$G$20=$B$17,14,0)+IF('Standard Profiles'!$G$20=$B$24,21,0),MOD($C4411,24)+1)/SUM(INDEX($D$3:$AA$30,INDEX(Jesper!$R$2:$R$366,ROW(INDEX(Jesper!AJ$2:AJ$366,ROUNDDOWN($C4411/24,0)+1,1))-1)+IF('Standard Profiles'!$G$20=$B$10,7,0)+IF('Standard Profiles'!$G$20=$B$17,14,0)+IF('Standard Profiles'!$G$20=$B$24,21,0),0)),0)</f>
        <v>0</v>
      </c>
      <c r="G4411" cm="1">
        <f t="array" ref="G4411">IFERROR(INDEX(Jesper!AK$2:AK$366,ROUNDDOWN($C4411/24,0)+1,1)*INDEX($D$3:$AA$30,INDEX(Jesper!$R$2:$R$366,ROW(INDEX(Jesper!AK$2:AK$366,ROUNDDOWN($C4411/24,0)+1,1))-1)+IF('Standard Profiles'!$G$21=$B$10,7,0)+IF('Standard Profiles'!$G$21=$B$17,14,0)+IF('Standard Profiles'!$G$21=$B$24,21,0),MOD($C4411,24)+1)/SUM(INDEX($D$3:$AA$30,INDEX(Jesper!$R$2:$R$366,ROW(INDEX(Jesper!AK$2:AK$366,ROUNDDOWN($C4411/24,0)+1,1))-1)+IF('Standard Profiles'!$G$21=$B$10,7,0)+IF('Standard Profiles'!$G$21=$B$17,14,0)+IF('Standard Profiles'!$G$21=$B$24,21,0),0)),0)</f>
        <v>0</v>
      </c>
      <c r="H4411" cm="1">
        <f t="array" ref="H4411">IFERROR(INDEX(Jesper!AL$2:AL$366,ROUNDDOWN($C4411/24,0)+1,1)*INDEX($D$3:$AA$30,INDEX(Jesper!$R$2:$R$366,ROW(INDEX(Jesper!AL$2:AL$366,ROUNDDOWN($C4411/24,0)+1,1))-1)+IF('Standard Profiles'!$G$22=$B$10,7,0)+IF('Standard Profiles'!$G$22=$B$17,14,0)+IF('Standard Profiles'!$G$22=$B$24,21,0),MOD($C4411,24)+1)/SUM(INDEX($D$3:$AA$30,INDEX(Jesper!$R$2:$R$366,ROW(INDEX(Jesper!AL$2:AL$366,ROUNDDOWN($C4411/24,0)+1,1))-1)+IF('Standard Profiles'!$G$22=$B$10,7,0)+IF('Standard Profiles'!$G$22=$B$17,14,0)+IF('Standard Profiles'!$G$22=$B$24,21,0),0)),0)</f>
        <v>0</v>
      </c>
      <c r="I4411">
        <f t="shared" si="496"/>
        <v>0.36567135957957053</v>
      </c>
      <c r="J4411">
        <f t="shared" si="497"/>
        <v>1.2189045319319018</v>
      </c>
      <c r="K4411">
        <f t="shared" si="498"/>
        <v>1.8283567978978525</v>
      </c>
      <c r="L4411">
        <f t="shared" si="499"/>
        <v>8.7761126299096919</v>
      </c>
      <c r="M4411">
        <f t="shared" si="500"/>
        <v>0</v>
      </c>
      <c r="N4411" s="46">
        <f t="shared" si="501"/>
        <v>45474.374999989384</v>
      </c>
    </row>
    <row r="4412" spans="2:14" x14ac:dyDescent="0.3">
      <c r="B4412">
        <f t="shared" si="495"/>
        <v>1</v>
      </c>
      <c r="C4412" s="16">
        <v>4378</v>
      </c>
      <c r="D4412" cm="1">
        <f t="array" ref="D4412">IFERROR(INDEX(Jesper!AH$2:AH$366,ROUNDDOWN($C4412/24,0)+1,1)*INDEX($D$3:$AA$30,INDEX(Jesper!$R$2:$R$366,ROW(INDEX(Jesper!AH$2:AH$366,ROUNDDOWN($C4412/24,0)+1,1))-1)+IF('Standard Profiles'!$G$18=$B$10,7,0)+IF('Standard Profiles'!$G$18=$B$17,14,0)+IF('Standard Profiles'!$G$18=$B$24,21,0),MOD($C4412,24)+1)/SUM(INDEX($D$3:$AA$30,INDEX(Jesper!$R$2:$R$366,ROW(INDEX(Jesper!AH$2:AH$366,ROUNDDOWN($C4412/24,0)+1,1))-1)+IF('Standard Profiles'!$G$18=$B$10,7,0)+IF('Standard Profiles'!$G$18=$B$17,14,0)+IF('Standard Profiles'!$G$18=$B$24,21,0),0)),0)</f>
        <v>12.189045319319018</v>
      </c>
      <c r="E4412" cm="1">
        <f t="array" ref="E4412">IFERROR(INDEX(Jesper!AI$2:AI$366,ROUNDDOWN($C4412/24,0)+1,1)*INDEX($D$3:$AA$30,INDEX(Jesper!$R$2:$R$366,ROW(INDEX(Jesper!AI$2:AI$366,ROUNDDOWN($C4412/24,0)+1,1))-1)+IF('Standard Profiles'!$G$19=$B$10,7,0)+IF('Standard Profiles'!$G$19=$B$17,14,0)+IF('Standard Profiles'!$G$19=$B$24,21,0),MOD($C4412,24)+1)/SUM(INDEX($D$3:$AA$30,INDEX(Jesper!$R$2:$R$366,ROW(INDEX(Jesper!AI$2:AI$366,ROUNDDOWN($C4412/24,0)+1,1))-1)+IF('Standard Profiles'!$G$19=$B$10,7,0)+IF('Standard Profiles'!$G$19=$B$17,14,0)+IF('Standard Profiles'!$G$19=$B$24,21,0),0)),0)</f>
        <v>0</v>
      </c>
      <c r="F4412" cm="1">
        <f t="array" ref="F4412">IFERROR(INDEX(Jesper!AJ$2:AJ$366,ROUNDDOWN($C4412/24,0)+1,1)*INDEX($D$3:$AA$30,INDEX(Jesper!$R$2:$R$366,ROW(INDEX(Jesper!AJ$2:AJ$366,ROUNDDOWN($C4412/24,0)+1,1))-1)+IF('Standard Profiles'!$G$20=$B$10,7,0)+IF('Standard Profiles'!$G$20=$B$17,14,0)+IF('Standard Profiles'!$G$20=$B$24,21,0),MOD($C4412,24)+1)/SUM(INDEX($D$3:$AA$30,INDEX(Jesper!$R$2:$R$366,ROW(INDEX(Jesper!AJ$2:AJ$366,ROUNDDOWN($C4412/24,0)+1,1))-1)+IF('Standard Profiles'!$G$20=$B$10,7,0)+IF('Standard Profiles'!$G$20=$B$17,14,0)+IF('Standard Profiles'!$G$20=$B$24,21,0),0)),0)</f>
        <v>0</v>
      </c>
      <c r="G4412" cm="1">
        <f t="array" ref="G4412">IFERROR(INDEX(Jesper!AK$2:AK$366,ROUNDDOWN($C4412/24,0)+1,1)*INDEX($D$3:$AA$30,INDEX(Jesper!$R$2:$R$366,ROW(INDEX(Jesper!AK$2:AK$366,ROUNDDOWN($C4412/24,0)+1,1))-1)+IF('Standard Profiles'!$G$21=$B$10,7,0)+IF('Standard Profiles'!$G$21=$B$17,14,0)+IF('Standard Profiles'!$G$21=$B$24,21,0),MOD($C4412,24)+1)/SUM(INDEX($D$3:$AA$30,INDEX(Jesper!$R$2:$R$366,ROW(INDEX(Jesper!AK$2:AK$366,ROUNDDOWN($C4412/24,0)+1,1))-1)+IF('Standard Profiles'!$G$21=$B$10,7,0)+IF('Standard Profiles'!$G$21=$B$17,14,0)+IF('Standard Profiles'!$G$21=$B$24,21,0),0)),0)</f>
        <v>0</v>
      </c>
      <c r="H4412" cm="1">
        <f t="array" ref="H4412">IFERROR(INDEX(Jesper!AL$2:AL$366,ROUNDDOWN($C4412/24,0)+1,1)*INDEX($D$3:$AA$30,INDEX(Jesper!$R$2:$R$366,ROW(INDEX(Jesper!AL$2:AL$366,ROUNDDOWN($C4412/24,0)+1,1))-1)+IF('Standard Profiles'!$G$22=$B$10,7,0)+IF('Standard Profiles'!$G$22=$B$17,14,0)+IF('Standard Profiles'!$G$22=$B$24,21,0),MOD($C4412,24)+1)/SUM(INDEX($D$3:$AA$30,INDEX(Jesper!$R$2:$R$366,ROW(INDEX(Jesper!AL$2:AL$366,ROUNDDOWN($C4412/24,0)+1,1))-1)+IF('Standard Profiles'!$G$22=$B$10,7,0)+IF('Standard Profiles'!$G$22=$B$17,14,0)+IF('Standard Profiles'!$G$22=$B$24,21,0),0)),0)</f>
        <v>0</v>
      </c>
      <c r="I4412">
        <f t="shared" si="496"/>
        <v>0.36567135957957053</v>
      </c>
      <c r="J4412">
        <f t="shared" si="497"/>
        <v>1.2189045319319018</v>
      </c>
      <c r="K4412">
        <f t="shared" si="498"/>
        <v>1.8283567978978525</v>
      </c>
      <c r="L4412">
        <f t="shared" si="499"/>
        <v>8.7761126299096919</v>
      </c>
      <c r="M4412">
        <f t="shared" si="500"/>
        <v>0</v>
      </c>
      <c r="N4412" s="46">
        <f t="shared" si="501"/>
        <v>45474.416666656049</v>
      </c>
    </row>
    <row r="4413" spans="2:14" x14ac:dyDescent="0.3">
      <c r="B4413">
        <f t="shared" si="495"/>
        <v>1</v>
      </c>
      <c r="C4413" s="16">
        <v>4379</v>
      </c>
      <c r="D4413" cm="1">
        <f t="array" ref="D4413">IFERROR(INDEX(Jesper!AH$2:AH$366,ROUNDDOWN($C4413/24,0)+1,1)*INDEX($D$3:$AA$30,INDEX(Jesper!$R$2:$R$366,ROW(INDEX(Jesper!AH$2:AH$366,ROUNDDOWN($C4413/24,0)+1,1))-1)+IF('Standard Profiles'!$G$18=$B$10,7,0)+IF('Standard Profiles'!$G$18=$B$17,14,0)+IF('Standard Profiles'!$G$18=$B$24,21,0),MOD($C4413,24)+1)/SUM(INDEX($D$3:$AA$30,INDEX(Jesper!$R$2:$R$366,ROW(INDEX(Jesper!AH$2:AH$366,ROUNDDOWN($C4413/24,0)+1,1))-1)+IF('Standard Profiles'!$G$18=$B$10,7,0)+IF('Standard Profiles'!$G$18=$B$17,14,0)+IF('Standard Profiles'!$G$18=$B$24,21,0),0)),0)</f>
        <v>15.478152786436848</v>
      </c>
      <c r="E4413" cm="1">
        <f t="array" ref="E4413">IFERROR(INDEX(Jesper!AI$2:AI$366,ROUNDDOWN($C4413/24,0)+1,1)*INDEX($D$3:$AA$30,INDEX(Jesper!$R$2:$R$366,ROW(INDEX(Jesper!AI$2:AI$366,ROUNDDOWN($C4413/24,0)+1,1))-1)+IF('Standard Profiles'!$G$19=$B$10,7,0)+IF('Standard Profiles'!$G$19=$B$17,14,0)+IF('Standard Profiles'!$G$19=$B$24,21,0),MOD($C4413,24)+1)/SUM(INDEX($D$3:$AA$30,INDEX(Jesper!$R$2:$R$366,ROW(INDEX(Jesper!AI$2:AI$366,ROUNDDOWN($C4413/24,0)+1,1))-1)+IF('Standard Profiles'!$G$19=$B$10,7,0)+IF('Standard Profiles'!$G$19=$B$17,14,0)+IF('Standard Profiles'!$G$19=$B$24,21,0),0)),0)</f>
        <v>0</v>
      </c>
      <c r="F4413" cm="1">
        <f t="array" ref="F4413">IFERROR(INDEX(Jesper!AJ$2:AJ$366,ROUNDDOWN($C4413/24,0)+1,1)*INDEX($D$3:$AA$30,INDEX(Jesper!$R$2:$R$366,ROW(INDEX(Jesper!AJ$2:AJ$366,ROUNDDOWN($C4413/24,0)+1,1))-1)+IF('Standard Profiles'!$G$20=$B$10,7,0)+IF('Standard Profiles'!$G$20=$B$17,14,0)+IF('Standard Profiles'!$G$20=$B$24,21,0),MOD($C4413,24)+1)/SUM(INDEX($D$3:$AA$30,INDEX(Jesper!$R$2:$R$366,ROW(INDEX(Jesper!AJ$2:AJ$366,ROUNDDOWN($C4413/24,0)+1,1))-1)+IF('Standard Profiles'!$G$20=$B$10,7,0)+IF('Standard Profiles'!$G$20=$B$17,14,0)+IF('Standard Profiles'!$G$20=$B$24,21,0),0)),0)</f>
        <v>0</v>
      </c>
      <c r="G4413" cm="1">
        <f t="array" ref="G4413">IFERROR(INDEX(Jesper!AK$2:AK$366,ROUNDDOWN($C4413/24,0)+1,1)*INDEX($D$3:$AA$30,INDEX(Jesper!$R$2:$R$366,ROW(INDEX(Jesper!AK$2:AK$366,ROUNDDOWN($C4413/24,0)+1,1))-1)+IF('Standard Profiles'!$G$21=$B$10,7,0)+IF('Standard Profiles'!$G$21=$B$17,14,0)+IF('Standard Profiles'!$G$21=$B$24,21,0),MOD($C4413,24)+1)/SUM(INDEX($D$3:$AA$30,INDEX(Jesper!$R$2:$R$366,ROW(INDEX(Jesper!AK$2:AK$366,ROUNDDOWN($C4413/24,0)+1,1))-1)+IF('Standard Profiles'!$G$21=$B$10,7,0)+IF('Standard Profiles'!$G$21=$B$17,14,0)+IF('Standard Profiles'!$G$21=$B$24,21,0),0)),0)</f>
        <v>0</v>
      </c>
      <c r="H4413" cm="1">
        <f t="array" ref="H4413">IFERROR(INDEX(Jesper!AL$2:AL$366,ROUNDDOWN($C4413/24,0)+1,1)*INDEX($D$3:$AA$30,INDEX(Jesper!$R$2:$R$366,ROW(INDEX(Jesper!AL$2:AL$366,ROUNDDOWN($C4413/24,0)+1,1))-1)+IF('Standard Profiles'!$G$22=$B$10,7,0)+IF('Standard Profiles'!$G$22=$B$17,14,0)+IF('Standard Profiles'!$G$22=$B$24,21,0),MOD($C4413,24)+1)/SUM(INDEX($D$3:$AA$30,INDEX(Jesper!$R$2:$R$366,ROW(INDEX(Jesper!AL$2:AL$366,ROUNDDOWN($C4413/24,0)+1,1))-1)+IF('Standard Profiles'!$G$22=$B$10,7,0)+IF('Standard Profiles'!$G$22=$B$17,14,0)+IF('Standard Profiles'!$G$22=$B$24,21,0),0)),0)</f>
        <v>0</v>
      </c>
      <c r="I4413">
        <f t="shared" si="496"/>
        <v>0.46434458359310543</v>
      </c>
      <c r="J4413">
        <f t="shared" si="497"/>
        <v>1.547815278643685</v>
      </c>
      <c r="K4413">
        <f t="shared" si="498"/>
        <v>2.321722917965527</v>
      </c>
      <c r="L4413">
        <f t="shared" si="499"/>
        <v>11.14427000623453</v>
      </c>
      <c r="M4413">
        <f t="shared" si="500"/>
        <v>0</v>
      </c>
      <c r="N4413" s="46">
        <f t="shared" si="501"/>
        <v>45474.458333322713</v>
      </c>
    </row>
    <row r="4414" spans="2:14" x14ac:dyDescent="0.3">
      <c r="B4414">
        <f t="shared" si="495"/>
        <v>1</v>
      </c>
      <c r="C4414" s="16">
        <v>4380</v>
      </c>
      <c r="D4414" cm="1">
        <f t="array" ref="D4414">IFERROR(INDEX(Jesper!AH$2:AH$366,ROUNDDOWN($C4414/24,0)+1,1)*INDEX($D$3:$AA$30,INDEX(Jesper!$R$2:$R$366,ROW(INDEX(Jesper!AH$2:AH$366,ROUNDDOWN($C4414/24,0)+1,1))-1)+IF('Standard Profiles'!$G$18=$B$10,7,0)+IF('Standard Profiles'!$G$18=$B$17,14,0)+IF('Standard Profiles'!$G$18=$B$24,21,0),MOD($C4414,24)+1)/SUM(INDEX($D$3:$AA$30,INDEX(Jesper!$R$2:$R$366,ROW(INDEX(Jesper!AH$2:AH$366,ROUNDDOWN($C4414/24,0)+1,1))-1)+IF('Standard Profiles'!$G$18=$B$10,7,0)+IF('Standard Profiles'!$G$18=$B$17,14,0)+IF('Standard Profiles'!$G$18=$B$24,21,0),0)),0)</f>
        <v>15.478152786436848</v>
      </c>
      <c r="E4414" cm="1">
        <f t="array" ref="E4414">IFERROR(INDEX(Jesper!AI$2:AI$366,ROUNDDOWN($C4414/24,0)+1,1)*INDEX($D$3:$AA$30,INDEX(Jesper!$R$2:$R$366,ROW(INDEX(Jesper!AI$2:AI$366,ROUNDDOWN($C4414/24,0)+1,1))-1)+IF('Standard Profiles'!$G$19=$B$10,7,0)+IF('Standard Profiles'!$G$19=$B$17,14,0)+IF('Standard Profiles'!$G$19=$B$24,21,0),MOD($C4414,24)+1)/SUM(INDEX($D$3:$AA$30,INDEX(Jesper!$R$2:$R$366,ROW(INDEX(Jesper!AI$2:AI$366,ROUNDDOWN($C4414/24,0)+1,1))-1)+IF('Standard Profiles'!$G$19=$B$10,7,0)+IF('Standard Profiles'!$G$19=$B$17,14,0)+IF('Standard Profiles'!$G$19=$B$24,21,0),0)),0)</f>
        <v>0</v>
      </c>
      <c r="F4414" cm="1">
        <f t="array" ref="F4414">IFERROR(INDEX(Jesper!AJ$2:AJ$366,ROUNDDOWN($C4414/24,0)+1,1)*INDEX($D$3:$AA$30,INDEX(Jesper!$R$2:$R$366,ROW(INDEX(Jesper!AJ$2:AJ$366,ROUNDDOWN($C4414/24,0)+1,1))-1)+IF('Standard Profiles'!$G$20=$B$10,7,0)+IF('Standard Profiles'!$G$20=$B$17,14,0)+IF('Standard Profiles'!$G$20=$B$24,21,0),MOD($C4414,24)+1)/SUM(INDEX($D$3:$AA$30,INDEX(Jesper!$R$2:$R$366,ROW(INDEX(Jesper!AJ$2:AJ$366,ROUNDDOWN($C4414/24,0)+1,1))-1)+IF('Standard Profiles'!$G$20=$B$10,7,0)+IF('Standard Profiles'!$G$20=$B$17,14,0)+IF('Standard Profiles'!$G$20=$B$24,21,0),0)),0)</f>
        <v>0</v>
      </c>
      <c r="G4414" cm="1">
        <f t="array" ref="G4414">IFERROR(INDEX(Jesper!AK$2:AK$366,ROUNDDOWN($C4414/24,0)+1,1)*INDEX($D$3:$AA$30,INDEX(Jesper!$R$2:$R$366,ROW(INDEX(Jesper!AK$2:AK$366,ROUNDDOWN($C4414/24,0)+1,1))-1)+IF('Standard Profiles'!$G$21=$B$10,7,0)+IF('Standard Profiles'!$G$21=$B$17,14,0)+IF('Standard Profiles'!$G$21=$B$24,21,0),MOD($C4414,24)+1)/SUM(INDEX($D$3:$AA$30,INDEX(Jesper!$R$2:$R$366,ROW(INDEX(Jesper!AK$2:AK$366,ROUNDDOWN($C4414/24,0)+1,1))-1)+IF('Standard Profiles'!$G$21=$B$10,7,0)+IF('Standard Profiles'!$G$21=$B$17,14,0)+IF('Standard Profiles'!$G$21=$B$24,21,0),0)),0)</f>
        <v>0</v>
      </c>
      <c r="H4414" cm="1">
        <f t="array" ref="H4414">IFERROR(INDEX(Jesper!AL$2:AL$366,ROUNDDOWN($C4414/24,0)+1,1)*INDEX($D$3:$AA$30,INDEX(Jesper!$R$2:$R$366,ROW(INDEX(Jesper!AL$2:AL$366,ROUNDDOWN($C4414/24,0)+1,1))-1)+IF('Standard Profiles'!$G$22=$B$10,7,0)+IF('Standard Profiles'!$G$22=$B$17,14,0)+IF('Standard Profiles'!$G$22=$B$24,21,0),MOD($C4414,24)+1)/SUM(INDEX($D$3:$AA$30,INDEX(Jesper!$R$2:$R$366,ROW(INDEX(Jesper!AL$2:AL$366,ROUNDDOWN($C4414/24,0)+1,1))-1)+IF('Standard Profiles'!$G$22=$B$10,7,0)+IF('Standard Profiles'!$G$22=$B$17,14,0)+IF('Standard Profiles'!$G$22=$B$24,21,0),0)),0)</f>
        <v>0</v>
      </c>
      <c r="I4414">
        <f t="shared" si="496"/>
        <v>0.46434458359310543</v>
      </c>
      <c r="J4414">
        <f t="shared" si="497"/>
        <v>1.547815278643685</v>
      </c>
      <c r="K4414">
        <f t="shared" si="498"/>
        <v>2.321722917965527</v>
      </c>
      <c r="L4414">
        <f t="shared" si="499"/>
        <v>11.14427000623453</v>
      </c>
      <c r="M4414">
        <f t="shared" si="500"/>
        <v>0</v>
      </c>
      <c r="N4414" s="46">
        <f t="shared" si="501"/>
        <v>45474.499999989377</v>
      </c>
    </row>
    <row r="4415" spans="2:14" x14ac:dyDescent="0.3">
      <c r="B4415">
        <f t="shared" si="495"/>
        <v>1</v>
      </c>
      <c r="C4415" s="16">
        <v>4381</v>
      </c>
      <c r="D4415" cm="1">
        <f t="array" ref="D4415">IFERROR(INDEX(Jesper!AH$2:AH$366,ROUNDDOWN($C4415/24,0)+1,1)*INDEX($D$3:$AA$30,INDEX(Jesper!$R$2:$R$366,ROW(INDEX(Jesper!AH$2:AH$366,ROUNDDOWN($C4415/24,0)+1,1))-1)+IF('Standard Profiles'!$G$18=$B$10,7,0)+IF('Standard Profiles'!$G$18=$B$17,14,0)+IF('Standard Profiles'!$G$18=$B$24,21,0),MOD($C4415,24)+1)/SUM(INDEX($D$3:$AA$30,INDEX(Jesper!$R$2:$R$366,ROW(INDEX(Jesper!AH$2:AH$366,ROUNDDOWN($C4415/24,0)+1,1))-1)+IF('Standard Profiles'!$G$18=$B$10,7,0)+IF('Standard Profiles'!$G$18=$B$17,14,0)+IF('Standard Profiles'!$G$18=$B$24,21,0),0)),0)</f>
        <v>10.254276221014409</v>
      </c>
      <c r="E4415" cm="1">
        <f t="array" ref="E4415">IFERROR(INDEX(Jesper!AI$2:AI$366,ROUNDDOWN($C4415/24,0)+1,1)*INDEX($D$3:$AA$30,INDEX(Jesper!$R$2:$R$366,ROW(INDEX(Jesper!AI$2:AI$366,ROUNDDOWN($C4415/24,0)+1,1))-1)+IF('Standard Profiles'!$G$19=$B$10,7,0)+IF('Standard Profiles'!$G$19=$B$17,14,0)+IF('Standard Profiles'!$G$19=$B$24,21,0),MOD($C4415,24)+1)/SUM(INDEX($D$3:$AA$30,INDEX(Jesper!$R$2:$R$366,ROW(INDEX(Jesper!AI$2:AI$366,ROUNDDOWN($C4415/24,0)+1,1))-1)+IF('Standard Profiles'!$G$19=$B$10,7,0)+IF('Standard Profiles'!$G$19=$B$17,14,0)+IF('Standard Profiles'!$G$19=$B$24,21,0),0)),0)</f>
        <v>0</v>
      </c>
      <c r="F4415" cm="1">
        <f t="array" ref="F4415">IFERROR(INDEX(Jesper!AJ$2:AJ$366,ROUNDDOWN($C4415/24,0)+1,1)*INDEX($D$3:$AA$30,INDEX(Jesper!$R$2:$R$366,ROW(INDEX(Jesper!AJ$2:AJ$366,ROUNDDOWN($C4415/24,0)+1,1))-1)+IF('Standard Profiles'!$G$20=$B$10,7,0)+IF('Standard Profiles'!$G$20=$B$17,14,0)+IF('Standard Profiles'!$G$20=$B$24,21,0),MOD($C4415,24)+1)/SUM(INDEX($D$3:$AA$30,INDEX(Jesper!$R$2:$R$366,ROW(INDEX(Jesper!AJ$2:AJ$366,ROUNDDOWN($C4415/24,0)+1,1))-1)+IF('Standard Profiles'!$G$20=$B$10,7,0)+IF('Standard Profiles'!$G$20=$B$17,14,0)+IF('Standard Profiles'!$G$20=$B$24,21,0),0)),0)</f>
        <v>0</v>
      </c>
      <c r="G4415" cm="1">
        <f t="array" ref="G4415">IFERROR(INDEX(Jesper!AK$2:AK$366,ROUNDDOWN($C4415/24,0)+1,1)*INDEX($D$3:$AA$30,INDEX(Jesper!$R$2:$R$366,ROW(INDEX(Jesper!AK$2:AK$366,ROUNDDOWN($C4415/24,0)+1,1))-1)+IF('Standard Profiles'!$G$21=$B$10,7,0)+IF('Standard Profiles'!$G$21=$B$17,14,0)+IF('Standard Profiles'!$G$21=$B$24,21,0),MOD($C4415,24)+1)/SUM(INDEX($D$3:$AA$30,INDEX(Jesper!$R$2:$R$366,ROW(INDEX(Jesper!AK$2:AK$366,ROUNDDOWN($C4415/24,0)+1,1))-1)+IF('Standard Profiles'!$G$21=$B$10,7,0)+IF('Standard Profiles'!$G$21=$B$17,14,0)+IF('Standard Profiles'!$G$21=$B$24,21,0),0)),0)</f>
        <v>0</v>
      </c>
      <c r="H4415" cm="1">
        <f t="array" ref="H4415">IFERROR(INDEX(Jesper!AL$2:AL$366,ROUNDDOWN($C4415/24,0)+1,1)*INDEX($D$3:$AA$30,INDEX(Jesper!$R$2:$R$366,ROW(INDEX(Jesper!AL$2:AL$366,ROUNDDOWN($C4415/24,0)+1,1))-1)+IF('Standard Profiles'!$G$22=$B$10,7,0)+IF('Standard Profiles'!$G$22=$B$17,14,0)+IF('Standard Profiles'!$G$22=$B$24,21,0),MOD($C4415,24)+1)/SUM(INDEX($D$3:$AA$30,INDEX(Jesper!$R$2:$R$366,ROW(INDEX(Jesper!AL$2:AL$366,ROUNDDOWN($C4415/24,0)+1,1))-1)+IF('Standard Profiles'!$G$22=$B$10,7,0)+IF('Standard Profiles'!$G$22=$B$17,14,0)+IF('Standard Profiles'!$G$22=$B$24,21,0),0)),0)</f>
        <v>0</v>
      </c>
      <c r="I4415">
        <f t="shared" si="496"/>
        <v>0.30762828663043229</v>
      </c>
      <c r="J4415">
        <f t="shared" si="497"/>
        <v>1.0254276221014409</v>
      </c>
      <c r="K4415">
        <f t="shared" si="498"/>
        <v>1.5381414331521615</v>
      </c>
      <c r="L4415">
        <f t="shared" si="499"/>
        <v>7.3830788791303741</v>
      </c>
      <c r="M4415">
        <f t="shared" si="500"/>
        <v>0</v>
      </c>
      <c r="N4415" s="46">
        <f t="shared" si="501"/>
        <v>45474.541666656041</v>
      </c>
    </row>
    <row r="4416" spans="2:14" x14ac:dyDescent="0.3">
      <c r="B4416">
        <f t="shared" si="495"/>
        <v>1</v>
      </c>
      <c r="C4416" s="16">
        <v>4382</v>
      </c>
      <c r="D4416" cm="1">
        <f t="array" ref="D4416">IFERROR(INDEX(Jesper!AH$2:AH$366,ROUNDDOWN($C4416/24,0)+1,1)*INDEX($D$3:$AA$30,INDEX(Jesper!$R$2:$R$366,ROW(INDEX(Jesper!AH$2:AH$366,ROUNDDOWN($C4416/24,0)+1,1))-1)+IF('Standard Profiles'!$G$18=$B$10,7,0)+IF('Standard Profiles'!$G$18=$B$17,14,0)+IF('Standard Profiles'!$G$18=$B$24,21,0),MOD($C4416,24)+1)/SUM(INDEX($D$3:$AA$30,INDEX(Jesper!$R$2:$R$366,ROW(INDEX(Jesper!AH$2:AH$366,ROUNDDOWN($C4416/24,0)+1,1))-1)+IF('Standard Profiles'!$G$18=$B$10,7,0)+IF('Standard Profiles'!$G$18=$B$17,14,0)+IF('Standard Profiles'!$G$18=$B$24,21,0),0)),0)</f>
        <v>15.478152786436848</v>
      </c>
      <c r="E4416" cm="1">
        <f t="array" ref="E4416">IFERROR(INDEX(Jesper!AI$2:AI$366,ROUNDDOWN($C4416/24,0)+1,1)*INDEX($D$3:$AA$30,INDEX(Jesper!$R$2:$R$366,ROW(INDEX(Jesper!AI$2:AI$366,ROUNDDOWN($C4416/24,0)+1,1))-1)+IF('Standard Profiles'!$G$19=$B$10,7,0)+IF('Standard Profiles'!$G$19=$B$17,14,0)+IF('Standard Profiles'!$G$19=$B$24,21,0),MOD($C4416,24)+1)/SUM(INDEX($D$3:$AA$30,INDEX(Jesper!$R$2:$R$366,ROW(INDEX(Jesper!AI$2:AI$366,ROUNDDOWN($C4416/24,0)+1,1))-1)+IF('Standard Profiles'!$G$19=$B$10,7,0)+IF('Standard Profiles'!$G$19=$B$17,14,0)+IF('Standard Profiles'!$G$19=$B$24,21,0),0)),0)</f>
        <v>0</v>
      </c>
      <c r="F4416" cm="1">
        <f t="array" ref="F4416">IFERROR(INDEX(Jesper!AJ$2:AJ$366,ROUNDDOWN($C4416/24,0)+1,1)*INDEX($D$3:$AA$30,INDEX(Jesper!$R$2:$R$366,ROW(INDEX(Jesper!AJ$2:AJ$366,ROUNDDOWN($C4416/24,0)+1,1))-1)+IF('Standard Profiles'!$G$20=$B$10,7,0)+IF('Standard Profiles'!$G$20=$B$17,14,0)+IF('Standard Profiles'!$G$20=$B$24,21,0),MOD($C4416,24)+1)/SUM(INDEX($D$3:$AA$30,INDEX(Jesper!$R$2:$R$366,ROW(INDEX(Jesper!AJ$2:AJ$366,ROUNDDOWN($C4416/24,0)+1,1))-1)+IF('Standard Profiles'!$G$20=$B$10,7,0)+IF('Standard Profiles'!$G$20=$B$17,14,0)+IF('Standard Profiles'!$G$20=$B$24,21,0),0)),0)</f>
        <v>0</v>
      </c>
      <c r="G4416" cm="1">
        <f t="array" ref="G4416">IFERROR(INDEX(Jesper!AK$2:AK$366,ROUNDDOWN($C4416/24,0)+1,1)*INDEX($D$3:$AA$30,INDEX(Jesper!$R$2:$R$366,ROW(INDEX(Jesper!AK$2:AK$366,ROUNDDOWN($C4416/24,0)+1,1))-1)+IF('Standard Profiles'!$G$21=$B$10,7,0)+IF('Standard Profiles'!$G$21=$B$17,14,0)+IF('Standard Profiles'!$G$21=$B$24,21,0),MOD($C4416,24)+1)/SUM(INDEX($D$3:$AA$30,INDEX(Jesper!$R$2:$R$366,ROW(INDEX(Jesper!AK$2:AK$366,ROUNDDOWN($C4416/24,0)+1,1))-1)+IF('Standard Profiles'!$G$21=$B$10,7,0)+IF('Standard Profiles'!$G$21=$B$17,14,0)+IF('Standard Profiles'!$G$21=$B$24,21,0),0)),0)</f>
        <v>0</v>
      </c>
      <c r="H4416" cm="1">
        <f t="array" ref="H4416">IFERROR(INDEX(Jesper!AL$2:AL$366,ROUNDDOWN($C4416/24,0)+1,1)*INDEX($D$3:$AA$30,INDEX(Jesper!$R$2:$R$366,ROW(INDEX(Jesper!AL$2:AL$366,ROUNDDOWN($C4416/24,0)+1,1))-1)+IF('Standard Profiles'!$G$22=$B$10,7,0)+IF('Standard Profiles'!$G$22=$B$17,14,0)+IF('Standard Profiles'!$G$22=$B$24,21,0),MOD($C4416,24)+1)/SUM(INDEX($D$3:$AA$30,INDEX(Jesper!$R$2:$R$366,ROW(INDEX(Jesper!AL$2:AL$366,ROUNDDOWN($C4416/24,0)+1,1))-1)+IF('Standard Profiles'!$G$22=$B$10,7,0)+IF('Standard Profiles'!$G$22=$B$17,14,0)+IF('Standard Profiles'!$G$22=$B$24,21,0),0)),0)</f>
        <v>0</v>
      </c>
      <c r="I4416">
        <f t="shared" si="496"/>
        <v>0.46434458359310543</v>
      </c>
      <c r="J4416">
        <f t="shared" si="497"/>
        <v>1.547815278643685</v>
      </c>
      <c r="K4416">
        <f t="shared" si="498"/>
        <v>2.321722917965527</v>
      </c>
      <c r="L4416">
        <f t="shared" si="499"/>
        <v>11.14427000623453</v>
      </c>
      <c r="M4416">
        <f t="shared" si="500"/>
        <v>0</v>
      </c>
      <c r="N4416" s="46">
        <f t="shared" si="501"/>
        <v>45474.583333322706</v>
      </c>
    </row>
    <row r="4417" spans="2:14" x14ac:dyDescent="0.3">
      <c r="B4417">
        <f t="shared" si="495"/>
        <v>1</v>
      </c>
      <c r="C4417" s="16">
        <v>4383</v>
      </c>
      <c r="D4417" cm="1">
        <f t="array" ref="D4417">IFERROR(INDEX(Jesper!AH$2:AH$366,ROUNDDOWN($C4417/24,0)+1,1)*INDEX($D$3:$AA$30,INDEX(Jesper!$R$2:$R$366,ROW(INDEX(Jesper!AH$2:AH$366,ROUNDDOWN($C4417/24,0)+1,1))-1)+IF('Standard Profiles'!$G$18=$B$10,7,0)+IF('Standard Profiles'!$G$18=$B$17,14,0)+IF('Standard Profiles'!$G$18=$B$24,21,0),MOD($C4417,24)+1)/SUM(INDEX($D$3:$AA$30,INDEX(Jesper!$R$2:$R$366,ROW(INDEX(Jesper!AH$2:AH$366,ROUNDDOWN($C4417/24,0)+1,1))-1)+IF('Standard Profiles'!$G$18=$B$10,7,0)+IF('Standard Profiles'!$G$18=$B$17,14,0)+IF('Standard Profiles'!$G$18=$B$24,21,0),0)),0)</f>
        <v>15.478152786436848</v>
      </c>
      <c r="E4417" cm="1">
        <f t="array" ref="E4417">IFERROR(INDEX(Jesper!AI$2:AI$366,ROUNDDOWN($C4417/24,0)+1,1)*INDEX($D$3:$AA$30,INDEX(Jesper!$R$2:$R$366,ROW(INDEX(Jesper!AI$2:AI$366,ROUNDDOWN($C4417/24,0)+1,1))-1)+IF('Standard Profiles'!$G$19=$B$10,7,0)+IF('Standard Profiles'!$G$19=$B$17,14,0)+IF('Standard Profiles'!$G$19=$B$24,21,0),MOD($C4417,24)+1)/SUM(INDEX($D$3:$AA$30,INDEX(Jesper!$R$2:$R$366,ROW(INDEX(Jesper!AI$2:AI$366,ROUNDDOWN($C4417/24,0)+1,1))-1)+IF('Standard Profiles'!$G$19=$B$10,7,0)+IF('Standard Profiles'!$G$19=$B$17,14,0)+IF('Standard Profiles'!$G$19=$B$24,21,0),0)),0)</f>
        <v>0</v>
      </c>
      <c r="F4417" cm="1">
        <f t="array" ref="F4417">IFERROR(INDEX(Jesper!AJ$2:AJ$366,ROUNDDOWN($C4417/24,0)+1,1)*INDEX($D$3:$AA$30,INDEX(Jesper!$R$2:$R$366,ROW(INDEX(Jesper!AJ$2:AJ$366,ROUNDDOWN($C4417/24,0)+1,1))-1)+IF('Standard Profiles'!$G$20=$B$10,7,0)+IF('Standard Profiles'!$G$20=$B$17,14,0)+IF('Standard Profiles'!$G$20=$B$24,21,0),MOD($C4417,24)+1)/SUM(INDEX($D$3:$AA$30,INDEX(Jesper!$R$2:$R$366,ROW(INDEX(Jesper!AJ$2:AJ$366,ROUNDDOWN($C4417/24,0)+1,1))-1)+IF('Standard Profiles'!$G$20=$B$10,7,0)+IF('Standard Profiles'!$G$20=$B$17,14,0)+IF('Standard Profiles'!$G$20=$B$24,21,0),0)),0)</f>
        <v>0</v>
      </c>
      <c r="G4417" cm="1">
        <f t="array" ref="G4417">IFERROR(INDEX(Jesper!AK$2:AK$366,ROUNDDOWN($C4417/24,0)+1,1)*INDEX($D$3:$AA$30,INDEX(Jesper!$R$2:$R$366,ROW(INDEX(Jesper!AK$2:AK$366,ROUNDDOWN($C4417/24,0)+1,1))-1)+IF('Standard Profiles'!$G$21=$B$10,7,0)+IF('Standard Profiles'!$G$21=$B$17,14,0)+IF('Standard Profiles'!$G$21=$B$24,21,0),MOD($C4417,24)+1)/SUM(INDEX($D$3:$AA$30,INDEX(Jesper!$R$2:$R$366,ROW(INDEX(Jesper!AK$2:AK$366,ROUNDDOWN($C4417/24,0)+1,1))-1)+IF('Standard Profiles'!$G$21=$B$10,7,0)+IF('Standard Profiles'!$G$21=$B$17,14,0)+IF('Standard Profiles'!$G$21=$B$24,21,0),0)),0)</f>
        <v>0</v>
      </c>
      <c r="H4417" cm="1">
        <f t="array" ref="H4417">IFERROR(INDEX(Jesper!AL$2:AL$366,ROUNDDOWN($C4417/24,0)+1,1)*INDEX($D$3:$AA$30,INDEX(Jesper!$R$2:$R$366,ROW(INDEX(Jesper!AL$2:AL$366,ROUNDDOWN($C4417/24,0)+1,1))-1)+IF('Standard Profiles'!$G$22=$B$10,7,0)+IF('Standard Profiles'!$G$22=$B$17,14,0)+IF('Standard Profiles'!$G$22=$B$24,21,0),MOD($C4417,24)+1)/SUM(INDEX($D$3:$AA$30,INDEX(Jesper!$R$2:$R$366,ROW(INDEX(Jesper!AL$2:AL$366,ROUNDDOWN($C4417/24,0)+1,1))-1)+IF('Standard Profiles'!$G$22=$B$10,7,0)+IF('Standard Profiles'!$G$22=$B$17,14,0)+IF('Standard Profiles'!$G$22=$B$24,21,0),0)),0)</f>
        <v>0</v>
      </c>
      <c r="I4417">
        <f t="shared" si="496"/>
        <v>0.46434458359310543</v>
      </c>
      <c r="J4417">
        <f t="shared" si="497"/>
        <v>1.547815278643685</v>
      </c>
      <c r="K4417">
        <f t="shared" si="498"/>
        <v>2.321722917965527</v>
      </c>
      <c r="L4417">
        <f t="shared" si="499"/>
        <v>11.14427000623453</v>
      </c>
      <c r="M4417">
        <f t="shared" si="500"/>
        <v>0</v>
      </c>
      <c r="N4417" s="46">
        <f t="shared" si="501"/>
        <v>45474.62499998937</v>
      </c>
    </row>
    <row r="4418" spans="2:14" x14ac:dyDescent="0.3">
      <c r="B4418">
        <f t="shared" si="495"/>
        <v>1</v>
      </c>
      <c r="C4418" s="16">
        <v>4384</v>
      </c>
      <c r="D4418" cm="1">
        <f t="array" ref="D4418">IFERROR(INDEX(Jesper!AH$2:AH$366,ROUNDDOWN($C4418/24,0)+1,1)*INDEX($D$3:$AA$30,INDEX(Jesper!$R$2:$R$366,ROW(INDEX(Jesper!AH$2:AH$366,ROUNDDOWN($C4418/24,0)+1,1))-1)+IF('Standard Profiles'!$G$18=$B$10,7,0)+IF('Standard Profiles'!$G$18=$B$17,14,0)+IF('Standard Profiles'!$G$18=$B$24,21,0),MOD($C4418,24)+1)/SUM(INDEX($D$3:$AA$30,INDEX(Jesper!$R$2:$R$366,ROW(INDEX(Jesper!AH$2:AH$366,ROUNDDOWN($C4418/24,0)+1,1))-1)+IF('Standard Profiles'!$G$18=$B$10,7,0)+IF('Standard Profiles'!$G$18=$B$17,14,0)+IF('Standard Profiles'!$G$18=$B$24,21,0),0)),0)</f>
        <v>15.478152786436848</v>
      </c>
      <c r="E4418" cm="1">
        <f t="array" ref="E4418">IFERROR(INDEX(Jesper!AI$2:AI$366,ROUNDDOWN($C4418/24,0)+1,1)*INDEX($D$3:$AA$30,INDEX(Jesper!$R$2:$R$366,ROW(INDEX(Jesper!AI$2:AI$366,ROUNDDOWN($C4418/24,0)+1,1))-1)+IF('Standard Profiles'!$G$19=$B$10,7,0)+IF('Standard Profiles'!$G$19=$B$17,14,0)+IF('Standard Profiles'!$G$19=$B$24,21,0),MOD($C4418,24)+1)/SUM(INDEX($D$3:$AA$30,INDEX(Jesper!$R$2:$R$366,ROW(INDEX(Jesper!AI$2:AI$366,ROUNDDOWN($C4418/24,0)+1,1))-1)+IF('Standard Profiles'!$G$19=$B$10,7,0)+IF('Standard Profiles'!$G$19=$B$17,14,0)+IF('Standard Profiles'!$G$19=$B$24,21,0),0)),0)</f>
        <v>0</v>
      </c>
      <c r="F4418" cm="1">
        <f t="array" ref="F4418">IFERROR(INDEX(Jesper!AJ$2:AJ$366,ROUNDDOWN($C4418/24,0)+1,1)*INDEX($D$3:$AA$30,INDEX(Jesper!$R$2:$R$366,ROW(INDEX(Jesper!AJ$2:AJ$366,ROUNDDOWN($C4418/24,0)+1,1))-1)+IF('Standard Profiles'!$G$20=$B$10,7,0)+IF('Standard Profiles'!$G$20=$B$17,14,0)+IF('Standard Profiles'!$G$20=$B$24,21,0),MOD($C4418,24)+1)/SUM(INDEX($D$3:$AA$30,INDEX(Jesper!$R$2:$R$366,ROW(INDEX(Jesper!AJ$2:AJ$366,ROUNDDOWN($C4418/24,0)+1,1))-1)+IF('Standard Profiles'!$G$20=$B$10,7,0)+IF('Standard Profiles'!$G$20=$B$17,14,0)+IF('Standard Profiles'!$G$20=$B$24,21,0),0)),0)</f>
        <v>0</v>
      </c>
      <c r="G4418" cm="1">
        <f t="array" ref="G4418">IFERROR(INDEX(Jesper!AK$2:AK$366,ROUNDDOWN($C4418/24,0)+1,1)*INDEX($D$3:$AA$30,INDEX(Jesper!$R$2:$R$366,ROW(INDEX(Jesper!AK$2:AK$366,ROUNDDOWN($C4418/24,0)+1,1))-1)+IF('Standard Profiles'!$G$21=$B$10,7,0)+IF('Standard Profiles'!$G$21=$B$17,14,0)+IF('Standard Profiles'!$G$21=$B$24,21,0),MOD($C4418,24)+1)/SUM(INDEX($D$3:$AA$30,INDEX(Jesper!$R$2:$R$366,ROW(INDEX(Jesper!AK$2:AK$366,ROUNDDOWN($C4418/24,0)+1,1))-1)+IF('Standard Profiles'!$G$21=$B$10,7,0)+IF('Standard Profiles'!$G$21=$B$17,14,0)+IF('Standard Profiles'!$G$21=$B$24,21,0),0)),0)</f>
        <v>0</v>
      </c>
      <c r="H4418" cm="1">
        <f t="array" ref="H4418">IFERROR(INDEX(Jesper!AL$2:AL$366,ROUNDDOWN($C4418/24,0)+1,1)*INDEX($D$3:$AA$30,INDEX(Jesper!$R$2:$R$366,ROW(INDEX(Jesper!AL$2:AL$366,ROUNDDOWN($C4418/24,0)+1,1))-1)+IF('Standard Profiles'!$G$22=$B$10,7,0)+IF('Standard Profiles'!$G$22=$B$17,14,0)+IF('Standard Profiles'!$G$22=$B$24,21,0),MOD($C4418,24)+1)/SUM(INDEX($D$3:$AA$30,INDEX(Jesper!$R$2:$R$366,ROW(INDEX(Jesper!AL$2:AL$366,ROUNDDOWN($C4418/24,0)+1,1))-1)+IF('Standard Profiles'!$G$22=$B$10,7,0)+IF('Standard Profiles'!$G$22=$B$17,14,0)+IF('Standard Profiles'!$G$22=$B$24,21,0),0)),0)</f>
        <v>0</v>
      </c>
      <c r="I4418">
        <f t="shared" si="496"/>
        <v>0.46434458359310543</v>
      </c>
      <c r="J4418">
        <f t="shared" si="497"/>
        <v>1.547815278643685</v>
      </c>
      <c r="K4418">
        <f t="shared" si="498"/>
        <v>2.321722917965527</v>
      </c>
      <c r="L4418">
        <f t="shared" si="499"/>
        <v>11.14427000623453</v>
      </c>
      <c r="M4418">
        <f t="shared" si="500"/>
        <v>0</v>
      </c>
      <c r="N4418" s="46">
        <f t="shared" si="501"/>
        <v>45474.666666656034</v>
      </c>
    </row>
    <row r="4419" spans="2:14" x14ac:dyDescent="0.3">
      <c r="B4419">
        <f t="shared" si="495"/>
        <v>1</v>
      </c>
      <c r="C4419" s="16">
        <v>4385</v>
      </c>
      <c r="D4419" cm="1">
        <f t="array" ref="D4419">IFERROR(INDEX(Jesper!AH$2:AH$366,ROUNDDOWN($C4419/24,0)+1,1)*INDEX($D$3:$AA$30,INDEX(Jesper!$R$2:$R$366,ROW(INDEX(Jesper!AH$2:AH$366,ROUNDDOWN($C4419/24,0)+1,1))-1)+IF('Standard Profiles'!$G$18=$B$10,7,0)+IF('Standard Profiles'!$G$18=$B$17,14,0)+IF('Standard Profiles'!$G$18=$B$24,21,0),MOD($C4419,24)+1)/SUM(INDEX($D$3:$AA$30,INDEX(Jesper!$R$2:$R$366,ROW(INDEX(Jesper!AH$2:AH$366,ROUNDDOWN($C4419/24,0)+1,1))-1)+IF('Standard Profiles'!$G$18=$B$10,7,0)+IF('Standard Profiles'!$G$18=$B$17,14,0)+IF('Standard Profiles'!$G$18=$B$24,21,0),0)),0)</f>
        <v>15.478152786436848</v>
      </c>
      <c r="E4419" cm="1">
        <f t="array" ref="E4419">IFERROR(INDEX(Jesper!AI$2:AI$366,ROUNDDOWN($C4419/24,0)+1,1)*INDEX($D$3:$AA$30,INDEX(Jesper!$R$2:$R$366,ROW(INDEX(Jesper!AI$2:AI$366,ROUNDDOWN($C4419/24,0)+1,1))-1)+IF('Standard Profiles'!$G$19=$B$10,7,0)+IF('Standard Profiles'!$G$19=$B$17,14,0)+IF('Standard Profiles'!$G$19=$B$24,21,0),MOD($C4419,24)+1)/SUM(INDEX($D$3:$AA$30,INDEX(Jesper!$R$2:$R$366,ROW(INDEX(Jesper!AI$2:AI$366,ROUNDDOWN($C4419/24,0)+1,1))-1)+IF('Standard Profiles'!$G$19=$B$10,7,0)+IF('Standard Profiles'!$G$19=$B$17,14,0)+IF('Standard Profiles'!$G$19=$B$24,21,0),0)),0)</f>
        <v>0</v>
      </c>
      <c r="F4419" cm="1">
        <f t="array" ref="F4419">IFERROR(INDEX(Jesper!AJ$2:AJ$366,ROUNDDOWN($C4419/24,0)+1,1)*INDEX($D$3:$AA$30,INDEX(Jesper!$R$2:$R$366,ROW(INDEX(Jesper!AJ$2:AJ$366,ROUNDDOWN($C4419/24,0)+1,1))-1)+IF('Standard Profiles'!$G$20=$B$10,7,0)+IF('Standard Profiles'!$G$20=$B$17,14,0)+IF('Standard Profiles'!$G$20=$B$24,21,0),MOD($C4419,24)+1)/SUM(INDEX($D$3:$AA$30,INDEX(Jesper!$R$2:$R$366,ROW(INDEX(Jesper!AJ$2:AJ$366,ROUNDDOWN($C4419/24,0)+1,1))-1)+IF('Standard Profiles'!$G$20=$B$10,7,0)+IF('Standard Profiles'!$G$20=$B$17,14,0)+IF('Standard Profiles'!$G$20=$B$24,21,0),0)),0)</f>
        <v>0</v>
      </c>
      <c r="G4419" cm="1">
        <f t="array" ref="G4419">IFERROR(INDEX(Jesper!AK$2:AK$366,ROUNDDOWN($C4419/24,0)+1,1)*INDEX($D$3:$AA$30,INDEX(Jesper!$R$2:$R$366,ROW(INDEX(Jesper!AK$2:AK$366,ROUNDDOWN($C4419/24,0)+1,1))-1)+IF('Standard Profiles'!$G$21=$B$10,7,0)+IF('Standard Profiles'!$G$21=$B$17,14,0)+IF('Standard Profiles'!$G$21=$B$24,21,0),MOD($C4419,24)+1)/SUM(INDEX($D$3:$AA$30,INDEX(Jesper!$R$2:$R$366,ROW(INDEX(Jesper!AK$2:AK$366,ROUNDDOWN($C4419/24,0)+1,1))-1)+IF('Standard Profiles'!$G$21=$B$10,7,0)+IF('Standard Profiles'!$G$21=$B$17,14,0)+IF('Standard Profiles'!$G$21=$B$24,21,0),0)),0)</f>
        <v>0</v>
      </c>
      <c r="H4419" cm="1">
        <f t="array" ref="H4419">IFERROR(INDEX(Jesper!AL$2:AL$366,ROUNDDOWN($C4419/24,0)+1,1)*INDEX($D$3:$AA$30,INDEX(Jesper!$R$2:$R$366,ROW(INDEX(Jesper!AL$2:AL$366,ROUNDDOWN($C4419/24,0)+1,1))-1)+IF('Standard Profiles'!$G$22=$B$10,7,0)+IF('Standard Profiles'!$G$22=$B$17,14,0)+IF('Standard Profiles'!$G$22=$B$24,21,0),MOD($C4419,24)+1)/SUM(INDEX($D$3:$AA$30,INDEX(Jesper!$R$2:$R$366,ROW(INDEX(Jesper!AL$2:AL$366,ROUNDDOWN($C4419/24,0)+1,1))-1)+IF('Standard Profiles'!$G$22=$B$10,7,0)+IF('Standard Profiles'!$G$22=$B$17,14,0)+IF('Standard Profiles'!$G$22=$B$24,21,0),0)),0)</f>
        <v>0</v>
      </c>
      <c r="I4419">
        <f t="shared" si="496"/>
        <v>0.46434458359310543</v>
      </c>
      <c r="J4419">
        <f t="shared" si="497"/>
        <v>1.547815278643685</v>
      </c>
      <c r="K4419">
        <f t="shared" si="498"/>
        <v>2.321722917965527</v>
      </c>
      <c r="L4419">
        <f t="shared" si="499"/>
        <v>11.14427000623453</v>
      </c>
      <c r="M4419">
        <f t="shared" si="500"/>
        <v>0</v>
      </c>
      <c r="N4419" s="46">
        <f t="shared" si="501"/>
        <v>45474.708333322698</v>
      </c>
    </row>
    <row r="4420" spans="2:14" x14ac:dyDescent="0.3">
      <c r="B4420">
        <f t="shared" si="495"/>
        <v>1</v>
      </c>
      <c r="C4420" s="16">
        <v>4386</v>
      </c>
      <c r="D4420" cm="1">
        <f t="array" ref="D4420">IFERROR(INDEX(Jesper!AH$2:AH$366,ROUNDDOWN($C4420/24,0)+1,1)*INDEX($D$3:$AA$30,INDEX(Jesper!$R$2:$R$366,ROW(INDEX(Jesper!AH$2:AH$366,ROUNDDOWN($C4420/24,0)+1,1))-1)+IF('Standard Profiles'!$G$18=$B$10,7,0)+IF('Standard Profiles'!$G$18=$B$17,14,0)+IF('Standard Profiles'!$G$18=$B$24,21,0),MOD($C4420,24)+1)/SUM(INDEX($D$3:$AA$30,INDEX(Jesper!$R$2:$R$366,ROW(INDEX(Jesper!AH$2:AH$366,ROUNDDOWN($C4420/24,0)+1,1))-1)+IF('Standard Profiles'!$G$18=$B$10,7,0)+IF('Standard Profiles'!$G$18=$B$17,14,0)+IF('Standard Profiles'!$G$18=$B$24,21,0),0)),0)</f>
        <v>15.478152786436848</v>
      </c>
      <c r="E4420" cm="1">
        <f t="array" ref="E4420">IFERROR(INDEX(Jesper!AI$2:AI$366,ROUNDDOWN($C4420/24,0)+1,1)*INDEX($D$3:$AA$30,INDEX(Jesper!$R$2:$R$366,ROW(INDEX(Jesper!AI$2:AI$366,ROUNDDOWN($C4420/24,0)+1,1))-1)+IF('Standard Profiles'!$G$19=$B$10,7,0)+IF('Standard Profiles'!$G$19=$B$17,14,0)+IF('Standard Profiles'!$G$19=$B$24,21,0),MOD($C4420,24)+1)/SUM(INDEX($D$3:$AA$30,INDEX(Jesper!$R$2:$R$366,ROW(INDEX(Jesper!AI$2:AI$366,ROUNDDOWN($C4420/24,0)+1,1))-1)+IF('Standard Profiles'!$G$19=$B$10,7,0)+IF('Standard Profiles'!$G$19=$B$17,14,0)+IF('Standard Profiles'!$G$19=$B$24,21,0),0)),0)</f>
        <v>0</v>
      </c>
      <c r="F4420" cm="1">
        <f t="array" ref="F4420">IFERROR(INDEX(Jesper!AJ$2:AJ$366,ROUNDDOWN($C4420/24,0)+1,1)*INDEX($D$3:$AA$30,INDEX(Jesper!$R$2:$R$366,ROW(INDEX(Jesper!AJ$2:AJ$366,ROUNDDOWN($C4420/24,0)+1,1))-1)+IF('Standard Profiles'!$G$20=$B$10,7,0)+IF('Standard Profiles'!$G$20=$B$17,14,0)+IF('Standard Profiles'!$G$20=$B$24,21,0),MOD($C4420,24)+1)/SUM(INDEX($D$3:$AA$30,INDEX(Jesper!$R$2:$R$366,ROW(INDEX(Jesper!AJ$2:AJ$366,ROUNDDOWN($C4420/24,0)+1,1))-1)+IF('Standard Profiles'!$G$20=$B$10,7,0)+IF('Standard Profiles'!$G$20=$B$17,14,0)+IF('Standard Profiles'!$G$20=$B$24,21,0),0)),0)</f>
        <v>0</v>
      </c>
      <c r="G4420" cm="1">
        <f t="array" ref="G4420">IFERROR(INDEX(Jesper!AK$2:AK$366,ROUNDDOWN($C4420/24,0)+1,1)*INDEX($D$3:$AA$30,INDEX(Jesper!$R$2:$R$366,ROW(INDEX(Jesper!AK$2:AK$366,ROUNDDOWN($C4420/24,0)+1,1))-1)+IF('Standard Profiles'!$G$21=$B$10,7,0)+IF('Standard Profiles'!$G$21=$B$17,14,0)+IF('Standard Profiles'!$G$21=$B$24,21,0),MOD($C4420,24)+1)/SUM(INDEX($D$3:$AA$30,INDEX(Jesper!$R$2:$R$366,ROW(INDEX(Jesper!AK$2:AK$366,ROUNDDOWN($C4420/24,0)+1,1))-1)+IF('Standard Profiles'!$G$21=$B$10,7,0)+IF('Standard Profiles'!$G$21=$B$17,14,0)+IF('Standard Profiles'!$G$21=$B$24,21,0),0)),0)</f>
        <v>0</v>
      </c>
      <c r="H4420" cm="1">
        <f t="array" ref="H4420">IFERROR(INDEX(Jesper!AL$2:AL$366,ROUNDDOWN($C4420/24,0)+1,1)*INDEX($D$3:$AA$30,INDEX(Jesper!$R$2:$R$366,ROW(INDEX(Jesper!AL$2:AL$366,ROUNDDOWN($C4420/24,0)+1,1))-1)+IF('Standard Profiles'!$G$22=$B$10,7,0)+IF('Standard Profiles'!$G$22=$B$17,14,0)+IF('Standard Profiles'!$G$22=$B$24,21,0),MOD($C4420,24)+1)/SUM(INDEX($D$3:$AA$30,INDEX(Jesper!$R$2:$R$366,ROW(INDEX(Jesper!AL$2:AL$366,ROUNDDOWN($C4420/24,0)+1,1))-1)+IF('Standard Profiles'!$G$22=$B$10,7,0)+IF('Standard Profiles'!$G$22=$B$17,14,0)+IF('Standard Profiles'!$G$22=$B$24,21,0),0)),0)</f>
        <v>0</v>
      </c>
      <c r="I4420">
        <f t="shared" si="496"/>
        <v>0.46434458359310543</v>
      </c>
      <c r="J4420">
        <f t="shared" si="497"/>
        <v>1.547815278643685</v>
      </c>
      <c r="K4420">
        <f t="shared" si="498"/>
        <v>2.321722917965527</v>
      </c>
      <c r="L4420">
        <f t="shared" si="499"/>
        <v>11.14427000623453</v>
      </c>
      <c r="M4420">
        <f t="shared" si="500"/>
        <v>0</v>
      </c>
      <c r="N4420" s="46">
        <f t="shared" si="501"/>
        <v>45474.749999989363</v>
      </c>
    </row>
    <row r="4421" spans="2:14" x14ac:dyDescent="0.3">
      <c r="B4421">
        <f t="shared" si="495"/>
        <v>1</v>
      </c>
      <c r="C4421" s="16">
        <v>4387</v>
      </c>
      <c r="D4421" cm="1">
        <f t="array" ref="D4421">IFERROR(INDEX(Jesper!AH$2:AH$366,ROUNDDOWN($C4421/24,0)+1,1)*INDEX($D$3:$AA$30,INDEX(Jesper!$R$2:$R$366,ROW(INDEX(Jesper!AH$2:AH$366,ROUNDDOWN($C4421/24,0)+1,1))-1)+IF('Standard Profiles'!$G$18=$B$10,7,0)+IF('Standard Profiles'!$G$18=$B$17,14,0)+IF('Standard Profiles'!$G$18=$B$24,21,0),MOD($C4421,24)+1)/SUM(INDEX($D$3:$AA$30,INDEX(Jesper!$R$2:$R$366,ROW(INDEX(Jesper!AH$2:AH$366,ROUNDDOWN($C4421/24,0)+1,1))-1)+IF('Standard Profiles'!$G$18=$B$10,7,0)+IF('Standard Profiles'!$G$18=$B$17,14,0)+IF('Standard Profiles'!$G$18=$B$24,21,0),0)),0)</f>
        <v>12.962952958640859</v>
      </c>
      <c r="E4421" cm="1">
        <f t="array" ref="E4421">IFERROR(INDEX(Jesper!AI$2:AI$366,ROUNDDOWN($C4421/24,0)+1,1)*INDEX($D$3:$AA$30,INDEX(Jesper!$R$2:$R$366,ROW(INDEX(Jesper!AI$2:AI$366,ROUNDDOWN($C4421/24,0)+1,1))-1)+IF('Standard Profiles'!$G$19=$B$10,7,0)+IF('Standard Profiles'!$G$19=$B$17,14,0)+IF('Standard Profiles'!$G$19=$B$24,21,0),MOD($C4421,24)+1)/SUM(INDEX($D$3:$AA$30,INDEX(Jesper!$R$2:$R$366,ROW(INDEX(Jesper!AI$2:AI$366,ROUNDDOWN($C4421/24,0)+1,1))-1)+IF('Standard Profiles'!$G$19=$B$10,7,0)+IF('Standard Profiles'!$G$19=$B$17,14,0)+IF('Standard Profiles'!$G$19=$B$24,21,0),0)),0)</f>
        <v>0</v>
      </c>
      <c r="F4421" cm="1">
        <f t="array" ref="F4421">IFERROR(INDEX(Jesper!AJ$2:AJ$366,ROUNDDOWN($C4421/24,0)+1,1)*INDEX($D$3:$AA$30,INDEX(Jesper!$R$2:$R$366,ROW(INDEX(Jesper!AJ$2:AJ$366,ROUNDDOWN($C4421/24,0)+1,1))-1)+IF('Standard Profiles'!$G$20=$B$10,7,0)+IF('Standard Profiles'!$G$20=$B$17,14,0)+IF('Standard Profiles'!$G$20=$B$24,21,0),MOD($C4421,24)+1)/SUM(INDEX($D$3:$AA$30,INDEX(Jesper!$R$2:$R$366,ROW(INDEX(Jesper!AJ$2:AJ$366,ROUNDDOWN($C4421/24,0)+1,1))-1)+IF('Standard Profiles'!$G$20=$B$10,7,0)+IF('Standard Profiles'!$G$20=$B$17,14,0)+IF('Standard Profiles'!$G$20=$B$24,21,0),0)),0)</f>
        <v>0</v>
      </c>
      <c r="G4421" cm="1">
        <f t="array" ref="G4421">IFERROR(INDEX(Jesper!AK$2:AK$366,ROUNDDOWN($C4421/24,0)+1,1)*INDEX($D$3:$AA$30,INDEX(Jesper!$R$2:$R$366,ROW(INDEX(Jesper!AK$2:AK$366,ROUNDDOWN($C4421/24,0)+1,1))-1)+IF('Standard Profiles'!$G$21=$B$10,7,0)+IF('Standard Profiles'!$G$21=$B$17,14,0)+IF('Standard Profiles'!$G$21=$B$24,21,0),MOD($C4421,24)+1)/SUM(INDEX($D$3:$AA$30,INDEX(Jesper!$R$2:$R$366,ROW(INDEX(Jesper!AK$2:AK$366,ROUNDDOWN($C4421/24,0)+1,1))-1)+IF('Standard Profiles'!$G$21=$B$10,7,0)+IF('Standard Profiles'!$G$21=$B$17,14,0)+IF('Standard Profiles'!$G$21=$B$24,21,0),0)),0)</f>
        <v>0</v>
      </c>
      <c r="H4421" cm="1">
        <f t="array" ref="H4421">IFERROR(INDEX(Jesper!AL$2:AL$366,ROUNDDOWN($C4421/24,0)+1,1)*INDEX($D$3:$AA$30,INDEX(Jesper!$R$2:$R$366,ROW(INDEX(Jesper!AL$2:AL$366,ROUNDDOWN($C4421/24,0)+1,1))-1)+IF('Standard Profiles'!$G$22=$B$10,7,0)+IF('Standard Profiles'!$G$22=$B$17,14,0)+IF('Standard Profiles'!$G$22=$B$24,21,0),MOD($C4421,24)+1)/SUM(INDEX($D$3:$AA$30,INDEX(Jesper!$R$2:$R$366,ROW(INDEX(Jesper!AL$2:AL$366,ROUNDDOWN($C4421/24,0)+1,1))-1)+IF('Standard Profiles'!$G$22=$B$10,7,0)+IF('Standard Profiles'!$G$22=$B$17,14,0)+IF('Standard Profiles'!$G$22=$B$24,21,0),0)),0)</f>
        <v>0</v>
      </c>
      <c r="I4421">
        <f t="shared" si="496"/>
        <v>0.38888858875922577</v>
      </c>
      <c r="J4421">
        <f t="shared" si="497"/>
        <v>1.2962952958640859</v>
      </c>
      <c r="K4421">
        <f t="shared" si="498"/>
        <v>1.9444429437961288</v>
      </c>
      <c r="L4421">
        <f t="shared" si="499"/>
        <v>9.3333261302214172</v>
      </c>
      <c r="M4421">
        <f t="shared" si="500"/>
        <v>0</v>
      </c>
      <c r="N4421" s="46">
        <f t="shared" si="501"/>
        <v>45474.791666656027</v>
      </c>
    </row>
    <row r="4422" spans="2:14" x14ac:dyDescent="0.3">
      <c r="B4422">
        <f t="shared" si="495"/>
        <v>1</v>
      </c>
      <c r="C4422" s="16">
        <v>4388</v>
      </c>
      <c r="D4422" cm="1">
        <f t="array" ref="D4422">IFERROR(INDEX(Jesper!AH$2:AH$366,ROUNDDOWN($C4422/24,0)+1,1)*INDEX($D$3:$AA$30,INDEX(Jesper!$R$2:$R$366,ROW(INDEX(Jesper!AH$2:AH$366,ROUNDDOWN($C4422/24,0)+1,1))-1)+IF('Standard Profiles'!$G$18=$B$10,7,0)+IF('Standard Profiles'!$G$18=$B$17,14,0)+IF('Standard Profiles'!$G$18=$B$24,21,0),MOD($C4422,24)+1)/SUM(INDEX($D$3:$AA$30,INDEX(Jesper!$R$2:$R$366,ROW(INDEX(Jesper!AH$2:AH$366,ROUNDDOWN($C4422/24,0)+1,1))-1)+IF('Standard Profiles'!$G$18=$B$10,7,0)+IF('Standard Profiles'!$G$18=$B$17,14,0)+IF('Standard Profiles'!$G$18=$B$24,21,0),0)),0)</f>
        <v>10.641230040675332</v>
      </c>
      <c r="E4422" cm="1">
        <f t="array" ref="E4422">IFERROR(INDEX(Jesper!AI$2:AI$366,ROUNDDOWN($C4422/24,0)+1,1)*INDEX($D$3:$AA$30,INDEX(Jesper!$R$2:$R$366,ROW(INDEX(Jesper!AI$2:AI$366,ROUNDDOWN($C4422/24,0)+1,1))-1)+IF('Standard Profiles'!$G$19=$B$10,7,0)+IF('Standard Profiles'!$G$19=$B$17,14,0)+IF('Standard Profiles'!$G$19=$B$24,21,0),MOD($C4422,24)+1)/SUM(INDEX($D$3:$AA$30,INDEX(Jesper!$R$2:$R$366,ROW(INDEX(Jesper!AI$2:AI$366,ROUNDDOWN($C4422/24,0)+1,1))-1)+IF('Standard Profiles'!$G$19=$B$10,7,0)+IF('Standard Profiles'!$G$19=$B$17,14,0)+IF('Standard Profiles'!$G$19=$B$24,21,0),0)),0)</f>
        <v>0</v>
      </c>
      <c r="F4422" cm="1">
        <f t="array" ref="F4422">IFERROR(INDEX(Jesper!AJ$2:AJ$366,ROUNDDOWN($C4422/24,0)+1,1)*INDEX($D$3:$AA$30,INDEX(Jesper!$R$2:$R$366,ROW(INDEX(Jesper!AJ$2:AJ$366,ROUNDDOWN($C4422/24,0)+1,1))-1)+IF('Standard Profiles'!$G$20=$B$10,7,0)+IF('Standard Profiles'!$G$20=$B$17,14,0)+IF('Standard Profiles'!$G$20=$B$24,21,0),MOD($C4422,24)+1)/SUM(INDEX($D$3:$AA$30,INDEX(Jesper!$R$2:$R$366,ROW(INDEX(Jesper!AJ$2:AJ$366,ROUNDDOWN($C4422/24,0)+1,1))-1)+IF('Standard Profiles'!$G$20=$B$10,7,0)+IF('Standard Profiles'!$G$20=$B$17,14,0)+IF('Standard Profiles'!$G$20=$B$24,21,0),0)),0)</f>
        <v>0</v>
      </c>
      <c r="G4422" cm="1">
        <f t="array" ref="G4422">IFERROR(INDEX(Jesper!AK$2:AK$366,ROUNDDOWN($C4422/24,0)+1,1)*INDEX($D$3:$AA$30,INDEX(Jesper!$R$2:$R$366,ROW(INDEX(Jesper!AK$2:AK$366,ROUNDDOWN($C4422/24,0)+1,1))-1)+IF('Standard Profiles'!$G$21=$B$10,7,0)+IF('Standard Profiles'!$G$21=$B$17,14,0)+IF('Standard Profiles'!$G$21=$B$24,21,0),MOD($C4422,24)+1)/SUM(INDEX($D$3:$AA$30,INDEX(Jesper!$R$2:$R$366,ROW(INDEX(Jesper!AK$2:AK$366,ROUNDDOWN($C4422/24,0)+1,1))-1)+IF('Standard Profiles'!$G$21=$B$10,7,0)+IF('Standard Profiles'!$G$21=$B$17,14,0)+IF('Standard Profiles'!$G$21=$B$24,21,0),0)),0)</f>
        <v>0</v>
      </c>
      <c r="H4422" cm="1">
        <f t="array" ref="H4422">IFERROR(INDEX(Jesper!AL$2:AL$366,ROUNDDOWN($C4422/24,0)+1,1)*INDEX($D$3:$AA$30,INDEX(Jesper!$R$2:$R$366,ROW(INDEX(Jesper!AL$2:AL$366,ROUNDDOWN($C4422/24,0)+1,1))-1)+IF('Standard Profiles'!$G$22=$B$10,7,0)+IF('Standard Profiles'!$G$22=$B$17,14,0)+IF('Standard Profiles'!$G$22=$B$24,21,0),MOD($C4422,24)+1)/SUM(INDEX($D$3:$AA$30,INDEX(Jesper!$R$2:$R$366,ROW(INDEX(Jesper!AL$2:AL$366,ROUNDDOWN($C4422/24,0)+1,1))-1)+IF('Standard Profiles'!$G$22=$B$10,7,0)+IF('Standard Profiles'!$G$22=$B$17,14,0)+IF('Standard Profiles'!$G$22=$B$24,21,0),0)),0)</f>
        <v>0</v>
      </c>
      <c r="I4422">
        <f t="shared" si="496"/>
        <v>0.31923690122025994</v>
      </c>
      <c r="J4422">
        <f t="shared" si="497"/>
        <v>1.0641230040675331</v>
      </c>
      <c r="K4422">
        <f t="shared" si="498"/>
        <v>1.5961845061012998</v>
      </c>
      <c r="L4422">
        <f t="shared" si="499"/>
        <v>7.6616856292862385</v>
      </c>
      <c r="M4422">
        <f t="shared" si="500"/>
        <v>0</v>
      </c>
      <c r="N4422" s="46">
        <f t="shared" si="501"/>
        <v>45474.833333322691</v>
      </c>
    </row>
    <row r="4423" spans="2:14" x14ac:dyDescent="0.3">
      <c r="B4423">
        <f t="shared" si="495"/>
        <v>1</v>
      </c>
      <c r="C4423" s="16">
        <v>4389</v>
      </c>
      <c r="D4423" cm="1">
        <f t="array" ref="D4423">IFERROR(INDEX(Jesper!AH$2:AH$366,ROUNDDOWN($C4423/24,0)+1,1)*INDEX($D$3:$AA$30,INDEX(Jesper!$R$2:$R$366,ROW(INDEX(Jesper!AH$2:AH$366,ROUNDDOWN($C4423/24,0)+1,1))-1)+IF('Standard Profiles'!$G$18=$B$10,7,0)+IF('Standard Profiles'!$G$18=$B$17,14,0)+IF('Standard Profiles'!$G$18=$B$24,21,0),MOD($C4423,24)+1)/SUM(INDEX($D$3:$AA$30,INDEX(Jesper!$R$2:$R$366,ROW(INDEX(Jesper!AH$2:AH$366,ROUNDDOWN($C4423/24,0)+1,1))-1)+IF('Standard Profiles'!$G$18=$B$10,7,0)+IF('Standard Profiles'!$G$18=$B$17,14,0)+IF('Standard Profiles'!$G$18=$B$24,21,0),0)),0)</f>
        <v>7.7390763932184239</v>
      </c>
      <c r="E4423" cm="1">
        <f t="array" ref="E4423">IFERROR(INDEX(Jesper!AI$2:AI$366,ROUNDDOWN($C4423/24,0)+1,1)*INDEX($D$3:$AA$30,INDEX(Jesper!$R$2:$R$366,ROW(INDEX(Jesper!AI$2:AI$366,ROUNDDOWN($C4423/24,0)+1,1))-1)+IF('Standard Profiles'!$G$19=$B$10,7,0)+IF('Standard Profiles'!$G$19=$B$17,14,0)+IF('Standard Profiles'!$G$19=$B$24,21,0),MOD($C4423,24)+1)/SUM(INDEX($D$3:$AA$30,INDEX(Jesper!$R$2:$R$366,ROW(INDEX(Jesper!AI$2:AI$366,ROUNDDOWN($C4423/24,0)+1,1))-1)+IF('Standard Profiles'!$G$19=$B$10,7,0)+IF('Standard Profiles'!$G$19=$B$17,14,0)+IF('Standard Profiles'!$G$19=$B$24,21,0),0)),0)</f>
        <v>0</v>
      </c>
      <c r="F4423" cm="1">
        <f t="array" ref="F4423">IFERROR(INDEX(Jesper!AJ$2:AJ$366,ROUNDDOWN($C4423/24,0)+1,1)*INDEX($D$3:$AA$30,INDEX(Jesper!$R$2:$R$366,ROW(INDEX(Jesper!AJ$2:AJ$366,ROUNDDOWN($C4423/24,0)+1,1))-1)+IF('Standard Profiles'!$G$20=$B$10,7,0)+IF('Standard Profiles'!$G$20=$B$17,14,0)+IF('Standard Profiles'!$G$20=$B$24,21,0),MOD($C4423,24)+1)/SUM(INDEX($D$3:$AA$30,INDEX(Jesper!$R$2:$R$366,ROW(INDEX(Jesper!AJ$2:AJ$366,ROUNDDOWN($C4423/24,0)+1,1))-1)+IF('Standard Profiles'!$G$20=$B$10,7,0)+IF('Standard Profiles'!$G$20=$B$17,14,0)+IF('Standard Profiles'!$G$20=$B$24,21,0),0)),0)</f>
        <v>0</v>
      </c>
      <c r="G4423" cm="1">
        <f t="array" ref="G4423">IFERROR(INDEX(Jesper!AK$2:AK$366,ROUNDDOWN($C4423/24,0)+1,1)*INDEX($D$3:$AA$30,INDEX(Jesper!$R$2:$R$366,ROW(INDEX(Jesper!AK$2:AK$366,ROUNDDOWN($C4423/24,0)+1,1))-1)+IF('Standard Profiles'!$G$21=$B$10,7,0)+IF('Standard Profiles'!$G$21=$B$17,14,0)+IF('Standard Profiles'!$G$21=$B$24,21,0),MOD($C4423,24)+1)/SUM(INDEX($D$3:$AA$30,INDEX(Jesper!$R$2:$R$366,ROW(INDEX(Jesper!AK$2:AK$366,ROUNDDOWN($C4423/24,0)+1,1))-1)+IF('Standard Profiles'!$G$21=$B$10,7,0)+IF('Standard Profiles'!$G$21=$B$17,14,0)+IF('Standard Profiles'!$G$21=$B$24,21,0),0)),0)</f>
        <v>0</v>
      </c>
      <c r="H4423" cm="1">
        <f t="array" ref="H4423">IFERROR(INDEX(Jesper!AL$2:AL$366,ROUNDDOWN($C4423/24,0)+1,1)*INDEX($D$3:$AA$30,INDEX(Jesper!$R$2:$R$366,ROW(INDEX(Jesper!AL$2:AL$366,ROUNDDOWN($C4423/24,0)+1,1))-1)+IF('Standard Profiles'!$G$22=$B$10,7,0)+IF('Standard Profiles'!$G$22=$B$17,14,0)+IF('Standard Profiles'!$G$22=$B$24,21,0),MOD($C4423,24)+1)/SUM(INDEX($D$3:$AA$30,INDEX(Jesper!$R$2:$R$366,ROW(INDEX(Jesper!AL$2:AL$366,ROUNDDOWN($C4423/24,0)+1,1))-1)+IF('Standard Profiles'!$G$22=$B$10,7,0)+IF('Standard Profiles'!$G$22=$B$17,14,0)+IF('Standard Profiles'!$G$22=$B$24,21,0),0)),0)</f>
        <v>0</v>
      </c>
      <c r="I4423">
        <f t="shared" si="496"/>
        <v>0.23217229179655272</v>
      </c>
      <c r="J4423">
        <f t="shared" si="497"/>
        <v>0.77390763932184248</v>
      </c>
      <c r="K4423">
        <f t="shared" si="498"/>
        <v>1.1608614589827635</v>
      </c>
      <c r="L4423">
        <f t="shared" si="499"/>
        <v>5.572135003117265</v>
      </c>
      <c r="M4423">
        <f t="shared" si="500"/>
        <v>0</v>
      </c>
      <c r="N4423" s="46">
        <f t="shared" si="501"/>
        <v>45474.874999989355</v>
      </c>
    </row>
    <row r="4424" spans="2:14" x14ac:dyDescent="0.3">
      <c r="B4424">
        <f t="shared" si="495"/>
        <v>1</v>
      </c>
      <c r="C4424" s="16">
        <v>4390</v>
      </c>
      <c r="D4424" cm="1">
        <f t="array" ref="D4424">IFERROR(INDEX(Jesper!AH$2:AH$366,ROUNDDOWN($C4424/24,0)+1,1)*INDEX($D$3:$AA$30,INDEX(Jesper!$R$2:$R$366,ROW(INDEX(Jesper!AH$2:AH$366,ROUNDDOWN($C4424/24,0)+1,1))-1)+IF('Standard Profiles'!$G$18=$B$10,7,0)+IF('Standard Profiles'!$G$18=$B$17,14,0)+IF('Standard Profiles'!$G$18=$B$24,21,0),MOD($C4424,24)+1)/SUM(INDEX($D$3:$AA$30,INDEX(Jesper!$R$2:$R$366,ROW(INDEX(Jesper!AH$2:AH$366,ROUNDDOWN($C4424/24,0)+1,1))-1)+IF('Standard Profiles'!$G$18=$B$10,7,0)+IF('Standard Profiles'!$G$18=$B$17,14,0)+IF('Standard Profiles'!$G$18=$B$24,21,0),0)),0)</f>
        <v>7.3521225735575015</v>
      </c>
      <c r="E4424" cm="1">
        <f t="array" ref="E4424">IFERROR(INDEX(Jesper!AI$2:AI$366,ROUNDDOWN($C4424/24,0)+1,1)*INDEX($D$3:$AA$30,INDEX(Jesper!$R$2:$R$366,ROW(INDEX(Jesper!AI$2:AI$366,ROUNDDOWN($C4424/24,0)+1,1))-1)+IF('Standard Profiles'!$G$19=$B$10,7,0)+IF('Standard Profiles'!$G$19=$B$17,14,0)+IF('Standard Profiles'!$G$19=$B$24,21,0),MOD($C4424,24)+1)/SUM(INDEX($D$3:$AA$30,INDEX(Jesper!$R$2:$R$366,ROW(INDEX(Jesper!AI$2:AI$366,ROUNDDOWN($C4424/24,0)+1,1))-1)+IF('Standard Profiles'!$G$19=$B$10,7,0)+IF('Standard Profiles'!$G$19=$B$17,14,0)+IF('Standard Profiles'!$G$19=$B$24,21,0),0)),0)</f>
        <v>0</v>
      </c>
      <c r="F4424" cm="1">
        <f t="array" ref="F4424">IFERROR(INDEX(Jesper!AJ$2:AJ$366,ROUNDDOWN($C4424/24,0)+1,1)*INDEX($D$3:$AA$30,INDEX(Jesper!$R$2:$R$366,ROW(INDEX(Jesper!AJ$2:AJ$366,ROUNDDOWN($C4424/24,0)+1,1))-1)+IF('Standard Profiles'!$G$20=$B$10,7,0)+IF('Standard Profiles'!$G$20=$B$17,14,0)+IF('Standard Profiles'!$G$20=$B$24,21,0),MOD($C4424,24)+1)/SUM(INDEX($D$3:$AA$30,INDEX(Jesper!$R$2:$R$366,ROW(INDEX(Jesper!AJ$2:AJ$366,ROUNDDOWN($C4424/24,0)+1,1))-1)+IF('Standard Profiles'!$G$20=$B$10,7,0)+IF('Standard Profiles'!$G$20=$B$17,14,0)+IF('Standard Profiles'!$G$20=$B$24,21,0),0)),0)</f>
        <v>0</v>
      </c>
      <c r="G4424" cm="1">
        <f t="array" ref="G4424">IFERROR(INDEX(Jesper!AK$2:AK$366,ROUNDDOWN($C4424/24,0)+1,1)*INDEX($D$3:$AA$30,INDEX(Jesper!$R$2:$R$366,ROW(INDEX(Jesper!AK$2:AK$366,ROUNDDOWN($C4424/24,0)+1,1))-1)+IF('Standard Profiles'!$G$21=$B$10,7,0)+IF('Standard Profiles'!$G$21=$B$17,14,0)+IF('Standard Profiles'!$G$21=$B$24,21,0),MOD($C4424,24)+1)/SUM(INDEX($D$3:$AA$30,INDEX(Jesper!$R$2:$R$366,ROW(INDEX(Jesper!AK$2:AK$366,ROUNDDOWN($C4424/24,0)+1,1))-1)+IF('Standard Profiles'!$G$21=$B$10,7,0)+IF('Standard Profiles'!$G$21=$B$17,14,0)+IF('Standard Profiles'!$G$21=$B$24,21,0),0)),0)</f>
        <v>0</v>
      </c>
      <c r="H4424" cm="1">
        <f t="array" ref="H4424">IFERROR(INDEX(Jesper!AL$2:AL$366,ROUNDDOWN($C4424/24,0)+1,1)*INDEX($D$3:$AA$30,INDEX(Jesper!$R$2:$R$366,ROW(INDEX(Jesper!AL$2:AL$366,ROUNDDOWN($C4424/24,0)+1,1))-1)+IF('Standard Profiles'!$G$22=$B$10,7,0)+IF('Standard Profiles'!$G$22=$B$17,14,0)+IF('Standard Profiles'!$G$22=$B$24,21,0),MOD($C4424,24)+1)/SUM(INDEX($D$3:$AA$30,INDEX(Jesper!$R$2:$R$366,ROW(INDEX(Jesper!AL$2:AL$366,ROUNDDOWN($C4424/24,0)+1,1))-1)+IF('Standard Profiles'!$G$22=$B$10,7,0)+IF('Standard Profiles'!$G$22=$B$17,14,0)+IF('Standard Profiles'!$G$22=$B$24,21,0),0)),0)</f>
        <v>0</v>
      </c>
      <c r="I4424">
        <f t="shared" si="496"/>
        <v>0.22056367720672504</v>
      </c>
      <c r="J4424">
        <f t="shared" si="497"/>
        <v>0.73521225735575024</v>
      </c>
      <c r="K4424">
        <f t="shared" si="498"/>
        <v>1.1028183860336251</v>
      </c>
      <c r="L4424">
        <f t="shared" si="499"/>
        <v>5.2935282529614005</v>
      </c>
      <c r="M4424">
        <f t="shared" si="500"/>
        <v>0</v>
      </c>
      <c r="N4424" s="46">
        <f t="shared" si="501"/>
        <v>45474.91666665602</v>
      </c>
    </row>
    <row r="4425" spans="2:14" x14ac:dyDescent="0.3">
      <c r="B4425">
        <f t="shared" si="495"/>
        <v>1</v>
      </c>
      <c r="C4425" s="16">
        <v>4391</v>
      </c>
      <c r="D4425" cm="1">
        <f t="array" ref="D4425">IFERROR(INDEX(Jesper!AH$2:AH$366,ROUNDDOWN($C4425/24,0)+1,1)*INDEX($D$3:$AA$30,INDEX(Jesper!$R$2:$R$366,ROW(INDEX(Jesper!AH$2:AH$366,ROUNDDOWN($C4425/24,0)+1,1))-1)+IF('Standard Profiles'!$G$18=$B$10,7,0)+IF('Standard Profiles'!$G$18=$B$17,14,0)+IF('Standard Profiles'!$G$18=$B$24,21,0),MOD($C4425,24)+1)/SUM(INDEX($D$3:$AA$30,INDEX(Jesper!$R$2:$R$366,ROW(INDEX(Jesper!AH$2:AH$366,ROUNDDOWN($C4425/24,0)+1,1))-1)+IF('Standard Profiles'!$G$18=$B$10,7,0)+IF('Standard Profiles'!$G$18=$B$17,14,0)+IF('Standard Profiles'!$G$18=$B$24,21,0),0)),0)</f>
        <v>7.3521225735575015</v>
      </c>
      <c r="E4425" cm="1">
        <f t="array" ref="E4425">IFERROR(INDEX(Jesper!AI$2:AI$366,ROUNDDOWN($C4425/24,0)+1,1)*INDEX($D$3:$AA$30,INDEX(Jesper!$R$2:$R$366,ROW(INDEX(Jesper!AI$2:AI$366,ROUNDDOWN($C4425/24,0)+1,1))-1)+IF('Standard Profiles'!$G$19=$B$10,7,0)+IF('Standard Profiles'!$G$19=$B$17,14,0)+IF('Standard Profiles'!$G$19=$B$24,21,0),MOD($C4425,24)+1)/SUM(INDEX($D$3:$AA$30,INDEX(Jesper!$R$2:$R$366,ROW(INDEX(Jesper!AI$2:AI$366,ROUNDDOWN($C4425/24,0)+1,1))-1)+IF('Standard Profiles'!$G$19=$B$10,7,0)+IF('Standard Profiles'!$G$19=$B$17,14,0)+IF('Standard Profiles'!$G$19=$B$24,21,0),0)),0)</f>
        <v>0</v>
      </c>
      <c r="F4425" cm="1">
        <f t="array" ref="F4425">IFERROR(INDEX(Jesper!AJ$2:AJ$366,ROUNDDOWN($C4425/24,0)+1,1)*INDEX($D$3:$AA$30,INDEX(Jesper!$R$2:$R$366,ROW(INDEX(Jesper!AJ$2:AJ$366,ROUNDDOWN($C4425/24,0)+1,1))-1)+IF('Standard Profiles'!$G$20=$B$10,7,0)+IF('Standard Profiles'!$G$20=$B$17,14,0)+IF('Standard Profiles'!$G$20=$B$24,21,0),MOD($C4425,24)+1)/SUM(INDEX($D$3:$AA$30,INDEX(Jesper!$R$2:$R$366,ROW(INDEX(Jesper!AJ$2:AJ$366,ROUNDDOWN($C4425/24,0)+1,1))-1)+IF('Standard Profiles'!$G$20=$B$10,7,0)+IF('Standard Profiles'!$G$20=$B$17,14,0)+IF('Standard Profiles'!$G$20=$B$24,21,0),0)),0)</f>
        <v>0</v>
      </c>
      <c r="G4425" cm="1">
        <f t="array" ref="G4425">IFERROR(INDEX(Jesper!AK$2:AK$366,ROUNDDOWN($C4425/24,0)+1,1)*INDEX($D$3:$AA$30,INDEX(Jesper!$R$2:$R$366,ROW(INDEX(Jesper!AK$2:AK$366,ROUNDDOWN($C4425/24,0)+1,1))-1)+IF('Standard Profiles'!$G$21=$B$10,7,0)+IF('Standard Profiles'!$G$21=$B$17,14,0)+IF('Standard Profiles'!$G$21=$B$24,21,0),MOD($C4425,24)+1)/SUM(INDEX($D$3:$AA$30,INDEX(Jesper!$R$2:$R$366,ROW(INDEX(Jesper!AK$2:AK$366,ROUNDDOWN($C4425/24,0)+1,1))-1)+IF('Standard Profiles'!$G$21=$B$10,7,0)+IF('Standard Profiles'!$G$21=$B$17,14,0)+IF('Standard Profiles'!$G$21=$B$24,21,0),0)),0)</f>
        <v>0</v>
      </c>
      <c r="H4425" cm="1">
        <f t="array" ref="H4425">IFERROR(INDEX(Jesper!AL$2:AL$366,ROUNDDOWN($C4425/24,0)+1,1)*INDEX($D$3:$AA$30,INDEX(Jesper!$R$2:$R$366,ROW(INDEX(Jesper!AL$2:AL$366,ROUNDDOWN($C4425/24,0)+1,1))-1)+IF('Standard Profiles'!$G$22=$B$10,7,0)+IF('Standard Profiles'!$G$22=$B$17,14,0)+IF('Standard Profiles'!$G$22=$B$24,21,0),MOD($C4425,24)+1)/SUM(INDEX($D$3:$AA$30,INDEX(Jesper!$R$2:$R$366,ROW(INDEX(Jesper!AL$2:AL$366,ROUNDDOWN($C4425/24,0)+1,1))-1)+IF('Standard Profiles'!$G$22=$B$10,7,0)+IF('Standard Profiles'!$G$22=$B$17,14,0)+IF('Standard Profiles'!$G$22=$B$24,21,0),0)),0)</f>
        <v>0</v>
      </c>
      <c r="I4425">
        <f t="shared" si="496"/>
        <v>0.22056367720672504</v>
      </c>
      <c r="J4425">
        <f t="shared" si="497"/>
        <v>0.73521225735575024</v>
      </c>
      <c r="K4425">
        <f t="shared" si="498"/>
        <v>1.1028183860336251</v>
      </c>
      <c r="L4425">
        <f t="shared" si="499"/>
        <v>5.2935282529614005</v>
      </c>
      <c r="M4425">
        <f t="shared" si="500"/>
        <v>0</v>
      </c>
      <c r="N4425" s="46">
        <f t="shared" si="501"/>
        <v>45474.958333322684</v>
      </c>
    </row>
    <row r="4426" spans="2:14" x14ac:dyDescent="0.3">
      <c r="B4426">
        <f t="shared" si="495"/>
        <v>2</v>
      </c>
      <c r="C4426" s="16">
        <v>4392</v>
      </c>
      <c r="D4426" cm="1">
        <f t="array" ref="D4426">IFERROR(INDEX(Jesper!AH$2:AH$366,ROUNDDOWN($C4426/24,0)+1,1)*INDEX($D$3:$AA$30,INDEX(Jesper!$R$2:$R$366,ROW(INDEX(Jesper!AH$2:AH$366,ROUNDDOWN($C4426/24,0)+1,1))-1)+IF('Standard Profiles'!$G$18=$B$10,7,0)+IF('Standard Profiles'!$G$18=$B$17,14,0)+IF('Standard Profiles'!$G$18=$B$24,21,0),MOD($C4426,24)+1)/SUM(INDEX($D$3:$AA$30,INDEX(Jesper!$R$2:$R$366,ROW(INDEX(Jesper!AH$2:AH$366,ROUNDDOWN($C4426/24,0)+1,1))-1)+IF('Standard Profiles'!$G$18=$B$10,7,0)+IF('Standard Profiles'!$G$18=$B$17,14,0)+IF('Standard Profiles'!$G$18=$B$24,21,0),0)),0)</f>
        <v>6.9297734886064344</v>
      </c>
      <c r="E4426" cm="1">
        <f t="array" ref="E4426">IFERROR(INDEX(Jesper!AI$2:AI$366,ROUNDDOWN($C4426/24,0)+1,1)*INDEX($D$3:$AA$30,INDEX(Jesper!$R$2:$R$366,ROW(INDEX(Jesper!AI$2:AI$366,ROUNDDOWN($C4426/24,0)+1,1))-1)+IF('Standard Profiles'!$G$19=$B$10,7,0)+IF('Standard Profiles'!$G$19=$B$17,14,0)+IF('Standard Profiles'!$G$19=$B$24,21,0),MOD($C4426,24)+1)/SUM(INDEX($D$3:$AA$30,INDEX(Jesper!$R$2:$R$366,ROW(INDEX(Jesper!AI$2:AI$366,ROUNDDOWN($C4426/24,0)+1,1))-1)+IF('Standard Profiles'!$G$19=$B$10,7,0)+IF('Standard Profiles'!$G$19=$B$17,14,0)+IF('Standard Profiles'!$G$19=$B$24,21,0),0)),0)</f>
        <v>0</v>
      </c>
      <c r="F4426" cm="1">
        <f t="array" ref="F4426">IFERROR(INDEX(Jesper!AJ$2:AJ$366,ROUNDDOWN($C4426/24,0)+1,1)*INDEX($D$3:$AA$30,INDEX(Jesper!$R$2:$R$366,ROW(INDEX(Jesper!AJ$2:AJ$366,ROUNDDOWN($C4426/24,0)+1,1))-1)+IF('Standard Profiles'!$G$20=$B$10,7,0)+IF('Standard Profiles'!$G$20=$B$17,14,0)+IF('Standard Profiles'!$G$20=$B$24,21,0),MOD($C4426,24)+1)/SUM(INDEX($D$3:$AA$30,INDEX(Jesper!$R$2:$R$366,ROW(INDEX(Jesper!AJ$2:AJ$366,ROUNDDOWN($C4426/24,0)+1,1))-1)+IF('Standard Profiles'!$G$20=$B$10,7,0)+IF('Standard Profiles'!$G$20=$B$17,14,0)+IF('Standard Profiles'!$G$20=$B$24,21,0),0)),0)</f>
        <v>0</v>
      </c>
      <c r="G4426" cm="1">
        <f t="array" ref="G4426">IFERROR(INDEX(Jesper!AK$2:AK$366,ROUNDDOWN($C4426/24,0)+1,1)*INDEX($D$3:$AA$30,INDEX(Jesper!$R$2:$R$366,ROW(INDEX(Jesper!AK$2:AK$366,ROUNDDOWN($C4426/24,0)+1,1))-1)+IF('Standard Profiles'!$G$21=$B$10,7,0)+IF('Standard Profiles'!$G$21=$B$17,14,0)+IF('Standard Profiles'!$G$21=$B$24,21,0),MOD($C4426,24)+1)/SUM(INDEX($D$3:$AA$30,INDEX(Jesper!$R$2:$R$366,ROW(INDEX(Jesper!AK$2:AK$366,ROUNDDOWN($C4426/24,0)+1,1))-1)+IF('Standard Profiles'!$G$21=$B$10,7,0)+IF('Standard Profiles'!$G$21=$B$17,14,0)+IF('Standard Profiles'!$G$21=$B$24,21,0),0)),0)</f>
        <v>0</v>
      </c>
      <c r="H4426" cm="1">
        <f t="array" ref="H4426">IFERROR(INDEX(Jesper!AL$2:AL$366,ROUNDDOWN($C4426/24,0)+1,1)*INDEX($D$3:$AA$30,INDEX(Jesper!$R$2:$R$366,ROW(INDEX(Jesper!AL$2:AL$366,ROUNDDOWN($C4426/24,0)+1,1))-1)+IF('Standard Profiles'!$G$22=$B$10,7,0)+IF('Standard Profiles'!$G$22=$B$17,14,0)+IF('Standard Profiles'!$G$22=$B$24,21,0),MOD($C4426,24)+1)/SUM(INDEX($D$3:$AA$30,INDEX(Jesper!$R$2:$R$366,ROW(INDEX(Jesper!AL$2:AL$366,ROUNDDOWN($C4426/24,0)+1,1))-1)+IF('Standard Profiles'!$G$22=$B$10,7,0)+IF('Standard Profiles'!$G$22=$B$17,14,0)+IF('Standard Profiles'!$G$22=$B$24,21,0),0)),0)</f>
        <v>0</v>
      </c>
      <c r="I4426">
        <f t="shared" si="496"/>
        <v>0.20789320465819303</v>
      </c>
      <c r="J4426">
        <f t="shared" si="497"/>
        <v>0.69297734886064344</v>
      </c>
      <c r="K4426">
        <f t="shared" si="498"/>
        <v>1.0394660232909652</v>
      </c>
      <c r="L4426">
        <f t="shared" si="499"/>
        <v>4.9894369117966324</v>
      </c>
      <c r="M4426">
        <f t="shared" si="500"/>
        <v>0</v>
      </c>
      <c r="N4426" s="46">
        <f t="shared" si="501"/>
        <v>45474.999999989348</v>
      </c>
    </row>
    <row r="4427" spans="2:14" x14ac:dyDescent="0.3">
      <c r="B4427">
        <f t="shared" si="495"/>
        <v>2</v>
      </c>
      <c r="C4427" s="16">
        <v>4393</v>
      </c>
      <c r="D4427" cm="1">
        <f t="array" ref="D4427">IFERROR(INDEX(Jesper!AH$2:AH$366,ROUNDDOWN($C4427/24,0)+1,1)*INDEX($D$3:$AA$30,INDEX(Jesper!$R$2:$R$366,ROW(INDEX(Jesper!AH$2:AH$366,ROUNDDOWN($C4427/24,0)+1,1))-1)+IF('Standard Profiles'!$G$18=$B$10,7,0)+IF('Standard Profiles'!$G$18=$B$17,14,0)+IF('Standard Profiles'!$G$18=$B$24,21,0),MOD($C4427,24)+1)/SUM(INDEX($D$3:$AA$30,INDEX(Jesper!$R$2:$R$366,ROW(INDEX(Jesper!AH$2:AH$366,ROUNDDOWN($C4427/24,0)+1,1))-1)+IF('Standard Profiles'!$G$18=$B$10,7,0)+IF('Standard Profiles'!$G$18=$B$17,14,0)+IF('Standard Profiles'!$G$18=$B$24,21,0),0)),0)</f>
        <v>6.9297734886064344</v>
      </c>
      <c r="E4427" cm="1">
        <f t="array" ref="E4427">IFERROR(INDEX(Jesper!AI$2:AI$366,ROUNDDOWN($C4427/24,0)+1,1)*INDEX($D$3:$AA$30,INDEX(Jesper!$R$2:$R$366,ROW(INDEX(Jesper!AI$2:AI$366,ROUNDDOWN($C4427/24,0)+1,1))-1)+IF('Standard Profiles'!$G$19=$B$10,7,0)+IF('Standard Profiles'!$G$19=$B$17,14,0)+IF('Standard Profiles'!$G$19=$B$24,21,0),MOD($C4427,24)+1)/SUM(INDEX($D$3:$AA$30,INDEX(Jesper!$R$2:$R$366,ROW(INDEX(Jesper!AI$2:AI$366,ROUNDDOWN($C4427/24,0)+1,1))-1)+IF('Standard Profiles'!$G$19=$B$10,7,0)+IF('Standard Profiles'!$G$19=$B$17,14,0)+IF('Standard Profiles'!$G$19=$B$24,21,0),0)),0)</f>
        <v>0</v>
      </c>
      <c r="F4427" cm="1">
        <f t="array" ref="F4427">IFERROR(INDEX(Jesper!AJ$2:AJ$366,ROUNDDOWN($C4427/24,0)+1,1)*INDEX($D$3:$AA$30,INDEX(Jesper!$R$2:$R$366,ROW(INDEX(Jesper!AJ$2:AJ$366,ROUNDDOWN($C4427/24,0)+1,1))-1)+IF('Standard Profiles'!$G$20=$B$10,7,0)+IF('Standard Profiles'!$G$20=$B$17,14,0)+IF('Standard Profiles'!$G$20=$B$24,21,0),MOD($C4427,24)+1)/SUM(INDEX($D$3:$AA$30,INDEX(Jesper!$R$2:$R$366,ROW(INDEX(Jesper!AJ$2:AJ$366,ROUNDDOWN($C4427/24,0)+1,1))-1)+IF('Standard Profiles'!$G$20=$B$10,7,0)+IF('Standard Profiles'!$G$20=$B$17,14,0)+IF('Standard Profiles'!$G$20=$B$24,21,0),0)),0)</f>
        <v>0</v>
      </c>
      <c r="G4427" cm="1">
        <f t="array" ref="G4427">IFERROR(INDEX(Jesper!AK$2:AK$366,ROUNDDOWN($C4427/24,0)+1,1)*INDEX($D$3:$AA$30,INDEX(Jesper!$R$2:$R$366,ROW(INDEX(Jesper!AK$2:AK$366,ROUNDDOWN($C4427/24,0)+1,1))-1)+IF('Standard Profiles'!$G$21=$B$10,7,0)+IF('Standard Profiles'!$G$21=$B$17,14,0)+IF('Standard Profiles'!$G$21=$B$24,21,0),MOD($C4427,24)+1)/SUM(INDEX($D$3:$AA$30,INDEX(Jesper!$R$2:$R$366,ROW(INDEX(Jesper!AK$2:AK$366,ROUNDDOWN($C4427/24,0)+1,1))-1)+IF('Standard Profiles'!$G$21=$B$10,7,0)+IF('Standard Profiles'!$G$21=$B$17,14,0)+IF('Standard Profiles'!$G$21=$B$24,21,0),0)),0)</f>
        <v>0</v>
      </c>
      <c r="H4427" cm="1">
        <f t="array" ref="H4427">IFERROR(INDEX(Jesper!AL$2:AL$366,ROUNDDOWN($C4427/24,0)+1,1)*INDEX($D$3:$AA$30,INDEX(Jesper!$R$2:$R$366,ROW(INDEX(Jesper!AL$2:AL$366,ROUNDDOWN($C4427/24,0)+1,1))-1)+IF('Standard Profiles'!$G$22=$B$10,7,0)+IF('Standard Profiles'!$G$22=$B$17,14,0)+IF('Standard Profiles'!$G$22=$B$24,21,0),MOD($C4427,24)+1)/SUM(INDEX($D$3:$AA$30,INDEX(Jesper!$R$2:$R$366,ROW(INDEX(Jesper!AL$2:AL$366,ROUNDDOWN($C4427/24,0)+1,1))-1)+IF('Standard Profiles'!$G$22=$B$10,7,0)+IF('Standard Profiles'!$G$22=$B$17,14,0)+IF('Standard Profiles'!$G$22=$B$24,21,0),0)),0)</f>
        <v>0</v>
      </c>
      <c r="I4427">
        <f t="shared" si="496"/>
        <v>0.20789320465819303</v>
      </c>
      <c r="J4427">
        <f t="shared" si="497"/>
        <v>0.69297734886064344</v>
      </c>
      <c r="K4427">
        <f t="shared" si="498"/>
        <v>1.0394660232909652</v>
      </c>
      <c r="L4427">
        <f t="shared" si="499"/>
        <v>4.9894369117966324</v>
      </c>
      <c r="M4427">
        <f t="shared" si="500"/>
        <v>0</v>
      </c>
      <c r="N4427" s="46">
        <f t="shared" si="501"/>
        <v>45475.041666656012</v>
      </c>
    </row>
    <row r="4428" spans="2:14" x14ac:dyDescent="0.3">
      <c r="B4428">
        <f t="shared" si="495"/>
        <v>2</v>
      </c>
      <c r="C4428" s="16">
        <v>4394</v>
      </c>
      <c r="D4428" cm="1">
        <f t="array" ref="D4428">IFERROR(INDEX(Jesper!AH$2:AH$366,ROUNDDOWN($C4428/24,0)+1,1)*INDEX($D$3:$AA$30,INDEX(Jesper!$R$2:$R$366,ROW(INDEX(Jesper!AH$2:AH$366,ROUNDDOWN($C4428/24,0)+1,1))-1)+IF('Standard Profiles'!$G$18=$B$10,7,0)+IF('Standard Profiles'!$G$18=$B$17,14,0)+IF('Standard Profiles'!$G$18=$B$24,21,0),MOD($C4428,24)+1)/SUM(INDEX($D$3:$AA$30,INDEX(Jesper!$R$2:$R$366,ROW(INDEX(Jesper!AH$2:AH$366,ROUNDDOWN($C4428/24,0)+1,1))-1)+IF('Standard Profiles'!$G$18=$B$10,7,0)+IF('Standard Profiles'!$G$18=$B$17,14,0)+IF('Standard Profiles'!$G$18=$B$24,21,0),0)),0)</f>
        <v>6.9297734886064344</v>
      </c>
      <c r="E4428" cm="1">
        <f t="array" ref="E4428">IFERROR(INDEX(Jesper!AI$2:AI$366,ROUNDDOWN($C4428/24,0)+1,1)*INDEX($D$3:$AA$30,INDEX(Jesper!$R$2:$R$366,ROW(INDEX(Jesper!AI$2:AI$366,ROUNDDOWN($C4428/24,0)+1,1))-1)+IF('Standard Profiles'!$G$19=$B$10,7,0)+IF('Standard Profiles'!$G$19=$B$17,14,0)+IF('Standard Profiles'!$G$19=$B$24,21,0),MOD($C4428,24)+1)/SUM(INDEX($D$3:$AA$30,INDEX(Jesper!$R$2:$R$366,ROW(INDEX(Jesper!AI$2:AI$366,ROUNDDOWN($C4428/24,0)+1,1))-1)+IF('Standard Profiles'!$G$19=$B$10,7,0)+IF('Standard Profiles'!$G$19=$B$17,14,0)+IF('Standard Profiles'!$G$19=$B$24,21,0),0)),0)</f>
        <v>0</v>
      </c>
      <c r="F4428" cm="1">
        <f t="array" ref="F4428">IFERROR(INDEX(Jesper!AJ$2:AJ$366,ROUNDDOWN($C4428/24,0)+1,1)*INDEX($D$3:$AA$30,INDEX(Jesper!$R$2:$R$366,ROW(INDEX(Jesper!AJ$2:AJ$366,ROUNDDOWN($C4428/24,0)+1,1))-1)+IF('Standard Profiles'!$G$20=$B$10,7,0)+IF('Standard Profiles'!$G$20=$B$17,14,0)+IF('Standard Profiles'!$G$20=$B$24,21,0),MOD($C4428,24)+1)/SUM(INDEX($D$3:$AA$30,INDEX(Jesper!$R$2:$R$366,ROW(INDEX(Jesper!AJ$2:AJ$366,ROUNDDOWN($C4428/24,0)+1,1))-1)+IF('Standard Profiles'!$G$20=$B$10,7,0)+IF('Standard Profiles'!$G$20=$B$17,14,0)+IF('Standard Profiles'!$G$20=$B$24,21,0),0)),0)</f>
        <v>0</v>
      </c>
      <c r="G4428" cm="1">
        <f t="array" ref="G4428">IFERROR(INDEX(Jesper!AK$2:AK$366,ROUNDDOWN($C4428/24,0)+1,1)*INDEX($D$3:$AA$30,INDEX(Jesper!$R$2:$R$366,ROW(INDEX(Jesper!AK$2:AK$366,ROUNDDOWN($C4428/24,0)+1,1))-1)+IF('Standard Profiles'!$G$21=$B$10,7,0)+IF('Standard Profiles'!$G$21=$B$17,14,0)+IF('Standard Profiles'!$G$21=$B$24,21,0),MOD($C4428,24)+1)/SUM(INDEX($D$3:$AA$30,INDEX(Jesper!$R$2:$R$366,ROW(INDEX(Jesper!AK$2:AK$366,ROUNDDOWN($C4428/24,0)+1,1))-1)+IF('Standard Profiles'!$G$21=$B$10,7,0)+IF('Standard Profiles'!$G$21=$B$17,14,0)+IF('Standard Profiles'!$G$21=$B$24,21,0),0)),0)</f>
        <v>0</v>
      </c>
      <c r="H4428" cm="1">
        <f t="array" ref="H4428">IFERROR(INDEX(Jesper!AL$2:AL$366,ROUNDDOWN($C4428/24,0)+1,1)*INDEX($D$3:$AA$30,INDEX(Jesper!$R$2:$R$366,ROW(INDEX(Jesper!AL$2:AL$366,ROUNDDOWN($C4428/24,0)+1,1))-1)+IF('Standard Profiles'!$G$22=$B$10,7,0)+IF('Standard Profiles'!$G$22=$B$17,14,0)+IF('Standard Profiles'!$G$22=$B$24,21,0),MOD($C4428,24)+1)/SUM(INDEX($D$3:$AA$30,INDEX(Jesper!$R$2:$R$366,ROW(INDEX(Jesper!AL$2:AL$366,ROUNDDOWN($C4428/24,0)+1,1))-1)+IF('Standard Profiles'!$G$22=$B$10,7,0)+IF('Standard Profiles'!$G$22=$B$17,14,0)+IF('Standard Profiles'!$G$22=$B$24,21,0),0)),0)</f>
        <v>0</v>
      </c>
      <c r="I4428">
        <f t="shared" si="496"/>
        <v>0.20789320465819303</v>
      </c>
      <c r="J4428">
        <f t="shared" si="497"/>
        <v>0.69297734886064344</v>
      </c>
      <c r="K4428">
        <f t="shared" si="498"/>
        <v>1.0394660232909652</v>
      </c>
      <c r="L4428">
        <f t="shared" si="499"/>
        <v>4.9894369117966324</v>
      </c>
      <c r="M4428">
        <f t="shared" si="500"/>
        <v>0</v>
      </c>
      <c r="N4428" s="46">
        <f t="shared" si="501"/>
        <v>45475.083333322676</v>
      </c>
    </row>
    <row r="4429" spans="2:14" x14ac:dyDescent="0.3">
      <c r="B4429">
        <f t="shared" si="495"/>
        <v>2</v>
      </c>
      <c r="C4429" s="16">
        <v>4395</v>
      </c>
      <c r="D4429" cm="1">
        <f t="array" ref="D4429">IFERROR(INDEX(Jesper!AH$2:AH$366,ROUNDDOWN($C4429/24,0)+1,1)*INDEX($D$3:$AA$30,INDEX(Jesper!$R$2:$R$366,ROW(INDEX(Jesper!AH$2:AH$366,ROUNDDOWN($C4429/24,0)+1,1))-1)+IF('Standard Profiles'!$G$18=$B$10,7,0)+IF('Standard Profiles'!$G$18=$B$17,14,0)+IF('Standard Profiles'!$G$18=$B$24,21,0),MOD($C4429,24)+1)/SUM(INDEX($D$3:$AA$30,INDEX(Jesper!$R$2:$R$366,ROW(INDEX(Jesper!AH$2:AH$366,ROUNDDOWN($C4429/24,0)+1,1))-1)+IF('Standard Profiles'!$G$18=$B$10,7,0)+IF('Standard Profiles'!$G$18=$B$17,14,0)+IF('Standard Profiles'!$G$18=$B$24,21,0),0)),0)</f>
        <v>6.9297734886064344</v>
      </c>
      <c r="E4429" cm="1">
        <f t="array" ref="E4429">IFERROR(INDEX(Jesper!AI$2:AI$366,ROUNDDOWN($C4429/24,0)+1,1)*INDEX($D$3:$AA$30,INDEX(Jesper!$R$2:$R$366,ROW(INDEX(Jesper!AI$2:AI$366,ROUNDDOWN($C4429/24,0)+1,1))-1)+IF('Standard Profiles'!$G$19=$B$10,7,0)+IF('Standard Profiles'!$G$19=$B$17,14,0)+IF('Standard Profiles'!$G$19=$B$24,21,0),MOD($C4429,24)+1)/SUM(INDEX($D$3:$AA$30,INDEX(Jesper!$R$2:$R$366,ROW(INDEX(Jesper!AI$2:AI$366,ROUNDDOWN($C4429/24,0)+1,1))-1)+IF('Standard Profiles'!$G$19=$B$10,7,0)+IF('Standard Profiles'!$G$19=$B$17,14,0)+IF('Standard Profiles'!$G$19=$B$24,21,0),0)),0)</f>
        <v>0</v>
      </c>
      <c r="F4429" cm="1">
        <f t="array" ref="F4429">IFERROR(INDEX(Jesper!AJ$2:AJ$366,ROUNDDOWN($C4429/24,0)+1,1)*INDEX($D$3:$AA$30,INDEX(Jesper!$R$2:$R$366,ROW(INDEX(Jesper!AJ$2:AJ$366,ROUNDDOWN($C4429/24,0)+1,1))-1)+IF('Standard Profiles'!$G$20=$B$10,7,0)+IF('Standard Profiles'!$G$20=$B$17,14,0)+IF('Standard Profiles'!$G$20=$B$24,21,0),MOD($C4429,24)+1)/SUM(INDEX($D$3:$AA$30,INDEX(Jesper!$R$2:$R$366,ROW(INDEX(Jesper!AJ$2:AJ$366,ROUNDDOWN($C4429/24,0)+1,1))-1)+IF('Standard Profiles'!$G$20=$B$10,7,0)+IF('Standard Profiles'!$G$20=$B$17,14,0)+IF('Standard Profiles'!$G$20=$B$24,21,0),0)),0)</f>
        <v>0</v>
      </c>
      <c r="G4429" cm="1">
        <f t="array" ref="G4429">IFERROR(INDEX(Jesper!AK$2:AK$366,ROUNDDOWN($C4429/24,0)+1,1)*INDEX($D$3:$AA$30,INDEX(Jesper!$R$2:$R$366,ROW(INDEX(Jesper!AK$2:AK$366,ROUNDDOWN($C4429/24,0)+1,1))-1)+IF('Standard Profiles'!$G$21=$B$10,7,0)+IF('Standard Profiles'!$G$21=$B$17,14,0)+IF('Standard Profiles'!$G$21=$B$24,21,0),MOD($C4429,24)+1)/SUM(INDEX($D$3:$AA$30,INDEX(Jesper!$R$2:$R$366,ROW(INDEX(Jesper!AK$2:AK$366,ROUNDDOWN($C4429/24,0)+1,1))-1)+IF('Standard Profiles'!$G$21=$B$10,7,0)+IF('Standard Profiles'!$G$21=$B$17,14,0)+IF('Standard Profiles'!$G$21=$B$24,21,0),0)),0)</f>
        <v>0</v>
      </c>
      <c r="H4429" cm="1">
        <f t="array" ref="H4429">IFERROR(INDEX(Jesper!AL$2:AL$366,ROUNDDOWN($C4429/24,0)+1,1)*INDEX($D$3:$AA$30,INDEX(Jesper!$R$2:$R$366,ROW(INDEX(Jesper!AL$2:AL$366,ROUNDDOWN($C4429/24,0)+1,1))-1)+IF('Standard Profiles'!$G$22=$B$10,7,0)+IF('Standard Profiles'!$G$22=$B$17,14,0)+IF('Standard Profiles'!$G$22=$B$24,21,0),MOD($C4429,24)+1)/SUM(INDEX($D$3:$AA$30,INDEX(Jesper!$R$2:$R$366,ROW(INDEX(Jesper!AL$2:AL$366,ROUNDDOWN($C4429/24,0)+1,1))-1)+IF('Standard Profiles'!$G$22=$B$10,7,0)+IF('Standard Profiles'!$G$22=$B$17,14,0)+IF('Standard Profiles'!$G$22=$B$24,21,0),0)),0)</f>
        <v>0</v>
      </c>
      <c r="I4429">
        <f t="shared" si="496"/>
        <v>0.20789320465819303</v>
      </c>
      <c r="J4429">
        <f t="shared" si="497"/>
        <v>0.69297734886064344</v>
      </c>
      <c r="K4429">
        <f t="shared" si="498"/>
        <v>1.0394660232909652</v>
      </c>
      <c r="L4429">
        <f t="shared" si="499"/>
        <v>4.9894369117966324</v>
      </c>
      <c r="M4429">
        <f t="shared" si="500"/>
        <v>0</v>
      </c>
      <c r="N4429" s="46">
        <f t="shared" si="501"/>
        <v>45475.124999989341</v>
      </c>
    </row>
    <row r="4430" spans="2:14" x14ac:dyDescent="0.3">
      <c r="B4430">
        <f t="shared" si="495"/>
        <v>2</v>
      </c>
      <c r="C4430" s="16">
        <v>4396</v>
      </c>
      <c r="D4430" cm="1">
        <f t="array" ref="D4430">IFERROR(INDEX(Jesper!AH$2:AH$366,ROUNDDOWN($C4430/24,0)+1,1)*INDEX($D$3:$AA$30,INDEX(Jesper!$R$2:$R$366,ROW(INDEX(Jesper!AH$2:AH$366,ROUNDDOWN($C4430/24,0)+1,1))-1)+IF('Standard Profiles'!$G$18=$B$10,7,0)+IF('Standard Profiles'!$G$18=$B$17,14,0)+IF('Standard Profiles'!$G$18=$B$24,21,0),MOD($C4430,24)+1)/SUM(INDEX($D$3:$AA$30,INDEX(Jesper!$R$2:$R$366,ROW(INDEX(Jesper!AH$2:AH$366,ROUNDDOWN($C4430/24,0)+1,1))-1)+IF('Standard Profiles'!$G$18=$B$10,7,0)+IF('Standard Profiles'!$G$18=$B$17,14,0)+IF('Standard Profiles'!$G$18=$B$24,21,0),0)),0)</f>
        <v>6.9297734886064344</v>
      </c>
      <c r="E4430" cm="1">
        <f t="array" ref="E4430">IFERROR(INDEX(Jesper!AI$2:AI$366,ROUNDDOWN($C4430/24,0)+1,1)*INDEX($D$3:$AA$30,INDEX(Jesper!$R$2:$R$366,ROW(INDEX(Jesper!AI$2:AI$366,ROUNDDOWN($C4430/24,0)+1,1))-1)+IF('Standard Profiles'!$G$19=$B$10,7,0)+IF('Standard Profiles'!$G$19=$B$17,14,0)+IF('Standard Profiles'!$G$19=$B$24,21,0),MOD($C4430,24)+1)/SUM(INDEX($D$3:$AA$30,INDEX(Jesper!$R$2:$R$366,ROW(INDEX(Jesper!AI$2:AI$366,ROUNDDOWN($C4430/24,0)+1,1))-1)+IF('Standard Profiles'!$G$19=$B$10,7,0)+IF('Standard Profiles'!$G$19=$B$17,14,0)+IF('Standard Profiles'!$G$19=$B$24,21,0),0)),0)</f>
        <v>0</v>
      </c>
      <c r="F4430" cm="1">
        <f t="array" ref="F4430">IFERROR(INDEX(Jesper!AJ$2:AJ$366,ROUNDDOWN($C4430/24,0)+1,1)*INDEX($D$3:$AA$30,INDEX(Jesper!$R$2:$R$366,ROW(INDEX(Jesper!AJ$2:AJ$366,ROUNDDOWN($C4430/24,0)+1,1))-1)+IF('Standard Profiles'!$G$20=$B$10,7,0)+IF('Standard Profiles'!$G$20=$B$17,14,0)+IF('Standard Profiles'!$G$20=$B$24,21,0),MOD($C4430,24)+1)/SUM(INDEX($D$3:$AA$30,INDEX(Jesper!$R$2:$R$366,ROW(INDEX(Jesper!AJ$2:AJ$366,ROUNDDOWN($C4430/24,0)+1,1))-1)+IF('Standard Profiles'!$G$20=$B$10,7,0)+IF('Standard Profiles'!$G$20=$B$17,14,0)+IF('Standard Profiles'!$G$20=$B$24,21,0),0)),0)</f>
        <v>0</v>
      </c>
      <c r="G4430" cm="1">
        <f t="array" ref="G4430">IFERROR(INDEX(Jesper!AK$2:AK$366,ROUNDDOWN($C4430/24,0)+1,1)*INDEX($D$3:$AA$30,INDEX(Jesper!$R$2:$R$366,ROW(INDEX(Jesper!AK$2:AK$366,ROUNDDOWN($C4430/24,0)+1,1))-1)+IF('Standard Profiles'!$G$21=$B$10,7,0)+IF('Standard Profiles'!$G$21=$B$17,14,0)+IF('Standard Profiles'!$G$21=$B$24,21,0),MOD($C4430,24)+1)/SUM(INDEX($D$3:$AA$30,INDEX(Jesper!$R$2:$R$366,ROW(INDEX(Jesper!AK$2:AK$366,ROUNDDOWN($C4430/24,0)+1,1))-1)+IF('Standard Profiles'!$G$21=$B$10,7,0)+IF('Standard Profiles'!$G$21=$B$17,14,0)+IF('Standard Profiles'!$G$21=$B$24,21,0),0)),0)</f>
        <v>0</v>
      </c>
      <c r="H4430" cm="1">
        <f t="array" ref="H4430">IFERROR(INDEX(Jesper!AL$2:AL$366,ROUNDDOWN($C4430/24,0)+1,1)*INDEX($D$3:$AA$30,INDEX(Jesper!$R$2:$R$366,ROW(INDEX(Jesper!AL$2:AL$366,ROUNDDOWN($C4430/24,0)+1,1))-1)+IF('Standard Profiles'!$G$22=$B$10,7,0)+IF('Standard Profiles'!$G$22=$B$17,14,0)+IF('Standard Profiles'!$G$22=$B$24,21,0),MOD($C4430,24)+1)/SUM(INDEX($D$3:$AA$30,INDEX(Jesper!$R$2:$R$366,ROW(INDEX(Jesper!AL$2:AL$366,ROUNDDOWN($C4430/24,0)+1,1))-1)+IF('Standard Profiles'!$G$22=$B$10,7,0)+IF('Standard Profiles'!$G$22=$B$17,14,0)+IF('Standard Profiles'!$G$22=$B$24,21,0),0)),0)</f>
        <v>0</v>
      </c>
      <c r="I4430">
        <f t="shared" si="496"/>
        <v>0.20789320465819303</v>
      </c>
      <c r="J4430">
        <f t="shared" si="497"/>
        <v>0.69297734886064344</v>
      </c>
      <c r="K4430">
        <f t="shared" si="498"/>
        <v>1.0394660232909652</v>
      </c>
      <c r="L4430">
        <f t="shared" si="499"/>
        <v>4.9894369117966324</v>
      </c>
      <c r="M4430">
        <f t="shared" si="500"/>
        <v>0</v>
      </c>
      <c r="N4430" s="46">
        <f t="shared" si="501"/>
        <v>45475.166666656005</v>
      </c>
    </row>
    <row r="4431" spans="2:14" x14ac:dyDescent="0.3">
      <c r="B4431">
        <f t="shared" si="495"/>
        <v>2</v>
      </c>
      <c r="C4431" s="16">
        <v>4397</v>
      </c>
      <c r="D4431" cm="1">
        <f t="array" ref="D4431">IFERROR(INDEX(Jesper!AH$2:AH$366,ROUNDDOWN($C4431/24,0)+1,1)*INDEX($D$3:$AA$30,INDEX(Jesper!$R$2:$R$366,ROW(INDEX(Jesper!AH$2:AH$366,ROUNDDOWN($C4431/24,0)+1,1))-1)+IF('Standard Profiles'!$G$18=$B$10,7,0)+IF('Standard Profiles'!$G$18=$B$17,14,0)+IF('Standard Profiles'!$G$18=$B$24,21,0),MOD($C4431,24)+1)/SUM(INDEX($D$3:$AA$30,INDEX(Jesper!$R$2:$R$366,ROW(INDEX(Jesper!AH$2:AH$366,ROUNDDOWN($C4431/24,0)+1,1))-1)+IF('Standard Profiles'!$G$18=$B$10,7,0)+IF('Standard Profiles'!$G$18=$B$17,14,0)+IF('Standard Profiles'!$G$18=$B$24,21,0),0)),0)</f>
        <v>9.0087055351883656</v>
      </c>
      <c r="E4431" cm="1">
        <f t="array" ref="E4431">IFERROR(INDEX(Jesper!AI$2:AI$366,ROUNDDOWN($C4431/24,0)+1,1)*INDEX($D$3:$AA$30,INDEX(Jesper!$R$2:$R$366,ROW(INDEX(Jesper!AI$2:AI$366,ROUNDDOWN($C4431/24,0)+1,1))-1)+IF('Standard Profiles'!$G$19=$B$10,7,0)+IF('Standard Profiles'!$G$19=$B$17,14,0)+IF('Standard Profiles'!$G$19=$B$24,21,0),MOD($C4431,24)+1)/SUM(INDEX($D$3:$AA$30,INDEX(Jesper!$R$2:$R$366,ROW(INDEX(Jesper!AI$2:AI$366,ROUNDDOWN($C4431/24,0)+1,1))-1)+IF('Standard Profiles'!$G$19=$B$10,7,0)+IF('Standard Profiles'!$G$19=$B$17,14,0)+IF('Standard Profiles'!$G$19=$B$24,21,0),0)),0)</f>
        <v>0</v>
      </c>
      <c r="F4431" cm="1">
        <f t="array" ref="F4431">IFERROR(INDEX(Jesper!AJ$2:AJ$366,ROUNDDOWN($C4431/24,0)+1,1)*INDEX($D$3:$AA$30,INDEX(Jesper!$R$2:$R$366,ROW(INDEX(Jesper!AJ$2:AJ$366,ROUNDDOWN($C4431/24,0)+1,1))-1)+IF('Standard Profiles'!$G$20=$B$10,7,0)+IF('Standard Profiles'!$G$20=$B$17,14,0)+IF('Standard Profiles'!$G$20=$B$24,21,0),MOD($C4431,24)+1)/SUM(INDEX($D$3:$AA$30,INDEX(Jesper!$R$2:$R$366,ROW(INDEX(Jesper!AJ$2:AJ$366,ROUNDDOWN($C4431/24,0)+1,1))-1)+IF('Standard Profiles'!$G$20=$B$10,7,0)+IF('Standard Profiles'!$G$20=$B$17,14,0)+IF('Standard Profiles'!$G$20=$B$24,21,0),0)),0)</f>
        <v>0</v>
      </c>
      <c r="G4431" cm="1">
        <f t="array" ref="G4431">IFERROR(INDEX(Jesper!AK$2:AK$366,ROUNDDOWN($C4431/24,0)+1,1)*INDEX($D$3:$AA$30,INDEX(Jesper!$R$2:$R$366,ROW(INDEX(Jesper!AK$2:AK$366,ROUNDDOWN($C4431/24,0)+1,1))-1)+IF('Standard Profiles'!$G$21=$B$10,7,0)+IF('Standard Profiles'!$G$21=$B$17,14,0)+IF('Standard Profiles'!$G$21=$B$24,21,0),MOD($C4431,24)+1)/SUM(INDEX($D$3:$AA$30,INDEX(Jesper!$R$2:$R$366,ROW(INDEX(Jesper!AK$2:AK$366,ROUNDDOWN($C4431/24,0)+1,1))-1)+IF('Standard Profiles'!$G$21=$B$10,7,0)+IF('Standard Profiles'!$G$21=$B$17,14,0)+IF('Standard Profiles'!$G$21=$B$24,21,0),0)),0)</f>
        <v>0</v>
      </c>
      <c r="H4431" cm="1">
        <f t="array" ref="H4431">IFERROR(INDEX(Jesper!AL$2:AL$366,ROUNDDOWN($C4431/24,0)+1,1)*INDEX($D$3:$AA$30,INDEX(Jesper!$R$2:$R$366,ROW(INDEX(Jesper!AL$2:AL$366,ROUNDDOWN($C4431/24,0)+1,1))-1)+IF('Standard Profiles'!$G$22=$B$10,7,0)+IF('Standard Profiles'!$G$22=$B$17,14,0)+IF('Standard Profiles'!$G$22=$B$24,21,0),MOD($C4431,24)+1)/SUM(INDEX($D$3:$AA$30,INDEX(Jesper!$R$2:$R$366,ROW(INDEX(Jesper!AL$2:AL$366,ROUNDDOWN($C4431/24,0)+1,1))-1)+IF('Standard Profiles'!$G$22=$B$10,7,0)+IF('Standard Profiles'!$G$22=$B$17,14,0)+IF('Standard Profiles'!$G$22=$B$24,21,0),0)),0)</f>
        <v>0</v>
      </c>
      <c r="I4431">
        <f t="shared" si="496"/>
        <v>0.27026116605565098</v>
      </c>
      <c r="J4431">
        <f t="shared" si="497"/>
        <v>0.9008705535188366</v>
      </c>
      <c r="K4431">
        <f t="shared" si="498"/>
        <v>1.3513058302782548</v>
      </c>
      <c r="L4431">
        <f t="shared" si="499"/>
        <v>6.4862679853356227</v>
      </c>
      <c r="M4431">
        <f t="shared" si="500"/>
        <v>0</v>
      </c>
      <c r="N4431" s="46">
        <f t="shared" si="501"/>
        <v>45475.208333322669</v>
      </c>
    </row>
    <row r="4432" spans="2:14" x14ac:dyDescent="0.3">
      <c r="B4432">
        <f t="shared" si="495"/>
        <v>2</v>
      </c>
      <c r="C4432" s="16">
        <v>4398</v>
      </c>
      <c r="D4432" cm="1">
        <f t="array" ref="D4432">IFERROR(INDEX(Jesper!AH$2:AH$366,ROUNDDOWN($C4432/24,0)+1,1)*INDEX($D$3:$AA$30,INDEX(Jesper!$R$2:$R$366,ROW(INDEX(Jesper!AH$2:AH$366,ROUNDDOWN($C4432/24,0)+1,1))-1)+IF('Standard Profiles'!$G$18=$B$10,7,0)+IF('Standard Profiles'!$G$18=$B$17,14,0)+IF('Standard Profiles'!$G$18=$B$24,21,0),MOD($C4432,24)+1)/SUM(INDEX($D$3:$AA$30,INDEX(Jesper!$R$2:$R$366,ROW(INDEX(Jesper!AH$2:AH$366,ROUNDDOWN($C4432/24,0)+1,1))-1)+IF('Standard Profiles'!$G$18=$B$10,7,0)+IF('Standard Profiles'!$G$18=$B$17,14,0)+IF('Standard Profiles'!$G$18=$B$24,21,0),0)),0)</f>
        <v>10.048171558479329</v>
      </c>
      <c r="E4432" cm="1">
        <f t="array" ref="E4432">IFERROR(INDEX(Jesper!AI$2:AI$366,ROUNDDOWN($C4432/24,0)+1,1)*INDEX($D$3:$AA$30,INDEX(Jesper!$R$2:$R$366,ROW(INDEX(Jesper!AI$2:AI$366,ROUNDDOWN($C4432/24,0)+1,1))-1)+IF('Standard Profiles'!$G$19=$B$10,7,0)+IF('Standard Profiles'!$G$19=$B$17,14,0)+IF('Standard Profiles'!$G$19=$B$24,21,0),MOD($C4432,24)+1)/SUM(INDEX($D$3:$AA$30,INDEX(Jesper!$R$2:$R$366,ROW(INDEX(Jesper!AI$2:AI$366,ROUNDDOWN($C4432/24,0)+1,1))-1)+IF('Standard Profiles'!$G$19=$B$10,7,0)+IF('Standard Profiles'!$G$19=$B$17,14,0)+IF('Standard Profiles'!$G$19=$B$24,21,0),0)),0)</f>
        <v>0</v>
      </c>
      <c r="F4432" cm="1">
        <f t="array" ref="F4432">IFERROR(INDEX(Jesper!AJ$2:AJ$366,ROUNDDOWN($C4432/24,0)+1,1)*INDEX($D$3:$AA$30,INDEX(Jesper!$R$2:$R$366,ROW(INDEX(Jesper!AJ$2:AJ$366,ROUNDDOWN($C4432/24,0)+1,1))-1)+IF('Standard Profiles'!$G$20=$B$10,7,0)+IF('Standard Profiles'!$G$20=$B$17,14,0)+IF('Standard Profiles'!$G$20=$B$24,21,0),MOD($C4432,24)+1)/SUM(INDEX($D$3:$AA$30,INDEX(Jesper!$R$2:$R$366,ROW(INDEX(Jesper!AJ$2:AJ$366,ROUNDDOWN($C4432/24,0)+1,1))-1)+IF('Standard Profiles'!$G$20=$B$10,7,0)+IF('Standard Profiles'!$G$20=$B$17,14,0)+IF('Standard Profiles'!$G$20=$B$24,21,0),0)),0)</f>
        <v>0</v>
      </c>
      <c r="G4432" cm="1">
        <f t="array" ref="G4432">IFERROR(INDEX(Jesper!AK$2:AK$366,ROUNDDOWN($C4432/24,0)+1,1)*INDEX($D$3:$AA$30,INDEX(Jesper!$R$2:$R$366,ROW(INDEX(Jesper!AK$2:AK$366,ROUNDDOWN($C4432/24,0)+1,1))-1)+IF('Standard Profiles'!$G$21=$B$10,7,0)+IF('Standard Profiles'!$G$21=$B$17,14,0)+IF('Standard Profiles'!$G$21=$B$24,21,0),MOD($C4432,24)+1)/SUM(INDEX($D$3:$AA$30,INDEX(Jesper!$R$2:$R$366,ROW(INDEX(Jesper!AK$2:AK$366,ROUNDDOWN($C4432/24,0)+1,1))-1)+IF('Standard Profiles'!$G$21=$B$10,7,0)+IF('Standard Profiles'!$G$21=$B$17,14,0)+IF('Standard Profiles'!$G$21=$B$24,21,0),0)),0)</f>
        <v>0</v>
      </c>
      <c r="H4432" cm="1">
        <f t="array" ref="H4432">IFERROR(INDEX(Jesper!AL$2:AL$366,ROUNDDOWN($C4432/24,0)+1,1)*INDEX($D$3:$AA$30,INDEX(Jesper!$R$2:$R$366,ROW(INDEX(Jesper!AL$2:AL$366,ROUNDDOWN($C4432/24,0)+1,1))-1)+IF('Standard Profiles'!$G$22=$B$10,7,0)+IF('Standard Profiles'!$G$22=$B$17,14,0)+IF('Standard Profiles'!$G$22=$B$24,21,0),MOD($C4432,24)+1)/SUM(INDEX($D$3:$AA$30,INDEX(Jesper!$R$2:$R$366,ROW(INDEX(Jesper!AL$2:AL$366,ROUNDDOWN($C4432/24,0)+1,1))-1)+IF('Standard Profiles'!$G$22=$B$10,7,0)+IF('Standard Profiles'!$G$22=$B$17,14,0)+IF('Standard Profiles'!$G$22=$B$24,21,0),0)),0)</f>
        <v>0</v>
      </c>
      <c r="I4432">
        <f t="shared" si="496"/>
        <v>0.30144514675437983</v>
      </c>
      <c r="J4432">
        <f t="shared" si="497"/>
        <v>1.0048171558479329</v>
      </c>
      <c r="K4432">
        <f t="shared" si="498"/>
        <v>1.5072257337718993</v>
      </c>
      <c r="L4432">
        <f t="shared" si="499"/>
        <v>7.234683522105116</v>
      </c>
      <c r="M4432">
        <f t="shared" si="500"/>
        <v>0</v>
      </c>
      <c r="N4432" s="46">
        <f t="shared" si="501"/>
        <v>45475.249999989333</v>
      </c>
    </row>
    <row r="4433" spans="2:14" x14ac:dyDescent="0.3">
      <c r="B4433">
        <f t="shared" si="495"/>
        <v>2</v>
      </c>
      <c r="C4433" s="16">
        <v>4399</v>
      </c>
      <c r="D4433" cm="1">
        <f t="array" ref="D4433">IFERROR(INDEX(Jesper!AH$2:AH$366,ROUNDDOWN($C4433/24,0)+1,1)*INDEX($D$3:$AA$30,INDEX(Jesper!$R$2:$R$366,ROW(INDEX(Jesper!AH$2:AH$366,ROUNDDOWN($C4433/24,0)+1,1))-1)+IF('Standard Profiles'!$G$18=$B$10,7,0)+IF('Standard Profiles'!$G$18=$B$17,14,0)+IF('Standard Profiles'!$G$18=$B$24,21,0),MOD($C4433,24)+1)/SUM(INDEX($D$3:$AA$30,INDEX(Jesper!$R$2:$R$366,ROW(INDEX(Jesper!AH$2:AH$366,ROUNDDOWN($C4433/24,0)+1,1))-1)+IF('Standard Profiles'!$G$18=$B$10,7,0)+IF('Standard Profiles'!$G$18=$B$17,14,0)+IF('Standard Profiles'!$G$18=$B$24,21,0),0)),0)</f>
        <v>10.394660232909652</v>
      </c>
      <c r="E4433" cm="1">
        <f t="array" ref="E4433">IFERROR(INDEX(Jesper!AI$2:AI$366,ROUNDDOWN($C4433/24,0)+1,1)*INDEX($D$3:$AA$30,INDEX(Jesper!$R$2:$R$366,ROW(INDEX(Jesper!AI$2:AI$366,ROUNDDOWN($C4433/24,0)+1,1))-1)+IF('Standard Profiles'!$G$19=$B$10,7,0)+IF('Standard Profiles'!$G$19=$B$17,14,0)+IF('Standard Profiles'!$G$19=$B$24,21,0),MOD($C4433,24)+1)/SUM(INDEX($D$3:$AA$30,INDEX(Jesper!$R$2:$R$366,ROW(INDEX(Jesper!AI$2:AI$366,ROUNDDOWN($C4433/24,0)+1,1))-1)+IF('Standard Profiles'!$G$19=$B$10,7,0)+IF('Standard Profiles'!$G$19=$B$17,14,0)+IF('Standard Profiles'!$G$19=$B$24,21,0),0)),0)</f>
        <v>0</v>
      </c>
      <c r="F4433" cm="1">
        <f t="array" ref="F4433">IFERROR(INDEX(Jesper!AJ$2:AJ$366,ROUNDDOWN($C4433/24,0)+1,1)*INDEX($D$3:$AA$30,INDEX(Jesper!$R$2:$R$366,ROW(INDEX(Jesper!AJ$2:AJ$366,ROUNDDOWN($C4433/24,0)+1,1))-1)+IF('Standard Profiles'!$G$20=$B$10,7,0)+IF('Standard Profiles'!$G$20=$B$17,14,0)+IF('Standard Profiles'!$G$20=$B$24,21,0),MOD($C4433,24)+1)/SUM(INDEX($D$3:$AA$30,INDEX(Jesper!$R$2:$R$366,ROW(INDEX(Jesper!AJ$2:AJ$366,ROUNDDOWN($C4433/24,0)+1,1))-1)+IF('Standard Profiles'!$G$20=$B$10,7,0)+IF('Standard Profiles'!$G$20=$B$17,14,0)+IF('Standard Profiles'!$G$20=$B$24,21,0),0)),0)</f>
        <v>0</v>
      </c>
      <c r="G4433" cm="1">
        <f t="array" ref="G4433">IFERROR(INDEX(Jesper!AK$2:AK$366,ROUNDDOWN($C4433/24,0)+1,1)*INDEX($D$3:$AA$30,INDEX(Jesper!$R$2:$R$366,ROW(INDEX(Jesper!AK$2:AK$366,ROUNDDOWN($C4433/24,0)+1,1))-1)+IF('Standard Profiles'!$G$21=$B$10,7,0)+IF('Standard Profiles'!$G$21=$B$17,14,0)+IF('Standard Profiles'!$G$21=$B$24,21,0),MOD($C4433,24)+1)/SUM(INDEX($D$3:$AA$30,INDEX(Jesper!$R$2:$R$366,ROW(INDEX(Jesper!AK$2:AK$366,ROUNDDOWN($C4433/24,0)+1,1))-1)+IF('Standard Profiles'!$G$21=$B$10,7,0)+IF('Standard Profiles'!$G$21=$B$17,14,0)+IF('Standard Profiles'!$G$21=$B$24,21,0),0)),0)</f>
        <v>0</v>
      </c>
      <c r="H4433" cm="1">
        <f t="array" ref="H4433">IFERROR(INDEX(Jesper!AL$2:AL$366,ROUNDDOWN($C4433/24,0)+1,1)*INDEX($D$3:$AA$30,INDEX(Jesper!$R$2:$R$366,ROW(INDEX(Jesper!AL$2:AL$366,ROUNDDOWN($C4433/24,0)+1,1))-1)+IF('Standard Profiles'!$G$22=$B$10,7,0)+IF('Standard Profiles'!$G$22=$B$17,14,0)+IF('Standard Profiles'!$G$22=$B$24,21,0),MOD($C4433,24)+1)/SUM(INDEX($D$3:$AA$30,INDEX(Jesper!$R$2:$R$366,ROW(INDEX(Jesper!AL$2:AL$366,ROUNDDOWN($C4433/24,0)+1,1))-1)+IF('Standard Profiles'!$G$22=$B$10,7,0)+IF('Standard Profiles'!$G$22=$B$17,14,0)+IF('Standard Profiles'!$G$22=$B$24,21,0),0)),0)</f>
        <v>0</v>
      </c>
      <c r="I4433">
        <f t="shared" si="496"/>
        <v>0.31183980698728958</v>
      </c>
      <c r="J4433">
        <f t="shared" si="497"/>
        <v>1.0394660232909654</v>
      </c>
      <c r="K4433">
        <f t="shared" si="498"/>
        <v>1.5591990349364477</v>
      </c>
      <c r="L4433">
        <f t="shared" si="499"/>
        <v>7.4841553676949495</v>
      </c>
      <c r="M4433">
        <f t="shared" si="500"/>
        <v>0</v>
      </c>
      <c r="N4433" s="46">
        <f t="shared" si="501"/>
        <v>45475.291666655998</v>
      </c>
    </row>
    <row r="4434" spans="2:14" x14ac:dyDescent="0.3">
      <c r="B4434">
        <f t="shared" si="495"/>
        <v>2</v>
      </c>
      <c r="C4434" s="16">
        <v>4400</v>
      </c>
      <c r="D4434" cm="1">
        <f t="array" ref="D4434">IFERROR(INDEX(Jesper!AH$2:AH$366,ROUNDDOWN($C4434/24,0)+1,1)*INDEX($D$3:$AA$30,INDEX(Jesper!$R$2:$R$366,ROW(INDEX(Jesper!AH$2:AH$366,ROUNDDOWN($C4434/24,0)+1,1))-1)+IF('Standard Profiles'!$G$18=$B$10,7,0)+IF('Standard Profiles'!$G$18=$B$17,14,0)+IF('Standard Profiles'!$G$18=$B$24,21,0),MOD($C4434,24)+1)/SUM(INDEX($D$3:$AA$30,INDEX(Jesper!$R$2:$R$366,ROW(INDEX(Jesper!AH$2:AH$366,ROUNDDOWN($C4434/24,0)+1,1))-1)+IF('Standard Profiles'!$G$18=$B$10,7,0)+IF('Standard Profiles'!$G$18=$B$17,14,0)+IF('Standard Profiles'!$G$18=$B$24,21,0),0)),0)</f>
        <v>10.394660232909652</v>
      </c>
      <c r="E4434" cm="1">
        <f t="array" ref="E4434">IFERROR(INDEX(Jesper!AI$2:AI$366,ROUNDDOWN($C4434/24,0)+1,1)*INDEX($D$3:$AA$30,INDEX(Jesper!$R$2:$R$366,ROW(INDEX(Jesper!AI$2:AI$366,ROUNDDOWN($C4434/24,0)+1,1))-1)+IF('Standard Profiles'!$G$19=$B$10,7,0)+IF('Standard Profiles'!$G$19=$B$17,14,0)+IF('Standard Profiles'!$G$19=$B$24,21,0),MOD($C4434,24)+1)/SUM(INDEX($D$3:$AA$30,INDEX(Jesper!$R$2:$R$366,ROW(INDEX(Jesper!AI$2:AI$366,ROUNDDOWN($C4434/24,0)+1,1))-1)+IF('Standard Profiles'!$G$19=$B$10,7,0)+IF('Standard Profiles'!$G$19=$B$17,14,0)+IF('Standard Profiles'!$G$19=$B$24,21,0),0)),0)</f>
        <v>0</v>
      </c>
      <c r="F4434" cm="1">
        <f t="array" ref="F4434">IFERROR(INDEX(Jesper!AJ$2:AJ$366,ROUNDDOWN($C4434/24,0)+1,1)*INDEX($D$3:$AA$30,INDEX(Jesper!$R$2:$R$366,ROW(INDEX(Jesper!AJ$2:AJ$366,ROUNDDOWN($C4434/24,0)+1,1))-1)+IF('Standard Profiles'!$G$20=$B$10,7,0)+IF('Standard Profiles'!$G$20=$B$17,14,0)+IF('Standard Profiles'!$G$20=$B$24,21,0),MOD($C4434,24)+1)/SUM(INDEX($D$3:$AA$30,INDEX(Jesper!$R$2:$R$366,ROW(INDEX(Jesper!AJ$2:AJ$366,ROUNDDOWN($C4434/24,0)+1,1))-1)+IF('Standard Profiles'!$G$20=$B$10,7,0)+IF('Standard Profiles'!$G$20=$B$17,14,0)+IF('Standard Profiles'!$G$20=$B$24,21,0),0)),0)</f>
        <v>0</v>
      </c>
      <c r="G4434" cm="1">
        <f t="array" ref="G4434">IFERROR(INDEX(Jesper!AK$2:AK$366,ROUNDDOWN($C4434/24,0)+1,1)*INDEX($D$3:$AA$30,INDEX(Jesper!$R$2:$R$366,ROW(INDEX(Jesper!AK$2:AK$366,ROUNDDOWN($C4434/24,0)+1,1))-1)+IF('Standard Profiles'!$G$21=$B$10,7,0)+IF('Standard Profiles'!$G$21=$B$17,14,0)+IF('Standard Profiles'!$G$21=$B$24,21,0),MOD($C4434,24)+1)/SUM(INDEX($D$3:$AA$30,INDEX(Jesper!$R$2:$R$366,ROW(INDEX(Jesper!AK$2:AK$366,ROUNDDOWN($C4434/24,0)+1,1))-1)+IF('Standard Profiles'!$G$21=$B$10,7,0)+IF('Standard Profiles'!$G$21=$B$17,14,0)+IF('Standard Profiles'!$G$21=$B$24,21,0),0)),0)</f>
        <v>0</v>
      </c>
      <c r="H4434" cm="1">
        <f t="array" ref="H4434">IFERROR(INDEX(Jesper!AL$2:AL$366,ROUNDDOWN($C4434/24,0)+1,1)*INDEX($D$3:$AA$30,INDEX(Jesper!$R$2:$R$366,ROW(INDEX(Jesper!AL$2:AL$366,ROUNDDOWN($C4434/24,0)+1,1))-1)+IF('Standard Profiles'!$G$22=$B$10,7,0)+IF('Standard Profiles'!$G$22=$B$17,14,0)+IF('Standard Profiles'!$G$22=$B$24,21,0),MOD($C4434,24)+1)/SUM(INDEX($D$3:$AA$30,INDEX(Jesper!$R$2:$R$366,ROW(INDEX(Jesper!AL$2:AL$366,ROUNDDOWN($C4434/24,0)+1,1))-1)+IF('Standard Profiles'!$G$22=$B$10,7,0)+IF('Standard Profiles'!$G$22=$B$17,14,0)+IF('Standard Profiles'!$G$22=$B$24,21,0),0)),0)</f>
        <v>0</v>
      </c>
      <c r="I4434">
        <f t="shared" si="496"/>
        <v>0.31183980698728958</v>
      </c>
      <c r="J4434">
        <f t="shared" si="497"/>
        <v>1.0394660232909654</v>
      </c>
      <c r="K4434">
        <f t="shared" si="498"/>
        <v>1.5591990349364477</v>
      </c>
      <c r="L4434">
        <f t="shared" si="499"/>
        <v>7.4841553676949495</v>
      </c>
      <c r="M4434">
        <f t="shared" si="500"/>
        <v>0</v>
      </c>
      <c r="N4434" s="46">
        <f t="shared" si="501"/>
        <v>45475.333333322662</v>
      </c>
    </row>
    <row r="4435" spans="2:14" x14ac:dyDescent="0.3">
      <c r="B4435">
        <f t="shared" si="495"/>
        <v>2</v>
      </c>
      <c r="C4435" s="16">
        <v>4401</v>
      </c>
      <c r="D4435" cm="1">
        <f t="array" ref="D4435">IFERROR(INDEX(Jesper!AH$2:AH$366,ROUNDDOWN($C4435/24,0)+1,1)*INDEX($D$3:$AA$30,INDEX(Jesper!$R$2:$R$366,ROW(INDEX(Jesper!AH$2:AH$366,ROUNDDOWN($C4435/24,0)+1,1))-1)+IF('Standard Profiles'!$G$18=$B$10,7,0)+IF('Standard Profiles'!$G$18=$B$17,14,0)+IF('Standard Profiles'!$G$18=$B$24,21,0),MOD($C4435,24)+1)/SUM(INDEX($D$3:$AA$30,INDEX(Jesper!$R$2:$R$366,ROW(INDEX(Jesper!AH$2:AH$366,ROUNDDOWN($C4435/24,0)+1,1))-1)+IF('Standard Profiles'!$G$18=$B$10,7,0)+IF('Standard Profiles'!$G$18=$B$17,14,0)+IF('Standard Profiles'!$G$18=$B$24,21,0),0)),0)</f>
        <v>11.260881918985456</v>
      </c>
      <c r="E4435" cm="1">
        <f t="array" ref="E4435">IFERROR(INDEX(Jesper!AI$2:AI$366,ROUNDDOWN($C4435/24,0)+1,1)*INDEX($D$3:$AA$30,INDEX(Jesper!$R$2:$R$366,ROW(INDEX(Jesper!AI$2:AI$366,ROUNDDOWN($C4435/24,0)+1,1))-1)+IF('Standard Profiles'!$G$19=$B$10,7,0)+IF('Standard Profiles'!$G$19=$B$17,14,0)+IF('Standard Profiles'!$G$19=$B$24,21,0),MOD($C4435,24)+1)/SUM(INDEX($D$3:$AA$30,INDEX(Jesper!$R$2:$R$366,ROW(INDEX(Jesper!AI$2:AI$366,ROUNDDOWN($C4435/24,0)+1,1))-1)+IF('Standard Profiles'!$G$19=$B$10,7,0)+IF('Standard Profiles'!$G$19=$B$17,14,0)+IF('Standard Profiles'!$G$19=$B$24,21,0),0)),0)</f>
        <v>0</v>
      </c>
      <c r="F4435" cm="1">
        <f t="array" ref="F4435">IFERROR(INDEX(Jesper!AJ$2:AJ$366,ROUNDDOWN($C4435/24,0)+1,1)*INDEX($D$3:$AA$30,INDEX(Jesper!$R$2:$R$366,ROW(INDEX(Jesper!AJ$2:AJ$366,ROUNDDOWN($C4435/24,0)+1,1))-1)+IF('Standard Profiles'!$G$20=$B$10,7,0)+IF('Standard Profiles'!$G$20=$B$17,14,0)+IF('Standard Profiles'!$G$20=$B$24,21,0),MOD($C4435,24)+1)/SUM(INDEX($D$3:$AA$30,INDEX(Jesper!$R$2:$R$366,ROW(INDEX(Jesper!AJ$2:AJ$366,ROUNDDOWN($C4435/24,0)+1,1))-1)+IF('Standard Profiles'!$G$20=$B$10,7,0)+IF('Standard Profiles'!$G$20=$B$17,14,0)+IF('Standard Profiles'!$G$20=$B$24,21,0),0)),0)</f>
        <v>0</v>
      </c>
      <c r="G4435" cm="1">
        <f t="array" ref="G4435">IFERROR(INDEX(Jesper!AK$2:AK$366,ROUNDDOWN($C4435/24,0)+1,1)*INDEX($D$3:$AA$30,INDEX(Jesper!$R$2:$R$366,ROW(INDEX(Jesper!AK$2:AK$366,ROUNDDOWN($C4435/24,0)+1,1))-1)+IF('Standard Profiles'!$G$21=$B$10,7,0)+IF('Standard Profiles'!$G$21=$B$17,14,0)+IF('Standard Profiles'!$G$21=$B$24,21,0),MOD($C4435,24)+1)/SUM(INDEX($D$3:$AA$30,INDEX(Jesper!$R$2:$R$366,ROW(INDEX(Jesper!AK$2:AK$366,ROUNDDOWN($C4435/24,0)+1,1))-1)+IF('Standard Profiles'!$G$21=$B$10,7,0)+IF('Standard Profiles'!$G$21=$B$17,14,0)+IF('Standard Profiles'!$G$21=$B$24,21,0),0)),0)</f>
        <v>0</v>
      </c>
      <c r="H4435" cm="1">
        <f t="array" ref="H4435">IFERROR(INDEX(Jesper!AL$2:AL$366,ROUNDDOWN($C4435/24,0)+1,1)*INDEX($D$3:$AA$30,INDEX(Jesper!$R$2:$R$366,ROW(INDEX(Jesper!AL$2:AL$366,ROUNDDOWN($C4435/24,0)+1,1))-1)+IF('Standard Profiles'!$G$22=$B$10,7,0)+IF('Standard Profiles'!$G$22=$B$17,14,0)+IF('Standard Profiles'!$G$22=$B$24,21,0),MOD($C4435,24)+1)/SUM(INDEX($D$3:$AA$30,INDEX(Jesper!$R$2:$R$366,ROW(INDEX(Jesper!AL$2:AL$366,ROUNDDOWN($C4435/24,0)+1,1))-1)+IF('Standard Profiles'!$G$22=$B$10,7,0)+IF('Standard Profiles'!$G$22=$B$17,14,0)+IF('Standard Profiles'!$G$22=$B$24,21,0),0)),0)</f>
        <v>0</v>
      </c>
      <c r="I4435">
        <f t="shared" si="496"/>
        <v>0.33782645756956364</v>
      </c>
      <c r="J4435">
        <f t="shared" si="497"/>
        <v>1.1260881918985457</v>
      </c>
      <c r="K4435">
        <f t="shared" si="498"/>
        <v>1.6891322878478183</v>
      </c>
      <c r="L4435">
        <f t="shared" si="499"/>
        <v>8.1078349816695283</v>
      </c>
      <c r="M4435">
        <f t="shared" si="500"/>
        <v>0</v>
      </c>
      <c r="N4435" s="46">
        <f t="shared" si="501"/>
        <v>45475.374999989326</v>
      </c>
    </row>
    <row r="4436" spans="2:14" x14ac:dyDescent="0.3">
      <c r="B4436">
        <f t="shared" si="495"/>
        <v>2</v>
      </c>
      <c r="C4436" s="16">
        <v>4402</v>
      </c>
      <c r="D4436" cm="1">
        <f t="array" ref="D4436">IFERROR(INDEX(Jesper!AH$2:AH$366,ROUNDDOWN($C4436/24,0)+1,1)*INDEX($D$3:$AA$30,INDEX(Jesper!$R$2:$R$366,ROW(INDEX(Jesper!AH$2:AH$366,ROUNDDOWN($C4436/24,0)+1,1))-1)+IF('Standard Profiles'!$G$18=$B$10,7,0)+IF('Standard Profiles'!$G$18=$B$17,14,0)+IF('Standard Profiles'!$G$18=$B$24,21,0),MOD($C4436,24)+1)/SUM(INDEX($D$3:$AA$30,INDEX(Jesper!$R$2:$R$366,ROW(INDEX(Jesper!AH$2:AH$366,ROUNDDOWN($C4436/24,0)+1,1))-1)+IF('Standard Profiles'!$G$18=$B$10,7,0)+IF('Standard Profiles'!$G$18=$B$17,14,0)+IF('Standard Profiles'!$G$18=$B$24,21,0),0)),0)</f>
        <v>11.780614930630939</v>
      </c>
      <c r="E4436" cm="1">
        <f t="array" ref="E4436">IFERROR(INDEX(Jesper!AI$2:AI$366,ROUNDDOWN($C4436/24,0)+1,1)*INDEX($D$3:$AA$30,INDEX(Jesper!$R$2:$R$366,ROW(INDEX(Jesper!AI$2:AI$366,ROUNDDOWN($C4436/24,0)+1,1))-1)+IF('Standard Profiles'!$G$19=$B$10,7,0)+IF('Standard Profiles'!$G$19=$B$17,14,0)+IF('Standard Profiles'!$G$19=$B$24,21,0),MOD($C4436,24)+1)/SUM(INDEX($D$3:$AA$30,INDEX(Jesper!$R$2:$R$366,ROW(INDEX(Jesper!AI$2:AI$366,ROUNDDOWN($C4436/24,0)+1,1))-1)+IF('Standard Profiles'!$G$19=$B$10,7,0)+IF('Standard Profiles'!$G$19=$B$17,14,0)+IF('Standard Profiles'!$G$19=$B$24,21,0),0)),0)</f>
        <v>0</v>
      </c>
      <c r="F4436" cm="1">
        <f t="array" ref="F4436">IFERROR(INDEX(Jesper!AJ$2:AJ$366,ROUNDDOWN($C4436/24,0)+1,1)*INDEX($D$3:$AA$30,INDEX(Jesper!$R$2:$R$366,ROW(INDEX(Jesper!AJ$2:AJ$366,ROUNDDOWN($C4436/24,0)+1,1))-1)+IF('Standard Profiles'!$G$20=$B$10,7,0)+IF('Standard Profiles'!$G$20=$B$17,14,0)+IF('Standard Profiles'!$G$20=$B$24,21,0),MOD($C4436,24)+1)/SUM(INDEX($D$3:$AA$30,INDEX(Jesper!$R$2:$R$366,ROW(INDEX(Jesper!AJ$2:AJ$366,ROUNDDOWN($C4436/24,0)+1,1))-1)+IF('Standard Profiles'!$G$20=$B$10,7,0)+IF('Standard Profiles'!$G$20=$B$17,14,0)+IF('Standard Profiles'!$G$20=$B$24,21,0),0)),0)</f>
        <v>0</v>
      </c>
      <c r="G4436" cm="1">
        <f t="array" ref="G4436">IFERROR(INDEX(Jesper!AK$2:AK$366,ROUNDDOWN($C4436/24,0)+1,1)*INDEX($D$3:$AA$30,INDEX(Jesper!$R$2:$R$366,ROW(INDEX(Jesper!AK$2:AK$366,ROUNDDOWN($C4436/24,0)+1,1))-1)+IF('Standard Profiles'!$G$21=$B$10,7,0)+IF('Standard Profiles'!$G$21=$B$17,14,0)+IF('Standard Profiles'!$G$21=$B$24,21,0),MOD($C4436,24)+1)/SUM(INDEX($D$3:$AA$30,INDEX(Jesper!$R$2:$R$366,ROW(INDEX(Jesper!AK$2:AK$366,ROUNDDOWN($C4436/24,0)+1,1))-1)+IF('Standard Profiles'!$G$21=$B$10,7,0)+IF('Standard Profiles'!$G$21=$B$17,14,0)+IF('Standard Profiles'!$G$21=$B$24,21,0),0)),0)</f>
        <v>0</v>
      </c>
      <c r="H4436" cm="1">
        <f t="array" ref="H4436">IFERROR(INDEX(Jesper!AL$2:AL$366,ROUNDDOWN($C4436/24,0)+1,1)*INDEX($D$3:$AA$30,INDEX(Jesper!$R$2:$R$366,ROW(INDEX(Jesper!AL$2:AL$366,ROUNDDOWN($C4436/24,0)+1,1))-1)+IF('Standard Profiles'!$G$22=$B$10,7,0)+IF('Standard Profiles'!$G$22=$B$17,14,0)+IF('Standard Profiles'!$G$22=$B$24,21,0),MOD($C4436,24)+1)/SUM(INDEX($D$3:$AA$30,INDEX(Jesper!$R$2:$R$366,ROW(INDEX(Jesper!AL$2:AL$366,ROUNDDOWN($C4436/24,0)+1,1))-1)+IF('Standard Profiles'!$G$22=$B$10,7,0)+IF('Standard Profiles'!$G$22=$B$17,14,0)+IF('Standard Profiles'!$G$22=$B$24,21,0),0)),0)</f>
        <v>0</v>
      </c>
      <c r="I4436">
        <f t="shared" si="496"/>
        <v>0.35341844791892818</v>
      </c>
      <c r="J4436">
        <f t="shared" si="497"/>
        <v>1.1780614930630939</v>
      </c>
      <c r="K4436">
        <f t="shared" si="498"/>
        <v>1.7670922395946409</v>
      </c>
      <c r="L4436">
        <f t="shared" si="499"/>
        <v>8.4820427500542763</v>
      </c>
      <c r="M4436">
        <f t="shared" si="500"/>
        <v>0</v>
      </c>
      <c r="N4436" s="46">
        <f t="shared" si="501"/>
        <v>45475.41666665599</v>
      </c>
    </row>
    <row r="4437" spans="2:14" x14ac:dyDescent="0.3">
      <c r="B4437">
        <f t="shared" si="495"/>
        <v>2</v>
      </c>
      <c r="C4437" s="16">
        <v>4403</v>
      </c>
      <c r="D4437" cm="1">
        <f t="array" ref="D4437">IFERROR(INDEX(Jesper!AH$2:AH$366,ROUNDDOWN($C4437/24,0)+1,1)*INDEX($D$3:$AA$30,INDEX(Jesper!$R$2:$R$366,ROW(INDEX(Jesper!AH$2:AH$366,ROUNDDOWN($C4437/24,0)+1,1))-1)+IF('Standard Profiles'!$G$18=$B$10,7,0)+IF('Standard Profiles'!$G$18=$B$17,14,0)+IF('Standard Profiles'!$G$18=$B$24,21,0),MOD($C4437,24)+1)/SUM(INDEX($D$3:$AA$30,INDEX(Jesper!$R$2:$R$366,ROW(INDEX(Jesper!AH$2:AH$366,ROUNDDOWN($C4437/24,0)+1,1))-1)+IF('Standard Profiles'!$G$18=$B$10,7,0)+IF('Standard Profiles'!$G$18=$B$17,14,0)+IF('Standard Profiles'!$G$18=$B$24,21,0),0)),0)</f>
        <v>13.859546977212869</v>
      </c>
      <c r="E4437" cm="1">
        <f t="array" ref="E4437">IFERROR(INDEX(Jesper!AI$2:AI$366,ROUNDDOWN($C4437/24,0)+1,1)*INDEX($D$3:$AA$30,INDEX(Jesper!$R$2:$R$366,ROW(INDEX(Jesper!AI$2:AI$366,ROUNDDOWN($C4437/24,0)+1,1))-1)+IF('Standard Profiles'!$G$19=$B$10,7,0)+IF('Standard Profiles'!$G$19=$B$17,14,0)+IF('Standard Profiles'!$G$19=$B$24,21,0),MOD($C4437,24)+1)/SUM(INDEX($D$3:$AA$30,INDEX(Jesper!$R$2:$R$366,ROW(INDEX(Jesper!AI$2:AI$366,ROUNDDOWN($C4437/24,0)+1,1))-1)+IF('Standard Profiles'!$G$19=$B$10,7,0)+IF('Standard Profiles'!$G$19=$B$17,14,0)+IF('Standard Profiles'!$G$19=$B$24,21,0),0)),0)</f>
        <v>0</v>
      </c>
      <c r="F4437" cm="1">
        <f t="array" ref="F4437">IFERROR(INDEX(Jesper!AJ$2:AJ$366,ROUNDDOWN($C4437/24,0)+1,1)*INDEX($D$3:$AA$30,INDEX(Jesper!$R$2:$R$366,ROW(INDEX(Jesper!AJ$2:AJ$366,ROUNDDOWN($C4437/24,0)+1,1))-1)+IF('Standard Profiles'!$G$20=$B$10,7,0)+IF('Standard Profiles'!$G$20=$B$17,14,0)+IF('Standard Profiles'!$G$20=$B$24,21,0),MOD($C4437,24)+1)/SUM(INDEX($D$3:$AA$30,INDEX(Jesper!$R$2:$R$366,ROW(INDEX(Jesper!AJ$2:AJ$366,ROUNDDOWN($C4437/24,0)+1,1))-1)+IF('Standard Profiles'!$G$20=$B$10,7,0)+IF('Standard Profiles'!$G$20=$B$17,14,0)+IF('Standard Profiles'!$G$20=$B$24,21,0),0)),0)</f>
        <v>0</v>
      </c>
      <c r="G4437" cm="1">
        <f t="array" ref="G4437">IFERROR(INDEX(Jesper!AK$2:AK$366,ROUNDDOWN($C4437/24,0)+1,1)*INDEX($D$3:$AA$30,INDEX(Jesper!$R$2:$R$366,ROW(INDEX(Jesper!AK$2:AK$366,ROUNDDOWN($C4437/24,0)+1,1))-1)+IF('Standard Profiles'!$G$21=$B$10,7,0)+IF('Standard Profiles'!$G$21=$B$17,14,0)+IF('Standard Profiles'!$G$21=$B$24,21,0),MOD($C4437,24)+1)/SUM(INDEX($D$3:$AA$30,INDEX(Jesper!$R$2:$R$366,ROW(INDEX(Jesper!AK$2:AK$366,ROUNDDOWN($C4437/24,0)+1,1))-1)+IF('Standard Profiles'!$G$21=$B$10,7,0)+IF('Standard Profiles'!$G$21=$B$17,14,0)+IF('Standard Profiles'!$G$21=$B$24,21,0),0)),0)</f>
        <v>0</v>
      </c>
      <c r="H4437" cm="1">
        <f t="array" ref="H4437">IFERROR(INDEX(Jesper!AL$2:AL$366,ROUNDDOWN($C4437/24,0)+1,1)*INDEX($D$3:$AA$30,INDEX(Jesper!$R$2:$R$366,ROW(INDEX(Jesper!AL$2:AL$366,ROUNDDOWN($C4437/24,0)+1,1))-1)+IF('Standard Profiles'!$G$22=$B$10,7,0)+IF('Standard Profiles'!$G$22=$B$17,14,0)+IF('Standard Profiles'!$G$22=$B$24,21,0),MOD($C4437,24)+1)/SUM(INDEX($D$3:$AA$30,INDEX(Jesper!$R$2:$R$366,ROW(INDEX(Jesper!AL$2:AL$366,ROUNDDOWN($C4437/24,0)+1,1))-1)+IF('Standard Profiles'!$G$22=$B$10,7,0)+IF('Standard Profiles'!$G$22=$B$17,14,0)+IF('Standard Profiles'!$G$22=$B$24,21,0),0)),0)</f>
        <v>0</v>
      </c>
      <c r="I4437">
        <f t="shared" si="496"/>
        <v>0.41578640931638605</v>
      </c>
      <c r="J4437">
        <f t="shared" si="497"/>
        <v>1.3859546977212869</v>
      </c>
      <c r="K4437">
        <f t="shared" si="498"/>
        <v>2.0789320465819303</v>
      </c>
      <c r="L4437">
        <f t="shared" si="499"/>
        <v>9.9788738235932648</v>
      </c>
      <c r="M4437">
        <f t="shared" si="500"/>
        <v>0</v>
      </c>
      <c r="N4437" s="46">
        <f t="shared" si="501"/>
        <v>45475.458333322655</v>
      </c>
    </row>
    <row r="4438" spans="2:14" x14ac:dyDescent="0.3">
      <c r="B4438">
        <f t="shared" si="495"/>
        <v>2</v>
      </c>
      <c r="C4438" s="16">
        <v>4404</v>
      </c>
      <c r="D4438" cm="1">
        <f t="array" ref="D4438">IFERROR(INDEX(Jesper!AH$2:AH$366,ROUNDDOWN($C4438/24,0)+1,1)*INDEX($D$3:$AA$30,INDEX(Jesper!$R$2:$R$366,ROW(INDEX(Jesper!AH$2:AH$366,ROUNDDOWN($C4438/24,0)+1,1))-1)+IF('Standard Profiles'!$G$18=$B$10,7,0)+IF('Standard Profiles'!$G$18=$B$17,14,0)+IF('Standard Profiles'!$G$18=$B$24,21,0),MOD($C4438,24)+1)/SUM(INDEX($D$3:$AA$30,INDEX(Jesper!$R$2:$R$366,ROW(INDEX(Jesper!AH$2:AH$366,ROUNDDOWN($C4438/24,0)+1,1))-1)+IF('Standard Profiles'!$G$18=$B$10,7,0)+IF('Standard Profiles'!$G$18=$B$17,14,0)+IF('Standard Profiles'!$G$18=$B$24,21,0),0)),0)</f>
        <v>13.859546977212869</v>
      </c>
      <c r="E4438" cm="1">
        <f t="array" ref="E4438">IFERROR(INDEX(Jesper!AI$2:AI$366,ROUNDDOWN($C4438/24,0)+1,1)*INDEX($D$3:$AA$30,INDEX(Jesper!$R$2:$R$366,ROW(INDEX(Jesper!AI$2:AI$366,ROUNDDOWN($C4438/24,0)+1,1))-1)+IF('Standard Profiles'!$G$19=$B$10,7,0)+IF('Standard Profiles'!$G$19=$B$17,14,0)+IF('Standard Profiles'!$G$19=$B$24,21,0),MOD($C4438,24)+1)/SUM(INDEX($D$3:$AA$30,INDEX(Jesper!$R$2:$R$366,ROW(INDEX(Jesper!AI$2:AI$366,ROUNDDOWN($C4438/24,0)+1,1))-1)+IF('Standard Profiles'!$G$19=$B$10,7,0)+IF('Standard Profiles'!$G$19=$B$17,14,0)+IF('Standard Profiles'!$G$19=$B$24,21,0),0)),0)</f>
        <v>0</v>
      </c>
      <c r="F4438" cm="1">
        <f t="array" ref="F4438">IFERROR(INDEX(Jesper!AJ$2:AJ$366,ROUNDDOWN($C4438/24,0)+1,1)*INDEX($D$3:$AA$30,INDEX(Jesper!$R$2:$R$366,ROW(INDEX(Jesper!AJ$2:AJ$366,ROUNDDOWN($C4438/24,0)+1,1))-1)+IF('Standard Profiles'!$G$20=$B$10,7,0)+IF('Standard Profiles'!$G$20=$B$17,14,0)+IF('Standard Profiles'!$G$20=$B$24,21,0),MOD($C4438,24)+1)/SUM(INDEX($D$3:$AA$30,INDEX(Jesper!$R$2:$R$366,ROW(INDEX(Jesper!AJ$2:AJ$366,ROUNDDOWN($C4438/24,0)+1,1))-1)+IF('Standard Profiles'!$G$20=$B$10,7,0)+IF('Standard Profiles'!$G$20=$B$17,14,0)+IF('Standard Profiles'!$G$20=$B$24,21,0),0)),0)</f>
        <v>0</v>
      </c>
      <c r="G4438" cm="1">
        <f t="array" ref="G4438">IFERROR(INDEX(Jesper!AK$2:AK$366,ROUNDDOWN($C4438/24,0)+1,1)*INDEX($D$3:$AA$30,INDEX(Jesper!$R$2:$R$366,ROW(INDEX(Jesper!AK$2:AK$366,ROUNDDOWN($C4438/24,0)+1,1))-1)+IF('Standard Profiles'!$G$21=$B$10,7,0)+IF('Standard Profiles'!$G$21=$B$17,14,0)+IF('Standard Profiles'!$G$21=$B$24,21,0),MOD($C4438,24)+1)/SUM(INDEX($D$3:$AA$30,INDEX(Jesper!$R$2:$R$366,ROW(INDEX(Jesper!AK$2:AK$366,ROUNDDOWN($C4438/24,0)+1,1))-1)+IF('Standard Profiles'!$G$21=$B$10,7,0)+IF('Standard Profiles'!$G$21=$B$17,14,0)+IF('Standard Profiles'!$G$21=$B$24,21,0),0)),0)</f>
        <v>0</v>
      </c>
      <c r="H4438" cm="1">
        <f t="array" ref="H4438">IFERROR(INDEX(Jesper!AL$2:AL$366,ROUNDDOWN($C4438/24,0)+1,1)*INDEX($D$3:$AA$30,INDEX(Jesper!$R$2:$R$366,ROW(INDEX(Jesper!AL$2:AL$366,ROUNDDOWN($C4438/24,0)+1,1))-1)+IF('Standard Profiles'!$G$22=$B$10,7,0)+IF('Standard Profiles'!$G$22=$B$17,14,0)+IF('Standard Profiles'!$G$22=$B$24,21,0),MOD($C4438,24)+1)/SUM(INDEX($D$3:$AA$30,INDEX(Jesper!$R$2:$R$366,ROW(INDEX(Jesper!AL$2:AL$366,ROUNDDOWN($C4438/24,0)+1,1))-1)+IF('Standard Profiles'!$G$22=$B$10,7,0)+IF('Standard Profiles'!$G$22=$B$17,14,0)+IF('Standard Profiles'!$G$22=$B$24,21,0),0)),0)</f>
        <v>0</v>
      </c>
      <c r="I4438">
        <f t="shared" si="496"/>
        <v>0.41578640931638605</v>
      </c>
      <c r="J4438">
        <f t="shared" si="497"/>
        <v>1.3859546977212869</v>
      </c>
      <c r="K4438">
        <f t="shared" si="498"/>
        <v>2.0789320465819303</v>
      </c>
      <c r="L4438">
        <f t="shared" si="499"/>
        <v>9.9788738235932648</v>
      </c>
      <c r="M4438">
        <f t="shared" si="500"/>
        <v>0</v>
      </c>
      <c r="N4438" s="46">
        <f t="shared" si="501"/>
        <v>45475.499999989319</v>
      </c>
    </row>
    <row r="4439" spans="2:14" x14ac:dyDescent="0.3">
      <c r="B4439">
        <f t="shared" si="495"/>
        <v>2</v>
      </c>
      <c r="C4439" s="16">
        <v>4405</v>
      </c>
      <c r="D4439" cm="1">
        <f t="array" ref="D4439">IFERROR(INDEX(Jesper!AH$2:AH$366,ROUNDDOWN($C4439/24,0)+1,1)*INDEX($D$3:$AA$30,INDEX(Jesper!$R$2:$R$366,ROW(INDEX(Jesper!AH$2:AH$366,ROUNDDOWN($C4439/24,0)+1,1))-1)+IF('Standard Profiles'!$G$18=$B$10,7,0)+IF('Standard Profiles'!$G$18=$B$17,14,0)+IF('Standard Profiles'!$G$18=$B$24,21,0),MOD($C4439,24)+1)/SUM(INDEX($D$3:$AA$30,INDEX(Jesper!$R$2:$R$366,ROW(INDEX(Jesper!AH$2:AH$366,ROUNDDOWN($C4439/24,0)+1,1))-1)+IF('Standard Profiles'!$G$18=$B$10,7,0)+IF('Standard Profiles'!$G$18=$B$17,14,0)+IF('Standard Profiles'!$G$18=$B$24,21,0),0)),0)</f>
        <v>13.859546977212869</v>
      </c>
      <c r="E4439" cm="1">
        <f t="array" ref="E4439">IFERROR(INDEX(Jesper!AI$2:AI$366,ROUNDDOWN($C4439/24,0)+1,1)*INDEX($D$3:$AA$30,INDEX(Jesper!$R$2:$R$366,ROW(INDEX(Jesper!AI$2:AI$366,ROUNDDOWN($C4439/24,0)+1,1))-1)+IF('Standard Profiles'!$G$19=$B$10,7,0)+IF('Standard Profiles'!$G$19=$B$17,14,0)+IF('Standard Profiles'!$G$19=$B$24,21,0),MOD($C4439,24)+1)/SUM(INDEX($D$3:$AA$30,INDEX(Jesper!$R$2:$R$366,ROW(INDEX(Jesper!AI$2:AI$366,ROUNDDOWN($C4439/24,0)+1,1))-1)+IF('Standard Profiles'!$G$19=$B$10,7,0)+IF('Standard Profiles'!$G$19=$B$17,14,0)+IF('Standard Profiles'!$G$19=$B$24,21,0),0)),0)</f>
        <v>0</v>
      </c>
      <c r="F4439" cm="1">
        <f t="array" ref="F4439">IFERROR(INDEX(Jesper!AJ$2:AJ$366,ROUNDDOWN($C4439/24,0)+1,1)*INDEX($D$3:$AA$30,INDEX(Jesper!$R$2:$R$366,ROW(INDEX(Jesper!AJ$2:AJ$366,ROUNDDOWN($C4439/24,0)+1,1))-1)+IF('Standard Profiles'!$G$20=$B$10,7,0)+IF('Standard Profiles'!$G$20=$B$17,14,0)+IF('Standard Profiles'!$G$20=$B$24,21,0),MOD($C4439,24)+1)/SUM(INDEX($D$3:$AA$30,INDEX(Jesper!$R$2:$R$366,ROW(INDEX(Jesper!AJ$2:AJ$366,ROUNDDOWN($C4439/24,0)+1,1))-1)+IF('Standard Profiles'!$G$20=$B$10,7,0)+IF('Standard Profiles'!$G$20=$B$17,14,0)+IF('Standard Profiles'!$G$20=$B$24,21,0),0)),0)</f>
        <v>0</v>
      </c>
      <c r="G4439" cm="1">
        <f t="array" ref="G4439">IFERROR(INDEX(Jesper!AK$2:AK$366,ROUNDDOWN($C4439/24,0)+1,1)*INDEX($D$3:$AA$30,INDEX(Jesper!$R$2:$R$366,ROW(INDEX(Jesper!AK$2:AK$366,ROUNDDOWN($C4439/24,0)+1,1))-1)+IF('Standard Profiles'!$G$21=$B$10,7,0)+IF('Standard Profiles'!$G$21=$B$17,14,0)+IF('Standard Profiles'!$G$21=$B$24,21,0),MOD($C4439,24)+1)/SUM(INDEX($D$3:$AA$30,INDEX(Jesper!$R$2:$R$366,ROW(INDEX(Jesper!AK$2:AK$366,ROUNDDOWN($C4439/24,0)+1,1))-1)+IF('Standard Profiles'!$G$21=$B$10,7,0)+IF('Standard Profiles'!$G$21=$B$17,14,0)+IF('Standard Profiles'!$G$21=$B$24,21,0),0)),0)</f>
        <v>0</v>
      </c>
      <c r="H4439" cm="1">
        <f t="array" ref="H4439">IFERROR(INDEX(Jesper!AL$2:AL$366,ROUNDDOWN($C4439/24,0)+1,1)*INDEX($D$3:$AA$30,INDEX(Jesper!$R$2:$R$366,ROW(INDEX(Jesper!AL$2:AL$366,ROUNDDOWN($C4439/24,0)+1,1))-1)+IF('Standard Profiles'!$G$22=$B$10,7,0)+IF('Standard Profiles'!$G$22=$B$17,14,0)+IF('Standard Profiles'!$G$22=$B$24,21,0),MOD($C4439,24)+1)/SUM(INDEX($D$3:$AA$30,INDEX(Jesper!$R$2:$R$366,ROW(INDEX(Jesper!AL$2:AL$366,ROUNDDOWN($C4439/24,0)+1,1))-1)+IF('Standard Profiles'!$G$22=$B$10,7,0)+IF('Standard Profiles'!$G$22=$B$17,14,0)+IF('Standard Profiles'!$G$22=$B$24,21,0),0)),0)</f>
        <v>0</v>
      </c>
      <c r="I4439">
        <f t="shared" si="496"/>
        <v>0.41578640931638605</v>
      </c>
      <c r="J4439">
        <f t="shared" si="497"/>
        <v>1.3859546977212869</v>
      </c>
      <c r="K4439">
        <f t="shared" si="498"/>
        <v>2.0789320465819303</v>
      </c>
      <c r="L4439">
        <f t="shared" si="499"/>
        <v>9.9788738235932648</v>
      </c>
      <c r="M4439">
        <f t="shared" si="500"/>
        <v>0</v>
      </c>
      <c r="N4439" s="46">
        <f t="shared" si="501"/>
        <v>45475.541666655983</v>
      </c>
    </row>
    <row r="4440" spans="2:14" x14ac:dyDescent="0.3">
      <c r="B4440">
        <f t="shared" si="495"/>
        <v>2</v>
      </c>
      <c r="C4440" s="16">
        <v>4406</v>
      </c>
      <c r="D4440" cm="1">
        <f t="array" ref="D4440">IFERROR(INDEX(Jesper!AH$2:AH$366,ROUNDDOWN($C4440/24,0)+1,1)*INDEX($D$3:$AA$30,INDEX(Jesper!$R$2:$R$366,ROW(INDEX(Jesper!AH$2:AH$366,ROUNDDOWN($C4440/24,0)+1,1))-1)+IF('Standard Profiles'!$G$18=$B$10,7,0)+IF('Standard Profiles'!$G$18=$B$17,14,0)+IF('Standard Profiles'!$G$18=$B$24,21,0),MOD($C4440,24)+1)/SUM(INDEX($D$3:$AA$30,INDEX(Jesper!$R$2:$R$366,ROW(INDEX(Jesper!AH$2:AH$366,ROUNDDOWN($C4440/24,0)+1,1))-1)+IF('Standard Profiles'!$G$18=$B$10,7,0)+IF('Standard Profiles'!$G$18=$B$17,14,0)+IF('Standard Profiles'!$G$18=$B$24,21,0),0)),0)</f>
        <v>13.859546977212869</v>
      </c>
      <c r="E4440" cm="1">
        <f t="array" ref="E4440">IFERROR(INDEX(Jesper!AI$2:AI$366,ROUNDDOWN($C4440/24,0)+1,1)*INDEX($D$3:$AA$30,INDEX(Jesper!$R$2:$R$366,ROW(INDEX(Jesper!AI$2:AI$366,ROUNDDOWN($C4440/24,0)+1,1))-1)+IF('Standard Profiles'!$G$19=$B$10,7,0)+IF('Standard Profiles'!$G$19=$B$17,14,0)+IF('Standard Profiles'!$G$19=$B$24,21,0),MOD($C4440,24)+1)/SUM(INDEX($D$3:$AA$30,INDEX(Jesper!$R$2:$R$366,ROW(INDEX(Jesper!AI$2:AI$366,ROUNDDOWN($C4440/24,0)+1,1))-1)+IF('Standard Profiles'!$G$19=$B$10,7,0)+IF('Standard Profiles'!$G$19=$B$17,14,0)+IF('Standard Profiles'!$G$19=$B$24,21,0),0)),0)</f>
        <v>0</v>
      </c>
      <c r="F4440" cm="1">
        <f t="array" ref="F4440">IFERROR(INDEX(Jesper!AJ$2:AJ$366,ROUNDDOWN($C4440/24,0)+1,1)*INDEX($D$3:$AA$30,INDEX(Jesper!$R$2:$R$366,ROW(INDEX(Jesper!AJ$2:AJ$366,ROUNDDOWN($C4440/24,0)+1,1))-1)+IF('Standard Profiles'!$G$20=$B$10,7,0)+IF('Standard Profiles'!$G$20=$B$17,14,0)+IF('Standard Profiles'!$G$20=$B$24,21,0),MOD($C4440,24)+1)/SUM(INDEX($D$3:$AA$30,INDEX(Jesper!$R$2:$R$366,ROW(INDEX(Jesper!AJ$2:AJ$366,ROUNDDOWN($C4440/24,0)+1,1))-1)+IF('Standard Profiles'!$G$20=$B$10,7,0)+IF('Standard Profiles'!$G$20=$B$17,14,0)+IF('Standard Profiles'!$G$20=$B$24,21,0),0)),0)</f>
        <v>0</v>
      </c>
      <c r="G4440" cm="1">
        <f t="array" ref="G4440">IFERROR(INDEX(Jesper!AK$2:AK$366,ROUNDDOWN($C4440/24,0)+1,1)*INDEX($D$3:$AA$30,INDEX(Jesper!$R$2:$R$366,ROW(INDEX(Jesper!AK$2:AK$366,ROUNDDOWN($C4440/24,0)+1,1))-1)+IF('Standard Profiles'!$G$21=$B$10,7,0)+IF('Standard Profiles'!$G$21=$B$17,14,0)+IF('Standard Profiles'!$G$21=$B$24,21,0),MOD($C4440,24)+1)/SUM(INDEX($D$3:$AA$30,INDEX(Jesper!$R$2:$R$366,ROW(INDEX(Jesper!AK$2:AK$366,ROUNDDOWN($C4440/24,0)+1,1))-1)+IF('Standard Profiles'!$G$21=$B$10,7,0)+IF('Standard Profiles'!$G$21=$B$17,14,0)+IF('Standard Profiles'!$G$21=$B$24,21,0),0)),0)</f>
        <v>0</v>
      </c>
      <c r="H4440" cm="1">
        <f t="array" ref="H4440">IFERROR(INDEX(Jesper!AL$2:AL$366,ROUNDDOWN($C4440/24,0)+1,1)*INDEX($D$3:$AA$30,INDEX(Jesper!$R$2:$R$366,ROW(INDEX(Jesper!AL$2:AL$366,ROUNDDOWN($C4440/24,0)+1,1))-1)+IF('Standard Profiles'!$G$22=$B$10,7,0)+IF('Standard Profiles'!$G$22=$B$17,14,0)+IF('Standard Profiles'!$G$22=$B$24,21,0),MOD($C4440,24)+1)/SUM(INDEX($D$3:$AA$30,INDEX(Jesper!$R$2:$R$366,ROW(INDEX(Jesper!AL$2:AL$366,ROUNDDOWN($C4440/24,0)+1,1))-1)+IF('Standard Profiles'!$G$22=$B$10,7,0)+IF('Standard Profiles'!$G$22=$B$17,14,0)+IF('Standard Profiles'!$G$22=$B$24,21,0),0)),0)</f>
        <v>0</v>
      </c>
      <c r="I4440">
        <f t="shared" si="496"/>
        <v>0.41578640931638605</v>
      </c>
      <c r="J4440">
        <f t="shared" si="497"/>
        <v>1.3859546977212869</v>
      </c>
      <c r="K4440">
        <f t="shared" si="498"/>
        <v>2.0789320465819303</v>
      </c>
      <c r="L4440">
        <f t="shared" si="499"/>
        <v>9.9788738235932648</v>
      </c>
      <c r="M4440">
        <f t="shared" si="500"/>
        <v>0</v>
      </c>
      <c r="N4440" s="46">
        <f t="shared" si="501"/>
        <v>45475.583333322647</v>
      </c>
    </row>
    <row r="4441" spans="2:14" x14ac:dyDescent="0.3">
      <c r="B4441">
        <f t="shared" si="495"/>
        <v>2</v>
      </c>
      <c r="C4441" s="16">
        <v>4407</v>
      </c>
      <c r="D4441" cm="1">
        <f t="array" ref="D4441">IFERROR(INDEX(Jesper!AH$2:AH$366,ROUNDDOWN($C4441/24,0)+1,1)*INDEX($D$3:$AA$30,INDEX(Jesper!$R$2:$R$366,ROW(INDEX(Jesper!AH$2:AH$366,ROUNDDOWN($C4441/24,0)+1,1))-1)+IF('Standard Profiles'!$G$18=$B$10,7,0)+IF('Standard Profiles'!$G$18=$B$17,14,0)+IF('Standard Profiles'!$G$18=$B$24,21,0),MOD($C4441,24)+1)/SUM(INDEX($D$3:$AA$30,INDEX(Jesper!$R$2:$R$366,ROW(INDEX(Jesper!AH$2:AH$366,ROUNDDOWN($C4441/24,0)+1,1))-1)+IF('Standard Profiles'!$G$18=$B$10,7,0)+IF('Standard Profiles'!$G$18=$B$17,14,0)+IF('Standard Profiles'!$G$18=$B$24,21,0),0)),0)</f>
        <v>13.859546977212869</v>
      </c>
      <c r="E4441" cm="1">
        <f t="array" ref="E4441">IFERROR(INDEX(Jesper!AI$2:AI$366,ROUNDDOWN($C4441/24,0)+1,1)*INDEX($D$3:$AA$30,INDEX(Jesper!$R$2:$R$366,ROW(INDEX(Jesper!AI$2:AI$366,ROUNDDOWN($C4441/24,0)+1,1))-1)+IF('Standard Profiles'!$G$19=$B$10,7,0)+IF('Standard Profiles'!$G$19=$B$17,14,0)+IF('Standard Profiles'!$G$19=$B$24,21,0),MOD($C4441,24)+1)/SUM(INDEX($D$3:$AA$30,INDEX(Jesper!$R$2:$R$366,ROW(INDEX(Jesper!AI$2:AI$366,ROUNDDOWN($C4441/24,0)+1,1))-1)+IF('Standard Profiles'!$G$19=$B$10,7,0)+IF('Standard Profiles'!$G$19=$B$17,14,0)+IF('Standard Profiles'!$G$19=$B$24,21,0),0)),0)</f>
        <v>0</v>
      </c>
      <c r="F4441" cm="1">
        <f t="array" ref="F4441">IFERROR(INDEX(Jesper!AJ$2:AJ$366,ROUNDDOWN($C4441/24,0)+1,1)*INDEX($D$3:$AA$30,INDEX(Jesper!$R$2:$R$366,ROW(INDEX(Jesper!AJ$2:AJ$366,ROUNDDOWN($C4441/24,0)+1,1))-1)+IF('Standard Profiles'!$G$20=$B$10,7,0)+IF('Standard Profiles'!$G$20=$B$17,14,0)+IF('Standard Profiles'!$G$20=$B$24,21,0),MOD($C4441,24)+1)/SUM(INDEX($D$3:$AA$30,INDEX(Jesper!$R$2:$R$366,ROW(INDEX(Jesper!AJ$2:AJ$366,ROUNDDOWN($C4441/24,0)+1,1))-1)+IF('Standard Profiles'!$G$20=$B$10,7,0)+IF('Standard Profiles'!$G$20=$B$17,14,0)+IF('Standard Profiles'!$G$20=$B$24,21,0),0)),0)</f>
        <v>0</v>
      </c>
      <c r="G4441" cm="1">
        <f t="array" ref="G4441">IFERROR(INDEX(Jesper!AK$2:AK$366,ROUNDDOWN($C4441/24,0)+1,1)*INDEX($D$3:$AA$30,INDEX(Jesper!$R$2:$R$366,ROW(INDEX(Jesper!AK$2:AK$366,ROUNDDOWN($C4441/24,0)+1,1))-1)+IF('Standard Profiles'!$G$21=$B$10,7,0)+IF('Standard Profiles'!$G$21=$B$17,14,0)+IF('Standard Profiles'!$G$21=$B$24,21,0),MOD($C4441,24)+1)/SUM(INDEX($D$3:$AA$30,INDEX(Jesper!$R$2:$R$366,ROW(INDEX(Jesper!AK$2:AK$366,ROUNDDOWN($C4441/24,0)+1,1))-1)+IF('Standard Profiles'!$G$21=$B$10,7,0)+IF('Standard Profiles'!$G$21=$B$17,14,0)+IF('Standard Profiles'!$G$21=$B$24,21,0),0)),0)</f>
        <v>0</v>
      </c>
      <c r="H4441" cm="1">
        <f t="array" ref="H4441">IFERROR(INDEX(Jesper!AL$2:AL$366,ROUNDDOWN($C4441/24,0)+1,1)*INDEX($D$3:$AA$30,INDEX(Jesper!$R$2:$R$366,ROW(INDEX(Jesper!AL$2:AL$366,ROUNDDOWN($C4441/24,0)+1,1))-1)+IF('Standard Profiles'!$G$22=$B$10,7,0)+IF('Standard Profiles'!$G$22=$B$17,14,0)+IF('Standard Profiles'!$G$22=$B$24,21,0),MOD($C4441,24)+1)/SUM(INDEX($D$3:$AA$30,INDEX(Jesper!$R$2:$R$366,ROW(INDEX(Jesper!AL$2:AL$366,ROUNDDOWN($C4441/24,0)+1,1))-1)+IF('Standard Profiles'!$G$22=$B$10,7,0)+IF('Standard Profiles'!$G$22=$B$17,14,0)+IF('Standard Profiles'!$G$22=$B$24,21,0),0)),0)</f>
        <v>0</v>
      </c>
      <c r="I4441">
        <f t="shared" si="496"/>
        <v>0.41578640931638605</v>
      </c>
      <c r="J4441">
        <f t="shared" si="497"/>
        <v>1.3859546977212869</v>
      </c>
      <c r="K4441">
        <f t="shared" si="498"/>
        <v>2.0789320465819303</v>
      </c>
      <c r="L4441">
        <f t="shared" si="499"/>
        <v>9.9788738235932648</v>
      </c>
      <c r="M4441">
        <f t="shared" si="500"/>
        <v>0</v>
      </c>
      <c r="N4441" s="46">
        <f t="shared" si="501"/>
        <v>45475.624999989312</v>
      </c>
    </row>
    <row r="4442" spans="2:14" x14ac:dyDescent="0.3">
      <c r="B4442">
        <f t="shared" si="495"/>
        <v>2</v>
      </c>
      <c r="C4442" s="16">
        <v>4408</v>
      </c>
      <c r="D4442" cm="1">
        <f t="array" ref="D4442">IFERROR(INDEX(Jesper!AH$2:AH$366,ROUNDDOWN($C4442/24,0)+1,1)*INDEX($D$3:$AA$30,INDEX(Jesper!$R$2:$R$366,ROW(INDEX(Jesper!AH$2:AH$366,ROUNDDOWN($C4442/24,0)+1,1))-1)+IF('Standard Profiles'!$G$18=$B$10,7,0)+IF('Standard Profiles'!$G$18=$B$17,14,0)+IF('Standard Profiles'!$G$18=$B$24,21,0),MOD($C4442,24)+1)/SUM(INDEX($D$3:$AA$30,INDEX(Jesper!$R$2:$R$366,ROW(INDEX(Jesper!AH$2:AH$366,ROUNDDOWN($C4442/24,0)+1,1))-1)+IF('Standard Profiles'!$G$18=$B$10,7,0)+IF('Standard Profiles'!$G$18=$B$17,14,0)+IF('Standard Profiles'!$G$18=$B$24,21,0),0)),0)</f>
        <v>13.859546977212869</v>
      </c>
      <c r="E4442" cm="1">
        <f t="array" ref="E4442">IFERROR(INDEX(Jesper!AI$2:AI$366,ROUNDDOWN($C4442/24,0)+1,1)*INDEX($D$3:$AA$30,INDEX(Jesper!$R$2:$R$366,ROW(INDEX(Jesper!AI$2:AI$366,ROUNDDOWN($C4442/24,0)+1,1))-1)+IF('Standard Profiles'!$G$19=$B$10,7,0)+IF('Standard Profiles'!$G$19=$B$17,14,0)+IF('Standard Profiles'!$G$19=$B$24,21,0),MOD($C4442,24)+1)/SUM(INDEX($D$3:$AA$30,INDEX(Jesper!$R$2:$R$366,ROW(INDEX(Jesper!AI$2:AI$366,ROUNDDOWN($C4442/24,0)+1,1))-1)+IF('Standard Profiles'!$G$19=$B$10,7,0)+IF('Standard Profiles'!$G$19=$B$17,14,0)+IF('Standard Profiles'!$G$19=$B$24,21,0),0)),0)</f>
        <v>0</v>
      </c>
      <c r="F4442" cm="1">
        <f t="array" ref="F4442">IFERROR(INDEX(Jesper!AJ$2:AJ$366,ROUNDDOWN($C4442/24,0)+1,1)*INDEX($D$3:$AA$30,INDEX(Jesper!$R$2:$R$366,ROW(INDEX(Jesper!AJ$2:AJ$366,ROUNDDOWN($C4442/24,0)+1,1))-1)+IF('Standard Profiles'!$G$20=$B$10,7,0)+IF('Standard Profiles'!$G$20=$B$17,14,0)+IF('Standard Profiles'!$G$20=$B$24,21,0),MOD($C4442,24)+1)/SUM(INDEX($D$3:$AA$30,INDEX(Jesper!$R$2:$R$366,ROW(INDEX(Jesper!AJ$2:AJ$366,ROUNDDOWN($C4442/24,0)+1,1))-1)+IF('Standard Profiles'!$G$20=$B$10,7,0)+IF('Standard Profiles'!$G$20=$B$17,14,0)+IF('Standard Profiles'!$G$20=$B$24,21,0),0)),0)</f>
        <v>0</v>
      </c>
      <c r="G4442" cm="1">
        <f t="array" ref="G4442">IFERROR(INDEX(Jesper!AK$2:AK$366,ROUNDDOWN($C4442/24,0)+1,1)*INDEX($D$3:$AA$30,INDEX(Jesper!$R$2:$R$366,ROW(INDEX(Jesper!AK$2:AK$366,ROUNDDOWN($C4442/24,0)+1,1))-1)+IF('Standard Profiles'!$G$21=$B$10,7,0)+IF('Standard Profiles'!$G$21=$B$17,14,0)+IF('Standard Profiles'!$G$21=$B$24,21,0),MOD($C4442,24)+1)/SUM(INDEX($D$3:$AA$30,INDEX(Jesper!$R$2:$R$366,ROW(INDEX(Jesper!AK$2:AK$366,ROUNDDOWN($C4442/24,0)+1,1))-1)+IF('Standard Profiles'!$G$21=$B$10,7,0)+IF('Standard Profiles'!$G$21=$B$17,14,0)+IF('Standard Profiles'!$G$21=$B$24,21,0),0)),0)</f>
        <v>0</v>
      </c>
      <c r="H4442" cm="1">
        <f t="array" ref="H4442">IFERROR(INDEX(Jesper!AL$2:AL$366,ROUNDDOWN($C4442/24,0)+1,1)*INDEX($D$3:$AA$30,INDEX(Jesper!$R$2:$R$366,ROW(INDEX(Jesper!AL$2:AL$366,ROUNDDOWN($C4442/24,0)+1,1))-1)+IF('Standard Profiles'!$G$22=$B$10,7,0)+IF('Standard Profiles'!$G$22=$B$17,14,0)+IF('Standard Profiles'!$G$22=$B$24,21,0),MOD($C4442,24)+1)/SUM(INDEX($D$3:$AA$30,INDEX(Jesper!$R$2:$R$366,ROW(INDEX(Jesper!AL$2:AL$366,ROUNDDOWN($C4442/24,0)+1,1))-1)+IF('Standard Profiles'!$G$22=$B$10,7,0)+IF('Standard Profiles'!$G$22=$B$17,14,0)+IF('Standard Profiles'!$G$22=$B$24,21,0),0)),0)</f>
        <v>0</v>
      </c>
      <c r="I4442">
        <f t="shared" si="496"/>
        <v>0.41578640931638605</v>
      </c>
      <c r="J4442">
        <f t="shared" si="497"/>
        <v>1.3859546977212869</v>
      </c>
      <c r="K4442">
        <f t="shared" si="498"/>
        <v>2.0789320465819303</v>
      </c>
      <c r="L4442">
        <f t="shared" si="499"/>
        <v>9.9788738235932648</v>
      </c>
      <c r="M4442">
        <f t="shared" si="500"/>
        <v>0</v>
      </c>
      <c r="N4442" s="46">
        <f t="shared" si="501"/>
        <v>45475.666666655976</v>
      </c>
    </row>
    <row r="4443" spans="2:14" x14ac:dyDescent="0.3">
      <c r="B4443">
        <f t="shared" si="495"/>
        <v>2</v>
      </c>
      <c r="C4443" s="16">
        <v>4409</v>
      </c>
      <c r="D4443" cm="1">
        <f t="array" ref="D4443">IFERROR(INDEX(Jesper!AH$2:AH$366,ROUNDDOWN($C4443/24,0)+1,1)*INDEX($D$3:$AA$30,INDEX(Jesper!$R$2:$R$366,ROW(INDEX(Jesper!AH$2:AH$366,ROUNDDOWN($C4443/24,0)+1,1))-1)+IF('Standard Profiles'!$G$18=$B$10,7,0)+IF('Standard Profiles'!$G$18=$B$17,14,0)+IF('Standard Profiles'!$G$18=$B$24,21,0),MOD($C4443,24)+1)/SUM(INDEX($D$3:$AA$30,INDEX(Jesper!$R$2:$R$366,ROW(INDEX(Jesper!AH$2:AH$366,ROUNDDOWN($C4443/24,0)+1,1))-1)+IF('Standard Profiles'!$G$18=$B$10,7,0)+IF('Standard Profiles'!$G$18=$B$17,14,0)+IF('Standard Profiles'!$G$18=$B$24,21,0),0)),0)</f>
        <v>13.859546977212869</v>
      </c>
      <c r="E4443" cm="1">
        <f t="array" ref="E4443">IFERROR(INDEX(Jesper!AI$2:AI$366,ROUNDDOWN($C4443/24,0)+1,1)*INDEX($D$3:$AA$30,INDEX(Jesper!$R$2:$R$366,ROW(INDEX(Jesper!AI$2:AI$366,ROUNDDOWN($C4443/24,0)+1,1))-1)+IF('Standard Profiles'!$G$19=$B$10,7,0)+IF('Standard Profiles'!$G$19=$B$17,14,0)+IF('Standard Profiles'!$G$19=$B$24,21,0),MOD($C4443,24)+1)/SUM(INDEX($D$3:$AA$30,INDEX(Jesper!$R$2:$R$366,ROW(INDEX(Jesper!AI$2:AI$366,ROUNDDOWN($C4443/24,0)+1,1))-1)+IF('Standard Profiles'!$G$19=$B$10,7,0)+IF('Standard Profiles'!$G$19=$B$17,14,0)+IF('Standard Profiles'!$G$19=$B$24,21,0),0)),0)</f>
        <v>0</v>
      </c>
      <c r="F4443" cm="1">
        <f t="array" ref="F4443">IFERROR(INDEX(Jesper!AJ$2:AJ$366,ROUNDDOWN($C4443/24,0)+1,1)*INDEX($D$3:$AA$30,INDEX(Jesper!$R$2:$R$366,ROW(INDEX(Jesper!AJ$2:AJ$366,ROUNDDOWN($C4443/24,0)+1,1))-1)+IF('Standard Profiles'!$G$20=$B$10,7,0)+IF('Standard Profiles'!$G$20=$B$17,14,0)+IF('Standard Profiles'!$G$20=$B$24,21,0),MOD($C4443,24)+1)/SUM(INDEX($D$3:$AA$30,INDEX(Jesper!$R$2:$R$366,ROW(INDEX(Jesper!AJ$2:AJ$366,ROUNDDOWN($C4443/24,0)+1,1))-1)+IF('Standard Profiles'!$G$20=$B$10,7,0)+IF('Standard Profiles'!$G$20=$B$17,14,0)+IF('Standard Profiles'!$G$20=$B$24,21,0),0)),0)</f>
        <v>0</v>
      </c>
      <c r="G4443" cm="1">
        <f t="array" ref="G4443">IFERROR(INDEX(Jesper!AK$2:AK$366,ROUNDDOWN($C4443/24,0)+1,1)*INDEX($D$3:$AA$30,INDEX(Jesper!$R$2:$R$366,ROW(INDEX(Jesper!AK$2:AK$366,ROUNDDOWN($C4443/24,0)+1,1))-1)+IF('Standard Profiles'!$G$21=$B$10,7,0)+IF('Standard Profiles'!$G$21=$B$17,14,0)+IF('Standard Profiles'!$G$21=$B$24,21,0),MOD($C4443,24)+1)/SUM(INDEX($D$3:$AA$30,INDEX(Jesper!$R$2:$R$366,ROW(INDEX(Jesper!AK$2:AK$366,ROUNDDOWN($C4443/24,0)+1,1))-1)+IF('Standard Profiles'!$G$21=$B$10,7,0)+IF('Standard Profiles'!$G$21=$B$17,14,0)+IF('Standard Profiles'!$G$21=$B$24,21,0),0)),0)</f>
        <v>0</v>
      </c>
      <c r="H4443" cm="1">
        <f t="array" ref="H4443">IFERROR(INDEX(Jesper!AL$2:AL$366,ROUNDDOWN($C4443/24,0)+1,1)*INDEX($D$3:$AA$30,INDEX(Jesper!$R$2:$R$366,ROW(INDEX(Jesper!AL$2:AL$366,ROUNDDOWN($C4443/24,0)+1,1))-1)+IF('Standard Profiles'!$G$22=$B$10,7,0)+IF('Standard Profiles'!$G$22=$B$17,14,0)+IF('Standard Profiles'!$G$22=$B$24,21,0),MOD($C4443,24)+1)/SUM(INDEX($D$3:$AA$30,INDEX(Jesper!$R$2:$R$366,ROW(INDEX(Jesper!AL$2:AL$366,ROUNDDOWN($C4443/24,0)+1,1))-1)+IF('Standard Profiles'!$G$22=$B$10,7,0)+IF('Standard Profiles'!$G$22=$B$17,14,0)+IF('Standard Profiles'!$G$22=$B$24,21,0),0)),0)</f>
        <v>0</v>
      </c>
      <c r="I4443">
        <f t="shared" si="496"/>
        <v>0.41578640931638605</v>
      </c>
      <c r="J4443">
        <f t="shared" si="497"/>
        <v>1.3859546977212869</v>
      </c>
      <c r="K4443">
        <f t="shared" si="498"/>
        <v>2.0789320465819303</v>
      </c>
      <c r="L4443">
        <f t="shared" si="499"/>
        <v>9.9788738235932648</v>
      </c>
      <c r="M4443">
        <f t="shared" si="500"/>
        <v>0</v>
      </c>
      <c r="N4443" s="46">
        <f t="shared" si="501"/>
        <v>45475.70833332264</v>
      </c>
    </row>
    <row r="4444" spans="2:14" x14ac:dyDescent="0.3">
      <c r="B4444">
        <f t="shared" si="495"/>
        <v>2</v>
      </c>
      <c r="C4444" s="16">
        <v>4410</v>
      </c>
      <c r="D4444" cm="1">
        <f t="array" ref="D4444">IFERROR(INDEX(Jesper!AH$2:AH$366,ROUNDDOWN($C4444/24,0)+1,1)*INDEX($D$3:$AA$30,INDEX(Jesper!$R$2:$R$366,ROW(INDEX(Jesper!AH$2:AH$366,ROUNDDOWN($C4444/24,0)+1,1))-1)+IF('Standard Profiles'!$G$18=$B$10,7,0)+IF('Standard Profiles'!$G$18=$B$17,14,0)+IF('Standard Profiles'!$G$18=$B$24,21,0),MOD($C4444,24)+1)/SUM(INDEX($D$3:$AA$30,INDEX(Jesper!$R$2:$R$366,ROW(INDEX(Jesper!AH$2:AH$366,ROUNDDOWN($C4444/24,0)+1,1))-1)+IF('Standard Profiles'!$G$18=$B$10,7,0)+IF('Standard Profiles'!$G$18=$B$17,14,0)+IF('Standard Profiles'!$G$18=$B$24,21,0),0)),0)</f>
        <v>13.859546977212869</v>
      </c>
      <c r="E4444" cm="1">
        <f t="array" ref="E4444">IFERROR(INDEX(Jesper!AI$2:AI$366,ROUNDDOWN($C4444/24,0)+1,1)*INDEX($D$3:$AA$30,INDEX(Jesper!$R$2:$R$366,ROW(INDEX(Jesper!AI$2:AI$366,ROUNDDOWN($C4444/24,0)+1,1))-1)+IF('Standard Profiles'!$G$19=$B$10,7,0)+IF('Standard Profiles'!$G$19=$B$17,14,0)+IF('Standard Profiles'!$G$19=$B$24,21,0),MOD($C4444,24)+1)/SUM(INDEX($D$3:$AA$30,INDEX(Jesper!$R$2:$R$366,ROW(INDEX(Jesper!AI$2:AI$366,ROUNDDOWN($C4444/24,0)+1,1))-1)+IF('Standard Profiles'!$G$19=$B$10,7,0)+IF('Standard Profiles'!$G$19=$B$17,14,0)+IF('Standard Profiles'!$G$19=$B$24,21,0),0)),0)</f>
        <v>0</v>
      </c>
      <c r="F4444" cm="1">
        <f t="array" ref="F4444">IFERROR(INDEX(Jesper!AJ$2:AJ$366,ROUNDDOWN($C4444/24,0)+1,1)*INDEX($D$3:$AA$30,INDEX(Jesper!$R$2:$R$366,ROW(INDEX(Jesper!AJ$2:AJ$366,ROUNDDOWN($C4444/24,0)+1,1))-1)+IF('Standard Profiles'!$G$20=$B$10,7,0)+IF('Standard Profiles'!$G$20=$B$17,14,0)+IF('Standard Profiles'!$G$20=$B$24,21,0),MOD($C4444,24)+1)/SUM(INDEX($D$3:$AA$30,INDEX(Jesper!$R$2:$R$366,ROW(INDEX(Jesper!AJ$2:AJ$366,ROUNDDOWN($C4444/24,0)+1,1))-1)+IF('Standard Profiles'!$G$20=$B$10,7,0)+IF('Standard Profiles'!$G$20=$B$17,14,0)+IF('Standard Profiles'!$G$20=$B$24,21,0),0)),0)</f>
        <v>0</v>
      </c>
      <c r="G4444" cm="1">
        <f t="array" ref="G4444">IFERROR(INDEX(Jesper!AK$2:AK$366,ROUNDDOWN($C4444/24,0)+1,1)*INDEX($D$3:$AA$30,INDEX(Jesper!$R$2:$R$366,ROW(INDEX(Jesper!AK$2:AK$366,ROUNDDOWN($C4444/24,0)+1,1))-1)+IF('Standard Profiles'!$G$21=$B$10,7,0)+IF('Standard Profiles'!$G$21=$B$17,14,0)+IF('Standard Profiles'!$G$21=$B$24,21,0),MOD($C4444,24)+1)/SUM(INDEX($D$3:$AA$30,INDEX(Jesper!$R$2:$R$366,ROW(INDEX(Jesper!AK$2:AK$366,ROUNDDOWN($C4444/24,0)+1,1))-1)+IF('Standard Profiles'!$G$21=$B$10,7,0)+IF('Standard Profiles'!$G$21=$B$17,14,0)+IF('Standard Profiles'!$G$21=$B$24,21,0),0)),0)</f>
        <v>0</v>
      </c>
      <c r="H4444" cm="1">
        <f t="array" ref="H4444">IFERROR(INDEX(Jesper!AL$2:AL$366,ROUNDDOWN($C4444/24,0)+1,1)*INDEX($D$3:$AA$30,INDEX(Jesper!$R$2:$R$366,ROW(INDEX(Jesper!AL$2:AL$366,ROUNDDOWN($C4444/24,0)+1,1))-1)+IF('Standard Profiles'!$G$22=$B$10,7,0)+IF('Standard Profiles'!$G$22=$B$17,14,0)+IF('Standard Profiles'!$G$22=$B$24,21,0),MOD($C4444,24)+1)/SUM(INDEX($D$3:$AA$30,INDEX(Jesper!$R$2:$R$366,ROW(INDEX(Jesper!AL$2:AL$366,ROUNDDOWN($C4444/24,0)+1,1))-1)+IF('Standard Profiles'!$G$22=$B$10,7,0)+IF('Standard Profiles'!$G$22=$B$17,14,0)+IF('Standard Profiles'!$G$22=$B$24,21,0),0)),0)</f>
        <v>0</v>
      </c>
      <c r="I4444">
        <f t="shared" si="496"/>
        <v>0.41578640931638605</v>
      </c>
      <c r="J4444">
        <f t="shared" si="497"/>
        <v>1.3859546977212869</v>
      </c>
      <c r="K4444">
        <f t="shared" si="498"/>
        <v>2.0789320465819303</v>
      </c>
      <c r="L4444">
        <f t="shared" si="499"/>
        <v>9.9788738235932648</v>
      </c>
      <c r="M4444">
        <f t="shared" si="500"/>
        <v>0</v>
      </c>
      <c r="N4444" s="46">
        <f t="shared" si="501"/>
        <v>45475.749999989304</v>
      </c>
    </row>
    <row r="4445" spans="2:14" x14ac:dyDescent="0.3">
      <c r="B4445">
        <f t="shared" si="495"/>
        <v>2</v>
      </c>
      <c r="C4445" s="16">
        <v>4411</v>
      </c>
      <c r="D4445" cm="1">
        <f t="array" ref="D4445">IFERROR(INDEX(Jesper!AH$2:AH$366,ROUNDDOWN($C4445/24,0)+1,1)*INDEX($D$3:$AA$30,INDEX(Jesper!$R$2:$R$366,ROW(INDEX(Jesper!AH$2:AH$366,ROUNDDOWN($C4445/24,0)+1,1))-1)+IF('Standard Profiles'!$G$18=$B$10,7,0)+IF('Standard Profiles'!$G$18=$B$17,14,0)+IF('Standard Profiles'!$G$18=$B$24,21,0),MOD($C4445,24)+1)/SUM(INDEX($D$3:$AA$30,INDEX(Jesper!$R$2:$R$366,ROW(INDEX(Jesper!AH$2:AH$366,ROUNDDOWN($C4445/24,0)+1,1))-1)+IF('Standard Profiles'!$G$18=$B$10,7,0)+IF('Standard Profiles'!$G$18=$B$17,14,0)+IF('Standard Profiles'!$G$18=$B$24,21,0),0)),0)</f>
        <v>11.607370593415778</v>
      </c>
      <c r="E4445" cm="1">
        <f t="array" ref="E4445">IFERROR(INDEX(Jesper!AI$2:AI$366,ROUNDDOWN($C4445/24,0)+1,1)*INDEX($D$3:$AA$30,INDEX(Jesper!$R$2:$R$366,ROW(INDEX(Jesper!AI$2:AI$366,ROUNDDOWN($C4445/24,0)+1,1))-1)+IF('Standard Profiles'!$G$19=$B$10,7,0)+IF('Standard Profiles'!$G$19=$B$17,14,0)+IF('Standard Profiles'!$G$19=$B$24,21,0),MOD($C4445,24)+1)/SUM(INDEX($D$3:$AA$30,INDEX(Jesper!$R$2:$R$366,ROW(INDEX(Jesper!AI$2:AI$366,ROUNDDOWN($C4445/24,0)+1,1))-1)+IF('Standard Profiles'!$G$19=$B$10,7,0)+IF('Standard Profiles'!$G$19=$B$17,14,0)+IF('Standard Profiles'!$G$19=$B$24,21,0),0)),0)</f>
        <v>0</v>
      </c>
      <c r="F4445" cm="1">
        <f t="array" ref="F4445">IFERROR(INDEX(Jesper!AJ$2:AJ$366,ROUNDDOWN($C4445/24,0)+1,1)*INDEX($D$3:$AA$30,INDEX(Jesper!$R$2:$R$366,ROW(INDEX(Jesper!AJ$2:AJ$366,ROUNDDOWN($C4445/24,0)+1,1))-1)+IF('Standard Profiles'!$G$20=$B$10,7,0)+IF('Standard Profiles'!$G$20=$B$17,14,0)+IF('Standard Profiles'!$G$20=$B$24,21,0),MOD($C4445,24)+1)/SUM(INDEX($D$3:$AA$30,INDEX(Jesper!$R$2:$R$366,ROW(INDEX(Jesper!AJ$2:AJ$366,ROUNDDOWN($C4445/24,0)+1,1))-1)+IF('Standard Profiles'!$G$20=$B$10,7,0)+IF('Standard Profiles'!$G$20=$B$17,14,0)+IF('Standard Profiles'!$G$20=$B$24,21,0),0)),0)</f>
        <v>0</v>
      </c>
      <c r="G4445" cm="1">
        <f t="array" ref="G4445">IFERROR(INDEX(Jesper!AK$2:AK$366,ROUNDDOWN($C4445/24,0)+1,1)*INDEX($D$3:$AA$30,INDEX(Jesper!$R$2:$R$366,ROW(INDEX(Jesper!AK$2:AK$366,ROUNDDOWN($C4445/24,0)+1,1))-1)+IF('Standard Profiles'!$G$21=$B$10,7,0)+IF('Standard Profiles'!$G$21=$B$17,14,0)+IF('Standard Profiles'!$G$21=$B$24,21,0),MOD($C4445,24)+1)/SUM(INDEX($D$3:$AA$30,INDEX(Jesper!$R$2:$R$366,ROW(INDEX(Jesper!AK$2:AK$366,ROUNDDOWN($C4445/24,0)+1,1))-1)+IF('Standard Profiles'!$G$21=$B$10,7,0)+IF('Standard Profiles'!$G$21=$B$17,14,0)+IF('Standard Profiles'!$G$21=$B$24,21,0),0)),0)</f>
        <v>0</v>
      </c>
      <c r="H4445" cm="1">
        <f t="array" ref="H4445">IFERROR(INDEX(Jesper!AL$2:AL$366,ROUNDDOWN($C4445/24,0)+1,1)*INDEX($D$3:$AA$30,INDEX(Jesper!$R$2:$R$366,ROW(INDEX(Jesper!AL$2:AL$366,ROUNDDOWN($C4445/24,0)+1,1))-1)+IF('Standard Profiles'!$G$22=$B$10,7,0)+IF('Standard Profiles'!$G$22=$B$17,14,0)+IF('Standard Profiles'!$G$22=$B$24,21,0),MOD($C4445,24)+1)/SUM(INDEX($D$3:$AA$30,INDEX(Jesper!$R$2:$R$366,ROW(INDEX(Jesper!AL$2:AL$366,ROUNDDOWN($C4445/24,0)+1,1))-1)+IF('Standard Profiles'!$G$22=$B$10,7,0)+IF('Standard Profiles'!$G$22=$B$17,14,0)+IF('Standard Profiles'!$G$22=$B$24,21,0),0)),0)</f>
        <v>0</v>
      </c>
      <c r="I4445">
        <f t="shared" si="496"/>
        <v>0.34822111780247333</v>
      </c>
      <c r="J4445">
        <f t="shared" si="497"/>
        <v>1.1607370593415778</v>
      </c>
      <c r="K4445">
        <f t="shared" si="498"/>
        <v>1.7411055890123668</v>
      </c>
      <c r="L4445">
        <f t="shared" si="499"/>
        <v>8.3573068272593609</v>
      </c>
      <c r="M4445">
        <f t="shared" si="500"/>
        <v>0</v>
      </c>
      <c r="N4445" s="46">
        <f t="shared" si="501"/>
        <v>45475.791666655969</v>
      </c>
    </row>
    <row r="4446" spans="2:14" x14ac:dyDescent="0.3">
      <c r="B4446">
        <f t="shared" si="495"/>
        <v>2</v>
      </c>
      <c r="C4446" s="16">
        <v>4412</v>
      </c>
      <c r="D4446" cm="1">
        <f t="array" ref="D4446">IFERROR(INDEX(Jesper!AH$2:AH$366,ROUNDDOWN($C4446/24,0)+1,1)*INDEX($D$3:$AA$30,INDEX(Jesper!$R$2:$R$366,ROW(INDEX(Jesper!AH$2:AH$366,ROUNDDOWN($C4446/24,0)+1,1))-1)+IF('Standard Profiles'!$G$18=$B$10,7,0)+IF('Standard Profiles'!$G$18=$B$17,14,0)+IF('Standard Profiles'!$G$18=$B$24,21,0),MOD($C4446,24)+1)/SUM(INDEX($D$3:$AA$30,INDEX(Jesper!$R$2:$R$366,ROW(INDEX(Jesper!AH$2:AH$366,ROUNDDOWN($C4446/24,0)+1,1))-1)+IF('Standard Profiles'!$G$18=$B$10,7,0)+IF('Standard Profiles'!$G$18=$B$17,14,0)+IF('Standard Profiles'!$G$18=$B$24,21,0),0)),0)</f>
        <v>9.5284385468338471</v>
      </c>
      <c r="E4446" cm="1">
        <f t="array" ref="E4446">IFERROR(INDEX(Jesper!AI$2:AI$366,ROUNDDOWN($C4446/24,0)+1,1)*INDEX($D$3:$AA$30,INDEX(Jesper!$R$2:$R$366,ROW(INDEX(Jesper!AI$2:AI$366,ROUNDDOWN($C4446/24,0)+1,1))-1)+IF('Standard Profiles'!$G$19=$B$10,7,0)+IF('Standard Profiles'!$G$19=$B$17,14,0)+IF('Standard Profiles'!$G$19=$B$24,21,0),MOD($C4446,24)+1)/SUM(INDEX($D$3:$AA$30,INDEX(Jesper!$R$2:$R$366,ROW(INDEX(Jesper!AI$2:AI$366,ROUNDDOWN($C4446/24,0)+1,1))-1)+IF('Standard Profiles'!$G$19=$B$10,7,0)+IF('Standard Profiles'!$G$19=$B$17,14,0)+IF('Standard Profiles'!$G$19=$B$24,21,0),0)),0)</f>
        <v>0</v>
      </c>
      <c r="F4446" cm="1">
        <f t="array" ref="F4446">IFERROR(INDEX(Jesper!AJ$2:AJ$366,ROUNDDOWN($C4446/24,0)+1,1)*INDEX($D$3:$AA$30,INDEX(Jesper!$R$2:$R$366,ROW(INDEX(Jesper!AJ$2:AJ$366,ROUNDDOWN($C4446/24,0)+1,1))-1)+IF('Standard Profiles'!$G$20=$B$10,7,0)+IF('Standard Profiles'!$G$20=$B$17,14,0)+IF('Standard Profiles'!$G$20=$B$24,21,0),MOD($C4446,24)+1)/SUM(INDEX($D$3:$AA$30,INDEX(Jesper!$R$2:$R$366,ROW(INDEX(Jesper!AJ$2:AJ$366,ROUNDDOWN($C4446/24,0)+1,1))-1)+IF('Standard Profiles'!$G$20=$B$10,7,0)+IF('Standard Profiles'!$G$20=$B$17,14,0)+IF('Standard Profiles'!$G$20=$B$24,21,0),0)),0)</f>
        <v>0</v>
      </c>
      <c r="G4446" cm="1">
        <f t="array" ref="G4446">IFERROR(INDEX(Jesper!AK$2:AK$366,ROUNDDOWN($C4446/24,0)+1,1)*INDEX($D$3:$AA$30,INDEX(Jesper!$R$2:$R$366,ROW(INDEX(Jesper!AK$2:AK$366,ROUNDDOWN($C4446/24,0)+1,1))-1)+IF('Standard Profiles'!$G$21=$B$10,7,0)+IF('Standard Profiles'!$G$21=$B$17,14,0)+IF('Standard Profiles'!$G$21=$B$24,21,0),MOD($C4446,24)+1)/SUM(INDEX($D$3:$AA$30,INDEX(Jesper!$R$2:$R$366,ROW(INDEX(Jesper!AK$2:AK$366,ROUNDDOWN($C4446/24,0)+1,1))-1)+IF('Standard Profiles'!$G$21=$B$10,7,0)+IF('Standard Profiles'!$G$21=$B$17,14,0)+IF('Standard Profiles'!$G$21=$B$24,21,0),0)),0)</f>
        <v>0</v>
      </c>
      <c r="H4446" cm="1">
        <f t="array" ref="H4446">IFERROR(INDEX(Jesper!AL$2:AL$366,ROUNDDOWN($C4446/24,0)+1,1)*INDEX($D$3:$AA$30,INDEX(Jesper!$R$2:$R$366,ROW(INDEX(Jesper!AL$2:AL$366,ROUNDDOWN($C4446/24,0)+1,1))-1)+IF('Standard Profiles'!$G$22=$B$10,7,0)+IF('Standard Profiles'!$G$22=$B$17,14,0)+IF('Standard Profiles'!$G$22=$B$24,21,0),MOD($C4446,24)+1)/SUM(INDEX($D$3:$AA$30,INDEX(Jesper!$R$2:$R$366,ROW(INDEX(Jesper!AL$2:AL$366,ROUNDDOWN($C4446/24,0)+1,1))-1)+IF('Standard Profiles'!$G$22=$B$10,7,0)+IF('Standard Profiles'!$G$22=$B$17,14,0)+IF('Standard Profiles'!$G$22=$B$24,21,0),0)),0)</f>
        <v>0</v>
      </c>
      <c r="I4446">
        <f t="shared" si="496"/>
        <v>0.28585315640501541</v>
      </c>
      <c r="J4446">
        <f t="shared" si="497"/>
        <v>0.95284385468338473</v>
      </c>
      <c r="K4446">
        <f t="shared" si="498"/>
        <v>1.4292657820250769</v>
      </c>
      <c r="L4446">
        <f t="shared" si="499"/>
        <v>6.8604757537203698</v>
      </c>
      <c r="M4446">
        <f t="shared" si="500"/>
        <v>0</v>
      </c>
      <c r="N4446" s="46">
        <f t="shared" si="501"/>
        <v>45475.833333322633</v>
      </c>
    </row>
    <row r="4447" spans="2:14" x14ac:dyDescent="0.3">
      <c r="B4447">
        <f t="shared" si="495"/>
        <v>2</v>
      </c>
      <c r="C4447" s="16">
        <v>4413</v>
      </c>
      <c r="D4447" cm="1">
        <f t="array" ref="D4447">IFERROR(INDEX(Jesper!AH$2:AH$366,ROUNDDOWN($C4447/24,0)+1,1)*INDEX($D$3:$AA$30,INDEX(Jesper!$R$2:$R$366,ROW(INDEX(Jesper!AH$2:AH$366,ROUNDDOWN($C4447/24,0)+1,1))-1)+IF('Standard Profiles'!$G$18=$B$10,7,0)+IF('Standard Profiles'!$G$18=$B$17,14,0)+IF('Standard Profiles'!$G$18=$B$24,21,0),MOD($C4447,24)+1)/SUM(INDEX($D$3:$AA$30,INDEX(Jesper!$R$2:$R$366,ROW(INDEX(Jesper!AH$2:AH$366,ROUNDDOWN($C4447/24,0)+1,1))-1)+IF('Standard Profiles'!$G$18=$B$10,7,0)+IF('Standard Profiles'!$G$18=$B$17,14,0)+IF('Standard Profiles'!$G$18=$B$24,21,0),0)),0)</f>
        <v>6.9297734886064344</v>
      </c>
      <c r="E4447" cm="1">
        <f t="array" ref="E4447">IFERROR(INDEX(Jesper!AI$2:AI$366,ROUNDDOWN($C4447/24,0)+1,1)*INDEX($D$3:$AA$30,INDEX(Jesper!$R$2:$R$366,ROW(INDEX(Jesper!AI$2:AI$366,ROUNDDOWN($C4447/24,0)+1,1))-1)+IF('Standard Profiles'!$G$19=$B$10,7,0)+IF('Standard Profiles'!$G$19=$B$17,14,0)+IF('Standard Profiles'!$G$19=$B$24,21,0),MOD($C4447,24)+1)/SUM(INDEX($D$3:$AA$30,INDEX(Jesper!$R$2:$R$366,ROW(INDEX(Jesper!AI$2:AI$366,ROUNDDOWN($C4447/24,0)+1,1))-1)+IF('Standard Profiles'!$G$19=$B$10,7,0)+IF('Standard Profiles'!$G$19=$B$17,14,0)+IF('Standard Profiles'!$G$19=$B$24,21,0),0)),0)</f>
        <v>0</v>
      </c>
      <c r="F4447" cm="1">
        <f t="array" ref="F4447">IFERROR(INDEX(Jesper!AJ$2:AJ$366,ROUNDDOWN($C4447/24,0)+1,1)*INDEX($D$3:$AA$30,INDEX(Jesper!$R$2:$R$366,ROW(INDEX(Jesper!AJ$2:AJ$366,ROUNDDOWN($C4447/24,0)+1,1))-1)+IF('Standard Profiles'!$G$20=$B$10,7,0)+IF('Standard Profiles'!$G$20=$B$17,14,0)+IF('Standard Profiles'!$G$20=$B$24,21,0),MOD($C4447,24)+1)/SUM(INDEX($D$3:$AA$30,INDEX(Jesper!$R$2:$R$366,ROW(INDEX(Jesper!AJ$2:AJ$366,ROUNDDOWN($C4447/24,0)+1,1))-1)+IF('Standard Profiles'!$G$20=$B$10,7,0)+IF('Standard Profiles'!$G$20=$B$17,14,0)+IF('Standard Profiles'!$G$20=$B$24,21,0),0)),0)</f>
        <v>0</v>
      </c>
      <c r="G4447" cm="1">
        <f t="array" ref="G4447">IFERROR(INDEX(Jesper!AK$2:AK$366,ROUNDDOWN($C4447/24,0)+1,1)*INDEX($D$3:$AA$30,INDEX(Jesper!$R$2:$R$366,ROW(INDEX(Jesper!AK$2:AK$366,ROUNDDOWN($C4447/24,0)+1,1))-1)+IF('Standard Profiles'!$G$21=$B$10,7,0)+IF('Standard Profiles'!$G$21=$B$17,14,0)+IF('Standard Profiles'!$G$21=$B$24,21,0),MOD($C4447,24)+1)/SUM(INDEX($D$3:$AA$30,INDEX(Jesper!$R$2:$R$366,ROW(INDEX(Jesper!AK$2:AK$366,ROUNDDOWN($C4447/24,0)+1,1))-1)+IF('Standard Profiles'!$G$21=$B$10,7,0)+IF('Standard Profiles'!$G$21=$B$17,14,0)+IF('Standard Profiles'!$G$21=$B$24,21,0),0)),0)</f>
        <v>0</v>
      </c>
      <c r="H4447" cm="1">
        <f t="array" ref="H4447">IFERROR(INDEX(Jesper!AL$2:AL$366,ROUNDDOWN($C4447/24,0)+1,1)*INDEX($D$3:$AA$30,INDEX(Jesper!$R$2:$R$366,ROW(INDEX(Jesper!AL$2:AL$366,ROUNDDOWN($C4447/24,0)+1,1))-1)+IF('Standard Profiles'!$G$22=$B$10,7,0)+IF('Standard Profiles'!$G$22=$B$17,14,0)+IF('Standard Profiles'!$G$22=$B$24,21,0),MOD($C4447,24)+1)/SUM(INDEX($D$3:$AA$30,INDEX(Jesper!$R$2:$R$366,ROW(INDEX(Jesper!AL$2:AL$366,ROUNDDOWN($C4447/24,0)+1,1))-1)+IF('Standard Profiles'!$G$22=$B$10,7,0)+IF('Standard Profiles'!$G$22=$B$17,14,0)+IF('Standard Profiles'!$G$22=$B$24,21,0),0)),0)</f>
        <v>0</v>
      </c>
      <c r="I4447">
        <f t="shared" si="496"/>
        <v>0.20789320465819303</v>
      </c>
      <c r="J4447">
        <f t="shared" si="497"/>
        <v>0.69297734886064344</v>
      </c>
      <c r="K4447">
        <f t="shared" si="498"/>
        <v>1.0394660232909652</v>
      </c>
      <c r="L4447">
        <f t="shared" si="499"/>
        <v>4.9894369117966324</v>
      </c>
      <c r="M4447">
        <f t="shared" si="500"/>
        <v>0</v>
      </c>
      <c r="N4447" s="46">
        <f t="shared" si="501"/>
        <v>45475.874999989297</v>
      </c>
    </row>
    <row r="4448" spans="2:14" x14ac:dyDescent="0.3">
      <c r="B4448">
        <f t="shared" si="495"/>
        <v>2</v>
      </c>
      <c r="C4448" s="16">
        <v>4414</v>
      </c>
      <c r="D4448" cm="1">
        <f t="array" ref="D4448">IFERROR(INDEX(Jesper!AH$2:AH$366,ROUNDDOWN($C4448/24,0)+1,1)*INDEX($D$3:$AA$30,INDEX(Jesper!$R$2:$R$366,ROW(INDEX(Jesper!AH$2:AH$366,ROUNDDOWN($C4448/24,0)+1,1))-1)+IF('Standard Profiles'!$G$18=$B$10,7,0)+IF('Standard Profiles'!$G$18=$B$17,14,0)+IF('Standard Profiles'!$G$18=$B$24,21,0),MOD($C4448,24)+1)/SUM(INDEX($D$3:$AA$30,INDEX(Jesper!$R$2:$R$366,ROW(INDEX(Jesper!AH$2:AH$366,ROUNDDOWN($C4448/24,0)+1,1))-1)+IF('Standard Profiles'!$G$18=$B$10,7,0)+IF('Standard Profiles'!$G$18=$B$17,14,0)+IF('Standard Profiles'!$G$18=$B$24,21,0),0)),0)</f>
        <v>6.9297734886064344</v>
      </c>
      <c r="E4448" cm="1">
        <f t="array" ref="E4448">IFERROR(INDEX(Jesper!AI$2:AI$366,ROUNDDOWN($C4448/24,0)+1,1)*INDEX($D$3:$AA$30,INDEX(Jesper!$R$2:$R$366,ROW(INDEX(Jesper!AI$2:AI$366,ROUNDDOWN($C4448/24,0)+1,1))-1)+IF('Standard Profiles'!$G$19=$B$10,7,0)+IF('Standard Profiles'!$G$19=$B$17,14,0)+IF('Standard Profiles'!$G$19=$B$24,21,0),MOD($C4448,24)+1)/SUM(INDEX($D$3:$AA$30,INDEX(Jesper!$R$2:$R$366,ROW(INDEX(Jesper!AI$2:AI$366,ROUNDDOWN($C4448/24,0)+1,1))-1)+IF('Standard Profiles'!$G$19=$B$10,7,0)+IF('Standard Profiles'!$G$19=$B$17,14,0)+IF('Standard Profiles'!$G$19=$B$24,21,0),0)),0)</f>
        <v>0</v>
      </c>
      <c r="F4448" cm="1">
        <f t="array" ref="F4448">IFERROR(INDEX(Jesper!AJ$2:AJ$366,ROUNDDOWN($C4448/24,0)+1,1)*INDEX($D$3:$AA$30,INDEX(Jesper!$R$2:$R$366,ROW(INDEX(Jesper!AJ$2:AJ$366,ROUNDDOWN($C4448/24,0)+1,1))-1)+IF('Standard Profiles'!$G$20=$B$10,7,0)+IF('Standard Profiles'!$G$20=$B$17,14,0)+IF('Standard Profiles'!$G$20=$B$24,21,0),MOD($C4448,24)+1)/SUM(INDEX($D$3:$AA$30,INDEX(Jesper!$R$2:$R$366,ROW(INDEX(Jesper!AJ$2:AJ$366,ROUNDDOWN($C4448/24,0)+1,1))-1)+IF('Standard Profiles'!$G$20=$B$10,7,0)+IF('Standard Profiles'!$G$20=$B$17,14,0)+IF('Standard Profiles'!$G$20=$B$24,21,0),0)),0)</f>
        <v>0</v>
      </c>
      <c r="G4448" cm="1">
        <f t="array" ref="G4448">IFERROR(INDEX(Jesper!AK$2:AK$366,ROUNDDOWN($C4448/24,0)+1,1)*INDEX($D$3:$AA$30,INDEX(Jesper!$R$2:$R$366,ROW(INDEX(Jesper!AK$2:AK$366,ROUNDDOWN($C4448/24,0)+1,1))-1)+IF('Standard Profiles'!$G$21=$B$10,7,0)+IF('Standard Profiles'!$G$21=$B$17,14,0)+IF('Standard Profiles'!$G$21=$B$24,21,0),MOD($C4448,24)+1)/SUM(INDEX($D$3:$AA$30,INDEX(Jesper!$R$2:$R$366,ROW(INDEX(Jesper!AK$2:AK$366,ROUNDDOWN($C4448/24,0)+1,1))-1)+IF('Standard Profiles'!$G$21=$B$10,7,0)+IF('Standard Profiles'!$G$21=$B$17,14,0)+IF('Standard Profiles'!$G$21=$B$24,21,0),0)),0)</f>
        <v>0</v>
      </c>
      <c r="H4448" cm="1">
        <f t="array" ref="H4448">IFERROR(INDEX(Jesper!AL$2:AL$366,ROUNDDOWN($C4448/24,0)+1,1)*INDEX($D$3:$AA$30,INDEX(Jesper!$R$2:$R$366,ROW(INDEX(Jesper!AL$2:AL$366,ROUNDDOWN($C4448/24,0)+1,1))-1)+IF('Standard Profiles'!$G$22=$B$10,7,0)+IF('Standard Profiles'!$G$22=$B$17,14,0)+IF('Standard Profiles'!$G$22=$B$24,21,0),MOD($C4448,24)+1)/SUM(INDEX($D$3:$AA$30,INDEX(Jesper!$R$2:$R$366,ROW(INDEX(Jesper!AL$2:AL$366,ROUNDDOWN($C4448/24,0)+1,1))-1)+IF('Standard Profiles'!$G$22=$B$10,7,0)+IF('Standard Profiles'!$G$22=$B$17,14,0)+IF('Standard Profiles'!$G$22=$B$24,21,0),0)),0)</f>
        <v>0</v>
      </c>
      <c r="I4448">
        <f t="shared" si="496"/>
        <v>0.20789320465819303</v>
      </c>
      <c r="J4448">
        <f t="shared" si="497"/>
        <v>0.69297734886064344</v>
      </c>
      <c r="K4448">
        <f t="shared" si="498"/>
        <v>1.0394660232909652</v>
      </c>
      <c r="L4448">
        <f t="shared" si="499"/>
        <v>4.9894369117966324</v>
      </c>
      <c r="M4448">
        <f t="shared" si="500"/>
        <v>0</v>
      </c>
      <c r="N4448" s="46">
        <f t="shared" si="501"/>
        <v>45475.916666655961</v>
      </c>
    </row>
    <row r="4449" spans="2:14" x14ac:dyDescent="0.3">
      <c r="B4449">
        <f t="shared" si="495"/>
        <v>2</v>
      </c>
      <c r="C4449" s="16">
        <v>4415</v>
      </c>
      <c r="D4449" cm="1">
        <f t="array" ref="D4449">IFERROR(INDEX(Jesper!AH$2:AH$366,ROUNDDOWN($C4449/24,0)+1,1)*INDEX($D$3:$AA$30,INDEX(Jesper!$R$2:$R$366,ROW(INDEX(Jesper!AH$2:AH$366,ROUNDDOWN($C4449/24,0)+1,1))-1)+IF('Standard Profiles'!$G$18=$B$10,7,0)+IF('Standard Profiles'!$G$18=$B$17,14,0)+IF('Standard Profiles'!$G$18=$B$24,21,0),MOD($C4449,24)+1)/SUM(INDEX($D$3:$AA$30,INDEX(Jesper!$R$2:$R$366,ROW(INDEX(Jesper!AH$2:AH$366,ROUNDDOWN($C4449/24,0)+1,1))-1)+IF('Standard Profiles'!$G$18=$B$10,7,0)+IF('Standard Profiles'!$G$18=$B$17,14,0)+IF('Standard Profiles'!$G$18=$B$24,21,0),0)),0)</f>
        <v>6.9297734886064344</v>
      </c>
      <c r="E4449" cm="1">
        <f t="array" ref="E4449">IFERROR(INDEX(Jesper!AI$2:AI$366,ROUNDDOWN($C4449/24,0)+1,1)*INDEX($D$3:$AA$30,INDEX(Jesper!$R$2:$R$366,ROW(INDEX(Jesper!AI$2:AI$366,ROUNDDOWN($C4449/24,0)+1,1))-1)+IF('Standard Profiles'!$G$19=$B$10,7,0)+IF('Standard Profiles'!$G$19=$B$17,14,0)+IF('Standard Profiles'!$G$19=$B$24,21,0),MOD($C4449,24)+1)/SUM(INDEX($D$3:$AA$30,INDEX(Jesper!$R$2:$R$366,ROW(INDEX(Jesper!AI$2:AI$366,ROUNDDOWN($C4449/24,0)+1,1))-1)+IF('Standard Profiles'!$G$19=$B$10,7,0)+IF('Standard Profiles'!$G$19=$B$17,14,0)+IF('Standard Profiles'!$G$19=$B$24,21,0),0)),0)</f>
        <v>0</v>
      </c>
      <c r="F4449" cm="1">
        <f t="array" ref="F4449">IFERROR(INDEX(Jesper!AJ$2:AJ$366,ROUNDDOWN($C4449/24,0)+1,1)*INDEX($D$3:$AA$30,INDEX(Jesper!$R$2:$R$366,ROW(INDEX(Jesper!AJ$2:AJ$366,ROUNDDOWN($C4449/24,0)+1,1))-1)+IF('Standard Profiles'!$G$20=$B$10,7,0)+IF('Standard Profiles'!$G$20=$B$17,14,0)+IF('Standard Profiles'!$G$20=$B$24,21,0),MOD($C4449,24)+1)/SUM(INDEX($D$3:$AA$30,INDEX(Jesper!$R$2:$R$366,ROW(INDEX(Jesper!AJ$2:AJ$366,ROUNDDOWN($C4449/24,0)+1,1))-1)+IF('Standard Profiles'!$G$20=$B$10,7,0)+IF('Standard Profiles'!$G$20=$B$17,14,0)+IF('Standard Profiles'!$G$20=$B$24,21,0),0)),0)</f>
        <v>0</v>
      </c>
      <c r="G4449" cm="1">
        <f t="array" ref="G4449">IFERROR(INDEX(Jesper!AK$2:AK$366,ROUNDDOWN($C4449/24,0)+1,1)*INDEX($D$3:$AA$30,INDEX(Jesper!$R$2:$R$366,ROW(INDEX(Jesper!AK$2:AK$366,ROUNDDOWN($C4449/24,0)+1,1))-1)+IF('Standard Profiles'!$G$21=$B$10,7,0)+IF('Standard Profiles'!$G$21=$B$17,14,0)+IF('Standard Profiles'!$G$21=$B$24,21,0),MOD($C4449,24)+1)/SUM(INDEX($D$3:$AA$30,INDEX(Jesper!$R$2:$R$366,ROW(INDEX(Jesper!AK$2:AK$366,ROUNDDOWN($C4449/24,0)+1,1))-1)+IF('Standard Profiles'!$G$21=$B$10,7,0)+IF('Standard Profiles'!$G$21=$B$17,14,0)+IF('Standard Profiles'!$G$21=$B$24,21,0),0)),0)</f>
        <v>0</v>
      </c>
      <c r="H4449" cm="1">
        <f t="array" ref="H4449">IFERROR(INDEX(Jesper!AL$2:AL$366,ROUNDDOWN($C4449/24,0)+1,1)*INDEX($D$3:$AA$30,INDEX(Jesper!$R$2:$R$366,ROW(INDEX(Jesper!AL$2:AL$366,ROUNDDOWN($C4449/24,0)+1,1))-1)+IF('Standard Profiles'!$G$22=$B$10,7,0)+IF('Standard Profiles'!$G$22=$B$17,14,0)+IF('Standard Profiles'!$G$22=$B$24,21,0),MOD($C4449,24)+1)/SUM(INDEX($D$3:$AA$30,INDEX(Jesper!$R$2:$R$366,ROW(INDEX(Jesper!AL$2:AL$366,ROUNDDOWN($C4449/24,0)+1,1))-1)+IF('Standard Profiles'!$G$22=$B$10,7,0)+IF('Standard Profiles'!$G$22=$B$17,14,0)+IF('Standard Profiles'!$G$22=$B$24,21,0),0)),0)</f>
        <v>0</v>
      </c>
      <c r="I4449">
        <f t="shared" si="496"/>
        <v>0.20789320465819303</v>
      </c>
      <c r="J4449">
        <f t="shared" si="497"/>
        <v>0.69297734886064344</v>
      </c>
      <c r="K4449">
        <f t="shared" si="498"/>
        <v>1.0394660232909652</v>
      </c>
      <c r="L4449">
        <f t="shared" si="499"/>
        <v>4.9894369117966324</v>
      </c>
      <c r="M4449">
        <f t="shared" si="500"/>
        <v>0</v>
      </c>
      <c r="N4449" s="46">
        <f t="shared" si="501"/>
        <v>45475.958333322626</v>
      </c>
    </row>
    <row r="4450" spans="2:14" x14ac:dyDescent="0.3">
      <c r="B4450">
        <f t="shared" si="495"/>
        <v>3</v>
      </c>
      <c r="C4450" s="16">
        <v>4416</v>
      </c>
      <c r="D4450" cm="1">
        <f t="array" ref="D4450">IFERROR(INDEX(Jesper!AH$2:AH$366,ROUNDDOWN($C4450/24,0)+1,1)*INDEX($D$3:$AA$30,INDEX(Jesper!$R$2:$R$366,ROW(INDEX(Jesper!AH$2:AH$366,ROUNDDOWN($C4450/24,0)+1,1))-1)+IF('Standard Profiles'!$G$18=$B$10,7,0)+IF('Standard Profiles'!$G$18=$B$17,14,0)+IF('Standard Profiles'!$G$18=$B$24,21,0),MOD($C4450,24)+1)/SUM(INDEX($D$3:$AA$30,INDEX(Jesper!$R$2:$R$366,ROW(INDEX(Jesper!AH$2:AH$366,ROUNDDOWN($C4450/24,0)+1,1))-1)+IF('Standard Profiles'!$G$18=$B$10,7,0)+IF('Standard Profiles'!$G$18=$B$17,14,0)+IF('Standard Profiles'!$G$18=$B$24,21,0),0)),0)</f>
        <v>6.2769525161229449</v>
      </c>
      <c r="E4450" cm="1">
        <f t="array" ref="E4450">IFERROR(INDEX(Jesper!AI$2:AI$366,ROUNDDOWN($C4450/24,0)+1,1)*INDEX($D$3:$AA$30,INDEX(Jesper!$R$2:$R$366,ROW(INDEX(Jesper!AI$2:AI$366,ROUNDDOWN($C4450/24,0)+1,1))-1)+IF('Standard Profiles'!$G$19=$B$10,7,0)+IF('Standard Profiles'!$G$19=$B$17,14,0)+IF('Standard Profiles'!$G$19=$B$24,21,0),MOD($C4450,24)+1)/SUM(INDEX($D$3:$AA$30,INDEX(Jesper!$R$2:$R$366,ROW(INDEX(Jesper!AI$2:AI$366,ROUNDDOWN($C4450/24,0)+1,1))-1)+IF('Standard Profiles'!$G$19=$B$10,7,0)+IF('Standard Profiles'!$G$19=$B$17,14,0)+IF('Standard Profiles'!$G$19=$B$24,21,0),0)),0)</f>
        <v>0</v>
      </c>
      <c r="F4450" cm="1">
        <f t="array" ref="F4450">IFERROR(INDEX(Jesper!AJ$2:AJ$366,ROUNDDOWN($C4450/24,0)+1,1)*INDEX($D$3:$AA$30,INDEX(Jesper!$R$2:$R$366,ROW(INDEX(Jesper!AJ$2:AJ$366,ROUNDDOWN($C4450/24,0)+1,1))-1)+IF('Standard Profiles'!$G$20=$B$10,7,0)+IF('Standard Profiles'!$G$20=$B$17,14,0)+IF('Standard Profiles'!$G$20=$B$24,21,0),MOD($C4450,24)+1)/SUM(INDEX($D$3:$AA$30,INDEX(Jesper!$R$2:$R$366,ROW(INDEX(Jesper!AJ$2:AJ$366,ROUNDDOWN($C4450/24,0)+1,1))-1)+IF('Standard Profiles'!$G$20=$B$10,7,0)+IF('Standard Profiles'!$G$20=$B$17,14,0)+IF('Standard Profiles'!$G$20=$B$24,21,0),0)),0)</f>
        <v>0</v>
      </c>
      <c r="G4450" cm="1">
        <f t="array" ref="G4450">IFERROR(INDEX(Jesper!AK$2:AK$366,ROUNDDOWN($C4450/24,0)+1,1)*INDEX($D$3:$AA$30,INDEX(Jesper!$R$2:$R$366,ROW(INDEX(Jesper!AK$2:AK$366,ROUNDDOWN($C4450/24,0)+1,1))-1)+IF('Standard Profiles'!$G$21=$B$10,7,0)+IF('Standard Profiles'!$G$21=$B$17,14,0)+IF('Standard Profiles'!$G$21=$B$24,21,0),MOD($C4450,24)+1)/SUM(INDEX($D$3:$AA$30,INDEX(Jesper!$R$2:$R$366,ROW(INDEX(Jesper!AK$2:AK$366,ROUNDDOWN($C4450/24,0)+1,1))-1)+IF('Standard Profiles'!$G$21=$B$10,7,0)+IF('Standard Profiles'!$G$21=$B$17,14,0)+IF('Standard Profiles'!$G$21=$B$24,21,0),0)),0)</f>
        <v>0</v>
      </c>
      <c r="H4450" cm="1">
        <f t="array" ref="H4450">IFERROR(INDEX(Jesper!AL$2:AL$366,ROUNDDOWN($C4450/24,0)+1,1)*INDEX($D$3:$AA$30,INDEX(Jesper!$R$2:$R$366,ROW(INDEX(Jesper!AL$2:AL$366,ROUNDDOWN($C4450/24,0)+1,1))-1)+IF('Standard Profiles'!$G$22=$B$10,7,0)+IF('Standard Profiles'!$G$22=$B$17,14,0)+IF('Standard Profiles'!$G$22=$B$24,21,0),MOD($C4450,24)+1)/SUM(INDEX($D$3:$AA$30,INDEX(Jesper!$R$2:$R$366,ROW(INDEX(Jesper!AL$2:AL$366,ROUNDDOWN($C4450/24,0)+1,1))-1)+IF('Standard Profiles'!$G$22=$B$10,7,0)+IF('Standard Profiles'!$G$22=$B$17,14,0)+IF('Standard Profiles'!$G$22=$B$24,21,0),0)),0)</f>
        <v>0</v>
      </c>
      <c r="I4450">
        <f t="shared" si="496"/>
        <v>0.18830857548368835</v>
      </c>
      <c r="J4450">
        <f t="shared" si="497"/>
        <v>0.62769525161229456</v>
      </c>
      <c r="K4450">
        <f t="shared" si="498"/>
        <v>0.94154287741844167</v>
      </c>
      <c r="L4450">
        <f t="shared" si="499"/>
        <v>4.5194058116085198</v>
      </c>
      <c r="M4450">
        <f t="shared" si="500"/>
        <v>0</v>
      </c>
      <c r="N4450" s="46">
        <f t="shared" si="501"/>
        <v>45475.99999998929</v>
      </c>
    </row>
    <row r="4451" spans="2:14" x14ac:dyDescent="0.3">
      <c r="B4451">
        <f t="shared" ref="B4451:B4514" si="502">WEEKDAY(N4451,2)</f>
        <v>3</v>
      </c>
      <c r="C4451" s="16">
        <v>4417</v>
      </c>
      <c r="D4451" cm="1">
        <f t="array" ref="D4451">IFERROR(INDEX(Jesper!AH$2:AH$366,ROUNDDOWN($C4451/24,0)+1,1)*INDEX($D$3:$AA$30,INDEX(Jesper!$R$2:$R$366,ROW(INDEX(Jesper!AH$2:AH$366,ROUNDDOWN($C4451/24,0)+1,1))-1)+IF('Standard Profiles'!$G$18=$B$10,7,0)+IF('Standard Profiles'!$G$18=$B$17,14,0)+IF('Standard Profiles'!$G$18=$B$24,21,0),MOD($C4451,24)+1)/SUM(INDEX($D$3:$AA$30,INDEX(Jesper!$R$2:$R$366,ROW(INDEX(Jesper!AH$2:AH$366,ROUNDDOWN($C4451/24,0)+1,1))-1)+IF('Standard Profiles'!$G$18=$B$10,7,0)+IF('Standard Profiles'!$G$18=$B$17,14,0)+IF('Standard Profiles'!$G$18=$B$24,21,0),0)),0)</f>
        <v>7.0615715806383124</v>
      </c>
      <c r="E4451" cm="1">
        <f t="array" ref="E4451">IFERROR(INDEX(Jesper!AI$2:AI$366,ROUNDDOWN($C4451/24,0)+1,1)*INDEX($D$3:$AA$30,INDEX(Jesper!$R$2:$R$366,ROW(INDEX(Jesper!AI$2:AI$366,ROUNDDOWN($C4451/24,0)+1,1))-1)+IF('Standard Profiles'!$G$19=$B$10,7,0)+IF('Standard Profiles'!$G$19=$B$17,14,0)+IF('Standard Profiles'!$G$19=$B$24,21,0),MOD($C4451,24)+1)/SUM(INDEX($D$3:$AA$30,INDEX(Jesper!$R$2:$R$366,ROW(INDEX(Jesper!AI$2:AI$366,ROUNDDOWN($C4451/24,0)+1,1))-1)+IF('Standard Profiles'!$G$19=$B$10,7,0)+IF('Standard Profiles'!$G$19=$B$17,14,0)+IF('Standard Profiles'!$G$19=$B$24,21,0),0)),0)</f>
        <v>0</v>
      </c>
      <c r="F4451" cm="1">
        <f t="array" ref="F4451">IFERROR(INDEX(Jesper!AJ$2:AJ$366,ROUNDDOWN($C4451/24,0)+1,1)*INDEX($D$3:$AA$30,INDEX(Jesper!$R$2:$R$366,ROW(INDEX(Jesper!AJ$2:AJ$366,ROUNDDOWN($C4451/24,0)+1,1))-1)+IF('Standard Profiles'!$G$20=$B$10,7,0)+IF('Standard Profiles'!$G$20=$B$17,14,0)+IF('Standard Profiles'!$G$20=$B$24,21,0),MOD($C4451,24)+1)/SUM(INDEX($D$3:$AA$30,INDEX(Jesper!$R$2:$R$366,ROW(INDEX(Jesper!AJ$2:AJ$366,ROUNDDOWN($C4451/24,0)+1,1))-1)+IF('Standard Profiles'!$G$20=$B$10,7,0)+IF('Standard Profiles'!$G$20=$B$17,14,0)+IF('Standard Profiles'!$G$20=$B$24,21,0),0)),0)</f>
        <v>0</v>
      </c>
      <c r="G4451" cm="1">
        <f t="array" ref="G4451">IFERROR(INDEX(Jesper!AK$2:AK$366,ROUNDDOWN($C4451/24,0)+1,1)*INDEX($D$3:$AA$30,INDEX(Jesper!$R$2:$R$366,ROW(INDEX(Jesper!AK$2:AK$366,ROUNDDOWN($C4451/24,0)+1,1))-1)+IF('Standard Profiles'!$G$21=$B$10,7,0)+IF('Standard Profiles'!$G$21=$B$17,14,0)+IF('Standard Profiles'!$G$21=$B$24,21,0),MOD($C4451,24)+1)/SUM(INDEX($D$3:$AA$30,INDEX(Jesper!$R$2:$R$366,ROW(INDEX(Jesper!AK$2:AK$366,ROUNDDOWN($C4451/24,0)+1,1))-1)+IF('Standard Profiles'!$G$21=$B$10,7,0)+IF('Standard Profiles'!$G$21=$B$17,14,0)+IF('Standard Profiles'!$G$21=$B$24,21,0),0)),0)</f>
        <v>0</v>
      </c>
      <c r="H4451" cm="1">
        <f t="array" ref="H4451">IFERROR(INDEX(Jesper!AL$2:AL$366,ROUNDDOWN($C4451/24,0)+1,1)*INDEX($D$3:$AA$30,INDEX(Jesper!$R$2:$R$366,ROW(INDEX(Jesper!AL$2:AL$366,ROUNDDOWN($C4451/24,0)+1,1))-1)+IF('Standard Profiles'!$G$22=$B$10,7,0)+IF('Standard Profiles'!$G$22=$B$17,14,0)+IF('Standard Profiles'!$G$22=$B$24,21,0),MOD($C4451,24)+1)/SUM(INDEX($D$3:$AA$30,INDEX(Jesper!$R$2:$R$366,ROW(INDEX(Jesper!AL$2:AL$366,ROUNDDOWN($C4451/24,0)+1,1))-1)+IF('Standard Profiles'!$G$22=$B$10,7,0)+IF('Standard Profiles'!$G$22=$B$17,14,0)+IF('Standard Profiles'!$G$22=$B$24,21,0),0)),0)</f>
        <v>0</v>
      </c>
      <c r="I4451">
        <f t="shared" ref="I4451:I4514" si="503">IF($B4451&lt;6,AC$37*$D4451+AC$38*$E4451+AC$39*$F4451+AC$40*$G4451,AC$46*$D4451+AC$47*$E4451+AC$48*$F4451+AC$49*$G4451+AC$50*$H4451)</f>
        <v>0.21184714741914937</v>
      </c>
      <c r="J4451">
        <f t="shared" ref="J4451:J4514" si="504">IF($B4451&lt;6,AD$37*$D4451+AD$38*$E4451+AD$39*$F4451+AD$40*$G4451,AD$46*$D4451+AD$47*$E4451+AD$48*$F4451+AD$49*$G4451+AD$50*$H4451)</f>
        <v>0.70615715806383128</v>
      </c>
      <c r="K4451">
        <f t="shared" ref="K4451:K4514" si="505">IF($B4451&lt;6,AE$37*$D4451+AE$38*$E4451+AE$39*$F4451+AE$40*$G4451,AE$46*$D4451+AE$47*$E4451+AE$48*$F4451+AE$49*$G4451+AE$50*$H4451)</f>
        <v>1.0592357370957468</v>
      </c>
      <c r="L4451">
        <f t="shared" ref="L4451:L4514" si="506">IF($B4451&lt;6,AF$37*$D4451+AF$38*$E4451+AF$39*$F4451+AF$40*$G4451,AF$46*$D4451+AF$47*$E4451+AF$48*$F4451+AF$49*$G4451+AF$50*$H4451)</f>
        <v>5.084331538059585</v>
      </c>
      <c r="M4451">
        <f t="shared" ref="M4451:M4514" si="507">IF($B4451&lt;6,AG$37*$D4451+AG$38*$E4451+AG$39*$F4451+AG$40*$G4451,AG$46*$D4451+AG$47*$E4451+AG$48*$F4451+AG$49*$G4451+AG$50*$H4451)</f>
        <v>0</v>
      </c>
      <c r="N4451" s="46">
        <f t="shared" si="501"/>
        <v>45476.041666655954</v>
      </c>
    </row>
    <row r="4452" spans="2:14" x14ac:dyDescent="0.3">
      <c r="B4452">
        <f t="shared" si="502"/>
        <v>3</v>
      </c>
      <c r="C4452" s="16">
        <v>4418</v>
      </c>
      <c r="D4452" cm="1">
        <f t="array" ref="D4452">IFERROR(INDEX(Jesper!AH$2:AH$366,ROUNDDOWN($C4452/24,0)+1,1)*INDEX($D$3:$AA$30,INDEX(Jesper!$R$2:$R$366,ROW(INDEX(Jesper!AH$2:AH$366,ROUNDDOWN($C4452/24,0)+1,1))-1)+IF('Standard Profiles'!$G$18=$B$10,7,0)+IF('Standard Profiles'!$G$18=$B$17,14,0)+IF('Standard Profiles'!$G$18=$B$24,21,0),MOD($C4452,24)+1)/SUM(INDEX($D$3:$AA$30,INDEX(Jesper!$R$2:$R$366,ROW(INDEX(Jesper!AH$2:AH$366,ROUNDDOWN($C4452/24,0)+1,1))-1)+IF('Standard Profiles'!$G$18=$B$10,7,0)+IF('Standard Profiles'!$G$18=$B$17,14,0)+IF('Standard Profiles'!$G$18=$B$24,21,0),0)),0)</f>
        <v>7.0615715806383124</v>
      </c>
      <c r="E4452" cm="1">
        <f t="array" ref="E4452">IFERROR(INDEX(Jesper!AI$2:AI$366,ROUNDDOWN($C4452/24,0)+1,1)*INDEX($D$3:$AA$30,INDEX(Jesper!$R$2:$R$366,ROW(INDEX(Jesper!AI$2:AI$366,ROUNDDOWN($C4452/24,0)+1,1))-1)+IF('Standard Profiles'!$G$19=$B$10,7,0)+IF('Standard Profiles'!$G$19=$B$17,14,0)+IF('Standard Profiles'!$G$19=$B$24,21,0),MOD($C4452,24)+1)/SUM(INDEX($D$3:$AA$30,INDEX(Jesper!$R$2:$R$366,ROW(INDEX(Jesper!AI$2:AI$366,ROUNDDOWN($C4452/24,0)+1,1))-1)+IF('Standard Profiles'!$G$19=$B$10,7,0)+IF('Standard Profiles'!$G$19=$B$17,14,0)+IF('Standard Profiles'!$G$19=$B$24,21,0),0)),0)</f>
        <v>0</v>
      </c>
      <c r="F4452" cm="1">
        <f t="array" ref="F4452">IFERROR(INDEX(Jesper!AJ$2:AJ$366,ROUNDDOWN($C4452/24,0)+1,1)*INDEX($D$3:$AA$30,INDEX(Jesper!$R$2:$R$366,ROW(INDEX(Jesper!AJ$2:AJ$366,ROUNDDOWN($C4452/24,0)+1,1))-1)+IF('Standard Profiles'!$G$20=$B$10,7,0)+IF('Standard Profiles'!$G$20=$B$17,14,0)+IF('Standard Profiles'!$G$20=$B$24,21,0),MOD($C4452,24)+1)/SUM(INDEX($D$3:$AA$30,INDEX(Jesper!$R$2:$R$366,ROW(INDEX(Jesper!AJ$2:AJ$366,ROUNDDOWN($C4452/24,0)+1,1))-1)+IF('Standard Profiles'!$G$20=$B$10,7,0)+IF('Standard Profiles'!$G$20=$B$17,14,0)+IF('Standard Profiles'!$G$20=$B$24,21,0),0)),0)</f>
        <v>0</v>
      </c>
      <c r="G4452" cm="1">
        <f t="array" ref="G4452">IFERROR(INDEX(Jesper!AK$2:AK$366,ROUNDDOWN($C4452/24,0)+1,1)*INDEX($D$3:$AA$30,INDEX(Jesper!$R$2:$R$366,ROW(INDEX(Jesper!AK$2:AK$366,ROUNDDOWN($C4452/24,0)+1,1))-1)+IF('Standard Profiles'!$G$21=$B$10,7,0)+IF('Standard Profiles'!$G$21=$B$17,14,0)+IF('Standard Profiles'!$G$21=$B$24,21,0),MOD($C4452,24)+1)/SUM(INDEX($D$3:$AA$30,INDEX(Jesper!$R$2:$R$366,ROW(INDEX(Jesper!AK$2:AK$366,ROUNDDOWN($C4452/24,0)+1,1))-1)+IF('Standard Profiles'!$G$21=$B$10,7,0)+IF('Standard Profiles'!$G$21=$B$17,14,0)+IF('Standard Profiles'!$G$21=$B$24,21,0),0)),0)</f>
        <v>0</v>
      </c>
      <c r="H4452" cm="1">
        <f t="array" ref="H4452">IFERROR(INDEX(Jesper!AL$2:AL$366,ROUNDDOWN($C4452/24,0)+1,1)*INDEX($D$3:$AA$30,INDEX(Jesper!$R$2:$R$366,ROW(INDEX(Jesper!AL$2:AL$366,ROUNDDOWN($C4452/24,0)+1,1))-1)+IF('Standard Profiles'!$G$22=$B$10,7,0)+IF('Standard Profiles'!$G$22=$B$17,14,0)+IF('Standard Profiles'!$G$22=$B$24,21,0),MOD($C4452,24)+1)/SUM(INDEX($D$3:$AA$30,INDEX(Jesper!$R$2:$R$366,ROW(INDEX(Jesper!AL$2:AL$366,ROUNDDOWN($C4452/24,0)+1,1))-1)+IF('Standard Profiles'!$G$22=$B$10,7,0)+IF('Standard Profiles'!$G$22=$B$17,14,0)+IF('Standard Profiles'!$G$22=$B$24,21,0),0)),0)</f>
        <v>0</v>
      </c>
      <c r="I4452">
        <f t="shared" si="503"/>
        <v>0.21184714741914937</v>
      </c>
      <c r="J4452">
        <f t="shared" si="504"/>
        <v>0.70615715806383128</v>
      </c>
      <c r="K4452">
        <f t="shared" si="505"/>
        <v>1.0592357370957468</v>
      </c>
      <c r="L4452">
        <f t="shared" si="506"/>
        <v>5.084331538059585</v>
      </c>
      <c r="M4452">
        <f t="shared" si="507"/>
        <v>0</v>
      </c>
      <c r="N4452" s="46">
        <f t="shared" ref="N4452:N4515" si="508">N4451+1/24</f>
        <v>45476.083333322618</v>
      </c>
    </row>
    <row r="4453" spans="2:14" x14ac:dyDescent="0.3">
      <c r="B4453">
        <f t="shared" si="502"/>
        <v>3</v>
      </c>
      <c r="C4453" s="16">
        <v>4419</v>
      </c>
      <c r="D4453" cm="1">
        <f t="array" ref="D4453">IFERROR(INDEX(Jesper!AH$2:AH$366,ROUNDDOWN($C4453/24,0)+1,1)*INDEX($D$3:$AA$30,INDEX(Jesper!$R$2:$R$366,ROW(INDEX(Jesper!AH$2:AH$366,ROUNDDOWN($C4453/24,0)+1,1))-1)+IF('Standard Profiles'!$G$18=$B$10,7,0)+IF('Standard Profiles'!$G$18=$B$17,14,0)+IF('Standard Profiles'!$G$18=$B$24,21,0),MOD($C4453,24)+1)/SUM(INDEX($D$3:$AA$30,INDEX(Jesper!$R$2:$R$366,ROW(INDEX(Jesper!AH$2:AH$366,ROUNDDOWN($C4453/24,0)+1,1))-1)+IF('Standard Profiles'!$G$18=$B$10,7,0)+IF('Standard Profiles'!$G$18=$B$17,14,0)+IF('Standard Profiles'!$G$18=$B$24,21,0),0)),0)</f>
        <v>7.0615715806383124</v>
      </c>
      <c r="E4453" cm="1">
        <f t="array" ref="E4453">IFERROR(INDEX(Jesper!AI$2:AI$366,ROUNDDOWN($C4453/24,0)+1,1)*INDEX($D$3:$AA$30,INDEX(Jesper!$R$2:$R$366,ROW(INDEX(Jesper!AI$2:AI$366,ROUNDDOWN($C4453/24,0)+1,1))-1)+IF('Standard Profiles'!$G$19=$B$10,7,0)+IF('Standard Profiles'!$G$19=$B$17,14,0)+IF('Standard Profiles'!$G$19=$B$24,21,0),MOD($C4453,24)+1)/SUM(INDEX($D$3:$AA$30,INDEX(Jesper!$R$2:$R$366,ROW(INDEX(Jesper!AI$2:AI$366,ROUNDDOWN($C4453/24,0)+1,1))-1)+IF('Standard Profiles'!$G$19=$B$10,7,0)+IF('Standard Profiles'!$G$19=$B$17,14,0)+IF('Standard Profiles'!$G$19=$B$24,21,0),0)),0)</f>
        <v>0</v>
      </c>
      <c r="F4453" cm="1">
        <f t="array" ref="F4453">IFERROR(INDEX(Jesper!AJ$2:AJ$366,ROUNDDOWN($C4453/24,0)+1,1)*INDEX($D$3:$AA$30,INDEX(Jesper!$R$2:$R$366,ROW(INDEX(Jesper!AJ$2:AJ$366,ROUNDDOWN($C4453/24,0)+1,1))-1)+IF('Standard Profiles'!$G$20=$B$10,7,0)+IF('Standard Profiles'!$G$20=$B$17,14,0)+IF('Standard Profiles'!$G$20=$B$24,21,0),MOD($C4453,24)+1)/SUM(INDEX($D$3:$AA$30,INDEX(Jesper!$R$2:$R$366,ROW(INDEX(Jesper!AJ$2:AJ$366,ROUNDDOWN($C4453/24,0)+1,1))-1)+IF('Standard Profiles'!$G$20=$B$10,7,0)+IF('Standard Profiles'!$G$20=$B$17,14,0)+IF('Standard Profiles'!$G$20=$B$24,21,0),0)),0)</f>
        <v>0</v>
      </c>
      <c r="G4453" cm="1">
        <f t="array" ref="G4453">IFERROR(INDEX(Jesper!AK$2:AK$366,ROUNDDOWN($C4453/24,0)+1,1)*INDEX($D$3:$AA$30,INDEX(Jesper!$R$2:$R$366,ROW(INDEX(Jesper!AK$2:AK$366,ROUNDDOWN($C4453/24,0)+1,1))-1)+IF('Standard Profiles'!$G$21=$B$10,7,0)+IF('Standard Profiles'!$G$21=$B$17,14,0)+IF('Standard Profiles'!$G$21=$B$24,21,0),MOD($C4453,24)+1)/SUM(INDEX($D$3:$AA$30,INDEX(Jesper!$R$2:$R$366,ROW(INDEX(Jesper!AK$2:AK$366,ROUNDDOWN($C4453/24,0)+1,1))-1)+IF('Standard Profiles'!$G$21=$B$10,7,0)+IF('Standard Profiles'!$G$21=$B$17,14,0)+IF('Standard Profiles'!$G$21=$B$24,21,0),0)),0)</f>
        <v>0</v>
      </c>
      <c r="H4453" cm="1">
        <f t="array" ref="H4453">IFERROR(INDEX(Jesper!AL$2:AL$366,ROUNDDOWN($C4453/24,0)+1,1)*INDEX($D$3:$AA$30,INDEX(Jesper!$R$2:$R$366,ROW(INDEX(Jesper!AL$2:AL$366,ROUNDDOWN($C4453/24,0)+1,1))-1)+IF('Standard Profiles'!$G$22=$B$10,7,0)+IF('Standard Profiles'!$G$22=$B$17,14,0)+IF('Standard Profiles'!$G$22=$B$24,21,0),MOD($C4453,24)+1)/SUM(INDEX($D$3:$AA$30,INDEX(Jesper!$R$2:$R$366,ROW(INDEX(Jesper!AL$2:AL$366,ROUNDDOWN($C4453/24,0)+1,1))-1)+IF('Standard Profiles'!$G$22=$B$10,7,0)+IF('Standard Profiles'!$G$22=$B$17,14,0)+IF('Standard Profiles'!$G$22=$B$24,21,0),0)),0)</f>
        <v>0</v>
      </c>
      <c r="I4453">
        <f t="shared" si="503"/>
        <v>0.21184714741914937</v>
      </c>
      <c r="J4453">
        <f t="shared" si="504"/>
        <v>0.70615715806383128</v>
      </c>
      <c r="K4453">
        <f t="shared" si="505"/>
        <v>1.0592357370957468</v>
      </c>
      <c r="L4453">
        <f t="shared" si="506"/>
        <v>5.084331538059585</v>
      </c>
      <c r="M4453">
        <f t="shared" si="507"/>
        <v>0</v>
      </c>
      <c r="N4453" s="46">
        <f t="shared" si="508"/>
        <v>45476.124999989283</v>
      </c>
    </row>
    <row r="4454" spans="2:14" x14ac:dyDescent="0.3">
      <c r="B4454">
        <f t="shared" si="502"/>
        <v>3</v>
      </c>
      <c r="C4454" s="16">
        <v>4420</v>
      </c>
      <c r="D4454" cm="1">
        <f t="array" ref="D4454">IFERROR(INDEX(Jesper!AH$2:AH$366,ROUNDDOWN($C4454/24,0)+1,1)*INDEX($D$3:$AA$30,INDEX(Jesper!$R$2:$R$366,ROW(INDEX(Jesper!AH$2:AH$366,ROUNDDOWN($C4454/24,0)+1,1))-1)+IF('Standard Profiles'!$G$18=$B$10,7,0)+IF('Standard Profiles'!$G$18=$B$17,14,0)+IF('Standard Profiles'!$G$18=$B$24,21,0),MOD($C4454,24)+1)/SUM(INDEX($D$3:$AA$30,INDEX(Jesper!$R$2:$R$366,ROW(INDEX(Jesper!AH$2:AH$366,ROUNDDOWN($C4454/24,0)+1,1))-1)+IF('Standard Profiles'!$G$18=$B$10,7,0)+IF('Standard Profiles'!$G$18=$B$17,14,0)+IF('Standard Profiles'!$G$18=$B$24,21,0),0)),0)</f>
        <v>7.0615715806383124</v>
      </c>
      <c r="E4454" cm="1">
        <f t="array" ref="E4454">IFERROR(INDEX(Jesper!AI$2:AI$366,ROUNDDOWN($C4454/24,0)+1,1)*INDEX($D$3:$AA$30,INDEX(Jesper!$R$2:$R$366,ROW(INDEX(Jesper!AI$2:AI$366,ROUNDDOWN($C4454/24,0)+1,1))-1)+IF('Standard Profiles'!$G$19=$B$10,7,0)+IF('Standard Profiles'!$G$19=$B$17,14,0)+IF('Standard Profiles'!$G$19=$B$24,21,0),MOD($C4454,24)+1)/SUM(INDEX($D$3:$AA$30,INDEX(Jesper!$R$2:$R$366,ROW(INDEX(Jesper!AI$2:AI$366,ROUNDDOWN($C4454/24,0)+1,1))-1)+IF('Standard Profiles'!$G$19=$B$10,7,0)+IF('Standard Profiles'!$G$19=$B$17,14,0)+IF('Standard Profiles'!$G$19=$B$24,21,0),0)),0)</f>
        <v>0</v>
      </c>
      <c r="F4454" cm="1">
        <f t="array" ref="F4454">IFERROR(INDEX(Jesper!AJ$2:AJ$366,ROUNDDOWN($C4454/24,0)+1,1)*INDEX($D$3:$AA$30,INDEX(Jesper!$R$2:$R$366,ROW(INDEX(Jesper!AJ$2:AJ$366,ROUNDDOWN($C4454/24,0)+1,1))-1)+IF('Standard Profiles'!$G$20=$B$10,7,0)+IF('Standard Profiles'!$G$20=$B$17,14,0)+IF('Standard Profiles'!$G$20=$B$24,21,0),MOD($C4454,24)+1)/SUM(INDEX($D$3:$AA$30,INDEX(Jesper!$R$2:$R$366,ROW(INDEX(Jesper!AJ$2:AJ$366,ROUNDDOWN($C4454/24,0)+1,1))-1)+IF('Standard Profiles'!$G$20=$B$10,7,0)+IF('Standard Profiles'!$G$20=$B$17,14,0)+IF('Standard Profiles'!$G$20=$B$24,21,0),0)),0)</f>
        <v>0</v>
      </c>
      <c r="G4454" cm="1">
        <f t="array" ref="G4454">IFERROR(INDEX(Jesper!AK$2:AK$366,ROUNDDOWN($C4454/24,0)+1,1)*INDEX($D$3:$AA$30,INDEX(Jesper!$R$2:$R$366,ROW(INDEX(Jesper!AK$2:AK$366,ROUNDDOWN($C4454/24,0)+1,1))-1)+IF('Standard Profiles'!$G$21=$B$10,7,0)+IF('Standard Profiles'!$G$21=$B$17,14,0)+IF('Standard Profiles'!$G$21=$B$24,21,0),MOD($C4454,24)+1)/SUM(INDEX($D$3:$AA$30,INDEX(Jesper!$R$2:$R$366,ROW(INDEX(Jesper!AK$2:AK$366,ROUNDDOWN($C4454/24,0)+1,1))-1)+IF('Standard Profiles'!$G$21=$B$10,7,0)+IF('Standard Profiles'!$G$21=$B$17,14,0)+IF('Standard Profiles'!$G$21=$B$24,21,0),0)),0)</f>
        <v>0</v>
      </c>
      <c r="H4454" cm="1">
        <f t="array" ref="H4454">IFERROR(INDEX(Jesper!AL$2:AL$366,ROUNDDOWN($C4454/24,0)+1,1)*INDEX($D$3:$AA$30,INDEX(Jesper!$R$2:$R$366,ROW(INDEX(Jesper!AL$2:AL$366,ROUNDDOWN($C4454/24,0)+1,1))-1)+IF('Standard Profiles'!$G$22=$B$10,7,0)+IF('Standard Profiles'!$G$22=$B$17,14,0)+IF('Standard Profiles'!$G$22=$B$24,21,0),MOD($C4454,24)+1)/SUM(INDEX($D$3:$AA$30,INDEX(Jesper!$R$2:$R$366,ROW(INDEX(Jesper!AL$2:AL$366,ROUNDDOWN($C4454/24,0)+1,1))-1)+IF('Standard Profiles'!$G$22=$B$10,7,0)+IF('Standard Profiles'!$G$22=$B$17,14,0)+IF('Standard Profiles'!$G$22=$B$24,21,0),0)),0)</f>
        <v>0</v>
      </c>
      <c r="I4454">
        <f t="shared" si="503"/>
        <v>0.21184714741914937</v>
      </c>
      <c r="J4454">
        <f t="shared" si="504"/>
        <v>0.70615715806383128</v>
      </c>
      <c r="K4454">
        <f t="shared" si="505"/>
        <v>1.0592357370957468</v>
      </c>
      <c r="L4454">
        <f t="shared" si="506"/>
        <v>5.084331538059585</v>
      </c>
      <c r="M4454">
        <f t="shared" si="507"/>
        <v>0</v>
      </c>
      <c r="N4454" s="46">
        <f t="shared" si="508"/>
        <v>45476.166666655947</v>
      </c>
    </row>
    <row r="4455" spans="2:14" x14ac:dyDescent="0.3">
      <c r="B4455">
        <f t="shared" si="502"/>
        <v>3</v>
      </c>
      <c r="C4455" s="16">
        <v>4421</v>
      </c>
      <c r="D4455" cm="1">
        <f t="array" ref="D4455">IFERROR(INDEX(Jesper!AH$2:AH$366,ROUNDDOWN($C4455/24,0)+1,1)*INDEX($D$3:$AA$30,INDEX(Jesper!$R$2:$R$366,ROW(INDEX(Jesper!AH$2:AH$366,ROUNDDOWN($C4455/24,0)+1,1))-1)+IF('Standard Profiles'!$G$18=$B$10,7,0)+IF('Standard Profiles'!$G$18=$B$17,14,0)+IF('Standard Profiles'!$G$18=$B$24,21,0),MOD($C4455,24)+1)/SUM(INDEX($D$3:$AA$30,INDEX(Jesper!$R$2:$R$366,ROW(INDEX(Jesper!AH$2:AH$366,ROUNDDOWN($C4455/24,0)+1,1))-1)+IF('Standard Profiles'!$G$18=$B$10,7,0)+IF('Standard Profiles'!$G$18=$B$17,14,0)+IF('Standard Profiles'!$G$18=$B$24,21,0),0)),0)</f>
        <v>9.1015811483782691</v>
      </c>
      <c r="E4455" cm="1">
        <f t="array" ref="E4455">IFERROR(INDEX(Jesper!AI$2:AI$366,ROUNDDOWN($C4455/24,0)+1,1)*INDEX($D$3:$AA$30,INDEX(Jesper!$R$2:$R$366,ROW(INDEX(Jesper!AI$2:AI$366,ROUNDDOWN($C4455/24,0)+1,1))-1)+IF('Standard Profiles'!$G$19=$B$10,7,0)+IF('Standard Profiles'!$G$19=$B$17,14,0)+IF('Standard Profiles'!$G$19=$B$24,21,0),MOD($C4455,24)+1)/SUM(INDEX($D$3:$AA$30,INDEX(Jesper!$R$2:$R$366,ROW(INDEX(Jesper!AI$2:AI$366,ROUNDDOWN($C4455/24,0)+1,1))-1)+IF('Standard Profiles'!$G$19=$B$10,7,0)+IF('Standard Profiles'!$G$19=$B$17,14,0)+IF('Standard Profiles'!$G$19=$B$24,21,0),0)),0)</f>
        <v>0</v>
      </c>
      <c r="F4455" cm="1">
        <f t="array" ref="F4455">IFERROR(INDEX(Jesper!AJ$2:AJ$366,ROUNDDOWN($C4455/24,0)+1,1)*INDEX($D$3:$AA$30,INDEX(Jesper!$R$2:$R$366,ROW(INDEX(Jesper!AJ$2:AJ$366,ROUNDDOWN($C4455/24,0)+1,1))-1)+IF('Standard Profiles'!$G$20=$B$10,7,0)+IF('Standard Profiles'!$G$20=$B$17,14,0)+IF('Standard Profiles'!$G$20=$B$24,21,0),MOD($C4455,24)+1)/SUM(INDEX($D$3:$AA$30,INDEX(Jesper!$R$2:$R$366,ROW(INDEX(Jesper!AJ$2:AJ$366,ROUNDDOWN($C4455/24,0)+1,1))-1)+IF('Standard Profiles'!$G$20=$B$10,7,0)+IF('Standard Profiles'!$G$20=$B$17,14,0)+IF('Standard Profiles'!$G$20=$B$24,21,0),0)),0)</f>
        <v>0</v>
      </c>
      <c r="G4455" cm="1">
        <f t="array" ref="G4455">IFERROR(INDEX(Jesper!AK$2:AK$366,ROUNDDOWN($C4455/24,0)+1,1)*INDEX($D$3:$AA$30,INDEX(Jesper!$R$2:$R$366,ROW(INDEX(Jesper!AK$2:AK$366,ROUNDDOWN($C4455/24,0)+1,1))-1)+IF('Standard Profiles'!$G$21=$B$10,7,0)+IF('Standard Profiles'!$G$21=$B$17,14,0)+IF('Standard Profiles'!$G$21=$B$24,21,0),MOD($C4455,24)+1)/SUM(INDEX($D$3:$AA$30,INDEX(Jesper!$R$2:$R$366,ROW(INDEX(Jesper!AK$2:AK$366,ROUNDDOWN($C4455/24,0)+1,1))-1)+IF('Standard Profiles'!$G$21=$B$10,7,0)+IF('Standard Profiles'!$G$21=$B$17,14,0)+IF('Standard Profiles'!$G$21=$B$24,21,0),0)),0)</f>
        <v>0</v>
      </c>
      <c r="H4455" cm="1">
        <f t="array" ref="H4455">IFERROR(INDEX(Jesper!AL$2:AL$366,ROUNDDOWN($C4455/24,0)+1,1)*INDEX($D$3:$AA$30,INDEX(Jesper!$R$2:$R$366,ROW(INDEX(Jesper!AL$2:AL$366,ROUNDDOWN($C4455/24,0)+1,1))-1)+IF('Standard Profiles'!$G$22=$B$10,7,0)+IF('Standard Profiles'!$G$22=$B$17,14,0)+IF('Standard Profiles'!$G$22=$B$24,21,0),MOD($C4455,24)+1)/SUM(INDEX($D$3:$AA$30,INDEX(Jesper!$R$2:$R$366,ROW(INDEX(Jesper!AL$2:AL$366,ROUNDDOWN($C4455/24,0)+1,1))-1)+IF('Standard Profiles'!$G$22=$B$10,7,0)+IF('Standard Profiles'!$G$22=$B$17,14,0)+IF('Standard Profiles'!$G$22=$B$24,21,0),0)),0)</f>
        <v>0</v>
      </c>
      <c r="I4455">
        <f t="shared" si="503"/>
        <v>0.27304743445134805</v>
      </c>
      <c r="J4455">
        <f t="shared" si="504"/>
        <v>0.91015811483782694</v>
      </c>
      <c r="K4455">
        <f t="shared" si="505"/>
        <v>1.3652371722567402</v>
      </c>
      <c r="L4455">
        <f t="shared" si="506"/>
        <v>6.5531384268323531</v>
      </c>
      <c r="M4455">
        <f t="shared" si="507"/>
        <v>0</v>
      </c>
      <c r="N4455" s="46">
        <f t="shared" si="508"/>
        <v>45476.208333322611</v>
      </c>
    </row>
    <row r="4456" spans="2:14" x14ac:dyDescent="0.3">
      <c r="B4456">
        <f t="shared" si="502"/>
        <v>3</v>
      </c>
      <c r="C4456" s="16">
        <v>4422</v>
      </c>
      <c r="D4456" cm="1">
        <f t="array" ref="D4456">IFERROR(INDEX(Jesper!AH$2:AH$366,ROUNDDOWN($C4456/24,0)+1,1)*INDEX($D$3:$AA$30,INDEX(Jesper!$R$2:$R$366,ROW(INDEX(Jesper!AH$2:AH$366,ROUNDDOWN($C4456/24,0)+1,1))-1)+IF('Standard Profiles'!$G$18=$B$10,7,0)+IF('Standard Profiles'!$G$18=$B$17,14,0)+IF('Standard Profiles'!$G$18=$B$24,21,0),MOD($C4456,24)+1)/SUM(INDEX($D$3:$AA$30,INDEX(Jesper!$R$2:$R$366,ROW(INDEX(Jesper!AH$2:AH$366,ROUNDDOWN($C4456/24,0)+1,1))-1)+IF('Standard Profiles'!$G$18=$B$10,7,0)+IF('Standard Profiles'!$G$18=$B$17,14,0)+IF('Standard Profiles'!$G$18=$B$24,21,0),0)),0)</f>
        <v>10.513895464505934</v>
      </c>
      <c r="E4456" cm="1">
        <f t="array" ref="E4456">IFERROR(INDEX(Jesper!AI$2:AI$366,ROUNDDOWN($C4456/24,0)+1,1)*INDEX($D$3:$AA$30,INDEX(Jesper!$R$2:$R$366,ROW(INDEX(Jesper!AI$2:AI$366,ROUNDDOWN($C4456/24,0)+1,1))-1)+IF('Standard Profiles'!$G$19=$B$10,7,0)+IF('Standard Profiles'!$G$19=$B$17,14,0)+IF('Standard Profiles'!$G$19=$B$24,21,0),MOD($C4456,24)+1)/SUM(INDEX($D$3:$AA$30,INDEX(Jesper!$R$2:$R$366,ROW(INDEX(Jesper!AI$2:AI$366,ROUNDDOWN($C4456/24,0)+1,1))-1)+IF('Standard Profiles'!$G$19=$B$10,7,0)+IF('Standard Profiles'!$G$19=$B$17,14,0)+IF('Standard Profiles'!$G$19=$B$24,21,0),0)),0)</f>
        <v>0</v>
      </c>
      <c r="F4456" cm="1">
        <f t="array" ref="F4456">IFERROR(INDEX(Jesper!AJ$2:AJ$366,ROUNDDOWN($C4456/24,0)+1,1)*INDEX($D$3:$AA$30,INDEX(Jesper!$R$2:$R$366,ROW(INDEX(Jesper!AJ$2:AJ$366,ROUNDDOWN($C4456/24,0)+1,1))-1)+IF('Standard Profiles'!$G$20=$B$10,7,0)+IF('Standard Profiles'!$G$20=$B$17,14,0)+IF('Standard Profiles'!$G$20=$B$24,21,0),MOD($C4456,24)+1)/SUM(INDEX($D$3:$AA$30,INDEX(Jesper!$R$2:$R$366,ROW(INDEX(Jesper!AJ$2:AJ$366,ROUNDDOWN($C4456/24,0)+1,1))-1)+IF('Standard Profiles'!$G$20=$B$10,7,0)+IF('Standard Profiles'!$G$20=$B$17,14,0)+IF('Standard Profiles'!$G$20=$B$24,21,0),0)),0)</f>
        <v>0</v>
      </c>
      <c r="G4456" cm="1">
        <f t="array" ref="G4456">IFERROR(INDEX(Jesper!AK$2:AK$366,ROUNDDOWN($C4456/24,0)+1,1)*INDEX($D$3:$AA$30,INDEX(Jesper!$R$2:$R$366,ROW(INDEX(Jesper!AK$2:AK$366,ROUNDDOWN($C4456/24,0)+1,1))-1)+IF('Standard Profiles'!$G$21=$B$10,7,0)+IF('Standard Profiles'!$G$21=$B$17,14,0)+IF('Standard Profiles'!$G$21=$B$24,21,0),MOD($C4456,24)+1)/SUM(INDEX($D$3:$AA$30,INDEX(Jesper!$R$2:$R$366,ROW(INDEX(Jesper!AK$2:AK$366,ROUNDDOWN($C4456/24,0)+1,1))-1)+IF('Standard Profiles'!$G$21=$B$10,7,0)+IF('Standard Profiles'!$G$21=$B$17,14,0)+IF('Standard Profiles'!$G$21=$B$24,21,0),0)),0)</f>
        <v>0</v>
      </c>
      <c r="H4456" cm="1">
        <f t="array" ref="H4456">IFERROR(INDEX(Jesper!AL$2:AL$366,ROUNDDOWN($C4456/24,0)+1,1)*INDEX($D$3:$AA$30,INDEX(Jesper!$R$2:$R$366,ROW(INDEX(Jesper!AL$2:AL$366,ROUNDDOWN($C4456/24,0)+1,1))-1)+IF('Standard Profiles'!$G$22=$B$10,7,0)+IF('Standard Profiles'!$G$22=$B$17,14,0)+IF('Standard Profiles'!$G$22=$B$24,21,0),MOD($C4456,24)+1)/SUM(INDEX($D$3:$AA$30,INDEX(Jesper!$R$2:$R$366,ROW(INDEX(Jesper!AL$2:AL$366,ROUNDDOWN($C4456/24,0)+1,1))-1)+IF('Standard Profiles'!$G$22=$B$10,7,0)+IF('Standard Profiles'!$G$22=$B$17,14,0)+IF('Standard Profiles'!$G$22=$B$24,21,0),0)),0)</f>
        <v>0</v>
      </c>
      <c r="I4456">
        <f t="shared" si="503"/>
        <v>0.31541686393517798</v>
      </c>
      <c r="J4456">
        <f t="shared" si="504"/>
        <v>1.0513895464505933</v>
      </c>
      <c r="K4456">
        <f t="shared" si="505"/>
        <v>1.5770843196758901</v>
      </c>
      <c r="L4456">
        <f t="shared" si="506"/>
        <v>7.5700047344442725</v>
      </c>
      <c r="M4456">
        <f t="shared" si="507"/>
        <v>0</v>
      </c>
      <c r="N4456" s="46">
        <f t="shared" si="508"/>
        <v>45476.249999989275</v>
      </c>
    </row>
    <row r="4457" spans="2:14" x14ac:dyDescent="0.3">
      <c r="B4457">
        <f t="shared" si="502"/>
        <v>3</v>
      </c>
      <c r="C4457" s="16">
        <v>4423</v>
      </c>
      <c r="D4457" cm="1">
        <f t="array" ref="D4457">IFERROR(INDEX(Jesper!AH$2:AH$366,ROUNDDOWN($C4457/24,0)+1,1)*INDEX($D$3:$AA$30,INDEX(Jesper!$R$2:$R$366,ROW(INDEX(Jesper!AH$2:AH$366,ROUNDDOWN($C4457/24,0)+1,1))-1)+IF('Standard Profiles'!$G$18=$B$10,7,0)+IF('Standard Profiles'!$G$18=$B$17,14,0)+IF('Standard Profiles'!$G$18=$B$24,21,0),MOD($C4457,24)+1)/SUM(INDEX($D$3:$AA$30,INDEX(Jesper!$R$2:$R$366,ROW(INDEX(Jesper!AH$2:AH$366,ROUNDDOWN($C4457/24,0)+1,1))-1)+IF('Standard Profiles'!$G$18=$B$10,7,0)+IF('Standard Profiles'!$G$18=$B$17,14,0)+IF('Standard Profiles'!$G$18=$B$24,21,0),0)),0)</f>
        <v>10.513895464505934</v>
      </c>
      <c r="E4457" cm="1">
        <f t="array" ref="E4457">IFERROR(INDEX(Jesper!AI$2:AI$366,ROUNDDOWN($C4457/24,0)+1,1)*INDEX($D$3:$AA$30,INDEX(Jesper!$R$2:$R$366,ROW(INDEX(Jesper!AI$2:AI$366,ROUNDDOWN($C4457/24,0)+1,1))-1)+IF('Standard Profiles'!$G$19=$B$10,7,0)+IF('Standard Profiles'!$G$19=$B$17,14,0)+IF('Standard Profiles'!$G$19=$B$24,21,0),MOD($C4457,24)+1)/SUM(INDEX($D$3:$AA$30,INDEX(Jesper!$R$2:$R$366,ROW(INDEX(Jesper!AI$2:AI$366,ROUNDDOWN($C4457/24,0)+1,1))-1)+IF('Standard Profiles'!$G$19=$B$10,7,0)+IF('Standard Profiles'!$G$19=$B$17,14,0)+IF('Standard Profiles'!$G$19=$B$24,21,0),0)),0)</f>
        <v>0</v>
      </c>
      <c r="F4457" cm="1">
        <f t="array" ref="F4457">IFERROR(INDEX(Jesper!AJ$2:AJ$366,ROUNDDOWN($C4457/24,0)+1,1)*INDEX($D$3:$AA$30,INDEX(Jesper!$R$2:$R$366,ROW(INDEX(Jesper!AJ$2:AJ$366,ROUNDDOWN($C4457/24,0)+1,1))-1)+IF('Standard Profiles'!$G$20=$B$10,7,0)+IF('Standard Profiles'!$G$20=$B$17,14,0)+IF('Standard Profiles'!$G$20=$B$24,21,0),MOD($C4457,24)+1)/SUM(INDEX($D$3:$AA$30,INDEX(Jesper!$R$2:$R$366,ROW(INDEX(Jesper!AJ$2:AJ$366,ROUNDDOWN($C4457/24,0)+1,1))-1)+IF('Standard Profiles'!$G$20=$B$10,7,0)+IF('Standard Profiles'!$G$20=$B$17,14,0)+IF('Standard Profiles'!$G$20=$B$24,21,0),0)),0)</f>
        <v>0</v>
      </c>
      <c r="G4457" cm="1">
        <f t="array" ref="G4457">IFERROR(INDEX(Jesper!AK$2:AK$366,ROUNDDOWN($C4457/24,0)+1,1)*INDEX($D$3:$AA$30,INDEX(Jesper!$R$2:$R$366,ROW(INDEX(Jesper!AK$2:AK$366,ROUNDDOWN($C4457/24,0)+1,1))-1)+IF('Standard Profiles'!$G$21=$B$10,7,0)+IF('Standard Profiles'!$G$21=$B$17,14,0)+IF('Standard Profiles'!$G$21=$B$24,21,0),MOD($C4457,24)+1)/SUM(INDEX($D$3:$AA$30,INDEX(Jesper!$R$2:$R$366,ROW(INDEX(Jesper!AK$2:AK$366,ROUNDDOWN($C4457/24,0)+1,1))-1)+IF('Standard Profiles'!$G$21=$B$10,7,0)+IF('Standard Profiles'!$G$21=$B$17,14,0)+IF('Standard Profiles'!$G$21=$B$24,21,0),0)),0)</f>
        <v>0</v>
      </c>
      <c r="H4457" cm="1">
        <f t="array" ref="H4457">IFERROR(INDEX(Jesper!AL$2:AL$366,ROUNDDOWN($C4457/24,0)+1,1)*INDEX($D$3:$AA$30,INDEX(Jesper!$R$2:$R$366,ROW(INDEX(Jesper!AL$2:AL$366,ROUNDDOWN($C4457/24,0)+1,1))-1)+IF('Standard Profiles'!$G$22=$B$10,7,0)+IF('Standard Profiles'!$G$22=$B$17,14,0)+IF('Standard Profiles'!$G$22=$B$24,21,0),MOD($C4457,24)+1)/SUM(INDEX($D$3:$AA$30,INDEX(Jesper!$R$2:$R$366,ROW(INDEX(Jesper!AL$2:AL$366,ROUNDDOWN($C4457/24,0)+1,1))-1)+IF('Standard Profiles'!$G$22=$B$10,7,0)+IF('Standard Profiles'!$G$22=$B$17,14,0)+IF('Standard Profiles'!$G$22=$B$24,21,0),0)),0)</f>
        <v>0</v>
      </c>
      <c r="I4457">
        <f t="shared" si="503"/>
        <v>0.31541686393517798</v>
      </c>
      <c r="J4457">
        <f t="shared" si="504"/>
        <v>1.0513895464505933</v>
      </c>
      <c r="K4457">
        <f t="shared" si="505"/>
        <v>1.5770843196758901</v>
      </c>
      <c r="L4457">
        <f t="shared" si="506"/>
        <v>7.5700047344442725</v>
      </c>
      <c r="M4457">
        <f t="shared" si="507"/>
        <v>0</v>
      </c>
      <c r="N4457" s="46">
        <f t="shared" si="508"/>
        <v>45476.291666655939</v>
      </c>
    </row>
    <row r="4458" spans="2:14" x14ac:dyDescent="0.3">
      <c r="B4458">
        <f t="shared" si="502"/>
        <v>3</v>
      </c>
      <c r="C4458" s="16">
        <v>4424</v>
      </c>
      <c r="D4458" cm="1">
        <f t="array" ref="D4458">IFERROR(INDEX(Jesper!AH$2:AH$366,ROUNDDOWN($C4458/24,0)+1,1)*INDEX($D$3:$AA$30,INDEX(Jesper!$R$2:$R$366,ROW(INDEX(Jesper!AH$2:AH$366,ROUNDDOWN($C4458/24,0)+1,1))-1)+IF('Standard Profiles'!$G$18=$B$10,7,0)+IF('Standard Profiles'!$G$18=$B$17,14,0)+IF('Standard Profiles'!$G$18=$B$24,21,0),MOD($C4458,24)+1)/SUM(INDEX($D$3:$AA$30,INDEX(Jesper!$R$2:$R$366,ROW(INDEX(Jesper!AH$2:AH$366,ROUNDDOWN($C4458/24,0)+1,1))-1)+IF('Standard Profiles'!$G$18=$B$10,7,0)+IF('Standard Profiles'!$G$18=$B$17,14,0)+IF('Standard Profiles'!$G$18=$B$24,21,0),0)),0)</f>
        <v>10.513895464505934</v>
      </c>
      <c r="E4458" cm="1">
        <f t="array" ref="E4458">IFERROR(INDEX(Jesper!AI$2:AI$366,ROUNDDOWN($C4458/24,0)+1,1)*INDEX($D$3:$AA$30,INDEX(Jesper!$R$2:$R$366,ROW(INDEX(Jesper!AI$2:AI$366,ROUNDDOWN($C4458/24,0)+1,1))-1)+IF('Standard Profiles'!$G$19=$B$10,7,0)+IF('Standard Profiles'!$G$19=$B$17,14,0)+IF('Standard Profiles'!$G$19=$B$24,21,0),MOD($C4458,24)+1)/SUM(INDEX($D$3:$AA$30,INDEX(Jesper!$R$2:$R$366,ROW(INDEX(Jesper!AI$2:AI$366,ROUNDDOWN($C4458/24,0)+1,1))-1)+IF('Standard Profiles'!$G$19=$B$10,7,0)+IF('Standard Profiles'!$G$19=$B$17,14,0)+IF('Standard Profiles'!$G$19=$B$24,21,0),0)),0)</f>
        <v>0</v>
      </c>
      <c r="F4458" cm="1">
        <f t="array" ref="F4458">IFERROR(INDEX(Jesper!AJ$2:AJ$366,ROUNDDOWN($C4458/24,0)+1,1)*INDEX($D$3:$AA$30,INDEX(Jesper!$R$2:$R$366,ROW(INDEX(Jesper!AJ$2:AJ$366,ROUNDDOWN($C4458/24,0)+1,1))-1)+IF('Standard Profiles'!$G$20=$B$10,7,0)+IF('Standard Profiles'!$G$20=$B$17,14,0)+IF('Standard Profiles'!$G$20=$B$24,21,0),MOD($C4458,24)+1)/SUM(INDEX($D$3:$AA$30,INDEX(Jesper!$R$2:$R$366,ROW(INDEX(Jesper!AJ$2:AJ$366,ROUNDDOWN($C4458/24,0)+1,1))-1)+IF('Standard Profiles'!$G$20=$B$10,7,0)+IF('Standard Profiles'!$G$20=$B$17,14,0)+IF('Standard Profiles'!$G$20=$B$24,21,0),0)),0)</f>
        <v>0</v>
      </c>
      <c r="G4458" cm="1">
        <f t="array" ref="G4458">IFERROR(INDEX(Jesper!AK$2:AK$366,ROUNDDOWN($C4458/24,0)+1,1)*INDEX($D$3:$AA$30,INDEX(Jesper!$R$2:$R$366,ROW(INDEX(Jesper!AK$2:AK$366,ROUNDDOWN($C4458/24,0)+1,1))-1)+IF('Standard Profiles'!$G$21=$B$10,7,0)+IF('Standard Profiles'!$G$21=$B$17,14,0)+IF('Standard Profiles'!$G$21=$B$24,21,0),MOD($C4458,24)+1)/SUM(INDEX($D$3:$AA$30,INDEX(Jesper!$R$2:$R$366,ROW(INDEX(Jesper!AK$2:AK$366,ROUNDDOWN($C4458/24,0)+1,1))-1)+IF('Standard Profiles'!$G$21=$B$10,7,0)+IF('Standard Profiles'!$G$21=$B$17,14,0)+IF('Standard Profiles'!$G$21=$B$24,21,0),0)),0)</f>
        <v>0</v>
      </c>
      <c r="H4458" cm="1">
        <f t="array" ref="H4458">IFERROR(INDEX(Jesper!AL$2:AL$366,ROUNDDOWN($C4458/24,0)+1,1)*INDEX($D$3:$AA$30,INDEX(Jesper!$R$2:$R$366,ROW(INDEX(Jesper!AL$2:AL$366,ROUNDDOWN($C4458/24,0)+1,1))-1)+IF('Standard Profiles'!$G$22=$B$10,7,0)+IF('Standard Profiles'!$G$22=$B$17,14,0)+IF('Standard Profiles'!$G$22=$B$24,21,0),MOD($C4458,24)+1)/SUM(INDEX($D$3:$AA$30,INDEX(Jesper!$R$2:$R$366,ROW(INDEX(Jesper!AL$2:AL$366,ROUNDDOWN($C4458/24,0)+1,1))-1)+IF('Standard Profiles'!$G$22=$B$10,7,0)+IF('Standard Profiles'!$G$22=$B$17,14,0)+IF('Standard Profiles'!$G$22=$B$24,21,0),0)),0)</f>
        <v>0</v>
      </c>
      <c r="I4458">
        <f t="shared" si="503"/>
        <v>0.31541686393517798</v>
      </c>
      <c r="J4458">
        <f t="shared" si="504"/>
        <v>1.0513895464505933</v>
      </c>
      <c r="K4458">
        <f t="shared" si="505"/>
        <v>1.5770843196758901</v>
      </c>
      <c r="L4458">
        <f t="shared" si="506"/>
        <v>7.5700047344442725</v>
      </c>
      <c r="M4458">
        <f t="shared" si="507"/>
        <v>0</v>
      </c>
      <c r="N4458" s="46">
        <f t="shared" si="508"/>
        <v>45476.333333322604</v>
      </c>
    </row>
    <row r="4459" spans="2:14" x14ac:dyDescent="0.3">
      <c r="B4459">
        <f t="shared" si="502"/>
        <v>3</v>
      </c>
      <c r="C4459" s="16">
        <v>4425</v>
      </c>
      <c r="D4459" cm="1">
        <f t="array" ref="D4459">IFERROR(INDEX(Jesper!AH$2:AH$366,ROUNDDOWN($C4459/24,0)+1,1)*INDEX($D$3:$AA$30,INDEX(Jesper!$R$2:$R$366,ROW(INDEX(Jesper!AH$2:AH$366,ROUNDDOWN($C4459/24,0)+1,1))-1)+IF('Standard Profiles'!$G$18=$B$10,7,0)+IF('Standard Profiles'!$G$18=$B$17,14,0)+IF('Standard Profiles'!$G$18=$B$24,21,0),MOD($C4459,24)+1)/SUM(INDEX($D$3:$AA$30,INDEX(Jesper!$R$2:$R$366,ROW(INDEX(Jesper!AH$2:AH$366,ROUNDDOWN($C4459/24,0)+1,1))-1)+IF('Standard Profiles'!$G$18=$B$10,7,0)+IF('Standard Profiles'!$G$18=$B$17,14,0)+IF('Standard Profiles'!$G$18=$B$24,21,0),0)),0)</f>
        <v>11.2985145290213</v>
      </c>
      <c r="E4459" cm="1">
        <f t="array" ref="E4459">IFERROR(INDEX(Jesper!AI$2:AI$366,ROUNDDOWN($C4459/24,0)+1,1)*INDEX($D$3:$AA$30,INDEX(Jesper!$R$2:$R$366,ROW(INDEX(Jesper!AI$2:AI$366,ROUNDDOWN($C4459/24,0)+1,1))-1)+IF('Standard Profiles'!$G$19=$B$10,7,0)+IF('Standard Profiles'!$G$19=$B$17,14,0)+IF('Standard Profiles'!$G$19=$B$24,21,0),MOD($C4459,24)+1)/SUM(INDEX($D$3:$AA$30,INDEX(Jesper!$R$2:$R$366,ROW(INDEX(Jesper!AI$2:AI$366,ROUNDDOWN($C4459/24,0)+1,1))-1)+IF('Standard Profiles'!$G$19=$B$10,7,0)+IF('Standard Profiles'!$G$19=$B$17,14,0)+IF('Standard Profiles'!$G$19=$B$24,21,0),0)),0)</f>
        <v>0</v>
      </c>
      <c r="F4459" cm="1">
        <f t="array" ref="F4459">IFERROR(INDEX(Jesper!AJ$2:AJ$366,ROUNDDOWN($C4459/24,0)+1,1)*INDEX($D$3:$AA$30,INDEX(Jesper!$R$2:$R$366,ROW(INDEX(Jesper!AJ$2:AJ$366,ROUNDDOWN($C4459/24,0)+1,1))-1)+IF('Standard Profiles'!$G$20=$B$10,7,0)+IF('Standard Profiles'!$G$20=$B$17,14,0)+IF('Standard Profiles'!$G$20=$B$24,21,0),MOD($C4459,24)+1)/SUM(INDEX($D$3:$AA$30,INDEX(Jesper!$R$2:$R$366,ROW(INDEX(Jesper!AJ$2:AJ$366,ROUNDDOWN($C4459/24,0)+1,1))-1)+IF('Standard Profiles'!$G$20=$B$10,7,0)+IF('Standard Profiles'!$G$20=$B$17,14,0)+IF('Standard Profiles'!$G$20=$B$24,21,0),0)),0)</f>
        <v>0</v>
      </c>
      <c r="G4459" cm="1">
        <f t="array" ref="G4459">IFERROR(INDEX(Jesper!AK$2:AK$366,ROUNDDOWN($C4459/24,0)+1,1)*INDEX($D$3:$AA$30,INDEX(Jesper!$R$2:$R$366,ROW(INDEX(Jesper!AK$2:AK$366,ROUNDDOWN($C4459/24,0)+1,1))-1)+IF('Standard Profiles'!$G$21=$B$10,7,0)+IF('Standard Profiles'!$G$21=$B$17,14,0)+IF('Standard Profiles'!$G$21=$B$24,21,0),MOD($C4459,24)+1)/SUM(INDEX($D$3:$AA$30,INDEX(Jesper!$R$2:$R$366,ROW(INDEX(Jesper!AK$2:AK$366,ROUNDDOWN($C4459/24,0)+1,1))-1)+IF('Standard Profiles'!$G$21=$B$10,7,0)+IF('Standard Profiles'!$G$21=$B$17,14,0)+IF('Standard Profiles'!$G$21=$B$24,21,0),0)),0)</f>
        <v>0</v>
      </c>
      <c r="H4459" cm="1">
        <f t="array" ref="H4459">IFERROR(INDEX(Jesper!AL$2:AL$366,ROUNDDOWN($C4459/24,0)+1,1)*INDEX($D$3:$AA$30,INDEX(Jesper!$R$2:$R$366,ROW(INDEX(Jesper!AL$2:AL$366,ROUNDDOWN($C4459/24,0)+1,1))-1)+IF('Standard Profiles'!$G$22=$B$10,7,0)+IF('Standard Profiles'!$G$22=$B$17,14,0)+IF('Standard Profiles'!$G$22=$B$24,21,0),MOD($C4459,24)+1)/SUM(INDEX($D$3:$AA$30,INDEX(Jesper!$R$2:$R$366,ROW(INDEX(Jesper!AL$2:AL$366,ROUNDDOWN($C4459/24,0)+1,1))-1)+IF('Standard Profiles'!$G$22=$B$10,7,0)+IF('Standard Profiles'!$G$22=$B$17,14,0)+IF('Standard Profiles'!$G$22=$B$24,21,0),0)),0)</f>
        <v>0</v>
      </c>
      <c r="I4459">
        <f t="shared" si="503"/>
        <v>0.33895543587063898</v>
      </c>
      <c r="J4459">
        <f t="shared" si="504"/>
        <v>1.1298514529021302</v>
      </c>
      <c r="K4459">
        <f t="shared" si="505"/>
        <v>1.6947771793531949</v>
      </c>
      <c r="L4459">
        <f t="shared" si="506"/>
        <v>8.1349304608953368</v>
      </c>
      <c r="M4459">
        <f t="shared" si="507"/>
        <v>0</v>
      </c>
      <c r="N4459" s="46">
        <f t="shared" si="508"/>
        <v>45476.374999989268</v>
      </c>
    </row>
    <row r="4460" spans="2:14" x14ac:dyDescent="0.3">
      <c r="B4460">
        <f t="shared" si="502"/>
        <v>3</v>
      </c>
      <c r="C4460" s="16">
        <v>4426</v>
      </c>
      <c r="D4460" cm="1">
        <f t="array" ref="D4460">IFERROR(INDEX(Jesper!AH$2:AH$366,ROUNDDOWN($C4460/24,0)+1,1)*INDEX($D$3:$AA$30,INDEX(Jesper!$R$2:$R$366,ROW(INDEX(Jesper!AH$2:AH$366,ROUNDDOWN($C4460/24,0)+1,1))-1)+IF('Standard Profiles'!$G$18=$B$10,7,0)+IF('Standard Profiles'!$G$18=$B$17,14,0)+IF('Standard Profiles'!$G$18=$B$24,21,0),MOD($C4460,24)+1)/SUM(INDEX($D$3:$AA$30,INDEX(Jesper!$R$2:$R$366,ROW(INDEX(Jesper!AH$2:AH$366,ROUNDDOWN($C4460/24,0)+1,1))-1)+IF('Standard Profiles'!$G$18=$B$10,7,0)+IF('Standard Profiles'!$G$18=$B$17,14,0)+IF('Standard Profiles'!$G$18=$B$24,21,0),0)),0)</f>
        <v>12.240057406439742</v>
      </c>
      <c r="E4460" cm="1">
        <f t="array" ref="E4460">IFERROR(INDEX(Jesper!AI$2:AI$366,ROUNDDOWN($C4460/24,0)+1,1)*INDEX($D$3:$AA$30,INDEX(Jesper!$R$2:$R$366,ROW(INDEX(Jesper!AI$2:AI$366,ROUNDDOWN($C4460/24,0)+1,1))-1)+IF('Standard Profiles'!$G$19=$B$10,7,0)+IF('Standard Profiles'!$G$19=$B$17,14,0)+IF('Standard Profiles'!$G$19=$B$24,21,0),MOD($C4460,24)+1)/SUM(INDEX($D$3:$AA$30,INDEX(Jesper!$R$2:$R$366,ROW(INDEX(Jesper!AI$2:AI$366,ROUNDDOWN($C4460/24,0)+1,1))-1)+IF('Standard Profiles'!$G$19=$B$10,7,0)+IF('Standard Profiles'!$G$19=$B$17,14,0)+IF('Standard Profiles'!$G$19=$B$24,21,0),0)),0)</f>
        <v>0</v>
      </c>
      <c r="F4460" cm="1">
        <f t="array" ref="F4460">IFERROR(INDEX(Jesper!AJ$2:AJ$366,ROUNDDOWN($C4460/24,0)+1,1)*INDEX($D$3:$AA$30,INDEX(Jesper!$R$2:$R$366,ROW(INDEX(Jesper!AJ$2:AJ$366,ROUNDDOWN($C4460/24,0)+1,1))-1)+IF('Standard Profiles'!$G$20=$B$10,7,0)+IF('Standard Profiles'!$G$20=$B$17,14,0)+IF('Standard Profiles'!$G$20=$B$24,21,0),MOD($C4460,24)+1)/SUM(INDEX($D$3:$AA$30,INDEX(Jesper!$R$2:$R$366,ROW(INDEX(Jesper!AJ$2:AJ$366,ROUNDDOWN($C4460/24,0)+1,1))-1)+IF('Standard Profiles'!$G$20=$B$10,7,0)+IF('Standard Profiles'!$G$20=$B$17,14,0)+IF('Standard Profiles'!$G$20=$B$24,21,0),0)),0)</f>
        <v>0</v>
      </c>
      <c r="G4460" cm="1">
        <f t="array" ref="G4460">IFERROR(INDEX(Jesper!AK$2:AK$366,ROUNDDOWN($C4460/24,0)+1,1)*INDEX($D$3:$AA$30,INDEX(Jesper!$R$2:$R$366,ROW(INDEX(Jesper!AK$2:AK$366,ROUNDDOWN($C4460/24,0)+1,1))-1)+IF('Standard Profiles'!$G$21=$B$10,7,0)+IF('Standard Profiles'!$G$21=$B$17,14,0)+IF('Standard Profiles'!$G$21=$B$24,21,0),MOD($C4460,24)+1)/SUM(INDEX($D$3:$AA$30,INDEX(Jesper!$R$2:$R$366,ROW(INDEX(Jesper!AK$2:AK$366,ROUNDDOWN($C4460/24,0)+1,1))-1)+IF('Standard Profiles'!$G$21=$B$10,7,0)+IF('Standard Profiles'!$G$21=$B$17,14,0)+IF('Standard Profiles'!$G$21=$B$24,21,0),0)),0)</f>
        <v>0</v>
      </c>
      <c r="H4460" cm="1">
        <f t="array" ref="H4460">IFERROR(INDEX(Jesper!AL$2:AL$366,ROUNDDOWN($C4460/24,0)+1,1)*INDEX($D$3:$AA$30,INDEX(Jesper!$R$2:$R$366,ROW(INDEX(Jesper!AL$2:AL$366,ROUNDDOWN($C4460/24,0)+1,1))-1)+IF('Standard Profiles'!$G$22=$B$10,7,0)+IF('Standard Profiles'!$G$22=$B$17,14,0)+IF('Standard Profiles'!$G$22=$B$24,21,0),MOD($C4460,24)+1)/SUM(INDEX($D$3:$AA$30,INDEX(Jesper!$R$2:$R$366,ROW(INDEX(Jesper!AL$2:AL$366,ROUNDDOWN($C4460/24,0)+1,1))-1)+IF('Standard Profiles'!$G$22=$B$10,7,0)+IF('Standard Profiles'!$G$22=$B$17,14,0)+IF('Standard Profiles'!$G$22=$B$24,21,0),0)),0)</f>
        <v>0</v>
      </c>
      <c r="I4460">
        <f t="shared" si="503"/>
        <v>0.36720172219319225</v>
      </c>
      <c r="J4460">
        <f t="shared" si="504"/>
        <v>1.2240057406439744</v>
      </c>
      <c r="K4460">
        <f t="shared" si="505"/>
        <v>1.8360086109659612</v>
      </c>
      <c r="L4460">
        <f t="shared" si="506"/>
        <v>8.812841332636614</v>
      </c>
      <c r="M4460">
        <f t="shared" si="507"/>
        <v>0</v>
      </c>
      <c r="N4460" s="46">
        <f t="shared" si="508"/>
        <v>45476.416666655932</v>
      </c>
    </row>
    <row r="4461" spans="2:14" x14ac:dyDescent="0.3">
      <c r="B4461">
        <f t="shared" si="502"/>
        <v>3</v>
      </c>
      <c r="C4461" s="16">
        <v>4427</v>
      </c>
      <c r="D4461" cm="1">
        <f t="array" ref="D4461">IFERROR(INDEX(Jesper!AH$2:AH$366,ROUNDDOWN($C4461/24,0)+1,1)*INDEX($D$3:$AA$30,INDEX(Jesper!$R$2:$R$366,ROW(INDEX(Jesper!AH$2:AH$366,ROUNDDOWN($C4461/24,0)+1,1))-1)+IF('Standard Profiles'!$G$18=$B$10,7,0)+IF('Standard Profiles'!$G$18=$B$17,14,0)+IF('Standard Profiles'!$G$18=$B$24,21,0),MOD($C4461,24)+1)/SUM(INDEX($D$3:$AA$30,INDEX(Jesper!$R$2:$R$366,ROW(INDEX(Jesper!AH$2:AH$366,ROUNDDOWN($C4461/24,0)+1,1))-1)+IF('Standard Profiles'!$G$18=$B$10,7,0)+IF('Standard Profiles'!$G$18=$B$17,14,0)+IF('Standard Profiles'!$G$18=$B$24,21,0),0)),0)</f>
        <v>14.123143161276625</v>
      </c>
      <c r="E4461" cm="1">
        <f t="array" ref="E4461">IFERROR(INDEX(Jesper!AI$2:AI$366,ROUNDDOWN($C4461/24,0)+1,1)*INDEX($D$3:$AA$30,INDEX(Jesper!$R$2:$R$366,ROW(INDEX(Jesper!AI$2:AI$366,ROUNDDOWN($C4461/24,0)+1,1))-1)+IF('Standard Profiles'!$G$19=$B$10,7,0)+IF('Standard Profiles'!$G$19=$B$17,14,0)+IF('Standard Profiles'!$G$19=$B$24,21,0),MOD($C4461,24)+1)/SUM(INDEX($D$3:$AA$30,INDEX(Jesper!$R$2:$R$366,ROW(INDEX(Jesper!AI$2:AI$366,ROUNDDOWN($C4461/24,0)+1,1))-1)+IF('Standard Profiles'!$G$19=$B$10,7,0)+IF('Standard Profiles'!$G$19=$B$17,14,0)+IF('Standard Profiles'!$G$19=$B$24,21,0),0)),0)</f>
        <v>0</v>
      </c>
      <c r="F4461" cm="1">
        <f t="array" ref="F4461">IFERROR(INDEX(Jesper!AJ$2:AJ$366,ROUNDDOWN($C4461/24,0)+1,1)*INDEX($D$3:$AA$30,INDEX(Jesper!$R$2:$R$366,ROW(INDEX(Jesper!AJ$2:AJ$366,ROUNDDOWN($C4461/24,0)+1,1))-1)+IF('Standard Profiles'!$G$20=$B$10,7,0)+IF('Standard Profiles'!$G$20=$B$17,14,0)+IF('Standard Profiles'!$G$20=$B$24,21,0),MOD($C4461,24)+1)/SUM(INDEX($D$3:$AA$30,INDEX(Jesper!$R$2:$R$366,ROW(INDEX(Jesper!AJ$2:AJ$366,ROUNDDOWN($C4461/24,0)+1,1))-1)+IF('Standard Profiles'!$G$20=$B$10,7,0)+IF('Standard Profiles'!$G$20=$B$17,14,0)+IF('Standard Profiles'!$G$20=$B$24,21,0),0)),0)</f>
        <v>0</v>
      </c>
      <c r="G4461" cm="1">
        <f t="array" ref="G4461">IFERROR(INDEX(Jesper!AK$2:AK$366,ROUNDDOWN($C4461/24,0)+1,1)*INDEX($D$3:$AA$30,INDEX(Jesper!$R$2:$R$366,ROW(INDEX(Jesper!AK$2:AK$366,ROUNDDOWN($C4461/24,0)+1,1))-1)+IF('Standard Profiles'!$G$21=$B$10,7,0)+IF('Standard Profiles'!$G$21=$B$17,14,0)+IF('Standard Profiles'!$G$21=$B$24,21,0),MOD($C4461,24)+1)/SUM(INDEX($D$3:$AA$30,INDEX(Jesper!$R$2:$R$366,ROW(INDEX(Jesper!AK$2:AK$366,ROUNDDOWN($C4461/24,0)+1,1))-1)+IF('Standard Profiles'!$G$21=$B$10,7,0)+IF('Standard Profiles'!$G$21=$B$17,14,0)+IF('Standard Profiles'!$G$21=$B$24,21,0),0)),0)</f>
        <v>0</v>
      </c>
      <c r="H4461" cm="1">
        <f t="array" ref="H4461">IFERROR(INDEX(Jesper!AL$2:AL$366,ROUNDDOWN($C4461/24,0)+1,1)*INDEX($D$3:$AA$30,INDEX(Jesper!$R$2:$R$366,ROW(INDEX(Jesper!AL$2:AL$366,ROUNDDOWN($C4461/24,0)+1,1))-1)+IF('Standard Profiles'!$G$22=$B$10,7,0)+IF('Standard Profiles'!$G$22=$B$17,14,0)+IF('Standard Profiles'!$G$22=$B$24,21,0),MOD($C4461,24)+1)/SUM(INDEX($D$3:$AA$30,INDEX(Jesper!$R$2:$R$366,ROW(INDEX(Jesper!AL$2:AL$366,ROUNDDOWN($C4461/24,0)+1,1))-1)+IF('Standard Profiles'!$G$22=$B$10,7,0)+IF('Standard Profiles'!$G$22=$B$17,14,0)+IF('Standard Profiles'!$G$22=$B$24,21,0),0)),0)</f>
        <v>0</v>
      </c>
      <c r="I4461">
        <f t="shared" si="503"/>
        <v>0.42369429483829874</v>
      </c>
      <c r="J4461">
        <f t="shared" si="504"/>
        <v>1.4123143161276626</v>
      </c>
      <c r="K4461">
        <f t="shared" si="505"/>
        <v>2.1184714741914936</v>
      </c>
      <c r="L4461">
        <f t="shared" si="506"/>
        <v>10.16866307611917</v>
      </c>
      <c r="M4461">
        <f t="shared" si="507"/>
        <v>0</v>
      </c>
      <c r="N4461" s="46">
        <f t="shared" si="508"/>
        <v>45476.458333322596</v>
      </c>
    </row>
    <row r="4462" spans="2:14" x14ac:dyDescent="0.3">
      <c r="B4462">
        <f t="shared" si="502"/>
        <v>3</v>
      </c>
      <c r="C4462" s="16">
        <v>4428</v>
      </c>
      <c r="D4462" cm="1">
        <f t="array" ref="D4462">IFERROR(INDEX(Jesper!AH$2:AH$366,ROUNDDOWN($C4462/24,0)+1,1)*INDEX($D$3:$AA$30,INDEX(Jesper!$R$2:$R$366,ROW(INDEX(Jesper!AH$2:AH$366,ROUNDDOWN($C4462/24,0)+1,1))-1)+IF('Standard Profiles'!$G$18=$B$10,7,0)+IF('Standard Profiles'!$G$18=$B$17,14,0)+IF('Standard Profiles'!$G$18=$B$24,21,0),MOD($C4462,24)+1)/SUM(INDEX($D$3:$AA$30,INDEX(Jesper!$R$2:$R$366,ROW(INDEX(Jesper!AH$2:AH$366,ROUNDDOWN($C4462/24,0)+1,1))-1)+IF('Standard Profiles'!$G$18=$B$10,7,0)+IF('Standard Profiles'!$G$18=$B$17,14,0)+IF('Standard Profiles'!$G$18=$B$24,21,0),0)),0)</f>
        <v>14.123143161276625</v>
      </c>
      <c r="E4462" cm="1">
        <f t="array" ref="E4462">IFERROR(INDEX(Jesper!AI$2:AI$366,ROUNDDOWN($C4462/24,0)+1,1)*INDEX($D$3:$AA$30,INDEX(Jesper!$R$2:$R$366,ROW(INDEX(Jesper!AI$2:AI$366,ROUNDDOWN($C4462/24,0)+1,1))-1)+IF('Standard Profiles'!$G$19=$B$10,7,0)+IF('Standard Profiles'!$G$19=$B$17,14,0)+IF('Standard Profiles'!$G$19=$B$24,21,0),MOD($C4462,24)+1)/SUM(INDEX($D$3:$AA$30,INDEX(Jesper!$R$2:$R$366,ROW(INDEX(Jesper!AI$2:AI$366,ROUNDDOWN($C4462/24,0)+1,1))-1)+IF('Standard Profiles'!$G$19=$B$10,7,0)+IF('Standard Profiles'!$G$19=$B$17,14,0)+IF('Standard Profiles'!$G$19=$B$24,21,0),0)),0)</f>
        <v>0</v>
      </c>
      <c r="F4462" cm="1">
        <f t="array" ref="F4462">IFERROR(INDEX(Jesper!AJ$2:AJ$366,ROUNDDOWN($C4462/24,0)+1,1)*INDEX($D$3:$AA$30,INDEX(Jesper!$R$2:$R$366,ROW(INDEX(Jesper!AJ$2:AJ$366,ROUNDDOWN($C4462/24,0)+1,1))-1)+IF('Standard Profiles'!$G$20=$B$10,7,0)+IF('Standard Profiles'!$G$20=$B$17,14,0)+IF('Standard Profiles'!$G$20=$B$24,21,0),MOD($C4462,24)+1)/SUM(INDEX($D$3:$AA$30,INDEX(Jesper!$R$2:$R$366,ROW(INDEX(Jesper!AJ$2:AJ$366,ROUNDDOWN($C4462/24,0)+1,1))-1)+IF('Standard Profiles'!$G$20=$B$10,7,0)+IF('Standard Profiles'!$G$20=$B$17,14,0)+IF('Standard Profiles'!$G$20=$B$24,21,0),0)),0)</f>
        <v>0</v>
      </c>
      <c r="G4462" cm="1">
        <f t="array" ref="G4462">IFERROR(INDEX(Jesper!AK$2:AK$366,ROUNDDOWN($C4462/24,0)+1,1)*INDEX($D$3:$AA$30,INDEX(Jesper!$R$2:$R$366,ROW(INDEX(Jesper!AK$2:AK$366,ROUNDDOWN($C4462/24,0)+1,1))-1)+IF('Standard Profiles'!$G$21=$B$10,7,0)+IF('Standard Profiles'!$G$21=$B$17,14,0)+IF('Standard Profiles'!$G$21=$B$24,21,0),MOD($C4462,24)+1)/SUM(INDEX($D$3:$AA$30,INDEX(Jesper!$R$2:$R$366,ROW(INDEX(Jesper!AK$2:AK$366,ROUNDDOWN($C4462/24,0)+1,1))-1)+IF('Standard Profiles'!$G$21=$B$10,7,0)+IF('Standard Profiles'!$G$21=$B$17,14,0)+IF('Standard Profiles'!$G$21=$B$24,21,0),0)),0)</f>
        <v>0</v>
      </c>
      <c r="H4462" cm="1">
        <f t="array" ref="H4462">IFERROR(INDEX(Jesper!AL$2:AL$366,ROUNDDOWN($C4462/24,0)+1,1)*INDEX($D$3:$AA$30,INDEX(Jesper!$R$2:$R$366,ROW(INDEX(Jesper!AL$2:AL$366,ROUNDDOWN($C4462/24,0)+1,1))-1)+IF('Standard Profiles'!$G$22=$B$10,7,0)+IF('Standard Profiles'!$G$22=$B$17,14,0)+IF('Standard Profiles'!$G$22=$B$24,21,0),MOD($C4462,24)+1)/SUM(INDEX($D$3:$AA$30,INDEX(Jesper!$R$2:$R$366,ROW(INDEX(Jesper!AL$2:AL$366,ROUNDDOWN($C4462/24,0)+1,1))-1)+IF('Standard Profiles'!$G$22=$B$10,7,0)+IF('Standard Profiles'!$G$22=$B$17,14,0)+IF('Standard Profiles'!$G$22=$B$24,21,0),0)),0)</f>
        <v>0</v>
      </c>
      <c r="I4462">
        <f t="shared" si="503"/>
        <v>0.42369429483829874</v>
      </c>
      <c r="J4462">
        <f t="shared" si="504"/>
        <v>1.4123143161276626</v>
      </c>
      <c r="K4462">
        <f t="shared" si="505"/>
        <v>2.1184714741914936</v>
      </c>
      <c r="L4462">
        <f t="shared" si="506"/>
        <v>10.16866307611917</v>
      </c>
      <c r="M4462">
        <f t="shared" si="507"/>
        <v>0</v>
      </c>
      <c r="N4462" s="46">
        <f t="shared" si="508"/>
        <v>45476.499999989261</v>
      </c>
    </row>
    <row r="4463" spans="2:14" x14ac:dyDescent="0.3">
      <c r="B4463">
        <f t="shared" si="502"/>
        <v>3</v>
      </c>
      <c r="C4463" s="16">
        <v>4429</v>
      </c>
      <c r="D4463" cm="1">
        <f t="array" ref="D4463">IFERROR(INDEX(Jesper!AH$2:AH$366,ROUNDDOWN($C4463/24,0)+1,1)*INDEX($D$3:$AA$30,INDEX(Jesper!$R$2:$R$366,ROW(INDEX(Jesper!AH$2:AH$366,ROUNDDOWN($C4463/24,0)+1,1))-1)+IF('Standard Profiles'!$G$18=$B$10,7,0)+IF('Standard Profiles'!$G$18=$B$17,14,0)+IF('Standard Profiles'!$G$18=$B$24,21,0),MOD($C4463,24)+1)/SUM(INDEX($D$3:$AA$30,INDEX(Jesper!$R$2:$R$366,ROW(INDEX(Jesper!AH$2:AH$366,ROUNDDOWN($C4463/24,0)+1,1))-1)+IF('Standard Profiles'!$G$18=$B$10,7,0)+IF('Standard Profiles'!$G$18=$B$17,14,0)+IF('Standard Profiles'!$G$18=$B$24,21,0),0)),0)</f>
        <v>14.123143161276625</v>
      </c>
      <c r="E4463" cm="1">
        <f t="array" ref="E4463">IFERROR(INDEX(Jesper!AI$2:AI$366,ROUNDDOWN($C4463/24,0)+1,1)*INDEX($D$3:$AA$30,INDEX(Jesper!$R$2:$R$366,ROW(INDEX(Jesper!AI$2:AI$366,ROUNDDOWN($C4463/24,0)+1,1))-1)+IF('Standard Profiles'!$G$19=$B$10,7,0)+IF('Standard Profiles'!$G$19=$B$17,14,0)+IF('Standard Profiles'!$G$19=$B$24,21,0),MOD($C4463,24)+1)/SUM(INDEX($D$3:$AA$30,INDEX(Jesper!$R$2:$R$366,ROW(INDEX(Jesper!AI$2:AI$366,ROUNDDOWN($C4463/24,0)+1,1))-1)+IF('Standard Profiles'!$G$19=$B$10,7,0)+IF('Standard Profiles'!$G$19=$B$17,14,0)+IF('Standard Profiles'!$G$19=$B$24,21,0),0)),0)</f>
        <v>0</v>
      </c>
      <c r="F4463" cm="1">
        <f t="array" ref="F4463">IFERROR(INDEX(Jesper!AJ$2:AJ$366,ROUNDDOWN($C4463/24,0)+1,1)*INDEX($D$3:$AA$30,INDEX(Jesper!$R$2:$R$366,ROW(INDEX(Jesper!AJ$2:AJ$366,ROUNDDOWN($C4463/24,0)+1,1))-1)+IF('Standard Profiles'!$G$20=$B$10,7,0)+IF('Standard Profiles'!$G$20=$B$17,14,0)+IF('Standard Profiles'!$G$20=$B$24,21,0),MOD($C4463,24)+1)/SUM(INDEX($D$3:$AA$30,INDEX(Jesper!$R$2:$R$366,ROW(INDEX(Jesper!AJ$2:AJ$366,ROUNDDOWN($C4463/24,0)+1,1))-1)+IF('Standard Profiles'!$G$20=$B$10,7,0)+IF('Standard Profiles'!$G$20=$B$17,14,0)+IF('Standard Profiles'!$G$20=$B$24,21,0),0)),0)</f>
        <v>0</v>
      </c>
      <c r="G4463" cm="1">
        <f t="array" ref="G4463">IFERROR(INDEX(Jesper!AK$2:AK$366,ROUNDDOWN($C4463/24,0)+1,1)*INDEX($D$3:$AA$30,INDEX(Jesper!$R$2:$R$366,ROW(INDEX(Jesper!AK$2:AK$366,ROUNDDOWN($C4463/24,0)+1,1))-1)+IF('Standard Profiles'!$G$21=$B$10,7,0)+IF('Standard Profiles'!$G$21=$B$17,14,0)+IF('Standard Profiles'!$G$21=$B$24,21,0),MOD($C4463,24)+1)/SUM(INDEX($D$3:$AA$30,INDEX(Jesper!$R$2:$R$366,ROW(INDEX(Jesper!AK$2:AK$366,ROUNDDOWN($C4463/24,0)+1,1))-1)+IF('Standard Profiles'!$G$21=$B$10,7,0)+IF('Standard Profiles'!$G$21=$B$17,14,0)+IF('Standard Profiles'!$G$21=$B$24,21,0),0)),0)</f>
        <v>0</v>
      </c>
      <c r="H4463" cm="1">
        <f t="array" ref="H4463">IFERROR(INDEX(Jesper!AL$2:AL$366,ROUNDDOWN($C4463/24,0)+1,1)*INDEX($D$3:$AA$30,INDEX(Jesper!$R$2:$R$366,ROW(INDEX(Jesper!AL$2:AL$366,ROUNDDOWN($C4463/24,0)+1,1))-1)+IF('Standard Profiles'!$G$22=$B$10,7,0)+IF('Standard Profiles'!$G$22=$B$17,14,0)+IF('Standard Profiles'!$G$22=$B$24,21,0),MOD($C4463,24)+1)/SUM(INDEX($D$3:$AA$30,INDEX(Jesper!$R$2:$R$366,ROW(INDEX(Jesper!AL$2:AL$366,ROUNDDOWN($C4463/24,0)+1,1))-1)+IF('Standard Profiles'!$G$22=$B$10,7,0)+IF('Standard Profiles'!$G$22=$B$17,14,0)+IF('Standard Profiles'!$G$22=$B$24,21,0),0)),0)</f>
        <v>0</v>
      </c>
      <c r="I4463">
        <f t="shared" si="503"/>
        <v>0.42369429483829874</v>
      </c>
      <c r="J4463">
        <f t="shared" si="504"/>
        <v>1.4123143161276626</v>
      </c>
      <c r="K4463">
        <f t="shared" si="505"/>
        <v>2.1184714741914936</v>
      </c>
      <c r="L4463">
        <f t="shared" si="506"/>
        <v>10.16866307611917</v>
      </c>
      <c r="M4463">
        <f t="shared" si="507"/>
        <v>0</v>
      </c>
      <c r="N4463" s="46">
        <f t="shared" si="508"/>
        <v>45476.541666655925</v>
      </c>
    </row>
    <row r="4464" spans="2:14" x14ac:dyDescent="0.3">
      <c r="B4464">
        <f t="shared" si="502"/>
        <v>3</v>
      </c>
      <c r="C4464" s="16">
        <v>4430</v>
      </c>
      <c r="D4464" cm="1">
        <f t="array" ref="D4464">IFERROR(INDEX(Jesper!AH$2:AH$366,ROUNDDOWN($C4464/24,0)+1,1)*INDEX($D$3:$AA$30,INDEX(Jesper!$R$2:$R$366,ROW(INDEX(Jesper!AH$2:AH$366,ROUNDDOWN($C4464/24,0)+1,1))-1)+IF('Standard Profiles'!$G$18=$B$10,7,0)+IF('Standard Profiles'!$G$18=$B$17,14,0)+IF('Standard Profiles'!$G$18=$B$24,21,0),MOD($C4464,24)+1)/SUM(INDEX($D$3:$AA$30,INDEX(Jesper!$R$2:$R$366,ROW(INDEX(Jesper!AH$2:AH$366,ROUNDDOWN($C4464/24,0)+1,1))-1)+IF('Standard Profiles'!$G$18=$B$10,7,0)+IF('Standard Profiles'!$G$18=$B$17,14,0)+IF('Standard Profiles'!$G$18=$B$24,21,0),0)),0)</f>
        <v>14.123143161276625</v>
      </c>
      <c r="E4464" cm="1">
        <f t="array" ref="E4464">IFERROR(INDEX(Jesper!AI$2:AI$366,ROUNDDOWN($C4464/24,0)+1,1)*INDEX($D$3:$AA$30,INDEX(Jesper!$R$2:$R$366,ROW(INDEX(Jesper!AI$2:AI$366,ROUNDDOWN($C4464/24,0)+1,1))-1)+IF('Standard Profiles'!$G$19=$B$10,7,0)+IF('Standard Profiles'!$G$19=$B$17,14,0)+IF('Standard Profiles'!$G$19=$B$24,21,0),MOD($C4464,24)+1)/SUM(INDEX($D$3:$AA$30,INDEX(Jesper!$R$2:$R$366,ROW(INDEX(Jesper!AI$2:AI$366,ROUNDDOWN($C4464/24,0)+1,1))-1)+IF('Standard Profiles'!$G$19=$B$10,7,0)+IF('Standard Profiles'!$G$19=$B$17,14,0)+IF('Standard Profiles'!$G$19=$B$24,21,0),0)),0)</f>
        <v>0</v>
      </c>
      <c r="F4464" cm="1">
        <f t="array" ref="F4464">IFERROR(INDEX(Jesper!AJ$2:AJ$366,ROUNDDOWN($C4464/24,0)+1,1)*INDEX($D$3:$AA$30,INDEX(Jesper!$R$2:$R$366,ROW(INDEX(Jesper!AJ$2:AJ$366,ROUNDDOWN($C4464/24,0)+1,1))-1)+IF('Standard Profiles'!$G$20=$B$10,7,0)+IF('Standard Profiles'!$G$20=$B$17,14,0)+IF('Standard Profiles'!$G$20=$B$24,21,0),MOD($C4464,24)+1)/SUM(INDEX($D$3:$AA$30,INDEX(Jesper!$R$2:$R$366,ROW(INDEX(Jesper!AJ$2:AJ$366,ROUNDDOWN($C4464/24,0)+1,1))-1)+IF('Standard Profiles'!$G$20=$B$10,7,0)+IF('Standard Profiles'!$G$20=$B$17,14,0)+IF('Standard Profiles'!$G$20=$B$24,21,0),0)),0)</f>
        <v>0</v>
      </c>
      <c r="G4464" cm="1">
        <f t="array" ref="G4464">IFERROR(INDEX(Jesper!AK$2:AK$366,ROUNDDOWN($C4464/24,0)+1,1)*INDEX($D$3:$AA$30,INDEX(Jesper!$R$2:$R$366,ROW(INDEX(Jesper!AK$2:AK$366,ROUNDDOWN($C4464/24,0)+1,1))-1)+IF('Standard Profiles'!$G$21=$B$10,7,0)+IF('Standard Profiles'!$G$21=$B$17,14,0)+IF('Standard Profiles'!$G$21=$B$24,21,0),MOD($C4464,24)+1)/SUM(INDEX($D$3:$AA$30,INDEX(Jesper!$R$2:$R$366,ROW(INDEX(Jesper!AK$2:AK$366,ROUNDDOWN($C4464/24,0)+1,1))-1)+IF('Standard Profiles'!$G$21=$B$10,7,0)+IF('Standard Profiles'!$G$21=$B$17,14,0)+IF('Standard Profiles'!$G$21=$B$24,21,0),0)),0)</f>
        <v>0</v>
      </c>
      <c r="H4464" cm="1">
        <f t="array" ref="H4464">IFERROR(INDEX(Jesper!AL$2:AL$366,ROUNDDOWN($C4464/24,0)+1,1)*INDEX($D$3:$AA$30,INDEX(Jesper!$R$2:$R$366,ROW(INDEX(Jesper!AL$2:AL$366,ROUNDDOWN($C4464/24,0)+1,1))-1)+IF('Standard Profiles'!$G$22=$B$10,7,0)+IF('Standard Profiles'!$G$22=$B$17,14,0)+IF('Standard Profiles'!$G$22=$B$24,21,0),MOD($C4464,24)+1)/SUM(INDEX($D$3:$AA$30,INDEX(Jesper!$R$2:$R$366,ROW(INDEX(Jesper!AL$2:AL$366,ROUNDDOWN($C4464/24,0)+1,1))-1)+IF('Standard Profiles'!$G$22=$B$10,7,0)+IF('Standard Profiles'!$G$22=$B$17,14,0)+IF('Standard Profiles'!$G$22=$B$24,21,0),0)),0)</f>
        <v>0</v>
      </c>
      <c r="I4464">
        <f t="shared" si="503"/>
        <v>0.42369429483829874</v>
      </c>
      <c r="J4464">
        <f t="shared" si="504"/>
        <v>1.4123143161276626</v>
      </c>
      <c r="K4464">
        <f t="shared" si="505"/>
        <v>2.1184714741914936</v>
      </c>
      <c r="L4464">
        <f t="shared" si="506"/>
        <v>10.16866307611917</v>
      </c>
      <c r="M4464">
        <f t="shared" si="507"/>
        <v>0</v>
      </c>
      <c r="N4464" s="46">
        <f t="shared" si="508"/>
        <v>45476.583333322589</v>
      </c>
    </row>
    <row r="4465" spans="2:14" x14ac:dyDescent="0.3">
      <c r="B4465">
        <f t="shared" si="502"/>
        <v>3</v>
      </c>
      <c r="C4465" s="16">
        <v>4431</v>
      </c>
      <c r="D4465" cm="1">
        <f t="array" ref="D4465">IFERROR(INDEX(Jesper!AH$2:AH$366,ROUNDDOWN($C4465/24,0)+1,1)*INDEX($D$3:$AA$30,INDEX(Jesper!$R$2:$R$366,ROW(INDEX(Jesper!AH$2:AH$366,ROUNDDOWN($C4465/24,0)+1,1))-1)+IF('Standard Profiles'!$G$18=$B$10,7,0)+IF('Standard Profiles'!$G$18=$B$17,14,0)+IF('Standard Profiles'!$G$18=$B$24,21,0),MOD($C4465,24)+1)/SUM(INDEX($D$3:$AA$30,INDEX(Jesper!$R$2:$R$366,ROW(INDEX(Jesper!AH$2:AH$366,ROUNDDOWN($C4465/24,0)+1,1))-1)+IF('Standard Profiles'!$G$18=$B$10,7,0)+IF('Standard Profiles'!$G$18=$B$17,14,0)+IF('Standard Profiles'!$G$18=$B$24,21,0),0)),0)</f>
        <v>14.123143161276625</v>
      </c>
      <c r="E4465" cm="1">
        <f t="array" ref="E4465">IFERROR(INDEX(Jesper!AI$2:AI$366,ROUNDDOWN($C4465/24,0)+1,1)*INDEX($D$3:$AA$30,INDEX(Jesper!$R$2:$R$366,ROW(INDEX(Jesper!AI$2:AI$366,ROUNDDOWN($C4465/24,0)+1,1))-1)+IF('Standard Profiles'!$G$19=$B$10,7,0)+IF('Standard Profiles'!$G$19=$B$17,14,0)+IF('Standard Profiles'!$G$19=$B$24,21,0),MOD($C4465,24)+1)/SUM(INDEX($D$3:$AA$30,INDEX(Jesper!$R$2:$R$366,ROW(INDEX(Jesper!AI$2:AI$366,ROUNDDOWN($C4465/24,0)+1,1))-1)+IF('Standard Profiles'!$G$19=$B$10,7,0)+IF('Standard Profiles'!$G$19=$B$17,14,0)+IF('Standard Profiles'!$G$19=$B$24,21,0),0)),0)</f>
        <v>0</v>
      </c>
      <c r="F4465" cm="1">
        <f t="array" ref="F4465">IFERROR(INDEX(Jesper!AJ$2:AJ$366,ROUNDDOWN($C4465/24,0)+1,1)*INDEX($D$3:$AA$30,INDEX(Jesper!$R$2:$R$366,ROW(INDEX(Jesper!AJ$2:AJ$366,ROUNDDOWN($C4465/24,0)+1,1))-1)+IF('Standard Profiles'!$G$20=$B$10,7,0)+IF('Standard Profiles'!$G$20=$B$17,14,0)+IF('Standard Profiles'!$G$20=$B$24,21,0),MOD($C4465,24)+1)/SUM(INDEX($D$3:$AA$30,INDEX(Jesper!$R$2:$R$366,ROW(INDEX(Jesper!AJ$2:AJ$366,ROUNDDOWN($C4465/24,0)+1,1))-1)+IF('Standard Profiles'!$G$20=$B$10,7,0)+IF('Standard Profiles'!$G$20=$B$17,14,0)+IF('Standard Profiles'!$G$20=$B$24,21,0),0)),0)</f>
        <v>0</v>
      </c>
      <c r="G4465" cm="1">
        <f t="array" ref="G4465">IFERROR(INDEX(Jesper!AK$2:AK$366,ROUNDDOWN($C4465/24,0)+1,1)*INDEX($D$3:$AA$30,INDEX(Jesper!$R$2:$R$366,ROW(INDEX(Jesper!AK$2:AK$366,ROUNDDOWN($C4465/24,0)+1,1))-1)+IF('Standard Profiles'!$G$21=$B$10,7,0)+IF('Standard Profiles'!$G$21=$B$17,14,0)+IF('Standard Profiles'!$G$21=$B$24,21,0),MOD($C4465,24)+1)/SUM(INDEX($D$3:$AA$30,INDEX(Jesper!$R$2:$R$366,ROW(INDEX(Jesper!AK$2:AK$366,ROUNDDOWN($C4465/24,0)+1,1))-1)+IF('Standard Profiles'!$G$21=$B$10,7,0)+IF('Standard Profiles'!$G$21=$B$17,14,0)+IF('Standard Profiles'!$G$21=$B$24,21,0),0)),0)</f>
        <v>0</v>
      </c>
      <c r="H4465" cm="1">
        <f t="array" ref="H4465">IFERROR(INDEX(Jesper!AL$2:AL$366,ROUNDDOWN($C4465/24,0)+1,1)*INDEX($D$3:$AA$30,INDEX(Jesper!$R$2:$R$366,ROW(INDEX(Jesper!AL$2:AL$366,ROUNDDOWN($C4465/24,0)+1,1))-1)+IF('Standard Profiles'!$G$22=$B$10,7,0)+IF('Standard Profiles'!$G$22=$B$17,14,0)+IF('Standard Profiles'!$G$22=$B$24,21,0),MOD($C4465,24)+1)/SUM(INDEX($D$3:$AA$30,INDEX(Jesper!$R$2:$R$366,ROW(INDEX(Jesper!AL$2:AL$366,ROUNDDOWN($C4465/24,0)+1,1))-1)+IF('Standard Profiles'!$G$22=$B$10,7,0)+IF('Standard Profiles'!$G$22=$B$17,14,0)+IF('Standard Profiles'!$G$22=$B$24,21,0),0)),0)</f>
        <v>0</v>
      </c>
      <c r="I4465">
        <f t="shared" si="503"/>
        <v>0.42369429483829874</v>
      </c>
      <c r="J4465">
        <f t="shared" si="504"/>
        <v>1.4123143161276626</v>
      </c>
      <c r="K4465">
        <f t="shared" si="505"/>
        <v>2.1184714741914936</v>
      </c>
      <c r="L4465">
        <f t="shared" si="506"/>
        <v>10.16866307611917</v>
      </c>
      <c r="M4465">
        <f t="shared" si="507"/>
        <v>0</v>
      </c>
      <c r="N4465" s="46">
        <f t="shared" si="508"/>
        <v>45476.624999989253</v>
      </c>
    </row>
    <row r="4466" spans="2:14" x14ac:dyDescent="0.3">
      <c r="B4466">
        <f t="shared" si="502"/>
        <v>3</v>
      </c>
      <c r="C4466" s="16">
        <v>4432</v>
      </c>
      <c r="D4466" cm="1">
        <f t="array" ref="D4466">IFERROR(INDEX(Jesper!AH$2:AH$366,ROUNDDOWN($C4466/24,0)+1,1)*INDEX($D$3:$AA$30,INDEX(Jesper!$R$2:$R$366,ROW(INDEX(Jesper!AH$2:AH$366,ROUNDDOWN($C4466/24,0)+1,1))-1)+IF('Standard Profiles'!$G$18=$B$10,7,0)+IF('Standard Profiles'!$G$18=$B$17,14,0)+IF('Standard Profiles'!$G$18=$B$24,21,0),MOD($C4466,24)+1)/SUM(INDEX($D$3:$AA$30,INDEX(Jesper!$R$2:$R$366,ROW(INDEX(Jesper!AH$2:AH$366,ROUNDDOWN($C4466/24,0)+1,1))-1)+IF('Standard Profiles'!$G$18=$B$10,7,0)+IF('Standard Profiles'!$G$18=$B$17,14,0)+IF('Standard Profiles'!$G$18=$B$24,21,0),0)),0)</f>
        <v>14.123143161276625</v>
      </c>
      <c r="E4466" cm="1">
        <f t="array" ref="E4466">IFERROR(INDEX(Jesper!AI$2:AI$366,ROUNDDOWN($C4466/24,0)+1,1)*INDEX($D$3:$AA$30,INDEX(Jesper!$R$2:$R$366,ROW(INDEX(Jesper!AI$2:AI$366,ROUNDDOWN($C4466/24,0)+1,1))-1)+IF('Standard Profiles'!$G$19=$B$10,7,0)+IF('Standard Profiles'!$G$19=$B$17,14,0)+IF('Standard Profiles'!$G$19=$B$24,21,0),MOD($C4466,24)+1)/SUM(INDEX($D$3:$AA$30,INDEX(Jesper!$R$2:$R$366,ROW(INDEX(Jesper!AI$2:AI$366,ROUNDDOWN($C4466/24,0)+1,1))-1)+IF('Standard Profiles'!$G$19=$B$10,7,0)+IF('Standard Profiles'!$G$19=$B$17,14,0)+IF('Standard Profiles'!$G$19=$B$24,21,0),0)),0)</f>
        <v>0</v>
      </c>
      <c r="F4466" cm="1">
        <f t="array" ref="F4466">IFERROR(INDEX(Jesper!AJ$2:AJ$366,ROUNDDOWN($C4466/24,0)+1,1)*INDEX($D$3:$AA$30,INDEX(Jesper!$R$2:$R$366,ROW(INDEX(Jesper!AJ$2:AJ$366,ROUNDDOWN($C4466/24,0)+1,1))-1)+IF('Standard Profiles'!$G$20=$B$10,7,0)+IF('Standard Profiles'!$G$20=$B$17,14,0)+IF('Standard Profiles'!$G$20=$B$24,21,0),MOD($C4466,24)+1)/SUM(INDEX($D$3:$AA$30,INDEX(Jesper!$R$2:$R$366,ROW(INDEX(Jesper!AJ$2:AJ$366,ROUNDDOWN($C4466/24,0)+1,1))-1)+IF('Standard Profiles'!$G$20=$B$10,7,0)+IF('Standard Profiles'!$G$20=$B$17,14,0)+IF('Standard Profiles'!$G$20=$B$24,21,0),0)),0)</f>
        <v>0</v>
      </c>
      <c r="G4466" cm="1">
        <f t="array" ref="G4466">IFERROR(INDEX(Jesper!AK$2:AK$366,ROUNDDOWN($C4466/24,0)+1,1)*INDEX($D$3:$AA$30,INDEX(Jesper!$R$2:$R$366,ROW(INDEX(Jesper!AK$2:AK$366,ROUNDDOWN($C4466/24,0)+1,1))-1)+IF('Standard Profiles'!$G$21=$B$10,7,0)+IF('Standard Profiles'!$G$21=$B$17,14,0)+IF('Standard Profiles'!$G$21=$B$24,21,0),MOD($C4466,24)+1)/SUM(INDEX($D$3:$AA$30,INDEX(Jesper!$R$2:$R$366,ROW(INDEX(Jesper!AK$2:AK$366,ROUNDDOWN($C4466/24,0)+1,1))-1)+IF('Standard Profiles'!$G$21=$B$10,7,0)+IF('Standard Profiles'!$G$21=$B$17,14,0)+IF('Standard Profiles'!$G$21=$B$24,21,0),0)),0)</f>
        <v>0</v>
      </c>
      <c r="H4466" cm="1">
        <f t="array" ref="H4466">IFERROR(INDEX(Jesper!AL$2:AL$366,ROUNDDOWN($C4466/24,0)+1,1)*INDEX($D$3:$AA$30,INDEX(Jesper!$R$2:$R$366,ROW(INDEX(Jesper!AL$2:AL$366,ROUNDDOWN($C4466/24,0)+1,1))-1)+IF('Standard Profiles'!$G$22=$B$10,7,0)+IF('Standard Profiles'!$G$22=$B$17,14,0)+IF('Standard Profiles'!$G$22=$B$24,21,0),MOD($C4466,24)+1)/SUM(INDEX($D$3:$AA$30,INDEX(Jesper!$R$2:$R$366,ROW(INDEX(Jesper!AL$2:AL$366,ROUNDDOWN($C4466/24,0)+1,1))-1)+IF('Standard Profiles'!$G$22=$B$10,7,0)+IF('Standard Profiles'!$G$22=$B$17,14,0)+IF('Standard Profiles'!$G$22=$B$24,21,0),0)),0)</f>
        <v>0</v>
      </c>
      <c r="I4466">
        <f t="shared" si="503"/>
        <v>0.42369429483829874</v>
      </c>
      <c r="J4466">
        <f t="shared" si="504"/>
        <v>1.4123143161276626</v>
      </c>
      <c r="K4466">
        <f t="shared" si="505"/>
        <v>2.1184714741914936</v>
      </c>
      <c r="L4466">
        <f t="shared" si="506"/>
        <v>10.16866307611917</v>
      </c>
      <c r="M4466">
        <f t="shared" si="507"/>
        <v>0</v>
      </c>
      <c r="N4466" s="46">
        <f t="shared" si="508"/>
        <v>45476.666666655918</v>
      </c>
    </row>
    <row r="4467" spans="2:14" x14ac:dyDescent="0.3">
      <c r="B4467">
        <f t="shared" si="502"/>
        <v>3</v>
      </c>
      <c r="C4467" s="16">
        <v>4433</v>
      </c>
      <c r="D4467" cm="1">
        <f t="array" ref="D4467">IFERROR(INDEX(Jesper!AH$2:AH$366,ROUNDDOWN($C4467/24,0)+1,1)*INDEX($D$3:$AA$30,INDEX(Jesper!$R$2:$R$366,ROW(INDEX(Jesper!AH$2:AH$366,ROUNDDOWN($C4467/24,0)+1,1))-1)+IF('Standard Profiles'!$G$18=$B$10,7,0)+IF('Standard Profiles'!$G$18=$B$17,14,0)+IF('Standard Profiles'!$G$18=$B$24,21,0),MOD($C4467,24)+1)/SUM(INDEX($D$3:$AA$30,INDEX(Jesper!$R$2:$R$366,ROW(INDEX(Jesper!AH$2:AH$366,ROUNDDOWN($C4467/24,0)+1,1))-1)+IF('Standard Profiles'!$G$18=$B$10,7,0)+IF('Standard Profiles'!$G$18=$B$17,14,0)+IF('Standard Profiles'!$G$18=$B$24,21,0),0)),0)</f>
        <v>14.123143161276625</v>
      </c>
      <c r="E4467" cm="1">
        <f t="array" ref="E4467">IFERROR(INDEX(Jesper!AI$2:AI$366,ROUNDDOWN($C4467/24,0)+1,1)*INDEX($D$3:$AA$30,INDEX(Jesper!$R$2:$R$366,ROW(INDEX(Jesper!AI$2:AI$366,ROUNDDOWN($C4467/24,0)+1,1))-1)+IF('Standard Profiles'!$G$19=$B$10,7,0)+IF('Standard Profiles'!$G$19=$B$17,14,0)+IF('Standard Profiles'!$G$19=$B$24,21,0),MOD($C4467,24)+1)/SUM(INDEX($D$3:$AA$30,INDEX(Jesper!$R$2:$R$366,ROW(INDEX(Jesper!AI$2:AI$366,ROUNDDOWN($C4467/24,0)+1,1))-1)+IF('Standard Profiles'!$G$19=$B$10,7,0)+IF('Standard Profiles'!$G$19=$B$17,14,0)+IF('Standard Profiles'!$G$19=$B$24,21,0),0)),0)</f>
        <v>0</v>
      </c>
      <c r="F4467" cm="1">
        <f t="array" ref="F4467">IFERROR(INDEX(Jesper!AJ$2:AJ$366,ROUNDDOWN($C4467/24,0)+1,1)*INDEX($D$3:$AA$30,INDEX(Jesper!$R$2:$R$366,ROW(INDEX(Jesper!AJ$2:AJ$366,ROUNDDOWN($C4467/24,0)+1,1))-1)+IF('Standard Profiles'!$G$20=$B$10,7,0)+IF('Standard Profiles'!$G$20=$B$17,14,0)+IF('Standard Profiles'!$G$20=$B$24,21,0),MOD($C4467,24)+1)/SUM(INDEX($D$3:$AA$30,INDEX(Jesper!$R$2:$R$366,ROW(INDEX(Jesper!AJ$2:AJ$366,ROUNDDOWN($C4467/24,0)+1,1))-1)+IF('Standard Profiles'!$G$20=$B$10,7,0)+IF('Standard Profiles'!$G$20=$B$17,14,0)+IF('Standard Profiles'!$G$20=$B$24,21,0),0)),0)</f>
        <v>0</v>
      </c>
      <c r="G4467" cm="1">
        <f t="array" ref="G4467">IFERROR(INDEX(Jesper!AK$2:AK$366,ROUNDDOWN($C4467/24,0)+1,1)*INDEX($D$3:$AA$30,INDEX(Jesper!$R$2:$R$366,ROW(INDEX(Jesper!AK$2:AK$366,ROUNDDOWN($C4467/24,0)+1,1))-1)+IF('Standard Profiles'!$G$21=$B$10,7,0)+IF('Standard Profiles'!$G$21=$B$17,14,0)+IF('Standard Profiles'!$G$21=$B$24,21,0),MOD($C4467,24)+1)/SUM(INDEX($D$3:$AA$30,INDEX(Jesper!$R$2:$R$366,ROW(INDEX(Jesper!AK$2:AK$366,ROUNDDOWN($C4467/24,0)+1,1))-1)+IF('Standard Profiles'!$G$21=$B$10,7,0)+IF('Standard Profiles'!$G$21=$B$17,14,0)+IF('Standard Profiles'!$G$21=$B$24,21,0),0)),0)</f>
        <v>0</v>
      </c>
      <c r="H4467" cm="1">
        <f t="array" ref="H4467">IFERROR(INDEX(Jesper!AL$2:AL$366,ROUNDDOWN($C4467/24,0)+1,1)*INDEX($D$3:$AA$30,INDEX(Jesper!$R$2:$R$366,ROW(INDEX(Jesper!AL$2:AL$366,ROUNDDOWN($C4467/24,0)+1,1))-1)+IF('Standard Profiles'!$G$22=$B$10,7,0)+IF('Standard Profiles'!$G$22=$B$17,14,0)+IF('Standard Profiles'!$G$22=$B$24,21,0),MOD($C4467,24)+1)/SUM(INDEX($D$3:$AA$30,INDEX(Jesper!$R$2:$R$366,ROW(INDEX(Jesper!AL$2:AL$366,ROUNDDOWN($C4467/24,0)+1,1))-1)+IF('Standard Profiles'!$G$22=$B$10,7,0)+IF('Standard Profiles'!$G$22=$B$17,14,0)+IF('Standard Profiles'!$G$22=$B$24,21,0),0)),0)</f>
        <v>0</v>
      </c>
      <c r="I4467">
        <f t="shared" si="503"/>
        <v>0.42369429483829874</v>
      </c>
      <c r="J4467">
        <f t="shared" si="504"/>
        <v>1.4123143161276626</v>
      </c>
      <c r="K4467">
        <f t="shared" si="505"/>
        <v>2.1184714741914936</v>
      </c>
      <c r="L4467">
        <f t="shared" si="506"/>
        <v>10.16866307611917</v>
      </c>
      <c r="M4467">
        <f t="shared" si="507"/>
        <v>0</v>
      </c>
      <c r="N4467" s="46">
        <f t="shared" si="508"/>
        <v>45476.708333322582</v>
      </c>
    </row>
    <row r="4468" spans="2:14" x14ac:dyDescent="0.3">
      <c r="B4468">
        <f t="shared" si="502"/>
        <v>3</v>
      </c>
      <c r="C4468" s="16">
        <v>4434</v>
      </c>
      <c r="D4468" cm="1">
        <f t="array" ref="D4468">IFERROR(INDEX(Jesper!AH$2:AH$366,ROUNDDOWN($C4468/24,0)+1,1)*INDEX($D$3:$AA$30,INDEX(Jesper!$R$2:$R$366,ROW(INDEX(Jesper!AH$2:AH$366,ROUNDDOWN($C4468/24,0)+1,1))-1)+IF('Standard Profiles'!$G$18=$B$10,7,0)+IF('Standard Profiles'!$G$18=$B$17,14,0)+IF('Standard Profiles'!$G$18=$B$24,21,0),MOD($C4468,24)+1)/SUM(INDEX($D$3:$AA$30,INDEX(Jesper!$R$2:$R$366,ROW(INDEX(Jesper!AH$2:AH$366,ROUNDDOWN($C4468/24,0)+1,1))-1)+IF('Standard Profiles'!$G$18=$B$10,7,0)+IF('Standard Profiles'!$G$18=$B$17,14,0)+IF('Standard Profiles'!$G$18=$B$24,21,0),0)),0)</f>
        <v>14.123143161276625</v>
      </c>
      <c r="E4468" cm="1">
        <f t="array" ref="E4468">IFERROR(INDEX(Jesper!AI$2:AI$366,ROUNDDOWN($C4468/24,0)+1,1)*INDEX($D$3:$AA$30,INDEX(Jesper!$R$2:$R$366,ROW(INDEX(Jesper!AI$2:AI$366,ROUNDDOWN($C4468/24,0)+1,1))-1)+IF('Standard Profiles'!$G$19=$B$10,7,0)+IF('Standard Profiles'!$G$19=$B$17,14,0)+IF('Standard Profiles'!$G$19=$B$24,21,0),MOD($C4468,24)+1)/SUM(INDEX($D$3:$AA$30,INDEX(Jesper!$R$2:$R$366,ROW(INDEX(Jesper!AI$2:AI$366,ROUNDDOWN($C4468/24,0)+1,1))-1)+IF('Standard Profiles'!$G$19=$B$10,7,0)+IF('Standard Profiles'!$G$19=$B$17,14,0)+IF('Standard Profiles'!$G$19=$B$24,21,0),0)),0)</f>
        <v>0</v>
      </c>
      <c r="F4468" cm="1">
        <f t="array" ref="F4468">IFERROR(INDEX(Jesper!AJ$2:AJ$366,ROUNDDOWN($C4468/24,0)+1,1)*INDEX($D$3:$AA$30,INDEX(Jesper!$R$2:$R$366,ROW(INDEX(Jesper!AJ$2:AJ$366,ROUNDDOWN($C4468/24,0)+1,1))-1)+IF('Standard Profiles'!$G$20=$B$10,7,0)+IF('Standard Profiles'!$G$20=$B$17,14,0)+IF('Standard Profiles'!$G$20=$B$24,21,0),MOD($C4468,24)+1)/SUM(INDEX($D$3:$AA$30,INDEX(Jesper!$R$2:$R$366,ROW(INDEX(Jesper!AJ$2:AJ$366,ROUNDDOWN($C4468/24,0)+1,1))-1)+IF('Standard Profiles'!$G$20=$B$10,7,0)+IF('Standard Profiles'!$G$20=$B$17,14,0)+IF('Standard Profiles'!$G$20=$B$24,21,0),0)),0)</f>
        <v>0</v>
      </c>
      <c r="G4468" cm="1">
        <f t="array" ref="G4468">IFERROR(INDEX(Jesper!AK$2:AK$366,ROUNDDOWN($C4468/24,0)+1,1)*INDEX($D$3:$AA$30,INDEX(Jesper!$R$2:$R$366,ROW(INDEX(Jesper!AK$2:AK$366,ROUNDDOWN($C4468/24,0)+1,1))-1)+IF('Standard Profiles'!$G$21=$B$10,7,0)+IF('Standard Profiles'!$G$21=$B$17,14,0)+IF('Standard Profiles'!$G$21=$B$24,21,0),MOD($C4468,24)+1)/SUM(INDEX($D$3:$AA$30,INDEX(Jesper!$R$2:$R$366,ROW(INDEX(Jesper!AK$2:AK$366,ROUNDDOWN($C4468/24,0)+1,1))-1)+IF('Standard Profiles'!$G$21=$B$10,7,0)+IF('Standard Profiles'!$G$21=$B$17,14,0)+IF('Standard Profiles'!$G$21=$B$24,21,0),0)),0)</f>
        <v>0</v>
      </c>
      <c r="H4468" cm="1">
        <f t="array" ref="H4468">IFERROR(INDEX(Jesper!AL$2:AL$366,ROUNDDOWN($C4468/24,0)+1,1)*INDEX($D$3:$AA$30,INDEX(Jesper!$R$2:$R$366,ROW(INDEX(Jesper!AL$2:AL$366,ROUNDDOWN($C4468/24,0)+1,1))-1)+IF('Standard Profiles'!$G$22=$B$10,7,0)+IF('Standard Profiles'!$G$22=$B$17,14,0)+IF('Standard Profiles'!$G$22=$B$24,21,0),MOD($C4468,24)+1)/SUM(INDEX($D$3:$AA$30,INDEX(Jesper!$R$2:$R$366,ROW(INDEX(Jesper!AL$2:AL$366,ROUNDDOWN($C4468/24,0)+1,1))-1)+IF('Standard Profiles'!$G$22=$B$10,7,0)+IF('Standard Profiles'!$G$22=$B$17,14,0)+IF('Standard Profiles'!$G$22=$B$24,21,0),0)),0)</f>
        <v>0</v>
      </c>
      <c r="I4468">
        <f t="shared" si="503"/>
        <v>0.42369429483829874</v>
      </c>
      <c r="J4468">
        <f t="shared" si="504"/>
        <v>1.4123143161276626</v>
      </c>
      <c r="K4468">
        <f t="shared" si="505"/>
        <v>2.1184714741914936</v>
      </c>
      <c r="L4468">
        <f t="shared" si="506"/>
        <v>10.16866307611917</v>
      </c>
      <c r="M4468">
        <f t="shared" si="507"/>
        <v>0</v>
      </c>
      <c r="N4468" s="46">
        <f t="shared" si="508"/>
        <v>45476.749999989246</v>
      </c>
    </row>
    <row r="4469" spans="2:14" x14ac:dyDescent="0.3">
      <c r="B4469">
        <f t="shared" si="502"/>
        <v>3</v>
      </c>
      <c r="C4469" s="16">
        <v>4435</v>
      </c>
      <c r="D4469" cm="1">
        <f t="array" ref="D4469">IFERROR(INDEX(Jesper!AH$2:AH$366,ROUNDDOWN($C4469/24,0)+1,1)*INDEX($D$3:$AA$30,INDEX(Jesper!$R$2:$R$366,ROW(INDEX(Jesper!AH$2:AH$366,ROUNDDOWN($C4469/24,0)+1,1))-1)+IF('Standard Profiles'!$G$18=$B$10,7,0)+IF('Standard Profiles'!$G$18=$B$17,14,0)+IF('Standard Profiles'!$G$18=$B$24,21,0),MOD($C4469,24)+1)/SUM(INDEX($D$3:$AA$30,INDEX(Jesper!$R$2:$R$366,ROW(INDEX(Jesper!AH$2:AH$366,ROUNDDOWN($C4469/24,0)+1,1))-1)+IF('Standard Profiles'!$G$18=$B$10,7,0)+IF('Standard Profiles'!$G$18=$B$17,14,0)+IF('Standard Profiles'!$G$18=$B$24,21,0),0)),0)</f>
        <v>11.769285967730521</v>
      </c>
      <c r="E4469" cm="1">
        <f t="array" ref="E4469">IFERROR(INDEX(Jesper!AI$2:AI$366,ROUNDDOWN($C4469/24,0)+1,1)*INDEX($D$3:$AA$30,INDEX(Jesper!$R$2:$R$366,ROW(INDEX(Jesper!AI$2:AI$366,ROUNDDOWN($C4469/24,0)+1,1))-1)+IF('Standard Profiles'!$G$19=$B$10,7,0)+IF('Standard Profiles'!$G$19=$B$17,14,0)+IF('Standard Profiles'!$G$19=$B$24,21,0),MOD($C4469,24)+1)/SUM(INDEX($D$3:$AA$30,INDEX(Jesper!$R$2:$R$366,ROW(INDEX(Jesper!AI$2:AI$366,ROUNDDOWN($C4469/24,0)+1,1))-1)+IF('Standard Profiles'!$G$19=$B$10,7,0)+IF('Standard Profiles'!$G$19=$B$17,14,0)+IF('Standard Profiles'!$G$19=$B$24,21,0),0)),0)</f>
        <v>0</v>
      </c>
      <c r="F4469" cm="1">
        <f t="array" ref="F4469">IFERROR(INDEX(Jesper!AJ$2:AJ$366,ROUNDDOWN($C4469/24,0)+1,1)*INDEX($D$3:$AA$30,INDEX(Jesper!$R$2:$R$366,ROW(INDEX(Jesper!AJ$2:AJ$366,ROUNDDOWN($C4469/24,0)+1,1))-1)+IF('Standard Profiles'!$G$20=$B$10,7,0)+IF('Standard Profiles'!$G$20=$B$17,14,0)+IF('Standard Profiles'!$G$20=$B$24,21,0),MOD($C4469,24)+1)/SUM(INDEX($D$3:$AA$30,INDEX(Jesper!$R$2:$R$366,ROW(INDEX(Jesper!AJ$2:AJ$366,ROUNDDOWN($C4469/24,0)+1,1))-1)+IF('Standard Profiles'!$G$20=$B$10,7,0)+IF('Standard Profiles'!$G$20=$B$17,14,0)+IF('Standard Profiles'!$G$20=$B$24,21,0),0)),0)</f>
        <v>0</v>
      </c>
      <c r="G4469" cm="1">
        <f t="array" ref="G4469">IFERROR(INDEX(Jesper!AK$2:AK$366,ROUNDDOWN($C4469/24,0)+1,1)*INDEX($D$3:$AA$30,INDEX(Jesper!$R$2:$R$366,ROW(INDEX(Jesper!AK$2:AK$366,ROUNDDOWN($C4469/24,0)+1,1))-1)+IF('Standard Profiles'!$G$21=$B$10,7,0)+IF('Standard Profiles'!$G$21=$B$17,14,0)+IF('Standard Profiles'!$G$21=$B$24,21,0),MOD($C4469,24)+1)/SUM(INDEX($D$3:$AA$30,INDEX(Jesper!$R$2:$R$366,ROW(INDEX(Jesper!AK$2:AK$366,ROUNDDOWN($C4469/24,0)+1,1))-1)+IF('Standard Profiles'!$G$21=$B$10,7,0)+IF('Standard Profiles'!$G$21=$B$17,14,0)+IF('Standard Profiles'!$G$21=$B$24,21,0),0)),0)</f>
        <v>0</v>
      </c>
      <c r="H4469" cm="1">
        <f t="array" ref="H4469">IFERROR(INDEX(Jesper!AL$2:AL$366,ROUNDDOWN($C4469/24,0)+1,1)*INDEX($D$3:$AA$30,INDEX(Jesper!$R$2:$R$366,ROW(INDEX(Jesper!AL$2:AL$366,ROUNDDOWN($C4469/24,0)+1,1))-1)+IF('Standard Profiles'!$G$22=$B$10,7,0)+IF('Standard Profiles'!$G$22=$B$17,14,0)+IF('Standard Profiles'!$G$22=$B$24,21,0),MOD($C4469,24)+1)/SUM(INDEX($D$3:$AA$30,INDEX(Jesper!$R$2:$R$366,ROW(INDEX(Jesper!AL$2:AL$366,ROUNDDOWN($C4469/24,0)+1,1))-1)+IF('Standard Profiles'!$G$22=$B$10,7,0)+IF('Standard Profiles'!$G$22=$B$17,14,0)+IF('Standard Profiles'!$G$22=$B$24,21,0),0)),0)</f>
        <v>0</v>
      </c>
      <c r="I4469">
        <f t="shared" si="503"/>
        <v>0.35307857903191564</v>
      </c>
      <c r="J4469">
        <f t="shared" si="504"/>
        <v>1.1769285967730523</v>
      </c>
      <c r="K4469">
        <f t="shared" si="505"/>
        <v>1.7653928951595781</v>
      </c>
      <c r="L4469">
        <f t="shared" si="506"/>
        <v>8.4738858967659745</v>
      </c>
      <c r="M4469">
        <f t="shared" si="507"/>
        <v>0</v>
      </c>
      <c r="N4469" s="46">
        <f t="shared" si="508"/>
        <v>45476.79166665591</v>
      </c>
    </row>
    <row r="4470" spans="2:14" x14ac:dyDescent="0.3">
      <c r="B4470">
        <f t="shared" si="502"/>
        <v>3</v>
      </c>
      <c r="C4470" s="16">
        <v>4436</v>
      </c>
      <c r="D4470" cm="1">
        <f t="array" ref="D4470">IFERROR(INDEX(Jesper!AH$2:AH$366,ROUNDDOWN($C4470/24,0)+1,1)*INDEX($D$3:$AA$30,INDEX(Jesper!$R$2:$R$366,ROW(INDEX(Jesper!AH$2:AH$366,ROUNDDOWN($C4470/24,0)+1,1))-1)+IF('Standard Profiles'!$G$18=$B$10,7,0)+IF('Standard Profiles'!$G$18=$B$17,14,0)+IF('Standard Profiles'!$G$18=$B$24,21,0),MOD($C4470,24)+1)/SUM(INDEX($D$3:$AA$30,INDEX(Jesper!$R$2:$R$366,ROW(INDEX(Jesper!AH$2:AH$366,ROUNDDOWN($C4470/24,0)+1,1))-1)+IF('Standard Profiles'!$G$18=$B$10,7,0)+IF('Standard Profiles'!$G$18=$B$17,14,0)+IF('Standard Profiles'!$G$18=$B$24,21,0),0)),0)</f>
        <v>9.4154287741844183</v>
      </c>
      <c r="E4470" cm="1">
        <f t="array" ref="E4470">IFERROR(INDEX(Jesper!AI$2:AI$366,ROUNDDOWN($C4470/24,0)+1,1)*INDEX($D$3:$AA$30,INDEX(Jesper!$R$2:$R$366,ROW(INDEX(Jesper!AI$2:AI$366,ROUNDDOWN($C4470/24,0)+1,1))-1)+IF('Standard Profiles'!$G$19=$B$10,7,0)+IF('Standard Profiles'!$G$19=$B$17,14,0)+IF('Standard Profiles'!$G$19=$B$24,21,0),MOD($C4470,24)+1)/SUM(INDEX($D$3:$AA$30,INDEX(Jesper!$R$2:$R$366,ROW(INDEX(Jesper!AI$2:AI$366,ROUNDDOWN($C4470/24,0)+1,1))-1)+IF('Standard Profiles'!$G$19=$B$10,7,0)+IF('Standard Profiles'!$G$19=$B$17,14,0)+IF('Standard Profiles'!$G$19=$B$24,21,0),0)),0)</f>
        <v>0</v>
      </c>
      <c r="F4470" cm="1">
        <f t="array" ref="F4470">IFERROR(INDEX(Jesper!AJ$2:AJ$366,ROUNDDOWN($C4470/24,0)+1,1)*INDEX($D$3:$AA$30,INDEX(Jesper!$R$2:$R$366,ROW(INDEX(Jesper!AJ$2:AJ$366,ROUNDDOWN($C4470/24,0)+1,1))-1)+IF('Standard Profiles'!$G$20=$B$10,7,0)+IF('Standard Profiles'!$G$20=$B$17,14,0)+IF('Standard Profiles'!$G$20=$B$24,21,0),MOD($C4470,24)+1)/SUM(INDEX($D$3:$AA$30,INDEX(Jesper!$R$2:$R$366,ROW(INDEX(Jesper!AJ$2:AJ$366,ROUNDDOWN($C4470/24,0)+1,1))-1)+IF('Standard Profiles'!$G$20=$B$10,7,0)+IF('Standard Profiles'!$G$20=$B$17,14,0)+IF('Standard Profiles'!$G$20=$B$24,21,0),0)),0)</f>
        <v>0</v>
      </c>
      <c r="G4470" cm="1">
        <f t="array" ref="G4470">IFERROR(INDEX(Jesper!AK$2:AK$366,ROUNDDOWN($C4470/24,0)+1,1)*INDEX($D$3:$AA$30,INDEX(Jesper!$R$2:$R$366,ROW(INDEX(Jesper!AK$2:AK$366,ROUNDDOWN($C4470/24,0)+1,1))-1)+IF('Standard Profiles'!$G$21=$B$10,7,0)+IF('Standard Profiles'!$G$21=$B$17,14,0)+IF('Standard Profiles'!$G$21=$B$24,21,0),MOD($C4470,24)+1)/SUM(INDEX($D$3:$AA$30,INDEX(Jesper!$R$2:$R$366,ROW(INDEX(Jesper!AK$2:AK$366,ROUNDDOWN($C4470/24,0)+1,1))-1)+IF('Standard Profiles'!$G$21=$B$10,7,0)+IF('Standard Profiles'!$G$21=$B$17,14,0)+IF('Standard Profiles'!$G$21=$B$24,21,0),0)),0)</f>
        <v>0</v>
      </c>
      <c r="H4470" cm="1">
        <f t="array" ref="H4470">IFERROR(INDEX(Jesper!AL$2:AL$366,ROUNDDOWN($C4470/24,0)+1,1)*INDEX($D$3:$AA$30,INDEX(Jesper!$R$2:$R$366,ROW(INDEX(Jesper!AL$2:AL$366,ROUNDDOWN($C4470/24,0)+1,1))-1)+IF('Standard Profiles'!$G$22=$B$10,7,0)+IF('Standard Profiles'!$G$22=$B$17,14,0)+IF('Standard Profiles'!$G$22=$B$24,21,0),MOD($C4470,24)+1)/SUM(INDEX($D$3:$AA$30,INDEX(Jesper!$R$2:$R$366,ROW(INDEX(Jesper!AL$2:AL$366,ROUNDDOWN($C4470/24,0)+1,1))-1)+IF('Standard Profiles'!$G$22=$B$10,7,0)+IF('Standard Profiles'!$G$22=$B$17,14,0)+IF('Standard Profiles'!$G$22=$B$24,21,0),0)),0)</f>
        <v>0</v>
      </c>
      <c r="I4470">
        <f t="shared" si="503"/>
        <v>0.28246286322553255</v>
      </c>
      <c r="J4470">
        <f t="shared" si="504"/>
        <v>0.94154287741844189</v>
      </c>
      <c r="K4470">
        <f t="shared" si="505"/>
        <v>1.4123143161276628</v>
      </c>
      <c r="L4470">
        <f t="shared" si="506"/>
        <v>6.7791087174127806</v>
      </c>
      <c r="M4470">
        <f t="shared" si="507"/>
        <v>0</v>
      </c>
      <c r="N4470" s="46">
        <f t="shared" si="508"/>
        <v>45476.833333322575</v>
      </c>
    </row>
    <row r="4471" spans="2:14" x14ac:dyDescent="0.3">
      <c r="B4471">
        <f t="shared" si="502"/>
        <v>3</v>
      </c>
      <c r="C4471" s="16">
        <v>4437</v>
      </c>
      <c r="D4471" cm="1">
        <f t="array" ref="D4471">IFERROR(INDEX(Jesper!AH$2:AH$366,ROUNDDOWN($C4471/24,0)+1,1)*INDEX($D$3:$AA$30,INDEX(Jesper!$R$2:$R$366,ROW(INDEX(Jesper!AH$2:AH$366,ROUNDDOWN($C4471/24,0)+1,1))-1)+IF('Standard Profiles'!$G$18=$B$10,7,0)+IF('Standard Profiles'!$G$18=$B$17,14,0)+IF('Standard Profiles'!$G$18=$B$24,21,0),MOD($C4471,24)+1)/SUM(INDEX($D$3:$AA$30,INDEX(Jesper!$R$2:$R$366,ROW(INDEX(Jesper!AH$2:AH$366,ROUNDDOWN($C4471/24,0)+1,1))-1)+IF('Standard Profiles'!$G$18=$B$10,7,0)+IF('Standard Profiles'!$G$18=$B$17,14,0)+IF('Standard Profiles'!$G$18=$B$24,21,0),0)),0)</f>
        <v>7.0615715806383124</v>
      </c>
      <c r="E4471" cm="1">
        <f t="array" ref="E4471">IFERROR(INDEX(Jesper!AI$2:AI$366,ROUNDDOWN($C4471/24,0)+1,1)*INDEX($D$3:$AA$30,INDEX(Jesper!$R$2:$R$366,ROW(INDEX(Jesper!AI$2:AI$366,ROUNDDOWN($C4471/24,0)+1,1))-1)+IF('Standard Profiles'!$G$19=$B$10,7,0)+IF('Standard Profiles'!$G$19=$B$17,14,0)+IF('Standard Profiles'!$G$19=$B$24,21,0),MOD($C4471,24)+1)/SUM(INDEX($D$3:$AA$30,INDEX(Jesper!$R$2:$R$366,ROW(INDEX(Jesper!AI$2:AI$366,ROUNDDOWN($C4471/24,0)+1,1))-1)+IF('Standard Profiles'!$G$19=$B$10,7,0)+IF('Standard Profiles'!$G$19=$B$17,14,0)+IF('Standard Profiles'!$G$19=$B$24,21,0),0)),0)</f>
        <v>0</v>
      </c>
      <c r="F4471" cm="1">
        <f t="array" ref="F4471">IFERROR(INDEX(Jesper!AJ$2:AJ$366,ROUNDDOWN($C4471/24,0)+1,1)*INDEX($D$3:$AA$30,INDEX(Jesper!$R$2:$R$366,ROW(INDEX(Jesper!AJ$2:AJ$366,ROUNDDOWN($C4471/24,0)+1,1))-1)+IF('Standard Profiles'!$G$20=$B$10,7,0)+IF('Standard Profiles'!$G$20=$B$17,14,0)+IF('Standard Profiles'!$G$20=$B$24,21,0),MOD($C4471,24)+1)/SUM(INDEX($D$3:$AA$30,INDEX(Jesper!$R$2:$R$366,ROW(INDEX(Jesper!AJ$2:AJ$366,ROUNDDOWN($C4471/24,0)+1,1))-1)+IF('Standard Profiles'!$G$20=$B$10,7,0)+IF('Standard Profiles'!$G$20=$B$17,14,0)+IF('Standard Profiles'!$G$20=$B$24,21,0),0)),0)</f>
        <v>0</v>
      </c>
      <c r="G4471" cm="1">
        <f t="array" ref="G4471">IFERROR(INDEX(Jesper!AK$2:AK$366,ROUNDDOWN($C4471/24,0)+1,1)*INDEX($D$3:$AA$30,INDEX(Jesper!$R$2:$R$366,ROW(INDEX(Jesper!AK$2:AK$366,ROUNDDOWN($C4471/24,0)+1,1))-1)+IF('Standard Profiles'!$G$21=$B$10,7,0)+IF('Standard Profiles'!$G$21=$B$17,14,0)+IF('Standard Profiles'!$G$21=$B$24,21,0),MOD($C4471,24)+1)/SUM(INDEX($D$3:$AA$30,INDEX(Jesper!$R$2:$R$366,ROW(INDEX(Jesper!AK$2:AK$366,ROUNDDOWN($C4471/24,0)+1,1))-1)+IF('Standard Profiles'!$G$21=$B$10,7,0)+IF('Standard Profiles'!$G$21=$B$17,14,0)+IF('Standard Profiles'!$G$21=$B$24,21,0),0)),0)</f>
        <v>0</v>
      </c>
      <c r="H4471" cm="1">
        <f t="array" ref="H4471">IFERROR(INDEX(Jesper!AL$2:AL$366,ROUNDDOWN($C4471/24,0)+1,1)*INDEX($D$3:$AA$30,INDEX(Jesper!$R$2:$R$366,ROW(INDEX(Jesper!AL$2:AL$366,ROUNDDOWN($C4471/24,0)+1,1))-1)+IF('Standard Profiles'!$G$22=$B$10,7,0)+IF('Standard Profiles'!$G$22=$B$17,14,0)+IF('Standard Profiles'!$G$22=$B$24,21,0),MOD($C4471,24)+1)/SUM(INDEX($D$3:$AA$30,INDEX(Jesper!$R$2:$R$366,ROW(INDEX(Jesper!AL$2:AL$366,ROUNDDOWN($C4471/24,0)+1,1))-1)+IF('Standard Profiles'!$G$22=$B$10,7,0)+IF('Standard Profiles'!$G$22=$B$17,14,0)+IF('Standard Profiles'!$G$22=$B$24,21,0),0)),0)</f>
        <v>0</v>
      </c>
      <c r="I4471">
        <f t="shared" si="503"/>
        <v>0.21184714741914937</v>
      </c>
      <c r="J4471">
        <f t="shared" si="504"/>
        <v>0.70615715806383128</v>
      </c>
      <c r="K4471">
        <f t="shared" si="505"/>
        <v>1.0592357370957468</v>
      </c>
      <c r="L4471">
        <f t="shared" si="506"/>
        <v>5.084331538059585</v>
      </c>
      <c r="M4471">
        <f t="shared" si="507"/>
        <v>0</v>
      </c>
      <c r="N4471" s="46">
        <f t="shared" si="508"/>
        <v>45476.874999989239</v>
      </c>
    </row>
    <row r="4472" spans="2:14" x14ac:dyDescent="0.3">
      <c r="B4472">
        <f t="shared" si="502"/>
        <v>3</v>
      </c>
      <c r="C4472" s="16">
        <v>4438</v>
      </c>
      <c r="D4472" cm="1">
        <f t="array" ref="D4472">IFERROR(INDEX(Jesper!AH$2:AH$366,ROUNDDOWN($C4472/24,0)+1,1)*INDEX($D$3:$AA$30,INDEX(Jesper!$R$2:$R$366,ROW(INDEX(Jesper!AH$2:AH$366,ROUNDDOWN($C4472/24,0)+1,1))-1)+IF('Standard Profiles'!$G$18=$B$10,7,0)+IF('Standard Profiles'!$G$18=$B$17,14,0)+IF('Standard Profiles'!$G$18=$B$24,21,0),MOD($C4472,24)+1)/SUM(INDEX($D$3:$AA$30,INDEX(Jesper!$R$2:$R$366,ROW(INDEX(Jesper!AH$2:AH$366,ROUNDDOWN($C4472/24,0)+1,1))-1)+IF('Standard Profiles'!$G$18=$B$10,7,0)+IF('Standard Profiles'!$G$18=$B$17,14,0)+IF('Standard Profiles'!$G$18=$B$24,21,0),0)),0)</f>
        <v>7.0615715806383124</v>
      </c>
      <c r="E4472" cm="1">
        <f t="array" ref="E4472">IFERROR(INDEX(Jesper!AI$2:AI$366,ROUNDDOWN($C4472/24,0)+1,1)*INDEX($D$3:$AA$30,INDEX(Jesper!$R$2:$R$366,ROW(INDEX(Jesper!AI$2:AI$366,ROUNDDOWN($C4472/24,0)+1,1))-1)+IF('Standard Profiles'!$G$19=$B$10,7,0)+IF('Standard Profiles'!$G$19=$B$17,14,0)+IF('Standard Profiles'!$G$19=$B$24,21,0),MOD($C4472,24)+1)/SUM(INDEX($D$3:$AA$30,INDEX(Jesper!$R$2:$R$366,ROW(INDEX(Jesper!AI$2:AI$366,ROUNDDOWN($C4472/24,0)+1,1))-1)+IF('Standard Profiles'!$G$19=$B$10,7,0)+IF('Standard Profiles'!$G$19=$B$17,14,0)+IF('Standard Profiles'!$G$19=$B$24,21,0),0)),0)</f>
        <v>0</v>
      </c>
      <c r="F4472" cm="1">
        <f t="array" ref="F4472">IFERROR(INDEX(Jesper!AJ$2:AJ$366,ROUNDDOWN($C4472/24,0)+1,1)*INDEX($D$3:$AA$30,INDEX(Jesper!$R$2:$R$366,ROW(INDEX(Jesper!AJ$2:AJ$366,ROUNDDOWN($C4472/24,0)+1,1))-1)+IF('Standard Profiles'!$G$20=$B$10,7,0)+IF('Standard Profiles'!$G$20=$B$17,14,0)+IF('Standard Profiles'!$G$20=$B$24,21,0),MOD($C4472,24)+1)/SUM(INDEX($D$3:$AA$30,INDEX(Jesper!$R$2:$R$366,ROW(INDEX(Jesper!AJ$2:AJ$366,ROUNDDOWN($C4472/24,0)+1,1))-1)+IF('Standard Profiles'!$G$20=$B$10,7,0)+IF('Standard Profiles'!$G$20=$B$17,14,0)+IF('Standard Profiles'!$G$20=$B$24,21,0),0)),0)</f>
        <v>0</v>
      </c>
      <c r="G4472" cm="1">
        <f t="array" ref="G4472">IFERROR(INDEX(Jesper!AK$2:AK$366,ROUNDDOWN($C4472/24,0)+1,1)*INDEX($D$3:$AA$30,INDEX(Jesper!$R$2:$R$366,ROW(INDEX(Jesper!AK$2:AK$366,ROUNDDOWN($C4472/24,0)+1,1))-1)+IF('Standard Profiles'!$G$21=$B$10,7,0)+IF('Standard Profiles'!$G$21=$B$17,14,0)+IF('Standard Profiles'!$G$21=$B$24,21,0),MOD($C4472,24)+1)/SUM(INDEX($D$3:$AA$30,INDEX(Jesper!$R$2:$R$366,ROW(INDEX(Jesper!AK$2:AK$366,ROUNDDOWN($C4472/24,0)+1,1))-1)+IF('Standard Profiles'!$G$21=$B$10,7,0)+IF('Standard Profiles'!$G$21=$B$17,14,0)+IF('Standard Profiles'!$G$21=$B$24,21,0),0)),0)</f>
        <v>0</v>
      </c>
      <c r="H4472" cm="1">
        <f t="array" ref="H4472">IFERROR(INDEX(Jesper!AL$2:AL$366,ROUNDDOWN($C4472/24,0)+1,1)*INDEX($D$3:$AA$30,INDEX(Jesper!$R$2:$R$366,ROW(INDEX(Jesper!AL$2:AL$366,ROUNDDOWN($C4472/24,0)+1,1))-1)+IF('Standard Profiles'!$G$22=$B$10,7,0)+IF('Standard Profiles'!$G$22=$B$17,14,0)+IF('Standard Profiles'!$G$22=$B$24,21,0),MOD($C4472,24)+1)/SUM(INDEX($D$3:$AA$30,INDEX(Jesper!$R$2:$R$366,ROW(INDEX(Jesper!AL$2:AL$366,ROUNDDOWN($C4472/24,0)+1,1))-1)+IF('Standard Profiles'!$G$22=$B$10,7,0)+IF('Standard Profiles'!$G$22=$B$17,14,0)+IF('Standard Profiles'!$G$22=$B$24,21,0),0)),0)</f>
        <v>0</v>
      </c>
      <c r="I4472">
        <f t="shared" si="503"/>
        <v>0.21184714741914937</v>
      </c>
      <c r="J4472">
        <f t="shared" si="504"/>
        <v>0.70615715806383128</v>
      </c>
      <c r="K4472">
        <f t="shared" si="505"/>
        <v>1.0592357370957468</v>
      </c>
      <c r="L4472">
        <f t="shared" si="506"/>
        <v>5.084331538059585</v>
      </c>
      <c r="M4472">
        <f t="shared" si="507"/>
        <v>0</v>
      </c>
      <c r="N4472" s="46">
        <f t="shared" si="508"/>
        <v>45476.916666655903</v>
      </c>
    </row>
    <row r="4473" spans="2:14" x14ac:dyDescent="0.3">
      <c r="B4473">
        <f t="shared" si="502"/>
        <v>3</v>
      </c>
      <c r="C4473" s="16">
        <v>4439</v>
      </c>
      <c r="D4473" cm="1">
        <f t="array" ref="D4473">IFERROR(INDEX(Jesper!AH$2:AH$366,ROUNDDOWN($C4473/24,0)+1,1)*INDEX($D$3:$AA$30,INDEX(Jesper!$R$2:$R$366,ROW(INDEX(Jesper!AH$2:AH$366,ROUNDDOWN($C4473/24,0)+1,1))-1)+IF('Standard Profiles'!$G$18=$B$10,7,0)+IF('Standard Profiles'!$G$18=$B$17,14,0)+IF('Standard Profiles'!$G$18=$B$24,21,0),MOD($C4473,24)+1)/SUM(INDEX($D$3:$AA$30,INDEX(Jesper!$R$2:$R$366,ROW(INDEX(Jesper!AH$2:AH$366,ROUNDDOWN($C4473/24,0)+1,1))-1)+IF('Standard Profiles'!$G$18=$B$10,7,0)+IF('Standard Profiles'!$G$18=$B$17,14,0)+IF('Standard Profiles'!$G$18=$B$24,21,0),0)),0)</f>
        <v>7.0615715806383124</v>
      </c>
      <c r="E4473" cm="1">
        <f t="array" ref="E4473">IFERROR(INDEX(Jesper!AI$2:AI$366,ROUNDDOWN($C4473/24,0)+1,1)*INDEX($D$3:$AA$30,INDEX(Jesper!$R$2:$R$366,ROW(INDEX(Jesper!AI$2:AI$366,ROUNDDOWN($C4473/24,0)+1,1))-1)+IF('Standard Profiles'!$G$19=$B$10,7,0)+IF('Standard Profiles'!$G$19=$B$17,14,0)+IF('Standard Profiles'!$G$19=$B$24,21,0),MOD($C4473,24)+1)/SUM(INDEX($D$3:$AA$30,INDEX(Jesper!$R$2:$R$366,ROW(INDEX(Jesper!AI$2:AI$366,ROUNDDOWN($C4473/24,0)+1,1))-1)+IF('Standard Profiles'!$G$19=$B$10,7,0)+IF('Standard Profiles'!$G$19=$B$17,14,0)+IF('Standard Profiles'!$G$19=$B$24,21,0),0)),0)</f>
        <v>0</v>
      </c>
      <c r="F4473" cm="1">
        <f t="array" ref="F4473">IFERROR(INDEX(Jesper!AJ$2:AJ$366,ROUNDDOWN($C4473/24,0)+1,1)*INDEX($D$3:$AA$30,INDEX(Jesper!$R$2:$R$366,ROW(INDEX(Jesper!AJ$2:AJ$366,ROUNDDOWN($C4473/24,0)+1,1))-1)+IF('Standard Profiles'!$G$20=$B$10,7,0)+IF('Standard Profiles'!$G$20=$B$17,14,0)+IF('Standard Profiles'!$G$20=$B$24,21,0),MOD($C4473,24)+1)/SUM(INDEX($D$3:$AA$30,INDEX(Jesper!$R$2:$R$366,ROW(INDEX(Jesper!AJ$2:AJ$366,ROUNDDOWN($C4473/24,0)+1,1))-1)+IF('Standard Profiles'!$G$20=$B$10,7,0)+IF('Standard Profiles'!$G$20=$B$17,14,0)+IF('Standard Profiles'!$G$20=$B$24,21,0),0)),0)</f>
        <v>0</v>
      </c>
      <c r="G4473" cm="1">
        <f t="array" ref="G4473">IFERROR(INDEX(Jesper!AK$2:AK$366,ROUNDDOWN($C4473/24,0)+1,1)*INDEX($D$3:$AA$30,INDEX(Jesper!$R$2:$R$366,ROW(INDEX(Jesper!AK$2:AK$366,ROUNDDOWN($C4473/24,0)+1,1))-1)+IF('Standard Profiles'!$G$21=$B$10,7,0)+IF('Standard Profiles'!$G$21=$B$17,14,0)+IF('Standard Profiles'!$G$21=$B$24,21,0),MOD($C4473,24)+1)/SUM(INDEX($D$3:$AA$30,INDEX(Jesper!$R$2:$R$366,ROW(INDEX(Jesper!AK$2:AK$366,ROUNDDOWN($C4473/24,0)+1,1))-1)+IF('Standard Profiles'!$G$21=$B$10,7,0)+IF('Standard Profiles'!$G$21=$B$17,14,0)+IF('Standard Profiles'!$G$21=$B$24,21,0),0)),0)</f>
        <v>0</v>
      </c>
      <c r="H4473" cm="1">
        <f t="array" ref="H4473">IFERROR(INDEX(Jesper!AL$2:AL$366,ROUNDDOWN($C4473/24,0)+1,1)*INDEX($D$3:$AA$30,INDEX(Jesper!$R$2:$R$366,ROW(INDEX(Jesper!AL$2:AL$366,ROUNDDOWN($C4473/24,0)+1,1))-1)+IF('Standard Profiles'!$G$22=$B$10,7,0)+IF('Standard Profiles'!$G$22=$B$17,14,0)+IF('Standard Profiles'!$G$22=$B$24,21,0),MOD($C4473,24)+1)/SUM(INDEX($D$3:$AA$30,INDEX(Jesper!$R$2:$R$366,ROW(INDEX(Jesper!AL$2:AL$366,ROUNDDOWN($C4473/24,0)+1,1))-1)+IF('Standard Profiles'!$G$22=$B$10,7,0)+IF('Standard Profiles'!$G$22=$B$17,14,0)+IF('Standard Profiles'!$G$22=$B$24,21,0),0)),0)</f>
        <v>0</v>
      </c>
      <c r="I4473">
        <f t="shared" si="503"/>
        <v>0.21184714741914937</v>
      </c>
      <c r="J4473">
        <f t="shared" si="504"/>
        <v>0.70615715806383128</v>
      </c>
      <c r="K4473">
        <f t="shared" si="505"/>
        <v>1.0592357370957468</v>
      </c>
      <c r="L4473">
        <f t="shared" si="506"/>
        <v>5.084331538059585</v>
      </c>
      <c r="M4473">
        <f t="shared" si="507"/>
        <v>0</v>
      </c>
      <c r="N4473" s="46">
        <f t="shared" si="508"/>
        <v>45476.958333322567</v>
      </c>
    </row>
    <row r="4474" spans="2:14" x14ac:dyDescent="0.3">
      <c r="B4474">
        <f t="shared" si="502"/>
        <v>4</v>
      </c>
      <c r="C4474" s="16">
        <v>4440</v>
      </c>
      <c r="D4474" cm="1">
        <f t="array" ref="D4474">IFERROR(INDEX(Jesper!AH$2:AH$366,ROUNDDOWN($C4474/24,0)+1,1)*INDEX($D$3:$AA$30,INDEX(Jesper!$R$2:$R$366,ROW(INDEX(Jesper!AH$2:AH$366,ROUNDDOWN($C4474/24,0)+1,1))-1)+IF('Standard Profiles'!$G$18=$B$10,7,0)+IF('Standard Profiles'!$G$18=$B$17,14,0)+IF('Standard Profiles'!$G$18=$B$24,21,0),MOD($C4474,24)+1)/SUM(INDEX($D$3:$AA$30,INDEX(Jesper!$R$2:$R$366,ROW(INDEX(Jesper!AH$2:AH$366,ROUNDDOWN($C4474/24,0)+1,1))-1)+IF('Standard Profiles'!$G$18=$B$10,7,0)+IF('Standard Profiles'!$G$18=$B$17,14,0)+IF('Standard Profiles'!$G$18=$B$24,21,0),0)),0)</f>
        <v>6.8748338734195151</v>
      </c>
      <c r="E4474" cm="1">
        <f t="array" ref="E4474">IFERROR(INDEX(Jesper!AI$2:AI$366,ROUNDDOWN($C4474/24,0)+1,1)*INDEX($D$3:$AA$30,INDEX(Jesper!$R$2:$R$366,ROW(INDEX(Jesper!AI$2:AI$366,ROUNDDOWN($C4474/24,0)+1,1))-1)+IF('Standard Profiles'!$G$19=$B$10,7,0)+IF('Standard Profiles'!$G$19=$B$17,14,0)+IF('Standard Profiles'!$G$19=$B$24,21,0),MOD($C4474,24)+1)/SUM(INDEX($D$3:$AA$30,INDEX(Jesper!$R$2:$R$366,ROW(INDEX(Jesper!AI$2:AI$366,ROUNDDOWN($C4474/24,0)+1,1))-1)+IF('Standard Profiles'!$G$19=$B$10,7,0)+IF('Standard Profiles'!$G$19=$B$17,14,0)+IF('Standard Profiles'!$G$19=$B$24,21,0),0)),0)</f>
        <v>0</v>
      </c>
      <c r="F4474" cm="1">
        <f t="array" ref="F4474">IFERROR(INDEX(Jesper!AJ$2:AJ$366,ROUNDDOWN($C4474/24,0)+1,1)*INDEX($D$3:$AA$30,INDEX(Jesper!$R$2:$R$366,ROW(INDEX(Jesper!AJ$2:AJ$366,ROUNDDOWN($C4474/24,0)+1,1))-1)+IF('Standard Profiles'!$G$20=$B$10,7,0)+IF('Standard Profiles'!$G$20=$B$17,14,0)+IF('Standard Profiles'!$G$20=$B$24,21,0),MOD($C4474,24)+1)/SUM(INDEX($D$3:$AA$30,INDEX(Jesper!$R$2:$R$366,ROW(INDEX(Jesper!AJ$2:AJ$366,ROUNDDOWN($C4474/24,0)+1,1))-1)+IF('Standard Profiles'!$G$20=$B$10,7,0)+IF('Standard Profiles'!$G$20=$B$17,14,0)+IF('Standard Profiles'!$G$20=$B$24,21,0),0)),0)</f>
        <v>0</v>
      </c>
      <c r="G4474" cm="1">
        <f t="array" ref="G4474">IFERROR(INDEX(Jesper!AK$2:AK$366,ROUNDDOWN($C4474/24,0)+1,1)*INDEX($D$3:$AA$30,INDEX(Jesper!$R$2:$R$366,ROW(INDEX(Jesper!AK$2:AK$366,ROUNDDOWN($C4474/24,0)+1,1))-1)+IF('Standard Profiles'!$G$21=$B$10,7,0)+IF('Standard Profiles'!$G$21=$B$17,14,0)+IF('Standard Profiles'!$G$21=$B$24,21,0),MOD($C4474,24)+1)/SUM(INDEX($D$3:$AA$30,INDEX(Jesper!$R$2:$R$366,ROW(INDEX(Jesper!AK$2:AK$366,ROUNDDOWN($C4474/24,0)+1,1))-1)+IF('Standard Profiles'!$G$21=$B$10,7,0)+IF('Standard Profiles'!$G$21=$B$17,14,0)+IF('Standard Profiles'!$G$21=$B$24,21,0),0)),0)</f>
        <v>0</v>
      </c>
      <c r="H4474" cm="1">
        <f t="array" ref="H4474">IFERROR(INDEX(Jesper!AL$2:AL$366,ROUNDDOWN($C4474/24,0)+1,1)*INDEX($D$3:$AA$30,INDEX(Jesper!$R$2:$R$366,ROW(INDEX(Jesper!AL$2:AL$366,ROUNDDOWN($C4474/24,0)+1,1))-1)+IF('Standard Profiles'!$G$22=$B$10,7,0)+IF('Standard Profiles'!$G$22=$B$17,14,0)+IF('Standard Profiles'!$G$22=$B$24,21,0),MOD($C4474,24)+1)/SUM(INDEX($D$3:$AA$30,INDEX(Jesper!$R$2:$R$366,ROW(INDEX(Jesper!AL$2:AL$366,ROUNDDOWN($C4474/24,0)+1,1))-1)+IF('Standard Profiles'!$G$22=$B$10,7,0)+IF('Standard Profiles'!$G$22=$B$17,14,0)+IF('Standard Profiles'!$G$22=$B$24,21,0),0)),0)</f>
        <v>0</v>
      </c>
      <c r="I4474">
        <f t="shared" si="503"/>
        <v>0.20624501620258545</v>
      </c>
      <c r="J4474">
        <f t="shared" si="504"/>
        <v>0.68748338734195158</v>
      </c>
      <c r="K4474">
        <f t="shared" si="505"/>
        <v>1.0312250810129273</v>
      </c>
      <c r="L4474">
        <f t="shared" si="506"/>
        <v>4.9498803888620504</v>
      </c>
      <c r="M4474">
        <f t="shared" si="507"/>
        <v>0</v>
      </c>
      <c r="N4474" s="46">
        <f t="shared" si="508"/>
        <v>45476.999999989232</v>
      </c>
    </row>
    <row r="4475" spans="2:14" x14ac:dyDescent="0.3">
      <c r="B4475">
        <f t="shared" si="502"/>
        <v>4</v>
      </c>
      <c r="C4475" s="16">
        <v>4441</v>
      </c>
      <c r="D4475" cm="1">
        <f t="array" ref="D4475">IFERROR(INDEX(Jesper!AH$2:AH$366,ROUNDDOWN($C4475/24,0)+1,1)*INDEX($D$3:$AA$30,INDEX(Jesper!$R$2:$R$366,ROW(INDEX(Jesper!AH$2:AH$366,ROUNDDOWN($C4475/24,0)+1,1))-1)+IF('Standard Profiles'!$G$18=$B$10,7,0)+IF('Standard Profiles'!$G$18=$B$17,14,0)+IF('Standard Profiles'!$G$18=$B$24,21,0),MOD($C4475,24)+1)/SUM(INDEX($D$3:$AA$30,INDEX(Jesper!$R$2:$R$366,ROW(INDEX(Jesper!AH$2:AH$366,ROUNDDOWN($C4475/24,0)+1,1))-1)+IF('Standard Profiles'!$G$18=$B$10,7,0)+IF('Standard Profiles'!$G$18=$B$17,14,0)+IF('Standard Profiles'!$G$18=$B$24,21,0),0)),0)</f>
        <v>6.8748338734195151</v>
      </c>
      <c r="E4475" cm="1">
        <f t="array" ref="E4475">IFERROR(INDEX(Jesper!AI$2:AI$366,ROUNDDOWN($C4475/24,0)+1,1)*INDEX($D$3:$AA$30,INDEX(Jesper!$R$2:$R$366,ROW(INDEX(Jesper!AI$2:AI$366,ROUNDDOWN($C4475/24,0)+1,1))-1)+IF('Standard Profiles'!$G$19=$B$10,7,0)+IF('Standard Profiles'!$G$19=$B$17,14,0)+IF('Standard Profiles'!$G$19=$B$24,21,0),MOD($C4475,24)+1)/SUM(INDEX($D$3:$AA$30,INDEX(Jesper!$R$2:$R$366,ROW(INDEX(Jesper!AI$2:AI$366,ROUNDDOWN($C4475/24,0)+1,1))-1)+IF('Standard Profiles'!$G$19=$B$10,7,0)+IF('Standard Profiles'!$G$19=$B$17,14,0)+IF('Standard Profiles'!$G$19=$B$24,21,0),0)),0)</f>
        <v>0</v>
      </c>
      <c r="F4475" cm="1">
        <f t="array" ref="F4475">IFERROR(INDEX(Jesper!AJ$2:AJ$366,ROUNDDOWN($C4475/24,0)+1,1)*INDEX($D$3:$AA$30,INDEX(Jesper!$R$2:$R$366,ROW(INDEX(Jesper!AJ$2:AJ$366,ROUNDDOWN($C4475/24,0)+1,1))-1)+IF('Standard Profiles'!$G$20=$B$10,7,0)+IF('Standard Profiles'!$G$20=$B$17,14,0)+IF('Standard Profiles'!$G$20=$B$24,21,0),MOD($C4475,24)+1)/SUM(INDEX($D$3:$AA$30,INDEX(Jesper!$R$2:$R$366,ROW(INDEX(Jesper!AJ$2:AJ$366,ROUNDDOWN($C4475/24,0)+1,1))-1)+IF('Standard Profiles'!$G$20=$B$10,7,0)+IF('Standard Profiles'!$G$20=$B$17,14,0)+IF('Standard Profiles'!$G$20=$B$24,21,0),0)),0)</f>
        <v>0</v>
      </c>
      <c r="G4475" cm="1">
        <f t="array" ref="G4475">IFERROR(INDEX(Jesper!AK$2:AK$366,ROUNDDOWN($C4475/24,0)+1,1)*INDEX($D$3:$AA$30,INDEX(Jesper!$R$2:$R$366,ROW(INDEX(Jesper!AK$2:AK$366,ROUNDDOWN($C4475/24,0)+1,1))-1)+IF('Standard Profiles'!$G$21=$B$10,7,0)+IF('Standard Profiles'!$G$21=$B$17,14,0)+IF('Standard Profiles'!$G$21=$B$24,21,0),MOD($C4475,24)+1)/SUM(INDEX($D$3:$AA$30,INDEX(Jesper!$R$2:$R$366,ROW(INDEX(Jesper!AK$2:AK$366,ROUNDDOWN($C4475/24,0)+1,1))-1)+IF('Standard Profiles'!$G$21=$B$10,7,0)+IF('Standard Profiles'!$G$21=$B$17,14,0)+IF('Standard Profiles'!$G$21=$B$24,21,0),0)),0)</f>
        <v>0</v>
      </c>
      <c r="H4475" cm="1">
        <f t="array" ref="H4475">IFERROR(INDEX(Jesper!AL$2:AL$366,ROUNDDOWN($C4475/24,0)+1,1)*INDEX($D$3:$AA$30,INDEX(Jesper!$R$2:$R$366,ROW(INDEX(Jesper!AL$2:AL$366,ROUNDDOWN($C4475/24,0)+1,1))-1)+IF('Standard Profiles'!$G$22=$B$10,7,0)+IF('Standard Profiles'!$G$22=$B$17,14,0)+IF('Standard Profiles'!$G$22=$B$24,21,0),MOD($C4475,24)+1)/SUM(INDEX($D$3:$AA$30,INDEX(Jesper!$R$2:$R$366,ROW(INDEX(Jesper!AL$2:AL$366,ROUNDDOWN($C4475/24,0)+1,1))-1)+IF('Standard Profiles'!$G$22=$B$10,7,0)+IF('Standard Profiles'!$G$22=$B$17,14,0)+IF('Standard Profiles'!$G$22=$B$24,21,0),0)),0)</f>
        <v>0</v>
      </c>
      <c r="I4475">
        <f t="shared" si="503"/>
        <v>0.20624501620258545</v>
      </c>
      <c r="J4475">
        <f t="shared" si="504"/>
        <v>0.68748338734195158</v>
      </c>
      <c r="K4475">
        <f t="shared" si="505"/>
        <v>1.0312250810129273</v>
      </c>
      <c r="L4475">
        <f t="shared" si="506"/>
        <v>4.9498803888620504</v>
      </c>
      <c r="M4475">
        <f t="shared" si="507"/>
        <v>0</v>
      </c>
      <c r="N4475" s="46">
        <f t="shared" si="508"/>
        <v>45477.041666655896</v>
      </c>
    </row>
    <row r="4476" spans="2:14" x14ac:dyDescent="0.3">
      <c r="B4476">
        <f t="shared" si="502"/>
        <v>4</v>
      </c>
      <c r="C4476" s="16">
        <v>4442</v>
      </c>
      <c r="D4476" cm="1">
        <f t="array" ref="D4476">IFERROR(INDEX(Jesper!AH$2:AH$366,ROUNDDOWN($C4476/24,0)+1,1)*INDEX($D$3:$AA$30,INDEX(Jesper!$R$2:$R$366,ROW(INDEX(Jesper!AH$2:AH$366,ROUNDDOWN($C4476/24,0)+1,1))-1)+IF('Standard Profiles'!$G$18=$B$10,7,0)+IF('Standard Profiles'!$G$18=$B$17,14,0)+IF('Standard Profiles'!$G$18=$B$24,21,0),MOD($C4476,24)+1)/SUM(INDEX($D$3:$AA$30,INDEX(Jesper!$R$2:$R$366,ROW(INDEX(Jesper!AH$2:AH$366,ROUNDDOWN($C4476/24,0)+1,1))-1)+IF('Standard Profiles'!$G$18=$B$10,7,0)+IF('Standard Profiles'!$G$18=$B$17,14,0)+IF('Standard Profiles'!$G$18=$B$24,21,0),0)),0)</f>
        <v>6.8748338734195151</v>
      </c>
      <c r="E4476" cm="1">
        <f t="array" ref="E4476">IFERROR(INDEX(Jesper!AI$2:AI$366,ROUNDDOWN($C4476/24,0)+1,1)*INDEX($D$3:$AA$30,INDEX(Jesper!$R$2:$R$366,ROW(INDEX(Jesper!AI$2:AI$366,ROUNDDOWN($C4476/24,0)+1,1))-1)+IF('Standard Profiles'!$G$19=$B$10,7,0)+IF('Standard Profiles'!$G$19=$B$17,14,0)+IF('Standard Profiles'!$G$19=$B$24,21,0),MOD($C4476,24)+1)/SUM(INDEX($D$3:$AA$30,INDEX(Jesper!$R$2:$R$366,ROW(INDEX(Jesper!AI$2:AI$366,ROUNDDOWN($C4476/24,0)+1,1))-1)+IF('Standard Profiles'!$G$19=$B$10,7,0)+IF('Standard Profiles'!$G$19=$B$17,14,0)+IF('Standard Profiles'!$G$19=$B$24,21,0),0)),0)</f>
        <v>0</v>
      </c>
      <c r="F4476" cm="1">
        <f t="array" ref="F4476">IFERROR(INDEX(Jesper!AJ$2:AJ$366,ROUNDDOWN($C4476/24,0)+1,1)*INDEX($D$3:$AA$30,INDEX(Jesper!$R$2:$R$366,ROW(INDEX(Jesper!AJ$2:AJ$366,ROUNDDOWN($C4476/24,0)+1,1))-1)+IF('Standard Profiles'!$G$20=$B$10,7,0)+IF('Standard Profiles'!$G$20=$B$17,14,0)+IF('Standard Profiles'!$G$20=$B$24,21,0),MOD($C4476,24)+1)/SUM(INDEX($D$3:$AA$30,INDEX(Jesper!$R$2:$R$366,ROW(INDEX(Jesper!AJ$2:AJ$366,ROUNDDOWN($C4476/24,0)+1,1))-1)+IF('Standard Profiles'!$G$20=$B$10,7,0)+IF('Standard Profiles'!$G$20=$B$17,14,0)+IF('Standard Profiles'!$G$20=$B$24,21,0),0)),0)</f>
        <v>0</v>
      </c>
      <c r="G4476" cm="1">
        <f t="array" ref="G4476">IFERROR(INDEX(Jesper!AK$2:AK$366,ROUNDDOWN($C4476/24,0)+1,1)*INDEX($D$3:$AA$30,INDEX(Jesper!$R$2:$R$366,ROW(INDEX(Jesper!AK$2:AK$366,ROUNDDOWN($C4476/24,0)+1,1))-1)+IF('Standard Profiles'!$G$21=$B$10,7,0)+IF('Standard Profiles'!$G$21=$B$17,14,0)+IF('Standard Profiles'!$G$21=$B$24,21,0),MOD($C4476,24)+1)/SUM(INDEX($D$3:$AA$30,INDEX(Jesper!$R$2:$R$366,ROW(INDEX(Jesper!AK$2:AK$366,ROUNDDOWN($C4476/24,0)+1,1))-1)+IF('Standard Profiles'!$G$21=$B$10,7,0)+IF('Standard Profiles'!$G$21=$B$17,14,0)+IF('Standard Profiles'!$G$21=$B$24,21,0),0)),0)</f>
        <v>0</v>
      </c>
      <c r="H4476" cm="1">
        <f t="array" ref="H4476">IFERROR(INDEX(Jesper!AL$2:AL$366,ROUNDDOWN($C4476/24,0)+1,1)*INDEX($D$3:$AA$30,INDEX(Jesper!$R$2:$R$366,ROW(INDEX(Jesper!AL$2:AL$366,ROUNDDOWN($C4476/24,0)+1,1))-1)+IF('Standard Profiles'!$G$22=$B$10,7,0)+IF('Standard Profiles'!$G$22=$B$17,14,0)+IF('Standard Profiles'!$G$22=$B$24,21,0),MOD($C4476,24)+1)/SUM(INDEX($D$3:$AA$30,INDEX(Jesper!$R$2:$R$366,ROW(INDEX(Jesper!AL$2:AL$366,ROUNDDOWN($C4476/24,0)+1,1))-1)+IF('Standard Profiles'!$G$22=$B$10,7,0)+IF('Standard Profiles'!$G$22=$B$17,14,0)+IF('Standard Profiles'!$G$22=$B$24,21,0),0)),0)</f>
        <v>0</v>
      </c>
      <c r="I4476">
        <f t="shared" si="503"/>
        <v>0.20624501620258545</v>
      </c>
      <c r="J4476">
        <f t="shared" si="504"/>
        <v>0.68748338734195158</v>
      </c>
      <c r="K4476">
        <f t="shared" si="505"/>
        <v>1.0312250810129273</v>
      </c>
      <c r="L4476">
        <f t="shared" si="506"/>
        <v>4.9498803888620504</v>
      </c>
      <c r="M4476">
        <f t="shared" si="507"/>
        <v>0</v>
      </c>
      <c r="N4476" s="46">
        <f t="shared" si="508"/>
        <v>45477.08333332256</v>
      </c>
    </row>
    <row r="4477" spans="2:14" x14ac:dyDescent="0.3">
      <c r="B4477">
        <f t="shared" si="502"/>
        <v>4</v>
      </c>
      <c r="C4477" s="16">
        <v>4443</v>
      </c>
      <c r="D4477" cm="1">
        <f t="array" ref="D4477">IFERROR(INDEX(Jesper!AH$2:AH$366,ROUNDDOWN($C4477/24,0)+1,1)*INDEX($D$3:$AA$30,INDEX(Jesper!$R$2:$R$366,ROW(INDEX(Jesper!AH$2:AH$366,ROUNDDOWN($C4477/24,0)+1,1))-1)+IF('Standard Profiles'!$G$18=$B$10,7,0)+IF('Standard Profiles'!$G$18=$B$17,14,0)+IF('Standard Profiles'!$G$18=$B$24,21,0),MOD($C4477,24)+1)/SUM(INDEX($D$3:$AA$30,INDEX(Jesper!$R$2:$R$366,ROW(INDEX(Jesper!AH$2:AH$366,ROUNDDOWN($C4477/24,0)+1,1))-1)+IF('Standard Profiles'!$G$18=$B$10,7,0)+IF('Standard Profiles'!$G$18=$B$17,14,0)+IF('Standard Profiles'!$G$18=$B$24,21,0),0)),0)</f>
        <v>6.8748338734195151</v>
      </c>
      <c r="E4477" cm="1">
        <f t="array" ref="E4477">IFERROR(INDEX(Jesper!AI$2:AI$366,ROUNDDOWN($C4477/24,0)+1,1)*INDEX($D$3:$AA$30,INDEX(Jesper!$R$2:$R$366,ROW(INDEX(Jesper!AI$2:AI$366,ROUNDDOWN($C4477/24,0)+1,1))-1)+IF('Standard Profiles'!$G$19=$B$10,7,0)+IF('Standard Profiles'!$G$19=$B$17,14,0)+IF('Standard Profiles'!$G$19=$B$24,21,0),MOD($C4477,24)+1)/SUM(INDEX($D$3:$AA$30,INDEX(Jesper!$R$2:$R$366,ROW(INDEX(Jesper!AI$2:AI$366,ROUNDDOWN($C4477/24,0)+1,1))-1)+IF('Standard Profiles'!$G$19=$B$10,7,0)+IF('Standard Profiles'!$G$19=$B$17,14,0)+IF('Standard Profiles'!$G$19=$B$24,21,0),0)),0)</f>
        <v>0</v>
      </c>
      <c r="F4477" cm="1">
        <f t="array" ref="F4477">IFERROR(INDEX(Jesper!AJ$2:AJ$366,ROUNDDOWN($C4477/24,0)+1,1)*INDEX($D$3:$AA$30,INDEX(Jesper!$R$2:$R$366,ROW(INDEX(Jesper!AJ$2:AJ$366,ROUNDDOWN($C4477/24,0)+1,1))-1)+IF('Standard Profiles'!$G$20=$B$10,7,0)+IF('Standard Profiles'!$G$20=$B$17,14,0)+IF('Standard Profiles'!$G$20=$B$24,21,0),MOD($C4477,24)+1)/SUM(INDEX($D$3:$AA$30,INDEX(Jesper!$R$2:$R$366,ROW(INDEX(Jesper!AJ$2:AJ$366,ROUNDDOWN($C4477/24,0)+1,1))-1)+IF('Standard Profiles'!$G$20=$B$10,7,0)+IF('Standard Profiles'!$G$20=$B$17,14,0)+IF('Standard Profiles'!$G$20=$B$24,21,0),0)),0)</f>
        <v>0</v>
      </c>
      <c r="G4477" cm="1">
        <f t="array" ref="G4477">IFERROR(INDEX(Jesper!AK$2:AK$366,ROUNDDOWN($C4477/24,0)+1,1)*INDEX($D$3:$AA$30,INDEX(Jesper!$R$2:$R$366,ROW(INDEX(Jesper!AK$2:AK$366,ROUNDDOWN($C4477/24,0)+1,1))-1)+IF('Standard Profiles'!$G$21=$B$10,7,0)+IF('Standard Profiles'!$G$21=$B$17,14,0)+IF('Standard Profiles'!$G$21=$B$24,21,0),MOD($C4477,24)+1)/SUM(INDEX($D$3:$AA$30,INDEX(Jesper!$R$2:$R$366,ROW(INDEX(Jesper!AK$2:AK$366,ROUNDDOWN($C4477/24,0)+1,1))-1)+IF('Standard Profiles'!$G$21=$B$10,7,0)+IF('Standard Profiles'!$G$21=$B$17,14,0)+IF('Standard Profiles'!$G$21=$B$24,21,0),0)),0)</f>
        <v>0</v>
      </c>
      <c r="H4477" cm="1">
        <f t="array" ref="H4477">IFERROR(INDEX(Jesper!AL$2:AL$366,ROUNDDOWN($C4477/24,0)+1,1)*INDEX($D$3:$AA$30,INDEX(Jesper!$R$2:$R$366,ROW(INDEX(Jesper!AL$2:AL$366,ROUNDDOWN($C4477/24,0)+1,1))-1)+IF('Standard Profiles'!$G$22=$B$10,7,0)+IF('Standard Profiles'!$G$22=$B$17,14,0)+IF('Standard Profiles'!$G$22=$B$24,21,0),MOD($C4477,24)+1)/SUM(INDEX($D$3:$AA$30,INDEX(Jesper!$R$2:$R$366,ROW(INDEX(Jesper!AL$2:AL$366,ROUNDDOWN($C4477/24,0)+1,1))-1)+IF('Standard Profiles'!$G$22=$B$10,7,0)+IF('Standard Profiles'!$G$22=$B$17,14,0)+IF('Standard Profiles'!$G$22=$B$24,21,0),0)),0)</f>
        <v>0</v>
      </c>
      <c r="I4477">
        <f t="shared" si="503"/>
        <v>0.20624501620258545</v>
      </c>
      <c r="J4477">
        <f t="shared" si="504"/>
        <v>0.68748338734195158</v>
      </c>
      <c r="K4477">
        <f t="shared" si="505"/>
        <v>1.0312250810129273</v>
      </c>
      <c r="L4477">
        <f t="shared" si="506"/>
        <v>4.9498803888620504</v>
      </c>
      <c r="M4477">
        <f t="shared" si="507"/>
        <v>0</v>
      </c>
      <c r="N4477" s="46">
        <f t="shared" si="508"/>
        <v>45477.124999989224</v>
      </c>
    </row>
    <row r="4478" spans="2:14" x14ac:dyDescent="0.3">
      <c r="B4478">
        <f t="shared" si="502"/>
        <v>4</v>
      </c>
      <c r="C4478" s="16">
        <v>4444</v>
      </c>
      <c r="D4478" cm="1">
        <f t="array" ref="D4478">IFERROR(INDEX(Jesper!AH$2:AH$366,ROUNDDOWN($C4478/24,0)+1,1)*INDEX($D$3:$AA$30,INDEX(Jesper!$R$2:$R$366,ROW(INDEX(Jesper!AH$2:AH$366,ROUNDDOWN($C4478/24,0)+1,1))-1)+IF('Standard Profiles'!$G$18=$B$10,7,0)+IF('Standard Profiles'!$G$18=$B$17,14,0)+IF('Standard Profiles'!$G$18=$B$24,21,0),MOD($C4478,24)+1)/SUM(INDEX($D$3:$AA$30,INDEX(Jesper!$R$2:$R$366,ROW(INDEX(Jesper!AH$2:AH$366,ROUNDDOWN($C4478/24,0)+1,1))-1)+IF('Standard Profiles'!$G$18=$B$10,7,0)+IF('Standard Profiles'!$G$18=$B$17,14,0)+IF('Standard Profiles'!$G$18=$B$24,21,0),0)),0)</f>
        <v>6.8748338734195151</v>
      </c>
      <c r="E4478" cm="1">
        <f t="array" ref="E4478">IFERROR(INDEX(Jesper!AI$2:AI$366,ROUNDDOWN($C4478/24,0)+1,1)*INDEX($D$3:$AA$30,INDEX(Jesper!$R$2:$R$366,ROW(INDEX(Jesper!AI$2:AI$366,ROUNDDOWN($C4478/24,0)+1,1))-1)+IF('Standard Profiles'!$G$19=$B$10,7,0)+IF('Standard Profiles'!$G$19=$B$17,14,0)+IF('Standard Profiles'!$G$19=$B$24,21,0),MOD($C4478,24)+1)/SUM(INDEX($D$3:$AA$30,INDEX(Jesper!$R$2:$R$366,ROW(INDEX(Jesper!AI$2:AI$366,ROUNDDOWN($C4478/24,0)+1,1))-1)+IF('Standard Profiles'!$G$19=$B$10,7,0)+IF('Standard Profiles'!$G$19=$B$17,14,0)+IF('Standard Profiles'!$G$19=$B$24,21,0),0)),0)</f>
        <v>0</v>
      </c>
      <c r="F4478" cm="1">
        <f t="array" ref="F4478">IFERROR(INDEX(Jesper!AJ$2:AJ$366,ROUNDDOWN($C4478/24,0)+1,1)*INDEX($D$3:$AA$30,INDEX(Jesper!$R$2:$R$366,ROW(INDEX(Jesper!AJ$2:AJ$366,ROUNDDOWN($C4478/24,0)+1,1))-1)+IF('Standard Profiles'!$G$20=$B$10,7,0)+IF('Standard Profiles'!$G$20=$B$17,14,0)+IF('Standard Profiles'!$G$20=$B$24,21,0),MOD($C4478,24)+1)/SUM(INDEX($D$3:$AA$30,INDEX(Jesper!$R$2:$R$366,ROW(INDEX(Jesper!AJ$2:AJ$366,ROUNDDOWN($C4478/24,0)+1,1))-1)+IF('Standard Profiles'!$G$20=$B$10,7,0)+IF('Standard Profiles'!$G$20=$B$17,14,0)+IF('Standard Profiles'!$G$20=$B$24,21,0),0)),0)</f>
        <v>0</v>
      </c>
      <c r="G4478" cm="1">
        <f t="array" ref="G4478">IFERROR(INDEX(Jesper!AK$2:AK$366,ROUNDDOWN($C4478/24,0)+1,1)*INDEX($D$3:$AA$30,INDEX(Jesper!$R$2:$R$366,ROW(INDEX(Jesper!AK$2:AK$366,ROUNDDOWN($C4478/24,0)+1,1))-1)+IF('Standard Profiles'!$G$21=$B$10,7,0)+IF('Standard Profiles'!$G$21=$B$17,14,0)+IF('Standard Profiles'!$G$21=$B$24,21,0),MOD($C4478,24)+1)/SUM(INDEX($D$3:$AA$30,INDEX(Jesper!$R$2:$R$366,ROW(INDEX(Jesper!AK$2:AK$366,ROUNDDOWN($C4478/24,0)+1,1))-1)+IF('Standard Profiles'!$G$21=$B$10,7,0)+IF('Standard Profiles'!$G$21=$B$17,14,0)+IF('Standard Profiles'!$G$21=$B$24,21,0),0)),0)</f>
        <v>0</v>
      </c>
      <c r="H4478" cm="1">
        <f t="array" ref="H4478">IFERROR(INDEX(Jesper!AL$2:AL$366,ROUNDDOWN($C4478/24,0)+1,1)*INDEX($D$3:$AA$30,INDEX(Jesper!$R$2:$R$366,ROW(INDEX(Jesper!AL$2:AL$366,ROUNDDOWN($C4478/24,0)+1,1))-1)+IF('Standard Profiles'!$G$22=$B$10,7,0)+IF('Standard Profiles'!$G$22=$B$17,14,0)+IF('Standard Profiles'!$G$22=$B$24,21,0),MOD($C4478,24)+1)/SUM(INDEX($D$3:$AA$30,INDEX(Jesper!$R$2:$R$366,ROW(INDEX(Jesper!AL$2:AL$366,ROUNDDOWN($C4478/24,0)+1,1))-1)+IF('Standard Profiles'!$G$22=$B$10,7,0)+IF('Standard Profiles'!$G$22=$B$17,14,0)+IF('Standard Profiles'!$G$22=$B$24,21,0),0)),0)</f>
        <v>0</v>
      </c>
      <c r="I4478">
        <f t="shared" si="503"/>
        <v>0.20624501620258545</v>
      </c>
      <c r="J4478">
        <f t="shared" si="504"/>
        <v>0.68748338734195158</v>
      </c>
      <c r="K4478">
        <f t="shared" si="505"/>
        <v>1.0312250810129273</v>
      </c>
      <c r="L4478">
        <f t="shared" si="506"/>
        <v>4.9498803888620504</v>
      </c>
      <c r="M4478">
        <f t="shared" si="507"/>
        <v>0</v>
      </c>
      <c r="N4478" s="46">
        <f t="shared" si="508"/>
        <v>45477.166666655889</v>
      </c>
    </row>
    <row r="4479" spans="2:14" x14ac:dyDescent="0.3">
      <c r="B4479">
        <f t="shared" si="502"/>
        <v>4</v>
      </c>
      <c r="C4479" s="16">
        <v>4445</v>
      </c>
      <c r="D4479" cm="1">
        <f t="array" ref="D4479">IFERROR(INDEX(Jesper!AH$2:AH$366,ROUNDDOWN($C4479/24,0)+1,1)*INDEX($D$3:$AA$30,INDEX(Jesper!$R$2:$R$366,ROW(INDEX(Jesper!AH$2:AH$366,ROUNDDOWN($C4479/24,0)+1,1))-1)+IF('Standard Profiles'!$G$18=$B$10,7,0)+IF('Standard Profiles'!$G$18=$B$17,14,0)+IF('Standard Profiles'!$G$18=$B$24,21,0),MOD($C4479,24)+1)/SUM(INDEX($D$3:$AA$30,INDEX(Jesper!$R$2:$R$366,ROW(INDEX(Jesper!AH$2:AH$366,ROUNDDOWN($C4479/24,0)+1,1))-1)+IF('Standard Profiles'!$G$18=$B$10,7,0)+IF('Standard Profiles'!$G$18=$B$17,14,0)+IF('Standard Profiles'!$G$18=$B$24,21,0),0)),0)</f>
        <v>8.8608969924073744</v>
      </c>
      <c r="E4479" cm="1">
        <f t="array" ref="E4479">IFERROR(INDEX(Jesper!AI$2:AI$366,ROUNDDOWN($C4479/24,0)+1,1)*INDEX($D$3:$AA$30,INDEX(Jesper!$R$2:$R$366,ROW(INDEX(Jesper!AI$2:AI$366,ROUNDDOWN($C4479/24,0)+1,1))-1)+IF('Standard Profiles'!$G$19=$B$10,7,0)+IF('Standard Profiles'!$G$19=$B$17,14,0)+IF('Standard Profiles'!$G$19=$B$24,21,0),MOD($C4479,24)+1)/SUM(INDEX($D$3:$AA$30,INDEX(Jesper!$R$2:$R$366,ROW(INDEX(Jesper!AI$2:AI$366,ROUNDDOWN($C4479/24,0)+1,1))-1)+IF('Standard Profiles'!$G$19=$B$10,7,0)+IF('Standard Profiles'!$G$19=$B$17,14,0)+IF('Standard Profiles'!$G$19=$B$24,21,0),0)),0)</f>
        <v>0</v>
      </c>
      <c r="F4479" cm="1">
        <f t="array" ref="F4479">IFERROR(INDEX(Jesper!AJ$2:AJ$366,ROUNDDOWN($C4479/24,0)+1,1)*INDEX($D$3:$AA$30,INDEX(Jesper!$R$2:$R$366,ROW(INDEX(Jesper!AJ$2:AJ$366,ROUNDDOWN($C4479/24,0)+1,1))-1)+IF('Standard Profiles'!$G$20=$B$10,7,0)+IF('Standard Profiles'!$G$20=$B$17,14,0)+IF('Standard Profiles'!$G$20=$B$24,21,0),MOD($C4479,24)+1)/SUM(INDEX($D$3:$AA$30,INDEX(Jesper!$R$2:$R$366,ROW(INDEX(Jesper!AJ$2:AJ$366,ROUNDDOWN($C4479/24,0)+1,1))-1)+IF('Standard Profiles'!$G$20=$B$10,7,0)+IF('Standard Profiles'!$G$20=$B$17,14,0)+IF('Standard Profiles'!$G$20=$B$24,21,0),0)),0)</f>
        <v>0</v>
      </c>
      <c r="G4479" cm="1">
        <f t="array" ref="G4479">IFERROR(INDEX(Jesper!AK$2:AK$366,ROUNDDOWN($C4479/24,0)+1,1)*INDEX($D$3:$AA$30,INDEX(Jesper!$R$2:$R$366,ROW(INDEX(Jesper!AK$2:AK$366,ROUNDDOWN($C4479/24,0)+1,1))-1)+IF('Standard Profiles'!$G$21=$B$10,7,0)+IF('Standard Profiles'!$G$21=$B$17,14,0)+IF('Standard Profiles'!$G$21=$B$24,21,0),MOD($C4479,24)+1)/SUM(INDEX($D$3:$AA$30,INDEX(Jesper!$R$2:$R$366,ROW(INDEX(Jesper!AK$2:AK$366,ROUNDDOWN($C4479/24,0)+1,1))-1)+IF('Standard Profiles'!$G$21=$B$10,7,0)+IF('Standard Profiles'!$G$21=$B$17,14,0)+IF('Standard Profiles'!$G$21=$B$24,21,0),0)),0)</f>
        <v>0</v>
      </c>
      <c r="H4479" cm="1">
        <f t="array" ref="H4479">IFERROR(INDEX(Jesper!AL$2:AL$366,ROUNDDOWN($C4479/24,0)+1,1)*INDEX($D$3:$AA$30,INDEX(Jesper!$R$2:$R$366,ROW(INDEX(Jesper!AL$2:AL$366,ROUNDDOWN($C4479/24,0)+1,1))-1)+IF('Standard Profiles'!$G$22=$B$10,7,0)+IF('Standard Profiles'!$G$22=$B$17,14,0)+IF('Standard Profiles'!$G$22=$B$24,21,0),MOD($C4479,24)+1)/SUM(INDEX($D$3:$AA$30,INDEX(Jesper!$R$2:$R$366,ROW(INDEX(Jesper!AL$2:AL$366,ROUNDDOWN($C4479/24,0)+1,1))-1)+IF('Standard Profiles'!$G$22=$B$10,7,0)+IF('Standard Profiles'!$G$22=$B$17,14,0)+IF('Standard Profiles'!$G$22=$B$24,21,0),0)),0)</f>
        <v>0</v>
      </c>
      <c r="I4479">
        <f t="shared" si="503"/>
        <v>0.26582690977222123</v>
      </c>
      <c r="J4479">
        <f t="shared" si="504"/>
        <v>0.88608969924073744</v>
      </c>
      <c r="K4479">
        <f t="shared" si="505"/>
        <v>1.3291345488611062</v>
      </c>
      <c r="L4479">
        <f t="shared" si="506"/>
        <v>6.3798458345333096</v>
      </c>
      <c r="M4479">
        <f t="shared" si="507"/>
        <v>0</v>
      </c>
      <c r="N4479" s="46">
        <f t="shared" si="508"/>
        <v>45477.208333322553</v>
      </c>
    </row>
    <row r="4480" spans="2:14" x14ac:dyDescent="0.3">
      <c r="B4480">
        <f t="shared" si="502"/>
        <v>4</v>
      </c>
      <c r="C4480" s="16">
        <v>4446</v>
      </c>
      <c r="D4480" cm="1">
        <f t="array" ref="D4480">IFERROR(INDEX(Jesper!AH$2:AH$366,ROUNDDOWN($C4480/24,0)+1,1)*INDEX($D$3:$AA$30,INDEX(Jesper!$R$2:$R$366,ROW(INDEX(Jesper!AH$2:AH$366,ROUNDDOWN($C4480/24,0)+1,1))-1)+IF('Standard Profiles'!$G$18=$B$10,7,0)+IF('Standard Profiles'!$G$18=$B$17,14,0)+IF('Standard Profiles'!$G$18=$B$24,21,0),MOD($C4480,24)+1)/SUM(INDEX($D$3:$AA$30,INDEX(Jesper!$R$2:$R$366,ROW(INDEX(Jesper!AH$2:AH$366,ROUNDDOWN($C4480/24,0)+1,1))-1)+IF('Standard Profiles'!$G$18=$B$10,7,0)+IF('Standard Profiles'!$G$18=$B$17,14,0)+IF('Standard Profiles'!$G$18=$B$24,21,0),0)),0)</f>
        <v>10.235863767091278</v>
      </c>
      <c r="E4480" cm="1">
        <f t="array" ref="E4480">IFERROR(INDEX(Jesper!AI$2:AI$366,ROUNDDOWN($C4480/24,0)+1,1)*INDEX($D$3:$AA$30,INDEX(Jesper!$R$2:$R$366,ROW(INDEX(Jesper!AI$2:AI$366,ROUNDDOWN($C4480/24,0)+1,1))-1)+IF('Standard Profiles'!$G$19=$B$10,7,0)+IF('Standard Profiles'!$G$19=$B$17,14,0)+IF('Standard Profiles'!$G$19=$B$24,21,0),MOD($C4480,24)+1)/SUM(INDEX($D$3:$AA$30,INDEX(Jesper!$R$2:$R$366,ROW(INDEX(Jesper!AI$2:AI$366,ROUNDDOWN($C4480/24,0)+1,1))-1)+IF('Standard Profiles'!$G$19=$B$10,7,0)+IF('Standard Profiles'!$G$19=$B$17,14,0)+IF('Standard Profiles'!$G$19=$B$24,21,0),0)),0)</f>
        <v>0</v>
      </c>
      <c r="F4480" cm="1">
        <f t="array" ref="F4480">IFERROR(INDEX(Jesper!AJ$2:AJ$366,ROUNDDOWN($C4480/24,0)+1,1)*INDEX($D$3:$AA$30,INDEX(Jesper!$R$2:$R$366,ROW(INDEX(Jesper!AJ$2:AJ$366,ROUNDDOWN($C4480/24,0)+1,1))-1)+IF('Standard Profiles'!$G$20=$B$10,7,0)+IF('Standard Profiles'!$G$20=$B$17,14,0)+IF('Standard Profiles'!$G$20=$B$24,21,0),MOD($C4480,24)+1)/SUM(INDEX($D$3:$AA$30,INDEX(Jesper!$R$2:$R$366,ROW(INDEX(Jesper!AJ$2:AJ$366,ROUNDDOWN($C4480/24,0)+1,1))-1)+IF('Standard Profiles'!$G$20=$B$10,7,0)+IF('Standard Profiles'!$G$20=$B$17,14,0)+IF('Standard Profiles'!$G$20=$B$24,21,0),0)),0)</f>
        <v>0</v>
      </c>
      <c r="G4480" cm="1">
        <f t="array" ref="G4480">IFERROR(INDEX(Jesper!AK$2:AK$366,ROUNDDOWN($C4480/24,0)+1,1)*INDEX($D$3:$AA$30,INDEX(Jesper!$R$2:$R$366,ROW(INDEX(Jesper!AK$2:AK$366,ROUNDDOWN($C4480/24,0)+1,1))-1)+IF('Standard Profiles'!$G$21=$B$10,7,0)+IF('Standard Profiles'!$G$21=$B$17,14,0)+IF('Standard Profiles'!$G$21=$B$24,21,0),MOD($C4480,24)+1)/SUM(INDEX($D$3:$AA$30,INDEX(Jesper!$R$2:$R$366,ROW(INDEX(Jesper!AK$2:AK$366,ROUNDDOWN($C4480/24,0)+1,1))-1)+IF('Standard Profiles'!$G$21=$B$10,7,0)+IF('Standard Profiles'!$G$21=$B$17,14,0)+IF('Standard Profiles'!$G$21=$B$24,21,0),0)),0)</f>
        <v>0</v>
      </c>
      <c r="H4480" cm="1">
        <f t="array" ref="H4480">IFERROR(INDEX(Jesper!AL$2:AL$366,ROUNDDOWN($C4480/24,0)+1,1)*INDEX($D$3:$AA$30,INDEX(Jesper!$R$2:$R$366,ROW(INDEX(Jesper!AL$2:AL$366,ROUNDDOWN($C4480/24,0)+1,1))-1)+IF('Standard Profiles'!$G$22=$B$10,7,0)+IF('Standard Profiles'!$G$22=$B$17,14,0)+IF('Standard Profiles'!$G$22=$B$24,21,0),MOD($C4480,24)+1)/SUM(INDEX($D$3:$AA$30,INDEX(Jesper!$R$2:$R$366,ROW(INDEX(Jesper!AL$2:AL$366,ROUNDDOWN($C4480/24,0)+1,1))-1)+IF('Standard Profiles'!$G$22=$B$10,7,0)+IF('Standard Profiles'!$G$22=$B$17,14,0)+IF('Standard Profiles'!$G$22=$B$24,21,0),0)),0)</f>
        <v>0</v>
      </c>
      <c r="I4480">
        <f t="shared" si="503"/>
        <v>0.30707591301273834</v>
      </c>
      <c r="J4480">
        <f t="shared" si="504"/>
        <v>1.0235863767091278</v>
      </c>
      <c r="K4480">
        <f t="shared" si="505"/>
        <v>1.5353795650636917</v>
      </c>
      <c r="L4480">
        <f t="shared" si="506"/>
        <v>7.3698219123057198</v>
      </c>
      <c r="M4480">
        <f t="shared" si="507"/>
        <v>0</v>
      </c>
      <c r="N4480" s="46">
        <f t="shared" si="508"/>
        <v>45477.249999989217</v>
      </c>
    </row>
    <row r="4481" spans="2:14" x14ac:dyDescent="0.3">
      <c r="B4481">
        <f t="shared" si="502"/>
        <v>4</v>
      </c>
      <c r="C4481" s="16">
        <v>4447</v>
      </c>
      <c r="D4481" cm="1">
        <f t="array" ref="D4481">IFERROR(INDEX(Jesper!AH$2:AH$366,ROUNDDOWN($C4481/24,0)+1,1)*INDEX($D$3:$AA$30,INDEX(Jesper!$R$2:$R$366,ROW(INDEX(Jesper!AH$2:AH$366,ROUNDDOWN($C4481/24,0)+1,1))-1)+IF('Standard Profiles'!$G$18=$B$10,7,0)+IF('Standard Profiles'!$G$18=$B$17,14,0)+IF('Standard Profiles'!$G$18=$B$24,21,0),MOD($C4481,24)+1)/SUM(INDEX($D$3:$AA$30,INDEX(Jesper!$R$2:$R$366,ROW(INDEX(Jesper!AH$2:AH$366,ROUNDDOWN($C4481/24,0)+1,1))-1)+IF('Standard Profiles'!$G$18=$B$10,7,0)+IF('Standard Profiles'!$G$18=$B$17,14,0)+IF('Standard Profiles'!$G$18=$B$24,21,0),0)),0)</f>
        <v>10.235863767091278</v>
      </c>
      <c r="E4481" cm="1">
        <f t="array" ref="E4481">IFERROR(INDEX(Jesper!AI$2:AI$366,ROUNDDOWN($C4481/24,0)+1,1)*INDEX($D$3:$AA$30,INDEX(Jesper!$R$2:$R$366,ROW(INDEX(Jesper!AI$2:AI$366,ROUNDDOWN($C4481/24,0)+1,1))-1)+IF('Standard Profiles'!$G$19=$B$10,7,0)+IF('Standard Profiles'!$G$19=$B$17,14,0)+IF('Standard Profiles'!$G$19=$B$24,21,0),MOD($C4481,24)+1)/SUM(INDEX($D$3:$AA$30,INDEX(Jesper!$R$2:$R$366,ROW(INDEX(Jesper!AI$2:AI$366,ROUNDDOWN($C4481/24,0)+1,1))-1)+IF('Standard Profiles'!$G$19=$B$10,7,0)+IF('Standard Profiles'!$G$19=$B$17,14,0)+IF('Standard Profiles'!$G$19=$B$24,21,0),0)),0)</f>
        <v>0</v>
      </c>
      <c r="F4481" cm="1">
        <f t="array" ref="F4481">IFERROR(INDEX(Jesper!AJ$2:AJ$366,ROUNDDOWN($C4481/24,0)+1,1)*INDEX($D$3:$AA$30,INDEX(Jesper!$R$2:$R$366,ROW(INDEX(Jesper!AJ$2:AJ$366,ROUNDDOWN($C4481/24,0)+1,1))-1)+IF('Standard Profiles'!$G$20=$B$10,7,0)+IF('Standard Profiles'!$G$20=$B$17,14,0)+IF('Standard Profiles'!$G$20=$B$24,21,0),MOD($C4481,24)+1)/SUM(INDEX($D$3:$AA$30,INDEX(Jesper!$R$2:$R$366,ROW(INDEX(Jesper!AJ$2:AJ$366,ROUNDDOWN($C4481/24,0)+1,1))-1)+IF('Standard Profiles'!$G$20=$B$10,7,0)+IF('Standard Profiles'!$G$20=$B$17,14,0)+IF('Standard Profiles'!$G$20=$B$24,21,0),0)),0)</f>
        <v>0</v>
      </c>
      <c r="G4481" cm="1">
        <f t="array" ref="G4481">IFERROR(INDEX(Jesper!AK$2:AK$366,ROUNDDOWN($C4481/24,0)+1,1)*INDEX($D$3:$AA$30,INDEX(Jesper!$R$2:$R$366,ROW(INDEX(Jesper!AK$2:AK$366,ROUNDDOWN($C4481/24,0)+1,1))-1)+IF('Standard Profiles'!$G$21=$B$10,7,0)+IF('Standard Profiles'!$G$21=$B$17,14,0)+IF('Standard Profiles'!$G$21=$B$24,21,0),MOD($C4481,24)+1)/SUM(INDEX($D$3:$AA$30,INDEX(Jesper!$R$2:$R$366,ROW(INDEX(Jesper!AK$2:AK$366,ROUNDDOWN($C4481/24,0)+1,1))-1)+IF('Standard Profiles'!$G$21=$B$10,7,0)+IF('Standard Profiles'!$G$21=$B$17,14,0)+IF('Standard Profiles'!$G$21=$B$24,21,0),0)),0)</f>
        <v>0</v>
      </c>
      <c r="H4481" cm="1">
        <f t="array" ref="H4481">IFERROR(INDEX(Jesper!AL$2:AL$366,ROUNDDOWN($C4481/24,0)+1,1)*INDEX($D$3:$AA$30,INDEX(Jesper!$R$2:$R$366,ROW(INDEX(Jesper!AL$2:AL$366,ROUNDDOWN($C4481/24,0)+1,1))-1)+IF('Standard Profiles'!$G$22=$B$10,7,0)+IF('Standard Profiles'!$G$22=$B$17,14,0)+IF('Standard Profiles'!$G$22=$B$24,21,0),MOD($C4481,24)+1)/SUM(INDEX($D$3:$AA$30,INDEX(Jesper!$R$2:$R$366,ROW(INDEX(Jesper!AL$2:AL$366,ROUNDDOWN($C4481/24,0)+1,1))-1)+IF('Standard Profiles'!$G$22=$B$10,7,0)+IF('Standard Profiles'!$G$22=$B$17,14,0)+IF('Standard Profiles'!$G$22=$B$24,21,0),0)),0)</f>
        <v>0</v>
      </c>
      <c r="I4481">
        <f t="shared" si="503"/>
        <v>0.30707591301273834</v>
      </c>
      <c r="J4481">
        <f t="shared" si="504"/>
        <v>1.0235863767091278</v>
      </c>
      <c r="K4481">
        <f t="shared" si="505"/>
        <v>1.5353795650636917</v>
      </c>
      <c r="L4481">
        <f t="shared" si="506"/>
        <v>7.3698219123057198</v>
      </c>
      <c r="M4481">
        <f t="shared" si="507"/>
        <v>0</v>
      </c>
      <c r="N4481" s="46">
        <f t="shared" si="508"/>
        <v>45477.291666655881</v>
      </c>
    </row>
    <row r="4482" spans="2:14" x14ac:dyDescent="0.3">
      <c r="B4482">
        <f t="shared" si="502"/>
        <v>4</v>
      </c>
      <c r="C4482" s="16">
        <v>4448</v>
      </c>
      <c r="D4482" cm="1">
        <f t="array" ref="D4482">IFERROR(INDEX(Jesper!AH$2:AH$366,ROUNDDOWN($C4482/24,0)+1,1)*INDEX($D$3:$AA$30,INDEX(Jesper!$R$2:$R$366,ROW(INDEX(Jesper!AH$2:AH$366,ROUNDDOWN($C4482/24,0)+1,1))-1)+IF('Standard Profiles'!$G$18=$B$10,7,0)+IF('Standard Profiles'!$G$18=$B$17,14,0)+IF('Standard Profiles'!$G$18=$B$24,21,0),MOD($C4482,24)+1)/SUM(INDEX($D$3:$AA$30,INDEX(Jesper!$R$2:$R$366,ROW(INDEX(Jesper!AH$2:AH$366,ROUNDDOWN($C4482/24,0)+1,1))-1)+IF('Standard Profiles'!$G$18=$B$10,7,0)+IF('Standard Profiles'!$G$18=$B$17,14,0)+IF('Standard Profiles'!$G$18=$B$24,21,0),0)),0)</f>
        <v>10.235863767091278</v>
      </c>
      <c r="E4482" cm="1">
        <f t="array" ref="E4482">IFERROR(INDEX(Jesper!AI$2:AI$366,ROUNDDOWN($C4482/24,0)+1,1)*INDEX($D$3:$AA$30,INDEX(Jesper!$R$2:$R$366,ROW(INDEX(Jesper!AI$2:AI$366,ROUNDDOWN($C4482/24,0)+1,1))-1)+IF('Standard Profiles'!$G$19=$B$10,7,0)+IF('Standard Profiles'!$G$19=$B$17,14,0)+IF('Standard Profiles'!$G$19=$B$24,21,0),MOD($C4482,24)+1)/SUM(INDEX($D$3:$AA$30,INDEX(Jesper!$R$2:$R$366,ROW(INDEX(Jesper!AI$2:AI$366,ROUNDDOWN($C4482/24,0)+1,1))-1)+IF('Standard Profiles'!$G$19=$B$10,7,0)+IF('Standard Profiles'!$G$19=$B$17,14,0)+IF('Standard Profiles'!$G$19=$B$24,21,0),0)),0)</f>
        <v>0</v>
      </c>
      <c r="F4482" cm="1">
        <f t="array" ref="F4482">IFERROR(INDEX(Jesper!AJ$2:AJ$366,ROUNDDOWN($C4482/24,0)+1,1)*INDEX($D$3:$AA$30,INDEX(Jesper!$R$2:$R$366,ROW(INDEX(Jesper!AJ$2:AJ$366,ROUNDDOWN($C4482/24,0)+1,1))-1)+IF('Standard Profiles'!$G$20=$B$10,7,0)+IF('Standard Profiles'!$G$20=$B$17,14,0)+IF('Standard Profiles'!$G$20=$B$24,21,0),MOD($C4482,24)+1)/SUM(INDEX($D$3:$AA$30,INDEX(Jesper!$R$2:$R$366,ROW(INDEX(Jesper!AJ$2:AJ$366,ROUNDDOWN($C4482/24,0)+1,1))-1)+IF('Standard Profiles'!$G$20=$B$10,7,0)+IF('Standard Profiles'!$G$20=$B$17,14,0)+IF('Standard Profiles'!$G$20=$B$24,21,0),0)),0)</f>
        <v>0</v>
      </c>
      <c r="G4482" cm="1">
        <f t="array" ref="G4482">IFERROR(INDEX(Jesper!AK$2:AK$366,ROUNDDOWN($C4482/24,0)+1,1)*INDEX($D$3:$AA$30,INDEX(Jesper!$R$2:$R$366,ROW(INDEX(Jesper!AK$2:AK$366,ROUNDDOWN($C4482/24,0)+1,1))-1)+IF('Standard Profiles'!$G$21=$B$10,7,0)+IF('Standard Profiles'!$G$21=$B$17,14,0)+IF('Standard Profiles'!$G$21=$B$24,21,0),MOD($C4482,24)+1)/SUM(INDEX($D$3:$AA$30,INDEX(Jesper!$R$2:$R$366,ROW(INDEX(Jesper!AK$2:AK$366,ROUNDDOWN($C4482/24,0)+1,1))-1)+IF('Standard Profiles'!$G$21=$B$10,7,0)+IF('Standard Profiles'!$G$21=$B$17,14,0)+IF('Standard Profiles'!$G$21=$B$24,21,0),0)),0)</f>
        <v>0</v>
      </c>
      <c r="H4482" cm="1">
        <f t="array" ref="H4482">IFERROR(INDEX(Jesper!AL$2:AL$366,ROUNDDOWN($C4482/24,0)+1,1)*INDEX($D$3:$AA$30,INDEX(Jesper!$R$2:$R$366,ROW(INDEX(Jesper!AL$2:AL$366,ROUNDDOWN($C4482/24,0)+1,1))-1)+IF('Standard Profiles'!$G$22=$B$10,7,0)+IF('Standard Profiles'!$G$22=$B$17,14,0)+IF('Standard Profiles'!$G$22=$B$24,21,0),MOD($C4482,24)+1)/SUM(INDEX($D$3:$AA$30,INDEX(Jesper!$R$2:$R$366,ROW(INDEX(Jesper!AL$2:AL$366,ROUNDDOWN($C4482/24,0)+1,1))-1)+IF('Standard Profiles'!$G$22=$B$10,7,0)+IF('Standard Profiles'!$G$22=$B$17,14,0)+IF('Standard Profiles'!$G$22=$B$24,21,0),0)),0)</f>
        <v>0</v>
      </c>
      <c r="I4482">
        <f t="shared" si="503"/>
        <v>0.30707591301273834</v>
      </c>
      <c r="J4482">
        <f t="shared" si="504"/>
        <v>1.0235863767091278</v>
      </c>
      <c r="K4482">
        <f t="shared" si="505"/>
        <v>1.5353795650636917</v>
      </c>
      <c r="L4482">
        <f t="shared" si="506"/>
        <v>7.3698219123057198</v>
      </c>
      <c r="M4482">
        <f t="shared" si="507"/>
        <v>0</v>
      </c>
      <c r="N4482" s="46">
        <f t="shared" si="508"/>
        <v>45477.333333322546</v>
      </c>
    </row>
    <row r="4483" spans="2:14" x14ac:dyDescent="0.3">
      <c r="B4483">
        <f t="shared" si="502"/>
        <v>4</v>
      </c>
      <c r="C4483" s="16">
        <v>4449</v>
      </c>
      <c r="D4483" cm="1">
        <f t="array" ref="D4483">IFERROR(INDEX(Jesper!AH$2:AH$366,ROUNDDOWN($C4483/24,0)+1,1)*INDEX($D$3:$AA$30,INDEX(Jesper!$R$2:$R$366,ROW(INDEX(Jesper!AH$2:AH$366,ROUNDDOWN($C4483/24,0)+1,1))-1)+IF('Standard Profiles'!$G$18=$B$10,7,0)+IF('Standard Profiles'!$G$18=$B$17,14,0)+IF('Standard Profiles'!$G$18=$B$24,21,0),MOD($C4483,24)+1)/SUM(INDEX($D$3:$AA$30,INDEX(Jesper!$R$2:$R$366,ROW(INDEX(Jesper!AH$2:AH$366,ROUNDDOWN($C4483/24,0)+1,1))-1)+IF('Standard Profiles'!$G$18=$B$10,7,0)+IF('Standard Profiles'!$G$18=$B$17,14,0)+IF('Standard Profiles'!$G$18=$B$24,21,0),0)),0)</f>
        <v>10.999734197471223</v>
      </c>
      <c r="E4483" cm="1">
        <f t="array" ref="E4483">IFERROR(INDEX(Jesper!AI$2:AI$366,ROUNDDOWN($C4483/24,0)+1,1)*INDEX($D$3:$AA$30,INDEX(Jesper!$R$2:$R$366,ROW(INDEX(Jesper!AI$2:AI$366,ROUNDDOWN($C4483/24,0)+1,1))-1)+IF('Standard Profiles'!$G$19=$B$10,7,0)+IF('Standard Profiles'!$G$19=$B$17,14,0)+IF('Standard Profiles'!$G$19=$B$24,21,0),MOD($C4483,24)+1)/SUM(INDEX($D$3:$AA$30,INDEX(Jesper!$R$2:$R$366,ROW(INDEX(Jesper!AI$2:AI$366,ROUNDDOWN($C4483/24,0)+1,1))-1)+IF('Standard Profiles'!$G$19=$B$10,7,0)+IF('Standard Profiles'!$G$19=$B$17,14,0)+IF('Standard Profiles'!$G$19=$B$24,21,0),0)),0)</f>
        <v>0</v>
      </c>
      <c r="F4483" cm="1">
        <f t="array" ref="F4483">IFERROR(INDEX(Jesper!AJ$2:AJ$366,ROUNDDOWN($C4483/24,0)+1,1)*INDEX($D$3:$AA$30,INDEX(Jesper!$R$2:$R$366,ROW(INDEX(Jesper!AJ$2:AJ$366,ROUNDDOWN($C4483/24,0)+1,1))-1)+IF('Standard Profiles'!$G$20=$B$10,7,0)+IF('Standard Profiles'!$G$20=$B$17,14,0)+IF('Standard Profiles'!$G$20=$B$24,21,0),MOD($C4483,24)+1)/SUM(INDEX($D$3:$AA$30,INDEX(Jesper!$R$2:$R$366,ROW(INDEX(Jesper!AJ$2:AJ$366,ROUNDDOWN($C4483/24,0)+1,1))-1)+IF('Standard Profiles'!$G$20=$B$10,7,0)+IF('Standard Profiles'!$G$20=$B$17,14,0)+IF('Standard Profiles'!$G$20=$B$24,21,0),0)),0)</f>
        <v>0</v>
      </c>
      <c r="G4483" cm="1">
        <f t="array" ref="G4483">IFERROR(INDEX(Jesper!AK$2:AK$366,ROUNDDOWN($C4483/24,0)+1,1)*INDEX($D$3:$AA$30,INDEX(Jesper!$R$2:$R$366,ROW(INDEX(Jesper!AK$2:AK$366,ROUNDDOWN($C4483/24,0)+1,1))-1)+IF('Standard Profiles'!$G$21=$B$10,7,0)+IF('Standard Profiles'!$G$21=$B$17,14,0)+IF('Standard Profiles'!$G$21=$B$24,21,0),MOD($C4483,24)+1)/SUM(INDEX($D$3:$AA$30,INDEX(Jesper!$R$2:$R$366,ROW(INDEX(Jesper!AK$2:AK$366,ROUNDDOWN($C4483/24,0)+1,1))-1)+IF('Standard Profiles'!$G$21=$B$10,7,0)+IF('Standard Profiles'!$G$21=$B$17,14,0)+IF('Standard Profiles'!$G$21=$B$24,21,0),0)),0)</f>
        <v>0</v>
      </c>
      <c r="H4483" cm="1">
        <f t="array" ref="H4483">IFERROR(INDEX(Jesper!AL$2:AL$366,ROUNDDOWN($C4483/24,0)+1,1)*INDEX($D$3:$AA$30,INDEX(Jesper!$R$2:$R$366,ROW(INDEX(Jesper!AL$2:AL$366,ROUNDDOWN($C4483/24,0)+1,1))-1)+IF('Standard Profiles'!$G$22=$B$10,7,0)+IF('Standard Profiles'!$G$22=$B$17,14,0)+IF('Standard Profiles'!$G$22=$B$24,21,0),MOD($C4483,24)+1)/SUM(INDEX($D$3:$AA$30,INDEX(Jesper!$R$2:$R$366,ROW(INDEX(Jesper!AL$2:AL$366,ROUNDDOWN($C4483/24,0)+1,1))-1)+IF('Standard Profiles'!$G$22=$B$10,7,0)+IF('Standard Profiles'!$G$22=$B$17,14,0)+IF('Standard Profiles'!$G$22=$B$24,21,0),0)),0)</f>
        <v>0</v>
      </c>
      <c r="I4483">
        <f t="shared" si="503"/>
        <v>0.32999202592413668</v>
      </c>
      <c r="J4483">
        <f t="shared" si="504"/>
        <v>1.0999734197471225</v>
      </c>
      <c r="K4483">
        <f t="shared" si="505"/>
        <v>1.6499601296206834</v>
      </c>
      <c r="L4483">
        <f t="shared" si="506"/>
        <v>7.9198086221792803</v>
      </c>
      <c r="M4483">
        <f t="shared" si="507"/>
        <v>0</v>
      </c>
      <c r="N4483" s="46">
        <f t="shared" si="508"/>
        <v>45477.37499998921</v>
      </c>
    </row>
    <row r="4484" spans="2:14" x14ac:dyDescent="0.3">
      <c r="B4484">
        <f t="shared" si="502"/>
        <v>4</v>
      </c>
      <c r="C4484" s="16">
        <v>4450</v>
      </c>
      <c r="D4484" cm="1">
        <f t="array" ref="D4484">IFERROR(INDEX(Jesper!AH$2:AH$366,ROUNDDOWN($C4484/24,0)+1,1)*INDEX($D$3:$AA$30,INDEX(Jesper!$R$2:$R$366,ROW(INDEX(Jesper!AH$2:AH$366,ROUNDDOWN($C4484/24,0)+1,1))-1)+IF('Standard Profiles'!$G$18=$B$10,7,0)+IF('Standard Profiles'!$G$18=$B$17,14,0)+IF('Standard Profiles'!$G$18=$B$24,21,0),MOD($C4484,24)+1)/SUM(INDEX($D$3:$AA$30,INDEX(Jesper!$R$2:$R$366,ROW(INDEX(Jesper!AH$2:AH$366,ROUNDDOWN($C4484/24,0)+1,1))-1)+IF('Standard Profiles'!$G$18=$B$10,7,0)+IF('Standard Profiles'!$G$18=$B$17,14,0)+IF('Standard Profiles'!$G$18=$B$24,21,0),0)),0)</f>
        <v>11.916378713927159</v>
      </c>
      <c r="E4484" cm="1">
        <f t="array" ref="E4484">IFERROR(INDEX(Jesper!AI$2:AI$366,ROUNDDOWN($C4484/24,0)+1,1)*INDEX($D$3:$AA$30,INDEX(Jesper!$R$2:$R$366,ROW(INDEX(Jesper!AI$2:AI$366,ROUNDDOWN($C4484/24,0)+1,1))-1)+IF('Standard Profiles'!$G$19=$B$10,7,0)+IF('Standard Profiles'!$G$19=$B$17,14,0)+IF('Standard Profiles'!$G$19=$B$24,21,0),MOD($C4484,24)+1)/SUM(INDEX($D$3:$AA$30,INDEX(Jesper!$R$2:$R$366,ROW(INDEX(Jesper!AI$2:AI$366,ROUNDDOWN($C4484/24,0)+1,1))-1)+IF('Standard Profiles'!$G$19=$B$10,7,0)+IF('Standard Profiles'!$G$19=$B$17,14,0)+IF('Standard Profiles'!$G$19=$B$24,21,0),0)),0)</f>
        <v>0</v>
      </c>
      <c r="F4484" cm="1">
        <f t="array" ref="F4484">IFERROR(INDEX(Jesper!AJ$2:AJ$366,ROUNDDOWN($C4484/24,0)+1,1)*INDEX($D$3:$AA$30,INDEX(Jesper!$R$2:$R$366,ROW(INDEX(Jesper!AJ$2:AJ$366,ROUNDDOWN($C4484/24,0)+1,1))-1)+IF('Standard Profiles'!$G$20=$B$10,7,0)+IF('Standard Profiles'!$G$20=$B$17,14,0)+IF('Standard Profiles'!$G$20=$B$24,21,0),MOD($C4484,24)+1)/SUM(INDEX($D$3:$AA$30,INDEX(Jesper!$R$2:$R$366,ROW(INDEX(Jesper!AJ$2:AJ$366,ROUNDDOWN($C4484/24,0)+1,1))-1)+IF('Standard Profiles'!$G$20=$B$10,7,0)+IF('Standard Profiles'!$G$20=$B$17,14,0)+IF('Standard Profiles'!$G$20=$B$24,21,0),0)),0)</f>
        <v>0</v>
      </c>
      <c r="G4484" cm="1">
        <f t="array" ref="G4484">IFERROR(INDEX(Jesper!AK$2:AK$366,ROUNDDOWN($C4484/24,0)+1,1)*INDEX($D$3:$AA$30,INDEX(Jesper!$R$2:$R$366,ROW(INDEX(Jesper!AK$2:AK$366,ROUNDDOWN($C4484/24,0)+1,1))-1)+IF('Standard Profiles'!$G$21=$B$10,7,0)+IF('Standard Profiles'!$G$21=$B$17,14,0)+IF('Standard Profiles'!$G$21=$B$24,21,0),MOD($C4484,24)+1)/SUM(INDEX($D$3:$AA$30,INDEX(Jesper!$R$2:$R$366,ROW(INDEX(Jesper!AK$2:AK$366,ROUNDDOWN($C4484/24,0)+1,1))-1)+IF('Standard Profiles'!$G$21=$B$10,7,0)+IF('Standard Profiles'!$G$21=$B$17,14,0)+IF('Standard Profiles'!$G$21=$B$24,21,0),0)),0)</f>
        <v>0</v>
      </c>
      <c r="H4484" cm="1">
        <f t="array" ref="H4484">IFERROR(INDEX(Jesper!AL$2:AL$366,ROUNDDOWN($C4484/24,0)+1,1)*INDEX($D$3:$AA$30,INDEX(Jesper!$R$2:$R$366,ROW(INDEX(Jesper!AL$2:AL$366,ROUNDDOWN($C4484/24,0)+1,1))-1)+IF('Standard Profiles'!$G$22=$B$10,7,0)+IF('Standard Profiles'!$G$22=$B$17,14,0)+IF('Standard Profiles'!$G$22=$B$24,21,0),MOD($C4484,24)+1)/SUM(INDEX($D$3:$AA$30,INDEX(Jesper!$R$2:$R$366,ROW(INDEX(Jesper!AL$2:AL$366,ROUNDDOWN($C4484/24,0)+1,1))-1)+IF('Standard Profiles'!$G$22=$B$10,7,0)+IF('Standard Profiles'!$G$22=$B$17,14,0)+IF('Standard Profiles'!$G$22=$B$24,21,0),0)),0)</f>
        <v>0</v>
      </c>
      <c r="I4484">
        <f t="shared" si="503"/>
        <v>0.35749136141781473</v>
      </c>
      <c r="J4484">
        <f t="shared" si="504"/>
        <v>1.191637871392716</v>
      </c>
      <c r="K4484">
        <f t="shared" si="505"/>
        <v>1.7874568070890737</v>
      </c>
      <c r="L4484">
        <f t="shared" si="506"/>
        <v>8.579792674027555</v>
      </c>
      <c r="M4484">
        <f t="shared" si="507"/>
        <v>0</v>
      </c>
      <c r="N4484" s="46">
        <f t="shared" si="508"/>
        <v>45477.416666655874</v>
      </c>
    </row>
    <row r="4485" spans="2:14" x14ac:dyDescent="0.3">
      <c r="B4485">
        <f t="shared" si="502"/>
        <v>4</v>
      </c>
      <c r="C4485" s="16">
        <v>4451</v>
      </c>
      <c r="D4485" cm="1">
        <f t="array" ref="D4485">IFERROR(INDEX(Jesper!AH$2:AH$366,ROUNDDOWN($C4485/24,0)+1,1)*INDEX($D$3:$AA$30,INDEX(Jesper!$R$2:$R$366,ROW(INDEX(Jesper!AH$2:AH$366,ROUNDDOWN($C4485/24,0)+1,1))-1)+IF('Standard Profiles'!$G$18=$B$10,7,0)+IF('Standard Profiles'!$G$18=$B$17,14,0)+IF('Standard Profiles'!$G$18=$B$24,21,0),MOD($C4485,24)+1)/SUM(INDEX($D$3:$AA$30,INDEX(Jesper!$R$2:$R$366,ROW(INDEX(Jesper!AH$2:AH$366,ROUNDDOWN($C4485/24,0)+1,1))-1)+IF('Standard Profiles'!$G$18=$B$10,7,0)+IF('Standard Profiles'!$G$18=$B$17,14,0)+IF('Standard Profiles'!$G$18=$B$24,21,0),0)),0)</f>
        <v>13.74966774683903</v>
      </c>
      <c r="E4485" cm="1">
        <f t="array" ref="E4485">IFERROR(INDEX(Jesper!AI$2:AI$366,ROUNDDOWN($C4485/24,0)+1,1)*INDEX($D$3:$AA$30,INDEX(Jesper!$R$2:$R$366,ROW(INDEX(Jesper!AI$2:AI$366,ROUNDDOWN($C4485/24,0)+1,1))-1)+IF('Standard Profiles'!$G$19=$B$10,7,0)+IF('Standard Profiles'!$G$19=$B$17,14,0)+IF('Standard Profiles'!$G$19=$B$24,21,0),MOD($C4485,24)+1)/SUM(INDEX($D$3:$AA$30,INDEX(Jesper!$R$2:$R$366,ROW(INDEX(Jesper!AI$2:AI$366,ROUNDDOWN($C4485/24,0)+1,1))-1)+IF('Standard Profiles'!$G$19=$B$10,7,0)+IF('Standard Profiles'!$G$19=$B$17,14,0)+IF('Standard Profiles'!$G$19=$B$24,21,0),0)),0)</f>
        <v>0</v>
      </c>
      <c r="F4485" cm="1">
        <f t="array" ref="F4485">IFERROR(INDEX(Jesper!AJ$2:AJ$366,ROUNDDOWN($C4485/24,0)+1,1)*INDEX($D$3:$AA$30,INDEX(Jesper!$R$2:$R$366,ROW(INDEX(Jesper!AJ$2:AJ$366,ROUNDDOWN($C4485/24,0)+1,1))-1)+IF('Standard Profiles'!$G$20=$B$10,7,0)+IF('Standard Profiles'!$G$20=$B$17,14,0)+IF('Standard Profiles'!$G$20=$B$24,21,0),MOD($C4485,24)+1)/SUM(INDEX($D$3:$AA$30,INDEX(Jesper!$R$2:$R$366,ROW(INDEX(Jesper!AJ$2:AJ$366,ROUNDDOWN($C4485/24,0)+1,1))-1)+IF('Standard Profiles'!$G$20=$B$10,7,0)+IF('Standard Profiles'!$G$20=$B$17,14,0)+IF('Standard Profiles'!$G$20=$B$24,21,0),0)),0)</f>
        <v>0</v>
      </c>
      <c r="G4485" cm="1">
        <f t="array" ref="G4485">IFERROR(INDEX(Jesper!AK$2:AK$366,ROUNDDOWN($C4485/24,0)+1,1)*INDEX($D$3:$AA$30,INDEX(Jesper!$R$2:$R$366,ROW(INDEX(Jesper!AK$2:AK$366,ROUNDDOWN($C4485/24,0)+1,1))-1)+IF('Standard Profiles'!$G$21=$B$10,7,0)+IF('Standard Profiles'!$G$21=$B$17,14,0)+IF('Standard Profiles'!$G$21=$B$24,21,0),MOD($C4485,24)+1)/SUM(INDEX($D$3:$AA$30,INDEX(Jesper!$R$2:$R$366,ROW(INDEX(Jesper!AK$2:AK$366,ROUNDDOWN($C4485/24,0)+1,1))-1)+IF('Standard Profiles'!$G$21=$B$10,7,0)+IF('Standard Profiles'!$G$21=$B$17,14,0)+IF('Standard Profiles'!$G$21=$B$24,21,0),0)),0)</f>
        <v>0</v>
      </c>
      <c r="H4485" cm="1">
        <f t="array" ref="H4485">IFERROR(INDEX(Jesper!AL$2:AL$366,ROUNDDOWN($C4485/24,0)+1,1)*INDEX($D$3:$AA$30,INDEX(Jesper!$R$2:$R$366,ROW(INDEX(Jesper!AL$2:AL$366,ROUNDDOWN($C4485/24,0)+1,1))-1)+IF('Standard Profiles'!$G$22=$B$10,7,0)+IF('Standard Profiles'!$G$22=$B$17,14,0)+IF('Standard Profiles'!$G$22=$B$24,21,0),MOD($C4485,24)+1)/SUM(INDEX($D$3:$AA$30,INDEX(Jesper!$R$2:$R$366,ROW(INDEX(Jesper!AL$2:AL$366,ROUNDDOWN($C4485/24,0)+1,1))-1)+IF('Standard Profiles'!$G$22=$B$10,7,0)+IF('Standard Profiles'!$G$22=$B$17,14,0)+IF('Standard Profiles'!$G$22=$B$24,21,0),0)),0)</f>
        <v>0</v>
      </c>
      <c r="I4485">
        <f t="shared" si="503"/>
        <v>0.4124900324051709</v>
      </c>
      <c r="J4485">
        <f t="shared" si="504"/>
        <v>1.3749667746839032</v>
      </c>
      <c r="K4485">
        <f t="shared" si="505"/>
        <v>2.0624501620258546</v>
      </c>
      <c r="L4485">
        <f t="shared" si="506"/>
        <v>9.8997607777241008</v>
      </c>
      <c r="M4485">
        <f t="shared" si="507"/>
        <v>0</v>
      </c>
      <c r="N4485" s="46">
        <f t="shared" si="508"/>
        <v>45477.458333322538</v>
      </c>
    </row>
    <row r="4486" spans="2:14" x14ac:dyDescent="0.3">
      <c r="B4486">
        <f t="shared" si="502"/>
        <v>4</v>
      </c>
      <c r="C4486" s="16">
        <v>4452</v>
      </c>
      <c r="D4486" cm="1">
        <f t="array" ref="D4486">IFERROR(INDEX(Jesper!AH$2:AH$366,ROUNDDOWN($C4486/24,0)+1,1)*INDEX($D$3:$AA$30,INDEX(Jesper!$R$2:$R$366,ROW(INDEX(Jesper!AH$2:AH$366,ROUNDDOWN($C4486/24,0)+1,1))-1)+IF('Standard Profiles'!$G$18=$B$10,7,0)+IF('Standard Profiles'!$G$18=$B$17,14,0)+IF('Standard Profiles'!$G$18=$B$24,21,0),MOD($C4486,24)+1)/SUM(INDEX($D$3:$AA$30,INDEX(Jesper!$R$2:$R$366,ROW(INDEX(Jesper!AH$2:AH$366,ROUNDDOWN($C4486/24,0)+1,1))-1)+IF('Standard Profiles'!$G$18=$B$10,7,0)+IF('Standard Profiles'!$G$18=$B$17,14,0)+IF('Standard Profiles'!$G$18=$B$24,21,0),0)),0)</f>
        <v>13.74966774683903</v>
      </c>
      <c r="E4486" cm="1">
        <f t="array" ref="E4486">IFERROR(INDEX(Jesper!AI$2:AI$366,ROUNDDOWN($C4486/24,0)+1,1)*INDEX($D$3:$AA$30,INDEX(Jesper!$R$2:$R$366,ROW(INDEX(Jesper!AI$2:AI$366,ROUNDDOWN($C4486/24,0)+1,1))-1)+IF('Standard Profiles'!$G$19=$B$10,7,0)+IF('Standard Profiles'!$G$19=$B$17,14,0)+IF('Standard Profiles'!$G$19=$B$24,21,0),MOD($C4486,24)+1)/SUM(INDEX($D$3:$AA$30,INDEX(Jesper!$R$2:$R$366,ROW(INDEX(Jesper!AI$2:AI$366,ROUNDDOWN($C4486/24,0)+1,1))-1)+IF('Standard Profiles'!$G$19=$B$10,7,0)+IF('Standard Profiles'!$G$19=$B$17,14,0)+IF('Standard Profiles'!$G$19=$B$24,21,0),0)),0)</f>
        <v>0</v>
      </c>
      <c r="F4486" cm="1">
        <f t="array" ref="F4486">IFERROR(INDEX(Jesper!AJ$2:AJ$366,ROUNDDOWN($C4486/24,0)+1,1)*INDEX($D$3:$AA$30,INDEX(Jesper!$R$2:$R$366,ROW(INDEX(Jesper!AJ$2:AJ$366,ROUNDDOWN($C4486/24,0)+1,1))-1)+IF('Standard Profiles'!$G$20=$B$10,7,0)+IF('Standard Profiles'!$G$20=$B$17,14,0)+IF('Standard Profiles'!$G$20=$B$24,21,0),MOD($C4486,24)+1)/SUM(INDEX($D$3:$AA$30,INDEX(Jesper!$R$2:$R$366,ROW(INDEX(Jesper!AJ$2:AJ$366,ROUNDDOWN($C4486/24,0)+1,1))-1)+IF('Standard Profiles'!$G$20=$B$10,7,0)+IF('Standard Profiles'!$G$20=$B$17,14,0)+IF('Standard Profiles'!$G$20=$B$24,21,0),0)),0)</f>
        <v>0</v>
      </c>
      <c r="G4486" cm="1">
        <f t="array" ref="G4486">IFERROR(INDEX(Jesper!AK$2:AK$366,ROUNDDOWN($C4486/24,0)+1,1)*INDEX($D$3:$AA$30,INDEX(Jesper!$R$2:$R$366,ROW(INDEX(Jesper!AK$2:AK$366,ROUNDDOWN($C4486/24,0)+1,1))-1)+IF('Standard Profiles'!$G$21=$B$10,7,0)+IF('Standard Profiles'!$G$21=$B$17,14,0)+IF('Standard Profiles'!$G$21=$B$24,21,0),MOD($C4486,24)+1)/SUM(INDEX($D$3:$AA$30,INDEX(Jesper!$R$2:$R$366,ROW(INDEX(Jesper!AK$2:AK$366,ROUNDDOWN($C4486/24,0)+1,1))-1)+IF('Standard Profiles'!$G$21=$B$10,7,0)+IF('Standard Profiles'!$G$21=$B$17,14,0)+IF('Standard Profiles'!$G$21=$B$24,21,0),0)),0)</f>
        <v>0</v>
      </c>
      <c r="H4486" cm="1">
        <f t="array" ref="H4486">IFERROR(INDEX(Jesper!AL$2:AL$366,ROUNDDOWN($C4486/24,0)+1,1)*INDEX($D$3:$AA$30,INDEX(Jesper!$R$2:$R$366,ROW(INDEX(Jesper!AL$2:AL$366,ROUNDDOWN($C4486/24,0)+1,1))-1)+IF('Standard Profiles'!$G$22=$B$10,7,0)+IF('Standard Profiles'!$G$22=$B$17,14,0)+IF('Standard Profiles'!$G$22=$B$24,21,0),MOD($C4486,24)+1)/SUM(INDEX($D$3:$AA$30,INDEX(Jesper!$R$2:$R$366,ROW(INDEX(Jesper!AL$2:AL$366,ROUNDDOWN($C4486/24,0)+1,1))-1)+IF('Standard Profiles'!$G$22=$B$10,7,0)+IF('Standard Profiles'!$G$22=$B$17,14,0)+IF('Standard Profiles'!$G$22=$B$24,21,0),0)),0)</f>
        <v>0</v>
      </c>
      <c r="I4486">
        <f t="shared" si="503"/>
        <v>0.4124900324051709</v>
      </c>
      <c r="J4486">
        <f t="shared" si="504"/>
        <v>1.3749667746839032</v>
      </c>
      <c r="K4486">
        <f t="shared" si="505"/>
        <v>2.0624501620258546</v>
      </c>
      <c r="L4486">
        <f t="shared" si="506"/>
        <v>9.8997607777241008</v>
      </c>
      <c r="M4486">
        <f t="shared" si="507"/>
        <v>0</v>
      </c>
      <c r="N4486" s="46">
        <f t="shared" si="508"/>
        <v>45477.499999989202</v>
      </c>
    </row>
    <row r="4487" spans="2:14" x14ac:dyDescent="0.3">
      <c r="B4487">
        <f t="shared" si="502"/>
        <v>4</v>
      </c>
      <c r="C4487" s="16">
        <v>4453</v>
      </c>
      <c r="D4487" cm="1">
        <f t="array" ref="D4487">IFERROR(INDEX(Jesper!AH$2:AH$366,ROUNDDOWN($C4487/24,0)+1,1)*INDEX($D$3:$AA$30,INDEX(Jesper!$R$2:$R$366,ROW(INDEX(Jesper!AH$2:AH$366,ROUNDDOWN($C4487/24,0)+1,1))-1)+IF('Standard Profiles'!$G$18=$B$10,7,0)+IF('Standard Profiles'!$G$18=$B$17,14,0)+IF('Standard Profiles'!$G$18=$B$24,21,0),MOD($C4487,24)+1)/SUM(INDEX($D$3:$AA$30,INDEX(Jesper!$R$2:$R$366,ROW(INDEX(Jesper!AH$2:AH$366,ROUNDDOWN($C4487/24,0)+1,1))-1)+IF('Standard Profiles'!$G$18=$B$10,7,0)+IF('Standard Profiles'!$G$18=$B$17,14,0)+IF('Standard Profiles'!$G$18=$B$24,21,0),0)),0)</f>
        <v>13.74966774683903</v>
      </c>
      <c r="E4487" cm="1">
        <f t="array" ref="E4487">IFERROR(INDEX(Jesper!AI$2:AI$366,ROUNDDOWN($C4487/24,0)+1,1)*INDEX($D$3:$AA$30,INDEX(Jesper!$R$2:$R$366,ROW(INDEX(Jesper!AI$2:AI$366,ROUNDDOWN($C4487/24,0)+1,1))-1)+IF('Standard Profiles'!$G$19=$B$10,7,0)+IF('Standard Profiles'!$G$19=$B$17,14,0)+IF('Standard Profiles'!$G$19=$B$24,21,0),MOD($C4487,24)+1)/SUM(INDEX($D$3:$AA$30,INDEX(Jesper!$R$2:$R$366,ROW(INDEX(Jesper!AI$2:AI$366,ROUNDDOWN($C4487/24,0)+1,1))-1)+IF('Standard Profiles'!$G$19=$B$10,7,0)+IF('Standard Profiles'!$G$19=$B$17,14,0)+IF('Standard Profiles'!$G$19=$B$24,21,0),0)),0)</f>
        <v>0</v>
      </c>
      <c r="F4487" cm="1">
        <f t="array" ref="F4487">IFERROR(INDEX(Jesper!AJ$2:AJ$366,ROUNDDOWN($C4487/24,0)+1,1)*INDEX($D$3:$AA$30,INDEX(Jesper!$R$2:$R$366,ROW(INDEX(Jesper!AJ$2:AJ$366,ROUNDDOWN($C4487/24,0)+1,1))-1)+IF('Standard Profiles'!$G$20=$B$10,7,0)+IF('Standard Profiles'!$G$20=$B$17,14,0)+IF('Standard Profiles'!$G$20=$B$24,21,0),MOD($C4487,24)+1)/SUM(INDEX($D$3:$AA$30,INDEX(Jesper!$R$2:$R$366,ROW(INDEX(Jesper!AJ$2:AJ$366,ROUNDDOWN($C4487/24,0)+1,1))-1)+IF('Standard Profiles'!$G$20=$B$10,7,0)+IF('Standard Profiles'!$G$20=$B$17,14,0)+IF('Standard Profiles'!$G$20=$B$24,21,0),0)),0)</f>
        <v>0</v>
      </c>
      <c r="G4487" cm="1">
        <f t="array" ref="G4487">IFERROR(INDEX(Jesper!AK$2:AK$366,ROUNDDOWN($C4487/24,0)+1,1)*INDEX($D$3:$AA$30,INDEX(Jesper!$R$2:$R$366,ROW(INDEX(Jesper!AK$2:AK$366,ROUNDDOWN($C4487/24,0)+1,1))-1)+IF('Standard Profiles'!$G$21=$B$10,7,0)+IF('Standard Profiles'!$G$21=$B$17,14,0)+IF('Standard Profiles'!$G$21=$B$24,21,0),MOD($C4487,24)+1)/SUM(INDEX($D$3:$AA$30,INDEX(Jesper!$R$2:$R$366,ROW(INDEX(Jesper!AK$2:AK$366,ROUNDDOWN($C4487/24,0)+1,1))-1)+IF('Standard Profiles'!$G$21=$B$10,7,0)+IF('Standard Profiles'!$G$21=$B$17,14,0)+IF('Standard Profiles'!$G$21=$B$24,21,0),0)),0)</f>
        <v>0</v>
      </c>
      <c r="H4487" cm="1">
        <f t="array" ref="H4487">IFERROR(INDEX(Jesper!AL$2:AL$366,ROUNDDOWN($C4487/24,0)+1,1)*INDEX($D$3:$AA$30,INDEX(Jesper!$R$2:$R$366,ROW(INDEX(Jesper!AL$2:AL$366,ROUNDDOWN($C4487/24,0)+1,1))-1)+IF('Standard Profiles'!$G$22=$B$10,7,0)+IF('Standard Profiles'!$G$22=$B$17,14,0)+IF('Standard Profiles'!$G$22=$B$24,21,0),MOD($C4487,24)+1)/SUM(INDEX($D$3:$AA$30,INDEX(Jesper!$R$2:$R$366,ROW(INDEX(Jesper!AL$2:AL$366,ROUNDDOWN($C4487/24,0)+1,1))-1)+IF('Standard Profiles'!$G$22=$B$10,7,0)+IF('Standard Profiles'!$G$22=$B$17,14,0)+IF('Standard Profiles'!$G$22=$B$24,21,0),0)),0)</f>
        <v>0</v>
      </c>
      <c r="I4487">
        <f t="shared" si="503"/>
        <v>0.4124900324051709</v>
      </c>
      <c r="J4487">
        <f t="shared" si="504"/>
        <v>1.3749667746839032</v>
      </c>
      <c r="K4487">
        <f t="shared" si="505"/>
        <v>2.0624501620258546</v>
      </c>
      <c r="L4487">
        <f t="shared" si="506"/>
        <v>9.8997607777241008</v>
      </c>
      <c r="M4487">
        <f t="shared" si="507"/>
        <v>0</v>
      </c>
      <c r="N4487" s="46">
        <f t="shared" si="508"/>
        <v>45477.541666655867</v>
      </c>
    </row>
    <row r="4488" spans="2:14" x14ac:dyDescent="0.3">
      <c r="B4488">
        <f t="shared" si="502"/>
        <v>4</v>
      </c>
      <c r="C4488" s="16">
        <v>4454</v>
      </c>
      <c r="D4488" cm="1">
        <f t="array" ref="D4488">IFERROR(INDEX(Jesper!AH$2:AH$366,ROUNDDOWN($C4488/24,0)+1,1)*INDEX($D$3:$AA$30,INDEX(Jesper!$R$2:$R$366,ROW(INDEX(Jesper!AH$2:AH$366,ROUNDDOWN($C4488/24,0)+1,1))-1)+IF('Standard Profiles'!$G$18=$B$10,7,0)+IF('Standard Profiles'!$G$18=$B$17,14,0)+IF('Standard Profiles'!$G$18=$B$24,21,0),MOD($C4488,24)+1)/SUM(INDEX($D$3:$AA$30,INDEX(Jesper!$R$2:$R$366,ROW(INDEX(Jesper!AH$2:AH$366,ROUNDDOWN($C4488/24,0)+1,1))-1)+IF('Standard Profiles'!$G$18=$B$10,7,0)+IF('Standard Profiles'!$G$18=$B$17,14,0)+IF('Standard Profiles'!$G$18=$B$24,21,0),0)),0)</f>
        <v>13.74966774683903</v>
      </c>
      <c r="E4488" cm="1">
        <f t="array" ref="E4488">IFERROR(INDEX(Jesper!AI$2:AI$366,ROUNDDOWN($C4488/24,0)+1,1)*INDEX($D$3:$AA$30,INDEX(Jesper!$R$2:$R$366,ROW(INDEX(Jesper!AI$2:AI$366,ROUNDDOWN($C4488/24,0)+1,1))-1)+IF('Standard Profiles'!$G$19=$B$10,7,0)+IF('Standard Profiles'!$G$19=$B$17,14,0)+IF('Standard Profiles'!$G$19=$B$24,21,0),MOD($C4488,24)+1)/SUM(INDEX($D$3:$AA$30,INDEX(Jesper!$R$2:$R$366,ROW(INDEX(Jesper!AI$2:AI$366,ROUNDDOWN($C4488/24,0)+1,1))-1)+IF('Standard Profiles'!$G$19=$B$10,7,0)+IF('Standard Profiles'!$G$19=$B$17,14,0)+IF('Standard Profiles'!$G$19=$B$24,21,0),0)),0)</f>
        <v>0</v>
      </c>
      <c r="F4488" cm="1">
        <f t="array" ref="F4488">IFERROR(INDEX(Jesper!AJ$2:AJ$366,ROUNDDOWN($C4488/24,0)+1,1)*INDEX($D$3:$AA$30,INDEX(Jesper!$R$2:$R$366,ROW(INDEX(Jesper!AJ$2:AJ$366,ROUNDDOWN($C4488/24,0)+1,1))-1)+IF('Standard Profiles'!$G$20=$B$10,7,0)+IF('Standard Profiles'!$G$20=$B$17,14,0)+IF('Standard Profiles'!$G$20=$B$24,21,0),MOD($C4488,24)+1)/SUM(INDEX($D$3:$AA$30,INDEX(Jesper!$R$2:$R$366,ROW(INDEX(Jesper!AJ$2:AJ$366,ROUNDDOWN($C4488/24,0)+1,1))-1)+IF('Standard Profiles'!$G$20=$B$10,7,0)+IF('Standard Profiles'!$G$20=$B$17,14,0)+IF('Standard Profiles'!$G$20=$B$24,21,0),0)),0)</f>
        <v>0</v>
      </c>
      <c r="G4488" cm="1">
        <f t="array" ref="G4488">IFERROR(INDEX(Jesper!AK$2:AK$366,ROUNDDOWN($C4488/24,0)+1,1)*INDEX($D$3:$AA$30,INDEX(Jesper!$R$2:$R$366,ROW(INDEX(Jesper!AK$2:AK$366,ROUNDDOWN($C4488/24,0)+1,1))-1)+IF('Standard Profiles'!$G$21=$B$10,7,0)+IF('Standard Profiles'!$G$21=$B$17,14,0)+IF('Standard Profiles'!$G$21=$B$24,21,0),MOD($C4488,24)+1)/SUM(INDEX($D$3:$AA$30,INDEX(Jesper!$R$2:$R$366,ROW(INDEX(Jesper!AK$2:AK$366,ROUNDDOWN($C4488/24,0)+1,1))-1)+IF('Standard Profiles'!$G$21=$B$10,7,0)+IF('Standard Profiles'!$G$21=$B$17,14,0)+IF('Standard Profiles'!$G$21=$B$24,21,0),0)),0)</f>
        <v>0</v>
      </c>
      <c r="H4488" cm="1">
        <f t="array" ref="H4488">IFERROR(INDEX(Jesper!AL$2:AL$366,ROUNDDOWN($C4488/24,0)+1,1)*INDEX($D$3:$AA$30,INDEX(Jesper!$R$2:$R$366,ROW(INDEX(Jesper!AL$2:AL$366,ROUNDDOWN($C4488/24,0)+1,1))-1)+IF('Standard Profiles'!$G$22=$B$10,7,0)+IF('Standard Profiles'!$G$22=$B$17,14,0)+IF('Standard Profiles'!$G$22=$B$24,21,0),MOD($C4488,24)+1)/SUM(INDEX($D$3:$AA$30,INDEX(Jesper!$R$2:$R$366,ROW(INDEX(Jesper!AL$2:AL$366,ROUNDDOWN($C4488/24,0)+1,1))-1)+IF('Standard Profiles'!$G$22=$B$10,7,0)+IF('Standard Profiles'!$G$22=$B$17,14,0)+IF('Standard Profiles'!$G$22=$B$24,21,0),0)),0)</f>
        <v>0</v>
      </c>
      <c r="I4488">
        <f t="shared" si="503"/>
        <v>0.4124900324051709</v>
      </c>
      <c r="J4488">
        <f t="shared" si="504"/>
        <v>1.3749667746839032</v>
      </c>
      <c r="K4488">
        <f t="shared" si="505"/>
        <v>2.0624501620258546</v>
      </c>
      <c r="L4488">
        <f t="shared" si="506"/>
        <v>9.8997607777241008</v>
      </c>
      <c r="M4488">
        <f t="shared" si="507"/>
        <v>0</v>
      </c>
      <c r="N4488" s="46">
        <f t="shared" si="508"/>
        <v>45477.583333322531</v>
      </c>
    </row>
    <row r="4489" spans="2:14" x14ac:dyDescent="0.3">
      <c r="B4489">
        <f t="shared" si="502"/>
        <v>4</v>
      </c>
      <c r="C4489" s="16">
        <v>4455</v>
      </c>
      <c r="D4489" cm="1">
        <f t="array" ref="D4489">IFERROR(INDEX(Jesper!AH$2:AH$366,ROUNDDOWN($C4489/24,0)+1,1)*INDEX($D$3:$AA$30,INDEX(Jesper!$R$2:$R$366,ROW(INDEX(Jesper!AH$2:AH$366,ROUNDDOWN($C4489/24,0)+1,1))-1)+IF('Standard Profiles'!$G$18=$B$10,7,0)+IF('Standard Profiles'!$G$18=$B$17,14,0)+IF('Standard Profiles'!$G$18=$B$24,21,0),MOD($C4489,24)+1)/SUM(INDEX($D$3:$AA$30,INDEX(Jesper!$R$2:$R$366,ROW(INDEX(Jesper!AH$2:AH$366,ROUNDDOWN($C4489/24,0)+1,1))-1)+IF('Standard Profiles'!$G$18=$B$10,7,0)+IF('Standard Profiles'!$G$18=$B$17,14,0)+IF('Standard Profiles'!$G$18=$B$24,21,0),0)),0)</f>
        <v>13.74966774683903</v>
      </c>
      <c r="E4489" cm="1">
        <f t="array" ref="E4489">IFERROR(INDEX(Jesper!AI$2:AI$366,ROUNDDOWN($C4489/24,0)+1,1)*INDEX($D$3:$AA$30,INDEX(Jesper!$R$2:$R$366,ROW(INDEX(Jesper!AI$2:AI$366,ROUNDDOWN($C4489/24,0)+1,1))-1)+IF('Standard Profiles'!$G$19=$B$10,7,0)+IF('Standard Profiles'!$G$19=$B$17,14,0)+IF('Standard Profiles'!$G$19=$B$24,21,0),MOD($C4489,24)+1)/SUM(INDEX($D$3:$AA$30,INDEX(Jesper!$R$2:$R$366,ROW(INDEX(Jesper!AI$2:AI$366,ROUNDDOWN($C4489/24,0)+1,1))-1)+IF('Standard Profiles'!$G$19=$B$10,7,0)+IF('Standard Profiles'!$G$19=$B$17,14,0)+IF('Standard Profiles'!$G$19=$B$24,21,0),0)),0)</f>
        <v>0</v>
      </c>
      <c r="F4489" cm="1">
        <f t="array" ref="F4489">IFERROR(INDEX(Jesper!AJ$2:AJ$366,ROUNDDOWN($C4489/24,0)+1,1)*INDEX($D$3:$AA$30,INDEX(Jesper!$R$2:$R$366,ROW(INDEX(Jesper!AJ$2:AJ$366,ROUNDDOWN($C4489/24,0)+1,1))-1)+IF('Standard Profiles'!$G$20=$B$10,7,0)+IF('Standard Profiles'!$G$20=$B$17,14,0)+IF('Standard Profiles'!$G$20=$B$24,21,0),MOD($C4489,24)+1)/SUM(INDEX($D$3:$AA$30,INDEX(Jesper!$R$2:$R$366,ROW(INDEX(Jesper!AJ$2:AJ$366,ROUNDDOWN($C4489/24,0)+1,1))-1)+IF('Standard Profiles'!$G$20=$B$10,7,0)+IF('Standard Profiles'!$G$20=$B$17,14,0)+IF('Standard Profiles'!$G$20=$B$24,21,0),0)),0)</f>
        <v>0</v>
      </c>
      <c r="G4489" cm="1">
        <f t="array" ref="G4489">IFERROR(INDEX(Jesper!AK$2:AK$366,ROUNDDOWN($C4489/24,0)+1,1)*INDEX($D$3:$AA$30,INDEX(Jesper!$R$2:$R$366,ROW(INDEX(Jesper!AK$2:AK$366,ROUNDDOWN($C4489/24,0)+1,1))-1)+IF('Standard Profiles'!$G$21=$B$10,7,0)+IF('Standard Profiles'!$G$21=$B$17,14,0)+IF('Standard Profiles'!$G$21=$B$24,21,0),MOD($C4489,24)+1)/SUM(INDEX($D$3:$AA$30,INDEX(Jesper!$R$2:$R$366,ROW(INDEX(Jesper!AK$2:AK$366,ROUNDDOWN($C4489/24,0)+1,1))-1)+IF('Standard Profiles'!$G$21=$B$10,7,0)+IF('Standard Profiles'!$G$21=$B$17,14,0)+IF('Standard Profiles'!$G$21=$B$24,21,0),0)),0)</f>
        <v>0</v>
      </c>
      <c r="H4489" cm="1">
        <f t="array" ref="H4489">IFERROR(INDEX(Jesper!AL$2:AL$366,ROUNDDOWN($C4489/24,0)+1,1)*INDEX($D$3:$AA$30,INDEX(Jesper!$R$2:$R$366,ROW(INDEX(Jesper!AL$2:AL$366,ROUNDDOWN($C4489/24,0)+1,1))-1)+IF('Standard Profiles'!$G$22=$B$10,7,0)+IF('Standard Profiles'!$G$22=$B$17,14,0)+IF('Standard Profiles'!$G$22=$B$24,21,0),MOD($C4489,24)+1)/SUM(INDEX($D$3:$AA$30,INDEX(Jesper!$R$2:$R$366,ROW(INDEX(Jesper!AL$2:AL$366,ROUNDDOWN($C4489/24,0)+1,1))-1)+IF('Standard Profiles'!$G$22=$B$10,7,0)+IF('Standard Profiles'!$G$22=$B$17,14,0)+IF('Standard Profiles'!$G$22=$B$24,21,0),0)),0)</f>
        <v>0</v>
      </c>
      <c r="I4489">
        <f t="shared" si="503"/>
        <v>0.4124900324051709</v>
      </c>
      <c r="J4489">
        <f t="shared" si="504"/>
        <v>1.3749667746839032</v>
      </c>
      <c r="K4489">
        <f t="shared" si="505"/>
        <v>2.0624501620258546</v>
      </c>
      <c r="L4489">
        <f t="shared" si="506"/>
        <v>9.8997607777241008</v>
      </c>
      <c r="M4489">
        <f t="shared" si="507"/>
        <v>0</v>
      </c>
      <c r="N4489" s="46">
        <f t="shared" si="508"/>
        <v>45477.624999989195</v>
      </c>
    </row>
    <row r="4490" spans="2:14" x14ac:dyDescent="0.3">
      <c r="B4490">
        <f t="shared" si="502"/>
        <v>4</v>
      </c>
      <c r="C4490" s="16">
        <v>4456</v>
      </c>
      <c r="D4490" cm="1">
        <f t="array" ref="D4490">IFERROR(INDEX(Jesper!AH$2:AH$366,ROUNDDOWN($C4490/24,0)+1,1)*INDEX($D$3:$AA$30,INDEX(Jesper!$R$2:$R$366,ROW(INDEX(Jesper!AH$2:AH$366,ROUNDDOWN($C4490/24,0)+1,1))-1)+IF('Standard Profiles'!$G$18=$B$10,7,0)+IF('Standard Profiles'!$G$18=$B$17,14,0)+IF('Standard Profiles'!$G$18=$B$24,21,0),MOD($C4490,24)+1)/SUM(INDEX($D$3:$AA$30,INDEX(Jesper!$R$2:$R$366,ROW(INDEX(Jesper!AH$2:AH$366,ROUNDDOWN($C4490/24,0)+1,1))-1)+IF('Standard Profiles'!$G$18=$B$10,7,0)+IF('Standard Profiles'!$G$18=$B$17,14,0)+IF('Standard Profiles'!$G$18=$B$24,21,0),0)),0)</f>
        <v>13.74966774683903</v>
      </c>
      <c r="E4490" cm="1">
        <f t="array" ref="E4490">IFERROR(INDEX(Jesper!AI$2:AI$366,ROUNDDOWN($C4490/24,0)+1,1)*INDEX($D$3:$AA$30,INDEX(Jesper!$R$2:$R$366,ROW(INDEX(Jesper!AI$2:AI$366,ROUNDDOWN($C4490/24,0)+1,1))-1)+IF('Standard Profiles'!$G$19=$B$10,7,0)+IF('Standard Profiles'!$G$19=$B$17,14,0)+IF('Standard Profiles'!$G$19=$B$24,21,0),MOD($C4490,24)+1)/SUM(INDEX($D$3:$AA$30,INDEX(Jesper!$R$2:$R$366,ROW(INDEX(Jesper!AI$2:AI$366,ROUNDDOWN($C4490/24,0)+1,1))-1)+IF('Standard Profiles'!$G$19=$B$10,7,0)+IF('Standard Profiles'!$G$19=$B$17,14,0)+IF('Standard Profiles'!$G$19=$B$24,21,0),0)),0)</f>
        <v>0</v>
      </c>
      <c r="F4490" cm="1">
        <f t="array" ref="F4490">IFERROR(INDEX(Jesper!AJ$2:AJ$366,ROUNDDOWN($C4490/24,0)+1,1)*INDEX($D$3:$AA$30,INDEX(Jesper!$R$2:$R$366,ROW(INDEX(Jesper!AJ$2:AJ$366,ROUNDDOWN($C4490/24,0)+1,1))-1)+IF('Standard Profiles'!$G$20=$B$10,7,0)+IF('Standard Profiles'!$G$20=$B$17,14,0)+IF('Standard Profiles'!$G$20=$B$24,21,0),MOD($C4490,24)+1)/SUM(INDEX($D$3:$AA$30,INDEX(Jesper!$R$2:$R$366,ROW(INDEX(Jesper!AJ$2:AJ$366,ROUNDDOWN($C4490/24,0)+1,1))-1)+IF('Standard Profiles'!$G$20=$B$10,7,0)+IF('Standard Profiles'!$G$20=$B$17,14,0)+IF('Standard Profiles'!$G$20=$B$24,21,0),0)),0)</f>
        <v>0</v>
      </c>
      <c r="G4490" cm="1">
        <f t="array" ref="G4490">IFERROR(INDEX(Jesper!AK$2:AK$366,ROUNDDOWN($C4490/24,0)+1,1)*INDEX($D$3:$AA$30,INDEX(Jesper!$R$2:$R$366,ROW(INDEX(Jesper!AK$2:AK$366,ROUNDDOWN($C4490/24,0)+1,1))-1)+IF('Standard Profiles'!$G$21=$B$10,7,0)+IF('Standard Profiles'!$G$21=$B$17,14,0)+IF('Standard Profiles'!$G$21=$B$24,21,0),MOD($C4490,24)+1)/SUM(INDEX($D$3:$AA$30,INDEX(Jesper!$R$2:$R$366,ROW(INDEX(Jesper!AK$2:AK$366,ROUNDDOWN($C4490/24,0)+1,1))-1)+IF('Standard Profiles'!$G$21=$B$10,7,0)+IF('Standard Profiles'!$G$21=$B$17,14,0)+IF('Standard Profiles'!$G$21=$B$24,21,0),0)),0)</f>
        <v>0</v>
      </c>
      <c r="H4490" cm="1">
        <f t="array" ref="H4490">IFERROR(INDEX(Jesper!AL$2:AL$366,ROUNDDOWN($C4490/24,0)+1,1)*INDEX($D$3:$AA$30,INDEX(Jesper!$R$2:$R$366,ROW(INDEX(Jesper!AL$2:AL$366,ROUNDDOWN($C4490/24,0)+1,1))-1)+IF('Standard Profiles'!$G$22=$B$10,7,0)+IF('Standard Profiles'!$G$22=$B$17,14,0)+IF('Standard Profiles'!$G$22=$B$24,21,0),MOD($C4490,24)+1)/SUM(INDEX($D$3:$AA$30,INDEX(Jesper!$R$2:$R$366,ROW(INDEX(Jesper!AL$2:AL$366,ROUNDDOWN($C4490/24,0)+1,1))-1)+IF('Standard Profiles'!$G$22=$B$10,7,0)+IF('Standard Profiles'!$G$22=$B$17,14,0)+IF('Standard Profiles'!$G$22=$B$24,21,0),0)),0)</f>
        <v>0</v>
      </c>
      <c r="I4490">
        <f t="shared" si="503"/>
        <v>0.4124900324051709</v>
      </c>
      <c r="J4490">
        <f t="shared" si="504"/>
        <v>1.3749667746839032</v>
      </c>
      <c r="K4490">
        <f t="shared" si="505"/>
        <v>2.0624501620258546</v>
      </c>
      <c r="L4490">
        <f t="shared" si="506"/>
        <v>9.8997607777241008</v>
      </c>
      <c r="M4490">
        <f t="shared" si="507"/>
        <v>0</v>
      </c>
      <c r="N4490" s="46">
        <f t="shared" si="508"/>
        <v>45477.666666655859</v>
      </c>
    </row>
    <row r="4491" spans="2:14" x14ac:dyDescent="0.3">
      <c r="B4491">
        <f t="shared" si="502"/>
        <v>4</v>
      </c>
      <c r="C4491" s="16">
        <v>4457</v>
      </c>
      <c r="D4491" cm="1">
        <f t="array" ref="D4491">IFERROR(INDEX(Jesper!AH$2:AH$366,ROUNDDOWN($C4491/24,0)+1,1)*INDEX($D$3:$AA$30,INDEX(Jesper!$R$2:$R$366,ROW(INDEX(Jesper!AH$2:AH$366,ROUNDDOWN($C4491/24,0)+1,1))-1)+IF('Standard Profiles'!$G$18=$B$10,7,0)+IF('Standard Profiles'!$G$18=$B$17,14,0)+IF('Standard Profiles'!$G$18=$B$24,21,0),MOD($C4491,24)+1)/SUM(INDEX($D$3:$AA$30,INDEX(Jesper!$R$2:$R$366,ROW(INDEX(Jesper!AH$2:AH$366,ROUNDDOWN($C4491/24,0)+1,1))-1)+IF('Standard Profiles'!$G$18=$B$10,7,0)+IF('Standard Profiles'!$G$18=$B$17,14,0)+IF('Standard Profiles'!$G$18=$B$24,21,0),0)),0)</f>
        <v>13.74966774683903</v>
      </c>
      <c r="E4491" cm="1">
        <f t="array" ref="E4491">IFERROR(INDEX(Jesper!AI$2:AI$366,ROUNDDOWN($C4491/24,0)+1,1)*INDEX($D$3:$AA$30,INDEX(Jesper!$R$2:$R$366,ROW(INDEX(Jesper!AI$2:AI$366,ROUNDDOWN($C4491/24,0)+1,1))-1)+IF('Standard Profiles'!$G$19=$B$10,7,0)+IF('Standard Profiles'!$G$19=$B$17,14,0)+IF('Standard Profiles'!$G$19=$B$24,21,0),MOD($C4491,24)+1)/SUM(INDEX($D$3:$AA$30,INDEX(Jesper!$R$2:$R$366,ROW(INDEX(Jesper!AI$2:AI$366,ROUNDDOWN($C4491/24,0)+1,1))-1)+IF('Standard Profiles'!$G$19=$B$10,7,0)+IF('Standard Profiles'!$G$19=$B$17,14,0)+IF('Standard Profiles'!$G$19=$B$24,21,0),0)),0)</f>
        <v>0</v>
      </c>
      <c r="F4491" cm="1">
        <f t="array" ref="F4491">IFERROR(INDEX(Jesper!AJ$2:AJ$366,ROUNDDOWN($C4491/24,0)+1,1)*INDEX($D$3:$AA$30,INDEX(Jesper!$R$2:$R$366,ROW(INDEX(Jesper!AJ$2:AJ$366,ROUNDDOWN($C4491/24,0)+1,1))-1)+IF('Standard Profiles'!$G$20=$B$10,7,0)+IF('Standard Profiles'!$G$20=$B$17,14,0)+IF('Standard Profiles'!$G$20=$B$24,21,0),MOD($C4491,24)+1)/SUM(INDEX($D$3:$AA$30,INDEX(Jesper!$R$2:$R$366,ROW(INDEX(Jesper!AJ$2:AJ$366,ROUNDDOWN($C4491/24,0)+1,1))-1)+IF('Standard Profiles'!$G$20=$B$10,7,0)+IF('Standard Profiles'!$G$20=$B$17,14,0)+IF('Standard Profiles'!$G$20=$B$24,21,0),0)),0)</f>
        <v>0</v>
      </c>
      <c r="G4491" cm="1">
        <f t="array" ref="G4491">IFERROR(INDEX(Jesper!AK$2:AK$366,ROUNDDOWN($C4491/24,0)+1,1)*INDEX($D$3:$AA$30,INDEX(Jesper!$R$2:$R$366,ROW(INDEX(Jesper!AK$2:AK$366,ROUNDDOWN($C4491/24,0)+1,1))-1)+IF('Standard Profiles'!$G$21=$B$10,7,0)+IF('Standard Profiles'!$G$21=$B$17,14,0)+IF('Standard Profiles'!$G$21=$B$24,21,0),MOD($C4491,24)+1)/SUM(INDEX($D$3:$AA$30,INDEX(Jesper!$R$2:$R$366,ROW(INDEX(Jesper!AK$2:AK$366,ROUNDDOWN($C4491/24,0)+1,1))-1)+IF('Standard Profiles'!$G$21=$B$10,7,0)+IF('Standard Profiles'!$G$21=$B$17,14,0)+IF('Standard Profiles'!$G$21=$B$24,21,0),0)),0)</f>
        <v>0</v>
      </c>
      <c r="H4491" cm="1">
        <f t="array" ref="H4491">IFERROR(INDEX(Jesper!AL$2:AL$366,ROUNDDOWN($C4491/24,0)+1,1)*INDEX($D$3:$AA$30,INDEX(Jesper!$R$2:$R$366,ROW(INDEX(Jesper!AL$2:AL$366,ROUNDDOWN($C4491/24,0)+1,1))-1)+IF('Standard Profiles'!$G$22=$B$10,7,0)+IF('Standard Profiles'!$G$22=$B$17,14,0)+IF('Standard Profiles'!$G$22=$B$24,21,0),MOD($C4491,24)+1)/SUM(INDEX($D$3:$AA$30,INDEX(Jesper!$R$2:$R$366,ROW(INDEX(Jesper!AL$2:AL$366,ROUNDDOWN($C4491/24,0)+1,1))-1)+IF('Standard Profiles'!$G$22=$B$10,7,0)+IF('Standard Profiles'!$G$22=$B$17,14,0)+IF('Standard Profiles'!$G$22=$B$24,21,0),0)),0)</f>
        <v>0</v>
      </c>
      <c r="I4491">
        <f t="shared" si="503"/>
        <v>0.4124900324051709</v>
      </c>
      <c r="J4491">
        <f t="shared" si="504"/>
        <v>1.3749667746839032</v>
      </c>
      <c r="K4491">
        <f t="shared" si="505"/>
        <v>2.0624501620258546</v>
      </c>
      <c r="L4491">
        <f t="shared" si="506"/>
        <v>9.8997607777241008</v>
      </c>
      <c r="M4491">
        <f t="shared" si="507"/>
        <v>0</v>
      </c>
      <c r="N4491" s="46">
        <f t="shared" si="508"/>
        <v>45477.708333322524</v>
      </c>
    </row>
    <row r="4492" spans="2:14" x14ac:dyDescent="0.3">
      <c r="B4492">
        <f t="shared" si="502"/>
        <v>4</v>
      </c>
      <c r="C4492" s="16">
        <v>4458</v>
      </c>
      <c r="D4492" cm="1">
        <f t="array" ref="D4492">IFERROR(INDEX(Jesper!AH$2:AH$366,ROUNDDOWN($C4492/24,0)+1,1)*INDEX($D$3:$AA$30,INDEX(Jesper!$R$2:$R$366,ROW(INDEX(Jesper!AH$2:AH$366,ROUNDDOWN($C4492/24,0)+1,1))-1)+IF('Standard Profiles'!$G$18=$B$10,7,0)+IF('Standard Profiles'!$G$18=$B$17,14,0)+IF('Standard Profiles'!$G$18=$B$24,21,0),MOD($C4492,24)+1)/SUM(INDEX($D$3:$AA$30,INDEX(Jesper!$R$2:$R$366,ROW(INDEX(Jesper!AH$2:AH$366,ROUNDDOWN($C4492/24,0)+1,1))-1)+IF('Standard Profiles'!$G$18=$B$10,7,0)+IF('Standard Profiles'!$G$18=$B$17,14,0)+IF('Standard Profiles'!$G$18=$B$24,21,0),0)),0)</f>
        <v>13.74966774683903</v>
      </c>
      <c r="E4492" cm="1">
        <f t="array" ref="E4492">IFERROR(INDEX(Jesper!AI$2:AI$366,ROUNDDOWN($C4492/24,0)+1,1)*INDEX($D$3:$AA$30,INDEX(Jesper!$R$2:$R$366,ROW(INDEX(Jesper!AI$2:AI$366,ROUNDDOWN($C4492/24,0)+1,1))-1)+IF('Standard Profiles'!$G$19=$B$10,7,0)+IF('Standard Profiles'!$G$19=$B$17,14,0)+IF('Standard Profiles'!$G$19=$B$24,21,0),MOD($C4492,24)+1)/SUM(INDEX($D$3:$AA$30,INDEX(Jesper!$R$2:$R$366,ROW(INDEX(Jesper!AI$2:AI$366,ROUNDDOWN($C4492/24,0)+1,1))-1)+IF('Standard Profiles'!$G$19=$B$10,7,0)+IF('Standard Profiles'!$G$19=$B$17,14,0)+IF('Standard Profiles'!$G$19=$B$24,21,0),0)),0)</f>
        <v>0</v>
      </c>
      <c r="F4492" cm="1">
        <f t="array" ref="F4492">IFERROR(INDEX(Jesper!AJ$2:AJ$366,ROUNDDOWN($C4492/24,0)+1,1)*INDEX($D$3:$AA$30,INDEX(Jesper!$R$2:$R$366,ROW(INDEX(Jesper!AJ$2:AJ$366,ROUNDDOWN($C4492/24,0)+1,1))-1)+IF('Standard Profiles'!$G$20=$B$10,7,0)+IF('Standard Profiles'!$G$20=$B$17,14,0)+IF('Standard Profiles'!$G$20=$B$24,21,0),MOD($C4492,24)+1)/SUM(INDEX($D$3:$AA$30,INDEX(Jesper!$R$2:$R$366,ROW(INDEX(Jesper!AJ$2:AJ$366,ROUNDDOWN($C4492/24,0)+1,1))-1)+IF('Standard Profiles'!$G$20=$B$10,7,0)+IF('Standard Profiles'!$G$20=$B$17,14,0)+IF('Standard Profiles'!$G$20=$B$24,21,0),0)),0)</f>
        <v>0</v>
      </c>
      <c r="G4492" cm="1">
        <f t="array" ref="G4492">IFERROR(INDEX(Jesper!AK$2:AK$366,ROUNDDOWN($C4492/24,0)+1,1)*INDEX($D$3:$AA$30,INDEX(Jesper!$R$2:$R$366,ROW(INDEX(Jesper!AK$2:AK$366,ROUNDDOWN($C4492/24,0)+1,1))-1)+IF('Standard Profiles'!$G$21=$B$10,7,0)+IF('Standard Profiles'!$G$21=$B$17,14,0)+IF('Standard Profiles'!$G$21=$B$24,21,0),MOD($C4492,24)+1)/SUM(INDEX($D$3:$AA$30,INDEX(Jesper!$R$2:$R$366,ROW(INDEX(Jesper!AK$2:AK$366,ROUNDDOWN($C4492/24,0)+1,1))-1)+IF('Standard Profiles'!$G$21=$B$10,7,0)+IF('Standard Profiles'!$G$21=$B$17,14,0)+IF('Standard Profiles'!$G$21=$B$24,21,0),0)),0)</f>
        <v>0</v>
      </c>
      <c r="H4492" cm="1">
        <f t="array" ref="H4492">IFERROR(INDEX(Jesper!AL$2:AL$366,ROUNDDOWN($C4492/24,0)+1,1)*INDEX($D$3:$AA$30,INDEX(Jesper!$R$2:$R$366,ROW(INDEX(Jesper!AL$2:AL$366,ROUNDDOWN($C4492/24,0)+1,1))-1)+IF('Standard Profiles'!$G$22=$B$10,7,0)+IF('Standard Profiles'!$G$22=$B$17,14,0)+IF('Standard Profiles'!$G$22=$B$24,21,0),MOD($C4492,24)+1)/SUM(INDEX($D$3:$AA$30,INDEX(Jesper!$R$2:$R$366,ROW(INDEX(Jesper!AL$2:AL$366,ROUNDDOWN($C4492/24,0)+1,1))-1)+IF('Standard Profiles'!$G$22=$B$10,7,0)+IF('Standard Profiles'!$G$22=$B$17,14,0)+IF('Standard Profiles'!$G$22=$B$24,21,0),0)),0)</f>
        <v>0</v>
      </c>
      <c r="I4492">
        <f t="shared" si="503"/>
        <v>0.4124900324051709</v>
      </c>
      <c r="J4492">
        <f t="shared" si="504"/>
        <v>1.3749667746839032</v>
      </c>
      <c r="K4492">
        <f t="shared" si="505"/>
        <v>2.0624501620258546</v>
      </c>
      <c r="L4492">
        <f t="shared" si="506"/>
        <v>9.8997607777241008</v>
      </c>
      <c r="M4492">
        <f t="shared" si="507"/>
        <v>0</v>
      </c>
      <c r="N4492" s="46">
        <f t="shared" si="508"/>
        <v>45477.749999989188</v>
      </c>
    </row>
    <row r="4493" spans="2:14" x14ac:dyDescent="0.3">
      <c r="B4493">
        <f t="shared" si="502"/>
        <v>4</v>
      </c>
      <c r="C4493" s="16">
        <v>4459</v>
      </c>
      <c r="D4493" cm="1">
        <f t="array" ref="D4493">IFERROR(INDEX(Jesper!AH$2:AH$366,ROUNDDOWN($C4493/24,0)+1,1)*INDEX($D$3:$AA$30,INDEX(Jesper!$R$2:$R$366,ROW(INDEX(Jesper!AH$2:AH$366,ROUNDDOWN($C4493/24,0)+1,1))-1)+IF('Standard Profiles'!$G$18=$B$10,7,0)+IF('Standard Profiles'!$G$18=$B$17,14,0)+IF('Standard Profiles'!$G$18=$B$24,21,0),MOD($C4493,24)+1)/SUM(INDEX($D$3:$AA$30,INDEX(Jesper!$R$2:$R$366,ROW(INDEX(Jesper!AH$2:AH$366,ROUNDDOWN($C4493/24,0)+1,1))-1)+IF('Standard Profiles'!$G$18=$B$10,7,0)+IF('Standard Profiles'!$G$18=$B$17,14,0)+IF('Standard Profiles'!$G$18=$B$24,21,0),0)),0)</f>
        <v>11.458056455699191</v>
      </c>
      <c r="E4493" cm="1">
        <f t="array" ref="E4493">IFERROR(INDEX(Jesper!AI$2:AI$366,ROUNDDOWN($C4493/24,0)+1,1)*INDEX($D$3:$AA$30,INDEX(Jesper!$R$2:$R$366,ROW(INDEX(Jesper!AI$2:AI$366,ROUNDDOWN($C4493/24,0)+1,1))-1)+IF('Standard Profiles'!$G$19=$B$10,7,0)+IF('Standard Profiles'!$G$19=$B$17,14,0)+IF('Standard Profiles'!$G$19=$B$24,21,0),MOD($C4493,24)+1)/SUM(INDEX($D$3:$AA$30,INDEX(Jesper!$R$2:$R$366,ROW(INDEX(Jesper!AI$2:AI$366,ROUNDDOWN($C4493/24,0)+1,1))-1)+IF('Standard Profiles'!$G$19=$B$10,7,0)+IF('Standard Profiles'!$G$19=$B$17,14,0)+IF('Standard Profiles'!$G$19=$B$24,21,0),0)),0)</f>
        <v>0</v>
      </c>
      <c r="F4493" cm="1">
        <f t="array" ref="F4493">IFERROR(INDEX(Jesper!AJ$2:AJ$366,ROUNDDOWN($C4493/24,0)+1,1)*INDEX($D$3:$AA$30,INDEX(Jesper!$R$2:$R$366,ROW(INDEX(Jesper!AJ$2:AJ$366,ROUNDDOWN($C4493/24,0)+1,1))-1)+IF('Standard Profiles'!$G$20=$B$10,7,0)+IF('Standard Profiles'!$G$20=$B$17,14,0)+IF('Standard Profiles'!$G$20=$B$24,21,0),MOD($C4493,24)+1)/SUM(INDEX($D$3:$AA$30,INDEX(Jesper!$R$2:$R$366,ROW(INDEX(Jesper!AJ$2:AJ$366,ROUNDDOWN($C4493/24,0)+1,1))-1)+IF('Standard Profiles'!$G$20=$B$10,7,0)+IF('Standard Profiles'!$G$20=$B$17,14,0)+IF('Standard Profiles'!$G$20=$B$24,21,0),0)),0)</f>
        <v>0</v>
      </c>
      <c r="G4493" cm="1">
        <f t="array" ref="G4493">IFERROR(INDEX(Jesper!AK$2:AK$366,ROUNDDOWN($C4493/24,0)+1,1)*INDEX($D$3:$AA$30,INDEX(Jesper!$R$2:$R$366,ROW(INDEX(Jesper!AK$2:AK$366,ROUNDDOWN($C4493/24,0)+1,1))-1)+IF('Standard Profiles'!$G$21=$B$10,7,0)+IF('Standard Profiles'!$G$21=$B$17,14,0)+IF('Standard Profiles'!$G$21=$B$24,21,0),MOD($C4493,24)+1)/SUM(INDEX($D$3:$AA$30,INDEX(Jesper!$R$2:$R$366,ROW(INDEX(Jesper!AK$2:AK$366,ROUNDDOWN($C4493/24,0)+1,1))-1)+IF('Standard Profiles'!$G$21=$B$10,7,0)+IF('Standard Profiles'!$G$21=$B$17,14,0)+IF('Standard Profiles'!$G$21=$B$24,21,0),0)),0)</f>
        <v>0</v>
      </c>
      <c r="H4493" cm="1">
        <f t="array" ref="H4493">IFERROR(INDEX(Jesper!AL$2:AL$366,ROUNDDOWN($C4493/24,0)+1,1)*INDEX($D$3:$AA$30,INDEX(Jesper!$R$2:$R$366,ROW(INDEX(Jesper!AL$2:AL$366,ROUNDDOWN($C4493/24,0)+1,1))-1)+IF('Standard Profiles'!$G$22=$B$10,7,0)+IF('Standard Profiles'!$G$22=$B$17,14,0)+IF('Standard Profiles'!$G$22=$B$24,21,0),MOD($C4493,24)+1)/SUM(INDEX($D$3:$AA$30,INDEX(Jesper!$R$2:$R$366,ROW(INDEX(Jesper!AL$2:AL$366,ROUNDDOWN($C4493/24,0)+1,1))-1)+IF('Standard Profiles'!$G$22=$B$10,7,0)+IF('Standard Profiles'!$G$22=$B$17,14,0)+IF('Standard Profiles'!$G$22=$B$24,21,0),0)),0)</f>
        <v>0</v>
      </c>
      <c r="I4493">
        <f t="shared" si="503"/>
        <v>0.34374169367097573</v>
      </c>
      <c r="J4493">
        <f t="shared" si="504"/>
        <v>1.1458056455699193</v>
      </c>
      <c r="K4493">
        <f t="shared" si="505"/>
        <v>1.7187084683548786</v>
      </c>
      <c r="L4493">
        <f t="shared" si="506"/>
        <v>8.2498006481034167</v>
      </c>
      <c r="M4493">
        <f t="shared" si="507"/>
        <v>0</v>
      </c>
      <c r="N4493" s="46">
        <f t="shared" si="508"/>
        <v>45477.791666655852</v>
      </c>
    </row>
    <row r="4494" spans="2:14" x14ac:dyDescent="0.3">
      <c r="B4494">
        <f t="shared" si="502"/>
        <v>4</v>
      </c>
      <c r="C4494" s="16">
        <v>4460</v>
      </c>
      <c r="D4494" cm="1">
        <f t="array" ref="D4494">IFERROR(INDEX(Jesper!AH$2:AH$366,ROUNDDOWN($C4494/24,0)+1,1)*INDEX($D$3:$AA$30,INDEX(Jesper!$R$2:$R$366,ROW(INDEX(Jesper!AH$2:AH$366,ROUNDDOWN($C4494/24,0)+1,1))-1)+IF('Standard Profiles'!$G$18=$B$10,7,0)+IF('Standard Profiles'!$G$18=$B$17,14,0)+IF('Standard Profiles'!$G$18=$B$24,21,0),MOD($C4494,24)+1)/SUM(INDEX($D$3:$AA$30,INDEX(Jesper!$R$2:$R$366,ROW(INDEX(Jesper!AH$2:AH$366,ROUNDDOWN($C4494/24,0)+1,1))-1)+IF('Standard Profiles'!$G$18=$B$10,7,0)+IF('Standard Profiles'!$G$18=$B$17,14,0)+IF('Standard Profiles'!$G$18=$B$24,21,0),0)),0)</f>
        <v>9.1664451645593541</v>
      </c>
      <c r="E4494" cm="1">
        <f t="array" ref="E4494">IFERROR(INDEX(Jesper!AI$2:AI$366,ROUNDDOWN($C4494/24,0)+1,1)*INDEX($D$3:$AA$30,INDEX(Jesper!$R$2:$R$366,ROW(INDEX(Jesper!AI$2:AI$366,ROUNDDOWN($C4494/24,0)+1,1))-1)+IF('Standard Profiles'!$G$19=$B$10,7,0)+IF('Standard Profiles'!$G$19=$B$17,14,0)+IF('Standard Profiles'!$G$19=$B$24,21,0),MOD($C4494,24)+1)/SUM(INDEX($D$3:$AA$30,INDEX(Jesper!$R$2:$R$366,ROW(INDEX(Jesper!AI$2:AI$366,ROUNDDOWN($C4494/24,0)+1,1))-1)+IF('Standard Profiles'!$G$19=$B$10,7,0)+IF('Standard Profiles'!$G$19=$B$17,14,0)+IF('Standard Profiles'!$G$19=$B$24,21,0),0)),0)</f>
        <v>0</v>
      </c>
      <c r="F4494" cm="1">
        <f t="array" ref="F4494">IFERROR(INDEX(Jesper!AJ$2:AJ$366,ROUNDDOWN($C4494/24,0)+1,1)*INDEX($D$3:$AA$30,INDEX(Jesper!$R$2:$R$366,ROW(INDEX(Jesper!AJ$2:AJ$366,ROUNDDOWN($C4494/24,0)+1,1))-1)+IF('Standard Profiles'!$G$20=$B$10,7,0)+IF('Standard Profiles'!$G$20=$B$17,14,0)+IF('Standard Profiles'!$G$20=$B$24,21,0),MOD($C4494,24)+1)/SUM(INDEX($D$3:$AA$30,INDEX(Jesper!$R$2:$R$366,ROW(INDEX(Jesper!AJ$2:AJ$366,ROUNDDOWN($C4494/24,0)+1,1))-1)+IF('Standard Profiles'!$G$20=$B$10,7,0)+IF('Standard Profiles'!$G$20=$B$17,14,0)+IF('Standard Profiles'!$G$20=$B$24,21,0),0)),0)</f>
        <v>0</v>
      </c>
      <c r="G4494" cm="1">
        <f t="array" ref="G4494">IFERROR(INDEX(Jesper!AK$2:AK$366,ROUNDDOWN($C4494/24,0)+1,1)*INDEX($D$3:$AA$30,INDEX(Jesper!$R$2:$R$366,ROW(INDEX(Jesper!AK$2:AK$366,ROUNDDOWN($C4494/24,0)+1,1))-1)+IF('Standard Profiles'!$G$21=$B$10,7,0)+IF('Standard Profiles'!$G$21=$B$17,14,0)+IF('Standard Profiles'!$G$21=$B$24,21,0),MOD($C4494,24)+1)/SUM(INDEX($D$3:$AA$30,INDEX(Jesper!$R$2:$R$366,ROW(INDEX(Jesper!AK$2:AK$366,ROUNDDOWN($C4494/24,0)+1,1))-1)+IF('Standard Profiles'!$G$21=$B$10,7,0)+IF('Standard Profiles'!$G$21=$B$17,14,0)+IF('Standard Profiles'!$G$21=$B$24,21,0),0)),0)</f>
        <v>0</v>
      </c>
      <c r="H4494" cm="1">
        <f t="array" ref="H4494">IFERROR(INDEX(Jesper!AL$2:AL$366,ROUNDDOWN($C4494/24,0)+1,1)*INDEX($D$3:$AA$30,INDEX(Jesper!$R$2:$R$366,ROW(INDEX(Jesper!AL$2:AL$366,ROUNDDOWN($C4494/24,0)+1,1))-1)+IF('Standard Profiles'!$G$22=$B$10,7,0)+IF('Standard Profiles'!$G$22=$B$17,14,0)+IF('Standard Profiles'!$G$22=$B$24,21,0),MOD($C4494,24)+1)/SUM(INDEX($D$3:$AA$30,INDEX(Jesper!$R$2:$R$366,ROW(INDEX(Jesper!AL$2:AL$366,ROUNDDOWN($C4494/24,0)+1,1))-1)+IF('Standard Profiles'!$G$22=$B$10,7,0)+IF('Standard Profiles'!$G$22=$B$17,14,0)+IF('Standard Profiles'!$G$22=$B$24,21,0),0)),0)</f>
        <v>0</v>
      </c>
      <c r="I4494">
        <f t="shared" si="503"/>
        <v>0.27499335493678062</v>
      </c>
      <c r="J4494">
        <f t="shared" si="504"/>
        <v>0.91664451645593548</v>
      </c>
      <c r="K4494">
        <f t="shared" si="505"/>
        <v>1.3749667746839032</v>
      </c>
      <c r="L4494">
        <f t="shared" si="506"/>
        <v>6.5998405184827345</v>
      </c>
      <c r="M4494">
        <f t="shared" si="507"/>
        <v>0</v>
      </c>
      <c r="N4494" s="46">
        <f t="shared" si="508"/>
        <v>45477.833333322516</v>
      </c>
    </row>
    <row r="4495" spans="2:14" x14ac:dyDescent="0.3">
      <c r="B4495">
        <f t="shared" si="502"/>
        <v>4</v>
      </c>
      <c r="C4495" s="16">
        <v>4461</v>
      </c>
      <c r="D4495" cm="1">
        <f t="array" ref="D4495">IFERROR(INDEX(Jesper!AH$2:AH$366,ROUNDDOWN($C4495/24,0)+1,1)*INDEX($D$3:$AA$30,INDEX(Jesper!$R$2:$R$366,ROW(INDEX(Jesper!AH$2:AH$366,ROUNDDOWN($C4495/24,0)+1,1))-1)+IF('Standard Profiles'!$G$18=$B$10,7,0)+IF('Standard Profiles'!$G$18=$B$17,14,0)+IF('Standard Profiles'!$G$18=$B$24,21,0),MOD($C4495,24)+1)/SUM(INDEX($D$3:$AA$30,INDEX(Jesper!$R$2:$R$366,ROW(INDEX(Jesper!AH$2:AH$366,ROUNDDOWN($C4495/24,0)+1,1))-1)+IF('Standard Profiles'!$G$18=$B$10,7,0)+IF('Standard Profiles'!$G$18=$B$17,14,0)+IF('Standard Profiles'!$G$18=$B$24,21,0),0)),0)</f>
        <v>6.8748338734195151</v>
      </c>
      <c r="E4495" cm="1">
        <f t="array" ref="E4495">IFERROR(INDEX(Jesper!AI$2:AI$366,ROUNDDOWN($C4495/24,0)+1,1)*INDEX($D$3:$AA$30,INDEX(Jesper!$R$2:$R$366,ROW(INDEX(Jesper!AI$2:AI$366,ROUNDDOWN($C4495/24,0)+1,1))-1)+IF('Standard Profiles'!$G$19=$B$10,7,0)+IF('Standard Profiles'!$G$19=$B$17,14,0)+IF('Standard Profiles'!$G$19=$B$24,21,0),MOD($C4495,24)+1)/SUM(INDEX($D$3:$AA$30,INDEX(Jesper!$R$2:$R$366,ROW(INDEX(Jesper!AI$2:AI$366,ROUNDDOWN($C4495/24,0)+1,1))-1)+IF('Standard Profiles'!$G$19=$B$10,7,0)+IF('Standard Profiles'!$G$19=$B$17,14,0)+IF('Standard Profiles'!$G$19=$B$24,21,0),0)),0)</f>
        <v>0</v>
      </c>
      <c r="F4495" cm="1">
        <f t="array" ref="F4495">IFERROR(INDEX(Jesper!AJ$2:AJ$366,ROUNDDOWN($C4495/24,0)+1,1)*INDEX($D$3:$AA$30,INDEX(Jesper!$R$2:$R$366,ROW(INDEX(Jesper!AJ$2:AJ$366,ROUNDDOWN($C4495/24,0)+1,1))-1)+IF('Standard Profiles'!$G$20=$B$10,7,0)+IF('Standard Profiles'!$G$20=$B$17,14,0)+IF('Standard Profiles'!$G$20=$B$24,21,0),MOD($C4495,24)+1)/SUM(INDEX($D$3:$AA$30,INDEX(Jesper!$R$2:$R$366,ROW(INDEX(Jesper!AJ$2:AJ$366,ROUNDDOWN($C4495/24,0)+1,1))-1)+IF('Standard Profiles'!$G$20=$B$10,7,0)+IF('Standard Profiles'!$G$20=$B$17,14,0)+IF('Standard Profiles'!$G$20=$B$24,21,0),0)),0)</f>
        <v>0</v>
      </c>
      <c r="G4495" cm="1">
        <f t="array" ref="G4495">IFERROR(INDEX(Jesper!AK$2:AK$366,ROUNDDOWN($C4495/24,0)+1,1)*INDEX($D$3:$AA$30,INDEX(Jesper!$R$2:$R$366,ROW(INDEX(Jesper!AK$2:AK$366,ROUNDDOWN($C4495/24,0)+1,1))-1)+IF('Standard Profiles'!$G$21=$B$10,7,0)+IF('Standard Profiles'!$G$21=$B$17,14,0)+IF('Standard Profiles'!$G$21=$B$24,21,0),MOD($C4495,24)+1)/SUM(INDEX($D$3:$AA$30,INDEX(Jesper!$R$2:$R$366,ROW(INDEX(Jesper!AK$2:AK$366,ROUNDDOWN($C4495/24,0)+1,1))-1)+IF('Standard Profiles'!$G$21=$B$10,7,0)+IF('Standard Profiles'!$G$21=$B$17,14,0)+IF('Standard Profiles'!$G$21=$B$24,21,0),0)),0)</f>
        <v>0</v>
      </c>
      <c r="H4495" cm="1">
        <f t="array" ref="H4495">IFERROR(INDEX(Jesper!AL$2:AL$366,ROUNDDOWN($C4495/24,0)+1,1)*INDEX($D$3:$AA$30,INDEX(Jesper!$R$2:$R$366,ROW(INDEX(Jesper!AL$2:AL$366,ROUNDDOWN($C4495/24,0)+1,1))-1)+IF('Standard Profiles'!$G$22=$B$10,7,0)+IF('Standard Profiles'!$G$22=$B$17,14,0)+IF('Standard Profiles'!$G$22=$B$24,21,0),MOD($C4495,24)+1)/SUM(INDEX($D$3:$AA$30,INDEX(Jesper!$R$2:$R$366,ROW(INDEX(Jesper!AL$2:AL$366,ROUNDDOWN($C4495/24,0)+1,1))-1)+IF('Standard Profiles'!$G$22=$B$10,7,0)+IF('Standard Profiles'!$G$22=$B$17,14,0)+IF('Standard Profiles'!$G$22=$B$24,21,0),0)),0)</f>
        <v>0</v>
      </c>
      <c r="I4495">
        <f t="shared" si="503"/>
        <v>0.20624501620258545</v>
      </c>
      <c r="J4495">
        <f t="shared" si="504"/>
        <v>0.68748338734195158</v>
      </c>
      <c r="K4495">
        <f t="shared" si="505"/>
        <v>1.0312250810129273</v>
      </c>
      <c r="L4495">
        <f t="shared" si="506"/>
        <v>4.9498803888620504</v>
      </c>
      <c r="M4495">
        <f t="shared" si="507"/>
        <v>0</v>
      </c>
      <c r="N4495" s="46">
        <f t="shared" si="508"/>
        <v>45477.874999989181</v>
      </c>
    </row>
    <row r="4496" spans="2:14" x14ac:dyDescent="0.3">
      <c r="B4496">
        <f t="shared" si="502"/>
        <v>4</v>
      </c>
      <c r="C4496" s="16">
        <v>4462</v>
      </c>
      <c r="D4496" cm="1">
        <f t="array" ref="D4496">IFERROR(INDEX(Jesper!AH$2:AH$366,ROUNDDOWN($C4496/24,0)+1,1)*INDEX($D$3:$AA$30,INDEX(Jesper!$R$2:$R$366,ROW(INDEX(Jesper!AH$2:AH$366,ROUNDDOWN($C4496/24,0)+1,1))-1)+IF('Standard Profiles'!$G$18=$B$10,7,0)+IF('Standard Profiles'!$G$18=$B$17,14,0)+IF('Standard Profiles'!$G$18=$B$24,21,0),MOD($C4496,24)+1)/SUM(INDEX($D$3:$AA$30,INDEX(Jesper!$R$2:$R$366,ROW(INDEX(Jesper!AH$2:AH$366,ROUNDDOWN($C4496/24,0)+1,1))-1)+IF('Standard Profiles'!$G$18=$B$10,7,0)+IF('Standard Profiles'!$G$18=$B$17,14,0)+IF('Standard Profiles'!$G$18=$B$24,21,0),0)),0)</f>
        <v>6.8748338734195151</v>
      </c>
      <c r="E4496" cm="1">
        <f t="array" ref="E4496">IFERROR(INDEX(Jesper!AI$2:AI$366,ROUNDDOWN($C4496/24,0)+1,1)*INDEX($D$3:$AA$30,INDEX(Jesper!$R$2:$R$366,ROW(INDEX(Jesper!AI$2:AI$366,ROUNDDOWN($C4496/24,0)+1,1))-1)+IF('Standard Profiles'!$G$19=$B$10,7,0)+IF('Standard Profiles'!$G$19=$B$17,14,0)+IF('Standard Profiles'!$G$19=$B$24,21,0),MOD($C4496,24)+1)/SUM(INDEX($D$3:$AA$30,INDEX(Jesper!$R$2:$R$366,ROW(INDEX(Jesper!AI$2:AI$366,ROUNDDOWN($C4496/24,0)+1,1))-1)+IF('Standard Profiles'!$G$19=$B$10,7,0)+IF('Standard Profiles'!$G$19=$B$17,14,0)+IF('Standard Profiles'!$G$19=$B$24,21,0),0)),0)</f>
        <v>0</v>
      </c>
      <c r="F4496" cm="1">
        <f t="array" ref="F4496">IFERROR(INDEX(Jesper!AJ$2:AJ$366,ROUNDDOWN($C4496/24,0)+1,1)*INDEX($D$3:$AA$30,INDEX(Jesper!$R$2:$R$366,ROW(INDEX(Jesper!AJ$2:AJ$366,ROUNDDOWN($C4496/24,0)+1,1))-1)+IF('Standard Profiles'!$G$20=$B$10,7,0)+IF('Standard Profiles'!$G$20=$B$17,14,0)+IF('Standard Profiles'!$G$20=$B$24,21,0),MOD($C4496,24)+1)/SUM(INDEX($D$3:$AA$30,INDEX(Jesper!$R$2:$R$366,ROW(INDEX(Jesper!AJ$2:AJ$366,ROUNDDOWN($C4496/24,0)+1,1))-1)+IF('Standard Profiles'!$G$20=$B$10,7,0)+IF('Standard Profiles'!$G$20=$B$17,14,0)+IF('Standard Profiles'!$G$20=$B$24,21,0),0)),0)</f>
        <v>0</v>
      </c>
      <c r="G4496" cm="1">
        <f t="array" ref="G4496">IFERROR(INDEX(Jesper!AK$2:AK$366,ROUNDDOWN($C4496/24,0)+1,1)*INDEX($D$3:$AA$30,INDEX(Jesper!$R$2:$R$366,ROW(INDEX(Jesper!AK$2:AK$366,ROUNDDOWN($C4496/24,0)+1,1))-1)+IF('Standard Profiles'!$G$21=$B$10,7,0)+IF('Standard Profiles'!$G$21=$B$17,14,0)+IF('Standard Profiles'!$G$21=$B$24,21,0),MOD($C4496,24)+1)/SUM(INDEX($D$3:$AA$30,INDEX(Jesper!$R$2:$R$366,ROW(INDEX(Jesper!AK$2:AK$366,ROUNDDOWN($C4496/24,0)+1,1))-1)+IF('Standard Profiles'!$G$21=$B$10,7,0)+IF('Standard Profiles'!$G$21=$B$17,14,0)+IF('Standard Profiles'!$G$21=$B$24,21,0),0)),0)</f>
        <v>0</v>
      </c>
      <c r="H4496" cm="1">
        <f t="array" ref="H4496">IFERROR(INDEX(Jesper!AL$2:AL$366,ROUNDDOWN($C4496/24,0)+1,1)*INDEX($D$3:$AA$30,INDEX(Jesper!$R$2:$R$366,ROW(INDEX(Jesper!AL$2:AL$366,ROUNDDOWN($C4496/24,0)+1,1))-1)+IF('Standard Profiles'!$G$22=$B$10,7,0)+IF('Standard Profiles'!$G$22=$B$17,14,0)+IF('Standard Profiles'!$G$22=$B$24,21,0),MOD($C4496,24)+1)/SUM(INDEX($D$3:$AA$30,INDEX(Jesper!$R$2:$R$366,ROW(INDEX(Jesper!AL$2:AL$366,ROUNDDOWN($C4496/24,0)+1,1))-1)+IF('Standard Profiles'!$G$22=$B$10,7,0)+IF('Standard Profiles'!$G$22=$B$17,14,0)+IF('Standard Profiles'!$G$22=$B$24,21,0),0)),0)</f>
        <v>0</v>
      </c>
      <c r="I4496">
        <f t="shared" si="503"/>
        <v>0.20624501620258545</v>
      </c>
      <c r="J4496">
        <f t="shared" si="504"/>
        <v>0.68748338734195158</v>
      </c>
      <c r="K4496">
        <f t="shared" si="505"/>
        <v>1.0312250810129273</v>
      </c>
      <c r="L4496">
        <f t="shared" si="506"/>
        <v>4.9498803888620504</v>
      </c>
      <c r="M4496">
        <f t="shared" si="507"/>
        <v>0</v>
      </c>
      <c r="N4496" s="46">
        <f t="shared" si="508"/>
        <v>45477.916666655845</v>
      </c>
    </row>
    <row r="4497" spans="2:14" x14ac:dyDescent="0.3">
      <c r="B4497">
        <f t="shared" si="502"/>
        <v>4</v>
      </c>
      <c r="C4497" s="16">
        <v>4463</v>
      </c>
      <c r="D4497" cm="1">
        <f t="array" ref="D4497">IFERROR(INDEX(Jesper!AH$2:AH$366,ROUNDDOWN($C4497/24,0)+1,1)*INDEX($D$3:$AA$30,INDEX(Jesper!$R$2:$R$366,ROW(INDEX(Jesper!AH$2:AH$366,ROUNDDOWN($C4497/24,0)+1,1))-1)+IF('Standard Profiles'!$G$18=$B$10,7,0)+IF('Standard Profiles'!$G$18=$B$17,14,0)+IF('Standard Profiles'!$G$18=$B$24,21,0),MOD($C4497,24)+1)/SUM(INDEX($D$3:$AA$30,INDEX(Jesper!$R$2:$R$366,ROW(INDEX(Jesper!AH$2:AH$366,ROUNDDOWN($C4497/24,0)+1,1))-1)+IF('Standard Profiles'!$G$18=$B$10,7,0)+IF('Standard Profiles'!$G$18=$B$17,14,0)+IF('Standard Profiles'!$G$18=$B$24,21,0),0)),0)</f>
        <v>6.8748338734195151</v>
      </c>
      <c r="E4497" cm="1">
        <f t="array" ref="E4497">IFERROR(INDEX(Jesper!AI$2:AI$366,ROUNDDOWN($C4497/24,0)+1,1)*INDEX($D$3:$AA$30,INDEX(Jesper!$R$2:$R$366,ROW(INDEX(Jesper!AI$2:AI$366,ROUNDDOWN($C4497/24,0)+1,1))-1)+IF('Standard Profiles'!$G$19=$B$10,7,0)+IF('Standard Profiles'!$G$19=$B$17,14,0)+IF('Standard Profiles'!$G$19=$B$24,21,0),MOD($C4497,24)+1)/SUM(INDEX($D$3:$AA$30,INDEX(Jesper!$R$2:$R$366,ROW(INDEX(Jesper!AI$2:AI$366,ROUNDDOWN($C4497/24,0)+1,1))-1)+IF('Standard Profiles'!$G$19=$B$10,7,0)+IF('Standard Profiles'!$G$19=$B$17,14,0)+IF('Standard Profiles'!$G$19=$B$24,21,0),0)),0)</f>
        <v>0</v>
      </c>
      <c r="F4497" cm="1">
        <f t="array" ref="F4497">IFERROR(INDEX(Jesper!AJ$2:AJ$366,ROUNDDOWN($C4497/24,0)+1,1)*INDEX($D$3:$AA$30,INDEX(Jesper!$R$2:$R$366,ROW(INDEX(Jesper!AJ$2:AJ$366,ROUNDDOWN($C4497/24,0)+1,1))-1)+IF('Standard Profiles'!$G$20=$B$10,7,0)+IF('Standard Profiles'!$G$20=$B$17,14,0)+IF('Standard Profiles'!$G$20=$B$24,21,0),MOD($C4497,24)+1)/SUM(INDEX($D$3:$AA$30,INDEX(Jesper!$R$2:$R$366,ROW(INDEX(Jesper!AJ$2:AJ$366,ROUNDDOWN($C4497/24,0)+1,1))-1)+IF('Standard Profiles'!$G$20=$B$10,7,0)+IF('Standard Profiles'!$G$20=$B$17,14,0)+IF('Standard Profiles'!$G$20=$B$24,21,0),0)),0)</f>
        <v>0</v>
      </c>
      <c r="G4497" cm="1">
        <f t="array" ref="G4497">IFERROR(INDEX(Jesper!AK$2:AK$366,ROUNDDOWN($C4497/24,0)+1,1)*INDEX($D$3:$AA$30,INDEX(Jesper!$R$2:$R$366,ROW(INDEX(Jesper!AK$2:AK$366,ROUNDDOWN($C4497/24,0)+1,1))-1)+IF('Standard Profiles'!$G$21=$B$10,7,0)+IF('Standard Profiles'!$G$21=$B$17,14,0)+IF('Standard Profiles'!$G$21=$B$24,21,0),MOD($C4497,24)+1)/SUM(INDEX($D$3:$AA$30,INDEX(Jesper!$R$2:$R$366,ROW(INDEX(Jesper!AK$2:AK$366,ROUNDDOWN($C4497/24,0)+1,1))-1)+IF('Standard Profiles'!$G$21=$B$10,7,0)+IF('Standard Profiles'!$G$21=$B$17,14,0)+IF('Standard Profiles'!$G$21=$B$24,21,0),0)),0)</f>
        <v>0</v>
      </c>
      <c r="H4497" cm="1">
        <f t="array" ref="H4497">IFERROR(INDEX(Jesper!AL$2:AL$366,ROUNDDOWN($C4497/24,0)+1,1)*INDEX($D$3:$AA$30,INDEX(Jesper!$R$2:$R$366,ROW(INDEX(Jesper!AL$2:AL$366,ROUNDDOWN($C4497/24,0)+1,1))-1)+IF('Standard Profiles'!$G$22=$B$10,7,0)+IF('Standard Profiles'!$G$22=$B$17,14,0)+IF('Standard Profiles'!$G$22=$B$24,21,0),MOD($C4497,24)+1)/SUM(INDEX($D$3:$AA$30,INDEX(Jesper!$R$2:$R$366,ROW(INDEX(Jesper!AL$2:AL$366,ROUNDDOWN($C4497/24,0)+1,1))-1)+IF('Standard Profiles'!$G$22=$B$10,7,0)+IF('Standard Profiles'!$G$22=$B$17,14,0)+IF('Standard Profiles'!$G$22=$B$24,21,0),0)),0)</f>
        <v>0</v>
      </c>
      <c r="I4497">
        <f t="shared" si="503"/>
        <v>0.20624501620258545</v>
      </c>
      <c r="J4497">
        <f t="shared" si="504"/>
        <v>0.68748338734195158</v>
      </c>
      <c r="K4497">
        <f t="shared" si="505"/>
        <v>1.0312250810129273</v>
      </c>
      <c r="L4497">
        <f t="shared" si="506"/>
        <v>4.9498803888620504</v>
      </c>
      <c r="M4497">
        <f t="shared" si="507"/>
        <v>0</v>
      </c>
      <c r="N4497" s="46">
        <f t="shared" si="508"/>
        <v>45477.958333322509</v>
      </c>
    </row>
    <row r="4498" spans="2:14" x14ac:dyDescent="0.3">
      <c r="B4498">
        <f t="shared" si="502"/>
        <v>5</v>
      </c>
      <c r="C4498" s="16">
        <v>4464</v>
      </c>
      <c r="D4498" cm="1">
        <f t="array" ref="D4498">IFERROR(INDEX(Jesper!AH$2:AH$366,ROUNDDOWN($C4498/24,0)+1,1)*INDEX($D$3:$AA$30,INDEX(Jesper!$R$2:$R$366,ROW(INDEX(Jesper!AH$2:AH$366,ROUNDDOWN($C4498/24,0)+1,1))-1)+IF('Standard Profiles'!$G$18=$B$10,7,0)+IF('Standard Profiles'!$G$18=$B$17,14,0)+IF('Standard Profiles'!$G$18=$B$24,21,0),MOD($C4498,24)+1)/SUM(INDEX($D$3:$AA$30,INDEX(Jesper!$R$2:$R$366,ROW(INDEX(Jesper!AH$2:AH$366,ROUNDDOWN($C4498/24,0)+1,1))-1)+IF('Standard Profiles'!$G$18=$B$10,7,0)+IF('Standard Profiles'!$G$18=$B$17,14,0)+IF('Standard Profiles'!$G$18=$B$24,21,0),0)),0)</f>
        <v>7.4945979783830197</v>
      </c>
      <c r="E4498" cm="1">
        <f t="array" ref="E4498">IFERROR(INDEX(Jesper!AI$2:AI$366,ROUNDDOWN($C4498/24,0)+1,1)*INDEX($D$3:$AA$30,INDEX(Jesper!$R$2:$R$366,ROW(INDEX(Jesper!AI$2:AI$366,ROUNDDOWN($C4498/24,0)+1,1))-1)+IF('Standard Profiles'!$G$19=$B$10,7,0)+IF('Standard Profiles'!$G$19=$B$17,14,0)+IF('Standard Profiles'!$G$19=$B$24,21,0),MOD($C4498,24)+1)/SUM(INDEX($D$3:$AA$30,INDEX(Jesper!$R$2:$R$366,ROW(INDEX(Jesper!AI$2:AI$366,ROUNDDOWN($C4498/24,0)+1,1))-1)+IF('Standard Profiles'!$G$19=$B$10,7,0)+IF('Standard Profiles'!$G$19=$B$17,14,0)+IF('Standard Profiles'!$G$19=$B$24,21,0),0)),0)</f>
        <v>0</v>
      </c>
      <c r="F4498" cm="1">
        <f t="array" ref="F4498">IFERROR(INDEX(Jesper!AJ$2:AJ$366,ROUNDDOWN($C4498/24,0)+1,1)*INDEX($D$3:$AA$30,INDEX(Jesper!$R$2:$R$366,ROW(INDEX(Jesper!AJ$2:AJ$366,ROUNDDOWN($C4498/24,0)+1,1))-1)+IF('Standard Profiles'!$G$20=$B$10,7,0)+IF('Standard Profiles'!$G$20=$B$17,14,0)+IF('Standard Profiles'!$G$20=$B$24,21,0),MOD($C4498,24)+1)/SUM(INDEX($D$3:$AA$30,INDEX(Jesper!$R$2:$R$366,ROW(INDEX(Jesper!AJ$2:AJ$366,ROUNDDOWN($C4498/24,0)+1,1))-1)+IF('Standard Profiles'!$G$20=$B$10,7,0)+IF('Standard Profiles'!$G$20=$B$17,14,0)+IF('Standard Profiles'!$G$20=$B$24,21,0),0)),0)</f>
        <v>0</v>
      </c>
      <c r="G4498" cm="1">
        <f t="array" ref="G4498">IFERROR(INDEX(Jesper!AK$2:AK$366,ROUNDDOWN($C4498/24,0)+1,1)*INDEX($D$3:$AA$30,INDEX(Jesper!$R$2:$R$366,ROW(INDEX(Jesper!AK$2:AK$366,ROUNDDOWN($C4498/24,0)+1,1))-1)+IF('Standard Profiles'!$G$21=$B$10,7,0)+IF('Standard Profiles'!$G$21=$B$17,14,0)+IF('Standard Profiles'!$G$21=$B$24,21,0),MOD($C4498,24)+1)/SUM(INDEX($D$3:$AA$30,INDEX(Jesper!$R$2:$R$366,ROW(INDEX(Jesper!AK$2:AK$366,ROUNDDOWN($C4498/24,0)+1,1))-1)+IF('Standard Profiles'!$G$21=$B$10,7,0)+IF('Standard Profiles'!$G$21=$B$17,14,0)+IF('Standard Profiles'!$G$21=$B$24,21,0),0)),0)</f>
        <v>0</v>
      </c>
      <c r="H4498" cm="1">
        <f t="array" ref="H4498">IFERROR(INDEX(Jesper!AL$2:AL$366,ROUNDDOWN($C4498/24,0)+1,1)*INDEX($D$3:$AA$30,INDEX(Jesper!$R$2:$R$366,ROW(INDEX(Jesper!AL$2:AL$366,ROUNDDOWN($C4498/24,0)+1,1))-1)+IF('Standard Profiles'!$G$22=$B$10,7,0)+IF('Standard Profiles'!$G$22=$B$17,14,0)+IF('Standard Profiles'!$G$22=$B$24,21,0),MOD($C4498,24)+1)/SUM(INDEX($D$3:$AA$30,INDEX(Jesper!$R$2:$R$366,ROW(INDEX(Jesper!AL$2:AL$366,ROUNDDOWN($C4498/24,0)+1,1))-1)+IF('Standard Profiles'!$G$22=$B$10,7,0)+IF('Standard Profiles'!$G$22=$B$17,14,0)+IF('Standard Profiles'!$G$22=$B$24,21,0),0)),0)</f>
        <v>0</v>
      </c>
      <c r="I4498">
        <f t="shared" si="503"/>
        <v>0.22483793935149057</v>
      </c>
      <c r="J4498">
        <f t="shared" si="504"/>
        <v>0.74945979783830197</v>
      </c>
      <c r="K4498">
        <f t="shared" si="505"/>
        <v>1.1241896967574529</v>
      </c>
      <c r="L4498">
        <f t="shared" si="506"/>
        <v>5.396110544435774</v>
      </c>
      <c r="M4498">
        <f t="shared" si="507"/>
        <v>0</v>
      </c>
      <c r="N4498" s="46">
        <f t="shared" si="508"/>
        <v>45477.999999989173</v>
      </c>
    </row>
    <row r="4499" spans="2:14" x14ac:dyDescent="0.3">
      <c r="B4499">
        <f t="shared" si="502"/>
        <v>5</v>
      </c>
      <c r="C4499" s="16">
        <v>4465</v>
      </c>
      <c r="D4499" cm="1">
        <f t="array" ref="D4499">IFERROR(INDEX(Jesper!AH$2:AH$366,ROUNDDOWN($C4499/24,0)+1,1)*INDEX($D$3:$AA$30,INDEX(Jesper!$R$2:$R$366,ROW(INDEX(Jesper!AH$2:AH$366,ROUNDDOWN($C4499/24,0)+1,1))-1)+IF('Standard Profiles'!$G$18=$B$10,7,0)+IF('Standard Profiles'!$G$18=$B$17,14,0)+IF('Standard Profiles'!$G$18=$B$24,21,0),MOD($C4499,24)+1)/SUM(INDEX($D$3:$AA$30,INDEX(Jesper!$R$2:$R$366,ROW(INDEX(Jesper!AH$2:AH$366,ROUNDDOWN($C4499/24,0)+1,1))-1)+IF('Standard Profiles'!$G$18=$B$10,7,0)+IF('Standard Profiles'!$G$18=$B$17,14,0)+IF('Standard Profiles'!$G$18=$B$24,21,0),0)),0)</f>
        <v>7.4945979783830197</v>
      </c>
      <c r="E4499" cm="1">
        <f t="array" ref="E4499">IFERROR(INDEX(Jesper!AI$2:AI$366,ROUNDDOWN($C4499/24,0)+1,1)*INDEX($D$3:$AA$30,INDEX(Jesper!$R$2:$R$366,ROW(INDEX(Jesper!AI$2:AI$366,ROUNDDOWN($C4499/24,0)+1,1))-1)+IF('Standard Profiles'!$G$19=$B$10,7,0)+IF('Standard Profiles'!$G$19=$B$17,14,0)+IF('Standard Profiles'!$G$19=$B$24,21,0),MOD($C4499,24)+1)/SUM(INDEX($D$3:$AA$30,INDEX(Jesper!$R$2:$R$366,ROW(INDEX(Jesper!AI$2:AI$366,ROUNDDOWN($C4499/24,0)+1,1))-1)+IF('Standard Profiles'!$G$19=$B$10,7,0)+IF('Standard Profiles'!$G$19=$B$17,14,0)+IF('Standard Profiles'!$G$19=$B$24,21,0),0)),0)</f>
        <v>0</v>
      </c>
      <c r="F4499" cm="1">
        <f t="array" ref="F4499">IFERROR(INDEX(Jesper!AJ$2:AJ$366,ROUNDDOWN($C4499/24,0)+1,1)*INDEX($D$3:$AA$30,INDEX(Jesper!$R$2:$R$366,ROW(INDEX(Jesper!AJ$2:AJ$366,ROUNDDOWN($C4499/24,0)+1,1))-1)+IF('Standard Profiles'!$G$20=$B$10,7,0)+IF('Standard Profiles'!$G$20=$B$17,14,0)+IF('Standard Profiles'!$G$20=$B$24,21,0),MOD($C4499,24)+1)/SUM(INDEX($D$3:$AA$30,INDEX(Jesper!$R$2:$R$366,ROW(INDEX(Jesper!AJ$2:AJ$366,ROUNDDOWN($C4499/24,0)+1,1))-1)+IF('Standard Profiles'!$G$20=$B$10,7,0)+IF('Standard Profiles'!$G$20=$B$17,14,0)+IF('Standard Profiles'!$G$20=$B$24,21,0),0)),0)</f>
        <v>0</v>
      </c>
      <c r="G4499" cm="1">
        <f t="array" ref="G4499">IFERROR(INDEX(Jesper!AK$2:AK$366,ROUNDDOWN($C4499/24,0)+1,1)*INDEX($D$3:$AA$30,INDEX(Jesper!$R$2:$R$366,ROW(INDEX(Jesper!AK$2:AK$366,ROUNDDOWN($C4499/24,0)+1,1))-1)+IF('Standard Profiles'!$G$21=$B$10,7,0)+IF('Standard Profiles'!$G$21=$B$17,14,0)+IF('Standard Profiles'!$G$21=$B$24,21,0),MOD($C4499,24)+1)/SUM(INDEX($D$3:$AA$30,INDEX(Jesper!$R$2:$R$366,ROW(INDEX(Jesper!AK$2:AK$366,ROUNDDOWN($C4499/24,0)+1,1))-1)+IF('Standard Profiles'!$G$21=$B$10,7,0)+IF('Standard Profiles'!$G$21=$B$17,14,0)+IF('Standard Profiles'!$G$21=$B$24,21,0),0)),0)</f>
        <v>0</v>
      </c>
      <c r="H4499" cm="1">
        <f t="array" ref="H4499">IFERROR(INDEX(Jesper!AL$2:AL$366,ROUNDDOWN($C4499/24,0)+1,1)*INDEX($D$3:$AA$30,INDEX(Jesper!$R$2:$R$366,ROW(INDEX(Jesper!AL$2:AL$366,ROUNDDOWN($C4499/24,0)+1,1))-1)+IF('Standard Profiles'!$G$22=$B$10,7,0)+IF('Standard Profiles'!$G$22=$B$17,14,0)+IF('Standard Profiles'!$G$22=$B$24,21,0),MOD($C4499,24)+1)/SUM(INDEX($D$3:$AA$30,INDEX(Jesper!$R$2:$R$366,ROW(INDEX(Jesper!AL$2:AL$366,ROUNDDOWN($C4499/24,0)+1,1))-1)+IF('Standard Profiles'!$G$22=$B$10,7,0)+IF('Standard Profiles'!$G$22=$B$17,14,0)+IF('Standard Profiles'!$G$22=$B$24,21,0),0)),0)</f>
        <v>0</v>
      </c>
      <c r="I4499">
        <f t="shared" si="503"/>
        <v>0.22483793935149057</v>
      </c>
      <c r="J4499">
        <f t="shared" si="504"/>
        <v>0.74945979783830197</v>
      </c>
      <c r="K4499">
        <f t="shared" si="505"/>
        <v>1.1241896967574529</v>
      </c>
      <c r="L4499">
        <f t="shared" si="506"/>
        <v>5.396110544435774</v>
      </c>
      <c r="M4499">
        <f t="shared" si="507"/>
        <v>0</v>
      </c>
      <c r="N4499" s="46">
        <f t="shared" si="508"/>
        <v>45478.041666655838</v>
      </c>
    </row>
    <row r="4500" spans="2:14" x14ac:dyDescent="0.3">
      <c r="B4500">
        <f t="shared" si="502"/>
        <v>5</v>
      </c>
      <c r="C4500" s="16">
        <v>4466</v>
      </c>
      <c r="D4500" cm="1">
        <f t="array" ref="D4500">IFERROR(INDEX(Jesper!AH$2:AH$366,ROUNDDOWN($C4500/24,0)+1,1)*INDEX($D$3:$AA$30,INDEX(Jesper!$R$2:$R$366,ROW(INDEX(Jesper!AH$2:AH$366,ROUNDDOWN($C4500/24,0)+1,1))-1)+IF('Standard Profiles'!$G$18=$B$10,7,0)+IF('Standard Profiles'!$G$18=$B$17,14,0)+IF('Standard Profiles'!$G$18=$B$24,21,0),MOD($C4500,24)+1)/SUM(INDEX($D$3:$AA$30,INDEX(Jesper!$R$2:$R$366,ROW(INDEX(Jesper!AH$2:AH$366,ROUNDDOWN($C4500/24,0)+1,1))-1)+IF('Standard Profiles'!$G$18=$B$10,7,0)+IF('Standard Profiles'!$G$18=$B$17,14,0)+IF('Standard Profiles'!$G$18=$B$24,21,0),0)),0)</f>
        <v>7.4945979783830197</v>
      </c>
      <c r="E4500" cm="1">
        <f t="array" ref="E4500">IFERROR(INDEX(Jesper!AI$2:AI$366,ROUNDDOWN($C4500/24,0)+1,1)*INDEX($D$3:$AA$30,INDEX(Jesper!$R$2:$R$366,ROW(INDEX(Jesper!AI$2:AI$366,ROUNDDOWN($C4500/24,0)+1,1))-1)+IF('Standard Profiles'!$G$19=$B$10,7,0)+IF('Standard Profiles'!$G$19=$B$17,14,0)+IF('Standard Profiles'!$G$19=$B$24,21,0),MOD($C4500,24)+1)/SUM(INDEX($D$3:$AA$30,INDEX(Jesper!$R$2:$R$366,ROW(INDEX(Jesper!AI$2:AI$366,ROUNDDOWN($C4500/24,0)+1,1))-1)+IF('Standard Profiles'!$G$19=$B$10,7,0)+IF('Standard Profiles'!$G$19=$B$17,14,0)+IF('Standard Profiles'!$G$19=$B$24,21,0),0)),0)</f>
        <v>0</v>
      </c>
      <c r="F4500" cm="1">
        <f t="array" ref="F4500">IFERROR(INDEX(Jesper!AJ$2:AJ$366,ROUNDDOWN($C4500/24,0)+1,1)*INDEX($D$3:$AA$30,INDEX(Jesper!$R$2:$R$366,ROW(INDEX(Jesper!AJ$2:AJ$366,ROUNDDOWN($C4500/24,0)+1,1))-1)+IF('Standard Profiles'!$G$20=$B$10,7,0)+IF('Standard Profiles'!$G$20=$B$17,14,0)+IF('Standard Profiles'!$G$20=$B$24,21,0),MOD($C4500,24)+1)/SUM(INDEX($D$3:$AA$30,INDEX(Jesper!$R$2:$R$366,ROW(INDEX(Jesper!AJ$2:AJ$366,ROUNDDOWN($C4500/24,0)+1,1))-1)+IF('Standard Profiles'!$G$20=$B$10,7,0)+IF('Standard Profiles'!$G$20=$B$17,14,0)+IF('Standard Profiles'!$G$20=$B$24,21,0),0)),0)</f>
        <v>0</v>
      </c>
      <c r="G4500" cm="1">
        <f t="array" ref="G4500">IFERROR(INDEX(Jesper!AK$2:AK$366,ROUNDDOWN($C4500/24,0)+1,1)*INDEX($D$3:$AA$30,INDEX(Jesper!$R$2:$R$366,ROW(INDEX(Jesper!AK$2:AK$366,ROUNDDOWN($C4500/24,0)+1,1))-1)+IF('Standard Profiles'!$G$21=$B$10,7,0)+IF('Standard Profiles'!$G$21=$B$17,14,0)+IF('Standard Profiles'!$G$21=$B$24,21,0),MOD($C4500,24)+1)/SUM(INDEX($D$3:$AA$30,INDEX(Jesper!$R$2:$R$366,ROW(INDEX(Jesper!AK$2:AK$366,ROUNDDOWN($C4500/24,0)+1,1))-1)+IF('Standard Profiles'!$G$21=$B$10,7,0)+IF('Standard Profiles'!$G$21=$B$17,14,0)+IF('Standard Profiles'!$G$21=$B$24,21,0),0)),0)</f>
        <v>0</v>
      </c>
      <c r="H4500" cm="1">
        <f t="array" ref="H4500">IFERROR(INDEX(Jesper!AL$2:AL$366,ROUNDDOWN($C4500/24,0)+1,1)*INDEX($D$3:$AA$30,INDEX(Jesper!$R$2:$R$366,ROW(INDEX(Jesper!AL$2:AL$366,ROUNDDOWN($C4500/24,0)+1,1))-1)+IF('Standard Profiles'!$G$22=$B$10,7,0)+IF('Standard Profiles'!$G$22=$B$17,14,0)+IF('Standard Profiles'!$G$22=$B$24,21,0),MOD($C4500,24)+1)/SUM(INDEX($D$3:$AA$30,INDEX(Jesper!$R$2:$R$366,ROW(INDEX(Jesper!AL$2:AL$366,ROUNDDOWN($C4500/24,0)+1,1))-1)+IF('Standard Profiles'!$G$22=$B$10,7,0)+IF('Standard Profiles'!$G$22=$B$17,14,0)+IF('Standard Profiles'!$G$22=$B$24,21,0),0)),0)</f>
        <v>0</v>
      </c>
      <c r="I4500">
        <f t="shared" si="503"/>
        <v>0.22483793935149057</v>
      </c>
      <c r="J4500">
        <f t="shared" si="504"/>
        <v>0.74945979783830197</v>
      </c>
      <c r="K4500">
        <f t="shared" si="505"/>
        <v>1.1241896967574529</v>
      </c>
      <c r="L4500">
        <f t="shared" si="506"/>
        <v>5.396110544435774</v>
      </c>
      <c r="M4500">
        <f t="shared" si="507"/>
        <v>0</v>
      </c>
      <c r="N4500" s="46">
        <f t="shared" si="508"/>
        <v>45478.083333322502</v>
      </c>
    </row>
    <row r="4501" spans="2:14" x14ac:dyDescent="0.3">
      <c r="B4501">
        <f t="shared" si="502"/>
        <v>5</v>
      </c>
      <c r="C4501" s="16">
        <v>4467</v>
      </c>
      <c r="D4501" cm="1">
        <f t="array" ref="D4501">IFERROR(INDEX(Jesper!AH$2:AH$366,ROUNDDOWN($C4501/24,0)+1,1)*INDEX($D$3:$AA$30,INDEX(Jesper!$R$2:$R$366,ROW(INDEX(Jesper!AH$2:AH$366,ROUNDDOWN($C4501/24,0)+1,1))-1)+IF('Standard Profiles'!$G$18=$B$10,7,0)+IF('Standard Profiles'!$G$18=$B$17,14,0)+IF('Standard Profiles'!$G$18=$B$24,21,0),MOD($C4501,24)+1)/SUM(INDEX($D$3:$AA$30,INDEX(Jesper!$R$2:$R$366,ROW(INDEX(Jesper!AH$2:AH$366,ROUNDDOWN($C4501/24,0)+1,1))-1)+IF('Standard Profiles'!$G$18=$B$10,7,0)+IF('Standard Profiles'!$G$18=$B$17,14,0)+IF('Standard Profiles'!$G$18=$B$24,21,0),0)),0)</f>
        <v>7.4945979783830197</v>
      </c>
      <c r="E4501" cm="1">
        <f t="array" ref="E4501">IFERROR(INDEX(Jesper!AI$2:AI$366,ROUNDDOWN($C4501/24,0)+1,1)*INDEX($D$3:$AA$30,INDEX(Jesper!$R$2:$R$366,ROW(INDEX(Jesper!AI$2:AI$366,ROUNDDOWN($C4501/24,0)+1,1))-1)+IF('Standard Profiles'!$G$19=$B$10,7,0)+IF('Standard Profiles'!$G$19=$B$17,14,0)+IF('Standard Profiles'!$G$19=$B$24,21,0),MOD($C4501,24)+1)/SUM(INDEX($D$3:$AA$30,INDEX(Jesper!$R$2:$R$366,ROW(INDEX(Jesper!AI$2:AI$366,ROUNDDOWN($C4501/24,0)+1,1))-1)+IF('Standard Profiles'!$G$19=$B$10,7,0)+IF('Standard Profiles'!$G$19=$B$17,14,0)+IF('Standard Profiles'!$G$19=$B$24,21,0),0)),0)</f>
        <v>0</v>
      </c>
      <c r="F4501" cm="1">
        <f t="array" ref="F4501">IFERROR(INDEX(Jesper!AJ$2:AJ$366,ROUNDDOWN($C4501/24,0)+1,1)*INDEX($D$3:$AA$30,INDEX(Jesper!$R$2:$R$366,ROW(INDEX(Jesper!AJ$2:AJ$366,ROUNDDOWN($C4501/24,0)+1,1))-1)+IF('Standard Profiles'!$G$20=$B$10,7,0)+IF('Standard Profiles'!$G$20=$B$17,14,0)+IF('Standard Profiles'!$G$20=$B$24,21,0),MOD($C4501,24)+1)/SUM(INDEX($D$3:$AA$30,INDEX(Jesper!$R$2:$R$366,ROW(INDEX(Jesper!AJ$2:AJ$366,ROUNDDOWN($C4501/24,0)+1,1))-1)+IF('Standard Profiles'!$G$20=$B$10,7,0)+IF('Standard Profiles'!$G$20=$B$17,14,0)+IF('Standard Profiles'!$G$20=$B$24,21,0),0)),0)</f>
        <v>0</v>
      </c>
      <c r="G4501" cm="1">
        <f t="array" ref="G4501">IFERROR(INDEX(Jesper!AK$2:AK$366,ROUNDDOWN($C4501/24,0)+1,1)*INDEX($D$3:$AA$30,INDEX(Jesper!$R$2:$R$366,ROW(INDEX(Jesper!AK$2:AK$366,ROUNDDOWN($C4501/24,0)+1,1))-1)+IF('Standard Profiles'!$G$21=$B$10,7,0)+IF('Standard Profiles'!$G$21=$B$17,14,0)+IF('Standard Profiles'!$G$21=$B$24,21,0),MOD($C4501,24)+1)/SUM(INDEX($D$3:$AA$30,INDEX(Jesper!$R$2:$R$366,ROW(INDEX(Jesper!AK$2:AK$366,ROUNDDOWN($C4501/24,0)+1,1))-1)+IF('Standard Profiles'!$G$21=$B$10,7,0)+IF('Standard Profiles'!$G$21=$B$17,14,0)+IF('Standard Profiles'!$G$21=$B$24,21,0),0)),0)</f>
        <v>0</v>
      </c>
      <c r="H4501" cm="1">
        <f t="array" ref="H4501">IFERROR(INDEX(Jesper!AL$2:AL$366,ROUNDDOWN($C4501/24,0)+1,1)*INDEX($D$3:$AA$30,INDEX(Jesper!$R$2:$R$366,ROW(INDEX(Jesper!AL$2:AL$366,ROUNDDOWN($C4501/24,0)+1,1))-1)+IF('Standard Profiles'!$G$22=$B$10,7,0)+IF('Standard Profiles'!$G$22=$B$17,14,0)+IF('Standard Profiles'!$G$22=$B$24,21,0),MOD($C4501,24)+1)/SUM(INDEX($D$3:$AA$30,INDEX(Jesper!$R$2:$R$366,ROW(INDEX(Jesper!AL$2:AL$366,ROUNDDOWN($C4501/24,0)+1,1))-1)+IF('Standard Profiles'!$G$22=$B$10,7,0)+IF('Standard Profiles'!$G$22=$B$17,14,0)+IF('Standard Profiles'!$G$22=$B$24,21,0),0)),0)</f>
        <v>0</v>
      </c>
      <c r="I4501">
        <f t="shared" si="503"/>
        <v>0.22483793935149057</v>
      </c>
      <c r="J4501">
        <f t="shared" si="504"/>
        <v>0.74945979783830197</v>
      </c>
      <c r="K4501">
        <f t="shared" si="505"/>
        <v>1.1241896967574529</v>
      </c>
      <c r="L4501">
        <f t="shared" si="506"/>
        <v>5.396110544435774</v>
      </c>
      <c r="M4501">
        <f t="shared" si="507"/>
        <v>0</v>
      </c>
      <c r="N4501" s="46">
        <f t="shared" si="508"/>
        <v>45478.124999989166</v>
      </c>
    </row>
    <row r="4502" spans="2:14" x14ac:dyDescent="0.3">
      <c r="B4502">
        <f t="shared" si="502"/>
        <v>5</v>
      </c>
      <c r="C4502" s="16">
        <v>4468</v>
      </c>
      <c r="D4502" cm="1">
        <f t="array" ref="D4502">IFERROR(INDEX(Jesper!AH$2:AH$366,ROUNDDOWN($C4502/24,0)+1,1)*INDEX($D$3:$AA$30,INDEX(Jesper!$R$2:$R$366,ROW(INDEX(Jesper!AH$2:AH$366,ROUNDDOWN($C4502/24,0)+1,1))-1)+IF('Standard Profiles'!$G$18=$B$10,7,0)+IF('Standard Profiles'!$G$18=$B$17,14,0)+IF('Standard Profiles'!$G$18=$B$24,21,0),MOD($C4502,24)+1)/SUM(INDEX($D$3:$AA$30,INDEX(Jesper!$R$2:$R$366,ROW(INDEX(Jesper!AH$2:AH$366,ROUNDDOWN($C4502/24,0)+1,1))-1)+IF('Standard Profiles'!$G$18=$B$10,7,0)+IF('Standard Profiles'!$G$18=$B$17,14,0)+IF('Standard Profiles'!$G$18=$B$24,21,0),0)),0)</f>
        <v>7.4945979783830197</v>
      </c>
      <c r="E4502" cm="1">
        <f t="array" ref="E4502">IFERROR(INDEX(Jesper!AI$2:AI$366,ROUNDDOWN($C4502/24,0)+1,1)*INDEX($D$3:$AA$30,INDEX(Jesper!$R$2:$R$366,ROW(INDEX(Jesper!AI$2:AI$366,ROUNDDOWN($C4502/24,0)+1,1))-1)+IF('Standard Profiles'!$G$19=$B$10,7,0)+IF('Standard Profiles'!$G$19=$B$17,14,0)+IF('Standard Profiles'!$G$19=$B$24,21,0),MOD($C4502,24)+1)/SUM(INDEX($D$3:$AA$30,INDEX(Jesper!$R$2:$R$366,ROW(INDEX(Jesper!AI$2:AI$366,ROUNDDOWN($C4502/24,0)+1,1))-1)+IF('Standard Profiles'!$G$19=$B$10,7,0)+IF('Standard Profiles'!$G$19=$B$17,14,0)+IF('Standard Profiles'!$G$19=$B$24,21,0),0)),0)</f>
        <v>0</v>
      </c>
      <c r="F4502" cm="1">
        <f t="array" ref="F4502">IFERROR(INDEX(Jesper!AJ$2:AJ$366,ROUNDDOWN($C4502/24,0)+1,1)*INDEX($D$3:$AA$30,INDEX(Jesper!$R$2:$R$366,ROW(INDEX(Jesper!AJ$2:AJ$366,ROUNDDOWN($C4502/24,0)+1,1))-1)+IF('Standard Profiles'!$G$20=$B$10,7,0)+IF('Standard Profiles'!$G$20=$B$17,14,0)+IF('Standard Profiles'!$G$20=$B$24,21,0),MOD($C4502,24)+1)/SUM(INDEX($D$3:$AA$30,INDEX(Jesper!$R$2:$R$366,ROW(INDEX(Jesper!AJ$2:AJ$366,ROUNDDOWN($C4502/24,0)+1,1))-1)+IF('Standard Profiles'!$G$20=$B$10,7,0)+IF('Standard Profiles'!$G$20=$B$17,14,0)+IF('Standard Profiles'!$G$20=$B$24,21,0),0)),0)</f>
        <v>0</v>
      </c>
      <c r="G4502" cm="1">
        <f t="array" ref="G4502">IFERROR(INDEX(Jesper!AK$2:AK$366,ROUNDDOWN($C4502/24,0)+1,1)*INDEX($D$3:$AA$30,INDEX(Jesper!$R$2:$R$366,ROW(INDEX(Jesper!AK$2:AK$366,ROUNDDOWN($C4502/24,0)+1,1))-1)+IF('Standard Profiles'!$G$21=$B$10,7,0)+IF('Standard Profiles'!$G$21=$B$17,14,0)+IF('Standard Profiles'!$G$21=$B$24,21,0),MOD($C4502,24)+1)/SUM(INDEX($D$3:$AA$30,INDEX(Jesper!$R$2:$R$366,ROW(INDEX(Jesper!AK$2:AK$366,ROUNDDOWN($C4502/24,0)+1,1))-1)+IF('Standard Profiles'!$G$21=$B$10,7,0)+IF('Standard Profiles'!$G$21=$B$17,14,0)+IF('Standard Profiles'!$G$21=$B$24,21,0),0)),0)</f>
        <v>0</v>
      </c>
      <c r="H4502" cm="1">
        <f t="array" ref="H4502">IFERROR(INDEX(Jesper!AL$2:AL$366,ROUNDDOWN($C4502/24,0)+1,1)*INDEX($D$3:$AA$30,INDEX(Jesper!$R$2:$R$366,ROW(INDEX(Jesper!AL$2:AL$366,ROUNDDOWN($C4502/24,0)+1,1))-1)+IF('Standard Profiles'!$G$22=$B$10,7,0)+IF('Standard Profiles'!$G$22=$B$17,14,0)+IF('Standard Profiles'!$G$22=$B$24,21,0),MOD($C4502,24)+1)/SUM(INDEX($D$3:$AA$30,INDEX(Jesper!$R$2:$R$366,ROW(INDEX(Jesper!AL$2:AL$366,ROUNDDOWN($C4502/24,0)+1,1))-1)+IF('Standard Profiles'!$G$22=$B$10,7,0)+IF('Standard Profiles'!$G$22=$B$17,14,0)+IF('Standard Profiles'!$G$22=$B$24,21,0),0)),0)</f>
        <v>0</v>
      </c>
      <c r="I4502">
        <f t="shared" si="503"/>
        <v>0.22483793935149057</v>
      </c>
      <c r="J4502">
        <f t="shared" si="504"/>
        <v>0.74945979783830197</v>
      </c>
      <c r="K4502">
        <f t="shared" si="505"/>
        <v>1.1241896967574529</v>
      </c>
      <c r="L4502">
        <f t="shared" si="506"/>
        <v>5.396110544435774</v>
      </c>
      <c r="M4502">
        <f t="shared" si="507"/>
        <v>0</v>
      </c>
      <c r="N4502" s="46">
        <f t="shared" si="508"/>
        <v>45478.16666665583</v>
      </c>
    </row>
    <row r="4503" spans="2:14" x14ac:dyDescent="0.3">
      <c r="B4503">
        <f t="shared" si="502"/>
        <v>5</v>
      </c>
      <c r="C4503" s="16">
        <v>4469</v>
      </c>
      <c r="D4503" cm="1">
        <f t="array" ref="D4503">IFERROR(INDEX(Jesper!AH$2:AH$366,ROUNDDOWN($C4503/24,0)+1,1)*INDEX($D$3:$AA$30,INDEX(Jesper!$R$2:$R$366,ROW(INDEX(Jesper!AH$2:AH$366,ROUNDDOWN($C4503/24,0)+1,1))-1)+IF('Standard Profiles'!$G$18=$B$10,7,0)+IF('Standard Profiles'!$G$18=$B$17,14,0)+IF('Standard Profiles'!$G$18=$B$24,21,0),MOD($C4503,24)+1)/SUM(INDEX($D$3:$AA$30,INDEX(Jesper!$R$2:$R$366,ROW(INDEX(Jesper!AH$2:AH$366,ROUNDDOWN($C4503/24,0)+1,1))-1)+IF('Standard Profiles'!$G$18=$B$10,7,0)+IF('Standard Profiles'!$G$18=$B$17,14,0)+IF('Standard Profiles'!$G$18=$B$24,21,0),0)),0)</f>
        <v>9.6597040610270035</v>
      </c>
      <c r="E4503" cm="1">
        <f t="array" ref="E4503">IFERROR(INDEX(Jesper!AI$2:AI$366,ROUNDDOWN($C4503/24,0)+1,1)*INDEX($D$3:$AA$30,INDEX(Jesper!$R$2:$R$366,ROW(INDEX(Jesper!AI$2:AI$366,ROUNDDOWN($C4503/24,0)+1,1))-1)+IF('Standard Profiles'!$G$19=$B$10,7,0)+IF('Standard Profiles'!$G$19=$B$17,14,0)+IF('Standard Profiles'!$G$19=$B$24,21,0),MOD($C4503,24)+1)/SUM(INDEX($D$3:$AA$30,INDEX(Jesper!$R$2:$R$366,ROW(INDEX(Jesper!AI$2:AI$366,ROUNDDOWN($C4503/24,0)+1,1))-1)+IF('Standard Profiles'!$G$19=$B$10,7,0)+IF('Standard Profiles'!$G$19=$B$17,14,0)+IF('Standard Profiles'!$G$19=$B$24,21,0),0)),0)</f>
        <v>0</v>
      </c>
      <c r="F4503" cm="1">
        <f t="array" ref="F4503">IFERROR(INDEX(Jesper!AJ$2:AJ$366,ROUNDDOWN($C4503/24,0)+1,1)*INDEX($D$3:$AA$30,INDEX(Jesper!$R$2:$R$366,ROW(INDEX(Jesper!AJ$2:AJ$366,ROUNDDOWN($C4503/24,0)+1,1))-1)+IF('Standard Profiles'!$G$20=$B$10,7,0)+IF('Standard Profiles'!$G$20=$B$17,14,0)+IF('Standard Profiles'!$G$20=$B$24,21,0),MOD($C4503,24)+1)/SUM(INDEX($D$3:$AA$30,INDEX(Jesper!$R$2:$R$366,ROW(INDEX(Jesper!AJ$2:AJ$366,ROUNDDOWN($C4503/24,0)+1,1))-1)+IF('Standard Profiles'!$G$20=$B$10,7,0)+IF('Standard Profiles'!$G$20=$B$17,14,0)+IF('Standard Profiles'!$G$20=$B$24,21,0),0)),0)</f>
        <v>0</v>
      </c>
      <c r="G4503" cm="1">
        <f t="array" ref="G4503">IFERROR(INDEX(Jesper!AK$2:AK$366,ROUNDDOWN($C4503/24,0)+1,1)*INDEX($D$3:$AA$30,INDEX(Jesper!$R$2:$R$366,ROW(INDEX(Jesper!AK$2:AK$366,ROUNDDOWN($C4503/24,0)+1,1))-1)+IF('Standard Profiles'!$G$21=$B$10,7,0)+IF('Standard Profiles'!$G$21=$B$17,14,0)+IF('Standard Profiles'!$G$21=$B$24,21,0),MOD($C4503,24)+1)/SUM(INDEX($D$3:$AA$30,INDEX(Jesper!$R$2:$R$366,ROW(INDEX(Jesper!AK$2:AK$366,ROUNDDOWN($C4503/24,0)+1,1))-1)+IF('Standard Profiles'!$G$21=$B$10,7,0)+IF('Standard Profiles'!$G$21=$B$17,14,0)+IF('Standard Profiles'!$G$21=$B$24,21,0),0)),0)</f>
        <v>0</v>
      </c>
      <c r="H4503" cm="1">
        <f t="array" ref="H4503">IFERROR(INDEX(Jesper!AL$2:AL$366,ROUNDDOWN($C4503/24,0)+1,1)*INDEX($D$3:$AA$30,INDEX(Jesper!$R$2:$R$366,ROW(INDEX(Jesper!AL$2:AL$366,ROUNDDOWN($C4503/24,0)+1,1))-1)+IF('Standard Profiles'!$G$22=$B$10,7,0)+IF('Standard Profiles'!$G$22=$B$17,14,0)+IF('Standard Profiles'!$G$22=$B$24,21,0),MOD($C4503,24)+1)/SUM(INDEX($D$3:$AA$30,INDEX(Jesper!$R$2:$R$366,ROW(INDEX(Jesper!AL$2:AL$366,ROUNDDOWN($C4503/24,0)+1,1))-1)+IF('Standard Profiles'!$G$22=$B$10,7,0)+IF('Standard Profiles'!$G$22=$B$17,14,0)+IF('Standard Profiles'!$G$22=$B$24,21,0),0)),0)</f>
        <v>0</v>
      </c>
      <c r="I4503">
        <f t="shared" si="503"/>
        <v>0.28979112183081007</v>
      </c>
      <c r="J4503">
        <f t="shared" si="504"/>
        <v>0.96597040610270035</v>
      </c>
      <c r="K4503">
        <f t="shared" si="505"/>
        <v>1.4489556091540505</v>
      </c>
      <c r="L4503">
        <f t="shared" si="506"/>
        <v>6.9549869239394422</v>
      </c>
      <c r="M4503">
        <f t="shared" si="507"/>
        <v>0</v>
      </c>
      <c r="N4503" s="46">
        <f t="shared" si="508"/>
        <v>45478.208333322495</v>
      </c>
    </row>
    <row r="4504" spans="2:14" x14ac:dyDescent="0.3">
      <c r="B4504">
        <f t="shared" si="502"/>
        <v>5</v>
      </c>
      <c r="C4504" s="16">
        <v>4470</v>
      </c>
      <c r="D4504" cm="1">
        <f t="array" ref="D4504">IFERROR(INDEX(Jesper!AH$2:AH$366,ROUNDDOWN($C4504/24,0)+1,1)*INDEX($D$3:$AA$30,INDEX(Jesper!$R$2:$R$366,ROW(INDEX(Jesper!AH$2:AH$366,ROUNDDOWN($C4504/24,0)+1,1))-1)+IF('Standard Profiles'!$G$18=$B$10,7,0)+IF('Standard Profiles'!$G$18=$B$17,14,0)+IF('Standard Profiles'!$G$18=$B$24,21,0),MOD($C4504,24)+1)/SUM(INDEX($D$3:$AA$30,INDEX(Jesper!$R$2:$R$366,ROW(INDEX(Jesper!AH$2:AH$366,ROUNDDOWN($C4504/24,0)+1,1))-1)+IF('Standard Profiles'!$G$18=$B$10,7,0)+IF('Standard Profiles'!$G$18=$B$17,14,0)+IF('Standard Profiles'!$G$18=$B$24,21,0),0)),0)</f>
        <v>11.658263521929143</v>
      </c>
      <c r="E4504" cm="1">
        <f t="array" ref="E4504">IFERROR(INDEX(Jesper!AI$2:AI$366,ROUNDDOWN($C4504/24,0)+1,1)*INDEX($D$3:$AA$30,INDEX(Jesper!$R$2:$R$366,ROW(INDEX(Jesper!AI$2:AI$366,ROUNDDOWN($C4504/24,0)+1,1))-1)+IF('Standard Profiles'!$G$19=$B$10,7,0)+IF('Standard Profiles'!$G$19=$B$17,14,0)+IF('Standard Profiles'!$G$19=$B$24,21,0),MOD($C4504,24)+1)/SUM(INDEX($D$3:$AA$30,INDEX(Jesper!$R$2:$R$366,ROW(INDEX(Jesper!AI$2:AI$366,ROUNDDOWN($C4504/24,0)+1,1))-1)+IF('Standard Profiles'!$G$19=$B$10,7,0)+IF('Standard Profiles'!$G$19=$B$17,14,0)+IF('Standard Profiles'!$G$19=$B$24,21,0),0)),0)</f>
        <v>0</v>
      </c>
      <c r="F4504" cm="1">
        <f t="array" ref="F4504">IFERROR(INDEX(Jesper!AJ$2:AJ$366,ROUNDDOWN($C4504/24,0)+1,1)*INDEX($D$3:$AA$30,INDEX(Jesper!$R$2:$R$366,ROW(INDEX(Jesper!AJ$2:AJ$366,ROUNDDOWN($C4504/24,0)+1,1))-1)+IF('Standard Profiles'!$G$20=$B$10,7,0)+IF('Standard Profiles'!$G$20=$B$17,14,0)+IF('Standard Profiles'!$G$20=$B$24,21,0),MOD($C4504,24)+1)/SUM(INDEX($D$3:$AA$30,INDEX(Jesper!$R$2:$R$366,ROW(INDEX(Jesper!AJ$2:AJ$366,ROUNDDOWN($C4504/24,0)+1,1))-1)+IF('Standard Profiles'!$G$20=$B$10,7,0)+IF('Standard Profiles'!$G$20=$B$17,14,0)+IF('Standard Profiles'!$G$20=$B$24,21,0),0)),0)</f>
        <v>0</v>
      </c>
      <c r="G4504" cm="1">
        <f t="array" ref="G4504">IFERROR(INDEX(Jesper!AK$2:AK$366,ROUNDDOWN($C4504/24,0)+1,1)*INDEX($D$3:$AA$30,INDEX(Jesper!$R$2:$R$366,ROW(INDEX(Jesper!AK$2:AK$366,ROUNDDOWN($C4504/24,0)+1,1))-1)+IF('Standard Profiles'!$G$21=$B$10,7,0)+IF('Standard Profiles'!$G$21=$B$17,14,0)+IF('Standard Profiles'!$G$21=$B$24,21,0),MOD($C4504,24)+1)/SUM(INDEX($D$3:$AA$30,INDEX(Jesper!$R$2:$R$366,ROW(INDEX(Jesper!AK$2:AK$366,ROUNDDOWN($C4504/24,0)+1,1))-1)+IF('Standard Profiles'!$G$21=$B$10,7,0)+IF('Standard Profiles'!$G$21=$B$17,14,0)+IF('Standard Profiles'!$G$21=$B$24,21,0),0)),0)</f>
        <v>0</v>
      </c>
      <c r="H4504" cm="1">
        <f t="array" ref="H4504">IFERROR(INDEX(Jesper!AL$2:AL$366,ROUNDDOWN($C4504/24,0)+1,1)*INDEX($D$3:$AA$30,INDEX(Jesper!$R$2:$R$366,ROW(INDEX(Jesper!AL$2:AL$366,ROUNDDOWN($C4504/24,0)+1,1))-1)+IF('Standard Profiles'!$G$22=$B$10,7,0)+IF('Standard Profiles'!$G$22=$B$17,14,0)+IF('Standard Profiles'!$G$22=$B$24,21,0),MOD($C4504,24)+1)/SUM(INDEX($D$3:$AA$30,INDEX(Jesper!$R$2:$R$366,ROW(INDEX(Jesper!AL$2:AL$366,ROUNDDOWN($C4504/24,0)+1,1))-1)+IF('Standard Profiles'!$G$22=$B$10,7,0)+IF('Standard Profiles'!$G$22=$B$17,14,0)+IF('Standard Profiles'!$G$22=$B$24,21,0),0)),0)</f>
        <v>0</v>
      </c>
      <c r="I4504">
        <f t="shared" si="503"/>
        <v>0.34974790565787428</v>
      </c>
      <c r="J4504">
        <f t="shared" si="504"/>
        <v>1.1658263521929144</v>
      </c>
      <c r="K4504">
        <f t="shared" si="505"/>
        <v>1.7487395282893714</v>
      </c>
      <c r="L4504">
        <f t="shared" si="506"/>
        <v>8.3939497357889827</v>
      </c>
      <c r="M4504">
        <f t="shared" si="507"/>
        <v>0</v>
      </c>
      <c r="N4504" s="46">
        <f t="shared" si="508"/>
        <v>45478.249999989159</v>
      </c>
    </row>
    <row r="4505" spans="2:14" x14ac:dyDescent="0.3">
      <c r="B4505">
        <f t="shared" si="502"/>
        <v>5</v>
      </c>
      <c r="C4505" s="16">
        <v>4471</v>
      </c>
      <c r="D4505" cm="1">
        <f t="array" ref="D4505">IFERROR(INDEX(Jesper!AH$2:AH$366,ROUNDDOWN($C4505/24,0)+1,1)*INDEX($D$3:$AA$30,INDEX(Jesper!$R$2:$R$366,ROW(INDEX(Jesper!AH$2:AH$366,ROUNDDOWN($C4505/24,0)+1,1))-1)+IF('Standard Profiles'!$G$18=$B$10,7,0)+IF('Standard Profiles'!$G$18=$B$17,14,0)+IF('Standard Profiles'!$G$18=$B$24,21,0),MOD($C4505,24)+1)/SUM(INDEX($D$3:$AA$30,INDEX(Jesper!$R$2:$R$366,ROW(INDEX(Jesper!AH$2:AH$366,ROUNDDOWN($C4505/24,0)+1,1))-1)+IF('Standard Profiles'!$G$18=$B$10,7,0)+IF('Standard Profiles'!$G$18=$B$17,14,0)+IF('Standard Profiles'!$G$18=$B$24,21,0),0)),0)</f>
        <v>11.658263521929143</v>
      </c>
      <c r="E4505" cm="1">
        <f t="array" ref="E4505">IFERROR(INDEX(Jesper!AI$2:AI$366,ROUNDDOWN($C4505/24,0)+1,1)*INDEX($D$3:$AA$30,INDEX(Jesper!$R$2:$R$366,ROW(INDEX(Jesper!AI$2:AI$366,ROUNDDOWN($C4505/24,0)+1,1))-1)+IF('Standard Profiles'!$G$19=$B$10,7,0)+IF('Standard Profiles'!$G$19=$B$17,14,0)+IF('Standard Profiles'!$G$19=$B$24,21,0),MOD($C4505,24)+1)/SUM(INDEX($D$3:$AA$30,INDEX(Jesper!$R$2:$R$366,ROW(INDEX(Jesper!AI$2:AI$366,ROUNDDOWN($C4505/24,0)+1,1))-1)+IF('Standard Profiles'!$G$19=$B$10,7,0)+IF('Standard Profiles'!$G$19=$B$17,14,0)+IF('Standard Profiles'!$G$19=$B$24,21,0),0)),0)</f>
        <v>0</v>
      </c>
      <c r="F4505" cm="1">
        <f t="array" ref="F4505">IFERROR(INDEX(Jesper!AJ$2:AJ$366,ROUNDDOWN($C4505/24,0)+1,1)*INDEX($D$3:$AA$30,INDEX(Jesper!$R$2:$R$366,ROW(INDEX(Jesper!AJ$2:AJ$366,ROUNDDOWN($C4505/24,0)+1,1))-1)+IF('Standard Profiles'!$G$20=$B$10,7,0)+IF('Standard Profiles'!$G$20=$B$17,14,0)+IF('Standard Profiles'!$G$20=$B$24,21,0),MOD($C4505,24)+1)/SUM(INDEX($D$3:$AA$30,INDEX(Jesper!$R$2:$R$366,ROW(INDEX(Jesper!AJ$2:AJ$366,ROUNDDOWN($C4505/24,0)+1,1))-1)+IF('Standard Profiles'!$G$20=$B$10,7,0)+IF('Standard Profiles'!$G$20=$B$17,14,0)+IF('Standard Profiles'!$G$20=$B$24,21,0),0)),0)</f>
        <v>0</v>
      </c>
      <c r="G4505" cm="1">
        <f t="array" ref="G4505">IFERROR(INDEX(Jesper!AK$2:AK$366,ROUNDDOWN($C4505/24,0)+1,1)*INDEX($D$3:$AA$30,INDEX(Jesper!$R$2:$R$366,ROW(INDEX(Jesper!AK$2:AK$366,ROUNDDOWN($C4505/24,0)+1,1))-1)+IF('Standard Profiles'!$G$21=$B$10,7,0)+IF('Standard Profiles'!$G$21=$B$17,14,0)+IF('Standard Profiles'!$G$21=$B$24,21,0),MOD($C4505,24)+1)/SUM(INDEX($D$3:$AA$30,INDEX(Jesper!$R$2:$R$366,ROW(INDEX(Jesper!AK$2:AK$366,ROUNDDOWN($C4505/24,0)+1,1))-1)+IF('Standard Profiles'!$G$21=$B$10,7,0)+IF('Standard Profiles'!$G$21=$B$17,14,0)+IF('Standard Profiles'!$G$21=$B$24,21,0),0)),0)</f>
        <v>0</v>
      </c>
      <c r="H4505" cm="1">
        <f t="array" ref="H4505">IFERROR(INDEX(Jesper!AL$2:AL$366,ROUNDDOWN($C4505/24,0)+1,1)*INDEX($D$3:$AA$30,INDEX(Jesper!$R$2:$R$366,ROW(INDEX(Jesper!AL$2:AL$366,ROUNDDOWN($C4505/24,0)+1,1))-1)+IF('Standard Profiles'!$G$22=$B$10,7,0)+IF('Standard Profiles'!$G$22=$B$17,14,0)+IF('Standard Profiles'!$G$22=$B$24,21,0),MOD($C4505,24)+1)/SUM(INDEX($D$3:$AA$30,INDEX(Jesper!$R$2:$R$366,ROW(INDEX(Jesper!AL$2:AL$366,ROUNDDOWN($C4505/24,0)+1,1))-1)+IF('Standard Profiles'!$G$22=$B$10,7,0)+IF('Standard Profiles'!$G$22=$B$17,14,0)+IF('Standard Profiles'!$G$22=$B$24,21,0),0)),0)</f>
        <v>0</v>
      </c>
      <c r="I4505">
        <f t="shared" si="503"/>
        <v>0.34974790565787428</v>
      </c>
      <c r="J4505">
        <f t="shared" si="504"/>
        <v>1.1658263521929144</v>
      </c>
      <c r="K4505">
        <f t="shared" si="505"/>
        <v>1.7487395282893714</v>
      </c>
      <c r="L4505">
        <f t="shared" si="506"/>
        <v>8.3939497357889827</v>
      </c>
      <c r="M4505">
        <f t="shared" si="507"/>
        <v>0</v>
      </c>
      <c r="N4505" s="46">
        <f t="shared" si="508"/>
        <v>45478.291666655823</v>
      </c>
    </row>
    <row r="4506" spans="2:14" x14ac:dyDescent="0.3">
      <c r="B4506">
        <f t="shared" si="502"/>
        <v>5</v>
      </c>
      <c r="C4506" s="16">
        <v>4472</v>
      </c>
      <c r="D4506" cm="1">
        <f t="array" ref="D4506">IFERROR(INDEX(Jesper!AH$2:AH$366,ROUNDDOWN($C4506/24,0)+1,1)*INDEX($D$3:$AA$30,INDEX(Jesper!$R$2:$R$366,ROW(INDEX(Jesper!AH$2:AH$366,ROUNDDOWN($C4506/24,0)+1,1))-1)+IF('Standard Profiles'!$G$18=$B$10,7,0)+IF('Standard Profiles'!$G$18=$B$17,14,0)+IF('Standard Profiles'!$G$18=$B$24,21,0),MOD($C4506,24)+1)/SUM(INDEX($D$3:$AA$30,INDEX(Jesper!$R$2:$R$366,ROW(INDEX(Jesper!AH$2:AH$366,ROUNDDOWN($C4506/24,0)+1,1))-1)+IF('Standard Profiles'!$G$18=$B$10,7,0)+IF('Standard Profiles'!$G$18=$B$17,14,0)+IF('Standard Profiles'!$G$18=$B$24,21,0),0)),0)</f>
        <v>11.658263521929143</v>
      </c>
      <c r="E4506" cm="1">
        <f t="array" ref="E4506">IFERROR(INDEX(Jesper!AI$2:AI$366,ROUNDDOWN($C4506/24,0)+1,1)*INDEX($D$3:$AA$30,INDEX(Jesper!$R$2:$R$366,ROW(INDEX(Jesper!AI$2:AI$366,ROUNDDOWN($C4506/24,0)+1,1))-1)+IF('Standard Profiles'!$G$19=$B$10,7,0)+IF('Standard Profiles'!$G$19=$B$17,14,0)+IF('Standard Profiles'!$G$19=$B$24,21,0),MOD($C4506,24)+1)/SUM(INDEX($D$3:$AA$30,INDEX(Jesper!$R$2:$R$366,ROW(INDEX(Jesper!AI$2:AI$366,ROUNDDOWN($C4506/24,0)+1,1))-1)+IF('Standard Profiles'!$G$19=$B$10,7,0)+IF('Standard Profiles'!$G$19=$B$17,14,0)+IF('Standard Profiles'!$G$19=$B$24,21,0),0)),0)</f>
        <v>0</v>
      </c>
      <c r="F4506" cm="1">
        <f t="array" ref="F4506">IFERROR(INDEX(Jesper!AJ$2:AJ$366,ROUNDDOWN($C4506/24,0)+1,1)*INDEX($D$3:$AA$30,INDEX(Jesper!$R$2:$R$366,ROW(INDEX(Jesper!AJ$2:AJ$366,ROUNDDOWN($C4506/24,0)+1,1))-1)+IF('Standard Profiles'!$G$20=$B$10,7,0)+IF('Standard Profiles'!$G$20=$B$17,14,0)+IF('Standard Profiles'!$G$20=$B$24,21,0),MOD($C4506,24)+1)/SUM(INDEX($D$3:$AA$30,INDEX(Jesper!$R$2:$R$366,ROW(INDEX(Jesper!AJ$2:AJ$366,ROUNDDOWN($C4506/24,0)+1,1))-1)+IF('Standard Profiles'!$G$20=$B$10,7,0)+IF('Standard Profiles'!$G$20=$B$17,14,0)+IF('Standard Profiles'!$G$20=$B$24,21,0),0)),0)</f>
        <v>0</v>
      </c>
      <c r="G4506" cm="1">
        <f t="array" ref="G4506">IFERROR(INDEX(Jesper!AK$2:AK$366,ROUNDDOWN($C4506/24,0)+1,1)*INDEX($D$3:$AA$30,INDEX(Jesper!$R$2:$R$366,ROW(INDEX(Jesper!AK$2:AK$366,ROUNDDOWN($C4506/24,0)+1,1))-1)+IF('Standard Profiles'!$G$21=$B$10,7,0)+IF('Standard Profiles'!$G$21=$B$17,14,0)+IF('Standard Profiles'!$G$21=$B$24,21,0),MOD($C4506,24)+1)/SUM(INDEX($D$3:$AA$30,INDEX(Jesper!$R$2:$R$366,ROW(INDEX(Jesper!AK$2:AK$366,ROUNDDOWN($C4506/24,0)+1,1))-1)+IF('Standard Profiles'!$G$21=$B$10,7,0)+IF('Standard Profiles'!$G$21=$B$17,14,0)+IF('Standard Profiles'!$G$21=$B$24,21,0),0)),0)</f>
        <v>0</v>
      </c>
      <c r="H4506" cm="1">
        <f t="array" ref="H4506">IFERROR(INDEX(Jesper!AL$2:AL$366,ROUNDDOWN($C4506/24,0)+1,1)*INDEX($D$3:$AA$30,INDEX(Jesper!$R$2:$R$366,ROW(INDEX(Jesper!AL$2:AL$366,ROUNDDOWN($C4506/24,0)+1,1))-1)+IF('Standard Profiles'!$G$22=$B$10,7,0)+IF('Standard Profiles'!$G$22=$B$17,14,0)+IF('Standard Profiles'!$G$22=$B$24,21,0),MOD($C4506,24)+1)/SUM(INDEX($D$3:$AA$30,INDEX(Jesper!$R$2:$R$366,ROW(INDEX(Jesper!AL$2:AL$366,ROUNDDOWN($C4506/24,0)+1,1))-1)+IF('Standard Profiles'!$G$22=$B$10,7,0)+IF('Standard Profiles'!$G$22=$B$17,14,0)+IF('Standard Profiles'!$G$22=$B$24,21,0),0)),0)</f>
        <v>0</v>
      </c>
      <c r="I4506">
        <f t="shared" si="503"/>
        <v>0.34974790565787428</v>
      </c>
      <c r="J4506">
        <f t="shared" si="504"/>
        <v>1.1658263521929144</v>
      </c>
      <c r="K4506">
        <f t="shared" si="505"/>
        <v>1.7487395282893714</v>
      </c>
      <c r="L4506">
        <f t="shared" si="506"/>
        <v>8.3939497357889827</v>
      </c>
      <c r="M4506">
        <f t="shared" si="507"/>
        <v>0</v>
      </c>
      <c r="N4506" s="46">
        <f t="shared" si="508"/>
        <v>45478.333333322487</v>
      </c>
    </row>
    <row r="4507" spans="2:14" x14ac:dyDescent="0.3">
      <c r="B4507">
        <f t="shared" si="502"/>
        <v>5</v>
      </c>
      <c r="C4507" s="16">
        <v>4473</v>
      </c>
      <c r="D4507" cm="1">
        <f t="array" ref="D4507">IFERROR(INDEX(Jesper!AH$2:AH$366,ROUNDDOWN($C4507/24,0)+1,1)*INDEX($D$3:$AA$30,INDEX(Jesper!$R$2:$R$366,ROW(INDEX(Jesper!AH$2:AH$366,ROUNDDOWN($C4507/24,0)+1,1))-1)+IF('Standard Profiles'!$G$18=$B$10,7,0)+IF('Standard Profiles'!$G$18=$B$17,14,0)+IF('Standard Profiles'!$G$18=$B$24,21,0),MOD($C4507,24)+1)/SUM(INDEX($D$3:$AA$30,INDEX(Jesper!$R$2:$R$366,ROW(INDEX(Jesper!AH$2:AH$366,ROUNDDOWN($C4507/24,0)+1,1))-1)+IF('Standard Profiles'!$G$18=$B$10,7,0)+IF('Standard Profiles'!$G$18=$B$17,14,0)+IF('Standard Profiles'!$G$18=$B$24,21,0),0)),0)</f>
        <v>12.490996630638367</v>
      </c>
      <c r="E4507" cm="1">
        <f t="array" ref="E4507">IFERROR(INDEX(Jesper!AI$2:AI$366,ROUNDDOWN($C4507/24,0)+1,1)*INDEX($D$3:$AA$30,INDEX(Jesper!$R$2:$R$366,ROW(INDEX(Jesper!AI$2:AI$366,ROUNDDOWN($C4507/24,0)+1,1))-1)+IF('Standard Profiles'!$G$19=$B$10,7,0)+IF('Standard Profiles'!$G$19=$B$17,14,0)+IF('Standard Profiles'!$G$19=$B$24,21,0),MOD($C4507,24)+1)/SUM(INDEX($D$3:$AA$30,INDEX(Jesper!$R$2:$R$366,ROW(INDEX(Jesper!AI$2:AI$366,ROUNDDOWN($C4507/24,0)+1,1))-1)+IF('Standard Profiles'!$G$19=$B$10,7,0)+IF('Standard Profiles'!$G$19=$B$17,14,0)+IF('Standard Profiles'!$G$19=$B$24,21,0),0)),0)</f>
        <v>0</v>
      </c>
      <c r="F4507" cm="1">
        <f t="array" ref="F4507">IFERROR(INDEX(Jesper!AJ$2:AJ$366,ROUNDDOWN($C4507/24,0)+1,1)*INDEX($D$3:$AA$30,INDEX(Jesper!$R$2:$R$366,ROW(INDEX(Jesper!AJ$2:AJ$366,ROUNDDOWN($C4507/24,0)+1,1))-1)+IF('Standard Profiles'!$G$20=$B$10,7,0)+IF('Standard Profiles'!$G$20=$B$17,14,0)+IF('Standard Profiles'!$G$20=$B$24,21,0),MOD($C4507,24)+1)/SUM(INDEX($D$3:$AA$30,INDEX(Jesper!$R$2:$R$366,ROW(INDEX(Jesper!AJ$2:AJ$366,ROUNDDOWN($C4507/24,0)+1,1))-1)+IF('Standard Profiles'!$G$20=$B$10,7,0)+IF('Standard Profiles'!$G$20=$B$17,14,0)+IF('Standard Profiles'!$G$20=$B$24,21,0),0)),0)</f>
        <v>0</v>
      </c>
      <c r="G4507" cm="1">
        <f t="array" ref="G4507">IFERROR(INDEX(Jesper!AK$2:AK$366,ROUNDDOWN($C4507/24,0)+1,1)*INDEX($D$3:$AA$30,INDEX(Jesper!$R$2:$R$366,ROW(INDEX(Jesper!AK$2:AK$366,ROUNDDOWN($C4507/24,0)+1,1))-1)+IF('Standard Profiles'!$G$21=$B$10,7,0)+IF('Standard Profiles'!$G$21=$B$17,14,0)+IF('Standard Profiles'!$G$21=$B$24,21,0),MOD($C4507,24)+1)/SUM(INDEX($D$3:$AA$30,INDEX(Jesper!$R$2:$R$366,ROW(INDEX(Jesper!AK$2:AK$366,ROUNDDOWN($C4507/24,0)+1,1))-1)+IF('Standard Profiles'!$G$21=$B$10,7,0)+IF('Standard Profiles'!$G$21=$B$17,14,0)+IF('Standard Profiles'!$G$21=$B$24,21,0),0)),0)</f>
        <v>0</v>
      </c>
      <c r="H4507" cm="1">
        <f t="array" ref="H4507">IFERROR(INDEX(Jesper!AL$2:AL$366,ROUNDDOWN($C4507/24,0)+1,1)*INDEX($D$3:$AA$30,INDEX(Jesper!$R$2:$R$366,ROW(INDEX(Jesper!AL$2:AL$366,ROUNDDOWN($C4507/24,0)+1,1))-1)+IF('Standard Profiles'!$G$22=$B$10,7,0)+IF('Standard Profiles'!$G$22=$B$17,14,0)+IF('Standard Profiles'!$G$22=$B$24,21,0),MOD($C4507,24)+1)/SUM(INDEX($D$3:$AA$30,INDEX(Jesper!$R$2:$R$366,ROW(INDEX(Jesper!AL$2:AL$366,ROUNDDOWN($C4507/24,0)+1,1))-1)+IF('Standard Profiles'!$G$22=$B$10,7,0)+IF('Standard Profiles'!$G$22=$B$17,14,0)+IF('Standard Profiles'!$G$22=$B$24,21,0),0)),0)</f>
        <v>0</v>
      </c>
      <c r="I4507">
        <f t="shared" si="503"/>
        <v>0.37472989891915098</v>
      </c>
      <c r="J4507">
        <f t="shared" si="504"/>
        <v>1.2490996630638369</v>
      </c>
      <c r="K4507">
        <f t="shared" si="505"/>
        <v>1.8736494945957549</v>
      </c>
      <c r="L4507">
        <f t="shared" si="506"/>
        <v>8.9935175740596236</v>
      </c>
      <c r="M4507">
        <f t="shared" si="507"/>
        <v>0</v>
      </c>
      <c r="N4507" s="46">
        <f t="shared" si="508"/>
        <v>45478.374999989152</v>
      </c>
    </row>
    <row r="4508" spans="2:14" x14ac:dyDescent="0.3">
      <c r="B4508">
        <f t="shared" si="502"/>
        <v>5</v>
      </c>
      <c r="C4508" s="16">
        <v>4474</v>
      </c>
      <c r="D4508" cm="1">
        <f t="array" ref="D4508">IFERROR(INDEX(Jesper!AH$2:AH$366,ROUNDDOWN($C4508/24,0)+1,1)*INDEX($D$3:$AA$30,INDEX(Jesper!$R$2:$R$366,ROW(INDEX(Jesper!AH$2:AH$366,ROUNDDOWN($C4508/24,0)+1,1))-1)+IF('Standard Profiles'!$G$18=$B$10,7,0)+IF('Standard Profiles'!$G$18=$B$17,14,0)+IF('Standard Profiles'!$G$18=$B$24,21,0),MOD($C4508,24)+1)/SUM(INDEX($D$3:$AA$30,INDEX(Jesper!$R$2:$R$366,ROW(INDEX(Jesper!AH$2:AH$366,ROUNDDOWN($C4508/24,0)+1,1))-1)+IF('Standard Profiles'!$G$18=$B$10,7,0)+IF('Standard Profiles'!$G$18=$B$17,14,0)+IF('Standard Profiles'!$G$18=$B$24,21,0),0)),0)</f>
        <v>12.990636495863901</v>
      </c>
      <c r="E4508" cm="1">
        <f t="array" ref="E4508">IFERROR(INDEX(Jesper!AI$2:AI$366,ROUNDDOWN($C4508/24,0)+1,1)*INDEX($D$3:$AA$30,INDEX(Jesper!$R$2:$R$366,ROW(INDEX(Jesper!AI$2:AI$366,ROUNDDOWN($C4508/24,0)+1,1))-1)+IF('Standard Profiles'!$G$19=$B$10,7,0)+IF('Standard Profiles'!$G$19=$B$17,14,0)+IF('Standard Profiles'!$G$19=$B$24,21,0),MOD($C4508,24)+1)/SUM(INDEX($D$3:$AA$30,INDEX(Jesper!$R$2:$R$366,ROW(INDEX(Jesper!AI$2:AI$366,ROUNDDOWN($C4508/24,0)+1,1))-1)+IF('Standard Profiles'!$G$19=$B$10,7,0)+IF('Standard Profiles'!$G$19=$B$17,14,0)+IF('Standard Profiles'!$G$19=$B$24,21,0),0)),0)</f>
        <v>0</v>
      </c>
      <c r="F4508" cm="1">
        <f t="array" ref="F4508">IFERROR(INDEX(Jesper!AJ$2:AJ$366,ROUNDDOWN($C4508/24,0)+1,1)*INDEX($D$3:$AA$30,INDEX(Jesper!$R$2:$R$366,ROW(INDEX(Jesper!AJ$2:AJ$366,ROUNDDOWN($C4508/24,0)+1,1))-1)+IF('Standard Profiles'!$G$20=$B$10,7,0)+IF('Standard Profiles'!$G$20=$B$17,14,0)+IF('Standard Profiles'!$G$20=$B$24,21,0),MOD($C4508,24)+1)/SUM(INDEX($D$3:$AA$30,INDEX(Jesper!$R$2:$R$366,ROW(INDEX(Jesper!AJ$2:AJ$366,ROUNDDOWN($C4508/24,0)+1,1))-1)+IF('Standard Profiles'!$G$20=$B$10,7,0)+IF('Standard Profiles'!$G$20=$B$17,14,0)+IF('Standard Profiles'!$G$20=$B$24,21,0),0)),0)</f>
        <v>0</v>
      </c>
      <c r="G4508" cm="1">
        <f t="array" ref="G4508">IFERROR(INDEX(Jesper!AK$2:AK$366,ROUNDDOWN($C4508/24,0)+1,1)*INDEX($D$3:$AA$30,INDEX(Jesper!$R$2:$R$366,ROW(INDEX(Jesper!AK$2:AK$366,ROUNDDOWN($C4508/24,0)+1,1))-1)+IF('Standard Profiles'!$G$21=$B$10,7,0)+IF('Standard Profiles'!$G$21=$B$17,14,0)+IF('Standard Profiles'!$G$21=$B$24,21,0),MOD($C4508,24)+1)/SUM(INDEX($D$3:$AA$30,INDEX(Jesper!$R$2:$R$366,ROW(INDEX(Jesper!AK$2:AK$366,ROUNDDOWN($C4508/24,0)+1,1))-1)+IF('Standard Profiles'!$G$21=$B$10,7,0)+IF('Standard Profiles'!$G$21=$B$17,14,0)+IF('Standard Profiles'!$G$21=$B$24,21,0),0)),0)</f>
        <v>0</v>
      </c>
      <c r="H4508" cm="1">
        <f t="array" ref="H4508">IFERROR(INDEX(Jesper!AL$2:AL$366,ROUNDDOWN($C4508/24,0)+1,1)*INDEX($D$3:$AA$30,INDEX(Jesper!$R$2:$R$366,ROW(INDEX(Jesper!AL$2:AL$366,ROUNDDOWN($C4508/24,0)+1,1))-1)+IF('Standard Profiles'!$G$22=$B$10,7,0)+IF('Standard Profiles'!$G$22=$B$17,14,0)+IF('Standard Profiles'!$G$22=$B$24,21,0),MOD($C4508,24)+1)/SUM(INDEX($D$3:$AA$30,INDEX(Jesper!$R$2:$R$366,ROW(INDEX(Jesper!AL$2:AL$366,ROUNDDOWN($C4508/24,0)+1,1))-1)+IF('Standard Profiles'!$G$22=$B$10,7,0)+IF('Standard Profiles'!$G$22=$B$17,14,0)+IF('Standard Profiles'!$G$22=$B$24,21,0),0)),0)</f>
        <v>0</v>
      </c>
      <c r="I4508">
        <f t="shared" si="503"/>
        <v>0.38971909487591705</v>
      </c>
      <c r="J4508">
        <f t="shared" si="504"/>
        <v>1.2990636495863903</v>
      </c>
      <c r="K4508">
        <f t="shared" si="505"/>
        <v>1.948595474379585</v>
      </c>
      <c r="L4508">
        <f t="shared" si="506"/>
        <v>9.3532582770220092</v>
      </c>
      <c r="M4508">
        <f t="shared" si="507"/>
        <v>0</v>
      </c>
      <c r="N4508" s="46">
        <f t="shared" si="508"/>
        <v>45478.416666655816</v>
      </c>
    </row>
    <row r="4509" spans="2:14" x14ac:dyDescent="0.3">
      <c r="B4509">
        <f t="shared" si="502"/>
        <v>5</v>
      </c>
      <c r="C4509" s="16">
        <v>4475</v>
      </c>
      <c r="D4509" cm="1">
        <f t="array" ref="D4509">IFERROR(INDEX(Jesper!AH$2:AH$366,ROUNDDOWN($C4509/24,0)+1,1)*INDEX($D$3:$AA$30,INDEX(Jesper!$R$2:$R$366,ROW(INDEX(Jesper!AH$2:AH$366,ROUNDDOWN($C4509/24,0)+1,1))-1)+IF('Standard Profiles'!$G$18=$B$10,7,0)+IF('Standard Profiles'!$G$18=$B$17,14,0)+IF('Standard Profiles'!$G$18=$B$24,21,0),MOD($C4509,24)+1)/SUM(INDEX($D$3:$AA$30,INDEX(Jesper!$R$2:$R$366,ROW(INDEX(Jesper!AH$2:AH$366,ROUNDDOWN($C4509/24,0)+1,1))-1)+IF('Standard Profiles'!$G$18=$B$10,7,0)+IF('Standard Profiles'!$G$18=$B$17,14,0)+IF('Standard Profiles'!$G$18=$B$24,21,0),0)),0)</f>
        <v>14.989195956766039</v>
      </c>
      <c r="E4509" cm="1">
        <f t="array" ref="E4509">IFERROR(INDEX(Jesper!AI$2:AI$366,ROUNDDOWN($C4509/24,0)+1,1)*INDEX($D$3:$AA$30,INDEX(Jesper!$R$2:$R$366,ROW(INDEX(Jesper!AI$2:AI$366,ROUNDDOWN($C4509/24,0)+1,1))-1)+IF('Standard Profiles'!$G$19=$B$10,7,0)+IF('Standard Profiles'!$G$19=$B$17,14,0)+IF('Standard Profiles'!$G$19=$B$24,21,0),MOD($C4509,24)+1)/SUM(INDEX($D$3:$AA$30,INDEX(Jesper!$R$2:$R$366,ROW(INDEX(Jesper!AI$2:AI$366,ROUNDDOWN($C4509/24,0)+1,1))-1)+IF('Standard Profiles'!$G$19=$B$10,7,0)+IF('Standard Profiles'!$G$19=$B$17,14,0)+IF('Standard Profiles'!$G$19=$B$24,21,0),0)),0)</f>
        <v>0</v>
      </c>
      <c r="F4509" cm="1">
        <f t="array" ref="F4509">IFERROR(INDEX(Jesper!AJ$2:AJ$366,ROUNDDOWN($C4509/24,0)+1,1)*INDEX($D$3:$AA$30,INDEX(Jesper!$R$2:$R$366,ROW(INDEX(Jesper!AJ$2:AJ$366,ROUNDDOWN($C4509/24,0)+1,1))-1)+IF('Standard Profiles'!$G$20=$B$10,7,0)+IF('Standard Profiles'!$G$20=$B$17,14,0)+IF('Standard Profiles'!$G$20=$B$24,21,0),MOD($C4509,24)+1)/SUM(INDEX($D$3:$AA$30,INDEX(Jesper!$R$2:$R$366,ROW(INDEX(Jesper!AJ$2:AJ$366,ROUNDDOWN($C4509/24,0)+1,1))-1)+IF('Standard Profiles'!$G$20=$B$10,7,0)+IF('Standard Profiles'!$G$20=$B$17,14,0)+IF('Standard Profiles'!$G$20=$B$24,21,0),0)),0)</f>
        <v>0</v>
      </c>
      <c r="G4509" cm="1">
        <f t="array" ref="G4509">IFERROR(INDEX(Jesper!AK$2:AK$366,ROUNDDOWN($C4509/24,0)+1,1)*INDEX($D$3:$AA$30,INDEX(Jesper!$R$2:$R$366,ROW(INDEX(Jesper!AK$2:AK$366,ROUNDDOWN($C4509/24,0)+1,1))-1)+IF('Standard Profiles'!$G$21=$B$10,7,0)+IF('Standard Profiles'!$G$21=$B$17,14,0)+IF('Standard Profiles'!$G$21=$B$24,21,0),MOD($C4509,24)+1)/SUM(INDEX($D$3:$AA$30,INDEX(Jesper!$R$2:$R$366,ROW(INDEX(Jesper!AK$2:AK$366,ROUNDDOWN($C4509/24,0)+1,1))-1)+IF('Standard Profiles'!$G$21=$B$10,7,0)+IF('Standard Profiles'!$G$21=$B$17,14,0)+IF('Standard Profiles'!$G$21=$B$24,21,0),0)),0)</f>
        <v>0</v>
      </c>
      <c r="H4509" cm="1">
        <f t="array" ref="H4509">IFERROR(INDEX(Jesper!AL$2:AL$366,ROUNDDOWN($C4509/24,0)+1,1)*INDEX($D$3:$AA$30,INDEX(Jesper!$R$2:$R$366,ROW(INDEX(Jesper!AL$2:AL$366,ROUNDDOWN($C4509/24,0)+1,1))-1)+IF('Standard Profiles'!$G$22=$B$10,7,0)+IF('Standard Profiles'!$G$22=$B$17,14,0)+IF('Standard Profiles'!$G$22=$B$24,21,0),MOD($C4509,24)+1)/SUM(INDEX($D$3:$AA$30,INDEX(Jesper!$R$2:$R$366,ROW(INDEX(Jesper!AL$2:AL$366,ROUNDDOWN($C4509/24,0)+1,1))-1)+IF('Standard Profiles'!$G$22=$B$10,7,0)+IF('Standard Profiles'!$G$22=$B$17,14,0)+IF('Standard Profiles'!$G$22=$B$24,21,0),0)),0)</f>
        <v>0</v>
      </c>
      <c r="I4509">
        <f t="shared" si="503"/>
        <v>0.44967587870298115</v>
      </c>
      <c r="J4509">
        <f t="shared" si="504"/>
        <v>1.4989195956766039</v>
      </c>
      <c r="K4509">
        <f t="shared" si="505"/>
        <v>2.2483793935149059</v>
      </c>
      <c r="L4509">
        <f t="shared" si="506"/>
        <v>10.792221088871548</v>
      </c>
      <c r="M4509">
        <f t="shared" si="507"/>
        <v>0</v>
      </c>
      <c r="N4509" s="46">
        <f t="shared" si="508"/>
        <v>45478.45833332248</v>
      </c>
    </row>
    <row r="4510" spans="2:14" x14ac:dyDescent="0.3">
      <c r="B4510">
        <f t="shared" si="502"/>
        <v>5</v>
      </c>
      <c r="C4510" s="16">
        <v>4476</v>
      </c>
      <c r="D4510" cm="1">
        <f t="array" ref="D4510">IFERROR(INDEX(Jesper!AH$2:AH$366,ROUNDDOWN($C4510/24,0)+1,1)*INDEX($D$3:$AA$30,INDEX(Jesper!$R$2:$R$366,ROW(INDEX(Jesper!AH$2:AH$366,ROUNDDOWN($C4510/24,0)+1,1))-1)+IF('Standard Profiles'!$G$18=$B$10,7,0)+IF('Standard Profiles'!$G$18=$B$17,14,0)+IF('Standard Profiles'!$G$18=$B$24,21,0),MOD($C4510,24)+1)/SUM(INDEX($D$3:$AA$30,INDEX(Jesper!$R$2:$R$366,ROW(INDEX(Jesper!AH$2:AH$366,ROUNDDOWN($C4510/24,0)+1,1))-1)+IF('Standard Profiles'!$G$18=$B$10,7,0)+IF('Standard Profiles'!$G$18=$B$17,14,0)+IF('Standard Profiles'!$G$18=$B$24,21,0),0)),0)</f>
        <v>14.989195956766039</v>
      </c>
      <c r="E4510" cm="1">
        <f t="array" ref="E4510">IFERROR(INDEX(Jesper!AI$2:AI$366,ROUNDDOWN($C4510/24,0)+1,1)*INDEX($D$3:$AA$30,INDEX(Jesper!$R$2:$R$366,ROW(INDEX(Jesper!AI$2:AI$366,ROUNDDOWN($C4510/24,0)+1,1))-1)+IF('Standard Profiles'!$G$19=$B$10,7,0)+IF('Standard Profiles'!$G$19=$B$17,14,0)+IF('Standard Profiles'!$G$19=$B$24,21,0),MOD($C4510,24)+1)/SUM(INDEX($D$3:$AA$30,INDEX(Jesper!$R$2:$R$366,ROW(INDEX(Jesper!AI$2:AI$366,ROUNDDOWN($C4510/24,0)+1,1))-1)+IF('Standard Profiles'!$G$19=$B$10,7,0)+IF('Standard Profiles'!$G$19=$B$17,14,0)+IF('Standard Profiles'!$G$19=$B$24,21,0),0)),0)</f>
        <v>0</v>
      </c>
      <c r="F4510" cm="1">
        <f t="array" ref="F4510">IFERROR(INDEX(Jesper!AJ$2:AJ$366,ROUNDDOWN($C4510/24,0)+1,1)*INDEX($D$3:$AA$30,INDEX(Jesper!$R$2:$R$366,ROW(INDEX(Jesper!AJ$2:AJ$366,ROUNDDOWN($C4510/24,0)+1,1))-1)+IF('Standard Profiles'!$G$20=$B$10,7,0)+IF('Standard Profiles'!$G$20=$B$17,14,0)+IF('Standard Profiles'!$G$20=$B$24,21,0),MOD($C4510,24)+1)/SUM(INDEX($D$3:$AA$30,INDEX(Jesper!$R$2:$R$366,ROW(INDEX(Jesper!AJ$2:AJ$366,ROUNDDOWN($C4510/24,0)+1,1))-1)+IF('Standard Profiles'!$G$20=$B$10,7,0)+IF('Standard Profiles'!$G$20=$B$17,14,0)+IF('Standard Profiles'!$G$20=$B$24,21,0),0)),0)</f>
        <v>0</v>
      </c>
      <c r="G4510" cm="1">
        <f t="array" ref="G4510">IFERROR(INDEX(Jesper!AK$2:AK$366,ROUNDDOWN($C4510/24,0)+1,1)*INDEX($D$3:$AA$30,INDEX(Jesper!$R$2:$R$366,ROW(INDEX(Jesper!AK$2:AK$366,ROUNDDOWN($C4510/24,0)+1,1))-1)+IF('Standard Profiles'!$G$21=$B$10,7,0)+IF('Standard Profiles'!$G$21=$B$17,14,0)+IF('Standard Profiles'!$G$21=$B$24,21,0),MOD($C4510,24)+1)/SUM(INDEX($D$3:$AA$30,INDEX(Jesper!$R$2:$R$366,ROW(INDEX(Jesper!AK$2:AK$366,ROUNDDOWN($C4510/24,0)+1,1))-1)+IF('Standard Profiles'!$G$21=$B$10,7,0)+IF('Standard Profiles'!$G$21=$B$17,14,0)+IF('Standard Profiles'!$G$21=$B$24,21,0),0)),0)</f>
        <v>0</v>
      </c>
      <c r="H4510" cm="1">
        <f t="array" ref="H4510">IFERROR(INDEX(Jesper!AL$2:AL$366,ROUNDDOWN($C4510/24,0)+1,1)*INDEX($D$3:$AA$30,INDEX(Jesper!$R$2:$R$366,ROW(INDEX(Jesper!AL$2:AL$366,ROUNDDOWN($C4510/24,0)+1,1))-1)+IF('Standard Profiles'!$G$22=$B$10,7,0)+IF('Standard Profiles'!$G$22=$B$17,14,0)+IF('Standard Profiles'!$G$22=$B$24,21,0),MOD($C4510,24)+1)/SUM(INDEX($D$3:$AA$30,INDEX(Jesper!$R$2:$R$366,ROW(INDEX(Jesper!AL$2:AL$366,ROUNDDOWN($C4510/24,0)+1,1))-1)+IF('Standard Profiles'!$G$22=$B$10,7,0)+IF('Standard Profiles'!$G$22=$B$17,14,0)+IF('Standard Profiles'!$G$22=$B$24,21,0),0)),0)</f>
        <v>0</v>
      </c>
      <c r="I4510">
        <f t="shared" si="503"/>
        <v>0.44967587870298115</v>
      </c>
      <c r="J4510">
        <f t="shared" si="504"/>
        <v>1.4989195956766039</v>
      </c>
      <c r="K4510">
        <f t="shared" si="505"/>
        <v>2.2483793935149059</v>
      </c>
      <c r="L4510">
        <f t="shared" si="506"/>
        <v>10.792221088871548</v>
      </c>
      <c r="M4510">
        <f t="shared" si="507"/>
        <v>0</v>
      </c>
      <c r="N4510" s="46">
        <f t="shared" si="508"/>
        <v>45478.499999989144</v>
      </c>
    </row>
    <row r="4511" spans="2:14" x14ac:dyDescent="0.3">
      <c r="B4511">
        <f t="shared" si="502"/>
        <v>5</v>
      </c>
      <c r="C4511" s="16">
        <v>4477</v>
      </c>
      <c r="D4511" cm="1">
        <f t="array" ref="D4511">IFERROR(INDEX(Jesper!AH$2:AH$366,ROUNDDOWN($C4511/24,0)+1,1)*INDEX($D$3:$AA$30,INDEX(Jesper!$R$2:$R$366,ROW(INDEX(Jesper!AH$2:AH$366,ROUNDDOWN($C4511/24,0)+1,1))-1)+IF('Standard Profiles'!$G$18=$B$10,7,0)+IF('Standard Profiles'!$G$18=$B$17,14,0)+IF('Standard Profiles'!$G$18=$B$24,21,0),MOD($C4511,24)+1)/SUM(INDEX($D$3:$AA$30,INDEX(Jesper!$R$2:$R$366,ROW(INDEX(Jesper!AH$2:AH$366,ROUNDDOWN($C4511/24,0)+1,1))-1)+IF('Standard Profiles'!$G$18=$B$10,7,0)+IF('Standard Profiles'!$G$18=$B$17,14,0)+IF('Standard Profiles'!$G$18=$B$24,21,0),0)),0)</f>
        <v>14.989195956766039</v>
      </c>
      <c r="E4511" cm="1">
        <f t="array" ref="E4511">IFERROR(INDEX(Jesper!AI$2:AI$366,ROUNDDOWN($C4511/24,0)+1,1)*INDEX($D$3:$AA$30,INDEX(Jesper!$R$2:$R$366,ROW(INDEX(Jesper!AI$2:AI$366,ROUNDDOWN($C4511/24,0)+1,1))-1)+IF('Standard Profiles'!$G$19=$B$10,7,0)+IF('Standard Profiles'!$G$19=$B$17,14,0)+IF('Standard Profiles'!$G$19=$B$24,21,0),MOD($C4511,24)+1)/SUM(INDEX($D$3:$AA$30,INDEX(Jesper!$R$2:$R$366,ROW(INDEX(Jesper!AI$2:AI$366,ROUNDDOWN($C4511/24,0)+1,1))-1)+IF('Standard Profiles'!$G$19=$B$10,7,0)+IF('Standard Profiles'!$G$19=$B$17,14,0)+IF('Standard Profiles'!$G$19=$B$24,21,0),0)),0)</f>
        <v>0</v>
      </c>
      <c r="F4511" cm="1">
        <f t="array" ref="F4511">IFERROR(INDEX(Jesper!AJ$2:AJ$366,ROUNDDOWN($C4511/24,0)+1,1)*INDEX($D$3:$AA$30,INDEX(Jesper!$R$2:$R$366,ROW(INDEX(Jesper!AJ$2:AJ$366,ROUNDDOWN($C4511/24,0)+1,1))-1)+IF('Standard Profiles'!$G$20=$B$10,7,0)+IF('Standard Profiles'!$G$20=$B$17,14,0)+IF('Standard Profiles'!$G$20=$B$24,21,0),MOD($C4511,24)+1)/SUM(INDEX($D$3:$AA$30,INDEX(Jesper!$R$2:$R$366,ROW(INDEX(Jesper!AJ$2:AJ$366,ROUNDDOWN($C4511/24,0)+1,1))-1)+IF('Standard Profiles'!$G$20=$B$10,7,0)+IF('Standard Profiles'!$G$20=$B$17,14,0)+IF('Standard Profiles'!$G$20=$B$24,21,0),0)),0)</f>
        <v>0</v>
      </c>
      <c r="G4511" cm="1">
        <f t="array" ref="G4511">IFERROR(INDEX(Jesper!AK$2:AK$366,ROUNDDOWN($C4511/24,0)+1,1)*INDEX($D$3:$AA$30,INDEX(Jesper!$R$2:$R$366,ROW(INDEX(Jesper!AK$2:AK$366,ROUNDDOWN($C4511/24,0)+1,1))-1)+IF('Standard Profiles'!$G$21=$B$10,7,0)+IF('Standard Profiles'!$G$21=$B$17,14,0)+IF('Standard Profiles'!$G$21=$B$24,21,0),MOD($C4511,24)+1)/SUM(INDEX($D$3:$AA$30,INDEX(Jesper!$R$2:$R$366,ROW(INDEX(Jesper!AK$2:AK$366,ROUNDDOWN($C4511/24,0)+1,1))-1)+IF('Standard Profiles'!$G$21=$B$10,7,0)+IF('Standard Profiles'!$G$21=$B$17,14,0)+IF('Standard Profiles'!$G$21=$B$24,21,0),0)),0)</f>
        <v>0</v>
      </c>
      <c r="H4511" cm="1">
        <f t="array" ref="H4511">IFERROR(INDEX(Jesper!AL$2:AL$366,ROUNDDOWN($C4511/24,0)+1,1)*INDEX($D$3:$AA$30,INDEX(Jesper!$R$2:$R$366,ROW(INDEX(Jesper!AL$2:AL$366,ROUNDDOWN($C4511/24,0)+1,1))-1)+IF('Standard Profiles'!$G$22=$B$10,7,0)+IF('Standard Profiles'!$G$22=$B$17,14,0)+IF('Standard Profiles'!$G$22=$B$24,21,0),MOD($C4511,24)+1)/SUM(INDEX($D$3:$AA$30,INDEX(Jesper!$R$2:$R$366,ROW(INDEX(Jesper!AL$2:AL$366,ROUNDDOWN($C4511/24,0)+1,1))-1)+IF('Standard Profiles'!$G$22=$B$10,7,0)+IF('Standard Profiles'!$G$22=$B$17,14,0)+IF('Standard Profiles'!$G$22=$B$24,21,0),0)),0)</f>
        <v>0</v>
      </c>
      <c r="I4511">
        <f t="shared" si="503"/>
        <v>0.44967587870298115</v>
      </c>
      <c r="J4511">
        <f t="shared" si="504"/>
        <v>1.4989195956766039</v>
      </c>
      <c r="K4511">
        <f t="shared" si="505"/>
        <v>2.2483793935149059</v>
      </c>
      <c r="L4511">
        <f t="shared" si="506"/>
        <v>10.792221088871548</v>
      </c>
      <c r="M4511">
        <f t="shared" si="507"/>
        <v>0</v>
      </c>
      <c r="N4511" s="46">
        <f t="shared" si="508"/>
        <v>45478.541666655809</v>
      </c>
    </row>
    <row r="4512" spans="2:14" x14ac:dyDescent="0.3">
      <c r="B4512">
        <f t="shared" si="502"/>
        <v>5</v>
      </c>
      <c r="C4512" s="16">
        <v>4478</v>
      </c>
      <c r="D4512" cm="1">
        <f t="array" ref="D4512">IFERROR(INDEX(Jesper!AH$2:AH$366,ROUNDDOWN($C4512/24,0)+1,1)*INDEX($D$3:$AA$30,INDEX(Jesper!$R$2:$R$366,ROW(INDEX(Jesper!AH$2:AH$366,ROUNDDOWN($C4512/24,0)+1,1))-1)+IF('Standard Profiles'!$G$18=$B$10,7,0)+IF('Standard Profiles'!$G$18=$B$17,14,0)+IF('Standard Profiles'!$G$18=$B$24,21,0),MOD($C4512,24)+1)/SUM(INDEX($D$3:$AA$30,INDEX(Jesper!$R$2:$R$366,ROW(INDEX(Jesper!AH$2:AH$366,ROUNDDOWN($C4512/24,0)+1,1))-1)+IF('Standard Profiles'!$G$18=$B$10,7,0)+IF('Standard Profiles'!$G$18=$B$17,14,0)+IF('Standard Profiles'!$G$18=$B$24,21,0),0)),0)</f>
        <v>14.989195956766039</v>
      </c>
      <c r="E4512" cm="1">
        <f t="array" ref="E4512">IFERROR(INDEX(Jesper!AI$2:AI$366,ROUNDDOWN($C4512/24,0)+1,1)*INDEX($D$3:$AA$30,INDEX(Jesper!$R$2:$R$366,ROW(INDEX(Jesper!AI$2:AI$366,ROUNDDOWN($C4512/24,0)+1,1))-1)+IF('Standard Profiles'!$G$19=$B$10,7,0)+IF('Standard Profiles'!$G$19=$B$17,14,0)+IF('Standard Profiles'!$G$19=$B$24,21,0),MOD($C4512,24)+1)/SUM(INDEX($D$3:$AA$30,INDEX(Jesper!$R$2:$R$366,ROW(INDEX(Jesper!AI$2:AI$366,ROUNDDOWN($C4512/24,0)+1,1))-1)+IF('Standard Profiles'!$G$19=$B$10,7,0)+IF('Standard Profiles'!$G$19=$B$17,14,0)+IF('Standard Profiles'!$G$19=$B$24,21,0),0)),0)</f>
        <v>0</v>
      </c>
      <c r="F4512" cm="1">
        <f t="array" ref="F4512">IFERROR(INDEX(Jesper!AJ$2:AJ$366,ROUNDDOWN($C4512/24,0)+1,1)*INDEX($D$3:$AA$30,INDEX(Jesper!$R$2:$R$366,ROW(INDEX(Jesper!AJ$2:AJ$366,ROUNDDOWN($C4512/24,0)+1,1))-1)+IF('Standard Profiles'!$G$20=$B$10,7,0)+IF('Standard Profiles'!$G$20=$B$17,14,0)+IF('Standard Profiles'!$G$20=$B$24,21,0),MOD($C4512,24)+1)/SUM(INDEX($D$3:$AA$30,INDEX(Jesper!$R$2:$R$366,ROW(INDEX(Jesper!AJ$2:AJ$366,ROUNDDOWN($C4512/24,0)+1,1))-1)+IF('Standard Profiles'!$G$20=$B$10,7,0)+IF('Standard Profiles'!$G$20=$B$17,14,0)+IF('Standard Profiles'!$G$20=$B$24,21,0),0)),0)</f>
        <v>0</v>
      </c>
      <c r="G4512" cm="1">
        <f t="array" ref="G4512">IFERROR(INDEX(Jesper!AK$2:AK$366,ROUNDDOWN($C4512/24,0)+1,1)*INDEX($D$3:$AA$30,INDEX(Jesper!$R$2:$R$366,ROW(INDEX(Jesper!AK$2:AK$366,ROUNDDOWN($C4512/24,0)+1,1))-1)+IF('Standard Profiles'!$G$21=$B$10,7,0)+IF('Standard Profiles'!$G$21=$B$17,14,0)+IF('Standard Profiles'!$G$21=$B$24,21,0),MOD($C4512,24)+1)/SUM(INDEX($D$3:$AA$30,INDEX(Jesper!$R$2:$R$366,ROW(INDEX(Jesper!AK$2:AK$366,ROUNDDOWN($C4512/24,0)+1,1))-1)+IF('Standard Profiles'!$G$21=$B$10,7,0)+IF('Standard Profiles'!$G$21=$B$17,14,0)+IF('Standard Profiles'!$G$21=$B$24,21,0),0)),0)</f>
        <v>0</v>
      </c>
      <c r="H4512" cm="1">
        <f t="array" ref="H4512">IFERROR(INDEX(Jesper!AL$2:AL$366,ROUNDDOWN($C4512/24,0)+1,1)*INDEX($D$3:$AA$30,INDEX(Jesper!$R$2:$R$366,ROW(INDEX(Jesper!AL$2:AL$366,ROUNDDOWN($C4512/24,0)+1,1))-1)+IF('Standard Profiles'!$G$22=$B$10,7,0)+IF('Standard Profiles'!$G$22=$B$17,14,0)+IF('Standard Profiles'!$G$22=$B$24,21,0),MOD($C4512,24)+1)/SUM(INDEX($D$3:$AA$30,INDEX(Jesper!$R$2:$R$366,ROW(INDEX(Jesper!AL$2:AL$366,ROUNDDOWN($C4512/24,0)+1,1))-1)+IF('Standard Profiles'!$G$22=$B$10,7,0)+IF('Standard Profiles'!$G$22=$B$17,14,0)+IF('Standard Profiles'!$G$22=$B$24,21,0),0)),0)</f>
        <v>0</v>
      </c>
      <c r="I4512">
        <f t="shared" si="503"/>
        <v>0.44967587870298115</v>
      </c>
      <c r="J4512">
        <f t="shared" si="504"/>
        <v>1.4989195956766039</v>
      </c>
      <c r="K4512">
        <f t="shared" si="505"/>
        <v>2.2483793935149059</v>
      </c>
      <c r="L4512">
        <f t="shared" si="506"/>
        <v>10.792221088871548</v>
      </c>
      <c r="M4512">
        <f t="shared" si="507"/>
        <v>0</v>
      </c>
      <c r="N4512" s="46">
        <f t="shared" si="508"/>
        <v>45478.583333322473</v>
      </c>
    </row>
    <row r="4513" spans="2:14" x14ac:dyDescent="0.3">
      <c r="B4513">
        <f t="shared" si="502"/>
        <v>5</v>
      </c>
      <c r="C4513" s="16">
        <v>4479</v>
      </c>
      <c r="D4513" cm="1">
        <f t="array" ref="D4513">IFERROR(INDEX(Jesper!AH$2:AH$366,ROUNDDOWN($C4513/24,0)+1,1)*INDEX($D$3:$AA$30,INDEX(Jesper!$R$2:$R$366,ROW(INDEX(Jesper!AH$2:AH$366,ROUNDDOWN($C4513/24,0)+1,1))-1)+IF('Standard Profiles'!$G$18=$B$10,7,0)+IF('Standard Profiles'!$G$18=$B$17,14,0)+IF('Standard Profiles'!$G$18=$B$24,21,0),MOD($C4513,24)+1)/SUM(INDEX($D$3:$AA$30,INDEX(Jesper!$R$2:$R$366,ROW(INDEX(Jesper!AH$2:AH$366,ROUNDDOWN($C4513/24,0)+1,1))-1)+IF('Standard Profiles'!$G$18=$B$10,7,0)+IF('Standard Profiles'!$G$18=$B$17,14,0)+IF('Standard Profiles'!$G$18=$B$24,21,0),0)),0)</f>
        <v>12.490996630638367</v>
      </c>
      <c r="E4513" cm="1">
        <f t="array" ref="E4513">IFERROR(INDEX(Jesper!AI$2:AI$366,ROUNDDOWN($C4513/24,0)+1,1)*INDEX($D$3:$AA$30,INDEX(Jesper!$R$2:$R$366,ROW(INDEX(Jesper!AI$2:AI$366,ROUNDDOWN($C4513/24,0)+1,1))-1)+IF('Standard Profiles'!$G$19=$B$10,7,0)+IF('Standard Profiles'!$G$19=$B$17,14,0)+IF('Standard Profiles'!$G$19=$B$24,21,0),MOD($C4513,24)+1)/SUM(INDEX($D$3:$AA$30,INDEX(Jesper!$R$2:$R$366,ROW(INDEX(Jesper!AI$2:AI$366,ROUNDDOWN($C4513/24,0)+1,1))-1)+IF('Standard Profiles'!$G$19=$B$10,7,0)+IF('Standard Profiles'!$G$19=$B$17,14,0)+IF('Standard Profiles'!$G$19=$B$24,21,0),0)),0)</f>
        <v>0</v>
      </c>
      <c r="F4513" cm="1">
        <f t="array" ref="F4513">IFERROR(INDEX(Jesper!AJ$2:AJ$366,ROUNDDOWN($C4513/24,0)+1,1)*INDEX($D$3:$AA$30,INDEX(Jesper!$R$2:$R$366,ROW(INDEX(Jesper!AJ$2:AJ$366,ROUNDDOWN($C4513/24,0)+1,1))-1)+IF('Standard Profiles'!$G$20=$B$10,7,0)+IF('Standard Profiles'!$G$20=$B$17,14,0)+IF('Standard Profiles'!$G$20=$B$24,21,0),MOD($C4513,24)+1)/SUM(INDEX($D$3:$AA$30,INDEX(Jesper!$R$2:$R$366,ROW(INDEX(Jesper!AJ$2:AJ$366,ROUNDDOWN($C4513/24,0)+1,1))-1)+IF('Standard Profiles'!$G$20=$B$10,7,0)+IF('Standard Profiles'!$G$20=$B$17,14,0)+IF('Standard Profiles'!$G$20=$B$24,21,0),0)),0)</f>
        <v>0</v>
      </c>
      <c r="G4513" cm="1">
        <f t="array" ref="G4513">IFERROR(INDEX(Jesper!AK$2:AK$366,ROUNDDOWN($C4513/24,0)+1,1)*INDEX($D$3:$AA$30,INDEX(Jesper!$R$2:$R$366,ROW(INDEX(Jesper!AK$2:AK$366,ROUNDDOWN($C4513/24,0)+1,1))-1)+IF('Standard Profiles'!$G$21=$B$10,7,0)+IF('Standard Profiles'!$G$21=$B$17,14,0)+IF('Standard Profiles'!$G$21=$B$24,21,0),MOD($C4513,24)+1)/SUM(INDEX($D$3:$AA$30,INDEX(Jesper!$R$2:$R$366,ROW(INDEX(Jesper!AK$2:AK$366,ROUNDDOWN($C4513/24,0)+1,1))-1)+IF('Standard Profiles'!$G$21=$B$10,7,0)+IF('Standard Profiles'!$G$21=$B$17,14,0)+IF('Standard Profiles'!$G$21=$B$24,21,0),0)),0)</f>
        <v>0</v>
      </c>
      <c r="H4513" cm="1">
        <f t="array" ref="H4513">IFERROR(INDEX(Jesper!AL$2:AL$366,ROUNDDOWN($C4513/24,0)+1,1)*INDEX($D$3:$AA$30,INDEX(Jesper!$R$2:$R$366,ROW(INDEX(Jesper!AL$2:AL$366,ROUNDDOWN($C4513/24,0)+1,1))-1)+IF('Standard Profiles'!$G$22=$B$10,7,0)+IF('Standard Profiles'!$G$22=$B$17,14,0)+IF('Standard Profiles'!$G$22=$B$24,21,0),MOD($C4513,24)+1)/SUM(INDEX($D$3:$AA$30,INDEX(Jesper!$R$2:$R$366,ROW(INDEX(Jesper!AL$2:AL$366,ROUNDDOWN($C4513/24,0)+1,1))-1)+IF('Standard Profiles'!$G$22=$B$10,7,0)+IF('Standard Profiles'!$G$22=$B$17,14,0)+IF('Standard Profiles'!$G$22=$B$24,21,0),0)),0)</f>
        <v>0</v>
      </c>
      <c r="I4513">
        <f t="shared" si="503"/>
        <v>0.37472989891915098</v>
      </c>
      <c r="J4513">
        <f t="shared" si="504"/>
        <v>1.2490996630638369</v>
      </c>
      <c r="K4513">
        <f t="shared" si="505"/>
        <v>1.8736494945957549</v>
      </c>
      <c r="L4513">
        <f t="shared" si="506"/>
        <v>8.9935175740596236</v>
      </c>
      <c r="M4513">
        <f t="shared" si="507"/>
        <v>0</v>
      </c>
      <c r="N4513" s="46">
        <f t="shared" si="508"/>
        <v>45478.624999989137</v>
      </c>
    </row>
    <row r="4514" spans="2:14" x14ac:dyDescent="0.3">
      <c r="B4514">
        <f t="shared" si="502"/>
        <v>5</v>
      </c>
      <c r="C4514" s="16">
        <v>4480</v>
      </c>
      <c r="D4514" cm="1">
        <f t="array" ref="D4514">IFERROR(INDEX(Jesper!AH$2:AH$366,ROUNDDOWN($C4514/24,0)+1,1)*INDEX($D$3:$AA$30,INDEX(Jesper!$R$2:$R$366,ROW(INDEX(Jesper!AH$2:AH$366,ROUNDDOWN($C4514/24,0)+1,1))-1)+IF('Standard Profiles'!$G$18=$B$10,7,0)+IF('Standard Profiles'!$G$18=$B$17,14,0)+IF('Standard Profiles'!$G$18=$B$24,21,0),MOD($C4514,24)+1)/SUM(INDEX($D$3:$AA$30,INDEX(Jesper!$R$2:$R$366,ROW(INDEX(Jesper!AH$2:AH$366,ROUNDDOWN($C4514/24,0)+1,1))-1)+IF('Standard Profiles'!$G$18=$B$10,7,0)+IF('Standard Profiles'!$G$18=$B$17,14,0)+IF('Standard Profiles'!$G$18=$B$24,21,0),0)),0)</f>
        <v>11.824810143670989</v>
      </c>
      <c r="E4514" cm="1">
        <f t="array" ref="E4514">IFERROR(INDEX(Jesper!AI$2:AI$366,ROUNDDOWN($C4514/24,0)+1,1)*INDEX($D$3:$AA$30,INDEX(Jesper!$R$2:$R$366,ROW(INDEX(Jesper!AI$2:AI$366,ROUNDDOWN($C4514/24,0)+1,1))-1)+IF('Standard Profiles'!$G$19=$B$10,7,0)+IF('Standard Profiles'!$G$19=$B$17,14,0)+IF('Standard Profiles'!$G$19=$B$24,21,0),MOD($C4514,24)+1)/SUM(INDEX($D$3:$AA$30,INDEX(Jesper!$R$2:$R$366,ROW(INDEX(Jesper!AI$2:AI$366,ROUNDDOWN($C4514/24,0)+1,1))-1)+IF('Standard Profiles'!$G$19=$B$10,7,0)+IF('Standard Profiles'!$G$19=$B$17,14,0)+IF('Standard Profiles'!$G$19=$B$24,21,0),0)),0)</f>
        <v>0</v>
      </c>
      <c r="F4514" cm="1">
        <f t="array" ref="F4514">IFERROR(INDEX(Jesper!AJ$2:AJ$366,ROUNDDOWN($C4514/24,0)+1,1)*INDEX($D$3:$AA$30,INDEX(Jesper!$R$2:$R$366,ROW(INDEX(Jesper!AJ$2:AJ$366,ROUNDDOWN($C4514/24,0)+1,1))-1)+IF('Standard Profiles'!$G$20=$B$10,7,0)+IF('Standard Profiles'!$G$20=$B$17,14,0)+IF('Standard Profiles'!$G$20=$B$24,21,0),MOD($C4514,24)+1)/SUM(INDEX($D$3:$AA$30,INDEX(Jesper!$R$2:$R$366,ROW(INDEX(Jesper!AJ$2:AJ$366,ROUNDDOWN($C4514/24,0)+1,1))-1)+IF('Standard Profiles'!$G$20=$B$10,7,0)+IF('Standard Profiles'!$G$20=$B$17,14,0)+IF('Standard Profiles'!$G$20=$B$24,21,0),0)),0)</f>
        <v>0</v>
      </c>
      <c r="G4514" cm="1">
        <f t="array" ref="G4514">IFERROR(INDEX(Jesper!AK$2:AK$366,ROUNDDOWN($C4514/24,0)+1,1)*INDEX($D$3:$AA$30,INDEX(Jesper!$R$2:$R$366,ROW(INDEX(Jesper!AK$2:AK$366,ROUNDDOWN($C4514/24,0)+1,1))-1)+IF('Standard Profiles'!$G$21=$B$10,7,0)+IF('Standard Profiles'!$G$21=$B$17,14,0)+IF('Standard Profiles'!$G$21=$B$24,21,0),MOD($C4514,24)+1)/SUM(INDEX($D$3:$AA$30,INDEX(Jesper!$R$2:$R$366,ROW(INDEX(Jesper!AK$2:AK$366,ROUNDDOWN($C4514/24,0)+1,1))-1)+IF('Standard Profiles'!$G$21=$B$10,7,0)+IF('Standard Profiles'!$G$21=$B$17,14,0)+IF('Standard Profiles'!$G$21=$B$24,21,0),0)),0)</f>
        <v>0</v>
      </c>
      <c r="H4514" cm="1">
        <f t="array" ref="H4514">IFERROR(INDEX(Jesper!AL$2:AL$366,ROUNDDOWN($C4514/24,0)+1,1)*INDEX($D$3:$AA$30,INDEX(Jesper!$R$2:$R$366,ROW(INDEX(Jesper!AL$2:AL$366,ROUNDDOWN($C4514/24,0)+1,1))-1)+IF('Standard Profiles'!$G$22=$B$10,7,0)+IF('Standard Profiles'!$G$22=$B$17,14,0)+IF('Standard Profiles'!$G$22=$B$24,21,0),MOD($C4514,24)+1)/SUM(INDEX($D$3:$AA$30,INDEX(Jesper!$R$2:$R$366,ROW(INDEX(Jesper!AL$2:AL$366,ROUNDDOWN($C4514/24,0)+1,1))-1)+IF('Standard Profiles'!$G$22=$B$10,7,0)+IF('Standard Profiles'!$G$22=$B$17,14,0)+IF('Standard Profiles'!$G$22=$B$24,21,0),0)),0)</f>
        <v>0</v>
      </c>
      <c r="I4514">
        <f t="shared" si="503"/>
        <v>0.35474430431012965</v>
      </c>
      <c r="J4514">
        <f t="shared" si="504"/>
        <v>1.182481014367099</v>
      </c>
      <c r="K4514">
        <f t="shared" si="505"/>
        <v>1.7737215215506483</v>
      </c>
      <c r="L4514">
        <f t="shared" si="506"/>
        <v>8.5138633034431113</v>
      </c>
      <c r="M4514">
        <f t="shared" si="507"/>
        <v>0</v>
      </c>
      <c r="N4514" s="46">
        <f t="shared" si="508"/>
        <v>45478.666666655801</v>
      </c>
    </row>
    <row r="4515" spans="2:14" x14ac:dyDescent="0.3">
      <c r="B4515">
        <f t="shared" ref="B4515:B4578" si="509">WEEKDAY(N4515,2)</f>
        <v>5</v>
      </c>
      <c r="C4515" s="16">
        <v>4481</v>
      </c>
      <c r="D4515" cm="1">
        <f t="array" ref="D4515">IFERROR(INDEX(Jesper!AH$2:AH$366,ROUNDDOWN($C4515/24,0)+1,1)*INDEX($D$3:$AA$30,INDEX(Jesper!$R$2:$R$366,ROW(INDEX(Jesper!AH$2:AH$366,ROUNDDOWN($C4515/24,0)+1,1))-1)+IF('Standard Profiles'!$G$18=$B$10,7,0)+IF('Standard Profiles'!$G$18=$B$17,14,0)+IF('Standard Profiles'!$G$18=$B$24,21,0),MOD($C4515,24)+1)/SUM(INDEX($D$3:$AA$30,INDEX(Jesper!$R$2:$R$366,ROW(INDEX(Jesper!AH$2:AH$366,ROUNDDOWN($C4515/24,0)+1,1))-1)+IF('Standard Profiles'!$G$18=$B$10,7,0)+IF('Standard Profiles'!$G$18=$B$17,14,0)+IF('Standard Profiles'!$G$18=$B$24,21,0),0)),0)</f>
        <v>11.824810143670989</v>
      </c>
      <c r="E4515" cm="1">
        <f t="array" ref="E4515">IFERROR(INDEX(Jesper!AI$2:AI$366,ROUNDDOWN($C4515/24,0)+1,1)*INDEX($D$3:$AA$30,INDEX(Jesper!$R$2:$R$366,ROW(INDEX(Jesper!AI$2:AI$366,ROUNDDOWN($C4515/24,0)+1,1))-1)+IF('Standard Profiles'!$G$19=$B$10,7,0)+IF('Standard Profiles'!$G$19=$B$17,14,0)+IF('Standard Profiles'!$G$19=$B$24,21,0),MOD($C4515,24)+1)/SUM(INDEX($D$3:$AA$30,INDEX(Jesper!$R$2:$R$366,ROW(INDEX(Jesper!AI$2:AI$366,ROUNDDOWN($C4515/24,0)+1,1))-1)+IF('Standard Profiles'!$G$19=$B$10,7,0)+IF('Standard Profiles'!$G$19=$B$17,14,0)+IF('Standard Profiles'!$G$19=$B$24,21,0),0)),0)</f>
        <v>0</v>
      </c>
      <c r="F4515" cm="1">
        <f t="array" ref="F4515">IFERROR(INDEX(Jesper!AJ$2:AJ$366,ROUNDDOWN($C4515/24,0)+1,1)*INDEX($D$3:$AA$30,INDEX(Jesper!$R$2:$R$366,ROW(INDEX(Jesper!AJ$2:AJ$366,ROUNDDOWN($C4515/24,0)+1,1))-1)+IF('Standard Profiles'!$G$20=$B$10,7,0)+IF('Standard Profiles'!$G$20=$B$17,14,0)+IF('Standard Profiles'!$G$20=$B$24,21,0),MOD($C4515,24)+1)/SUM(INDEX($D$3:$AA$30,INDEX(Jesper!$R$2:$R$366,ROW(INDEX(Jesper!AJ$2:AJ$366,ROUNDDOWN($C4515/24,0)+1,1))-1)+IF('Standard Profiles'!$G$20=$B$10,7,0)+IF('Standard Profiles'!$G$20=$B$17,14,0)+IF('Standard Profiles'!$G$20=$B$24,21,0),0)),0)</f>
        <v>0</v>
      </c>
      <c r="G4515" cm="1">
        <f t="array" ref="G4515">IFERROR(INDEX(Jesper!AK$2:AK$366,ROUNDDOWN($C4515/24,0)+1,1)*INDEX($D$3:$AA$30,INDEX(Jesper!$R$2:$R$366,ROW(INDEX(Jesper!AK$2:AK$366,ROUNDDOWN($C4515/24,0)+1,1))-1)+IF('Standard Profiles'!$G$21=$B$10,7,0)+IF('Standard Profiles'!$G$21=$B$17,14,0)+IF('Standard Profiles'!$G$21=$B$24,21,0),MOD($C4515,24)+1)/SUM(INDEX($D$3:$AA$30,INDEX(Jesper!$R$2:$R$366,ROW(INDEX(Jesper!AK$2:AK$366,ROUNDDOWN($C4515/24,0)+1,1))-1)+IF('Standard Profiles'!$G$21=$B$10,7,0)+IF('Standard Profiles'!$G$21=$B$17,14,0)+IF('Standard Profiles'!$G$21=$B$24,21,0),0)),0)</f>
        <v>0</v>
      </c>
      <c r="H4515" cm="1">
        <f t="array" ref="H4515">IFERROR(INDEX(Jesper!AL$2:AL$366,ROUNDDOWN($C4515/24,0)+1,1)*INDEX($D$3:$AA$30,INDEX(Jesper!$R$2:$R$366,ROW(INDEX(Jesper!AL$2:AL$366,ROUNDDOWN($C4515/24,0)+1,1))-1)+IF('Standard Profiles'!$G$22=$B$10,7,0)+IF('Standard Profiles'!$G$22=$B$17,14,0)+IF('Standard Profiles'!$G$22=$B$24,21,0),MOD($C4515,24)+1)/SUM(INDEX($D$3:$AA$30,INDEX(Jesper!$R$2:$R$366,ROW(INDEX(Jesper!AL$2:AL$366,ROUNDDOWN($C4515/24,0)+1,1))-1)+IF('Standard Profiles'!$G$22=$B$10,7,0)+IF('Standard Profiles'!$G$22=$B$17,14,0)+IF('Standard Profiles'!$G$22=$B$24,21,0),0)),0)</f>
        <v>0</v>
      </c>
      <c r="I4515">
        <f t="shared" ref="I4515:I4578" si="510">IF($B4515&lt;6,AC$37*$D4515+AC$38*$E4515+AC$39*$F4515+AC$40*$G4515,AC$46*$D4515+AC$47*$E4515+AC$48*$F4515+AC$49*$G4515+AC$50*$H4515)</f>
        <v>0.35474430431012965</v>
      </c>
      <c r="J4515">
        <f t="shared" ref="J4515:J4578" si="511">IF($B4515&lt;6,AD$37*$D4515+AD$38*$E4515+AD$39*$F4515+AD$40*$G4515,AD$46*$D4515+AD$47*$E4515+AD$48*$F4515+AD$49*$G4515+AD$50*$H4515)</f>
        <v>1.182481014367099</v>
      </c>
      <c r="K4515">
        <f t="shared" ref="K4515:K4578" si="512">IF($B4515&lt;6,AE$37*$D4515+AE$38*$E4515+AE$39*$F4515+AE$40*$G4515,AE$46*$D4515+AE$47*$E4515+AE$48*$F4515+AE$49*$G4515+AE$50*$H4515)</f>
        <v>1.7737215215506483</v>
      </c>
      <c r="L4515">
        <f t="shared" ref="L4515:L4578" si="513">IF($B4515&lt;6,AF$37*$D4515+AF$38*$E4515+AF$39*$F4515+AF$40*$G4515,AF$46*$D4515+AF$47*$E4515+AF$48*$F4515+AF$49*$G4515+AF$50*$H4515)</f>
        <v>8.5138633034431113</v>
      </c>
      <c r="M4515">
        <f t="shared" ref="M4515:M4578" si="514">IF($B4515&lt;6,AG$37*$D4515+AG$38*$E4515+AG$39*$F4515+AG$40*$G4515,AG$46*$D4515+AG$47*$E4515+AG$48*$F4515+AG$49*$G4515+AG$50*$H4515)</f>
        <v>0</v>
      </c>
      <c r="N4515" s="46">
        <f t="shared" si="508"/>
        <v>45478.708333322465</v>
      </c>
    </row>
    <row r="4516" spans="2:14" x14ac:dyDescent="0.3">
      <c r="B4516">
        <f t="shared" si="509"/>
        <v>5</v>
      </c>
      <c r="C4516" s="16">
        <v>4482</v>
      </c>
      <c r="D4516" cm="1">
        <f t="array" ref="D4516">IFERROR(INDEX(Jesper!AH$2:AH$366,ROUNDDOWN($C4516/24,0)+1,1)*INDEX($D$3:$AA$30,INDEX(Jesper!$R$2:$R$366,ROW(INDEX(Jesper!AH$2:AH$366,ROUNDDOWN($C4516/24,0)+1,1))-1)+IF('Standard Profiles'!$G$18=$B$10,7,0)+IF('Standard Profiles'!$G$18=$B$17,14,0)+IF('Standard Profiles'!$G$18=$B$24,21,0),MOD($C4516,24)+1)/SUM(INDEX($D$3:$AA$30,INDEX(Jesper!$R$2:$R$366,ROW(INDEX(Jesper!AH$2:AH$366,ROUNDDOWN($C4516/24,0)+1,1))-1)+IF('Standard Profiles'!$G$18=$B$10,7,0)+IF('Standard Profiles'!$G$18=$B$17,14,0)+IF('Standard Profiles'!$G$18=$B$24,21,0),0)),0)</f>
        <v>11.824810143670989</v>
      </c>
      <c r="E4516" cm="1">
        <f t="array" ref="E4516">IFERROR(INDEX(Jesper!AI$2:AI$366,ROUNDDOWN($C4516/24,0)+1,1)*INDEX($D$3:$AA$30,INDEX(Jesper!$R$2:$R$366,ROW(INDEX(Jesper!AI$2:AI$366,ROUNDDOWN($C4516/24,0)+1,1))-1)+IF('Standard Profiles'!$G$19=$B$10,7,0)+IF('Standard Profiles'!$G$19=$B$17,14,0)+IF('Standard Profiles'!$G$19=$B$24,21,0),MOD($C4516,24)+1)/SUM(INDEX($D$3:$AA$30,INDEX(Jesper!$R$2:$R$366,ROW(INDEX(Jesper!AI$2:AI$366,ROUNDDOWN($C4516/24,0)+1,1))-1)+IF('Standard Profiles'!$G$19=$B$10,7,0)+IF('Standard Profiles'!$G$19=$B$17,14,0)+IF('Standard Profiles'!$G$19=$B$24,21,0),0)),0)</f>
        <v>0</v>
      </c>
      <c r="F4516" cm="1">
        <f t="array" ref="F4516">IFERROR(INDEX(Jesper!AJ$2:AJ$366,ROUNDDOWN($C4516/24,0)+1,1)*INDEX($D$3:$AA$30,INDEX(Jesper!$R$2:$R$366,ROW(INDEX(Jesper!AJ$2:AJ$366,ROUNDDOWN($C4516/24,0)+1,1))-1)+IF('Standard Profiles'!$G$20=$B$10,7,0)+IF('Standard Profiles'!$G$20=$B$17,14,0)+IF('Standard Profiles'!$G$20=$B$24,21,0),MOD($C4516,24)+1)/SUM(INDEX($D$3:$AA$30,INDEX(Jesper!$R$2:$R$366,ROW(INDEX(Jesper!AJ$2:AJ$366,ROUNDDOWN($C4516/24,0)+1,1))-1)+IF('Standard Profiles'!$G$20=$B$10,7,0)+IF('Standard Profiles'!$G$20=$B$17,14,0)+IF('Standard Profiles'!$G$20=$B$24,21,0),0)),0)</f>
        <v>0</v>
      </c>
      <c r="G4516" cm="1">
        <f t="array" ref="G4516">IFERROR(INDEX(Jesper!AK$2:AK$366,ROUNDDOWN($C4516/24,0)+1,1)*INDEX($D$3:$AA$30,INDEX(Jesper!$R$2:$R$366,ROW(INDEX(Jesper!AK$2:AK$366,ROUNDDOWN($C4516/24,0)+1,1))-1)+IF('Standard Profiles'!$G$21=$B$10,7,0)+IF('Standard Profiles'!$G$21=$B$17,14,0)+IF('Standard Profiles'!$G$21=$B$24,21,0),MOD($C4516,24)+1)/SUM(INDEX($D$3:$AA$30,INDEX(Jesper!$R$2:$R$366,ROW(INDEX(Jesper!AK$2:AK$366,ROUNDDOWN($C4516/24,0)+1,1))-1)+IF('Standard Profiles'!$G$21=$B$10,7,0)+IF('Standard Profiles'!$G$21=$B$17,14,0)+IF('Standard Profiles'!$G$21=$B$24,21,0),0)),0)</f>
        <v>0</v>
      </c>
      <c r="H4516" cm="1">
        <f t="array" ref="H4516">IFERROR(INDEX(Jesper!AL$2:AL$366,ROUNDDOWN($C4516/24,0)+1,1)*INDEX($D$3:$AA$30,INDEX(Jesper!$R$2:$R$366,ROW(INDEX(Jesper!AL$2:AL$366,ROUNDDOWN($C4516/24,0)+1,1))-1)+IF('Standard Profiles'!$G$22=$B$10,7,0)+IF('Standard Profiles'!$G$22=$B$17,14,0)+IF('Standard Profiles'!$G$22=$B$24,21,0),MOD($C4516,24)+1)/SUM(INDEX($D$3:$AA$30,INDEX(Jesper!$R$2:$R$366,ROW(INDEX(Jesper!AL$2:AL$366,ROUNDDOWN($C4516/24,0)+1,1))-1)+IF('Standard Profiles'!$G$22=$B$10,7,0)+IF('Standard Profiles'!$G$22=$B$17,14,0)+IF('Standard Profiles'!$G$22=$B$24,21,0),0)),0)</f>
        <v>0</v>
      </c>
      <c r="I4516">
        <f t="shared" si="510"/>
        <v>0.35474430431012965</v>
      </c>
      <c r="J4516">
        <f t="shared" si="511"/>
        <v>1.182481014367099</v>
      </c>
      <c r="K4516">
        <f t="shared" si="512"/>
        <v>1.7737215215506483</v>
      </c>
      <c r="L4516">
        <f t="shared" si="513"/>
        <v>8.5138633034431113</v>
      </c>
      <c r="M4516">
        <f t="shared" si="514"/>
        <v>0</v>
      </c>
      <c r="N4516" s="46">
        <f t="shared" ref="N4516:N4579" si="515">N4515+1/24</f>
        <v>45478.74999998913</v>
      </c>
    </row>
    <row r="4517" spans="2:14" x14ac:dyDescent="0.3">
      <c r="B4517">
        <f t="shared" si="509"/>
        <v>5</v>
      </c>
      <c r="C4517" s="16">
        <v>4483</v>
      </c>
      <c r="D4517" cm="1">
        <f t="array" ref="D4517">IFERROR(INDEX(Jesper!AH$2:AH$366,ROUNDDOWN($C4517/24,0)+1,1)*INDEX($D$3:$AA$30,INDEX(Jesper!$R$2:$R$366,ROW(INDEX(Jesper!AH$2:AH$366,ROUNDDOWN($C4517/24,0)+1,1))-1)+IF('Standard Profiles'!$G$18=$B$10,7,0)+IF('Standard Profiles'!$G$18=$B$17,14,0)+IF('Standard Profiles'!$G$18=$B$24,21,0),MOD($C4517,24)+1)/SUM(INDEX($D$3:$AA$30,INDEX(Jesper!$R$2:$R$366,ROW(INDEX(Jesper!AH$2:AH$366,ROUNDDOWN($C4517/24,0)+1,1))-1)+IF('Standard Profiles'!$G$18=$B$10,7,0)+IF('Standard Profiles'!$G$18=$B$17,14,0)+IF('Standard Profiles'!$G$18=$B$24,21,0),0)),0)</f>
        <v>11.824810143670989</v>
      </c>
      <c r="E4517" cm="1">
        <f t="array" ref="E4517">IFERROR(INDEX(Jesper!AI$2:AI$366,ROUNDDOWN($C4517/24,0)+1,1)*INDEX($D$3:$AA$30,INDEX(Jesper!$R$2:$R$366,ROW(INDEX(Jesper!AI$2:AI$366,ROUNDDOWN($C4517/24,0)+1,1))-1)+IF('Standard Profiles'!$G$19=$B$10,7,0)+IF('Standard Profiles'!$G$19=$B$17,14,0)+IF('Standard Profiles'!$G$19=$B$24,21,0),MOD($C4517,24)+1)/SUM(INDEX($D$3:$AA$30,INDEX(Jesper!$R$2:$R$366,ROW(INDEX(Jesper!AI$2:AI$366,ROUNDDOWN($C4517/24,0)+1,1))-1)+IF('Standard Profiles'!$G$19=$B$10,7,0)+IF('Standard Profiles'!$G$19=$B$17,14,0)+IF('Standard Profiles'!$G$19=$B$24,21,0),0)),0)</f>
        <v>0</v>
      </c>
      <c r="F4517" cm="1">
        <f t="array" ref="F4517">IFERROR(INDEX(Jesper!AJ$2:AJ$366,ROUNDDOWN($C4517/24,0)+1,1)*INDEX($D$3:$AA$30,INDEX(Jesper!$R$2:$R$366,ROW(INDEX(Jesper!AJ$2:AJ$366,ROUNDDOWN($C4517/24,0)+1,1))-1)+IF('Standard Profiles'!$G$20=$B$10,7,0)+IF('Standard Profiles'!$G$20=$B$17,14,0)+IF('Standard Profiles'!$G$20=$B$24,21,0),MOD($C4517,24)+1)/SUM(INDEX($D$3:$AA$30,INDEX(Jesper!$R$2:$R$366,ROW(INDEX(Jesper!AJ$2:AJ$366,ROUNDDOWN($C4517/24,0)+1,1))-1)+IF('Standard Profiles'!$G$20=$B$10,7,0)+IF('Standard Profiles'!$G$20=$B$17,14,0)+IF('Standard Profiles'!$G$20=$B$24,21,0),0)),0)</f>
        <v>0</v>
      </c>
      <c r="G4517" cm="1">
        <f t="array" ref="G4517">IFERROR(INDEX(Jesper!AK$2:AK$366,ROUNDDOWN($C4517/24,0)+1,1)*INDEX($D$3:$AA$30,INDEX(Jesper!$R$2:$R$366,ROW(INDEX(Jesper!AK$2:AK$366,ROUNDDOWN($C4517/24,0)+1,1))-1)+IF('Standard Profiles'!$G$21=$B$10,7,0)+IF('Standard Profiles'!$G$21=$B$17,14,0)+IF('Standard Profiles'!$G$21=$B$24,21,0),MOD($C4517,24)+1)/SUM(INDEX($D$3:$AA$30,INDEX(Jesper!$R$2:$R$366,ROW(INDEX(Jesper!AK$2:AK$366,ROUNDDOWN($C4517/24,0)+1,1))-1)+IF('Standard Profiles'!$G$21=$B$10,7,0)+IF('Standard Profiles'!$G$21=$B$17,14,0)+IF('Standard Profiles'!$G$21=$B$24,21,0),0)),0)</f>
        <v>0</v>
      </c>
      <c r="H4517" cm="1">
        <f t="array" ref="H4517">IFERROR(INDEX(Jesper!AL$2:AL$366,ROUNDDOWN($C4517/24,0)+1,1)*INDEX($D$3:$AA$30,INDEX(Jesper!$R$2:$R$366,ROW(INDEX(Jesper!AL$2:AL$366,ROUNDDOWN($C4517/24,0)+1,1))-1)+IF('Standard Profiles'!$G$22=$B$10,7,0)+IF('Standard Profiles'!$G$22=$B$17,14,0)+IF('Standard Profiles'!$G$22=$B$24,21,0),MOD($C4517,24)+1)/SUM(INDEX($D$3:$AA$30,INDEX(Jesper!$R$2:$R$366,ROW(INDEX(Jesper!AL$2:AL$366,ROUNDDOWN($C4517/24,0)+1,1))-1)+IF('Standard Profiles'!$G$22=$B$10,7,0)+IF('Standard Profiles'!$G$22=$B$17,14,0)+IF('Standard Profiles'!$G$22=$B$24,21,0),0)),0)</f>
        <v>0</v>
      </c>
      <c r="I4517">
        <f t="shared" si="510"/>
        <v>0.35474430431012965</v>
      </c>
      <c r="J4517">
        <f t="shared" si="511"/>
        <v>1.182481014367099</v>
      </c>
      <c r="K4517">
        <f t="shared" si="512"/>
        <v>1.7737215215506483</v>
      </c>
      <c r="L4517">
        <f t="shared" si="513"/>
        <v>8.5138633034431113</v>
      </c>
      <c r="M4517">
        <f t="shared" si="514"/>
        <v>0</v>
      </c>
      <c r="N4517" s="46">
        <f t="shared" si="515"/>
        <v>45478.791666655794</v>
      </c>
    </row>
    <row r="4518" spans="2:14" x14ac:dyDescent="0.3">
      <c r="B4518">
        <f t="shared" si="509"/>
        <v>5</v>
      </c>
      <c r="C4518" s="16">
        <v>4484</v>
      </c>
      <c r="D4518" cm="1">
        <f t="array" ref="D4518">IFERROR(INDEX(Jesper!AH$2:AH$366,ROUNDDOWN($C4518/24,0)+1,1)*INDEX($D$3:$AA$30,INDEX(Jesper!$R$2:$R$366,ROW(INDEX(Jesper!AH$2:AH$366,ROUNDDOWN($C4518/24,0)+1,1))-1)+IF('Standard Profiles'!$G$18=$B$10,7,0)+IF('Standard Profiles'!$G$18=$B$17,14,0)+IF('Standard Profiles'!$G$18=$B$24,21,0),MOD($C4518,24)+1)/SUM(INDEX($D$3:$AA$30,INDEX(Jesper!$R$2:$R$366,ROW(INDEX(Jesper!AH$2:AH$366,ROUNDDOWN($C4518/24,0)+1,1))-1)+IF('Standard Profiles'!$G$18=$B$10,7,0)+IF('Standard Profiles'!$G$18=$B$17,14,0)+IF('Standard Profiles'!$G$18=$B$24,21,0),0)),0)</f>
        <v>9.1600641958014677</v>
      </c>
      <c r="E4518" cm="1">
        <f t="array" ref="E4518">IFERROR(INDEX(Jesper!AI$2:AI$366,ROUNDDOWN($C4518/24,0)+1,1)*INDEX($D$3:$AA$30,INDEX(Jesper!$R$2:$R$366,ROW(INDEX(Jesper!AI$2:AI$366,ROUNDDOWN($C4518/24,0)+1,1))-1)+IF('Standard Profiles'!$G$19=$B$10,7,0)+IF('Standard Profiles'!$G$19=$B$17,14,0)+IF('Standard Profiles'!$G$19=$B$24,21,0),MOD($C4518,24)+1)/SUM(INDEX($D$3:$AA$30,INDEX(Jesper!$R$2:$R$366,ROW(INDEX(Jesper!AI$2:AI$366,ROUNDDOWN($C4518/24,0)+1,1))-1)+IF('Standard Profiles'!$G$19=$B$10,7,0)+IF('Standard Profiles'!$G$19=$B$17,14,0)+IF('Standard Profiles'!$G$19=$B$24,21,0),0)),0)</f>
        <v>0</v>
      </c>
      <c r="F4518" cm="1">
        <f t="array" ref="F4518">IFERROR(INDEX(Jesper!AJ$2:AJ$366,ROUNDDOWN($C4518/24,0)+1,1)*INDEX($D$3:$AA$30,INDEX(Jesper!$R$2:$R$366,ROW(INDEX(Jesper!AJ$2:AJ$366,ROUNDDOWN($C4518/24,0)+1,1))-1)+IF('Standard Profiles'!$G$20=$B$10,7,0)+IF('Standard Profiles'!$G$20=$B$17,14,0)+IF('Standard Profiles'!$G$20=$B$24,21,0),MOD($C4518,24)+1)/SUM(INDEX($D$3:$AA$30,INDEX(Jesper!$R$2:$R$366,ROW(INDEX(Jesper!AJ$2:AJ$366,ROUNDDOWN($C4518/24,0)+1,1))-1)+IF('Standard Profiles'!$G$20=$B$10,7,0)+IF('Standard Profiles'!$G$20=$B$17,14,0)+IF('Standard Profiles'!$G$20=$B$24,21,0),0)),0)</f>
        <v>0</v>
      </c>
      <c r="G4518" cm="1">
        <f t="array" ref="G4518">IFERROR(INDEX(Jesper!AK$2:AK$366,ROUNDDOWN($C4518/24,0)+1,1)*INDEX($D$3:$AA$30,INDEX(Jesper!$R$2:$R$366,ROW(INDEX(Jesper!AK$2:AK$366,ROUNDDOWN($C4518/24,0)+1,1))-1)+IF('Standard Profiles'!$G$21=$B$10,7,0)+IF('Standard Profiles'!$G$21=$B$17,14,0)+IF('Standard Profiles'!$G$21=$B$24,21,0),MOD($C4518,24)+1)/SUM(INDEX($D$3:$AA$30,INDEX(Jesper!$R$2:$R$366,ROW(INDEX(Jesper!AK$2:AK$366,ROUNDDOWN($C4518/24,0)+1,1))-1)+IF('Standard Profiles'!$G$21=$B$10,7,0)+IF('Standard Profiles'!$G$21=$B$17,14,0)+IF('Standard Profiles'!$G$21=$B$24,21,0),0)),0)</f>
        <v>0</v>
      </c>
      <c r="H4518" cm="1">
        <f t="array" ref="H4518">IFERROR(INDEX(Jesper!AL$2:AL$366,ROUNDDOWN($C4518/24,0)+1,1)*INDEX($D$3:$AA$30,INDEX(Jesper!$R$2:$R$366,ROW(INDEX(Jesper!AL$2:AL$366,ROUNDDOWN($C4518/24,0)+1,1))-1)+IF('Standard Profiles'!$G$22=$B$10,7,0)+IF('Standard Profiles'!$G$22=$B$17,14,0)+IF('Standard Profiles'!$G$22=$B$24,21,0),MOD($C4518,24)+1)/SUM(INDEX($D$3:$AA$30,INDEX(Jesper!$R$2:$R$366,ROW(INDEX(Jesper!AL$2:AL$366,ROUNDDOWN($C4518/24,0)+1,1))-1)+IF('Standard Profiles'!$G$22=$B$10,7,0)+IF('Standard Profiles'!$G$22=$B$17,14,0)+IF('Standard Profiles'!$G$22=$B$24,21,0),0)),0)</f>
        <v>0</v>
      </c>
      <c r="I4518">
        <f t="shared" si="510"/>
        <v>0.27480192587404401</v>
      </c>
      <c r="J4518">
        <f t="shared" si="511"/>
        <v>0.91600641958014684</v>
      </c>
      <c r="K4518">
        <f t="shared" si="512"/>
        <v>1.3740096293702202</v>
      </c>
      <c r="L4518">
        <f t="shared" si="513"/>
        <v>6.5952462209770566</v>
      </c>
      <c r="M4518">
        <f t="shared" si="514"/>
        <v>0</v>
      </c>
      <c r="N4518" s="46">
        <f t="shared" si="515"/>
        <v>45478.833333322458</v>
      </c>
    </row>
    <row r="4519" spans="2:14" x14ac:dyDescent="0.3">
      <c r="B4519">
        <f t="shared" si="509"/>
        <v>5</v>
      </c>
      <c r="C4519" s="16">
        <v>4485</v>
      </c>
      <c r="D4519" cm="1">
        <f t="array" ref="D4519">IFERROR(INDEX(Jesper!AH$2:AH$366,ROUNDDOWN($C4519/24,0)+1,1)*INDEX($D$3:$AA$30,INDEX(Jesper!$R$2:$R$366,ROW(INDEX(Jesper!AH$2:AH$366,ROUNDDOWN($C4519/24,0)+1,1))-1)+IF('Standard Profiles'!$G$18=$B$10,7,0)+IF('Standard Profiles'!$G$18=$B$17,14,0)+IF('Standard Profiles'!$G$18=$B$24,21,0),MOD($C4519,24)+1)/SUM(INDEX($D$3:$AA$30,INDEX(Jesper!$R$2:$R$366,ROW(INDEX(Jesper!AH$2:AH$366,ROUNDDOWN($C4519/24,0)+1,1))-1)+IF('Standard Profiles'!$G$18=$B$10,7,0)+IF('Standard Profiles'!$G$18=$B$17,14,0)+IF('Standard Profiles'!$G$18=$B$24,21,0),0)),0)</f>
        <v>3.4974790565787428</v>
      </c>
      <c r="E4519" cm="1">
        <f t="array" ref="E4519">IFERROR(INDEX(Jesper!AI$2:AI$366,ROUNDDOWN($C4519/24,0)+1,1)*INDEX($D$3:$AA$30,INDEX(Jesper!$R$2:$R$366,ROW(INDEX(Jesper!AI$2:AI$366,ROUNDDOWN($C4519/24,0)+1,1))-1)+IF('Standard Profiles'!$G$19=$B$10,7,0)+IF('Standard Profiles'!$G$19=$B$17,14,0)+IF('Standard Profiles'!$G$19=$B$24,21,0),MOD($C4519,24)+1)/SUM(INDEX($D$3:$AA$30,INDEX(Jesper!$R$2:$R$366,ROW(INDEX(Jesper!AI$2:AI$366,ROUNDDOWN($C4519/24,0)+1,1))-1)+IF('Standard Profiles'!$G$19=$B$10,7,0)+IF('Standard Profiles'!$G$19=$B$17,14,0)+IF('Standard Profiles'!$G$19=$B$24,21,0),0)),0)</f>
        <v>0</v>
      </c>
      <c r="F4519" cm="1">
        <f t="array" ref="F4519">IFERROR(INDEX(Jesper!AJ$2:AJ$366,ROUNDDOWN($C4519/24,0)+1,1)*INDEX($D$3:$AA$30,INDEX(Jesper!$R$2:$R$366,ROW(INDEX(Jesper!AJ$2:AJ$366,ROUNDDOWN($C4519/24,0)+1,1))-1)+IF('Standard Profiles'!$G$20=$B$10,7,0)+IF('Standard Profiles'!$G$20=$B$17,14,0)+IF('Standard Profiles'!$G$20=$B$24,21,0),MOD($C4519,24)+1)/SUM(INDEX($D$3:$AA$30,INDEX(Jesper!$R$2:$R$366,ROW(INDEX(Jesper!AJ$2:AJ$366,ROUNDDOWN($C4519/24,0)+1,1))-1)+IF('Standard Profiles'!$G$20=$B$10,7,0)+IF('Standard Profiles'!$G$20=$B$17,14,0)+IF('Standard Profiles'!$G$20=$B$24,21,0),0)),0)</f>
        <v>0</v>
      </c>
      <c r="G4519" cm="1">
        <f t="array" ref="G4519">IFERROR(INDEX(Jesper!AK$2:AK$366,ROUNDDOWN($C4519/24,0)+1,1)*INDEX($D$3:$AA$30,INDEX(Jesper!$R$2:$R$366,ROW(INDEX(Jesper!AK$2:AK$366,ROUNDDOWN($C4519/24,0)+1,1))-1)+IF('Standard Profiles'!$G$21=$B$10,7,0)+IF('Standard Profiles'!$G$21=$B$17,14,0)+IF('Standard Profiles'!$G$21=$B$24,21,0),MOD($C4519,24)+1)/SUM(INDEX($D$3:$AA$30,INDEX(Jesper!$R$2:$R$366,ROW(INDEX(Jesper!AK$2:AK$366,ROUNDDOWN($C4519/24,0)+1,1))-1)+IF('Standard Profiles'!$G$21=$B$10,7,0)+IF('Standard Profiles'!$G$21=$B$17,14,0)+IF('Standard Profiles'!$G$21=$B$24,21,0),0)),0)</f>
        <v>0</v>
      </c>
      <c r="H4519" cm="1">
        <f t="array" ref="H4519">IFERROR(INDEX(Jesper!AL$2:AL$366,ROUNDDOWN($C4519/24,0)+1,1)*INDEX($D$3:$AA$30,INDEX(Jesper!$R$2:$R$366,ROW(INDEX(Jesper!AL$2:AL$366,ROUNDDOWN($C4519/24,0)+1,1))-1)+IF('Standard Profiles'!$G$22=$B$10,7,0)+IF('Standard Profiles'!$G$22=$B$17,14,0)+IF('Standard Profiles'!$G$22=$B$24,21,0),MOD($C4519,24)+1)/SUM(INDEX($D$3:$AA$30,INDEX(Jesper!$R$2:$R$366,ROW(INDEX(Jesper!AL$2:AL$366,ROUNDDOWN($C4519/24,0)+1,1))-1)+IF('Standard Profiles'!$G$22=$B$10,7,0)+IF('Standard Profiles'!$G$22=$B$17,14,0)+IF('Standard Profiles'!$G$22=$B$24,21,0),0)),0)</f>
        <v>0</v>
      </c>
      <c r="I4519">
        <f t="shared" si="510"/>
        <v>0.10492437169736228</v>
      </c>
      <c r="J4519">
        <f t="shared" si="511"/>
        <v>0.34974790565787428</v>
      </c>
      <c r="K4519">
        <f t="shared" si="512"/>
        <v>0.52462185848681142</v>
      </c>
      <c r="L4519">
        <f t="shared" si="513"/>
        <v>2.5181849207366946</v>
      </c>
      <c r="M4519">
        <f t="shared" si="514"/>
        <v>0</v>
      </c>
      <c r="N4519" s="46">
        <f t="shared" si="515"/>
        <v>45478.874999989122</v>
      </c>
    </row>
    <row r="4520" spans="2:14" x14ac:dyDescent="0.3">
      <c r="B4520">
        <f t="shared" si="509"/>
        <v>5</v>
      </c>
      <c r="C4520" s="16">
        <v>4486</v>
      </c>
      <c r="D4520" cm="1">
        <f t="array" ref="D4520">IFERROR(INDEX(Jesper!AH$2:AH$366,ROUNDDOWN($C4520/24,0)+1,1)*INDEX($D$3:$AA$30,INDEX(Jesper!$R$2:$R$366,ROW(INDEX(Jesper!AH$2:AH$366,ROUNDDOWN($C4520/24,0)+1,1))-1)+IF('Standard Profiles'!$G$18=$B$10,7,0)+IF('Standard Profiles'!$G$18=$B$17,14,0)+IF('Standard Profiles'!$G$18=$B$24,21,0),MOD($C4520,24)+1)/SUM(INDEX($D$3:$AA$30,INDEX(Jesper!$R$2:$R$366,ROW(INDEX(Jesper!AH$2:AH$366,ROUNDDOWN($C4520/24,0)+1,1))-1)+IF('Standard Profiles'!$G$18=$B$10,7,0)+IF('Standard Profiles'!$G$18=$B$17,14,0)+IF('Standard Profiles'!$G$18=$B$24,21,0),0)),0)</f>
        <v>3.4974790565787428</v>
      </c>
      <c r="E4520" cm="1">
        <f t="array" ref="E4520">IFERROR(INDEX(Jesper!AI$2:AI$366,ROUNDDOWN($C4520/24,0)+1,1)*INDEX($D$3:$AA$30,INDEX(Jesper!$R$2:$R$366,ROW(INDEX(Jesper!AI$2:AI$366,ROUNDDOWN($C4520/24,0)+1,1))-1)+IF('Standard Profiles'!$G$19=$B$10,7,0)+IF('Standard Profiles'!$G$19=$B$17,14,0)+IF('Standard Profiles'!$G$19=$B$24,21,0),MOD($C4520,24)+1)/SUM(INDEX($D$3:$AA$30,INDEX(Jesper!$R$2:$R$366,ROW(INDEX(Jesper!AI$2:AI$366,ROUNDDOWN($C4520/24,0)+1,1))-1)+IF('Standard Profiles'!$G$19=$B$10,7,0)+IF('Standard Profiles'!$G$19=$B$17,14,0)+IF('Standard Profiles'!$G$19=$B$24,21,0),0)),0)</f>
        <v>0</v>
      </c>
      <c r="F4520" cm="1">
        <f t="array" ref="F4520">IFERROR(INDEX(Jesper!AJ$2:AJ$366,ROUNDDOWN($C4520/24,0)+1,1)*INDEX($D$3:$AA$30,INDEX(Jesper!$R$2:$R$366,ROW(INDEX(Jesper!AJ$2:AJ$366,ROUNDDOWN($C4520/24,0)+1,1))-1)+IF('Standard Profiles'!$G$20=$B$10,7,0)+IF('Standard Profiles'!$G$20=$B$17,14,0)+IF('Standard Profiles'!$G$20=$B$24,21,0),MOD($C4520,24)+1)/SUM(INDEX($D$3:$AA$30,INDEX(Jesper!$R$2:$R$366,ROW(INDEX(Jesper!AJ$2:AJ$366,ROUNDDOWN($C4520/24,0)+1,1))-1)+IF('Standard Profiles'!$G$20=$B$10,7,0)+IF('Standard Profiles'!$G$20=$B$17,14,0)+IF('Standard Profiles'!$G$20=$B$24,21,0),0)),0)</f>
        <v>0</v>
      </c>
      <c r="G4520" cm="1">
        <f t="array" ref="G4520">IFERROR(INDEX(Jesper!AK$2:AK$366,ROUNDDOWN($C4520/24,0)+1,1)*INDEX($D$3:$AA$30,INDEX(Jesper!$R$2:$R$366,ROW(INDEX(Jesper!AK$2:AK$366,ROUNDDOWN($C4520/24,0)+1,1))-1)+IF('Standard Profiles'!$G$21=$B$10,7,0)+IF('Standard Profiles'!$G$21=$B$17,14,0)+IF('Standard Profiles'!$G$21=$B$24,21,0),MOD($C4520,24)+1)/SUM(INDEX($D$3:$AA$30,INDEX(Jesper!$R$2:$R$366,ROW(INDEX(Jesper!AK$2:AK$366,ROUNDDOWN($C4520/24,0)+1,1))-1)+IF('Standard Profiles'!$G$21=$B$10,7,0)+IF('Standard Profiles'!$G$21=$B$17,14,0)+IF('Standard Profiles'!$G$21=$B$24,21,0),0)),0)</f>
        <v>0</v>
      </c>
      <c r="H4520" cm="1">
        <f t="array" ref="H4520">IFERROR(INDEX(Jesper!AL$2:AL$366,ROUNDDOWN($C4520/24,0)+1,1)*INDEX($D$3:$AA$30,INDEX(Jesper!$R$2:$R$366,ROW(INDEX(Jesper!AL$2:AL$366,ROUNDDOWN($C4520/24,0)+1,1))-1)+IF('Standard Profiles'!$G$22=$B$10,7,0)+IF('Standard Profiles'!$G$22=$B$17,14,0)+IF('Standard Profiles'!$G$22=$B$24,21,0),MOD($C4520,24)+1)/SUM(INDEX($D$3:$AA$30,INDEX(Jesper!$R$2:$R$366,ROW(INDEX(Jesper!AL$2:AL$366,ROUNDDOWN($C4520/24,0)+1,1))-1)+IF('Standard Profiles'!$G$22=$B$10,7,0)+IF('Standard Profiles'!$G$22=$B$17,14,0)+IF('Standard Profiles'!$G$22=$B$24,21,0),0)),0)</f>
        <v>0</v>
      </c>
      <c r="I4520">
        <f t="shared" si="510"/>
        <v>0.10492437169736228</v>
      </c>
      <c r="J4520">
        <f t="shared" si="511"/>
        <v>0.34974790565787428</v>
      </c>
      <c r="K4520">
        <f t="shared" si="512"/>
        <v>0.52462185848681142</v>
      </c>
      <c r="L4520">
        <f t="shared" si="513"/>
        <v>2.5181849207366946</v>
      </c>
      <c r="M4520">
        <f t="shared" si="514"/>
        <v>0</v>
      </c>
      <c r="N4520" s="46">
        <f t="shared" si="515"/>
        <v>45478.916666655787</v>
      </c>
    </row>
    <row r="4521" spans="2:14" x14ac:dyDescent="0.3">
      <c r="B4521">
        <f t="shared" si="509"/>
        <v>5</v>
      </c>
      <c r="C4521" s="16">
        <v>4487</v>
      </c>
      <c r="D4521" cm="1">
        <f t="array" ref="D4521">IFERROR(INDEX(Jesper!AH$2:AH$366,ROUNDDOWN($C4521/24,0)+1,1)*INDEX($D$3:$AA$30,INDEX(Jesper!$R$2:$R$366,ROW(INDEX(Jesper!AH$2:AH$366,ROUNDDOWN($C4521/24,0)+1,1))-1)+IF('Standard Profiles'!$G$18=$B$10,7,0)+IF('Standard Profiles'!$G$18=$B$17,14,0)+IF('Standard Profiles'!$G$18=$B$24,21,0),MOD($C4521,24)+1)/SUM(INDEX($D$3:$AA$30,INDEX(Jesper!$R$2:$R$366,ROW(INDEX(Jesper!AH$2:AH$366,ROUNDDOWN($C4521/24,0)+1,1))-1)+IF('Standard Profiles'!$G$18=$B$10,7,0)+IF('Standard Profiles'!$G$18=$B$17,14,0)+IF('Standard Profiles'!$G$18=$B$24,21,0),0)),0)</f>
        <v>3.4974790565787428</v>
      </c>
      <c r="E4521" cm="1">
        <f t="array" ref="E4521">IFERROR(INDEX(Jesper!AI$2:AI$366,ROUNDDOWN($C4521/24,0)+1,1)*INDEX($D$3:$AA$30,INDEX(Jesper!$R$2:$R$366,ROW(INDEX(Jesper!AI$2:AI$366,ROUNDDOWN($C4521/24,0)+1,1))-1)+IF('Standard Profiles'!$G$19=$B$10,7,0)+IF('Standard Profiles'!$G$19=$B$17,14,0)+IF('Standard Profiles'!$G$19=$B$24,21,0),MOD($C4521,24)+1)/SUM(INDEX($D$3:$AA$30,INDEX(Jesper!$R$2:$R$366,ROW(INDEX(Jesper!AI$2:AI$366,ROUNDDOWN($C4521/24,0)+1,1))-1)+IF('Standard Profiles'!$G$19=$B$10,7,0)+IF('Standard Profiles'!$G$19=$B$17,14,0)+IF('Standard Profiles'!$G$19=$B$24,21,0),0)),0)</f>
        <v>0</v>
      </c>
      <c r="F4521" cm="1">
        <f t="array" ref="F4521">IFERROR(INDEX(Jesper!AJ$2:AJ$366,ROUNDDOWN($C4521/24,0)+1,1)*INDEX($D$3:$AA$30,INDEX(Jesper!$R$2:$R$366,ROW(INDEX(Jesper!AJ$2:AJ$366,ROUNDDOWN($C4521/24,0)+1,1))-1)+IF('Standard Profiles'!$G$20=$B$10,7,0)+IF('Standard Profiles'!$G$20=$B$17,14,0)+IF('Standard Profiles'!$G$20=$B$24,21,0),MOD($C4521,24)+1)/SUM(INDEX($D$3:$AA$30,INDEX(Jesper!$R$2:$R$366,ROW(INDEX(Jesper!AJ$2:AJ$366,ROUNDDOWN($C4521/24,0)+1,1))-1)+IF('Standard Profiles'!$G$20=$B$10,7,0)+IF('Standard Profiles'!$G$20=$B$17,14,0)+IF('Standard Profiles'!$G$20=$B$24,21,0),0)),0)</f>
        <v>0</v>
      </c>
      <c r="G4521" cm="1">
        <f t="array" ref="G4521">IFERROR(INDEX(Jesper!AK$2:AK$366,ROUNDDOWN($C4521/24,0)+1,1)*INDEX($D$3:$AA$30,INDEX(Jesper!$R$2:$R$366,ROW(INDEX(Jesper!AK$2:AK$366,ROUNDDOWN($C4521/24,0)+1,1))-1)+IF('Standard Profiles'!$G$21=$B$10,7,0)+IF('Standard Profiles'!$G$21=$B$17,14,0)+IF('Standard Profiles'!$G$21=$B$24,21,0),MOD($C4521,24)+1)/SUM(INDEX($D$3:$AA$30,INDEX(Jesper!$R$2:$R$366,ROW(INDEX(Jesper!AK$2:AK$366,ROUNDDOWN($C4521/24,0)+1,1))-1)+IF('Standard Profiles'!$G$21=$B$10,7,0)+IF('Standard Profiles'!$G$21=$B$17,14,0)+IF('Standard Profiles'!$G$21=$B$24,21,0),0)),0)</f>
        <v>0</v>
      </c>
      <c r="H4521" cm="1">
        <f t="array" ref="H4521">IFERROR(INDEX(Jesper!AL$2:AL$366,ROUNDDOWN($C4521/24,0)+1,1)*INDEX($D$3:$AA$30,INDEX(Jesper!$R$2:$R$366,ROW(INDEX(Jesper!AL$2:AL$366,ROUNDDOWN($C4521/24,0)+1,1))-1)+IF('Standard Profiles'!$G$22=$B$10,7,0)+IF('Standard Profiles'!$G$22=$B$17,14,0)+IF('Standard Profiles'!$G$22=$B$24,21,0),MOD($C4521,24)+1)/SUM(INDEX($D$3:$AA$30,INDEX(Jesper!$R$2:$R$366,ROW(INDEX(Jesper!AL$2:AL$366,ROUNDDOWN($C4521/24,0)+1,1))-1)+IF('Standard Profiles'!$G$22=$B$10,7,0)+IF('Standard Profiles'!$G$22=$B$17,14,0)+IF('Standard Profiles'!$G$22=$B$24,21,0),0)),0)</f>
        <v>0</v>
      </c>
      <c r="I4521">
        <f t="shared" si="510"/>
        <v>0.10492437169736228</v>
      </c>
      <c r="J4521">
        <f t="shared" si="511"/>
        <v>0.34974790565787428</v>
      </c>
      <c r="K4521">
        <f t="shared" si="512"/>
        <v>0.52462185848681142</v>
      </c>
      <c r="L4521">
        <f t="shared" si="513"/>
        <v>2.5181849207366946</v>
      </c>
      <c r="M4521">
        <f t="shared" si="514"/>
        <v>0</v>
      </c>
      <c r="N4521" s="46">
        <f t="shared" si="515"/>
        <v>45478.958333322451</v>
      </c>
    </row>
    <row r="4522" spans="2:14" x14ac:dyDescent="0.3">
      <c r="B4522">
        <f t="shared" si="509"/>
        <v>6</v>
      </c>
      <c r="C4522" s="16">
        <v>4488</v>
      </c>
      <c r="D4522" cm="1">
        <f t="array" ref="D4522">IFERROR(INDEX(Jesper!AH$2:AH$366,ROUNDDOWN($C4522/24,0)+1,1)*INDEX($D$3:$AA$30,INDEX(Jesper!$R$2:$R$366,ROW(INDEX(Jesper!AH$2:AH$366,ROUNDDOWN($C4522/24,0)+1,1))-1)+IF('Standard Profiles'!$G$18=$B$10,7,0)+IF('Standard Profiles'!$G$18=$B$17,14,0)+IF('Standard Profiles'!$G$18=$B$24,21,0),MOD($C4522,24)+1)/SUM(INDEX($D$3:$AA$30,INDEX(Jesper!$R$2:$R$366,ROW(INDEX(Jesper!AH$2:AH$366,ROUNDDOWN($C4522/24,0)+1,1))-1)+IF('Standard Profiles'!$G$18=$B$10,7,0)+IF('Standard Profiles'!$G$18=$B$17,14,0)+IF('Standard Profiles'!$G$18=$B$24,21,0),0)),0)</f>
        <v>3.2872000017983756</v>
      </c>
      <c r="E4522" cm="1">
        <f t="array" ref="E4522">IFERROR(INDEX(Jesper!AI$2:AI$366,ROUNDDOWN($C4522/24,0)+1,1)*INDEX($D$3:$AA$30,INDEX(Jesper!$R$2:$R$366,ROW(INDEX(Jesper!AI$2:AI$366,ROUNDDOWN($C4522/24,0)+1,1))-1)+IF('Standard Profiles'!$G$19=$B$10,7,0)+IF('Standard Profiles'!$G$19=$B$17,14,0)+IF('Standard Profiles'!$G$19=$B$24,21,0),MOD($C4522,24)+1)/SUM(INDEX($D$3:$AA$30,INDEX(Jesper!$R$2:$R$366,ROW(INDEX(Jesper!AI$2:AI$366,ROUNDDOWN($C4522/24,0)+1,1))-1)+IF('Standard Profiles'!$G$19=$B$10,7,0)+IF('Standard Profiles'!$G$19=$B$17,14,0)+IF('Standard Profiles'!$G$19=$B$24,21,0),0)),0)</f>
        <v>0.45153969794200943</v>
      </c>
      <c r="F4522" cm="1">
        <f t="array" ref="F4522">IFERROR(INDEX(Jesper!AJ$2:AJ$366,ROUNDDOWN($C4522/24,0)+1,1)*INDEX($D$3:$AA$30,INDEX(Jesper!$R$2:$R$366,ROW(INDEX(Jesper!AJ$2:AJ$366,ROUNDDOWN($C4522/24,0)+1,1))-1)+IF('Standard Profiles'!$G$20=$B$10,7,0)+IF('Standard Profiles'!$G$20=$B$17,14,0)+IF('Standard Profiles'!$G$20=$B$24,21,0),MOD($C4522,24)+1)/SUM(INDEX($D$3:$AA$30,INDEX(Jesper!$R$2:$R$366,ROW(INDEX(Jesper!AJ$2:AJ$366,ROUNDDOWN($C4522/24,0)+1,1))-1)+IF('Standard Profiles'!$G$20=$B$10,7,0)+IF('Standard Profiles'!$G$20=$B$17,14,0)+IF('Standard Profiles'!$G$20=$B$24,21,0),0)),0)</f>
        <v>0</v>
      </c>
      <c r="G4522" cm="1">
        <f t="array" ref="G4522">IFERROR(INDEX(Jesper!AK$2:AK$366,ROUNDDOWN($C4522/24,0)+1,1)*INDEX($D$3:$AA$30,INDEX(Jesper!$R$2:$R$366,ROW(INDEX(Jesper!AK$2:AK$366,ROUNDDOWN($C4522/24,0)+1,1))-1)+IF('Standard Profiles'!$G$21=$B$10,7,0)+IF('Standard Profiles'!$G$21=$B$17,14,0)+IF('Standard Profiles'!$G$21=$B$24,21,0),MOD($C4522,24)+1)/SUM(INDEX($D$3:$AA$30,INDEX(Jesper!$R$2:$R$366,ROW(INDEX(Jesper!AK$2:AK$366,ROUNDDOWN($C4522/24,0)+1,1))-1)+IF('Standard Profiles'!$G$21=$B$10,7,0)+IF('Standard Profiles'!$G$21=$B$17,14,0)+IF('Standard Profiles'!$G$21=$B$24,21,0),0)),0)</f>
        <v>0</v>
      </c>
      <c r="H4522" cm="1">
        <f t="array" ref="H4522">IFERROR(INDEX(Jesper!AL$2:AL$366,ROUNDDOWN($C4522/24,0)+1,1)*INDEX($D$3:$AA$30,INDEX(Jesper!$R$2:$R$366,ROW(INDEX(Jesper!AL$2:AL$366,ROUNDDOWN($C4522/24,0)+1,1))-1)+IF('Standard Profiles'!$G$22=$B$10,7,0)+IF('Standard Profiles'!$G$22=$B$17,14,0)+IF('Standard Profiles'!$G$22=$B$24,21,0),MOD($C4522,24)+1)/SUM(INDEX($D$3:$AA$30,INDEX(Jesper!$R$2:$R$366,ROW(INDEX(Jesper!AL$2:AL$366,ROUNDDOWN($C4522/24,0)+1,1))-1)+IF('Standard Profiles'!$G$22=$B$10,7,0)+IF('Standard Profiles'!$G$22=$B$17,14,0)+IF('Standard Profiles'!$G$22=$B$24,21,0),0)),0)</f>
        <v>0</v>
      </c>
      <c r="I4522">
        <f t="shared" si="510"/>
        <v>4.0679252066847707E-2</v>
      </c>
      <c r="J4522">
        <f t="shared" si="511"/>
        <v>0.13559750688949238</v>
      </c>
      <c r="K4522">
        <f t="shared" si="512"/>
        <v>0.20339626033423855</v>
      </c>
      <c r="L4522">
        <f t="shared" si="513"/>
        <v>3.3590666804498066</v>
      </c>
      <c r="M4522">
        <f t="shared" si="514"/>
        <v>0</v>
      </c>
      <c r="N4522" s="46">
        <f t="shared" si="515"/>
        <v>45478.999999989115</v>
      </c>
    </row>
    <row r="4523" spans="2:14" x14ac:dyDescent="0.3">
      <c r="B4523">
        <f t="shared" si="509"/>
        <v>6</v>
      </c>
      <c r="C4523" s="16">
        <v>4489</v>
      </c>
      <c r="D4523" cm="1">
        <f t="array" ref="D4523">IFERROR(INDEX(Jesper!AH$2:AH$366,ROUNDDOWN($C4523/24,0)+1,1)*INDEX($D$3:$AA$30,INDEX(Jesper!$R$2:$R$366,ROW(INDEX(Jesper!AH$2:AH$366,ROUNDDOWN($C4523/24,0)+1,1))-1)+IF('Standard Profiles'!$G$18=$B$10,7,0)+IF('Standard Profiles'!$G$18=$B$17,14,0)+IF('Standard Profiles'!$G$18=$B$24,21,0),MOD($C4523,24)+1)/SUM(INDEX($D$3:$AA$30,INDEX(Jesper!$R$2:$R$366,ROW(INDEX(Jesper!AH$2:AH$366,ROUNDDOWN($C4523/24,0)+1,1))-1)+IF('Standard Profiles'!$G$18=$B$10,7,0)+IF('Standard Profiles'!$G$18=$B$17,14,0)+IF('Standard Profiles'!$G$18=$B$24,21,0),0)),0)</f>
        <v>6.4178666701777818</v>
      </c>
      <c r="E4523" cm="1">
        <f t="array" ref="E4523">IFERROR(INDEX(Jesper!AI$2:AI$366,ROUNDDOWN($C4523/24,0)+1,1)*INDEX($D$3:$AA$30,INDEX(Jesper!$R$2:$R$366,ROW(INDEX(Jesper!AI$2:AI$366,ROUNDDOWN($C4523/24,0)+1,1))-1)+IF('Standard Profiles'!$G$19=$B$10,7,0)+IF('Standard Profiles'!$G$19=$B$17,14,0)+IF('Standard Profiles'!$G$19=$B$24,21,0),MOD($C4523,24)+1)/SUM(INDEX($D$3:$AA$30,INDEX(Jesper!$R$2:$R$366,ROW(INDEX(Jesper!AI$2:AI$366,ROUNDDOWN($C4523/24,0)+1,1))-1)+IF('Standard Profiles'!$G$19=$B$10,7,0)+IF('Standard Profiles'!$G$19=$B$17,14,0)+IF('Standard Profiles'!$G$19=$B$24,21,0),0)),0)</f>
        <v>0.88157750550582803</v>
      </c>
      <c r="F4523" cm="1">
        <f t="array" ref="F4523">IFERROR(INDEX(Jesper!AJ$2:AJ$366,ROUNDDOWN($C4523/24,0)+1,1)*INDEX($D$3:$AA$30,INDEX(Jesper!$R$2:$R$366,ROW(INDEX(Jesper!AJ$2:AJ$366,ROUNDDOWN($C4523/24,0)+1,1))-1)+IF('Standard Profiles'!$G$20=$B$10,7,0)+IF('Standard Profiles'!$G$20=$B$17,14,0)+IF('Standard Profiles'!$G$20=$B$24,21,0),MOD($C4523,24)+1)/SUM(INDEX($D$3:$AA$30,INDEX(Jesper!$R$2:$R$366,ROW(INDEX(Jesper!AJ$2:AJ$366,ROUNDDOWN($C4523/24,0)+1,1))-1)+IF('Standard Profiles'!$G$20=$B$10,7,0)+IF('Standard Profiles'!$G$20=$B$17,14,0)+IF('Standard Profiles'!$G$20=$B$24,21,0),0)),0)</f>
        <v>0</v>
      </c>
      <c r="G4523" cm="1">
        <f t="array" ref="G4523">IFERROR(INDEX(Jesper!AK$2:AK$366,ROUNDDOWN($C4523/24,0)+1,1)*INDEX($D$3:$AA$30,INDEX(Jesper!$R$2:$R$366,ROW(INDEX(Jesper!AK$2:AK$366,ROUNDDOWN($C4523/24,0)+1,1))-1)+IF('Standard Profiles'!$G$21=$B$10,7,0)+IF('Standard Profiles'!$G$21=$B$17,14,0)+IF('Standard Profiles'!$G$21=$B$24,21,0),MOD($C4523,24)+1)/SUM(INDEX($D$3:$AA$30,INDEX(Jesper!$R$2:$R$366,ROW(INDEX(Jesper!AK$2:AK$366,ROUNDDOWN($C4523/24,0)+1,1))-1)+IF('Standard Profiles'!$G$21=$B$10,7,0)+IF('Standard Profiles'!$G$21=$B$17,14,0)+IF('Standard Profiles'!$G$21=$B$24,21,0),0)),0)</f>
        <v>0</v>
      </c>
      <c r="H4523" cm="1">
        <f t="array" ref="H4523">IFERROR(INDEX(Jesper!AL$2:AL$366,ROUNDDOWN($C4523/24,0)+1,1)*INDEX($D$3:$AA$30,INDEX(Jesper!$R$2:$R$366,ROW(INDEX(Jesper!AL$2:AL$366,ROUNDDOWN($C4523/24,0)+1,1))-1)+IF('Standard Profiles'!$G$22=$B$10,7,0)+IF('Standard Profiles'!$G$22=$B$17,14,0)+IF('Standard Profiles'!$G$22=$B$24,21,0),MOD($C4523,24)+1)/SUM(INDEX($D$3:$AA$30,INDEX(Jesper!$R$2:$R$366,ROW(INDEX(Jesper!AL$2:AL$366,ROUNDDOWN($C4523/24,0)+1,1))-1)+IF('Standard Profiles'!$G$22=$B$10,7,0)+IF('Standard Profiles'!$G$22=$B$17,14,0)+IF('Standard Profiles'!$G$22=$B$24,21,0),0)),0)</f>
        <v>0</v>
      </c>
      <c r="I4523">
        <f t="shared" si="510"/>
        <v>7.9421396892416965E-2</v>
      </c>
      <c r="J4523">
        <f t="shared" si="511"/>
        <v>0.26473798964138989</v>
      </c>
      <c r="K4523">
        <f t="shared" si="512"/>
        <v>0.39710698446208487</v>
      </c>
      <c r="L4523">
        <f t="shared" si="513"/>
        <v>6.5581778046877179</v>
      </c>
      <c r="M4523">
        <f t="shared" si="514"/>
        <v>0</v>
      </c>
      <c r="N4523" s="46">
        <f t="shared" si="515"/>
        <v>45479.041666655779</v>
      </c>
    </row>
    <row r="4524" spans="2:14" x14ac:dyDescent="0.3">
      <c r="B4524">
        <f t="shared" si="509"/>
        <v>6</v>
      </c>
      <c r="C4524" s="16">
        <v>4490</v>
      </c>
      <c r="D4524" cm="1">
        <f t="array" ref="D4524">IFERROR(INDEX(Jesper!AH$2:AH$366,ROUNDDOWN($C4524/24,0)+1,1)*INDEX($D$3:$AA$30,INDEX(Jesper!$R$2:$R$366,ROW(INDEX(Jesper!AH$2:AH$366,ROUNDDOWN($C4524/24,0)+1,1))-1)+IF('Standard Profiles'!$G$18=$B$10,7,0)+IF('Standard Profiles'!$G$18=$B$17,14,0)+IF('Standard Profiles'!$G$18=$B$24,21,0),MOD($C4524,24)+1)/SUM(INDEX($D$3:$AA$30,INDEX(Jesper!$R$2:$R$366,ROW(INDEX(Jesper!AH$2:AH$366,ROUNDDOWN($C4524/24,0)+1,1))-1)+IF('Standard Profiles'!$G$18=$B$10,7,0)+IF('Standard Profiles'!$G$18=$B$17,14,0)+IF('Standard Profiles'!$G$18=$B$24,21,0),0)),0)</f>
        <v>6.4178666701777818</v>
      </c>
      <c r="E4524" cm="1">
        <f t="array" ref="E4524">IFERROR(INDEX(Jesper!AI$2:AI$366,ROUNDDOWN($C4524/24,0)+1,1)*INDEX($D$3:$AA$30,INDEX(Jesper!$R$2:$R$366,ROW(INDEX(Jesper!AI$2:AI$366,ROUNDDOWN($C4524/24,0)+1,1))-1)+IF('Standard Profiles'!$G$19=$B$10,7,0)+IF('Standard Profiles'!$G$19=$B$17,14,0)+IF('Standard Profiles'!$G$19=$B$24,21,0),MOD($C4524,24)+1)/SUM(INDEX($D$3:$AA$30,INDEX(Jesper!$R$2:$R$366,ROW(INDEX(Jesper!AI$2:AI$366,ROUNDDOWN($C4524/24,0)+1,1))-1)+IF('Standard Profiles'!$G$19=$B$10,7,0)+IF('Standard Profiles'!$G$19=$B$17,14,0)+IF('Standard Profiles'!$G$19=$B$24,21,0),0)),0)</f>
        <v>0.88157750550582803</v>
      </c>
      <c r="F4524" cm="1">
        <f t="array" ref="F4524">IFERROR(INDEX(Jesper!AJ$2:AJ$366,ROUNDDOWN($C4524/24,0)+1,1)*INDEX($D$3:$AA$30,INDEX(Jesper!$R$2:$R$366,ROW(INDEX(Jesper!AJ$2:AJ$366,ROUNDDOWN($C4524/24,0)+1,1))-1)+IF('Standard Profiles'!$G$20=$B$10,7,0)+IF('Standard Profiles'!$G$20=$B$17,14,0)+IF('Standard Profiles'!$G$20=$B$24,21,0),MOD($C4524,24)+1)/SUM(INDEX($D$3:$AA$30,INDEX(Jesper!$R$2:$R$366,ROW(INDEX(Jesper!AJ$2:AJ$366,ROUNDDOWN($C4524/24,0)+1,1))-1)+IF('Standard Profiles'!$G$20=$B$10,7,0)+IF('Standard Profiles'!$G$20=$B$17,14,0)+IF('Standard Profiles'!$G$20=$B$24,21,0),0)),0)</f>
        <v>0</v>
      </c>
      <c r="G4524" cm="1">
        <f t="array" ref="G4524">IFERROR(INDEX(Jesper!AK$2:AK$366,ROUNDDOWN($C4524/24,0)+1,1)*INDEX($D$3:$AA$30,INDEX(Jesper!$R$2:$R$366,ROW(INDEX(Jesper!AK$2:AK$366,ROUNDDOWN($C4524/24,0)+1,1))-1)+IF('Standard Profiles'!$G$21=$B$10,7,0)+IF('Standard Profiles'!$G$21=$B$17,14,0)+IF('Standard Profiles'!$G$21=$B$24,21,0),MOD($C4524,24)+1)/SUM(INDEX($D$3:$AA$30,INDEX(Jesper!$R$2:$R$366,ROW(INDEX(Jesper!AK$2:AK$366,ROUNDDOWN($C4524/24,0)+1,1))-1)+IF('Standard Profiles'!$G$21=$B$10,7,0)+IF('Standard Profiles'!$G$21=$B$17,14,0)+IF('Standard Profiles'!$G$21=$B$24,21,0),0)),0)</f>
        <v>0</v>
      </c>
      <c r="H4524" cm="1">
        <f t="array" ref="H4524">IFERROR(INDEX(Jesper!AL$2:AL$366,ROUNDDOWN($C4524/24,0)+1,1)*INDEX($D$3:$AA$30,INDEX(Jesper!$R$2:$R$366,ROW(INDEX(Jesper!AL$2:AL$366,ROUNDDOWN($C4524/24,0)+1,1))-1)+IF('Standard Profiles'!$G$22=$B$10,7,0)+IF('Standard Profiles'!$G$22=$B$17,14,0)+IF('Standard Profiles'!$G$22=$B$24,21,0),MOD($C4524,24)+1)/SUM(INDEX($D$3:$AA$30,INDEX(Jesper!$R$2:$R$366,ROW(INDEX(Jesper!AL$2:AL$366,ROUNDDOWN($C4524/24,0)+1,1))-1)+IF('Standard Profiles'!$G$22=$B$10,7,0)+IF('Standard Profiles'!$G$22=$B$17,14,0)+IF('Standard Profiles'!$G$22=$B$24,21,0),0)),0)</f>
        <v>0</v>
      </c>
      <c r="I4524">
        <f t="shared" si="510"/>
        <v>7.9421396892416965E-2</v>
      </c>
      <c r="J4524">
        <f t="shared" si="511"/>
        <v>0.26473798964138989</v>
      </c>
      <c r="K4524">
        <f t="shared" si="512"/>
        <v>0.39710698446208487</v>
      </c>
      <c r="L4524">
        <f t="shared" si="513"/>
        <v>6.5581778046877179</v>
      </c>
      <c r="M4524">
        <f t="shared" si="514"/>
        <v>0</v>
      </c>
      <c r="N4524" s="46">
        <f t="shared" si="515"/>
        <v>45479.083333322444</v>
      </c>
    </row>
    <row r="4525" spans="2:14" x14ac:dyDescent="0.3">
      <c r="B4525">
        <f t="shared" si="509"/>
        <v>6</v>
      </c>
      <c r="C4525" s="16">
        <v>4491</v>
      </c>
      <c r="D4525" cm="1">
        <f t="array" ref="D4525">IFERROR(INDEX(Jesper!AH$2:AH$366,ROUNDDOWN($C4525/24,0)+1,1)*INDEX($D$3:$AA$30,INDEX(Jesper!$R$2:$R$366,ROW(INDEX(Jesper!AH$2:AH$366,ROUNDDOWN($C4525/24,0)+1,1))-1)+IF('Standard Profiles'!$G$18=$B$10,7,0)+IF('Standard Profiles'!$G$18=$B$17,14,0)+IF('Standard Profiles'!$G$18=$B$24,21,0),MOD($C4525,24)+1)/SUM(INDEX($D$3:$AA$30,INDEX(Jesper!$R$2:$R$366,ROW(INDEX(Jesper!AH$2:AH$366,ROUNDDOWN($C4525/24,0)+1,1))-1)+IF('Standard Profiles'!$G$18=$B$10,7,0)+IF('Standard Profiles'!$G$18=$B$17,14,0)+IF('Standard Profiles'!$G$18=$B$24,21,0),0)),0)</f>
        <v>6.4178666701777818</v>
      </c>
      <c r="E4525" cm="1">
        <f t="array" ref="E4525">IFERROR(INDEX(Jesper!AI$2:AI$366,ROUNDDOWN($C4525/24,0)+1,1)*INDEX($D$3:$AA$30,INDEX(Jesper!$R$2:$R$366,ROW(INDEX(Jesper!AI$2:AI$366,ROUNDDOWN($C4525/24,0)+1,1))-1)+IF('Standard Profiles'!$G$19=$B$10,7,0)+IF('Standard Profiles'!$G$19=$B$17,14,0)+IF('Standard Profiles'!$G$19=$B$24,21,0),MOD($C4525,24)+1)/SUM(INDEX($D$3:$AA$30,INDEX(Jesper!$R$2:$R$366,ROW(INDEX(Jesper!AI$2:AI$366,ROUNDDOWN($C4525/24,0)+1,1))-1)+IF('Standard Profiles'!$G$19=$B$10,7,0)+IF('Standard Profiles'!$G$19=$B$17,14,0)+IF('Standard Profiles'!$G$19=$B$24,21,0),0)),0)</f>
        <v>0.88157750550582803</v>
      </c>
      <c r="F4525" cm="1">
        <f t="array" ref="F4525">IFERROR(INDEX(Jesper!AJ$2:AJ$366,ROUNDDOWN($C4525/24,0)+1,1)*INDEX($D$3:$AA$30,INDEX(Jesper!$R$2:$R$366,ROW(INDEX(Jesper!AJ$2:AJ$366,ROUNDDOWN($C4525/24,0)+1,1))-1)+IF('Standard Profiles'!$G$20=$B$10,7,0)+IF('Standard Profiles'!$G$20=$B$17,14,0)+IF('Standard Profiles'!$G$20=$B$24,21,0),MOD($C4525,24)+1)/SUM(INDEX($D$3:$AA$30,INDEX(Jesper!$R$2:$R$366,ROW(INDEX(Jesper!AJ$2:AJ$366,ROUNDDOWN($C4525/24,0)+1,1))-1)+IF('Standard Profiles'!$G$20=$B$10,7,0)+IF('Standard Profiles'!$G$20=$B$17,14,0)+IF('Standard Profiles'!$G$20=$B$24,21,0),0)),0)</f>
        <v>0</v>
      </c>
      <c r="G4525" cm="1">
        <f t="array" ref="G4525">IFERROR(INDEX(Jesper!AK$2:AK$366,ROUNDDOWN($C4525/24,0)+1,1)*INDEX($D$3:$AA$30,INDEX(Jesper!$R$2:$R$366,ROW(INDEX(Jesper!AK$2:AK$366,ROUNDDOWN($C4525/24,0)+1,1))-1)+IF('Standard Profiles'!$G$21=$B$10,7,0)+IF('Standard Profiles'!$G$21=$B$17,14,0)+IF('Standard Profiles'!$G$21=$B$24,21,0),MOD($C4525,24)+1)/SUM(INDEX($D$3:$AA$30,INDEX(Jesper!$R$2:$R$366,ROW(INDEX(Jesper!AK$2:AK$366,ROUNDDOWN($C4525/24,0)+1,1))-1)+IF('Standard Profiles'!$G$21=$B$10,7,0)+IF('Standard Profiles'!$G$21=$B$17,14,0)+IF('Standard Profiles'!$G$21=$B$24,21,0),0)),0)</f>
        <v>0</v>
      </c>
      <c r="H4525" cm="1">
        <f t="array" ref="H4525">IFERROR(INDEX(Jesper!AL$2:AL$366,ROUNDDOWN($C4525/24,0)+1,1)*INDEX($D$3:$AA$30,INDEX(Jesper!$R$2:$R$366,ROW(INDEX(Jesper!AL$2:AL$366,ROUNDDOWN($C4525/24,0)+1,1))-1)+IF('Standard Profiles'!$G$22=$B$10,7,0)+IF('Standard Profiles'!$G$22=$B$17,14,0)+IF('Standard Profiles'!$G$22=$B$24,21,0),MOD($C4525,24)+1)/SUM(INDEX($D$3:$AA$30,INDEX(Jesper!$R$2:$R$366,ROW(INDEX(Jesper!AL$2:AL$366,ROUNDDOWN($C4525/24,0)+1,1))-1)+IF('Standard Profiles'!$G$22=$B$10,7,0)+IF('Standard Profiles'!$G$22=$B$17,14,0)+IF('Standard Profiles'!$G$22=$B$24,21,0),0)),0)</f>
        <v>0</v>
      </c>
      <c r="I4525">
        <f t="shared" si="510"/>
        <v>7.9421396892416965E-2</v>
      </c>
      <c r="J4525">
        <f t="shared" si="511"/>
        <v>0.26473798964138989</v>
      </c>
      <c r="K4525">
        <f t="shared" si="512"/>
        <v>0.39710698446208487</v>
      </c>
      <c r="L4525">
        <f t="shared" si="513"/>
        <v>6.5581778046877179</v>
      </c>
      <c r="M4525">
        <f t="shared" si="514"/>
        <v>0</v>
      </c>
      <c r="N4525" s="46">
        <f t="shared" si="515"/>
        <v>45479.124999989108</v>
      </c>
    </row>
    <row r="4526" spans="2:14" x14ac:dyDescent="0.3">
      <c r="B4526">
        <f t="shared" si="509"/>
        <v>6</v>
      </c>
      <c r="C4526" s="16">
        <v>4492</v>
      </c>
      <c r="D4526" cm="1">
        <f t="array" ref="D4526">IFERROR(INDEX(Jesper!AH$2:AH$366,ROUNDDOWN($C4526/24,0)+1,1)*INDEX($D$3:$AA$30,INDEX(Jesper!$R$2:$R$366,ROW(INDEX(Jesper!AH$2:AH$366,ROUNDDOWN($C4526/24,0)+1,1))-1)+IF('Standard Profiles'!$G$18=$B$10,7,0)+IF('Standard Profiles'!$G$18=$B$17,14,0)+IF('Standard Profiles'!$G$18=$B$24,21,0),MOD($C4526,24)+1)/SUM(INDEX($D$3:$AA$30,INDEX(Jesper!$R$2:$R$366,ROW(INDEX(Jesper!AH$2:AH$366,ROUNDDOWN($C4526/24,0)+1,1))-1)+IF('Standard Profiles'!$G$18=$B$10,7,0)+IF('Standard Profiles'!$G$18=$B$17,14,0)+IF('Standard Profiles'!$G$18=$B$24,21,0),0)),0)</f>
        <v>6.4178666701777818</v>
      </c>
      <c r="E4526" cm="1">
        <f t="array" ref="E4526">IFERROR(INDEX(Jesper!AI$2:AI$366,ROUNDDOWN($C4526/24,0)+1,1)*INDEX($D$3:$AA$30,INDEX(Jesper!$R$2:$R$366,ROW(INDEX(Jesper!AI$2:AI$366,ROUNDDOWN($C4526/24,0)+1,1))-1)+IF('Standard Profiles'!$G$19=$B$10,7,0)+IF('Standard Profiles'!$G$19=$B$17,14,0)+IF('Standard Profiles'!$G$19=$B$24,21,0),MOD($C4526,24)+1)/SUM(INDEX($D$3:$AA$30,INDEX(Jesper!$R$2:$R$366,ROW(INDEX(Jesper!AI$2:AI$366,ROUNDDOWN($C4526/24,0)+1,1))-1)+IF('Standard Profiles'!$G$19=$B$10,7,0)+IF('Standard Profiles'!$G$19=$B$17,14,0)+IF('Standard Profiles'!$G$19=$B$24,21,0),0)),0)</f>
        <v>0.88157750550582803</v>
      </c>
      <c r="F4526" cm="1">
        <f t="array" ref="F4526">IFERROR(INDEX(Jesper!AJ$2:AJ$366,ROUNDDOWN($C4526/24,0)+1,1)*INDEX($D$3:$AA$30,INDEX(Jesper!$R$2:$R$366,ROW(INDEX(Jesper!AJ$2:AJ$366,ROUNDDOWN($C4526/24,0)+1,1))-1)+IF('Standard Profiles'!$G$20=$B$10,7,0)+IF('Standard Profiles'!$G$20=$B$17,14,0)+IF('Standard Profiles'!$G$20=$B$24,21,0),MOD($C4526,24)+1)/SUM(INDEX($D$3:$AA$30,INDEX(Jesper!$R$2:$R$366,ROW(INDEX(Jesper!AJ$2:AJ$366,ROUNDDOWN($C4526/24,0)+1,1))-1)+IF('Standard Profiles'!$G$20=$B$10,7,0)+IF('Standard Profiles'!$G$20=$B$17,14,0)+IF('Standard Profiles'!$G$20=$B$24,21,0),0)),0)</f>
        <v>0</v>
      </c>
      <c r="G4526" cm="1">
        <f t="array" ref="G4526">IFERROR(INDEX(Jesper!AK$2:AK$366,ROUNDDOWN($C4526/24,0)+1,1)*INDEX($D$3:$AA$30,INDEX(Jesper!$R$2:$R$366,ROW(INDEX(Jesper!AK$2:AK$366,ROUNDDOWN($C4526/24,0)+1,1))-1)+IF('Standard Profiles'!$G$21=$B$10,7,0)+IF('Standard Profiles'!$G$21=$B$17,14,0)+IF('Standard Profiles'!$G$21=$B$24,21,0),MOD($C4526,24)+1)/SUM(INDEX($D$3:$AA$30,INDEX(Jesper!$R$2:$R$366,ROW(INDEX(Jesper!AK$2:AK$366,ROUNDDOWN($C4526/24,0)+1,1))-1)+IF('Standard Profiles'!$G$21=$B$10,7,0)+IF('Standard Profiles'!$G$21=$B$17,14,0)+IF('Standard Profiles'!$G$21=$B$24,21,0),0)),0)</f>
        <v>0</v>
      </c>
      <c r="H4526" cm="1">
        <f t="array" ref="H4526">IFERROR(INDEX(Jesper!AL$2:AL$366,ROUNDDOWN($C4526/24,0)+1,1)*INDEX($D$3:$AA$30,INDEX(Jesper!$R$2:$R$366,ROW(INDEX(Jesper!AL$2:AL$366,ROUNDDOWN($C4526/24,0)+1,1))-1)+IF('Standard Profiles'!$G$22=$B$10,7,0)+IF('Standard Profiles'!$G$22=$B$17,14,0)+IF('Standard Profiles'!$G$22=$B$24,21,0),MOD($C4526,24)+1)/SUM(INDEX($D$3:$AA$30,INDEX(Jesper!$R$2:$R$366,ROW(INDEX(Jesper!AL$2:AL$366,ROUNDDOWN($C4526/24,0)+1,1))-1)+IF('Standard Profiles'!$G$22=$B$10,7,0)+IF('Standard Profiles'!$G$22=$B$17,14,0)+IF('Standard Profiles'!$G$22=$B$24,21,0),0)),0)</f>
        <v>0</v>
      </c>
      <c r="I4526">
        <f t="shared" si="510"/>
        <v>7.9421396892416965E-2</v>
      </c>
      <c r="J4526">
        <f t="shared" si="511"/>
        <v>0.26473798964138989</v>
      </c>
      <c r="K4526">
        <f t="shared" si="512"/>
        <v>0.39710698446208487</v>
      </c>
      <c r="L4526">
        <f t="shared" si="513"/>
        <v>6.5581778046877179</v>
      </c>
      <c r="M4526">
        <f t="shared" si="514"/>
        <v>0</v>
      </c>
      <c r="N4526" s="46">
        <f t="shared" si="515"/>
        <v>45479.166666655772</v>
      </c>
    </row>
    <row r="4527" spans="2:14" x14ac:dyDescent="0.3">
      <c r="B4527">
        <f t="shared" si="509"/>
        <v>6</v>
      </c>
      <c r="C4527" s="16">
        <v>4493</v>
      </c>
      <c r="D4527" cm="1">
        <f t="array" ref="D4527">IFERROR(INDEX(Jesper!AH$2:AH$366,ROUNDDOWN($C4527/24,0)+1,1)*INDEX($D$3:$AA$30,INDEX(Jesper!$R$2:$R$366,ROW(INDEX(Jesper!AH$2:AH$366,ROUNDDOWN($C4527/24,0)+1,1))-1)+IF('Standard Profiles'!$G$18=$B$10,7,0)+IF('Standard Profiles'!$G$18=$B$17,14,0)+IF('Standard Profiles'!$G$18=$B$24,21,0),MOD($C4527,24)+1)/SUM(INDEX($D$3:$AA$30,INDEX(Jesper!$R$2:$R$366,ROW(INDEX(Jesper!AH$2:AH$366,ROUNDDOWN($C4527/24,0)+1,1))-1)+IF('Standard Profiles'!$G$18=$B$10,7,0)+IF('Standard Profiles'!$G$18=$B$17,14,0)+IF('Standard Profiles'!$G$18=$B$24,21,0),0)),0)</f>
        <v>7.9832000043674851</v>
      </c>
      <c r="E4527" cm="1">
        <f t="array" ref="E4527">IFERROR(INDEX(Jesper!AI$2:AI$366,ROUNDDOWN($C4527/24,0)+1,1)*INDEX($D$3:$AA$30,INDEX(Jesper!$R$2:$R$366,ROW(INDEX(Jesper!AI$2:AI$366,ROUNDDOWN($C4527/24,0)+1,1))-1)+IF('Standard Profiles'!$G$19=$B$10,7,0)+IF('Standard Profiles'!$G$19=$B$17,14,0)+IF('Standard Profiles'!$G$19=$B$24,21,0),MOD($C4527,24)+1)/SUM(INDEX($D$3:$AA$30,INDEX(Jesper!$R$2:$R$366,ROW(INDEX(Jesper!AI$2:AI$366,ROUNDDOWN($C4527/24,0)+1,1))-1)+IF('Standard Profiles'!$G$19=$B$10,7,0)+IF('Standard Profiles'!$G$19=$B$17,14,0)+IF('Standard Profiles'!$G$19=$B$24,21,0),0)),0)</f>
        <v>1.0965964092877372</v>
      </c>
      <c r="F4527" cm="1">
        <f t="array" ref="F4527">IFERROR(INDEX(Jesper!AJ$2:AJ$366,ROUNDDOWN($C4527/24,0)+1,1)*INDEX($D$3:$AA$30,INDEX(Jesper!$R$2:$R$366,ROW(INDEX(Jesper!AJ$2:AJ$366,ROUNDDOWN($C4527/24,0)+1,1))-1)+IF('Standard Profiles'!$G$20=$B$10,7,0)+IF('Standard Profiles'!$G$20=$B$17,14,0)+IF('Standard Profiles'!$G$20=$B$24,21,0),MOD($C4527,24)+1)/SUM(INDEX($D$3:$AA$30,INDEX(Jesper!$R$2:$R$366,ROW(INDEX(Jesper!AJ$2:AJ$366,ROUNDDOWN($C4527/24,0)+1,1))-1)+IF('Standard Profiles'!$G$20=$B$10,7,0)+IF('Standard Profiles'!$G$20=$B$17,14,0)+IF('Standard Profiles'!$G$20=$B$24,21,0),0)),0)</f>
        <v>0</v>
      </c>
      <c r="G4527" cm="1">
        <f t="array" ref="G4527">IFERROR(INDEX(Jesper!AK$2:AK$366,ROUNDDOWN($C4527/24,0)+1,1)*INDEX($D$3:$AA$30,INDEX(Jesper!$R$2:$R$366,ROW(INDEX(Jesper!AK$2:AK$366,ROUNDDOWN($C4527/24,0)+1,1))-1)+IF('Standard Profiles'!$G$21=$B$10,7,0)+IF('Standard Profiles'!$G$21=$B$17,14,0)+IF('Standard Profiles'!$G$21=$B$24,21,0),MOD($C4527,24)+1)/SUM(INDEX($D$3:$AA$30,INDEX(Jesper!$R$2:$R$366,ROW(INDEX(Jesper!AK$2:AK$366,ROUNDDOWN($C4527/24,0)+1,1))-1)+IF('Standard Profiles'!$G$21=$B$10,7,0)+IF('Standard Profiles'!$G$21=$B$17,14,0)+IF('Standard Profiles'!$G$21=$B$24,21,0),0)),0)</f>
        <v>0</v>
      </c>
      <c r="H4527" cm="1">
        <f t="array" ref="H4527">IFERROR(INDEX(Jesper!AL$2:AL$366,ROUNDDOWN($C4527/24,0)+1,1)*INDEX($D$3:$AA$30,INDEX(Jesper!$R$2:$R$366,ROW(INDEX(Jesper!AL$2:AL$366,ROUNDDOWN($C4527/24,0)+1,1))-1)+IF('Standard Profiles'!$G$22=$B$10,7,0)+IF('Standard Profiles'!$G$22=$B$17,14,0)+IF('Standard Profiles'!$G$22=$B$24,21,0),MOD($C4527,24)+1)/SUM(INDEX($D$3:$AA$30,INDEX(Jesper!$R$2:$R$366,ROW(INDEX(Jesper!AL$2:AL$366,ROUNDDOWN($C4527/24,0)+1,1))-1)+IF('Standard Profiles'!$G$22=$B$10,7,0)+IF('Standard Profiles'!$G$22=$B$17,14,0)+IF('Standard Profiles'!$G$22=$B$24,21,0),0)),0)</f>
        <v>0</v>
      </c>
      <c r="I4527">
        <f t="shared" si="510"/>
        <v>9.8792469305201566E-2</v>
      </c>
      <c r="J4527">
        <f t="shared" si="511"/>
        <v>0.32930823101733864</v>
      </c>
      <c r="K4527">
        <f t="shared" si="512"/>
        <v>0.4939623465260079</v>
      </c>
      <c r="L4527">
        <f t="shared" si="513"/>
        <v>8.1577333668066743</v>
      </c>
      <c r="M4527">
        <f t="shared" si="514"/>
        <v>0</v>
      </c>
      <c r="N4527" s="46">
        <f t="shared" si="515"/>
        <v>45479.208333322436</v>
      </c>
    </row>
    <row r="4528" spans="2:14" x14ac:dyDescent="0.3">
      <c r="B4528">
        <f t="shared" si="509"/>
        <v>6</v>
      </c>
      <c r="C4528" s="16">
        <v>4494</v>
      </c>
      <c r="D4528" cm="1">
        <f t="array" ref="D4528">IFERROR(INDEX(Jesper!AH$2:AH$366,ROUNDDOWN($C4528/24,0)+1,1)*INDEX($D$3:$AA$30,INDEX(Jesper!$R$2:$R$366,ROW(INDEX(Jesper!AH$2:AH$366,ROUNDDOWN($C4528/24,0)+1,1))-1)+IF('Standard Profiles'!$G$18=$B$10,7,0)+IF('Standard Profiles'!$G$18=$B$17,14,0)+IF('Standard Profiles'!$G$18=$B$24,21,0),MOD($C4528,24)+1)/SUM(INDEX($D$3:$AA$30,INDEX(Jesper!$R$2:$R$366,ROW(INDEX(Jesper!AH$2:AH$366,ROUNDDOWN($C4528/24,0)+1,1))-1)+IF('Standard Profiles'!$G$18=$B$10,7,0)+IF('Standard Profiles'!$G$18=$B$17,14,0)+IF('Standard Profiles'!$G$18=$B$24,21,0),0)),0)</f>
        <v>10.018133338814097</v>
      </c>
      <c r="E4528" cm="1">
        <f t="array" ref="E4528">IFERROR(INDEX(Jesper!AI$2:AI$366,ROUNDDOWN($C4528/24,0)+1,1)*INDEX($D$3:$AA$30,INDEX(Jesper!$R$2:$R$366,ROW(INDEX(Jesper!AI$2:AI$366,ROUNDDOWN($C4528/24,0)+1,1))-1)+IF('Standard Profiles'!$G$19=$B$10,7,0)+IF('Standard Profiles'!$G$19=$B$17,14,0)+IF('Standard Profiles'!$G$19=$B$24,21,0),MOD($C4528,24)+1)/SUM(INDEX($D$3:$AA$30,INDEX(Jesper!$R$2:$R$366,ROW(INDEX(Jesper!AI$2:AI$366,ROUNDDOWN($C4528/24,0)+1,1))-1)+IF('Standard Profiles'!$G$19=$B$10,7,0)+IF('Standard Profiles'!$G$19=$B$17,14,0)+IF('Standard Profiles'!$G$19=$B$24,21,0),0)),0)</f>
        <v>1.3761209842042192</v>
      </c>
      <c r="F4528" cm="1">
        <f t="array" ref="F4528">IFERROR(INDEX(Jesper!AJ$2:AJ$366,ROUNDDOWN($C4528/24,0)+1,1)*INDEX($D$3:$AA$30,INDEX(Jesper!$R$2:$R$366,ROW(INDEX(Jesper!AJ$2:AJ$366,ROUNDDOWN($C4528/24,0)+1,1))-1)+IF('Standard Profiles'!$G$20=$B$10,7,0)+IF('Standard Profiles'!$G$20=$B$17,14,0)+IF('Standard Profiles'!$G$20=$B$24,21,0),MOD($C4528,24)+1)/SUM(INDEX($D$3:$AA$30,INDEX(Jesper!$R$2:$R$366,ROW(INDEX(Jesper!AJ$2:AJ$366,ROUNDDOWN($C4528/24,0)+1,1))-1)+IF('Standard Profiles'!$G$20=$B$10,7,0)+IF('Standard Profiles'!$G$20=$B$17,14,0)+IF('Standard Profiles'!$G$20=$B$24,21,0),0)),0)</f>
        <v>0</v>
      </c>
      <c r="G4528" cm="1">
        <f t="array" ref="G4528">IFERROR(INDEX(Jesper!AK$2:AK$366,ROUNDDOWN($C4528/24,0)+1,1)*INDEX($D$3:$AA$30,INDEX(Jesper!$R$2:$R$366,ROW(INDEX(Jesper!AK$2:AK$366,ROUNDDOWN($C4528/24,0)+1,1))-1)+IF('Standard Profiles'!$G$21=$B$10,7,0)+IF('Standard Profiles'!$G$21=$B$17,14,0)+IF('Standard Profiles'!$G$21=$B$24,21,0),MOD($C4528,24)+1)/SUM(INDEX($D$3:$AA$30,INDEX(Jesper!$R$2:$R$366,ROW(INDEX(Jesper!AK$2:AK$366,ROUNDDOWN($C4528/24,0)+1,1))-1)+IF('Standard Profiles'!$G$21=$B$10,7,0)+IF('Standard Profiles'!$G$21=$B$17,14,0)+IF('Standard Profiles'!$G$21=$B$24,21,0),0)),0)</f>
        <v>0</v>
      </c>
      <c r="H4528" cm="1">
        <f t="array" ref="H4528">IFERROR(INDEX(Jesper!AL$2:AL$366,ROUNDDOWN($C4528/24,0)+1,1)*INDEX($D$3:$AA$30,INDEX(Jesper!$R$2:$R$366,ROW(INDEX(Jesper!AL$2:AL$366,ROUNDDOWN($C4528/24,0)+1,1))-1)+IF('Standard Profiles'!$G$22=$B$10,7,0)+IF('Standard Profiles'!$G$22=$B$17,14,0)+IF('Standard Profiles'!$G$22=$B$24,21,0),MOD($C4528,24)+1)/SUM(INDEX($D$3:$AA$30,INDEX(Jesper!$R$2:$R$366,ROW(INDEX(Jesper!AL$2:AL$366,ROUNDDOWN($C4528/24,0)+1,1))-1)+IF('Standard Profiles'!$G$22=$B$10,7,0)+IF('Standard Profiles'!$G$22=$B$17,14,0)+IF('Standard Profiles'!$G$22=$B$24,21,0),0)),0)</f>
        <v>0</v>
      </c>
      <c r="I4528">
        <f t="shared" si="510"/>
        <v>0.12397486344182158</v>
      </c>
      <c r="J4528">
        <f t="shared" si="511"/>
        <v>0.41324954480607201</v>
      </c>
      <c r="K4528">
        <f t="shared" si="512"/>
        <v>0.61987431720910802</v>
      </c>
      <c r="L4528">
        <f t="shared" si="513"/>
        <v>10.237155597561316</v>
      </c>
      <c r="M4528">
        <f t="shared" si="514"/>
        <v>0</v>
      </c>
      <c r="N4528" s="46">
        <f t="shared" si="515"/>
        <v>45479.249999989101</v>
      </c>
    </row>
    <row r="4529" spans="2:14" x14ac:dyDescent="0.3">
      <c r="B4529">
        <f t="shared" si="509"/>
        <v>6</v>
      </c>
      <c r="C4529" s="16">
        <v>4495</v>
      </c>
      <c r="D4529" cm="1">
        <f t="array" ref="D4529">IFERROR(INDEX(Jesper!AH$2:AH$366,ROUNDDOWN($C4529/24,0)+1,1)*INDEX($D$3:$AA$30,INDEX(Jesper!$R$2:$R$366,ROW(INDEX(Jesper!AH$2:AH$366,ROUNDDOWN($C4529/24,0)+1,1))-1)+IF('Standard Profiles'!$G$18=$B$10,7,0)+IF('Standard Profiles'!$G$18=$B$17,14,0)+IF('Standard Profiles'!$G$18=$B$24,21,0),MOD($C4529,24)+1)/SUM(INDEX($D$3:$AA$30,INDEX(Jesper!$R$2:$R$366,ROW(INDEX(Jesper!AH$2:AH$366,ROUNDDOWN($C4529/24,0)+1,1))-1)+IF('Standard Profiles'!$G$18=$B$10,7,0)+IF('Standard Profiles'!$G$18=$B$17,14,0)+IF('Standard Profiles'!$G$18=$B$24,21,0),0)),0)</f>
        <v>11.42693333958483</v>
      </c>
      <c r="E4529" cm="1">
        <f t="array" ref="E4529">IFERROR(INDEX(Jesper!AI$2:AI$366,ROUNDDOWN($C4529/24,0)+1,1)*INDEX($D$3:$AA$30,INDEX(Jesper!$R$2:$R$366,ROW(INDEX(Jesper!AI$2:AI$366,ROUNDDOWN($C4529/24,0)+1,1))-1)+IF('Standard Profiles'!$G$19=$B$10,7,0)+IF('Standard Profiles'!$G$19=$B$17,14,0)+IF('Standard Profiles'!$G$19=$B$24,21,0),MOD($C4529,24)+1)/SUM(INDEX($D$3:$AA$30,INDEX(Jesper!$R$2:$R$366,ROW(INDEX(Jesper!AI$2:AI$366,ROUNDDOWN($C4529/24,0)+1,1))-1)+IF('Standard Profiles'!$G$19=$B$10,7,0)+IF('Standard Profiles'!$G$19=$B$17,14,0)+IF('Standard Profiles'!$G$19=$B$24,21,0),0)),0)</f>
        <v>1.5696379976079375</v>
      </c>
      <c r="F4529" cm="1">
        <f t="array" ref="F4529">IFERROR(INDEX(Jesper!AJ$2:AJ$366,ROUNDDOWN($C4529/24,0)+1,1)*INDEX($D$3:$AA$30,INDEX(Jesper!$R$2:$R$366,ROW(INDEX(Jesper!AJ$2:AJ$366,ROUNDDOWN($C4529/24,0)+1,1))-1)+IF('Standard Profiles'!$G$20=$B$10,7,0)+IF('Standard Profiles'!$G$20=$B$17,14,0)+IF('Standard Profiles'!$G$20=$B$24,21,0),MOD($C4529,24)+1)/SUM(INDEX($D$3:$AA$30,INDEX(Jesper!$R$2:$R$366,ROW(INDEX(Jesper!AJ$2:AJ$366,ROUNDDOWN($C4529/24,0)+1,1))-1)+IF('Standard Profiles'!$G$20=$B$10,7,0)+IF('Standard Profiles'!$G$20=$B$17,14,0)+IF('Standard Profiles'!$G$20=$B$24,21,0),0)),0)</f>
        <v>0</v>
      </c>
      <c r="G4529" cm="1">
        <f t="array" ref="G4529">IFERROR(INDEX(Jesper!AK$2:AK$366,ROUNDDOWN($C4529/24,0)+1,1)*INDEX($D$3:$AA$30,INDEX(Jesper!$R$2:$R$366,ROW(INDEX(Jesper!AK$2:AK$366,ROUNDDOWN($C4529/24,0)+1,1))-1)+IF('Standard Profiles'!$G$21=$B$10,7,0)+IF('Standard Profiles'!$G$21=$B$17,14,0)+IF('Standard Profiles'!$G$21=$B$24,21,0),MOD($C4529,24)+1)/SUM(INDEX($D$3:$AA$30,INDEX(Jesper!$R$2:$R$366,ROW(INDEX(Jesper!AK$2:AK$366,ROUNDDOWN($C4529/24,0)+1,1))-1)+IF('Standard Profiles'!$G$21=$B$10,7,0)+IF('Standard Profiles'!$G$21=$B$17,14,0)+IF('Standard Profiles'!$G$21=$B$24,21,0),0)),0)</f>
        <v>0</v>
      </c>
      <c r="H4529" cm="1">
        <f t="array" ref="H4529">IFERROR(INDEX(Jesper!AL$2:AL$366,ROUNDDOWN($C4529/24,0)+1,1)*INDEX($D$3:$AA$30,INDEX(Jesper!$R$2:$R$366,ROW(INDEX(Jesper!AL$2:AL$366,ROUNDDOWN($C4529/24,0)+1,1))-1)+IF('Standard Profiles'!$G$22=$B$10,7,0)+IF('Standard Profiles'!$G$22=$B$17,14,0)+IF('Standard Profiles'!$G$22=$B$24,21,0),MOD($C4529,24)+1)/SUM(INDEX($D$3:$AA$30,INDEX(Jesper!$R$2:$R$366,ROW(INDEX(Jesper!AL$2:AL$366,ROUNDDOWN($C4529/24,0)+1,1))-1)+IF('Standard Profiles'!$G$22=$B$10,7,0)+IF('Standard Profiles'!$G$22=$B$17,14,0)+IF('Standard Profiles'!$G$22=$B$24,21,0),0)),0)</f>
        <v>0</v>
      </c>
      <c r="I4529">
        <f t="shared" si="510"/>
        <v>0.14140882861332774</v>
      </c>
      <c r="J4529">
        <f t="shared" si="511"/>
        <v>0.47136276204442584</v>
      </c>
      <c r="K4529">
        <f t="shared" si="512"/>
        <v>0.70704414306663876</v>
      </c>
      <c r="L4529">
        <f t="shared" si="513"/>
        <v>11.676755603468376</v>
      </c>
      <c r="M4529">
        <f t="shared" si="514"/>
        <v>0</v>
      </c>
      <c r="N4529" s="46">
        <f t="shared" si="515"/>
        <v>45479.291666655765</v>
      </c>
    </row>
    <row r="4530" spans="2:14" x14ac:dyDescent="0.3">
      <c r="B4530">
        <f t="shared" si="509"/>
        <v>6</v>
      </c>
      <c r="C4530" s="16">
        <v>4496</v>
      </c>
      <c r="D4530" cm="1">
        <f t="array" ref="D4530">IFERROR(INDEX(Jesper!AH$2:AH$366,ROUNDDOWN($C4530/24,0)+1,1)*INDEX($D$3:$AA$30,INDEX(Jesper!$R$2:$R$366,ROW(INDEX(Jesper!AH$2:AH$366,ROUNDDOWN($C4530/24,0)+1,1))-1)+IF('Standard Profiles'!$G$18=$B$10,7,0)+IF('Standard Profiles'!$G$18=$B$17,14,0)+IF('Standard Profiles'!$G$18=$B$24,21,0),MOD($C4530,24)+1)/SUM(INDEX($D$3:$AA$30,INDEX(Jesper!$R$2:$R$366,ROW(INDEX(Jesper!AH$2:AH$366,ROUNDDOWN($C4530/24,0)+1,1))-1)+IF('Standard Profiles'!$G$18=$B$10,7,0)+IF('Standard Profiles'!$G$18=$B$17,14,0)+IF('Standard Profiles'!$G$18=$B$24,21,0),0)),0)</f>
        <v>11.42693333958483</v>
      </c>
      <c r="E4530" cm="1">
        <f t="array" ref="E4530">IFERROR(INDEX(Jesper!AI$2:AI$366,ROUNDDOWN($C4530/24,0)+1,1)*INDEX($D$3:$AA$30,INDEX(Jesper!$R$2:$R$366,ROW(INDEX(Jesper!AI$2:AI$366,ROUNDDOWN($C4530/24,0)+1,1))-1)+IF('Standard Profiles'!$G$19=$B$10,7,0)+IF('Standard Profiles'!$G$19=$B$17,14,0)+IF('Standard Profiles'!$G$19=$B$24,21,0),MOD($C4530,24)+1)/SUM(INDEX($D$3:$AA$30,INDEX(Jesper!$R$2:$R$366,ROW(INDEX(Jesper!AI$2:AI$366,ROUNDDOWN($C4530/24,0)+1,1))-1)+IF('Standard Profiles'!$G$19=$B$10,7,0)+IF('Standard Profiles'!$G$19=$B$17,14,0)+IF('Standard Profiles'!$G$19=$B$24,21,0),0)),0)</f>
        <v>1.5696379976079375</v>
      </c>
      <c r="F4530" cm="1">
        <f t="array" ref="F4530">IFERROR(INDEX(Jesper!AJ$2:AJ$366,ROUNDDOWN($C4530/24,0)+1,1)*INDEX($D$3:$AA$30,INDEX(Jesper!$R$2:$R$366,ROW(INDEX(Jesper!AJ$2:AJ$366,ROUNDDOWN($C4530/24,0)+1,1))-1)+IF('Standard Profiles'!$G$20=$B$10,7,0)+IF('Standard Profiles'!$G$20=$B$17,14,0)+IF('Standard Profiles'!$G$20=$B$24,21,0),MOD($C4530,24)+1)/SUM(INDEX($D$3:$AA$30,INDEX(Jesper!$R$2:$R$366,ROW(INDEX(Jesper!AJ$2:AJ$366,ROUNDDOWN($C4530/24,0)+1,1))-1)+IF('Standard Profiles'!$G$20=$B$10,7,0)+IF('Standard Profiles'!$G$20=$B$17,14,0)+IF('Standard Profiles'!$G$20=$B$24,21,0),0)),0)</f>
        <v>0</v>
      </c>
      <c r="G4530" cm="1">
        <f t="array" ref="G4530">IFERROR(INDEX(Jesper!AK$2:AK$366,ROUNDDOWN($C4530/24,0)+1,1)*INDEX($D$3:$AA$30,INDEX(Jesper!$R$2:$R$366,ROW(INDEX(Jesper!AK$2:AK$366,ROUNDDOWN($C4530/24,0)+1,1))-1)+IF('Standard Profiles'!$G$21=$B$10,7,0)+IF('Standard Profiles'!$G$21=$B$17,14,0)+IF('Standard Profiles'!$G$21=$B$24,21,0),MOD($C4530,24)+1)/SUM(INDEX($D$3:$AA$30,INDEX(Jesper!$R$2:$R$366,ROW(INDEX(Jesper!AK$2:AK$366,ROUNDDOWN($C4530/24,0)+1,1))-1)+IF('Standard Profiles'!$G$21=$B$10,7,0)+IF('Standard Profiles'!$G$21=$B$17,14,0)+IF('Standard Profiles'!$G$21=$B$24,21,0),0)),0)</f>
        <v>0</v>
      </c>
      <c r="H4530" cm="1">
        <f t="array" ref="H4530">IFERROR(INDEX(Jesper!AL$2:AL$366,ROUNDDOWN($C4530/24,0)+1,1)*INDEX($D$3:$AA$30,INDEX(Jesper!$R$2:$R$366,ROW(INDEX(Jesper!AL$2:AL$366,ROUNDDOWN($C4530/24,0)+1,1))-1)+IF('Standard Profiles'!$G$22=$B$10,7,0)+IF('Standard Profiles'!$G$22=$B$17,14,0)+IF('Standard Profiles'!$G$22=$B$24,21,0),MOD($C4530,24)+1)/SUM(INDEX($D$3:$AA$30,INDEX(Jesper!$R$2:$R$366,ROW(INDEX(Jesper!AL$2:AL$366,ROUNDDOWN($C4530/24,0)+1,1))-1)+IF('Standard Profiles'!$G$22=$B$10,7,0)+IF('Standard Profiles'!$G$22=$B$17,14,0)+IF('Standard Profiles'!$G$22=$B$24,21,0),0)),0)</f>
        <v>0</v>
      </c>
      <c r="I4530">
        <f t="shared" si="510"/>
        <v>0.14140882861332774</v>
      </c>
      <c r="J4530">
        <f t="shared" si="511"/>
        <v>0.47136276204442584</v>
      </c>
      <c r="K4530">
        <f t="shared" si="512"/>
        <v>0.70704414306663876</v>
      </c>
      <c r="L4530">
        <f t="shared" si="513"/>
        <v>11.676755603468376</v>
      </c>
      <c r="M4530">
        <f t="shared" si="514"/>
        <v>0</v>
      </c>
      <c r="N4530" s="46">
        <f t="shared" si="515"/>
        <v>45479.333333322429</v>
      </c>
    </row>
    <row r="4531" spans="2:14" x14ac:dyDescent="0.3">
      <c r="B4531">
        <f t="shared" si="509"/>
        <v>6</v>
      </c>
      <c r="C4531" s="16">
        <v>4497</v>
      </c>
      <c r="D4531" cm="1">
        <f t="array" ref="D4531">IFERROR(INDEX(Jesper!AH$2:AH$366,ROUNDDOWN($C4531/24,0)+1,1)*INDEX($D$3:$AA$30,INDEX(Jesper!$R$2:$R$366,ROW(INDEX(Jesper!AH$2:AH$366,ROUNDDOWN($C4531/24,0)+1,1))-1)+IF('Standard Profiles'!$G$18=$B$10,7,0)+IF('Standard Profiles'!$G$18=$B$17,14,0)+IF('Standard Profiles'!$G$18=$B$24,21,0),MOD($C4531,24)+1)/SUM(INDEX($D$3:$AA$30,INDEX(Jesper!$R$2:$R$366,ROW(INDEX(Jesper!AH$2:AH$366,ROUNDDOWN($C4531/24,0)+1,1))-1)+IF('Standard Profiles'!$G$18=$B$10,7,0)+IF('Standard Profiles'!$G$18=$B$17,14,0)+IF('Standard Profiles'!$G$18=$B$24,21,0),0)),0)</f>
        <v>11.42693333958483</v>
      </c>
      <c r="E4531" cm="1">
        <f t="array" ref="E4531">IFERROR(INDEX(Jesper!AI$2:AI$366,ROUNDDOWN($C4531/24,0)+1,1)*INDEX($D$3:$AA$30,INDEX(Jesper!$R$2:$R$366,ROW(INDEX(Jesper!AI$2:AI$366,ROUNDDOWN($C4531/24,0)+1,1))-1)+IF('Standard Profiles'!$G$19=$B$10,7,0)+IF('Standard Profiles'!$G$19=$B$17,14,0)+IF('Standard Profiles'!$G$19=$B$24,21,0),MOD($C4531,24)+1)/SUM(INDEX($D$3:$AA$30,INDEX(Jesper!$R$2:$R$366,ROW(INDEX(Jesper!AI$2:AI$366,ROUNDDOWN($C4531/24,0)+1,1))-1)+IF('Standard Profiles'!$G$19=$B$10,7,0)+IF('Standard Profiles'!$G$19=$B$17,14,0)+IF('Standard Profiles'!$G$19=$B$24,21,0),0)),0)</f>
        <v>1.5696379976079375</v>
      </c>
      <c r="F4531" cm="1">
        <f t="array" ref="F4531">IFERROR(INDEX(Jesper!AJ$2:AJ$366,ROUNDDOWN($C4531/24,0)+1,1)*INDEX($D$3:$AA$30,INDEX(Jesper!$R$2:$R$366,ROW(INDEX(Jesper!AJ$2:AJ$366,ROUNDDOWN($C4531/24,0)+1,1))-1)+IF('Standard Profiles'!$G$20=$B$10,7,0)+IF('Standard Profiles'!$G$20=$B$17,14,0)+IF('Standard Profiles'!$G$20=$B$24,21,0),MOD($C4531,24)+1)/SUM(INDEX($D$3:$AA$30,INDEX(Jesper!$R$2:$R$366,ROW(INDEX(Jesper!AJ$2:AJ$366,ROUNDDOWN($C4531/24,0)+1,1))-1)+IF('Standard Profiles'!$G$20=$B$10,7,0)+IF('Standard Profiles'!$G$20=$B$17,14,0)+IF('Standard Profiles'!$G$20=$B$24,21,0),0)),0)</f>
        <v>0</v>
      </c>
      <c r="G4531" cm="1">
        <f t="array" ref="G4531">IFERROR(INDEX(Jesper!AK$2:AK$366,ROUNDDOWN($C4531/24,0)+1,1)*INDEX($D$3:$AA$30,INDEX(Jesper!$R$2:$R$366,ROW(INDEX(Jesper!AK$2:AK$366,ROUNDDOWN($C4531/24,0)+1,1))-1)+IF('Standard Profiles'!$G$21=$B$10,7,0)+IF('Standard Profiles'!$G$21=$B$17,14,0)+IF('Standard Profiles'!$G$21=$B$24,21,0),MOD($C4531,24)+1)/SUM(INDEX($D$3:$AA$30,INDEX(Jesper!$R$2:$R$366,ROW(INDEX(Jesper!AK$2:AK$366,ROUNDDOWN($C4531/24,0)+1,1))-1)+IF('Standard Profiles'!$G$21=$B$10,7,0)+IF('Standard Profiles'!$G$21=$B$17,14,0)+IF('Standard Profiles'!$G$21=$B$24,21,0),0)),0)</f>
        <v>0</v>
      </c>
      <c r="H4531" cm="1">
        <f t="array" ref="H4531">IFERROR(INDEX(Jesper!AL$2:AL$366,ROUNDDOWN($C4531/24,0)+1,1)*INDEX($D$3:$AA$30,INDEX(Jesper!$R$2:$R$366,ROW(INDEX(Jesper!AL$2:AL$366,ROUNDDOWN($C4531/24,0)+1,1))-1)+IF('Standard Profiles'!$G$22=$B$10,7,0)+IF('Standard Profiles'!$G$22=$B$17,14,0)+IF('Standard Profiles'!$G$22=$B$24,21,0),MOD($C4531,24)+1)/SUM(INDEX($D$3:$AA$30,INDEX(Jesper!$R$2:$R$366,ROW(INDEX(Jesper!AL$2:AL$366,ROUNDDOWN($C4531/24,0)+1,1))-1)+IF('Standard Profiles'!$G$22=$B$10,7,0)+IF('Standard Profiles'!$G$22=$B$17,14,0)+IF('Standard Profiles'!$G$22=$B$24,21,0),0)),0)</f>
        <v>0</v>
      </c>
      <c r="I4531">
        <f t="shared" si="510"/>
        <v>0.14140882861332774</v>
      </c>
      <c r="J4531">
        <f t="shared" si="511"/>
        <v>0.47136276204442584</v>
      </c>
      <c r="K4531">
        <f t="shared" si="512"/>
        <v>0.70704414306663876</v>
      </c>
      <c r="L4531">
        <f t="shared" si="513"/>
        <v>11.676755603468376</v>
      </c>
      <c r="M4531">
        <f t="shared" si="514"/>
        <v>0</v>
      </c>
      <c r="N4531" s="46">
        <f t="shared" si="515"/>
        <v>45479.374999989093</v>
      </c>
    </row>
    <row r="4532" spans="2:14" x14ac:dyDescent="0.3">
      <c r="B4532">
        <f t="shared" si="509"/>
        <v>6</v>
      </c>
      <c r="C4532" s="16">
        <v>4498</v>
      </c>
      <c r="D4532" cm="1">
        <f t="array" ref="D4532">IFERROR(INDEX(Jesper!AH$2:AH$366,ROUNDDOWN($C4532/24,0)+1,1)*INDEX($D$3:$AA$30,INDEX(Jesper!$R$2:$R$366,ROW(INDEX(Jesper!AH$2:AH$366,ROUNDDOWN($C4532/24,0)+1,1))-1)+IF('Standard Profiles'!$G$18=$B$10,7,0)+IF('Standard Profiles'!$G$18=$B$17,14,0)+IF('Standard Profiles'!$G$18=$B$24,21,0),MOD($C4532,24)+1)/SUM(INDEX($D$3:$AA$30,INDEX(Jesper!$R$2:$R$366,ROW(INDEX(Jesper!AH$2:AH$366,ROUNDDOWN($C4532/24,0)+1,1))-1)+IF('Standard Profiles'!$G$18=$B$10,7,0)+IF('Standard Profiles'!$G$18=$B$17,14,0)+IF('Standard Profiles'!$G$18=$B$24,21,0),0)),0)</f>
        <v>11.42693333958483</v>
      </c>
      <c r="E4532" cm="1">
        <f t="array" ref="E4532">IFERROR(INDEX(Jesper!AI$2:AI$366,ROUNDDOWN($C4532/24,0)+1,1)*INDEX($D$3:$AA$30,INDEX(Jesper!$R$2:$R$366,ROW(INDEX(Jesper!AI$2:AI$366,ROUNDDOWN($C4532/24,0)+1,1))-1)+IF('Standard Profiles'!$G$19=$B$10,7,0)+IF('Standard Profiles'!$G$19=$B$17,14,0)+IF('Standard Profiles'!$G$19=$B$24,21,0),MOD($C4532,24)+1)/SUM(INDEX($D$3:$AA$30,INDEX(Jesper!$R$2:$R$366,ROW(INDEX(Jesper!AI$2:AI$366,ROUNDDOWN($C4532/24,0)+1,1))-1)+IF('Standard Profiles'!$G$19=$B$10,7,0)+IF('Standard Profiles'!$G$19=$B$17,14,0)+IF('Standard Profiles'!$G$19=$B$24,21,0),0)),0)</f>
        <v>1.5696379976079375</v>
      </c>
      <c r="F4532" cm="1">
        <f t="array" ref="F4532">IFERROR(INDEX(Jesper!AJ$2:AJ$366,ROUNDDOWN($C4532/24,0)+1,1)*INDEX($D$3:$AA$30,INDEX(Jesper!$R$2:$R$366,ROW(INDEX(Jesper!AJ$2:AJ$366,ROUNDDOWN($C4532/24,0)+1,1))-1)+IF('Standard Profiles'!$G$20=$B$10,7,0)+IF('Standard Profiles'!$G$20=$B$17,14,0)+IF('Standard Profiles'!$G$20=$B$24,21,0),MOD($C4532,24)+1)/SUM(INDEX($D$3:$AA$30,INDEX(Jesper!$R$2:$R$366,ROW(INDEX(Jesper!AJ$2:AJ$366,ROUNDDOWN($C4532/24,0)+1,1))-1)+IF('Standard Profiles'!$G$20=$B$10,7,0)+IF('Standard Profiles'!$G$20=$B$17,14,0)+IF('Standard Profiles'!$G$20=$B$24,21,0),0)),0)</f>
        <v>0</v>
      </c>
      <c r="G4532" cm="1">
        <f t="array" ref="G4532">IFERROR(INDEX(Jesper!AK$2:AK$366,ROUNDDOWN($C4532/24,0)+1,1)*INDEX($D$3:$AA$30,INDEX(Jesper!$R$2:$R$366,ROW(INDEX(Jesper!AK$2:AK$366,ROUNDDOWN($C4532/24,0)+1,1))-1)+IF('Standard Profiles'!$G$21=$B$10,7,0)+IF('Standard Profiles'!$G$21=$B$17,14,0)+IF('Standard Profiles'!$G$21=$B$24,21,0),MOD($C4532,24)+1)/SUM(INDEX($D$3:$AA$30,INDEX(Jesper!$R$2:$R$366,ROW(INDEX(Jesper!AK$2:AK$366,ROUNDDOWN($C4532/24,0)+1,1))-1)+IF('Standard Profiles'!$G$21=$B$10,7,0)+IF('Standard Profiles'!$G$21=$B$17,14,0)+IF('Standard Profiles'!$G$21=$B$24,21,0),0)),0)</f>
        <v>0</v>
      </c>
      <c r="H4532" cm="1">
        <f t="array" ref="H4532">IFERROR(INDEX(Jesper!AL$2:AL$366,ROUNDDOWN($C4532/24,0)+1,1)*INDEX($D$3:$AA$30,INDEX(Jesper!$R$2:$R$366,ROW(INDEX(Jesper!AL$2:AL$366,ROUNDDOWN($C4532/24,0)+1,1))-1)+IF('Standard Profiles'!$G$22=$B$10,7,0)+IF('Standard Profiles'!$G$22=$B$17,14,0)+IF('Standard Profiles'!$G$22=$B$24,21,0),MOD($C4532,24)+1)/SUM(INDEX($D$3:$AA$30,INDEX(Jesper!$R$2:$R$366,ROW(INDEX(Jesper!AL$2:AL$366,ROUNDDOWN($C4532/24,0)+1,1))-1)+IF('Standard Profiles'!$G$22=$B$10,7,0)+IF('Standard Profiles'!$G$22=$B$17,14,0)+IF('Standard Profiles'!$G$22=$B$24,21,0),0)),0)</f>
        <v>0</v>
      </c>
      <c r="I4532">
        <f t="shared" si="510"/>
        <v>0.14140882861332774</v>
      </c>
      <c r="J4532">
        <f t="shared" si="511"/>
        <v>0.47136276204442584</v>
      </c>
      <c r="K4532">
        <f t="shared" si="512"/>
        <v>0.70704414306663876</v>
      </c>
      <c r="L4532">
        <f t="shared" si="513"/>
        <v>11.676755603468376</v>
      </c>
      <c r="M4532">
        <f t="shared" si="514"/>
        <v>0</v>
      </c>
      <c r="N4532" s="46">
        <f t="shared" si="515"/>
        <v>45479.416666655758</v>
      </c>
    </row>
    <row r="4533" spans="2:14" x14ac:dyDescent="0.3">
      <c r="B4533">
        <f t="shared" si="509"/>
        <v>6</v>
      </c>
      <c r="C4533" s="16">
        <v>4499</v>
      </c>
      <c r="D4533" cm="1">
        <f t="array" ref="D4533">IFERROR(INDEX(Jesper!AH$2:AH$366,ROUNDDOWN($C4533/24,0)+1,1)*INDEX($D$3:$AA$30,INDEX(Jesper!$R$2:$R$366,ROW(INDEX(Jesper!AH$2:AH$366,ROUNDDOWN($C4533/24,0)+1,1))-1)+IF('Standard Profiles'!$G$18=$B$10,7,0)+IF('Standard Profiles'!$G$18=$B$17,14,0)+IF('Standard Profiles'!$G$18=$B$24,21,0),MOD($C4533,24)+1)/SUM(INDEX($D$3:$AA$30,INDEX(Jesper!$R$2:$R$366,ROW(INDEX(Jesper!AH$2:AH$366,ROUNDDOWN($C4533/24,0)+1,1))-1)+IF('Standard Profiles'!$G$18=$B$10,7,0)+IF('Standard Profiles'!$G$18=$B$17,14,0)+IF('Standard Profiles'!$G$18=$B$24,21,0),0)),0)</f>
        <v>11.42693333958483</v>
      </c>
      <c r="E4533" cm="1">
        <f t="array" ref="E4533">IFERROR(INDEX(Jesper!AI$2:AI$366,ROUNDDOWN($C4533/24,0)+1,1)*INDEX($D$3:$AA$30,INDEX(Jesper!$R$2:$R$366,ROW(INDEX(Jesper!AI$2:AI$366,ROUNDDOWN($C4533/24,0)+1,1))-1)+IF('Standard Profiles'!$G$19=$B$10,7,0)+IF('Standard Profiles'!$G$19=$B$17,14,0)+IF('Standard Profiles'!$G$19=$B$24,21,0),MOD($C4533,24)+1)/SUM(INDEX($D$3:$AA$30,INDEX(Jesper!$R$2:$R$366,ROW(INDEX(Jesper!AI$2:AI$366,ROUNDDOWN($C4533/24,0)+1,1))-1)+IF('Standard Profiles'!$G$19=$B$10,7,0)+IF('Standard Profiles'!$G$19=$B$17,14,0)+IF('Standard Profiles'!$G$19=$B$24,21,0),0)),0)</f>
        <v>1.5696379976079375</v>
      </c>
      <c r="F4533" cm="1">
        <f t="array" ref="F4533">IFERROR(INDEX(Jesper!AJ$2:AJ$366,ROUNDDOWN($C4533/24,0)+1,1)*INDEX($D$3:$AA$30,INDEX(Jesper!$R$2:$R$366,ROW(INDEX(Jesper!AJ$2:AJ$366,ROUNDDOWN($C4533/24,0)+1,1))-1)+IF('Standard Profiles'!$G$20=$B$10,7,0)+IF('Standard Profiles'!$G$20=$B$17,14,0)+IF('Standard Profiles'!$G$20=$B$24,21,0),MOD($C4533,24)+1)/SUM(INDEX($D$3:$AA$30,INDEX(Jesper!$R$2:$R$366,ROW(INDEX(Jesper!AJ$2:AJ$366,ROUNDDOWN($C4533/24,0)+1,1))-1)+IF('Standard Profiles'!$G$20=$B$10,7,0)+IF('Standard Profiles'!$G$20=$B$17,14,0)+IF('Standard Profiles'!$G$20=$B$24,21,0),0)),0)</f>
        <v>0</v>
      </c>
      <c r="G4533" cm="1">
        <f t="array" ref="G4533">IFERROR(INDEX(Jesper!AK$2:AK$366,ROUNDDOWN($C4533/24,0)+1,1)*INDEX($D$3:$AA$30,INDEX(Jesper!$R$2:$R$366,ROW(INDEX(Jesper!AK$2:AK$366,ROUNDDOWN($C4533/24,0)+1,1))-1)+IF('Standard Profiles'!$G$21=$B$10,7,0)+IF('Standard Profiles'!$G$21=$B$17,14,0)+IF('Standard Profiles'!$G$21=$B$24,21,0),MOD($C4533,24)+1)/SUM(INDEX($D$3:$AA$30,INDEX(Jesper!$R$2:$R$366,ROW(INDEX(Jesper!AK$2:AK$366,ROUNDDOWN($C4533/24,0)+1,1))-1)+IF('Standard Profiles'!$G$21=$B$10,7,0)+IF('Standard Profiles'!$G$21=$B$17,14,0)+IF('Standard Profiles'!$G$21=$B$24,21,0),0)),0)</f>
        <v>0</v>
      </c>
      <c r="H4533" cm="1">
        <f t="array" ref="H4533">IFERROR(INDEX(Jesper!AL$2:AL$366,ROUNDDOWN($C4533/24,0)+1,1)*INDEX($D$3:$AA$30,INDEX(Jesper!$R$2:$R$366,ROW(INDEX(Jesper!AL$2:AL$366,ROUNDDOWN($C4533/24,0)+1,1))-1)+IF('Standard Profiles'!$G$22=$B$10,7,0)+IF('Standard Profiles'!$G$22=$B$17,14,0)+IF('Standard Profiles'!$G$22=$B$24,21,0),MOD($C4533,24)+1)/SUM(INDEX($D$3:$AA$30,INDEX(Jesper!$R$2:$R$366,ROW(INDEX(Jesper!AL$2:AL$366,ROUNDDOWN($C4533/24,0)+1,1))-1)+IF('Standard Profiles'!$G$22=$B$10,7,0)+IF('Standard Profiles'!$G$22=$B$17,14,0)+IF('Standard Profiles'!$G$22=$B$24,21,0),0)),0)</f>
        <v>0</v>
      </c>
      <c r="I4533">
        <f t="shared" si="510"/>
        <v>0.14140882861332774</v>
      </c>
      <c r="J4533">
        <f t="shared" si="511"/>
        <v>0.47136276204442584</v>
      </c>
      <c r="K4533">
        <f t="shared" si="512"/>
        <v>0.70704414306663876</v>
      </c>
      <c r="L4533">
        <f t="shared" si="513"/>
        <v>11.676755603468376</v>
      </c>
      <c r="M4533">
        <f t="shared" si="514"/>
        <v>0</v>
      </c>
      <c r="N4533" s="46">
        <f t="shared" si="515"/>
        <v>45479.458333322422</v>
      </c>
    </row>
    <row r="4534" spans="2:14" x14ac:dyDescent="0.3">
      <c r="B4534">
        <f t="shared" si="509"/>
        <v>6</v>
      </c>
      <c r="C4534" s="16">
        <v>4500</v>
      </c>
      <c r="D4534" cm="1">
        <f t="array" ref="D4534">IFERROR(INDEX(Jesper!AH$2:AH$366,ROUNDDOWN($C4534/24,0)+1,1)*INDEX($D$3:$AA$30,INDEX(Jesper!$R$2:$R$366,ROW(INDEX(Jesper!AH$2:AH$366,ROUNDDOWN($C4534/24,0)+1,1))-1)+IF('Standard Profiles'!$G$18=$B$10,7,0)+IF('Standard Profiles'!$G$18=$B$17,14,0)+IF('Standard Profiles'!$G$18=$B$24,21,0),MOD($C4534,24)+1)/SUM(INDEX($D$3:$AA$30,INDEX(Jesper!$R$2:$R$366,ROW(INDEX(Jesper!AH$2:AH$366,ROUNDDOWN($C4534/24,0)+1,1))-1)+IF('Standard Profiles'!$G$18=$B$10,7,0)+IF('Standard Profiles'!$G$18=$B$17,14,0)+IF('Standard Profiles'!$G$18=$B$24,21,0),0)),0)</f>
        <v>11.42693333958483</v>
      </c>
      <c r="E4534" cm="1">
        <f t="array" ref="E4534">IFERROR(INDEX(Jesper!AI$2:AI$366,ROUNDDOWN($C4534/24,0)+1,1)*INDEX($D$3:$AA$30,INDEX(Jesper!$R$2:$R$366,ROW(INDEX(Jesper!AI$2:AI$366,ROUNDDOWN($C4534/24,0)+1,1))-1)+IF('Standard Profiles'!$G$19=$B$10,7,0)+IF('Standard Profiles'!$G$19=$B$17,14,0)+IF('Standard Profiles'!$G$19=$B$24,21,0),MOD($C4534,24)+1)/SUM(INDEX($D$3:$AA$30,INDEX(Jesper!$R$2:$R$366,ROW(INDEX(Jesper!AI$2:AI$366,ROUNDDOWN($C4534/24,0)+1,1))-1)+IF('Standard Profiles'!$G$19=$B$10,7,0)+IF('Standard Profiles'!$G$19=$B$17,14,0)+IF('Standard Profiles'!$G$19=$B$24,21,0),0)),0)</f>
        <v>1.5696379976079375</v>
      </c>
      <c r="F4534" cm="1">
        <f t="array" ref="F4534">IFERROR(INDEX(Jesper!AJ$2:AJ$366,ROUNDDOWN($C4534/24,0)+1,1)*INDEX($D$3:$AA$30,INDEX(Jesper!$R$2:$R$366,ROW(INDEX(Jesper!AJ$2:AJ$366,ROUNDDOWN($C4534/24,0)+1,1))-1)+IF('Standard Profiles'!$G$20=$B$10,7,0)+IF('Standard Profiles'!$G$20=$B$17,14,0)+IF('Standard Profiles'!$G$20=$B$24,21,0),MOD($C4534,24)+1)/SUM(INDEX($D$3:$AA$30,INDEX(Jesper!$R$2:$R$366,ROW(INDEX(Jesper!AJ$2:AJ$366,ROUNDDOWN($C4534/24,0)+1,1))-1)+IF('Standard Profiles'!$G$20=$B$10,7,0)+IF('Standard Profiles'!$G$20=$B$17,14,0)+IF('Standard Profiles'!$G$20=$B$24,21,0),0)),0)</f>
        <v>0</v>
      </c>
      <c r="G4534" cm="1">
        <f t="array" ref="G4534">IFERROR(INDEX(Jesper!AK$2:AK$366,ROUNDDOWN($C4534/24,0)+1,1)*INDEX($D$3:$AA$30,INDEX(Jesper!$R$2:$R$366,ROW(INDEX(Jesper!AK$2:AK$366,ROUNDDOWN($C4534/24,0)+1,1))-1)+IF('Standard Profiles'!$G$21=$B$10,7,0)+IF('Standard Profiles'!$G$21=$B$17,14,0)+IF('Standard Profiles'!$G$21=$B$24,21,0),MOD($C4534,24)+1)/SUM(INDEX($D$3:$AA$30,INDEX(Jesper!$R$2:$R$366,ROW(INDEX(Jesper!AK$2:AK$366,ROUNDDOWN($C4534/24,0)+1,1))-1)+IF('Standard Profiles'!$G$21=$B$10,7,0)+IF('Standard Profiles'!$G$21=$B$17,14,0)+IF('Standard Profiles'!$G$21=$B$24,21,0),0)),0)</f>
        <v>0</v>
      </c>
      <c r="H4534" cm="1">
        <f t="array" ref="H4534">IFERROR(INDEX(Jesper!AL$2:AL$366,ROUNDDOWN($C4534/24,0)+1,1)*INDEX($D$3:$AA$30,INDEX(Jesper!$R$2:$R$366,ROW(INDEX(Jesper!AL$2:AL$366,ROUNDDOWN($C4534/24,0)+1,1))-1)+IF('Standard Profiles'!$G$22=$B$10,7,0)+IF('Standard Profiles'!$G$22=$B$17,14,0)+IF('Standard Profiles'!$G$22=$B$24,21,0),MOD($C4534,24)+1)/SUM(INDEX($D$3:$AA$30,INDEX(Jesper!$R$2:$R$366,ROW(INDEX(Jesper!AL$2:AL$366,ROUNDDOWN($C4534/24,0)+1,1))-1)+IF('Standard Profiles'!$G$22=$B$10,7,0)+IF('Standard Profiles'!$G$22=$B$17,14,0)+IF('Standard Profiles'!$G$22=$B$24,21,0),0)),0)</f>
        <v>0</v>
      </c>
      <c r="I4534">
        <f t="shared" si="510"/>
        <v>0.14140882861332774</v>
      </c>
      <c r="J4534">
        <f t="shared" si="511"/>
        <v>0.47136276204442584</v>
      </c>
      <c r="K4534">
        <f t="shared" si="512"/>
        <v>0.70704414306663876</v>
      </c>
      <c r="L4534">
        <f t="shared" si="513"/>
        <v>11.676755603468376</v>
      </c>
      <c r="M4534">
        <f t="shared" si="514"/>
        <v>0</v>
      </c>
      <c r="N4534" s="46">
        <f t="shared" si="515"/>
        <v>45479.499999989086</v>
      </c>
    </row>
    <row r="4535" spans="2:14" x14ac:dyDescent="0.3">
      <c r="B4535">
        <f t="shared" si="509"/>
        <v>6</v>
      </c>
      <c r="C4535" s="16">
        <v>4501</v>
      </c>
      <c r="D4535" cm="1">
        <f t="array" ref="D4535">IFERROR(INDEX(Jesper!AH$2:AH$366,ROUNDDOWN($C4535/24,0)+1,1)*INDEX($D$3:$AA$30,INDEX(Jesper!$R$2:$R$366,ROW(INDEX(Jesper!AH$2:AH$366,ROUNDDOWN($C4535/24,0)+1,1))-1)+IF('Standard Profiles'!$G$18=$B$10,7,0)+IF('Standard Profiles'!$G$18=$B$17,14,0)+IF('Standard Profiles'!$G$18=$B$24,21,0),MOD($C4535,24)+1)/SUM(INDEX($D$3:$AA$30,INDEX(Jesper!$R$2:$R$366,ROW(INDEX(Jesper!AH$2:AH$366,ROUNDDOWN($C4535/24,0)+1,1))-1)+IF('Standard Profiles'!$G$18=$B$10,7,0)+IF('Standard Profiles'!$G$18=$B$17,14,0)+IF('Standard Profiles'!$G$18=$B$24,21,0),0)),0)</f>
        <v>11.42693333958483</v>
      </c>
      <c r="E4535" cm="1">
        <f t="array" ref="E4535">IFERROR(INDEX(Jesper!AI$2:AI$366,ROUNDDOWN($C4535/24,0)+1,1)*INDEX($D$3:$AA$30,INDEX(Jesper!$R$2:$R$366,ROW(INDEX(Jesper!AI$2:AI$366,ROUNDDOWN($C4535/24,0)+1,1))-1)+IF('Standard Profiles'!$G$19=$B$10,7,0)+IF('Standard Profiles'!$G$19=$B$17,14,0)+IF('Standard Profiles'!$G$19=$B$24,21,0),MOD($C4535,24)+1)/SUM(INDEX($D$3:$AA$30,INDEX(Jesper!$R$2:$R$366,ROW(INDEX(Jesper!AI$2:AI$366,ROUNDDOWN($C4535/24,0)+1,1))-1)+IF('Standard Profiles'!$G$19=$B$10,7,0)+IF('Standard Profiles'!$G$19=$B$17,14,0)+IF('Standard Profiles'!$G$19=$B$24,21,0),0)),0)</f>
        <v>1.5696379976079375</v>
      </c>
      <c r="F4535" cm="1">
        <f t="array" ref="F4535">IFERROR(INDEX(Jesper!AJ$2:AJ$366,ROUNDDOWN($C4535/24,0)+1,1)*INDEX($D$3:$AA$30,INDEX(Jesper!$R$2:$R$366,ROW(INDEX(Jesper!AJ$2:AJ$366,ROUNDDOWN($C4535/24,0)+1,1))-1)+IF('Standard Profiles'!$G$20=$B$10,7,0)+IF('Standard Profiles'!$G$20=$B$17,14,0)+IF('Standard Profiles'!$G$20=$B$24,21,0),MOD($C4535,24)+1)/SUM(INDEX($D$3:$AA$30,INDEX(Jesper!$R$2:$R$366,ROW(INDEX(Jesper!AJ$2:AJ$366,ROUNDDOWN($C4535/24,0)+1,1))-1)+IF('Standard Profiles'!$G$20=$B$10,7,0)+IF('Standard Profiles'!$G$20=$B$17,14,0)+IF('Standard Profiles'!$G$20=$B$24,21,0),0)),0)</f>
        <v>0</v>
      </c>
      <c r="G4535" cm="1">
        <f t="array" ref="G4535">IFERROR(INDEX(Jesper!AK$2:AK$366,ROUNDDOWN($C4535/24,0)+1,1)*INDEX($D$3:$AA$30,INDEX(Jesper!$R$2:$R$366,ROW(INDEX(Jesper!AK$2:AK$366,ROUNDDOWN($C4535/24,0)+1,1))-1)+IF('Standard Profiles'!$G$21=$B$10,7,0)+IF('Standard Profiles'!$G$21=$B$17,14,0)+IF('Standard Profiles'!$G$21=$B$24,21,0),MOD($C4535,24)+1)/SUM(INDEX($D$3:$AA$30,INDEX(Jesper!$R$2:$R$366,ROW(INDEX(Jesper!AK$2:AK$366,ROUNDDOWN($C4535/24,0)+1,1))-1)+IF('Standard Profiles'!$G$21=$B$10,7,0)+IF('Standard Profiles'!$G$21=$B$17,14,0)+IF('Standard Profiles'!$G$21=$B$24,21,0),0)),0)</f>
        <v>0</v>
      </c>
      <c r="H4535" cm="1">
        <f t="array" ref="H4535">IFERROR(INDEX(Jesper!AL$2:AL$366,ROUNDDOWN($C4535/24,0)+1,1)*INDEX($D$3:$AA$30,INDEX(Jesper!$R$2:$R$366,ROW(INDEX(Jesper!AL$2:AL$366,ROUNDDOWN($C4535/24,0)+1,1))-1)+IF('Standard Profiles'!$G$22=$B$10,7,0)+IF('Standard Profiles'!$G$22=$B$17,14,0)+IF('Standard Profiles'!$G$22=$B$24,21,0),MOD($C4535,24)+1)/SUM(INDEX($D$3:$AA$30,INDEX(Jesper!$R$2:$R$366,ROW(INDEX(Jesper!AL$2:AL$366,ROUNDDOWN($C4535/24,0)+1,1))-1)+IF('Standard Profiles'!$G$22=$B$10,7,0)+IF('Standard Profiles'!$G$22=$B$17,14,0)+IF('Standard Profiles'!$G$22=$B$24,21,0),0)),0)</f>
        <v>0</v>
      </c>
      <c r="I4535">
        <f t="shared" si="510"/>
        <v>0.14140882861332774</v>
      </c>
      <c r="J4535">
        <f t="shared" si="511"/>
        <v>0.47136276204442584</v>
      </c>
      <c r="K4535">
        <f t="shared" si="512"/>
        <v>0.70704414306663876</v>
      </c>
      <c r="L4535">
        <f t="shared" si="513"/>
        <v>11.676755603468376</v>
      </c>
      <c r="M4535">
        <f t="shared" si="514"/>
        <v>0</v>
      </c>
      <c r="N4535" s="46">
        <f t="shared" si="515"/>
        <v>45479.54166665575</v>
      </c>
    </row>
    <row r="4536" spans="2:14" x14ac:dyDescent="0.3">
      <c r="B4536">
        <f t="shared" si="509"/>
        <v>6</v>
      </c>
      <c r="C4536" s="16">
        <v>4502</v>
      </c>
      <c r="D4536" cm="1">
        <f t="array" ref="D4536">IFERROR(INDEX(Jesper!AH$2:AH$366,ROUNDDOWN($C4536/24,0)+1,1)*INDEX($D$3:$AA$30,INDEX(Jesper!$R$2:$R$366,ROW(INDEX(Jesper!AH$2:AH$366,ROUNDDOWN($C4536/24,0)+1,1))-1)+IF('Standard Profiles'!$G$18=$B$10,7,0)+IF('Standard Profiles'!$G$18=$B$17,14,0)+IF('Standard Profiles'!$G$18=$B$24,21,0),MOD($C4536,24)+1)/SUM(INDEX($D$3:$AA$30,INDEX(Jesper!$R$2:$R$366,ROW(INDEX(Jesper!AH$2:AH$366,ROUNDDOWN($C4536/24,0)+1,1))-1)+IF('Standard Profiles'!$G$18=$B$10,7,0)+IF('Standard Profiles'!$G$18=$B$17,14,0)+IF('Standard Profiles'!$G$18=$B$24,21,0),0)),0)</f>
        <v>11.42693333958483</v>
      </c>
      <c r="E4536" cm="1">
        <f t="array" ref="E4536">IFERROR(INDEX(Jesper!AI$2:AI$366,ROUNDDOWN($C4536/24,0)+1,1)*INDEX($D$3:$AA$30,INDEX(Jesper!$R$2:$R$366,ROW(INDEX(Jesper!AI$2:AI$366,ROUNDDOWN($C4536/24,0)+1,1))-1)+IF('Standard Profiles'!$G$19=$B$10,7,0)+IF('Standard Profiles'!$G$19=$B$17,14,0)+IF('Standard Profiles'!$G$19=$B$24,21,0),MOD($C4536,24)+1)/SUM(INDEX($D$3:$AA$30,INDEX(Jesper!$R$2:$R$366,ROW(INDEX(Jesper!AI$2:AI$366,ROUNDDOWN($C4536/24,0)+1,1))-1)+IF('Standard Profiles'!$G$19=$B$10,7,0)+IF('Standard Profiles'!$G$19=$B$17,14,0)+IF('Standard Profiles'!$G$19=$B$24,21,0),0)),0)</f>
        <v>1.5696379976079375</v>
      </c>
      <c r="F4536" cm="1">
        <f t="array" ref="F4536">IFERROR(INDEX(Jesper!AJ$2:AJ$366,ROUNDDOWN($C4536/24,0)+1,1)*INDEX($D$3:$AA$30,INDEX(Jesper!$R$2:$R$366,ROW(INDEX(Jesper!AJ$2:AJ$366,ROUNDDOWN($C4536/24,0)+1,1))-1)+IF('Standard Profiles'!$G$20=$B$10,7,0)+IF('Standard Profiles'!$G$20=$B$17,14,0)+IF('Standard Profiles'!$G$20=$B$24,21,0),MOD($C4536,24)+1)/SUM(INDEX($D$3:$AA$30,INDEX(Jesper!$R$2:$R$366,ROW(INDEX(Jesper!AJ$2:AJ$366,ROUNDDOWN($C4536/24,0)+1,1))-1)+IF('Standard Profiles'!$G$20=$B$10,7,0)+IF('Standard Profiles'!$G$20=$B$17,14,0)+IF('Standard Profiles'!$G$20=$B$24,21,0),0)),0)</f>
        <v>0</v>
      </c>
      <c r="G4536" cm="1">
        <f t="array" ref="G4536">IFERROR(INDEX(Jesper!AK$2:AK$366,ROUNDDOWN($C4536/24,0)+1,1)*INDEX($D$3:$AA$30,INDEX(Jesper!$R$2:$R$366,ROW(INDEX(Jesper!AK$2:AK$366,ROUNDDOWN($C4536/24,0)+1,1))-1)+IF('Standard Profiles'!$G$21=$B$10,7,0)+IF('Standard Profiles'!$G$21=$B$17,14,0)+IF('Standard Profiles'!$G$21=$B$24,21,0),MOD($C4536,24)+1)/SUM(INDEX($D$3:$AA$30,INDEX(Jesper!$R$2:$R$366,ROW(INDEX(Jesper!AK$2:AK$366,ROUNDDOWN($C4536/24,0)+1,1))-1)+IF('Standard Profiles'!$G$21=$B$10,7,0)+IF('Standard Profiles'!$G$21=$B$17,14,0)+IF('Standard Profiles'!$G$21=$B$24,21,0),0)),0)</f>
        <v>0</v>
      </c>
      <c r="H4536" cm="1">
        <f t="array" ref="H4536">IFERROR(INDEX(Jesper!AL$2:AL$366,ROUNDDOWN($C4536/24,0)+1,1)*INDEX($D$3:$AA$30,INDEX(Jesper!$R$2:$R$366,ROW(INDEX(Jesper!AL$2:AL$366,ROUNDDOWN($C4536/24,0)+1,1))-1)+IF('Standard Profiles'!$G$22=$B$10,7,0)+IF('Standard Profiles'!$G$22=$B$17,14,0)+IF('Standard Profiles'!$G$22=$B$24,21,0),MOD($C4536,24)+1)/SUM(INDEX($D$3:$AA$30,INDEX(Jesper!$R$2:$R$366,ROW(INDEX(Jesper!AL$2:AL$366,ROUNDDOWN($C4536/24,0)+1,1))-1)+IF('Standard Profiles'!$G$22=$B$10,7,0)+IF('Standard Profiles'!$G$22=$B$17,14,0)+IF('Standard Profiles'!$G$22=$B$24,21,0),0)),0)</f>
        <v>0</v>
      </c>
      <c r="I4536">
        <f t="shared" si="510"/>
        <v>0.14140882861332774</v>
      </c>
      <c r="J4536">
        <f t="shared" si="511"/>
        <v>0.47136276204442584</v>
      </c>
      <c r="K4536">
        <f t="shared" si="512"/>
        <v>0.70704414306663876</v>
      </c>
      <c r="L4536">
        <f t="shared" si="513"/>
        <v>11.676755603468376</v>
      </c>
      <c r="M4536">
        <f t="shared" si="514"/>
        <v>0</v>
      </c>
      <c r="N4536" s="46">
        <f t="shared" si="515"/>
        <v>45479.583333322415</v>
      </c>
    </row>
    <row r="4537" spans="2:14" x14ac:dyDescent="0.3">
      <c r="B4537">
        <f t="shared" si="509"/>
        <v>6</v>
      </c>
      <c r="C4537" s="16">
        <v>4503</v>
      </c>
      <c r="D4537" cm="1">
        <f t="array" ref="D4537">IFERROR(INDEX(Jesper!AH$2:AH$366,ROUNDDOWN($C4537/24,0)+1,1)*INDEX($D$3:$AA$30,INDEX(Jesper!$R$2:$R$366,ROW(INDEX(Jesper!AH$2:AH$366,ROUNDDOWN($C4537/24,0)+1,1))-1)+IF('Standard Profiles'!$G$18=$B$10,7,0)+IF('Standard Profiles'!$G$18=$B$17,14,0)+IF('Standard Profiles'!$G$18=$B$24,21,0),MOD($C4537,24)+1)/SUM(INDEX($D$3:$AA$30,INDEX(Jesper!$R$2:$R$366,ROW(INDEX(Jesper!AH$2:AH$366,ROUNDDOWN($C4537/24,0)+1,1))-1)+IF('Standard Profiles'!$G$18=$B$10,7,0)+IF('Standard Profiles'!$G$18=$B$17,14,0)+IF('Standard Profiles'!$G$18=$B$24,21,0),0)),0)</f>
        <v>10.331200005652038</v>
      </c>
      <c r="E4537" cm="1">
        <f t="array" ref="E4537">IFERROR(INDEX(Jesper!AI$2:AI$366,ROUNDDOWN($C4537/24,0)+1,1)*INDEX($D$3:$AA$30,INDEX(Jesper!$R$2:$R$366,ROW(INDEX(Jesper!AI$2:AI$366,ROUNDDOWN($C4537/24,0)+1,1))-1)+IF('Standard Profiles'!$G$19=$B$10,7,0)+IF('Standard Profiles'!$G$19=$B$17,14,0)+IF('Standard Profiles'!$G$19=$B$24,21,0),MOD($C4537,24)+1)/SUM(INDEX($D$3:$AA$30,INDEX(Jesper!$R$2:$R$366,ROW(INDEX(Jesper!AI$2:AI$366,ROUNDDOWN($C4537/24,0)+1,1))-1)+IF('Standard Profiles'!$G$19=$B$10,7,0)+IF('Standard Profiles'!$G$19=$B$17,14,0)+IF('Standard Profiles'!$G$19=$B$24,21,0),0)),0)</f>
        <v>1.4191247649606011</v>
      </c>
      <c r="F4537" cm="1">
        <f t="array" ref="F4537">IFERROR(INDEX(Jesper!AJ$2:AJ$366,ROUNDDOWN($C4537/24,0)+1,1)*INDEX($D$3:$AA$30,INDEX(Jesper!$R$2:$R$366,ROW(INDEX(Jesper!AJ$2:AJ$366,ROUNDDOWN($C4537/24,0)+1,1))-1)+IF('Standard Profiles'!$G$20=$B$10,7,0)+IF('Standard Profiles'!$G$20=$B$17,14,0)+IF('Standard Profiles'!$G$20=$B$24,21,0),MOD($C4537,24)+1)/SUM(INDEX($D$3:$AA$30,INDEX(Jesper!$R$2:$R$366,ROW(INDEX(Jesper!AJ$2:AJ$366,ROUNDDOWN($C4537/24,0)+1,1))-1)+IF('Standard Profiles'!$G$20=$B$10,7,0)+IF('Standard Profiles'!$G$20=$B$17,14,0)+IF('Standard Profiles'!$G$20=$B$24,21,0),0)),0)</f>
        <v>0</v>
      </c>
      <c r="G4537" cm="1">
        <f t="array" ref="G4537">IFERROR(INDEX(Jesper!AK$2:AK$366,ROUNDDOWN($C4537/24,0)+1,1)*INDEX($D$3:$AA$30,INDEX(Jesper!$R$2:$R$366,ROW(INDEX(Jesper!AK$2:AK$366,ROUNDDOWN($C4537/24,0)+1,1))-1)+IF('Standard Profiles'!$G$21=$B$10,7,0)+IF('Standard Profiles'!$G$21=$B$17,14,0)+IF('Standard Profiles'!$G$21=$B$24,21,0),MOD($C4537,24)+1)/SUM(INDEX($D$3:$AA$30,INDEX(Jesper!$R$2:$R$366,ROW(INDEX(Jesper!AK$2:AK$366,ROUNDDOWN($C4537/24,0)+1,1))-1)+IF('Standard Profiles'!$G$21=$B$10,7,0)+IF('Standard Profiles'!$G$21=$B$17,14,0)+IF('Standard Profiles'!$G$21=$B$24,21,0),0)),0)</f>
        <v>0</v>
      </c>
      <c r="H4537" cm="1">
        <f t="array" ref="H4537">IFERROR(INDEX(Jesper!AL$2:AL$366,ROUNDDOWN($C4537/24,0)+1,1)*INDEX($D$3:$AA$30,INDEX(Jesper!$R$2:$R$366,ROW(INDEX(Jesper!AL$2:AL$366,ROUNDDOWN($C4537/24,0)+1,1))-1)+IF('Standard Profiles'!$G$22=$B$10,7,0)+IF('Standard Profiles'!$G$22=$B$17,14,0)+IF('Standard Profiles'!$G$22=$B$24,21,0),MOD($C4537,24)+1)/SUM(INDEX($D$3:$AA$30,INDEX(Jesper!$R$2:$R$366,ROW(INDEX(Jesper!AL$2:AL$366,ROUNDDOWN($C4537/24,0)+1,1))-1)+IF('Standard Profiles'!$G$22=$B$10,7,0)+IF('Standard Profiles'!$G$22=$B$17,14,0)+IF('Standard Profiles'!$G$22=$B$24,21,0),0)),0)</f>
        <v>0</v>
      </c>
      <c r="I4537">
        <f t="shared" si="510"/>
        <v>0.12784907792437852</v>
      </c>
      <c r="J4537">
        <f t="shared" si="511"/>
        <v>0.42616359308126178</v>
      </c>
      <c r="K4537">
        <f t="shared" si="512"/>
        <v>0.6392453896218927</v>
      </c>
      <c r="L4537">
        <f t="shared" si="513"/>
        <v>10.557066709985106</v>
      </c>
      <c r="M4537">
        <f t="shared" si="514"/>
        <v>0</v>
      </c>
      <c r="N4537" s="46">
        <f t="shared" si="515"/>
        <v>45479.624999989079</v>
      </c>
    </row>
    <row r="4538" spans="2:14" x14ac:dyDescent="0.3">
      <c r="B4538">
        <f t="shared" si="509"/>
        <v>6</v>
      </c>
      <c r="C4538" s="16">
        <v>4504</v>
      </c>
      <c r="D4538" cm="1">
        <f t="array" ref="D4538">IFERROR(INDEX(Jesper!AH$2:AH$366,ROUNDDOWN($C4538/24,0)+1,1)*INDEX($D$3:$AA$30,INDEX(Jesper!$R$2:$R$366,ROW(INDEX(Jesper!AH$2:AH$366,ROUNDDOWN($C4538/24,0)+1,1))-1)+IF('Standard Profiles'!$G$18=$B$10,7,0)+IF('Standard Profiles'!$G$18=$B$17,14,0)+IF('Standard Profiles'!$G$18=$B$24,21,0),MOD($C4538,24)+1)/SUM(INDEX($D$3:$AA$30,INDEX(Jesper!$R$2:$R$366,ROW(INDEX(Jesper!AH$2:AH$366,ROUNDDOWN($C4538/24,0)+1,1))-1)+IF('Standard Profiles'!$G$18=$B$10,7,0)+IF('Standard Profiles'!$G$18=$B$17,14,0)+IF('Standard Profiles'!$G$18=$B$24,21,0),0)),0)</f>
        <v>9.3920000051382164</v>
      </c>
      <c r="E4538" cm="1">
        <f t="array" ref="E4538">IFERROR(INDEX(Jesper!AI$2:AI$366,ROUNDDOWN($C4538/24,0)+1,1)*INDEX($D$3:$AA$30,INDEX(Jesper!$R$2:$R$366,ROW(INDEX(Jesper!AI$2:AI$366,ROUNDDOWN($C4538/24,0)+1,1))-1)+IF('Standard Profiles'!$G$19=$B$10,7,0)+IF('Standard Profiles'!$G$19=$B$17,14,0)+IF('Standard Profiles'!$G$19=$B$24,21,0),MOD($C4538,24)+1)/SUM(INDEX($D$3:$AA$30,INDEX(Jesper!$R$2:$R$366,ROW(INDEX(Jesper!AI$2:AI$366,ROUNDDOWN($C4538/24,0)+1,1))-1)+IF('Standard Profiles'!$G$19=$B$10,7,0)+IF('Standard Profiles'!$G$19=$B$17,14,0)+IF('Standard Profiles'!$G$19=$B$24,21,0),0)),0)</f>
        <v>1.2901134226914555</v>
      </c>
      <c r="F4538" cm="1">
        <f t="array" ref="F4538">IFERROR(INDEX(Jesper!AJ$2:AJ$366,ROUNDDOWN($C4538/24,0)+1,1)*INDEX($D$3:$AA$30,INDEX(Jesper!$R$2:$R$366,ROW(INDEX(Jesper!AJ$2:AJ$366,ROUNDDOWN($C4538/24,0)+1,1))-1)+IF('Standard Profiles'!$G$20=$B$10,7,0)+IF('Standard Profiles'!$G$20=$B$17,14,0)+IF('Standard Profiles'!$G$20=$B$24,21,0),MOD($C4538,24)+1)/SUM(INDEX($D$3:$AA$30,INDEX(Jesper!$R$2:$R$366,ROW(INDEX(Jesper!AJ$2:AJ$366,ROUNDDOWN($C4538/24,0)+1,1))-1)+IF('Standard Profiles'!$G$20=$B$10,7,0)+IF('Standard Profiles'!$G$20=$B$17,14,0)+IF('Standard Profiles'!$G$20=$B$24,21,0),0)),0)</f>
        <v>0</v>
      </c>
      <c r="G4538" cm="1">
        <f t="array" ref="G4538">IFERROR(INDEX(Jesper!AK$2:AK$366,ROUNDDOWN($C4538/24,0)+1,1)*INDEX($D$3:$AA$30,INDEX(Jesper!$R$2:$R$366,ROW(INDEX(Jesper!AK$2:AK$366,ROUNDDOWN($C4538/24,0)+1,1))-1)+IF('Standard Profiles'!$G$21=$B$10,7,0)+IF('Standard Profiles'!$G$21=$B$17,14,0)+IF('Standard Profiles'!$G$21=$B$24,21,0),MOD($C4538,24)+1)/SUM(INDEX($D$3:$AA$30,INDEX(Jesper!$R$2:$R$366,ROW(INDEX(Jesper!AK$2:AK$366,ROUNDDOWN($C4538/24,0)+1,1))-1)+IF('Standard Profiles'!$G$21=$B$10,7,0)+IF('Standard Profiles'!$G$21=$B$17,14,0)+IF('Standard Profiles'!$G$21=$B$24,21,0),0)),0)</f>
        <v>0</v>
      </c>
      <c r="H4538" cm="1">
        <f t="array" ref="H4538">IFERROR(INDEX(Jesper!AL$2:AL$366,ROUNDDOWN($C4538/24,0)+1,1)*INDEX($D$3:$AA$30,INDEX(Jesper!$R$2:$R$366,ROW(INDEX(Jesper!AL$2:AL$366,ROUNDDOWN($C4538/24,0)+1,1))-1)+IF('Standard Profiles'!$G$22=$B$10,7,0)+IF('Standard Profiles'!$G$22=$B$17,14,0)+IF('Standard Profiles'!$G$22=$B$24,21,0),MOD($C4538,24)+1)/SUM(INDEX($D$3:$AA$30,INDEX(Jesper!$R$2:$R$366,ROW(INDEX(Jesper!AL$2:AL$366,ROUNDDOWN($C4538/24,0)+1,1))-1)+IF('Standard Profiles'!$G$22=$B$10,7,0)+IF('Standard Profiles'!$G$22=$B$17,14,0)+IF('Standard Profiles'!$G$22=$B$24,21,0),0)),0)</f>
        <v>0</v>
      </c>
      <c r="I4538">
        <f t="shared" si="510"/>
        <v>0.11622643447670773</v>
      </c>
      <c r="J4538">
        <f t="shared" si="511"/>
        <v>0.38742144825569247</v>
      </c>
      <c r="K4538">
        <f t="shared" si="512"/>
        <v>0.58113217238353876</v>
      </c>
      <c r="L4538">
        <f t="shared" si="513"/>
        <v>9.5973333727137327</v>
      </c>
      <c r="M4538">
        <f t="shared" si="514"/>
        <v>0</v>
      </c>
      <c r="N4538" s="46">
        <f t="shared" si="515"/>
        <v>45479.666666655743</v>
      </c>
    </row>
    <row r="4539" spans="2:14" x14ac:dyDescent="0.3">
      <c r="B4539">
        <f t="shared" si="509"/>
        <v>6</v>
      </c>
      <c r="C4539" s="16">
        <v>4505</v>
      </c>
      <c r="D4539" cm="1">
        <f t="array" ref="D4539">IFERROR(INDEX(Jesper!AH$2:AH$366,ROUNDDOWN($C4539/24,0)+1,1)*INDEX($D$3:$AA$30,INDEX(Jesper!$R$2:$R$366,ROW(INDEX(Jesper!AH$2:AH$366,ROUNDDOWN($C4539/24,0)+1,1))-1)+IF('Standard Profiles'!$G$18=$B$10,7,0)+IF('Standard Profiles'!$G$18=$B$17,14,0)+IF('Standard Profiles'!$G$18=$B$24,21,0),MOD($C4539,24)+1)/SUM(INDEX($D$3:$AA$30,INDEX(Jesper!$R$2:$R$366,ROW(INDEX(Jesper!AH$2:AH$366,ROUNDDOWN($C4539/24,0)+1,1))-1)+IF('Standard Profiles'!$G$18=$B$10,7,0)+IF('Standard Profiles'!$G$18=$B$17,14,0)+IF('Standard Profiles'!$G$18=$B$24,21,0),0)),0)</f>
        <v>8.452800004624395</v>
      </c>
      <c r="E4539" cm="1">
        <f t="array" ref="E4539">IFERROR(INDEX(Jesper!AI$2:AI$366,ROUNDDOWN($C4539/24,0)+1,1)*INDEX($D$3:$AA$30,INDEX(Jesper!$R$2:$R$366,ROW(INDEX(Jesper!AI$2:AI$366,ROUNDDOWN($C4539/24,0)+1,1))-1)+IF('Standard Profiles'!$G$19=$B$10,7,0)+IF('Standard Profiles'!$G$19=$B$17,14,0)+IF('Standard Profiles'!$G$19=$B$24,21,0),MOD($C4539,24)+1)/SUM(INDEX($D$3:$AA$30,INDEX(Jesper!$R$2:$R$366,ROW(INDEX(Jesper!AI$2:AI$366,ROUNDDOWN($C4539/24,0)+1,1))-1)+IF('Standard Profiles'!$G$19=$B$10,7,0)+IF('Standard Profiles'!$G$19=$B$17,14,0)+IF('Standard Profiles'!$G$19=$B$24,21,0),0)),0)</f>
        <v>1.1611020804223102</v>
      </c>
      <c r="F4539" cm="1">
        <f t="array" ref="F4539">IFERROR(INDEX(Jesper!AJ$2:AJ$366,ROUNDDOWN($C4539/24,0)+1,1)*INDEX($D$3:$AA$30,INDEX(Jesper!$R$2:$R$366,ROW(INDEX(Jesper!AJ$2:AJ$366,ROUNDDOWN($C4539/24,0)+1,1))-1)+IF('Standard Profiles'!$G$20=$B$10,7,0)+IF('Standard Profiles'!$G$20=$B$17,14,0)+IF('Standard Profiles'!$G$20=$B$24,21,0),MOD($C4539,24)+1)/SUM(INDEX($D$3:$AA$30,INDEX(Jesper!$R$2:$R$366,ROW(INDEX(Jesper!AJ$2:AJ$366,ROUNDDOWN($C4539/24,0)+1,1))-1)+IF('Standard Profiles'!$G$20=$B$10,7,0)+IF('Standard Profiles'!$G$20=$B$17,14,0)+IF('Standard Profiles'!$G$20=$B$24,21,0),0)),0)</f>
        <v>0</v>
      </c>
      <c r="G4539" cm="1">
        <f t="array" ref="G4539">IFERROR(INDEX(Jesper!AK$2:AK$366,ROUNDDOWN($C4539/24,0)+1,1)*INDEX($D$3:$AA$30,INDEX(Jesper!$R$2:$R$366,ROW(INDEX(Jesper!AK$2:AK$366,ROUNDDOWN($C4539/24,0)+1,1))-1)+IF('Standard Profiles'!$G$21=$B$10,7,0)+IF('Standard Profiles'!$G$21=$B$17,14,0)+IF('Standard Profiles'!$G$21=$B$24,21,0),MOD($C4539,24)+1)/SUM(INDEX($D$3:$AA$30,INDEX(Jesper!$R$2:$R$366,ROW(INDEX(Jesper!AK$2:AK$366,ROUNDDOWN($C4539/24,0)+1,1))-1)+IF('Standard Profiles'!$G$21=$B$10,7,0)+IF('Standard Profiles'!$G$21=$B$17,14,0)+IF('Standard Profiles'!$G$21=$B$24,21,0),0)),0)</f>
        <v>0</v>
      </c>
      <c r="H4539" cm="1">
        <f t="array" ref="H4539">IFERROR(INDEX(Jesper!AL$2:AL$366,ROUNDDOWN($C4539/24,0)+1,1)*INDEX($D$3:$AA$30,INDEX(Jesper!$R$2:$R$366,ROW(INDEX(Jesper!AL$2:AL$366,ROUNDDOWN($C4539/24,0)+1,1))-1)+IF('Standard Profiles'!$G$22=$B$10,7,0)+IF('Standard Profiles'!$G$22=$B$17,14,0)+IF('Standard Profiles'!$G$22=$B$24,21,0),MOD($C4539,24)+1)/SUM(INDEX($D$3:$AA$30,INDEX(Jesper!$R$2:$R$366,ROW(INDEX(Jesper!AL$2:AL$366,ROUNDDOWN($C4539/24,0)+1,1))-1)+IF('Standard Profiles'!$G$22=$B$10,7,0)+IF('Standard Profiles'!$G$22=$B$17,14,0)+IF('Standard Profiles'!$G$22=$B$24,21,0),0)),0)</f>
        <v>0</v>
      </c>
      <c r="I4539">
        <f t="shared" si="510"/>
        <v>0.10460379102903698</v>
      </c>
      <c r="J4539">
        <f t="shared" si="511"/>
        <v>0.34867930343012332</v>
      </c>
      <c r="K4539">
        <f t="shared" si="512"/>
        <v>0.52301895514518504</v>
      </c>
      <c r="L4539">
        <f t="shared" si="513"/>
        <v>8.6376000354423592</v>
      </c>
      <c r="M4539">
        <f t="shared" si="514"/>
        <v>0</v>
      </c>
      <c r="N4539" s="46">
        <f t="shared" si="515"/>
        <v>45479.708333322407</v>
      </c>
    </row>
    <row r="4540" spans="2:14" x14ac:dyDescent="0.3">
      <c r="B4540">
        <f t="shared" si="509"/>
        <v>6</v>
      </c>
      <c r="C4540" s="16">
        <v>4506</v>
      </c>
      <c r="D4540" cm="1">
        <f t="array" ref="D4540">IFERROR(INDEX(Jesper!AH$2:AH$366,ROUNDDOWN($C4540/24,0)+1,1)*INDEX($D$3:$AA$30,INDEX(Jesper!$R$2:$R$366,ROW(INDEX(Jesper!AH$2:AH$366,ROUNDDOWN($C4540/24,0)+1,1))-1)+IF('Standard Profiles'!$G$18=$B$10,7,0)+IF('Standard Profiles'!$G$18=$B$17,14,0)+IF('Standard Profiles'!$G$18=$B$24,21,0),MOD($C4540,24)+1)/SUM(INDEX($D$3:$AA$30,INDEX(Jesper!$R$2:$R$366,ROW(INDEX(Jesper!AH$2:AH$366,ROUNDDOWN($C4540/24,0)+1,1))-1)+IF('Standard Profiles'!$G$18=$B$10,7,0)+IF('Standard Profiles'!$G$18=$B$17,14,0)+IF('Standard Profiles'!$G$18=$B$24,21,0),0)),0)</f>
        <v>8.1397333377864545</v>
      </c>
      <c r="E4540" cm="1">
        <f t="array" ref="E4540">IFERROR(INDEX(Jesper!AI$2:AI$366,ROUNDDOWN($C4540/24,0)+1,1)*INDEX($D$3:$AA$30,INDEX(Jesper!$R$2:$R$366,ROW(INDEX(Jesper!AI$2:AI$366,ROUNDDOWN($C4540/24,0)+1,1))-1)+IF('Standard Profiles'!$G$19=$B$10,7,0)+IF('Standard Profiles'!$G$19=$B$17,14,0)+IF('Standard Profiles'!$G$19=$B$24,21,0),MOD($C4540,24)+1)/SUM(INDEX($D$3:$AA$30,INDEX(Jesper!$R$2:$R$366,ROW(INDEX(Jesper!AI$2:AI$366,ROUNDDOWN($C4540/24,0)+1,1))-1)+IF('Standard Profiles'!$G$19=$B$10,7,0)+IF('Standard Profiles'!$G$19=$B$17,14,0)+IF('Standard Profiles'!$G$19=$B$24,21,0),0)),0)</f>
        <v>1.1180982996659281</v>
      </c>
      <c r="F4540" cm="1">
        <f t="array" ref="F4540">IFERROR(INDEX(Jesper!AJ$2:AJ$366,ROUNDDOWN($C4540/24,0)+1,1)*INDEX($D$3:$AA$30,INDEX(Jesper!$R$2:$R$366,ROW(INDEX(Jesper!AJ$2:AJ$366,ROUNDDOWN($C4540/24,0)+1,1))-1)+IF('Standard Profiles'!$G$20=$B$10,7,0)+IF('Standard Profiles'!$G$20=$B$17,14,0)+IF('Standard Profiles'!$G$20=$B$24,21,0),MOD($C4540,24)+1)/SUM(INDEX($D$3:$AA$30,INDEX(Jesper!$R$2:$R$366,ROW(INDEX(Jesper!AJ$2:AJ$366,ROUNDDOWN($C4540/24,0)+1,1))-1)+IF('Standard Profiles'!$G$20=$B$10,7,0)+IF('Standard Profiles'!$G$20=$B$17,14,0)+IF('Standard Profiles'!$G$20=$B$24,21,0),0)),0)</f>
        <v>0</v>
      </c>
      <c r="G4540" cm="1">
        <f t="array" ref="G4540">IFERROR(INDEX(Jesper!AK$2:AK$366,ROUNDDOWN($C4540/24,0)+1,1)*INDEX($D$3:$AA$30,INDEX(Jesper!$R$2:$R$366,ROW(INDEX(Jesper!AK$2:AK$366,ROUNDDOWN($C4540/24,0)+1,1))-1)+IF('Standard Profiles'!$G$21=$B$10,7,0)+IF('Standard Profiles'!$G$21=$B$17,14,0)+IF('Standard Profiles'!$G$21=$B$24,21,0),MOD($C4540,24)+1)/SUM(INDEX($D$3:$AA$30,INDEX(Jesper!$R$2:$R$366,ROW(INDEX(Jesper!AK$2:AK$366,ROUNDDOWN($C4540/24,0)+1,1))-1)+IF('Standard Profiles'!$G$21=$B$10,7,0)+IF('Standard Profiles'!$G$21=$B$17,14,0)+IF('Standard Profiles'!$G$21=$B$24,21,0),0)),0)</f>
        <v>0</v>
      </c>
      <c r="H4540" cm="1">
        <f t="array" ref="H4540">IFERROR(INDEX(Jesper!AL$2:AL$366,ROUNDDOWN($C4540/24,0)+1,1)*INDEX($D$3:$AA$30,INDEX(Jesper!$R$2:$R$366,ROW(INDEX(Jesper!AL$2:AL$366,ROUNDDOWN($C4540/24,0)+1,1))-1)+IF('Standard Profiles'!$G$22=$B$10,7,0)+IF('Standard Profiles'!$G$22=$B$17,14,0)+IF('Standard Profiles'!$G$22=$B$24,21,0),MOD($C4540,24)+1)/SUM(INDEX($D$3:$AA$30,INDEX(Jesper!$R$2:$R$366,ROW(INDEX(Jesper!AL$2:AL$366,ROUNDDOWN($C4540/24,0)+1,1))-1)+IF('Standard Profiles'!$G$22=$B$10,7,0)+IF('Standard Profiles'!$G$22=$B$17,14,0)+IF('Standard Profiles'!$G$22=$B$24,21,0),0)),0)</f>
        <v>0</v>
      </c>
      <c r="I4540">
        <f t="shared" si="510"/>
        <v>0.10072957654648003</v>
      </c>
      <c r="J4540">
        <f t="shared" si="511"/>
        <v>0.3357652551549335</v>
      </c>
      <c r="K4540">
        <f t="shared" si="512"/>
        <v>0.50364788273240024</v>
      </c>
      <c r="L4540">
        <f t="shared" si="513"/>
        <v>8.3176889230185687</v>
      </c>
      <c r="M4540">
        <f t="shared" si="514"/>
        <v>0</v>
      </c>
      <c r="N4540" s="46">
        <f t="shared" si="515"/>
        <v>45479.749999989072</v>
      </c>
    </row>
    <row r="4541" spans="2:14" x14ac:dyDescent="0.3">
      <c r="B4541">
        <f t="shared" si="509"/>
        <v>6</v>
      </c>
      <c r="C4541" s="16">
        <v>4507</v>
      </c>
      <c r="D4541" cm="1">
        <f t="array" ref="D4541">IFERROR(INDEX(Jesper!AH$2:AH$366,ROUNDDOWN($C4541/24,0)+1,1)*INDEX($D$3:$AA$30,INDEX(Jesper!$R$2:$R$366,ROW(INDEX(Jesper!AH$2:AH$366,ROUNDDOWN($C4541/24,0)+1,1))-1)+IF('Standard Profiles'!$G$18=$B$10,7,0)+IF('Standard Profiles'!$G$18=$B$17,14,0)+IF('Standard Profiles'!$G$18=$B$24,21,0),MOD($C4541,24)+1)/SUM(INDEX($D$3:$AA$30,INDEX(Jesper!$R$2:$R$366,ROW(INDEX(Jesper!AH$2:AH$366,ROUNDDOWN($C4541/24,0)+1,1))-1)+IF('Standard Profiles'!$G$18=$B$10,7,0)+IF('Standard Profiles'!$G$18=$B$17,14,0)+IF('Standard Profiles'!$G$18=$B$24,21,0),0)),0)</f>
        <v>6.5744000035967511</v>
      </c>
      <c r="E4541" cm="1">
        <f t="array" ref="E4541">IFERROR(INDEX(Jesper!AI$2:AI$366,ROUNDDOWN($C4541/24,0)+1,1)*INDEX($D$3:$AA$30,INDEX(Jesper!$R$2:$R$366,ROW(INDEX(Jesper!AI$2:AI$366,ROUNDDOWN($C4541/24,0)+1,1))-1)+IF('Standard Profiles'!$G$19=$B$10,7,0)+IF('Standard Profiles'!$G$19=$B$17,14,0)+IF('Standard Profiles'!$G$19=$B$24,21,0),MOD($C4541,24)+1)/SUM(INDEX($D$3:$AA$30,INDEX(Jesper!$R$2:$R$366,ROW(INDEX(Jesper!AI$2:AI$366,ROUNDDOWN($C4541/24,0)+1,1))-1)+IF('Standard Profiles'!$G$19=$B$10,7,0)+IF('Standard Profiles'!$G$19=$B$17,14,0)+IF('Standard Profiles'!$G$19=$B$24,21,0),0)),0)</f>
        <v>0.90307939588401887</v>
      </c>
      <c r="F4541" cm="1">
        <f t="array" ref="F4541">IFERROR(INDEX(Jesper!AJ$2:AJ$366,ROUNDDOWN($C4541/24,0)+1,1)*INDEX($D$3:$AA$30,INDEX(Jesper!$R$2:$R$366,ROW(INDEX(Jesper!AJ$2:AJ$366,ROUNDDOWN($C4541/24,0)+1,1))-1)+IF('Standard Profiles'!$G$20=$B$10,7,0)+IF('Standard Profiles'!$G$20=$B$17,14,0)+IF('Standard Profiles'!$G$20=$B$24,21,0),MOD($C4541,24)+1)/SUM(INDEX($D$3:$AA$30,INDEX(Jesper!$R$2:$R$366,ROW(INDEX(Jesper!AJ$2:AJ$366,ROUNDDOWN($C4541/24,0)+1,1))-1)+IF('Standard Profiles'!$G$20=$B$10,7,0)+IF('Standard Profiles'!$G$20=$B$17,14,0)+IF('Standard Profiles'!$G$20=$B$24,21,0),0)),0)</f>
        <v>0</v>
      </c>
      <c r="G4541" cm="1">
        <f t="array" ref="G4541">IFERROR(INDEX(Jesper!AK$2:AK$366,ROUNDDOWN($C4541/24,0)+1,1)*INDEX($D$3:$AA$30,INDEX(Jesper!$R$2:$R$366,ROW(INDEX(Jesper!AK$2:AK$366,ROUNDDOWN($C4541/24,0)+1,1))-1)+IF('Standard Profiles'!$G$21=$B$10,7,0)+IF('Standard Profiles'!$G$21=$B$17,14,0)+IF('Standard Profiles'!$G$21=$B$24,21,0),MOD($C4541,24)+1)/SUM(INDEX($D$3:$AA$30,INDEX(Jesper!$R$2:$R$366,ROW(INDEX(Jesper!AK$2:AK$366,ROUNDDOWN($C4541/24,0)+1,1))-1)+IF('Standard Profiles'!$G$21=$B$10,7,0)+IF('Standard Profiles'!$G$21=$B$17,14,0)+IF('Standard Profiles'!$G$21=$B$24,21,0),0)),0)</f>
        <v>0</v>
      </c>
      <c r="H4541" cm="1">
        <f t="array" ref="H4541">IFERROR(INDEX(Jesper!AL$2:AL$366,ROUNDDOWN($C4541/24,0)+1,1)*INDEX($D$3:$AA$30,INDEX(Jesper!$R$2:$R$366,ROW(INDEX(Jesper!AL$2:AL$366,ROUNDDOWN($C4541/24,0)+1,1))-1)+IF('Standard Profiles'!$G$22=$B$10,7,0)+IF('Standard Profiles'!$G$22=$B$17,14,0)+IF('Standard Profiles'!$G$22=$B$24,21,0),MOD($C4541,24)+1)/SUM(INDEX($D$3:$AA$30,INDEX(Jesper!$R$2:$R$366,ROW(INDEX(Jesper!AL$2:AL$366,ROUNDDOWN($C4541/24,0)+1,1))-1)+IF('Standard Profiles'!$G$22=$B$10,7,0)+IF('Standard Profiles'!$G$22=$B$17,14,0)+IF('Standard Profiles'!$G$22=$B$24,21,0),0)),0)</f>
        <v>0</v>
      </c>
      <c r="I4541">
        <f t="shared" si="510"/>
        <v>8.1358504133695414E-2</v>
      </c>
      <c r="J4541">
        <f t="shared" si="511"/>
        <v>0.27119501377898475</v>
      </c>
      <c r="K4541">
        <f t="shared" si="512"/>
        <v>0.4067925206684771</v>
      </c>
      <c r="L4541">
        <f t="shared" si="513"/>
        <v>6.7181333608996132</v>
      </c>
      <c r="M4541">
        <f t="shared" si="514"/>
        <v>0</v>
      </c>
      <c r="N4541" s="46">
        <f t="shared" si="515"/>
        <v>45479.791666655736</v>
      </c>
    </row>
    <row r="4542" spans="2:14" x14ac:dyDescent="0.3">
      <c r="B4542">
        <f t="shared" si="509"/>
        <v>6</v>
      </c>
      <c r="C4542" s="16">
        <v>4508</v>
      </c>
      <c r="D4542" cm="1">
        <f t="array" ref="D4542">IFERROR(INDEX(Jesper!AH$2:AH$366,ROUNDDOWN($C4542/24,0)+1,1)*INDEX($D$3:$AA$30,INDEX(Jesper!$R$2:$R$366,ROW(INDEX(Jesper!AH$2:AH$366,ROUNDDOWN($C4542/24,0)+1,1))-1)+IF('Standard Profiles'!$G$18=$B$10,7,0)+IF('Standard Profiles'!$G$18=$B$17,14,0)+IF('Standard Profiles'!$G$18=$B$24,21,0),MOD($C4542,24)+1)/SUM(INDEX($D$3:$AA$30,INDEX(Jesper!$R$2:$R$366,ROW(INDEX(Jesper!AH$2:AH$366,ROUNDDOWN($C4542/24,0)+1,1))-1)+IF('Standard Profiles'!$G$18=$B$10,7,0)+IF('Standard Profiles'!$G$18=$B$17,14,0)+IF('Standard Profiles'!$G$18=$B$24,21,0),0)),0)</f>
        <v>4.8525333359880776</v>
      </c>
      <c r="E4542" cm="1">
        <f t="array" ref="E4542">IFERROR(INDEX(Jesper!AI$2:AI$366,ROUNDDOWN($C4542/24,0)+1,1)*INDEX($D$3:$AA$30,INDEX(Jesper!$R$2:$R$366,ROW(INDEX(Jesper!AI$2:AI$366,ROUNDDOWN($C4542/24,0)+1,1))-1)+IF('Standard Profiles'!$G$19=$B$10,7,0)+IF('Standard Profiles'!$G$19=$B$17,14,0)+IF('Standard Profiles'!$G$19=$B$24,21,0),MOD($C4542,24)+1)/SUM(INDEX($D$3:$AA$30,INDEX(Jesper!$R$2:$R$366,ROW(INDEX(Jesper!AI$2:AI$366,ROUNDDOWN($C4542/24,0)+1,1))-1)+IF('Standard Profiles'!$G$19=$B$10,7,0)+IF('Standard Profiles'!$G$19=$B$17,14,0)+IF('Standard Profiles'!$G$19=$B$24,21,0),0)),0)</f>
        <v>0.66655860172391868</v>
      </c>
      <c r="F4542" cm="1">
        <f t="array" ref="F4542">IFERROR(INDEX(Jesper!AJ$2:AJ$366,ROUNDDOWN($C4542/24,0)+1,1)*INDEX($D$3:$AA$30,INDEX(Jesper!$R$2:$R$366,ROW(INDEX(Jesper!AJ$2:AJ$366,ROUNDDOWN($C4542/24,0)+1,1))-1)+IF('Standard Profiles'!$G$20=$B$10,7,0)+IF('Standard Profiles'!$G$20=$B$17,14,0)+IF('Standard Profiles'!$G$20=$B$24,21,0),MOD($C4542,24)+1)/SUM(INDEX($D$3:$AA$30,INDEX(Jesper!$R$2:$R$366,ROW(INDEX(Jesper!AJ$2:AJ$366,ROUNDDOWN($C4542/24,0)+1,1))-1)+IF('Standard Profiles'!$G$20=$B$10,7,0)+IF('Standard Profiles'!$G$20=$B$17,14,0)+IF('Standard Profiles'!$G$20=$B$24,21,0),0)),0)</f>
        <v>0</v>
      </c>
      <c r="G4542" cm="1">
        <f t="array" ref="G4542">IFERROR(INDEX(Jesper!AK$2:AK$366,ROUNDDOWN($C4542/24,0)+1,1)*INDEX($D$3:$AA$30,INDEX(Jesper!$R$2:$R$366,ROW(INDEX(Jesper!AK$2:AK$366,ROUNDDOWN($C4542/24,0)+1,1))-1)+IF('Standard Profiles'!$G$21=$B$10,7,0)+IF('Standard Profiles'!$G$21=$B$17,14,0)+IF('Standard Profiles'!$G$21=$B$24,21,0),MOD($C4542,24)+1)/SUM(INDEX($D$3:$AA$30,INDEX(Jesper!$R$2:$R$366,ROW(INDEX(Jesper!AK$2:AK$366,ROUNDDOWN($C4542/24,0)+1,1))-1)+IF('Standard Profiles'!$G$21=$B$10,7,0)+IF('Standard Profiles'!$G$21=$B$17,14,0)+IF('Standard Profiles'!$G$21=$B$24,21,0),0)),0)</f>
        <v>0</v>
      </c>
      <c r="H4542" cm="1">
        <f t="array" ref="H4542">IFERROR(INDEX(Jesper!AL$2:AL$366,ROUNDDOWN($C4542/24,0)+1,1)*INDEX($D$3:$AA$30,INDEX(Jesper!$R$2:$R$366,ROW(INDEX(Jesper!AL$2:AL$366,ROUNDDOWN($C4542/24,0)+1,1))-1)+IF('Standard Profiles'!$G$22=$B$10,7,0)+IF('Standard Profiles'!$G$22=$B$17,14,0)+IF('Standard Profiles'!$G$22=$B$24,21,0),MOD($C4542,24)+1)/SUM(INDEX($D$3:$AA$30,INDEX(Jesper!$R$2:$R$366,ROW(INDEX(Jesper!AL$2:AL$366,ROUNDDOWN($C4542/24,0)+1,1))-1)+IF('Standard Profiles'!$G$22=$B$10,7,0)+IF('Standard Profiles'!$G$22=$B$17,14,0)+IF('Standard Profiles'!$G$22=$B$24,21,0),0)),0)</f>
        <v>0</v>
      </c>
      <c r="I4542">
        <f t="shared" si="510"/>
        <v>6.0050324479632329E-2</v>
      </c>
      <c r="J4542">
        <f t="shared" si="511"/>
        <v>0.20016774826544112</v>
      </c>
      <c r="K4542">
        <f t="shared" si="512"/>
        <v>0.30025162239816167</v>
      </c>
      <c r="L4542">
        <f t="shared" si="513"/>
        <v>4.9586222425687616</v>
      </c>
      <c r="M4542">
        <f t="shared" si="514"/>
        <v>0</v>
      </c>
      <c r="N4542" s="46">
        <f t="shared" si="515"/>
        <v>45479.8333333224</v>
      </c>
    </row>
    <row r="4543" spans="2:14" x14ac:dyDescent="0.3">
      <c r="B4543">
        <f t="shared" si="509"/>
        <v>6</v>
      </c>
      <c r="C4543" s="16">
        <v>4509</v>
      </c>
      <c r="D4543" cm="1">
        <f t="array" ref="D4543">IFERROR(INDEX(Jesper!AH$2:AH$366,ROUNDDOWN($C4543/24,0)+1,1)*INDEX($D$3:$AA$30,INDEX(Jesper!$R$2:$R$366,ROW(INDEX(Jesper!AH$2:AH$366,ROUNDDOWN($C4543/24,0)+1,1))-1)+IF('Standard Profiles'!$G$18=$B$10,7,0)+IF('Standard Profiles'!$G$18=$B$17,14,0)+IF('Standard Profiles'!$G$18=$B$24,21,0),MOD($C4543,24)+1)/SUM(INDEX($D$3:$AA$30,INDEX(Jesper!$R$2:$R$366,ROW(INDEX(Jesper!AH$2:AH$366,ROUNDDOWN($C4543/24,0)+1,1))-1)+IF('Standard Profiles'!$G$18=$B$10,7,0)+IF('Standard Profiles'!$G$18=$B$17,14,0)+IF('Standard Profiles'!$G$18=$B$24,21,0),0)),0)</f>
        <v>4.8525333359880776</v>
      </c>
      <c r="E4543" cm="1">
        <f t="array" ref="E4543">IFERROR(INDEX(Jesper!AI$2:AI$366,ROUNDDOWN($C4543/24,0)+1,1)*INDEX($D$3:$AA$30,INDEX(Jesper!$R$2:$R$366,ROW(INDEX(Jesper!AI$2:AI$366,ROUNDDOWN($C4543/24,0)+1,1))-1)+IF('Standard Profiles'!$G$19=$B$10,7,0)+IF('Standard Profiles'!$G$19=$B$17,14,0)+IF('Standard Profiles'!$G$19=$B$24,21,0),MOD($C4543,24)+1)/SUM(INDEX($D$3:$AA$30,INDEX(Jesper!$R$2:$R$366,ROW(INDEX(Jesper!AI$2:AI$366,ROUNDDOWN($C4543/24,0)+1,1))-1)+IF('Standard Profiles'!$G$19=$B$10,7,0)+IF('Standard Profiles'!$G$19=$B$17,14,0)+IF('Standard Profiles'!$G$19=$B$24,21,0),0)),0)</f>
        <v>0.66655860172391868</v>
      </c>
      <c r="F4543" cm="1">
        <f t="array" ref="F4543">IFERROR(INDEX(Jesper!AJ$2:AJ$366,ROUNDDOWN($C4543/24,0)+1,1)*INDEX($D$3:$AA$30,INDEX(Jesper!$R$2:$R$366,ROW(INDEX(Jesper!AJ$2:AJ$366,ROUNDDOWN($C4543/24,0)+1,1))-1)+IF('Standard Profiles'!$G$20=$B$10,7,0)+IF('Standard Profiles'!$G$20=$B$17,14,0)+IF('Standard Profiles'!$G$20=$B$24,21,0),MOD($C4543,24)+1)/SUM(INDEX($D$3:$AA$30,INDEX(Jesper!$R$2:$R$366,ROW(INDEX(Jesper!AJ$2:AJ$366,ROUNDDOWN($C4543/24,0)+1,1))-1)+IF('Standard Profiles'!$G$20=$B$10,7,0)+IF('Standard Profiles'!$G$20=$B$17,14,0)+IF('Standard Profiles'!$G$20=$B$24,21,0),0)),0)</f>
        <v>0</v>
      </c>
      <c r="G4543" cm="1">
        <f t="array" ref="G4543">IFERROR(INDEX(Jesper!AK$2:AK$366,ROUNDDOWN($C4543/24,0)+1,1)*INDEX($D$3:$AA$30,INDEX(Jesper!$R$2:$R$366,ROW(INDEX(Jesper!AK$2:AK$366,ROUNDDOWN($C4543/24,0)+1,1))-1)+IF('Standard Profiles'!$G$21=$B$10,7,0)+IF('Standard Profiles'!$G$21=$B$17,14,0)+IF('Standard Profiles'!$G$21=$B$24,21,0),MOD($C4543,24)+1)/SUM(INDEX($D$3:$AA$30,INDEX(Jesper!$R$2:$R$366,ROW(INDEX(Jesper!AK$2:AK$366,ROUNDDOWN($C4543/24,0)+1,1))-1)+IF('Standard Profiles'!$G$21=$B$10,7,0)+IF('Standard Profiles'!$G$21=$B$17,14,0)+IF('Standard Profiles'!$G$21=$B$24,21,0),0)),0)</f>
        <v>0</v>
      </c>
      <c r="H4543" cm="1">
        <f t="array" ref="H4543">IFERROR(INDEX(Jesper!AL$2:AL$366,ROUNDDOWN($C4543/24,0)+1,1)*INDEX($D$3:$AA$30,INDEX(Jesper!$R$2:$R$366,ROW(INDEX(Jesper!AL$2:AL$366,ROUNDDOWN($C4543/24,0)+1,1))-1)+IF('Standard Profiles'!$G$22=$B$10,7,0)+IF('Standard Profiles'!$G$22=$B$17,14,0)+IF('Standard Profiles'!$G$22=$B$24,21,0),MOD($C4543,24)+1)/SUM(INDEX($D$3:$AA$30,INDEX(Jesper!$R$2:$R$366,ROW(INDEX(Jesper!AL$2:AL$366,ROUNDDOWN($C4543/24,0)+1,1))-1)+IF('Standard Profiles'!$G$22=$B$10,7,0)+IF('Standard Profiles'!$G$22=$B$17,14,0)+IF('Standard Profiles'!$G$22=$B$24,21,0),0)),0)</f>
        <v>0</v>
      </c>
      <c r="I4543">
        <f t="shared" si="510"/>
        <v>6.0050324479632329E-2</v>
      </c>
      <c r="J4543">
        <f t="shared" si="511"/>
        <v>0.20016774826544112</v>
      </c>
      <c r="K4543">
        <f t="shared" si="512"/>
        <v>0.30025162239816167</v>
      </c>
      <c r="L4543">
        <f t="shared" si="513"/>
        <v>4.9586222425687616</v>
      </c>
      <c r="M4543">
        <f t="shared" si="514"/>
        <v>0</v>
      </c>
      <c r="N4543" s="46">
        <f t="shared" si="515"/>
        <v>45479.874999989064</v>
      </c>
    </row>
    <row r="4544" spans="2:14" x14ac:dyDescent="0.3">
      <c r="B4544">
        <f t="shared" si="509"/>
        <v>6</v>
      </c>
      <c r="C4544" s="16">
        <v>4510</v>
      </c>
      <c r="D4544" cm="1">
        <f t="array" ref="D4544">IFERROR(INDEX(Jesper!AH$2:AH$366,ROUNDDOWN($C4544/24,0)+1,1)*INDEX($D$3:$AA$30,INDEX(Jesper!$R$2:$R$366,ROW(INDEX(Jesper!AH$2:AH$366,ROUNDDOWN($C4544/24,0)+1,1))-1)+IF('Standard Profiles'!$G$18=$B$10,7,0)+IF('Standard Profiles'!$G$18=$B$17,14,0)+IF('Standard Profiles'!$G$18=$B$24,21,0),MOD($C4544,24)+1)/SUM(INDEX($D$3:$AA$30,INDEX(Jesper!$R$2:$R$366,ROW(INDEX(Jesper!AH$2:AH$366,ROUNDDOWN($C4544/24,0)+1,1))-1)+IF('Standard Profiles'!$G$18=$B$10,7,0)+IF('Standard Profiles'!$G$18=$B$17,14,0)+IF('Standard Profiles'!$G$18=$B$24,21,0),0)),0)</f>
        <v>4.8525333359880776</v>
      </c>
      <c r="E4544" cm="1">
        <f t="array" ref="E4544">IFERROR(INDEX(Jesper!AI$2:AI$366,ROUNDDOWN($C4544/24,0)+1,1)*INDEX($D$3:$AA$30,INDEX(Jesper!$R$2:$R$366,ROW(INDEX(Jesper!AI$2:AI$366,ROUNDDOWN($C4544/24,0)+1,1))-1)+IF('Standard Profiles'!$G$19=$B$10,7,0)+IF('Standard Profiles'!$G$19=$B$17,14,0)+IF('Standard Profiles'!$G$19=$B$24,21,0),MOD($C4544,24)+1)/SUM(INDEX($D$3:$AA$30,INDEX(Jesper!$R$2:$R$366,ROW(INDEX(Jesper!AI$2:AI$366,ROUNDDOWN($C4544/24,0)+1,1))-1)+IF('Standard Profiles'!$G$19=$B$10,7,0)+IF('Standard Profiles'!$G$19=$B$17,14,0)+IF('Standard Profiles'!$G$19=$B$24,21,0),0)),0)</f>
        <v>0.66655860172391868</v>
      </c>
      <c r="F4544" cm="1">
        <f t="array" ref="F4544">IFERROR(INDEX(Jesper!AJ$2:AJ$366,ROUNDDOWN($C4544/24,0)+1,1)*INDEX($D$3:$AA$30,INDEX(Jesper!$R$2:$R$366,ROW(INDEX(Jesper!AJ$2:AJ$366,ROUNDDOWN($C4544/24,0)+1,1))-1)+IF('Standard Profiles'!$G$20=$B$10,7,0)+IF('Standard Profiles'!$G$20=$B$17,14,0)+IF('Standard Profiles'!$G$20=$B$24,21,0),MOD($C4544,24)+1)/SUM(INDEX($D$3:$AA$30,INDEX(Jesper!$R$2:$R$366,ROW(INDEX(Jesper!AJ$2:AJ$366,ROUNDDOWN($C4544/24,0)+1,1))-1)+IF('Standard Profiles'!$G$20=$B$10,7,0)+IF('Standard Profiles'!$G$20=$B$17,14,0)+IF('Standard Profiles'!$G$20=$B$24,21,0),0)),0)</f>
        <v>0</v>
      </c>
      <c r="G4544" cm="1">
        <f t="array" ref="G4544">IFERROR(INDEX(Jesper!AK$2:AK$366,ROUNDDOWN($C4544/24,0)+1,1)*INDEX($D$3:$AA$30,INDEX(Jesper!$R$2:$R$366,ROW(INDEX(Jesper!AK$2:AK$366,ROUNDDOWN($C4544/24,0)+1,1))-1)+IF('Standard Profiles'!$G$21=$B$10,7,0)+IF('Standard Profiles'!$G$21=$B$17,14,0)+IF('Standard Profiles'!$G$21=$B$24,21,0),MOD($C4544,24)+1)/SUM(INDEX($D$3:$AA$30,INDEX(Jesper!$R$2:$R$366,ROW(INDEX(Jesper!AK$2:AK$366,ROUNDDOWN($C4544/24,0)+1,1))-1)+IF('Standard Profiles'!$G$21=$B$10,7,0)+IF('Standard Profiles'!$G$21=$B$17,14,0)+IF('Standard Profiles'!$G$21=$B$24,21,0),0)),0)</f>
        <v>0</v>
      </c>
      <c r="H4544" cm="1">
        <f t="array" ref="H4544">IFERROR(INDEX(Jesper!AL$2:AL$366,ROUNDDOWN($C4544/24,0)+1,1)*INDEX($D$3:$AA$30,INDEX(Jesper!$R$2:$R$366,ROW(INDEX(Jesper!AL$2:AL$366,ROUNDDOWN($C4544/24,0)+1,1))-1)+IF('Standard Profiles'!$G$22=$B$10,7,0)+IF('Standard Profiles'!$G$22=$B$17,14,0)+IF('Standard Profiles'!$G$22=$B$24,21,0),MOD($C4544,24)+1)/SUM(INDEX($D$3:$AA$30,INDEX(Jesper!$R$2:$R$366,ROW(INDEX(Jesper!AL$2:AL$366,ROUNDDOWN($C4544/24,0)+1,1))-1)+IF('Standard Profiles'!$G$22=$B$10,7,0)+IF('Standard Profiles'!$G$22=$B$17,14,0)+IF('Standard Profiles'!$G$22=$B$24,21,0),0)),0)</f>
        <v>0</v>
      </c>
      <c r="I4544">
        <f t="shared" si="510"/>
        <v>6.0050324479632329E-2</v>
      </c>
      <c r="J4544">
        <f t="shared" si="511"/>
        <v>0.20016774826544112</v>
      </c>
      <c r="K4544">
        <f t="shared" si="512"/>
        <v>0.30025162239816167</v>
      </c>
      <c r="L4544">
        <f t="shared" si="513"/>
        <v>4.9586222425687616</v>
      </c>
      <c r="M4544">
        <f t="shared" si="514"/>
        <v>0</v>
      </c>
      <c r="N4544" s="46">
        <f t="shared" si="515"/>
        <v>45479.916666655728</v>
      </c>
    </row>
    <row r="4545" spans="2:14" x14ac:dyDescent="0.3">
      <c r="B4545">
        <f t="shared" si="509"/>
        <v>6</v>
      </c>
      <c r="C4545" s="16">
        <v>4511</v>
      </c>
      <c r="D4545" cm="1">
        <f t="array" ref="D4545">IFERROR(INDEX(Jesper!AH$2:AH$366,ROUNDDOWN($C4545/24,0)+1,1)*INDEX($D$3:$AA$30,INDEX(Jesper!$R$2:$R$366,ROW(INDEX(Jesper!AH$2:AH$366,ROUNDDOWN($C4545/24,0)+1,1))-1)+IF('Standard Profiles'!$G$18=$B$10,7,0)+IF('Standard Profiles'!$G$18=$B$17,14,0)+IF('Standard Profiles'!$G$18=$B$24,21,0),MOD($C4545,24)+1)/SUM(INDEX($D$3:$AA$30,INDEX(Jesper!$R$2:$R$366,ROW(INDEX(Jesper!AH$2:AH$366,ROUNDDOWN($C4545/24,0)+1,1))-1)+IF('Standard Profiles'!$G$18=$B$10,7,0)+IF('Standard Profiles'!$G$18=$B$17,14,0)+IF('Standard Profiles'!$G$18=$B$24,21,0),0)),0)</f>
        <v>4.8525333359880776</v>
      </c>
      <c r="E4545" cm="1">
        <f t="array" ref="E4545">IFERROR(INDEX(Jesper!AI$2:AI$366,ROUNDDOWN($C4545/24,0)+1,1)*INDEX($D$3:$AA$30,INDEX(Jesper!$R$2:$R$366,ROW(INDEX(Jesper!AI$2:AI$366,ROUNDDOWN($C4545/24,0)+1,1))-1)+IF('Standard Profiles'!$G$19=$B$10,7,0)+IF('Standard Profiles'!$G$19=$B$17,14,0)+IF('Standard Profiles'!$G$19=$B$24,21,0),MOD($C4545,24)+1)/SUM(INDEX($D$3:$AA$30,INDEX(Jesper!$R$2:$R$366,ROW(INDEX(Jesper!AI$2:AI$366,ROUNDDOWN($C4545/24,0)+1,1))-1)+IF('Standard Profiles'!$G$19=$B$10,7,0)+IF('Standard Profiles'!$G$19=$B$17,14,0)+IF('Standard Profiles'!$G$19=$B$24,21,0),0)),0)</f>
        <v>0.66655860172391868</v>
      </c>
      <c r="F4545" cm="1">
        <f t="array" ref="F4545">IFERROR(INDEX(Jesper!AJ$2:AJ$366,ROUNDDOWN($C4545/24,0)+1,1)*INDEX($D$3:$AA$30,INDEX(Jesper!$R$2:$R$366,ROW(INDEX(Jesper!AJ$2:AJ$366,ROUNDDOWN($C4545/24,0)+1,1))-1)+IF('Standard Profiles'!$G$20=$B$10,7,0)+IF('Standard Profiles'!$G$20=$B$17,14,0)+IF('Standard Profiles'!$G$20=$B$24,21,0),MOD($C4545,24)+1)/SUM(INDEX($D$3:$AA$30,INDEX(Jesper!$R$2:$R$366,ROW(INDEX(Jesper!AJ$2:AJ$366,ROUNDDOWN($C4545/24,0)+1,1))-1)+IF('Standard Profiles'!$G$20=$B$10,7,0)+IF('Standard Profiles'!$G$20=$B$17,14,0)+IF('Standard Profiles'!$G$20=$B$24,21,0),0)),0)</f>
        <v>0</v>
      </c>
      <c r="G4545" cm="1">
        <f t="array" ref="G4545">IFERROR(INDEX(Jesper!AK$2:AK$366,ROUNDDOWN($C4545/24,0)+1,1)*INDEX($D$3:$AA$30,INDEX(Jesper!$R$2:$R$366,ROW(INDEX(Jesper!AK$2:AK$366,ROUNDDOWN($C4545/24,0)+1,1))-1)+IF('Standard Profiles'!$G$21=$B$10,7,0)+IF('Standard Profiles'!$G$21=$B$17,14,0)+IF('Standard Profiles'!$G$21=$B$24,21,0),MOD($C4545,24)+1)/SUM(INDEX($D$3:$AA$30,INDEX(Jesper!$R$2:$R$366,ROW(INDEX(Jesper!AK$2:AK$366,ROUNDDOWN($C4545/24,0)+1,1))-1)+IF('Standard Profiles'!$G$21=$B$10,7,0)+IF('Standard Profiles'!$G$21=$B$17,14,0)+IF('Standard Profiles'!$G$21=$B$24,21,0),0)),0)</f>
        <v>0</v>
      </c>
      <c r="H4545" cm="1">
        <f t="array" ref="H4545">IFERROR(INDEX(Jesper!AL$2:AL$366,ROUNDDOWN($C4545/24,0)+1,1)*INDEX($D$3:$AA$30,INDEX(Jesper!$R$2:$R$366,ROW(INDEX(Jesper!AL$2:AL$366,ROUNDDOWN($C4545/24,0)+1,1))-1)+IF('Standard Profiles'!$G$22=$B$10,7,0)+IF('Standard Profiles'!$G$22=$B$17,14,0)+IF('Standard Profiles'!$G$22=$B$24,21,0),MOD($C4545,24)+1)/SUM(INDEX($D$3:$AA$30,INDEX(Jesper!$R$2:$R$366,ROW(INDEX(Jesper!AL$2:AL$366,ROUNDDOWN($C4545/24,0)+1,1))-1)+IF('Standard Profiles'!$G$22=$B$10,7,0)+IF('Standard Profiles'!$G$22=$B$17,14,0)+IF('Standard Profiles'!$G$22=$B$24,21,0),0)),0)</f>
        <v>0</v>
      </c>
      <c r="I4545">
        <f t="shared" si="510"/>
        <v>6.0050324479632329E-2</v>
      </c>
      <c r="J4545">
        <f t="shared" si="511"/>
        <v>0.20016774826544112</v>
      </c>
      <c r="K4545">
        <f t="shared" si="512"/>
        <v>0.30025162239816167</v>
      </c>
      <c r="L4545">
        <f t="shared" si="513"/>
        <v>4.9586222425687616</v>
      </c>
      <c r="M4545">
        <f t="shared" si="514"/>
        <v>0</v>
      </c>
      <c r="N4545" s="46">
        <f t="shared" si="515"/>
        <v>45479.958333322393</v>
      </c>
    </row>
    <row r="4546" spans="2:14" x14ac:dyDescent="0.3">
      <c r="B4546">
        <f t="shared" si="509"/>
        <v>7</v>
      </c>
      <c r="C4546" s="16">
        <v>4512</v>
      </c>
      <c r="D4546" cm="1">
        <f t="array" ref="D4546">IFERROR(INDEX(Jesper!AH$2:AH$366,ROUNDDOWN($C4546/24,0)+1,1)*INDEX($D$3:$AA$30,INDEX(Jesper!$R$2:$R$366,ROW(INDEX(Jesper!AH$2:AH$366,ROUNDDOWN($C4546/24,0)+1,1))-1)+IF('Standard Profiles'!$G$18=$B$10,7,0)+IF('Standard Profiles'!$G$18=$B$17,14,0)+IF('Standard Profiles'!$G$18=$B$24,21,0),MOD($C4546,24)+1)/SUM(INDEX($D$3:$AA$30,INDEX(Jesper!$R$2:$R$366,ROW(INDEX(Jesper!AH$2:AH$366,ROUNDDOWN($C4546/24,0)+1,1))-1)+IF('Standard Profiles'!$G$18=$B$10,7,0)+IF('Standard Profiles'!$G$18=$B$17,14,0)+IF('Standard Profiles'!$G$18=$B$24,21,0),0)),0)</f>
        <v>5.3937377317231343</v>
      </c>
      <c r="E4546" cm="1">
        <f t="array" ref="E4546">IFERROR(INDEX(Jesper!AI$2:AI$366,ROUNDDOWN($C4546/24,0)+1,1)*INDEX($D$3:$AA$30,INDEX(Jesper!$R$2:$R$366,ROW(INDEX(Jesper!AI$2:AI$366,ROUNDDOWN($C4546/24,0)+1,1))-1)+IF('Standard Profiles'!$G$19=$B$10,7,0)+IF('Standard Profiles'!$G$19=$B$17,14,0)+IF('Standard Profiles'!$G$19=$B$24,21,0),MOD($C4546,24)+1)/SUM(INDEX($D$3:$AA$30,INDEX(Jesper!$R$2:$R$366,ROW(INDEX(Jesper!AI$2:AI$366,ROUNDDOWN($C4546/24,0)+1,1))-1)+IF('Standard Profiles'!$G$19=$B$10,7,0)+IF('Standard Profiles'!$G$19=$B$17,14,0)+IF('Standard Profiles'!$G$19=$B$24,21,0),0)),0)</f>
        <v>0.75451111639171697</v>
      </c>
      <c r="F4546" cm="1">
        <f t="array" ref="F4546">IFERROR(INDEX(Jesper!AJ$2:AJ$366,ROUNDDOWN($C4546/24,0)+1,1)*INDEX($D$3:$AA$30,INDEX(Jesper!$R$2:$R$366,ROW(INDEX(Jesper!AJ$2:AJ$366,ROUNDDOWN($C4546/24,0)+1,1))-1)+IF('Standard Profiles'!$G$20=$B$10,7,0)+IF('Standard Profiles'!$G$20=$B$17,14,0)+IF('Standard Profiles'!$G$20=$B$24,21,0),MOD($C4546,24)+1)/SUM(INDEX($D$3:$AA$30,INDEX(Jesper!$R$2:$R$366,ROW(INDEX(Jesper!AJ$2:AJ$366,ROUNDDOWN($C4546/24,0)+1,1))-1)+IF('Standard Profiles'!$G$20=$B$10,7,0)+IF('Standard Profiles'!$G$20=$B$17,14,0)+IF('Standard Profiles'!$G$20=$B$24,21,0),0)),0)</f>
        <v>0</v>
      </c>
      <c r="G4546" cm="1">
        <f t="array" ref="G4546">IFERROR(INDEX(Jesper!AK$2:AK$366,ROUNDDOWN($C4546/24,0)+1,1)*INDEX($D$3:$AA$30,INDEX(Jesper!$R$2:$R$366,ROW(INDEX(Jesper!AK$2:AK$366,ROUNDDOWN($C4546/24,0)+1,1))-1)+IF('Standard Profiles'!$G$21=$B$10,7,0)+IF('Standard Profiles'!$G$21=$B$17,14,0)+IF('Standard Profiles'!$G$21=$B$24,21,0),MOD($C4546,24)+1)/SUM(INDEX($D$3:$AA$30,INDEX(Jesper!$R$2:$R$366,ROW(INDEX(Jesper!AK$2:AK$366,ROUNDDOWN($C4546/24,0)+1,1))-1)+IF('Standard Profiles'!$G$21=$B$10,7,0)+IF('Standard Profiles'!$G$21=$B$17,14,0)+IF('Standard Profiles'!$G$21=$B$24,21,0),0)),0)</f>
        <v>0</v>
      </c>
      <c r="H4546" cm="1">
        <f t="array" ref="H4546">IFERROR(INDEX(Jesper!AL$2:AL$366,ROUNDDOWN($C4546/24,0)+1,1)*INDEX($D$3:$AA$30,INDEX(Jesper!$R$2:$R$366,ROW(INDEX(Jesper!AL$2:AL$366,ROUNDDOWN($C4546/24,0)+1,1))-1)+IF('Standard Profiles'!$G$22=$B$10,7,0)+IF('Standard Profiles'!$G$22=$B$17,14,0)+IF('Standard Profiles'!$G$22=$B$24,21,0),MOD($C4546,24)+1)/SUM(INDEX($D$3:$AA$30,INDEX(Jesper!$R$2:$R$366,ROW(INDEX(Jesper!AL$2:AL$366,ROUNDDOWN($C4546/24,0)+1,1))-1)+IF('Standard Profiles'!$G$22=$B$10,7,0)+IF('Standard Profiles'!$G$22=$B$17,14,0)+IF('Standard Profiles'!$G$22=$B$24,21,0),0)),0)</f>
        <v>0</v>
      </c>
      <c r="I4546">
        <f t="shared" si="510"/>
        <v>6.7973974449704253E-2</v>
      </c>
      <c r="J4546">
        <f t="shared" si="511"/>
        <v>0.22657991483234752</v>
      </c>
      <c r="K4546">
        <f t="shared" si="512"/>
        <v>0.33986987224852128</v>
      </c>
      <c r="L4546">
        <f t="shared" si="513"/>
        <v>5.5138250865842782</v>
      </c>
      <c r="M4546">
        <f t="shared" si="514"/>
        <v>0</v>
      </c>
      <c r="N4546" s="46">
        <f t="shared" si="515"/>
        <v>45479.999999989057</v>
      </c>
    </row>
    <row r="4547" spans="2:14" x14ac:dyDescent="0.3">
      <c r="B4547">
        <f t="shared" si="509"/>
        <v>7</v>
      </c>
      <c r="C4547" s="16">
        <v>4513</v>
      </c>
      <c r="D4547" cm="1">
        <f t="array" ref="D4547">IFERROR(INDEX(Jesper!AH$2:AH$366,ROUNDDOWN($C4547/24,0)+1,1)*INDEX($D$3:$AA$30,INDEX(Jesper!$R$2:$R$366,ROW(INDEX(Jesper!AH$2:AH$366,ROUNDDOWN($C4547/24,0)+1,1))-1)+IF('Standard Profiles'!$G$18=$B$10,7,0)+IF('Standard Profiles'!$G$18=$B$17,14,0)+IF('Standard Profiles'!$G$18=$B$24,21,0),MOD($C4547,24)+1)/SUM(INDEX($D$3:$AA$30,INDEX(Jesper!$R$2:$R$366,ROW(INDEX(Jesper!AH$2:AH$366,ROUNDDOWN($C4547/24,0)+1,1))-1)+IF('Standard Profiles'!$G$18=$B$10,7,0)+IF('Standard Profiles'!$G$18=$B$17,14,0)+IF('Standard Profiles'!$G$18=$B$24,21,0),0)),0)</f>
        <v>6.2636954303881565</v>
      </c>
      <c r="E4547" cm="1">
        <f t="array" ref="E4547">IFERROR(INDEX(Jesper!AI$2:AI$366,ROUNDDOWN($C4547/24,0)+1,1)*INDEX($D$3:$AA$30,INDEX(Jesper!$R$2:$R$366,ROW(INDEX(Jesper!AI$2:AI$366,ROUNDDOWN($C4547/24,0)+1,1))-1)+IF('Standard Profiles'!$G$19=$B$10,7,0)+IF('Standard Profiles'!$G$19=$B$17,14,0)+IF('Standard Profiles'!$G$19=$B$24,21,0),MOD($C4547,24)+1)/SUM(INDEX($D$3:$AA$30,INDEX(Jesper!$R$2:$R$366,ROW(INDEX(Jesper!AI$2:AI$366,ROUNDDOWN($C4547/24,0)+1,1))-1)+IF('Standard Profiles'!$G$19=$B$10,7,0)+IF('Standard Profiles'!$G$19=$B$17,14,0)+IF('Standard Profiles'!$G$19=$B$24,21,0),0)),0)</f>
        <v>0.87620645774521966</v>
      </c>
      <c r="F4547" cm="1">
        <f t="array" ref="F4547">IFERROR(INDEX(Jesper!AJ$2:AJ$366,ROUNDDOWN($C4547/24,0)+1,1)*INDEX($D$3:$AA$30,INDEX(Jesper!$R$2:$R$366,ROW(INDEX(Jesper!AJ$2:AJ$366,ROUNDDOWN($C4547/24,0)+1,1))-1)+IF('Standard Profiles'!$G$20=$B$10,7,0)+IF('Standard Profiles'!$G$20=$B$17,14,0)+IF('Standard Profiles'!$G$20=$B$24,21,0),MOD($C4547,24)+1)/SUM(INDEX($D$3:$AA$30,INDEX(Jesper!$R$2:$R$366,ROW(INDEX(Jesper!AJ$2:AJ$366,ROUNDDOWN($C4547/24,0)+1,1))-1)+IF('Standard Profiles'!$G$20=$B$10,7,0)+IF('Standard Profiles'!$G$20=$B$17,14,0)+IF('Standard Profiles'!$G$20=$B$24,21,0),0)),0)</f>
        <v>0</v>
      </c>
      <c r="G4547" cm="1">
        <f t="array" ref="G4547">IFERROR(INDEX(Jesper!AK$2:AK$366,ROUNDDOWN($C4547/24,0)+1,1)*INDEX($D$3:$AA$30,INDEX(Jesper!$R$2:$R$366,ROW(INDEX(Jesper!AK$2:AK$366,ROUNDDOWN($C4547/24,0)+1,1))-1)+IF('Standard Profiles'!$G$21=$B$10,7,0)+IF('Standard Profiles'!$G$21=$B$17,14,0)+IF('Standard Profiles'!$G$21=$B$24,21,0),MOD($C4547,24)+1)/SUM(INDEX($D$3:$AA$30,INDEX(Jesper!$R$2:$R$366,ROW(INDEX(Jesper!AK$2:AK$366,ROUNDDOWN($C4547/24,0)+1,1))-1)+IF('Standard Profiles'!$G$21=$B$10,7,0)+IF('Standard Profiles'!$G$21=$B$17,14,0)+IF('Standard Profiles'!$G$21=$B$24,21,0),0)),0)</f>
        <v>0</v>
      </c>
      <c r="H4547" cm="1">
        <f t="array" ref="H4547">IFERROR(INDEX(Jesper!AL$2:AL$366,ROUNDDOWN($C4547/24,0)+1,1)*INDEX($D$3:$AA$30,INDEX(Jesper!$R$2:$R$366,ROW(INDEX(Jesper!AL$2:AL$366,ROUNDDOWN($C4547/24,0)+1,1))-1)+IF('Standard Profiles'!$G$22=$B$10,7,0)+IF('Standard Profiles'!$G$22=$B$17,14,0)+IF('Standard Profiles'!$G$22=$B$24,21,0),MOD($C4547,24)+1)/SUM(INDEX($D$3:$AA$30,INDEX(Jesper!$R$2:$R$366,ROW(INDEX(Jesper!AL$2:AL$366,ROUNDDOWN($C4547/24,0)+1,1))-1)+IF('Standard Profiles'!$G$22=$B$10,7,0)+IF('Standard Profiles'!$G$22=$B$17,14,0)+IF('Standard Profiles'!$G$22=$B$24,21,0),0)),0)</f>
        <v>0</v>
      </c>
      <c r="I4547">
        <f t="shared" si="510"/>
        <v>7.8937518715785582E-2</v>
      </c>
      <c r="J4547">
        <f t="shared" si="511"/>
        <v>0.26312506238595196</v>
      </c>
      <c r="K4547">
        <f t="shared" si="512"/>
        <v>0.39468759357892791</v>
      </c>
      <c r="L4547">
        <f t="shared" si="513"/>
        <v>6.4031517134527105</v>
      </c>
      <c r="M4547">
        <f t="shared" si="514"/>
        <v>0</v>
      </c>
      <c r="N4547" s="46">
        <f t="shared" si="515"/>
        <v>45480.041666655721</v>
      </c>
    </row>
    <row r="4548" spans="2:14" x14ac:dyDescent="0.3">
      <c r="B4548">
        <f t="shared" si="509"/>
        <v>7</v>
      </c>
      <c r="C4548" s="16">
        <v>4514</v>
      </c>
      <c r="D4548" cm="1">
        <f t="array" ref="D4548">IFERROR(INDEX(Jesper!AH$2:AH$366,ROUNDDOWN($C4548/24,0)+1,1)*INDEX($D$3:$AA$30,INDEX(Jesper!$R$2:$R$366,ROW(INDEX(Jesper!AH$2:AH$366,ROUNDDOWN($C4548/24,0)+1,1))-1)+IF('Standard Profiles'!$G$18=$B$10,7,0)+IF('Standard Profiles'!$G$18=$B$17,14,0)+IF('Standard Profiles'!$G$18=$B$24,21,0),MOD($C4548,24)+1)/SUM(INDEX($D$3:$AA$30,INDEX(Jesper!$R$2:$R$366,ROW(INDEX(Jesper!AH$2:AH$366,ROUNDDOWN($C4548/24,0)+1,1))-1)+IF('Standard Profiles'!$G$18=$B$10,7,0)+IF('Standard Profiles'!$G$18=$B$17,14,0)+IF('Standard Profiles'!$G$18=$B$24,21,0),0)),0)</f>
        <v>6.2636954303881565</v>
      </c>
      <c r="E4548" cm="1">
        <f t="array" ref="E4548">IFERROR(INDEX(Jesper!AI$2:AI$366,ROUNDDOWN($C4548/24,0)+1,1)*INDEX($D$3:$AA$30,INDEX(Jesper!$R$2:$R$366,ROW(INDEX(Jesper!AI$2:AI$366,ROUNDDOWN($C4548/24,0)+1,1))-1)+IF('Standard Profiles'!$G$19=$B$10,7,0)+IF('Standard Profiles'!$G$19=$B$17,14,0)+IF('Standard Profiles'!$G$19=$B$24,21,0),MOD($C4548,24)+1)/SUM(INDEX($D$3:$AA$30,INDEX(Jesper!$R$2:$R$366,ROW(INDEX(Jesper!AI$2:AI$366,ROUNDDOWN($C4548/24,0)+1,1))-1)+IF('Standard Profiles'!$G$19=$B$10,7,0)+IF('Standard Profiles'!$G$19=$B$17,14,0)+IF('Standard Profiles'!$G$19=$B$24,21,0),0)),0)</f>
        <v>0.87620645774521966</v>
      </c>
      <c r="F4548" cm="1">
        <f t="array" ref="F4548">IFERROR(INDEX(Jesper!AJ$2:AJ$366,ROUNDDOWN($C4548/24,0)+1,1)*INDEX($D$3:$AA$30,INDEX(Jesper!$R$2:$R$366,ROW(INDEX(Jesper!AJ$2:AJ$366,ROUNDDOWN($C4548/24,0)+1,1))-1)+IF('Standard Profiles'!$G$20=$B$10,7,0)+IF('Standard Profiles'!$G$20=$B$17,14,0)+IF('Standard Profiles'!$G$20=$B$24,21,0),MOD($C4548,24)+1)/SUM(INDEX($D$3:$AA$30,INDEX(Jesper!$R$2:$R$366,ROW(INDEX(Jesper!AJ$2:AJ$366,ROUNDDOWN($C4548/24,0)+1,1))-1)+IF('Standard Profiles'!$G$20=$B$10,7,0)+IF('Standard Profiles'!$G$20=$B$17,14,0)+IF('Standard Profiles'!$G$20=$B$24,21,0),0)),0)</f>
        <v>0</v>
      </c>
      <c r="G4548" cm="1">
        <f t="array" ref="G4548">IFERROR(INDEX(Jesper!AK$2:AK$366,ROUNDDOWN($C4548/24,0)+1,1)*INDEX($D$3:$AA$30,INDEX(Jesper!$R$2:$R$366,ROW(INDEX(Jesper!AK$2:AK$366,ROUNDDOWN($C4548/24,0)+1,1))-1)+IF('Standard Profiles'!$G$21=$B$10,7,0)+IF('Standard Profiles'!$G$21=$B$17,14,0)+IF('Standard Profiles'!$G$21=$B$24,21,0),MOD($C4548,24)+1)/SUM(INDEX($D$3:$AA$30,INDEX(Jesper!$R$2:$R$366,ROW(INDEX(Jesper!AK$2:AK$366,ROUNDDOWN($C4548/24,0)+1,1))-1)+IF('Standard Profiles'!$G$21=$B$10,7,0)+IF('Standard Profiles'!$G$21=$B$17,14,0)+IF('Standard Profiles'!$G$21=$B$24,21,0),0)),0)</f>
        <v>0</v>
      </c>
      <c r="H4548" cm="1">
        <f t="array" ref="H4548">IFERROR(INDEX(Jesper!AL$2:AL$366,ROUNDDOWN($C4548/24,0)+1,1)*INDEX($D$3:$AA$30,INDEX(Jesper!$R$2:$R$366,ROW(INDEX(Jesper!AL$2:AL$366,ROUNDDOWN($C4548/24,0)+1,1))-1)+IF('Standard Profiles'!$G$22=$B$10,7,0)+IF('Standard Profiles'!$G$22=$B$17,14,0)+IF('Standard Profiles'!$G$22=$B$24,21,0),MOD($C4548,24)+1)/SUM(INDEX($D$3:$AA$30,INDEX(Jesper!$R$2:$R$366,ROW(INDEX(Jesper!AL$2:AL$366,ROUNDDOWN($C4548/24,0)+1,1))-1)+IF('Standard Profiles'!$G$22=$B$10,7,0)+IF('Standard Profiles'!$G$22=$B$17,14,0)+IF('Standard Profiles'!$G$22=$B$24,21,0),0)),0)</f>
        <v>0</v>
      </c>
      <c r="I4548">
        <f t="shared" si="510"/>
        <v>7.8937518715785582E-2</v>
      </c>
      <c r="J4548">
        <f t="shared" si="511"/>
        <v>0.26312506238595196</v>
      </c>
      <c r="K4548">
        <f t="shared" si="512"/>
        <v>0.39468759357892791</v>
      </c>
      <c r="L4548">
        <f t="shared" si="513"/>
        <v>6.4031517134527105</v>
      </c>
      <c r="M4548">
        <f t="shared" si="514"/>
        <v>0</v>
      </c>
      <c r="N4548" s="46">
        <f t="shared" si="515"/>
        <v>45480.083333322385</v>
      </c>
    </row>
    <row r="4549" spans="2:14" x14ac:dyDescent="0.3">
      <c r="B4549">
        <f t="shared" si="509"/>
        <v>7</v>
      </c>
      <c r="C4549" s="16">
        <v>4515</v>
      </c>
      <c r="D4549" cm="1">
        <f t="array" ref="D4549">IFERROR(INDEX(Jesper!AH$2:AH$366,ROUNDDOWN($C4549/24,0)+1,1)*INDEX($D$3:$AA$30,INDEX(Jesper!$R$2:$R$366,ROW(INDEX(Jesper!AH$2:AH$366,ROUNDDOWN($C4549/24,0)+1,1))-1)+IF('Standard Profiles'!$G$18=$B$10,7,0)+IF('Standard Profiles'!$G$18=$B$17,14,0)+IF('Standard Profiles'!$G$18=$B$24,21,0),MOD($C4549,24)+1)/SUM(INDEX($D$3:$AA$30,INDEX(Jesper!$R$2:$R$366,ROW(INDEX(Jesper!AH$2:AH$366,ROUNDDOWN($C4549/24,0)+1,1))-1)+IF('Standard Profiles'!$G$18=$B$10,7,0)+IF('Standard Profiles'!$G$18=$B$17,14,0)+IF('Standard Profiles'!$G$18=$B$24,21,0),0)),0)</f>
        <v>6.2636954303881565</v>
      </c>
      <c r="E4549" cm="1">
        <f t="array" ref="E4549">IFERROR(INDEX(Jesper!AI$2:AI$366,ROUNDDOWN($C4549/24,0)+1,1)*INDEX($D$3:$AA$30,INDEX(Jesper!$R$2:$R$366,ROW(INDEX(Jesper!AI$2:AI$366,ROUNDDOWN($C4549/24,0)+1,1))-1)+IF('Standard Profiles'!$G$19=$B$10,7,0)+IF('Standard Profiles'!$G$19=$B$17,14,0)+IF('Standard Profiles'!$G$19=$B$24,21,0),MOD($C4549,24)+1)/SUM(INDEX($D$3:$AA$30,INDEX(Jesper!$R$2:$R$366,ROW(INDEX(Jesper!AI$2:AI$366,ROUNDDOWN($C4549/24,0)+1,1))-1)+IF('Standard Profiles'!$G$19=$B$10,7,0)+IF('Standard Profiles'!$G$19=$B$17,14,0)+IF('Standard Profiles'!$G$19=$B$24,21,0),0)),0)</f>
        <v>0.87620645774521966</v>
      </c>
      <c r="F4549" cm="1">
        <f t="array" ref="F4549">IFERROR(INDEX(Jesper!AJ$2:AJ$366,ROUNDDOWN($C4549/24,0)+1,1)*INDEX($D$3:$AA$30,INDEX(Jesper!$R$2:$R$366,ROW(INDEX(Jesper!AJ$2:AJ$366,ROUNDDOWN($C4549/24,0)+1,1))-1)+IF('Standard Profiles'!$G$20=$B$10,7,0)+IF('Standard Profiles'!$G$20=$B$17,14,0)+IF('Standard Profiles'!$G$20=$B$24,21,0),MOD($C4549,24)+1)/SUM(INDEX($D$3:$AA$30,INDEX(Jesper!$R$2:$R$366,ROW(INDEX(Jesper!AJ$2:AJ$366,ROUNDDOWN($C4549/24,0)+1,1))-1)+IF('Standard Profiles'!$G$20=$B$10,7,0)+IF('Standard Profiles'!$G$20=$B$17,14,0)+IF('Standard Profiles'!$G$20=$B$24,21,0),0)),0)</f>
        <v>0</v>
      </c>
      <c r="G4549" cm="1">
        <f t="array" ref="G4549">IFERROR(INDEX(Jesper!AK$2:AK$366,ROUNDDOWN($C4549/24,0)+1,1)*INDEX($D$3:$AA$30,INDEX(Jesper!$R$2:$R$366,ROW(INDEX(Jesper!AK$2:AK$366,ROUNDDOWN($C4549/24,0)+1,1))-1)+IF('Standard Profiles'!$G$21=$B$10,7,0)+IF('Standard Profiles'!$G$21=$B$17,14,0)+IF('Standard Profiles'!$G$21=$B$24,21,0),MOD($C4549,24)+1)/SUM(INDEX($D$3:$AA$30,INDEX(Jesper!$R$2:$R$366,ROW(INDEX(Jesper!AK$2:AK$366,ROUNDDOWN($C4549/24,0)+1,1))-1)+IF('Standard Profiles'!$G$21=$B$10,7,0)+IF('Standard Profiles'!$G$21=$B$17,14,0)+IF('Standard Profiles'!$G$21=$B$24,21,0),0)),0)</f>
        <v>0</v>
      </c>
      <c r="H4549" cm="1">
        <f t="array" ref="H4549">IFERROR(INDEX(Jesper!AL$2:AL$366,ROUNDDOWN($C4549/24,0)+1,1)*INDEX($D$3:$AA$30,INDEX(Jesper!$R$2:$R$366,ROW(INDEX(Jesper!AL$2:AL$366,ROUNDDOWN($C4549/24,0)+1,1))-1)+IF('Standard Profiles'!$G$22=$B$10,7,0)+IF('Standard Profiles'!$G$22=$B$17,14,0)+IF('Standard Profiles'!$G$22=$B$24,21,0),MOD($C4549,24)+1)/SUM(INDEX($D$3:$AA$30,INDEX(Jesper!$R$2:$R$366,ROW(INDEX(Jesper!AL$2:AL$366,ROUNDDOWN($C4549/24,0)+1,1))-1)+IF('Standard Profiles'!$G$22=$B$10,7,0)+IF('Standard Profiles'!$G$22=$B$17,14,0)+IF('Standard Profiles'!$G$22=$B$24,21,0),0)),0)</f>
        <v>0</v>
      </c>
      <c r="I4549">
        <f t="shared" si="510"/>
        <v>7.8937518715785582E-2</v>
      </c>
      <c r="J4549">
        <f t="shared" si="511"/>
        <v>0.26312506238595196</v>
      </c>
      <c r="K4549">
        <f t="shared" si="512"/>
        <v>0.39468759357892791</v>
      </c>
      <c r="L4549">
        <f t="shared" si="513"/>
        <v>6.4031517134527105</v>
      </c>
      <c r="M4549">
        <f t="shared" si="514"/>
        <v>0</v>
      </c>
      <c r="N4549" s="46">
        <f t="shared" si="515"/>
        <v>45480.12499998905</v>
      </c>
    </row>
    <row r="4550" spans="2:14" x14ac:dyDescent="0.3">
      <c r="B4550">
        <f t="shared" si="509"/>
        <v>7</v>
      </c>
      <c r="C4550" s="16">
        <v>4516</v>
      </c>
      <c r="D4550" cm="1">
        <f t="array" ref="D4550">IFERROR(INDEX(Jesper!AH$2:AH$366,ROUNDDOWN($C4550/24,0)+1,1)*INDEX($D$3:$AA$30,INDEX(Jesper!$R$2:$R$366,ROW(INDEX(Jesper!AH$2:AH$366,ROUNDDOWN($C4550/24,0)+1,1))-1)+IF('Standard Profiles'!$G$18=$B$10,7,0)+IF('Standard Profiles'!$G$18=$B$17,14,0)+IF('Standard Profiles'!$G$18=$B$24,21,0),MOD($C4550,24)+1)/SUM(INDEX($D$3:$AA$30,INDEX(Jesper!$R$2:$R$366,ROW(INDEX(Jesper!AH$2:AH$366,ROUNDDOWN($C4550/24,0)+1,1))-1)+IF('Standard Profiles'!$G$18=$B$10,7,0)+IF('Standard Profiles'!$G$18=$B$17,14,0)+IF('Standard Profiles'!$G$18=$B$24,21,0),0)),0)</f>
        <v>6.2636954303881565</v>
      </c>
      <c r="E4550" cm="1">
        <f t="array" ref="E4550">IFERROR(INDEX(Jesper!AI$2:AI$366,ROUNDDOWN($C4550/24,0)+1,1)*INDEX($D$3:$AA$30,INDEX(Jesper!$R$2:$R$366,ROW(INDEX(Jesper!AI$2:AI$366,ROUNDDOWN($C4550/24,0)+1,1))-1)+IF('Standard Profiles'!$G$19=$B$10,7,0)+IF('Standard Profiles'!$G$19=$B$17,14,0)+IF('Standard Profiles'!$G$19=$B$24,21,0),MOD($C4550,24)+1)/SUM(INDEX($D$3:$AA$30,INDEX(Jesper!$R$2:$R$366,ROW(INDEX(Jesper!AI$2:AI$366,ROUNDDOWN($C4550/24,0)+1,1))-1)+IF('Standard Profiles'!$G$19=$B$10,7,0)+IF('Standard Profiles'!$G$19=$B$17,14,0)+IF('Standard Profiles'!$G$19=$B$24,21,0),0)),0)</f>
        <v>0.87620645774521966</v>
      </c>
      <c r="F4550" cm="1">
        <f t="array" ref="F4550">IFERROR(INDEX(Jesper!AJ$2:AJ$366,ROUNDDOWN($C4550/24,0)+1,1)*INDEX($D$3:$AA$30,INDEX(Jesper!$R$2:$R$366,ROW(INDEX(Jesper!AJ$2:AJ$366,ROUNDDOWN($C4550/24,0)+1,1))-1)+IF('Standard Profiles'!$G$20=$B$10,7,0)+IF('Standard Profiles'!$G$20=$B$17,14,0)+IF('Standard Profiles'!$G$20=$B$24,21,0),MOD($C4550,24)+1)/SUM(INDEX($D$3:$AA$30,INDEX(Jesper!$R$2:$R$366,ROW(INDEX(Jesper!AJ$2:AJ$366,ROUNDDOWN($C4550/24,0)+1,1))-1)+IF('Standard Profiles'!$G$20=$B$10,7,0)+IF('Standard Profiles'!$G$20=$B$17,14,0)+IF('Standard Profiles'!$G$20=$B$24,21,0),0)),0)</f>
        <v>0</v>
      </c>
      <c r="G4550" cm="1">
        <f t="array" ref="G4550">IFERROR(INDEX(Jesper!AK$2:AK$366,ROUNDDOWN($C4550/24,0)+1,1)*INDEX($D$3:$AA$30,INDEX(Jesper!$R$2:$R$366,ROW(INDEX(Jesper!AK$2:AK$366,ROUNDDOWN($C4550/24,0)+1,1))-1)+IF('Standard Profiles'!$G$21=$B$10,7,0)+IF('Standard Profiles'!$G$21=$B$17,14,0)+IF('Standard Profiles'!$G$21=$B$24,21,0),MOD($C4550,24)+1)/SUM(INDEX($D$3:$AA$30,INDEX(Jesper!$R$2:$R$366,ROW(INDEX(Jesper!AK$2:AK$366,ROUNDDOWN($C4550/24,0)+1,1))-1)+IF('Standard Profiles'!$G$21=$B$10,7,0)+IF('Standard Profiles'!$G$21=$B$17,14,0)+IF('Standard Profiles'!$G$21=$B$24,21,0),0)),0)</f>
        <v>0</v>
      </c>
      <c r="H4550" cm="1">
        <f t="array" ref="H4550">IFERROR(INDEX(Jesper!AL$2:AL$366,ROUNDDOWN($C4550/24,0)+1,1)*INDEX($D$3:$AA$30,INDEX(Jesper!$R$2:$R$366,ROW(INDEX(Jesper!AL$2:AL$366,ROUNDDOWN($C4550/24,0)+1,1))-1)+IF('Standard Profiles'!$G$22=$B$10,7,0)+IF('Standard Profiles'!$G$22=$B$17,14,0)+IF('Standard Profiles'!$G$22=$B$24,21,0),MOD($C4550,24)+1)/SUM(INDEX($D$3:$AA$30,INDEX(Jesper!$R$2:$R$366,ROW(INDEX(Jesper!AL$2:AL$366,ROUNDDOWN($C4550/24,0)+1,1))-1)+IF('Standard Profiles'!$G$22=$B$10,7,0)+IF('Standard Profiles'!$G$22=$B$17,14,0)+IF('Standard Profiles'!$G$22=$B$24,21,0),0)),0)</f>
        <v>0</v>
      </c>
      <c r="I4550">
        <f t="shared" si="510"/>
        <v>7.8937518715785582E-2</v>
      </c>
      <c r="J4550">
        <f t="shared" si="511"/>
        <v>0.26312506238595196</v>
      </c>
      <c r="K4550">
        <f t="shared" si="512"/>
        <v>0.39468759357892791</v>
      </c>
      <c r="L4550">
        <f t="shared" si="513"/>
        <v>6.4031517134527105</v>
      </c>
      <c r="M4550">
        <f t="shared" si="514"/>
        <v>0</v>
      </c>
      <c r="N4550" s="46">
        <f t="shared" si="515"/>
        <v>45480.166666655714</v>
      </c>
    </row>
    <row r="4551" spans="2:14" x14ac:dyDescent="0.3">
      <c r="B4551">
        <f t="shared" si="509"/>
        <v>7</v>
      </c>
      <c r="C4551" s="16">
        <v>4517</v>
      </c>
      <c r="D4551" cm="1">
        <f t="array" ref="D4551">IFERROR(INDEX(Jesper!AH$2:AH$366,ROUNDDOWN($C4551/24,0)+1,1)*INDEX($D$3:$AA$30,INDEX(Jesper!$R$2:$R$366,ROW(INDEX(Jesper!AH$2:AH$366,ROUNDDOWN($C4551/24,0)+1,1))-1)+IF('Standard Profiles'!$G$18=$B$10,7,0)+IF('Standard Profiles'!$G$18=$B$17,14,0)+IF('Standard Profiles'!$G$18=$B$24,21,0),MOD($C4551,24)+1)/SUM(INDEX($D$3:$AA$30,INDEX(Jesper!$R$2:$R$366,ROW(INDEX(Jesper!AH$2:AH$366,ROUNDDOWN($C4551/24,0)+1,1))-1)+IF('Standard Profiles'!$G$18=$B$10,7,0)+IF('Standard Profiles'!$G$18=$B$17,14,0)+IF('Standard Profiles'!$G$18=$B$24,21,0),0)),0)</f>
        <v>7.8296192879851958</v>
      </c>
      <c r="E4551" cm="1">
        <f t="array" ref="E4551">IFERROR(INDEX(Jesper!AI$2:AI$366,ROUNDDOWN($C4551/24,0)+1,1)*INDEX($D$3:$AA$30,INDEX(Jesper!$R$2:$R$366,ROW(INDEX(Jesper!AI$2:AI$366,ROUNDDOWN($C4551/24,0)+1,1))-1)+IF('Standard Profiles'!$G$19=$B$10,7,0)+IF('Standard Profiles'!$G$19=$B$17,14,0)+IF('Standard Profiles'!$G$19=$B$24,21,0),MOD($C4551,24)+1)/SUM(INDEX($D$3:$AA$30,INDEX(Jesper!$R$2:$R$366,ROW(INDEX(Jesper!AI$2:AI$366,ROUNDDOWN($C4551/24,0)+1,1))-1)+IF('Standard Profiles'!$G$19=$B$10,7,0)+IF('Standard Profiles'!$G$19=$B$17,14,0)+IF('Standard Profiles'!$G$19=$B$24,21,0),0)),0)</f>
        <v>1.0952580721815244</v>
      </c>
      <c r="F4551" cm="1">
        <f t="array" ref="F4551">IFERROR(INDEX(Jesper!AJ$2:AJ$366,ROUNDDOWN($C4551/24,0)+1,1)*INDEX($D$3:$AA$30,INDEX(Jesper!$R$2:$R$366,ROW(INDEX(Jesper!AJ$2:AJ$366,ROUNDDOWN($C4551/24,0)+1,1))-1)+IF('Standard Profiles'!$G$20=$B$10,7,0)+IF('Standard Profiles'!$G$20=$B$17,14,0)+IF('Standard Profiles'!$G$20=$B$24,21,0),MOD($C4551,24)+1)/SUM(INDEX($D$3:$AA$30,INDEX(Jesper!$R$2:$R$366,ROW(INDEX(Jesper!AJ$2:AJ$366,ROUNDDOWN($C4551/24,0)+1,1))-1)+IF('Standard Profiles'!$G$20=$B$10,7,0)+IF('Standard Profiles'!$G$20=$B$17,14,0)+IF('Standard Profiles'!$G$20=$B$24,21,0),0)),0)</f>
        <v>0</v>
      </c>
      <c r="G4551" cm="1">
        <f t="array" ref="G4551">IFERROR(INDEX(Jesper!AK$2:AK$366,ROUNDDOWN($C4551/24,0)+1,1)*INDEX($D$3:$AA$30,INDEX(Jesper!$R$2:$R$366,ROW(INDEX(Jesper!AK$2:AK$366,ROUNDDOWN($C4551/24,0)+1,1))-1)+IF('Standard Profiles'!$G$21=$B$10,7,0)+IF('Standard Profiles'!$G$21=$B$17,14,0)+IF('Standard Profiles'!$G$21=$B$24,21,0),MOD($C4551,24)+1)/SUM(INDEX($D$3:$AA$30,INDEX(Jesper!$R$2:$R$366,ROW(INDEX(Jesper!AK$2:AK$366,ROUNDDOWN($C4551/24,0)+1,1))-1)+IF('Standard Profiles'!$G$21=$B$10,7,0)+IF('Standard Profiles'!$G$21=$B$17,14,0)+IF('Standard Profiles'!$G$21=$B$24,21,0),0)),0)</f>
        <v>0</v>
      </c>
      <c r="H4551" cm="1">
        <f t="array" ref="H4551">IFERROR(INDEX(Jesper!AL$2:AL$366,ROUNDDOWN($C4551/24,0)+1,1)*INDEX($D$3:$AA$30,INDEX(Jesper!$R$2:$R$366,ROW(INDEX(Jesper!AL$2:AL$366,ROUNDDOWN($C4551/24,0)+1,1))-1)+IF('Standard Profiles'!$G$22=$B$10,7,0)+IF('Standard Profiles'!$G$22=$B$17,14,0)+IF('Standard Profiles'!$G$22=$B$24,21,0),MOD($C4551,24)+1)/SUM(INDEX($D$3:$AA$30,INDEX(Jesper!$R$2:$R$366,ROW(INDEX(Jesper!AL$2:AL$366,ROUNDDOWN($C4551/24,0)+1,1))-1)+IF('Standard Profiles'!$G$22=$B$10,7,0)+IF('Standard Profiles'!$G$22=$B$17,14,0)+IF('Standard Profiles'!$G$22=$B$24,21,0),0)),0)</f>
        <v>0</v>
      </c>
      <c r="I4551">
        <f t="shared" si="510"/>
        <v>9.8671898394731949E-2</v>
      </c>
      <c r="J4551">
        <f t="shared" si="511"/>
        <v>0.32890632798243991</v>
      </c>
      <c r="K4551">
        <f t="shared" si="512"/>
        <v>0.4933594919736598</v>
      </c>
      <c r="L4551">
        <f t="shared" si="513"/>
        <v>8.0039396418158884</v>
      </c>
      <c r="M4551">
        <f t="shared" si="514"/>
        <v>0</v>
      </c>
      <c r="N4551" s="46">
        <f t="shared" si="515"/>
        <v>45480.208333322378</v>
      </c>
    </row>
    <row r="4552" spans="2:14" x14ac:dyDescent="0.3">
      <c r="B4552">
        <f t="shared" si="509"/>
        <v>7</v>
      </c>
      <c r="C4552" s="16">
        <v>4518</v>
      </c>
      <c r="D4552" cm="1">
        <f t="array" ref="D4552">IFERROR(INDEX(Jesper!AH$2:AH$366,ROUNDDOWN($C4552/24,0)+1,1)*INDEX($D$3:$AA$30,INDEX(Jesper!$R$2:$R$366,ROW(INDEX(Jesper!AH$2:AH$366,ROUNDDOWN($C4552/24,0)+1,1))-1)+IF('Standard Profiles'!$G$18=$B$10,7,0)+IF('Standard Profiles'!$G$18=$B$17,14,0)+IF('Standard Profiles'!$G$18=$B$24,21,0),MOD($C4552,24)+1)/SUM(INDEX($D$3:$AA$30,INDEX(Jesper!$R$2:$R$366,ROW(INDEX(Jesper!AH$2:AH$366,ROUNDDOWN($C4552/24,0)+1,1))-1)+IF('Standard Profiles'!$G$18=$B$10,7,0)+IF('Standard Profiles'!$G$18=$B$17,14,0)+IF('Standard Profiles'!$G$18=$B$24,21,0),0)),0)</f>
        <v>9.2215516058492302</v>
      </c>
      <c r="E4552" cm="1">
        <f t="array" ref="E4552">IFERROR(INDEX(Jesper!AI$2:AI$366,ROUNDDOWN($C4552/24,0)+1,1)*INDEX($D$3:$AA$30,INDEX(Jesper!$R$2:$R$366,ROW(INDEX(Jesper!AI$2:AI$366,ROUNDDOWN($C4552/24,0)+1,1))-1)+IF('Standard Profiles'!$G$19=$B$10,7,0)+IF('Standard Profiles'!$G$19=$B$17,14,0)+IF('Standard Profiles'!$G$19=$B$24,21,0),MOD($C4552,24)+1)/SUM(INDEX($D$3:$AA$30,INDEX(Jesper!$R$2:$R$366,ROW(INDEX(Jesper!AI$2:AI$366,ROUNDDOWN($C4552/24,0)+1,1))-1)+IF('Standard Profiles'!$G$19=$B$10,7,0)+IF('Standard Profiles'!$G$19=$B$17,14,0)+IF('Standard Profiles'!$G$19=$B$24,21,0),0)),0)</f>
        <v>1.2899706183471289</v>
      </c>
      <c r="F4552" cm="1">
        <f t="array" ref="F4552">IFERROR(INDEX(Jesper!AJ$2:AJ$366,ROUNDDOWN($C4552/24,0)+1,1)*INDEX($D$3:$AA$30,INDEX(Jesper!$R$2:$R$366,ROW(INDEX(Jesper!AJ$2:AJ$366,ROUNDDOWN($C4552/24,0)+1,1))-1)+IF('Standard Profiles'!$G$20=$B$10,7,0)+IF('Standard Profiles'!$G$20=$B$17,14,0)+IF('Standard Profiles'!$G$20=$B$24,21,0),MOD($C4552,24)+1)/SUM(INDEX($D$3:$AA$30,INDEX(Jesper!$R$2:$R$366,ROW(INDEX(Jesper!AJ$2:AJ$366,ROUNDDOWN($C4552/24,0)+1,1))-1)+IF('Standard Profiles'!$G$20=$B$10,7,0)+IF('Standard Profiles'!$G$20=$B$17,14,0)+IF('Standard Profiles'!$G$20=$B$24,21,0),0)),0)</f>
        <v>0</v>
      </c>
      <c r="G4552" cm="1">
        <f t="array" ref="G4552">IFERROR(INDEX(Jesper!AK$2:AK$366,ROUNDDOWN($C4552/24,0)+1,1)*INDEX($D$3:$AA$30,INDEX(Jesper!$R$2:$R$366,ROW(INDEX(Jesper!AK$2:AK$366,ROUNDDOWN($C4552/24,0)+1,1))-1)+IF('Standard Profiles'!$G$21=$B$10,7,0)+IF('Standard Profiles'!$G$21=$B$17,14,0)+IF('Standard Profiles'!$G$21=$B$24,21,0),MOD($C4552,24)+1)/SUM(INDEX($D$3:$AA$30,INDEX(Jesper!$R$2:$R$366,ROW(INDEX(Jesper!AK$2:AK$366,ROUNDDOWN($C4552/24,0)+1,1))-1)+IF('Standard Profiles'!$G$21=$B$10,7,0)+IF('Standard Profiles'!$G$21=$B$17,14,0)+IF('Standard Profiles'!$G$21=$B$24,21,0),0)),0)</f>
        <v>0</v>
      </c>
      <c r="H4552" cm="1">
        <f t="array" ref="H4552">IFERROR(INDEX(Jesper!AL$2:AL$366,ROUNDDOWN($C4552/24,0)+1,1)*INDEX($D$3:$AA$30,INDEX(Jesper!$R$2:$R$366,ROW(INDEX(Jesper!AL$2:AL$366,ROUNDDOWN($C4552/24,0)+1,1))-1)+IF('Standard Profiles'!$G$22=$B$10,7,0)+IF('Standard Profiles'!$G$22=$B$17,14,0)+IF('Standard Profiles'!$G$22=$B$24,21,0),MOD($C4552,24)+1)/SUM(INDEX($D$3:$AA$30,INDEX(Jesper!$R$2:$R$366,ROW(INDEX(Jesper!AL$2:AL$366,ROUNDDOWN($C4552/24,0)+1,1))-1)+IF('Standard Profiles'!$G$22=$B$10,7,0)+IF('Standard Profiles'!$G$22=$B$17,14,0)+IF('Standard Profiles'!$G$22=$B$24,21,0),0)),0)</f>
        <v>0</v>
      </c>
      <c r="I4552">
        <f t="shared" si="510"/>
        <v>0.1162135692204621</v>
      </c>
      <c r="J4552">
        <f t="shared" si="511"/>
        <v>0.38737856406820703</v>
      </c>
      <c r="K4552">
        <f t="shared" si="512"/>
        <v>0.58106784610231055</v>
      </c>
      <c r="L4552">
        <f t="shared" si="513"/>
        <v>9.4268622448053794</v>
      </c>
      <c r="M4552">
        <f t="shared" si="514"/>
        <v>0</v>
      </c>
      <c r="N4552" s="46">
        <f t="shared" si="515"/>
        <v>45480.249999989042</v>
      </c>
    </row>
    <row r="4553" spans="2:14" x14ac:dyDescent="0.3">
      <c r="B4553">
        <f t="shared" si="509"/>
        <v>7</v>
      </c>
      <c r="C4553" s="16">
        <v>4519</v>
      </c>
      <c r="D4553" cm="1">
        <f t="array" ref="D4553">IFERROR(INDEX(Jesper!AH$2:AH$366,ROUNDDOWN($C4553/24,0)+1,1)*INDEX($D$3:$AA$30,INDEX(Jesper!$R$2:$R$366,ROW(INDEX(Jesper!AH$2:AH$366,ROUNDDOWN($C4553/24,0)+1,1))-1)+IF('Standard Profiles'!$G$18=$B$10,7,0)+IF('Standard Profiles'!$G$18=$B$17,14,0)+IF('Standard Profiles'!$G$18=$B$24,21,0),MOD($C4553,24)+1)/SUM(INDEX($D$3:$AA$30,INDEX(Jesper!$R$2:$R$366,ROW(INDEX(Jesper!AH$2:AH$366,ROUNDDOWN($C4553/24,0)+1,1))-1)+IF('Standard Profiles'!$G$18=$B$10,7,0)+IF('Standard Profiles'!$G$18=$B$17,14,0)+IF('Standard Profiles'!$G$18=$B$24,21,0),0)),0)</f>
        <v>10.961467003179274</v>
      </c>
      <c r="E4553" cm="1">
        <f t="array" ref="E4553">IFERROR(INDEX(Jesper!AI$2:AI$366,ROUNDDOWN($C4553/24,0)+1,1)*INDEX($D$3:$AA$30,INDEX(Jesper!$R$2:$R$366,ROW(INDEX(Jesper!AI$2:AI$366,ROUNDDOWN($C4553/24,0)+1,1))-1)+IF('Standard Profiles'!$G$19=$B$10,7,0)+IF('Standard Profiles'!$G$19=$B$17,14,0)+IF('Standard Profiles'!$G$19=$B$24,21,0),MOD($C4553,24)+1)/SUM(INDEX($D$3:$AA$30,INDEX(Jesper!$R$2:$R$366,ROW(INDEX(Jesper!AI$2:AI$366,ROUNDDOWN($C4553/24,0)+1,1))-1)+IF('Standard Profiles'!$G$19=$B$10,7,0)+IF('Standard Profiles'!$G$19=$B$17,14,0)+IF('Standard Profiles'!$G$19=$B$24,21,0),0)),0)</f>
        <v>1.5333613010541343</v>
      </c>
      <c r="F4553" cm="1">
        <f t="array" ref="F4553">IFERROR(INDEX(Jesper!AJ$2:AJ$366,ROUNDDOWN($C4553/24,0)+1,1)*INDEX($D$3:$AA$30,INDEX(Jesper!$R$2:$R$366,ROW(INDEX(Jesper!AJ$2:AJ$366,ROUNDDOWN($C4553/24,0)+1,1))-1)+IF('Standard Profiles'!$G$20=$B$10,7,0)+IF('Standard Profiles'!$G$20=$B$17,14,0)+IF('Standard Profiles'!$G$20=$B$24,21,0),MOD($C4553,24)+1)/SUM(INDEX($D$3:$AA$30,INDEX(Jesper!$R$2:$R$366,ROW(INDEX(Jesper!AJ$2:AJ$366,ROUNDDOWN($C4553/24,0)+1,1))-1)+IF('Standard Profiles'!$G$20=$B$10,7,0)+IF('Standard Profiles'!$G$20=$B$17,14,0)+IF('Standard Profiles'!$G$20=$B$24,21,0),0)),0)</f>
        <v>0</v>
      </c>
      <c r="G4553" cm="1">
        <f t="array" ref="G4553">IFERROR(INDEX(Jesper!AK$2:AK$366,ROUNDDOWN($C4553/24,0)+1,1)*INDEX($D$3:$AA$30,INDEX(Jesper!$R$2:$R$366,ROW(INDEX(Jesper!AK$2:AK$366,ROUNDDOWN($C4553/24,0)+1,1))-1)+IF('Standard Profiles'!$G$21=$B$10,7,0)+IF('Standard Profiles'!$G$21=$B$17,14,0)+IF('Standard Profiles'!$G$21=$B$24,21,0),MOD($C4553,24)+1)/SUM(INDEX($D$3:$AA$30,INDEX(Jesper!$R$2:$R$366,ROW(INDEX(Jesper!AK$2:AK$366,ROUNDDOWN($C4553/24,0)+1,1))-1)+IF('Standard Profiles'!$G$21=$B$10,7,0)+IF('Standard Profiles'!$G$21=$B$17,14,0)+IF('Standard Profiles'!$G$21=$B$24,21,0),0)),0)</f>
        <v>0</v>
      </c>
      <c r="H4553" cm="1">
        <f t="array" ref="H4553">IFERROR(INDEX(Jesper!AL$2:AL$366,ROUNDDOWN($C4553/24,0)+1,1)*INDEX($D$3:$AA$30,INDEX(Jesper!$R$2:$R$366,ROW(INDEX(Jesper!AL$2:AL$366,ROUNDDOWN($C4553/24,0)+1,1))-1)+IF('Standard Profiles'!$G$22=$B$10,7,0)+IF('Standard Profiles'!$G$22=$B$17,14,0)+IF('Standard Profiles'!$G$22=$B$24,21,0),MOD($C4553,24)+1)/SUM(INDEX($D$3:$AA$30,INDEX(Jesper!$R$2:$R$366,ROW(INDEX(Jesper!AL$2:AL$366,ROUNDDOWN($C4553/24,0)+1,1))-1)+IF('Standard Profiles'!$G$22=$B$10,7,0)+IF('Standard Profiles'!$G$22=$B$17,14,0)+IF('Standard Profiles'!$G$22=$B$24,21,0),0)),0)</f>
        <v>0</v>
      </c>
      <c r="I4553">
        <f t="shared" si="510"/>
        <v>0.13814065775262474</v>
      </c>
      <c r="J4553">
        <f t="shared" si="511"/>
        <v>0.46046885917541586</v>
      </c>
      <c r="K4553">
        <f t="shared" si="512"/>
        <v>0.69070328876312381</v>
      </c>
      <c r="L4553">
        <f t="shared" si="513"/>
        <v>11.205515498542244</v>
      </c>
      <c r="M4553">
        <f t="shared" si="514"/>
        <v>0</v>
      </c>
      <c r="N4553" s="46">
        <f t="shared" si="515"/>
        <v>45480.291666655707</v>
      </c>
    </row>
    <row r="4554" spans="2:14" x14ac:dyDescent="0.3">
      <c r="B4554">
        <f t="shared" si="509"/>
        <v>7</v>
      </c>
      <c r="C4554" s="16">
        <v>4520</v>
      </c>
      <c r="D4554" cm="1">
        <f t="array" ref="D4554">IFERROR(INDEX(Jesper!AH$2:AH$366,ROUNDDOWN($C4554/24,0)+1,1)*INDEX($D$3:$AA$30,INDEX(Jesper!$R$2:$R$366,ROW(INDEX(Jesper!AH$2:AH$366,ROUNDDOWN($C4554/24,0)+1,1))-1)+IF('Standard Profiles'!$G$18=$B$10,7,0)+IF('Standard Profiles'!$G$18=$B$17,14,0)+IF('Standard Profiles'!$G$18=$B$24,21,0),MOD($C4554,24)+1)/SUM(INDEX($D$3:$AA$30,INDEX(Jesper!$R$2:$R$366,ROW(INDEX(Jesper!AH$2:AH$366,ROUNDDOWN($C4554/24,0)+1,1))-1)+IF('Standard Profiles'!$G$18=$B$10,7,0)+IF('Standard Profiles'!$G$18=$B$17,14,0)+IF('Standard Profiles'!$G$18=$B$24,21,0),0)),0)</f>
        <v>10.961467003179274</v>
      </c>
      <c r="E4554" cm="1">
        <f t="array" ref="E4554">IFERROR(INDEX(Jesper!AI$2:AI$366,ROUNDDOWN($C4554/24,0)+1,1)*INDEX($D$3:$AA$30,INDEX(Jesper!$R$2:$R$366,ROW(INDEX(Jesper!AI$2:AI$366,ROUNDDOWN($C4554/24,0)+1,1))-1)+IF('Standard Profiles'!$G$19=$B$10,7,0)+IF('Standard Profiles'!$G$19=$B$17,14,0)+IF('Standard Profiles'!$G$19=$B$24,21,0),MOD($C4554,24)+1)/SUM(INDEX($D$3:$AA$30,INDEX(Jesper!$R$2:$R$366,ROW(INDEX(Jesper!AI$2:AI$366,ROUNDDOWN($C4554/24,0)+1,1))-1)+IF('Standard Profiles'!$G$19=$B$10,7,0)+IF('Standard Profiles'!$G$19=$B$17,14,0)+IF('Standard Profiles'!$G$19=$B$24,21,0),0)),0)</f>
        <v>1.5333613010541343</v>
      </c>
      <c r="F4554" cm="1">
        <f t="array" ref="F4554">IFERROR(INDEX(Jesper!AJ$2:AJ$366,ROUNDDOWN($C4554/24,0)+1,1)*INDEX($D$3:$AA$30,INDEX(Jesper!$R$2:$R$366,ROW(INDEX(Jesper!AJ$2:AJ$366,ROUNDDOWN($C4554/24,0)+1,1))-1)+IF('Standard Profiles'!$G$20=$B$10,7,0)+IF('Standard Profiles'!$G$20=$B$17,14,0)+IF('Standard Profiles'!$G$20=$B$24,21,0),MOD($C4554,24)+1)/SUM(INDEX($D$3:$AA$30,INDEX(Jesper!$R$2:$R$366,ROW(INDEX(Jesper!AJ$2:AJ$366,ROUNDDOWN($C4554/24,0)+1,1))-1)+IF('Standard Profiles'!$G$20=$B$10,7,0)+IF('Standard Profiles'!$G$20=$B$17,14,0)+IF('Standard Profiles'!$G$20=$B$24,21,0),0)),0)</f>
        <v>0</v>
      </c>
      <c r="G4554" cm="1">
        <f t="array" ref="G4554">IFERROR(INDEX(Jesper!AK$2:AK$366,ROUNDDOWN($C4554/24,0)+1,1)*INDEX($D$3:$AA$30,INDEX(Jesper!$R$2:$R$366,ROW(INDEX(Jesper!AK$2:AK$366,ROUNDDOWN($C4554/24,0)+1,1))-1)+IF('Standard Profiles'!$G$21=$B$10,7,0)+IF('Standard Profiles'!$G$21=$B$17,14,0)+IF('Standard Profiles'!$G$21=$B$24,21,0),MOD($C4554,24)+1)/SUM(INDEX($D$3:$AA$30,INDEX(Jesper!$R$2:$R$366,ROW(INDEX(Jesper!AK$2:AK$366,ROUNDDOWN($C4554/24,0)+1,1))-1)+IF('Standard Profiles'!$G$21=$B$10,7,0)+IF('Standard Profiles'!$G$21=$B$17,14,0)+IF('Standard Profiles'!$G$21=$B$24,21,0),0)),0)</f>
        <v>0</v>
      </c>
      <c r="H4554" cm="1">
        <f t="array" ref="H4554">IFERROR(INDEX(Jesper!AL$2:AL$366,ROUNDDOWN($C4554/24,0)+1,1)*INDEX($D$3:$AA$30,INDEX(Jesper!$R$2:$R$366,ROW(INDEX(Jesper!AL$2:AL$366,ROUNDDOWN($C4554/24,0)+1,1))-1)+IF('Standard Profiles'!$G$22=$B$10,7,0)+IF('Standard Profiles'!$G$22=$B$17,14,0)+IF('Standard Profiles'!$G$22=$B$24,21,0),MOD($C4554,24)+1)/SUM(INDEX($D$3:$AA$30,INDEX(Jesper!$R$2:$R$366,ROW(INDEX(Jesper!AL$2:AL$366,ROUNDDOWN($C4554/24,0)+1,1))-1)+IF('Standard Profiles'!$G$22=$B$10,7,0)+IF('Standard Profiles'!$G$22=$B$17,14,0)+IF('Standard Profiles'!$G$22=$B$24,21,0),0)),0)</f>
        <v>0</v>
      </c>
      <c r="I4554">
        <f t="shared" si="510"/>
        <v>0.13814065775262474</v>
      </c>
      <c r="J4554">
        <f t="shared" si="511"/>
        <v>0.46046885917541586</v>
      </c>
      <c r="K4554">
        <f t="shared" si="512"/>
        <v>0.69070328876312381</v>
      </c>
      <c r="L4554">
        <f t="shared" si="513"/>
        <v>11.205515498542244</v>
      </c>
      <c r="M4554">
        <f t="shared" si="514"/>
        <v>0</v>
      </c>
      <c r="N4554" s="46">
        <f t="shared" si="515"/>
        <v>45480.333333322371</v>
      </c>
    </row>
    <row r="4555" spans="2:14" x14ac:dyDescent="0.3">
      <c r="B4555">
        <f t="shared" si="509"/>
        <v>7</v>
      </c>
      <c r="C4555" s="16">
        <v>4521</v>
      </c>
      <c r="D4555" cm="1">
        <f t="array" ref="D4555">IFERROR(INDEX(Jesper!AH$2:AH$366,ROUNDDOWN($C4555/24,0)+1,1)*INDEX($D$3:$AA$30,INDEX(Jesper!$R$2:$R$366,ROW(INDEX(Jesper!AH$2:AH$366,ROUNDDOWN($C4555/24,0)+1,1))-1)+IF('Standard Profiles'!$G$18=$B$10,7,0)+IF('Standard Profiles'!$G$18=$B$17,14,0)+IF('Standard Profiles'!$G$18=$B$24,21,0),MOD($C4555,24)+1)/SUM(INDEX($D$3:$AA$30,INDEX(Jesper!$R$2:$R$366,ROW(INDEX(Jesper!AH$2:AH$366,ROUNDDOWN($C4555/24,0)+1,1))-1)+IF('Standard Profiles'!$G$18=$B$10,7,0)+IF('Standard Profiles'!$G$18=$B$17,14,0)+IF('Standard Profiles'!$G$18=$B$24,21,0),0)),0)</f>
        <v>10.961467003179274</v>
      </c>
      <c r="E4555" cm="1">
        <f t="array" ref="E4555">IFERROR(INDEX(Jesper!AI$2:AI$366,ROUNDDOWN($C4555/24,0)+1,1)*INDEX($D$3:$AA$30,INDEX(Jesper!$R$2:$R$366,ROW(INDEX(Jesper!AI$2:AI$366,ROUNDDOWN($C4555/24,0)+1,1))-1)+IF('Standard Profiles'!$G$19=$B$10,7,0)+IF('Standard Profiles'!$G$19=$B$17,14,0)+IF('Standard Profiles'!$G$19=$B$24,21,0),MOD($C4555,24)+1)/SUM(INDEX($D$3:$AA$30,INDEX(Jesper!$R$2:$R$366,ROW(INDEX(Jesper!AI$2:AI$366,ROUNDDOWN($C4555/24,0)+1,1))-1)+IF('Standard Profiles'!$G$19=$B$10,7,0)+IF('Standard Profiles'!$G$19=$B$17,14,0)+IF('Standard Profiles'!$G$19=$B$24,21,0),0)),0)</f>
        <v>1.5333613010541343</v>
      </c>
      <c r="F4555" cm="1">
        <f t="array" ref="F4555">IFERROR(INDEX(Jesper!AJ$2:AJ$366,ROUNDDOWN($C4555/24,0)+1,1)*INDEX($D$3:$AA$30,INDEX(Jesper!$R$2:$R$366,ROW(INDEX(Jesper!AJ$2:AJ$366,ROUNDDOWN($C4555/24,0)+1,1))-1)+IF('Standard Profiles'!$G$20=$B$10,7,0)+IF('Standard Profiles'!$G$20=$B$17,14,0)+IF('Standard Profiles'!$G$20=$B$24,21,0),MOD($C4555,24)+1)/SUM(INDEX($D$3:$AA$30,INDEX(Jesper!$R$2:$R$366,ROW(INDEX(Jesper!AJ$2:AJ$366,ROUNDDOWN($C4555/24,0)+1,1))-1)+IF('Standard Profiles'!$G$20=$B$10,7,0)+IF('Standard Profiles'!$G$20=$B$17,14,0)+IF('Standard Profiles'!$G$20=$B$24,21,0),0)),0)</f>
        <v>0</v>
      </c>
      <c r="G4555" cm="1">
        <f t="array" ref="G4555">IFERROR(INDEX(Jesper!AK$2:AK$366,ROUNDDOWN($C4555/24,0)+1,1)*INDEX($D$3:$AA$30,INDEX(Jesper!$R$2:$R$366,ROW(INDEX(Jesper!AK$2:AK$366,ROUNDDOWN($C4555/24,0)+1,1))-1)+IF('Standard Profiles'!$G$21=$B$10,7,0)+IF('Standard Profiles'!$G$21=$B$17,14,0)+IF('Standard Profiles'!$G$21=$B$24,21,0),MOD($C4555,24)+1)/SUM(INDEX($D$3:$AA$30,INDEX(Jesper!$R$2:$R$366,ROW(INDEX(Jesper!AK$2:AK$366,ROUNDDOWN($C4555/24,0)+1,1))-1)+IF('Standard Profiles'!$G$21=$B$10,7,0)+IF('Standard Profiles'!$G$21=$B$17,14,0)+IF('Standard Profiles'!$G$21=$B$24,21,0),0)),0)</f>
        <v>0</v>
      </c>
      <c r="H4555" cm="1">
        <f t="array" ref="H4555">IFERROR(INDEX(Jesper!AL$2:AL$366,ROUNDDOWN($C4555/24,0)+1,1)*INDEX($D$3:$AA$30,INDEX(Jesper!$R$2:$R$366,ROW(INDEX(Jesper!AL$2:AL$366,ROUNDDOWN($C4555/24,0)+1,1))-1)+IF('Standard Profiles'!$G$22=$B$10,7,0)+IF('Standard Profiles'!$G$22=$B$17,14,0)+IF('Standard Profiles'!$G$22=$B$24,21,0),MOD($C4555,24)+1)/SUM(INDEX($D$3:$AA$30,INDEX(Jesper!$R$2:$R$366,ROW(INDEX(Jesper!AL$2:AL$366,ROUNDDOWN($C4555/24,0)+1,1))-1)+IF('Standard Profiles'!$G$22=$B$10,7,0)+IF('Standard Profiles'!$G$22=$B$17,14,0)+IF('Standard Profiles'!$G$22=$B$24,21,0),0)),0)</f>
        <v>0</v>
      </c>
      <c r="I4555">
        <f t="shared" si="510"/>
        <v>0.13814065775262474</v>
      </c>
      <c r="J4555">
        <f t="shared" si="511"/>
        <v>0.46046885917541586</v>
      </c>
      <c r="K4555">
        <f t="shared" si="512"/>
        <v>0.69070328876312381</v>
      </c>
      <c r="L4555">
        <f t="shared" si="513"/>
        <v>11.205515498542244</v>
      </c>
      <c r="M4555">
        <f t="shared" si="514"/>
        <v>0</v>
      </c>
      <c r="N4555" s="46">
        <f t="shared" si="515"/>
        <v>45480.374999989035</v>
      </c>
    </row>
    <row r="4556" spans="2:14" x14ac:dyDescent="0.3">
      <c r="B4556">
        <f t="shared" si="509"/>
        <v>7</v>
      </c>
      <c r="C4556" s="16">
        <v>4522</v>
      </c>
      <c r="D4556" cm="1">
        <f t="array" ref="D4556">IFERROR(INDEX(Jesper!AH$2:AH$366,ROUNDDOWN($C4556/24,0)+1,1)*INDEX($D$3:$AA$30,INDEX(Jesper!$R$2:$R$366,ROW(INDEX(Jesper!AH$2:AH$366,ROUNDDOWN($C4556/24,0)+1,1))-1)+IF('Standard Profiles'!$G$18=$B$10,7,0)+IF('Standard Profiles'!$G$18=$B$17,14,0)+IF('Standard Profiles'!$G$18=$B$24,21,0),MOD($C4556,24)+1)/SUM(INDEX($D$3:$AA$30,INDEX(Jesper!$R$2:$R$366,ROW(INDEX(Jesper!AH$2:AH$366,ROUNDDOWN($C4556/24,0)+1,1))-1)+IF('Standard Profiles'!$G$18=$B$10,7,0)+IF('Standard Profiles'!$G$18=$B$17,14,0)+IF('Standard Profiles'!$G$18=$B$24,21,0),0)),0)</f>
        <v>10.961467003179274</v>
      </c>
      <c r="E4556" cm="1">
        <f t="array" ref="E4556">IFERROR(INDEX(Jesper!AI$2:AI$366,ROUNDDOWN($C4556/24,0)+1,1)*INDEX($D$3:$AA$30,INDEX(Jesper!$R$2:$R$366,ROW(INDEX(Jesper!AI$2:AI$366,ROUNDDOWN($C4556/24,0)+1,1))-1)+IF('Standard Profiles'!$G$19=$B$10,7,0)+IF('Standard Profiles'!$G$19=$B$17,14,0)+IF('Standard Profiles'!$G$19=$B$24,21,0),MOD($C4556,24)+1)/SUM(INDEX($D$3:$AA$30,INDEX(Jesper!$R$2:$R$366,ROW(INDEX(Jesper!AI$2:AI$366,ROUNDDOWN($C4556/24,0)+1,1))-1)+IF('Standard Profiles'!$G$19=$B$10,7,0)+IF('Standard Profiles'!$G$19=$B$17,14,0)+IF('Standard Profiles'!$G$19=$B$24,21,0),0)),0)</f>
        <v>1.5333613010541343</v>
      </c>
      <c r="F4556" cm="1">
        <f t="array" ref="F4556">IFERROR(INDEX(Jesper!AJ$2:AJ$366,ROUNDDOWN($C4556/24,0)+1,1)*INDEX($D$3:$AA$30,INDEX(Jesper!$R$2:$R$366,ROW(INDEX(Jesper!AJ$2:AJ$366,ROUNDDOWN($C4556/24,0)+1,1))-1)+IF('Standard Profiles'!$G$20=$B$10,7,0)+IF('Standard Profiles'!$G$20=$B$17,14,0)+IF('Standard Profiles'!$G$20=$B$24,21,0),MOD($C4556,24)+1)/SUM(INDEX($D$3:$AA$30,INDEX(Jesper!$R$2:$R$366,ROW(INDEX(Jesper!AJ$2:AJ$366,ROUNDDOWN($C4556/24,0)+1,1))-1)+IF('Standard Profiles'!$G$20=$B$10,7,0)+IF('Standard Profiles'!$G$20=$B$17,14,0)+IF('Standard Profiles'!$G$20=$B$24,21,0),0)),0)</f>
        <v>0</v>
      </c>
      <c r="G4556" cm="1">
        <f t="array" ref="G4556">IFERROR(INDEX(Jesper!AK$2:AK$366,ROUNDDOWN($C4556/24,0)+1,1)*INDEX($D$3:$AA$30,INDEX(Jesper!$R$2:$R$366,ROW(INDEX(Jesper!AK$2:AK$366,ROUNDDOWN($C4556/24,0)+1,1))-1)+IF('Standard Profiles'!$G$21=$B$10,7,0)+IF('Standard Profiles'!$G$21=$B$17,14,0)+IF('Standard Profiles'!$G$21=$B$24,21,0),MOD($C4556,24)+1)/SUM(INDEX($D$3:$AA$30,INDEX(Jesper!$R$2:$R$366,ROW(INDEX(Jesper!AK$2:AK$366,ROUNDDOWN($C4556/24,0)+1,1))-1)+IF('Standard Profiles'!$G$21=$B$10,7,0)+IF('Standard Profiles'!$G$21=$B$17,14,0)+IF('Standard Profiles'!$G$21=$B$24,21,0),0)),0)</f>
        <v>0</v>
      </c>
      <c r="H4556" cm="1">
        <f t="array" ref="H4556">IFERROR(INDEX(Jesper!AL$2:AL$366,ROUNDDOWN($C4556/24,0)+1,1)*INDEX($D$3:$AA$30,INDEX(Jesper!$R$2:$R$366,ROW(INDEX(Jesper!AL$2:AL$366,ROUNDDOWN($C4556/24,0)+1,1))-1)+IF('Standard Profiles'!$G$22=$B$10,7,0)+IF('Standard Profiles'!$G$22=$B$17,14,0)+IF('Standard Profiles'!$G$22=$B$24,21,0),MOD($C4556,24)+1)/SUM(INDEX($D$3:$AA$30,INDEX(Jesper!$R$2:$R$366,ROW(INDEX(Jesper!AL$2:AL$366,ROUNDDOWN($C4556/24,0)+1,1))-1)+IF('Standard Profiles'!$G$22=$B$10,7,0)+IF('Standard Profiles'!$G$22=$B$17,14,0)+IF('Standard Profiles'!$G$22=$B$24,21,0),0)),0)</f>
        <v>0</v>
      </c>
      <c r="I4556">
        <f t="shared" si="510"/>
        <v>0.13814065775262474</v>
      </c>
      <c r="J4556">
        <f t="shared" si="511"/>
        <v>0.46046885917541586</v>
      </c>
      <c r="K4556">
        <f t="shared" si="512"/>
        <v>0.69070328876312381</v>
      </c>
      <c r="L4556">
        <f t="shared" si="513"/>
        <v>11.205515498542244</v>
      </c>
      <c r="M4556">
        <f t="shared" si="514"/>
        <v>0</v>
      </c>
      <c r="N4556" s="46">
        <f t="shared" si="515"/>
        <v>45480.416666655699</v>
      </c>
    </row>
    <row r="4557" spans="2:14" x14ac:dyDescent="0.3">
      <c r="B4557">
        <f t="shared" si="509"/>
        <v>7</v>
      </c>
      <c r="C4557" s="16">
        <v>4523</v>
      </c>
      <c r="D4557" cm="1">
        <f t="array" ref="D4557">IFERROR(INDEX(Jesper!AH$2:AH$366,ROUNDDOWN($C4557/24,0)+1,1)*INDEX($D$3:$AA$30,INDEX(Jesper!$R$2:$R$366,ROW(INDEX(Jesper!AH$2:AH$366,ROUNDDOWN($C4557/24,0)+1,1))-1)+IF('Standard Profiles'!$G$18=$B$10,7,0)+IF('Standard Profiles'!$G$18=$B$17,14,0)+IF('Standard Profiles'!$G$18=$B$24,21,0),MOD($C4557,24)+1)/SUM(INDEX($D$3:$AA$30,INDEX(Jesper!$R$2:$R$366,ROW(INDEX(Jesper!AH$2:AH$366,ROUNDDOWN($C4557/24,0)+1,1))-1)+IF('Standard Profiles'!$G$18=$B$10,7,0)+IF('Standard Profiles'!$G$18=$B$17,14,0)+IF('Standard Profiles'!$G$18=$B$24,21,0),0)),0)</f>
        <v>10.961467003179274</v>
      </c>
      <c r="E4557" cm="1">
        <f t="array" ref="E4557">IFERROR(INDEX(Jesper!AI$2:AI$366,ROUNDDOWN($C4557/24,0)+1,1)*INDEX($D$3:$AA$30,INDEX(Jesper!$R$2:$R$366,ROW(INDEX(Jesper!AI$2:AI$366,ROUNDDOWN($C4557/24,0)+1,1))-1)+IF('Standard Profiles'!$G$19=$B$10,7,0)+IF('Standard Profiles'!$G$19=$B$17,14,0)+IF('Standard Profiles'!$G$19=$B$24,21,0),MOD($C4557,24)+1)/SUM(INDEX($D$3:$AA$30,INDEX(Jesper!$R$2:$R$366,ROW(INDEX(Jesper!AI$2:AI$366,ROUNDDOWN($C4557/24,0)+1,1))-1)+IF('Standard Profiles'!$G$19=$B$10,7,0)+IF('Standard Profiles'!$G$19=$B$17,14,0)+IF('Standard Profiles'!$G$19=$B$24,21,0),0)),0)</f>
        <v>1.5333613010541343</v>
      </c>
      <c r="F4557" cm="1">
        <f t="array" ref="F4557">IFERROR(INDEX(Jesper!AJ$2:AJ$366,ROUNDDOWN($C4557/24,0)+1,1)*INDEX($D$3:$AA$30,INDEX(Jesper!$R$2:$R$366,ROW(INDEX(Jesper!AJ$2:AJ$366,ROUNDDOWN($C4557/24,0)+1,1))-1)+IF('Standard Profiles'!$G$20=$B$10,7,0)+IF('Standard Profiles'!$G$20=$B$17,14,0)+IF('Standard Profiles'!$G$20=$B$24,21,0),MOD($C4557,24)+1)/SUM(INDEX($D$3:$AA$30,INDEX(Jesper!$R$2:$R$366,ROW(INDEX(Jesper!AJ$2:AJ$366,ROUNDDOWN($C4557/24,0)+1,1))-1)+IF('Standard Profiles'!$G$20=$B$10,7,0)+IF('Standard Profiles'!$G$20=$B$17,14,0)+IF('Standard Profiles'!$G$20=$B$24,21,0),0)),0)</f>
        <v>0</v>
      </c>
      <c r="G4557" cm="1">
        <f t="array" ref="G4557">IFERROR(INDEX(Jesper!AK$2:AK$366,ROUNDDOWN($C4557/24,0)+1,1)*INDEX($D$3:$AA$30,INDEX(Jesper!$R$2:$R$366,ROW(INDEX(Jesper!AK$2:AK$366,ROUNDDOWN($C4557/24,0)+1,1))-1)+IF('Standard Profiles'!$G$21=$B$10,7,0)+IF('Standard Profiles'!$G$21=$B$17,14,0)+IF('Standard Profiles'!$G$21=$B$24,21,0),MOD($C4557,24)+1)/SUM(INDEX($D$3:$AA$30,INDEX(Jesper!$R$2:$R$366,ROW(INDEX(Jesper!AK$2:AK$366,ROUNDDOWN($C4557/24,0)+1,1))-1)+IF('Standard Profiles'!$G$21=$B$10,7,0)+IF('Standard Profiles'!$G$21=$B$17,14,0)+IF('Standard Profiles'!$G$21=$B$24,21,0),0)),0)</f>
        <v>0</v>
      </c>
      <c r="H4557" cm="1">
        <f t="array" ref="H4557">IFERROR(INDEX(Jesper!AL$2:AL$366,ROUNDDOWN($C4557/24,0)+1,1)*INDEX($D$3:$AA$30,INDEX(Jesper!$R$2:$R$366,ROW(INDEX(Jesper!AL$2:AL$366,ROUNDDOWN($C4557/24,0)+1,1))-1)+IF('Standard Profiles'!$G$22=$B$10,7,0)+IF('Standard Profiles'!$G$22=$B$17,14,0)+IF('Standard Profiles'!$G$22=$B$24,21,0),MOD($C4557,24)+1)/SUM(INDEX($D$3:$AA$30,INDEX(Jesper!$R$2:$R$366,ROW(INDEX(Jesper!AL$2:AL$366,ROUNDDOWN($C4557/24,0)+1,1))-1)+IF('Standard Profiles'!$G$22=$B$10,7,0)+IF('Standard Profiles'!$G$22=$B$17,14,0)+IF('Standard Profiles'!$G$22=$B$24,21,0),0)),0)</f>
        <v>0</v>
      </c>
      <c r="I4557">
        <f t="shared" si="510"/>
        <v>0.13814065775262474</v>
      </c>
      <c r="J4557">
        <f t="shared" si="511"/>
        <v>0.46046885917541586</v>
      </c>
      <c r="K4557">
        <f t="shared" si="512"/>
        <v>0.69070328876312381</v>
      </c>
      <c r="L4557">
        <f t="shared" si="513"/>
        <v>11.205515498542244</v>
      </c>
      <c r="M4557">
        <f t="shared" si="514"/>
        <v>0</v>
      </c>
      <c r="N4557" s="46">
        <f t="shared" si="515"/>
        <v>45480.458333322364</v>
      </c>
    </row>
    <row r="4558" spans="2:14" x14ac:dyDescent="0.3">
      <c r="B4558">
        <f t="shared" si="509"/>
        <v>7</v>
      </c>
      <c r="C4558" s="16">
        <v>4524</v>
      </c>
      <c r="D4558" cm="1">
        <f t="array" ref="D4558">IFERROR(INDEX(Jesper!AH$2:AH$366,ROUNDDOWN($C4558/24,0)+1,1)*INDEX($D$3:$AA$30,INDEX(Jesper!$R$2:$R$366,ROW(INDEX(Jesper!AH$2:AH$366,ROUNDDOWN($C4558/24,0)+1,1))-1)+IF('Standard Profiles'!$G$18=$B$10,7,0)+IF('Standard Profiles'!$G$18=$B$17,14,0)+IF('Standard Profiles'!$G$18=$B$24,21,0),MOD($C4558,24)+1)/SUM(INDEX($D$3:$AA$30,INDEX(Jesper!$R$2:$R$366,ROW(INDEX(Jesper!AH$2:AH$366,ROUNDDOWN($C4558/24,0)+1,1))-1)+IF('Standard Profiles'!$G$18=$B$10,7,0)+IF('Standard Profiles'!$G$18=$B$17,14,0)+IF('Standard Profiles'!$G$18=$B$24,21,0),0)),0)</f>
        <v>10.961467003179274</v>
      </c>
      <c r="E4558" cm="1">
        <f t="array" ref="E4558">IFERROR(INDEX(Jesper!AI$2:AI$366,ROUNDDOWN($C4558/24,0)+1,1)*INDEX($D$3:$AA$30,INDEX(Jesper!$R$2:$R$366,ROW(INDEX(Jesper!AI$2:AI$366,ROUNDDOWN($C4558/24,0)+1,1))-1)+IF('Standard Profiles'!$G$19=$B$10,7,0)+IF('Standard Profiles'!$G$19=$B$17,14,0)+IF('Standard Profiles'!$G$19=$B$24,21,0),MOD($C4558,24)+1)/SUM(INDEX($D$3:$AA$30,INDEX(Jesper!$R$2:$R$366,ROW(INDEX(Jesper!AI$2:AI$366,ROUNDDOWN($C4558/24,0)+1,1))-1)+IF('Standard Profiles'!$G$19=$B$10,7,0)+IF('Standard Profiles'!$G$19=$B$17,14,0)+IF('Standard Profiles'!$G$19=$B$24,21,0),0)),0)</f>
        <v>1.5333613010541343</v>
      </c>
      <c r="F4558" cm="1">
        <f t="array" ref="F4558">IFERROR(INDEX(Jesper!AJ$2:AJ$366,ROUNDDOWN($C4558/24,0)+1,1)*INDEX($D$3:$AA$30,INDEX(Jesper!$R$2:$R$366,ROW(INDEX(Jesper!AJ$2:AJ$366,ROUNDDOWN($C4558/24,0)+1,1))-1)+IF('Standard Profiles'!$G$20=$B$10,7,0)+IF('Standard Profiles'!$G$20=$B$17,14,0)+IF('Standard Profiles'!$G$20=$B$24,21,0),MOD($C4558,24)+1)/SUM(INDEX($D$3:$AA$30,INDEX(Jesper!$R$2:$R$366,ROW(INDEX(Jesper!AJ$2:AJ$366,ROUNDDOWN($C4558/24,0)+1,1))-1)+IF('Standard Profiles'!$G$20=$B$10,7,0)+IF('Standard Profiles'!$G$20=$B$17,14,0)+IF('Standard Profiles'!$G$20=$B$24,21,0),0)),0)</f>
        <v>0</v>
      </c>
      <c r="G4558" cm="1">
        <f t="array" ref="G4558">IFERROR(INDEX(Jesper!AK$2:AK$366,ROUNDDOWN($C4558/24,0)+1,1)*INDEX($D$3:$AA$30,INDEX(Jesper!$R$2:$R$366,ROW(INDEX(Jesper!AK$2:AK$366,ROUNDDOWN($C4558/24,0)+1,1))-1)+IF('Standard Profiles'!$G$21=$B$10,7,0)+IF('Standard Profiles'!$G$21=$B$17,14,0)+IF('Standard Profiles'!$G$21=$B$24,21,0),MOD($C4558,24)+1)/SUM(INDEX($D$3:$AA$30,INDEX(Jesper!$R$2:$R$366,ROW(INDEX(Jesper!AK$2:AK$366,ROUNDDOWN($C4558/24,0)+1,1))-1)+IF('Standard Profiles'!$G$21=$B$10,7,0)+IF('Standard Profiles'!$G$21=$B$17,14,0)+IF('Standard Profiles'!$G$21=$B$24,21,0),0)),0)</f>
        <v>0</v>
      </c>
      <c r="H4558" cm="1">
        <f t="array" ref="H4558">IFERROR(INDEX(Jesper!AL$2:AL$366,ROUNDDOWN($C4558/24,0)+1,1)*INDEX($D$3:$AA$30,INDEX(Jesper!$R$2:$R$366,ROW(INDEX(Jesper!AL$2:AL$366,ROUNDDOWN($C4558/24,0)+1,1))-1)+IF('Standard Profiles'!$G$22=$B$10,7,0)+IF('Standard Profiles'!$G$22=$B$17,14,0)+IF('Standard Profiles'!$G$22=$B$24,21,0),MOD($C4558,24)+1)/SUM(INDEX($D$3:$AA$30,INDEX(Jesper!$R$2:$R$366,ROW(INDEX(Jesper!AL$2:AL$366,ROUNDDOWN($C4558/24,0)+1,1))-1)+IF('Standard Profiles'!$G$22=$B$10,7,0)+IF('Standard Profiles'!$G$22=$B$17,14,0)+IF('Standard Profiles'!$G$22=$B$24,21,0),0)),0)</f>
        <v>0</v>
      </c>
      <c r="I4558">
        <f t="shared" si="510"/>
        <v>0.13814065775262474</v>
      </c>
      <c r="J4558">
        <f t="shared" si="511"/>
        <v>0.46046885917541586</v>
      </c>
      <c r="K4558">
        <f t="shared" si="512"/>
        <v>0.69070328876312381</v>
      </c>
      <c r="L4558">
        <f t="shared" si="513"/>
        <v>11.205515498542244</v>
      </c>
      <c r="M4558">
        <f t="shared" si="514"/>
        <v>0</v>
      </c>
      <c r="N4558" s="46">
        <f t="shared" si="515"/>
        <v>45480.499999989028</v>
      </c>
    </row>
    <row r="4559" spans="2:14" x14ac:dyDescent="0.3">
      <c r="B4559">
        <f t="shared" si="509"/>
        <v>7</v>
      </c>
      <c r="C4559" s="16">
        <v>4525</v>
      </c>
      <c r="D4559" cm="1">
        <f t="array" ref="D4559">IFERROR(INDEX(Jesper!AH$2:AH$366,ROUNDDOWN($C4559/24,0)+1,1)*INDEX($D$3:$AA$30,INDEX(Jesper!$R$2:$R$366,ROW(INDEX(Jesper!AH$2:AH$366,ROUNDDOWN($C4559/24,0)+1,1))-1)+IF('Standard Profiles'!$G$18=$B$10,7,0)+IF('Standard Profiles'!$G$18=$B$17,14,0)+IF('Standard Profiles'!$G$18=$B$24,21,0),MOD($C4559,24)+1)/SUM(INDEX($D$3:$AA$30,INDEX(Jesper!$R$2:$R$366,ROW(INDEX(Jesper!AH$2:AH$366,ROUNDDOWN($C4559/24,0)+1,1))-1)+IF('Standard Profiles'!$G$18=$B$10,7,0)+IF('Standard Profiles'!$G$18=$B$17,14,0)+IF('Standard Profiles'!$G$18=$B$24,21,0),0)),0)</f>
        <v>10.961467003179274</v>
      </c>
      <c r="E4559" cm="1">
        <f t="array" ref="E4559">IFERROR(INDEX(Jesper!AI$2:AI$366,ROUNDDOWN($C4559/24,0)+1,1)*INDEX($D$3:$AA$30,INDEX(Jesper!$R$2:$R$366,ROW(INDEX(Jesper!AI$2:AI$366,ROUNDDOWN($C4559/24,0)+1,1))-1)+IF('Standard Profiles'!$G$19=$B$10,7,0)+IF('Standard Profiles'!$G$19=$B$17,14,0)+IF('Standard Profiles'!$G$19=$B$24,21,0),MOD($C4559,24)+1)/SUM(INDEX($D$3:$AA$30,INDEX(Jesper!$R$2:$R$366,ROW(INDEX(Jesper!AI$2:AI$366,ROUNDDOWN($C4559/24,0)+1,1))-1)+IF('Standard Profiles'!$G$19=$B$10,7,0)+IF('Standard Profiles'!$G$19=$B$17,14,0)+IF('Standard Profiles'!$G$19=$B$24,21,0),0)),0)</f>
        <v>1.5333613010541343</v>
      </c>
      <c r="F4559" cm="1">
        <f t="array" ref="F4559">IFERROR(INDEX(Jesper!AJ$2:AJ$366,ROUNDDOWN($C4559/24,0)+1,1)*INDEX($D$3:$AA$30,INDEX(Jesper!$R$2:$R$366,ROW(INDEX(Jesper!AJ$2:AJ$366,ROUNDDOWN($C4559/24,0)+1,1))-1)+IF('Standard Profiles'!$G$20=$B$10,7,0)+IF('Standard Profiles'!$G$20=$B$17,14,0)+IF('Standard Profiles'!$G$20=$B$24,21,0),MOD($C4559,24)+1)/SUM(INDEX($D$3:$AA$30,INDEX(Jesper!$R$2:$R$366,ROW(INDEX(Jesper!AJ$2:AJ$366,ROUNDDOWN($C4559/24,0)+1,1))-1)+IF('Standard Profiles'!$G$20=$B$10,7,0)+IF('Standard Profiles'!$G$20=$B$17,14,0)+IF('Standard Profiles'!$G$20=$B$24,21,0),0)),0)</f>
        <v>0</v>
      </c>
      <c r="G4559" cm="1">
        <f t="array" ref="G4559">IFERROR(INDEX(Jesper!AK$2:AK$366,ROUNDDOWN($C4559/24,0)+1,1)*INDEX($D$3:$AA$30,INDEX(Jesper!$R$2:$R$366,ROW(INDEX(Jesper!AK$2:AK$366,ROUNDDOWN($C4559/24,0)+1,1))-1)+IF('Standard Profiles'!$G$21=$B$10,7,0)+IF('Standard Profiles'!$G$21=$B$17,14,0)+IF('Standard Profiles'!$G$21=$B$24,21,0),MOD($C4559,24)+1)/SUM(INDEX($D$3:$AA$30,INDEX(Jesper!$R$2:$R$366,ROW(INDEX(Jesper!AK$2:AK$366,ROUNDDOWN($C4559/24,0)+1,1))-1)+IF('Standard Profiles'!$G$21=$B$10,7,0)+IF('Standard Profiles'!$G$21=$B$17,14,0)+IF('Standard Profiles'!$G$21=$B$24,21,0),0)),0)</f>
        <v>0</v>
      </c>
      <c r="H4559" cm="1">
        <f t="array" ref="H4559">IFERROR(INDEX(Jesper!AL$2:AL$366,ROUNDDOWN($C4559/24,0)+1,1)*INDEX($D$3:$AA$30,INDEX(Jesper!$R$2:$R$366,ROW(INDEX(Jesper!AL$2:AL$366,ROUNDDOWN($C4559/24,0)+1,1))-1)+IF('Standard Profiles'!$G$22=$B$10,7,0)+IF('Standard Profiles'!$G$22=$B$17,14,0)+IF('Standard Profiles'!$G$22=$B$24,21,0),MOD($C4559,24)+1)/SUM(INDEX($D$3:$AA$30,INDEX(Jesper!$R$2:$R$366,ROW(INDEX(Jesper!AL$2:AL$366,ROUNDDOWN($C4559/24,0)+1,1))-1)+IF('Standard Profiles'!$G$22=$B$10,7,0)+IF('Standard Profiles'!$G$22=$B$17,14,0)+IF('Standard Profiles'!$G$22=$B$24,21,0),0)),0)</f>
        <v>0</v>
      </c>
      <c r="I4559">
        <f t="shared" si="510"/>
        <v>0.13814065775262474</v>
      </c>
      <c r="J4559">
        <f t="shared" si="511"/>
        <v>0.46046885917541586</v>
      </c>
      <c r="K4559">
        <f t="shared" si="512"/>
        <v>0.69070328876312381</v>
      </c>
      <c r="L4559">
        <f t="shared" si="513"/>
        <v>11.205515498542244</v>
      </c>
      <c r="M4559">
        <f t="shared" si="514"/>
        <v>0</v>
      </c>
      <c r="N4559" s="46">
        <f t="shared" si="515"/>
        <v>45480.541666655692</v>
      </c>
    </row>
    <row r="4560" spans="2:14" x14ac:dyDescent="0.3">
      <c r="B4560">
        <f t="shared" si="509"/>
        <v>7</v>
      </c>
      <c r="C4560" s="16">
        <v>4526</v>
      </c>
      <c r="D4560" cm="1">
        <f t="array" ref="D4560">IFERROR(INDEX(Jesper!AH$2:AH$366,ROUNDDOWN($C4560/24,0)+1,1)*INDEX($D$3:$AA$30,INDEX(Jesper!$R$2:$R$366,ROW(INDEX(Jesper!AH$2:AH$366,ROUNDDOWN($C4560/24,0)+1,1))-1)+IF('Standard Profiles'!$G$18=$B$10,7,0)+IF('Standard Profiles'!$G$18=$B$17,14,0)+IF('Standard Profiles'!$G$18=$B$24,21,0),MOD($C4560,24)+1)/SUM(INDEX($D$3:$AA$30,INDEX(Jesper!$R$2:$R$366,ROW(INDEX(Jesper!AH$2:AH$366,ROUNDDOWN($C4560/24,0)+1,1))-1)+IF('Standard Profiles'!$G$18=$B$10,7,0)+IF('Standard Profiles'!$G$18=$B$17,14,0)+IF('Standard Profiles'!$G$18=$B$24,21,0),0)),0)</f>
        <v>10.961467003179274</v>
      </c>
      <c r="E4560" cm="1">
        <f t="array" ref="E4560">IFERROR(INDEX(Jesper!AI$2:AI$366,ROUNDDOWN($C4560/24,0)+1,1)*INDEX($D$3:$AA$30,INDEX(Jesper!$R$2:$R$366,ROW(INDEX(Jesper!AI$2:AI$366,ROUNDDOWN($C4560/24,0)+1,1))-1)+IF('Standard Profiles'!$G$19=$B$10,7,0)+IF('Standard Profiles'!$G$19=$B$17,14,0)+IF('Standard Profiles'!$G$19=$B$24,21,0),MOD($C4560,24)+1)/SUM(INDEX($D$3:$AA$30,INDEX(Jesper!$R$2:$R$366,ROW(INDEX(Jesper!AI$2:AI$366,ROUNDDOWN($C4560/24,0)+1,1))-1)+IF('Standard Profiles'!$G$19=$B$10,7,0)+IF('Standard Profiles'!$G$19=$B$17,14,0)+IF('Standard Profiles'!$G$19=$B$24,21,0),0)),0)</f>
        <v>1.5333613010541343</v>
      </c>
      <c r="F4560" cm="1">
        <f t="array" ref="F4560">IFERROR(INDEX(Jesper!AJ$2:AJ$366,ROUNDDOWN($C4560/24,0)+1,1)*INDEX($D$3:$AA$30,INDEX(Jesper!$R$2:$R$366,ROW(INDEX(Jesper!AJ$2:AJ$366,ROUNDDOWN($C4560/24,0)+1,1))-1)+IF('Standard Profiles'!$G$20=$B$10,7,0)+IF('Standard Profiles'!$G$20=$B$17,14,0)+IF('Standard Profiles'!$G$20=$B$24,21,0),MOD($C4560,24)+1)/SUM(INDEX($D$3:$AA$30,INDEX(Jesper!$R$2:$R$366,ROW(INDEX(Jesper!AJ$2:AJ$366,ROUNDDOWN($C4560/24,0)+1,1))-1)+IF('Standard Profiles'!$G$20=$B$10,7,0)+IF('Standard Profiles'!$G$20=$B$17,14,0)+IF('Standard Profiles'!$G$20=$B$24,21,0),0)),0)</f>
        <v>0</v>
      </c>
      <c r="G4560" cm="1">
        <f t="array" ref="G4560">IFERROR(INDEX(Jesper!AK$2:AK$366,ROUNDDOWN($C4560/24,0)+1,1)*INDEX($D$3:$AA$30,INDEX(Jesper!$R$2:$R$366,ROW(INDEX(Jesper!AK$2:AK$366,ROUNDDOWN($C4560/24,0)+1,1))-1)+IF('Standard Profiles'!$G$21=$B$10,7,0)+IF('Standard Profiles'!$G$21=$B$17,14,0)+IF('Standard Profiles'!$G$21=$B$24,21,0),MOD($C4560,24)+1)/SUM(INDEX($D$3:$AA$30,INDEX(Jesper!$R$2:$R$366,ROW(INDEX(Jesper!AK$2:AK$366,ROUNDDOWN($C4560/24,0)+1,1))-1)+IF('Standard Profiles'!$G$21=$B$10,7,0)+IF('Standard Profiles'!$G$21=$B$17,14,0)+IF('Standard Profiles'!$G$21=$B$24,21,0),0)),0)</f>
        <v>0</v>
      </c>
      <c r="H4560" cm="1">
        <f t="array" ref="H4560">IFERROR(INDEX(Jesper!AL$2:AL$366,ROUNDDOWN($C4560/24,0)+1,1)*INDEX($D$3:$AA$30,INDEX(Jesper!$R$2:$R$366,ROW(INDEX(Jesper!AL$2:AL$366,ROUNDDOWN($C4560/24,0)+1,1))-1)+IF('Standard Profiles'!$G$22=$B$10,7,0)+IF('Standard Profiles'!$G$22=$B$17,14,0)+IF('Standard Profiles'!$G$22=$B$24,21,0),MOD($C4560,24)+1)/SUM(INDEX($D$3:$AA$30,INDEX(Jesper!$R$2:$R$366,ROW(INDEX(Jesper!AL$2:AL$366,ROUNDDOWN($C4560/24,0)+1,1))-1)+IF('Standard Profiles'!$G$22=$B$10,7,0)+IF('Standard Profiles'!$G$22=$B$17,14,0)+IF('Standard Profiles'!$G$22=$B$24,21,0),0)),0)</f>
        <v>0</v>
      </c>
      <c r="I4560">
        <f t="shared" si="510"/>
        <v>0.13814065775262474</v>
      </c>
      <c r="J4560">
        <f t="shared" si="511"/>
        <v>0.46046885917541586</v>
      </c>
      <c r="K4560">
        <f t="shared" si="512"/>
        <v>0.69070328876312381</v>
      </c>
      <c r="L4560">
        <f t="shared" si="513"/>
        <v>11.205515498542244</v>
      </c>
      <c r="M4560">
        <f t="shared" si="514"/>
        <v>0</v>
      </c>
      <c r="N4560" s="46">
        <f t="shared" si="515"/>
        <v>45480.583333322356</v>
      </c>
    </row>
    <row r="4561" spans="2:14" x14ac:dyDescent="0.3">
      <c r="B4561">
        <f t="shared" si="509"/>
        <v>7</v>
      </c>
      <c r="C4561" s="16">
        <v>4527</v>
      </c>
      <c r="D4561" cm="1">
        <f t="array" ref="D4561">IFERROR(INDEX(Jesper!AH$2:AH$366,ROUNDDOWN($C4561/24,0)+1,1)*INDEX($D$3:$AA$30,INDEX(Jesper!$R$2:$R$366,ROW(INDEX(Jesper!AH$2:AH$366,ROUNDDOWN($C4561/24,0)+1,1))-1)+IF('Standard Profiles'!$G$18=$B$10,7,0)+IF('Standard Profiles'!$G$18=$B$17,14,0)+IF('Standard Profiles'!$G$18=$B$24,21,0),MOD($C4561,24)+1)/SUM(INDEX($D$3:$AA$30,INDEX(Jesper!$R$2:$R$366,ROW(INDEX(Jesper!AH$2:AH$366,ROUNDDOWN($C4561/24,0)+1,1))-1)+IF('Standard Profiles'!$G$18=$B$10,7,0)+IF('Standard Profiles'!$G$18=$B$17,14,0)+IF('Standard Profiles'!$G$18=$B$24,21,0),0)),0)</f>
        <v>9.7435262250482442</v>
      </c>
      <c r="E4561" cm="1">
        <f t="array" ref="E4561">IFERROR(INDEX(Jesper!AI$2:AI$366,ROUNDDOWN($C4561/24,0)+1,1)*INDEX($D$3:$AA$30,INDEX(Jesper!$R$2:$R$366,ROW(INDEX(Jesper!AI$2:AI$366,ROUNDDOWN($C4561/24,0)+1,1))-1)+IF('Standard Profiles'!$G$19=$B$10,7,0)+IF('Standard Profiles'!$G$19=$B$17,14,0)+IF('Standard Profiles'!$G$19=$B$24,21,0),MOD($C4561,24)+1)/SUM(INDEX($D$3:$AA$30,INDEX(Jesper!$R$2:$R$366,ROW(INDEX(Jesper!AI$2:AI$366,ROUNDDOWN($C4561/24,0)+1,1))-1)+IF('Standard Profiles'!$G$19=$B$10,7,0)+IF('Standard Profiles'!$G$19=$B$17,14,0)+IF('Standard Profiles'!$G$19=$B$24,21,0),0)),0)</f>
        <v>1.3629878231592305</v>
      </c>
      <c r="F4561" cm="1">
        <f t="array" ref="F4561">IFERROR(INDEX(Jesper!AJ$2:AJ$366,ROUNDDOWN($C4561/24,0)+1,1)*INDEX($D$3:$AA$30,INDEX(Jesper!$R$2:$R$366,ROW(INDEX(Jesper!AJ$2:AJ$366,ROUNDDOWN($C4561/24,0)+1,1))-1)+IF('Standard Profiles'!$G$20=$B$10,7,0)+IF('Standard Profiles'!$G$20=$B$17,14,0)+IF('Standard Profiles'!$G$20=$B$24,21,0),MOD($C4561,24)+1)/SUM(INDEX($D$3:$AA$30,INDEX(Jesper!$R$2:$R$366,ROW(INDEX(Jesper!AJ$2:AJ$366,ROUNDDOWN($C4561/24,0)+1,1))-1)+IF('Standard Profiles'!$G$20=$B$10,7,0)+IF('Standard Profiles'!$G$20=$B$17,14,0)+IF('Standard Profiles'!$G$20=$B$24,21,0),0)),0)</f>
        <v>0</v>
      </c>
      <c r="G4561" cm="1">
        <f t="array" ref="G4561">IFERROR(INDEX(Jesper!AK$2:AK$366,ROUNDDOWN($C4561/24,0)+1,1)*INDEX($D$3:$AA$30,INDEX(Jesper!$R$2:$R$366,ROW(INDEX(Jesper!AK$2:AK$366,ROUNDDOWN($C4561/24,0)+1,1))-1)+IF('Standard Profiles'!$G$21=$B$10,7,0)+IF('Standard Profiles'!$G$21=$B$17,14,0)+IF('Standard Profiles'!$G$21=$B$24,21,0),MOD($C4561,24)+1)/SUM(INDEX($D$3:$AA$30,INDEX(Jesper!$R$2:$R$366,ROW(INDEX(Jesper!AK$2:AK$366,ROUNDDOWN($C4561/24,0)+1,1))-1)+IF('Standard Profiles'!$G$21=$B$10,7,0)+IF('Standard Profiles'!$G$21=$B$17,14,0)+IF('Standard Profiles'!$G$21=$B$24,21,0),0)),0)</f>
        <v>0</v>
      </c>
      <c r="H4561" cm="1">
        <f t="array" ref="H4561">IFERROR(INDEX(Jesper!AL$2:AL$366,ROUNDDOWN($C4561/24,0)+1,1)*INDEX($D$3:$AA$30,INDEX(Jesper!$R$2:$R$366,ROW(INDEX(Jesper!AL$2:AL$366,ROUNDDOWN($C4561/24,0)+1,1))-1)+IF('Standard Profiles'!$G$22=$B$10,7,0)+IF('Standard Profiles'!$G$22=$B$17,14,0)+IF('Standard Profiles'!$G$22=$B$24,21,0),MOD($C4561,24)+1)/SUM(INDEX($D$3:$AA$30,INDEX(Jesper!$R$2:$R$366,ROW(INDEX(Jesper!AL$2:AL$366,ROUNDDOWN($C4561/24,0)+1,1))-1)+IF('Standard Profiles'!$G$22=$B$10,7,0)+IF('Standard Profiles'!$G$22=$B$17,14,0)+IF('Standard Profiles'!$G$22=$B$24,21,0),0)),0)</f>
        <v>0</v>
      </c>
      <c r="I4561">
        <f t="shared" si="510"/>
        <v>0.12279169578011088</v>
      </c>
      <c r="J4561">
        <f t="shared" si="511"/>
        <v>0.40930565260036966</v>
      </c>
      <c r="K4561">
        <f t="shared" si="512"/>
        <v>0.61395847890055455</v>
      </c>
      <c r="L4561">
        <f t="shared" si="513"/>
        <v>9.960458220926439</v>
      </c>
      <c r="M4561">
        <f t="shared" si="514"/>
        <v>0</v>
      </c>
      <c r="N4561" s="46">
        <f t="shared" si="515"/>
        <v>45480.624999989021</v>
      </c>
    </row>
    <row r="4562" spans="2:14" x14ac:dyDescent="0.3">
      <c r="B4562">
        <f t="shared" si="509"/>
        <v>7</v>
      </c>
      <c r="C4562" s="16">
        <v>4528</v>
      </c>
      <c r="D4562" cm="1">
        <f t="array" ref="D4562">IFERROR(INDEX(Jesper!AH$2:AH$366,ROUNDDOWN($C4562/24,0)+1,1)*INDEX($D$3:$AA$30,INDEX(Jesper!$R$2:$R$366,ROW(INDEX(Jesper!AH$2:AH$366,ROUNDDOWN($C4562/24,0)+1,1))-1)+IF('Standard Profiles'!$G$18=$B$10,7,0)+IF('Standard Profiles'!$G$18=$B$17,14,0)+IF('Standard Profiles'!$G$18=$B$24,21,0),MOD($C4562,24)+1)/SUM(INDEX($D$3:$AA$30,INDEX(Jesper!$R$2:$R$366,ROW(INDEX(Jesper!AH$2:AH$366,ROUNDDOWN($C4562/24,0)+1,1))-1)+IF('Standard Profiles'!$G$18=$B$10,7,0)+IF('Standard Profiles'!$G$18=$B$17,14,0)+IF('Standard Profiles'!$G$18=$B$24,21,0),0)),0)</f>
        <v>9.5695346853152383</v>
      </c>
      <c r="E4562" cm="1">
        <f t="array" ref="E4562">IFERROR(INDEX(Jesper!AI$2:AI$366,ROUNDDOWN($C4562/24,0)+1,1)*INDEX($D$3:$AA$30,INDEX(Jesper!$R$2:$R$366,ROW(INDEX(Jesper!AI$2:AI$366,ROUNDDOWN($C4562/24,0)+1,1))-1)+IF('Standard Profiles'!$G$19=$B$10,7,0)+IF('Standard Profiles'!$G$19=$B$17,14,0)+IF('Standard Profiles'!$G$19=$B$24,21,0),MOD($C4562,24)+1)/SUM(INDEX($D$3:$AA$30,INDEX(Jesper!$R$2:$R$366,ROW(INDEX(Jesper!AI$2:AI$366,ROUNDDOWN($C4562/24,0)+1,1))-1)+IF('Standard Profiles'!$G$19=$B$10,7,0)+IF('Standard Profiles'!$G$19=$B$17,14,0)+IF('Standard Profiles'!$G$19=$B$24,21,0),0)),0)</f>
        <v>1.33864875488853</v>
      </c>
      <c r="F4562" cm="1">
        <f t="array" ref="F4562">IFERROR(INDEX(Jesper!AJ$2:AJ$366,ROUNDDOWN($C4562/24,0)+1,1)*INDEX($D$3:$AA$30,INDEX(Jesper!$R$2:$R$366,ROW(INDEX(Jesper!AJ$2:AJ$366,ROUNDDOWN($C4562/24,0)+1,1))-1)+IF('Standard Profiles'!$G$20=$B$10,7,0)+IF('Standard Profiles'!$G$20=$B$17,14,0)+IF('Standard Profiles'!$G$20=$B$24,21,0),MOD($C4562,24)+1)/SUM(INDEX($D$3:$AA$30,INDEX(Jesper!$R$2:$R$366,ROW(INDEX(Jesper!AJ$2:AJ$366,ROUNDDOWN($C4562/24,0)+1,1))-1)+IF('Standard Profiles'!$G$20=$B$10,7,0)+IF('Standard Profiles'!$G$20=$B$17,14,0)+IF('Standard Profiles'!$G$20=$B$24,21,0),0)),0)</f>
        <v>0</v>
      </c>
      <c r="G4562" cm="1">
        <f t="array" ref="G4562">IFERROR(INDEX(Jesper!AK$2:AK$366,ROUNDDOWN($C4562/24,0)+1,1)*INDEX($D$3:$AA$30,INDEX(Jesper!$R$2:$R$366,ROW(INDEX(Jesper!AK$2:AK$366,ROUNDDOWN($C4562/24,0)+1,1))-1)+IF('Standard Profiles'!$G$21=$B$10,7,0)+IF('Standard Profiles'!$G$21=$B$17,14,0)+IF('Standard Profiles'!$G$21=$B$24,21,0),MOD($C4562,24)+1)/SUM(INDEX($D$3:$AA$30,INDEX(Jesper!$R$2:$R$366,ROW(INDEX(Jesper!AK$2:AK$366,ROUNDDOWN($C4562/24,0)+1,1))-1)+IF('Standard Profiles'!$G$21=$B$10,7,0)+IF('Standard Profiles'!$G$21=$B$17,14,0)+IF('Standard Profiles'!$G$21=$B$24,21,0),0)),0)</f>
        <v>0</v>
      </c>
      <c r="H4562" cm="1">
        <f t="array" ref="H4562">IFERROR(INDEX(Jesper!AL$2:AL$366,ROUNDDOWN($C4562/24,0)+1,1)*INDEX($D$3:$AA$30,INDEX(Jesper!$R$2:$R$366,ROW(INDEX(Jesper!AL$2:AL$366,ROUNDDOWN($C4562/24,0)+1,1))-1)+IF('Standard Profiles'!$G$22=$B$10,7,0)+IF('Standard Profiles'!$G$22=$B$17,14,0)+IF('Standard Profiles'!$G$22=$B$24,21,0),MOD($C4562,24)+1)/SUM(INDEX($D$3:$AA$30,INDEX(Jesper!$R$2:$R$366,ROW(INDEX(Jesper!AL$2:AL$366,ROUNDDOWN($C4562/24,0)+1,1))-1)+IF('Standard Profiles'!$G$22=$B$10,7,0)+IF('Standard Profiles'!$G$22=$B$17,14,0)+IF('Standard Profiles'!$G$22=$B$24,21,0),0)),0)</f>
        <v>0</v>
      </c>
      <c r="I4562">
        <f t="shared" si="510"/>
        <v>0.12059898692689462</v>
      </c>
      <c r="J4562">
        <f t="shared" si="511"/>
        <v>0.40199662308964879</v>
      </c>
      <c r="K4562">
        <f t="shared" si="512"/>
        <v>0.60299493463447318</v>
      </c>
      <c r="L4562">
        <f t="shared" si="513"/>
        <v>9.7825928955527512</v>
      </c>
      <c r="M4562">
        <f t="shared" si="514"/>
        <v>0</v>
      </c>
      <c r="N4562" s="46">
        <f t="shared" si="515"/>
        <v>45480.666666655685</v>
      </c>
    </row>
    <row r="4563" spans="2:14" x14ac:dyDescent="0.3">
      <c r="B4563">
        <f t="shared" si="509"/>
        <v>7</v>
      </c>
      <c r="C4563" s="16">
        <v>4529</v>
      </c>
      <c r="D4563" cm="1">
        <f t="array" ref="D4563">IFERROR(INDEX(Jesper!AH$2:AH$366,ROUNDDOWN($C4563/24,0)+1,1)*INDEX($D$3:$AA$30,INDEX(Jesper!$R$2:$R$366,ROW(INDEX(Jesper!AH$2:AH$366,ROUNDDOWN($C4563/24,0)+1,1))-1)+IF('Standard Profiles'!$G$18=$B$10,7,0)+IF('Standard Profiles'!$G$18=$B$17,14,0)+IF('Standard Profiles'!$G$18=$B$24,21,0),MOD($C4563,24)+1)/SUM(INDEX($D$3:$AA$30,INDEX(Jesper!$R$2:$R$366,ROW(INDEX(Jesper!AH$2:AH$366,ROUNDDOWN($C4563/24,0)+1,1))-1)+IF('Standard Profiles'!$G$18=$B$10,7,0)+IF('Standard Profiles'!$G$18=$B$17,14,0)+IF('Standard Profiles'!$G$18=$B$24,21,0),0)),0)</f>
        <v>8.1776023674512057</v>
      </c>
      <c r="E4563" cm="1">
        <f t="array" ref="E4563">IFERROR(INDEX(Jesper!AI$2:AI$366,ROUNDDOWN($C4563/24,0)+1,1)*INDEX($D$3:$AA$30,INDEX(Jesper!$R$2:$R$366,ROW(INDEX(Jesper!AI$2:AI$366,ROUNDDOWN($C4563/24,0)+1,1))-1)+IF('Standard Profiles'!$G$19=$B$10,7,0)+IF('Standard Profiles'!$G$19=$B$17,14,0)+IF('Standard Profiles'!$G$19=$B$24,21,0),MOD($C4563,24)+1)/SUM(INDEX($D$3:$AA$30,INDEX(Jesper!$R$2:$R$366,ROW(INDEX(Jesper!AI$2:AI$366,ROUNDDOWN($C4563/24,0)+1,1))-1)+IF('Standard Profiles'!$G$19=$B$10,7,0)+IF('Standard Profiles'!$G$19=$B$17,14,0)+IF('Standard Profiles'!$G$19=$B$24,21,0),0)),0)</f>
        <v>1.1439362087229257</v>
      </c>
      <c r="F4563" cm="1">
        <f t="array" ref="F4563">IFERROR(INDEX(Jesper!AJ$2:AJ$366,ROUNDDOWN($C4563/24,0)+1,1)*INDEX($D$3:$AA$30,INDEX(Jesper!$R$2:$R$366,ROW(INDEX(Jesper!AJ$2:AJ$366,ROUNDDOWN($C4563/24,0)+1,1))-1)+IF('Standard Profiles'!$G$20=$B$10,7,0)+IF('Standard Profiles'!$G$20=$B$17,14,0)+IF('Standard Profiles'!$G$20=$B$24,21,0),MOD($C4563,24)+1)/SUM(INDEX($D$3:$AA$30,INDEX(Jesper!$R$2:$R$366,ROW(INDEX(Jesper!AJ$2:AJ$366,ROUNDDOWN($C4563/24,0)+1,1))-1)+IF('Standard Profiles'!$G$20=$B$10,7,0)+IF('Standard Profiles'!$G$20=$B$17,14,0)+IF('Standard Profiles'!$G$20=$B$24,21,0),0)),0)</f>
        <v>0</v>
      </c>
      <c r="G4563" cm="1">
        <f t="array" ref="G4563">IFERROR(INDEX(Jesper!AK$2:AK$366,ROUNDDOWN($C4563/24,0)+1,1)*INDEX($D$3:$AA$30,INDEX(Jesper!$R$2:$R$366,ROW(INDEX(Jesper!AK$2:AK$366,ROUNDDOWN($C4563/24,0)+1,1))-1)+IF('Standard Profiles'!$G$21=$B$10,7,0)+IF('Standard Profiles'!$G$21=$B$17,14,0)+IF('Standard Profiles'!$G$21=$B$24,21,0),MOD($C4563,24)+1)/SUM(INDEX($D$3:$AA$30,INDEX(Jesper!$R$2:$R$366,ROW(INDEX(Jesper!AK$2:AK$366,ROUNDDOWN($C4563/24,0)+1,1))-1)+IF('Standard Profiles'!$G$21=$B$10,7,0)+IF('Standard Profiles'!$G$21=$B$17,14,0)+IF('Standard Profiles'!$G$21=$B$24,21,0),0)),0)</f>
        <v>0</v>
      </c>
      <c r="H4563" cm="1">
        <f t="array" ref="H4563">IFERROR(INDEX(Jesper!AL$2:AL$366,ROUNDDOWN($C4563/24,0)+1,1)*INDEX($D$3:$AA$30,INDEX(Jesper!$R$2:$R$366,ROW(INDEX(Jesper!AL$2:AL$366,ROUNDDOWN($C4563/24,0)+1,1))-1)+IF('Standard Profiles'!$G$22=$B$10,7,0)+IF('Standard Profiles'!$G$22=$B$17,14,0)+IF('Standard Profiles'!$G$22=$B$24,21,0),MOD($C4563,24)+1)/SUM(INDEX($D$3:$AA$30,INDEX(Jesper!$R$2:$R$366,ROW(INDEX(Jesper!AL$2:AL$366,ROUNDDOWN($C4563/24,0)+1,1))-1)+IF('Standard Profiles'!$G$22=$B$10,7,0)+IF('Standard Profiles'!$G$22=$B$17,14,0)+IF('Standard Profiles'!$G$22=$B$24,21,0),0)),0)</f>
        <v>0</v>
      </c>
      <c r="I4563">
        <f t="shared" si="510"/>
        <v>0.1030573161011645</v>
      </c>
      <c r="J4563">
        <f t="shared" si="511"/>
        <v>0.34352438700388171</v>
      </c>
      <c r="K4563">
        <f t="shared" si="512"/>
        <v>0.51528658050582254</v>
      </c>
      <c r="L4563">
        <f t="shared" si="513"/>
        <v>8.359670292563262</v>
      </c>
      <c r="M4563">
        <f t="shared" si="514"/>
        <v>0</v>
      </c>
      <c r="N4563" s="46">
        <f t="shared" si="515"/>
        <v>45480.708333322349</v>
      </c>
    </row>
    <row r="4564" spans="2:14" x14ac:dyDescent="0.3">
      <c r="B4564">
        <f t="shared" si="509"/>
        <v>7</v>
      </c>
      <c r="C4564" s="16">
        <v>4530</v>
      </c>
      <c r="D4564" cm="1">
        <f t="array" ref="D4564">IFERROR(INDEX(Jesper!AH$2:AH$366,ROUNDDOWN($C4564/24,0)+1,1)*INDEX($D$3:$AA$30,INDEX(Jesper!$R$2:$R$366,ROW(INDEX(Jesper!AH$2:AH$366,ROUNDDOWN($C4564/24,0)+1,1))-1)+IF('Standard Profiles'!$G$18=$B$10,7,0)+IF('Standard Profiles'!$G$18=$B$17,14,0)+IF('Standard Profiles'!$G$18=$B$24,21,0),MOD($C4564,24)+1)/SUM(INDEX($D$3:$AA$30,INDEX(Jesper!$R$2:$R$366,ROW(INDEX(Jesper!AH$2:AH$366,ROUNDDOWN($C4564/24,0)+1,1))-1)+IF('Standard Profiles'!$G$18=$B$10,7,0)+IF('Standard Profiles'!$G$18=$B$17,14,0)+IF('Standard Profiles'!$G$18=$B$24,21,0),0)),0)</f>
        <v>7.6556277482521926</v>
      </c>
      <c r="E4564" cm="1">
        <f t="array" ref="E4564">IFERROR(INDEX(Jesper!AI$2:AI$366,ROUNDDOWN($C4564/24,0)+1,1)*INDEX($D$3:$AA$30,INDEX(Jesper!$R$2:$R$366,ROW(INDEX(Jesper!AI$2:AI$366,ROUNDDOWN($C4564/24,0)+1,1))-1)+IF('Standard Profiles'!$G$19=$B$10,7,0)+IF('Standard Profiles'!$G$19=$B$17,14,0)+IF('Standard Profiles'!$G$19=$B$24,21,0),MOD($C4564,24)+1)/SUM(INDEX($D$3:$AA$30,INDEX(Jesper!$R$2:$R$366,ROW(INDEX(Jesper!AI$2:AI$366,ROUNDDOWN($C4564/24,0)+1,1))-1)+IF('Standard Profiles'!$G$19=$B$10,7,0)+IF('Standard Profiles'!$G$19=$B$17,14,0)+IF('Standard Profiles'!$G$19=$B$24,21,0),0)),0)</f>
        <v>1.0709190039108241</v>
      </c>
      <c r="F4564" cm="1">
        <f t="array" ref="F4564">IFERROR(INDEX(Jesper!AJ$2:AJ$366,ROUNDDOWN($C4564/24,0)+1,1)*INDEX($D$3:$AA$30,INDEX(Jesper!$R$2:$R$366,ROW(INDEX(Jesper!AJ$2:AJ$366,ROUNDDOWN($C4564/24,0)+1,1))-1)+IF('Standard Profiles'!$G$20=$B$10,7,0)+IF('Standard Profiles'!$G$20=$B$17,14,0)+IF('Standard Profiles'!$G$20=$B$24,21,0),MOD($C4564,24)+1)/SUM(INDEX($D$3:$AA$30,INDEX(Jesper!$R$2:$R$366,ROW(INDEX(Jesper!AJ$2:AJ$366,ROUNDDOWN($C4564/24,0)+1,1))-1)+IF('Standard Profiles'!$G$20=$B$10,7,0)+IF('Standard Profiles'!$G$20=$B$17,14,0)+IF('Standard Profiles'!$G$20=$B$24,21,0),0)),0)</f>
        <v>0</v>
      </c>
      <c r="G4564" cm="1">
        <f t="array" ref="G4564">IFERROR(INDEX(Jesper!AK$2:AK$366,ROUNDDOWN($C4564/24,0)+1,1)*INDEX($D$3:$AA$30,INDEX(Jesper!$R$2:$R$366,ROW(INDEX(Jesper!AK$2:AK$366,ROUNDDOWN($C4564/24,0)+1,1))-1)+IF('Standard Profiles'!$G$21=$B$10,7,0)+IF('Standard Profiles'!$G$21=$B$17,14,0)+IF('Standard Profiles'!$G$21=$B$24,21,0),MOD($C4564,24)+1)/SUM(INDEX($D$3:$AA$30,INDEX(Jesper!$R$2:$R$366,ROW(INDEX(Jesper!AK$2:AK$366,ROUNDDOWN($C4564/24,0)+1,1))-1)+IF('Standard Profiles'!$G$21=$B$10,7,0)+IF('Standard Profiles'!$G$21=$B$17,14,0)+IF('Standard Profiles'!$G$21=$B$24,21,0),0)),0)</f>
        <v>0</v>
      </c>
      <c r="H4564" cm="1">
        <f t="array" ref="H4564">IFERROR(INDEX(Jesper!AL$2:AL$366,ROUNDDOWN($C4564/24,0)+1,1)*INDEX($D$3:$AA$30,INDEX(Jesper!$R$2:$R$366,ROW(INDEX(Jesper!AL$2:AL$366,ROUNDDOWN($C4564/24,0)+1,1))-1)+IF('Standard Profiles'!$G$22=$B$10,7,0)+IF('Standard Profiles'!$G$22=$B$17,14,0)+IF('Standard Profiles'!$G$22=$B$24,21,0),MOD($C4564,24)+1)/SUM(INDEX($D$3:$AA$30,INDEX(Jesper!$R$2:$R$366,ROW(INDEX(Jesper!AL$2:AL$366,ROUNDDOWN($C4564/24,0)+1,1))-1)+IF('Standard Profiles'!$G$22=$B$10,7,0)+IF('Standard Profiles'!$G$22=$B$17,14,0)+IF('Standard Profiles'!$G$22=$B$24,21,0),0)),0)</f>
        <v>0</v>
      </c>
      <c r="I4564">
        <f t="shared" si="510"/>
        <v>9.64791895415157E-2</v>
      </c>
      <c r="J4564">
        <f t="shared" si="511"/>
        <v>0.32159729847171908</v>
      </c>
      <c r="K4564">
        <f t="shared" si="512"/>
        <v>0.4823959477075786</v>
      </c>
      <c r="L4564">
        <f t="shared" si="513"/>
        <v>7.8260743164422033</v>
      </c>
      <c r="M4564">
        <f t="shared" si="514"/>
        <v>0</v>
      </c>
      <c r="N4564" s="46">
        <f t="shared" si="515"/>
        <v>45480.749999989013</v>
      </c>
    </row>
    <row r="4565" spans="2:14" x14ac:dyDescent="0.3">
      <c r="B4565">
        <f t="shared" si="509"/>
        <v>7</v>
      </c>
      <c r="C4565" s="16">
        <v>4531</v>
      </c>
      <c r="D4565" cm="1">
        <f t="array" ref="D4565">IFERROR(INDEX(Jesper!AH$2:AH$366,ROUNDDOWN($C4565/24,0)+1,1)*INDEX($D$3:$AA$30,INDEX(Jesper!$R$2:$R$366,ROW(INDEX(Jesper!AH$2:AH$366,ROUNDDOWN($C4565/24,0)+1,1))-1)+IF('Standard Profiles'!$G$18=$B$10,7,0)+IF('Standard Profiles'!$G$18=$B$17,14,0)+IF('Standard Profiles'!$G$18=$B$24,21,0),MOD($C4565,24)+1)/SUM(INDEX($D$3:$AA$30,INDEX(Jesper!$R$2:$R$366,ROW(INDEX(Jesper!AH$2:AH$366,ROUNDDOWN($C4565/24,0)+1,1))-1)+IF('Standard Profiles'!$G$18=$B$10,7,0)+IF('Standard Profiles'!$G$18=$B$17,14,0)+IF('Standard Profiles'!$G$18=$B$24,21,0),0)),0)</f>
        <v>6.4376869701211614</v>
      </c>
      <c r="E4565" cm="1">
        <f t="array" ref="E4565">IFERROR(INDEX(Jesper!AI$2:AI$366,ROUNDDOWN($C4565/24,0)+1,1)*INDEX($D$3:$AA$30,INDEX(Jesper!$R$2:$R$366,ROW(INDEX(Jesper!AI$2:AI$366,ROUNDDOWN($C4565/24,0)+1,1))-1)+IF('Standard Profiles'!$G$19=$B$10,7,0)+IF('Standard Profiles'!$G$19=$B$17,14,0)+IF('Standard Profiles'!$G$19=$B$24,21,0),MOD($C4565,24)+1)/SUM(INDEX($D$3:$AA$30,INDEX(Jesper!$R$2:$R$366,ROW(INDEX(Jesper!AI$2:AI$366,ROUNDDOWN($C4565/24,0)+1,1))-1)+IF('Standard Profiles'!$G$19=$B$10,7,0)+IF('Standard Profiles'!$G$19=$B$17,14,0)+IF('Standard Profiles'!$G$19=$B$24,21,0),0)),0)</f>
        <v>0.90054552601592031</v>
      </c>
      <c r="F4565" cm="1">
        <f t="array" ref="F4565">IFERROR(INDEX(Jesper!AJ$2:AJ$366,ROUNDDOWN($C4565/24,0)+1,1)*INDEX($D$3:$AA$30,INDEX(Jesper!$R$2:$R$366,ROW(INDEX(Jesper!AJ$2:AJ$366,ROUNDDOWN($C4565/24,0)+1,1))-1)+IF('Standard Profiles'!$G$20=$B$10,7,0)+IF('Standard Profiles'!$G$20=$B$17,14,0)+IF('Standard Profiles'!$G$20=$B$24,21,0),MOD($C4565,24)+1)/SUM(INDEX($D$3:$AA$30,INDEX(Jesper!$R$2:$R$366,ROW(INDEX(Jesper!AJ$2:AJ$366,ROUNDDOWN($C4565/24,0)+1,1))-1)+IF('Standard Profiles'!$G$20=$B$10,7,0)+IF('Standard Profiles'!$G$20=$B$17,14,0)+IF('Standard Profiles'!$G$20=$B$24,21,0),0)),0)</f>
        <v>0</v>
      </c>
      <c r="G4565" cm="1">
        <f t="array" ref="G4565">IFERROR(INDEX(Jesper!AK$2:AK$366,ROUNDDOWN($C4565/24,0)+1,1)*INDEX($D$3:$AA$30,INDEX(Jesper!$R$2:$R$366,ROW(INDEX(Jesper!AK$2:AK$366,ROUNDDOWN($C4565/24,0)+1,1))-1)+IF('Standard Profiles'!$G$21=$B$10,7,0)+IF('Standard Profiles'!$G$21=$B$17,14,0)+IF('Standard Profiles'!$G$21=$B$24,21,0),MOD($C4565,24)+1)/SUM(INDEX($D$3:$AA$30,INDEX(Jesper!$R$2:$R$366,ROW(INDEX(Jesper!AK$2:AK$366,ROUNDDOWN($C4565/24,0)+1,1))-1)+IF('Standard Profiles'!$G$21=$B$10,7,0)+IF('Standard Profiles'!$G$21=$B$17,14,0)+IF('Standard Profiles'!$G$21=$B$24,21,0),0)),0)</f>
        <v>0</v>
      </c>
      <c r="H4565" cm="1">
        <f t="array" ref="H4565">IFERROR(INDEX(Jesper!AL$2:AL$366,ROUNDDOWN($C4565/24,0)+1,1)*INDEX($D$3:$AA$30,INDEX(Jesper!$R$2:$R$366,ROW(INDEX(Jesper!AL$2:AL$366,ROUNDDOWN($C4565/24,0)+1,1))-1)+IF('Standard Profiles'!$G$22=$B$10,7,0)+IF('Standard Profiles'!$G$22=$B$17,14,0)+IF('Standard Profiles'!$G$22=$B$24,21,0),MOD($C4565,24)+1)/SUM(INDEX($D$3:$AA$30,INDEX(Jesper!$R$2:$R$366,ROW(INDEX(Jesper!AL$2:AL$366,ROUNDDOWN($C4565/24,0)+1,1))-1)+IF('Standard Profiles'!$G$22=$B$10,7,0)+IF('Standard Profiles'!$G$22=$B$17,14,0)+IF('Standard Profiles'!$G$22=$B$24,21,0),0)),0)</f>
        <v>0</v>
      </c>
      <c r="I4565">
        <f t="shared" si="510"/>
        <v>8.1130227569001845E-2</v>
      </c>
      <c r="J4565">
        <f t="shared" si="511"/>
        <v>0.27043409189667289</v>
      </c>
      <c r="K4565">
        <f t="shared" si="512"/>
        <v>0.40565113784500928</v>
      </c>
      <c r="L4565">
        <f t="shared" si="513"/>
        <v>6.5810170388263973</v>
      </c>
      <c r="M4565">
        <f t="shared" si="514"/>
        <v>0</v>
      </c>
      <c r="N4565" s="46">
        <f t="shared" si="515"/>
        <v>45480.791666655678</v>
      </c>
    </row>
    <row r="4566" spans="2:14" x14ac:dyDescent="0.3">
      <c r="B4566">
        <f t="shared" si="509"/>
        <v>7</v>
      </c>
      <c r="C4566" s="16">
        <v>4532</v>
      </c>
      <c r="D4566" cm="1">
        <f t="array" ref="D4566">IFERROR(INDEX(Jesper!AH$2:AH$366,ROUNDDOWN($C4566/24,0)+1,1)*INDEX($D$3:$AA$30,INDEX(Jesper!$R$2:$R$366,ROW(INDEX(Jesper!AH$2:AH$366,ROUNDDOWN($C4566/24,0)+1,1))-1)+IF('Standard Profiles'!$G$18=$B$10,7,0)+IF('Standard Profiles'!$G$18=$B$17,14,0)+IF('Standard Profiles'!$G$18=$B$24,21,0),MOD($C4566,24)+1)/SUM(INDEX($D$3:$AA$30,INDEX(Jesper!$R$2:$R$366,ROW(INDEX(Jesper!AH$2:AH$366,ROUNDDOWN($C4566/24,0)+1,1))-1)+IF('Standard Profiles'!$G$18=$B$10,7,0)+IF('Standard Profiles'!$G$18=$B$17,14,0)+IF('Standard Profiles'!$G$18=$B$24,21,0),0)),0)</f>
        <v>5.3937377317231343</v>
      </c>
      <c r="E4566" cm="1">
        <f t="array" ref="E4566">IFERROR(INDEX(Jesper!AI$2:AI$366,ROUNDDOWN($C4566/24,0)+1,1)*INDEX($D$3:$AA$30,INDEX(Jesper!$R$2:$R$366,ROW(INDEX(Jesper!AI$2:AI$366,ROUNDDOWN($C4566/24,0)+1,1))-1)+IF('Standard Profiles'!$G$19=$B$10,7,0)+IF('Standard Profiles'!$G$19=$B$17,14,0)+IF('Standard Profiles'!$G$19=$B$24,21,0),MOD($C4566,24)+1)/SUM(INDEX($D$3:$AA$30,INDEX(Jesper!$R$2:$R$366,ROW(INDEX(Jesper!AI$2:AI$366,ROUNDDOWN($C4566/24,0)+1,1))-1)+IF('Standard Profiles'!$G$19=$B$10,7,0)+IF('Standard Profiles'!$G$19=$B$17,14,0)+IF('Standard Profiles'!$G$19=$B$24,21,0),0)),0)</f>
        <v>0.75451111639171697</v>
      </c>
      <c r="F4566" cm="1">
        <f t="array" ref="F4566">IFERROR(INDEX(Jesper!AJ$2:AJ$366,ROUNDDOWN($C4566/24,0)+1,1)*INDEX($D$3:$AA$30,INDEX(Jesper!$R$2:$R$366,ROW(INDEX(Jesper!AJ$2:AJ$366,ROUNDDOWN($C4566/24,0)+1,1))-1)+IF('Standard Profiles'!$G$20=$B$10,7,0)+IF('Standard Profiles'!$G$20=$B$17,14,0)+IF('Standard Profiles'!$G$20=$B$24,21,0),MOD($C4566,24)+1)/SUM(INDEX($D$3:$AA$30,INDEX(Jesper!$R$2:$R$366,ROW(INDEX(Jesper!AJ$2:AJ$366,ROUNDDOWN($C4566/24,0)+1,1))-1)+IF('Standard Profiles'!$G$20=$B$10,7,0)+IF('Standard Profiles'!$G$20=$B$17,14,0)+IF('Standard Profiles'!$G$20=$B$24,21,0),0)),0)</f>
        <v>0</v>
      </c>
      <c r="G4566" cm="1">
        <f t="array" ref="G4566">IFERROR(INDEX(Jesper!AK$2:AK$366,ROUNDDOWN($C4566/24,0)+1,1)*INDEX($D$3:$AA$30,INDEX(Jesper!$R$2:$R$366,ROW(INDEX(Jesper!AK$2:AK$366,ROUNDDOWN($C4566/24,0)+1,1))-1)+IF('Standard Profiles'!$G$21=$B$10,7,0)+IF('Standard Profiles'!$G$21=$B$17,14,0)+IF('Standard Profiles'!$G$21=$B$24,21,0),MOD($C4566,24)+1)/SUM(INDEX($D$3:$AA$30,INDEX(Jesper!$R$2:$R$366,ROW(INDEX(Jesper!AK$2:AK$366,ROUNDDOWN($C4566/24,0)+1,1))-1)+IF('Standard Profiles'!$G$21=$B$10,7,0)+IF('Standard Profiles'!$G$21=$B$17,14,0)+IF('Standard Profiles'!$G$21=$B$24,21,0),0)),0)</f>
        <v>0</v>
      </c>
      <c r="H4566" cm="1">
        <f t="array" ref="H4566">IFERROR(INDEX(Jesper!AL$2:AL$366,ROUNDDOWN($C4566/24,0)+1,1)*INDEX($D$3:$AA$30,INDEX(Jesper!$R$2:$R$366,ROW(INDEX(Jesper!AL$2:AL$366,ROUNDDOWN($C4566/24,0)+1,1))-1)+IF('Standard Profiles'!$G$22=$B$10,7,0)+IF('Standard Profiles'!$G$22=$B$17,14,0)+IF('Standard Profiles'!$G$22=$B$24,21,0),MOD($C4566,24)+1)/SUM(INDEX($D$3:$AA$30,INDEX(Jesper!$R$2:$R$366,ROW(INDEX(Jesper!AL$2:AL$366,ROUNDDOWN($C4566/24,0)+1,1))-1)+IF('Standard Profiles'!$G$22=$B$10,7,0)+IF('Standard Profiles'!$G$22=$B$17,14,0)+IF('Standard Profiles'!$G$22=$B$24,21,0),0)),0)</f>
        <v>0</v>
      </c>
      <c r="I4566">
        <f t="shared" si="510"/>
        <v>6.7973974449704253E-2</v>
      </c>
      <c r="J4566">
        <f t="shared" si="511"/>
        <v>0.22657991483234752</v>
      </c>
      <c r="K4566">
        <f t="shared" si="512"/>
        <v>0.33986987224852128</v>
      </c>
      <c r="L4566">
        <f t="shared" si="513"/>
        <v>5.5138250865842782</v>
      </c>
      <c r="M4566">
        <f t="shared" si="514"/>
        <v>0</v>
      </c>
      <c r="N4566" s="46">
        <f t="shared" si="515"/>
        <v>45480.833333322342</v>
      </c>
    </row>
    <row r="4567" spans="2:14" x14ac:dyDescent="0.3">
      <c r="B4567">
        <f t="shared" si="509"/>
        <v>7</v>
      </c>
      <c r="C4567" s="16">
        <v>4533</v>
      </c>
      <c r="D4567" cm="1">
        <f t="array" ref="D4567">IFERROR(INDEX(Jesper!AH$2:AH$366,ROUNDDOWN($C4567/24,0)+1,1)*INDEX($D$3:$AA$30,INDEX(Jesper!$R$2:$R$366,ROW(INDEX(Jesper!AH$2:AH$366,ROUNDDOWN($C4567/24,0)+1,1))-1)+IF('Standard Profiles'!$G$18=$B$10,7,0)+IF('Standard Profiles'!$G$18=$B$17,14,0)+IF('Standard Profiles'!$G$18=$B$24,21,0),MOD($C4567,24)+1)/SUM(INDEX($D$3:$AA$30,INDEX(Jesper!$R$2:$R$366,ROW(INDEX(Jesper!AH$2:AH$366,ROUNDDOWN($C4567/24,0)+1,1))-1)+IF('Standard Profiles'!$G$18=$B$10,7,0)+IF('Standard Profiles'!$G$18=$B$17,14,0)+IF('Standard Profiles'!$G$18=$B$24,21,0),0)),0)</f>
        <v>4.697771572791118</v>
      </c>
      <c r="E4567" cm="1">
        <f t="array" ref="E4567">IFERROR(INDEX(Jesper!AI$2:AI$366,ROUNDDOWN($C4567/24,0)+1,1)*INDEX($D$3:$AA$30,INDEX(Jesper!$R$2:$R$366,ROW(INDEX(Jesper!AI$2:AI$366,ROUNDDOWN($C4567/24,0)+1,1))-1)+IF('Standard Profiles'!$G$19=$B$10,7,0)+IF('Standard Profiles'!$G$19=$B$17,14,0)+IF('Standard Profiles'!$G$19=$B$24,21,0),MOD($C4567,24)+1)/SUM(INDEX($D$3:$AA$30,INDEX(Jesper!$R$2:$R$366,ROW(INDEX(Jesper!AI$2:AI$366,ROUNDDOWN($C4567/24,0)+1,1))-1)+IF('Standard Profiles'!$G$19=$B$10,7,0)+IF('Standard Profiles'!$G$19=$B$17,14,0)+IF('Standard Profiles'!$G$19=$B$24,21,0),0)),0)</f>
        <v>0.65715484330891483</v>
      </c>
      <c r="F4567" cm="1">
        <f t="array" ref="F4567">IFERROR(INDEX(Jesper!AJ$2:AJ$366,ROUNDDOWN($C4567/24,0)+1,1)*INDEX($D$3:$AA$30,INDEX(Jesper!$R$2:$R$366,ROW(INDEX(Jesper!AJ$2:AJ$366,ROUNDDOWN($C4567/24,0)+1,1))-1)+IF('Standard Profiles'!$G$20=$B$10,7,0)+IF('Standard Profiles'!$G$20=$B$17,14,0)+IF('Standard Profiles'!$G$20=$B$24,21,0),MOD($C4567,24)+1)/SUM(INDEX($D$3:$AA$30,INDEX(Jesper!$R$2:$R$366,ROW(INDEX(Jesper!AJ$2:AJ$366,ROUNDDOWN($C4567/24,0)+1,1))-1)+IF('Standard Profiles'!$G$20=$B$10,7,0)+IF('Standard Profiles'!$G$20=$B$17,14,0)+IF('Standard Profiles'!$G$20=$B$24,21,0),0)),0)</f>
        <v>0</v>
      </c>
      <c r="G4567" cm="1">
        <f t="array" ref="G4567">IFERROR(INDEX(Jesper!AK$2:AK$366,ROUNDDOWN($C4567/24,0)+1,1)*INDEX($D$3:$AA$30,INDEX(Jesper!$R$2:$R$366,ROW(INDEX(Jesper!AK$2:AK$366,ROUNDDOWN($C4567/24,0)+1,1))-1)+IF('Standard Profiles'!$G$21=$B$10,7,0)+IF('Standard Profiles'!$G$21=$B$17,14,0)+IF('Standard Profiles'!$G$21=$B$24,21,0),MOD($C4567,24)+1)/SUM(INDEX($D$3:$AA$30,INDEX(Jesper!$R$2:$R$366,ROW(INDEX(Jesper!AK$2:AK$366,ROUNDDOWN($C4567/24,0)+1,1))-1)+IF('Standard Profiles'!$G$21=$B$10,7,0)+IF('Standard Profiles'!$G$21=$B$17,14,0)+IF('Standard Profiles'!$G$21=$B$24,21,0),0)),0)</f>
        <v>0</v>
      </c>
      <c r="H4567" cm="1">
        <f t="array" ref="H4567">IFERROR(INDEX(Jesper!AL$2:AL$366,ROUNDDOWN($C4567/24,0)+1,1)*INDEX($D$3:$AA$30,INDEX(Jesper!$R$2:$R$366,ROW(INDEX(Jesper!AL$2:AL$366,ROUNDDOWN($C4567/24,0)+1,1))-1)+IF('Standard Profiles'!$G$22=$B$10,7,0)+IF('Standard Profiles'!$G$22=$B$17,14,0)+IF('Standard Profiles'!$G$22=$B$24,21,0),MOD($C4567,24)+1)/SUM(INDEX($D$3:$AA$30,INDEX(Jesper!$R$2:$R$366,ROW(INDEX(Jesper!AL$2:AL$366,ROUNDDOWN($C4567/24,0)+1,1))-1)+IF('Standard Profiles'!$G$22=$B$10,7,0)+IF('Standard Profiles'!$G$22=$B$17,14,0)+IF('Standard Profiles'!$G$22=$B$24,21,0),0)),0)</f>
        <v>0</v>
      </c>
      <c r="I4567">
        <f t="shared" si="510"/>
        <v>5.9203139036839186E-2</v>
      </c>
      <c r="J4567">
        <f t="shared" si="511"/>
        <v>0.19734379678946398</v>
      </c>
      <c r="K4567">
        <f t="shared" si="512"/>
        <v>0.29601569518419596</v>
      </c>
      <c r="L4567">
        <f t="shared" si="513"/>
        <v>4.8023637850895335</v>
      </c>
      <c r="M4567">
        <f t="shared" si="514"/>
        <v>0</v>
      </c>
      <c r="N4567" s="46">
        <f t="shared" si="515"/>
        <v>45480.874999989006</v>
      </c>
    </row>
    <row r="4568" spans="2:14" x14ac:dyDescent="0.3">
      <c r="B4568">
        <f t="shared" si="509"/>
        <v>7</v>
      </c>
      <c r="C4568" s="16">
        <v>4534</v>
      </c>
      <c r="D4568" cm="1">
        <f t="array" ref="D4568">IFERROR(INDEX(Jesper!AH$2:AH$366,ROUNDDOWN($C4568/24,0)+1,1)*INDEX($D$3:$AA$30,INDEX(Jesper!$R$2:$R$366,ROW(INDEX(Jesper!AH$2:AH$366,ROUNDDOWN($C4568/24,0)+1,1))-1)+IF('Standard Profiles'!$G$18=$B$10,7,0)+IF('Standard Profiles'!$G$18=$B$17,14,0)+IF('Standard Profiles'!$G$18=$B$24,21,0),MOD($C4568,24)+1)/SUM(INDEX($D$3:$AA$30,INDEX(Jesper!$R$2:$R$366,ROW(INDEX(Jesper!AH$2:AH$366,ROUNDDOWN($C4568/24,0)+1,1))-1)+IF('Standard Profiles'!$G$18=$B$10,7,0)+IF('Standard Profiles'!$G$18=$B$17,14,0)+IF('Standard Profiles'!$G$18=$B$24,21,0),0)),0)</f>
        <v>4.697771572791118</v>
      </c>
      <c r="E4568" cm="1">
        <f t="array" ref="E4568">IFERROR(INDEX(Jesper!AI$2:AI$366,ROUNDDOWN($C4568/24,0)+1,1)*INDEX($D$3:$AA$30,INDEX(Jesper!$R$2:$R$366,ROW(INDEX(Jesper!AI$2:AI$366,ROUNDDOWN($C4568/24,0)+1,1))-1)+IF('Standard Profiles'!$G$19=$B$10,7,0)+IF('Standard Profiles'!$G$19=$B$17,14,0)+IF('Standard Profiles'!$G$19=$B$24,21,0),MOD($C4568,24)+1)/SUM(INDEX($D$3:$AA$30,INDEX(Jesper!$R$2:$R$366,ROW(INDEX(Jesper!AI$2:AI$366,ROUNDDOWN($C4568/24,0)+1,1))-1)+IF('Standard Profiles'!$G$19=$B$10,7,0)+IF('Standard Profiles'!$G$19=$B$17,14,0)+IF('Standard Profiles'!$G$19=$B$24,21,0),0)),0)</f>
        <v>0.65715484330891483</v>
      </c>
      <c r="F4568" cm="1">
        <f t="array" ref="F4568">IFERROR(INDEX(Jesper!AJ$2:AJ$366,ROUNDDOWN($C4568/24,0)+1,1)*INDEX($D$3:$AA$30,INDEX(Jesper!$R$2:$R$366,ROW(INDEX(Jesper!AJ$2:AJ$366,ROUNDDOWN($C4568/24,0)+1,1))-1)+IF('Standard Profiles'!$G$20=$B$10,7,0)+IF('Standard Profiles'!$G$20=$B$17,14,0)+IF('Standard Profiles'!$G$20=$B$24,21,0),MOD($C4568,24)+1)/SUM(INDEX($D$3:$AA$30,INDEX(Jesper!$R$2:$R$366,ROW(INDEX(Jesper!AJ$2:AJ$366,ROUNDDOWN($C4568/24,0)+1,1))-1)+IF('Standard Profiles'!$G$20=$B$10,7,0)+IF('Standard Profiles'!$G$20=$B$17,14,0)+IF('Standard Profiles'!$G$20=$B$24,21,0),0)),0)</f>
        <v>0</v>
      </c>
      <c r="G4568" cm="1">
        <f t="array" ref="G4568">IFERROR(INDEX(Jesper!AK$2:AK$366,ROUNDDOWN($C4568/24,0)+1,1)*INDEX($D$3:$AA$30,INDEX(Jesper!$R$2:$R$366,ROW(INDEX(Jesper!AK$2:AK$366,ROUNDDOWN($C4568/24,0)+1,1))-1)+IF('Standard Profiles'!$G$21=$B$10,7,0)+IF('Standard Profiles'!$G$21=$B$17,14,0)+IF('Standard Profiles'!$G$21=$B$24,21,0),MOD($C4568,24)+1)/SUM(INDEX($D$3:$AA$30,INDEX(Jesper!$R$2:$R$366,ROW(INDEX(Jesper!AK$2:AK$366,ROUNDDOWN($C4568/24,0)+1,1))-1)+IF('Standard Profiles'!$G$21=$B$10,7,0)+IF('Standard Profiles'!$G$21=$B$17,14,0)+IF('Standard Profiles'!$G$21=$B$24,21,0),0)),0)</f>
        <v>0</v>
      </c>
      <c r="H4568" cm="1">
        <f t="array" ref="H4568">IFERROR(INDEX(Jesper!AL$2:AL$366,ROUNDDOWN($C4568/24,0)+1,1)*INDEX($D$3:$AA$30,INDEX(Jesper!$R$2:$R$366,ROW(INDEX(Jesper!AL$2:AL$366,ROUNDDOWN($C4568/24,0)+1,1))-1)+IF('Standard Profiles'!$G$22=$B$10,7,0)+IF('Standard Profiles'!$G$22=$B$17,14,0)+IF('Standard Profiles'!$G$22=$B$24,21,0),MOD($C4568,24)+1)/SUM(INDEX($D$3:$AA$30,INDEX(Jesper!$R$2:$R$366,ROW(INDEX(Jesper!AL$2:AL$366,ROUNDDOWN($C4568/24,0)+1,1))-1)+IF('Standard Profiles'!$G$22=$B$10,7,0)+IF('Standard Profiles'!$G$22=$B$17,14,0)+IF('Standard Profiles'!$G$22=$B$24,21,0),0)),0)</f>
        <v>0</v>
      </c>
      <c r="I4568">
        <f t="shared" si="510"/>
        <v>5.9203139036839186E-2</v>
      </c>
      <c r="J4568">
        <f t="shared" si="511"/>
        <v>0.19734379678946398</v>
      </c>
      <c r="K4568">
        <f t="shared" si="512"/>
        <v>0.29601569518419596</v>
      </c>
      <c r="L4568">
        <f t="shared" si="513"/>
        <v>4.8023637850895335</v>
      </c>
      <c r="M4568">
        <f t="shared" si="514"/>
        <v>0</v>
      </c>
      <c r="N4568" s="46">
        <f t="shared" si="515"/>
        <v>45480.91666665567</v>
      </c>
    </row>
    <row r="4569" spans="2:14" x14ac:dyDescent="0.3">
      <c r="B4569">
        <f t="shared" si="509"/>
        <v>7</v>
      </c>
      <c r="C4569" s="16">
        <v>4535</v>
      </c>
      <c r="D4569" cm="1">
        <f t="array" ref="D4569">IFERROR(INDEX(Jesper!AH$2:AH$366,ROUNDDOWN($C4569/24,0)+1,1)*INDEX($D$3:$AA$30,INDEX(Jesper!$R$2:$R$366,ROW(INDEX(Jesper!AH$2:AH$366,ROUNDDOWN($C4569/24,0)+1,1))-1)+IF('Standard Profiles'!$G$18=$B$10,7,0)+IF('Standard Profiles'!$G$18=$B$17,14,0)+IF('Standard Profiles'!$G$18=$B$24,21,0),MOD($C4569,24)+1)/SUM(INDEX($D$3:$AA$30,INDEX(Jesper!$R$2:$R$366,ROW(INDEX(Jesper!AH$2:AH$366,ROUNDDOWN($C4569/24,0)+1,1))-1)+IF('Standard Profiles'!$G$18=$B$10,7,0)+IF('Standard Profiles'!$G$18=$B$17,14,0)+IF('Standard Profiles'!$G$18=$B$24,21,0),0)),0)</f>
        <v>4.697771572791118</v>
      </c>
      <c r="E4569" cm="1">
        <f t="array" ref="E4569">IFERROR(INDEX(Jesper!AI$2:AI$366,ROUNDDOWN($C4569/24,0)+1,1)*INDEX($D$3:$AA$30,INDEX(Jesper!$R$2:$R$366,ROW(INDEX(Jesper!AI$2:AI$366,ROUNDDOWN($C4569/24,0)+1,1))-1)+IF('Standard Profiles'!$G$19=$B$10,7,0)+IF('Standard Profiles'!$G$19=$B$17,14,0)+IF('Standard Profiles'!$G$19=$B$24,21,0),MOD($C4569,24)+1)/SUM(INDEX($D$3:$AA$30,INDEX(Jesper!$R$2:$R$366,ROW(INDEX(Jesper!AI$2:AI$366,ROUNDDOWN($C4569/24,0)+1,1))-1)+IF('Standard Profiles'!$G$19=$B$10,7,0)+IF('Standard Profiles'!$G$19=$B$17,14,0)+IF('Standard Profiles'!$G$19=$B$24,21,0),0)),0)</f>
        <v>0.65715484330891483</v>
      </c>
      <c r="F4569" cm="1">
        <f t="array" ref="F4569">IFERROR(INDEX(Jesper!AJ$2:AJ$366,ROUNDDOWN($C4569/24,0)+1,1)*INDEX($D$3:$AA$30,INDEX(Jesper!$R$2:$R$366,ROW(INDEX(Jesper!AJ$2:AJ$366,ROUNDDOWN($C4569/24,0)+1,1))-1)+IF('Standard Profiles'!$G$20=$B$10,7,0)+IF('Standard Profiles'!$G$20=$B$17,14,0)+IF('Standard Profiles'!$G$20=$B$24,21,0),MOD($C4569,24)+1)/SUM(INDEX($D$3:$AA$30,INDEX(Jesper!$R$2:$R$366,ROW(INDEX(Jesper!AJ$2:AJ$366,ROUNDDOWN($C4569/24,0)+1,1))-1)+IF('Standard Profiles'!$G$20=$B$10,7,0)+IF('Standard Profiles'!$G$20=$B$17,14,0)+IF('Standard Profiles'!$G$20=$B$24,21,0),0)),0)</f>
        <v>0</v>
      </c>
      <c r="G4569" cm="1">
        <f t="array" ref="G4569">IFERROR(INDEX(Jesper!AK$2:AK$366,ROUNDDOWN($C4569/24,0)+1,1)*INDEX($D$3:$AA$30,INDEX(Jesper!$R$2:$R$366,ROW(INDEX(Jesper!AK$2:AK$366,ROUNDDOWN($C4569/24,0)+1,1))-1)+IF('Standard Profiles'!$G$21=$B$10,7,0)+IF('Standard Profiles'!$G$21=$B$17,14,0)+IF('Standard Profiles'!$G$21=$B$24,21,0),MOD($C4569,24)+1)/SUM(INDEX($D$3:$AA$30,INDEX(Jesper!$R$2:$R$366,ROW(INDEX(Jesper!AK$2:AK$366,ROUNDDOWN($C4569/24,0)+1,1))-1)+IF('Standard Profiles'!$G$21=$B$10,7,0)+IF('Standard Profiles'!$G$21=$B$17,14,0)+IF('Standard Profiles'!$G$21=$B$24,21,0),0)),0)</f>
        <v>0</v>
      </c>
      <c r="H4569" cm="1">
        <f t="array" ref="H4569">IFERROR(INDEX(Jesper!AL$2:AL$366,ROUNDDOWN($C4569/24,0)+1,1)*INDEX($D$3:$AA$30,INDEX(Jesper!$R$2:$R$366,ROW(INDEX(Jesper!AL$2:AL$366,ROUNDDOWN($C4569/24,0)+1,1))-1)+IF('Standard Profiles'!$G$22=$B$10,7,0)+IF('Standard Profiles'!$G$22=$B$17,14,0)+IF('Standard Profiles'!$G$22=$B$24,21,0),MOD($C4569,24)+1)/SUM(INDEX($D$3:$AA$30,INDEX(Jesper!$R$2:$R$366,ROW(INDEX(Jesper!AL$2:AL$366,ROUNDDOWN($C4569/24,0)+1,1))-1)+IF('Standard Profiles'!$G$22=$B$10,7,0)+IF('Standard Profiles'!$G$22=$B$17,14,0)+IF('Standard Profiles'!$G$22=$B$24,21,0),0)),0)</f>
        <v>0</v>
      </c>
      <c r="I4569">
        <f t="shared" si="510"/>
        <v>5.9203139036839186E-2</v>
      </c>
      <c r="J4569">
        <f t="shared" si="511"/>
        <v>0.19734379678946398</v>
      </c>
      <c r="K4569">
        <f t="shared" si="512"/>
        <v>0.29601569518419596</v>
      </c>
      <c r="L4569">
        <f t="shared" si="513"/>
        <v>4.8023637850895335</v>
      </c>
      <c r="M4569">
        <f t="shared" si="514"/>
        <v>0</v>
      </c>
      <c r="N4569" s="46">
        <f t="shared" si="515"/>
        <v>45480.958333322335</v>
      </c>
    </row>
    <row r="4570" spans="2:14" x14ac:dyDescent="0.3">
      <c r="B4570">
        <f t="shared" si="509"/>
        <v>1</v>
      </c>
      <c r="C4570" s="16">
        <v>4536</v>
      </c>
      <c r="D4570" cm="1">
        <f t="array" ref="D4570">IFERROR(INDEX(Jesper!AH$2:AH$366,ROUNDDOWN($C4570/24,0)+1,1)*INDEX($D$3:$AA$30,INDEX(Jesper!$R$2:$R$366,ROW(INDEX(Jesper!AH$2:AH$366,ROUNDDOWN($C4570/24,0)+1,1))-1)+IF('Standard Profiles'!$G$18=$B$10,7,0)+IF('Standard Profiles'!$G$18=$B$17,14,0)+IF('Standard Profiles'!$G$18=$B$24,21,0),MOD($C4570,24)+1)/SUM(INDEX($D$3:$AA$30,INDEX(Jesper!$R$2:$R$366,ROW(INDEX(Jesper!AH$2:AH$366,ROUNDDOWN($C4570/24,0)+1,1))-1)+IF('Standard Profiles'!$G$18=$B$10,7,0)+IF('Standard Profiles'!$G$18=$B$17,14,0)+IF('Standard Profiles'!$G$18=$B$24,21,0),0)),0)</f>
        <v>2.282919653552395</v>
      </c>
      <c r="E4570" cm="1">
        <f t="array" ref="E4570">IFERROR(INDEX(Jesper!AI$2:AI$366,ROUNDDOWN($C4570/24,0)+1,1)*INDEX($D$3:$AA$30,INDEX(Jesper!$R$2:$R$366,ROW(INDEX(Jesper!AI$2:AI$366,ROUNDDOWN($C4570/24,0)+1,1))-1)+IF('Standard Profiles'!$G$19=$B$10,7,0)+IF('Standard Profiles'!$G$19=$B$17,14,0)+IF('Standard Profiles'!$G$19=$B$24,21,0),MOD($C4570,24)+1)/SUM(INDEX($D$3:$AA$30,INDEX(Jesper!$R$2:$R$366,ROW(INDEX(Jesper!AI$2:AI$366,ROUNDDOWN($C4570/24,0)+1,1))-1)+IF('Standard Profiles'!$G$19=$B$10,7,0)+IF('Standard Profiles'!$G$19=$B$17,14,0)+IF('Standard Profiles'!$G$19=$B$24,21,0),0)),0)</f>
        <v>0</v>
      </c>
      <c r="F4570" cm="1">
        <f t="array" ref="F4570">IFERROR(INDEX(Jesper!AJ$2:AJ$366,ROUNDDOWN($C4570/24,0)+1,1)*INDEX($D$3:$AA$30,INDEX(Jesper!$R$2:$R$366,ROW(INDEX(Jesper!AJ$2:AJ$366,ROUNDDOWN($C4570/24,0)+1,1))-1)+IF('Standard Profiles'!$G$20=$B$10,7,0)+IF('Standard Profiles'!$G$20=$B$17,14,0)+IF('Standard Profiles'!$G$20=$B$24,21,0),MOD($C4570,24)+1)/SUM(INDEX($D$3:$AA$30,INDEX(Jesper!$R$2:$R$366,ROW(INDEX(Jesper!AJ$2:AJ$366,ROUNDDOWN($C4570/24,0)+1,1))-1)+IF('Standard Profiles'!$G$20=$B$10,7,0)+IF('Standard Profiles'!$G$20=$B$17,14,0)+IF('Standard Profiles'!$G$20=$B$24,21,0),0)),0)</f>
        <v>0</v>
      </c>
      <c r="G4570" cm="1">
        <f t="array" ref="G4570">IFERROR(INDEX(Jesper!AK$2:AK$366,ROUNDDOWN($C4570/24,0)+1,1)*INDEX($D$3:$AA$30,INDEX(Jesper!$R$2:$R$366,ROW(INDEX(Jesper!AK$2:AK$366,ROUNDDOWN($C4570/24,0)+1,1))-1)+IF('Standard Profiles'!$G$21=$B$10,7,0)+IF('Standard Profiles'!$G$21=$B$17,14,0)+IF('Standard Profiles'!$G$21=$B$24,21,0),MOD($C4570,24)+1)/SUM(INDEX($D$3:$AA$30,INDEX(Jesper!$R$2:$R$366,ROW(INDEX(Jesper!AK$2:AK$366,ROUNDDOWN($C4570/24,0)+1,1))-1)+IF('Standard Profiles'!$G$21=$B$10,7,0)+IF('Standard Profiles'!$G$21=$B$17,14,0)+IF('Standard Profiles'!$G$21=$B$24,21,0),0)),0)</f>
        <v>0</v>
      </c>
      <c r="H4570" cm="1">
        <f t="array" ref="H4570">IFERROR(INDEX(Jesper!AL$2:AL$366,ROUNDDOWN($C4570/24,0)+1,1)*INDEX($D$3:$AA$30,INDEX(Jesper!$R$2:$R$366,ROW(INDEX(Jesper!AL$2:AL$366,ROUNDDOWN($C4570/24,0)+1,1))-1)+IF('Standard Profiles'!$G$22=$B$10,7,0)+IF('Standard Profiles'!$G$22=$B$17,14,0)+IF('Standard Profiles'!$G$22=$B$24,21,0),MOD($C4570,24)+1)/SUM(INDEX($D$3:$AA$30,INDEX(Jesper!$R$2:$R$366,ROW(INDEX(Jesper!AL$2:AL$366,ROUNDDOWN($C4570/24,0)+1,1))-1)+IF('Standard Profiles'!$G$22=$B$10,7,0)+IF('Standard Profiles'!$G$22=$B$17,14,0)+IF('Standard Profiles'!$G$22=$B$24,21,0),0)),0)</f>
        <v>0</v>
      </c>
      <c r="I4570">
        <f t="shared" si="510"/>
        <v>6.848758960657185E-2</v>
      </c>
      <c r="J4570">
        <f t="shared" si="511"/>
        <v>0.22829196535523952</v>
      </c>
      <c r="K4570">
        <f t="shared" si="512"/>
        <v>0.34243794803285926</v>
      </c>
      <c r="L4570">
        <f t="shared" si="513"/>
        <v>1.6437021505577243</v>
      </c>
      <c r="M4570">
        <f t="shared" si="514"/>
        <v>0</v>
      </c>
      <c r="N4570" s="46">
        <f t="shared" si="515"/>
        <v>45480.999999988999</v>
      </c>
    </row>
    <row r="4571" spans="2:14" x14ac:dyDescent="0.3">
      <c r="B4571">
        <f t="shared" si="509"/>
        <v>1</v>
      </c>
      <c r="C4571" s="16">
        <v>4537</v>
      </c>
      <c r="D4571" cm="1">
        <f t="array" ref="D4571">IFERROR(INDEX(Jesper!AH$2:AH$366,ROUNDDOWN($C4571/24,0)+1,1)*INDEX($D$3:$AA$30,INDEX(Jesper!$R$2:$R$366,ROW(INDEX(Jesper!AH$2:AH$366,ROUNDDOWN($C4571/24,0)+1,1))-1)+IF('Standard Profiles'!$G$18=$B$10,7,0)+IF('Standard Profiles'!$G$18=$B$17,14,0)+IF('Standard Profiles'!$G$18=$B$24,21,0),MOD($C4571,24)+1)/SUM(INDEX($D$3:$AA$30,INDEX(Jesper!$R$2:$R$366,ROW(INDEX(Jesper!AH$2:AH$366,ROUNDDOWN($C4571/24,0)+1,1))-1)+IF('Standard Profiles'!$G$18=$B$10,7,0)+IF('Standard Profiles'!$G$18=$B$17,14,0)+IF('Standard Profiles'!$G$18=$B$24,21,0),0)),0)</f>
        <v>2.282919653552395</v>
      </c>
      <c r="E4571" cm="1">
        <f t="array" ref="E4571">IFERROR(INDEX(Jesper!AI$2:AI$366,ROUNDDOWN($C4571/24,0)+1,1)*INDEX($D$3:$AA$30,INDEX(Jesper!$R$2:$R$366,ROW(INDEX(Jesper!AI$2:AI$366,ROUNDDOWN($C4571/24,0)+1,1))-1)+IF('Standard Profiles'!$G$19=$B$10,7,0)+IF('Standard Profiles'!$G$19=$B$17,14,0)+IF('Standard Profiles'!$G$19=$B$24,21,0),MOD($C4571,24)+1)/SUM(INDEX($D$3:$AA$30,INDEX(Jesper!$R$2:$R$366,ROW(INDEX(Jesper!AI$2:AI$366,ROUNDDOWN($C4571/24,0)+1,1))-1)+IF('Standard Profiles'!$G$19=$B$10,7,0)+IF('Standard Profiles'!$G$19=$B$17,14,0)+IF('Standard Profiles'!$G$19=$B$24,21,0),0)),0)</f>
        <v>0</v>
      </c>
      <c r="F4571" cm="1">
        <f t="array" ref="F4571">IFERROR(INDEX(Jesper!AJ$2:AJ$366,ROUNDDOWN($C4571/24,0)+1,1)*INDEX($D$3:$AA$30,INDEX(Jesper!$R$2:$R$366,ROW(INDEX(Jesper!AJ$2:AJ$366,ROUNDDOWN($C4571/24,0)+1,1))-1)+IF('Standard Profiles'!$G$20=$B$10,7,0)+IF('Standard Profiles'!$G$20=$B$17,14,0)+IF('Standard Profiles'!$G$20=$B$24,21,0),MOD($C4571,24)+1)/SUM(INDEX($D$3:$AA$30,INDEX(Jesper!$R$2:$R$366,ROW(INDEX(Jesper!AJ$2:AJ$366,ROUNDDOWN($C4571/24,0)+1,1))-1)+IF('Standard Profiles'!$G$20=$B$10,7,0)+IF('Standard Profiles'!$G$20=$B$17,14,0)+IF('Standard Profiles'!$G$20=$B$24,21,0),0)),0)</f>
        <v>0</v>
      </c>
      <c r="G4571" cm="1">
        <f t="array" ref="G4571">IFERROR(INDEX(Jesper!AK$2:AK$366,ROUNDDOWN($C4571/24,0)+1,1)*INDEX($D$3:$AA$30,INDEX(Jesper!$R$2:$R$366,ROW(INDEX(Jesper!AK$2:AK$366,ROUNDDOWN($C4571/24,0)+1,1))-1)+IF('Standard Profiles'!$G$21=$B$10,7,0)+IF('Standard Profiles'!$G$21=$B$17,14,0)+IF('Standard Profiles'!$G$21=$B$24,21,0),MOD($C4571,24)+1)/SUM(INDEX($D$3:$AA$30,INDEX(Jesper!$R$2:$R$366,ROW(INDEX(Jesper!AK$2:AK$366,ROUNDDOWN($C4571/24,0)+1,1))-1)+IF('Standard Profiles'!$G$21=$B$10,7,0)+IF('Standard Profiles'!$G$21=$B$17,14,0)+IF('Standard Profiles'!$G$21=$B$24,21,0),0)),0)</f>
        <v>0</v>
      </c>
      <c r="H4571" cm="1">
        <f t="array" ref="H4571">IFERROR(INDEX(Jesper!AL$2:AL$366,ROUNDDOWN($C4571/24,0)+1,1)*INDEX($D$3:$AA$30,INDEX(Jesper!$R$2:$R$366,ROW(INDEX(Jesper!AL$2:AL$366,ROUNDDOWN($C4571/24,0)+1,1))-1)+IF('Standard Profiles'!$G$22=$B$10,7,0)+IF('Standard Profiles'!$G$22=$B$17,14,0)+IF('Standard Profiles'!$G$22=$B$24,21,0),MOD($C4571,24)+1)/SUM(INDEX($D$3:$AA$30,INDEX(Jesper!$R$2:$R$366,ROW(INDEX(Jesper!AL$2:AL$366,ROUNDDOWN($C4571/24,0)+1,1))-1)+IF('Standard Profiles'!$G$22=$B$10,7,0)+IF('Standard Profiles'!$G$22=$B$17,14,0)+IF('Standard Profiles'!$G$22=$B$24,21,0),0)),0)</f>
        <v>0</v>
      </c>
      <c r="I4571">
        <f t="shared" si="510"/>
        <v>6.848758960657185E-2</v>
      </c>
      <c r="J4571">
        <f t="shared" si="511"/>
        <v>0.22829196535523952</v>
      </c>
      <c r="K4571">
        <f t="shared" si="512"/>
        <v>0.34243794803285926</v>
      </c>
      <c r="L4571">
        <f t="shared" si="513"/>
        <v>1.6437021505577243</v>
      </c>
      <c r="M4571">
        <f t="shared" si="514"/>
        <v>0</v>
      </c>
      <c r="N4571" s="46">
        <f t="shared" si="515"/>
        <v>45481.041666655663</v>
      </c>
    </row>
    <row r="4572" spans="2:14" x14ac:dyDescent="0.3">
      <c r="B4572">
        <f t="shared" si="509"/>
        <v>1</v>
      </c>
      <c r="C4572" s="16">
        <v>4538</v>
      </c>
      <c r="D4572" cm="1">
        <f t="array" ref="D4572">IFERROR(INDEX(Jesper!AH$2:AH$366,ROUNDDOWN($C4572/24,0)+1,1)*INDEX($D$3:$AA$30,INDEX(Jesper!$R$2:$R$366,ROW(INDEX(Jesper!AH$2:AH$366,ROUNDDOWN($C4572/24,0)+1,1))-1)+IF('Standard Profiles'!$G$18=$B$10,7,0)+IF('Standard Profiles'!$G$18=$B$17,14,0)+IF('Standard Profiles'!$G$18=$B$24,21,0),MOD($C4572,24)+1)/SUM(INDEX($D$3:$AA$30,INDEX(Jesper!$R$2:$R$366,ROW(INDEX(Jesper!AH$2:AH$366,ROUNDDOWN($C4572/24,0)+1,1))-1)+IF('Standard Profiles'!$G$18=$B$10,7,0)+IF('Standard Profiles'!$G$18=$B$17,14,0)+IF('Standard Profiles'!$G$18=$B$24,21,0),0)),0)</f>
        <v>2.282919653552395</v>
      </c>
      <c r="E4572" cm="1">
        <f t="array" ref="E4572">IFERROR(INDEX(Jesper!AI$2:AI$366,ROUNDDOWN($C4572/24,0)+1,1)*INDEX($D$3:$AA$30,INDEX(Jesper!$R$2:$R$366,ROW(INDEX(Jesper!AI$2:AI$366,ROUNDDOWN($C4572/24,0)+1,1))-1)+IF('Standard Profiles'!$G$19=$B$10,7,0)+IF('Standard Profiles'!$G$19=$B$17,14,0)+IF('Standard Profiles'!$G$19=$B$24,21,0),MOD($C4572,24)+1)/SUM(INDEX($D$3:$AA$30,INDEX(Jesper!$R$2:$R$366,ROW(INDEX(Jesper!AI$2:AI$366,ROUNDDOWN($C4572/24,0)+1,1))-1)+IF('Standard Profiles'!$G$19=$B$10,7,0)+IF('Standard Profiles'!$G$19=$B$17,14,0)+IF('Standard Profiles'!$G$19=$B$24,21,0),0)),0)</f>
        <v>0</v>
      </c>
      <c r="F4572" cm="1">
        <f t="array" ref="F4572">IFERROR(INDEX(Jesper!AJ$2:AJ$366,ROUNDDOWN($C4572/24,0)+1,1)*INDEX($D$3:$AA$30,INDEX(Jesper!$R$2:$R$366,ROW(INDEX(Jesper!AJ$2:AJ$366,ROUNDDOWN($C4572/24,0)+1,1))-1)+IF('Standard Profiles'!$G$20=$B$10,7,0)+IF('Standard Profiles'!$G$20=$B$17,14,0)+IF('Standard Profiles'!$G$20=$B$24,21,0),MOD($C4572,24)+1)/SUM(INDEX($D$3:$AA$30,INDEX(Jesper!$R$2:$R$366,ROW(INDEX(Jesper!AJ$2:AJ$366,ROUNDDOWN($C4572/24,0)+1,1))-1)+IF('Standard Profiles'!$G$20=$B$10,7,0)+IF('Standard Profiles'!$G$20=$B$17,14,0)+IF('Standard Profiles'!$G$20=$B$24,21,0),0)),0)</f>
        <v>0</v>
      </c>
      <c r="G4572" cm="1">
        <f t="array" ref="G4572">IFERROR(INDEX(Jesper!AK$2:AK$366,ROUNDDOWN($C4572/24,0)+1,1)*INDEX($D$3:$AA$30,INDEX(Jesper!$R$2:$R$366,ROW(INDEX(Jesper!AK$2:AK$366,ROUNDDOWN($C4572/24,0)+1,1))-1)+IF('Standard Profiles'!$G$21=$B$10,7,0)+IF('Standard Profiles'!$G$21=$B$17,14,0)+IF('Standard Profiles'!$G$21=$B$24,21,0),MOD($C4572,24)+1)/SUM(INDEX($D$3:$AA$30,INDEX(Jesper!$R$2:$R$366,ROW(INDEX(Jesper!AK$2:AK$366,ROUNDDOWN($C4572/24,0)+1,1))-1)+IF('Standard Profiles'!$G$21=$B$10,7,0)+IF('Standard Profiles'!$G$21=$B$17,14,0)+IF('Standard Profiles'!$G$21=$B$24,21,0),0)),0)</f>
        <v>0</v>
      </c>
      <c r="H4572" cm="1">
        <f t="array" ref="H4572">IFERROR(INDEX(Jesper!AL$2:AL$366,ROUNDDOWN($C4572/24,0)+1,1)*INDEX($D$3:$AA$30,INDEX(Jesper!$R$2:$R$366,ROW(INDEX(Jesper!AL$2:AL$366,ROUNDDOWN($C4572/24,0)+1,1))-1)+IF('Standard Profiles'!$G$22=$B$10,7,0)+IF('Standard Profiles'!$G$22=$B$17,14,0)+IF('Standard Profiles'!$G$22=$B$24,21,0),MOD($C4572,24)+1)/SUM(INDEX($D$3:$AA$30,INDEX(Jesper!$R$2:$R$366,ROW(INDEX(Jesper!AL$2:AL$366,ROUNDDOWN($C4572/24,0)+1,1))-1)+IF('Standard Profiles'!$G$22=$B$10,7,0)+IF('Standard Profiles'!$G$22=$B$17,14,0)+IF('Standard Profiles'!$G$22=$B$24,21,0),0)),0)</f>
        <v>0</v>
      </c>
      <c r="I4572">
        <f t="shared" si="510"/>
        <v>6.848758960657185E-2</v>
      </c>
      <c r="J4572">
        <f t="shared" si="511"/>
        <v>0.22829196535523952</v>
      </c>
      <c r="K4572">
        <f t="shared" si="512"/>
        <v>0.34243794803285926</v>
      </c>
      <c r="L4572">
        <f t="shared" si="513"/>
        <v>1.6437021505577243</v>
      </c>
      <c r="M4572">
        <f t="shared" si="514"/>
        <v>0</v>
      </c>
      <c r="N4572" s="46">
        <f t="shared" si="515"/>
        <v>45481.083333322327</v>
      </c>
    </row>
    <row r="4573" spans="2:14" x14ac:dyDescent="0.3">
      <c r="B4573">
        <f t="shared" si="509"/>
        <v>1</v>
      </c>
      <c r="C4573" s="16">
        <v>4539</v>
      </c>
      <c r="D4573" cm="1">
        <f t="array" ref="D4573">IFERROR(INDEX(Jesper!AH$2:AH$366,ROUNDDOWN($C4573/24,0)+1,1)*INDEX($D$3:$AA$30,INDEX(Jesper!$R$2:$R$366,ROW(INDEX(Jesper!AH$2:AH$366,ROUNDDOWN($C4573/24,0)+1,1))-1)+IF('Standard Profiles'!$G$18=$B$10,7,0)+IF('Standard Profiles'!$G$18=$B$17,14,0)+IF('Standard Profiles'!$G$18=$B$24,21,0),MOD($C4573,24)+1)/SUM(INDEX($D$3:$AA$30,INDEX(Jesper!$R$2:$R$366,ROW(INDEX(Jesper!AH$2:AH$366,ROUNDDOWN($C4573/24,0)+1,1))-1)+IF('Standard Profiles'!$G$18=$B$10,7,0)+IF('Standard Profiles'!$G$18=$B$17,14,0)+IF('Standard Profiles'!$G$18=$B$24,21,0),0)),0)</f>
        <v>2.282919653552395</v>
      </c>
      <c r="E4573" cm="1">
        <f t="array" ref="E4573">IFERROR(INDEX(Jesper!AI$2:AI$366,ROUNDDOWN($C4573/24,0)+1,1)*INDEX($D$3:$AA$30,INDEX(Jesper!$R$2:$R$366,ROW(INDEX(Jesper!AI$2:AI$366,ROUNDDOWN($C4573/24,0)+1,1))-1)+IF('Standard Profiles'!$G$19=$B$10,7,0)+IF('Standard Profiles'!$G$19=$B$17,14,0)+IF('Standard Profiles'!$G$19=$B$24,21,0),MOD($C4573,24)+1)/SUM(INDEX($D$3:$AA$30,INDEX(Jesper!$R$2:$R$366,ROW(INDEX(Jesper!AI$2:AI$366,ROUNDDOWN($C4573/24,0)+1,1))-1)+IF('Standard Profiles'!$G$19=$B$10,7,0)+IF('Standard Profiles'!$G$19=$B$17,14,0)+IF('Standard Profiles'!$G$19=$B$24,21,0),0)),0)</f>
        <v>0</v>
      </c>
      <c r="F4573" cm="1">
        <f t="array" ref="F4573">IFERROR(INDEX(Jesper!AJ$2:AJ$366,ROUNDDOWN($C4573/24,0)+1,1)*INDEX($D$3:$AA$30,INDEX(Jesper!$R$2:$R$366,ROW(INDEX(Jesper!AJ$2:AJ$366,ROUNDDOWN($C4573/24,0)+1,1))-1)+IF('Standard Profiles'!$G$20=$B$10,7,0)+IF('Standard Profiles'!$G$20=$B$17,14,0)+IF('Standard Profiles'!$G$20=$B$24,21,0),MOD($C4573,24)+1)/SUM(INDEX($D$3:$AA$30,INDEX(Jesper!$R$2:$R$366,ROW(INDEX(Jesper!AJ$2:AJ$366,ROUNDDOWN($C4573/24,0)+1,1))-1)+IF('Standard Profiles'!$G$20=$B$10,7,0)+IF('Standard Profiles'!$G$20=$B$17,14,0)+IF('Standard Profiles'!$G$20=$B$24,21,0),0)),0)</f>
        <v>0</v>
      </c>
      <c r="G4573" cm="1">
        <f t="array" ref="G4573">IFERROR(INDEX(Jesper!AK$2:AK$366,ROUNDDOWN($C4573/24,0)+1,1)*INDEX($D$3:$AA$30,INDEX(Jesper!$R$2:$R$366,ROW(INDEX(Jesper!AK$2:AK$366,ROUNDDOWN($C4573/24,0)+1,1))-1)+IF('Standard Profiles'!$G$21=$B$10,7,0)+IF('Standard Profiles'!$G$21=$B$17,14,0)+IF('Standard Profiles'!$G$21=$B$24,21,0),MOD($C4573,24)+1)/SUM(INDEX($D$3:$AA$30,INDEX(Jesper!$R$2:$R$366,ROW(INDEX(Jesper!AK$2:AK$366,ROUNDDOWN($C4573/24,0)+1,1))-1)+IF('Standard Profiles'!$G$21=$B$10,7,0)+IF('Standard Profiles'!$G$21=$B$17,14,0)+IF('Standard Profiles'!$G$21=$B$24,21,0),0)),0)</f>
        <v>0</v>
      </c>
      <c r="H4573" cm="1">
        <f t="array" ref="H4573">IFERROR(INDEX(Jesper!AL$2:AL$366,ROUNDDOWN($C4573/24,0)+1,1)*INDEX($D$3:$AA$30,INDEX(Jesper!$R$2:$R$366,ROW(INDEX(Jesper!AL$2:AL$366,ROUNDDOWN($C4573/24,0)+1,1))-1)+IF('Standard Profiles'!$G$22=$B$10,7,0)+IF('Standard Profiles'!$G$22=$B$17,14,0)+IF('Standard Profiles'!$G$22=$B$24,21,0),MOD($C4573,24)+1)/SUM(INDEX($D$3:$AA$30,INDEX(Jesper!$R$2:$R$366,ROW(INDEX(Jesper!AL$2:AL$366,ROUNDDOWN($C4573/24,0)+1,1))-1)+IF('Standard Profiles'!$G$22=$B$10,7,0)+IF('Standard Profiles'!$G$22=$B$17,14,0)+IF('Standard Profiles'!$G$22=$B$24,21,0),0)),0)</f>
        <v>0</v>
      </c>
      <c r="I4573">
        <f t="shared" si="510"/>
        <v>6.848758960657185E-2</v>
      </c>
      <c r="J4573">
        <f t="shared" si="511"/>
        <v>0.22829196535523952</v>
      </c>
      <c r="K4573">
        <f t="shared" si="512"/>
        <v>0.34243794803285926</v>
      </c>
      <c r="L4573">
        <f t="shared" si="513"/>
        <v>1.6437021505577243</v>
      </c>
      <c r="M4573">
        <f t="shared" si="514"/>
        <v>0</v>
      </c>
      <c r="N4573" s="46">
        <f t="shared" si="515"/>
        <v>45481.124999988991</v>
      </c>
    </row>
    <row r="4574" spans="2:14" x14ac:dyDescent="0.3">
      <c r="B4574">
        <f t="shared" si="509"/>
        <v>1</v>
      </c>
      <c r="C4574" s="16">
        <v>4540</v>
      </c>
      <c r="D4574" cm="1">
        <f t="array" ref="D4574">IFERROR(INDEX(Jesper!AH$2:AH$366,ROUNDDOWN($C4574/24,0)+1,1)*INDEX($D$3:$AA$30,INDEX(Jesper!$R$2:$R$366,ROW(INDEX(Jesper!AH$2:AH$366,ROUNDDOWN($C4574/24,0)+1,1))-1)+IF('Standard Profiles'!$G$18=$B$10,7,0)+IF('Standard Profiles'!$G$18=$B$17,14,0)+IF('Standard Profiles'!$G$18=$B$24,21,0),MOD($C4574,24)+1)/SUM(INDEX($D$3:$AA$30,INDEX(Jesper!$R$2:$R$366,ROW(INDEX(Jesper!AH$2:AH$366,ROUNDDOWN($C4574/24,0)+1,1))-1)+IF('Standard Profiles'!$G$18=$B$10,7,0)+IF('Standard Profiles'!$G$18=$B$17,14,0)+IF('Standard Profiles'!$G$18=$B$24,21,0),0)),0)</f>
        <v>2.282919653552395</v>
      </c>
      <c r="E4574" cm="1">
        <f t="array" ref="E4574">IFERROR(INDEX(Jesper!AI$2:AI$366,ROUNDDOWN($C4574/24,0)+1,1)*INDEX($D$3:$AA$30,INDEX(Jesper!$R$2:$R$366,ROW(INDEX(Jesper!AI$2:AI$366,ROUNDDOWN($C4574/24,0)+1,1))-1)+IF('Standard Profiles'!$G$19=$B$10,7,0)+IF('Standard Profiles'!$G$19=$B$17,14,0)+IF('Standard Profiles'!$G$19=$B$24,21,0),MOD($C4574,24)+1)/SUM(INDEX($D$3:$AA$30,INDEX(Jesper!$R$2:$R$366,ROW(INDEX(Jesper!AI$2:AI$366,ROUNDDOWN($C4574/24,0)+1,1))-1)+IF('Standard Profiles'!$G$19=$B$10,7,0)+IF('Standard Profiles'!$G$19=$B$17,14,0)+IF('Standard Profiles'!$G$19=$B$24,21,0),0)),0)</f>
        <v>0</v>
      </c>
      <c r="F4574" cm="1">
        <f t="array" ref="F4574">IFERROR(INDEX(Jesper!AJ$2:AJ$366,ROUNDDOWN($C4574/24,0)+1,1)*INDEX($D$3:$AA$30,INDEX(Jesper!$R$2:$R$366,ROW(INDEX(Jesper!AJ$2:AJ$366,ROUNDDOWN($C4574/24,0)+1,1))-1)+IF('Standard Profiles'!$G$20=$B$10,7,0)+IF('Standard Profiles'!$G$20=$B$17,14,0)+IF('Standard Profiles'!$G$20=$B$24,21,0),MOD($C4574,24)+1)/SUM(INDEX($D$3:$AA$30,INDEX(Jesper!$R$2:$R$366,ROW(INDEX(Jesper!AJ$2:AJ$366,ROUNDDOWN($C4574/24,0)+1,1))-1)+IF('Standard Profiles'!$G$20=$B$10,7,0)+IF('Standard Profiles'!$G$20=$B$17,14,0)+IF('Standard Profiles'!$G$20=$B$24,21,0),0)),0)</f>
        <v>0</v>
      </c>
      <c r="G4574" cm="1">
        <f t="array" ref="G4574">IFERROR(INDEX(Jesper!AK$2:AK$366,ROUNDDOWN($C4574/24,0)+1,1)*INDEX($D$3:$AA$30,INDEX(Jesper!$R$2:$R$366,ROW(INDEX(Jesper!AK$2:AK$366,ROUNDDOWN($C4574/24,0)+1,1))-1)+IF('Standard Profiles'!$G$21=$B$10,7,0)+IF('Standard Profiles'!$G$21=$B$17,14,0)+IF('Standard Profiles'!$G$21=$B$24,21,0),MOD($C4574,24)+1)/SUM(INDEX($D$3:$AA$30,INDEX(Jesper!$R$2:$R$366,ROW(INDEX(Jesper!AK$2:AK$366,ROUNDDOWN($C4574/24,0)+1,1))-1)+IF('Standard Profiles'!$G$21=$B$10,7,0)+IF('Standard Profiles'!$G$21=$B$17,14,0)+IF('Standard Profiles'!$G$21=$B$24,21,0),0)),0)</f>
        <v>0</v>
      </c>
      <c r="H4574" cm="1">
        <f t="array" ref="H4574">IFERROR(INDEX(Jesper!AL$2:AL$366,ROUNDDOWN($C4574/24,0)+1,1)*INDEX($D$3:$AA$30,INDEX(Jesper!$R$2:$R$366,ROW(INDEX(Jesper!AL$2:AL$366,ROUNDDOWN($C4574/24,0)+1,1))-1)+IF('Standard Profiles'!$G$22=$B$10,7,0)+IF('Standard Profiles'!$G$22=$B$17,14,0)+IF('Standard Profiles'!$G$22=$B$24,21,0),MOD($C4574,24)+1)/SUM(INDEX($D$3:$AA$30,INDEX(Jesper!$R$2:$R$366,ROW(INDEX(Jesper!AL$2:AL$366,ROUNDDOWN($C4574/24,0)+1,1))-1)+IF('Standard Profiles'!$G$22=$B$10,7,0)+IF('Standard Profiles'!$G$22=$B$17,14,0)+IF('Standard Profiles'!$G$22=$B$24,21,0),0)),0)</f>
        <v>0</v>
      </c>
      <c r="I4574">
        <f t="shared" si="510"/>
        <v>6.848758960657185E-2</v>
      </c>
      <c r="J4574">
        <f t="shared" si="511"/>
        <v>0.22829196535523952</v>
      </c>
      <c r="K4574">
        <f t="shared" si="512"/>
        <v>0.34243794803285926</v>
      </c>
      <c r="L4574">
        <f t="shared" si="513"/>
        <v>1.6437021505577243</v>
      </c>
      <c r="M4574">
        <f t="shared" si="514"/>
        <v>0</v>
      </c>
      <c r="N4574" s="46">
        <f t="shared" si="515"/>
        <v>45481.166666655656</v>
      </c>
    </row>
    <row r="4575" spans="2:14" x14ac:dyDescent="0.3">
      <c r="B4575">
        <f t="shared" si="509"/>
        <v>1</v>
      </c>
      <c r="C4575" s="16">
        <v>4541</v>
      </c>
      <c r="D4575" cm="1">
        <f t="array" ref="D4575">IFERROR(INDEX(Jesper!AH$2:AH$366,ROUNDDOWN($C4575/24,0)+1,1)*INDEX($D$3:$AA$30,INDEX(Jesper!$R$2:$R$366,ROW(INDEX(Jesper!AH$2:AH$366,ROUNDDOWN($C4575/24,0)+1,1))-1)+IF('Standard Profiles'!$G$18=$B$10,7,0)+IF('Standard Profiles'!$G$18=$B$17,14,0)+IF('Standard Profiles'!$G$18=$B$24,21,0),MOD($C4575,24)+1)/SUM(INDEX($D$3:$AA$30,INDEX(Jesper!$R$2:$R$366,ROW(INDEX(Jesper!AH$2:AH$366,ROUNDDOWN($C4575/24,0)+1,1))-1)+IF('Standard Profiles'!$G$18=$B$10,7,0)+IF('Standard Profiles'!$G$18=$B$17,14,0)+IF('Standard Profiles'!$G$18=$B$24,21,0),0)),0)</f>
        <v>9.8926518320603787</v>
      </c>
      <c r="E4575" cm="1">
        <f t="array" ref="E4575">IFERROR(INDEX(Jesper!AI$2:AI$366,ROUNDDOWN($C4575/24,0)+1,1)*INDEX($D$3:$AA$30,INDEX(Jesper!$R$2:$R$366,ROW(INDEX(Jesper!AI$2:AI$366,ROUNDDOWN($C4575/24,0)+1,1))-1)+IF('Standard Profiles'!$G$19=$B$10,7,0)+IF('Standard Profiles'!$G$19=$B$17,14,0)+IF('Standard Profiles'!$G$19=$B$24,21,0),MOD($C4575,24)+1)/SUM(INDEX($D$3:$AA$30,INDEX(Jesper!$R$2:$R$366,ROW(INDEX(Jesper!AI$2:AI$366,ROUNDDOWN($C4575/24,0)+1,1))-1)+IF('Standard Profiles'!$G$19=$B$10,7,0)+IF('Standard Profiles'!$G$19=$B$17,14,0)+IF('Standard Profiles'!$G$19=$B$24,21,0),0)),0)</f>
        <v>0</v>
      </c>
      <c r="F4575" cm="1">
        <f t="array" ref="F4575">IFERROR(INDEX(Jesper!AJ$2:AJ$366,ROUNDDOWN($C4575/24,0)+1,1)*INDEX($D$3:$AA$30,INDEX(Jesper!$R$2:$R$366,ROW(INDEX(Jesper!AJ$2:AJ$366,ROUNDDOWN($C4575/24,0)+1,1))-1)+IF('Standard Profiles'!$G$20=$B$10,7,0)+IF('Standard Profiles'!$G$20=$B$17,14,0)+IF('Standard Profiles'!$G$20=$B$24,21,0),MOD($C4575,24)+1)/SUM(INDEX($D$3:$AA$30,INDEX(Jesper!$R$2:$R$366,ROW(INDEX(Jesper!AJ$2:AJ$366,ROUNDDOWN($C4575/24,0)+1,1))-1)+IF('Standard Profiles'!$G$20=$B$10,7,0)+IF('Standard Profiles'!$G$20=$B$17,14,0)+IF('Standard Profiles'!$G$20=$B$24,21,0),0)),0)</f>
        <v>0</v>
      </c>
      <c r="G4575" cm="1">
        <f t="array" ref="G4575">IFERROR(INDEX(Jesper!AK$2:AK$366,ROUNDDOWN($C4575/24,0)+1,1)*INDEX($D$3:$AA$30,INDEX(Jesper!$R$2:$R$366,ROW(INDEX(Jesper!AK$2:AK$366,ROUNDDOWN($C4575/24,0)+1,1))-1)+IF('Standard Profiles'!$G$21=$B$10,7,0)+IF('Standard Profiles'!$G$21=$B$17,14,0)+IF('Standard Profiles'!$G$21=$B$24,21,0),MOD($C4575,24)+1)/SUM(INDEX($D$3:$AA$30,INDEX(Jesper!$R$2:$R$366,ROW(INDEX(Jesper!AK$2:AK$366,ROUNDDOWN($C4575/24,0)+1,1))-1)+IF('Standard Profiles'!$G$21=$B$10,7,0)+IF('Standard Profiles'!$G$21=$B$17,14,0)+IF('Standard Profiles'!$G$21=$B$24,21,0),0)),0)</f>
        <v>0</v>
      </c>
      <c r="H4575" cm="1">
        <f t="array" ref="H4575">IFERROR(INDEX(Jesper!AL$2:AL$366,ROUNDDOWN($C4575/24,0)+1,1)*INDEX($D$3:$AA$30,INDEX(Jesper!$R$2:$R$366,ROW(INDEX(Jesper!AL$2:AL$366,ROUNDDOWN($C4575/24,0)+1,1))-1)+IF('Standard Profiles'!$G$22=$B$10,7,0)+IF('Standard Profiles'!$G$22=$B$17,14,0)+IF('Standard Profiles'!$G$22=$B$24,21,0),MOD($C4575,24)+1)/SUM(INDEX($D$3:$AA$30,INDEX(Jesper!$R$2:$R$366,ROW(INDEX(Jesper!AL$2:AL$366,ROUNDDOWN($C4575/24,0)+1,1))-1)+IF('Standard Profiles'!$G$22=$B$10,7,0)+IF('Standard Profiles'!$G$22=$B$17,14,0)+IF('Standard Profiles'!$G$22=$B$24,21,0),0)),0)</f>
        <v>0</v>
      </c>
      <c r="I4575">
        <f t="shared" si="510"/>
        <v>0.29677955496181135</v>
      </c>
      <c r="J4575">
        <f t="shared" si="511"/>
        <v>0.98926518320603796</v>
      </c>
      <c r="K4575">
        <f t="shared" si="512"/>
        <v>1.4838977748090567</v>
      </c>
      <c r="L4575">
        <f t="shared" si="513"/>
        <v>7.122709319083472</v>
      </c>
      <c r="M4575">
        <f t="shared" si="514"/>
        <v>0</v>
      </c>
      <c r="N4575" s="46">
        <f t="shared" si="515"/>
        <v>45481.20833332232</v>
      </c>
    </row>
    <row r="4576" spans="2:14" x14ac:dyDescent="0.3">
      <c r="B4576">
        <f t="shared" si="509"/>
        <v>1</v>
      </c>
      <c r="C4576" s="16">
        <v>4542</v>
      </c>
      <c r="D4576" cm="1">
        <f t="array" ref="D4576">IFERROR(INDEX(Jesper!AH$2:AH$366,ROUNDDOWN($C4576/24,0)+1,1)*INDEX($D$3:$AA$30,INDEX(Jesper!$R$2:$R$366,ROW(INDEX(Jesper!AH$2:AH$366,ROUNDDOWN($C4576/24,0)+1,1))-1)+IF('Standard Profiles'!$G$18=$B$10,7,0)+IF('Standard Profiles'!$G$18=$B$17,14,0)+IF('Standard Profiles'!$G$18=$B$24,21,0),MOD($C4576,24)+1)/SUM(INDEX($D$3:$AA$30,INDEX(Jesper!$R$2:$R$366,ROW(INDEX(Jesper!AH$2:AH$366,ROUNDDOWN($C4576/24,0)+1,1))-1)+IF('Standard Profiles'!$G$18=$B$10,7,0)+IF('Standard Profiles'!$G$18=$B$17,14,0)+IF('Standard Profiles'!$G$18=$B$24,21,0),0)),0)</f>
        <v>11.224354963299277</v>
      </c>
      <c r="E4576" cm="1">
        <f t="array" ref="E4576">IFERROR(INDEX(Jesper!AI$2:AI$366,ROUNDDOWN($C4576/24,0)+1,1)*INDEX($D$3:$AA$30,INDEX(Jesper!$R$2:$R$366,ROW(INDEX(Jesper!AI$2:AI$366,ROUNDDOWN($C4576/24,0)+1,1))-1)+IF('Standard Profiles'!$G$19=$B$10,7,0)+IF('Standard Profiles'!$G$19=$B$17,14,0)+IF('Standard Profiles'!$G$19=$B$24,21,0),MOD($C4576,24)+1)/SUM(INDEX($D$3:$AA$30,INDEX(Jesper!$R$2:$R$366,ROW(INDEX(Jesper!AI$2:AI$366,ROUNDDOWN($C4576/24,0)+1,1))-1)+IF('Standard Profiles'!$G$19=$B$10,7,0)+IF('Standard Profiles'!$G$19=$B$17,14,0)+IF('Standard Profiles'!$G$19=$B$24,21,0),0)),0)</f>
        <v>0</v>
      </c>
      <c r="F4576" cm="1">
        <f t="array" ref="F4576">IFERROR(INDEX(Jesper!AJ$2:AJ$366,ROUNDDOWN($C4576/24,0)+1,1)*INDEX($D$3:$AA$30,INDEX(Jesper!$R$2:$R$366,ROW(INDEX(Jesper!AJ$2:AJ$366,ROUNDDOWN($C4576/24,0)+1,1))-1)+IF('Standard Profiles'!$G$20=$B$10,7,0)+IF('Standard Profiles'!$G$20=$B$17,14,0)+IF('Standard Profiles'!$G$20=$B$24,21,0),MOD($C4576,24)+1)/SUM(INDEX($D$3:$AA$30,INDEX(Jesper!$R$2:$R$366,ROW(INDEX(Jesper!AJ$2:AJ$366,ROUNDDOWN($C4576/24,0)+1,1))-1)+IF('Standard Profiles'!$G$20=$B$10,7,0)+IF('Standard Profiles'!$G$20=$B$17,14,0)+IF('Standard Profiles'!$G$20=$B$24,21,0),0)),0)</f>
        <v>0</v>
      </c>
      <c r="G4576" cm="1">
        <f t="array" ref="G4576">IFERROR(INDEX(Jesper!AK$2:AK$366,ROUNDDOWN($C4576/24,0)+1,1)*INDEX($D$3:$AA$30,INDEX(Jesper!$R$2:$R$366,ROW(INDEX(Jesper!AK$2:AK$366,ROUNDDOWN($C4576/24,0)+1,1))-1)+IF('Standard Profiles'!$G$21=$B$10,7,0)+IF('Standard Profiles'!$G$21=$B$17,14,0)+IF('Standard Profiles'!$G$21=$B$24,21,0),MOD($C4576,24)+1)/SUM(INDEX($D$3:$AA$30,INDEX(Jesper!$R$2:$R$366,ROW(INDEX(Jesper!AK$2:AK$366,ROUNDDOWN($C4576/24,0)+1,1))-1)+IF('Standard Profiles'!$G$21=$B$10,7,0)+IF('Standard Profiles'!$G$21=$B$17,14,0)+IF('Standard Profiles'!$G$21=$B$24,21,0),0)),0)</f>
        <v>0</v>
      </c>
      <c r="H4576" cm="1">
        <f t="array" ref="H4576">IFERROR(INDEX(Jesper!AL$2:AL$366,ROUNDDOWN($C4576/24,0)+1,1)*INDEX($D$3:$AA$30,INDEX(Jesper!$R$2:$R$366,ROW(INDEX(Jesper!AL$2:AL$366,ROUNDDOWN($C4576/24,0)+1,1))-1)+IF('Standard Profiles'!$G$22=$B$10,7,0)+IF('Standard Profiles'!$G$22=$B$17,14,0)+IF('Standard Profiles'!$G$22=$B$24,21,0),MOD($C4576,24)+1)/SUM(INDEX($D$3:$AA$30,INDEX(Jesper!$R$2:$R$366,ROW(INDEX(Jesper!AL$2:AL$366,ROUNDDOWN($C4576/24,0)+1,1))-1)+IF('Standard Profiles'!$G$22=$B$10,7,0)+IF('Standard Profiles'!$G$22=$B$17,14,0)+IF('Standard Profiles'!$G$22=$B$24,21,0),0)),0)</f>
        <v>0</v>
      </c>
      <c r="I4576">
        <f t="shared" si="510"/>
        <v>0.3367306488989783</v>
      </c>
      <c r="J4576">
        <f t="shared" si="511"/>
        <v>1.1224354963299277</v>
      </c>
      <c r="K4576">
        <f t="shared" si="512"/>
        <v>1.6836532444948915</v>
      </c>
      <c r="L4576">
        <f t="shared" si="513"/>
        <v>8.0815355735754792</v>
      </c>
      <c r="M4576">
        <f t="shared" si="514"/>
        <v>0</v>
      </c>
      <c r="N4576" s="46">
        <f t="shared" si="515"/>
        <v>45481.249999988984</v>
      </c>
    </row>
    <row r="4577" spans="2:14" x14ac:dyDescent="0.3">
      <c r="B4577">
        <f t="shared" si="509"/>
        <v>1</v>
      </c>
      <c r="C4577" s="16">
        <v>4543</v>
      </c>
      <c r="D4577" cm="1">
        <f t="array" ref="D4577">IFERROR(INDEX(Jesper!AH$2:AH$366,ROUNDDOWN($C4577/24,0)+1,1)*INDEX($D$3:$AA$30,INDEX(Jesper!$R$2:$R$366,ROW(INDEX(Jesper!AH$2:AH$366,ROUNDDOWN($C4577/24,0)+1,1))-1)+IF('Standard Profiles'!$G$18=$B$10,7,0)+IF('Standard Profiles'!$G$18=$B$17,14,0)+IF('Standard Profiles'!$G$18=$B$24,21,0),MOD($C4577,24)+1)/SUM(INDEX($D$3:$AA$30,INDEX(Jesper!$R$2:$R$366,ROW(INDEX(Jesper!AH$2:AH$366,ROUNDDOWN($C4577/24,0)+1,1))-1)+IF('Standard Profiles'!$G$18=$B$10,7,0)+IF('Standard Profiles'!$G$18=$B$17,14,0)+IF('Standard Profiles'!$G$18=$B$24,21,0),0)),0)</f>
        <v>11.224354963299277</v>
      </c>
      <c r="E4577" cm="1">
        <f t="array" ref="E4577">IFERROR(INDEX(Jesper!AI$2:AI$366,ROUNDDOWN($C4577/24,0)+1,1)*INDEX($D$3:$AA$30,INDEX(Jesper!$R$2:$R$366,ROW(INDEX(Jesper!AI$2:AI$366,ROUNDDOWN($C4577/24,0)+1,1))-1)+IF('Standard Profiles'!$G$19=$B$10,7,0)+IF('Standard Profiles'!$G$19=$B$17,14,0)+IF('Standard Profiles'!$G$19=$B$24,21,0),MOD($C4577,24)+1)/SUM(INDEX($D$3:$AA$30,INDEX(Jesper!$R$2:$R$366,ROW(INDEX(Jesper!AI$2:AI$366,ROUNDDOWN($C4577/24,0)+1,1))-1)+IF('Standard Profiles'!$G$19=$B$10,7,0)+IF('Standard Profiles'!$G$19=$B$17,14,0)+IF('Standard Profiles'!$G$19=$B$24,21,0),0)),0)</f>
        <v>0</v>
      </c>
      <c r="F4577" cm="1">
        <f t="array" ref="F4577">IFERROR(INDEX(Jesper!AJ$2:AJ$366,ROUNDDOWN($C4577/24,0)+1,1)*INDEX($D$3:$AA$30,INDEX(Jesper!$R$2:$R$366,ROW(INDEX(Jesper!AJ$2:AJ$366,ROUNDDOWN($C4577/24,0)+1,1))-1)+IF('Standard Profiles'!$G$20=$B$10,7,0)+IF('Standard Profiles'!$G$20=$B$17,14,0)+IF('Standard Profiles'!$G$20=$B$24,21,0),MOD($C4577,24)+1)/SUM(INDEX($D$3:$AA$30,INDEX(Jesper!$R$2:$R$366,ROW(INDEX(Jesper!AJ$2:AJ$366,ROUNDDOWN($C4577/24,0)+1,1))-1)+IF('Standard Profiles'!$G$20=$B$10,7,0)+IF('Standard Profiles'!$G$20=$B$17,14,0)+IF('Standard Profiles'!$G$20=$B$24,21,0),0)),0)</f>
        <v>0</v>
      </c>
      <c r="G4577" cm="1">
        <f t="array" ref="G4577">IFERROR(INDEX(Jesper!AK$2:AK$366,ROUNDDOWN($C4577/24,0)+1,1)*INDEX($D$3:$AA$30,INDEX(Jesper!$R$2:$R$366,ROW(INDEX(Jesper!AK$2:AK$366,ROUNDDOWN($C4577/24,0)+1,1))-1)+IF('Standard Profiles'!$G$21=$B$10,7,0)+IF('Standard Profiles'!$G$21=$B$17,14,0)+IF('Standard Profiles'!$G$21=$B$24,21,0),MOD($C4577,24)+1)/SUM(INDEX($D$3:$AA$30,INDEX(Jesper!$R$2:$R$366,ROW(INDEX(Jesper!AK$2:AK$366,ROUNDDOWN($C4577/24,0)+1,1))-1)+IF('Standard Profiles'!$G$21=$B$10,7,0)+IF('Standard Profiles'!$G$21=$B$17,14,0)+IF('Standard Profiles'!$G$21=$B$24,21,0),0)),0)</f>
        <v>0</v>
      </c>
      <c r="H4577" cm="1">
        <f t="array" ref="H4577">IFERROR(INDEX(Jesper!AL$2:AL$366,ROUNDDOWN($C4577/24,0)+1,1)*INDEX($D$3:$AA$30,INDEX(Jesper!$R$2:$R$366,ROW(INDEX(Jesper!AL$2:AL$366,ROUNDDOWN($C4577/24,0)+1,1))-1)+IF('Standard Profiles'!$G$22=$B$10,7,0)+IF('Standard Profiles'!$G$22=$B$17,14,0)+IF('Standard Profiles'!$G$22=$B$24,21,0),MOD($C4577,24)+1)/SUM(INDEX($D$3:$AA$30,INDEX(Jesper!$R$2:$R$366,ROW(INDEX(Jesper!AL$2:AL$366,ROUNDDOWN($C4577/24,0)+1,1))-1)+IF('Standard Profiles'!$G$22=$B$10,7,0)+IF('Standard Profiles'!$G$22=$B$17,14,0)+IF('Standard Profiles'!$G$22=$B$24,21,0),0)),0)</f>
        <v>0</v>
      </c>
      <c r="I4577">
        <f t="shared" si="510"/>
        <v>0.3367306488989783</v>
      </c>
      <c r="J4577">
        <f t="shared" si="511"/>
        <v>1.1224354963299277</v>
      </c>
      <c r="K4577">
        <f t="shared" si="512"/>
        <v>1.6836532444948915</v>
      </c>
      <c r="L4577">
        <f t="shared" si="513"/>
        <v>8.0815355735754792</v>
      </c>
      <c r="M4577">
        <f t="shared" si="514"/>
        <v>0</v>
      </c>
      <c r="N4577" s="46">
        <f t="shared" si="515"/>
        <v>45481.291666655648</v>
      </c>
    </row>
    <row r="4578" spans="2:14" x14ac:dyDescent="0.3">
      <c r="B4578">
        <f t="shared" si="509"/>
        <v>1</v>
      </c>
      <c r="C4578" s="16">
        <v>4544</v>
      </c>
      <c r="D4578" cm="1">
        <f t="array" ref="D4578">IFERROR(INDEX(Jesper!AH$2:AH$366,ROUNDDOWN($C4578/24,0)+1,1)*INDEX($D$3:$AA$30,INDEX(Jesper!$R$2:$R$366,ROW(INDEX(Jesper!AH$2:AH$366,ROUNDDOWN($C4578/24,0)+1,1))-1)+IF('Standard Profiles'!$G$18=$B$10,7,0)+IF('Standard Profiles'!$G$18=$B$17,14,0)+IF('Standard Profiles'!$G$18=$B$24,21,0),MOD($C4578,24)+1)/SUM(INDEX($D$3:$AA$30,INDEX(Jesper!$R$2:$R$366,ROW(INDEX(Jesper!AH$2:AH$366,ROUNDDOWN($C4578/24,0)+1,1))-1)+IF('Standard Profiles'!$G$18=$B$10,7,0)+IF('Standard Profiles'!$G$18=$B$17,14,0)+IF('Standard Profiles'!$G$18=$B$24,21,0),0)),0)</f>
        <v>11.224354963299277</v>
      </c>
      <c r="E4578" cm="1">
        <f t="array" ref="E4578">IFERROR(INDEX(Jesper!AI$2:AI$366,ROUNDDOWN($C4578/24,0)+1,1)*INDEX($D$3:$AA$30,INDEX(Jesper!$R$2:$R$366,ROW(INDEX(Jesper!AI$2:AI$366,ROUNDDOWN($C4578/24,0)+1,1))-1)+IF('Standard Profiles'!$G$19=$B$10,7,0)+IF('Standard Profiles'!$G$19=$B$17,14,0)+IF('Standard Profiles'!$G$19=$B$24,21,0),MOD($C4578,24)+1)/SUM(INDEX($D$3:$AA$30,INDEX(Jesper!$R$2:$R$366,ROW(INDEX(Jesper!AI$2:AI$366,ROUNDDOWN($C4578/24,0)+1,1))-1)+IF('Standard Profiles'!$G$19=$B$10,7,0)+IF('Standard Profiles'!$G$19=$B$17,14,0)+IF('Standard Profiles'!$G$19=$B$24,21,0),0)),0)</f>
        <v>0</v>
      </c>
      <c r="F4578" cm="1">
        <f t="array" ref="F4578">IFERROR(INDEX(Jesper!AJ$2:AJ$366,ROUNDDOWN($C4578/24,0)+1,1)*INDEX($D$3:$AA$30,INDEX(Jesper!$R$2:$R$366,ROW(INDEX(Jesper!AJ$2:AJ$366,ROUNDDOWN($C4578/24,0)+1,1))-1)+IF('Standard Profiles'!$G$20=$B$10,7,0)+IF('Standard Profiles'!$G$20=$B$17,14,0)+IF('Standard Profiles'!$G$20=$B$24,21,0),MOD($C4578,24)+1)/SUM(INDEX($D$3:$AA$30,INDEX(Jesper!$R$2:$R$366,ROW(INDEX(Jesper!AJ$2:AJ$366,ROUNDDOWN($C4578/24,0)+1,1))-1)+IF('Standard Profiles'!$G$20=$B$10,7,0)+IF('Standard Profiles'!$G$20=$B$17,14,0)+IF('Standard Profiles'!$G$20=$B$24,21,0),0)),0)</f>
        <v>0</v>
      </c>
      <c r="G4578" cm="1">
        <f t="array" ref="G4578">IFERROR(INDEX(Jesper!AK$2:AK$366,ROUNDDOWN($C4578/24,0)+1,1)*INDEX($D$3:$AA$30,INDEX(Jesper!$R$2:$R$366,ROW(INDEX(Jesper!AK$2:AK$366,ROUNDDOWN($C4578/24,0)+1,1))-1)+IF('Standard Profiles'!$G$21=$B$10,7,0)+IF('Standard Profiles'!$G$21=$B$17,14,0)+IF('Standard Profiles'!$G$21=$B$24,21,0),MOD($C4578,24)+1)/SUM(INDEX($D$3:$AA$30,INDEX(Jesper!$R$2:$R$366,ROW(INDEX(Jesper!AK$2:AK$366,ROUNDDOWN($C4578/24,0)+1,1))-1)+IF('Standard Profiles'!$G$21=$B$10,7,0)+IF('Standard Profiles'!$G$21=$B$17,14,0)+IF('Standard Profiles'!$G$21=$B$24,21,0),0)),0)</f>
        <v>0</v>
      </c>
      <c r="H4578" cm="1">
        <f t="array" ref="H4578">IFERROR(INDEX(Jesper!AL$2:AL$366,ROUNDDOWN($C4578/24,0)+1,1)*INDEX($D$3:$AA$30,INDEX(Jesper!$R$2:$R$366,ROW(INDEX(Jesper!AL$2:AL$366,ROUNDDOWN($C4578/24,0)+1,1))-1)+IF('Standard Profiles'!$G$22=$B$10,7,0)+IF('Standard Profiles'!$G$22=$B$17,14,0)+IF('Standard Profiles'!$G$22=$B$24,21,0),MOD($C4578,24)+1)/SUM(INDEX($D$3:$AA$30,INDEX(Jesper!$R$2:$R$366,ROW(INDEX(Jesper!AL$2:AL$366,ROUNDDOWN($C4578/24,0)+1,1))-1)+IF('Standard Profiles'!$G$22=$B$10,7,0)+IF('Standard Profiles'!$G$22=$B$17,14,0)+IF('Standard Profiles'!$G$22=$B$24,21,0),0)),0)</f>
        <v>0</v>
      </c>
      <c r="I4578">
        <f t="shared" si="510"/>
        <v>0.3367306488989783</v>
      </c>
      <c r="J4578">
        <f t="shared" si="511"/>
        <v>1.1224354963299277</v>
      </c>
      <c r="K4578">
        <f t="shared" si="512"/>
        <v>1.6836532444948915</v>
      </c>
      <c r="L4578">
        <f t="shared" si="513"/>
        <v>8.0815355735754792</v>
      </c>
      <c r="M4578">
        <f t="shared" si="514"/>
        <v>0</v>
      </c>
      <c r="N4578" s="46">
        <f t="shared" si="515"/>
        <v>45481.333333322313</v>
      </c>
    </row>
    <row r="4579" spans="2:14" x14ac:dyDescent="0.3">
      <c r="B4579">
        <f t="shared" ref="B4579:B4642" si="516">WEEKDAY(N4579,2)</f>
        <v>1</v>
      </c>
      <c r="C4579" s="16">
        <v>4545</v>
      </c>
      <c r="D4579" cm="1">
        <f t="array" ref="D4579">IFERROR(INDEX(Jesper!AH$2:AH$366,ROUNDDOWN($C4579/24,0)+1,1)*INDEX($D$3:$AA$30,INDEX(Jesper!$R$2:$R$366,ROW(INDEX(Jesper!AH$2:AH$366,ROUNDDOWN($C4579/24,0)+1,1))-1)+IF('Standard Profiles'!$G$18=$B$10,7,0)+IF('Standard Profiles'!$G$18=$B$17,14,0)+IF('Standard Profiles'!$G$18=$B$24,21,0),MOD($C4579,24)+1)/SUM(INDEX($D$3:$AA$30,INDEX(Jesper!$R$2:$R$366,ROW(INDEX(Jesper!AH$2:AH$366,ROUNDDOWN($C4579/24,0)+1,1))-1)+IF('Standard Profiles'!$G$18=$B$10,7,0)+IF('Standard Profiles'!$G$18=$B$17,14,0)+IF('Standard Profiles'!$G$18=$B$24,21,0),0)),0)</f>
        <v>11.985328181150075</v>
      </c>
      <c r="E4579" cm="1">
        <f t="array" ref="E4579">IFERROR(INDEX(Jesper!AI$2:AI$366,ROUNDDOWN($C4579/24,0)+1,1)*INDEX($D$3:$AA$30,INDEX(Jesper!$R$2:$R$366,ROW(INDEX(Jesper!AI$2:AI$366,ROUNDDOWN($C4579/24,0)+1,1))-1)+IF('Standard Profiles'!$G$19=$B$10,7,0)+IF('Standard Profiles'!$G$19=$B$17,14,0)+IF('Standard Profiles'!$G$19=$B$24,21,0),MOD($C4579,24)+1)/SUM(INDEX($D$3:$AA$30,INDEX(Jesper!$R$2:$R$366,ROW(INDEX(Jesper!AI$2:AI$366,ROUNDDOWN($C4579/24,0)+1,1))-1)+IF('Standard Profiles'!$G$19=$B$10,7,0)+IF('Standard Profiles'!$G$19=$B$17,14,0)+IF('Standard Profiles'!$G$19=$B$24,21,0),0)),0)</f>
        <v>0</v>
      </c>
      <c r="F4579" cm="1">
        <f t="array" ref="F4579">IFERROR(INDEX(Jesper!AJ$2:AJ$366,ROUNDDOWN($C4579/24,0)+1,1)*INDEX($D$3:$AA$30,INDEX(Jesper!$R$2:$R$366,ROW(INDEX(Jesper!AJ$2:AJ$366,ROUNDDOWN($C4579/24,0)+1,1))-1)+IF('Standard Profiles'!$G$20=$B$10,7,0)+IF('Standard Profiles'!$G$20=$B$17,14,0)+IF('Standard Profiles'!$G$20=$B$24,21,0),MOD($C4579,24)+1)/SUM(INDEX($D$3:$AA$30,INDEX(Jesper!$R$2:$R$366,ROW(INDEX(Jesper!AJ$2:AJ$366,ROUNDDOWN($C4579/24,0)+1,1))-1)+IF('Standard Profiles'!$G$20=$B$10,7,0)+IF('Standard Profiles'!$G$20=$B$17,14,0)+IF('Standard Profiles'!$G$20=$B$24,21,0),0)),0)</f>
        <v>0</v>
      </c>
      <c r="G4579" cm="1">
        <f t="array" ref="G4579">IFERROR(INDEX(Jesper!AK$2:AK$366,ROUNDDOWN($C4579/24,0)+1,1)*INDEX($D$3:$AA$30,INDEX(Jesper!$R$2:$R$366,ROW(INDEX(Jesper!AK$2:AK$366,ROUNDDOWN($C4579/24,0)+1,1))-1)+IF('Standard Profiles'!$G$21=$B$10,7,0)+IF('Standard Profiles'!$G$21=$B$17,14,0)+IF('Standard Profiles'!$G$21=$B$24,21,0),MOD($C4579,24)+1)/SUM(INDEX($D$3:$AA$30,INDEX(Jesper!$R$2:$R$366,ROW(INDEX(Jesper!AK$2:AK$366,ROUNDDOWN($C4579/24,0)+1,1))-1)+IF('Standard Profiles'!$G$21=$B$10,7,0)+IF('Standard Profiles'!$G$21=$B$17,14,0)+IF('Standard Profiles'!$G$21=$B$24,21,0),0)),0)</f>
        <v>0</v>
      </c>
      <c r="H4579" cm="1">
        <f t="array" ref="H4579">IFERROR(INDEX(Jesper!AL$2:AL$366,ROUNDDOWN($C4579/24,0)+1,1)*INDEX($D$3:$AA$30,INDEX(Jesper!$R$2:$R$366,ROW(INDEX(Jesper!AL$2:AL$366,ROUNDDOWN($C4579/24,0)+1,1))-1)+IF('Standard Profiles'!$G$22=$B$10,7,0)+IF('Standard Profiles'!$G$22=$B$17,14,0)+IF('Standard Profiles'!$G$22=$B$24,21,0),MOD($C4579,24)+1)/SUM(INDEX($D$3:$AA$30,INDEX(Jesper!$R$2:$R$366,ROW(INDEX(Jesper!AL$2:AL$366,ROUNDDOWN($C4579/24,0)+1,1))-1)+IF('Standard Profiles'!$G$22=$B$10,7,0)+IF('Standard Profiles'!$G$22=$B$17,14,0)+IF('Standard Profiles'!$G$22=$B$24,21,0),0)),0)</f>
        <v>0</v>
      </c>
      <c r="I4579">
        <f t="shared" ref="I4579:I4642" si="517">IF($B4579&lt;6,AC$37*$D4579+AC$38*$E4579+AC$39*$F4579+AC$40*$G4579,AC$46*$D4579+AC$47*$E4579+AC$48*$F4579+AC$49*$G4579+AC$50*$H4579)</f>
        <v>0.35955984543450226</v>
      </c>
      <c r="J4579">
        <f t="shared" ref="J4579:J4642" si="518">IF($B4579&lt;6,AD$37*$D4579+AD$38*$E4579+AD$39*$F4579+AD$40*$G4579,AD$46*$D4579+AD$47*$E4579+AD$48*$F4579+AD$49*$G4579+AD$50*$H4579)</f>
        <v>1.1985328181150077</v>
      </c>
      <c r="K4579">
        <f t="shared" ref="K4579:K4642" si="519">IF($B4579&lt;6,AE$37*$D4579+AE$38*$E4579+AE$39*$F4579+AE$40*$G4579,AE$46*$D4579+AE$47*$E4579+AE$48*$F4579+AE$49*$G4579+AE$50*$H4579)</f>
        <v>1.7977992271725112</v>
      </c>
      <c r="L4579">
        <f t="shared" ref="L4579:L4642" si="520">IF($B4579&lt;6,AF$37*$D4579+AF$38*$E4579+AF$39*$F4579+AF$40*$G4579,AF$46*$D4579+AF$47*$E4579+AF$48*$F4579+AF$49*$G4579+AF$50*$H4579)</f>
        <v>8.6294362904280533</v>
      </c>
      <c r="M4579">
        <f t="shared" ref="M4579:M4642" si="521">IF($B4579&lt;6,AG$37*$D4579+AG$38*$E4579+AG$39*$F4579+AG$40*$G4579,AG$46*$D4579+AG$47*$E4579+AG$48*$F4579+AG$49*$G4579+AG$50*$H4579)</f>
        <v>0</v>
      </c>
      <c r="N4579" s="46">
        <f t="shared" si="515"/>
        <v>45481.374999988977</v>
      </c>
    </row>
    <row r="4580" spans="2:14" x14ac:dyDescent="0.3">
      <c r="B4580">
        <f t="shared" si="516"/>
        <v>1</v>
      </c>
      <c r="C4580" s="16">
        <v>4546</v>
      </c>
      <c r="D4580" cm="1">
        <f t="array" ref="D4580">IFERROR(INDEX(Jesper!AH$2:AH$366,ROUNDDOWN($C4580/24,0)+1,1)*INDEX($D$3:$AA$30,INDEX(Jesper!$R$2:$R$366,ROW(INDEX(Jesper!AH$2:AH$366,ROUNDDOWN($C4580/24,0)+1,1))-1)+IF('Standard Profiles'!$G$18=$B$10,7,0)+IF('Standard Profiles'!$G$18=$B$17,14,0)+IF('Standard Profiles'!$G$18=$B$24,21,0),MOD($C4580,24)+1)/SUM(INDEX($D$3:$AA$30,INDEX(Jesper!$R$2:$R$366,ROW(INDEX(Jesper!AH$2:AH$366,ROUNDDOWN($C4580/24,0)+1,1))-1)+IF('Standard Profiles'!$G$18=$B$10,7,0)+IF('Standard Profiles'!$G$18=$B$17,14,0)+IF('Standard Profiles'!$G$18=$B$24,21,0),0)),0)</f>
        <v>11.985328181150075</v>
      </c>
      <c r="E4580" cm="1">
        <f t="array" ref="E4580">IFERROR(INDEX(Jesper!AI$2:AI$366,ROUNDDOWN($C4580/24,0)+1,1)*INDEX($D$3:$AA$30,INDEX(Jesper!$R$2:$R$366,ROW(INDEX(Jesper!AI$2:AI$366,ROUNDDOWN($C4580/24,0)+1,1))-1)+IF('Standard Profiles'!$G$19=$B$10,7,0)+IF('Standard Profiles'!$G$19=$B$17,14,0)+IF('Standard Profiles'!$G$19=$B$24,21,0),MOD($C4580,24)+1)/SUM(INDEX($D$3:$AA$30,INDEX(Jesper!$R$2:$R$366,ROW(INDEX(Jesper!AI$2:AI$366,ROUNDDOWN($C4580/24,0)+1,1))-1)+IF('Standard Profiles'!$G$19=$B$10,7,0)+IF('Standard Profiles'!$G$19=$B$17,14,0)+IF('Standard Profiles'!$G$19=$B$24,21,0),0)),0)</f>
        <v>0</v>
      </c>
      <c r="F4580" cm="1">
        <f t="array" ref="F4580">IFERROR(INDEX(Jesper!AJ$2:AJ$366,ROUNDDOWN($C4580/24,0)+1,1)*INDEX($D$3:$AA$30,INDEX(Jesper!$R$2:$R$366,ROW(INDEX(Jesper!AJ$2:AJ$366,ROUNDDOWN($C4580/24,0)+1,1))-1)+IF('Standard Profiles'!$G$20=$B$10,7,0)+IF('Standard Profiles'!$G$20=$B$17,14,0)+IF('Standard Profiles'!$G$20=$B$24,21,0),MOD($C4580,24)+1)/SUM(INDEX($D$3:$AA$30,INDEX(Jesper!$R$2:$R$366,ROW(INDEX(Jesper!AJ$2:AJ$366,ROUNDDOWN($C4580/24,0)+1,1))-1)+IF('Standard Profiles'!$G$20=$B$10,7,0)+IF('Standard Profiles'!$G$20=$B$17,14,0)+IF('Standard Profiles'!$G$20=$B$24,21,0),0)),0)</f>
        <v>0</v>
      </c>
      <c r="G4580" cm="1">
        <f t="array" ref="G4580">IFERROR(INDEX(Jesper!AK$2:AK$366,ROUNDDOWN($C4580/24,0)+1,1)*INDEX($D$3:$AA$30,INDEX(Jesper!$R$2:$R$366,ROW(INDEX(Jesper!AK$2:AK$366,ROUNDDOWN($C4580/24,0)+1,1))-1)+IF('Standard Profiles'!$G$21=$B$10,7,0)+IF('Standard Profiles'!$G$21=$B$17,14,0)+IF('Standard Profiles'!$G$21=$B$24,21,0),MOD($C4580,24)+1)/SUM(INDEX($D$3:$AA$30,INDEX(Jesper!$R$2:$R$366,ROW(INDEX(Jesper!AK$2:AK$366,ROUNDDOWN($C4580/24,0)+1,1))-1)+IF('Standard Profiles'!$G$21=$B$10,7,0)+IF('Standard Profiles'!$G$21=$B$17,14,0)+IF('Standard Profiles'!$G$21=$B$24,21,0),0)),0)</f>
        <v>0</v>
      </c>
      <c r="H4580" cm="1">
        <f t="array" ref="H4580">IFERROR(INDEX(Jesper!AL$2:AL$366,ROUNDDOWN($C4580/24,0)+1,1)*INDEX($D$3:$AA$30,INDEX(Jesper!$R$2:$R$366,ROW(INDEX(Jesper!AL$2:AL$366,ROUNDDOWN($C4580/24,0)+1,1))-1)+IF('Standard Profiles'!$G$22=$B$10,7,0)+IF('Standard Profiles'!$G$22=$B$17,14,0)+IF('Standard Profiles'!$G$22=$B$24,21,0),MOD($C4580,24)+1)/SUM(INDEX($D$3:$AA$30,INDEX(Jesper!$R$2:$R$366,ROW(INDEX(Jesper!AL$2:AL$366,ROUNDDOWN($C4580/24,0)+1,1))-1)+IF('Standard Profiles'!$G$22=$B$10,7,0)+IF('Standard Profiles'!$G$22=$B$17,14,0)+IF('Standard Profiles'!$G$22=$B$24,21,0),0)),0)</f>
        <v>0</v>
      </c>
      <c r="I4580">
        <f t="shared" si="517"/>
        <v>0.35955984543450226</v>
      </c>
      <c r="J4580">
        <f t="shared" si="518"/>
        <v>1.1985328181150077</v>
      </c>
      <c r="K4580">
        <f t="shared" si="519"/>
        <v>1.7977992271725112</v>
      </c>
      <c r="L4580">
        <f t="shared" si="520"/>
        <v>8.6294362904280533</v>
      </c>
      <c r="M4580">
        <f t="shared" si="521"/>
        <v>0</v>
      </c>
      <c r="N4580" s="46">
        <f t="shared" ref="N4580:N4643" si="522">N4579+1/24</f>
        <v>45481.416666655641</v>
      </c>
    </row>
    <row r="4581" spans="2:14" x14ac:dyDescent="0.3">
      <c r="B4581">
        <f t="shared" si="516"/>
        <v>1</v>
      </c>
      <c r="C4581" s="16">
        <v>4547</v>
      </c>
      <c r="D4581" cm="1">
        <f t="array" ref="D4581">IFERROR(INDEX(Jesper!AH$2:AH$366,ROUNDDOWN($C4581/24,0)+1,1)*INDEX($D$3:$AA$30,INDEX(Jesper!$R$2:$R$366,ROW(INDEX(Jesper!AH$2:AH$366,ROUNDDOWN($C4581/24,0)+1,1))-1)+IF('Standard Profiles'!$G$18=$B$10,7,0)+IF('Standard Profiles'!$G$18=$B$17,14,0)+IF('Standard Profiles'!$G$18=$B$24,21,0),MOD($C4581,24)+1)/SUM(INDEX($D$3:$AA$30,INDEX(Jesper!$R$2:$R$366,ROW(INDEX(Jesper!AH$2:AH$366,ROUNDDOWN($C4581/24,0)+1,1))-1)+IF('Standard Profiles'!$G$18=$B$10,7,0)+IF('Standard Profiles'!$G$18=$B$17,14,0)+IF('Standard Profiles'!$G$18=$B$24,21,0),0)),0)</f>
        <v>15.219464357015967</v>
      </c>
      <c r="E4581" cm="1">
        <f t="array" ref="E4581">IFERROR(INDEX(Jesper!AI$2:AI$366,ROUNDDOWN($C4581/24,0)+1,1)*INDEX($D$3:$AA$30,INDEX(Jesper!$R$2:$R$366,ROW(INDEX(Jesper!AI$2:AI$366,ROUNDDOWN($C4581/24,0)+1,1))-1)+IF('Standard Profiles'!$G$19=$B$10,7,0)+IF('Standard Profiles'!$G$19=$B$17,14,0)+IF('Standard Profiles'!$G$19=$B$24,21,0),MOD($C4581,24)+1)/SUM(INDEX($D$3:$AA$30,INDEX(Jesper!$R$2:$R$366,ROW(INDEX(Jesper!AI$2:AI$366,ROUNDDOWN($C4581/24,0)+1,1))-1)+IF('Standard Profiles'!$G$19=$B$10,7,0)+IF('Standard Profiles'!$G$19=$B$17,14,0)+IF('Standard Profiles'!$G$19=$B$24,21,0),0)),0)</f>
        <v>0</v>
      </c>
      <c r="F4581" cm="1">
        <f t="array" ref="F4581">IFERROR(INDEX(Jesper!AJ$2:AJ$366,ROUNDDOWN($C4581/24,0)+1,1)*INDEX($D$3:$AA$30,INDEX(Jesper!$R$2:$R$366,ROW(INDEX(Jesper!AJ$2:AJ$366,ROUNDDOWN($C4581/24,0)+1,1))-1)+IF('Standard Profiles'!$G$20=$B$10,7,0)+IF('Standard Profiles'!$G$20=$B$17,14,0)+IF('Standard Profiles'!$G$20=$B$24,21,0),MOD($C4581,24)+1)/SUM(INDEX($D$3:$AA$30,INDEX(Jesper!$R$2:$R$366,ROW(INDEX(Jesper!AJ$2:AJ$366,ROUNDDOWN($C4581/24,0)+1,1))-1)+IF('Standard Profiles'!$G$20=$B$10,7,0)+IF('Standard Profiles'!$G$20=$B$17,14,0)+IF('Standard Profiles'!$G$20=$B$24,21,0),0)),0)</f>
        <v>0</v>
      </c>
      <c r="G4581" cm="1">
        <f t="array" ref="G4581">IFERROR(INDEX(Jesper!AK$2:AK$366,ROUNDDOWN($C4581/24,0)+1,1)*INDEX($D$3:$AA$30,INDEX(Jesper!$R$2:$R$366,ROW(INDEX(Jesper!AK$2:AK$366,ROUNDDOWN($C4581/24,0)+1,1))-1)+IF('Standard Profiles'!$G$21=$B$10,7,0)+IF('Standard Profiles'!$G$21=$B$17,14,0)+IF('Standard Profiles'!$G$21=$B$24,21,0),MOD($C4581,24)+1)/SUM(INDEX($D$3:$AA$30,INDEX(Jesper!$R$2:$R$366,ROW(INDEX(Jesper!AK$2:AK$366,ROUNDDOWN($C4581/24,0)+1,1))-1)+IF('Standard Profiles'!$G$21=$B$10,7,0)+IF('Standard Profiles'!$G$21=$B$17,14,0)+IF('Standard Profiles'!$G$21=$B$24,21,0),0)),0)</f>
        <v>0</v>
      </c>
      <c r="H4581" cm="1">
        <f t="array" ref="H4581">IFERROR(INDEX(Jesper!AL$2:AL$366,ROUNDDOWN($C4581/24,0)+1,1)*INDEX($D$3:$AA$30,INDEX(Jesper!$R$2:$R$366,ROW(INDEX(Jesper!AL$2:AL$366,ROUNDDOWN($C4581/24,0)+1,1))-1)+IF('Standard Profiles'!$G$22=$B$10,7,0)+IF('Standard Profiles'!$G$22=$B$17,14,0)+IF('Standard Profiles'!$G$22=$B$24,21,0),MOD($C4581,24)+1)/SUM(INDEX($D$3:$AA$30,INDEX(Jesper!$R$2:$R$366,ROW(INDEX(Jesper!AL$2:AL$366,ROUNDDOWN($C4581/24,0)+1,1))-1)+IF('Standard Profiles'!$G$22=$B$10,7,0)+IF('Standard Profiles'!$G$22=$B$17,14,0)+IF('Standard Profiles'!$G$22=$B$24,21,0),0)),0)</f>
        <v>0</v>
      </c>
      <c r="I4581">
        <f t="shared" si="517"/>
        <v>0.45658393071047898</v>
      </c>
      <c r="J4581">
        <f t="shared" si="518"/>
        <v>1.5219464357015968</v>
      </c>
      <c r="K4581">
        <f t="shared" si="519"/>
        <v>2.282919653552395</v>
      </c>
      <c r="L4581">
        <f t="shared" si="520"/>
        <v>10.958014337051496</v>
      </c>
      <c r="M4581">
        <f t="shared" si="521"/>
        <v>0</v>
      </c>
      <c r="N4581" s="46">
        <f t="shared" si="522"/>
        <v>45481.458333322305</v>
      </c>
    </row>
    <row r="4582" spans="2:14" x14ac:dyDescent="0.3">
      <c r="B4582">
        <f t="shared" si="516"/>
        <v>1</v>
      </c>
      <c r="C4582" s="16">
        <v>4548</v>
      </c>
      <c r="D4582" cm="1">
        <f t="array" ref="D4582">IFERROR(INDEX(Jesper!AH$2:AH$366,ROUNDDOWN($C4582/24,0)+1,1)*INDEX($D$3:$AA$30,INDEX(Jesper!$R$2:$R$366,ROW(INDEX(Jesper!AH$2:AH$366,ROUNDDOWN($C4582/24,0)+1,1))-1)+IF('Standard Profiles'!$G$18=$B$10,7,0)+IF('Standard Profiles'!$G$18=$B$17,14,0)+IF('Standard Profiles'!$G$18=$B$24,21,0),MOD($C4582,24)+1)/SUM(INDEX($D$3:$AA$30,INDEX(Jesper!$R$2:$R$366,ROW(INDEX(Jesper!AH$2:AH$366,ROUNDDOWN($C4582/24,0)+1,1))-1)+IF('Standard Profiles'!$G$18=$B$10,7,0)+IF('Standard Profiles'!$G$18=$B$17,14,0)+IF('Standard Profiles'!$G$18=$B$24,21,0),0)),0)</f>
        <v>15.219464357015967</v>
      </c>
      <c r="E4582" cm="1">
        <f t="array" ref="E4582">IFERROR(INDEX(Jesper!AI$2:AI$366,ROUNDDOWN($C4582/24,0)+1,1)*INDEX($D$3:$AA$30,INDEX(Jesper!$R$2:$R$366,ROW(INDEX(Jesper!AI$2:AI$366,ROUNDDOWN($C4582/24,0)+1,1))-1)+IF('Standard Profiles'!$G$19=$B$10,7,0)+IF('Standard Profiles'!$G$19=$B$17,14,0)+IF('Standard Profiles'!$G$19=$B$24,21,0),MOD($C4582,24)+1)/SUM(INDEX($D$3:$AA$30,INDEX(Jesper!$R$2:$R$366,ROW(INDEX(Jesper!AI$2:AI$366,ROUNDDOWN($C4582/24,0)+1,1))-1)+IF('Standard Profiles'!$G$19=$B$10,7,0)+IF('Standard Profiles'!$G$19=$B$17,14,0)+IF('Standard Profiles'!$G$19=$B$24,21,0),0)),0)</f>
        <v>0</v>
      </c>
      <c r="F4582" cm="1">
        <f t="array" ref="F4582">IFERROR(INDEX(Jesper!AJ$2:AJ$366,ROUNDDOWN($C4582/24,0)+1,1)*INDEX($D$3:$AA$30,INDEX(Jesper!$R$2:$R$366,ROW(INDEX(Jesper!AJ$2:AJ$366,ROUNDDOWN($C4582/24,0)+1,1))-1)+IF('Standard Profiles'!$G$20=$B$10,7,0)+IF('Standard Profiles'!$G$20=$B$17,14,0)+IF('Standard Profiles'!$G$20=$B$24,21,0),MOD($C4582,24)+1)/SUM(INDEX($D$3:$AA$30,INDEX(Jesper!$R$2:$R$366,ROW(INDEX(Jesper!AJ$2:AJ$366,ROUNDDOWN($C4582/24,0)+1,1))-1)+IF('Standard Profiles'!$G$20=$B$10,7,0)+IF('Standard Profiles'!$G$20=$B$17,14,0)+IF('Standard Profiles'!$G$20=$B$24,21,0),0)),0)</f>
        <v>0</v>
      </c>
      <c r="G4582" cm="1">
        <f t="array" ref="G4582">IFERROR(INDEX(Jesper!AK$2:AK$366,ROUNDDOWN($C4582/24,0)+1,1)*INDEX($D$3:$AA$30,INDEX(Jesper!$R$2:$R$366,ROW(INDEX(Jesper!AK$2:AK$366,ROUNDDOWN($C4582/24,0)+1,1))-1)+IF('Standard Profiles'!$G$21=$B$10,7,0)+IF('Standard Profiles'!$G$21=$B$17,14,0)+IF('Standard Profiles'!$G$21=$B$24,21,0),MOD($C4582,24)+1)/SUM(INDEX($D$3:$AA$30,INDEX(Jesper!$R$2:$R$366,ROW(INDEX(Jesper!AK$2:AK$366,ROUNDDOWN($C4582/24,0)+1,1))-1)+IF('Standard Profiles'!$G$21=$B$10,7,0)+IF('Standard Profiles'!$G$21=$B$17,14,0)+IF('Standard Profiles'!$G$21=$B$24,21,0),0)),0)</f>
        <v>0</v>
      </c>
      <c r="H4582" cm="1">
        <f t="array" ref="H4582">IFERROR(INDEX(Jesper!AL$2:AL$366,ROUNDDOWN($C4582/24,0)+1,1)*INDEX($D$3:$AA$30,INDEX(Jesper!$R$2:$R$366,ROW(INDEX(Jesper!AL$2:AL$366,ROUNDDOWN($C4582/24,0)+1,1))-1)+IF('Standard Profiles'!$G$22=$B$10,7,0)+IF('Standard Profiles'!$G$22=$B$17,14,0)+IF('Standard Profiles'!$G$22=$B$24,21,0),MOD($C4582,24)+1)/SUM(INDEX($D$3:$AA$30,INDEX(Jesper!$R$2:$R$366,ROW(INDEX(Jesper!AL$2:AL$366,ROUNDDOWN($C4582/24,0)+1,1))-1)+IF('Standard Profiles'!$G$22=$B$10,7,0)+IF('Standard Profiles'!$G$22=$B$17,14,0)+IF('Standard Profiles'!$G$22=$B$24,21,0),0)),0)</f>
        <v>0</v>
      </c>
      <c r="I4582">
        <f t="shared" si="517"/>
        <v>0.45658393071047898</v>
      </c>
      <c r="J4582">
        <f t="shared" si="518"/>
        <v>1.5219464357015968</v>
      </c>
      <c r="K4582">
        <f t="shared" si="519"/>
        <v>2.282919653552395</v>
      </c>
      <c r="L4582">
        <f t="shared" si="520"/>
        <v>10.958014337051496</v>
      </c>
      <c r="M4582">
        <f t="shared" si="521"/>
        <v>0</v>
      </c>
      <c r="N4582" s="46">
        <f t="shared" si="522"/>
        <v>45481.49999998897</v>
      </c>
    </row>
    <row r="4583" spans="2:14" x14ac:dyDescent="0.3">
      <c r="B4583">
        <f t="shared" si="516"/>
        <v>1</v>
      </c>
      <c r="C4583" s="16">
        <v>4549</v>
      </c>
      <c r="D4583" cm="1">
        <f t="array" ref="D4583">IFERROR(INDEX(Jesper!AH$2:AH$366,ROUNDDOWN($C4583/24,0)+1,1)*INDEX($D$3:$AA$30,INDEX(Jesper!$R$2:$R$366,ROW(INDEX(Jesper!AH$2:AH$366,ROUNDDOWN($C4583/24,0)+1,1))-1)+IF('Standard Profiles'!$G$18=$B$10,7,0)+IF('Standard Profiles'!$G$18=$B$17,14,0)+IF('Standard Profiles'!$G$18=$B$24,21,0),MOD($C4583,24)+1)/SUM(INDEX($D$3:$AA$30,INDEX(Jesper!$R$2:$R$366,ROW(INDEX(Jesper!AH$2:AH$366,ROUNDDOWN($C4583/24,0)+1,1))-1)+IF('Standard Profiles'!$G$18=$B$10,7,0)+IF('Standard Profiles'!$G$18=$B$17,14,0)+IF('Standard Profiles'!$G$18=$B$24,21,0),0)),0)</f>
        <v>10.082895136523078</v>
      </c>
      <c r="E4583" cm="1">
        <f t="array" ref="E4583">IFERROR(INDEX(Jesper!AI$2:AI$366,ROUNDDOWN($C4583/24,0)+1,1)*INDEX($D$3:$AA$30,INDEX(Jesper!$R$2:$R$366,ROW(INDEX(Jesper!AI$2:AI$366,ROUNDDOWN($C4583/24,0)+1,1))-1)+IF('Standard Profiles'!$G$19=$B$10,7,0)+IF('Standard Profiles'!$G$19=$B$17,14,0)+IF('Standard Profiles'!$G$19=$B$24,21,0),MOD($C4583,24)+1)/SUM(INDEX($D$3:$AA$30,INDEX(Jesper!$R$2:$R$366,ROW(INDEX(Jesper!AI$2:AI$366,ROUNDDOWN($C4583/24,0)+1,1))-1)+IF('Standard Profiles'!$G$19=$B$10,7,0)+IF('Standard Profiles'!$G$19=$B$17,14,0)+IF('Standard Profiles'!$G$19=$B$24,21,0),0)),0)</f>
        <v>0</v>
      </c>
      <c r="F4583" cm="1">
        <f t="array" ref="F4583">IFERROR(INDEX(Jesper!AJ$2:AJ$366,ROUNDDOWN($C4583/24,0)+1,1)*INDEX($D$3:$AA$30,INDEX(Jesper!$R$2:$R$366,ROW(INDEX(Jesper!AJ$2:AJ$366,ROUNDDOWN($C4583/24,0)+1,1))-1)+IF('Standard Profiles'!$G$20=$B$10,7,0)+IF('Standard Profiles'!$G$20=$B$17,14,0)+IF('Standard Profiles'!$G$20=$B$24,21,0),MOD($C4583,24)+1)/SUM(INDEX($D$3:$AA$30,INDEX(Jesper!$R$2:$R$366,ROW(INDEX(Jesper!AJ$2:AJ$366,ROUNDDOWN($C4583/24,0)+1,1))-1)+IF('Standard Profiles'!$G$20=$B$10,7,0)+IF('Standard Profiles'!$G$20=$B$17,14,0)+IF('Standard Profiles'!$G$20=$B$24,21,0),0)),0)</f>
        <v>0</v>
      </c>
      <c r="G4583" cm="1">
        <f t="array" ref="G4583">IFERROR(INDEX(Jesper!AK$2:AK$366,ROUNDDOWN($C4583/24,0)+1,1)*INDEX($D$3:$AA$30,INDEX(Jesper!$R$2:$R$366,ROW(INDEX(Jesper!AK$2:AK$366,ROUNDDOWN($C4583/24,0)+1,1))-1)+IF('Standard Profiles'!$G$21=$B$10,7,0)+IF('Standard Profiles'!$G$21=$B$17,14,0)+IF('Standard Profiles'!$G$21=$B$24,21,0),MOD($C4583,24)+1)/SUM(INDEX($D$3:$AA$30,INDEX(Jesper!$R$2:$R$366,ROW(INDEX(Jesper!AK$2:AK$366,ROUNDDOWN($C4583/24,0)+1,1))-1)+IF('Standard Profiles'!$G$21=$B$10,7,0)+IF('Standard Profiles'!$G$21=$B$17,14,0)+IF('Standard Profiles'!$G$21=$B$24,21,0),0)),0)</f>
        <v>0</v>
      </c>
      <c r="H4583" cm="1">
        <f t="array" ref="H4583">IFERROR(INDEX(Jesper!AL$2:AL$366,ROUNDDOWN($C4583/24,0)+1,1)*INDEX($D$3:$AA$30,INDEX(Jesper!$R$2:$R$366,ROW(INDEX(Jesper!AL$2:AL$366,ROUNDDOWN($C4583/24,0)+1,1))-1)+IF('Standard Profiles'!$G$22=$B$10,7,0)+IF('Standard Profiles'!$G$22=$B$17,14,0)+IF('Standard Profiles'!$G$22=$B$24,21,0),MOD($C4583,24)+1)/SUM(INDEX($D$3:$AA$30,INDEX(Jesper!$R$2:$R$366,ROW(INDEX(Jesper!AL$2:AL$366,ROUNDDOWN($C4583/24,0)+1,1))-1)+IF('Standard Profiles'!$G$22=$B$10,7,0)+IF('Standard Profiles'!$G$22=$B$17,14,0)+IF('Standard Profiles'!$G$22=$B$24,21,0),0)),0)</f>
        <v>0</v>
      </c>
      <c r="I4583">
        <f t="shared" si="517"/>
        <v>0.30248685409569231</v>
      </c>
      <c r="J4583">
        <f t="shared" si="518"/>
        <v>1.0082895136523078</v>
      </c>
      <c r="K4583">
        <f t="shared" si="519"/>
        <v>1.5124342704784617</v>
      </c>
      <c r="L4583">
        <f t="shared" si="520"/>
        <v>7.2596844982966156</v>
      </c>
      <c r="M4583">
        <f t="shared" si="521"/>
        <v>0</v>
      </c>
      <c r="N4583" s="46">
        <f t="shared" si="522"/>
        <v>45481.541666655634</v>
      </c>
    </row>
    <row r="4584" spans="2:14" x14ac:dyDescent="0.3">
      <c r="B4584">
        <f t="shared" si="516"/>
        <v>1</v>
      </c>
      <c r="C4584" s="16">
        <v>4550</v>
      </c>
      <c r="D4584" cm="1">
        <f t="array" ref="D4584">IFERROR(INDEX(Jesper!AH$2:AH$366,ROUNDDOWN($C4584/24,0)+1,1)*INDEX($D$3:$AA$30,INDEX(Jesper!$R$2:$R$366,ROW(INDEX(Jesper!AH$2:AH$366,ROUNDDOWN($C4584/24,0)+1,1))-1)+IF('Standard Profiles'!$G$18=$B$10,7,0)+IF('Standard Profiles'!$G$18=$B$17,14,0)+IF('Standard Profiles'!$G$18=$B$24,21,0),MOD($C4584,24)+1)/SUM(INDEX($D$3:$AA$30,INDEX(Jesper!$R$2:$R$366,ROW(INDEX(Jesper!AH$2:AH$366,ROUNDDOWN($C4584/24,0)+1,1))-1)+IF('Standard Profiles'!$G$18=$B$10,7,0)+IF('Standard Profiles'!$G$18=$B$17,14,0)+IF('Standard Profiles'!$G$18=$B$24,21,0),0)),0)</f>
        <v>15.219464357015967</v>
      </c>
      <c r="E4584" cm="1">
        <f t="array" ref="E4584">IFERROR(INDEX(Jesper!AI$2:AI$366,ROUNDDOWN($C4584/24,0)+1,1)*INDEX($D$3:$AA$30,INDEX(Jesper!$R$2:$R$366,ROW(INDEX(Jesper!AI$2:AI$366,ROUNDDOWN($C4584/24,0)+1,1))-1)+IF('Standard Profiles'!$G$19=$B$10,7,0)+IF('Standard Profiles'!$G$19=$B$17,14,0)+IF('Standard Profiles'!$G$19=$B$24,21,0),MOD($C4584,24)+1)/SUM(INDEX($D$3:$AA$30,INDEX(Jesper!$R$2:$R$366,ROW(INDEX(Jesper!AI$2:AI$366,ROUNDDOWN($C4584/24,0)+1,1))-1)+IF('Standard Profiles'!$G$19=$B$10,7,0)+IF('Standard Profiles'!$G$19=$B$17,14,0)+IF('Standard Profiles'!$G$19=$B$24,21,0),0)),0)</f>
        <v>0</v>
      </c>
      <c r="F4584" cm="1">
        <f t="array" ref="F4584">IFERROR(INDEX(Jesper!AJ$2:AJ$366,ROUNDDOWN($C4584/24,0)+1,1)*INDEX($D$3:$AA$30,INDEX(Jesper!$R$2:$R$366,ROW(INDEX(Jesper!AJ$2:AJ$366,ROUNDDOWN($C4584/24,0)+1,1))-1)+IF('Standard Profiles'!$G$20=$B$10,7,0)+IF('Standard Profiles'!$G$20=$B$17,14,0)+IF('Standard Profiles'!$G$20=$B$24,21,0),MOD($C4584,24)+1)/SUM(INDEX($D$3:$AA$30,INDEX(Jesper!$R$2:$R$366,ROW(INDEX(Jesper!AJ$2:AJ$366,ROUNDDOWN($C4584/24,0)+1,1))-1)+IF('Standard Profiles'!$G$20=$B$10,7,0)+IF('Standard Profiles'!$G$20=$B$17,14,0)+IF('Standard Profiles'!$G$20=$B$24,21,0),0)),0)</f>
        <v>0</v>
      </c>
      <c r="G4584" cm="1">
        <f t="array" ref="G4584">IFERROR(INDEX(Jesper!AK$2:AK$366,ROUNDDOWN($C4584/24,0)+1,1)*INDEX($D$3:$AA$30,INDEX(Jesper!$R$2:$R$366,ROW(INDEX(Jesper!AK$2:AK$366,ROUNDDOWN($C4584/24,0)+1,1))-1)+IF('Standard Profiles'!$G$21=$B$10,7,0)+IF('Standard Profiles'!$G$21=$B$17,14,0)+IF('Standard Profiles'!$G$21=$B$24,21,0),MOD($C4584,24)+1)/SUM(INDEX($D$3:$AA$30,INDEX(Jesper!$R$2:$R$366,ROW(INDEX(Jesper!AK$2:AK$366,ROUNDDOWN($C4584/24,0)+1,1))-1)+IF('Standard Profiles'!$G$21=$B$10,7,0)+IF('Standard Profiles'!$G$21=$B$17,14,0)+IF('Standard Profiles'!$G$21=$B$24,21,0),0)),0)</f>
        <v>0</v>
      </c>
      <c r="H4584" cm="1">
        <f t="array" ref="H4584">IFERROR(INDEX(Jesper!AL$2:AL$366,ROUNDDOWN($C4584/24,0)+1,1)*INDEX($D$3:$AA$30,INDEX(Jesper!$R$2:$R$366,ROW(INDEX(Jesper!AL$2:AL$366,ROUNDDOWN($C4584/24,0)+1,1))-1)+IF('Standard Profiles'!$G$22=$B$10,7,0)+IF('Standard Profiles'!$G$22=$B$17,14,0)+IF('Standard Profiles'!$G$22=$B$24,21,0),MOD($C4584,24)+1)/SUM(INDEX($D$3:$AA$30,INDEX(Jesper!$R$2:$R$366,ROW(INDEX(Jesper!AL$2:AL$366,ROUNDDOWN($C4584/24,0)+1,1))-1)+IF('Standard Profiles'!$G$22=$B$10,7,0)+IF('Standard Profiles'!$G$22=$B$17,14,0)+IF('Standard Profiles'!$G$22=$B$24,21,0),0)),0)</f>
        <v>0</v>
      </c>
      <c r="I4584">
        <f t="shared" si="517"/>
        <v>0.45658393071047898</v>
      </c>
      <c r="J4584">
        <f t="shared" si="518"/>
        <v>1.5219464357015968</v>
      </c>
      <c r="K4584">
        <f t="shared" si="519"/>
        <v>2.282919653552395</v>
      </c>
      <c r="L4584">
        <f t="shared" si="520"/>
        <v>10.958014337051496</v>
      </c>
      <c r="M4584">
        <f t="shared" si="521"/>
        <v>0</v>
      </c>
      <c r="N4584" s="46">
        <f t="shared" si="522"/>
        <v>45481.583333322298</v>
      </c>
    </row>
    <row r="4585" spans="2:14" x14ac:dyDescent="0.3">
      <c r="B4585">
        <f t="shared" si="516"/>
        <v>1</v>
      </c>
      <c r="C4585" s="16">
        <v>4551</v>
      </c>
      <c r="D4585" cm="1">
        <f t="array" ref="D4585">IFERROR(INDEX(Jesper!AH$2:AH$366,ROUNDDOWN($C4585/24,0)+1,1)*INDEX($D$3:$AA$30,INDEX(Jesper!$R$2:$R$366,ROW(INDEX(Jesper!AH$2:AH$366,ROUNDDOWN($C4585/24,0)+1,1))-1)+IF('Standard Profiles'!$G$18=$B$10,7,0)+IF('Standard Profiles'!$G$18=$B$17,14,0)+IF('Standard Profiles'!$G$18=$B$24,21,0),MOD($C4585,24)+1)/SUM(INDEX($D$3:$AA$30,INDEX(Jesper!$R$2:$R$366,ROW(INDEX(Jesper!AH$2:AH$366,ROUNDDOWN($C4585/24,0)+1,1))-1)+IF('Standard Profiles'!$G$18=$B$10,7,0)+IF('Standard Profiles'!$G$18=$B$17,14,0)+IF('Standard Profiles'!$G$18=$B$24,21,0),0)),0)</f>
        <v>15.219464357015967</v>
      </c>
      <c r="E4585" cm="1">
        <f t="array" ref="E4585">IFERROR(INDEX(Jesper!AI$2:AI$366,ROUNDDOWN($C4585/24,0)+1,1)*INDEX($D$3:$AA$30,INDEX(Jesper!$R$2:$R$366,ROW(INDEX(Jesper!AI$2:AI$366,ROUNDDOWN($C4585/24,0)+1,1))-1)+IF('Standard Profiles'!$G$19=$B$10,7,0)+IF('Standard Profiles'!$G$19=$B$17,14,0)+IF('Standard Profiles'!$G$19=$B$24,21,0),MOD($C4585,24)+1)/SUM(INDEX($D$3:$AA$30,INDEX(Jesper!$R$2:$R$366,ROW(INDEX(Jesper!AI$2:AI$366,ROUNDDOWN($C4585/24,0)+1,1))-1)+IF('Standard Profiles'!$G$19=$B$10,7,0)+IF('Standard Profiles'!$G$19=$B$17,14,0)+IF('Standard Profiles'!$G$19=$B$24,21,0),0)),0)</f>
        <v>0</v>
      </c>
      <c r="F4585" cm="1">
        <f t="array" ref="F4585">IFERROR(INDEX(Jesper!AJ$2:AJ$366,ROUNDDOWN($C4585/24,0)+1,1)*INDEX($D$3:$AA$30,INDEX(Jesper!$R$2:$R$366,ROW(INDEX(Jesper!AJ$2:AJ$366,ROUNDDOWN($C4585/24,0)+1,1))-1)+IF('Standard Profiles'!$G$20=$B$10,7,0)+IF('Standard Profiles'!$G$20=$B$17,14,0)+IF('Standard Profiles'!$G$20=$B$24,21,0),MOD($C4585,24)+1)/SUM(INDEX($D$3:$AA$30,INDEX(Jesper!$R$2:$R$366,ROW(INDEX(Jesper!AJ$2:AJ$366,ROUNDDOWN($C4585/24,0)+1,1))-1)+IF('Standard Profiles'!$G$20=$B$10,7,0)+IF('Standard Profiles'!$G$20=$B$17,14,0)+IF('Standard Profiles'!$G$20=$B$24,21,0),0)),0)</f>
        <v>0</v>
      </c>
      <c r="G4585" cm="1">
        <f t="array" ref="G4585">IFERROR(INDEX(Jesper!AK$2:AK$366,ROUNDDOWN($C4585/24,0)+1,1)*INDEX($D$3:$AA$30,INDEX(Jesper!$R$2:$R$366,ROW(INDEX(Jesper!AK$2:AK$366,ROUNDDOWN($C4585/24,0)+1,1))-1)+IF('Standard Profiles'!$G$21=$B$10,7,0)+IF('Standard Profiles'!$G$21=$B$17,14,0)+IF('Standard Profiles'!$G$21=$B$24,21,0),MOD($C4585,24)+1)/SUM(INDEX($D$3:$AA$30,INDEX(Jesper!$R$2:$R$366,ROW(INDEX(Jesper!AK$2:AK$366,ROUNDDOWN($C4585/24,0)+1,1))-1)+IF('Standard Profiles'!$G$21=$B$10,7,0)+IF('Standard Profiles'!$G$21=$B$17,14,0)+IF('Standard Profiles'!$G$21=$B$24,21,0),0)),0)</f>
        <v>0</v>
      </c>
      <c r="H4585" cm="1">
        <f t="array" ref="H4585">IFERROR(INDEX(Jesper!AL$2:AL$366,ROUNDDOWN($C4585/24,0)+1,1)*INDEX($D$3:$AA$30,INDEX(Jesper!$R$2:$R$366,ROW(INDEX(Jesper!AL$2:AL$366,ROUNDDOWN($C4585/24,0)+1,1))-1)+IF('Standard Profiles'!$G$22=$B$10,7,0)+IF('Standard Profiles'!$G$22=$B$17,14,0)+IF('Standard Profiles'!$G$22=$B$24,21,0),MOD($C4585,24)+1)/SUM(INDEX($D$3:$AA$30,INDEX(Jesper!$R$2:$R$366,ROW(INDEX(Jesper!AL$2:AL$366,ROUNDDOWN($C4585/24,0)+1,1))-1)+IF('Standard Profiles'!$G$22=$B$10,7,0)+IF('Standard Profiles'!$G$22=$B$17,14,0)+IF('Standard Profiles'!$G$22=$B$24,21,0),0)),0)</f>
        <v>0</v>
      </c>
      <c r="I4585">
        <f t="shared" si="517"/>
        <v>0.45658393071047898</v>
      </c>
      <c r="J4585">
        <f t="shared" si="518"/>
        <v>1.5219464357015968</v>
      </c>
      <c r="K4585">
        <f t="shared" si="519"/>
        <v>2.282919653552395</v>
      </c>
      <c r="L4585">
        <f t="shared" si="520"/>
        <v>10.958014337051496</v>
      </c>
      <c r="M4585">
        <f t="shared" si="521"/>
        <v>0</v>
      </c>
      <c r="N4585" s="46">
        <f t="shared" si="522"/>
        <v>45481.624999988962</v>
      </c>
    </row>
    <row r="4586" spans="2:14" x14ac:dyDescent="0.3">
      <c r="B4586">
        <f t="shared" si="516"/>
        <v>1</v>
      </c>
      <c r="C4586" s="16">
        <v>4552</v>
      </c>
      <c r="D4586" cm="1">
        <f t="array" ref="D4586">IFERROR(INDEX(Jesper!AH$2:AH$366,ROUNDDOWN($C4586/24,0)+1,1)*INDEX($D$3:$AA$30,INDEX(Jesper!$R$2:$R$366,ROW(INDEX(Jesper!AH$2:AH$366,ROUNDDOWN($C4586/24,0)+1,1))-1)+IF('Standard Profiles'!$G$18=$B$10,7,0)+IF('Standard Profiles'!$G$18=$B$17,14,0)+IF('Standard Profiles'!$G$18=$B$24,21,0),MOD($C4586,24)+1)/SUM(INDEX($D$3:$AA$30,INDEX(Jesper!$R$2:$R$366,ROW(INDEX(Jesper!AH$2:AH$366,ROUNDDOWN($C4586/24,0)+1,1))-1)+IF('Standard Profiles'!$G$18=$B$10,7,0)+IF('Standard Profiles'!$G$18=$B$17,14,0)+IF('Standard Profiles'!$G$18=$B$24,21,0),0)),0)</f>
        <v>15.219464357015967</v>
      </c>
      <c r="E4586" cm="1">
        <f t="array" ref="E4586">IFERROR(INDEX(Jesper!AI$2:AI$366,ROUNDDOWN($C4586/24,0)+1,1)*INDEX($D$3:$AA$30,INDEX(Jesper!$R$2:$R$366,ROW(INDEX(Jesper!AI$2:AI$366,ROUNDDOWN($C4586/24,0)+1,1))-1)+IF('Standard Profiles'!$G$19=$B$10,7,0)+IF('Standard Profiles'!$G$19=$B$17,14,0)+IF('Standard Profiles'!$G$19=$B$24,21,0),MOD($C4586,24)+1)/SUM(INDEX($D$3:$AA$30,INDEX(Jesper!$R$2:$R$366,ROW(INDEX(Jesper!AI$2:AI$366,ROUNDDOWN($C4586/24,0)+1,1))-1)+IF('Standard Profiles'!$G$19=$B$10,7,0)+IF('Standard Profiles'!$G$19=$B$17,14,0)+IF('Standard Profiles'!$G$19=$B$24,21,0),0)),0)</f>
        <v>0</v>
      </c>
      <c r="F4586" cm="1">
        <f t="array" ref="F4586">IFERROR(INDEX(Jesper!AJ$2:AJ$366,ROUNDDOWN($C4586/24,0)+1,1)*INDEX($D$3:$AA$30,INDEX(Jesper!$R$2:$R$366,ROW(INDEX(Jesper!AJ$2:AJ$366,ROUNDDOWN($C4586/24,0)+1,1))-1)+IF('Standard Profiles'!$G$20=$B$10,7,0)+IF('Standard Profiles'!$G$20=$B$17,14,0)+IF('Standard Profiles'!$G$20=$B$24,21,0),MOD($C4586,24)+1)/SUM(INDEX($D$3:$AA$30,INDEX(Jesper!$R$2:$R$366,ROW(INDEX(Jesper!AJ$2:AJ$366,ROUNDDOWN($C4586/24,0)+1,1))-1)+IF('Standard Profiles'!$G$20=$B$10,7,0)+IF('Standard Profiles'!$G$20=$B$17,14,0)+IF('Standard Profiles'!$G$20=$B$24,21,0),0)),0)</f>
        <v>0</v>
      </c>
      <c r="G4586" cm="1">
        <f t="array" ref="G4586">IFERROR(INDEX(Jesper!AK$2:AK$366,ROUNDDOWN($C4586/24,0)+1,1)*INDEX($D$3:$AA$30,INDEX(Jesper!$R$2:$R$366,ROW(INDEX(Jesper!AK$2:AK$366,ROUNDDOWN($C4586/24,0)+1,1))-1)+IF('Standard Profiles'!$G$21=$B$10,7,0)+IF('Standard Profiles'!$G$21=$B$17,14,0)+IF('Standard Profiles'!$G$21=$B$24,21,0),MOD($C4586,24)+1)/SUM(INDEX($D$3:$AA$30,INDEX(Jesper!$R$2:$R$366,ROW(INDEX(Jesper!AK$2:AK$366,ROUNDDOWN($C4586/24,0)+1,1))-1)+IF('Standard Profiles'!$G$21=$B$10,7,0)+IF('Standard Profiles'!$G$21=$B$17,14,0)+IF('Standard Profiles'!$G$21=$B$24,21,0),0)),0)</f>
        <v>0</v>
      </c>
      <c r="H4586" cm="1">
        <f t="array" ref="H4586">IFERROR(INDEX(Jesper!AL$2:AL$366,ROUNDDOWN($C4586/24,0)+1,1)*INDEX($D$3:$AA$30,INDEX(Jesper!$R$2:$R$366,ROW(INDEX(Jesper!AL$2:AL$366,ROUNDDOWN($C4586/24,0)+1,1))-1)+IF('Standard Profiles'!$G$22=$B$10,7,0)+IF('Standard Profiles'!$G$22=$B$17,14,0)+IF('Standard Profiles'!$G$22=$B$24,21,0),MOD($C4586,24)+1)/SUM(INDEX($D$3:$AA$30,INDEX(Jesper!$R$2:$R$366,ROW(INDEX(Jesper!AL$2:AL$366,ROUNDDOWN($C4586/24,0)+1,1))-1)+IF('Standard Profiles'!$G$22=$B$10,7,0)+IF('Standard Profiles'!$G$22=$B$17,14,0)+IF('Standard Profiles'!$G$22=$B$24,21,0),0)),0)</f>
        <v>0</v>
      </c>
      <c r="I4586">
        <f t="shared" si="517"/>
        <v>0.45658393071047898</v>
      </c>
      <c r="J4586">
        <f t="shared" si="518"/>
        <v>1.5219464357015968</v>
      </c>
      <c r="K4586">
        <f t="shared" si="519"/>
        <v>2.282919653552395</v>
      </c>
      <c r="L4586">
        <f t="shared" si="520"/>
        <v>10.958014337051496</v>
      </c>
      <c r="M4586">
        <f t="shared" si="521"/>
        <v>0</v>
      </c>
      <c r="N4586" s="46">
        <f t="shared" si="522"/>
        <v>45481.666666655627</v>
      </c>
    </row>
    <row r="4587" spans="2:14" x14ac:dyDescent="0.3">
      <c r="B4587">
        <f t="shared" si="516"/>
        <v>1</v>
      </c>
      <c r="C4587" s="16">
        <v>4553</v>
      </c>
      <c r="D4587" cm="1">
        <f t="array" ref="D4587">IFERROR(INDEX(Jesper!AH$2:AH$366,ROUNDDOWN($C4587/24,0)+1,1)*INDEX($D$3:$AA$30,INDEX(Jesper!$R$2:$R$366,ROW(INDEX(Jesper!AH$2:AH$366,ROUNDDOWN($C4587/24,0)+1,1))-1)+IF('Standard Profiles'!$G$18=$B$10,7,0)+IF('Standard Profiles'!$G$18=$B$17,14,0)+IF('Standard Profiles'!$G$18=$B$24,21,0),MOD($C4587,24)+1)/SUM(INDEX($D$3:$AA$30,INDEX(Jesper!$R$2:$R$366,ROW(INDEX(Jesper!AH$2:AH$366,ROUNDDOWN($C4587/24,0)+1,1))-1)+IF('Standard Profiles'!$G$18=$B$10,7,0)+IF('Standard Profiles'!$G$18=$B$17,14,0)+IF('Standard Profiles'!$G$18=$B$24,21,0),0)),0)</f>
        <v>15.219464357015967</v>
      </c>
      <c r="E4587" cm="1">
        <f t="array" ref="E4587">IFERROR(INDEX(Jesper!AI$2:AI$366,ROUNDDOWN($C4587/24,0)+1,1)*INDEX($D$3:$AA$30,INDEX(Jesper!$R$2:$R$366,ROW(INDEX(Jesper!AI$2:AI$366,ROUNDDOWN($C4587/24,0)+1,1))-1)+IF('Standard Profiles'!$G$19=$B$10,7,0)+IF('Standard Profiles'!$G$19=$B$17,14,0)+IF('Standard Profiles'!$G$19=$B$24,21,0),MOD($C4587,24)+1)/SUM(INDEX($D$3:$AA$30,INDEX(Jesper!$R$2:$R$366,ROW(INDEX(Jesper!AI$2:AI$366,ROUNDDOWN($C4587/24,0)+1,1))-1)+IF('Standard Profiles'!$G$19=$B$10,7,0)+IF('Standard Profiles'!$G$19=$B$17,14,0)+IF('Standard Profiles'!$G$19=$B$24,21,0),0)),0)</f>
        <v>0</v>
      </c>
      <c r="F4587" cm="1">
        <f t="array" ref="F4587">IFERROR(INDEX(Jesper!AJ$2:AJ$366,ROUNDDOWN($C4587/24,0)+1,1)*INDEX($D$3:$AA$30,INDEX(Jesper!$R$2:$R$366,ROW(INDEX(Jesper!AJ$2:AJ$366,ROUNDDOWN($C4587/24,0)+1,1))-1)+IF('Standard Profiles'!$G$20=$B$10,7,0)+IF('Standard Profiles'!$G$20=$B$17,14,0)+IF('Standard Profiles'!$G$20=$B$24,21,0),MOD($C4587,24)+1)/SUM(INDEX($D$3:$AA$30,INDEX(Jesper!$R$2:$R$366,ROW(INDEX(Jesper!AJ$2:AJ$366,ROUNDDOWN($C4587/24,0)+1,1))-1)+IF('Standard Profiles'!$G$20=$B$10,7,0)+IF('Standard Profiles'!$G$20=$B$17,14,0)+IF('Standard Profiles'!$G$20=$B$24,21,0),0)),0)</f>
        <v>0</v>
      </c>
      <c r="G4587" cm="1">
        <f t="array" ref="G4587">IFERROR(INDEX(Jesper!AK$2:AK$366,ROUNDDOWN($C4587/24,0)+1,1)*INDEX($D$3:$AA$30,INDEX(Jesper!$R$2:$R$366,ROW(INDEX(Jesper!AK$2:AK$366,ROUNDDOWN($C4587/24,0)+1,1))-1)+IF('Standard Profiles'!$G$21=$B$10,7,0)+IF('Standard Profiles'!$G$21=$B$17,14,0)+IF('Standard Profiles'!$G$21=$B$24,21,0),MOD($C4587,24)+1)/SUM(INDEX($D$3:$AA$30,INDEX(Jesper!$R$2:$R$366,ROW(INDEX(Jesper!AK$2:AK$366,ROUNDDOWN($C4587/24,0)+1,1))-1)+IF('Standard Profiles'!$G$21=$B$10,7,0)+IF('Standard Profiles'!$G$21=$B$17,14,0)+IF('Standard Profiles'!$G$21=$B$24,21,0),0)),0)</f>
        <v>0</v>
      </c>
      <c r="H4587" cm="1">
        <f t="array" ref="H4587">IFERROR(INDEX(Jesper!AL$2:AL$366,ROUNDDOWN($C4587/24,0)+1,1)*INDEX($D$3:$AA$30,INDEX(Jesper!$R$2:$R$366,ROW(INDEX(Jesper!AL$2:AL$366,ROUNDDOWN($C4587/24,0)+1,1))-1)+IF('Standard Profiles'!$G$22=$B$10,7,0)+IF('Standard Profiles'!$G$22=$B$17,14,0)+IF('Standard Profiles'!$G$22=$B$24,21,0),MOD($C4587,24)+1)/SUM(INDEX($D$3:$AA$30,INDEX(Jesper!$R$2:$R$366,ROW(INDEX(Jesper!AL$2:AL$366,ROUNDDOWN($C4587/24,0)+1,1))-1)+IF('Standard Profiles'!$G$22=$B$10,7,0)+IF('Standard Profiles'!$G$22=$B$17,14,0)+IF('Standard Profiles'!$G$22=$B$24,21,0),0)),0)</f>
        <v>0</v>
      </c>
      <c r="I4587">
        <f t="shared" si="517"/>
        <v>0.45658393071047898</v>
      </c>
      <c r="J4587">
        <f t="shared" si="518"/>
        <v>1.5219464357015968</v>
      </c>
      <c r="K4587">
        <f t="shared" si="519"/>
        <v>2.282919653552395</v>
      </c>
      <c r="L4587">
        <f t="shared" si="520"/>
        <v>10.958014337051496</v>
      </c>
      <c r="M4587">
        <f t="shared" si="521"/>
        <v>0</v>
      </c>
      <c r="N4587" s="46">
        <f t="shared" si="522"/>
        <v>45481.708333322291</v>
      </c>
    </row>
    <row r="4588" spans="2:14" x14ac:dyDescent="0.3">
      <c r="B4588">
        <f t="shared" si="516"/>
        <v>1</v>
      </c>
      <c r="C4588" s="16">
        <v>4554</v>
      </c>
      <c r="D4588" cm="1">
        <f t="array" ref="D4588">IFERROR(INDEX(Jesper!AH$2:AH$366,ROUNDDOWN($C4588/24,0)+1,1)*INDEX($D$3:$AA$30,INDEX(Jesper!$R$2:$R$366,ROW(INDEX(Jesper!AH$2:AH$366,ROUNDDOWN($C4588/24,0)+1,1))-1)+IF('Standard Profiles'!$G$18=$B$10,7,0)+IF('Standard Profiles'!$G$18=$B$17,14,0)+IF('Standard Profiles'!$G$18=$B$24,21,0),MOD($C4588,24)+1)/SUM(INDEX($D$3:$AA$30,INDEX(Jesper!$R$2:$R$366,ROW(INDEX(Jesper!AH$2:AH$366,ROUNDDOWN($C4588/24,0)+1,1))-1)+IF('Standard Profiles'!$G$18=$B$10,7,0)+IF('Standard Profiles'!$G$18=$B$17,14,0)+IF('Standard Profiles'!$G$18=$B$24,21,0),0)),0)</f>
        <v>15.219464357015967</v>
      </c>
      <c r="E4588" cm="1">
        <f t="array" ref="E4588">IFERROR(INDEX(Jesper!AI$2:AI$366,ROUNDDOWN($C4588/24,0)+1,1)*INDEX($D$3:$AA$30,INDEX(Jesper!$R$2:$R$366,ROW(INDEX(Jesper!AI$2:AI$366,ROUNDDOWN($C4588/24,0)+1,1))-1)+IF('Standard Profiles'!$G$19=$B$10,7,0)+IF('Standard Profiles'!$G$19=$B$17,14,0)+IF('Standard Profiles'!$G$19=$B$24,21,0),MOD($C4588,24)+1)/SUM(INDEX($D$3:$AA$30,INDEX(Jesper!$R$2:$R$366,ROW(INDEX(Jesper!AI$2:AI$366,ROUNDDOWN($C4588/24,0)+1,1))-1)+IF('Standard Profiles'!$G$19=$B$10,7,0)+IF('Standard Profiles'!$G$19=$B$17,14,0)+IF('Standard Profiles'!$G$19=$B$24,21,0),0)),0)</f>
        <v>0</v>
      </c>
      <c r="F4588" cm="1">
        <f t="array" ref="F4588">IFERROR(INDEX(Jesper!AJ$2:AJ$366,ROUNDDOWN($C4588/24,0)+1,1)*INDEX($D$3:$AA$30,INDEX(Jesper!$R$2:$R$366,ROW(INDEX(Jesper!AJ$2:AJ$366,ROUNDDOWN($C4588/24,0)+1,1))-1)+IF('Standard Profiles'!$G$20=$B$10,7,0)+IF('Standard Profiles'!$G$20=$B$17,14,0)+IF('Standard Profiles'!$G$20=$B$24,21,0),MOD($C4588,24)+1)/SUM(INDEX($D$3:$AA$30,INDEX(Jesper!$R$2:$R$366,ROW(INDEX(Jesper!AJ$2:AJ$366,ROUNDDOWN($C4588/24,0)+1,1))-1)+IF('Standard Profiles'!$G$20=$B$10,7,0)+IF('Standard Profiles'!$G$20=$B$17,14,0)+IF('Standard Profiles'!$G$20=$B$24,21,0),0)),0)</f>
        <v>0</v>
      </c>
      <c r="G4588" cm="1">
        <f t="array" ref="G4588">IFERROR(INDEX(Jesper!AK$2:AK$366,ROUNDDOWN($C4588/24,0)+1,1)*INDEX($D$3:$AA$30,INDEX(Jesper!$R$2:$R$366,ROW(INDEX(Jesper!AK$2:AK$366,ROUNDDOWN($C4588/24,0)+1,1))-1)+IF('Standard Profiles'!$G$21=$B$10,7,0)+IF('Standard Profiles'!$G$21=$B$17,14,0)+IF('Standard Profiles'!$G$21=$B$24,21,0),MOD($C4588,24)+1)/SUM(INDEX($D$3:$AA$30,INDEX(Jesper!$R$2:$R$366,ROW(INDEX(Jesper!AK$2:AK$366,ROUNDDOWN($C4588/24,0)+1,1))-1)+IF('Standard Profiles'!$G$21=$B$10,7,0)+IF('Standard Profiles'!$G$21=$B$17,14,0)+IF('Standard Profiles'!$G$21=$B$24,21,0),0)),0)</f>
        <v>0</v>
      </c>
      <c r="H4588" cm="1">
        <f t="array" ref="H4588">IFERROR(INDEX(Jesper!AL$2:AL$366,ROUNDDOWN($C4588/24,0)+1,1)*INDEX($D$3:$AA$30,INDEX(Jesper!$R$2:$R$366,ROW(INDEX(Jesper!AL$2:AL$366,ROUNDDOWN($C4588/24,0)+1,1))-1)+IF('Standard Profiles'!$G$22=$B$10,7,0)+IF('Standard Profiles'!$G$22=$B$17,14,0)+IF('Standard Profiles'!$G$22=$B$24,21,0),MOD($C4588,24)+1)/SUM(INDEX($D$3:$AA$30,INDEX(Jesper!$R$2:$R$366,ROW(INDEX(Jesper!AL$2:AL$366,ROUNDDOWN($C4588/24,0)+1,1))-1)+IF('Standard Profiles'!$G$22=$B$10,7,0)+IF('Standard Profiles'!$G$22=$B$17,14,0)+IF('Standard Profiles'!$G$22=$B$24,21,0),0)),0)</f>
        <v>0</v>
      </c>
      <c r="I4588">
        <f t="shared" si="517"/>
        <v>0.45658393071047898</v>
      </c>
      <c r="J4588">
        <f t="shared" si="518"/>
        <v>1.5219464357015968</v>
      </c>
      <c r="K4588">
        <f t="shared" si="519"/>
        <v>2.282919653552395</v>
      </c>
      <c r="L4588">
        <f t="shared" si="520"/>
        <v>10.958014337051496</v>
      </c>
      <c r="M4588">
        <f t="shared" si="521"/>
        <v>0</v>
      </c>
      <c r="N4588" s="46">
        <f t="shared" si="522"/>
        <v>45481.749999988955</v>
      </c>
    </row>
    <row r="4589" spans="2:14" x14ac:dyDescent="0.3">
      <c r="B4589">
        <f t="shared" si="516"/>
        <v>1</v>
      </c>
      <c r="C4589" s="16">
        <v>4555</v>
      </c>
      <c r="D4589" cm="1">
        <f t="array" ref="D4589">IFERROR(INDEX(Jesper!AH$2:AH$366,ROUNDDOWN($C4589/24,0)+1,1)*INDEX($D$3:$AA$30,INDEX(Jesper!$R$2:$R$366,ROW(INDEX(Jesper!AH$2:AH$366,ROUNDDOWN($C4589/24,0)+1,1))-1)+IF('Standard Profiles'!$G$18=$B$10,7,0)+IF('Standard Profiles'!$G$18=$B$17,14,0)+IF('Standard Profiles'!$G$18=$B$24,21,0),MOD($C4589,24)+1)/SUM(INDEX($D$3:$AA$30,INDEX(Jesper!$R$2:$R$366,ROW(INDEX(Jesper!AH$2:AH$366,ROUNDDOWN($C4589/24,0)+1,1))-1)+IF('Standard Profiles'!$G$18=$B$10,7,0)+IF('Standard Profiles'!$G$18=$B$17,14,0)+IF('Standard Profiles'!$G$18=$B$24,21,0),0)),0)</f>
        <v>12.746301399000874</v>
      </c>
      <c r="E4589" cm="1">
        <f t="array" ref="E4589">IFERROR(INDEX(Jesper!AI$2:AI$366,ROUNDDOWN($C4589/24,0)+1,1)*INDEX($D$3:$AA$30,INDEX(Jesper!$R$2:$R$366,ROW(INDEX(Jesper!AI$2:AI$366,ROUNDDOWN($C4589/24,0)+1,1))-1)+IF('Standard Profiles'!$G$19=$B$10,7,0)+IF('Standard Profiles'!$G$19=$B$17,14,0)+IF('Standard Profiles'!$G$19=$B$24,21,0),MOD($C4589,24)+1)/SUM(INDEX($D$3:$AA$30,INDEX(Jesper!$R$2:$R$366,ROW(INDEX(Jesper!AI$2:AI$366,ROUNDDOWN($C4589/24,0)+1,1))-1)+IF('Standard Profiles'!$G$19=$B$10,7,0)+IF('Standard Profiles'!$G$19=$B$17,14,0)+IF('Standard Profiles'!$G$19=$B$24,21,0),0)),0)</f>
        <v>0</v>
      </c>
      <c r="F4589" cm="1">
        <f t="array" ref="F4589">IFERROR(INDEX(Jesper!AJ$2:AJ$366,ROUNDDOWN($C4589/24,0)+1,1)*INDEX($D$3:$AA$30,INDEX(Jesper!$R$2:$R$366,ROW(INDEX(Jesper!AJ$2:AJ$366,ROUNDDOWN($C4589/24,0)+1,1))-1)+IF('Standard Profiles'!$G$20=$B$10,7,0)+IF('Standard Profiles'!$G$20=$B$17,14,0)+IF('Standard Profiles'!$G$20=$B$24,21,0),MOD($C4589,24)+1)/SUM(INDEX($D$3:$AA$30,INDEX(Jesper!$R$2:$R$366,ROW(INDEX(Jesper!AJ$2:AJ$366,ROUNDDOWN($C4589/24,0)+1,1))-1)+IF('Standard Profiles'!$G$20=$B$10,7,0)+IF('Standard Profiles'!$G$20=$B$17,14,0)+IF('Standard Profiles'!$G$20=$B$24,21,0),0)),0)</f>
        <v>0</v>
      </c>
      <c r="G4589" cm="1">
        <f t="array" ref="G4589">IFERROR(INDEX(Jesper!AK$2:AK$366,ROUNDDOWN($C4589/24,0)+1,1)*INDEX($D$3:$AA$30,INDEX(Jesper!$R$2:$R$366,ROW(INDEX(Jesper!AK$2:AK$366,ROUNDDOWN($C4589/24,0)+1,1))-1)+IF('Standard Profiles'!$G$21=$B$10,7,0)+IF('Standard Profiles'!$G$21=$B$17,14,0)+IF('Standard Profiles'!$G$21=$B$24,21,0),MOD($C4589,24)+1)/SUM(INDEX($D$3:$AA$30,INDEX(Jesper!$R$2:$R$366,ROW(INDEX(Jesper!AK$2:AK$366,ROUNDDOWN($C4589/24,0)+1,1))-1)+IF('Standard Profiles'!$G$21=$B$10,7,0)+IF('Standard Profiles'!$G$21=$B$17,14,0)+IF('Standard Profiles'!$G$21=$B$24,21,0),0)),0)</f>
        <v>0</v>
      </c>
      <c r="H4589" cm="1">
        <f t="array" ref="H4589">IFERROR(INDEX(Jesper!AL$2:AL$366,ROUNDDOWN($C4589/24,0)+1,1)*INDEX($D$3:$AA$30,INDEX(Jesper!$R$2:$R$366,ROW(INDEX(Jesper!AL$2:AL$366,ROUNDDOWN($C4589/24,0)+1,1))-1)+IF('Standard Profiles'!$G$22=$B$10,7,0)+IF('Standard Profiles'!$G$22=$B$17,14,0)+IF('Standard Profiles'!$G$22=$B$24,21,0),MOD($C4589,24)+1)/SUM(INDEX($D$3:$AA$30,INDEX(Jesper!$R$2:$R$366,ROW(INDEX(Jesper!AL$2:AL$366,ROUNDDOWN($C4589/24,0)+1,1))-1)+IF('Standard Profiles'!$G$22=$B$10,7,0)+IF('Standard Profiles'!$G$22=$B$17,14,0)+IF('Standard Profiles'!$G$22=$B$24,21,0),0)),0)</f>
        <v>0</v>
      </c>
      <c r="I4589">
        <f t="shared" si="517"/>
        <v>0.38238904197002621</v>
      </c>
      <c r="J4589">
        <f t="shared" si="518"/>
        <v>1.2746301399000874</v>
      </c>
      <c r="K4589">
        <f t="shared" si="519"/>
        <v>1.9119452098501311</v>
      </c>
      <c r="L4589">
        <f t="shared" si="520"/>
        <v>9.1773370072806291</v>
      </c>
      <c r="M4589">
        <f t="shared" si="521"/>
        <v>0</v>
      </c>
      <c r="N4589" s="46">
        <f t="shared" si="522"/>
        <v>45481.791666655619</v>
      </c>
    </row>
    <row r="4590" spans="2:14" x14ac:dyDescent="0.3">
      <c r="B4590">
        <f t="shared" si="516"/>
        <v>1</v>
      </c>
      <c r="C4590" s="16">
        <v>4556</v>
      </c>
      <c r="D4590" cm="1">
        <f t="array" ref="D4590">IFERROR(INDEX(Jesper!AH$2:AH$366,ROUNDDOWN($C4590/24,0)+1,1)*INDEX($D$3:$AA$30,INDEX(Jesper!$R$2:$R$366,ROW(INDEX(Jesper!AH$2:AH$366,ROUNDDOWN($C4590/24,0)+1,1))-1)+IF('Standard Profiles'!$G$18=$B$10,7,0)+IF('Standard Profiles'!$G$18=$B$17,14,0)+IF('Standard Profiles'!$G$18=$B$24,21,0),MOD($C4590,24)+1)/SUM(INDEX($D$3:$AA$30,INDEX(Jesper!$R$2:$R$366,ROW(INDEX(Jesper!AH$2:AH$366,ROUNDDOWN($C4590/24,0)+1,1))-1)+IF('Standard Profiles'!$G$18=$B$10,7,0)+IF('Standard Profiles'!$G$18=$B$17,14,0)+IF('Standard Profiles'!$G$18=$B$24,21,0),0)),0)</f>
        <v>10.463381745448478</v>
      </c>
      <c r="E4590" cm="1">
        <f t="array" ref="E4590">IFERROR(INDEX(Jesper!AI$2:AI$366,ROUNDDOWN($C4590/24,0)+1,1)*INDEX($D$3:$AA$30,INDEX(Jesper!$R$2:$R$366,ROW(INDEX(Jesper!AI$2:AI$366,ROUNDDOWN($C4590/24,0)+1,1))-1)+IF('Standard Profiles'!$G$19=$B$10,7,0)+IF('Standard Profiles'!$G$19=$B$17,14,0)+IF('Standard Profiles'!$G$19=$B$24,21,0),MOD($C4590,24)+1)/SUM(INDEX($D$3:$AA$30,INDEX(Jesper!$R$2:$R$366,ROW(INDEX(Jesper!AI$2:AI$366,ROUNDDOWN($C4590/24,0)+1,1))-1)+IF('Standard Profiles'!$G$19=$B$10,7,0)+IF('Standard Profiles'!$G$19=$B$17,14,0)+IF('Standard Profiles'!$G$19=$B$24,21,0),0)),0)</f>
        <v>0</v>
      </c>
      <c r="F4590" cm="1">
        <f t="array" ref="F4590">IFERROR(INDEX(Jesper!AJ$2:AJ$366,ROUNDDOWN($C4590/24,0)+1,1)*INDEX($D$3:$AA$30,INDEX(Jesper!$R$2:$R$366,ROW(INDEX(Jesper!AJ$2:AJ$366,ROUNDDOWN($C4590/24,0)+1,1))-1)+IF('Standard Profiles'!$G$20=$B$10,7,0)+IF('Standard Profiles'!$G$20=$B$17,14,0)+IF('Standard Profiles'!$G$20=$B$24,21,0),MOD($C4590,24)+1)/SUM(INDEX($D$3:$AA$30,INDEX(Jesper!$R$2:$R$366,ROW(INDEX(Jesper!AJ$2:AJ$366,ROUNDDOWN($C4590/24,0)+1,1))-1)+IF('Standard Profiles'!$G$20=$B$10,7,0)+IF('Standard Profiles'!$G$20=$B$17,14,0)+IF('Standard Profiles'!$G$20=$B$24,21,0),0)),0)</f>
        <v>0</v>
      </c>
      <c r="G4590" cm="1">
        <f t="array" ref="G4590">IFERROR(INDEX(Jesper!AK$2:AK$366,ROUNDDOWN($C4590/24,0)+1,1)*INDEX($D$3:$AA$30,INDEX(Jesper!$R$2:$R$366,ROW(INDEX(Jesper!AK$2:AK$366,ROUNDDOWN($C4590/24,0)+1,1))-1)+IF('Standard Profiles'!$G$21=$B$10,7,0)+IF('Standard Profiles'!$G$21=$B$17,14,0)+IF('Standard Profiles'!$G$21=$B$24,21,0),MOD($C4590,24)+1)/SUM(INDEX($D$3:$AA$30,INDEX(Jesper!$R$2:$R$366,ROW(INDEX(Jesper!AK$2:AK$366,ROUNDDOWN($C4590/24,0)+1,1))-1)+IF('Standard Profiles'!$G$21=$B$10,7,0)+IF('Standard Profiles'!$G$21=$B$17,14,0)+IF('Standard Profiles'!$G$21=$B$24,21,0),0)),0)</f>
        <v>0</v>
      </c>
      <c r="H4590" cm="1">
        <f t="array" ref="H4590">IFERROR(INDEX(Jesper!AL$2:AL$366,ROUNDDOWN($C4590/24,0)+1,1)*INDEX($D$3:$AA$30,INDEX(Jesper!$R$2:$R$366,ROW(INDEX(Jesper!AL$2:AL$366,ROUNDDOWN($C4590/24,0)+1,1))-1)+IF('Standard Profiles'!$G$22=$B$10,7,0)+IF('Standard Profiles'!$G$22=$B$17,14,0)+IF('Standard Profiles'!$G$22=$B$24,21,0),MOD($C4590,24)+1)/SUM(INDEX($D$3:$AA$30,INDEX(Jesper!$R$2:$R$366,ROW(INDEX(Jesper!AL$2:AL$366,ROUNDDOWN($C4590/24,0)+1,1))-1)+IF('Standard Profiles'!$G$22=$B$10,7,0)+IF('Standard Profiles'!$G$22=$B$17,14,0)+IF('Standard Profiles'!$G$22=$B$24,21,0),0)),0)</f>
        <v>0</v>
      </c>
      <c r="I4590">
        <f t="shared" si="517"/>
        <v>0.31390145236345435</v>
      </c>
      <c r="J4590">
        <f t="shared" si="518"/>
        <v>1.0463381745448479</v>
      </c>
      <c r="K4590">
        <f t="shared" si="519"/>
        <v>1.5695072618172716</v>
      </c>
      <c r="L4590">
        <f t="shared" si="520"/>
        <v>7.5336348567229043</v>
      </c>
      <c r="M4590">
        <f t="shared" si="521"/>
        <v>0</v>
      </c>
      <c r="N4590" s="46">
        <f t="shared" si="522"/>
        <v>45481.833333322284</v>
      </c>
    </row>
    <row r="4591" spans="2:14" x14ac:dyDescent="0.3">
      <c r="B4591">
        <f t="shared" si="516"/>
        <v>1</v>
      </c>
      <c r="C4591" s="16">
        <v>4557</v>
      </c>
      <c r="D4591" cm="1">
        <f t="array" ref="D4591">IFERROR(INDEX(Jesper!AH$2:AH$366,ROUNDDOWN($C4591/24,0)+1,1)*INDEX($D$3:$AA$30,INDEX(Jesper!$R$2:$R$366,ROW(INDEX(Jesper!AH$2:AH$366,ROUNDDOWN($C4591/24,0)+1,1))-1)+IF('Standard Profiles'!$G$18=$B$10,7,0)+IF('Standard Profiles'!$G$18=$B$17,14,0)+IF('Standard Profiles'!$G$18=$B$24,21,0),MOD($C4591,24)+1)/SUM(INDEX($D$3:$AA$30,INDEX(Jesper!$R$2:$R$366,ROW(INDEX(Jesper!AH$2:AH$366,ROUNDDOWN($C4591/24,0)+1,1))-1)+IF('Standard Profiles'!$G$18=$B$10,7,0)+IF('Standard Profiles'!$G$18=$B$17,14,0)+IF('Standard Profiles'!$G$18=$B$24,21,0),0)),0)</f>
        <v>7.6097321785079837</v>
      </c>
      <c r="E4591" cm="1">
        <f t="array" ref="E4591">IFERROR(INDEX(Jesper!AI$2:AI$366,ROUNDDOWN($C4591/24,0)+1,1)*INDEX($D$3:$AA$30,INDEX(Jesper!$R$2:$R$366,ROW(INDEX(Jesper!AI$2:AI$366,ROUNDDOWN($C4591/24,0)+1,1))-1)+IF('Standard Profiles'!$G$19=$B$10,7,0)+IF('Standard Profiles'!$G$19=$B$17,14,0)+IF('Standard Profiles'!$G$19=$B$24,21,0),MOD($C4591,24)+1)/SUM(INDEX($D$3:$AA$30,INDEX(Jesper!$R$2:$R$366,ROW(INDEX(Jesper!AI$2:AI$366,ROUNDDOWN($C4591/24,0)+1,1))-1)+IF('Standard Profiles'!$G$19=$B$10,7,0)+IF('Standard Profiles'!$G$19=$B$17,14,0)+IF('Standard Profiles'!$G$19=$B$24,21,0),0)),0)</f>
        <v>0</v>
      </c>
      <c r="F4591" cm="1">
        <f t="array" ref="F4591">IFERROR(INDEX(Jesper!AJ$2:AJ$366,ROUNDDOWN($C4591/24,0)+1,1)*INDEX($D$3:$AA$30,INDEX(Jesper!$R$2:$R$366,ROW(INDEX(Jesper!AJ$2:AJ$366,ROUNDDOWN($C4591/24,0)+1,1))-1)+IF('Standard Profiles'!$G$20=$B$10,7,0)+IF('Standard Profiles'!$G$20=$B$17,14,0)+IF('Standard Profiles'!$G$20=$B$24,21,0),MOD($C4591,24)+1)/SUM(INDEX($D$3:$AA$30,INDEX(Jesper!$R$2:$R$366,ROW(INDEX(Jesper!AJ$2:AJ$366,ROUNDDOWN($C4591/24,0)+1,1))-1)+IF('Standard Profiles'!$G$20=$B$10,7,0)+IF('Standard Profiles'!$G$20=$B$17,14,0)+IF('Standard Profiles'!$G$20=$B$24,21,0),0)),0)</f>
        <v>0</v>
      </c>
      <c r="G4591" cm="1">
        <f t="array" ref="G4591">IFERROR(INDEX(Jesper!AK$2:AK$366,ROUNDDOWN($C4591/24,0)+1,1)*INDEX($D$3:$AA$30,INDEX(Jesper!$R$2:$R$366,ROW(INDEX(Jesper!AK$2:AK$366,ROUNDDOWN($C4591/24,0)+1,1))-1)+IF('Standard Profiles'!$G$21=$B$10,7,0)+IF('Standard Profiles'!$G$21=$B$17,14,0)+IF('Standard Profiles'!$G$21=$B$24,21,0),MOD($C4591,24)+1)/SUM(INDEX($D$3:$AA$30,INDEX(Jesper!$R$2:$R$366,ROW(INDEX(Jesper!AK$2:AK$366,ROUNDDOWN($C4591/24,0)+1,1))-1)+IF('Standard Profiles'!$G$21=$B$10,7,0)+IF('Standard Profiles'!$G$21=$B$17,14,0)+IF('Standard Profiles'!$G$21=$B$24,21,0),0)),0)</f>
        <v>0</v>
      </c>
      <c r="H4591" cm="1">
        <f t="array" ref="H4591">IFERROR(INDEX(Jesper!AL$2:AL$366,ROUNDDOWN($C4591/24,0)+1,1)*INDEX($D$3:$AA$30,INDEX(Jesper!$R$2:$R$366,ROW(INDEX(Jesper!AL$2:AL$366,ROUNDDOWN($C4591/24,0)+1,1))-1)+IF('Standard Profiles'!$G$22=$B$10,7,0)+IF('Standard Profiles'!$G$22=$B$17,14,0)+IF('Standard Profiles'!$G$22=$B$24,21,0),MOD($C4591,24)+1)/SUM(INDEX($D$3:$AA$30,INDEX(Jesper!$R$2:$R$366,ROW(INDEX(Jesper!AL$2:AL$366,ROUNDDOWN($C4591/24,0)+1,1))-1)+IF('Standard Profiles'!$G$22=$B$10,7,0)+IF('Standard Profiles'!$G$22=$B$17,14,0)+IF('Standard Profiles'!$G$22=$B$24,21,0),0)),0)</f>
        <v>0</v>
      </c>
      <c r="I4591">
        <f t="shared" si="517"/>
        <v>0.22829196535523949</v>
      </c>
      <c r="J4591">
        <f t="shared" si="518"/>
        <v>0.76097321785079841</v>
      </c>
      <c r="K4591">
        <f t="shared" si="519"/>
        <v>1.1414598267761975</v>
      </c>
      <c r="L4591">
        <f t="shared" si="520"/>
        <v>5.4790071685257482</v>
      </c>
      <c r="M4591">
        <f t="shared" si="521"/>
        <v>0</v>
      </c>
      <c r="N4591" s="46">
        <f t="shared" si="522"/>
        <v>45481.874999988948</v>
      </c>
    </row>
    <row r="4592" spans="2:14" x14ac:dyDescent="0.3">
      <c r="B4592">
        <f t="shared" si="516"/>
        <v>1</v>
      </c>
      <c r="C4592" s="16">
        <v>4558</v>
      </c>
      <c r="D4592" cm="1">
        <f t="array" ref="D4592">IFERROR(INDEX(Jesper!AH$2:AH$366,ROUNDDOWN($C4592/24,0)+1,1)*INDEX($D$3:$AA$30,INDEX(Jesper!$R$2:$R$366,ROW(INDEX(Jesper!AH$2:AH$366,ROUNDDOWN($C4592/24,0)+1,1))-1)+IF('Standard Profiles'!$G$18=$B$10,7,0)+IF('Standard Profiles'!$G$18=$B$17,14,0)+IF('Standard Profiles'!$G$18=$B$24,21,0),MOD($C4592,24)+1)/SUM(INDEX($D$3:$AA$30,INDEX(Jesper!$R$2:$R$366,ROW(INDEX(Jesper!AH$2:AH$366,ROUNDDOWN($C4592/24,0)+1,1))-1)+IF('Standard Profiles'!$G$18=$B$10,7,0)+IF('Standard Profiles'!$G$18=$B$17,14,0)+IF('Standard Profiles'!$G$18=$B$24,21,0),0)),0)</f>
        <v>7.2292455695825844</v>
      </c>
      <c r="E4592" cm="1">
        <f t="array" ref="E4592">IFERROR(INDEX(Jesper!AI$2:AI$366,ROUNDDOWN($C4592/24,0)+1,1)*INDEX($D$3:$AA$30,INDEX(Jesper!$R$2:$R$366,ROW(INDEX(Jesper!AI$2:AI$366,ROUNDDOWN($C4592/24,0)+1,1))-1)+IF('Standard Profiles'!$G$19=$B$10,7,0)+IF('Standard Profiles'!$G$19=$B$17,14,0)+IF('Standard Profiles'!$G$19=$B$24,21,0),MOD($C4592,24)+1)/SUM(INDEX($D$3:$AA$30,INDEX(Jesper!$R$2:$R$366,ROW(INDEX(Jesper!AI$2:AI$366,ROUNDDOWN($C4592/24,0)+1,1))-1)+IF('Standard Profiles'!$G$19=$B$10,7,0)+IF('Standard Profiles'!$G$19=$B$17,14,0)+IF('Standard Profiles'!$G$19=$B$24,21,0),0)),0)</f>
        <v>0</v>
      </c>
      <c r="F4592" cm="1">
        <f t="array" ref="F4592">IFERROR(INDEX(Jesper!AJ$2:AJ$366,ROUNDDOWN($C4592/24,0)+1,1)*INDEX($D$3:$AA$30,INDEX(Jesper!$R$2:$R$366,ROW(INDEX(Jesper!AJ$2:AJ$366,ROUNDDOWN($C4592/24,0)+1,1))-1)+IF('Standard Profiles'!$G$20=$B$10,7,0)+IF('Standard Profiles'!$G$20=$B$17,14,0)+IF('Standard Profiles'!$G$20=$B$24,21,0),MOD($C4592,24)+1)/SUM(INDEX($D$3:$AA$30,INDEX(Jesper!$R$2:$R$366,ROW(INDEX(Jesper!AJ$2:AJ$366,ROUNDDOWN($C4592/24,0)+1,1))-1)+IF('Standard Profiles'!$G$20=$B$10,7,0)+IF('Standard Profiles'!$G$20=$B$17,14,0)+IF('Standard Profiles'!$G$20=$B$24,21,0),0)),0)</f>
        <v>0</v>
      </c>
      <c r="G4592" cm="1">
        <f t="array" ref="G4592">IFERROR(INDEX(Jesper!AK$2:AK$366,ROUNDDOWN($C4592/24,0)+1,1)*INDEX($D$3:$AA$30,INDEX(Jesper!$R$2:$R$366,ROW(INDEX(Jesper!AK$2:AK$366,ROUNDDOWN($C4592/24,0)+1,1))-1)+IF('Standard Profiles'!$G$21=$B$10,7,0)+IF('Standard Profiles'!$G$21=$B$17,14,0)+IF('Standard Profiles'!$G$21=$B$24,21,0),MOD($C4592,24)+1)/SUM(INDEX($D$3:$AA$30,INDEX(Jesper!$R$2:$R$366,ROW(INDEX(Jesper!AK$2:AK$366,ROUNDDOWN($C4592/24,0)+1,1))-1)+IF('Standard Profiles'!$G$21=$B$10,7,0)+IF('Standard Profiles'!$G$21=$B$17,14,0)+IF('Standard Profiles'!$G$21=$B$24,21,0),0)),0)</f>
        <v>0</v>
      </c>
      <c r="H4592" cm="1">
        <f t="array" ref="H4592">IFERROR(INDEX(Jesper!AL$2:AL$366,ROUNDDOWN($C4592/24,0)+1,1)*INDEX($D$3:$AA$30,INDEX(Jesper!$R$2:$R$366,ROW(INDEX(Jesper!AL$2:AL$366,ROUNDDOWN($C4592/24,0)+1,1))-1)+IF('Standard Profiles'!$G$22=$B$10,7,0)+IF('Standard Profiles'!$G$22=$B$17,14,0)+IF('Standard Profiles'!$G$22=$B$24,21,0),MOD($C4592,24)+1)/SUM(INDEX($D$3:$AA$30,INDEX(Jesper!$R$2:$R$366,ROW(INDEX(Jesper!AL$2:AL$366,ROUNDDOWN($C4592/24,0)+1,1))-1)+IF('Standard Profiles'!$G$22=$B$10,7,0)+IF('Standard Profiles'!$G$22=$B$17,14,0)+IF('Standard Profiles'!$G$22=$B$24,21,0),0)),0)</f>
        <v>0</v>
      </c>
      <c r="I4592">
        <f t="shared" si="517"/>
        <v>0.21687736708747751</v>
      </c>
      <c r="J4592">
        <f t="shared" si="518"/>
        <v>0.72292455695825852</v>
      </c>
      <c r="K4592">
        <f t="shared" si="519"/>
        <v>1.0843868354373876</v>
      </c>
      <c r="L4592">
        <f t="shared" si="520"/>
        <v>5.2050568100994603</v>
      </c>
      <c r="M4592">
        <f t="shared" si="521"/>
        <v>0</v>
      </c>
      <c r="N4592" s="46">
        <f t="shared" si="522"/>
        <v>45481.916666655612</v>
      </c>
    </row>
    <row r="4593" spans="2:14" x14ac:dyDescent="0.3">
      <c r="B4593">
        <f t="shared" si="516"/>
        <v>1</v>
      </c>
      <c r="C4593" s="16">
        <v>4559</v>
      </c>
      <c r="D4593" cm="1">
        <f t="array" ref="D4593">IFERROR(INDEX(Jesper!AH$2:AH$366,ROUNDDOWN($C4593/24,0)+1,1)*INDEX($D$3:$AA$30,INDEX(Jesper!$R$2:$R$366,ROW(INDEX(Jesper!AH$2:AH$366,ROUNDDOWN($C4593/24,0)+1,1))-1)+IF('Standard Profiles'!$G$18=$B$10,7,0)+IF('Standard Profiles'!$G$18=$B$17,14,0)+IF('Standard Profiles'!$G$18=$B$24,21,0),MOD($C4593,24)+1)/SUM(INDEX($D$3:$AA$30,INDEX(Jesper!$R$2:$R$366,ROW(INDEX(Jesper!AH$2:AH$366,ROUNDDOWN($C4593/24,0)+1,1))-1)+IF('Standard Profiles'!$G$18=$B$10,7,0)+IF('Standard Profiles'!$G$18=$B$17,14,0)+IF('Standard Profiles'!$G$18=$B$24,21,0),0)),0)</f>
        <v>7.2292455695825844</v>
      </c>
      <c r="E4593" cm="1">
        <f t="array" ref="E4593">IFERROR(INDEX(Jesper!AI$2:AI$366,ROUNDDOWN($C4593/24,0)+1,1)*INDEX($D$3:$AA$30,INDEX(Jesper!$R$2:$R$366,ROW(INDEX(Jesper!AI$2:AI$366,ROUNDDOWN($C4593/24,0)+1,1))-1)+IF('Standard Profiles'!$G$19=$B$10,7,0)+IF('Standard Profiles'!$G$19=$B$17,14,0)+IF('Standard Profiles'!$G$19=$B$24,21,0),MOD($C4593,24)+1)/SUM(INDEX($D$3:$AA$30,INDEX(Jesper!$R$2:$R$366,ROW(INDEX(Jesper!AI$2:AI$366,ROUNDDOWN($C4593/24,0)+1,1))-1)+IF('Standard Profiles'!$G$19=$B$10,7,0)+IF('Standard Profiles'!$G$19=$B$17,14,0)+IF('Standard Profiles'!$G$19=$B$24,21,0),0)),0)</f>
        <v>0</v>
      </c>
      <c r="F4593" cm="1">
        <f t="array" ref="F4593">IFERROR(INDEX(Jesper!AJ$2:AJ$366,ROUNDDOWN($C4593/24,0)+1,1)*INDEX($D$3:$AA$30,INDEX(Jesper!$R$2:$R$366,ROW(INDEX(Jesper!AJ$2:AJ$366,ROUNDDOWN($C4593/24,0)+1,1))-1)+IF('Standard Profiles'!$G$20=$B$10,7,0)+IF('Standard Profiles'!$G$20=$B$17,14,0)+IF('Standard Profiles'!$G$20=$B$24,21,0),MOD($C4593,24)+1)/SUM(INDEX($D$3:$AA$30,INDEX(Jesper!$R$2:$R$366,ROW(INDEX(Jesper!AJ$2:AJ$366,ROUNDDOWN($C4593/24,0)+1,1))-1)+IF('Standard Profiles'!$G$20=$B$10,7,0)+IF('Standard Profiles'!$G$20=$B$17,14,0)+IF('Standard Profiles'!$G$20=$B$24,21,0),0)),0)</f>
        <v>0</v>
      </c>
      <c r="G4593" cm="1">
        <f t="array" ref="G4593">IFERROR(INDEX(Jesper!AK$2:AK$366,ROUNDDOWN($C4593/24,0)+1,1)*INDEX($D$3:$AA$30,INDEX(Jesper!$R$2:$R$366,ROW(INDEX(Jesper!AK$2:AK$366,ROUNDDOWN($C4593/24,0)+1,1))-1)+IF('Standard Profiles'!$G$21=$B$10,7,0)+IF('Standard Profiles'!$G$21=$B$17,14,0)+IF('Standard Profiles'!$G$21=$B$24,21,0),MOD($C4593,24)+1)/SUM(INDEX($D$3:$AA$30,INDEX(Jesper!$R$2:$R$366,ROW(INDEX(Jesper!AK$2:AK$366,ROUNDDOWN($C4593/24,0)+1,1))-1)+IF('Standard Profiles'!$G$21=$B$10,7,0)+IF('Standard Profiles'!$G$21=$B$17,14,0)+IF('Standard Profiles'!$G$21=$B$24,21,0),0)),0)</f>
        <v>0</v>
      </c>
      <c r="H4593" cm="1">
        <f t="array" ref="H4593">IFERROR(INDEX(Jesper!AL$2:AL$366,ROUNDDOWN($C4593/24,0)+1,1)*INDEX($D$3:$AA$30,INDEX(Jesper!$R$2:$R$366,ROW(INDEX(Jesper!AL$2:AL$366,ROUNDDOWN($C4593/24,0)+1,1))-1)+IF('Standard Profiles'!$G$22=$B$10,7,0)+IF('Standard Profiles'!$G$22=$B$17,14,0)+IF('Standard Profiles'!$G$22=$B$24,21,0),MOD($C4593,24)+1)/SUM(INDEX($D$3:$AA$30,INDEX(Jesper!$R$2:$R$366,ROW(INDEX(Jesper!AL$2:AL$366,ROUNDDOWN($C4593/24,0)+1,1))-1)+IF('Standard Profiles'!$G$22=$B$10,7,0)+IF('Standard Profiles'!$G$22=$B$17,14,0)+IF('Standard Profiles'!$G$22=$B$24,21,0),0)),0)</f>
        <v>0</v>
      </c>
      <c r="I4593">
        <f t="shared" si="517"/>
        <v>0.21687736708747751</v>
      </c>
      <c r="J4593">
        <f t="shared" si="518"/>
        <v>0.72292455695825852</v>
      </c>
      <c r="K4593">
        <f t="shared" si="519"/>
        <v>1.0843868354373876</v>
      </c>
      <c r="L4593">
        <f t="shared" si="520"/>
        <v>5.2050568100994603</v>
      </c>
      <c r="M4593">
        <f t="shared" si="521"/>
        <v>0</v>
      </c>
      <c r="N4593" s="46">
        <f t="shared" si="522"/>
        <v>45481.958333322276</v>
      </c>
    </row>
    <row r="4594" spans="2:14" x14ac:dyDescent="0.3">
      <c r="B4594">
        <f t="shared" si="516"/>
        <v>2</v>
      </c>
      <c r="C4594" s="16">
        <v>4560</v>
      </c>
      <c r="D4594" cm="1">
        <f t="array" ref="D4594">IFERROR(INDEX(Jesper!AH$2:AH$366,ROUNDDOWN($C4594/24,0)+1,1)*INDEX($D$3:$AA$30,INDEX(Jesper!$R$2:$R$366,ROW(INDEX(Jesper!AH$2:AH$366,ROUNDDOWN($C4594/24,0)+1,1))-1)+IF('Standard Profiles'!$G$18=$B$10,7,0)+IF('Standard Profiles'!$G$18=$B$17,14,0)+IF('Standard Profiles'!$G$18=$B$24,21,0),MOD($C4594,24)+1)/SUM(INDEX($D$3:$AA$30,INDEX(Jesper!$R$2:$R$366,ROW(INDEX(Jesper!AH$2:AH$366,ROUNDDOWN($C4594/24,0)+1,1))-1)+IF('Standard Profiles'!$G$18=$B$10,7,0)+IF('Standard Profiles'!$G$18=$B$17,14,0)+IF('Standard Profiles'!$G$18=$B$24,21,0),0)),0)</f>
        <v>6.6258654428819437</v>
      </c>
      <c r="E4594" cm="1">
        <f t="array" ref="E4594">IFERROR(INDEX(Jesper!AI$2:AI$366,ROUNDDOWN($C4594/24,0)+1,1)*INDEX($D$3:$AA$30,INDEX(Jesper!$R$2:$R$366,ROW(INDEX(Jesper!AI$2:AI$366,ROUNDDOWN($C4594/24,0)+1,1))-1)+IF('Standard Profiles'!$G$19=$B$10,7,0)+IF('Standard Profiles'!$G$19=$B$17,14,0)+IF('Standard Profiles'!$G$19=$B$24,21,0),MOD($C4594,24)+1)/SUM(INDEX($D$3:$AA$30,INDEX(Jesper!$R$2:$R$366,ROW(INDEX(Jesper!AI$2:AI$366,ROUNDDOWN($C4594/24,0)+1,1))-1)+IF('Standard Profiles'!$G$19=$B$10,7,0)+IF('Standard Profiles'!$G$19=$B$17,14,0)+IF('Standard Profiles'!$G$19=$B$24,21,0),0)),0)</f>
        <v>0</v>
      </c>
      <c r="F4594" cm="1">
        <f t="array" ref="F4594">IFERROR(INDEX(Jesper!AJ$2:AJ$366,ROUNDDOWN($C4594/24,0)+1,1)*INDEX($D$3:$AA$30,INDEX(Jesper!$R$2:$R$366,ROW(INDEX(Jesper!AJ$2:AJ$366,ROUNDDOWN($C4594/24,0)+1,1))-1)+IF('Standard Profiles'!$G$20=$B$10,7,0)+IF('Standard Profiles'!$G$20=$B$17,14,0)+IF('Standard Profiles'!$G$20=$B$24,21,0),MOD($C4594,24)+1)/SUM(INDEX($D$3:$AA$30,INDEX(Jesper!$R$2:$R$366,ROW(INDEX(Jesper!AJ$2:AJ$366,ROUNDDOWN($C4594/24,0)+1,1))-1)+IF('Standard Profiles'!$G$20=$B$10,7,0)+IF('Standard Profiles'!$G$20=$B$17,14,0)+IF('Standard Profiles'!$G$20=$B$24,21,0),0)),0)</f>
        <v>0</v>
      </c>
      <c r="G4594" cm="1">
        <f t="array" ref="G4594">IFERROR(INDEX(Jesper!AK$2:AK$366,ROUNDDOWN($C4594/24,0)+1,1)*INDEX($D$3:$AA$30,INDEX(Jesper!$R$2:$R$366,ROW(INDEX(Jesper!AK$2:AK$366,ROUNDDOWN($C4594/24,0)+1,1))-1)+IF('Standard Profiles'!$G$21=$B$10,7,0)+IF('Standard Profiles'!$G$21=$B$17,14,0)+IF('Standard Profiles'!$G$21=$B$24,21,0),MOD($C4594,24)+1)/SUM(INDEX($D$3:$AA$30,INDEX(Jesper!$R$2:$R$366,ROW(INDEX(Jesper!AK$2:AK$366,ROUNDDOWN($C4594/24,0)+1,1))-1)+IF('Standard Profiles'!$G$21=$B$10,7,0)+IF('Standard Profiles'!$G$21=$B$17,14,0)+IF('Standard Profiles'!$G$21=$B$24,21,0),0)),0)</f>
        <v>0</v>
      </c>
      <c r="H4594" cm="1">
        <f t="array" ref="H4594">IFERROR(INDEX(Jesper!AL$2:AL$366,ROUNDDOWN($C4594/24,0)+1,1)*INDEX($D$3:$AA$30,INDEX(Jesper!$R$2:$R$366,ROW(INDEX(Jesper!AL$2:AL$366,ROUNDDOWN($C4594/24,0)+1,1))-1)+IF('Standard Profiles'!$G$22=$B$10,7,0)+IF('Standard Profiles'!$G$22=$B$17,14,0)+IF('Standard Profiles'!$G$22=$B$24,21,0),MOD($C4594,24)+1)/SUM(INDEX($D$3:$AA$30,INDEX(Jesper!$R$2:$R$366,ROW(INDEX(Jesper!AL$2:AL$366,ROUNDDOWN($C4594/24,0)+1,1))-1)+IF('Standard Profiles'!$G$22=$B$10,7,0)+IF('Standard Profiles'!$G$22=$B$17,14,0)+IF('Standard Profiles'!$G$22=$B$24,21,0),0)),0)</f>
        <v>0</v>
      </c>
      <c r="I4594">
        <f t="shared" si="517"/>
        <v>0.1987759632864583</v>
      </c>
      <c r="J4594">
        <f t="shared" si="518"/>
        <v>0.66258654428819441</v>
      </c>
      <c r="K4594">
        <f t="shared" si="519"/>
        <v>0.99387981643229151</v>
      </c>
      <c r="L4594">
        <f t="shared" si="520"/>
        <v>4.7706231188749992</v>
      </c>
      <c r="M4594">
        <f t="shared" si="521"/>
        <v>0</v>
      </c>
      <c r="N4594" s="46">
        <f t="shared" si="522"/>
        <v>45481.999999988941</v>
      </c>
    </row>
    <row r="4595" spans="2:14" x14ac:dyDescent="0.3">
      <c r="B4595">
        <f t="shared" si="516"/>
        <v>2</v>
      </c>
      <c r="C4595" s="16">
        <v>4561</v>
      </c>
      <c r="D4595" cm="1">
        <f t="array" ref="D4595">IFERROR(INDEX(Jesper!AH$2:AH$366,ROUNDDOWN($C4595/24,0)+1,1)*INDEX($D$3:$AA$30,INDEX(Jesper!$R$2:$R$366,ROW(INDEX(Jesper!AH$2:AH$366,ROUNDDOWN($C4595/24,0)+1,1))-1)+IF('Standard Profiles'!$G$18=$B$10,7,0)+IF('Standard Profiles'!$G$18=$B$17,14,0)+IF('Standard Profiles'!$G$18=$B$24,21,0),MOD($C4595,24)+1)/SUM(INDEX($D$3:$AA$30,INDEX(Jesper!$R$2:$R$366,ROW(INDEX(Jesper!AH$2:AH$366,ROUNDDOWN($C4595/24,0)+1,1))-1)+IF('Standard Profiles'!$G$18=$B$10,7,0)+IF('Standard Profiles'!$G$18=$B$17,14,0)+IF('Standard Profiles'!$G$18=$B$24,21,0),0)),0)</f>
        <v>6.6258654428819437</v>
      </c>
      <c r="E4595" cm="1">
        <f t="array" ref="E4595">IFERROR(INDEX(Jesper!AI$2:AI$366,ROUNDDOWN($C4595/24,0)+1,1)*INDEX($D$3:$AA$30,INDEX(Jesper!$R$2:$R$366,ROW(INDEX(Jesper!AI$2:AI$366,ROUNDDOWN($C4595/24,0)+1,1))-1)+IF('Standard Profiles'!$G$19=$B$10,7,0)+IF('Standard Profiles'!$G$19=$B$17,14,0)+IF('Standard Profiles'!$G$19=$B$24,21,0),MOD($C4595,24)+1)/SUM(INDEX($D$3:$AA$30,INDEX(Jesper!$R$2:$R$366,ROW(INDEX(Jesper!AI$2:AI$366,ROUNDDOWN($C4595/24,0)+1,1))-1)+IF('Standard Profiles'!$G$19=$B$10,7,0)+IF('Standard Profiles'!$G$19=$B$17,14,0)+IF('Standard Profiles'!$G$19=$B$24,21,0),0)),0)</f>
        <v>0</v>
      </c>
      <c r="F4595" cm="1">
        <f t="array" ref="F4595">IFERROR(INDEX(Jesper!AJ$2:AJ$366,ROUNDDOWN($C4595/24,0)+1,1)*INDEX($D$3:$AA$30,INDEX(Jesper!$R$2:$R$366,ROW(INDEX(Jesper!AJ$2:AJ$366,ROUNDDOWN($C4595/24,0)+1,1))-1)+IF('Standard Profiles'!$G$20=$B$10,7,0)+IF('Standard Profiles'!$G$20=$B$17,14,0)+IF('Standard Profiles'!$G$20=$B$24,21,0),MOD($C4595,24)+1)/SUM(INDEX($D$3:$AA$30,INDEX(Jesper!$R$2:$R$366,ROW(INDEX(Jesper!AJ$2:AJ$366,ROUNDDOWN($C4595/24,0)+1,1))-1)+IF('Standard Profiles'!$G$20=$B$10,7,0)+IF('Standard Profiles'!$G$20=$B$17,14,0)+IF('Standard Profiles'!$G$20=$B$24,21,0),0)),0)</f>
        <v>0</v>
      </c>
      <c r="G4595" cm="1">
        <f t="array" ref="G4595">IFERROR(INDEX(Jesper!AK$2:AK$366,ROUNDDOWN($C4595/24,0)+1,1)*INDEX($D$3:$AA$30,INDEX(Jesper!$R$2:$R$366,ROW(INDEX(Jesper!AK$2:AK$366,ROUNDDOWN($C4595/24,0)+1,1))-1)+IF('Standard Profiles'!$G$21=$B$10,7,0)+IF('Standard Profiles'!$G$21=$B$17,14,0)+IF('Standard Profiles'!$G$21=$B$24,21,0),MOD($C4595,24)+1)/SUM(INDEX($D$3:$AA$30,INDEX(Jesper!$R$2:$R$366,ROW(INDEX(Jesper!AK$2:AK$366,ROUNDDOWN($C4595/24,0)+1,1))-1)+IF('Standard Profiles'!$G$21=$B$10,7,0)+IF('Standard Profiles'!$G$21=$B$17,14,0)+IF('Standard Profiles'!$G$21=$B$24,21,0),0)),0)</f>
        <v>0</v>
      </c>
      <c r="H4595" cm="1">
        <f t="array" ref="H4595">IFERROR(INDEX(Jesper!AL$2:AL$366,ROUNDDOWN($C4595/24,0)+1,1)*INDEX($D$3:$AA$30,INDEX(Jesper!$R$2:$R$366,ROW(INDEX(Jesper!AL$2:AL$366,ROUNDDOWN($C4595/24,0)+1,1))-1)+IF('Standard Profiles'!$G$22=$B$10,7,0)+IF('Standard Profiles'!$G$22=$B$17,14,0)+IF('Standard Profiles'!$G$22=$B$24,21,0),MOD($C4595,24)+1)/SUM(INDEX($D$3:$AA$30,INDEX(Jesper!$R$2:$R$366,ROW(INDEX(Jesper!AL$2:AL$366,ROUNDDOWN($C4595/24,0)+1,1))-1)+IF('Standard Profiles'!$G$22=$B$10,7,0)+IF('Standard Profiles'!$G$22=$B$17,14,0)+IF('Standard Profiles'!$G$22=$B$24,21,0),0)),0)</f>
        <v>0</v>
      </c>
      <c r="I4595">
        <f t="shared" si="517"/>
        <v>0.1987759632864583</v>
      </c>
      <c r="J4595">
        <f t="shared" si="518"/>
        <v>0.66258654428819441</v>
      </c>
      <c r="K4595">
        <f t="shared" si="519"/>
        <v>0.99387981643229151</v>
      </c>
      <c r="L4595">
        <f t="shared" si="520"/>
        <v>4.7706231188749992</v>
      </c>
      <c r="M4595">
        <f t="shared" si="521"/>
        <v>0</v>
      </c>
      <c r="N4595" s="46">
        <f t="shared" si="522"/>
        <v>45482.041666655605</v>
      </c>
    </row>
    <row r="4596" spans="2:14" x14ac:dyDescent="0.3">
      <c r="B4596">
        <f t="shared" si="516"/>
        <v>2</v>
      </c>
      <c r="C4596" s="16">
        <v>4562</v>
      </c>
      <c r="D4596" cm="1">
        <f t="array" ref="D4596">IFERROR(INDEX(Jesper!AH$2:AH$366,ROUNDDOWN($C4596/24,0)+1,1)*INDEX($D$3:$AA$30,INDEX(Jesper!$R$2:$R$366,ROW(INDEX(Jesper!AH$2:AH$366,ROUNDDOWN($C4596/24,0)+1,1))-1)+IF('Standard Profiles'!$G$18=$B$10,7,0)+IF('Standard Profiles'!$G$18=$B$17,14,0)+IF('Standard Profiles'!$G$18=$B$24,21,0),MOD($C4596,24)+1)/SUM(INDEX($D$3:$AA$30,INDEX(Jesper!$R$2:$R$366,ROW(INDEX(Jesper!AH$2:AH$366,ROUNDDOWN($C4596/24,0)+1,1))-1)+IF('Standard Profiles'!$G$18=$B$10,7,0)+IF('Standard Profiles'!$G$18=$B$17,14,0)+IF('Standard Profiles'!$G$18=$B$24,21,0),0)),0)</f>
        <v>6.6258654428819437</v>
      </c>
      <c r="E4596" cm="1">
        <f t="array" ref="E4596">IFERROR(INDEX(Jesper!AI$2:AI$366,ROUNDDOWN($C4596/24,0)+1,1)*INDEX($D$3:$AA$30,INDEX(Jesper!$R$2:$R$366,ROW(INDEX(Jesper!AI$2:AI$366,ROUNDDOWN($C4596/24,0)+1,1))-1)+IF('Standard Profiles'!$G$19=$B$10,7,0)+IF('Standard Profiles'!$G$19=$B$17,14,0)+IF('Standard Profiles'!$G$19=$B$24,21,0),MOD($C4596,24)+1)/SUM(INDEX($D$3:$AA$30,INDEX(Jesper!$R$2:$R$366,ROW(INDEX(Jesper!AI$2:AI$366,ROUNDDOWN($C4596/24,0)+1,1))-1)+IF('Standard Profiles'!$G$19=$B$10,7,0)+IF('Standard Profiles'!$G$19=$B$17,14,0)+IF('Standard Profiles'!$G$19=$B$24,21,0),0)),0)</f>
        <v>0</v>
      </c>
      <c r="F4596" cm="1">
        <f t="array" ref="F4596">IFERROR(INDEX(Jesper!AJ$2:AJ$366,ROUNDDOWN($C4596/24,0)+1,1)*INDEX($D$3:$AA$30,INDEX(Jesper!$R$2:$R$366,ROW(INDEX(Jesper!AJ$2:AJ$366,ROUNDDOWN($C4596/24,0)+1,1))-1)+IF('Standard Profiles'!$G$20=$B$10,7,0)+IF('Standard Profiles'!$G$20=$B$17,14,0)+IF('Standard Profiles'!$G$20=$B$24,21,0),MOD($C4596,24)+1)/SUM(INDEX($D$3:$AA$30,INDEX(Jesper!$R$2:$R$366,ROW(INDEX(Jesper!AJ$2:AJ$366,ROUNDDOWN($C4596/24,0)+1,1))-1)+IF('Standard Profiles'!$G$20=$B$10,7,0)+IF('Standard Profiles'!$G$20=$B$17,14,0)+IF('Standard Profiles'!$G$20=$B$24,21,0),0)),0)</f>
        <v>0</v>
      </c>
      <c r="G4596" cm="1">
        <f t="array" ref="G4596">IFERROR(INDEX(Jesper!AK$2:AK$366,ROUNDDOWN($C4596/24,0)+1,1)*INDEX($D$3:$AA$30,INDEX(Jesper!$R$2:$R$366,ROW(INDEX(Jesper!AK$2:AK$366,ROUNDDOWN($C4596/24,0)+1,1))-1)+IF('Standard Profiles'!$G$21=$B$10,7,0)+IF('Standard Profiles'!$G$21=$B$17,14,0)+IF('Standard Profiles'!$G$21=$B$24,21,0),MOD($C4596,24)+1)/SUM(INDEX($D$3:$AA$30,INDEX(Jesper!$R$2:$R$366,ROW(INDEX(Jesper!AK$2:AK$366,ROUNDDOWN($C4596/24,0)+1,1))-1)+IF('Standard Profiles'!$G$21=$B$10,7,0)+IF('Standard Profiles'!$G$21=$B$17,14,0)+IF('Standard Profiles'!$G$21=$B$24,21,0),0)),0)</f>
        <v>0</v>
      </c>
      <c r="H4596" cm="1">
        <f t="array" ref="H4596">IFERROR(INDEX(Jesper!AL$2:AL$366,ROUNDDOWN($C4596/24,0)+1,1)*INDEX($D$3:$AA$30,INDEX(Jesper!$R$2:$R$366,ROW(INDEX(Jesper!AL$2:AL$366,ROUNDDOWN($C4596/24,0)+1,1))-1)+IF('Standard Profiles'!$G$22=$B$10,7,0)+IF('Standard Profiles'!$G$22=$B$17,14,0)+IF('Standard Profiles'!$G$22=$B$24,21,0),MOD($C4596,24)+1)/SUM(INDEX($D$3:$AA$30,INDEX(Jesper!$R$2:$R$366,ROW(INDEX(Jesper!AL$2:AL$366,ROUNDDOWN($C4596/24,0)+1,1))-1)+IF('Standard Profiles'!$G$22=$B$10,7,0)+IF('Standard Profiles'!$G$22=$B$17,14,0)+IF('Standard Profiles'!$G$22=$B$24,21,0),0)),0)</f>
        <v>0</v>
      </c>
      <c r="I4596">
        <f t="shared" si="517"/>
        <v>0.1987759632864583</v>
      </c>
      <c r="J4596">
        <f t="shared" si="518"/>
        <v>0.66258654428819441</v>
      </c>
      <c r="K4596">
        <f t="shared" si="519"/>
        <v>0.99387981643229151</v>
      </c>
      <c r="L4596">
        <f t="shared" si="520"/>
        <v>4.7706231188749992</v>
      </c>
      <c r="M4596">
        <f t="shared" si="521"/>
        <v>0</v>
      </c>
      <c r="N4596" s="46">
        <f t="shared" si="522"/>
        <v>45482.083333322269</v>
      </c>
    </row>
    <row r="4597" spans="2:14" x14ac:dyDescent="0.3">
      <c r="B4597">
        <f t="shared" si="516"/>
        <v>2</v>
      </c>
      <c r="C4597" s="16">
        <v>4563</v>
      </c>
      <c r="D4597" cm="1">
        <f t="array" ref="D4597">IFERROR(INDEX(Jesper!AH$2:AH$366,ROUNDDOWN($C4597/24,0)+1,1)*INDEX($D$3:$AA$30,INDEX(Jesper!$R$2:$R$366,ROW(INDEX(Jesper!AH$2:AH$366,ROUNDDOWN($C4597/24,0)+1,1))-1)+IF('Standard Profiles'!$G$18=$B$10,7,0)+IF('Standard Profiles'!$G$18=$B$17,14,0)+IF('Standard Profiles'!$G$18=$B$24,21,0),MOD($C4597,24)+1)/SUM(INDEX($D$3:$AA$30,INDEX(Jesper!$R$2:$R$366,ROW(INDEX(Jesper!AH$2:AH$366,ROUNDDOWN($C4597/24,0)+1,1))-1)+IF('Standard Profiles'!$G$18=$B$10,7,0)+IF('Standard Profiles'!$G$18=$B$17,14,0)+IF('Standard Profiles'!$G$18=$B$24,21,0),0)),0)</f>
        <v>6.6258654428819437</v>
      </c>
      <c r="E4597" cm="1">
        <f t="array" ref="E4597">IFERROR(INDEX(Jesper!AI$2:AI$366,ROUNDDOWN($C4597/24,0)+1,1)*INDEX($D$3:$AA$30,INDEX(Jesper!$R$2:$R$366,ROW(INDEX(Jesper!AI$2:AI$366,ROUNDDOWN($C4597/24,0)+1,1))-1)+IF('Standard Profiles'!$G$19=$B$10,7,0)+IF('Standard Profiles'!$G$19=$B$17,14,0)+IF('Standard Profiles'!$G$19=$B$24,21,0),MOD($C4597,24)+1)/SUM(INDEX($D$3:$AA$30,INDEX(Jesper!$R$2:$R$366,ROW(INDEX(Jesper!AI$2:AI$366,ROUNDDOWN($C4597/24,0)+1,1))-1)+IF('Standard Profiles'!$G$19=$B$10,7,0)+IF('Standard Profiles'!$G$19=$B$17,14,0)+IF('Standard Profiles'!$G$19=$B$24,21,0),0)),0)</f>
        <v>0</v>
      </c>
      <c r="F4597" cm="1">
        <f t="array" ref="F4597">IFERROR(INDEX(Jesper!AJ$2:AJ$366,ROUNDDOWN($C4597/24,0)+1,1)*INDEX($D$3:$AA$30,INDEX(Jesper!$R$2:$R$366,ROW(INDEX(Jesper!AJ$2:AJ$366,ROUNDDOWN($C4597/24,0)+1,1))-1)+IF('Standard Profiles'!$G$20=$B$10,7,0)+IF('Standard Profiles'!$G$20=$B$17,14,0)+IF('Standard Profiles'!$G$20=$B$24,21,0),MOD($C4597,24)+1)/SUM(INDEX($D$3:$AA$30,INDEX(Jesper!$R$2:$R$366,ROW(INDEX(Jesper!AJ$2:AJ$366,ROUNDDOWN($C4597/24,0)+1,1))-1)+IF('Standard Profiles'!$G$20=$B$10,7,0)+IF('Standard Profiles'!$G$20=$B$17,14,0)+IF('Standard Profiles'!$G$20=$B$24,21,0),0)),0)</f>
        <v>0</v>
      </c>
      <c r="G4597" cm="1">
        <f t="array" ref="G4597">IFERROR(INDEX(Jesper!AK$2:AK$366,ROUNDDOWN($C4597/24,0)+1,1)*INDEX($D$3:$AA$30,INDEX(Jesper!$R$2:$R$366,ROW(INDEX(Jesper!AK$2:AK$366,ROUNDDOWN($C4597/24,0)+1,1))-1)+IF('Standard Profiles'!$G$21=$B$10,7,0)+IF('Standard Profiles'!$G$21=$B$17,14,0)+IF('Standard Profiles'!$G$21=$B$24,21,0),MOD($C4597,24)+1)/SUM(INDEX($D$3:$AA$30,INDEX(Jesper!$R$2:$R$366,ROW(INDEX(Jesper!AK$2:AK$366,ROUNDDOWN($C4597/24,0)+1,1))-1)+IF('Standard Profiles'!$G$21=$B$10,7,0)+IF('Standard Profiles'!$G$21=$B$17,14,0)+IF('Standard Profiles'!$G$21=$B$24,21,0),0)),0)</f>
        <v>0</v>
      </c>
      <c r="H4597" cm="1">
        <f t="array" ref="H4597">IFERROR(INDEX(Jesper!AL$2:AL$366,ROUNDDOWN($C4597/24,0)+1,1)*INDEX($D$3:$AA$30,INDEX(Jesper!$R$2:$R$366,ROW(INDEX(Jesper!AL$2:AL$366,ROUNDDOWN($C4597/24,0)+1,1))-1)+IF('Standard Profiles'!$G$22=$B$10,7,0)+IF('Standard Profiles'!$G$22=$B$17,14,0)+IF('Standard Profiles'!$G$22=$B$24,21,0),MOD($C4597,24)+1)/SUM(INDEX($D$3:$AA$30,INDEX(Jesper!$R$2:$R$366,ROW(INDEX(Jesper!AL$2:AL$366,ROUNDDOWN($C4597/24,0)+1,1))-1)+IF('Standard Profiles'!$G$22=$B$10,7,0)+IF('Standard Profiles'!$G$22=$B$17,14,0)+IF('Standard Profiles'!$G$22=$B$24,21,0),0)),0)</f>
        <v>0</v>
      </c>
      <c r="I4597">
        <f t="shared" si="517"/>
        <v>0.1987759632864583</v>
      </c>
      <c r="J4597">
        <f t="shared" si="518"/>
        <v>0.66258654428819441</v>
      </c>
      <c r="K4597">
        <f t="shared" si="519"/>
        <v>0.99387981643229151</v>
      </c>
      <c r="L4597">
        <f t="shared" si="520"/>
        <v>4.7706231188749992</v>
      </c>
      <c r="M4597">
        <f t="shared" si="521"/>
        <v>0</v>
      </c>
      <c r="N4597" s="46">
        <f t="shared" si="522"/>
        <v>45482.124999988933</v>
      </c>
    </row>
    <row r="4598" spans="2:14" x14ac:dyDescent="0.3">
      <c r="B4598">
        <f t="shared" si="516"/>
        <v>2</v>
      </c>
      <c r="C4598" s="16">
        <v>4564</v>
      </c>
      <c r="D4598" cm="1">
        <f t="array" ref="D4598">IFERROR(INDEX(Jesper!AH$2:AH$366,ROUNDDOWN($C4598/24,0)+1,1)*INDEX($D$3:$AA$30,INDEX(Jesper!$R$2:$R$366,ROW(INDEX(Jesper!AH$2:AH$366,ROUNDDOWN($C4598/24,0)+1,1))-1)+IF('Standard Profiles'!$G$18=$B$10,7,0)+IF('Standard Profiles'!$G$18=$B$17,14,0)+IF('Standard Profiles'!$G$18=$B$24,21,0),MOD($C4598,24)+1)/SUM(INDEX($D$3:$AA$30,INDEX(Jesper!$R$2:$R$366,ROW(INDEX(Jesper!AH$2:AH$366,ROUNDDOWN($C4598/24,0)+1,1))-1)+IF('Standard Profiles'!$G$18=$B$10,7,0)+IF('Standard Profiles'!$G$18=$B$17,14,0)+IF('Standard Profiles'!$G$18=$B$24,21,0),0)),0)</f>
        <v>6.6258654428819437</v>
      </c>
      <c r="E4598" cm="1">
        <f t="array" ref="E4598">IFERROR(INDEX(Jesper!AI$2:AI$366,ROUNDDOWN($C4598/24,0)+1,1)*INDEX($D$3:$AA$30,INDEX(Jesper!$R$2:$R$366,ROW(INDEX(Jesper!AI$2:AI$366,ROUNDDOWN($C4598/24,0)+1,1))-1)+IF('Standard Profiles'!$G$19=$B$10,7,0)+IF('Standard Profiles'!$G$19=$B$17,14,0)+IF('Standard Profiles'!$G$19=$B$24,21,0),MOD($C4598,24)+1)/SUM(INDEX($D$3:$AA$30,INDEX(Jesper!$R$2:$R$366,ROW(INDEX(Jesper!AI$2:AI$366,ROUNDDOWN($C4598/24,0)+1,1))-1)+IF('Standard Profiles'!$G$19=$B$10,7,0)+IF('Standard Profiles'!$G$19=$B$17,14,0)+IF('Standard Profiles'!$G$19=$B$24,21,0),0)),0)</f>
        <v>0</v>
      </c>
      <c r="F4598" cm="1">
        <f t="array" ref="F4598">IFERROR(INDEX(Jesper!AJ$2:AJ$366,ROUNDDOWN($C4598/24,0)+1,1)*INDEX($D$3:$AA$30,INDEX(Jesper!$R$2:$R$366,ROW(INDEX(Jesper!AJ$2:AJ$366,ROUNDDOWN($C4598/24,0)+1,1))-1)+IF('Standard Profiles'!$G$20=$B$10,7,0)+IF('Standard Profiles'!$G$20=$B$17,14,0)+IF('Standard Profiles'!$G$20=$B$24,21,0),MOD($C4598,24)+1)/SUM(INDEX($D$3:$AA$30,INDEX(Jesper!$R$2:$R$366,ROW(INDEX(Jesper!AJ$2:AJ$366,ROUNDDOWN($C4598/24,0)+1,1))-1)+IF('Standard Profiles'!$G$20=$B$10,7,0)+IF('Standard Profiles'!$G$20=$B$17,14,0)+IF('Standard Profiles'!$G$20=$B$24,21,0),0)),0)</f>
        <v>0</v>
      </c>
      <c r="G4598" cm="1">
        <f t="array" ref="G4598">IFERROR(INDEX(Jesper!AK$2:AK$366,ROUNDDOWN($C4598/24,0)+1,1)*INDEX($D$3:$AA$30,INDEX(Jesper!$R$2:$R$366,ROW(INDEX(Jesper!AK$2:AK$366,ROUNDDOWN($C4598/24,0)+1,1))-1)+IF('Standard Profiles'!$G$21=$B$10,7,0)+IF('Standard Profiles'!$G$21=$B$17,14,0)+IF('Standard Profiles'!$G$21=$B$24,21,0),MOD($C4598,24)+1)/SUM(INDEX($D$3:$AA$30,INDEX(Jesper!$R$2:$R$366,ROW(INDEX(Jesper!AK$2:AK$366,ROUNDDOWN($C4598/24,0)+1,1))-1)+IF('Standard Profiles'!$G$21=$B$10,7,0)+IF('Standard Profiles'!$G$21=$B$17,14,0)+IF('Standard Profiles'!$G$21=$B$24,21,0),0)),0)</f>
        <v>0</v>
      </c>
      <c r="H4598" cm="1">
        <f t="array" ref="H4598">IFERROR(INDEX(Jesper!AL$2:AL$366,ROUNDDOWN($C4598/24,0)+1,1)*INDEX($D$3:$AA$30,INDEX(Jesper!$R$2:$R$366,ROW(INDEX(Jesper!AL$2:AL$366,ROUNDDOWN($C4598/24,0)+1,1))-1)+IF('Standard Profiles'!$G$22=$B$10,7,0)+IF('Standard Profiles'!$G$22=$B$17,14,0)+IF('Standard Profiles'!$G$22=$B$24,21,0),MOD($C4598,24)+1)/SUM(INDEX($D$3:$AA$30,INDEX(Jesper!$R$2:$R$366,ROW(INDEX(Jesper!AL$2:AL$366,ROUNDDOWN($C4598/24,0)+1,1))-1)+IF('Standard Profiles'!$G$22=$B$10,7,0)+IF('Standard Profiles'!$G$22=$B$17,14,0)+IF('Standard Profiles'!$G$22=$B$24,21,0),0)),0)</f>
        <v>0</v>
      </c>
      <c r="I4598">
        <f t="shared" si="517"/>
        <v>0.1987759632864583</v>
      </c>
      <c r="J4598">
        <f t="shared" si="518"/>
        <v>0.66258654428819441</v>
      </c>
      <c r="K4598">
        <f t="shared" si="519"/>
        <v>0.99387981643229151</v>
      </c>
      <c r="L4598">
        <f t="shared" si="520"/>
        <v>4.7706231188749992</v>
      </c>
      <c r="M4598">
        <f t="shared" si="521"/>
        <v>0</v>
      </c>
      <c r="N4598" s="46">
        <f t="shared" si="522"/>
        <v>45482.166666655598</v>
      </c>
    </row>
    <row r="4599" spans="2:14" x14ac:dyDescent="0.3">
      <c r="B4599">
        <f t="shared" si="516"/>
        <v>2</v>
      </c>
      <c r="C4599" s="16">
        <v>4565</v>
      </c>
      <c r="D4599" cm="1">
        <f t="array" ref="D4599">IFERROR(INDEX(Jesper!AH$2:AH$366,ROUNDDOWN($C4599/24,0)+1,1)*INDEX($D$3:$AA$30,INDEX(Jesper!$R$2:$R$366,ROW(INDEX(Jesper!AH$2:AH$366,ROUNDDOWN($C4599/24,0)+1,1))-1)+IF('Standard Profiles'!$G$18=$B$10,7,0)+IF('Standard Profiles'!$G$18=$B$17,14,0)+IF('Standard Profiles'!$G$18=$B$24,21,0),MOD($C4599,24)+1)/SUM(INDEX($D$3:$AA$30,INDEX(Jesper!$R$2:$R$366,ROW(INDEX(Jesper!AH$2:AH$366,ROUNDDOWN($C4599/24,0)+1,1))-1)+IF('Standard Profiles'!$G$18=$B$10,7,0)+IF('Standard Profiles'!$G$18=$B$17,14,0)+IF('Standard Profiles'!$G$18=$B$24,21,0),0)),0)</f>
        <v>8.6136250757465262</v>
      </c>
      <c r="E4599" cm="1">
        <f t="array" ref="E4599">IFERROR(INDEX(Jesper!AI$2:AI$366,ROUNDDOWN($C4599/24,0)+1,1)*INDEX($D$3:$AA$30,INDEX(Jesper!$R$2:$R$366,ROW(INDEX(Jesper!AI$2:AI$366,ROUNDDOWN($C4599/24,0)+1,1))-1)+IF('Standard Profiles'!$G$19=$B$10,7,0)+IF('Standard Profiles'!$G$19=$B$17,14,0)+IF('Standard Profiles'!$G$19=$B$24,21,0),MOD($C4599,24)+1)/SUM(INDEX($D$3:$AA$30,INDEX(Jesper!$R$2:$R$366,ROW(INDEX(Jesper!AI$2:AI$366,ROUNDDOWN($C4599/24,0)+1,1))-1)+IF('Standard Profiles'!$G$19=$B$10,7,0)+IF('Standard Profiles'!$G$19=$B$17,14,0)+IF('Standard Profiles'!$G$19=$B$24,21,0),0)),0)</f>
        <v>0</v>
      </c>
      <c r="F4599" cm="1">
        <f t="array" ref="F4599">IFERROR(INDEX(Jesper!AJ$2:AJ$366,ROUNDDOWN($C4599/24,0)+1,1)*INDEX($D$3:$AA$30,INDEX(Jesper!$R$2:$R$366,ROW(INDEX(Jesper!AJ$2:AJ$366,ROUNDDOWN($C4599/24,0)+1,1))-1)+IF('Standard Profiles'!$G$20=$B$10,7,0)+IF('Standard Profiles'!$G$20=$B$17,14,0)+IF('Standard Profiles'!$G$20=$B$24,21,0),MOD($C4599,24)+1)/SUM(INDEX($D$3:$AA$30,INDEX(Jesper!$R$2:$R$366,ROW(INDEX(Jesper!AJ$2:AJ$366,ROUNDDOWN($C4599/24,0)+1,1))-1)+IF('Standard Profiles'!$G$20=$B$10,7,0)+IF('Standard Profiles'!$G$20=$B$17,14,0)+IF('Standard Profiles'!$G$20=$B$24,21,0),0)),0)</f>
        <v>0</v>
      </c>
      <c r="G4599" cm="1">
        <f t="array" ref="G4599">IFERROR(INDEX(Jesper!AK$2:AK$366,ROUNDDOWN($C4599/24,0)+1,1)*INDEX($D$3:$AA$30,INDEX(Jesper!$R$2:$R$366,ROW(INDEX(Jesper!AK$2:AK$366,ROUNDDOWN($C4599/24,0)+1,1))-1)+IF('Standard Profiles'!$G$21=$B$10,7,0)+IF('Standard Profiles'!$G$21=$B$17,14,0)+IF('Standard Profiles'!$G$21=$B$24,21,0),MOD($C4599,24)+1)/SUM(INDEX($D$3:$AA$30,INDEX(Jesper!$R$2:$R$366,ROW(INDEX(Jesper!AK$2:AK$366,ROUNDDOWN($C4599/24,0)+1,1))-1)+IF('Standard Profiles'!$G$21=$B$10,7,0)+IF('Standard Profiles'!$G$21=$B$17,14,0)+IF('Standard Profiles'!$G$21=$B$24,21,0),0)),0)</f>
        <v>0</v>
      </c>
      <c r="H4599" cm="1">
        <f t="array" ref="H4599">IFERROR(INDEX(Jesper!AL$2:AL$366,ROUNDDOWN($C4599/24,0)+1,1)*INDEX($D$3:$AA$30,INDEX(Jesper!$R$2:$R$366,ROW(INDEX(Jesper!AL$2:AL$366,ROUNDDOWN($C4599/24,0)+1,1))-1)+IF('Standard Profiles'!$G$22=$B$10,7,0)+IF('Standard Profiles'!$G$22=$B$17,14,0)+IF('Standard Profiles'!$G$22=$B$24,21,0),MOD($C4599,24)+1)/SUM(INDEX($D$3:$AA$30,INDEX(Jesper!$R$2:$R$366,ROW(INDEX(Jesper!AL$2:AL$366,ROUNDDOWN($C4599/24,0)+1,1))-1)+IF('Standard Profiles'!$G$22=$B$10,7,0)+IF('Standard Profiles'!$G$22=$B$17,14,0)+IF('Standard Profiles'!$G$22=$B$24,21,0),0)),0)</f>
        <v>0</v>
      </c>
      <c r="I4599">
        <f t="shared" si="517"/>
        <v>0.25840875227239579</v>
      </c>
      <c r="J4599">
        <f t="shared" si="518"/>
        <v>0.86136250757465271</v>
      </c>
      <c r="K4599">
        <f t="shared" si="519"/>
        <v>1.2920437613619788</v>
      </c>
      <c r="L4599">
        <f t="shared" si="520"/>
        <v>6.201810054537499</v>
      </c>
      <c r="M4599">
        <f t="shared" si="521"/>
        <v>0</v>
      </c>
      <c r="N4599" s="46">
        <f t="shared" si="522"/>
        <v>45482.208333322262</v>
      </c>
    </row>
    <row r="4600" spans="2:14" x14ac:dyDescent="0.3">
      <c r="B4600">
        <f t="shared" si="516"/>
        <v>2</v>
      </c>
      <c r="C4600" s="16">
        <v>4566</v>
      </c>
      <c r="D4600" cm="1">
        <f t="array" ref="D4600">IFERROR(INDEX(Jesper!AH$2:AH$366,ROUNDDOWN($C4600/24,0)+1,1)*INDEX($D$3:$AA$30,INDEX(Jesper!$R$2:$R$366,ROW(INDEX(Jesper!AH$2:AH$366,ROUNDDOWN($C4600/24,0)+1,1))-1)+IF('Standard Profiles'!$G$18=$B$10,7,0)+IF('Standard Profiles'!$G$18=$B$17,14,0)+IF('Standard Profiles'!$G$18=$B$24,21,0),MOD($C4600,24)+1)/SUM(INDEX($D$3:$AA$30,INDEX(Jesper!$R$2:$R$366,ROW(INDEX(Jesper!AH$2:AH$366,ROUNDDOWN($C4600/24,0)+1,1))-1)+IF('Standard Profiles'!$G$18=$B$10,7,0)+IF('Standard Profiles'!$G$18=$B$17,14,0)+IF('Standard Profiles'!$G$18=$B$24,21,0),0)),0)</f>
        <v>9.6075048921788166</v>
      </c>
      <c r="E4600" cm="1">
        <f t="array" ref="E4600">IFERROR(INDEX(Jesper!AI$2:AI$366,ROUNDDOWN($C4600/24,0)+1,1)*INDEX($D$3:$AA$30,INDEX(Jesper!$R$2:$R$366,ROW(INDEX(Jesper!AI$2:AI$366,ROUNDDOWN($C4600/24,0)+1,1))-1)+IF('Standard Profiles'!$G$19=$B$10,7,0)+IF('Standard Profiles'!$G$19=$B$17,14,0)+IF('Standard Profiles'!$G$19=$B$24,21,0),MOD($C4600,24)+1)/SUM(INDEX($D$3:$AA$30,INDEX(Jesper!$R$2:$R$366,ROW(INDEX(Jesper!AI$2:AI$366,ROUNDDOWN($C4600/24,0)+1,1))-1)+IF('Standard Profiles'!$G$19=$B$10,7,0)+IF('Standard Profiles'!$G$19=$B$17,14,0)+IF('Standard Profiles'!$G$19=$B$24,21,0),0)),0)</f>
        <v>0</v>
      </c>
      <c r="F4600" cm="1">
        <f t="array" ref="F4600">IFERROR(INDEX(Jesper!AJ$2:AJ$366,ROUNDDOWN($C4600/24,0)+1,1)*INDEX($D$3:$AA$30,INDEX(Jesper!$R$2:$R$366,ROW(INDEX(Jesper!AJ$2:AJ$366,ROUNDDOWN($C4600/24,0)+1,1))-1)+IF('Standard Profiles'!$G$20=$B$10,7,0)+IF('Standard Profiles'!$G$20=$B$17,14,0)+IF('Standard Profiles'!$G$20=$B$24,21,0),MOD($C4600,24)+1)/SUM(INDEX($D$3:$AA$30,INDEX(Jesper!$R$2:$R$366,ROW(INDEX(Jesper!AJ$2:AJ$366,ROUNDDOWN($C4600/24,0)+1,1))-1)+IF('Standard Profiles'!$G$20=$B$10,7,0)+IF('Standard Profiles'!$G$20=$B$17,14,0)+IF('Standard Profiles'!$G$20=$B$24,21,0),0)),0)</f>
        <v>0</v>
      </c>
      <c r="G4600" cm="1">
        <f t="array" ref="G4600">IFERROR(INDEX(Jesper!AK$2:AK$366,ROUNDDOWN($C4600/24,0)+1,1)*INDEX($D$3:$AA$30,INDEX(Jesper!$R$2:$R$366,ROW(INDEX(Jesper!AK$2:AK$366,ROUNDDOWN($C4600/24,0)+1,1))-1)+IF('Standard Profiles'!$G$21=$B$10,7,0)+IF('Standard Profiles'!$G$21=$B$17,14,0)+IF('Standard Profiles'!$G$21=$B$24,21,0),MOD($C4600,24)+1)/SUM(INDEX($D$3:$AA$30,INDEX(Jesper!$R$2:$R$366,ROW(INDEX(Jesper!AK$2:AK$366,ROUNDDOWN($C4600/24,0)+1,1))-1)+IF('Standard Profiles'!$G$21=$B$10,7,0)+IF('Standard Profiles'!$G$21=$B$17,14,0)+IF('Standard Profiles'!$G$21=$B$24,21,0),0)),0)</f>
        <v>0</v>
      </c>
      <c r="H4600" cm="1">
        <f t="array" ref="H4600">IFERROR(INDEX(Jesper!AL$2:AL$366,ROUNDDOWN($C4600/24,0)+1,1)*INDEX($D$3:$AA$30,INDEX(Jesper!$R$2:$R$366,ROW(INDEX(Jesper!AL$2:AL$366,ROUNDDOWN($C4600/24,0)+1,1))-1)+IF('Standard Profiles'!$G$22=$B$10,7,0)+IF('Standard Profiles'!$G$22=$B$17,14,0)+IF('Standard Profiles'!$G$22=$B$24,21,0),MOD($C4600,24)+1)/SUM(INDEX($D$3:$AA$30,INDEX(Jesper!$R$2:$R$366,ROW(INDEX(Jesper!AL$2:AL$366,ROUNDDOWN($C4600/24,0)+1,1))-1)+IF('Standard Profiles'!$G$22=$B$10,7,0)+IF('Standard Profiles'!$G$22=$B$17,14,0)+IF('Standard Profiles'!$G$22=$B$24,21,0),0)),0)</f>
        <v>0</v>
      </c>
      <c r="I4600">
        <f t="shared" si="517"/>
        <v>0.28822514676536448</v>
      </c>
      <c r="J4600">
        <f t="shared" si="518"/>
        <v>0.96075048921788175</v>
      </c>
      <c r="K4600">
        <f t="shared" si="519"/>
        <v>1.4411257338268224</v>
      </c>
      <c r="L4600">
        <f t="shared" si="520"/>
        <v>6.9174035223687476</v>
      </c>
      <c r="M4600">
        <f t="shared" si="521"/>
        <v>0</v>
      </c>
      <c r="N4600" s="46">
        <f t="shared" si="522"/>
        <v>45482.249999988926</v>
      </c>
    </row>
    <row r="4601" spans="2:14" x14ac:dyDescent="0.3">
      <c r="B4601">
        <f t="shared" si="516"/>
        <v>2</v>
      </c>
      <c r="C4601" s="16">
        <v>4567</v>
      </c>
      <c r="D4601" cm="1">
        <f t="array" ref="D4601">IFERROR(INDEX(Jesper!AH$2:AH$366,ROUNDDOWN($C4601/24,0)+1,1)*INDEX($D$3:$AA$30,INDEX(Jesper!$R$2:$R$366,ROW(INDEX(Jesper!AH$2:AH$366,ROUNDDOWN($C4601/24,0)+1,1))-1)+IF('Standard Profiles'!$G$18=$B$10,7,0)+IF('Standard Profiles'!$G$18=$B$17,14,0)+IF('Standard Profiles'!$G$18=$B$24,21,0),MOD($C4601,24)+1)/SUM(INDEX($D$3:$AA$30,INDEX(Jesper!$R$2:$R$366,ROW(INDEX(Jesper!AH$2:AH$366,ROUNDDOWN($C4601/24,0)+1,1))-1)+IF('Standard Profiles'!$G$18=$B$10,7,0)+IF('Standard Profiles'!$G$18=$B$17,14,0)+IF('Standard Profiles'!$G$18=$B$24,21,0),0)),0)</f>
        <v>9.9387981643229146</v>
      </c>
      <c r="E4601" cm="1">
        <f t="array" ref="E4601">IFERROR(INDEX(Jesper!AI$2:AI$366,ROUNDDOWN($C4601/24,0)+1,1)*INDEX($D$3:$AA$30,INDEX(Jesper!$R$2:$R$366,ROW(INDEX(Jesper!AI$2:AI$366,ROUNDDOWN($C4601/24,0)+1,1))-1)+IF('Standard Profiles'!$G$19=$B$10,7,0)+IF('Standard Profiles'!$G$19=$B$17,14,0)+IF('Standard Profiles'!$G$19=$B$24,21,0),MOD($C4601,24)+1)/SUM(INDEX($D$3:$AA$30,INDEX(Jesper!$R$2:$R$366,ROW(INDEX(Jesper!AI$2:AI$366,ROUNDDOWN($C4601/24,0)+1,1))-1)+IF('Standard Profiles'!$G$19=$B$10,7,0)+IF('Standard Profiles'!$G$19=$B$17,14,0)+IF('Standard Profiles'!$G$19=$B$24,21,0),0)),0)</f>
        <v>0</v>
      </c>
      <c r="F4601" cm="1">
        <f t="array" ref="F4601">IFERROR(INDEX(Jesper!AJ$2:AJ$366,ROUNDDOWN($C4601/24,0)+1,1)*INDEX($D$3:$AA$30,INDEX(Jesper!$R$2:$R$366,ROW(INDEX(Jesper!AJ$2:AJ$366,ROUNDDOWN($C4601/24,0)+1,1))-1)+IF('Standard Profiles'!$G$20=$B$10,7,0)+IF('Standard Profiles'!$G$20=$B$17,14,0)+IF('Standard Profiles'!$G$20=$B$24,21,0),MOD($C4601,24)+1)/SUM(INDEX($D$3:$AA$30,INDEX(Jesper!$R$2:$R$366,ROW(INDEX(Jesper!AJ$2:AJ$366,ROUNDDOWN($C4601/24,0)+1,1))-1)+IF('Standard Profiles'!$G$20=$B$10,7,0)+IF('Standard Profiles'!$G$20=$B$17,14,0)+IF('Standard Profiles'!$G$20=$B$24,21,0),0)),0)</f>
        <v>0</v>
      </c>
      <c r="G4601" cm="1">
        <f t="array" ref="G4601">IFERROR(INDEX(Jesper!AK$2:AK$366,ROUNDDOWN($C4601/24,0)+1,1)*INDEX($D$3:$AA$30,INDEX(Jesper!$R$2:$R$366,ROW(INDEX(Jesper!AK$2:AK$366,ROUNDDOWN($C4601/24,0)+1,1))-1)+IF('Standard Profiles'!$G$21=$B$10,7,0)+IF('Standard Profiles'!$G$21=$B$17,14,0)+IF('Standard Profiles'!$G$21=$B$24,21,0),MOD($C4601,24)+1)/SUM(INDEX($D$3:$AA$30,INDEX(Jesper!$R$2:$R$366,ROW(INDEX(Jesper!AK$2:AK$366,ROUNDDOWN($C4601/24,0)+1,1))-1)+IF('Standard Profiles'!$G$21=$B$10,7,0)+IF('Standard Profiles'!$G$21=$B$17,14,0)+IF('Standard Profiles'!$G$21=$B$24,21,0),0)),0)</f>
        <v>0</v>
      </c>
      <c r="H4601" cm="1">
        <f t="array" ref="H4601">IFERROR(INDEX(Jesper!AL$2:AL$366,ROUNDDOWN($C4601/24,0)+1,1)*INDEX($D$3:$AA$30,INDEX(Jesper!$R$2:$R$366,ROW(INDEX(Jesper!AL$2:AL$366,ROUNDDOWN($C4601/24,0)+1,1))-1)+IF('Standard Profiles'!$G$22=$B$10,7,0)+IF('Standard Profiles'!$G$22=$B$17,14,0)+IF('Standard Profiles'!$G$22=$B$24,21,0),MOD($C4601,24)+1)/SUM(INDEX($D$3:$AA$30,INDEX(Jesper!$R$2:$R$366,ROW(INDEX(Jesper!AL$2:AL$366,ROUNDDOWN($C4601/24,0)+1,1))-1)+IF('Standard Profiles'!$G$22=$B$10,7,0)+IF('Standard Profiles'!$G$22=$B$17,14,0)+IF('Standard Profiles'!$G$22=$B$24,21,0),0)),0)</f>
        <v>0</v>
      </c>
      <c r="I4601">
        <f t="shared" si="517"/>
        <v>0.29816394492968745</v>
      </c>
      <c r="J4601">
        <f t="shared" si="518"/>
        <v>0.99387981643229151</v>
      </c>
      <c r="K4601">
        <f t="shared" si="519"/>
        <v>1.4908197246484372</v>
      </c>
      <c r="L4601">
        <f t="shared" si="520"/>
        <v>7.155934678312498</v>
      </c>
      <c r="M4601">
        <f t="shared" si="521"/>
        <v>0</v>
      </c>
      <c r="N4601" s="46">
        <f t="shared" si="522"/>
        <v>45482.29166665559</v>
      </c>
    </row>
    <row r="4602" spans="2:14" x14ac:dyDescent="0.3">
      <c r="B4602">
        <f t="shared" si="516"/>
        <v>2</v>
      </c>
      <c r="C4602" s="16">
        <v>4568</v>
      </c>
      <c r="D4602" cm="1">
        <f t="array" ref="D4602">IFERROR(INDEX(Jesper!AH$2:AH$366,ROUNDDOWN($C4602/24,0)+1,1)*INDEX($D$3:$AA$30,INDEX(Jesper!$R$2:$R$366,ROW(INDEX(Jesper!AH$2:AH$366,ROUNDDOWN($C4602/24,0)+1,1))-1)+IF('Standard Profiles'!$G$18=$B$10,7,0)+IF('Standard Profiles'!$G$18=$B$17,14,0)+IF('Standard Profiles'!$G$18=$B$24,21,0),MOD($C4602,24)+1)/SUM(INDEX($D$3:$AA$30,INDEX(Jesper!$R$2:$R$366,ROW(INDEX(Jesper!AH$2:AH$366,ROUNDDOWN($C4602/24,0)+1,1))-1)+IF('Standard Profiles'!$G$18=$B$10,7,0)+IF('Standard Profiles'!$G$18=$B$17,14,0)+IF('Standard Profiles'!$G$18=$B$24,21,0),0)),0)</f>
        <v>9.9387981643229146</v>
      </c>
      <c r="E4602" cm="1">
        <f t="array" ref="E4602">IFERROR(INDEX(Jesper!AI$2:AI$366,ROUNDDOWN($C4602/24,0)+1,1)*INDEX($D$3:$AA$30,INDEX(Jesper!$R$2:$R$366,ROW(INDEX(Jesper!AI$2:AI$366,ROUNDDOWN($C4602/24,0)+1,1))-1)+IF('Standard Profiles'!$G$19=$B$10,7,0)+IF('Standard Profiles'!$G$19=$B$17,14,0)+IF('Standard Profiles'!$G$19=$B$24,21,0),MOD($C4602,24)+1)/SUM(INDEX($D$3:$AA$30,INDEX(Jesper!$R$2:$R$366,ROW(INDEX(Jesper!AI$2:AI$366,ROUNDDOWN($C4602/24,0)+1,1))-1)+IF('Standard Profiles'!$G$19=$B$10,7,0)+IF('Standard Profiles'!$G$19=$B$17,14,0)+IF('Standard Profiles'!$G$19=$B$24,21,0),0)),0)</f>
        <v>0</v>
      </c>
      <c r="F4602" cm="1">
        <f t="array" ref="F4602">IFERROR(INDEX(Jesper!AJ$2:AJ$366,ROUNDDOWN($C4602/24,0)+1,1)*INDEX($D$3:$AA$30,INDEX(Jesper!$R$2:$R$366,ROW(INDEX(Jesper!AJ$2:AJ$366,ROUNDDOWN($C4602/24,0)+1,1))-1)+IF('Standard Profiles'!$G$20=$B$10,7,0)+IF('Standard Profiles'!$G$20=$B$17,14,0)+IF('Standard Profiles'!$G$20=$B$24,21,0),MOD($C4602,24)+1)/SUM(INDEX($D$3:$AA$30,INDEX(Jesper!$R$2:$R$366,ROW(INDEX(Jesper!AJ$2:AJ$366,ROUNDDOWN($C4602/24,0)+1,1))-1)+IF('Standard Profiles'!$G$20=$B$10,7,0)+IF('Standard Profiles'!$G$20=$B$17,14,0)+IF('Standard Profiles'!$G$20=$B$24,21,0),0)),0)</f>
        <v>0</v>
      </c>
      <c r="G4602" cm="1">
        <f t="array" ref="G4602">IFERROR(INDEX(Jesper!AK$2:AK$366,ROUNDDOWN($C4602/24,0)+1,1)*INDEX($D$3:$AA$30,INDEX(Jesper!$R$2:$R$366,ROW(INDEX(Jesper!AK$2:AK$366,ROUNDDOWN($C4602/24,0)+1,1))-1)+IF('Standard Profiles'!$G$21=$B$10,7,0)+IF('Standard Profiles'!$G$21=$B$17,14,0)+IF('Standard Profiles'!$G$21=$B$24,21,0),MOD($C4602,24)+1)/SUM(INDEX($D$3:$AA$30,INDEX(Jesper!$R$2:$R$366,ROW(INDEX(Jesper!AK$2:AK$366,ROUNDDOWN($C4602/24,0)+1,1))-1)+IF('Standard Profiles'!$G$21=$B$10,7,0)+IF('Standard Profiles'!$G$21=$B$17,14,0)+IF('Standard Profiles'!$G$21=$B$24,21,0),0)),0)</f>
        <v>0</v>
      </c>
      <c r="H4602" cm="1">
        <f t="array" ref="H4602">IFERROR(INDEX(Jesper!AL$2:AL$366,ROUNDDOWN($C4602/24,0)+1,1)*INDEX($D$3:$AA$30,INDEX(Jesper!$R$2:$R$366,ROW(INDEX(Jesper!AL$2:AL$366,ROUNDDOWN($C4602/24,0)+1,1))-1)+IF('Standard Profiles'!$G$22=$B$10,7,0)+IF('Standard Profiles'!$G$22=$B$17,14,0)+IF('Standard Profiles'!$G$22=$B$24,21,0),MOD($C4602,24)+1)/SUM(INDEX($D$3:$AA$30,INDEX(Jesper!$R$2:$R$366,ROW(INDEX(Jesper!AL$2:AL$366,ROUNDDOWN($C4602/24,0)+1,1))-1)+IF('Standard Profiles'!$G$22=$B$10,7,0)+IF('Standard Profiles'!$G$22=$B$17,14,0)+IF('Standard Profiles'!$G$22=$B$24,21,0),0)),0)</f>
        <v>0</v>
      </c>
      <c r="I4602">
        <f t="shared" si="517"/>
        <v>0.29816394492968745</v>
      </c>
      <c r="J4602">
        <f t="shared" si="518"/>
        <v>0.99387981643229151</v>
      </c>
      <c r="K4602">
        <f t="shared" si="519"/>
        <v>1.4908197246484372</v>
      </c>
      <c r="L4602">
        <f t="shared" si="520"/>
        <v>7.155934678312498</v>
      </c>
      <c r="M4602">
        <f t="shared" si="521"/>
        <v>0</v>
      </c>
      <c r="N4602" s="46">
        <f t="shared" si="522"/>
        <v>45482.333333322254</v>
      </c>
    </row>
    <row r="4603" spans="2:14" x14ac:dyDescent="0.3">
      <c r="B4603">
        <f t="shared" si="516"/>
        <v>2</v>
      </c>
      <c r="C4603" s="16">
        <v>4569</v>
      </c>
      <c r="D4603" cm="1">
        <f t="array" ref="D4603">IFERROR(INDEX(Jesper!AH$2:AH$366,ROUNDDOWN($C4603/24,0)+1,1)*INDEX($D$3:$AA$30,INDEX(Jesper!$R$2:$R$366,ROW(INDEX(Jesper!AH$2:AH$366,ROUNDDOWN($C4603/24,0)+1,1))-1)+IF('Standard Profiles'!$G$18=$B$10,7,0)+IF('Standard Profiles'!$G$18=$B$17,14,0)+IF('Standard Profiles'!$G$18=$B$24,21,0),MOD($C4603,24)+1)/SUM(INDEX($D$3:$AA$30,INDEX(Jesper!$R$2:$R$366,ROW(INDEX(Jesper!AH$2:AH$366,ROUNDDOWN($C4603/24,0)+1,1))-1)+IF('Standard Profiles'!$G$18=$B$10,7,0)+IF('Standard Profiles'!$G$18=$B$17,14,0)+IF('Standard Profiles'!$G$18=$B$24,21,0),0)),0)</f>
        <v>10.767031344683158</v>
      </c>
      <c r="E4603" cm="1">
        <f t="array" ref="E4603">IFERROR(INDEX(Jesper!AI$2:AI$366,ROUNDDOWN($C4603/24,0)+1,1)*INDEX($D$3:$AA$30,INDEX(Jesper!$R$2:$R$366,ROW(INDEX(Jesper!AI$2:AI$366,ROUNDDOWN($C4603/24,0)+1,1))-1)+IF('Standard Profiles'!$G$19=$B$10,7,0)+IF('Standard Profiles'!$G$19=$B$17,14,0)+IF('Standard Profiles'!$G$19=$B$24,21,0),MOD($C4603,24)+1)/SUM(INDEX($D$3:$AA$30,INDEX(Jesper!$R$2:$R$366,ROW(INDEX(Jesper!AI$2:AI$366,ROUNDDOWN($C4603/24,0)+1,1))-1)+IF('Standard Profiles'!$G$19=$B$10,7,0)+IF('Standard Profiles'!$G$19=$B$17,14,0)+IF('Standard Profiles'!$G$19=$B$24,21,0),0)),0)</f>
        <v>0</v>
      </c>
      <c r="F4603" cm="1">
        <f t="array" ref="F4603">IFERROR(INDEX(Jesper!AJ$2:AJ$366,ROUNDDOWN($C4603/24,0)+1,1)*INDEX($D$3:$AA$30,INDEX(Jesper!$R$2:$R$366,ROW(INDEX(Jesper!AJ$2:AJ$366,ROUNDDOWN($C4603/24,0)+1,1))-1)+IF('Standard Profiles'!$G$20=$B$10,7,0)+IF('Standard Profiles'!$G$20=$B$17,14,0)+IF('Standard Profiles'!$G$20=$B$24,21,0),MOD($C4603,24)+1)/SUM(INDEX($D$3:$AA$30,INDEX(Jesper!$R$2:$R$366,ROW(INDEX(Jesper!AJ$2:AJ$366,ROUNDDOWN($C4603/24,0)+1,1))-1)+IF('Standard Profiles'!$G$20=$B$10,7,0)+IF('Standard Profiles'!$G$20=$B$17,14,0)+IF('Standard Profiles'!$G$20=$B$24,21,0),0)),0)</f>
        <v>0</v>
      </c>
      <c r="G4603" cm="1">
        <f t="array" ref="G4603">IFERROR(INDEX(Jesper!AK$2:AK$366,ROUNDDOWN($C4603/24,0)+1,1)*INDEX($D$3:$AA$30,INDEX(Jesper!$R$2:$R$366,ROW(INDEX(Jesper!AK$2:AK$366,ROUNDDOWN($C4603/24,0)+1,1))-1)+IF('Standard Profiles'!$G$21=$B$10,7,0)+IF('Standard Profiles'!$G$21=$B$17,14,0)+IF('Standard Profiles'!$G$21=$B$24,21,0),MOD($C4603,24)+1)/SUM(INDEX($D$3:$AA$30,INDEX(Jesper!$R$2:$R$366,ROW(INDEX(Jesper!AK$2:AK$366,ROUNDDOWN($C4603/24,0)+1,1))-1)+IF('Standard Profiles'!$G$21=$B$10,7,0)+IF('Standard Profiles'!$G$21=$B$17,14,0)+IF('Standard Profiles'!$G$21=$B$24,21,0),0)),0)</f>
        <v>0</v>
      </c>
      <c r="H4603" cm="1">
        <f t="array" ref="H4603">IFERROR(INDEX(Jesper!AL$2:AL$366,ROUNDDOWN($C4603/24,0)+1,1)*INDEX($D$3:$AA$30,INDEX(Jesper!$R$2:$R$366,ROW(INDEX(Jesper!AL$2:AL$366,ROUNDDOWN($C4603/24,0)+1,1))-1)+IF('Standard Profiles'!$G$22=$B$10,7,0)+IF('Standard Profiles'!$G$22=$B$17,14,0)+IF('Standard Profiles'!$G$22=$B$24,21,0),MOD($C4603,24)+1)/SUM(INDEX($D$3:$AA$30,INDEX(Jesper!$R$2:$R$366,ROW(INDEX(Jesper!AL$2:AL$366,ROUNDDOWN($C4603/24,0)+1,1))-1)+IF('Standard Profiles'!$G$22=$B$10,7,0)+IF('Standard Profiles'!$G$22=$B$17,14,0)+IF('Standard Profiles'!$G$22=$B$24,21,0),0)),0)</f>
        <v>0</v>
      </c>
      <c r="I4603">
        <f t="shared" si="517"/>
        <v>0.32301094034049471</v>
      </c>
      <c r="J4603">
        <f t="shared" si="518"/>
        <v>1.0767031344683158</v>
      </c>
      <c r="K4603">
        <f t="shared" si="519"/>
        <v>1.6150547017024737</v>
      </c>
      <c r="L4603">
        <f t="shared" si="520"/>
        <v>7.7522625681718731</v>
      </c>
      <c r="M4603">
        <f t="shared" si="521"/>
        <v>0</v>
      </c>
      <c r="N4603" s="46">
        <f t="shared" si="522"/>
        <v>45482.374999988919</v>
      </c>
    </row>
    <row r="4604" spans="2:14" x14ac:dyDescent="0.3">
      <c r="B4604">
        <f t="shared" si="516"/>
        <v>2</v>
      </c>
      <c r="C4604" s="16">
        <v>4570</v>
      </c>
      <c r="D4604" cm="1">
        <f t="array" ref="D4604">IFERROR(INDEX(Jesper!AH$2:AH$366,ROUNDDOWN($C4604/24,0)+1,1)*INDEX($D$3:$AA$30,INDEX(Jesper!$R$2:$R$366,ROW(INDEX(Jesper!AH$2:AH$366,ROUNDDOWN($C4604/24,0)+1,1))-1)+IF('Standard Profiles'!$G$18=$B$10,7,0)+IF('Standard Profiles'!$G$18=$B$17,14,0)+IF('Standard Profiles'!$G$18=$B$24,21,0),MOD($C4604,24)+1)/SUM(INDEX($D$3:$AA$30,INDEX(Jesper!$R$2:$R$366,ROW(INDEX(Jesper!AH$2:AH$366,ROUNDDOWN($C4604/24,0)+1,1))-1)+IF('Standard Profiles'!$G$18=$B$10,7,0)+IF('Standard Profiles'!$G$18=$B$17,14,0)+IF('Standard Profiles'!$G$18=$B$24,21,0),0)),0)</f>
        <v>11.263971252899303</v>
      </c>
      <c r="E4604" cm="1">
        <f t="array" ref="E4604">IFERROR(INDEX(Jesper!AI$2:AI$366,ROUNDDOWN($C4604/24,0)+1,1)*INDEX($D$3:$AA$30,INDEX(Jesper!$R$2:$R$366,ROW(INDEX(Jesper!AI$2:AI$366,ROUNDDOWN($C4604/24,0)+1,1))-1)+IF('Standard Profiles'!$G$19=$B$10,7,0)+IF('Standard Profiles'!$G$19=$B$17,14,0)+IF('Standard Profiles'!$G$19=$B$24,21,0),MOD($C4604,24)+1)/SUM(INDEX($D$3:$AA$30,INDEX(Jesper!$R$2:$R$366,ROW(INDEX(Jesper!AI$2:AI$366,ROUNDDOWN($C4604/24,0)+1,1))-1)+IF('Standard Profiles'!$G$19=$B$10,7,0)+IF('Standard Profiles'!$G$19=$B$17,14,0)+IF('Standard Profiles'!$G$19=$B$24,21,0),0)),0)</f>
        <v>0</v>
      </c>
      <c r="F4604" cm="1">
        <f t="array" ref="F4604">IFERROR(INDEX(Jesper!AJ$2:AJ$366,ROUNDDOWN($C4604/24,0)+1,1)*INDEX($D$3:$AA$30,INDEX(Jesper!$R$2:$R$366,ROW(INDEX(Jesper!AJ$2:AJ$366,ROUNDDOWN($C4604/24,0)+1,1))-1)+IF('Standard Profiles'!$G$20=$B$10,7,0)+IF('Standard Profiles'!$G$20=$B$17,14,0)+IF('Standard Profiles'!$G$20=$B$24,21,0),MOD($C4604,24)+1)/SUM(INDEX($D$3:$AA$30,INDEX(Jesper!$R$2:$R$366,ROW(INDEX(Jesper!AJ$2:AJ$366,ROUNDDOWN($C4604/24,0)+1,1))-1)+IF('Standard Profiles'!$G$20=$B$10,7,0)+IF('Standard Profiles'!$G$20=$B$17,14,0)+IF('Standard Profiles'!$G$20=$B$24,21,0),0)),0)</f>
        <v>0</v>
      </c>
      <c r="G4604" cm="1">
        <f t="array" ref="G4604">IFERROR(INDEX(Jesper!AK$2:AK$366,ROUNDDOWN($C4604/24,0)+1,1)*INDEX($D$3:$AA$30,INDEX(Jesper!$R$2:$R$366,ROW(INDEX(Jesper!AK$2:AK$366,ROUNDDOWN($C4604/24,0)+1,1))-1)+IF('Standard Profiles'!$G$21=$B$10,7,0)+IF('Standard Profiles'!$G$21=$B$17,14,0)+IF('Standard Profiles'!$G$21=$B$24,21,0),MOD($C4604,24)+1)/SUM(INDEX($D$3:$AA$30,INDEX(Jesper!$R$2:$R$366,ROW(INDEX(Jesper!AK$2:AK$366,ROUNDDOWN($C4604/24,0)+1,1))-1)+IF('Standard Profiles'!$G$21=$B$10,7,0)+IF('Standard Profiles'!$G$21=$B$17,14,0)+IF('Standard Profiles'!$G$21=$B$24,21,0),0)),0)</f>
        <v>0</v>
      </c>
      <c r="H4604" cm="1">
        <f t="array" ref="H4604">IFERROR(INDEX(Jesper!AL$2:AL$366,ROUNDDOWN($C4604/24,0)+1,1)*INDEX($D$3:$AA$30,INDEX(Jesper!$R$2:$R$366,ROW(INDEX(Jesper!AL$2:AL$366,ROUNDDOWN($C4604/24,0)+1,1))-1)+IF('Standard Profiles'!$G$22=$B$10,7,0)+IF('Standard Profiles'!$G$22=$B$17,14,0)+IF('Standard Profiles'!$G$22=$B$24,21,0),MOD($C4604,24)+1)/SUM(INDEX($D$3:$AA$30,INDEX(Jesper!$R$2:$R$366,ROW(INDEX(Jesper!AL$2:AL$366,ROUNDDOWN($C4604/24,0)+1,1))-1)+IF('Standard Profiles'!$G$22=$B$10,7,0)+IF('Standard Profiles'!$G$22=$B$17,14,0)+IF('Standard Profiles'!$G$22=$B$24,21,0),0)),0)</f>
        <v>0</v>
      </c>
      <c r="I4604">
        <f t="shared" si="517"/>
        <v>0.33791913758697906</v>
      </c>
      <c r="J4604">
        <f t="shared" si="518"/>
        <v>1.1263971252899303</v>
      </c>
      <c r="K4604">
        <f t="shared" si="519"/>
        <v>1.6895956879348955</v>
      </c>
      <c r="L4604">
        <f t="shared" si="520"/>
        <v>8.1100593020874978</v>
      </c>
      <c r="M4604">
        <f t="shared" si="521"/>
        <v>0</v>
      </c>
      <c r="N4604" s="46">
        <f t="shared" si="522"/>
        <v>45482.416666655583</v>
      </c>
    </row>
    <row r="4605" spans="2:14" x14ac:dyDescent="0.3">
      <c r="B4605">
        <f t="shared" si="516"/>
        <v>2</v>
      </c>
      <c r="C4605" s="16">
        <v>4571</v>
      </c>
      <c r="D4605" cm="1">
        <f t="array" ref="D4605">IFERROR(INDEX(Jesper!AH$2:AH$366,ROUNDDOWN($C4605/24,0)+1,1)*INDEX($D$3:$AA$30,INDEX(Jesper!$R$2:$R$366,ROW(INDEX(Jesper!AH$2:AH$366,ROUNDDOWN($C4605/24,0)+1,1))-1)+IF('Standard Profiles'!$G$18=$B$10,7,0)+IF('Standard Profiles'!$G$18=$B$17,14,0)+IF('Standard Profiles'!$G$18=$B$24,21,0),MOD($C4605,24)+1)/SUM(INDEX($D$3:$AA$30,INDEX(Jesper!$R$2:$R$366,ROW(INDEX(Jesper!AH$2:AH$366,ROUNDDOWN($C4605/24,0)+1,1))-1)+IF('Standard Profiles'!$G$18=$B$10,7,0)+IF('Standard Profiles'!$G$18=$B$17,14,0)+IF('Standard Profiles'!$G$18=$B$24,21,0),0)),0)</f>
        <v>13.251730885763887</v>
      </c>
      <c r="E4605" cm="1">
        <f t="array" ref="E4605">IFERROR(INDEX(Jesper!AI$2:AI$366,ROUNDDOWN($C4605/24,0)+1,1)*INDEX($D$3:$AA$30,INDEX(Jesper!$R$2:$R$366,ROW(INDEX(Jesper!AI$2:AI$366,ROUNDDOWN($C4605/24,0)+1,1))-1)+IF('Standard Profiles'!$G$19=$B$10,7,0)+IF('Standard Profiles'!$G$19=$B$17,14,0)+IF('Standard Profiles'!$G$19=$B$24,21,0),MOD($C4605,24)+1)/SUM(INDEX($D$3:$AA$30,INDEX(Jesper!$R$2:$R$366,ROW(INDEX(Jesper!AI$2:AI$366,ROUNDDOWN($C4605/24,0)+1,1))-1)+IF('Standard Profiles'!$G$19=$B$10,7,0)+IF('Standard Profiles'!$G$19=$B$17,14,0)+IF('Standard Profiles'!$G$19=$B$24,21,0),0)),0)</f>
        <v>0</v>
      </c>
      <c r="F4605" cm="1">
        <f t="array" ref="F4605">IFERROR(INDEX(Jesper!AJ$2:AJ$366,ROUNDDOWN($C4605/24,0)+1,1)*INDEX($D$3:$AA$30,INDEX(Jesper!$R$2:$R$366,ROW(INDEX(Jesper!AJ$2:AJ$366,ROUNDDOWN($C4605/24,0)+1,1))-1)+IF('Standard Profiles'!$G$20=$B$10,7,0)+IF('Standard Profiles'!$G$20=$B$17,14,0)+IF('Standard Profiles'!$G$20=$B$24,21,0),MOD($C4605,24)+1)/SUM(INDEX($D$3:$AA$30,INDEX(Jesper!$R$2:$R$366,ROW(INDEX(Jesper!AJ$2:AJ$366,ROUNDDOWN($C4605/24,0)+1,1))-1)+IF('Standard Profiles'!$G$20=$B$10,7,0)+IF('Standard Profiles'!$G$20=$B$17,14,0)+IF('Standard Profiles'!$G$20=$B$24,21,0),0)),0)</f>
        <v>0</v>
      </c>
      <c r="G4605" cm="1">
        <f t="array" ref="G4605">IFERROR(INDEX(Jesper!AK$2:AK$366,ROUNDDOWN($C4605/24,0)+1,1)*INDEX($D$3:$AA$30,INDEX(Jesper!$R$2:$R$366,ROW(INDEX(Jesper!AK$2:AK$366,ROUNDDOWN($C4605/24,0)+1,1))-1)+IF('Standard Profiles'!$G$21=$B$10,7,0)+IF('Standard Profiles'!$G$21=$B$17,14,0)+IF('Standard Profiles'!$G$21=$B$24,21,0),MOD($C4605,24)+1)/SUM(INDEX($D$3:$AA$30,INDEX(Jesper!$R$2:$R$366,ROW(INDEX(Jesper!AK$2:AK$366,ROUNDDOWN($C4605/24,0)+1,1))-1)+IF('Standard Profiles'!$G$21=$B$10,7,0)+IF('Standard Profiles'!$G$21=$B$17,14,0)+IF('Standard Profiles'!$G$21=$B$24,21,0),0)),0)</f>
        <v>0</v>
      </c>
      <c r="H4605" cm="1">
        <f t="array" ref="H4605">IFERROR(INDEX(Jesper!AL$2:AL$366,ROUNDDOWN($C4605/24,0)+1,1)*INDEX($D$3:$AA$30,INDEX(Jesper!$R$2:$R$366,ROW(INDEX(Jesper!AL$2:AL$366,ROUNDDOWN($C4605/24,0)+1,1))-1)+IF('Standard Profiles'!$G$22=$B$10,7,0)+IF('Standard Profiles'!$G$22=$B$17,14,0)+IF('Standard Profiles'!$G$22=$B$24,21,0),MOD($C4605,24)+1)/SUM(INDEX($D$3:$AA$30,INDEX(Jesper!$R$2:$R$366,ROW(INDEX(Jesper!AL$2:AL$366,ROUNDDOWN($C4605/24,0)+1,1))-1)+IF('Standard Profiles'!$G$22=$B$10,7,0)+IF('Standard Profiles'!$G$22=$B$17,14,0)+IF('Standard Profiles'!$G$22=$B$24,21,0),0)),0)</f>
        <v>0</v>
      </c>
      <c r="I4605">
        <f t="shared" si="517"/>
        <v>0.3975519265729166</v>
      </c>
      <c r="J4605">
        <f t="shared" si="518"/>
        <v>1.3251730885763888</v>
      </c>
      <c r="K4605">
        <f t="shared" si="519"/>
        <v>1.987759632864583</v>
      </c>
      <c r="L4605">
        <f t="shared" si="520"/>
        <v>9.5412462377499985</v>
      </c>
      <c r="M4605">
        <f t="shared" si="521"/>
        <v>0</v>
      </c>
      <c r="N4605" s="46">
        <f t="shared" si="522"/>
        <v>45482.458333322247</v>
      </c>
    </row>
    <row r="4606" spans="2:14" x14ac:dyDescent="0.3">
      <c r="B4606">
        <f t="shared" si="516"/>
        <v>2</v>
      </c>
      <c r="C4606" s="16">
        <v>4572</v>
      </c>
      <c r="D4606" cm="1">
        <f t="array" ref="D4606">IFERROR(INDEX(Jesper!AH$2:AH$366,ROUNDDOWN($C4606/24,0)+1,1)*INDEX($D$3:$AA$30,INDEX(Jesper!$R$2:$R$366,ROW(INDEX(Jesper!AH$2:AH$366,ROUNDDOWN($C4606/24,0)+1,1))-1)+IF('Standard Profiles'!$G$18=$B$10,7,0)+IF('Standard Profiles'!$G$18=$B$17,14,0)+IF('Standard Profiles'!$G$18=$B$24,21,0),MOD($C4606,24)+1)/SUM(INDEX($D$3:$AA$30,INDEX(Jesper!$R$2:$R$366,ROW(INDEX(Jesper!AH$2:AH$366,ROUNDDOWN($C4606/24,0)+1,1))-1)+IF('Standard Profiles'!$G$18=$B$10,7,0)+IF('Standard Profiles'!$G$18=$B$17,14,0)+IF('Standard Profiles'!$G$18=$B$24,21,0),0)),0)</f>
        <v>13.251730885763887</v>
      </c>
      <c r="E4606" cm="1">
        <f t="array" ref="E4606">IFERROR(INDEX(Jesper!AI$2:AI$366,ROUNDDOWN($C4606/24,0)+1,1)*INDEX($D$3:$AA$30,INDEX(Jesper!$R$2:$R$366,ROW(INDEX(Jesper!AI$2:AI$366,ROUNDDOWN($C4606/24,0)+1,1))-1)+IF('Standard Profiles'!$G$19=$B$10,7,0)+IF('Standard Profiles'!$G$19=$B$17,14,0)+IF('Standard Profiles'!$G$19=$B$24,21,0),MOD($C4606,24)+1)/SUM(INDEX($D$3:$AA$30,INDEX(Jesper!$R$2:$R$366,ROW(INDEX(Jesper!AI$2:AI$366,ROUNDDOWN($C4606/24,0)+1,1))-1)+IF('Standard Profiles'!$G$19=$B$10,7,0)+IF('Standard Profiles'!$G$19=$B$17,14,0)+IF('Standard Profiles'!$G$19=$B$24,21,0),0)),0)</f>
        <v>0</v>
      </c>
      <c r="F4606" cm="1">
        <f t="array" ref="F4606">IFERROR(INDEX(Jesper!AJ$2:AJ$366,ROUNDDOWN($C4606/24,0)+1,1)*INDEX($D$3:$AA$30,INDEX(Jesper!$R$2:$R$366,ROW(INDEX(Jesper!AJ$2:AJ$366,ROUNDDOWN($C4606/24,0)+1,1))-1)+IF('Standard Profiles'!$G$20=$B$10,7,0)+IF('Standard Profiles'!$G$20=$B$17,14,0)+IF('Standard Profiles'!$G$20=$B$24,21,0),MOD($C4606,24)+1)/SUM(INDEX($D$3:$AA$30,INDEX(Jesper!$R$2:$R$366,ROW(INDEX(Jesper!AJ$2:AJ$366,ROUNDDOWN($C4606/24,0)+1,1))-1)+IF('Standard Profiles'!$G$20=$B$10,7,0)+IF('Standard Profiles'!$G$20=$B$17,14,0)+IF('Standard Profiles'!$G$20=$B$24,21,0),0)),0)</f>
        <v>0</v>
      </c>
      <c r="G4606" cm="1">
        <f t="array" ref="G4606">IFERROR(INDEX(Jesper!AK$2:AK$366,ROUNDDOWN($C4606/24,0)+1,1)*INDEX($D$3:$AA$30,INDEX(Jesper!$R$2:$R$366,ROW(INDEX(Jesper!AK$2:AK$366,ROUNDDOWN($C4606/24,0)+1,1))-1)+IF('Standard Profiles'!$G$21=$B$10,7,0)+IF('Standard Profiles'!$G$21=$B$17,14,0)+IF('Standard Profiles'!$G$21=$B$24,21,0),MOD($C4606,24)+1)/SUM(INDEX($D$3:$AA$30,INDEX(Jesper!$R$2:$R$366,ROW(INDEX(Jesper!AK$2:AK$366,ROUNDDOWN($C4606/24,0)+1,1))-1)+IF('Standard Profiles'!$G$21=$B$10,7,0)+IF('Standard Profiles'!$G$21=$B$17,14,0)+IF('Standard Profiles'!$G$21=$B$24,21,0),0)),0)</f>
        <v>0</v>
      </c>
      <c r="H4606" cm="1">
        <f t="array" ref="H4606">IFERROR(INDEX(Jesper!AL$2:AL$366,ROUNDDOWN($C4606/24,0)+1,1)*INDEX($D$3:$AA$30,INDEX(Jesper!$R$2:$R$366,ROW(INDEX(Jesper!AL$2:AL$366,ROUNDDOWN($C4606/24,0)+1,1))-1)+IF('Standard Profiles'!$G$22=$B$10,7,0)+IF('Standard Profiles'!$G$22=$B$17,14,0)+IF('Standard Profiles'!$G$22=$B$24,21,0),MOD($C4606,24)+1)/SUM(INDEX($D$3:$AA$30,INDEX(Jesper!$R$2:$R$366,ROW(INDEX(Jesper!AL$2:AL$366,ROUNDDOWN($C4606/24,0)+1,1))-1)+IF('Standard Profiles'!$G$22=$B$10,7,0)+IF('Standard Profiles'!$G$22=$B$17,14,0)+IF('Standard Profiles'!$G$22=$B$24,21,0),0)),0)</f>
        <v>0</v>
      </c>
      <c r="I4606">
        <f t="shared" si="517"/>
        <v>0.3975519265729166</v>
      </c>
      <c r="J4606">
        <f t="shared" si="518"/>
        <v>1.3251730885763888</v>
      </c>
      <c r="K4606">
        <f t="shared" si="519"/>
        <v>1.987759632864583</v>
      </c>
      <c r="L4606">
        <f t="shared" si="520"/>
        <v>9.5412462377499985</v>
      </c>
      <c r="M4606">
        <f t="shared" si="521"/>
        <v>0</v>
      </c>
      <c r="N4606" s="46">
        <f t="shared" si="522"/>
        <v>45482.499999988911</v>
      </c>
    </row>
    <row r="4607" spans="2:14" x14ac:dyDescent="0.3">
      <c r="B4607">
        <f t="shared" si="516"/>
        <v>2</v>
      </c>
      <c r="C4607" s="16">
        <v>4573</v>
      </c>
      <c r="D4607" cm="1">
        <f t="array" ref="D4607">IFERROR(INDEX(Jesper!AH$2:AH$366,ROUNDDOWN($C4607/24,0)+1,1)*INDEX($D$3:$AA$30,INDEX(Jesper!$R$2:$R$366,ROW(INDEX(Jesper!AH$2:AH$366,ROUNDDOWN($C4607/24,0)+1,1))-1)+IF('Standard Profiles'!$G$18=$B$10,7,0)+IF('Standard Profiles'!$G$18=$B$17,14,0)+IF('Standard Profiles'!$G$18=$B$24,21,0),MOD($C4607,24)+1)/SUM(INDEX($D$3:$AA$30,INDEX(Jesper!$R$2:$R$366,ROW(INDEX(Jesper!AH$2:AH$366,ROUNDDOWN($C4607/24,0)+1,1))-1)+IF('Standard Profiles'!$G$18=$B$10,7,0)+IF('Standard Profiles'!$G$18=$B$17,14,0)+IF('Standard Profiles'!$G$18=$B$24,21,0),0)),0)</f>
        <v>13.251730885763887</v>
      </c>
      <c r="E4607" cm="1">
        <f t="array" ref="E4607">IFERROR(INDEX(Jesper!AI$2:AI$366,ROUNDDOWN($C4607/24,0)+1,1)*INDEX($D$3:$AA$30,INDEX(Jesper!$R$2:$R$366,ROW(INDEX(Jesper!AI$2:AI$366,ROUNDDOWN($C4607/24,0)+1,1))-1)+IF('Standard Profiles'!$G$19=$B$10,7,0)+IF('Standard Profiles'!$G$19=$B$17,14,0)+IF('Standard Profiles'!$G$19=$B$24,21,0),MOD($C4607,24)+1)/SUM(INDEX($D$3:$AA$30,INDEX(Jesper!$R$2:$R$366,ROW(INDEX(Jesper!AI$2:AI$366,ROUNDDOWN($C4607/24,0)+1,1))-1)+IF('Standard Profiles'!$G$19=$B$10,7,0)+IF('Standard Profiles'!$G$19=$B$17,14,0)+IF('Standard Profiles'!$G$19=$B$24,21,0),0)),0)</f>
        <v>0</v>
      </c>
      <c r="F4607" cm="1">
        <f t="array" ref="F4607">IFERROR(INDEX(Jesper!AJ$2:AJ$366,ROUNDDOWN($C4607/24,0)+1,1)*INDEX($D$3:$AA$30,INDEX(Jesper!$R$2:$R$366,ROW(INDEX(Jesper!AJ$2:AJ$366,ROUNDDOWN($C4607/24,0)+1,1))-1)+IF('Standard Profiles'!$G$20=$B$10,7,0)+IF('Standard Profiles'!$G$20=$B$17,14,0)+IF('Standard Profiles'!$G$20=$B$24,21,0),MOD($C4607,24)+1)/SUM(INDEX($D$3:$AA$30,INDEX(Jesper!$R$2:$R$366,ROW(INDEX(Jesper!AJ$2:AJ$366,ROUNDDOWN($C4607/24,0)+1,1))-1)+IF('Standard Profiles'!$G$20=$B$10,7,0)+IF('Standard Profiles'!$G$20=$B$17,14,0)+IF('Standard Profiles'!$G$20=$B$24,21,0),0)),0)</f>
        <v>0</v>
      </c>
      <c r="G4607" cm="1">
        <f t="array" ref="G4607">IFERROR(INDEX(Jesper!AK$2:AK$366,ROUNDDOWN($C4607/24,0)+1,1)*INDEX($D$3:$AA$30,INDEX(Jesper!$R$2:$R$366,ROW(INDEX(Jesper!AK$2:AK$366,ROUNDDOWN($C4607/24,0)+1,1))-1)+IF('Standard Profiles'!$G$21=$B$10,7,0)+IF('Standard Profiles'!$G$21=$B$17,14,0)+IF('Standard Profiles'!$G$21=$B$24,21,0),MOD($C4607,24)+1)/SUM(INDEX($D$3:$AA$30,INDEX(Jesper!$R$2:$R$366,ROW(INDEX(Jesper!AK$2:AK$366,ROUNDDOWN($C4607/24,0)+1,1))-1)+IF('Standard Profiles'!$G$21=$B$10,7,0)+IF('Standard Profiles'!$G$21=$B$17,14,0)+IF('Standard Profiles'!$G$21=$B$24,21,0),0)),0)</f>
        <v>0</v>
      </c>
      <c r="H4607" cm="1">
        <f t="array" ref="H4607">IFERROR(INDEX(Jesper!AL$2:AL$366,ROUNDDOWN($C4607/24,0)+1,1)*INDEX($D$3:$AA$30,INDEX(Jesper!$R$2:$R$366,ROW(INDEX(Jesper!AL$2:AL$366,ROUNDDOWN($C4607/24,0)+1,1))-1)+IF('Standard Profiles'!$G$22=$B$10,7,0)+IF('Standard Profiles'!$G$22=$B$17,14,0)+IF('Standard Profiles'!$G$22=$B$24,21,0),MOD($C4607,24)+1)/SUM(INDEX($D$3:$AA$30,INDEX(Jesper!$R$2:$R$366,ROW(INDEX(Jesper!AL$2:AL$366,ROUNDDOWN($C4607/24,0)+1,1))-1)+IF('Standard Profiles'!$G$22=$B$10,7,0)+IF('Standard Profiles'!$G$22=$B$17,14,0)+IF('Standard Profiles'!$G$22=$B$24,21,0),0)),0)</f>
        <v>0</v>
      </c>
      <c r="I4607">
        <f t="shared" si="517"/>
        <v>0.3975519265729166</v>
      </c>
      <c r="J4607">
        <f t="shared" si="518"/>
        <v>1.3251730885763888</v>
      </c>
      <c r="K4607">
        <f t="shared" si="519"/>
        <v>1.987759632864583</v>
      </c>
      <c r="L4607">
        <f t="shared" si="520"/>
        <v>9.5412462377499985</v>
      </c>
      <c r="M4607">
        <f t="shared" si="521"/>
        <v>0</v>
      </c>
      <c r="N4607" s="46">
        <f t="shared" si="522"/>
        <v>45482.541666655576</v>
      </c>
    </row>
    <row r="4608" spans="2:14" x14ac:dyDescent="0.3">
      <c r="B4608">
        <f t="shared" si="516"/>
        <v>2</v>
      </c>
      <c r="C4608" s="16">
        <v>4574</v>
      </c>
      <c r="D4608" cm="1">
        <f t="array" ref="D4608">IFERROR(INDEX(Jesper!AH$2:AH$366,ROUNDDOWN($C4608/24,0)+1,1)*INDEX($D$3:$AA$30,INDEX(Jesper!$R$2:$R$366,ROW(INDEX(Jesper!AH$2:AH$366,ROUNDDOWN($C4608/24,0)+1,1))-1)+IF('Standard Profiles'!$G$18=$B$10,7,0)+IF('Standard Profiles'!$G$18=$B$17,14,0)+IF('Standard Profiles'!$G$18=$B$24,21,0),MOD($C4608,24)+1)/SUM(INDEX($D$3:$AA$30,INDEX(Jesper!$R$2:$R$366,ROW(INDEX(Jesper!AH$2:AH$366,ROUNDDOWN($C4608/24,0)+1,1))-1)+IF('Standard Profiles'!$G$18=$B$10,7,0)+IF('Standard Profiles'!$G$18=$B$17,14,0)+IF('Standard Profiles'!$G$18=$B$24,21,0),0)),0)</f>
        <v>13.251730885763887</v>
      </c>
      <c r="E4608" cm="1">
        <f t="array" ref="E4608">IFERROR(INDEX(Jesper!AI$2:AI$366,ROUNDDOWN($C4608/24,0)+1,1)*INDEX($D$3:$AA$30,INDEX(Jesper!$R$2:$R$366,ROW(INDEX(Jesper!AI$2:AI$366,ROUNDDOWN($C4608/24,0)+1,1))-1)+IF('Standard Profiles'!$G$19=$B$10,7,0)+IF('Standard Profiles'!$G$19=$B$17,14,0)+IF('Standard Profiles'!$G$19=$B$24,21,0),MOD($C4608,24)+1)/SUM(INDEX($D$3:$AA$30,INDEX(Jesper!$R$2:$R$366,ROW(INDEX(Jesper!AI$2:AI$366,ROUNDDOWN($C4608/24,0)+1,1))-1)+IF('Standard Profiles'!$G$19=$B$10,7,0)+IF('Standard Profiles'!$G$19=$B$17,14,0)+IF('Standard Profiles'!$G$19=$B$24,21,0),0)),0)</f>
        <v>0</v>
      </c>
      <c r="F4608" cm="1">
        <f t="array" ref="F4608">IFERROR(INDEX(Jesper!AJ$2:AJ$366,ROUNDDOWN($C4608/24,0)+1,1)*INDEX($D$3:$AA$30,INDEX(Jesper!$R$2:$R$366,ROW(INDEX(Jesper!AJ$2:AJ$366,ROUNDDOWN($C4608/24,0)+1,1))-1)+IF('Standard Profiles'!$G$20=$B$10,7,0)+IF('Standard Profiles'!$G$20=$B$17,14,0)+IF('Standard Profiles'!$G$20=$B$24,21,0),MOD($C4608,24)+1)/SUM(INDEX($D$3:$AA$30,INDEX(Jesper!$R$2:$R$366,ROW(INDEX(Jesper!AJ$2:AJ$366,ROUNDDOWN($C4608/24,0)+1,1))-1)+IF('Standard Profiles'!$G$20=$B$10,7,0)+IF('Standard Profiles'!$G$20=$B$17,14,0)+IF('Standard Profiles'!$G$20=$B$24,21,0),0)),0)</f>
        <v>0</v>
      </c>
      <c r="G4608" cm="1">
        <f t="array" ref="G4608">IFERROR(INDEX(Jesper!AK$2:AK$366,ROUNDDOWN($C4608/24,0)+1,1)*INDEX($D$3:$AA$30,INDEX(Jesper!$R$2:$R$366,ROW(INDEX(Jesper!AK$2:AK$366,ROUNDDOWN($C4608/24,0)+1,1))-1)+IF('Standard Profiles'!$G$21=$B$10,7,0)+IF('Standard Profiles'!$G$21=$B$17,14,0)+IF('Standard Profiles'!$G$21=$B$24,21,0),MOD($C4608,24)+1)/SUM(INDEX($D$3:$AA$30,INDEX(Jesper!$R$2:$R$366,ROW(INDEX(Jesper!AK$2:AK$366,ROUNDDOWN($C4608/24,0)+1,1))-1)+IF('Standard Profiles'!$G$21=$B$10,7,0)+IF('Standard Profiles'!$G$21=$B$17,14,0)+IF('Standard Profiles'!$G$21=$B$24,21,0),0)),0)</f>
        <v>0</v>
      </c>
      <c r="H4608" cm="1">
        <f t="array" ref="H4608">IFERROR(INDEX(Jesper!AL$2:AL$366,ROUNDDOWN($C4608/24,0)+1,1)*INDEX($D$3:$AA$30,INDEX(Jesper!$R$2:$R$366,ROW(INDEX(Jesper!AL$2:AL$366,ROUNDDOWN($C4608/24,0)+1,1))-1)+IF('Standard Profiles'!$G$22=$B$10,7,0)+IF('Standard Profiles'!$G$22=$B$17,14,0)+IF('Standard Profiles'!$G$22=$B$24,21,0),MOD($C4608,24)+1)/SUM(INDEX($D$3:$AA$30,INDEX(Jesper!$R$2:$R$366,ROW(INDEX(Jesper!AL$2:AL$366,ROUNDDOWN($C4608/24,0)+1,1))-1)+IF('Standard Profiles'!$G$22=$B$10,7,0)+IF('Standard Profiles'!$G$22=$B$17,14,0)+IF('Standard Profiles'!$G$22=$B$24,21,0),0)),0)</f>
        <v>0</v>
      </c>
      <c r="I4608">
        <f t="shared" si="517"/>
        <v>0.3975519265729166</v>
      </c>
      <c r="J4608">
        <f t="shared" si="518"/>
        <v>1.3251730885763888</v>
      </c>
      <c r="K4608">
        <f t="shared" si="519"/>
        <v>1.987759632864583</v>
      </c>
      <c r="L4608">
        <f t="shared" si="520"/>
        <v>9.5412462377499985</v>
      </c>
      <c r="M4608">
        <f t="shared" si="521"/>
        <v>0</v>
      </c>
      <c r="N4608" s="46">
        <f t="shared" si="522"/>
        <v>45482.58333332224</v>
      </c>
    </row>
    <row r="4609" spans="2:14" x14ac:dyDescent="0.3">
      <c r="B4609">
        <f t="shared" si="516"/>
        <v>2</v>
      </c>
      <c r="C4609" s="16">
        <v>4575</v>
      </c>
      <c r="D4609" cm="1">
        <f t="array" ref="D4609">IFERROR(INDEX(Jesper!AH$2:AH$366,ROUNDDOWN($C4609/24,0)+1,1)*INDEX($D$3:$AA$30,INDEX(Jesper!$R$2:$R$366,ROW(INDEX(Jesper!AH$2:AH$366,ROUNDDOWN($C4609/24,0)+1,1))-1)+IF('Standard Profiles'!$G$18=$B$10,7,0)+IF('Standard Profiles'!$G$18=$B$17,14,0)+IF('Standard Profiles'!$G$18=$B$24,21,0),MOD($C4609,24)+1)/SUM(INDEX($D$3:$AA$30,INDEX(Jesper!$R$2:$R$366,ROW(INDEX(Jesper!AH$2:AH$366,ROUNDDOWN($C4609/24,0)+1,1))-1)+IF('Standard Profiles'!$G$18=$B$10,7,0)+IF('Standard Profiles'!$G$18=$B$17,14,0)+IF('Standard Profiles'!$G$18=$B$24,21,0),0)),0)</f>
        <v>13.251730885763887</v>
      </c>
      <c r="E4609" cm="1">
        <f t="array" ref="E4609">IFERROR(INDEX(Jesper!AI$2:AI$366,ROUNDDOWN($C4609/24,0)+1,1)*INDEX($D$3:$AA$30,INDEX(Jesper!$R$2:$R$366,ROW(INDEX(Jesper!AI$2:AI$366,ROUNDDOWN($C4609/24,0)+1,1))-1)+IF('Standard Profiles'!$G$19=$B$10,7,0)+IF('Standard Profiles'!$G$19=$B$17,14,0)+IF('Standard Profiles'!$G$19=$B$24,21,0),MOD($C4609,24)+1)/SUM(INDEX($D$3:$AA$30,INDEX(Jesper!$R$2:$R$366,ROW(INDEX(Jesper!AI$2:AI$366,ROUNDDOWN($C4609/24,0)+1,1))-1)+IF('Standard Profiles'!$G$19=$B$10,7,0)+IF('Standard Profiles'!$G$19=$B$17,14,0)+IF('Standard Profiles'!$G$19=$B$24,21,0),0)),0)</f>
        <v>0</v>
      </c>
      <c r="F4609" cm="1">
        <f t="array" ref="F4609">IFERROR(INDEX(Jesper!AJ$2:AJ$366,ROUNDDOWN($C4609/24,0)+1,1)*INDEX($D$3:$AA$30,INDEX(Jesper!$R$2:$R$366,ROW(INDEX(Jesper!AJ$2:AJ$366,ROUNDDOWN($C4609/24,0)+1,1))-1)+IF('Standard Profiles'!$G$20=$B$10,7,0)+IF('Standard Profiles'!$G$20=$B$17,14,0)+IF('Standard Profiles'!$G$20=$B$24,21,0),MOD($C4609,24)+1)/SUM(INDEX($D$3:$AA$30,INDEX(Jesper!$R$2:$R$366,ROW(INDEX(Jesper!AJ$2:AJ$366,ROUNDDOWN($C4609/24,0)+1,1))-1)+IF('Standard Profiles'!$G$20=$B$10,7,0)+IF('Standard Profiles'!$G$20=$B$17,14,0)+IF('Standard Profiles'!$G$20=$B$24,21,0),0)),0)</f>
        <v>0</v>
      </c>
      <c r="G4609" cm="1">
        <f t="array" ref="G4609">IFERROR(INDEX(Jesper!AK$2:AK$366,ROUNDDOWN($C4609/24,0)+1,1)*INDEX($D$3:$AA$30,INDEX(Jesper!$R$2:$R$366,ROW(INDEX(Jesper!AK$2:AK$366,ROUNDDOWN($C4609/24,0)+1,1))-1)+IF('Standard Profiles'!$G$21=$B$10,7,0)+IF('Standard Profiles'!$G$21=$B$17,14,0)+IF('Standard Profiles'!$G$21=$B$24,21,0),MOD($C4609,24)+1)/SUM(INDEX($D$3:$AA$30,INDEX(Jesper!$R$2:$R$366,ROW(INDEX(Jesper!AK$2:AK$366,ROUNDDOWN($C4609/24,0)+1,1))-1)+IF('Standard Profiles'!$G$21=$B$10,7,0)+IF('Standard Profiles'!$G$21=$B$17,14,0)+IF('Standard Profiles'!$G$21=$B$24,21,0),0)),0)</f>
        <v>0</v>
      </c>
      <c r="H4609" cm="1">
        <f t="array" ref="H4609">IFERROR(INDEX(Jesper!AL$2:AL$366,ROUNDDOWN($C4609/24,0)+1,1)*INDEX($D$3:$AA$30,INDEX(Jesper!$R$2:$R$366,ROW(INDEX(Jesper!AL$2:AL$366,ROUNDDOWN($C4609/24,0)+1,1))-1)+IF('Standard Profiles'!$G$22=$B$10,7,0)+IF('Standard Profiles'!$G$22=$B$17,14,0)+IF('Standard Profiles'!$G$22=$B$24,21,0),MOD($C4609,24)+1)/SUM(INDEX($D$3:$AA$30,INDEX(Jesper!$R$2:$R$366,ROW(INDEX(Jesper!AL$2:AL$366,ROUNDDOWN($C4609/24,0)+1,1))-1)+IF('Standard Profiles'!$G$22=$B$10,7,0)+IF('Standard Profiles'!$G$22=$B$17,14,0)+IF('Standard Profiles'!$G$22=$B$24,21,0),0)),0)</f>
        <v>0</v>
      </c>
      <c r="I4609">
        <f t="shared" si="517"/>
        <v>0.3975519265729166</v>
      </c>
      <c r="J4609">
        <f t="shared" si="518"/>
        <v>1.3251730885763888</v>
      </c>
      <c r="K4609">
        <f t="shared" si="519"/>
        <v>1.987759632864583</v>
      </c>
      <c r="L4609">
        <f t="shared" si="520"/>
        <v>9.5412462377499985</v>
      </c>
      <c r="M4609">
        <f t="shared" si="521"/>
        <v>0</v>
      </c>
      <c r="N4609" s="46">
        <f t="shared" si="522"/>
        <v>45482.624999988904</v>
      </c>
    </row>
    <row r="4610" spans="2:14" x14ac:dyDescent="0.3">
      <c r="B4610">
        <f t="shared" si="516"/>
        <v>2</v>
      </c>
      <c r="C4610" s="16">
        <v>4576</v>
      </c>
      <c r="D4610" cm="1">
        <f t="array" ref="D4610">IFERROR(INDEX(Jesper!AH$2:AH$366,ROUNDDOWN($C4610/24,0)+1,1)*INDEX($D$3:$AA$30,INDEX(Jesper!$R$2:$R$366,ROW(INDEX(Jesper!AH$2:AH$366,ROUNDDOWN($C4610/24,0)+1,1))-1)+IF('Standard Profiles'!$G$18=$B$10,7,0)+IF('Standard Profiles'!$G$18=$B$17,14,0)+IF('Standard Profiles'!$G$18=$B$24,21,0),MOD($C4610,24)+1)/SUM(INDEX($D$3:$AA$30,INDEX(Jesper!$R$2:$R$366,ROW(INDEX(Jesper!AH$2:AH$366,ROUNDDOWN($C4610/24,0)+1,1))-1)+IF('Standard Profiles'!$G$18=$B$10,7,0)+IF('Standard Profiles'!$G$18=$B$17,14,0)+IF('Standard Profiles'!$G$18=$B$24,21,0),0)),0)</f>
        <v>13.251730885763887</v>
      </c>
      <c r="E4610" cm="1">
        <f t="array" ref="E4610">IFERROR(INDEX(Jesper!AI$2:AI$366,ROUNDDOWN($C4610/24,0)+1,1)*INDEX($D$3:$AA$30,INDEX(Jesper!$R$2:$R$366,ROW(INDEX(Jesper!AI$2:AI$366,ROUNDDOWN($C4610/24,0)+1,1))-1)+IF('Standard Profiles'!$G$19=$B$10,7,0)+IF('Standard Profiles'!$G$19=$B$17,14,0)+IF('Standard Profiles'!$G$19=$B$24,21,0),MOD($C4610,24)+1)/SUM(INDEX($D$3:$AA$30,INDEX(Jesper!$R$2:$R$366,ROW(INDEX(Jesper!AI$2:AI$366,ROUNDDOWN($C4610/24,0)+1,1))-1)+IF('Standard Profiles'!$G$19=$B$10,7,0)+IF('Standard Profiles'!$G$19=$B$17,14,0)+IF('Standard Profiles'!$G$19=$B$24,21,0),0)),0)</f>
        <v>0</v>
      </c>
      <c r="F4610" cm="1">
        <f t="array" ref="F4610">IFERROR(INDEX(Jesper!AJ$2:AJ$366,ROUNDDOWN($C4610/24,0)+1,1)*INDEX($D$3:$AA$30,INDEX(Jesper!$R$2:$R$366,ROW(INDEX(Jesper!AJ$2:AJ$366,ROUNDDOWN($C4610/24,0)+1,1))-1)+IF('Standard Profiles'!$G$20=$B$10,7,0)+IF('Standard Profiles'!$G$20=$B$17,14,0)+IF('Standard Profiles'!$G$20=$B$24,21,0),MOD($C4610,24)+1)/SUM(INDEX($D$3:$AA$30,INDEX(Jesper!$R$2:$R$366,ROW(INDEX(Jesper!AJ$2:AJ$366,ROUNDDOWN($C4610/24,0)+1,1))-1)+IF('Standard Profiles'!$G$20=$B$10,7,0)+IF('Standard Profiles'!$G$20=$B$17,14,0)+IF('Standard Profiles'!$G$20=$B$24,21,0),0)),0)</f>
        <v>0</v>
      </c>
      <c r="G4610" cm="1">
        <f t="array" ref="G4610">IFERROR(INDEX(Jesper!AK$2:AK$366,ROUNDDOWN($C4610/24,0)+1,1)*INDEX($D$3:$AA$30,INDEX(Jesper!$R$2:$R$366,ROW(INDEX(Jesper!AK$2:AK$366,ROUNDDOWN($C4610/24,0)+1,1))-1)+IF('Standard Profiles'!$G$21=$B$10,7,0)+IF('Standard Profiles'!$G$21=$B$17,14,0)+IF('Standard Profiles'!$G$21=$B$24,21,0),MOD($C4610,24)+1)/SUM(INDEX($D$3:$AA$30,INDEX(Jesper!$R$2:$R$366,ROW(INDEX(Jesper!AK$2:AK$366,ROUNDDOWN($C4610/24,0)+1,1))-1)+IF('Standard Profiles'!$G$21=$B$10,7,0)+IF('Standard Profiles'!$G$21=$B$17,14,0)+IF('Standard Profiles'!$G$21=$B$24,21,0),0)),0)</f>
        <v>0</v>
      </c>
      <c r="H4610" cm="1">
        <f t="array" ref="H4610">IFERROR(INDEX(Jesper!AL$2:AL$366,ROUNDDOWN($C4610/24,0)+1,1)*INDEX($D$3:$AA$30,INDEX(Jesper!$R$2:$R$366,ROW(INDEX(Jesper!AL$2:AL$366,ROUNDDOWN($C4610/24,0)+1,1))-1)+IF('Standard Profiles'!$G$22=$B$10,7,0)+IF('Standard Profiles'!$G$22=$B$17,14,0)+IF('Standard Profiles'!$G$22=$B$24,21,0),MOD($C4610,24)+1)/SUM(INDEX($D$3:$AA$30,INDEX(Jesper!$R$2:$R$366,ROW(INDEX(Jesper!AL$2:AL$366,ROUNDDOWN($C4610/24,0)+1,1))-1)+IF('Standard Profiles'!$G$22=$B$10,7,0)+IF('Standard Profiles'!$G$22=$B$17,14,0)+IF('Standard Profiles'!$G$22=$B$24,21,0),0)),0)</f>
        <v>0</v>
      </c>
      <c r="I4610">
        <f t="shared" si="517"/>
        <v>0.3975519265729166</v>
      </c>
      <c r="J4610">
        <f t="shared" si="518"/>
        <v>1.3251730885763888</v>
      </c>
      <c r="K4610">
        <f t="shared" si="519"/>
        <v>1.987759632864583</v>
      </c>
      <c r="L4610">
        <f t="shared" si="520"/>
        <v>9.5412462377499985</v>
      </c>
      <c r="M4610">
        <f t="shared" si="521"/>
        <v>0</v>
      </c>
      <c r="N4610" s="46">
        <f t="shared" si="522"/>
        <v>45482.666666655568</v>
      </c>
    </row>
    <row r="4611" spans="2:14" x14ac:dyDescent="0.3">
      <c r="B4611">
        <f t="shared" si="516"/>
        <v>2</v>
      </c>
      <c r="C4611" s="16">
        <v>4577</v>
      </c>
      <c r="D4611" cm="1">
        <f t="array" ref="D4611">IFERROR(INDEX(Jesper!AH$2:AH$366,ROUNDDOWN($C4611/24,0)+1,1)*INDEX($D$3:$AA$30,INDEX(Jesper!$R$2:$R$366,ROW(INDEX(Jesper!AH$2:AH$366,ROUNDDOWN($C4611/24,0)+1,1))-1)+IF('Standard Profiles'!$G$18=$B$10,7,0)+IF('Standard Profiles'!$G$18=$B$17,14,0)+IF('Standard Profiles'!$G$18=$B$24,21,0),MOD($C4611,24)+1)/SUM(INDEX($D$3:$AA$30,INDEX(Jesper!$R$2:$R$366,ROW(INDEX(Jesper!AH$2:AH$366,ROUNDDOWN($C4611/24,0)+1,1))-1)+IF('Standard Profiles'!$G$18=$B$10,7,0)+IF('Standard Profiles'!$G$18=$B$17,14,0)+IF('Standard Profiles'!$G$18=$B$24,21,0),0)),0)</f>
        <v>13.251730885763887</v>
      </c>
      <c r="E4611" cm="1">
        <f t="array" ref="E4611">IFERROR(INDEX(Jesper!AI$2:AI$366,ROUNDDOWN($C4611/24,0)+1,1)*INDEX($D$3:$AA$30,INDEX(Jesper!$R$2:$R$366,ROW(INDEX(Jesper!AI$2:AI$366,ROUNDDOWN($C4611/24,0)+1,1))-1)+IF('Standard Profiles'!$G$19=$B$10,7,0)+IF('Standard Profiles'!$G$19=$B$17,14,0)+IF('Standard Profiles'!$G$19=$B$24,21,0),MOD($C4611,24)+1)/SUM(INDEX($D$3:$AA$30,INDEX(Jesper!$R$2:$R$366,ROW(INDEX(Jesper!AI$2:AI$366,ROUNDDOWN($C4611/24,0)+1,1))-1)+IF('Standard Profiles'!$G$19=$B$10,7,0)+IF('Standard Profiles'!$G$19=$B$17,14,0)+IF('Standard Profiles'!$G$19=$B$24,21,0),0)),0)</f>
        <v>0</v>
      </c>
      <c r="F4611" cm="1">
        <f t="array" ref="F4611">IFERROR(INDEX(Jesper!AJ$2:AJ$366,ROUNDDOWN($C4611/24,0)+1,1)*INDEX($D$3:$AA$30,INDEX(Jesper!$R$2:$R$366,ROW(INDEX(Jesper!AJ$2:AJ$366,ROUNDDOWN($C4611/24,0)+1,1))-1)+IF('Standard Profiles'!$G$20=$B$10,7,0)+IF('Standard Profiles'!$G$20=$B$17,14,0)+IF('Standard Profiles'!$G$20=$B$24,21,0),MOD($C4611,24)+1)/SUM(INDEX($D$3:$AA$30,INDEX(Jesper!$R$2:$R$366,ROW(INDEX(Jesper!AJ$2:AJ$366,ROUNDDOWN($C4611/24,0)+1,1))-1)+IF('Standard Profiles'!$G$20=$B$10,7,0)+IF('Standard Profiles'!$G$20=$B$17,14,0)+IF('Standard Profiles'!$G$20=$B$24,21,0),0)),0)</f>
        <v>0</v>
      </c>
      <c r="G4611" cm="1">
        <f t="array" ref="G4611">IFERROR(INDEX(Jesper!AK$2:AK$366,ROUNDDOWN($C4611/24,0)+1,1)*INDEX($D$3:$AA$30,INDEX(Jesper!$R$2:$R$366,ROW(INDEX(Jesper!AK$2:AK$366,ROUNDDOWN($C4611/24,0)+1,1))-1)+IF('Standard Profiles'!$G$21=$B$10,7,0)+IF('Standard Profiles'!$G$21=$B$17,14,0)+IF('Standard Profiles'!$G$21=$B$24,21,0),MOD($C4611,24)+1)/SUM(INDEX($D$3:$AA$30,INDEX(Jesper!$R$2:$R$366,ROW(INDEX(Jesper!AK$2:AK$366,ROUNDDOWN($C4611/24,0)+1,1))-1)+IF('Standard Profiles'!$G$21=$B$10,7,0)+IF('Standard Profiles'!$G$21=$B$17,14,0)+IF('Standard Profiles'!$G$21=$B$24,21,0),0)),0)</f>
        <v>0</v>
      </c>
      <c r="H4611" cm="1">
        <f t="array" ref="H4611">IFERROR(INDEX(Jesper!AL$2:AL$366,ROUNDDOWN($C4611/24,0)+1,1)*INDEX($D$3:$AA$30,INDEX(Jesper!$R$2:$R$366,ROW(INDEX(Jesper!AL$2:AL$366,ROUNDDOWN($C4611/24,0)+1,1))-1)+IF('Standard Profiles'!$G$22=$B$10,7,0)+IF('Standard Profiles'!$G$22=$B$17,14,0)+IF('Standard Profiles'!$G$22=$B$24,21,0),MOD($C4611,24)+1)/SUM(INDEX($D$3:$AA$30,INDEX(Jesper!$R$2:$R$366,ROW(INDEX(Jesper!AL$2:AL$366,ROUNDDOWN($C4611/24,0)+1,1))-1)+IF('Standard Profiles'!$G$22=$B$10,7,0)+IF('Standard Profiles'!$G$22=$B$17,14,0)+IF('Standard Profiles'!$G$22=$B$24,21,0),0)),0)</f>
        <v>0</v>
      </c>
      <c r="I4611">
        <f t="shared" si="517"/>
        <v>0.3975519265729166</v>
      </c>
      <c r="J4611">
        <f t="shared" si="518"/>
        <v>1.3251730885763888</v>
      </c>
      <c r="K4611">
        <f t="shared" si="519"/>
        <v>1.987759632864583</v>
      </c>
      <c r="L4611">
        <f t="shared" si="520"/>
        <v>9.5412462377499985</v>
      </c>
      <c r="M4611">
        <f t="shared" si="521"/>
        <v>0</v>
      </c>
      <c r="N4611" s="46">
        <f t="shared" si="522"/>
        <v>45482.708333322233</v>
      </c>
    </row>
    <row r="4612" spans="2:14" x14ac:dyDescent="0.3">
      <c r="B4612">
        <f t="shared" si="516"/>
        <v>2</v>
      </c>
      <c r="C4612" s="16">
        <v>4578</v>
      </c>
      <c r="D4612" cm="1">
        <f t="array" ref="D4612">IFERROR(INDEX(Jesper!AH$2:AH$366,ROUNDDOWN($C4612/24,0)+1,1)*INDEX($D$3:$AA$30,INDEX(Jesper!$R$2:$R$366,ROW(INDEX(Jesper!AH$2:AH$366,ROUNDDOWN($C4612/24,0)+1,1))-1)+IF('Standard Profiles'!$G$18=$B$10,7,0)+IF('Standard Profiles'!$G$18=$B$17,14,0)+IF('Standard Profiles'!$G$18=$B$24,21,0),MOD($C4612,24)+1)/SUM(INDEX($D$3:$AA$30,INDEX(Jesper!$R$2:$R$366,ROW(INDEX(Jesper!AH$2:AH$366,ROUNDDOWN($C4612/24,0)+1,1))-1)+IF('Standard Profiles'!$G$18=$B$10,7,0)+IF('Standard Profiles'!$G$18=$B$17,14,0)+IF('Standard Profiles'!$G$18=$B$24,21,0),0)),0)</f>
        <v>13.251730885763887</v>
      </c>
      <c r="E4612" cm="1">
        <f t="array" ref="E4612">IFERROR(INDEX(Jesper!AI$2:AI$366,ROUNDDOWN($C4612/24,0)+1,1)*INDEX($D$3:$AA$30,INDEX(Jesper!$R$2:$R$366,ROW(INDEX(Jesper!AI$2:AI$366,ROUNDDOWN($C4612/24,0)+1,1))-1)+IF('Standard Profiles'!$G$19=$B$10,7,0)+IF('Standard Profiles'!$G$19=$B$17,14,0)+IF('Standard Profiles'!$G$19=$B$24,21,0),MOD($C4612,24)+1)/SUM(INDEX($D$3:$AA$30,INDEX(Jesper!$R$2:$R$366,ROW(INDEX(Jesper!AI$2:AI$366,ROUNDDOWN($C4612/24,0)+1,1))-1)+IF('Standard Profiles'!$G$19=$B$10,7,0)+IF('Standard Profiles'!$G$19=$B$17,14,0)+IF('Standard Profiles'!$G$19=$B$24,21,0),0)),0)</f>
        <v>0</v>
      </c>
      <c r="F4612" cm="1">
        <f t="array" ref="F4612">IFERROR(INDEX(Jesper!AJ$2:AJ$366,ROUNDDOWN($C4612/24,0)+1,1)*INDEX($D$3:$AA$30,INDEX(Jesper!$R$2:$R$366,ROW(INDEX(Jesper!AJ$2:AJ$366,ROUNDDOWN($C4612/24,0)+1,1))-1)+IF('Standard Profiles'!$G$20=$B$10,7,0)+IF('Standard Profiles'!$G$20=$B$17,14,0)+IF('Standard Profiles'!$G$20=$B$24,21,0),MOD($C4612,24)+1)/SUM(INDEX($D$3:$AA$30,INDEX(Jesper!$R$2:$R$366,ROW(INDEX(Jesper!AJ$2:AJ$366,ROUNDDOWN($C4612/24,0)+1,1))-1)+IF('Standard Profiles'!$G$20=$B$10,7,0)+IF('Standard Profiles'!$G$20=$B$17,14,0)+IF('Standard Profiles'!$G$20=$B$24,21,0),0)),0)</f>
        <v>0</v>
      </c>
      <c r="G4612" cm="1">
        <f t="array" ref="G4612">IFERROR(INDEX(Jesper!AK$2:AK$366,ROUNDDOWN($C4612/24,0)+1,1)*INDEX($D$3:$AA$30,INDEX(Jesper!$R$2:$R$366,ROW(INDEX(Jesper!AK$2:AK$366,ROUNDDOWN($C4612/24,0)+1,1))-1)+IF('Standard Profiles'!$G$21=$B$10,7,0)+IF('Standard Profiles'!$G$21=$B$17,14,0)+IF('Standard Profiles'!$G$21=$B$24,21,0),MOD($C4612,24)+1)/SUM(INDEX($D$3:$AA$30,INDEX(Jesper!$R$2:$R$366,ROW(INDEX(Jesper!AK$2:AK$366,ROUNDDOWN($C4612/24,0)+1,1))-1)+IF('Standard Profiles'!$G$21=$B$10,7,0)+IF('Standard Profiles'!$G$21=$B$17,14,0)+IF('Standard Profiles'!$G$21=$B$24,21,0),0)),0)</f>
        <v>0</v>
      </c>
      <c r="H4612" cm="1">
        <f t="array" ref="H4612">IFERROR(INDEX(Jesper!AL$2:AL$366,ROUNDDOWN($C4612/24,0)+1,1)*INDEX($D$3:$AA$30,INDEX(Jesper!$R$2:$R$366,ROW(INDEX(Jesper!AL$2:AL$366,ROUNDDOWN($C4612/24,0)+1,1))-1)+IF('Standard Profiles'!$G$22=$B$10,7,0)+IF('Standard Profiles'!$G$22=$B$17,14,0)+IF('Standard Profiles'!$G$22=$B$24,21,0),MOD($C4612,24)+1)/SUM(INDEX($D$3:$AA$30,INDEX(Jesper!$R$2:$R$366,ROW(INDEX(Jesper!AL$2:AL$366,ROUNDDOWN($C4612/24,0)+1,1))-1)+IF('Standard Profiles'!$G$22=$B$10,7,0)+IF('Standard Profiles'!$G$22=$B$17,14,0)+IF('Standard Profiles'!$G$22=$B$24,21,0),0)),0)</f>
        <v>0</v>
      </c>
      <c r="I4612">
        <f t="shared" si="517"/>
        <v>0.3975519265729166</v>
      </c>
      <c r="J4612">
        <f t="shared" si="518"/>
        <v>1.3251730885763888</v>
      </c>
      <c r="K4612">
        <f t="shared" si="519"/>
        <v>1.987759632864583</v>
      </c>
      <c r="L4612">
        <f t="shared" si="520"/>
        <v>9.5412462377499985</v>
      </c>
      <c r="M4612">
        <f t="shared" si="521"/>
        <v>0</v>
      </c>
      <c r="N4612" s="46">
        <f t="shared" si="522"/>
        <v>45482.749999988897</v>
      </c>
    </row>
    <row r="4613" spans="2:14" x14ac:dyDescent="0.3">
      <c r="B4613">
        <f t="shared" si="516"/>
        <v>2</v>
      </c>
      <c r="C4613" s="16">
        <v>4579</v>
      </c>
      <c r="D4613" cm="1">
        <f t="array" ref="D4613">IFERROR(INDEX(Jesper!AH$2:AH$366,ROUNDDOWN($C4613/24,0)+1,1)*INDEX($D$3:$AA$30,INDEX(Jesper!$R$2:$R$366,ROW(INDEX(Jesper!AH$2:AH$366,ROUNDDOWN($C4613/24,0)+1,1))-1)+IF('Standard Profiles'!$G$18=$B$10,7,0)+IF('Standard Profiles'!$G$18=$B$17,14,0)+IF('Standard Profiles'!$G$18=$B$24,21,0),MOD($C4613,24)+1)/SUM(INDEX($D$3:$AA$30,INDEX(Jesper!$R$2:$R$366,ROW(INDEX(Jesper!AH$2:AH$366,ROUNDDOWN($C4613/24,0)+1,1))-1)+IF('Standard Profiles'!$G$18=$B$10,7,0)+IF('Standard Profiles'!$G$18=$B$17,14,0)+IF('Standard Profiles'!$G$18=$B$24,21,0),0)),0)</f>
        <v>11.098324616827256</v>
      </c>
      <c r="E4613" cm="1">
        <f t="array" ref="E4613">IFERROR(INDEX(Jesper!AI$2:AI$366,ROUNDDOWN($C4613/24,0)+1,1)*INDEX($D$3:$AA$30,INDEX(Jesper!$R$2:$R$366,ROW(INDEX(Jesper!AI$2:AI$366,ROUNDDOWN($C4613/24,0)+1,1))-1)+IF('Standard Profiles'!$G$19=$B$10,7,0)+IF('Standard Profiles'!$G$19=$B$17,14,0)+IF('Standard Profiles'!$G$19=$B$24,21,0),MOD($C4613,24)+1)/SUM(INDEX($D$3:$AA$30,INDEX(Jesper!$R$2:$R$366,ROW(INDEX(Jesper!AI$2:AI$366,ROUNDDOWN($C4613/24,0)+1,1))-1)+IF('Standard Profiles'!$G$19=$B$10,7,0)+IF('Standard Profiles'!$G$19=$B$17,14,0)+IF('Standard Profiles'!$G$19=$B$24,21,0),0)),0)</f>
        <v>0</v>
      </c>
      <c r="F4613" cm="1">
        <f t="array" ref="F4613">IFERROR(INDEX(Jesper!AJ$2:AJ$366,ROUNDDOWN($C4613/24,0)+1,1)*INDEX($D$3:$AA$30,INDEX(Jesper!$R$2:$R$366,ROW(INDEX(Jesper!AJ$2:AJ$366,ROUNDDOWN($C4613/24,0)+1,1))-1)+IF('Standard Profiles'!$G$20=$B$10,7,0)+IF('Standard Profiles'!$G$20=$B$17,14,0)+IF('Standard Profiles'!$G$20=$B$24,21,0),MOD($C4613,24)+1)/SUM(INDEX($D$3:$AA$30,INDEX(Jesper!$R$2:$R$366,ROW(INDEX(Jesper!AJ$2:AJ$366,ROUNDDOWN($C4613/24,0)+1,1))-1)+IF('Standard Profiles'!$G$20=$B$10,7,0)+IF('Standard Profiles'!$G$20=$B$17,14,0)+IF('Standard Profiles'!$G$20=$B$24,21,0),0)),0)</f>
        <v>0</v>
      </c>
      <c r="G4613" cm="1">
        <f t="array" ref="G4613">IFERROR(INDEX(Jesper!AK$2:AK$366,ROUNDDOWN($C4613/24,0)+1,1)*INDEX($D$3:$AA$30,INDEX(Jesper!$R$2:$R$366,ROW(INDEX(Jesper!AK$2:AK$366,ROUNDDOWN($C4613/24,0)+1,1))-1)+IF('Standard Profiles'!$G$21=$B$10,7,0)+IF('Standard Profiles'!$G$21=$B$17,14,0)+IF('Standard Profiles'!$G$21=$B$24,21,0),MOD($C4613,24)+1)/SUM(INDEX($D$3:$AA$30,INDEX(Jesper!$R$2:$R$366,ROW(INDEX(Jesper!AK$2:AK$366,ROUNDDOWN($C4613/24,0)+1,1))-1)+IF('Standard Profiles'!$G$21=$B$10,7,0)+IF('Standard Profiles'!$G$21=$B$17,14,0)+IF('Standard Profiles'!$G$21=$B$24,21,0),0)),0)</f>
        <v>0</v>
      </c>
      <c r="H4613" cm="1">
        <f t="array" ref="H4613">IFERROR(INDEX(Jesper!AL$2:AL$366,ROUNDDOWN($C4613/24,0)+1,1)*INDEX($D$3:$AA$30,INDEX(Jesper!$R$2:$R$366,ROW(INDEX(Jesper!AL$2:AL$366,ROUNDDOWN($C4613/24,0)+1,1))-1)+IF('Standard Profiles'!$G$22=$B$10,7,0)+IF('Standard Profiles'!$G$22=$B$17,14,0)+IF('Standard Profiles'!$G$22=$B$24,21,0),MOD($C4613,24)+1)/SUM(INDEX($D$3:$AA$30,INDEX(Jesper!$R$2:$R$366,ROW(INDEX(Jesper!AL$2:AL$366,ROUNDDOWN($C4613/24,0)+1,1))-1)+IF('Standard Profiles'!$G$22=$B$10,7,0)+IF('Standard Profiles'!$G$22=$B$17,14,0)+IF('Standard Profiles'!$G$22=$B$24,21,0),0)),0)</f>
        <v>0</v>
      </c>
      <c r="I4613">
        <f t="shared" si="517"/>
        <v>0.33294973850481768</v>
      </c>
      <c r="J4613">
        <f t="shared" si="518"/>
        <v>1.1098324616827255</v>
      </c>
      <c r="K4613">
        <f t="shared" si="519"/>
        <v>1.6647486925240884</v>
      </c>
      <c r="L4613">
        <f t="shared" si="520"/>
        <v>7.9907937241156235</v>
      </c>
      <c r="M4613">
        <f t="shared" si="521"/>
        <v>0</v>
      </c>
      <c r="N4613" s="46">
        <f t="shared" si="522"/>
        <v>45482.791666655561</v>
      </c>
    </row>
    <row r="4614" spans="2:14" x14ac:dyDescent="0.3">
      <c r="B4614">
        <f t="shared" si="516"/>
        <v>2</v>
      </c>
      <c r="C4614" s="16">
        <v>4580</v>
      </c>
      <c r="D4614" cm="1">
        <f t="array" ref="D4614">IFERROR(INDEX(Jesper!AH$2:AH$366,ROUNDDOWN($C4614/24,0)+1,1)*INDEX($D$3:$AA$30,INDEX(Jesper!$R$2:$R$366,ROW(INDEX(Jesper!AH$2:AH$366,ROUNDDOWN($C4614/24,0)+1,1))-1)+IF('Standard Profiles'!$G$18=$B$10,7,0)+IF('Standard Profiles'!$G$18=$B$17,14,0)+IF('Standard Profiles'!$G$18=$B$24,21,0),MOD($C4614,24)+1)/SUM(INDEX($D$3:$AA$30,INDEX(Jesper!$R$2:$R$366,ROW(INDEX(Jesper!AH$2:AH$366,ROUNDDOWN($C4614/24,0)+1,1))-1)+IF('Standard Profiles'!$G$18=$B$10,7,0)+IF('Standard Profiles'!$G$18=$B$17,14,0)+IF('Standard Profiles'!$G$18=$B$24,21,0),0)),0)</f>
        <v>9.1105649839626714</v>
      </c>
      <c r="E4614" cm="1">
        <f t="array" ref="E4614">IFERROR(INDEX(Jesper!AI$2:AI$366,ROUNDDOWN($C4614/24,0)+1,1)*INDEX($D$3:$AA$30,INDEX(Jesper!$R$2:$R$366,ROW(INDEX(Jesper!AI$2:AI$366,ROUNDDOWN($C4614/24,0)+1,1))-1)+IF('Standard Profiles'!$G$19=$B$10,7,0)+IF('Standard Profiles'!$G$19=$B$17,14,0)+IF('Standard Profiles'!$G$19=$B$24,21,0),MOD($C4614,24)+1)/SUM(INDEX($D$3:$AA$30,INDEX(Jesper!$R$2:$R$366,ROW(INDEX(Jesper!AI$2:AI$366,ROUNDDOWN($C4614/24,0)+1,1))-1)+IF('Standard Profiles'!$G$19=$B$10,7,0)+IF('Standard Profiles'!$G$19=$B$17,14,0)+IF('Standard Profiles'!$G$19=$B$24,21,0),0)),0)</f>
        <v>0</v>
      </c>
      <c r="F4614" cm="1">
        <f t="array" ref="F4614">IFERROR(INDEX(Jesper!AJ$2:AJ$366,ROUNDDOWN($C4614/24,0)+1,1)*INDEX($D$3:$AA$30,INDEX(Jesper!$R$2:$R$366,ROW(INDEX(Jesper!AJ$2:AJ$366,ROUNDDOWN($C4614/24,0)+1,1))-1)+IF('Standard Profiles'!$G$20=$B$10,7,0)+IF('Standard Profiles'!$G$20=$B$17,14,0)+IF('Standard Profiles'!$G$20=$B$24,21,0),MOD($C4614,24)+1)/SUM(INDEX($D$3:$AA$30,INDEX(Jesper!$R$2:$R$366,ROW(INDEX(Jesper!AJ$2:AJ$366,ROUNDDOWN($C4614/24,0)+1,1))-1)+IF('Standard Profiles'!$G$20=$B$10,7,0)+IF('Standard Profiles'!$G$20=$B$17,14,0)+IF('Standard Profiles'!$G$20=$B$24,21,0),0)),0)</f>
        <v>0</v>
      </c>
      <c r="G4614" cm="1">
        <f t="array" ref="G4614">IFERROR(INDEX(Jesper!AK$2:AK$366,ROUNDDOWN($C4614/24,0)+1,1)*INDEX($D$3:$AA$30,INDEX(Jesper!$R$2:$R$366,ROW(INDEX(Jesper!AK$2:AK$366,ROUNDDOWN($C4614/24,0)+1,1))-1)+IF('Standard Profiles'!$G$21=$B$10,7,0)+IF('Standard Profiles'!$G$21=$B$17,14,0)+IF('Standard Profiles'!$G$21=$B$24,21,0),MOD($C4614,24)+1)/SUM(INDEX($D$3:$AA$30,INDEX(Jesper!$R$2:$R$366,ROW(INDEX(Jesper!AK$2:AK$366,ROUNDDOWN($C4614/24,0)+1,1))-1)+IF('Standard Profiles'!$G$21=$B$10,7,0)+IF('Standard Profiles'!$G$21=$B$17,14,0)+IF('Standard Profiles'!$G$21=$B$24,21,0),0)),0)</f>
        <v>0</v>
      </c>
      <c r="H4614" cm="1">
        <f t="array" ref="H4614">IFERROR(INDEX(Jesper!AL$2:AL$366,ROUNDDOWN($C4614/24,0)+1,1)*INDEX($D$3:$AA$30,INDEX(Jesper!$R$2:$R$366,ROW(INDEX(Jesper!AL$2:AL$366,ROUNDDOWN($C4614/24,0)+1,1))-1)+IF('Standard Profiles'!$G$22=$B$10,7,0)+IF('Standard Profiles'!$G$22=$B$17,14,0)+IF('Standard Profiles'!$G$22=$B$24,21,0),MOD($C4614,24)+1)/SUM(INDEX($D$3:$AA$30,INDEX(Jesper!$R$2:$R$366,ROW(INDEX(Jesper!AL$2:AL$366,ROUNDDOWN($C4614/24,0)+1,1))-1)+IF('Standard Profiles'!$G$22=$B$10,7,0)+IF('Standard Profiles'!$G$22=$B$17,14,0)+IF('Standard Profiles'!$G$22=$B$24,21,0),0)),0)</f>
        <v>0</v>
      </c>
      <c r="I4614">
        <f t="shared" si="517"/>
        <v>0.27331694951888014</v>
      </c>
      <c r="J4614">
        <f t="shared" si="518"/>
        <v>0.91105649839626723</v>
      </c>
      <c r="K4614">
        <f t="shared" si="519"/>
        <v>1.3665847475944006</v>
      </c>
      <c r="L4614">
        <f t="shared" si="520"/>
        <v>6.5596067884531228</v>
      </c>
      <c r="M4614">
        <f t="shared" si="521"/>
        <v>0</v>
      </c>
      <c r="N4614" s="46">
        <f t="shared" si="522"/>
        <v>45482.833333322225</v>
      </c>
    </row>
    <row r="4615" spans="2:14" x14ac:dyDescent="0.3">
      <c r="B4615">
        <f t="shared" si="516"/>
        <v>2</v>
      </c>
      <c r="C4615" s="16">
        <v>4581</v>
      </c>
      <c r="D4615" cm="1">
        <f t="array" ref="D4615">IFERROR(INDEX(Jesper!AH$2:AH$366,ROUNDDOWN($C4615/24,0)+1,1)*INDEX($D$3:$AA$30,INDEX(Jesper!$R$2:$R$366,ROW(INDEX(Jesper!AH$2:AH$366,ROUNDDOWN($C4615/24,0)+1,1))-1)+IF('Standard Profiles'!$G$18=$B$10,7,0)+IF('Standard Profiles'!$G$18=$B$17,14,0)+IF('Standard Profiles'!$G$18=$B$24,21,0),MOD($C4615,24)+1)/SUM(INDEX($D$3:$AA$30,INDEX(Jesper!$R$2:$R$366,ROW(INDEX(Jesper!AH$2:AH$366,ROUNDDOWN($C4615/24,0)+1,1))-1)+IF('Standard Profiles'!$G$18=$B$10,7,0)+IF('Standard Profiles'!$G$18=$B$17,14,0)+IF('Standard Profiles'!$G$18=$B$24,21,0),0)),0)</f>
        <v>6.6258654428819437</v>
      </c>
      <c r="E4615" cm="1">
        <f t="array" ref="E4615">IFERROR(INDEX(Jesper!AI$2:AI$366,ROUNDDOWN($C4615/24,0)+1,1)*INDEX($D$3:$AA$30,INDEX(Jesper!$R$2:$R$366,ROW(INDEX(Jesper!AI$2:AI$366,ROUNDDOWN($C4615/24,0)+1,1))-1)+IF('Standard Profiles'!$G$19=$B$10,7,0)+IF('Standard Profiles'!$G$19=$B$17,14,0)+IF('Standard Profiles'!$G$19=$B$24,21,0),MOD($C4615,24)+1)/SUM(INDEX($D$3:$AA$30,INDEX(Jesper!$R$2:$R$366,ROW(INDEX(Jesper!AI$2:AI$366,ROUNDDOWN($C4615/24,0)+1,1))-1)+IF('Standard Profiles'!$G$19=$B$10,7,0)+IF('Standard Profiles'!$G$19=$B$17,14,0)+IF('Standard Profiles'!$G$19=$B$24,21,0),0)),0)</f>
        <v>0</v>
      </c>
      <c r="F4615" cm="1">
        <f t="array" ref="F4615">IFERROR(INDEX(Jesper!AJ$2:AJ$366,ROUNDDOWN($C4615/24,0)+1,1)*INDEX($D$3:$AA$30,INDEX(Jesper!$R$2:$R$366,ROW(INDEX(Jesper!AJ$2:AJ$366,ROUNDDOWN($C4615/24,0)+1,1))-1)+IF('Standard Profiles'!$G$20=$B$10,7,0)+IF('Standard Profiles'!$G$20=$B$17,14,0)+IF('Standard Profiles'!$G$20=$B$24,21,0),MOD($C4615,24)+1)/SUM(INDEX($D$3:$AA$30,INDEX(Jesper!$R$2:$R$366,ROW(INDEX(Jesper!AJ$2:AJ$366,ROUNDDOWN($C4615/24,0)+1,1))-1)+IF('Standard Profiles'!$G$20=$B$10,7,0)+IF('Standard Profiles'!$G$20=$B$17,14,0)+IF('Standard Profiles'!$G$20=$B$24,21,0),0)),0)</f>
        <v>0</v>
      </c>
      <c r="G4615" cm="1">
        <f t="array" ref="G4615">IFERROR(INDEX(Jesper!AK$2:AK$366,ROUNDDOWN($C4615/24,0)+1,1)*INDEX($D$3:$AA$30,INDEX(Jesper!$R$2:$R$366,ROW(INDEX(Jesper!AK$2:AK$366,ROUNDDOWN($C4615/24,0)+1,1))-1)+IF('Standard Profiles'!$G$21=$B$10,7,0)+IF('Standard Profiles'!$G$21=$B$17,14,0)+IF('Standard Profiles'!$G$21=$B$24,21,0),MOD($C4615,24)+1)/SUM(INDEX($D$3:$AA$30,INDEX(Jesper!$R$2:$R$366,ROW(INDEX(Jesper!AK$2:AK$366,ROUNDDOWN($C4615/24,0)+1,1))-1)+IF('Standard Profiles'!$G$21=$B$10,7,0)+IF('Standard Profiles'!$G$21=$B$17,14,0)+IF('Standard Profiles'!$G$21=$B$24,21,0),0)),0)</f>
        <v>0</v>
      </c>
      <c r="H4615" cm="1">
        <f t="array" ref="H4615">IFERROR(INDEX(Jesper!AL$2:AL$366,ROUNDDOWN($C4615/24,0)+1,1)*INDEX($D$3:$AA$30,INDEX(Jesper!$R$2:$R$366,ROW(INDEX(Jesper!AL$2:AL$366,ROUNDDOWN($C4615/24,0)+1,1))-1)+IF('Standard Profiles'!$G$22=$B$10,7,0)+IF('Standard Profiles'!$G$22=$B$17,14,0)+IF('Standard Profiles'!$G$22=$B$24,21,0),MOD($C4615,24)+1)/SUM(INDEX($D$3:$AA$30,INDEX(Jesper!$R$2:$R$366,ROW(INDEX(Jesper!AL$2:AL$366,ROUNDDOWN($C4615/24,0)+1,1))-1)+IF('Standard Profiles'!$G$22=$B$10,7,0)+IF('Standard Profiles'!$G$22=$B$17,14,0)+IF('Standard Profiles'!$G$22=$B$24,21,0),0)),0)</f>
        <v>0</v>
      </c>
      <c r="I4615">
        <f t="shared" si="517"/>
        <v>0.1987759632864583</v>
      </c>
      <c r="J4615">
        <f t="shared" si="518"/>
        <v>0.66258654428819441</v>
      </c>
      <c r="K4615">
        <f t="shared" si="519"/>
        <v>0.99387981643229151</v>
      </c>
      <c r="L4615">
        <f t="shared" si="520"/>
        <v>4.7706231188749992</v>
      </c>
      <c r="M4615">
        <f t="shared" si="521"/>
        <v>0</v>
      </c>
      <c r="N4615" s="46">
        <f t="shared" si="522"/>
        <v>45482.87499998889</v>
      </c>
    </row>
    <row r="4616" spans="2:14" x14ac:dyDescent="0.3">
      <c r="B4616">
        <f t="shared" si="516"/>
        <v>2</v>
      </c>
      <c r="C4616" s="16">
        <v>4582</v>
      </c>
      <c r="D4616" cm="1">
        <f t="array" ref="D4616">IFERROR(INDEX(Jesper!AH$2:AH$366,ROUNDDOWN($C4616/24,0)+1,1)*INDEX($D$3:$AA$30,INDEX(Jesper!$R$2:$R$366,ROW(INDEX(Jesper!AH$2:AH$366,ROUNDDOWN($C4616/24,0)+1,1))-1)+IF('Standard Profiles'!$G$18=$B$10,7,0)+IF('Standard Profiles'!$G$18=$B$17,14,0)+IF('Standard Profiles'!$G$18=$B$24,21,0),MOD($C4616,24)+1)/SUM(INDEX($D$3:$AA$30,INDEX(Jesper!$R$2:$R$366,ROW(INDEX(Jesper!AH$2:AH$366,ROUNDDOWN($C4616/24,0)+1,1))-1)+IF('Standard Profiles'!$G$18=$B$10,7,0)+IF('Standard Profiles'!$G$18=$B$17,14,0)+IF('Standard Profiles'!$G$18=$B$24,21,0),0)),0)</f>
        <v>6.6258654428819437</v>
      </c>
      <c r="E4616" cm="1">
        <f t="array" ref="E4616">IFERROR(INDEX(Jesper!AI$2:AI$366,ROUNDDOWN($C4616/24,0)+1,1)*INDEX($D$3:$AA$30,INDEX(Jesper!$R$2:$R$366,ROW(INDEX(Jesper!AI$2:AI$366,ROUNDDOWN($C4616/24,0)+1,1))-1)+IF('Standard Profiles'!$G$19=$B$10,7,0)+IF('Standard Profiles'!$G$19=$B$17,14,0)+IF('Standard Profiles'!$G$19=$B$24,21,0),MOD($C4616,24)+1)/SUM(INDEX($D$3:$AA$30,INDEX(Jesper!$R$2:$R$366,ROW(INDEX(Jesper!AI$2:AI$366,ROUNDDOWN($C4616/24,0)+1,1))-1)+IF('Standard Profiles'!$G$19=$B$10,7,0)+IF('Standard Profiles'!$G$19=$B$17,14,0)+IF('Standard Profiles'!$G$19=$B$24,21,0),0)),0)</f>
        <v>0</v>
      </c>
      <c r="F4616" cm="1">
        <f t="array" ref="F4616">IFERROR(INDEX(Jesper!AJ$2:AJ$366,ROUNDDOWN($C4616/24,0)+1,1)*INDEX($D$3:$AA$30,INDEX(Jesper!$R$2:$R$366,ROW(INDEX(Jesper!AJ$2:AJ$366,ROUNDDOWN($C4616/24,0)+1,1))-1)+IF('Standard Profiles'!$G$20=$B$10,7,0)+IF('Standard Profiles'!$G$20=$B$17,14,0)+IF('Standard Profiles'!$G$20=$B$24,21,0),MOD($C4616,24)+1)/SUM(INDEX($D$3:$AA$30,INDEX(Jesper!$R$2:$R$366,ROW(INDEX(Jesper!AJ$2:AJ$366,ROUNDDOWN($C4616/24,0)+1,1))-1)+IF('Standard Profiles'!$G$20=$B$10,7,0)+IF('Standard Profiles'!$G$20=$B$17,14,0)+IF('Standard Profiles'!$G$20=$B$24,21,0),0)),0)</f>
        <v>0</v>
      </c>
      <c r="G4616" cm="1">
        <f t="array" ref="G4616">IFERROR(INDEX(Jesper!AK$2:AK$366,ROUNDDOWN($C4616/24,0)+1,1)*INDEX($D$3:$AA$30,INDEX(Jesper!$R$2:$R$366,ROW(INDEX(Jesper!AK$2:AK$366,ROUNDDOWN($C4616/24,0)+1,1))-1)+IF('Standard Profiles'!$G$21=$B$10,7,0)+IF('Standard Profiles'!$G$21=$B$17,14,0)+IF('Standard Profiles'!$G$21=$B$24,21,0),MOD($C4616,24)+1)/SUM(INDEX($D$3:$AA$30,INDEX(Jesper!$R$2:$R$366,ROW(INDEX(Jesper!AK$2:AK$366,ROUNDDOWN($C4616/24,0)+1,1))-1)+IF('Standard Profiles'!$G$21=$B$10,7,0)+IF('Standard Profiles'!$G$21=$B$17,14,0)+IF('Standard Profiles'!$G$21=$B$24,21,0),0)),0)</f>
        <v>0</v>
      </c>
      <c r="H4616" cm="1">
        <f t="array" ref="H4616">IFERROR(INDEX(Jesper!AL$2:AL$366,ROUNDDOWN($C4616/24,0)+1,1)*INDEX($D$3:$AA$30,INDEX(Jesper!$R$2:$R$366,ROW(INDEX(Jesper!AL$2:AL$366,ROUNDDOWN($C4616/24,0)+1,1))-1)+IF('Standard Profiles'!$G$22=$B$10,7,0)+IF('Standard Profiles'!$G$22=$B$17,14,0)+IF('Standard Profiles'!$G$22=$B$24,21,0),MOD($C4616,24)+1)/SUM(INDEX($D$3:$AA$30,INDEX(Jesper!$R$2:$R$366,ROW(INDEX(Jesper!AL$2:AL$366,ROUNDDOWN($C4616/24,0)+1,1))-1)+IF('Standard Profiles'!$G$22=$B$10,7,0)+IF('Standard Profiles'!$G$22=$B$17,14,0)+IF('Standard Profiles'!$G$22=$B$24,21,0),0)),0)</f>
        <v>0</v>
      </c>
      <c r="I4616">
        <f t="shared" si="517"/>
        <v>0.1987759632864583</v>
      </c>
      <c r="J4616">
        <f t="shared" si="518"/>
        <v>0.66258654428819441</v>
      </c>
      <c r="K4616">
        <f t="shared" si="519"/>
        <v>0.99387981643229151</v>
      </c>
      <c r="L4616">
        <f t="shared" si="520"/>
        <v>4.7706231188749992</v>
      </c>
      <c r="M4616">
        <f t="shared" si="521"/>
        <v>0</v>
      </c>
      <c r="N4616" s="46">
        <f t="shared" si="522"/>
        <v>45482.916666655554</v>
      </c>
    </row>
    <row r="4617" spans="2:14" x14ac:dyDescent="0.3">
      <c r="B4617">
        <f t="shared" si="516"/>
        <v>2</v>
      </c>
      <c r="C4617" s="16">
        <v>4583</v>
      </c>
      <c r="D4617" cm="1">
        <f t="array" ref="D4617">IFERROR(INDEX(Jesper!AH$2:AH$366,ROUNDDOWN($C4617/24,0)+1,1)*INDEX($D$3:$AA$30,INDEX(Jesper!$R$2:$R$366,ROW(INDEX(Jesper!AH$2:AH$366,ROUNDDOWN($C4617/24,0)+1,1))-1)+IF('Standard Profiles'!$G$18=$B$10,7,0)+IF('Standard Profiles'!$G$18=$B$17,14,0)+IF('Standard Profiles'!$G$18=$B$24,21,0),MOD($C4617,24)+1)/SUM(INDEX($D$3:$AA$30,INDEX(Jesper!$R$2:$R$366,ROW(INDEX(Jesper!AH$2:AH$366,ROUNDDOWN($C4617/24,0)+1,1))-1)+IF('Standard Profiles'!$G$18=$B$10,7,0)+IF('Standard Profiles'!$G$18=$B$17,14,0)+IF('Standard Profiles'!$G$18=$B$24,21,0),0)),0)</f>
        <v>6.6258654428819437</v>
      </c>
      <c r="E4617" cm="1">
        <f t="array" ref="E4617">IFERROR(INDEX(Jesper!AI$2:AI$366,ROUNDDOWN($C4617/24,0)+1,1)*INDEX($D$3:$AA$30,INDEX(Jesper!$R$2:$R$366,ROW(INDEX(Jesper!AI$2:AI$366,ROUNDDOWN($C4617/24,0)+1,1))-1)+IF('Standard Profiles'!$G$19=$B$10,7,0)+IF('Standard Profiles'!$G$19=$B$17,14,0)+IF('Standard Profiles'!$G$19=$B$24,21,0),MOD($C4617,24)+1)/SUM(INDEX($D$3:$AA$30,INDEX(Jesper!$R$2:$R$366,ROW(INDEX(Jesper!AI$2:AI$366,ROUNDDOWN($C4617/24,0)+1,1))-1)+IF('Standard Profiles'!$G$19=$B$10,7,0)+IF('Standard Profiles'!$G$19=$B$17,14,0)+IF('Standard Profiles'!$G$19=$B$24,21,0),0)),0)</f>
        <v>0</v>
      </c>
      <c r="F4617" cm="1">
        <f t="array" ref="F4617">IFERROR(INDEX(Jesper!AJ$2:AJ$366,ROUNDDOWN($C4617/24,0)+1,1)*INDEX($D$3:$AA$30,INDEX(Jesper!$R$2:$R$366,ROW(INDEX(Jesper!AJ$2:AJ$366,ROUNDDOWN($C4617/24,0)+1,1))-1)+IF('Standard Profiles'!$G$20=$B$10,7,0)+IF('Standard Profiles'!$G$20=$B$17,14,0)+IF('Standard Profiles'!$G$20=$B$24,21,0),MOD($C4617,24)+1)/SUM(INDEX($D$3:$AA$30,INDEX(Jesper!$R$2:$R$366,ROW(INDEX(Jesper!AJ$2:AJ$366,ROUNDDOWN($C4617/24,0)+1,1))-1)+IF('Standard Profiles'!$G$20=$B$10,7,0)+IF('Standard Profiles'!$G$20=$B$17,14,0)+IF('Standard Profiles'!$G$20=$B$24,21,0),0)),0)</f>
        <v>0</v>
      </c>
      <c r="G4617" cm="1">
        <f t="array" ref="G4617">IFERROR(INDEX(Jesper!AK$2:AK$366,ROUNDDOWN($C4617/24,0)+1,1)*INDEX($D$3:$AA$30,INDEX(Jesper!$R$2:$R$366,ROW(INDEX(Jesper!AK$2:AK$366,ROUNDDOWN($C4617/24,0)+1,1))-1)+IF('Standard Profiles'!$G$21=$B$10,7,0)+IF('Standard Profiles'!$G$21=$B$17,14,0)+IF('Standard Profiles'!$G$21=$B$24,21,0),MOD($C4617,24)+1)/SUM(INDEX($D$3:$AA$30,INDEX(Jesper!$R$2:$R$366,ROW(INDEX(Jesper!AK$2:AK$366,ROUNDDOWN($C4617/24,0)+1,1))-1)+IF('Standard Profiles'!$G$21=$B$10,7,0)+IF('Standard Profiles'!$G$21=$B$17,14,0)+IF('Standard Profiles'!$G$21=$B$24,21,0),0)),0)</f>
        <v>0</v>
      </c>
      <c r="H4617" cm="1">
        <f t="array" ref="H4617">IFERROR(INDEX(Jesper!AL$2:AL$366,ROUNDDOWN($C4617/24,0)+1,1)*INDEX($D$3:$AA$30,INDEX(Jesper!$R$2:$R$366,ROW(INDEX(Jesper!AL$2:AL$366,ROUNDDOWN($C4617/24,0)+1,1))-1)+IF('Standard Profiles'!$G$22=$B$10,7,0)+IF('Standard Profiles'!$G$22=$B$17,14,0)+IF('Standard Profiles'!$G$22=$B$24,21,0),MOD($C4617,24)+1)/SUM(INDEX($D$3:$AA$30,INDEX(Jesper!$R$2:$R$366,ROW(INDEX(Jesper!AL$2:AL$366,ROUNDDOWN($C4617/24,0)+1,1))-1)+IF('Standard Profiles'!$G$22=$B$10,7,0)+IF('Standard Profiles'!$G$22=$B$17,14,0)+IF('Standard Profiles'!$G$22=$B$24,21,0),0)),0)</f>
        <v>0</v>
      </c>
      <c r="I4617">
        <f t="shared" si="517"/>
        <v>0.1987759632864583</v>
      </c>
      <c r="J4617">
        <f t="shared" si="518"/>
        <v>0.66258654428819441</v>
      </c>
      <c r="K4617">
        <f t="shared" si="519"/>
        <v>0.99387981643229151</v>
      </c>
      <c r="L4617">
        <f t="shared" si="520"/>
        <v>4.7706231188749992</v>
      </c>
      <c r="M4617">
        <f t="shared" si="521"/>
        <v>0</v>
      </c>
      <c r="N4617" s="46">
        <f t="shared" si="522"/>
        <v>45482.958333322218</v>
      </c>
    </row>
    <row r="4618" spans="2:14" x14ac:dyDescent="0.3">
      <c r="B4618">
        <f t="shared" si="516"/>
        <v>3</v>
      </c>
      <c r="C4618" s="16">
        <v>4584</v>
      </c>
      <c r="D4618" cm="1">
        <f t="array" ref="D4618">IFERROR(INDEX(Jesper!AH$2:AH$366,ROUNDDOWN($C4618/24,0)+1,1)*INDEX($D$3:$AA$30,INDEX(Jesper!$R$2:$R$366,ROW(INDEX(Jesper!AH$2:AH$366,ROUNDDOWN($C4618/24,0)+1,1))-1)+IF('Standard Profiles'!$G$18=$B$10,7,0)+IF('Standard Profiles'!$G$18=$B$17,14,0)+IF('Standard Profiles'!$G$18=$B$24,21,0),MOD($C4618,24)+1)/SUM(INDEX($D$3:$AA$30,INDEX(Jesper!$R$2:$R$366,ROW(INDEX(Jesper!AH$2:AH$366,ROUNDDOWN($C4618/24,0)+1,1))-1)+IF('Standard Profiles'!$G$18=$B$10,7,0)+IF('Standard Profiles'!$G$18=$B$17,14,0)+IF('Standard Profiles'!$G$18=$B$24,21,0),0)),0)</f>
        <v>5.9459405598287667</v>
      </c>
      <c r="E4618" cm="1">
        <f t="array" ref="E4618">IFERROR(INDEX(Jesper!AI$2:AI$366,ROUNDDOWN($C4618/24,0)+1,1)*INDEX($D$3:$AA$30,INDEX(Jesper!$R$2:$R$366,ROW(INDEX(Jesper!AI$2:AI$366,ROUNDDOWN($C4618/24,0)+1,1))-1)+IF('Standard Profiles'!$G$19=$B$10,7,0)+IF('Standard Profiles'!$G$19=$B$17,14,0)+IF('Standard Profiles'!$G$19=$B$24,21,0),MOD($C4618,24)+1)/SUM(INDEX($D$3:$AA$30,INDEX(Jesper!$R$2:$R$366,ROW(INDEX(Jesper!AI$2:AI$366,ROUNDDOWN($C4618/24,0)+1,1))-1)+IF('Standard Profiles'!$G$19=$B$10,7,0)+IF('Standard Profiles'!$G$19=$B$17,14,0)+IF('Standard Profiles'!$G$19=$B$24,21,0),0)),0)</f>
        <v>0</v>
      </c>
      <c r="F4618" cm="1">
        <f t="array" ref="F4618">IFERROR(INDEX(Jesper!AJ$2:AJ$366,ROUNDDOWN($C4618/24,0)+1,1)*INDEX($D$3:$AA$30,INDEX(Jesper!$R$2:$R$366,ROW(INDEX(Jesper!AJ$2:AJ$366,ROUNDDOWN($C4618/24,0)+1,1))-1)+IF('Standard Profiles'!$G$20=$B$10,7,0)+IF('Standard Profiles'!$G$20=$B$17,14,0)+IF('Standard Profiles'!$G$20=$B$24,21,0),MOD($C4618,24)+1)/SUM(INDEX($D$3:$AA$30,INDEX(Jesper!$R$2:$R$366,ROW(INDEX(Jesper!AJ$2:AJ$366,ROUNDDOWN($C4618/24,0)+1,1))-1)+IF('Standard Profiles'!$G$20=$B$10,7,0)+IF('Standard Profiles'!$G$20=$B$17,14,0)+IF('Standard Profiles'!$G$20=$B$24,21,0),0)),0)</f>
        <v>0</v>
      </c>
      <c r="G4618" cm="1">
        <f t="array" ref="G4618">IFERROR(INDEX(Jesper!AK$2:AK$366,ROUNDDOWN($C4618/24,0)+1,1)*INDEX($D$3:$AA$30,INDEX(Jesper!$R$2:$R$366,ROW(INDEX(Jesper!AK$2:AK$366,ROUNDDOWN($C4618/24,0)+1,1))-1)+IF('Standard Profiles'!$G$21=$B$10,7,0)+IF('Standard Profiles'!$G$21=$B$17,14,0)+IF('Standard Profiles'!$G$21=$B$24,21,0),MOD($C4618,24)+1)/SUM(INDEX($D$3:$AA$30,INDEX(Jesper!$R$2:$R$366,ROW(INDEX(Jesper!AK$2:AK$366,ROUNDDOWN($C4618/24,0)+1,1))-1)+IF('Standard Profiles'!$G$21=$B$10,7,0)+IF('Standard Profiles'!$G$21=$B$17,14,0)+IF('Standard Profiles'!$G$21=$B$24,21,0),0)),0)</f>
        <v>0</v>
      </c>
      <c r="H4618" cm="1">
        <f t="array" ref="H4618">IFERROR(INDEX(Jesper!AL$2:AL$366,ROUNDDOWN($C4618/24,0)+1,1)*INDEX($D$3:$AA$30,INDEX(Jesper!$R$2:$R$366,ROW(INDEX(Jesper!AL$2:AL$366,ROUNDDOWN($C4618/24,0)+1,1))-1)+IF('Standard Profiles'!$G$22=$B$10,7,0)+IF('Standard Profiles'!$G$22=$B$17,14,0)+IF('Standard Profiles'!$G$22=$B$24,21,0),MOD($C4618,24)+1)/SUM(INDEX($D$3:$AA$30,INDEX(Jesper!$R$2:$R$366,ROW(INDEX(Jesper!AL$2:AL$366,ROUNDDOWN($C4618/24,0)+1,1))-1)+IF('Standard Profiles'!$G$22=$B$10,7,0)+IF('Standard Profiles'!$G$22=$B$17,14,0)+IF('Standard Profiles'!$G$22=$B$24,21,0),0)),0)</f>
        <v>0</v>
      </c>
      <c r="I4618">
        <f t="shared" si="517"/>
        <v>0.17837821679486299</v>
      </c>
      <c r="J4618">
        <f t="shared" si="518"/>
        <v>0.59459405598287673</v>
      </c>
      <c r="K4618">
        <f t="shared" si="519"/>
        <v>0.89189108397431494</v>
      </c>
      <c r="L4618">
        <f t="shared" si="520"/>
        <v>4.2810772030767117</v>
      </c>
      <c r="M4618">
        <f t="shared" si="521"/>
        <v>0</v>
      </c>
      <c r="N4618" s="46">
        <f t="shared" si="522"/>
        <v>45482.999999988882</v>
      </c>
    </row>
    <row r="4619" spans="2:14" x14ac:dyDescent="0.3">
      <c r="B4619">
        <f t="shared" si="516"/>
        <v>3</v>
      </c>
      <c r="C4619" s="16">
        <v>4585</v>
      </c>
      <c r="D4619" cm="1">
        <f t="array" ref="D4619">IFERROR(INDEX(Jesper!AH$2:AH$366,ROUNDDOWN($C4619/24,0)+1,1)*INDEX($D$3:$AA$30,INDEX(Jesper!$R$2:$R$366,ROW(INDEX(Jesper!AH$2:AH$366,ROUNDDOWN($C4619/24,0)+1,1))-1)+IF('Standard Profiles'!$G$18=$B$10,7,0)+IF('Standard Profiles'!$G$18=$B$17,14,0)+IF('Standard Profiles'!$G$18=$B$24,21,0),MOD($C4619,24)+1)/SUM(INDEX($D$3:$AA$30,INDEX(Jesper!$R$2:$R$366,ROW(INDEX(Jesper!AH$2:AH$366,ROUNDDOWN($C4619/24,0)+1,1))-1)+IF('Standard Profiles'!$G$18=$B$10,7,0)+IF('Standard Profiles'!$G$18=$B$17,14,0)+IF('Standard Profiles'!$G$18=$B$24,21,0),0)),0)</f>
        <v>6.6891831298073621</v>
      </c>
      <c r="E4619" cm="1">
        <f t="array" ref="E4619">IFERROR(INDEX(Jesper!AI$2:AI$366,ROUNDDOWN($C4619/24,0)+1,1)*INDEX($D$3:$AA$30,INDEX(Jesper!$R$2:$R$366,ROW(INDEX(Jesper!AI$2:AI$366,ROUNDDOWN($C4619/24,0)+1,1))-1)+IF('Standard Profiles'!$G$19=$B$10,7,0)+IF('Standard Profiles'!$G$19=$B$17,14,0)+IF('Standard Profiles'!$G$19=$B$24,21,0),MOD($C4619,24)+1)/SUM(INDEX($D$3:$AA$30,INDEX(Jesper!$R$2:$R$366,ROW(INDEX(Jesper!AI$2:AI$366,ROUNDDOWN($C4619/24,0)+1,1))-1)+IF('Standard Profiles'!$G$19=$B$10,7,0)+IF('Standard Profiles'!$G$19=$B$17,14,0)+IF('Standard Profiles'!$G$19=$B$24,21,0),0)),0)</f>
        <v>0</v>
      </c>
      <c r="F4619" cm="1">
        <f t="array" ref="F4619">IFERROR(INDEX(Jesper!AJ$2:AJ$366,ROUNDDOWN($C4619/24,0)+1,1)*INDEX($D$3:$AA$30,INDEX(Jesper!$R$2:$R$366,ROW(INDEX(Jesper!AJ$2:AJ$366,ROUNDDOWN($C4619/24,0)+1,1))-1)+IF('Standard Profiles'!$G$20=$B$10,7,0)+IF('Standard Profiles'!$G$20=$B$17,14,0)+IF('Standard Profiles'!$G$20=$B$24,21,0),MOD($C4619,24)+1)/SUM(INDEX($D$3:$AA$30,INDEX(Jesper!$R$2:$R$366,ROW(INDEX(Jesper!AJ$2:AJ$366,ROUNDDOWN($C4619/24,0)+1,1))-1)+IF('Standard Profiles'!$G$20=$B$10,7,0)+IF('Standard Profiles'!$G$20=$B$17,14,0)+IF('Standard Profiles'!$G$20=$B$24,21,0),0)),0)</f>
        <v>0</v>
      </c>
      <c r="G4619" cm="1">
        <f t="array" ref="G4619">IFERROR(INDEX(Jesper!AK$2:AK$366,ROUNDDOWN($C4619/24,0)+1,1)*INDEX($D$3:$AA$30,INDEX(Jesper!$R$2:$R$366,ROW(INDEX(Jesper!AK$2:AK$366,ROUNDDOWN($C4619/24,0)+1,1))-1)+IF('Standard Profiles'!$G$21=$B$10,7,0)+IF('Standard Profiles'!$G$21=$B$17,14,0)+IF('Standard Profiles'!$G$21=$B$24,21,0),MOD($C4619,24)+1)/SUM(INDEX($D$3:$AA$30,INDEX(Jesper!$R$2:$R$366,ROW(INDEX(Jesper!AK$2:AK$366,ROUNDDOWN($C4619/24,0)+1,1))-1)+IF('Standard Profiles'!$G$21=$B$10,7,0)+IF('Standard Profiles'!$G$21=$B$17,14,0)+IF('Standard Profiles'!$G$21=$B$24,21,0),0)),0)</f>
        <v>0</v>
      </c>
      <c r="H4619" cm="1">
        <f t="array" ref="H4619">IFERROR(INDEX(Jesper!AL$2:AL$366,ROUNDDOWN($C4619/24,0)+1,1)*INDEX($D$3:$AA$30,INDEX(Jesper!$R$2:$R$366,ROW(INDEX(Jesper!AL$2:AL$366,ROUNDDOWN($C4619/24,0)+1,1))-1)+IF('Standard Profiles'!$G$22=$B$10,7,0)+IF('Standard Profiles'!$G$22=$B$17,14,0)+IF('Standard Profiles'!$G$22=$B$24,21,0),MOD($C4619,24)+1)/SUM(INDEX($D$3:$AA$30,INDEX(Jesper!$R$2:$R$366,ROW(INDEX(Jesper!AL$2:AL$366,ROUNDDOWN($C4619/24,0)+1,1))-1)+IF('Standard Profiles'!$G$22=$B$10,7,0)+IF('Standard Profiles'!$G$22=$B$17,14,0)+IF('Standard Profiles'!$G$22=$B$24,21,0),0)),0)</f>
        <v>0</v>
      </c>
      <c r="I4619">
        <f t="shared" si="517"/>
        <v>0.20067549389422085</v>
      </c>
      <c r="J4619">
        <f t="shared" si="518"/>
        <v>0.66891831298073623</v>
      </c>
      <c r="K4619">
        <f t="shared" si="519"/>
        <v>1.0033774694711042</v>
      </c>
      <c r="L4619">
        <f t="shared" si="520"/>
        <v>4.8162118534613008</v>
      </c>
      <c r="M4619">
        <f t="shared" si="521"/>
        <v>0</v>
      </c>
      <c r="N4619" s="46">
        <f t="shared" si="522"/>
        <v>45483.041666655547</v>
      </c>
    </row>
    <row r="4620" spans="2:14" x14ac:dyDescent="0.3">
      <c r="B4620">
        <f t="shared" si="516"/>
        <v>3</v>
      </c>
      <c r="C4620" s="16">
        <v>4586</v>
      </c>
      <c r="D4620" cm="1">
        <f t="array" ref="D4620">IFERROR(INDEX(Jesper!AH$2:AH$366,ROUNDDOWN($C4620/24,0)+1,1)*INDEX($D$3:$AA$30,INDEX(Jesper!$R$2:$R$366,ROW(INDEX(Jesper!AH$2:AH$366,ROUNDDOWN($C4620/24,0)+1,1))-1)+IF('Standard Profiles'!$G$18=$B$10,7,0)+IF('Standard Profiles'!$G$18=$B$17,14,0)+IF('Standard Profiles'!$G$18=$B$24,21,0),MOD($C4620,24)+1)/SUM(INDEX($D$3:$AA$30,INDEX(Jesper!$R$2:$R$366,ROW(INDEX(Jesper!AH$2:AH$366,ROUNDDOWN($C4620/24,0)+1,1))-1)+IF('Standard Profiles'!$G$18=$B$10,7,0)+IF('Standard Profiles'!$G$18=$B$17,14,0)+IF('Standard Profiles'!$G$18=$B$24,21,0),0)),0)</f>
        <v>6.6891831298073621</v>
      </c>
      <c r="E4620" cm="1">
        <f t="array" ref="E4620">IFERROR(INDEX(Jesper!AI$2:AI$366,ROUNDDOWN($C4620/24,0)+1,1)*INDEX($D$3:$AA$30,INDEX(Jesper!$R$2:$R$366,ROW(INDEX(Jesper!AI$2:AI$366,ROUNDDOWN($C4620/24,0)+1,1))-1)+IF('Standard Profiles'!$G$19=$B$10,7,0)+IF('Standard Profiles'!$G$19=$B$17,14,0)+IF('Standard Profiles'!$G$19=$B$24,21,0),MOD($C4620,24)+1)/SUM(INDEX($D$3:$AA$30,INDEX(Jesper!$R$2:$R$366,ROW(INDEX(Jesper!AI$2:AI$366,ROUNDDOWN($C4620/24,0)+1,1))-1)+IF('Standard Profiles'!$G$19=$B$10,7,0)+IF('Standard Profiles'!$G$19=$B$17,14,0)+IF('Standard Profiles'!$G$19=$B$24,21,0),0)),0)</f>
        <v>0</v>
      </c>
      <c r="F4620" cm="1">
        <f t="array" ref="F4620">IFERROR(INDEX(Jesper!AJ$2:AJ$366,ROUNDDOWN($C4620/24,0)+1,1)*INDEX($D$3:$AA$30,INDEX(Jesper!$R$2:$R$366,ROW(INDEX(Jesper!AJ$2:AJ$366,ROUNDDOWN($C4620/24,0)+1,1))-1)+IF('Standard Profiles'!$G$20=$B$10,7,0)+IF('Standard Profiles'!$G$20=$B$17,14,0)+IF('Standard Profiles'!$G$20=$B$24,21,0),MOD($C4620,24)+1)/SUM(INDEX($D$3:$AA$30,INDEX(Jesper!$R$2:$R$366,ROW(INDEX(Jesper!AJ$2:AJ$366,ROUNDDOWN($C4620/24,0)+1,1))-1)+IF('Standard Profiles'!$G$20=$B$10,7,0)+IF('Standard Profiles'!$G$20=$B$17,14,0)+IF('Standard Profiles'!$G$20=$B$24,21,0),0)),0)</f>
        <v>0</v>
      </c>
      <c r="G4620" cm="1">
        <f t="array" ref="G4620">IFERROR(INDEX(Jesper!AK$2:AK$366,ROUNDDOWN($C4620/24,0)+1,1)*INDEX($D$3:$AA$30,INDEX(Jesper!$R$2:$R$366,ROW(INDEX(Jesper!AK$2:AK$366,ROUNDDOWN($C4620/24,0)+1,1))-1)+IF('Standard Profiles'!$G$21=$B$10,7,0)+IF('Standard Profiles'!$G$21=$B$17,14,0)+IF('Standard Profiles'!$G$21=$B$24,21,0),MOD($C4620,24)+1)/SUM(INDEX($D$3:$AA$30,INDEX(Jesper!$R$2:$R$366,ROW(INDEX(Jesper!AK$2:AK$366,ROUNDDOWN($C4620/24,0)+1,1))-1)+IF('Standard Profiles'!$G$21=$B$10,7,0)+IF('Standard Profiles'!$G$21=$B$17,14,0)+IF('Standard Profiles'!$G$21=$B$24,21,0),0)),0)</f>
        <v>0</v>
      </c>
      <c r="H4620" cm="1">
        <f t="array" ref="H4620">IFERROR(INDEX(Jesper!AL$2:AL$366,ROUNDDOWN($C4620/24,0)+1,1)*INDEX($D$3:$AA$30,INDEX(Jesper!$R$2:$R$366,ROW(INDEX(Jesper!AL$2:AL$366,ROUNDDOWN($C4620/24,0)+1,1))-1)+IF('Standard Profiles'!$G$22=$B$10,7,0)+IF('Standard Profiles'!$G$22=$B$17,14,0)+IF('Standard Profiles'!$G$22=$B$24,21,0),MOD($C4620,24)+1)/SUM(INDEX($D$3:$AA$30,INDEX(Jesper!$R$2:$R$366,ROW(INDEX(Jesper!AL$2:AL$366,ROUNDDOWN($C4620/24,0)+1,1))-1)+IF('Standard Profiles'!$G$22=$B$10,7,0)+IF('Standard Profiles'!$G$22=$B$17,14,0)+IF('Standard Profiles'!$G$22=$B$24,21,0),0)),0)</f>
        <v>0</v>
      </c>
      <c r="I4620">
        <f t="shared" si="517"/>
        <v>0.20067549389422085</v>
      </c>
      <c r="J4620">
        <f t="shared" si="518"/>
        <v>0.66891831298073623</v>
      </c>
      <c r="K4620">
        <f t="shared" si="519"/>
        <v>1.0033774694711042</v>
      </c>
      <c r="L4620">
        <f t="shared" si="520"/>
        <v>4.8162118534613008</v>
      </c>
      <c r="M4620">
        <f t="shared" si="521"/>
        <v>0</v>
      </c>
      <c r="N4620" s="46">
        <f t="shared" si="522"/>
        <v>45483.083333322211</v>
      </c>
    </row>
    <row r="4621" spans="2:14" x14ac:dyDescent="0.3">
      <c r="B4621">
        <f t="shared" si="516"/>
        <v>3</v>
      </c>
      <c r="C4621" s="16">
        <v>4587</v>
      </c>
      <c r="D4621" cm="1">
        <f t="array" ref="D4621">IFERROR(INDEX(Jesper!AH$2:AH$366,ROUNDDOWN($C4621/24,0)+1,1)*INDEX($D$3:$AA$30,INDEX(Jesper!$R$2:$R$366,ROW(INDEX(Jesper!AH$2:AH$366,ROUNDDOWN($C4621/24,0)+1,1))-1)+IF('Standard Profiles'!$G$18=$B$10,7,0)+IF('Standard Profiles'!$G$18=$B$17,14,0)+IF('Standard Profiles'!$G$18=$B$24,21,0),MOD($C4621,24)+1)/SUM(INDEX($D$3:$AA$30,INDEX(Jesper!$R$2:$R$366,ROW(INDEX(Jesper!AH$2:AH$366,ROUNDDOWN($C4621/24,0)+1,1))-1)+IF('Standard Profiles'!$G$18=$B$10,7,0)+IF('Standard Profiles'!$G$18=$B$17,14,0)+IF('Standard Profiles'!$G$18=$B$24,21,0),0)),0)</f>
        <v>6.6891831298073621</v>
      </c>
      <c r="E4621" cm="1">
        <f t="array" ref="E4621">IFERROR(INDEX(Jesper!AI$2:AI$366,ROUNDDOWN($C4621/24,0)+1,1)*INDEX($D$3:$AA$30,INDEX(Jesper!$R$2:$R$366,ROW(INDEX(Jesper!AI$2:AI$366,ROUNDDOWN($C4621/24,0)+1,1))-1)+IF('Standard Profiles'!$G$19=$B$10,7,0)+IF('Standard Profiles'!$G$19=$B$17,14,0)+IF('Standard Profiles'!$G$19=$B$24,21,0),MOD($C4621,24)+1)/SUM(INDEX($D$3:$AA$30,INDEX(Jesper!$R$2:$R$366,ROW(INDEX(Jesper!AI$2:AI$366,ROUNDDOWN($C4621/24,0)+1,1))-1)+IF('Standard Profiles'!$G$19=$B$10,7,0)+IF('Standard Profiles'!$G$19=$B$17,14,0)+IF('Standard Profiles'!$G$19=$B$24,21,0),0)),0)</f>
        <v>0</v>
      </c>
      <c r="F4621" cm="1">
        <f t="array" ref="F4621">IFERROR(INDEX(Jesper!AJ$2:AJ$366,ROUNDDOWN($C4621/24,0)+1,1)*INDEX($D$3:$AA$30,INDEX(Jesper!$R$2:$R$366,ROW(INDEX(Jesper!AJ$2:AJ$366,ROUNDDOWN($C4621/24,0)+1,1))-1)+IF('Standard Profiles'!$G$20=$B$10,7,0)+IF('Standard Profiles'!$G$20=$B$17,14,0)+IF('Standard Profiles'!$G$20=$B$24,21,0),MOD($C4621,24)+1)/SUM(INDEX($D$3:$AA$30,INDEX(Jesper!$R$2:$R$366,ROW(INDEX(Jesper!AJ$2:AJ$366,ROUNDDOWN($C4621/24,0)+1,1))-1)+IF('Standard Profiles'!$G$20=$B$10,7,0)+IF('Standard Profiles'!$G$20=$B$17,14,0)+IF('Standard Profiles'!$G$20=$B$24,21,0),0)),0)</f>
        <v>0</v>
      </c>
      <c r="G4621" cm="1">
        <f t="array" ref="G4621">IFERROR(INDEX(Jesper!AK$2:AK$366,ROUNDDOWN($C4621/24,0)+1,1)*INDEX($D$3:$AA$30,INDEX(Jesper!$R$2:$R$366,ROW(INDEX(Jesper!AK$2:AK$366,ROUNDDOWN($C4621/24,0)+1,1))-1)+IF('Standard Profiles'!$G$21=$B$10,7,0)+IF('Standard Profiles'!$G$21=$B$17,14,0)+IF('Standard Profiles'!$G$21=$B$24,21,0),MOD($C4621,24)+1)/SUM(INDEX($D$3:$AA$30,INDEX(Jesper!$R$2:$R$366,ROW(INDEX(Jesper!AK$2:AK$366,ROUNDDOWN($C4621/24,0)+1,1))-1)+IF('Standard Profiles'!$G$21=$B$10,7,0)+IF('Standard Profiles'!$G$21=$B$17,14,0)+IF('Standard Profiles'!$G$21=$B$24,21,0),0)),0)</f>
        <v>0</v>
      </c>
      <c r="H4621" cm="1">
        <f t="array" ref="H4621">IFERROR(INDEX(Jesper!AL$2:AL$366,ROUNDDOWN($C4621/24,0)+1,1)*INDEX($D$3:$AA$30,INDEX(Jesper!$R$2:$R$366,ROW(INDEX(Jesper!AL$2:AL$366,ROUNDDOWN($C4621/24,0)+1,1))-1)+IF('Standard Profiles'!$G$22=$B$10,7,0)+IF('Standard Profiles'!$G$22=$B$17,14,0)+IF('Standard Profiles'!$G$22=$B$24,21,0),MOD($C4621,24)+1)/SUM(INDEX($D$3:$AA$30,INDEX(Jesper!$R$2:$R$366,ROW(INDEX(Jesper!AL$2:AL$366,ROUNDDOWN($C4621/24,0)+1,1))-1)+IF('Standard Profiles'!$G$22=$B$10,7,0)+IF('Standard Profiles'!$G$22=$B$17,14,0)+IF('Standard Profiles'!$G$22=$B$24,21,0),0)),0)</f>
        <v>0</v>
      </c>
      <c r="I4621">
        <f t="shared" si="517"/>
        <v>0.20067549389422085</v>
      </c>
      <c r="J4621">
        <f t="shared" si="518"/>
        <v>0.66891831298073623</v>
      </c>
      <c r="K4621">
        <f t="shared" si="519"/>
        <v>1.0033774694711042</v>
      </c>
      <c r="L4621">
        <f t="shared" si="520"/>
        <v>4.8162118534613008</v>
      </c>
      <c r="M4621">
        <f t="shared" si="521"/>
        <v>0</v>
      </c>
      <c r="N4621" s="46">
        <f t="shared" si="522"/>
        <v>45483.124999988875</v>
      </c>
    </row>
    <row r="4622" spans="2:14" x14ac:dyDescent="0.3">
      <c r="B4622">
        <f t="shared" si="516"/>
        <v>3</v>
      </c>
      <c r="C4622" s="16">
        <v>4588</v>
      </c>
      <c r="D4622" cm="1">
        <f t="array" ref="D4622">IFERROR(INDEX(Jesper!AH$2:AH$366,ROUNDDOWN($C4622/24,0)+1,1)*INDEX($D$3:$AA$30,INDEX(Jesper!$R$2:$R$366,ROW(INDEX(Jesper!AH$2:AH$366,ROUNDDOWN($C4622/24,0)+1,1))-1)+IF('Standard Profiles'!$G$18=$B$10,7,0)+IF('Standard Profiles'!$G$18=$B$17,14,0)+IF('Standard Profiles'!$G$18=$B$24,21,0),MOD($C4622,24)+1)/SUM(INDEX($D$3:$AA$30,INDEX(Jesper!$R$2:$R$366,ROW(INDEX(Jesper!AH$2:AH$366,ROUNDDOWN($C4622/24,0)+1,1))-1)+IF('Standard Profiles'!$G$18=$B$10,7,0)+IF('Standard Profiles'!$G$18=$B$17,14,0)+IF('Standard Profiles'!$G$18=$B$24,21,0),0)),0)</f>
        <v>6.6891831298073621</v>
      </c>
      <c r="E4622" cm="1">
        <f t="array" ref="E4622">IFERROR(INDEX(Jesper!AI$2:AI$366,ROUNDDOWN($C4622/24,0)+1,1)*INDEX($D$3:$AA$30,INDEX(Jesper!$R$2:$R$366,ROW(INDEX(Jesper!AI$2:AI$366,ROUNDDOWN($C4622/24,0)+1,1))-1)+IF('Standard Profiles'!$G$19=$B$10,7,0)+IF('Standard Profiles'!$G$19=$B$17,14,0)+IF('Standard Profiles'!$G$19=$B$24,21,0),MOD($C4622,24)+1)/SUM(INDEX($D$3:$AA$30,INDEX(Jesper!$R$2:$R$366,ROW(INDEX(Jesper!AI$2:AI$366,ROUNDDOWN($C4622/24,0)+1,1))-1)+IF('Standard Profiles'!$G$19=$B$10,7,0)+IF('Standard Profiles'!$G$19=$B$17,14,0)+IF('Standard Profiles'!$G$19=$B$24,21,0),0)),0)</f>
        <v>0</v>
      </c>
      <c r="F4622" cm="1">
        <f t="array" ref="F4622">IFERROR(INDEX(Jesper!AJ$2:AJ$366,ROUNDDOWN($C4622/24,0)+1,1)*INDEX($D$3:$AA$30,INDEX(Jesper!$R$2:$R$366,ROW(INDEX(Jesper!AJ$2:AJ$366,ROUNDDOWN($C4622/24,0)+1,1))-1)+IF('Standard Profiles'!$G$20=$B$10,7,0)+IF('Standard Profiles'!$G$20=$B$17,14,0)+IF('Standard Profiles'!$G$20=$B$24,21,0),MOD($C4622,24)+1)/SUM(INDEX($D$3:$AA$30,INDEX(Jesper!$R$2:$R$366,ROW(INDEX(Jesper!AJ$2:AJ$366,ROUNDDOWN($C4622/24,0)+1,1))-1)+IF('Standard Profiles'!$G$20=$B$10,7,0)+IF('Standard Profiles'!$G$20=$B$17,14,0)+IF('Standard Profiles'!$G$20=$B$24,21,0),0)),0)</f>
        <v>0</v>
      </c>
      <c r="G4622" cm="1">
        <f t="array" ref="G4622">IFERROR(INDEX(Jesper!AK$2:AK$366,ROUNDDOWN($C4622/24,0)+1,1)*INDEX($D$3:$AA$30,INDEX(Jesper!$R$2:$R$366,ROW(INDEX(Jesper!AK$2:AK$366,ROUNDDOWN($C4622/24,0)+1,1))-1)+IF('Standard Profiles'!$G$21=$B$10,7,0)+IF('Standard Profiles'!$G$21=$B$17,14,0)+IF('Standard Profiles'!$G$21=$B$24,21,0),MOD($C4622,24)+1)/SUM(INDEX($D$3:$AA$30,INDEX(Jesper!$R$2:$R$366,ROW(INDEX(Jesper!AK$2:AK$366,ROUNDDOWN($C4622/24,0)+1,1))-1)+IF('Standard Profiles'!$G$21=$B$10,7,0)+IF('Standard Profiles'!$G$21=$B$17,14,0)+IF('Standard Profiles'!$G$21=$B$24,21,0),0)),0)</f>
        <v>0</v>
      </c>
      <c r="H4622" cm="1">
        <f t="array" ref="H4622">IFERROR(INDEX(Jesper!AL$2:AL$366,ROUNDDOWN($C4622/24,0)+1,1)*INDEX($D$3:$AA$30,INDEX(Jesper!$R$2:$R$366,ROW(INDEX(Jesper!AL$2:AL$366,ROUNDDOWN($C4622/24,0)+1,1))-1)+IF('Standard Profiles'!$G$22=$B$10,7,0)+IF('Standard Profiles'!$G$22=$B$17,14,0)+IF('Standard Profiles'!$G$22=$B$24,21,0),MOD($C4622,24)+1)/SUM(INDEX($D$3:$AA$30,INDEX(Jesper!$R$2:$R$366,ROW(INDEX(Jesper!AL$2:AL$366,ROUNDDOWN($C4622/24,0)+1,1))-1)+IF('Standard Profiles'!$G$22=$B$10,7,0)+IF('Standard Profiles'!$G$22=$B$17,14,0)+IF('Standard Profiles'!$G$22=$B$24,21,0),0)),0)</f>
        <v>0</v>
      </c>
      <c r="I4622">
        <f t="shared" si="517"/>
        <v>0.20067549389422085</v>
      </c>
      <c r="J4622">
        <f t="shared" si="518"/>
        <v>0.66891831298073623</v>
      </c>
      <c r="K4622">
        <f t="shared" si="519"/>
        <v>1.0033774694711042</v>
      </c>
      <c r="L4622">
        <f t="shared" si="520"/>
        <v>4.8162118534613008</v>
      </c>
      <c r="M4622">
        <f t="shared" si="521"/>
        <v>0</v>
      </c>
      <c r="N4622" s="46">
        <f t="shared" si="522"/>
        <v>45483.166666655539</v>
      </c>
    </row>
    <row r="4623" spans="2:14" x14ac:dyDescent="0.3">
      <c r="B4623">
        <f t="shared" si="516"/>
        <v>3</v>
      </c>
      <c r="C4623" s="16">
        <v>4589</v>
      </c>
      <c r="D4623" cm="1">
        <f t="array" ref="D4623">IFERROR(INDEX(Jesper!AH$2:AH$366,ROUNDDOWN($C4623/24,0)+1,1)*INDEX($D$3:$AA$30,INDEX(Jesper!$R$2:$R$366,ROW(INDEX(Jesper!AH$2:AH$366,ROUNDDOWN($C4623/24,0)+1,1))-1)+IF('Standard Profiles'!$G$18=$B$10,7,0)+IF('Standard Profiles'!$G$18=$B$17,14,0)+IF('Standard Profiles'!$G$18=$B$24,21,0),MOD($C4623,24)+1)/SUM(INDEX($D$3:$AA$30,INDEX(Jesper!$R$2:$R$366,ROW(INDEX(Jesper!AH$2:AH$366,ROUNDDOWN($C4623/24,0)+1,1))-1)+IF('Standard Profiles'!$G$18=$B$10,7,0)+IF('Standard Profiles'!$G$18=$B$17,14,0)+IF('Standard Profiles'!$G$18=$B$24,21,0),0)),0)</f>
        <v>8.6216138117517112</v>
      </c>
      <c r="E4623" cm="1">
        <f t="array" ref="E4623">IFERROR(INDEX(Jesper!AI$2:AI$366,ROUNDDOWN($C4623/24,0)+1,1)*INDEX($D$3:$AA$30,INDEX(Jesper!$R$2:$R$366,ROW(INDEX(Jesper!AI$2:AI$366,ROUNDDOWN($C4623/24,0)+1,1))-1)+IF('Standard Profiles'!$G$19=$B$10,7,0)+IF('Standard Profiles'!$G$19=$B$17,14,0)+IF('Standard Profiles'!$G$19=$B$24,21,0),MOD($C4623,24)+1)/SUM(INDEX($D$3:$AA$30,INDEX(Jesper!$R$2:$R$366,ROW(INDEX(Jesper!AI$2:AI$366,ROUNDDOWN($C4623/24,0)+1,1))-1)+IF('Standard Profiles'!$G$19=$B$10,7,0)+IF('Standard Profiles'!$G$19=$B$17,14,0)+IF('Standard Profiles'!$G$19=$B$24,21,0),0)),0)</f>
        <v>0</v>
      </c>
      <c r="F4623" cm="1">
        <f t="array" ref="F4623">IFERROR(INDEX(Jesper!AJ$2:AJ$366,ROUNDDOWN($C4623/24,0)+1,1)*INDEX($D$3:$AA$30,INDEX(Jesper!$R$2:$R$366,ROW(INDEX(Jesper!AJ$2:AJ$366,ROUNDDOWN($C4623/24,0)+1,1))-1)+IF('Standard Profiles'!$G$20=$B$10,7,0)+IF('Standard Profiles'!$G$20=$B$17,14,0)+IF('Standard Profiles'!$G$20=$B$24,21,0),MOD($C4623,24)+1)/SUM(INDEX($D$3:$AA$30,INDEX(Jesper!$R$2:$R$366,ROW(INDEX(Jesper!AJ$2:AJ$366,ROUNDDOWN($C4623/24,0)+1,1))-1)+IF('Standard Profiles'!$G$20=$B$10,7,0)+IF('Standard Profiles'!$G$20=$B$17,14,0)+IF('Standard Profiles'!$G$20=$B$24,21,0),0)),0)</f>
        <v>0</v>
      </c>
      <c r="G4623" cm="1">
        <f t="array" ref="G4623">IFERROR(INDEX(Jesper!AK$2:AK$366,ROUNDDOWN($C4623/24,0)+1,1)*INDEX($D$3:$AA$30,INDEX(Jesper!$R$2:$R$366,ROW(INDEX(Jesper!AK$2:AK$366,ROUNDDOWN($C4623/24,0)+1,1))-1)+IF('Standard Profiles'!$G$21=$B$10,7,0)+IF('Standard Profiles'!$G$21=$B$17,14,0)+IF('Standard Profiles'!$G$21=$B$24,21,0),MOD($C4623,24)+1)/SUM(INDEX($D$3:$AA$30,INDEX(Jesper!$R$2:$R$366,ROW(INDEX(Jesper!AK$2:AK$366,ROUNDDOWN($C4623/24,0)+1,1))-1)+IF('Standard Profiles'!$G$21=$B$10,7,0)+IF('Standard Profiles'!$G$21=$B$17,14,0)+IF('Standard Profiles'!$G$21=$B$24,21,0),0)),0)</f>
        <v>0</v>
      </c>
      <c r="H4623" cm="1">
        <f t="array" ref="H4623">IFERROR(INDEX(Jesper!AL$2:AL$366,ROUNDDOWN($C4623/24,0)+1,1)*INDEX($D$3:$AA$30,INDEX(Jesper!$R$2:$R$366,ROW(INDEX(Jesper!AL$2:AL$366,ROUNDDOWN($C4623/24,0)+1,1))-1)+IF('Standard Profiles'!$G$22=$B$10,7,0)+IF('Standard Profiles'!$G$22=$B$17,14,0)+IF('Standard Profiles'!$G$22=$B$24,21,0),MOD($C4623,24)+1)/SUM(INDEX($D$3:$AA$30,INDEX(Jesper!$R$2:$R$366,ROW(INDEX(Jesper!AL$2:AL$366,ROUNDDOWN($C4623/24,0)+1,1))-1)+IF('Standard Profiles'!$G$22=$B$10,7,0)+IF('Standard Profiles'!$G$22=$B$17,14,0)+IF('Standard Profiles'!$G$22=$B$24,21,0),0)),0)</f>
        <v>0</v>
      </c>
      <c r="I4623">
        <f t="shared" si="517"/>
        <v>0.25864841435255131</v>
      </c>
      <c r="J4623">
        <f t="shared" si="518"/>
        <v>0.86216138117517116</v>
      </c>
      <c r="K4623">
        <f t="shared" si="519"/>
        <v>1.2932420717627566</v>
      </c>
      <c r="L4623">
        <f t="shared" si="520"/>
        <v>6.207561944461232</v>
      </c>
      <c r="M4623">
        <f t="shared" si="521"/>
        <v>0</v>
      </c>
      <c r="N4623" s="46">
        <f t="shared" si="522"/>
        <v>45483.208333322204</v>
      </c>
    </row>
    <row r="4624" spans="2:14" x14ac:dyDescent="0.3">
      <c r="B4624">
        <f t="shared" si="516"/>
        <v>3</v>
      </c>
      <c r="C4624" s="16">
        <v>4590</v>
      </c>
      <c r="D4624" cm="1">
        <f t="array" ref="D4624">IFERROR(INDEX(Jesper!AH$2:AH$366,ROUNDDOWN($C4624/24,0)+1,1)*INDEX($D$3:$AA$30,INDEX(Jesper!$R$2:$R$366,ROW(INDEX(Jesper!AH$2:AH$366,ROUNDDOWN($C4624/24,0)+1,1))-1)+IF('Standard Profiles'!$G$18=$B$10,7,0)+IF('Standard Profiles'!$G$18=$B$17,14,0)+IF('Standard Profiles'!$G$18=$B$24,21,0),MOD($C4624,24)+1)/SUM(INDEX($D$3:$AA$30,INDEX(Jesper!$R$2:$R$366,ROW(INDEX(Jesper!AH$2:AH$366,ROUNDDOWN($C4624/24,0)+1,1))-1)+IF('Standard Profiles'!$G$18=$B$10,7,0)+IF('Standard Profiles'!$G$18=$B$17,14,0)+IF('Standard Profiles'!$G$18=$B$24,21,0),0)),0)</f>
        <v>9.9594504377131852</v>
      </c>
      <c r="E4624" cm="1">
        <f t="array" ref="E4624">IFERROR(INDEX(Jesper!AI$2:AI$366,ROUNDDOWN($C4624/24,0)+1,1)*INDEX($D$3:$AA$30,INDEX(Jesper!$R$2:$R$366,ROW(INDEX(Jesper!AI$2:AI$366,ROUNDDOWN($C4624/24,0)+1,1))-1)+IF('Standard Profiles'!$G$19=$B$10,7,0)+IF('Standard Profiles'!$G$19=$B$17,14,0)+IF('Standard Profiles'!$G$19=$B$24,21,0),MOD($C4624,24)+1)/SUM(INDEX($D$3:$AA$30,INDEX(Jesper!$R$2:$R$366,ROW(INDEX(Jesper!AI$2:AI$366,ROUNDDOWN($C4624/24,0)+1,1))-1)+IF('Standard Profiles'!$G$19=$B$10,7,0)+IF('Standard Profiles'!$G$19=$B$17,14,0)+IF('Standard Profiles'!$G$19=$B$24,21,0),0)),0)</f>
        <v>0</v>
      </c>
      <c r="F4624" cm="1">
        <f t="array" ref="F4624">IFERROR(INDEX(Jesper!AJ$2:AJ$366,ROUNDDOWN($C4624/24,0)+1,1)*INDEX($D$3:$AA$30,INDEX(Jesper!$R$2:$R$366,ROW(INDEX(Jesper!AJ$2:AJ$366,ROUNDDOWN($C4624/24,0)+1,1))-1)+IF('Standard Profiles'!$G$20=$B$10,7,0)+IF('Standard Profiles'!$G$20=$B$17,14,0)+IF('Standard Profiles'!$G$20=$B$24,21,0),MOD($C4624,24)+1)/SUM(INDEX($D$3:$AA$30,INDEX(Jesper!$R$2:$R$366,ROW(INDEX(Jesper!AJ$2:AJ$366,ROUNDDOWN($C4624/24,0)+1,1))-1)+IF('Standard Profiles'!$G$20=$B$10,7,0)+IF('Standard Profiles'!$G$20=$B$17,14,0)+IF('Standard Profiles'!$G$20=$B$24,21,0),0)),0)</f>
        <v>0</v>
      </c>
      <c r="G4624" cm="1">
        <f t="array" ref="G4624">IFERROR(INDEX(Jesper!AK$2:AK$366,ROUNDDOWN($C4624/24,0)+1,1)*INDEX($D$3:$AA$30,INDEX(Jesper!$R$2:$R$366,ROW(INDEX(Jesper!AK$2:AK$366,ROUNDDOWN($C4624/24,0)+1,1))-1)+IF('Standard Profiles'!$G$21=$B$10,7,0)+IF('Standard Profiles'!$G$21=$B$17,14,0)+IF('Standard Profiles'!$G$21=$B$24,21,0),MOD($C4624,24)+1)/SUM(INDEX($D$3:$AA$30,INDEX(Jesper!$R$2:$R$366,ROW(INDEX(Jesper!AK$2:AK$366,ROUNDDOWN($C4624/24,0)+1,1))-1)+IF('Standard Profiles'!$G$21=$B$10,7,0)+IF('Standard Profiles'!$G$21=$B$17,14,0)+IF('Standard Profiles'!$G$21=$B$24,21,0),0)),0)</f>
        <v>0</v>
      </c>
      <c r="H4624" cm="1">
        <f t="array" ref="H4624">IFERROR(INDEX(Jesper!AL$2:AL$366,ROUNDDOWN($C4624/24,0)+1,1)*INDEX($D$3:$AA$30,INDEX(Jesper!$R$2:$R$366,ROW(INDEX(Jesper!AL$2:AL$366,ROUNDDOWN($C4624/24,0)+1,1))-1)+IF('Standard Profiles'!$G$22=$B$10,7,0)+IF('Standard Profiles'!$G$22=$B$17,14,0)+IF('Standard Profiles'!$G$22=$B$24,21,0),MOD($C4624,24)+1)/SUM(INDEX($D$3:$AA$30,INDEX(Jesper!$R$2:$R$366,ROW(INDEX(Jesper!AL$2:AL$366,ROUNDDOWN($C4624/24,0)+1,1))-1)+IF('Standard Profiles'!$G$22=$B$10,7,0)+IF('Standard Profiles'!$G$22=$B$17,14,0)+IF('Standard Profiles'!$G$22=$B$24,21,0),0)),0)</f>
        <v>0</v>
      </c>
      <c r="I4624">
        <f t="shared" si="517"/>
        <v>0.29878351313139556</v>
      </c>
      <c r="J4624">
        <f t="shared" si="518"/>
        <v>0.99594504377131854</v>
      </c>
      <c r="K4624">
        <f t="shared" si="519"/>
        <v>1.4939175656569776</v>
      </c>
      <c r="L4624">
        <f t="shared" si="520"/>
        <v>7.170804315153493</v>
      </c>
      <c r="M4624">
        <f t="shared" si="521"/>
        <v>0</v>
      </c>
      <c r="N4624" s="46">
        <f t="shared" si="522"/>
        <v>45483.249999988868</v>
      </c>
    </row>
    <row r="4625" spans="2:14" x14ac:dyDescent="0.3">
      <c r="B4625">
        <f t="shared" si="516"/>
        <v>3</v>
      </c>
      <c r="C4625" s="16">
        <v>4591</v>
      </c>
      <c r="D4625" cm="1">
        <f t="array" ref="D4625">IFERROR(INDEX(Jesper!AH$2:AH$366,ROUNDDOWN($C4625/24,0)+1,1)*INDEX($D$3:$AA$30,INDEX(Jesper!$R$2:$R$366,ROW(INDEX(Jesper!AH$2:AH$366,ROUNDDOWN($C4625/24,0)+1,1))-1)+IF('Standard Profiles'!$G$18=$B$10,7,0)+IF('Standard Profiles'!$G$18=$B$17,14,0)+IF('Standard Profiles'!$G$18=$B$24,21,0),MOD($C4625,24)+1)/SUM(INDEX($D$3:$AA$30,INDEX(Jesper!$R$2:$R$366,ROW(INDEX(Jesper!AH$2:AH$366,ROUNDDOWN($C4625/24,0)+1,1))-1)+IF('Standard Profiles'!$G$18=$B$10,7,0)+IF('Standard Profiles'!$G$18=$B$17,14,0)+IF('Standard Profiles'!$G$18=$B$24,21,0),0)),0)</f>
        <v>9.9594504377131852</v>
      </c>
      <c r="E4625" cm="1">
        <f t="array" ref="E4625">IFERROR(INDEX(Jesper!AI$2:AI$366,ROUNDDOWN($C4625/24,0)+1,1)*INDEX($D$3:$AA$30,INDEX(Jesper!$R$2:$R$366,ROW(INDEX(Jesper!AI$2:AI$366,ROUNDDOWN($C4625/24,0)+1,1))-1)+IF('Standard Profiles'!$G$19=$B$10,7,0)+IF('Standard Profiles'!$G$19=$B$17,14,0)+IF('Standard Profiles'!$G$19=$B$24,21,0),MOD($C4625,24)+1)/SUM(INDEX($D$3:$AA$30,INDEX(Jesper!$R$2:$R$366,ROW(INDEX(Jesper!AI$2:AI$366,ROUNDDOWN($C4625/24,0)+1,1))-1)+IF('Standard Profiles'!$G$19=$B$10,7,0)+IF('Standard Profiles'!$G$19=$B$17,14,0)+IF('Standard Profiles'!$G$19=$B$24,21,0),0)),0)</f>
        <v>0</v>
      </c>
      <c r="F4625" cm="1">
        <f t="array" ref="F4625">IFERROR(INDEX(Jesper!AJ$2:AJ$366,ROUNDDOWN($C4625/24,0)+1,1)*INDEX($D$3:$AA$30,INDEX(Jesper!$R$2:$R$366,ROW(INDEX(Jesper!AJ$2:AJ$366,ROUNDDOWN($C4625/24,0)+1,1))-1)+IF('Standard Profiles'!$G$20=$B$10,7,0)+IF('Standard Profiles'!$G$20=$B$17,14,0)+IF('Standard Profiles'!$G$20=$B$24,21,0),MOD($C4625,24)+1)/SUM(INDEX($D$3:$AA$30,INDEX(Jesper!$R$2:$R$366,ROW(INDEX(Jesper!AJ$2:AJ$366,ROUNDDOWN($C4625/24,0)+1,1))-1)+IF('Standard Profiles'!$G$20=$B$10,7,0)+IF('Standard Profiles'!$G$20=$B$17,14,0)+IF('Standard Profiles'!$G$20=$B$24,21,0),0)),0)</f>
        <v>0</v>
      </c>
      <c r="G4625" cm="1">
        <f t="array" ref="G4625">IFERROR(INDEX(Jesper!AK$2:AK$366,ROUNDDOWN($C4625/24,0)+1,1)*INDEX($D$3:$AA$30,INDEX(Jesper!$R$2:$R$366,ROW(INDEX(Jesper!AK$2:AK$366,ROUNDDOWN($C4625/24,0)+1,1))-1)+IF('Standard Profiles'!$G$21=$B$10,7,0)+IF('Standard Profiles'!$G$21=$B$17,14,0)+IF('Standard Profiles'!$G$21=$B$24,21,0),MOD($C4625,24)+1)/SUM(INDEX($D$3:$AA$30,INDEX(Jesper!$R$2:$R$366,ROW(INDEX(Jesper!AK$2:AK$366,ROUNDDOWN($C4625/24,0)+1,1))-1)+IF('Standard Profiles'!$G$21=$B$10,7,0)+IF('Standard Profiles'!$G$21=$B$17,14,0)+IF('Standard Profiles'!$G$21=$B$24,21,0),0)),0)</f>
        <v>0</v>
      </c>
      <c r="H4625" cm="1">
        <f t="array" ref="H4625">IFERROR(INDEX(Jesper!AL$2:AL$366,ROUNDDOWN($C4625/24,0)+1,1)*INDEX($D$3:$AA$30,INDEX(Jesper!$R$2:$R$366,ROW(INDEX(Jesper!AL$2:AL$366,ROUNDDOWN($C4625/24,0)+1,1))-1)+IF('Standard Profiles'!$G$22=$B$10,7,0)+IF('Standard Profiles'!$G$22=$B$17,14,0)+IF('Standard Profiles'!$G$22=$B$24,21,0),MOD($C4625,24)+1)/SUM(INDEX($D$3:$AA$30,INDEX(Jesper!$R$2:$R$366,ROW(INDEX(Jesper!AL$2:AL$366,ROUNDDOWN($C4625/24,0)+1,1))-1)+IF('Standard Profiles'!$G$22=$B$10,7,0)+IF('Standard Profiles'!$G$22=$B$17,14,0)+IF('Standard Profiles'!$G$22=$B$24,21,0),0)),0)</f>
        <v>0</v>
      </c>
      <c r="I4625">
        <f t="shared" si="517"/>
        <v>0.29878351313139556</v>
      </c>
      <c r="J4625">
        <f t="shared" si="518"/>
        <v>0.99594504377131854</v>
      </c>
      <c r="K4625">
        <f t="shared" si="519"/>
        <v>1.4939175656569776</v>
      </c>
      <c r="L4625">
        <f t="shared" si="520"/>
        <v>7.170804315153493</v>
      </c>
      <c r="M4625">
        <f t="shared" si="521"/>
        <v>0</v>
      </c>
      <c r="N4625" s="46">
        <f t="shared" si="522"/>
        <v>45483.291666655532</v>
      </c>
    </row>
    <row r="4626" spans="2:14" x14ac:dyDescent="0.3">
      <c r="B4626">
        <f t="shared" si="516"/>
        <v>3</v>
      </c>
      <c r="C4626" s="16">
        <v>4592</v>
      </c>
      <c r="D4626" cm="1">
        <f t="array" ref="D4626">IFERROR(INDEX(Jesper!AH$2:AH$366,ROUNDDOWN($C4626/24,0)+1,1)*INDEX($D$3:$AA$30,INDEX(Jesper!$R$2:$R$366,ROW(INDEX(Jesper!AH$2:AH$366,ROUNDDOWN($C4626/24,0)+1,1))-1)+IF('Standard Profiles'!$G$18=$B$10,7,0)+IF('Standard Profiles'!$G$18=$B$17,14,0)+IF('Standard Profiles'!$G$18=$B$24,21,0),MOD($C4626,24)+1)/SUM(INDEX($D$3:$AA$30,INDEX(Jesper!$R$2:$R$366,ROW(INDEX(Jesper!AH$2:AH$366,ROUNDDOWN($C4626/24,0)+1,1))-1)+IF('Standard Profiles'!$G$18=$B$10,7,0)+IF('Standard Profiles'!$G$18=$B$17,14,0)+IF('Standard Profiles'!$G$18=$B$24,21,0),0)),0)</f>
        <v>9.9594504377131852</v>
      </c>
      <c r="E4626" cm="1">
        <f t="array" ref="E4626">IFERROR(INDEX(Jesper!AI$2:AI$366,ROUNDDOWN($C4626/24,0)+1,1)*INDEX($D$3:$AA$30,INDEX(Jesper!$R$2:$R$366,ROW(INDEX(Jesper!AI$2:AI$366,ROUNDDOWN($C4626/24,0)+1,1))-1)+IF('Standard Profiles'!$G$19=$B$10,7,0)+IF('Standard Profiles'!$G$19=$B$17,14,0)+IF('Standard Profiles'!$G$19=$B$24,21,0),MOD($C4626,24)+1)/SUM(INDEX($D$3:$AA$30,INDEX(Jesper!$R$2:$R$366,ROW(INDEX(Jesper!AI$2:AI$366,ROUNDDOWN($C4626/24,0)+1,1))-1)+IF('Standard Profiles'!$G$19=$B$10,7,0)+IF('Standard Profiles'!$G$19=$B$17,14,0)+IF('Standard Profiles'!$G$19=$B$24,21,0),0)),0)</f>
        <v>0</v>
      </c>
      <c r="F4626" cm="1">
        <f t="array" ref="F4626">IFERROR(INDEX(Jesper!AJ$2:AJ$366,ROUNDDOWN($C4626/24,0)+1,1)*INDEX($D$3:$AA$30,INDEX(Jesper!$R$2:$R$366,ROW(INDEX(Jesper!AJ$2:AJ$366,ROUNDDOWN($C4626/24,0)+1,1))-1)+IF('Standard Profiles'!$G$20=$B$10,7,0)+IF('Standard Profiles'!$G$20=$B$17,14,0)+IF('Standard Profiles'!$G$20=$B$24,21,0),MOD($C4626,24)+1)/SUM(INDEX($D$3:$AA$30,INDEX(Jesper!$R$2:$R$366,ROW(INDEX(Jesper!AJ$2:AJ$366,ROUNDDOWN($C4626/24,0)+1,1))-1)+IF('Standard Profiles'!$G$20=$B$10,7,0)+IF('Standard Profiles'!$G$20=$B$17,14,0)+IF('Standard Profiles'!$G$20=$B$24,21,0),0)),0)</f>
        <v>0</v>
      </c>
      <c r="G4626" cm="1">
        <f t="array" ref="G4626">IFERROR(INDEX(Jesper!AK$2:AK$366,ROUNDDOWN($C4626/24,0)+1,1)*INDEX($D$3:$AA$30,INDEX(Jesper!$R$2:$R$366,ROW(INDEX(Jesper!AK$2:AK$366,ROUNDDOWN($C4626/24,0)+1,1))-1)+IF('Standard Profiles'!$G$21=$B$10,7,0)+IF('Standard Profiles'!$G$21=$B$17,14,0)+IF('Standard Profiles'!$G$21=$B$24,21,0),MOD($C4626,24)+1)/SUM(INDEX($D$3:$AA$30,INDEX(Jesper!$R$2:$R$366,ROW(INDEX(Jesper!AK$2:AK$366,ROUNDDOWN($C4626/24,0)+1,1))-1)+IF('Standard Profiles'!$G$21=$B$10,7,0)+IF('Standard Profiles'!$G$21=$B$17,14,0)+IF('Standard Profiles'!$G$21=$B$24,21,0),0)),0)</f>
        <v>0</v>
      </c>
      <c r="H4626" cm="1">
        <f t="array" ref="H4626">IFERROR(INDEX(Jesper!AL$2:AL$366,ROUNDDOWN($C4626/24,0)+1,1)*INDEX($D$3:$AA$30,INDEX(Jesper!$R$2:$R$366,ROW(INDEX(Jesper!AL$2:AL$366,ROUNDDOWN($C4626/24,0)+1,1))-1)+IF('Standard Profiles'!$G$22=$B$10,7,0)+IF('Standard Profiles'!$G$22=$B$17,14,0)+IF('Standard Profiles'!$G$22=$B$24,21,0),MOD($C4626,24)+1)/SUM(INDEX($D$3:$AA$30,INDEX(Jesper!$R$2:$R$366,ROW(INDEX(Jesper!AL$2:AL$366,ROUNDDOWN($C4626/24,0)+1,1))-1)+IF('Standard Profiles'!$G$22=$B$10,7,0)+IF('Standard Profiles'!$G$22=$B$17,14,0)+IF('Standard Profiles'!$G$22=$B$24,21,0),0)),0)</f>
        <v>0</v>
      </c>
      <c r="I4626">
        <f t="shared" si="517"/>
        <v>0.29878351313139556</v>
      </c>
      <c r="J4626">
        <f t="shared" si="518"/>
        <v>0.99594504377131854</v>
      </c>
      <c r="K4626">
        <f t="shared" si="519"/>
        <v>1.4939175656569776</v>
      </c>
      <c r="L4626">
        <f t="shared" si="520"/>
        <v>7.170804315153493</v>
      </c>
      <c r="M4626">
        <f t="shared" si="521"/>
        <v>0</v>
      </c>
      <c r="N4626" s="46">
        <f t="shared" si="522"/>
        <v>45483.333333322196</v>
      </c>
    </row>
    <row r="4627" spans="2:14" x14ac:dyDescent="0.3">
      <c r="B4627">
        <f t="shared" si="516"/>
        <v>3</v>
      </c>
      <c r="C4627" s="16">
        <v>4593</v>
      </c>
      <c r="D4627" cm="1">
        <f t="array" ref="D4627">IFERROR(INDEX(Jesper!AH$2:AH$366,ROUNDDOWN($C4627/24,0)+1,1)*INDEX($D$3:$AA$30,INDEX(Jesper!$R$2:$R$366,ROW(INDEX(Jesper!AH$2:AH$366,ROUNDDOWN($C4627/24,0)+1,1))-1)+IF('Standard Profiles'!$G$18=$B$10,7,0)+IF('Standard Profiles'!$G$18=$B$17,14,0)+IF('Standard Profiles'!$G$18=$B$24,21,0),MOD($C4627,24)+1)/SUM(INDEX($D$3:$AA$30,INDEX(Jesper!$R$2:$R$366,ROW(INDEX(Jesper!AH$2:AH$366,ROUNDDOWN($C4627/24,0)+1,1))-1)+IF('Standard Profiles'!$G$18=$B$10,7,0)+IF('Standard Profiles'!$G$18=$B$17,14,0)+IF('Standard Profiles'!$G$18=$B$24,21,0),0)),0)</f>
        <v>10.702693007691781</v>
      </c>
      <c r="E4627" cm="1">
        <f t="array" ref="E4627">IFERROR(INDEX(Jesper!AI$2:AI$366,ROUNDDOWN($C4627/24,0)+1,1)*INDEX($D$3:$AA$30,INDEX(Jesper!$R$2:$R$366,ROW(INDEX(Jesper!AI$2:AI$366,ROUNDDOWN($C4627/24,0)+1,1))-1)+IF('Standard Profiles'!$G$19=$B$10,7,0)+IF('Standard Profiles'!$G$19=$B$17,14,0)+IF('Standard Profiles'!$G$19=$B$24,21,0),MOD($C4627,24)+1)/SUM(INDEX($D$3:$AA$30,INDEX(Jesper!$R$2:$R$366,ROW(INDEX(Jesper!AI$2:AI$366,ROUNDDOWN($C4627/24,0)+1,1))-1)+IF('Standard Profiles'!$G$19=$B$10,7,0)+IF('Standard Profiles'!$G$19=$B$17,14,0)+IF('Standard Profiles'!$G$19=$B$24,21,0),0)),0)</f>
        <v>0</v>
      </c>
      <c r="F4627" cm="1">
        <f t="array" ref="F4627">IFERROR(INDEX(Jesper!AJ$2:AJ$366,ROUNDDOWN($C4627/24,0)+1,1)*INDEX($D$3:$AA$30,INDEX(Jesper!$R$2:$R$366,ROW(INDEX(Jesper!AJ$2:AJ$366,ROUNDDOWN($C4627/24,0)+1,1))-1)+IF('Standard Profiles'!$G$20=$B$10,7,0)+IF('Standard Profiles'!$G$20=$B$17,14,0)+IF('Standard Profiles'!$G$20=$B$24,21,0),MOD($C4627,24)+1)/SUM(INDEX($D$3:$AA$30,INDEX(Jesper!$R$2:$R$366,ROW(INDEX(Jesper!AJ$2:AJ$366,ROUNDDOWN($C4627/24,0)+1,1))-1)+IF('Standard Profiles'!$G$20=$B$10,7,0)+IF('Standard Profiles'!$G$20=$B$17,14,0)+IF('Standard Profiles'!$G$20=$B$24,21,0),0)),0)</f>
        <v>0</v>
      </c>
      <c r="G4627" cm="1">
        <f t="array" ref="G4627">IFERROR(INDEX(Jesper!AK$2:AK$366,ROUNDDOWN($C4627/24,0)+1,1)*INDEX($D$3:$AA$30,INDEX(Jesper!$R$2:$R$366,ROW(INDEX(Jesper!AK$2:AK$366,ROUNDDOWN($C4627/24,0)+1,1))-1)+IF('Standard Profiles'!$G$21=$B$10,7,0)+IF('Standard Profiles'!$G$21=$B$17,14,0)+IF('Standard Profiles'!$G$21=$B$24,21,0),MOD($C4627,24)+1)/SUM(INDEX($D$3:$AA$30,INDEX(Jesper!$R$2:$R$366,ROW(INDEX(Jesper!AK$2:AK$366,ROUNDDOWN($C4627/24,0)+1,1))-1)+IF('Standard Profiles'!$G$21=$B$10,7,0)+IF('Standard Profiles'!$G$21=$B$17,14,0)+IF('Standard Profiles'!$G$21=$B$24,21,0),0)),0)</f>
        <v>0</v>
      </c>
      <c r="H4627" cm="1">
        <f t="array" ref="H4627">IFERROR(INDEX(Jesper!AL$2:AL$366,ROUNDDOWN($C4627/24,0)+1,1)*INDEX($D$3:$AA$30,INDEX(Jesper!$R$2:$R$366,ROW(INDEX(Jesper!AL$2:AL$366,ROUNDDOWN($C4627/24,0)+1,1))-1)+IF('Standard Profiles'!$G$22=$B$10,7,0)+IF('Standard Profiles'!$G$22=$B$17,14,0)+IF('Standard Profiles'!$G$22=$B$24,21,0),MOD($C4627,24)+1)/SUM(INDEX($D$3:$AA$30,INDEX(Jesper!$R$2:$R$366,ROW(INDEX(Jesper!AL$2:AL$366,ROUNDDOWN($C4627/24,0)+1,1))-1)+IF('Standard Profiles'!$G$22=$B$10,7,0)+IF('Standard Profiles'!$G$22=$B$17,14,0)+IF('Standard Profiles'!$G$22=$B$24,21,0),0)),0)</f>
        <v>0</v>
      </c>
      <c r="I4627">
        <f t="shared" si="517"/>
        <v>0.32108079023075342</v>
      </c>
      <c r="J4627">
        <f t="shared" si="518"/>
        <v>1.0702693007691781</v>
      </c>
      <c r="K4627">
        <f t="shared" si="519"/>
        <v>1.6054039511537672</v>
      </c>
      <c r="L4627">
        <f t="shared" si="520"/>
        <v>7.7059389655380821</v>
      </c>
      <c r="M4627">
        <f t="shared" si="521"/>
        <v>0</v>
      </c>
      <c r="N4627" s="46">
        <f t="shared" si="522"/>
        <v>45483.374999988861</v>
      </c>
    </row>
    <row r="4628" spans="2:14" x14ac:dyDescent="0.3">
      <c r="B4628">
        <f t="shared" si="516"/>
        <v>3</v>
      </c>
      <c r="C4628" s="16">
        <v>4594</v>
      </c>
      <c r="D4628" cm="1">
        <f t="array" ref="D4628">IFERROR(INDEX(Jesper!AH$2:AH$366,ROUNDDOWN($C4628/24,0)+1,1)*INDEX($D$3:$AA$30,INDEX(Jesper!$R$2:$R$366,ROW(INDEX(Jesper!AH$2:AH$366,ROUNDDOWN($C4628/24,0)+1,1))-1)+IF('Standard Profiles'!$G$18=$B$10,7,0)+IF('Standard Profiles'!$G$18=$B$17,14,0)+IF('Standard Profiles'!$G$18=$B$24,21,0),MOD($C4628,24)+1)/SUM(INDEX($D$3:$AA$30,INDEX(Jesper!$R$2:$R$366,ROW(INDEX(Jesper!AH$2:AH$366,ROUNDDOWN($C4628/24,0)+1,1))-1)+IF('Standard Profiles'!$G$18=$B$10,7,0)+IF('Standard Profiles'!$G$18=$B$17,14,0)+IF('Standard Profiles'!$G$18=$B$24,21,0),0)),0)</f>
        <v>11.594584091666096</v>
      </c>
      <c r="E4628" cm="1">
        <f t="array" ref="E4628">IFERROR(INDEX(Jesper!AI$2:AI$366,ROUNDDOWN($C4628/24,0)+1,1)*INDEX($D$3:$AA$30,INDEX(Jesper!$R$2:$R$366,ROW(INDEX(Jesper!AI$2:AI$366,ROUNDDOWN($C4628/24,0)+1,1))-1)+IF('Standard Profiles'!$G$19=$B$10,7,0)+IF('Standard Profiles'!$G$19=$B$17,14,0)+IF('Standard Profiles'!$G$19=$B$24,21,0),MOD($C4628,24)+1)/SUM(INDEX($D$3:$AA$30,INDEX(Jesper!$R$2:$R$366,ROW(INDEX(Jesper!AI$2:AI$366,ROUNDDOWN($C4628/24,0)+1,1))-1)+IF('Standard Profiles'!$G$19=$B$10,7,0)+IF('Standard Profiles'!$G$19=$B$17,14,0)+IF('Standard Profiles'!$G$19=$B$24,21,0),0)),0)</f>
        <v>0</v>
      </c>
      <c r="F4628" cm="1">
        <f t="array" ref="F4628">IFERROR(INDEX(Jesper!AJ$2:AJ$366,ROUNDDOWN($C4628/24,0)+1,1)*INDEX($D$3:$AA$30,INDEX(Jesper!$R$2:$R$366,ROW(INDEX(Jesper!AJ$2:AJ$366,ROUNDDOWN($C4628/24,0)+1,1))-1)+IF('Standard Profiles'!$G$20=$B$10,7,0)+IF('Standard Profiles'!$G$20=$B$17,14,0)+IF('Standard Profiles'!$G$20=$B$24,21,0),MOD($C4628,24)+1)/SUM(INDEX($D$3:$AA$30,INDEX(Jesper!$R$2:$R$366,ROW(INDEX(Jesper!AJ$2:AJ$366,ROUNDDOWN($C4628/24,0)+1,1))-1)+IF('Standard Profiles'!$G$20=$B$10,7,0)+IF('Standard Profiles'!$G$20=$B$17,14,0)+IF('Standard Profiles'!$G$20=$B$24,21,0),0)),0)</f>
        <v>0</v>
      </c>
      <c r="G4628" cm="1">
        <f t="array" ref="G4628">IFERROR(INDEX(Jesper!AK$2:AK$366,ROUNDDOWN($C4628/24,0)+1,1)*INDEX($D$3:$AA$30,INDEX(Jesper!$R$2:$R$366,ROW(INDEX(Jesper!AK$2:AK$366,ROUNDDOWN($C4628/24,0)+1,1))-1)+IF('Standard Profiles'!$G$21=$B$10,7,0)+IF('Standard Profiles'!$G$21=$B$17,14,0)+IF('Standard Profiles'!$G$21=$B$24,21,0),MOD($C4628,24)+1)/SUM(INDEX($D$3:$AA$30,INDEX(Jesper!$R$2:$R$366,ROW(INDEX(Jesper!AK$2:AK$366,ROUNDDOWN($C4628/24,0)+1,1))-1)+IF('Standard Profiles'!$G$21=$B$10,7,0)+IF('Standard Profiles'!$G$21=$B$17,14,0)+IF('Standard Profiles'!$G$21=$B$24,21,0),0)),0)</f>
        <v>0</v>
      </c>
      <c r="H4628" cm="1">
        <f t="array" ref="H4628">IFERROR(INDEX(Jesper!AL$2:AL$366,ROUNDDOWN($C4628/24,0)+1,1)*INDEX($D$3:$AA$30,INDEX(Jesper!$R$2:$R$366,ROW(INDEX(Jesper!AL$2:AL$366,ROUNDDOWN($C4628/24,0)+1,1))-1)+IF('Standard Profiles'!$G$22=$B$10,7,0)+IF('Standard Profiles'!$G$22=$B$17,14,0)+IF('Standard Profiles'!$G$22=$B$24,21,0),MOD($C4628,24)+1)/SUM(INDEX($D$3:$AA$30,INDEX(Jesper!$R$2:$R$366,ROW(INDEX(Jesper!AL$2:AL$366,ROUNDDOWN($C4628/24,0)+1,1))-1)+IF('Standard Profiles'!$G$22=$B$10,7,0)+IF('Standard Profiles'!$G$22=$B$17,14,0)+IF('Standard Profiles'!$G$22=$B$24,21,0),0)),0)</f>
        <v>0</v>
      </c>
      <c r="I4628">
        <f t="shared" si="517"/>
        <v>0.34783752274998286</v>
      </c>
      <c r="J4628">
        <f t="shared" si="518"/>
        <v>1.1594584091666096</v>
      </c>
      <c r="K4628">
        <f t="shared" si="519"/>
        <v>1.7391876137499145</v>
      </c>
      <c r="L4628">
        <f t="shared" si="520"/>
        <v>8.3481005459995892</v>
      </c>
      <c r="M4628">
        <f t="shared" si="521"/>
        <v>0</v>
      </c>
      <c r="N4628" s="46">
        <f t="shared" si="522"/>
        <v>45483.416666655525</v>
      </c>
    </row>
    <row r="4629" spans="2:14" x14ac:dyDescent="0.3">
      <c r="B4629">
        <f t="shared" si="516"/>
        <v>3</v>
      </c>
      <c r="C4629" s="16">
        <v>4595</v>
      </c>
      <c r="D4629" cm="1">
        <f t="array" ref="D4629">IFERROR(INDEX(Jesper!AH$2:AH$366,ROUNDDOWN($C4629/24,0)+1,1)*INDEX($D$3:$AA$30,INDEX(Jesper!$R$2:$R$366,ROW(INDEX(Jesper!AH$2:AH$366,ROUNDDOWN($C4629/24,0)+1,1))-1)+IF('Standard Profiles'!$G$18=$B$10,7,0)+IF('Standard Profiles'!$G$18=$B$17,14,0)+IF('Standard Profiles'!$G$18=$B$24,21,0),MOD($C4629,24)+1)/SUM(INDEX($D$3:$AA$30,INDEX(Jesper!$R$2:$R$366,ROW(INDEX(Jesper!AH$2:AH$366,ROUNDDOWN($C4629/24,0)+1,1))-1)+IF('Standard Profiles'!$G$18=$B$10,7,0)+IF('Standard Profiles'!$G$18=$B$17,14,0)+IF('Standard Profiles'!$G$18=$B$24,21,0),0)),0)</f>
        <v>13.378366259614724</v>
      </c>
      <c r="E4629" cm="1">
        <f t="array" ref="E4629">IFERROR(INDEX(Jesper!AI$2:AI$366,ROUNDDOWN($C4629/24,0)+1,1)*INDEX($D$3:$AA$30,INDEX(Jesper!$R$2:$R$366,ROW(INDEX(Jesper!AI$2:AI$366,ROUNDDOWN($C4629/24,0)+1,1))-1)+IF('Standard Profiles'!$G$19=$B$10,7,0)+IF('Standard Profiles'!$G$19=$B$17,14,0)+IF('Standard Profiles'!$G$19=$B$24,21,0),MOD($C4629,24)+1)/SUM(INDEX($D$3:$AA$30,INDEX(Jesper!$R$2:$R$366,ROW(INDEX(Jesper!AI$2:AI$366,ROUNDDOWN($C4629/24,0)+1,1))-1)+IF('Standard Profiles'!$G$19=$B$10,7,0)+IF('Standard Profiles'!$G$19=$B$17,14,0)+IF('Standard Profiles'!$G$19=$B$24,21,0),0)),0)</f>
        <v>0</v>
      </c>
      <c r="F4629" cm="1">
        <f t="array" ref="F4629">IFERROR(INDEX(Jesper!AJ$2:AJ$366,ROUNDDOWN($C4629/24,0)+1,1)*INDEX($D$3:$AA$30,INDEX(Jesper!$R$2:$R$366,ROW(INDEX(Jesper!AJ$2:AJ$366,ROUNDDOWN($C4629/24,0)+1,1))-1)+IF('Standard Profiles'!$G$20=$B$10,7,0)+IF('Standard Profiles'!$G$20=$B$17,14,0)+IF('Standard Profiles'!$G$20=$B$24,21,0),MOD($C4629,24)+1)/SUM(INDEX($D$3:$AA$30,INDEX(Jesper!$R$2:$R$366,ROW(INDEX(Jesper!AJ$2:AJ$366,ROUNDDOWN($C4629/24,0)+1,1))-1)+IF('Standard Profiles'!$G$20=$B$10,7,0)+IF('Standard Profiles'!$G$20=$B$17,14,0)+IF('Standard Profiles'!$G$20=$B$24,21,0),0)),0)</f>
        <v>0</v>
      </c>
      <c r="G4629" cm="1">
        <f t="array" ref="G4629">IFERROR(INDEX(Jesper!AK$2:AK$366,ROUNDDOWN($C4629/24,0)+1,1)*INDEX($D$3:$AA$30,INDEX(Jesper!$R$2:$R$366,ROW(INDEX(Jesper!AK$2:AK$366,ROUNDDOWN($C4629/24,0)+1,1))-1)+IF('Standard Profiles'!$G$21=$B$10,7,0)+IF('Standard Profiles'!$G$21=$B$17,14,0)+IF('Standard Profiles'!$G$21=$B$24,21,0),MOD($C4629,24)+1)/SUM(INDEX($D$3:$AA$30,INDEX(Jesper!$R$2:$R$366,ROW(INDEX(Jesper!AK$2:AK$366,ROUNDDOWN($C4629/24,0)+1,1))-1)+IF('Standard Profiles'!$G$21=$B$10,7,0)+IF('Standard Profiles'!$G$21=$B$17,14,0)+IF('Standard Profiles'!$G$21=$B$24,21,0),0)),0)</f>
        <v>0</v>
      </c>
      <c r="H4629" cm="1">
        <f t="array" ref="H4629">IFERROR(INDEX(Jesper!AL$2:AL$366,ROUNDDOWN($C4629/24,0)+1,1)*INDEX($D$3:$AA$30,INDEX(Jesper!$R$2:$R$366,ROW(INDEX(Jesper!AL$2:AL$366,ROUNDDOWN($C4629/24,0)+1,1))-1)+IF('Standard Profiles'!$G$22=$B$10,7,0)+IF('Standard Profiles'!$G$22=$B$17,14,0)+IF('Standard Profiles'!$G$22=$B$24,21,0),MOD($C4629,24)+1)/SUM(INDEX($D$3:$AA$30,INDEX(Jesper!$R$2:$R$366,ROW(INDEX(Jesper!AL$2:AL$366,ROUNDDOWN($C4629/24,0)+1,1))-1)+IF('Standard Profiles'!$G$22=$B$10,7,0)+IF('Standard Profiles'!$G$22=$B$17,14,0)+IF('Standard Profiles'!$G$22=$B$24,21,0),0)),0)</f>
        <v>0</v>
      </c>
      <c r="I4629">
        <f t="shared" si="517"/>
        <v>0.40135098778844169</v>
      </c>
      <c r="J4629">
        <f t="shared" si="518"/>
        <v>1.3378366259614725</v>
      </c>
      <c r="K4629">
        <f t="shared" si="519"/>
        <v>2.0067549389422084</v>
      </c>
      <c r="L4629">
        <f t="shared" si="520"/>
        <v>9.6324237069226015</v>
      </c>
      <c r="M4629">
        <f t="shared" si="521"/>
        <v>0</v>
      </c>
      <c r="N4629" s="46">
        <f t="shared" si="522"/>
        <v>45483.458333322189</v>
      </c>
    </row>
    <row r="4630" spans="2:14" x14ac:dyDescent="0.3">
      <c r="B4630">
        <f t="shared" si="516"/>
        <v>3</v>
      </c>
      <c r="C4630" s="16">
        <v>4596</v>
      </c>
      <c r="D4630" cm="1">
        <f t="array" ref="D4630">IFERROR(INDEX(Jesper!AH$2:AH$366,ROUNDDOWN($C4630/24,0)+1,1)*INDEX($D$3:$AA$30,INDEX(Jesper!$R$2:$R$366,ROW(INDEX(Jesper!AH$2:AH$366,ROUNDDOWN($C4630/24,0)+1,1))-1)+IF('Standard Profiles'!$G$18=$B$10,7,0)+IF('Standard Profiles'!$G$18=$B$17,14,0)+IF('Standard Profiles'!$G$18=$B$24,21,0),MOD($C4630,24)+1)/SUM(INDEX($D$3:$AA$30,INDEX(Jesper!$R$2:$R$366,ROW(INDEX(Jesper!AH$2:AH$366,ROUNDDOWN($C4630/24,0)+1,1))-1)+IF('Standard Profiles'!$G$18=$B$10,7,0)+IF('Standard Profiles'!$G$18=$B$17,14,0)+IF('Standard Profiles'!$G$18=$B$24,21,0),0)),0)</f>
        <v>13.378366259614724</v>
      </c>
      <c r="E4630" cm="1">
        <f t="array" ref="E4630">IFERROR(INDEX(Jesper!AI$2:AI$366,ROUNDDOWN($C4630/24,0)+1,1)*INDEX($D$3:$AA$30,INDEX(Jesper!$R$2:$R$366,ROW(INDEX(Jesper!AI$2:AI$366,ROUNDDOWN($C4630/24,0)+1,1))-1)+IF('Standard Profiles'!$G$19=$B$10,7,0)+IF('Standard Profiles'!$G$19=$B$17,14,0)+IF('Standard Profiles'!$G$19=$B$24,21,0),MOD($C4630,24)+1)/SUM(INDEX($D$3:$AA$30,INDEX(Jesper!$R$2:$R$366,ROW(INDEX(Jesper!AI$2:AI$366,ROUNDDOWN($C4630/24,0)+1,1))-1)+IF('Standard Profiles'!$G$19=$B$10,7,0)+IF('Standard Profiles'!$G$19=$B$17,14,0)+IF('Standard Profiles'!$G$19=$B$24,21,0),0)),0)</f>
        <v>0</v>
      </c>
      <c r="F4630" cm="1">
        <f t="array" ref="F4630">IFERROR(INDEX(Jesper!AJ$2:AJ$366,ROUNDDOWN($C4630/24,0)+1,1)*INDEX($D$3:$AA$30,INDEX(Jesper!$R$2:$R$366,ROW(INDEX(Jesper!AJ$2:AJ$366,ROUNDDOWN($C4630/24,0)+1,1))-1)+IF('Standard Profiles'!$G$20=$B$10,7,0)+IF('Standard Profiles'!$G$20=$B$17,14,0)+IF('Standard Profiles'!$G$20=$B$24,21,0),MOD($C4630,24)+1)/SUM(INDEX($D$3:$AA$30,INDEX(Jesper!$R$2:$R$366,ROW(INDEX(Jesper!AJ$2:AJ$366,ROUNDDOWN($C4630/24,0)+1,1))-1)+IF('Standard Profiles'!$G$20=$B$10,7,0)+IF('Standard Profiles'!$G$20=$B$17,14,0)+IF('Standard Profiles'!$G$20=$B$24,21,0),0)),0)</f>
        <v>0</v>
      </c>
      <c r="G4630" cm="1">
        <f t="array" ref="G4630">IFERROR(INDEX(Jesper!AK$2:AK$366,ROUNDDOWN($C4630/24,0)+1,1)*INDEX($D$3:$AA$30,INDEX(Jesper!$R$2:$R$366,ROW(INDEX(Jesper!AK$2:AK$366,ROUNDDOWN($C4630/24,0)+1,1))-1)+IF('Standard Profiles'!$G$21=$B$10,7,0)+IF('Standard Profiles'!$G$21=$B$17,14,0)+IF('Standard Profiles'!$G$21=$B$24,21,0),MOD($C4630,24)+1)/SUM(INDEX($D$3:$AA$30,INDEX(Jesper!$R$2:$R$366,ROW(INDEX(Jesper!AK$2:AK$366,ROUNDDOWN($C4630/24,0)+1,1))-1)+IF('Standard Profiles'!$G$21=$B$10,7,0)+IF('Standard Profiles'!$G$21=$B$17,14,0)+IF('Standard Profiles'!$G$21=$B$24,21,0),0)),0)</f>
        <v>0</v>
      </c>
      <c r="H4630" cm="1">
        <f t="array" ref="H4630">IFERROR(INDEX(Jesper!AL$2:AL$366,ROUNDDOWN($C4630/24,0)+1,1)*INDEX($D$3:$AA$30,INDEX(Jesper!$R$2:$R$366,ROW(INDEX(Jesper!AL$2:AL$366,ROUNDDOWN($C4630/24,0)+1,1))-1)+IF('Standard Profiles'!$G$22=$B$10,7,0)+IF('Standard Profiles'!$G$22=$B$17,14,0)+IF('Standard Profiles'!$G$22=$B$24,21,0),MOD($C4630,24)+1)/SUM(INDEX($D$3:$AA$30,INDEX(Jesper!$R$2:$R$366,ROW(INDEX(Jesper!AL$2:AL$366,ROUNDDOWN($C4630/24,0)+1,1))-1)+IF('Standard Profiles'!$G$22=$B$10,7,0)+IF('Standard Profiles'!$G$22=$B$17,14,0)+IF('Standard Profiles'!$G$22=$B$24,21,0),0)),0)</f>
        <v>0</v>
      </c>
      <c r="I4630">
        <f t="shared" si="517"/>
        <v>0.40135098778844169</v>
      </c>
      <c r="J4630">
        <f t="shared" si="518"/>
        <v>1.3378366259614725</v>
      </c>
      <c r="K4630">
        <f t="shared" si="519"/>
        <v>2.0067549389422084</v>
      </c>
      <c r="L4630">
        <f t="shared" si="520"/>
        <v>9.6324237069226015</v>
      </c>
      <c r="M4630">
        <f t="shared" si="521"/>
        <v>0</v>
      </c>
      <c r="N4630" s="46">
        <f t="shared" si="522"/>
        <v>45483.499999988853</v>
      </c>
    </row>
    <row r="4631" spans="2:14" x14ac:dyDescent="0.3">
      <c r="B4631">
        <f t="shared" si="516"/>
        <v>3</v>
      </c>
      <c r="C4631" s="16">
        <v>4597</v>
      </c>
      <c r="D4631" cm="1">
        <f t="array" ref="D4631">IFERROR(INDEX(Jesper!AH$2:AH$366,ROUNDDOWN($C4631/24,0)+1,1)*INDEX($D$3:$AA$30,INDEX(Jesper!$R$2:$R$366,ROW(INDEX(Jesper!AH$2:AH$366,ROUNDDOWN($C4631/24,0)+1,1))-1)+IF('Standard Profiles'!$G$18=$B$10,7,0)+IF('Standard Profiles'!$G$18=$B$17,14,0)+IF('Standard Profiles'!$G$18=$B$24,21,0),MOD($C4631,24)+1)/SUM(INDEX($D$3:$AA$30,INDEX(Jesper!$R$2:$R$366,ROW(INDEX(Jesper!AH$2:AH$366,ROUNDDOWN($C4631/24,0)+1,1))-1)+IF('Standard Profiles'!$G$18=$B$10,7,0)+IF('Standard Profiles'!$G$18=$B$17,14,0)+IF('Standard Profiles'!$G$18=$B$24,21,0),0)),0)</f>
        <v>13.378366259614724</v>
      </c>
      <c r="E4631" cm="1">
        <f t="array" ref="E4631">IFERROR(INDEX(Jesper!AI$2:AI$366,ROUNDDOWN($C4631/24,0)+1,1)*INDEX($D$3:$AA$30,INDEX(Jesper!$R$2:$R$366,ROW(INDEX(Jesper!AI$2:AI$366,ROUNDDOWN($C4631/24,0)+1,1))-1)+IF('Standard Profiles'!$G$19=$B$10,7,0)+IF('Standard Profiles'!$G$19=$B$17,14,0)+IF('Standard Profiles'!$G$19=$B$24,21,0),MOD($C4631,24)+1)/SUM(INDEX($D$3:$AA$30,INDEX(Jesper!$R$2:$R$366,ROW(INDEX(Jesper!AI$2:AI$366,ROUNDDOWN($C4631/24,0)+1,1))-1)+IF('Standard Profiles'!$G$19=$B$10,7,0)+IF('Standard Profiles'!$G$19=$B$17,14,0)+IF('Standard Profiles'!$G$19=$B$24,21,0),0)),0)</f>
        <v>0</v>
      </c>
      <c r="F4631" cm="1">
        <f t="array" ref="F4631">IFERROR(INDEX(Jesper!AJ$2:AJ$366,ROUNDDOWN($C4631/24,0)+1,1)*INDEX($D$3:$AA$30,INDEX(Jesper!$R$2:$R$366,ROW(INDEX(Jesper!AJ$2:AJ$366,ROUNDDOWN($C4631/24,0)+1,1))-1)+IF('Standard Profiles'!$G$20=$B$10,7,0)+IF('Standard Profiles'!$G$20=$B$17,14,0)+IF('Standard Profiles'!$G$20=$B$24,21,0),MOD($C4631,24)+1)/SUM(INDEX($D$3:$AA$30,INDEX(Jesper!$R$2:$R$366,ROW(INDEX(Jesper!AJ$2:AJ$366,ROUNDDOWN($C4631/24,0)+1,1))-1)+IF('Standard Profiles'!$G$20=$B$10,7,0)+IF('Standard Profiles'!$G$20=$B$17,14,0)+IF('Standard Profiles'!$G$20=$B$24,21,0),0)),0)</f>
        <v>0</v>
      </c>
      <c r="G4631" cm="1">
        <f t="array" ref="G4631">IFERROR(INDEX(Jesper!AK$2:AK$366,ROUNDDOWN($C4631/24,0)+1,1)*INDEX($D$3:$AA$30,INDEX(Jesper!$R$2:$R$366,ROW(INDEX(Jesper!AK$2:AK$366,ROUNDDOWN($C4631/24,0)+1,1))-1)+IF('Standard Profiles'!$G$21=$B$10,7,0)+IF('Standard Profiles'!$G$21=$B$17,14,0)+IF('Standard Profiles'!$G$21=$B$24,21,0),MOD($C4631,24)+1)/SUM(INDEX($D$3:$AA$30,INDEX(Jesper!$R$2:$R$366,ROW(INDEX(Jesper!AK$2:AK$366,ROUNDDOWN($C4631/24,0)+1,1))-1)+IF('Standard Profiles'!$G$21=$B$10,7,0)+IF('Standard Profiles'!$G$21=$B$17,14,0)+IF('Standard Profiles'!$G$21=$B$24,21,0),0)),0)</f>
        <v>0</v>
      </c>
      <c r="H4631" cm="1">
        <f t="array" ref="H4631">IFERROR(INDEX(Jesper!AL$2:AL$366,ROUNDDOWN($C4631/24,0)+1,1)*INDEX($D$3:$AA$30,INDEX(Jesper!$R$2:$R$366,ROW(INDEX(Jesper!AL$2:AL$366,ROUNDDOWN($C4631/24,0)+1,1))-1)+IF('Standard Profiles'!$G$22=$B$10,7,0)+IF('Standard Profiles'!$G$22=$B$17,14,0)+IF('Standard Profiles'!$G$22=$B$24,21,0),MOD($C4631,24)+1)/SUM(INDEX($D$3:$AA$30,INDEX(Jesper!$R$2:$R$366,ROW(INDEX(Jesper!AL$2:AL$366,ROUNDDOWN($C4631/24,0)+1,1))-1)+IF('Standard Profiles'!$G$22=$B$10,7,0)+IF('Standard Profiles'!$G$22=$B$17,14,0)+IF('Standard Profiles'!$G$22=$B$24,21,0),0)),0)</f>
        <v>0</v>
      </c>
      <c r="I4631">
        <f t="shared" si="517"/>
        <v>0.40135098778844169</v>
      </c>
      <c r="J4631">
        <f t="shared" si="518"/>
        <v>1.3378366259614725</v>
      </c>
      <c r="K4631">
        <f t="shared" si="519"/>
        <v>2.0067549389422084</v>
      </c>
      <c r="L4631">
        <f t="shared" si="520"/>
        <v>9.6324237069226015</v>
      </c>
      <c r="M4631">
        <f t="shared" si="521"/>
        <v>0</v>
      </c>
      <c r="N4631" s="46">
        <f t="shared" si="522"/>
        <v>45483.541666655517</v>
      </c>
    </row>
    <row r="4632" spans="2:14" x14ac:dyDescent="0.3">
      <c r="B4632">
        <f t="shared" si="516"/>
        <v>3</v>
      </c>
      <c r="C4632" s="16">
        <v>4598</v>
      </c>
      <c r="D4632" cm="1">
        <f t="array" ref="D4632">IFERROR(INDEX(Jesper!AH$2:AH$366,ROUNDDOWN($C4632/24,0)+1,1)*INDEX($D$3:$AA$30,INDEX(Jesper!$R$2:$R$366,ROW(INDEX(Jesper!AH$2:AH$366,ROUNDDOWN($C4632/24,0)+1,1))-1)+IF('Standard Profiles'!$G$18=$B$10,7,0)+IF('Standard Profiles'!$G$18=$B$17,14,0)+IF('Standard Profiles'!$G$18=$B$24,21,0),MOD($C4632,24)+1)/SUM(INDEX($D$3:$AA$30,INDEX(Jesper!$R$2:$R$366,ROW(INDEX(Jesper!AH$2:AH$366,ROUNDDOWN($C4632/24,0)+1,1))-1)+IF('Standard Profiles'!$G$18=$B$10,7,0)+IF('Standard Profiles'!$G$18=$B$17,14,0)+IF('Standard Profiles'!$G$18=$B$24,21,0),0)),0)</f>
        <v>13.378366259614724</v>
      </c>
      <c r="E4632" cm="1">
        <f t="array" ref="E4632">IFERROR(INDEX(Jesper!AI$2:AI$366,ROUNDDOWN($C4632/24,0)+1,1)*INDEX($D$3:$AA$30,INDEX(Jesper!$R$2:$R$366,ROW(INDEX(Jesper!AI$2:AI$366,ROUNDDOWN($C4632/24,0)+1,1))-1)+IF('Standard Profiles'!$G$19=$B$10,7,0)+IF('Standard Profiles'!$G$19=$B$17,14,0)+IF('Standard Profiles'!$G$19=$B$24,21,0),MOD($C4632,24)+1)/SUM(INDEX($D$3:$AA$30,INDEX(Jesper!$R$2:$R$366,ROW(INDEX(Jesper!AI$2:AI$366,ROUNDDOWN($C4632/24,0)+1,1))-1)+IF('Standard Profiles'!$G$19=$B$10,7,0)+IF('Standard Profiles'!$G$19=$B$17,14,0)+IF('Standard Profiles'!$G$19=$B$24,21,0),0)),0)</f>
        <v>0</v>
      </c>
      <c r="F4632" cm="1">
        <f t="array" ref="F4632">IFERROR(INDEX(Jesper!AJ$2:AJ$366,ROUNDDOWN($C4632/24,0)+1,1)*INDEX($D$3:$AA$30,INDEX(Jesper!$R$2:$R$366,ROW(INDEX(Jesper!AJ$2:AJ$366,ROUNDDOWN($C4632/24,0)+1,1))-1)+IF('Standard Profiles'!$G$20=$B$10,7,0)+IF('Standard Profiles'!$G$20=$B$17,14,0)+IF('Standard Profiles'!$G$20=$B$24,21,0),MOD($C4632,24)+1)/SUM(INDEX($D$3:$AA$30,INDEX(Jesper!$R$2:$R$366,ROW(INDEX(Jesper!AJ$2:AJ$366,ROUNDDOWN($C4632/24,0)+1,1))-1)+IF('Standard Profiles'!$G$20=$B$10,7,0)+IF('Standard Profiles'!$G$20=$B$17,14,0)+IF('Standard Profiles'!$G$20=$B$24,21,0),0)),0)</f>
        <v>0</v>
      </c>
      <c r="G4632" cm="1">
        <f t="array" ref="G4632">IFERROR(INDEX(Jesper!AK$2:AK$366,ROUNDDOWN($C4632/24,0)+1,1)*INDEX($D$3:$AA$30,INDEX(Jesper!$R$2:$R$366,ROW(INDEX(Jesper!AK$2:AK$366,ROUNDDOWN($C4632/24,0)+1,1))-1)+IF('Standard Profiles'!$G$21=$B$10,7,0)+IF('Standard Profiles'!$G$21=$B$17,14,0)+IF('Standard Profiles'!$G$21=$B$24,21,0),MOD($C4632,24)+1)/SUM(INDEX($D$3:$AA$30,INDEX(Jesper!$R$2:$R$366,ROW(INDEX(Jesper!AK$2:AK$366,ROUNDDOWN($C4632/24,0)+1,1))-1)+IF('Standard Profiles'!$G$21=$B$10,7,0)+IF('Standard Profiles'!$G$21=$B$17,14,0)+IF('Standard Profiles'!$G$21=$B$24,21,0),0)),0)</f>
        <v>0</v>
      </c>
      <c r="H4632" cm="1">
        <f t="array" ref="H4632">IFERROR(INDEX(Jesper!AL$2:AL$366,ROUNDDOWN($C4632/24,0)+1,1)*INDEX($D$3:$AA$30,INDEX(Jesper!$R$2:$R$366,ROW(INDEX(Jesper!AL$2:AL$366,ROUNDDOWN($C4632/24,0)+1,1))-1)+IF('Standard Profiles'!$G$22=$B$10,7,0)+IF('Standard Profiles'!$G$22=$B$17,14,0)+IF('Standard Profiles'!$G$22=$B$24,21,0),MOD($C4632,24)+1)/SUM(INDEX($D$3:$AA$30,INDEX(Jesper!$R$2:$R$366,ROW(INDEX(Jesper!AL$2:AL$366,ROUNDDOWN($C4632/24,0)+1,1))-1)+IF('Standard Profiles'!$G$22=$B$10,7,0)+IF('Standard Profiles'!$G$22=$B$17,14,0)+IF('Standard Profiles'!$G$22=$B$24,21,0),0)),0)</f>
        <v>0</v>
      </c>
      <c r="I4632">
        <f t="shared" si="517"/>
        <v>0.40135098778844169</v>
      </c>
      <c r="J4632">
        <f t="shared" si="518"/>
        <v>1.3378366259614725</v>
      </c>
      <c r="K4632">
        <f t="shared" si="519"/>
        <v>2.0067549389422084</v>
      </c>
      <c r="L4632">
        <f t="shared" si="520"/>
        <v>9.6324237069226015</v>
      </c>
      <c r="M4632">
        <f t="shared" si="521"/>
        <v>0</v>
      </c>
      <c r="N4632" s="46">
        <f t="shared" si="522"/>
        <v>45483.583333322182</v>
      </c>
    </row>
    <row r="4633" spans="2:14" x14ac:dyDescent="0.3">
      <c r="B4633">
        <f t="shared" si="516"/>
        <v>3</v>
      </c>
      <c r="C4633" s="16">
        <v>4599</v>
      </c>
      <c r="D4633" cm="1">
        <f t="array" ref="D4633">IFERROR(INDEX(Jesper!AH$2:AH$366,ROUNDDOWN($C4633/24,0)+1,1)*INDEX($D$3:$AA$30,INDEX(Jesper!$R$2:$R$366,ROW(INDEX(Jesper!AH$2:AH$366,ROUNDDOWN($C4633/24,0)+1,1))-1)+IF('Standard Profiles'!$G$18=$B$10,7,0)+IF('Standard Profiles'!$G$18=$B$17,14,0)+IF('Standard Profiles'!$G$18=$B$24,21,0),MOD($C4633,24)+1)/SUM(INDEX($D$3:$AA$30,INDEX(Jesper!$R$2:$R$366,ROW(INDEX(Jesper!AH$2:AH$366,ROUNDDOWN($C4633/24,0)+1,1))-1)+IF('Standard Profiles'!$G$18=$B$10,7,0)+IF('Standard Profiles'!$G$18=$B$17,14,0)+IF('Standard Profiles'!$G$18=$B$24,21,0),0)),0)</f>
        <v>13.378366259614724</v>
      </c>
      <c r="E4633" cm="1">
        <f t="array" ref="E4633">IFERROR(INDEX(Jesper!AI$2:AI$366,ROUNDDOWN($C4633/24,0)+1,1)*INDEX($D$3:$AA$30,INDEX(Jesper!$R$2:$R$366,ROW(INDEX(Jesper!AI$2:AI$366,ROUNDDOWN($C4633/24,0)+1,1))-1)+IF('Standard Profiles'!$G$19=$B$10,7,0)+IF('Standard Profiles'!$G$19=$B$17,14,0)+IF('Standard Profiles'!$G$19=$B$24,21,0),MOD($C4633,24)+1)/SUM(INDEX($D$3:$AA$30,INDEX(Jesper!$R$2:$R$366,ROW(INDEX(Jesper!AI$2:AI$366,ROUNDDOWN($C4633/24,0)+1,1))-1)+IF('Standard Profiles'!$G$19=$B$10,7,0)+IF('Standard Profiles'!$G$19=$B$17,14,0)+IF('Standard Profiles'!$G$19=$B$24,21,0),0)),0)</f>
        <v>0</v>
      </c>
      <c r="F4633" cm="1">
        <f t="array" ref="F4633">IFERROR(INDEX(Jesper!AJ$2:AJ$366,ROUNDDOWN($C4633/24,0)+1,1)*INDEX($D$3:$AA$30,INDEX(Jesper!$R$2:$R$366,ROW(INDEX(Jesper!AJ$2:AJ$366,ROUNDDOWN($C4633/24,0)+1,1))-1)+IF('Standard Profiles'!$G$20=$B$10,7,0)+IF('Standard Profiles'!$G$20=$B$17,14,0)+IF('Standard Profiles'!$G$20=$B$24,21,0),MOD($C4633,24)+1)/SUM(INDEX($D$3:$AA$30,INDEX(Jesper!$R$2:$R$366,ROW(INDEX(Jesper!AJ$2:AJ$366,ROUNDDOWN($C4633/24,0)+1,1))-1)+IF('Standard Profiles'!$G$20=$B$10,7,0)+IF('Standard Profiles'!$G$20=$B$17,14,0)+IF('Standard Profiles'!$G$20=$B$24,21,0),0)),0)</f>
        <v>0</v>
      </c>
      <c r="G4633" cm="1">
        <f t="array" ref="G4633">IFERROR(INDEX(Jesper!AK$2:AK$366,ROUNDDOWN($C4633/24,0)+1,1)*INDEX($D$3:$AA$30,INDEX(Jesper!$R$2:$R$366,ROW(INDEX(Jesper!AK$2:AK$366,ROUNDDOWN($C4633/24,0)+1,1))-1)+IF('Standard Profiles'!$G$21=$B$10,7,0)+IF('Standard Profiles'!$G$21=$B$17,14,0)+IF('Standard Profiles'!$G$21=$B$24,21,0),MOD($C4633,24)+1)/SUM(INDEX($D$3:$AA$30,INDEX(Jesper!$R$2:$R$366,ROW(INDEX(Jesper!AK$2:AK$366,ROUNDDOWN($C4633/24,0)+1,1))-1)+IF('Standard Profiles'!$G$21=$B$10,7,0)+IF('Standard Profiles'!$G$21=$B$17,14,0)+IF('Standard Profiles'!$G$21=$B$24,21,0),0)),0)</f>
        <v>0</v>
      </c>
      <c r="H4633" cm="1">
        <f t="array" ref="H4633">IFERROR(INDEX(Jesper!AL$2:AL$366,ROUNDDOWN($C4633/24,0)+1,1)*INDEX($D$3:$AA$30,INDEX(Jesper!$R$2:$R$366,ROW(INDEX(Jesper!AL$2:AL$366,ROUNDDOWN($C4633/24,0)+1,1))-1)+IF('Standard Profiles'!$G$22=$B$10,7,0)+IF('Standard Profiles'!$G$22=$B$17,14,0)+IF('Standard Profiles'!$G$22=$B$24,21,0),MOD($C4633,24)+1)/SUM(INDEX($D$3:$AA$30,INDEX(Jesper!$R$2:$R$366,ROW(INDEX(Jesper!AL$2:AL$366,ROUNDDOWN($C4633/24,0)+1,1))-1)+IF('Standard Profiles'!$G$22=$B$10,7,0)+IF('Standard Profiles'!$G$22=$B$17,14,0)+IF('Standard Profiles'!$G$22=$B$24,21,0),0)),0)</f>
        <v>0</v>
      </c>
      <c r="I4633">
        <f t="shared" si="517"/>
        <v>0.40135098778844169</v>
      </c>
      <c r="J4633">
        <f t="shared" si="518"/>
        <v>1.3378366259614725</v>
      </c>
      <c r="K4633">
        <f t="shared" si="519"/>
        <v>2.0067549389422084</v>
      </c>
      <c r="L4633">
        <f t="shared" si="520"/>
        <v>9.6324237069226015</v>
      </c>
      <c r="M4633">
        <f t="shared" si="521"/>
        <v>0</v>
      </c>
      <c r="N4633" s="46">
        <f t="shared" si="522"/>
        <v>45483.624999988846</v>
      </c>
    </row>
    <row r="4634" spans="2:14" x14ac:dyDescent="0.3">
      <c r="B4634">
        <f t="shared" si="516"/>
        <v>3</v>
      </c>
      <c r="C4634" s="16">
        <v>4600</v>
      </c>
      <c r="D4634" cm="1">
        <f t="array" ref="D4634">IFERROR(INDEX(Jesper!AH$2:AH$366,ROUNDDOWN($C4634/24,0)+1,1)*INDEX($D$3:$AA$30,INDEX(Jesper!$R$2:$R$366,ROW(INDEX(Jesper!AH$2:AH$366,ROUNDDOWN($C4634/24,0)+1,1))-1)+IF('Standard Profiles'!$G$18=$B$10,7,0)+IF('Standard Profiles'!$G$18=$B$17,14,0)+IF('Standard Profiles'!$G$18=$B$24,21,0),MOD($C4634,24)+1)/SUM(INDEX($D$3:$AA$30,INDEX(Jesper!$R$2:$R$366,ROW(INDEX(Jesper!AH$2:AH$366,ROUNDDOWN($C4634/24,0)+1,1))-1)+IF('Standard Profiles'!$G$18=$B$10,7,0)+IF('Standard Profiles'!$G$18=$B$17,14,0)+IF('Standard Profiles'!$G$18=$B$24,21,0),0)),0)</f>
        <v>13.378366259614724</v>
      </c>
      <c r="E4634" cm="1">
        <f t="array" ref="E4634">IFERROR(INDEX(Jesper!AI$2:AI$366,ROUNDDOWN($C4634/24,0)+1,1)*INDEX($D$3:$AA$30,INDEX(Jesper!$R$2:$R$366,ROW(INDEX(Jesper!AI$2:AI$366,ROUNDDOWN($C4634/24,0)+1,1))-1)+IF('Standard Profiles'!$G$19=$B$10,7,0)+IF('Standard Profiles'!$G$19=$B$17,14,0)+IF('Standard Profiles'!$G$19=$B$24,21,0),MOD($C4634,24)+1)/SUM(INDEX($D$3:$AA$30,INDEX(Jesper!$R$2:$R$366,ROW(INDEX(Jesper!AI$2:AI$366,ROUNDDOWN($C4634/24,0)+1,1))-1)+IF('Standard Profiles'!$G$19=$B$10,7,0)+IF('Standard Profiles'!$G$19=$B$17,14,0)+IF('Standard Profiles'!$G$19=$B$24,21,0),0)),0)</f>
        <v>0</v>
      </c>
      <c r="F4634" cm="1">
        <f t="array" ref="F4634">IFERROR(INDEX(Jesper!AJ$2:AJ$366,ROUNDDOWN($C4634/24,0)+1,1)*INDEX($D$3:$AA$30,INDEX(Jesper!$R$2:$R$366,ROW(INDEX(Jesper!AJ$2:AJ$366,ROUNDDOWN($C4634/24,0)+1,1))-1)+IF('Standard Profiles'!$G$20=$B$10,7,0)+IF('Standard Profiles'!$G$20=$B$17,14,0)+IF('Standard Profiles'!$G$20=$B$24,21,0),MOD($C4634,24)+1)/SUM(INDEX($D$3:$AA$30,INDEX(Jesper!$R$2:$R$366,ROW(INDEX(Jesper!AJ$2:AJ$366,ROUNDDOWN($C4634/24,0)+1,1))-1)+IF('Standard Profiles'!$G$20=$B$10,7,0)+IF('Standard Profiles'!$G$20=$B$17,14,0)+IF('Standard Profiles'!$G$20=$B$24,21,0),0)),0)</f>
        <v>0</v>
      </c>
      <c r="G4634" cm="1">
        <f t="array" ref="G4634">IFERROR(INDEX(Jesper!AK$2:AK$366,ROUNDDOWN($C4634/24,0)+1,1)*INDEX($D$3:$AA$30,INDEX(Jesper!$R$2:$R$366,ROW(INDEX(Jesper!AK$2:AK$366,ROUNDDOWN($C4634/24,0)+1,1))-1)+IF('Standard Profiles'!$G$21=$B$10,7,0)+IF('Standard Profiles'!$G$21=$B$17,14,0)+IF('Standard Profiles'!$G$21=$B$24,21,0),MOD($C4634,24)+1)/SUM(INDEX($D$3:$AA$30,INDEX(Jesper!$R$2:$R$366,ROW(INDEX(Jesper!AK$2:AK$366,ROUNDDOWN($C4634/24,0)+1,1))-1)+IF('Standard Profiles'!$G$21=$B$10,7,0)+IF('Standard Profiles'!$G$21=$B$17,14,0)+IF('Standard Profiles'!$G$21=$B$24,21,0),0)),0)</f>
        <v>0</v>
      </c>
      <c r="H4634" cm="1">
        <f t="array" ref="H4634">IFERROR(INDEX(Jesper!AL$2:AL$366,ROUNDDOWN($C4634/24,0)+1,1)*INDEX($D$3:$AA$30,INDEX(Jesper!$R$2:$R$366,ROW(INDEX(Jesper!AL$2:AL$366,ROUNDDOWN($C4634/24,0)+1,1))-1)+IF('Standard Profiles'!$G$22=$B$10,7,0)+IF('Standard Profiles'!$G$22=$B$17,14,0)+IF('Standard Profiles'!$G$22=$B$24,21,0),MOD($C4634,24)+1)/SUM(INDEX($D$3:$AA$30,INDEX(Jesper!$R$2:$R$366,ROW(INDEX(Jesper!AL$2:AL$366,ROUNDDOWN($C4634/24,0)+1,1))-1)+IF('Standard Profiles'!$G$22=$B$10,7,0)+IF('Standard Profiles'!$G$22=$B$17,14,0)+IF('Standard Profiles'!$G$22=$B$24,21,0),0)),0)</f>
        <v>0</v>
      </c>
      <c r="I4634">
        <f t="shared" si="517"/>
        <v>0.40135098778844169</v>
      </c>
      <c r="J4634">
        <f t="shared" si="518"/>
        <v>1.3378366259614725</v>
      </c>
      <c r="K4634">
        <f t="shared" si="519"/>
        <v>2.0067549389422084</v>
      </c>
      <c r="L4634">
        <f t="shared" si="520"/>
        <v>9.6324237069226015</v>
      </c>
      <c r="M4634">
        <f t="shared" si="521"/>
        <v>0</v>
      </c>
      <c r="N4634" s="46">
        <f t="shared" si="522"/>
        <v>45483.66666665551</v>
      </c>
    </row>
    <row r="4635" spans="2:14" x14ac:dyDescent="0.3">
      <c r="B4635">
        <f t="shared" si="516"/>
        <v>3</v>
      </c>
      <c r="C4635" s="16">
        <v>4601</v>
      </c>
      <c r="D4635" cm="1">
        <f t="array" ref="D4635">IFERROR(INDEX(Jesper!AH$2:AH$366,ROUNDDOWN($C4635/24,0)+1,1)*INDEX($D$3:$AA$30,INDEX(Jesper!$R$2:$R$366,ROW(INDEX(Jesper!AH$2:AH$366,ROUNDDOWN($C4635/24,0)+1,1))-1)+IF('Standard Profiles'!$G$18=$B$10,7,0)+IF('Standard Profiles'!$G$18=$B$17,14,0)+IF('Standard Profiles'!$G$18=$B$24,21,0),MOD($C4635,24)+1)/SUM(INDEX($D$3:$AA$30,INDEX(Jesper!$R$2:$R$366,ROW(INDEX(Jesper!AH$2:AH$366,ROUNDDOWN($C4635/24,0)+1,1))-1)+IF('Standard Profiles'!$G$18=$B$10,7,0)+IF('Standard Profiles'!$G$18=$B$17,14,0)+IF('Standard Profiles'!$G$18=$B$24,21,0),0)),0)</f>
        <v>13.378366259614724</v>
      </c>
      <c r="E4635" cm="1">
        <f t="array" ref="E4635">IFERROR(INDEX(Jesper!AI$2:AI$366,ROUNDDOWN($C4635/24,0)+1,1)*INDEX($D$3:$AA$30,INDEX(Jesper!$R$2:$R$366,ROW(INDEX(Jesper!AI$2:AI$366,ROUNDDOWN($C4635/24,0)+1,1))-1)+IF('Standard Profiles'!$G$19=$B$10,7,0)+IF('Standard Profiles'!$G$19=$B$17,14,0)+IF('Standard Profiles'!$G$19=$B$24,21,0),MOD($C4635,24)+1)/SUM(INDEX($D$3:$AA$30,INDEX(Jesper!$R$2:$R$366,ROW(INDEX(Jesper!AI$2:AI$366,ROUNDDOWN($C4635/24,0)+1,1))-1)+IF('Standard Profiles'!$G$19=$B$10,7,0)+IF('Standard Profiles'!$G$19=$B$17,14,0)+IF('Standard Profiles'!$G$19=$B$24,21,0),0)),0)</f>
        <v>0</v>
      </c>
      <c r="F4635" cm="1">
        <f t="array" ref="F4635">IFERROR(INDEX(Jesper!AJ$2:AJ$366,ROUNDDOWN($C4635/24,0)+1,1)*INDEX($D$3:$AA$30,INDEX(Jesper!$R$2:$R$366,ROW(INDEX(Jesper!AJ$2:AJ$366,ROUNDDOWN($C4635/24,0)+1,1))-1)+IF('Standard Profiles'!$G$20=$B$10,7,0)+IF('Standard Profiles'!$G$20=$B$17,14,0)+IF('Standard Profiles'!$G$20=$B$24,21,0),MOD($C4635,24)+1)/SUM(INDEX($D$3:$AA$30,INDEX(Jesper!$R$2:$R$366,ROW(INDEX(Jesper!AJ$2:AJ$366,ROUNDDOWN($C4635/24,0)+1,1))-1)+IF('Standard Profiles'!$G$20=$B$10,7,0)+IF('Standard Profiles'!$G$20=$B$17,14,0)+IF('Standard Profiles'!$G$20=$B$24,21,0),0)),0)</f>
        <v>0</v>
      </c>
      <c r="G4635" cm="1">
        <f t="array" ref="G4635">IFERROR(INDEX(Jesper!AK$2:AK$366,ROUNDDOWN($C4635/24,0)+1,1)*INDEX($D$3:$AA$30,INDEX(Jesper!$R$2:$R$366,ROW(INDEX(Jesper!AK$2:AK$366,ROUNDDOWN($C4635/24,0)+1,1))-1)+IF('Standard Profiles'!$G$21=$B$10,7,0)+IF('Standard Profiles'!$G$21=$B$17,14,0)+IF('Standard Profiles'!$G$21=$B$24,21,0),MOD($C4635,24)+1)/SUM(INDEX($D$3:$AA$30,INDEX(Jesper!$R$2:$R$366,ROW(INDEX(Jesper!AK$2:AK$366,ROUNDDOWN($C4635/24,0)+1,1))-1)+IF('Standard Profiles'!$G$21=$B$10,7,0)+IF('Standard Profiles'!$G$21=$B$17,14,0)+IF('Standard Profiles'!$G$21=$B$24,21,0),0)),0)</f>
        <v>0</v>
      </c>
      <c r="H4635" cm="1">
        <f t="array" ref="H4635">IFERROR(INDEX(Jesper!AL$2:AL$366,ROUNDDOWN($C4635/24,0)+1,1)*INDEX($D$3:$AA$30,INDEX(Jesper!$R$2:$R$366,ROW(INDEX(Jesper!AL$2:AL$366,ROUNDDOWN($C4635/24,0)+1,1))-1)+IF('Standard Profiles'!$G$22=$B$10,7,0)+IF('Standard Profiles'!$G$22=$B$17,14,0)+IF('Standard Profiles'!$G$22=$B$24,21,0),MOD($C4635,24)+1)/SUM(INDEX($D$3:$AA$30,INDEX(Jesper!$R$2:$R$366,ROW(INDEX(Jesper!AL$2:AL$366,ROUNDDOWN($C4635/24,0)+1,1))-1)+IF('Standard Profiles'!$G$22=$B$10,7,0)+IF('Standard Profiles'!$G$22=$B$17,14,0)+IF('Standard Profiles'!$G$22=$B$24,21,0),0)),0)</f>
        <v>0</v>
      </c>
      <c r="I4635">
        <f t="shared" si="517"/>
        <v>0.40135098778844169</v>
      </c>
      <c r="J4635">
        <f t="shared" si="518"/>
        <v>1.3378366259614725</v>
      </c>
      <c r="K4635">
        <f t="shared" si="519"/>
        <v>2.0067549389422084</v>
      </c>
      <c r="L4635">
        <f t="shared" si="520"/>
        <v>9.6324237069226015</v>
      </c>
      <c r="M4635">
        <f t="shared" si="521"/>
        <v>0</v>
      </c>
      <c r="N4635" s="46">
        <f t="shared" si="522"/>
        <v>45483.708333322174</v>
      </c>
    </row>
    <row r="4636" spans="2:14" x14ac:dyDescent="0.3">
      <c r="B4636">
        <f t="shared" si="516"/>
        <v>3</v>
      </c>
      <c r="C4636" s="16">
        <v>4602</v>
      </c>
      <c r="D4636" cm="1">
        <f t="array" ref="D4636">IFERROR(INDEX(Jesper!AH$2:AH$366,ROUNDDOWN($C4636/24,0)+1,1)*INDEX($D$3:$AA$30,INDEX(Jesper!$R$2:$R$366,ROW(INDEX(Jesper!AH$2:AH$366,ROUNDDOWN($C4636/24,0)+1,1))-1)+IF('Standard Profiles'!$G$18=$B$10,7,0)+IF('Standard Profiles'!$G$18=$B$17,14,0)+IF('Standard Profiles'!$G$18=$B$24,21,0),MOD($C4636,24)+1)/SUM(INDEX($D$3:$AA$30,INDEX(Jesper!$R$2:$R$366,ROW(INDEX(Jesper!AH$2:AH$366,ROUNDDOWN($C4636/24,0)+1,1))-1)+IF('Standard Profiles'!$G$18=$B$10,7,0)+IF('Standard Profiles'!$G$18=$B$17,14,0)+IF('Standard Profiles'!$G$18=$B$24,21,0),0)),0)</f>
        <v>13.378366259614724</v>
      </c>
      <c r="E4636" cm="1">
        <f t="array" ref="E4636">IFERROR(INDEX(Jesper!AI$2:AI$366,ROUNDDOWN($C4636/24,0)+1,1)*INDEX($D$3:$AA$30,INDEX(Jesper!$R$2:$R$366,ROW(INDEX(Jesper!AI$2:AI$366,ROUNDDOWN($C4636/24,0)+1,1))-1)+IF('Standard Profiles'!$G$19=$B$10,7,0)+IF('Standard Profiles'!$G$19=$B$17,14,0)+IF('Standard Profiles'!$G$19=$B$24,21,0),MOD($C4636,24)+1)/SUM(INDEX($D$3:$AA$30,INDEX(Jesper!$R$2:$R$366,ROW(INDEX(Jesper!AI$2:AI$366,ROUNDDOWN($C4636/24,0)+1,1))-1)+IF('Standard Profiles'!$G$19=$B$10,7,0)+IF('Standard Profiles'!$G$19=$B$17,14,0)+IF('Standard Profiles'!$G$19=$B$24,21,0),0)),0)</f>
        <v>0</v>
      </c>
      <c r="F4636" cm="1">
        <f t="array" ref="F4636">IFERROR(INDEX(Jesper!AJ$2:AJ$366,ROUNDDOWN($C4636/24,0)+1,1)*INDEX($D$3:$AA$30,INDEX(Jesper!$R$2:$R$366,ROW(INDEX(Jesper!AJ$2:AJ$366,ROUNDDOWN($C4636/24,0)+1,1))-1)+IF('Standard Profiles'!$G$20=$B$10,7,0)+IF('Standard Profiles'!$G$20=$B$17,14,0)+IF('Standard Profiles'!$G$20=$B$24,21,0),MOD($C4636,24)+1)/SUM(INDEX($D$3:$AA$30,INDEX(Jesper!$R$2:$R$366,ROW(INDEX(Jesper!AJ$2:AJ$366,ROUNDDOWN($C4636/24,0)+1,1))-1)+IF('Standard Profiles'!$G$20=$B$10,7,0)+IF('Standard Profiles'!$G$20=$B$17,14,0)+IF('Standard Profiles'!$G$20=$B$24,21,0),0)),0)</f>
        <v>0</v>
      </c>
      <c r="G4636" cm="1">
        <f t="array" ref="G4636">IFERROR(INDEX(Jesper!AK$2:AK$366,ROUNDDOWN($C4636/24,0)+1,1)*INDEX($D$3:$AA$30,INDEX(Jesper!$R$2:$R$366,ROW(INDEX(Jesper!AK$2:AK$366,ROUNDDOWN($C4636/24,0)+1,1))-1)+IF('Standard Profiles'!$G$21=$B$10,7,0)+IF('Standard Profiles'!$G$21=$B$17,14,0)+IF('Standard Profiles'!$G$21=$B$24,21,0),MOD($C4636,24)+1)/SUM(INDEX($D$3:$AA$30,INDEX(Jesper!$R$2:$R$366,ROW(INDEX(Jesper!AK$2:AK$366,ROUNDDOWN($C4636/24,0)+1,1))-1)+IF('Standard Profiles'!$G$21=$B$10,7,0)+IF('Standard Profiles'!$G$21=$B$17,14,0)+IF('Standard Profiles'!$G$21=$B$24,21,0),0)),0)</f>
        <v>0</v>
      </c>
      <c r="H4636" cm="1">
        <f t="array" ref="H4636">IFERROR(INDEX(Jesper!AL$2:AL$366,ROUNDDOWN($C4636/24,0)+1,1)*INDEX($D$3:$AA$30,INDEX(Jesper!$R$2:$R$366,ROW(INDEX(Jesper!AL$2:AL$366,ROUNDDOWN($C4636/24,0)+1,1))-1)+IF('Standard Profiles'!$G$22=$B$10,7,0)+IF('Standard Profiles'!$G$22=$B$17,14,0)+IF('Standard Profiles'!$G$22=$B$24,21,0),MOD($C4636,24)+1)/SUM(INDEX($D$3:$AA$30,INDEX(Jesper!$R$2:$R$366,ROW(INDEX(Jesper!AL$2:AL$366,ROUNDDOWN($C4636/24,0)+1,1))-1)+IF('Standard Profiles'!$G$22=$B$10,7,0)+IF('Standard Profiles'!$G$22=$B$17,14,0)+IF('Standard Profiles'!$G$22=$B$24,21,0),0)),0)</f>
        <v>0</v>
      </c>
      <c r="I4636">
        <f t="shared" si="517"/>
        <v>0.40135098778844169</v>
      </c>
      <c r="J4636">
        <f t="shared" si="518"/>
        <v>1.3378366259614725</v>
      </c>
      <c r="K4636">
        <f t="shared" si="519"/>
        <v>2.0067549389422084</v>
      </c>
      <c r="L4636">
        <f t="shared" si="520"/>
        <v>9.6324237069226015</v>
      </c>
      <c r="M4636">
        <f t="shared" si="521"/>
        <v>0</v>
      </c>
      <c r="N4636" s="46">
        <f t="shared" si="522"/>
        <v>45483.749999988839</v>
      </c>
    </row>
    <row r="4637" spans="2:14" x14ac:dyDescent="0.3">
      <c r="B4637">
        <f t="shared" si="516"/>
        <v>3</v>
      </c>
      <c r="C4637" s="16">
        <v>4603</v>
      </c>
      <c r="D4637" cm="1">
        <f t="array" ref="D4637">IFERROR(INDEX(Jesper!AH$2:AH$366,ROUNDDOWN($C4637/24,0)+1,1)*INDEX($D$3:$AA$30,INDEX(Jesper!$R$2:$R$366,ROW(INDEX(Jesper!AH$2:AH$366,ROUNDDOWN($C4637/24,0)+1,1))-1)+IF('Standard Profiles'!$G$18=$B$10,7,0)+IF('Standard Profiles'!$G$18=$B$17,14,0)+IF('Standard Profiles'!$G$18=$B$24,21,0),MOD($C4637,24)+1)/SUM(INDEX($D$3:$AA$30,INDEX(Jesper!$R$2:$R$366,ROW(INDEX(Jesper!AH$2:AH$366,ROUNDDOWN($C4637/24,0)+1,1))-1)+IF('Standard Profiles'!$G$18=$B$10,7,0)+IF('Standard Profiles'!$G$18=$B$17,14,0)+IF('Standard Profiles'!$G$18=$B$24,21,0),0)),0)</f>
        <v>11.148638549678939</v>
      </c>
      <c r="E4637" cm="1">
        <f t="array" ref="E4637">IFERROR(INDEX(Jesper!AI$2:AI$366,ROUNDDOWN($C4637/24,0)+1,1)*INDEX($D$3:$AA$30,INDEX(Jesper!$R$2:$R$366,ROW(INDEX(Jesper!AI$2:AI$366,ROUNDDOWN($C4637/24,0)+1,1))-1)+IF('Standard Profiles'!$G$19=$B$10,7,0)+IF('Standard Profiles'!$G$19=$B$17,14,0)+IF('Standard Profiles'!$G$19=$B$24,21,0),MOD($C4637,24)+1)/SUM(INDEX($D$3:$AA$30,INDEX(Jesper!$R$2:$R$366,ROW(INDEX(Jesper!AI$2:AI$366,ROUNDDOWN($C4637/24,0)+1,1))-1)+IF('Standard Profiles'!$G$19=$B$10,7,0)+IF('Standard Profiles'!$G$19=$B$17,14,0)+IF('Standard Profiles'!$G$19=$B$24,21,0),0)),0)</f>
        <v>0</v>
      </c>
      <c r="F4637" cm="1">
        <f t="array" ref="F4637">IFERROR(INDEX(Jesper!AJ$2:AJ$366,ROUNDDOWN($C4637/24,0)+1,1)*INDEX($D$3:$AA$30,INDEX(Jesper!$R$2:$R$366,ROW(INDEX(Jesper!AJ$2:AJ$366,ROUNDDOWN($C4637/24,0)+1,1))-1)+IF('Standard Profiles'!$G$20=$B$10,7,0)+IF('Standard Profiles'!$G$20=$B$17,14,0)+IF('Standard Profiles'!$G$20=$B$24,21,0),MOD($C4637,24)+1)/SUM(INDEX($D$3:$AA$30,INDEX(Jesper!$R$2:$R$366,ROW(INDEX(Jesper!AJ$2:AJ$366,ROUNDDOWN($C4637/24,0)+1,1))-1)+IF('Standard Profiles'!$G$20=$B$10,7,0)+IF('Standard Profiles'!$G$20=$B$17,14,0)+IF('Standard Profiles'!$G$20=$B$24,21,0),0)),0)</f>
        <v>0</v>
      </c>
      <c r="G4637" cm="1">
        <f t="array" ref="G4637">IFERROR(INDEX(Jesper!AK$2:AK$366,ROUNDDOWN($C4637/24,0)+1,1)*INDEX($D$3:$AA$30,INDEX(Jesper!$R$2:$R$366,ROW(INDEX(Jesper!AK$2:AK$366,ROUNDDOWN($C4637/24,0)+1,1))-1)+IF('Standard Profiles'!$G$21=$B$10,7,0)+IF('Standard Profiles'!$G$21=$B$17,14,0)+IF('Standard Profiles'!$G$21=$B$24,21,0),MOD($C4637,24)+1)/SUM(INDEX($D$3:$AA$30,INDEX(Jesper!$R$2:$R$366,ROW(INDEX(Jesper!AK$2:AK$366,ROUNDDOWN($C4637/24,0)+1,1))-1)+IF('Standard Profiles'!$G$21=$B$10,7,0)+IF('Standard Profiles'!$G$21=$B$17,14,0)+IF('Standard Profiles'!$G$21=$B$24,21,0),0)),0)</f>
        <v>0</v>
      </c>
      <c r="H4637" cm="1">
        <f t="array" ref="H4637">IFERROR(INDEX(Jesper!AL$2:AL$366,ROUNDDOWN($C4637/24,0)+1,1)*INDEX($D$3:$AA$30,INDEX(Jesper!$R$2:$R$366,ROW(INDEX(Jesper!AL$2:AL$366,ROUNDDOWN($C4637/24,0)+1,1))-1)+IF('Standard Profiles'!$G$22=$B$10,7,0)+IF('Standard Profiles'!$G$22=$B$17,14,0)+IF('Standard Profiles'!$G$22=$B$24,21,0),MOD($C4637,24)+1)/SUM(INDEX($D$3:$AA$30,INDEX(Jesper!$R$2:$R$366,ROW(INDEX(Jesper!AL$2:AL$366,ROUNDDOWN($C4637/24,0)+1,1))-1)+IF('Standard Profiles'!$G$22=$B$10,7,0)+IF('Standard Profiles'!$G$22=$B$17,14,0)+IF('Standard Profiles'!$G$22=$B$24,21,0),0)),0)</f>
        <v>0</v>
      </c>
      <c r="I4637">
        <f t="shared" si="517"/>
        <v>0.33445915649036817</v>
      </c>
      <c r="J4637">
        <f t="shared" si="518"/>
        <v>1.114863854967894</v>
      </c>
      <c r="K4637">
        <f t="shared" si="519"/>
        <v>1.6722957824518407</v>
      </c>
      <c r="L4637">
        <f t="shared" si="520"/>
        <v>8.0270197557688352</v>
      </c>
      <c r="M4637">
        <f t="shared" si="521"/>
        <v>0</v>
      </c>
      <c r="N4637" s="46">
        <f t="shared" si="522"/>
        <v>45483.791666655503</v>
      </c>
    </row>
    <row r="4638" spans="2:14" x14ac:dyDescent="0.3">
      <c r="B4638">
        <f t="shared" si="516"/>
        <v>3</v>
      </c>
      <c r="C4638" s="16">
        <v>4604</v>
      </c>
      <c r="D4638" cm="1">
        <f t="array" ref="D4638">IFERROR(INDEX(Jesper!AH$2:AH$366,ROUNDDOWN($C4638/24,0)+1,1)*INDEX($D$3:$AA$30,INDEX(Jesper!$R$2:$R$366,ROW(INDEX(Jesper!AH$2:AH$366,ROUNDDOWN($C4638/24,0)+1,1))-1)+IF('Standard Profiles'!$G$18=$B$10,7,0)+IF('Standard Profiles'!$G$18=$B$17,14,0)+IF('Standard Profiles'!$G$18=$B$24,21,0),MOD($C4638,24)+1)/SUM(INDEX($D$3:$AA$30,INDEX(Jesper!$R$2:$R$366,ROW(INDEX(Jesper!AH$2:AH$366,ROUNDDOWN($C4638/24,0)+1,1))-1)+IF('Standard Profiles'!$G$18=$B$10,7,0)+IF('Standard Profiles'!$G$18=$B$17,14,0)+IF('Standard Profiles'!$G$18=$B$24,21,0),0)),0)</f>
        <v>8.91891083974315</v>
      </c>
      <c r="E4638" cm="1">
        <f t="array" ref="E4638">IFERROR(INDEX(Jesper!AI$2:AI$366,ROUNDDOWN($C4638/24,0)+1,1)*INDEX($D$3:$AA$30,INDEX(Jesper!$R$2:$R$366,ROW(INDEX(Jesper!AI$2:AI$366,ROUNDDOWN($C4638/24,0)+1,1))-1)+IF('Standard Profiles'!$G$19=$B$10,7,0)+IF('Standard Profiles'!$G$19=$B$17,14,0)+IF('Standard Profiles'!$G$19=$B$24,21,0),MOD($C4638,24)+1)/SUM(INDEX($D$3:$AA$30,INDEX(Jesper!$R$2:$R$366,ROW(INDEX(Jesper!AI$2:AI$366,ROUNDDOWN($C4638/24,0)+1,1))-1)+IF('Standard Profiles'!$G$19=$B$10,7,0)+IF('Standard Profiles'!$G$19=$B$17,14,0)+IF('Standard Profiles'!$G$19=$B$24,21,0),0)),0)</f>
        <v>0</v>
      </c>
      <c r="F4638" cm="1">
        <f t="array" ref="F4638">IFERROR(INDEX(Jesper!AJ$2:AJ$366,ROUNDDOWN($C4638/24,0)+1,1)*INDEX($D$3:$AA$30,INDEX(Jesper!$R$2:$R$366,ROW(INDEX(Jesper!AJ$2:AJ$366,ROUNDDOWN($C4638/24,0)+1,1))-1)+IF('Standard Profiles'!$G$20=$B$10,7,0)+IF('Standard Profiles'!$G$20=$B$17,14,0)+IF('Standard Profiles'!$G$20=$B$24,21,0),MOD($C4638,24)+1)/SUM(INDEX($D$3:$AA$30,INDEX(Jesper!$R$2:$R$366,ROW(INDEX(Jesper!AJ$2:AJ$366,ROUNDDOWN($C4638/24,0)+1,1))-1)+IF('Standard Profiles'!$G$20=$B$10,7,0)+IF('Standard Profiles'!$G$20=$B$17,14,0)+IF('Standard Profiles'!$G$20=$B$24,21,0),0)),0)</f>
        <v>0</v>
      </c>
      <c r="G4638" cm="1">
        <f t="array" ref="G4638">IFERROR(INDEX(Jesper!AK$2:AK$366,ROUNDDOWN($C4638/24,0)+1,1)*INDEX($D$3:$AA$30,INDEX(Jesper!$R$2:$R$366,ROW(INDEX(Jesper!AK$2:AK$366,ROUNDDOWN($C4638/24,0)+1,1))-1)+IF('Standard Profiles'!$G$21=$B$10,7,0)+IF('Standard Profiles'!$G$21=$B$17,14,0)+IF('Standard Profiles'!$G$21=$B$24,21,0),MOD($C4638,24)+1)/SUM(INDEX($D$3:$AA$30,INDEX(Jesper!$R$2:$R$366,ROW(INDEX(Jesper!AK$2:AK$366,ROUNDDOWN($C4638/24,0)+1,1))-1)+IF('Standard Profiles'!$G$21=$B$10,7,0)+IF('Standard Profiles'!$G$21=$B$17,14,0)+IF('Standard Profiles'!$G$21=$B$24,21,0),0)),0)</f>
        <v>0</v>
      </c>
      <c r="H4638" cm="1">
        <f t="array" ref="H4638">IFERROR(INDEX(Jesper!AL$2:AL$366,ROUNDDOWN($C4638/24,0)+1,1)*INDEX($D$3:$AA$30,INDEX(Jesper!$R$2:$R$366,ROW(INDEX(Jesper!AL$2:AL$366,ROUNDDOWN($C4638/24,0)+1,1))-1)+IF('Standard Profiles'!$G$22=$B$10,7,0)+IF('Standard Profiles'!$G$22=$B$17,14,0)+IF('Standard Profiles'!$G$22=$B$24,21,0),MOD($C4638,24)+1)/SUM(INDEX($D$3:$AA$30,INDEX(Jesper!$R$2:$R$366,ROW(INDEX(Jesper!AL$2:AL$366,ROUNDDOWN($C4638/24,0)+1,1))-1)+IF('Standard Profiles'!$G$22=$B$10,7,0)+IF('Standard Profiles'!$G$22=$B$17,14,0)+IF('Standard Profiles'!$G$22=$B$24,21,0),0)),0)</f>
        <v>0</v>
      </c>
      <c r="I4638">
        <f t="shared" si="517"/>
        <v>0.26756732519229448</v>
      </c>
      <c r="J4638">
        <f t="shared" si="518"/>
        <v>0.89189108397431505</v>
      </c>
      <c r="K4638">
        <f t="shared" si="519"/>
        <v>1.3378366259614725</v>
      </c>
      <c r="L4638">
        <f t="shared" si="520"/>
        <v>6.421615804615068</v>
      </c>
      <c r="M4638">
        <f t="shared" si="521"/>
        <v>0</v>
      </c>
      <c r="N4638" s="46">
        <f t="shared" si="522"/>
        <v>45483.833333322167</v>
      </c>
    </row>
    <row r="4639" spans="2:14" x14ac:dyDescent="0.3">
      <c r="B4639">
        <f t="shared" si="516"/>
        <v>3</v>
      </c>
      <c r="C4639" s="16">
        <v>4605</v>
      </c>
      <c r="D4639" cm="1">
        <f t="array" ref="D4639">IFERROR(INDEX(Jesper!AH$2:AH$366,ROUNDDOWN($C4639/24,0)+1,1)*INDEX($D$3:$AA$30,INDEX(Jesper!$R$2:$R$366,ROW(INDEX(Jesper!AH$2:AH$366,ROUNDDOWN($C4639/24,0)+1,1))-1)+IF('Standard Profiles'!$G$18=$B$10,7,0)+IF('Standard Profiles'!$G$18=$B$17,14,0)+IF('Standard Profiles'!$G$18=$B$24,21,0),MOD($C4639,24)+1)/SUM(INDEX($D$3:$AA$30,INDEX(Jesper!$R$2:$R$366,ROW(INDEX(Jesper!AH$2:AH$366,ROUNDDOWN($C4639/24,0)+1,1))-1)+IF('Standard Profiles'!$G$18=$B$10,7,0)+IF('Standard Profiles'!$G$18=$B$17,14,0)+IF('Standard Profiles'!$G$18=$B$24,21,0),0)),0)</f>
        <v>6.6891831298073621</v>
      </c>
      <c r="E4639" cm="1">
        <f t="array" ref="E4639">IFERROR(INDEX(Jesper!AI$2:AI$366,ROUNDDOWN($C4639/24,0)+1,1)*INDEX($D$3:$AA$30,INDEX(Jesper!$R$2:$R$366,ROW(INDEX(Jesper!AI$2:AI$366,ROUNDDOWN($C4639/24,0)+1,1))-1)+IF('Standard Profiles'!$G$19=$B$10,7,0)+IF('Standard Profiles'!$G$19=$B$17,14,0)+IF('Standard Profiles'!$G$19=$B$24,21,0),MOD($C4639,24)+1)/SUM(INDEX($D$3:$AA$30,INDEX(Jesper!$R$2:$R$366,ROW(INDEX(Jesper!AI$2:AI$366,ROUNDDOWN($C4639/24,0)+1,1))-1)+IF('Standard Profiles'!$G$19=$B$10,7,0)+IF('Standard Profiles'!$G$19=$B$17,14,0)+IF('Standard Profiles'!$G$19=$B$24,21,0),0)),0)</f>
        <v>0</v>
      </c>
      <c r="F4639" cm="1">
        <f t="array" ref="F4639">IFERROR(INDEX(Jesper!AJ$2:AJ$366,ROUNDDOWN($C4639/24,0)+1,1)*INDEX($D$3:$AA$30,INDEX(Jesper!$R$2:$R$366,ROW(INDEX(Jesper!AJ$2:AJ$366,ROUNDDOWN($C4639/24,0)+1,1))-1)+IF('Standard Profiles'!$G$20=$B$10,7,0)+IF('Standard Profiles'!$G$20=$B$17,14,0)+IF('Standard Profiles'!$G$20=$B$24,21,0),MOD($C4639,24)+1)/SUM(INDEX($D$3:$AA$30,INDEX(Jesper!$R$2:$R$366,ROW(INDEX(Jesper!AJ$2:AJ$366,ROUNDDOWN($C4639/24,0)+1,1))-1)+IF('Standard Profiles'!$G$20=$B$10,7,0)+IF('Standard Profiles'!$G$20=$B$17,14,0)+IF('Standard Profiles'!$G$20=$B$24,21,0),0)),0)</f>
        <v>0</v>
      </c>
      <c r="G4639" cm="1">
        <f t="array" ref="G4639">IFERROR(INDEX(Jesper!AK$2:AK$366,ROUNDDOWN($C4639/24,0)+1,1)*INDEX($D$3:$AA$30,INDEX(Jesper!$R$2:$R$366,ROW(INDEX(Jesper!AK$2:AK$366,ROUNDDOWN($C4639/24,0)+1,1))-1)+IF('Standard Profiles'!$G$21=$B$10,7,0)+IF('Standard Profiles'!$G$21=$B$17,14,0)+IF('Standard Profiles'!$G$21=$B$24,21,0),MOD($C4639,24)+1)/SUM(INDEX($D$3:$AA$30,INDEX(Jesper!$R$2:$R$366,ROW(INDEX(Jesper!AK$2:AK$366,ROUNDDOWN($C4639/24,0)+1,1))-1)+IF('Standard Profiles'!$G$21=$B$10,7,0)+IF('Standard Profiles'!$G$21=$B$17,14,0)+IF('Standard Profiles'!$G$21=$B$24,21,0),0)),0)</f>
        <v>0</v>
      </c>
      <c r="H4639" cm="1">
        <f t="array" ref="H4639">IFERROR(INDEX(Jesper!AL$2:AL$366,ROUNDDOWN($C4639/24,0)+1,1)*INDEX($D$3:$AA$30,INDEX(Jesper!$R$2:$R$366,ROW(INDEX(Jesper!AL$2:AL$366,ROUNDDOWN($C4639/24,0)+1,1))-1)+IF('Standard Profiles'!$G$22=$B$10,7,0)+IF('Standard Profiles'!$G$22=$B$17,14,0)+IF('Standard Profiles'!$G$22=$B$24,21,0),MOD($C4639,24)+1)/SUM(INDEX($D$3:$AA$30,INDEX(Jesper!$R$2:$R$366,ROW(INDEX(Jesper!AL$2:AL$366,ROUNDDOWN($C4639/24,0)+1,1))-1)+IF('Standard Profiles'!$G$22=$B$10,7,0)+IF('Standard Profiles'!$G$22=$B$17,14,0)+IF('Standard Profiles'!$G$22=$B$24,21,0),0)),0)</f>
        <v>0</v>
      </c>
      <c r="I4639">
        <f t="shared" si="517"/>
        <v>0.20067549389422085</v>
      </c>
      <c r="J4639">
        <f t="shared" si="518"/>
        <v>0.66891831298073623</v>
      </c>
      <c r="K4639">
        <f t="shared" si="519"/>
        <v>1.0033774694711042</v>
      </c>
      <c r="L4639">
        <f t="shared" si="520"/>
        <v>4.8162118534613008</v>
      </c>
      <c r="M4639">
        <f t="shared" si="521"/>
        <v>0</v>
      </c>
      <c r="N4639" s="46">
        <f t="shared" si="522"/>
        <v>45483.874999988831</v>
      </c>
    </row>
    <row r="4640" spans="2:14" x14ac:dyDescent="0.3">
      <c r="B4640">
        <f t="shared" si="516"/>
        <v>3</v>
      </c>
      <c r="C4640" s="16">
        <v>4606</v>
      </c>
      <c r="D4640" cm="1">
        <f t="array" ref="D4640">IFERROR(INDEX(Jesper!AH$2:AH$366,ROUNDDOWN($C4640/24,0)+1,1)*INDEX($D$3:$AA$30,INDEX(Jesper!$R$2:$R$366,ROW(INDEX(Jesper!AH$2:AH$366,ROUNDDOWN($C4640/24,0)+1,1))-1)+IF('Standard Profiles'!$G$18=$B$10,7,0)+IF('Standard Profiles'!$G$18=$B$17,14,0)+IF('Standard Profiles'!$G$18=$B$24,21,0),MOD($C4640,24)+1)/SUM(INDEX($D$3:$AA$30,INDEX(Jesper!$R$2:$R$366,ROW(INDEX(Jesper!AH$2:AH$366,ROUNDDOWN($C4640/24,0)+1,1))-1)+IF('Standard Profiles'!$G$18=$B$10,7,0)+IF('Standard Profiles'!$G$18=$B$17,14,0)+IF('Standard Profiles'!$G$18=$B$24,21,0),0)),0)</f>
        <v>6.6891831298073621</v>
      </c>
      <c r="E4640" cm="1">
        <f t="array" ref="E4640">IFERROR(INDEX(Jesper!AI$2:AI$366,ROUNDDOWN($C4640/24,0)+1,1)*INDEX($D$3:$AA$30,INDEX(Jesper!$R$2:$R$366,ROW(INDEX(Jesper!AI$2:AI$366,ROUNDDOWN($C4640/24,0)+1,1))-1)+IF('Standard Profiles'!$G$19=$B$10,7,0)+IF('Standard Profiles'!$G$19=$B$17,14,0)+IF('Standard Profiles'!$G$19=$B$24,21,0),MOD($C4640,24)+1)/SUM(INDEX($D$3:$AA$30,INDEX(Jesper!$R$2:$R$366,ROW(INDEX(Jesper!AI$2:AI$366,ROUNDDOWN($C4640/24,0)+1,1))-1)+IF('Standard Profiles'!$G$19=$B$10,7,0)+IF('Standard Profiles'!$G$19=$B$17,14,0)+IF('Standard Profiles'!$G$19=$B$24,21,0),0)),0)</f>
        <v>0</v>
      </c>
      <c r="F4640" cm="1">
        <f t="array" ref="F4640">IFERROR(INDEX(Jesper!AJ$2:AJ$366,ROUNDDOWN($C4640/24,0)+1,1)*INDEX($D$3:$AA$30,INDEX(Jesper!$R$2:$R$366,ROW(INDEX(Jesper!AJ$2:AJ$366,ROUNDDOWN($C4640/24,0)+1,1))-1)+IF('Standard Profiles'!$G$20=$B$10,7,0)+IF('Standard Profiles'!$G$20=$B$17,14,0)+IF('Standard Profiles'!$G$20=$B$24,21,0),MOD($C4640,24)+1)/SUM(INDEX($D$3:$AA$30,INDEX(Jesper!$R$2:$R$366,ROW(INDEX(Jesper!AJ$2:AJ$366,ROUNDDOWN($C4640/24,0)+1,1))-1)+IF('Standard Profiles'!$G$20=$B$10,7,0)+IF('Standard Profiles'!$G$20=$B$17,14,0)+IF('Standard Profiles'!$G$20=$B$24,21,0),0)),0)</f>
        <v>0</v>
      </c>
      <c r="G4640" cm="1">
        <f t="array" ref="G4640">IFERROR(INDEX(Jesper!AK$2:AK$366,ROUNDDOWN($C4640/24,0)+1,1)*INDEX($D$3:$AA$30,INDEX(Jesper!$R$2:$R$366,ROW(INDEX(Jesper!AK$2:AK$366,ROUNDDOWN($C4640/24,0)+1,1))-1)+IF('Standard Profiles'!$G$21=$B$10,7,0)+IF('Standard Profiles'!$G$21=$B$17,14,0)+IF('Standard Profiles'!$G$21=$B$24,21,0),MOD($C4640,24)+1)/SUM(INDEX($D$3:$AA$30,INDEX(Jesper!$R$2:$R$366,ROW(INDEX(Jesper!AK$2:AK$366,ROUNDDOWN($C4640/24,0)+1,1))-1)+IF('Standard Profiles'!$G$21=$B$10,7,0)+IF('Standard Profiles'!$G$21=$B$17,14,0)+IF('Standard Profiles'!$G$21=$B$24,21,0),0)),0)</f>
        <v>0</v>
      </c>
      <c r="H4640" cm="1">
        <f t="array" ref="H4640">IFERROR(INDEX(Jesper!AL$2:AL$366,ROUNDDOWN($C4640/24,0)+1,1)*INDEX($D$3:$AA$30,INDEX(Jesper!$R$2:$R$366,ROW(INDEX(Jesper!AL$2:AL$366,ROUNDDOWN($C4640/24,0)+1,1))-1)+IF('Standard Profiles'!$G$22=$B$10,7,0)+IF('Standard Profiles'!$G$22=$B$17,14,0)+IF('Standard Profiles'!$G$22=$B$24,21,0),MOD($C4640,24)+1)/SUM(INDEX($D$3:$AA$30,INDEX(Jesper!$R$2:$R$366,ROW(INDEX(Jesper!AL$2:AL$366,ROUNDDOWN($C4640/24,0)+1,1))-1)+IF('Standard Profiles'!$G$22=$B$10,7,0)+IF('Standard Profiles'!$G$22=$B$17,14,0)+IF('Standard Profiles'!$G$22=$B$24,21,0),0)),0)</f>
        <v>0</v>
      </c>
      <c r="I4640">
        <f t="shared" si="517"/>
        <v>0.20067549389422085</v>
      </c>
      <c r="J4640">
        <f t="shared" si="518"/>
        <v>0.66891831298073623</v>
      </c>
      <c r="K4640">
        <f t="shared" si="519"/>
        <v>1.0033774694711042</v>
      </c>
      <c r="L4640">
        <f t="shared" si="520"/>
        <v>4.8162118534613008</v>
      </c>
      <c r="M4640">
        <f t="shared" si="521"/>
        <v>0</v>
      </c>
      <c r="N4640" s="46">
        <f t="shared" si="522"/>
        <v>45483.916666655496</v>
      </c>
    </row>
    <row r="4641" spans="2:14" x14ac:dyDescent="0.3">
      <c r="B4641">
        <f t="shared" si="516"/>
        <v>3</v>
      </c>
      <c r="C4641" s="16">
        <v>4607</v>
      </c>
      <c r="D4641" cm="1">
        <f t="array" ref="D4641">IFERROR(INDEX(Jesper!AH$2:AH$366,ROUNDDOWN($C4641/24,0)+1,1)*INDEX($D$3:$AA$30,INDEX(Jesper!$R$2:$R$366,ROW(INDEX(Jesper!AH$2:AH$366,ROUNDDOWN($C4641/24,0)+1,1))-1)+IF('Standard Profiles'!$G$18=$B$10,7,0)+IF('Standard Profiles'!$G$18=$B$17,14,0)+IF('Standard Profiles'!$G$18=$B$24,21,0),MOD($C4641,24)+1)/SUM(INDEX($D$3:$AA$30,INDEX(Jesper!$R$2:$R$366,ROW(INDEX(Jesper!AH$2:AH$366,ROUNDDOWN($C4641/24,0)+1,1))-1)+IF('Standard Profiles'!$G$18=$B$10,7,0)+IF('Standard Profiles'!$G$18=$B$17,14,0)+IF('Standard Profiles'!$G$18=$B$24,21,0),0)),0)</f>
        <v>6.6891831298073621</v>
      </c>
      <c r="E4641" cm="1">
        <f t="array" ref="E4641">IFERROR(INDEX(Jesper!AI$2:AI$366,ROUNDDOWN($C4641/24,0)+1,1)*INDEX($D$3:$AA$30,INDEX(Jesper!$R$2:$R$366,ROW(INDEX(Jesper!AI$2:AI$366,ROUNDDOWN($C4641/24,0)+1,1))-1)+IF('Standard Profiles'!$G$19=$B$10,7,0)+IF('Standard Profiles'!$G$19=$B$17,14,0)+IF('Standard Profiles'!$G$19=$B$24,21,0),MOD($C4641,24)+1)/SUM(INDEX($D$3:$AA$30,INDEX(Jesper!$R$2:$R$366,ROW(INDEX(Jesper!AI$2:AI$366,ROUNDDOWN($C4641/24,0)+1,1))-1)+IF('Standard Profiles'!$G$19=$B$10,7,0)+IF('Standard Profiles'!$G$19=$B$17,14,0)+IF('Standard Profiles'!$G$19=$B$24,21,0),0)),0)</f>
        <v>0</v>
      </c>
      <c r="F4641" cm="1">
        <f t="array" ref="F4641">IFERROR(INDEX(Jesper!AJ$2:AJ$366,ROUNDDOWN($C4641/24,0)+1,1)*INDEX($D$3:$AA$30,INDEX(Jesper!$R$2:$R$366,ROW(INDEX(Jesper!AJ$2:AJ$366,ROUNDDOWN($C4641/24,0)+1,1))-1)+IF('Standard Profiles'!$G$20=$B$10,7,0)+IF('Standard Profiles'!$G$20=$B$17,14,0)+IF('Standard Profiles'!$G$20=$B$24,21,0),MOD($C4641,24)+1)/SUM(INDEX($D$3:$AA$30,INDEX(Jesper!$R$2:$R$366,ROW(INDEX(Jesper!AJ$2:AJ$366,ROUNDDOWN($C4641/24,0)+1,1))-1)+IF('Standard Profiles'!$G$20=$B$10,7,0)+IF('Standard Profiles'!$G$20=$B$17,14,0)+IF('Standard Profiles'!$G$20=$B$24,21,0),0)),0)</f>
        <v>0</v>
      </c>
      <c r="G4641" cm="1">
        <f t="array" ref="G4641">IFERROR(INDEX(Jesper!AK$2:AK$366,ROUNDDOWN($C4641/24,0)+1,1)*INDEX($D$3:$AA$30,INDEX(Jesper!$R$2:$R$366,ROW(INDEX(Jesper!AK$2:AK$366,ROUNDDOWN($C4641/24,0)+1,1))-1)+IF('Standard Profiles'!$G$21=$B$10,7,0)+IF('Standard Profiles'!$G$21=$B$17,14,0)+IF('Standard Profiles'!$G$21=$B$24,21,0),MOD($C4641,24)+1)/SUM(INDEX($D$3:$AA$30,INDEX(Jesper!$R$2:$R$366,ROW(INDEX(Jesper!AK$2:AK$366,ROUNDDOWN($C4641/24,0)+1,1))-1)+IF('Standard Profiles'!$G$21=$B$10,7,0)+IF('Standard Profiles'!$G$21=$B$17,14,0)+IF('Standard Profiles'!$G$21=$B$24,21,0),0)),0)</f>
        <v>0</v>
      </c>
      <c r="H4641" cm="1">
        <f t="array" ref="H4641">IFERROR(INDEX(Jesper!AL$2:AL$366,ROUNDDOWN($C4641/24,0)+1,1)*INDEX($D$3:$AA$30,INDEX(Jesper!$R$2:$R$366,ROW(INDEX(Jesper!AL$2:AL$366,ROUNDDOWN($C4641/24,0)+1,1))-1)+IF('Standard Profiles'!$G$22=$B$10,7,0)+IF('Standard Profiles'!$G$22=$B$17,14,0)+IF('Standard Profiles'!$G$22=$B$24,21,0),MOD($C4641,24)+1)/SUM(INDEX($D$3:$AA$30,INDEX(Jesper!$R$2:$R$366,ROW(INDEX(Jesper!AL$2:AL$366,ROUNDDOWN($C4641/24,0)+1,1))-1)+IF('Standard Profiles'!$G$22=$B$10,7,0)+IF('Standard Profiles'!$G$22=$B$17,14,0)+IF('Standard Profiles'!$G$22=$B$24,21,0),0)),0)</f>
        <v>0</v>
      </c>
      <c r="I4641">
        <f t="shared" si="517"/>
        <v>0.20067549389422085</v>
      </c>
      <c r="J4641">
        <f t="shared" si="518"/>
        <v>0.66891831298073623</v>
      </c>
      <c r="K4641">
        <f t="shared" si="519"/>
        <v>1.0033774694711042</v>
      </c>
      <c r="L4641">
        <f t="shared" si="520"/>
        <v>4.8162118534613008</v>
      </c>
      <c r="M4641">
        <f t="shared" si="521"/>
        <v>0</v>
      </c>
      <c r="N4641" s="46">
        <f t="shared" si="522"/>
        <v>45483.95833332216</v>
      </c>
    </row>
    <row r="4642" spans="2:14" x14ac:dyDescent="0.3">
      <c r="B4642">
        <f t="shared" si="516"/>
        <v>4</v>
      </c>
      <c r="C4642" s="16">
        <v>4608</v>
      </c>
      <c r="D4642" cm="1">
        <f t="array" ref="D4642">IFERROR(INDEX(Jesper!AH$2:AH$366,ROUNDDOWN($C4642/24,0)+1,1)*INDEX($D$3:$AA$30,INDEX(Jesper!$R$2:$R$366,ROW(INDEX(Jesper!AH$2:AH$366,ROUNDDOWN($C4642/24,0)+1,1))-1)+IF('Standard Profiles'!$G$18=$B$10,7,0)+IF('Standard Profiles'!$G$18=$B$17,14,0)+IF('Standard Profiles'!$G$18=$B$24,21,0),MOD($C4642,24)+1)/SUM(INDEX($D$3:$AA$30,INDEX(Jesper!$R$2:$R$366,ROW(INDEX(Jesper!AH$2:AH$366,ROUNDDOWN($C4642/24,0)+1,1))-1)+IF('Standard Profiles'!$G$18=$B$10,7,0)+IF('Standard Profiles'!$G$18=$B$17,14,0)+IF('Standard Profiles'!$G$18=$B$24,21,0),0)),0)</f>
        <v>6.6995251820501203</v>
      </c>
      <c r="E4642" cm="1">
        <f t="array" ref="E4642">IFERROR(INDEX(Jesper!AI$2:AI$366,ROUNDDOWN($C4642/24,0)+1,1)*INDEX($D$3:$AA$30,INDEX(Jesper!$R$2:$R$366,ROW(INDEX(Jesper!AI$2:AI$366,ROUNDDOWN($C4642/24,0)+1,1))-1)+IF('Standard Profiles'!$G$19=$B$10,7,0)+IF('Standard Profiles'!$G$19=$B$17,14,0)+IF('Standard Profiles'!$G$19=$B$24,21,0),MOD($C4642,24)+1)/SUM(INDEX($D$3:$AA$30,INDEX(Jesper!$R$2:$R$366,ROW(INDEX(Jesper!AI$2:AI$366,ROUNDDOWN($C4642/24,0)+1,1))-1)+IF('Standard Profiles'!$G$19=$B$10,7,0)+IF('Standard Profiles'!$G$19=$B$17,14,0)+IF('Standard Profiles'!$G$19=$B$24,21,0),0)),0)</f>
        <v>0</v>
      </c>
      <c r="F4642" cm="1">
        <f t="array" ref="F4642">IFERROR(INDEX(Jesper!AJ$2:AJ$366,ROUNDDOWN($C4642/24,0)+1,1)*INDEX($D$3:$AA$30,INDEX(Jesper!$R$2:$R$366,ROW(INDEX(Jesper!AJ$2:AJ$366,ROUNDDOWN($C4642/24,0)+1,1))-1)+IF('Standard Profiles'!$G$20=$B$10,7,0)+IF('Standard Profiles'!$G$20=$B$17,14,0)+IF('Standard Profiles'!$G$20=$B$24,21,0),MOD($C4642,24)+1)/SUM(INDEX($D$3:$AA$30,INDEX(Jesper!$R$2:$R$366,ROW(INDEX(Jesper!AJ$2:AJ$366,ROUNDDOWN($C4642/24,0)+1,1))-1)+IF('Standard Profiles'!$G$20=$B$10,7,0)+IF('Standard Profiles'!$G$20=$B$17,14,0)+IF('Standard Profiles'!$G$20=$B$24,21,0),0)),0)</f>
        <v>0</v>
      </c>
      <c r="G4642" cm="1">
        <f t="array" ref="G4642">IFERROR(INDEX(Jesper!AK$2:AK$366,ROUNDDOWN($C4642/24,0)+1,1)*INDEX($D$3:$AA$30,INDEX(Jesper!$R$2:$R$366,ROW(INDEX(Jesper!AK$2:AK$366,ROUNDDOWN($C4642/24,0)+1,1))-1)+IF('Standard Profiles'!$G$21=$B$10,7,0)+IF('Standard Profiles'!$G$21=$B$17,14,0)+IF('Standard Profiles'!$G$21=$B$24,21,0),MOD($C4642,24)+1)/SUM(INDEX($D$3:$AA$30,INDEX(Jesper!$R$2:$R$366,ROW(INDEX(Jesper!AK$2:AK$366,ROUNDDOWN($C4642/24,0)+1,1))-1)+IF('Standard Profiles'!$G$21=$B$10,7,0)+IF('Standard Profiles'!$G$21=$B$17,14,0)+IF('Standard Profiles'!$G$21=$B$24,21,0),0)),0)</f>
        <v>0</v>
      </c>
      <c r="H4642" cm="1">
        <f t="array" ref="H4642">IFERROR(INDEX(Jesper!AL$2:AL$366,ROUNDDOWN($C4642/24,0)+1,1)*INDEX($D$3:$AA$30,INDEX(Jesper!$R$2:$R$366,ROW(INDEX(Jesper!AL$2:AL$366,ROUNDDOWN($C4642/24,0)+1,1))-1)+IF('Standard Profiles'!$G$22=$B$10,7,0)+IF('Standard Profiles'!$G$22=$B$17,14,0)+IF('Standard Profiles'!$G$22=$B$24,21,0),MOD($C4642,24)+1)/SUM(INDEX($D$3:$AA$30,INDEX(Jesper!$R$2:$R$366,ROW(INDEX(Jesper!AL$2:AL$366,ROUNDDOWN($C4642/24,0)+1,1))-1)+IF('Standard Profiles'!$G$22=$B$10,7,0)+IF('Standard Profiles'!$G$22=$B$17,14,0)+IF('Standard Profiles'!$G$22=$B$24,21,0),0)),0)</f>
        <v>0</v>
      </c>
      <c r="I4642">
        <f t="shared" si="517"/>
        <v>0.2009857554615036</v>
      </c>
      <c r="J4642">
        <f t="shared" si="518"/>
        <v>0.66995251820501212</v>
      </c>
      <c r="K4642">
        <f t="shared" si="519"/>
        <v>1.004928777307518</v>
      </c>
      <c r="L4642">
        <f t="shared" si="520"/>
        <v>4.823658131076086</v>
      </c>
      <c r="M4642">
        <f t="shared" si="521"/>
        <v>0</v>
      </c>
      <c r="N4642" s="46">
        <f t="shared" si="522"/>
        <v>45483.999999988824</v>
      </c>
    </row>
    <row r="4643" spans="2:14" x14ac:dyDescent="0.3">
      <c r="B4643">
        <f t="shared" ref="B4643:B4706" si="523">WEEKDAY(N4643,2)</f>
        <v>4</v>
      </c>
      <c r="C4643" s="16">
        <v>4609</v>
      </c>
      <c r="D4643" cm="1">
        <f t="array" ref="D4643">IFERROR(INDEX(Jesper!AH$2:AH$366,ROUNDDOWN($C4643/24,0)+1,1)*INDEX($D$3:$AA$30,INDEX(Jesper!$R$2:$R$366,ROW(INDEX(Jesper!AH$2:AH$366,ROUNDDOWN($C4643/24,0)+1,1))-1)+IF('Standard Profiles'!$G$18=$B$10,7,0)+IF('Standard Profiles'!$G$18=$B$17,14,0)+IF('Standard Profiles'!$G$18=$B$24,21,0),MOD($C4643,24)+1)/SUM(INDEX($D$3:$AA$30,INDEX(Jesper!$R$2:$R$366,ROW(INDEX(Jesper!AH$2:AH$366,ROUNDDOWN($C4643/24,0)+1,1))-1)+IF('Standard Profiles'!$G$18=$B$10,7,0)+IF('Standard Profiles'!$G$18=$B$17,14,0)+IF('Standard Profiles'!$G$18=$B$24,21,0),0)),0)</f>
        <v>6.6995251820501203</v>
      </c>
      <c r="E4643" cm="1">
        <f t="array" ref="E4643">IFERROR(INDEX(Jesper!AI$2:AI$366,ROUNDDOWN($C4643/24,0)+1,1)*INDEX($D$3:$AA$30,INDEX(Jesper!$R$2:$R$366,ROW(INDEX(Jesper!AI$2:AI$366,ROUNDDOWN($C4643/24,0)+1,1))-1)+IF('Standard Profiles'!$G$19=$B$10,7,0)+IF('Standard Profiles'!$G$19=$B$17,14,0)+IF('Standard Profiles'!$G$19=$B$24,21,0),MOD($C4643,24)+1)/SUM(INDEX($D$3:$AA$30,INDEX(Jesper!$R$2:$R$366,ROW(INDEX(Jesper!AI$2:AI$366,ROUNDDOWN($C4643/24,0)+1,1))-1)+IF('Standard Profiles'!$G$19=$B$10,7,0)+IF('Standard Profiles'!$G$19=$B$17,14,0)+IF('Standard Profiles'!$G$19=$B$24,21,0),0)),0)</f>
        <v>0</v>
      </c>
      <c r="F4643" cm="1">
        <f t="array" ref="F4643">IFERROR(INDEX(Jesper!AJ$2:AJ$366,ROUNDDOWN($C4643/24,0)+1,1)*INDEX($D$3:$AA$30,INDEX(Jesper!$R$2:$R$366,ROW(INDEX(Jesper!AJ$2:AJ$366,ROUNDDOWN($C4643/24,0)+1,1))-1)+IF('Standard Profiles'!$G$20=$B$10,7,0)+IF('Standard Profiles'!$G$20=$B$17,14,0)+IF('Standard Profiles'!$G$20=$B$24,21,0),MOD($C4643,24)+1)/SUM(INDEX($D$3:$AA$30,INDEX(Jesper!$R$2:$R$366,ROW(INDEX(Jesper!AJ$2:AJ$366,ROUNDDOWN($C4643/24,0)+1,1))-1)+IF('Standard Profiles'!$G$20=$B$10,7,0)+IF('Standard Profiles'!$G$20=$B$17,14,0)+IF('Standard Profiles'!$G$20=$B$24,21,0),0)),0)</f>
        <v>0</v>
      </c>
      <c r="G4643" cm="1">
        <f t="array" ref="G4643">IFERROR(INDEX(Jesper!AK$2:AK$366,ROUNDDOWN($C4643/24,0)+1,1)*INDEX($D$3:$AA$30,INDEX(Jesper!$R$2:$R$366,ROW(INDEX(Jesper!AK$2:AK$366,ROUNDDOWN($C4643/24,0)+1,1))-1)+IF('Standard Profiles'!$G$21=$B$10,7,0)+IF('Standard Profiles'!$G$21=$B$17,14,0)+IF('Standard Profiles'!$G$21=$B$24,21,0),MOD($C4643,24)+1)/SUM(INDEX($D$3:$AA$30,INDEX(Jesper!$R$2:$R$366,ROW(INDEX(Jesper!AK$2:AK$366,ROUNDDOWN($C4643/24,0)+1,1))-1)+IF('Standard Profiles'!$G$21=$B$10,7,0)+IF('Standard Profiles'!$G$21=$B$17,14,0)+IF('Standard Profiles'!$G$21=$B$24,21,0),0)),0)</f>
        <v>0</v>
      </c>
      <c r="H4643" cm="1">
        <f t="array" ref="H4643">IFERROR(INDEX(Jesper!AL$2:AL$366,ROUNDDOWN($C4643/24,0)+1,1)*INDEX($D$3:$AA$30,INDEX(Jesper!$R$2:$R$366,ROW(INDEX(Jesper!AL$2:AL$366,ROUNDDOWN($C4643/24,0)+1,1))-1)+IF('Standard Profiles'!$G$22=$B$10,7,0)+IF('Standard Profiles'!$G$22=$B$17,14,0)+IF('Standard Profiles'!$G$22=$B$24,21,0),MOD($C4643,24)+1)/SUM(INDEX($D$3:$AA$30,INDEX(Jesper!$R$2:$R$366,ROW(INDEX(Jesper!AL$2:AL$366,ROUNDDOWN($C4643/24,0)+1,1))-1)+IF('Standard Profiles'!$G$22=$B$10,7,0)+IF('Standard Profiles'!$G$22=$B$17,14,0)+IF('Standard Profiles'!$G$22=$B$24,21,0),0)),0)</f>
        <v>0</v>
      </c>
      <c r="I4643">
        <f t="shared" ref="I4643:I4706" si="524">IF($B4643&lt;6,AC$37*$D4643+AC$38*$E4643+AC$39*$F4643+AC$40*$G4643,AC$46*$D4643+AC$47*$E4643+AC$48*$F4643+AC$49*$G4643+AC$50*$H4643)</f>
        <v>0.2009857554615036</v>
      </c>
      <c r="J4643">
        <f t="shared" ref="J4643:J4706" si="525">IF($B4643&lt;6,AD$37*$D4643+AD$38*$E4643+AD$39*$F4643+AD$40*$G4643,AD$46*$D4643+AD$47*$E4643+AD$48*$F4643+AD$49*$G4643+AD$50*$H4643)</f>
        <v>0.66995251820501212</v>
      </c>
      <c r="K4643">
        <f t="shared" ref="K4643:K4706" si="526">IF($B4643&lt;6,AE$37*$D4643+AE$38*$E4643+AE$39*$F4643+AE$40*$G4643,AE$46*$D4643+AE$47*$E4643+AE$48*$F4643+AE$49*$G4643+AE$50*$H4643)</f>
        <v>1.004928777307518</v>
      </c>
      <c r="L4643">
        <f t="shared" ref="L4643:L4706" si="527">IF($B4643&lt;6,AF$37*$D4643+AF$38*$E4643+AF$39*$F4643+AF$40*$G4643,AF$46*$D4643+AF$47*$E4643+AF$48*$F4643+AF$49*$G4643+AF$50*$H4643)</f>
        <v>4.823658131076086</v>
      </c>
      <c r="M4643">
        <f t="shared" ref="M4643:M4706" si="528">IF($B4643&lt;6,AG$37*$D4643+AG$38*$E4643+AG$39*$F4643+AG$40*$G4643,AG$46*$D4643+AG$47*$E4643+AG$48*$F4643+AG$49*$G4643+AG$50*$H4643)</f>
        <v>0</v>
      </c>
      <c r="N4643" s="46">
        <f t="shared" si="522"/>
        <v>45484.041666655488</v>
      </c>
    </row>
    <row r="4644" spans="2:14" x14ac:dyDescent="0.3">
      <c r="B4644">
        <f t="shared" si="523"/>
        <v>4</v>
      </c>
      <c r="C4644" s="16">
        <v>4610</v>
      </c>
      <c r="D4644" cm="1">
        <f t="array" ref="D4644">IFERROR(INDEX(Jesper!AH$2:AH$366,ROUNDDOWN($C4644/24,0)+1,1)*INDEX($D$3:$AA$30,INDEX(Jesper!$R$2:$R$366,ROW(INDEX(Jesper!AH$2:AH$366,ROUNDDOWN($C4644/24,0)+1,1))-1)+IF('Standard Profiles'!$G$18=$B$10,7,0)+IF('Standard Profiles'!$G$18=$B$17,14,0)+IF('Standard Profiles'!$G$18=$B$24,21,0),MOD($C4644,24)+1)/SUM(INDEX($D$3:$AA$30,INDEX(Jesper!$R$2:$R$366,ROW(INDEX(Jesper!AH$2:AH$366,ROUNDDOWN($C4644/24,0)+1,1))-1)+IF('Standard Profiles'!$G$18=$B$10,7,0)+IF('Standard Profiles'!$G$18=$B$17,14,0)+IF('Standard Profiles'!$G$18=$B$24,21,0),0)),0)</f>
        <v>6.6995251820501203</v>
      </c>
      <c r="E4644" cm="1">
        <f t="array" ref="E4644">IFERROR(INDEX(Jesper!AI$2:AI$366,ROUNDDOWN($C4644/24,0)+1,1)*INDEX($D$3:$AA$30,INDEX(Jesper!$R$2:$R$366,ROW(INDEX(Jesper!AI$2:AI$366,ROUNDDOWN($C4644/24,0)+1,1))-1)+IF('Standard Profiles'!$G$19=$B$10,7,0)+IF('Standard Profiles'!$G$19=$B$17,14,0)+IF('Standard Profiles'!$G$19=$B$24,21,0),MOD($C4644,24)+1)/SUM(INDEX($D$3:$AA$30,INDEX(Jesper!$R$2:$R$366,ROW(INDEX(Jesper!AI$2:AI$366,ROUNDDOWN($C4644/24,0)+1,1))-1)+IF('Standard Profiles'!$G$19=$B$10,7,0)+IF('Standard Profiles'!$G$19=$B$17,14,0)+IF('Standard Profiles'!$G$19=$B$24,21,0),0)),0)</f>
        <v>0</v>
      </c>
      <c r="F4644" cm="1">
        <f t="array" ref="F4644">IFERROR(INDEX(Jesper!AJ$2:AJ$366,ROUNDDOWN($C4644/24,0)+1,1)*INDEX($D$3:$AA$30,INDEX(Jesper!$R$2:$R$366,ROW(INDEX(Jesper!AJ$2:AJ$366,ROUNDDOWN($C4644/24,0)+1,1))-1)+IF('Standard Profiles'!$G$20=$B$10,7,0)+IF('Standard Profiles'!$G$20=$B$17,14,0)+IF('Standard Profiles'!$G$20=$B$24,21,0),MOD($C4644,24)+1)/SUM(INDEX($D$3:$AA$30,INDEX(Jesper!$R$2:$R$366,ROW(INDEX(Jesper!AJ$2:AJ$366,ROUNDDOWN($C4644/24,0)+1,1))-1)+IF('Standard Profiles'!$G$20=$B$10,7,0)+IF('Standard Profiles'!$G$20=$B$17,14,0)+IF('Standard Profiles'!$G$20=$B$24,21,0),0)),0)</f>
        <v>0</v>
      </c>
      <c r="G4644" cm="1">
        <f t="array" ref="G4644">IFERROR(INDEX(Jesper!AK$2:AK$366,ROUNDDOWN($C4644/24,0)+1,1)*INDEX($D$3:$AA$30,INDEX(Jesper!$R$2:$R$366,ROW(INDEX(Jesper!AK$2:AK$366,ROUNDDOWN($C4644/24,0)+1,1))-1)+IF('Standard Profiles'!$G$21=$B$10,7,0)+IF('Standard Profiles'!$G$21=$B$17,14,0)+IF('Standard Profiles'!$G$21=$B$24,21,0),MOD($C4644,24)+1)/SUM(INDEX($D$3:$AA$30,INDEX(Jesper!$R$2:$R$366,ROW(INDEX(Jesper!AK$2:AK$366,ROUNDDOWN($C4644/24,0)+1,1))-1)+IF('Standard Profiles'!$G$21=$B$10,7,0)+IF('Standard Profiles'!$G$21=$B$17,14,0)+IF('Standard Profiles'!$G$21=$B$24,21,0),0)),0)</f>
        <v>0</v>
      </c>
      <c r="H4644" cm="1">
        <f t="array" ref="H4644">IFERROR(INDEX(Jesper!AL$2:AL$366,ROUNDDOWN($C4644/24,0)+1,1)*INDEX($D$3:$AA$30,INDEX(Jesper!$R$2:$R$366,ROW(INDEX(Jesper!AL$2:AL$366,ROUNDDOWN($C4644/24,0)+1,1))-1)+IF('Standard Profiles'!$G$22=$B$10,7,0)+IF('Standard Profiles'!$G$22=$B$17,14,0)+IF('Standard Profiles'!$G$22=$B$24,21,0),MOD($C4644,24)+1)/SUM(INDEX($D$3:$AA$30,INDEX(Jesper!$R$2:$R$366,ROW(INDEX(Jesper!AL$2:AL$366,ROUNDDOWN($C4644/24,0)+1,1))-1)+IF('Standard Profiles'!$G$22=$B$10,7,0)+IF('Standard Profiles'!$G$22=$B$17,14,0)+IF('Standard Profiles'!$G$22=$B$24,21,0),0)),0)</f>
        <v>0</v>
      </c>
      <c r="I4644">
        <f t="shared" si="524"/>
        <v>0.2009857554615036</v>
      </c>
      <c r="J4644">
        <f t="shared" si="525"/>
        <v>0.66995251820501212</v>
      </c>
      <c r="K4644">
        <f t="shared" si="526"/>
        <v>1.004928777307518</v>
      </c>
      <c r="L4644">
        <f t="shared" si="527"/>
        <v>4.823658131076086</v>
      </c>
      <c r="M4644">
        <f t="shared" si="528"/>
        <v>0</v>
      </c>
      <c r="N4644" s="46">
        <f t="shared" ref="N4644:N4707" si="529">N4643+1/24</f>
        <v>45484.083333322153</v>
      </c>
    </row>
    <row r="4645" spans="2:14" x14ac:dyDescent="0.3">
      <c r="B4645">
        <f t="shared" si="523"/>
        <v>4</v>
      </c>
      <c r="C4645" s="16">
        <v>4611</v>
      </c>
      <c r="D4645" cm="1">
        <f t="array" ref="D4645">IFERROR(INDEX(Jesper!AH$2:AH$366,ROUNDDOWN($C4645/24,0)+1,1)*INDEX($D$3:$AA$30,INDEX(Jesper!$R$2:$R$366,ROW(INDEX(Jesper!AH$2:AH$366,ROUNDDOWN($C4645/24,0)+1,1))-1)+IF('Standard Profiles'!$G$18=$B$10,7,0)+IF('Standard Profiles'!$G$18=$B$17,14,0)+IF('Standard Profiles'!$G$18=$B$24,21,0),MOD($C4645,24)+1)/SUM(INDEX($D$3:$AA$30,INDEX(Jesper!$R$2:$R$366,ROW(INDEX(Jesper!AH$2:AH$366,ROUNDDOWN($C4645/24,0)+1,1))-1)+IF('Standard Profiles'!$G$18=$B$10,7,0)+IF('Standard Profiles'!$G$18=$B$17,14,0)+IF('Standard Profiles'!$G$18=$B$24,21,0),0)),0)</f>
        <v>6.6995251820501203</v>
      </c>
      <c r="E4645" cm="1">
        <f t="array" ref="E4645">IFERROR(INDEX(Jesper!AI$2:AI$366,ROUNDDOWN($C4645/24,0)+1,1)*INDEX($D$3:$AA$30,INDEX(Jesper!$R$2:$R$366,ROW(INDEX(Jesper!AI$2:AI$366,ROUNDDOWN($C4645/24,0)+1,1))-1)+IF('Standard Profiles'!$G$19=$B$10,7,0)+IF('Standard Profiles'!$G$19=$B$17,14,0)+IF('Standard Profiles'!$G$19=$B$24,21,0),MOD($C4645,24)+1)/SUM(INDEX($D$3:$AA$30,INDEX(Jesper!$R$2:$R$366,ROW(INDEX(Jesper!AI$2:AI$366,ROUNDDOWN($C4645/24,0)+1,1))-1)+IF('Standard Profiles'!$G$19=$B$10,7,0)+IF('Standard Profiles'!$G$19=$B$17,14,0)+IF('Standard Profiles'!$G$19=$B$24,21,0),0)),0)</f>
        <v>0</v>
      </c>
      <c r="F4645" cm="1">
        <f t="array" ref="F4645">IFERROR(INDEX(Jesper!AJ$2:AJ$366,ROUNDDOWN($C4645/24,0)+1,1)*INDEX($D$3:$AA$30,INDEX(Jesper!$R$2:$R$366,ROW(INDEX(Jesper!AJ$2:AJ$366,ROUNDDOWN($C4645/24,0)+1,1))-1)+IF('Standard Profiles'!$G$20=$B$10,7,0)+IF('Standard Profiles'!$G$20=$B$17,14,0)+IF('Standard Profiles'!$G$20=$B$24,21,0),MOD($C4645,24)+1)/SUM(INDEX($D$3:$AA$30,INDEX(Jesper!$R$2:$R$366,ROW(INDEX(Jesper!AJ$2:AJ$366,ROUNDDOWN($C4645/24,0)+1,1))-1)+IF('Standard Profiles'!$G$20=$B$10,7,0)+IF('Standard Profiles'!$G$20=$B$17,14,0)+IF('Standard Profiles'!$G$20=$B$24,21,0),0)),0)</f>
        <v>0</v>
      </c>
      <c r="G4645" cm="1">
        <f t="array" ref="G4645">IFERROR(INDEX(Jesper!AK$2:AK$366,ROUNDDOWN($C4645/24,0)+1,1)*INDEX($D$3:$AA$30,INDEX(Jesper!$R$2:$R$366,ROW(INDEX(Jesper!AK$2:AK$366,ROUNDDOWN($C4645/24,0)+1,1))-1)+IF('Standard Profiles'!$G$21=$B$10,7,0)+IF('Standard Profiles'!$G$21=$B$17,14,0)+IF('Standard Profiles'!$G$21=$B$24,21,0),MOD($C4645,24)+1)/SUM(INDEX($D$3:$AA$30,INDEX(Jesper!$R$2:$R$366,ROW(INDEX(Jesper!AK$2:AK$366,ROUNDDOWN($C4645/24,0)+1,1))-1)+IF('Standard Profiles'!$G$21=$B$10,7,0)+IF('Standard Profiles'!$G$21=$B$17,14,0)+IF('Standard Profiles'!$G$21=$B$24,21,0),0)),0)</f>
        <v>0</v>
      </c>
      <c r="H4645" cm="1">
        <f t="array" ref="H4645">IFERROR(INDEX(Jesper!AL$2:AL$366,ROUNDDOWN($C4645/24,0)+1,1)*INDEX($D$3:$AA$30,INDEX(Jesper!$R$2:$R$366,ROW(INDEX(Jesper!AL$2:AL$366,ROUNDDOWN($C4645/24,0)+1,1))-1)+IF('Standard Profiles'!$G$22=$B$10,7,0)+IF('Standard Profiles'!$G$22=$B$17,14,0)+IF('Standard Profiles'!$G$22=$B$24,21,0),MOD($C4645,24)+1)/SUM(INDEX($D$3:$AA$30,INDEX(Jesper!$R$2:$R$366,ROW(INDEX(Jesper!AL$2:AL$366,ROUNDDOWN($C4645/24,0)+1,1))-1)+IF('Standard Profiles'!$G$22=$B$10,7,0)+IF('Standard Profiles'!$G$22=$B$17,14,0)+IF('Standard Profiles'!$G$22=$B$24,21,0),0)),0)</f>
        <v>0</v>
      </c>
      <c r="I4645">
        <f t="shared" si="524"/>
        <v>0.2009857554615036</v>
      </c>
      <c r="J4645">
        <f t="shared" si="525"/>
        <v>0.66995251820501212</v>
      </c>
      <c r="K4645">
        <f t="shared" si="526"/>
        <v>1.004928777307518</v>
      </c>
      <c r="L4645">
        <f t="shared" si="527"/>
        <v>4.823658131076086</v>
      </c>
      <c r="M4645">
        <f t="shared" si="528"/>
        <v>0</v>
      </c>
      <c r="N4645" s="46">
        <f t="shared" si="529"/>
        <v>45484.124999988817</v>
      </c>
    </row>
    <row r="4646" spans="2:14" x14ac:dyDescent="0.3">
      <c r="B4646">
        <f t="shared" si="523"/>
        <v>4</v>
      </c>
      <c r="C4646" s="16">
        <v>4612</v>
      </c>
      <c r="D4646" cm="1">
        <f t="array" ref="D4646">IFERROR(INDEX(Jesper!AH$2:AH$366,ROUNDDOWN($C4646/24,0)+1,1)*INDEX($D$3:$AA$30,INDEX(Jesper!$R$2:$R$366,ROW(INDEX(Jesper!AH$2:AH$366,ROUNDDOWN($C4646/24,0)+1,1))-1)+IF('Standard Profiles'!$G$18=$B$10,7,0)+IF('Standard Profiles'!$G$18=$B$17,14,0)+IF('Standard Profiles'!$G$18=$B$24,21,0),MOD($C4646,24)+1)/SUM(INDEX($D$3:$AA$30,INDEX(Jesper!$R$2:$R$366,ROW(INDEX(Jesper!AH$2:AH$366,ROUNDDOWN($C4646/24,0)+1,1))-1)+IF('Standard Profiles'!$G$18=$B$10,7,0)+IF('Standard Profiles'!$G$18=$B$17,14,0)+IF('Standard Profiles'!$G$18=$B$24,21,0),0)),0)</f>
        <v>6.6995251820501203</v>
      </c>
      <c r="E4646" cm="1">
        <f t="array" ref="E4646">IFERROR(INDEX(Jesper!AI$2:AI$366,ROUNDDOWN($C4646/24,0)+1,1)*INDEX($D$3:$AA$30,INDEX(Jesper!$R$2:$R$366,ROW(INDEX(Jesper!AI$2:AI$366,ROUNDDOWN($C4646/24,0)+1,1))-1)+IF('Standard Profiles'!$G$19=$B$10,7,0)+IF('Standard Profiles'!$G$19=$B$17,14,0)+IF('Standard Profiles'!$G$19=$B$24,21,0),MOD($C4646,24)+1)/SUM(INDEX($D$3:$AA$30,INDEX(Jesper!$R$2:$R$366,ROW(INDEX(Jesper!AI$2:AI$366,ROUNDDOWN($C4646/24,0)+1,1))-1)+IF('Standard Profiles'!$G$19=$B$10,7,0)+IF('Standard Profiles'!$G$19=$B$17,14,0)+IF('Standard Profiles'!$G$19=$B$24,21,0),0)),0)</f>
        <v>0</v>
      </c>
      <c r="F4646" cm="1">
        <f t="array" ref="F4646">IFERROR(INDEX(Jesper!AJ$2:AJ$366,ROUNDDOWN($C4646/24,0)+1,1)*INDEX($D$3:$AA$30,INDEX(Jesper!$R$2:$R$366,ROW(INDEX(Jesper!AJ$2:AJ$366,ROUNDDOWN($C4646/24,0)+1,1))-1)+IF('Standard Profiles'!$G$20=$B$10,7,0)+IF('Standard Profiles'!$G$20=$B$17,14,0)+IF('Standard Profiles'!$G$20=$B$24,21,0),MOD($C4646,24)+1)/SUM(INDEX($D$3:$AA$30,INDEX(Jesper!$R$2:$R$366,ROW(INDEX(Jesper!AJ$2:AJ$366,ROUNDDOWN($C4646/24,0)+1,1))-1)+IF('Standard Profiles'!$G$20=$B$10,7,0)+IF('Standard Profiles'!$G$20=$B$17,14,0)+IF('Standard Profiles'!$G$20=$B$24,21,0),0)),0)</f>
        <v>0</v>
      </c>
      <c r="G4646" cm="1">
        <f t="array" ref="G4646">IFERROR(INDEX(Jesper!AK$2:AK$366,ROUNDDOWN($C4646/24,0)+1,1)*INDEX($D$3:$AA$30,INDEX(Jesper!$R$2:$R$366,ROW(INDEX(Jesper!AK$2:AK$366,ROUNDDOWN($C4646/24,0)+1,1))-1)+IF('Standard Profiles'!$G$21=$B$10,7,0)+IF('Standard Profiles'!$G$21=$B$17,14,0)+IF('Standard Profiles'!$G$21=$B$24,21,0),MOD($C4646,24)+1)/SUM(INDEX($D$3:$AA$30,INDEX(Jesper!$R$2:$R$366,ROW(INDEX(Jesper!AK$2:AK$366,ROUNDDOWN($C4646/24,0)+1,1))-1)+IF('Standard Profiles'!$G$21=$B$10,7,0)+IF('Standard Profiles'!$G$21=$B$17,14,0)+IF('Standard Profiles'!$G$21=$B$24,21,0),0)),0)</f>
        <v>0</v>
      </c>
      <c r="H4646" cm="1">
        <f t="array" ref="H4646">IFERROR(INDEX(Jesper!AL$2:AL$366,ROUNDDOWN($C4646/24,0)+1,1)*INDEX($D$3:$AA$30,INDEX(Jesper!$R$2:$R$366,ROW(INDEX(Jesper!AL$2:AL$366,ROUNDDOWN($C4646/24,0)+1,1))-1)+IF('Standard Profiles'!$G$22=$B$10,7,0)+IF('Standard Profiles'!$G$22=$B$17,14,0)+IF('Standard Profiles'!$G$22=$B$24,21,0),MOD($C4646,24)+1)/SUM(INDEX($D$3:$AA$30,INDEX(Jesper!$R$2:$R$366,ROW(INDEX(Jesper!AL$2:AL$366,ROUNDDOWN($C4646/24,0)+1,1))-1)+IF('Standard Profiles'!$G$22=$B$10,7,0)+IF('Standard Profiles'!$G$22=$B$17,14,0)+IF('Standard Profiles'!$G$22=$B$24,21,0),0)),0)</f>
        <v>0</v>
      </c>
      <c r="I4646">
        <f t="shared" si="524"/>
        <v>0.2009857554615036</v>
      </c>
      <c r="J4646">
        <f t="shared" si="525"/>
        <v>0.66995251820501212</v>
      </c>
      <c r="K4646">
        <f t="shared" si="526"/>
        <v>1.004928777307518</v>
      </c>
      <c r="L4646">
        <f t="shared" si="527"/>
        <v>4.823658131076086</v>
      </c>
      <c r="M4646">
        <f t="shared" si="528"/>
        <v>0</v>
      </c>
      <c r="N4646" s="46">
        <f t="shared" si="529"/>
        <v>45484.166666655481</v>
      </c>
    </row>
    <row r="4647" spans="2:14" x14ac:dyDescent="0.3">
      <c r="B4647">
        <f t="shared" si="523"/>
        <v>4</v>
      </c>
      <c r="C4647" s="16">
        <v>4613</v>
      </c>
      <c r="D4647" cm="1">
        <f t="array" ref="D4647">IFERROR(INDEX(Jesper!AH$2:AH$366,ROUNDDOWN($C4647/24,0)+1,1)*INDEX($D$3:$AA$30,INDEX(Jesper!$R$2:$R$366,ROW(INDEX(Jesper!AH$2:AH$366,ROUNDDOWN($C4647/24,0)+1,1))-1)+IF('Standard Profiles'!$G$18=$B$10,7,0)+IF('Standard Profiles'!$G$18=$B$17,14,0)+IF('Standard Profiles'!$G$18=$B$24,21,0),MOD($C4647,24)+1)/SUM(INDEX($D$3:$AA$30,INDEX(Jesper!$R$2:$R$366,ROW(INDEX(Jesper!AH$2:AH$366,ROUNDDOWN($C4647/24,0)+1,1))-1)+IF('Standard Profiles'!$G$18=$B$10,7,0)+IF('Standard Profiles'!$G$18=$B$17,14,0)+IF('Standard Profiles'!$G$18=$B$24,21,0),0)),0)</f>
        <v>8.6349435679757089</v>
      </c>
      <c r="E4647" cm="1">
        <f t="array" ref="E4647">IFERROR(INDEX(Jesper!AI$2:AI$366,ROUNDDOWN($C4647/24,0)+1,1)*INDEX($D$3:$AA$30,INDEX(Jesper!$R$2:$R$366,ROW(INDEX(Jesper!AI$2:AI$366,ROUNDDOWN($C4647/24,0)+1,1))-1)+IF('Standard Profiles'!$G$19=$B$10,7,0)+IF('Standard Profiles'!$G$19=$B$17,14,0)+IF('Standard Profiles'!$G$19=$B$24,21,0),MOD($C4647,24)+1)/SUM(INDEX($D$3:$AA$30,INDEX(Jesper!$R$2:$R$366,ROW(INDEX(Jesper!AI$2:AI$366,ROUNDDOWN($C4647/24,0)+1,1))-1)+IF('Standard Profiles'!$G$19=$B$10,7,0)+IF('Standard Profiles'!$G$19=$B$17,14,0)+IF('Standard Profiles'!$G$19=$B$24,21,0),0)),0)</f>
        <v>0</v>
      </c>
      <c r="F4647" cm="1">
        <f t="array" ref="F4647">IFERROR(INDEX(Jesper!AJ$2:AJ$366,ROUNDDOWN($C4647/24,0)+1,1)*INDEX($D$3:$AA$30,INDEX(Jesper!$R$2:$R$366,ROW(INDEX(Jesper!AJ$2:AJ$366,ROUNDDOWN($C4647/24,0)+1,1))-1)+IF('Standard Profiles'!$G$20=$B$10,7,0)+IF('Standard Profiles'!$G$20=$B$17,14,0)+IF('Standard Profiles'!$G$20=$B$24,21,0),MOD($C4647,24)+1)/SUM(INDEX($D$3:$AA$30,INDEX(Jesper!$R$2:$R$366,ROW(INDEX(Jesper!AJ$2:AJ$366,ROUNDDOWN($C4647/24,0)+1,1))-1)+IF('Standard Profiles'!$G$20=$B$10,7,0)+IF('Standard Profiles'!$G$20=$B$17,14,0)+IF('Standard Profiles'!$G$20=$B$24,21,0),0)),0)</f>
        <v>0</v>
      </c>
      <c r="G4647" cm="1">
        <f t="array" ref="G4647">IFERROR(INDEX(Jesper!AK$2:AK$366,ROUNDDOWN($C4647/24,0)+1,1)*INDEX($D$3:$AA$30,INDEX(Jesper!$R$2:$R$366,ROW(INDEX(Jesper!AK$2:AK$366,ROUNDDOWN($C4647/24,0)+1,1))-1)+IF('Standard Profiles'!$G$21=$B$10,7,0)+IF('Standard Profiles'!$G$21=$B$17,14,0)+IF('Standard Profiles'!$G$21=$B$24,21,0),MOD($C4647,24)+1)/SUM(INDEX($D$3:$AA$30,INDEX(Jesper!$R$2:$R$366,ROW(INDEX(Jesper!AK$2:AK$366,ROUNDDOWN($C4647/24,0)+1,1))-1)+IF('Standard Profiles'!$G$21=$B$10,7,0)+IF('Standard Profiles'!$G$21=$B$17,14,0)+IF('Standard Profiles'!$G$21=$B$24,21,0),0)),0)</f>
        <v>0</v>
      </c>
      <c r="H4647" cm="1">
        <f t="array" ref="H4647">IFERROR(INDEX(Jesper!AL$2:AL$366,ROUNDDOWN($C4647/24,0)+1,1)*INDEX($D$3:$AA$30,INDEX(Jesper!$R$2:$R$366,ROW(INDEX(Jesper!AL$2:AL$366,ROUNDDOWN($C4647/24,0)+1,1))-1)+IF('Standard Profiles'!$G$22=$B$10,7,0)+IF('Standard Profiles'!$G$22=$B$17,14,0)+IF('Standard Profiles'!$G$22=$B$24,21,0),MOD($C4647,24)+1)/SUM(INDEX($D$3:$AA$30,INDEX(Jesper!$R$2:$R$366,ROW(INDEX(Jesper!AL$2:AL$366,ROUNDDOWN($C4647/24,0)+1,1))-1)+IF('Standard Profiles'!$G$22=$B$10,7,0)+IF('Standard Profiles'!$G$22=$B$17,14,0)+IF('Standard Profiles'!$G$22=$B$24,21,0),0)),0)</f>
        <v>0</v>
      </c>
      <c r="I4647">
        <f t="shared" si="524"/>
        <v>0.25904830703927129</v>
      </c>
      <c r="J4647">
        <f t="shared" si="525"/>
        <v>0.86349435679757092</v>
      </c>
      <c r="K4647">
        <f t="shared" si="526"/>
        <v>1.2952415351963562</v>
      </c>
      <c r="L4647">
        <f t="shared" si="527"/>
        <v>6.21715936894251</v>
      </c>
      <c r="M4647">
        <f t="shared" si="528"/>
        <v>0</v>
      </c>
      <c r="N4647" s="46">
        <f t="shared" si="529"/>
        <v>45484.208333322145</v>
      </c>
    </row>
    <row r="4648" spans="2:14" x14ac:dyDescent="0.3">
      <c r="B4648">
        <f t="shared" si="523"/>
        <v>4</v>
      </c>
      <c r="C4648" s="16">
        <v>4614</v>
      </c>
      <c r="D4648" cm="1">
        <f t="array" ref="D4648">IFERROR(INDEX(Jesper!AH$2:AH$366,ROUNDDOWN($C4648/24,0)+1,1)*INDEX($D$3:$AA$30,INDEX(Jesper!$R$2:$R$366,ROW(INDEX(Jesper!AH$2:AH$366,ROUNDDOWN($C4648/24,0)+1,1))-1)+IF('Standard Profiles'!$G$18=$B$10,7,0)+IF('Standard Profiles'!$G$18=$B$17,14,0)+IF('Standard Profiles'!$G$18=$B$24,21,0),MOD($C4648,24)+1)/SUM(INDEX($D$3:$AA$30,INDEX(Jesper!$R$2:$R$366,ROW(INDEX(Jesper!AH$2:AH$366,ROUNDDOWN($C4648/24,0)+1,1))-1)+IF('Standard Profiles'!$G$18=$B$10,7,0)+IF('Standard Profiles'!$G$18=$B$17,14,0)+IF('Standard Profiles'!$G$18=$B$24,21,0),0)),0)</f>
        <v>9.9748486043857341</v>
      </c>
      <c r="E4648" cm="1">
        <f t="array" ref="E4648">IFERROR(INDEX(Jesper!AI$2:AI$366,ROUNDDOWN($C4648/24,0)+1,1)*INDEX($D$3:$AA$30,INDEX(Jesper!$R$2:$R$366,ROW(INDEX(Jesper!AI$2:AI$366,ROUNDDOWN($C4648/24,0)+1,1))-1)+IF('Standard Profiles'!$G$19=$B$10,7,0)+IF('Standard Profiles'!$G$19=$B$17,14,0)+IF('Standard Profiles'!$G$19=$B$24,21,0),MOD($C4648,24)+1)/SUM(INDEX($D$3:$AA$30,INDEX(Jesper!$R$2:$R$366,ROW(INDEX(Jesper!AI$2:AI$366,ROUNDDOWN($C4648/24,0)+1,1))-1)+IF('Standard Profiles'!$G$19=$B$10,7,0)+IF('Standard Profiles'!$G$19=$B$17,14,0)+IF('Standard Profiles'!$G$19=$B$24,21,0),0)),0)</f>
        <v>0</v>
      </c>
      <c r="F4648" cm="1">
        <f t="array" ref="F4648">IFERROR(INDEX(Jesper!AJ$2:AJ$366,ROUNDDOWN($C4648/24,0)+1,1)*INDEX($D$3:$AA$30,INDEX(Jesper!$R$2:$R$366,ROW(INDEX(Jesper!AJ$2:AJ$366,ROUNDDOWN($C4648/24,0)+1,1))-1)+IF('Standard Profiles'!$G$20=$B$10,7,0)+IF('Standard Profiles'!$G$20=$B$17,14,0)+IF('Standard Profiles'!$G$20=$B$24,21,0),MOD($C4648,24)+1)/SUM(INDEX($D$3:$AA$30,INDEX(Jesper!$R$2:$R$366,ROW(INDEX(Jesper!AJ$2:AJ$366,ROUNDDOWN($C4648/24,0)+1,1))-1)+IF('Standard Profiles'!$G$20=$B$10,7,0)+IF('Standard Profiles'!$G$20=$B$17,14,0)+IF('Standard Profiles'!$G$20=$B$24,21,0),0)),0)</f>
        <v>0</v>
      </c>
      <c r="G4648" cm="1">
        <f t="array" ref="G4648">IFERROR(INDEX(Jesper!AK$2:AK$366,ROUNDDOWN($C4648/24,0)+1,1)*INDEX($D$3:$AA$30,INDEX(Jesper!$R$2:$R$366,ROW(INDEX(Jesper!AK$2:AK$366,ROUNDDOWN($C4648/24,0)+1,1))-1)+IF('Standard Profiles'!$G$21=$B$10,7,0)+IF('Standard Profiles'!$G$21=$B$17,14,0)+IF('Standard Profiles'!$G$21=$B$24,21,0),MOD($C4648,24)+1)/SUM(INDEX($D$3:$AA$30,INDEX(Jesper!$R$2:$R$366,ROW(INDEX(Jesper!AK$2:AK$366,ROUNDDOWN($C4648/24,0)+1,1))-1)+IF('Standard Profiles'!$G$21=$B$10,7,0)+IF('Standard Profiles'!$G$21=$B$17,14,0)+IF('Standard Profiles'!$G$21=$B$24,21,0),0)),0)</f>
        <v>0</v>
      </c>
      <c r="H4648" cm="1">
        <f t="array" ref="H4648">IFERROR(INDEX(Jesper!AL$2:AL$366,ROUNDDOWN($C4648/24,0)+1,1)*INDEX($D$3:$AA$30,INDEX(Jesper!$R$2:$R$366,ROW(INDEX(Jesper!AL$2:AL$366,ROUNDDOWN($C4648/24,0)+1,1))-1)+IF('Standard Profiles'!$G$22=$B$10,7,0)+IF('Standard Profiles'!$G$22=$B$17,14,0)+IF('Standard Profiles'!$G$22=$B$24,21,0),MOD($C4648,24)+1)/SUM(INDEX($D$3:$AA$30,INDEX(Jesper!$R$2:$R$366,ROW(INDEX(Jesper!AL$2:AL$366,ROUNDDOWN($C4648/24,0)+1,1))-1)+IF('Standard Profiles'!$G$22=$B$10,7,0)+IF('Standard Profiles'!$G$22=$B$17,14,0)+IF('Standard Profiles'!$G$22=$B$24,21,0),0)),0)</f>
        <v>0</v>
      </c>
      <c r="I4648">
        <f t="shared" si="524"/>
        <v>0.299245458131572</v>
      </c>
      <c r="J4648">
        <f t="shared" si="525"/>
        <v>0.99748486043857343</v>
      </c>
      <c r="K4648">
        <f t="shared" si="526"/>
        <v>1.49622729065786</v>
      </c>
      <c r="L4648">
        <f t="shared" si="527"/>
        <v>7.1818909951577279</v>
      </c>
      <c r="M4648">
        <f t="shared" si="528"/>
        <v>0</v>
      </c>
      <c r="N4648" s="46">
        <f t="shared" si="529"/>
        <v>45484.24999998881</v>
      </c>
    </row>
    <row r="4649" spans="2:14" x14ac:dyDescent="0.3">
      <c r="B4649">
        <f t="shared" si="523"/>
        <v>4</v>
      </c>
      <c r="C4649" s="16">
        <v>4615</v>
      </c>
      <c r="D4649" cm="1">
        <f t="array" ref="D4649">IFERROR(INDEX(Jesper!AH$2:AH$366,ROUNDDOWN($C4649/24,0)+1,1)*INDEX($D$3:$AA$30,INDEX(Jesper!$R$2:$R$366,ROW(INDEX(Jesper!AH$2:AH$366,ROUNDDOWN($C4649/24,0)+1,1))-1)+IF('Standard Profiles'!$G$18=$B$10,7,0)+IF('Standard Profiles'!$G$18=$B$17,14,0)+IF('Standard Profiles'!$G$18=$B$24,21,0),MOD($C4649,24)+1)/SUM(INDEX($D$3:$AA$30,INDEX(Jesper!$R$2:$R$366,ROW(INDEX(Jesper!AH$2:AH$366,ROUNDDOWN($C4649/24,0)+1,1))-1)+IF('Standard Profiles'!$G$18=$B$10,7,0)+IF('Standard Profiles'!$G$18=$B$17,14,0)+IF('Standard Profiles'!$G$18=$B$24,21,0),0)),0)</f>
        <v>9.9748486043857341</v>
      </c>
      <c r="E4649" cm="1">
        <f t="array" ref="E4649">IFERROR(INDEX(Jesper!AI$2:AI$366,ROUNDDOWN($C4649/24,0)+1,1)*INDEX($D$3:$AA$30,INDEX(Jesper!$R$2:$R$366,ROW(INDEX(Jesper!AI$2:AI$366,ROUNDDOWN($C4649/24,0)+1,1))-1)+IF('Standard Profiles'!$G$19=$B$10,7,0)+IF('Standard Profiles'!$G$19=$B$17,14,0)+IF('Standard Profiles'!$G$19=$B$24,21,0),MOD($C4649,24)+1)/SUM(INDEX($D$3:$AA$30,INDEX(Jesper!$R$2:$R$366,ROW(INDEX(Jesper!AI$2:AI$366,ROUNDDOWN($C4649/24,0)+1,1))-1)+IF('Standard Profiles'!$G$19=$B$10,7,0)+IF('Standard Profiles'!$G$19=$B$17,14,0)+IF('Standard Profiles'!$G$19=$B$24,21,0),0)),0)</f>
        <v>0</v>
      </c>
      <c r="F4649" cm="1">
        <f t="array" ref="F4649">IFERROR(INDEX(Jesper!AJ$2:AJ$366,ROUNDDOWN($C4649/24,0)+1,1)*INDEX($D$3:$AA$30,INDEX(Jesper!$R$2:$R$366,ROW(INDEX(Jesper!AJ$2:AJ$366,ROUNDDOWN($C4649/24,0)+1,1))-1)+IF('Standard Profiles'!$G$20=$B$10,7,0)+IF('Standard Profiles'!$G$20=$B$17,14,0)+IF('Standard Profiles'!$G$20=$B$24,21,0),MOD($C4649,24)+1)/SUM(INDEX($D$3:$AA$30,INDEX(Jesper!$R$2:$R$366,ROW(INDEX(Jesper!AJ$2:AJ$366,ROUNDDOWN($C4649/24,0)+1,1))-1)+IF('Standard Profiles'!$G$20=$B$10,7,0)+IF('Standard Profiles'!$G$20=$B$17,14,0)+IF('Standard Profiles'!$G$20=$B$24,21,0),0)),0)</f>
        <v>0</v>
      </c>
      <c r="G4649" cm="1">
        <f t="array" ref="G4649">IFERROR(INDEX(Jesper!AK$2:AK$366,ROUNDDOWN($C4649/24,0)+1,1)*INDEX($D$3:$AA$30,INDEX(Jesper!$R$2:$R$366,ROW(INDEX(Jesper!AK$2:AK$366,ROUNDDOWN($C4649/24,0)+1,1))-1)+IF('Standard Profiles'!$G$21=$B$10,7,0)+IF('Standard Profiles'!$G$21=$B$17,14,0)+IF('Standard Profiles'!$G$21=$B$24,21,0),MOD($C4649,24)+1)/SUM(INDEX($D$3:$AA$30,INDEX(Jesper!$R$2:$R$366,ROW(INDEX(Jesper!AK$2:AK$366,ROUNDDOWN($C4649/24,0)+1,1))-1)+IF('Standard Profiles'!$G$21=$B$10,7,0)+IF('Standard Profiles'!$G$21=$B$17,14,0)+IF('Standard Profiles'!$G$21=$B$24,21,0),0)),0)</f>
        <v>0</v>
      </c>
      <c r="H4649" cm="1">
        <f t="array" ref="H4649">IFERROR(INDEX(Jesper!AL$2:AL$366,ROUNDDOWN($C4649/24,0)+1,1)*INDEX($D$3:$AA$30,INDEX(Jesper!$R$2:$R$366,ROW(INDEX(Jesper!AL$2:AL$366,ROUNDDOWN($C4649/24,0)+1,1))-1)+IF('Standard Profiles'!$G$22=$B$10,7,0)+IF('Standard Profiles'!$G$22=$B$17,14,0)+IF('Standard Profiles'!$G$22=$B$24,21,0),MOD($C4649,24)+1)/SUM(INDEX($D$3:$AA$30,INDEX(Jesper!$R$2:$R$366,ROW(INDEX(Jesper!AL$2:AL$366,ROUNDDOWN($C4649/24,0)+1,1))-1)+IF('Standard Profiles'!$G$22=$B$10,7,0)+IF('Standard Profiles'!$G$22=$B$17,14,0)+IF('Standard Profiles'!$G$22=$B$24,21,0),0)),0)</f>
        <v>0</v>
      </c>
      <c r="I4649">
        <f t="shared" si="524"/>
        <v>0.299245458131572</v>
      </c>
      <c r="J4649">
        <f t="shared" si="525"/>
        <v>0.99748486043857343</v>
      </c>
      <c r="K4649">
        <f t="shared" si="526"/>
        <v>1.49622729065786</v>
      </c>
      <c r="L4649">
        <f t="shared" si="527"/>
        <v>7.1818909951577279</v>
      </c>
      <c r="M4649">
        <f t="shared" si="528"/>
        <v>0</v>
      </c>
      <c r="N4649" s="46">
        <f t="shared" si="529"/>
        <v>45484.291666655474</v>
      </c>
    </row>
    <row r="4650" spans="2:14" x14ac:dyDescent="0.3">
      <c r="B4650">
        <f t="shared" si="523"/>
        <v>4</v>
      </c>
      <c r="C4650" s="16">
        <v>4616</v>
      </c>
      <c r="D4650" cm="1">
        <f t="array" ref="D4650">IFERROR(INDEX(Jesper!AH$2:AH$366,ROUNDDOWN($C4650/24,0)+1,1)*INDEX($D$3:$AA$30,INDEX(Jesper!$R$2:$R$366,ROW(INDEX(Jesper!AH$2:AH$366,ROUNDDOWN($C4650/24,0)+1,1))-1)+IF('Standard Profiles'!$G$18=$B$10,7,0)+IF('Standard Profiles'!$G$18=$B$17,14,0)+IF('Standard Profiles'!$G$18=$B$24,21,0),MOD($C4650,24)+1)/SUM(INDEX($D$3:$AA$30,INDEX(Jesper!$R$2:$R$366,ROW(INDEX(Jesper!AH$2:AH$366,ROUNDDOWN($C4650/24,0)+1,1))-1)+IF('Standard Profiles'!$G$18=$B$10,7,0)+IF('Standard Profiles'!$G$18=$B$17,14,0)+IF('Standard Profiles'!$G$18=$B$24,21,0),0)),0)</f>
        <v>9.9748486043857341</v>
      </c>
      <c r="E4650" cm="1">
        <f t="array" ref="E4650">IFERROR(INDEX(Jesper!AI$2:AI$366,ROUNDDOWN($C4650/24,0)+1,1)*INDEX($D$3:$AA$30,INDEX(Jesper!$R$2:$R$366,ROW(INDEX(Jesper!AI$2:AI$366,ROUNDDOWN($C4650/24,0)+1,1))-1)+IF('Standard Profiles'!$G$19=$B$10,7,0)+IF('Standard Profiles'!$G$19=$B$17,14,0)+IF('Standard Profiles'!$G$19=$B$24,21,0),MOD($C4650,24)+1)/SUM(INDEX($D$3:$AA$30,INDEX(Jesper!$R$2:$R$366,ROW(INDEX(Jesper!AI$2:AI$366,ROUNDDOWN($C4650/24,0)+1,1))-1)+IF('Standard Profiles'!$G$19=$B$10,7,0)+IF('Standard Profiles'!$G$19=$B$17,14,0)+IF('Standard Profiles'!$G$19=$B$24,21,0),0)),0)</f>
        <v>0</v>
      </c>
      <c r="F4650" cm="1">
        <f t="array" ref="F4650">IFERROR(INDEX(Jesper!AJ$2:AJ$366,ROUNDDOWN($C4650/24,0)+1,1)*INDEX($D$3:$AA$30,INDEX(Jesper!$R$2:$R$366,ROW(INDEX(Jesper!AJ$2:AJ$366,ROUNDDOWN($C4650/24,0)+1,1))-1)+IF('Standard Profiles'!$G$20=$B$10,7,0)+IF('Standard Profiles'!$G$20=$B$17,14,0)+IF('Standard Profiles'!$G$20=$B$24,21,0),MOD($C4650,24)+1)/SUM(INDEX($D$3:$AA$30,INDEX(Jesper!$R$2:$R$366,ROW(INDEX(Jesper!AJ$2:AJ$366,ROUNDDOWN($C4650/24,0)+1,1))-1)+IF('Standard Profiles'!$G$20=$B$10,7,0)+IF('Standard Profiles'!$G$20=$B$17,14,0)+IF('Standard Profiles'!$G$20=$B$24,21,0),0)),0)</f>
        <v>0</v>
      </c>
      <c r="G4650" cm="1">
        <f t="array" ref="G4650">IFERROR(INDEX(Jesper!AK$2:AK$366,ROUNDDOWN($C4650/24,0)+1,1)*INDEX($D$3:$AA$30,INDEX(Jesper!$R$2:$R$366,ROW(INDEX(Jesper!AK$2:AK$366,ROUNDDOWN($C4650/24,0)+1,1))-1)+IF('Standard Profiles'!$G$21=$B$10,7,0)+IF('Standard Profiles'!$G$21=$B$17,14,0)+IF('Standard Profiles'!$G$21=$B$24,21,0),MOD($C4650,24)+1)/SUM(INDEX($D$3:$AA$30,INDEX(Jesper!$R$2:$R$366,ROW(INDEX(Jesper!AK$2:AK$366,ROUNDDOWN($C4650/24,0)+1,1))-1)+IF('Standard Profiles'!$G$21=$B$10,7,0)+IF('Standard Profiles'!$G$21=$B$17,14,0)+IF('Standard Profiles'!$G$21=$B$24,21,0),0)),0)</f>
        <v>0</v>
      </c>
      <c r="H4650" cm="1">
        <f t="array" ref="H4650">IFERROR(INDEX(Jesper!AL$2:AL$366,ROUNDDOWN($C4650/24,0)+1,1)*INDEX($D$3:$AA$30,INDEX(Jesper!$R$2:$R$366,ROW(INDEX(Jesper!AL$2:AL$366,ROUNDDOWN($C4650/24,0)+1,1))-1)+IF('Standard Profiles'!$G$22=$B$10,7,0)+IF('Standard Profiles'!$G$22=$B$17,14,0)+IF('Standard Profiles'!$G$22=$B$24,21,0),MOD($C4650,24)+1)/SUM(INDEX($D$3:$AA$30,INDEX(Jesper!$R$2:$R$366,ROW(INDEX(Jesper!AL$2:AL$366,ROUNDDOWN($C4650/24,0)+1,1))-1)+IF('Standard Profiles'!$G$22=$B$10,7,0)+IF('Standard Profiles'!$G$22=$B$17,14,0)+IF('Standard Profiles'!$G$22=$B$24,21,0),0)),0)</f>
        <v>0</v>
      </c>
      <c r="I4650">
        <f t="shared" si="524"/>
        <v>0.299245458131572</v>
      </c>
      <c r="J4650">
        <f t="shared" si="525"/>
        <v>0.99748486043857343</v>
      </c>
      <c r="K4650">
        <f t="shared" si="526"/>
        <v>1.49622729065786</v>
      </c>
      <c r="L4650">
        <f t="shared" si="527"/>
        <v>7.1818909951577279</v>
      </c>
      <c r="M4650">
        <f t="shared" si="528"/>
        <v>0</v>
      </c>
      <c r="N4650" s="46">
        <f t="shared" si="529"/>
        <v>45484.333333322138</v>
      </c>
    </row>
    <row r="4651" spans="2:14" x14ac:dyDescent="0.3">
      <c r="B4651">
        <f t="shared" si="523"/>
        <v>4</v>
      </c>
      <c r="C4651" s="16">
        <v>4617</v>
      </c>
      <c r="D4651" cm="1">
        <f t="array" ref="D4651">IFERROR(INDEX(Jesper!AH$2:AH$366,ROUNDDOWN($C4651/24,0)+1,1)*INDEX($D$3:$AA$30,INDEX(Jesper!$R$2:$R$366,ROW(INDEX(Jesper!AH$2:AH$366,ROUNDDOWN($C4651/24,0)+1,1))-1)+IF('Standard Profiles'!$G$18=$B$10,7,0)+IF('Standard Profiles'!$G$18=$B$17,14,0)+IF('Standard Profiles'!$G$18=$B$24,21,0),MOD($C4651,24)+1)/SUM(INDEX($D$3:$AA$30,INDEX(Jesper!$R$2:$R$366,ROW(INDEX(Jesper!AH$2:AH$366,ROUNDDOWN($C4651/24,0)+1,1))-1)+IF('Standard Profiles'!$G$18=$B$10,7,0)+IF('Standard Profiles'!$G$18=$B$17,14,0)+IF('Standard Profiles'!$G$18=$B$24,21,0),0)),0)</f>
        <v>10.719240291280192</v>
      </c>
      <c r="E4651" cm="1">
        <f t="array" ref="E4651">IFERROR(INDEX(Jesper!AI$2:AI$366,ROUNDDOWN($C4651/24,0)+1,1)*INDEX($D$3:$AA$30,INDEX(Jesper!$R$2:$R$366,ROW(INDEX(Jesper!AI$2:AI$366,ROUNDDOWN($C4651/24,0)+1,1))-1)+IF('Standard Profiles'!$G$19=$B$10,7,0)+IF('Standard Profiles'!$G$19=$B$17,14,0)+IF('Standard Profiles'!$G$19=$B$24,21,0),MOD($C4651,24)+1)/SUM(INDEX($D$3:$AA$30,INDEX(Jesper!$R$2:$R$366,ROW(INDEX(Jesper!AI$2:AI$366,ROUNDDOWN($C4651/24,0)+1,1))-1)+IF('Standard Profiles'!$G$19=$B$10,7,0)+IF('Standard Profiles'!$G$19=$B$17,14,0)+IF('Standard Profiles'!$G$19=$B$24,21,0),0)),0)</f>
        <v>0</v>
      </c>
      <c r="F4651" cm="1">
        <f t="array" ref="F4651">IFERROR(INDEX(Jesper!AJ$2:AJ$366,ROUNDDOWN($C4651/24,0)+1,1)*INDEX($D$3:$AA$30,INDEX(Jesper!$R$2:$R$366,ROW(INDEX(Jesper!AJ$2:AJ$366,ROUNDDOWN($C4651/24,0)+1,1))-1)+IF('Standard Profiles'!$G$20=$B$10,7,0)+IF('Standard Profiles'!$G$20=$B$17,14,0)+IF('Standard Profiles'!$G$20=$B$24,21,0),MOD($C4651,24)+1)/SUM(INDEX($D$3:$AA$30,INDEX(Jesper!$R$2:$R$366,ROW(INDEX(Jesper!AJ$2:AJ$366,ROUNDDOWN($C4651/24,0)+1,1))-1)+IF('Standard Profiles'!$G$20=$B$10,7,0)+IF('Standard Profiles'!$G$20=$B$17,14,0)+IF('Standard Profiles'!$G$20=$B$24,21,0),0)),0)</f>
        <v>0</v>
      </c>
      <c r="G4651" cm="1">
        <f t="array" ref="G4651">IFERROR(INDEX(Jesper!AK$2:AK$366,ROUNDDOWN($C4651/24,0)+1,1)*INDEX($D$3:$AA$30,INDEX(Jesper!$R$2:$R$366,ROW(INDEX(Jesper!AK$2:AK$366,ROUNDDOWN($C4651/24,0)+1,1))-1)+IF('Standard Profiles'!$G$21=$B$10,7,0)+IF('Standard Profiles'!$G$21=$B$17,14,0)+IF('Standard Profiles'!$G$21=$B$24,21,0),MOD($C4651,24)+1)/SUM(INDEX($D$3:$AA$30,INDEX(Jesper!$R$2:$R$366,ROW(INDEX(Jesper!AK$2:AK$366,ROUNDDOWN($C4651/24,0)+1,1))-1)+IF('Standard Profiles'!$G$21=$B$10,7,0)+IF('Standard Profiles'!$G$21=$B$17,14,0)+IF('Standard Profiles'!$G$21=$B$24,21,0),0)),0)</f>
        <v>0</v>
      </c>
      <c r="H4651" cm="1">
        <f t="array" ref="H4651">IFERROR(INDEX(Jesper!AL$2:AL$366,ROUNDDOWN($C4651/24,0)+1,1)*INDEX($D$3:$AA$30,INDEX(Jesper!$R$2:$R$366,ROW(INDEX(Jesper!AL$2:AL$366,ROUNDDOWN($C4651/24,0)+1,1))-1)+IF('Standard Profiles'!$G$22=$B$10,7,0)+IF('Standard Profiles'!$G$22=$B$17,14,0)+IF('Standard Profiles'!$G$22=$B$24,21,0),MOD($C4651,24)+1)/SUM(INDEX($D$3:$AA$30,INDEX(Jesper!$R$2:$R$366,ROW(INDEX(Jesper!AL$2:AL$366,ROUNDDOWN($C4651/24,0)+1,1))-1)+IF('Standard Profiles'!$G$22=$B$10,7,0)+IF('Standard Profiles'!$G$22=$B$17,14,0)+IF('Standard Profiles'!$G$22=$B$24,21,0),0)),0)</f>
        <v>0</v>
      </c>
      <c r="I4651">
        <f t="shared" si="524"/>
        <v>0.32157720873840573</v>
      </c>
      <c r="J4651">
        <f t="shared" si="525"/>
        <v>1.0719240291280192</v>
      </c>
      <c r="K4651">
        <f t="shared" si="526"/>
        <v>1.6078860436920288</v>
      </c>
      <c r="L4651">
        <f t="shared" si="527"/>
        <v>7.7178530097217379</v>
      </c>
      <c r="M4651">
        <f t="shared" si="528"/>
        <v>0</v>
      </c>
      <c r="N4651" s="46">
        <f t="shared" si="529"/>
        <v>45484.374999988802</v>
      </c>
    </row>
    <row r="4652" spans="2:14" x14ac:dyDescent="0.3">
      <c r="B4652">
        <f t="shared" si="523"/>
        <v>4</v>
      </c>
      <c r="C4652" s="16">
        <v>4618</v>
      </c>
      <c r="D4652" cm="1">
        <f t="array" ref="D4652">IFERROR(INDEX(Jesper!AH$2:AH$366,ROUNDDOWN($C4652/24,0)+1,1)*INDEX($D$3:$AA$30,INDEX(Jesper!$R$2:$R$366,ROW(INDEX(Jesper!AH$2:AH$366,ROUNDDOWN($C4652/24,0)+1,1))-1)+IF('Standard Profiles'!$G$18=$B$10,7,0)+IF('Standard Profiles'!$G$18=$B$17,14,0)+IF('Standard Profiles'!$G$18=$B$24,21,0),MOD($C4652,24)+1)/SUM(INDEX($D$3:$AA$30,INDEX(Jesper!$R$2:$R$366,ROW(INDEX(Jesper!AH$2:AH$366,ROUNDDOWN($C4652/24,0)+1,1))-1)+IF('Standard Profiles'!$G$18=$B$10,7,0)+IF('Standard Profiles'!$G$18=$B$17,14,0)+IF('Standard Profiles'!$G$18=$B$24,21,0),0)),0)</f>
        <v>11.612510315553541</v>
      </c>
      <c r="E4652" cm="1">
        <f t="array" ref="E4652">IFERROR(INDEX(Jesper!AI$2:AI$366,ROUNDDOWN($C4652/24,0)+1,1)*INDEX($D$3:$AA$30,INDEX(Jesper!$R$2:$R$366,ROW(INDEX(Jesper!AI$2:AI$366,ROUNDDOWN($C4652/24,0)+1,1))-1)+IF('Standard Profiles'!$G$19=$B$10,7,0)+IF('Standard Profiles'!$G$19=$B$17,14,0)+IF('Standard Profiles'!$G$19=$B$24,21,0),MOD($C4652,24)+1)/SUM(INDEX($D$3:$AA$30,INDEX(Jesper!$R$2:$R$366,ROW(INDEX(Jesper!AI$2:AI$366,ROUNDDOWN($C4652/24,0)+1,1))-1)+IF('Standard Profiles'!$G$19=$B$10,7,0)+IF('Standard Profiles'!$G$19=$B$17,14,0)+IF('Standard Profiles'!$G$19=$B$24,21,0),0)),0)</f>
        <v>0</v>
      </c>
      <c r="F4652" cm="1">
        <f t="array" ref="F4652">IFERROR(INDEX(Jesper!AJ$2:AJ$366,ROUNDDOWN($C4652/24,0)+1,1)*INDEX($D$3:$AA$30,INDEX(Jesper!$R$2:$R$366,ROW(INDEX(Jesper!AJ$2:AJ$366,ROUNDDOWN($C4652/24,0)+1,1))-1)+IF('Standard Profiles'!$G$20=$B$10,7,0)+IF('Standard Profiles'!$G$20=$B$17,14,0)+IF('Standard Profiles'!$G$20=$B$24,21,0),MOD($C4652,24)+1)/SUM(INDEX($D$3:$AA$30,INDEX(Jesper!$R$2:$R$366,ROW(INDEX(Jesper!AJ$2:AJ$366,ROUNDDOWN($C4652/24,0)+1,1))-1)+IF('Standard Profiles'!$G$20=$B$10,7,0)+IF('Standard Profiles'!$G$20=$B$17,14,0)+IF('Standard Profiles'!$G$20=$B$24,21,0),0)),0)</f>
        <v>0</v>
      </c>
      <c r="G4652" cm="1">
        <f t="array" ref="G4652">IFERROR(INDEX(Jesper!AK$2:AK$366,ROUNDDOWN($C4652/24,0)+1,1)*INDEX($D$3:$AA$30,INDEX(Jesper!$R$2:$R$366,ROW(INDEX(Jesper!AK$2:AK$366,ROUNDDOWN($C4652/24,0)+1,1))-1)+IF('Standard Profiles'!$G$21=$B$10,7,0)+IF('Standard Profiles'!$G$21=$B$17,14,0)+IF('Standard Profiles'!$G$21=$B$24,21,0),MOD($C4652,24)+1)/SUM(INDEX($D$3:$AA$30,INDEX(Jesper!$R$2:$R$366,ROW(INDEX(Jesper!AK$2:AK$366,ROUNDDOWN($C4652/24,0)+1,1))-1)+IF('Standard Profiles'!$G$21=$B$10,7,0)+IF('Standard Profiles'!$G$21=$B$17,14,0)+IF('Standard Profiles'!$G$21=$B$24,21,0),0)),0)</f>
        <v>0</v>
      </c>
      <c r="H4652" cm="1">
        <f t="array" ref="H4652">IFERROR(INDEX(Jesper!AL$2:AL$366,ROUNDDOWN($C4652/24,0)+1,1)*INDEX($D$3:$AA$30,INDEX(Jesper!$R$2:$R$366,ROW(INDEX(Jesper!AL$2:AL$366,ROUNDDOWN($C4652/24,0)+1,1))-1)+IF('Standard Profiles'!$G$22=$B$10,7,0)+IF('Standard Profiles'!$G$22=$B$17,14,0)+IF('Standard Profiles'!$G$22=$B$24,21,0),MOD($C4652,24)+1)/SUM(INDEX($D$3:$AA$30,INDEX(Jesper!$R$2:$R$366,ROW(INDEX(Jesper!AL$2:AL$366,ROUNDDOWN($C4652/24,0)+1,1))-1)+IF('Standard Profiles'!$G$22=$B$10,7,0)+IF('Standard Profiles'!$G$22=$B$17,14,0)+IF('Standard Profiles'!$G$22=$B$24,21,0),0)),0)</f>
        <v>0</v>
      </c>
      <c r="I4652">
        <f t="shared" si="524"/>
        <v>0.34837530946660622</v>
      </c>
      <c r="J4652">
        <f t="shared" si="525"/>
        <v>1.1612510315553541</v>
      </c>
      <c r="K4652">
        <f t="shared" si="526"/>
        <v>1.7418765473330311</v>
      </c>
      <c r="L4652">
        <f t="shared" si="527"/>
        <v>8.3610074271985493</v>
      </c>
      <c r="M4652">
        <f t="shared" si="528"/>
        <v>0</v>
      </c>
      <c r="N4652" s="46">
        <f t="shared" si="529"/>
        <v>45484.416666655467</v>
      </c>
    </row>
    <row r="4653" spans="2:14" x14ac:dyDescent="0.3">
      <c r="B4653">
        <f t="shared" si="523"/>
        <v>4</v>
      </c>
      <c r="C4653" s="16">
        <v>4619</v>
      </c>
      <c r="D4653" cm="1">
        <f t="array" ref="D4653">IFERROR(INDEX(Jesper!AH$2:AH$366,ROUNDDOWN($C4653/24,0)+1,1)*INDEX($D$3:$AA$30,INDEX(Jesper!$R$2:$R$366,ROW(INDEX(Jesper!AH$2:AH$366,ROUNDDOWN($C4653/24,0)+1,1))-1)+IF('Standard Profiles'!$G$18=$B$10,7,0)+IF('Standard Profiles'!$G$18=$B$17,14,0)+IF('Standard Profiles'!$G$18=$B$24,21,0),MOD($C4653,24)+1)/SUM(INDEX($D$3:$AA$30,INDEX(Jesper!$R$2:$R$366,ROW(INDEX(Jesper!AH$2:AH$366,ROUNDDOWN($C4653/24,0)+1,1))-1)+IF('Standard Profiles'!$G$18=$B$10,7,0)+IF('Standard Profiles'!$G$18=$B$17,14,0)+IF('Standard Profiles'!$G$18=$B$24,21,0),0)),0)</f>
        <v>13.399050364100241</v>
      </c>
      <c r="E4653" cm="1">
        <f t="array" ref="E4653">IFERROR(INDEX(Jesper!AI$2:AI$366,ROUNDDOWN($C4653/24,0)+1,1)*INDEX($D$3:$AA$30,INDEX(Jesper!$R$2:$R$366,ROW(INDEX(Jesper!AI$2:AI$366,ROUNDDOWN($C4653/24,0)+1,1))-1)+IF('Standard Profiles'!$G$19=$B$10,7,0)+IF('Standard Profiles'!$G$19=$B$17,14,0)+IF('Standard Profiles'!$G$19=$B$24,21,0),MOD($C4653,24)+1)/SUM(INDEX($D$3:$AA$30,INDEX(Jesper!$R$2:$R$366,ROW(INDEX(Jesper!AI$2:AI$366,ROUNDDOWN($C4653/24,0)+1,1))-1)+IF('Standard Profiles'!$G$19=$B$10,7,0)+IF('Standard Profiles'!$G$19=$B$17,14,0)+IF('Standard Profiles'!$G$19=$B$24,21,0),0)),0)</f>
        <v>0</v>
      </c>
      <c r="F4653" cm="1">
        <f t="array" ref="F4653">IFERROR(INDEX(Jesper!AJ$2:AJ$366,ROUNDDOWN($C4653/24,0)+1,1)*INDEX($D$3:$AA$30,INDEX(Jesper!$R$2:$R$366,ROW(INDEX(Jesper!AJ$2:AJ$366,ROUNDDOWN($C4653/24,0)+1,1))-1)+IF('Standard Profiles'!$G$20=$B$10,7,0)+IF('Standard Profiles'!$G$20=$B$17,14,0)+IF('Standard Profiles'!$G$20=$B$24,21,0),MOD($C4653,24)+1)/SUM(INDEX($D$3:$AA$30,INDEX(Jesper!$R$2:$R$366,ROW(INDEX(Jesper!AJ$2:AJ$366,ROUNDDOWN($C4653/24,0)+1,1))-1)+IF('Standard Profiles'!$G$20=$B$10,7,0)+IF('Standard Profiles'!$G$20=$B$17,14,0)+IF('Standard Profiles'!$G$20=$B$24,21,0),0)),0)</f>
        <v>0</v>
      </c>
      <c r="G4653" cm="1">
        <f t="array" ref="G4653">IFERROR(INDEX(Jesper!AK$2:AK$366,ROUNDDOWN($C4653/24,0)+1,1)*INDEX($D$3:$AA$30,INDEX(Jesper!$R$2:$R$366,ROW(INDEX(Jesper!AK$2:AK$366,ROUNDDOWN($C4653/24,0)+1,1))-1)+IF('Standard Profiles'!$G$21=$B$10,7,0)+IF('Standard Profiles'!$G$21=$B$17,14,0)+IF('Standard Profiles'!$G$21=$B$24,21,0),MOD($C4653,24)+1)/SUM(INDEX($D$3:$AA$30,INDEX(Jesper!$R$2:$R$366,ROW(INDEX(Jesper!AK$2:AK$366,ROUNDDOWN($C4653/24,0)+1,1))-1)+IF('Standard Profiles'!$G$21=$B$10,7,0)+IF('Standard Profiles'!$G$21=$B$17,14,0)+IF('Standard Profiles'!$G$21=$B$24,21,0),0)),0)</f>
        <v>0</v>
      </c>
      <c r="H4653" cm="1">
        <f t="array" ref="H4653">IFERROR(INDEX(Jesper!AL$2:AL$366,ROUNDDOWN($C4653/24,0)+1,1)*INDEX($D$3:$AA$30,INDEX(Jesper!$R$2:$R$366,ROW(INDEX(Jesper!AL$2:AL$366,ROUNDDOWN($C4653/24,0)+1,1))-1)+IF('Standard Profiles'!$G$22=$B$10,7,0)+IF('Standard Profiles'!$G$22=$B$17,14,0)+IF('Standard Profiles'!$G$22=$B$24,21,0),MOD($C4653,24)+1)/SUM(INDEX($D$3:$AA$30,INDEX(Jesper!$R$2:$R$366,ROW(INDEX(Jesper!AL$2:AL$366,ROUNDDOWN($C4653/24,0)+1,1))-1)+IF('Standard Profiles'!$G$22=$B$10,7,0)+IF('Standard Profiles'!$G$22=$B$17,14,0)+IF('Standard Profiles'!$G$22=$B$24,21,0),0)),0)</f>
        <v>0</v>
      </c>
      <c r="I4653">
        <f t="shared" si="524"/>
        <v>0.4019715109230072</v>
      </c>
      <c r="J4653">
        <f t="shared" si="525"/>
        <v>1.3399050364100242</v>
      </c>
      <c r="K4653">
        <f t="shared" si="526"/>
        <v>2.0098575546150359</v>
      </c>
      <c r="L4653">
        <f t="shared" si="527"/>
        <v>9.647316262152172</v>
      </c>
      <c r="M4653">
        <f t="shared" si="528"/>
        <v>0</v>
      </c>
      <c r="N4653" s="46">
        <f t="shared" si="529"/>
        <v>45484.458333322131</v>
      </c>
    </row>
    <row r="4654" spans="2:14" x14ac:dyDescent="0.3">
      <c r="B4654">
        <f t="shared" si="523"/>
        <v>4</v>
      </c>
      <c r="C4654" s="16">
        <v>4620</v>
      </c>
      <c r="D4654" cm="1">
        <f t="array" ref="D4654">IFERROR(INDEX(Jesper!AH$2:AH$366,ROUNDDOWN($C4654/24,0)+1,1)*INDEX($D$3:$AA$30,INDEX(Jesper!$R$2:$R$366,ROW(INDEX(Jesper!AH$2:AH$366,ROUNDDOWN($C4654/24,0)+1,1))-1)+IF('Standard Profiles'!$G$18=$B$10,7,0)+IF('Standard Profiles'!$G$18=$B$17,14,0)+IF('Standard Profiles'!$G$18=$B$24,21,0),MOD($C4654,24)+1)/SUM(INDEX($D$3:$AA$30,INDEX(Jesper!$R$2:$R$366,ROW(INDEX(Jesper!AH$2:AH$366,ROUNDDOWN($C4654/24,0)+1,1))-1)+IF('Standard Profiles'!$G$18=$B$10,7,0)+IF('Standard Profiles'!$G$18=$B$17,14,0)+IF('Standard Profiles'!$G$18=$B$24,21,0),0)),0)</f>
        <v>13.399050364100241</v>
      </c>
      <c r="E4654" cm="1">
        <f t="array" ref="E4654">IFERROR(INDEX(Jesper!AI$2:AI$366,ROUNDDOWN($C4654/24,0)+1,1)*INDEX($D$3:$AA$30,INDEX(Jesper!$R$2:$R$366,ROW(INDEX(Jesper!AI$2:AI$366,ROUNDDOWN($C4654/24,0)+1,1))-1)+IF('Standard Profiles'!$G$19=$B$10,7,0)+IF('Standard Profiles'!$G$19=$B$17,14,0)+IF('Standard Profiles'!$G$19=$B$24,21,0),MOD($C4654,24)+1)/SUM(INDEX($D$3:$AA$30,INDEX(Jesper!$R$2:$R$366,ROW(INDEX(Jesper!AI$2:AI$366,ROUNDDOWN($C4654/24,0)+1,1))-1)+IF('Standard Profiles'!$G$19=$B$10,7,0)+IF('Standard Profiles'!$G$19=$B$17,14,0)+IF('Standard Profiles'!$G$19=$B$24,21,0),0)),0)</f>
        <v>0</v>
      </c>
      <c r="F4654" cm="1">
        <f t="array" ref="F4654">IFERROR(INDEX(Jesper!AJ$2:AJ$366,ROUNDDOWN($C4654/24,0)+1,1)*INDEX($D$3:$AA$30,INDEX(Jesper!$R$2:$R$366,ROW(INDEX(Jesper!AJ$2:AJ$366,ROUNDDOWN($C4654/24,0)+1,1))-1)+IF('Standard Profiles'!$G$20=$B$10,7,0)+IF('Standard Profiles'!$G$20=$B$17,14,0)+IF('Standard Profiles'!$G$20=$B$24,21,0),MOD($C4654,24)+1)/SUM(INDEX($D$3:$AA$30,INDEX(Jesper!$R$2:$R$366,ROW(INDEX(Jesper!AJ$2:AJ$366,ROUNDDOWN($C4654/24,0)+1,1))-1)+IF('Standard Profiles'!$G$20=$B$10,7,0)+IF('Standard Profiles'!$G$20=$B$17,14,0)+IF('Standard Profiles'!$G$20=$B$24,21,0),0)),0)</f>
        <v>0</v>
      </c>
      <c r="G4654" cm="1">
        <f t="array" ref="G4654">IFERROR(INDEX(Jesper!AK$2:AK$366,ROUNDDOWN($C4654/24,0)+1,1)*INDEX($D$3:$AA$30,INDEX(Jesper!$R$2:$R$366,ROW(INDEX(Jesper!AK$2:AK$366,ROUNDDOWN($C4654/24,0)+1,1))-1)+IF('Standard Profiles'!$G$21=$B$10,7,0)+IF('Standard Profiles'!$G$21=$B$17,14,0)+IF('Standard Profiles'!$G$21=$B$24,21,0),MOD($C4654,24)+1)/SUM(INDEX($D$3:$AA$30,INDEX(Jesper!$R$2:$R$366,ROW(INDEX(Jesper!AK$2:AK$366,ROUNDDOWN($C4654/24,0)+1,1))-1)+IF('Standard Profiles'!$G$21=$B$10,7,0)+IF('Standard Profiles'!$G$21=$B$17,14,0)+IF('Standard Profiles'!$G$21=$B$24,21,0),0)),0)</f>
        <v>0</v>
      </c>
      <c r="H4654" cm="1">
        <f t="array" ref="H4654">IFERROR(INDEX(Jesper!AL$2:AL$366,ROUNDDOWN($C4654/24,0)+1,1)*INDEX($D$3:$AA$30,INDEX(Jesper!$R$2:$R$366,ROW(INDEX(Jesper!AL$2:AL$366,ROUNDDOWN($C4654/24,0)+1,1))-1)+IF('Standard Profiles'!$G$22=$B$10,7,0)+IF('Standard Profiles'!$G$22=$B$17,14,0)+IF('Standard Profiles'!$G$22=$B$24,21,0),MOD($C4654,24)+1)/SUM(INDEX($D$3:$AA$30,INDEX(Jesper!$R$2:$R$366,ROW(INDEX(Jesper!AL$2:AL$366,ROUNDDOWN($C4654/24,0)+1,1))-1)+IF('Standard Profiles'!$G$22=$B$10,7,0)+IF('Standard Profiles'!$G$22=$B$17,14,0)+IF('Standard Profiles'!$G$22=$B$24,21,0),0)),0)</f>
        <v>0</v>
      </c>
      <c r="I4654">
        <f t="shared" si="524"/>
        <v>0.4019715109230072</v>
      </c>
      <c r="J4654">
        <f t="shared" si="525"/>
        <v>1.3399050364100242</v>
      </c>
      <c r="K4654">
        <f t="shared" si="526"/>
        <v>2.0098575546150359</v>
      </c>
      <c r="L4654">
        <f t="shared" si="527"/>
        <v>9.647316262152172</v>
      </c>
      <c r="M4654">
        <f t="shared" si="528"/>
        <v>0</v>
      </c>
      <c r="N4654" s="46">
        <f t="shared" si="529"/>
        <v>45484.499999988795</v>
      </c>
    </row>
    <row r="4655" spans="2:14" x14ac:dyDescent="0.3">
      <c r="B4655">
        <f t="shared" si="523"/>
        <v>4</v>
      </c>
      <c r="C4655" s="16">
        <v>4621</v>
      </c>
      <c r="D4655" cm="1">
        <f t="array" ref="D4655">IFERROR(INDEX(Jesper!AH$2:AH$366,ROUNDDOWN($C4655/24,0)+1,1)*INDEX($D$3:$AA$30,INDEX(Jesper!$R$2:$R$366,ROW(INDEX(Jesper!AH$2:AH$366,ROUNDDOWN($C4655/24,0)+1,1))-1)+IF('Standard Profiles'!$G$18=$B$10,7,0)+IF('Standard Profiles'!$G$18=$B$17,14,0)+IF('Standard Profiles'!$G$18=$B$24,21,0),MOD($C4655,24)+1)/SUM(INDEX($D$3:$AA$30,INDEX(Jesper!$R$2:$R$366,ROW(INDEX(Jesper!AH$2:AH$366,ROUNDDOWN($C4655/24,0)+1,1))-1)+IF('Standard Profiles'!$G$18=$B$10,7,0)+IF('Standard Profiles'!$G$18=$B$17,14,0)+IF('Standard Profiles'!$G$18=$B$24,21,0),0)),0)</f>
        <v>13.399050364100241</v>
      </c>
      <c r="E4655" cm="1">
        <f t="array" ref="E4655">IFERROR(INDEX(Jesper!AI$2:AI$366,ROUNDDOWN($C4655/24,0)+1,1)*INDEX($D$3:$AA$30,INDEX(Jesper!$R$2:$R$366,ROW(INDEX(Jesper!AI$2:AI$366,ROUNDDOWN($C4655/24,0)+1,1))-1)+IF('Standard Profiles'!$G$19=$B$10,7,0)+IF('Standard Profiles'!$G$19=$B$17,14,0)+IF('Standard Profiles'!$G$19=$B$24,21,0),MOD($C4655,24)+1)/SUM(INDEX($D$3:$AA$30,INDEX(Jesper!$R$2:$R$366,ROW(INDEX(Jesper!AI$2:AI$366,ROUNDDOWN($C4655/24,0)+1,1))-1)+IF('Standard Profiles'!$G$19=$B$10,7,0)+IF('Standard Profiles'!$G$19=$B$17,14,0)+IF('Standard Profiles'!$G$19=$B$24,21,0),0)),0)</f>
        <v>0</v>
      </c>
      <c r="F4655" cm="1">
        <f t="array" ref="F4655">IFERROR(INDEX(Jesper!AJ$2:AJ$366,ROUNDDOWN($C4655/24,0)+1,1)*INDEX($D$3:$AA$30,INDEX(Jesper!$R$2:$R$366,ROW(INDEX(Jesper!AJ$2:AJ$366,ROUNDDOWN($C4655/24,0)+1,1))-1)+IF('Standard Profiles'!$G$20=$B$10,7,0)+IF('Standard Profiles'!$G$20=$B$17,14,0)+IF('Standard Profiles'!$G$20=$B$24,21,0),MOD($C4655,24)+1)/SUM(INDEX($D$3:$AA$30,INDEX(Jesper!$R$2:$R$366,ROW(INDEX(Jesper!AJ$2:AJ$366,ROUNDDOWN($C4655/24,0)+1,1))-1)+IF('Standard Profiles'!$G$20=$B$10,7,0)+IF('Standard Profiles'!$G$20=$B$17,14,0)+IF('Standard Profiles'!$G$20=$B$24,21,0),0)),0)</f>
        <v>0</v>
      </c>
      <c r="G4655" cm="1">
        <f t="array" ref="G4655">IFERROR(INDEX(Jesper!AK$2:AK$366,ROUNDDOWN($C4655/24,0)+1,1)*INDEX($D$3:$AA$30,INDEX(Jesper!$R$2:$R$366,ROW(INDEX(Jesper!AK$2:AK$366,ROUNDDOWN($C4655/24,0)+1,1))-1)+IF('Standard Profiles'!$G$21=$B$10,7,0)+IF('Standard Profiles'!$G$21=$B$17,14,0)+IF('Standard Profiles'!$G$21=$B$24,21,0),MOD($C4655,24)+1)/SUM(INDEX($D$3:$AA$30,INDEX(Jesper!$R$2:$R$366,ROW(INDEX(Jesper!AK$2:AK$366,ROUNDDOWN($C4655/24,0)+1,1))-1)+IF('Standard Profiles'!$G$21=$B$10,7,0)+IF('Standard Profiles'!$G$21=$B$17,14,0)+IF('Standard Profiles'!$G$21=$B$24,21,0),0)),0)</f>
        <v>0</v>
      </c>
      <c r="H4655" cm="1">
        <f t="array" ref="H4655">IFERROR(INDEX(Jesper!AL$2:AL$366,ROUNDDOWN($C4655/24,0)+1,1)*INDEX($D$3:$AA$30,INDEX(Jesper!$R$2:$R$366,ROW(INDEX(Jesper!AL$2:AL$366,ROUNDDOWN($C4655/24,0)+1,1))-1)+IF('Standard Profiles'!$G$22=$B$10,7,0)+IF('Standard Profiles'!$G$22=$B$17,14,0)+IF('Standard Profiles'!$G$22=$B$24,21,0),MOD($C4655,24)+1)/SUM(INDEX($D$3:$AA$30,INDEX(Jesper!$R$2:$R$366,ROW(INDEX(Jesper!AL$2:AL$366,ROUNDDOWN($C4655/24,0)+1,1))-1)+IF('Standard Profiles'!$G$22=$B$10,7,0)+IF('Standard Profiles'!$G$22=$B$17,14,0)+IF('Standard Profiles'!$G$22=$B$24,21,0),0)),0)</f>
        <v>0</v>
      </c>
      <c r="I4655">
        <f t="shared" si="524"/>
        <v>0.4019715109230072</v>
      </c>
      <c r="J4655">
        <f t="shared" si="525"/>
        <v>1.3399050364100242</v>
      </c>
      <c r="K4655">
        <f t="shared" si="526"/>
        <v>2.0098575546150359</v>
      </c>
      <c r="L4655">
        <f t="shared" si="527"/>
        <v>9.647316262152172</v>
      </c>
      <c r="M4655">
        <f t="shared" si="528"/>
        <v>0</v>
      </c>
      <c r="N4655" s="46">
        <f t="shared" si="529"/>
        <v>45484.541666655459</v>
      </c>
    </row>
    <row r="4656" spans="2:14" x14ac:dyDescent="0.3">
      <c r="B4656">
        <f t="shared" si="523"/>
        <v>4</v>
      </c>
      <c r="C4656" s="16">
        <v>4622</v>
      </c>
      <c r="D4656" cm="1">
        <f t="array" ref="D4656">IFERROR(INDEX(Jesper!AH$2:AH$366,ROUNDDOWN($C4656/24,0)+1,1)*INDEX($D$3:$AA$30,INDEX(Jesper!$R$2:$R$366,ROW(INDEX(Jesper!AH$2:AH$366,ROUNDDOWN($C4656/24,0)+1,1))-1)+IF('Standard Profiles'!$G$18=$B$10,7,0)+IF('Standard Profiles'!$G$18=$B$17,14,0)+IF('Standard Profiles'!$G$18=$B$24,21,0),MOD($C4656,24)+1)/SUM(INDEX($D$3:$AA$30,INDEX(Jesper!$R$2:$R$366,ROW(INDEX(Jesper!AH$2:AH$366,ROUNDDOWN($C4656/24,0)+1,1))-1)+IF('Standard Profiles'!$G$18=$B$10,7,0)+IF('Standard Profiles'!$G$18=$B$17,14,0)+IF('Standard Profiles'!$G$18=$B$24,21,0),0)),0)</f>
        <v>13.399050364100241</v>
      </c>
      <c r="E4656" cm="1">
        <f t="array" ref="E4656">IFERROR(INDEX(Jesper!AI$2:AI$366,ROUNDDOWN($C4656/24,0)+1,1)*INDEX($D$3:$AA$30,INDEX(Jesper!$R$2:$R$366,ROW(INDEX(Jesper!AI$2:AI$366,ROUNDDOWN($C4656/24,0)+1,1))-1)+IF('Standard Profiles'!$G$19=$B$10,7,0)+IF('Standard Profiles'!$G$19=$B$17,14,0)+IF('Standard Profiles'!$G$19=$B$24,21,0),MOD($C4656,24)+1)/SUM(INDEX($D$3:$AA$30,INDEX(Jesper!$R$2:$R$366,ROW(INDEX(Jesper!AI$2:AI$366,ROUNDDOWN($C4656/24,0)+1,1))-1)+IF('Standard Profiles'!$G$19=$B$10,7,0)+IF('Standard Profiles'!$G$19=$B$17,14,0)+IF('Standard Profiles'!$G$19=$B$24,21,0),0)),0)</f>
        <v>0</v>
      </c>
      <c r="F4656" cm="1">
        <f t="array" ref="F4656">IFERROR(INDEX(Jesper!AJ$2:AJ$366,ROUNDDOWN($C4656/24,0)+1,1)*INDEX($D$3:$AA$30,INDEX(Jesper!$R$2:$R$366,ROW(INDEX(Jesper!AJ$2:AJ$366,ROUNDDOWN($C4656/24,0)+1,1))-1)+IF('Standard Profiles'!$G$20=$B$10,7,0)+IF('Standard Profiles'!$G$20=$B$17,14,0)+IF('Standard Profiles'!$G$20=$B$24,21,0),MOD($C4656,24)+1)/SUM(INDEX($D$3:$AA$30,INDEX(Jesper!$R$2:$R$366,ROW(INDEX(Jesper!AJ$2:AJ$366,ROUNDDOWN($C4656/24,0)+1,1))-1)+IF('Standard Profiles'!$G$20=$B$10,7,0)+IF('Standard Profiles'!$G$20=$B$17,14,0)+IF('Standard Profiles'!$G$20=$B$24,21,0),0)),0)</f>
        <v>0</v>
      </c>
      <c r="G4656" cm="1">
        <f t="array" ref="G4656">IFERROR(INDEX(Jesper!AK$2:AK$366,ROUNDDOWN($C4656/24,0)+1,1)*INDEX($D$3:$AA$30,INDEX(Jesper!$R$2:$R$366,ROW(INDEX(Jesper!AK$2:AK$366,ROUNDDOWN($C4656/24,0)+1,1))-1)+IF('Standard Profiles'!$G$21=$B$10,7,0)+IF('Standard Profiles'!$G$21=$B$17,14,0)+IF('Standard Profiles'!$G$21=$B$24,21,0),MOD($C4656,24)+1)/SUM(INDEX($D$3:$AA$30,INDEX(Jesper!$R$2:$R$366,ROW(INDEX(Jesper!AK$2:AK$366,ROUNDDOWN($C4656/24,0)+1,1))-1)+IF('Standard Profiles'!$G$21=$B$10,7,0)+IF('Standard Profiles'!$G$21=$B$17,14,0)+IF('Standard Profiles'!$G$21=$B$24,21,0),0)),0)</f>
        <v>0</v>
      </c>
      <c r="H4656" cm="1">
        <f t="array" ref="H4656">IFERROR(INDEX(Jesper!AL$2:AL$366,ROUNDDOWN($C4656/24,0)+1,1)*INDEX($D$3:$AA$30,INDEX(Jesper!$R$2:$R$366,ROW(INDEX(Jesper!AL$2:AL$366,ROUNDDOWN($C4656/24,0)+1,1))-1)+IF('Standard Profiles'!$G$22=$B$10,7,0)+IF('Standard Profiles'!$G$22=$B$17,14,0)+IF('Standard Profiles'!$G$22=$B$24,21,0),MOD($C4656,24)+1)/SUM(INDEX($D$3:$AA$30,INDEX(Jesper!$R$2:$R$366,ROW(INDEX(Jesper!AL$2:AL$366,ROUNDDOWN($C4656/24,0)+1,1))-1)+IF('Standard Profiles'!$G$22=$B$10,7,0)+IF('Standard Profiles'!$G$22=$B$17,14,0)+IF('Standard Profiles'!$G$22=$B$24,21,0),0)),0)</f>
        <v>0</v>
      </c>
      <c r="I4656">
        <f t="shared" si="524"/>
        <v>0.4019715109230072</v>
      </c>
      <c r="J4656">
        <f t="shared" si="525"/>
        <v>1.3399050364100242</v>
      </c>
      <c r="K4656">
        <f t="shared" si="526"/>
        <v>2.0098575546150359</v>
      </c>
      <c r="L4656">
        <f t="shared" si="527"/>
        <v>9.647316262152172</v>
      </c>
      <c r="M4656">
        <f t="shared" si="528"/>
        <v>0</v>
      </c>
      <c r="N4656" s="46">
        <f t="shared" si="529"/>
        <v>45484.583333322124</v>
      </c>
    </row>
    <row r="4657" spans="2:14" x14ac:dyDescent="0.3">
      <c r="B4657">
        <f t="shared" si="523"/>
        <v>4</v>
      </c>
      <c r="C4657" s="16">
        <v>4623</v>
      </c>
      <c r="D4657" cm="1">
        <f t="array" ref="D4657">IFERROR(INDEX(Jesper!AH$2:AH$366,ROUNDDOWN($C4657/24,0)+1,1)*INDEX($D$3:$AA$30,INDEX(Jesper!$R$2:$R$366,ROW(INDEX(Jesper!AH$2:AH$366,ROUNDDOWN($C4657/24,0)+1,1))-1)+IF('Standard Profiles'!$G$18=$B$10,7,0)+IF('Standard Profiles'!$G$18=$B$17,14,0)+IF('Standard Profiles'!$G$18=$B$24,21,0),MOD($C4657,24)+1)/SUM(INDEX($D$3:$AA$30,INDEX(Jesper!$R$2:$R$366,ROW(INDEX(Jesper!AH$2:AH$366,ROUNDDOWN($C4657/24,0)+1,1))-1)+IF('Standard Profiles'!$G$18=$B$10,7,0)+IF('Standard Profiles'!$G$18=$B$17,14,0)+IF('Standard Profiles'!$G$18=$B$24,21,0),0)),0)</f>
        <v>13.399050364100241</v>
      </c>
      <c r="E4657" cm="1">
        <f t="array" ref="E4657">IFERROR(INDEX(Jesper!AI$2:AI$366,ROUNDDOWN($C4657/24,0)+1,1)*INDEX($D$3:$AA$30,INDEX(Jesper!$R$2:$R$366,ROW(INDEX(Jesper!AI$2:AI$366,ROUNDDOWN($C4657/24,0)+1,1))-1)+IF('Standard Profiles'!$G$19=$B$10,7,0)+IF('Standard Profiles'!$G$19=$B$17,14,0)+IF('Standard Profiles'!$G$19=$B$24,21,0),MOD($C4657,24)+1)/SUM(INDEX($D$3:$AA$30,INDEX(Jesper!$R$2:$R$366,ROW(INDEX(Jesper!AI$2:AI$366,ROUNDDOWN($C4657/24,0)+1,1))-1)+IF('Standard Profiles'!$G$19=$B$10,7,0)+IF('Standard Profiles'!$G$19=$B$17,14,0)+IF('Standard Profiles'!$G$19=$B$24,21,0),0)),0)</f>
        <v>0</v>
      </c>
      <c r="F4657" cm="1">
        <f t="array" ref="F4657">IFERROR(INDEX(Jesper!AJ$2:AJ$366,ROUNDDOWN($C4657/24,0)+1,1)*INDEX($D$3:$AA$30,INDEX(Jesper!$R$2:$R$366,ROW(INDEX(Jesper!AJ$2:AJ$366,ROUNDDOWN($C4657/24,0)+1,1))-1)+IF('Standard Profiles'!$G$20=$B$10,7,0)+IF('Standard Profiles'!$G$20=$B$17,14,0)+IF('Standard Profiles'!$G$20=$B$24,21,0),MOD($C4657,24)+1)/SUM(INDEX($D$3:$AA$30,INDEX(Jesper!$R$2:$R$366,ROW(INDEX(Jesper!AJ$2:AJ$366,ROUNDDOWN($C4657/24,0)+1,1))-1)+IF('Standard Profiles'!$G$20=$B$10,7,0)+IF('Standard Profiles'!$G$20=$B$17,14,0)+IF('Standard Profiles'!$G$20=$B$24,21,0),0)),0)</f>
        <v>0</v>
      </c>
      <c r="G4657" cm="1">
        <f t="array" ref="G4657">IFERROR(INDEX(Jesper!AK$2:AK$366,ROUNDDOWN($C4657/24,0)+1,1)*INDEX($D$3:$AA$30,INDEX(Jesper!$R$2:$R$366,ROW(INDEX(Jesper!AK$2:AK$366,ROUNDDOWN($C4657/24,0)+1,1))-1)+IF('Standard Profiles'!$G$21=$B$10,7,0)+IF('Standard Profiles'!$G$21=$B$17,14,0)+IF('Standard Profiles'!$G$21=$B$24,21,0),MOD($C4657,24)+1)/SUM(INDEX($D$3:$AA$30,INDEX(Jesper!$R$2:$R$366,ROW(INDEX(Jesper!AK$2:AK$366,ROUNDDOWN($C4657/24,0)+1,1))-1)+IF('Standard Profiles'!$G$21=$B$10,7,0)+IF('Standard Profiles'!$G$21=$B$17,14,0)+IF('Standard Profiles'!$G$21=$B$24,21,0),0)),0)</f>
        <v>0</v>
      </c>
      <c r="H4657" cm="1">
        <f t="array" ref="H4657">IFERROR(INDEX(Jesper!AL$2:AL$366,ROUNDDOWN($C4657/24,0)+1,1)*INDEX($D$3:$AA$30,INDEX(Jesper!$R$2:$R$366,ROW(INDEX(Jesper!AL$2:AL$366,ROUNDDOWN($C4657/24,0)+1,1))-1)+IF('Standard Profiles'!$G$22=$B$10,7,0)+IF('Standard Profiles'!$G$22=$B$17,14,0)+IF('Standard Profiles'!$G$22=$B$24,21,0),MOD($C4657,24)+1)/SUM(INDEX($D$3:$AA$30,INDEX(Jesper!$R$2:$R$366,ROW(INDEX(Jesper!AL$2:AL$366,ROUNDDOWN($C4657/24,0)+1,1))-1)+IF('Standard Profiles'!$G$22=$B$10,7,0)+IF('Standard Profiles'!$G$22=$B$17,14,0)+IF('Standard Profiles'!$G$22=$B$24,21,0),0)),0)</f>
        <v>0</v>
      </c>
      <c r="I4657">
        <f t="shared" si="524"/>
        <v>0.4019715109230072</v>
      </c>
      <c r="J4657">
        <f t="shared" si="525"/>
        <v>1.3399050364100242</v>
      </c>
      <c r="K4657">
        <f t="shared" si="526"/>
        <v>2.0098575546150359</v>
      </c>
      <c r="L4657">
        <f t="shared" si="527"/>
        <v>9.647316262152172</v>
      </c>
      <c r="M4657">
        <f t="shared" si="528"/>
        <v>0</v>
      </c>
      <c r="N4657" s="46">
        <f t="shared" si="529"/>
        <v>45484.624999988788</v>
      </c>
    </row>
    <row r="4658" spans="2:14" x14ac:dyDescent="0.3">
      <c r="B4658">
        <f t="shared" si="523"/>
        <v>4</v>
      </c>
      <c r="C4658" s="16">
        <v>4624</v>
      </c>
      <c r="D4658" cm="1">
        <f t="array" ref="D4658">IFERROR(INDEX(Jesper!AH$2:AH$366,ROUNDDOWN($C4658/24,0)+1,1)*INDEX($D$3:$AA$30,INDEX(Jesper!$R$2:$R$366,ROW(INDEX(Jesper!AH$2:AH$366,ROUNDDOWN($C4658/24,0)+1,1))-1)+IF('Standard Profiles'!$G$18=$B$10,7,0)+IF('Standard Profiles'!$G$18=$B$17,14,0)+IF('Standard Profiles'!$G$18=$B$24,21,0),MOD($C4658,24)+1)/SUM(INDEX($D$3:$AA$30,INDEX(Jesper!$R$2:$R$366,ROW(INDEX(Jesper!AH$2:AH$366,ROUNDDOWN($C4658/24,0)+1,1))-1)+IF('Standard Profiles'!$G$18=$B$10,7,0)+IF('Standard Profiles'!$G$18=$B$17,14,0)+IF('Standard Profiles'!$G$18=$B$24,21,0),0)),0)</f>
        <v>13.399050364100241</v>
      </c>
      <c r="E4658" cm="1">
        <f t="array" ref="E4658">IFERROR(INDEX(Jesper!AI$2:AI$366,ROUNDDOWN($C4658/24,0)+1,1)*INDEX($D$3:$AA$30,INDEX(Jesper!$R$2:$R$366,ROW(INDEX(Jesper!AI$2:AI$366,ROUNDDOWN($C4658/24,0)+1,1))-1)+IF('Standard Profiles'!$G$19=$B$10,7,0)+IF('Standard Profiles'!$G$19=$B$17,14,0)+IF('Standard Profiles'!$G$19=$B$24,21,0),MOD($C4658,24)+1)/SUM(INDEX($D$3:$AA$30,INDEX(Jesper!$R$2:$R$366,ROW(INDEX(Jesper!AI$2:AI$366,ROUNDDOWN($C4658/24,0)+1,1))-1)+IF('Standard Profiles'!$G$19=$B$10,7,0)+IF('Standard Profiles'!$G$19=$B$17,14,0)+IF('Standard Profiles'!$G$19=$B$24,21,0),0)),0)</f>
        <v>0</v>
      </c>
      <c r="F4658" cm="1">
        <f t="array" ref="F4658">IFERROR(INDEX(Jesper!AJ$2:AJ$366,ROUNDDOWN($C4658/24,0)+1,1)*INDEX($D$3:$AA$30,INDEX(Jesper!$R$2:$R$366,ROW(INDEX(Jesper!AJ$2:AJ$366,ROUNDDOWN($C4658/24,0)+1,1))-1)+IF('Standard Profiles'!$G$20=$B$10,7,0)+IF('Standard Profiles'!$G$20=$B$17,14,0)+IF('Standard Profiles'!$G$20=$B$24,21,0),MOD($C4658,24)+1)/SUM(INDEX($D$3:$AA$30,INDEX(Jesper!$R$2:$R$366,ROW(INDEX(Jesper!AJ$2:AJ$366,ROUNDDOWN($C4658/24,0)+1,1))-1)+IF('Standard Profiles'!$G$20=$B$10,7,0)+IF('Standard Profiles'!$G$20=$B$17,14,0)+IF('Standard Profiles'!$G$20=$B$24,21,0),0)),0)</f>
        <v>0</v>
      </c>
      <c r="G4658" cm="1">
        <f t="array" ref="G4658">IFERROR(INDEX(Jesper!AK$2:AK$366,ROUNDDOWN($C4658/24,0)+1,1)*INDEX($D$3:$AA$30,INDEX(Jesper!$R$2:$R$366,ROW(INDEX(Jesper!AK$2:AK$366,ROUNDDOWN($C4658/24,0)+1,1))-1)+IF('Standard Profiles'!$G$21=$B$10,7,0)+IF('Standard Profiles'!$G$21=$B$17,14,0)+IF('Standard Profiles'!$G$21=$B$24,21,0),MOD($C4658,24)+1)/SUM(INDEX($D$3:$AA$30,INDEX(Jesper!$R$2:$R$366,ROW(INDEX(Jesper!AK$2:AK$366,ROUNDDOWN($C4658/24,0)+1,1))-1)+IF('Standard Profiles'!$G$21=$B$10,7,0)+IF('Standard Profiles'!$G$21=$B$17,14,0)+IF('Standard Profiles'!$G$21=$B$24,21,0),0)),0)</f>
        <v>0</v>
      </c>
      <c r="H4658" cm="1">
        <f t="array" ref="H4658">IFERROR(INDEX(Jesper!AL$2:AL$366,ROUNDDOWN($C4658/24,0)+1,1)*INDEX($D$3:$AA$30,INDEX(Jesper!$R$2:$R$366,ROW(INDEX(Jesper!AL$2:AL$366,ROUNDDOWN($C4658/24,0)+1,1))-1)+IF('Standard Profiles'!$G$22=$B$10,7,0)+IF('Standard Profiles'!$G$22=$B$17,14,0)+IF('Standard Profiles'!$G$22=$B$24,21,0),MOD($C4658,24)+1)/SUM(INDEX($D$3:$AA$30,INDEX(Jesper!$R$2:$R$366,ROW(INDEX(Jesper!AL$2:AL$366,ROUNDDOWN($C4658/24,0)+1,1))-1)+IF('Standard Profiles'!$G$22=$B$10,7,0)+IF('Standard Profiles'!$G$22=$B$17,14,0)+IF('Standard Profiles'!$G$22=$B$24,21,0),0)),0)</f>
        <v>0</v>
      </c>
      <c r="I4658">
        <f t="shared" si="524"/>
        <v>0.4019715109230072</v>
      </c>
      <c r="J4658">
        <f t="shared" si="525"/>
        <v>1.3399050364100242</v>
      </c>
      <c r="K4658">
        <f t="shared" si="526"/>
        <v>2.0098575546150359</v>
      </c>
      <c r="L4658">
        <f t="shared" si="527"/>
        <v>9.647316262152172</v>
      </c>
      <c r="M4658">
        <f t="shared" si="528"/>
        <v>0</v>
      </c>
      <c r="N4658" s="46">
        <f t="shared" si="529"/>
        <v>45484.666666655452</v>
      </c>
    </row>
    <row r="4659" spans="2:14" x14ac:dyDescent="0.3">
      <c r="B4659">
        <f t="shared" si="523"/>
        <v>4</v>
      </c>
      <c r="C4659" s="16">
        <v>4625</v>
      </c>
      <c r="D4659" cm="1">
        <f t="array" ref="D4659">IFERROR(INDEX(Jesper!AH$2:AH$366,ROUNDDOWN($C4659/24,0)+1,1)*INDEX($D$3:$AA$30,INDEX(Jesper!$R$2:$R$366,ROW(INDEX(Jesper!AH$2:AH$366,ROUNDDOWN($C4659/24,0)+1,1))-1)+IF('Standard Profiles'!$G$18=$B$10,7,0)+IF('Standard Profiles'!$G$18=$B$17,14,0)+IF('Standard Profiles'!$G$18=$B$24,21,0),MOD($C4659,24)+1)/SUM(INDEX($D$3:$AA$30,INDEX(Jesper!$R$2:$R$366,ROW(INDEX(Jesper!AH$2:AH$366,ROUNDDOWN($C4659/24,0)+1,1))-1)+IF('Standard Profiles'!$G$18=$B$10,7,0)+IF('Standard Profiles'!$G$18=$B$17,14,0)+IF('Standard Profiles'!$G$18=$B$24,21,0),0)),0)</f>
        <v>13.399050364100241</v>
      </c>
      <c r="E4659" cm="1">
        <f t="array" ref="E4659">IFERROR(INDEX(Jesper!AI$2:AI$366,ROUNDDOWN($C4659/24,0)+1,1)*INDEX($D$3:$AA$30,INDEX(Jesper!$R$2:$R$366,ROW(INDEX(Jesper!AI$2:AI$366,ROUNDDOWN($C4659/24,0)+1,1))-1)+IF('Standard Profiles'!$G$19=$B$10,7,0)+IF('Standard Profiles'!$G$19=$B$17,14,0)+IF('Standard Profiles'!$G$19=$B$24,21,0),MOD($C4659,24)+1)/SUM(INDEX($D$3:$AA$30,INDEX(Jesper!$R$2:$R$366,ROW(INDEX(Jesper!AI$2:AI$366,ROUNDDOWN($C4659/24,0)+1,1))-1)+IF('Standard Profiles'!$G$19=$B$10,7,0)+IF('Standard Profiles'!$G$19=$B$17,14,0)+IF('Standard Profiles'!$G$19=$B$24,21,0),0)),0)</f>
        <v>0</v>
      </c>
      <c r="F4659" cm="1">
        <f t="array" ref="F4659">IFERROR(INDEX(Jesper!AJ$2:AJ$366,ROUNDDOWN($C4659/24,0)+1,1)*INDEX($D$3:$AA$30,INDEX(Jesper!$R$2:$R$366,ROW(INDEX(Jesper!AJ$2:AJ$366,ROUNDDOWN($C4659/24,0)+1,1))-1)+IF('Standard Profiles'!$G$20=$B$10,7,0)+IF('Standard Profiles'!$G$20=$B$17,14,0)+IF('Standard Profiles'!$G$20=$B$24,21,0),MOD($C4659,24)+1)/SUM(INDEX($D$3:$AA$30,INDEX(Jesper!$R$2:$R$366,ROW(INDEX(Jesper!AJ$2:AJ$366,ROUNDDOWN($C4659/24,0)+1,1))-1)+IF('Standard Profiles'!$G$20=$B$10,7,0)+IF('Standard Profiles'!$G$20=$B$17,14,0)+IF('Standard Profiles'!$G$20=$B$24,21,0),0)),0)</f>
        <v>0</v>
      </c>
      <c r="G4659" cm="1">
        <f t="array" ref="G4659">IFERROR(INDEX(Jesper!AK$2:AK$366,ROUNDDOWN($C4659/24,0)+1,1)*INDEX($D$3:$AA$30,INDEX(Jesper!$R$2:$R$366,ROW(INDEX(Jesper!AK$2:AK$366,ROUNDDOWN($C4659/24,0)+1,1))-1)+IF('Standard Profiles'!$G$21=$B$10,7,0)+IF('Standard Profiles'!$G$21=$B$17,14,0)+IF('Standard Profiles'!$G$21=$B$24,21,0),MOD($C4659,24)+1)/SUM(INDEX($D$3:$AA$30,INDEX(Jesper!$R$2:$R$366,ROW(INDEX(Jesper!AK$2:AK$366,ROUNDDOWN($C4659/24,0)+1,1))-1)+IF('Standard Profiles'!$G$21=$B$10,7,0)+IF('Standard Profiles'!$G$21=$B$17,14,0)+IF('Standard Profiles'!$G$21=$B$24,21,0),0)),0)</f>
        <v>0</v>
      </c>
      <c r="H4659" cm="1">
        <f t="array" ref="H4659">IFERROR(INDEX(Jesper!AL$2:AL$366,ROUNDDOWN($C4659/24,0)+1,1)*INDEX($D$3:$AA$30,INDEX(Jesper!$R$2:$R$366,ROW(INDEX(Jesper!AL$2:AL$366,ROUNDDOWN($C4659/24,0)+1,1))-1)+IF('Standard Profiles'!$G$22=$B$10,7,0)+IF('Standard Profiles'!$G$22=$B$17,14,0)+IF('Standard Profiles'!$G$22=$B$24,21,0),MOD($C4659,24)+1)/SUM(INDEX($D$3:$AA$30,INDEX(Jesper!$R$2:$R$366,ROW(INDEX(Jesper!AL$2:AL$366,ROUNDDOWN($C4659/24,0)+1,1))-1)+IF('Standard Profiles'!$G$22=$B$10,7,0)+IF('Standard Profiles'!$G$22=$B$17,14,0)+IF('Standard Profiles'!$G$22=$B$24,21,0),0)),0)</f>
        <v>0</v>
      </c>
      <c r="I4659">
        <f t="shared" si="524"/>
        <v>0.4019715109230072</v>
      </c>
      <c r="J4659">
        <f t="shared" si="525"/>
        <v>1.3399050364100242</v>
      </c>
      <c r="K4659">
        <f t="shared" si="526"/>
        <v>2.0098575546150359</v>
      </c>
      <c r="L4659">
        <f t="shared" si="527"/>
        <v>9.647316262152172</v>
      </c>
      <c r="M4659">
        <f t="shared" si="528"/>
        <v>0</v>
      </c>
      <c r="N4659" s="46">
        <f t="shared" si="529"/>
        <v>45484.708333322116</v>
      </c>
    </row>
    <row r="4660" spans="2:14" x14ac:dyDescent="0.3">
      <c r="B4660">
        <f t="shared" si="523"/>
        <v>4</v>
      </c>
      <c r="C4660" s="16">
        <v>4626</v>
      </c>
      <c r="D4660" cm="1">
        <f t="array" ref="D4660">IFERROR(INDEX(Jesper!AH$2:AH$366,ROUNDDOWN($C4660/24,0)+1,1)*INDEX($D$3:$AA$30,INDEX(Jesper!$R$2:$R$366,ROW(INDEX(Jesper!AH$2:AH$366,ROUNDDOWN($C4660/24,0)+1,1))-1)+IF('Standard Profiles'!$G$18=$B$10,7,0)+IF('Standard Profiles'!$G$18=$B$17,14,0)+IF('Standard Profiles'!$G$18=$B$24,21,0),MOD($C4660,24)+1)/SUM(INDEX($D$3:$AA$30,INDEX(Jesper!$R$2:$R$366,ROW(INDEX(Jesper!AH$2:AH$366,ROUNDDOWN($C4660/24,0)+1,1))-1)+IF('Standard Profiles'!$G$18=$B$10,7,0)+IF('Standard Profiles'!$G$18=$B$17,14,0)+IF('Standard Profiles'!$G$18=$B$24,21,0),0)),0)</f>
        <v>13.399050364100241</v>
      </c>
      <c r="E4660" cm="1">
        <f t="array" ref="E4660">IFERROR(INDEX(Jesper!AI$2:AI$366,ROUNDDOWN($C4660/24,0)+1,1)*INDEX($D$3:$AA$30,INDEX(Jesper!$R$2:$R$366,ROW(INDEX(Jesper!AI$2:AI$366,ROUNDDOWN($C4660/24,0)+1,1))-1)+IF('Standard Profiles'!$G$19=$B$10,7,0)+IF('Standard Profiles'!$G$19=$B$17,14,0)+IF('Standard Profiles'!$G$19=$B$24,21,0),MOD($C4660,24)+1)/SUM(INDEX($D$3:$AA$30,INDEX(Jesper!$R$2:$R$366,ROW(INDEX(Jesper!AI$2:AI$366,ROUNDDOWN($C4660/24,0)+1,1))-1)+IF('Standard Profiles'!$G$19=$B$10,7,0)+IF('Standard Profiles'!$G$19=$B$17,14,0)+IF('Standard Profiles'!$G$19=$B$24,21,0),0)),0)</f>
        <v>0</v>
      </c>
      <c r="F4660" cm="1">
        <f t="array" ref="F4660">IFERROR(INDEX(Jesper!AJ$2:AJ$366,ROUNDDOWN($C4660/24,0)+1,1)*INDEX($D$3:$AA$30,INDEX(Jesper!$R$2:$R$366,ROW(INDEX(Jesper!AJ$2:AJ$366,ROUNDDOWN($C4660/24,0)+1,1))-1)+IF('Standard Profiles'!$G$20=$B$10,7,0)+IF('Standard Profiles'!$G$20=$B$17,14,0)+IF('Standard Profiles'!$G$20=$B$24,21,0),MOD($C4660,24)+1)/SUM(INDEX($D$3:$AA$30,INDEX(Jesper!$R$2:$R$366,ROW(INDEX(Jesper!AJ$2:AJ$366,ROUNDDOWN($C4660/24,0)+1,1))-1)+IF('Standard Profiles'!$G$20=$B$10,7,0)+IF('Standard Profiles'!$G$20=$B$17,14,0)+IF('Standard Profiles'!$G$20=$B$24,21,0),0)),0)</f>
        <v>0</v>
      </c>
      <c r="G4660" cm="1">
        <f t="array" ref="G4660">IFERROR(INDEX(Jesper!AK$2:AK$366,ROUNDDOWN($C4660/24,0)+1,1)*INDEX($D$3:$AA$30,INDEX(Jesper!$R$2:$R$366,ROW(INDEX(Jesper!AK$2:AK$366,ROUNDDOWN($C4660/24,0)+1,1))-1)+IF('Standard Profiles'!$G$21=$B$10,7,0)+IF('Standard Profiles'!$G$21=$B$17,14,0)+IF('Standard Profiles'!$G$21=$B$24,21,0),MOD($C4660,24)+1)/SUM(INDEX($D$3:$AA$30,INDEX(Jesper!$R$2:$R$366,ROW(INDEX(Jesper!AK$2:AK$366,ROUNDDOWN($C4660/24,0)+1,1))-1)+IF('Standard Profiles'!$G$21=$B$10,7,0)+IF('Standard Profiles'!$G$21=$B$17,14,0)+IF('Standard Profiles'!$G$21=$B$24,21,0),0)),0)</f>
        <v>0</v>
      </c>
      <c r="H4660" cm="1">
        <f t="array" ref="H4660">IFERROR(INDEX(Jesper!AL$2:AL$366,ROUNDDOWN($C4660/24,0)+1,1)*INDEX($D$3:$AA$30,INDEX(Jesper!$R$2:$R$366,ROW(INDEX(Jesper!AL$2:AL$366,ROUNDDOWN($C4660/24,0)+1,1))-1)+IF('Standard Profiles'!$G$22=$B$10,7,0)+IF('Standard Profiles'!$G$22=$B$17,14,0)+IF('Standard Profiles'!$G$22=$B$24,21,0),MOD($C4660,24)+1)/SUM(INDEX($D$3:$AA$30,INDEX(Jesper!$R$2:$R$366,ROW(INDEX(Jesper!AL$2:AL$366,ROUNDDOWN($C4660/24,0)+1,1))-1)+IF('Standard Profiles'!$G$22=$B$10,7,0)+IF('Standard Profiles'!$G$22=$B$17,14,0)+IF('Standard Profiles'!$G$22=$B$24,21,0),0)),0)</f>
        <v>0</v>
      </c>
      <c r="I4660">
        <f t="shared" si="524"/>
        <v>0.4019715109230072</v>
      </c>
      <c r="J4660">
        <f t="shared" si="525"/>
        <v>1.3399050364100242</v>
      </c>
      <c r="K4660">
        <f t="shared" si="526"/>
        <v>2.0098575546150359</v>
      </c>
      <c r="L4660">
        <f t="shared" si="527"/>
        <v>9.647316262152172</v>
      </c>
      <c r="M4660">
        <f t="shared" si="528"/>
        <v>0</v>
      </c>
      <c r="N4660" s="46">
        <f t="shared" si="529"/>
        <v>45484.74999998878</v>
      </c>
    </row>
    <row r="4661" spans="2:14" x14ac:dyDescent="0.3">
      <c r="B4661">
        <f t="shared" si="523"/>
        <v>4</v>
      </c>
      <c r="C4661" s="16">
        <v>4627</v>
      </c>
      <c r="D4661" cm="1">
        <f t="array" ref="D4661">IFERROR(INDEX(Jesper!AH$2:AH$366,ROUNDDOWN($C4661/24,0)+1,1)*INDEX($D$3:$AA$30,INDEX(Jesper!$R$2:$R$366,ROW(INDEX(Jesper!AH$2:AH$366,ROUNDDOWN($C4661/24,0)+1,1))-1)+IF('Standard Profiles'!$G$18=$B$10,7,0)+IF('Standard Profiles'!$G$18=$B$17,14,0)+IF('Standard Profiles'!$G$18=$B$24,21,0),MOD($C4661,24)+1)/SUM(INDEX($D$3:$AA$30,INDEX(Jesper!$R$2:$R$366,ROW(INDEX(Jesper!AH$2:AH$366,ROUNDDOWN($C4661/24,0)+1,1))-1)+IF('Standard Profiles'!$G$18=$B$10,7,0)+IF('Standard Profiles'!$G$18=$B$17,14,0)+IF('Standard Profiles'!$G$18=$B$24,21,0),0)),0)</f>
        <v>11.165875303416867</v>
      </c>
      <c r="E4661" cm="1">
        <f t="array" ref="E4661">IFERROR(INDEX(Jesper!AI$2:AI$366,ROUNDDOWN($C4661/24,0)+1,1)*INDEX($D$3:$AA$30,INDEX(Jesper!$R$2:$R$366,ROW(INDEX(Jesper!AI$2:AI$366,ROUNDDOWN($C4661/24,0)+1,1))-1)+IF('Standard Profiles'!$G$19=$B$10,7,0)+IF('Standard Profiles'!$G$19=$B$17,14,0)+IF('Standard Profiles'!$G$19=$B$24,21,0),MOD($C4661,24)+1)/SUM(INDEX($D$3:$AA$30,INDEX(Jesper!$R$2:$R$366,ROW(INDEX(Jesper!AI$2:AI$366,ROUNDDOWN($C4661/24,0)+1,1))-1)+IF('Standard Profiles'!$G$19=$B$10,7,0)+IF('Standard Profiles'!$G$19=$B$17,14,0)+IF('Standard Profiles'!$G$19=$B$24,21,0),0)),0)</f>
        <v>0</v>
      </c>
      <c r="F4661" cm="1">
        <f t="array" ref="F4661">IFERROR(INDEX(Jesper!AJ$2:AJ$366,ROUNDDOWN($C4661/24,0)+1,1)*INDEX($D$3:$AA$30,INDEX(Jesper!$R$2:$R$366,ROW(INDEX(Jesper!AJ$2:AJ$366,ROUNDDOWN($C4661/24,0)+1,1))-1)+IF('Standard Profiles'!$G$20=$B$10,7,0)+IF('Standard Profiles'!$G$20=$B$17,14,0)+IF('Standard Profiles'!$G$20=$B$24,21,0),MOD($C4661,24)+1)/SUM(INDEX($D$3:$AA$30,INDEX(Jesper!$R$2:$R$366,ROW(INDEX(Jesper!AJ$2:AJ$366,ROUNDDOWN($C4661/24,0)+1,1))-1)+IF('Standard Profiles'!$G$20=$B$10,7,0)+IF('Standard Profiles'!$G$20=$B$17,14,0)+IF('Standard Profiles'!$G$20=$B$24,21,0),0)),0)</f>
        <v>0</v>
      </c>
      <c r="G4661" cm="1">
        <f t="array" ref="G4661">IFERROR(INDEX(Jesper!AK$2:AK$366,ROUNDDOWN($C4661/24,0)+1,1)*INDEX($D$3:$AA$30,INDEX(Jesper!$R$2:$R$366,ROW(INDEX(Jesper!AK$2:AK$366,ROUNDDOWN($C4661/24,0)+1,1))-1)+IF('Standard Profiles'!$G$21=$B$10,7,0)+IF('Standard Profiles'!$G$21=$B$17,14,0)+IF('Standard Profiles'!$G$21=$B$24,21,0),MOD($C4661,24)+1)/SUM(INDEX($D$3:$AA$30,INDEX(Jesper!$R$2:$R$366,ROW(INDEX(Jesper!AK$2:AK$366,ROUNDDOWN($C4661/24,0)+1,1))-1)+IF('Standard Profiles'!$G$21=$B$10,7,0)+IF('Standard Profiles'!$G$21=$B$17,14,0)+IF('Standard Profiles'!$G$21=$B$24,21,0),0)),0)</f>
        <v>0</v>
      </c>
      <c r="H4661" cm="1">
        <f t="array" ref="H4661">IFERROR(INDEX(Jesper!AL$2:AL$366,ROUNDDOWN($C4661/24,0)+1,1)*INDEX($D$3:$AA$30,INDEX(Jesper!$R$2:$R$366,ROW(INDEX(Jesper!AL$2:AL$366,ROUNDDOWN($C4661/24,0)+1,1))-1)+IF('Standard Profiles'!$G$22=$B$10,7,0)+IF('Standard Profiles'!$G$22=$B$17,14,0)+IF('Standard Profiles'!$G$22=$B$24,21,0),MOD($C4661,24)+1)/SUM(INDEX($D$3:$AA$30,INDEX(Jesper!$R$2:$R$366,ROW(INDEX(Jesper!AL$2:AL$366,ROUNDDOWN($C4661/24,0)+1,1))-1)+IF('Standard Profiles'!$G$22=$B$10,7,0)+IF('Standard Profiles'!$G$22=$B$17,14,0)+IF('Standard Profiles'!$G$22=$B$24,21,0),0)),0)</f>
        <v>0</v>
      </c>
      <c r="I4661">
        <f t="shared" si="524"/>
        <v>0.334976259102506</v>
      </c>
      <c r="J4661">
        <f t="shared" si="525"/>
        <v>1.1165875303416868</v>
      </c>
      <c r="K4661">
        <f t="shared" si="526"/>
        <v>1.6748812955125298</v>
      </c>
      <c r="L4661">
        <f t="shared" si="527"/>
        <v>8.0394302184601436</v>
      </c>
      <c r="M4661">
        <f t="shared" si="528"/>
        <v>0</v>
      </c>
      <c r="N4661" s="46">
        <f t="shared" si="529"/>
        <v>45484.791666655445</v>
      </c>
    </row>
    <row r="4662" spans="2:14" x14ac:dyDescent="0.3">
      <c r="B4662">
        <f t="shared" si="523"/>
        <v>4</v>
      </c>
      <c r="C4662" s="16">
        <v>4628</v>
      </c>
      <c r="D4662" cm="1">
        <f t="array" ref="D4662">IFERROR(INDEX(Jesper!AH$2:AH$366,ROUNDDOWN($C4662/24,0)+1,1)*INDEX($D$3:$AA$30,INDEX(Jesper!$R$2:$R$366,ROW(INDEX(Jesper!AH$2:AH$366,ROUNDDOWN($C4662/24,0)+1,1))-1)+IF('Standard Profiles'!$G$18=$B$10,7,0)+IF('Standard Profiles'!$G$18=$B$17,14,0)+IF('Standard Profiles'!$G$18=$B$24,21,0),MOD($C4662,24)+1)/SUM(INDEX($D$3:$AA$30,INDEX(Jesper!$R$2:$R$366,ROW(INDEX(Jesper!AH$2:AH$366,ROUNDDOWN($C4662/24,0)+1,1))-1)+IF('Standard Profiles'!$G$18=$B$10,7,0)+IF('Standard Profiles'!$G$18=$B$17,14,0)+IF('Standard Profiles'!$G$18=$B$24,21,0),0)),0)</f>
        <v>8.9327002427334925</v>
      </c>
      <c r="E4662" cm="1">
        <f t="array" ref="E4662">IFERROR(INDEX(Jesper!AI$2:AI$366,ROUNDDOWN($C4662/24,0)+1,1)*INDEX($D$3:$AA$30,INDEX(Jesper!$R$2:$R$366,ROW(INDEX(Jesper!AI$2:AI$366,ROUNDDOWN($C4662/24,0)+1,1))-1)+IF('Standard Profiles'!$G$19=$B$10,7,0)+IF('Standard Profiles'!$G$19=$B$17,14,0)+IF('Standard Profiles'!$G$19=$B$24,21,0),MOD($C4662,24)+1)/SUM(INDEX($D$3:$AA$30,INDEX(Jesper!$R$2:$R$366,ROW(INDEX(Jesper!AI$2:AI$366,ROUNDDOWN($C4662/24,0)+1,1))-1)+IF('Standard Profiles'!$G$19=$B$10,7,0)+IF('Standard Profiles'!$G$19=$B$17,14,0)+IF('Standard Profiles'!$G$19=$B$24,21,0),0)),0)</f>
        <v>0</v>
      </c>
      <c r="F4662" cm="1">
        <f t="array" ref="F4662">IFERROR(INDEX(Jesper!AJ$2:AJ$366,ROUNDDOWN($C4662/24,0)+1,1)*INDEX($D$3:$AA$30,INDEX(Jesper!$R$2:$R$366,ROW(INDEX(Jesper!AJ$2:AJ$366,ROUNDDOWN($C4662/24,0)+1,1))-1)+IF('Standard Profiles'!$G$20=$B$10,7,0)+IF('Standard Profiles'!$G$20=$B$17,14,0)+IF('Standard Profiles'!$G$20=$B$24,21,0),MOD($C4662,24)+1)/SUM(INDEX($D$3:$AA$30,INDEX(Jesper!$R$2:$R$366,ROW(INDEX(Jesper!AJ$2:AJ$366,ROUNDDOWN($C4662/24,0)+1,1))-1)+IF('Standard Profiles'!$G$20=$B$10,7,0)+IF('Standard Profiles'!$G$20=$B$17,14,0)+IF('Standard Profiles'!$G$20=$B$24,21,0),0)),0)</f>
        <v>0</v>
      </c>
      <c r="G4662" cm="1">
        <f t="array" ref="G4662">IFERROR(INDEX(Jesper!AK$2:AK$366,ROUNDDOWN($C4662/24,0)+1,1)*INDEX($D$3:$AA$30,INDEX(Jesper!$R$2:$R$366,ROW(INDEX(Jesper!AK$2:AK$366,ROUNDDOWN($C4662/24,0)+1,1))-1)+IF('Standard Profiles'!$G$21=$B$10,7,0)+IF('Standard Profiles'!$G$21=$B$17,14,0)+IF('Standard Profiles'!$G$21=$B$24,21,0),MOD($C4662,24)+1)/SUM(INDEX($D$3:$AA$30,INDEX(Jesper!$R$2:$R$366,ROW(INDEX(Jesper!AK$2:AK$366,ROUNDDOWN($C4662/24,0)+1,1))-1)+IF('Standard Profiles'!$G$21=$B$10,7,0)+IF('Standard Profiles'!$G$21=$B$17,14,0)+IF('Standard Profiles'!$G$21=$B$24,21,0),0)),0)</f>
        <v>0</v>
      </c>
      <c r="H4662" cm="1">
        <f t="array" ref="H4662">IFERROR(INDEX(Jesper!AL$2:AL$366,ROUNDDOWN($C4662/24,0)+1,1)*INDEX($D$3:$AA$30,INDEX(Jesper!$R$2:$R$366,ROW(INDEX(Jesper!AL$2:AL$366,ROUNDDOWN($C4662/24,0)+1,1))-1)+IF('Standard Profiles'!$G$22=$B$10,7,0)+IF('Standard Profiles'!$G$22=$B$17,14,0)+IF('Standard Profiles'!$G$22=$B$24,21,0),MOD($C4662,24)+1)/SUM(INDEX($D$3:$AA$30,INDEX(Jesper!$R$2:$R$366,ROW(INDEX(Jesper!AL$2:AL$366,ROUNDDOWN($C4662/24,0)+1,1))-1)+IF('Standard Profiles'!$G$22=$B$10,7,0)+IF('Standard Profiles'!$G$22=$B$17,14,0)+IF('Standard Profiles'!$G$22=$B$24,21,0),0)),0)</f>
        <v>0</v>
      </c>
      <c r="I4662">
        <f t="shared" si="524"/>
        <v>0.26798100728200475</v>
      </c>
      <c r="J4662">
        <f t="shared" si="525"/>
        <v>0.89327002427334934</v>
      </c>
      <c r="K4662">
        <f t="shared" si="526"/>
        <v>1.3399050364100238</v>
      </c>
      <c r="L4662">
        <f t="shared" si="527"/>
        <v>6.4315441747681144</v>
      </c>
      <c r="M4662">
        <f t="shared" si="528"/>
        <v>0</v>
      </c>
      <c r="N4662" s="46">
        <f t="shared" si="529"/>
        <v>45484.833333322109</v>
      </c>
    </row>
    <row r="4663" spans="2:14" x14ac:dyDescent="0.3">
      <c r="B4663">
        <f t="shared" si="523"/>
        <v>4</v>
      </c>
      <c r="C4663" s="16">
        <v>4629</v>
      </c>
      <c r="D4663" cm="1">
        <f t="array" ref="D4663">IFERROR(INDEX(Jesper!AH$2:AH$366,ROUNDDOWN($C4663/24,0)+1,1)*INDEX($D$3:$AA$30,INDEX(Jesper!$R$2:$R$366,ROW(INDEX(Jesper!AH$2:AH$366,ROUNDDOWN($C4663/24,0)+1,1))-1)+IF('Standard Profiles'!$G$18=$B$10,7,0)+IF('Standard Profiles'!$G$18=$B$17,14,0)+IF('Standard Profiles'!$G$18=$B$24,21,0),MOD($C4663,24)+1)/SUM(INDEX($D$3:$AA$30,INDEX(Jesper!$R$2:$R$366,ROW(INDEX(Jesper!AH$2:AH$366,ROUNDDOWN($C4663/24,0)+1,1))-1)+IF('Standard Profiles'!$G$18=$B$10,7,0)+IF('Standard Profiles'!$G$18=$B$17,14,0)+IF('Standard Profiles'!$G$18=$B$24,21,0),0)),0)</f>
        <v>6.6995251820501203</v>
      </c>
      <c r="E4663" cm="1">
        <f t="array" ref="E4663">IFERROR(INDEX(Jesper!AI$2:AI$366,ROUNDDOWN($C4663/24,0)+1,1)*INDEX($D$3:$AA$30,INDEX(Jesper!$R$2:$R$366,ROW(INDEX(Jesper!AI$2:AI$366,ROUNDDOWN($C4663/24,0)+1,1))-1)+IF('Standard Profiles'!$G$19=$B$10,7,0)+IF('Standard Profiles'!$G$19=$B$17,14,0)+IF('Standard Profiles'!$G$19=$B$24,21,0),MOD($C4663,24)+1)/SUM(INDEX($D$3:$AA$30,INDEX(Jesper!$R$2:$R$366,ROW(INDEX(Jesper!AI$2:AI$366,ROUNDDOWN($C4663/24,0)+1,1))-1)+IF('Standard Profiles'!$G$19=$B$10,7,0)+IF('Standard Profiles'!$G$19=$B$17,14,0)+IF('Standard Profiles'!$G$19=$B$24,21,0),0)),0)</f>
        <v>0</v>
      </c>
      <c r="F4663" cm="1">
        <f t="array" ref="F4663">IFERROR(INDEX(Jesper!AJ$2:AJ$366,ROUNDDOWN($C4663/24,0)+1,1)*INDEX($D$3:$AA$30,INDEX(Jesper!$R$2:$R$366,ROW(INDEX(Jesper!AJ$2:AJ$366,ROUNDDOWN($C4663/24,0)+1,1))-1)+IF('Standard Profiles'!$G$20=$B$10,7,0)+IF('Standard Profiles'!$G$20=$B$17,14,0)+IF('Standard Profiles'!$G$20=$B$24,21,0),MOD($C4663,24)+1)/SUM(INDEX($D$3:$AA$30,INDEX(Jesper!$R$2:$R$366,ROW(INDEX(Jesper!AJ$2:AJ$366,ROUNDDOWN($C4663/24,0)+1,1))-1)+IF('Standard Profiles'!$G$20=$B$10,7,0)+IF('Standard Profiles'!$G$20=$B$17,14,0)+IF('Standard Profiles'!$G$20=$B$24,21,0),0)),0)</f>
        <v>0</v>
      </c>
      <c r="G4663" cm="1">
        <f t="array" ref="G4663">IFERROR(INDEX(Jesper!AK$2:AK$366,ROUNDDOWN($C4663/24,0)+1,1)*INDEX($D$3:$AA$30,INDEX(Jesper!$R$2:$R$366,ROW(INDEX(Jesper!AK$2:AK$366,ROUNDDOWN($C4663/24,0)+1,1))-1)+IF('Standard Profiles'!$G$21=$B$10,7,0)+IF('Standard Profiles'!$G$21=$B$17,14,0)+IF('Standard Profiles'!$G$21=$B$24,21,0),MOD($C4663,24)+1)/SUM(INDEX($D$3:$AA$30,INDEX(Jesper!$R$2:$R$366,ROW(INDEX(Jesper!AK$2:AK$366,ROUNDDOWN($C4663/24,0)+1,1))-1)+IF('Standard Profiles'!$G$21=$B$10,7,0)+IF('Standard Profiles'!$G$21=$B$17,14,0)+IF('Standard Profiles'!$G$21=$B$24,21,0),0)),0)</f>
        <v>0</v>
      </c>
      <c r="H4663" cm="1">
        <f t="array" ref="H4663">IFERROR(INDEX(Jesper!AL$2:AL$366,ROUNDDOWN($C4663/24,0)+1,1)*INDEX($D$3:$AA$30,INDEX(Jesper!$R$2:$R$366,ROW(INDEX(Jesper!AL$2:AL$366,ROUNDDOWN($C4663/24,0)+1,1))-1)+IF('Standard Profiles'!$G$22=$B$10,7,0)+IF('Standard Profiles'!$G$22=$B$17,14,0)+IF('Standard Profiles'!$G$22=$B$24,21,0),MOD($C4663,24)+1)/SUM(INDEX($D$3:$AA$30,INDEX(Jesper!$R$2:$R$366,ROW(INDEX(Jesper!AL$2:AL$366,ROUNDDOWN($C4663/24,0)+1,1))-1)+IF('Standard Profiles'!$G$22=$B$10,7,0)+IF('Standard Profiles'!$G$22=$B$17,14,0)+IF('Standard Profiles'!$G$22=$B$24,21,0),0)),0)</f>
        <v>0</v>
      </c>
      <c r="I4663">
        <f t="shared" si="524"/>
        <v>0.2009857554615036</v>
      </c>
      <c r="J4663">
        <f t="shared" si="525"/>
        <v>0.66995251820501212</v>
      </c>
      <c r="K4663">
        <f t="shared" si="526"/>
        <v>1.004928777307518</v>
      </c>
      <c r="L4663">
        <f t="shared" si="527"/>
        <v>4.823658131076086</v>
      </c>
      <c r="M4663">
        <f t="shared" si="528"/>
        <v>0</v>
      </c>
      <c r="N4663" s="46">
        <f t="shared" si="529"/>
        <v>45484.874999988773</v>
      </c>
    </row>
    <row r="4664" spans="2:14" x14ac:dyDescent="0.3">
      <c r="B4664">
        <f t="shared" si="523"/>
        <v>4</v>
      </c>
      <c r="C4664" s="16">
        <v>4630</v>
      </c>
      <c r="D4664" cm="1">
        <f t="array" ref="D4664">IFERROR(INDEX(Jesper!AH$2:AH$366,ROUNDDOWN($C4664/24,0)+1,1)*INDEX($D$3:$AA$30,INDEX(Jesper!$R$2:$R$366,ROW(INDEX(Jesper!AH$2:AH$366,ROUNDDOWN($C4664/24,0)+1,1))-1)+IF('Standard Profiles'!$G$18=$B$10,7,0)+IF('Standard Profiles'!$G$18=$B$17,14,0)+IF('Standard Profiles'!$G$18=$B$24,21,0),MOD($C4664,24)+1)/SUM(INDEX($D$3:$AA$30,INDEX(Jesper!$R$2:$R$366,ROW(INDEX(Jesper!AH$2:AH$366,ROUNDDOWN($C4664/24,0)+1,1))-1)+IF('Standard Profiles'!$G$18=$B$10,7,0)+IF('Standard Profiles'!$G$18=$B$17,14,0)+IF('Standard Profiles'!$G$18=$B$24,21,0),0)),0)</f>
        <v>6.6995251820501203</v>
      </c>
      <c r="E4664" cm="1">
        <f t="array" ref="E4664">IFERROR(INDEX(Jesper!AI$2:AI$366,ROUNDDOWN($C4664/24,0)+1,1)*INDEX($D$3:$AA$30,INDEX(Jesper!$R$2:$R$366,ROW(INDEX(Jesper!AI$2:AI$366,ROUNDDOWN($C4664/24,0)+1,1))-1)+IF('Standard Profiles'!$G$19=$B$10,7,0)+IF('Standard Profiles'!$G$19=$B$17,14,0)+IF('Standard Profiles'!$G$19=$B$24,21,0),MOD($C4664,24)+1)/SUM(INDEX($D$3:$AA$30,INDEX(Jesper!$R$2:$R$366,ROW(INDEX(Jesper!AI$2:AI$366,ROUNDDOWN($C4664/24,0)+1,1))-1)+IF('Standard Profiles'!$G$19=$B$10,7,0)+IF('Standard Profiles'!$G$19=$B$17,14,0)+IF('Standard Profiles'!$G$19=$B$24,21,0),0)),0)</f>
        <v>0</v>
      </c>
      <c r="F4664" cm="1">
        <f t="array" ref="F4664">IFERROR(INDEX(Jesper!AJ$2:AJ$366,ROUNDDOWN($C4664/24,0)+1,1)*INDEX($D$3:$AA$30,INDEX(Jesper!$R$2:$R$366,ROW(INDEX(Jesper!AJ$2:AJ$366,ROUNDDOWN($C4664/24,0)+1,1))-1)+IF('Standard Profiles'!$G$20=$B$10,7,0)+IF('Standard Profiles'!$G$20=$B$17,14,0)+IF('Standard Profiles'!$G$20=$B$24,21,0),MOD($C4664,24)+1)/SUM(INDEX($D$3:$AA$30,INDEX(Jesper!$R$2:$R$366,ROW(INDEX(Jesper!AJ$2:AJ$366,ROUNDDOWN($C4664/24,0)+1,1))-1)+IF('Standard Profiles'!$G$20=$B$10,7,0)+IF('Standard Profiles'!$G$20=$B$17,14,0)+IF('Standard Profiles'!$G$20=$B$24,21,0),0)),0)</f>
        <v>0</v>
      </c>
      <c r="G4664" cm="1">
        <f t="array" ref="G4664">IFERROR(INDEX(Jesper!AK$2:AK$366,ROUNDDOWN($C4664/24,0)+1,1)*INDEX($D$3:$AA$30,INDEX(Jesper!$R$2:$R$366,ROW(INDEX(Jesper!AK$2:AK$366,ROUNDDOWN($C4664/24,0)+1,1))-1)+IF('Standard Profiles'!$G$21=$B$10,7,0)+IF('Standard Profiles'!$G$21=$B$17,14,0)+IF('Standard Profiles'!$G$21=$B$24,21,0),MOD($C4664,24)+1)/SUM(INDEX($D$3:$AA$30,INDEX(Jesper!$R$2:$R$366,ROW(INDEX(Jesper!AK$2:AK$366,ROUNDDOWN($C4664/24,0)+1,1))-1)+IF('Standard Profiles'!$G$21=$B$10,7,0)+IF('Standard Profiles'!$G$21=$B$17,14,0)+IF('Standard Profiles'!$G$21=$B$24,21,0),0)),0)</f>
        <v>0</v>
      </c>
      <c r="H4664" cm="1">
        <f t="array" ref="H4664">IFERROR(INDEX(Jesper!AL$2:AL$366,ROUNDDOWN($C4664/24,0)+1,1)*INDEX($D$3:$AA$30,INDEX(Jesper!$R$2:$R$366,ROW(INDEX(Jesper!AL$2:AL$366,ROUNDDOWN($C4664/24,0)+1,1))-1)+IF('Standard Profiles'!$G$22=$B$10,7,0)+IF('Standard Profiles'!$G$22=$B$17,14,0)+IF('Standard Profiles'!$G$22=$B$24,21,0),MOD($C4664,24)+1)/SUM(INDEX($D$3:$AA$30,INDEX(Jesper!$R$2:$R$366,ROW(INDEX(Jesper!AL$2:AL$366,ROUNDDOWN($C4664/24,0)+1,1))-1)+IF('Standard Profiles'!$G$22=$B$10,7,0)+IF('Standard Profiles'!$G$22=$B$17,14,0)+IF('Standard Profiles'!$G$22=$B$24,21,0),0)),0)</f>
        <v>0</v>
      </c>
      <c r="I4664">
        <f t="shared" si="524"/>
        <v>0.2009857554615036</v>
      </c>
      <c r="J4664">
        <f t="shared" si="525"/>
        <v>0.66995251820501212</v>
      </c>
      <c r="K4664">
        <f t="shared" si="526"/>
        <v>1.004928777307518</v>
      </c>
      <c r="L4664">
        <f t="shared" si="527"/>
        <v>4.823658131076086</v>
      </c>
      <c r="M4664">
        <f t="shared" si="528"/>
        <v>0</v>
      </c>
      <c r="N4664" s="46">
        <f t="shared" si="529"/>
        <v>45484.916666655437</v>
      </c>
    </row>
    <row r="4665" spans="2:14" x14ac:dyDescent="0.3">
      <c r="B4665">
        <f t="shared" si="523"/>
        <v>4</v>
      </c>
      <c r="C4665" s="16">
        <v>4631</v>
      </c>
      <c r="D4665" cm="1">
        <f t="array" ref="D4665">IFERROR(INDEX(Jesper!AH$2:AH$366,ROUNDDOWN($C4665/24,0)+1,1)*INDEX($D$3:$AA$30,INDEX(Jesper!$R$2:$R$366,ROW(INDEX(Jesper!AH$2:AH$366,ROUNDDOWN($C4665/24,0)+1,1))-1)+IF('Standard Profiles'!$G$18=$B$10,7,0)+IF('Standard Profiles'!$G$18=$B$17,14,0)+IF('Standard Profiles'!$G$18=$B$24,21,0),MOD($C4665,24)+1)/SUM(INDEX($D$3:$AA$30,INDEX(Jesper!$R$2:$R$366,ROW(INDEX(Jesper!AH$2:AH$366,ROUNDDOWN($C4665/24,0)+1,1))-1)+IF('Standard Profiles'!$G$18=$B$10,7,0)+IF('Standard Profiles'!$G$18=$B$17,14,0)+IF('Standard Profiles'!$G$18=$B$24,21,0),0)),0)</f>
        <v>6.6995251820501203</v>
      </c>
      <c r="E4665" cm="1">
        <f t="array" ref="E4665">IFERROR(INDEX(Jesper!AI$2:AI$366,ROUNDDOWN($C4665/24,0)+1,1)*INDEX($D$3:$AA$30,INDEX(Jesper!$R$2:$R$366,ROW(INDEX(Jesper!AI$2:AI$366,ROUNDDOWN($C4665/24,0)+1,1))-1)+IF('Standard Profiles'!$G$19=$B$10,7,0)+IF('Standard Profiles'!$G$19=$B$17,14,0)+IF('Standard Profiles'!$G$19=$B$24,21,0),MOD($C4665,24)+1)/SUM(INDEX($D$3:$AA$30,INDEX(Jesper!$R$2:$R$366,ROW(INDEX(Jesper!AI$2:AI$366,ROUNDDOWN($C4665/24,0)+1,1))-1)+IF('Standard Profiles'!$G$19=$B$10,7,0)+IF('Standard Profiles'!$G$19=$B$17,14,0)+IF('Standard Profiles'!$G$19=$B$24,21,0),0)),0)</f>
        <v>0</v>
      </c>
      <c r="F4665" cm="1">
        <f t="array" ref="F4665">IFERROR(INDEX(Jesper!AJ$2:AJ$366,ROUNDDOWN($C4665/24,0)+1,1)*INDEX($D$3:$AA$30,INDEX(Jesper!$R$2:$R$366,ROW(INDEX(Jesper!AJ$2:AJ$366,ROUNDDOWN($C4665/24,0)+1,1))-1)+IF('Standard Profiles'!$G$20=$B$10,7,0)+IF('Standard Profiles'!$G$20=$B$17,14,0)+IF('Standard Profiles'!$G$20=$B$24,21,0),MOD($C4665,24)+1)/SUM(INDEX($D$3:$AA$30,INDEX(Jesper!$R$2:$R$366,ROW(INDEX(Jesper!AJ$2:AJ$366,ROUNDDOWN($C4665/24,0)+1,1))-1)+IF('Standard Profiles'!$G$20=$B$10,7,0)+IF('Standard Profiles'!$G$20=$B$17,14,0)+IF('Standard Profiles'!$G$20=$B$24,21,0),0)),0)</f>
        <v>0</v>
      </c>
      <c r="G4665" cm="1">
        <f t="array" ref="G4665">IFERROR(INDEX(Jesper!AK$2:AK$366,ROUNDDOWN($C4665/24,0)+1,1)*INDEX($D$3:$AA$30,INDEX(Jesper!$R$2:$R$366,ROW(INDEX(Jesper!AK$2:AK$366,ROUNDDOWN($C4665/24,0)+1,1))-1)+IF('Standard Profiles'!$G$21=$B$10,7,0)+IF('Standard Profiles'!$G$21=$B$17,14,0)+IF('Standard Profiles'!$G$21=$B$24,21,0),MOD($C4665,24)+1)/SUM(INDEX($D$3:$AA$30,INDEX(Jesper!$R$2:$R$366,ROW(INDEX(Jesper!AK$2:AK$366,ROUNDDOWN($C4665/24,0)+1,1))-1)+IF('Standard Profiles'!$G$21=$B$10,7,0)+IF('Standard Profiles'!$G$21=$B$17,14,0)+IF('Standard Profiles'!$G$21=$B$24,21,0),0)),0)</f>
        <v>0</v>
      </c>
      <c r="H4665" cm="1">
        <f t="array" ref="H4665">IFERROR(INDEX(Jesper!AL$2:AL$366,ROUNDDOWN($C4665/24,0)+1,1)*INDEX($D$3:$AA$30,INDEX(Jesper!$R$2:$R$366,ROW(INDEX(Jesper!AL$2:AL$366,ROUNDDOWN($C4665/24,0)+1,1))-1)+IF('Standard Profiles'!$G$22=$B$10,7,0)+IF('Standard Profiles'!$G$22=$B$17,14,0)+IF('Standard Profiles'!$G$22=$B$24,21,0),MOD($C4665,24)+1)/SUM(INDEX($D$3:$AA$30,INDEX(Jesper!$R$2:$R$366,ROW(INDEX(Jesper!AL$2:AL$366,ROUNDDOWN($C4665/24,0)+1,1))-1)+IF('Standard Profiles'!$G$22=$B$10,7,0)+IF('Standard Profiles'!$G$22=$B$17,14,0)+IF('Standard Profiles'!$G$22=$B$24,21,0),0)),0)</f>
        <v>0</v>
      </c>
      <c r="I4665">
        <f t="shared" si="524"/>
        <v>0.2009857554615036</v>
      </c>
      <c r="J4665">
        <f t="shared" si="525"/>
        <v>0.66995251820501212</v>
      </c>
      <c r="K4665">
        <f t="shared" si="526"/>
        <v>1.004928777307518</v>
      </c>
      <c r="L4665">
        <f t="shared" si="527"/>
        <v>4.823658131076086</v>
      </c>
      <c r="M4665">
        <f t="shared" si="528"/>
        <v>0</v>
      </c>
      <c r="N4665" s="46">
        <f t="shared" si="529"/>
        <v>45484.958333322102</v>
      </c>
    </row>
    <row r="4666" spans="2:14" x14ac:dyDescent="0.3">
      <c r="B4666">
        <f t="shared" si="523"/>
        <v>5</v>
      </c>
      <c r="C4666" s="16">
        <v>4632</v>
      </c>
      <c r="D4666" cm="1">
        <f t="array" ref="D4666">IFERROR(INDEX(Jesper!AH$2:AH$366,ROUNDDOWN($C4666/24,0)+1,1)*INDEX($D$3:$AA$30,INDEX(Jesper!$R$2:$R$366,ROW(INDEX(Jesper!AH$2:AH$366,ROUNDDOWN($C4666/24,0)+1,1))-1)+IF('Standard Profiles'!$G$18=$B$10,7,0)+IF('Standard Profiles'!$G$18=$B$17,14,0)+IF('Standard Profiles'!$G$18=$B$24,21,0),MOD($C4666,24)+1)/SUM(INDEX($D$3:$AA$30,INDEX(Jesper!$R$2:$R$366,ROW(INDEX(Jesper!AH$2:AH$366,ROUNDDOWN($C4666/24,0)+1,1))-1)+IF('Standard Profiles'!$G$18=$B$10,7,0)+IF('Standard Profiles'!$G$18=$B$17,14,0)+IF('Standard Profiles'!$G$18=$B$24,21,0),0)),0)</f>
        <v>7.5228298330083723</v>
      </c>
      <c r="E4666" cm="1">
        <f t="array" ref="E4666">IFERROR(INDEX(Jesper!AI$2:AI$366,ROUNDDOWN($C4666/24,0)+1,1)*INDEX($D$3:$AA$30,INDEX(Jesper!$R$2:$R$366,ROW(INDEX(Jesper!AI$2:AI$366,ROUNDDOWN($C4666/24,0)+1,1))-1)+IF('Standard Profiles'!$G$19=$B$10,7,0)+IF('Standard Profiles'!$G$19=$B$17,14,0)+IF('Standard Profiles'!$G$19=$B$24,21,0),MOD($C4666,24)+1)/SUM(INDEX($D$3:$AA$30,INDEX(Jesper!$R$2:$R$366,ROW(INDEX(Jesper!AI$2:AI$366,ROUNDDOWN($C4666/24,0)+1,1))-1)+IF('Standard Profiles'!$G$19=$B$10,7,0)+IF('Standard Profiles'!$G$19=$B$17,14,0)+IF('Standard Profiles'!$G$19=$B$24,21,0),0)),0)</f>
        <v>0</v>
      </c>
      <c r="F4666" cm="1">
        <f t="array" ref="F4666">IFERROR(INDEX(Jesper!AJ$2:AJ$366,ROUNDDOWN($C4666/24,0)+1,1)*INDEX($D$3:$AA$30,INDEX(Jesper!$R$2:$R$366,ROW(INDEX(Jesper!AJ$2:AJ$366,ROUNDDOWN($C4666/24,0)+1,1))-1)+IF('Standard Profiles'!$G$20=$B$10,7,0)+IF('Standard Profiles'!$G$20=$B$17,14,0)+IF('Standard Profiles'!$G$20=$B$24,21,0),MOD($C4666,24)+1)/SUM(INDEX($D$3:$AA$30,INDEX(Jesper!$R$2:$R$366,ROW(INDEX(Jesper!AJ$2:AJ$366,ROUNDDOWN($C4666/24,0)+1,1))-1)+IF('Standard Profiles'!$G$20=$B$10,7,0)+IF('Standard Profiles'!$G$20=$B$17,14,0)+IF('Standard Profiles'!$G$20=$B$24,21,0),0)),0)</f>
        <v>0</v>
      </c>
      <c r="G4666" cm="1">
        <f t="array" ref="G4666">IFERROR(INDEX(Jesper!AK$2:AK$366,ROUNDDOWN($C4666/24,0)+1,1)*INDEX($D$3:$AA$30,INDEX(Jesper!$R$2:$R$366,ROW(INDEX(Jesper!AK$2:AK$366,ROUNDDOWN($C4666/24,0)+1,1))-1)+IF('Standard Profiles'!$G$21=$B$10,7,0)+IF('Standard Profiles'!$G$21=$B$17,14,0)+IF('Standard Profiles'!$G$21=$B$24,21,0),MOD($C4666,24)+1)/SUM(INDEX($D$3:$AA$30,INDEX(Jesper!$R$2:$R$366,ROW(INDEX(Jesper!AK$2:AK$366,ROUNDDOWN($C4666/24,0)+1,1))-1)+IF('Standard Profiles'!$G$21=$B$10,7,0)+IF('Standard Profiles'!$G$21=$B$17,14,0)+IF('Standard Profiles'!$G$21=$B$24,21,0),0)),0)</f>
        <v>0</v>
      </c>
      <c r="H4666" cm="1">
        <f t="array" ref="H4666">IFERROR(INDEX(Jesper!AL$2:AL$366,ROUNDDOWN($C4666/24,0)+1,1)*INDEX($D$3:$AA$30,INDEX(Jesper!$R$2:$R$366,ROW(INDEX(Jesper!AL$2:AL$366,ROUNDDOWN($C4666/24,0)+1,1))-1)+IF('Standard Profiles'!$G$22=$B$10,7,0)+IF('Standard Profiles'!$G$22=$B$17,14,0)+IF('Standard Profiles'!$G$22=$B$24,21,0),MOD($C4666,24)+1)/SUM(INDEX($D$3:$AA$30,INDEX(Jesper!$R$2:$R$366,ROW(INDEX(Jesper!AL$2:AL$366,ROUNDDOWN($C4666/24,0)+1,1))-1)+IF('Standard Profiles'!$G$22=$B$10,7,0)+IF('Standard Profiles'!$G$22=$B$17,14,0)+IF('Standard Profiles'!$G$22=$B$24,21,0),0)),0)</f>
        <v>0</v>
      </c>
      <c r="I4666">
        <f t="shared" si="524"/>
        <v>0.22568489499025116</v>
      </c>
      <c r="J4666">
        <f t="shared" si="525"/>
        <v>0.75228298330083732</v>
      </c>
      <c r="K4666">
        <f t="shared" si="526"/>
        <v>1.1284244749512558</v>
      </c>
      <c r="L4666">
        <f t="shared" si="527"/>
        <v>5.416437479766028</v>
      </c>
      <c r="M4666">
        <f t="shared" si="528"/>
        <v>0</v>
      </c>
      <c r="N4666" s="46">
        <f t="shared" si="529"/>
        <v>45484.999999988766</v>
      </c>
    </row>
    <row r="4667" spans="2:14" x14ac:dyDescent="0.3">
      <c r="B4667">
        <f t="shared" si="523"/>
        <v>5</v>
      </c>
      <c r="C4667" s="16">
        <v>4633</v>
      </c>
      <c r="D4667" cm="1">
        <f t="array" ref="D4667">IFERROR(INDEX(Jesper!AH$2:AH$366,ROUNDDOWN($C4667/24,0)+1,1)*INDEX($D$3:$AA$30,INDEX(Jesper!$R$2:$R$366,ROW(INDEX(Jesper!AH$2:AH$366,ROUNDDOWN($C4667/24,0)+1,1))-1)+IF('Standard Profiles'!$G$18=$B$10,7,0)+IF('Standard Profiles'!$G$18=$B$17,14,0)+IF('Standard Profiles'!$G$18=$B$24,21,0),MOD($C4667,24)+1)/SUM(INDEX($D$3:$AA$30,INDEX(Jesper!$R$2:$R$366,ROW(INDEX(Jesper!AH$2:AH$366,ROUNDDOWN($C4667/24,0)+1,1))-1)+IF('Standard Profiles'!$G$18=$B$10,7,0)+IF('Standard Profiles'!$G$18=$B$17,14,0)+IF('Standard Profiles'!$G$18=$B$24,21,0),0)),0)</f>
        <v>7.5228298330083723</v>
      </c>
      <c r="E4667" cm="1">
        <f t="array" ref="E4667">IFERROR(INDEX(Jesper!AI$2:AI$366,ROUNDDOWN($C4667/24,0)+1,1)*INDEX($D$3:$AA$30,INDEX(Jesper!$R$2:$R$366,ROW(INDEX(Jesper!AI$2:AI$366,ROUNDDOWN($C4667/24,0)+1,1))-1)+IF('Standard Profiles'!$G$19=$B$10,7,0)+IF('Standard Profiles'!$G$19=$B$17,14,0)+IF('Standard Profiles'!$G$19=$B$24,21,0),MOD($C4667,24)+1)/SUM(INDEX($D$3:$AA$30,INDEX(Jesper!$R$2:$R$366,ROW(INDEX(Jesper!AI$2:AI$366,ROUNDDOWN($C4667/24,0)+1,1))-1)+IF('Standard Profiles'!$G$19=$B$10,7,0)+IF('Standard Profiles'!$G$19=$B$17,14,0)+IF('Standard Profiles'!$G$19=$B$24,21,0),0)),0)</f>
        <v>0</v>
      </c>
      <c r="F4667" cm="1">
        <f t="array" ref="F4667">IFERROR(INDEX(Jesper!AJ$2:AJ$366,ROUNDDOWN($C4667/24,0)+1,1)*INDEX($D$3:$AA$30,INDEX(Jesper!$R$2:$R$366,ROW(INDEX(Jesper!AJ$2:AJ$366,ROUNDDOWN($C4667/24,0)+1,1))-1)+IF('Standard Profiles'!$G$20=$B$10,7,0)+IF('Standard Profiles'!$G$20=$B$17,14,0)+IF('Standard Profiles'!$G$20=$B$24,21,0),MOD($C4667,24)+1)/SUM(INDEX($D$3:$AA$30,INDEX(Jesper!$R$2:$R$366,ROW(INDEX(Jesper!AJ$2:AJ$366,ROUNDDOWN($C4667/24,0)+1,1))-1)+IF('Standard Profiles'!$G$20=$B$10,7,0)+IF('Standard Profiles'!$G$20=$B$17,14,0)+IF('Standard Profiles'!$G$20=$B$24,21,0),0)),0)</f>
        <v>0</v>
      </c>
      <c r="G4667" cm="1">
        <f t="array" ref="G4667">IFERROR(INDEX(Jesper!AK$2:AK$366,ROUNDDOWN($C4667/24,0)+1,1)*INDEX($D$3:$AA$30,INDEX(Jesper!$R$2:$R$366,ROW(INDEX(Jesper!AK$2:AK$366,ROUNDDOWN($C4667/24,0)+1,1))-1)+IF('Standard Profiles'!$G$21=$B$10,7,0)+IF('Standard Profiles'!$G$21=$B$17,14,0)+IF('Standard Profiles'!$G$21=$B$24,21,0),MOD($C4667,24)+1)/SUM(INDEX($D$3:$AA$30,INDEX(Jesper!$R$2:$R$366,ROW(INDEX(Jesper!AK$2:AK$366,ROUNDDOWN($C4667/24,0)+1,1))-1)+IF('Standard Profiles'!$G$21=$B$10,7,0)+IF('Standard Profiles'!$G$21=$B$17,14,0)+IF('Standard Profiles'!$G$21=$B$24,21,0),0)),0)</f>
        <v>0</v>
      </c>
      <c r="H4667" cm="1">
        <f t="array" ref="H4667">IFERROR(INDEX(Jesper!AL$2:AL$366,ROUNDDOWN($C4667/24,0)+1,1)*INDEX($D$3:$AA$30,INDEX(Jesper!$R$2:$R$366,ROW(INDEX(Jesper!AL$2:AL$366,ROUNDDOWN($C4667/24,0)+1,1))-1)+IF('Standard Profiles'!$G$22=$B$10,7,0)+IF('Standard Profiles'!$G$22=$B$17,14,0)+IF('Standard Profiles'!$G$22=$B$24,21,0),MOD($C4667,24)+1)/SUM(INDEX($D$3:$AA$30,INDEX(Jesper!$R$2:$R$366,ROW(INDEX(Jesper!AL$2:AL$366,ROUNDDOWN($C4667/24,0)+1,1))-1)+IF('Standard Profiles'!$G$22=$B$10,7,0)+IF('Standard Profiles'!$G$22=$B$17,14,0)+IF('Standard Profiles'!$G$22=$B$24,21,0),0)),0)</f>
        <v>0</v>
      </c>
      <c r="I4667">
        <f t="shared" si="524"/>
        <v>0.22568489499025116</v>
      </c>
      <c r="J4667">
        <f t="shared" si="525"/>
        <v>0.75228298330083732</v>
      </c>
      <c r="K4667">
        <f t="shared" si="526"/>
        <v>1.1284244749512558</v>
      </c>
      <c r="L4667">
        <f t="shared" si="527"/>
        <v>5.416437479766028</v>
      </c>
      <c r="M4667">
        <f t="shared" si="528"/>
        <v>0</v>
      </c>
      <c r="N4667" s="46">
        <f t="shared" si="529"/>
        <v>45485.04166665543</v>
      </c>
    </row>
    <row r="4668" spans="2:14" x14ac:dyDescent="0.3">
      <c r="B4668">
        <f t="shared" si="523"/>
        <v>5</v>
      </c>
      <c r="C4668" s="16">
        <v>4634</v>
      </c>
      <c r="D4668" cm="1">
        <f t="array" ref="D4668">IFERROR(INDEX(Jesper!AH$2:AH$366,ROUNDDOWN($C4668/24,0)+1,1)*INDEX($D$3:$AA$30,INDEX(Jesper!$R$2:$R$366,ROW(INDEX(Jesper!AH$2:AH$366,ROUNDDOWN($C4668/24,0)+1,1))-1)+IF('Standard Profiles'!$G$18=$B$10,7,0)+IF('Standard Profiles'!$G$18=$B$17,14,0)+IF('Standard Profiles'!$G$18=$B$24,21,0),MOD($C4668,24)+1)/SUM(INDEX($D$3:$AA$30,INDEX(Jesper!$R$2:$R$366,ROW(INDEX(Jesper!AH$2:AH$366,ROUNDDOWN($C4668/24,0)+1,1))-1)+IF('Standard Profiles'!$G$18=$B$10,7,0)+IF('Standard Profiles'!$G$18=$B$17,14,0)+IF('Standard Profiles'!$G$18=$B$24,21,0),0)),0)</f>
        <v>7.5228298330083723</v>
      </c>
      <c r="E4668" cm="1">
        <f t="array" ref="E4668">IFERROR(INDEX(Jesper!AI$2:AI$366,ROUNDDOWN($C4668/24,0)+1,1)*INDEX($D$3:$AA$30,INDEX(Jesper!$R$2:$R$366,ROW(INDEX(Jesper!AI$2:AI$366,ROUNDDOWN($C4668/24,0)+1,1))-1)+IF('Standard Profiles'!$G$19=$B$10,7,0)+IF('Standard Profiles'!$G$19=$B$17,14,0)+IF('Standard Profiles'!$G$19=$B$24,21,0),MOD($C4668,24)+1)/SUM(INDEX($D$3:$AA$30,INDEX(Jesper!$R$2:$R$366,ROW(INDEX(Jesper!AI$2:AI$366,ROUNDDOWN($C4668/24,0)+1,1))-1)+IF('Standard Profiles'!$G$19=$B$10,7,0)+IF('Standard Profiles'!$G$19=$B$17,14,0)+IF('Standard Profiles'!$G$19=$B$24,21,0),0)),0)</f>
        <v>0</v>
      </c>
      <c r="F4668" cm="1">
        <f t="array" ref="F4668">IFERROR(INDEX(Jesper!AJ$2:AJ$366,ROUNDDOWN($C4668/24,0)+1,1)*INDEX($D$3:$AA$30,INDEX(Jesper!$R$2:$R$366,ROW(INDEX(Jesper!AJ$2:AJ$366,ROUNDDOWN($C4668/24,0)+1,1))-1)+IF('Standard Profiles'!$G$20=$B$10,7,0)+IF('Standard Profiles'!$G$20=$B$17,14,0)+IF('Standard Profiles'!$G$20=$B$24,21,0),MOD($C4668,24)+1)/SUM(INDEX($D$3:$AA$30,INDEX(Jesper!$R$2:$R$366,ROW(INDEX(Jesper!AJ$2:AJ$366,ROUNDDOWN($C4668/24,0)+1,1))-1)+IF('Standard Profiles'!$G$20=$B$10,7,0)+IF('Standard Profiles'!$G$20=$B$17,14,0)+IF('Standard Profiles'!$G$20=$B$24,21,0),0)),0)</f>
        <v>0</v>
      </c>
      <c r="G4668" cm="1">
        <f t="array" ref="G4668">IFERROR(INDEX(Jesper!AK$2:AK$366,ROUNDDOWN($C4668/24,0)+1,1)*INDEX($D$3:$AA$30,INDEX(Jesper!$R$2:$R$366,ROW(INDEX(Jesper!AK$2:AK$366,ROUNDDOWN($C4668/24,0)+1,1))-1)+IF('Standard Profiles'!$G$21=$B$10,7,0)+IF('Standard Profiles'!$G$21=$B$17,14,0)+IF('Standard Profiles'!$G$21=$B$24,21,0),MOD($C4668,24)+1)/SUM(INDEX($D$3:$AA$30,INDEX(Jesper!$R$2:$R$366,ROW(INDEX(Jesper!AK$2:AK$366,ROUNDDOWN($C4668/24,0)+1,1))-1)+IF('Standard Profiles'!$G$21=$B$10,7,0)+IF('Standard Profiles'!$G$21=$B$17,14,0)+IF('Standard Profiles'!$G$21=$B$24,21,0),0)),0)</f>
        <v>0</v>
      </c>
      <c r="H4668" cm="1">
        <f t="array" ref="H4668">IFERROR(INDEX(Jesper!AL$2:AL$366,ROUNDDOWN($C4668/24,0)+1,1)*INDEX($D$3:$AA$30,INDEX(Jesper!$R$2:$R$366,ROW(INDEX(Jesper!AL$2:AL$366,ROUNDDOWN($C4668/24,0)+1,1))-1)+IF('Standard Profiles'!$G$22=$B$10,7,0)+IF('Standard Profiles'!$G$22=$B$17,14,0)+IF('Standard Profiles'!$G$22=$B$24,21,0),MOD($C4668,24)+1)/SUM(INDEX($D$3:$AA$30,INDEX(Jesper!$R$2:$R$366,ROW(INDEX(Jesper!AL$2:AL$366,ROUNDDOWN($C4668/24,0)+1,1))-1)+IF('Standard Profiles'!$G$22=$B$10,7,0)+IF('Standard Profiles'!$G$22=$B$17,14,0)+IF('Standard Profiles'!$G$22=$B$24,21,0),0)),0)</f>
        <v>0</v>
      </c>
      <c r="I4668">
        <f t="shared" si="524"/>
        <v>0.22568489499025116</v>
      </c>
      <c r="J4668">
        <f t="shared" si="525"/>
        <v>0.75228298330083732</v>
      </c>
      <c r="K4668">
        <f t="shared" si="526"/>
        <v>1.1284244749512558</v>
      </c>
      <c r="L4668">
        <f t="shared" si="527"/>
        <v>5.416437479766028</v>
      </c>
      <c r="M4668">
        <f t="shared" si="528"/>
        <v>0</v>
      </c>
      <c r="N4668" s="46">
        <f t="shared" si="529"/>
        <v>45485.083333322094</v>
      </c>
    </row>
    <row r="4669" spans="2:14" x14ac:dyDescent="0.3">
      <c r="B4669">
        <f t="shared" si="523"/>
        <v>5</v>
      </c>
      <c r="C4669" s="16">
        <v>4635</v>
      </c>
      <c r="D4669" cm="1">
        <f t="array" ref="D4669">IFERROR(INDEX(Jesper!AH$2:AH$366,ROUNDDOWN($C4669/24,0)+1,1)*INDEX($D$3:$AA$30,INDEX(Jesper!$R$2:$R$366,ROW(INDEX(Jesper!AH$2:AH$366,ROUNDDOWN($C4669/24,0)+1,1))-1)+IF('Standard Profiles'!$G$18=$B$10,7,0)+IF('Standard Profiles'!$G$18=$B$17,14,0)+IF('Standard Profiles'!$G$18=$B$24,21,0),MOD($C4669,24)+1)/SUM(INDEX($D$3:$AA$30,INDEX(Jesper!$R$2:$R$366,ROW(INDEX(Jesper!AH$2:AH$366,ROUNDDOWN($C4669/24,0)+1,1))-1)+IF('Standard Profiles'!$G$18=$B$10,7,0)+IF('Standard Profiles'!$G$18=$B$17,14,0)+IF('Standard Profiles'!$G$18=$B$24,21,0),0)),0)</f>
        <v>7.5228298330083723</v>
      </c>
      <c r="E4669" cm="1">
        <f t="array" ref="E4669">IFERROR(INDEX(Jesper!AI$2:AI$366,ROUNDDOWN($C4669/24,0)+1,1)*INDEX($D$3:$AA$30,INDEX(Jesper!$R$2:$R$366,ROW(INDEX(Jesper!AI$2:AI$366,ROUNDDOWN($C4669/24,0)+1,1))-1)+IF('Standard Profiles'!$G$19=$B$10,7,0)+IF('Standard Profiles'!$G$19=$B$17,14,0)+IF('Standard Profiles'!$G$19=$B$24,21,0),MOD($C4669,24)+1)/SUM(INDEX($D$3:$AA$30,INDEX(Jesper!$R$2:$R$366,ROW(INDEX(Jesper!AI$2:AI$366,ROUNDDOWN($C4669/24,0)+1,1))-1)+IF('Standard Profiles'!$G$19=$B$10,7,0)+IF('Standard Profiles'!$G$19=$B$17,14,0)+IF('Standard Profiles'!$G$19=$B$24,21,0),0)),0)</f>
        <v>0</v>
      </c>
      <c r="F4669" cm="1">
        <f t="array" ref="F4669">IFERROR(INDEX(Jesper!AJ$2:AJ$366,ROUNDDOWN($C4669/24,0)+1,1)*INDEX($D$3:$AA$30,INDEX(Jesper!$R$2:$R$366,ROW(INDEX(Jesper!AJ$2:AJ$366,ROUNDDOWN($C4669/24,0)+1,1))-1)+IF('Standard Profiles'!$G$20=$B$10,7,0)+IF('Standard Profiles'!$G$20=$B$17,14,0)+IF('Standard Profiles'!$G$20=$B$24,21,0),MOD($C4669,24)+1)/SUM(INDEX($D$3:$AA$30,INDEX(Jesper!$R$2:$R$366,ROW(INDEX(Jesper!AJ$2:AJ$366,ROUNDDOWN($C4669/24,0)+1,1))-1)+IF('Standard Profiles'!$G$20=$B$10,7,0)+IF('Standard Profiles'!$G$20=$B$17,14,0)+IF('Standard Profiles'!$G$20=$B$24,21,0),0)),0)</f>
        <v>0</v>
      </c>
      <c r="G4669" cm="1">
        <f t="array" ref="G4669">IFERROR(INDEX(Jesper!AK$2:AK$366,ROUNDDOWN($C4669/24,0)+1,1)*INDEX($D$3:$AA$30,INDEX(Jesper!$R$2:$R$366,ROW(INDEX(Jesper!AK$2:AK$366,ROUNDDOWN($C4669/24,0)+1,1))-1)+IF('Standard Profiles'!$G$21=$B$10,7,0)+IF('Standard Profiles'!$G$21=$B$17,14,0)+IF('Standard Profiles'!$G$21=$B$24,21,0),MOD($C4669,24)+1)/SUM(INDEX($D$3:$AA$30,INDEX(Jesper!$R$2:$R$366,ROW(INDEX(Jesper!AK$2:AK$366,ROUNDDOWN($C4669/24,0)+1,1))-1)+IF('Standard Profiles'!$G$21=$B$10,7,0)+IF('Standard Profiles'!$G$21=$B$17,14,0)+IF('Standard Profiles'!$G$21=$B$24,21,0),0)),0)</f>
        <v>0</v>
      </c>
      <c r="H4669" cm="1">
        <f t="array" ref="H4669">IFERROR(INDEX(Jesper!AL$2:AL$366,ROUNDDOWN($C4669/24,0)+1,1)*INDEX($D$3:$AA$30,INDEX(Jesper!$R$2:$R$366,ROW(INDEX(Jesper!AL$2:AL$366,ROUNDDOWN($C4669/24,0)+1,1))-1)+IF('Standard Profiles'!$G$22=$B$10,7,0)+IF('Standard Profiles'!$G$22=$B$17,14,0)+IF('Standard Profiles'!$G$22=$B$24,21,0),MOD($C4669,24)+1)/SUM(INDEX($D$3:$AA$30,INDEX(Jesper!$R$2:$R$366,ROW(INDEX(Jesper!AL$2:AL$366,ROUNDDOWN($C4669/24,0)+1,1))-1)+IF('Standard Profiles'!$G$22=$B$10,7,0)+IF('Standard Profiles'!$G$22=$B$17,14,0)+IF('Standard Profiles'!$G$22=$B$24,21,0),0)),0)</f>
        <v>0</v>
      </c>
      <c r="I4669">
        <f t="shared" si="524"/>
        <v>0.22568489499025116</v>
      </c>
      <c r="J4669">
        <f t="shared" si="525"/>
        <v>0.75228298330083732</v>
      </c>
      <c r="K4669">
        <f t="shared" si="526"/>
        <v>1.1284244749512558</v>
      </c>
      <c r="L4669">
        <f t="shared" si="527"/>
        <v>5.416437479766028</v>
      </c>
      <c r="M4669">
        <f t="shared" si="528"/>
        <v>0</v>
      </c>
      <c r="N4669" s="46">
        <f t="shared" si="529"/>
        <v>45485.124999988759</v>
      </c>
    </row>
    <row r="4670" spans="2:14" x14ac:dyDescent="0.3">
      <c r="B4670">
        <f t="shared" si="523"/>
        <v>5</v>
      </c>
      <c r="C4670" s="16">
        <v>4636</v>
      </c>
      <c r="D4670" cm="1">
        <f t="array" ref="D4670">IFERROR(INDEX(Jesper!AH$2:AH$366,ROUNDDOWN($C4670/24,0)+1,1)*INDEX($D$3:$AA$30,INDEX(Jesper!$R$2:$R$366,ROW(INDEX(Jesper!AH$2:AH$366,ROUNDDOWN($C4670/24,0)+1,1))-1)+IF('Standard Profiles'!$G$18=$B$10,7,0)+IF('Standard Profiles'!$G$18=$B$17,14,0)+IF('Standard Profiles'!$G$18=$B$24,21,0),MOD($C4670,24)+1)/SUM(INDEX($D$3:$AA$30,INDEX(Jesper!$R$2:$R$366,ROW(INDEX(Jesper!AH$2:AH$366,ROUNDDOWN($C4670/24,0)+1,1))-1)+IF('Standard Profiles'!$G$18=$B$10,7,0)+IF('Standard Profiles'!$G$18=$B$17,14,0)+IF('Standard Profiles'!$G$18=$B$24,21,0),0)),0)</f>
        <v>7.5228298330083723</v>
      </c>
      <c r="E4670" cm="1">
        <f t="array" ref="E4670">IFERROR(INDEX(Jesper!AI$2:AI$366,ROUNDDOWN($C4670/24,0)+1,1)*INDEX($D$3:$AA$30,INDEX(Jesper!$R$2:$R$366,ROW(INDEX(Jesper!AI$2:AI$366,ROUNDDOWN($C4670/24,0)+1,1))-1)+IF('Standard Profiles'!$G$19=$B$10,7,0)+IF('Standard Profiles'!$G$19=$B$17,14,0)+IF('Standard Profiles'!$G$19=$B$24,21,0),MOD($C4670,24)+1)/SUM(INDEX($D$3:$AA$30,INDEX(Jesper!$R$2:$R$366,ROW(INDEX(Jesper!AI$2:AI$366,ROUNDDOWN($C4670/24,0)+1,1))-1)+IF('Standard Profiles'!$G$19=$B$10,7,0)+IF('Standard Profiles'!$G$19=$B$17,14,0)+IF('Standard Profiles'!$G$19=$B$24,21,0),0)),0)</f>
        <v>0</v>
      </c>
      <c r="F4670" cm="1">
        <f t="array" ref="F4670">IFERROR(INDEX(Jesper!AJ$2:AJ$366,ROUNDDOWN($C4670/24,0)+1,1)*INDEX($D$3:$AA$30,INDEX(Jesper!$R$2:$R$366,ROW(INDEX(Jesper!AJ$2:AJ$366,ROUNDDOWN($C4670/24,0)+1,1))-1)+IF('Standard Profiles'!$G$20=$B$10,7,0)+IF('Standard Profiles'!$G$20=$B$17,14,0)+IF('Standard Profiles'!$G$20=$B$24,21,0),MOD($C4670,24)+1)/SUM(INDEX($D$3:$AA$30,INDEX(Jesper!$R$2:$R$366,ROW(INDEX(Jesper!AJ$2:AJ$366,ROUNDDOWN($C4670/24,0)+1,1))-1)+IF('Standard Profiles'!$G$20=$B$10,7,0)+IF('Standard Profiles'!$G$20=$B$17,14,0)+IF('Standard Profiles'!$G$20=$B$24,21,0),0)),0)</f>
        <v>0</v>
      </c>
      <c r="G4670" cm="1">
        <f t="array" ref="G4670">IFERROR(INDEX(Jesper!AK$2:AK$366,ROUNDDOWN($C4670/24,0)+1,1)*INDEX($D$3:$AA$30,INDEX(Jesper!$R$2:$R$366,ROW(INDEX(Jesper!AK$2:AK$366,ROUNDDOWN($C4670/24,0)+1,1))-1)+IF('Standard Profiles'!$G$21=$B$10,7,0)+IF('Standard Profiles'!$G$21=$B$17,14,0)+IF('Standard Profiles'!$G$21=$B$24,21,0),MOD($C4670,24)+1)/SUM(INDEX($D$3:$AA$30,INDEX(Jesper!$R$2:$R$366,ROW(INDEX(Jesper!AK$2:AK$366,ROUNDDOWN($C4670/24,0)+1,1))-1)+IF('Standard Profiles'!$G$21=$B$10,7,0)+IF('Standard Profiles'!$G$21=$B$17,14,0)+IF('Standard Profiles'!$G$21=$B$24,21,0),0)),0)</f>
        <v>0</v>
      </c>
      <c r="H4670" cm="1">
        <f t="array" ref="H4670">IFERROR(INDEX(Jesper!AL$2:AL$366,ROUNDDOWN($C4670/24,0)+1,1)*INDEX($D$3:$AA$30,INDEX(Jesper!$R$2:$R$366,ROW(INDEX(Jesper!AL$2:AL$366,ROUNDDOWN($C4670/24,0)+1,1))-1)+IF('Standard Profiles'!$G$22=$B$10,7,0)+IF('Standard Profiles'!$G$22=$B$17,14,0)+IF('Standard Profiles'!$G$22=$B$24,21,0),MOD($C4670,24)+1)/SUM(INDEX($D$3:$AA$30,INDEX(Jesper!$R$2:$R$366,ROW(INDEX(Jesper!AL$2:AL$366,ROUNDDOWN($C4670/24,0)+1,1))-1)+IF('Standard Profiles'!$G$22=$B$10,7,0)+IF('Standard Profiles'!$G$22=$B$17,14,0)+IF('Standard Profiles'!$G$22=$B$24,21,0),0)),0)</f>
        <v>0</v>
      </c>
      <c r="I4670">
        <f t="shared" si="524"/>
        <v>0.22568489499025116</v>
      </c>
      <c r="J4670">
        <f t="shared" si="525"/>
        <v>0.75228298330083732</v>
      </c>
      <c r="K4670">
        <f t="shared" si="526"/>
        <v>1.1284244749512558</v>
      </c>
      <c r="L4670">
        <f t="shared" si="527"/>
        <v>5.416437479766028</v>
      </c>
      <c r="M4670">
        <f t="shared" si="528"/>
        <v>0</v>
      </c>
      <c r="N4670" s="46">
        <f t="shared" si="529"/>
        <v>45485.166666655423</v>
      </c>
    </row>
    <row r="4671" spans="2:14" x14ac:dyDescent="0.3">
      <c r="B4671">
        <f t="shared" si="523"/>
        <v>5</v>
      </c>
      <c r="C4671" s="16">
        <v>4637</v>
      </c>
      <c r="D4671" cm="1">
        <f t="array" ref="D4671">IFERROR(INDEX(Jesper!AH$2:AH$366,ROUNDDOWN($C4671/24,0)+1,1)*INDEX($D$3:$AA$30,INDEX(Jesper!$R$2:$R$366,ROW(INDEX(Jesper!AH$2:AH$366,ROUNDDOWN($C4671/24,0)+1,1))-1)+IF('Standard Profiles'!$G$18=$B$10,7,0)+IF('Standard Profiles'!$G$18=$B$17,14,0)+IF('Standard Profiles'!$G$18=$B$24,21,0),MOD($C4671,24)+1)/SUM(INDEX($D$3:$AA$30,INDEX(Jesper!$R$2:$R$366,ROW(INDEX(Jesper!AH$2:AH$366,ROUNDDOWN($C4671/24,0)+1,1))-1)+IF('Standard Profiles'!$G$18=$B$10,7,0)+IF('Standard Profiles'!$G$18=$B$17,14,0)+IF('Standard Profiles'!$G$18=$B$24,21,0),0)),0)</f>
        <v>9.6960917847663453</v>
      </c>
      <c r="E4671" cm="1">
        <f t="array" ref="E4671">IFERROR(INDEX(Jesper!AI$2:AI$366,ROUNDDOWN($C4671/24,0)+1,1)*INDEX($D$3:$AA$30,INDEX(Jesper!$R$2:$R$366,ROW(INDEX(Jesper!AI$2:AI$366,ROUNDDOWN($C4671/24,0)+1,1))-1)+IF('Standard Profiles'!$G$19=$B$10,7,0)+IF('Standard Profiles'!$G$19=$B$17,14,0)+IF('Standard Profiles'!$G$19=$B$24,21,0),MOD($C4671,24)+1)/SUM(INDEX($D$3:$AA$30,INDEX(Jesper!$R$2:$R$366,ROW(INDEX(Jesper!AI$2:AI$366,ROUNDDOWN($C4671/24,0)+1,1))-1)+IF('Standard Profiles'!$G$19=$B$10,7,0)+IF('Standard Profiles'!$G$19=$B$17,14,0)+IF('Standard Profiles'!$G$19=$B$24,21,0),0)),0)</f>
        <v>0</v>
      </c>
      <c r="F4671" cm="1">
        <f t="array" ref="F4671">IFERROR(INDEX(Jesper!AJ$2:AJ$366,ROUNDDOWN($C4671/24,0)+1,1)*INDEX($D$3:$AA$30,INDEX(Jesper!$R$2:$R$366,ROW(INDEX(Jesper!AJ$2:AJ$366,ROUNDDOWN($C4671/24,0)+1,1))-1)+IF('Standard Profiles'!$G$20=$B$10,7,0)+IF('Standard Profiles'!$G$20=$B$17,14,0)+IF('Standard Profiles'!$G$20=$B$24,21,0),MOD($C4671,24)+1)/SUM(INDEX($D$3:$AA$30,INDEX(Jesper!$R$2:$R$366,ROW(INDEX(Jesper!AJ$2:AJ$366,ROUNDDOWN($C4671/24,0)+1,1))-1)+IF('Standard Profiles'!$G$20=$B$10,7,0)+IF('Standard Profiles'!$G$20=$B$17,14,0)+IF('Standard Profiles'!$G$20=$B$24,21,0),0)),0)</f>
        <v>0</v>
      </c>
      <c r="G4671" cm="1">
        <f t="array" ref="G4671">IFERROR(INDEX(Jesper!AK$2:AK$366,ROUNDDOWN($C4671/24,0)+1,1)*INDEX($D$3:$AA$30,INDEX(Jesper!$R$2:$R$366,ROW(INDEX(Jesper!AK$2:AK$366,ROUNDDOWN($C4671/24,0)+1,1))-1)+IF('Standard Profiles'!$G$21=$B$10,7,0)+IF('Standard Profiles'!$G$21=$B$17,14,0)+IF('Standard Profiles'!$G$21=$B$24,21,0),MOD($C4671,24)+1)/SUM(INDEX($D$3:$AA$30,INDEX(Jesper!$R$2:$R$366,ROW(INDEX(Jesper!AK$2:AK$366,ROUNDDOWN($C4671/24,0)+1,1))-1)+IF('Standard Profiles'!$G$21=$B$10,7,0)+IF('Standard Profiles'!$G$21=$B$17,14,0)+IF('Standard Profiles'!$G$21=$B$24,21,0),0)),0)</f>
        <v>0</v>
      </c>
      <c r="H4671" cm="1">
        <f t="array" ref="H4671">IFERROR(INDEX(Jesper!AL$2:AL$366,ROUNDDOWN($C4671/24,0)+1,1)*INDEX($D$3:$AA$30,INDEX(Jesper!$R$2:$R$366,ROW(INDEX(Jesper!AL$2:AL$366,ROUNDDOWN($C4671/24,0)+1,1))-1)+IF('Standard Profiles'!$G$22=$B$10,7,0)+IF('Standard Profiles'!$G$22=$B$17,14,0)+IF('Standard Profiles'!$G$22=$B$24,21,0),MOD($C4671,24)+1)/SUM(INDEX($D$3:$AA$30,INDEX(Jesper!$R$2:$R$366,ROW(INDEX(Jesper!AL$2:AL$366,ROUNDDOWN($C4671/24,0)+1,1))-1)+IF('Standard Profiles'!$G$22=$B$10,7,0)+IF('Standard Profiles'!$G$22=$B$17,14,0)+IF('Standard Profiles'!$G$22=$B$24,21,0),0)),0)</f>
        <v>0</v>
      </c>
      <c r="I4671">
        <f t="shared" si="524"/>
        <v>0.29088275354299037</v>
      </c>
      <c r="J4671">
        <f t="shared" si="525"/>
        <v>0.96960917847663453</v>
      </c>
      <c r="K4671">
        <f t="shared" si="526"/>
        <v>1.4544137677149518</v>
      </c>
      <c r="L4671">
        <f t="shared" si="527"/>
        <v>6.9811860850317684</v>
      </c>
      <c r="M4671">
        <f t="shared" si="528"/>
        <v>0</v>
      </c>
      <c r="N4671" s="46">
        <f t="shared" si="529"/>
        <v>45485.208333322087</v>
      </c>
    </row>
    <row r="4672" spans="2:14" x14ac:dyDescent="0.3">
      <c r="B4672">
        <f t="shared" si="523"/>
        <v>5</v>
      </c>
      <c r="C4672" s="16">
        <v>4638</v>
      </c>
      <c r="D4672" cm="1">
        <f t="array" ref="D4672">IFERROR(INDEX(Jesper!AH$2:AH$366,ROUNDDOWN($C4672/24,0)+1,1)*INDEX($D$3:$AA$30,INDEX(Jesper!$R$2:$R$366,ROW(INDEX(Jesper!AH$2:AH$366,ROUNDDOWN($C4672/24,0)+1,1))-1)+IF('Standard Profiles'!$G$18=$B$10,7,0)+IF('Standard Profiles'!$G$18=$B$17,14,0)+IF('Standard Profiles'!$G$18=$B$24,21,0),MOD($C4672,24)+1)/SUM(INDEX($D$3:$AA$30,INDEX(Jesper!$R$2:$R$366,ROW(INDEX(Jesper!AH$2:AH$366,ROUNDDOWN($C4672/24,0)+1,1))-1)+IF('Standard Profiles'!$G$18=$B$10,7,0)+IF('Standard Profiles'!$G$18=$B$17,14,0)+IF('Standard Profiles'!$G$18=$B$24,21,0),0)),0)</f>
        <v>11.702179740235247</v>
      </c>
      <c r="E4672" cm="1">
        <f t="array" ref="E4672">IFERROR(INDEX(Jesper!AI$2:AI$366,ROUNDDOWN($C4672/24,0)+1,1)*INDEX($D$3:$AA$30,INDEX(Jesper!$R$2:$R$366,ROW(INDEX(Jesper!AI$2:AI$366,ROUNDDOWN($C4672/24,0)+1,1))-1)+IF('Standard Profiles'!$G$19=$B$10,7,0)+IF('Standard Profiles'!$G$19=$B$17,14,0)+IF('Standard Profiles'!$G$19=$B$24,21,0),MOD($C4672,24)+1)/SUM(INDEX($D$3:$AA$30,INDEX(Jesper!$R$2:$R$366,ROW(INDEX(Jesper!AI$2:AI$366,ROUNDDOWN($C4672/24,0)+1,1))-1)+IF('Standard Profiles'!$G$19=$B$10,7,0)+IF('Standard Profiles'!$G$19=$B$17,14,0)+IF('Standard Profiles'!$G$19=$B$24,21,0),0)),0)</f>
        <v>0</v>
      </c>
      <c r="F4672" cm="1">
        <f t="array" ref="F4672">IFERROR(INDEX(Jesper!AJ$2:AJ$366,ROUNDDOWN($C4672/24,0)+1,1)*INDEX($D$3:$AA$30,INDEX(Jesper!$R$2:$R$366,ROW(INDEX(Jesper!AJ$2:AJ$366,ROUNDDOWN($C4672/24,0)+1,1))-1)+IF('Standard Profiles'!$G$20=$B$10,7,0)+IF('Standard Profiles'!$G$20=$B$17,14,0)+IF('Standard Profiles'!$G$20=$B$24,21,0),MOD($C4672,24)+1)/SUM(INDEX($D$3:$AA$30,INDEX(Jesper!$R$2:$R$366,ROW(INDEX(Jesper!AJ$2:AJ$366,ROUNDDOWN($C4672/24,0)+1,1))-1)+IF('Standard Profiles'!$G$20=$B$10,7,0)+IF('Standard Profiles'!$G$20=$B$17,14,0)+IF('Standard Profiles'!$G$20=$B$24,21,0),0)),0)</f>
        <v>0</v>
      </c>
      <c r="G4672" cm="1">
        <f t="array" ref="G4672">IFERROR(INDEX(Jesper!AK$2:AK$366,ROUNDDOWN($C4672/24,0)+1,1)*INDEX($D$3:$AA$30,INDEX(Jesper!$R$2:$R$366,ROW(INDEX(Jesper!AK$2:AK$366,ROUNDDOWN($C4672/24,0)+1,1))-1)+IF('Standard Profiles'!$G$21=$B$10,7,0)+IF('Standard Profiles'!$G$21=$B$17,14,0)+IF('Standard Profiles'!$G$21=$B$24,21,0),MOD($C4672,24)+1)/SUM(INDEX($D$3:$AA$30,INDEX(Jesper!$R$2:$R$366,ROW(INDEX(Jesper!AK$2:AK$366,ROUNDDOWN($C4672/24,0)+1,1))-1)+IF('Standard Profiles'!$G$21=$B$10,7,0)+IF('Standard Profiles'!$G$21=$B$17,14,0)+IF('Standard Profiles'!$G$21=$B$24,21,0),0)),0)</f>
        <v>0</v>
      </c>
      <c r="H4672" cm="1">
        <f t="array" ref="H4672">IFERROR(INDEX(Jesper!AL$2:AL$366,ROUNDDOWN($C4672/24,0)+1,1)*INDEX($D$3:$AA$30,INDEX(Jesper!$R$2:$R$366,ROW(INDEX(Jesper!AL$2:AL$366,ROUNDDOWN($C4672/24,0)+1,1))-1)+IF('Standard Profiles'!$G$22=$B$10,7,0)+IF('Standard Profiles'!$G$22=$B$17,14,0)+IF('Standard Profiles'!$G$22=$B$24,21,0),MOD($C4672,24)+1)/SUM(INDEX($D$3:$AA$30,INDEX(Jesper!$R$2:$R$366,ROW(INDEX(Jesper!AL$2:AL$366,ROUNDDOWN($C4672/24,0)+1,1))-1)+IF('Standard Profiles'!$G$22=$B$10,7,0)+IF('Standard Profiles'!$G$22=$B$17,14,0)+IF('Standard Profiles'!$G$22=$B$24,21,0),0)),0)</f>
        <v>0</v>
      </c>
      <c r="I4672">
        <f t="shared" si="524"/>
        <v>0.3510653922070574</v>
      </c>
      <c r="J4672">
        <f t="shared" si="525"/>
        <v>1.1702179740235248</v>
      </c>
      <c r="K4672">
        <f t="shared" si="526"/>
        <v>1.7553269610352868</v>
      </c>
      <c r="L4672">
        <f t="shared" si="527"/>
        <v>8.4255694129693772</v>
      </c>
      <c r="M4672">
        <f t="shared" si="528"/>
        <v>0</v>
      </c>
      <c r="N4672" s="46">
        <f t="shared" si="529"/>
        <v>45485.249999988751</v>
      </c>
    </row>
    <row r="4673" spans="2:14" x14ac:dyDescent="0.3">
      <c r="B4673">
        <f t="shared" si="523"/>
        <v>5</v>
      </c>
      <c r="C4673" s="16">
        <v>4639</v>
      </c>
      <c r="D4673" cm="1">
        <f t="array" ref="D4673">IFERROR(INDEX(Jesper!AH$2:AH$366,ROUNDDOWN($C4673/24,0)+1,1)*INDEX($D$3:$AA$30,INDEX(Jesper!$R$2:$R$366,ROW(INDEX(Jesper!AH$2:AH$366,ROUNDDOWN($C4673/24,0)+1,1))-1)+IF('Standard Profiles'!$G$18=$B$10,7,0)+IF('Standard Profiles'!$G$18=$B$17,14,0)+IF('Standard Profiles'!$G$18=$B$24,21,0),MOD($C4673,24)+1)/SUM(INDEX($D$3:$AA$30,INDEX(Jesper!$R$2:$R$366,ROW(INDEX(Jesper!AH$2:AH$366,ROUNDDOWN($C4673/24,0)+1,1))-1)+IF('Standard Profiles'!$G$18=$B$10,7,0)+IF('Standard Profiles'!$G$18=$B$17,14,0)+IF('Standard Profiles'!$G$18=$B$24,21,0),0)),0)</f>
        <v>11.702179740235247</v>
      </c>
      <c r="E4673" cm="1">
        <f t="array" ref="E4673">IFERROR(INDEX(Jesper!AI$2:AI$366,ROUNDDOWN($C4673/24,0)+1,1)*INDEX($D$3:$AA$30,INDEX(Jesper!$R$2:$R$366,ROW(INDEX(Jesper!AI$2:AI$366,ROUNDDOWN($C4673/24,0)+1,1))-1)+IF('Standard Profiles'!$G$19=$B$10,7,0)+IF('Standard Profiles'!$G$19=$B$17,14,0)+IF('Standard Profiles'!$G$19=$B$24,21,0),MOD($C4673,24)+1)/SUM(INDEX($D$3:$AA$30,INDEX(Jesper!$R$2:$R$366,ROW(INDEX(Jesper!AI$2:AI$366,ROUNDDOWN($C4673/24,0)+1,1))-1)+IF('Standard Profiles'!$G$19=$B$10,7,0)+IF('Standard Profiles'!$G$19=$B$17,14,0)+IF('Standard Profiles'!$G$19=$B$24,21,0),0)),0)</f>
        <v>0</v>
      </c>
      <c r="F4673" cm="1">
        <f t="array" ref="F4673">IFERROR(INDEX(Jesper!AJ$2:AJ$366,ROUNDDOWN($C4673/24,0)+1,1)*INDEX($D$3:$AA$30,INDEX(Jesper!$R$2:$R$366,ROW(INDEX(Jesper!AJ$2:AJ$366,ROUNDDOWN($C4673/24,0)+1,1))-1)+IF('Standard Profiles'!$G$20=$B$10,7,0)+IF('Standard Profiles'!$G$20=$B$17,14,0)+IF('Standard Profiles'!$G$20=$B$24,21,0),MOD($C4673,24)+1)/SUM(INDEX($D$3:$AA$30,INDEX(Jesper!$R$2:$R$366,ROW(INDEX(Jesper!AJ$2:AJ$366,ROUNDDOWN($C4673/24,0)+1,1))-1)+IF('Standard Profiles'!$G$20=$B$10,7,0)+IF('Standard Profiles'!$G$20=$B$17,14,0)+IF('Standard Profiles'!$G$20=$B$24,21,0),0)),0)</f>
        <v>0</v>
      </c>
      <c r="G4673" cm="1">
        <f t="array" ref="G4673">IFERROR(INDEX(Jesper!AK$2:AK$366,ROUNDDOWN($C4673/24,0)+1,1)*INDEX($D$3:$AA$30,INDEX(Jesper!$R$2:$R$366,ROW(INDEX(Jesper!AK$2:AK$366,ROUNDDOWN($C4673/24,0)+1,1))-1)+IF('Standard Profiles'!$G$21=$B$10,7,0)+IF('Standard Profiles'!$G$21=$B$17,14,0)+IF('Standard Profiles'!$G$21=$B$24,21,0),MOD($C4673,24)+1)/SUM(INDEX($D$3:$AA$30,INDEX(Jesper!$R$2:$R$366,ROW(INDEX(Jesper!AK$2:AK$366,ROUNDDOWN($C4673/24,0)+1,1))-1)+IF('Standard Profiles'!$G$21=$B$10,7,0)+IF('Standard Profiles'!$G$21=$B$17,14,0)+IF('Standard Profiles'!$G$21=$B$24,21,0),0)),0)</f>
        <v>0</v>
      </c>
      <c r="H4673" cm="1">
        <f t="array" ref="H4673">IFERROR(INDEX(Jesper!AL$2:AL$366,ROUNDDOWN($C4673/24,0)+1,1)*INDEX($D$3:$AA$30,INDEX(Jesper!$R$2:$R$366,ROW(INDEX(Jesper!AL$2:AL$366,ROUNDDOWN($C4673/24,0)+1,1))-1)+IF('Standard Profiles'!$G$22=$B$10,7,0)+IF('Standard Profiles'!$G$22=$B$17,14,0)+IF('Standard Profiles'!$G$22=$B$24,21,0),MOD($C4673,24)+1)/SUM(INDEX($D$3:$AA$30,INDEX(Jesper!$R$2:$R$366,ROW(INDEX(Jesper!AL$2:AL$366,ROUNDDOWN($C4673/24,0)+1,1))-1)+IF('Standard Profiles'!$G$22=$B$10,7,0)+IF('Standard Profiles'!$G$22=$B$17,14,0)+IF('Standard Profiles'!$G$22=$B$24,21,0),0)),0)</f>
        <v>0</v>
      </c>
      <c r="I4673">
        <f t="shared" si="524"/>
        <v>0.3510653922070574</v>
      </c>
      <c r="J4673">
        <f t="shared" si="525"/>
        <v>1.1702179740235248</v>
      </c>
      <c r="K4673">
        <f t="shared" si="526"/>
        <v>1.7553269610352868</v>
      </c>
      <c r="L4673">
        <f t="shared" si="527"/>
        <v>8.4255694129693772</v>
      </c>
      <c r="M4673">
        <f t="shared" si="528"/>
        <v>0</v>
      </c>
      <c r="N4673" s="46">
        <f t="shared" si="529"/>
        <v>45485.291666655416</v>
      </c>
    </row>
    <row r="4674" spans="2:14" x14ac:dyDescent="0.3">
      <c r="B4674">
        <f t="shared" si="523"/>
        <v>5</v>
      </c>
      <c r="C4674" s="16">
        <v>4640</v>
      </c>
      <c r="D4674" cm="1">
        <f t="array" ref="D4674">IFERROR(INDEX(Jesper!AH$2:AH$366,ROUNDDOWN($C4674/24,0)+1,1)*INDEX($D$3:$AA$30,INDEX(Jesper!$R$2:$R$366,ROW(INDEX(Jesper!AH$2:AH$366,ROUNDDOWN($C4674/24,0)+1,1))-1)+IF('Standard Profiles'!$G$18=$B$10,7,0)+IF('Standard Profiles'!$G$18=$B$17,14,0)+IF('Standard Profiles'!$G$18=$B$24,21,0),MOD($C4674,24)+1)/SUM(INDEX($D$3:$AA$30,INDEX(Jesper!$R$2:$R$366,ROW(INDEX(Jesper!AH$2:AH$366,ROUNDDOWN($C4674/24,0)+1,1))-1)+IF('Standard Profiles'!$G$18=$B$10,7,0)+IF('Standard Profiles'!$G$18=$B$17,14,0)+IF('Standard Profiles'!$G$18=$B$24,21,0),0)),0)</f>
        <v>11.702179740235247</v>
      </c>
      <c r="E4674" cm="1">
        <f t="array" ref="E4674">IFERROR(INDEX(Jesper!AI$2:AI$366,ROUNDDOWN($C4674/24,0)+1,1)*INDEX($D$3:$AA$30,INDEX(Jesper!$R$2:$R$366,ROW(INDEX(Jesper!AI$2:AI$366,ROUNDDOWN($C4674/24,0)+1,1))-1)+IF('Standard Profiles'!$G$19=$B$10,7,0)+IF('Standard Profiles'!$G$19=$B$17,14,0)+IF('Standard Profiles'!$G$19=$B$24,21,0),MOD($C4674,24)+1)/SUM(INDEX($D$3:$AA$30,INDEX(Jesper!$R$2:$R$366,ROW(INDEX(Jesper!AI$2:AI$366,ROUNDDOWN($C4674/24,0)+1,1))-1)+IF('Standard Profiles'!$G$19=$B$10,7,0)+IF('Standard Profiles'!$G$19=$B$17,14,0)+IF('Standard Profiles'!$G$19=$B$24,21,0),0)),0)</f>
        <v>0</v>
      </c>
      <c r="F4674" cm="1">
        <f t="array" ref="F4674">IFERROR(INDEX(Jesper!AJ$2:AJ$366,ROUNDDOWN($C4674/24,0)+1,1)*INDEX($D$3:$AA$30,INDEX(Jesper!$R$2:$R$366,ROW(INDEX(Jesper!AJ$2:AJ$366,ROUNDDOWN($C4674/24,0)+1,1))-1)+IF('Standard Profiles'!$G$20=$B$10,7,0)+IF('Standard Profiles'!$G$20=$B$17,14,0)+IF('Standard Profiles'!$G$20=$B$24,21,0),MOD($C4674,24)+1)/SUM(INDEX($D$3:$AA$30,INDEX(Jesper!$R$2:$R$366,ROW(INDEX(Jesper!AJ$2:AJ$366,ROUNDDOWN($C4674/24,0)+1,1))-1)+IF('Standard Profiles'!$G$20=$B$10,7,0)+IF('Standard Profiles'!$G$20=$B$17,14,0)+IF('Standard Profiles'!$G$20=$B$24,21,0),0)),0)</f>
        <v>0</v>
      </c>
      <c r="G4674" cm="1">
        <f t="array" ref="G4674">IFERROR(INDEX(Jesper!AK$2:AK$366,ROUNDDOWN($C4674/24,0)+1,1)*INDEX($D$3:$AA$30,INDEX(Jesper!$R$2:$R$366,ROW(INDEX(Jesper!AK$2:AK$366,ROUNDDOWN($C4674/24,0)+1,1))-1)+IF('Standard Profiles'!$G$21=$B$10,7,0)+IF('Standard Profiles'!$G$21=$B$17,14,0)+IF('Standard Profiles'!$G$21=$B$24,21,0),MOD($C4674,24)+1)/SUM(INDEX($D$3:$AA$30,INDEX(Jesper!$R$2:$R$366,ROW(INDEX(Jesper!AK$2:AK$366,ROUNDDOWN($C4674/24,0)+1,1))-1)+IF('Standard Profiles'!$G$21=$B$10,7,0)+IF('Standard Profiles'!$G$21=$B$17,14,0)+IF('Standard Profiles'!$G$21=$B$24,21,0),0)),0)</f>
        <v>0</v>
      </c>
      <c r="H4674" cm="1">
        <f t="array" ref="H4674">IFERROR(INDEX(Jesper!AL$2:AL$366,ROUNDDOWN($C4674/24,0)+1,1)*INDEX($D$3:$AA$30,INDEX(Jesper!$R$2:$R$366,ROW(INDEX(Jesper!AL$2:AL$366,ROUNDDOWN($C4674/24,0)+1,1))-1)+IF('Standard Profiles'!$G$22=$B$10,7,0)+IF('Standard Profiles'!$G$22=$B$17,14,0)+IF('Standard Profiles'!$G$22=$B$24,21,0),MOD($C4674,24)+1)/SUM(INDEX($D$3:$AA$30,INDEX(Jesper!$R$2:$R$366,ROW(INDEX(Jesper!AL$2:AL$366,ROUNDDOWN($C4674/24,0)+1,1))-1)+IF('Standard Profiles'!$G$22=$B$10,7,0)+IF('Standard Profiles'!$G$22=$B$17,14,0)+IF('Standard Profiles'!$G$22=$B$24,21,0),0)),0)</f>
        <v>0</v>
      </c>
      <c r="I4674">
        <f t="shared" si="524"/>
        <v>0.3510653922070574</v>
      </c>
      <c r="J4674">
        <f t="shared" si="525"/>
        <v>1.1702179740235248</v>
      </c>
      <c r="K4674">
        <f t="shared" si="526"/>
        <v>1.7553269610352868</v>
      </c>
      <c r="L4674">
        <f t="shared" si="527"/>
        <v>8.4255694129693772</v>
      </c>
      <c r="M4674">
        <f t="shared" si="528"/>
        <v>0</v>
      </c>
      <c r="N4674" s="46">
        <f t="shared" si="529"/>
        <v>45485.33333332208</v>
      </c>
    </row>
    <row r="4675" spans="2:14" x14ac:dyDescent="0.3">
      <c r="B4675">
        <f t="shared" si="523"/>
        <v>5</v>
      </c>
      <c r="C4675" s="16">
        <v>4641</v>
      </c>
      <c r="D4675" cm="1">
        <f t="array" ref="D4675">IFERROR(INDEX(Jesper!AH$2:AH$366,ROUNDDOWN($C4675/24,0)+1,1)*INDEX($D$3:$AA$30,INDEX(Jesper!$R$2:$R$366,ROW(INDEX(Jesper!AH$2:AH$366,ROUNDDOWN($C4675/24,0)+1,1))-1)+IF('Standard Profiles'!$G$18=$B$10,7,0)+IF('Standard Profiles'!$G$18=$B$17,14,0)+IF('Standard Profiles'!$G$18=$B$24,21,0),MOD($C4675,24)+1)/SUM(INDEX($D$3:$AA$30,INDEX(Jesper!$R$2:$R$366,ROW(INDEX(Jesper!AH$2:AH$366,ROUNDDOWN($C4675/24,0)+1,1))-1)+IF('Standard Profiles'!$G$18=$B$10,7,0)+IF('Standard Profiles'!$G$18=$B$17,14,0)+IF('Standard Profiles'!$G$18=$B$24,21,0),0)),0)</f>
        <v>12.53804972168062</v>
      </c>
      <c r="E4675" cm="1">
        <f t="array" ref="E4675">IFERROR(INDEX(Jesper!AI$2:AI$366,ROUNDDOWN($C4675/24,0)+1,1)*INDEX($D$3:$AA$30,INDEX(Jesper!$R$2:$R$366,ROW(INDEX(Jesper!AI$2:AI$366,ROUNDDOWN($C4675/24,0)+1,1))-1)+IF('Standard Profiles'!$G$19=$B$10,7,0)+IF('Standard Profiles'!$G$19=$B$17,14,0)+IF('Standard Profiles'!$G$19=$B$24,21,0),MOD($C4675,24)+1)/SUM(INDEX($D$3:$AA$30,INDEX(Jesper!$R$2:$R$366,ROW(INDEX(Jesper!AI$2:AI$366,ROUNDDOWN($C4675/24,0)+1,1))-1)+IF('Standard Profiles'!$G$19=$B$10,7,0)+IF('Standard Profiles'!$G$19=$B$17,14,0)+IF('Standard Profiles'!$G$19=$B$24,21,0),0)),0)</f>
        <v>0</v>
      </c>
      <c r="F4675" cm="1">
        <f t="array" ref="F4675">IFERROR(INDEX(Jesper!AJ$2:AJ$366,ROUNDDOWN($C4675/24,0)+1,1)*INDEX($D$3:$AA$30,INDEX(Jesper!$R$2:$R$366,ROW(INDEX(Jesper!AJ$2:AJ$366,ROUNDDOWN($C4675/24,0)+1,1))-1)+IF('Standard Profiles'!$G$20=$B$10,7,0)+IF('Standard Profiles'!$G$20=$B$17,14,0)+IF('Standard Profiles'!$G$20=$B$24,21,0),MOD($C4675,24)+1)/SUM(INDEX($D$3:$AA$30,INDEX(Jesper!$R$2:$R$366,ROW(INDEX(Jesper!AJ$2:AJ$366,ROUNDDOWN($C4675/24,0)+1,1))-1)+IF('Standard Profiles'!$G$20=$B$10,7,0)+IF('Standard Profiles'!$G$20=$B$17,14,0)+IF('Standard Profiles'!$G$20=$B$24,21,0),0)),0)</f>
        <v>0</v>
      </c>
      <c r="G4675" cm="1">
        <f t="array" ref="G4675">IFERROR(INDEX(Jesper!AK$2:AK$366,ROUNDDOWN($C4675/24,0)+1,1)*INDEX($D$3:$AA$30,INDEX(Jesper!$R$2:$R$366,ROW(INDEX(Jesper!AK$2:AK$366,ROUNDDOWN($C4675/24,0)+1,1))-1)+IF('Standard Profiles'!$G$21=$B$10,7,0)+IF('Standard Profiles'!$G$21=$B$17,14,0)+IF('Standard Profiles'!$G$21=$B$24,21,0),MOD($C4675,24)+1)/SUM(INDEX($D$3:$AA$30,INDEX(Jesper!$R$2:$R$366,ROW(INDEX(Jesper!AK$2:AK$366,ROUNDDOWN($C4675/24,0)+1,1))-1)+IF('Standard Profiles'!$G$21=$B$10,7,0)+IF('Standard Profiles'!$G$21=$B$17,14,0)+IF('Standard Profiles'!$G$21=$B$24,21,0),0)),0)</f>
        <v>0</v>
      </c>
      <c r="H4675" cm="1">
        <f t="array" ref="H4675">IFERROR(INDEX(Jesper!AL$2:AL$366,ROUNDDOWN($C4675/24,0)+1,1)*INDEX($D$3:$AA$30,INDEX(Jesper!$R$2:$R$366,ROW(INDEX(Jesper!AL$2:AL$366,ROUNDDOWN($C4675/24,0)+1,1))-1)+IF('Standard Profiles'!$G$22=$B$10,7,0)+IF('Standard Profiles'!$G$22=$B$17,14,0)+IF('Standard Profiles'!$G$22=$B$24,21,0),MOD($C4675,24)+1)/SUM(INDEX($D$3:$AA$30,INDEX(Jesper!$R$2:$R$366,ROW(INDEX(Jesper!AL$2:AL$366,ROUNDDOWN($C4675/24,0)+1,1))-1)+IF('Standard Profiles'!$G$22=$B$10,7,0)+IF('Standard Profiles'!$G$22=$B$17,14,0)+IF('Standard Profiles'!$G$22=$B$24,21,0),0)),0)</f>
        <v>0</v>
      </c>
      <c r="I4675">
        <f t="shared" si="524"/>
        <v>0.3761414916504186</v>
      </c>
      <c r="J4675">
        <f t="shared" si="525"/>
        <v>1.2538049721680622</v>
      </c>
      <c r="K4675">
        <f t="shared" si="526"/>
        <v>1.8807074582520928</v>
      </c>
      <c r="L4675">
        <f t="shared" si="527"/>
        <v>9.027395799610046</v>
      </c>
      <c r="M4675">
        <f t="shared" si="528"/>
        <v>0</v>
      </c>
      <c r="N4675" s="46">
        <f t="shared" si="529"/>
        <v>45485.374999988744</v>
      </c>
    </row>
    <row r="4676" spans="2:14" x14ac:dyDescent="0.3">
      <c r="B4676">
        <f t="shared" si="523"/>
        <v>5</v>
      </c>
      <c r="C4676" s="16">
        <v>4642</v>
      </c>
      <c r="D4676" cm="1">
        <f t="array" ref="D4676">IFERROR(INDEX(Jesper!AH$2:AH$366,ROUNDDOWN($C4676/24,0)+1,1)*INDEX($D$3:$AA$30,INDEX(Jesper!$R$2:$R$366,ROW(INDEX(Jesper!AH$2:AH$366,ROUNDDOWN($C4676/24,0)+1,1))-1)+IF('Standard Profiles'!$G$18=$B$10,7,0)+IF('Standard Profiles'!$G$18=$B$17,14,0)+IF('Standard Profiles'!$G$18=$B$24,21,0),MOD($C4676,24)+1)/SUM(INDEX($D$3:$AA$30,INDEX(Jesper!$R$2:$R$366,ROW(INDEX(Jesper!AH$2:AH$366,ROUNDDOWN($C4676/24,0)+1,1))-1)+IF('Standard Profiles'!$G$18=$B$10,7,0)+IF('Standard Profiles'!$G$18=$B$17,14,0)+IF('Standard Profiles'!$G$18=$B$24,21,0),0)),0)</f>
        <v>13.039571710547845</v>
      </c>
      <c r="E4676" cm="1">
        <f t="array" ref="E4676">IFERROR(INDEX(Jesper!AI$2:AI$366,ROUNDDOWN($C4676/24,0)+1,1)*INDEX($D$3:$AA$30,INDEX(Jesper!$R$2:$R$366,ROW(INDEX(Jesper!AI$2:AI$366,ROUNDDOWN($C4676/24,0)+1,1))-1)+IF('Standard Profiles'!$G$19=$B$10,7,0)+IF('Standard Profiles'!$G$19=$B$17,14,0)+IF('Standard Profiles'!$G$19=$B$24,21,0),MOD($C4676,24)+1)/SUM(INDEX($D$3:$AA$30,INDEX(Jesper!$R$2:$R$366,ROW(INDEX(Jesper!AI$2:AI$366,ROUNDDOWN($C4676/24,0)+1,1))-1)+IF('Standard Profiles'!$G$19=$B$10,7,0)+IF('Standard Profiles'!$G$19=$B$17,14,0)+IF('Standard Profiles'!$G$19=$B$24,21,0),0)),0)</f>
        <v>0</v>
      </c>
      <c r="F4676" cm="1">
        <f t="array" ref="F4676">IFERROR(INDEX(Jesper!AJ$2:AJ$366,ROUNDDOWN($C4676/24,0)+1,1)*INDEX($D$3:$AA$30,INDEX(Jesper!$R$2:$R$366,ROW(INDEX(Jesper!AJ$2:AJ$366,ROUNDDOWN($C4676/24,0)+1,1))-1)+IF('Standard Profiles'!$G$20=$B$10,7,0)+IF('Standard Profiles'!$G$20=$B$17,14,0)+IF('Standard Profiles'!$G$20=$B$24,21,0),MOD($C4676,24)+1)/SUM(INDEX($D$3:$AA$30,INDEX(Jesper!$R$2:$R$366,ROW(INDEX(Jesper!AJ$2:AJ$366,ROUNDDOWN($C4676/24,0)+1,1))-1)+IF('Standard Profiles'!$G$20=$B$10,7,0)+IF('Standard Profiles'!$G$20=$B$17,14,0)+IF('Standard Profiles'!$G$20=$B$24,21,0),0)),0)</f>
        <v>0</v>
      </c>
      <c r="G4676" cm="1">
        <f t="array" ref="G4676">IFERROR(INDEX(Jesper!AK$2:AK$366,ROUNDDOWN($C4676/24,0)+1,1)*INDEX($D$3:$AA$30,INDEX(Jesper!$R$2:$R$366,ROW(INDEX(Jesper!AK$2:AK$366,ROUNDDOWN($C4676/24,0)+1,1))-1)+IF('Standard Profiles'!$G$21=$B$10,7,0)+IF('Standard Profiles'!$G$21=$B$17,14,0)+IF('Standard Profiles'!$G$21=$B$24,21,0),MOD($C4676,24)+1)/SUM(INDEX($D$3:$AA$30,INDEX(Jesper!$R$2:$R$366,ROW(INDEX(Jesper!AK$2:AK$366,ROUNDDOWN($C4676/24,0)+1,1))-1)+IF('Standard Profiles'!$G$21=$B$10,7,0)+IF('Standard Profiles'!$G$21=$B$17,14,0)+IF('Standard Profiles'!$G$21=$B$24,21,0),0)),0)</f>
        <v>0</v>
      </c>
      <c r="H4676" cm="1">
        <f t="array" ref="H4676">IFERROR(INDEX(Jesper!AL$2:AL$366,ROUNDDOWN($C4676/24,0)+1,1)*INDEX($D$3:$AA$30,INDEX(Jesper!$R$2:$R$366,ROW(INDEX(Jesper!AL$2:AL$366,ROUNDDOWN($C4676/24,0)+1,1))-1)+IF('Standard Profiles'!$G$22=$B$10,7,0)+IF('Standard Profiles'!$G$22=$B$17,14,0)+IF('Standard Profiles'!$G$22=$B$24,21,0),MOD($C4676,24)+1)/SUM(INDEX($D$3:$AA$30,INDEX(Jesper!$R$2:$R$366,ROW(INDEX(Jesper!AL$2:AL$366,ROUNDDOWN($C4676/24,0)+1,1))-1)+IF('Standard Profiles'!$G$22=$B$10,7,0)+IF('Standard Profiles'!$G$22=$B$17,14,0)+IF('Standard Profiles'!$G$22=$B$24,21,0),0)),0)</f>
        <v>0</v>
      </c>
      <c r="I4676">
        <f t="shared" si="524"/>
        <v>0.39118715131643533</v>
      </c>
      <c r="J4676">
        <f t="shared" si="525"/>
        <v>1.3039571710547846</v>
      </c>
      <c r="K4676">
        <f t="shared" si="526"/>
        <v>1.9559357565821767</v>
      </c>
      <c r="L4676">
        <f t="shared" si="527"/>
        <v>9.388491631594448</v>
      </c>
      <c r="M4676">
        <f t="shared" si="528"/>
        <v>0</v>
      </c>
      <c r="N4676" s="46">
        <f t="shared" si="529"/>
        <v>45485.416666655408</v>
      </c>
    </row>
    <row r="4677" spans="2:14" x14ac:dyDescent="0.3">
      <c r="B4677">
        <f t="shared" si="523"/>
        <v>5</v>
      </c>
      <c r="C4677" s="16">
        <v>4643</v>
      </c>
      <c r="D4677" cm="1">
        <f t="array" ref="D4677">IFERROR(INDEX(Jesper!AH$2:AH$366,ROUNDDOWN($C4677/24,0)+1,1)*INDEX($D$3:$AA$30,INDEX(Jesper!$R$2:$R$366,ROW(INDEX(Jesper!AH$2:AH$366,ROUNDDOWN($C4677/24,0)+1,1))-1)+IF('Standard Profiles'!$G$18=$B$10,7,0)+IF('Standard Profiles'!$G$18=$B$17,14,0)+IF('Standard Profiles'!$G$18=$B$24,21,0),MOD($C4677,24)+1)/SUM(INDEX($D$3:$AA$30,INDEX(Jesper!$R$2:$R$366,ROW(INDEX(Jesper!AH$2:AH$366,ROUNDDOWN($C4677/24,0)+1,1))-1)+IF('Standard Profiles'!$G$18=$B$10,7,0)+IF('Standard Profiles'!$G$18=$B$17,14,0)+IF('Standard Profiles'!$G$18=$B$24,21,0),0)),0)</f>
        <v>15.045659666016745</v>
      </c>
      <c r="E4677" cm="1">
        <f t="array" ref="E4677">IFERROR(INDEX(Jesper!AI$2:AI$366,ROUNDDOWN($C4677/24,0)+1,1)*INDEX($D$3:$AA$30,INDEX(Jesper!$R$2:$R$366,ROW(INDEX(Jesper!AI$2:AI$366,ROUNDDOWN($C4677/24,0)+1,1))-1)+IF('Standard Profiles'!$G$19=$B$10,7,0)+IF('Standard Profiles'!$G$19=$B$17,14,0)+IF('Standard Profiles'!$G$19=$B$24,21,0),MOD($C4677,24)+1)/SUM(INDEX($D$3:$AA$30,INDEX(Jesper!$R$2:$R$366,ROW(INDEX(Jesper!AI$2:AI$366,ROUNDDOWN($C4677/24,0)+1,1))-1)+IF('Standard Profiles'!$G$19=$B$10,7,0)+IF('Standard Profiles'!$G$19=$B$17,14,0)+IF('Standard Profiles'!$G$19=$B$24,21,0),0)),0)</f>
        <v>0</v>
      </c>
      <c r="F4677" cm="1">
        <f t="array" ref="F4677">IFERROR(INDEX(Jesper!AJ$2:AJ$366,ROUNDDOWN($C4677/24,0)+1,1)*INDEX($D$3:$AA$30,INDEX(Jesper!$R$2:$R$366,ROW(INDEX(Jesper!AJ$2:AJ$366,ROUNDDOWN($C4677/24,0)+1,1))-1)+IF('Standard Profiles'!$G$20=$B$10,7,0)+IF('Standard Profiles'!$G$20=$B$17,14,0)+IF('Standard Profiles'!$G$20=$B$24,21,0),MOD($C4677,24)+1)/SUM(INDEX($D$3:$AA$30,INDEX(Jesper!$R$2:$R$366,ROW(INDEX(Jesper!AJ$2:AJ$366,ROUNDDOWN($C4677/24,0)+1,1))-1)+IF('Standard Profiles'!$G$20=$B$10,7,0)+IF('Standard Profiles'!$G$20=$B$17,14,0)+IF('Standard Profiles'!$G$20=$B$24,21,0),0)),0)</f>
        <v>0</v>
      </c>
      <c r="G4677" cm="1">
        <f t="array" ref="G4677">IFERROR(INDEX(Jesper!AK$2:AK$366,ROUNDDOWN($C4677/24,0)+1,1)*INDEX($D$3:$AA$30,INDEX(Jesper!$R$2:$R$366,ROW(INDEX(Jesper!AK$2:AK$366,ROUNDDOWN($C4677/24,0)+1,1))-1)+IF('Standard Profiles'!$G$21=$B$10,7,0)+IF('Standard Profiles'!$G$21=$B$17,14,0)+IF('Standard Profiles'!$G$21=$B$24,21,0),MOD($C4677,24)+1)/SUM(INDEX($D$3:$AA$30,INDEX(Jesper!$R$2:$R$366,ROW(INDEX(Jesper!AK$2:AK$366,ROUNDDOWN($C4677/24,0)+1,1))-1)+IF('Standard Profiles'!$G$21=$B$10,7,0)+IF('Standard Profiles'!$G$21=$B$17,14,0)+IF('Standard Profiles'!$G$21=$B$24,21,0),0)),0)</f>
        <v>0</v>
      </c>
      <c r="H4677" cm="1">
        <f t="array" ref="H4677">IFERROR(INDEX(Jesper!AL$2:AL$366,ROUNDDOWN($C4677/24,0)+1,1)*INDEX($D$3:$AA$30,INDEX(Jesper!$R$2:$R$366,ROW(INDEX(Jesper!AL$2:AL$366,ROUNDDOWN($C4677/24,0)+1,1))-1)+IF('Standard Profiles'!$G$22=$B$10,7,0)+IF('Standard Profiles'!$G$22=$B$17,14,0)+IF('Standard Profiles'!$G$22=$B$24,21,0),MOD($C4677,24)+1)/SUM(INDEX($D$3:$AA$30,INDEX(Jesper!$R$2:$R$366,ROW(INDEX(Jesper!AL$2:AL$366,ROUNDDOWN($C4677/24,0)+1,1))-1)+IF('Standard Profiles'!$G$22=$B$10,7,0)+IF('Standard Profiles'!$G$22=$B$17,14,0)+IF('Standard Profiles'!$G$22=$B$24,21,0),0)),0)</f>
        <v>0</v>
      </c>
      <c r="I4677">
        <f t="shared" si="524"/>
        <v>0.45136978998050231</v>
      </c>
      <c r="J4677">
        <f t="shared" si="525"/>
        <v>1.5045659666016746</v>
      </c>
      <c r="K4677">
        <f t="shared" si="526"/>
        <v>2.2568489499025115</v>
      </c>
      <c r="L4677">
        <f t="shared" si="527"/>
        <v>10.832874959532056</v>
      </c>
      <c r="M4677">
        <f t="shared" si="528"/>
        <v>0</v>
      </c>
      <c r="N4677" s="46">
        <f t="shared" si="529"/>
        <v>45485.458333322073</v>
      </c>
    </row>
    <row r="4678" spans="2:14" x14ac:dyDescent="0.3">
      <c r="B4678">
        <f t="shared" si="523"/>
        <v>5</v>
      </c>
      <c r="C4678" s="16">
        <v>4644</v>
      </c>
      <c r="D4678" cm="1">
        <f t="array" ref="D4678">IFERROR(INDEX(Jesper!AH$2:AH$366,ROUNDDOWN($C4678/24,0)+1,1)*INDEX($D$3:$AA$30,INDEX(Jesper!$R$2:$R$366,ROW(INDEX(Jesper!AH$2:AH$366,ROUNDDOWN($C4678/24,0)+1,1))-1)+IF('Standard Profiles'!$G$18=$B$10,7,0)+IF('Standard Profiles'!$G$18=$B$17,14,0)+IF('Standard Profiles'!$G$18=$B$24,21,0),MOD($C4678,24)+1)/SUM(INDEX($D$3:$AA$30,INDEX(Jesper!$R$2:$R$366,ROW(INDEX(Jesper!AH$2:AH$366,ROUNDDOWN($C4678/24,0)+1,1))-1)+IF('Standard Profiles'!$G$18=$B$10,7,0)+IF('Standard Profiles'!$G$18=$B$17,14,0)+IF('Standard Profiles'!$G$18=$B$24,21,0),0)),0)</f>
        <v>15.045659666016745</v>
      </c>
      <c r="E4678" cm="1">
        <f t="array" ref="E4678">IFERROR(INDEX(Jesper!AI$2:AI$366,ROUNDDOWN($C4678/24,0)+1,1)*INDEX($D$3:$AA$30,INDEX(Jesper!$R$2:$R$366,ROW(INDEX(Jesper!AI$2:AI$366,ROUNDDOWN($C4678/24,0)+1,1))-1)+IF('Standard Profiles'!$G$19=$B$10,7,0)+IF('Standard Profiles'!$G$19=$B$17,14,0)+IF('Standard Profiles'!$G$19=$B$24,21,0),MOD($C4678,24)+1)/SUM(INDEX($D$3:$AA$30,INDEX(Jesper!$R$2:$R$366,ROW(INDEX(Jesper!AI$2:AI$366,ROUNDDOWN($C4678/24,0)+1,1))-1)+IF('Standard Profiles'!$G$19=$B$10,7,0)+IF('Standard Profiles'!$G$19=$B$17,14,0)+IF('Standard Profiles'!$G$19=$B$24,21,0),0)),0)</f>
        <v>0</v>
      </c>
      <c r="F4678" cm="1">
        <f t="array" ref="F4678">IFERROR(INDEX(Jesper!AJ$2:AJ$366,ROUNDDOWN($C4678/24,0)+1,1)*INDEX($D$3:$AA$30,INDEX(Jesper!$R$2:$R$366,ROW(INDEX(Jesper!AJ$2:AJ$366,ROUNDDOWN($C4678/24,0)+1,1))-1)+IF('Standard Profiles'!$G$20=$B$10,7,0)+IF('Standard Profiles'!$G$20=$B$17,14,0)+IF('Standard Profiles'!$G$20=$B$24,21,0),MOD($C4678,24)+1)/SUM(INDEX($D$3:$AA$30,INDEX(Jesper!$R$2:$R$366,ROW(INDEX(Jesper!AJ$2:AJ$366,ROUNDDOWN($C4678/24,0)+1,1))-1)+IF('Standard Profiles'!$G$20=$B$10,7,0)+IF('Standard Profiles'!$G$20=$B$17,14,0)+IF('Standard Profiles'!$G$20=$B$24,21,0),0)),0)</f>
        <v>0</v>
      </c>
      <c r="G4678" cm="1">
        <f t="array" ref="G4678">IFERROR(INDEX(Jesper!AK$2:AK$366,ROUNDDOWN($C4678/24,0)+1,1)*INDEX($D$3:$AA$30,INDEX(Jesper!$R$2:$R$366,ROW(INDEX(Jesper!AK$2:AK$366,ROUNDDOWN($C4678/24,0)+1,1))-1)+IF('Standard Profiles'!$G$21=$B$10,7,0)+IF('Standard Profiles'!$G$21=$B$17,14,0)+IF('Standard Profiles'!$G$21=$B$24,21,0),MOD($C4678,24)+1)/SUM(INDEX($D$3:$AA$30,INDEX(Jesper!$R$2:$R$366,ROW(INDEX(Jesper!AK$2:AK$366,ROUNDDOWN($C4678/24,0)+1,1))-1)+IF('Standard Profiles'!$G$21=$B$10,7,0)+IF('Standard Profiles'!$G$21=$B$17,14,0)+IF('Standard Profiles'!$G$21=$B$24,21,0),0)),0)</f>
        <v>0</v>
      </c>
      <c r="H4678" cm="1">
        <f t="array" ref="H4678">IFERROR(INDEX(Jesper!AL$2:AL$366,ROUNDDOWN($C4678/24,0)+1,1)*INDEX($D$3:$AA$30,INDEX(Jesper!$R$2:$R$366,ROW(INDEX(Jesper!AL$2:AL$366,ROUNDDOWN($C4678/24,0)+1,1))-1)+IF('Standard Profiles'!$G$22=$B$10,7,0)+IF('Standard Profiles'!$G$22=$B$17,14,0)+IF('Standard Profiles'!$G$22=$B$24,21,0),MOD($C4678,24)+1)/SUM(INDEX($D$3:$AA$30,INDEX(Jesper!$R$2:$R$366,ROW(INDEX(Jesper!AL$2:AL$366,ROUNDDOWN($C4678/24,0)+1,1))-1)+IF('Standard Profiles'!$G$22=$B$10,7,0)+IF('Standard Profiles'!$G$22=$B$17,14,0)+IF('Standard Profiles'!$G$22=$B$24,21,0),0)),0)</f>
        <v>0</v>
      </c>
      <c r="I4678">
        <f t="shared" si="524"/>
        <v>0.45136978998050231</v>
      </c>
      <c r="J4678">
        <f t="shared" si="525"/>
        <v>1.5045659666016746</v>
      </c>
      <c r="K4678">
        <f t="shared" si="526"/>
        <v>2.2568489499025115</v>
      </c>
      <c r="L4678">
        <f t="shared" si="527"/>
        <v>10.832874959532056</v>
      </c>
      <c r="M4678">
        <f t="shared" si="528"/>
        <v>0</v>
      </c>
      <c r="N4678" s="46">
        <f t="shared" si="529"/>
        <v>45485.499999988737</v>
      </c>
    </row>
    <row r="4679" spans="2:14" x14ac:dyDescent="0.3">
      <c r="B4679">
        <f t="shared" si="523"/>
        <v>5</v>
      </c>
      <c r="C4679" s="16">
        <v>4645</v>
      </c>
      <c r="D4679" cm="1">
        <f t="array" ref="D4679">IFERROR(INDEX(Jesper!AH$2:AH$366,ROUNDDOWN($C4679/24,0)+1,1)*INDEX($D$3:$AA$30,INDEX(Jesper!$R$2:$R$366,ROW(INDEX(Jesper!AH$2:AH$366,ROUNDDOWN($C4679/24,0)+1,1))-1)+IF('Standard Profiles'!$G$18=$B$10,7,0)+IF('Standard Profiles'!$G$18=$B$17,14,0)+IF('Standard Profiles'!$G$18=$B$24,21,0),MOD($C4679,24)+1)/SUM(INDEX($D$3:$AA$30,INDEX(Jesper!$R$2:$R$366,ROW(INDEX(Jesper!AH$2:AH$366,ROUNDDOWN($C4679/24,0)+1,1))-1)+IF('Standard Profiles'!$G$18=$B$10,7,0)+IF('Standard Profiles'!$G$18=$B$17,14,0)+IF('Standard Profiles'!$G$18=$B$24,21,0),0)),0)</f>
        <v>15.045659666016745</v>
      </c>
      <c r="E4679" cm="1">
        <f t="array" ref="E4679">IFERROR(INDEX(Jesper!AI$2:AI$366,ROUNDDOWN($C4679/24,0)+1,1)*INDEX($D$3:$AA$30,INDEX(Jesper!$R$2:$R$366,ROW(INDEX(Jesper!AI$2:AI$366,ROUNDDOWN($C4679/24,0)+1,1))-1)+IF('Standard Profiles'!$G$19=$B$10,7,0)+IF('Standard Profiles'!$G$19=$B$17,14,0)+IF('Standard Profiles'!$G$19=$B$24,21,0),MOD($C4679,24)+1)/SUM(INDEX($D$3:$AA$30,INDEX(Jesper!$R$2:$R$366,ROW(INDEX(Jesper!AI$2:AI$366,ROUNDDOWN($C4679/24,0)+1,1))-1)+IF('Standard Profiles'!$G$19=$B$10,7,0)+IF('Standard Profiles'!$G$19=$B$17,14,0)+IF('Standard Profiles'!$G$19=$B$24,21,0),0)),0)</f>
        <v>0</v>
      </c>
      <c r="F4679" cm="1">
        <f t="array" ref="F4679">IFERROR(INDEX(Jesper!AJ$2:AJ$366,ROUNDDOWN($C4679/24,0)+1,1)*INDEX($D$3:$AA$30,INDEX(Jesper!$R$2:$R$366,ROW(INDEX(Jesper!AJ$2:AJ$366,ROUNDDOWN($C4679/24,0)+1,1))-1)+IF('Standard Profiles'!$G$20=$B$10,7,0)+IF('Standard Profiles'!$G$20=$B$17,14,0)+IF('Standard Profiles'!$G$20=$B$24,21,0),MOD($C4679,24)+1)/SUM(INDEX($D$3:$AA$30,INDEX(Jesper!$R$2:$R$366,ROW(INDEX(Jesper!AJ$2:AJ$366,ROUNDDOWN($C4679/24,0)+1,1))-1)+IF('Standard Profiles'!$G$20=$B$10,7,0)+IF('Standard Profiles'!$G$20=$B$17,14,0)+IF('Standard Profiles'!$G$20=$B$24,21,0),0)),0)</f>
        <v>0</v>
      </c>
      <c r="G4679" cm="1">
        <f t="array" ref="G4679">IFERROR(INDEX(Jesper!AK$2:AK$366,ROUNDDOWN($C4679/24,0)+1,1)*INDEX($D$3:$AA$30,INDEX(Jesper!$R$2:$R$366,ROW(INDEX(Jesper!AK$2:AK$366,ROUNDDOWN($C4679/24,0)+1,1))-1)+IF('Standard Profiles'!$G$21=$B$10,7,0)+IF('Standard Profiles'!$G$21=$B$17,14,0)+IF('Standard Profiles'!$G$21=$B$24,21,0),MOD($C4679,24)+1)/SUM(INDEX($D$3:$AA$30,INDEX(Jesper!$R$2:$R$366,ROW(INDEX(Jesper!AK$2:AK$366,ROUNDDOWN($C4679/24,0)+1,1))-1)+IF('Standard Profiles'!$G$21=$B$10,7,0)+IF('Standard Profiles'!$G$21=$B$17,14,0)+IF('Standard Profiles'!$G$21=$B$24,21,0),0)),0)</f>
        <v>0</v>
      </c>
      <c r="H4679" cm="1">
        <f t="array" ref="H4679">IFERROR(INDEX(Jesper!AL$2:AL$366,ROUNDDOWN($C4679/24,0)+1,1)*INDEX($D$3:$AA$30,INDEX(Jesper!$R$2:$R$366,ROW(INDEX(Jesper!AL$2:AL$366,ROUNDDOWN($C4679/24,0)+1,1))-1)+IF('Standard Profiles'!$G$22=$B$10,7,0)+IF('Standard Profiles'!$G$22=$B$17,14,0)+IF('Standard Profiles'!$G$22=$B$24,21,0),MOD($C4679,24)+1)/SUM(INDEX($D$3:$AA$30,INDEX(Jesper!$R$2:$R$366,ROW(INDEX(Jesper!AL$2:AL$366,ROUNDDOWN($C4679/24,0)+1,1))-1)+IF('Standard Profiles'!$G$22=$B$10,7,0)+IF('Standard Profiles'!$G$22=$B$17,14,0)+IF('Standard Profiles'!$G$22=$B$24,21,0),0)),0)</f>
        <v>0</v>
      </c>
      <c r="I4679">
        <f t="shared" si="524"/>
        <v>0.45136978998050231</v>
      </c>
      <c r="J4679">
        <f t="shared" si="525"/>
        <v>1.5045659666016746</v>
      </c>
      <c r="K4679">
        <f t="shared" si="526"/>
        <v>2.2568489499025115</v>
      </c>
      <c r="L4679">
        <f t="shared" si="527"/>
        <v>10.832874959532056</v>
      </c>
      <c r="M4679">
        <f t="shared" si="528"/>
        <v>0</v>
      </c>
      <c r="N4679" s="46">
        <f t="shared" si="529"/>
        <v>45485.541666655401</v>
      </c>
    </row>
    <row r="4680" spans="2:14" x14ac:dyDescent="0.3">
      <c r="B4680">
        <f t="shared" si="523"/>
        <v>5</v>
      </c>
      <c r="C4680" s="16">
        <v>4646</v>
      </c>
      <c r="D4680" cm="1">
        <f t="array" ref="D4680">IFERROR(INDEX(Jesper!AH$2:AH$366,ROUNDDOWN($C4680/24,0)+1,1)*INDEX($D$3:$AA$30,INDEX(Jesper!$R$2:$R$366,ROW(INDEX(Jesper!AH$2:AH$366,ROUNDDOWN($C4680/24,0)+1,1))-1)+IF('Standard Profiles'!$G$18=$B$10,7,0)+IF('Standard Profiles'!$G$18=$B$17,14,0)+IF('Standard Profiles'!$G$18=$B$24,21,0),MOD($C4680,24)+1)/SUM(INDEX($D$3:$AA$30,INDEX(Jesper!$R$2:$R$366,ROW(INDEX(Jesper!AH$2:AH$366,ROUNDDOWN($C4680/24,0)+1,1))-1)+IF('Standard Profiles'!$G$18=$B$10,7,0)+IF('Standard Profiles'!$G$18=$B$17,14,0)+IF('Standard Profiles'!$G$18=$B$24,21,0),0)),0)</f>
        <v>15.045659666016745</v>
      </c>
      <c r="E4680" cm="1">
        <f t="array" ref="E4680">IFERROR(INDEX(Jesper!AI$2:AI$366,ROUNDDOWN($C4680/24,0)+1,1)*INDEX($D$3:$AA$30,INDEX(Jesper!$R$2:$R$366,ROW(INDEX(Jesper!AI$2:AI$366,ROUNDDOWN($C4680/24,0)+1,1))-1)+IF('Standard Profiles'!$G$19=$B$10,7,0)+IF('Standard Profiles'!$G$19=$B$17,14,0)+IF('Standard Profiles'!$G$19=$B$24,21,0),MOD($C4680,24)+1)/SUM(INDEX($D$3:$AA$30,INDEX(Jesper!$R$2:$R$366,ROW(INDEX(Jesper!AI$2:AI$366,ROUNDDOWN($C4680/24,0)+1,1))-1)+IF('Standard Profiles'!$G$19=$B$10,7,0)+IF('Standard Profiles'!$G$19=$B$17,14,0)+IF('Standard Profiles'!$G$19=$B$24,21,0),0)),0)</f>
        <v>0</v>
      </c>
      <c r="F4680" cm="1">
        <f t="array" ref="F4680">IFERROR(INDEX(Jesper!AJ$2:AJ$366,ROUNDDOWN($C4680/24,0)+1,1)*INDEX($D$3:$AA$30,INDEX(Jesper!$R$2:$R$366,ROW(INDEX(Jesper!AJ$2:AJ$366,ROUNDDOWN($C4680/24,0)+1,1))-1)+IF('Standard Profiles'!$G$20=$B$10,7,0)+IF('Standard Profiles'!$G$20=$B$17,14,0)+IF('Standard Profiles'!$G$20=$B$24,21,0),MOD($C4680,24)+1)/SUM(INDEX($D$3:$AA$30,INDEX(Jesper!$R$2:$R$366,ROW(INDEX(Jesper!AJ$2:AJ$366,ROUNDDOWN($C4680/24,0)+1,1))-1)+IF('Standard Profiles'!$G$20=$B$10,7,0)+IF('Standard Profiles'!$G$20=$B$17,14,0)+IF('Standard Profiles'!$G$20=$B$24,21,0),0)),0)</f>
        <v>0</v>
      </c>
      <c r="G4680" cm="1">
        <f t="array" ref="G4680">IFERROR(INDEX(Jesper!AK$2:AK$366,ROUNDDOWN($C4680/24,0)+1,1)*INDEX($D$3:$AA$30,INDEX(Jesper!$R$2:$R$366,ROW(INDEX(Jesper!AK$2:AK$366,ROUNDDOWN($C4680/24,0)+1,1))-1)+IF('Standard Profiles'!$G$21=$B$10,7,0)+IF('Standard Profiles'!$G$21=$B$17,14,0)+IF('Standard Profiles'!$G$21=$B$24,21,0),MOD($C4680,24)+1)/SUM(INDEX($D$3:$AA$30,INDEX(Jesper!$R$2:$R$366,ROW(INDEX(Jesper!AK$2:AK$366,ROUNDDOWN($C4680/24,0)+1,1))-1)+IF('Standard Profiles'!$G$21=$B$10,7,0)+IF('Standard Profiles'!$G$21=$B$17,14,0)+IF('Standard Profiles'!$G$21=$B$24,21,0),0)),0)</f>
        <v>0</v>
      </c>
      <c r="H4680" cm="1">
        <f t="array" ref="H4680">IFERROR(INDEX(Jesper!AL$2:AL$366,ROUNDDOWN($C4680/24,0)+1,1)*INDEX($D$3:$AA$30,INDEX(Jesper!$R$2:$R$366,ROW(INDEX(Jesper!AL$2:AL$366,ROUNDDOWN($C4680/24,0)+1,1))-1)+IF('Standard Profiles'!$G$22=$B$10,7,0)+IF('Standard Profiles'!$G$22=$B$17,14,0)+IF('Standard Profiles'!$G$22=$B$24,21,0),MOD($C4680,24)+1)/SUM(INDEX($D$3:$AA$30,INDEX(Jesper!$R$2:$R$366,ROW(INDEX(Jesper!AL$2:AL$366,ROUNDDOWN($C4680/24,0)+1,1))-1)+IF('Standard Profiles'!$G$22=$B$10,7,0)+IF('Standard Profiles'!$G$22=$B$17,14,0)+IF('Standard Profiles'!$G$22=$B$24,21,0),0)),0)</f>
        <v>0</v>
      </c>
      <c r="I4680">
        <f t="shared" si="524"/>
        <v>0.45136978998050231</v>
      </c>
      <c r="J4680">
        <f t="shared" si="525"/>
        <v>1.5045659666016746</v>
      </c>
      <c r="K4680">
        <f t="shared" si="526"/>
        <v>2.2568489499025115</v>
      </c>
      <c r="L4680">
        <f t="shared" si="527"/>
        <v>10.832874959532056</v>
      </c>
      <c r="M4680">
        <f t="shared" si="528"/>
        <v>0</v>
      </c>
      <c r="N4680" s="46">
        <f t="shared" si="529"/>
        <v>45485.583333322065</v>
      </c>
    </row>
    <row r="4681" spans="2:14" x14ac:dyDescent="0.3">
      <c r="B4681">
        <f t="shared" si="523"/>
        <v>5</v>
      </c>
      <c r="C4681" s="16">
        <v>4647</v>
      </c>
      <c r="D4681" cm="1">
        <f t="array" ref="D4681">IFERROR(INDEX(Jesper!AH$2:AH$366,ROUNDDOWN($C4681/24,0)+1,1)*INDEX($D$3:$AA$30,INDEX(Jesper!$R$2:$R$366,ROW(INDEX(Jesper!AH$2:AH$366,ROUNDDOWN($C4681/24,0)+1,1))-1)+IF('Standard Profiles'!$G$18=$B$10,7,0)+IF('Standard Profiles'!$G$18=$B$17,14,0)+IF('Standard Profiles'!$G$18=$B$24,21,0),MOD($C4681,24)+1)/SUM(INDEX($D$3:$AA$30,INDEX(Jesper!$R$2:$R$366,ROW(INDEX(Jesper!AH$2:AH$366,ROUNDDOWN($C4681/24,0)+1,1))-1)+IF('Standard Profiles'!$G$18=$B$10,7,0)+IF('Standard Profiles'!$G$18=$B$17,14,0)+IF('Standard Profiles'!$G$18=$B$24,21,0),0)),0)</f>
        <v>12.53804972168062</v>
      </c>
      <c r="E4681" cm="1">
        <f t="array" ref="E4681">IFERROR(INDEX(Jesper!AI$2:AI$366,ROUNDDOWN($C4681/24,0)+1,1)*INDEX($D$3:$AA$30,INDEX(Jesper!$R$2:$R$366,ROW(INDEX(Jesper!AI$2:AI$366,ROUNDDOWN($C4681/24,0)+1,1))-1)+IF('Standard Profiles'!$G$19=$B$10,7,0)+IF('Standard Profiles'!$G$19=$B$17,14,0)+IF('Standard Profiles'!$G$19=$B$24,21,0),MOD($C4681,24)+1)/SUM(INDEX($D$3:$AA$30,INDEX(Jesper!$R$2:$R$366,ROW(INDEX(Jesper!AI$2:AI$366,ROUNDDOWN($C4681/24,0)+1,1))-1)+IF('Standard Profiles'!$G$19=$B$10,7,0)+IF('Standard Profiles'!$G$19=$B$17,14,0)+IF('Standard Profiles'!$G$19=$B$24,21,0),0)),0)</f>
        <v>0</v>
      </c>
      <c r="F4681" cm="1">
        <f t="array" ref="F4681">IFERROR(INDEX(Jesper!AJ$2:AJ$366,ROUNDDOWN($C4681/24,0)+1,1)*INDEX($D$3:$AA$30,INDEX(Jesper!$R$2:$R$366,ROW(INDEX(Jesper!AJ$2:AJ$366,ROUNDDOWN($C4681/24,0)+1,1))-1)+IF('Standard Profiles'!$G$20=$B$10,7,0)+IF('Standard Profiles'!$G$20=$B$17,14,0)+IF('Standard Profiles'!$G$20=$B$24,21,0),MOD($C4681,24)+1)/SUM(INDEX($D$3:$AA$30,INDEX(Jesper!$R$2:$R$366,ROW(INDEX(Jesper!AJ$2:AJ$366,ROUNDDOWN($C4681/24,0)+1,1))-1)+IF('Standard Profiles'!$G$20=$B$10,7,0)+IF('Standard Profiles'!$G$20=$B$17,14,0)+IF('Standard Profiles'!$G$20=$B$24,21,0),0)),0)</f>
        <v>0</v>
      </c>
      <c r="G4681" cm="1">
        <f t="array" ref="G4681">IFERROR(INDEX(Jesper!AK$2:AK$366,ROUNDDOWN($C4681/24,0)+1,1)*INDEX($D$3:$AA$30,INDEX(Jesper!$R$2:$R$366,ROW(INDEX(Jesper!AK$2:AK$366,ROUNDDOWN($C4681/24,0)+1,1))-1)+IF('Standard Profiles'!$G$21=$B$10,7,0)+IF('Standard Profiles'!$G$21=$B$17,14,0)+IF('Standard Profiles'!$G$21=$B$24,21,0),MOD($C4681,24)+1)/SUM(INDEX($D$3:$AA$30,INDEX(Jesper!$R$2:$R$366,ROW(INDEX(Jesper!AK$2:AK$366,ROUNDDOWN($C4681/24,0)+1,1))-1)+IF('Standard Profiles'!$G$21=$B$10,7,0)+IF('Standard Profiles'!$G$21=$B$17,14,0)+IF('Standard Profiles'!$G$21=$B$24,21,0),0)),0)</f>
        <v>0</v>
      </c>
      <c r="H4681" cm="1">
        <f t="array" ref="H4681">IFERROR(INDEX(Jesper!AL$2:AL$366,ROUNDDOWN($C4681/24,0)+1,1)*INDEX($D$3:$AA$30,INDEX(Jesper!$R$2:$R$366,ROW(INDEX(Jesper!AL$2:AL$366,ROUNDDOWN($C4681/24,0)+1,1))-1)+IF('Standard Profiles'!$G$22=$B$10,7,0)+IF('Standard Profiles'!$G$22=$B$17,14,0)+IF('Standard Profiles'!$G$22=$B$24,21,0),MOD($C4681,24)+1)/SUM(INDEX($D$3:$AA$30,INDEX(Jesper!$R$2:$R$366,ROW(INDEX(Jesper!AL$2:AL$366,ROUNDDOWN($C4681/24,0)+1,1))-1)+IF('Standard Profiles'!$G$22=$B$10,7,0)+IF('Standard Profiles'!$G$22=$B$17,14,0)+IF('Standard Profiles'!$G$22=$B$24,21,0),0)),0)</f>
        <v>0</v>
      </c>
      <c r="I4681">
        <f t="shared" si="524"/>
        <v>0.3761414916504186</v>
      </c>
      <c r="J4681">
        <f t="shared" si="525"/>
        <v>1.2538049721680622</v>
      </c>
      <c r="K4681">
        <f t="shared" si="526"/>
        <v>1.8807074582520928</v>
      </c>
      <c r="L4681">
        <f t="shared" si="527"/>
        <v>9.027395799610046</v>
      </c>
      <c r="M4681">
        <f t="shared" si="528"/>
        <v>0</v>
      </c>
      <c r="N4681" s="46">
        <f t="shared" si="529"/>
        <v>45485.62499998873</v>
      </c>
    </row>
    <row r="4682" spans="2:14" x14ac:dyDescent="0.3">
      <c r="B4682">
        <f t="shared" si="523"/>
        <v>5</v>
      </c>
      <c r="C4682" s="16">
        <v>4648</v>
      </c>
      <c r="D4682" cm="1">
        <f t="array" ref="D4682">IFERROR(INDEX(Jesper!AH$2:AH$366,ROUNDDOWN($C4682/24,0)+1,1)*INDEX($D$3:$AA$30,INDEX(Jesper!$R$2:$R$366,ROW(INDEX(Jesper!AH$2:AH$366,ROUNDDOWN($C4682/24,0)+1,1))-1)+IF('Standard Profiles'!$G$18=$B$10,7,0)+IF('Standard Profiles'!$G$18=$B$17,14,0)+IF('Standard Profiles'!$G$18=$B$24,21,0),MOD($C4682,24)+1)/SUM(INDEX($D$3:$AA$30,INDEX(Jesper!$R$2:$R$366,ROW(INDEX(Jesper!AH$2:AH$366,ROUNDDOWN($C4682/24,0)+1,1))-1)+IF('Standard Profiles'!$G$18=$B$10,7,0)+IF('Standard Profiles'!$G$18=$B$17,14,0)+IF('Standard Profiles'!$G$18=$B$24,21,0),0)),0)</f>
        <v>11.869353736524321</v>
      </c>
      <c r="E4682" cm="1">
        <f t="array" ref="E4682">IFERROR(INDEX(Jesper!AI$2:AI$366,ROUNDDOWN($C4682/24,0)+1,1)*INDEX($D$3:$AA$30,INDEX(Jesper!$R$2:$R$366,ROW(INDEX(Jesper!AI$2:AI$366,ROUNDDOWN($C4682/24,0)+1,1))-1)+IF('Standard Profiles'!$G$19=$B$10,7,0)+IF('Standard Profiles'!$G$19=$B$17,14,0)+IF('Standard Profiles'!$G$19=$B$24,21,0),MOD($C4682,24)+1)/SUM(INDEX($D$3:$AA$30,INDEX(Jesper!$R$2:$R$366,ROW(INDEX(Jesper!AI$2:AI$366,ROUNDDOWN($C4682/24,0)+1,1))-1)+IF('Standard Profiles'!$G$19=$B$10,7,0)+IF('Standard Profiles'!$G$19=$B$17,14,0)+IF('Standard Profiles'!$G$19=$B$24,21,0),0)),0)</f>
        <v>0</v>
      </c>
      <c r="F4682" cm="1">
        <f t="array" ref="F4682">IFERROR(INDEX(Jesper!AJ$2:AJ$366,ROUNDDOWN($C4682/24,0)+1,1)*INDEX($D$3:$AA$30,INDEX(Jesper!$R$2:$R$366,ROW(INDEX(Jesper!AJ$2:AJ$366,ROUNDDOWN($C4682/24,0)+1,1))-1)+IF('Standard Profiles'!$G$20=$B$10,7,0)+IF('Standard Profiles'!$G$20=$B$17,14,0)+IF('Standard Profiles'!$G$20=$B$24,21,0),MOD($C4682,24)+1)/SUM(INDEX($D$3:$AA$30,INDEX(Jesper!$R$2:$R$366,ROW(INDEX(Jesper!AJ$2:AJ$366,ROUNDDOWN($C4682/24,0)+1,1))-1)+IF('Standard Profiles'!$G$20=$B$10,7,0)+IF('Standard Profiles'!$G$20=$B$17,14,0)+IF('Standard Profiles'!$G$20=$B$24,21,0),0)),0)</f>
        <v>0</v>
      </c>
      <c r="G4682" cm="1">
        <f t="array" ref="G4682">IFERROR(INDEX(Jesper!AK$2:AK$366,ROUNDDOWN($C4682/24,0)+1,1)*INDEX($D$3:$AA$30,INDEX(Jesper!$R$2:$R$366,ROW(INDEX(Jesper!AK$2:AK$366,ROUNDDOWN($C4682/24,0)+1,1))-1)+IF('Standard Profiles'!$G$21=$B$10,7,0)+IF('Standard Profiles'!$G$21=$B$17,14,0)+IF('Standard Profiles'!$G$21=$B$24,21,0),MOD($C4682,24)+1)/SUM(INDEX($D$3:$AA$30,INDEX(Jesper!$R$2:$R$366,ROW(INDEX(Jesper!AK$2:AK$366,ROUNDDOWN($C4682/24,0)+1,1))-1)+IF('Standard Profiles'!$G$21=$B$10,7,0)+IF('Standard Profiles'!$G$21=$B$17,14,0)+IF('Standard Profiles'!$G$21=$B$24,21,0),0)),0)</f>
        <v>0</v>
      </c>
      <c r="H4682" cm="1">
        <f t="array" ref="H4682">IFERROR(INDEX(Jesper!AL$2:AL$366,ROUNDDOWN($C4682/24,0)+1,1)*INDEX($D$3:$AA$30,INDEX(Jesper!$R$2:$R$366,ROW(INDEX(Jesper!AL$2:AL$366,ROUNDDOWN($C4682/24,0)+1,1))-1)+IF('Standard Profiles'!$G$22=$B$10,7,0)+IF('Standard Profiles'!$G$22=$B$17,14,0)+IF('Standard Profiles'!$G$22=$B$24,21,0),MOD($C4682,24)+1)/SUM(INDEX($D$3:$AA$30,INDEX(Jesper!$R$2:$R$366,ROW(INDEX(Jesper!AL$2:AL$366,ROUNDDOWN($C4682/24,0)+1,1))-1)+IF('Standard Profiles'!$G$22=$B$10,7,0)+IF('Standard Profiles'!$G$22=$B$17,14,0)+IF('Standard Profiles'!$G$22=$B$24,21,0),0)),0)</f>
        <v>0</v>
      </c>
      <c r="I4682">
        <f t="shared" si="524"/>
        <v>0.35608061209572961</v>
      </c>
      <c r="J4682">
        <f t="shared" si="525"/>
        <v>1.1869353736524322</v>
      </c>
      <c r="K4682">
        <f t="shared" si="526"/>
        <v>1.780403060478648</v>
      </c>
      <c r="L4682">
        <f t="shared" si="527"/>
        <v>8.5459346902975106</v>
      </c>
      <c r="M4682">
        <f t="shared" si="528"/>
        <v>0</v>
      </c>
      <c r="N4682" s="46">
        <f t="shared" si="529"/>
        <v>45485.666666655394</v>
      </c>
    </row>
    <row r="4683" spans="2:14" x14ac:dyDescent="0.3">
      <c r="B4683">
        <f t="shared" si="523"/>
        <v>5</v>
      </c>
      <c r="C4683" s="16">
        <v>4649</v>
      </c>
      <c r="D4683" cm="1">
        <f t="array" ref="D4683">IFERROR(INDEX(Jesper!AH$2:AH$366,ROUNDDOWN($C4683/24,0)+1,1)*INDEX($D$3:$AA$30,INDEX(Jesper!$R$2:$R$366,ROW(INDEX(Jesper!AH$2:AH$366,ROUNDDOWN($C4683/24,0)+1,1))-1)+IF('Standard Profiles'!$G$18=$B$10,7,0)+IF('Standard Profiles'!$G$18=$B$17,14,0)+IF('Standard Profiles'!$G$18=$B$24,21,0),MOD($C4683,24)+1)/SUM(INDEX($D$3:$AA$30,INDEX(Jesper!$R$2:$R$366,ROW(INDEX(Jesper!AH$2:AH$366,ROUNDDOWN($C4683/24,0)+1,1))-1)+IF('Standard Profiles'!$G$18=$B$10,7,0)+IF('Standard Profiles'!$G$18=$B$17,14,0)+IF('Standard Profiles'!$G$18=$B$24,21,0),0)),0)</f>
        <v>11.869353736524321</v>
      </c>
      <c r="E4683" cm="1">
        <f t="array" ref="E4683">IFERROR(INDEX(Jesper!AI$2:AI$366,ROUNDDOWN($C4683/24,0)+1,1)*INDEX($D$3:$AA$30,INDEX(Jesper!$R$2:$R$366,ROW(INDEX(Jesper!AI$2:AI$366,ROUNDDOWN($C4683/24,0)+1,1))-1)+IF('Standard Profiles'!$G$19=$B$10,7,0)+IF('Standard Profiles'!$G$19=$B$17,14,0)+IF('Standard Profiles'!$G$19=$B$24,21,0),MOD($C4683,24)+1)/SUM(INDEX($D$3:$AA$30,INDEX(Jesper!$R$2:$R$366,ROW(INDEX(Jesper!AI$2:AI$366,ROUNDDOWN($C4683/24,0)+1,1))-1)+IF('Standard Profiles'!$G$19=$B$10,7,0)+IF('Standard Profiles'!$G$19=$B$17,14,0)+IF('Standard Profiles'!$G$19=$B$24,21,0),0)),0)</f>
        <v>0</v>
      </c>
      <c r="F4683" cm="1">
        <f t="array" ref="F4683">IFERROR(INDEX(Jesper!AJ$2:AJ$366,ROUNDDOWN($C4683/24,0)+1,1)*INDEX($D$3:$AA$30,INDEX(Jesper!$R$2:$R$366,ROW(INDEX(Jesper!AJ$2:AJ$366,ROUNDDOWN($C4683/24,0)+1,1))-1)+IF('Standard Profiles'!$G$20=$B$10,7,0)+IF('Standard Profiles'!$G$20=$B$17,14,0)+IF('Standard Profiles'!$G$20=$B$24,21,0),MOD($C4683,24)+1)/SUM(INDEX($D$3:$AA$30,INDEX(Jesper!$R$2:$R$366,ROW(INDEX(Jesper!AJ$2:AJ$366,ROUNDDOWN($C4683/24,0)+1,1))-1)+IF('Standard Profiles'!$G$20=$B$10,7,0)+IF('Standard Profiles'!$G$20=$B$17,14,0)+IF('Standard Profiles'!$G$20=$B$24,21,0),0)),0)</f>
        <v>0</v>
      </c>
      <c r="G4683" cm="1">
        <f t="array" ref="G4683">IFERROR(INDEX(Jesper!AK$2:AK$366,ROUNDDOWN($C4683/24,0)+1,1)*INDEX($D$3:$AA$30,INDEX(Jesper!$R$2:$R$366,ROW(INDEX(Jesper!AK$2:AK$366,ROUNDDOWN($C4683/24,0)+1,1))-1)+IF('Standard Profiles'!$G$21=$B$10,7,0)+IF('Standard Profiles'!$G$21=$B$17,14,0)+IF('Standard Profiles'!$G$21=$B$24,21,0),MOD($C4683,24)+1)/SUM(INDEX($D$3:$AA$30,INDEX(Jesper!$R$2:$R$366,ROW(INDEX(Jesper!AK$2:AK$366,ROUNDDOWN($C4683/24,0)+1,1))-1)+IF('Standard Profiles'!$G$21=$B$10,7,0)+IF('Standard Profiles'!$G$21=$B$17,14,0)+IF('Standard Profiles'!$G$21=$B$24,21,0),0)),0)</f>
        <v>0</v>
      </c>
      <c r="H4683" cm="1">
        <f t="array" ref="H4683">IFERROR(INDEX(Jesper!AL$2:AL$366,ROUNDDOWN($C4683/24,0)+1,1)*INDEX($D$3:$AA$30,INDEX(Jesper!$R$2:$R$366,ROW(INDEX(Jesper!AL$2:AL$366,ROUNDDOWN($C4683/24,0)+1,1))-1)+IF('Standard Profiles'!$G$22=$B$10,7,0)+IF('Standard Profiles'!$G$22=$B$17,14,0)+IF('Standard Profiles'!$G$22=$B$24,21,0),MOD($C4683,24)+1)/SUM(INDEX($D$3:$AA$30,INDEX(Jesper!$R$2:$R$366,ROW(INDEX(Jesper!AL$2:AL$366,ROUNDDOWN($C4683/24,0)+1,1))-1)+IF('Standard Profiles'!$G$22=$B$10,7,0)+IF('Standard Profiles'!$G$22=$B$17,14,0)+IF('Standard Profiles'!$G$22=$B$24,21,0),0)),0)</f>
        <v>0</v>
      </c>
      <c r="I4683">
        <f t="shared" si="524"/>
        <v>0.35608061209572961</v>
      </c>
      <c r="J4683">
        <f t="shared" si="525"/>
        <v>1.1869353736524322</v>
      </c>
      <c r="K4683">
        <f t="shared" si="526"/>
        <v>1.780403060478648</v>
      </c>
      <c r="L4683">
        <f t="shared" si="527"/>
        <v>8.5459346902975106</v>
      </c>
      <c r="M4683">
        <f t="shared" si="528"/>
        <v>0</v>
      </c>
      <c r="N4683" s="46">
        <f t="shared" si="529"/>
        <v>45485.708333322058</v>
      </c>
    </row>
    <row r="4684" spans="2:14" x14ac:dyDescent="0.3">
      <c r="B4684">
        <f t="shared" si="523"/>
        <v>5</v>
      </c>
      <c r="C4684" s="16">
        <v>4650</v>
      </c>
      <c r="D4684" cm="1">
        <f t="array" ref="D4684">IFERROR(INDEX(Jesper!AH$2:AH$366,ROUNDDOWN($C4684/24,0)+1,1)*INDEX($D$3:$AA$30,INDEX(Jesper!$R$2:$R$366,ROW(INDEX(Jesper!AH$2:AH$366,ROUNDDOWN($C4684/24,0)+1,1))-1)+IF('Standard Profiles'!$G$18=$B$10,7,0)+IF('Standard Profiles'!$G$18=$B$17,14,0)+IF('Standard Profiles'!$G$18=$B$24,21,0),MOD($C4684,24)+1)/SUM(INDEX($D$3:$AA$30,INDEX(Jesper!$R$2:$R$366,ROW(INDEX(Jesper!AH$2:AH$366,ROUNDDOWN($C4684/24,0)+1,1))-1)+IF('Standard Profiles'!$G$18=$B$10,7,0)+IF('Standard Profiles'!$G$18=$B$17,14,0)+IF('Standard Profiles'!$G$18=$B$24,21,0),0)),0)</f>
        <v>11.869353736524321</v>
      </c>
      <c r="E4684" cm="1">
        <f t="array" ref="E4684">IFERROR(INDEX(Jesper!AI$2:AI$366,ROUNDDOWN($C4684/24,0)+1,1)*INDEX($D$3:$AA$30,INDEX(Jesper!$R$2:$R$366,ROW(INDEX(Jesper!AI$2:AI$366,ROUNDDOWN($C4684/24,0)+1,1))-1)+IF('Standard Profiles'!$G$19=$B$10,7,0)+IF('Standard Profiles'!$G$19=$B$17,14,0)+IF('Standard Profiles'!$G$19=$B$24,21,0),MOD($C4684,24)+1)/SUM(INDEX($D$3:$AA$30,INDEX(Jesper!$R$2:$R$366,ROW(INDEX(Jesper!AI$2:AI$366,ROUNDDOWN($C4684/24,0)+1,1))-1)+IF('Standard Profiles'!$G$19=$B$10,7,0)+IF('Standard Profiles'!$G$19=$B$17,14,0)+IF('Standard Profiles'!$G$19=$B$24,21,0),0)),0)</f>
        <v>0</v>
      </c>
      <c r="F4684" cm="1">
        <f t="array" ref="F4684">IFERROR(INDEX(Jesper!AJ$2:AJ$366,ROUNDDOWN($C4684/24,0)+1,1)*INDEX($D$3:$AA$30,INDEX(Jesper!$R$2:$R$366,ROW(INDEX(Jesper!AJ$2:AJ$366,ROUNDDOWN($C4684/24,0)+1,1))-1)+IF('Standard Profiles'!$G$20=$B$10,7,0)+IF('Standard Profiles'!$G$20=$B$17,14,0)+IF('Standard Profiles'!$G$20=$B$24,21,0),MOD($C4684,24)+1)/SUM(INDEX($D$3:$AA$30,INDEX(Jesper!$R$2:$R$366,ROW(INDEX(Jesper!AJ$2:AJ$366,ROUNDDOWN($C4684/24,0)+1,1))-1)+IF('Standard Profiles'!$G$20=$B$10,7,0)+IF('Standard Profiles'!$G$20=$B$17,14,0)+IF('Standard Profiles'!$G$20=$B$24,21,0),0)),0)</f>
        <v>0</v>
      </c>
      <c r="G4684" cm="1">
        <f t="array" ref="G4684">IFERROR(INDEX(Jesper!AK$2:AK$366,ROUNDDOWN($C4684/24,0)+1,1)*INDEX($D$3:$AA$30,INDEX(Jesper!$R$2:$R$366,ROW(INDEX(Jesper!AK$2:AK$366,ROUNDDOWN($C4684/24,0)+1,1))-1)+IF('Standard Profiles'!$G$21=$B$10,7,0)+IF('Standard Profiles'!$G$21=$B$17,14,0)+IF('Standard Profiles'!$G$21=$B$24,21,0),MOD($C4684,24)+1)/SUM(INDEX($D$3:$AA$30,INDEX(Jesper!$R$2:$R$366,ROW(INDEX(Jesper!AK$2:AK$366,ROUNDDOWN($C4684/24,0)+1,1))-1)+IF('Standard Profiles'!$G$21=$B$10,7,0)+IF('Standard Profiles'!$G$21=$B$17,14,0)+IF('Standard Profiles'!$G$21=$B$24,21,0),0)),0)</f>
        <v>0</v>
      </c>
      <c r="H4684" cm="1">
        <f t="array" ref="H4684">IFERROR(INDEX(Jesper!AL$2:AL$366,ROUNDDOWN($C4684/24,0)+1,1)*INDEX($D$3:$AA$30,INDEX(Jesper!$R$2:$R$366,ROW(INDEX(Jesper!AL$2:AL$366,ROUNDDOWN($C4684/24,0)+1,1))-1)+IF('Standard Profiles'!$G$22=$B$10,7,0)+IF('Standard Profiles'!$G$22=$B$17,14,0)+IF('Standard Profiles'!$G$22=$B$24,21,0),MOD($C4684,24)+1)/SUM(INDEX($D$3:$AA$30,INDEX(Jesper!$R$2:$R$366,ROW(INDEX(Jesper!AL$2:AL$366,ROUNDDOWN($C4684/24,0)+1,1))-1)+IF('Standard Profiles'!$G$22=$B$10,7,0)+IF('Standard Profiles'!$G$22=$B$17,14,0)+IF('Standard Profiles'!$G$22=$B$24,21,0),0)),0)</f>
        <v>0</v>
      </c>
      <c r="I4684">
        <f t="shared" si="524"/>
        <v>0.35608061209572961</v>
      </c>
      <c r="J4684">
        <f t="shared" si="525"/>
        <v>1.1869353736524322</v>
      </c>
      <c r="K4684">
        <f t="shared" si="526"/>
        <v>1.780403060478648</v>
      </c>
      <c r="L4684">
        <f t="shared" si="527"/>
        <v>8.5459346902975106</v>
      </c>
      <c r="M4684">
        <f t="shared" si="528"/>
        <v>0</v>
      </c>
      <c r="N4684" s="46">
        <f t="shared" si="529"/>
        <v>45485.749999988722</v>
      </c>
    </row>
    <row r="4685" spans="2:14" x14ac:dyDescent="0.3">
      <c r="B4685">
        <f t="shared" si="523"/>
        <v>5</v>
      </c>
      <c r="C4685" s="16">
        <v>4651</v>
      </c>
      <c r="D4685" cm="1">
        <f t="array" ref="D4685">IFERROR(INDEX(Jesper!AH$2:AH$366,ROUNDDOWN($C4685/24,0)+1,1)*INDEX($D$3:$AA$30,INDEX(Jesper!$R$2:$R$366,ROW(INDEX(Jesper!AH$2:AH$366,ROUNDDOWN($C4685/24,0)+1,1))-1)+IF('Standard Profiles'!$G$18=$B$10,7,0)+IF('Standard Profiles'!$G$18=$B$17,14,0)+IF('Standard Profiles'!$G$18=$B$24,21,0),MOD($C4685,24)+1)/SUM(INDEX($D$3:$AA$30,INDEX(Jesper!$R$2:$R$366,ROW(INDEX(Jesper!AH$2:AH$366,ROUNDDOWN($C4685/24,0)+1,1))-1)+IF('Standard Profiles'!$G$18=$B$10,7,0)+IF('Standard Profiles'!$G$18=$B$17,14,0)+IF('Standard Profiles'!$G$18=$B$24,21,0),0)),0)</f>
        <v>11.869353736524321</v>
      </c>
      <c r="E4685" cm="1">
        <f t="array" ref="E4685">IFERROR(INDEX(Jesper!AI$2:AI$366,ROUNDDOWN($C4685/24,0)+1,1)*INDEX($D$3:$AA$30,INDEX(Jesper!$R$2:$R$366,ROW(INDEX(Jesper!AI$2:AI$366,ROUNDDOWN($C4685/24,0)+1,1))-1)+IF('Standard Profiles'!$G$19=$B$10,7,0)+IF('Standard Profiles'!$G$19=$B$17,14,0)+IF('Standard Profiles'!$G$19=$B$24,21,0),MOD($C4685,24)+1)/SUM(INDEX($D$3:$AA$30,INDEX(Jesper!$R$2:$R$366,ROW(INDEX(Jesper!AI$2:AI$366,ROUNDDOWN($C4685/24,0)+1,1))-1)+IF('Standard Profiles'!$G$19=$B$10,7,0)+IF('Standard Profiles'!$G$19=$B$17,14,0)+IF('Standard Profiles'!$G$19=$B$24,21,0),0)),0)</f>
        <v>0</v>
      </c>
      <c r="F4685" cm="1">
        <f t="array" ref="F4685">IFERROR(INDEX(Jesper!AJ$2:AJ$366,ROUNDDOWN($C4685/24,0)+1,1)*INDEX($D$3:$AA$30,INDEX(Jesper!$R$2:$R$366,ROW(INDEX(Jesper!AJ$2:AJ$366,ROUNDDOWN($C4685/24,0)+1,1))-1)+IF('Standard Profiles'!$G$20=$B$10,7,0)+IF('Standard Profiles'!$G$20=$B$17,14,0)+IF('Standard Profiles'!$G$20=$B$24,21,0),MOD($C4685,24)+1)/SUM(INDEX($D$3:$AA$30,INDEX(Jesper!$R$2:$R$366,ROW(INDEX(Jesper!AJ$2:AJ$366,ROUNDDOWN($C4685/24,0)+1,1))-1)+IF('Standard Profiles'!$G$20=$B$10,7,0)+IF('Standard Profiles'!$G$20=$B$17,14,0)+IF('Standard Profiles'!$G$20=$B$24,21,0),0)),0)</f>
        <v>0</v>
      </c>
      <c r="G4685" cm="1">
        <f t="array" ref="G4685">IFERROR(INDEX(Jesper!AK$2:AK$366,ROUNDDOWN($C4685/24,0)+1,1)*INDEX($D$3:$AA$30,INDEX(Jesper!$R$2:$R$366,ROW(INDEX(Jesper!AK$2:AK$366,ROUNDDOWN($C4685/24,0)+1,1))-1)+IF('Standard Profiles'!$G$21=$B$10,7,0)+IF('Standard Profiles'!$G$21=$B$17,14,0)+IF('Standard Profiles'!$G$21=$B$24,21,0),MOD($C4685,24)+1)/SUM(INDEX($D$3:$AA$30,INDEX(Jesper!$R$2:$R$366,ROW(INDEX(Jesper!AK$2:AK$366,ROUNDDOWN($C4685/24,0)+1,1))-1)+IF('Standard Profiles'!$G$21=$B$10,7,0)+IF('Standard Profiles'!$G$21=$B$17,14,0)+IF('Standard Profiles'!$G$21=$B$24,21,0),0)),0)</f>
        <v>0</v>
      </c>
      <c r="H4685" cm="1">
        <f t="array" ref="H4685">IFERROR(INDEX(Jesper!AL$2:AL$366,ROUNDDOWN($C4685/24,0)+1,1)*INDEX($D$3:$AA$30,INDEX(Jesper!$R$2:$R$366,ROW(INDEX(Jesper!AL$2:AL$366,ROUNDDOWN($C4685/24,0)+1,1))-1)+IF('Standard Profiles'!$G$22=$B$10,7,0)+IF('Standard Profiles'!$G$22=$B$17,14,0)+IF('Standard Profiles'!$G$22=$B$24,21,0),MOD($C4685,24)+1)/SUM(INDEX($D$3:$AA$30,INDEX(Jesper!$R$2:$R$366,ROW(INDEX(Jesper!AL$2:AL$366,ROUNDDOWN($C4685/24,0)+1,1))-1)+IF('Standard Profiles'!$G$22=$B$10,7,0)+IF('Standard Profiles'!$G$22=$B$17,14,0)+IF('Standard Profiles'!$G$22=$B$24,21,0),0)),0)</f>
        <v>0</v>
      </c>
      <c r="I4685">
        <f t="shared" si="524"/>
        <v>0.35608061209572961</v>
      </c>
      <c r="J4685">
        <f t="shared" si="525"/>
        <v>1.1869353736524322</v>
      </c>
      <c r="K4685">
        <f t="shared" si="526"/>
        <v>1.780403060478648</v>
      </c>
      <c r="L4685">
        <f t="shared" si="527"/>
        <v>8.5459346902975106</v>
      </c>
      <c r="M4685">
        <f t="shared" si="528"/>
        <v>0</v>
      </c>
      <c r="N4685" s="46">
        <f t="shared" si="529"/>
        <v>45485.791666655387</v>
      </c>
    </row>
    <row r="4686" spans="2:14" x14ac:dyDescent="0.3">
      <c r="B4686">
        <f t="shared" si="523"/>
        <v>5</v>
      </c>
      <c r="C4686" s="16">
        <v>4652</v>
      </c>
      <c r="D4686" cm="1">
        <f t="array" ref="D4686">IFERROR(INDEX(Jesper!AH$2:AH$366,ROUNDDOWN($C4686/24,0)+1,1)*INDEX($D$3:$AA$30,INDEX(Jesper!$R$2:$R$366,ROW(INDEX(Jesper!AH$2:AH$366,ROUNDDOWN($C4686/24,0)+1,1))-1)+IF('Standard Profiles'!$G$18=$B$10,7,0)+IF('Standard Profiles'!$G$18=$B$17,14,0)+IF('Standard Profiles'!$G$18=$B$24,21,0),MOD($C4686,24)+1)/SUM(INDEX($D$3:$AA$30,INDEX(Jesper!$R$2:$R$366,ROW(INDEX(Jesper!AH$2:AH$366,ROUNDDOWN($C4686/24,0)+1,1))-1)+IF('Standard Profiles'!$G$18=$B$10,7,0)+IF('Standard Profiles'!$G$18=$B$17,14,0)+IF('Standard Profiles'!$G$18=$B$24,21,0),0)),0)</f>
        <v>9.1945697958991222</v>
      </c>
      <c r="E4686" cm="1">
        <f t="array" ref="E4686">IFERROR(INDEX(Jesper!AI$2:AI$366,ROUNDDOWN($C4686/24,0)+1,1)*INDEX($D$3:$AA$30,INDEX(Jesper!$R$2:$R$366,ROW(INDEX(Jesper!AI$2:AI$366,ROUNDDOWN($C4686/24,0)+1,1))-1)+IF('Standard Profiles'!$G$19=$B$10,7,0)+IF('Standard Profiles'!$G$19=$B$17,14,0)+IF('Standard Profiles'!$G$19=$B$24,21,0),MOD($C4686,24)+1)/SUM(INDEX($D$3:$AA$30,INDEX(Jesper!$R$2:$R$366,ROW(INDEX(Jesper!AI$2:AI$366,ROUNDDOWN($C4686/24,0)+1,1))-1)+IF('Standard Profiles'!$G$19=$B$10,7,0)+IF('Standard Profiles'!$G$19=$B$17,14,0)+IF('Standard Profiles'!$G$19=$B$24,21,0),0)),0)</f>
        <v>0</v>
      </c>
      <c r="F4686" cm="1">
        <f t="array" ref="F4686">IFERROR(INDEX(Jesper!AJ$2:AJ$366,ROUNDDOWN($C4686/24,0)+1,1)*INDEX($D$3:$AA$30,INDEX(Jesper!$R$2:$R$366,ROW(INDEX(Jesper!AJ$2:AJ$366,ROUNDDOWN($C4686/24,0)+1,1))-1)+IF('Standard Profiles'!$G$20=$B$10,7,0)+IF('Standard Profiles'!$G$20=$B$17,14,0)+IF('Standard Profiles'!$G$20=$B$24,21,0),MOD($C4686,24)+1)/SUM(INDEX($D$3:$AA$30,INDEX(Jesper!$R$2:$R$366,ROW(INDEX(Jesper!AJ$2:AJ$366,ROUNDDOWN($C4686/24,0)+1,1))-1)+IF('Standard Profiles'!$G$20=$B$10,7,0)+IF('Standard Profiles'!$G$20=$B$17,14,0)+IF('Standard Profiles'!$G$20=$B$24,21,0),0)),0)</f>
        <v>0</v>
      </c>
      <c r="G4686" cm="1">
        <f t="array" ref="G4686">IFERROR(INDEX(Jesper!AK$2:AK$366,ROUNDDOWN($C4686/24,0)+1,1)*INDEX($D$3:$AA$30,INDEX(Jesper!$R$2:$R$366,ROW(INDEX(Jesper!AK$2:AK$366,ROUNDDOWN($C4686/24,0)+1,1))-1)+IF('Standard Profiles'!$G$21=$B$10,7,0)+IF('Standard Profiles'!$G$21=$B$17,14,0)+IF('Standard Profiles'!$G$21=$B$24,21,0),MOD($C4686,24)+1)/SUM(INDEX($D$3:$AA$30,INDEX(Jesper!$R$2:$R$366,ROW(INDEX(Jesper!AK$2:AK$366,ROUNDDOWN($C4686/24,0)+1,1))-1)+IF('Standard Profiles'!$G$21=$B$10,7,0)+IF('Standard Profiles'!$G$21=$B$17,14,0)+IF('Standard Profiles'!$G$21=$B$24,21,0),0)),0)</f>
        <v>0</v>
      </c>
      <c r="H4686" cm="1">
        <f t="array" ref="H4686">IFERROR(INDEX(Jesper!AL$2:AL$366,ROUNDDOWN($C4686/24,0)+1,1)*INDEX($D$3:$AA$30,INDEX(Jesper!$R$2:$R$366,ROW(INDEX(Jesper!AL$2:AL$366,ROUNDDOWN($C4686/24,0)+1,1))-1)+IF('Standard Profiles'!$G$22=$B$10,7,0)+IF('Standard Profiles'!$G$22=$B$17,14,0)+IF('Standard Profiles'!$G$22=$B$24,21,0),MOD($C4686,24)+1)/SUM(INDEX($D$3:$AA$30,INDEX(Jesper!$R$2:$R$366,ROW(INDEX(Jesper!AL$2:AL$366,ROUNDDOWN($C4686/24,0)+1,1))-1)+IF('Standard Profiles'!$G$22=$B$10,7,0)+IF('Standard Profiles'!$G$22=$B$17,14,0)+IF('Standard Profiles'!$G$22=$B$24,21,0),0)),0)</f>
        <v>0</v>
      </c>
      <c r="I4686">
        <f t="shared" si="524"/>
        <v>0.27583709387697364</v>
      </c>
      <c r="J4686">
        <f t="shared" si="525"/>
        <v>0.91945697958991224</v>
      </c>
      <c r="K4686">
        <f t="shared" si="526"/>
        <v>1.3791854693848682</v>
      </c>
      <c r="L4686">
        <f t="shared" si="527"/>
        <v>6.6200902530473673</v>
      </c>
      <c r="M4686">
        <f t="shared" si="528"/>
        <v>0</v>
      </c>
      <c r="N4686" s="46">
        <f t="shared" si="529"/>
        <v>45485.833333322051</v>
      </c>
    </row>
    <row r="4687" spans="2:14" x14ac:dyDescent="0.3">
      <c r="B4687">
        <f t="shared" si="523"/>
        <v>5</v>
      </c>
      <c r="C4687" s="16">
        <v>4653</v>
      </c>
      <c r="D4687" cm="1">
        <f t="array" ref="D4687">IFERROR(INDEX(Jesper!AH$2:AH$366,ROUNDDOWN($C4687/24,0)+1,1)*INDEX($D$3:$AA$30,INDEX(Jesper!$R$2:$R$366,ROW(INDEX(Jesper!AH$2:AH$366,ROUNDDOWN($C4687/24,0)+1,1))-1)+IF('Standard Profiles'!$G$18=$B$10,7,0)+IF('Standard Profiles'!$G$18=$B$17,14,0)+IF('Standard Profiles'!$G$18=$B$24,21,0),MOD($C4687,24)+1)/SUM(INDEX($D$3:$AA$30,INDEX(Jesper!$R$2:$R$366,ROW(INDEX(Jesper!AH$2:AH$366,ROUNDDOWN($C4687/24,0)+1,1))-1)+IF('Standard Profiles'!$G$18=$B$10,7,0)+IF('Standard Profiles'!$G$18=$B$17,14,0)+IF('Standard Profiles'!$G$18=$B$24,21,0),0)),0)</f>
        <v>3.5106539220705737</v>
      </c>
      <c r="E4687" cm="1">
        <f t="array" ref="E4687">IFERROR(INDEX(Jesper!AI$2:AI$366,ROUNDDOWN($C4687/24,0)+1,1)*INDEX($D$3:$AA$30,INDEX(Jesper!$R$2:$R$366,ROW(INDEX(Jesper!AI$2:AI$366,ROUNDDOWN($C4687/24,0)+1,1))-1)+IF('Standard Profiles'!$G$19=$B$10,7,0)+IF('Standard Profiles'!$G$19=$B$17,14,0)+IF('Standard Profiles'!$G$19=$B$24,21,0),MOD($C4687,24)+1)/SUM(INDEX($D$3:$AA$30,INDEX(Jesper!$R$2:$R$366,ROW(INDEX(Jesper!AI$2:AI$366,ROUNDDOWN($C4687/24,0)+1,1))-1)+IF('Standard Profiles'!$G$19=$B$10,7,0)+IF('Standard Profiles'!$G$19=$B$17,14,0)+IF('Standard Profiles'!$G$19=$B$24,21,0),0)),0)</f>
        <v>0</v>
      </c>
      <c r="F4687" cm="1">
        <f t="array" ref="F4687">IFERROR(INDEX(Jesper!AJ$2:AJ$366,ROUNDDOWN($C4687/24,0)+1,1)*INDEX($D$3:$AA$30,INDEX(Jesper!$R$2:$R$366,ROW(INDEX(Jesper!AJ$2:AJ$366,ROUNDDOWN($C4687/24,0)+1,1))-1)+IF('Standard Profiles'!$G$20=$B$10,7,0)+IF('Standard Profiles'!$G$20=$B$17,14,0)+IF('Standard Profiles'!$G$20=$B$24,21,0),MOD($C4687,24)+1)/SUM(INDEX($D$3:$AA$30,INDEX(Jesper!$R$2:$R$366,ROW(INDEX(Jesper!AJ$2:AJ$366,ROUNDDOWN($C4687/24,0)+1,1))-1)+IF('Standard Profiles'!$G$20=$B$10,7,0)+IF('Standard Profiles'!$G$20=$B$17,14,0)+IF('Standard Profiles'!$G$20=$B$24,21,0),0)),0)</f>
        <v>0</v>
      </c>
      <c r="G4687" cm="1">
        <f t="array" ref="G4687">IFERROR(INDEX(Jesper!AK$2:AK$366,ROUNDDOWN($C4687/24,0)+1,1)*INDEX($D$3:$AA$30,INDEX(Jesper!$R$2:$R$366,ROW(INDEX(Jesper!AK$2:AK$366,ROUNDDOWN($C4687/24,0)+1,1))-1)+IF('Standard Profiles'!$G$21=$B$10,7,0)+IF('Standard Profiles'!$G$21=$B$17,14,0)+IF('Standard Profiles'!$G$21=$B$24,21,0),MOD($C4687,24)+1)/SUM(INDEX($D$3:$AA$30,INDEX(Jesper!$R$2:$R$366,ROW(INDEX(Jesper!AK$2:AK$366,ROUNDDOWN($C4687/24,0)+1,1))-1)+IF('Standard Profiles'!$G$21=$B$10,7,0)+IF('Standard Profiles'!$G$21=$B$17,14,0)+IF('Standard Profiles'!$G$21=$B$24,21,0),0)),0)</f>
        <v>0</v>
      </c>
      <c r="H4687" cm="1">
        <f t="array" ref="H4687">IFERROR(INDEX(Jesper!AL$2:AL$366,ROUNDDOWN($C4687/24,0)+1,1)*INDEX($D$3:$AA$30,INDEX(Jesper!$R$2:$R$366,ROW(INDEX(Jesper!AL$2:AL$366,ROUNDDOWN($C4687/24,0)+1,1))-1)+IF('Standard Profiles'!$G$22=$B$10,7,0)+IF('Standard Profiles'!$G$22=$B$17,14,0)+IF('Standard Profiles'!$G$22=$B$24,21,0),MOD($C4687,24)+1)/SUM(INDEX($D$3:$AA$30,INDEX(Jesper!$R$2:$R$366,ROW(INDEX(Jesper!AL$2:AL$366,ROUNDDOWN($C4687/24,0)+1,1))-1)+IF('Standard Profiles'!$G$22=$B$10,7,0)+IF('Standard Profiles'!$G$22=$B$17,14,0)+IF('Standard Profiles'!$G$22=$B$24,21,0),0)),0)</f>
        <v>0</v>
      </c>
      <c r="I4687">
        <f t="shared" si="524"/>
        <v>0.10531961766211721</v>
      </c>
      <c r="J4687">
        <f t="shared" si="525"/>
        <v>0.3510653922070574</v>
      </c>
      <c r="K4687">
        <f t="shared" si="526"/>
        <v>0.52659808831058608</v>
      </c>
      <c r="L4687">
        <f t="shared" si="527"/>
        <v>2.527670823890813</v>
      </c>
      <c r="M4687">
        <f t="shared" si="528"/>
        <v>0</v>
      </c>
      <c r="N4687" s="46">
        <f t="shared" si="529"/>
        <v>45485.874999988715</v>
      </c>
    </row>
    <row r="4688" spans="2:14" x14ac:dyDescent="0.3">
      <c r="B4688">
        <f t="shared" si="523"/>
        <v>5</v>
      </c>
      <c r="C4688" s="16">
        <v>4654</v>
      </c>
      <c r="D4688" cm="1">
        <f t="array" ref="D4688">IFERROR(INDEX(Jesper!AH$2:AH$366,ROUNDDOWN($C4688/24,0)+1,1)*INDEX($D$3:$AA$30,INDEX(Jesper!$R$2:$R$366,ROW(INDEX(Jesper!AH$2:AH$366,ROUNDDOWN($C4688/24,0)+1,1))-1)+IF('Standard Profiles'!$G$18=$B$10,7,0)+IF('Standard Profiles'!$G$18=$B$17,14,0)+IF('Standard Profiles'!$G$18=$B$24,21,0),MOD($C4688,24)+1)/SUM(INDEX($D$3:$AA$30,INDEX(Jesper!$R$2:$R$366,ROW(INDEX(Jesper!AH$2:AH$366,ROUNDDOWN($C4688/24,0)+1,1))-1)+IF('Standard Profiles'!$G$18=$B$10,7,0)+IF('Standard Profiles'!$G$18=$B$17,14,0)+IF('Standard Profiles'!$G$18=$B$24,21,0),0)),0)</f>
        <v>3.5106539220705737</v>
      </c>
      <c r="E4688" cm="1">
        <f t="array" ref="E4688">IFERROR(INDEX(Jesper!AI$2:AI$366,ROUNDDOWN($C4688/24,0)+1,1)*INDEX($D$3:$AA$30,INDEX(Jesper!$R$2:$R$366,ROW(INDEX(Jesper!AI$2:AI$366,ROUNDDOWN($C4688/24,0)+1,1))-1)+IF('Standard Profiles'!$G$19=$B$10,7,0)+IF('Standard Profiles'!$G$19=$B$17,14,0)+IF('Standard Profiles'!$G$19=$B$24,21,0),MOD($C4688,24)+1)/SUM(INDEX($D$3:$AA$30,INDEX(Jesper!$R$2:$R$366,ROW(INDEX(Jesper!AI$2:AI$366,ROUNDDOWN($C4688/24,0)+1,1))-1)+IF('Standard Profiles'!$G$19=$B$10,7,0)+IF('Standard Profiles'!$G$19=$B$17,14,0)+IF('Standard Profiles'!$G$19=$B$24,21,0),0)),0)</f>
        <v>0</v>
      </c>
      <c r="F4688" cm="1">
        <f t="array" ref="F4688">IFERROR(INDEX(Jesper!AJ$2:AJ$366,ROUNDDOWN($C4688/24,0)+1,1)*INDEX($D$3:$AA$30,INDEX(Jesper!$R$2:$R$366,ROW(INDEX(Jesper!AJ$2:AJ$366,ROUNDDOWN($C4688/24,0)+1,1))-1)+IF('Standard Profiles'!$G$20=$B$10,7,0)+IF('Standard Profiles'!$G$20=$B$17,14,0)+IF('Standard Profiles'!$G$20=$B$24,21,0),MOD($C4688,24)+1)/SUM(INDEX($D$3:$AA$30,INDEX(Jesper!$R$2:$R$366,ROW(INDEX(Jesper!AJ$2:AJ$366,ROUNDDOWN($C4688/24,0)+1,1))-1)+IF('Standard Profiles'!$G$20=$B$10,7,0)+IF('Standard Profiles'!$G$20=$B$17,14,0)+IF('Standard Profiles'!$G$20=$B$24,21,0),0)),0)</f>
        <v>0</v>
      </c>
      <c r="G4688" cm="1">
        <f t="array" ref="G4688">IFERROR(INDEX(Jesper!AK$2:AK$366,ROUNDDOWN($C4688/24,0)+1,1)*INDEX($D$3:$AA$30,INDEX(Jesper!$R$2:$R$366,ROW(INDEX(Jesper!AK$2:AK$366,ROUNDDOWN($C4688/24,0)+1,1))-1)+IF('Standard Profiles'!$G$21=$B$10,7,0)+IF('Standard Profiles'!$G$21=$B$17,14,0)+IF('Standard Profiles'!$G$21=$B$24,21,0),MOD($C4688,24)+1)/SUM(INDEX($D$3:$AA$30,INDEX(Jesper!$R$2:$R$366,ROW(INDEX(Jesper!AK$2:AK$366,ROUNDDOWN($C4688/24,0)+1,1))-1)+IF('Standard Profiles'!$G$21=$B$10,7,0)+IF('Standard Profiles'!$G$21=$B$17,14,0)+IF('Standard Profiles'!$G$21=$B$24,21,0),0)),0)</f>
        <v>0</v>
      </c>
      <c r="H4688" cm="1">
        <f t="array" ref="H4688">IFERROR(INDEX(Jesper!AL$2:AL$366,ROUNDDOWN($C4688/24,0)+1,1)*INDEX($D$3:$AA$30,INDEX(Jesper!$R$2:$R$366,ROW(INDEX(Jesper!AL$2:AL$366,ROUNDDOWN($C4688/24,0)+1,1))-1)+IF('Standard Profiles'!$G$22=$B$10,7,0)+IF('Standard Profiles'!$G$22=$B$17,14,0)+IF('Standard Profiles'!$G$22=$B$24,21,0),MOD($C4688,24)+1)/SUM(INDEX($D$3:$AA$30,INDEX(Jesper!$R$2:$R$366,ROW(INDEX(Jesper!AL$2:AL$366,ROUNDDOWN($C4688/24,0)+1,1))-1)+IF('Standard Profiles'!$G$22=$B$10,7,0)+IF('Standard Profiles'!$G$22=$B$17,14,0)+IF('Standard Profiles'!$G$22=$B$24,21,0),0)),0)</f>
        <v>0</v>
      </c>
      <c r="I4688">
        <f t="shared" si="524"/>
        <v>0.10531961766211721</v>
      </c>
      <c r="J4688">
        <f t="shared" si="525"/>
        <v>0.3510653922070574</v>
      </c>
      <c r="K4688">
        <f t="shared" si="526"/>
        <v>0.52659808831058608</v>
      </c>
      <c r="L4688">
        <f t="shared" si="527"/>
        <v>2.527670823890813</v>
      </c>
      <c r="M4688">
        <f t="shared" si="528"/>
        <v>0</v>
      </c>
      <c r="N4688" s="46">
        <f t="shared" si="529"/>
        <v>45485.916666655379</v>
      </c>
    </row>
    <row r="4689" spans="2:14" x14ac:dyDescent="0.3">
      <c r="B4689">
        <f t="shared" si="523"/>
        <v>5</v>
      </c>
      <c r="C4689" s="16">
        <v>4655</v>
      </c>
      <c r="D4689" cm="1">
        <f t="array" ref="D4689">IFERROR(INDEX(Jesper!AH$2:AH$366,ROUNDDOWN($C4689/24,0)+1,1)*INDEX($D$3:$AA$30,INDEX(Jesper!$R$2:$R$366,ROW(INDEX(Jesper!AH$2:AH$366,ROUNDDOWN($C4689/24,0)+1,1))-1)+IF('Standard Profiles'!$G$18=$B$10,7,0)+IF('Standard Profiles'!$G$18=$B$17,14,0)+IF('Standard Profiles'!$G$18=$B$24,21,0),MOD($C4689,24)+1)/SUM(INDEX($D$3:$AA$30,INDEX(Jesper!$R$2:$R$366,ROW(INDEX(Jesper!AH$2:AH$366,ROUNDDOWN($C4689/24,0)+1,1))-1)+IF('Standard Profiles'!$G$18=$B$10,7,0)+IF('Standard Profiles'!$G$18=$B$17,14,0)+IF('Standard Profiles'!$G$18=$B$24,21,0),0)),0)</f>
        <v>3.5106539220705737</v>
      </c>
      <c r="E4689" cm="1">
        <f t="array" ref="E4689">IFERROR(INDEX(Jesper!AI$2:AI$366,ROUNDDOWN($C4689/24,0)+1,1)*INDEX($D$3:$AA$30,INDEX(Jesper!$R$2:$R$366,ROW(INDEX(Jesper!AI$2:AI$366,ROUNDDOWN($C4689/24,0)+1,1))-1)+IF('Standard Profiles'!$G$19=$B$10,7,0)+IF('Standard Profiles'!$G$19=$B$17,14,0)+IF('Standard Profiles'!$G$19=$B$24,21,0),MOD($C4689,24)+1)/SUM(INDEX($D$3:$AA$30,INDEX(Jesper!$R$2:$R$366,ROW(INDEX(Jesper!AI$2:AI$366,ROUNDDOWN($C4689/24,0)+1,1))-1)+IF('Standard Profiles'!$G$19=$B$10,7,0)+IF('Standard Profiles'!$G$19=$B$17,14,0)+IF('Standard Profiles'!$G$19=$B$24,21,0),0)),0)</f>
        <v>0</v>
      </c>
      <c r="F4689" cm="1">
        <f t="array" ref="F4689">IFERROR(INDEX(Jesper!AJ$2:AJ$366,ROUNDDOWN($C4689/24,0)+1,1)*INDEX($D$3:$AA$30,INDEX(Jesper!$R$2:$R$366,ROW(INDEX(Jesper!AJ$2:AJ$366,ROUNDDOWN($C4689/24,0)+1,1))-1)+IF('Standard Profiles'!$G$20=$B$10,7,0)+IF('Standard Profiles'!$G$20=$B$17,14,0)+IF('Standard Profiles'!$G$20=$B$24,21,0),MOD($C4689,24)+1)/SUM(INDEX($D$3:$AA$30,INDEX(Jesper!$R$2:$R$366,ROW(INDEX(Jesper!AJ$2:AJ$366,ROUNDDOWN($C4689/24,0)+1,1))-1)+IF('Standard Profiles'!$G$20=$B$10,7,0)+IF('Standard Profiles'!$G$20=$B$17,14,0)+IF('Standard Profiles'!$G$20=$B$24,21,0),0)),0)</f>
        <v>0</v>
      </c>
      <c r="G4689" cm="1">
        <f t="array" ref="G4689">IFERROR(INDEX(Jesper!AK$2:AK$366,ROUNDDOWN($C4689/24,0)+1,1)*INDEX($D$3:$AA$30,INDEX(Jesper!$R$2:$R$366,ROW(INDEX(Jesper!AK$2:AK$366,ROUNDDOWN($C4689/24,0)+1,1))-1)+IF('Standard Profiles'!$G$21=$B$10,7,0)+IF('Standard Profiles'!$G$21=$B$17,14,0)+IF('Standard Profiles'!$G$21=$B$24,21,0),MOD($C4689,24)+1)/SUM(INDEX($D$3:$AA$30,INDEX(Jesper!$R$2:$R$366,ROW(INDEX(Jesper!AK$2:AK$366,ROUNDDOWN($C4689/24,0)+1,1))-1)+IF('Standard Profiles'!$G$21=$B$10,7,0)+IF('Standard Profiles'!$G$21=$B$17,14,0)+IF('Standard Profiles'!$G$21=$B$24,21,0),0)),0)</f>
        <v>0</v>
      </c>
      <c r="H4689" cm="1">
        <f t="array" ref="H4689">IFERROR(INDEX(Jesper!AL$2:AL$366,ROUNDDOWN($C4689/24,0)+1,1)*INDEX($D$3:$AA$30,INDEX(Jesper!$R$2:$R$366,ROW(INDEX(Jesper!AL$2:AL$366,ROUNDDOWN($C4689/24,0)+1,1))-1)+IF('Standard Profiles'!$G$22=$B$10,7,0)+IF('Standard Profiles'!$G$22=$B$17,14,0)+IF('Standard Profiles'!$G$22=$B$24,21,0),MOD($C4689,24)+1)/SUM(INDEX($D$3:$AA$30,INDEX(Jesper!$R$2:$R$366,ROW(INDEX(Jesper!AL$2:AL$366,ROUNDDOWN($C4689/24,0)+1,1))-1)+IF('Standard Profiles'!$G$22=$B$10,7,0)+IF('Standard Profiles'!$G$22=$B$17,14,0)+IF('Standard Profiles'!$G$22=$B$24,21,0),0)),0)</f>
        <v>0</v>
      </c>
      <c r="I4689">
        <f t="shared" si="524"/>
        <v>0.10531961766211721</v>
      </c>
      <c r="J4689">
        <f t="shared" si="525"/>
        <v>0.3510653922070574</v>
      </c>
      <c r="K4689">
        <f t="shared" si="526"/>
        <v>0.52659808831058608</v>
      </c>
      <c r="L4689">
        <f t="shared" si="527"/>
        <v>2.527670823890813</v>
      </c>
      <c r="M4689">
        <f t="shared" si="528"/>
        <v>0</v>
      </c>
      <c r="N4689" s="46">
        <f t="shared" si="529"/>
        <v>45485.958333322043</v>
      </c>
    </row>
    <row r="4690" spans="2:14" x14ac:dyDescent="0.3">
      <c r="B4690">
        <f t="shared" si="523"/>
        <v>6</v>
      </c>
      <c r="C4690" s="16">
        <v>4656</v>
      </c>
      <c r="D4690" cm="1">
        <f t="array" ref="D4690">IFERROR(INDEX(Jesper!AH$2:AH$366,ROUNDDOWN($C4690/24,0)+1,1)*INDEX($D$3:$AA$30,INDEX(Jesper!$R$2:$R$366,ROW(INDEX(Jesper!AH$2:AH$366,ROUNDDOWN($C4690/24,0)+1,1))-1)+IF('Standard Profiles'!$G$18=$B$10,7,0)+IF('Standard Profiles'!$G$18=$B$17,14,0)+IF('Standard Profiles'!$G$18=$B$24,21,0),MOD($C4690,24)+1)/SUM(INDEX($D$3:$AA$30,INDEX(Jesper!$R$2:$R$366,ROW(INDEX(Jesper!AH$2:AH$366,ROUNDDOWN($C4690/24,0)+1,1))-1)+IF('Standard Profiles'!$G$18=$B$10,7,0)+IF('Standard Profiles'!$G$18=$B$17,14,0)+IF('Standard Profiles'!$G$18=$B$24,21,0),0)),0)</f>
        <v>3.4558821816659733</v>
      </c>
      <c r="E4690" cm="1">
        <f t="array" ref="E4690">IFERROR(INDEX(Jesper!AI$2:AI$366,ROUNDDOWN($C4690/24,0)+1,1)*INDEX($D$3:$AA$30,INDEX(Jesper!$R$2:$R$366,ROW(INDEX(Jesper!AI$2:AI$366,ROUNDDOWN($C4690/24,0)+1,1))-1)+IF('Standard Profiles'!$G$19=$B$10,7,0)+IF('Standard Profiles'!$G$19=$B$17,14,0)+IF('Standard Profiles'!$G$19=$B$24,21,0),MOD($C4690,24)+1)/SUM(INDEX($D$3:$AA$30,INDEX(Jesper!$R$2:$R$366,ROW(INDEX(Jesper!AI$2:AI$366,ROUNDDOWN($C4690/24,0)+1,1))-1)+IF('Standard Profiles'!$G$19=$B$10,7,0)+IF('Standard Profiles'!$G$19=$B$17,14,0)+IF('Standard Profiles'!$G$19=$B$24,21,0),0)),0)</f>
        <v>0.53853773178804187</v>
      </c>
      <c r="F4690" cm="1">
        <f t="array" ref="F4690">IFERROR(INDEX(Jesper!AJ$2:AJ$366,ROUNDDOWN($C4690/24,0)+1,1)*INDEX($D$3:$AA$30,INDEX(Jesper!$R$2:$R$366,ROW(INDEX(Jesper!AJ$2:AJ$366,ROUNDDOWN($C4690/24,0)+1,1))-1)+IF('Standard Profiles'!$G$20=$B$10,7,0)+IF('Standard Profiles'!$G$20=$B$17,14,0)+IF('Standard Profiles'!$G$20=$B$24,21,0),MOD($C4690,24)+1)/SUM(INDEX($D$3:$AA$30,INDEX(Jesper!$R$2:$R$366,ROW(INDEX(Jesper!AJ$2:AJ$366,ROUNDDOWN($C4690/24,0)+1,1))-1)+IF('Standard Profiles'!$G$20=$B$10,7,0)+IF('Standard Profiles'!$G$20=$B$17,14,0)+IF('Standard Profiles'!$G$20=$B$24,21,0),0)),0)</f>
        <v>0</v>
      </c>
      <c r="G4690" cm="1">
        <f t="array" ref="G4690">IFERROR(INDEX(Jesper!AK$2:AK$366,ROUNDDOWN($C4690/24,0)+1,1)*INDEX($D$3:$AA$30,INDEX(Jesper!$R$2:$R$366,ROW(INDEX(Jesper!AK$2:AK$366,ROUNDDOWN($C4690/24,0)+1,1))-1)+IF('Standard Profiles'!$G$21=$B$10,7,0)+IF('Standard Profiles'!$G$21=$B$17,14,0)+IF('Standard Profiles'!$G$21=$B$24,21,0),MOD($C4690,24)+1)/SUM(INDEX($D$3:$AA$30,INDEX(Jesper!$R$2:$R$366,ROW(INDEX(Jesper!AK$2:AK$366,ROUNDDOWN($C4690/24,0)+1,1))-1)+IF('Standard Profiles'!$G$21=$B$10,7,0)+IF('Standard Profiles'!$G$21=$B$17,14,0)+IF('Standard Profiles'!$G$21=$B$24,21,0),0)),0)</f>
        <v>0</v>
      </c>
      <c r="H4690" cm="1">
        <f t="array" ref="H4690">IFERROR(INDEX(Jesper!AL$2:AL$366,ROUNDDOWN($C4690/24,0)+1,1)*INDEX($D$3:$AA$30,INDEX(Jesper!$R$2:$R$366,ROW(INDEX(Jesper!AL$2:AL$366,ROUNDDOWN($C4690/24,0)+1,1))-1)+IF('Standard Profiles'!$G$22=$B$10,7,0)+IF('Standard Profiles'!$G$22=$B$17,14,0)+IF('Standard Profiles'!$G$22=$B$24,21,0),MOD($C4690,24)+1)/SUM(INDEX($D$3:$AA$30,INDEX(Jesper!$R$2:$R$366,ROW(INDEX(Jesper!AL$2:AL$366,ROUNDDOWN($C4690/24,0)+1,1))-1)+IF('Standard Profiles'!$G$22=$B$10,7,0)+IF('Standard Profiles'!$G$22=$B$17,14,0)+IF('Standard Profiles'!$G$22=$B$24,21,0),0)),0)</f>
        <v>0</v>
      </c>
      <c r="I4690">
        <f t="shared" si="524"/>
        <v>4.8516912773697476E-2</v>
      </c>
      <c r="J4690">
        <f t="shared" si="525"/>
        <v>0.16172304257899162</v>
      </c>
      <c r="K4690">
        <f t="shared" si="526"/>
        <v>0.24258456386848742</v>
      </c>
      <c r="L4690">
        <f t="shared" si="527"/>
        <v>3.5415953942328389</v>
      </c>
      <c r="M4690">
        <f t="shared" si="528"/>
        <v>0</v>
      </c>
      <c r="N4690" s="46">
        <f t="shared" si="529"/>
        <v>45485.999999988708</v>
      </c>
    </row>
    <row r="4691" spans="2:14" x14ac:dyDescent="0.3">
      <c r="B4691">
        <f t="shared" si="523"/>
        <v>6</v>
      </c>
      <c r="C4691" s="16">
        <v>4657</v>
      </c>
      <c r="D4691" cm="1">
        <f t="array" ref="D4691">IFERROR(INDEX(Jesper!AH$2:AH$366,ROUNDDOWN($C4691/24,0)+1,1)*INDEX($D$3:$AA$30,INDEX(Jesper!$R$2:$R$366,ROW(INDEX(Jesper!AH$2:AH$366,ROUNDDOWN($C4691/24,0)+1,1))-1)+IF('Standard Profiles'!$G$18=$B$10,7,0)+IF('Standard Profiles'!$G$18=$B$17,14,0)+IF('Standard Profiles'!$G$18=$B$24,21,0),MOD($C4691,24)+1)/SUM(INDEX($D$3:$AA$30,INDEX(Jesper!$R$2:$R$366,ROW(INDEX(Jesper!AH$2:AH$366,ROUNDDOWN($C4691/24,0)+1,1))-1)+IF('Standard Profiles'!$G$18=$B$10,7,0)+IF('Standard Profiles'!$G$18=$B$17,14,0)+IF('Standard Profiles'!$G$18=$B$24,21,0),0)),0)</f>
        <v>6.747198545157377</v>
      </c>
      <c r="E4691" cm="1">
        <f t="array" ref="E4691">IFERROR(INDEX(Jesper!AI$2:AI$366,ROUNDDOWN($C4691/24,0)+1,1)*INDEX($D$3:$AA$30,INDEX(Jesper!$R$2:$R$366,ROW(INDEX(Jesper!AI$2:AI$366,ROUNDDOWN($C4691/24,0)+1,1))-1)+IF('Standard Profiles'!$G$19=$B$10,7,0)+IF('Standard Profiles'!$G$19=$B$17,14,0)+IF('Standard Profiles'!$G$19=$B$24,21,0),MOD($C4691,24)+1)/SUM(INDEX($D$3:$AA$30,INDEX(Jesper!$R$2:$R$366,ROW(INDEX(Jesper!AI$2:AI$366,ROUNDDOWN($C4691/24,0)+1,1))-1)+IF('Standard Profiles'!$G$19=$B$10,7,0)+IF('Standard Profiles'!$G$19=$B$17,14,0)+IF('Standard Profiles'!$G$19=$B$24,21,0),0)),0)</f>
        <v>1.0514308096814151</v>
      </c>
      <c r="F4691" cm="1">
        <f t="array" ref="F4691">IFERROR(INDEX(Jesper!AJ$2:AJ$366,ROUNDDOWN($C4691/24,0)+1,1)*INDEX($D$3:$AA$30,INDEX(Jesper!$R$2:$R$366,ROW(INDEX(Jesper!AJ$2:AJ$366,ROUNDDOWN($C4691/24,0)+1,1))-1)+IF('Standard Profiles'!$G$20=$B$10,7,0)+IF('Standard Profiles'!$G$20=$B$17,14,0)+IF('Standard Profiles'!$G$20=$B$24,21,0),MOD($C4691,24)+1)/SUM(INDEX($D$3:$AA$30,INDEX(Jesper!$R$2:$R$366,ROW(INDEX(Jesper!AJ$2:AJ$366,ROUNDDOWN($C4691/24,0)+1,1))-1)+IF('Standard Profiles'!$G$20=$B$10,7,0)+IF('Standard Profiles'!$G$20=$B$17,14,0)+IF('Standard Profiles'!$G$20=$B$24,21,0),0)),0)</f>
        <v>0</v>
      </c>
      <c r="G4691" cm="1">
        <f t="array" ref="G4691">IFERROR(INDEX(Jesper!AK$2:AK$366,ROUNDDOWN($C4691/24,0)+1,1)*INDEX($D$3:$AA$30,INDEX(Jesper!$R$2:$R$366,ROW(INDEX(Jesper!AK$2:AK$366,ROUNDDOWN($C4691/24,0)+1,1))-1)+IF('Standard Profiles'!$G$21=$B$10,7,0)+IF('Standard Profiles'!$G$21=$B$17,14,0)+IF('Standard Profiles'!$G$21=$B$24,21,0),MOD($C4691,24)+1)/SUM(INDEX($D$3:$AA$30,INDEX(Jesper!$R$2:$R$366,ROW(INDEX(Jesper!AK$2:AK$366,ROUNDDOWN($C4691/24,0)+1,1))-1)+IF('Standard Profiles'!$G$21=$B$10,7,0)+IF('Standard Profiles'!$G$21=$B$17,14,0)+IF('Standard Profiles'!$G$21=$B$24,21,0),0)),0)</f>
        <v>0</v>
      </c>
      <c r="H4691" cm="1">
        <f t="array" ref="H4691">IFERROR(INDEX(Jesper!AL$2:AL$366,ROUNDDOWN($C4691/24,0)+1,1)*INDEX($D$3:$AA$30,INDEX(Jesper!$R$2:$R$366,ROW(INDEX(Jesper!AL$2:AL$366,ROUNDDOWN($C4691/24,0)+1,1))-1)+IF('Standard Profiles'!$G$22=$B$10,7,0)+IF('Standard Profiles'!$G$22=$B$17,14,0)+IF('Standard Profiles'!$G$22=$B$24,21,0),MOD($C4691,24)+1)/SUM(INDEX($D$3:$AA$30,INDEX(Jesper!$R$2:$R$366,ROW(INDEX(Jesper!AL$2:AL$366,ROUNDDOWN($C4691/24,0)+1,1))-1)+IF('Standard Profiles'!$G$22=$B$10,7,0)+IF('Standard Profiles'!$G$22=$B$17,14,0)+IF('Standard Profiles'!$G$22=$B$24,21,0),0)),0)</f>
        <v>0</v>
      </c>
      <c r="I4691">
        <f t="shared" si="524"/>
        <v>9.4723496367695073E-2</v>
      </c>
      <c r="J4691">
        <f t="shared" si="525"/>
        <v>0.31574498789231698</v>
      </c>
      <c r="K4691">
        <f t="shared" si="526"/>
        <v>0.47361748183847546</v>
      </c>
      <c r="L4691">
        <f t="shared" si="527"/>
        <v>6.9145433887403049</v>
      </c>
      <c r="M4691">
        <f t="shared" si="528"/>
        <v>0</v>
      </c>
      <c r="N4691" s="46">
        <f t="shared" si="529"/>
        <v>45486.041666655372</v>
      </c>
    </row>
    <row r="4692" spans="2:14" x14ac:dyDescent="0.3">
      <c r="B4692">
        <f t="shared" si="523"/>
        <v>6</v>
      </c>
      <c r="C4692" s="16">
        <v>4658</v>
      </c>
      <c r="D4692" cm="1">
        <f t="array" ref="D4692">IFERROR(INDEX(Jesper!AH$2:AH$366,ROUNDDOWN($C4692/24,0)+1,1)*INDEX($D$3:$AA$30,INDEX(Jesper!$R$2:$R$366,ROW(INDEX(Jesper!AH$2:AH$366,ROUNDDOWN($C4692/24,0)+1,1))-1)+IF('Standard Profiles'!$G$18=$B$10,7,0)+IF('Standard Profiles'!$G$18=$B$17,14,0)+IF('Standard Profiles'!$G$18=$B$24,21,0),MOD($C4692,24)+1)/SUM(INDEX($D$3:$AA$30,INDEX(Jesper!$R$2:$R$366,ROW(INDEX(Jesper!AH$2:AH$366,ROUNDDOWN($C4692/24,0)+1,1))-1)+IF('Standard Profiles'!$G$18=$B$10,7,0)+IF('Standard Profiles'!$G$18=$B$17,14,0)+IF('Standard Profiles'!$G$18=$B$24,21,0),0)),0)</f>
        <v>6.747198545157377</v>
      </c>
      <c r="E4692" cm="1">
        <f t="array" ref="E4692">IFERROR(INDEX(Jesper!AI$2:AI$366,ROUNDDOWN($C4692/24,0)+1,1)*INDEX($D$3:$AA$30,INDEX(Jesper!$R$2:$R$366,ROW(INDEX(Jesper!AI$2:AI$366,ROUNDDOWN($C4692/24,0)+1,1))-1)+IF('Standard Profiles'!$G$19=$B$10,7,0)+IF('Standard Profiles'!$G$19=$B$17,14,0)+IF('Standard Profiles'!$G$19=$B$24,21,0),MOD($C4692,24)+1)/SUM(INDEX($D$3:$AA$30,INDEX(Jesper!$R$2:$R$366,ROW(INDEX(Jesper!AI$2:AI$366,ROUNDDOWN($C4692/24,0)+1,1))-1)+IF('Standard Profiles'!$G$19=$B$10,7,0)+IF('Standard Profiles'!$G$19=$B$17,14,0)+IF('Standard Profiles'!$G$19=$B$24,21,0),0)),0)</f>
        <v>1.0514308096814151</v>
      </c>
      <c r="F4692" cm="1">
        <f t="array" ref="F4692">IFERROR(INDEX(Jesper!AJ$2:AJ$366,ROUNDDOWN($C4692/24,0)+1,1)*INDEX($D$3:$AA$30,INDEX(Jesper!$R$2:$R$366,ROW(INDEX(Jesper!AJ$2:AJ$366,ROUNDDOWN($C4692/24,0)+1,1))-1)+IF('Standard Profiles'!$G$20=$B$10,7,0)+IF('Standard Profiles'!$G$20=$B$17,14,0)+IF('Standard Profiles'!$G$20=$B$24,21,0),MOD($C4692,24)+1)/SUM(INDEX($D$3:$AA$30,INDEX(Jesper!$R$2:$R$366,ROW(INDEX(Jesper!AJ$2:AJ$366,ROUNDDOWN($C4692/24,0)+1,1))-1)+IF('Standard Profiles'!$G$20=$B$10,7,0)+IF('Standard Profiles'!$G$20=$B$17,14,0)+IF('Standard Profiles'!$G$20=$B$24,21,0),0)),0)</f>
        <v>0</v>
      </c>
      <c r="G4692" cm="1">
        <f t="array" ref="G4692">IFERROR(INDEX(Jesper!AK$2:AK$366,ROUNDDOWN($C4692/24,0)+1,1)*INDEX($D$3:$AA$30,INDEX(Jesper!$R$2:$R$366,ROW(INDEX(Jesper!AK$2:AK$366,ROUNDDOWN($C4692/24,0)+1,1))-1)+IF('Standard Profiles'!$G$21=$B$10,7,0)+IF('Standard Profiles'!$G$21=$B$17,14,0)+IF('Standard Profiles'!$G$21=$B$24,21,0),MOD($C4692,24)+1)/SUM(INDEX($D$3:$AA$30,INDEX(Jesper!$R$2:$R$366,ROW(INDEX(Jesper!AK$2:AK$366,ROUNDDOWN($C4692/24,0)+1,1))-1)+IF('Standard Profiles'!$G$21=$B$10,7,0)+IF('Standard Profiles'!$G$21=$B$17,14,0)+IF('Standard Profiles'!$G$21=$B$24,21,0),0)),0)</f>
        <v>0</v>
      </c>
      <c r="H4692" cm="1">
        <f t="array" ref="H4692">IFERROR(INDEX(Jesper!AL$2:AL$366,ROUNDDOWN($C4692/24,0)+1,1)*INDEX($D$3:$AA$30,INDEX(Jesper!$R$2:$R$366,ROW(INDEX(Jesper!AL$2:AL$366,ROUNDDOWN($C4692/24,0)+1,1))-1)+IF('Standard Profiles'!$G$22=$B$10,7,0)+IF('Standard Profiles'!$G$22=$B$17,14,0)+IF('Standard Profiles'!$G$22=$B$24,21,0),MOD($C4692,24)+1)/SUM(INDEX($D$3:$AA$30,INDEX(Jesper!$R$2:$R$366,ROW(INDEX(Jesper!AL$2:AL$366,ROUNDDOWN($C4692/24,0)+1,1))-1)+IF('Standard Profiles'!$G$22=$B$10,7,0)+IF('Standard Profiles'!$G$22=$B$17,14,0)+IF('Standard Profiles'!$G$22=$B$24,21,0),0)),0)</f>
        <v>0</v>
      </c>
      <c r="I4692">
        <f t="shared" si="524"/>
        <v>9.4723496367695073E-2</v>
      </c>
      <c r="J4692">
        <f t="shared" si="525"/>
        <v>0.31574498789231698</v>
      </c>
      <c r="K4692">
        <f t="shared" si="526"/>
        <v>0.47361748183847546</v>
      </c>
      <c r="L4692">
        <f t="shared" si="527"/>
        <v>6.9145433887403049</v>
      </c>
      <c r="M4692">
        <f t="shared" si="528"/>
        <v>0</v>
      </c>
      <c r="N4692" s="46">
        <f t="shared" si="529"/>
        <v>45486.083333322036</v>
      </c>
    </row>
    <row r="4693" spans="2:14" x14ac:dyDescent="0.3">
      <c r="B4693">
        <f t="shared" si="523"/>
        <v>6</v>
      </c>
      <c r="C4693" s="16">
        <v>4659</v>
      </c>
      <c r="D4693" cm="1">
        <f t="array" ref="D4693">IFERROR(INDEX(Jesper!AH$2:AH$366,ROUNDDOWN($C4693/24,0)+1,1)*INDEX($D$3:$AA$30,INDEX(Jesper!$R$2:$R$366,ROW(INDEX(Jesper!AH$2:AH$366,ROUNDDOWN($C4693/24,0)+1,1))-1)+IF('Standard Profiles'!$G$18=$B$10,7,0)+IF('Standard Profiles'!$G$18=$B$17,14,0)+IF('Standard Profiles'!$G$18=$B$24,21,0),MOD($C4693,24)+1)/SUM(INDEX($D$3:$AA$30,INDEX(Jesper!$R$2:$R$366,ROW(INDEX(Jesper!AH$2:AH$366,ROUNDDOWN($C4693/24,0)+1,1))-1)+IF('Standard Profiles'!$G$18=$B$10,7,0)+IF('Standard Profiles'!$G$18=$B$17,14,0)+IF('Standard Profiles'!$G$18=$B$24,21,0),0)),0)</f>
        <v>6.747198545157377</v>
      </c>
      <c r="E4693" cm="1">
        <f t="array" ref="E4693">IFERROR(INDEX(Jesper!AI$2:AI$366,ROUNDDOWN($C4693/24,0)+1,1)*INDEX($D$3:$AA$30,INDEX(Jesper!$R$2:$R$366,ROW(INDEX(Jesper!AI$2:AI$366,ROUNDDOWN($C4693/24,0)+1,1))-1)+IF('Standard Profiles'!$G$19=$B$10,7,0)+IF('Standard Profiles'!$G$19=$B$17,14,0)+IF('Standard Profiles'!$G$19=$B$24,21,0),MOD($C4693,24)+1)/SUM(INDEX($D$3:$AA$30,INDEX(Jesper!$R$2:$R$366,ROW(INDEX(Jesper!AI$2:AI$366,ROUNDDOWN($C4693/24,0)+1,1))-1)+IF('Standard Profiles'!$G$19=$B$10,7,0)+IF('Standard Profiles'!$G$19=$B$17,14,0)+IF('Standard Profiles'!$G$19=$B$24,21,0),0)),0)</f>
        <v>1.0514308096814151</v>
      </c>
      <c r="F4693" cm="1">
        <f t="array" ref="F4693">IFERROR(INDEX(Jesper!AJ$2:AJ$366,ROUNDDOWN($C4693/24,0)+1,1)*INDEX($D$3:$AA$30,INDEX(Jesper!$R$2:$R$366,ROW(INDEX(Jesper!AJ$2:AJ$366,ROUNDDOWN($C4693/24,0)+1,1))-1)+IF('Standard Profiles'!$G$20=$B$10,7,0)+IF('Standard Profiles'!$G$20=$B$17,14,0)+IF('Standard Profiles'!$G$20=$B$24,21,0),MOD($C4693,24)+1)/SUM(INDEX($D$3:$AA$30,INDEX(Jesper!$R$2:$R$366,ROW(INDEX(Jesper!AJ$2:AJ$366,ROUNDDOWN($C4693/24,0)+1,1))-1)+IF('Standard Profiles'!$G$20=$B$10,7,0)+IF('Standard Profiles'!$G$20=$B$17,14,0)+IF('Standard Profiles'!$G$20=$B$24,21,0),0)),0)</f>
        <v>0</v>
      </c>
      <c r="G4693" cm="1">
        <f t="array" ref="G4693">IFERROR(INDEX(Jesper!AK$2:AK$366,ROUNDDOWN($C4693/24,0)+1,1)*INDEX($D$3:$AA$30,INDEX(Jesper!$R$2:$R$366,ROW(INDEX(Jesper!AK$2:AK$366,ROUNDDOWN($C4693/24,0)+1,1))-1)+IF('Standard Profiles'!$G$21=$B$10,7,0)+IF('Standard Profiles'!$G$21=$B$17,14,0)+IF('Standard Profiles'!$G$21=$B$24,21,0),MOD($C4693,24)+1)/SUM(INDEX($D$3:$AA$30,INDEX(Jesper!$R$2:$R$366,ROW(INDEX(Jesper!AK$2:AK$366,ROUNDDOWN($C4693/24,0)+1,1))-1)+IF('Standard Profiles'!$G$21=$B$10,7,0)+IF('Standard Profiles'!$G$21=$B$17,14,0)+IF('Standard Profiles'!$G$21=$B$24,21,0),0)),0)</f>
        <v>0</v>
      </c>
      <c r="H4693" cm="1">
        <f t="array" ref="H4693">IFERROR(INDEX(Jesper!AL$2:AL$366,ROUNDDOWN($C4693/24,0)+1,1)*INDEX($D$3:$AA$30,INDEX(Jesper!$R$2:$R$366,ROW(INDEX(Jesper!AL$2:AL$366,ROUNDDOWN($C4693/24,0)+1,1))-1)+IF('Standard Profiles'!$G$22=$B$10,7,0)+IF('Standard Profiles'!$G$22=$B$17,14,0)+IF('Standard Profiles'!$G$22=$B$24,21,0),MOD($C4693,24)+1)/SUM(INDEX($D$3:$AA$30,INDEX(Jesper!$R$2:$R$366,ROW(INDEX(Jesper!AL$2:AL$366,ROUNDDOWN($C4693/24,0)+1,1))-1)+IF('Standard Profiles'!$G$22=$B$10,7,0)+IF('Standard Profiles'!$G$22=$B$17,14,0)+IF('Standard Profiles'!$G$22=$B$24,21,0),0)),0)</f>
        <v>0</v>
      </c>
      <c r="I4693">
        <f t="shared" si="524"/>
        <v>9.4723496367695073E-2</v>
      </c>
      <c r="J4693">
        <f t="shared" si="525"/>
        <v>0.31574498789231698</v>
      </c>
      <c r="K4693">
        <f t="shared" si="526"/>
        <v>0.47361748183847546</v>
      </c>
      <c r="L4693">
        <f t="shared" si="527"/>
        <v>6.9145433887403049</v>
      </c>
      <c r="M4693">
        <f t="shared" si="528"/>
        <v>0</v>
      </c>
      <c r="N4693" s="46">
        <f t="shared" si="529"/>
        <v>45486.1249999887</v>
      </c>
    </row>
    <row r="4694" spans="2:14" x14ac:dyDescent="0.3">
      <c r="B4694">
        <f t="shared" si="523"/>
        <v>6</v>
      </c>
      <c r="C4694" s="16">
        <v>4660</v>
      </c>
      <c r="D4694" cm="1">
        <f t="array" ref="D4694">IFERROR(INDEX(Jesper!AH$2:AH$366,ROUNDDOWN($C4694/24,0)+1,1)*INDEX($D$3:$AA$30,INDEX(Jesper!$R$2:$R$366,ROW(INDEX(Jesper!AH$2:AH$366,ROUNDDOWN($C4694/24,0)+1,1))-1)+IF('Standard Profiles'!$G$18=$B$10,7,0)+IF('Standard Profiles'!$G$18=$B$17,14,0)+IF('Standard Profiles'!$G$18=$B$24,21,0),MOD($C4694,24)+1)/SUM(INDEX($D$3:$AA$30,INDEX(Jesper!$R$2:$R$366,ROW(INDEX(Jesper!AH$2:AH$366,ROUNDDOWN($C4694/24,0)+1,1))-1)+IF('Standard Profiles'!$G$18=$B$10,7,0)+IF('Standard Profiles'!$G$18=$B$17,14,0)+IF('Standard Profiles'!$G$18=$B$24,21,0),0)),0)</f>
        <v>6.747198545157377</v>
      </c>
      <c r="E4694" cm="1">
        <f t="array" ref="E4694">IFERROR(INDEX(Jesper!AI$2:AI$366,ROUNDDOWN($C4694/24,0)+1,1)*INDEX($D$3:$AA$30,INDEX(Jesper!$R$2:$R$366,ROW(INDEX(Jesper!AI$2:AI$366,ROUNDDOWN($C4694/24,0)+1,1))-1)+IF('Standard Profiles'!$G$19=$B$10,7,0)+IF('Standard Profiles'!$G$19=$B$17,14,0)+IF('Standard Profiles'!$G$19=$B$24,21,0),MOD($C4694,24)+1)/SUM(INDEX($D$3:$AA$30,INDEX(Jesper!$R$2:$R$366,ROW(INDEX(Jesper!AI$2:AI$366,ROUNDDOWN($C4694/24,0)+1,1))-1)+IF('Standard Profiles'!$G$19=$B$10,7,0)+IF('Standard Profiles'!$G$19=$B$17,14,0)+IF('Standard Profiles'!$G$19=$B$24,21,0),0)),0)</f>
        <v>1.0514308096814151</v>
      </c>
      <c r="F4694" cm="1">
        <f t="array" ref="F4694">IFERROR(INDEX(Jesper!AJ$2:AJ$366,ROUNDDOWN($C4694/24,0)+1,1)*INDEX($D$3:$AA$30,INDEX(Jesper!$R$2:$R$366,ROW(INDEX(Jesper!AJ$2:AJ$366,ROUNDDOWN($C4694/24,0)+1,1))-1)+IF('Standard Profiles'!$G$20=$B$10,7,0)+IF('Standard Profiles'!$G$20=$B$17,14,0)+IF('Standard Profiles'!$G$20=$B$24,21,0),MOD($C4694,24)+1)/SUM(INDEX($D$3:$AA$30,INDEX(Jesper!$R$2:$R$366,ROW(INDEX(Jesper!AJ$2:AJ$366,ROUNDDOWN($C4694/24,0)+1,1))-1)+IF('Standard Profiles'!$G$20=$B$10,7,0)+IF('Standard Profiles'!$G$20=$B$17,14,0)+IF('Standard Profiles'!$G$20=$B$24,21,0),0)),0)</f>
        <v>0</v>
      </c>
      <c r="G4694" cm="1">
        <f t="array" ref="G4694">IFERROR(INDEX(Jesper!AK$2:AK$366,ROUNDDOWN($C4694/24,0)+1,1)*INDEX($D$3:$AA$30,INDEX(Jesper!$R$2:$R$366,ROW(INDEX(Jesper!AK$2:AK$366,ROUNDDOWN($C4694/24,0)+1,1))-1)+IF('Standard Profiles'!$G$21=$B$10,7,0)+IF('Standard Profiles'!$G$21=$B$17,14,0)+IF('Standard Profiles'!$G$21=$B$24,21,0),MOD($C4694,24)+1)/SUM(INDEX($D$3:$AA$30,INDEX(Jesper!$R$2:$R$366,ROW(INDEX(Jesper!AK$2:AK$366,ROUNDDOWN($C4694/24,0)+1,1))-1)+IF('Standard Profiles'!$G$21=$B$10,7,0)+IF('Standard Profiles'!$G$21=$B$17,14,0)+IF('Standard Profiles'!$G$21=$B$24,21,0),0)),0)</f>
        <v>0</v>
      </c>
      <c r="H4694" cm="1">
        <f t="array" ref="H4694">IFERROR(INDEX(Jesper!AL$2:AL$366,ROUNDDOWN($C4694/24,0)+1,1)*INDEX($D$3:$AA$30,INDEX(Jesper!$R$2:$R$366,ROW(INDEX(Jesper!AL$2:AL$366,ROUNDDOWN($C4694/24,0)+1,1))-1)+IF('Standard Profiles'!$G$22=$B$10,7,0)+IF('Standard Profiles'!$G$22=$B$17,14,0)+IF('Standard Profiles'!$G$22=$B$24,21,0),MOD($C4694,24)+1)/SUM(INDEX($D$3:$AA$30,INDEX(Jesper!$R$2:$R$366,ROW(INDEX(Jesper!AL$2:AL$366,ROUNDDOWN($C4694/24,0)+1,1))-1)+IF('Standard Profiles'!$G$22=$B$10,7,0)+IF('Standard Profiles'!$G$22=$B$17,14,0)+IF('Standard Profiles'!$G$22=$B$24,21,0),0)),0)</f>
        <v>0</v>
      </c>
      <c r="I4694">
        <f t="shared" si="524"/>
        <v>9.4723496367695073E-2</v>
      </c>
      <c r="J4694">
        <f t="shared" si="525"/>
        <v>0.31574498789231698</v>
      </c>
      <c r="K4694">
        <f t="shared" si="526"/>
        <v>0.47361748183847546</v>
      </c>
      <c r="L4694">
        <f t="shared" si="527"/>
        <v>6.9145433887403049</v>
      </c>
      <c r="M4694">
        <f t="shared" si="528"/>
        <v>0</v>
      </c>
      <c r="N4694" s="46">
        <f t="shared" si="529"/>
        <v>45486.166666655365</v>
      </c>
    </row>
    <row r="4695" spans="2:14" x14ac:dyDescent="0.3">
      <c r="B4695">
        <f t="shared" si="523"/>
        <v>6</v>
      </c>
      <c r="C4695" s="16">
        <v>4661</v>
      </c>
      <c r="D4695" cm="1">
        <f t="array" ref="D4695">IFERROR(INDEX(Jesper!AH$2:AH$366,ROUNDDOWN($C4695/24,0)+1,1)*INDEX($D$3:$AA$30,INDEX(Jesper!$R$2:$R$366,ROW(INDEX(Jesper!AH$2:AH$366,ROUNDDOWN($C4695/24,0)+1,1))-1)+IF('Standard Profiles'!$G$18=$B$10,7,0)+IF('Standard Profiles'!$G$18=$B$17,14,0)+IF('Standard Profiles'!$G$18=$B$24,21,0),MOD($C4695,24)+1)/SUM(INDEX($D$3:$AA$30,INDEX(Jesper!$R$2:$R$366,ROW(INDEX(Jesper!AH$2:AH$366,ROUNDDOWN($C4695/24,0)+1,1))-1)+IF('Standard Profiles'!$G$18=$B$10,7,0)+IF('Standard Profiles'!$G$18=$B$17,14,0)+IF('Standard Profiles'!$G$18=$B$24,21,0),0)),0)</f>
        <v>8.39285672690308</v>
      </c>
      <c r="E4695" cm="1">
        <f t="array" ref="E4695">IFERROR(INDEX(Jesper!AI$2:AI$366,ROUNDDOWN($C4695/24,0)+1,1)*INDEX($D$3:$AA$30,INDEX(Jesper!$R$2:$R$366,ROW(INDEX(Jesper!AI$2:AI$366,ROUNDDOWN($C4695/24,0)+1,1))-1)+IF('Standard Profiles'!$G$19=$B$10,7,0)+IF('Standard Profiles'!$G$19=$B$17,14,0)+IF('Standard Profiles'!$G$19=$B$24,21,0),MOD($C4695,24)+1)/SUM(INDEX($D$3:$AA$30,INDEX(Jesper!$R$2:$R$366,ROW(INDEX(Jesper!AI$2:AI$366,ROUNDDOWN($C4695/24,0)+1,1))-1)+IF('Standard Profiles'!$G$19=$B$10,7,0)+IF('Standard Profiles'!$G$19=$B$17,14,0)+IF('Standard Profiles'!$G$19=$B$24,21,0),0)),0)</f>
        <v>1.3078773486281019</v>
      </c>
      <c r="F4695" cm="1">
        <f t="array" ref="F4695">IFERROR(INDEX(Jesper!AJ$2:AJ$366,ROUNDDOWN($C4695/24,0)+1,1)*INDEX($D$3:$AA$30,INDEX(Jesper!$R$2:$R$366,ROW(INDEX(Jesper!AJ$2:AJ$366,ROUNDDOWN($C4695/24,0)+1,1))-1)+IF('Standard Profiles'!$G$20=$B$10,7,0)+IF('Standard Profiles'!$G$20=$B$17,14,0)+IF('Standard Profiles'!$G$20=$B$24,21,0),MOD($C4695,24)+1)/SUM(INDEX($D$3:$AA$30,INDEX(Jesper!$R$2:$R$366,ROW(INDEX(Jesper!AJ$2:AJ$366,ROUNDDOWN($C4695/24,0)+1,1))-1)+IF('Standard Profiles'!$G$20=$B$10,7,0)+IF('Standard Profiles'!$G$20=$B$17,14,0)+IF('Standard Profiles'!$G$20=$B$24,21,0),0)),0)</f>
        <v>0</v>
      </c>
      <c r="G4695" cm="1">
        <f t="array" ref="G4695">IFERROR(INDEX(Jesper!AK$2:AK$366,ROUNDDOWN($C4695/24,0)+1,1)*INDEX($D$3:$AA$30,INDEX(Jesper!$R$2:$R$366,ROW(INDEX(Jesper!AK$2:AK$366,ROUNDDOWN($C4695/24,0)+1,1))-1)+IF('Standard Profiles'!$G$21=$B$10,7,0)+IF('Standard Profiles'!$G$21=$B$17,14,0)+IF('Standard Profiles'!$G$21=$B$24,21,0),MOD($C4695,24)+1)/SUM(INDEX($D$3:$AA$30,INDEX(Jesper!$R$2:$R$366,ROW(INDEX(Jesper!AK$2:AK$366,ROUNDDOWN($C4695/24,0)+1,1))-1)+IF('Standard Profiles'!$G$21=$B$10,7,0)+IF('Standard Profiles'!$G$21=$B$17,14,0)+IF('Standard Profiles'!$G$21=$B$24,21,0),0)),0)</f>
        <v>0</v>
      </c>
      <c r="H4695" cm="1">
        <f t="array" ref="H4695">IFERROR(INDEX(Jesper!AL$2:AL$366,ROUNDDOWN($C4695/24,0)+1,1)*INDEX($D$3:$AA$30,INDEX(Jesper!$R$2:$R$366,ROW(INDEX(Jesper!AL$2:AL$366,ROUNDDOWN($C4695/24,0)+1,1))-1)+IF('Standard Profiles'!$G$22=$B$10,7,0)+IF('Standard Profiles'!$G$22=$B$17,14,0)+IF('Standard Profiles'!$G$22=$B$24,21,0),MOD($C4695,24)+1)/SUM(INDEX($D$3:$AA$30,INDEX(Jesper!$R$2:$R$366,ROW(INDEX(Jesper!AL$2:AL$366,ROUNDDOWN($C4695/24,0)+1,1))-1)+IF('Standard Profiles'!$G$22=$B$10,7,0)+IF('Standard Profiles'!$G$22=$B$17,14,0)+IF('Standard Profiles'!$G$22=$B$24,21,0),0)),0)</f>
        <v>0</v>
      </c>
      <c r="I4695">
        <f t="shared" si="524"/>
        <v>0.1178267881646939</v>
      </c>
      <c r="J4695">
        <f t="shared" si="525"/>
        <v>0.39275596054897971</v>
      </c>
      <c r="K4695">
        <f t="shared" si="526"/>
        <v>0.58913394082346959</v>
      </c>
      <c r="L4695">
        <f t="shared" si="527"/>
        <v>8.6010173859940391</v>
      </c>
      <c r="M4695">
        <f t="shared" si="528"/>
        <v>0</v>
      </c>
      <c r="N4695" s="46">
        <f t="shared" si="529"/>
        <v>45486.208333322029</v>
      </c>
    </row>
    <row r="4696" spans="2:14" x14ac:dyDescent="0.3">
      <c r="B4696">
        <f t="shared" si="523"/>
        <v>6</v>
      </c>
      <c r="C4696" s="16">
        <v>4662</v>
      </c>
      <c r="D4696" cm="1">
        <f t="array" ref="D4696">IFERROR(INDEX(Jesper!AH$2:AH$366,ROUNDDOWN($C4696/24,0)+1,1)*INDEX($D$3:$AA$30,INDEX(Jesper!$R$2:$R$366,ROW(INDEX(Jesper!AH$2:AH$366,ROUNDDOWN($C4696/24,0)+1,1))-1)+IF('Standard Profiles'!$G$18=$B$10,7,0)+IF('Standard Profiles'!$G$18=$B$17,14,0)+IF('Standard Profiles'!$G$18=$B$24,21,0),MOD($C4696,24)+1)/SUM(INDEX($D$3:$AA$30,INDEX(Jesper!$R$2:$R$366,ROW(INDEX(Jesper!AH$2:AH$366,ROUNDDOWN($C4696/24,0)+1,1))-1)+IF('Standard Profiles'!$G$18=$B$10,7,0)+IF('Standard Profiles'!$G$18=$B$17,14,0)+IF('Standard Profiles'!$G$18=$B$24,21,0),0)),0)</f>
        <v>10.532212363172492</v>
      </c>
      <c r="E4696" cm="1">
        <f t="array" ref="E4696">IFERROR(INDEX(Jesper!AI$2:AI$366,ROUNDDOWN($C4696/24,0)+1,1)*INDEX($D$3:$AA$30,INDEX(Jesper!$R$2:$R$366,ROW(INDEX(Jesper!AI$2:AI$366,ROUNDDOWN($C4696/24,0)+1,1))-1)+IF('Standard Profiles'!$G$19=$B$10,7,0)+IF('Standard Profiles'!$G$19=$B$17,14,0)+IF('Standard Profiles'!$G$19=$B$24,21,0),MOD($C4696,24)+1)/SUM(INDEX($D$3:$AA$30,INDEX(Jesper!$R$2:$R$366,ROW(INDEX(Jesper!AI$2:AI$366,ROUNDDOWN($C4696/24,0)+1,1))-1)+IF('Standard Profiles'!$G$19=$B$10,7,0)+IF('Standard Profiles'!$G$19=$B$17,14,0)+IF('Standard Profiles'!$G$19=$B$24,21,0),0)),0)</f>
        <v>1.6412578492587946</v>
      </c>
      <c r="F4696" cm="1">
        <f t="array" ref="F4696">IFERROR(INDEX(Jesper!AJ$2:AJ$366,ROUNDDOWN($C4696/24,0)+1,1)*INDEX($D$3:$AA$30,INDEX(Jesper!$R$2:$R$366,ROW(INDEX(Jesper!AJ$2:AJ$366,ROUNDDOWN($C4696/24,0)+1,1))-1)+IF('Standard Profiles'!$G$20=$B$10,7,0)+IF('Standard Profiles'!$G$20=$B$17,14,0)+IF('Standard Profiles'!$G$20=$B$24,21,0),MOD($C4696,24)+1)/SUM(INDEX($D$3:$AA$30,INDEX(Jesper!$R$2:$R$366,ROW(INDEX(Jesper!AJ$2:AJ$366,ROUNDDOWN($C4696/24,0)+1,1))-1)+IF('Standard Profiles'!$G$20=$B$10,7,0)+IF('Standard Profiles'!$G$20=$B$17,14,0)+IF('Standard Profiles'!$G$20=$B$24,21,0),0)),0)</f>
        <v>0</v>
      </c>
      <c r="G4696" cm="1">
        <f t="array" ref="G4696">IFERROR(INDEX(Jesper!AK$2:AK$366,ROUNDDOWN($C4696/24,0)+1,1)*INDEX($D$3:$AA$30,INDEX(Jesper!$R$2:$R$366,ROW(INDEX(Jesper!AK$2:AK$366,ROUNDDOWN($C4696/24,0)+1,1))-1)+IF('Standard Profiles'!$G$21=$B$10,7,0)+IF('Standard Profiles'!$G$21=$B$17,14,0)+IF('Standard Profiles'!$G$21=$B$24,21,0),MOD($C4696,24)+1)/SUM(INDEX($D$3:$AA$30,INDEX(Jesper!$R$2:$R$366,ROW(INDEX(Jesper!AK$2:AK$366,ROUNDDOWN($C4696/24,0)+1,1))-1)+IF('Standard Profiles'!$G$21=$B$10,7,0)+IF('Standard Profiles'!$G$21=$B$17,14,0)+IF('Standard Profiles'!$G$21=$B$24,21,0),0)),0)</f>
        <v>0</v>
      </c>
      <c r="H4696" cm="1">
        <f t="array" ref="H4696">IFERROR(INDEX(Jesper!AL$2:AL$366,ROUNDDOWN($C4696/24,0)+1,1)*INDEX($D$3:$AA$30,INDEX(Jesper!$R$2:$R$366,ROW(INDEX(Jesper!AL$2:AL$366,ROUNDDOWN($C4696/24,0)+1,1))-1)+IF('Standard Profiles'!$G$22=$B$10,7,0)+IF('Standard Profiles'!$G$22=$B$17,14,0)+IF('Standard Profiles'!$G$22=$B$24,21,0),MOD($C4696,24)+1)/SUM(INDEX($D$3:$AA$30,INDEX(Jesper!$R$2:$R$366,ROW(INDEX(Jesper!AL$2:AL$366,ROUNDDOWN($C4696/24,0)+1,1))-1)+IF('Standard Profiles'!$G$22=$B$10,7,0)+IF('Standard Profiles'!$G$22=$B$17,14,0)+IF('Standard Profiles'!$G$22=$B$24,21,0),0)),0)</f>
        <v>0</v>
      </c>
      <c r="I4696">
        <f t="shared" si="524"/>
        <v>0.14786106750079234</v>
      </c>
      <c r="J4696">
        <f t="shared" si="525"/>
        <v>0.49287022500264122</v>
      </c>
      <c r="K4696">
        <f t="shared" si="526"/>
        <v>0.73930533750396177</v>
      </c>
      <c r="L4696">
        <f t="shared" si="527"/>
        <v>10.793433582423893</v>
      </c>
      <c r="M4696">
        <f t="shared" si="528"/>
        <v>0</v>
      </c>
      <c r="N4696" s="46">
        <f t="shared" si="529"/>
        <v>45486.249999988693</v>
      </c>
    </row>
    <row r="4697" spans="2:14" x14ac:dyDescent="0.3">
      <c r="B4697">
        <f t="shared" si="523"/>
        <v>6</v>
      </c>
      <c r="C4697" s="16">
        <v>4663</v>
      </c>
      <c r="D4697" cm="1">
        <f t="array" ref="D4697">IFERROR(INDEX(Jesper!AH$2:AH$366,ROUNDDOWN($C4697/24,0)+1,1)*INDEX($D$3:$AA$30,INDEX(Jesper!$R$2:$R$366,ROW(INDEX(Jesper!AH$2:AH$366,ROUNDDOWN($C4697/24,0)+1,1))-1)+IF('Standard Profiles'!$G$18=$B$10,7,0)+IF('Standard Profiles'!$G$18=$B$17,14,0)+IF('Standard Profiles'!$G$18=$B$24,21,0),MOD($C4697,24)+1)/SUM(INDEX($D$3:$AA$30,INDEX(Jesper!$R$2:$R$366,ROW(INDEX(Jesper!AH$2:AH$366,ROUNDDOWN($C4697/24,0)+1,1))-1)+IF('Standard Profiles'!$G$18=$B$10,7,0)+IF('Standard Profiles'!$G$18=$B$17,14,0)+IF('Standard Profiles'!$G$18=$B$24,21,0),0)),0)</f>
        <v>12.013304726743623</v>
      </c>
      <c r="E4697" cm="1">
        <f t="array" ref="E4697">IFERROR(INDEX(Jesper!AI$2:AI$366,ROUNDDOWN($C4697/24,0)+1,1)*INDEX($D$3:$AA$30,INDEX(Jesper!$R$2:$R$366,ROW(INDEX(Jesper!AI$2:AI$366,ROUNDDOWN($C4697/24,0)+1,1))-1)+IF('Standard Profiles'!$G$19=$B$10,7,0)+IF('Standard Profiles'!$G$19=$B$17,14,0)+IF('Standard Profiles'!$G$19=$B$24,21,0),MOD($C4697,24)+1)/SUM(INDEX($D$3:$AA$30,INDEX(Jesper!$R$2:$R$366,ROW(INDEX(Jesper!AI$2:AI$366,ROUNDDOWN($C4697/24,0)+1,1))-1)+IF('Standard Profiles'!$G$19=$B$10,7,0)+IF('Standard Profiles'!$G$19=$B$17,14,0)+IF('Standard Profiles'!$G$19=$B$24,21,0),0)),0)</f>
        <v>1.8720597343108123</v>
      </c>
      <c r="F4697" cm="1">
        <f t="array" ref="F4697">IFERROR(INDEX(Jesper!AJ$2:AJ$366,ROUNDDOWN($C4697/24,0)+1,1)*INDEX($D$3:$AA$30,INDEX(Jesper!$R$2:$R$366,ROW(INDEX(Jesper!AJ$2:AJ$366,ROUNDDOWN($C4697/24,0)+1,1))-1)+IF('Standard Profiles'!$G$20=$B$10,7,0)+IF('Standard Profiles'!$G$20=$B$17,14,0)+IF('Standard Profiles'!$G$20=$B$24,21,0),MOD($C4697,24)+1)/SUM(INDEX($D$3:$AA$30,INDEX(Jesper!$R$2:$R$366,ROW(INDEX(Jesper!AJ$2:AJ$366,ROUNDDOWN($C4697/24,0)+1,1))-1)+IF('Standard Profiles'!$G$20=$B$10,7,0)+IF('Standard Profiles'!$G$20=$B$17,14,0)+IF('Standard Profiles'!$G$20=$B$24,21,0),0)),0)</f>
        <v>0</v>
      </c>
      <c r="G4697" cm="1">
        <f t="array" ref="G4697">IFERROR(INDEX(Jesper!AK$2:AK$366,ROUNDDOWN($C4697/24,0)+1,1)*INDEX($D$3:$AA$30,INDEX(Jesper!$R$2:$R$366,ROW(INDEX(Jesper!AK$2:AK$366,ROUNDDOWN($C4697/24,0)+1,1))-1)+IF('Standard Profiles'!$G$21=$B$10,7,0)+IF('Standard Profiles'!$G$21=$B$17,14,0)+IF('Standard Profiles'!$G$21=$B$24,21,0),MOD($C4697,24)+1)/SUM(INDEX($D$3:$AA$30,INDEX(Jesper!$R$2:$R$366,ROW(INDEX(Jesper!AK$2:AK$366,ROUNDDOWN($C4697/24,0)+1,1))-1)+IF('Standard Profiles'!$G$21=$B$10,7,0)+IF('Standard Profiles'!$G$21=$B$17,14,0)+IF('Standard Profiles'!$G$21=$B$24,21,0),0)),0)</f>
        <v>0</v>
      </c>
      <c r="H4697" cm="1">
        <f t="array" ref="H4697">IFERROR(INDEX(Jesper!AL$2:AL$366,ROUNDDOWN($C4697/24,0)+1,1)*INDEX($D$3:$AA$30,INDEX(Jesper!$R$2:$R$366,ROW(INDEX(Jesper!AL$2:AL$366,ROUNDDOWN($C4697/24,0)+1,1))-1)+IF('Standard Profiles'!$G$22=$B$10,7,0)+IF('Standard Profiles'!$G$22=$B$17,14,0)+IF('Standard Profiles'!$G$22=$B$24,21,0),MOD($C4697,24)+1)/SUM(INDEX($D$3:$AA$30,INDEX(Jesper!$R$2:$R$366,ROW(INDEX(Jesper!AL$2:AL$366,ROUNDDOWN($C4697/24,0)+1,1))-1)+IF('Standard Profiles'!$G$22=$B$10,7,0)+IF('Standard Profiles'!$G$22=$B$17,14,0)+IF('Standard Profiles'!$G$22=$B$24,21,0),0)),0)</f>
        <v>0</v>
      </c>
      <c r="I4697">
        <f t="shared" si="524"/>
        <v>0.16865403011809124</v>
      </c>
      <c r="J4697">
        <f t="shared" si="525"/>
        <v>0.56218010039363753</v>
      </c>
      <c r="K4697">
        <f t="shared" si="526"/>
        <v>0.84327015059045629</v>
      </c>
      <c r="L4697">
        <f t="shared" si="527"/>
        <v>12.311260179952251</v>
      </c>
      <c r="M4697">
        <f t="shared" si="528"/>
        <v>0</v>
      </c>
      <c r="N4697" s="46">
        <f t="shared" si="529"/>
        <v>45486.291666655357</v>
      </c>
    </row>
    <row r="4698" spans="2:14" x14ac:dyDescent="0.3">
      <c r="B4698">
        <f t="shared" si="523"/>
        <v>6</v>
      </c>
      <c r="C4698" s="16">
        <v>4664</v>
      </c>
      <c r="D4698" cm="1">
        <f t="array" ref="D4698">IFERROR(INDEX(Jesper!AH$2:AH$366,ROUNDDOWN($C4698/24,0)+1,1)*INDEX($D$3:$AA$30,INDEX(Jesper!$R$2:$R$366,ROW(INDEX(Jesper!AH$2:AH$366,ROUNDDOWN($C4698/24,0)+1,1))-1)+IF('Standard Profiles'!$G$18=$B$10,7,0)+IF('Standard Profiles'!$G$18=$B$17,14,0)+IF('Standard Profiles'!$G$18=$B$24,21,0),MOD($C4698,24)+1)/SUM(INDEX($D$3:$AA$30,INDEX(Jesper!$R$2:$R$366,ROW(INDEX(Jesper!AH$2:AH$366,ROUNDDOWN($C4698/24,0)+1,1))-1)+IF('Standard Profiles'!$G$18=$B$10,7,0)+IF('Standard Profiles'!$G$18=$B$17,14,0)+IF('Standard Profiles'!$G$18=$B$24,21,0),0)),0)</f>
        <v>12.013304726743623</v>
      </c>
      <c r="E4698" cm="1">
        <f t="array" ref="E4698">IFERROR(INDEX(Jesper!AI$2:AI$366,ROUNDDOWN($C4698/24,0)+1,1)*INDEX($D$3:$AA$30,INDEX(Jesper!$R$2:$R$366,ROW(INDEX(Jesper!AI$2:AI$366,ROUNDDOWN($C4698/24,0)+1,1))-1)+IF('Standard Profiles'!$G$19=$B$10,7,0)+IF('Standard Profiles'!$G$19=$B$17,14,0)+IF('Standard Profiles'!$G$19=$B$24,21,0),MOD($C4698,24)+1)/SUM(INDEX($D$3:$AA$30,INDEX(Jesper!$R$2:$R$366,ROW(INDEX(Jesper!AI$2:AI$366,ROUNDDOWN($C4698/24,0)+1,1))-1)+IF('Standard Profiles'!$G$19=$B$10,7,0)+IF('Standard Profiles'!$G$19=$B$17,14,0)+IF('Standard Profiles'!$G$19=$B$24,21,0),0)),0)</f>
        <v>1.8720597343108123</v>
      </c>
      <c r="F4698" cm="1">
        <f t="array" ref="F4698">IFERROR(INDEX(Jesper!AJ$2:AJ$366,ROUNDDOWN($C4698/24,0)+1,1)*INDEX($D$3:$AA$30,INDEX(Jesper!$R$2:$R$366,ROW(INDEX(Jesper!AJ$2:AJ$366,ROUNDDOWN($C4698/24,0)+1,1))-1)+IF('Standard Profiles'!$G$20=$B$10,7,0)+IF('Standard Profiles'!$G$20=$B$17,14,0)+IF('Standard Profiles'!$G$20=$B$24,21,0),MOD($C4698,24)+1)/SUM(INDEX($D$3:$AA$30,INDEX(Jesper!$R$2:$R$366,ROW(INDEX(Jesper!AJ$2:AJ$366,ROUNDDOWN($C4698/24,0)+1,1))-1)+IF('Standard Profiles'!$G$20=$B$10,7,0)+IF('Standard Profiles'!$G$20=$B$17,14,0)+IF('Standard Profiles'!$G$20=$B$24,21,0),0)),0)</f>
        <v>0</v>
      </c>
      <c r="G4698" cm="1">
        <f t="array" ref="G4698">IFERROR(INDEX(Jesper!AK$2:AK$366,ROUNDDOWN($C4698/24,0)+1,1)*INDEX($D$3:$AA$30,INDEX(Jesper!$R$2:$R$366,ROW(INDEX(Jesper!AK$2:AK$366,ROUNDDOWN($C4698/24,0)+1,1))-1)+IF('Standard Profiles'!$G$21=$B$10,7,0)+IF('Standard Profiles'!$G$21=$B$17,14,0)+IF('Standard Profiles'!$G$21=$B$24,21,0),MOD($C4698,24)+1)/SUM(INDEX($D$3:$AA$30,INDEX(Jesper!$R$2:$R$366,ROW(INDEX(Jesper!AK$2:AK$366,ROUNDDOWN($C4698/24,0)+1,1))-1)+IF('Standard Profiles'!$G$21=$B$10,7,0)+IF('Standard Profiles'!$G$21=$B$17,14,0)+IF('Standard Profiles'!$G$21=$B$24,21,0),0)),0)</f>
        <v>0</v>
      </c>
      <c r="H4698" cm="1">
        <f t="array" ref="H4698">IFERROR(INDEX(Jesper!AL$2:AL$366,ROUNDDOWN($C4698/24,0)+1,1)*INDEX($D$3:$AA$30,INDEX(Jesper!$R$2:$R$366,ROW(INDEX(Jesper!AL$2:AL$366,ROUNDDOWN($C4698/24,0)+1,1))-1)+IF('Standard Profiles'!$G$22=$B$10,7,0)+IF('Standard Profiles'!$G$22=$B$17,14,0)+IF('Standard Profiles'!$G$22=$B$24,21,0),MOD($C4698,24)+1)/SUM(INDEX($D$3:$AA$30,INDEX(Jesper!$R$2:$R$366,ROW(INDEX(Jesper!AL$2:AL$366,ROUNDDOWN($C4698/24,0)+1,1))-1)+IF('Standard Profiles'!$G$22=$B$10,7,0)+IF('Standard Profiles'!$G$22=$B$17,14,0)+IF('Standard Profiles'!$G$22=$B$24,21,0),0)),0)</f>
        <v>0</v>
      </c>
      <c r="I4698">
        <f t="shared" si="524"/>
        <v>0.16865403011809124</v>
      </c>
      <c r="J4698">
        <f t="shared" si="525"/>
        <v>0.56218010039363753</v>
      </c>
      <c r="K4698">
        <f t="shared" si="526"/>
        <v>0.84327015059045629</v>
      </c>
      <c r="L4698">
        <f t="shared" si="527"/>
        <v>12.311260179952251</v>
      </c>
      <c r="M4698">
        <f t="shared" si="528"/>
        <v>0</v>
      </c>
      <c r="N4698" s="46">
        <f t="shared" si="529"/>
        <v>45486.333333322022</v>
      </c>
    </row>
    <row r="4699" spans="2:14" x14ac:dyDescent="0.3">
      <c r="B4699">
        <f t="shared" si="523"/>
        <v>6</v>
      </c>
      <c r="C4699" s="16">
        <v>4665</v>
      </c>
      <c r="D4699" cm="1">
        <f t="array" ref="D4699">IFERROR(INDEX(Jesper!AH$2:AH$366,ROUNDDOWN($C4699/24,0)+1,1)*INDEX($D$3:$AA$30,INDEX(Jesper!$R$2:$R$366,ROW(INDEX(Jesper!AH$2:AH$366,ROUNDDOWN($C4699/24,0)+1,1))-1)+IF('Standard Profiles'!$G$18=$B$10,7,0)+IF('Standard Profiles'!$G$18=$B$17,14,0)+IF('Standard Profiles'!$G$18=$B$24,21,0),MOD($C4699,24)+1)/SUM(INDEX($D$3:$AA$30,INDEX(Jesper!$R$2:$R$366,ROW(INDEX(Jesper!AH$2:AH$366,ROUNDDOWN($C4699/24,0)+1,1))-1)+IF('Standard Profiles'!$G$18=$B$10,7,0)+IF('Standard Profiles'!$G$18=$B$17,14,0)+IF('Standard Profiles'!$G$18=$B$24,21,0),0)),0)</f>
        <v>12.013304726743623</v>
      </c>
      <c r="E4699" cm="1">
        <f t="array" ref="E4699">IFERROR(INDEX(Jesper!AI$2:AI$366,ROUNDDOWN($C4699/24,0)+1,1)*INDEX($D$3:$AA$30,INDEX(Jesper!$R$2:$R$366,ROW(INDEX(Jesper!AI$2:AI$366,ROUNDDOWN($C4699/24,0)+1,1))-1)+IF('Standard Profiles'!$G$19=$B$10,7,0)+IF('Standard Profiles'!$G$19=$B$17,14,0)+IF('Standard Profiles'!$G$19=$B$24,21,0),MOD($C4699,24)+1)/SUM(INDEX($D$3:$AA$30,INDEX(Jesper!$R$2:$R$366,ROW(INDEX(Jesper!AI$2:AI$366,ROUNDDOWN($C4699/24,0)+1,1))-1)+IF('Standard Profiles'!$G$19=$B$10,7,0)+IF('Standard Profiles'!$G$19=$B$17,14,0)+IF('Standard Profiles'!$G$19=$B$24,21,0),0)),0)</f>
        <v>1.8720597343108123</v>
      </c>
      <c r="F4699" cm="1">
        <f t="array" ref="F4699">IFERROR(INDEX(Jesper!AJ$2:AJ$366,ROUNDDOWN($C4699/24,0)+1,1)*INDEX($D$3:$AA$30,INDEX(Jesper!$R$2:$R$366,ROW(INDEX(Jesper!AJ$2:AJ$366,ROUNDDOWN($C4699/24,0)+1,1))-1)+IF('Standard Profiles'!$G$20=$B$10,7,0)+IF('Standard Profiles'!$G$20=$B$17,14,0)+IF('Standard Profiles'!$G$20=$B$24,21,0),MOD($C4699,24)+1)/SUM(INDEX($D$3:$AA$30,INDEX(Jesper!$R$2:$R$366,ROW(INDEX(Jesper!AJ$2:AJ$366,ROUNDDOWN($C4699/24,0)+1,1))-1)+IF('Standard Profiles'!$G$20=$B$10,7,0)+IF('Standard Profiles'!$G$20=$B$17,14,0)+IF('Standard Profiles'!$G$20=$B$24,21,0),0)),0)</f>
        <v>0</v>
      </c>
      <c r="G4699" cm="1">
        <f t="array" ref="G4699">IFERROR(INDEX(Jesper!AK$2:AK$366,ROUNDDOWN($C4699/24,0)+1,1)*INDEX($D$3:$AA$30,INDEX(Jesper!$R$2:$R$366,ROW(INDEX(Jesper!AK$2:AK$366,ROUNDDOWN($C4699/24,0)+1,1))-1)+IF('Standard Profiles'!$G$21=$B$10,7,0)+IF('Standard Profiles'!$G$21=$B$17,14,0)+IF('Standard Profiles'!$G$21=$B$24,21,0),MOD($C4699,24)+1)/SUM(INDEX($D$3:$AA$30,INDEX(Jesper!$R$2:$R$366,ROW(INDEX(Jesper!AK$2:AK$366,ROUNDDOWN($C4699/24,0)+1,1))-1)+IF('Standard Profiles'!$G$21=$B$10,7,0)+IF('Standard Profiles'!$G$21=$B$17,14,0)+IF('Standard Profiles'!$G$21=$B$24,21,0),0)),0)</f>
        <v>0</v>
      </c>
      <c r="H4699" cm="1">
        <f t="array" ref="H4699">IFERROR(INDEX(Jesper!AL$2:AL$366,ROUNDDOWN($C4699/24,0)+1,1)*INDEX($D$3:$AA$30,INDEX(Jesper!$R$2:$R$366,ROW(INDEX(Jesper!AL$2:AL$366,ROUNDDOWN($C4699/24,0)+1,1))-1)+IF('Standard Profiles'!$G$22=$B$10,7,0)+IF('Standard Profiles'!$G$22=$B$17,14,0)+IF('Standard Profiles'!$G$22=$B$24,21,0),MOD($C4699,24)+1)/SUM(INDEX($D$3:$AA$30,INDEX(Jesper!$R$2:$R$366,ROW(INDEX(Jesper!AL$2:AL$366,ROUNDDOWN($C4699/24,0)+1,1))-1)+IF('Standard Profiles'!$G$22=$B$10,7,0)+IF('Standard Profiles'!$G$22=$B$17,14,0)+IF('Standard Profiles'!$G$22=$B$24,21,0),0)),0)</f>
        <v>0</v>
      </c>
      <c r="I4699">
        <f t="shared" si="524"/>
        <v>0.16865403011809124</v>
      </c>
      <c r="J4699">
        <f t="shared" si="525"/>
        <v>0.56218010039363753</v>
      </c>
      <c r="K4699">
        <f t="shared" si="526"/>
        <v>0.84327015059045629</v>
      </c>
      <c r="L4699">
        <f t="shared" si="527"/>
        <v>12.311260179952251</v>
      </c>
      <c r="M4699">
        <f t="shared" si="528"/>
        <v>0</v>
      </c>
      <c r="N4699" s="46">
        <f t="shared" si="529"/>
        <v>45486.374999988686</v>
      </c>
    </row>
    <row r="4700" spans="2:14" x14ac:dyDescent="0.3">
      <c r="B4700">
        <f t="shared" si="523"/>
        <v>6</v>
      </c>
      <c r="C4700" s="16">
        <v>4666</v>
      </c>
      <c r="D4700" cm="1">
        <f t="array" ref="D4700">IFERROR(INDEX(Jesper!AH$2:AH$366,ROUNDDOWN($C4700/24,0)+1,1)*INDEX($D$3:$AA$30,INDEX(Jesper!$R$2:$R$366,ROW(INDEX(Jesper!AH$2:AH$366,ROUNDDOWN($C4700/24,0)+1,1))-1)+IF('Standard Profiles'!$G$18=$B$10,7,0)+IF('Standard Profiles'!$G$18=$B$17,14,0)+IF('Standard Profiles'!$G$18=$B$24,21,0),MOD($C4700,24)+1)/SUM(INDEX($D$3:$AA$30,INDEX(Jesper!$R$2:$R$366,ROW(INDEX(Jesper!AH$2:AH$366,ROUNDDOWN($C4700/24,0)+1,1))-1)+IF('Standard Profiles'!$G$18=$B$10,7,0)+IF('Standard Profiles'!$G$18=$B$17,14,0)+IF('Standard Profiles'!$G$18=$B$24,21,0),0)),0)</f>
        <v>12.013304726743623</v>
      </c>
      <c r="E4700" cm="1">
        <f t="array" ref="E4700">IFERROR(INDEX(Jesper!AI$2:AI$366,ROUNDDOWN($C4700/24,0)+1,1)*INDEX($D$3:$AA$30,INDEX(Jesper!$R$2:$R$366,ROW(INDEX(Jesper!AI$2:AI$366,ROUNDDOWN($C4700/24,0)+1,1))-1)+IF('Standard Profiles'!$G$19=$B$10,7,0)+IF('Standard Profiles'!$G$19=$B$17,14,0)+IF('Standard Profiles'!$G$19=$B$24,21,0),MOD($C4700,24)+1)/SUM(INDEX($D$3:$AA$30,INDEX(Jesper!$R$2:$R$366,ROW(INDEX(Jesper!AI$2:AI$366,ROUNDDOWN($C4700/24,0)+1,1))-1)+IF('Standard Profiles'!$G$19=$B$10,7,0)+IF('Standard Profiles'!$G$19=$B$17,14,0)+IF('Standard Profiles'!$G$19=$B$24,21,0),0)),0)</f>
        <v>1.8720597343108123</v>
      </c>
      <c r="F4700" cm="1">
        <f t="array" ref="F4700">IFERROR(INDEX(Jesper!AJ$2:AJ$366,ROUNDDOWN($C4700/24,0)+1,1)*INDEX($D$3:$AA$30,INDEX(Jesper!$R$2:$R$366,ROW(INDEX(Jesper!AJ$2:AJ$366,ROUNDDOWN($C4700/24,0)+1,1))-1)+IF('Standard Profiles'!$G$20=$B$10,7,0)+IF('Standard Profiles'!$G$20=$B$17,14,0)+IF('Standard Profiles'!$G$20=$B$24,21,0),MOD($C4700,24)+1)/SUM(INDEX($D$3:$AA$30,INDEX(Jesper!$R$2:$R$366,ROW(INDEX(Jesper!AJ$2:AJ$366,ROUNDDOWN($C4700/24,0)+1,1))-1)+IF('Standard Profiles'!$G$20=$B$10,7,0)+IF('Standard Profiles'!$G$20=$B$17,14,0)+IF('Standard Profiles'!$G$20=$B$24,21,0),0)),0)</f>
        <v>0</v>
      </c>
      <c r="G4700" cm="1">
        <f t="array" ref="G4700">IFERROR(INDEX(Jesper!AK$2:AK$366,ROUNDDOWN($C4700/24,0)+1,1)*INDEX($D$3:$AA$30,INDEX(Jesper!$R$2:$R$366,ROW(INDEX(Jesper!AK$2:AK$366,ROUNDDOWN($C4700/24,0)+1,1))-1)+IF('Standard Profiles'!$G$21=$B$10,7,0)+IF('Standard Profiles'!$G$21=$B$17,14,0)+IF('Standard Profiles'!$G$21=$B$24,21,0),MOD($C4700,24)+1)/SUM(INDEX($D$3:$AA$30,INDEX(Jesper!$R$2:$R$366,ROW(INDEX(Jesper!AK$2:AK$366,ROUNDDOWN($C4700/24,0)+1,1))-1)+IF('Standard Profiles'!$G$21=$B$10,7,0)+IF('Standard Profiles'!$G$21=$B$17,14,0)+IF('Standard Profiles'!$G$21=$B$24,21,0),0)),0)</f>
        <v>0</v>
      </c>
      <c r="H4700" cm="1">
        <f t="array" ref="H4700">IFERROR(INDEX(Jesper!AL$2:AL$366,ROUNDDOWN($C4700/24,0)+1,1)*INDEX($D$3:$AA$30,INDEX(Jesper!$R$2:$R$366,ROW(INDEX(Jesper!AL$2:AL$366,ROUNDDOWN($C4700/24,0)+1,1))-1)+IF('Standard Profiles'!$G$22=$B$10,7,0)+IF('Standard Profiles'!$G$22=$B$17,14,0)+IF('Standard Profiles'!$G$22=$B$24,21,0),MOD($C4700,24)+1)/SUM(INDEX($D$3:$AA$30,INDEX(Jesper!$R$2:$R$366,ROW(INDEX(Jesper!AL$2:AL$366,ROUNDDOWN($C4700/24,0)+1,1))-1)+IF('Standard Profiles'!$G$22=$B$10,7,0)+IF('Standard Profiles'!$G$22=$B$17,14,0)+IF('Standard Profiles'!$G$22=$B$24,21,0),0)),0)</f>
        <v>0</v>
      </c>
      <c r="I4700">
        <f t="shared" si="524"/>
        <v>0.16865403011809124</v>
      </c>
      <c r="J4700">
        <f t="shared" si="525"/>
        <v>0.56218010039363753</v>
      </c>
      <c r="K4700">
        <f t="shared" si="526"/>
        <v>0.84327015059045629</v>
      </c>
      <c r="L4700">
        <f t="shared" si="527"/>
        <v>12.311260179952251</v>
      </c>
      <c r="M4700">
        <f t="shared" si="528"/>
        <v>0</v>
      </c>
      <c r="N4700" s="46">
        <f t="shared" si="529"/>
        <v>45486.41666665535</v>
      </c>
    </row>
    <row r="4701" spans="2:14" x14ac:dyDescent="0.3">
      <c r="B4701">
        <f t="shared" si="523"/>
        <v>6</v>
      </c>
      <c r="C4701" s="16">
        <v>4667</v>
      </c>
      <c r="D4701" cm="1">
        <f t="array" ref="D4701">IFERROR(INDEX(Jesper!AH$2:AH$366,ROUNDDOWN($C4701/24,0)+1,1)*INDEX($D$3:$AA$30,INDEX(Jesper!$R$2:$R$366,ROW(INDEX(Jesper!AH$2:AH$366,ROUNDDOWN($C4701/24,0)+1,1))-1)+IF('Standard Profiles'!$G$18=$B$10,7,0)+IF('Standard Profiles'!$G$18=$B$17,14,0)+IF('Standard Profiles'!$G$18=$B$24,21,0),MOD($C4701,24)+1)/SUM(INDEX($D$3:$AA$30,INDEX(Jesper!$R$2:$R$366,ROW(INDEX(Jesper!AH$2:AH$366,ROUNDDOWN($C4701/24,0)+1,1))-1)+IF('Standard Profiles'!$G$18=$B$10,7,0)+IF('Standard Profiles'!$G$18=$B$17,14,0)+IF('Standard Profiles'!$G$18=$B$24,21,0),0)),0)</f>
        <v>12.013304726743623</v>
      </c>
      <c r="E4701" cm="1">
        <f t="array" ref="E4701">IFERROR(INDEX(Jesper!AI$2:AI$366,ROUNDDOWN($C4701/24,0)+1,1)*INDEX($D$3:$AA$30,INDEX(Jesper!$R$2:$R$366,ROW(INDEX(Jesper!AI$2:AI$366,ROUNDDOWN($C4701/24,0)+1,1))-1)+IF('Standard Profiles'!$G$19=$B$10,7,0)+IF('Standard Profiles'!$G$19=$B$17,14,0)+IF('Standard Profiles'!$G$19=$B$24,21,0),MOD($C4701,24)+1)/SUM(INDEX($D$3:$AA$30,INDEX(Jesper!$R$2:$R$366,ROW(INDEX(Jesper!AI$2:AI$366,ROUNDDOWN($C4701/24,0)+1,1))-1)+IF('Standard Profiles'!$G$19=$B$10,7,0)+IF('Standard Profiles'!$G$19=$B$17,14,0)+IF('Standard Profiles'!$G$19=$B$24,21,0),0)),0)</f>
        <v>1.8720597343108123</v>
      </c>
      <c r="F4701" cm="1">
        <f t="array" ref="F4701">IFERROR(INDEX(Jesper!AJ$2:AJ$366,ROUNDDOWN($C4701/24,0)+1,1)*INDEX($D$3:$AA$30,INDEX(Jesper!$R$2:$R$366,ROW(INDEX(Jesper!AJ$2:AJ$366,ROUNDDOWN($C4701/24,0)+1,1))-1)+IF('Standard Profiles'!$G$20=$B$10,7,0)+IF('Standard Profiles'!$G$20=$B$17,14,0)+IF('Standard Profiles'!$G$20=$B$24,21,0),MOD($C4701,24)+1)/SUM(INDEX($D$3:$AA$30,INDEX(Jesper!$R$2:$R$366,ROW(INDEX(Jesper!AJ$2:AJ$366,ROUNDDOWN($C4701/24,0)+1,1))-1)+IF('Standard Profiles'!$G$20=$B$10,7,0)+IF('Standard Profiles'!$G$20=$B$17,14,0)+IF('Standard Profiles'!$G$20=$B$24,21,0),0)),0)</f>
        <v>0</v>
      </c>
      <c r="G4701" cm="1">
        <f t="array" ref="G4701">IFERROR(INDEX(Jesper!AK$2:AK$366,ROUNDDOWN($C4701/24,0)+1,1)*INDEX($D$3:$AA$30,INDEX(Jesper!$R$2:$R$366,ROW(INDEX(Jesper!AK$2:AK$366,ROUNDDOWN($C4701/24,0)+1,1))-1)+IF('Standard Profiles'!$G$21=$B$10,7,0)+IF('Standard Profiles'!$G$21=$B$17,14,0)+IF('Standard Profiles'!$G$21=$B$24,21,0),MOD($C4701,24)+1)/SUM(INDEX($D$3:$AA$30,INDEX(Jesper!$R$2:$R$366,ROW(INDEX(Jesper!AK$2:AK$366,ROUNDDOWN($C4701/24,0)+1,1))-1)+IF('Standard Profiles'!$G$21=$B$10,7,0)+IF('Standard Profiles'!$G$21=$B$17,14,0)+IF('Standard Profiles'!$G$21=$B$24,21,0),0)),0)</f>
        <v>0</v>
      </c>
      <c r="H4701" cm="1">
        <f t="array" ref="H4701">IFERROR(INDEX(Jesper!AL$2:AL$366,ROUNDDOWN($C4701/24,0)+1,1)*INDEX($D$3:$AA$30,INDEX(Jesper!$R$2:$R$366,ROW(INDEX(Jesper!AL$2:AL$366,ROUNDDOWN($C4701/24,0)+1,1))-1)+IF('Standard Profiles'!$G$22=$B$10,7,0)+IF('Standard Profiles'!$G$22=$B$17,14,0)+IF('Standard Profiles'!$G$22=$B$24,21,0),MOD($C4701,24)+1)/SUM(INDEX($D$3:$AA$30,INDEX(Jesper!$R$2:$R$366,ROW(INDEX(Jesper!AL$2:AL$366,ROUNDDOWN($C4701/24,0)+1,1))-1)+IF('Standard Profiles'!$G$22=$B$10,7,0)+IF('Standard Profiles'!$G$22=$B$17,14,0)+IF('Standard Profiles'!$G$22=$B$24,21,0),0)),0)</f>
        <v>0</v>
      </c>
      <c r="I4701">
        <f t="shared" si="524"/>
        <v>0.16865403011809124</v>
      </c>
      <c r="J4701">
        <f t="shared" si="525"/>
        <v>0.56218010039363753</v>
      </c>
      <c r="K4701">
        <f t="shared" si="526"/>
        <v>0.84327015059045629</v>
      </c>
      <c r="L4701">
        <f t="shared" si="527"/>
        <v>12.311260179952251</v>
      </c>
      <c r="M4701">
        <f t="shared" si="528"/>
        <v>0</v>
      </c>
      <c r="N4701" s="46">
        <f t="shared" si="529"/>
        <v>45486.458333322014</v>
      </c>
    </row>
    <row r="4702" spans="2:14" x14ac:dyDescent="0.3">
      <c r="B4702">
        <f t="shared" si="523"/>
        <v>6</v>
      </c>
      <c r="C4702" s="16">
        <v>4668</v>
      </c>
      <c r="D4702" cm="1">
        <f t="array" ref="D4702">IFERROR(INDEX(Jesper!AH$2:AH$366,ROUNDDOWN($C4702/24,0)+1,1)*INDEX($D$3:$AA$30,INDEX(Jesper!$R$2:$R$366,ROW(INDEX(Jesper!AH$2:AH$366,ROUNDDOWN($C4702/24,0)+1,1))-1)+IF('Standard Profiles'!$G$18=$B$10,7,0)+IF('Standard Profiles'!$G$18=$B$17,14,0)+IF('Standard Profiles'!$G$18=$B$24,21,0),MOD($C4702,24)+1)/SUM(INDEX($D$3:$AA$30,INDEX(Jesper!$R$2:$R$366,ROW(INDEX(Jesper!AH$2:AH$366,ROUNDDOWN($C4702/24,0)+1,1))-1)+IF('Standard Profiles'!$G$18=$B$10,7,0)+IF('Standard Profiles'!$G$18=$B$17,14,0)+IF('Standard Profiles'!$G$18=$B$24,21,0),0)),0)</f>
        <v>12.013304726743623</v>
      </c>
      <c r="E4702" cm="1">
        <f t="array" ref="E4702">IFERROR(INDEX(Jesper!AI$2:AI$366,ROUNDDOWN($C4702/24,0)+1,1)*INDEX($D$3:$AA$30,INDEX(Jesper!$R$2:$R$366,ROW(INDEX(Jesper!AI$2:AI$366,ROUNDDOWN($C4702/24,0)+1,1))-1)+IF('Standard Profiles'!$G$19=$B$10,7,0)+IF('Standard Profiles'!$G$19=$B$17,14,0)+IF('Standard Profiles'!$G$19=$B$24,21,0),MOD($C4702,24)+1)/SUM(INDEX($D$3:$AA$30,INDEX(Jesper!$R$2:$R$366,ROW(INDEX(Jesper!AI$2:AI$366,ROUNDDOWN($C4702/24,0)+1,1))-1)+IF('Standard Profiles'!$G$19=$B$10,7,0)+IF('Standard Profiles'!$G$19=$B$17,14,0)+IF('Standard Profiles'!$G$19=$B$24,21,0),0)),0)</f>
        <v>1.8720597343108123</v>
      </c>
      <c r="F4702" cm="1">
        <f t="array" ref="F4702">IFERROR(INDEX(Jesper!AJ$2:AJ$366,ROUNDDOWN($C4702/24,0)+1,1)*INDEX($D$3:$AA$30,INDEX(Jesper!$R$2:$R$366,ROW(INDEX(Jesper!AJ$2:AJ$366,ROUNDDOWN($C4702/24,0)+1,1))-1)+IF('Standard Profiles'!$G$20=$B$10,7,0)+IF('Standard Profiles'!$G$20=$B$17,14,0)+IF('Standard Profiles'!$G$20=$B$24,21,0),MOD($C4702,24)+1)/SUM(INDEX($D$3:$AA$30,INDEX(Jesper!$R$2:$R$366,ROW(INDEX(Jesper!AJ$2:AJ$366,ROUNDDOWN($C4702/24,0)+1,1))-1)+IF('Standard Profiles'!$G$20=$B$10,7,0)+IF('Standard Profiles'!$G$20=$B$17,14,0)+IF('Standard Profiles'!$G$20=$B$24,21,0),0)),0)</f>
        <v>0</v>
      </c>
      <c r="G4702" cm="1">
        <f t="array" ref="G4702">IFERROR(INDEX(Jesper!AK$2:AK$366,ROUNDDOWN($C4702/24,0)+1,1)*INDEX($D$3:$AA$30,INDEX(Jesper!$R$2:$R$366,ROW(INDEX(Jesper!AK$2:AK$366,ROUNDDOWN($C4702/24,0)+1,1))-1)+IF('Standard Profiles'!$G$21=$B$10,7,0)+IF('Standard Profiles'!$G$21=$B$17,14,0)+IF('Standard Profiles'!$G$21=$B$24,21,0),MOD($C4702,24)+1)/SUM(INDEX($D$3:$AA$30,INDEX(Jesper!$R$2:$R$366,ROW(INDEX(Jesper!AK$2:AK$366,ROUNDDOWN($C4702/24,0)+1,1))-1)+IF('Standard Profiles'!$G$21=$B$10,7,0)+IF('Standard Profiles'!$G$21=$B$17,14,0)+IF('Standard Profiles'!$G$21=$B$24,21,0),0)),0)</f>
        <v>0</v>
      </c>
      <c r="H4702" cm="1">
        <f t="array" ref="H4702">IFERROR(INDEX(Jesper!AL$2:AL$366,ROUNDDOWN($C4702/24,0)+1,1)*INDEX($D$3:$AA$30,INDEX(Jesper!$R$2:$R$366,ROW(INDEX(Jesper!AL$2:AL$366,ROUNDDOWN($C4702/24,0)+1,1))-1)+IF('Standard Profiles'!$G$22=$B$10,7,0)+IF('Standard Profiles'!$G$22=$B$17,14,0)+IF('Standard Profiles'!$G$22=$B$24,21,0),MOD($C4702,24)+1)/SUM(INDEX($D$3:$AA$30,INDEX(Jesper!$R$2:$R$366,ROW(INDEX(Jesper!AL$2:AL$366,ROUNDDOWN($C4702/24,0)+1,1))-1)+IF('Standard Profiles'!$G$22=$B$10,7,0)+IF('Standard Profiles'!$G$22=$B$17,14,0)+IF('Standard Profiles'!$G$22=$B$24,21,0),0)),0)</f>
        <v>0</v>
      </c>
      <c r="I4702">
        <f t="shared" si="524"/>
        <v>0.16865403011809124</v>
      </c>
      <c r="J4702">
        <f t="shared" si="525"/>
        <v>0.56218010039363753</v>
      </c>
      <c r="K4702">
        <f t="shared" si="526"/>
        <v>0.84327015059045629</v>
      </c>
      <c r="L4702">
        <f t="shared" si="527"/>
        <v>12.311260179952251</v>
      </c>
      <c r="M4702">
        <f t="shared" si="528"/>
        <v>0</v>
      </c>
      <c r="N4702" s="46">
        <f t="shared" si="529"/>
        <v>45486.499999988679</v>
      </c>
    </row>
    <row r="4703" spans="2:14" x14ac:dyDescent="0.3">
      <c r="B4703">
        <f t="shared" si="523"/>
        <v>6</v>
      </c>
      <c r="C4703" s="16">
        <v>4669</v>
      </c>
      <c r="D4703" cm="1">
        <f t="array" ref="D4703">IFERROR(INDEX(Jesper!AH$2:AH$366,ROUNDDOWN($C4703/24,0)+1,1)*INDEX($D$3:$AA$30,INDEX(Jesper!$R$2:$R$366,ROW(INDEX(Jesper!AH$2:AH$366,ROUNDDOWN($C4703/24,0)+1,1))-1)+IF('Standard Profiles'!$G$18=$B$10,7,0)+IF('Standard Profiles'!$G$18=$B$17,14,0)+IF('Standard Profiles'!$G$18=$B$24,21,0),MOD($C4703,24)+1)/SUM(INDEX($D$3:$AA$30,INDEX(Jesper!$R$2:$R$366,ROW(INDEX(Jesper!AH$2:AH$366,ROUNDDOWN($C4703/24,0)+1,1))-1)+IF('Standard Profiles'!$G$18=$B$10,7,0)+IF('Standard Profiles'!$G$18=$B$17,14,0)+IF('Standard Profiles'!$G$18=$B$24,21,0),0)),0)</f>
        <v>12.013304726743623</v>
      </c>
      <c r="E4703" cm="1">
        <f t="array" ref="E4703">IFERROR(INDEX(Jesper!AI$2:AI$366,ROUNDDOWN($C4703/24,0)+1,1)*INDEX($D$3:$AA$30,INDEX(Jesper!$R$2:$R$366,ROW(INDEX(Jesper!AI$2:AI$366,ROUNDDOWN($C4703/24,0)+1,1))-1)+IF('Standard Profiles'!$G$19=$B$10,7,0)+IF('Standard Profiles'!$G$19=$B$17,14,0)+IF('Standard Profiles'!$G$19=$B$24,21,0),MOD($C4703,24)+1)/SUM(INDEX($D$3:$AA$30,INDEX(Jesper!$R$2:$R$366,ROW(INDEX(Jesper!AI$2:AI$366,ROUNDDOWN($C4703/24,0)+1,1))-1)+IF('Standard Profiles'!$G$19=$B$10,7,0)+IF('Standard Profiles'!$G$19=$B$17,14,0)+IF('Standard Profiles'!$G$19=$B$24,21,0),0)),0)</f>
        <v>1.8720597343108123</v>
      </c>
      <c r="F4703" cm="1">
        <f t="array" ref="F4703">IFERROR(INDEX(Jesper!AJ$2:AJ$366,ROUNDDOWN($C4703/24,0)+1,1)*INDEX($D$3:$AA$30,INDEX(Jesper!$R$2:$R$366,ROW(INDEX(Jesper!AJ$2:AJ$366,ROUNDDOWN($C4703/24,0)+1,1))-1)+IF('Standard Profiles'!$G$20=$B$10,7,0)+IF('Standard Profiles'!$G$20=$B$17,14,0)+IF('Standard Profiles'!$G$20=$B$24,21,0),MOD($C4703,24)+1)/SUM(INDEX($D$3:$AA$30,INDEX(Jesper!$R$2:$R$366,ROW(INDEX(Jesper!AJ$2:AJ$366,ROUNDDOWN($C4703/24,0)+1,1))-1)+IF('Standard Profiles'!$G$20=$B$10,7,0)+IF('Standard Profiles'!$G$20=$B$17,14,0)+IF('Standard Profiles'!$G$20=$B$24,21,0),0)),0)</f>
        <v>0</v>
      </c>
      <c r="G4703" cm="1">
        <f t="array" ref="G4703">IFERROR(INDEX(Jesper!AK$2:AK$366,ROUNDDOWN($C4703/24,0)+1,1)*INDEX($D$3:$AA$30,INDEX(Jesper!$R$2:$R$366,ROW(INDEX(Jesper!AK$2:AK$366,ROUNDDOWN($C4703/24,0)+1,1))-1)+IF('Standard Profiles'!$G$21=$B$10,7,0)+IF('Standard Profiles'!$G$21=$B$17,14,0)+IF('Standard Profiles'!$G$21=$B$24,21,0),MOD($C4703,24)+1)/SUM(INDEX($D$3:$AA$30,INDEX(Jesper!$R$2:$R$366,ROW(INDEX(Jesper!AK$2:AK$366,ROUNDDOWN($C4703/24,0)+1,1))-1)+IF('Standard Profiles'!$G$21=$B$10,7,0)+IF('Standard Profiles'!$G$21=$B$17,14,0)+IF('Standard Profiles'!$G$21=$B$24,21,0),0)),0)</f>
        <v>0</v>
      </c>
      <c r="H4703" cm="1">
        <f t="array" ref="H4703">IFERROR(INDEX(Jesper!AL$2:AL$366,ROUNDDOWN($C4703/24,0)+1,1)*INDEX($D$3:$AA$30,INDEX(Jesper!$R$2:$R$366,ROW(INDEX(Jesper!AL$2:AL$366,ROUNDDOWN($C4703/24,0)+1,1))-1)+IF('Standard Profiles'!$G$22=$B$10,7,0)+IF('Standard Profiles'!$G$22=$B$17,14,0)+IF('Standard Profiles'!$G$22=$B$24,21,0),MOD($C4703,24)+1)/SUM(INDEX($D$3:$AA$30,INDEX(Jesper!$R$2:$R$366,ROW(INDEX(Jesper!AL$2:AL$366,ROUNDDOWN($C4703/24,0)+1,1))-1)+IF('Standard Profiles'!$G$22=$B$10,7,0)+IF('Standard Profiles'!$G$22=$B$17,14,0)+IF('Standard Profiles'!$G$22=$B$24,21,0),0)),0)</f>
        <v>0</v>
      </c>
      <c r="I4703">
        <f t="shared" si="524"/>
        <v>0.16865403011809124</v>
      </c>
      <c r="J4703">
        <f t="shared" si="525"/>
        <v>0.56218010039363753</v>
      </c>
      <c r="K4703">
        <f t="shared" si="526"/>
        <v>0.84327015059045629</v>
      </c>
      <c r="L4703">
        <f t="shared" si="527"/>
        <v>12.311260179952251</v>
      </c>
      <c r="M4703">
        <f t="shared" si="528"/>
        <v>0</v>
      </c>
      <c r="N4703" s="46">
        <f t="shared" si="529"/>
        <v>45486.541666655343</v>
      </c>
    </row>
    <row r="4704" spans="2:14" x14ac:dyDescent="0.3">
      <c r="B4704">
        <f t="shared" si="523"/>
        <v>6</v>
      </c>
      <c r="C4704" s="16">
        <v>4670</v>
      </c>
      <c r="D4704" cm="1">
        <f t="array" ref="D4704">IFERROR(INDEX(Jesper!AH$2:AH$366,ROUNDDOWN($C4704/24,0)+1,1)*INDEX($D$3:$AA$30,INDEX(Jesper!$R$2:$R$366,ROW(INDEX(Jesper!AH$2:AH$366,ROUNDDOWN($C4704/24,0)+1,1))-1)+IF('Standard Profiles'!$G$18=$B$10,7,0)+IF('Standard Profiles'!$G$18=$B$17,14,0)+IF('Standard Profiles'!$G$18=$B$24,21,0),MOD($C4704,24)+1)/SUM(INDEX($D$3:$AA$30,INDEX(Jesper!$R$2:$R$366,ROW(INDEX(Jesper!AH$2:AH$366,ROUNDDOWN($C4704/24,0)+1,1))-1)+IF('Standard Profiles'!$G$18=$B$10,7,0)+IF('Standard Profiles'!$G$18=$B$17,14,0)+IF('Standard Profiles'!$G$18=$B$24,21,0),0)),0)</f>
        <v>12.013304726743623</v>
      </c>
      <c r="E4704" cm="1">
        <f t="array" ref="E4704">IFERROR(INDEX(Jesper!AI$2:AI$366,ROUNDDOWN($C4704/24,0)+1,1)*INDEX($D$3:$AA$30,INDEX(Jesper!$R$2:$R$366,ROW(INDEX(Jesper!AI$2:AI$366,ROUNDDOWN($C4704/24,0)+1,1))-1)+IF('Standard Profiles'!$G$19=$B$10,7,0)+IF('Standard Profiles'!$G$19=$B$17,14,0)+IF('Standard Profiles'!$G$19=$B$24,21,0),MOD($C4704,24)+1)/SUM(INDEX($D$3:$AA$30,INDEX(Jesper!$R$2:$R$366,ROW(INDEX(Jesper!AI$2:AI$366,ROUNDDOWN($C4704/24,0)+1,1))-1)+IF('Standard Profiles'!$G$19=$B$10,7,0)+IF('Standard Profiles'!$G$19=$B$17,14,0)+IF('Standard Profiles'!$G$19=$B$24,21,0),0)),0)</f>
        <v>1.8720597343108123</v>
      </c>
      <c r="F4704" cm="1">
        <f t="array" ref="F4704">IFERROR(INDEX(Jesper!AJ$2:AJ$366,ROUNDDOWN($C4704/24,0)+1,1)*INDEX($D$3:$AA$30,INDEX(Jesper!$R$2:$R$366,ROW(INDEX(Jesper!AJ$2:AJ$366,ROUNDDOWN($C4704/24,0)+1,1))-1)+IF('Standard Profiles'!$G$20=$B$10,7,0)+IF('Standard Profiles'!$G$20=$B$17,14,0)+IF('Standard Profiles'!$G$20=$B$24,21,0),MOD($C4704,24)+1)/SUM(INDEX($D$3:$AA$30,INDEX(Jesper!$R$2:$R$366,ROW(INDEX(Jesper!AJ$2:AJ$366,ROUNDDOWN($C4704/24,0)+1,1))-1)+IF('Standard Profiles'!$G$20=$B$10,7,0)+IF('Standard Profiles'!$G$20=$B$17,14,0)+IF('Standard Profiles'!$G$20=$B$24,21,0),0)),0)</f>
        <v>0</v>
      </c>
      <c r="G4704" cm="1">
        <f t="array" ref="G4704">IFERROR(INDEX(Jesper!AK$2:AK$366,ROUNDDOWN($C4704/24,0)+1,1)*INDEX($D$3:$AA$30,INDEX(Jesper!$R$2:$R$366,ROW(INDEX(Jesper!AK$2:AK$366,ROUNDDOWN($C4704/24,0)+1,1))-1)+IF('Standard Profiles'!$G$21=$B$10,7,0)+IF('Standard Profiles'!$G$21=$B$17,14,0)+IF('Standard Profiles'!$G$21=$B$24,21,0),MOD($C4704,24)+1)/SUM(INDEX($D$3:$AA$30,INDEX(Jesper!$R$2:$R$366,ROW(INDEX(Jesper!AK$2:AK$366,ROUNDDOWN($C4704/24,0)+1,1))-1)+IF('Standard Profiles'!$G$21=$B$10,7,0)+IF('Standard Profiles'!$G$21=$B$17,14,0)+IF('Standard Profiles'!$G$21=$B$24,21,0),0)),0)</f>
        <v>0</v>
      </c>
      <c r="H4704" cm="1">
        <f t="array" ref="H4704">IFERROR(INDEX(Jesper!AL$2:AL$366,ROUNDDOWN($C4704/24,0)+1,1)*INDEX($D$3:$AA$30,INDEX(Jesper!$R$2:$R$366,ROW(INDEX(Jesper!AL$2:AL$366,ROUNDDOWN($C4704/24,0)+1,1))-1)+IF('Standard Profiles'!$G$22=$B$10,7,0)+IF('Standard Profiles'!$G$22=$B$17,14,0)+IF('Standard Profiles'!$G$22=$B$24,21,0),MOD($C4704,24)+1)/SUM(INDEX($D$3:$AA$30,INDEX(Jesper!$R$2:$R$366,ROW(INDEX(Jesper!AL$2:AL$366,ROUNDDOWN($C4704/24,0)+1,1))-1)+IF('Standard Profiles'!$G$22=$B$10,7,0)+IF('Standard Profiles'!$G$22=$B$17,14,0)+IF('Standard Profiles'!$G$22=$B$24,21,0),0)),0)</f>
        <v>0</v>
      </c>
      <c r="I4704">
        <f t="shared" si="524"/>
        <v>0.16865403011809124</v>
      </c>
      <c r="J4704">
        <f t="shared" si="525"/>
        <v>0.56218010039363753</v>
      </c>
      <c r="K4704">
        <f t="shared" si="526"/>
        <v>0.84327015059045629</v>
      </c>
      <c r="L4704">
        <f t="shared" si="527"/>
        <v>12.311260179952251</v>
      </c>
      <c r="M4704">
        <f t="shared" si="528"/>
        <v>0</v>
      </c>
      <c r="N4704" s="46">
        <f t="shared" si="529"/>
        <v>45486.583333322007</v>
      </c>
    </row>
    <row r="4705" spans="2:14" x14ac:dyDescent="0.3">
      <c r="B4705">
        <f t="shared" si="523"/>
        <v>6</v>
      </c>
      <c r="C4705" s="16">
        <v>4671</v>
      </c>
      <c r="D4705" cm="1">
        <f t="array" ref="D4705">IFERROR(INDEX(Jesper!AH$2:AH$366,ROUNDDOWN($C4705/24,0)+1,1)*INDEX($D$3:$AA$30,INDEX(Jesper!$R$2:$R$366,ROW(INDEX(Jesper!AH$2:AH$366,ROUNDDOWN($C4705/24,0)+1,1))-1)+IF('Standard Profiles'!$G$18=$B$10,7,0)+IF('Standard Profiles'!$G$18=$B$17,14,0)+IF('Standard Profiles'!$G$18=$B$24,21,0),MOD($C4705,24)+1)/SUM(INDEX($D$3:$AA$30,INDEX(Jesper!$R$2:$R$366,ROW(INDEX(Jesper!AH$2:AH$366,ROUNDDOWN($C4705/24,0)+1,1))-1)+IF('Standard Profiles'!$G$18=$B$10,7,0)+IF('Standard Profiles'!$G$18=$B$17,14,0)+IF('Standard Profiles'!$G$18=$B$24,21,0),0)),0)</f>
        <v>10.861343999521631</v>
      </c>
      <c r="E4705" cm="1">
        <f t="array" ref="E4705">IFERROR(INDEX(Jesper!AI$2:AI$366,ROUNDDOWN($C4705/24,0)+1,1)*INDEX($D$3:$AA$30,INDEX(Jesper!$R$2:$R$366,ROW(INDEX(Jesper!AI$2:AI$366,ROUNDDOWN($C4705/24,0)+1,1))-1)+IF('Standard Profiles'!$G$19=$B$10,7,0)+IF('Standard Profiles'!$G$19=$B$17,14,0)+IF('Standard Profiles'!$G$19=$B$24,21,0),MOD($C4705,24)+1)/SUM(INDEX($D$3:$AA$30,INDEX(Jesper!$R$2:$R$366,ROW(INDEX(Jesper!AI$2:AI$366,ROUNDDOWN($C4705/24,0)+1,1))-1)+IF('Standard Profiles'!$G$19=$B$10,7,0)+IF('Standard Profiles'!$G$19=$B$17,14,0)+IF('Standard Profiles'!$G$19=$B$24,21,0),0)),0)</f>
        <v>1.6925471570481316</v>
      </c>
      <c r="F4705" cm="1">
        <f t="array" ref="F4705">IFERROR(INDEX(Jesper!AJ$2:AJ$366,ROUNDDOWN($C4705/24,0)+1,1)*INDEX($D$3:$AA$30,INDEX(Jesper!$R$2:$R$366,ROW(INDEX(Jesper!AJ$2:AJ$366,ROUNDDOWN($C4705/24,0)+1,1))-1)+IF('Standard Profiles'!$G$20=$B$10,7,0)+IF('Standard Profiles'!$G$20=$B$17,14,0)+IF('Standard Profiles'!$G$20=$B$24,21,0),MOD($C4705,24)+1)/SUM(INDEX($D$3:$AA$30,INDEX(Jesper!$R$2:$R$366,ROW(INDEX(Jesper!AJ$2:AJ$366,ROUNDDOWN($C4705/24,0)+1,1))-1)+IF('Standard Profiles'!$G$20=$B$10,7,0)+IF('Standard Profiles'!$G$20=$B$17,14,0)+IF('Standard Profiles'!$G$20=$B$24,21,0),0)),0)</f>
        <v>0</v>
      </c>
      <c r="G4705" cm="1">
        <f t="array" ref="G4705">IFERROR(INDEX(Jesper!AK$2:AK$366,ROUNDDOWN($C4705/24,0)+1,1)*INDEX($D$3:$AA$30,INDEX(Jesper!$R$2:$R$366,ROW(INDEX(Jesper!AK$2:AK$366,ROUNDDOWN($C4705/24,0)+1,1))-1)+IF('Standard Profiles'!$G$21=$B$10,7,0)+IF('Standard Profiles'!$G$21=$B$17,14,0)+IF('Standard Profiles'!$G$21=$B$24,21,0),MOD($C4705,24)+1)/SUM(INDEX($D$3:$AA$30,INDEX(Jesper!$R$2:$R$366,ROW(INDEX(Jesper!AK$2:AK$366,ROUNDDOWN($C4705/24,0)+1,1))-1)+IF('Standard Profiles'!$G$21=$B$10,7,0)+IF('Standard Profiles'!$G$21=$B$17,14,0)+IF('Standard Profiles'!$G$21=$B$24,21,0),0)),0)</f>
        <v>0</v>
      </c>
      <c r="H4705" cm="1">
        <f t="array" ref="H4705">IFERROR(INDEX(Jesper!AL$2:AL$366,ROUNDDOWN($C4705/24,0)+1,1)*INDEX($D$3:$AA$30,INDEX(Jesper!$R$2:$R$366,ROW(INDEX(Jesper!AL$2:AL$366,ROUNDDOWN($C4705/24,0)+1,1))-1)+IF('Standard Profiles'!$G$22=$B$10,7,0)+IF('Standard Profiles'!$G$22=$B$17,14,0)+IF('Standard Profiles'!$G$22=$B$24,21,0),MOD($C4705,24)+1)/SUM(INDEX($D$3:$AA$30,INDEX(Jesper!$R$2:$R$366,ROW(INDEX(Jesper!AL$2:AL$366,ROUNDDOWN($C4705/24,0)+1,1))-1)+IF('Standard Profiles'!$G$22=$B$10,7,0)+IF('Standard Profiles'!$G$22=$B$17,14,0)+IF('Standard Profiles'!$G$22=$B$24,21,0),0)),0)</f>
        <v>0</v>
      </c>
      <c r="I4705">
        <f t="shared" si="524"/>
        <v>0.15248172586019207</v>
      </c>
      <c r="J4705">
        <f t="shared" si="525"/>
        <v>0.50827241953397362</v>
      </c>
      <c r="K4705">
        <f t="shared" si="526"/>
        <v>0.76240862930096054</v>
      </c>
      <c r="L4705">
        <f t="shared" si="527"/>
        <v>11.130728381874636</v>
      </c>
      <c r="M4705">
        <f t="shared" si="528"/>
        <v>0</v>
      </c>
      <c r="N4705" s="46">
        <f t="shared" si="529"/>
        <v>45486.624999988671</v>
      </c>
    </row>
    <row r="4706" spans="2:14" x14ac:dyDescent="0.3">
      <c r="B4706">
        <f t="shared" si="523"/>
        <v>6</v>
      </c>
      <c r="C4706" s="16">
        <v>4672</v>
      </c>
      <c r="D4706" cm="1">
        <f t="array" ref="D4706">IFERROR(INDEX(Jesper!AH$2:AH$366,ROUNDDOWN($C4706/24,0)+1,1)*INDEX($D$3:$AA$30,INDEX(Jesper!$R$2:$R$366,ROW(INDEX(Jesper!AH$2:AH$366,ROUNDDOWN($C4706/24,0)+1,1))-1)+IF('Standard Profiles'!$G$18=$B$10,7,0)+IF('Standard Profiles'!$G$18=$B$17,14,0)+IF('Standard Profiles'!$G$18=$B$24,21,0),MOD($C4706,24)+1)/SUM(INDEX($D$3:$AA$30,INDEX(Jesper!$R$2:$R$366,ROW(INDEX(Jesper!AH$2:AH$366,ROUNDDOWN($C4706/24,0)+1,1))-1)+IF('Standard Profiles'!$G$18=$B$10,7,0)+IF('Standard Profiles'!$G$18=$B$17,14,0)+IF('Standard Profiles'!$G$18=$B$24,21,0),0)),0)</f>
        <v>9.8739490904742109</v>
      </c>
      <c r="E4706" cm="1">
        <f t="array" ref="E4706">IFERROR(INDEX(Jesper!AI$2:AI$366,ROUNDDOWN($C4706/24,0)+1,1)*INDEX($D$3:$AA$30,INDEX(Jesper!$R$2:$R$366,ROW(INDEX(Jesper!AI$2:AI$366,ROUNDDOWN($C4706/24,0)+1,1))-1)+IF('Standard Profiles'!$G$19=$B$10,7,0)+IF('Standard Profiles'!$G$19=$B$17,14,0)+IF('Standard Profiles'!$G$19=$B$24,21,0),MOD($C4706,24)+1)/SUM(INDEX($D$3:$AA$30,INDEX(Jesper!$R$2:$R$366,ROW(INDEX(Jesper!AI$2:AI$366,ROUNDDOWN($C4706/24,0)+1,1))-1)+IF('Standard Profiles'!$G$19=$B$10,7,0)+IF('Standard Profiles'!$G$19=$B$17,14,0)+IF('Standard Profiles'!$G$19=$B$24,21,0),0)),0)</f>
        <v>1.5386792336801198</v>
      </c>
      <c r="F4706" cm="1">
        <f t="array" ref="F4706">IFERROR(INDEX(Jesper!AJ$2:AJ$366,ROUNDDOWN($C4706/24,0)+1,1)*INDEX($D$3:$AA$30,INDEX(Jesper!$R$2:$R$366,ROW(INDEX(Jesper!AJ$2:AJ$366,ROUNDDOWN($C4706/24,0)+1,1))-1)+IF('Standard Profiles'!$G$20=$B$10,7,0)+IF('Standard Profiles'!$G$20=$B$17,14,0)+IF('Standard Profiles'!$G$20=$B$24,21,0),MOD($C4706,24)+1)/SUM(INDEX($D$3:$AA$30,INDEX(Jesper!$R$2:$R$366,ROW(INDEX(Jesper!AJ$2:AJ$366,ROUNDDOWN($C4706/24,0)+1,1))-1)+IF('Standard Profiles'!$G$20=$B$10,7,0)+IF('Standard Profiles'!$G$20=$B$17,14,0)+IF('Standard Profiles'!$G$20=$B$24,21,0),0)),0)</f>
        <v>0</v>
      </c>
      <c r="G4706" cm="1">
        <f t="array" ref="G4706">IFERROR(INDEX(Jesper!AK$2:AK$366,ROUNDDOWN($C4706/24,0)+1,1)*INDEX($D$3:$AA$30,INDEX(Jesper!$R$2:$R$366,ROW(INDEX(Jesper!AK$2:AK$366,ROUNDDOWN($C4706/24,0)+1,1))-1)+IF('Standard Profiles'!$G$21=$B$10,7,0)+IF('Standard Profiles'!$G$21=$B$17,14,0)+IF('Standard Profiles'!$G$21=$B$24,21,0),MOD($C4706,24)+1)/SUM(INDEX($D$3:$AA$30,INDEX(Jesper!$R$2:$R$366,ROW(INDEX(Jesper!AK$2:AK$366,ROUNDDOWN($C4706/24,0)+1,1))-1)+IF('Standard Profiles'!$G$21=$B$10,7,0)+IF('Standard Profiles'!$G$21=$B$17,14,0)+IF('Standard Profiles'!$G$21=$B$24,21,0),0)),0)</f>
        <v>0</v>
      </c>
      <c r="H4706" cm="1">
        <f t="array" ref="H4706">IFERROR(INDEX(Jesper!AL$2:AL$366,ROUNDDOWN($C4706/24,0)+1,1)*INDEX($D$3:$AA$30,INDEX(Jesper!$R$2:$R$366,ROW(INDEX(Jesper!AL$2:AL$366,ROUNDDOWN($C4706/24,0)+1,1))-1)+IF('Standard Profiles'!$G$22=$B$10,7,0)+IF('Standard Profiles'!$G$22=$B$17,14,0)+IF('Standard Profiles'!$G$22=$B$24,21,0),MOD($C4706,24)+1)/SUM(INDEX($D$3:$AA$30,INDEX(Jesper!$R$2:$R$366,ROW(INDEX(Jesper!AL$2:AL$366,ROUNDDOWN($C4706/24,0)+1,1))-1)+IF('Standard Profiles'!$G$22=$B$10,7,0)+IF('Standard Profiles'!$G$22=$B$17,14,0)+IF('Standard Profiles'!$G$22=$B$24,21,0),0)),0)</f>
        <v>0</v>
      </c>
      <c r="I4706">
        <f t="shared" si="524"/>
        <v>0.13861975078199282</v>
      </c>
      <c r="J4706">
        <f t="shared" si="525"/>
        <v>0.46206583593997608</v>
      </c>
      <c r="K4706">
        <f t="shared" si="526"/>
        <v>0.69309875390996412</v>
      </c>
      <c r="L4706">
        <f t="shared" si="527"/>
        <v>10.118843983522398</v>
      </c>
      <c r="M4706">
        <f t="shared" si="528"/>
        <v>0</v>
      </c>
      <c r="N4706" s="46">
        <f t="shared" si="529"/>
        <v>45486.666666655336</v>
      </c>
    </row>
    <row r="4707" spans="2:14" x14ac:dyDescent="0.3">
      <c r="B4707">
        <f t="shared" ref="B4707:B4770" si="530">WEEKDAY(N4707,2)</f>
        <v>6</v>
      </c>
      <c r="C4707" s="16">
        <v>4673</v>
      </c>
      <c r="D4707" cm="1">
        <f t="array" ref="D4707">IFERROR(INDEX(Jesper!AH$2:AH$366,ROUNDDOWN($C4707/24,0)+1,1)*INDEX($D$3:$AA$30,INDEX(Jesper!$R$2:$R$366,ROW(INDEX(Jesper!AH$2:AH$366,ROUNDDOWN($C4707/24,0)+1,1))-1)+IF('Standard Profiles'!$G$18=$B$10,7,0)+IF('Standard Profiles'!$G$18=$B$17,14,0)+IF('Standard Profiles'!$G$18=$B$24,21,0),MOD($C4707,24)+1)/SUM(INDEX($D$3:$AA$30,INDEX(Jesper!$R$2:$R$366,ROW(INDEX(Jesper!AH$2:AH$366,ROUNDDOWN($C4707/24,0)+1,1))-1)+IF('Standard Profiles'!$G$18=$B$10,7,0)+IF('Standard Profiles'!$G$18=$B$17,14,0)+IF('Standard Profiles'!$G$18=$B$24,21,0),0)),0)</f>
        <v>8.8865541814267903</v>
      </c>
      <c r="E4707" cm="1">
        <f t="array" ref="E4707">IFERROR(INDEX(Jesper!AI$2:AI$366,ROUNDDOWN($C4707/24,0)+1,1)*INDEX($D$3:$AA$30,INDEX(Jesper!$R$2:$R$366,ROW(INDEX(Jesper!AI$2:AI$366,ROUNDDOWN($C4707/24,0)+1,1))-1)+IF('Standard Profiles'!$G$19=$B$10,7,0)+IF('Standard Profiles'!$G$19=$B$17,14,0)+IF('Standard Profiles'!$G$19=$B$24,21,0),MOD($C4707,24)+1)/SUM(INDEX($D$3:$AA$30,INDEX(Jesper!$R$2:$R$366,ROW(INDEX(Jesper!AI$2:AI$366,ROUNDDOWN($C4707/24,0)+1,1))-1)+IF('Standard Profiles'!$G$19=$B$10,7,0)+IF('Standard Profiles'!$G$19=$B$17,14,0)+IF('Standard Profiles'!$G$19=$B$24,21,0),0)),0)</f>
        <v>1.3848113103121078</v>
      </c>
      <c r="F4707" cm="1">
        <f t="array" ref="F4707">IFERROR(INDEX(Jesper!AJ$2:AJ$366,ROUNDDOWN($C4707/24,0)+1,1)*INDEX($D$3:$AA$30,INDEX(Jesper!$R$2:$R$366,ROW(INDEX(Jesper!AJ$2:AJ$366,ROUNDDOWN($C4707/24,0)+1,1))-1)+IF('Standard Profiles'!$G$20=$B$10,7,0)+IF('Standard Profiles'!$G$20=$B$17,14,0)+IF('Standard Profiles'!$G$20=$B$24,21,0),MOD($C4707,24)+1)/SUM(INDEX($D$3:$AA$30,INDEX(Jesper!$R$2:$R$366,ROW(INDEX(Jesper!AJ$2:AJ$366,ROUNDDOWN($C4707/24,0)+1,1))-1)+IF('Standard Profiles'!$G$20=$B$10,7,0)+IF('Standard Profiles'!$G$20=$B$17,14,0)+IF('Standard Profiles'!$G$20=$B$24,21,0),0)),0)</f>
        <v>0</v>
      </c>
      <c r="G4707" cm="1">
        <f t="array" ref="G4707">IFERROR(INDEX(Jesper!AK$2:AK$366,ROUNDDOWN($C4707/24,0)+1,1)*INDEX($D$3:$AA$30,INDEX(Jesper!$R$2:$R$366,ROW(INDEX(Jesper!AK$2:AK$366,ROUNDDOWN($C4707/24,0)+1,1))-1)+IF('Standard Profiles'!$G$21=$B$10,7,0)+IF('Standard Profiles'!$G$21=$B$17,14,0)+IF('Standard Profiles'!$G$21=$B$24,21,0),MOD($C4707,24)+1)/SUM(INDEX($D$3:$AA$30,INDEX(Jesper!$R$2:$R$366,ROW(INDEX(Jesper!AK$2:AK$366,ROUNDDOWN($C4707/24,0)+1,1))-1)+IF('Standard Profiles'!$G$21=$B$10,7,0)+IF('Standard Profiles'!$G$21=$B$17,14,0)+IF('Standard Profiles'!$G$21=$B$24,21,0),0)),0)</f>
        <v>0</v>
      </c>
      <c r="H4707" cm="1">
        <f t="array" ref="H4707">IFERROR(INDEX(Jesper!AL$2:AL$366,ROUNDDOWN($C4707/24,0)+1,1)*INDEX($D$3:$AA$30,INDEX(Jesper!$R$2:$R$366,ROW(INDEX(Jesper!AL$2:AL$366,ROUNDDOWN($C4707/24,0)+1,1))-1)+IF('Standard Profiles'!$G$22=$B$10,7,0)+IF('Standard Profiles'!$G$22=$B$17,14,0)+IF('Standard Profiles'!$G$22=$B$24,21,0),MOD($C4707,24)+1)/SUM(INDEX($D$3:$AA$30,INDEX(Jesper!$R$2:$R$366,ROW(INDEX(Jesper!AL$2:AL$366,ROUNDDOWN($C4707/24,0)+1,1))-1)+IF('Standard Profiles'!$G$22=$B$10,7,0)+IF('Standard Profiles'!$G$22=$B$17,14,0)+IF('Standard Profiles'!$G$22=$B$24,21,0),0)),0)</f>
        <v>0</v>
      </c>
      <c r="I4707">
        <f t="shared" ref="I4707:I4770" si="531">IF($B4707&lt;6,AC$37*$D4707+AC$38*$E4707+AC$39*$F4707+AC$40*$G4707,AC$46*$D4707+AC$47*$E4707+AC$48*$F4707+AC$49*$G4707+AC$50*$H4707)</f>
        <v>0.12475777570379352</v>
      </c>
      <c r="J4707">
        <f t="shared" ref="J4707:J4770" si="532">IF($B4707&lt;6,AD$37*$D4707+AD$38*$E4707+AD$39*$F4707+AD$40*$G4707,AD$46*$D4707+AD$47*$E4707+AD$48*$F4707+AD$49*$G4707+AD$50*$H4707)</f>
        <v>0.41585925234597848</v>
      </c>
      <c r="K4707">
        <f t="shared" ref="K4707:K4770" si="533">IF($B4707&lt;6,AE$37*$D4707+AE$38*$E4707+AE$39*$F4707+AE$40*$G4707,AE$46*$D4707+AE$47*$E4707+AE$48*$F4707+AE$49*$G4707+AE$50*$H4707)</f>
        <v>0.62378887851896769</v>
      </c>
      <c r="L4707">
        <f t="shared" ref="L4707:L4770" si="534">IF($B4707&lt;6,AF$37*$D4707+AF$38*$E4707+AF$39*$F4707+AF$40*$G4707,AF$46*$D4707+AF$47*$E4707+AF$48*$F4707+AF$49*$G4707+AF$50*$H4707)</f>
        <v>9.1069595851701592</v>
      </c>
      <c r="M4707">
        <f t="shared" ref="M4707:M4770" si="535">IF($B4707&lt;6,AG$37*$D4707+AG$38*$E4707+AG$39*$F4707+AG$40*$G4707,AG$46*$D4707+AG$47*$E4707+AG$48*$F4707+AG$49*$G4707+AG$50*$H4707)</f>
        <v>0</v>
      </c>
      <c r="N4707" s="46">
        <f t="shared" si="529"/>
        <v>45486.708333322</v>
      </c>
    </row>
    <row r="4708" spans="2:14" x14ac:dyDescent="0.3">
      <c r="B4708">
        <f t="shared" si="530"/>
        <v>6</v>
      </c>
      <c r="C4708" s="16">
        <v>4674</v>
      </c>
      <c r="D4708" cm="1">
        <f t="array" ref="D4708">IFERROR(INDEX(Jesper!AH$2:AH$366,ROUNDDOWN($C4708/24,0)+1,1)*INDEX($D$3:$AA$30,INDEX(Jesper!$R$2:$R$366,ROW(INDEX(Jesper!AH$2:AH$366,ROUNDDOWN($C4708/24,0)+1,1))-1)+IF('Standard Profiles'!$G$18=$B$10,7,0)+IF('Standard Profiles'!$G$18=$B$17,14,0)+IF('Standard Profiles'!$G$18=$B$24,21,0),MOD($C4708,24)+1)/SUM(INDEX($D$3:$AA$30,INDEX(Jesper!$R$2:$R$366,ROW(INDEX(Jesper!AH$2:AH$366,ROUNDDOWN($C4708/24,0)+1,1))-1)+IF('Standard Profiles'!$G$18=$B$10,7,0)+IF('Standard Profiles'!$G$18=$B$17,14,0)+IF('Standard Profiles'!$G$18=$B$24,21,0),0)),0)</f>
        <v>8.5574225450776478</v>
      </c>
      <c r="E4708" cm="1">
        <f t="array" ref="E4708">IFERROR(INDEX(Jesper!AI$2:AI$366,ROUNDDOWN($C4708/24,0)+1,1)*INDEX($D$3:$AA$30,INDEX(Jesper!$R$2:$R$366,ROW(INDEX(Jesper!AI$2:AI$366,ROUNDDOWN($C4708/24,0)+1,1))-1)+IF('Standard Profiles'!$G$19=$B$10,7,0)+IF('Standard Profiles'!$G$19=$B$17,14,0)+IF('Standard Profiles'!$G$19=$B$24,21,0),MOD($C4708,24)+1)/SUM(INDEX($D$3:$AA$30,INDEX(Jesper!$R$2:$R$366,ROW(INDEX(Jesper!AI$2:AI$366,ROUNDDOWN($C4708/24,0)+1,1))-1)+IF('Standard Profiles'!$G$19=$B$10,7,0)+IF('Standard Profiles'!$G$19=$B$17,14,0)+IF('Standard Profiles'!$G$19=$B$24,21,0),0)),0)</f>
        <v>1.3335220025227703</v>
      </c>
      <c r="F4708" cm="1">
        <f t="array" ref="F4708">IFERROR(INDEX(Jesper!AJ$2:AJ$366,ROUNDDOWN($C4708/24,0)+1,1)*INDEX($D$3:$AA$30,INDEX(Jesper!$R$2:$R$366,ROW(INDEX(Jesper!AJ$2:AJ$366,ROUNDDOWN($C4708/24,0)+1,1))-1)+IF('Standard Profiles'!$G$20=$B$10,7,0)+IF('Standard Profiles'!$G$20=$B$17,14,0)+IF('Standard Profiles'!$G$20=$B$24,21,0),MOD($C4708,24)+1)/SUM(INDEX($D$3:$AA$30,INDEX(Jesper!$R$2:$R$366,ROW(INDEX(Jesper!AJ$2:AJ$366,ROUNDDOWN($C4708/24,0)+1,1))-1)+IF('Standard Profiles'!$G$20=$B$10,7,0)+IF('Standard Profiles'!$G$20=$B$17,14,0)+IF('Standard Profiles'!$G$20=$B$24,21,0),0)),0)</f>
        <v>0</v>
      </c>
      <c r="G4708" cm="1">
        <f t="array" ref="G4708">IFERROR(INDEX(Jesper!AK$2:AK$366,ROUNDDOWN($C4708/24,0)+1,1)*INDEX($D$3:$AA$30,INDEX(Jesper!$R$2:$R$366,ROW(INDEX(Jesper!AK$2:AK$366,ROUNDDOWN($C4708/24,0)+1,1))-1)+IF('Standard Profiles'!$G$21=$B$10,7,0)+IF('Standard Profiles'!$G$21=$B$17,14,0)+IF('Standard Profiles'!$G$21=$B$24,21,0),MOD($C4708,24)+1)/SUM(INDEX($D$3:$AA$30,INDEX(Jesper!$R$2:$R$366,ROW(INDEX(Jesper!AK$2:AK$366,ROUNDDOWN($C4708/24,0)+1,1))-1)+IF('Standard Profiles'!$G$21=$B$10,7,0)+IF('Standard Profiles'!$G$21=$B$17,14,0)+IF('Standard Profiles'!$G$21=$B$24,21,0),0)),0)</f>
        <v>0</v>
      </c>
      <c r="H4708" cm="1">
        <f t="array" ref="H4708">IFERROR(INDEX(Jesper!AL$2:AL$366,ROUNDDOWN($C4708/24,0)+1,1)*INDEX($D$3:$AA$30,INDEX(Jesper!$R$2:$R$366,ROW(INDEX(Jesper!AL$2:AL$366,ROUNDDOWN($C4708/24,0)+1,1))-1)+IF('Standard Profiles'!$G$22=$B$10,7,0)+IF('Standard Profiles'!$G$22=$B$17,14,0)+IF('Standard Profiles'!$G$22=$B$24,21,0),MOD($C4708,24)+1)/SUM(INDEX($D$3:$AA$30,INDEX(Jesper!$R$2:$R$366,ROW(INDEX(Jesper!AL$2:AL$366,ROUNDDOWN($C4708/24,0)+1,1))-1)+IF('Standard Profiles'!$G$22=$B$10,7,0)+IF('Standard Profiles'!$G$22=$B$17,14,0)+IF('Standard Profiles'!$G$22=$B$24,21,0),0)),0)</f>
        <v>0</v>
      </c>
      <c r="I4708">
        <f t="shared" si="531"/>
        <v>0.12013711734439375</v>
      </c>
      <c r="J4708">
        <f t="shared" si="532"/>
        <v>0.40045705781464591</v>
      </c>
      <c r="K4708">
        <f t="shared" si="533"/>
        <v>0.60068558672196881</v>
      </c>
      <c r="L4708">
        <f t="shared" si="534"/>
        <v>8.7696647857194101</v>
      </c>
      <c r="M4708">
        <f t="shared" si="535"/>
        <v>0</v>
      </c>
      <c r="N4708" s="46">
        <f t="shared" ref="N4708:N4771" si="536">N4707+1/24</f>
        <v>45486.749999988664</v>
      </c>
    </row>
    <row r="4709" spans="2:14" x14ac:dyDescent="0.3">
      <c r="B4709">
        <f t="shared" si="530"/>
        <v>6</v>
      </c>
      <c r="C4709" s="16">
        <v>4675</v>
      </c>
      <c r="D4709" cm="1">
        <f t="array" ref="D4709">IFERROR(INDEX(Jesper!AH$2:AH$366,ROUNDDOWN($C4709/24,0)+1,1)*INDEX($D$3:$AA$30,INDEX(Jesper!$R$2:$R$366,ROW(INDEX(Jesper!AH$2:AH$366,ROUNDDOWN($C4709/24,0)+1,1))-1)+IF('Standard Profiles'!$G$18=$B$10,7,0)+IF('Standard Profiles'!$G$18=$B$17,14,0)+IF('Standard Profiles'!$G$18=$B$24,21,0),MOD($C4709,24)+1)/SUM(INDEX($D$3:$AA$30,INDEX(Jesper!$R$2:$R$366,ROW(INDEX(Jesper!AH$2:AH$366,ROUNDDOWN($C4709/24,0)+1,1))-1)+IF('Standard Profiles'!$G$18=$B$10,7,0)+IF('Standard Profiles'!$G$18=$B$17,14,0)+IF('Standard Profiles'!$G$18=$B$24,21,0),0)),0)</f>
        <v>6.9117643633319465</v>
      </c>
      <c r="E4709" cm="1">
        <f t="array" ref="E4709">IFERROR(INDEX(Jesper!AI$2:AI$366,ROUNDDOWN($C4709/24,0)+1,1)*INDEX($D$3:$AA$30,INDEX(Jesper!$R$2:$R$366,ROW(INDEX(Jesper!AI$2:AI$366,ROUNDDOWN($C4709/24,0)+1,1))-1)+IF('Standard Profiles'!$G$19=$B$10,7,0)+IF('Standard Profiles'!$G$19=$B$17,14,0)+IF('Standard Profiles'!$G$19=$B$24,21,0),MOD($C4709,24)+1)/SUM(INDEX($D$3:$AA$30,INDEX(Jesper!$R$2:$R$366,ROW(INDEX(Jesper!AI$2:AI$366,ROUNDDOWN($C4709/24,0)+1,1))-1)+IF('Standard Profiles'!$G$19=$B$10,7,0)+IF('Standard Profiles'!$G$19=$B$17,14,0)+IF('Standard Profiles'!$G$19=$B$24,21,0),0)),0)</f>
        <v>1.0770754635760837</v>
      </c>
      <c r="F4709" cm="1">
        <f t="array" ref="F4709">IFERROR(INDEX(Jesper!AJ$2:AJ$366,ROUNDDOWN($C4709/24,0)+1,1)*INDEX($D$3:$AA$30,INDEX(Jesper!$R$2:$R$366,ROW(INDEX(Jesper!AJ$2:AJ$366,ROUNDDOWN($C4709/24,0)+1,1))-1)+IF('Standard Profiles'!$G$20=$B$10,7,0)+IF('Standard Profiles'!$G$20=$B$17,14,0)+IF('Standard Profiles'!$G$20=$B$24,21,0),MOD($C4709,24)+1)/SUM(INDEX($D$3:$AA$30,INDEX(Jesper!$R$2:$R$366,ROW(INDEX(Jesper!AJ$2:AJ$366,ROUNDDOWN($C4709/24,0)+1,1))-1)+IF('Standard Profiles'!$G$20=$B$10,7,0)+IF('Standard Profiles'!$G$20=$B$17,14,0)+IF('Standard Profiles'!$G$20=$B$24,21,0),0)),0)</f>
        <v>0</v>
      </c>
      <c r="G4709" cm="1">
        <f t="array" ref="G4709">IFERROR(INDEX(Jesper!AK$2:AK$366,ROUNDDOWN($C4709/24,0)+1,1)*INDEX($D$3:$AA$30,INDEX(Jesper!$R$2:$R$366,ROW(INDEX(Jesper!AK$2:AK$366,ROUNDDOWN($C4709/24,0)+1,1))-1)+IF('Standard Profiles'!$G$21=$B$10,7,0)+IF('Standard Profiles'!$G$21=$B$17,14,0)+IF('Standard Profiles'!$G$21=$B$24,21,0),MOD($C4709,24)+1)/SUM(INDEX($D$3:$AA$30,INDEX(Jesper!$R$2:$R$366,ROW(INDEX(Jesper!AK$2:AK$366,ROUNDDOWN($C4709/24,0)+1,1))-1)+IF('Standard Profiles'!$G$21=$B$10,7,0)+IF('Standard Profiles'!$G$21=$B$17,14,0)+IF('Standard Profiles'!$G$21=$B$24,21,0),0)),0)</f>
        <v>0</v>
      </c>
      <c r="H4709" cm="1">
        <f t="array" ref="H4709">IFERROR(INDEX(Jesper!AL$2:AL$366,ROUNDDOWN($C4709/24,0)+1,1)*INDEX($D$3:$AA$30,INDEX(Jesper!$R$2:$R$366,ROW(INDEX(Jesper!AL$2:AL$366,ROUNDDOWN($C4709/24,0)+1,1))-1)+IF('Standard Profiles'!$G$22=$B$10,7,0)+IF('Standard Profiles'!$G$22=$B$17,14,0)+IF('Standard Profiles'!$G$22=$B$24,21,0),MOD($C4709,24)+1)/SUM(INDEX($D$3:$AA$30,INDEX(Jesper!$R$2:$R$366,ROW(INDEX(Jesper!AL$2:AL$366,ROUNDDOWN($C4709/24,0)+1,1))-1)+IF('Standard Profiles'!$G$22=$B$10,7,0)+IF('Standard Profiles'!$G$22=$B$17,14,0)+IF('Standard Profiles'!$G$22=$B$24,21,0),0)),0)</f>
        <v>0</v>
      </c>
      <c r="I4709">
        <f t="shared" si="531"/>
        <v>9.7033825547394953E-2</v>
      </c>
      <c r="J4709">
        <f t="shared" si="532"/>
        <v>0.32344608515798323</v>
      </c>
      <c r="K4709">
        <f t="shared" si="533"/>
        <v>0.48516912773697485</v>
      </c>
      <c r="L4709">
        <f t="shared" si="534"/>
        <v>7.0831907884656777</v>
      </c>
      <c r="M4709">
        <f t="shared" si="535"/>
        <v>0</v>
      </c>
      <c r="N4709" s="46">
        <f t="shared" si="536"/>
        <v>45486.791666655328</v>
      </c>
    </row>
    <row r="4710" spans="2:14" x14ac:dyDescent="0.3">
      <c r="B4710">
        <f t="shared" si="530"/>
        <v>6</v>
      </c>
      <c r="C4710" s="16">
        <v>4676</v>
      </c>
      <c r="D4710" cm="1">
        <f t="array" ref="D4710">IFERROR(INDEX(Jesper!AH$2:AH$366,ROUNDDOWN($C4710/24,0)+1,1)*INDEX($D$3:$AA$30,INDEX(Jesper!$R$2:$R$366,ROW(INDEX(Jesper!AH$2:AH$366,ROUNDDOWN($C4710/24,0)+1,1))-1)+IF('Standard Profiles'!$G$18=$B$10,7,0)+IF('Standard Profiles'!$G$18=$B$17,14,0)+IF('Standard Profiles'!$G$18=$B$24,21,0),MOD($C4710,24)+1)/SUM(INDEX($D$3:$AA$30,INDEX(Jesper!$R$2:$R$366,ROW(INDEX(Jesper!AH$2:AH$366,ROUNDDOWN($C4710/24,0)+1,1))-1)+IF('Standard Profiles'!$G$18=$B$10,7,0)+IF('Standard Profiles'!$G$18=$B$17,14,0)+IF('Standard Profiles'!$G$18=$B$24,21,0),0)),0)</f>
        <v>5.1015403634116749</v>
      </c>
      <c r="E4710" cm="1">
        <f t="array" ref="E4710">IFERROR(INDEX(Jesper!AI$2:AI$366,ROUNDDOWN($C4710/24,0)+1,1)*INDEX($D$3:$AA$30,INDEX(Jesper!$R$2:$R$366,ROW(INDEX(Jesper!AI$2:AI$366,ROUNDDOWN($C4710/24,0)+1,1))-1)+IF('Standard Profiles'!$G$19=$B$10,7,0)+IF('Standard Profiles'!$G$19=$B$17,14,0)+IF('Standard Profiles'!$G$19=$B$24,21,0),MOD($C4710,24)+1)/SUM(INDEX($D$3:$AA$30,INDEX(Jesper!$R$2:$R$366,ROW(INDEX(Jesper!AI$2:AI$366,ROUNDDOWN($C4710/24,0)+1,1))-1)+IF('Standard Profiles'!$G$19=$B$10,7,0)+IF('Standard Profiles'!$G$19=$B$17,14,0)+IF('Standard Profiles'!$G$19=$B$24,21,0),0)),0)</f>
        <v>0.79498427073472844</v>
      </c>
      <c r="F4710" cm="1">
        <f t="array" ref="F4710">IFERROR(INDEX(Jesper!AJ$2:AJ$366,ROUNDDOWN($C4710/24,0)+1,1)*INDEX($D$3:$AA$30,INDEX(Jesper!$R$2:$R$366,ROW(INDEX(Jesper!AJ$2:AJ$366,ROUNDDOWN($C4710/24,0)+1,1))-1)+IF('Standard Profiles'!$G$20=$B$10,7,0)+IF('Standard Profiles'!$G$20=$B$17,14,0)+IF('Standard Profiles'!$G$20=$B$24,21,0),MOD($C4710,24)+1)/SUM(INDEX($D$3:$AA$30,INDEX(Jesper!$R$2:$R$366,ROW(INDEX(Jesper!AJ$2:AJ$366,ROUNDDOWN($C4710/24,0)+1,1))-1)+IF('Standard Profiles'!$G$20=$B$10,7,0)+IF('Standard Profiles'!$G$20=$B$17,14,0)+IF('Standard Profiles'!$G$20=$B$24,21,0),0)),0)</f>
        <v>0</v>
      </c>
      <c r="G4710" cm="1">
        <f t="array" ref="G4710">IFERROR(INDEX(Jesper!AK$2:AK$366,ROUNDDOWN($C4710/24,0)+1,1)*INDEX($D$3:$AA$30,INDEX(Jesper!$R$2:$R$366,ROW(INDEX(Jesper!AK$2:AK$366,ROUNDDOWN($C4710/24,0)+1,1))-1)+IF('Standard Profiles'!$G$21=$B$10,7,0)+IF('Standard Profiles'!$G$21=$B$17,14,0)+IF('Standard Profiles'!$G$21=$B$24,21,0),MOD($C4710,24)+1)/SUM(INDEX($D$3:$AA$30,INDEX(Jesper!$R$2:$R$366,ROW(INDEX(Jesper!AK$2:AK$366,ROUNDDOWN($C4710/24,0)+1,1))-1)+IF('Standard Profiles'!$G$21=$B$10,7,0)+IF('Standard Profiles'!$G$21=$B$17,14,0)+IF('Standard Profiles'!$G$21=$B$24,21,0),0)),0)</f>
        <v>0</v>
      </c>
      <c r="H4710" cm="1">
        <f t="array" ref="H4710">IFERROR(INDEX(Jesper!AL$2:AL$366,ROUNDDOWN($C4710/24,0)+1,1)*INDEX($D$3:$AA$30,INDEX(Jesper!$R$2:$R$366,ROW(INDEX(Jesper!AL$2:AL$366,ROUNDDOWN($C4710/24,0)+1,1))-1)+IF('Standard Profiles'!$G$22=$B$10,7,0)+IF('Standard Profiles'!$G$22=$B$17,14,0)+IF('Standard Profiles'!$G$22=$B$24,21,0),MOD($C4710,24)+1)/SUM(INDEX($D$3:$AA$30,INDEX(Jesper!$R$2:$R$366,ROW(INDEX(Jesper!AL$2:AL$366,ROUNDDOWN($C4710/24,0)+1,1))-1)+IF('Standard Profiles'!$G$22=$B$10,7,0)+IF('Standard Profiles'!$G$22=$B$17,14,0)+IF('Standard Profiles'!$G$22=$B$24,21,0),0)),0)</f>
        <v>0</v>
      </c>
      <c r="I4710">
        <f t="shared" si="531"/>
        <v>7.1620204570696275E-2</v>
      </c>
      <c r="J4710">
        <f t="shared" si="532"/>
        <v>0.23873401523565427</v>
      </c>
      <c r="K4710">
        <f t="shared" si="533"/>
        <v>0.35810102285348144</v>
      </c>
      <c r="L4710">
        <f t="shared" si="534"/>
        <v>5.2280693914865717</v>
      </c>
      <c r="M4710">
        <f t="shared" si="535"/>
        <v>0</v>
      </c>
      <c r="N4710" s="46">
        <f t="shared" si="536"/>
        <v>45486.833333321993</v>
      </c>
    </row>
    <row r="4711" spans="2:14" x14ac:dyDescent="0.3">
      <c r="B4711">
        <f t="shared" si="530"/>
        <v>6</v>
      </c>
      <c r="C4711" s="16">
        <v>4677</v>
      </c>
      <c r="D4711" cm="1">
        <f t="array" ref="D4711">IFERROR(INDEX(Jesper!AH$2:AH$366,ROUNDDOWN($C4711/24,0)+1,1)*INDEX($D$3:$AA$30,INDEX(Jesper!$R$2:$R$366,ROW(INDEX(Jesper!AH$2:AH$366,ROUNDDOWN($C4711/24,0)+1,1))-1)+IF('Standard Profiles'!$G$18=$B$10,7,0)+IF('Standard Profiles'!$G$18=$B$17,14,0)+IF('Standard Profiles'!$G$18=$B$24,21,0),MOD($C4711,24)+1)/SUM(INDEX($D$3:$AA$30,INDEX(Jesper!$R$2:$R$366,ROW(INDEX(Jesper!AH$2:AH$366,ROUNDDOWN($C4711/24,0)+1,1))-1)+IF('Standard Profiles'!$G$18=$B$10,7,0)+IF('Standard Profiles'!$G$18=$B$17,14,0)+IF('Standard Profiles'!$G$18=$B$24,21,0),0)),0)</f>
        <v>5.1015403634116749</v>
      </c>
      <c r="E4711" cm="1">
        <f t="array" ref="E4711">IFERROR(INDEX(Jesper!AI$2:AI$366,ROUNDDOWN($C4711/24,0)+1,1)*INDEX($D$3:$AA$30,INDEX(Jesper!$R$2:$R$366,ROW(INDEX(Jesper!AI$2:AI$366,ROUNDDOWN($C4711/24,0)+1,1))-1)+IF('Standard Profiles'!$G$19=$B$10,7,0)+IF('Standard Profiles'!$G$19=$B$17,14,0)+IF('Standard Profiles'!$G$19=$B$24,21,0),MOD($C4711,24)+1)/SUM(INDEX($D$3:$AA$30,INDEX(Jesper!$R$2:$R$366,ROW(INDEX(Jesper!AI$2:AI$366,ROUNDDOWN($C4711/24,0)+1,1))-1)+IF('Standard Profiles'!$G$19=$B$10,7,0)+IF('Standard Profiles'!$G$19=$B$17,14,0)+IF('Standard Profiles'!$G$19=$B$24,21,0),0)),0)</f>
        <v>0.79498427073472844</v>
      </c>
      <c r="F4711" cm="1">
        <f t="array" ref="F4711">IFERROR(INDEX(Jesper!AJ$2:AJ$366,ROUNDDOWN($C4711/24,0)+1,1)*INDEX($D$3:$AA$30,INDEX(Jesper!$R$2:$R$366,ROW(INDEX(Jesper!AJ$2:AJ$366,ROUNDDOWN($C4711/24,0)+1,1))-1)+IF('Standard Profiles'!$G$20=$B$10,7,0)+IF('Standard Profiles'!$G$20=$B$17,14,0)+IF('Standard Profiles'!$G$20=$B$24,21,0),MOD($C4711,24)+1)/SUM(INDEX($D$3:$AA$30,INDEX(Jesper!$R$2:$R$366,ROW(INDEX(Jesper!AJ$2:AJ$366,ROUNDDOWN($C4711/24,0)+1,1))-1)+IF('Standard Profiles'!$G$20=$B$10,7,0)+IF('Standard Profiles'!$G$20=$B$17,14,0)+IF('Standard Profiles'!$G$20=$B$24,21,0),0)),0)</f>
        <v>0</v>
      </c>
      <c r="G4711" cm="1">
        <f t="array" ref="G4711">IFERROR(INDEX(Jesper!AK$2:AK$366,ROUNDDOWN($C4711/24,0)+1,1)*INDEX($D$3:$AA$30,INDEX(Jesper!$R$2:$R$366,ROW(INDEX(Jesper!AK$2:AK$366,ROUNDDOWN($C4711/24,0)+1,1))-1)+IF('Standard Profiles'!$G$21=$B$10,7,0)+IF('Standard Profiles'!$G$21=$B$17,14,0)+IF('Standard Profiles'!$G$21=$B$24,21,0),MOD($C4711,24)+1)/SUM(INDEX($D$3:$AA$30,INDEX(Jesper!$R$2:$R$366,ROW(INDEX(Jesper!AK$2:AK$366,ROUNDDOWN($C4711/24,0)+1,1))-1)+IF('Standard Profiles'!$G$21=$B$10,7,0)+IF('Standard Profiles'!$G$21=$B$17,14,0)+IF('Standard Profiles'!$G$21=$B$24,21,0),0)),0)</f>
        <v>0</v>
      </c>
      <c r="H4711" cm="1">
        <f t="array" ref="H4711">IFERROR(INDEX(Jesper!AL$2:AL$366,ROUNDDOWN($C4711/24,0)+1,1)*INDEX($D$3:$AA$30,INDEX(Jesper!$R$2:$R$366,ROW(INDEX(Jesper!AL$2:AL$366,ROUNDDOWN($C4711/24,0)+1,1))-1)+IF('Standard Profiles'!$G$22=$B$10,7,0)+IF('Standard Profiles'!$G$22=$B$17,14,0)+IF('Standard Profiles'!$G$22=$B$24,21,0),MOD($C4711,24)+1)/SUM(INDEX($D$3:$AA$30,INDEX(Jesper!$R$2:$R$366,ROW(INDEX(Jesper!AL$2:AL$366,ROUNDDOWN($C4711/24,0)+1,1))-1)+IF('Standard Profiles'!$G$22=$B$10,7,0)+IF('Standard Profiles'!$G$22=$B$17,14,0)+IF('Standard Profiles'!$G$22=$B$24,21,0),0)),0)</f>
        <v>0</v>
      </c>
      <c r="I4711">
        <f t="shared" si="531"/>
        <v>7.1620204570696275E-2</v>
      </c>
      <c r="J4711">
        <f t="shared" si="532"/>
        <v>0.23873401523565427</v>
      </c>
      <c r="K4711">
        <f t="shared" si="533"/>
        <v>0.35810102285348144</v>
      </c>
      <c r="L4711">
        <f t="shared" si="534"/>
        <v>5.2280693914865717</v>
      </c>
      <c r="M4711">
        <f t="shared" si="535"/>
        <v>0</v>
      </c>
      <c r="N4711" s="46">
        <f t="shared" si="536"/>
        <v>45486.874999988657</v>
      </c>
    </row>
    <row r="4712" spans="2:14" x14ac:dyDescent="0.3">
      <c r="B4712">
        <f t="shared" si="530"/>
        <v>6</v>
      </c>
      <c r="C4712" s="16">
        <v>4678</v>
      </c>
      <c r="D4712" cm="1">
        <f t="array" ref="D4712">IFERROR(INDEX(Jesper!AH$2:AH$366,ROUNDDOWN($C4712/24,0)+1,1)*INDEX($D$3:$AA$30,INDEX(Jesper!$R$2:$R$366,ROW(INDEX(Jesper!AH$2:AH$366,ROUNDDOWN($C4712/24,0)+1,1))-1)+IF('Standard Profiles'!$G$18=$B$10,7,0)+IF('Standard Profiles'!$G$18=$B$17,14,0)+IF('Standard Profiles'!$G$18=$B$24,21,0),MOD($C4712,24)+1)/SUM(INDEX($D$3:$AA$30,INDEX(Jesper!$R$2:$R$366,ROW(INDEX(Jesper!AH$2:AH$366,ROUNDDOWN($C4712/24,0)+1,1))-1)+IF('Standard Profiles'!$G$18=$B$10,7,0)+IF('Standard Profiles'!$G$18=$B$17,14,0)+IF('Standard Profiles'!$G$18=$B$24,21,0),0)),0)</f>
        <v>5.1015403634116749</v>
      </c>
      <c r="E4712" cm="1">
        <f t="array" ref="E4712">IFERROR(INDEX(Jesper!AI$2:AI$366,ROUNDDOWN($C4712/24,0)+1,1)*INDEX($D$3:$AA$30,INDEX(Jesper!$R$2:$R$366,ROW(INDEX(Jesper!AI$2:AI$366,ROUNDDOWN($C4712/24,0)+1,1))-1)+IF('Standard Profiles'!$G$19=$B$10,7,0)+IF('Standard Profiles'!$G$19=$B$17,14,0)+IF('Standard Profiles'!$G$19=$B$24,21,0),MOD($C4712,24)+1)/SUM(INDEX($D$3:$AA$30,INDEX(Jesper!$R$2:$R$366,ROW(INDEX(Jesper!AI$2:AI$366,ROUNDDOWN($C4712/24,0)+1,1))-1)+IF('Standard Profiles'!$G$19=$B$10,7,0)+IF('Standard Profiles'!$G$19=$B$17,14,0)+IF('Standard Profiles'!$G$19=$B$24,21,0),0)),0)</f>
        <v>0.79498427073472844</v>
      </c>
      <c r="F4712" cm="1">
        <f t="array" ref="F4712">IFERROR(INDEX(Jesper!AJ$2:AJ$366,ROUNDDOWN($C4712/24,0)+1,1)*INDEX($D$3:$AA$30,INDEX(Jesper!$R$2:$R$366,ROW(INDEX(Jesper!AJ$2:AJ$366,ROUNDDOWN($C4712/24,0)+1,1))-1)+IF('Standard Profiles'!$G$20=$B$10,7,0)+IF('Standard Profiles'!$G$20=$B$17,14,0)+IF('Standard Profiles'!$G$20=$B$24,21,0),MOD($C4712,24)+1)/SUM(INDEX($D$3:$AA$30,INDEX(Jesper!$R$2:$R$366,ROW(INDEX(Jesper!AJ$2:AJ$366,ROUNDDOWN($C4712/24,0)+1,1))-1)+IF('Standard Profiles'!$G$20=$B$10,7,0)+IF('Standard Profiles'!$G$20=$B$17,14,0)+IF('Standard Profiles'!$G$20=$B$24,21,0),0)),0)</f>
        <v>0</v>
      </c>
      <c r="G4712" cm="1">
        <f t="array" ref="G4712">IFERROR(INDEX(Jesper!AK$2:AK$366,ROUNDDOWN($C4712/24,0)+1,1)*INDEX($D$3:$AA$30,INDEX(Jesper!$R$2:$R$366,ROW(INDEX(Jesper!AK$2:AK$366,ROUNDDOWN($C4712/24,0)+1,1))-1)+IF('Standard Profiles'!$G$21=$B$10,7,0)+IF('Standard Profiles'!$G$21=$B$17,14,0)+IF('Standard Profiles'!$G$21=$B$24,21,0),MOD($C4712,24)+1)/SUM(INDEX($D$3:$AA$30,INDEX(Jesper!$R$2:$R$366,ROW(INDEX(Jesper!AK$2:AK$366,ROUNDDOWN($C4712/24,0)+1,1))-1)+IF('Standard Profiles'!$G$21=$B$10,7,0)+IF('Standard Profiles'!$G$21=$B$17,14,0)+IF('Standard Profiles'!$G$21=$B$24,21,0),0)),0)</f>
        <v>0</v>
      </c>
      <c r="H4712" cm="1">
        <f t="array" ref="H4712">IFERROR(INDEX(Jesper!AL$2:AL$366,ROUNDDOWN($C4712/24,0)+1,1)*INDEX($D$3:$AA$30,INDEX(Jesper!$R$2:$R$366,ROW(INDEX(Jesper!AL$2:AL$366,ROUNDDOWN($C4712/24,0)+1,1))-1)+IF('Standard Profiles'!$G$22=$B$10,7,0)+IF('Standard Profiles'!$G$22=$B$17,14,0)+IF('Standard Profiles'!$G$22=$B$24,21,0),MOD($C4712,24)+1)/SUM(INDEX($D$3:$AA$30,INDEX(Jesper!$R$2:$R$366,ROW(INDEX(Jesper!AL$2:AL$366,ROUNDDOWN($C4712/24,0)+1,1))-1)+IF('Standard Profiles'!$G$22=$B$10,7,0)+IF('Standard Profiles'!$G$22=$B$17,14,0)+IF('Standard Profiles'!$G$22=$B$24,21,0),0)),0)</f>
        <v>0</v>
      </c>
      <c r="I4712">
        <f t="shared" si="531"/>
        <v>7.1620204570696275E-2</v>
      </c>
      <c r="J4712">
        <f t="shared" si="532"/>
        <v>0.23873401523565427</v>
      </c>
      <c r="K4712">
        <f t="shared" si="533"/>
        <v>0.35810102285348144</v>
      </c>
      <c r="L4712">
        <f t="shared" si="534"/>
        <v>5.2280693914865717</v>
      </c>
      <c r="M4712">
        <f t="shared" si="535"/>
        <v>0</v>
      </c>
      <c r="N4712" s="46">
        <f t="shared" si="536"/>
        <v>45486.916666655321</v>
      </c>
    </row>
    <row r="4713" spans="2:14" x14ac:dyDescent="0.3">
      <c r="B4713">
        <f t="shared" si="530"/>
        <v>6</v>
      </c>
      <c r="C4713" s="16">
        <v>4679</v>
      </c>
      <c r="D4713" cm="1">
        <f t="array" ref="D4713">IFERROR(INDEX(Jesper!AH$2:AH$366,ROUNDDOWN($C4713/24,0)+1,1)*INDEX($D$3:$AA$30,INDEX(Jesper!$R$2:$R$366,ROW(INDEX(Jesper!AH$2:AH$366,ROUNDDOWN($C4713/24,0)+1,1))-1)+IF('Standard Profiles'!$G$18=$B$10,7,0)+IF('Standard Profiles'!$G$18=$B$17,14,0)+IF('Standard Profiles'!$G$18=$B$24,21,0),MOD($C4713,24)+1)/SUM(INDEX($D$3:$AA$30,INDEX(Jesper!$R$2:$R$366,ROW(INDEX(Jesper!AH$2:AH$366,ROUNDDOWN($C4713/24,0)+1,1))-1)+IF('Standard Profiles'!$G$18=$B$10,7,0)+IF('Standard Profiles'!$G$18=$B$17,14,0)+IF('Standard Profiles'!$G$18=$B$24,21,0),0)),0)</f>
        <v>5.1015403634116749</v>
      </c>
      <c r="E4713" cm="1">
        <f t="array" ref="E4713">IFERROR(INDEX(Jesper!AI$2:AI$366,ROUNDDOWN($C4713/24,0)+1,1)*INDEX($D$3:$AA$30,INDEX(Jesper!$R$2:$R$366,ROW(INDEX(Jesper!AI$2:AI$366,ROUNDDOWN($C4713/24,0)+1,1))-1)+IF('Standard Profiles'!$G$19=$B$10,7,0)+IF('Standard Profiles'!$G$19=$B$17,14,0)+IF('Standard Profiles'!$G$19=$B$24,21,0),MOD($C4713,24)+1)/SUM(INDEX($D$3:$AA$30,INDEX(Jesper!$R$2:$R$366,ROW(INDEX(Jesper!AI$2:AI$366,ROUNDDOWN($C4713/24,0)+1,1))-1)+IF('Standard Profiles'!$G$19=$B$10,7,0)+IF('Standard Profiles'!$G$19=$B$17,14,0)+IF('Standard Profiles'!$G$19=$B$24,21,0),0)),0)</f>
        <v>0.79498427073472844</v>
      </c>
      <c r="F4713" cm="1">
        <f t="array" ref="F4713">IFERROR(INDEX(Jesper!AJ$2:AJ$366,ROUNDDOWN($C4713/24,0)+1,1)*INDEX($D$3:$AA$30,INDEX(Jesper!$R$2:$R$366,ROW(INDEX(Jesper!AJ$2:AJ$366,ROUNDDOWN($C4713/24,0)+1,1))-1)+IF('Standard Profiles'!$G$20=$B$10,7,0)+IF('Standard Profiles'!$G$20=$B$17,14,0)+IF('Standard Profiles'!$G$20=$B$24,21,0),MOD($C4713,24)+1)/SUM(INDEX($D$3:$AA$30,INDEX(Jesper!$R$2:$R$366,ROW(INDEX(Jesper!AJ$2:AJ$366,ROUNDDOWN($C4713/24,0)+1,1))-1)+IF('Standard Profiles'!$G$20=$B$10,7,0)+IF('Standard Profiles'!$G$20=$B$17,14,0)+IF('Standard Profiles'!$G$20=$B$24,21,0),0)),0)</f>
        <v>0</v>
      </c>
      <c r="G4713" cm="1">
        <f t="array" ref="G4713">IFERROR(INDEX(Jesper!AK$2:AK$366,ROUNDDOWN($C4713/24,0)+1,1)*INDEX($D$3:$AA$30,INDEX(Jesper!$R$2:$R$366,ROW(INDEX(Jesper!AK$2:AK$366,ROUNDDOWN($C4713/24,0)+1,1))-1)+IF('Standard Profiles'!$G$21=$B$10,7,0)+IF('Standard Profiles'!$G$21=$B$17,14,0)+IF('Standard Profiles'!$G$21=$B$24,21,0),MOD($C4713,24)+1)/SUM(INDEX($D$3:$AA$30,INDEX(Jesper!$R$2:$R$366,ROW(INDEX(Jesper!AK$2:AK$366,ROUNDDOWN($C4713/24,0)+1,1))-1)+IF('Standard Profiles'!$G$21=$B$10,7,0)+IF('Standard Profiles'!$G$21=$B$17,14,0)+IF('Standard Profiles'!$G$21=$B$24,21,0),0)),0)</f>
        <v>0</v>
      </c>
      <c r="H4713" cm="1">
        <f t="array" ref="H4713">IFERROR(INDEX(Jesper!AL$2:AL$366,ROUNDDOWN($C4713/24,0)+1,1)*INDEX($D$3:$AA$30,INDEX(Jesper!$R$2:$R$366,ROW(INDEX(Jesper!AL$2:AL$366,ROUNDDOWN($C4713/24,0)+1,1))-1)+IF('Standard Profiles'!$G$22=$B$10,7,0)+IF('Standard Profiles'!$G$22=$B$17,14,0)+IF('Standard Profiles'!$G$22=$B$24,21,0),MOD($C4713,24)+1)/SUM(INDEX($D$3:$AA$30,INDEX(Jesper!$R$2:$R$366,ROW(INDEX(Jesper!AL$2:AL$366,ROUNDDOWN($C4713/24,0)+1,1))-1)+IF('Standard Profiles'!$G$22=$B$10,7,0)+IF('Standard Profiles'!$G$22=$B$17,14,0)+IF('Standard Profiles'!$G$22=$B$24,21,0),0)),0)</f>
        <v>0</v>
      </c>
      <c r="I4713">
        <f t="shared" si="531"/>
        <v>7.1620204570696275E-2</v>
      </c>
      <c r="J4713">
        <f t="shared" si="532"/>
        <v>0.23873401523565427</v>
      </c>
      <c r="K4713">
        <f t="shared" si="533"/>
        <v>0.35810102285348144</v>
      </c>
      <c r="L4713">
        <f t="shared" si="534"/>
        <v>5.2280693914865717</v>
      </c>
      <c r="M4713">
        <f t="shared" si="535"/>
        <v>0</v>
      </c>
      <c r="N4713" s="46">
        <f t="shared" si="536"/>
        <v>45486.958333321985</v>
      </c>
    </row>
    <row r="4714" spans="2:14" x14ac:dyDescent="0.3">
      <c r="B4714">
        <f t="shared" si="530"/>
        <v>7</v>
      </c>
      <c r="C4714" s="16">
        <v>4680</v>
      </c>
      <c r="D4714" cm="1">
        <f t="array" ref="D4714">IFERROR(INDEX(Jesper!AH$2:AH$366,ROUNDDOWN($C4714/24,0)+1,1)*INDEX($D$3:$AA$30,INDEX(Jesper!$R$2:$R$366,ROW(INDEX(Jesper!AH$2:AH$366,ROUNDDOWN($C4714/24,0)+1,1))-1)+IF('Standard Profiles'!$G$18=$B$10,7,0)+IF('Standard Profiles'!$G$18=$B$17,14,0)+IF('Standard Profiles'!$G$18=$B$24,21,0),MOD($C4714,24)+1)/SUM(INDEX($D$3:$AA$30,INDEX(Jesper!$R$2:$R$366,ROW(INDEX(Jesper!AH$2:AH$366,ROUNDDOWN($C4714/24,0)+1,1))-1)+IF('Standard Profiles'!$G$18=$B$10,7,0)+IF('Standard Profiles'!$G$18=$B$17,14,0)+IF('Standard Profiles'!$G$18=$B$24,21,0),0)),0)</f>
        <v>5.4341666842506235</v>
      </c>
      <c r="E4714" cm="1">
        <f t="array" ref="E4714">IFERROR(INDEX(Jesper!AI$2:AI$366,ROUNDDOWN($C4714/24,0)+1,1)*INDEX($D$3:$AA$30,INDEX(Jesper!$R$2:$R$366,ROW(INDEX(Jesper!AI$2:AI$366,ROUNDDOWN($C4714/24,0)+1,1))-1)+IF('Standard Profiles'!$G$19=$B$10,7,0)+IF('Standard Profiles'!$G$19=$B$17,14,0)+IF('Standard Profiles'!$G$19=$B$24,21,0),MOD($C4714,24)+1)/SUM(INDEX($D$3:$AA$30,INDEX(Jesper!$R$2:$R$366,ROW(INDEX(Jesper!AI$2:AI$366,ROUNDDOWN($C4714/24,0)+1,1))-1)+IF('Standard Profiles'!$G$19=$B$10,7,0)+IF('Standard Profiles'!$G$19=$B$17,14,0)+IF('Standard Profiles'!$G$19=$B$24,21,0),0)),0)</f>
        <v>0.75552754314118709</v>
      </c>
      <c r="F4714" cm="1">
        <f t="array" ref="F4714">IFERROR(INDEX(Jesper!AJ$2:AJ$366,ROUNDDOWN($C4714/24,0)+1,1)*INDEX($D$3:$AA$30,INDEX(Jesper!$R$2:$R$366,ROW(INDEX(Jesper!AJ$2:AJ$366,ROUNDDOWN($C4714/24,0)+1,1))-1)+IF('Standard Profiles'!$G$20=$B$10,7,0)+IF('Standard Profiles'!$G$20=$B$17,14,0)+IF('Standard Profiles'!$G$20=$B$24,21,0),MOD($C4714,24)+1)/SUM(INDEX($D$3:$AA$30,INDEX(Jesper!$R$2:$R$366,ROW(INDEX(Jesper!AJ$2:AJ$366,ROUNDDOWN($C4714/24,0)+1,1))-1)+IF('Standard Profiles'!$G$20=$B$10,7,0)+IF('Standard Profiles'!$G$20=$B$17,14,0)+IF('Standard Profiles'!$G$20=$B$24,21,0),0)),0)</f>
        <v>0</v>
      </c>
      <c r="G4714" cm="1">
        <f t="array" ref="G4714">IFERROR(INDEX(Jesper!AK$2:AK$366,ROUNDDOWN($C4714/24,0)+1,1)*INDEX($D$3:$AA$30,INDEX(Jesper!$R$2:$R$366,ROW(INDEX(Jesper!AK$2:AK$366,ROUNDDOWN($C4714/24,0)+1,1))-1)+IF('Standard Profiles'!$G$21=$B$10,7,0)+IF('Standard Profiles'!$G$21=$B$17,14,0)+IF('Standard Profiles'!$G$21=$B$24,21,0),MOD($C4714,24)+1)/SUM(INDEX($D$3:$AA$30,INDEX(Jesper!$R$2:$R$366,ROW(INDEX(Jesper!AK$2:AK$366,ROUNDDOWN($C4714/24,0)+1,1))-1)+IF('Standard Profiles'!$G$21=$B$10,7,0)+IF('Standard Profiles'!$G$21=$B$17,14,0)+IF('Standard Profiles'!$G$21=$B$24,21,0),0)),0)</f>
        <v>0</v>
      </c>
      <c r="H4714" cm="1">
        <f t="array" ref="H4714">IFERROR(INDEX(Jesper!AL$2:AL$366,ROUNDDOWN($C4714/24,0)+1,1)*INDEX($D$3:$AA$30,INDEX(Jesper!$R$2:$R$366,ROW(INDEX(Jesper!AL$2:AL$366,ROUNDDOWN($C4714/24,0)+1,1))-1)+IF('Standard Profiles'!$G$22=$B$10,7,0)+IF('Standard Profiles'!$G$22=$B$17,14,0)+IF('Standard Profiles'!$G$22=$B$24,21,0),MOD($C4714,24)+1)/SUM(INDEX($D$3:$AA$30,INDEX(Jesper!$R$2:$R$366,ROW(INDEX(Jesper!AL$2:AL$366,ROUNDDOWN($C4714/24,0)+1,1))-1)+IF('Standard Profiles'!$G$22=$B$10,7,0)+IF('Standard Profiles'!$G$22=$B$17,14,0)+IF('Standard Profiles'!$G$22=$B$24,21,0),0)),0)</f>
        <v>0</v>
      </c>
      <c r="I4714">
        <f t="shared" si="531"/>
        <v>6.8065544427133987E-2</v>
      </c>
      <c r="J4714">
        <f t="shared" si="532"/>
        <v>0.22688514809044666</v>
      </c>
      <c r="K4714">
        <f t="shared" si="533"/>
        <v>0.34032772213566997</v>
      </c>
      <c r="L4714">
        <f t="shared" si="534"/>
        <v>5.5544158127385597</v>
      </c>
      <c r="M4714">
        <f t="shared" si="535"/>
        <v>0</v>
      </c>
      <c r="N4714" s="46">
        <f t="shared" si="536"/>
        <v>45486.99999998865</v>
      </c>
    </row>
    <row r="4715" spans="2:14" x14ac:dyDescent="0.3">
      <c r="B4715">
        <f t="shared" si="530"/>
        <v>7</v>
      </c>
      <c r="C4715" s="16">
        <v>4681</v>
      </c>
      <c r="D4715" cm="1">
        <f t="array" ref="D4715">IFERROR(INDEX(Jesper!AH$2:AH$366,ROUNDDOWN($C4715/24,0)+1,1)*INDEX($D$3:$AA$30,INDEX(Jesper!$R$2:$R$366,ROW(INDEX(Jesper!AH$2:AH$366,ROUNDDOWN($C4715/24,0)+1,1))-1)+IF('Standard Profiles'!$G$18=$B$10,7,0)+IF('Standard Profiles'!$G$18=$B$17,14,0)+IF('Standard Profiles'!$G$18=$B$24,21,0),MOD($C4715,24)+1)/SUM(INDEX($D$3:$AA$30,INDEX(Jesper!$R$2:$R$366,ROW(INDEX(Jesper!AH$2:AH$366,ROUNDDOWN($C4715/24,0)+1,1))-1)+IF('Standard Profiles'!$G$18=$B$10,7,0)+IF('Standard Profiles'!$G$18=$B$17,14,0)+IF('Standard Profiles'!$G$18=$B$24,21,0),0)),0)</f>
        <v>6.3106451817104015</v>
      </c>
      <c r="E4715" cm="1">
        <f t="array" ref="E4715">IFERROR(INDEX(Jesper!AI$2:AI$366,ROUNDDOWN($C4715/24,0)+1,1)*INDEX($D$3:$AA$30,INDEX(Jesper!$R$2:$R$366,ROW(INDEX(Jesper!AI$2:AI$366,ROUNDDOWN($C4715/24,0)+1,1))-1)+IF('Standard Profiles'!$G$19=$B$10,7,0)+IF('Standard Profiles'!$G$19=$B$17,14,0)+IF('Standard Profiles'!$G$19=$B$24,21,0),MOD($C4715,24)+1)/SUM(INDEX($D$3:$AA$30,INDEX(Jesper!$R$2:$R$366,ROW(INDEX(Jesper!AI$2:AI$366,ROUNDDOWN($C4715/24,0)+1,1))-1)+IF('Standard Profiles'!$G$19=$B$10,7,0)+IF('Standard Profiles'!$G$19=$B$17,14,0)+IF('Standard Profiles'!$G$19=$B$24,21,0),0)),0)</f>
        <v>0.87738682429299142</v>
      </c>
      <c r="F4715" cm="1">
        <f t="array" ref="F4715">IFERROR(INDEX(Jesper!AJ$2:AJ$366,ROUNDDOWN($C4715/24,0)+1,1)*INDEX($D$3:$AA$30,INDEX(Jesper!$R$2:$R$366,ROW(INDEX(Jesper!AJ$2:AJ$366,ROUNDDOWN($C4715/24,0)+1,1))-1)+IF('Standard Profiles'!$G$20=$B$10,7,0)+IF('Standard Profiles'!$G$20=$B$17,14,0)+IF('Standard Profiles'!$G$20=$B$24,21,0),MOD($C4715,24)+1)/SUM(INDEX($D$3:$AA$30,INDEX(Jesper!$R$2:$R$366,ROW(INDEX(Jesper!AJ$2:AJ$366,ROUNDDOWN($C4715/24,0)+1,1))-1)+IF('Standard Profiles'!$G$20=$B$10,7,0)+IF('Standard Profiles'!$G$20=$B$17,14,0)+IF('Standard Profiles'!$G$20=$B$24,21,0),0)),0)</f>
        <v>0</v>
      </c>
      <c r="G4715" cm="1">
        <f t="array" ref="G4715">IFERROR(INDEX(Jesper!AK$2:AK$366,ROUNDDOWN($C4715/24,0)+1,1)*INDEX($D$3:$AA$30,INDEX(Jesper!$R$2:$R$366,ROW(INDEX(Jesper!AK$2:AK$366,ROUNDDOWN($C4715/24,0)+1,1))-1)+IF('Standard Profiles'!$G$21=$B$10,7,0)+IF('Standard Profiles'!$G$21=$B$17,14,0)+IF('Standard Profiles'!$G$21=$B$24,21,0),MOD($C4715,24)+1)/SUM(INDEX($D$3:$AA$30,INDEX(Jesper!$R$2:$R$366,ROW(INDEX(Jesper!AK$2:AK$366,ROUNDDOWN($C4715/24,0)+1,1))-1)+IF('Standard Profiles'!$G$21=$B$10,7,0)+IF('Standard Profiles'!$G$21=$B$17,14,0)+IF('Standard Profiles'!$G$21=$B$24,21,0),0)),0)</f>
        <v>0</v>
      </c>
      <c r="H4715" cm="1">
        <f t="array" ref="H4715">IFERROR(INDEX(Jesper!AL$2:AL$366,ROUNDDOWN($C4715/24,0)+1,1)*INDEX($D$3:$AA$30,INDEX(Jesper!$R$2:$R$366,ROW(INDEX(Jesper!AL$2:AL$366,ROUNDDOWN($C4715/24,0)+1,1))-1)+IF('Standard Profiles'!$G$22=$B$10,7,0)+IF('Standard Profiles'!$G$22=$B$17,14,0)+IF('Standard Profiles'!$G$22=$B$24,21,0),MOD($C4715,24)+1)/SUM(INDEX($D$3:$AA$30,INDEX(Jesper!$R$2:$R$366,ROW(INDEX(Jesper!AL$2:AL$366,ROUNDDOWN($C4715/24,0)+1,1))-1)+IF('Standard Profiles'!$G$22=$B$10,7,0)+IF('Standard Profiles'!$G$22=$B$17,14,0)+IF('Standard Profiles'!$G$22=$B$24,21,0),0)),0)</f>
        <v>0</v>
      </c>
      <c r="I4715">
        <f t="shared" si="531"/>
        <v>7.9043858044413662E-2</v>
      </c>
      <c r="J4715">
        <f t="shared" si="532"/>
        <v>0.26347952681471226</v>
      </c>
      <c r="K4715">
        <f t="shared" si="533"/>
        <v>0.39521929022206836</v>
      </c>
      <c r="L4715">
        <f t="shared" si="534"/>
        <v>6.4502893309221987</v>
      </c>
      <c r="M4715">
        <f t="shared" si="535"/>
        <v>0</v>
      </c>
      <c r="N4715" s="46">
        <f t="shared" si="536"/>
        <v>45487.041666655314</v>
      </c>
    </row>
    <row r="4716" spans="2:14" x14ac:dyDescent="0.3">
      <c r="B4716">
        <f t="shared" si="530"/>
        <v>7</v>
      </c>
      <c r="C4716" s="16">
        <v>4682</v>
      </c>
      <c r="D4716" cm="1">
        <f t="array" ref="D4716">IFERROR(INDEX(Jesper!AH$2:AH$366,ROUNDDOWN($C4716/24,0)+1,1)*INDEX($D$3:$AA$30,INDEX(Jesper!$R$2:$R$366,ROW(INDEX(Jesper!AH$2:AH$366,ROUNDDOWN($C4716/24,0)+1,1))-1)+IF('Standard Profiles'!$G$18=$B$10,7,0)+IF('Standard Profiles'!$G$18=$B$17,14,0)+IF('Standard Profiles'!$G$18=$B$24,21,0),MOD($C4716,24)+1)/SUM(INDEX($D$3:$AA$30,INDEX(Jesper!$R$2:$R$366,ROW(INDEX(Jesper!AH$2:AH$366,ROUNDDOWN($C4716/24,0)+1,1))-1)+IF('Standard Profiles'!$G$18=$B$10,7,0)+IF('Standard Profiles'!$G$18=$B$17,14,0)+IF('Standard Profiles'!$G$18=$B$24,21,0),0)),0)</f>
        <v>6.3106451817104015</v>
      </c>
      <c r="E4716" cm="1">
        <f t="array" ref="E4716">IFERROR(INDEX(Jesper!AI$2:AI$366,ROUNDDOWN($C4716/24,0)+1,1)*INDEX($D$3:$AA$30,INDEX(Jesper!$R$2:$R$366,ROW(INDEX(Jesper!AI$2:AI$366,ROUNDDOWN($C4716/24,0)+1,1))-1)+IF('Standard Profiles'!$G$19=$B$10,7,0)+IF('Standard Profiles'!$G$19=$B$17,14,0)+IF('Standard Profiles'!$G$19=$B$24,21,0),MOD($C4716,24)+1)/SUM(INDEX($D$3:$AA$30,INDEX(Jesper!$R$2:$R$366,ROW(INDEX(Jesper!AI$2:AI$366,ROUNDDOWN($C4716/24,0)+1,1))-1)+IF('Standard Profiles'!$G$19=$B$10,7,0)+IF('Standard Profiles'!$G$19=$B$17,14,0)+IF('Standard Profiles'!$G$19=$B$24,21,0),0)),0)</f>
        <v>0.87738682429299142</v>
      </c>
      <c r="F4716" cm="1">
        <f t="array" ref="F4716">IFERROR(INDEX(Jesper!AJ$2:AJ$366,ROUNDDOWN($C4716/24,0)+1,1)*INDEX($D$3:$AA$30,INDEX(Jesper!$R$2:$R$366,ROW(INDEX(Jesper!AJ$2:AJ$366,ROUNDDOWN($C4716/24,0)+1,1))-1)+IF('Standard Profiles'!$G$20=$B$10,7,0)+IF('Standard Profiles'!$G$20=$B$17,14,0)+IF('Standard Profiles'!$G$20=$B$24,21,0),MOD($C4716,24)+1)/SUM(INDEX($D$3:$AA$30,INDEX(Jesper!$R$2:$R$366,ROW(INDEX(Jesper!AJ$2:AJ$366,ROUNDDOWN($C4716/24,0)+1,1))-1)+IF('Standard Profiles'!$G$20=$B$10,7,0)+IF('Standard Profiles'!$G$20=$B$17,14,0)+IF('Standard Profiles'!$G$20=$B$24,21,0),0)),0)</f>
        <v>0</v>
      </c>
      <c r="G4716" cm="1">
        <f t="array" ref="G4716">IFERROR(INDEX(Jesper!AK$2:AK$366,ROUNDDOWN($C4716/24,0)+1,1)*INDEX($D$3:$AA$30,INDEX(Jesper!$R$2:$R$366,ROW(INDEX(Jesper!AK$2:AK$366,ROUNDDOWN($C4716/24,0)+1,1))-1)+IF('Standard Profiles'!$G$21=$B$10,7,0)+IF('Standard Profiles'!$G$21=$B$17,14,0)+IF('Standard Profiles'!$G$21=$B$24,21,0),MOD($C4716,24)+1)/SUM(INDEX($D$3:$AA$30,INDEX(Jesper!$R$2:$R$366,ROW(INDEX(Jesper!AK$2:AK$366,ROUNDDOWN($C4716/24,0)+1,1))-1)+IF('Standard Profiles'!$G$21=$B$10,7,0)+IF('Standard Profiles'!$G$21=$B$17,14,0)+IF('Standard Profiles'!$G$21=$B$24,21,0),0)),0)</f>
        <v>0</v>
      </c>
      <c r="H4716" cm="1">
        <f t="array" ref="H4716">IFERROR(INDEX(Jesper!AL$2:AL$366,ROUNDDOWN($C4716/24,0)+1,1)*INDEX($D$3:$AA$30,INDEX(Jesper!$R$2:$R$366,ROW(INDEX(Jesper!AL$2:AL$366,ROUNDDOWN($C4716/24,0)+1,1))-1)+IF('Standard Profiles'!$G$22=$B$10,7,0)+IF('Standard Profiles'!$G$22=$B$17,14,0)+IF('Standard Profiles'!$G$22=$B$24,21,0),MOD($C4716,24)+1)/SUM(INDEX($D$3:$AA$30,INDEX(Jesper!$R$2:$R$366,ROW(INDEX(Jesper!AL$2:AL$366,ROUNDDOWN($C4716/24,0)+1,1))-1)+IF('Standard Profiles'!$G$22=$B$10,7,0)+IF('Standard Profiles'!$G$22=$B$17,14,0)+IF('Standard Profiles'!$G$22=$B$24,21,0),0)),0)</f>
        <v>0</v>
      </c>
      <c r="I4716">
        <f t="shared" si="531"/>
        <v>7.9043858044413662E-2</v>
      </c>
      <c r="J4716">
        <f t="shared" si="532"/>
        <v>0.26347952681471226</v>
      </c>
      <c r="K4716">
        <f t="shared" si="533"/>
        <v>0.39521929022206836</v>
      </c>
      <c r="L4716">
        <f t="shared" si="534"/>
        <v>6.4502893309221987</v>
      </c>
      <c r="M4716">
        <f t="shared" si="535"/>
        <v>0</v>
      </c>
      <c r="N4716" s="46">
        <f t="shared" si="536"/>
        <v>45487.083333321978</v>
      </c>
    </row>
    <row r="4717" spans="2:14" x14ac:dyDescent="0.3">
      <c r="B4717">
        <f t="shared" si="530"/>
        <v>7</v>
      </c>
      <c r="C4717" s="16">
        <v>4683</v>
      </c>
      <c r="D4717" cm="1">
        <f t="array" ref="D4717">IFERROR(INDEX(Jesper!AH$2:AH$366,ROUNDDOWN($C4717/24,0)+1,1)*INDEX($D$3:$AA$30,INDEX(Jesper!$R$2:$R$366,ROW(INDEX(Jesper!AH$2:AH$366,ROUNDDOWN($C4717/24,0)+1,1))-1)+IF('Standard Profiles'!$G$18=$B$10,7,0)+IF('Standard Profiles'!$G$18=$B$17,14,0)+IF('Standard Profiles'!$G$18=$B$24,21,0),MOD($C4717,24)+1)/SUM(INDEX($D$3:$AA$30,INDEX(Jesper!$R$2:$R$366,ROW(INDEX(Jesper!AH$2:AH$366,ROUNDDOWN($C4717/24,0)+1,1))-1)+IF('Standard Profiles'!$G$18=$B$10,7,0)+IF('Standard Profiles'!$G$18=$B$17,14,0)+IF('Standard Profiles'!$G$18=$B$24,21,0),0)),0)</f>
        <v>6.3106451817104015</v>
      </c>
      <c r="E4717" cm="1">
        <f t="array" ref="E4717">IFERROR(INDEX(Jesper!AI$2:AI$366,ROUNDDOWN($C4717/24,0)+1,1)*INDEX($D$3:$AA$30,INDEX(Jesper!$R$2:$R$366,ROW(INDEX(Jesper!AI$2:AI$366,ROUNDDOWN($C4717/24,0)+1,1))-1)+IF('Standard Profiles'!$G$19=$B$10,7,0)+IF('Standard Profiles'!$G$19=$B$17,14,0)+IF('Standard Profiles'!$G$19=$B$24,21,0),MOD($C4717,24)+1)/SUM(INDEX($D$3:$AA$30,INDEX(Jesper!$R$2:$R$366,ROW(INDEX(Jesper!AI$2:AI$366,ROUNDDOWN($C4717/24,0)+1,1))-1)+IF('Standard Profiles'!$G$19=$B$10,7,0)+IF('Standard Profiles'!$G$19=$B$17,14,0)+IF('Standard Profiles'!$G$19=$B$24,21,0),0)),0)</f>
        <v>0.87738682429299142</v>
      </c>
      <c r="F4717" cm="1">
        <f t="array" ref="F4717">IFERROR(INDEX(Jesper!AJ$2:AJ$366,ROUNDDOWN($C4717/24,0)+1,1)*INDEX($D$3:$AA$30,INDEX(Jesper!$R$2:$R$366,ROW(INDEX(Jesper!AJ$2:AJ$366,ROUNDDOWN($C4717/24,0)+1,1))-1)+IF('Standard Profiles'!$G$20=$B$10,7,0)+IF('Standard Profiles'!$G$20=$B$17,14,0)+IF('Standard Profiles'!$G$20=$B$24,21,0),MOD($C4717,24)+1)/SUM(INDEX($D$3:$AA$30,INDEX(Jesper!$R$2:$R$366,ROW(INDEX(Jesper!AJ$2:AJ$366,ROUNDDOWN($C4717/24,0)+1,1))-1)+IF('Standard Profiles'!$G$20=$B$10,7,0)+IF('Standard Profiles'!$G$20=$B$17,14,0)+IF('Standard Profiles'!$G$20=$B$24,21,0),0)),0)</f>
        <v>0</v>
      </c>
      <c r="G4717" cm="1">
        <f t="array" ref="G4717">IFERROR(INDEX(Jesper!AK$2:AK$366,ROUNDDOWN($C4717/24,0)+1,1)*INDEX($D$3:$AA$30,INDEX(Jesper!$R$2:$R$366,ROW(INDEX(Jesper!AK$2:AK$366,ROUNDDOWN($C4717/24,0)+1,1))-1)+IF('Standard Profiles'!$G$21=$B$10,7,0)+IF('Standard Profiles'!$G$21=$B$17,14,0)+IF('Standard Profiles'!$G$21=$B$24,21,0),MOD($C4717,24)+1)/SUM(INDEX($D$3:$AA$30,INDEX(Jesper!$R$2:$R$366,ROW(INDEX(Jesper!AK$2:AK$366,ROUNDDOWN($C4717/24,0)+1,1))-1)+IF('Standard Profiles'!$G$21=$B$10,7,0)+IF('Standard Profiles'!$G$21=$B$17,14,0)+IF('Standard Profiles'!$G$21=$B$24,21,0),0)),0)</f>
        <v>0</v>
      </c>
      <c r="H4717" cm="1">
        <f t="array" ref="H4717">IFERROR(INDEX(Jesper!AL$2:AL$366,ROUNDDOWN($C4717/24,0)+1,1)*INDEX($D$3:$AA$30,INDEX(Jesper!$R$2:$R$366,ROW(INDEX(Jesper!AL$2:AL$366,ROUNDDOWN($C4717/24,0)+1,1))-1)+IF('Standard Profiles'!$G$22=$B$10,7,0)+IF('Standard Profiles'!$G$22=$B$17,14,0)+IF('Standard Profiles'!$G$22=$B$24,21,0),MOD($C4717,24)+1)/SUM(INDEX($D$3:$AA$30,INDEX(Jesper!$R$2:$R$366,ROW(INDEX(Jesper!AL$2:AL$366,ROUNDDOWN($C4717/24,0)+1,1))-1)+IF('Standard Profiles'!$G$22=$B$10,7,0)+IF('Standard Profiles'!$G$22=$B$17,14,0)+IF('Standard Profiles'!$G$22=$B$24,21,0),0)),0)</f>
        <v>0</v>
      </c>
      <c r="I4717">
        <f t="shared" si="531"/>
        <v>7.9043858044413662E-2</v>
      </c>
      <c r="J4717">
        <f t="shared" si="532"/>
        <v>0.26347952681471226</v>
      </c>
      <c r="K4717">
        <f t="shared" si="533"/>
        <v>0.39521929022206836</v>
      </c>
      <c r="L4717">
        <f t="shared" si="534"/>
        <v>6.4502893309221987</v>
      </c>
      <c r="M4717">
        <f t="shared" si="535"/>
        <v>0</v>
      </c>
      <c r="N4717" s="46">
        <f t="shared" si="536"/>
        <v>45487.124999988642</v>
      </c>
    </row>
    <row r="4718" spans="2:14" x14ac:dyDescent="0.3">
      <c r="B4718">
        <f t="shared" si="530"/>
        <v>7</v>
      </c>
      <c r="C4718" s="16">
        <v>4684</v>
      </c>
      <c r="D4718" cm="1">
        <f t="array" ref="D4718">IFERROR(INDEX(Jesper!AH$2:AH$366,ROUNDDOWN($C4718/24,0)+1,1)*INDEX($D$3:$AA$30,INDEX(Jesper!$R$2:$R$366,ROW(INDEX(Jesper!AH$2:AH$366,ROUNDDOWN($C4718/24,0)+1,1))-1)+IF('Standard Profiles'!$G$18=$B$10,7,0)+IF('Standard Profiles'!$G$18=$B$17,14,0)+IF('Standard Profiles'!$G$18=$B$24,21,0),MOD($C4718,24)+1)/SUM(INDEX($D$3:$AA$30,INDEX(Jesper!$R$2:$R$366,ROW(INDEX(Jesper!AH$2:AH$366,ROUNDDOWN($C4718/24,0)+1,1))-1)+IF('Standard Profiles'!$G$18=$B$10,7,0)+IF('Standard Profiles'!$G$18=$B$17,14,0)+IF('Standard Profiles'!$G$18=$B$24,21,0),0)),0)</f>
        <v>6.3106451817104015</v>
      </c>
      <c r="E4718" cm="1">
        <f t="array" ref="E4718">IFERROR(INDEX(Jesper!AI$2:AI$366,ROUNDDOWN($C4718/24,0)+1,1)*INDEX($D$3:$AA$30,INDEX(Jesper!$R$2:$R$366,ROW(INDEX(Jesper!AI$2:AI$366,ROUNDDOWN($C4718/24,0)+1,1))-1)+IF('Standard Profiles'!$G$19=$B$10,7,0)+IF('Standard Profiles'!$G$19=$B$17,14,0)+IF('Standard Profiles'!$G$19=$B$24,21,0),MOD($C4718,24)+1)/SUM(INDEX($D$3:$AA$30,INDEX(Jesper!$R$2:$R$366,ROW(INDEX(Jesper!AI$2:AI$366,ROUNDDOWN($C4718/24,0)+1,1))-1)+IF('Standard Profiles'!$G$19=$B$10,7,0)+IF('Standard Profiles'!$G$19=$B$17,14,0)+IF('Standard Profiles'!$G$19=$B$24,21,0),0)),0)</f>
        <v>0.87738682429299142</v>
      </c>
      <c r="F4718" cm="1">
        <f t="array" ref="F4718">IFERROR(INDEX(Jesper!AJ$2:AJ$366,ROUNDDOWN($C4718/24,0)+1,1)*INDEX($D$3:$AA$30,INDEX(Jesper!$R$2:$R$366,ROW(INDEX(Jesper!AJ$2:AJ$366,ROUNDDOWN($C4718/24,0)+1,1))-1)+IF('Standard Profiles'!$G$20=$B$10,7,0)+IF('Standard Profiles'!$G$20=$B$17,14,0)+IF('Standard Profiles'!$G$20=$B$24,21,0),MOD($C4718,24)+1)/SUM(INDEX($D$3:$AA$30,INDEX(Jesper!$R$2:$R$366,ROW(INDEX(Jesper!AJ$2:AJ$366,ROUNDDOWN($C4718/24,0)+1,1))-1)+IF('Standard Profiles'!$G$20=$B$10,7,0)+IF('Standard Profiles'!$G$20=$B$17,14,0)+IF('Standard Profiles'!$G$20=$B$24,21,0),0)),0)</f>
        <v>0</v>
      </c>
      <c r="G4718" cm="1">
        <f t="array" ref="G4718">IFERROR(INDEX(Jesper!AK$2:AK$366,ROUNDDOWN($C4718/24,0)+1,1)*INDEX($D$3:$AA$30,INDEX(Jesper!$R$2:$R$366,ROW(INDEX(Jesper!AK$2:AK$366,ROUNDDOWN($C4718/24,0)+1,1))-1)+IF('Standard Profiles'!$G$21=$B$10,7,0)+IF('Standard Profiles'!$G$21=$B$17,14,0)+IF('Standard Profiles'!$G$21=$B$24,21,0),MOD($C4718,24)+1)/SUM(INDEX($D$3:$AA$30,INDEX(Jesper!$R$2:$R$366,ROW(INDEX(Jesper!AK$2:AK$366,ROUNDDOWN($C4718/24,0)+1,1))-1)+IF('Standard Profiles'!$G$21=$B$10,7,0)+IF('Standard Profiles'!$G$21=$B$17,14,0)+IF('Standard Profiles'!$G$21=$B$24,21,0),0)),0)</f>
        <v>0</v>
      </c>
      <c r="H4718" cm="1">
        <f t="array" ref="H4718">IFERROR(INDEX(Jesper!AL$2:AL$366,ROUNDDOWN($C4718/24,0)+1,1)*INDEX($D$3:$AA$30,INDEX(Jesper!$R$2:$R$366,ROW(INDEX(Jesper!AL$2:AL$366,ROUNDDOWN($C4718/24,0)+1,1))-1)+IF('Standard Profiles'!$G$22=$B$10,7,0)+IF('Standard Profiles'!$G$22=$B$17,14,0)+IF('Standard Profiles'!$G$22=$B$24,21,0),MOD($C4718,24)+1)/SUM(INDEX($D$3:$AA$30,INDEX(Jesper!$R$2:$R$366,ROW(INDEX(Jesper!AL$2:AL$366,ROUNDDOWN($C4718/24,0)+1,1))-1)+IF('Standard Profiles'!$G$22=$B$10,7,0)+IF('Standard Profiles'!$G$22=$B$17,14,0)+IF('Standard Profiles'!$G$22=$B$24,21,0),0)),0)</f>
        <v>0</v>
      </c>
      <c r="I4718">
        <f t="shared" si="531"/>
        <v>7.9043858044413662E-2</v>
      </c>
      <c r="J4718">
        <f t="shared" si="532"/>
        <v>0.26347952681471226</v>
      </c>
      <c r="K4718">
        <f t="shared" si="533"/>
        <v>0.39521929022206836</v>
      </c>
      <c r="L4718">
        <f t="shared" si="534"/>
        <v>6.4502893309221987</v>
      </c>
      <c r="M4718">
        <f t="shared" si="535"/>
        <v>0</v>
      </c>
      <c r="N4718" s="46">
        <f t="shared" si="536"/>
        <v>45487.166666655306</v>
      </c>
    </row>
    <row r="4719" spans="2:14" x14ac:dyDescent="0.3">
      <c r="B4719">
        <f t="shared" si="530"/>
        <v>7</v>
      </c>
      <c r="C4719" s="16">
        <v>4685</v>
      </c>
      <c r="D4719" cm="1">
        <f t="array" ref="D4719">IFERROR(INDEX(Jesper!AH$2:AH$366,ROUNDDOWN($C4719/24,0)+1,1)*INDEX($D$3:$AA$30,INDEX(Jesper!$R$2:$R$366,ROW(INDEX(Jesper!AH$2:AH$366,ROUNDDOWN($C4719/24,0)+1,1))-1)+IF('Standard Profiles'!$G$18=$B$10,7,0)+IF('Standard Profiles'!$G$18=$B$17,14,0)+IF('Standard Profiles'!$G$18=$B$24,21,0),MOD($C4719,24)+1)/SUM(INDEX($D$3:$AA$30,INDEX(Jesper!$R$2:$R$366,ROW(INDEX(Jesper!AH$2:AH$366,ROUNDDOWN($C4719/24,0)+1,1))-1)+IF('Standard Profiles'!$G$18=$B$10,7,0)+IF('Standard Profiles'!$G$18=$B$17,14,0)+IF('Standard Profiles'!$G$18=$B$24,21,0),0)),0)</f>
        <v>7.888306477138002</v>
      </c>
      <c r="E4719" cm="1">
        <f t="array" ref="E4719">IFERROR(INDEX(Jesper!AI$2:AI$366,ROUNDDOWN($C4719/24,0)+1,1)*INDEX($D$3:$AA$30,INDEX(Jesper!$R$2:$R$366,ROW(INDEX(Jesper!AI$2:AI$366,ROUNDDOWN($C4719/24,0)+1,1))-1)+IF('Standard Profiles'!$G$19=$B$10,7,0)+IF('Standard Profiles'!$G$19=$B$17,14,0)+IF('Standard Profiles'!$G$19=$B$24,21,0),MOD($C4719,24)+1)/SUM(INDEX($D$3:$AA$30,INDEX(Jesper!$R$2:$R$366,ROW(INDEX(Jesper!AI$2:AI$366,ROUNDDOWN($C4719/24,0)+1,1))-1)+IF('Standard Profiles'!$G$19=$B$10,7,0)+IF('Standard Profiles'!$G$19=$B$17,14,0)+IF('Standard Profiles'!$G$19=$B$24,21,0),0)),0)</f>
        <v>1.0967335303662393</v>
      </c>
      <c r="F4719" cm="1">
        <f t="array" ref="F4719">IFERROR(INDEX(Jesper!AJ$2:AJ$366,ROUNDDOWN($C4719/24,0)+1,1)*INDEX($D$3:$AA$30,INDEX(Jesper!$R$2:$R$366,ROW(INDEX(Jesper!AJ$2:AJ$366,ROUNDDOWN($C4719/24,0)+1,1))-1)+IF('Standard Profiles'!$G$20=$B$10,7,0)+IF('Standard Profiles'!$G$20=$B$17,14,0)+IF('Standard Profiles'!$G$20=$B$24,21,0),MOD($C4719,24)+1)/SUM(INDEX($D$3:$AA$30,INDEX(Jesper!$R$2:$R$366,ROW(INDEX(Jesper!AJ$2:AJ$366,ROUNDDOWN($C4719/24,0)+1,1))-1)+IF('Standard Profiles'!$G$20=$B$10,7,0)+IF('Standard Profiles'!$G$20=$B$17,14,0)+IF('Standard Profiles'!$G$20=$B$24,21,0),0)),0)</f>
        <v>0</v>
      </c>
      <c r="G4719" cm="1">
        <f t="array" ref="G4719">IFERROR(INDEX(Jesper!AK$2:AK$366,ROUNDDOWN($C4719/24,0)+1,1)*INDEX($D$3:$AA$30,INDEX(Jesper!$R$2:$R$366,ROW(INDEX(Jesper!AK$2:AK$366,ROUNDDOWN($C4719/24,0)+1,1))-1)+IF('Standard Profiles'!$G$21=$B$10,7,0)+IF('Standard Profiles'!$G$21=$B$17,14,0)+IF('Standard Profiles'!$G$21=$B$24,21,0),MOD($C4719,24)+1)/SUM(INDEX($D$3:$AA$30,INDEX(Jesper!$R$2:$R$366,ROW(INDEX(Jesper!AK$2:AK$366,ROUNDDOWN($C4719/24,0)+1,1))-1)+IF('Standard Profiles'!$G$21=$B$10,7,0)+IF('Standard Profiles'!$G$21=$B$17,14,0)+IF('Standard Profiles'!$G$21=$B$24,21,0),0)),0)</f>
        <v>0</v>
      </c>
      <c r="H4719" cm="1">
        <f t="array" ref="H4719">IFERROR(INDEX(Jesper!AL$2:AL$366,ROUNDDOWN($C4719/24,0)+1,1)*INDEX($D$3:$AA$30,INDEX(Jesper!$R$2:$R$366,ROW(INDEX(Jesper!AL$2:AL$366,ROUNDDOWN($C4719/24,0)+1,1))-1)+IF('Standard Profiles'!$G$22=$B$10,7,0)+IF('Standard Profiles'!$G$22=$B$17,14,0)+IF('Standard Profiles'!$G$22=$B$24,21,0),MOD($C4719,24)+1)/SUM(INDEX($D$3:$AA$30,INDEX(Jesper!$R$2:$R$366,ROW(INDEX(Jesper!AL$2:AL$366,ROUNDDOWN($C4719/24,0)+1,1))-1)+IF('Standard Profiles'!$G$22=$B$10,7,0)+IF('Standard Profiles'!$G$22=$B$17,14,0)+IF('Standard Profiles'!$G$22=$B$24,21,0),0)),0)</f>
        <v>0</v>
      </c>
      <c r="I4719">
        <f t="shared" si="531"/>
        <v>9.8804822555517077E-2</v>
      </c>
      <c r="J4719">
        <f t="shared" si="532"/>
        <v>0.32934940851839034</v>
      </c>
      <c r="K4719">
        <f t="shared" si="533"/>
        <v>0.49402411277758546</v>
      </c>
      <c r="L4719">
        <f t="shared" si="534"/>
        <v>8.0628616636527486</v>
      </c>
      <c r="M4719">
        <f t="shared" si="535"/>
        <v>0</v>
      </c>
      <c r="N4719" s="46">
        <f t="shared" si="536"/>
        <v>45487.208333321971</v>
      </c>
    </row>
    <row r="4720" spans="2:14" x14ac:dyDescent="0.3">
      <c r="B4720">
        <f t="shared" si="530"/>
        <v>7</v>
      </c>
      <c r="C4720" s="16">
        <v>4686</v>
      </c>
      <c r="D4720" cm="1">
        <f t="array" ref="D4720">IFERROR(INDEX(Jesper!AH$2:AH$366,ROUNDDOWN($C4720/24,0)+1,1)*INDEX($D$3:$AA$30,INDEX(Jesper!$R$2:$R$366,ROW(INDEX(Jesper!AH$2:AH$366,ROUNDDOWN($C4720/24,0)+1,1))-1)+IF('Standard Profiles'!$G$18=$B$10,7,0)+IF('Standard Profiles'!$G$18=$B$17,14,0)+IF('Standard Profiles'!$G$18=$B$24,21,0),MOD($C4720,24)+1)/SUM(INDEX($D$3:$AA$30,INDEX(Jesper!$R$2:$R$366,ROW(INDEX(Jesper!AH$2:AH$366,ROUNDDOWN($C4720/24,0)+1,1))-1)+IF('Standard Profiles'!$G$18=$B$10,7,0)+IF('Standard Profiles'!$G$18=$B$17,14,0)+IF('Standard Profiles'!$G$18=$B$24,21,0),0)),0)</f>
        <v>9.2906720730736474</v>
      </c>
      <c r="E4720" cm="1">
        <f t="array" ref="E4720">IFERROR(INDEX(Jesper!AI$2:AI$366,ROUNDDOWN($C4720/24,0)+1,1)*INDEX($D$3:$AA$30,INDEX(Jesper!$R$2:$R$366,ROW(INDEX(Jesper!AI$2:AI$366,ROUNDDOWN($C4720/24,0)+1,1))-1)+IF('Standard Profiles'!$G$19=$B$10,7,0)+IF('Standard Profiles'!$G$19=$B$17,14,0)+IF('Standard Profiles'!$G$19=$B$24,21,0),MOD($C4720,24)+1)/SUM(INDEX($D$3:$AA$30,INDEX(Jesper!$R$2:$R$366,ROW(INDEX(Jesper!AI$2:AI$366,ROUNDDOWN($C4720/24,0)+1,1))-1)+IF('Standard Profiles'!$G$19=$B$10,7,0)+IF('Standard Profiles'!$G$19=$B$17,14,0)+IF('Standard Profiles'!$G$19=$B$24,21,0),0)),0)</f>
        <v>1.2917083802091263</v>
      </c>
      <c r="F4720" cm="1">
        <f t="array" ref="F4720">IFERROR(INDEX(Jesper!AJ$2:AJ$366,ROUNDDOWN($C4720/24,0)+1,1)*INDEX($D$3:$AA$30,INDEX(Jesper!$R$2:$R$366,ROW(INDEX(Jesper!AJ$2:AJ$366,ROUNDDOWN($C4720/24,0)+1,1))-1)+IF('Standard Profiles'!$G$20=$B$10,7,0)+IF('Standard Profiles'!$G$20=$B$17,14,0)+IF('Standard Profiles'!$G$20=$B$24,21,0),MOD($C4720,24)+1)/SUM(INDEX($D$3:$AA$30,INDEX(Jesper!$R$2:$R$366,ROW(INDEX(Jesper!AJ$2:AJ$366,ROUNDDOWN($C4720/24,0)+1,1))-1)+IF('Standard Profiles'!$G$20=$B$10,7,0)+IF('Standard Profiles'!$G$20=$B$17,14,0)+IF('Standard Profiles'!$G$20=$B$24,21,0),0)),0)</f>
        <v>0</v>
      </c>
      <c r="G4720" cm="1">
        <f t="array" ref="G4720">IFERROR(INDEX(Jesper!AK$2:AK$366,ROUNDDOWN($C4720/24,0)+1,1)*INDEX($D$3:$AA$30,INDEX(Jesper!$R$2:$R$366,ROW(INDEX(Jesper!AK$2:AK$366,ROUNDDOWN($C4720/24,0)+1,1))-1)+IF('Standard Profiles'!$G$21=$B$10,7,0)+IF('Standard Profiles'!$G$21=$B$17,14,0)+IF('Standard Profiles'!$G$21=$B$24,21,0),MOD($C4720,24)+1)/SUM(INDEX($D$3:$AA$30,INDEX(Jesper!$R$2:$R$366,ROW(INDEX(Jesper!AK$2:AK$366,ROUNDDOWN($C4720/24,0)+1,1))-1)+IF('Standard Profiles'!$G$21=$B$10,7,0)+IF('Standard Profiles'!$G$21=$B$17,14,0)+IF('Standard Profiles'!$G$21=$B$24,21,0),0)),0)</f>
        <v>0</v>
      </c>
      <c r="H4720" cm="1">
        <f t="array" ref="H4720">IFERROR(INDEX(Jesper!AL$2:AL$366,ROUNDDOWN($C4720/24,0)+1,1)*INDEX($D$3:$AA$30,INDEX(Jesper!$R$2:$R$366,ROW(INDEX(Jesper!AL$2:AL$366,ROUNDDOWN($C4720/24,0)+1,1))-1)+IF('Standard Profiles'!$G$22=$B$10,7,0)+IF('Standard Profiles'!$G$22=$B$17,14,0)+IF('Standard Profiles'!$G$22=$B$24,21,0),MOD($C4720,24)+1)/SUM(INDEX($D$3:$AA$30,INDEX(Jesper!$R$2:$R$366,ROW(INDEX(Jesper!AL$2:AL$366,ROUNDDOWN($C4720/24,0)+1,1))-1)+IF('Standard Profiles'!$G$22=$B$10,7,0)+IF('Standard Profiles'!$G$22=$B$17,14,0)+IF('Standard Profiles'!$G$22=$B$24,21,0),0)),0)</f>
        <v>0</v>
      </c>
      <c r="I4720">
        <f t="shared" si="531"/>
        <v>0.11637012434316456</v>
      </c>
      <c r="J4720">
        <f t="shared" si="532"/>
        <v>0.38790041447721524</v>
      </c>
      <c r="K4720">
        <f t="shared" si="533"/>
        <v>0.58185062171582291</v>
      </c>
      <c r="L4720">
        <f t="shared" si="534"/>
        <v>9.4962592927465703</v>
      </c>
      <c r="M4720">
        <f t="shared" si="535"/>
        <v>0</v>
      </c>
      <c r="N4720" s="46">
        <f t="shared" si="536"/>
        <v>45487.249999988635</v>
      </c>
    </row>
    <row r="4721" spans="2:14" x14ac:dyDescent="0.3">
      <c r="B4721">
        <f t="shared" si="530"/>
        <v>7</v>
      </c>
      <c r="C4721" s="16">
        <v>4687</v>
      </c>
      <c r="D4721" cm="1">
        <f t="array" ref="D4721">IFERROR(INDEX(Jesper!AH$2:AH$366,ROUNDDOWN($C4721/24,0)+1,1)*INDEX($D$3:$AA$30,INDEX(Jesper!$R$2:$R$366,ROW(INDEX(Jesper!AH$2:AH$366,ROUNDDOWN($C4721/24,0)+1,1))-1)+IF('Standard Profiles'!$G$18=$B$10,7,0)+IF('Standard Profiles'!$G$18=$B$17,14,0)+IF('Standard Profiles'!$G$18=$B$24,21,0),MOD($C4721,24)+1)/SUM(INDEX($D$3:$AA$30,INDEX(Jesper!$R$2:$R$366,ROW(INDEX(Jesper!AH$2:AH$366,ROUNDDOWN($C4721/24,0)+1,1))-1)+IF('Standard Profiles'!$G$18=$B$10,7,0)+IF('Standard Profiles'!$G$18=$B$17,14,0)+IF('Standard Profiles'!$G$18=$B$24,21,0),0)),0)</f>
        <v>11.043629067993203</v>
      </c>
      <c r="E4721" cm="1">
        <f t="array" ref="E4721">IFERROR(INDEX(Jesper!AI$2:AI$366,ROUNDDOWN($C4721/24,0)+1,1)*INDEX($D$3:$AA$30,INDEX(Jesper!$R$2:$R$366,ROW(INDEX(Jesper!AI$2:AI$366,ROUNDDOWN($C4721/24,0)+1,1))-1)+IF('Standard Profiles'!$G$19=$B$10,7,0)+IF('Standard Profiles'!$G$19=$B$17,14,0)+IF('Standard Profiles'!$G$19=$B$24,21,0),MOD($C4721,24)+1)/SUM(INDEX($D$3:$AA$30,INDEX(Jesper!$R$2:$R$366,ROW(INDEX(Jesper!AI$2:AI$366,ROUNDDOWN($C4721/24,0)+1,1))-1)+IF('Standard Profiles'!$G$19=$B$10,7,0)+IF('Standard Profiles'!$G$19=$B$17,14,0)+IF('Standard Profiles'!$G$19=$B$24,21,0),0)),0)</f>
        <v>1.5354269425127351</v>
      </c>
      <c r="F4721" cm="1">
        <f t="array" ref="F4721">IFERROR(INDEX(Jesper!AJ$2:AJ$366,ROUNDDOWN($C4721/24,0)+1,1)*INDEX($D$3:$AA$30,INDEX(Jesper!$R$2:$R$366,ROW(INDEX(Jesper!AJ$2:AJ$366,ROUNDDOWN($C4721/24,0)+1,1))-1)+IF('Standard Profiles'!$G$20=$B$10,7,0)+IF('Standard Profiles'!$G$20=$B$17,14,0)+IF('Standard Profiles'!$G$20=$B$24,21,0),MOD($C4721,24)+1)/SUM(INDEX($D$3:$AA$30,INDEX(Jesper!$R$2:$R$366,ROW(INDEX(Jesper!AJ$2:AJ$366,ROUNDDOWN($C4721/24,0)+1,1))-1)+IF('Standard Profiles'!$G$20=$B$10,7,0)+IF('Standard Profiles'!$G$20=$B$17,14,0)+IF('Standard Profiles'!$G$20=$B$24,21,0),0)),0)</f>
        <v>0</v>
      </c>
      <c r="G4721" cm="1">
        <f t="array" ref="G4721">IFERROR(INDEX(Jesper!AK$2:AK$366,ROUNDDOWN($C4721/24,0)+1,1)*INDEX($D$3:$AA$30,INDEX(Jesper!$R$2:$R$366,ROW(INDEX(Jesper!AK$2:AK$366,ROUNDDOWN($C4721/24,0)+1,1))-1)+IF('Standard Profiles'!$G$21=$B$10,7,0)+IF('Standard Profiles'!$G$21=$B$17,14,0)+IF('Standard Profiles'!$G$21=$B$24,21,0),MOD($C4721,24)+1)/SUM(INDEX($D$3:$AA$30,INDEX(Jesper!$R$2:$R$366,ROW(INDEX(Jesper!AK$2:AK$366,ROUNDDOWN($C4721/24,0)+1,1))-1)+IF('Standard Profiles'!$G$21=$B$10,7,0)+IF('Standard Profiles'!$G$21=$B$17,14,0)+IF('Standard Profiles'!$G$21=$B$24,21,0),0)),0)</f>
        <v>0</v>
      </c>
      <c r="H4721" cm="1">
        <f t="array" ref="H4721">IFERROR(INDEX(Jesper!AL$2:AL$366,ROUNDDOWN($C4721/24,0)+1,1)*INDEX($D$3:$AA$30,INDEX(Jesper!$R$2:$R$366,ROW(INDEX(Jesper!AL$2:AL$366,ROUNDDOWN($C4721/24,0)+1,1))-1)+IF('Standard Profiles'!$G$22=$B$10,7,0)+IF('Standard Profiles'!$G$22=$B$17,14,0)+IF('Standard Profiles'!$G$22=$B$24,21,0),MOD($C4721,24)+1)/SUM(INDEX($D$3:$AA$30,INDEX(Jesper!$R$2:$R$366,ROW(INDEX(Jesper!AL$2:AL$366,ROUNDDOWN($C4721/24,0)+1,1))-1)+IF('Standard Profiles'!$G$22=$B$10,7,0)+IF('Standard Profiles'!$G$22=$B$17,14,0)+IF('Standard Profiles'!$G$22=$B$24,21,0),0)),0)</f>
        <v>0</v>
      </c>
      <c r="I4721">
        <f t="shared" si="531"/>
        <v>0.13832675157772392</v>
      </c>
      <c r="J4721">
        <f t="shared" si="532"/>
        <v>0.46108917192574644</v>
      </c>
      <c r="K4721">
        <f t="shared" si="533"/>
        <v>0.69163375788861969</v>
      </c>
      <c r="L4721">
        <f t="shared" si="534"/>
        <v>11.288006329113848</v>
      </c>
      <c r="M4721">
        <f t="shared" si="535"/>
        <v>0</v>
      </c>
      <c r="N4721" s="46">
        <f t="shared" si="536"/>
        <v>45487.291666655299</v>
      </c>
    </row>
    <row r="4722" spans="2:14" x14ac:dyDescent="0.3">
      <c r="B4722">
        <f t="shared" si="530"/>
        <v>7</v>
      </c>
      <c r="C4722" s="16">
        <v>4688</v>
      </c>
      <c r="D4722" cm="1">
        <f t="array" ref="D4722">IFERROR(INDEX(Jesper!AH$2:AH$366,ROUNDDOWN($C4722/24,0)+1,1)*INDEX($D$3:$AA$30,INDEX(Jesper!$R$2:$R$366,ROW(INDEX(Jesper!AH$2:AH$366,ROUNDDOWN($C4722/24,0)+1,1))-1)+IF('Standard Profiles'!$G$18=$B$10,7,0)+IF('Standard Profiles'!$G$18=$B$17,14,0)+IF('Standard Profiles'!$G$18=$B$24,21,0),MOD($C4722,24)+1)/SUM(INDEX($D$3:$AA$30,INDEX(Jesper!$R$2:$R$366,ROW(INDEX(Jesper!AH$2:AH$366,ROUNDDOWN($C4722/24,0)+1,1))-1)+IF('Standard Profiles'!$G$18=$B$10,7,0)+IF('Standard Profiles'!$G$18=$B$17,14,0)+IF('Standard Profiles'!$G$18=$B$24,21,0),0)),0)</f>
        <v>11.043629067993203</v>
      </c>
      <c r="E4722" cm="1">
        <f t="array" ref="E4722">IFERROR(INDEX(Jesper!AI$2:AI$366,ROUNDDOWN($C4722/24,0)+1,1)*INDEX($D$3:$AA$30,INDEX(Jesper!$R$2:$R$366,ROW(INDEX(Jesper!AI$2:AI$366,ROUNDDOWN($C4722/24,0)+1,1))-1)+IF('Standard Profiles'!$G$19=$B$10,7,0)+IF('Standard Profiles'!$G$19=$B$17,14,0)+IF('Standard Profiles'!$G$19=$B$24,21,0),MOD($C4722,24)+1)/SUM(INDEX($D$3:$AA$30,INDEX(Jesper!$R$2:$R$366,ROW(INDEX(Jesper!AI$2:AI$366,ROUNDDOWN($C4722/24,0)+1,1))-1)+IF('Standard Profiles'!$G$19=$B$10,7,0)+IF('Standard Profiles'!$G$19=$B$17,14,0)+IF('Standard Profiles'!$G$19=$B$24,21,0),0)),0)</f>
        <v>1.5354269425127351</v>
      </c>
      <c r="F4722" cm="1">
        <f t="array" ref="F4722">IFERROR(INDEX(Jesper!AJ$2:AJ$366,ROUNDDOWN($C4722/24,0)+1,1)*INDEX($D$3:$AA$30,INDEX(Jesper!$R$2:$R$366,ROW(INDEX(Jesper!AJ$2:AJ$366,ROUNDDOWN($C4722/24,0)+1,1))-1)+IF('Standard Profiles'!$G$20=$B$10,7,0)+IF('Standard Profiles'!$G$20=$B$17,14,0)+IF('Standard Profiles'!$G$20=$B$24,21,0),MOD($C4722,24)+1)/SUM(INDEX($D$3:$AA$30,INDEX(Jesper!$R$2:$R$366,ROW(INDEX(Jesper!AJ$2:AJ$366,ROUNDDOWN($C4722/24,0)+1,1))-1)+IF('Standard Profiles'!$G$20=$B$10,7,0)+IF('Standard Profiles'!$G$20=$B$17,14,0)+IF('Standard Profiles'!$G$20=$B$24,21,0),0)),0)</f>
        <v>0</v>
      </c>
      <c r="G4722" cm="1">
        <f t="array" ref="G4722">IFERROR(INDEX(Jesper!AK$2:AK$366,ROUNDDOWN($C4722/24,0)+1,1)*INDEX($D$3:$AA$30,INDEX(Jesper!$R$2:$R$366,ROW(INDEX(Jesper!AK$2:AK$366,ROUNDDOWN($C4722/24,0)+1,1))-1)+IF('Standard Profiles'!$G$21=$B$10,7,0)+IF('Standard Profiles'!$G$21=$B$17,14,0)+IF('Standard Profiles'!$G$21=$B$24,21,0),MOD($C4722,24)+1)/SUM(INDEX($D$3:$AA$30,INDEX(Jesper!$R$2:$R$366,ROW(INDEX(Jesper!AK$2:AK$366,ROUNDDOWN($C4722/24,0)+1,1))-1)+IF('Standard Profiles'!$G$21=$B$10,7,0)+IF('Standard Profiles'!$G$21=$B$17,14,0)+IF('Standard Profiles'!$G$21=$B$24,21,0),0)),0)</f>
        <v>0</v>
      </c>
      <c r="H4722" cm="1">
        <f t="array" ref="H4722">IFERROR(INDEX(Jesper!AL$2:AL$366,ROUNDDOWN($C4722/24,0)+1,1)*INDEX($D$3:$AA$30,INDEX(Jesper!$R$2:$R$366,ROW(INDEX(Jesper!AL$2:AL$366,ROUNDDOWN($C4722/24,0)+1,1))-1)+IF('Standard Profiles'!$G$22=$B$10,7,0)+IF('Standard Profiles'!$G$22=$B$17,14,0)+IF('Standard Profiles'!$G$22=$B$24,21,0),MOD($C4722,24)+1)/SUM(INDEX($D$3:$AA$30,INDEX(Jesper!$R$2:$R$366,ROW(INDEX(Jesper!AL$2:AL$366,ROUNDDOWN($C4722/24,0)+1,1))-1)+IF('Standard Profiles'!$G$22=$B$10,7,0)+IF('Standard Profiles'!$G$22=$B$17,14,0)+IF('Standard Profiles'!$G$22=$B$24,21,0),0)),0)</f>
        <v>0</v>
      </c>
      <c r="I4722">
        <f t="shared" si="531"/>
        <v>0.13832675157772392</v>
      </c>
      <c r="J4722">
        <f t="shared" si="532"/>
        <v>0.46108917192574644</v>
      </c>
      <c r="K4722">
        <f t="shared" si="533"/>
        <v>0.69163375788861969</v>
      </c>
      <c r="L4722">
        <f t="shared" si="534"/>
        <v>11.288006329113848</v>
      </c>
      <c r="M4722">
        <f t="shared" si="535"/>
        <v>0</v>
      </c>
      <c r="N4722" s="46">
        <f t="shared" si="536"/>
        <v>45487.333333321963</v>
      </c>
    </row>
    <row r="4723" spans="2:14" x14ac:dyDescent="0.3">
      <c r="B4723">
        <f t="shared" si="530"/>
        <v>7</v>
      </c>
      <c r="C4723" s="16">
        <v>4689</v>
      </c>
      <c r="D4723" cm="1">
        <f t="array" ref="D4723">IFERROR(INDEX(Jesper!AH$2:AH$366,ROUNDDOWN($C4723/24,0)+1,1)*INDEX($D$3:$AA$30,INDEX(Jesper!$R$2:$R$366,ROW(INDEX(Jesper!AH$2:AH$366,ROUNDDOWN($C4723/24,0)+1,1))-1)+IF('Standard Profiles'!$G$18=$B$10,7,0)+IF('Standard Profiles'!$G$18=$B$17,14,0)+IF('Standard Profiles'!$G$18=$B$24,21,0),MOD($C4723,24)+1)/SUM(INDEX($D$3:$AA$30,INDEX(Jesper!$R$2:$R$366,ROW(INDEX(Jesper!AH$2:AH$366,ROUNDDOWN($C4723/24,0)+1,1))-1)+IF('Standard Profiles'!$G$18=$B$10,7,0)+IF('Standard Profiles'!$G$18=$B$17,14,0)+IF('Standard Profiles'!$G$18=$B$24,21,0),0)),0)</f>
        <v>11.043629067993203</v>
      </c>
      <c r="E4723" cm="1">
        <f t="array" ref="E4723">IFERROR(INDEX(Jesper!AI$2:AI$366,ROUNDDOWN($C4723/24,0)+1,1)*INDEX($D$3:$AA$30,INDEX(Jesper!$R$2:$R$366,ROW(INDEX(Jesper!AI$2:AI$366,ROUNDDOWN($C4723/24,0)+1,1))-1)+IF('Standard Profiles'!$G$19=$B$10,7,0)+IF('Standard Profiles'!$G$19=$B$17,14,0)+IF('Standard Profiles'!$G$19=$B$24,21,0),MOD($C4723,24)+1)/SUM(INDEX($D$3:$AA$30,INDEX(Jesper!$R$2:$R$366,ROW(INDEX(Jesper!AI$2:AI$366,ROUNDDOWN($C4723/24,0)+1,1))-1)+IF('Standard Profiles'!$G$19=$B$10,7,0)+IF('Standard Profiles'!$G$19=$B$17,14,0)+IF('Standard Profiles'!$G$19=$B$24,21,0),0)),0)</f>
        <v>1.5354269425127351</v>
      </c>
      <c r="F4723" cm="1">
        <f t="array" ref="F4723">IFERROR(INDEX(Jesper!AJ$2:AJ$366,ROUNDDOWN($C4723/24,0)+1,1)*INDEX($D$3:$AA$30,INDEX(Jesper!$R$2:$R$366,ROW(INDEX(Jesper!AJ$2:AJ$366,ROUNDDOWN($C4723/24,0)+1,1))-1)+IF('Standard Profiles'!$G$20=$B$10,7,0)+IF('Standard Profiles'!$G$20=$B$17,14,0)+IF('Standard Profiles'!$G$20=$B$24,21,0),MOD($C4723,24)+1)/SUM(INDEX($D$3:$AA$30,INDEX(Jesper!$R$2:$R$366,ROW(INDEX(Jesper!AJ$2:AJ$366,ROUNDDOWN($C4723/24,0)+1,1))-1)+IF('Standard Profiles'!$G$20=$B$10,7,0)+IF('Standard Profiles'!$G$20=$B$17,14,0)+IF('Standard Profiles'!$G$20=$B$24,21,0),0)),0)</f>
        <v>0</v>
      </c>
      <c r="G4723" cm="1">
        <f t="array" ref="G4723">IFERROR(INDEX(Jesper!AK$2:AK$366,ROUNDDOWN($C4723/24,0)+1,1)*INDEX($D$3:$AA$30,INDEX(Jesper!$R$2:$R$366,ROW(INDEX(Jesper!AK$2:AK$366,ROUNDDOWN($C4723/24,0)+1,1))-1)+IF('Standard Profiles'!$G$21=$B$10,7,0)+IF('Standard Profiles'!$G$21=$B$17,14,0)+IF('Standard Profiles'!$G$21=$B$24,21,0),MOD($C4723,24)+1)/SUM(INDEX($D$3:$AA$30,INDEX(Jesper!$R$2:$R$366,ROW(INDEX(Jesper!AK$2:AK$366,ROUNDDOWN($C4723/24,0)+1,1))-1)+IF('Standard Profiles'!$G$21=$B$10,7,0)+IF('Standard Profiles'!$G$21=$B$17,14,0)+IF('Standard Profiles'!$G$21=$B$24,21,0),0)),0)</f>
        <v>0</v>
      </c>
      <c r="H4723" cm="1">
        <f t="array" ref="H4723">IFERROR(INDEX(Jesper!AL$2:AL$366,ROUNDDOWN($C4723/24,0)+1,1)*INDEX($D$3:$AA$30,INDEX(Jesper!$R$2:$R$366,ROW(INDEX(Jesper!AL$2:AL$366,ROUNDDOWN($C4723/24,0)+1,1))-1)+IF('Standard Profiles'!$G$22=$B$10,7,0)+IF('Standard Profiles'!$G$22=$B$17,14,0)+IF('Standard Profiles'!$G$22=$B$24,21,0),MOD($C4723,24)+1)/SUM(INDEX($D$3:$AA$30,INDEX(Jesper!$R$2:$R$366,ROW(INDEX(Jesper!AL$2:AL$366,ROUNDDOWN($C4723/24,0)+1,1))-1)+IF('Standard Profiles'!$G$22=$B$10,7,0)+IF('Standard Profiles'!$G$22=$B$17,14,0)+IF('Standard Profiles'!$G$22=$B$24,21,0),0)),0)</f>
        <v>0</v>
      </c>
      <c r="I4723">
        <f t="shared" si="531"/>
        <v>0.13832675157772392</v>
      </c>
      <c r="J4723">
        <f t="shared" si="532"/>
        <v>0.46108917192574644</v>
      </c>
      <c r="K4723">
        <f t="shared" si="533"/>
        <v>0.69163375788861969</v>
      </c>
      <c r="L4723">
        <f t="shared" si="534"/>
        <v>11.288006329113848</v>
      </c>
      <c r="M4723">
        <f t="shared" si="535"/>
        <v>0</v>
      </c>
      <c r="N4723" s="46">
        <f t="shared" si="536"/>
        <v>45487.374999988628</v>
      </c>
    </row>
    <row r="4724" spans="2:14" x14ac:dyDescent="0.3">
      <c r="B4724">
        <f t="shared" si="530"/>
        <v>7</v>
      </c>
      <c r="C4724" s="16">
        <v>4690</v>
      </c>
      <c r="D4724" cm="1">
        <f t="array" ref="D4724">IFERROR(INDEX(Jesper!AH$2:AH$366,ROUNDDOWN($C4724/24,0)+1,1)*INDEX($D$3:$AA$30,INDEX(Jesper!$R$2:$R$366,ROW(INDEX(Jesper!AH$2:AH$366,ROUNDDOWN($C4724/24,0)+1,1))-1)+IF('Standard Profiles'!$G$18=$B$10,7,0)+IF('Standard Profiles'!$G$18=$B$17,14,0)+IF('Standard Profiles'!$G$18=$B$24,21,0),MOD($C4724,24)+1)/SUM(INDEX($D$3:$AA$30,INDEX(Jesper!$R$2:$R$366,ROW(INDEX(Jesper!AH$2:AH$366,ROUNDDOWN($C4724/24,0)+1,1))-1)+IF('Standard Profiles'!$G$18=$B$10,7,0)+IF('Standard Profiles'!$G$18=$B$17,14,0)+IF('Standard Profiles'!$G$18=$B$24,21,0),0)),0)</f>
        <v>11.043629067993203</v>
      </c>
      <c r="E4724" cm="1">
        <f t="array" ref="E4724">IFERROR(INDEX(Jesper!AI$2:AI$366,ROUNDDOWN($C4724/24,0)+1,1)*INDEX($D$3:$AA$30,INDEX(Jesper!$R$2:$R$366,ROW(INDEX(Jesper!AI$2:AI$366,ROUNDDOWN($C4724/24,0)+1,1))-1)+IF('Standard Profiles'!$G$19=$B$10,7,0)+IF('Standard Profiles'!$G$19=$B$17,14,0)+IF('Standard Profiles'!$G$19=$B$24,21,0),MOD($C4724,24)+1)/SUM(INDEX($D$3:$AA$30,INDEX(Jesper!$R$2:$R$366,ROW(INDEX(Jesper!AI$2:AI$366,ROUNDDOWN($C4724/24,0)+1,1))-1)+IF('Standard Profiles'!$G$19=$B$10,7,0)+IF('Standard Profiles'!$G$19=$B$17,14,0)+IF('Standard Profiles'!$G$19=$B$24,21,0),0)),0)</f>
        <v>1.5354269425127351</v>
      </c>
      <c r="F4724" cm="1">
        <f t="array" ref="F4724">IFERROR(INDEX(Jesper!AJ$2:AJ$366,ROUNDDOWN($C4724/24,0)+1,1)*INDEX($D$3:$AA$30,INDEX(Jesper!$R$2:$R$366,ROW(INDEX(Jesper!AJ$2:AJ$366,ROUNDDOWN($C4724/24,0)+1,1))-1)+IF('Standard Profiles'!$G$20=$B$10,7,0)+IF('Standard Profiles'!$G$20=$B$17,14,0)+IF('Standard Profiles'!$G$20=$B$24,21,0),MOD($C4724,24)+1)/SUM(INDEX($D$3:$AA$30,INDEX(Jesper!$R$2:$R$366,ROW(INDEX(Jesper!AJ$2:AJ$366,ROUNDDOWN($C4724/24,0)+1,1))-1)+IF('Standard Profiles'!$G$20=$B$10,7,0)+IF('Standard Profiles'!$G$20=$B$17,14,0)+IF('Standard Profiles'!$G$20=$B$24,21,0),0)),0)</f>
        <v>0</v>
      </c>
      <c r="G4724" cm="1">
        <f t="array" ref="G4724">IFERROR(INDEX(Jesper!AK$2:AK$366,ROUNDDOWN($C4724/24,0)+1,1)*INDEX($D$3:$AA$30,INDEX(Jesper!$R$2:$R$366,ROW(INDEX(Jesper!AK$2:AK$366,ROUNDDOWN($C4724/24,0)+1,1))-1)+IF('Standard Profiles'!$G$21=$B$10,7,0)+IF('Standard Profiles'!$G$21=$B$17,14,0)+IF('Standard Profiles'!$G$21=$B$24,21,0),MOD($C4724,24)+1)/SUM(INDEX($D$3:$AA$30,INDEX(Jesper!$R$2:$R$366,ROW(INDEX(Jesper!AK$2:AK$366,ROUNDDOWN($C4724/24,0)+1,1))-1)+IF('Standard Profiles'!$G$21=$B$10,7,0)+IF('Standard Profiles'!$G$21=$B$17,14,0)+IF('Standard Profiles'!$G$21=$B$24,21,0),0)),0)</f>
        <v>0</v>
      </c>
      <c r="H4724" cm="1">
        <f t="array" ref="H4724">IFERROR(INDEX(Jesper!AL$2:AL$366,ROUNDDOWN($C4724/24,0)+1,1)*INDEX($D$3:$AA$30,INDEX(Jesper!$R$2:$R$366,ROW(INDEX(Jesper!AL$2:AL$366,ROUNDDOWN($C4724/24,0)+1,1))-1)+IF('Standard Profiles'!$G$22=$B$10,7,0)+IF('Standard Profiles'!$G$22=$B$17,14,0)+IF('Standard Profiles'!$G$22=$B$24,21,0),MOD($C4724,24)+1)/SUM(INDEX($D$3:$AA$30,INDEX(Jesper!$R$2:$R$366,ROW(INDEX(Jesper!AL$2:AL$366,ROUNDDOWN($C4724/24,0)+1,1))-1)+IF('Standard Profiles'!$G$22=$B$10,7,0)+IF('Standard Profiles'!$G$22=$B$17,14,0)+IF('Standard Profiles'!$G$22=$B$24,21,0),0)),0)</f>
        <v>0</v>
      </c>
      <c r="I4724">
        <f t="shared" si="531"/>
        <v>0.13832675157772392</v>
      </c>
      <c r="J4724">
        <f t="shared" si="532"/>
        <v>0.46108917192574644</v>
      </c>
      <c r="K4724">
        <f t="shared" si="533"/>
        <v>0.69163375788861969</v>
      </c>
      <c r="L4724">
        <f t="shared" si="534"/>
        <v>11.288006329113848</v>
      </c>
      <c r="M4724">
        <f t="shared" si="535"/>
        <v>0</v>
      </c>
      <c r="N4724" s="46">
        <f t="shared" si="536"/>
        <v>45487.416666655292</v>
      </c>
    </row>
    <row r="4725" spans="2:14" x14ac:dyDescent="0.3">
      <c r="B4725">
        <f t="shared" si="530"/>
        <v>7</v>
      </c>
      <c r="C4725" s="16">
        <v>4691</v>
      </c>
      <c r="D4725" cm="1">
        <f t="array" ref="D4725">IFERROR(INDEX(Jesper!AH$2:AH$366,ROUNDDOWN($C4725/24,0)+1,1)*INDEX($D$3:$AA$30,INDEX(Jesper!$R$2:$R$366,ROW(INDEX(Jesper!AH$2:AH$366,ROUNDDOWN($C4725/24,0)+1,1))-1)+IF('Standard Profiles'!$G$18=$B$10,7,0)+IF('Standard Profiles'!$G$18=$B$17,14,0)+IF('Standard Profiles'!$G$18=$B$24,21,0),MOD($C4725,24)+1)/SUM(INDEX($D$3:$AA$30,INDEX(Jesper!$R$2:$R$366,ROW(INDEX(Jesper!AH$2:AH$366,ROUNDDOWN($C4725/24,0)+1,1))-1)+IF('Standard Profiles'!$G$18=$B$10,7,0)+IF('Standard Profiles'!$G$18=$B$17,14,0)+IF('Standard Profiles'!$G$18=$B$24,21,0),0)),0)</f>
        <v>11.043629067993203</v>
      </c>
      <c r="E4725" cm="1">
        <f t="array" ref="E4725">IFERROR(INDEX(Jesper!AI$2:AI$366,ROUNDDOWN($C4725/24,0)+1,1)*INDEX($D$3:$AA$30,INDEX(Jesper!$R$2:$R$366,ROW(INDEX(Jesper!AI$2:AI$366,ROUNDDOWN($C4725/24,0)+1,1))-1)+IF('Standard Profiles'!$G$19=$B$10,7,0)+IF('Standard Profiles'!$G$19=$B$17,14,0)+IF('Standard Profiles'!$G$19=$B$24,21,0),MOD($C4725,24)+1)/SUM(INDEX($D$3:$AA$30,INDEX(Jesper!$R$2:$R$366,ROW(INDEX(Jesper!AI$2:AI$366,ROUNDDOWN($C4725/24,0)+1,1))-1)+IF('Standard Profiles'!$G$19=$B$10,7,0)+IF('Standard Profiles'!$G$19=$B$17,14,0)+IF('Standard Profiles'!$G$19=$B$24,21,0),0)),0)</f>
        <v>1.5354269425127351</v>
      </c>
      <c r="F4725" cm="1">
        <f t="array" ref="F4725">IFERROR(INDEX(Jesper!AJ$2:AJ$366,ROUNDDOWN($C4725/24,0)+1,1)*INDEX($D$3:$AA$30,INDEX(Jesper!$R$2:$R$366,ROW(INDEX(Jesper!AJ$2:AJ$366,ROUNDDOWN($C4725/24,0)+1,1))-1)+IF('Standard Profiles'!$G$20=$B$10,7,0)+IF('Standard Profiles'!$G$20=$B$17,14,0)+IF('Standard Profiles'!$G$20=$B$24,21,0),MOD($C4725,24)+1)/SUM(INDEX($D$3:$AA$30,INDEX(Jesper!$R$2:$R$366,ROW(INDEX(Jesper!AJ$2:AJ$366,ROUNDDOWN($C4725/24,0)+1,1))-1)+IF('Standard Profiles'!$G$20=$B$10,7,0)+IF('Standard Profiles'!$G$20=$B$17,14,0)+IF('Standard Profiles'!$G$20=$B$24,21,0),0)),0)</f>
        <v>0</v>
      </c>
      <c r="G4725" cm="1">
        <f t="array" ref="G4725">IFERROR(INDEX(Jesper!AK$2:AK$366,ROUNDDOWN($C4725/24,0)+1,1)*INDEX($D$3:$AA$30,INDEX(Jesper!$R$2:$R$366,ROW(INDEX(Jesper!AK$2:AK$366,ROUNDDOWN($C4725/24,0)+1,1))-1)+IF('Standard Profiles'!$G$21=$B$10,7,0)+IF('Standard Profiles'!$G$21=$B$17,14,0)+IF('Standard Profiles'!$G$21=$B$24,21,0),MOD($C4725,24)+1)/SUM(INDEX($D$3:$AA$30,INDEX(Jesper!$R$2:$R$366,ROW(INDEX(Jesper!AK$2:AK$366,ROUNDDOWN($C4725/24,0)+1,1))-1)+IF('Standard Profiles'!$G$21=$B$10,7,0)+IF('Standard Profiles'!$G$21=$B$17,14,0)+IF('Standard Profiles'!$G$21=$B$24,21,0),0)),0)</f>
        <v>0</v>
      </c>
      <c r="H4725" cm="1">
        <f t="array" ref="H4725">IFERROR(INDEX(Jesper!AL$2:AL$366,ROUNDDOWN($C4725/24,0)+1,1)*INDEX($D$3:$AA$30,INDEX(Jesper!$R$2:$R$366,ROW(INDEX(Jesper!AL$2:AL$366,ROUNDDOWN($C4725/24,0)+1,1))-1)+IF('Standard Profiles'!$G$22=$B$10,7,0)+IF('Standard Profiles'!$G$22=$B$17,14,0)+IF('Standard Profiles'!$G$22=$B$24,21,0),MOD($C4725,24)+1)/SUM(INDEX($D$3:$AA$30,INDEX(Jesper!$R$2:$R$366,ROW(INDEX(Jesper!AL$2:AL$366,ROUNDDOWN($C4725/24,0)+1,1))-1)+IF('Standard Profiles'!$G$22=$B$10,7,0)+IF('Standard Profiles'!$G$22=$B$17,14,0)+IF('Standard Profiles'!$G$22=$B$24,21,0),0)),0)</f>
        <v>0</v>
      </c>
      <c r="I4725">
        <f t="shared" si="531"/>
        <v>0.13832675157772392</v>
      </c>
      <c r="J4725">
        <f t="shared" si="532"/>
        <v>0.46108917192574644</v>
      </c>
      <c r="K4725">
        <f t="shared" si="533"/>
        <v>0.69163375788861969</v>
      </c>
      <c r="L4725">
        <f t="shared" si="534"/>
        <v>11.288006329113848</v>
      </c>
      <c r="M4725">
        <f t="shared" si="535"/>
        <v>0</v>
      </c>
      <c r="N4725" s="46">
        <f t="shared" si="536"/>
        <v>45487.458333321956</v>
      </c>
    </row>
    <row r="4726" spans="2:14" x14ac:dyDescent="0.3">
      <c r="B4726">
        <f t="shared" si="530"/>
        <v>7</v>
      </c>
      <c r="C4726" s="16">
        <v>4692</v>
      </c>
      <c r="D4726" cm="1">
        <f t="array" ref="D4726">IFERROR(INDEX(Jesper!AH$2:AH$366,ROUNDDOWN($C4726/24,0)+1,1)*INDEX($D$3:$AA$30,INDEX(Jesper!$R$2:$R$366,ROW(INDEX(Jesper!AH$2:AH$366,ROUNDDOWN($C4726/24,0)+1,1))-1)+IF('Standard Profiles'!$G$18=$B$10,7,0)+IF('Standard Profiles'!$G$18=$B$17,14,0)+IF('Standard Profiles'!$G$18=$B$24,21,0),MOD($C4726,24)+1)/SUM(INDEX($D$3:$AA$30,INDEX(Jesper!$R$2:$R$366,ROW(INDEX(Jesper!AH$2:AH$366,ROUNDDOWN($C4726/24,0)+1,1))-1)+IF('Standard Profiles'!$G$18=$B$10,7,0)+IF('Standard Profiles'!$G$18=$B$17,14,0)+IF('Standard Profiles'!$G$18=$B$24,21,0),0)),0)</f>
        <v>11.043629067993203</v>
      </c>
      <c r="E4726" cm="1">
        <f t="array" ref="E4726">IFERROR(INDEX(Jesper!AI$2:AI$366,ROUNDDOWN($C4726/24,0)+1,1)*INDEX($D$3:$AA$30,INDEX(Jesper!$R$2:$R$366,ROW(INDEX(Jesper!AI$2:AI$366,ROUNDDOWN($C4726/24,0)+1,1))-1)+IF('Standard Profiles'!$G$19=$B$10,7,0)+IF('Standard Profiles'!$G$19=$B$17,14,0)+IF('Standard Profiles'!$G$19=$B$24,21,0),MOD($C4726,24)+1)/SUM(INDEX($D$3:$AA$30,INDEX(Jesper!$R$2:$R$366,ROW(INDEX(Jesper!AI$2:AI$366,ROUNDDOWN($C4726/24,0)+1,1))-1)+IF('Standard Profiles'!$G$19=$B$10,7,0)+IF('Standard Profiles'!$G$19=$B$17,14,0)+IF('Standard Profiles'!$G$19=$B$24,21,0),0)),0)</f>
        <v>1.5354269425127351</v>
      </c>
      <c r="F4726" cm="1">
        <f t="array" ref="F4726">IFERROR(INDEX(Jesper!AJ$2:AJ$366,ROUNDDOWN($C4726/24,0)+1,1)*INDEX($D$3:$AA$30,INDEX(Jesper!$R$2:$R$366,ROW(INDEX(Jesper!AJ$2:AJ$366,ROUNDDOWN($C4726/24,0)+1,1))-1)+IF('Standard Profiles'!$G$20=$B$10,7,0)+IF('Standard Profiles'!$G$20=$B$17,14,0)+IF('Standard Profiles'!$G$20=$B$24,21,0),MOD($C4726,24)+1)/SUM(INDEX($D$3:$AA$30,INDEX(Jesper!$R$2:$R$366,ROW(INDEX(Jesper!AJ$2:AJ$366,ROUNDDOWN($C4726/24,0)+1,1))-1)+IF('Standard Profiles'!$G$20=$B$10,7,0)+IF('Standard Profiles'!$G$20=$B$17,14,0)+IF('Standard Profiles'!$G$20=$B$24,21,0),0)),0)</f>
        <v>0</v>
      </c>
      <c r="G4726" cm="1">
        <f t="array" ref="G4726">IFERROR(INDEX(Jesper!AK$2:AK$366,ROUNDDOWN($C4726/24,0)+1,1)*INDEX($D$3:$AA$30,INDEX(Jesper!$R$2:$R$366,ROW(INDEX(Jesper!AK$2:AK$366,ROUNDDOWN($C4726/24,0)+1,1))-1)+IF('Standard Profiles'!$G$21=$B$10,7,0)+IF('Standard Profiles'!$G$21=$B$17,14,0)+IF('Standard Profiles'!$G$21=$B$24,21,0),MOD($C4726,24)+1)/SUM(INDEX($D$3:$AA$30,INDEX(Jesper!$R$2:$R$366,ROW(INDEX(Jesper!AK$2:AK$366,ROUNDDOWN($C4726/24,0)+1,1))-1)+IF('Standard Profiles'!$G$21=$B$10,7,0)+IF('Standard Profiles'!$G$21=$B$17,14,0)+IF('Standard Profiles'!$G$21=$B$24,21,0),0)),0)</f>
        <v>0</v>
      </c>
      <c r="H4726" cm="1">
        <f t="array" ref="H4726">IFERROR(INDEX(Jesper!AL$2:AL$366,ROUNDDOWN($C4726/24,0)+1,1)*INDEX($D$3:$AA$30,INDEX(Jesper!$R$2:$R$366,ROW(INDEX(Jesper!AL$2:AL$366,ROUNDDOWN($C4726/24,0)+1,1))-1)+IF('Standard Profiles'!$G$22=$B$10,7,0)+IF('Standard Profiles'!$G$22=$B$17,14,0)+IF('Standard Profiles'!$G$22=$B$24,21,0),MOD($C4726,24)+1)/SUM(INDEX($D$3:$AA$30,INDEX(Jesper!$R$2:$R$366,ROW(INDEX(Jesper!AL$2:AL$366,ROUNDDOWN($C4726/24,0)+1,1))-1)+IF('Standard Profiles'!$G$22=$B$10,7,0)+IF('Standard Profiles'!$G$22=$B$17,14,0)+IF('Standard Profiles'!$G$22=$B$24,21,0),0)),0)</f>
        <v>0</v>
      </c>
      <c r="I4726">
        <f t="shared" si="531"/>
        <v>0.13832675157772392</v>
      </c>
      <c r="J4726">
        <f t="shared" si="532"/>
        <v>0.46108917192574644</v>
      </c>
      <c r="K4726">
        <f t="shared" si="533"/>
        <v>0.69163375788861969</v>
      </c>
      <c r="L4726">
        <f t="shared" si="534"/>
        <v>11.288006329113848</v>
      </c>
      <c r="M4726">
        <f t="shared" si="535"/>
        <v>0</v>
      </c>
      <c r="N4726" s="46">
        <f t="shared" si="536"/>
        <v>45487.49999998862</v>
      </c>
    </row>
    <row r="4727" spans="2:14" x14ac:dyDescent="0.3">
      <c r="B4727">
        <f t="shared" si="530"/>
        <v>7</v>
      </c>
      <c r="C4727" s="16">
        <v>4693</v>
      </c>
      <c r="D4727" cm="1">
        <f t="array" ref="D4727">IFERROR(INDEX(Jesper!AH$2:AH$366,ROUNDDOWN($C4727/24,0)+1,1)*INDEX($D$3:$AA$30,INDEX(Jesper!$R$2:$R$366,ROW(INDEX(Jesper!AH$2:AH$366,ROUNDDOWN($C4727/24,0)+1,1))-1)+IF('Standard Profiles'!$G$18=$B$10,7,0)+IF('Standard Profiles'!$G$18=$B$17,14,0)+IF('Standard Profiles'!$G$18=$B$24,21,0),MOD($C4727,24)+1)/SUM(INDEX($D$3:$AA$30,INDEX(Jesper!$R$2:$R$366,ROW(INDEX(Jesper!AH$2:AH$366,ROUNDDOWN($C4727/24,0)+1,1))-1)+IF('Standard Profiles'!$G$18=$B$10,7,0)+IF('Standard Profiles'!$G$18=$B$17,14,0)+IF('Standard Profiles'!$G$18=$B$24,21,0),0)),0)</f>
        <v>11.043629067993203</v>
      </c>
      <c r="E4727" cm="1">
        <f t="array" ref="E4727">IFERROR(INDEX(Jesper!AI$2:AI$366,ROUNDDOWN($C4727/24,0)+1,1)*INDEX($D$3:$AA$30,INDEX(Jesper!$R$2:$R$366,ROW(INDEX(Jesper!AI$2:AI$366,ROUNDDOWN($C4727/24,0)+1,1))-1)+IF('Standard Profiles'!$G$19=$B$10,7,0)+IF('Standard Profiles'!$G$19=$B$17,14,0)+IF('Standard Profiles'!$G$19=$B$24,21,0),MOD($C4727,24)+1)/SUM(INDEX($D$3:$AA$30,INDEX(Jesper!$R$2:$R$366,ROW(INDEX(Jesper!AI$2:AI$366,ROUNDDOWN($C4727/24,0)+1,1))-1)+IF('Standard Profiles'!$G$19=$B$10,7,0)+IF('Standard Profiles'!$G$19=$B$17,14,0)+IF('Standard Profiles'!$G$19=$B$24,21,0),0)),0)</f>
        <v>1.5354269425127351</v>
      </c>
      <c r="F4727" cm="1">
        <f t="array" ref="F4727">IFERROR(INDEX(Jesper!AJ$2:AJ$366,ROUNDDOWN($C4727/24,0)+1,1)*INDEX($D$3:$AA$30,INDEX(Jesper!$R$2:$R$366,ROW(INDEX(Jesper!AJ$2:AJ$366,ROUNDDOWN($C4727/24,0)+1,1))-1)+IF('Standard Profiles'!$G$20=$B$10,7,0)+IF('Standard Profiles'!$G$20=$B$17,14,0)+IF('Standard Profiles'!$G$20=$B$24,21,0),MOD($C4727,24)+1)/SUM(INDEX($D$3:$AA$30,INDEX(Jesper!$R$2:$R$366,ROW(INDEX(Jesper!AJ$2:AJ$366,ROUNDDOWN($C4727/24,0)+1,1))-1)+IF('Standard Profiles'!$G$20=$B$10,7,0)+IF('Standard Profiles'!$G$20=$B$17,14,0)+IF('Standard Profiles'!$G$20=$B$24,21,0),0)),0)</f>
        <v>0</v>
      </c>
      <c r="G4727" cm="1">
        <f t="array" ref="G4727">IFERROR(INDEX(Jesper!AK$2:AK$366,ROUNDDOWN($C4727/24,0)+1,1)*INDEX($D$3:$AA$30,INDEX(Jesper!$R$2:$R$366,ROW(INDEX(Jesper!AK$2:AK$366,ROUNDDOWN($C4727/24,0)+1,1))-1)+IF('Standard Profiles'!$G$21=$B$10,7,0)+IF('Standard Profiles'!$G$21=$B$17,14,0)+IF('Standard Profiles'!$G$21=$B$24,21,0),MOD($C4727,24)+1)/SUM(INDEX($D$3:$AA$30,INDEX(Jesper!$R$2:$R$366,ROW(INDEX(Jesper!AK$2:AK$366,ROUNDDOWN($C4727/24,0)+1,1))-1)+IF('Standard Profiles'!$G$21=$B$10,7,0)+IF('Standard Profiles'!$G$21=$B$17,14,0)+IF('Standard Profiles'!$G$21=$B$24,21,0),0)),0)</f>
        <v>0</v>
      </c>
      <c r="H4727" cm="1">
        <f t="array" ref="H4727">IFERROR(INDEX(Jesper!AL$2:AL$366,ROUNDDOWN($C4727/24,0)+1,1)*INDEX($D$3:$AA$30,INDEX(Jesper!$R$2:$R$366,ROW(INDEX(Jesper!AL$2:AL$366,ROUNDDOWN($C4727/24,0)+1,1))-1)+IF('Standard Profiles'!$G$22=$B$10,7,0)+IF('Standard Profiles'!$G$22=$B$17,14,0)+IF('Standard Profiles'!$G$22=$B$24,21,0),MOD($C4727,24)+1)/SUM(INDEX($D$3:$AA$30,INDEX(Jesper!$R$2:$R$366,ROW(INDEX(Jesper!AL$2:AL$366,ROUNDDOWN($C4727/24,0)+1,1))-1)+IF('Standard Profiles'!$G$22=$B$10,7,0)+IF('Standard Profiles'!$G$22=$B$17,14,0)+IF('Standard Profiles'!$G$22=$B$24,21,0),0)),0)</f>
        <v>0</v>
      </c>
      <c r="I4727">
        <f t="shared" si="531"/>
        <v>0.13832675157772392</v>
      </c>
      <c r="J4727">
        <f t="shared" si="532"/>
        <v>0.46108917192574644</v>
      </c>
      <c r="K4727">
        <f t="shared" si="533"/>
        <v>0.69163375788861969</v>
      </c>
      <c r="L4727">
        <f t="shared" si="534"/>
        <v>11.288006329113848</v>
      </c>
      <c r="M4727">
        <f t="shared" si="535"/>
        <v>0</v>
      </c>
      <c r="N4727" s="46">
        <f t="shared" si="536"/>
        <v>45487.541666655285</v>
      </c>
    </row>
    <row r="4728" spans="2:14" x14ac:dyDescent="0.3">
      <c r="B4728">
        <f t="shared" si="530"/>
        <v>7</v>
      </c>
      <c r="C4728" s="16">
        <v>4694</v>
      </c>
      <c r="D4728" cm="1">
        <f t="array" ref="D4728">IFERROR(INDEX(Jesper!AH$2:AH$366,ROUNDDOWN($C4728/24,0)+1,1)*INDEX($D$3:$AA$30,INDEX(Jesper!$R$2:$R$366,ROW(INDEX(Jesper!AH$2:AH$366,ROUNDDOWN($C4728/24,0)+1,1))-1)+IF('Standard Profiles'!$G$18=$B$10,7,0)+IF('Standard Profiles'!$G$18=$B$17,14,0)+IF('Standard Profiles'!$G$18=$B$24,21,0),MOD($C4728,24)+1)/SUM(INDEX($D$3:$AA$30,INDEX(Jesper!$R$2:$R$366,ROW(INDEX(Jesper!AH$2:AH$366,ROUNDDOWN($C4728/24,0)+1,1))-1)+IF('Standard Profiles'!$G$18=$B$10,7,0)+IF('Standard Profiles'!$G$18=$B$17,14,0)+IF('Standard Profiles'!$G$18=$B$24,21,0),0)),0)</f>
        <v>11.043629067993203</v>
      </c>
      <c r="E4728" cm="1">
        <f t="array" ref="E4728">IFERROR(INDEX(Jesper!AI$2:AI$366,ROUNDDOWN($C4728/24,0)+1,1)*INDEX($D$3:$AA$30,INDEX(Jesper!$R$2:$R$366,ROW(INDEX(Jesper!AI$2:AI$366,ROUNDDOWN($C4728/24,0)+1,1))-1)+IF('Standard Profiles'!$G$19=$B$10,7,0)+IF('Standard Profiles'!$G$19=$B$17,14,0)+IF('Standard Profiles'!$G$19=$B$24,21,0),MOD($C4728,24)+1)/SUM(INDEX($D$3:$AA$30,INDEX(Jesper!$R$2:$R$366,ROW(INDEX(Jesper!AI$2:AI$366,ROUNDDOWN($C4728/24,0)+1,1))-1)+IF('Standard Profiles'!$G$19=$B$10,7,0)+IF('Standard Profiles'!$G$19=$B$17,14,0)+IF('Standard Profiles'!$G$19=$B$24,21,0),0)),0)</f>
        <v>1.5354269425127351</v>
      </c>
      <c r="F4728" cm="1">
        <f t="array" ref="F4728">IFERROR(INDEX(Jesper!AJ$2:AJ$366,ROUNDDOWN($C4728/24,0)+1,1)*INDEX($D$3:$AA$30,INDEX(Jesper!$R$2:$R$366,ROW(INDEX(Jesper!AJ$2:AJ$366,ROUNDDOWN($C4728/24,0)+1,1))-1)+IF('Standard Profiles'!$G$20=$B$10,7,0)+IF('Standard Profiles'!$G$20=$B$17,14,0)+IF('Standard Profiles'!$G$20=$B$24,21,0),MOD($C4728,24)+1)/SUM(INDEX($D$3:$AA$30,INDEX(Jesper!$R$2:$R$366,ROW(INDEX(Jesper!AJ$2:AJ$366,ROUNDDOWN($C4728/24,0)+1,1))-1)+IF('Standard Profiles'!$G$20=$B$10,7,0)+IF('Standard Profiles'!$G$20=$B$17,14,0)+IF('Standard Profiles'!$G$20=$B$24,21,0),0)),0)</f>
        <v>0</v>
      </c>
      <c r="G4728" cm="1">
        <f t="array" ref="G4728">IFERROR(INDEX(Jesper!AK$2:AK$366,ROUNDDOWN($C4728/24,0)+1,1)*INDEX($D$3:$AA$30,INDEX(Jesper!$R$2:$R$366,ROW(INDEX(Jesper!AK$2:AK$366,ROUNDDOWN($C4728/24,0)+1,1))-1)+IF('Standard Profiles'!$G$21=$B$10,7,0)+IF('Standard Profiles'!$G$21=$B$17,14,0)+IF('Standard Profiles'!$G$21=$B$24,21,0),MOD($C4728,24)+1)/SUM(INDEX($D$3:$AA$30,INDEX(Jesper!$R$2:$R$366,ROW(INDEX(Jesper!AK$2:AK$366,ROUNDDOWN($C4728/24,0)+1,1))-1)+IF('Standard Profiles'!$G$21=$B$10,7,0)+IF('Standard Profiles'!$G$21=$B$17,14,0)+IF('Standard Profiles'!$G$21=$B$24,21,0),0)),0)</f>
        <v>0</v>
      </c>
      <c r="H4728" cm="1">
        <f t="array" ref="H4728">IFERROR(INDEX(Jesper!AL$2:AL$366,ROUNDDOWN($C4728/24,0)+1,1)*INDEX($D$3:$AA$30,INDEX(Jesper!$R$2:$R$366,ROW(INDEX(Jesper!AL$2:AL$366,ROUNDDOWN($C4728/24,0)+1,1))-1)+IF('Standard Profiles'!$G$22=$B$10,7,0)+IF('Standard Profiles'!$G$22=$B$17,14,0)+IF('Standard Profiles'!$G$22=$B$24,21,0),MOD($C4728,24)+1)/SUM(INDEX($D$3:$AA$30,INDEX(Jesper!$R$2:$R$366,ROW(INDEX(Jesper!AL$2:AL$366,ROUNDDOWN($C4728/24,0)+1,1))-1)+IF('Standard Profiles'!$G$22=$B$10,7,0)+IF('Standard Profiles'!$G$22=$B$17,14,0)+IF('Standard Profiles'!$G$22=$B$24,21,0),0)),0)</f>
        <v>0</v>
      </c>
      <c r="I4728">
        <f t="shared" si="531"/>
        <v>0.13832675157772392</v>
      </c>
      <c r="J4728">
        <f t="shared" si="532"/>
        <v>0.46108917192574644</v>
      </c>
      <c r="K4728">
        <f t="shared" si="533"/>
        <v>0.69163375788861969</v>
      </c>
      <c r="L4728">
        <f t="shared" si="534"/>
        <v>11.288006329113848</v>
      </c>
      <c r="M4728">
        <f t="shared" si="535"/>
        <v>0</v>
      </c>
      <c r="N4728" s="46">
        <f t="shared" si="536"/>
        <v>45487.583333321949</v>
      </c>
    </row>
    <row r="4729" spans="2:14" x14ac:dyDescent="0.3">
      <c r="B4729">
        <f t="shared" si="530"/>
        <v>7</v>
      </c>
      <c r="C4729" s="16">
        <v>4695</v>
      </c>
      <c r="D4729" cm="1">
        <f t="array" ref="D4729">IFERROR(INDEX(Jesper!AH$2:AH$366,ROUNDDOWN($C4729/24,0)+1,1)*INDEX($D$3:$AA$30,INDEX(Jesper!$R$2:$R$366,ROW(INDEX(Jesper!AH$2:AH$366,ROUNDDOWN($C4729/24,0)+1,1))-1)+IF('Standard Profiles'!$G$18=$B$10,7,0)+IF('Standard Profiles'!$G$18=$B$17,14,0)+IF('Standard Profiles'!$G$18=$B$24,21,0),MOD($C4729,24)+1)/SUM(INDEX($D$3:$AA$30,INDEX(Jesper!$R$2:$R$366,ROW(INDEX(Jesper!AH$2:AH$366,ROUNDDOWN($C4729/24,0)+1,1))-1)+IF('Standard Profiles'!$G$18=$B$10,7,0)+IF('Standard Profiles'!$G$18=$B$17,14,0)+IF('Standard Profiles'!$G$18=$B$24,21,0),0)),0)</f>
        <v>9.816559171549514</v>
      </c>
      <c r="E4729" cm="1">
        <f t="array" ref="E4729">IFERROR(INDEX(Jesper!AI$2:AI$366,ROUNDDOWN($C4729/24,0)+1,1)*INDEX($D$3:$AA$30,INDEX(Jesper!$R$2:$R$366,ROW(INDEX(Jesper!AI$2:AI$366,ROUNDDOWN($C4729/24,0)+1,1))-1)+IF('Standard Profiles'!$G$19=$B$10,7,0)+IF('Standard Profiles'!$G$19=$B$17,14,0)+IF('Standard Profiles'!$G$19=$B$24,21,0),MOD($C4729,24)+1)/SUM(INDEX($D$3:$AA$30,INDEX(Jesper!$R$2:$R$366,ROW(INDEX(Jesper!AI$2:AI$366,ROUNDDOWN($C4729/24,0)+1,1))-1)+IF('Standard Profiles'!$G$19=$B$10,7,0)+IF('Standard Profiles'!$G$19=$B$17,14,0)+IF('Standard Profiles'!$G$19=$B$24,21,0),0)),0)</f>
        <v>1.3648239489002092</v>
      </c>
      <c r="F4729" cm="1">
        <f t="array" ref="F4729">IFERROR(INDEX(Jesper!AJ$2:AJ$366,ROUNDDOWN($C4729/24,0)+1,1)*INDEX($D$3:$AA$30,INDEX(Jesper!$R$2:$R$366,ROW(INDEX(Jesper!AJ$2:AJ$366,ROUNDDOWN($C4729/24,0)+1,1))-1)+IF('Standard Profiles'!$G$20=$B$10,7,0)+IF('Standard Profiles'!$G$20=$B$17,14,0)+IF('Standard Profiles'!$G$20=$B$24,21,0),MOD($C4729,24)+1)/SUM(INDEX($D$3:$AA$30,INDEX(Jesper!$R$2:$R$366,ROW(INDEX(Jesper!AJ$2:AJ$366,ROUNDDOWN($C4729/24,0)+1,1))-1)+IF('Standard Profiles'!$G$20=$B$10,7,0)+IF('Standard Profiles'!$G$20=$B$17,14,0)+IF('Standard Profiles'!$G$20=$B$24,21,0),0)),0)</f>
        <v>0</v>
      </c>
      <c r="G4729" cm="1">
        <f t="array" ref="G4729">IFERROR(INDEX(Jesper!AK$2:AK$366,ROUNDDOWN($C4729/24,0)+1,1)*INDEX($D$3:$AA$30,INDEX(Jesper!$R$2:$R$366,ROW(INDEX(Jesper!AK$2:AK$366,ROUNDDOWN($C4729/24,0)+1,1))-1)+IF('Standard Profiles'!$G$21=$B$10,7,0)+IF('Standard Profiles'!$G$21=$B$17,14,0)+IF('Standard Profiles'!$G$21=$B$24,21,0),MOD($C4729,24)+1)/SUM(INDEX($D$3:$AA$30,INDEX(Jesper!$R$2:$R$366,ROW(INDEX(Jesper!AK$2:AK$366,ROUNDDOWN($C4729/24,0)+1,1))-1)+IF('Standard Profiles'!$G$21=$B$10,7,0)+IF('Standard Profiles'!$G$21=$B$17,14,0)+IF('Standard Profiles'!$G$21=$B$24,21,0),0)),0)</f>
        <v>0</v>
      </c>
      <c r="H4729" cm="1">
        <f t="array" ref="H4729">IFERROR(INDEX(Jesper!AL$2:AL$366,ROUNDDOWN($C4729/24,0)+1,1)*INDEX($D$3:$AA$30,INDEX(Jesper!$R$2:$R$366,ROW(INDEX(Jesper!AL$2:AL$366,ROUNDDOWN($C4729/24,0)+1,1))-1)+IF('Standard Profiles'!$G$22=$B$10,7,0)+IF('Standard Profiles'!$G$22=$B$17,14,0)+IF('Standard Profiles'!$G$22=$B$24,21,0),MOD($C4729,24)+1)/SUM(INDEX($D$3:$AA$30,INDEX(Jesper!$R$2:$R$366,ROW(INDEX(Jesper!AL$2:AL$366,ROUNDDOWN($C4729/24,0)+1,1))-1)+IF('Standard Profiles'!$G$22=$B$10,7,0)+IF('Standard Profiles'!$G$22=$B$17,14,0)+IF('Standard Profiles'!$G$22=$B$24,21,0),0)),0)</f>
        <v>0</v>
      </c>
      <c r="I4729">
        <f t="shared" si="531"/>
        <v>0.12295711251353239</v>
      </c>
      <c r="J4729">
        <f t="shared" si="532"/>
        <v>0.40985704171177467</v>
      </c>
      <c r="K4729">
        <f t="shared" si="533"/>
        <v>0.61478556256766204</v>
      </c>
      <c r="L4729">
        <f t="shared" si="534"/>
        <v>10.033783403656754</v>
      </c>
      <c r="M4729">
        <f t="shared" si="535"/>
        <v>0</v>
      </c>
      <c r="N4729" s="46">
        <f t="shared" si="536"/>
        <v>45487.624999988613</v>
      </c>
    </row>
    <row r="4730" spans="2:14" x14ac:dyDescent="0.3">
      <c r="B4730">
        <f t="shared" si="530"/>
        <v>7</v>
      </c>
      <c r="C4730" s="16">
        <v>4696</v>
      </c>
      <c r="D4730" cm="1">
        <f t="array" ref="D4730">IFERROR(INDEX(Jesper!AH$2:AH$366,ROUNDDOWN($C4730/24,0)+1,1)*INDEX($D$3:$AA$30,INDEX(Jesper!$R$2:$R$366,ROW(INDEX(Jesper!AH$2:AH$366,ROUNDDOWN($C4730/24,0)+1,1))-1)+IF('Standard Profiles'!$G$18=$B$10,7,0)+IF('Standard Profiles'!$G$18=$B$17,14,0)+IF('Standard Profiles'!$G$18=$B$24,21,0),MOD($C4730,24)+1)/SUM(INDEX($D$3:$AA$30,INDEX(Jesper!$R$2:$R$366,ROW(INDEX(Jesper!AH$2:AH$366,ROUNDDOWN($C4730/24,0)+1,1))-1)+IF('Standard Profiles'!$G$18=$B$10,7,0)+IF('Standard Profiles'!$G$18=$B$17,14,0)+IF('Standard Profiles'!$G$18=$B$24,21,0),0)),0)</f>
        <v>9.6412634720575596</v>
      </c>
      <c r="E4730" cm="1">
        <f t="array" ref="E4730">IFERROR(INDEX(Jesper!AI$2:AI$366,ROUNDDOWN($C4730/24,0)+1,1)*INDEX($D$3:$AA$30,INDEX(Jesper!$R$2:$R$366,ROW(INDEX(Jesper!AI$2:AI$366,ROUNDDOWN($C4730/24,0)+1,1))-1)+IF('Standard Profiles'!$G$19=$B$10,7,0)+IF('Standard Profiles'!$G$19=$B$17,14,0)+IF('Standard Profiles'!$G$19=$B$24,21,0),MOD($C4730,24)+1)/SUM(INDEX($D$3:$AA$30,INDEX(Jesper!$R$2:$R$366,ROW(INDEX(Jesper!AI$2:AI$366,ROUNDDOWN($C4730/24,0)+1,1))-1)+IF('Standard Profiles'!$G$19=$B$10,7,0)+IF('Standard Profiles'!$G$19=$B$17,14,0)+IF('Standard Profiles'!$G$19=$B$24,21,0),0)),0)</f>
        <v>1.340452092669848</v>
      </c>
      <c r="F4730" cm="1">
        <f t="array" ref="F4730">IFERROR(INDEX(Jesper!AJ$2:AJ$366,ROUNDDOWN($C4730/24,0)+1,1)*INDEX($D$3:$AA$30,INDEX(Jesper!$R$2:$R$366,ROW(INDEX(Jesper!AJ$2:AJ$366,ROUNDDOWN($C4730/24,0)+1,1))-1)+IF('Standard Profiles'!$G$20=$B$10,7,0)+IF('Standard Profiles'!$G$20=$B$17,14,0)+IF('Standard Profiles'!$G$20=$B$24,21,0),MOD($C4730,24)+1)/SUM(INDEX($D$3:$AA$30,INDEX(Jesper!$R$2:$R$366,ROW(INDEX(Jesper!AJ$2:AJ$366,ROUNDDOWN($C4730/24,0)+1,1))-1)+IF('Standard Profiles'!$G$20=$B$10,7,0)+IF('Standard Profiles'!$G$20=$B$17,14,0)+IF('Standard Profiles'!$G$20=$B$24,21,0),0)),0)</f>
        <v>0</v>
      </c>
      <c r="G4730" cm="1">
        <f t="array" ref="G4730">IFERROR(INDEX(Jesper!AK$2:AK$366,ROUNDDOWN($C4730/24,0)+1,1)*INDEX($D$3:$AA$30,INDEX(Jesper!$R$2:$R$366,ROW(INDEX(Jesper!AK$2:AK$366,ROUNDDOWN($C4730/24,0)+1,1))-1)+IF('Standard Profiles'!$G$21=$B$10,7,0)+IF('Standard Profiles'!$G$21=$B$17,14,0)+IF('Standard Profiles'!$G$21=$B$24,21,0),MOD($C4730,24)+1)/SUM(INDEX($D$3:$AA$30,INDEX(Jesper!$R$2:$R$366,ROW(INDEX(Jesper!AK$2:AK$366,ROUNDDOWN($C4730/24,0)+1,1))-1)+IF('Standard Profiles'!$G$21=$B$10,7,0)+IF('Standard Profiles'!$G$21=$B$17,14,0)+IF('Standard Profiles'!$G$21=$B$24,21,0),0)),0)</f>
        <v>0</v>
      </c>
      <c r="H4730" cm="1">
        <f t="array" ref="H4730">IFERROR(INDEX(Jesper!AL$2:AL$366,ROUNDDOWN($C4730/24,0)+1,1)*INDEX($D$3:$AA$30,INDEX(Jesper!$R$2:$R$366,ROW(INDEX(Jesper!AL$2:AL$366,ROUNDDOWN($C4730/24,0)+1,1))-1)+IF('Standard Profiles'!$G$22=$B$10,7,0)+IF('Standard Profiles'!$G$22=$B$17,14,0)+IF('Standard Profiles'!$G$22=$B$24,21,0),MOD($C4730,24)+1)/SUM(INDEX($D$3:$AA$30,INDEX(Jesper!$R$2:$R$366,ROW(INDEX(Jesper!AL$2:AL$366,ROUNDDOWN($C4730/24,0)+1,1))-1)+IF('Standard Profiles'!$G$22=$B$10,7,0)+IF('Standard Profiles'!$G$22=$B$17,14,0)+IF('Standard Profiles'!$G$22=$B$24,21,0),0)),0)</f>
        <v>0</v>
      </c>
      <c r="I4730">
        <f t="shared" si="531"/>
        <v>0.12076144979007643</v>
      </c>
      <c r="J4730">
        <f t="shared" si="532"/>
        <v>0.40253816596692149</v>
      </c>
      <c r="K4730">
        <f t="shared" si="533"/>
        <v>0.60380724895038218</v>
      </c>
      <c r="L4730">
        <f t="shared" si="534"/>
        <v>9.8546087000200284</v>
      </c>
      <c r="M4730">
        <f t="shared" si="535"/>
        <v>0</v>
      </c>
      <c r="N4730" s="46">
        <f t="shared" si="536"/>
        <v>45487.666666655277</v>
      </c>
    </row>
    <row r="4731" spans="2:14" x14ac:dyDescent="0.3">
      <c r="B4731">
        <f t="shared" si="530"/>
        <v>7</v>
      </c>
      <c r="C4731" s="16">
        <v>4697</v>
      </c>
      <c r="D4731" cm="1">
        <f t="array" ref="D4731">IFERROR(INDEX(Jesper!AH$2:AH$366,ROUNDDOWN($C4731/24,0)+1,1)*INDEX($D$3:$AA$30,INDEX(Jesper!$R$2:$R$366,ROW(INDEX(Jesper!AH$2:AH$366,ROUNDDOWN($C4731/24,0)+1,1))-1)+IF('Standard Profiles'!$G$18=$B$10,7,0)+IF('Standard Profiles'!$G$18=$B$17,14,0)+IF('Standard Profiles'!$G$18=$B$24,21,0),MOD($C4731,24)+1)/SUM(INDEX($D$3:$AA$30,INDEX(Jesper!$R$2:$R$366,ROW(INDEX(Jesper!AH$2:AH$366,ROUNDDOWN($C4731/24,0)+1,1))-1)+IF('Standard Profiles'!$G$18=$B$10,7,0)+IF('Standard Profiles'!$G$18=$B$17,14,0)+IF('Standard Profiles'!$G$18=$B$24,21,0),0)),0)</f>
        <v>8.2388978761219143</v>
      </c>
      <c r="E4731" cm="1">
        <f t="array" ref="E4731">IFERROR(INDEX(Jesper!AI$2:AI$366,ROUNDDOWN($C4731/24,0)+1,1)*INDEX($D$3:$AA$30,INDEX(Jesper!$R$2:$R$366,ROW(INDEX(Jesper!AI$2:AI$366,ROUNDDOWN($C4731/24,0)+1,1))-1)+IF('Standard Profiles'!$G$19=$B$10,7,0)+IF('Standard Profiles'!$G$19=$B$17,14,0)+IF('Standard Profiles'!$G$19=$B$24,21,0),MOD($C4731,24)+1)/SUM(INDEX($D$3:$AA$30,INDEX(Jesper!$R$2:$R$366,ROW(INDEX(Jesper!AI$2:AI$366,ROUNDDOWN($C4731/24,0)+1,1))-1)+IF('Standard Profiles'!$G$19=$B$10,7,0)+IF('Standard Profiles'!$G$19=$B$17,14,0)+IF('Standard Profiles'!$G$19=$B$24,21,0),0)),0)</f>
        <v>1.1454772428269611</v>
      </c>
      <c r="F4731" cm="1">
        <f t="array" ref="F4731">IFERROR(INDEX(Jesper!AJ$2:AJ$366,ROUNDDOWN($C4731/24,0)+1,1)*INDEX($D$3:$AA$30,INDEX(Jesper!$R$2:$R$366,ROW(INDEX(Jesper!AJ$2:AJ$366,ROUNDDOWN($C4731/24,0)+1,1))-1)+IF('Standard Profiles'!$G$20=$B$10,7,0)+IF('Standard Profiles'!$G$20=$B$17,14,0)+IF('Standard Profiles'!$G$20=$B$24,21,0),MOD($C4731,24)+1)/SUM(INDEX($D$3:$AA$30,INDEX(Jesper!$R$2:$R$366,ROW(INDEX(Jesper!AJ$2:AJ$366,ROUNDDOWN($C4731/24,0)+1,1))-1)+IF('Standard Profiles'!$G$20=$B$10,7,0)+IF('Standard Profiles'!$G$20=$B$17,14,0)+IF('Standard Profiles'!$G$20=$B$24,21,0),0)),0)</f>
        <v>0</v>
      </c>
      <c r="G4731" cm="1">
        <f t="array" ref="G4731">IFERROR(INDEX(Jesper!AK$2:AK$366,ROUNDDOWN($C4731/24,0)+1,1)*INDEX($D$3:$AA$30,INDEX(Jesper!$R$2:$R$366,ROW(INDEX(Jesper!AK$2:AK$366,ROUNDDOWN($C4731/24,0)+1,1))-1)+IF('Standard Profiles'!$G$21=$B$10,7,0)+IF('Standard Profiles'!$G$21=$B$17,14,0)+IF('Standard Profiles'!$G$21=$B$24,21,0),MOD($C4731,24)+1)/SUM(INDEX($D$3:$AA$30,INDEX(Jesper!$R$2:$R$366,ROW(INDEX(Jesper!AK$2:AK$366,ROUNDDOWN($C4731/24,0)+1,1))-1)+IF('Standard Profiles'!$G$21=$B$10,7,0)+IF('Standard Profiles'!$G$21=$B$17,14,0)+IF('Standard Profiles'!$G$21=$B$24,21,0),0)),0)</f>
        <v>0</v>
      </c>
      <c r="H4731" cm="1">
        <f t="array" ref="H4731">IFERROR(INDEX(Jesper!AL$2:AL$366,ROUNDDOWN($C4731/24,0)+1,1)*INDEX($D$3:$AA$30,INDEX(Jesper!$R$2:$R$366,ROW(INDEX(Jesper!AL$2:AL$366,ROUNDDOWN($C4731/24,0)+1,1))-1)+IF('Standard Profiles'!$G$22=$B$10,7,0)+IF('Standard Profiles'!$G$22=$B$17,14,0)+IF('Standard Profiles'!$G$22=$B$24,21,0),MOD($C4731,24)+1)/SUM(INDEX($D$3:$AA$30,INDEX(Jesper!$R$2:$R$366,ROW(INDEX(Jesper!AL$2:AL$366,ROUNDDOWN($C4731/24,0)+1,1))-1)+IF('Standard Profiles'!$G$22=$B$10,7,0)+IF('Standard Profiles'!$G$22=$B$17,14,0)+IF('Standard Profiles'!$G$22=$B$24,21,0),0)),0)</f>
        <v>0</v>
      </c>
      <c r="I4731">
        <f t="shared" si="531"/>
        <v>0.10319614800242895</v>
      </c>
      <c r="J4731">
        <f t="shared" si="532"/>
        <v>0.34398716000809654</v>
      </c>
      <c r="K4731">
        <f t="shared" si="533"/>
        <v>0.51598074001214478</v>
      </c>
      <c r="L4731">
        <f t="shared" si="534"/>
        <v>8.4212110709262049</v>
      </c>
      <c r="M4731">
        <f t="shared" si="535"/>
        <v>0</v>
      </c>
      <c r="N4731" s="46">
        <f t="shared" si="536"/>
        <v>45487.708333321942</v>
      </c>
    </row>
    <row r="4732" spans="2:14" x14ac:dyDescent="0.3">
      <c r="B4732">
        <f t="shared" si="530"/>
        <v>7</v>
      </c>
      <c r="C4732" s="16">
        <v>4698</v>
      </c>
      <c r="D4732" cm="1">
        <f t="array" ref="D4732">IFERROR(INDEX(Jesper!AH$2:AH$366,ROUNDDOWN($C4732/24,0)+1,1)*INDEX($D$3:$AA$30,INDEX(Jesper!$R$2:$R$366,ROW(INDEX(Jesper!AH$2:AH$366,ROUNDDOWN($C4732/24,0)+1,1))-1)+IF('Standard Profiles'!$G$18=$B$10,7,0)+IF('Standard Profiles'!$G$18=$B$17,14,0)+IF('Standard Profiles'!$G$18=$B$24,21,0),MOD($C4732,24)+1)/SUM(INDEX($D$3:$AA$30,INDEX(Jesper!$R$2:$R$366,ROW(INDEX(Jesper!AH$2:AH$366,ROUNDDOWN($C4732/24,0)+1,1))-1)+IF('Standard Profiles'!$G$18=$B$10,7,0)+IF('Standard Profiles'!$G$18=$B$17,14,0)+IF('Standard Profiles'!$G$18=$B$24,21,0),0)),0)</f>
        <v>7.7130107776460477</v>
      </c>
      <c r="E4732" cm="1">
        <f t="array" ref="E4732">IFERROR(INDEX(Jesper!AI$2:AI$366,ROUNDDOWN($C4732/24,0)+1,1)*INDEX($D$3:$AA$30,INDEX(Jesper!$R$2:$R$366,ROW(INDEX(Jesper!AI$2:AI$366,ROUNDDOWN($C4732/24,0)+1,1))-1)+IF('Standard Profiles'!$G$19=$B$10,7,0)+IF('Standard Profiles'!$G$19=$B$17,14,0)+IF('Standard Profiles'!$G$19=$B$24,21,0),MOD($C4732,24)+1)/SUM(INDEX($D$3:$AA$30,INDEX(Jesper!$R$2:$R$366,ROW(INDEX(Jesper!AI$2:AI$366,ROUNDDOWN($C4732/24,0)+1,1))-1)+IF('Standard Profiles'!$G$19=$B$10,7,0)+IF('Standard Profiles'!$G$19=$B$17,14,0)+IF('Standard Profiles'!$G$19=$B$24,21,0),0)),0)</f>
        <v>1.0723616741358786</v>
      </c>
      <c r="F4732" cm="1">
        <f t="array" ref="F4732">IFERROR(INDEX(Jesper!AJ$2:AJ$366,ROUNDDOWN($C4732/24,0)+1,1)*INDEX($D$3:$AA$30,INDEX(Jesper!$R$2:$R$366,ROW(INDEX(Jesper!AJ$2:AJ$366,ROUNDDOWN($C4732/24,0)+1,1))-1)+IF('Standard Profiles'!$G$20=$B$10,7,0)+IF('Standard Profiles'!$G$20=$B$17,14,0)+IF('Standard Profiles'!$G$20=$B$24,21,0),MOD($C4732,24)+1)/SUM(INDEX($D$3:$AA$30,INDEX(Jesper!$R$2:$R$366,ROW(INDEX(Jesper!AJ$2:AJ$366,ROUNDDOWN($C4732/24,0)+1,1))-1)+IF('Standard Profiles'!$G$20=$B$10,7,0)+IF('Standard Profiles'!$G$20=$B$17,14,0)+IF('Standard Profiles'!$G$20=$B$24,21,0),0)),0)</f>
        <v>0</v>
      </c>
      <c r="G4732" cm="1">
        <f t="array" ref="G4732">IFERROR(INDEX(Jesper!AK$2:AK$366,ROUNDDOWN($C4732/24,0)+1,1)*INDEX($D$3:$AA$30,INDEX(Jesper!$R$2:$R$366,ROW(INDEX(Jesper!AK$2:AK$366,ROUNDDOWN($C4732/24,0)+1,1))-1)+IF('Standard Profiles'!$G$21=$B$10,7,0)+IF('Standard Profiles'!$G$21=$B$17,14,0)+IF('Standard Profiles'!$G$21=$B$24,21,0),MOD($C4732,24)+1)/SUM(INDEX($D$3:$AA$30,INDEX(Jesper!$R$2:$R$366,ROW(INDEX(Jesper!AK$2:AK$366,ROUNDDOWN($C4732/24,0)+1,1))-1)+IF('Standard Profiles'!$G$21=$B$10,7,0)+IF('Standard Profiles'!$G$21=$B$17,14,0)+IF('Standard Profiles'!$G$21=$B$24,21,0),0)),0)</f>
        <v>0</v>
      </c>
      <c r="H4732" cm="1">
        <f t="array" ref="H4732">IFERROR(INDEX(Jesper!AL$2:AL$366,ROUNDDOWN($C4732/24,0)+1,1)*INDEX($D$3:$AA$30,INDEX(Jesper!$R$2:$R$366,ROW(INDEX(Jesper!AL$2:AL$366,ROUNDDOWN($C4732/24,0)+1,1))-1)+IF('Standard Profiles'!$G$22=$B$10,7,0)+IF('Standard Profiles'!$G$22=$B$17,14,0)+IF('Standard Profiles'!$G$22=$B$24,21,0),MOD($C4732,24)+1)/SUM(INDEX($D$3:$AA$30,INDEX(Jesper!$R$2:$R$366,ROW(INDEX(Jesper!AL$2:AL$366,ROUNDDOWN($C4732/24,0)+1,1))-1)+IF('Standard Profiles'!$G$22=$B$10,7,0)+IF('Standard Profiles'!$G$22=$B$17,14,0)+IF('Standard Profiles'!$G$22=$B$24,21,0),0)),0)</f>
        <v>0</v>
      </c>
      <c r="I4732">
        <f t="shared" si="531"/>
        <v>9.6609159832061156E-2</v>
      </c>
      <c r="J4732">
        <f t="shared" si="532"/>
        <v>0.32203053277353721</v>
      </c>
      <c r="K4732">
        <f t="shared" si="533"/>
        <v>0.48304579916030582</v>
      </c>
      <c r="L4732">
        <f t="shared" si="534"/>
        <v>7.8836869600160222</v>
      </c>
      <c r="M4732">
        <f t="shared" si="535"/>
        <v>0</v>
      </c>
      <c r="N4732" s="46">
        <f t="shared" si="536"/>
        <v>45487.749999988606</v>
      </c>
    </row>
    <row r="4733" spans="2:14" x14ac:dyDescent="0.3">
      <c r="B4733">
        <f t="shared" si="530"/>
        <v>7</v>
      </c>
      <c r="C4733" s="16">
        <v>4699</v>
      </c>
      <c r="D4733" cm="1">
        <f t="array" ref="D4733">IFERROR(INDEX(Jesper!AH$2:AH$366,ROUNDDOWN($C4733/24,0)+1,1)*INDEX($D$3:$AA$30,INDEX(Jesper!$R$2:$R$366,ROW(INDEX(Jesper!AH$2:AH$366,ROUNDDOWN($C4733/24,0)+1,1))-1)+IF('Standard Profiles'!$G$18=$B$10,7,0)+IF('Standard Profiles'!$G$18=$B$17,14,0)+IF('Standard Profiles'!$G$18=$B$24,21,0),MOD($C4733,24)+1)/SUM(INDEX($D$3:$AA$30,INDEX(Jesper!$R$2:$R$366,ROW(INDEX(Jesper!AH$2:AH$366,ROUNDDOWN($C4733/24,0)+1,1))-1)+IF('Standard Profiles'!$G$18=$B$10,7,0)+IF('Standard Profiles'!$G$18=$B$17,14,0)+IF('Standard Profiles'!$G$18=$B$24,21,0),0)),0)</f>
        <v>6.4859408812023585</v>
      </c>
      <c r="E4733" cm="1">
        <f t="array" ref="E4733">IFERROR(INDEX(Jesper!AI$2:AI$366,ROUNDDOWN($C4733/24,0)+1,1)*INDEX($D$3:$AA$30,INDEX(Jesper!$R$2:$R$366,ROW(INDEX(Jesper!AI$2:AI$366,ROUNDDOWN($C4733/24,0)+1,1))-1)+IF('Standard Profiles'!$G$19=$B$10,7,0)+IF('Standard Profiles'!$G$19=$B$17,14,0)+IF('Standard Profiles'!$G$19=$B$24,21,0),MOD($C4733,24)+1)/SUM(INDEX($D$3:$AA$30,INDEX(Jesper!$R$2:$R$366,ROW(INDEX(Jesper!AI$2:AI$366,ROUNDDOWN($C4733/24,0)+1,1))-1)+IF('Standard Profiles'!$G$19=$B$10,7,0)+IF('Standard Profiles'!$G$19=$B$17,14,0)+IF('Standard Profiles'!$G$19=$B$24,21,0),0)),0)</f>
        <v>0.9017586805233524</v>
      </c>
      <c r="F4733" cm="1">
        <f t="array" ref="F4733">IFERROR(INDEX(Jesper!AJ$2:AJ$366,ROUNDDOWN($C4733/24,0)+1,1)*INDEX($D$3:$AA$30,INDEX(Jesper!$R$2:$R$366,ROW(INDEX(Jesper!AJ$2:AJ$366,ROUNDDOWN($C4733/24,0)+1,1))-1)+IF('Standard Profiles'!$G$20=$B$10,7,0)+IF('Standard Profiles'!$G$20=$B$17,14,0)+IF('Standard Profiles'!$G$20=$B$24,21,0),MOD($C4733,24)+1)/SUM(INDEX($D$3:$AA$30,INDEX(Jesper!$R$2:$R$366,ROW(INDEX(Jesper!AJ$2:AJ$366,ROUNDDOWN($C4733/24,0)+1,1))-1)+IF('Standard Profiles'!$G$20=$B$10,7,0)+IF('Standard Profiles'!$G$20=$B$17,14,0)+IF('Standard Profiles'!$G$20=$B$24,21,0),0)),0)</f>
        <v>0</v>
      </c>
      <c r="G4733" cm="1">
        <f t="array" ref="G4733">IFERROR(INDEX(Jesper!AK$2:AK$366,ROUNDDOWN($C4733/24,0)+1,1)*INDEX($D$3:$AA$30,INDEX(Jesper!$R$2:$R$366,ROW(INDEX(Jesper!AK$2:AK$366,ROUNDDOWN($C4733/24,0)+1,1))-1)+IF('Standard Profiles'!$G$21=$B$10,7,0)+IF('Standard Profiles'!$G$21=$B$17,14,0)+IF('Standard Profiles'!$G$21=$B$24,21,0),MOD($C4733,24)+1)/SUM(INDEX($D$3:$AA$30,INDEX(Jesper!$R$2:$R$366,ROW(INDEX(Jesper!AK$2:AK$366,ROUNDDOWN($C4733/24,0)+1,1))-1)+IF('Standard Profiles'!$G$21=$B$10,7,0)+IF('Standard Profiles'!$G$21=$B$17,14,0)+IF('Standard Profiles'!$G$21=$B$24,21,0),0)),0)</f>
        <v>0</v>
      </c>
      <c r="H4733" cm="1">
        <f t="array" ref="H4733">IFERROR(INDEX(Jesper!AL$2:AL$366,ROUNDDOWN($C4733/24,0)+1,1)*INDEX($D$3:$AA$30,INDEX(Jesper!$R$2:$R$366,ROW(INDEX(Jesper!AL$2:AL$366,ROUNDDOWN($C4733/24,0)+1,1))-1)+IF('Standard Profiles'!$G$22=$B$10,7,0)+IF('Standard Profiles'!$G$22=$B$17,14,0)+IF('Standard Profiles'!$G$22=$B$24,21,0),MOD($C4733,24)+1)/SUM(INDEX($D$3:$AA$30,INDEX(Jesper!$R$2:$R$366,ROW(INDEX(Jesper!AL$2:AL$366,ROUNDDOWN($C4733/24,0)+1,1))-1)+IF('Standard Profiles'!$G$22=$B$10,7,0)+IF('Standard Profiles'!$G$22=$B$17,14,0)+IF('Standard Profiles'!$G$22=$B$24,21,0),0)),0)</f>
        <v>0</v>
      </c>
      <c r="I4733">
        <f t="shared" si="531"/>
        <v>8.1239520767869611E-2</v>
      </c>
      <c r="J4733">
        <f t="shared" si="532"/>
        <v>0.27079840255956539</v>
      </c>
      <c r="K4733">
        <f t="shared" si="533"/>
        <v>0.40619760383934811</v>
      </c>
      <c r="L4733">
        <f t="shared" si="534"/>
        <v>6.6294640345589277</v>
      </c>
      <c r="M4733">
        <f t="shared" si="535"/>
        <v>0</v>
      </c>
      <c r="N4733" s="46">
        <f t="shared" si="536"/>
        <v>45487.79166665527</v>
      </c>
    </row>
    <row r="4734" spans="2:14" x14ac:dyDescent="0.3">
      <c r="B4734">
        <f t="shared" si="530"/>
        <v>7</v>
      </c>
      <c r="C4734" s="16">
        <v>4700</v>
      </c>
      <c r="D4734" cm="1">
        <f t="array" ref="D4734">IFERROR(INDEX(Jesper!AH$2:AH$366,ROUNDDOWN($C4734/24,0)+1,1)*INDEX($D$3:$AA$30,INDEX(Jesper!$R$2:$R$366,ROW(INDEX(Jesper!AH$2:AH$366,ROUNDDOWN($C4734/24,0)+1,1))-1)+IF('Standard Profiles'!$G$18=$B$10,7,0)+IF('Standard Profiles'!$G$18=$B$17,14,0)+IF('Standard Profiles'!$G$18=$B$24,21,0),MOD($C4734,24)+1)/SUM(INDEX($D$3:$AA$30,INDEX(Jesper!$R$2:$R$366,ROW(INDEX(Jesper!AH$2:AH$366,ROUNDDOWN($C4734/24,0)+1,1))-1)+IF('Standard Profiles'!$G$18=$B$10,7,0)+IF('Standard Profiles'!$G$18=$B$17,14,0)+IF('Standard Profiles'!$G$18=$B$24,21,0),0)),0)</f>
        <v>5.4341666842506235</v>
      </c>
      <c r="E4734" cm="1">
        <f t="array" ref="E4734">IFERROR(INDEX(Jesper!AI$2:AI$366,ROUNDDOWN($C4734/24,0)+1,1)*INDEX($D$3:$AA$30,INDEX(Jesper!$R$2:$R$366,ROW(INDEX(Jesper!AI$2:AI$366,ROUNDDOWN($C4734/24,0)+1,1))-1)+IF('Standard Profiles'!$G$19=$B$10,7,0)+IF('Standard Profiles'!$G$19=$B$17,14,0)+IF('Standard Profiles'!$G$19=$B$24,21,0),MOD($C4734,24)+1)/SUM(INDEX($D$3:$AA$30,INDEX(Jesper!$R$2:$R$366,ROW(INDEX(Jesper!AI$2:AI$366,ROUNDDOWN($C4734/24,0)+1,1))-1)+IF('Standard Profiles'!$G$19=$B$10,7,0)+IF('Standard Profiles'!$G$19=$B$17,14,0)+IF('Standard Profiles'!$G$19=$B$24,21,0),0)),0)</f>
        <v>0.75552754314118709</v>
      </c>
      <c r="F4734" cm="1">
        <f t="array" ref="F4734">IFERROR(INDEX(Jesper!AJ$2:AJ$366,ROUNDDOWN($C4734/24,0)+1,1)*INDEX($D$3:$AA$30,INDEX(Jesper!$R$2:$R$366,ROW(INDEX(Jesper!AJ$2:AJ$366,ROUNDDOWN($C4734/24,0)+1,1))-1)+IF('Standard Profiles'!$G$20=$B$10,7,0)+IF('Standard Profiles'!$G$20=$B$17,14,0)+IF('Standard Profiles'!$G$20=$B$24,21,0),MOD($C4734,24)+1)/SUM(INDEX($D$3:$AA$30,INDEX(Jesper!$R$2:$R$366,ROW(INDEX(Jesper!AJ$2:AJ$366,ROUNDDOWN($C4734/24,0)+1,1))-1)+IF('Standard Profiles'!$G$20=$B$10,7,0)+IF('Standard Profiles'!$G$20=$B$17,14,0)+IF('Standard Profiles'!$G$20=$B$24,21,0),0)),0)</f>
        <v>0</v>
      </c>
      <c r="G4734" cm="1">
        <f t="array" ref="G4734">IFERROR(INDEX(Jesper!AK$2:AK$366,ROUNDDOWN($C4734/24,0)+1,1)*INDEX($D$3:$AA$30,INDEX(Jesper!$R$2:$R$366,ROW(INDEX(Jesper!AK$2:AK$366,ROUNDDOWN($C4734/24,0)+1,1))-1)+IF('Standard Profiles'!$G$21=$B$10,7,0)+IF('Standard Profiles'!$G$21=$B$17,14,0)+IF('Standard Profiles'!$G$21=$B$24,21,0),MOD($C4734,24)+1)/SUM(INDEX($D$3:$AA$30,INDEX(Jesper!$R$2:$R$366,ROW(INDEX(Jesper!AK$2:AK$366,ROUNDDOWN($C4734/24,0)+1,1))-1)+IF('Standard Profiles'!$G$21=$B$10,7,0)+IF('Standard Profiles'!$G$21=$B$17,14,0)+IF('Standard Profiles'!$G$21=$B$24,21,0),0)),0)</f>
        <v>0</v>
      </c>
      <c r="H4734" cm="1">
        <f t="array" ref="H4734">IFERROR(INDEX(Jesper!AL$2:AL$366,ROUNDDOWN($C4734/24,0)+1,1)*INDEX($D$3:$AA$30,INDEX(Jesper!$R$2:$R$366,ROW(INDEX(Jesper!AL$2:AL$366,ROUNDDOWN($C4734/24,0)+1,1))-1)+IF('Standard Profiles'!$G$22=$B$10,7,0)+IF('Standard Profiles'!$G$22=$B$17,14,0)+IF('Standard Profiles'!$G$22=$B$24,21,0),MOD($C4734,24)+1)/SUM(INDEX($D$3:$AA$30,INDEX(Jesper!$R$2:$R$366,ROW(INDEX(Jesper!AL$2:AL$366,ROUNDDOWN($C4734/24,0)+1,1))-1)+IF('Standard Profiles'!$G$22=$B$10,7,0)+IF('Standard Profiles'!$G$22=$B$17,14,0)+IF('Standard Profiles'!$G$22=$B$24,21,0),0)),0)</f>
        <v>0</v>
      </c>
      <c r="I4734">
        <f t="shared" si="531"/>
        <v>6.8065544427133987E-2</v>
      </c>
      <c r="J4734">
        <f t="shared" si="532"/>
        <v>0.22688514809044666</v>
      </c>
      <c r="K4734">
        <f t="shared" si="533"/>
        <v>0.34032772213566997</v>
      </c>
      <c r="L4734">
        <f t="shared" si="534"/>
        <v>5.5544158127385597</v>
      </c>
      <c r="M4734">
        <f t="shared" si="535"/>
        <v>0</v>
      </c>
      <c r="N4734" s="46">
        <f t="shared" si="536"/>
        <v>45487.833333321934</v>
      </c>
    </row>
    <row r="4735" spans="2:14" x14ac:dyDescent="0.3">
      <c r="B4735">
        <f t="shared" si="530"/>
        <v>7</v>
      </c>
      <c r="C4735" s="16">
        <v>4701</v>
      </c>
      <c r="D4735" cm="1">
        <f t="array" ref="D4735">IFERROR(INDEX(Jesper!AH$2:AH$366,ROUNDDOWN($C4735/24,0)+1,1)*INDEX($D$3:$AA$30,INDEX(Jesper!$R$2:$R$366,ROW(INDEX(Jesper!AH$2:AH$366,ROUNDDOWN($C4735/24,0)+1,1))-1)+IF('Standard Profiles'!$G$18=$B$10,7,0)+IF('Standard Profiles'!$G$18=$B$17,14,0)+IF('Standard Profiles'!$G$18=$B$24,21,0),MOD($C4735,24)+1)/SUM(INDEX($D$3:$AA$30,INDEX(Jesper!$R$2:$R$366,ROW(INDEX(Jesper!AH$2:AH$366,ROUNDDOWN($C4735/24,0)+1,1))-1)+IF('Standard Profiles'!$G$18=$B$10,7,0)+IF('Standard Profiles'!$G$18=$B$17,14,0)+IF('Standard Profiles'!$G$18=$B$24,21,0),0)),0)</f>
        <v>4.7329838862828026</v>
      </c>
      <c r="E4735" cm="1">
        <f t="array" ref="E4735">IFERROR(INDEX(Jesper!AI$2:AI$366,ROUNDDOWN($C4735/24,0)+1,1)*INDEX($D$3:$AA$30,INDEX(Jesper!$R$2:$R$366,ROW(INDEX(Jesper!AI$2:AI$366,ROUNDDOWN($C4735/24,0)+1,1))-1)+IF('Standard Profiles'!$G$19=$B$10,7,0)+IF('Standard Profiles'!$G$19=$B$17,14,0)+IF('Standard Profiles'!$G$19=$B$24,21,0),MOD($C4735,24)+1)/SUM(INDEX($D$3:$AA$30,INDEX(Jesper!$R$2:$R$366,ROW(INDEX(Jesper!AI$2:AI$366,ROUNDDOWN($C4735/24,0)+1,1))-1)+IF('Standard Profiles'!$G$19=$B$10,7,0)+IF('Standard Profiles'!$G$19=$B$17,14,0)+IF('Standard Profiles'!$G$19=$B$24,21,0),0)),0)</f>
        <v>0.65804011821974373</v>
      </c>
      <c r="F4735" cm="1">
        <f t="array" ref="F4735">IFERROR(INDEX(Jesper!AJ$2:AJ$366,ROUNDDOWN($C4735/24,0)+1,1)*INDEX($D$3:$AA$30,INDEX(Jesper!$R$2:$R$366,ROW(INDEX(Jesper!AJ$2:AJ$366,ROUNDDOWN($C4735/24,0)+1,1))-1)+IF('Standard Profiles'!$G$20=$B$10,7,0)+IF('Standard Profiles'!$G$20=$B$17,14,0)+IF('Standard Profiles'!$G$20=$B$24,21,0),MOD($C4735,24)+1)/SUM(INDEX($D$3:$AA$30,INDEX(Jesper!$R$2:$R$366,ROW(INDEX(Jesper!AJ$2:AJ$366,ROUNDDOWN($C4735/24,0)+1,1))-1)+IF('Standard Profiles'!$G$20=$B$10,7,0)+IF('Standard Profiles'!$G$20=$B$17,14,0)+IF('Standard Profiles'!$G$20=$B$24,21,0),0)),0)</f>
        <v>0</v>
      </c>
      <c r="G4735" cm="1">
        <f t="array" ref="G4735">IFERROR(INDEX(Jesper!AK$2:AK$366,ROUNDDOWN($C4735/24,0)+1,1)*INDEX($D$3:$AA$30,INDEX(Jesper!$R$2:$R$366,ROW(INDEX(Jesper!AK$2:AK$366,ROUNDDOWN($C4735/24,0)+1,1))-1)+IF('Standard Profiles'!$G$21=$B$10,7,0)+IF('Standard Profiles'!$G$21=$B$17,14,0)+IF('Standard Profiles'!$G$21=$B$24,21,0),MOD($C4735,24)+1)/SUM(INDEX($D$3:$AA$30,INDEX(Jesper!$R$2:$R$366,ROW(INDEX(Jesper!AK$2:AK$366,ROUNDDOWN($C4735/24,0)+1,1))-1)+IF('Standard Profiles'!$G$21=$B$10,7,0)+IF('Standard Profiles'!$G$21=$B$17,14,0)+IF('Standard Profiles'!$G$21=$B$24,21,0),0)),0)</f>
        <v>0</v>
      </c>
      <c r="H4735" cm="1">
        <f t="array" ref="H4735">IFERROR(INDEX(Jesper!AL$2:AL$366,ROUNDDOWN($C4735/24,0)+1,1)*INDEX($D$3:$AA$30,INDEX(Jesper!$R$2:$R$366,ROW(INDEX(Jesper!AL$2:AL$366,ROUNDDOWN($C4735/24,0)+1,1))-1)+IF('Standard Profiles'!$G$22=$B$10,7,0)+IF('Standard Profiles'!$G$22=$B$17,14,0)+IF('Standard Profiles'!$G$22=$B$24,21,0),MOD($C4735,24)+1)/SUM(INDEX($D$3:$AA$30,INDEX(Jesper!$R$2:$R$366,ROW(INDEX(Jesper!AL$2:AL$366,ROUNDDOWN($C4735/24,0)+1,1))-1)+IF('Standard Profiles'!$G$22=$B$10,7,0)+IF('Standard Profiles'!$G$22=$B$17,14,0)+IF('Standard Profiles'!$G$22=$B$24,21,0),0)),0)</f>
        <v>0</v>
      </c>
      <c r="I4735">
        <f t="shared" si="531"/>
        <v>5.928289353331026E-2</v>
      </c>
      <c r="J4735">
        <f t="shared" si="532"/>
        <v>0.19760964511103424</v>
      </c>
      <c r="K4735">
        <f t="shared" si="533"/>
        <v>0.29641446766655133</v>
      </c>
      <c r="L4735">
        <f t="shared" si="534"/>
        <v>4.8377169981916506</v>
      </c>
      <c r="M4735">
        <f t="shared" si="535"/>
        <v>0</v>
      </c>
      <c r="N4735" s="46">
        <f t="shared" si="536"/>
        <v>45487.874999988599</v>
      </c>
    </row>
    <row r="4736" spans="2:14" x14ac:dyDescent="0.3">
      <c r="B4736">
        <f t="shared" si="530"/>
        <v>7</v>
      </c>
      <c r="C4736" s="16">
        <v>4702</v>
      </c>
      <c r="D4736" cm="1">
        <f t="array" ref="D4736">IFERROR(INDEX(Jesper!AH$2:AH$366,ROUNDDOWN($C4736/24,0)+1,1)*INDEX($D$3:$AA$30,INDEX(Jesper!$R$2:$R$366,ROW(INDEX(Jesper!AH$2:AH$366,ROUNDDOWN($C4736/24,0)+1,1))-1)+IF('Standard Profiles'!$G$18=$B$10,7,0)+IF('Standard Profiles'!$G$18=$B$17,14,0)+IF('Standard Profiles'!$G$18=$B$24,21,0),MOD($C4736,24)+1)/SUM(INDEX($D$3:$AA$30,INDEX(Jesper!$R$2:$R$366,ROW(INDEX(Jesper!AH$2:AH$366,ROUNDDOWN($C4736/24,0)+1,1))-1)+IF('Standard Profiles'!$G$18=$B$10,7,0)+IF('Standard Profiles'!$G$18=$B$17,14,0)+IF('Standard Profiles'!$G$18=$B$24,21,0),0)),0)</f>
        <v>4.7329838862828026</v>
      </c>
      <c r="E4736" cm="1">
        <f t="array" ref="E4736">IFERROR(INDEX(Jesper!AI$2:AI$366,ROUNDDOWN($C4736/24,0)+1,1)*INDEX($D$3:$AA$30,INDEX(Jesper!$R$2:$R$366,ROW(INDEX(Jesper!AI$2:AI$366,ROUNDDOWN($C4736/24,0)+1,1))-1)+IF('Standard Profiles'!$G$19=$B$10,7,0)+IF('Standard Profiles'!$G$19=$B$17,14,0)+IF('Standard Profiles'!$G$19=$B$24,21,0),MOD($C4736,24)+1)/SUM(INDEX($D$3:$AA$30,INDEX(Jesper!$R$2:$R$366,ROW(INDEX(Jesper!AI$2:AI$366,ROUNDDOWN($C4736/24,0)+1,1))-1)+IF('Standard Profiles'!$G$19=$B$10,7,0)+IF('Standard Profiles'!$G$19=$B$17,14,0)+IF('Standard Profiles'!$G$19=$B$24,21,0),0)),0)</f>
        <v>0.65804011821974373</v>
      </c>
      <c r="F4736" cm="1">
        <f t="array" ref="F4736">IFERROR(INDEX(Jesper!AJ$2:AJ$366,ROUNDDOWN($C4736/24,0)+1,1)*INDEX($D$3:$AA$30,INDEX(Jesper!$R$2:$R$366,ROW(INDEX(Jesper!AJ$2:AJ$366,ROUNDDOWN($C4736/24,0)+1,1))-1)+IF('Standard Profiles'!$G$20=$B$10,7,0)+IF('Standard Profiles'!$G$20=$B$17,14,0)+IF('Standard Profiles'!$G$20=$B$24,21,0),MOD($C4736,24)+1)/SUM(INDEX($D$3:$AA$30,INDEX(Jesper!$R$2:$R$366,ROW(INDEX(Jesper!AJ$2:AJ$366,ROUNDDOWN($C4736/24,0)+1,1))-1)+IF('Standard Profiles'!$G$20=$B$10,7,0)+IF('Standard Profiles'!$G$20=$B$17,14,0)+IF('Standard Profiles'!$G$20=$B$24,21,0),0)),0)</f>
        <v>0</v>
      </c>
      <c r="G4736" cm="1">
        <f t="array" ref="G4736">IFERROR(INDEX(Jesper!AK$2:AK$366,ROUNDDOWN($C4736/24,0)+1,1)*INDEX($D$3:$AA$30,INDEX(Jesper!$R$2:$R$366,ROW(INDEX(Jesper!AK$2:AK$366,ROUNDDOWN($C4736/24,0)+1,1))-1)+IF('Standard Profiles'!$G$21=$B$10,7,0)+IF('Standard Profiles'!$G$21=$B$17,14,0)+IF('Standard Profiles'!$G$21=$B$24,21,0),MOD($C4736,24)+1)/SUM(INDEX($D$3:$AA$30,INDEX(Jesper!$R$2:$R$366,ROW(INDEX(Jesper!AK$2:AK$366,ROUNDDOWN($C4736/24,0)+1,1))-1)+IF('Standard Profiles'!$G$21=$B$10,7,0)+IF('Standard Profiles'!$G$21=$B$17,14,0)+IF('Standard Profiles'!$G$21=$B$24,21,0),0)),0)</f>
        <v>0</v>
      </c>
      <c r="H4736" cm="1">
        <f t="array" ref="H4736">IFERROR(INDEX(Jesper!AL$2:AL$366,ROUNDDOWN($C4736/24,0)+1,1)*INDEX($D$3:$AA$30,INDEX(Jesper!$R$2:$R$366,ROW(INDEX(Jesper!AL$2:AL$366,ROUNDDOWN($C4736/24,0)+1,1))-1)+IF('Standard Profiles'!$G$22=$B$10,7,0)+IF('Standard Profiles'!$G$22=$B$17,14,0)+IF('Standard Profiles'!$G$22=$B$24,21,0),MOD($C4736,24)+1)/SUM(INDEX($D$3:$AA$30,INDEX(Jesper!$R$2:$R$366,ROW(INDEX(Jesper!AL$2:AL$366,ROUNDDOWN($C4736/24,0)+1,1))-1)+IF('Standard Profiles'!$G$22=$B$10,7,0)+IF('Standard Profiles'!$G$22=$B$17,14,0)+IF('Standard Profiles'!$G$22=$B$24,21,0),0)),0)</f>
        <v>0</v>
      </c>
      <c r="I4736">
        <f t="shared" si="531"/>
        <v>5.928289353331026E-2</v>
      </c>
      <c r="J4736">
        <f t="shared" si="532"/>
        <v>0.19760964511103424</v>
      </c>
      <c r="K4736">
        <f t="shared" si="533"/>
        <v>0.29641446766655133</v>
      </c>
      <c r="L4736">
        <f t="shared" si="534"/>
        <v>4.8377169981916506</v>
      </c>
      <c r="M4736">
        <f t="shared" si="535"/>
        <v>0</v>
      </c>
      <c r="N4736" s="46">
        <f t="shared" si="536"/>
        <v>45487.916666655263</v>
      </c>
    </row>
    <row r="4737" spans="2:14" x14ac:dyDescent="0.3">
      <c r="B4737">
        <f t="shared" si="530"/>
        <v>7</v>
      </c>
      <c r="C4737" s="16">
        <v>4703</v>
      </c>
      <c r="D4737" cm="1">
        <f t="array" ref="D4737">IFERROR(INDEX(Jesper!AH$2:AH$366,ROUNDDOWN($C4737/24,0)+1,1)*INDEX($D$3:$AA$30,INDEX(Jesper!$R$2:$R$366,ROW(INDEX(Jesper!AH$2:AH$366,ROUNDDOWN($C4737/24,0)+1,1))-1)+IF('Standard Profiles'!$G$18=$B$10,7,0)+IF('Standard Profiles'!$G$18=$B$17,14,0)+IF('Standard Profiles'!$G$18=$B$24,21,0),MOD($C4737,24)+1)/SUM(INDEX($D$3:$AA$30,INDEX(Jesper!$R$2:$R$366,ROW(INDEX(Jesper!AH$2:AH$366,ROUNDDOWN($C4737/24,0)+1,1))-1)+IF('Standard Profiles'!$G$18=$B$10,7,0)+IF('Standard Profiles'!$G$18=$B$17,14,0)+IF('Standard Profiles'!$G$18=$B$24,21,0),0)),0)</f>
        <v>4.7329838862828026</v>
      </c>
      <c r="E4737" cm="1">
        <f t="array" ref="E4737">IFERROR(INDEX(Jesper!AI$2:AI$366,ROUNDDOWN($C4737/24,0)+1,1)*INDEX($D$3:$AA$30,INDEX(Jesper!$R$2:$R$366,ROW(INDEX(Jesper!AI$2:AI$366,ROUNDDOWN($C4737/24,0)+1,1))-1)+IF('Standard Profiles'!$G$19=$B$10,7,0)+IF('Standard Profiles'!$G$19=$B$17,14,0)+IF('Standard Profiles'!$G$19=$B$24,21,0),MOD($C4737,24)+1)/SUM(INDEX($D$3:$AA$30,INDEX(Jesper!$R$2:$R$366,ROW(INDEX(Jesper!AI$2:AI$366,ROUNDDOWN($C4737/24,0)+1,1))-1)+IF('Standard Profiles'!$G$19=$B$10,7,0)+IF('Standard Profiles'!$G$19=$B$17,14,0)+IF('Standard Profiles'!$G$19=$B$24,21,0),0)),0)</f>
        <v>0.65804011821974373</v>
      </c>
      <c r="F4737" cm="1">
        <f t="array" ref="F4737">IFERROR(INDEX(Jesper!AJ$2:AJ$366,ROUNDDOWN($C4737/24,0)+1,1)*INDEX($D$3:$AA$30,INDEX(Jesper!$R$2:$R$366,ROW(INDEX(Jesper!AJ$2:AJ$366,ROUNDDOWN($C4737/24,0)+1,1))-1)+IF('Standard Profiles'!$G$20=$B$10,7,0)+IF('Standard Profiles'!$G$20=$B$17,14,0)+IF('Standard Profiles'!$G$20=$B$24,21,0),MOD($C4737,24)+1)/SUM(INDEX($D$3:$AA$30,INDEX(Jesper!$R$2:$R$366,ROW(INDEX(Jesper!AJ$2:AJ$366,ROUNDDOWN($C4737/24,0)+1,1))-1)+IF('Standard Profiles'!$G$20=$B$10,7,0)+IF('Standard Profiles'!$G$20=$B$17,14,0)+IF('Standard Profiles'!$G$20=$B$24,21,0),0)),0)</f>
        <v>0</v>
      </c>
      <c r="G4737" cm="1">
        <f t="array" ref="G4737">IFERROR(INDEX(Jesper!AK$2:AK$366,ROUNDDOWN($C4737/24,0)+1,1)*INDEX($D$3:$AA$30,INDEX(Jesper!$R$2:$R$366,ROW(INDEX(Jesper!AK$2:AK$366,ROUNDDOWN($C4737/24,0)+1,1))-1)+IF('Standard Profiles'!$G$21=$B$10,7,0)+IF('Standard Profiles'!$G$21=$B$17,14,0)+IF('Standard Profiles'!$G$21=$B$24,21,0),MOD($C4737,24)+1)/SUM(INDEX($D$3:$AA$30,INDEX(Jesper!$R$2:$R$366,ROW(INDEX(Jesper!AK$2:AK$366,ROUNDDOWN($C4737/24,0)+1,1))-1)+IF('Standard Profiles'!$G$21=$B$10,7,0)+IF('Standard Profiles'!$G$21=$B$17,14,0)+IF('Standard Profiles'!$G$21=$B$24,21,0),0)),0)</f>
        <v>0</v>
      </c>
      <c r="H4737" cm="1">
        <f t="array" ref="H4737">IFERROR(INDEX(Jesper!AL$2:AL$366,ROUNDDOWN($C4737/24,0)+1,1)*INDEX($D$3:$AA$30,INDEX(Jesper!$R$2:$R$366,ROW(INDEX(Jesper!AL$2:AL$366,ROUNDDOWN($C4737/24,0)+1,1))-1)+IF('Standard Profiles'!$G$22=$B$10,7,0)+IF('Standard Profiles'!$G$22=$B$17,14,0)+IF('Standard Profiles'!$G$22=$B$24,21,0),MOD($C4737,24)+1)/SUM(INDEX($D$3:$AA$30,INDEX(Jesper!$R$2:$R$366,ROW(INDEX(Jesper!AL$2:AL$366,ROUNDDOWN($C4737/24,0)+1,1))-1)+IF('Standard Profiles'!$G$22=$B$10,7,0)+IF('Standard Profiles'!$G$22=$B$17,14,0)+IF('Standard Profiles'!$G$22=$B$24,21,0),0)),0)</f>
        <v>0</v>
      </c>
      <c r="I4737">
        <f t="shared" si="531"/>
        <v>5.928289353331026E-2</v>
      </c>
      <c r="J4737">
        <f t="shared" si="532"/>
        <v>0.19760964511103424</v>
      </c>
      <c r="K4737">
        <f t="shared" si="533"/>
        <v>0.29641446766655133</v>
      </c>
      <c r="L4737">
        <f t="shared" si="534"/>
        <v>4.8377169981916506</v>
      </c>
      <c r="M4737">
        <f t="shared" si="535"/>
        <v>0</v>
      </c>
      <c r="N4737" s="46">
        <f t="shared" si="536"/>
        <v>45487.958333321927</v>
      </c>
    </row>
    <row r="4738" spans="2:14" x14ac:dyDescent="0.3">
      <c r="B4738">
        <f t="shared" si="530"/>
        <v>1</v>
      </c>
      <c r="C4738" s="16">
        <v>4704</v>
      </c>
      <c r="D4738" cm="1">
        <f t="array" ref="D4738">IFERROR(INDEX(Jesper!AH$2:AH$366,ROUNDDOWN($C4738/24,0)+1,1)*INDEX($D$3:$AA$30,INDEX(Jesper!$R$2:$R$366,ROW(INDEX(Jesper!AH$2:AH$366,ROUNDDOWN($C4738/24,0)+1,1))-1)+IF('Standard Profiles'!$G$18=$B$10,7,0)+IF('Standard Profiles'!$G$18=$B$17,14,0)+IF('Standard Profiles'!$G$18=$B$24,21,0),MOD($C4738,24)+1)/SUM(INDEX($D$3:$AA$30,INDEX(Jesper!$R$2:$R$366,ROW(INDEX(Jesper!AH$2:AH$366,ROUNDDOWN($C4738/24,0)+1,1))-1)+IF('Standard Profiles'!$G$18=$B$10,7,0)+IF('Standard Profiles'!$G$18=$B$17,14,0)+IF('Standard Profiles'!$G$18=$B$24,21,0),0)),0)</f>
        <v>2.3129039942352692</v>
      </c>
      <c r="E4738" cm="1">
        <f t="array" ref="E4738">IFERROR(INDEX(Jesper!AI$2:AI$366,ROUNDDOWN($C4738/24,0)+1,1)*INDEX($D$3:$AA$30,INDEX(Jesper!$R$2:$R$366,ROW(INDEX(Jesper!AI$2:AI$366,ROUNDDOWN($C4738/24,0)+1,1))-1)+IF('Standard Profiles'!$G$19=$B$10,7,0)+IF('Standard Profiles'!$G$19=$B$17,14,0)+IF('Standard Profiles'!$G$19=$B$24,21,0),MOD($C4738,24)+1)/SUM(INDEX($D$3:$AA$30,INDEX(Jesper!$R$2:$R$366,ROW(INDEX(Jesper!AI$2:AI$366,ROUNDDOWN($C4738/24,0)+1,1))-1)+IF('Standard Profiles'!$G$19=$B$10,7,0)+IF('Standard Profiles'!$G$19=$B$17,14,0)+IF('Standard Profiles'!$G$19=$B$24,21,0),0)),0)</f>
        <v>0</v>
      </c>
      <c r="F4738" cm="1">
        <f t="array" ref="F4738">IFERROR(INDEX(Jesper!AJ$2:AJ$366,ROUNDDOWN($C4738/24,0)+1,1)*INDEX($D$3:$AA$30,INDEX(Jesper!$R$2:$R$366,ROW(INDEX(Jesper!AJ$2:AJ$366,ROUNDDOWN($C4738/24,0)+1,1))-1)+IF('Standard Profiles'!$G$20=$B$10,7,0)+IF('Standard Profiles'!$G$20=$B$17,14,0)+IF('Standard Profiles'!$G$20=$B$24,21,0),MOD($C4738,24)+1)/SUM(INDEX($D$3:$AA$30,INDEX(Jesper!$R$2:$R$366,ROW(INDEX(Jesper!AJ$2:AJ$366,ROUNDDOWN($C4738/24,0)+1,1))-1)+IF('Standard Profiles'!$G$20=$B$10,7,0)+IF('Standard Profiles'!$G$20=$B$17,14,0)+IF('Standard Profiles'!$G$20=$B$24,21,0),0)),0)</f>
        <v>0</v>
      </c>
      <c r="G4738" cm="1">
        <f t="array" ref="G4738">IFERROR(INDEX(Jesper!AK$2:AK$366,ROUNDDOWN($C4738/24,0)+1,1)*INDEX($D$3:$AA$30,INDEX(Jesper!$R$2:$R$366,ROW(INDEX(Jesper!AK$2:AK$366,ROUNDDOWN($C4738/24,0)+1,1))-1)+IF('Standard Profiles'!$G$21=$B$10,7,0)+IF('Standard Profiles'!$G$21=$B$17,14,0)+IF('Standard Profiles'!$G$21=$B$24,21,0),MOD($C4738,24)+1)/SUM(INDEX($D$3:$AA$30,INDEX(Jesper!$R$2:$R$366,ROW(INDEX(Jesper!AK$2:AK$366,ROUNDDOWN($C4738/24,0)+1,1))-1)+IF('Standard Profiles'!$G$21=$B$10,7,0)+IF('Standard Profiles'!$G$21=$B$17,14,0)+IF('Standard Profiles'!$G$21=$B$24,21,0),0)),0)</f>
        <v>0</v>
      </c>
      <c r="H4738" cm="1">
        <f t="array" ref="H4738">IFERROR(INDEX(Jesper!AL$2:AL$366,ROUNDDOWN($C4738/24,0)+1,1)*INDEX($D$3:$AA$30,INDEX(Jesper!$R$2:$R$366,ROW(INDEX(Jesper!AL$2:AL$366,ROUNDDOWN($C4738/24,0)+1,1))-1)+IF('Standard Profiles'!$G$22=$B$10,7,0)+IF('Standard Profiles'!$G$22=$B$17,14,0)+IF('Standard Profiles'!$G$22=$B$24,21,0),MOD($C4738,24)+1)/SUM(INDEX($D$3:$AA$30,INDEX(Jesper!$R$2:$R$366,ROW(INDEX(Jesper!AL$2:AL$366,ROUNDDOWN($C4738/24,0)+1,1))-1)+IF('Standard Profiles'!$G$22=$B$10,7,0)+IF('Standard Profiles'!$G$22=$B$17,14,0)+IF('Standard Profiles'!$G$22=$B$24,21,0),0)),0)</f>
        <v>0</v>
      </c>
      <c r="I4738">
        <f t="shared" si="531"/>
        <v>6.9387119827058072E-2</v>
      </c>
      <c r="J4738">
        <f t="shared" si="532"/>
        <v>0.23129039942352692</v>
      </c>
      <c r="K4738">
        <f t="shared" si="533"/>
        <v>0.34693559913529037</v>
      </c>
      <c r="L4738">
        <f t="shared" si="534"/>
        <v>1.6652908758493938</v>
      </c>
      <c r="M4738">
        <f t="shared" si="535"/>
        <v>0</v>
      </c>
      <c r="N4738" s="46">
        <f t="shared" si="536"/>
        <v>45487.999999988591</v>
      </c>
    </row>
    <row r="4739" spans="2:14" x14ac:dyDescent="0.3">
      <c r="B4739">
        <f t="shared" si="530"/>
        <v>1</v>
      </c>
      <c r="C4739" s="16">
        <v>4705</v>
      </c>
      <c r="D4739" cm="1">
        <f t="array" ref="D4739">IFERROR(INDEX(Jesper!AH$2:AH$366,ROUNDDOWN($C4739/24,0)+1,1)*INDEX($D$3:$AA$30,INDEX(Jesper!$R$2:$R$366,ROW(INDEX(Jesper!AH$2:AH$366,ROUNDDOWN($C4739/24,0)+1,1))-1)+IF('Standard Profiles'!$G$18=$B$10,7,0)+IF('Standard Profiles'!$G$18=$B$17,14,0)+IF('Standard Profiles'!$G$18=$B$24,21,0),MOD($C4739,24)+1)/SUM(INDEX($D$3:$AA$30,INDEX(Jesper!$R$2:$R$366,ROW(INDEX(Jesper!AH$2:AH$366,ROUNDDOWN($C4739/24,0)+1,1))-1)+IF('Standard Profiles'!$G$18=$B$10,7,0)+IF('Standard Profiles'!$G$18=$B$17,14,0)+IF('Standard Profiles'!$G$18=$B$24,21,0),0)),0)</f>
        <v>2.3129039942352692</v>
      </c>
      <c r="E4739" cm="1">
        <f t="array" ref="E4739">IFERROR(INDEX(Jesper!AI$2:AI$366,ROUNDDOWN($C4739/24,0)+1,1)*INDEX($D$3:$AA$30,INDEX(Jesper!$R$2:$R$366,ROW(INDEX(Jesper!AI$2:AI$366,ROUNDDOWN($C4739/24,0)+1,1))-1)+IF('Standard Profiles'!$G$19=$B$10,7,0)+IF('Standard Profiles'!$G$19=$B$17,14,0)+IF('Standard Profiles'!$G$19=$B$24,21,0),MOD($C4739,24)+1)/SUM(INDEX($D$3:$AA$30,INDEX(Jesper!$R$2:$R$366,ROW(INDEX(Jesper!AI$2:AI$366,ROUNDDOWN($C4739/24,0)+1,1))-1)+IF('Standard Profiles'!$G$19=$B$10,7,0)+IF('Standard Profiles'!$G$19=$B$17,14,0)+IF('Standard Profiles'!$G$19=$B$24,21,0),0)),0)</f>
        <v>0</v>
      </c>
      <c r="F4739" cm="1">
        <f t="array" ref="F4739">IFERROR(INDEX(Jesper!AJ$2:AJ$366,ROUNDDOWN($C4739/24,0)+1,1)*INDEX($D$3:$AA$30,INDEX(Jesper!$R$2:$R$366,ROW(INDEX(Jesper!AJ$2:AJ$366,ROUNDDOWN($C4739/24,0)+1,1))-1)+IF('Standard Profiles'!$G$20=$B$10,7,0)+IF('Standard Profiles'!$G$20=$B$17,14,0)+IF('Standard Profiles'!$G$20=$B$24,21,0),MOD($C4739,24)+1)/SUM(INDEX($D$3:$AA$30,INDEX(Jesper!$R$2:$R$366,ROW(INDEX(Jesper!AJ$2:AJ$366,ROUNDDOWN($C4739/24,0)+1,1))-1)+IF('Standard Profiles'!$G$20=$B$10,7,0)+IF('Standard Profiles'!$G$20=$B$17,14,0)+IF('Standard Profiles'!$G$20=$B$24,21,0),0)),0)</f>
        <v>0</v>
      </c>
      <c r="G4739" cm="1">
        <f t="array" ref="G4739">IFERROR(INDEX(Jesper!AK$2:AK$366,ROUNDDOWN($C4739/24,0)+1,1)*INDEX($D$3:$AA$30,INDEX(Jesper!$R$2:$R$366,ROW(INDEX(Jesper!AK$2:AK$366,ROUNDDOWN($C4739/24,0)+1,1))-1)+IF('Standard Profiles'!$G$21=$B$10,7,0)+IF('Standard Profiles'!$G$21=$B$17,14,0)+IF('Standard Profiles'!$G$21=$B$24,21,0),MOD($C4739,24)+1)/SUM(INDEX($D$3:$AA$30,INDEX(Jesper!$R$2:$R$366,ROW(INDEX(Jesper!AK$2:AK$366,ROUNDDOWN($C4739/24,0)+1,1))-1)+IF('Standard Profiles'!$G$21=$B$10,7,0)+IF('Standard Profiles'!$G$21=$B$17,14,0)+IF('Standard Profiles'!$G$21=$B$24,21,0),0)),0)</f>
        <v>0</v>
      </c>
      <c r="H4739" cm="1">
        <f t="array" ref="H4739">IFERROR(INDEX(Jesper!AL$2:AL$366,ROUNDDOWN($C4739/24,0)+1,1)*INDEX($D$3:$AA$30,INDEX(Jesper!$R$2:$R$366,ROW(INDEX(Jesper!AL$2:AL$366,ROUNDDOWN($C4739/24,0)+1,1))-1)+IF('Standard Profiles'!$G$22=$B$10,7,0)+IF('Standard Profiles'!$G$22=$B$17,14,0)+IF('Standard Profiles'!$G$22=$B$24,21,0),MOD($C4739,24)+1)/SUM(INDEX($D$3:$AA$30,INDEX(Jesper!$R$2:$R$366,ROW(INDEX(Jesper!AL$2:AL$366,ROUNDDOWN($C4739/24,0)+1,1))-1)+IF('Standard Profiles'!$G$22=$B$10,7,0)+IF('Standard Profiles'!$G$22=$B$17,14,0)+IF('Standard Profiles'!$G$22=$B$24,21,0),0)),0)</f>
        <v>0</v>
      </c>
      <c r="I4739">
        <f t="shared" si="531"/>
        <v>6.9387119827058072E-2</v>
      </c>
      <c r="J4739">
        <f t="shared" si="532"/>
        <v>0.23129039942352692</v>
      </c>
      <c r="K4739">
        <f t="shared" si="533"/>
        <v>0.34693559913529037</v>
      </c>
      <c r="L4739">
        <f t="shared" si="534"/>
        <v>1.6652908758493938</v>
      </c>
      <c r="M4739">
        <f t="shared" si="535"/>
        <v>0</v>
      </c>
      <c r="N4739" s="46">
        <f t="shared" si="536"/>
        <v>45488.041666655256</v>
      </c>
    </row>
    <row r="4740" spans="2:14" x14ac:dyDescent="0.3">
      <c r="B4740">
        <f t="shared" si="530"/>
        <v>1</v>
      </c>
      <c r="C4740" s="16">
        <v>4706</v>
      </c>
      <c r="D4740" cm="1">
        <f t="array" ref="D4740">IFERROR(INDEX(Jesper!AH$2:AH$366,ROUNDDOWN($C4740/24,0)+1,1)*INDEX($D$3:$AA$30,INDEX(Jesper!$R$2:$R$366,ROW(INDEX(Jesper!AH$2:AH$366,ROUNDDOWN($C4740/24,0)+1,1))-1)+IF('Standard Profiles'!$G$18=$B$10,7,0)+IF('Standard Profiles'!$G$18=$B$17,14,0)+IF('Standard Profiles'!$G$18=$B$24,21,0),MOD($C4740,24)+1)/SUM(INDEX($D$3:$AA$30,INDEX(Jesper!$R$2:$R$366,ROW(INDEX(Jesper!AH$2:AH$366,ROUNDDOWN($C4740/24,0)+1,1))-1)+IF('Standard Profiles'!$G$18=$B$10,7,0)+IF('Standard Profiles'!$G$18=$B$17,14,0)+IF('Standard Profiles'!$G$18=$B$24,21,0),0)),0)</f>
        <v>2.3129039942352692</v>
      </c>
      <c r="E4740" cm="1">
        <f t="array" ref="E4740">IFERROR(INDEX(Jesper!AI$2:AI$366,ROUNDDOWN($C4740/24,0)+1,1)*INDEX($D$3:$AA$30,INDEX(Jesper!$R$2:$R$366,ROW(INDEX(Jesper!AI$2:AI$366,ROUNDDOWN($C4740/24,0)+1,1))-1)+IF('Standard Profiles'!$G$19=$B$10,7,0)+IF('Standard Profiles'!$G$19=$B$17,14,0)+IF('Standard Profiles'!$G$19=$B$24,21,0),MOD($C4740,24)+1)/SUM(INDEX($D$3:$AA$30,INDEX(Jesper!$R$2:$R$366,ROW(INDEX(Jesper!AI$2:AI$366,ROUNDDOWN($C4740/24,0)+1,1))-1)+IF('Standard Profiles'!$G$19=$B$10,7,0)+IF('Standard Profiles'!$G$19=$B$17,14,0)+IF('Standard Profiles'!$G$19=$B$24,21,0),0)),0)</f>
        <v>0</v>
      </c>
      <c r="F4740" cm="1">
        <f t="array" ref="F4740">IFERROR(INDEX(Jesper!AJ$2:AJ$366,ROUNDDOWN($C4740/24,0)+1,1)*INDEX($D$3:$AA$30,INDEX(Jesper!$R$2:$R$366,ROW(INDEX(Jesper!AJ$2:AJ$366,ROUNDDOWN($C4740/24,0)+1,1))-1)+IF('Standard Profiles'!$G$20=$B$10,7,0)+IF('Standard Profiles'!$G$20=$B$17,14,0)+IF('Standard Profiles'!$G$20=$B$24,21,0),MOD($C4740,24)+1)/SUM(INDEX($D$3:$AA$30,INDEX(Jesper!$R$2:$R$366,ROW(INDEX(Jesper!AJ$2:AJ$366,ROUNDDOWN($C4740/24,0)+1,1))-1)+IF('Standard Profiles'!$G$20=$B$10,7,0)+IF('Standard Profiles'!$G$20=$B$17,14,0)+IF('Standard Profiles'!$G$20=$B$24,21,0),0)),0)</f>
        <v>0</v>
      </c>
      <c r="G4740" cm="1">
        <f t="array" ref="G4740">IFERROR(INDEX(Jesper!AK$2:AK$366,ROUNDDOWN($C4740/24,0)+1,1)*INDEX($D$3:$AA$30,INDEX(Jesper!$R$2:$R$366,ROW(INDEX(Jesper!AK$2:AK$366,ROUNDDOWN($C4740/24,0)+1,1))-1)+IF('Standard Profiles'!$G$21=$B$10,7,0)+IF('Standard Profiles'!$G$21=$B$17,14,0)+IF('Standard Profiles'!$G$21=$B$24,21,0),MOD($C4740,24)+1)/SUM(INDEX($D$3:$AA$30,INDEX(Jesper!$R$2:$R$366,ROW(INDEX(Jesper!AK$2:AK$366,ROUNDDOWN($C4740/24,0)+1,1))-1)+IF('Standard Profiles'!$G$21=$B$10,7,0)+IF('Standard Profiles'!$G$21=$B$17,14,0)+IF('Standard Profiles'!$G$21=$B$24,21,0),0)),0)</f>
        <v>0</v>
      </c>
      <c r="H4740" cm="1">
        <f t="array" ref="H4740">IFERROR(INDEX(Jesper!AL$2:AL$366,ROUNDDOWN($C4740/24,0)+1,1)*INDEX($D$3:$AA$30,INDEX(Jesper!$R$2:$R$366,ROW(INDEX(Jesper!AL$2:AL$366,ROUNDDOWN($C4740/24,0)+1,1))-1)+IF('Standard Profiles'!$G$22=$B$10,7,0)+IF('Standard Profiles'!$G$22=$B$17,14,0)+IF('Standard Profiles'!$G$22=$B$24,21,0),MOD($C4740,24)+1)/SUM(INDEX($D$3:$AA$30,INDEX(Jesper!$R$2:$R$366,ROW(INDEX(Jesper!AL$2:AL$366,ROUNDDOWN($C4740/24,0)+1,1))-1)+IF('Standard Profiles'!$G$22=$B$10,7,0)+IF('Standard Profiles'!$G$22=$B$17,14,0)+IF('Standard Profiles'!$G$22=$B$24,21,0),0)),0)</f>
        <v>0</v>
      </c>
      <c r="I4740">
        <f t="shared" si="531"/>
        <v>6.9387119827058072E-2</v>
      </c>
      <c r="J4740">
        <f t="shared" si="532"/>
        <v>0.23129039942352692</v>
      </c>
      <c r="K4740">
        <f t="shared" si="533"/>
        <v>0.34693559913529037</v>
      </c>
      <c r="L4740">
        <f t="shared" si="534"/>
        <v>1.6652908758493938</v>
      </c>
      <c r="M4740">
        <f t="shared" si="535"/>
        <v>0</v>
      </c>
      <c r="N4740" s="46">
        <f t="shared" si="536"/>
        <v>45488.08333332192</v>
      </c>
    </row>
    <row r="4741" spans="2:14" x14ac:dyDescent="0.3">
      <c r="B4741">
        <f t="shared" si="530"/>
        <v>1</v>
      </c>
      <c r="C4741" s="16">
        <v>4707</v>
      </c>
      <c r="D4741" cm="1">
        <f t="array" ref="D4741">IFERROR(INDEX(Jesper!AH$2:AH$366,ROUNDDOWN($C4741/24,0)+1,1)*INDEX($D$3:$AA$30,INDEX(Jesper!$R$2:$R$366,ROW(INDEX(Jesper!AH$2:AH$366,ROUNDDOWN($C4741/24,0)+1,1))-1)+IF('Standard Profiles'!$G$18=$B$10,7,0)+IF('Standard Profiles'!$G$18=$B$17,14,0)+IF('Standard Profiles'!$G$18=$B$24,21,0),MOD($C4741,24)+1)/SUM(INDEX($D$3:$AA$30,INDEX(Jesper!$R$2:$R$366,ROW(INDEX(Jesper!AH$2:AH$366,ROUNDDOWN($C4741/24,0)+1,1))-1)+IF('Standard Profiles'!$G$18=$B$10,7,0)+IF('Standard Profiles'!$G$18=$B$17,14,0)+IF('Standard Profiles'!$G$18=$B$24,21,0),0)),0)</f>
        <v>2.3129039942352692</v>
      </c>
      <c r="E4741" cm="1">
        <f t="array" ref="E4741">IFERROR(INDEX(Jesper!AI$2:AI$366,ROUNDDOWN($C4741/24,0)+1,1)*INDEX($D$3:$AA$30,INDEX(Jesper!$R$2:$R$366,ROW(INDEX(Jesper!AI$2:AI$366,ROUNDDOWN($C4741/24,0)+1,1))-1)+IF('Standard Profiles'!$G$19=$B$10,7,0)+IF('Standard Profiles'!$G$19=$B$17,14,0)+IF('Standard Profiles'!$G$19=$B$24,21,0),MOD($C4741,24)+1)/SUM(INDEX($D$3:$AA$30,INDEX(Jesper!$R$2:$R$366,ROW(INDEX(Jesper!AI$2:AI$366,ROUNDDOWN($C4741/24,0)+1,1))-1)+IF('Standard Profiles'!$G$19=$B$10,7,0)+IF('Standard Profiles'!$G$19=$B$17,14,0)+IF('Standard Profiles'!$G$19=$B$24,21,0),0)),0)</f>
        <v>0</v>
      </c>
      <c r="F4741" cm="1">
        <f t="array" ref="F4741">IFERROR(INDEX(Jesper!AJ$2:AJ$366,ROUNDDOWN($C4741/24,0)+1,1)*INDEX($D$3:$AA$30,INDEX(Jesper!$R$2:$R$366,ROW(INDEX(Jesper!AJ$2:AJ$366,ROUNDDOWN($C4741/24,0)+1,1))-1)+IF('Standard Profiles'!$G$20=$B$10,7,0)+IF('Standard Profiles'!$G$20=$B$17,14,0)+IF('Standard Profiles'!$G$20=$B$24,21,0),MOD($C4741,24)+1)/SUM(INDEX($D$3:$AA$30,INDEX(Jesper!$R$2:$R$366,ROW(INDEX(Jesper!AJ$2:AJ$366,ROUNDDOWN($C4741/24,0)+1,1))-1)+IF('Standard Profiles'!$G$20=$B$10,7,0)+IF('Standard Profiles'!$G$20=$B$17,14,0)+IF('Standard Profiles'!$G$20=$B$24,21,0),0)),0)</f>
        <v>0</v>
      </c>
      <c r="G4741" cm="1">
        <f t="array" ref="G4741">IFERROR(INDEX(Jesper!AK$2:AK$366,ROUNDDOWN($C4741/24,0)+1,1)*INDEX($D$3:$AA$30,INDEX(Jesper!$R$2:$R$366,ROW(INDEX(Jesper!AK$2:AK$366,ROUNDDOWN($C4741/24,0)+1,1))-1)+IF('Standard Profiles'!$G$21=$B$10,7,0)+IF('Standard Profiles'!$G$21=$B$17,14,0)+IF('Standard Profiles'!$G$21=$B$24,21,0),MOD($C4741,24)+1)/SUM(INDEX($D$3:$AA$30,INDEX(Jesper!$R$2:$R$366,ROW(INDEX(Jesper!AK$2:AK$366,ROUNDDOWN($C4741/24,0)+1,1))-1)+IF('Standard Profiles'!$G$21=$B$10,7,0)+IF('Standard Profiles'!$G$21=$B$17,14,0)+IF('Standard Profiles'!$G$21=$B$24,21,0),0)),0)</f>
        <v>0</v>
      </c>
      <c r="H4741" cm="1">
        <f t="array" ref="H4741">IFERROR(INDEX(Jesper!AL$2:AL$366,ROUNDDOWN($C4741/24,0)+1,1)*INDEX($D$3:$AA$30,INDEX(Jesper!$R$2:$R$366,ROW(INDEX(Jesper!AL$2:AL$366,ROUNDDOWN($C4741/24,0)+1,1))-1)+IF('Standard Profiles'!$G$22=$B$10,7,0)+IF('Standard Profiles'!$G$22=$B$17,14,0)+IF('Standard Profiles'!$G$22=$B$24,21,0),MOD($C4741,24)+1)/SUM(INDEX($D$3:$AA$30,INDEX(Jesper!$R$2:$R$366,ROW(INDEX(Jesper!AL$2:AL$366,ROUNDDOWN($C4741/24,0)+1,1))-1)+IF('Standard Profiles'!$G$22=$B$10,7,0)+IF('Standard Profiles'!$G$22=$B$17,14,0)+IF('Standard Profiles'!$G$22=$B$24,21,0),0)),0)</f>
        <v>0</v>
      </c>
      <c r="I4741">
        <f t="shared" si="531"/>
        <v>6.9387119827058072E-2</v>
      </c>
      <c r="J4741">
        <f t="shared" si="532"/>
        <v>0.23129039942352692</v>
      </c>
      <c r="K4741">
        <f t="shared" si="533"/>
        <v>0.34693559913529037</v>
      </c>
      <c r="L4741">
        <f t="shared" si="534"/>
        <v>1.6652908758493938</v>
      </c>
      <c r="M4741">
        <f t="shared" si="535"/>
        <v>0</v>
      </c>
      <c r="N4741" s="46">
        <f t="shared" si="536"/>
        <v>45488.124999988584</v>
      </c>
    </row>
    <row r="4742" spans="2:14" x14ac:dyDescent="0.3">
      <c r="B4742">
        <f t="shared" si="530"/>
        <v>1</v>
      </c>
      <c r="C4742" s="16">
        <v>4708</v>
      </c>
      <c r="D4742" cm="1">
        <f t="array" ref="D4742">IFERROR(INDEX(Jesper!AH$2:AH$366,ROUNDDOWN($C4742/24,0)+1,1)*INDEX($D$3:$AA$30,INDEX(Jesper!$R$2:$R$366,ROW(INDEX(Jesper!AH$2:AH$366,ROUNDDOWN($C4742/24,0)+1,1))-1)+IF('Standard Profiles'!$G$18=$B$10,7,0)+IF('Standard Profiles'!$G$18=$B$17,14,0)+IF('Standard Profiles'!$G$18=$B$24,21,0),MOD($C4742,24)+1)/SUM(INDEX($D$3:$AA$30,INDEX(Jesper!$R$2:$R$366,ROW(INDEX(Jesper!AH$2:AH$366,ROUNDDOWN($C4742/24,0)+1,1))-1)+IF('Standard Profiles'!$G$18=$B$10,7,0)+IF('Standard Profiles'!$G$18=$B$17,14,0)+IF('Standard Profiles'!$G$18=$B$24,21,0),0)),0)</f>
        <v>2.3129039942352692</v>
      </c>
      <c r="E4742" cm="1">
        <f t="array" ref="E4742">IFERROR(INDEX(Jesper!AI$2:AI$366,ROUNDDOWN($C4742/24,0)+1,1)*INDEX($D$3:$AA$30,INDEX(Jesper!$R$2:$R$366,ROW(INDEX(Jesper!AI$2:AI$366,ROUNDDOWN($C4742/24,0)+1,1))-1)+IF('Standard Profiles'!$G$19=$B$10,7,0)+IF('Standard Profiles'!$G$19=$B$17,14,0)+IF('Standard Profiles'!$G$19=$B$24,21,0),MOD($C4742,24)+1)/SUM(INDEX($D$3:$AA$30,INDEX(Jesper!$R$2:$R$366,ROW(INDEX(Jesper!AI$2:AI$366,ROUNDDOWN($C4742/24,0)+1,1))-1)+IF('Standard Profiles'!$G$19=$B$10,7,0)+IF('Standard Profiles'!$G$19=$B$17,14,0)+IF('Standard Profiles'!$G$19=$B$24,21,0),0)),0)</f>
        <v>0</v>
      </c>
      <c r="F4742" cm="1">
        <f t="array" ref="F4742">IFERROR(INDEX(Jesper!AJ$2:AJ$366,ROUNDDOWN($C4742/24,0)+1,1)*INDEX($D$3:$AA$30,INDEX(Jesper!$R$2:$R$366,ROW(INDEX(Jesper!AJ$2:AJ$366,ROUNDDOWN($C4742/24,0)+1,1))-1)+IF('Standard Profiles'!$G$20=$B$10,7,0)+IF('Standard Profiles'!$G$20=$B$17,14,0)+IF('Standard Profiles'!$G$20=$B$24,21,0),MOD($C4742,24)+1)/SUM(INDEX($D$3:$AA$30,INDEX(Jesper!$R$2:$R$366,ROW(INDEX(Jesper!AJ$2:AJ$366,ROUNDDOWN($C4742/24,0)+1,1))-1)+IF('Standard Profiles'!$G$20=$B$10,7,0)+IF('Standard Profiles'!$G$20=$B$17,14,0)+IF('Standard Profiles'!$G$20=$B$24,21,0),0)),0)</f>
        <v>0</v>
      </c>
      <c r="G4742" cm="1">
        <f t="array" ref="G4742">IFERROR(INDEX(Jesper!AK$2:AK$366,ROUNDDOWN($C4742/24,0)+1,1)*INDEX($D$3:$AA$30,INDEX(Jesper!$R$2:$R$366,ROW(INDEX(Jesper!AK$2:AK$366,ROUNDDOWN($C4742/24,0)+1,1))-1)+IF('Standard Profiles'!$G$21=$B$10,7,0)+IF('Standard Profiles'!$G$21=$B$17,14,0)+IF('Standard Profiles'!$G$21=$B$24,21,0),MOD($C4742,24)+1)/SUM(INDEX($D$3:$AA$30,INDEX(Jesper!$R$2:$R$366,ROW(INDEX(Jesper!AK$2:AK$366,ROUNDDOWN($C4742/24,0)+1,1))-1)+IF('Standard Profiles'!$G$21=$B$10,7,0)+IF('Standard Profiles'!$G$21=$B$17,14,0)+IF('Standard Profiles'!$G$21=$B$24,21,0),0)),0)</f>
        <v>0</v>
      </c>
      <c r="H4742" cm="1">
        <f t="array" ref="H4742">IFERROR(INDEX(Jesper!AL$2:AL$366,ROUNDDOWN($C4742/24,0)+1,1)*INDEX($D$3:$AA$30,INDEX(Jesper!$R$2:$R$366,ROW(INDEX(Jesper!AL$2:AL$366,ROUNDDOWN($C4742/24,0)+1,1))-1)+IF('Standard Profiles'!$G$22=$B$10,7,0)+IF('Standard Profiles'!$G$22=$B$17,14,0)+IF('Standard Profiles'!$G$22=$B$24,21,0),MOD($C4742,24)+1)/SUM(INDEX($D$3:$AA$30,INDEX(Jesper!$R$2:$R$366,ROW(INDEX(Jesper!AL$2:AL$366,ROUNDDOWN($C4742/24,0)+1,1))-1)+IF('Standard Profiles'!$G$22=$B$10,7,0)+IF('Standard Profiles'!$G$22=$B$17,14,0)+IF('Standard Profiles'!$G$22=$B$24,21,0),0)),0)</f>
        <v>0</v>
      </c>
      <c r="I4742">
        <f t="shared" si="531"/>
        <v>6.9387119827058072E-2</v>
      </c>
      <c r="J4742">
        <f t="shared" si="532"/>
        <v>0.23129039942352692</v>
      </c>
      <c r="K4742">
        <f t="shared" si="533"/>
        <v>0.34693559913529037</v>
      </c>
      <c r="L4742">
        <f t="shared" si="534"/>
        <v>1.6652908758493938</v>
      </c>
      <c r="M4742">
        <f t="shared" si="535"/>
        <v>0</v>
      </c>
      <c r="N4742" s="46">
        <f t="shared" si="536"/>
        <v>45488.166666655248</v>
      </c>
    </row>
    <row r="4743" spans="2:14" x14ac:dyDescent="0.3">
      <c r="B4743">
        <f t="shared" si="530"/>
        <v>1</v>
      </c>
      <c r="C4743" s="16">
        <v>4709</v>
      </c>
      <c r="D4743" cm="1">
        <f t="array" ref="D4743">IFERROR(INDEX(Jesper!AH$2:AH$366,ROUNDDOWN($C4743/24,0)+1,1)*INDEX($D$3:$AA$30,INDEX(Jesper!$R$2:$R$366,ROW(INDEX(Jesper!AH$2:AH$366,ROUNDDOWN($C4743/24,0)+1,1))-1)+IF('Standard Profiles'!$G$18=$B$10,7,0)+IF('Standard Profiles'!$G$18=$B$17,14,0)+IF('Standard Profiles'!$G$18=$B$24,21,0),MOD($C4743,24)+1)/SUM(INDEX($D$3:$AA$30,INDEX(Jesper!$R$2:$R$366,ROW(INDEX(Jesper!AH$2:AH$366,ROUNDDOWN($C4743/24,0)+1,1))-1)+IF('Standard Profiles'!$G$18=$B$10,7,0)+IF('Standard Profiles'!$G$18=$B$17,14,0)+IF('Standard Profiles'!$G$18=$B$24,21,0),0)),0)</f>
        <v>10.022583975019501</v>
      </c>
      <c r="E4743" cm="1">
        <f t="array" ref="E4743">IFERROR(INDEX(Jesper!AI$2:AI$366,ROUNDDOWN($C4743/24,0)+1,1)*INDEX($D$3:$AA$30,INDEX(Jesper!$R$2:$R$366,ROW(INDEX(Jesper!AI$2:AI$366,ROUNDDOWN($C4743/24,0)+1,1))-1)+IF('Standard Profiles'!$G$19=$B$10,7,0)+IF('Standard Profiles'!$G$19=$B$17,14,0)+IF('Standard Profiles'!$G$19=$B$24,21,0),MOD($C4743,24)+1)/SUM(INDEX($D$3:$AA$30,INDEX(Jesper!$R$2:$R$366,ROW(INDEX(Jesper!AI$2:AI$366,ROUNDDOWN($C4743/24,0)+1,1))-1)+IF('Standard Profiles'!$G$19=$B$10,7,0)+IF('Standard Profiles'!$G$19=$B$17,14,0)+IF('Standard Profiles'!$G$19=$B$24,21,0),0)),0)</f>
        <v>0</v>
      </c>
      <c r="F4743" cm="1">
        <f t="array" ref="F4743">IFERROR(INDEX(Jesper!AJ$2:AJ$366,ROUNDDOWN($C4743/24,0)+1,1)*INDEX($D$3:$AA$30,INDEX(Jesper!$R$2:$R$366,ROW(INDEX(Jesper!AJ$2:AJ$366,ROUNDDOWN($C4743/24,0)+1,1))-1)+IF('Standard Profiles'!$G$20=$B$10,7,0)+IF('Standard Profiles'!$G$20=$B$17,14,0)+IF('Standard Profiles'!$G$20=$B$24,21,0),MOD($C4743,24)+1)/SUM(INDEX($D$3:$AA$30,INDEX(Jesper!$R$2:$R$366,ROW(INDEX(Jesper!AJ$2:AJ$366,ROUNDDOWN($C4743/24,0)+1,1))-1)+IF('Standard Profiles'!$G$20=$B$10,7,0)+IF('Standard Profiles'!$G$20=$B$17,14,0)+IF('Standard Profiles'!$G$20=$B$24,21,0),0)),0)</f>
        <v>0</v>
      </c>
      <c r="G4743" cm="1">
        <f t="array" ref="G4743">IFERROR(INDEX(Jesper!AK$2:AK$366,ROUNDDOWN($C4743/24,0)+1,1)*INDEX($D$3:$AA$30,INDEX(Jesper!$R$2:$R$366,ROW(INDEX(Jesper!AK$2:AK$366,ROUNDDOWN($C4743/24,0)+1,1))-1)+IF('Standard Profiles'!$G$21=$B$10,7,0)+IF('Standard Profiles'!$G$21=$B$17,14,0)+IF('Standard Profiles'!$G$21=$B$24,21,0),MOD($C4743,24)+1)/SUM(INDEX($D$3:$AA$30,INDEX(Jesper!$R$2:$R$366,ROW(INDEX(Jesper!AK$2:AK$366,ROUNDDOWN($C4743/24,0)+1,1))-1)+IF('Standard Profiles'!$G$21=$B$10,7,0)+IF('Standard Profiles'!$G$21=$B$17,14,0)+IF('Standard Profiles'!$G$21=$B$24,21,0),0)),0)</f>
        <v>0</v>
      </c>
      <c r="H4743" cm="1">
        <f t="array" ref="H4743">IFERROR(INDEX(Jesper!AL$2:AL$366,ROUNDDOWN($C4743/24,0)+1,1)*INDEX($D$3:$AA$30,INDEX(Jesper!$R$2:$R$366,ROW(INDEX(Jesper!AL$2:AL$366,ROUNDDOWN($C4743/24,0)+1,1))-1)+IF('Standard Profiles'!$G$22=$B$10,7,0)+IF('Standard Profiles'!$G$22=$B$17,14,0)+IF('Standard Profiles'!$G$22=$B$24,21,0),MOD($C4743,24)+1)/SUM(INDEX($D$3:$AA$30,INDEX(Jesper!$R$2:$R$366,ROW(INDEX(Jesper!AL$2:AL$366,ROUNDDOWN($C4743/24,0)+1,1))-1)+IF('Standard Profiles'!$G$22=$B$10,7,0)+IF('Standard Profiles'!$G$22=$B$17,14,0)+IF('Standard Profiles'!$G$22=$B$24,21,0),0)),0)</f>
        <v>0</v>
      </c>
      <c r="I4743">
        <f t="shared" si="531"/>
        <v>0.300677519250585</v>
      </c>
      <c r="J4743">
        <f t="shared" si="532"/>
        <v>1.0022583975019501</v>
      </c>
      <c r="K4743">
        <f t="shared" si="533"/>
        <v>1.5033875962529251</v>
      </c>
      <c r="L4743">
        <f t="shared" si="534"/>
        <v>7.2162604620140405</v>
      </c>
      <c r="M4743">
        <f t="shared" si="535"/>
        <v>0</v>
      </c>
      <c r="N4743" s="46">
        <f t="shared" si="536"/>
        <v>45488.208333321913</v>
      </c>
    </row>
    <row r="4744" spans="2:14" x14ac:dyDescent="0.3">
      <c r="B4744">
        <f t="shared" si="530"/>
        <v>1</v>
      </c>
      <c r="C4744" s="16">
        <v>4710</v>
      </c>
      <c r="D4744" cm="1">
        <f t="array" ref="D4744">IFERROR(INDEX(Jesper!AH$2:AH$366,ROUNDDOWN($C4744/24,0)+1,1)*INDEX($D$3:$AA$30,INDEX(Jesper!$R$2:$R$366,ROW(INDEX(Jesper!AH$2:AH$366,ROUNDDOWN($C4744/24,0)+1,1))-1)+IF('Standard Profiles'!$G$18=$B$10,7,0)+IF('Standard Profiles'!$G$18=$B$17,14,0)+IF('Standard Profiles'!$G$18=$B$24,21,0),MOD($C4744,24)+1)/SUM(INDEX($D$3:$AA$30,INDEX(Jesper!$R$2:$R$366,ROW(INDEX(Jesper!AH$2:AH$366,ROUNDDOWN($C4744/24,0)+1,1))-1)+IF('Standard Profiles'!$G$18=$B$10,7,0)+IF('Standard Profiles'!$G$18=$B$17,14,0)+IF('Standard Profiles'!$G$18=$B$24,21,0),0)),0)</f>
        <v>11.371777971656741</v>
      </c>
      <c r="E4744" cm="1">
        <f t="array" ref="E4744">IFERROR(INDEX(Jesper!AI$2:AI$366,ROUNDDOWN($C4744/24,0)+1,1)*INDEX($D$3:$AA$30,INDEX(Jesper!$R$2:$R$366,ROW(INDEX(Jesper!AI$2:AI$366,ROUNDDOWN($C4744/24,0)+1,1))-1)+IF('Standard Profiles'!$G$19=$B$10,7,0)+IF('Standard Profiles'!$G$19=$B$17,14,0)+IF('Standard Profiles'!$G$19=$B$24,21,0),MOD($C4744,24)+1)/SUM(INDEX($D$3:$AA$30,INDEX(Jesper!$R$2:$R$366,ROW(INDEX(Jesper!AI$2:AI$366,ROUNDDOWN($C4744/24,0)+1,1))-1)+IF('Standard Profiles'!$G$19=$B$10,7,0)+IF('Standard Profiles'!$G$19=$B$17,14,0)+IF('Standard Profiles'!$G$19=$B$24,21,0),0)),0)</f>
        <v>0</v>
      </c>
      <c r="F4744" cm="1">
        <f t="array" ref="F4744">IFERROR(INDEX(Jesper!AJ$2:AJ$366,ROUNDDOWN($C4744/24,0)+1,1)*INDEX($D$3:$AA$30,INDEX(Jesper!$R$2:$R$366,ROW(INDEX(Jesper!AJ$2:AJ$366,ROUNDDOWN($C4744/24,0)+1,1))-1)+IF('Standard Profiles'!$G$20=$B$10,7,0)+IF('Standard Profiles'!$G$20=$B$17,14,0)+IF('Standard Profiles'!$G$20=$B$24,21,0),MOD($C4744,24)+1)/SUM(INDEX($D$3:$AA$30,INDEX(Jesper!$R$2:$R$366,ROW(INDEX(Jesper!AJ$2:AJ$366,ROUNDDOWN($C4744/24,0)+1,1))-1)+IF('Standard Profiles'!$G$20=$B$10,7,0)+IF('Standard Profiles'!$G$20=$B$17,14,0)+IF('Standard Profiles'!$G$20=$B$24,21,0),0)),0)</f>
        <v>0</v>
      </c>
      <c r="G4744" cm="1">
        <f t="array" ref="G4744">IFERROR(INDEX(Jesper!AK$2:AK$366,ROUNDDOWN($C4744/24,0)+1,1)*INDEX($D$3:$AA$30,INDEX(Jesper!$R$2:$R$366,ROW(INDEX(Jesper!AK$2:AK$366,ROUNDDOWN($C4744/24,0)+1,1))-1)+IF('Standard Profiles'!$G$21=$B$10,7,0)+IF('Standard Profiles'!$G$21=$B$17,14,0)+IF('Standard Profiles'!$G$21=$B$24,21,0),MOD($C4744,24)+1)/SUM(INDEX($D$3:$AA$30,INDEX(Jesper!$R$2:$R$366,ROW(INDEX(Jesper!AK$2:AK$366,ROUNDDOWN($C4744/24,0)+1,1))-1)+IF('Standard Profiles'!$G$21=$B$10,7,0)+IF('Standard Profiles'!$G$21=$B$17,14,0)+IF('Standard Profiles'!$G$21=$B$24,21,0),0)),0)</f>
        <v>0</v>
      </c>
      <c r="H4744" cm="1">
        <f t="array" ref="H4744">IFERROR(INDEX(Jesper!AL$2:AL$366,ROUNDDOWN($C4744/24,0)+1,1)*INDEX($D$3:$AA$30,INDEX(Jesper!$R$2:$R$366,ROW(INDEX(Jesper!AL$2:AL$366,ROUNDDOWN($C4744/24,0)+1,1))-1)+IF('Standard Profiles'!$G$22=$B$10,7,0)+IF('Standard Profiles'!$G$22=$B$17,14,0)+IF('Standard Profiles'!$G$22=$B$24,21,0),MOD($C4744,24)+1)/SUM(INDEX($D$3:$AA$30,INDEX(Jesper!$R$2:$R$366,ROW(INDEX(Jesper!AL$2:AL$366,ROUNDDOWN($C4744/24,0)+1,1))-1)+IF('Standard Profiles'!$G$22=$B$10,7,0)+IF('Standard Profiles'!$G$22=$B$17,14,0)+IF('Standard Profiles'!$G$22=$B$24,21,0),0)),0)</f>
        <v>0</v>
      </c>
      <c r="I4744">
        <f t="shared" si="531"/>
        <v>0.34115333914970219</v>
      </c>
      <c r="J4744">
        <f t="shared" si="532"/>
        <v>1.137177797165674</v>
      </c>
      <c r="K4744">
        <f t="shared" si="533"/>
        <v>1.7057666957485111</v>
      </c>
      <c r="L4744">
        <f t="shared" si="534"/>
        <v>8.1876801395928531</v>
      </c>
      <c r="M4744">
        <f t="shared" si="535"/>
        <v>0</v>
      </c>
      <c r="N4744" s="46">
        <f t="shared" si="536"/>
        <v>45488.249999988577</v>
      </c>
    </row>
    <row r="4745" spans="2:14" x14ac:dyDescent="0.3">
      <c r="B4745">
        <f t="shared" si="530"/>
        <v>1</v>
      </c>
      <c r="C4745" s="16">
        <v>4711</v>
      </c>
      <c r="D4745" cm="1">
        <f t="array" ref="D4745">IFERROR(INDEX(Jesper!AH$2:AH$366,ROUNDDOWN($C4745/24,0)+1,1)*INDEX($D$3:$AA$30,INDEX(Jesper!$R$2:$R$366,ROW(INDEX(Jesper!AH$2:AH$366,ROUNDDOWN($C4745/24,0)+1,1))-1)+IF('Standard Profiles'!$G$18=$B$10,7,0)+IF('Standard Profiles'!$G$18=$B$17,14,0)+IF('Standard Profiles'!$G$18=$B$24,21,0),MOD($C4745,24)+1)/SUM(INDEX($D$3:$AA$30,INDEX(Jesper!$R$2:$R$366,ROW(INDEX(Jesper!AH$2:AH$366,ROUNDDOWN($C4745/24,0)+1,1))-1)+IF('Standard Profiles'!$G$18=$B$10,7,0)+IF('Standard Profiles'!$G$18=$B$17,14,0)+IF('Standard Profiles'!$G$18=$B$24,21,0),0)),0)</f>
        <v>11.371777971656741</v>
      </c>
      <c r="E4745" cm="1">
        <f t="array" ref="E4745">IFERROR(INDEX(Jesper!AI$2:AI$366,ROUNDDOWN($C4745/24,0)+1,1)*INDEX($D$3:$AA$30,INDEX(Jesper!$R$2:$R$366,ROW(INDEX(Jesper!AI$2:AI$366,ROUNDDOWN($C4745/24,0)+1,1))-1)+IF('Standard Profiles'!$G$19=$B$10,7,0)+IF('Standard Profiles'!$G$19=$B$17,14,0)+IF('Standard Profiles'!$G$19=$B$24,21,0),MOD($C4745,24)+1)/SUM(INDEX($D$3:$AA$30,INDEX(Jesper!$R$2:$R$366,ROW(INDEX(Jesper!AI$2:AI$366,ROUNDDOWN($C4745/24,0)+1,1))-1)+IF('Standard Profiles'!$G$19=$B$10,7,0)+IF('Standard Profiles'!$G$19=$B$17,14,0)+IF('Standard Profiles'!$G$19=$B$24,21,0),0)),0)</f>
        <v>0</v>
      </c>
      <c r="F4745" cm="1">
        <f t="array" ref="F4745">IFERROR(INDEX(Jesper!AJ$2:AJ$366,ROUNDDOWN($C4745/24,0)+1,1)*INDEX($D$3:$AA$30,INDEX(Jesper!$R$2:$R$366,ROW(INDEX(Jesper!AJ$2:AJ$366,ROUNDDOWN($C4745/24,0)+1,1))-1)+IF('Standard Profiles'!$G$20=$B$10,7,0)+IF('Standard Profiles'!$G$20=$B$17,14,0)+IF('Standard Profiles'!$G$20=$B$24,21,0),MOD($C4745,24)+1)/SUM(INDEX($D$3:$AA$30,INDEX(Jesper!$R$2:$R$366,ROW(INDEX(Jesper!AJ$2:AJ$366,ROUNDDOWN($C4745/24,0)+1,1))-1)+IF('Standard Profiles'!$G$20=$B$10,7,0)+IF('Standard Profiles'!$G$20=$B$17,14,0)+IF('Standard Profiles'!$G$20=$B$24,21,0),0)),0)</f>
        <v>0</v>
      </c>
      <c r="G4745" cm="1">
        <f t="array" ref="G4745">IFERROR(INDEX(Jesper!AK$2:AK$366,ROUNDDOWN($C4745/24,0)+1,1)*INDEX($D$3:$AA$30,INDEX(Jesper!$R$2:$R$366,ROW(INDEX(Jesper!AK$2:AK$366,ROUNDDOWN($C4745/24,0)+1,1))-1)+IF('Standard Profiles'!$G$21=$B$10,7,0)+IF('Standard Profiles'!$G$21=$B$17,14,0)+IF('Standard Profiles'!$G$21=$B$24,21,0),MOD($C4745,24)+1)/SUM(INDEX($D$3:$AA$30,INDEX(Jesper!$R$2:$R$366,ROW(INDEX(Jesper!AK$2:AK$366,ROUNDDOWN($C4745/24,0)+1,1))-1)+IF('Standard Profiles'!$G$21=$B$10,7,0)+IF('Standard Profiles'!$G$21=$B$17,14,0)+IF('Standard Profiles'!$G$21=$B$24,21,0),0)),0)</f>
        <v>0</v>
      </c>
      <c r="H4745" cm="1">
        <f t="array" ref="H4745">IFERROR(INDEX(Jesper!AL$2:AL$366,ROUNDDOWN($C4745/24,0)+1,1)*INDEX($D$3:$AA$30,INDEX(Jesper!$R$2:$R$366,ROW(INDEX(Jesper!AL$2:AL$366,ROUNDDOWN($C4745/24,0)+1,1))-1)+IF('Standard Profiles'!$G$22=$B$10,7,0)+IF('Standard Profiles'!$G$22=$B$17,14,0)+IF('Standard Profiles'!$G$22=$B$24,21,0),MOD($C4745,24)+1)/SUM(INDEX($D$3:$AA$30,INDEX(Jesper!$R$2:$R$366,ROW(INDEX(Jesper!AL$2:AL$366,ROUNDDOWN($C4745/24,0)+1,1))-1)+IF('Standard Profiles'!$G$22=$B$10,7,0)+IF('Standard Profiles'!$G$22=$B$17,14,0)+IF('Standard Profiles'!$G$22=$B$24,21,0),0)),0)</f>
        <v>0</v>
      </c>
      <c r="I4745">
        <f t="shared" si="531"/>
        <v>0.34115333914970219</v>
      </c>
      <c r="J4745">
        <f t="shared" si="532"/>
        <v>1.137177797165674</v>
      </c>
      <c r="K4745">
        <f t="shared" si="533"/>
        <v>1.7057666957485111</v>
      </c>
      <c r="L4745">
        <f t="shared" si="534"/>
        <v>8.1876801395928531</v>
      </c>
      <c r="M4745">
        <f t="shared" si="535"/>
        <v>0</v>
      </c>
      <c r="N4745" s="46">
        <f t="shared" si="536"/>
        <v>45488.291666655241</v>
      </c>
    </row>
    <row r="4746" spans="2:14" x14ac:dyDescent="0.3">
      <c r="B4746">
        <f t="shared" si="530"/>
        <v>1</v>
      </c>
      <c r="C4746" s="16">
        <v>4712</v>
      </c>
      <c r="D4746" cm="1">
        <f t="array" ref="D4746">IFERROR(INDEX(Jesper!AH$2:AH$366,ROUNDDOWN($C4746/24,0)+1,1)*INDEX($D$3:$AA$30,INDEX(Jesper!$R$2:$R$366,ROW(INDEX(Jesper!AH$2:AH$366,ROUNDDOWN($C4746/24,0)+1,1))-1)+IF('Standard Profiles'!$G$18=$B$10,7,0)+IF('Standard Profiles'!$G$18=$B$17,14,0)+IF('Standard Profiles'!$G$18=$B$24,21,0),MOD($C4746,24)+1)/SUM(INDEX($D$3:$AA$30,INDEX(Jesper!$R$2:$R$366,ROW(INDEX(Jesper!AH$2:AH$366,ROUNDDOWN($C4746/24,0)+1,1))-1)+IF('Standard Profiles'!$G$18=$B$10,7,0)+IF('Standard Profiles'!$G$18=$B$17,14,0)+IF('Standard Profiles'!$G$18=$B$24,21,0),0)),0)</f>
        <v>11.371777971656741</v>
      </c>
      <c r="E4746" cm="1">
        <f t="array" ref="E4746">IFERROR(INDEX(Jesper!AI$2:AI$366,ROUNDDOWN($C4746/24,0)+1,1)*INDEX($D$3:$AA$30,INDEX(Jesper!$R$2:$R$366,ROW(INDEX(Jesper!AI$2:AI$366,ROUNDDOWN($C4746/24,0)+1,1))-1)+IF('Standard Profiles'!$G$19=$B$10,7,0)+IF('Standard Profiles'!$G$19=$B$17,14,0)+IF('Standard Profiles'!$G$19=$B$24,21,0),MOD($C4746,24)+1)/SUM(INDEX($D$3:$AA$30,INDEX(Jesper!$R$2:$R$366,ROW(INDEX(Jesper!AI$2:AI$366,ROUNDDOWN($C4746/24,0)+1,1))-1)+IF('Standard Profiles'!$G$19=$B$10,7,0)+IF('Standard Profiles'!$G$19=$B$17,14,0)+IF('Standard Profiles'!$G$19=$B$24,21,0),0)),0)</f>
        <v>0</v>
      </c>
      <c r="F4746" cm="1">
        <f t="array" ref="F4746">IFERROR(INDEX(Jesper!AJ$2:AJ$366,ROUNDDOWN($C4746/24,0)+1,1)*INDEX($D$3:$AA$30,INDEX(Jesper!$R$2:$R$366,ROW(INDEX(Jesper!AJ$2:AJ$366,ROUNDDOWN($C4746/24,0)+1,1))-1)+IF('Standard Profiles'!$G$20=$B$10,7,0)+IF('Standard Profiles'!$G$20=$B$17,14,0)+IF('Standard Profiles'!$G$20=$B$24,21,0),MOD($C4746,24)+1)/SUM(INDEX($D$3:$AA$30,INDEX(Jesper!$R$2:$R$366,ROW(INDEX(Jesper!AJ$2:AJ$366,ROUNDDOWN($C4746/24,0)+1,1))-1)+IF('Standard Profiles'!$G$20=$B$10,7,0)+IF('Standard Profiles'!$G$20=$B$17,14,0)+IF('Standard Profiles'!$G$20=$B$24,21,0),0)),0)</f>
        <v>0</v>
      </c>
      <c r="G4746" cm="1">
        <f t="array" ref="G4746">IFERROR(INDEX(Jesper!AK$2:AK$366,ROUNDDOWN($C4746/24,0)+1,1)*INDEX($D$3:$AA$30,INDEX(Jesper!$R$2:$R$366,ROW(INDEX(Jesper!AK$2:AK$366,ROUNDDOWN($C4746/24,0)+1,1))-1)+IF('Standard Profiles'!$G$21=$B$10,7,0)+IF('Standard Profiles'!$G$21=$B$17,14,0)+IF('Standard Profiles'!$G$21=$B$24,21,0),MOD($C4746,24)+1)/SUM(INDEX($D$3:$AA$30,INDEX(Jesper!$R$2:$R$366,ROW(INDEX(Jesper!AK$2:AK$366,ROUNDDOWN($C4746/24,0)+1,1))-1)+IF('Standard Profiles'!$G$21=$B$10,7,0)+IF('Standard Profiles'!$G$21=$B$17,14,0)+IF('Standard Profiles'!$G$21=$B$24,21,0),0)),0)</f>
        <v>0</v>
      </c>
      <c r="H4746" cm="1">
        <f t="array" ref="H4746">IFERROR(INDEX(Jesper!AL$2:AL$366,ROUNDDOWN($C4746/24,0)+1,1)*INDEX($D$3:$AA$30,INDEX(Jesper!$R$2:$R$366,ROW(INDEX(Jesper!AL$2:AL$366,ROUNDDOWN($C4746/24,0)+1,1))-1)+IF('Standard Profiles'!$G$22=$B$10,7,0)+IF('Standard Profiles'!$G$22=$B$17,14,0)+IF('Standard Profiles'!$G$22=$B$24,21,0),MOD($C4746,24)+1)/SUM(INDEX($D$3:$AA$30,INDEX(Jesper!$R$2:$R$366,ROW(INDEX(Jesper!AL$2:AL$366,ROUNDDOWN($C4746/24,0)+1,1))-1)+IF('Standard Profiles'!$G$22=$B$10,7,0)+IF('Standard Profiles'!$G$22=$B$17,14,0)+IF('Standard Profiles'!$G$22=$B$24,21,0),0)),0)</f>
        <v>0</v>
      </c>
      <c r="I4746">
        <f t="shared" si="531"/>
        <v>0.34115333914970219</v>
      </c>
      <c r="J4746">
        <f t="shared" si="532"/>
        <v>1.137177797165674</v>
      </c>
      <c r="K4746">
        <f t="shared" si="533"/>
        <v>1.7057666957485111</v>
      </c>
      <c r="L4746">
        <f t="shared" si="534"/>
        <v>8.1876801395928531</v>
      </c>
      <c r="M4746">
        <f t="shared" si="535"/>
        <v>0</v>
      </c>
      <c r="N4746" s="46">
        <f t="shared" si="536"/>
        <v>45488.333333321905</v>
      </c>
    </row>
    <row r="4747" spans="2:14" x14ac:dyDescent="0.3">
      <c r="B4747">
        <f t="shared" si="530"/>
        <v>1</v>
      </c>
      <c r="C4747" s="16">
        <v>4713</v>
      </c>
      <c r="D4747" cm="1">
        <f t="array" ref="D4747">IFERROR(INDEX(Jesper!AH$2:AH$366,ROUNDDOWN($C4747/24,0)+1,1)*INDEX($D$3:$AA$30,INDEX(Jesper!$R$2:$R$366,ROW(INDEX(Jesper!AH$2:AH$366,ROUNDDOWN($C4747/24,0)+1,1))-1)+IF('Standard Profiles'!$G$18=$B$10,7,0)+IF('Standard Profiles'!$G$18=$B$17,14,0)+IF('Standard Profiles'!$G$18=$B$24,21,0),MOD($C4747,24)+1)/SUM(INDEX($D$3:$AA$30,INDEX(Jesper!$R$2:$R$366,ROW(INDEX(Jesper!AH$2:AH$366,ROUNDDOWN($C4747/24,0)+1,1))-1)+IF('Standard Profiles'!$G$18=$B$10,7,0)+IF('Standard Profiles'!$G$18=$B$17,14,0)+IF('Standard Profiles'!$G$18=$B$24,21,0),0)),0)</f>
        <v>12.142745969735165</v>
      </c>
      <c r="E4747" cm="1">
        <f t="array" ref="E4747">IFERROR(INDEX(Jesper!AI$2:AI$366,ROUNDDOWN($C4747/24,0)+1,1)*INDEX($D$3:$AA$30,INDEX(Jesper!$R$2:$R$366,ROW(INDEX(Jesper!AI$2:AI$366,ROUNDDOWN($C4747/24,0)+1,1))-1)+IF('Standard Profiles'!$G$19=$B$10,7,0)+IF('Standard Profiles'!$G$19=$B$17,14,0)+IF('Standard Profiles'!$G$19=$B$24,21,0),MOD($C4747,24)+1)/SUM(INDEX($D$3:$AA$30,INDEX(Jesper!$R$2:$R$366,ROW(INDEX(Jesper!AI$2:AI$366,ROUNDDOWN($C4747/24,0)+1,1))-1)+IF('Standard Profiles'!$G$19=$B$10,7,0)+IF('Standard Profiles'!$G$19=$B$17,14,0)+IF('Standard Profiles'!$G$19=$B$24,21,0),0)),0)</f>
        <v>0</v>
      </c>
      <c r="F4747" cm="1">
        <f t="array" ref="F4747">IFERROR(INDEX(Jesper!AJ$2:AJ$366,ROUNDDOWN($C4747/24,0)+1,1)*INDEX($D$3:$AA$30,INDEX(Jesper!$R$2:$R$366,ROW(INDEX(Jesper!AJ$2:AJ$366,ROUNDDOWN($C4747/24,0)+1,1))-1)+IF('Standard Profiles'!$G$20=$B$10,7,0)+IF('Standard Profiles'!$G$20=$B$17,14,0)+IF('Standard Profiles'!$G$20=$B$24,21,0),MOD($C4747,24)+1)/SUM(INDEX($D$3:$AA$30,INDEX(Jesper!$R$2:$R$366,ROW(INDEX(Jesper!AJ$2:AJ$366,ROUNDDOWN($C4747/24,0)+1,1))-1)+IF('Standard Profiles'!$G$20=$B$10,7,0)+IF('Standard Profiles'!$G$20=$B$17,14,0)+IF('Standard Profiles'!$G$20=$B$24,21,0),0)),0)</f>
        <v>0</v>
      </c>
      <c r="G4747" cm="1">
        <f t="array" ref="G4747">IFERROR(INDEX(Jesper!AK$2:AK$366,ROUNDDOWN($C4747/24,0)+1,1)*INDEX($D$3:$AA$30,INDEX(Jesper!$R$2:$R$366,ROW(INDEX(Jesper!AK$2:AK$366,ROUNDDOWN($C4747/24,0)+1,1))-1)+IF('Standard Profiles'!$G$21=$B$10,7,0)+IF('Standard Profiles'!$G$21=$B$17,14,0)+IF('Standard Profiles'!$G$21=$B$24,21,0),MOD($C4747,24)+1)/SUM(INDEX($D$3:$AA$30,INDEX(Jesper!$R$2:$R$366,ROW(INDEX(Jesper!AK$2:AK$366,ROUNDDOWN($C4747/24,0)+1,1))-1)+IF('Standard Profiles'!$G$21=$B$10,7,0)+IF('Standard Profiles'!$G$21=$B$17,14,0)+IF('Standard Profiles'!$G$21=$B$24,21,0),0)),0)</f>
        <v>0</v>
      </c>
      <c r="H4747" cm="1">
        <f t="array" ref="H4747">IFERROR(INDEX(Jesper!AL$2:AL$366,ROUNDDOWN($C4747/24,0)+1,1)*INDEX($D$3:$AA$30,INDEX(Jesper!$R$2:$R$366,ROW(INDEX(Jesper!AL$2:AL$366,ROUNDDOWN($C4747/24,0)+1,1))-1)+IF('Standard Profiles'!$G$22=$B$10,7,0)+IF('Standard Profiles'!$G$22=$B$17,14,0)+IF('Standard Profiles'!$G$22=$B$24,21,0),MOD($C4747,24)+1)/SUM(INDEX($D$3:$AA$30,INDEX(Jesper!$R$2:$R$366,ROW(INDEX(Jesper!AL$2:AL$366,ROUNDDOWN($C4747/24,0)+1,1))-1)+IF('Standard Profiles'!$G$22=$B$10,7,0)+IF('Standard Profiles'!$G$22=$B$17,14,0)+IF('Standard Profiles'!$G$22=$B$24,21,0),0)),0)</f>
        <v>0</v>
      </c>
      <c r="I4747">
        <f t="shared" si="531"/>
        <v>0.36428237909205491</v>
      </c>
      <c r="J4747">
        <f t="shared" si="532"/>
        <v>1.2142745969735165</v>
      </c>
      <c r="K4747">
        <f t="shared" si="533"/>
        <v>1.8214118954602747</v>
      </c>
      <c r="L4747">
        <f t="shared" si="534"/>
        <v>8.7427770982093183</v>
      </c>
      <c r="M4747">
        <f t="shared" si="535"/>
        <v>0</v>
      </c>
      <c r="N4747" s="46">
        <f t="shared" si="536"/>
        <v>45488.374999988569</v>
      </c>
    </row>
    <row r="4748" spans="2:14" x14ac:dyDescent="0.3">
      <c r="B4748">
        <f t="shared" si="530"/>
        <v>1</v>
      </c>
      <c r="C4748" s="16">
        <v>4714</v>
      </c>
      <c r="D4748" cm="1">
        <f t="array" ref="D4748">IFERROR(INDEX(Jesper!AH$2:AH$366,ROUNDDOWN($C4748/24,0)+1,1)*INDEX($D$3:$AA$30,INDEX(Jesper!$R$2:$R$366,ROW(INDEX(Jesper!AH$2:AH$366,ROUNDDOWN($C4748/24,0)+1,1))-1)+IF('Standard Profiles'!$G$18=$B$10,7,0)+IF('Standard Profiles'!$G$18=$B$17,14,0)+IF('Standard Profiles'!$G$18=$B$24,21,0),MOD($C4748,24)+1)/SUM(INDEX($D$3:$AA$30,INDEX(Jesper!$R$2:$R$366,ROW(INDEX(Jesper!AH$2:AH$366,ROUNDDOWN($C4748/24,0)+1,1))-1)+IF('Standard Profiles'!$G$18=$B$10,7,0)+IF('Standard Profiles'!$G$18=$B$17,14,0)+IF('Standard Profiles'!$G$18=$B$24,21,0),0)),0)</f>
        <v>12.142745969735165</v>
      </c>
      <c r="E4748" cm="1">
        <f t="array" ref="E4748">IFERROR(INDEX(Jesper!AI$2:AI$366,ROUNDDOWN($C4748/24,0)+1,1)*INDEX($D$3:$AA$30,INDEX(Jesper!$R$2:$R$366,ROW(INDEX(Jesper!AI$2:AI$366,ROUNDDOWN($C4748/24,0)+1,1))-1)+IF('Standard Profiles'!$G$19=$B$10,7,0)+IF('Standard Profiles'!$G$19=$B$17,14,0)+IF('Standard Profiles'!$G$19=$B$24,21,0),MOD($C4748,24)+1)/SUM(INDEX($D$3:$AA$30,INDEX(Jesper!$R$2:$R$366,ROW(INDEX(Jesper!AI$2:AI$366,ROUNDDOWN($C4748/24,0)+1,1))-1)+IF('Standard Profiles'!$G$19=$B$10,7,0)+IF('Standard Profiles'!$G$19=$B$17,14,0)+IF('Standard Profiles'!$G$19=$B$24,21,0),0)),0)</f>
        <v>0</v>
      </c>
      <c r="F4748" cm="1">
        <f t="array" ref="F4748">IFERROR(INDEX(Jesper!AJ$2:AJ$366,ROUNDDOWN($C4748/24,0)+1,1)*INDEX($D$3:$AA$30,INDEX(Jesper!$R$2:$R$366,ROW(INDEX(Jesper!AJ$2:AJ$366,ROUNDDOWN($C4748/24,0)+1,1))-1)+IF('Standard Profiles'!$G$20=$B$10,7,0)+IF('Standard Profiles'!$G$20=$B$17,14,0)+IF('Standard Profiles'!$G$20=$B$24,21,0),MOD($C4748,24)+1)/SUM(INDEX($D$3:$AA$30,INDEX(Jesper!$R$2:$R$366,ROW(INDEX(Jesper!AJ$2:AJ$366,ROUNDDOWN($C4748/24,0)+1,1))-1)+IF('Standard Profiles'!$G$20=$B$10,7,0)+IF('Standard Profiles'!$G$20=$B$17,14,0)+IF('Standard Profiles'!$G$20=$B$24,21,0),0)),0)</f>
        <v>0</v>
      </c>
      <c r="G4748" cm="1">
        <f t="array" ref="G4748">IFERROR(INDEX(Jesper!AK$2:AK$366,ROUNDDOWN($C4748/24,0)+1,1)*INDEX($D$3:$AA$30,INDEX(Jesper!$R$2:$R$366,ROW(INDEX(Jesper!AK$2:AK$366,ROUNDDOWN($C4748/24,0)+1,1))-1)+IF('Standard Profiles'!$G$21=$B$10,7,0)+IF('Standard Profiles'!$G$21=$B$17,14,0)+IF('Standard Profiles'!$G$21=$B$24,21,0),MOD($C4748,24)+1)/SUM(INDEX($D$3:$AA$30,INDEX(Jesper!$R$2:$R$366,ROW(INDEX(Jesper!AK$2:AK$366,ROUNDDOWN($C4748/24,0)+1,1))-1)+IF('Standard Profiles'!$G$21=$B$10,7,0)+IF('Standard Profiles'!$G$21=$B$17,14,0)+IF('Standard Profiles'!$G$21=$B$24,21,0),0)),0)</f>
        <v>0</v>
      </c>
      <c r="H4748" cm="1">
        <f t="array" ref="H4748">IFERROR(INDEX(Jesper!AL$2:AL$366,ROUNDDOWN($C4748/24,0)+1,1)*INDEX($D$3:$AA$30,INDEX(Jesper!$R$2:$R$366,ROW(INDEX(Jesper!AL$2:AL$366,ROUNDDOWN($C4748/24,0)+1,1))-1)+IF('Standard Profiles'!$G$22=$B$10,7,0)+IF('Standard Profiles'!$G$22=$B$17,14,0)+IF('Standard Profiles'!$G$22=$B$24,21,0),MOD($C4748,24)+1)/SUM(INDEX($D$3:$AA$30,INDEX(Jesper!$R$2:$R$366,ROW(INDEX(Jesper!AL$2:AL$366,ROUNDDOWN($C4748/24,0)+1,1))-1)+IF('Standard Profiles'!$G$22=$B$10,7,0)+IF('Standard Profiles'!$G$22=$B$17,14,0)+IF('Standard Profiles'!$G$22=$B$24,21,0),0)),0)</f>
        <v>0</v>
      </c>
      <c r="I4748">
        <f t="shared" si="531"/>
        <v>0.36428237909205491</v>
      </c>
      <c r="J4748">
        <f t="shared" si="532"/>
        <v>1.2142745969735165</v>
      </c>
      <c r="K4748">
        <f t="shared" si="533"/>
        <v>1.8214118954602747</v>
      </c>
      <c r="L4748">
        <f t="shared" si="534"/>
        <v>8.7427770982093183</v>
      </c>
      <c r="M4748">
        <f t="shared" si="535"/>
        <v>0</v>
      </c>
      <c r="N4748" s="46">
        <f t="shared" si="536"/>
        <v>45488.416666655234</v>
      </c>
    </row>
    <row r="4749" spans="2:14" x14ac:dyDescent="0.3">
      <c r="B4749">
        <f t="shared" si="530"/>
        <v>1</v>
      </c>
      <c r="C4749" s="16">
        <v>4715</v>
      </c>
      <c r="D4749" cm="1">
        <f t="array" ref="D4749">IFERROR(INDEX(Jesper!AH$2:AH$366,ROUNDDOWN($C4749/24,0)+1,1)*INDEX($D$3:$AA$30,INDEX(Jesper!$R$2:$R$366,ROW(INDEX(Jesper!AH$2:AH$366,ROUNDDOWN($C4749/24,0)+1,1))-1)+IF('Standard Profiles'!$G$18=$B$10,7,0)+IF('Standard Profiles'!$G$18=$B$17,14,0)+IF('Standard Profiles'!$G$18=$B$24,21,0),MOD($C4749,24)+1)/SUM(INDEX($D$3:$AA$30,INDEX(Jesper!$R$2:$R$366,ROW(INDEX(Jesper!AH$2:AH$366,ROUNDDOWN($C4749/24,0)+1,1))-1)+IF('Standard Profiles'!$G$18=$B$10,7,0)+IF('Standard Profiles'!$G$18=$B$17,14,0)+IF('Standard Profiles'!$G$18=$B$24,21,0),0)),0)</f>
        <v>15.419359961568464</v>
      </c>
      <c r="E4749" cm="1">
        <f t="array" ref="E4749">IFERROR(INDEX(Jesper!AI$2:AI$366,ROUNDDOWN($C4749/24,0)+1,1)*INDEX($D$3:$AA$30,INDEX(Jesper!$R$2:$R$366,ROW(INDEX(Jesper!AI$2:AI$366,ROUNDDOWN($C4749/24,0)+1,1))-1)+IF('Standard Profiles'!$G$19=$B$10,7,0)+IF('Standard Profiles'!$G$19=$B$17,14,0)+IF('Standard Profiles'!$G$19=$B$24,21,0),MOD($C4749,24)+1)/SUM(INDEX($D$3:$AA$30,INDEX(Jesper!$R$2:$R$366,ROW(INDEX(Jesper!AI$2:AI$366,ROUNDDOWN($C4749/24,0)+1,1))-1)+IF('Standard Profiles'!$G$19=$B$10,7,0)+IF('Standard Profiles'!$G$19=$B$17,14,0)+IF('Standard Profiles'!$G$19=$B$24,21,0),0)),0)</f>
        <v>0</v>
      </c>
      <c r="F4749" cm="1">
        <f t="array" ref="F4749">IFERROR(INDEX(Jesper!AJ$2:AJ$366,ROUNDDOWN($C4749/24,0)+1,1)*INDEX($D$3:$AA$30,INDEX(Jesper!$R$2:$R$366,ROW(INDEX(Jesper!AJ$2:AJ$366,ROUNDDOWN($C4749/24,0)+1,1))-1)+IF('Standard Profiles'!$G$20=$B$10,7,0)+IF('Standard Profiles'!$G$20=$B$17,14,0)+IF('Standard Profiles'!$G$20=$B$24,21,0),MOD($C4749,24)+1)/SUM(INDEX($D$3:$AA$30,INDEX(Jesper!$R$2:$R$366,ROW(INDEX(Jesper!AJ$2:AJ$366,ROUNDDOWN($C4749/24,0)+1,1))-1)+IF('Standard Profiles'!$G$20=$B$10,7,0)+IF('Standard Profiles'!$G$20=$B$17,14,0)+IF('Standard Profiles'!$G$20=$B$24,21,0),0)),0)</f>
        <v>0</v>
      </c>
      <c r="G4749" cm="1">
        <f t="array" ref="G4749">IFERROR(INDEX(Jesper!AK$2:AK$366,ROUNDDOWN($C4749/24,0)+1,1)*INDEX($D$3:$AA$30,INDEX(Jesper!$R$2:$R$366,ROW(INDEX(Jesper!AK$2:AK$366,ROUNDDOWN($C4749/24,0)+1,1))-1)+IF('Standard Profiles'!$G$21=$B$10,7,0)+IF('Standard Profiles'!$G$21=$B$17,14,0)+IF('Standard Profiles'!$G$21=$B$24,21,0),MOD($C4749,24)+1)/SUM(INDEX($D$3:$AA$30,INDEX(Jesper!$R$2:$R$366,ROW(INDEX(Jesper!AK$2:AK$366,ROUNDDOWN($C4749/24,0)+1,1))-1)+IF('Standard Profiles'!$G$21=$B$10,7,0)+IF('Standard Profiles'!$G$21=$B$17,14,0)+IF('Standard Profiles'!$G$21=$B$24,21,0),0)),0)</f>
        <v>0</v>
      </c>
      <c r="H4749" cm="1">
        <f t="array" ref="H4749">IFERROR(INDEX(Jesper!AL$2:AL$366,ROUNDDOWN($C4749/24,0)+1,1)*INDEX($D$3:$AA$30,INDEX(Jesper!$R$2:$R$366,ROW(INDEX(Jesper!AL$2:AL$366,ROUNDDOWN($C4749/24,0)+1,1))-1)+IF('Standard Profiles'!$G$22=$B$10,7,0)+IF('Standard Profiles'!$G$22=$B$17,14,0)+IF('Standard Profiles'!$G$22=$B$24,21,0),MOD($C4749,24)+1)/SUM(INDEX($D$3:$AA$30,INDEX(Jesper!$R$2:$R$366,ROW(INDEX(Jesper!AL$2:AL$366,ROUNDDOWN($C4749/24,0)+1,1))-1)+IF('Standard Profiles'!$G$22=$B$10,7,0)+IF('Standard Profiles'!$G$22=$B$17,14,0)+IF('Standard Profiles'!$G$22=$B$24,21,0),0)),0)</f>
        <v>0</v>
      </c>
      <c r="I4749">
        <f t="shared" si="531"/>
        <v>0.46258079884705389</v>
      </c>
      <c r="J4749">
        <f t="shared" si="532"/>
        <v>1.5419359961568464</v>
      </c>
      <c r="K4749">
        <f t="shared" si="533"/>
        <v>2.3129039942352696</v>
      </c>
      <c r="L4749">
        <f t="shared" si="534"/>
        <v>11.101939172329294</v>
      </c>
      <c r="M4749">
        <f t="shared" si="535"/>
        <v>0</v>
      </c>
      <c r="N4749" s="46">
        <f t="shared" si="536"/>
        <v>45488.458333321898</v>
      </c>
    </row>
    <row r="4750" spans="2:14" x14ac:dyDescent="0.3">
      <c r="B4750">
        <f t="shared" si="530"/>
        <v>1</v>
      </c>
      <c r="C4750" s="16">
        <v>4716</v>
      </c>
      <c r="D4750" cm="1">
        <f t="array" ref="D4750">IFERROR(INDEX(Jesper!AH$2:AH$366,ROUNDDOWN($C4750/24,0)+1,1)*INDEX($D$3:$AA$30,INDEX(Jesper!$R$2:$R$366,ROW(INDEX(Jesper!AH$2:AH$366,ROUNDDOWN($C4750/24,0)+1,1))-1)+IF('Standard Profiles'!$G$18=$B$10,7,0)+IF('Standard Profiles'!$G$18=$B$17,14,0)+IF('Standard Profiles'!$G$18=$B$24,21,0),MOD($C4750,24)+1)/SUM(INDEX($D$3:$AA$30,INDEX(Jesper!$R$2:$R$366,ROW(INDEX(Jesper!AH$2:AH$366,ROUNDDOWN($C4750/24,0)+1,1))-1)+IF('Standard Profiles'!$G$18=$B$10,7,0)+IF('Standard Profiles'!$G$18=$B$17,14,0)+IF('Standard Profiles'!$G$18=$B$24,21,0),0)),0)</f>
        <v>15.419359961568464</v>
      </c>
      <c r="E4750" cm="1">
        <f t="array" ref="E4750">IFERROR(INDEX(Jesper!AI$2:AI$366,ROUNDDOWN($C4750/24,0)+1,1)*INDEX($D$3:$AA$30,INDEX(Jesper!$R$2:$R$366,ROW(INDEX(Jesper!AI$2:AI$366,ROUNDDOWN($C4750/24,0)+1,1))-1)+IF('Standard Profiles'!$G$19=$B$10,7,0)+IF('Standard Profiles'!$G$19=$B$17,14,0)+IF('Standard Profiles'!$G$19=$B$24,21,0),MOD($C4750,24)+1)/SUM(INDEX($D$3:$AA$30,INDEX(Jesper!$R$2:$R$366,ROW(INDEX(Jesper!AI$2:AI$366,ROUNDDOWN($C4750/24,0)+1,1))-1)+IF('Standard Profiles'!$G$19=$B$10,7,0)+IF('Standard Profiles'!$G$19=$B$17,14,0)+IF('Standard Profiles'!$G$19=$B$24,21,0),0)),0)</f>
        <v>0</v>
      </c>
      <c r="F4750" cm="1">
        <f t="array" ref="F4750">IFERROR(INDEX(Jesper!AJ$2:AJ$366,ROUNDDOWN($C4750/24,0)+1,1)*INDEX($D$3:$AA$30,INDEX(Jesper!$R$2:$R$366,ROW(INDEX(Jesper!AJ$2:AJ$366,ROUNDDOWN($C4750/24,0)+1,1))-1)+IF('Standard Profiles'!$G$20=$B$10,7,0)+IF('Standard Profiles'!$G$20=$B$17,14,0)+IF('Standard Profiles'!$G$20=$B$24,21,0),MOD($C4750,24)+1)/SUM(INDEX($D$3:$AA$30,INDEX(Jesper!$R$2:$R$366,ROW(INDEX(Jesper!AJ$2:AJ$366,ROUNDDOWN($C4750/24,0)+1,1))-1)+IF('Standard Profiles'!$G$20=$B$10,7,0)+IF('Standard Profiles'!$G$20=$B$17,14,0)+IF('Standard Profiles'!$G$20=$B$24,21,0),0)),0)</f>
        <v>0</v>
      </c>
      <c r="G4750" cm="1">
        <f t="array" ref="G4750">IFERROR(INDEX(Jesper!AK$2:AK$366,ROUNDDOWN($C4750/24,0)+1,1)*INDEX($D$3:$AA$30,INDEX(Jesper!$R$2:$R$366,ROW(INDEX(Jesper!AK$2:AK$366,ROUNDDOWN($C4750/24,0)+1,1))-1)+IF('Standard Profiles'!$G$21=$B$10,7,0)+IF('Standard Profiles'!$G$21=$B$17,14,0)+IF('Standard Profiles'!$G$21=$B$24,21,0),MOD($C4750,24)+1)/SUM(INDEX($D$3:$AA$30,INDEX(Jesper!$R$2:$R$366,ROW(INDEX(Jesper!AK$2:AK$366,ROUNDDOWN($C4750/24,0)+1,1))-1)+IF('Standard Profiles'!$G$21=$B$10,7,0)+IF('Standard Profiles'!$G$21=$B$17,14,0)+IF('Standard Profiles'!$G$21=$B$24,21,0),0)),0)</f>
        <v>0</v>
      </c>
      <c r="H4750" cm="1">
        <f t="array" ref="H4750">IFERROR(INDEX(Jesper!AL$2:AL$366,ROUNDDOWN($C4750/24,0)+1,1)*INDEX($D$3:$AA$30,INDEX(Jesper!$R$2:$R$366,ROW(INDEX(Jesper!AL$2:AL$366,ROUNDDOWN($C4750/24,0)+1,1))-1)+IF('Standard Profiles'!$G$22=$B$10,7,0)+IF('Standard Profiles'!$G$22=$B$17,14,0)+IF('Standard Profiles'!$G$22=$B$24,21,0),MOD($C4750,24)+1)/SUM(INDEX($D$3:$AA$30,INDEX(Jesper!$R$2:$R$366,ROW(INDEX(Jesper!AL$2:AL$366,ROUNDDOWN($C4750/24,0)+1,1))-1)+IF('Standard Profiles'!$G$22=$B$10,7,0)+IF('Standard Profiles'!$G$22=$B$17,14,0)+IF('Standard Profiles'!$G$22=$B$24,21,0),0)),0)</f>
        <v>0</v>
      </c>
      <c r="I4750">
        <f t="shared" si="531"/>
        <v>0.46258079884705389</v>
      </c>
      <c r="J4750">
        <f t="shared" si="532"/>
        <v>1.5419359961568464</v>
      </c>
      <c r="K4750">
        <f t="shared" si="533"/>
        <v>2.3129039942352696</v>
      </c>
      <c r="L4750">
        <f t="shared" si="534"/>
        <v>11.101939172329294</v>
      </c>
      <c r="M4750">
        <f t="shared" si="535"/>
        <v>0</v>
      </c>
      <c r="N4750" s="46">
        <f t="shared" si="536"/>
        <v>45488.499999988562</v>
      </c>
    </row>
    <row r="4751" spans="2:14" x14ac:dyDescent="0.3">
      <c r="B4751">
        <f t="shared" si="530"/>
        <v>1</v>
      </c>
      <c r="C4751" s="16">
        <v>4717</v>
      </c>
      <c r="D4751" cm="1">
        <f t="array" ref="D4751">IFERROR(INDEX(Jesper!AH$2:AH$366,ROUNDDOWN($C4751/24,0)+1,1)*INDEX($D$3:$AA$30,INDEX(Jesper!$R$2:$R$366,ROW(INDEX(Jesper!AH$2:AH$366,ROUNDDOWN($C4751/24,0)+1,1))-1)+IF('Standard Profiles'!$G$18=$B$10,7,0)+IF('Standard Profiles'!$G$18=$B$17,14,0)+IF('Standard Profiles'!$G$18=$B$24,21,0),MOD($C4751,24)+1)/SUM(INDEX($D$3:$AA$30,INDEX(Jesper!$R$2:$R$366,ROW(INDEX(Jesper!AH$2:AH$366,ROUNDDOWN($C4751/24,0)+1,1))-1)+IF('Standard Profiles'!$G$18=$B$10,7,0)+IF('Standard Profiles'!$G$18=$B$17,14,0)+IF('Standard Profiles'!$G$18=$B$24,21,0),0)),0)</f>
        <v>10.215325974539107</v>
      </c>
      <c r="E4751" cm="1">
        <f t="array" ref="E4751">IFERROR(INDEX(Jesper!AI$2:AI$366,ROUNDDOWN($C4751/24,0)+1,1)*INDEX($D$3:$AA$30,INDEX(Jesper!$R$2:$R$366,ROW(INDEX(Jesper!AI$2:AI$366,ROUNDDOWN($C4751/24,0)+1,1))-1)+IF('Standard Profiles'!$G$19=$B$10,7,0)+IF('Standard Profiles'!$G$19=$B$17,14,0)+IF('Standard Profiles'!$G$19=$B$24,21,0),MOD($C4751,24)+1)/SUM(INDEX($D$3:$AA$30,INDEX(Jesper!$R$2:$R$366,ROW(INDEX(Jesper!AI$2:AI$366,ROUNDDOWN($C4751/24,0)+1,1))-1)+IF('Standard Profiles'!$G$19=$B$10,7,0)+IF('Standard Profiles'!$G$19=$B$17,14,0)+IF('Standard Profiles'!$G$19=$B$24,21,0),0)),0)</f>
        <v>0</v>
      </c>
      <c r="F4751" cm="1">
        <f t="array" ref="F4751">IFERROR(INDEX(Jesper!AJ$2:AJ$366,ROUNDDOWN($C4751/24,0)+1,1)*INDEX($D$3:$AA$30,INDEX(Jesper!$R$2:$R$366,ROW(INDEX(Jesper!AJ$2:AJ$366,ROUNDDOWN($C4751/24,0)+1,1))-1)+IF('Standard Profiles'!$G$20=$B$10,7,0)+IF('Standard Profiles'!$G$20=$B$17,14,0)+IF('Standard Profiles'!$G$20=$B$24,21,0),MOD($C4751,24)+1)/SUM(INDEX($D$3:$AA$30,INDEX(Jesper!$R$2:$R$366,ROW(INDEX(Jesper!AJ$2:AJ$366,ROUNDDOWN($C4751/24,0)+1,1))-1)+IF('Standard Profiles'!$G$20=$B$10,7,0)+IF('Standard Profiles'!$G$20=$B$17,14,0)+IF('Standard Profiles'!$G$20=$B$24,21,0),0)),0)</f>
        <v>0</v>
      </c>
      <c r="G4751" cm="1">
        <f t="array" ref="G4751">IFERROR(INDEX(Jesper!AK$2:AK$366,ROUNDDOWN($C4751/24,0)+1,1)*INDEX($D$3:$AA$30,INDEX(Jesper!$R$2:$R$366,ROW(INDEX(Jesper!AK$2:AK$366,ROUNDDOWN($C4751/24,0)+1,1))-1)+IF('Standard Profiles'!$G$21=$B$10,7,0)+IF('Standard Profiles'!$G$21=$B$17,14,0)+IF('Standard Profiles'!$G$21=$B$24,21,0),MOD($C4751,24)+1)/SUM(INDEX($D$3:$AA$30,INDEX(Jesper!$R$2:$R$366,ROW(INDEX(Jesper!AK$2:AK$366,ROUNDDOWN($C4751/24,0)+1,1))-1)+IF('Standard Profiles'!$G$21=$B$10,7,0)+IF('Standard Profiles'!$G$21=$B$17,14,0)+IF('Standard Profiles'!$G$21=$B$24,21,0),0)),0)</f>
        <v>0</v>
      </c>
      <c r="H4751" cm="1">
        <f t="array" ref="H4751">IFERROR(INDEX(Jesper!AL$2:AL$366,ROUNDDOWN($C4751/24,0)+1,1)*INDEX($D$3:$AA$30,INDEX(Jesper!$R$2:$R$366,ROW(INDEX(Jesper!AL$2:AL$366,ROUNDDOWN($C4751/24,0)+1,1))-1)+IF('Standard Profiles'!$G$22=$B$10,7,0)+IF('Standard Profiles'!$G$22=$B$17,14,0)+IF('Standard Profiles'!$G$22=$B$24,21,0),MOD($C4751,24)+1)/SUM(INDEX($D$3:$AA$30,INDEX(Jesper!$R$2:$R$366,ROW(INDEX(Jesper!AL$2:AL$366,ROUNDDOWN($C4751/24,0)+1,1))-1)+IF('Standard Profiles'!$G$22=$B$10,7,0)+IF('Standard Profiles'!$G$22=$B$17,14,0)+IF('Standard Profiles'!$G$22=$B$24,21,0),0)),0)</f>
        <v>0</v>
      </c>
      <c r="I4751">
        <f t="shared" si="531"/>
        <v>0.30645977923617318</v>
      </c>
      <c r="J4751">
        <f t="shared" si="532"/>
        <v>1.0215325974539107</v>
      </c>
      <c r="K4751">
        <f t="shared" si="533"/>
        <v>1.5322988961808661</v>
      </c>
      <c r="L4751">
        <f t="shared" si="534"/>
        <v>7.3550347016681572</v>
      </c>
      <c r="M4751">
        <f t="shared" si="535"/>
        <v>0</v>
      </c>
      <c r="N4751" s="46">
        <f t="shared" si="536"/>
        <v>45488.541666655226</v>
      </c>
    </row>
    <row r="4752" spans="2:14" x14ac:dyDescent="0.3">
      <c r="B4752">
        <f t="shared" si="530"/>
        <v>1</v>
      </c>
      <c r="C4752" s="16">
        <v>4718</v>
      </c>
      <c r="D4752" cm="1">
        <f t="array" ref="D4752">IFERROR(INDEX(Jesper!AH$2:AH$366,ROUNDDOWN($C4752/24,0)+1,1)*INDEX($D$3:$AA$30,INDEX(Jesper!$R$2:$R$366,ROW(INDEX(Jesper!AH$2:AH$366,ROUNDDOWN($C4752/24,0)+1,1))-1)+IF('Standard Profiles'!$G$18=$B$10,7,0)+IF('Standard Profiles'!$G$18=$B$17,14,0)+IF('Standard Profiles'!$G$18=$B$24,21,0),MOD($C4752,24)+1)/SUM(INDEX($D$3:$AA$30,INDEX(Jesper!$R$2:$R$366,ROW(INDEX(Jesper!AH$2:AH$366,ROUNDDOWN($C4752/24,0)+1,1))-1)+IF('Standard Profiles'!$G$18=$B$10,7,0)+IF('Standard Profiles'!$G$18=$B$17,14,0)+IF('Standard Profiles'!$G$18=$B$24,21,0),0)),0)</f>
        <v>15.419359961568464</v>
      </c>
      <c r="E4752" cm="1">
        <f t="array" ref="E4752">IFERROR(INDEX(Jesper!AI$2:AI$366,ROUNDDOWN($C4752/24,0)+1,1)*INDEX($D$3:$AA$30,INDEX(Jesper!$R$2:$R$366,ROW(INDEX(Jesper!AI$2:AI$366,ROUNDDOWN($C4752/24,0)+1,1))-1)+IF('Standard Profiles'!$G$19=$B$10,7,0)+IF('Standard Profiles'!$G$19=$B$17,14,0)+IF('Standard Profiles'!$G$19=$B$24,21,0),MOD($C4752,24)+1)/SUM(INDEX($D$3:$AA$30,INDEX(Jesper!$R$2:$R$366,ROW(INDEX(Jesper!AI$2:AI$366,ROUNDDOWN($C4752/24,0)+1,1))-1)+IF('Standard Profiles'!$G$19=$B$10,7,0)+IF('Standard Profiles'!$G$19=$B$17,14,0)+IF('Standard Profiles'!$G$19=$B$24,21,0),0)),0)</f>
        <v>0</v>
      </c>
      <c r="F4752" cm="1">
        <f t="array" ref="F4752">IFERROR(INDEX(Jesper!AJ$2:AJ$366,ROUNDDOWN($C4752/24,0)+1,1)*INDEX($D$3:$AA$30,INDEX(Jesper!$R$2:$R$366,ROW(INDEX(Jesper!AJ$2:AJ$366,ROUNDDOWN($C4752/24,0)+1,1))-1)+IF('Standard Profiles'!$G$20=$B$10,7,0)+IF('Standard Profiles'!$G$20=$B$17,14,0)+IF('Standard Profiles'!$G$20=$B$24,21,0),MOD($C4752,24)+1)/SUM(INDEX($D$3:$AA$30,INDEX(Jesper!$R$2:$R$366,ROW(INDEX(Jesper!AJ$2:AJ$366,ROUNDDOWN($C4752/24,0)+1,1))-1)+IF('Standard Profiles'!$G$20=$B$10,7,0)+IF('Standard Profiles'!$G$20=$B$17,14,0)+IF('Standard Profiles'!$G$20=$B$24,21,0),0)),0)</f>
        <v>0</v>
      </c>
      <c r="G4752" cm="1">
        <f t="array" ref="G4752">IFERROR(INDEX(Jesper!AK$2:AK$366,ROUNDDOWN($C4752/24,0)+1,1)*INDEX($D$3:$AA$30,INDEX(Jesper!$R$2:$R$366,ROW(INDEX(Jesper!AK$2:AK$366,ROUNDDOWN($C4752/24,0)+1,1))-1)+IF('Standard Profiles'!$G$21=$B$10,7,0)+IF('Standard Profiles'!$G$21=$B$17,14,0)+IF('Standard Profiles'!$G$21=$B$24,21,0),MOD($C4752,24)+1)/SUM(INDEX($D$3:$AA$30,INDEX(Jesper!$R$2:$R$366,ROW(INDEX(Jesper!AK$2:AK$366,ROUNDDOWN($C4752/24,0)+1,1))-1)+IF('Standard Profiles'!$G$21=$B$10,7,0)+IF('Standard Profiles'!$G$21=$B$17,14,0)+IF('Standard Profiles'!$G$21=$B$24,21,0),0)),0)</f>
        <v>0</v>
      </c>
      <c r="H4752" cm="1">
        <f t="array" ref="H4752">IFERROR(INDEX(Jesper!AL$2:AL$366,ROUNDDOWN($C4752/24,0)+1,1)*INDEX($D$3:$AA$30,INDEX(Jesper!$R$2:$R$366,ROW(INDEX(Jesper!AL$2:AL$366,ROUNDDOWN($C4752/24,0)+1,1))-1)+IF('Standard Profiles'!$G$22=$B$10,7,0)+IF('Standard Profiles'!$G$22=$B$17,14,0)+IF('Standard Profiles'!$G$22=$B$24,21,0),MOD($C4752,24)+1)/SUM(INDEX($D$3:$AA$30,INDEX(Jesper!$R$2:$R$366,ROW(INDEX(Jesper!AL$2:AL$366,ROUNDDOWN($C4752/24,0)+1,1))-1)+IF('Standard Profiles'!$G$22=$B$10,7,0)+IF('Standard Profiles'!$G$22=$B$17,14,0)+IF('Standard Profiles'!$G$22=$B$24,21,0),0)),0)</f>
        <v>0</v>
      </c>
      <c r="I4752">
        <f t="shared" si="531"/>
        <v>0.46258079884705389</v>
      </c>
      <c r="J4752">
        <f t="shared" si="532"/>
        <v>1.5419359961568464</v>
      </c>
      <c r="K4752">
        <f t="shared" si="533"/>
        <v>2.3129039942352696</v>
      </c>
      <c r="L4752">
        <f t="shared" si="534"/>
        <v>11.101939172329294</v>
      </c>
      <c r="M4752">
        <f t="shared" si="535"/>
        <v>0</v>
      </c>
      <c r="N4752" s="46">
        <f t="shared" si="536"/>
        <v>45488.583333321891</v>
      </c>
    </row>
    <row r="4753" spans="2:14" x14ac:dyDescent="0.3">
      <c r="B4753">
        <f t="shared" si="530"/>
        <v>1</v>
      </c>
      <c r="C4753" s="16">
        <v>4719</v>
      </c>
      <c r="D4753" cm="1">
        <f t="array" ref="D4753">IFERROR(INDEX(Jesper!AH$2:AH$366,ROUNDDOWN($C4753/24,0)+1,1)*INDEX($D$3:$AA$30,INDEX(Jesper!$R$2:$R$366,ROW(INDEX(Jesper!AH$2:AH$366,ROUNDDOWN($C4753/24,0)+1,1))-1)+IF('Standard Profiles'!$G$18=$B$10,7,0)+IF('Standard Profiles'!$G$18=$B$17,14,0)+IF('Standard Profiles'!$G$18=$B$24,21,0),MOD($C4753,24)+1)/SUM(INDEX($D$3:$AA$30,INDEX(Jesper!$R$2:$R$366,ROW(INDEX(Jesper!AH$2:AH$366,ROUNDDOWN($C4753/24,0)+1,1))-1)+IF('Standard Profiles'!$G$18=$B$10,7,0)+IF('Standard Profiles'!$G$18=$B$17,14,0)+IF('Standard Profiles'!$G$18=$B$24,21,0),0)),0)</f>
        <v>15.419359961568464</v>
      </c>
      <c r="E4753" cm="1">
        <f t="array" ref="E4753">IFERROR(INDEX(Jesper!AI$2:AI$366,ROUNDDOWN($C4753/24,0)+1,1)*INDEX($D$3:$AA$30,INDEX(Jesper!$R$2:$R$366,ROW(INDEX(Jesper!AI$2:AI$366,ROUNDDOWN($C4753/24,0)+1,1))-1)+IF('Standard Profiles'!$G$19=$B$10,7,0)+IF('Standard Profiles'!$G$19=$B$17,14,0)+IF('Standard Profiles'!$G$19=$B$24,21,0),MOD($C4753,24)+1)/SUM(INDEX($D$3:$AA$30,INDEX(Jesper!$R$2:$R$366,ROW(INDEX(Jesper!AI$2:AI$366,ROUNDDOWN($C4753/24,0)+1,1))-1)+IF('Standard Profiles'!$G$19=$B$10,7,0)+IF('Standard Profiles'!$G$19=$B$17,14,0)+IF('Standard Profiles'!$G$19=$B$24,21,0),0)),0)</f>
        <v>0</v>
      </c>
      <c r="F4753" cm="1">
        <f t="array" ref="F4753">IFERROR(INDEX(Jesper!AJ$2:AJ$366,ROUNDDOWN($C4753/24,0)+1,1)*INDEX($D$3:$AA$30,INDEX(Jesper!$R$2:$R$366,ROW(INDEX(Jesper!AJ$2:AJ$366,ROUNDDOWN($C4753/24,0)+1,1))-1)+IF('Standard Profiles'!$G$20=$B$10,7,0)+IF('Standard Profiles'!$G$20=$B$17,14,0)+IF('Standard Profiles'!$G$20=$B$24,21,0),MOD($C4753,24)+1)/SUM(INDEX($D$3:$AA$30,INDEX(Jesper!$R$2:$R$366,ROW(INDEX(Jesper!AJ$2:AJ$366,ROUNDDOWN($C4753/24,0)+1,1))-1)+IF('Standard Profiles'!$G$20=$B$10,7,0)+IF('Standard Profiles'!$G$20=$B$17,14,0)+IF('Standard Profiles'!$G$20=$B$24,21,0),0)),0)</f>
        <v>0</v>
      </c>
      <c r="G4753" cm="1">
        <f t="array" ref="G4753">IFERROR(INDEX(Jesper!AK$2:AK$366,ROUNDDOWN($C4753/24,0)+1,1)*INDEX($D$3:$AA$30,INDEX(Jesper!$R$2:$R$366,ROW(INDEX(Jesper!AK$2:AK$366,ROUNDDOWN($C4753/24,0)+1,1))-1)+IF('Standard Profiles'!$G$21=$B$10,7,0)+IF('Standard Profiles'!$G$21=$B$17,14,0)+IF('Standard Profiles'!$G$21=$B$24,21,0),MOD($C4753,24)+1)/SUM(INDEX($D$3:$AA$30,INDEX(Jesper!$R$2:$R$366,ROW(INDEX(Jesper!AK$2:AK$366,ROUNDDOWN($C4753/24,0)+1,1))-1)+IF('Standard Profiles'!$G$21=$B$10,7,0)+IF('Standard Profiles'!$G$21=$B$17,14,0)+IF('Standard Profiles'!$G$21=$B$24,21,0),0)),0)</f>
        <v>0</v>
      </c>
      <c r="H4753" cm="1">
        <f t="array" ref="H4753">IFERROR(INDEX(Jesper!AL$2:AL$366,ROUNDDOWN($C4753/24,0)+1,1)*INDEX($D$3:$AA$30,INDEX(Jesper!$R$2:$R$366,ROW(INDEX(Jesper!AL$2:AL$366,ROUNDDOWN($C4753/24,0)+1,1))-1)+IF('Standard Profiles'!$G$22=$B$10,7,0)+IF('Standard Profiles'!$G$22=$B$17,14,0)+IF('Standard Profiles'!$G$22=$B$24,21,0),MOD($C4753,24)+1)/SUM(INDEX($D$3:$AA$30,INDEX(Jesper!$R$2:$R$366,ROW(INDEX(Jesper!AL$2:AL$366,ROUNDDOWN($C4753/24,0)+1,1))-1)+IF('Standard Profiles'!$G$22=$B$10,7,0)+IF('Standard Profiles'!$G$22=$B$17,14,0)+IF('Standard Profiles'!$G$22=$B$24,21,0),0)),0)</f>
        <v>0</v>
      </c>
      <c r="I4753">
        <f t="shared" si="531"/>
        <v>0.46258079884705389</v>
      </c>
      <c r="J4753">
        <f t="shared" si="532"/>
        <v>1.5419359961568464</v>
      </c>
      <c r="K4753">
        <f t="shared" si="533"/>
        <v>2.3129039942352696</v>
      </c>
      <c r="L4753">
        <f t="shared" si="534"/>
        <v>11.101939172329294</v>
      </c>
      <c r="M4753">
        <f t="shared" si="535"/>
        <v>0</v>
      </c>
      <c r="N4753" s="46">
        <f t="shared" si="536"/>
        <v>45488.624999988555</v>
      </c>
    </row>
    <row r="4754" spans="2:14" x14ac:dyDescent="0.3">
      <c r="B4754">
        <f t="shared" si="530"/>
        <v>1</v>
      </c>
      <c r="C4754" s="16">
        <v>4720</v>
      </c>
      <c r="D4754" cm="1">
        <f t="array" ref="D4754">IFERROR(INDEX(Jesper!AH$2:AH$366,ROUNDDOWN($C4754/24,0)+1,1)*INDEX($D$3:$AA$30,INDEX(Jesper!$R$2:$R$366,ROW(INDEX(Jesper!AH$2:AH$366,ROUNDDOWN($C4754/24,0)+1,1))-1)+IF('Standard Profiles'!$G$18=$B$10,7,0)+IF('Standard Profiles'!$G$18=$B$17,14,0)+IF('Standard Profiles'!$G$18=$B$24,21,0),MOD($C4754,24)+1)/SUM(INDEX($D$3:$AA$30,INDEX(Jesper!$R$2:$R$366,ROW(INDEX(Jesper!AH$2:AH$366,ROUNDDOWN($C4754/24,0)+1,1))-1)+IF('Standard Profiles'!$G$18=$B$10,7,0)+IF('Standard Profiles'!$G$18=$B$17,14,0)+IF('Standard Profiles'!$G$18=$B$24,21,0),0)),0)</f>
        <v>15.419359961568464</v>
      </c>
      <c r="E4754" cm="1">
        <f t="array" ref="E4754">IFERROR(INDEX(Jesper!AI$2:AI$366,ROUNDDOWN($C4754/24,0)+1,1)*INDEX($D$3:$AA$30,INDEX(Jesper!$R$2:$R$366,ROW(INDEX(Jesper!AI$2:AI$366,ROUNDDOWN($C4754/24,0)+1,1))-1)+IF('Standard Profiles'!$G$19=$B$10,7,0)+IF('Standard Profiles'!$G$19=$B$17,14,0)+IF('Standard Profiles'!$G$19=$B$24,21,0),MOD($C4754,24)+1)/SUM(INDEX($D$3:$AA$30,INDEX(Jesper!$R$2:$R$366,ROW(INDEX(Jesper!AI$2:AI$366,ROUNDDOWN($C4754/24,0)+1,1))-1)+IF('Standard Profiles'!$G$19=$B$10,7,0)+IF('Standard Profiles'!$G$19=$B$17,14,0)+IF('Standard Profiles'!$G$19=$B$24,21,0),0)),0)</f>
        <v>0</v>
      </c>
      <c r="F4754" cm="1">
        <f t="array" ref="F4754">IFERROR(INDEX(Jesper!AJ$2:AJ$366,ROUNDDOWN($C4754/24,0)+1,1)*INDEX($D$3:$AA$30,INDEX(Jesper!$R$2:$R$366,ROW(INDEX(Jesper!AJ$2:AJ$366,ROUNDDOWN($C4754/24,0)+1,1))-1)+IF('Standard Profiles'!$G$20=$B$10,7,0)+IF('Standard Profiles'!$G$20=$B$17,14,0)+IF('Standard Profiles'!$G$20=$B$24,21,0),MOD($C4754,24)+1)/SUM(INDEX($D$3:$AA$30,INDEX(Jesper!$R$2:$R$366,ROW(INDEX(Jesper!AJ$2:AJ$366,ROUNDDOWN($C4754/24,0)+1,1))-1)+IF('Standard Profiles'!$G$20=$B$10,7,0)+IF('Standard Profiles'!$G$20=$B$17,14,0)+IF('Standard Profiles'!$G$20=$B$24,21,0),0)),0)</f>
        <v>0</v>
      </c>
      <c r="G4754" cm="1">
        <f t="array" ref="G4754">IFERROR(INDEX(Jesper!AK$2:AK$366,ROUNDDOWN($C4754/24,0)+1,1)*INDEX($D$3:$AA$30,INDEX(Jesper!$R$2:$R$366,ROW(INDEX(Jesper!AK$2:AK$366,ROUNDDOWN($C4754/24,0)+1,1))-1)+IF('Standard Profiles'!$G$21=$B$10,7,0)+IF('Standard Profiles'!$G$21=$B$17,14,0)+IF('Standard Profiles'!$G$21=$B$24,21,0),MOD($C4754,24)+1)/SUM(INDEX($D$3:$AA$30,INDEX(Jesper!$R$2:$R$366,ROW(INDEX(Jesper!AK$2:AK$366,ROUNDDOWN($C4754/24,0)+1,1))-1)+IF('Standard Profiles'!$G$21=$B$10,7,0)+IF('Standard Profiles'!$G$21=$B$17,14,0)+IF('Standard Profiles'!$G$21=$B$24,21,0),0)),0)</f>
        <v>0</v>
      </c>
      <c r="H4754" cm="1">
        <f t="array" ref="H4754">IFERROR(INDEX(Jesper!AL$2:AL$366,ROUNDDOWN($C4754/24,0)+1,1)*INDEX($D$3:$AA$30,INDEX(Jesper!$R$2:$R$366,ROW(INDEX(Jesper!AL$2:AL$366,ROUNDDOWN($C4754/24,0)+1,1))-1)+IF('Standard Profiles'!$G$22=$B$10,7,0)+IF('Standard Profiles'!$G$22=$B$17,14,0)+IF('Standard Profiles'!$G$22=$B$24,21,0),MOD($C4754,24)+1)/SUM(INDEX($D$3:$AA$30,INDEX(Jesper!$R$2:$R$366,ROW(INDEX(Jesper!AL$2:AL$366,ROUNDDOWN($C4754/24,0)+1,1))-1)+IF('Standard Profiles'!$G$22=$B$10,7,0)+IF('Standard Profiles'!$G$22=$B$17,14,0)+IF('Standard Profiles'!$G$22=$B$24,21,0),0)),0)</f>
        <v>0</v>
      </c>
      <c r="I4754">
        <f t="shared" si="531"/>
        <v>0.46258079884705389</v>
      </c>
      <c r="J4754">
        <f t="shared" si="532"/>
        <v>1.5419359961568464</v>
      </c>
      <c r="K4754">
        <f t="shared" si="533"/>
        <v>2.3129039942352696</v>
      </c>
      <c r="L4754">
        <f t="shared" si="534"/>
        <v>11.101939172329294</v>
      </c>
      <c r="M4754">
        <f t="shared" si="535"/>
        <v>0</v>
      </c>
      <c r="N4754" s="46">
        <f t="shared" si="536"/>
        <v>45488.666666655219</v>
      </c>
    </row>
    <row r="4755" spans="2:14" x14ac:dyDescent="0.3">
      <c r="B4755">
        <f t="shared" si="530"/>
        <v>1</v>
      </c>
      <c r="C4755" s="16">
        <v>4721</v>
      </c>
      <c r="D4755" cm="1">
        <f t="array" ref="D4755">IFERROR(INDEX(Jesper!AH$2:AH$366,ROUNDDOWN($C4755/24,0)+1,1)*INDEX($D$3:$AA$30,INDEX(Jesper!$R$2:$R$366,ROW(INDEX(Jesper!AH$2:AH$366,ROUNDDOWN($C4755/24,0)+1,1))-1)+IF('Standard Profiles'!$G$18=$B$10,7,0)+IF('Standard Profiles'!$G$18=$B$17,14,0)+IF('Standard Profiles'!$G$18=$B$24,21,0),MOD($C4755,24)+1)/SUM(INDEX($D$3:$AA$30,INDEX(Jesper!$R$2:$R$366,ROW(INDEX(Jesper!AH$2:AH$366,ROUNDDOWN($C4755/24,0)+1,1))-1)+IF('Standard Profiles'!$G$18=$B$10,7,0)+IF('Standard Profiles'!$G$18=$B$17,14,0)+IF('Standard Profiles'!$G$18=$B$24,21,0),0)),0)</f>
        <v>15.419359961568464</v>
      </c>
      <c r="E4755" cm="1">
        <f t="array" ref="E4755">IFERROR(INDEX(Jesper!AI$2:AI$366,ROUNDDOWN($C4755/24,0)+1,1)*INDEX($D$3:$AA$30,INDEX(Jesper!$R$2:$R$366,ROW(INDEX(Jesper!AI$2:AI$366,ROUNDDOWN($C4755/24,0)+1,1))-1)+IF('Standard Profiles'!$G$19=$B$10,7,0)+IF('Standard Profiles'!$G$19=$B$17,14,0)+IF('Standard Profiles'!$G$19=$B$24,21,0),MOD($C4755,24)+1)/SUM(INDEX($D$3:$AA$30,INDEX(Jesper!$R$2:$R$366,ROW(INDEX(Jesper!AI$2:AI$366,ROUNDDOWN($C4755/24,0)+1,1))-1)+IF('Standard Profiles'!$G$19=$B$10,7,0)+IF('Standard Profiles'!$G$19=$B$17,14,0)+IF('Standard Profiles'!$G$19=$B$24,21,0),0)),0)</f>
        <v>0</v>
      </c>
      <c r="F4755" cm="1">
        <f t="array" ref="F4755">IFERROR(INDEX(Jesper!AJ$2:AJ$366,ROUNDDOWN($C4755/24,0)+1,1)*INDEX($D$3:$AA$30,INDEX(Jesper!$R$2:$R$366,ROW(INDEX(Jesper!AJ$2:AJ$366,ROUNDDOWN($C4755/24,0)+1,1))-1)+IF('Standard Profiles'!$G$20=$B$10,7,0)+IF('Standard Profiles'!$G$20=$B$17,14,0)+IF('Standard Profiles'!$G$20=$B$24,21,0),MOD($C4755,24)+1)/SUM(INDEX($D$3:$AA$30,INDEX(Jesper!$R$2:$R$366,ROW(INDEX(Jesper!AJ$2:AJ$366,ROUNDDOWN($C4755/24,0)+1,1))-1)+IF('Standard Profiles'!$G$20=$B$10,7,0)+IF('Standard Profiles'!$G$20=$B$17,14,0)+IF('Standard Profiles'!$G$20=$B$24,21,0),0)),0)</f>
        <v>0</v>
      </c>
      <c r="G4755" cm="1">
        <f t="array" ref="G4755">IFERROR(INDEX(Jesper!AK$2:AK$366,ROUNDDOWN($C4755/24,0)+1,1)*INDEX($D$3:$AA$30,INDEX(Jesper!$R$2:$R$366,ROW(INDEX(Jesper!AK$2:AK$366,ROUNDDOWN($C4755/24,0)+1,1))-1)+IF('Standard Profiles'!$G$21=$B$10,7,0)+IF('Standard Profiles'!$G$21=$B$17,14,0)+IF('Standard Profiles'!$G$21=$B$24,21,0),MOD($C4755,24)+1)/SUM(INDEX($D$3:$AA$30,INDEX(Jesper!$R$2:$R$366,ROW(INDEX(Jesper!AK$2:AK$366,ROUNDDOWN($C4755/24,0)+1,1))-1)+IF('Standard Profiles'!$G$21=$B$10,7,0)+IF('Standard Profiles'!$G$21=$B$17,14,0)+IF('Standard Profiles'!$G$21=$B$24,21,0),0)),0)</f>
        <v>0</v>
      </c>
      <c r="H4755" cm="1">
        <f t="array" ref="H4755">IFERROR(INDEX(Jesper!AL$2:AL$366,ROUNDDOWN($C4755/24,0)+1,1)*INDEX($D$3:$AA$30,INDEX(Jesper!$R$2:$R$366,ROW(INDEX(Jesper!AL$2:AL$366,ROUNDDOWN($C4755/24,0)+1,1))-1)+IF('Standard Profiles'!$G$22=$B$10,7,0)+IF('Standard Profiles'!$G$22=$B$17,14,0)+IF('Standard Profiles'!$G$22=$B$24,21,0),MOD($C4755,24)+1)/SUM(INDEX($D$3:$AA$30,INDEX(Jesper!$R$2:$R$366,ROW(INDEX(Jesper!AL$2:AL$366,ROUNDDOWN($C4755/24,0)+1,1))-1)+IF('Standard Profiles'!$G$22=$B$10,7,0)+IF('Standard Profiles'!$G$22=$B$17,14,0)+IF('Standard Profiles'!$G$22=$B$24,21,0),0)),0)</f>
        <v>0</v>
      </c>
      <c r="I4755">
        <f t="shared" si="531"/>
        <v>0.46258079884705389</v>
      </c>
      <c r="J4755">
        <f t="shared" si="532"/>
        <v>1.5419359961568464</v>
      </c>
      <c r="K4755">
        <f t="shared" si="533"/>
        <v>2.3129039942352696</v>
      </c>
      <c r="L4755">
        <f t="shared" si="534"/>
        <v>11.101939172329294</v>
      </c>
      <c r="M4755">
        <f t="shared" si="535"/>
        <v>0</v>
      </c>
      <c r="N4755" s="46">
        <f t="shared" si="536"/>
        <v>45488.708333321883</v>
      </c>
    </row>
    <row r="4756" spans="2:14" x14ac:dyDescent="0.3">
      <c r="B4756">
        <f t="shared" si="530"/>
        <v>1</v>
      </c>
      <c r="C4756" s="16">
        <v>4722</v>
      </c>
      <c r="D4756" cm="1">
        <f t="array" ref="D4756">IFERROR(INDEX(Jesper!AH$2:AH$366,ROUNDDOWN($C4756/24,0)+1,1)*INDEX($D$3:$AA$30,INDEX(Jesper!$R$2:$R$366,ROW(INDEX(Jesper!AH$2:AH$366,ROUNDDOWN($C4756/24,0)+1,1))-1)+IF('Standard Profiles'!$G$18=$B$10,7,0)+IF('Standard Profiles'!$G$18=$B$17,14,0)+IF('Standard Profiles'!$G$18=$B$24,21,0),MOD($C4756,24)+1)/SUM(INDEX($D$3:$AA$30,INDEX(Jesper!$R$2:$R$366,ROW(INDEX(Jesper!AH$2:AH$366,ROUNDDOWN($C4756/24,0)+1,1))-1)+IF('Standard Profiles'!$G$18=$B$10,7,0)+IF('Standard Profiles'!$G$18=$B$17,14,0)+IF('Standard Profiles'!$G$18=$B$24,21,0),0)),0)</f>
        <v>15.419359961568464</v>
      </c>
      <c r="E4756" cm="1">
        <f t="array" ref="E4756">IFERROR(INDEX(Jesper!AI$2:AI$366,ROUNDDOWN($C4756/24,0)+1,1)*INDEX($D$3:$AA$30,INDEX(Jesper!$R$2:$R$366,ROW(INDEX(Jesper!AI$2:AI$366,ROUNDDOWN($C4756/24,0)+1,1))-1)+IF('Standard Profiles'!$G$19=$B$10,7,0)+IF('Standard Profiles'!$G$19=$B$17,14,0)+IF('Standard Profiles'!$G$19=$B$24,21,0),MOD($C4756,24)+1)/SUM(INDEX($D$3:$AA$30,INDEX(Jesper!$R$2:$R$366,ROW(INDEX(Jesper!AI$2:AI$366,ROUNDDOWN($C4756/24,0)+1,1))-1)+IF('Standard Profiles'!$G$19=$B$10,7,0)+IF('Standard Profiles'!$G$19=$B$17,14,0)+IF('Standard Profiles'!$G$19=$B$24,21,0),0)),0)</f>
        <v>0</v>
      </c>
      <c r="F4756" cm="1">
        <f t="array" ref="F4756">IFERROR(INDEX(Jesper!AJ$2:AJ$366,ROUNDDOWN($C4756/24,0)+1,1)*INDEX($D$3:$AA$30,INDEX(Jesper!$R$2:$R$366,ROW(INDEX(Jesper!AJ$2:AJ$366,ROUNDDOWN($C4756/24,0)+1,1))-1)+IF('Standard Profiles'!$G$20=$B$10,7,0)+IF('Standard Profiles'!$G$20=$B$17,14,0)+IF('Standard Profiles'!$G$20=$B$24,21,0),MOD($C4756,24)+1)/SUM(INDEX($D$3:$AA$30,INDEX(Jesper!$R$2:$R$366,ROW(INDEX(Jesper!AJ$2:AJ$366,ROUNDDOWN($C4756/24,0)+1,1))-1)+IF('Standard Profiles'!$G$20=$B$10,7,0)+IF('Standard Profiles'!$G$20=$B$17,14,0)+IF('Standard Profiles'!$G$20=$B$24,21,0),0)),0)</f>
        <v>0</v>
      </c>
      <c r="G4756" cm="1">
        <f t="array" ref="G4756">IFERROR(INDEX(Jesper!AK$2:AK$366,ROUNDDOWN($C4756/24,0)+1,1)*INDEX($D$3:$AA$30,INDEX(Jesper!$R$2:$R$366,ROW(INDEX(Jesper!AK$2:AK$366,ROUNDDOWN($C4756/24,0)+1,1))-1)+IF('Standard Profiles'!$G$21=$B$10,7,0)+IF('Standard Profiles'!$G$21=$B$17,14,0)+IF('Standard Profiles'!$G$21=$B$24,21,0),MOD($C4756,24)+1)/SUM(INDEX($D$3:$AA$30,INDEX(Jesper!$R$2:$R$366,ROW(INDEX(Jesper!AK$2:AK$366,ROUNDDOWN($C4756/24,0)+1,1))-1)+IF('Standard Profiles'!$G$21=$B$10,7,0)+IF('Standard Profiles'!$G$21=$B$17,14,0)+IF('Standard Profiles'!$G$21=$B$24,21,0),0)),0)</f>
        <v>0</v>
      </c>
      <c r="H4756" cm="1">
        <f t="array" ref="H4756">IFERROR(INDEX(Jesper!AL$2:AL$366,ROUNDDOWN($C4756/24,0)+1,1)*INDEX($D$3:$AA$30,INDEX(Jesper!$R$2:$R$366,ROW(INDEX(Jesper!AL$2:AL$366,ROUNDDOWN($C4756/24,0)+1,1))-1)+IF('Standard Profiles'!$G$22=$B$10,7,0)+IF('Standard Profiles'!$G$22=$B$17,14,0)+IF('Standard Profiles'!$G$22=$B$24,21,0),MOD($C4756,24)+1)/SUM(INDEX($D$3:$AA$30,INDEX(Jesper!$R$2:$R$366,ROW(INDEX(Jesper!AL$2:AL$366,ROUNDDOWN($C4756/24,0)+1,1))-1)+IF('Standard Profiles'!$G$22=$B$10,7,0)+IF('Standard Profiles'!$G$22=$B$17,14,0)+IF('Standard Profiles'!$G$22=$B$24,21,0),0)),0)</f>
        <v>0</v>
      </c>
      <c r="I4756">
        <f t="shared" si="531"/>
        <v>0.46258079884705389</v>
      </c>
      <c r="J4756">
        <f t="shared" si="532"/>
        <v>1.5419359961568464</v>
      </c>
      <c r="K4756">
        <f t="shared" si="533"/>
        <v>2.3129039942352696</v>
      </c>
      <c r="L4756">
        <f t="shared" si="534"/>
        <v>11.101939172329294</v>
      </c>
      <c r="M4756">
        <f t="shared" si="535"/>
        <v>0</v>
      </c>
      <c r="N4756" s="46">
        <f t="shared" si="536"/>
        <v>45488.749999988548</v>
      </c>
    </row>
    <row r="4757" spans="2:14" x14ac:dyDescent="0.3">
      <c r="B4757">
        <f t="shared" si="530"/>
        <v>1</v>
      </c>
      <c r="C4757" s="16">
        <v>4723</v>
      </c>
      <c r="D4757" cm="1">
        <f t="array" ref="D4757">IFERROR(INDEX(Jesper!AH$2:AH$366,ROUNDDOWN($C4757/24,0)+1,1)*INDEX($D$3:$AA$30,INDEX(Jesper!$R$2:$R$366,ROW(INDEX(Jesper!AH$2:AH$366,ROUNDDOWN($C4757/24,0)+1,1))-1)+IF('Standard Profiles'!$G$18=$B$10,7,0)+IF('Standard Profiles'!$G$18=$B$17,14,0)+IF('Standard Profiles'!$G$18=$B$24,21,0),MOD($C4757,24)+1)/SUM(INDEX($D$3:$AA$30,INDEX(Jesper!$R$2:$R$366,ROW(INDEX(Jesper!AH$2:AH$366,ROUNDDOWN($C4757/24,0)+1,1))-1)+IF('Standard Profiles'!$G$18=$B$10,7,0)+IF('Standard Profiles'!$G$18=$B$17,14,0)+IF('Standard Profiles'!$G$18=$B$24,21,0),0)),0)</f>
        <v>12.913713967813589</v>
      </c>
      <c r="E4757" cm="1">
        <f t="array" ref="E4757">IFERROR(INDEX(Jesper!AI$2:AI$366,ROUNDDOWN($C4757/24,0)+1,1)*INDEX($D$3:$AA$30,INDEX(Jesper!$R$2:$R$366,ROW(INDEX(Jesper!AI$2:AI$366,ROUNDDOWN($C4757/24,0)+1,1))-1)+IF('Standard Profiles'!$G$19=$B$10,7,0)+IF('Standard Profiles'!$G$19=$B$17,14,0)+IF('Standard Profiles'!$G$19=$B$24,21,0),MOD($C4757,24)+1)/SUM(INDEX($D$3:$AA$30,INDEX(Jesper!$R$2:$R$366,ROW(INDEX(Jesper!AI$2:AI$366,ROUNDDOWN($C4757/24,0)+1,1))-1)+IF('Standard Profiles'!$G$19=$B$10,7,0)+IF('Standard Profiles'!$G$19=$B$17,14,0)+IF('Standard Profiles'!$G$19=$B$24,21,0),0)),0)</f>
        <v>0</v>
      </c>
      <c r="F4757" cm="1">
        <f t="array" ref="F4757">IFERROR(INDEX(Jesper!AJ$2:AJ$366,ROUNDDOWN($C4757/24,0)+1,1)*INDEX($D$3:$AA$30,INDEX(Jesper!$R$2:$R$366,ROW(INDEX(Jesper!AJ$2:AJ$366,ROUNDDOWN($C4757/24,0)+1,1))-1)+IF('Standard Profiles'!$G$20=$B$10,7,0)+IF('Standard Profiles'!$G$20=$B$17,14,0)+IF('Standard Profiles'!$G$20=$B$24,21,0),MOD($C4757,24)+1)/SUM(INDEX($D$3:$AA$30,INDEX(Jesper!$R$2:$R$366,ROW(INDEX(Jesper!AJ$2:AJ$366,ROUNDDOWN($C4757/24,0)+1,1))-1)+IF('Standard Profiles'!$G$20=$B$10,7,0)+IF('Standard Profiles'!$G$20=$B$17,14,0)+IF('Standard Profiles'!$G$20=$B$24,21,0),0)),0)</f>
        <v>0</v>
      </c>
      <c r="G4757" cm="1">
        <f t="array" ref="G4757">IFERROR(INDEX(Jesper!AK$2:AK$366,ROUNDDOWN($C4757/24,0)+1,1)*INDEX($D$3:$AA$30,INDEX(Jesper!$R$2:$R$366,ROW(INDEX(Jesper!AK$2:AK$366,ROUNDDOWN($C4757/24,0)+1,1))-1)+IF('Standard Profiles'!$G$21=$B$10,7,0)+IF('Standard Profiles'!$G$21=$B$17,14,0)+IF('Standard Profiles'!$G$21=$B$24,21,0),MOD($C4757,24)+1)/SUM(INDEX($D$3:$AA$30,INDEX(Jesper!$R$2:$R$366,ROW(INDEX(Jesper!AK$2:AK$366,ROUNDDOWN($C4757/24,0)+1,1))-1)+IF('Standard Profiles'!$G$21=$B$10,7,0)+IF('Standard Profiles'!$G$21=$B$17,14,0)+IF('Standard Profiles'!$G$21=$B$24,21,0),0)),0)</f>
        <v>0</v>
      </c>
      <c r="H4757" cm="1">
        <f t="array" ref="H4757">IFERROR(INDEX(Jesper!AL$2:AL$366,ROUNDDOWN($C4757/24,0)+1,1)*INDEX($D$3:$AA$30,INDEX(Jesper!$R$2:$R$366,ROW(INDEX(Jesper!AL$2:AL$366,ROUNDDOWN($C4757/24,0)+1,1))-1)+IF('Standard Profiles'!$G$22=$B$10,7,0)+IF('Standard Profiles'!$G$22=$B$17,14,0)+IF('Standard Profiles'!$G$22=$B$24,21,0),MOD($C4757,24)+1)/SUM(INDEX($D$3:$AA$30,INDEX(Jesper!$R$2:$R$366,ROW(INDEX(Jesper!AL$2:AL$366,ROUNDDOWN($C4757/24,0)+1,1))-1)+IF('Standard Profiles'!$G$22=$B$10,7,0)+IF('Standard Profiles'!$G$22=$B$17,14,0)+IF('Standard Profiles'!$G$22=$B$24,21,0),0)),0)</f>
        <v>0</v>
      </c>
      <c r="I4757">
        <f t="shared" si="531"/>
        <v>0.38741141903440768</v>
      </c>
      <c r="J4757">
        <f t="shared" si="532"/>
        <v>1.2913713967813589</v>
      </c>
      <c r="K4757">
        <f t="shared" si="533"/>
        <v>1.9370570951720383</v>
      </c>
      <c r="L4757">
        <f t="shared" si="534"/>
        <v>9.2978740568257834</v>
      </c>
      <c r="M4757">
        <f t="shared" si="535"/>
        <v>0</v>
      </c>
      <c r="N4757" s="46">
        <f t="shared" si="536"/>
        <v>45488.791666655212</v>
      </c>
    </row>
    <row r="4758" spans="2:14" x14ac:dyDescent="0.3">
      <c r="B4758">
        <f t="shared" si="530"/>
        <v>1</v>
      </c>
      <c r="C4758" s="16">
        <v>4724</v>
      </c>
      <c r="D4758" cm="1">
        <f t="array" ref="D4758">IFERROR(INDEX(Jesper!AH$2:AH$366,ROUNDDOWN($C4758/24,0)+1,1)*INDEX($D$3:$AA$30,INDEX(Jesper!$R$2:$R$366,ROW(INDEX(Jesper!AH$2:AH$366,ROUNDDOWN($C4758/24,0)+1,1))-1)+IF('Standard Profiles'!$G$18=$B$10,7,0)+IF('Standard Profiles'!$G$18=$B$17,14,0)+IF('Standard Profiles'!$G$18=$B$24,21,0),MOD($C4758,24)+1)/SUM(INDEX($D$3:$AA$30,INDEX(Jesper!$R$2:$R$366,ROW(INDEX(Jesper!AH$2:AH$366,ROUNDDOWN($C4758/24,0)+1,1))-1)+IF('Standard Profiles'!$G$18=$B$10,7,0)+IF('Standard Profiles'!$G$18=$B$17,14,0)+IF('Standard Profiles'!$G$18=$B$24,21,0),0)),0)</f>
        <v>10.600809973578318</v>
      </c>
      <c r="E4758" cm="1">
        <f t="array" ref="E4758">IFERROR(INDEX(Jesper!AI$2:AI$366,ROUNDDOWN($C4758/24,0)+1,1)*INDEX($D$3:$AA$30,INDEX(Jesper!$R$2:$R$366,ROW(INDEX(Jesper!AI$2:AI$366,ROUNDDOWN($C4758/24,0)+1,1))-1)+IF('Standard Profiles'!$G$19=$B$10,7,0)+IF('Standard Profiles'!$G$19=$B$17,14,0)+IF('Standard Profiles'!$G$19=$B$24,21,0),MOD($C4758,24)+1)/SUM(INDEX($D$3:$AA$30,INDEX(Jesper!$R$2:$R$366,ROW(INDEX(Jesper!AI$2:AI$366,ROUNDDOWN($C4758/24,0)+1,1))-1)+IF('Standard Profiles'!$G$19=$B$10,7,0)+IF('Standard Profiles'!$G$19=$B$17,14,0)+IF('Standard Profiles'!$G$19=$B$24,21,0),0)),0)</f>
        <v>0</v>
      </c>
      <c r="F4758" cm="1">
        <f t="array" ref="F4758">IFERROR(INDEX(Jesper!AJ$2:AJ$366,ROUNDDOWN($C4758/24,0)+1,1)*INDEX($D$3:$AA$30,INDEX(Jesper!$R$2:$R$366,ROW(INDEX(Jesper!AJ$2:AJ$366,ROUNDDOWN($C4758/24,0)+1,1))-1)+IF('Standard Profiles'!$G$20=$B$10,7,0)+IF('Standard Profiles'!$G$20=$B$17,14,0)+IF('Standard Profiles'!$G$20=$B$24,21,0),MOD($C4758,24)+1)/SUM(INDEX($D$3:$AA$30,INDEX(Jesper!$R$2:$R$366,ROW(INDEX(Jesper!AJ$2:AJ$366,ROUNDDOWN($C4758/24,0)+1,1))-1)+IF('Standard Profiles'!$G$20=$B$10,7,0)+IF('Standard Profiles'!$G$20=$B$17,14,0)+IF('Standard Profiles'!$G$20=$B$24,21,0),0)),0)</f>
        <v>0</v>
      </c>
      <c r="G4758" cm="1">
        <f t="array" ref="G4758">IFERROR(INDEX(Jesper!AK$2:AK$366,ROUNDDOWN($C4758/24,0)+1,1)*INDEX($D$3:$AA$30,INDEX(Jesper!$R$2:$R$366,ROW(INDEX(Jesper!AK$2:AK$366,ROUNDDOWN($C4758/24,0)+1,1))-1)+IF('Standard Profiles'!$G$21=$B$10,7,0)+IF('Standard Profiles'!$G$21=$B$17,14,0)+IF('Standard Profiles'!$G$21=$B$24,21,0),MOD($C4758,24)+1)/SUM(INDEX($D$3:$AA$30,INDEX(Jesper!$R$2:$R$366,ROW(INDEX(Jesper!AK$2:AK$366,ROUNDDOWN($C4758/24,0)+1,1))-1)+IF('Standard Profiles'!$G$21=$B$10,7,0)+IF('Standard Profiles'!$G$21=$B$17,14,0)+IF('Standard Profiles'!$G$21=$B$24,21,0),0)),0)</f>
        <v>0</v>
      </c>
      <c r="H4758" cm="1">
        <f t="array" ref="H4758">IFERROR(INDEX(Jesper!AL$2:AL$366,ROUNDDOWN($C4758/24,0)+1,1)*INDEX($D$3:$AA$30,INDEX(Jesper!$R$2:$R$366,ROW(INDEX(Jesper!AL$2:AL$366,ROUNDDOWN($C4758/24,0)+1,1))-1)+IF('Standard Profiles'!$G$22=$B$10,7,0)+IF('Standard Profiles'!$G$22=$B$17,14,0)+IF('Standard Profiles'!$G$22=$B$24,21,0),MOD($C4758,24)+1)/SUM(INDEX($D$3:$AA$30,INDEX(Jesper!$R$2:$R$366,ROW(INDEX(Jesper!AL$2:AL$366,ROUNDDOWN($C4758/24,0)+1,1))-1)+IF('Standard Profiles'!$G$22=$B$10,7,0)+IF('Standard Profiles'!$G$22=$B$17,14,0)+IF('Standard Profiles'!$G$22=$B$24,21,0),0)),0)</f>
        <v>0</v>
      </c>
      <c r="I4758">
        <f t="shared" si="531"/>
        <v>0.31802429920734954</v>
      </c>
      <c r="J4758">
        <f t="shared" si="532"/>
        <v>1.0600809973578318</v>
      </c>
      <c r="K4758">
        <f t="shared" si="533"/>
        <v>1.5901214960367478</v>
      </c>
      <c r="L4758">
        <f t="shared" si="534"/>
        <v>7.6325831809763889</v>
      </c>
      <c r="M4758">
        <f t="shared" si="535"/>
        <v>0</v>
      </c>
      <c r="N4758" s="46">
        <f t="shared" si="536"/>
        <v>45488.833333321876</v>
      </c>
    </row>
    <row r="4759" spans="2:14" x14ac:dyDescent="0.3">
      <c r="B4759">
        <f t="shared" si="530"/>
        <v>1</v>
      </c>
      <c r="C4759" s="16">
        <v>4725</v>
      </c>
      <c r="D4759" cm="1">
        <f t="array" ref="D4759">IFERROR(INDEX(Jesper!AH$2:AH$366,ROUNDDOWN($C4759/24,0)+1,1)*INDEX($D$3:$AA$30,INDEX(Jesper!$R$2:$R$366,ROW(INDEX(Jesper!AH$2:AH$366,ROUNDDOWN($C4759/24,0)+1,1))-1)+IF('Standard Profiles'!$G$18=$B$10,7,0)+IF('Standard Profiles'!$G$18=$B$17,14,0)+IF('Standard Profiles'!$G$18=$B$24,21,0),MOD($C4759,24)+1)/SUM(INDEX($D$3:$AA$30,INDEX(Jesper!$R$2:$R$366,ROW(INDEX(Jesper!AH$2:AH$366,ROUNDDOWN($C4759/24,0)+1,1))-1)+IF('Standard Profiles'!$G$18=$B$10,7,0)+IF('Standard Profiles'!$G$18=$B$17,14,0)+IF('Standard Profiles'!$G$18=$B$24,21,0),0)),0)</f>
        <v>7.709679980784232</v>
      </c>
      <c r="E4759" cm="1">
        <f t="array" ref="E4759">IFERROR(INDEX(Jesper!AI$2:AI$366,ROUNDDOWN($C4759/24,0)+1,1)*INDEX($D$3:$AA$30,INDEX(Jesper!$R$2:$R$366,ROW(INDEX(Jesper!AI$2:AI$366,ROUNDDOWN($C4759/24,0)+1,1))-1)+IF('Standard Profiles'!$G$19=$B$10,7,0)+IF('Standard Profiles'!$G$19=$B$17,14,0)+IF('Standard Profiles'!$G$19=$B$24,21,0),MOD($C4759,24)+1)/SUM(INDEX($D$3:$AA$30,INDEX(Jesper!$R$2:$R$366,ROW(INDEX(Jesper!AI$2:AI$366,ROUNDDOWN($C4759/24,0)+1,1))-1)+IF('Standard Profiles'!$G$19=$B$10,7,0)+IF('Standard Profiles'!$G$19=$B$17,14,0)+IF('Standard Profiles'!$G$19=$B$24,21,0),0)),0)</f>
        <v>0</v>
      </c>
      <c r="F4759" cm="1">
        <f t="array" ref="F4759">IFERROR(INDEX(Jesper!AJ$2:AJ$366,ROUNDDOWN($C4759/24,0)+1,1)*INDEX($D$3:$AA$30,INDEX(Jesper!$R$2:$R$366,ROW(INDEX(Jesper!AJ$2:AJ$366,ROUNDDOWN($C4759/24,0)+1,1))-1)+IF('Standard Profiles'!$G$20=$B$10,7,0)+IF('Standard Profiles'!$G$20=$B$17,14,0)+IF('Standard Profiles'!$G$20=$B$24,21,0),MOD($C4759,24)+1)/SUM(INDEX($D$3:$AA$30,INDEX(Jesper!$R$2:$R$366,ROW(INDEX(Jesper!AJ$2:AJ$366,ROUNDDOWN($C4759/24,0)+1,1))-1)+IF('Standard Profiles'!$G$20=$B$10,7,0)+IF('Standard Profiles'!$G$20=$B$17,14,0)+IF('Standard Profiles'!$G$20=$B$24,21,0),0)),0)</f>
        <v>0</v>
      </c>
      <c r="G4759" cm="1">
        <f t="array" ref="G4759">IFERROR(INDEX(Jesper!AK$2:AK$366,ROUNDDOWN($C4759/24,0)+1,1)*INDEX($D$3:$AA$30,INDEX(Jesper!$R$2:$R$366,ROW(INDEX(Jesper!AK$2:AK$366,ROUNDDOWN($C4759/24,0)+1,1))-1)+IF('Standard Profiles'!$G$21=$B$10,7,0)+IF('Standard Profiles'!$G$21=$B$17,14,0)+IF('Standard Profiles'!$G$21=$B$24,21,0),MOD($C4759,24)+1)/SUM(INDEX($D$3:$AA$30,INDEX(Jesper!$R$2:$R$366,ROW(INDEX(Jesper!AK$2:AK$366,ROUNDDOWN($C4759/24,0)+1,1))-1)+IF('Standard Profiles'!$G$21=$B$10,7,0)+IF('Standard Profiles'!$G$21=$B$17,14,0)+IF('Standard Profiles'!$G$21=$B$24,21,0),0)),0)</f>
        <v>0</v>
      </c>
      <c r="H4759" cm="1">
        <f t="array" ref="H4759">IFERROR(INDEX(Jesper!AL$2:AL$366,ROUNDDOWN($C4759/24,0)+1,1)*INDEX($D$3:$AA$30,INDEX(Jesper!$R$2:$R$366,ROW(INDEX(Jesper!AL$2:AL$366,ROUNDDOWN($C4759/24,0)+1,1))-1)+IF('Standard Profiles'!$G$22=$B$10,7,0)+IF('Standard Profiles'!$G$22=$B$17,14,0)+IF('Standard Profiles'!$G$22=$B$24,21,0),MOD($C4759,24)+1)/SUM(INDEX($D$3:$AA$30,INDEX(Jesper!$R$2:$R$366,ROW(INDEX(Jesper!AL$2:AL$366,ROUNDDOWN($C4759/24,0)+1,1))-1)+IF('Standard Profiles'!$G$22=$B$10,7,0)+IF('Standard Profiles'!$G$22=$B$17,14,0)+IF('Standard Profiles'!$G$22=$B$24,21,0),0)),0)</f>
        <v>0</v>
      </c>
      <c r="I4759">
        <f t="shared" si="531"/>
        <v>0.23129039942352694</v>
      </c>
      <c r="J4759">
        <f t="shared" si="532"/>
        <v>0.7709679980784232</v>
      </c>
      <c r="K4759">
        <f t="shared" si="533"/>
        <v>1.1564519971176348</v>
      </c>
      <c r="L4759">
        <f t="shared" si="534"/>
        <v>5.5509695861646469</v>
      </c>
      <c r="M4759">
        <f t="shared" si="535"/>
        <v>0</v>
      </c>
      <c r="N4759" s="46">
        <f t="shared" si="536"/>
        <v>45488.87499998854</v>
      </c>
    </row>
    <row r="4760" spans="2:14" x14ac:dyDescent="0.3">
      <c r="B4760">
        <f t="shared" si="530"/>
        <v>1</v>
      </c>
      <c r="C4760" s="16">
        <v>4726</v>
      </c>
      <c r="D4760" cm="1">
        <f t="array" ref="D4760">IFERROR(INDEX(Jesper!AH$2:AH$366,ROUNDDOWN($C4760/24,0)+1,1)*INDEX($D$3:$AA$30,INDEX(Jesper!$R$2:$R$366,ROW(INDEX(Jesper!AH$2:AH$366,ROUNDDOWN($C4760/24,0)+1,1))-1)+IF('Standard Profiles'!$G$18=$B$10,7,0)+IF('Standard Profiles'!$G$18=$B$17,14,0)+IF('Standard Profiles'!$G$18=$B$24,21,0),MOD($C4760,24)+1)/SUM(INDEX($D$3:$AA$30,INDEX(Jesper!$R$2:$R$366,ROW(INDEX(Jesper!AH$2:AH$366,ROUNDDOWN($C4760/24,0)+1,1))-1)+IF('Standard Profiles'!$G$18=$B$10,7,0)+IF('Standard Profiles'!$G$18=$B$17,14,0)+IF('Standard Profiles'!$G$18=$B$24,21,0),0)),0)</f>
        <v>7.3241959817450208</v>
      </c>
      <c r="E4760" cm="1">
        <f t="array" ref="E4760">IFERROR(INDEX(Jesper!AI$2:AI$366,ROUNDDOWN($C4760/24,0)+1,1)*INDEX($D$3:$AA$30,INDEX(Jesper!$R$2:$R$366,ROW(INDEX(Jesper!AI$2:AI$366,ROUNDDOWN($C4760/24,0)+1,1))-1)+IF('Standard Profiles'!$G$19=$B$10,7,0)+IF('Standard Profiles'!$G$19=$B$17,14,0)+IF('Standard Profiles'!$G$19=$B$24,21,0),MOD($C4760,24)+1)/SUM(INDEX($D$3:$AA$30,INDEX(Jesper!$R$2:$R$366,ROW(INDEX(Jesper!AI$2:AI$366,ROUNDDOWN($C4760/24,0)+1,1))-1)+IF('Standard Profiles'!$G$19=$B$10,7,0)+IF('Standard Profiles'!$G$19=$B$17,14,0)+IF('Standard Profiles'!$G$19=$B$24,21,0),0)),0)</f>
        <v>0</v>
      </c>
      <c r="F4760" cm="1">
        <f t="array" ref="F4760">IFERROR(INDEX(Jesper!AJ$2:AJ$366,ROUNDDOWN($C4760/24,0)+1,1)*INDEX($D$3:$AA$30,INDEX(Jesper!$R$2:$R$366,ROW(INDEX(Jesper!AJ$2:AJ$366,ROUNDDOWN($C4760/24,0)+1,1))-1)+IF('Standard Profiles'!$G$20=$B$10,7,0)+IF('Standard Profiles'!$G$20=$B$17,14,0)+IF('Standard Profiles'!$G$20=$B$24,21,0),MOD($C4760,24)+1)/SUM(INDEX($D$3:$AA$30,INDEX(Jesper!$R$2:$R$366,ROW(INDEX(Jesper!AJ$2:AJ$366,ROUNDDOWN($C4760/24,0)+1,1))-1)+IF('Standard Profiles'!$G$20=$B$10,7,0)+IF('Standard Profiles'!$G$20=$B$17,14,0)+IF('Standard Profiles'!$G$20=$B$24,21,0),0)),0)</f>
        <v>0</v>
      </c>
      <c r="G4760" cm="1">
        <f t="array" ref="G4760">IFERROR(INDEX(Jesper!AK$2:AK$366,ROUNDDOWN($C4760/24,0)+1,1)*INDEX($D$3:$AA$30,INDEX(Jesper!$R$2:$R$366,ROW(INDEX(Jesper!AK$2:AK$366,ROUNDDOWN($C4760/24,0)+1,1))-1)+IF('Standard Profiles'!$G$21=$B$10,7,0)+IF('Standard Profiles'!$G$21=$B$17,14,0)+IF('Standard Profiles'!$G$21=$B$24,21,0),MOD($C4760,24)+1)/SUM(INDEX($D$3:$AA$30,INDEX(Jesper!$R$2:$R$366,ROW(INDEX(Jesper!AK$2:AK$366,ROUNDDOWN($C4760/24,0)+1,1))-1)+IF('Standard Profiles'!$G$21=$B$10,7,0)+IF('Standard Profiles'!$G$21=$B$17,14,0)+IF('Standard Profiles'!$G$21=$B$24,21,0),0)),0)</f>
        <v>0</v>
      </c>
      <c r="H4760" cm="1">
        <f t="array" ref="H4760">IFERROR(INDEX(Jesper!AL$2:AL$366,ROUNDDOWN($C4760/24,0)+1,1)*INDEX($D$3:$AA$30,INDEX(Jesper!$R$2:$R$366,ROW(INDEX(Jesper!AL$2:AL$366,ROUNDDOWN($C4760/24,0)+1,1))-1)+IF('Standard Profiles'!$G$22=$B$10,7,0)+IF('Standard Profiles'!$G$22=$B$17,14,0)+IF('Standard Profiles'!$G$22=$B$24,21,0),MOD($C4760,24)+1)/SUM(INDEX($D$3:$AA$30,INDEX(Jesper!$R$2:$R$366,ROW(INDEX(Jesper!AL$2:AL$366,ROUNDDOWN($C4760/24,0)+1,1))-1)+IF('Standard Profiles'!$G$22=$B$10,7,0)+IF('Standard Profiles'!$G$22=$B$17,14,0)+IF('Standard Profiles'!$G$22=$B$24,21,0),0)),0)</f>
        <v>0</v>
      </c>
      <c r="I4760">
        <f t="shared" si="531"/>
        <v>0.21972587945235061</v>
      </c>
      <c r="J4760">
        <f t="shared" si="532"/>
        <v>0.73241959817450208</v>
      </c>
      <c r="K4760">
        <f t="shared" si="533"/>
        <v>1.0986293972617531</v>
      </c>
      <c r="L4760">
        <f t="shared" si="534"/>
        <v>5.2734211068564152</v>
      </c>
      <c r="M4760">
        <f t="shared" si="535"/>
        <v>0</v>
      </c>
      <c r="N4760" s="46">
        <f t="shared" si="536"/>
        <v>45488.916666655205</v>
      </c>
    </row>
    <row r="4761" spans="2:14" x14ac:dyDescent="0.3">
      <c r="B4761">
        <f t="shared" si="530"/>
        <v>1</v>
      </c>
      <c r="C4761" s="16">
        <v>4727</v>
      </c>
      <c r="D4761" cm="1">
        <f t="array" ref="D4761">IFERROR(INDEX(Jesper!AH$2:AH$366,ROUNDDOWN($C4761/24,0)+1,1)*INDEX($D$3:$AA$30,INDEX(Jesper!$R$2:$R$366,ROW(INDEX(Jesper!AH$2:AH$366,ROUNDDOWN($C4761/24,0)+1,1))-1)+IF('Standard Profiles'!$G$18=$B$10,7,0)+IF('Standard Profiles'!$G$18=$B$17,14,0)+IF('Standard Profiles'!$G$18=$B$24,21,0),MOD($C4761,24)+1)/SUM(INDEX($D$3:$AA$30,INDEX(Jesper!$R$2:$R$366,ROW(INDEX(Jesper!AH$2:AH$366,ROUNDDOWN($C4761/24,0)+1,1))-1)+IF('Standard Profiles'!$G$18=$B$10,7,0)+IF('Standard Profiles'!$G$18=$B$17,14,0)+IF('Standard Profiles'!$G$18=$B$24,21,0),0)),0)</f>
        <v>7.3241959817450208</v>
      </c>
      <c r="E4761" cm="1">
        <f t="array" ref="E4761">IFERROR(INDEX(Jesper!AI$2:AI$366,ROUNDDOWN($C4761/24,0)+1,1)*INDEX($D$3:$AA$30,INDEX(Jesper!$R$2:$R$366,ROW(INDEX(Jesper!AI$2:AI$366,ROUNDDOWN($C4761/24,0)+1,1))-1)+IF('Standard Profiles'!$G$19=$B$10,7,0)+IF('Standard Profiles'!$G$19=$B$17,14,0)+IF('Standard Profiles'!$G$19=$B$24,21,0),MOD($C4761,24)+1)/SUM(INDEX($D$3:$AA$30,INDEX(Jesper!$R$2:$R$366,ROW(INDEX(Jesper!AI$2:AI$366,ROUNDDOWN($C4761/24,0)+1,1))-1)+IF('Standard Profiles'!$G$19=$B$10,7,0)+IF('Standard Profiles'!$G$19=$B$17,14,0)+IF('Standard Profiles'!$G$19=$B$24,21,0),0)),0)</f>
        <v>0</v>
      </c>
      <c r="F4761" cm="1">
        <f t="array" ref="F4761">IFERROR(INDEX(Jesper!AJ$2:AJ$366,ROUNDDOWN($C4761/24,0)+1,1)*INDEX($D$3:$AA$30,INDEX(Jesper!$R$2:$R$366,ROW(INDEX(Jesper!AJ$2:AJ$366,ROUNDDOWN($C4761/24,0)+1,1))-1)+IF('Standard Profiles'!$G$20=$B$10,7,0)+IF('Standard Profiles'!$G$20=$B$17,14,0)+IF('Standard Profiles'!$G$20=$B$24,21,0),MOD($C4761,24)+1)/SUM(INDEX($D$3:$AA$30,INDEX(Jesper!$R$2:$R$366,ROW(INDEX(Jesper!AJ$2:AJ$366,ROUNDDOWN($C4761/24,0)+1,1))-1)+IF('Standard Profiles'!$G$20=$B$10,7,0)+IF('Standard Profiles'!$G$20=$B$17,14,0)+IF('Standard Profiles'!$G$20=$B$24,21,0),0)),0)</f>
        <v>0</v>
      </c>
      <c r="G4761" cm="1">
        <f t="array" ref="G4761">IFERROR(INDEX(Jesper!AK$2:AK$366,ROUNDDOWN($C4761/24,0)+1,1)*INDEX($D$3:$AA$30,INDEX(Jesper!$R$2:$R$366,ROW(INDEX(Jesper!AK$2:AK$366,ROUNDDOWN($C4761/24,0)+1,1))-1)+IF('Standard Profiles'!$G$21=$B$10,7,0)+IF('Standard Profiles'!$G$21=$B$17,14,0)+IF('Standard Profiles'!$G$21=$B$24,21,0),MOD($C4761,24)+1)/SUM(INDEX($D$3:$AA$30,INDEX(Jesper!$R$2:$R$366,ROW(INDEX(Jesper!AK$2:AK$366,ROUNDDOWN($C4761/24,0)+1,1))-1)+IF('Standard Profiles'!$G$21=$B$10,7,0)+IF('Standard Profiles'!$G$21=$B$17,14,0)+IF('Standard Profiles'!$G$21=$B$24,21,0),0)),0)</f>
        <v>0</v>
      </c>
      <c r="H4761" cm="1">
        <f t="array" ref="H4761">IFERROR(INDEX(Jesper!AL$2:AL$366,ROUNDDOWN($C4761/24,0)+1,1)*INDEX($D$3:$AA$30,INDEX(Jesper!$R$2:$R$366,ROW(INDEX(Jesper!AL$2:AL$366,ROUNDDOWN($C4761/24,0)+1,1))-1)+IF('Standard Profiles'!$G$22=$B$10,7,0)+IF('Standard Profiles'!$G$22=$B$17,14,0)+IF('Standard Profiles'!$G$22=$B$24,21,0),MOD($C4761,24)+1)/SUM(INDEX($D$3:$AA$30,INDEX(Jesper!$R$2:$R$366,ROW(INDEX(Jesper!AL$2:AL$366,ROUNDDOWN($C4761/24,0)+1,1))-1)+IF('Standard Profiles'!$G$22=$B$10,7,0)+IF('Standard Profiles'!$G$22=$B$17,14,0)+IF('Standard Profiles'!$G$22=$B$24,21,0),0)),0)</f>
        <v>0</v>
      </c>
      <c r="I4761">
        <f t="shared" si="531"/>
        <v>0.21972587945235061</v>
      </c>
      <c r="J4761">
        <f t="shared" si="532"/>
        <v>0.73241959817450208</v>
      </c>
      <c r="K4761">
        <f t="shared" si="533"/>
        <v>1.0986293972617531</v>
      </c>
      <c r="L4761">
        <f t="shared" si="534"/>
        <v>5.2734211068564152</v>
      </c>
      <c r="M4761">
        <f t="shared" si="535"/>
        <v>0</v>
      </c>
      <c r="N4761" s="46">
        <f t="shared" si="536"/>
        <v>45488.958333321869</v>
      </c>
    </row>
    <row r="4762" spans="2:14" x14ac:dyDescent="0.3">
      <c r="B4762">
        <f t="shared" si="530"/>
        <v>2</v>
      </c>
      <c r="C4762" s="16">
        <v>4728</v>
      </c>
      <c r="D4762" cm="1">
        <f t="array" ref="D4762">IFERROR(INDEX(Jesper!AH$2:AH$366,ROUNDDOWN($C4762/24,0)+1,1)*INDEX($D$3:$AA$30,INDEX(Jesper!$R$2:$R$366,ROW(INDEX(Jesper!AH$2:AH$366,ROUNDDOWN($C4762/24,0)+1,1))-1)+IF('Standard Profiles'!$G$18=$B$10,7,0)+IF('Standard Profiles'!$G$18=$B$17,14,0)+IF('Standard Profiles'!$G$18=$B$24,21,0),MOD($C4762,24)+1)/SUM(INDEX($D$3:$AA$30,INDEX(Jesper!$R$2:$R$366,ROW(INDEX(Jesper!AH$2:AH$366,ROUNDDOWN($C4762/24,0)+1,1))-1)+IF('Standard Profiles'!$G$18=$B$10,7,0)+IF('Standard Profiles'!$G$18=$B$17,14,0)+IF('Standard Profiles'!$G$18=$B$24,21,0),0)),0)</f>
        <v>6.878263650348047</v>
      </c>
      <c r="E4762" cm="1">
        <f t="array" ref="E4762">IFERROR(INDEX(Jesper!AI$2:AI$366,ROUNDDOWN($C4762/24,0)+1,1)*INDEX($D$3:$AA$30,INDEX(Jesper!$R$2:$R$366,ROW(INDEX(Jesper!AI$2:AI$366,ROUNDDOWN($C4762/24,0)+1,1))-1)+IF('Standard Profiles'!$G$19=$B$10,7,0)+IF('Standard Profiles'!$G$19=$B$17,14,0)+IF('Standard Profiles'!$G$19=$B$24,21,0),MOD($C4762,24)+1)/SUM(INDEX($D$3:$AA$30,INDEX(Jesper!$R$2:$R$366,ROW(INDEX(Jesper!AI$2:AI$366,ROUNDDOWN($C4762/24,0)+1,1))-1)+IF('Standard Profiles'!$G$19=$B$10,7,0)+IF('Standard Profiles'!$G$19=$B$17,14,0)+IF('Standard Profiles'!$G$19=$B$24,21,0),0)),0)</f>
        <v>0</v>
      </c>
      <c r="F4762" cm="1">
        <f t="array" ref="F4762">IFERROR(INDEX(Jesper!AJ$2:AJ$366,ROUNDDOWN($C4762/24,0)+1,1)*INDEX($D$3:$AA$30,INDEX(Jesper!$R$2:$R$366,ROW(INDEX(Jesper!AJ$2:AJ$366,ROUNDDOWN($C4762/24,0)+1,1))-1)+IF('Standard Profiles'!$G$20=$B$10,7,0)+IF('Standard Profiles'!$G$20=$B$17,14,0)+IF('Standard Profiles'!$G$20=$B$24,21,0),MOD($C4762,24)+1)/SUM(INDEX($D$3:$AA$30,INDEX(Jesper!$R$2:$R$366,ROW(INDEX(Jesper!AJ$2:AJ$366,ROUNDDOWN($C4762/24,0)+1,1))-1)+IF('Standard Profiles'!$G$20=$B$10,7,0)+IF('Standard Profiles'!$G$20=$B$17,14,0)+IF('Standard Profiles'!$G$20=$B$24,21,0),0)),0)</f>
        <v>0</v>
      </c>
      <c r="G4762" cm="1">
        <f t="array" ref="G4762">IFERROR(INDEX(Jesper!AK$2:AK$366,ROUNDDOWN($C4762/24,0)+1,1)*INDEX($D$3:$AA$30,INDEX(Jesper!$R$2:$R$366,ROW(INDEX(Jesper!AK$2:AK$366,ROUNDDOWN($C4762/24,0)+1,1))-1)+IF('Standard Profiles'!$G$21=$B$10,7,0)+IF('Standard Profiles'!$G$21=$B$17,14,0)+IF('Standard Profiles'!$G$21=$B$24,21,0),MOD($C4762,24)+1)/SUM(INDEX($D$3:$AA$30,INDEX(Jesper!$R$2:$R$366,ROW(INDEX(Jesper!AK$2:AK$366,ROUNDDOWN($C4762/24,0)+1,1))-1)+IF('Standard Profiles'!$G$21=$B$10,7,0)+IF('Standard Profiles'!$G$21=$B$17,14,0)+IF('Standard Profiles'!$G$21=$B$24,21,0),0)),0)</f>
        <v>0</v>
      </c>
      <c r="H4762" cm="1">
        <f t="array" ref="H4762">IFERROR(INDEX(Jesper!AL$2:AL$366,ROUNDDOWN($C4762/24,0)+1,1)*INDEX($D$3:$AA$30,INDEX(Jesper!$R$2:$R$366,ROW(INDEX(Jesper!AL$2:AL$366,ROUNDDOWN($C4762/24,0)+1,1))-1)+IF('Standard Profiles'!$G$22=$B$10,7,0)+IF('Standard Profiles'!$G$22=$B$17,14,0)+IF('Standard Profiles'!$G$22=$B$24,21,0),MOD($C4762,24)+1)/SUM(INDEX($D$3:$AA$30,INDEX(Jesper!$R$2:$R$366,ROW(INDEX(Jesper!AL$2:AL$366,ROUNDDOWN($C4762/24,0)+1,1))-1)+IF('Standard Profiles'!$G$22=$B$10,7,0)+IF('Standard Profiles'!$G$22=$B$17,14,0)+IF('Standard Profiles'!$G$22=$B$24,21,0),0)),0)</f>
        <v>0</v>
      </c>
      <c r="I4762">
        <f t="shared" si="531"/>
        <v>0.20634790951044141</v>
      </c>
      <c r="J4762">
        <f t="shared" si="532"/>
        <v>0.68782636503480477</v>
      </c>
      <c r="K4762">
        <f t="shared" si="533"/>
        <v>1.0317395475522071</v>
      </c>
      <c r="L4762">
        <f t="shared" si="534"/>
        <v>4.9523498282505933</v>
      </c>
      <c r="M4762">
        <f t="shared" si="535"/>
        <v>0</v>
      </c>
      <c r="N4762" s="46">
        <f t="shared" si="536"/>
        <v>45488.999999988533</v>
      </c>
    </row>
    <row r="4763" spans="2:14" x14ac:dyDescent="0.3">
      <c r="B4763">
        <f t="shared" si="530"/>
        <v>2</v>
      </c>
      <c r="C4763" s="16">
        <v>4729</v>
      </c>
      <c r="D4763" cm="1">
        <f t="array" ref="D4763">IFERROR(INDEX(Jesper!AH$2:AH$366,ROUNDDOWN($C4763/24,0)+1,1)*INDEX($D$3:$AA$30,INDEX(Jesper!$R$2:$R$366,ROW(INDEX(Jesper!AH$2:AH$366,ROUNDDOWN($C4763/24,0)+1,1))-1)+IF('Standard Profiles'!$G$18=$B$10,7,0)+IF('Standard Profiles'!$G$18=$B$17,14,0)+IF('Standard Profiles'!$G$18=$B$24,21,0),MOD($C4763,24)+1)/SUM(INDEX($D$3:$AA$30,INDEX(Jesper!$R$2:$R$366,ROW(INDEX(Jesper!AH$2:AH$366,ROUNDDOWN($C4763/24,0)+1,1))-1)+IF('Standard Profiles'!$G$18=$B$10,7,0)+IF('Standard Profiles'!$G$18=$B$17,14,0)+IF('Standard Profiles'!$G$18=$B$24,21,0),0)),0)</f>
        <v>6.878263650348047</v>
      </c>
      <c r="E4763" cm="1">
        <f t="array" ref="E4763">IFERROR(INDEX(Jesper!AI$2:AI$366,ROUNDDOWN($C4763/24,0)+1,1)*INDEX($D$3:$AA$30,INDEX(Jesper!$R$2:$R$366,ROW(INDEX(Jesper!AI$2:AI$366,ROUNDDOWN($C4763/24,0)+1,1))-1)+IF('Standard Profiles'!$G$19=$B$10,7,0)+IF('Standard Profiles'!$G$19=$B$17,14,0)+IF('Standard Profiles'!$G$19=$B$24,21,0),MOD($C4763,24)+1)/SUM(INDEX($D$3:$AA$30,INDEX(Jesper!$R$2:$R$366,ROW(INDEX(Jesper!AI$2:AI$366,ROUNDDOWN($C4763/24,0)+1,1))-1)+IF('Standard Profiles'!$G$19=$B$10,7,0)+IF('Standard Profiles'!$G$19=$B$17,14,0)+IF('Standard Profiles'!$G$19=$B$24,21,0),0)),0)</f>
        <v>0</v>
      </c>
      <c r="F4763" cm="1">
        <f t="array" ref="F4763">IFERROR(INDEX(Jesper!AJ$2:AJ$366,ROUNDDOWN($C4763/24,0)+1,1)*INDEX($D$3:$AA$30,INDEX(Jesper!$R$2:$R$366,ROW(INDEX(Jesper!AJ$2:AJ$366,ROUNDDOWN($C4763/24,0)+1,1))-1)+IF('Standard Profiles'!$G$20=$B$10,7,0)+IF('Standard Profiles'!$G$20=$B$17,14,0)+IF('Standard Profiles'!$G$20=$B$24,21,0),MOD($C4763,24)+1)/SUM(INDEX($D$3:$AA$30,INDEX(Jesper!$R$2:$R$366,ROW(INDEX(Jesper!AJ$2:AJ$366,ROUNDDOWN($C4763/24,0)+1,1))-1)+IF('Standard Profiles'!$G$20=$B$10,7,0)+IF('Standard Profiles'!$G$20=$B$17,14,0)+IF('Standard Profiles'!$G$20=$B$24,21,0),0)),0)</f>
        <v>0</v>
      </c>
      <c r="G4763" cm="1">
        <f t="array" ref="G4763">IFERROR(INDEX(Jesper!AK$2:AK$366,ROUNDDOWN($C4763/24,0)+1,1)*INDEX($D$3:$AA$30,INDEX(Jesper!$R$2:$R$366,ROW(INDEX(Jesper!AK$2:AK$366,ROUNDDOWN($C4763/24,0)+1,1))-1)+IF('Standard Profiles'!$G$21=$B$10,7,0)+IF('Standard Profiles'!$G$21=$B$17,14,0)+IF('Standard Profiles'!$G$21=$B$24,21,0),MOD($C4763,24)+1)/SUM(INDEX($D$3:$AA$30,INDEX(Jesper!$R$2:$R$366,ROW(INDEX(Jesper!AK$2:AK$366,ROUNDDOWN($C4763/24,0)+1,1))-1)+IF('Standard Profiles'!$G$21=$B$10,7,0)+IF('Standard Profiles'!$G$21=$B$17,14,0)+IF('Standard Profiles'!$G$21=$B$24,21,0),0)),0)</f>
        <v>0</v>
      </c>
      <c r="H4763" cm="1">
        <f t="array" ref="H4763">IFERROR(INDEX(Jesper!AL$2:AL$366,ROUNDDOWN($C4763/24,0)+1,1)*INDEX($D$3:$AA$30,INDEX(Jesper!$R$2:$R$366,ROW(INDEX(Jesper!AL$2:AL$366,ROUNDDOWN($C4763/24,0)+1,1))-1)+IF('Standard Profiles'!$G$22=$B$10,7,0)+IF('Standard Profiles'!$G$22=$B$17,14,0)+IF('Standard Profiles'!$G$22=$B$24,21,0),MOD($C4763,24)+1)/SUM(INDEX($D$3:$AA$30,INDEX(Jesper!$R$2:$R$366,ROW(INDEX(Jesper!AL$2:AL$366,ROUNDDOWN($C4763/24,0)+1,1))-1)+IF('Standard Profiles'!$G$22=$B$10,7,0)+IF('Standard Profiles'!$G$22=$B$17,14,0)+IF('Standard Profiles'!$G$22=$B$24,21,0),0)),0)</f>
        <v>0</v>
      </c>
      <c r="I4763">
        <f t="shared" si="531"/>
        <v>0.20634790951044141</v>
      </c>
      <c r="J4763">
        <f t="shared" si="532"/>
        <v>0.68782636503480477</v>
      </c>
      <c r="K4763">
        <f t="shared" si="533"/>
        <v>1.0317395475522071</v>
      </c>
      <c r="L4763">
        <f t="shared" si="534"/>
        <v>4.9523498282505933</v>
      </c>
      <c r="M4763">
        <f t="shared" si="535"/>
        <v>0</v>
      </c>
      <c r="N4763" s="46">
        <f t="shared" si="536"/>
        <v>45489.041666655197</v>
      </c>
    </row>
    <row r="4764" spans="2:14" x14ac:dyDescent="0.3">
      <c r="B4764">
        <f t="shared" si="530"/>
        <v>2</v>
      </c>
      <c r="C4764" s="16">
        <v>4730</v>
      </c>
      <c r="D4764" cm="1">
        <f t="array" ref="D4764">IFERROR(INDEX(Jesper!AH$2:AH$366,ROUNDDOWN($C4764/24,0)+1,1)*INDEX($D$3:$AA$30,INDEX(Jesper!$R$2:$R$366,ROW(INDEX(Jesper!AH$2:AH$366,ROUNDDOWN($C4764/24,0)+1,1))-1)+IF('Standard Profiles'!$G$18=$B$10,7,0)+IF('Standard Profiles'!$G$18=$B$17,14,0)+IF('Standard Profiles'!$G$18=$B$24,21,0),MOD($C4764,24)+1)/SUM(INDEX($D$3:$AA$30,INDEX(Jesper!$R$2:$R$366,ROW(INDEX(Jesper!AH$2:AH$366,ROUNDDOWN($C4764/24,0)+1,1))-1)+IF('Standard Profiles'!$G$18=$B$10,7,0)+IF('Standard Profiles'!$G$18=$B$17,14,0)+IF('Standard Profiles'!$G$18=$B$24,21,0),0)),0)</f>
        <v>6.878263650348047</v>
      </c>
      <c r="E4764" cm="1">
        <f t="array" ref="E4764">IFERROR(INDEX(Jesper!AI$2:AI$366,ROUNDDOWN($C4764/24,0)+1,1)*INDEX($D$3:$AA$30,INDEX(Jesper!$R$2:$R$366,ROW(INDEX(Jesper!AI$2:AI$366,ROUNDDOWN($C4764/24,0)+1,1))-1)+IF('Standard Profiles'!$G$19=$B$10,7,0)+IF('Standard Profiles'!$G$19=$B$17,14,0)+IF('Standard Profiles'!$G$19=$B$24,21,0),MOD($C4764,24)+1)/SUM(INDEX($D$3:$AA$30,INDEX(Jesper!$R$2:$R$366,ROW(INDEX(Jesper!AI$2:AI$366,ROUNDDOWN($C4764/24,0)+1,1))-1)+IF('Standard Profiles'!$G$19=$B$10,7,0)+IF('Standard Profiles'!$G$19=$B$17,14,0)+IF('Standard Profiles'!$G$19=$B$24,21,0),0)),0)</f>
        <v>0</v>
      </c>
      <c r="F4764" cm="1">
        <f t="array" ref="F4764">IFERROR(INDEX(Jesper!AJ$2:AJ$366,ROUNDDOWN($C4764/24,0)+1,1)*INDEX($D$3:$AA$30,INDEX(Jesper!$R$2:$R$366,ROW(INDEX(Jesper!AJ$2:AJ$366,ROUNDDOWN($C4764/24,0)+1,1))-1)+IF('Standard Profiles'!$G$20=$B$10,7,0)+IF('Standard Profiles'!$G$20=$B$17,14,0)+IF('Standard Profiles'!$G$20=$B$24,21,0),MOD($C4764,24)+1)/SUM(INDEX($D$3:$AA$30,INDEX(Jesper!$R$2:$R$366,ROW(INDEX(Jesper!AJ$2:AJ$366,ROUNDDOWN($C4764/24,0)+1,1))-1)+IF('Standard Profiles'!$G$20=$B$10,7,0)+IF('Standard Profiles'!$G$20=$B$17,14,0)+IF('Standard Profiles'!$G$20=$B$24,21,0),0)),0)</f>
        <v>0</v>
      </c>
      <c r="G4764" cm="1">
        <f t="array" ref="G4764">IFERROR(INDEX(Jesper!AK$2:AK$366,ROUNDDOWN($C4764/24,0)+1,1)*INDEX($D$3:$AA$30,INDEX(Jesper!$R$2:$R$366,ROW(INDEX(Jesper!AK$2:AK$366,ROUNDDOWN($C4764/24,0)+1,1))-1)+IF('Standard Profiles'!$G$21=$B$10,7,0)+IF('Standard Profiles'!$G$21=$B$17,14,0)+IF('Standard Profiles'!$G$21=$B$24,21,0),MOD($C4764,24)+1)/SUM(INDEX($D$3:$AA$30,INDEX(Jesper!$R$2:$R$366,ROW(INDEX(Jesper!AK$2:AK$366,ROUNDDOWN($C4764/24,0)+1,1))-1)+IF('Standard Profiles'!$G$21=$B$10,7,0)+IF('Standard Profiles'!$G$21=$B$17,14,0)+IF('Standard Profiles'!$G$21=$B$24,21,0),0)),0)</f>
        <v>0</v>
      </c>
      <c r="H4764" cm="1">
        <f t="array" ref="H4764">IFERROR(INDEX(Jesper!AL$2:AL$366,ROUNDDOWN($C4764/24,0)+1,1)*INDEX($D$3:$AA$30,INDEX(Jesper!$R$2:$R$366,ROW(INDEX(Jesper!AL$2:AL$366,ROUNDDOWN($C4764/24,0)+1,1))-1)+IF('Standard Profiles'!$G$22=$B$10,7,0)+IF('Standard Profiles'!$G$22=$B$17,14,0)+IF('Standard Profiles'!$G$22=$B$24,21,0),MOD($C4764,24)+1)/SUM(INDEX($D$3:$AA$30,INDEX(Jesper!$R$2:$R$366,ROW(INDEX(Jesper!AL$2:AL$366,ROUNDDOWN($C4764/24,0)+1,1))-1)+IF('Standard Profiles'!$G$22=$B$10,7,0)+IF('Standard Profiles'!$G$22=$B$17,14,0)+IF('Standard Profiles'!$G$22=$B$24,21,0),0)),0)</f>
        <v>0</v>
      </c>
      <c r="I4764">
        <f t="shared" si="531"/>
        <v>0.20634790951044141</v>
      </c>
      <c r="J4764">
        <f t="shared" si="532"/>
        <v>0.68782636503480477</v>
      </c>
      <c r="K4764">
        <f t="shared" si="533"/>
        <v>1.0317395475522071</v>
      </c>
      <c r="L4764">
        <f t="shared" si="534"/>
        <v>4.9523498282505933</v>
      </c>
      <c r="M4764">
        <f t="shared" si="535"/>
        <v>0</v>
      </c>
      <c r="N4764" s="46">
        <f t="shared" si="536"/>
        <v>45489.083333321862</v>
      </c>
    </row>
    <row r="4765" spans="2:14" x14ac:dyDescent="0.3">
      <c r="B4765">
        <f t="shared" si="530"/>
        <v>2</v>
      </c>
      <c r="C4765" s="16">
        <v>4731</v>
      </c>
      <c r="D4765" cm="1">
        <f t="array" ref="D4765">IFERROR(INDEX(Jesper!AH$2:AH$366,ROUNDDOWN($C4765/24,0)+1,1)*INDEX($D$3:$AA$30,INDEX(Jesper!$R$2:$R$366,ROW(INDEX(Jesper!AH$2:AH$366,ROUNDDOWN($C4765/24,0)+1,1))-1)+IF('Standard Profiles'!$G$18=$B$10,7,0)+IF('Standard Profiles'!$G$18=$B$17,14,0)+IF('Standard Profiles'!$G$18=$B$24,21,0),MOD($C4765,24)+1)/SUM(INDEX($D$3:$AA$30,INDEX(Jesper!$R$2:$R$366,ROW(INDEX(Jesper!AH$2:AH$366,ROUNDDOWN($C4765/24,0)+1,1))-1)+IF('Standard Profiles'!$G$18=$B$10,7,0)+IF('Standard Profiles'!$G$18=$B$17,14,0)+IF('Standard Profiles'!$G$18=$B$24,21,0),0)),0)</f>
        <v>6.878263650348047</v>
      </c>
      <c r="E4765" cm="1">
        <f t="array" ref="E4765">IFERROR(INDEX(Jesper!AI$2:AI$366,ROUNDDOWN($C4765/24,0)+1,1)*INDEX($D$3:$AA$30,INDEX(Jesper!$R$2:$R$366,ROW(INDEX(Jesper!AI$2:AI$366,ROUNDDOWN($C4765/24,0)+1,1))-1)+IF('Standard Profiles'!$G$19=$B$10,7,0)+IF('Standard Profiles'!$G$19=$B$17,14,0)+IF('Standard Profiles'!$G$19=$B$24,21,0),MOD($C4765,24)+1)/SUM(INDEX($D$3:$AA$30,INDEX(Jesper!$R$2:$R$366,ROW(INDEX(Jesper!AI$2:AI$366,ROUNDDOWN($C4765/24,0)+1,1))-1)+IF('Standard Profiles'!$G$19=$B$10,7,0)+IF('Standard Profiles'!$G$19=$B$17,14,0)+IF('Standard Profiles'!$G$19=$B$24,21,0),0)),0)</f>
        <v>0</v>
      </c>
      <c r="F4765" cm="1">
        <f t="array" ref="F4765">IFERROR(INDEX(Jesper!AJ$2:AJ$366,ROUNDDOWN($C4765/24,0)+1,1)*INDEX($D$3:$AA$30,INDEX(Jesper!$R$2:$R$366,ROW(INDEX(Jesper!AJ$2:AJ$366,ROUNDDOWN($C4765/24,0)+1,1))-1)+IF('Standard Profiles'!$G$20=$B$10,7,0)+IF('Standard Profiles'!$G$20=$B$17,14,0)+IF('Standard Profiles'!$G$20=$B$24,21,0),MOD($C4765,24)+1)/SUM(INDEX($D$3:$AA$30,INDEX(Jesper!$R$2:$R$366,ROW(INDEX(Jesper!AJ$2:AJ$366,ROUNDDOWN($C4765/24,0)+1,1))-1)+IF('Standard Profiles'!$G$20=$B$10,7,0)+IF('Standard Profiles'!$G$20=$B$17,14,0)+IF('Standard Profiles'!$G$20=$B$24,21,0),0)),0)</f>
        <v>0</v>
      </c>
      <c r="G4765" cm="1">
        <f t="array" ref="G4765">IFERROR(INDEX(Jesper!AK$2:AK$366,ROUNDDOWN($C4765/24,0)+1,1)*INDEX($D$3:$AA$30,INDEX(Jesper!$R$2:$R$366,ROW(INDEX(Jesper!AK$2:AK$366,ROUNDDOWN($C4765/24,0)+1,1))-1)+IF('Standard Profiles'!$G$21=$B$10,7,0)+IF('Standard Profiles'!$G$21=$B$17,14,0)+IF('Standard Profiles'!$G$21=$B$24,21,0),MOD($C4765,24)+1)/SUM(INDEX($D$3:$AA$30,INDEX(Jesper!$R$2:$R$366,ROW(INDEX(Jesper!AK$2:AK$366,ROUNDDOWN($C4765/24,0)+1,1))-1)+IF('Standard Profiles'!$G$21=$B$10,7,0)+IF('Standard Profiles'!$G$21=$B$17,14,0)+IF('Standard Profiles'!$G$21=$B$24,21,0),0)),0)</f>
        <v>0</v>
      </c>
      <c r="H4765" cm="1">
        <f t="array" ref="H4765">IFERROR(INDEX(Jesper!AL$2:AL$366,ROUNDDOWN($C4765/24,0)+1,1)*INDEX($D$3:$AA$30,INDEX(Jesper!$R$2:$R$366,ROW(INDEX(Jesper!AL$2:AL$366,ROUNDDOWN($C4765/24,0)+1,1))-1)+IF('Standard Profiles'!$G$22=$B$10,7,0)+IF('Standard Profiles'!$G$22=$B$17,14,0)+IF('Standard Profiles'!$G$22=$B$24,21,0),MOD($C4765,24)+1)/SUM(INDEX($D$3:$AA$30,INDEX(Jesper!$R$2:$R$366,ROW(INDEX(Jesper!AL$2:AL$366,ROUNDDOWN($C4765/24,0)+1,1))-1)+IF('Standard Profiles'!$G$22=$B$10,7,0)+IF('Standard Profiles'!$G$22=$B$17,14,0)+IF('Standard Profiles'!$G$22=$B$24,21,0),0)),0)</f>
        <v>0</v>
      </c>
      <c r="I4765">
        <f t="shared" si="531"/>
        <v>0.20634790951044141</v>
      </c>
      <c r="J4765">
        <f t="shared" si="532"/>
        <v>0.68782636503480477</v>
      </c>
      <c r="K4765">
        <f t="shared" si="533"/>
        <v>1.0317395475522071</v>
      </c>
      <c r="L4765">
        <f t="shared" si="534"/>
        <v>4.9523498282505933</v>
      </c>
      <c r="M4765">
        <f t="shared" si="535"/>
        <v>0</v>
      </c>
      <c r="N4765" s="46">
        <f t="shared" si="536"/>
        <v>45489.124999988526</v>
      </c>
    </row>
    <row r="4766" spans="2:14" x14ac:dyDescent="0.3">
      <c r="B4766">
        <f t="shared" si="530"/>
        <v>2</v>
      </c>
      <c r="C4766" s="16">
        <v>4732</v>
      </c>
      <c r="D4766" cm="1">
        <f t="array" ref="D4766">IFERROR(INDEX(Jesper!AH$2:AH$366,ROUNDDOWN($C4766/24,0)+1,1)*INDEX($D$3:$AA$30,INDEX(Jesper!$R$2:$R$366,ROW(INDEX(Jesper!AH$2:AH$366,ROUNDDOWN($C4766/24,0)+1,1))-1)+IF('Standard Profiles'!$G$18=$B$10,7,0)+IF('Standard Profiles'!$G$18=$B$17,14,0)+IF('Standard Profiles'!$G$18=$B$24,21,0),MOD($C4766,24)+1)/SUM(INDEX($D$3:$AA$30,INDEX(Jesper!$R$2:$R$366,ROW(INDEX(Jesper!AH$2:AH$366,ROUNDDOWN($C4766/24,0)+1,1))-1)+IF('Standard Profiles'!$G$18=$B$10,7,0)+IF('Standard Profiles'!$G$18=$B$17,14,0)+IF('Standard Profiles'!$G$18=$B$24,21,0),0)),0)</f>
        <v>6.878263650348047</v>
      </c>
      <c r="E4766" cm="1">
        <f t="array" ref="E4766">IFERROR(INDEX(Jesper!AI$2:AI$366,ROUNDDOWN($C4766/24,0)+1,1)*INDEX($D$3:$AA$30,INDEX(Jesper!$R$2:$R$366,ROW(INDEX(Jesper!AI$2:AI$366,ROUNDDOWN($C4766/24,0)+1,1))-1)+IF('Standard Profiles'!$G$19=$B$10,7,0)+IF('Standard Profiles'!$G$19=$B$17,14,0)+IF('Standard Profiles'!$G$19=$B$24,21,0),MOD($C4766,24)+1)/SUM(INDEX($D$3:$AA$30,INDEX(Jesper!$R$2:$R$366,ROW(INDEX(Jesper!AI$2:AI$366,ROUNDDOWN($C4766/24,0)+1,1))-1)+IF('Standard Profiles'!$G$19=$B$10,7,0)+IF('Standard Profiles'!$G$19=$B$17,14,0)+IF('Standard Profiles'!$G$19=$B$24,21,0),0)),0)</f>
        <v>0</v>
      </c>
      <c r="F4766" cm="1">
        <f t="array" ref="F4766">IFERROR(INDEX(Jesper!AJ$2:AJ$366,ROUNDDOWN($C4766/24,0)+1,1)*INDEX($D$3:$AA$30,INDEX(Jesper!$R$2:$R$366,ROW(INDEX(Jesper!AJ$2:AJ$366,ROUNDDOWN($C4766/24,0)+1,1))-1)+IF('Standard Profiles'!$G$20=$B$10,7,0)+IF('Standard Profiles'!$G$20=$B$17,14,0)+IF('Standard Profiles'!$G$20=$B$24,21,0),MOD($C4766,24)+1)/SUM(INDEX($D$3:$AA$30,INDEX(Jesper!$R$2:$R$366,ROW(INDEX(Jesper!AJ$2:AJ$366,ROUNDDOWN($C4766/24,0)+1,1))-1)+IF('Standard Profiles'!$G$20=$B$10,7,0)+IF('Standard Profiles'!$G$20=$B$17,14,0)+IF('Standard Profiles'!$G$20=$B$24,21,0),0)),0)</f>
        <v>0</v>
      </c>
      <c r="G4766" cm="1">
        <f t="array" ref="G4766">IFERROR(INDEX(Jesper!AK$2:AK$366,ROUNDDOWN($C4766/24,0)+1,1)*INDEX($D$3:$AA$30,INDEX(Jesper!$R$2:$R$366,ROW(INDEX(Jesper!AK$2:AK$366,ROUNDDOWN($C4766/24,0)+1,1))-1)+IF('Standard Profiles'!$G$21=$B$10,7,0)+IF('Standard Profiles'!$G$21=$B$17,14,0)+IF('Standard Profiles'!$G$21=$B$24,21,0),MOD($C4766,24)+1)/SUM(INDEX($D$3:$AA$30,INDEX(Jesper!$R$2:$R$366,ROW(INDEX(Jesper!AK$2:AK$366,ROUNDDOWN($C4766/24,0)+1,1))-1)+IF('Standard Profiles'!$G$21=$B$10,7,0)+IF('Standard Profiles'!$G$21=$B$17,14,0)+IF('Standard Profiles'!$G$21=$B$24,21,0),0)),0)</f>
        <v>0</v>
      </c>
      <c r="H4766" cm="1">
        <f t="array" ref="H4766">IFERROR(INDEX(Jesper!AL$2:AL$366,ROUNDDOWN($C4766/24,0)+1,1)*INDEX($D$3:$AA$30,INDEX(Jesper!$R$2:$R$366,ROW(INDEX(Jesper!AL$2:AL$366,ROUNDDOWN($C4766/24,0)+1,1))-1)+IF('Standard Profiles'!$G$22=$B$10,7,0)+IF('Standard Profiles'!$G$22=$B$17,14,0)+IF('Standard Profiles'!$G$22=$B$24,21,0),MOD($C4766,24)+1)/SUM(INDEX($D$3:$AA$30,INDEX(Jesper!$R$2:$R$366,ROW(INDEX(Jesper!AL$2:AL$366,ROUNDDOWN($C4766/24,0)+1,1))-1)+IF('Standard Profiles'!$G$22=$B$10,7,0)+IF('Standard Profiles'!$G$22=$B$17,14,0)+IF('Standard Profiles'!$G$22=$B$24,21,0),0)),0)</f>
        <v>0</v>
      </c>
      <c r="I4766">
        <f t="shared" si="531"/>
        <v>0.20634790951044141</v>
      </c>
      <c r="J4766">
        <f t="shared" si="532"/>
        <v>0.68782636503480477</v>
      </c>
      <c r="K4766">
        <f t="shared" si="533"/>
        <v>1.0317395475522071</v>
      </c>
      <c r="L4766">
        <f t="shared" si="534"/>
        <v>4.9523498282505933</v>
      </c>
      <c r="M4766">
        <f t="shared" si="535"/>
        <v>0</v>
      </c>
      <c r="N4766" s="46">
        <f t="shared" si="536"/>
        <v>45489.16666665519</v>
      </c>
    </row>
    <row r="4767" spans="2:14" x14ac:dyDescent="0.3">
      <c r="B4767">
        <f t="shared" si="530"/>
        <v>2</v>
      </c>
      <c r="C4767" s="16">
        <v>4733</v>
      </c>
      <c r="D4767" cm="1">
        <f t="array" ref="D4767">IFERROR(INDEX(Jesper!AH$2:AH$366,ROUNDDOWN($C4767/24,0)+1,1)*INDEX($D$3:$AA$30,INDEX(Jesper!$R$2:$R$366,ROW(INDEX(Jesper!AH$2:AH$366,ROUNDDOWN($C4767/24,0)+1,1))-1)+IF('Standard Profiles'!$G$18=$B$10,7,0)+IF('Standard Profiles'!$G$18=$B$17,14,0)+IF('Standard Profiles'!$G$18=$B$24,21,0),MOD($C4767,24)+1)/SUM(INDEX($D$3:$AA$30,INDEX(Jesper!$R$2:$R$366,ROW(INDEX(Jesper!AH$2:AH$366,ROUNDDOWN($C4767/24,0)+1,1))-1)+IF('Standard Profiles'!$G$18=$B$10,7,0)+IF('Standard Profiles'!$G$18=$B$17,14,0)+IF('Standard Profiles'!$G$18=$B$24,21,0),0)),0)</f>
        <v>8.9417427454524603</v>
      </c>
      <c r="E4767" cm="1">
        <f t="array" ref="E4767">IFERROR(INDEX(Jesper!AI$2:AI$366,ROUNDDOWN($C4767/24,0)+1,1)*INDEX($D$3:$AA$30,INDEX(Jesper!$R$2:$R$366,ROW(INDEX(Jesper!AI$2:AI$366,ROUNDDOWN($C4767/24,0)+1,1))-1)+IF('Standard Profiles'!$G$19=$B$10,7,0)+IF('Standard Profiles'!$G$19=$B$17,14,0)+IF('Standard Profiles'!$G$19=$B$24,21,0),MOD($C4767,24)+1)/SUM(INDEX($D$3:$AA$30,INDEX(Jesper!$R$2:$R$366,ROW(INDEX(Jesper!AI$2:AI$366,ROUNDDOWN($C4767/24,0)+1,1))-1)+IF('Standard Profiles'!$G$19=$B$10,7,0)+IF('Standard Profiles'!$G$19=$B$17,14,0)+IF('Standard Profiles'!$G$19=$B$24,21,0),0)),0)</f>
        <v>0</v>
      </c>
      <c r="F4767" cm="1">
        <f t="array" ref="F4767">IFERROR(INDEX(Jesper!AJ$2:AJ$366,ROUNDDOWN($C4767/24,0)+1,1)*INDEX($D$3:$AA$30,INDEX(Jesper!$R$2:$R$366,ROW(INDEX(Jesper!AJ$2:AJ$366,ROUNDDOWN($C4767/24,0)+1,1))-1)+IF('Standard Profiles'!$G$20=$B$10,7,0)+IF('Standard Profiles'!$G$20=$B$17,14,0)+IF('Standard Profiles'!$G$20=$B$24,21,0),MOD($C4767,24)+1)/SUM(INDEX($D$3:$AA$30,INDEX(Jesper!$R$2:$R$366,ROW(INDEX(Jesper!AJ$2:AJ$366,ROUNDDOWN($C4767/24,0)+1,1))-1)+IF('Standard Profiles'!$G$20=$B$10,7,0)+IF('Standard Profiles'!$G$20=$B$17,14,0)+IF('Standard Profiles'!$G$20=$B$24,21,0),0)),0)</f>
        <v>0</v>
      </c>
      <c r="G4767" cm="1">
        <f t="array" ref="G4767">IFERROR(INDEX(Jesper!AK$2:AK$366,ROUNDDOWN($C4767/24,0)+1,1)*INDEX($D$3:$AA$30,INDEX(Jesper!$R$2:$R$366,ROW(INDEX(Jesper!AK$2:AK$366,ROUNDDOWN($C4767/24,0)+1,1))-1)+IF('Standard Profiles'!$G$21=$B$10,7,0)+IF('Standard Profiles'!$G$21=$B$17,14,0)+IF('Standard Profiles'!$G$21=$B$24,21,0),MOD($C4767,24)+1)/SUM(INDEX($D$3:$AA$30,INDEX(Jesper!$R$2:$R$366,ROW(INDEX(Jesper!AK$2:AK$366,ROUNDDOWN($C4767/24,0)+1,1))-1)+IF('Standard Profiles'!$G$21=$B$10,7,0)+IF('Standard Profiles'!$G$21=$B$17,14,0)+IF('Standard Profiles'!$G$21=$B$24,21,0),0)),0)</f>
        <v>0</v>
      </c>
      <c r="H4767" cm="1">
        <f t="array" ref="H4767">IFERROR(INDEX(Jesper!AL$2:AL$366,ROUNDDOWN($C4767/24,0)+1,1)*INDEX($D$3:$AA$30,INDEX(Jesper!$R$2:$R$366,ROW(INDEX(Jesper!AL$2:AL$366,ROUNDDOWN($C4767/24,0)+1,1))-1)+IF('Standard Profiles'!$G$22=$B$10,7,0)+IF('Standard Profiles'!$G$22=$B$17,14,0)+IF('Standard Profiles'!$G$22=$B$24,21,0),MOD($C4767,24)+1)/SUM(INDEX($D$3:$AA$30,INDEX(Jesper!$R$2:$R$366,ROW(INDEX(Jesper!AL$2:AL$366,ROUNDDOWN($C4767/24,0)+1,1))-1)+IF('Standard Profiles'!$G$22=$B$10,7,0)+IF('Standard Profiles'!$G$22=$B$17,14,0)+IF('Standard Profiles'!$G$22=$B$24,21,0),0)),0)</f>
        <v>0</v>
      </c>
      <c r="I4767">
        <f t="shared" si="531"/>
        <v>0.26825228236357379</v>
      </c>
      <c r="J4767">
        <f t="shared" si="532"/>
        <v>0.89417427454524612</v>
      </c>
      <c r="K4767">
        <f t="shared" si="533"/>
        <v>1.341261411817869</v>
      </c>
      <c r="L4767">
        <f t="shared" si="534"/>
        <v>6.438054776725771</v>
      </c>
      <c r="M4767">
        <f t="shared" si="535"/>
        <v>0</v>
      </c>
      <c r="N4767" s="46">
        <f t="shared" si="536"/>
        <v>45489.208333321854</v>
      </c>
    </row>
    <row r="4768" spans="2:14" x14ac:dyDescent="0.3">
      <c r="B4768">
        <f t="shared" si="530"/>
        <v>2</v>
      </c>
      <c r="C4768" s="16">
        <v>4734</v>
      </c>
      <c r="D4768" cm="1">
        <f t="array" ref="D4768">IFERROR(INDEX(Jesper!AH$2:AH$366,ROUNDDOWN($C4768/24,0)+1,1)*INDEX($D$3:$AA$30,INDEX(Jesper!$R$2:$R$366,ROW(INDEX(Jesper!AH$2:AH$366,ROUNDDOWN($C4768/24,0)+1,1))-1)+IF('Standard Profiles'!$G$18=$B$10,7,0)+IF('Standard Profiles'!$G$18=$B$17,14,0)+IF('Standard Profiles'!$G$18=$B$24,21,0),MOD($C4768,24)+1)/SUM(INDEX($D$3:$AA$30,INDEX(Jesper!$R$2:$R$366,ROW(INDEX(Jesper!AH$2:AH$366,ROUNDDOWN($C4768/24,0)+1,1))-1)+IF('Standard Profiles'!$G$18=$B$10,7,0)+IF('Standard Profiles'!$G$18=$B$17,14,0)+IF('Standard Profiles'!$G$18=$B$24,21,0),0)),0)</f>
        <v>9.9734822930046683</v>
      </c>
      <c r="E4768" cm="1">
        <f t="array" ref="E4768">IFERROR(INDEX(Jesper!AI$2:AI$366,ROUNDDOWN($C4768/24,0)+1,1)*INDEX($D$3:$AA$30,INDEX(Jesper!$R$2:$R$366,ROW(INDEX(Jesper!AI$2:AI$366,ROUNDDOWN($C4768/24,0)+1,1))-1)+IF('Standard Profiles'!$G$19=$B$10,7,0)+IF('Standard Profiles'!$G$19=$B$17,14,0)+IF('Standard Profiles'!$G$19=$B$24,21,0),MOD($C4768,24)+1)/SUM(INDEX($D$3:$AA$30,INDEX(Jesper!$R$2:$R$366,ROW(INDEX(Jesper!AI$2:AI$366,ROUNDDOWN($C4768/24,0)+1,1))-1)+IF('Standard Profiles'!$G$19=$B$10,7,0)+IF('Standard Profiles'!$G$19=$B$17,14,0)+IF('Standard Profiles'!$G$19=$B$24,21,0),0)),0)</f>
        <v>0</v>
      </c>
      <c r="F4768" cm="1">
        <f t="array" ref="F4768">IFERROR(INDEX(Jesper!AJ$2:AJ$366,ROUNDDOWN($C4768/24,0)+1,1)*INDEX($D$3:$AA$30,INDEX(Jesper!$R$2:$R$366,ROW(INDEX(Jesper!AJ$2:AJ$366,ROUNDDOWN($C4768/24,0)+1,1))-1)+IF('Standard Profiles'!$G$20=$B$10,7,0)+IF('Standard Profiles'!$G$20=$B$17,14,0)+IF('Standard Profiles'!$G$20=$B$24,21,0),MOD($C4768,24)+1)/SUM(INDEX($D$3:$AA$30,INDEX(Jesper!$R$2:$R$366,ROW(INDEX(Jesper!AJ$2:AJ$366,ROUNDDOWN($C4768/24,0)+1,1))-1)+IF('Standard Profiles'!$G$20=$B$10,7,0)+IF('Standard Profiles'!$G$20=$B$17,14,0)+IF('Standard Profiles'!$G$20=$B$24,21,0),0)),0)</f>
        <v>0</v>
      </c>
      <c r="G4768" cm="1">
        <f t="array" ref="G4768">IFERROR(INDEX(Jesper!AK$2:AK$366,ROUNDDOWN($C4768/24,0)+1,1)*INDEX($D$3:$AA$30,INDEX(Jesper!$R$2:$R$366,ROW(INDEX(Jesper!AK$2:AK$366,ROUNDDOWN($C4768/24,0)+1,1))-1)+IF('Standard Profiles'!$G$21=$B$10,7,0)+IF('Standard Profiles'!$G$21=$B$17,14,0)+IF('Standard Profiles'!$G$21=$B$24,21,0),MOD($C4768,24)+1)/SUM(INDEX($D$3:$AA$30,INDEX(Jesper!$R$2:$R$366,ROW(INDEX(Jesper!AK$2:AK$366,ROUNDDOWN($C4768/24,0)+1,1))-1)+IF('Standard Profiles'!$G$21=$B$10,7,0)+IF('Standard Profiles'!$G$21=$B$17,14,0)+IF('Standard Profiles'!$G$21=$B$24,21,0),0)),0)</f>
        <v>0</v>
      </c>
      <c r="H4768" cm="1">
        <f t="array" ref="H4768">IFERROR(INDEX(Jesper!AL$2:AL$366,ROUNDDOWN($C4768/24,0)+1,1)*INDEX($D$3:$AA$30,INDEX(Jesper!$R$2:$R$366,ROW(INDEX(Jesper!AL$2:AL$366,ROUNDDOWN($C4768/24,0)+1,1))-1)+IF('Standard Profiles'!$G$22=$B$10,7,0)+IF('Standard Profiles'!$G$22=$B$17,14,0)+IF('Standard Profiles'!$G$22=$B$24,21,0),MOD($C4768,24)+1)/SUM(INDEX($D$3:$AA$30,INDEX(Jesper!$R$2:$R$366,ROW(INDEX(Jesper!AL$2:AL$366,ROUNDDOWN($C4768/24,0)+1,1))-1)+IF('Standard Profiles'!$G$22=$B$10,7,0)+IF('Standard Profiles'!$G$22=$B$17,14,0)+IF('Standard Profiles'!$G$22=$B$24,21,0),0)),0)</f>
        <v>0</v>
      </c>
      <c r="I4768">
        <f t="shared" si="531"/>
        <v>0.29920446879014001</v>
      </c>
      <c r="J4768">
        <f t="shared" si="532"/>
        <v>0.99734822930046685</v>
      </c>
      <c r="K4768">
        <f t="shared" si="533"/>
        <v>1.4960223439507001</v>
      </c>
      <c r="L4768">
        <f t="shared" si="534"/>
        <v>7.1809072509633607</v>
      </c>
      <c r="M4768">
        <f t="shared" si="535"/>
        <v>0</v>
      </c>
      <c r="N4768" s="46">
        <f t="shared" si="536"/>
        <v>45489.249999988519</v>
      </c>
    </row>
    <row r="4769" spans="2:14" x14ac:dyDescent="0.3">
      <c r="B4769">
        <f t="shared" si="530"/>
        <v>2</v>
      </c>
      <c r="C4769" s="16">
        <v>4735</v>
      </c>
      <c r="D4769" cm="1">
        <f t="array" ref="D4769">IFERROR(INDEX(Jesper!AH$2:AH$366,ROUNDDOWN($C4769/24,0)+1,1)*INDEX($D$3:$AA$30,INDEX(Jesper!$R$2:$R$366,ROW(INDEX(Jesper!AH$2:AH$366,ROUNDDOWN($C4769/24,0)+1,1))-1)+IF('Standard Profiles'!$G$18=$B$10,7,0)+IF('Standard Profiles'!$G$18=$B$17,14,0)+IF('Standard Profiles'!$G$18=$B$24,21,0),MOD($C4769,24)+1)/SUM(INDEX($D$3:$AA$30,INDEX(Jesper!$R$2:$R$366,ROW(INDEX(Jesper!AH$2:AH$366,ROUNDDOWN($C4769/24,0)+1,1))-1)+IF('Standard Profiles'!$G$18=$B$10,7,0)+IF('Standard Profiles'!$G$18=$B$17,14,0)+IF('Standard Profiles'!$G$18=$B$24,21,0),0)),0)</f>
        <v>10.317395475522071</v>
      </c>
      <c r="E4769" cm="1">
        <f t="array" ref="E4769">IFERROR(INDEX(Jesper!AI$2:AI$366,ROUNDDOWN($C4769/24,0)+1,1)*INDEX($D$3:$AA$30,INDEX(Jesper!$R$2:$R$366,ROW(INDEX(Jesper!AI$2:AI$366,ROUNDDOWN($C4769/24,0)+1,1))-1)+IF('Standard Profiles'!$G$19=$B$10,7,0)+IF('Standard Profiles'!$G$19=$B$17,14,0)+IF('Standard Profiles'!$G$19=$B$24,21,0),MOD($C4769,24)+1)/SUM(INDEX($D$3:$AA$30,INDEX(Jesper!$R$2:$R$366,ROW(INDEX(Jesper!AI$2:AI$366,ROUNDDOWN($C4769/24,0)+1,1))-1)+IF('Standard Profiles'!$G$19=$B$10,7,0)+IF('Standard Profiles'!$G$19=$B$17,14,0)+IF('Standard Profiles'!$G$19=$B$24,21,0),0)),0)</f>
        <v>0</v>
      </c>
      <c r="F4769" cm="1">
        <f t="array" ref="F4769">IFERROR(INDEX(Jesper!AJ$2:AJ$366,ROUNDDOWN($C4769/24,0)+1,1)*INDEX($D$3:$AA$30,INDEX(Jesper!$R$2:$R$366,ROW(INDEX(Jesper!AJ$2:AJ$366,ROUNDDOWN($C4769/24,0)+1,1))-1)+IF('Standard Profiles'!$G$20=$B$10,7,0)+IF('Standard Profiles'!$G$20=$B$17,14,0)+IF('Standard Profiles'!$G$20=$B$24,21,0),MOD($C4769,24)+1)/SUM(INDEX($D$3:$AA$30,INDEX(Jesper!$R$2:$R$366,ROW(INDEX(Jesper!AJ$2:AJ$366,ROUNDDOWN($C4769/24,0)+1,1))-1)+IF('Standard Profiles'!$G$20=$B$10,7,0)+IF('Standard Profiles'!$G$20=$B$17,14,0)+IF('Standard Profiles'!$G$20=$B$24,21,0),0)),0)</f>
        <v>0</v>
      </c>
      <c r="G4769" cm="1">
        <f t="array" ref="G4769">IFERROR(INDEX(Jesper!AK$2:AK$366,ROUNDDOWN($C4769/24,0)+1,1)*INDEX($D$3:$AA$30,INDEX(Jesper!$R$2:$R$366,ROW(INDEX(Jesper!AK$2:AK$366,ROUNDDOWN($C4769/24,0)+1,1))-1)+IF('Standard Profiles'!$G$21=$B$10,7,0)+IF('Standard Profiles'!$G$21=$B$17,14,0)+IF('Standard Profiles'!$G$21=$B$24,21,0),MOD($C4769,24)+1)/SUM(INDEX($D$3:$AA$30,INDEX(Jesper!$R$2:$R$366,ROW(INDEX(Jesper!AK$2:AK$366,ROUNDDOWN($C4769/24,0)+1,1))-1)+IF('Standard Profiles'!$G$21=$B$10,7,0)+IF('Standard Profiles'!$G$21=$B$17,14,0)+IF('Standard Profiles'!$G$21=$B$24,21,0),0)),0)</f>
        <v>0</v>
      </c>
      <c r="H4769" cm="1">
        <f t="array" ref="H4769">IFERROR(INDEX(Jesper!AL$2:AL$366,ROUNDDOWN($C4769/24,0)+1,1)*INDEX($D$3:$AA$30,INDEX(Jesper!$R$2:$R$366,ROW(INDEX(Jesper!AL$2:AL$366,ROUNDDOWN($C4769/24,0)+1,1))-1)+IF('Standard Profiles'!$G$22=$B$10,7,0)+IF('Standard Profiles'!$G$22=$B$17,14,0)+IF('Standard Profiles'!$G$22=$B$24,21,0),MOD($C4769,24)+1)/SUM(INDEX($D$3:$AA$30,INDEX(Jesper!$R$2:$R$366,ROW(INDEX(Jesper!AL$2:AL$366,ROUNDDOWN($C4769/24,0)+1,1))-1)+IF('Standard Profiles'!$G$22=$B$10,7,0)+IF('Standard Profiles'!$G$22=$B$17,14,0)+IF('Standard Profiles'!$G$22=$B$24,21,0),0)),0)</f>
        <v>0</v>
      </c>
      <c r="I4769">
        <f t="shared" si="531"/>
        <v>0.30952186426566214</v>
      </c>
      <c r="J4769">
        <f t="shared" si="532"/>
        <v>1.0317395475522071</v>
      </c>
      <c r="K4769">
        <f t="shared" si="533"/>
        <v>1.5476093213283106</v>
      </c>
      <c r="L4769">
        <f t="shared" si="534"/>
        <v>7.4285247423758909</v>
      </c>
      <c r="M4769">
        <f t="shared" si="535"/>
        <v>0</v>
      </c>
      <c r="N4769" s="46">
        <f t="shared" si="536"/>
        <v>45489.291666655183</v>
      </c>
    </row>
    <row r="4770" spans="2:14" x14ac:dyDescent="0.3">
      <c r="B4770">
        <f t="shared" si="530"/>
        <v>2</v>
      </c>
      <c r="C4770" s="16">
        <v>4736</v>
      </c>
      <c r="D4770" cm="1">
        <f t="array" ref="D4770">IFERROR(INDEX(Jesper!AH$2:AH$366,ROUNDDOWN($C4770/24,0)+1,1)*INDEX($D$3:$AA$30,INDEX(Jesper!$R$2:$R$366,ROW(INDEX(Jesper!AH$2:AH$366,ROUNDDOWN($C4770/24,0)+1,1))-1)+IF('Standard Profiles'!$G$18=$B$10,7,0)+IF('Standard Profiles'!$G$18=$B$17,14,0)+IF('Standard Profiles'!$G$18=$B$24,21,0),MOD($C4770,24)+1)/SUM(INDEX($D$3:$AA$30,INDEX(Jesper!$R$2:$R$366,ROW(INDEX(Jesper!AH$2:AH$366,ROUNDDOWN($C4770/24,0)+1,1))-1)+IF('Standard Profiles'!$G$18=$B$10,7,0)+IF('Standard Profiles'!$G$18=$B$17,14,0)+IF('Standard Profiles'!$G$18=$B$24,21,0),0)),0)</f>
        <v>10.317395475522071</v>
      </c>
      <c r="E4770" cm="1">
        <f t="array" ref="E4770">IFERROR(INDEX(Jesper!AI$2:AI$366,ROUNDDOWN($C4770/24,0)+1,1)*INDEX($D$3:$AA$30,INDEX(Jesper!$R$2:$R$366,ROW(INDEX(Jesper!AI$2:AI$366,ROUNDDOWN($C4770/24,0)+1,1))-1)+IF('Standard Profiles'!$G$19=$B$10,7,0)+IF('Standard Profiles'!$G$19=$B$17,14,0)+IF('Standard Profiles'!$G$19=$B$24,21,0),MOD($C4770,24)+1)/SUM(INDEX($D$3:$AA$30,INDEX(Jesper!$R$2:$R$366,ROW(INDEX(Jesper!AI$2:AI$366,ROUNDDOWN($C4770/24,0)+1,1))-1)+IF('Standard Profiles'!$G$19=$B$10,7,0)+IF('Standard Profiles'!$G$19=$B$17,14,0)+IF('Standard Profiles'!$G$19=$B$24,21,0),0)),0)</f>
        <v>0</v>
      </c>
      <c r="F4770" cm="1">
        <f t="array" ref="F4770">IFERROR(INDEX(Jesper!AJ$2:AJ$366,ROUNDDOWN($C4770/24,0)+1,1)*INDEX($D$3:$AA$30,INDEX(Jesper!$R$2:$R$366,ROW(INDEX(Jesper!AJ$2:AJ$366,ROUNDDOWN($C4770/24,0)+1,1))-1)+IF('Standard Profiles'!$G$20=$B$10,7,0)+IF('Standard Profiles'!$G$20=$B$17,14,0)+IF('Standard Profiles'!$G$20=$B$24,21,0),MOD($C4770,24)+1)/SUM(INDEX($D$3:$AA$30,INDEX(Jesper!$R$2:$R$366,ROW(INDEX(Jesper!AJ$2:AJ$366,ROUNDDOWN($C4770/24,0)+1,1))-1)+IF('Standard Profiles'!$G$20=$B$10,7,0)+IF('Standard Profiles'!$G$20=$B$17,14,0)+IF('Standard Profiles'!$G$20=$B$24,21,0),0)),0)</f>
        <v>0</v>
      </c>
      <c r="G4770" cm="1">
        <f t="array" ref="G4770">IFERROR(INDEX(Jesper!AK$2:AK$366,ROUNDDOWN($C4770/24,0)+1,1)*INDEX($D$3:$AA$30,INDEX(Jesper!$R$2:$R$366,ROW(INDEX(Jesper!AK$2:AK$366,ROUNDDOWN($C4770/24,0)+1,1))-1)+IF('Standard Profiles'!$G$21=$B$10,7,0)+IF('Standard Profiles'!$G$21=$B$17,14,0)+IF('Standard Profiles'!$G$21=$B$24,21,0),MOD($C4770,24)+1)/SUM(INDEX($D$3:$AA$30,INDEX(Jesper!$R$2:$R$366,ROW(INDEX(Jesper!AK$2:AK$366,ROUNDDOWN($C4770/24,0)+1,1))-1)+IF('Standard Profiles'!$G$21=$B$10,7,0)+IF('Standard Profiles'!$G$21=$B$17,14,0)+IF('Standard Profiles'!$G$21=$B$24,21,0),0)),0)</f>
        <v>0</v>
      </c>
      <c r="H4770" cm="1">
        <f t="array" ref="H4770">IFERROR(INDEX(Jesper!AL$2:AL$366,ROUNDDOWN($C4770/24,0)+1,1)*INDEX($D$3:$AA$30,INDEX(Jesper!$R$2:$R$366,ROW(INDEX(Jesper!AL$2:AL$366,ROUNDDOWN($C4770/24,0)+1,1))-1)+IF('Standard Profiles'!$G$22=$B$10,7,0)+IF('Standard Profiles'!$G$22=$B$17,14,0)+IF('Standard Profiles'!$G$22=$B$24,21,0),MOD($C4770,24)+1)/SUM(INDEX($D$3:$AA$30,INDEX(Jesper!$R$2:$R$366,ROW(INDEX(Jesper!AL$2:AL$366,ROUNDDOWN($C4770/24,0)+1,1))-1)+IF('Standard Profiles'!$G$22=$B$10,7,0)+IF('Standard Profiles'!$G$22=$B$17,14,0)+IF('Standard Profiles'!$G$22=$B$24,21,0),0)),0)</f>
        <v>0</v>
      </c>
      <c r="I4770">
        <f t="shared" si="531"/>
        <v>0.30952186426566214</v>
      </c>
      <c r="J4770">
        <f t="shared" si="532"/>
        <v>1.0317395475522071</v>
      </c>
      <c r="K4770">
        <f t="shared" si="533"/>
        <v>1.5476093213283106</v>
      </c>
      <c r="L4770">
        <f t="shared" si="534"/>
        <v>7.4285247423758909</v>
      </c>
      <c r="M4770">
        <f t="shared" si="535"/>
        <v>0</v>
      </c>
      <c r="N4770" s="46">
        <f t="shared" si="536"/>
        <v>45489.333333321847</v>
      </c>
    </row>
    <row r="4771" spans="2:14" x14ac:dyDescent="0.3">
      <c r="B4771">
        <f t="shared" ref="B4771:B4834" si="537">WEEKDAY(N4771,2)</f>
        <v>2</v>
      </c>
      <c r="C4771" s="16">
        <v>4737</v>
      </c>
      <c r="D4771" cm="1">
        <f t="array" ref="D4771">IFERROR(INDEX(Jesper!AH$2:AH$366,ROUNDDOWN($C4771/24,0)+1,1)*INDEX($D$3:$AA$30,INDEX(Jesper!$R$2:$R$366,ROW(INDEX(Jesper!AH$2:AH$366,ROUNDDOWN($C4771/24,0)+1,1))-1)+IF('Standard Profiles'!$G$18=$B$10,7,0)+IF('Standard Profiles'!$G$18=$B$17,14,0)+IF('Standard Profiles'!$G$18=$B$24,21,0),MOD($C4771,24)+1)/SUM(INDEX($D$3:$AA$30,INDEX(Jesper!$R$2:$R$366,ROW(INDEX(Jesper!AH$2:AH$366,ROUNDDOWN($C4771/24,0)+1,1))-1)+IF('Standard Profiles'!$G$18=$B$10,7,0)+IF('Standard Profiles'!$G$18=$B$17,14,0)+IF('Standard Profiles'!$G$18=$B$24,21,0),0)),0)</f>
        <v>11.177178431815575</v>
      </c>
      <c r="E4771" cm="1">
        <f t="array" ref="E4771">IFERROR(INDEX(Jesper!AI$2:AI$366,ROUNDDOWN($C4771/24,0)+1,1)*INDEX($D$3:$AA$30,INDEX(Jesper!$R$2:$R$366,ROW(INDEX(Jesper!AI$2:AI$366,ROUNDDOWN($C4771/24,0)+1,1))-1)+IF('Standard Profiles'!$G$19=$B$10,7,0)+IF('Standard Profiles'!$G$19=$B$17,14,0)+IF('Standard Profiles'!$G$19=$B$24,21,0),MOD($C4771,24)+1)/SUM(INDEX($D$3:$AA$30,INDEX(Jesper!$R$2:$R$366,ROW(INDEX(Jesper!AI$2:AI$366,ROUNDDOWN($C4771/24,0)+1,1))-1)+IF('Standard Profiles'!$G$19=$B$10,7,0)+IF('Standard Profiles'!$G$19=$B$17,14,0)+IF('Standard Profiles'!$G$19=$B$24,21,0),0)),0)</f>
        <v>0</v>
      </c>
      <c r="F4771" cm="1">
        <f t="array" ref="F4771">IFERROR(INDEX(Jesper!AJ$2:AJ$366,ROUNDDOWN($C4771/24,0)+1,1)*INDEX($D$3:$AA$30,INDEX(Jesper!$R$2:$R$366,ROW(INDEX(Jesper!AJ$2:AJ$366,ROUNDDOWN($C4771/24,0)+1,1))-1)+IF('Standard Profiles'!$G$20=$B$10,7,0)+IF('Standard Profiles'!$G$20=$B$17,14,0)+IF('Standard Profiles'!$G$20=$B$24,21,0),MOD($C4771,24)+1)/SUM(INDEX($D$3:$AA$30,INDEX(Jesper!$R$2:$R$366,ROW(INDEX(Jesper!AJ$2:AJ$366,ROUNDDOWN($C4771/24,0)+1,1))-1)+IF('Standard Profiles'!$G$20=$B$10,7,0)+IF('Standard Profiles'!$G$20=$B$17,14,0)+IF('Standard Profiles'!$G$20=$B$24,21,0),0)),0)</f>
        <v>0</v>
      </c>
      <c r="G4771" cm="1">
        <f t="array" ref="G4771">IFERROR(INDEX(Jesper!AK$2:AK$366,ROUNDDOWN($C4771/24,0)+1,1)*INDEX($D$3:$AA$30,INDEX(Jesper!$R$2:$R$366,ROW(INDEX(Jesper!AK$2:AK$366,ROUNDDOWN($C4771/24,0)+1,1))-1)+IF('Standard Profiles'!$G$21=$B$10,7,0)+IF('Standard Profiles'!$G$21=$B$17,14,0)+IF('Standard Profiles'!$G$21=$B$24,21,0),MOD($C4771,24)+1)/SUM(INDEX($D$3:$AA$30,INDEX(Jesper!$R$2:$R$366,ROW(INDEX(Jesper!AK$2:AK$366,ROUNDDOWN($C4771/24,0)+1,1))-1)+IF('Standard Profiles'!$G$21=$B$10,7,0)+IF('Standard Profiles'!$G$21=$B$17,14,0)+IF('Standard Profiles'!$G$21=$B$24,21,0),0)),0)</f>
        <v>0</v>
      </c>
      <c r="H4771" cm="1">
        <f t="array" ref="H4771">IFERROR(INDEX(Jesper!AL$2:AL$366,ROUNDDOWN($C4771/24,0)+1,1)*INDEX($D$3:$AA$30,INDEX(Jesper!$R$2:$R$366,ROW(INDEX(Jesper!AL$2:AL$366,ROUNDDOWN($C4771/24,0)+1,1))-1)+IF('Standard Profiles'!$G$22=$B$10,7,0)+IF('Standard Profiles'!$G$22=$B$17,14,0)+IF('Standard Profiles'!$G$22=$B$24,21,0),MOD($C4771,24)+1)/SUM(INDEX($D$3:$AA$30,INDEX(Jesper!$R$2:$R$366,ROW(INDEX(Jesper!AL$2:AL$366,ROUNDDOWN($C4771/24,0)+1,1))-1)+IF('Standard Profiles'!$G$22=$B$10,7,0)+IF('Standard Profiles'!$G$22=$B$17,14,0)+IF('Standard Profiles'!$G$22=$B$24,21,0),0)),0)</f>
        <v>0</v>
      </c>
      <c r="I4771">
        <f t="shared" ref="I4771:I4834" si="538">IF($B4771&lt;6,AC$37*$D4771+AC$38*$E4771+AC$39*$F4771+AC$40*$G4771,AC$46*$D4771+AC$47*$E4771+AC$48*$F4771+AC$49*$G4771+AC$50*$H4771)</f>
        <v>0.33531535295446724</v>
      </c>
      <c r="J4771">
        <f t="shared" ref="J4771:J4834" si="539">IF($B4771&lt;6,AD$37*$D4771+AD$38*$E4771+AD$39*$F4771+AD$40*$G4771,AD$46*$D4771+AD$47*$E4771+AD$48*$F4771+AD$49*$G4771+AD$50*$H4771)</f>
        <v>1.1177178431815575</v>
      </c>
      <c r="K4771">
        <f t="shared" ref="K4771:K4834" si="540">IF($B4771&lt;6,AE$37*$D4771+AE$38*$E4771+AE$39*$F4771+AE$40*$G4771,AE$46*$D4771+AE$47*$E4771+AE$48*$F4771+AE$49*$G4771+AE$50*$H4771)</f>
        <v>1.6765767647723362</v>
      </c>
      <c r="L4771">
        <f t="shared" ref="L4771:L4834" si="541">IF($B4771&lt;6,AF$37*$D4771+AF$38*$E4771+AF$39*$F4771+AF$40*$G4771,AF$46*$D4771+AF$47*$E4771+AF$48*$F4771+AF$49*$G4771+AF$50*$H4771)</f>
        <v>8.0475684709072137</v>
      </c>
      <c r="M4771">
        <f t="shared" ref="M4771:M4834" si="542">IF($B4771&lt;6,AG$37*$D4771+AG$38*$E4771+AG$39*$F4771+AG$40*$G4771,AG$46*$D4771+AG$47*$E4771+AG$48*$F4771+AG$49*$G4771+AG$50*$H4771)</f>
        <v>0</v>
      </c>
      <c r="N4771" s="46">
        <f t="shared" si="536"/>
        <v>45489.374999988511</v>
      </c>
    </row>
    <row r="4772" spans="2:14" x14ac:dyDescent="0.3">
      <c r="B4772">
        <f t="shared" si="537"/>
        <v>2</v>
      </c>
      <c r="C4772" s="16">
        <v>4738</v>
      </c>
      <c r="D4772" cm="1">
        <f t="array" ref="D4772">IFERROR(INDEX(Jesper!AH$2:AH$366,ROUNDDOWN($C4772/24,0)+1,1)*INDEX($D$3:$AA$30,INDEX(Jesper!$R$2:$R$366,ROW(INDEX(Jesper!AH$2:AH$366,ROUNDDOWN($C4772/24,0)+1,1))-1)+IF('Standard Profiles'!$G$18=$B$10,7,0)+IF('Standard Profiles'!$G$18=$B$17,14,0)+IF('Standard Profiles'!$G$18=$B$24,21,0),MOD($C4772,24)+1)/SUM(INDEX($D$3:$AA$30,INDEX(Jesper!$R$2:$R$366,ROW(INDEX(Jesper!AH$2:AH$366,ROUNDDOWN($C4772/24,0)+1,1))-1)+IF('Standard Profiles'!$G$18=$B$10,7,0)+IF('Standard Profiles'!$G$18=$B$17,14,0)+IF('Standard Profiles'!$G$18=$B$24,21,0),0)),0)</f>
        <v>11.693048205591678</v>
      </c>
      <c r="E4772" cm="1">
        <f t="array" ref="E4772">IFERROR(INDEX(Jesper!AI$2:AI$366,ROUNDDOWN($C4772/24,0)+1,1)*INDEX($D$3:$AA$30,INDEX(Jesper!$R$2:$R$366,ROW(INDEX(Jesper!AI$2:AI$366,ROUNDDOWN($C4772/24,0)+1,1))-1)+IF('Standard Profiles'!$G$19=$B$10,7,0)+IF('Standard Profiles'!$G$19=$B$17,14,0)+IF('Standard Profiles'!$G$19=$B$24,21,0),MOD($C4772,24)+1)/SUM(INDEX($D$3:$AA$30,INDEX(Jesper!$R$2:$R$366,ROW(INDEX(Jesper!AI$2:AI$366,ROUNDDOWN($C4772/24,0)+1,1))-1)+IF('Standard Profiles'!$G$19=$B$10,7,0)+IF('Standard Profiles'!$G$19=$B$17,14,0)+IF('Standard Profiles'!$G$19=$B$24,21,0),0)),0)</f>
        <v>0</v>
      </c>
      <c r="F4772" cm="1">
        <f t="array" ref="F4772">IFERROR(INDEX(Jesper!AJ$2:AJ$366,ROUNDDOWN($C4772/24,0)+1,1)*INDEX($D$3:$AA$30,INDEX(Jesper!$R$2:$R$366,ROW(INDEX(Jesper!AJ$2:AJ$366,ROUNDDOWN($C4772/24,0)+1,1))-1)+IF('Standard Profiles'!$G$20=$B$10,7,0)+IF('Standard Profiles'!$G$20=$B$17,14,0)+IF('Standard Profiles'!$G$20=$B$24,21,0),MOD($C4772,24)+1)/SUM(INDEX($D$3:$AA$30,INDEX(Jesper!$R$2:$R$366,ROW(INDEX(Jesper!AJ$2:AJ$366,ROUNDDOWN($C4772/24,0)+1,1))-1)+IF('Standard Profiles'!$G$20=$B$10,7,0)+IF('Standard Profiles'!$G$20=$B$17,14,0)+IF('Standard Profiles'!$G$20=$B$24,21,0),0)),0)</f>
        <v>0</v>
      </c>
      <c r="G4772" cm="1">
        <f t="array" ref="G4772">IFERROR(INDEX(Jesper!AK$2:AK$366,ROUNDDOWN($C4772/24,0)+1,1)*INDEX($D$3:$AA$30,INDEX(Jesper!$R$2:$R$366,ROW(INDEX(Jesper!AK$2:AK$366,ROUNDDOWN($C4772/24,0)+1,1))-1)+IF('Standard Profiles'!$G$21=$B$10,7,0)+IF('Standard Profiles'!$G$21=$B$17,14,0)+IF('Standard Profiles'!$G$21=$B$24,21,0),MOD($C4772,24)+1)/SUM(INDEX($D$3:$AA$30,INDEX(Jesper!$R$2:$R$366,ROW(INDEX(Jesper!AK$2:AK$366,ROUNDDOWN($C4772/24,0)+1,1))-1)+IF('Standard Profiles'!$G$21=$B$10,7,0)+IF('Standard Profiles'!$G$21=$B$17,14,0)+IF('Standard Profiles'!$G$21=$B$24,21,0),0)),0)</f>
        <v>0</v>
      </c>
      <c r="H4772" cm="1">
        <f t="array" ref="H4772">IFERROR(INDEX(Jesper!AL$2:AL$366,ROUNDDOWN($C4772/24,0)+1,1)*INDEX($D$3:$AA$30,INDEX(Jesper!$R$2:$R$366,ROW(INDEX(Jesper!AL$2:AL$366,ROUNDDOWN($C4772/24,0)+1,1))-1)+IF('Standard Profiles'!$G$22=$B$10,7,0)+IF('Standard Profiles'!$G$22=$B$17,14,0)+IF('Standard Profiles'!$G$22=$B$24,21,0),MOD($C4772,24)+1)/SUM(INDEX($D$3:$AA$30,INDEX(Jesper!$R$2:$R$366,ROW(INDEX(Jesper!AL$2:AL$366,ROUNDDOWN($C4772/24,0)+1,1))-1)+IF('Standard Profiles'!$G$22=$B$10,7,0)+IF('Standard Profiles'!$G$22=$B$17,14,0)+IF('Standard Profiles'!$G$22=$B$24,21,0),0)),0)</f>
        <v>0</v>
      </c>
      <c r="I4772">
        <f t="shared" si="538"/>
        <v>0.35079144616775032</v>
      </c>
      <c r="J4772">
        <f t="shared" si="539"/>
        <v>1.1693048205591678</v>
      </c>
      <c r="K4772">
        <f t="shared" si="540"/>
        <v>1.7539572308387517</v>
      </c>
      <c r="L4772">
        <f t="shared" si="541"/>
        <v>8.4189947080260072</v>
      </c>
      <c r="M4772">
        <f t="shared" si="542"/>
        <v>0</v>
      </c>
      <c r="N4772" s="46">
        <f t="shared" ref="N4772:N4835" si="543">N4771+1/24</f>
        <v>45489.416666655176</v>
      </c>
    </row>
    <row r="4773" spans="2:14" x14ac:dyDescent="0.3">
      <c r="B4773">
        <f t="shared" si="537"/>
        <v>2</v>
      </c>
      <c r="C4773" s="16">
        <v>4739</v>
      </c>
      <c r="D4773" cm="1">
        <f t="array" ref="D4773">IFERROR(INDEX(Jesper!AH$2:AH$366,ROUNDDOWN($C4773/24,0)+1,1)*INDEX($D$3:$AA$30,INDEX(Jesper!$R$2:$R$366,ROW(INDEX(Jesper!AH$2:AH$366,ROUNDDOWN($C4773/24,0)+1,1))-1)+IF('Standard Profiles'!$G$18=$B$10,7,0)+IF('Standard Profiles'!$G$18=$B$17,14,0)+IF('Standard Profiles'!$G$18=$B$24,21,0),MOD($C4773,24)+1)/SUM(INDEX($D$3:$AA$30,INDEX(Jesper!$R$2:$R$366,ROW(INDEX(Jesper!AH$2:AH$366,ROUNDDOWN($C4773/24,0)+1,1))-1)+IF('Standard Profiles'!$G$18=$B$10,7,0)+IF('Standard Profiles'!$G$18=$B$17,14,0)+IF('Standard Profiles'!$G$18=$B$24,21,0),0)),0)</f>
        <v>13.756527300696094</v>
      </c>
      <c r="E4773" cm="1">
        <f t="array" ref="E4773">IFERROR(INDEX(Jesper!AI$2:AI$366,ROUNDDOWN($C4773/24,0)+1,1)*INDEX($D$3:$AA$30,INDEX(Jesper!$R$2:$R$366,ROW(INDEX(Jesper!AI$2:AI$366,ROUNDDOWN($C4773/24,0)+1,1))-1)+IF('Standard Profiles'!$G$19=$B$10,7,0)+IF('Standard Profiles'!$G$19=$B$17,14,0)+IF('Standard Profiles'!$G$19=$B$24,21,0),MOD($C4773,24)+1)/SUM(INDEX($D$3:$AA$30,INDEX(Jesper!$R$2:$R$366,ROW(INDEX(Jesper!AI$2:AI$366,ROUNDDOWN($C4773/24,0)+1,1))-1)+IF('Standard Profiles'!$G$19=$B$10,7,0)+IF('Standard Profiles'!$G$19=$B$17,14,0)+IF('Standard Profiles'!$G$19=$B$24,21,0),0)),0)</f>
        <v>0</v>
      </c>
      <c r="F4773" cm="1">
        <f t="array" ref="F4773">IFERROR(INDEX(Jesper!AJ$2:AJ$366,ROUNDDOWN($C4773/24,0)+1,1)*INDEX($D$3:$AA$30,INDEX(Jesper!$R$2:$R$366,ROW(INDEX(Jesper!AJ$2:AJ$366,ROUNDDOWN($C4773/24,0)+1,1))-1)+IF('Standard Profiles'!$G$20=$B$10,7,0)+IF('Standard Profiles'!$G$20=$B$17,14,0)+IF('Standard Profiles'!$G$20=$B$24,21,0),MOD($C4773,24)+1)/SUM(INDEX($D$3:$AA$30,INDEX(Jesper!$R$2:$R$366,ROW(INDEX(Jesper!AJ$2:AJ$366,ROUNDDOWN($C4773/24,0)+1,1))-1)+IF('Standard Profiles'!$G$20=$B$10,7,0)+IF('Standard Profiles'!$G$20=$B$17,14,0)+IF('Standard Profiles'!$G$20=$B$24,21,0),0)),0)</f>
        <v>0</v>
      </c>
      <c r="G4773" cm="1">
        <f t="array" ref="G4773">IFERROR(INDEX(Jesper!AK$2:AK$366,ROUNDDOWN($C4773/24,0)+1,1)*INDEX($D$3:$AA$30,INDEX(Jesper!$R$2:$R$366,ROW(INDEX(Jesper!AK$2:AK$366,ROUNDDOWN($C4773/24,0)+1,1))-1)+IF('Standard Profiles'!$G$21=$B$10,7,0)+IF('Standard Profiles'!$G$21=$B$17,14,0)+IF('Standard Profiles'!$G$21=$B$24,21,0),MOD($C4773,24)+1)/SUM(INDEX($D$3:$AA$30,INDEX(Jesper!$R$2:$R$366,ROW(INDEX(Jesper!AK$2:AK$366,ROUNDDOWN($C4773/24,0)+1,1))-1)+IF('Standard Profiles'!$G$21=$B$10,7,0)+IF('Standard Profiles'!$G$21=$B$17,14,0)+IF('Standard Profiles'!$G$21=$B$24,21,0),0)),0)</f>
        <v>0</v>
      </c>
      <c r="H4773" cm="1">
        <f t="array" ref="H4773">IFERROR(INDEX(Jesper!AL$2:AL$366,ROUNDDOWN($C4773/24,0)+1,1)*INDEX($D$3:$AA$30,INDEX(Jesper!$R$2:$R$366,ROW(INDEX(Jesper!AL$2:AL$366,ROUNDDOWN($C4773/24,0)+1,1))-1)+IF('Standard Profiles'!$G$22=$B$10,7,0)+IF('Standard Profiles'!$G$22=$B$17,14,0)+IF('Standard Profiles'!$G$22=$B$24,21,0),MOD($C4773,24)+1)/SUM(INDEX($D$3:$AA$30,INDEX(Jesper!$R$2:$R$366,ROW(INDEX(Jesper!AL$2:AL$366,ROUNDDOWN($C4773/24,0)+1,1))-1)+IF('Standard Profiles'!$G$22=$B$10,7,0)+IF('Standard Profiles'!$G$22=$B$17,14,0)+IF('Standard Profiles'!$G$22=$B$24,21,0),0)),0)</f>
        <v>0</v>
      </c>
      <c r="I4773">
        <f t="shared" si="538"/>
        <v>0.41269581902088281</v>
      </c>
      <c r="J4773">
        <f t="shared" si="539"/>
        <v>1.3756527300696095</v>
      </c>
      <c r="K4773">
        <f t="shared" si="540"/>
        <v>2.0634790951044142</v>
      </c>
      <c r="L4773">
        <f t="shared" si="541"/>
        <v>9.9046996565011867</v>
      </c>
      <c r="M4773">
        <f t="shared" si="542"/>
        <v>0</v>
      </c>
      <c r="N4773" s="46">
        <f t="shared" si="543"/>
        <v>45489.45833332184</v>
      </c>
    </row>
    <row r="4774" spans="2:14" x14ac:dyDescent="0.3">
      <c r="B4774">
        <f t="shared" si="537"/>
        <v>2</v>
      </c>
      <c r="C4774" s="16">
        <v>4740</v>
      </c>
      <c r="D4774" cm="1">
        <f t="array" ref="D4774">IFERROR(INDEX(Jesper!AH$2:AH$366,ROUNDDOWN($C4774/24,0)+1,1)*INDEX($D$3:$AA$30,INDEX(Jesper!$R$2:$R$366,ROW(INDEX(Jesper!AH$2:AH$366,ROUNDDOWN($C4774/24,0)+1,1))-1)+IF('Standard Profiles'!$G$18=$B$10,7,0)+IF('Standard Profiles'!$G$18=$B$17,14,0)+IF('Standard Profiles'!$G$18=$B$24,21,0),MOD($C4774,24)+1)/SUM(INDEX($D$3:$AA$30,INDEX(Jesper!$R$2:$R$366,ROW(INDEX(Jesper!AH$2:AH$366,ROUNDDOWN($C4774/24,0)+1,1))-1)+IF('Standard Profiles'!$G$18=$B$10,7,0)+IF('Standard Profiles'!$G$18=$B$17,14,0)+IF('Standard Profiles'!$G$18=$B$24,21,0),0)),0)</f>
        <v>13.756527300696094</v>
      </c>
      <c r="E4774" cm="1">
        <f t="array" ref="E4774">IFERROR(INDEX(Jesper!AI$2:AI$366,ROUNDDOWN($C4774/24,0)+1,1)*INDEX($D$3:$AA$30,INDEX(Jesper!$R$2:$R$366,ROW(INDEX(Jesper!AI$2:AI$366,ROUNDDOWN($C4774/24,0)+1,1))-1)+IF('Standard Profiles'!$G$19=$B$10,7,0)+IF('Standard Profiles'!$G$19=$B$17,14,0)+IF('Standard Profiles'!$G$19=$B$24,21,0),MOD($C4774,24)+1)/SUM(INDEX($D$3:$AA$30,INDEX(Jesper!$R$2:$R$366,ROW(INDEX(Jesper!AI$2:AI$366,ROUNDDOWN($C4774/24,0)+1,1))-1)+IF('Standard Profiles'!$G$19=$B$10,7,0)+IF('Standard Profiles'!$G$19=$B$17,14,0)+IF('Standard Profiles'!$G$19=$B$24,21,0),0)),0)</f>
        <v>0</v>
      </c>
      <c r="F4774" cm="1">
        <f t="array" ref="F4774">IFERROR(INDEX(Jesper!AJ$2:AJ$366,ROUNDDOWN($C4774/24,0)+1,1)*INDEX($D$3:$AA$30,INDEX(Jesper!$R$2:$R$366,ROW(INDEX(Jesper!AJ$2:AJ$366,ROUNDDOWN($C4774/24,0)+1,1))-1)+IF('Standard Profiles'!$G$20=$B$10,7,0)+IF('Standard Profiles'!$G$20=$B$17,14,0)+IF('Standard Profiles'!$G$20=$B$24,21,0),MOD($C4774,24)+1)/SUM(INDEX($D$3:$AA$30,INDEX(Jesper!$R$2:$R$366,ROW(INDEX(Jesper!AJ$2:AJ$366,ROUNDDOWN($C4774/24,0)+1,1))-1)+IF('Standard Profiles'!$G$20=$B$10,7,0)+IF('Standard Profiles'!$G$20=$B$17,14,0)+IF('Standard Profiles'!$G$20=$B$24,21,0),0)),0)</f>
        <v>0</v>
      </c>
      <c r="G4774" cm="1">
        <f t="array" ref="G4774">IFERROR(INDEX(Jesper!AK$2:AK$366,ROUNDDOWN($C4774/24,0)+1,1)*INDEX($D$3:$AA$30,INDEX(Jesper!$R$2:$R$366,ROW(INDEX(Jesper!AK$2:AK$366,ROUNDDOWN($C4774/24,0)+1,1))-1)+IF('Standard Profiles'!$G$21=$B$10,7,0)+IF('Standard Profiles'!$G$21=$B$17,14,0)+IF('Standard Profiles'!$G$21=$B$24,21,0),MOD($C4774,24)+1)/SUM(INDEX($D$3:$AA$30,INDEX(Jesper!$R$2:$R$366,ROW(INDEX(Jesper!AK$2:AK$366,ROUNDDOWN($C4774/24,0)+1,1))-1)+IF('Standard Profiles'!$G$21=$B$10,7,0)+IF('Standard Profiles'!$G$21=$B$17,14,0)+IF('Standard Profiles'!$G$21=$B$24,21,0),0)),0)</f>
        <v>0</v>
      </c>
      <c r="H4774" cm="1">
        <f t="array" ref="H4774">IFERROR(INDEX(Jesper!AL$2:AL$366,ROUNDDOWN($C4774/24,0)+1,1)*INDEX($D$3:$AA$30,INDEX(Jesper!$R$2:$R$366,ROW(INDEX(Jesper!AL$2:AL$366,ROUNDDOWN($C4774/24,0)+1,1))-1)+IF('Standard Profiles'!$G$22=$B$10,7,0)+IF('Standard Profiles'!$G$22=$B$17,14,0)+IF('Standard Profiles'!$G$22=$B$24,21,0),MOD($C4774,24)+1)/SUM(INDEX($D$3:$AA$30,INDEX(Jesper!$R$2:$R$366,ROW(INDEX(Jesper!AL$2:AL$366,ROUNDDOWN($C4774/24,0)+1,1))-1)+IF('Standard Profiles'!$G$22=$B$10,7,0)+IF('Standard Profiles'!$G$22=$B$17,14,0)+IF('Standard Profiles'!$G$22=$B$24,21,0),0)),0)</f>
        <v>0</v>
      </c>
      <c r="I4774">
        <f t="shared" si="538"/>
        <v>0.41269581902088281</v>
      </c>
      <c r="J4774">
        <f t="shared" si="539"/>
        <v>1.3756527300696095</v>
      </c>
      <c r="K4774">
        <f t="shared" si="540"/>
        <v>2.0634790951044142</v>
      </c>
      <c r="L4774">
        <f t="shared" si="541"/>
        <v>9.9046996565011867</v>
      </c>
      <c r="M4774">
        <f t="shared" si="542"/>
        <v>0</v>
      </c>
      <c r="N4774" s="46">
        <f t="shared" si="543"/>
        <v>45489.499999988504</v>
      </c>
    </row>
    <row r="4775" spans="2:14" x14ac:dyDescent="0.3">
      <c r="B4775">
        <f t="shared" si="537"/>
        <v>2</v>
      </c>
      <c r="C4775" s="16">
        <v>4741</v>
      </c>
      <c r="D4775" cm="1">
        <f t="array" ref="D4775">IFERROR(INDEX(Jesper!AH$2:AH$366,ROUNDDOWN($C4775/24,0)+1,1)*INDEX($D$3:$AA$30,INDEX(Jesper!$R$2:$R$366,ROW(INDEX(Jesper!AH$2:AH$366,ROUNDDOWN($C4775/24,0)+1,1))-1)+IF('Standard Profiles'!$G$18=$B$10,7,0)+IF('Standard Profiles'!$G$18=$B$17,14,0)+IF('Standard Profiles'!$G$18=$B$24,21,0),MOD($C4775,24)+1)/SUM(INDEX($D$3:$AA$30,INDEX(Jesper!$R$2:$R$366,ROW(INDEX(Jesper!AH$2:AH$366,ROUNDDOWN($C4775/24,0)+1,1))-1)+IF('Standard Profiles'!$G$18=$B$10,7,0)+IF('Standard Profiles'!$G$18=$B$17,14,0)+IF('Standard Profiles'!$G$18=$B$24,21,0),0)),0)</f>
        <v>13.756527300696094</v>
      </c>
      <c r="E4775" cm="1">
        <f t="array" ref="E4775">IFERROR(INDEX(Jesper!AI$2:AI$366,ROUNDDOWN($C4775/24,0)+1,1)*INDEX($D$3:$AA$30,INDEX(Jesper!$R$2:$R$366,ROW(INDEX(Jesper!AI$2:AI$366,ROUNDDOWN($C4775/24,0)+1,1))-1)+IF('Standard Profiles'!$G$19=$B$10,7,0)+IF('Standard Profiles'!$G$19=$B$17,14,0)+IF('Standard Profiles'!$G$19=$B$24,21,0),MOD($C4775,24)+1)/SUM(INDEX($D$3:$AA$30,INDEX(Jesper!$R$2:$R$366,ROW(INDEX(Jesper!AI$2:AI$366,ROUNDDOWN($C4775/24,0)+1,1))-1)+IF('Standard Profiles'!$G$19=$B$10,7,0)+IF('Standard Profiles'!$G$19=$B$17,14,0)+IF('Standard Profiles'!$G$19=$B$24,21,0),0)),0)</f>
        <v>0</v>
      </c>
      <c r="F4775" cm="1">
        <f t="array" ref="F4775">IFERROR(INDEX(Jesper!AJ$2:AJ$366,ROUNDDOWN($C4775/24,0)+1,1)*INDEX($D$3:$AA$30,INDEX(Jesper!$R$2:$R$366,ROW(INDEX(Jesper!AJ$2:AJ$366,ROUNDDOWN($C4775/24,0)+1,1))-1)+IF('Standard Profiles'!$G$20=$B$10,7,0)+IF('Standard Profiles'!$G$20=$B$17,14,0)+IF('Standard Profiles'!$G$20=$B$24,21,0),MOD($C4775,24)+1)/SUM(INDEX($D$3:$AA$30,INDEX(Jesper!$R$2:$R$366,ROW(INDEX(Jesper!AJ$2:AJ$366,ROUNDDOWN($C4775/24,0)+1,1))-1)+IF('Standard Profiles'!$G$20=$B$10,7,0)+IF('Standard Profiles'!$G$20=$B$17,14,0)+IF('Standard Profiles'!$G$20=$B$24,21,0),0)),0)</f>
        <v>0</v>
      </c>
      <c r="G4775" cm="1">
        <f t="array" ref="G4775">IFERROR(INDEX(Jesper!AK$2:AK$366,ROUNDDOWN($C4775/24,0)+1,1)*INDEX($D$3:$AA$30,INDEX(Jesper!$R$2:$R$366,ROW(INDEX(Jesper!AK$2:AK$366,ROUNDDOWN($C4775/24,0)+1,1))-1)+IF('Standard Profiles'!$G$21=$B$10,7,0)+IF('Standard Profiles'!$G$21=$B$17,14,0)+IF('Standard Profiles'!$G$21=$B$24,21,0),MOD($C4775,24)+1)/SUM(INDEX($D$3:$AA$30,INDEX(Jesper!$R$2:$R$366,ROW(INDEX(Jesper!AK$2:AK$366,ROUNDDOWN($C4775/24,0)+1,1))-1)+IF('Standard Profiles'!$G$21=$B$10,7,0)+IF('Standard Profiles'!$G$21=$B$17,14,0)+IF('Standard Profiles'!$G$21=$B$24,21,0),0)),0)</f>
        <v>0</v>
      </c>
      <c r="H4775" cm="1">
        <f t="array" ref="H4775">IFERROR(INDEX(Jesper!AL$2:AL$366,ROUNDDOWN($C4775/24,0)+1,1)*INDEX($D$3:$AA$30,INDEX(Jesper!$R$2:$R$366,ROW(INDEX(Jesper!AL$2:AL$366,ROUNDDOWN($C4775/24,0)+1,1))-1)+IF('Standard Profiles'!$G$22=$B$10,7,0)+IF('Standard Profiles'!$G$22=$B$17,14,0)+IF('Standard Profiles'!$G$22=$B$24,21,0),MOD($C4775,24)+1)/SUM(INDEX($D$3:$AA$30,INDEX(Jesper!$R$2:$R$366,ROW(INDEX(Jesper!AL$2:AL$366,ROUNDDOWN($C4775/24,0)+1,1))-1)+IF('Standard Profiles'!$G$22=$B$10,7,0)+IF('Standard Profiles'!$G$22=$B$17,14,0)+IF('Standard Profiles'!$G$22=$B$24,21,0),0)),0)</f>
        <v>0</v>
      </c>
      <c r="I4775">
        <f t="shared" si="538"/>
        <v>0.41269581902088281</v>
      </c>
      <c r="J4775">
        <f t="shared" si="539"/>
        <v>1.3756527300696095</v>
      </c>
      <c r="K4775">
        <f t="shared" si="540"/>
        <v>2.0634790951044142</v>
      </c>
      <c r="L4775">
        <f t="shared" si="541"/>
        <v>9.9046996565011867</v>
      </c>
      <c r="M4775">
        <f t="shared" si="542"/>
        <v>0</v>
      </c>
      <c r="N4775" s="46">
        <f t="shared" si="543"/>
        <v>45489.541666655168</v>
      </c>
    </row>
    <row r="4776" spans="2:14" x14ac:dyDescent="0.3">
      <c r="B4776">
        <f t="shared" si="537"/>
        <v>2</v>
      </c>
      <c r="C4776" s="16">
        <v>4742</v>
      </c>
      <c r="D4776" cm="1">
        <f t="array" ref="D4776">IFERROR(INDEX(Jesper!AH$2:AH$366,ROUNDDOWN($C4776/24,0)+1,1)*INDEX($D$3:$AA$30,INDEX(Jesper!$R$2:$R$366,ROW(INDEX(Jesper!AH$2:AH$366,ROUNDDOWN($C4776/24,0)+1,1))-1)+IF('Standard Profiles'!$G$18=$B$10,7,0)+IF('Standard Profiles'!$G$18=$B$17,14,0)+IF('Standard Profiles'!$G$18=$B$24,21,0),MOD($C4776,24)+1)/SUM(INDEX($D$3:$AA$30,INDEX(Jesper!$R$2:$R$366,ROW(INDEX(Jesper!AH$2:AH$366,ROUNDDOWN($C4776/24,0)+1,1))-1)+IF('Standard Profiles'!$G$18=$B$10,7,0)+IF('Standard Profiles'!$G$18=$B$17,14,0)+IF('Standard Profiles'!$G$18=$B$24,21,0),0)),0)</f>
        <v>13.756527300696094</v>
      </c>
      <c r="E4776" cm="1">
        <f t="array" ref="E4776">IFERROR(INDEX(Jesper!AI$2:AI$366,ROUNDDOWN($C4776/24,0)+1,1)*INDEX($D$3:$AA$30,INDEX(Jesper!$R$2:$R$366,ROW(INDEX(Jesper!AI$2:AI$366,ROUNDDOWN($C4776/24,0)+1,1))-1)+IF('Standard Profiles'!$G$19=$B$10,7,0)+IF('Standard Profiles'!$G$19=$B$17,14,0)+IF('Standard Profiles'!$G$19=$B$24,21,0),MOD($C4776,24)+1)/SUM(INDEX($D$3:$AA$30,INDEX(Jesper!$R$2:$R$366,ROW(INDEX(Jesper!AI$2:AI$366,ROUNDDOWN($C4776/24,0)+1,1))-1)+IF('Standard Profiles'!$G$19=$B$10,7,0)+IF('Standard Profiles'!$G$19=$B$17,14,0)+IF('Standard Profiles'!$G$19=$B$24,21,0),0)),0)</f>
        <v>0</v>
      </c>
      <c r="F4776" cm="1">
        <f t="array" ref="F4776">IFERROR(INDEX(Jesper!AJ$2:AJ$366,ROUNDDOWN($C4776/24,0)+1,1)*INDEX($D$3:$AA$30,INDEX(Jesper!$R$2:$R$366,ROW(INDEX(Jesper!AJ$2:AJ$366,ROUNDDOWN($C4776/24,0)+1,1))-1)+IF('Standard Profiles'!$G$20=$B$10,7,0)+IF('Standard Profiles'!$G$20=$B$17,14,0)+IF('Standard Profiles'!$G$20=$B$24,21,0),MOD($C4776,24)+1)/SUM(INDEX($D$3:$AA$30,INDEX(Jesper!$R$2:$R$366,ROW(INDEX(Jesper!AJ$2:AJ$366,ROUNDDOWN($C4776/24,0)+1,1))-1)+IF('Standard Profiles'!$G$20=$B$10,7,0)+IF('Standard Profiles'!$G$20=$B$17,14,0)+IF('Standard Profiles'!$G$20=$B$24,21,0),0)),0)</f>
        <v>0</v>
      </c>
      <c r="G4776" cm="1">
        <f t="array" ref="G4776">IFERROR(INDEX(Jesper!AK$2:AK$366,ROUNDDOWN($C4776/24,0)+1,1)*INDEX($D$3:$AA$30,INDEX(Jesper!$R$2:$R$366,ROW(INDEX(Jesper!AK$2:AK$366,ROUNDDOWN($C4776/24,0)+1,1))-1)+IF('Standard Profiles'!$G$21=$B$10,7,0)+IF('Standard Profiles'!$G$21=$B$17,14,0)+IF('Standard Profiles'!$G$21=$B$24,21,0),MOD($C4776,24)+1)/SUM(INDEX($D$3:$AA$30,INDEX(Jesper!$R$2:$R$366,ROW(INDEX(Jesper!AK$2:AK$366,ROUNDDOWN($C4776/24,0)+1,1))-1)+IF('Standard Profiles'!$G$21=$B$10,7,0)+IF('Standard Profiles'!$G$21=$B$17,14,0)+IF('Standard Profiles'!$G$21=$B$24,21,0),0)),0)</f>
        <v>0</v>
      </c>
      <c r="H4776" cm="1">
        <f t="array" ref="H4776">IFERROR(INDEX(Jesper!AL$2:AL$366,ROUNDDOWN($C4776/24,0)+1,1)*INDEX($D$3:$AA$30,INDEX(Jesper!$R$2:$R$366,ROW(INDEX(Jesper!AL$2:AL$366,ROUNDDOWN($C4776/24,0)+1,1))-1)+IF('Standard Profiles'!$G$22=$B$10,7,0)+IF('Standard Profiles'!$G$22=$B$17,14,0)+IF('Standard Profiles'!$G$22=$B$24,21,0),MOD($C4776,24)+1)/SUM(INDEX($D$3:$AA$30,INDEX(Jesper!$R$2:$R$366,ROW(INDEX(Jesper!AL$2:AL$366,ROUNDDOWN($C4776/24,0)+1,1))-1)+IF('Standard Profiles'!$G$22=$B$10,7,0)+IF('Standard Profiles'!$G$22=$B$17,14,0)+IF('Standard Profiles'!$G$22=$B$24,21,0),0)),0)</f>
        <v>0</v>
      </c>
      <c r="I4776">
        <f t="shared" si="538"/>
        <v>0.41269581902088281</v>
      </c>
      <c r="J4776">
        <f t="shared" si="539"/>
        <v>1.3756527300696095</v>
      </c>
      <c r="K4776">
        <f t="shared" si="540"/>
        <v>2.0634790951044142</v>
      </c>
      <c r="L4776">
        <f t="shared" si="541"/>
        <v>9.9046996565011867</v>
      </c>
      <c r="M4776">
        <f t="shared" si="542"/>
        <v>0</v>
      </c>
      <c r="N4776" s="46">
        <f t="shared" si="543"/>
        <v>45489.583333321832</v>
      </c>
    </row>
    <row r="4777" spans="2:14" x14ac:dyDescent="0.3">
      <c r="B4777">
        <f t="shared" si="537"/>
        <v>2</v>
      </c>
      <c r="C4777" s="16">
        <v>4743</v>
      </c>
      <c r="D4777" cm="1">
        <f t="array" ref="D4777">IFERROR(INDEX(Jesper!AH$2:AH$366,ROUNDDOWN($C4777/24,0)+1,1)*INDEX($D$3:$AA$30,INDEX(Jesper!$R$2:$R$366,ROW(INDEX(Jesper!AH$2:AH$366,ROUNDDOWN($C4777/24,0)+1,1))-1)+IF('Standard Profiles'!$G$18=$B$10,7,0)+IF('Standard Profiles'!$G$18=$B$17,14,0)+IF('Standard Profiles'!$G$18=$B$24,21,0),MOD($C4777,24)+1)/SUM(INDEX($D$3:$AA$30,INDEX(Jesper!$R$2:$R$366,ROW(INDEX(Jesper!AH$2:AH$366,ROUNDDOWN($C4777/24,0)+1,1))-1)+IF('Standard Profiles'!$G$18=$B$10,7,0)+IF('Standard Profiles'!$G$18=$B$17,14,0)+IF('Standard Profiles'!$G$18=$B$24,21,0),0)),0)</f>
        <v>13.756527300696094</v>
      </c>
      <c r="E4777" cm="1">
        <f t="array" ref="E4777">IFERROR(INDEX(Jesper!AI$2:AI$366,ROUNDDOWN($C4777/24,0)+1,1)*INDEX($D$3:$AA$30,INDEX(Jesper!$R$2:$R$366,ROW(INDEX(Jesper!AI$2:AI$366,ROUNDDOWN($C4777/24,0)+1,1))-1)+IF('Standard Profiles'!$G$19=$B$10,7,0)+IF('Standard Profiles'!$G$19=$B$17,14,0)+IF('Standard Profiles'!$G$19=$B$24,21,0),MOD($C4777,24)+1)/SUM(INDEX($D$3:$AA$30,INDEX(Jesper!$R$2:$R$366,ROW(INDEX(Jesper!AI$2:AI$366,ROUNDDOWN($C4777/24,0)+1,1))-1)+IF('Standard Profiles'!$G$19=$B$10,7,0)+IF('Standard Profiles'!$G$19=$B$17,14,0)+IF('Standard Profiles'!$G$19=$B$24,21,0),0)),0)</f>
        <v>0</v>
      </c>
      <c r="F4777" cm="1">
        <f t="array" ref="F4777">IFERROR(INDEX(Jesper!AJ$2:AJ$366,ROUNDDOWN($C4777/24,0)+1,1)*INDEX($D$3:$AA$30,INDEX(Jesper!$R$2:$R$366,ROW(INDEX(Jesper!AJ$2:AJ$366,ROUNDDOWN($C4777/24,0)+1,1))-1)+IF('Standard Profiles'!$G$20=$B$10,7,0)+IF('Standard Profiles'!$G$20=$B$17,14,0)+IF('Standard Profiles'!$G$20=$B$24,21,0),MOD($C4777,24)+1)/SUM(INDEX($D$3:$AA$30,INDEX(Jesper!$R$2:$R$366,ROW(INDEX(Jesper!AJ$2:AJ$366,ROUNDDOWN($C4777/24,0)+1,1))-1)+IF('Standard Profiles'!$G$20=$B$10,7,0)+IF('Standard Profiles'!$G$20=$B$17,14,0)+IF('Standard Profiles'!$G$20=$B$24,21,0),0)),0)</f>
        <v>0</v>
      </c>
      <c r="G4777" cm="1">
        <f t="array" ref="G4777">IFERROR(INDEX(Jesper!AK$2:AK$366,ROUNDDOWN($C4777/24,0)+1,1)*INDEX($D$3:$AA$30,INDEX(Jesper!$R$2:$R$366,ROW(INDEX(Jesper!AK$2:AK$366,ROUNDDOWN($C4777/24,0)+1,1))-1)+IF('Standard Profiles'!$G$21=$B$10,7,0)+IF('Standard Profiles'!$G$21=$B$17,14,0)+IF('Standard Profiles'!$G$21=$B$24,21,0),MOD($C4777,24)+1)/SUM(INDEX($D$3:$AA$30,INDEX(Jesper!$R$2:$R$366,ROW(INDEX(Jesper!AK$2:AK$366,ROUNDDOWN($C4777/24,0)+1,1))-1)+IF('Standard Profiles'!$G$21=$B$10,7,0)+IF('Standard Profiles'!$G$21=$B$17,14,0)+IF('Standard Profiles'!$G$21=$B$24,21,0),0)),0)</f>
        <v>0</v>
      </c>
      <c r="H4777" cm="1">
        <f t="array" ref="H4777">IFERROR(INDEX(Jesper!AL$2:AL$366,ROUNDDOWN($C4777/24,0)+1,1)*INDEX($D$3:$AA$30,INDEX(Jesper!$R$2:$R$366,ROW(INDEX(Jesper!AL$2:AL$366,ROUNDDOWN($C4777/24,0)+1,1))-1)+IF('Standard Profiles'!$G$22=$B$10,7,0)+IF('Standard Profiles'!$G$22=$B$17,14,0)+IF('Standard Profiles'!$G$22=$B$24,21,0),MOD($C4777,24)+1)/SUM(INDEX($D$3:$AA$30,INDEX(Jesper!$R$2:$R$366,ROW(INDEX(Jesper!AL$2:AL$366,ROUNDDOWN($C4777/24,0)+1,1))-1)+IF('Standard Profiles'!$G$22=$B$10,7,0)+IF('Standard Profiles'!$G$22=$B$17,14,0)+IF('Standard Profiles'!$G$22=$B$24,21,0),0)),0)</f>
        <v>0</v>
      </c>
      <c r="I4777">
        <f t="shared" si="538"/>
        <v>0.41269581902088281</v>
      </c>
      <c r="J4777">
        <f t="shared" si="539"/>
        <v>1.3756527300696095</v>
      </c>
      <c r="K4777">
        <f t="shared" si="540"/>
        <v>2.0634790951044142</v>
      </c>
      <c r="L4777">
        <f t="shared" si="541"/>
        <v>9.9046996565011867</v>
      </c>
      <c r="M4777">
        <f t="shared" si="542"/>
        <v>0</v>
      </c>
      <c r="N4777" s="46">
        <f t="shared" si="543"/>
        <v>45489.624999988497</v>
      </c>
    </row>
    <row r="4778" spans="2:14" x14ac:dyDescent="0.3">
      <c r="B4778">
        <f t="shared" si="537"/>
        <v>2</v>
      </c>
      <c r="C4778" s="16">
        <v>4744</v>
      </c>
      <c r="D4778" cm="1">
        <f t="array" ref="D4778">IFERROR(INDEX(Jesper!AH$2:AH$366,ROUNDDOWN($C4778/24,0)+1,1)*INDEX($D$3:$AA$30,INDEX(Jesper!$R$2:$R$366,ROW(INDEX(Jesper!AH$2:AH$366,ROUNDDOWN($C4778/24,0)+1,1))-1)+IF('Standard Profiles'!$G$18=$B$10,7,0)+IF('Standard Profiles'!$G$18=$B$17,14,0)+IF('Standard Profiles'!$G$18=$B$24,21,0),MOD($C4778,24)+1)/SUM(INDEX($D$3:$AA$30,INDEX(Jesper!$R$2:$R$366,ROW(INDEX(Jesper!AH$2:AH$366,ROUNDDOWN($C4778/24,0)+1,1))-1)+IF('Standard Profiles'!$G$18=$B$10,7,0)+IF('Standard Profiles'!$G$18=$B$17,14,0)+IF('Standard Profiles'!$G$18=$B$24,21,0),0)),0)</f>
        <v>13.756527300696094</v>
      </c>
      <c r="E4778" cm="1">
        <f t="array" ref="E4778">IFERROR(INDEX(Jesper!AI$2:AI$366,ROUNDDOWN($C4778/24,0)+1,1)*INDEX($D$3:$AA$30,INDEX(Jesper!$R$2:$R$366,ROW(INDEX(Jesper!AI$2:AI$366,ROUNDDOWN($C4778/24,0)+1,1))-1)+IF('Standard Profiles'!$G$19=$B$10,7,0)+IF('Standard Profiles'!$G$19=$B$17,14,0)+IF('Standard Profiles'!$G$19=$B$24,21,0),MOD($C4778,24)+1)/SUM(INDEX($D$3:$AA$30,INDEX(Jesper!$R$2:$R$366,ROW(INDEX(Jesper!AI$2:AI$366,ROUNDDOWN($C4778/24,0)+1,1))-1)+IF('Standard Profiles'!$G$19=$B$10,7,0)+IF('Standard Profiles'!$G$19=$B$17,14,0)+IF('Standard Profiles'!$G$19=$B$24,21,0),0)),0)</f>
        <v>0</v>
      </c>
      <c r="F4778" cm="1">
        <f t="array" ref="F4778">IFERROR(INDEX(Jesper!AJ$2:AJ$366,ROUNDDOWN($C4778/24,0)+1,1)*INDEX($D$3:$AA$30,INDEX(Jesper!$R$2:$R$366,ROW(INDEX(Jesper!AJ$2:AJ$366,ROUNDDOWN($C4778/24,0)+1,1))-1)+IF('Standard Profiles'!$G$20=$B$10,7,0)+IF('Standard Profiles'!$G$20=$B$17,14,0)+IF('Standard Profiles'!$G$20=$B$24,21,0),MOD($C4778,24)+1)/SUM(INDEX($D$3:$AA$30,INDEX(Jesper!$R$2:$R$366,ROW(INDEX(Jesper!AJ$2:AJ$366,ROUNDDOWN($C4778/24,0)+1,1))-1)+IF('Standard Profiles'!$G$20=$B$10,7,0)+IF('Standard Profiles'!$G$20=$B$17,14,0)+IF('Standard Profiles'!$G$20=$B$24,21,0),0)),0)</f>
        <v>0</v>
      </c>
      <c r="G4778" cm="1">
        <f t="array" ref="G4778">IFERROR(INDEX(Jesper!AK$2:AK$366,ROUNDDOWN($C4778/24,0)+1,1)*INDEX($D$3:$AA$30,INDEX(Jesper!$R$2:$R$366,ROW(INDEX(Jesper!AK$2:AK$366,ROUNDDOWN($C4778/24,0)+1,1))-1)+IF('Standard Profiles'!$G$21=$B$10,7,0)+IF('Standard Profiles'!$G$21=$B$17,14,0)+IF('Standard Profiles'!$G$21=$B$24,21,0),MOD($C4778,24)+1)/SUM(INDEX($D$3:$AA$30,INDEX(Jesper!$R$2:$R$366,ROW(INDEX(Jesper!AK$2:AK$366,ROUNDDOWN($C4778/24,0)+1,1))-1)+IF('Standard Profiles'!$G$21=$B$10,7,0)+IF('Standard Profiles'!$G$21=$B$17,14,0)+IF('Standard Profiles'!$G$21=$B$24,21,0),0)),0)</f>
        <v>0</v>
      </c>
      <c r="H4778" cm="1">
        <f t="array" ref="H4778">IFERROR(INDEX(Jesper!AL$2:AL$366,ROUNDDOWN($C4778/24,0)+1,1)*INDEX($D$3:$AA$30,INDEX(Jesper!$R$2:$R$366,ROW(INDEX(Jesper!AL$2:AL$366,ROUNDDOWN($C4778/24,0)+1,1))-1)+IF('Standard Profiles'!$G$22=$B$10,7,0)+IF('Standard Profiles'!$G$22=$B$17,14,0)+IF('Standard Profiles'!$G$22=$B$24,21,0),MOD($C4778,24)+1)/SUM(INDEX($D$3:$AA$30,INDEX(Jesper!$R$2:$R$366,ROW(INDEX(Jesper!AL$2:AL$366,ROUNDDOWN($C4778/24,0)+1,1))-1)+IF('Standard Profiles'!$G$22=$B$10,7,0)+IF('Standard Profiles'!$G$22=$B$17,14,0)+IF('Standard Profiles'!$G$22=$B$24,21,0),0)),0)</f>
        <v>0</v>
      </c>
      <c r="I4778">
        <f t="shared" si="538"/>
        <v>0.41269581902088281</v>
      </c>
      <c r="J4778">
        <f t="shared" si="539"/>
        <v>1.3756527300696095</v>
      </c>
      <c r="K4778">
        <f t="shared" si="540"/>
        <v>2.0634790951044142</v>
      </c>
      <c r="L4778">
        <f t="shared" si="541"/>
        <v>9.9046996565011867</v>
      </c>
      <c r="M4778">
        <f t="shared" si="542"/>
        <v>0</v>
      </c>
      <c r="N4778" s="46">
        <f t="shared" si="543"/>
        <v>45489.666666655161</v>
      </c>
    </row>
    <row r="4779" spans="2:14" x14ac:dyDescent="0.3">
      <c r="B4779">
        <f t="shared" si="537"/>
        <v>2</v>
      </c>
      <c r="C4779" s="16">
        <v>4745</v>
      </c>
      <c r="D4779" cm="1">
        <f t="array" ref="D4779">IFERROR(INDEX(Jesper!AH$2:AH$366,ROUNDDOWN($C4779/24,0)+1,1)*INDEX($D$3:$AA$30,INDEX(Jesper!$R$2:$R$366,ROW(INDEX(Jesper!AH$2:AH$366,ROUNDDOWN($C4779/24,0)+1,1))-1)+IF('Standard Profiles'!$G$18=$B$10,7,0)+IF('Standard Profiles'!$G$18=$B$17,14,0)+IF('Standard Profiles'!$G$18=$B$24,21,0),MOD($C4779,24)+1)/SUM(INDEX($D$3:$AA$30,INDEX(Jesper!$R$2:$R$366,ROW(INDEX(Jesper!AH$2:AH$366,ROUNDDOWN($C4779/24,0)+1,1))-1)+IF('Standard Profiles'!$G$18=$B$10,7,0)+IF('Standard Profiles'!$G$18=$B$17,14,0)+IF('Standard Profiles'!$G$18=$B$24,21,0),0)),0)</f>
        <v>13.756527300696094</v>
      </c>
      <c r="E4779" cm="1">
        <f t="array" ref="E4779">IFERROR(INDEX(Jesper!AI$2:AI$366,ROUNDDOWN($C4779/24,0)+1,1)*INDEX($D$3:$AA$30,INDEX(Jesper!$R$2:$R$366,ROW(INDEX(Jesper!AI$2:AI$366,ROUNDDOWN($C4779/24,0)+1,1))-1)+IF('Standard Profiles'!$G$19=$B$10,7,0)+IF('Standard Profiles'!$G$19=$B$17,14,0)+IF('Standard Profiles'!$G$19=$B$24,21,0),MOD($C4779,24)+1)/SUM(INDEX($D$3:$AA$30,INDEX(Jesper!$R$2:$R$366,ROW(INDEX(Jesper!AI$2:AI$366,ROUNDDOWN($C4779/24,0)+1,1))-1)+IF('Standard Profiles'!$G$19=$B$10,7,0)+IF('Standard Profiles'!$G$19=$B$17,14,0)+IF('Standard Profiles'!$G$19=$B$24,21,0),0)),0)</f>
        <v>0</v>
      </c>
      <c r="F4779" cm="1">
        <f t="array" ref="F4779">IFERROR(INDEX(Jesper!AJ$2:AJ$366,ROUNDDOWN($C4779/24,0)+1,1)*INDEX($D$3:$AA$30,INDEX(Jesper!$R$2:$R$366,ROW(INDEX(Jesper!AJ$2:AJ$366,ROUNDDOWN($C4779/24,0)+1,1))-1)+IF('Standard Profiles'!$G$20=$B$10,7,0)+IF('Standard Profiles'!$G$20=$B$17,14,0)+IF('Standard Profiles'!$G$20=$B$24,21,0),MOD($C4779,24)+1)/SUM(INDEX($D$3:$AA$30,INDEX(Jesper!$R$2:$R$366,ROW(INDEX(Jesper!AJ$2:AJ$366,ROUNDDOWN($C4779/24,0)+1,1))-1)+IF('Standard Profiles'!$G$20=$B$10,7,0)+IF('Standard Profiles'!$G$20=$B$17,14,0)+IF('Standard Profiles'!$G$20=$B$24,21,0),0)),0)</f>
        <v>0</v>
      </c>
      <c r="G4779" cm="1">
        <f t="array" ref="G4779">IFERROR(INDEX(Jesper!AK$2:AK$366,ROUNDDOWN($C4779/24,0)+1,1)*INDEX($D$3:$AA$30,INDEX(Jesper!$R$2:$R$366,ROW(INDEX(Jesper!AK$2:AK$366,ROUNDDOWN($C4779/24,0)+1,1))-1)+IF('Standard Profiles'!$G$21=$B$10,7,0)+IF('Standard Profiles'!$G$21=$B$17,14,0)+IF('Standard Profiles'!$G$21=$B$24,21,0),MOD($C4779,24)+1)/SUM(INDEX($D$3:$AA$30,INDEX(Jesper!$R$2:$R$366,ROW(INDEX(Jesper!AK$2:AK$366,ROUNDDOWN($C4779/24,0)+1,1))-1)+IF('Standard Profiles'!$G$21=$B$10,7,0)+IF('Standard Profiles'!$G$21=$B$17,14,0)+IF('Standard Profiles'!$G$21=$B$24,21,0),0)),0)</f>
        <v>0</v>
      </c>
      <c r="H4779" cm="1">
        <f t="array" ref="H4779">IFERROR(INDEX(Jesper!AL$2:AL$366,ROUNDDOWN($C4779/24,0)+1,1)*INDEX($D$3:$AA$30,INDEX(Jesper!$R$2:$R$366,ROW(INDEX(Jesper!AL$2:AL$366,ROUNDDOWN($C4779/24,0)+1,1))-1)+IF('Standard Profiles'!$G$22=$B$10,7,0)+IF('Standard Profiles'!$G$22=$B$17,14,0)+IF('Standard Profiles'!$G$22=$B$24,21,0),MOD($C4779,24)+1)/SUM(INDEX($D$3:$AA$30,INDEX(Jesper!$R$2:$R$366,ROW(INDEX(Jesper!AL$2:AL$366,ROUNDDOWN($C4779/24,0)+1,1))-1)+IF('Standard Profiles'!$G$22=$B$10,7,0)+IF('Standard Profiles'!$G$22=$B$17,14,0)+IF('Standard Profiles'!$G$22=$B$24,21,0),0)),0)</f>
        <v>0</v>
      </c>
      <c r="I4779">
        <f t="shared" si="538"/>
        <v>0.41269581902088281</v>
      </c>
      <c r="J4779">
        <f t="shared" si="539"/>
        <v>1.3756527300696095</v>
      </c>
      <c r="K4779">
        <f t="shared" si="540"/>
        <v>2.0634790951044142</v>
      </c>
      <c r="L4779">
        <f t="shared" si="541"/>
        <v>9.9046996565011867</v>
      </c>
      <c r="M4779">
        <f t="shared" si="542"/>
        <v>0</v>
      </c>
      <c r="N4779" s="46">
        <f t="shared" si="543"/>
        <v>45489.708333321825</v>
      </c>
    </row>
    <row r="4780" spans="2:14" x14ac:dyDescent="0.3">
      <c r="B4780">
        <f t="shared" si="537"/>
        <v>2</v>
      </c>
      <c r="C4780" s="16">
        <v>4746</v>
      </c>
      <c r="D4780" cm="1">
        <f t="array" ref="D4780">IFERROR(INDEX(Jesper!AH$2:AH$366,ROUNDDOWN($C4780/24,0)+1,1)*INDEX($D$3:$AA$30,INDEX(Jesper!$R$2:$R$366,ROW(INDEX(Jesper!AH$2:AH$366,ROUNDDOWN($C4780/24,0)+1,1))-1)+IF('Standard Profiles'!$G$18=$B$10,7,0)+IF('Standard Profiles'!$G$18=$B$17,14,0)+IF('Standard Profiles'!$G$18=$B$24,21,0),MOD($C4780,24)+1)/SUM(INDEX($D$3:$AA$30,INDEX(Jesper!$R$2:$R$366,ROW(INDEX(Jesper!AH$2:AH$366,ROUNDDOWN($C4780/24,0)+1,1))-1)+IF('Standard Profiles'!$G$18=$B$10,7,0)+IF('Standard Profiles'!$G$18=$B$17,14,0)+IF('Standard Profiles'!$G$18=$B$24,21,0),0)),0)</f>
        <v>13.756527300696094</v>
      </c>
      <c r="E4780" cm="1">
        <f t="array" ref="E4780">IFERROR(INDEX(Jesper!AI$2:AI$366,ROUNDDOWN($C4780/24,0)+1,1)*INDEX($D$3:$AA$30,INDEX(Jesper!$R$2:$R$366,ROW(INDEX(Jesper!AI$2:AI$366,ROUNDDOWN($C4780/24,0)+1,1))-1)+IF('Standard Profiles'!$G$19=$B$10,7,0)+IF('Standard Profiles'!$G$19=$B$17,14,0)+IF('Standard Profiles'!$G$19=$B$24,21,0),MOD($C4780,24)+1)/SUM(INDEX($D$3:$AA$30,INDEX(Jesper!$R$2:$R$366,ROW(INDEX(Jesper!AI$2:AI$366,ROUNDDOWN($C4780/24,0)+1,1))-1)+IF('Standard Profiles'!$G$19=$B$10,7,0)+IF('Standard Profiles'!$G$19=$B$17,14,0)+IF('Standard Profiles'!$G$19=$B$24,21,0),0)),0)</f>
        <v>0</v>
      </c>
      <c r="F4780" cm="1">
        <f t="array" ref="F4780">IFERROR(INDEX(Jesper!AJ$2:AJ$366,ROUNDDOWN($C4780/24,0)+1,1)*INDEX($D$3:$AA$30,INDEX(Jesper!$R$2:$R$366,ROW(INDEX(Jesper!AJ$2:AJ$366,ROUNDDOWN($C4780/24,0)+1,1))-1)+IF('Standard Profiles'!$G$20=$B$10,7,0)+IF('Standard Profiles'!$G$20=$B$17,14,0)+IF('Standard Profiles'!$G$20=$B$24,21,0),MOD($C4780,24)+1)/SUM(INDEX($D$3:$AA$30,INDEX(Jesper!$R$2:$R$366,ROW(INDEX(Jesper!AJ$2:AJ$366,ROUNDDOWN($C4780/24,0)+1,1))-1)+IF('Standard Profiles'!$G$20=$B$10,7,0)+IF('Standard Profiles'!$G$20=$B$17,14,0)+IF('Standard Profiles'!$G$20=$B$24,21,0),0)),0)</f>
        <v>0</v>
      </c>
      <c r="G4780" cm="1">
        <f t="array" ref="G4780">IFERROR(INDEX(Jesper!AK$2:AK$366,ROUNDDOWN($C4780/24,0)+1,1)*INDEX($D$3:$AA$30,INDEX(Jesper!$R$2:$R$366,ROW(INDEX(Jesper!AK$2:AK$366,ROUNDDOWN($C4780/24,0)+1,1))-1)+IF('Standard Profiles'!$G$21=$B$10,7,0)+IF('Standard Profiles'!$G$21=$B$17,14,0)+IF('Standard Profiles'!$G$21=$B$24,21,0),MOD($C4780,24)+1)/SUM(INDEX($D$3:$AA$30,INDEX(Jesper!$R$2:$R$366,ROW(INDEX(Jesper!AK$2:AK$366,ROUNDDOWN($C4780/24,0)+1,1))-1)+IF('Standard Profiles'!$G$21=$B$10,7,0)+IF('Standard Profiles'!$G$21=$B$17,14,0)+IF('Standard Profiles'!$G$21=$B$24,21,0),0)),0)</f>
        <v>0</v>
      </c>
      <c r="H4780" cm="1">
        <f t="array" ref="H4780">IFERROR(INDEX(Jesper!AL$2:AL$366,ROUNDDOWN($C4780/24,0)+1,1)*INDEX($D$3:$AA$30,INDEX(Jesper!$R$2:$R$366,ROW(INDEX(Jesper!AL$2:AL$366,ROUNDDOWN($C4780/24,0)+1,1))-1)+IF('Standard Profiles'!$G$22=$B$10,7,0)+IF('Standard Profiles'!$G$22=$B$17,14,0)+IF('Standard Profiles'!$G$22=$B$24,21,0),MOD($C4780,24)+1)/SUM(INDEX($D$3:$AA$30,INDEX(Jesper!$R$2:$R$366,ROW(INDEX(Jesper!AL$2:AL$366,ROUNDDOWN($C4780/24,0)+1,1))-1)+IF('Standard Profiles'!$G$22=$B$10,7,0)+IF('Standard Profiles'!$G$22=$B$17,14,0)+IF('Standard Profiles'!$G$22=$B$24,21,0),0)),0)</f>
        <v>0</v>
      </c>
      <c r="I4780">
        <f t="shared" si="538"/>
        <v>0.41269581902088281</v>
      </c>
      <c r="J4780">
        <f t="shared" si="539"/>
        <v>1.3756527300696095</v>
      </c>
      <c r="K4780">
        <f t="shared" si="540"/>
        <v>2.0634790951044142</v>
      </c>
      <c r="L4780">
        <f t="shared" si="541"/>
        <v>9.9046996565011867</v>
      </c>
      <c r="M4780">
        <f t="shared" si="542"/>
        <v>0</v>
      </c>
      <c r="N4780" s="46">
        <f t="shared" si="543"/>
        <v>45489.749999988489</v>
      </c>
    </row>
    <row r="4781" spans="2:14" x14ac:dyDescent="0.3">
      <c r="B4781">
        <f t="shared" si="537"/>
        <v>2</v>
      </c>
      <c r="C4781" s="16">
        <v>4747</v>
      </c>
      <c r="D4781" cm="1">
        <f t="array" ref="D4781">IFERROR(INDEX(Jesper!AH$2:AH$366,ROUNDDOWN($C4781/24,0)+1,1)*INDEX($D$3:$AA$30,INDEX(Jesper!$R$2:$R$366,ROW(INDEX(Jesper!AH$2:AH$366,ROUNDDOWN($C4781/24,0)+1,1))-1)+IF('Standard Profiles'!$G$18=$B$10,7,0)+IF('Standard Profiles'!$G$18=$B$17,14,0)+IF('Standard Profiles'!$G$18=$B$24,21,0),MOD($C4781,24)+1)/SUM(INDEX($D$3:$AA$30,INDEX(Jesper!$R$2:$R$366,ROW(INDEX(Jesper!AH$2:AH$366,ROUNDDOWN($C4781/24,0)+1,1))-1)+IF('Standard Profiles'!$G$18=$B$10,7,0)+IF('Standard Profiles'!$G$18=$B$17,14,0)+IF('Standard Profiles'!$G$18=$B$24,21,0),0)),0)</f>
        <v>11.521091614332979</v>
      </c>
      <c r="E4781" cm="1">
        <f t="array" ref="E4781">IFERROR(INDEX(Jesper!AI$2:AI$366,ROUNDDOWN($C4781/24,0)+1,1)*INDEX($D$3:$AA$30,INDEX(Jesper!$R$2:$R$366,ROW(INDEX(Jesper!AI$2:AI$366,ROUNDDOWN($C4781/24,0)+1,1))-1)+IF('Standard Profiles'!$G$19=$B$10,7,0)+IF('Standard Profiles'!$G$19=$B$17,14,0)+IF('Standard Profiles'!$G$19=$B$24,21,0),MOD($C4781,24)+1)/SUM(INDEX($D$3:$AA$30,INDEX(Jesper!$R$2:$R$366,ROW(INDEX(Jesper!AI$2:AI$366,ROUNDDOWN($C4781/24,0)+1,1))-1)+IF('Standard Profiles'!$G$19=$B$10,7,0)+IF('Standard Profiles'!$G$19=$B$17,14,0)+IF('Standard Profiles'!$G$19=$B$24,21,0),0)),0)</f>
        <v>0</v>
      </c>
      <c r="F4781" cm="1">
        <f t="array" ref="F4781">IFERROR(INDEX(Jesper!AJ$2:AJ$366,ROUNDDOWN($C4781/24,0)+1,1)*INDEX($D$3:$AA$30,INDEX(Jesper!$R$2:$R$366,ROW(INDEX(Jesper!AJ$2:AJ$366,ROUNDDOWN($C4781/24,0)+1,1))-1)+IF('Standard Profiles'!$G$20=$B$10,7,0)+IF('Standard Profiles'!$G$20=$B$17,14,0)+IF('Standard Profiles'!$G$20=$B$24,21,0),MOD($C4781,24)+1)/SUM(INDEX($D$3:$AA$30,INDEX(Jesper!$R$2:$R$366,ROW(INDEX(Jesper!AJ$2:AJ$366,ROUNDDOWN($C4781/24,0)+1,1))-1)+IF('Standard Profiles'!$G$20=$B$10,7,0)+IF('Standard Profiles'!$G$20=$B$17,14,0)+IF('Standard Profiles'!$G$20=$B$24,21,0),0)),0)</f>
        <v>0</v>
      </c>
      <c r="G4781" cm="1">
        <f t="array" ref="G4781">IFERROR(INDEX(Jesper!AK$2:AK$366,ROUNDDOWN($C4781/24,0)+1,1)*INDEX($D$3:$AA$30,INDEX(Jesper!$R$2:$R$366,ROW(INDEX(Jesper!AK$2:AK$366,ROUNDDOWN($C4781/24,0)+1,1))-1)+IF('Standard Profiles'!$G$21=$B$10,7,0)+IF('Standard Profiles'!$G$21=$B$17,14,0)+IF('Standard Profiles'!$G$21=$B$24,21,0),MOD($C4781,24)+1)/SUM(INDEX($D$3:$AA$30,INDEX(Jesper!$R$2:$R$366,ROW(INDEX(Jesper!AK$2:AK$366,ROUNDDOWN($C4781/24,0)+1,1))-1)+IF('Standard Profiles'!$G$21=$B$10,7,0)+IF('Standard Profiles'!$G$21=$B$17,14,0)+IF('Standard Profiles'!$G$21=$B$24,21,0),0)),0)</f>
        <v>0</v>
      </c>
      <c r="H4781" cm="1">
        <f t="array" ref="H4781">IFERROR(INDEX(Jesper!AL$2:AL$366,ROUNDDOWN($C4781/24,0)+1,1)*INDEX($D$3:$AA$30,INDEX(Jesper!$R$2:$R$366,ROW(INDEX(Jesper!AL$2:AL$366,ROUNDDOWN($C4781/24,0)+1,1))-1)+IF('Standard Profiles'!$G$22=$B$10,7,0)+IF('Standard Profiles'!$G$22=$B$17,14,0)+IF('Standard Profiles'!$G$22=$B$24,21,0),MOD($C4781,24)+1)/SUM(INDEX($D$3:$AA$30,INDEX(Jesper!$R$2:$R$366,ROW(INDEX(Jesper!AL$2:AL$366,ROUNDDOWN($C4781/24,0)+1,1))-1)+IF('Standard Profiles'!$G$22=$B$10,7,0)+IF('Standard Profiles'!$G$22=$B$17,14,0)+IF('Standard Profiles'!$G$22=$B$24,21,0),0)),0)</f>
        <v>0</v>
      </c>
      <c r="I4781">
        <f t="shared" si="538"/>
        <v>0.34563274842998937</v>
      </c>
      <c r="J4781">
        <f t="shared" si="539"/>
        <v>1.1521091614332979</v>
      </c>
      <c r="K4781">
        <f t="shared" si="540"/>
        <v>1.7281637421499469</v>
      </c>
      <c r="L4781">
        <f t="shared" si="541"/>
        <v>8.2951859623197457</v>
      </c>
      <c r="M4781">
        <f t="shared" si="542"/>
        <v>0</v>
      </c>
      <c r="N4781" s="46">
        <f t="shared" si="543"/>
        <v>45489.791666655154</v>
      </c>
    </row>
    <row r="4782" spans="2:14" x14ac:dyDescent="0.3">
      <c r="B4782">
        <f t="shared" si="537"/>
        <v>2</v>
      </c>
      <c r="C4782" s="16">
        <v>4748</v>
      </c>
      <c r="D4782" cm="1">
        <f t="array" ref="D4782">IFERROR(INDEX(Jesper!AH$2:AH$366,ROUNDDOWN($C4782/24,0)+1,1)*INDEX($D$3:$AA$30,INDEX(Jesper!$R$2:$R$366,ROW(INDEX(Jesper!AH$2:AH$366,ROUNDDOWN($C4782/24,0)+1,1))-1)+IF('Standard Profiles'!$G$18=$B$10,7,0)+IF('Standard Profiles'!$G$18=$B$17,14,0)+IF('Standard Profiles'!$G$18=$B$24,21,0),MOD($C4782,24)+1)/SUM(INDEX($D$3:$AA$30,INDEX(Jesper!$R$2:$R$366,ROW(INDEX(Jesper!AH$2:AH$366,ROUNDDOWN($C4782/24,0)+1,1))-1)+IF('Standard Profiles'!$G$18=$B$10,7,0)+IF('Standard Profiles'!$G$18=$B$17,14,0)+IF('Standard Profiles'!$G$18=$B$24,21,0),0)),0)</f>
        <v>9.4576125192285634</v>
      </c>
      <c r="E4782" cm="1">
        <f t="array" ref="E4782">IFERROR(INDEX(Jesper!AI$2:AI$366,ROUNDDOWN($C4782/24,0)+1,1)*INDEX($D$3:$AA$30,INDEX(Jesper!$R$2:$R$366,ROW(INDEX(Jesper!AI$2:AI$366,ROUNDDOWN($C4782/24,0)+1,1))-1)+IF('Standard Profiles'!$G$19=$B$10,7,0)+IF('Standard Profiles'!$G$19=$B$17,14,0)+IF('Standard Profiles'!$G$19=$B$24,21,0),MOD($C4782,24)+1)/SUM(INDEX($D$3:$AA$30,INDEX(Jesper!$R$2:$R$366,ROW(INDEX(Jesper!AI$2:AI$366,ROUNDDOWN($C4782/24,0)+1,1))-1)+IF('Standard Profiles'!$G$19=$B$10,7,0)+IF('Standard Profiles'!$G$19=$B$17,14,0)+IF('Standard Profiles'!$G$19=$B$24,21,0),0)),0)</f>
        <v>0</v>
      </c>
      <c r="F4782" cm="1">
        <f t="array" ref="F4782">IFERROR(INDEX(Jesper!AJ$2:AJ$366,ROUNDDOWN($C4782/24,0)+1,1)*INDEX($D$3:$AA$30,INDEX(Jesper!$R$2:$R$366,ROW(INDEX(Jesper!AJ$2:AJ$366,ROUNDDOWN($C4782/24,0)+1,1))-1)+IF('Standard Profiles'!$G$20=$B$10,7,0)+IF('Standard Profiles'!$G$20=$B$17,14,0)+IF('Standard Profiles'!$G$20=$B$24,21,0),MOD($C4782,24)+1)/SUM(INDEX($D$3:$AA$30,INDEX(Jesper!$R$2:$R$366,ROW(INDEX(Jesper!AJ$2:AJ$366,ROUNDDOWN($C4782/24,0)+1,1))-1)+IF('Standard Profiles'!$G$20=$B$10,7,0)+IF('Standard Profiles'!$G$20=$B$17,14,0)+IF('Standard Profiles'!$G$20=$B$24,21,0),0)),0)</f>
        <v>0</v>
      </c>
      <c r="G4782" cm="1">
        <f t="array" ref="G4782">IFERROR(INDEX(Jesper!AK$2:AK$366,ROUNDDOWN($C4782/24,0)+1,1)*INDEX($D$3:$AA$30,INDEX(Jesper!$R$2:$R$366,ROW(INDEX(Jesper!AK$2:AK$366,ROUNDDOWN($C4782/24,0)+1,1))-1)+IF('Standard Profiles'!$G$21=$B$10,7,0)+IF('Standard Profiles'!$G$21=$B$17,14,0)+IF('Standard Profiles'!$G$21=$B$24,21,0),MOD($C4782,24)+1)/SUM(INDEX($D$3:$AA$30,INDEX(Jesper!$R$2:$R$366,ROW(INDEX(Jesper!AK$2:AK$366,ROUNDDOWN($C4782/24,0)+1,1))-1)+IF('Standard Profiles'!$G$21=$B$10,7,0)+IF('Standard Profiles'!$G$21=$B$17,14,0)+IF('Standard Profiles'!$G$21=$B$24,21,0),0)),0)</f>
        <v>0</v>
      </c>
      <c r="H4782" cm="1">
        <f t="array" ref="H4782">IFERROR(INDEX(Jesper!AL$2:AL$366,ROUNDDOWN($C4782/24,0)+1,1)*INDEX($D$3:$AA$30,INDEX(Jesper!$R$2:$R$366,ROW(INDEX(Jesper!AL$2:AL$366,ROUNDDOWN($C4782/24,0)+1,1))-1)+IF('Standard Profiles'!$G$22=$B$10,7,0)+IF('Standard Profiles'!$G$22=$B$17,14,0)+IF('Standard Profiles'!$G$22=$B$24,21,0),MOD($C4782,24)+1)/SUM(INDEX($D$3:$AA$30,INDEX(Jesper!$R$2:$R$366,ROW(INDEX(Jesper!AL$2:AL$366,ROUNDDOWN($C4782/24,0)+1,1))-1)+IF('Standard Profiles'!$G$22=$B$10,7,0)+IF('Standard Profiles'!$G$22=$B$17,14,0)+IF('Standard Profiles'!$G$22=$B$24,21,0),0)),0)</f>
        <v>0</v>
      </c>
      <c r="I4782">
        <f t="shared" si="538"/>
        <v>0.28372837557685687</v>
      </c>
      <c r="J4782">
        <f t="shared" si="539"/>
        <v>0.94576125192285643</v>
      </c>
      <c r="K4782">
        <f t="shared" si="540"/>
        <v>1.4186418778842844</v>
      </c>
      <c r="L4782">
        <f t="shared" si="541"/>
        <v>6.8094810138445654</v>
      </c>
      <c r="M4782">
        <f t="shared" si="542"/>
        <v>0</v>
      </c>
      <c r="N4782" s="46">
        <f t="shared" si="543"/>
        <v>45489.833333321818</v>
      </c>
    </row>
    <row r="4783" spans="2:14" x14ac:dyDescent="0.3">
      <c r="B4783">
        <f t="shared" si="537"/>
        <v>2</v>
      </c>
      <c r="C4783" s="16">
        <v>4749</v>
      </c>
      <c r="D4783" cm="1">
        <f t="array" ref="D4783">IFERROR(INDEX(Jesper!AH$2:AH$366,ROUNDDOWN($C4783/24,0)+1,1)*INDEX($D$3:$AA$30,INDEX(Jesper!$R$2:$R$366,ROW(INDEX(Jesper!AH$2:AH$366,ROUNDDOWN($C4783/24,0)+1,1))-1)+IF('Standard Profiles'!$G$18=$B$10,7,0)+IF('Standard Profiles'!$G$18=$B$17,14,0)+IF('Standard Profiles'!$G$18=$B$24,21,0),MOD($C4783,24)+1)/SUM(INDEX($D$3:$AA$30,INDEX(Jesper!$R$2:$R$366,ROW(INDEX(Jesper!AH$2:AH$366,ROUNDDOWN($C4783/24,0)+1,1))-1)+IF('Standard Profiles'!$G$18=$B$10,7,0)+IF('Standard Profiles'!$G$18=$B$17,14,0)+IF('Standard Profiles'!$G$18=$B$24,21,0),0)),0)</f>
        <v>6.878263650348047</v>
      </c>
      <c r="E4783" cm="1">
        <f t="array" ref="E4783">IFERROR(INDEX(Jesper!AI$2:AI$366,ROUNDDOWN($C4783/24,0)+1,1)*INDEX($D$3:$AA$30,INDEX(Jesper!$R$2:$R$366,ROW(INDEX(Jesper!AI$2:AI$366,ROUNDDOWN($C4783/24,0)+1,1))-1)+IF('Standard Profiles'!$G$19=$B$10,7,0)+IF('Standard Profiles'!$G$19=$B$17,14,0)+IF('Standard Profiles'!$G$19=$B$24,21,0),MOD($C4783,24)+1)/SUM(INDEX($D$3:$AA$30,INDEX(Jesper!$R$2:$R$366,ROW(INDEX(Jesper!AI$2:AI$366,ROUNDDOWN($C4783/24,0)+1,1))-1)+IF('Standard Profiles'!$G$19=$B$10,7,0)+IF('Standard Profiles'!$G$19=$B$17,14,0)+IF('Standard Profiles'!$G$19=$B$24,21,0),0)),0)</f>
        <v>0</v>
      </c>
      <c r="F4783" cm="1">
        <f t="array" ref="F4783">IFERROR(INDEX(Jesper!AJ$2:AJ$366,ROUNDDOWN($C4783/24,0)+1,1)*INDEX($D$3:$AA$30,INDEX(Jesper!$R$2:$R$366,ROW(INDEX(Jesper!AJ$2:AJ$366,ROUNDDOWN($C4783/24,0)+1,1))-1)+IF('Standard Profiles'!$G$20=$B$10,7,0)+IF('Standard Profiles'!$G$20=$B$17,14,0)+IF('Standard Profiles'!$G$20=$B$24,21,0),MOD($C4783,24)+1)/SUM(INDEX($D$3:$AA$30,INDEX(Jesper!$R$2:$R$366,ROW(INDEX(Jesper!AJ$2:AJ$366,ROUNDDOWN($C4783/24,0)+1,1))-1)+IF('Standard Profiles'!$G$20=$B$10,7,0)+IF('Standard Profiles'!$G$20=$B$17,14,0)+IF('Standard Profiles'!$G$20=$B$24,21,0),0)),0)</f>
        <v>0</v>
      </c>
      <c r="G4783" cm="1">
        <f t="array" ref="G4783">IFERROR(INDEX(Jesper!AK$2:AK$366,ROUNDDOWN($C4783/24,0)+1,1)*INDEX($D$3:$AA$30,INDEX(Jesper!$R$2:$R$366,ROW(INDEX(Jesper!AK$2:AK$366,ROUNDDOWN($C4783/24,0)+1,1))-1)+IF('Standard Profiles'!$G$21=$B$10,7,0)+IF('Standard Profiles'!$G$21=$B$17,14,0)+IF('Standard Profiles'!$G$21=$B$24,21,0),MOD($C4783,24)+1)/SUM(INDEX($D$3:$AA$30,INDEX(Jesper!$R$2:$R$366,ROW(INDEX(Jesper!AK$2:AK$366,ROUNDDOWN($C4783/24,0)+1,1))-1)+IF('Standard Profiles'!$G$21=$B$10,7,0)+IF('Standard Profiles'!$G$21=$B$17,14,0)+IF('Standard Profiles'!$G$21=$B$24,21,0),0)),0)</f>
        <v>0</v>
      </c>
      <c r="H4783" cm="1">
        <f t="array" ref="H4783">IFERROR(INDEX(Jesper!AL$2:AL$366,ROUNDDOWN($C4783/24,0)+1,1)*INDEX($D$3:$AA$30,INDEX(Jesper!$R$2:$R$366,ROW(INDEX(Jesper!AL$2:AL$366,ROUNDDOWN($C4783/24,0)+1,1))-1)+IF('Standard Profiles'!$G$22=$B$10,7,0)+IF('Standard Profiles'!$G$22=$B$17,14,0)+IF('Standard Profiles'!$G$22=$B$24,21,0),MOD($C4783,24)+1)/SUM(INDEX($D$3:$AA$30,INDEX(Jesper!$R$2:$R$366,ROW(INDEX(Jesper!AL$2:AL$366,ROUNDDOWN($C4783/24,0)+1,1))-1)+IF('Standard Profiles'!$G$22=$B$10,7,0)+IF('Standard Profiles'!$G$22=$B$17,14,0)+IF('Standard Profiles'!$G$22=$B$24,21,0),0)),0)</f>
        <v>0</v>
      </c>
      <c r="I4783">
        <f t="shared" si="538"/>
        <v>0.20634790951044141</v>
      </c>
      <c r="J4783">
        <f t="shared" si="539"/>
        <v>0.68782636503480477</v>
      </c>
      <c r="K4783">
        <f t="shared" si="540"/>
        <v>1.0317395475522071</v>
      </c>
      <c r="L4783">
        <f t="shared" si="541"/>
        <v>4.9523498282505933</v>
      </c>
      <c r="M4783">
        <f t="shared" si="542"/>
        <v>0</v>
      </c>
      <c r="N4783" s="46">
        <f t="shared" si="543"/>
        <v>45489.874999988482</v>
      </c>
    </row>
    <row r="4784" spans="2:14" x14ac:dyDescent="0.3">
      <c r="B4784">
        <f t="shared" si="537"/>
        <v>2</v>
      </c>
      <c r="C4784" s="16">
        <v>4750</v>
      </c>
      <c r="D4784" cm="1">
        <f t="array" ref="D4784">IFERROR(INDEX(Jesper!AH$2:AH$366,ROUNDDOWN($C4784/24,0)+1,1)*INDEX($D$3:$AA$30,INDEX(Jesper!$R$2:$R$366,ROW(INDEX(Jesper!AH$2:AH$366,ROUNDDOWN($C4784/24,0)+1,1))-1)+IF('Standard Profiles'!$G$18=$B$10,7,0)+IF('Standard Profiles'!$G$18=$B$17,14,0)+IF('Standard Profiles'!$G$18=$B$24,21,0),MOD($C4784,24)+1)/SUM(INDEX($D$3:$AA$30,INDEX(Jesper!$R$2:$R$366,ROW(INDEX(Jesper!AH$2:AH$366,ROUNDDOWN($C4784/24,0)+1,1))-1)+IF('Standard Profiles'!$G$18=$B$10,7,0)+IF('Standard Profiles'!$G$18=$B$17,14,0)+IF('Standard Profiles'!$G$18=$B$24,21,0),0)),0)</f>
        <v>6.878263650348047</v>
      </c>
      <c r="E4784" cm="1">
        <f t="array" ref="E4784">IFERROR(INDEX(Jesper!AI$2:AI$366,ROUNDDOWN($C4784/24,0)+1,1)*INDEX($D$3:$AA$30,INDEX(Jesper!$R$2:$R$366,ROW(INDEX(Jesper!AI$2:AI$366,ROUNDDOWN($C4784/24,0)+1,1))-1)+IF('Standard Profiles'!$G$19=$B$10,7,0)+IF('Standard Profiles'!$G$19=$B$17,14,0)+IF('Standard Profiles'!$G$19=$B$24,21,0),MOD($C4784,24)+1)/SUM(INDEX($D$3:$AA$30,INDEX(Jesper!$R$2:$R$366,ROW(INDEX(Jesper!AI$2:AI$366,ROUNDDOWN($C4784/24,0)+1,1))-1)+IF('Standard Profiles'!$G$19=$B$10,7,0)+IF('Standard Profiles'!$G$19=$B$17,14,0)+IF('Standard Profiles'!$G$19=$B$24,21,0),0)),0)</f>
        <v>0</v>
      </c>
      <c r="F4784" cm="1">
        <f t="array" ref="F4784">IFERROR(INDEX(Jesper!AJ$2:AJ$366,ROUNDDOWN($C4784/24,0)+1,1)*INDEX($D$3:$AA$30,INDEX(Jesper!$R$2:$R$366,ROW(INDEX(Jesper!AJ$2:AJ$366,ROUNDDOWN($C4784/24,0)+1,1))-1)+IF('Standard Profiles'!$G$20=$B$10,7,0)+IF('Standard Profiles'!$G$20=$B$17,14,0)+IF('Standard Profiles'!$G$20=$B$24,21,0),MOD($C4784,24)+1)/SUM(INDEX($D$3:$AA$30,INDEX(Jesper!$R$2:$R$366,ROW(INDEX(Jesper!AJ$2:AJ$366,ROUNDDOWN($C4784/24,0)+1,1))-1)+IF('Standard Profiles'!$G$20=$B$10,7,0)+IF('Standard Profiles'!$G$20=$B$17,14,0)+IF('Standard Profiles'!$G$20=$B$24,21,0),0)),0)</f>
        <v>0</v>
      </c>
      <c r="G4784" cm="1">
        <f t="array" ref="G4784">IFERROR(INDEX(Jesper!AK$2:AK$366,ROUNDDOWN($C4784/24,0)+1,1)*INDEX($D$3:$AA$30,INDEX(Jesper!$R$2:$R$366,ROW(INDEX(Jesper!AK$2:AK$366,ROUNDDOWN($C4784/24,0)+1,1))-1)+IF('Standard Profiles'!$G$21=$B$10,7,0)+IF('Standard Profiles'!$G$21=$B$17,14,0)+IF('Standard Profiles'!$G$21=$B$24,21,0),MOD($C4784,24)+1)/SUM(INDEX($D$3:$AA$30,INDEX(Jesper!$R$2:$R$366,ROW(INDEX(Jesper!AK$2:AK$366,ROUNDDOWN($C4784/24,0)+1,1))-1)+IF('Standard Profiles'!$G$21=$B$10,7,0)+IF('Standard Profiles'!$G$21=$B$17,14,0)+IF('Standard Profiles'!$G$21=$B$24,21,0),0)),0)</f>
        <v>0</v>
      </c>
      <c r="H4784" cm="1">
        <f t="array" ref="H4784">IFERROR(INDEX(Jesper!AL$2:AL$366,ROUNDDOWN($C4784/24,0)+1,1)*INDEX($D$3:$AA$30,INDEX(Jesper!$R$2:$R$366,ROW(INDEX(Jesper!AL$2:AL$366,ROUNDDOWN($C4784/24,0)+1,1))-1)+IF('Standard Profiles'!$G$22=$B$10,7,0)+IF('Standard Profiles'!$G$22=$B$17,14,0)+IF('Standard Profiles'!$G$22=$B$24,21,0),MOD($C4784,24)+1)/SUM(INDEX($D$3:$AA$30,INDEX(Jesper!$R$2:$R$366,ROW(INDEX(Jesper!AL$2:AL$366,ROUNDDOWN($C4784/24,0)+1,1))-1)+IF('Standard Profiles'!$G$22=$B$10,7,0)+IF('Standard Profiles'!$G$22=$B$17,14,0)+IF('Standard Profiles'!$G$22=$B$24,21,0),0)),0)</f>
        <v>0</v>
      </c>
      <c r="I4784">
        <f t="shared" si="538"/>
        <v>0.20634790951044141</v>
      </c>
      <c r="J4784">
        <f t="shared" si="539"/>
        <v>0.68782636503480477</v>
      </c>
      <c r="K4784">
        <f t="shared" si="540"/>
        <v>1.0317395475522071</v>
      </c>
      <c r="L4784">
        <f t="shared" si="541"/>
        <v>4.9523498282505933</v>
      </c>
      <c r="M4784">
        <f t="shared" si="542"/>
        <v>0</v>
      </c>
      <c r="N4784" s="46">
        <f t="shared" si="543"/>
        <v>45489.916666655146</v>
      </c>
    </row>
    <row r="4785" spans="2:14" x14ac:dyDescent="0.3">
      <c r="B4785">
        <f t="shared" si="537"/>
        <v>2</v>
      </c>
      <c r="C4785" s="16">
        <v>4751</v>
      </c>
      <c r="D4785" cm="1">
        <f t="array" ref="D4785">IFERROR(INDEX(Jesper!AH$2:AH$366,ROUNDDOWN($C4785/24,0)+1,1)*INDEX($D$3:$AA$30,INDEX(Jesper!$R$2:$R$366,ROW(INDEX(Jesper!AH$2:AH$366,ROUNDDOWN($C4785/24,0)+1,1))-1)+IF('Standard Profiles'!$G$18=$B$10,7,0)+IF('Standard Profiles'!$G$18=$B$17,14,0)+IF('Standard Profiles'!$G$18=$B$24,21,0),MOD($C4785,24)+1)/SUM(INDEX($D$3:$AA$30,INDEX(Jesper!$R$2:$R$366,ROW(INDEX(Jesper!AH$2:AH$366,ROUNDDOWN($C4785/24,0)+1,1))-1)+IF('Standard Profiles'!$G$18=$B$10,7,0)+IF('Standard Profiles'!$G$18=$B$17,14,0)+IF('Standard Profiles'!$G$18=$B$24,21,0),0)),0)</f>
        <v>6.878263650348047</v>
      </c>
      <c r="E4785" cm="1">
        <f t="array" ref="E4785">IFERROR(INDEX(Jesper!AI$2:AI$366,ROUNDDOWN($C4785/24,0)+1,1)*INDEX($D$3:$AA$30,INDEX(Jesper!$R$2:$R$366,ROW(INDEX(Jesper!AI$2:AI$366,ROUNDDOWN($C4785/24,0)+1,1))-1)+IF('Standard Profiles'!$G$19=$B$10,7,0)+IF('Standard Profiles'!$G$19=$B$17,14,0)+IF('Standard Profiles'!$G$19=$B$24,21,0),MOD($C4785,24)+1)/SUM(INDEX($D$3:$AA$30,INDEX(Jesper!$R$2:$R$366,ROW(INDEX(Jesper!AI$2:AI$366,ROUNDDOWN($C4785/24,0)+1,1))-1)+IF('Standard Profiles'!$G$19=$B$10,7,0)+IF('Standard Profiles'!$G$19=$B$17,14,0)+IF('Standard Profiles'!$G$19=$B$24,21,0),0)),0)</f>
        <v>0</v>
      </c>
      <c r="F4785" cm="1">
        <f t="array" ref="F4785">IFERROR(INDEX(Jesper!AJ$2:AJ$366,ROUNDDOWN($C4785/24,0)+1,1)*INDEX($D$3:$AA$30,INDEX(Jesper!$R$2:$R$366,ROW(INDEX(Jesper!AJ$2:AJ$366,ROUNDDOWN($C4785/24,0)+1,1))-1)+IF('Standard Profiles'!$G$20=$B$10,7,0)+IF('Standard Profiles'!$G$20=$B$17,14,0)+IF('Standard Profiles'!$G$20=$B$24,21,0),MOD($C4785,24)+1)/SUM(INDEX($D$3:$AA$30,INDEX(Jesper!$R$2:$R$366,ROW(INDEX(Jesper!AJ$2:AJ$366,ROUNDDOWN($C4785/24,0)+1,1))-1)+IF('Standard Profiles'!$G$20=$B$10,7,0)+IF('Standard Profiles'!$G$20=$B$17,14,0)+IF('Standard Profiles'!$G$20=$B$24,21,0),0)),0)</f>
        <v>0</v>
      </c>
      <c r="G4785" cm="1">
        <f t="array" ref="G4785">IFERROR(INDEX(Jesper!AK$2:AK$366,ROUNDDOWN($C4785/24,0)+1,1)*INDEX($D$3:$AA$30,INDEX(Jesper!$R$2:$R$366,ROW(INDEX(Jesper!AK$2:AK$366,ROUNDDOWN($C4785/24,0)+1,1))-1)+IF('Standard Profiles'!$G$21=$B$10,7,0)+IF('Standard Profiles'!$G$21=$B$17,14,0)+IF('Standard Profiles'!$G$21=$B$24,21,0),MOD($C4785,24)+1)/SUM(INDEX($D$3:$AA$30,INDEX(Jesper!$R$2:$R$366,ROW(INDEX(Jesper!AK$2:AK$366,ROUNDDOWN($C4785/24,0)+1,1))-1)+IF('Standard Profiles'!$G$21=$B$10,7,0)+IF('Standard Profiles'!$G$21=$B$17,14,0)+IF('Standard Profiles'!$G$21=$B$24,21,0),0)),0)</f>
        <v>0</v>
      </c>
      <c r="H4785" cm="1">
        <f t="array" ref="H4785">IFERROR(INDEX(Jesper!AL$2:AL$366,ROUNDDOWN($C4785/24,0)+1,1)*INDEX($D$3:$AA$30,INDEX(Jesper!$R$2:$R$366,ROW(INDEX(Jesper!AL$2:AL$366,ROUNDDOWN($C4785/24,0)+1,1))-1)+IF('Standard Profiles'!$G$22=$B$10,7,0)+IF('Standard Profiles'!$G$22=$B$17,14,0)+IF('Standard Profiles'!$G$22=$B$24,21,0),MOD($C4785,24)+1)/SUM(INDEX($D$3:$AA$30,INDEX(Jesper!$R$2:$R$366,ROW(INDEX(Jesper!AL$2:AL$366,ROUNDDOWN($C4785/24,0)+1,1))-1)+IF('Standard Profiles'!$G$22=$B$10,7,0)+IF('Standard Profiles'!$G$22=$B$17,14,0)+IF('Standard Profiles'!$G$22=$B$24,21,0),0)),0)</f>
        <v>0</v>
      </c>
      <c r="I4785">
        <f t="shared" si="538"/>
        <v>0.20634790951044141</v>
      </c>
      <c r="J4785">
        <f t="shared" si="539"/>
        <v>0.68782636503480477</v>
      </c>
      <c r="K4785">
        <f t="shared" si="540"/>
        <v>1.0317395475522071</v>
      </c>
      <c r="L4785">
        <f t="shared" si="541"/>
        <v>4.9523498282505933</v>
      </c>
      <c r="M4785">
        <f t="shared" si="542"/>
        <v>0</v>
      </c>
      <c r="N4785" s="46">
        <f t="shared" si="543"/>
        <v>45489.958333321811</v>
      </c>
    </row>
    <row r="4786" spans="2:14" x14ac:dyDescent="0.3">
      <c r="B4786">
        <f t="shared" si="537"/>
        <v>3</v>
      </c>
      <c r="C4786" s="16">
        <v>4752</v>
      </c>
      <c r="D4786" cm="1">
        <f t="array" ref="D4786">IFERROR(INDEX(Jesper!AH$2:AH$366,ROUNDDOWN($C4786/24,0)+1,1)*INDEX($D$3:$AA$30,INDEX(Jesper!$R$2:$R$366,ROW(INDEX(Jesper!AH$2:AH$366,ROUNDDOWN($C4786/24,0)+1,1))-1)+IF('Standard Profiles'!$G$18=$B$10,7,0)+IF('Standard Profiles'!$G$18=$B$17,14,0)+IF('Standard Profiles'!$G$18=$B$24,21,0),MOD($C4786,24)+1)/SUM(INDEX($D$3:$AA$30,INDEX(Jesper!$R$2:$R$366,ROW(INDEX(Jesper!AH$2:AH$366,ROUNDDOWN($C4786/24,0)+1,1))-1)+IF('Standard Profiles'!$G$18=$B$10,7,0)+IF('Standard Profiles'!$G$18=$B$17,14,0)+IF('Standard Profiles'!$G$18=$B$24,21,0),0)),0)</f>
        <v>6.1987969153312648</v>
      </c>
      <c r="E4786" cm="1">
        <f t="array" ref="E4786">IFERROR(INDEX(Jesper!AI$2:AI$366,ROUNDDOWN($C4786/24,0)+1,1)*INDEX($D$3:$AA$30,INDEX(Jesper!$R$2:$R$366,ROW(INDEX(Jesper!AI$2:AI$366,ROUNDDOWN($C4786/24,0)+1,1))-1)+IF('Standard Profiles'!$G$19=$B$10,7,0)+IF('Standard Profiles'!$G$19=$B$17,14,0)+IF('Standard Profiles'!$G$19=$B$24,21,0),MOD($C4786,24)+1)/SUM(INDEX($D$3:$AA$30,INDEX(Jesper!$R$2:$R$366,ROW(INDEX(Jesper!AI$2:AI$366,ROUNDDOWN($C4786/24,0)+1,1))-1)+IF('Standard Profiles'!$G$19=$B$10,7,0)+IF('Standard Profiles'!$G$19=$B$17,14,0)+IF('Standard Profiles'!$G$19=$B$24,21,0),0)),0)</f>
        <v>0</v>
      </c>
      <c r="F4786" cm="1">
        <f t="array" ref="F4786">IFERROR(INDEX(Jesper!AJ$2:AJ$366,ROUNDDOWN($C4786/24,0)+1,1)*INDEX($D$3:$AA$30,INDEX(Jesper!$R$2:$R$366,ROW(INDEX(Jesper!AJ$2:AJ$366,ROUNDDOWN($C4786/24,0)+1,1))-1)+IF('Standard Profiles'!$G$20=$B$10,7,0)+IF('Standard Profiles'!$G$20=$B$17,14,0)+IF('Standard Profiles'!$G$20=$B$24,21,0),MOD($C4786,24)+1)/SUM(INDEX($D$3:$AA$30,INDEX(Jesper!$R$2:$R$366,ROW(INDEX(Jesper!AJ$2:AJ$366,ROUNDDOWN($C4786/24,0)+1,1))-1)+IF('Standard Profiles'!$G$20=$B$10,7,0)+IF('Standard Profiles'!$G$20=$B$17,14,0)+IF('Standard Profiles'!$G$20=$B$24,21,0),0)),0)</f>
        <v>0</v>
      </c>
      <c r="G4786" cm="1">
        <f t="array" ref="G4786">IFERROR(INDEX(Jesper!AK$2:AK$366,ROUNDDOWN($C4786/24,0)+1,1)*INDEX($D$3:$AA$30,INDEX(Jesper!$R$2:$R$366,ROW(INDEX(Jesper!AK$2:AK$366,ROUNDDOWN($C4786/24,0)+1,1))-1)+IF('Standard Profiles'!$G$21=$B$10,7,0)+IF('Standard Profiles'!$G$21=$B$17,14,0)+IF('Standard Profiles'!$G$21=$B$24,21,0),MOD($C4786,24)+1)/SUM(INDEX($D$3:$AA$30,INDEX(Jesper!$R$2:$R$366,ROW(INDEX(Jesper!AK$2:AK$366,ROUNDDOWN($C4786/24,0)+1,1))-1)+IF('Standard Profiles'!$G$21=$B$10,7,0)+IF('Standard Profiles'!$G$21=$B$17,14,0)+IF('Standard Profiles'!$G$21=$B$24,21,0),0)),0)</f>
        <v>0</v>
      </c>
      <c r="H4786" cm="1">
        <f t="array" ref="H4786">IFERROR(INDEX(Jesper!AL$2:AL$366,ROUNDDOWN($C4786/24,0)+1,1)*INDEX($D$3:$AA$30,INDEX(Jesper!$R$2:$R$366,ROW(INDEX(Jesper!AL$2:AL$366,ROUNDDOWN($C4786/24,0)+1,1))-1)+IF('Standard Profiles'!$G$22=$B$10,7,0)+IF('Standard Profiles'!$G$22=$B$17,14,0)+IF('Standard Profiles'!$G$22=$B$24,21,0),MOD($C4786,24)+1)/SUM(INDEX($D$3:$AA$30,INDEX(Jesper!$R$2:$R$366,ROW(INDEX(Jesper!AL$2:AL$366,ROUNDDOWN($C4786/24,0)+1,1))-1)+IF('Standard Profiles'!$G$22=$B$10,7,0)+IF('Standard Profiles'!$G$22=$B$17,14,0)+IF('Standard Profiles'!$G$22=$B$24,21,0),0)),0)</f>
        <v>0</v>
      </c>
      <c r="I4786">
        <f t="shared" si="538"/>
        <v>0.18596390745993793</v>
      </c>
      <c r="J4786">
        <f t="shared" si="539"/>
        <v>0.6198796915331265</v>
      </c>
      <c r="K4786">
        <f t="shared" si="540"/>
        <v>0.92981953729968969</v>
      </c>
      <c r="L4786">
        <f t="shared" si="541"/>
        <v>4.4631337790385102</v>
      </c>
      <c r="M4786">
        <f t="shared" si="542"/>
        <v>0</v>
      </c>
      <c r="N4786" s="46">
        <f t="shared" si="543"/>
        <v>45489.999999988475</v>
      </c>
    </row>
    <row r="4787" spans="2:14" x14ac:dyDescent="0.3">
      <c r="B4787">
        <f t="shared" si="537"/>
        <v>3</v>
      </c>
      <c r="C4787" s="16">
        <v>4753</v>
      </c>
      <c r="D4787" cm="1">
        <f t="array" ref="D4787">IFERROR(INDEX(Jesper!AH$2:AH$366,ROUNDDOWN($C4787/24,0)+1,1)*INDEX($D$3:$AA$30,INDEX(Jesper!$R$2:$R$366,ROW(INDEX(Jesper!AH$2:AH$366,ROUNDDOWN($C4787/24,0)+1,1))-1)+IF('Standard Profiles'!$G$18=$B$10,7,0)+IF('Standard Profiles'!$G$18=$B$17,14,0)+IF('Standard Profiles'!$G$18=$B$24,21,0),MOD($C4787,24)+1)/SUM(INDEX($D$3:$AA$30,INDEX(Jesper!$R$2:$R$366,ROW(INDEX(Jesper!AH$2:AH$366,ROUNDDOWN($C4787/24,0)+1,1))-1)+IF('Standard Profiles'!$G$18=$B$10,7,0)+IF('Standard Profiles'!$G$18=$B$17,14,0)+IF('Standard Profiles'!$G$18=$B$24,21,0),0)),0)</f>
        <v>6.9736465297476711</v>
      </c>
      <c r="E4787" cm="1">
        <f t="array" ref="E4787">IFERROR(INDEX(Jesper!AI$2:AI$366,ROUNDDOWN($C4787/24,0)+1,1)*INDEX($D$3:$AA$30,INDEX(Jesper!$R$2:$R$366,ROW(INDEX(Jesper!AI$2:AI$366,ROUNDDOWN($C4787/24,0)+1,1))-1)+IF('Standard Profiles'!$G$19=$B$10,7,0)+IF('Standard Profiles'!$G$19=$B$17,14,0)+IF('Standard Profiles'!$G$19=$B$24,21,0),MOD($C4787,24)+1)/SUM(INDEX($D$3:$AA$30,INDEX(Jesper!$R$2:$R$366,ROW(INDEX(Jesper!AI$2:AI$366,ROUNDDOWN($C4787/24,0)+1,1))-1)+IF('Standard Profiles'!$G$19=$B$10,7,0)+IF('Standard Profiles'!$G$19=$B$17,14,0)+IF('Standard Profiles'!$G$19=$B$24,21,0),0)),0)</f>
        <v>0</v>
      </c>
      <c r="F4787" cm="1">
        <f t="array" ref="F4787">IFERROR(INDEX(Jesper!AJ$2:AJ$366,ROUNDDOWN($C4787/24,0)+1,1)*INDEX($D$3:$AA$30,INDEX(Jesper!$R$2:$R$366,ROW(INDEX(Jesper!AJ$2:AJ$366,ROUNDDOWN($C4787/24,0)+1,1))-1)+IF('Standard Profiles'!$G$20=$B$10,7,0)+IF('Standard Profiles'!$G$20=$B$17,14,0)+IF('Standard Profiles'!$G$20=$B$24,21,0),MOD($C4787,24)+1)/SUM(INDEX($D$3:$AA$30,INDEX(Jesper!$R$2:$R$366,ROW(INDEX(Jesper!AJ$2:AJ$366,ROUNDDOWN($C4787/24,0)+1,1))-1)+IF('Standard Profiles'!$G$20=$B$10,7,0)+IF('Standard Profiles'!$G$20=$B$17,14,0)+IF('Standard Profiles'!$G$20=$B$24,21,0),0)),0)</f>
        <v>0</v>
      </c>
      <c r="G4787" cm="1">
        <f t="array" ref="G4787">IFERROR(INDEX(Jesper!AK$2:AK$366,ROUNDDOWN($C4787/24,0)+1,1)*INDEX($D$3:$AA$30,INDEX(Jesper!$R$2:$R$366,ROW(INDEX(Jesper!AK$2:AK$366,ROUNDDOWN($C4787/24,0)+1,1))-1)+IF('Standard Profiles'!$G$21=$B$10,7,0)+IF('Standard Profiles'!$G$21=$B$17,14,0)+IF('Standard Profiles'!$G$21=$B$24,21,0),MOD($C4787,24)+1)/SUM(INDEX($D$3:$AA$30,INDEX(Jesper!$R$2:$R$366,ROW(INDEX(Jesper!AK$2:AK$366,ROUNDDOWN($C4787/24,0)+1,1))-1)+IF('Standard Profiles'!$G$21=$B$10,7,0)+IF('Standard Profiles'!$G$21=$B$17,14,0)+IF('Standard Profiles'!$G$21=$B$24,21,0),0)),0)</f>
        <v>0</v>
      </c>
      <c r="H4787" cm="1">
        <f t="array" ref="H4787">IFERROR(INDEX(Jesper!AL$2:AL$366,ROUNDDOWN($C4787/24,0)+1,1)*INDEX($D$3:$AA$30,INDEX(Jesper!$R$2:$R$366,ROW(INDEX(Jesper!AL$2:AL$366,ROUNDDOWN($C4787/24,0)+1,1))-1)+IF('Standard Profiles'!$G$22=$B$10,7,0)+IF('Standard Profiles'!$G$22=$B$17,14,0)+IF('Standard Profiles'!$G$22=$B$24,21,0),MOD($C4787,24)+1)/SUM(INDEX($D$3:$AA$30,INDEX(Jesper!$R$2:$R$366,ROW(INDEX(Jesper!AL$2:AL$366,ROUNDDOWN($C4787/24,0)+1,1))-1)+IF('Standard Profiles'!$G$22=$B$10,7,0)+IF('Standard Profiles'!$G$22=$B$17,14,0)+IF('Standard Profiles'!$G$22=$B$24,21,0),0)),0)</f>
        <v>0</v>
      </c>
      <c r="I4787">
        <f t="shared" si="538"/>
        <v>0.20920939589243012</v>
      </c>
      <c r="J4787">
        <f t="shared" si="539"/>
        <v>0.69736465297476713</v>
      </c>
      <c r="K4787">
        <f t="shared" si="540"/>
        <v>1.0460469794621505</v>
      </c>
      <c r="L4787">
        <f t="shared" si="541"/>
        <v>5.0210255014183227</v>
      </c>
      <c r="M4787">
        <f t="shared" si="542"/>
        <v>0</v>
      </c>
      <c r="N4787" s="46">
        <f t="shared" si="543"/>
        <v>45490.041666655139</v>
      </c>
    </row>
    <row r="4788" spans="2:14" x14ac:dyDescent="0.3">
      <c r="B4788">
        <f t="shared" si="537"/>
        <v>3</v>
      </c>
      <c r="C4788" s="16">
        <v>4754</v>
      </c>
      <c r="D4788" cm="1">
        <f t="array" ref="D4788">IFERROR(INDEX(Jesper!AH$2:AH$366,ROUNDDOWN($C4788/24,0)+1,1)*INDEX($D$3:$AA$30,INDEX(Jesper!$R$2:$R$366,ROW(INDEX(Jesper!AH$2:AH$366,ROUNDDOWN($C4788/24,0)+1,1))-1)+IF('Standard Profiles'!$G$18=$B$10,7,0)+IF('Standard Profiles'!$G$18=$B$17,14,0)+IF('Standard Profiles'!$G$18=$B$24,21,0),MOD($C4788,24)+1)/SUM(INDEX($D$3:$AA$30,INDEX(Jesper!$R$2:$R$366,ROW(INDEX(Jesper!AH$2:AH$366,ROUNDDOWN($C4788/24,0)+1,1))-1)+IF('Standard Profiles'!$G$18=$B$10,7,0)+IF('Standard Profiles'!$G$18=$B$17,14,0)+IF('Standard Profiles'!$G$18=$B$24,21,0),0)),0)</f>
        <v>6.9736465297476711</v>
      </c>
      <c r="E4788" cm="1">
        <f t="array" ref="E4788">IFERROR(INDEX(Jesper!AI$2:AI$366,ROUNDDOWN($C4788/24,0)+1,1)*INDEX($D$3:$AA$30,INDEX(Jesper!$R$2:$R$366,ROW(INDEX(Jesper!AI$2:AI$366,ROUNDDOWN($C4788/24,0)+1,1))-1)+IF('Standard Profiles'!$G$19=$B$10,7,0)+IF('Standard Profiles'!$G$19=$B$17,14,0)+IF('Standard Profiles'!$G$19=$B$24,21,0),MOD($C4788,24)+1)/SUM(INDEX($D$3:$AA$30,INDEX(Jesper!$R$2:$R$366,ROW(INDEX(Jesper!AI$2:AI$366,ROUNDDOWN($C4788/24,0)+1,1))-1)+IF('Standard Profiles'!$G$19=$B$10,7,0)+IF('Standard Profiles'!$G$19=$B$17,14,0)+IF('Standard Profiles'!$G$19=$B$24,21,0),0)),0)</f>
        <v>0</v>
      </c>
      <c r="F4788" cm="1">
        <f t="array" ref="F4788">IFERROR(INDEX(Jesper!AJ$2:AJ$366,ROUNDDOWN($C4788/24,0)+1,1)*INDEX($D$3:$AA$30,INDEX(Jesper!$R$2:$R$366,ROW(INDEX(Jesper!AJ$2:AJ$366,ROUNDDOWN($C4788/24,0)+1,1))-1)+IF('Standard Profiles'!$G$20=$B$10,7,0)+IF('Standard Profiles'!$G$20=$B$17,14,0)+IF('Standard Profiles'!$G$20=$B$24,21,0),MOD($C4788,24)+1)/SUM(INDEX($D$3:$AA$30,INDEX(Jesper!$R$2:$R$366,ROW(INDEX(Jesper!AJ$2:AJ$366,ROUNDDOWN($C4788/24,0)+1,1))-1)+IF('Standard Profiles'!$G$20=$B$10,7,0)+IF('Standard Profiles'!$G$20=$B$17,14,0)+IF('Standard Profiles'!$G$20=$B$24,21,0),0)),0)</f>
        <v>0</v>
      </c>
      <c r="G4788" cm="1">
        <f t="array" ref="G4788">IFERROR(INDEX(Jesper!AK$2:AK$366,ROUNDDOWN($C4788/24,0)+1,1)*INDEX($D$3:$AA$30,INDEX(Jesper!$R$2:$R$366,ROW(INDEX(Jesper!AK$2:AK$366,ROUNDDOWN($C4788/24,0)+1,1))-1)+IF('Standard Profiles'!$G$21=$B$10,7,0)+IF('Standard Profiles'!$G$21=$B$17,14,0)+IF('Standard Profiles'!$G$21=$B$24,21,0),MOD($C4788,24)+1)/SUM(INDEX($D$3:$AA$30,INDEX(Jesper!$R$2:$R$366,ROW(INDEX(Jesper!AK$2:AK$366,ROUNDDOWN($C4788/24,0)+1,1))-1)+IF('Standard Profiles'!$G$21=$B$10,7,0)+IF('Standard Profiles'!$G$21=$B$17,14,0)+IF('Standard Profiles'!$G$21=$B$24,21,0),0)),0)</f>
        <v>0</v>
      </c>
      <c r="H4788" cm="1">
        <f t="array" ref="H4788">IFERROR(INDEX(Jesper!AL$2:AL$366,ROUNDDOWN($C4788/24,0)+1,1)*INDEX($D$3:$AA$30,INDEX(Jesper!$R$2:$R$366,ROW(INDEX(Jesper!AL$2:AL$366,ROUNDDOWN($C4788/24,0)+1,1))-1)+IF('Standard Profiles'!$G$22=$B$10,7,0)+IF('Standard Profiles'!$G$22=$B$17,14,0)+IF('Standard Profiles'!$G$22=$B$24,21,0),MOD($C4788,24)+1)/SUM(INDEX($D$3:$AA$30,INDEX(Jesper!$R$2:$R$366,ROW(INDEX(Jesper!AL$2:AL$366,ROUNDDOWN($C4788/24,0)+1,1))-1)+IF('Standard Profiles'!$G$22=$B$10,7,0)+IF('Standard Profiles'!$G$22=$B$17,14,0)+IF('Standard Profiles'!$G$22=$B$24,21,0),0)),0)</f>
        <v>0</v>
      </c>
      <c r="I4788">
        <f t="shared" si="538"/>
        <v>0.20920939589243012</v>
      </c>
      <c r="J4788">
        <f t="shared" si="539"/>
        <v>0.69736465297476713</v>
      </c>
      <c r="K4788">
        <f t="shared" si="540"/>
        <v>1.0460469794621505</v>
      </c>
      <c r="L4788">
        <f t="shared" si="541"/>
        <v>5.0210255014183227</v>
      </c>
      <c r="M4788">
        <f t="shared" si="542"/>
        <v>0</v>
      </c>
      <c r="N4788" s="46">
        <f t="shared" si="543"/>
        <v>45490.083333321803</v>
      </c>
    </row>
    <row r="4789" spans="2:14" x14ac:dyDescent="0.3">
      <c r="B4789">
        <f t="shared" si="537"/>
        <v>3</v>
      </c>
      <c r="C4789" s="16">
        <v>4755</v>
      </c>
      <c r="D4789" cm="1">
        <f t="array" ref="D4789">IFERROR(INDEX(Jesper!AH$2:AH$366,ROUNDDOWN($C4789/24,0)+1,1)*INDEX($D$3:$AA$30,INDEX(Jesper!$R$2:$R$366,ROW(INDEX(Jesper!AH$2:AH$366,ROUNDDOWN($C4789/24,0)+1,1))-1)+IF('Standard Profiles'!$G$18=$B$10,7,0)+IF('Standard Profiles'!$G$18=$B$17,14,0)+IF('Standard Profiles'!$G$18=$B$24,21,0),MOD($C4789,24)+1)/SUM(INDEX($D$3:$AA$30,INDEX(Jesper!$R$2:$R$366,ROW(INDEX(Jesper!AH$2:AH$366,ROUNDDOWN($C4789/24,0)+1,1))-1)+IF('Standard Profiles'!$G$18=$B$10,7,0)+IF('Standard Profiles'!$G$18=$B$17,14,0)+IF('Standard Profiles'!$G$18=$B$24,21,0),0)),0)</f>
        <v>6.9736465297476711</v>
      </c>
      <c r="E4789" cm="1">
        <f t="array" ref="E4789">IFERROR(INDEX(Jesper!AI$2:AI$366,ROUNDDOWN($C4789/24,0)+1,1)*INDEX($D$3:$AA$30,INDEX(Jesper!$R$2:$R$366,ROW(INDEX(Jesper!AI$2:AI$366,ROUNDDOWN($C4789/24,0)+1,1))-1)+IF('Standard Profiles'!$G$19=$B$10,7,0)+IF('Standard Profiles'!$G$19=$B$17,14,0)+IF('Standard Profiles'!$G$19=$B$24,21,0),MOD($C4789,24)+1)/SUM(INDEX($D$3:$AA$30,INDEX(Jesper!$R$2:$R$366,ROW(INDEX(Jesper!AI$2:AI$366,ROUNDDOWN($C4789/24,0)+1,1))-1)+IF('Standard Profiles'!$G$19=$B$10,7,0)+IF('Standard Profiles'!$G$19=$B$17,14,0)+IF('Standard Profiles'!$G$19=$B$24,21,0),0)),0)</f>
        <v>0</v>
      </c>
      <c r="F4789" cm="1">
        <f t="array" ref="F4789">IFERROR(INDEX(Jesper!AJ$2:AJ$366,ROUNDDOWN($C4789/24,0)+1,1)*INDEX($D$3:$AA$30,INDEX(Jesper!$R$2:$R$366,ROW(INDEX(Jesper!AJ$2:AJ$366,ROUNDDOWN($C4789/24,0)+1,1))-1)+IF('Standard Profiles'!$G$20=$B$10,7,0)+IF('Standard Profiles'!$G$20=$B$17,14,0)+IF('Standard Profiles'!$G$20=$B$24,21,0),MOD($C4789,24)+1)/SUM(INDEX($D$3:$AA$30,INDEX(Jesper!$R$2:$R$366,ROW(INDEX(Jesper!AJ$2:AJ$366,ROUNDDOWN($C4789/24,0)+1,1))-1)+IF('Standard Profiles'!$G$20=$B$10,7,0)+IF('Standard Profiles'!$G$20=$B$17,14,0)+IF('Standard Profiles'!$G$20=$B$24,21,0),0)),0)</f>
        <v>0</v>
      </c>
      <c r="G4789" cm="1">
        <f t="array" ref="G4789">IFERROR(INDEX(Jesper!AK$2:AK$366,ROUNDDOWN($C4789/24,0)+1,1)*INDEX($D$3:$AA$30,INDEX(Jesper!$R$2:$R$366,ROW(INDEX(Jesper!AK$2:AK$366,ROUNDDOWN($C4789/24,0)+1,1))-1)+IF('Standard Profiles'!$G$21=$B$10,7,0)+IF('Standard Profiles'!$G$21=$B$17,14,0)+IF('Standard Profiles'!$G$21=$B$24,21,0),MOD($C4789,24)+1)/SUM(INDEX($D$3:$AA$30,INDEX(Jesper!$R$2:$R$366,ROW(INDEX(Jesper!AK$2:AK$366,ROUNDDOWN($C4789/24,0)+1,1))-1)+IF('Standard Profiles'!$G$21=$B$10,7,0)+IF('Standard Profiles'!$G$21=$B$17,14,0)+IF('Standard Profiles'!$G$21=$B$24,21,0),0)),0)</f>
        <v>0</v>
      </c>
      <c r="H4789" cm="1">
        <f t="array" ref="H4789">IFERROR(INDEX(Jesper!AL$2:AL$366,ROUNDDOWN($C4789/24,0)+1,1)*INDEX($D$3:$AA$30,INDEX(Jesper!$R$2:$R$366,ROW(INDEX(Jesper!AL$2:AL$366,ROUNDDOWN($C4789/24,0)+1,1))-1)+IF('Standard Profiles'!$G$22=$B$10,7,0)+IF('Standard Profiles'!$G$22=$B$17,14,0)+IF('Standard Profiles'!$G$22=$B$24,21,0),MOD($C4789,24)+1)/SUM(INDEX($D$3:$AA$30,INDEX(Jesper!$R$2:$R$366,ROW(INDEX(Jesper!AL$2:AL$366,ROUNDDOWN($C4789/24,0)+1,1))-1)+IF('Standard Profiles'!$G$22=$B$10,7,0)+IF('Standard Profiles'!$G$22=$B$17,14,0)+IF('Standard Profiles'!$G$22=$B$24,21,0),0)),0)</f>
        <v>0</v>
      </c>
      <c r="I4789">
        <f t="shared" si="538"/>
        <v>0.20920939589243012</v>
      </c>
      <c r="J4789">
        <f t="shared" si="539"/>
        <v>0.69736465297476713</v>
      </c>
      <c r="K4789">
        <f t="shared" si="540"/>
        <v>1.0460469794621505</v>
      </c>
      <c r="L4789">
        <f t="shared" si="541"/>
        <v>5.0210255014183227</v>
      </c>
      <c r="M4789">
        <f t="shared" si="542"/>
        <v>0</v>
      </c>
      <c r="N4789" s="46">
        <f t="shared" si="543"/>
        <v>45490.124999988468</v>
      </c>
    </row>
    <row r="4790" spans="2:14" x14ac:dyDescent="0.3">
      <c r="B4790">
        <f t="shared" si="537"/>
        <v>3</v>
      </c>
      <c r="C4790" s="16">
        <v>4756</v>
      </c>
      <c r="D4790" cm="1">
        <f t="array" ref="D4790">IFERROR(INDEX(Jesper!AH$2:AH$366,ROUNDDOWN($C4790/24,0)+1,1)*INDEX($D$3:$AA$30,INDEX(Jesper!$R$2:$R$366,ROW(INDEX(Jesper!AH$2:AH$366,ROUNDDOWN($C4790/24,0)+1,1))-1)+IF('Standard Profiles'!$G$18=$B$10,7,0)+IF('Standard Profiles'!$G$18=$B$17,14,0)+IF('Standard Profiles'!$G$18=$B$24,21,0),MOD($C4790,24)+1)/SUM(INDEX($D$3:$AA$30,INDEX(Jesper!$R$2:$R$366,ROW(INDEX(Jesper!AH$2:AH$366,ROUNDDOWN($C4790/24,0)+1,1))-1)+IF('Standard Profiles'!$G$18=$B$10,7,0)+IF('Standard Profiles'!$G$18=$B$17,14,0)+IF('Standard Profiles'!$G$18=$B$24,21,0),0)),0)</f>
        <v>6.9736465297476711</v>
      </c>
      <c r="E4790" cm="1">
        <f t="array" ref="E4790">IFERROR(INDEX(Jesper!AI$2:AI$366,ROUNDDOWN($C4790/24,0)+1,1)*INDEX($D$3:$AA$30,INDEX(Jesper!$R$2:$R$366,ROW(INDEX(Jesper!AI$2:AI$366,ROUNDDOWN($C4790/24,0)+1,1))-1)+IF('Standard Profiles'!$G$19=$B$10,7,0)+IF('Standard Profiles'!$G$19=$B$17,14,0)+IF('Standard Profiles'!$G$19=$B$24,21,0),MOD($C4790,24)+1)/SUM(INDEX($D$3:$AA$30,INDEX(Jesper!$R$2:$R$366,ROW(INDEX(Jesper!AI$2:AI$366,ROUNDDOWN($C4790/24,0)+1,1))-1)+IF('Standard Profiles'!$G$19=$B$10,7,0)+IF('Standard Profiles'!$G$19=$B$17,14,0)+IF('Standard Profiles'!$G$19=$B$24,21,0),0)),0)</f>
        <v>0</v>
      </c>
      <c r="F4790" cm="1">
        <f t="array" ref="F4790">IFERROR(INDEX(Jesper!AJ$2:AJ$366,ROUNDDOWN($C4790/24,0)+1,1)*INDEX($D$3:$AA$30,INDEX(Jesper!$R$2:$R$366,ROW(INDEX(Jesper!AJ$2:AJ$366,ROUNDDOWN($C4790/24,0)+1,1))-1)+IF('Standard Profiles'!$G$20=$B$10,7,0)+IF('Standard Profiles'!$G$20=$B$17,14,0)+IF('Standard Profiles'!$G$20=$B$24,21,0),MOD($C4790,24)+1)/SUM(INDEX($D$3:$AA$30,INDEX(Jesper!$R$2:$R$366,ROW(INDEX(Jesper!AJ$2:AJ$366,ROUNDDOWN($C4790/24,0)+1,1))-1)+IF('Standard Profiles'!$G$20=$B$10,7,0)+IF('Standard Profiles'!$G$20=$B$17,14,0)+IF('Standard Profiles'!$G$20=$B$24,21,0),0)),0)</f>
        <v>0</v>
      </c>
      <c r="G4790" cm="1">
        <f t="array" ref="G4790">IFERROR(INDEX(Jesper!AK$2:AK$366,ROUNDDOWN($C4790/24,0)+1,1)*INDEX($D$3:$AA$30,INDEX(Jesper!$R$2:$R$366,ROW(INDEX(Jesper!AK$2:AK$366,ROUNDDOWN($C4790/24,0)+1,1))-1)+IF('Standard Profiles'!$G$21=$B$10,7,0)+IF('Standard Profiles'!$G$21=$B$17,14,0)+IF('Standard Profiles'!$G$21=$B$24,21,0),MOD($C4790,24)+1)/SUM(INDEX($D$3:$AA$30,INDEX(Jesper!$R$2:$R$366,ROW(INDEX(Jesper!AK$2:AK$366,ROUNDDOWN($C4790/24,0)+1,1))-1)+IF('Standard Profiles'!$G$21=$B$10,7,0)+IF('Standard Profiles'!$G$21=$B$17,14,0)+IF('Standard Profiles'!$G$21=$B$24,21,0),0)),0)</f>
        <v>0</v>
      </c>
      <c r="H4790" cm="1">
        <f t="array" ref="H4790">IFERROR(INDEX(Jesper!AL$2:AL$366,ROUNDDOWN($C4790/24,0)+1,1)*INDEX($D$3:$AA$30,INDEX(Jesper!$R$2:$R$366,ROW(INDEX(Jesper!AL$2:AL$366,ROUNDDOWN($C4790/24,0)+1,1))-1)+IF('Standard Profiles'!$G$22=$B$10,7,0)+IF('Standard Profiles'!$G$22=$B$17,14,0)+IF('Standard Profiles'!$G$22=$B$24,21,0),MOD($C4790,24)+1)/SUM(INDEX($D$3:$AA$30,INDEX(Jesper!$R$2:$R$366,ROW(INDEX(Jesper!AL$2:AL$366,ROUNDDOWN($C4790/24,0)+1,1))-1)+IF('Standard Profiles'!$G$22=$B$10,7,0)+IF('Standard Profiles'!$G$22=$B$17,14,0)+IF('Standard Profiles'!$G$22=$B$24,21,0),0)),0)</f>
        <v>0</v>
      </c>
      <c r="I4790">
        <f t="shared" si="538"/>
        <v>0.20920939589243012</v>
      </c>
      <c r="J4790">
        <f t="shared" si="539"/>
        <v>0.69736465297476713</v>
      </c>
      <c r="K4790">
        <f t="shared" si="540"/>
        <v>1.0460469794621505</v>
      </c>
      <c r="L4790">
        <f t="shared" si="541"/>
        <v>5.0210255014183227</v>
      </c>
      <c r="M4790">
        <f t="shared" si="542"/>
        <v>0</v>
      </c>
      <c r="N4790" s="46">
        <f t="shared" si="543"/>
        <v>45490.166666655132</v>
      </c>
    </row>
    <row r="4791" spans="2:14" x14ac:dyDescent="0.3">
      <c r="B4791">
        <f t="shared" si="537"/>
        <v>3</v>
      </c>
      <c r="C4791" s="16">
        <v>4757</v>
      </c>
      <c r="D4791" cm="1">
        <f t="array" ref="D4791">IFERROR(INDEX(Jesper!AH$2:AH$366,ROUNDDOWN($C4791/24,0)+1,1)*INDEX($D$3:$AA$30,INDEX(Jesper!$R$2:$R$366,ROW(INDEX(Jesper!AH$2:AH$366,ROUNDDOWN($C4791/24,0)+1,1))-1)+IF('Standard Profiles'!$G$18=$B$10,7,0)+IF('Standard Profiles'!$G$18=$B$17,14,0)+IF('Standard Profiles'!$G$18=$B$24,21,0),MOD($C4791,24)+1)/SUM(INDEX($D$3:$AA$30,INDEX(Jesper!$R$2:$R$366,ROW(INDEX(Jesper!AH$2:AH$366,ROUNDDOWN($C4791/24,0)+1,1))-1)+IF('Standard Profiles'!$G$18=$B$10,7,0)+IF('Standard Profiles'!$G$18=$B$17,14,0)+IF('Standard Profiles'!$G$18=$B$24,21,0),0)),0)</f>
        <v>8.9882555272303328</v>
      </c>
      <c r="E4791" cm="1">
        <f t="array" ref="E4791">IFERROR(INDEX(Jesper!AI$2:AI$366,ROUNDDOWN($C4791/24,0)+1,1)*INDEX($D$3:$AA$30,INDEX(Jesper!$R$2:$R$366,ROW(INDEX(Jesper!AI$2:AI$366,ROUNDDOWN($C4791/24,0)+1,1))-1)+IF('Standard Profiles'!$G$19=$B$10,7,0)+IF('Standard Profiles'!$G$19=$B$17,14,0)+IF('Standard Profiles'!$G$19=$B$24,21,0),MOD($C4791,24)+1)/SUM(INDEX($D$3:$AA$30,INDEX(Jesper!$R$2:$R$366,ROW(INDEX(Jesper!AI$2:AI$366,ROUNDDOWN($C4791/24,0)+1,1))-1)+IF('Standard Profiles'!$G$19=$B$10,7,0)+IF('Standard Profiles'!$G$19=$B$17,14,0)+IF('Standard Profiles'!$G$19=$B$24,21,0),0)),0)</f>
        <v>0</v>
      </c>
      <c r="F4791" cm="1">
        <f t="array" ref="F4791">IFERROR(INDEX(Jesper!AJ$2:AJ$366,ROUNDDOWN($C4791/24,0)+1,1)*INDEX($D$3:$AA$30,INDEX(Jesper!$R$2:$R$366,ROW(INDEX(Jesper!AJ$2:AJ$366,ROUNDDOWN($C4791/24,0)+1,1))-1)+IF('Standard Profiles'!$G$20=$B$10,7,0)+IF('Standard Profiles'!$G$20=$B$17,14,0)+IF('Standard Profiles'!$G$20=$B$24,21,0),MOD($C4791,24)+1)/SUM(INDEX($D$3:$AA$30,INDEX(Jesper!$R$2:$R$366,ROW(INDEX(Jesper!AJ$2:AJ$366,ROUNDDOWN($C4791/24,0)+1,1))-1)+IF('Standard Profiles'!$G$20=$B$10,7,0)+IF('Standard Profiles'!$G$20=$B$17,14,0)+IF('Standard Profiles'!$G$20=$B$24,21,0),0)),0)</f>
        <v>0</v>
      </c>
      <c r="G4791" cm="1">
        <f t="array" ref="G4791">IFERROR(INDEX(Jesper!AK$2:AK$366,ROUNDDOWN($C4791/24,0)+1,1)*INDEX($D$3:$AA$30,INDEX(Jesper!$R$2:$R$366,ROW(INDEX(Jesper!AK$2:AK$366,ROUNDDOWN($C4791/24,0)+1,1))-1)+IF('Standard Profiles'!$G$21=$B$10,7,0)+IF('Standard Profiles'!$G$21=$B$17,14,0)+IF('Standard Profiles'!$G$21=$B$24,21,0),MOD($C4791,24)+1)/SUM(INDEX($D$3:$AA$30,INDEX(Jesper!$R$2:$R$366,ROW(INDEX(Jesper!AK$2:AK$366,ROUNDDOWN($C4791/24,0)+1,1))-1)+IF('Standard Profiles'!$G$21=$B$10,7,0)+IF('Standard Profiles'!$G$21=$B$17,14,0)+IF('Standard Profiles'!$G$21=$B$24,21,0),0)),0)</f>
        <v>0</v>
      </c>
      <c r="H4791" cm="1">
        <f t="array" ref="H4791">IFERROR(INDEX(Jesper!AL$2:AL$366,ROUNDDOWN($C4791/24,0)+1,1)*INDEX($D$3:$AA$30,INDEX(Jesper!$R$2:$R$366,ROW(INDEX(Jesper!AL$2:AL$366,ROUNDDOWN($C4791/24,0)+1,1))-1)+IF('Standard Profiles'!$G$22=$B$10,7,0)+IF('Standard Profiles'!$G$22=$B$17,14,0)+IF('Standard Profiles'!$G$22=$B$24,21,0),MOD($C4791,24)+1)/SUM(INDEX($D$3:$AA$30,INDEX(Jesper!$R$2:$R$366,ROW(INDEX(Jesper!AL$2:AL$366,ROUNDDOWN($C4791/24,0)+1,1))-1)+IF('Standard Profiles'!$G$22=$B$10,7,0)+IF('Standard Profiles'!$G$22=$B$17,14,0)+IF('Standard Profiles'!$G$22=$B$24,21,0),0)),0)</f>
        <v>0</v>
      </c>
      <c r="I4791">
        <f t="shared" si="538"/>
        <v>0.26964766581690996</v>
      </c>
      <c r="J4791">
        <f t="shared" si="539"/>
        <v>0.89882555272303333</v>
      </c>
      <c r="K4791">
        <f t="shared" si="540"/>
        <v>1.3482383290845499</v>
      </c>
      <c r="L4791">
        <f t="shared" si="541"/>
        <v>6.4715439796058396</v>
      </c>
      <c r="M4791">
        <f t="shared" si="542"/>
        <v>0</v>
      </c>
      <c r="N4791" s="46">
        <f t="shared" si="543"/>
        <v>45490.208333321796</v>
      </c>
    </row>
    <row r="4792" spans="2:14" x14ac:dyDescent="0.3">
      <c r="B4792">
        <f t="shared" si="537"/>
        <v>3</v>
      </c>
      <c r="C4792" s="16">
        <v>4758</v>
      </c>
      <c r="D4792" cm="1">
        <f t="array" ref="D4792">IFERROR(INDEX(Jesper!AH$2:AH$366,ROUNDDOWN($C4792/24,0)+1,1)*INDEX($D$3:$AA$30,INDEX(Jesper!$R$2:$R$366,ROW(INDEX(Jesper!AH$2:AH$366,ROUNDDOWN($C4792/24,0)+1,1))-1)+IF('Standard Profiles'!$G$18=$B$10,7,0)+IF('Standard Profiles'!$G$18=$B$17,14,0)+IF('Standard Profiles'!$G$18=$B$24,21,0),MOD($C4792,24)+1)/SUM(INDEX($D$3:$AA$30,INDEX(Jesper!$R$2:$R$366,ROW(INDEX(Jesper!AH$2:AH$366,ROUNDDOWN($C4792/24,0)+1,1))-1)+IF('Standard Profiles'!$G$18=$B$10,7,0)+IF('Standard Profiles'!$G$18=$B$17,14,0)+IF('Standard Profiles'!$G$18=$B$24,21,0),0)),0)</f>
        <v>10.382984833179867</v>
      </c>
      <c r="E4792" cm="1">
        <f t="array" ref="E4792">IFERROR(INDEX(Jesper!AI$2:AI$366,ROUNDDOWN($C4792/24,0)+1,1)*INDEX($D$3:$AA$30,INDEX(Jesper!$R$2:$R$366,ROW(INDEX(Jesper!AI$2:AI$366,ROUNDDOWN($C4792/24,0)+1,1))-1)+IF('Standard Profiles'!$G$19=$B$10,7,0)+IF('Standard Profiles'!$G$19=$B$17,14,0)+IF('Standard Profiles'!$G$19=$B$24,21,0),MOD($C4792,24)+1)/SUM(INDEX($D$3:$AA$30,INDEX(Jesper!$R$2:$R$366,ROW(INDEX(Jesper!AI$2:AI$366,ROUNDDOWN($C4792/24,0)+1,1))-1)+IF('Standard Profiles'!$G$19=$B$10,7,0)+IF('Standard Profiles'!$G$19=$B$17,14,0)+IF('Standard Profiles'!$G$19=$B$24,21,0),0)),0)</f>
        <v>0</v>
      </c>
      <c r="F4792" cm="1">
        <f t="array" ref="F4792">IFERROR(INDEX(Jesper!AJ$2:AJ$366,ROUNDDOWN($C4792/24,0)+1,1)*INDEX($D$3:$AA$30,INDEX(Jesper!$R$2:$R$366,ROW(INDEX(Jesper!AJ$2:AJ$366,ROUNDDOWN($C4792/24,0)+1,1))-1)+IF('Standard Profiles'!$G$20=$B$10,7,0)+IF('Standard Profiles'!$G$20=$B$17,14,0)+IF('Standard Profiles'!$G$20=$B$24,21,0),MOD($C4792,24)+1)/SUM(INDEX($D$3:$AA$30,INDEX(Jesper!$R$2:$R$366,ROW(INDEX(Jesper!AJ$2:AJ$366,ROUNDDOWN($C4792/24,0)+1,1))-1)+IF('Standard Profiles'!$G$20=$B$10,7,0)+IF('Standard Profiles'!$G$20=$B$17,14,0)+IF('Standard Profiles'!$G$20=$B$24,21,0),0)),0)</f>
        <v>0</v>
      </c>
      <c r="G4792" cm="1">
        <f t="array" ref="G4792">IFERROR(INDEX(Jesper!AK$2:AK$366,ROUNDDOWN($C4792/24,0)+1,1)*INDEX($D$3:$AA$30,INDEX(Jesper!$R$2:$R$366,ROW(INDEX(Jesper!AK$2:AK$366,ROUNDDOWN($C4792/24,0)+1,1))-1)+IF('Standard Profiles'!$G$21=$B$10,7,0)+IF('Standard Profiles'!$G$21=$B$17,14,0)+IF('Standard Profiles'!$G$21=$B$24,21,0),MOD($C4792,24)+1)/SUM(INDEX($D$3:$AA$30,INDEX(Jesper!$R$2:$R$366,ROW(INDEX(Jesper!AK$2:AK$366,ROUNDDOWN($C4792/24,0)+1,1))-1)+IF('Standard Profiles'!$G$21=$B$10,7,0)+IF('Standard Profiles'!$G$21=$B$17,14,0)+IF('Standard Profiles'!$G$21=$B$24,21,0),0)),0)</f>
        <v>0</v>
      </c>
      <c r="H4792" cm="1">
        <f t="array" ref="H4792">IFERROR(INDEX(Jesper!AL$2:AL$366,ROUNDDOWN($C4792/24,0)+1,1)*INDEX($D$3:$AA$30,INDEX(Jesper!$R$2:$R$366,ROW(INDEX(Jesper!AL$2:AL$366,ROUNDDOWN($C4792/24,0)+1,1))-1)+IF('Standard Profiles'!$G$22=$B$10,7,0)+IF('Standard Profiles'!$G$22=$B$17,14,0)+IF('Standard Profiles'!$G$22=$B$24,21,0),MOD($C4792,24)+1)/SUM(INDEX($D$3:$AA$30,INDEX(Jesper!$R$2:$R$366,ROW(INDEX(Jesper!AL$2:AL$366,ROUNDDOWN($C4792/24,0)+1,1))-1)+IF('Standard Profiles'!$G$22=$B$10,7,0)+IF('Standard Profiles'!$G$22=$B$17,14,0)+IF('Standard Profiles'!$G$22=$B$24,21,0),0)),0)</f>
        <v>0</v>
      </c>
      <c r="I4792">
        <f t="shared" si="538"/>
        <v>0.31148954499539599</v>
      </c>
      <c r="J4792">
        <f t="shared" si="539"/>
        <v>1.0382984833179867</v>
      </c>
      <c r="K4792">
        <f t="shared" si="540"/>
        <v>1.55744772497698</v>
      </c>
      <c r="L4792">
        <f t="shared" si="541"/>
        <v>7.4757490798895034</v>
      </c>
      <c r="M4792">
        <f t="shared" si="542"/>
        <v>0</v>
      </c>
      <c r="N4792" s="46">
        <f t="shared" si="543"/>
        <v>45490.24999998846</v>
      </c>
    </row>
    <row r="4793" spans="2:14" x14ac:dyDescent="0.3">
      <c r="B4793">
        <f t="shared" si="537"/>
        <v>3</v>
      </c>
      <c r="C4793" s="16">
        <v>4759</v>
      </c>
      <c r="D4793" cm="1">
        <f t="array" ref="D4793">IFERROR(INDEX(Jesper!AH$2:AH$366,ROUNDDOWN($C4793/24,0)+1,1)*INDEX($D$3:$AA$30,INDEX(Jesper!$R$2:$R$366,ROW(INDEX(Jesper!AH$2:AH$366,ROUNDDOWN($C4793/24,0)+1,1))-1)+IF('Standard Profiles'!$G$18=$B$10,7,0)+IF('Standard Profiles'!$G$18=$B$17,14,0)+IF('Standard Profiles'!$G$18=$B$24,21,0),MOD($C4793,24)+1)/SUM(INDEX($D$3:$AA$30,INDEX(Jesper!$R$2:$R$366,ROW(INDEX(Jesper!AH$2:AH$366,ROUNDDOWN($C4793/24,0)+1,1))-1)+IF('Standard Profiles'!$G$18=$B$10,7,0)+IF('Standard Profiles'!$G$18=$B$17,14,0)+IF('Standard Profiles'!$G$18=$B$24,21,0),0)),0)</f>
        <v>10.382984833179867</v>
      </c>
      <c r="E4793" cm="1">
        <f t="array" ref="E4793">IFERROR(INDEX(Jesper!AI$2:AI$366,ROUNDDOWN($C4793/24,0)+1,1)*INDEX($D$3:$AA$30,INDEX(Jesper!$R$2:$R$366,ROW(INDEX(Jesper!AI$2:AI$366,ROUNDDOWN($C4793/24,0)+1,1))-1)+IF('Standard Profiles'!$G$19=$B$10,7,0)+IF('Standard Profiles'!$G$19=$B$17,14,0)+IF('Standard Profiles'!$G$19=$B$24,21,0),MOD($C4793,24)+1)/SUM(INDEX($D$3:$AA$30,INDEX(Jesper!$R$2:$R$366,ROW(INDEX(Jesper!AI$2:AI$366,ROUNDDOWN($C4793/24,0)+1,1))-1)+IF('Standard Profiles'!$G$19=$B$10,7,0)+IF('Standard Profiles'!$G$19=$B$17,14,0)+IF('Standard Profiles'!$G$19=$B$24,21,0),0)),0)</f>
        <v>0</v>
      </c>
      <c r="F4793" cm="1">
        <f t="array" ref="F4793">IFERROR(INDEX(Jesper!AJ$2:AJ$366,ROUNDDOWN($C4793/24,0)+1,1)*INDEX($D$3:$AA$30,INDEX(Jesper!$R$2:$R$366,ROW(INDEX(Jesper!AJ$2:AJ$366,ROUNDDOWN($C4793/24,0)+1,1))-1)+IF('Standard Profiles'!$G$20=$B$10,7,0)+IF('Standard Profiles'!$G$20=$B$17,14,0)+IF('Standard Profiles'!$G$20=$B$24,21,0),MOD($C4793,24)+1)/SUM(INDEX($D$3:$AA$30,INDEX(Jesper!$R$2:$R$366,ROW(INDEX(Jesper!AJ$2:AJ$366,ROUNDDOWN($C4793/24,0)+1,1))-1)+IF('Standard Profiles'!$G$20=$B$10,7,0)+IF('Standard Profiles'!$G$20=$B$17,14,0)+IF('Standard Profiles'!$G$20=$B$24,21,0),0)),0)</f>
        <v>0</v>
      </c>
      <c r="G4793" cm="1">
        <f t="array" ref="G4793">IFERROR(INDEX(Jesper!AK$2:AK$366,ROUNDDOWN($C4793/24,0)+1,1)*INDEX($D$3:$AA$30,INDEX(Jesper!$R$2:$R$366,ROW(INDEX(Jesper!AK$2:AK$366,ROUNDDOWN($C4793/24,0)+1,1))-1)+IF('Standard Profiles'!$G$21=$B$10,7,0)+IF('Standard Profiles'!$G$21=$B$17,14,0)+IF('Standard Profiles'!$G$21=$B$24,21,0),MOD($C4793,24)+1)/SUM(INDEX($D$3:$AA$30,INDEX(Jesper!$R$2:$R$366,ROW(INDEX(Jesper!AK$2:AK$366,ROUNDDOWN($C4793/24,0)+1,1))-1)+IF('Standard Profiles'!$G$21=$B$10,7,0)+IF('Standard Profiles'!$G$21=$B$17,14,0)+IF('Standard Profiles'!$G$21=$B$24,21,0),0)),0)</f>
        <v>0</v>
      </c>
      <c r="H4793" cm="1">
        <f t="array" ref="H4793">IFERROR(INDEX(Jesper!AL$2:AL$366,ROUNDDOWN($C4793/24,0)+1,1)*INDEX($D$3:$AA$30,INDEX(Jesper!$R$2:$R$366,ROW(INDEX(Jesper!AL$2:AL$366,ROUNDDOWN($C4793/24,0)+1,1))-1)+IF('Standard Profiles'!$G$22=$B$10,7,0)+IF('Standard Profiles'!$G$22=$B$17,14,0)+IF('Standard Profiles'!$G$22=$B$24,21,0),MOD($C4793,24)+1)/SUM(INDEX($D$3:$AA$30,INDEX(Jesper!$R$2:$R$366,ROW(INDEX(Jesper!AL$2:AL$366,ROUNDDOWN($C4793/24,0)+1,1))-1)+IF('Standard Profiles'!$G$22=$B$10,7,0)+IF('Standard Profiles'!$G$22=$B$17,14,0)+IF('Standard Profiles'!$G$22=$B$24,21,0),0)),0)</f>
        <v>0</v>
      </c>
      <c r="I4793">
        <f t="shared" si="538"/>
        <v>0.31148954499539599</v>
      </c>
      <c r="J4793">
        <f t="shared" si="539"/>
        <v>1.0382984833179867</v>
      </c>
      <c r="K4793">
        <f t="shared" si="540"/>
        <v>1.55744772497698</v>
      </c>
      <c r="L4793">
        <f t="shared" si="541"/>
        <v>7.4757490798895034</v>
      </c>
      <c r="M4793">
        <f t="shared" si="542"/>
        <v>0</v>
      </c>
      <c r="N4793" s="46">
        <f t="shared" si="543"/>
        <v>45490.291666655125</v>
      </c>
    </row>
    <row r="4794" spans="2:14" x14ac:dyDescent="0.3">
      <c r="B4794">
        <f t="shared" si="537"/>
        <v>3</v>
      </c>
      <c r="C4794" s="16">
        <v>4760</v>
      </c>
      <c r="D4794" cm="1">
        <f t="array" ref="D4794">IFERROR(INDEX(Jesper!AH$2:AH$366,ROUNDDOWN($C4794/24,0)+1,1)*INDEX($D$3:$AA$30,INDEX(Jesper!$R$2:$R$366,ROW(INDEX(Jesper!AH$2:AH$366,ROUNDDOWN($C4794/24,0)+1,1))-1)+IF('Standard Profiles'!$G$18=$B$10,7,0)+IF('Standard Profiles'!$G$18=$B$17,14,0)+IF('Standard Profiles'!$G$18=$B$24,21,0),MOD($C4794,24)+1)/SUM(INDEX($D$3:$AA$30,INDEX(Jesper!$R$2:$R$366,ROW(INDEX(Jesper!AH$2:AH$366,ROUNDDOWN($C4794/24,0)+1,1))-1)+IF('Standard Profiles'!$G$18=$B$10,7,0)+IF('Standard Profiles'!$G$18=$B$17,14,0)+IF('Standard Profiles'!$G$18=$B$24,21,0),0)),0)</f>
        <v>10.382984833179867</v>
      </c>
      <c r="E4794" cm="1">
        <f t="array" ref="E4794">IFERROR(INDEX(Jesper!AI$2:AI$366,ROUNDDOWN($C4794/24,0)+1,1)*INDEX($D$3:$AA$30,INDEX(Jesper!$R$2:$R$366,ROW(INDEX(Jesper!AI$2:AI$366,ROUNDDOWN($C4794/24,0)+1,1))-1)+IF('Standard Profiles'!$G$19=$B$10,7,0)+IF('Standard Profiles'!$G$19=$B$17,14,0)+IF('Standard Profiles'!$G$19=$B$24,21,0),MOD($C4794,24)+1)/SUM(INDEX($D$3:$AA$30,INDEX(Jesper!$R$2:$R$366,ROW(INDEX(Jesper!AI$2:AI$366,ROUNDDOWN($C4794/24,0)+1,1))-1)+IF('Standard Profiles'!$G$19=$B$10,7,0)+IF('Standard Profiles'!$G$19=$B$17,14,0)+IF('Standard Profiles'!$G$19=$B$24,21,0),0)),0)</f>
        <v>0</v>
      </c>
      <c r="F4794" cm="1">
        <f t="array" ref="F4794">IFERROR(INDEX(Jesper!AJ$2:AJ$366,ROUNDDOWN($C4794/24,0)+1,1)*INDEX($D$3:$AA$30,INDEX(Jesper!$R$2:$R$366,ROW(INDEX(Jesper!AJ$2:AJ$366,ROUNDDOWN($C4794/24,0)+1,1))-1)+IF('Standard Profiles'!$G$20=$B$10,7,0)+IF('Standard Profiles'!$G$20=$B$17,14,0)+IF('Standard Profiles'!$G$20=$B$24,21,0),MOD($C4794,24)+1)/SUM(INDEX($D$3:$AA$30,INDEX(Jesper!$R$2:$R$366,ROW(INDEX(Jesper!AJ$2:AJ$366,ROUNDDOWN($C4794/24,0)+1,1))-1)+IF('Standard Profiles'!$G$20=$B$10,7,0)+IF('Standard Profiles'!$G$20=$B$17,14,0)+IF('Standard Profiles'!$G$20=$B$24,21,0),0)),0)</f>
        <v>0</v>
      </c>
      <c r="G4794" cm="1">
        <f t="array" ref="G4794">IFERROR(INDEX(Jesper!AK$2:AK$366,ROUNDDOWN($C4794/24,0)+1,1)*INDEX($D$3:$AA$30,INDEX(Jesper!$R$2:$R$366,ROW(INDEX(Jesper!AK$2:AK$366,ROUNDDOWN($C4794/24,0)+1,1))-1)+IF('Standard Profiles'!$G$21=$B$10,7,0)+IF('Standard Profiles'!$G$21=$B$17,14,0)+IF('Standard Profiles'!$G$21=$B$24,21,0),MOD($C4794,24)+1)/SUM(INDEX($D$3:$AA$30,INDEX(Jesper!$R$2:$R$366,ROW(INDEX(Jesper!AK$2:AK$366,ROUNDDOWN($C4794/24,0)+1,1))-1)+IF('Standard Profiles'!$G$21=$B$10,7,0)+IF('Standard Profiles'!$G$21=$B$17,14,0)+IF('Standard Profiles'!$G$21=$B$24,21,0),0)),0)</f>
        <v>0</v>
      </c>
      <c r="H4794" cm="1">
        <f t="array" ref="H4794">IFERROR(INDEX(Jesper!AL$2:AL$366,ROUNDDOWN($C4794/24,0)+1,1)*INDEX($D$3:$AA$30,INDEX(Jesper!$R$2:$R$366,ROW(INDEX(Jesper!AL$2:AL$366,ROUNDDOWN($C4794/24,0)+1,1))-1)+IF('Standard Profiles'!$G$22=$B$10,7,0)+IF('Standard Profiles'!$G$22=$B$17,14,0)+IF('Standard Profiles'!$G$22=$B$24,21,0),MOD($C4794,24)+1)/SUM(INDEX($D$3:$AA$30,INDEX(Jesper!$R$2:$R$366,ROW(INDEX(Jesper!AL$2:AL$366,ROUNDDOWN($C4794/24,0)+1,1))-1)+IF('Standard Profiles'!$G$22=$B$10,7,0)+IF('Standard Profiles'!$G$22=$B$17,14,0)+IF('Standard Profiles'!$G$22=$B$24,21,0),0)),0)</f>
        <v>0</v>
      </c>
      <c r="I4794">
        <f t="shared" si="538"/>
        <v>0.31148954499539599</v>
      </c>
      <c r="J4794">
        <f t="shared" si="539"/>
        <v>1.0382984833179867</v>
      </c>
      <c r="K4794">
        <f t="shared" si="540"/>
        <v>1.55744772497698</v>
      </c>
      <c r="L4794">
        <f t="shared" si="541"/>
        <v>7.4757490798895034</v>
      </c>
      <c r="M4794">
        <f t="shared" si="542"/>
        <v>0</v>
      </c>
      <c r="N4794" s="46">
        <f t="shared" si="543"/>
        <v>45490.333333321789</v>
      </c>
    </row>
    <row r="4795" spans="2:14" x14ac:dyDescent="0.3">
      <c r="B4795">
        <f t="shared" si="537"/>
        <v>3</v>
      </c>
      <c r="C4795" s="16">
        <v>4761</v>
      </c>
      <c r="D4795" cm="1">
        <f t="array" ref="D4795">IFERROR(INDEX(Jesper!AH$2:AH$366,ROUNDDOWN($C4795/24,0)+1,1)*INDEX($D$3:$AA$30,INDEX(Jesper!$R$2:$R$366,ROW(INDEX(Jesper!AH$2:AH$366,ROUNDDOWN($C4795/24,0)+1,1))-1)+IF('Standard Profiles'!$G$18=$B$10,7,0)+IF('Standard Profiles'!$G$18=$B$17,14,0)+IF('Standard Profiles'!$G$18=$B$24,21,0),MOD($C4795,24)+1)/SUM(INDEX($D$3:$AA$30,INDEX(Jesper!$R$2:$R$366,ROW(INDEX(Jesper!AH$2:AH$366,ROUNDDOWN($C4795/24,0)+1,1))-1)+IF('Standard Profiles'!$G$18=$B$10,7,0)+IF('Standard Profiles'!$G$18=$B$17,14,0)+IF('Standard Profiles'!$G$18=$B$24,21,0),0)),0)</f>
        <v>11.157834447596274</v>
      </c>
      <c r="E4795" cm="1">
        <f t="array" ref="E4795">IFERROR(INDEX(Jesper!AI$2:AI$366,ROUNDDOWN($C4795/24,0)+1,1)*INDEX($D$3:$AA$30,INDEX(Jesper!$R$2:$R$366,ROW(INDEX(Jesper!AI$2:AI$366,ROUNDDOWN($C4795/24,0)+1,1))-1)+IF('Standard Profiles'!$G$19=$B$10,7,0)+IF('Standard Profiles'!$G$19=$B$17,14,0)+IF('Standard Profiles'!$G$19=$B$24,21,0),MOD($C4795,24)+1)/SUM(INDEX($D$3:$AA$30,INDEX(Jesper!$R$2:$R$366,ROW(INDEX(Jesper!AI$2:AI$366,ROUNDDOWN($C4795/24,0)+1,1))-1)+IF('Standard Profiles'!$G$19=$B$10,7,0)+IF('Standard Profiles'!$G$19=$B$17,14,0)+IF('Standard Profiles'!$G$19=$B$24,21,0),0)),0)</f>
        <v>0</v>
      </c>
      <c r="F4795" cm="1">
        <f t="array" ref="F4795">IFERROR(INDEX(Jesper!AJ$2:AJ$366,ROUNDDOWN($C4795/24,0)+1,1)*INDEX($D$3:$AA$30,INDEX(Jesper!$R$2:$R$366,ROW(INDEX(Jesper!AJ$2:AJ$366,ROUNDDOWN($C4795/24,0)+1,1))-1)+IF('Standard Profiles'!$G$20=$B$10,7,0)+IF('Standard Profiles'!$G$20=$B$17,14,0)+IF('Standard Profiles'!$G$20=$B$24,21,0),MOD($C4795,24)+1)/SUM(INDEX($D$3:$AA$30,INDEX(Jesper!$R$2:$R$366,ROW(INDEX(Jesper!AJ$2:AJ$366,ROUNDDOWN($C4795/24,0)+1,1))-1)+IF('Standard Profiles'!$G$20=$B$10,7,0)+IF('Standard Profiles'!$G$20=$B$17,14,0)+IF('Standard Profiles'!$G$20=$B$24,21,0),0)),0)</f>
        <v>0</v>
      </c>
      <c r="G4795" cm="1">
        <f t="array" ref="G4795">IFERROR(INDEX(Jesper!AK$2:AK$366,ROUNDDOWN($C4795/24,0)+1,1)*INDEX($D$3:$AA$30,INDEX(Jesper!$R$2:$R$366,ROW(INDEX(Jesper!AK$2:AK$366,ROUNDDOWN($C4795/24,0)+1,1))-1)+IF('Standard Profiles'!$G$21=$B$10,7,0)+IF('Standard Profiles'!$G$21=$B$17,14,0)+IF('Standard Profiles'!$G$21=$B$24,21,0),MOD($C4795,24)+1)/SUM(INDEX($D$3:$AA$30,INDEX(Jesper!$R$2:$R$366,ROW(INDEX(Jesper!AK$2:AK$366,ROUNDDOWN($C4795/24,0)+1,1))-1)+IF('Standard Profiles'!$G$21=$B$10,7,0)+IF('Standard Profiles'!$G$21=$B$17,14,0)+IF('Standard Profiles'!$G$21=$B$24,21,0),0)),0)</f>
        <v>0</v>
      </c>
      <c r="H4795" cm="1">
        <f t="array" ref="H4795">IFERROR(INDEX(Jesper!AL$2:AL$366,ROUNDDOWN($C4795/24,0)+1,1)*INDEX($D$3:$AA$30,INDEX(Jesper!$R$2:$R$366,ROW(INDEX(Jesper!AL$2:AL$366,ROUNDDOWN($C4795/24,0)+1,1))-1)+IF('Standard Profiles'!$G$22=$B$10,7,0)+IF('Standard Profiles'!$G$22=$B$17,14,0)+IF('Standard Profiles'!$G$22=$B$24,21,0),MOD($C4795,24)+1)/SUM(INDEX($D$3:$AA$30,INDEX(Jesper!$R$2:$R$366,ROW(INDEX(Jesper!AL$2:AL$366,ROUNDDOWN($C4795/24,0)+1,1))-1)+IF('Standard Profiles'!$G$22=$B$10,7,0)+IF('Standard Profiles'!$G$22=$B$17,14,0)+IF('Standard Profiles'!$G$22=$B$24,21,0),0)),0)</f>
        <v>0</v>
      </c>
      <c r="I4795">
        <f t="shared" si="538"/>
        <v>0.33473503342788818</v>
      </c>
      <c r="J4795">
        <f t="shared" si="539"/>
        <v>1.1157834447596275</v>
      </c>
      <c r="K4795">
        <f t="shared" si="540"/>
        <v>1.673675167139441</v>
      </c>
      <c r="L4795">
        <f t="shared" si="541"/>
        <v>8.0336408022693178</v>
      </c>
      <c r="M4795">
        <f t="shared" si="542"/>
        <v>0</v>
      </c>
      <c r="N4795" s="46">
        <f t="shared" si="543"/>
        <v>45490.374999988453</v>
      </c>
    </row>
    <row r="4796" spans="2:14" x14ac:dyDescent="0.3">
      <c r="B4796">
        <f t="shared" si="537"/>
        <v>3</v>
      </c>
      <c r="C4796" s="16">
        <v>4762</v>
      </c>
      <c r="D4796" cm="1">
        <f t="array" ref="D4796">IFERROR(INDEX(Jesper!AH$2:AH$366,ROUNDDOWN($C4796/24,0)+1,1)*INDEX($D$3:$AA$30,INDEX(Jesper!$R$2:$R$366,ROW(INDEX(Jesper!AH$2:AH$366,ROUNDDOWN($C4796/24,0)+1,1))-1)+IF('Standard Profiles'!$G$18=$B$10,7,0)+IF('Standard Profiles'!$G$18=$B$17,14,0)+IF('Standard Profiles'!$G$18=$B$24,21,0),MOD($C4796,24)+1)/SUM(INDEX($D$3:$AA$30,INDEX(Jesper!$R$2:$R$366,ROW(INDEX(Jesper!AH$2:AH$366,ROUNDDOWN($C4796/24,0)+1,1))-1)+IF('Standard Profiles'!$G$18=$B$10,7,0)+IF('Standard Profiles'!$G$18=$B$17,14,0)+IF('Standard Profiles'!$G$18=$B$24,21,0),0)),0)</f>
        <v>12.087653984895963</v>
      </c>
      <c r="E4796" cm="1">
        <f t="array" ref="E4796">IFERROR(INDEX(Jesper!AI$2:AI$366,ROUNDDOWN($C4796/24,0)+1,1)*INDEX($D$3:$AA$30,INDEX(Jesper!$R$2:$R$366,ROW(INDEX(Jesper!AI$2:AI$366,ROUNDDOWN($C4796/24,0)+1,1))-1)+IF('Standard Profiles'!$G$19=$B$10,7,0)+IF('Standard Profiles'!$G$19=$B$17,14,0)+IF('Standard Profiles'!$G$19=$B$24,21,0),MOD($C4796,24)+1)/SUM(INDEX($D$3:$AA$30,INDEX(Jesper!$R$2:$R$366,ROW(INDEX(Jesper!AI$2:AI$366,ROUNDDOWN($C4796/24,0)+1,1))-1)+IF('Standard Profiles'!$G$19=$B$10,7,0)+IF('Standard Profiles'!$G$19=$B$17,14,0)+IF('Standard Profiles'!$G$19=$B$24,21,0),0)),0)</f>
        <v>0</v>
      </c>
      <c r="F4796" cm="1">
        <f t="array" ref="F4796">IFERROR(INDEX(Jesper!AJ$2:AJ$366,ROUNDDOWN($C4796/24,0)+1,1)*INDEX($D$3:$AA$30,INDEX(Jesper!$R$2:$R$366,ROW(INDEX(Jesper!AJ$2:AJ$366,ROUNDDOWN($C4796/24,0)+1,1))-1)+IF('Standard Profiles'!$G$20=$B$10,7,0)+IF('Standard Profiles'!$G$20=$B$17,14,0)+IF('Standard Profiles'!$G$20=$B$24,21,0),MOD($C4796,24)+1)/SUM(INDEX($D$3:$AA$30,INDEX(Jesper!$R$2:$R$366,ROW(INDEX(Jesper!AJ$2:AJ$366,ROUNDDOWN($C4796/24,0)+1,1))-1)+IF('Standard Profiles'!$G$20=$B$10,7,0)+IF('Standard Profiles'!$G$20=$B$17,14,0)+IF('Standard Profiles'!$G$20=$B$24,21,0),0)),0)</f>
        <v>0</v>
      </c>
      <c r="G4796" cm="1">
        <f t="array" ref="G4796">IFERROR(INDEX(Jesper!AK$2:AK$366,ROUNDDOWN($C4796/24,0)+1,1)*INDEX($D$3:$AA$30,INDEX(Jesper!$R$2:$R$366,ROW(INDEX(Jesper!AK$2:AK$366,ROUNDDOWN($C4796/24,0)+1,1))-1)+IF('Standard Profiles'!$G$21=$B$10,7,0)+IF('Standard Profiles'!$G$21=$B$17,14,0)+IF('Standard Profiles'!$G$21=$B$24,21,0),MOD($C4796,24)+1)/SUM(INDEX($D$3:$AA$30,INDEX(Jesper!$R$2:$R$366,ROW(INDEX(Jesper!AK$2:AK$366,ROUNDDOWN($C4796/24,0)+1,1))-1)+IF('Standard Profiles'!$G$21=$B$10,7,0)+IF('Standard Profiles'!$G$21=$B$17,14,0)+IF('Standard Profiles'!$G$21=$B$24,21,0),0)),0)</f>
        <v>0</v>
      </c>
      <c r="H4796" cm="1">
        <f t="array" ref="H4796">IFERROR(INDEX(Jesper!AL$2:AL$366,ROUNDDOWN($C4796/24,0)+1,1)*INDEX($D$3:$AA$30,INDEX(Jesper!$R$2:$R$366,ROW(INDEX(Jesper!AL$2:AL$366,ROUNDDOWN($C4796/24,0)+1,1))-1)+IF('Standard Profiles'!$G$22=$B$10,7,0)+IF('Standard Profiles'!$G$22=$B$17,14,0)+IF('Standard Profiles'!$G$22=$B$24,21,0),MOD($C4796,24)+1)/SUM(INDEX($D$3:$AA$30,INDEX(Jesper!$R$2:$R$366,ROW(INDEX(Jesper!AL$2:AL$366,ROUNDDOWN($C4796/24,0)+1,1))-1)+IF('Standard Profiles'!$G$22=$B$10,7,0)+IF('Standard Profiles'!$G$22=$B$17,14,0)+IF('Standard Profiles'!$G$22=$B$24,21,0),0)),0)</f>
        <v>0</v>
      </c>
      <c r="I4796">
        <f t="shared" si="538"/>
        <v>0.36262961954687889</v>
      </c>
      <c r="J4796">
        <f t="shared" si="539"/>
        <v>1.2087653984895965</v>
      </c>
      <c r="K4796">
        <f t="shared" si="540"/>
        <v>1.8131480977343943</v>
      </c>
      <c r="L4796">
        <f t="shared" si="541"/>
        <v>8.7031108691250925</v>
      </c>
      <c r="M4796">
        <f t="shared" si="542"/>
        <v>0</v>
      </c>
      <c r="N4796" s="46">
        <f t="shared" si="543"/>
        <v>45490.416666655117</v>
      </c>
    </row>
    <row r="4797" spans="2:14" x14ac:dyDescent="0.3">
      <c r="B4797">
        <f t="shared" si="537"/>
        <v>3</v>
      </c>
      <c r="C4797" s="16">
        <v>4763</v>
      </c>
      <c r="D4797" cm="1">
        <f t="array" ref="D4797">IFERROR(INDEX(Jesper!AH$2:AH$366,ROUNDDOWN($C4797/24,0)+1,1)*INDEX($D$3:$AA$30,INDEX(Jesper!$R$2:$R$366,ROW(INDEX(Jesper!AH$2:AH$366,ROUNDDOWN($C4797/24,0)+1,1))-1)+IF('Standard Profiles'!$G$18=$B$10,7,0)+IF('Standard Profiles'!$G$18=$B$17,14,0)+IF('Standard Profiles'!$G$18=$B$24,21,0),MOD($C4797,24)+1)/SUM(INDEX($D$3:$AA$30,INDEX(Jesper!$R$2:$R$366,ROW(INDEX(Jesper!AH$2:AH$366,ROUNDDOWN($C4797/24,0)+1,1))-1)+IF('Standard Profiles'!$G$18=$B$10,7,0)+IF('Standard Profiles'!$G$18=$B$17,14,0)+IF('Standard Profiles'!$G$18=$B$24,21,0),0)),0)</f>
        <v>13.947293059495342</v>
      </c>
      <c r="E4797" cm="1">
        <f t="array" ref="E4797">IFERROR(INDEX(Jesper!AI$2:AI$366,ROUNDDOWN($C4797/24,0)+1,1)*INDEX($D$3:$AA$30,INDEX(Jesper!$R$2:$R$366,ROW(INDEX(Jesper!AI$2:AI$366,ROUNDDOWN($C4797/24,0)+1,1))-1)+IF('Standard Profiles'!$G$19=$B$10,7,0)+IF('Standard Profiles'!$G$19=$B$17,14,0)+IF('Standard Profiles'!$G$19=$B$24,21,0),MOD($C4797,24)+1)/SUM(INDEX($D$3:$AA$30,INDEX(Jesper!$R$2:$R$366,ROW(INDEX(Jesper!AI$2:AI$366,ROUNDDOWN($C4797/24,0)+1,1))-1)+IF('Standard Profiles'!$G$19=$B$10,7,0)+IF('Standard Profiles'!$G$19=$B$17,14,0)+IF('Standard Profiles'!$G$19=$B$24,21,0),0)),0)</f>
        <v>0</v>
      </c>
      <c r="F4797" cm="1">
        <f t="array" ref="F4797">IFERROR(INDEX(Jesper!AJ$2:AJ$366,ROUNDDOWN($C4797/24,0)+1,1)*INDEX($D$3:$AA$30,INDEX(Jesper!$R$2:$R$366,ROW(INDEX(Jesper!AJ$2:AJ$366,ROUNDDOWN($C4797/24,0)+1,1))-1)+IF('Standard Profiles'!$G$20=$B$10,7,0)+IF('Standard Profiles'!$G$20=$B$17,14,0)+IF('Standard Profiles'!$G$20=$B$24,21,0),MOD($C4797,24)+1)/SUM(INDEX($D$3:$AA$30,INDEX(Jesper!$R$2:$R$366,ROW(INDEX(Jesper!AJ$2:AJ$366,ROUNDDOWN($C4797/24,0)+1,1))-1)+IF('Standard Profiles'!$G$20=$B$10,7,0)+IF('Standard Profiles'!$G$20=$B$17,14,0)+IF('Standard Profiles'!$G$20=$B$24,21,0),0)),0)</f>
        <v>0</v>
      </c>
      <c r="G4797" cm="1">
        <f t="array" ref="G4797">IFERROR(INDEX(Jesper!AK$2:AK$366,ROUNDDOWN($C4797/24,0)+1,1)*INDEX($D$3:$AA$30,INDEX(Jesper!$R$2:$R$366,ROW(INDEX(Jesper!AK$2:AK$366,ROUNDDOWN($C4797/24,0)+1,1))-1)+IF('Standard Profiles'!$G$21=$B$10,7,0)+IF('Standard Profiles'!$G$21=$B$17,14,0)+IF('Standard Profiles'!$G$21=$B$24,21,0),MOD($C4797,24)+1)/SUM(INDEX($D$3:$AA$30,INDEX(Jesper!$R$2:$R$366,ROW(INDEX(Jesper!AK$2:AK$366,ROUNDDOWN($C4797/24,0)+1,1))-1)+IF('Standard Profiles'!$G$21=$B$10,7,0)+IF('Standard Profiles'!$G$21=$B$17,14,0)+IF('Standard Profiles'!$G$21=$B$24,21,0),0)),0)</f>
        <v>0</v>
      </c>
      <c r="H4797" cm="1">
        <f t="array" ref="H4797">IFERROR(INDEX(Jesper!AL$2:AL$366,ROUNDDOWN($C4797/24,0)+1,1)*INDEX($D$3:$AA$30,INDEX(Jesper!$R$2:$R$366,ROW(INDEX(Jesper!AL$2:AL$366,ROUNDDOWN($C4797/24,0)+1,1))-1)+IF('Standard Profiles'!$G$22=$B$10,7,0)+IF('Standard Profiles'!$G$22=$B$17,14,0)+IF('Standard Profiles'!$G$22=$B$24,21,0),MOD($C4797,24)+1)/SUM(INDEX($D$3:$AA$30,INDEX(Jesper!$R$2:$R$366,ROW(INDEX(Jesper!AL$2:AL$366,ROUNDDOWN($C4797/24,0)+1,1))-1)+IF('Standard Profiles'!$G$22=$B$10,7,0)+IF('Standard Profiles'!$G$22=$B$17,14,0)+IF('Standard Profiles'!$G$22=$B$24,21,0),0)),0)</f>
        <v>0</v>
      </c>
      <c r="I4797">
        <f t="shared" si="538"/>
        <v>0.41841879178486024</v>
      </c>
      <c r="J4797">
        <f t="shared" si="539"/>
        <v>1.3947293059495343</v>
      </c>
      <c r="K4797">
        <f t="shared" si="540"/>
        <v>2.0920939589243011</v>
      </c>
      <c r="L4797">
        <f t="shared" si="541"/>
        <v>10.042051002836645</v>
      </c>
      <c r="M4797">
        <f t="shared" si="542"/>
        <v>0</v>
      </c>
      <c r="N4797" s="46">
        <f t="shared" si="543"/>
        <v>45490.458333321782</v>
      </c>
    </row>
    <row r="4798" spans="2:14" x14ac:dyDescent="0.3">
      <c r="B4798">
        <f t="shared" si="537"/>
        <v>3</v>
      </c>
      <c r="C4798" s="16">
        <v>4764</v>
      </c>
      <c r="D4798" cm="1">
        <f t="array" ref="D4798">IFERROR(INDEX(Jesper!AH$2:AH$366,ROUNDDOWN($C4798/24,0)+1,1)*INDEX($D$3:$AA$30,INDEX(Jesper!$R$2:$R$366,ROW(INDEX(Jesper!AH$2:AH$366,ROUNDDOWN($C4798/24,0)+1,1))-1)+IF('Standard Profiles'!$G$18=$B$10,7,0)+IF('Standard Profiles'!$G$18=$B$17,14,0)+IF('Standard Profiles'!$G$18=$B$24,21,0),MOD($C4798,24)+1)/SUM(INDEX($D$3:$AA$30,INDEX(Jesper!$R$2:$R$366,ROW(INDEX(Jesper!AH$2:AH$366,ROUNDDOWN($C4798/24,0)+1,1))-1)+IF('Standard Profiles'!$G$18=$B$10,7,0)+IF('Standard Profiles'!$G$18=$B$17,14,0)+IF('Standard Profiles'!$G$18=$B$24,21,0),0)),0)</f>
        <v>13.947293059495342</v>
      </c>
      <c r="E4798" cm="1">
        <f t="array" ref="E4798">IFERROR(INDEX(Jesper!AI$2:AI$366,ROUNDDOWN($C4798/24,0)+1,1)*INDEX($D$3:$AA$30,INDEX(Jesper!$R$2:$R$366,ROW(INDEX(Jesper!AI$2:AI$366,ROUNDDOWN($C4798/24,0)+1,1))-1)+IF('Standard Profiles'!$G$19=$B$10,7,0)+IF('Standard Profiles'!$G$19=$B$17,14,0)+IF('Standard Profiles'!$G$19=$B$24,21,0),MOD($C4798,24)+1)/SUM(INDEX($D$3:$AA$30,INDEX(Jesper!$R$2:$R$366,ROW(INDEX(Jesper!AI$2:AI$366,ROUNDDOWN($C4798/24,0)+1,1))-1)+IF('Standard Profiles'!$G$19=$B$10,7,0)+IF('Standard Profiles'!$G$19=$B$17,14,0)+IF('Standard Profiles'!$G$19=$B$24,21,0),0)),0)</f>
        <v>0</v>
      </c>
      <c r="F4798" cm="1">
        <f t="array" ref="F4798">IFERROR(INDEX(Jesper!AJ$2:AJ$366,ROUNDDOWN($C4798/24,0)+1,1)*INDEX($D$3:$AA$30,INDEX(Jesper!$R$2:$R$366,ROW(INDEX(Jesper!AJ$2:AJ$366,ROUNDDOWN($C4798/24,0)+1,1))-1)+IF('Standard Profiles'!$G$20=$B$10,7,0)+IF('Standard Profiles'!$G$20=$B$17,14,0)+IF('Standard Profiles'!$G$20=$B$24,21,0),MOD($C4798,24)+1)/SUM(INDEX($D$3:$AA$30,INDEX(Jesper!$R$2:$R$366,ROW(INDEX(Jesper!AJ$2:AJ$366,ROUNDDOWN($C4798/24,0)+1,1))-1)+IF('Standard Profiles'!$G$20=$B$10,7,0)+IF('Standard Profiles'!$G$20=$B$17,14,0)+IF('Standard Profiles'!$G$20=$B$24,21,0),0)),0)</f>
        <v>0</v>
      </c>
      <c r="G4798" cm="1">
        <f t="array" ref="G4798">IFERROR(INDEX(Jesper!AK$2:AK$366,ROUNDDOWN($C4798/24,0)+1,1)*INDEX($D$3:$AA$30,INDEX(Jesper!$R$2:$R$366,ROW(INDEX(Jesper!AK$2:AK$366,ROUNDDOWN($C4798/24,0)+1,1))-1)+IF('Standard Profiles'!$G$21=$B$10,7,0)+IF('Standard Profiles'!$G$21=$B$17,14,0)+IF('Standard Profiles'!$G$21=$B$24,21,0),MOD($C4798,24)+1)/SUM(INDEX($D$3:$AA$30,INDEX(Jesper!$R$2:$R$366,ROW(INDEX(Jesper!AK$2:AK$366,ROUNDDOWN($C4798/24,0)+1,1))-1)+IF('Standard Profiles'!$G$21=$B$10,7,0)+IF('Standard Profiles'!$G$21=$B$17,14,0)+IF('Standard Profiles'!$G$21=$B$24,21,0),0)),0)</f>
        <v>0</v>
      </c>
      <c r="H4798" cm="1">
        <f t="array" ref="H4798">IFERROR(INDEX(Jesper!AL$2:AL$366,ROUNDDOWN($C4798/24,0)+1,1)*INDEX($D$3:$AA$30,INDEX(Jesper!$R$2:$R$366,ROW(INDEX(Jesper!AL$2:AL$366,ROUNDDOWN($C4798/24,0)+1,1))-1)+IF('Standard Profiles'!$G$22=$B$10,7,0)+IF('Standard Profiles'!$G$22=$B$17,14,0)+IF('Standard Profiles'!$G$22=$B$24,21,0),MOD($C4798,24)+1)/SUM(INDEX($D$3:$AA$30,INDEX(Jesper!$R$2:$R$366,ROW(INDEX(Jesper!AL$2:AL$366,ROUNDDOWN($C4798/24,0)+1,1))-1)+IF('Standard Profiles'!$G$22=$B$10,7,0)+IF('Standard Profiles'!$G$22=$B$17,14,0)+IF('Standard Profiles'!$G$22=$B$24,21,0),0)),0)</f>
        <v>0</v>
      </c>
      <c r="I4798">
        <f t="shared" si="538"/>
        <v>0.41841879178486024</v>
      </c>
      <c r="J4798">
        <f t="shared" si="539"/>
        <v>1.3947293059495343</v>
      </c>
      <c r="K4798">
        <f t="shared" si="540"/>
        <v>2.0920939589243011</v>
      </c>
      <c r="L4798">
        <f t="shared" si="541"/>
        <v>10.042051002836645</v>
      </c>
      <c r="M4798">
        <f t="shared" si="542"/>
        <v>0</v>
      </c>
      <c r="N4798" s="46">
        <f t="shared" si="543"/>
        <v>45490.499999988446</v>
      </c>
    </row>
    <row r="4799" spans="2:14" x14ac:dyDescent="0.3">
      <c r="B4799">
        <f t="shared" si="537"/>
        <v>3</v>
      </c>
      <c r="C4799" s="16">
        <v>4765</v>
      </c>
      <c r="D4799" cm="1">
        <f t="array" ref="D4799">IFERROR(INDEX(Jesper!AH$2:AH$366,ROUNDDOWN($C4799/24,0)+1,1)*INDEX($D$3:$AA$30,INDEX(Jesper!$R$2:$R$366,ROW(INDEX(Jesper!AH$2:AH$366,ROUNDDOWN($C4799/24,0)+1,1))-1)+IF('Standard Profiles'!$G$18=$B$10,7,0)+IF('Standard Profiles'!$G$18=$B$17,14,0)+IF('Standard Profiles'!$G$18=$B$24,21,0),MOD($C4799,24)+1)/SUM(INDEX($D$3:$AA$30,INDEX(Jesper!$R$2:$R$366,ROW(INDEX(Jesper!AH$2:AH$366,ROUNDDOWN($C4799/24,0)+1,1))-1)+IF('Standard Profiles'!$G$18=$B$10,7,0)+IF('Standard Profiles'!$G$18=$B$17,14,0)+IF('Standard Profiles'!$G$18=$B$24,21,0),0)),0)</f>
        <v>13.947293059495342</v>
      </c>
      <c r="E4799" cm="1">
        <f t="array" ref="E4799">IFERROR(INDEX(Jesper!AI$2:AI$366,ROUNDDOWN($C4799/24,0)+1,1)*INDEX($D$3:$AA$30,INDEX(Jesper!$R$2:$R$366,ROW(INDEX(Jesper!AI$2:AI$366,ROUNDDOWN($C4799/24,0)+1,1))-1)+IF('Standard Profiles'!$G$19=$B$10,7,0)+IF('Standard Profiles'!$G$19=$B$17,14,0)+IF('Standard Profiles'!$G$19=$B$24,21,0),MOD($C4799,24)+1)/SUM(INDEX($D$3:$AA$30,INDEX(Jesper!$R$2:$R$366,ROW(INDEX(Jesper!AI$2:AI$366,ROUNDDOWN($C4799/24,0)+1,1))-1)+IF('Standard Profiles'!$G$19=$B$10,7,0)+IF('Standard Profiles'!$G$19=$B$17,14,0)+IF('Standard Profiles'!$G$19=$B$24,21,0),0)),0)</f>
        <v>0</v>
      </c>
      <c r="F4799" cm="1">
        <f t="array" ref="F4799">IFERROR(INDEX(Jesper!AJ$2:AJ$366,ROUNDDOWN($C4799/24,0)+1,1)*INDEX($D$3:$AA$30,INDEX(Jesper!$R$2:$R$366,ROW(INDEX(Jesper!AJ$2:AJ$366,ROUNDDOWN($C4799/24,0)+1,1))-1)+IF('Standard Profiles'!$G$20=$B$10,7,0)+IF('Standard Profiles'!$G$20=$B$17,14,0)+IF('Standard Profiles'!$G$20=$B$24,21,0),MOD($C4799,24)+1)/SUM(INDEX($D$3:$AA$30,INDEX(Jesper!$R$2:$R$366,ROW(INDEX(Jesper!AJ$2:AJ$366,ROUNDDOWN($C4799/24,0)+1,1))-1)+IF('Standard Profiles'!$G$20=$B$10,7,0)+IF('Standard Profiles'!$G$20=$B$17,14,0)+IF('Standard Profiles'!$G$20=$B$24,21,0),0)),0)</f>
        <v>0</v>
      </c>
      <c r="G4799" cm="1">
        <f t="array" ref="G4799">IFERROR(INDEX(Jesper!AK$2:AK$366,ROUNDDOWN($C4799/24,0)+1,1)*INDEX($D$3:$AA$30,INDEX(Jesper!$R$2:$R$366,ROW(INDEX(Jesper!AK$2:AK$366,ROUNDDOWN($C4799/24,0)+1,1))-1)+IF('Standard Profiles'!$G$21=$B$10,7,0)+IF('Standard Profiles'!$G$21=$B$17,14,0)+IF('Standard Profiles'!$G$21=$B$24,21,0),MOD($C4799,24)+1)/SUM(INDEX($D$3:$AA$30,INDEX(Jesper!$R$2:$R$366,ROW(INDEX(Jesper!AK$2:AK$366,ROUNDDOWN($C4799/24,0)+1,1))-1)+IF('Standard Profiles'!$G$21=$B$10,7,0)+IF('Standard Profiles'!$G$21=$B$17,14,0)+IF('Standard Profiles'!$G$21=$B$24,21,0),0)),0)</f>
        <v>0</v>
      </c>
      <c r="H4799" cm="1">
        <f t="array" ref="H4799">IFERROR(INDEX(Jesper!AL$2:AL$366,ROUNDDOWN($C4799/24,0)+1,1)*INDEX($D$3:$AA$30,INDEX(Jesper!$R$2:$R$366,ROW(INDEX(Jesper!AL$2:AL$366,ROUNDDOWN($C4799/24,0)+1,1))-1)+IF('Standard Profiles'!$G$22=$B$10,7,0)+IF('Standard Profiles'!$G$22=$B$17,14,0)+IF('Standard Profiles'!$G$22=$B$24,21,0),MOD($C4799,24)+1)/SUM(INDEX($D$3:$AA$30,INDEX(Jesper!$R$2:$R$366,ROW(INDEX(Jesper!AL$2:AL$366,ROUNDDOWN($C4799/24,0)+1,1))-1)+IF('Standard Profiles'!$G$22=$B$10,7,0)+IF('Standard Profiles'!$G$22=$B$17,14,0)+IF('Standard Profiles'!$G$22=$B$24,21,0),0)),0)</f>
        <v>0</v>
      </c>
      <c r="I4799">
        <f t="shared" si="538"/>
        <v>0.41841879178486024</v>
      </c>
      <c r="J4799">
        <f t="shared" si="539"/>
        <v>1.3947293059495343</v>
      </c>
      <c r="K4799">
        <f t="shared" si="540"/>
        <v>2.0920939589243011</v>
      </c>
      <c r="L4799">
        <f t="shared" si="541"/>
        <v>10.042051002836645</v>
      </c>
      <c r="M4799">
        <f t="shared" si="542"/>
        <v>0</v>
      </c>
      <c r="N4799" s="46">
        <f t="shared" si="543"/>
        <v>45490.54166665511</v>
      </c>
    </row>
    <row r="4800" spans="2:14" x14ac:dyDescent="0.3">
      <c r="B4800">
        <f t="shared" si="537"/>
        <v>3</v>
      </c>
      <c r="C4800" s="16">
        <v>4766</v>
      </c>
      <c r="D4800" cm="1">
        <f t="array" ref="D4800">IFERROR(INDEX(Jesper!AH$2:AH$366,ROUNDDOWN($C4800/24,0)+1,1)*INDEX($D$3:$AA$30,INDEX(Jesper!$R$2:$R$366,ROW(INDEX(Jesper!AH$2:AH$366,ROUNDDOWN($C4800/24,0)+1,1))-1)+IF('Standard Profiles'!$G$18=$B$10,7,0)+IF('Standard Profiles'!$G$18=$B$17,14,0)+IF('Standard Profiles'!$G$18=$B$24,21,0),MOD($C4800,24)+1)/SUM(INDEX($D$3:$AA$30,INDEX(Jesper!$R$2:$R$366,ROW(INDEX(Jesper!AH$2:AH$366,ROUNDDOWN($C4800/24,0)+1,1))-1)+IF('Standard Profiles'!$G$18=$B$10,7,0)+IF('Standard Profiles'!$G$18=$B$17,14,0)+IF('Standard Profiles'!$G$18=$B$24,21,0),0)),0)</f>
        <v>13.947293059495342</v>
      </c>
      <c r="E4800" cm="1">
        <f t="array" ref="E4800">IFERROR(INDEX(Jesper!AI$2:AI$366,ROUNDDOWN($C4800/24,0)+1,1)*INDEX($D$3:$AA$30,INDEX(Jesper!$R$2:$R$366,ROW(INDEX(Jesper!AI$2:AI$366,ROUNDDOWN($C4800/24,0)+1,1))-1)+IF('Standard Profiles'!$G$19=$B$10,7,0)+IF('Standard Profiles'!$G$19=$B$17,14,0)+IF('Standard Profiles'!$G$19=$B$24,21,0),MOD($C4800,24)+1)/SUM(INDEX($D$3:$AA$30,INDEX(Jesper!$R$2:$R$366,ROW(INDEX(Jesper!AI$2:AI$366,ROUNDDOWN($C4800/24,0)+1,1))-1)+IF('Standard Profiles'!$G$19=$B$10,7,0)+IF('Standard Profiles'!$G$19=$B$17,14,0)+IF('Standard Profiles'!$G$19=$B$24,21,0),0)),0)</f>
        <v>0</v>
      </c>
      <c r="F4800" cm="1">
        <f t="array" ref="F4800">IFERROR(INDEX(Jesper!AJ$2:AJ$366,ROUNDDOWN($C4800/24,0)+1,1)*INDEX($D$3:$AA$30,INDEX(Jesper!$R$2:$R$366,ROW(INDEX(Jesper!AJ$2:AJ$366,ROUNDDOWN($C4800/24,0)+1,1))-1)+IF('Standard Profiles'!$G$20=$B$10,7,0)+IF('Standard Profiles'!$G$20=$B$17,14,0)+IF('Standard Profiles'!$G$20=$B$24,21,0),MOD($C4800,24)+1)/SUM(INDEX($D$3:$AA$30,INDEX(Jesper!$R$2:$R$366,ROW(INDEX(Jesper!AJ$2:AJ$366,ROUNDDOWN($C4800/24,0)+1,1))-1)+IF('Standard Profiles'!$G$20=$B$10,7,0)+IF('Standard Profiles'!$G$20=$B$17,14,0)+IF('Standard Profiles'!$G$20=$B$24,21,0),0)),0)</f>
        <v>0</v>
      </c>
      <c r="G4800" cm="1">
        <f t="array" ref="G4800">IFERROR(INDEX(Jesper!AK$2:AK$366,ROUNDDOWN($C4800/24,0)+1,1)*INDEX($D$3:$AA$30,INDEX(Jesper!$R$2:$R$366,ROW(INDEX(Jesper!AK$2:AK$366,ROUNDDOWN($C4800/24,0)+1,1))-1)+IF('Standard Profiles'!$G$21=$B$10,7,0)+IF('Standard Profiles'!$G$21=$B$17,14,0)+IF('Standard Profiles'!$G$21=$B$24,21,0),MOD($C4800,24)+1)/SUM(INDEX($D$3:$AA$30,INDEX(Jesper!$R$2:$R$366,ROW(INDEX(Jesper!AK$2:AK$366,ROUNDDOWN($C4800/24,0)+1,1))-1)+IF('Standard Profiles'!$G$21=$B$10,7,0)+IF('Standard Profiles'!$G$21=$B$17,14,0)+IF('Standard Profiles'!$G$21=$B$24,21,0),0)),0)</f>
        <v>0</v>
      </c>
      <c r="H4800" cm="1">
        <f t="array" ref="H4800">IFERROR(INDEX(Jesper!AL$2:AL$366,ROUNDDOWN($C4800/24,0)+1,1)*INDEX($D$3:$AA$30,INDEX(Jesper!$R$2:$R$366,ROW(INDEX(Jesper!AL$2:AL$366,ROUNDDOWN($C4800/24,0)+1,1))-1)+IF('Standard Profiles'!$G$22=$B$10,7,0)+IF('Standard Profiles'!$G$22=$B$17,14,0)+IF('Standard Profiles'!$G$22=$B$24,21,0),MOD($C4800,24)+1)/SUM(INDEX($D$3:$AA$30,INDEX(Jesper!$R$2:$R$366,ROW(INDEX(Jesper!AL$2:AL$366,ROUNDDOWN($C4800/24,0)+1,1))-1)+IF('Standard Profiles'!$G$22=$B$10,7,0)+IF('Standard Profiles'!$G$22=$B$17,14,0)+IF('Standard Profiles'!$G$22=$B$24,21,0),0)),0)</f>
        <v>0</v>
      </c>
      <c r="I4800">
        <f t="shared" si="538"/>
        <v>0.41841879178486024</v>
      </c>
      <c r="J4800">
        <f t="shared" si="539"/>
        <v>1.3947293059495343</v>
      </c>
      <c r="K4800">
        <f t="shared" si="540"/>
        <v>2.0920939589243011</v>
      </c>
      <c r="L4800">
        <f t="shared" si="541"/>
        <v>10.042051002836645</v>
      </c>
      <c r="M4800">
        <f t="shared" si="542"/>
        <v>0</v>
      </c>
      <c r="N4800" s="46">
        <f t="shared" si="543"/>
        <v>45490.583333321774</v>
      </c>
    </row>
    <row r="4801" spans="2:14" x14ac:dyDescent="0.3">
      <c r="B4801">
        <f t="shared" si="537"/>
        <v>3</v>
      </c>
      <c r="C4801" s="16">
        <v>4767</v>
      </c>
      <c r="D4801" cm="1">
        <f t="array" ref="D4801">IFERROR(INDEX(Jesper!AH$2:AH$366,ROUNDDOWN($C4801/24,0)+1,1)*INDEX($D$3:$AA$30,INDEX(Jesper!$R$2:$R$366,ROW(INDEX(Jesper!AH$2:AH$366,ROUNDDOWN($C4801/24,0)+1,1))-1)+IF('Standard Profiles'!$G$18=$B$10,7,0)+IF('Standard Profiles'!$G$18=$B$17,14,0)+IF('Standard Profiles'!$G$18=$B$24,21,0),MOD($C4801,24)+1)/SUM(INDEX($D$3:$AA$30,INDEX(Jesper!$R$2:$R$366,ROW(INDEX(Jesper!AH$2:AH$366,ROUNDDOWN($C4801/24,0)+1,1))-1)+IF('Standard Profiles'!$G$18=$B$10,7,0)+IF('Standard Profiles'!$G$18=$B$17,14,0)+IF('Standard Profiles'!$G$18=$B$24,21,0),0)),0)</f>
        <v>13.947293059495342</v>
      </c>
      <c r="E4801" cm="1">
        <f t="array" ref="E4801">IFERROR(INDEX(Jesper!AI$2:AI$366,ROUNDDOWN($C4801/24,0)+1,1)*INDEX($D$3:$AA$30,INDEX(Jesper!$R$2:$R$366,ROW(INDEX(Jesper!AI$2:AI$366,ROUNDDOWN($C4801/24,0)+1,1))-1)+IF('Standard Profiles'!$G$19=$B$10,7,0)+IF('Standard Profiles'!$G$19=$B$17,14,0)+IF('Standard Profiles'!$G$19=$B$24,21,0),MOD($C4801,24)+1)/SUM(INDEX($D$3:$AA$30,INDEX(Jesper!$R$2:$R$366,ROW(INDEX(Jesper!AI$2:AI$366,ROUNDDOWN($C4801/24,0)+1,1))-1)+IF('Standard Profiles'!$G$19=$B$10,7,0)+IF('Standard Profiles'!$G$19=$B$17,14,0)+IF('Standard Profiles'!$G$19=$B$24,21,0),0)),0)</f>
        <v>0</v>
      </c>
      <c r="F4801" cm="1">
        <f t="array" ref="F4801">IFERROR(INDEX(Jesper!AJ$2:AJ$366,ROUNDDOWN($C4801/24,0)+1,1)*INDEX($D$3:$AA$30,INDEX(Jesper!$R$2:$R$366,ROW(INDEX(Jesper!AJ$2:AJ$366,ROUNDDOWN($C4801/24,0)+1,1))-1)+IF('Standard Profiles'!$G$20=$B$10,7,0)+IF('Standard Profiles'!$G$20=$B$17,14,0)+IF('Standard Profiles'!$G$20=$B$24,21,0),MOD($C4801,24)+1)/SUM(INDEX($D$3:$AA$30,INDEX(Jesper!$R$2:$R$366,ROW(INDEX(Jesper!AJ$2:AJ$366,ROUNDDOWN($C4801/24,0)+1,1))-1)+IF('Standard Profiles'!$G$20=$B$10,7,0)+IF('Standard Profiles'!$G$20=$B$17,14,0)+IF('Standard Profiles'!$G$20=$B$24,21,0),0)),0)</f>
        <v>0</v>
      </c>
      <c r="G4801" cm="1">
        <f t="array" ref="G4801">IFERROR(INDEX(Jesper!AK$2:AK$366,ROUNDDOWN($C4801/24,0)+1,1)*INDEX($D$3:$AA$30,INDEX(Jesper!$R$2:$R$366,ROW(INDEX(Jesper!AK$2:AK$366,ROUNDDOWN($C4801/24,0)+1,1))-1)+IF('Standard Profiles'!$G$21=$B$10,7,0)+IF('Standard Profiles'!$G$21=$B$17,14,0)+IF('Standard Profiles'!$G$21=$B$24,21,0),MOD($C4801,24)+1)/SUM(INDEX($D$3:$AA$30,INDEX(Jesper!$R$2:$R$366,ROW(INDEX(Jesper!AK$2:AK$366,ROUNDDOWN($C4801/24,0)+1,1))-1)+IF('Standard Profiles'!$G$21=$B$10,7,0)+IF('Standard Profiles'!$G$21=$B$17,14,0)+IF('Standard Profiles'!$G$21=$B$24,21,0),0)),0)</f>
        <v>0</v>
      </c>
      <c r="H4801" cm="1">
        <f t="array" ref="H4801">IFERROR(INDEX(Jesper!AL$2:AL$366,ROUNDDOWN($C4801/24,0)+1,1)*INDEX($D$3:$AA$30,INDEX(Jesper!$R$2:$R$366,ROW(INDEX(Jesper!AL$2:AL$366,ROUNDDOWN($C4801/24,0)+1,1))-1)+IF('Standard Profiles'!$G$22=$B$10,7,0)+IF('Standard Profiles'!$G$22=$B$17,14,0)+IF('Standard Profiles'!$G$22=$B$24,21,0),MOD($C4801,24)+1)/SUM(INDEX($D$3:$AA$30,INDEX(Jesper!$R$2:$R$366,ROW(INDEX(Jesper!AL$2:AL$366,ROUNDDOWN($C4801/24,0)+1,1))-1)+IF('Standard Profiles'!$G$22=$B$10,7,0)+IF('Standard Profiles'!$G$22=$B$17,14,0)+IF('Standard Profiles'!$G$22=$B$24,21,0),0)),0)</f>
        <v>0</v>
      </c>
      <c r="I4801">
        <f t="shared" si="538"/>
        <v>0.41841879178486024</v>
      </c>
      <c r="J4801">
        <f t="shared" si="539"/>
        <v>1.3947293059495343</v>
      </c>
      <c r="K4801">
        <f t="shared" si="540"/>
        <v>2.0920939589243011</v>
      </c>
      <c r="L4801">
        <f t="shared" si="541"/>
        <v>10.042051002836645</v>
      </c>
      <c r="M4801">
        <f t="shared" si="542"/>
        <v>0</v>
      </c>
      <c r="N4801" s="46">
        <f t="shared" si="543"/>
        <v>45490.624999988439</v>
      </c>
    </row>
    <row r="4802" spans="2:14" x14ac:dyDescent="0.3">
      <c r="B4802">
        <f t="shared" si="537"/>
        <v>3</v>
      </c>
      <c r="C4802" s="16">
        <v>4768</v>
      </c>
      <c r="D4802" cm="1">
        <f t="array" ref="D4802">IFERROR(INDEX(Jesper!AH$2:AH$366,ROUNDDOWN($C4802/24,0)+1,1)*INDEX($D$3:$AA$30,INDEX(Jesper!$R$2:$R$366,ROW(INDEX(Jesper!AH$2:AH$366,ROUNDDOWN($C4802/24,0)+1,1))-1)+IF('Standard Profiles'!$G$18=$B$10,7,0)+IF('Standard Profiles'!$G$18=$B$17,14,0)+IF('Standard Profiles'!$G$18=$B$24,21,0),MOD($C4802,24)+1)/SUM(INDEX($D$3:$AA$30,INDEX(Jesper!$R$2:$R$366,ROW(INDEX(Jesper!AH$2:AH$366,ROUNDDOWN($C4802/24,0)+1,1))-1)+IF('Standard Profiles'!$G$18=$B$10,7,0)+IF('Standard Profiles'!$G$18=$B$17,14,0)+IF('Standard Profiles'!$G$18=$B$24,21,0),0)),0)</f>
        <v>13.947293059495342</v>
      </c>
      <c r="E4802" cm="1">
        <f t="array" ref="E4802">IFERROR(INDEX(Jesper!AI$2:AI$366,ROUNDDOWN($C4802/24,0)+1,1)*INDEX($D$3:$AA$30,INDEX(Jesper!$R$2:$R$366,ROW(INDEX(Jesper!AI$2:AI$366,ROUNDDOWN($C4802/24,0)+1,1))-1)+IF('Standard Profiles'!$G$19=$B$10,7,0)+IF('Standard Profiles'!$G$19=$B$17,14,0)+IF('Standard Profiles'!$G$19=$B$24,21,0),MOD($C4802,24)+1)/SUM(INDEX($D$3:$AA$30,INDEX(Jesper!$R$2:$R$366,ROW(INDEX(Jesper!AI$2:AI$366,ROUNDDOWN($C4802/24,0)+1,1))-1)+IF('Standard Profiles'!$G$19=$B$10,7,0)+IF('Standard Profiles'!$G$19=$B$17,14,0)+IF('Standard Profiles'!$G$19=$B$24,21,0),0)),0)</f>
        <v>0</v>
      </c>
      <c r="F4802" cm="1">
        <f t="array" ref="F4802">IFERROR(INDEX(Jesper!AJ$2:AJ$366,ROUNDDOWN($C4802/24,0)+1,1)*INDEX($D$3:$AA$30,INDEX(Jesper!$R$2:$R$366,ROW(INDEX(Jesper!AJ$2:AJ$366,ROUNDDOWN($C4802/24,0)+1,1))-1)+IF('Standard Profiles'!$G$20=$B$10,7,0)+IF('Standard Profiles'!$G$20=$B$17,14,0)+IF('Standard Profiles'!$G$20=$B$24,21,0),MOD($C4802,24)+1)/SUM(INDEX($D$3:$AA$30,INDEX(Jesper!$R$2:$R$366,ROW(INDEX(Jesper!AJ$2:AJ$366,ROUNDDOWN($C4802/24,0)+1,1))-1)+IF('Standard Profiles'!$G$20=$B$10,7,0)+IF('Standard Profiles'!$G$20=$B$17,14,0)+IF('Standard Profiles'!$G$20=$B$24,21,0),0)),0)</f>
        <v>0</v>
      </c>
      <c r="G4802" cm="1">
        <f t="array" ref="G4802">IFERROR(INDEX(Jesper!AK$2:AK$366,ROUNDDOWN($C4802/24,0)+1,1)*INDEX($D$3:$AA$30,INDEX(Jesper!$R$2:$R$366,ROW(INDEX(Jesper!AK$2:AK$366,ROUNDDOWN($C4802/24,0)+1,1))-1)+IF('Standard Profiles'!$G$21=$B$10,7,0)+IF('Standard Profiles'!$G$21=$B$17,14,0)+IF('Standard Profiles'!$G$21=$B$24,21,0),MOD($C4802,24)+1)/SUM(INDEX($D$3:$AA$30,INDEX(Jesper!$R$2:$R$366,ROW(INDEX(Jesper!AK$2:AK$366,ROUNDDOWN($C4802/24,0)+1,1))-1)+IF('Standard Profiles'!$G$21=$B$10,7,0)+IF('Standard Profiles'!$G$21=$B$17,14,0)+IF('Standard Profiles'!$G$21=$B$24,21,0),0)),0)</f>
        <v>0</v>
      </c>
      <c r="H4802" cm="1">
        <f t="array" ref="H4802">IFERROR(INDEX(Jesper!AL$2:AL$366,ROUNDDOWN($C4802/24,0)+1,1)*INDEX($D$3:$AA$30,INDEX(Jesper!$R$2:$R$366,ROW(INDEX(Jesper!AL$2:AL$366,ROUNDDOWN($C4802/24,0)+1,1))-1)+IF('Standard Profiles'!$G$22=$B$10,7,0)+IF('Standard Profiles'!$G$22=$B$17,14,0)+IF('Standard Profiles'!$G$22=$B$24,21,0),MOD($C4802,24)+1)/SUM(INDEX($D$3:$AA$30,INDEX(Jesper!$R$2:$R$366,ROW(INDEX(Jesper!AL$2:AL$366,ROUNDDOWN($C4802/24,0)+1,1))-1)+IF('Standard Profiles'!$G$22=$B$10,7,0)+IF('Standard Profiles'!$G$22=$B$17,14,0)+IF('Standard Profiles'!$G$22=$B$24,21,0),0)),0)</f>
        <v>0</v>
      </c>
      <c r="I4802">
        <f t="shared" si="538"/>
        <v>0.41841879178486024</v>
      </c>
      <c r="J4802">
        <f t="shared" si="539"/>
        <v>1.3947293059495343</v>
      </c>
      <c r="K4802">
        <f t="shared" si="540"/>
        <v>2.0920939589243011</v>
      </c>
      <c r="L4802">
        <f t="shared" si="541"/>
        <v>10.042051002836645</v>
      </c>
      <c r="M4802">
        <f t="shared" si="542"/>
        <v>0</v>
      </c>
      <c r="N4802" s="46">
        <f t="shared" si="543"/>
        <v>45490.666666655103</v>
      </c>
    </row>
    <row r="4803" spans="2:14" x14ac:dyDescent="0.3">
      <c r="B4803">
        <f t="shared" si="537"/>
        <v>3</v>
      </c>
      <c r="C4803" s="16">
        <v>4769</v>
      </c>
      <c r="D4803" cm="1">
        <f t="array" ref="D4803">IFERROR(INDEX(Jesper!AH$2:AH$366,ROUNDDOWN($C4803/24,0)+1,1)*INDEX($D$3:$AA$30,INDEX(Jesper!$R$2:$R$366,ROW(INDEX(Jesper!AH$2:AH$366,ROUNDDOWN($C4803/24,0)+1,1))-1)+IF('Standard Profiles'!$G$18=$B$10,7,0)+IF('Standard Profiles'!$G$18=$B$17,14,0)+IF('Standard Profiles'!$G$18=$B$24,21,0),MOD($C4803,24)+1)/SUM(INDEX($D$3:$AA$30,INDEX(Jesper!$R$2:$R$366,ROW(INDEX(Jesper!AH$2:AH$366,ROUNDDOWN($C4803/24,0)+1,1))-1)+IF('Standard Profiles'!$G$18=$B$10,7,0)+IF('Standard Profiles'!$G$18=$B$17,14,0)+IF('Standard Profiles'!$G$18=$B$24,21,0),0)),0)</f>
        <v>13.947293059495342</v>
      </c>
      <c r="E4803" cm="1">
        <f t="array" ref="E4803">IFERROR(INDEX(Jesper!AI$2:AI$366,ROUNDDOWN($C4803/24,0)+1,1)*INDEX($D$3:$AA$30,INDEX(Jesper!$R$2:$R$366,ROW(INDEX(Jesper!AI$2:AI$366,ROUNDDOWN($C4803/24,0)+1,1))-1)+IF('Standard Profiles'!$G$19=$B$10,7,0)+IF('Standard Profiles'!$G$19=$B$17,14,0)+IF('Standard Profiles'!$G$19=$B$24,21,0),MOD($C4803,24)+1)/SUM(INDEX($D$3:$AA$30,INDEX(Jesper!$R$2:$R$366,ROW(INDEX(Jesper!AI$2:AI$366,ROUNDDOWN($C4803/24,0)+1,1))-1)+IF('Standard Profiles'!$G$19=$B$10,7,0)+IF('Standard Profiles'!$G$19=$B$17,14,0)+IF('Standard Profiles'!$G$19=$B$24,21,0),0)),0)</f>
        <v>0</v>
      </c>
      <c r="F4803" cm="1">
        <f t="array" ref="F4803">IFERROR(INDEX(Jesper!AJ$2:AJ$366,ROUNDDOWN($C4803/24,0)+1,1)*INDEX($D$3:$AA$30,INDEX(Jesper!$R$2:$R$366,ROW(INDEX(Jesper!AJ$2:AJ$366,ROUNDDOWN($C4803/24,0)+1,1))-1)+IF('Standard Profiles'!$G$20=$B$10,7,0)+IF('Standard Profiles'!$G$20=$B$17,14,0)+IF('Standard Profiles'!$G$20=$B$24,21,0),MOD($C4803,24)+1)/SUM(INDEX($D$3:$AA$30,INDEX(Jesper!$R$2:$R$366,ROW(INDEX(Jesper!AJ$2:AJ$366,ROUNDDOWN($C4803/24,0)+1,1))-1)+IF('Standard Profiles'!$G$20=$B$10,7,0)+IF('Standard Profiles'!$G$20=$B$17,14,0)+IF('Standard Profiles'!$G$20=$B$24,21,0),0)),0)</f>
        <v>0</v>
      </c>
      <c r="G4803" cm="1">
        <f t="array" ref="G4803">IFERROR(INDEX(Jesper!AK$2:AK$366,ROUNDDOWN($C4803/24,0)+1,1)*INDEX($D$3:$AA$30,INDEX(Jesper!$R$2:$R$366,ROW(INDEX(Jesper!AK$2:AK$366,ROUNDDOWN($C4803/24,0)+1,1))-1)+IF('Standard Profiles'!$G$21=$B$10,7,0)+IF('Standard Profiles'!$G$21=$B$17,14,0)+IF('Standard Profiles'!$G$21=$B$24,21,0),MOD($C4803,24)+1)/SUM(INDEX($D$3:$AA$30,INDEX(Jesper!$R$2:$R$366,ROW(INDEX(Jesper!AK$2:AK$366,ROUNDDOWN($C4803/24,0)+1,1))-1)+IF('Standard Profiles'!$G$21=$B$10,7,0)+IF('Standard Profiles'!$G$21=$B$17,14,0)+IF('Standard Profiles'!$G$21=$B$24,21,0),0)),0)</f>
        <v>0</v>
      </c>
      <c r="H4803" cm="1">
        <f t="array" ref="H4803">IFERROR(INDEX(Jesper!AL$2:AL$366,ROUNDDOWN($C4803/24,0)+1,1)*INDEX($D$3:$AA$30,INDEX(Jesper!$R$2:$R$366,ROW(INDEX(Jesper!AL$2:AL$366,ROUNDDOWN($C4803/24,0)+1,1))-1)+IF('Standard Profiles'!$G$22=$B$10,7,0)+IF('Standard Profiles'!$G$22=$B$17,14,0)+IF('Standard Profiles'!$G$22=$B$24,21,0),MOD($C4803,24)+1)/SUM(INDEX($D$3:$AA$30,INDEX(Jesper!$R$2:$R$366,ROW(INDEX(Jesper!AL$2:AL$366,ROUNDDOWN($C4803/24,0)+1,1))-1)+IF('Standard Profiles'!$G$22=$B$10,7,0)+IF('Standard Profiles'!$G$22=$B$17,14,0)+IF('Standard Profiles'!$G$22=$B$24,21,0),0)),0)</f>
        <v>0</v>
      </c>
      <c r="I4803">
        <f t="shared" si="538"/>
        <v>0.41841879178486024</v>
      </c>
      <c r="J4803">
        <f t="shared" si="539"/>
        <v>1.3947293059495343</v>
      </c>
      <c r="K4803">
        <f t="shared" si="540"/>
        <v>2.0920939589243011</v>
      </c>
      <c r="L4803">
        <f t="shared" si="541"/>
        <v>10.042051002836645</v>
      </c>
      <c r="M4803">
        <f t="shared" si="542"/>
        <v>0</v>
      </c>
      <c r="N4803" s="46">
        <f t="shared" si="543"/>
        <v>45490.708333321767</v>
      </c>
    </row>
    <row r="4804" spans="2:14" x14ac:dyDescent="0.3">
      <c r="B4804">
        <f t="shared" si="537"/>
        <v>3</v>
      </c>
      <c r="C4804" s="16">
        <v>4770</v>
      </c>
      <c r="D4804" cm="1">
        <f t="array" ref="D4804">IFERROR(INDEX(Jesper!AH$2:AH$366,ROUNDDOWN($C4804/24,0)+1,1)*INDEX($D$3:$AA$30,INDEX(Jesper!$R$2:$R$366,ROW(INDEX(Jesper!AH$2:AH$366,ROUNDDOWN($C4804/24,0)+1,1))-1)+IF('Standard Profiles'!$G$18=$B$10,7,0)+IF('Standard Profiles'!$G$18=$B$17,14,0)+IF('Standard Profiles'!$G$18=$B$24,21,0),MOD($C4804,24)+1)/SUM(INDEX($D$3:$AA$30,INDEX(Jesper!$R$2:$R$366,ROW(INDEX(Jesper!AH$2:AH$366,ROUNDDOWN($C4804/24,0)+1,1))-1)+IF('Standard Profiles'!$G$18=$B$10,7,0)+IF('Standard Profiles'!$G$18=$B$17,14,0)+IF('Standard Profiles'!$G$18=$B$24,21,0),0)),0)</f>
        <v>13.947293059495342</v>
      </c>
      <c r="E4804" cm="1">
        <f t="array" ref="E4804">IFERROR(INDEX(Jesper!AI$2:AI$366,ROUNDDOWN($C4804/24,0)+1,1)*INDEX($D$3:$AA$30,INDEX(Jesper!$R$2:$R$366,ROW(INDEX(Jesper!AI$2:AI$366,ROUNDDOWN($C4804/24,0)+1,1))-1)+IF('Standard Profiles'!$G$19=$B$10,7,0)+IF('Standard Profiles'!$G$19=$B$17,14,0)+IF('Standard Profiles'!$G$19=$B$24,21,0),MOD($C4804,24)+1)/SUM(INDEX($D$3:$AA$30,INDEX(Jesper!$R$2:$R$366,ROW(INDEX(Jesper!AI$2:AI$366,ROUNDDOWN($C4804/24,0)+1,1))-1)+IF('Standard Profiles'!$G$19=$B$10,7,0)+IF('Standard Profiles'!$G$19=$B$17,14,0)+IF('Standard Profiles'!$G$19=$B$24,21,0),0)),0)</f>
        <v>0</v>
      </c>
      <c r="F4804" cm="1">
        <f t="array" ref="F4804">IFERROR(INDEX(Jesper!AJ$2:AJ$366,ROUNDDOWN($C4804/24,0)+1,1)*INDEX($D$3:$AA$30,INDEX(Jesper!$R$2:$R$366,ROW(INDEX(Jesper!AJ$2:AJ$366,ROUNDDOWN($C4804/24,0)+1,1))-1)+IF('Standard Profiles'!$G$20=$B$10,7,0)+IF('Standard Profiles'!$G$20=$B$17,14,0)+IF('Standard Profiles'!$G$20=$B$24,21,0),MOD($C4804,24)+1)/SUM(INDEX($D$3:$AA$30,INDEX(Jesper!$R$2:$R$366,ROW(INDEX(Jesper!AJ$2:AJ$366,ROUNDDOWN($C4804/24,0)+1,1))-1)+IF('Standard Profiles'!$G$20=$B$10,7,0)+IF('Standard Profiles'!$G$20=$B$17,14,0)+IF('Standard Profiles'!$G$20=$B$24,21,0),0)),0)</f>
        <v>0</v>
      </c>
      <c r="G4804" cm="1">
        <f t="array" ref="G4804">IFERROR(INDEX(Jesper!AK$2:AK$366,ROUNDDOWN($C4804/24,0)+1,1)*INDEX($D$3:$AA$30,INDEX(Jesper!$R$2:$R$366,ROW(INDEX(Jesper!AK$2:AK$366,ROUNDDOWN($C4804/24,0)+1,1))-1)+IF('Standard Profiles'!$G$21=$B$10,7,0)+IF('Standard Profiles'!$G$21=$B$17,14,0)+IF('Standard Profiles'!$G$21=$B$24,21,0),MOD($C4804,24)+1)/SUM(INDEX($D$3:$AA$30,INDEX(Jesper!$R$2:$R$366,ROW(INDEX(Jesper!AK$2:AK$366,ROUNDDOWN($C4804/24,0)+1,1))-1)+IF('Standard Profiles'!$G$21=$B$10,7,0)+IF('Standard Profiles'!$G$21=$B$17,14,0)+IF('Standard Profiles'!$G$21=$B$24,21,0),0)),0)</f>
        <v>0</v>
      </c>
      <c r="H4804" cm="1">
        <f t="array" ref="H4804">IFERROR(INDEX(Jesper!AL$2:AL$366,ROUNDDOWN($C4804/24,0)+1,1)*INDEX($D$3:$AA$30,INDEX(Jesper!$R$2:$R$366,ROW(INDEX(Jesper!AL$2:AL$366,ROUNDDOWN($C4804/24,0)+1,1))-1)+IF('Standard Profiles'!$G$22=$B$10,7,0)+IF('Standard Profiles'!$G$22=$B$17,14,0)+IF('Standard Profiles'!$G$22=$B$24,21,0),MOD($C4804,24)+1)/SUM(INDEX($D$3:$AA$30,INDEX(Jesper!$R$2:$R$366,ROW(INDEX(Jesper!AL$2:AL$366,ROUNDDOWN($C4804/24,0)+1,1))-1)+IF('Standard Profiles'!$G$22=$B$10,7,0)+IF('Standard Profiles'!$G$22=$B$17,14,0)+IF('Standard Profiles'!$G$22=$B$24,21,0),0)),0)</f>
        <v>0</v>
      </c>
      <c r="I4804">
        <f t="shared" si="538"/>
        <v>0.41841879178486024</v>
      </c>
      <c r="J4804">
        <f t="shared" si="539"/>
        <v>1.3947293059495343</v>
      </c>
      <c r="K4804">
        <f t="shared" si="540"/>
        <v>2.0920939589243011</v>
      </c>
      <c r="L4804">
        <f t="shared" si="541"/>
        <v>10.042051002836645</v>
      </c>
      <c r="M4804">
        <f t="shared" si="542"/>
        <v>0</v>
      </c>
      <c r="N4804" s="46">
        <f t="shared" si="543"/>
        <v>45490.749999988431</v>
      </c>
    </row>
    <row r="4805" spans="2:14" x14ac:dyDescent="0.3">
      <c r="B4805">
        <f t="shared" si="537"/>
        <v>3</v>
      </c>
      <c r="C4805" s="16">
        <v>4771</v>
      </c>
      <c r="D4805" cm="1">
        <f t="array" ref="D4805">IFERROR(INDEX(Jesper!AH$2:AH$366,ROUNDDOWN($C4805/24,0)+1,1)*INDEX($D$3:$AA$30,INDEX(Jesper!$R$2:$R$366,ROW(INDEX(Jesper!AH$2:AH$366,ROUNDDOWN($C4805/24,0)+1,1))-1)+IF('Standard Profiles'!$G$18=$B$10,7,0)+IF('Standard Profiles'!$G$18=$B$17,14,0)+IF('Standard Profiles'!$G$18=$B$24,21,0),MOD($C4805,24)+1)/SUM(INDEX($D$3:$AA$30,INDEX(Jesper!$R$2:$R$366,ROW(INDEX(Jesper!AH$2:AH$366,ROUNDDOWN($C4805/24,0)+1,1))-1)+IF('Standard Profiles'!$G$18=$B$10,7,0)+IF('Standard Profiles'!$G$18=$B$17,14,0)+IF('Standard Profiles'!$G$18=$B$24,21,0),0)),0)</f>
        <v>11.622744216246121</v>
      </c>
      <c r="E4805" cm="1">
        <f t="array" ref="E4805">IFERROR(INDEX(Jesper!AI$2:AI$366,ROUNDDOWN($C4805/24,0)+1,1)*INDEX($D$3:$AA$30,INDEX(Jesper!$R$2:$R$366,ROW(INDEX(Jesper!AI$2:AI$366,ROUNDDOWN($C4805/24,0)+1,1))-1)+IF('Standard Profiles'!$G$19=$B$10,7,0)+IF('Standard Profiles'!$G$19=$B$17,14,0)+IF('Standard Profiles'!$G$19=$B$24,21,0),MOD($C4805,24)+1)/SUM(INDEX($D$3:$AA$30,INDEX(Jesper!$R$2:$R$366,ROW(INDEX(Jesper!AI$2:AI$366,ROUNDDOWN($C4805/24,0)+1,1))-1)+IF('Standard Profiles'!$G$19=$B$10,7,0)+IF('Standard Profiles'!$G$19=$B$17,14,0)+IF('Standard Profiles'!$G$19=$B$24,21,0),0)),0)</f>
        <v>0</v>
      </c>
      <c r="F4805" cm="1">
        <f t="array" ref="F4805">IFERROR(INDEX(Jesper!AJ$2:AJ$366,ROUNDDOWN($C4805/24,0)+1,1)*INDEX($D$3:$AA$30,INDEX(Jesper!$R$2:$R$366,ROW(INDEX(Jesper!AJ$2:AJ$366,ROUNDDOWN($C4805/24,0)+1,1))-1)+IF('Standard Profiles'!$G$20=$B$10,7,0)+IF('Standard Profiles'!$G$20=$B$17,14,0)+IF('Standard Profiles'!$G$20=$B$24,21,0),MOD($C4805,24)+1)/SUM(INDEX($D$3:$AA$30,INDEX(Jesper!$R$2:$R$366,ROW(INDEX(Jesper!AJ$2:AJ$366,ROUNDDOWN($C4805/24,0)+1,1))-1)+IF('Standard Profiles'!$G$20=$B$10,7,0)+IF('Standard Profiles'!$G$20=$B$17,14,0)+IF('Standard Profiles'!$G$20=$B$24,21,0),0)),0)</f>
        <v>0</v>
      </c>
      <c r="G4805" cm="1">
        <f t="array" ref="G4805">IFERROR(INDEX(Jesper!AK$2:AK$366,ROUNDDOWN($C4805/24,0)+1,1)*INDEX($D$3:$AA$30,INDEX(Jesper!$R$2:$R$366,ROW(INDEX(Jesper!AK$2:AK$366,ROUNDDOWN($C4805/24,0)+1,1))-1)+IF('Standard Profiles'!$G$21=$B$10,7,0)+IF('Standard Profiles'!$G$21=$B$17,14,0)+IF('Standard Profiles'!$G$21=$B$24,21,0),MOD($C4805,24)+1)/SUM(INDEX($D$3:$AA$30,INDEX(Jesper!$R$2:$R$366,ROW(INDEX(Jesper!AK$2:AK$366,ROUNDDOWN($C4805/24,0)+1,1))-1)+IF('Standard Profiles'!$G$21=$B$10,7,0)+IF('Standard Profiles'!$G$21=$B$17,14,0)+IF('Standard Profiles'!$G$21=$B$24,21,0),0)),0)</f>
        <v>0</v>
      </c>
      <c r="H4805" cm="1">
        <f t="array" ref="H4805">IFERROR(INDEX(Jesper!AL$2:AL$366,ROUNDDOWN($C4805/24,0)+1,1)*INDEX($D$3:$AA$30,INDEX(Jesper!$R$2:$R$366,ROW(INDEX(Jesper!AL$2:AL$366,ROUNDDOWN($C4805/24,0)+1,1))-1)+IF('Standard Profiles'!$G$22=$B$10,7,0)+IF('Standard Profiles'!$G$22=$B$17,14,0)+IF('Standard Profiles'!$G$22=$B$24,21,0),MOD($C4805,24)+1)/SUM(INDEX($D$3:$AA$30,INDEX(Jesper!$R$2:$R$366,ROW(INDEX(Jesper!AL$2:AL$366,ROUNDDOWN($C4805/24,0)+1,1))-1)+IF('Standard Profiles'!$G$22=$B$10,7,0)+IF('Standard Profiles'!$G$22=$B$17,14,0)+IF('Standard Profiles'!$G$22=$B$24,21,0),0)),0)</f>
        <v>0</v>
      </c>
      <c r="I4805">
        <f t="shared" si="538"/>
        <v>0.34868232648738362</v>
      </c>
      <c r="J4805">
        <f t="shared" si="539"/>
        <v>1.1622744216246121</v>
      </c>
      <c r="K4805">
        <f t="shared" si="540"/>
        <v>1.743411632436918</v>
      </c>
      <c r="L4805">
        <f t="shared" si="541"/>
        <v>8.368375835697206</v>
      </c>
      <c r="M4805">
        <f t="shared" si="542"/>
        <v>0</v>
      </c>
      <c r="N4805" s="46">
        <f t="shared" si="543"/>
        <v>45490.791666655095</v>
      </c>
    </row>
    <row r="4806" spans="2:14" x14ac:dyDescent="0.3">
      <c r="B4806">
        <f t="shared" si="537"/>
        <v>3</v>
      </c>
      <c r="C4806" s="16">
        <v>4772</v>
      </c>
      <c r="D4806" cm="1">
        <f t="array" ref="D4806">IFERROR(INDEX(Jesper!AH$2:AH$366,ROUNDDOWN($C4806/24,0)+1,1)*INDEX($D$3:$AA$30,INDEX(Jesper!$R$2:$R$366,ROW(INDEX(Jesper!AH$2:AH$366,ROUNDDOWN($C4806/24,0)+1,1))-1)+IF('Standard Profiles'!$G$18=$B$10,7,0)+IF('Standard Profiles'!$G$18=$B$17,14,0)+IF('Standard Profiles'!$G$18=$B$24,21,0),MOD($C4806,24)+1)/SUM(INDEX($D$3:$AA$30,INDEX(Jesper!$R$2:$R$366,ROW(INDEX(Jesper!AH$2:AH$366,ROUNDDOWN($C4806/24,0)+1,1))-1)+IF('Standard Profiles'!$G$18=$B$10,7,0)+IF('Standard Profiles'!$G$18=$B$17,14,0)+IF('Standard Profiles'!$G$18=$B$24,21,0),0)),0)</f>
        <v>9.2981953729968954</v>
      </c>
      <c r="E4806" cm="1">
        <f t="array" ref="E4806">IFERROR(INDEX(Jesper!AI$2:AI$366,ROUNDDOWN($C4806/24,0)+1,1)*INDEX($D$3:$AA$30,INDEX(Jesper!$R$2:$R$366,ROW(INDEX(Jesper!AI$2:AI$366,ROUNDDOWN($C4806/24,0)+1,1))-1)+IF('Standard Profiles'!$G$19=$B$10,7,0)+IF('Standard Profiles'!$G$19=$B$17,14,0)+IF('Standard Profiles'!$G$19=$B$24,21,0),MOD($C4806,24)+1)/SUM(INDEX($D$3:$AA$30,INDEX(Jesper!$R$2:$R$366,ROW(INDEX(Jesper!AI$2:AI$366,ROUNDDOWN($C4806/24,0)+1,1))-1)+IF('Standard Profiles'!$G$19=$B$10,7,0)+IF('Standard Profiles'!$G$19=$B$17,14,0)+IF('Standard Profiles'!$G$19=$B$24,21,0),0)),0)</f>
        <v>0</v>
      </c>
      <c r="F4806" cm="1">
        <f t="array" ref="F4806">IFERROR(INDEX(Jesper!AJ$2:AJ$366,ROUNDDOWN($C4806/24,0)+1,1)*INDEX($D$3:$AA$30,INDEX(Jesper!$R$2:$R$366,ROW(INDEX(Jesper!AJ$2:AJ$366,ROUNDDOWN($C4806/24,0)+1,1))-1)+IF('Standard Profiles'!$G$20=$B$10,7,0)+IF('Standard Profiles'!$G$20=$B$17,14,0)+IF('Standard Profiles'!$G$20=$B$24,21,0),MOD($C4806,24)+1)/SUM(INDEX($D$3:$AA$30,INDEX(Jesper!$R$2:$R$366,ROW(INDEX(Jesper!AJ$2:AJ$366,ROUNDDOWN($C4806/24,0)+1,1))-1)+IF('Standard Profiles'!$G$20=$B$10,7,0)+IF('Standard Profiles'!$G$20=$B$17,14,0)+IF('Standard Profiles'!$G$20=$B$24,21,0),0)),0)</f>
        <v>0</v>
      </c>
      <c r="G4806" cm="1">
        <f t="array" ref="G4806">IFERROR(INDEX(Jesper!AK$2:AK$366,ROUNDDOWN($C4806/24,0)+1,1)*INDEX($D$3:$AA$30,INDEX(Jesper!$R$2:$R$366,ROW(INDEX(Jesper!AK$2:AK$366,ROUNDDOWN($C4806/24,0)+1,1))-1)+IF('Standard Profiles'!$G$21=$B$10,7,0)+IF('Standard Profiles'!$G$21=$B$17,14,0)+IF('Standard Profiles'!$G$21=$B$24,21,0),MOD($C4806,24)+1)/SUM(INDEX($D$3:$AA$30,INDEX(Jesper!$R$2:$R$366,ROW(INDEX(Jesper!AK$2:AK$366,ROUNDDOWN($C4806/24,0)+1,1))-1)+IF('Standard Profiles'!$G$21=$B$10,7,0)+IF('Standard Profiles'!$G$21=$B$17,14,0)+IF('Standard Profiles'!$G$21=$B$24,21,0),0)),0)</f>
        <v>0</v>
      </c>
      <c r="H4806" cm="1">
        <f t="array" ref="H4806">IFERROR(INDEX(Jesper!AL$2:AL$366,ROUNDDOWN($C4806/24,0)+1,1)*INDEX($D$3:$AA$30,INDEX(Jesper!$R$2:$R$366,ROW(INDEX(Jesper!AL$2:AL$366,ROUNDDOWN($C4806/24,0)+1,1))-1)+IF('Standard Profiles'!$G$22=$B$10,7,0)+IF('Standard Profiles'!$G$22=$B$17,14,0)+IF('Standard Profiles'!$G$22=$B$24,21,0),MOD($C4806,24)+1)/SUM(INDEX($D$3:$AA$30,INDEX(Jesper!$R$2:$R$366,ROW(INDEX(Jesper!AL$2:AL$366,ROUNDDOWN($C4806/24,0)+1,1))-1)+IF('Standard Profiles'!$G$22=$B$10,7,0)+IF('Standard Profiles'!$G$22=$B$17,14,0)+IF('Standard Profiles'!$G$22=$B$24,21,0),0)),0)</f>
        <v>0</v>
      </c>
      <c r="I4806">
        <f t="shared" si="538"/>
        <v>0.27894586118990683</v>
      </c>
      <c r="J4806">
        <f t="shared" si="539"/>
        <v>0.92981953729968958</v>
      </c>
      <c r="K4806">
        <f t="shared" si="540"/>
        <v>1.3947293059495343</v>
      </c>
      <c r="L4806">
        <f t="shared" si="541"/>
        <v>6.6947006685577648</v>
      </c>
      <c r="M4806">
        <f t="shared" si="542"/>
        <v>0</v>
      </c>
      <c r="N4806" s="46">
        <f t="shared" si="543"/>
        <v>45490.83333332176</v>
      </c>
    </row>
    <row r="4807" spans="2:14" x14ac:dyDescent="0.3">
      <c r="B4807">
        <f t="shared" si="537"/>
        <v>3</v>
      </c>
      <c r="C4807" s="16">
        <v>4773</v>
      </c>
      <c r="D4807" cm="1">
        <f t="array" ref="D4807">IFERROR(INDEX(Jesper!AH$2:AH$366,ROUNDDOWN($C4807/24,0)+1,1)*INDEX($D$3:$AA$30,INDEX(Jesper!$R$2:$R$366,ROW(INDEX(Jesper!AH$2:AH$366,ROUNDDOWN($C4807/24,0)+1,1))-1)+IF('Standard Profiles'!$G$18=$B$10,7,0)+IF('Standard Profiles'!$G$18=$B$17,14,0)+IF('Standard Profiles'!$G$18=$B$24,21,0),MOD($C4807,24)+1)/SUM(INDEX($D$3:$AA$30,INDEX(Jesper!$R$2:$R$366,ROW(INDEX(Jesper!AH$2:AH$366,ROUNDDOWN($C4807/24,0)+1,1))-1)+IF('Standard Profiles'!$G$18=$B$10,7,0)+IF('Standard Profiles'!$G$18=$B$17,14,0)+IF('Standard Profiles'!$G$18=$B$24,21,0),0)),0)</f>
        <v>6.9736465297476711</v>
      </c>
      <c r="E4807" cm="1">
        <f t="array" ref="E4807">IFERROR(INDEX(Jesper!AI$2:AI$366,ROUNDDOWN($C4807/24,0)+1,1)*INDEX($D$3:$AA$30,INDEX(Jesper!$R$2:$R$366,ROW(INDEX(Jesper!AI$2:AI$366,ROUNDDOWN($C4807/24,0)+1,1))-1)+IF('Standard Profiles'!$G$19=$B$10,7,0)+IF('Standard Profiles'!$G$19=$B$17,14,0)+IF('Standard Profiles'!$G$19=$B$24,21,0),MOD($C4807,24)+1)/SUM(INDEX($D$3:$AA$30,INDEX(Jesper!$R$2:$R$366,ROW(INDEX(Jesper!AI$2:AI$366,ROUNDDOWN($C4807/24,0)+1,1))-1)+IF('Standard Profiles'!$G$19=$B$10,7,0)+IF('Standard Profiles'!$G$19=$B$17,14,0)+IF('Standard Profiles'!$G$19=$B$24,21,0),0)),0)</f>
        <v>0</v>
      </c>
      <c r="F4807" cm="1">
        <f t="array" ref="F4807">IFERROR(INDEX(Jesper!AJ$2:AJ$366,ROUNDDOWN($C4807/24,0)+1,1)*INDEX($D$3:$AA$30,INDEX(Jesper!$R$2:$R$366,ROW(INDEX(Jesper!AJ$2:AJ$366,ROUNDDOWN($C4807/24,0)+1,1))-1)+IF('Standard Profiles'!$G$20=$B$10,7,0)+IF('Standard Profiles'!$G$20=$B$17,14,0)+IF('Standard Profiles'!$G$20=$B$24,21,0),MOD($C4807,24)+1)/SUM(INDEX($D$3:$AA$30,INDEX(Jesper!$R$2:$R$366,ROW(INDEX(Jesper!AJ$2:AJ$366,ROUNDDOWN($C4807/24,0)+1,1))-1)+IF('Standard Profiles'!$G$20=$B$10,7,0)+IF('Standard Profiles'!$G$20=$B$17,14,0)+IF('Standard Profiles'!$G$20=$B$24,21,0),0)),0)</f>
        <v>0</v>
      </c>
      <c r="G4807" cm="1">
        <f t="array" ref="G4807">IFERROR(INDEX(Jesper!AK$2:AK$366,ROUNDDOWN($C4807/24,0)+1,1)*INDEX($D$3:$AA$30,INDEX(Jesper!$R$2:$R$366,ROW(INDEX(Jesper!AK$2:AK$366,ROUNDDOWN($C4807/24,0)+1,1))-1)+IF('Standard Profiles'!$G$21=$B$10,7,0)+IF('Standard Profiles'!$G$21=$B$17,14,0)+IF('Standard Profiles'!$G$21=$B$24,21,0),MOD($C4807,24)+1)/SUM(INDEX($D$3:$AA$30,INDEX(Jesper!$R$2:$R$366,ROW(INDEX(Jesper!AK$2:AK$366,ROUNDDOWN($C4807/24,0)+1,1))-1)+IF('Standard Profiles'!$G$21=$B$10,7,0)+IF('Standard Profiles'!$G$21=$B$17,14,0)+IF('Standard Profiles'!$G$21=$B$24,21,0),0)),0)</f>
        <v>0</v>
      </c>
      <c r="H4807" cm="1">
        <f t="array" ref="H4807">IFERROR(INDEX(Jesper!AL$2:AL$366,ROUNDDOWN($C4807/24,0)+1,1)*INDEX($D$3:$AA$30,INDEX(Jesper!$R$2:$R$366,ROW(INDEX(Jesper!AL$2:AL$366,ROUNDDOWN($C4807/24,0)+1,1))-1)+IF('Standard Profiles'!$G$22=$B$10,7,0)+IF('Standard Profiles'!$G$22=$B$17,14,0)+IF('Standard Profiles'!$G$22=$B$24,21,0),MOD($C4807,24)+1)/SUM(INDEX($D$3:$AA$30,INDEX(Jesper!$R$2:$R$366,ROW(INDEX(Jesper!AL$2:AL$366,ROUNDDOWN($C4807/24,0)+1,1))-1)+IF('Standard Profiles'!$G$22=$B$10,7,0)+IF('Standard Profiles'!$G$22=$B$17,14,0)+IF('Standard Profiles'!$G$22=$B$24,21,0),0)),0)</f>
        <v>0</v>
      </c>
      <c r="I4807">
        <f t="shared" si="538"/>
        <v>0.20920939589243012</v>
      </c>
      <c r="J4807">
        <f t="shared" si="539"/>
        <v>0.69736465297476713</v>
      </c>
      <c r="K4807">
        <f t="shared" si="540"/>
        <v>1.0460469794621505</v>
      </c>
      <c r="L4807">
        <f t="shared" si="541"/>
        <v>5.0210255014183227</v>
      </c>
      <c r="M4807">
        <f t="shared" si="542"/>
        <v>0</v>
      </c>
      <c r="N4807" s="46">
        <f t="shared" si="543"/>
        <v>45490.874999988424</v>
      </c>
    </row>
    <row r="4808" spans="2:14" x14ac:dyDescent="0.3">
      <c r="B4808">
        <f t="shared" si="537"/>
        <v>3</v>
      </c>
      <c r="C4808" s="16">
        <v>4774</v>
      </c>
      <c r="D4808" cm="1">
        <f t="array" ref="D4808">IFERROR(INDEX(Jesper!AH$2:AH$366,ROUNDDOWN($C4808/24,0)+1,1)*INDEX($D$3:$AA$30,INDEX(Jesper!$R$2:$R$366,ROW(INDEX(Jesper!AH$2:AH$366,ROUNDDOWN($C4808/24,0)+1,1))-1)+IF('Standard Profiles'!$G$18=$B$10,7,0)+IF('Standard Profiles'!$G$18=$B$17,14,0)+IF('Standard Profiles'!$G$18=$B$24,21,0),MOD($C4808,24)+1)/SUM(INDEX($D$3:$AA$30,INDEX(Jesper!$R$2:$R$366,ROW(INDEX(Jesper!AH$2:AH$366,ROUNDDOWN($C4808/24,0)+1,1))-1)+IF('Standard Profiles'!$G$18=$B$10,7,0)+IF('Standard Profiles'!$G$18=$B$17,14,0)+IF('Standard Profiles'!$G$18=$B$24,21,0),0)),0)</f>
        <v>6.9736465297476711</v>
      </c>
      <c r="E4808" cm="1">
        <f t="array" ref="E4808">IFERROR(INDEX(Jesper!AI$2:AI$366,ROUNDDOWN($C4808/24,0)+1,1)*INDEX($D$3:$AA$30,INDEX(Jesper!$R$2:$R$366,ROW(INDEX(Jesper!AI$2:AI$366,ROUNDDOWN($C4808/24,0)+1,1))-1)+IF('Standard Profiles'!$G$19=$B$10,7,0)+IF('Standard Profiles'!$G$19=$B$17,14,0)+IF('Standard Profiles'!$G$19=$B$24,21,0),MOD($C4808,24)+1)/SUM(INDEX($D$3:$AA$30,INDEX(Jesper!$R$2:$R$366,ROW(INDEX(Jesper!AI$2:AI$366,ROUNDDOWN($C4808/24,0)+1,1))-1)+IF('Standard Profiles'!$G$19=$B$10,7,0)+IF('Standard Profiles'!$G$19=$B$17,14,0)+IF('Standard Profiles'!$G$19=$B$24,21,0),0)),0)</f>
        <v>0</v>
      </c>
      <c r="F4808" cm="1">
        <f t="array" ref="F4808">IFERROR(INDEX(Jesper!AJ$2:AJ$366,ROUNDDOWN($C4808/24,0)+1,1)*INDEX($D$3:$AA$30,INDEX(Jesper!$R$2:$R$366,ROW(INDEX(Jesper!AJ$2:AJ$366,ROUNDDOWN($C4808/24,0)+1,1))-1)+IF('Standard Profiles'!$G$20=$B$10,7,0)+IF('Standard Profiles'!$G$20=$B$17,14,0)+IF('Standard Profiles'!$G$20=$B$24,21,0),MOD($C4808,24)+1)/SUM(INDEX($D$3:$AA$30,INDEX(Jesper!$R$2:$R$366,ROW(INDEX(Jesper!AJ$2:AJ$366,ROUNDDOWN($C4808/24,0)+1,1))-1)+IF('Standard Profiles'!$G$20=$B$10,7,0)+IF('Standard Profiles'!$G$20=$B$17,14,0)+IF('Standard Profiles'!$G$20=$B$24,21,0),0)),0)</f>
        <v>0</v>
      </c>
      <c r="G4808" cm="1">
        <f t="array" ref="G4808">IFERROR(INDEX(Jesper!AK$2:AK$366,ROUNDDOWN($C4808/24,0)+1,1)*INDEX($D$3:$AA$30,INDEX(Jesper!$R$2:$R$366,ROW(INDEX(Jesper!AK$2:AK$366,ROUNDDOWN($C4808/24,0)+1,1))-1)+IF('Standard Profiles'!$G$21=$B$10,7,0)+IF('Standard Profiles'!$G$21=$B$17,14,0)+IF('Standard Profiles'!$G$21=$B$24,21,0),MOD($C4808,24)+1)/SUM(INDEX($D$3:$AA$30,INDEX(Jesper!$R$2:$R$366,ROW(INDEX(Jesper!AK$2:AK$366,ROUNDDOWN($C4808/24,0)+1,1))-1)+IF('Standard Profiles'!$G$21=$B$10,7,0)+IF('Standard Profiles'!$G$21=$B$17,14,0)+IF('Standard Profiles'!$G$21=$B$24,21,0),0)),0)</f>
        <v>0</v>
      </c>
      <c r="H4808" cm="1">
        <f t="array" ref="H4808">IFERROR(INDEX(Jesper!AL$2:AL$366,ROUNDDOWN($C4808/24,0)+1,1)*INDEX($D$3:$AA$30,INDEX(Jesper!$R$2:$R$366,ROW(INDEX(Jesper!AL$2:AL$366,ROUNDDOWN($C4808/24,0)+1,1))-1)+IF('Standard Profiles'!$G$22=$B$10,7,0)+IF('Standard Profiles'!$G$22=$B$17,14,0)+IF('Standard Profiles'!$G$22=$B$24,21,0),MOD($C4808,24)+1)/SUM(INDEX($D$3:$AA$30,INDEX(Jesper!$R$2:$R$366,ROW(INDEX(Jesper!AL$2:AL$366,ROUNDDOWN($C4808/24,0)+1,1))-1)+IF('Standard Profiles'!$G$22=$B$10,7,0)+IF('Standard Profiles'!$G$22=$B$17,14,0)+IF('Standard Profiles'!$G$22=$B$24,21,0),0)),0)</f>
        <v>0</v>
      </c>
      <c r="I4808">
        <f t="shared" si="538"/>
        <v>0.20920939589243012</v>
      </c>
      <c r="J4808">
        <f t="shared" si="539"/>
        <v>0.69736465297476713</v>
      </c>
      <c r="K4808">
        <f t="shared" si="540"/>
        <v>1.0460469794621505</v>
      </c>
      <c r="L4808">
        <f t="shared" si="541"/>
        <v>5.0210255014183227</v>
      </c>
      <c r="M4808">
        <f t="shared" si="542"/>
        <v>0</v>
      </c>
      <c r="N4808" s="46">
        <f t="shared" si="543"/>
        <v>45490.916666655088</v>
      </c>
    </row>
    <row r="4809" spans="2:14" x14ac:dyDescent="0.3">
      <c r="B4809">
        <f t="shared" si="537"/>
        <v>3</v>
      </c>
      <c r="C4809" s="16">
        <v>4775</v>
      </c>
      <c r="D4809" cm="1">
        <f t="array" ref="D4809">IFERROR(INDEX(Jesper!AH$2:AH$366,ROUNDDOWN($C4809/24,0)+1,1)*INDEX($D$3:$AA$30,INDEX(Jesper!$R$2:$R$366,ROW(INDEX(Jesper!AH$2:AH$366,ROUNDDOWN($C4809/24,0)+1,1))-1)+IF('Standard Profiles'!$G$18=$B$10,7,0)+IF('Standard Profiles'!$G$18=$B$17,14,0)+IF('Standard Profiles'!$G$18=$B$24,21,0),MOD($C4809,24)+1)/SUM(INDEX($D$3:$AA$30,INDEX(Jesper!$R$2:$R$366,ROW(INDEX(Jesper!AH$2:AH$366,ROUNDDOWN($C4809/24,0)+1,1))-1)+IF('Standard Profiles'!$G$18=$B$10,7,0)+IF('Standard Profiles'!$G$18=$B$17,14,0)+IF('Standard Profiles'!$G$18=$B$24,21,0),0)),0)</f>
        <v>6.9736465297476711</v>
      </c>
      <c r="E4809" cm="1">
        <f t="array" ref="E4809">IFERROR(INDEX(Jesper!AI$2:AI$366,ROUNDDOWN($C4809/24,0)+1,1)*INDEX($D$3:$AA$30,INDEX(Jesper!$R$2:$R$366,ROW(INDEX(Jesper!AI$2:AI$366,ROUNDDOWN($C4809/24,0)+1,1))-1)+IF('Standard Profiles'!$G$19=$B$10,7,0)+IF('Standard Profiles'!$G$19=$B$17,14,0)+IF('Standard Profiles'!$G$19=$B$24,21,0),MOD($C4809,24)+1)/SUM(INDEX($D$3:$AA$30,INDEX(Jesper!$R$2:$R$366,ROW(INDEX(Jesper!AI$2:AI$366,ROUNDDOWN($C4809/24,0)+1,1))-1)+IF('Standard Profiles'!$G$19=$B$10,7,0)+IF('Standard Profiles'!$G$19=$B$17,14,0)+IF('Standard Profiles'!$G$19=$B$24,21,0),0)),0)</f>
        <v>0</v>
      </c>
      <c r="F4809" cm="1">
        <f t="array" ref="F4809">IFERROR(INDEX(Jesper!AJ$2:AJ$366,ROUNDDOWN($C4809/24,0)+1,1)*INDEX($D$3:$AA$30,INDEX(Jesper!$R$2:$R$366,ROW(INDEX(Jesper!AJ$2:AJ$366,ROUNDDOWN($C4809/24,0)+1,1))-1)+IF('Standard Profiles'!$G$20=$B$10,7,0)+IF('Standard Profiles'!$G$20=$B$17,14,0)+IF('Standard Profiles'!$G$20=$B$24,21,0),MOD($C4809,24)+1)/SUM(INDEX($D$3:$AA$30,INDEX(Jesper!$R$2:$R$366,ROW(INDEX(Jesper!AJ$2:AJ$366,ROUNDDOWN($C4809/24,0)+1,1))-1)+IF('Standard Profiles'!$G$20=$B$10,7,0)+IF('Standard Profiles'!$G$20=$B$17,14,0)+IF('Standard Profiles'!$G$20=$B$24,21,0),0)),0)</f>
        <v>0</v>
      </c>
      <c r="G4809" cm="1">
        <f t="array" ref="G4809">IFERROR(INDEX(Jesper!AK$2:AK$366,ROUNDDOWN($C4809/24,0)+1,1)*INDEX($D$3:$AA$30,INDEX(Jesper!$R$2:$R$366,ROW(INDEX(Jesper!AK$2:AK$366,ROUNDDOWN($C4809/24,0)+1,1))-1)+IF('Standard Profiles'!$G$21=$B$10,7,0)+IF('Standard Profiles'!$G$21=$B$17,14,0)+IF('Standard Profiles'!$G$21=$B$24,21,0),MOD($C4809,24)+1)/SUM(INDEX($D$3:$AA$30,INDEX(Jesper!$R$2:$R$366,ROW(INDEX(Jesper!AK$2:AK$366,ROUNDDOWN($C4809/24,0)+1,1))-1)+IF('Standard Profiles'!$G$21=$B$10,7,0)+IF('Standard Profiles'!$G$21=$B$17,14,0)+IF('Standard Profiles'!$G$21=$B$24,21,0),0)),0)</f>
        <v>0</v>
      </c>
      <c r="H4809" cm="1">
        <f t="array" ref="H4809">IFERROR(INDEX(Jesper!AL$2:AL$366,ROUNDDOWN($C4809/24,0)+1,1)*INDEX($D$3:$AA$30,INDEX(Jesper!$R$2:$R$366,ROW(INDEX(Jesper!AL$2:AL$366,ROUNDDOWN($C4809/24,0)+1,1))-1)+IF('Standard Profiles'!$G$22=$B$10,7,0)+IF('Standard Profiles'!$G$22=$B$17,14,0)+IF('Standard Profiles'!$G$22=$B$24,21,0),MOD($C4809,24)+1)/SUM(INDEX($D$3:$AA$30,INDEX(Jesper!$R$2:$R$366,ROW(INDEX(Jesper!AL$2:AL$366,ROUNDDOWN($C4809/24,0)+1,1))-1)+IF('Standard Profiles'!$G$22=$B$10,7,0)+IF('Standard Profiles'!$G$22=$B$17,14,0)+IF('Standard Profiles'!$G$22=$B$24,21,0),0)),0)</f>
        <v>0</v>
      </c>
      <c r="I4809">
        <f t="shared" si="538"/>
        <v>0.20920939589243012</v>
      </c>
      <c r="J4809">
        <f t="shared" si="539"/>
        <v>0.69736465297476713</v>
      </c>
      <c r="K4809">
        <f t="shared" si="540"/>
        <v>1.0460469794621505</v>
      </c>
      <c r="L4809">
        <f t="shared" si="541"/>
        <v>5.0210255014183227</v>
      </c>
      <c r="M4809">
        <f t="shared" si="542"/>
        <v>0</v>
      </c>
      <c r="N4809" s="46">
        <f t="shared" si="543"/>
        <v>45490.958333321752</v>
      </c>
    </row>
    <row r="4810" spans="2:14" x14ac:dyDescent="0.3">
      <c r="B4810">
        <f t="shared" si="537"/>
        <v>4</v>
      </c>
      <c r="C4810" s="16">
        <v>4776</v>
      </c>
      <c r="D4810" cm="1">
        <f t="array" ref="D4810">IFERROR(INDEX(Jesper!AH$2:AH$366,ROUNDDOWN($C4810/24,0)+1,1)*INDEX($D$3:$AA$30,INDEX(Jesper!$R$2:$R$366,ROW(INDEX(Jesper!AH$2:AH$366,ROUNDDOWN($C4810/24,0)+1,1))-1)+IF('Standard Profiles'!$G$18=$B$10,7,0)+IF('Standard Profiles'!$G$18=$B$17,14,0)+IF('Standard Profiles'!$G$18=$B$24,21,0),MOD($C4810,24)+1)/SUM(INDEX($D$3:$AA$30,INDEX(Jesper!$R$2:$R$366,ROW(INDEX(Jesper!AH$2:AH$366,ROUNDDOWN($C4810/24,0)+1,1))-1)+IF('Standard Profiles'!$G$18=$B$10,7,0)+IF('Standard Profiles'!$G$18=$B$17,14,0)+IF('Standard Profiles'!$G$18=$B$24,21,0),0)),0)</f>
        <v>7.0037373229558328</v>
      </c>
      <c r="E4810" cm="1">
        <f t="array" ref="E4810">IFERROR(INDEX(Jesper!AI$2:AI$366,ROUNDDOWN($C4810/24,0)+1,1)*INDEX($D$3:$AA$30,INDEX(Jesper!$R$2:$R$366,ROW(INDEX(Jesper!AI$2:AI$366,ROUNDDOWN($C4810/24,0)+1,1))-1)+IF('Standard Profiles'!$G$19=$B$10,7,0)+IF('Standard Profiles'!$G$19=$B$17,14,0)+IF('Standard Profiles'!$G$19=$B$24,21,0),MOD($C4810,24)+1)/SUM(INDEX($D$3:$AA$30,INDEX(Jesper!$R$2:$R$366,ROW(INDEX(Jesper!AI$2:AI$366,ROUNDDOWN($C4810/24,0)+1,1))-1)+IF('Standard Profiles'!$G$19=$B$10,7,0)+IF('Standard Profiles'!$G$19=$B$17,14,0)+IF('Standard Profiles'!$G$19=$B$24,21,0),0)),0)</f>
        <v>0</v>
      </c>
      <c r="F4810" cm="1">
        <f t="array" ref="F4810">IFERROR(INDEX(Jesper!AJ$2:AJ$366,ROUNDDOWN($C4810/24,0)+1,1)*INDEX($D$3:$AA$30,INDEX(Jesper!$R$2:$R$366,ROW(INDEX(Jesper!AJ$2:AJ$366,ROUNDDOWN($C4810/24,0)+1,1))-1)+IF('Standard Profiles'!$G$20=$B$10,7,0)+IF('Standard Profiles'!$G$20=$B$17,14,0)+IF('Standard Profiles'!$G$20=$B$24,21,0),MOD($C4810,24)+1)/SUM(INDEX($D$3:$AA$30,INDEX(Jesper!$R$2:$R$366,ROW(INDEX(Jesper!AJ$2:AJ$366,ROUNDDOWN($C4810/24,0)+1,1))-1)+IF('Standard Profiles'!$G$20=$B$10,7,0)+IF('Standard Profiles'!$G$20=$B$17,14,0)+IF('Standard Profiles'!$G$20=$B$24,21,0),0)),0)</f>
        <v>0</v>
      </c>
      <c r="G4810" cm="1">
        <f t="array" ref="G4810">IFERROR(INDEX(Jesper!AK$2:AK$366,ROUNDDOWN($C4810/24,0)+1,1)*INDEX($D$3:$AA$30,INDEX(Jesper!$R$2:$R$366,ROW(INDEX(Jesper!AK$2:AK$366,ROUNDDOWN($C4810/24,0)+1,1))-1)+IF('Standard Profiles'!$G$21=$B$10,7,0)+IF('Standard Profiles'!$G$21=$B$17,14,0)+IF('Standard Profiles'!$G$21=$B$24,21,0),MOD($C4810,24)+1)/SUM(INDEX($D$3:$AA$30,INDEX(Jesper!$R$2:$R$366,ROW(INDEX(Jesper!AK$2:AK$366,ROUNDDOWN($C4810/24,0)+1,1))-1)+IF('Standard Profiles'!$G$21=$B$10,7,0)+IF('Standard Profiles'!$G$21=$B$17,14,0)+IF('Standard Profiles'!$G$21=$B$24,21,0),0)),0)</f>
        <v>0</v>
      </c>
      <c r="H4810" cm="1">
        <f t="array" ref="H4810">IFERROR(INDEX(Jesper!AL$2:AL$366,ROUNDDOWN($C4810/24,0)+1,1)*INDEX($D$3:$AA$30,INDEX(Jesper!$R$2:$R$366,ROW(INDEX(Jesper!AL$2:AL$366,ROUNDDOWN($C4810/24,0)+1,1))-1)+IF('Standard Profiles'!$G$22=$B$10,7,0)+IF('Standard Profiles'!$G$22=$B$17,14,0)+IF('Standard Profiles'!$G$22=$B$24,21,0),MOD($C4810,24)+1)/SUM(INDEX($D$3:$AA$30,INDEX(Jesper!$R$2:$R$366,ROW(INDEX(Jesper!AL$2:AL$366,ROUNDDOWN($C4810/24,0)+1,1))-1)+IF('Standard Profiles'!$G$22=$B$10,7,0)+IF('Standard Profiles'!$G$22=$B$17,14,0)+IF('Standard Profiles'!$G$22=$B$24,21,0),0)),0)</f>
        <v>0</v>
      </c>
      <c r="I4810">
        <f t="shared" si="538"/>
        <v>0.21011211968867496</v>
      </c>
      <c r="J4810">
        <f t="shared" si="539"/>
        <v>0.70037373229558331</v>
      </c>
      <c r="K4810">
        <f t="shared" si="540"/>
        <v>1.0505605984433748</v>
      </c>
      <c r="L4810">
        <f t="shared" si="541"/>
        <v>5.0426908725281994</v>
      </c>
      <c r="M4810">
        <f t="shared" si="542"/>
        <v>0</v>
      </c>
      <c r="N4810" s="46">
        <f t="shared" si="543"/>
        <v>45490.999999988417</v>
      </c>
    </row>
    <row r="4811" spans="2:14" x14ac:dyDescent="0.3">
      <c r="B4811">
        <f t="shared" si="537"/>
        <v>4</v>
      </c>
      <c r="C4811" s="16">
        <v>4777</v>
      </c>
      <c r="D4811" cm="1">
        <f t="array" ref="D4811">IFERROR(INDEX(Jesper!AH$2:AH$366,ROUNDDOWN($C4811/24,0)+1,1)*INDEX($D$3:$AA$30,INDEX(Jesper!$R$2:$R$366,ROW(INDEX(Jesper!AH$2:AH$366,ROUNDDOWN($C4811/24,0)+1,1))-1)+IF('Standard Profiles'!$G$18=$B$10,7,0)+IF('Standard Profiles'!$G$18=$B$17,14,0)+IF('Standard Profiles'!$G$18=$B$24,21,0),MOD($C4811,24)+1)/SUM(INDEX($D$3:$AA$30,INDEX(Jesper!$R$2:$R$366,ROW(INDEX(Jesper!AH$2:AH$366,ROUNDDOWN($C4811/24,0)+1,1))-1)+IF('Standard Profiles'!$G$18=$B$10,7,0)+IF('Standard Profiles'!$G$18=$B$17,14,0)+IF('Standard Profiles'!$G$18=$B$24,21,0),0)),0)</f>
        <v>7.0037373229558328</v>
      </c>
      <c r="E4811" cm="1">
        <f t="array" ref="E4811">IFERROR(INDEX(Jesper!AI$2:AI$366,ROUNDDOWN($C4811/24,0)+1,1)*INDEX($D$3:$AA$30,INDEX(Jesper!$R$2:$R$366,ROW(INDEX(Jesper!AI$2:AI$366,ROUNDDOWN($C4811/24,0)+1,1))-1)+IF('Standard Profiles'!$G$19=$B$10,7,0)+IF('Standard Profiles'!$G$19=$B$17,14,0)+IF('Standard Profiles'!$G$19=$B$24,21,0),MOD($C4811,24)+1)/SUM(INDEX($D$3:$AA$30,INDEX(Jesper!$R$2:$R$366,ROW(INDEX(Jesper!AI$2:AI$366,ROUNDDOWN($C4811/24,0)+1,1))-1)+IF('Standard Profiles'!$G$19=$B$10,7,0)+IF('Standard Profiles'!$G$19=$B$17,14,0)+IF('Standard Profiles'!$G$19=$B$24,21,0),0)),0)</f>
        <v>0</v>
      </c>
      <c r="F4811" cm="1">
        <f t="array" ref="F4811">IFERROR(INDEX(Jesper!AJ$2:AJ$366,ROUNDDOWN($C4811/24,0)+1,1)*INDEX($D$3:$AA$30,INDEX(Jesper!$R$2:$R$366,ROW(INDEX(Jesper!AJ$2:AJ$366,ROUNDDOWN($C4811/24,0)+1,1))-1)+IF('Standard Profiles'!$G$20=$B$10,7,0)+IF('Standard Profiles'!$G$20=$B$17,14,0)+IF('Standard Profiles'!$G$20=$B$24,21,0),MOD($C4811,24)+1)/SUM(INDEX($D$3:$AA$30,INDEX(Jesper!$R$2:$R$366,ROW(INDEX(Jesper!AJ$2:AJ$366,ROUNDDOWN($C4811/24,0)+1,1))-1)+IF('Standard Profiles'!$G$20=$B$10,7,0)+IF('Standard Profiles'!$G$20=$B$17,14,0)+IF('Standard Profiles'!$G$20=$B$24,21,0),0)),0)</f>
        <v>0</v>
      </c>
      <c r="G4811" cm="1">
        <f t="array" ref="G4811">IFERROR(INDEX(Jesper!AK$2:AK$366,ROUNDDOWN($C4811/24,0)+1,1)*INDEX($D$3:$AA$30,INDEX(Jesper!$R$2:$R$366,ROW(INDEX(Jesper!AK$2:AK$366,ROUNDDOWN($C4811/24,0)+1,1))-1)+IF('Standard Profiles'!$G$21=$B$10,7,0)+IF('Standard Profiles'!$G$21=$B$17,14,0)+IF('Standard Profiles'!$G$21=$B$24,21,0),MOD($C4811,24)+1)/SUM(INDEX($D$3:$AA$30,INDEX(Jesper!$R$2:$R$366,ROW(INDEX(Jesper!AK$2:AK$366,ROUNDDOWN($C4811/24,0)+1,1))-1)+IF('Standard Profiles'!$G$21=$B$10,7,0)+IF('Standard Profiles'!$G$21=$B$17,14,0)+IF('Standard Profiles'!$G$21=$B$24,21,0),0)),0)</f>
        <v>0</v>
      </c>
      <c r="H4811" cm="1">
        <f t="array" ref="H4811">IFERROR(INDEX(Jesper!AL$2:AL$366,ROUNDDOWN($C4811/24,0)+1,1)*INDEX($D$3:$AA$30,INDEX(Jesper!$R$2:$R$366,ROW(INDEX(Jesper!AL$2:AL$366,ROUNDDOWN($C4811/24,0)+1,1))-1)+IF('Standard Profiles'!$G$22=$B$10,7,0)+IF('Standard Profiles'!$G$22=$B$17,14,0)+IF('Standard Profiles'!$G$22=$B$24,21,0),MOD($C4811,24)+1)/SUM(INDEX($D$3:$AA$30,INDEX(Jesper!$R$2:$R$366,ROW(INDEX(Jesper!AL$2:AL$366,ROUNDDOWN($C4811/24,0)+1,1))-1)+IF('Standard Profiles'!$G$22=$B$10,7,0)+IF('Standard Profiles'!$G$22=$B$17,14,0)+IF('Standard Profiles'!$G$22=$B$24,21,0),0)),0)</f>
        <v>0</v>
      </c>
      <c r="I4811">
        <f t="shared" si="538"/>
        <v>0.21011211968867496</v>
      </c>
      <c r="J4811">
        <f t="shared" si="539"/>
        <v>0.70037373229558331</v>
      </c>
      <c r="K4811">
        <f t="shared" si="540"/>
        <v>1.0505605984433748</v>
      </c>
      <c r="L4811">
        <f t="shared" si="541"/>
        <v>5.0426908725281994</v>
      </c>
      <c r="M4811">
        <f t="shared" si="542"/>
        <v>0</v>
      </c>
      <c r="N4811" s="46">
        <f t="shared" si="543"/>
        <v>45491.041666655081</v>
      </c>
    </row>
    <row r="4812" spans="2:14" x14ac:dyDescent="0.3">
      <c r="B4812">
        <f t="shared" si="537"/>
        <v>4</v>
      </c>
      <c r="C4812" s="16">
        <v>4778</v>
      </c>
      <c r="D4812" cm="1">
        <f t="array" ref="D4812">IFERROR(INDEX(Jesper!AH$2:AH$366,ROUNDDOWN($C4812/24,0)+1,1)*INDEX($D$3:$AA$30,INDEX(Jesper!$R$2:$R$366,ROW(INDEX(Jesper!AH$2:AH$366,ROUNDDOWN($C4812/24,0)+1,1))-1)+IF('Standard Profiles'!$G$18=$B$10,7,0)+IF('Standard Profiles'!$G$18=$B$17,14,0)+IF('Standard Profiles'!$G$18=$B$24,21,0),MOD($C4812,24)+1)/SUM(INDEX($D$3:$AA$30,INDEX(Jesper!$R$2:$R$366,ROW(INDEX(Jesper!AH$2:AH$366,ROUNDDOWN($C4812/24,0)+1,1))-1)+IF('Standard Profiles'!$G$18=$B$10,7,0)+IF('Standard Profiles'!$G$18=$B$17,14,0)+IF('Standard Profiles'!$G$18=$B$24,21,0),0)),0)</f>
        <v>7.0037373229558328</v>
      </c>
      <c r="E4812" cm="1">
        <f t="array" ref="E4812">IFERROR(INDEX(Jesper!AI$2:AI$366,ROUNDDOWN($C4812/24,0)+1,1)*INDEX($D$3:$AA$30,INDEX(Jesper!$R$2:$R$366,ROW(INDEX(Jesper!AI$2:AI$366,ROUNDDOWN($C4812/24,0)+1,1))-1)+IF('Standard Profiles'!$G$19=$B$10,7,0)+IF('Standard Profiles'!$G$19=$B$17,14,0)+IF('Standard Profiles'!$G$19=$B$24,21,0),MOD($C4812,24)+1)/SUM(INDEX($D$3:$AA$30,INDEX(Jesper!$R$2:$R$366,ROW(INDEX(Jesper!AI$2:AI$366,ROUNDDOWN($C4812/24,0)+1,1))-1)+IF('Standard Profiles'!$G$19=$B$10,7,0)+IF('Standard Profiles'!$G$19=$B$17,14,0)+IF('Standard Profiles'!$G$19=$B$24,21,0),0)),0)</f>
        <v>0</v>
      </c>
      <c r="F4812" cm="1">
        <f t="array" ref="F4812">IFERROR(INDEX(Jesper!AJ$2:AJ$366,ROUNDDOWN($C4812/24,0)+1,1)*INDEX($D$3:$AA$30,INDEX(Jesper!$R$2:$R$366,ROW(INDEX(Jesper!AJ$2:AJ$366,ROUNDDOWN($C4812/24,0)+1,1))-1)+IF('Standard Profiles'!$G$20=$B$10,7,0)+IF('Standard Profiles'!$G$20=$B$17,14,0)+IF('Standard Profiles'!$G$20=$B$24,21,0),MOD($C4812,24)+1)/SUM(INDEX($D$3:$AA$30,INDEX(Jesper!$R$2:$R$366,ROW(INDEX(Jesper!AJ$2:AJ$366,ROUNDDOWN($C4812/24,0)+1,1))-1)+IF('Standard Profiles'!$G$20=$B$10,7,0)+IF('Standard Profiles'!$G$20=$B$17,14,0)+IF('Standard Profiles'!$G$20=$B$24,21,0),0)),0)</f>
        <v>0</v>
      </c>
      <c r="G4812" cm="1">
        <f t="array" ref="G4812">IFERROR(INDEX(Jesper!AK$2:AK$366,ROUNDDOWN($C4812/24,0)+1,1)*INDEX($D$3:$AA$30,INDEX(Jesper!$R$2:$R$366,ROW(INDEX(Jesper!AK$2:AK$366,ROUNDDOWN($C4812/24,0)+1,1))-1)+IF('Standard Profiles'!$G$21=$B$10,7,0)+IF('Standard Profiles'!$G$21=$B$17,14,0)+IF('Standard Profiles'!$G$21=$B$24,21,0),MOD($C4812,24)+1)/SUM(INDEX($D$3:$AA$30,INDEX(Jesper!$R$2:$R$366,ROW(INDEX(Jesper!AK$2:AK$366,ROUNDDOWN($C4812/24,0)+1,1))-1)+IF('Standard Profiles'!$G$21=$B$10,7,0)+IF('Standard Profiles'!$G$21=$B$17,14,0)+IF('Standard Profiles'!$G$21=$B$24,21,0),0)),0)</f>
        <v>0</v>
      </c>
      <c r="H4812" cm="1">
        <f t="array" ref="H4812">IFERROR(INDEX(Jesper!AL$2:AL$366,ROUNDDOWN($C4812/24,0)+1,1)*INDEX($D$3:$AA$30,INDEX(Jesper!$R$2:$R$366,ROW(INDEX(Jesper!AL$2:AL$366,ROUNDDOWN($C4812/24,0)+1,1))-1)+IF('Standard Profiles'!$G$22=$B$10,7,0)+IF('Standard Profiles'!$G$22=$B$17,14,0)+IF('Standard Profiles'!$G$22=$B$24,21,0),MOD($C4812,24)+1)/SUM(INDEX($D$3:$AA$30,INDEX(Jesper!$R$2:$R$366,ROW(INDEX(Jesper!AL$2:AL$366,ROUNDDOWN($C4812/24,0)+1,1))-1)+IF('Standard Profiles'!$G$22=$B$10,7,0)+IF('Standard Profiles'!$G$22=$B$17,14,0)+IF('Standard Profiles'!$G$22=$B$24,21,0),0)),0)</f>
        <v>0</v>
      </c>
      <c r="I4812">
        <f t="shared" si="538"/>
        <v>0.21011211968867496</v>
      </c>
      <c r="J4812">
        <f t="shared" si="539"/>
        <v>0.70037373229558331</v>
      </c>
      <c r="K4812">
        <f t="shared" si="540"/>
        <v>1.0505605984433748</v>
      </c>
      <c r="L4812">
        <f t="shared" si="541"/>
        <v>5.0426908725281994</v>
      </c>
      <c r="M4812">
        <f t="shared" si="542"/>
        <v>0</v>
      </c>
      <c r="N4812" s="46">
        <f t="shared" si="543"/>
        <v>45491.083333321745</v>
      </c>
    </row>
    <row r="4813" spans="2:14" x14ac:dyDescent="0.3">
      <c r="B4813">
        <f t="shared" si="537"/>
        <v>4</v>
      </c>
      <c r="C4813" s="16">
        <v>4779</v>
      </c>
      <c r="D4813" cm="1">
        <f t="array" ref="D4813">IFERROR(INDEX(Jesper!AH$2:AH$366,ROUNDDOWN($C4813/24,0)+1,1)*INDEX($D$3:$AA$30,INDEX(Jesper!$R$2:$R$366,ROW(INDEX(Jesper!AH$2:AH$366,ROUNDDOWN($C4813/24,0)+1,1))-1)+IF('Standard Profiles'!$G$18=$B$10,7,0)+IF('Standard Profiles'!$G$18=$B$17,14,0)+IF('Standard Profiles'!$G$18=$B$24,21,0),MOD($C4813,24)+1)/SUM(INDEX($D$3:$AA$30,INDEX(Jesper!$R$2:$R$366,ROW(INDEX(Jesper!AH$2:AH$366,ROUNDDOWN($C4813/24,0)+1,1))-1)+IF('Standard Profiles'!$G$18=$B$10,7,0)+IF('Standard Profiles'!$G$18=$B$17,14,0)+IF('Standard Profiles'!$G$18=$B$24,21,0),0)),0)</f>
        <v>7.0037373229558328</v>
      </c>
      <c r="E4813" cm="1">
        <f t="array" ref="E4813">IFERROR(INDEX(Jesper!AI$2:AI$366,ROUNDDOWN($C4813/24,0)+1,1)*INDEX($D$3:$AA$30,INDEX(Jesper!$R$2:$R$366,ROW(INDEX(Jesper!AI$2:AI$366,ROUNDDOWN($C4813/24,0)+1,1))-1)+IF('Standard Profiles'!$G$19=$B$10,7,0)+IF('Standard Profiles'!$G$19=$B$17,14,0)+IF('Standard Profiles'!$G$19=$B$24,21,0),MOD($C4813,24)+1)/SUM(INDEX($D$3:$AA$30,INDEX(Jesper!$R$2:$R$366,ROW(INDEX(Jesper!AI$2:AI$366,ROUNDDOWN($C4813/24,0)+1,1))-1)+IF('Standard Profiles'!$G$19=$B$10,7,0)+IF('Standard Profiles'!$G$19=$B$17,14,0)+IF('Standard Profiles'!$G$19=$B$24,21,0),0)),0)</f>
        <v>0</v>
      </c>
      <c r="F4813" cm="1">
        <f t="array" ref="F4813">IFERROR(INDEX(Jesper!AJ$2:AJ$366,ROUNDDOWN($C4813/24,0)+1,1)*INDEX($D$3:$AA$30,INDEX(Jesper!$R$2:$R$366,ROW(INDEX(Jesper!AJ$2:AJ$366,ROUNDDOWN($C4813/24,0)+1,1))-1)+IF('Standard Profiles'!$G$20=$B$10,7,0)+IF('Standard Profiles'!$G$20=$B$17,14,0)+IF('Standard Profiles'!$G$20=$B$24,21,0),MOD($C4813,24)+1)/SUM(INDEX($D$3:$AA$30,INDEX(Jesper!$R$2:$R$366,ROW(INDEX(Jesper!AJ$2:AJ$366,ROUNDDOWN($C4813/24,0)+1,1))-1)+IF('Standard Profiles'!$G$20=$B$10,7,0)+IF('Standard Profiles'!$G$20=$B$17,14,0)+IF('Standard Profiles'!$G$20=$B$24,21,0),0)),0)</f>
        <v>0</v>
      </c>
      <c r="G4813" cm="1">
        <f t="array" ref="G4813">IFERROR(INDEX(Jesper!AK$2:AK$366,ROUNDDOWN($C4813/24,0)+1,1)*INDEX($D$3:$AA$30,INDEX(Jesper!$R$2:$R$366,ROW(INDEX(Jesper!AK$2:AK$366,ROUNDDOWN($C4813/24,0)+1,1))-1)+IF('Standard Profiles'!$G$21=$B$10,7,0)+IF('Standard Profiles'!$G$21=$B$17,14,0)+IF('Standard Profiles'!$G$21=$B$24,21,0),MOD($C4813,24)+1)/SUM(INDEX($D$3:$AA$30,INDEX(Jesper!$R$2:$R$366,ROW(INDEX(Jesper!AK$2:AK$366,ROUNDDOWN($C4813/24,0)+1,1))-1)+IF('Standard Profiles'!$G$21=$B$10,7,0)+IF('Standard Profiles'!$G$21=$B$17,14,0)+IF('Standard Profiles'!$G$21=$B$24,21,0),0)),0)</f>
        <v>0</v>
      </c>
      <c r="H4813" cm="1">
        <f t="array" ref="H4813">IFERROR(INDEX(Jesper!AL$2:AL$366,ROUNDDOWN($C4813/24,0)+1,1)*INDEX($D$3:$AA$30,INDEX(Jesper!$R$2:$R$366,ROW(INDEX(Jesper!AL$2:AL$366,ROUNDDOWN($C4813/24,0)+1,1))-1)+IF('Standard Profiles'!$G$22=$B$10,7,0)+IF('Standard Profiles'!$G$22=$B$17,14,0)+IF('Standard Profiles'!$G$22=$B$24,21,0),MOD($C4813,24)+1)/SUM(INDEX($D$3:$AA$30,INDEX(Jesper!$R$2:$R$366,ROW(INDEX(Jesper!AL$2:AL$366,ROUNDDOWN($C4813/24,0)+1,1))-1)+IF('Standard Profiles'!$G$22=$B$10,7,0)+IF('Standard Profiles'!$G$22=$B$17,14,0)+IF('Standard Profiles'!$G$22=$B$24,21,0),0)),0)</f>
        <v>0</v>
      </c>
      <c r="I4813">
        <f t="shared" si="538"/>
        <v>0.21011211968867496</v>
      </c>
      <c r="J4813">
        <f t="shared" si="539"/>
        <v>0.70037373229558331</v>
      </c>
      <c r="K4813">
        <f t="shared" si="540"/>
        <v>1.0505605984433748</v>
      </c>
      <c r="L4813">
        <f t="shared" si="541"/>
        <v>5.0426908725281994</v>
      </c>
      <c r="M4813">
        <f t="shared" si="542"/>
        <v>0</v>
      </c>
      <c r="N4813" s="46">
        <f t="shared" si="543"/>
        <v>45491.124999988409</v>
      </c>
    </row>
    <row r="4814" spans="2:14" x14ac:dyDescent="0.3">
      <c r="B4814">
        <f t="shared" si="537"/>
        <v>4</v>
      </c>
      <c r="C4814" s="16">
        <v>4780</v>
      </c>
      <c r="D4814" cm="1">
        <f t="array" ref="D4814">IFERROR(INDEX(Jesper!AH$2:AH$366,ROUNDDOWN($C4814/24,0)+1,1)*INDEX($D$3:$AA$30,INDEX(Jesper!$R$2:$R$366,ROW(INDEX(Jesper!AH$2:AH$366,ROUNDDOWN($C4814/24,0)+1,1))-1)+IF('Standard Profiles'!$G$18=$B$10,7,0)+IF('Standard Profiles'!$G$18=$B$17,14,0)+IF('Standard Profiles'!$G$18=$B$24,21,0),MOD($C4814,24)+1)/SUM(INDEX($D$3:$AA$30,INDEX(Jesper!$R$2:$R$366,ROW(INDEX(Jesper!AH$2:AH$366,ROUNDDOWN($C4814/24,0)+1,1))-1)+IF('Standard Profiles'!$G$18=$B$10,7,0)+IF('Standard Profiles'!$G$18=$B$17,14,0)+IF('Standard Profiles'!$G$18=$B$24,21,0),0)),0)</f>
        <v>7.0037373229558328</v>
      </c>
      <c r="E4814" cm="1">
        <f t="array" ref="E4814">IFERROR(INDEX(Jesper!AI$2:AI$366,ROUNDDOWN($C4814/24,0)+1,1)*INDEX($D$3:$AA$30,INDEX(Jesper!$R$2:$R$366,ROW(INDEX(Jesper!AI$2:AI$366,ROUNDDOWN($C4814/24,0)+1,1))-1)+IF('Standard Profiles'!$G$19=$B$10,7,0)+IF('Standard Profiles'!$G$19=$B$17,14,0)+IF('Standard Profiles'!$G$19=$B$24,21,0),MOD($C4814,24)+1)/SUM(INDEX($D$3:$AA$30,INDEX(Jesper!$R$2:$R$366,ROW(INDEX(Jesper!AI$2:AI$366,ROUNDDOWN($C4814/24,0)+1,1))-1)+IF('Standard Profiles'!$G$19=$B$10,7,0)+IF('Standard Profiles'!$G$19=$B$17,14,0)+IF('Standard Profiles'!$G$19=$B$24,21,0),0)),0)</f>
        <v>0</v>
      </c>
      <c r="F4814" cm="1">
        <f t="array" ref="F4814">IFERROR(INDEX(Jesper!AJ$2:AJ$366,ROUNDDOWN($C4814/24,0)+1,1)*INDEX($D$3:$AA$30,INDEX(Jesper!$R$2:$R$366,ROW(INDEX(Jesper!AJ$2:AJ$366,ROUNDDOWN($C4814/24,0)+1,1))-1)+IF('Standard Profiles'!$G$20=$B$10,7,0)+IF('Standard Profiles'!$G$20=$B$17,14,0)+IF('Standard Profiles'!$G$20=$B$24,21,0),MOD($C4814,24)+1)/SUM(INDEX($D$3:$AA$30,INDEX(Jesper!$R$2:$R$366,ROW(INDEX(Jesper!AJ$2:AJ$366,ROUNDDOWN($C4814/24,0)+1,1))-1)+IF('Standard Profiles'!$G$20=$B$10,7,0)+IF('Standard Profiles'!$G$20=$B$17,14,0)+IF('Standard Profiles'!$G$20=$B$24,21,0),0)),0)</f>
        <v>0</v>
      </c>
      <c r="G4814" cm="1">
        <f t="array" ref="G4814">IFERROR(INDEX(Jesper!AK$2:AK$366,ROUNDDOWN($C4814/24,0)+1,1)*INDEX($D$3:$AA$30,INDEX(Jesper!$R$2:$R$366,ROW(INDEX(Jesper!AK$2:AK$366,ROUNDDOWN($C4814/24,0)+1,1))-1)+IF('Standard Profiles'!$G$21=$B$10,7,0)+IF('Standard Profiles'!$G$21=$B$17,14,0)+IF('Standard Profiles'!$G$21=$B$24,21,0),MOD($C4814,24)+1)/SUM(INDEX($D$3:$AA$30,INDEX(Jesper!$R$2:$R$366,ROW(INDEX(Jesper!AK$2:AK$366,ROUNDDOWN($C4814/24,0)+1,1))-1)+IF('Standard Profiles'!$G$21=$B$10,7,0)+IF('Standard Profiles'!$G$21=$B$17,14,0)+IF('Standard Profiles'!$G$21=$B$24,21,0),0)),0)</f>
        <v>0</v>
      </c>
      <c r="H4814" cm="1">
        <f t="array" ref="H4814">IFERROR(INDEX(Jesper!AL$2:AL$366,ROUNDDOWN($C4814/24,0)+1,1)*INDEX($D$3:$AA$30,INDEX(Jesper!$R$2:$R$366,ROW(INDEX(Jesper!AL$2:AL$366,ROUNDDOWN($C4814/24,0)+1,1))-1)+IF('Standard Profiles'!$G$22=$B$10,7,0)+IF('Standard Profiles'!$G$22=$B$17,14,0)+IF('Standard Profiles'!$G$22=$B$24,21,0),MOD($C4814,24)+1)/SUM(INDEX($D$3:$AA$30,INDEX(Jesper!$R$2:$R$366,ROW(INDEX(Jesper!AL$2:AL$366,ROUNDDOWN($C4814/24,0)+1,1))-1)+IF('Standard Profiles'!$G$22=$B$10,7,0)+IF('Standard Profiles'!$G$22=$B$17,14,0)+IF('Standard Profiles'!$G$22=$B$24,21,0),0)),0)</f>
        <v>0</v>
      </c>
      <c r="I4814">
        <f t="shared" si="538"/>
        <v>0.21011211968867496</v>
      </c>
      <c r="J4814">
        <f t="shared" si="539"/>
        <v>0.70037373229558331</v>
      </c>
      <c r="K4814">
        <f t="shared" si="540"/>
        <v>1.0505605984433748</v>
      </c>
      <c r="L4814">
        <f t="shared" si="541"/>
        <v>5.0426908725281994</v>
      </c>
      <c r="M4814">
        <f t="shared" si="542"/>
        <v>0</v>
      </c>
      <c r="N4814" s="46">
        <f t="shared" si="543"/>
        <v>45491.166666655074</v>
      </c>
    </row>
    <row r="4815" spans="2:14" x14ac:dyDescent="0.3">
      <c r="B4815">
        <f t="shared" si="537"/>
        <v>4</v>
      </c>
      <c r="C4815" s="16">
        <v>4781</v>
      </c>
      <c r="D4815" cm="1">
        <f t="array" ref="D4815">IFERROR(INDEX(Jesper!AH$2:AH$366,ROUNDDOWN($C4815/24,0)+1,1)*INDEX($D$3:$AA$30,INDEX(Jesper!$R$2:$R$366,ROW(INDEX(Jesper!AH$2:AH$366,ROUNDDOWN($C4815/24,0)+1,1))-1)+IF('Standard Profiles'!$G$18=$B$10,7,0)+IF('Standard Profiles'!$G$18=$B$17,14,0)+IF('Standard Profiles'!$G$18=$B$24,21,0),MOD($C4815,24)+1)/SUM(INDEX($D$3:$AA$30,INDEX(Jesper!$R$2:$R$366,ROW(INDEX(Jesper!AH$2:AH$366,ROUNDDOWN($C4815/24,0)+1,1))-1)+IF('Standard Profiles'!$G$18=$B$10,7,0)+IF('Standard Profiles'!$G$18=$B$17,14,0)+IF('Standard Profiles'!$G$18=$B$24,21,0),0)),0)</f>
        <v>9.0270392162541846</v>
      </c>
      <c r="E4815" cm="1">
        <f t="array" ref="E4815">IFERROR(INDEX(Jesper!AI$2:AI$366,ROUNDDOWN($C4815/24,0)+1,1)*INDEX($D$3:$AA$30,INDEX(Jesper!$R$2:$R$366,ROW(INDEX(Jesper!AI$2:AI$366,ROUNDDOWN($C4815/24,0)+1,1))-1)+IF('Standard Profiles'!$G$19=$B$10,7,0)+IF('Standard Profiles'!$G$19=$B$17,14,0)+IF('Standard Profiles'!$G$19=$B$24,21,0),MOD($C4815,24)+1)/SUM(INDEX($D$3:$AA$30,INDEX(Jesper!$R$2:$R$366,ROW(INDEX(Jesper!AI$2:AI$366,ROUNDDOWN($C4815/24,0)+1,1))-1)+IF('Standard Profiles'!$G$19=$B$10,7,0)+IF('Standard Profiles'!$G$19=$B$17,14,0)+IF('Standard Profiles'!$G$19=$B$24,21,0),0)),0)</f>
        <v>0</v>
      </c>
      <c r="F4815" cm="1">
        <f t="array" ref="F4815">IFERROR(INDEX(Jesper!AJ$2:AJ$366,ROUNDDOWN($C4815/24,0)+1,1)*INDEX($D$3:$AA$30,INDEX(Jesper!$R$2:$R$366,ROW(INDEX(Jesper!AJ$2:AJ$366,ROUNDDOWN($C4815/24,0)+1,1))-1)+IF('Standard Profiles'!$G$20=$B$10,7,0)+IF('Standard Profiles'!$G$20=$B$17,14,0)+IF('Standard Profiles'!$G$20=$B$24,21,0),MOD($C4815,24)+1)/SUM(INDEX($D$3:$AA$30,INDEX(Jesper!$R$2:$R$366,ROW(INDEX(Jesper!AJ$2:AJ$366,ROUNDDOWN($C4815/24,0)+1,1))-1)+IF('Standard Profiles'!$G$20=$B$10,7,0)+IF('Standard Profiles'!$G$20=$B$17,14,0)+IF('Standard Profiles'!$G$20=$B$24,21,0),0)),0)</f>
        <v>0</v>
      </c>
      <c r="G4815" cm="1">
        <f t="array" ref="G4815">IFERROR(INDEX(Jesper!AK$2:AK$366,ROUNDDOWN($C4815/24,0)+1,1)*INDEX($D$3:$AA$30,INDEX(Jesper!$R$2:$R$366,ROW(INDEX(Jesper!AK$2:AK$366,ROUNDDOWN($C4815/24,0)+1,1))-1)+IF('Standard Profiles'!$G$21=$B$10,7,0)+IF('Standard Profiles'!$G$21=$B$17,14,0)+IF('Standard Profiles'!$G$21=$B$24,21,0),MOD($C4815,24)+1)/SUM(INDEX($D$3:$AA$30,INDEX(Jesper!$R$2:$R$366,ROW(INDEX(Jesper!AK$2:AK$366,ROUNDDOWN($C4815/24,0)+1,1))-1)+IF('Standard Profiles'!$G$21=$B$10,7,0)+IF('Standard Profiles'!$G$21=$B$17,14,0)+IF('Standard Profiles'!$G$21=$B$24,21,0),0)),0)</f>
        <v>0</v>
      </c>
      <c r="H4815" cm="1">
        <f t="array" ref="H4815">IFERROR(INDEX(Jesper!AL$2:AL$366,ROUNDDOWN($C4815/24,0)+1,1)*INDEX($D$3:$AA$30,INDEX(Jesper!$R$2:$R$366,ROW(INDEX(Jesper!AL$2:AL$366,ROUNDDOWN($C4815/24,0)+1,1))-1)+IF('Standard Profiles'!$G$22=$B$10,7,0)+IF('Standard Profiles'!$G$22=$B$17,14,0)+IF('Standard Profiles'!$G$22=$B$24,21,0),MOD($C4815,24)+1)/SUM(INDEX($D$3:$AA$30,INDEX(Jesper!$R$2:$R$366,ROW(INDEX(Jesper!AL$2:AL$366,ROUNDDOWN($C4815/24,0)+1,1))-1)+IF('Standard Profiles'!$G$22=$B$10,7,0)+IF('Standard Profiles'!$G$22=$B$17,14,0)+IF('Standard Profiles'!$G$22=$B$24,21,0),0)),0)</f>
        <v>0</v>
      </c>
      <c r="I4815">
        <f t="shared" si="538"/>
        <v>0.27081117648762554</v>
      </c>
      <c r="J4815">
        <f t="shared" si="539"/>
        <v>0.90270392162541846</v>
      </c>
      <c r="K4815">
        <f t="shared" si="540"/>
        <v>1.3540558824381277</v>
      </c>
      <c r="L4815">
        <f t="shared" si="541"/>
        <v>6.4994682357030129</v>
      </c>
      <c r="M4815">
        <f t="shared" si="542"/>
        <v>0</v>
      </c>
      <c r="N4815" s="46">
        <f t="shared" si="543"/>
        <v>45491.208333321738</v>
      </c>
    </row>
    <row r="4816" spans="2:14" x14ac:dyDescent="0.3">
      <c r="B4816">
        <f t="shared" si="537"/>
        <v>4</v>
      </c>
      <c r="C4816" s="16">
        <v>4782</v>
      </c>
      <c r="D4816" cm="1">
        <f t="array" ref="D4816">IFERROR(INDEX(Jesper!AH$2:AH$366,ROUNDDOWN($C4816/24,0)+1,1)*INDEX($D$3:$AA$30,INDEX(Jesper!$R$2:$R$366,ROW(INDEX(Jesper!AH$2:AH$366,ROUNDDOWN($C4816/24,0)+1,1))-1)+IF('Standard Profiles'!$G$18=$B$10,7,0)+IF('Standard Profiles'!$G$18=$B$17,14,0)+IF('Standard Profiles'!$G$18=$B$24,21,0),MOD($C4816,24)+1)/SUM(INDEX($D$3:$AA$30,INDEX(Jesper!$R$2:$R$366,ROW(INDEX(Jesper!AH$2:AH$366,ROUNDDOWN($C4816/24,0)+1,1))-1)+IF('Standard Profiles'!$G$18=$B$10,7,0)+IF('Standard Profiles'!$G$18=$B$17,14,0)+IF('Standard Profiles'!$G$18=$B$24,21,0),0)),0)</f>
        <v>10.427786680845353</v>
      </c>
      <c r="E4816" cm="1">
        <f t="array" ref="E4816">IFERROR(INDEX(Jesper!AI$2:AI$366,ROUNDDOWN($C4816/24,0)+1,1)*INDEX($D$3:$AA$30,INDEX(Jesper!$R$2:$R$366,ROW(INDEX(Jesper!AI$2:AI$366,ROUNDDOWN($C4816/24,0)+1,1))-1)+IF('Standard Profiles'!$G$19=$B$10,7,0)+IF('Standard Profiles'!$G$19=$B$17,14,0)+IF('Standard Profiles'!$G$19=$B$24,21,0),MOD($C4816,24)+1)/SUM(INDEX($D$3:$AA$30,INDEX(Jesper!$R$2:$R$366,ROW(INDEX(Jesper!AI$2:AI$366,ROUNDDOWN($C4816/24,0)+1,1))-1)+IF('Standard Profiles'!$G$19=$B$10,7,0)+IF('Standard Profiles'!$G$19=$B$17,14,0)+IF('Standard Profiles'!$G$19=$B$24,21,0),0)),0)</f>
        <v>0</v>
      </c>
      <c r="F4816" cm="1">
        <f t="array" ref="F4816">IFERROR(INDEX(Jesper!AJ$2:AJ$366,ROUNDDOWN($C4816/24,0)+1,1)*INDEX($D$3:$AA$30,INDEX(Jesper!$R$2:$R$366,ROW(INDEX(Jesper!AJ$2:AJ$366,ROUNDDOWN($C4816/24,0)+1,1))-1)+IF('Standard Profiles'!$G$20=$B$10,7,0)+IF('Standard Profiles'!$G$20=$B$17,14,0)+IF('Standard Profiles'!$G$20=$B$24,21,0),MOD($C4816,24)+1)/SUM(INDEX($D$3:$AA$30,INDEX(Jesper!$R$2:$R$366,ROW(INDEX(Jesper!AJ$2:AJ$366,ROUNDDOWN($C4816/24,0)+1,1))-1)+IF('Standard Profiles'!$G$20=$B$10,7,0)+IF('Standard Profiles'!$G$20=$B$17,14,0)+IF('Standard Profiles'!$G$20=$B$24,21,0),0)),0)</f>
        <v>0</v>
      </c>
      <c r="G4816" cm="1">
        <f t="array" ref="G4816">IFERROR(INDEX(Jesper!AK$2:AK$366,ROUNDDOWN($C4816/24,0)+1,1)*INDEX($D$3:$AA$30,INDEX(Jesper!$R$2:$R$366,ROW(INDEX(Jesper!AK$2:AK$366,ROUNDDOWN($C4816/24,0)+1,1))-1)+IF('Standard Profiles'!$G$21=$B$10,7,0)+IF('Standard Profiles'!$G$21=$B$17,14,0)+IF('Standard Profiles'!$G$21=$B$24,21,0),MOD($C4816,24)+1)/SUM(INDEX($D$3:$AA$30,INDEX(Jesper!$R$2:$R$366,ROW(INDEX(Jesper!AK$2:AK$366,ROUNDDOWN($C4816/24,0)+1,1))-1)+IF('Standard Profiles'!$G$21=$B$10,7,0)+IF('Standard Profiles'!$G$21=$B$17,14,0)+IF('Standard Profiles'!$G$21=$B$24,21,0),0)),0)</f>
        <v>0</v>
      </c>
      <c r="H4816" cm="1">
        <f t="array" ref="H4816">IFERROR(INDEX(Jesper!AL$2:AL$366,ROUNDDOWN($C4816/24,0)+1,1)*INDEX($D$3:$AA$30,INDEX(Jesper!$R$2:$R$366,ROW(INDEX(Jesper!AL$2:AL$366,ROUNDDOWN($C4816/24,0)+1,1))-1)+IF('Standard Profiles'!$G$22=$B$10,7,0)+IF('Standard Profiles'!$G$22=$B$17,14,0)+IF('Standard Profiles'!$G$22=$B$24,21,0),MOD($C4816,24)+1)/SUM(INDEX($D$3:$AA$30,INDEX(Jesper!$R$2:$R$366,ROW(INDEX(Jesper!AL$2:AL$366,ROUNDDOWN($C4816/24,0)+1,1))-1)+IF('Standard Profiles'!$G$22=$B$10,7,0)+IF('Standard Profiles'!$G$22=$B$17,14,0)+IF('Standard Profiles'!$G$22=$B$24,21,0),0)),0)</f>
        <v>0</v>
      </c>
      <c r="I4816">
        <f t="shared" si="538"/>
        <v>0.31283360042536057</v>
      </c>
      <c r="J4816">
        <f t="shared" si="539"/>
        <v>1.0427786680845352</v>
      </c>
      <c r="K4816">
        <f t="shared" si="540"/>
        <v>1.564168002126803</v>
      </c>
      <c r="L4816">
        <f t="shared" si="541"/>
        <v>7.5080064102086537</v>
      </c>
      <c r="M4816">
        <f t="shared" si="542"/>
        <v>0</v>
      </c>
      <c r="N4816" s="46">
        <f t="shared" si="543"/>
        <v>45491.249999988402</v>
      </c>
    </row>
    <row r="4817" spans="2:14" x14ac:dyDescent="0.3">
      <c r="B4817">
        <f t="shared" si="537"/>
        <v>4</v>
      </c>
      <c r="C4817" s="16">
        <v>4783</v>
      </c>
      <c r="D4817" cm="1">
        <f t="array" ref="D4817">IFERROR(INDEX(Jesper!AH$2:AH$366,ROUNDDOWN($C4817/24,0)+1,1)*INDEX($D$3:$AA$30,INDEX(Jesper!$R$2:$R$366,ROW(INDEX(Jesper!AH$2:AH$366,ROUNDDOWN($C4817/24,0)+1,1))-1)+IF('Standard Profiles'!$G$18=$B$10,7,0)+IF('Standard Profiles'!$G$18=$B$17,14,0)+IF('Standard Profiles'!$G$18=$B$24,21,0),MOD($C4817,24)+1)/SUM(INDEX($D$3:$AA$30,INDEX(Jesper!$R$2:$R$366,ROW(INDEX(Jesper!AH$2:AH$366,ROUNDDOWN($C4817/24,0)+1,1))-1)+IF('Standard Profiles'!$G$18=$B$10,7,0)+IF('Standard Profiles'!$G$18=$B$17,14,0)+IF('Standard Profiles'!$G$18=$B$24,21,0),0)),0)</f>
        <v>10.427786680845353</v>
      </c>
      <c r="E4817" cm="1">
        <f t="array" ref="E4817">IFERROR(INDEX(Jesper!AI$2:AI$366,ROUNDDOWN($C4817/24,0)+1,1)*INDEX($D$3:$AA$30,INDEX(Jesper!$R$2:$R$366,ROW(INDEX(Jesper!AI$2:AI$366,ROUNDDOWN($C4817/24,0)+1,1))-1)+IF('Standard Profiles'!$G$19=$B$10,7,0)+IF('Standard Profiles'!$G$19=$B$17,14,0)+IF('Standard Profiles'!$G$19=$B$24,21,0),MOD($C4817,24)+1)/SUM(INDEX($D$3:$AA$30,INDEX(Jesper!$R$2:$R$366,ROW(INDEX(Jesper!AI$2:AI$366,ROUNDDOWN($C4817/24,0)+1,1))-1)+IF('Standard Profiles'!$G$19=$B$10,7,0)+IF('Standard Profiles'!$G$19=$B$17,14,0)+IF('Standard Profiles'!$G$19=$B$24,21,0),0)),0)</f>
        <v>0</v>
      </c>
      <c r="F4817" cm="1">
        <f t="array" ref="F4817">IFERROR(INDEX(Jesper!AJ$2:AJ$366,ROUNDDOWN($C4817/24,0)+1,1)*INDEX($D$3:$AA$30,INDEX(Jesper!$R$2:$R$366,ROW(INDEX(Jesper!AJ$2:AJ$366,ROUNDDOWN($C4817/24,0)+1,1))-1)+IF('Standard Profiles'!$G$20=$B$10,7,0)+IF('Standard Profiles'!$G$20=$B$17,14,0)+IF('Standard Profiles'!$G$20=$B$24,21,0),MOD($C4817,24)+1)/SUM(INDEX($D$3:$AA$30,INDEX(Jesper!$R$2:$R$366,ROW(INDEX(Jesper!AJ$2:AJ$366,ROUNDDOWN($C4817/24,0)+1,1))-1)+IF('Standard Profiles'!$G$20=$B$10,7,0)+IF('Standard Profiles'!$G$20=$B$17,14,0)+IF('Standard Profiles'!$G$20=$B$24,21,0),0)),0)</f>
        <v>0</v>
      </c>
      <c r="G4817" cm="1">
        <f t="array" ref="G4817">IFERROR(INDEX(Jesper!AK$2:AK$366,ROUNDDOWN($C4817/24,0)+1,1)*INDEX($D$3:$AA$30,INDEX(Jesper!$R$2:$R$366,ROW(INDEX(Jesper!AK$2:AK$366,ROUNDDOWN($C4817/24,0)+1,1))-1)+IF('Standard Profiles'!$G$21=$B$10,7,0)+IF('Standard Profiles'!$G$21=$B$17,14,0)+IF('Standard Profiles'!$G$21=$B$24,21,0),MOD($C4817,24)+1)/SUM(INDEX($D$3:$AA$30,INDEX(Jesper!$R$2:$R$366,ROW(INDEX(Jesper!AK$2:AK$366,ROUNDDOWN($C4817/24,0)+1,1))-1)+IF('Standard Profiles'!$G$21=$B$10,7,0)+IF('Standard Profiles'!$G$21=$B$17,14,0)+IF('Standard Profiles'!$G$21=$B$24,21,0),0)),0)</f>
        <v>0</v>
      </c>
      <c r="H4817" cm="1">
        <f t="array" ref="H4817">IFERROR(INDEX(Jesper!AL$2:AL$366,ROUNDDOWN($C4817/24,0)+1,1)*INDEX($D$3:$AA$30,INDEX(Jesper!$R$2:$R$366,ROW(INDEX(Jesper!AL$2:AL$366,ROUNDDOWN($C4817/24,0)+1,1))-1)+IF('Standard Profiles'!$G$22=$B$10,7,0)+IF('Standard Profiles'!$G$22=$B$17,14,0)+IF('Standard Profiles'!$G$22=$B$24,21,0),MOD($C4817,24)+1)/SUM(INDEX($D$3:$AA$30,INDEX(Jesper!$R$2:$R$366,ROW(INDEX(Jesper!AL$2:AL$366,ROUNDDOWN($C4817/24,0)+1,1))-1)+IF('Standard Profiles'!$G$22=$B$10,7,0)+IF('Standard Profiles'!$G$22=$B$17,14,0)+IF('Standard Profiles'!$G$22=$B$24,21,0),0)),0)</f>
        <v>0</v>
      </c>
      <c r="I4817">
        <f t="shared" si="538"/>
        <v>0.31283360042536057</v>
      </c>
      <c r="J4817">
        <f t="shared" si="539"/>
        <v>1.0427786680845352</v>
      </c>
      <c r="K4817">
        <f t="shared" si="540"/>
        <v>1.564168002126803</v>
      </c>
      <c r="L4817">
        <f t="shared" si="541"/>
        <v>7.5080064102086537</v>
      </c>
      <c r="M4817">
        <f t="shared" si="542"/>
        <v>0</v>
      </c>
      <c r="N4817" s="46">
        <f t="shared" si="543"/>
        <v>45491.291666655066</v>
      </c>
    </row>
    <row r="4818" spans="2:14" x14ac:dyDescent="0.3">
      <c r="B4818">
        <f t="shared" si="537"/>
        <v>4</v>
      </c>
      <c r="C4818" s="16">
        <v>4784</v>
      </c>
      <c r="D4818" cm="1">
        <f t="array" ref="D4818">IFERROR(INDEX(Jesper!AH$2:AH$366,ROUNDDOWN($C4818/24,0)+1,1)*INDEX($D$3:$AA$30,INDEX(Jesper!$R$2:$R$366,ROW(INDEX(Jesper!AH$2:AH$366,ROUNDDOWN($C4818/24,0)+1,1))-1)+IF('Standard Profiles'!$G$18=$B$10,7,0)+IF('Standard Profiles'!$G$18=$B$17,14,0)+IF('Standard Profiles'!$G$18=$B$24,21,0),MOD($C4818,24)+1)/SUM(INDEX($D$3:$AA$30,INDEX(Jesper!$R$2:$R$366,ROW(INDEX(Jesper!AH$2:AH$366,ROUNDDOWN($C4818/24,0)+1,1))-1)+IF('Standard Profiles'!$G$18=$B$10,7,0)+IF('Standard Profiles'!$G$18=$B$17,14,0)+IF('Standard Profiles'!$G$18=$B$24,21,0),0)),0)</f>
        <v>10.427786680845353</v>
      </c>
      <c r="E4818" cm="1">
        <f t="array" ref="E4818">IFERROR(INDEX(Jesper!AI$2:AI$366,ROUNDDOWN($C4818/24,0)+1,1)*INDEX($D$3:$AA$30,INDEX(Jesper!$R$2:$R$366,ROW(INDEX(Jesper!AI$2:AI$366,ROUNDDOWN($C4818/24,0)+1,1))-1)+IF('Standard Profiles'!$G$19=$B$10,7,0)+IF('Standard Profiles'!$G$19=$B$17,14,0)+IF('Standard Profiles'!$G$19=$B$24,21,0),MOD($C4818,24)+1)/SUM(INDEX($D$3:$AA$30,INDEX(Jesper!$R$2:$R$366,ROW(INDEX(Jesper!AI$2:AI$366,ROUNDDOWN($C4818/24,0)+1,1))-1)+IF('Standard Profiles'!$G$19=$B$10,7,0)+IF('Standard Profiles'!$G$19=$B$17,14,0)+IF('Standard Profiles'!$G$19=$B$24,21,0),0)),0)</f>
        <v>0</v>
      </c>
      <c r="F4818" cm="1">
        <f t="array" ref="F4818">IFERROR(INDEX(Jesper!AJ$2:AJ$366,ROUNDDOWN($C4818/24,0)+1,1)*INDEX($D$3:$AA$30,INDEX(Jesper!$R$2:$R$366,ROW(INDEX(Jesper!AJ$2:AJ$366,ROUNDDOWN($C4818/24,0)+1,1))-1)+IF('Standard Profiles'!$G$20=$B$10,7,0)+IF('Standard Profiles'!$G$20=$B$17,14,0)+IF('Standard Profiles'!$G$20=$B$24,21,0),MOD($C4818,24)+1)/SUM(INDEX($D$3:$AA$30,INDEX(Jesper!$R$2:$R$366,ROW(INDEX(Jesper!AJ$2:AJ$366,ROUNDDOWN($C4818/24,0)+1,1))-1)+IF('Standard Profiles'!$G$20=$B$10,7,0)+IF('Standard Profiles'!$G$20=$B$17,14,0)+IF('Standard Profiles'!$G$20=$B$24,21,0),0)),0)</f>
        <v>0</v>
      </c>
      <c r="G4818" cm="1">
        <f t="array" ref="G4818">IFERROR(INDEX(Jesper!AK$2:AK$366,ROUNDDOWN($C4818/24,0)+1,1)*INDEX($D$3:$AA$30,INDEX(Jesper!$R$2:$R$366,ROW(INDEX(Jesper!AK$2:AK$366,ROUNDDOWN($C4818/24,0)+1,1))-1)+IF('Standard Profiles'!$G$21=$B$10,7,0)+IF('Standard Profiles'!$G$21=$B$17,14,0)+IF('Standard Profiles'!$G$21=$B$24,21,0),MOD($C4818,24)+1)/SUM(INDEX($D$3:$AA$30,INDEX(Jesper!$R$2:$R$366,ROW(INDEX(Jesper!AK$2:AK$366,ROUNDDOWN($C4818/24,0)+1,1))-1)+IF('Standard Profiles'!$G$21=$B$10,7,0)+IF('Standard Profiles'!$G$21=$B$17,14,0)+IF('Standard Profiles'!$G$21=$B$24,21,0),0)),0)</f>
        <v>0</v>
      </c>
      <c r="H4818" cm="1">
        <f t="array" ref="H4818">IFERROR(INDEX(Jesper!AL$2:AL$366,ROUNDDOWN($C4818/24,0)+1,1)*INDEX($D$3:$AA$30,INDEX(Jesper!$R$2:$R$366,ROW(INDEX(Jesper!AL$2:AL$366,ROUNDDOWN($C4818/24,0)+1,1))-1)+IF('Standard Profiles'!$G$22=$B$10,7,0)+IF('Standard Profiles'!$G$22=$B$17,14,0)+IF('Standard Profiles'!$G$22=$B$24,21,0),MOD($C4818,24)+1)/SUM(INDEX($D$3:$AA$30,INDEX(Jesper!$R$2:$R$366,ROW(INDEX(Jesper!AL$2:AL$366,ROUNDDOWN($C4818/24,0)+1,1))-1)+IF('Standard Profiles'!$G$22=$B$10,7,0)+IF('Standard Profiles'!$G$22=$B$17,14,0)+IF('Standard Profiles'!$G$22=$B$24,21,0),0)),0)</f>
        <v>0</v>
      </c>
      <c r="I4818">
        <f t="shared" si="538"/>
        <v>0.31283360042536057</v>
      </c>
      <c r="J4818">
        <f t="shared" si="539"/>
        <v>1.0427786680845352</v>
      </c>
      <c r="K4818">
        <f t="shared" si="540"/>
        <v>1.564168002126803</v>
      </c>
      <c r="L4818">
        <f t="shared" si="541"/>
        <v>7.5080064102086537</v>
      </c>
      <c r="M4818">
        <f t="shared" si="542"/>
        <v>0</v>
      </c>
      <c r="N4818" s="46">
        <f t="shared" si="543"/>
        <v>45491.333333321731</v>
      </c>
    </row>
    <row r="4819" spans="2:14" x14ac:dyDescent="0.3">
      <c r="B4819">
        <f t="shared" si="537"/>
        <v>4</v>
      </c>
      <c r="C4819" s="16">
        <v>4785</v>
      </c>
      <c r="D4819" cm="1">
        <f t="array" ref="D4819">IFERROR(INDEX(Jesper!AH$2:AH$366,ROUNDDOWN($C4819/24,0)+1,1)*INDEX($D$3:$AA$30,INDEX(Jesper!$R$2:$R$366,ROW(INDEX(Jesper!AH$2:AH$366,ROUNDDOWN($C4819/24,0)+1,1))-1)+IF('Standard Profiles'!$G$18=$B$10,7,0)+IF('Standard Profiles'!$G$18=$B$17,14,0)+IF('Standard Profiles'!$G$18=$B$24,21,0),MOD($C4819,24)+1)/SUM(INDEX($D$3:$AA$30,INDEX(Jesper!$R$2:$R$366,ROW(INDEX(Jesper!AH$2:AH$366,ROUNDDOWN($C4819/24,0)+1,1))-1)+IF('Standard Profiles'!$G$18=$B$10,7,0)+IF('Standard Profiles'!$G$18=$B$17,14,0)+IF('Standard Profiles'!$G$18=$B$24,21,0),0)),0)</f>
        <v>11.205979716729333</v>
      </c>
      <c r="E4819" cm="1">
        <f t="array" ref="E4819">IFERROR(INDEX(Jesper!AI$2:AI$366,ROUNDDOWN($C4819/24,0)+1,1)*INDEX($D$3:$AA$30,INDEX(Jesper!$R$2:$R$366,ROW(INDEX(Jesper!AI$2:AI$366,ROUNDDOWN($C4819/24,0)+1,1))-1)+IF('Standard Profiles'!$G$19=$B$10,7,0)+IF('Standard Profiles'!$G$19=$B$17,14,0)+IF('Standard Profiles'!$G$19=$B$24,21,0),MOD($C4819,24)+1)/SUM(INDEX($D$3:$AA$30,INDEX(Jesper!$R$2:$R$366,ROW(INDEX(Jesper!AI$2:AI$366,ROUNDDOWN($C4819/24,0)+1,1))-1)+IF('Standard Profiles'!$G$19=$B$10,7,0)+IF('Standard Profiles'!$G$19=$B$17,14,0)+IF('Standard Profiles'!$G$19=$B$24,21,0),0)),0)</f>
        <v>0</v>
      </c>
      <c r="F4819" cm="1">
        <f t="array" ref="F4819">IFERROR(INDEX(Jesper!AJ$2:AJ$366,ROUNDDOWN($C4819/24,0)+1,1)*INDEX($D$3:$AA$30,INDEX(Jesper!$R$2:$R$366,ROW(INDEX(Jesper!AJ$2:AJ$366,ROUNDDOWN($C4819/24,0)+1,1))-1)+IF('Standard Profiles'!$G$20=$B$10,7,0)+IF('Standard Profiles'!$G$20=$B$17,14,0)+IF('Standard Profiles'!$G$20=$B$24,21,0),MOD($C4819,24)+1)/SUM(INDEX($D$3:$AA$30,INDEX(Jesper!$R$2:$R$366,ROW(INDEX(Jesper!AJ$2:AJ$366,ROUNDDOWN($C4819/24,0)+1,1))-1)+IF('Standard Profiles'!$G$20=$B$10,7,0)+IF('Standard Profiles'!$G$20=$B$17,14,0)+IF('Standard Profiles'!$G$20=$B$24,21,0),0)),0)</f>
        <v>0</v>
      </c>
      <c r="G4819" cm="1">
        <f t="array" ref="G4819">IFERROR(INDEX(Jesper!AK$2:AK$366,ROUNDDOWN($C4819/24,0)+1,1)*INDEX($D$3:$AA$30,INDEX(Jesper!$R$2:$R$366,ROW(INDEX(Jesper!AK$2:AK$366,ROUNDDOWN($C4819/24,0)+1,1))-1)+IF('Standard Profiles'!$G$21=$B$10,7,0)+IF('Standard Profiles'!$G$21=$B$17,14,0)+IF('Standard Profiles'!$G$21=$B$24,21,0),MOD($C4819,24)+1)/SUM(INDEX($D$3:$AA$30,INDEX(Jesper!$R$2:$R$366,ROW(INDEX(Jesper!AK$2:AK$366,ROUNDDOWN($C4819/24,0)+1,1))-1)+IF('Standard Profiles'!$G$21=$B$10,7,0)+IF('Standard Profiles'!$G$21=$B$17,14,0)+IF('Standard Profiles'!$G$21=$B$24,21,0),0)),0)</f>
        <v>0</v>
      </c>
      <c r="H4819" cm="1">
        <f t="array" ref="H4819">IFERROR(INDEX(Jesper!AL$2:AL$366,ROUNDDOWN($C4819/24,0)+1,1)*INDEX($D$3:$AA$30,INDEX(Jesper!$R$2:$R$366,ROW(INDEX(Jesper!AL$2:AL$366,ROUNDDOWN($C4819/24,0)+1,1))-1)+IF('Standard Profiles'!$G$22=$B$10,7,0)+IF('Standard Profiles'!$G$22=$B$17,14,0)+IF('Standard Profiles'!$G$22=$B$24,21,0),MOD($C4819,24)+1)/SUM(INDEX($D$3:$AA$30,INDEX(Jesper!$R$2:$R$366,ROW(INDEX(Jesper!AL$2:AL$366,ROUNDDOWN($C4819/24,0)+1,1))-1)+IF('Standard Profiles'!$G$22=$B$10,7,0)+IF('Standard Profiles'!$G$22=$B$17,14,0)+IF('Standard Profiles'!$G$22=$B$24,21,0),0)),0)</f>
        <v>0</v>
      </c>
      <c r="I4819">
        <f t="shared" si="538"/>
        <v>0.33617939150187998</v>
      </c>
      <c r="J4819">
        <f t="shared" si="539"/>
        <v>1.1205979716729333</v>
      </c>
      <c r="K4819">
        <f t="shared" si="540"/>
        <v>1.6808969575093999</v>
      </c>
      <c r="L4819">
        <f t="shared" si="541"/>
        <v>8.068305396045119</v>
      </c>
      <c r="M4819">
        <f t="shared" si="542"/>
        <v>0</v>
      </c>
      <c r="N4819" s="46">
        <f t="shared" si="543"/>
        <v>45491.374999988395</v>
      </c>
    </row>
    <row r="4820" spans="2:14" x14ac:dyDescent="0.3">
      <c r="B4820">
        <f t="shared" si="537"/>
        <v>4</v>
      </c>
      <c r="C4820" s="16">
        <v>4786</v>
      </c>
      <c r="D4820" cm="1">
        <f t="array" ref="D4820">IFERROR(INDEX(Jesper!AH$2:AH$366,ROUNDDOWN($C4820/24,0)+1,1)*INDEX($D$3:$AA$30,INDEX(Jesper!$R$2:$R$366,ROW(INDEX(Jesper!AH$2:AH$366,ROUNDDOWN($C4820/24,0)+1,1))-1)+IF('Standard Profiles'!$G$18=$B$10,7,0)+IF('Standard Profiles'!$G$18=$B$17,14,0)+IF('Standard Profiles'!$G$18=$B$24,21,0),MOD($C4820,24)+1)/SUM(INDEX($D$3:$AA$30,INDEX(Jesper!$R$2:$R$366,ROW(INDEX(Jesper!AH$2:AH$366,ROUNDDOWN($C4820/24,0)+1,1))-1)+IF('Standard Profiles'!$G$18=$B$10,7,0)+IF('Standard Profiles'!$G$18=$B$17,14,0)+IF('Standard Profiles'!$G$18=$B$24,21,0),0)),0)</f>
        <v>12.139811359790111</v>
      </c>
      <c r="E4820" cm="1">
        <f t="array" ref="E4820">IFERROR(INDEX(Jesper!AI$2:AI$366,ROUNDDOWN($C4820/24,0)+1,1)*INDEX($D$3:$AA$30,INDEX(Jesper!$R$2:$R$366,ROW(INDEX(Jesper!AI$2:AI$366,ROUNDDOWN($C4820/24,0)+1,1))-1)+IF('Standard Profiles'!$G$19=$B$10,7,0)+IF('Standard Profiles'!$G$19=$B$17,14,0)+IF('Standard Profiles'!$G$19=$B$24,21,0),MOD($C4820,24)+1)/SUM(INDEX($D$3:$AA$30,INDEX(Jesper!$R$2:$R$366,ROW(INDEX(Jesper!AI$2:AI$366,ROUNDDOWN($C4820/24,0)+1,1))-1)+IF('Standard Profiles'!$G$19=$B$10,7,0)+IF('Standard Profiles'!$G$19=$B$17,14,0)+IF('Standard Profiles'!$G$19=$B$24,21,0),0)),0)</f>
        <v>0</v>
      </c>
      <c r="F4820" cm="1">
        <f t="array" ref="F4820">IFERROR(INDEX(Jesper!AJ$2:AJ$366,ROUNDDOWN($C4820/24,0)+1,1)*INDEX($D$3:$AA$30,INDEX(Jesper!$R$2:$R$366,ROW(INDEX(Jesper!AJ$2:AJ$366,ROUNDDOWN($C4820/24,0)+1,1))-1)+IF('Standard Profiles'!$G$20=$B$10,7,0)+IF('Standard Profiles'!$G$20=$B$17,14,0)+IF('Standard Profiles'!$G$20=$B$24,21,0),MOD($C4820,24)+1)/SUM(INDEX($D$3:$AA$30,INDEX(Jesper!$R$2:$R$366,ROW(INDEX(Jesper!AJ$2:AJ$366,ROUNDDOWN($C4820/24,0)+1,1))-1)+IF('Standard Profiles'!$G$20=$B$10,7,0)+IF('Standard Profiles'!$G$20=$B$17,14,0)+IF('Standard Profiles'!$G$20=$B$24,21,0),0)),0)</f>
        <v>0</v>
      </c>
      <c r="G4820" cm="1">
        <f t="array" ref="G4820">IFERROR(INDEX(Jesper!AK$2:AK$366,ROUNDDOWN($C4820/24,0)+1,1)*INDEX($D$3:$AA$30,INDEX(Jesper!$R$2:$R$366,ROW(INDEX(Jesper!AK$2:AK$366,ROUNDDOWN($C4820/24,0)+1,1))-1)+IF('Standard Profiles'!$G$21=$B$10,7,0)+IF('Standard Profiles'!$G$21=$B$17,14,0)+IF('Standard Profiles'!$G$21=$B$24,21,0),MOD($C4820,24)+1)/SUM(INDEX($D$3:$AA$30,INDEX(Jesper!$R$2:$R$366,ROW(INDEX(Jesper!AK$2:AK$366,ROUNDDOWN($C4820/24,0)+1,1))-1)+IF('Standard Profiles'!$G$21=$B$10,7,0)+IF('Standard Profiles'!$G$21=$B$17,14,0)+IF('Standard Profiles'!$G$21=$B$24,21,0),0)),0)</f>
        <v>0</v>
      </c>
      <c r="H4820" cm="1">
        <f t="array" ref="H4820">IFERROR(INDEX(Jesper!AL$2:AL$366,ROUNDDOWN($C4820/24,0)+1,1)*INDEX($D$3:$AA$30,INDEX(Jesper!$R$2:$R$366,ROW(INDEX(Jesper!AL$2:AL$366,ROUNDDOWN($C4820/24,0)+1,1))-1)+IF('Standard Profiles'!$G$22=$B$10,7,0)+IF('Standard Profiles'!$G$22=$B$17,14,0)+IF('Standard Profiles'!$G$22=$B$24,21,0),MOD($C4820,24)+1)/SUM(INDEX($D$3:$AA$30,INDEX(Jesper!$R$2:$R$366,ROW(INDEX(Jesper!AL$2:AL$366,ROUNDDOWN($C4820/24,0)+1,1))-1)+IF('Standard Profiles'!$G$22=$B$10,7,0)+IF('Standard Profiles'!$G$22=$B$17,14,0)+IF('Standard Profiles'!$G$22=$B$24,21,0),0)),0)</f>
        <v>0</v>
      </c>
      <c r="I4820">
        <f t="shared" si="538"/>
        <v>0.36419434079370328</v>
      </c>
      <c r="J4820">
        <f t="shared" si="539"/>
        <v>1.2139811359790111</v>
      </c>
      <c r="K4820">
        <f t="shared" si="540"/>
        <v>1.8209717039685165</v>
      </c>
      <c r="L4820">
        <f t="shared" si="541"/>
        <v>8.7406641790488795</v>
      </c>
      <c r="M4820">
        <f t="shared" si="542"/>
        <v>0</v>
      </c>
      <c r="N4820" s="46">
        <f t="shared" si="543"/>
        <v>45491.416666655059</v>
      </c>
    </row>
    <row r="4821" spans="2:14" x14ac:dyDescent="0.3">
      <c r="B4821">
        <f t="shared" si="537"/>
        <v>4</v>
      </c>
      <c r="C4821" s="16">
        <v>4787</v>
      </c>
      <c r="D4821" cm="1">
        <f t="array" ref="D4821">IFERROR(INDEX(Jesper!AH$2:AH$366,ROUNDDOWN($C4821/24,0)+1,1)*INDEX($D$3:$AA$30,INDEX(Jesper!$R$2:$R$366,ROW(INDEX(Jesper!AH$2:AH$366,ROUNDDOWN($C4821/24,0)+1,1))-1)+IF('Standard Profiles'!$G$18=$B$10,7,0)+IF('Standard Profiles'!$G$18=$B$17,14,0)+IF('Standard Profiles'!$G$18=$B$24,21,0),MOD($C4821,24)+1)/SUM(INDEX($D$3:$AA$30,INDEX(Jesper!$R$2:$R$366,ROW(INDEX(Jesper!AH$2:AH$366,ROUNDDOWN($C4821/24,0)+1,1))-1)+IF('Standard Profiles'!$G$18=$B$10,7,0)+IF('Standard Profiles'!$G$18=$B$17,14,0)+IF('Standard Profiles'!$G$18=$B$24,21,0),0)),0)</f>
        <v>14.007474645911666</v>
      </c>
      <c r="E4821" cm="1">
        <f t="array" ref="E4821">IFERROR(INDEX(Jesper!AI$2:AI$366,ROUNDDOWN($C4821/24,0)+1,1)*INDEX($D$3:$AA$30,INDEX(Jesper!$R$2:$R$366,ROW(INDEX(Jesper!AI$2:AI$366,ROUNDDOWN($C4821/24,0)+1,1))-1)+IF('Standard Profiles'!$G$19=$B$10,7,0)+IF('Standard Profiles'!$G$19=$B$17,14,0)+IF('Standard Profiles'!$G$19=$B$24,21,0),MOD($C4821,24)+1)/SUM(INDEX($D$3:$AA$30,INDEX(Jesper!$R$2:$R$366,ROW(INDEX(Jesper!AI$2:AI$366,ROUNDDOWN($C4821/24,0)+1,1))-1)+IF('Standard Profiles'!$G$19=$B$10,7,0)+IF('Standard Profiles'!$G$19=$B$17,14,0)+IF('Standard Profiles'!$G$19=$B$24,21,0),0)),0)</f>
        <v>0</v>
      </c>
      <c r="F4821" cm="1">
        <f t="array" ref="F4821">IFERROR(INDEX(Jesper!AJ$2:AJ$366,ROUNDDOWN($C4821/24,0)+1,1)*INDEX($D$3:$AA$30,INDEX(Jesper!$R$2:$R$366,ROW(INDEX(Jesper!AJ$2:AJ$366,ROUNDDOWN($C4821/24,0)+1,1))-1)+IF('Standard Profiles'!$G$20=$B$10,7,0)+IF('Standard Profiles'!$G$20=$B$17,14,0)+IF('Standard Profiles'!$G$20=$B$24,21,0),MOD($C4821,24)+1)/SUM(INDEX($D$3:$AA$30,INDEX(Jesper!$R$2:$R$366,ROW(INDEX(Jesper!AJ$2:AJ$366,ROUNDDOWN($C4821/24,0)+1,1))-1)+IF('Standard Profiles'!$G$20=$B$10,7,0)+IF('Standard Profiles'!$G$20=$B$17,14,0)+IF('Standard Profiles'!$G$20=$B$24,21,0),0)),0)</f>
        <v>0</v>
      </c>
      <c r="G4821" cm="1">
        <f t="array" ref="G4821">IFERROR(INDEX(Jesper!AK$2:AK$366,ROUNDDOWN($C4821/24,0)+1,1)*INDEX($D$3:$AA$30,INDEX(Jesper!$R$2:$R$366,ROW(INDEX(Jesper!AK$2:AK$366,ROUNDDOWN($C4821/24,0)+1,1))-1)+IF('Standard Profiles'!$G$21=$B$10,7,0)+IF('Standard Profiles'!$G$21=$B$17,14,0)+IF('Standard Profiles'!$G$21=$B$24,21,0),MOD($C4821,24)+1)/SUM(INDEX($D$3:$AA$30,INDEX(Jesper!$R$2:$R$366,ROW(INDEX(Jesper!AK$2:AK$366,ROUNDDOWN($C4821/24,0)+1,1))-1)+IF('Standard Profiles'!$G$21=$B$10,7,0)+IF('Standard Profiles'!$G$21=$B$17,14,0)+IF('Standard Profiles'!$G$21=$B$24,21,0),0)),0)</f>
        <v>0</v>
      </c>
      <c r="H4821" cm="1">
        <f t="array" ref="H4821">IFERROR(INDEX(Jesper!AL$2:AL$366,ROUNDDOWN($C4821/24,0)+1,1)*INDEX($D$3:$AA$30,INDEX(Jesper!$R$2:$R$366,ROW(INDEX(Jesper!AL$2:AL$366,ROUNDDOWN($C4821/24,0)+1,1))-1)+IF('Standard Profiles'!$G$22=$B$10,7,0)+IF('Standard Profiles'!$G$22=$B$17,14,0)+IF('Standard Profiles'!$G$22=$B$24,21,0),MOD($C4821,24)+1)/SUM(INDEX($D$3:$AA$30,INDEX(Jesper!$R$2:$R$366,ROW(INDEX(Jesper!AL$2:AL$366,ROUNDDOWN($C4821/24,0)+1,1))-1)+IF('Standard Profiles'!$G$22=$B$10,7,0)+IF('Standard Profiles'!$G$22=$B$17,14,0)+IF('Standard Profiles'!$G$22=$B$24,21,0),0)),0)</f>
        <v>0</v>
      </c>
      <c r="I4821">
        <f t="shared" si="538"/>
        <v>0.42022423937734993</v>
      </c>
      <c r="J4821">
        <f t="shared" si="539"/>
        <v>1.4007474645911666</v>
      </c>
      <c r="K4821">
        <f t="shared" si="540"/>
        <v>2.1011211968867496</v>
      </c>
      <c r="L4821">
        <f t="shared" si="541"/>
        <v>10.085381745056399</v>
      </c>
      <c r="M4821">
        <f t="shared" si="542"/>
        <v>0</v>
      </c>
      <c r="N4821" s="46">
        <f t="shared" si="543"/>
        <v>45491.458333321723</v>
      </c>
    </row>
    <row r="4822" spans="2:14" x14ac:dyDescent="0.3">
      <c r="B4822">
        <f t="shared" si="537"/>
        <v>4</v>
      </c>
      <c r="C4822" s="16">
        <v>4788</v>
      </c>
      <c r="D4822" cm="1">
        <f t="array" ref="D4822">IFERROR(INDEX(Jesper!AH$2:AH$366,ROUNDDOWN($C4822/24,0)+1,1)*INDEX($D$3:$AA$30,INDEX(Jesper!$R$2:$R$366,ROW(INDEX(Jesper!AH$2:AH$366,ROUNDDOWN($C4822/24,0)+1,1))-1)+IF('Standard Profiles'!$G$18=$B$10,7,0)+IF('Standard Profiles'!$G$18=$B$17,14,0)+IF('Standard Profiles'!$G$18=$B$24,21,0),MOD($C4822,24)+1)/SUM(INDEX($D$3:$AA$30,INDEX(Jesper!$R$2:$R$366,ROW(INDEX(Jesper!AH$2:AH$366,ROUNDDOWN($C4822/24,0)+1,1))-1)+IF('Standard Profiles'!$G$18=$B$10,7,0)+IF('Standard Profiles'!$G$18=$B$17,14,0)+IF('Standard Profiles'!$G$18=$B$24,21,0),0)),0)</f>
        <v>14.007474645911666</v>
      </c>
      <c r="E4822" cm="1">
        <f t="array" ref="E4822">IFERROR(INDEX(Jesper!AI$2:AI$366,ROUNDDOWN($C4822/24,0)+1,1)*INDEX($D$3:$AA$30,INDEX(Jesper!$R$2:$R$366,ROW(INDEX(Jesper!AI$2:AI$366,ROUNDDOWN($C4822/24,0)+1,1))-1)+IF('Standard Profiles'!$G$19=$B$10,7,0)+IF('Standard Profiles'!$G$19=$B$17,14,0)+IF('Standard Profiles'!$G$19=$B$24,21,0),MOD($C4822,24)+1)/SUM(INDEX($D$3:$AA$30,INDEX(Jesper!$R$2:$R$366,ROW(INDEX(Jesper!AI$2:AI$366,ROUNDDOWN($C4822/24,0)+1,1))-1)+IF('Standard Profiles'!$G$19=$B$10,7,0)+IF('Standard Profiles'!$G$19=$B$17,14,0)+IF('Standard Profiles'!$G$19=$B$24,21,0),0)),0)</f>
        <v>0</v>
      </c>
      <c r="F4822" cm="1">
        <f t="array" ref="F4822">IFERROR(INDEX(Jesper!AJ$2:AJ$366,ROUNDDOWN($C4822/24,0)+1,1)*INDEX($D$3:$AA$30,INDEX(Jesper!$R$2:$R$366,ROW(INDEX(Jesper!AJ$2:AJ$366,ROUNDDOWN($C4822/24,0)+1,1))-1)+IF('Standard Profiles'!$G$20=$B$10,7,0)+IF('Standard Profiles'!$G$20=$B$17,14,0)+IF('Standard Profiles'!$G$20=$B$24,21,0),MOD($C4822,24)+1)/SUM(INDEX($D$3:$AA$30,INDEX(Jesper!$R$2:$R$366,ROW(INDEX(Jesper!AJ$2:AJ$366,ROUNDDOWN($C4822/24,0)+1,1))-1)+IF('Standard Profiles'!$G$20=$B$10,7,0)+IF('Standard Profiles'!$G$20=$B$17,14,0)+IF('Standard Profiles'!$G$20=$B$24,21,0),0)),0)</f>
        <v>0</v>
      </c>
      <c r="G4822" cm="1">
        <f t="array" ref="G4822">IFERROR(INDEX(Jesper!AK$2:AK$366,ROUNDDOWN($C4822/24,0)+1,1)*INDEX($D$3:$AA$30,INDEX(Jesper!$R$2:$R$366,ROW(INDEX(Jesper!AK$2:AK$366,ROUNDDOWN($C4822/24,0)+1,1))-1)+IF('Standard Profiles'!$G$21=$B$10,7,0)+IF('Standard Profiles'!$G$21=$B$17,14,0)+IF('Standard Profiles'!$G$21=$B$24,21,0),MOD($C4822,24)+1)/SUM(INDEX($D$3:$AA$30,INDEX(Jesper!$R$2:$R$366,ROW(INDEX(Jesper!AK$2:AK$366,ROUNDDOWN($C4822/24,0)+1,1))-1)+IF('Standard Profiles'!$G$21=$B$10,7,0)+IF('Standard Profiles'!$G$21=$B$17,14,0)+IF('Standard Profiles'!$G$21=$B$24,21,0),0)),0)</f>
        <v>0</v>
      </c>
      <c r="H4822" cm="1">
        <f t="array" ref="H4822">IFERROR(INDEX(Jesper!AL$2:AL$366,ROUNDDOWN($C4822/24,0)+1,1)*INDEX($D$3:$AA$30,INDEX(Jesper!$R$2:$R$366,ROW(INDEX(Jesper!AL$2:AL$366,ROUNDDOWN($C4822/24,0)+1,1))-1)+IF('Standard Profiles'!$G$22=$B$10,7,0)+IF('Standard Profiles'!$G$22=$B$17,14,0)+IF('Standard Profiles'!$G$22=$B$24,21,0),MOD($C4822,24)+1)/SUM(INDEX($D$3:$AA$30,INDEX(Jesper!$R$2:$R$366,ROW(INDEX(Jesper!AL$2:AL$366,ROUNDDOWN($C4822/24,0)+1,1))-1)+IF('Standard Profiles'!$G$22=$B$10,7,0)+IF('Standard Profiles'!$G$22=$B$17,14,0)+IF('Standard Profiles'!$G$22=$B$24,21,0),0)),0)</f>
        <v>0</v>
      </c>
      <c r="I4822">
        <f t="shared" si="538"/>
        <v>0.42022423937734993</v>
      </c>
      <c r="J4822">
        <f t="shared" si="539"/>
        <v>1.4007474645911666</v>
      </c>
      <c r="K4822">
        <f t="shared" si="540"/>
        <v>2.1011211968867496</v>
      </c>
      <c r="L4822">
        <f t="shared" si="541"/>
        <v>10.085381745056399</v>
      </c>
      <c r="M4822">
        <f t="shared" si="542"/>
        <v>0</v>
      </c>
      <c r="N4822" s="46">
        <f t="shared" si="543"/>
        <v>45491.499999988388</v>
      </c>
    </row>
    <row r="4823" spans="2:14" x14ac:dyDescent="0.3">
      <c r="B4823">
        <f t="shared" si="537"/>
        <v>4</v>
      </c>
      <c r="C4823" s="16">
        <v>4789</v>
      </c>
      <c r="D4823" cm="1">
        <f t="array" ref="D4823">IFERROR(INDEX(Jesper!AH$2:AH$366,ROUNDDOWN($C4823/24,0)+1,1)*INDEX($D$3:$AA$30,INDEX(Jesper!$R$2:$R$366,ROW(INDEX(Jesper!AH$2:AH$366,ROUNDDOWN($C4823/24,0)+1,1))-1)+IF('Standard Profiles'!$G$18=$B$10,7,0)+IF('Standard Profiles'!$G$18=$B$17,14,0)+IF('Standard Profiles'!$G$18=$B$24,21,0),MOD($C4823,24)+1)/SUM(INDEX($D$3:$AA$30,INDEX(Jesper!$R$2:$R$366,ROW(INDEX(Jesper!AH$2:AH$366,ROUNDDOWN($C4823/24,0)+1,1))-1)+IF('Standard Profiles'!$G$18=$B$10,7,0)+IF('Standard Profiles'!$G$18=$B$17,14,0)+IF('Standard Profiles'!$G$18=$B$24,21,0),0)),0)</f>
        <v>14.007474645911666</v>
      </c>
      <c r="E4823" cm="1">
        <f t="array" ref="E4823">IFERROR(INDEX(Jesper!AI$2:AI$366,ROUNDDOWN($C4823/24,0)+1,1)*INDEX($D$3:$AA$30,INDEX(Jesper!$R$2:$R$366,ROW(INDEX(Jesper!AI$2:AI$366,ROUNDDOWN($C4823/24,0)+1,1))-1)+IF('Standard Profiles'!$G$19=$B$10,7,0)+IF('Standard Profiles'!$G$19=$B$17,14,0)+IF('Standard Profiles'!$G$19=$B$24,21,0),MOD($C4823,24)+1)/SUM(INDEX($D$3:$AA$30,INDEX(Jesper!$R$2:$R$366,ROW(INDEX(Jesper!AI$2:AI$366,ROUNDDOWN($C4823/24,0)+1,1))-1)+IF('Standard Profiles'!$G$19=$B$10,7,0)+IF('Standard Profiles'!$G$19=$B$17,14,0)+IF('Standard Profiles'!$G$19=$B$24,21,0),0)),0)</f>
        <v>0</v>
      </c>
      <c r="F4823" cm="1">
        <f t="array" ref="F4823">IFERROR(INDEX(Jesper!AJ$2:AJ$366,ROUNDDOWN($C4823/24,0)+1,1)*INDEX($D$3:$AA$30,INDEX(Jesper!$R$2:$R$366,ROW(INDEX(Jesper!AJ$2:AJ$366,ROUNDDOWN($C4823/24,0)+1,1))-1)+IF('Standard Profiles'!$G$20=$B$10,7,0)+IF('Standard Profiles'!$G$20=$B$17,14,0)+IF('Standard Profiles'!$G$20=$B$24,21,0),MOD($C4823,24)+1)/SUM(INDEX($D$3:$AA$30,INDEX(Jesper!$R$2:$R$366,ROW(INDEX(Jesper!AJ$2:AJ$366,ROUNDDOWN($C4823/24,0)+1,1))-1)+IF('Standard Profiles'!$G$20=$B$10,7,0)+IF('Standard Profiles'!$G$20=$B$17,14,0)+IF('Standard Profiles'!$G$20=$B$24,21,0),0)),0)</f>
        <v>0</v>
      </c>
      <c r="G4823" cm="1">
        <f t="array" ref="G4823">IFERROR(INDEX(Jesper!AK$2:AK$366,ROUNDDOWN($C4823/24,0)+1,1)*INDEX($D$3:$AA$30,INDEX(Jesper!$R$2:$R$366,ROW(INDEX(Jesper!AK$2:AK$366,ROUNDDOWN($C4823/24,0)+1,1))-1)+IF('Standard Profiles'!$G$21=$B$10,7,0)+IF('Standard Profiles'!$G$21=$B$17,14,0)+IF('Standard Profiles'!$G$21=$B$24,21,0),MOD($C4823,24)+1)/SUM(INDEX($D$3:$AA$30,INDEX(Jesper!$R$2:$R$366,ROW(INDEX(Jesper!AK$2:AK$366,ROUNDDOWN($C4823/24,0)+1,1))-1)+IF('Standard Profiles'!$G$21=$B$10,7,0)+IF('Standard Profiles'!$G$21=$B$17,14,0)+IF('Standard Profiles'!$G$21=$B$24,21,0),0)),0)</f>
        <v>0</v>
      </c>
      <c r="H4823" cm="1">
        <f t="array" ref="H4823">IFERROR(INDEX(Jesper!AL$2:AL$366,ROUNDDOWN($C4823/24,0)+1,1)*INDEX($D$3:$AA$30,INDEX(Jesper!$R$2:$R$366,ROW(INDEX(Jesper!AL$2:AL$366,ROUNDDOWN($C4823/24,0)+1,1))-1)+IF('Standard Profiles'!$G$22=$B$10,7,0)+IF('Standard Profiles'!$G$22=$B$17,14,0)+IF('Standard Profiles'!$G$22=$B$24,21,0),MOD($C4823,24)+1)/SUM(INDEX($D$3:$AA$30,INDEX(Jesper!$R$2:$R$366,ROW(INDEX(Jesper!AL$2:AL$366,ROUNDDOWN($C4823/24,0)+1,1))-1)+IF('Standard Profiles'!$G$22=$B$10,7,0)+IF('Standard Profiles'!$G$22=$B$17,14,0)+IF('Standard Profiles'!$G$22=$B$24,21,0),0)),0)</f>
        <v>0</v>
      </c>
      <c r="I4823">
        <f t="shared" si="538"/>
        <v>0.42022423937734993</v>
      </c>
      <c r="J4823">
        <f t="shared" si="539"/>
        <v>1.4007474645911666</v>
      </c>
      <c r="K4823">
        <f t="shared" si="540"/>
        <v>2.1011211968867496</v>
      </c>
      <c r="L4823">
        <f t="shared" si="541"/>
        <v>10.085381745056399</v>
      </c>
      <c r="M4823">
        <f t="shared" si="542"/>
        <v>0</v>
      </c>
      <c r="N4823" s="46">
        <f t="shared" si="543"/>
        <v>45491.541666655052</v>
      </c>
    </row>
    <row r="4824" spans="2:14" x14ac:dyDescent="0.3">
      <c r="B4824">
        <f t="shared" si="537"/>
        <v>4</v>
      </c>
      <c r="C4824" s="16">
        <v>4790</v>
      </c>
      <c r="D4824" cm="1">
        <f t="array" ref="D4824">IFERROR(INDEX(Jesper!AH$2:AH$366,ROUNDDOWN($C4824/24,0)+1,1)*INDEX($D$3:$AA$30,INDEX(Jesper!$R$2:$R$366,ROW(INDEX(Jesper!AH$2:AH$366,ROUNDDOWN($C4824/24,0)+1,1))-1)+IF('Standard Profiles'!$G$18=$B$10,7,0)+IF('Standard Profiles'!$G$18=$B$17,14,0)+IF('Standard Profiles'!$G$18=$B$24,21,0),MOD($C4824,24)+1)/SUM(INDEX($D$3:$AA$30,INDEX(Jesper!$R$2:$R$366,ROW(INDEX(Jesper!AH$2:AH$366,ROUNDDOWN($C4824/24,0)+1,1))-1)+IF('Standard Profiles'!$G$18=$B$10,7,0)+IF('Standard Profiles'!$G$18=$B$17,14,0)+IF('Standard Profiles'!$G$18=$B$24,21,0),0)),0)</f>
        <v>14.007474645911666</v>
      </c>
      <c r="E4824" cm="1">
        <f t="array" ref="E4824">IFERROR(INDEX(Jesper!AI$2:AI$366,ROUNDDOWN($C4824/24,0)+1,1)*INDEX($D$3:$AA$30,INDEX(Jesper!$R$2:$R$366,ROW(INDEX(Jesper!AI$2:AI$366,ROUNDDOWN($C4824/24,0)+1,1))-1)+IF('Standard Profiles'!$G$19=$B$10,7,0)+IF('Standard Profiles'!$G$19=$B$17,14,0)+IF('Standard Profiles'!$G$19=$B$24,21,0),MOD($C4824,24)+1)/SUM(INDEX($D$3:$AA$30,INDEX(Jesper!$R$2:$R$366,ROW(INDEX(Jesper!AI$2:AI$366,ROUNDDOWN($C4824/24,0)+1,1))-1)+IF('Standard Profiles'!$G$19=$B$10,7,0)+IF('Standard Profiles'!$G$19=$B$17,14,0)+IF('Standard Profiles'!$G$19=$B$24,21,0),0)),0)</f>
        <v>0</v>
      </c>
      <c r="F4824" cm="1">
        <f t="array" ref="F4824">IFERROR(INDEX(Jesper!AJ$2:AJ$366,ROUNDDOWN($C4824/24,0)+1,1)*INDEX($D$3:$AA$30,INDEX(Jesper!$R$2:$R$366,ROW(INDEX(Jesper!AJ$2:AJ$366,ROUNDDOWN($C4824/24,0)+1,1))-1)+IF('Standard Profiles'!$G$20=$B$10,7,0)+IF('Standard Profiles'!$G$20=$B$17,14,0)+IF('Standard Profiles'!$G$20=$B$24,21,0),MOD($C4824,24)+1)/SUM(INDEX($D$3:$AA$30,INDEX(Jesper!$R$2:$R$366,ROW(INDEX(Jesper!AJ$2:AJ$366,ROUNDDOWN($C4824/24,0)+1,1))-1)+IF('Standard Profiles'!$G$20=$B$10,7,0)+IF('Standard Profiles'!$G$20=$B$17,14,0)+IF('Standard Profiles'!$G$20=$B$24,21,0),0)),0)</f>
        <v>0</v>
      </c>
      <c r="G4824" cm="1">
        <f t="array" ref="G4824">IFERROR(INDEX(Jesper!AK$2:AK$366,ROUNDDOWN($C4824/24,0)+1,1)*INDEX($D$3:$AA$30,INDEX(Jesper!$R$2:$R$366,ROW(INDEX(Jesper!AK$2:AK$366,ROUNDDOWN($C4824/24,0)+1,1))-1)+IF('Standard Profiles'!$G$21=$B$10,7,0)+IF('Standard Profiles'!$G$21=$B$17,14,0)+IF('Standard Profiles'!$G$21=$B$24,21,0),MOD($C4824,24)+1)/SUM(INDEX($D$3:$AA$30,INDEX(Jesper!$R$2:$R$366,ROW(INDEX(Jesper!AK$2:AK$366,ROUNDDOWN($C4824/24,0)+1,1))-1)+IF('Standard Profiles'!$G$21=$B$10,7,0)+IF('Standard Profiles'!$G$21=$B$17,14,0)+IF('Standard Profiles'!$G$21=$B$24,21,0),0)),0)</f>
        <v>0</v>
      </c>
      <c r="H4824" cm="1">
        <f t="array" ref="H4824">IFERROR(INDEX(Jesper!AL$2:AL$366,ROUNDDOWN($C4824/24,0)+1,1)*INDEX($D$3:$AA$30,INDEX(Jesper!$R$2:$R$366,ROW(INDEX(Jesper!AL$2:AL$366,ROUNDDOWN($C4824/24,0)+1,1))-1)+IF('Standard Profiles'!$G$22=$B$10,7,0)+IF('Standard Profiles'!$G$22=$B$17,14,0)+IF('Standard Profiles'!$G$22=$B$24,21,0),MOD($C4824,24)+1)/SUM(INDEX($D$3:$AA$30,INDEX(Jesper!$R$2:$R$366,ROW(INDEX(Jesper!AL$2:AL$366,ROUNDDOWN($C4824/24,0)+1,1))-1)+IF('Standard Profiles'!$G$22=$B$10,7,0)+IF('Standard Profiles'!$G$22=$B$17,14,0)+IF('Standard Profiles'!$G$22=$B$24,21,0),0)),0)</f>
        <v>0</v>
      </c>
      <c r="I4824">
        <f t="shared" si="538"/>
        <v>0.42022423937734993</v>
      </c>
      <c r="J4824">
        <f t="shared" si="539"/>
        <v>1.4007474645911666</v>
      </c>
      <c r="K4824">
        <f t="shared" si="540"/>
        <v>2.1011211968867496</v>
      </c>
      <c r="L4824">
        <f t="shared" si="541"/>
        <v>10.085381745056399</v>
      </c>
      <c r="M4824">
        <f t="shared" si="542"/>
        <v>0</v>
      </c>
      <c r="N4824" s="46">
        <f t="shared" si="543"/>
        <v>45491.583333321716</v>
      </c>
    </row>
    <row r="4825" spans="2:14" x14ac:dyDescent="0.3">
      <c r="B4825">
        <f t="shared" si="537"/>
        <v>4</v>
      </c>
      <c r="C4825" s="16">
        <v>4791</v>
      </c>
      <c r="D4825" cm="1">
        <f t="array" ref="D4825">IFERROR(INDEX(Jesper!AH$2:AH$366,ROUNDDOWN($C4825/24,0)+1,1)*INDEX($D$3:$AA$30,INDEX(Jesper!$R$2:$R$366,ROW(INDEX(Jesper!AH$2:AH$366,ROUNDDOWN($C4825/24,0)+1,1))-1)+IF('Standard Profiles'!$G$18=$B$10,7,0)+IF('Standard Profiles'!$G$18=$B$17,14,0)+IF('Standard Profiles'!$G$18=$B$24,21,0),MOD($C4825,24)+1)/SUM(INDEX($D$3:$AA$30,INDEX(Jesper!$R$2:$R$366,ROW(INDEX(Jesper!AH$2:AH$366,ROUNDDOWN($C4825/24,0)+1,1))-1)+IF('Standard Profiles'!$G$18=$B$10,7,0)+IF('Standard Profiles'!$G$18=$B$17,14,0)+IF('Standard Profiles'!$G$18=$B$24,21,0),0)),0)</f>
        <v>14.007474645911666</v>
      </c>
      <c r="E4825" cm="1">
        <f t="array" ref="E4825">IFERROR(INDEX(Jesper!AI$2:AI$366,ROUNDDOWN($C4825/24,0)+1,1)*INDEX($D$3:$AA$30,INDEX(Jesper!$R$2:$R$366,ROW(INDEX(Jesper!AI$2:AI$366,ROUNDDOWN($C4825/24,0)+1,1))-1)+IF('Standard Profiles'!$G$19=$B$10,7,0)+IF('Standard Profiles'!$G$19=$B$17,14,0)+IF('Standard Profiles'!$G$19=$B$24,21,0),MOD($C4825,24)+1)/SUM(INDEX($D$3:$AA$30,INDEX(Jesper!$R$2:$R$366,ROW(INDEX(Jesper!AI$2:AI$366,ROUNDDOWN($C4825/24,0)+1,1))-1)+IF('Standard Profiles'!$G$19=$B$10,7,0)+IF('Standard Profiles'!$G$19=$B$17,14,0)+IF('Standard Profiles'!$G$19=$B$24,21,0),0)),0)</f>
        <v>0</v>
      </c>
      <c r="F4825" cm="1">
        <f t="array" ref="F4825">IFERROR(INDEX(Jesper!AJ$2:AJ$366,ROUNDDOWN($C4825/24,0)+1,1)*INDEX($D$3:$AA$30,INDEX(Jesper!$R$2:$R$366,ROW(INDEX(Jesper!AJ$2:AJ$366,ROUNDDOWN($C4825/24,0)+1,1))-1)+IF('Standard Profiles'!$G$20=$B$10,7,0)+IF('Standard Profiles'!$G$20=$B$17,14,0)+IF('Standard Profiles'!$G$20=$B$24,21,0),MOD($C4825,24)+1)/SUM(INDEX($D$3:$AA$30,INDEX(Jesper!$R$2:$R$366,ROW(INDEX(Jesper!AJ$2:AJ$366,ROUNDDOWN($C4825/24,0)+1,1))-1)+IF('Standard Profiles'!$G$20=$B$10,7,0)+IF('Standard Profiles'!$G$20=$B$17,14,0)+IF('Standard Profiles'!$G$20=$B$24,21,0),0)),0)</f>
        <v>0</v>
      </c>
      <c r="G4825" cm="1">
        <f t="array" ref="G4825">IFERROR(INDEX(Jesper!AK$2:AK$366,ROUNDDOWN($C4825/24,0)+1,1)*INDEX($D$3:$AA$30,INDEX(Jesper!$R$2:$R$366,ROW(INDEX(Jesper!AK$2:AK$366,ROUNDDOWN($C4825/24,0)+1,1))-1)+IF('Standard Profiles'!$G$21=$B$10,7,0)+IF('Standard Profiles'!$G$21=$B$17,14,0)+IF('Standard Profiles'!$G$21=$B$24,21,0),MOD($C4825,24)+1)/SUM(INDEX($D$3:$AA$30,INDEX(Jesper!$R$2:$R$366,ROW(INDEX(Jesper!AK$2:AK$366,ROUNDDOWN($C4825/24,0)+1,1))-1)+IF('Standard Profiles'!$G$21=$B$10,7,0)+IF('Standard Profiles'!$G$21=$B$17,14,0)+IF('Standard Profiles'!$G$21=$B$24,21,0),0)),0)</f>
        <v>0</v>
      </c>
      <c r="H4825" cm="1">
        <f t="array" ref="H4825">IFERROR(INDEX(Jesper!AL$2:AL$366,ROUNDDOWN($C4825/24,0)+1,1)*INDEX($D$3:$AA$30,INDEX(Jesper!$R$2:$R$366,ROW(INDEX(Jesper!AL$2:AL$366,ROUNDDOWN($C4825/24,0)+1,1))-1)+IF('Standard Profiles'!$G$22=$B$10,7,0)+IF('Standard Profiles'!$G$22=$B$17,14,0)+IF('Standard Profiles'!$G$22=$B$24,21,0),MOD($C4825,24)+1)/SUM(INDEX($D$3:$AA$30,INDEX(Jesper!$R$2:$R$366,ROW(INDEX(Jesper!AL$2:AL$366,ROUNDDOWN($C4825/24,0)+1,1))-1)+IF('Standard Profiles'!$G$22=$B$10,7,0)+IF('Standard Profiles'!$G$22=$B$17,14,0)+IF('Standard Profiles'!$G$22=$B$24,21,0),0)),0)</f>
        <v>0</v>
      </c>
      <c r="I4825">
        <f t="shared" si="538"/>
        <v>0.42022423937734993</v>
      </c>
      <c r="J4825">
        <f t="shared" si="539"/>
        <v>1.4007474645911666</v>
      </c>
      <c r="K4825">
        <f t="shared" si="540"/>
        <v>2.1011211968867496</v>
      </c>
      <c r="L4825">
        <f t="shared" si="541"/>
        <v>10.085381745056399</v>
      </c>
      <c r="M4825">
        <f t="shared" si="542"/>
        <v>0</v>
      </c>
      <c r="N4825" s="46">
        <f t="shared" si="543"/>
        <v>45491.62499998838</v>
      </c>
    </row>
    <row r="4826" spans="2:14" x14ac:dyDescent="0.3">
      <c r="B4826">
        <f t="shared" si="537"/>
        <v>4</v>
      </c>
      <c r="C4826" s="16">
        <v>4792</v>
      </c>
      <c r="D4826" cm="1">
        <f t="array" ref="D4826">IFERROR(INDEX(Jesper!AH$2:AH$366,ROUNDDOWN($C4826/24,0)+1,1)*INDEX($D$3:$AA$30,INDEX(Jesper!$R$2:$R$366,ROW(INDEX(Jesper!AH$2:AH$366,ROUNDDOWN($C4826/24,0)+1,1))-1)+IF('Standard Profiles'!$G$18=$B$10,7,0)+IF('Standard Profiles'!$G$18=$B$17,14,0)+IF('Standard Profiles'!$G$18=$B$24,21,0),MOD($C4826,24)+1)/SUM(INDEX($D$3:$AA$30,INDEX(Jesper!$R$2:$R$366,ROW(INDEX(Jesper!AH$2:AH$366,ROUNDDOWN($C4826/24,0)+1,1))-1)+IF('Standard Profiles'!$G$18=$B$10,7,0)+IF('Standard Profiles'!$G$18=$B$17,14,0)+IF('Standard Profiles'!$G$18=$B$24,21,0),0)),0)</f>
        <v>14.007474645911666</v>
      </c>
      <c r="E4826" cm="1">
        <f t="array" ref="E4826">IFERROR(INDEX(Jesper!AI$2:AI$366,ROUNDDOWN($C4826/24,0)+1,1)*INDEX($D$3:$AA$30,INDEX(Jesper!$R$2:$R$366,ROW(INDEX(Jesper!AI$2:AI$366,ROUNDDOWN($C4826/24,0)+1,1))-1)+IF('Standard Profiles'!$G$19=$B$10,7,0)+IF('Standard Profiles'!$G$19=$B$17,14,0)+IF('Standard Profiles'!$G$19=$B$24,21,0),MOD($C4826,24)+1)/SUM(INDEX($D$3:$AA$30,INDEX(Jesper!$R$2:$R$366,ROW(INDEX(Jesper!AI$2:AI$366,ROUNDDOWN($C4826/24,0)+1,1))-1)+IF('Standard Profiles'!$G$19=$B$10,7,0)+IF('Standard Profiles'!$G$19=$B$17,14,0)+IF('Standard Profiles'!$G$19=$B$24,21,0),0)),0)</f>
        <v>0</v>
      </c>
      <c r="F4826" cm="1">
        <f t="array" ref="F4826">IFERROR(INDEX(Jesper!AJ$2:AJ$366,ROUNDDOWN($C4826/24,0)+1,1)*INDEX($D$3:$AA$30,INDEX(Jesper!$R$2:$R$366,ROW(INDEX(Jesper!AJ$2:AJ$366,ROUNDDOWN($C4826/24,0)+1,1))-1)+IF('Standard Profiles'!$G$20=$B$10,7,0)+IF('Standard Profiles'!$G$20=$B$17,14,0)+IF('Standard Profiles'!$G$20=$B$24,21,0),MOD($C4826,24)+1)/SUM(INDEX($D$3:$AA$30,INDEX(Jesper!$R$2:$R$366,ROW(INDEX(Jesper!AJ$2:AJ$366,ROUNDDOWN($C4826/24,0)+1,1))-1)+IF('Standard Profiles'!$G$20=$B$10,7,0)+IF('Standard Profiles'!$G$20=$B$17,14,0)+IF('Standard Profiles'!$G$20=$B$24,21,0),0)),0)</f>
        <v>0</v>
      </c>
      <c r="G4826" cm="1">
        <f t="array" ref="G4826">IFERROR(INDEX(Jesper!AK$2:AK$366,ROUNDDOWN($C4826/24,0)+1,1)*INDEX($D$3:$AA$30,INDEX(Jesper!$R$2:$R$366,ROW(INDEX(Jesper!AK$2:AK$366,ROUNDDOWN($C4826/24,0)+1,1))-1)+IF('Standard Profiles'!$G$21=$B$10,7,0)+IF('Standard Profiles'!$G$21=$B$17,14,0)+IF('Standard Profiles'!$G$21=$B$24,21,0),MOD($C4826,24)+1)/SUM(INDEX($D$3:$AA$30,INDEX(Jesper!$R$2:$R$366,ROW(INDEX(Jesper!AK$2:AK$366,ROUNDDOWN($C4826/24,0)+1,1))-1)+IF('Standard Profiles'!$G$21=$B$10,7,0)+IF('Standard Profiles'!$G$21=$B$17,14,0)+IF('Standard Profiles'!$G$21=$B$24,21,0),0)),0)</f>
        <v>0</v>
      </c>
      <c r="H4826" cm="1">
        <f t="array" ref="H4826">IFERROR(INDEX(Jesper!AL$2:AL$366,ROUNDDOWN($C4826/24,0)+1,1)*INDEX($D$3:$AA$30,INDEX(Jesper!$R$2:$R$366,ROW(INDEX(Jesper!AL$2:AL$366,ROUNDDOWN($C4826/24,0)+1,1))-1)+IF('Standard Profiles'!$G$22=$B$10,7,0)+IF('Standard Profiles'!$G$22=$B$17,14,0)+IF('Standard Profiles'!$G$22=$B$24,21,0),MOD($C4826,24)+1)/SUM(INDEX($D$3:$AA$30,INDEX(Jesper!$R$2:$R$366,ROW(INDEX(Jesper!AL$2:AL$366,ROUNDDOWN($C4826/24,0)+1,1))-1)+IF('Standard Profiles'!$G$22=$B$10,7,0)+IF('Standard Profiles'!$G$22=$B$17,14,0)+IF('Standard Profiles'!$G$22=$B$24,21,0),0)),0)</f>
        <v>0</v>
      </c>
      <c r="I4826">
        <f t="shared" si="538"/>
        <v>0.42022423937734993</v>
      </c>
      <c r="J4826">
        <f t="shared" si="539"/>
        <v>1.4007474645911666</v>
      </c>
      <c r="K4826">
        <f t="shared" si="540"/>
        <v>2.1011211968867496</v>
      </c>
      <c r="L4826">
        <f t="shared" si="541"/>
        <v>10.085381745056399</v>
      </c>
      <c r="M4826">
        <f t="shared" si="542"/>
        <v>0</v>
      </c>
      <c r="N4826" s="46">
        <f t="shared" si="543"/>
        <v>45491.666666655045</v>
      </c>
    </row>
    <row r="4827" spans="2:14" x14ac:dyDescent="0.3">
      <c r="B4827">
        <f t="shared" si="537"/>
        <v>4</v>
      </c>
      <c r="C4827" s="16">
        <v>4793</v>
      </c>
      <c r="D4827" cm="1">
        <f t="array" ref="D4827">IFERROR(INDEX(Jesper!AH$2:AH$366,ROUNDDOWN($C4827/24,0)+1,1)*INDEX($D$3:$AA$30,INDEX(Jesper!$R$2:$R$366,ROW(INDEX(Jesper!AH$2:AH$366,ROUNDDOWN($C4827/24,0)+1,1))-1)+IF('Standard Profiles'!$G$18=$B$10,7,0)+IF('Standard Profiles'!$G$18=$B$17,14,0)+IF('Standard Profiles'!$G$18=$B$24,21,0),MOD($C4827,24)+1)/SUM(INDEX($D$3:$AA$30,INDEX(Jesper!$R$2:$R$366,ROW(INDEX(Jesper!AH$2:AH$366,ROUNDDOWN($C4827/24,0)+1,1))-1)+IF('Standard Profiles'!$G$18=$B$10,7,0)+IF('Standard Profiles'!$G$18=$B$17,14,0)+IF('Standard Profiles'!$G$18=$B$24,21,0),0)),0)</f>
        <v>14.007474645911666</v>
      </c>
      <c r="E4827" cm="1">
        <f t="array" ref="E4827">IFERROR(INDEX(Jesper!AI$2:AI$366,ROUNDDOWN($C4827/24,0)+1,1)*INDEX($D$3:$AA$30,INDEX(Jesper!$R$2:$R$366,ROW(INDEX(Jesper!AI$2:AI$366,ROUNDDOWN($C4827/24,0)+1,1))-1)+IF('Standard Profiles'!$G$19=$B$10,7,0)+IF('Standard Profiles'!$G$19=$B$17,14,0)+IF('Standard Profiles'!$G$19=$B$24,21,0),MOD($C4827,24)+1)/SUM(INDEX($D$3:$AA$30,INDEX(Jesper!$R$2:$R$366,ROW(INDEX(Jesper!AI$2:AI$366,ROUNDDOWN($C4827/24,0)+1,1))-1)+IF('Standard Profiles'!$G$19=$B$10,7,0)+IF('Standard Profiles'!$G$19=$B$17,14,0)+IF('Standard Profiles'!$G$19=$B$24,21,0),0)),0)</f>
        <v>0</v>
      </c>
      <c r="F4827" cm="1">
        <f t="array" ref="F4827">IFERROR(INDEX(Jesper!AJ$2:AJ$366,ROUNDDOWN($C4827/24,0)+1,1)*INDEX($D$3:$AA$30,INDEX(Jesper!$R$2:$R$366,ROW(INDEX(Jesper!AJ$2:AJ$366,ROUNDDOWN($C4827/24,0)+1,1))-1)+IF('Standard Profiles'!$G$20=$B$10,7,0)+IF('Standard Profiles'!$G$20=$B$17,14,0)+IF('Standard Profiles'!$G$20=$B$24,21,0),MOD($C4827,24)+1)/SUM(INDEX($D$3:$AA$30,INDEX(Jesper!$R$2:$R$366,ROW(INDEX(Jesper!AJ$2:AJ$366,ROUNDDOWN($C4827/24,0)+1,1))-1)+IF('Standard Profiles'!$G$20=$B$10,7,0)+IF('Standard Profiles'!$G$20=$B$17,14,0)+IF('Standard Profiles'!$G$20=$B$24,21,0),0)),0)</f>
        <v>0</v>
      </c>
      <c r="G4827" cm="1">
        <f t="array" ref="G4827">IFERROR(INDEX(Jesper!AK$2:AK$366,ROUNDDOWN($C4827/24,0)+1,1)*INDEX($D$3:$AA$30,INDEX(Jesper!$R$2:$R$366,ROW(INDEX(Jesper!AK$2:AK$366,ROUNDDOWN($C4827/24,0)+1,1))-1)+IF('Standard Profiles'!$G$21=$B$10,7,0)+IF('Standard Profiles'!$G$21=$B$17,14,0)+IF('Standard Profiles'!$G$21=$B$24,21,0),MOD($C4827,24)+1)/SUM(INDEX($D$3:$AA$30,INDEX(Jesper!$R$2:$R$366,ROW(INDEX(Jesper!AK$2:AK$366,ROUNDDOWN($C4827/24,0)+1,1))-1)+IF('Standard Profiles'!$G$21=$B$10,7,0)+IF('Standard Profiles'!$G$21=$B$17,14,0)+IF('Standard Profiles'!$G$21=$B$24,21,0),0)),0)</f>
        <v>0</v>
      </c>
      <c r="H4827" cm="1">
        <f t="array" ref="H4827">IFERROR(INDEX(Jesper!AL$2:AL$366,ROUNDDOWN($C4827/24,0)+1,1)*INDEX($D$3:$AA$30,INDEX(Jesper!$R$2:$R$366,ROW(INDEX(Jesper!AL$2:AL$366,ROUNDDOWN($C4827/24,0)+1,1))-1)+IF('Standard Profiles'!$G$22=$B$10,7,0)+IF('Standard Profiles'!$G$22=$B$17,14,0)+IF('Standard Profiles'!$G$22=$B$24,21,0),MOD($C4827,24)+1)/SUM(INDEX($D$3:$AA$30,INDEX(Jesper!$R$2:$R$366,ROW(INDEX(Jesper!AL$2:AL$366,ROUNDDOWN($C4827/24,0)+1,1))-1)+IF('Standard Profiles'!$G$22=$B$10,7,0)+IF('Standard Profiles'!$G$22=$B$17,14,0)+IF('Standard Profiles'!$G$22=$B$24,21,0),0)),0)</f>
        <v>0</v>
      </c>
      <c r="I4827">
        <f t="shared" si="538"/>
        <v>0.42022423937734993</v>
      </c>
      <c r="J4827">
        <f t="shared" si="539"/>
        <v>1.4007474645911666</v>
      </c>
      <c r="K4827">
        <f t="shared" si="540"/>
        <v>2.1011211968867496</v>
      </c>
      <c r="L4827">
        <f t="shared" si="541"/>
        <v>10.085381745056399</v>
      </c>
      <c r="M4827">
        <f t="shared" si="542"/>
        <v>0</v>
      </c>
      <c r="N4827" s="46">
        <f t="shared" si="543"/>
        <v>45491.708333321709</v>
      </c>
    </row>
    <row r="4828" spans="2:14" x14ac:dyDescent="0.3">
      <c r="B4828">
        <f t="shared" si="537"/>
        <v>4</v>
      </c>
      <c r="C4828" s="16">
        <v>4794</v>
      </c>
      <c r="D4828" cm="1">
        <f t="array" ref="D4828">IFERROR(INDEX(Jesper!AH$2:AH$366,ROUNDDOWN($C4828/24,0)+1,1)*INDEX($D$3:$AA$30,INDEX(Jesper!$R$2:$R$366,ROW(INDEX(Jesper!AH$2:AH$366,ROUNDDOWN($C4828/24,0)+1,1))-1)+IF('Standard Profiles'!$G$18=$B$10,7,0)+IF('Standard Profiles'!$G$18=$B$17,14,0)+IF('Standard Profiles'!$G$18=$B$24,21,0),MOD($C4828,24)+1)/SUM(INDEX($D$3:$AA$30,INDEX(Jesper!$R$2:$R$366,ROW(INDEX(Jesper!AH$2:AH$366,ROUNDDOWN($C4828/24,0)+1,1))-1)+IF('Standard Profiles'!$G$18=$B$10,7,0)+IF('Standard Profiles'!$G$18=$B$17,14,0)+IF('Standard Profiles'!$G$18=$B$24,21,0),0)),0)</f>
        <v>14.007474645911666</v>
      </c>
      <c r="E4828" cm="1">
        <f t="array" ref="E4828">IFERROR(INDEX(Jesper!AI$2:AI$366,ROUNDDOWN($C4828/24,0)+1,1)*INDEX($D$3:$AA$30,INDEX(Jesper!$R$2:$R$366,ROW(INDEX(Jesper!AI$2:AI$366,ROUNDDOWN($C4828/24,0)+1,1))-1)+IF('Standard Profiles'!$G$19=$B$10,7,0)+IF('Standard Profiles'!$G$19=$B$17,14,0)+IF('Standard Profiles'!$G$19=$B$24,21,0),MOD($C4828,24)+1)/SUM(INDEX($D$3:$AA$30,INDEX(Jesper!$R$2:$R$366,ROW(INDEX(Jesper!AI$2:AI$366,ROUNDDOWN($C4828/24,0)+1,1))-1)+IF('Standard Profiles'!$G$19=$B$10,7,0)+IF('Standard Profiles'!$G$19=$B$17,14,0)+IF('Standard Profiles'!$G$19=$B$24,21,0),0)),0)</f>
        <v>0</v>
      </c>
      <c r="F4828" cm="1">
        <f t="array" ref="F4828">IFERROR(INDEX(Jesper!AJ$2:AJ$366,ROUNDDOWN($C4828/24,0)+1,1)*INDEX($D$3:$AA$30,INDEX(Jesper!$R$2:$R$366,ROW(INDEX(Jesper!AJ$2:AJ$366,ROUNDDOWN($C4828/24,0)+1,1))-1)+IF('Standard Profiles'!$G$20=$B$10,7,0)+IF('Standard Profiles'!$G$20=$B$17,14,0)+IF('Standard Profiles'!$G$20=$B$24,21,0),MOD($C4828,24)+1)/SUM(INDEX($D$3:$AA$30,INDEX(Jesper!$R$2:$R$366,ROW(INDEX(Jesper!AJ$2:AJ$366,ROUNDDOWN($C4828/24,0)+1,1))-1)+IF('Standard Profiles'!$G$20=$B$10,7,0)+IF('Standard Profiles'!$G$20=$B$17,14,0)+IF('Standard Profiles'!$G$20=$B$24,21,0),0)),0)</f>
        <v>0</v>
      </c>
      <c r="G4828" cm="1">
        <f t="array" ref="G4828">IFERROR(INDEX(Jesper!AK$2:AK$366,ROUNDDOWN($C4828/24,0)+1,1)*INDEX($D$3:$AA$30,INDEX(Jesper!$R$2:$R$366,ROW(INDEX(Jesper!AK$2:AK$366,ROUNDDOWN($C4828/24,0)+1,1))-1)+IF('Standard Profiles'!$G$21=$B$10,7,0)+IF('Standard Profiles'!$G$21=$B$17,14,0)+IF('Standard Profiles'!$G$21=$B$24,21,0),MOD($C4828,24)+1)/SUM(INDEX($D$3:$AA$30,INDEX(Jesper!$R$2:$R$366,ROW(INDEX(Jesper!AK$2:AK$366,ROUNDDOWN($C4828/24,0)+1,1))-1)+IF('Standard Profiles'!$G$21=$B$10,7,0)+IF('Standard Profiles'!$G$21=$B$17,14,0)+IF('Standard Profiles'!$G$21=$B$24,21,0),0)),0)</f>
        <v>0</v>
      </c>
      <c r="H4828" cm="1">
        <f t="array" ref="H4828">IFERROR(INDEX(Jesper!AL$2:AL$366,ROUNDDOWN($C4828/24,0)+1,1)*INDEX($D$3:$AA$30,INDEX(Jesper!$R$2:$R$366,ROW(INDEX(Jesper!AL$2:AL$366,ROUNDDOWN($C4828/24,0)+1,1))-1)+IF('Standard Profiles'!$G$22=$B$10,7,0)+IF('Standard Profiles'!$G$22=$B$17,14,0)+IF('Standard Profiles'!$G$22=$B$24,21,0),MOD($C4828,24)+1)/SUM(INDEX($D$3:$AA$30,INDEX(Jesper!$R$2:$R$366,ROW(INDEX(Jesper!AL$2:AL$366,ROUNDDOWN($C4828/24,0)+1,1))-1)+IF('Standard Profiles'!$G$22=$B$10,7,0)+IF('Standard Profiles'!$G$22=$B$17,14,0)+IF('Standard Profiles'!$G$22=$B$24,21,0),0)),0)</f>
        <v>0</v>
      </c>
      <c r="I4828">
        <f t="shared" si="538"/>
        <v>0.42022423937734993</v>
      </c>
      <c r="J4828">
        <f t="shared" si="539"/>
        <v>1.4007474645911666</v>
      </c>
      <c r="K4828">
        <f t="shared" si="540"/>
        <v>2.1011211968867496</v>
      </c>
      <c r="L4828">
        <f t="shared" si="541"/>
        <v>10.085381745056399</v>
      </c>
      <c r="M4828">
        <f t="shared" si="542"/>
        <v>0</v>
      </c>
      <c r="N4828" s="46">
        <f t="shared" si="543"/>
        <v>45491.749999988373</v>
      </c>
    </row>
    <row r="4829" spans="2:14" x14ac:dyDescent="0.3">
      <c r="B4829">
        <f t="shared" si="537"/>
        <v>4</v>
      </c>
      <c r="C4829" s="16">
        <v>4795</v>
      </c>
      <c r="D4829" cm="1">
        <f t="array" ref="D4829">IFERROR(INDEX(Jesper!AH$2:AH$366,ROUNDDOWN($C4829/24,0)+1,1)*INDEX($D$3:$AA$30,INDEX(Jesper!$R$2:$R$366,ROW(INDEX(Jesper!AH$2:AH$366,ROUNDDOWN($C4829/24,0)+1,1))-1)+IF('Standard Profiles'!$G$18=$B$10,7,0)+IF('Standard Profiles'!$G$18=$B$17,14,0)+IF('Standard Profiles'!$G$18=$B$24,21,0),MOD($C4829,24)+1)/SUM(INDEX($D$3:$AA$30,INDEX(Jesper!$R$2:$R$366,ROW(INDEX(Jesper!AH$2:AH$366,ROUNDDOWN($C4829/24,0)+1,1))-1)+IF('Standard Profiles'!$G$18=$B$10,7,0)+IF('Standard Profiles'!$G$18=$B$17,14,0)+IF('Standard Profiles'!$G$18=$B$24,21,0),0)),0)</f>
        <v>11.672895538259722</v>
      </c>
      <c r="E4829" cm="1">
        <f t="array" ref="E4829">IFERROR(INDEX(Jesper!AI$2:AI$366,ROUNDDOWN($C4829/24,0)+1,1)*INDEX($D$3:$AA$30,INDEX(Jesper!$R$2:$R$366,ROW(INDEX(Jesper!AI$2:AI$366,ROUNDDOWN($C4829/24,0)+1,1))-1)+IF('Standard Profiles'!$G$19=$B$10,7,0)+IF('Standard Profiles'!$G$19=$B$17,14,0)+IF('Standard Profiles'!$G$19=$B$24,21,0),MOD($C4829,24)+1)/SUM(INDEX($D$3:$AA$30,INDEX(Jesper!$R$2:$R$366,ROW(INDEX(Jesper!AI$2:AI$366,ROUNDDOWN($C4829/24,0)+1,1))-1)+IF('Standard Profiles'!$G$19=$B$10,7,0)+IF('Standard Profiles'!$G$19=$B$17,14,0)+IF('Standard Profiles'!$G$19=$B$24,21,0),0)),0)</f>
        <v>0</v>
      </c>
      <c r="F4829" cm="1">
        <f t="array" ref="F4829">IFERROR(INDEX(Jesper!AJ$2:AJ$366,ROUNDDOWN($C4829/24,0)+1,1)*INDEX($D$3:$AA$30,INDEX(Jesper!$R$2:$R$366,ROW(INDEX(Jesper!AJ$2:AJ$366,ROUNDDOWN($C4829/24,0)+1,1))-1)+IF('Standard Profiles'!$G$20=$B$10,7,0)+IF('Standard Profiles'!$G$20=$B$17,14,0)+IF('Standard Profiles'!$G$20=$B$24,21,0),MOD($C4829,24)+1)/SUM(INDEX($D$3:$AA$30,INDEX(Jesper!$R$2:$R$366,ROW(INDEX(Jesper!AJ$2:AJ$366,ROUNDDOWN($C4829/24,0)+1,1))-1)+IF('Standard Profiles'!$G$20=$B$10,7,0)+IF('Standard Profiles'!$G$20=$B$17,14,0)+IF('Standard Profiles'!$G$20=$B$24,21,0),0)),0)</f>
        <v>0</v>
      </c>
      <c r="G4829" cm="1">
        <f t="array" ref="G4829">IFERROR(INDEX(Jesper!AK$2:AK$366,ROUNDDOWN($C4829/24,0)+1,1)*INDEX($D$3:$AA$30,INDEX(Jesper!$R$2:$R$366,ROW(INDEX(Jesper!AK$2:AK$366,ROUNDDOWN($C4829/24,0)+1,1))-1)+IF('Standard Profiles'!$G$21=$B$10,7,0)+IF('Standard Profiles'!$G$21=$B$17,14,0)+IF('Standard Profiles'!$G$21=$B$24,21,0),MOD($C4829,24)+1)/SUM(INDEX($D$3:$AA$30,INDEX(Jesper!$R$2:$R$366,ROW(INDEX(Jesper!AK$2:AK$366,ROUNDDOWN($C4829/24,0)+1,1))-1)+IF('Standard Profiles'!$G$21=$B$10,7,0)+IF('Standard Profiles'!$G$21=$B$17,14,0)+IF('Standard Profiles'!$G$21=$B$24,21,0),0)),0)</f>
        <v>0</v>
      </c>
      <c r="H4829" cm="1">
        <f t="array" ref="H4829">IFERROR(INDEX(Jesper!AL$2:AL$366,ROUNDDOWN($C4829/24,0)+1,1)*INDEX($D$3:$AA$30,INDEX(Jesper!$R$2:$R$366,ROW(INDEX(Jesper!AL$2:AL$366,ROUNDDOWN($C4829/24,0)+1,1))-1)+IF('Standard Profiles'!$G$22=$B$10,7,0)+IF('Standard Profiles'!$G$22=$B$17,14,0)+IF('Standard Profiles'!$G$22=$B$24,21,0),MOD($C4829,24)+1)/SUM(INDEX($D$3:$AA$30,INDEX(Jesper!$R$2:$R$366,ROW(INDEX(Jesper!AL$2:AL$366,ROUNDDOWN($C4829/24,0)+1,1))-1)+IF('Standard Profiles'!$G$22=$B$10,7,0)+IF('Standard Profiles'!$G$22=$B$17,14,0)+IF('Standard Profiles'!$G$22=$B$24,21,0),0)),0)</f>
        <v>0</v>
      </c>
      <c r="I4829">
        <f t="shared" si="538"/>
        <v>0.35018686614779165</v>
      </c>
      <c r="J4829">
        <f t="shared" si="539"/>
        <v>1.1672895538259722</v>
      </c>
      <c r="K4829">
        <f t="shared" si="540"/>
        <v>1.7509343307389582</v>
      </c>
      <c r="L4829">
        <f t="shared" si="541"/>
        <v>8.4044847875470001</v>
      </c>
      <c r="M4829">
        <f t="shared" si="542"/>
        <v>0</v>
      </c>
      <c r="N4829" s="46">
        <f t="shared" si="543"/>
        <v>45491.791666655037</v>
      </c>
    </row>
    <row r="4830" spans="2:14" x14ac:dyDescent="0.3">
      <c r="B4830">
        <f t="shared" si="537"/>
        <v>4</v>
      </c>
      <c r="C4830" s="16">
        <v>4796</v>
      </c>
      <c r="D4830" cm="1">
        <f t="array" ref="D4830">IFERROR(INDEX(Jesper!AH$2:AH$366,ROUNDDOWN($C4830/24,0)+1,1)*INDEX($D$3:$AA$30,INDEX(Jesper!$R$2:$R$366,ROW(INDEX(Jesper!AH$2:AH$366,ROUNDDOWN($C4830/24,0)+1,1))-1)+IF('Standard Profiles'!$G$18=$B$10,7,0)+IF('Standard Profiles'!$G$18=$B$17,14,0)+IF('Standard Profiles'!$G$18=$B$24,21,0),MOD($C4830,24)+1)/SUM(INDEX($D$3:$AA$30,INDEX(Jesper!$R$2:$R$366,ROW(INDEX(Jesper!AH$2:AH$366,ROUNDDOWN($C4830/24,0)+1,1))-1)+IF('Standard Profiles'!$G$18=$B$10,7,0)+IF('Standard Profiles'!$G$18=$B$17,14,0)+IF('Standard Profiles'!$G$18=$B$24,21,0),0)),0)</f>
        <v>9.3383164306077777</v>
      </c>
      <c r="E4830" cm="1">
        <f t="array" ref="E4830">IFERROR(INDEX(Jesper!AI$2:AI$366,ROUNDDOWN($C4830/24,0)+1,1)*INDEX($D$3:$AA$30,INDEX(Jesper!$R$2:$R$366,ROW(INDEX(Jesper!AI$2:AI$366,ROUNDDOWN($C4830/24,0)+1,1))-1)+IF('Standard Profiles'!$G$19=$B$10,7,0)+IF('Standard Profiles'!$G$19=$B$17,14,0)+IF('Standard Profiles'!$G$19=$B$24,21,0),MOD($C4830,24)+1)/SUM(INDEX($D$3:$AA$30,INDEX(Jesper!$R$2:$R$366,ROW(INDEX(Jesper!AI$2:AI$366,ROUNDDOWN($C4830/24,0)+1,1))-1)+IF('Standard Profiles'!$G$19=$B$10,7,0)+IF('Standard Profiles'!$G$19=$B$17,14,0)+IF('Standard Profiles'!$G$19=$B$24,21,0),0)),0)</f>
        <v>0</v>
      </c>
      <c r="F4830" cm="1">
        <f t="array" ref="F4830">IFERROR(INDEX(Jesper!AJ$2:AJ$366,ROUNDDOWN($C4830/24,0)+1,1)*INDEX($D$3:$AA$30,INDEX(Jesper!$R$2:$R$366,ROW(INDEX(Jesper!AJ$2:AJ$366,ROUNDDOWN($C4830/24,0)+1,1))-1)+IF('Standard Profiles'!$G$20=$B$10,7,0)+IF('Standard Profiles'!$G$20=$B$17,14,0)+IF('Standard Profiles'!$G$20=$B$24,21,0),MOD($C4830,24)+1)/SUM(INDEX($D$3:$AA$30,INDEX(Jesper!$R$2:$R$366,ROW(INDEX(Jesper!AJ$2:AJ$366,ROUNDDOWN($C4830/24,0)+1,1))-1)+IF('Standard Profiles'!$G$20=$B$10,7,0)+IF('Standard Profiles'!$G$20=$B$17,14,0)+IF('Standard Profiles'!$G$20=$B$24,21,0),0)),0)</f>
        <v>0</v>
      </c>
      <c r="G4830" cm="1">
        <f t="array" ref="G4830">IFERROR(INDEX(Jesper!AK$2:AK$366,ROUNDDOWN($C4830/24,0)+1,1)*INDEX($D$3:$AA$30,INDEX(Jesper!$R$2:$R$366,ROW(INDEX(Jesper!AK$2:AK$366,ROUNDDOWN($C4830/24,0)+1,1))-1)+IF('Standard Profiles'!$G$21=$B$10,7,0)+IF('Standard Profiles'!$G$21=$B$17,14,0)+IF('Standard Profiles'!$G$21=$B$24,21,0),MOD($C4830,24)+1)/SUM(INDEX($D$3:$AA$30,INDEX(Jesper!$R$2:$R$366,ROW(INDEX(Jesper!AK$2:AK$366,ROUNDDOWN($C4830/24,0)+1,1))-1)+IF('Standard Profiles'!$G$21=$B$10,7,0)+IF('Standard Profiles'!$G$21=$B$17,14,0)+IF('Standard Profiles'!$G$21=$B$24,21,0),0)),0)</f>
        <v>0</v>
      </c>
      <c r="H4830" cm="1">
        <f t="array" ref="H4830">IFERROR(INDEX(Jesper!AL$2:AL$366,ROUNDDOWN($C4830/24,0)+1,1)*INDEX($D$3:$AA$30,INDEX(Jesper!$R$2:$R$366,ROW(INDEX(Jesper!AL$2:AL$366,ROUNDDOWN($C4830/24,0)+1,1))-1)+IF('Standard Profiles'!$G$22=$B$10,7,0)+IF('Standard Profiles'!$G$22=$B$17,14,0)+IF('Standard Profiles'!$G$22=$B$24,21,0),MOD($C4830,24)+1)/SUM(INDEX($D$3:$AA$30,INDEX(Jesper!$R$2:$R$366,ROW(INDEX(Jesper!AL$2:AL$366,ROUNDDOWN($C4830/24,0)+1,1))-1)+IF('Standard Profiles'!$G$22=$B$10,7,0)+IF('Standard Profiles'!$G$22=$B$17,14,0)+IF('Standard Profiles'!$G$22=$B$24,21,0),0)),0)</f>
        <v>0</v>
      </c>
      <c r="I4830">
        <f t="shared" si="538"/>
        <v>0.28014949291823332</v>
      </c>
      <c r="J4830">
        <f t="shared" si="539"/>
        <v>0.93383164306077782</v>
      </c>
      <c r="K4830">
        <f t="shared" si="540"/>
        <v>1.4007474645911666</v>
      </c>
      <c r="L4830">
        <f t="shared" si="541"/>
        <v>6.7235878300375997</v>
      </c>
      <c r="M4830">
        <f t="shared" si="542"/>
        <v>0</v>
      </c>
      <c r="N4830" s="46">
        <f t="shared" si="543"/>
        <v>45491.833333321702</v>
      </c>
    </row>
    <row r="4831" spans="2:14" x14ac:dyDescent="0.3">
      <c r="B4831">
        <f t="shared" si="537"/>
        <v>4</v>
      </c>
      <c r="C4831" s="16">
        <v>4797</v>
      </c>
      <c r="D4831" cm="1">
        <f t="array" ref="D4831">IFERROR(INDEX(Jesper!AH$2:AH$366,ROUNDDOWN($C4831/24,0)+1,1)*INDEX($D$3:$AA$30,INDEX(Jesper!$R$2:$R$366,ROW(INDEX(Jesper!AH$2:AH$366,ROUNDDOWN($C4831/24,0)+1,1))-1)+IF('Standard Profiles'!$G$18=$B$10,7,0)+IF('Standard Profiles'!$G$18=$B$17,14,0)+IF('Standard Profiles'!$G$18=$B$24,21,0),MOD($C4831,24)+1)/SUM(INDEX($D$3:$AA$30,INDEX(Jesper!$R$2:$R$366,ROW(INDEX(Jesper!AH$2:AH$366,ROUNDDOWN($C4831/24,0)+1,1))-1)+IF('Standard Profiles'!$G$18=$B$10,7,0)+IF('Standard Profiles'!$G$18=$B$17,14,0)+IF('Standard Profiles'!$G$18=$B$24,21,0),0)),0)</f>
        <v>7.0037373229558328</v>
      </c>
      <c r="E4831" cm="1">
        <f t="array" ref="E4831">IFERROR(INDEX(Jesper!AI$2:AI$366,ROUNDDOWN($C4831/24,0)+1,1)*INDEX($D$3:$AA$30,INDEX(Jesper!$R$2:$R$366,ROW(INDEX(Jesper!AI$2:AI$366,ROUNDDOWN($C4831/24,0)+1,1))-1)+IF('Standard Profiles'!$G$19=$B$10,7,0)+IF('Standard Profiles'!$G$19=$B$17,14,0)+IF('Standard Profiles'!$G$19=$B$24,21,0),MOD($C4831,24)+1)/SUM(INDEX($D$3:$AA$30,INDEX(Jesper!$R$2:$R$366,ROW(INDEX(Jesper!AI$2:AI$366,ROUNDDOWN($C4831/24,0)+1,1))-1)+IF('Standard Profiles'!$G$19=$B$10,7,0)+IF('Standard Profiles'!$G$19=$B$17,14,0)+IF('Standard Profiles'!$G$19=$B$24,21,0),0)),0)</f>
        <v>0</v>
      </c>
      <c r="F4831" cm="1">
        <f t="array" ref="F4831">IFERROR(INDEX(Jesper!AJ$2:AJ$366,ROUNDDOWN($C4831/24,0)+1,1)*INDEX($D$3:$AA$30,INDEX(Jesper!$R$2:$R$366,ROW(INDEX(Jesper!AJ$2:AJ$366,ROUNDDOWN($C4831/24,0)+1,1))-1)+IF('Standard Profiles'!$G$20=$B$10,7,0)+IF('Standard Profiles'!$G$20=$B$17,14,0)+IF('Standard Profiles'!$G$20=$B$24,21,0),MOD($C4831,24)+1)/SUM(INDEX($D$3:$AA$30,INDEX(Jesper!$R$2:$R$366,ROW(INDEX(Jesper!AJ$2:AJ$366,ROUNDDOWN($C4831/24,0)+1,1))-1)+IF('Standard Profiles'!$G$20=$B$10,7,0)+IF('Standard Profiles'!$G$20=$B$17,14,0)+IF('Standard Profiles'!$G$20=$B$24,21,0),0)),0)</f>
        <v>0</v>
      </c>
      <c r="G4831" cm="1">
        <f t="array" ref="G4831">IFERROR(INDEX(Jesper!AK$2:AK$366,ROUNDDOWN($C4831/24,0)+1,1)*INDEX($D$3:$AA$30,INDEX(Jesper!$R$2:$R$366,ROW(INDEX(Jesper!AK$2:AK$366,ROUNDDOWN($C4831/24,0)+1,1))-1)+IF('Standard Profiles'!$G$21=$B$10,7,0)+IF('Standard Profiles'!$G$21=$B$17,14,0)+IF('Standard Profiles'!$G$21=$B$24,21,0),MOD($C4831,24)+1)/SUM(INDEX($D$3:$AA$30,INDEX(Jesper!$R$2:$R$366,ROW(INDEX(Jesper!AK$2:AK$366,ROUNDDOWN($C4831/24,0)+1,1))-1)+IF('Standard Profiles'!$G$21=$B$10,7,0)+IF('Standard Profiles'!$G$21=$B$17,14,0)+IF('Standard Profiles'!$G$21=$B$24,21,0),0)),0)</f>
        <v>0</v>
      </c>
      <c r="H4831" cm="1">
        <f t="array" ref="H4831">IFERROR(INDEX(Jesper!AL$2:AL$366,ROUNDDOWN($C4831/24,0)+1,1)*INDEX($D$3:$AA$30,INDEX(Jesper!$R$2:$R$366,ROW(INDEX(Jesper!AL$2:AL$366,ROUNDDOWN($C4831/24,0)+1,1))-1)+IF('Standard Profiles'!$G$22=$B$10,7,0)+IF('Standard Profiles'!$G$22=$B$17,14,0)+IF('Standard Profiles'!$G$22=$B$24,21,0),MOD($C4831,24)+1)/SUM(INDEX($D$3:$AA$30,INDEX(Jesper!$R$2:$R$366,ROW(INDEX(Jesper!AL$2:AL$366,ROUNDDOWN($C4831/24,0)+1,1))-1)+IF('Standard Profiles'!$G$22=$B$10,7,0)+IF('Standard Profiles'!$G$22=$B$17,14,0)+IF('Standard Profiles'!$G$22=$B$24,21,0),0)),0)</f>
        <v>0</v>
      </c>
      <c r="I4831">
        <f t="shared" si="538"/>
        <v>0.21011211968867496</v>
      </c>
      <c r="J4831">
        <f t="shared" si="539"/>
        <v>0.70037373229558331</v>
      </c>
      <c r="K4831">
        <f t="shared" si="540"/>
        <v>1.0505605984433748</v>
      </c>
      <c r="L4831">
        <f t="shared" si="541"/>
        <v>5.0426908725281994</v>
      </c>
      <c r="M4831">
        <f t="shared" si="542"/>
        <v>0</v>
      </c>
      <c r="N4831" s="46">
        <f t="shared" si="543"/>
        <v>45491.874999988366</v>
      </c>
    </row>
    <row r="4832" spans="2:14" x14ac:dyDescent="0.3">
      <c r="B4832">
        <f t="shared" si="537"/>
        <v>4</v>
      </c>
      <c r="C4832" s="16">
        <v>4798</v>
      </c>
      <c r="D4832" cm="1">
        <f t="array" ref="D4832">IFERROR(INDEX(Jesper!AH$2:AH$366,ROUNDDOWN($C4832/24,0)+1,1)*INDEX($D$3:$AA$30,INDEX(Jesper!$R$2:$R$366,ROW(INDEX(Jesper!AH$2:AH$366,ROUNDDOWN($C4832/24,0)+1,1))-1)+IF('Standard Profiles'!$G$18=$B$10,7,0)+IF('Standard Profiles'!$G$18=$B$17,14,0)+IF('Standard Profiles'!$G$18=$B$24,21,0),MOD($C4832,24)+1)/SUM(INDEX($D$3:$AA$30,INDEX(Jesper!$R$2:$R$366,ROW(INDEX(Jesper!AH$2:AH$366,ROUNDDOWN($C4832/24,0)+1,1))-1)+IF('Standard Profiles'!$G$18=$B$10,7,0)+IF('Standard Profiles'!$G$18=$B$17,14,0)+IF('Standard Profiles'!$G$18=$B$24,21,0),0)),0)</f>
        <v>7.0037373229558328</v>
      </c>
      <c r="E4832" cm="1">
        <f t="array" ref="E4832">IFERROR(INDEX(Jesper!AI$2:AI$366,ROUNDDOWN($C4832/24,0)+1,1)*INDEX($D$3:$AA$30,INDEX(Jesper!$R$2:$R$366,ROW(INDEX(Jesper!AI$2:AI$366,ROUNDDOWN($C4832/24,0)+1,1))-1)+IF('Standard Profiles'!$G$19=$B$10,7,0)+IF('Standard Profiles'!$G$19=$B$17,14,0)+IF('Standard Profiles'!$G$19=$B$24,21,0),MOD($C4832,24)+1)/SUM(INDEX($D$3:$AA$30,INDEX(Jesper!$R$2:$R$366,ROW(INDEX(Jesper!AI$2:AI$366,ROUNDDOWN($C4832/24,0)+1,1))-1)+IF('Standard Profiles'!$G$19=$B$10,7,0)+IF('Standard Profiles'!$G$19=$B$17,14,0)+IF('Standard Profiles'!$G$19=$B$24,21,0),0)),0)</f>
        <v>0</v>
      </c>
      <c r="F4832" cm="1">
        <f t="array" ref="F4832">IFERROR(INDEX(Jesper!AJ$2:AJ$366,ROUNDDOWN($C4832/24,0)+1,1)*INDEX($D$3:$AA$30,INDEX(Jesper!$R$2:$R$366,ROW(INDEX(Jesper!AJ$2:AJ$366,ROUNDDOWN($C4832/24,0)+1,1))-1)+IF('Standard Profiles'!$G$20=$B$10,7,0)+IF('Standard Profiles'!$G$20=$B$17,14,0)+IF('Standard Profiles'!$G$20=$B$24,21,0),MOD($C4832,24)+1)/SUM(INDEX($D$3:$AA$30,INDEX(Jesper!$R$2:$R$366,ROW(INDEX(Jesper!AJ$2:AJ$366,ROUNDDOWN($C4832/24,0)+1,1))-1)+IF('Standard Profiles'!$G$20=$B$10,7,0)+IF('Standard Profiles'!$G$20=$B$17,14,0)+IF('Standard Profiles'!$G$20=$B$24,21,0),0)),0)</f>
        <v>0</v>
      </c>
      <c r="G4832" cm="1">
        <f t="array" ref="G4832">IFERROR(INDEX(Jesper!AK$2:AK$366,ROUNDDOWN($C4832/24,0)+1,1)*INDEX($D$3:$AA$30,INDEX(Jesper!$R$2:$R$366,ROW(INDEX(Jesper!AK$2:AK$366,ROUNDDOWN($C4832/24,0)+1,1))-1)+IF('Standard Profiles'!$G$21=$B$10,7,0)+IF('Standard Profiles'!$G$21=$B$17,14,0)+IF('Standard Profiles'!$G$21=$B$24,21,0),MOD($C4832,24)+1)/SUM(INDEX($D$3:$AA$30,INDEX(Jesper!$R$2:$R$366,ROW(INDEX(Jesper!AK$2:AK$366,ROUNDDOWN($C4832/24,0)+1,1))-1)+IF('Standard Profiles'!$G$21=$B$10,7,0)+IF('Standard Profiles'!$G$21=$B$17,14,0)+IF('Standard Profiles'!$G$21=$B$24,21,0),0)),0)</f>
        <v>0</v>
      </c>
      <c r="H4832" cm="1">
        <f t="array" ref="H4832">IFERROR(INDEX(Jesper!AL$2:AL$366,ROUNDDOWN($C4832/24,0)+1,1)*INDEX($D$3:$AA$30,INDEX(Jesper!$R$2:$R$366,ROW(INDEX(Jesper!AL$2:AL$366,ROUNDDOWN($C4832/24,0)+1,1))-1)+IF('Standard Profiles'!$G$22=$B$10,7,0)+IF('Standard Profiles'!$G$22=$B$17,14,0)+IF('Standard Profiles'!$G$22=$B$24,21,0),MOD($C4832,24)+1)/SUM(INDEX($D$3:$AA$30,INDEX(Jesper!$R$2:$R$366,ROW(INDEX(Jesper!AL$2:AL$366,ROUNDDOWN($C4832/24,0)+1,1))-1)+IF('Standard Profiles'!$G$22=$B$10,7,0)+IF('Standard Profiles'!$G$22=$B$17,14,0)+IF('Standard Profiles'!$G$22=$B$24,21,0),0)),0)</f>
        <v>0</v>
      </c>
      <c r="I4832">
        <f t="shared" si="538"/>
        <v>0.21011211968867496</v>
      </c>
      <c r="J4832">
        <f t="shared" si="539"/>
        <v>0.70037373229558331</v>
      </c>
      <c r="K4832">
        <f t="shared" si="540"/>
        <v>1.0505605984433748</v>
      </c>
      <c r="L4832">
        <f t="shared" si="541"/>
        <v>5.0426908725281994</v>
      </c>
      <c r="M4832">
        <f t="shared" si="542"/>
        <v>0</v>
      </c>
      <c r="N4832" s="46">
        <f t="shared" si="543"/>
        <v>45491.91666665503</v>
      </c>
    </row>
    <row r="4833" spans="2:14" x14ac:dyDescent="0.3">
      <c r="B4833">
        <f t="shared" si="537"/>
        <v>4</v>
      </c>
      <c r="C4833" s="16">
        <v>4799</v>
      </c>
      <c r="D4833" cm="1">
        <f t="array" ref="D4833">IFERROR(INDEX(Jesper!AH$2:AH$366,ROUNDDOWN($C4833/24,0)+1,1)*INDEX($D$3:$AA$30,INDEX(Jesper!$R$2:$R$366,ROW(INDEX(Jesper!AH$2:AH$366,ROUNDDOWN($C4833/24,0)+1,1))-1)+IF('Standard Profiles'!$G$18=$B$10,7,0)+IF('Standard Profiles'!$G$18=$B$17,14,0)+IF('Standard Profiles'!$G$18=$B$24,21,0),MOD($C4833,24)+1)/SUM(INDEX($D$3:$AA$30,INDEX(Jesper!$R$2:$R$366,ROW(INDEX(Jesper!AH$2:AH$366,ROUNDDOWN($C4833/24,0)+1,1))-1)+IF('Standard Profiles'!$G$18=$B$10,7,0)+IF('Standard Profiles'!$G$18=$B$17,14,0)+IF('Standard Profiles'!$G$18=$B$24,21,0),0)),0)</f>
        <v>7.0037373229558328</v>
      </c>
      <c r="E4833" cm="1">
        <f t="array" ref="E4833">IFERROR(INDEX(Jesper!AI$2:AI$366,ROUNDDOWN($C4833/24,0)+1,1)*INDEX($D$3:$AA$30,INDEX(Jesper!$R$2:$R$366,ROW(INDEX(Jesper!AI$2:AI$366,ROUNDDOWN($C4833/24,0)+1,1))-1)+IF('Standard Profiles'!$G$19=$B$10,7,0)+IF('Standard Profiles'!$G$19=$B$17,14,0)+IF('Standard Profiles'!$G$19=$B$24,21,0),MOD($C4833,24)+1)/SUM(INDEX($D$3:$AA$30,INDEX(Jesper!$R$2:$R$366,ROW(INDEX(Jesper!AI$2:AI$366,ROUNDDOWN($C4833/24,0)+1,1))-1)+IF('Standard Profiles'!$G$19=$B$10,7,0)+IF('Standard Profiles'!$G$19=$B$17,14,0)+IF('Standard Profiles'!$G$19=$B$24,21,0),0)),0)</f>
        <v>0</v>
      </c>
      <c r="F4833" cm="1">
        <f t="array" ref="F4833">IFERROR(INDEX(Jesper!AJ$2:AJ$366,ROUNDDOWN($C4833/24,0)+1,1)*INDEX($D$3:$AA$30,INDEX(Jesper!$R$2:$R$366,ROW(INDEX(Jesper!AJ$2:AJ$366,ROUNDDOWN($C4833/24,0)+1,1))-1)+IF('Standard Profiles'!$G$20=$B$10,7,0)+IF('Standard Profiles'!$G$20=$B$17,14,0)+IF('Standard Profiles'!$G$20=$B$24,21,0),MOD($C4833,24)+1)/SUM(INDEX($D$3:$AA$30,INDEX(Jesper!$R$2:$R$366,ROW(INDEX(Jesper!AJ$2:AJ$366,ROUNDDOWN($C4833/24,0)+1,1))-1)+IF('Standard Profiles'!$G$20=$B$10,7,0)+IF('Standard Profiles'!$G$20=$B$17,14,0)+IF('Standard Profiles'!$G$20=$B$24,21,0),0)),0)</f>
        <v>0</v>
      </c>
      <c r="G4833" cm="1">
        <f t="array" ref="G4833">IFERROR(INDEX(Jesper!AK$2:AK$366,ROUNDDOWN($C4833/24,0)+1,1)*INDEX($D$3:$AA$30,INDEX(Jesper!$R$2:$R$366,ROW(INDEX(Jesper!AK$2:AK$366,ROUNDDOWN($C4833/24,0)+1,1))-1)+IF('Standard Profiles'!$G$21=$B$10,7,0)+IF('Standard Profiles'!$G$21=$B$17,14,0)+IF('Standard Profiles'!$G$21=$B$24,21,0),MOD($C4833,24)+1)/SUM(INDEX($D$3:$AA$30,INDEX(Jesper!$R$2:$R$366,ROW(INDEX(Jesper!AK$2:AK$366,ROUNDDOWN($C4833/24,0)+1,1))-1)+IF('Standard Profiles'!$G$21=$B$10,7,0)+IF('Standard Profiles'!$G$21=$B$17,14,0)+IF('Standard Profiles'!$G$21=$B$24,21,0),0)),0)</f>
        <v>0</v>
      </c>
      <c r="H4833" cm="1">
        <f t="array" ref="H4833">IFERROR(INDEX(Jesper!AL$2:AL$366,ROUNDDOWN($C4833/24,0)+1,1)*INDEX($D$3:$AA$30,INDEX(Jesper!$R$2:$R$366,ROW(INDEX(Jesper!AL$2:AL$366,ROUNDDOWN($C4833/24,0)+1,1))-1)+IF('Standard Profiles'!$G$22=$B$10,7,0)+IF('Standard Profiles'!$G$22=$B$17,14,0)+IF('Standard Profiles'!$G$22=$B$24,21,0),MOD($C4833,24)+1)/SUM(INDEX($D$3:$AA$30,INDEX(Jesper!$R$2:$R$366,ROW(INDEX(Jesper!AL$2:AL$366,ROUNDDOWN($C4833/24,0)+1,1))-1)+IF('Standard Profiles'!$G$22=$B$10,7,0)+IF('Standard Profiles'!$G$22=$B$17,14,0)+IF('Standard Profiles'!$G$22=$B$24,21,0),0)),0)</f>
        <v>0</v>
      </c>
      <c r="I4833">
        <f t="shared" si="538"/>
        <v>0.21011211968867496</v>
      </c>
      <c r="J4833">
        <f t="shared" si="539"/>
        <v>0.70037373229558331</v>
      </c>
      <c r="K4833">
        <f t="shared" si="540"/>
        <v>1.0505605984433748</v>
      </c>
      <c r="L4833">
        <f t="shared" si="541"/>
        <v>5.0426908725281994</v>
      </c>
      <c r="M4833">
        <f t="shared" si="542"/>
        <v>0</v>
      </c>
      <c r="N4833" s="46">
        <f t="shared" si="543"/>
        <v>45491.958333321694</v>
      </c>
    </row>
    <row r="4834" spans="2:14" x14ac:dyDescent="0.3">
      <c r="B4834">
        <f t="shared" si="537"/>
        <v>5</v>
      </c>
      <c r="C4834" s="16">
        <v>4800</v>
      </c>
      <c r="D4834" cm="1">
        <f t="array" ref="D4834">IFERROR(INDEX(Jesper!AH$2:AH$366,ROUNDDOWN($C4834/24,0)+1,1)*INDEX($D$3:$AA$30,INDEX(Jesper!$R$2:$R$366,ROW(INDEX(Jesper!AH$2:AH$366,ROUNDDOWN($C4834/24,0)+1,1))-1)+IF('Standard Profiles'!$G$18=$B$10,7,0)+IF('Standard Profiles'!$G$18=$B$17,14,0)+IF('Standard Profiles'!$G$18=$B$24,21,0),MOD($C4834,24)+1)/SUM(INDEX($D$3:$AA$30,INDEX(Jesper!$R$2:$R$366,ROW(INDEX(Jesper!AH$2:AH$366,ROUNDDOWN($C4834/24,0)+1,1))-1)+IF('Standard Profiles'!$G$18=$B$10,7,0)+IF('Standard Profiles'!$G$18=$B$17,14,0)+IF('Standard Profiles'!$G$18=$B$24,21,0),0)),0)</f>
        <v>7.6018790259593576</v>
      </c>
      <c r="E4834" cm="1">
        <f t="array" ref="E4834">IFERROR(INDEX(Jesper!AI$2:AI$366,ROUNDDOWN($C4834/24,0)+1,1)*INDEX($D$3:$AA$30,INDEX(Jesper!$R$2:$R$366,ROW(INDEX(Jesper!AI$2:AI$366,ROUNDDOWN($C4834/24,0)+1,1))-1)+IF('Standard Profiles'!$G$19=$B$10,7,0)+IF('Standard Profiles'!$G$19=$B$17,14,0)+IF('Standard Profiles'!$G$19=$B$24,21,0),MOD($C4834,24)+1)/SUM(INDEX($D$3:$AA$30,INDEX(Jesper!$R$2:$R$366,ROW(INDEX(Jesper!AI$2:AI$366,ROUNDDOWN($C4834/24,0)+1,1))-1)+IF('Standard Profiles'!$G$19=$B$10,7,0)+IF('Standard Profiles'!$G$19=$B$17,14,0)+IF('Standard Profiles'!$G$19=$B$24,21,0),0)),0)</f>
        <v>0</v>
      </c>
      <c r="F4834" cm="1">
        <f t="array" ref="F4834">IFERROR(INDEX(Jesper!AJ$2:AJ$366,ROUNDDOWN($C4834/24,0)+1,1)*INDEX($D$3:$AA$30,INDEX(Jesper!$R$2:$R$366,ROW(INDEX(Jesper!AJ$2:AJ$366,ROUNDDOWN($C4834/24,0)+1,1))-1)+IF('Standard Profiles'!$G$20=$B$10,7,0)+IF('Standard Profiles'!$G$20=$B$17,14,0)+IF('Standard Profiles'!$G$20=$B$24,21,0),MOD($C4834,24)+1)/SUM(INDEX($D$3:$AA$30,INDEX(Jesper!$R$2:$R$366,ROW(INDEX(Jesper!AJ$2:AJ$366,ROUNDDOWN($C4834/24,0)+1,1))-1)+IF('Standard Profiles'!$G$20=$B$10,7,0)+IF('Standard Profiles'!$G$20=$B$17,14,0)+IF('Standard Profiles'!$G$20=$B$24,21,0),0)),0)</f>
        <v>0</v>
      </c>
      <c r="G4834" cm="1">
        <f t="array" ref="G4834">IFERROR(INDEX(Jesper!AK$2:AK$366,ROUNDDOWN($C4834/24,0)+1,1)*INDEX($D$3:$AA$30,INDEX(Jesper!$R$2:$R$366,ROW(INDEX(Jesper!AK$2:AK$366,ROUNDDOWN($C4834/24,0)+1,1))-1)+IF('Standard Profiles'!$G$21=$B$10,7,0)+IF('Standard Profiles'!$G$21=$B$17,14,0)+IF('Standard Profiles'!$G$21=$B$24,21,0),MOD($C4834,24)+1)/SUM(INDEX($D$3:$AA$30,INDEX(Jesper!$R$2:$R$366,ROW(INDEX(Jesper!AK$2:AK$366,ROUNDDOWN($C4834/24,0)+1,1))-1)+IF('Standard Profiles'!$G$21=$B$10,7,0)+IF('Standard Profiles'!$G$21=$B$17,14,0)+IF('Standard Profiles'!$G$21=$B$24,21,0),0)),0)</f>
        <v>0</v>
      </c>
      <c r="H4834" cm="1">
        <f t="array" ref="H4834">IFERROR(INDEX(Jesper!AL$2:AL$366,ROUNDDOWN($C4834/24,0)+1,1)*INDEX($D$3:$AA$30,INDEX(Jesper!$R$2:$R$366,ROW(INDEX(Jesper!AL$2:AL$366,ROUNDDOWN($C4834/24,0)+1,1))-1)+IF('Standard Profiles'!$G$22=$B$10,7,0)+IF('Standard Profiles'!$G$22=$B$17,14,0)+IF('Standard Profiles'!$G$22=$B$24,21,0),MOD($C4834,24)+1)/SUM(INDEX($D$3:$AA$30,INDEX(Jesper!$R$2:$R$366,ROW(INDEX(Jesper!AL$2:AL$366,ROUNDDOWN($C4834/24,0)+1,1))-1)+IF('Standard Profiles'!$G$22=$B$10,7,0)+IF('Standard Profiles'!$G$22=$B$17,14,0)+IF('Standard Profiles'!$G$22=$B$24,21,0),0)),0)</f>
        <v>0</v>
      </c>
      <c r="I4834">
        <f t="shared" si="538"/>
        <v>0.22805637077878071</v>
      </c>
      <c r="J4834">
        <f t="shared" si="539"/>
        <v>0.76018790259593583</v>
      </c>
      <c r="K4834">
        <f t="shared" si="540"/>
        <v>1.1402818538939037</v>
      </c>
      <c r="L4834">
        <f t="shared" si="541"/>
        <v>5.4733528986907372</v>
      </c>
      <c r="M4834">
        <f t="shared" si="542"/>
        <v>0</v>
      </c>
      <c r="N4834" s="46">
        <f t="shared" si="543"/>
        <v>45491.999999988358</v>
      </c>
    </row>
    <row r="4835" spans="2:14" x14ac:dyDescent="0.3">
      <c r="B4835">
        <f t="shared" ref="B4835:B4898" si="544">WEEKDAY(N4835,2)</f>
        <v>5</v>
      </c>
      <c r="C4835" s="16">
        <v>4801</v>
      </c>
      <c r="D4835" cm="1">
        <f t="array" ref="D4835">IFERROR(INDEX(Jesper!AH$2:AH$366,ROUNDDOWN($C4835/24,0)+1,1)*INDEX($D$3:$AA$30,INDEX(Jesper!$R$2:$R$366,ROW(INDEX(Jesper!AH$2:AH$366,ROUNDDOWN($C4835/24,0)+1,1))-1)+IF('Standard Profiles'!$G$18=$B$10,7,0)+IF('Standard Profiles'!$G$18=$B$17,14,0)+IF('Standard Profiles'!$G$18=$B$24,21,0),MOD($C4835,24)+1)/SUM(INDEX($D$3:$AA$30,INDEX(Jesper!$R$2:$R$366,ROW(INDEX(Jesper!AH$2:AH$366,ROUNDDOWN($C4835/24,0)+1,1))-1)+IF('Standard Profiles'!$G$18=$B$10,7,0)+IF('Standard Profiles'!$G$18=$B$17,14,0)+IF('Standard Profiles'!$G$18=$B$24,21,0),0)),0)</f>
        <v>7.6018790259593576</v>
      </c>
      <c r="E4835" cm="1">
        <f t="array" ref="E4835">IFERROR(INDEX(Jesper!AI$2:AI$366,ROUNDDOWN($C4835/24,0)+1,1)*INDEX($D$3:$AA$30,INDEX(Jesper!$R$2:$R$366,ROW(INDEX(Jesper!AI$2:AI$366,ROUNDDOWN($C4835/24,0)+1,1))-1)+IF('Standard Profiles'!$G$19=$B$10,7,0)+IF('Standard Profiles'!$G$19=$B$17,14,0)+IF('Standard Profiles'!$G$19=$B$24,21,0),MOD($C4835,24)+1)/SUM(INDEX($D$3:$AA$30,INDEX(Jesper!$R$2:$R$366,ROW(INDEX(Jesper!AI$2:AI$366,ROUNDDOWN($C4835/24,0)+1,1))-1)+IF('Standard Profiles'!$G$19=$B$10,7,0)+IF('Standard Profiles'!$G$19=$B$17,14,0)+IF('Standard Profiles'!$G$19=$B$24,21,0),0)),0)</f>
        <v>0</v>
      </c>
      <c r="F4835" cm="1">
        <f t="array" ref="F4835">IFERROR(INDEX(Jesper!AJ$2:AJ$366,ROUNDDOWN($C4835/24,0)+1,1)*INDEX($D$3:$AA$30,INDEX(Jesper!$R$2:$R$366,ROW(INDEX(Jesper!AJ$2:AJ$366,ROUNDDOWN($C4835/24,0)+1,1))-1)+IF('Standard Profiles'!$G$20=$B$10,7,0)+IF('Standard Profiles'!$G$20=$B$17,14,0)+IF('Standard Profiles'!$G$20=$B$24,21,0),MOD($C4835,24)+1)/SUM(INDEX($D$3:$AA$30,INDEX(Jesper!$R$2:$R$366,ROW(INDEX(Jesper!AJ$2:AJ$366,ROUNDDOWN($C4835/24,0)+1,1))-1)+IF('Standard Profiles'!$G$20=$B$10,7,0)+IF('Standard Profiles'!$G$20=$B$17,14,0)+IF('Standard Profiles'!$G$20=$B$24,21,0),0)),0)</f>
        <v>0</v>
      </c>
      <c r="G4835" cm="1">
        <f t="array" ref="G4835">IFERROR(INDEX(Jesper!AK$2:AK$366,ROUNDDOWN($C4835/24,0)+1,1)*INDEX($D$3:$AA$30,INDEX(Jesper!$R$2:$R$366,ROW(INDEX(Jesper!AK$2:AK$366,ROUNDDOWN($C4835/24,0)+1,1))-1)+IF('Standard Profiles'!$G$21=$B$10,7,0)+IF('Standard Profiles'!$G$21=$B$17,14,0)+IF('Standard Profiles'!$G$21=$B$24,21,0),MOD($C4835,24)+1)/SUM(INDEX($D$3:$AA$30,INDEX(Jesper!$R$2:$R$366,ROW(INDEX(Jesper!AK$2:AK$366,ROUNDDOWN($C4835/24,0)+1,1))-1)+IF('Standard Profiles'!$G$21=$B$10,7,0)+IF('Standard Profiles'!$G$21=$B$17,14,0)+IF('Standard Profiles'!$G$21=$B$24,21,0),0)),0)</f>
        <v>0</v>
      </c>
      <c r="H4835" cm="1">
        <f t="array" ref="H4835">IFERROR(INDEX(Jesper!AL$2:AL$366,ROUNDDOWN($C4835/24,0)+1,1)*INDEX($D$3:$AA$30,INDEX(Jesper!$R$2:$R$366,ROW(INDEX(Jesper!AL$2:AL$366,ROUNDDOWN($C4835/24,0)+1,1))-1)+IF('Standard Profiles'!$G$22=$B$10,7,0)+IF('Standard Profiles'!$G$22=$B$17,14,0)+IF('Standard Profiles'!$G$22=$B$24,21,0),MOD($C4835,24)+1)/SUM(INDEX($D$3:$AA$30,INDEX(Jesper!$R$2:$R$366,ROW(INDEX(Jesper!AL$2:AL$366,ROUNDDOWN($C4835/24,0)+1,1))-1)+IF('Standard Profiles'!$G$22=$B$10,7,0)+IF('Standard Profiles'!$G$22=$B$17,14,0)+IF('Standard Profiles'!$G$22=$B$24,21,0),0)),0)</f>
        <v>0</v>
      </c>
      <c r="I4835">
        <f t="shared" ref="I4835:I4898" si="545">IF($B4835&lt;6,AC$37*$D4835+AC$38*$E4835+AC$39*$F4835+AC$40*$G4835,AC$46*$D4835+AC$47*$E4835+AC$48*$F4835+AC$49*$G4835+AC$50*$H4835)</f>
        <v>0.22805637077878071</v>
      </c>
      <c r="J4835">
        <f t="shared" ref="J4835:J4898" si="546">IF($B4835&lt;6,AD$37*$D4835+AD$38*$E4835+AD$39*$F4835+AD$40*$G4835,AD$46*$D4835+AD$47*$E4835+AD$48*$F4835+AD$49*$G4835+AD$50*$H4835)</f>
        <v>0.76018790259593583</v>
      </c>
      <c r="K4835">
        <f t="shared" ref="K4835:K4898" si="547">IF($B4835&lt;6,AE$37*$D4835+AE$38*$E4835+AE$39*$F4835+AE$40*$G4835,AE$46*$D4835+AE$47*$E4835+AE$48*$F4835+AE$49*$G4835+AE$50*$H4835)</f>
        <v>1.1402818538939037</v>
      </c>
      <c r="L4835">
        <f t="shared" ref="L4835:L4898" si="548">IF($B4835&lt;6,AF$37*$D4835+AF$38*$E4835+AF$39*$F4835+AF$40*$G4835,AF$46*$D4835+AF$47*$E4835+AF$48*$F4835+AF$49*$G4835+AF$50*$H4835)</f>
        <v>5.4733528986907372</v>
      </c>
      <c r="M4835">
        <f t="shared" ref="M4835:M4898" si="549">IF($B4835&lt;6,AG$37*$D4835+AG$38*$E4835+AG$39*$F4835+AG$40*$G4835,AG$46*$D4835+AG$47*$E4835+AG$48*$F4835+AG$49*$G4835+AG$50*$H4835)</f>
        <v>0</v>
      </c>
      <c r="N4835" s="46">
        <f t="shared" si="543"/>
        <v>45492.041666655023</v>
      </c>
    </row>
    <row r="4836" spans="2:14" x14ac:dyDescent="0.3">
      <c r="B4836">
        <f t="shared" si="544"/>
        <v>5</v>
      </c>
      <c r="C4836" s="16">
        <v>4802</v>
      </c>
      <c r="D4836" cm="1">
        <f t="array" ref="D4836">IFERROR(INDEX(Jesper!AH$2:AH$366,ROUNDDOWN($C4836/24,0)+1,1)*INDEX($D$3:$AA$30,INDEX(Jesper!$R$2:$R$366,ROW(INDEX(Jesper!AH$2:AH$366,ROUNDDOWN($C4836/24,0)+1,1))-1)+IF('Standard Profiles'!$G$18=$B$10,7,0)+IF('Standard Profiles'!$G$18=$B$17,14,0)+IF('Standard Profiles'!$G$18=$B$24,21,0),MOD($C4836,24)+1)/SUM(INDEX($D$3:$AA$30,INDEX(Jesper!$R$2:$R$366,ROW(INDEX(Jesper!AH$2:AH$366,ROUNDDOWN($C4836/24,0)+1,1))-1)+IF('Standard Profiles'!$G$18=$B$10,7,0)+IF('Standard Profiles'!$G$18=$B$17,14,0)+IF('Standard Profiles'!$G$18=$B$24,21,0),0)),0)</f>
        <v>7.6018790259593576</v>
      </c>
      <c r="E4836" cm="1">
        <f t="array" ref="E4836">IFERROR(INDEX(Jesper!AI$2:AI$366,ROUNDDOWN($C4836/24,0)+1,1)*INDEX($D$3:$AA$30,INDEX(Jesper!$R$2:$R$366,ROW(INDEX(Jesper!AI$2:AI$366,ROUNDDOWN($C4836/24,0)+1,1))-1)+IF('Standard Profiles'!$G$19=$B$10,7,0)+IF('Standard Profiles'!$G$19=$B$17,14,0)+IF('Standard Profiles'!$G$19=$B$24,21,0),MOD($C4836,24)+1)/SUM(INDEX($D$3:$AA$30,INDEX(Jesper!$R$2:$R$366,ROW(INDEX(Jesper!AI$2:AI$366,ROUNDDOWN($C4836/24,0)+1,1))-1)+IF('Standard Profiles'!$G$19=$B$10,7,0)+IF('Standard Profiles'!$G$19=$B$17,14,0)+IF('Standard Profiles'!$G$19=$B$24,21,0),0)),0)</f>
        <v>0</v>
      </c>
      <c r="F4836" cm="1">
        <f t="array" ref="F4836">IFERROR(INDEX(Jesper!AJ$2:AJ$366,ROUNDDOWN($C4836/24,0)+1,1)*INDEX($D$3:$AA$30,INDEX(Jesper!$R$2:$R$366,ROW(INDEX(Jesper!AJ$2:AJ$366,ROUNDDOWN($C4836/24,0)+1,1))-1)+IF('Standard Profiles'!$G$20=$B$10,7,0)+IF('Standard Profiles'!$G$20=$B$17,14,0)+IF('Standard Profiles'!$G$20=$B$24,21,0),MOD($C4836,24)+1)/SUM(INDEX($D$3:$AA$30,INDEX(Jesper!$R$2:$R$366,ROW(INDEX(Jesper!AJ$2:AJ$366,ROUNDDOWN($C4836/24,0)+1,1))-1)+IF('Standard Profiles'!$G$20=$B$10,7,0)+IF('Standard Profiles'!$G$20=$B$17,14,0)+IF('Standard Profiles'!$G$20=$B$24,21,0),0)),0)</f>
        <v>0</v>
      </c>
      <c r="G4836" cm="1">
        <f t="array" ref="G4836">IFERROR(INDEX(Jesper!AK$2:AK$366,ROUNDDOWN($C4836/24,0)+1,1)*INDEX($D$3:$AA$30,INDEX(Jesper!$R$2:$R$366,ROW(INDEX(Jesper!AK$2:AK$366,ROUNDDOWN($C4836/24,0)+1,1))-1)+IF('Standard Profiles'!$G$21=$B$10,7,0)+IF('Standard Profiles'!$G$21=$B$17,14,0)+IF('Standard Profiles'!$G$21=$B$24,21,0),MOD($C4836,24)+1)/SUM(INDEX($D$3:$AA$30,INDEX(Jesper!$R$2:$R$366,ROW(INDEX(Jesper!AK$2:AK$366,ROUNDDOWN($C4836/24,0)+1,1))-1)+IF('Standard Profiles'!$G$21=$B$10,7,0)+IF('Standard Profiles'!$G$21=$B$17,14,0)+IF('Standard Profiles'!$G$21=$B$24,21,0),0)),0)</f>
        <v>0</v>
      </c>
      <c r="H4836" cm="1">
        <f t="array" ref="H4836">IFERROR(INDEX(Jesper!AL$2:AL$366,ROUNDDOWN($C4836/24,0)+1,1)*INDEX($D$3:$AA$30,INDEX(Jesper!$R$2:$R$366,ROW(INDEX(Jesper!AL$2:AL$366,ROUNDDOWN($C4836/24,0)+1,1))-1)+IF('Standard Profiles'!$G$22=$B$10,7,0)+IF('Standard Profiles'!$G$22=$B$17,14,0)+IF('Standard Profiles'!$G$22=$B$24,21,0),MOD($C4836,24)+1)/SUM(INDEX($D$3:$AA$30,INDEX(Jesper!$R$2:$R$366,ROW(INDEX(Jesper!AL$2:AL$366,ROUNDDOWN($C4836/24,0)+1,1))-1)+IF('Standard Profiles'!$G$22=$B$10,7,0)+IF('Standard Profiles'!$G$22=$B$17,14,0)+IF('Standard Profiles'!$G$22=$B$24,21,0),0)),0)</f>
        <v>0</v>
      </c>
      <c r="I4836">
        <f t="shared" si="545"/>
        <v>0.22805637077878071</v>
      </c>
      <c r="J4836">
        <f t="shared" si="546"/>
        <v>0.76018790259593583</v>
      </c>
      <c r="K4836">
        <f t="shared" si="547"/>
        <v>1.1402818538939037</v>
      </c>
      <c r="L4836">
        <f t="shared" si="548"/>
        <v>5.4733528986907372</v>
      </c>
      <c r="M4836">
        <f t="shared" si="549"/>
        <v>0</v>
      </c>
      <c r="N4836" s="46">
        <f t="shared" ref="N4836:N4899" si="550">N4835+1/24</f>
        <v>45492.083333321687</v>
      </c>
    </row>
    <row r="4837" spans="2:14" x14ac:dyDescent="0.3">
      <c r="B4837">
        <f t="shared" si="544"/>
        <v>5</v>
      </c>
      <c r="C4837" s="16">
        <v>4803</v>
      </c>
      <c r="D4837" cm="1">
        <f t="array" ref="D4837">IFERROR(INDEX(Jesper!AH$2:AH$366,ROUNDDOWN($C4837/24,0)+1,1)*INDEX($D$3:$AA$30,INDEX(Jesper!$R$2:$R$366,ROW(INDEX(Jesper!AH$2:AH$366,ROUNDDOWN($C4837/24,0)+1,1))-1)+IF('Standard Profiles'!$G$18=$B$10,7,0)+IF('Standard Profiles'!$G$18=$B$17,14,0)+IF('Standard Profiles'!$G$18=$B$24,21,0),MOD($C4837,24)+1)/SUM(INDEX($D$3:$AA$30,INDEX(Jesper!$R$2:$R$366,ROW(INDEX(Jesper!AH$2:AH$366,ROUNDDOWN($C4837/24,0)+1,1))-1)+IF('Standard Profiles'!$G$18=$B$10,7,0)+IF('Standard Profiles'!$G$18=$B$17,14,0)+IF('Standard Profiles'!$G$18=$B$24,21,0),0)),0)</f>
        <v>7.6018790259593576</v>
      </c>
      <c r="E4837" cm="1">
        <f t="array" ref="E4837">IFERROR(INDEX(Jesper!AI$2:AI$366,ROUNDDOWN($C4837/24,0)+1,1)*INDEX($D$3:$AA$30,INDEX(Jesper!$R$2:$R$366,ROW(INDEX(Jesper!AI$2:AI$366,ROUNDDOWN($C4837/24,0)+1,1))-1)+IF('Standard Profiles'!$G$19=$B$10,7,0)+IF('Standard Profiles'!$G$19=$B$17,14,0)+IF('Standard Profiles'!$G$19=$B$24,21,0),MOD($C4837,24)+1)/SUM(INDEX($D$3:$AA$30,INDEX(Jesper!$R$2:$R$366,ROW(INDEX(Jesper!AI$2:AI$366,ROUNDDOWN($C4837/24,0)+1,1))-1)+IF('Standard Profiles'!$G$19=$B$10,7,0)+IF('Standard Profiles'!$G$19=$B$17,14,0)+IF('Standard Profiles'!$G$19=$B$24,21,0),0)),0)</f>
        <v>0</v>
      </c>
      <c r="F4837" cm="1">
        <f t="array" ref="F4837">IFERROR(INDEX(Jesper!AJ$2:AJ$366,ROUNDDOWN($C4837/24,0)+1,1)*INDEX($D$3:$AA$30,INDEX(Jesper!$R$2:$R$366,ROW(INDEX(Jesper!AJ$2:AJ$366,ROUNDDOWN($C4837/24,0)+1,1))-1)+IF('Standard Profiles'!$G$20=$B$10,7,0)+IF('Standard Profiles'!$G$20=$B$17,14,0)+IF('Standard Profiles'!$G$20=$B$24,21,0),MOD($C4837,24)+1)/SUM(INDEX($D$3:$AA$30,INDEX(Jesper!$R$2:$R$366,ROW(INDEX(Jesper!AJ$2:AJ$366,ROUNDDOWN($C4837/24,0)+1,1))-1)+IF('Standard Profiles'!$G$20=$B$10,7,0)+IF('Standard Profiles'!$G$20=$B$17,14,0)+IF('Standard Profiles'!$G$20=$B$24,21,0),0)),0)</f>
        <v>0</v>
      </c>
      <c r="G4837" cm="1">
        <f t="array" ref="G4837">IFERROR(INDEX(Jesper!AK$2:AK$366,ROUNDDOWN($C4837/24,0)+1,1)*INDEX($D$3:$AA$30,INDEX(Jesper!$R$2:$R$366,ROW(INDEX(Jesper!AK$2:AK$366,ROUNDDOWN($C4837/24,0)+1,1))-1)+IF('Standard Profiles'!$G$21=$B$10,7,0)+IF('Standard Profiles'!$G$21=$B$17,14,0)+IF('Standard Profiles'!$G$21=$B$24,21,0),MOD($C4837,24)+1)/SUM(INDEX($D$3:$AA$30,INDEX(Jesper!$R$2:$R$366,ROW(INDEX(Jesper!AK$2:AK$366,ROUNDDOWN($C4837/24,0)+1,1))-1)+IF('Standard Profiles'!$G$21=$B$10,7,0)+IF('Standard Profiles'!$G$21=$B$17,14,0)+IF('Standard Profiles'!$G$21=$B$24,21,0),0)),0)</f>
        <v>0</v>
      </c>
      <c r="H4837" cm="1">
        <f t="array" ref="H4837">IFERROR(INDEX(Jesper!AL$2:AL$366,ROUNDDOWN($C4837/24,0)+1,1)*INDEX($D$3:$AA$30,INDEX(Jesper!$R$2:$R$366,ROW(INDEX(Jesper!AL$2:AL$366,ROUNDDOWN($C4837/24,0)+1,1))-1)+IF('Standard Profiles'!$G$22=$B$10,7,0)+IF('Standard Profiles'!$G$22=$B$17,14,0)+IF('Standard Profiles'!$G$22=$B$24,21,0),MOD($C4837,24)+1)/SUM(INDEX($D$3:$AA$30,INDEX(Jesper!$R$2:$R$366,ROW(INDEX(Jesper!AL$2:AL$366,ROUNDDOWN($C4837/24,0)+1,1))-1)+IF('Standard Profiles'!$G$22=$B$10,7,0)+IF('Standard Profiles'!$G$22=$B$17,14,0)+IF('Standard Profiles'!$G$22=$B$24,21,0),0)),0)</f>
        <v>0</v>
      </c>
      <c r="I4837">
        <f t="shared" si="545"/>
        <v>0.22805637077878071</v>
      </c>
      <c r="J4837">
        <f t="shared" si="546"/>
        <v>0.76018790259593583</v>
      </c>
      <c r="K4837">
        <f t="shared" si="547"/>
        <v>1.1402818538939037</v>
      </c>
      <c r="L4837">
        <f t="shared" si="548"/>
        <v>5.4733528986907372</v>
      </c>
      <c r="M4837">
        <f t="shared" si="549"/>
        <v>0</v>
      </c>
      <c r="N4837" s="46">
        <f t="shared" si="550"/>
        <v>45492.124999988351</v>
      </c>
    </row>
    <row r="4838" spans="2:14" x14ac:dyDescent="0.3">
      <c r="B4838">
        <f t="shared" si="544"/>
        <v>5</v>
      </c>
      <c r="C4838" s="16">
        <v>4804</v>
      </c>
      <c r="D4838" cm="1">
        <f t="array" ref="D4838">IFERROR(INDEX(Jesper!AH$2:AH$366,ROUNDDOWN($C4838/24,0)+1,1)*INDEX($D$3:$AA$30,INDEX(Jesper!$R$2:$R$366,ROW(INDEX(Jesper!AH$2:AH$366,ROUNDDOWN($C4838/24,0)+1,1))-1)+IF('Standard Profiles'!$G$18=$B$10,7,0)+IF('Standard Profiles'!$G$18=$B$17,14,0)+IF('Standard Profiles'!$G$18=$B$24,21,0),MOD($C4838,24)+1)/SUM(INDEX($D$3:$AA$30,INDEX(Jesper!$R$2:$R$366,ROW(INDEX(Jesper!AH$2:AH$366,ROUNDDOWN($C4838/24,0)+1,1))-1)+IF('Standard Profiles'!$G$18=$B$10,7,0)+IF('Standard Profiles'!$G$18=$B$17,14,0)+IF('Standard Profiles'!$G$18=$B$24,21,0),0)),0)</f>
        <v>7.6018790259593576</v>
      </c>
      <c r="E4838" cm="1">
        <f t="array" ref="E4838">IFERROR(INDEX(Jesper!AI$2:AI$366,ROUNDDOWN($C4838/24,0)+1,1)*INDEX($D$3:$AA$30,INDEX(Jesper!$R$2:$R$366,ROW(INDEX(Jesper!AI$2:AI$366,ROUNDDOWN($C4838/24,0)+1,1))-1)+IF('Standard Profiles'!$G$19=$B$10,7,0)+IF('Standard Profiles'!$G$19=$B$17,14,0)+IF('Standard Profiles'!$G$19=$B$24,21,0),MOD($C4838,24)+1)/SUM(INDEX($D$3:$AA$30,INDEX(Jesper!$R$2:$R$366,ROW(INDEX(Jesper!AI$2:AI$366,ROUNDDOWN($C4838/24,0)+1,1))-1)+IF('Standard Profiles'!$G$19=$B$10,7,0)+IF('Standard Profiles'!$G$19=$B$17,14,0)+IF('Standard Profiles'!$G$19=$B$24,21,0),0)),0)</f>
        <v>0</v>
      </c>
      <c r="F4838" cm="1">
        <f t="array" ref="F4838">IFERROR(INDEX(Jesper!AJ$2:AJ$366,ROUNDDOWN($C4838/24,0)+1,1)*INDEX($D$3:$AA$30,INDEX(Jesper!$R$2:$R$366,ROW(INDEX(Jesper!AJ$2:AJ$366,ROUNDDOWN($C4838/24,0)+1,1))-1)+IF('Standard Profiles'!$G$20=$B$10,7,0)+IF('Standard Profiles'!$G$20=$B$17,14,0)+IF('Standard Profiles'!$G$20=$B$24,21,0),MOD($C4838,24)+1)/SUM(INDEX($D$3:$AA$30,INDEX(Jesper!$R$2:$R$366,ROW(INDEX(Jesper!AJ$2:AJ$366,ROUNDDOWN($C4838/24,0)+1,1))-1)+IF('Standard Profiles'!$G$20=$B$10,7,0)+IF('Standard Profiles'!$G$20=$B$17,14,0)+IF('Standard Profiles'!$G$20=$B$24,21,0),0)),0)</f>
        <v>0</v>
      </c>
      <c r="G4838" cm="1">
        <f t="array" ref="G4838">IFERROR(INDEX(Jesper!AK$2:AK$366,ROUNDDOWN($C4838/24,0)+1,1)*INDEX($D$3:$AA$30,INDEX(Jesper!$R$2:$R$366,ROW(INDEX(Jesper!AK$2:AK$366,ROUNDDOWN($C4838/24,0)+1,1))-1)+IF('Standard Profiles'!$G$21=$B$10,7,0)+IF('Standard Profiles'!$G$21=$B$17,14,0)+IF('Standard Profiles'!$G$21=$B$24,21,0),MOD($C4838,24)+1)/SUM(INDEX($D$3:$AA$30,INDEX(Jesper!$R$2:$R$366,ROW(INDEX(Jesper!AK$2:AK$366,ROUNDDOWN($C4838/24,0)+1,1))-1)+IF('Standard Profiles'!$G$21=$B$10,7,0)+IF('Standard Profiles'!$G$21=$B$17,14,0)+IF('Standard Profiles'!$G$21=$B$24,21,0),0)),0)</f>
        <v>0</v>
      </c>
      <c r="H4838" cm="1">
        <f t="array" ref="H4838">IFERROR(INDEX(Jesper!AL$2:AL$366,ROUNDDOWN($C4838/24,0)+1,1)*INDEX($D$3:$AA$30,INDEX(Jesper!$R$2:$R$366,ROW(INDEX(Jesper!AL$2:AL$366,ROUNDDOWN($C4838/24,0)+1,1))-1)+IF('Standard Profiles'!$G$22=$B$10,7,0)+IF('Standard Profiles'!$G$22=$B$17,14,0)+IF('Standard Profiles'!$G$22=$B$24,21,0),MOD($C4838,24)+1)/SUM(INDEX($D$3:$AA$30,INDEX(Jesper!$R$2:$R$366,ROW(INDEX(Jesper!AL$2:AL$366,ROUNDDOWN($C4838/24,0)+1,1))-1)+IF('Standard Profiles'!$G$22=$B$10,7,0)+IF('Standard Profiles'!$G$22=$B$17,14,0)+IF('Standard Profiles'!$G$22=$B$24,21,0),0)),0)</f>
        <v>0</v>
      </c>
      <c r="I4838">
        <f t="shared" si="545"/>
        <v>0.22805637077878071</v>
      </c>
      <c r="J4838">
        <f t="shared" si="546"/>
        <v>0.76018790259593583</v>
      </c>
      <c r="K4838">
        <f t="shared" si="547"/>
        <v>1.1402818538939037</v>
      </c>
      <c r="L4838">
        <f t="shared" si="548"/>
        <v>5.4733528986907372</v>
      </c>
      <c r="M4838">
        <f t="shared" si="549"/>
        <v>0</v>
      </c>
      <c r="N4838" s="46">
        <f t="shared" si="550"/>
        <v>45492.166666655015</v>
      </c>
    </row>
    <row r="4839" spans="2:14" x14ac:dyDescent="0.3">
      <c r="B4839">
        <f t="shared" si="544"/>
        <v>5</v>
      </c>
      <c r="C4839" s="16">
        <v>4805</v>
      </c>
      <c r="D4839" cm="1">
        <f t="array" ref="D4839">IFERROR(INDEX(Jesper!AH$2:AH$366,ROUNDDOWN($C4839/24,0)+1,1)*INDEX($D$3:$AA$30,INDEX(Jesper!$R$2:$R$366,ROW(INDEX(Jesper!AH$2:AH$366,ROUNDDOWN($C4839/24,0)+1,1))-1)+IF('Standard Profiles'!$G$18=$B$10,7,0)+IF('Standard Profiles'!$G$18=$B$17,14,0)+IF('Standard Profiles'!$G$18=$B$24,21,0),MOD($C4839,24)+1)/SUM(INDEX($D$3:$AA$30,INDEX(Jesper!$R$2:$R$366,ROW(INDEX(Jesper!AH$2:AH$366,ROUNDDOWN($C4839/24,0)+1,1))-1)+IF('Standard Profiles'!$G$18=$B$10,7,0)+IF('Standard Profiles'!$G$18=$B$17,14,0)+IF('Standard Profiles'!$G$18=$B$24,21,0),0)),0)</f>
        <v>9.7979774112365039</v>
      </c>
      <c r="E4839" cm="1">
        <f t="array" ref="E4839">IFERROR(INDEX(Jesper!AI$2:AI$366,ROUNDDOWN($C4839/24,0)+1,1)*INDEX($D$3:$AA$30,INDEX(Jesper!$R$2:$R$366,ROW(INDEX(Jesper!AI$2:AI$366,ROUNDDOWN($C4839/24,0)+1,1))-1)+IF('Standard Profiles'!$G$19=$B$10,7,0)+IF('Standard Profiles'!$G$19=$B$17,14,0)+IF('Standard Profiles'!$G$19=$B$24,21,0),MOD($C4839,24)+1)/SUM(INDEX($D$3:$AA$30,INDEX(Jesper!$R$2:$R$366,ROW(INDEX(Jesper!AI$2:AI$366,ROUNDDOWN($C4839/24,0)+1,1))-1)+IF('Standard Profiles'!$G$19=$B$10,7,0)+IF('Standard Profiles'!$G$19=$B$17,14,0)+IF('Standard Profiles'!$G$19=$B$24,21,0),0)),0)</f>
        <v>0</v>
      </c>
      <c r="F4839" cm="1">
        <f t="array" ref="F4839">IFERROR(INDEX(Jesper!AJ$2:AJ$366,ROUNDDOWN($C4839/24,0)+1,1)*INDEX($D$3:$AA$30,INDEX(Jesper!$R$2:$R$366,ROW(INDEX(Jesper!AJ$2:AJ$366,ROUNDDOWN($C4839/24,0)+1,1))-1)+IF('Standard Profiles'!$G$20=$B$10,7,0)+IF('Standard Profiles'!$G$20=$B$17,14,0)+IF('Standard Profiles'!$G$20=$B$24,21,0),MOD($C4839,24)+1)/SUM(INDEX($D$3:$AA$30,INDEX(Jesper!$R$2:$R$366,ROW(INDEX(Jesper!AJ$2:AJ$366,ROUNDDOWN($C4839/24,0)+1,1))-1)+IF('Standard Profiles'!$G$20=$B$10,7,0)+IF('Standard Profiles'!$G$20=$B$17,14,0)+IF('Standard Profiles'!$G$20=$B$24,21,0),0)),0)</f>
        <v>0</v>
      </c>
      <c r="G4839" cm="1">
        <f t="array" ref="G4839">IFERROR(INDEX(Jesper!AK$2:AK$366,ROUNDDOWN($C4839/24,0)+1,1)*INDEX($D$3:$AA$30,INDEX(Jesper!$R$2:$R$366,ROW(INDEX(Jesper!AK$2:AK$366,ROUNDDOWN($C4839/24,0)+1,1))-1)+IF('Standard Profiles'!$G$21=$B$10,7,0)+IF('Standard Profiles'!$G$21=$B$17,14,0)+IF('Standard Profiles'!$G$21=$B$24,21,0),MOD($C4839,24)+1)/SUM(INDEX($D$3:$AA$30,INDEX(Jesper!$R$2:$R$366,ROW(INDEX(Jesper!AK$2:AK$366,ROUNDDOWN($C4839/24,0)+1,1))-1)+IF('Standard Profiles'!$G$21=$B$10,7,0)+IF('Standard Profiles'!$G$21=$B$17,14,0)+IF('Standard Profiles'!$G$21=$B$24,21,0),0)),0)</f>
        <v>0</v>
      </c>
      <c r="H4839" cm="1">
        <f t="array" ref="H4839">IFERROR(INDEX(Jesper!AL$2:AL$366,ROUNDDOWN($C4839/24,0)+1,1)*INDEX($D$3:$AA$30,INDEX(Jesper!$R$2:$R$366,ROW(INDEX(Jesper!AL$2:AL$366,ROUNDDOWN($C4839/24,0)+1,1))-1)+IF('Standard Profiles'!$G$22=$B$10,7,0)+IF('Standard Profiles'!$G$22=$B$17,14,0)+IF('Standard Profiles'!$G$22=$B$24,21,0),MOD($C4839,24)+1)/SUM(INDEX($D$3:$AA$30,INDEX(Jesper!$R$2:$R$366,ROW(INDEX(Jesper!AL$2:AL$366,ROUNDDOWN($C4839/24,0)+1,1))-1)+IF('Standard Profiles'!$G$22=$B$10,7,0)+IF('Standard Profiles'!$G$22=$B$17,14,0)+IF('Standard Profiles'!$G$22=$B$24,21,0),0)),0)</f>
        <v>0</v>
      </c>
      <c r="I4839">
        <f t="shared" si="545"/>
        <v>0.29393932233709513</v>
      </c>
      <c r="J4839">
        <f t="shared" si="546"/>
        <v>0.97979774112365048</v>
      </c>
      <c r="K4839">
        <f t="shared" si="547"/>
        <v>1.4696966116854755</v>
      </c>
      <c r="L4839">
        <f t="shared" si="548"/>
        <v>7.0545437360902827</v>
      </c>
      <c r="M4839">
        <f t="shared" si="549"/>
        <v>0</v>
      </c>
      <c r="N4839" s="46">
        <f t="shared" si="550"/>
        <v>45492.20833332168</v>
      </c>
    </row>
    <row r="4840" spans="2:14" x14ac:dyDescent="0.3">
      <c r="B4840">
        <f t="shared" si="544"/>
        <v>5</v>
      </c>
      <c r="C4840" s="16">
        <v>4806</v>
      </c>
      <c r="D4840" cm="1">
        <f t="array" ref="D4840">IFERROR(INDEX(Jesper!AH$2:AH$366,ROUNDDOWN($C4840/24,0)+1,1)*INDEX($D$3:$AA$30,INDEX(Jesper!$R$2:$R$366,ROW(INDEX(Jesper!AH$2:AH$366,ROUNDDOWN($C4840/24,0)+1,1))-1)+IF('Standard Profiles'!$G$18=$B$10,7,0)+IF('Standard Profiles'!$G$18=$B$17,14,0)+IF('Standard Profiles'!$G$18=$B$24,21,0),MOD($C4840,24)+1)/SUM(INDEX($D$3:$AA$30,INDEX(Jesper!$R$2:$R$366,ROW(INDEX(Jesper!AH$2:AH$366,ROUNDDOWN($C4840/24,0)+1,1))-1)+IF('Standard Profiles'!$G$18=$B$10,7,0)+IF('Standard Profiles'!$G$18=$B$17,14,0)+IF('Standard Profiles'!$G$18=$B$24,21,0),0)),0)</f>
        <v>11.825145151492334</v>
      </c>
      <c r="E4840" cm="1">
        <f t="array" ref="E4840">IFERROR(INDEX(Jesper!AI$2:AI$366,ROUNDDOWN($C4840/24,0)+1,1)*INDEX($D$3:$AA$30,INDEX(Jesper!$R$2:$R$366,ROW(INDEX(Jesper!AI$2:AI$366,ROUNDDOWN($C4840/24,0)+1,1))-1)+IF('Standard Profiles'!$G$19=$B$10,7,0)+IF('Standard Profiles'!$G$19=$B$17,14,0)+IF('Standard Profiles'!$G$19=$B$24,21,0),MOD($C4840,24)+1)/SUM(INDEX($D$3:$AA$30,INDEX(Jesper!$R$2:$R$366,ROW(INDEX(Jesper!AI$2:AI$366,ROUNDDOWN($C4840/24,0)+1,1))-1)+IF('Standard Profiles'!$G$19=$B$10,7,0)+IF('Standard Profiles'!$G$19=$B$17,14,0)+IF('Standard Profiles'!$G$19=$B$24,21,0),0)),0)</f>
        <v>0</v>
      </c>
      <c r="F4840" cm="1">
        <f t="array" ref="F4840">IFERROR(INDEX(Jesper!AJ$2:AJ$366,ROUNDDOWN($C4840/24,0)+1,1)*INDEX($D$3:$AA$30,INDEX(Jesper!$R$2:$R$366,ROW(INDEX(Jesper!AJ$2:AJ$366,ROUNDDOWN($C4840/24,0)+1,1))-1)+IF('Standard Profiles'!$G$20=$B$10,7,0)+IF('Standard Profiles'!$G$20=$B$17,14,0)+IF('Standard Profiles'!$G$20=$B$24,21,0),MOD($C4840,24)+1)/SUM(INDEX($D$3:$AA$30,INDEX(Jesper!$R$2:$R$366,ROW(INDEX(Jesper!AJ$2:AJ$366,ROUNDDOWN($C4840/24,0)+1,1))-1)+IF('Standard Profiles'!$G$20=$B$10,7,0)+IF('Standard Profiles'!$G$20=$B$17,14,0)+IF('Standard Profiles'!$G$20=$B$24,21,0),0)),0)</f>
        <v>0</v>
      </c>
      <c r="G4840" cm="1">
        <f t="array" ref="G4840">IFERROR(INDEX(Jesper!AK$2:AK$366,ROUNDDOWN($C4840/24,0)+1,1)*INDEX($D$3:$AA$30,INDEX(Jesper!$R$2:$R$366,ROW(INDEX(Jesper!AK$2:AK$366,ROUNDDOWN($C4840/24,0)+1,1))-1)+IF('Standard Profiles'!$G$21=$B$10,7,0)+IF('Standard Profiles'!$G$21=$B$17,14,0)+IF('Standard Profiles'!$G$21=$B$24,21,0),MOD($C4840,24)+1)/SUM(INDEX($D$3:$AA$30,INDEX(Jesper!$R$2:$R$366,ROW(INDEX(Jesper!AK$2:AK$366,ROUNDDOWN($C4840/24,0)+1,1))-1)+IF('Standard Profiles'!$G$21=$B$10,7,0)+IF('Standard Profiles'!$G$21=$B$17,14,0)+IF('Standard Profiles'!$G$21=$B$24,21,0),0)),0)</f>
        <v>0</v>
      </c>
      <c r="H4840" cm="1">
        <f t="array" ref="H4840">IFERROR(INDEX(Jesper!AL$2:AL$366,ROUNDDOWN($C4840/24,0)+1,1)*INDEX($D$3:$AA$30,INDEX(Jesper!$R$2:$R$366,ROW(INDEX(Jesper!AL$2:AL$366,ROUNDDOWN($C4840/24,0)+1,1))-1)+IF('Standard Profiles'!$G$22=$B$10,7,0)+IF('Standard Profiles'!$G$22=$B$17,14,0)+IF('Standard Profiles'!$G$22=$B$24,21,0),MOD($C4840,24)+1)/SUM(INDEX($D$3:$AA$30,INDEX(Jesper!$R$2:$R$366,ROW(INDEX(Jesper!AL$2:AL$366,ROUNDDOWN($C4840/24,0)+1,1))-1)+IF('Standard Profiles'!$G$22=$B$10,7,0)+IF('Standard Profiles'!$G$22=$B$17,14,0)+IF('Standard Profiles'!$G$22=$B$24,21,0),0)),0)</f>
        <v>0</v>
      </c>
      <c r="I4840">
        <f t="shared" si="545"/>
        <v>0.35475435454477</v>
      </c>
      <c r="J4840">
        <f t="shared" si="546"/>
        <v>1.1825145151492336</v>
      </c>
      <c r="K4840">
        <f t="shared" si="547"/>
        <v>1.77377177272385</v>
      </c>
      <c r="L4840">
        <f t="shared" si="548"/>
        <v>8.51410450907448</v>
      </c>
      <c r="M4840">
        <f t="shared" si="549"/>
        <v>0</v>
      </c>
      <c r="N4840" s="46">
        <f t="shared" si="550"/>
        <v>45492.249999988344</v>
      </c>
    </row>
    <row r="4841" spans="2:14" x14ac:dyDescent="0.3">
      <c r="B4841">
        <f t="shared" si="544"/>
        <v>5</v>
      </c>
      <c r="C4841" s="16">
        <v>4807</v>
      </c>
      <c r="D4841" cm="1">
        <f t="array" ref="D4841">IFERROR(INDEX(Jesper!AH$2:AH$366,ROUNDDOWN($C4841/24,0)+1,1)*INDEX($D$3:$AA$30,INDEX(Jesper!$R$2:$R$366,ROW(INDEX(Jesper!AH$2:AH$366,ROUNDDOWN($C4841/24,0)+1,1))-1)+IF('Standard Profiles'!$G$18=$B$10,7,0)+IF('Standard Profiles'!$G$18=$B$17,14,0)+IF('Standard Profiles'!$G$18=$B$24,21,0),MOD($C4841,24)+1)/SUM(INDEX($D$3:$AA$30,INDEX(Jesper!$R$2:$R$366,ROW(INDEX(Jesper!AH$2:AH$366,ROUNDDOWN($C4841/24,0)+1,1))-1)+IF('Standard Profiles'!$G$18=$B$10,7,0)+IF('Standard Profiles'!$G$18=$B$17,14,0)+IF('Standard Profiles'!$G$18=$B$24,21,0),0)),0)</f>
        <v>11.825145151492334</v>
      </c>
      <c r="E4841" cm="1">
        <f t="array" ref="E4841">IFERROR(INDEX(Jesper!AI$2:AI$366,ROUNDDOWN($C4841/24,0)+1,1)*INDEX($D$3:$AA$30,INDEX(Jesper!$R$2:$R$366,ROW(INDEX(Jesper!AI$2:AI$366,ROUNDDOWN($C4841/24,0)+1,1))-1)+IF('Standard Profiles'!$G$19=$B$10,7,0)+IF('Standard Profiles'!$G$19=$B$17,14,0)+IF('Standard Profiles'!$G$19=$B$24,21,0),MOD($C4841,24)+1)/SUM(INDEX($D$3:$AA$30,INDEX(Jesper!$R$2:$R$366,ROW(INDEX(Jesper!AI$2:AI$366,ROUNDDOWN($C4841/24,0)+1,1))-1)+IF('Standard Profiles'!$G$19=$B$10,7,0)+IF('Standard Profiles'!$G$19=$B$17,14,0)+IF('Standard Profiles'!$G$19=$B$24,21,0),0)),0)</f>
        <v>0</v>
      </c>
      <c r="F4841" cm="1">
        <f t="array" ref="F4841">IFERROR(INDEX(Jesper!AJ$2:AJ$366,ROUNDDOWN($C4841/24,0)+1,1)*INDEX($D$3:$AA$30,INDEX(Jesper!$R$2:$R$366,ROW(INDEX(Jesper!AJ$2:AJ$366,ROUNDDOWN($C4841/24,0)+1,1))-1)+IF('Standard Profiles'!$G$20=$B$10,7,0)+IF('Standard Profiles'!$G$20=$B$17,14,0)+IF('Standard Profiles'!$G$20=$B$24,21,0),MOD($C4841,24)+1)/SUM(INDEX($D$3:$AA$30,INDEX(Jesper!$R$2:$R$366,ROW(INDEX(Jesper!AJ$2:AJ$366,ROUNDDOWN($C4841/24,0)+1,1))-1)+IF('Standard Profiles'!$G$20=$B$10,7,0)+IF('Standard Profiles'!$G$20=$B$17,14,0)+IF('Standard Profiles'!$G$20=$B$24,21,0),0)),0)</f>
        <v>0</v>
      </c>
      <c r="G4841" cm="1">
        <f t="array" ref="G4841">IFERROR(INDEX(Jesper!AK$2:AK$366,ROUNDDOWN($C4841/24,0)+1,1)*INDEX($D$3:$AA$30,INDEX(Jesper!$R$2:$R$366,ROW(INDEX(Jesper!AK$2:AK$366,ROUNDDOWN($C4841/24,0)+1,1))-1)+IF('Standard Profiles'!$G$21=$B$10,7,0)+IF('Standard Profiles'!$G$21=$B$17,14,0)+IF('Standard Profiles'!$G$21=$B$24,21,0),MOD($C4841,24)+1)/SUM(INDEX($D$3:$AA$30,INDEX(Jesper!$R$2:$R$366,ROW(INDEX(Jesper!AK$2:AK$366,ROUNDDOWN($C4841/24,0)+1,1))-1)+IF('Standard Profiles'!$G$21=$B$10,7,0)+IF('Standard Profiles'!$G$21=$B$17,14,0)+IF('Standard Profiles'!$G$21=$B$24,21,0),0)),0)</f>
        <v>0</v>
      </c>
      <c r="H4841" cm="1">
        <f t="array" ref="H4841">IFERROR(INDEX(Jesper!AL$2:AL$366,ROUNDDOWN($C4841/24,0)+1,1)*INDEX($D$3:$AA$30,INDEX(Jesper!$R$2:$R$366,ROW(INDEX(Jesper!AL$2:AL$366,ROUNDDOWN($C4841/24,0)+1,1))-1)+IF('Standard Profiles'!$G$22=$B$10,7,0)+IF('Standard Profiles'!$G$22=$B$17,14,0)+IF('Standard Profiles'!$G$22=$B$24,21,0),MOD($C4841,24)+1)/SUM(INDEX($D$3:$AA$30,INDEX(Jesper!$R$2:$R$366,ROW(INDEX(Jesper!AL$2:AL$366,ROUNDDOWN($C4841/24,0)+1,1))-1)+IF('Standard Profiles'!$G$22=$B$10,7,0)+IF('Standard Profiles'!$G$22=$B$17,14,0)+IF('Standard Profiles'!$G$22=$B$24,21,0),0)),0)</f>
        <v>0</v>
      </c>
      <c r="I4841">
        <f t="shared" si="545"/>
        <v>0.35475435454477</v>
      </c>
      <c r="J4841">
        <f t="shared" si="546"/>
        <v>1.1825145151492336</v>
      </c>
      <c r="K4841">
        <f t="shared" si="547"/>
        <v>1.77377177272385</v>
      </c>
      <c r="L4841">
        <f t="shared" si="548"/>
        <v>8.51410450907448</v>
      </c>
      <c r="M4841">
        <f t="shared" si="549"/>
        <v>0</v>
      </c>
      <c r="N4841" s="46">
        <f t="shared" si="550"/>
        <v>45492.291666655008</v>
      </c>
    </row>
    <row r="4842" spans="2:14" x14ac:dyDescent="0.3">
      <c r="B4842">
        <f t="shared" si="544"/>
        <v>5</v>
      </c>
      <c r="C4842" s="16">
        <v>4808</v>
      </c>
      <c r="D4842" cm="1">
        <f t="array" ref="D4842">IFERROR(INDEX(Jesper!AH$2:AH$366,ROUNDDOWN($C4842/24,0)+1,1)*INDEX($D$3:$AA$30,INDEX(Jesper!$R$2:$R$366,ROW(INDEX(Jesper!AH$2:AH$366,ROUNDDOWN($C4842/24,0)+1,1))-1)+IF('Standard Profiles'!$G$18=$B$10,7,0)+IF('Standard Profiles'!$G$18=$B$17,14,0)+IF('Standard Profiles'!$G$18=$B$24,21,0),MOD($C4842,24)+1)/SUM(INDEX($D$3:$AA$30,INDEX(Jesper!$R$2:$R$366,ROW(INDEX(Jesper!AH$2:AH$366,ROUNDDOWN($C4842/24,0)+1,1))-1)+IF('Standard Profiles'!$G$18=$B$10,7,0)+IF('Standard Profiles'!$G$18=$B$17,14,0)+IF('Standard Profiles'!$G$18=$B$24,21,0),0)),0)</f>
        <v>11.825145151492334</v>
      </c>
      <c r="E4842" cm="1">
        <f t="array" ref="E4842">IFERROR(INDEX(Jesper!AI$2:AI$366,ROUNDDOWN($C4842/24,0)+1,1)*INDEX($D$3:$AA$30,INDEX(Jesper!$R$2:$R$366,ROW(INDEX(Jesper!AI$2:AI$366,ROUNDDOWN($C4842/24,0)+1,1))-1)+IF('Standard Profiles'!$G$19=$B$10,7,0)+IF('Standard Profiles'!$G$19=$B$17,14,0)+IF('Standard Profiles'!$G$19=$B$24,21,0),MOD($C4842,24)+1)/SUM(INDEX($D$3:$AA$30,INDEX(Jesper!$R$2:$R$366,ROW(INDEX(Jesper!AI$2:AI$366,ROUNDDOWN($C4842/24,0)+1,1))-1)+IF('Standard Profiles'!$G$19=$B$10,7,0)+IF('Standard Profiles'!$G$19=$B$17,14,0)+IF('Standard Profiles'!$G$19=$B$24,21,0),0)),0)</f>
        <v>0</v>
      </c>
      <c r="F4842" cm="1">
        <f t="array" ref="F4842">IFERROR(INDEX(Jesper!AJ$2:AJ$366,ROUNDDOWN($C4842/24,0)+1,1)*INDEX($D$3:$AA$30,INDEX(Jesper!$R$2:$R$366,ROW(INDEX(Jesper!AJ$2:AJ$366,ROUNDDOWN($C4842/24,0)+1,1))-1)+IF('Standard Profiles'!$G$20=$B$10,7,0)+IF('Standard Profiles'!$G$20=$B$17,14,0)+IF('Standard Profiles'!$G$20=$B$24,21,0),MOD($C4842,24)+1)/SUM(INDEX($D$3:$AA$30,INDEX(Jesper!$R$2:$R$366,ROW(INDEX(Jesper!AJ$2:AJ$366,ROUNDDOWN($C4842/24,0)+1,1))-1)+IF('Standard Profiles'!$G$20=$B$10,7,0)+IF('Standard Profiles'!$G$20=$B$17,14,0)+IF('Standard Profiles'!$G$20=$B$24,21,0),0)),0)</f>
        <v>0</v>
      </c>
      <c r="G4842" cm="1">
        <f t="array" ref="G4842">IFERROR(INDEX(Jesper!AK$2:AK$366,ROUNDDOWN($C4842/24,0)+1,1)*INDEX($D$3:$AA$30,INDEX(Jesper!$R$2:$R$366,ROW(INDEX(Jesper!AK$2:AK$366,ROUNDDOWN($C4842/24,0)+1,1))-1)+IF('Standard Profiles'!$G$21=$B$10,7,0)+IF('Standard Profiles'!$G$21=$B$17,14,0)+IF('Standard Profiles'!$G$21=$B$24,21,0),MOD($C4842,24)+1)/SUM(INDEX($D$3:$AA$30,INDEX(Jesper!$R$2:$R$366,ROW(INDEX(Jesper!AK$2:AK$366,ROUNDDOWN($C4842/24,0)+1,1))-1)+IF('Standard Profiles'!$G$21=$B$10,7,0)+IF('Standard Profiles'!$G$21=$B$17,14,0)+IF('Standard Profiles'!$G$21=$B$24,21,0),0)),0)</f>
        <v>0</v>
      </c>
      <c r="H4842" cm="1">
        <f t="array" ref="H4842">IFERROR(INDEX(Jesper!AL$2:AL$366,ROUNDDOWN($C4842/24,0)+1,1)*INDEX($D$3:$AA$30,INDEX(Jesper!$R$2:$R$366,ROW(INDEX(Jesper!AL$2:AL$366,ROUNDDOWN($C4842/24,0)+1,1))-1)+IF('Standard Profiles'!$G$22=$B$10,7,0)+IF('Standard Profiles'!$G$22=$B$17,14,0)+IF('Standard Profiles'!$G$22=$B$24,21,0),MOD($C4842,24)+1)/SUM(INDEX($D$3:$AA$30,INDEX(Jesper!$R$2:$R$366,ROW(INDEX(Jesper!AL$2:AL$366,ROUNDDOWN($C4842/24,0)+1,1))-1)+IF('Standard Profiles'!$G$22=$B$10,7,0)+IF('Standard Profiles'!$G$22=$B$17,14,0)+IF('Standard Profiles'!$G$22=$B$24,21,0),0)),0)</f>
        <v>0</v>
      </c>
      <c r="I4842">
        <f t="shared" si="545"/>
        <v>0.35475435454477</v>
      </c>
      <c r="J4842">
        <f t="shared" si="546"/>
        <v>1.1825145151492336</v>
      </c>
      <c r="K4842">
        <f t="shared" si="547"/>
        <v>1.77377177272385</v>
      </c>
      <c r="L4842">
        <f t="shared" si="548"/>
        <v>8.51410450907448</v>
      </c>
      <c r="M4842">
        <f t="shared" si="549"/>
        <v>0</v>
      </c>
      <c r="N4842" s="46">
        <f t="shared" si="550"/>
        <v>45492.333333321672</v>
      </c>
    </row>
    <row r="4843" spans="2:14" x14ac:dyDescent="0.3">
      <c r="B4843">
        <f t="shared" si="544"/>
        <v>5</v>
      </c>
      <c r="C4843" s="16">
        <v>4809</v>
      </c>
      <c r="D4843" cm="1">
        <f t="array" ref="D4843">IFERROR(INDEX(Jesper!AH$2:AH$366,ROUNDDOWN($C4843/24,0)+1,1)*INDEX($D$3:$AA$30,INDEX(Jesper!$R$2:$R$366,ROW(INDEX(Jesper!AH$2:AH$366,ROUNDDOWN($C4843/24,0)+1,1))-1)+IF('Standard Profiles'!$G$18=$B$10,7,0)+IF('Standard Profiles'!$G$18=$B$17,14,0)+IF('Standard Profiles'!$G$18=$B$24,21,0),MOD($C4843,24)+1)/SUM(INDEX($D$3:$AA$30,INDEX(Jesper!$R$2:$R$366,ROW(INDEX(Jesper!AH$2:AH$366,ROUNDDOWN($C4843/24,0)+1,1))-1)+IF('Standard Profiles'!$G$18=$B$10,7,0)+IF('Standard Profiles'!$G$18=$B$17,14,0)+IF('Standard Profiles'!$G$18=$B$24,21,0),0)),0)</f>
        <v>12.66979837659893</v>
      </c>
      <c r="E4843" cm="1">
        <f t="array" ref="E4843">IFERROR(INDEX(Jesper!AI$2:AI$366,ROUNDDOWN($C4843/24,0)+1,1)*INDEX($D$3:$AA$30,INDEX(Jesper!$R$2:$R$366,ROW(INDEX(Jesper!AI$2:AI$366,ROUNDDOWN($C4843/24,0)+1,1))-1)+IF('Standard Profiles'!$G$19=$B$10,7,0)+IF('Standard Profiles'!$G$19=$B$17,14,0)+IF('Standard Profiles'!$G$19=$B$24,21,0),MOD($C4843,24)+1)/SUM(INDEX($D$3:$AA$30,INDEX(Jesper!$R$2:$R$366,ROW(INDEX(Jesper!AI$2:AI$366,ROUNDDOWN($C4843/24,0)+1,1))-1)+IF('Standard Profiles'!$G$19=$B$10,7,0)+IF('Standard Profiles'!$G$19=$B$17,14,0)+IF('Standard Profiles'!$G$19=$B$24,21,0),0)),0)</f>
        <v>0</v>
      </c>
      <c r="F4843" cm="1">
        <f t="array" ref="F4843">IFERROR(INDEX(Jesper!AJ$2:AJ$366,ROUNDDOWN($C4843/24,0)+1,1)*INDEX($D$3:$AA$30,INDEX(Jesper!$R$2:$R$366,ROW(INDEX(Jesper!AJ$2:AJ$366,ROUNDDOWN($C4843/24,0)+1,1))-1)+IF('Standard Profiles'!$G$20=$B$10,7,0)+IF('Standard Profiles'!$G$20=$B$17,14,0)+IF('Standard Profiles'!$G$20=$B$24,21,0),MOD($C4843,24)+1)/SUM(INDEX($D$3:$AA$30,INDEX(Jesper!$R$2:$R$366,ROW(INDEX(Jesper!AJ$2:AJ$366,ROUNDDOWN($C4843/24,0)+1,1))-1)+IF('Standard Profiles'!$G$20=$B$10,7,0)+IF('Standard Profiles'!$G$20=$B$17,14,0)+IF('Standard Profiles'!$G$20=$B$24,21,0),0)),0)</f>
        <v>0</v>
      </c>
      <c r="G4843" cm="1">
        <f t="array" ref="G4843">IFERROR(INDEX(Jesper!AK$2:AK$366,ROUNDDOWN($C4843/24,0)+1,1)*INDEX($D$3:$AA$30,INDEX(Jesper!$R$2:$R$366,ROW(INDEX(Jesper!AK$2:AK$366,ROUNDDOWN($C4843/24,0)+1,1))-1)+IF('Standard Profiles'!$G$21=$B$10,7,0)+IF('Standard Profiles'!$G$21=$B$17,14,0)+IF('Standard Profiles'!$G$21=$B$24,21,0),MOD($C4843,24)+1)/SUM(INDEX($D$3:$AA$30,INDEX(Jesper!$R$2:$R$366,ROW(INDEX(Jesper!AK$2:AK$366,ROUNDDOWN($C4843/24,0)+1,1))-1)+IF('Standard Profiles'!$G$21=$B$10,7,0)+IF('Standard Profiles'!$G$21=$B$17,14,0)+IF('Standard Profiles'!$G$21=$B$24,21,0),0)),0)</f>
        <v>0</v>
      </c>
      <c r="H4843" cm="1">
        <f t="array" ref="H4843">IFERROR(INDEX(Jesper!AL$2:AL$366,ROUNDDOWN($C4843/24,0)+1,1)*INDEX($D$3:$AA$30,INDEX(Jesper!$R$2:$R$366,ROW(INDEX(Jesper!AL$2:AL$366,ROUNDDOWN($C4843/24,0)+1,1))-1)+IF('Standard Profiles'!$G$22=$B$10,7,0)+IF('Standard Profiles'!$G$22=$B$17,14,0)+IF('Standard Profiles'!$G$22=$B$24,21,0),MOD($C4843,24)+1)/SUM(INDEX($D$3:$AA$30,INDEX(Jesper!$R$2:$R$366,ROW(INDEX(Jesper!AL$2:AL$366,ROUNDDOWN($C4843/24,0)+1,1))-1)+IF('Standard Profiles'!$G$22=$B$10,7,0)+IF('Standard Profiles'!$G$22=$B$17,14,0)+IF('Standard Profiles'!$G$22=$B$24,21,0),0)),0)</f>
        <v>0</v>
      </c>
      <c r="I4843">
        <f t="shared" si="545"/>
        <v>0.38009395129796786</v>
      </c>
      <c r="J4843">
        <f t="shared" si="546"/>
        <v>1.2669798376598931</v>
      </c>
      <c r="K4843">
        <f t="shared" si="547"/>
        <v>1.9004697564898394</v>
      </c>
      <c r="L4843">
        <f t="shared" si="548"/>
        <v>9.1222548311512295</v>
      </c>
      <c r="M4843">
        <f t="shared" si="549"/>
        <v>0</v>
      </c>
      <c r="N4843" s="46">
        <f t="shared" si="550"/>
        <v>45492.374999988337</v>
      </c>
    </row>
    <row r="4844" spans="2:14" x14ac:dyDescent="0.3">
      <c r="B4844">
        <f t="shared" si="544"/>
        <v>5</v>
      </c>
      <c r="C4844" s="16">
        <v>4810</v>
      </c>
      <c r="D4844" cm="1">
        <f t="array" ref="D4844">IFERROR(INDEX(Jesper!AH$2:AH$366,ROUNDDOWN($C4844/24,0)+1,1)*INDEX($D$3:$AA$30,INDEX(Jesper!$R$2:$R$366,ROW(INDEX(Jesper!AH$2:AH$366,ROUNDDOWN($C4844/24,0)+1,1))-1)+IF('Standard Profiles'!$G$18=$B$10,7,0)+IF('Standard Profiles'!$G$18=$B$17,14,0)+IF('Standard Profiles'!$G$18=$B$24,21,0),MOD($C4844,24)+1)/SUM(INDEX($D$3:$AA$30,INDEX(Jesper!$R$2:$R$366,ROW(INDEX(Jesper!AH$2:AH$366,ROUNDDOWN($C4844/24,0)+1,1))-1)+IF('Standard Profiles'!$G$18=$B$10,7,0)+IF('Standard Profiles'!$G$18=$B$17,14,0)+IF('Standard Profiles'!$G$18=$B$24,21,0),0)),0)</f>
        <v>13.176590311662887</v>
      </c>
      <c r="E4844" cm="1">
        <f t="array" ref="E4844">IFERROR(INDEX(Jesper!AI$2:AI$366,ROUNDDOWN($C4844/24,0)+1,1)*INDEX($D$3:$AA$30,INDEX(Jesper!$R$2:$R$366,ROW(INDEX(Jesper!AI$2:AI$366,ROUNDDOWN($C4844/24,0)+1,1))-1)+IF('Standard Profiles'!$G$19=$B$10,7,0)+IF('Standard Profiles'!$G$19=$B$17,14,0)+IF('Standard Profiles'!$G$19=$B$24,21,0),MOD($C4844,24)+1)/SUM(INDEX($D$3:$AA$30,INDEX(Jesper!$R$2:$R$366,ROW(INDEX(Jesper!AI$2:AI$366,ROUNDDOWN($C4844/24,0)+1,1))-1)+IF('Standard Profiles'!$G$19=$B$10,7,0)+IF('Standard Profiles'!$G$19=$B$17,14,0)+IF('Standard Profiles'!$G$19=$B$24,21,0),0)),0)</f>
        <v>0</v>
      </c>
      <c r="F4844" cm="1">
        <f t="array" ref="F4844">IFERROR(INDEX(Jesper!AJ$2:AJ$366,ROUNDDOWN($C4844/24,0)+1,1)*INDEX($D$3:$AA$30,INDEX(Jesper!$R$2:$R$366,ROW(INDEX(Jesper!AJ$2:AJ$366,ROUNDDOWN($C4844/24,0)+1,1))-1)+IF('Standard Profiles'!$G$20=$B$10,7,0)+IF('Standard Profiles'!$G$20=$B$17,14,0)+IF('Standard Profiles'!$G$20=$B$24,21,0),MOD($C4844,24)+1)/SUM(INDEX($D$3:$AA$30,INDEX(Jesper!$R$2:$R$366,ROW(INDEX(Jesper!AJ$2:AJ$366,ROUNDDOWN($C4844/24,0)+1,1))-1)+IF('Standard Profiles'!$G$20=$B$10,7,0)+IF('Standard Profiles'!$G$20=$B$17,14,0)+IF('Standard Profiles'!$G$20=$B$24,21,0),0)),0)</f>
        <v>0</v>
      </c>
      <c r="G4844" cm="1">
        <f t="array" ref="G4844">IFERROR(INDEX(Jesper!AK$2:AK$366,ROUNDDOWN($C4844/24,0)+1,1)*INDEX($D$3:$AA$30,INDEX(Jesper!$R$2:$R$366,ROW(INDEX(Jesper!AK$2:AK$366,ROUNDDOWN($C4844/24,0)+1,1))-1)+IF('Standard Profiles'!$G$21=$B$10,7,0)+IF('Standard Profiles'!$G$21=$B$17,14,0)+IF('Standard Profiles'!$G$21=$B$24,21,0),MOD($C4844,24)+1)/SUM(INDEX($D$3:$AA$30,INDEX(Jesper!$R$2:$R$366,ROW(INDEX(Jesper!AK$2:AK$366,ROUNDDOWN($C4844/24,0)+1,1))-1)+IF('Standard Profiles'!$G$21=$B$10,7,0)+IF('Standard Profiles'!$G$21=$B$17,14,0)+IF('Standard Profiles'!$G$21=$B$24,21,0),0)),0)</f>
        <v>0</v>
      </c>
      <c r="H4844" cm="1">
        <f t="array" ref="H4844">IFERROR(INDEX(Jesper!AL$2:AL$366,ROUNDDOWN($C4844/24,0)+1,1)*INDEX($D$3:$AA$30,INDEX(Jesper!$R$2:$R$366,ROW(INDEX(Jesper!AL$2:AL$366,ROUNDDOWN($C4844/24,0)+1,1))-1)+IF('Standard Profiles'!$G$22=$B$10,7,0)+IF('Standard Profiles'!$G$22=$B$17,14,0)+IF('Standard Profiles'!$G$22=$B$24,21,0),MOD($C4844,24)+1)/SUM(INDEX($D$3:$AA$30,INDEX(Jesper!$R$2:$R$366,ROW(INDEX(Jesper!AL$2:AL$366,ROUNDDOWN($C4844/24,0)+1,1))-1)+IF('Standard Profiles'!$G$22=$B$10,7,0)+IF('Standard Profiles'!$G$22=$B$17,14,0)+IF('Standard Profiles'!$G$22=$B$24,21,0),0)),0)</f>
        <v>0</v>
      </c>
      <c r="I4844">
        <f t="shared" si="545"/>
        <v>0.39529770934988656</v>
      </c>
      <c r="J4844">
        <f t="shared" si="546"/>
        <v>1.3176590311662888</v>
      </c>
      <c r="K4844">
        <f t="shared" si="547"/>
        <v>1.9764885467494329</v>
      </c>
      <c r="L4844">
        <f t="shared" si="548"/>
        <v>9.4871450243972788</v>
      </c>
      <c r="M4844">
        <f t="shared" si="549"/>
        <v>0</v>
      </c>
      <c r="N4844" s="46">
        <f t="shared" si="550"/>
        <v>45492.416666655001</v>
      </c>
    </row>
    <row r="4845" spans="2:14" x14ac:dyDescent="0.3">
      <c r="B4845">
        <f t="shared" si="544"/>
        <v>5</v>
      </c>
      <c r="C4845" s="16">
        <v>4811</v>
      </c>
      <c r="D4845" cm="1">
        <f t="array" ref="D4845">IFERROR(INDEX(Jesper!AH$2:AH$366,ROUNDDOWN($C4845/24,0)+1,1)*INDEX($D$3:$AA$30,INDEX(Jesper!$R$2:$R$366,ROW(INDEX(Jesper!AH$2:AH$366,ROUNDDOWN($C4845/24,0)+1,1))-1)+IF('Standard Profiles'!$G$18=$B$10,7,0)+IF('Standard Profiles'!$G$18=$B$17,14,0)+IF('Standard Profiles'!$G$18=$B$24,21,0),MOD($C4845,24)+1)/SUM(INDEX($D$3:$AA$30,INDEX(Jesper!$R$2:$R$366,ROW(INDEX(Jesper!AH$2:AH$366,ROUNDDOWN($C4845/24,0)+1,1))-1)+IF('Standard Profiles'!$G$18=$B$10,7,0)+IF('Standard Profiles'!$G$18=$B$17,14,0)+IF('Standard Profiles'!$G$18=$B$24,21,0),0)),0)</f>
        <v>15.203758051918715</v>
      </c>
      <c r="E4845" cm="1">
        <f t="array" ref="E4845">IFERROR(INDEX(Jesper!AI$2:AI$366,ROUNDDOWN($C4845/24,0)+1,1)*INDEX($D$3:$AA$30,INDEX(Jesper!$R$2:$R$366,ROW(INDEX(Jesper!AI$2:AI$366,ROUNDDOWN($C4845/24,0)+1,1))-1)+IF('Standard Profiles'!$G$19=$B$10,7,0)+IF('Standard Profiles'!$G$19=$B$17,14,0)+IF('Standard Profiles'!$G$19=$B$24,21,0),MOD($C4845,24)+1)/SUM(INDEX($D$3:$AA$30,INDEX(Jesper!$R$2:$R$366,ROW(INDEX(Jesper!AI$2:AI$366,ROUNDDOWN($C4845/24,0)+1,1))-1)+IF('Standard Profiles'!$G$19=$B$10,7,0)+IF('Standard Profiles'!$G$19=$B$17,14,0)+IF('Standard Profiles'!$G$19=$B$24,21,0),0)),0)</f>
        <v>0</v>
      </c>
      <c r="F4845" cm="1">
        <f t="array" ref="F4845">IFERROR(INDEX(Jesper!AJ$2:AJ$366,ROUNDDOWN($C4845/24,0)+1,1)*INDEX($D$3:$AA$30,INDEX(Jesper!$R$2:$R$366,ROW(INDEX(Jesper!AJ$2:AJ$366,ROUNDDOWN($C4845/24,0)+1,1))-1)+IF('Standard Profiles'!$G$20=$B$10,7,0)+IF('Standard Profiles'!$G$20=$B$17,14,0)+IF('Standard Profiles'!$G$20=$B$24,21,0),MOD($C4845,24)+1)/SUM(INDEX($D$3:$AA$30,INDEX(Jesper!$R$2:$R$366,ROW(INDEX(Jesper!AJ$2:AJ$366,ROUNDDOWN($C4845/24,0)+1,1))-1)+IF('Standard Profiles'!$G$20=$B$10,7,0)+IF('Standard Profiles'!$G$20=$B$17,14,0)+IF('Standard Profiles'!$G$20=$B$24,21,0),0)),0)</f>
        <v>0</v>
      </c>
      <c r="G4845" cm="1">
        <f t="array" ref="G4845">IFERROR(INDEX(Jesper!AK$2:AK$366,ROUNDDOWN($C4845/24,0)+1,1)*INDEX($D$3:$AA$30,INDEX(Jesper!$R$2:$R$366,ROW(INDEX(Jesper!AK$2:AK$366,ROUNDDOWN($C4845/24,0)+1,1))-1)+IF('Standard Profiles'!$G$21=$B$10,7,0)+IF('Standard Profiles'!$G$21=$B$17,14,0)+IF('Standard Profiles'!$G$21=$B$24,21,0),MOD($C4845,24)+1)/SUM(INDEX($D$3:$AA$30,INDEX(Jesper!$R$2:$R$366,ROW(INDEX(Jesper!AK$2:AK$366,ROUNDDOWN($C4845/24,0)+1,1))-1)+IF('Standard Profiles'!$G$21=$B$10,7,0)+IF('Standard Profiles'!$G$21=$B$17,14,0)+IF('Standard Profiles'!$G$21=$B$24,21,0),0)),0)</f>
        <v>0</v>
      </c>
      <c r="H4845" cm="1">
        <f t="array" ref="H4845">IFERROR(INDEX(Jesper!AL$2:AL$366,ROUNDDOWN($C4845/24,0)+1,1)*INDEX($D$3:$AA$30,INDEX(Jesper!$R$2:$R$366,ROW(INDEX(Jesper!AL$2:AL$366,ROUNDDOWN($C4845/24,0)+1,1))-1)+IF('Standard Profiles'!$G$22=$B$10,7,0)+IF('Standard Profiles'!$G$22=$B$17,14,0)+IF('Standard Profiles'!$G$22=$B$24,21,0),MOD($C4845,24)+1)/SUM(INDEX($D$3:$AA$30,INDEX(Jesper!$R$2:$R$366,ROW(INDEX(Jesper!AL$2:AL$366,ROUNDDOWN($C4845/24,0)+1,1))-1)+IF('Standard Profiles'!$G$22=$B$10,7,0)+IF('Standard Profiles'!$G$22=$B$17,14,0)+IF('Standard Profiles'!$G$22=$B$24,21,0),0)),0)</f>
        <v>0</v>
      </c>
      <c r="I4845">
        <f t="shared" si="545"/>
        <v>0.45611274155756143</v>
      </c>
      <c r="J4845">
        <f t="shared" si="546"/>
        <v>1.5203758051918717</v>
      </c>
      <c r="K4845">
        <f t="shared" si="547"/>
        <v>2.2805637077878074</v>
      </c>
      <c r="L4845">
        <f t="shared" si="548"/>
        <v>10.946705797381474</v>
      </c>
      <c r="M4845">
        <f t="shared" si="549"/>
        <v>0</v>
      </c>
      <c r="N4845" s="46">
        <f t="shared" si="550"/>
        <v>45492.458333321665</v>
      </c>
    </row>
    <row r="4846" spans="2:14" x14ac:dyDescent="0.3">
      <c r="B4846">
        <f t="shared" si="544"/>
        <v>5</v>
      </c>
      <c r="C4846" s="16">
        <v>4812</v>
      </c>
      <c r="D4846" cm="1">
        <f t="array" ref="D4846">IFERROR(INDEX(Jesper!AH$2:AH$366,ROUNDDOWN($C4846/24,0)+1,1)*INDEX($D$3:$AA$30,INDEX(Jesper!$R$2:$R$366,ROW(INDEX(Jesper!AH$2:AH$366,ROUNDDOWN($C4846/24,0)+1,1))-1)+IF('Standard Profiles'!$G$18=$B$10,7,0)+IF('Standard Profiles'!$G$18=$B$17,14,0)+IF('Standard Profiles'!$G$18=$B$24,21,0),MOD($C4846,24)+1)/SUM(INDEX($D$3:$AA$30,INDEX(Jesper!$R$2:$R$366,ROW(INDEX(Jesper!AH$2:AH$366,ROUNDDOWN($C4846/24,0)+1,1))-1)+IF('Standard Profiles'!$G$18=$B$10,7,0)+IF('Standard Profiles'!$G$18=$B$17,14,0)+IF('Standard Profiles'!$G$18=$B$24,21,0),0)),0)</f>
        <v>15.203758051918715</v>
      </c>
      <c r="E4846" cm="1">
        <f t="array" ref="E4846">IFERROR(INDEX(Jesper!AI$2:AI$366,ROUNDDOWN($C4846/24,0)+1,1)*INDEX($D$3:$AA$30,INDEX(Jesper!$R$2:$R$366,ROW(INDEX(Jesper!AI$2:AI$366,ROUNDDOWN($C4846/24,0)+1,1))-1)+IF('Standard Profiles'!$G$19=$B$10,7,0)+IF('Standard Profiles'!$G$19=$B$17,14,0)+IF('Standard Profiles'!$G$19=$B$24,21,0),MOD($C4846,24)+1)/SUM(INDEX($D$3:$AA$30,INDEX(Jesper!$R$2:$R$366,ROW(INDEX(Jesper!AI$2:AI$366,ROUNDDOWN($C4846/24,0)+1,1))-1)+IF('Standard Profiles'!$G$19=$B$10,7,0)+IF('Standard Profiles'!$G$19=$B$17,14,0)+IF('Standard Profiles'!$G$19=$B$24,21,0),0)),0)</f>
        <v>0</v>
      </c>
      <c r="F4846" cm="1">
        <f t="array" ref="F4846">IFERROR(INDEX(Jesper!AJ$2:AJ$366,ROUNDDOWN($C4846/24,0)+1,1)*INDEX($D$3:$AA$30,INDEX(Jesper!$R$2:$R$366,ROW(INDEX(Jesper!AJ$2:AJ$366,ROUNDDOWN($C4846/24,0)+1,1))-1)+IF('Standard Profiles'!$G$20=$B$10,7,0)+IF('Standard Profiles'!$G$20=$B$17,14,0)+IF('Standard Profiles'!$G$20=$B$24,21,0),MOD($C4846,24)+1)/SUM(INDEX($D$3:$AA$30,INDEX(Jesper!$R$2:$R$366,ROW(INDEX(Jesper!AJ$2:AJ$366,ROUNDDOWN($C4846/24,0)+1,1))-1)+IF('Standard Profiles'!$G$20=$B$10,7,0)+IF('Standard Profiles'!$G$20=$B$17,14,0)+IF('Standard Profiles'!$G$20=$B$24,21,0),0)),0)</f>
        <v>0</v>
      </c>
      <c r="G4846" cm="1">
        <f t="array" ref="G4846">IFERROR(INDEX(Jesper!AK$2:AK$366,ROUNDDOWN($C4846/24,0)+1,1)*INDEX($D$3:$AA$30,INDEX(Jesper!$R$2:$R$366,ROW(INDEX(Jesper!AK$2:AK$366,ROUNDDOWN($C4846/24,0)+1,1))-1)+IF('Standard Profiles'!$G$21=$B$10,7,0)+IF('Standard Profiles'!$G$21=$B$17,14,0)+IF('Standard Profiles'!$G$21=$B$24,21,0),MOD($C4846,24)+1)/SUM(INDEX($D$3:$AA$30,INDEX(Jesper!$R$2:$R$366,ROW(INDEX(Jesper!AK$2:AK$366,ROUNDDOWN($C4846/24,0)+1,1))-1)+IF('Standard Profiles'!$G$21=$B$10,7,0)+IF('Standard Profiles'!$G$21=$B$17,14,0)+IF('Standard Profiles'!$G$21=$B$24,21,0),0)),0)</f>
        <v>0</v>
      </c>
      <c r="H4846" cm="1">
        <f t="array" ref="H4846">IFERROR(INDEX(Jesper!AL$2:AL$366,ROUNDDOWN($C4846/24,0)+1,1)*INDEX($D$3:$AA$30,INDEX(Jesper!$R$2:$R$366,ROW(INDEX(Jesper!AL$2:AL$366,ROUNDDOWN($C4846/24,0)+1,1))-1)+IF('Standard Profiles'!$G$22=$B$10,7,0)+IF('Standard Profiles'!$G$22=$B$17,14,0)+IF('Standard Profiles'!$G$22=$B$24,21,0),MOD($C4846,24)+1)/SUM(INDEX($D$3:$AA$30,INDEX(Jesper!$R$2:$R$366,ROW(INDEX(Jesper!AL$2:AL$366,ROUNDDOWN($C4846/24,0)+1,1))-1)+IF('Standard Profiles'!$G$22=$B$10,7,0)+IF('Standard Profiles'!$G$22=$B$17,14,0)+IF('Standard Profiles'!$G$22=$B$24,21,0),0)),0)</f>
        <v>0</v>
      </c>
      <c r="I4846">
        <f t="shared" si="545"/>
        <v>0.45611274155756143</v>
      </c>
      <c r="J4846">
        <f t="shared" si="546"/>
        <v>1.5203758051918717</v>
      </c>
      <c r="K4846">
        <f t="shared" si="547"/>
        <v>2.2805637077878074</v>
      </c>
      <c r="L4846">
        <f t="shared" si="548"/>
        <v>10.946705797381474</v>
      </c>
      <c r="M4846">
        <f t="shared" si="549"/>
        <v>0</v>
      </c>
      <c r="N4846" s="46">
        <f t="shared" si="550"/>
        <v>45492.499999988329</v>
      </c>
    </row>
    <row r="4847" spans="2:14" x14ac:dyDescent="0.3">
      <c r="B4847">
        <f t="shared" si="544"/>
        <v>5</v>
      </c>
      <c r="C4847" s="16">
        <v>4813</v>
      </c>
      <c r="D4847" cm="1">
        <f t="array" ref="D4847">IFERROR(INDEX(Jesper!AH$2:AH$366,ROUNDDOWN($C4847/24,0)+1,1)*INDEX($D$3:$AA$30,INDEX(Jesper!$R$2:$R$366,ROW(INDEX(Jesper!AH$2:AH$366,ROUNDDOWN($C4847/24,0)+1,1))-1)+IF('Standard Profiles'!$G$18=$B$10,7,0)+IF('Standard Profiles'!$G$18=$B$17,14,0)+IF('Standard Profiles'!$G$18=$B$24,21,0),MOD($C4847,24)+1)/SUM(INDEX($D$3:$AA$30,INDEX(Jesper!$R$2:$R$366,ROW(INDEX(Jesper!AH$2:AH$366,ROUNDDOWN($C4847/24,0)+1,1))-1)+IF('Standard Profiles'!$G$18=$B$10,7,0)+IF('Standard Profiles'!$G$18=$B$17,14,0)+IF('Standard Profiles'!$G$18=$B$24,21,0),0)),0)</f>
        <v>15.203758051918715</v>
      </c>
      <c r="E4847" cm="1">
        <f t="array" ref="E4847">IFERROR(INDEX(Jesper!AI$2:AI$366,ROUNDDOWN($C4847/24,0)+1,1)*INDEX($D$3:$AA$30,INDEX(Jesper!$R$2:$R$366,ROW(INDEX(Jesper!AI$2:AI$366,ROUNDDOWN($C4847/24,0)+1,1))-1)+IF('Standard Profiles'!$G$19=$B$10,7,0)+IF('Standard Profiles'!$G$19=$B$17,14,0)+IF('Standard Profiles'!$G$19=$B$24,21,0),MOD($C4847,24)+1)/SUM(INDEX($D$3:$AA$30,INDEX(Jesper!$R$2:$R$366,ROW(INDEX(Jesper!AI$2:AI$366,ROUNDDOWN($C4847/24,0)+1,1))-1)+IF('Standard Profiles'!$G$19=$B$10,7,0)+IF('Standard Profiles'!$G$19=$B$17,14,0)+IF('Standard Profiles'!$G$19=$B$24,21,0),0)),0)</f>
        <v>0</v>
      </c>
      <c r="F4847" cm="1">
        <f t="array" ref="F4847">IFERROR(INDEX(Jesper!AJ$2:AJ$366,ROUNDDOWN($C4847/24,0)+1,1)*INDEX($D$3:$AA$30,INDEX(Jesper!$R$2:$R$366,ROW(INDEX(Jesper!AJ$2:AJ$366,ROUNDDOWN($C4847/24,0)+1,1))-1)+IF('Standard Profiles'!$G$20=$B$10,7,0)+IF('Standard Profiles'!$G$20=$B$17,14,0)+IF('Standard Profiles'!$G$20=$B$24,21,0),MOD($C4847,24)+1)/SUM(INDEX($D$3:$AA$30,INDEX(Jesper!$R$2:$R$366,ROW(INDEX(Jesper!AJ$2:AJ$366,ROUNDDOWN($C4847/24,0)+1,1))-1)+IF('Standard Profiles'!$G$20=$B$10,7,0)+IF('Standard Profiles'!$G$20=$B$17,14,0)+IF('Standard Profiles'!$G$20=$B$24,21,0),0)),0)</f>
        <v>0</v>
      </c>
      <c r="G4847" cm="1">
        <f t="array" ref="G4847">IFERROR(INDEX(Jesper!AK$2:AK$366,ROUNDDOWN($C4847/24,0)+1,1)*INDEX($D$3:$AA$30,INDEX(Jesper!$R$2:$R$366,ROW(INDEX(Jesper!AK$2:AK$366,ROUNDDOWN($C4847/24,0)+1,1))-1)+IF('Standard Profiles'!$G$21=$B$10,7,0)+IF('Standard Profiles'!$G$21=$B$17,14,0)+IF('Standard Profiles'!$G$21=$B$24,21,0),MOD($C4847,24)+1)/SUM(INDEX($D$3:$AA$30,INDEX(Jesper!$R$2:$R$366,ROW(INDEX(Jesper!AK$2:AK$366,ROUNDDOWN($C4847/24,0)+1,1))-1)+IF('Standard Profiles'!$G$21=$B$10,7,0)+IF('Standard Profiles'!$G$21=$B$17,14,0)+IF('Standard Profiles'!$G$21=$B$24,21,0),0)),0)</f>
        <v>0</v>
      </c>
      <c r="H4847" cm="1">
        <f t="array" ref="H4847">IFERROR(INDEX(Jesper!AL$2:AL$366,ROUNDDOWN($C4847/24,0)+1,1)*INDEX($D$3:$AA$30,INDEX(Jesper!$R$2:$R$366,ROW(INDEX(Jesper!AL$2:AL$366,ROUNDDOWN($C4847/24,0)+1,1))-1)+IF('Standard Profiles'!$G$22=$B$10,7,0)+IF('Standard Profiles'!$G$22=$B$17,14,0)+IF('Standard Profiles'!$G$22=$B$24,21,0),MOD($C4847,24)+1)/SUM(INDEX($D$3:$AA$30,INDEX(Jesper!$R$2:$R$366,ROW(INDEX(Jesper!AL$2:AL$366,ROUNDDOWN($C4847/24,0)+1,1))-1)+IF('Standard Profiles'!$G$22=$B$10,7,0)+IF('Standard Profiles'!$G$22=$B$17,14,0)+IF('Standard Profiles'!$G$22=$B$24,21,0),0)),0)</f>
        <v>0</v>
      </c>
      <c r="I4847">
        <f t="shared" si="545"/>
        <v>0.45611274155756143</v>
      </c>
      <c r="J4847">
        <f t="shared" si="546"/>
        <v>1.5203758051918717</v>
      </c>
      <c r="K4847">
        <f t="shared" si="547"/>
        <v>2.2805637077878074</v>
      </c>
      <c r="L4847">
        <f t="shared" si="548"/>
        <v>10.946705797381474</v>
      </c>
      <c r="M4847">
        <f t="shared" si="549"/>
        <v>0</v>
      </c>
      <c r="N4847" s="46">
        <f t="shared" si="550"/>
        <v>45492.541666654994</v>
      </c>
    </row>
    <row r="4848" spans="2:14" x14ac:dyDescent="0.3">
      <c r="B4848">
        <f t="shared" si="544"/>
        <v>5</v>
      </c>
      <c r="C4848" s="16">
        <v>4814</v>
      </c>
      <c r="D4848" cm="1">
        <f t="array" ref="D4848">IFERROR(INDEX(Jesper!AH$2:AH$366,ROUNDDOWN($C4848/24,0)+1,1)*INDEX($D$3:$AA$30,INDEX(Jesper!$R$2:$R$366,ROW(INDEX(Jesper!AH$2:AH$366,ROUNDDOWN($C4848/24,0)+1,1))-1)+IF('Standard Profiles'!$G$18=$B$10,7,0)+IF('Standard Profiles'!$G$18=$B$17,14,0)+IF('Standard Profiles'!$G$18=$B$24,21,0),MOD($C4848,24)+1)/SUM(INDEX($D$3:$AA$30,INDEX(Jesper!$R$2:$R$366,ROW(INDEX(Jesper!AH$2:AH$366,ROUNDDOWN($C4848/24,0)+1,1))-1)+IF('Standard Profiles'!$G$18=$B$10,7,0)+IF('Standard Profiles'!$G$18=$B$17,14,0)+IF('Standard Profiles'!$G$18=$B$24,21,0),0)),0)</f>
        <v>15.203758051918715</v>
      </c>
      <c r="E4848" cm="1">
        <f t="array" ref="E4848">IFERROR(INDEX(Jesper!AI$2:AI$366,ROUNDDOWN($C4848/24,0)+1,1)*INDEX($D$3:$AA$30,INDEX(Jesper!$R$2:$R$366,ROW(INDEX(Jesper!AI$2:AI$366,ROUNDDOWN($C4848/24,0)+1,1))-1)+IF('Standard Profiles'!$G$19=$B$10,7,0)+IF('Standard Profiles'!$G$19=$B$17,14,0)+IF('Standard Profiles'!$G$19=$B$24,21,0),MOD($C4848,24)+1)/SUM(INDEX($D$3:$AA$30,INDEX(Jesper!$R$2:$R$366,ROW(INDEX(Jesper!AI$2:AI$366,ROUNDDOWN($C4848/24,0)+1,1))-1)+IF('Standard Profiles'!$G$19=$B$10,7,0)+IF('Standard Profiles'!$G$19=$B$17,14,0)+IF('Standard Profiles'!$G$19=$B$24,21,0),0)),0)</f>
        <v>0</v>
      </c>
      <c r="F4848" cm="1">
        <f t="array" ref="F4848">IFERROR(INDEX(Jesper!AJ$2:AJ$366,ROUNDDOWN($C4848/24,0)+1,1)*INDEX($D$3:$AA$30,INDEX(Jesper!$R$2:$R$366,ROW(INDEX(Jesper!AJ$2:AJ$366,ROUNDDOWN($C4848/24,0)+1,1))-1)+IF('Standard Profiles'!$G$20=$B$10,7,0)+IF('Standard Profiles'!$G$20=$B$17,14,0)+IF('Standard Profiles'!$G$20=$B$24,21,0),MOD($C4848,24)+1)/SUM(INDEX($D$3:$AA$30,INDEX(Jesper!$R$2:$R$366,ROW(INDEX(Jesper!AJ$2:AJ$366,ROUNDDOWN($C4848/24,0)+1,1))-1)+IF('Standard Profiles'!$G$20=$B$10,7,0)+IF('Standard Profiles'!$G$20=$B$17,14,0)+IF('Standard Profiles'!$G$20=$B$24,21,0),0)),0)</f>
        <v>0</v>
      </c>
      <c r="G4848" cm="1">
        <f t="array" ref="G4848">IFERROR(INDEX(Jesper!AK$2:AK$366,ROUNDDOWN($C4848/24,0)+1,1)*INDEX($D$3:$AA$30,INDEX(Jesper!$R$2:$R$366,ROW(INDEX(Jesper!AK$2:AK$366,ROUNDDOWN($C4848/24,0)+1,1))-1)+IF('Standard Profiles'!$G$21=$B$10,7,0)+IF('Standard Profiles'!$G$21=$B$17,14,0)+IF('Standard Profiles'!$G$21=$B$24,21,0),MOD($C4848,24)+1)/SUM(INDEX($D$3:$AA$30,INDEX(Jesper!$R$2:$R$366,ROW(INDEX(Jesper!AK$2:AK$366,ROUNDDOWN($C4848/24,0)+1,1))-1)+IF('Standard Profiles'!$G$21=$B$10,7,0)+IF('Standard Profiles'!$G$21=$B$17,14,0)+IF('Standard Profiles'!$G$21=$B$24,21,0),0)),0)</f>
        <v>0</v>
      </c>
      <c r="H4848" cm="1">
        <f t="array" ref="H4848">IFERROR(INDEX(Jesper!AL$2:AL$366,ROUNDDOWN($C4848/24,0)+1,1)*INDEX($D$3:$AA$30,INDEX(Jesper!$R$2:$R$366,ROW(INDEX(Jesper!AL$2:AL$366,ROUNDDOWN($C4848/24,0)+1,1))-1)+IF('Standard Profiles'!$G$22=$B$10,7,0)+IF('Standard Profiles'!$G$22=$B$17,14,0)+IF('Standard Profiles'!$G$22=$B$24,21,0),MOD($C4848,24)+1)/SUM(INDEX($D$3:$AA$30,INDEX(Jesper!$R$2:$R$366,ROW(INDEX(Jesper!AL$2:AL$366,ROUNDDOWN($C4848/24,0)+1,1))-1)+IF('Standard Profiles'!$G$22=$B$10,7,0)+IF('Standard Profiles'!$G$22=$B$17,14,0)+IF('Standard Profiles'!$G$22=$B$24,21,0),0)),0)</f>
        <v>0</v>
      </c>
      <c r="I4848">
        <f t="shared" si="545"/>
        <v>0.45611274155756143</v>
      </c>
      <c r="J4848">
        <f t="shared" si="546"/>
        <v>1.5203758051918717</v>
      </c>
      <c r="K4848">
        <f t="shared" si="547"/>
        <v>2.2805637077878074</v>
      </c>
      <c r="L4848">
        <f t="shared" si="548"/>
        <v>10.946705797381474</v>
      </c>
      <c r="M4848">
        <f t="shared" si="549"/>
        <v>0</v>
      </c>
      <c r="N4848" s="46">
        <f t="shared" si="550"/>
        <v>45492.583333321658</v>
      </c>
    </row>
    <row r="4849" spans="2:14" x14ac:dyDescent="0.3">
      <c r="B4849">
        <f t="shared" si="544"/>
        <v>5</v>
      </c>
      <c r="C4849" s="16">
        <v>4815</v>
      </c>
      <c r="D4849" cm="1">
        <f t="array" ref="D4849">IFERROR(INDEX(Jesper!AH$2:AH$366,ROUNDDOWN($C4849/24,0)+1,1)*INDEX($D$3:$AA$30,INDEX(Jesper!$R$2:$R$366,ROW(INDEX(Jesper!AH$2:AH$366,ROUNDDOWN($C4849/24,0)+1,1))-1)+IF('Standard Profiles'!$G$18=$B$10,7,0)+IF('Standard Profiles'!$G$18=$B$17,14,0)+IF('Standard Profiles'!$G$18=$B$24,21,0),MOD($C4849,24)+1)/SUM(INDEX($D$3:$AA$30,INDEX(Jesper!$R$2:$R$366,ROW(INDEX(Jesper!AH$2:AH$366,ROUNDDOWN($C4849/24,0)+1,1))-1)+IF('Standard Profiles'!$G$18=$B$10,7,0)+IF('Standard Profiles'!$G$18=$B$17,14,0)+IF('Standard Profiles'!$G$18=$B$24,21,0),0)),0)</f>
        <v>12.66979837659893</v>
      </c>
      <c r="E4849" cm="1">
        <f t="array" ref="E4849">IFERROR(INDEX(Jesper!AI$2:AI$366,ROUNDDOWN($C4849/24,0)+1,1)*INDEX($D$3:$AA$30,INDEX(Jesper!$R$2:$R$366,ROW(INDEX(Jesper!AI$2:AI$366,ROUNDDOWN($C4849/24,0)+1,1))-1)+IF('Standard Profiles'!$G$19=$B$10,7,0)+IF('Standard Profiles'!$G$19=$B$17,14,0)+IF('Standard Profiles'!$G$19=$B$24,21,0),MOD($C4849,24)+1)/SUM(INDEX($D$3:$AA$30,INDEX(Jesper!$R$2:$R$366,ROW(INDEX(Jesper!AI$2:AI$366,ROUNDDOWN($C4849/24,0)+1,1))-1)+IF('Standard Profiles'!$G$19=$B$10,7,0)+IF('Standard Profiles'!$G$19=$B$17,14,0)+IF('Standard Profiles'!$G$19=$B$24,21,0),0)),0)</f>
        <v>0</v>
      </c>
      <c r="F4849" cm="1">
        <f t="array" ref="F4849">IFERROR(INDEX(Jesper!AJ$2:AJ$366,ROUNDDOWN($C4849/24,0)+1,1)*INDEX($D$3:$AA$30,INDEX(Jesper!$R$2:$R$366,ROW(INDEX(Jesper!AJ$2:AJ$366,ROUNDDOWN($C4849/24,0)+1,1))-1)+IF('Standard Profiles'!$G$20=$B$10,7,0)+IF('Standard Profiles'!$G$20=$B$17,14,0)+IF('Standard Profiles'!$G$20=$B$24,21,0),MOD($C4849,24)+1)/SUM(INDEX($D$3:$AA$30,INDEX(Jesper!$R$2:$R$366,ROW(INDEX(Jesper!AJ$2:AJ$366,ROUNDDOWN($C4849/24,0)+1,1))-1)+IF('Standard Profiles'!$G$20=$B$10,7,0)+IF('Standard Profiles'!$G$20=$B$17,14,0)+IF('Standard Profiles'!$G$20=$B$24,21,0),0)),0)</f>
        <v>0</v>
      </c>
      <c r="G4849" cm="1">
        <f t="array" ref="G4849">IFERROR(INDEX(Jesper!AK$2:AK$366,ROUNDDOWN($C4849/24,0)+1,1)*INDEX($D$3:$AA$30,INDEX(Jesper!$R$2:$R$366,ROW(INDEX(Jesper!AK$2:AK$366,ROUNDDOWN($C4849/24,0)+1,1))-1)+IF('Standard Profiles'!$G$21=$B$10,7,0)+IF('Standard Profiles'!$G$21=$B$17,14,0)+IF('Standard Profiles'!$G$21=$B$24,21,0),MOD($C4849,24)+1)/SUM(INDEX($D$3:$AA$30,INDEX(Jesper!$R$2:$R$366,ROW(INDEX(Jesper!AK$2:AK$366,ROUNDDOWN($C4849/24,0)+1,1))-1)+IF('Standard Profiles'!$G$21=$B$10,7,0)+IF('Standard Profiles'!$G$21=$B$17,14,0)+IF('Standard Profiles'!$G$21=$B$24,21,0),0)),0)</f>
        <v>0</v>
      </c>
      <c r="H4849" cm="1">
        <f t="array" ref="H4849">IFERROR(INDEX(Jesper!AL$2:AL$366,ROUNDDOWN($C4849/24,0)+1,1)*INDEX($D$3:$AA$30,INDEX(Jesper!$R$2:$R$366,ROW(INDEX(Jesper!AL$2:AL$366,ROUNDDOWN($C4849/24,0)+1,1))-1)+IF('Standard Profiles'!$G$22=$B$10,7,0)+IF('Standard Profiles'!$G$22=$B$17,14,0)+IF('Standard Profiles'!$G$22=$B$24,21,0),MOD($C4849,24)+1)/SUM(INDEX($D$3:$AA$30,INDEX(Jesper!$R$2:$R$366,ROW(INDEX(Jesper!AL$2:AL$366,ROUNDDOWN($C4849/24,0)+1,1))-1)+IF('Standard Profiles'!$G$22=$B$10,7,0)+IF('Standard Profiles'!$G$22=$B$17,14,0)+IF('Standard Profiles'!$G$22=$B$24,21,0),0)),0)</f>
        <v>0</v>
      </c>
      <c r="I4849">
        <f t="shared" si="545"/>
        <v>0.38009395129796786</v>
      </c>
      <c r="J4849">
        <f t="shared" si="546"/>
        <v>1.2669798376598931</v>
      </c>
      <c r="K4849">
        <f t="shared" si="547"/>
        <v>1.9004697564898394</v>
      </c>
      <c r="L4849">
        <f t="shared" si="548"/>
        <v>9.1222548311512295</v>
      </c>
      <c r="M4849">
        <f t="shared" si="549"/>
        <v>0</v>
      </c>
      <c r="N4849" s="46">
        <f t="shared" si="550"/>
        <v>45492.624999988322</v>
      </c>
    </row>
    <row r="4850" spans="2:14" x14ac:dyDescent="0.3">
      <c r="B4850">
        <f t="shared" si="544"/>
        <v>5</v>
      </c>
      <c r="C4850" s="16">
        <v>4816</v>
      </c>
      <c r="D4850" cm="1">
        <f t="array" ref="D4850">IFERROR(INDEX(Jesper!AH$2:AH$366,ROUNDDOWN($C4850/24,0)+1,1)*INDEX($D$3:$AA$30,INDEX(Jesper!$R$2:$R$366,ROW(INDEX(Jesper!AH$2:AH$366,ROUNDDOWN($C4850/24,0)+1,1))-1)+IF('Standard Profiles'!$G$18=$B$10,7,0)+IF('Standard Profiles'!$G$18=$B$17,14,0)+IF('Standard Profiles'!$G$18=$B$24,21,0),MOD($C4850,24)+1)/SUM(INDEX($D$3:$AA$30,INDEX(Jesper!$R$2:$R$366,ROW(INDEX(Jesper!AH$2:AH$366,ROUNDDOWN($C4850/24,0)+1,1))-1)+IF('Standard Profiles'!$G$18=$B$10,7,0)+IF('Standard Profiles'!$G$18=$B$17,14,0)+IF('Standard Profiles'!$G$18=$B$24,21,0),0)),0)</f>
        <v>11.994075796513654</v>
      </c>
      <c r="E4850" cm="1">
        <f t="array" ref="E4850">IFERROR(INDEX(Jesper!AI$2:AI$366,ROUNDDOWN($C4850/24,0)+1,1)*INDEX($D$3:$AA$30,INDEX(Jesper!$R$2:$R$366,ROW(INDEX(Jesper!AI$2:AI$366,ROUNDDOWN($C4850/24,0)+1,1))-1)+IF('Standard Profiles'!$G$19=$B$10,7,0)+IF('Standard Profiles'!$G$19=$B$17,14,0)+IF('Standard Profiles'!$G$19=$B$24,21,0),MOD($C4850,24)+1)/SUM(INDEX($D$3:$AA$30,INDEX(Jesper!$R$2:$R$366,ROW(INDEX(Jesper!AI$2:AI$366,ROUNDDOWN($C4850/24,0)+1,1))-1)+IF('Standard Profiles'!$G$19=$B$10,7,0)+IF('Standard Profiles'!$G$19=$B$17,14,0)+IF('Standard Profiles'!$G$19=$B$24,21,0),0)),0)</f>
        <v>0</v>
      </c>
      <c r="F4850" cm="1">
        <f t="array" ref="F4850">IFERROR(INDEX(Jesper!AJ$2:AJ$366,ROUNDDOWN($C4850/24,0)+1,1)*INDEX($D$3:$AA$30,INDEX(Jesper!$R$2:$R$366,ROW(INDEX(Jesper!AJ$2:AJ$366,ROUNDDOWN($C4850/24,0)+1,1))-1)+IF('Standard Profiles'!$G$20=$B$10,7,0)+IF('Standard Profiles'!$G$20=$B$17,14,0)+IF('Standard Profiles'!$G$20=$B$24,21,0),MOD($C4850,24)+1)/SUM(INDEX($D$3:$AA$30,INDEX(Jesper!$R$2:$R$366,ROW(INDEX(Jesper!AJ$2:AJ$366,ROUNDDOWN($C4850/24,0)+1,1))-1)+IF('Standard Profiles'!$G$20=$B$10,7,0)+IF('Standard Profiles'!$G$20=$B$17,14,0)+IF('Standard Profiles'!$G$20=$B$24,21,0),0)),0)</f>
        <v>0</v>
      </c>
      <c r="G4850" cm="1">
        <f t="array" ref="G4850">IFERROR(INDEX(Jesper!AK$2:AK$366,ROUNDDOWN($C4850/24,0)+1,1)*INDEX($D$3:$AA$30,INDEX(Jesper!$R$2:$R$366,ROW(INDEX(Jesper!AK$2:AK$366,ROUNDDOWN($C4850/24,0)+1,1))-1)+IF('Standard Profiles'!$G$21=$B$10,7,0)+IF('Standard Profiles'!$G$21=$B$17,14,0)+IF('Standard Profiles'!$G$21=$B$24,21,0),MOD($C4850,24)+1)/SUM(INDEX($D$3:$AA$30,INDEX(Jesper!$R$2:$R$366,ROW(INDEX(Jesper!AK$2:AK$366,ROUNDDOWN($C4850/24,0)+1,1))-1)+IF('Standard Profiles'!$G$21=$B$10,7,0)+IF('Standard Profiles'!$G$21=$B$17,14,0)+IF('Standard Profiles'!$G$21=$B$24,21,0),0)),0)</f>
        <v>0</v>
      </c>
      <c r="H4850" cm="1">
        <f t="array" ref="H4850">IFERROR(INDEX(Jesper!AL$2:AL$366,ROUNDDOWN($C4850/24,0)+1,1)*INDEX($D$3:$AA$30,INDEX(Jesper!$R$2:$R$366,ROW(INDEX(Jesper!AL$2:AL$366,ROUNDDOWN($C4850/24,0)+1,1))-1)+IF('Standard Profiles'!$G$22=$B$10,7,0)+IF('Standard Profiles'!$G$22=$B$17,14,0)+IF('Standard Profiles'!$G$22=$B$24,21,0),MOD($C4850,24)+1)/SUM(INDEX($D$3:$AA$30,INDEX(Jesper!$R$2:$R$366,ROW(INDEX(Jesper!AL$2:AL$366,ROUNDDOWN($C4850/24,0)+1,1))-1)+IF('Standard Profiles'!$G$22=$B$10,7,0)+IF('Standard Profiles'!$G$22=$B$17,14,0)+IF('Standard Profiles'!$G$22=$B$24,21,0),0)),0)</f>
        <v>0</v>
      </c>
      <c r="I4850">
        <f t="shared" si="545"/>
        <v>0.35982227389540961</v>
      </c>
      <c r="J4850">
        <f t="shared" si="546"/>
        <v>1.1994075796513655</v>
      </c>
      <c r="K4850">
        <f t="shared" si="547"/>
        <v>1.799111369477048</v>
      </c>
      <c r="L4850">
        <f t="shared" si="548"/>
        <v>8.635734573489831</v>
      </c>
      <c r="M4850">
        <f t="shared" si="549"/>
        <v>0</v>
      </c>
      <c r="N4850" s="46">
        <f t="shared" si="550"/>
        <v>45492.666666654986</v>
      </c>
    </row>
    <row r="4851" spans="2:14" x14ac:dyDescent="0.3">
      <c r="B4851">
        <f t="shared" si="544"/>
        <v>5</v>
      </c>
      <c r="C4851" s="16">
        <v>4817</v>
      </c>
      <c r="D4851" cm="1">
        <f t="array" ref="D4851">IFERROR(INDEX(Jesper!AH$2:AH$366,ROUNDDOWN($C4851/24,0)+1,1)*INDEX($D$3:$AA$30,INDEX(Jesper!$R$2:$R$366,ROW(INDEX(Jesper!AH$2:AH$366,ROUNDDOWN($C4851/24,0)+1,1))-1)+IF('Standard Profiles'!$G$18=$B$10,7,0)+IF('Standard Profiles'!$G$18=$B$17,14,0)+IF('Standard Profiles'!$G$18=$B$24,21,0),MOD($C4851,24)+1)/SUM(INDEX($D$3:$AA$30,INDEX(Jesper!$R$2:$R$366,ROW(INDEX(Jesper!AH$2:AH$366,ROUNDDOWN($C4851/24,0)+1,1))-1)+IF('Standard Profiles'!$G$18=$B$10,7,0)+IF('Standard Profiles'!$G$18=$B$17,14,0)+IF('Standard Profiles'!$G$18=$B$24,21,0),0)),0)</f>
        <v>11.994075796513654</v>
      </c>
      <c r="E4851" cm="1">
        <f t="array" ref="E4851">IFERROR(INDEX(Jesper!AI$2:AI$366,ROUNDDOWN($C4851/24,0)+1,1)*INDEX($D$3:$AA$30,INDEX(Jesper!$R$2:$R$366,ROW(INDEX(Jesper!AI$2:AI$366,ROUNDDOWN($C4851/24,0)+1,1))-1)+IF('Standard Profiles'!$G$19=$B$10,7,0)+IF('Standard Profiles'!$G$19=$B$17,14,0)+IF('Standard Profiles'!$G$19=$B$24,21,0),MOD($C4851,24)+1)/SUM(INDEX($D$3:$AA$30,INDEX(Jesper!$R$2:$R$366,ROW(INDEX(Jesper!AI$2:AI$366,ROUNDDOWN($C4851/24,0)+1,1))-1)+IF('Standard Profiles'!$G$19=$B$10,7,0)+IF('Standard Profiles'!$G$19=$B$17,14,0)+IF('Standard Profiles'!$G$19=$B$24,21,0),0)),0)</f>
        <v>0</v>
      </c>
      <c r="F4851" cm="1">
        <f t="array" ref="F4851">IFERROR(INDEX(Jesper!AJ$2:AJ$366,ROUNDDOWN($C4851/24,0)+1,1)*INDEX($D$3:$AA$30,INDEX(Jesper!$R$2:$R$366,ROW(INDEX(Jesper!AJ$2:AJ$366,ROUNDDOWN($C4851/24,0)+1,1))-1)+IF('Standard Profiles'!$G$20=$B$10,7,0)+IF('Standard Profiles'!$G$20=$B$17,14,0)+IF('Standard Profiles'!$G$20=$B$24,21,0),MOD($C4851,24)+1)/SUM(INDEX($D$3:$AA$30,INDEX(Jesper!$R$2:$R$366,ROW(INDEX(Jesper!AJ$2:AJ$366,ROUNDDOWN($C4851/24,0)+1,1))-1)+IF('Standard Profiles'!$G$20=$B$10,7,0)+IF('Standard Profiles'!$G$20=$B$17,14,0)+IF('Standard Profiles'!$G$20=$B$24,21,0),0)),0)</f>
        <v>0</v>
      </c>
      <c r="G4851" cm="1">
        <f t="array" ref="G4851">IFERROR(INDEX(Jesper!AK$2:AK$366,ROUNDDOWN($C4851/24,0)+1,1)*INDEX($D$3:$AA$30,INDEX(Jesper!$R$2:$R$366,ROW(INDEX(Jesper!AK$2:AK$366,ROUNDDOWN($C4851/24,0)+1,1))-1)+IF('Standard Profiles'!$G$21=$B$10,7,0)+IF('Standard Profiles'!$G$21=$B$17,14,0)+IF('Standard Profiles'!$G$21=$B$24,21,0),MOD($C4851,24)+1)/SUM(INDEX($D$3:$AA$30,INDEX(Jesper!$R$2:$R$366,ROW(INDEX(Jesper!AK$2:AK$366,ROUNDDOWN($C4851/24,0)+1,1))-1)+IF('Standard Profiles'!$G$21=$B$10,7,0)+IF('Standard Profiles'!$G$21=$B$17,14,0)+IF('Standard Profiles'!$G$21=$B$24,21,0),0)),0)</f>
        <v>0</v>
      </c>
      <c r="H4851" cm="1">
        <f t="array" ref="H4851">IFERROR(INDEX(Jesper!AL$2:AL$366,ROUNDDOWN($C4851/24,0)+1,1)*INDEX($D$3:$AA$30,INDEX(Jesper!$R$2:$R$366,ROW(INDEX(Jesper!AL$2:AL$366,ROUNDDOWN($C4851/24,0)+1,1))-1)+IF('Standard Profiles'!$G$22=$B$10,7,0)+IF('Standard Profiles'!$G$22=$B$17,14,0)+IF('Standard Profiles'!$G$22=$B$24,21,0),MOD($C4851,24)+1)/SUM(INDEX($D$3:$AA$30,INDEX(Jesper!$R$2:$R$366,ROW(INDEX(Jesper!AL$2:AL$366,ROUNDDOWN($C4851/24,0)+1,1))-1)+IF('Standard Profiles'!$G$22=$B$10,7,0)+IF('Standard Profiles'!$G$22=$B$17,14,0)+IF('Standard Profiles'!$G$22=$B$24,21,0),0)),0)</f>
        <v>0</v>
      </c>
      <c r="I4851">
        <f t="shared" si="545"/>
        <v>0.35982227389540961</v>
      </c>
      <c r="J4851">
        <f t="shared" si="546"/>
        <v>1.1994075796513655</v>
      </c>
      <c r="K4851">
        <f t="shared" si="547"/>
        <v>1.799111369477048</v>
      </c>
      <c r="L4851">
        <f t="shared" si="548"/>
        <v>8.635734573489831</v>
      </c>
      <c r="M4851">
        <f t="shared" si="549"/>
        <v>0</v>
      </c>
      <c r="N4851" s="46">
        <f t="shared" si="550"/>
        <v>45492.708333321651</v>
      </c>
    </row>
    <row r="4852" spans="2:14" x14ac:dyDescent="0.3">
      <c r="B4852">
        <f t="shared" si="544"/>
        <v>5</v>
      </c>
      <c r="C4852" s="16">
        <v>4818</v>
      </c>
      <c r="D4852" cm="1">
        <f t="array" ref="D4852">IFERROR(INDEX(Jesper!AH$2:AH$366,ROUNDDOWN($C4852/24,0)+1,1)*INDEX($D$3:$AA$30,INDEX(Jesper!$R$2:$R$366,ROW(INDEX(Jesper!AH$2:AH$366,ROUNDDOWN($C4852/24,0)+1,1))-1)+IF('Standard Profiles'!$G$18=$B$10,7,0)+IF('Standard Profiles'!$G$18=$B$17,14,0)+IF('Standard Profiles'!$G$18=$B$24,21,0),MOD($C4852,24)+1)/SUM(INDEX($D$3:$AA$30,INDEX(Jesper!$R$2:$R$366,ROW(INDEX(Jesper!AH$2:AH$366,ROUNDDOWN($C4852/24,0)+1,1))-1)+IF('Standard Profiles'!$G$18=$B$10,7,0)+IF('Standard Profiles'!$G$18=$B$17,14,0)+IF('Standard Profiles'!$G$18=$B$24,21,0),0)),0)</f>
        <v>11.994075796513654</v>
      </c>
      <c r="E4852" cm="1">
        <f t="array" ref="E4852">IFERROR(INDEX(Jesper!AI$2:AI$366,ROUNDDOWN($C4852/24,0)+1,1)*INDEX($D$3:$AA$30,INDEX(Jesper!$R$2:$R$366,ROW(INDEX(Jesper!AI$2:AI$366,ROUNDDOWN($C4852/24,0)+1,1))-1)+IF('Standard Profiles'!$G$19=$B$10,7,0)+IF('Standard Profiles'!$G$19=$B$17,14,0)+IF('Standard Profiles'!$G$19=$B$24,21,0),MOD($C4852,24)+1)/SUM(INDEX($D$3:$AA$30,INDEX(Jesper!$R$2:$R$366,ROW(INDEX(Jesper!AI$2:AI$366,ROUNDDOWN($C4852/24,0)+1,1))-1)+IF('Standard Profiles'!$G$19=$B$10,7,0)+IF('Standard Profiles'!$G$19=$B$17,14,0)+IF('Standard Profiles'!$G$19=$B$24,21,0),0)),0)</f>
        <v>0</v>
      </c>
      <c r="F4852" cm="1">
        <f t="array" ref="F4852">IFERROR(INDEX(Jesper!AJ$2:AJ$366,ROUNDDOWN($C4852/24,0)+1,1)*INDEX($D$3:$AA$30,INDEX(Jesper!$R$2:$R$366,ROW(INDEX(Jesper!AJ$2:AJ$366,ROUNDDOWN($C4852/24,0)+1,1))-1)+IF('Standard Profiles'!$G$20=$B$10,7,0)+IF('Standard Profiles'!$G$20=$B$17,14,0)+IF('Standard Profiles'!$G$20=$B$24,21,0),MOD($C4852,24)+1)/SUM(INDEX($D$3:$AA$30,INDEX(Jesper!$R$2:$R$366,ROW(INDEX(Jesper!AJ$2:AJ$366,ROUNDDOWN($C4852/24,0)+1,1))-1)+IF('Standard Profiles'!$G$20=$B$10,7,0)+IF('Standard Profiles'!$G$20=$B$17,14,0)+IF('Standard Profiles'!$G$20=$B$24,21,0),0)),0)</f>
        <v>0</v>
      </c>
      <c r="G4852" cm="1">
        <f t="array" ref="G4852">IFERROR(INDEX(Jesper!AK$2:AK$366,ROUNDDOWN($C4852/24,0)+1,1)*INDEX($D$3:$AA$30,INDEX(Jesper!$R$2:$R$366,ROW(INDEX(Jesper!AK$2:AK$366,ROUNDDOWN($C4852/24,0)+1,1))-1)+IF('Standard Profiles'!$G$21=$B$10,7,0)+IF('Standard Profiles'!$G$21=$B$17,14,0)+IF('Standard Profiles'!$G$21=$B$24,21,0),MOD($C4852,24)+1)/SUM(INDEX($D$3:$AA$30,INDEX(Jesper!$R$2:$R$366,ROW(INDEX(Jesper!AK$2:AK$366,ROUNDDOWN($C4852/24,0)+1,1))-1)+IF('Standard Profiles'!$G$21=$B$10,7,0)+IF('Standard Profiles'!$G$21=$B$17,14,0)+IF('Standard Profiles'!$G$21=$B$24,21,0),0)),0)</f>
        <v>0</v>
      </c>
      <c r="H4852" cm="1">
        <f t="array" ref="H4852">IFERROR(INDEX(Jesper!AL$2:AL$366,ROUNDDOWN($C4852/24,0)+1,1)*INDEX($D$3:$AA$30,INDEX(Jesper!$R$2:$R$366,ROW(INDEX(Jesper!AL$2:AL$366,ROUNDDOWN($C4852/24,0)+1,1))-1)+IF('Standard Profiles'!$G$22=$B$10,7,0)+IF('Standard Profiles'!$G$22=$B$17,14,0)+IF('Standard Profiles'!$G$22=$B$24,21,0),MOD($C4852,24)+1)/SUM(INDEX($D$3:$AA$30,INDEX(Jesper!$R$2:$R$366,ROW(INDEX(Jesper!AL$2:AL$366,ROUNDDOWN($C4852/24,0)+1,1))-1)+IF('Standard Profiles'!$G$22=$B$10,7,0)+IF('Standard Profiles'!$G$22=$B$17,14,0)+IF('Standard Profiles'!$G$22=$B$24,21,0),0)),0)</f>
        <v>0</v>
      </c>
      <c r="I4852">
        <f t="shared" si="545"/>
        <v>0.35982227389540961</v>
      </c>
      <c r="J4852">
        <f t="shared" si="546"/>
        <v>1.1994075796513655</v>
      </c>
      <c r="K4852">
        <f t="shared" si="547"/>
        <v>1.799111369477048</v>
      </c>
      <c r="L4852">
        <f t="shared" si="548"/>
        <v>8.635734573489831</v>
      </c>
      <c r="M4852">
        <f t="shared" si="549"/>
        <v>0</v>
      </c>
      <c r="N4852" s="46">
        <f t="shared" si="550"/>
        <v>45492.749999988315</v>
      </c>
    </row>
    <row r="4853" spans="2:14" x14ac:dyDescent="0.3">
      <c r="B4853">
        <f t="shared" si="544"/>
        <v>5</v>
      </c>
      <c r="C4853" s="16">
        <v>4819</v>
      </c>
      <c r="D4853" cm="1">
        <f t="array" ref="D4853">IFERROR(INDEX(Jesper!AH$2:AH$366,ROUNDDOWN($C4853/24,0)+1,1)*INDEX($D$3:$AA$30,INDEX(Jesper!$R$2:$R$366,ROW(INDEX(Jesper!AH$2:AH$366,ROUNDDOWN($C4853/24,0)+1,1))-1)+IF('Standard Profiles'!$G$18=$B$10,7,0)+IF('Standard Profiles'!$G$18=$B$17,14,0)+IF('Standard Profiles'!$G$18=$B$24,21,0),MOD($C4853,24)+1)/SUM(INDEX($D$3:$AA$30,INDEX(Jesper!$R$2:$R$366,ROW(INDEX(Jesper!AH$2:AH$366,ROUNDDOWN($C4853/24,0)+1,1))-1)+IF('Standard Profiles'!$G$18=$B$10,7,0)+IF('Standard Profiles'!$G$18=$B$17,14,0)+IF('Standard Profiles'!$G$18=$B$24,21,0),0)),0)</f>
        <v>11.994075796513654</v>
      </c>
      <c r="E4853" cm="1">
        <f t="array" ref="E4853">IFERROR(INDEX(Jesper!AI$2:AI$366,ROUNDDOWN($C4853/24,0)+1,1)*INDEX($D$3:$AA$30,INDEX(Jesper!$R$2:$R$366,ROW(INDEX(Jesper!AI$2:AI$366,ROUNDDOWN($C4853/24,0)+1,1))-1)+IF('Standard Profiles'!$G$19=$B$10,7,0)+IF('Standard Profiles'!$G$19=$B$17,14,0)+IF('Standard Profiles'!$G$19=$B$24,21,0),MOD($C4853,24)+1)/SUM(INDEX($D$3:$AA$30,INDEX(Jesper!$R$2:$R$366,ROW(INDEX(Jesper!AI$2:AI$366,ROUNDDOWN($C4853/24,0)+1,1))-1)+IF('Standard Profiles'!$G$19=$B$10,7,0)+IF('Standard Profiles'!$G$19=$B$17,14,0)+IF('Standard Profiles'!$G$19=$B$24,21,0),0)),0)</f>
        <v>0</v>
      </c>
      <c r="F4853" cm="1">
        <f t="array" ref="F4853">IFERROR(INDEX(Jesper!AJ$2:AJ$366,ROUNDDOWN($C4853/24,0)+1,1)*INDEX($D$3:$AA$30,INDEX(Jesper!$R$2:$R$366,ROW(INDEX(Jesper!AJ$2:AJ$366,ROUNDDOWN($C4853/24,0)+1,1))-1)+IF('Standard Profiles'!$G$20=$B$10,7,0)+IF('Standard Profiles'!$G$20=$B$17,14,0)+IF('Standard Profiles'!$G$20=$B$24,21,0),MOD($C4853,24)+1)/SUM(INDEX($D$3:$AA$30,INDEX(Jesper!$R$2:$R$366,ROW(INDEX(Jesper!AJ$2:AJ$366,ROUNDDOWN($C4853/24,0)+1,1))-1)+IF('Standard Profiles'!$G$20=$B$10,7,0)+IF('Standard Profiles'!$G$20=$B$17,14,0)+IF('Standard Profiles'!$G$20=$B$24,21,0),0)),0)</f>
        <v>0</v>
      </c>
      <c r="G4853" cm="1">
        <f t="array" ref="G4853">IFERROR(INDEX(Jesper!AK$2:AK$366,ROUNDDOWN($C4853/24,0)+1,1)*INDEX($D$3:$AA$30,INDEX(Jesper!$R$2:$R$366,ROW(INDEX(Jesper!AK$2:AK$366,ROUNDDOWN($C4853/24,0)+1,1))-1)+IF('Standard Profiles'!$G$21=$B$10,7,0)+IF('Standard Profiles'!$G$21=$B$17,14,0)+IF('Standard Profiles'!$G$21=$B$24,21,0),MOD($C4853,24)+1)/SUM(INDEX($D$3:$AA$30,INDEX(Jesper!$R$2:$R$366,ROW(INDEX(Jesper!AK$2:AK$366,ROUNDDOWN($C4853/24,0)+1,1))-1)+IF('Standard Profiles'!$G$21=$B$10,7,0)+IF('Standard Profiles'!$G$21=$B$17,14,0)+IF('Standard Profiles'!$G$21=$B$24,21,0),0)),0)</f>
        <v>0</v>
      </c>
      <c r="H4853" cm="1">
        <f t="array" ref="H4853">IFERROR(INDEX(Jesper!AL$2:AL$366,ROUNDDOWN($C4853/24,0)+1,1)*INDEX($D$3:$AA$30,INDEX(Jesper!$R$2:$R$366,ROW(INDEX(Jesper!AL$2:AL$366,ROUNDDOWN($C4853/24,0)+1,1))-1)+IF('Standard Profiles'!$G$22=$B$10,7,0)+IF('Standard Profiles'!$G$22=$B$17,14,0)+IF('Standard Profiles'!$G$22=$B$24,21,0),MOD($C4853,24)+1)/SUM(INDEX($D$3:$AA$30,INDEX(Jesper!$R$2:$R$366,ROW(INDEX(Jesper!AL$2:AL$366,ROUNDDOWN($C4853/24,0)+1,1))-1)+IF('Standard Profiles'!$G$22=$B$10,7,0)+IF('Standard Profiles'!$G$22=$B$17,14,0)+IF('Standard Profiles'!$G$22=$B$24,21,0),0)),0)</f>
        <v>0</v>
      </c>
      <c r="I4853">
        <f t="shared" si="545"/>
        <v>0.35982227389540961</v>
      </c>
      <c r="J4853">
        <f t="shared" si="546"/>
        <v>1.1994075796513655</v>
      </c>
      <c r="K4853">
        <f t="shared" si="547"/>
        <v>1.799111369477048</v>
      </c>
      <c r="L4853">
        <f t="shared" si="548"/>
        <v>8.635734573489831</v>
      </c>
      <c r="M4853">
        <f t="shared" si="549"/>
        <v>0</v>
      </c>
      <c r="N4853" s="46">
        <f t="shared" si="550"/>
        <v>45492.791666654979</v>
      </c>
    </row>
    <row r="4854" spans="2:14" x14ac:dyDescent="0.3">
      <c r="B4854">
        <f t="shared" si="544"/>
        <v>5</v>
      </c>
      <c r="C4854" s="16">
        <v>4820</v>
      </c>
      <c r="D4854" cm="1">
        <f t="array" ref="D4854">IFERROR(INDEX(Jesper!AH$2:AH$366,ROUNDDOWN($C4854/24,0)+1,1)*INDEX($D$3:$AA$30,INDEX(Jesper!$R$2:$R$366,ROW(INDEX(Jesper!AH$2:AH$366,ROUNDDOWN($C4854/24,0)+1,1))-1)+IF('Standard Profiles'!$G$18=$B$10,7,0)+IF('Standard Profiles'!$G$18=$B$17,14,0)+IF('Standard Profiles'!$G$18=$B$24,21,0),MOD($C4854,24)+1)/SUM(INDEX($D$3:$AA$30,INDEX(Jesper!$R$2:$R$366,ROW(INDEX(Jesper!AH$2:AH$366,ROUNDDOWN($C4854/24,0)+1,1))-1)+IF('Standard Profiles'!$G$18=$B$10,7,0)+IF('Standard Profiles'!$G$18=$B$17,14,0)+IF('Standard Profiles'!$G$18=$B$24,21,0),0)),0)</f>
        <v>9.2911854761725472</v>
      </c>
      <c r="E4854" cm="1">
        <f t="array" ref="E4854">IFERROR(INDEX(Jesper!AI$2:AI$366,ROUNDDOWN($C4854/24,0)+1,1)*INDEX($D$3:$AA$30,INDEX(Jesper!$R$2:$R$366,ROW(INDEX(Jesper!AI$2:AI$366,ROUNDDOWN($C4854/24,0)+1,1))-1)+IF('Standard Profiles'!$G$19=$B$10,7,0)+IF('Standard Profiles'!$G$19=$B$17,14,0)+IF('Standard Profiles'!$G$19=$B$24,21,0),MOD($C4854,24)+1)/SUM(INDEX($D$3:$AA$30,INDEX(Jesper!$R$2:$R$366,ROW(INDEX(Jesper!AI$2:AI$366,ROUNDDOWN($C4854/24,0)+1,1))-1)+IF('Standard Profiles'!$G$19=$B$10,7,0)+IF('Standard Profiles'!$G$19=$B$17,14,0)+IF('Standard Profiles'!$G$19=$B$24,21,0),0)),0)</f>
        <v>0</v>
      </c>
      <c r="F4854" cm="1">
        <f t="array" ref="F4854">IFERROR(INDEX(Jesper!AJ$2:AJ$366,ROUNDDOWN($C4854/24,0)+1,1)*INDEX($D$3:$AA$30,INDEX(Jesper!$R$2:$R$366,ROW(INDEX(Jesper!AJ$2:AJ$366,ROUNDDOWN($C4854/24,0)+1,1))-1)+IF('Standard Profiles'!$G$20=$B$10,7,0)+IF('Standard Profiles'!$G$20=$B$17,14,0)+IF('Standard Profiles'!$G$20=$B$24,21,0),MOD($C4854,24)+1)/SUM(INDEX($D$3:$AA$30,INDEX(Jesper!$R$2:$R$366,ROW(INDEX(Jesper!AJ$2:AJ$366,ROUNDDOWN($C4854/24,0)+1,1))-1)+IF('Standard Profiles'!$G$20=$B$10,7,0)+IF('Standard Profiles'!$G$20=$B$17,14,0)+IF('Standard Profiles'!$G$20=$B$24,21,0),0)),0)</f>
        <v>0</v>
      </c>
      <c r="G4854" cm="1">
        <f t="array" ref="G4854">IFERROR(INDEX(Jesper!AK$2:AK$366,ROUNDDOWN($C4854/24,0)+1,1)*INDEX($D$3:$AA$30,INDEX(Jesper!$R$2:$R$366,ROW(INDEX(Jesper!AK$2:AK$366,ROUNDDOWN($C4854/24,0)+1,1))-1)+IF('Standard Profiles'!$G$21=$B$10,7,0)+IF('Standard Profiles'!$G$21=$B$17,14,0)+IF('Standard Profiles'!$G$21=$B$24,21,0),MOD($C4854,24)+1)/SUM(INDEX($D$3:$AA$30,INDEX(Jesper!$R$2:$R$366,ROW(INDEX(Jesper!AK$2:AK$366,ROUNDDOWN($C4854/24,0)+1,1))-1)+IF('Standard Profiles'!$G$21=$B$10,7,0)+IF('Standard Profiles'!$G$21=$B$17,14,0)+IF('Standard Profiles'!$G$21=$B$24,21,0),0)),0)</f>
        <v>0</v>
      </c>
      <c r="H4854" cm="1">
        <f t="array" ref="H4854">IFERROR(INDEX(Jesper!AL$2:AL$366,ROUNDDOWN($C4854/24,0)+1,1)*INDEX($D$3:$AA$30,INDEX(Jesper!$R$2:$R$366,ROW(INDEX(Jesper!AL$2:AL$366,ROUNDDOWN($C4854/24,0)+1,1))-1)+IF('Standard Profiles'!$G$22=$B$10,7,0)+IF('Standard Profiles'!$G$22=$B$17,14,0)+IF('Standard Profiles'!$G$22=$B$24,21,0),MOD($C4854,24)+1)/SUM(INDEX($D$3:$AA$30,INDEX(Jesper!$R$2:$R$366,ROW(INDEX(Jesper!AL$2:AL$366,ROUNDDOWN($C4854/24,0)+1,1))-1)+IF('Standard Profiles'!$G$22=$B$10,7,0)+IF('Standard Profiles'!$G$22=$B$17,14,0)+IF('Standard Profiles'!$G$22=$B$24,21,0),0)),0)</f>
        <v>0</v>
      </c>
      <c r="I4854">
        <f t="shared" si="545"/>
        <v>0.27873556428517643</v>
      </c>
      <c r="J4854">
        <f t="shared" si="546"/>
        <v>0.92911854761725476</v>
      </c>
      <c r="K4854">
        <f t="shared" si="547"/>
        <v>1.393677821425882</v>
      </c>
      <c r="L4854">
        <f t="shared" si="548"/>
        <v>6.6896535428442334</v>
      </c>
      <c r="M4854">
        <f t="shared" si="549"/>
        <v>0</v>
      </c>
      <c r="N4854" s="46">
        <f t="shared" si="550"/>
        <v>45492.833333321643</v>
      </c>
    </row>
    <row r="4855" spans="2:14" x14ac:dyDescent="0.3">
      <c r="B4855">
        <f t="shared" si="544"/>
        <v>5</v>
      </c>
      <c r="C4855" s="16">
        <v>4821</v>
      </c>
      <c r="D4855" cm="1">
        <f t="array" ref="D4855">IFERROR(INDEX(Jesper!AH$2:AH$366,ROUNDDOWN($C4855/24,0)+1,1)*INDEX($D$3:$AA$30,INDEX(Jesper!$R$2:$R$366,ROW(INDEX(Jesper!AH$2:AH$366,ROUNDDOWN($C4855/24,0)+1,1))-1)+IF('Standard Profiles'!$G$18=$B$10,7,0)+IF('Standard Profiles'!$G$18=$B$17,14,0)+IF('Standard Profiles'!$G$18=$B$24,21,0),MOD($C4855,24)+1)/SUM(INDEX($D$3:$AA$30,INDEX(Jesper!$R$2:$R$366,ROW(INDEX(Jesper!AH$2:AH$366,ROUNDDOWN($C4855/24,0)+1,1))-1)+IF('Standard Profiles'!$G$18=$B$10,7,0)+IF('Standard Profiles'!$G$18=$B$17,14,0)+IF('Standard Profiles'!$G$18=$B$24,21,0),0)),0)</f>
        <v>3.5475435454477005</v>
      </c>
      <c r="E4855" cm="1">
        <f t="array" ref="E4855">IFERROR(INDEX(Jesper!AI$2:AI$366,ROUNDDOWN($C4855/24,0)+1,1)*INDEX($D$3:$AA$30,INDEX(Jesper!$R$2:$R$366,ROW(INDEX(Jesper!AI$2:AI$366,ROUNDDOWN($C4855/24,0)+1,1))-1)+IF('Standard Profiles'!$G$19=$B$10,7,0)+IF('Standard Profiles'!$G$19=$B$17,14,0)+IF('Standard Profiles'!$G$19=$B$24,21,0),MOD($C4855,24)+1)/SUM(INDEX($D$3:$AA$30,INDEX(Jesper!$R$2:$R$366,ROW(INDEX(Jesper!AI$2:AI$366,ROUNDDOWN($C4855/24,0)+1,1))-1)+IF('Standard Profiles'!$G$19=$B$10,7,0)+IF('Standard Profiles'!$G$19=$B$17,14,0)+IF('Standard Profiles'!$G$19=$B$24,21,0),0)),0)</f>
        <v>0</v>
      </c>
      <c r="F4855" cm="1">
        <f t="array" ref="F4855">IFERROR(INDEX(Jesper!AJ$2:AJ$366,ROUNDDOWN($C4855/24,0)+1,1)*INDEX($D$3:$AA$30,INDEX(Jesper!$R$2:$R$366,ROW(INDEX(Jesper!AJ$2:AJ$366,ROUNDDOWN($C4855/24,0)+1,1))-1)+IF('Standard Profiles'!$G$20=$B$10,7,0)+IF('Standard Profiles'!$G$20=$B$17,14,0)+IF('Standard Profiles'!$G$20=$B$24,21,0),MOD($C4855,24)+1)/SUM(INDEX($D$3:$AA$30,INDEX(Jesper!$R$2:$R$366,ROW(INDEX(Jesper!AJ$2:AJ$366,ROUNDDOWN($C4855/24,0)+1,1))-1)+IF('Standard Profiles'!$G$20=$B$10,7,0)+IF('Standard Profiles'!$G$20=$B$17,14,0)+IF('Standard Profiles'!$G$20=$B$24,21,0),0)),0)</f>
        <v>0</v>
      </c>
      <c r="G4855" cm="1">
        <f t="array" ref="G4855">IFERROR(INDEX(Jesper!AK$2:AK$366,ROUNDDOWN($C4855/24,0)+1,1)*INDEX($D$3:$AA$30,INDEX(Jesper!$R$2:$R$366,ROW(INDEX(Jesper!AK$2:AK$366,ROUNDDOWN($C4855/24,0)+1,1))-1)+IF('Standard Profiles'!$G$21=$B$10,7,0)+IF('Standard Profiles'!$G$21=$B$17,14,0)+IF('Standard Profiles'!$G$21=$B$24,21,0),MOD($C4855,24)+1)/SUM(INDEX($D$3:$AA$30,INDEX(Jesper!$R$2:$R$366,ROW(INDEX(Jesper!AK$2:AK$366,ROUNDDOWN($C4855/24,0)+1,1))-1)+IF('Standard Profiles'!$G$21=$B$10,7,0)+IF('Standard Profiles'!$G$21=$B$17,14,0)+IF('Standard Profiles'!$G$21=$B$24,21,0),0)),0)</f>
        <v>0</v>
      </c>
      <c r="H4855" cm="1">
        <f t="array" ref="H4855">IFERROR(INDEX(Jesper!AL$2:AL$366,ROUNDDOWN($C4855/24,0)+1,1)*INDEX($D$3:$AA$30,INDEX(Jesper!$R$2:$R$366,ROW(INDEX(Jesper!AL$2:AL$366,ROUNDDOWN($C4855/24,0)+1,1))-1)+IF('Standard Profiles'!$G$22=$B$10,7,0)+IF('Standard Profiles'!$G$22=$B$17,14,0)+IF('Standard Profiles'!$G$22=$B$24,21,0),MOD($C4855,24)+1)/SUM(INDEX($D$3:$AA$30,INDEX(Jesper!$R$2:$R$366,ROW(INDEX(Jesper!AL$2:AL$366,ROUNDDOWN($C4855/24,0)+1,1))-1)+IF('Standard Profiles'!$G$22=$B$10,7,0)+IF('Standard Profiles'!$G$22=$B$17,14,0)+IF('Standard Profiles'!$G$22=$B$24,21,0),0)),0)</f>
        <v>0</v>
      </c>
      <c r="I4855">
        <f t="shared" si="545"/>
        <v>0.10642630636343101</v>
      </c>
      <c r="J4855">
        <f t="shared" si="546"/>
        <v>0.35475435454477006</v>
      </c>
      <c r="K4855">
        <f t="shared" si="547"/>
        <v>0.532131531817155</v>
      </c>
      <c r="L4855">
        <f t="shared" si="548"/>
        <v>2.5542313527223444</v>
      </c>
      <c r="M4855">
        <f t="shared" si="549"/>
        <v>0</v>
      </c>
      <c r="N4855" s="46">
        <f t="shared" si="550"/>
        <v>45492.874999988308</v>
      </c>
    </row>
    <row r="4856" spans="2:14" x14ac:dyDescent="0.3">
      <c r="B4856">
        <f t="shared" si="544"/>
        <v>5</v>
      </c>
      <c r="C4856" s="16">
        <v>4822</v>
      </c>
      <c r="D4856" cm="1">
        <f t="array" ref="D4856">IFERROR(INDEX(Jesper!AH$2:AH$366,ROUNDDOWN($C4856/24,0)+1,1)*INDEX($D$3:$AA$30,INDEX(Jesper!$R$2:$R$366,ROW(INDEX(Jesper!AH$2:AH$366,ROUNDDOWN($C4856/24,0)+1,1))-1)+IF('Standard Profiles'!$G$18=$B$10,7,0)+IF('Standard Profiles'!$G$18=$B$17,14,0)+IF('Standard Profiles'!$G$18=$B$24,21,0),MOD($C4856,24)+1)/SUM(INDEX($D$3:$AA$30,INDEX(Jesper!$R$2:$R$366,ROW(INDEX(Jesper!AH$2:AH$366,ROUNDDOWN($C4856/24,0)+1,1))-1)+IF('Standard Profiles'!$G$18=$B$10,7,0)+IF('Standard Profiles'!$G$18=$B$17,14,0)+IF('Standard Profiles'!$G$18=$B$24,21,0),0)),0)</f>
        <v>3.5475435454477005</v>
      </c>
      <c r="E4856" cm="1">
        <f t="array" ref="E4856">IFERROR(INDEX(Jesper!AI$2:AI$366,ROUNDDOWN($C4856/24,0)+1,1)*INDEX($D$3:$AA$30,INDEX(Jesper!$R$2:$R$366,ROW(INDEX(Jesper!AI$2:AI$366,ROUNDDOWN($C4856/24,0)+1,1))-1)+IF('Standard Profiles'!$G$19=$B$10,7,0)+IF('Standard Profiles'!$G$19=$B$17,14,0)+IF('Standard Profiles'!$G$19=$B$24,21,0),MOD($C4856,24)+1)/SUM(INDEX($D$3:$AA$30,INDEX(Jesper!$R$2:$R$366,ROW(INDEX(Jesper!AI$2:AI$366,ROUNDDOWN($C4856/24,0)+1,1))-1)+IF('Standard Profiles'!$G$19=$B$10,7,0)+IF('Standard Profiles'!$G$19=$B$17,14,0)+IF('Standard Profiles'!$G$19=$B$24,21,0),0)),0)</f>
        <v>0</v>
      </c>
      <c r="F4856" cm="1">
        <f t="array" ref="F4856">IFERROR(INDEX(Jesper!AJ$2:AJ$366,ROUNDDOWN($C4856/24,0)+1,1)*INDEX($D$3:$AA$30,INDEX(Jesper!$R$2:$R$366,ROW(INDEX(Jesper!AJ$2:AJ$366,ROUNDDOWN($C4856/24,0)+1,1))-1)+IF('Standard Profiles'!$G$20=$B$10,7,0)+IF('Standard Profiles'!$G$20=$B$17,14,0)+IF('Standard Profiles'!$G$20=$B$24,21,0),MOD($C4856,24)+1)/SUM(INDEX($D$3:$AA$30,INDEX(Jesper!$R$2:$R$366,ROW(INDEX(Jesper!AJ$2:AJ$366,ROUNDDOWN($C4856/24,0)+1,1))-1)+IF('Standard Profiles'!$G$20=$B$10,7,0)+IF('Standard Profiles'!$G$20=$B$17,14,0)+IF('Standard Profiles'!$G$20=$B$24,21,0),0)),0)</f>
        <v>0</v>
      </c>
      <c r="G4856" cm="1">
        <f t="array" ref="G4856">IFERROR(INDEX(Jesper!AK$2:AK$366,ROUNDDOWN($C4856/24,0)+1,1)*INDEX($D$3:$AA$30,INDEX(Jesper!$R$2:$R$366,ROW(INDEX(Jesper!AK$2:AK$366,ROUNDDOWN($C4856/24,0)+1,1))-1)+IF('Standard Profiles'!$G$21=$B$10,7,0)+IF('Standard Profiles'!$G$21=$B$17,14,0)+IF('Standard Profiles'!$G$21=$B$24,21,0),MOD($C4856,24)+1)/SUM(INDEX($D$3:$AA$30,INDEX(Jesper!$R$2:$R$366,ROW(INDEX(Jesper!AK$2:AK$366,ROUNDDOWN($C4856/24,0)+1,1))-1)+IF('Standard Profiles'!$G$21=$B$10,7,0)+IF('Standard Profiles'!$G$21=$B$17,14,0)+IF('Standard Profiles'!$G$21=$B$24,21,0),0)),0)</f>
        <v>0</v>
      </c>
      <c r="H4856" cm="1">
        <f t="array" ref="H4856">IFERROR(INDEX(Jesper!AL$2:AL$366,ROUNDDOWN($C4856/24,0)+1,1)*INDEX($D$3:$AA$30,INDEX(Jesper!$R$2:$R$366,ROW(INDEX(Jesper!AL$2:AL$366,ROUNDDOWN($C4856/24,0)+1,1))-1)+IF('Standard Profiles'!$G$22=$B$10,7,0)+IF('Standard Profiles'!$G$22=$B$17,14,0)+IF('Standard Profiles'!$G$22=$B$24,21,0),MOD($C4856,24)+1)/SUM(INDEX($D$3:$AA$30,INDEX(Jesper!$R$2:$R$366,ROW(INDEX(Jesper!AL$2:AL$366,ROUNDDOWN($C4856/24,0)+1,1))-1)+IF('Standard Profiles'!$G$22=$B$10,7,0)+IF('Standard Profiles'!$G$22=$B$17,14,0)+IF('Standard Profiles'!$G$22=$B$24,21,0),0)),0)</f>
        <v>0</v>
      </c>
      <c r="I4856">
        <f t="shared" si="545"/>
        <v>0.10642630636343101</v>
      </c>
      <c r="J4856">
        <f t="shared" si="546"/>
        <v>0.35475435454477006</v>
      </c>
      <c r="K4856">
        <f t="shared" si="547"/>
        <v>0.532131531817155</v>
      </c>
      <c r="L4856">
        <f t="shared" si="548"/>
        <v>2.5542313527223444</v>
      </c>
      <c r="M4856">
        <f t="shared" si="549"/>
        <v>0</v>
      </c>
      <c r="N4856" s="46">
        <f t="shared" si="550"/>
        <v>45492.916666654972</v>
      </c>
    </row>
    <row r="4857" spans="2:14" x14ac:dyDescent="0.3">
      <c r="B4857">
        <f t="shared" si="544"/>
        <v>5</v>
      </c>
      <c r="C4857" s="16">
        <v>4823</v>
      </c>
      <c r="D4857" cm="1">
        <f t="array" ref="D4857">IFERROR(INDEX(Jesper!AH$2:AH$366,ROUNDDOWN($C4857/24,0)+1,1)*INDEX($D$3:$AA$30,INDEX(Jesper!$R$2:$R$366,ROW(INDEX(Jesper!AH$2:AH$366,ROUNDDOWN($C4857/24,0)+1,1))-1)+IF('Standard Profiles'!$G$18=$B$10,7,0)+IF('Standard Profiles'!$G$18=$B$17,14,0)+IF('Standard Profiles'!$G$18=$B$24,21,0),MOD($C4857,24)+1)/SUM(INDEX($D$3:$AA$30,INDEX(Jesper!$R$2:$R$366,ROW(INDEX(Jesper!AH$2:AH$366,ROUNDDOWN($C4857/24,0)+1,1))-1)+IF('Standard Profiles'!$G$18=$B$10,7,0)+IF('Standard Profiles'!$G$18=$B$17,14,0)+IF('Standard Profiles'!$G$18=$B$24,21,0),0)),0)</f>
        <v>3.5475435454477005</v>
      </c>
      <c r="E4857" cm="1">
        <f t="array" ref="E4857">IFERROR(INDEX(Jesper!AI$2:AI$366,ROUNDDOWN($C4857/24,0)+1,1)*INDEX($D$3:$AA$30,INDEX(Jesper!$R$2:$R$366,ROW(INDEX(Jesper!AI$2:AI$366,ROUNDDOWN($C4857/24,0)+1,1))-1)+IF('Standard Profiles'!$G$19=$B$10,7,0)+IF('Standard Profiles'!$G$19=$B$17,14,0)+IF('Standard Profiles'!$G$19=$B$24,21,0),MOD($C4857,24)+1)/SUM(INDEX($D$3:$AA$30,INDEX(Jesper!$R$2:$R$366,ROW(INDEX(Jesper!AI$2:AI$366,ROUNDDOWN($C4857/24,0)+1,1))-1)+IF('Standard Profiles'!$G$19=$B$10,7,0)+IF('Standard Profiles'!$G$19=$B$17,14,0)+IF('Standard Profiles'!$G$19=$B$24,21,0),0)),0)</f>
        <v>0</v>
      </c>
      <c r="F4857" cm="1">
        <f t="array" ref="F4857">IFERROR(INDEX(Jesper!AJ$2:AJ$366,ROUNDDOWN($C4857/24,0)+1,1)*INDEX($D$3:$AA$30,INDEX(Jesper!$R$2:$R$366,ROW(INDEX(Jesper!AJ$2:AJ$366,ROUNDDOWN($C4857/24,0)+1,1))-1)+IF('Standard Profiles'!$G$20=$B$10,7,0)+IF('Standard Profiles'!$G$20=$B$17,14,0)+IF('Standard Profiles'!$G$20=$B$24,21,0),MOD($C4857,24)+1)/SUM(INDEX($D$3:$AA$30,INDEX(Jesper!$R$2:$R$366,ROW(INDEX(Jesper!AJ$2:AJ$366,ROUNDDOWN($C4857/24,0)+1,1))-1)+IF('Standard Profiles'!$G$20=$B$10,7,0)+IF('Standard Profiles'!$G$20=$B$17,14,0)+IF('Standard Profiles'!$G$20=$B$24,21,0),0)),0)</f>
        <v>0</v>
      </c>
      <c r="G4857" cm="1">
        <f t="array" ref="G4857">IFERROR(INDEX(Jesper!AK$2:AK$366,ROUNDDOWN($C4857/24,0)+1,1)*INDEX($D$3:$AA$30,INDEX(Jesper!$R$2:$R$366,ROW(INDEX(Jesper!AK$2:AK$366,ROUNDDOWN($C4857/24,0)+1,1))-1)+IF('Standard Profiles'!$G$21=$B$10,7,0)+IF('Standard Profiles'!$G$21=$B$17,14,0)+IF('Standard Profiles'!$G$21=$B$24,21,0),MOD($C4857,24)+1)/SUM(INDEX($D$3:$AA$30,INDEX(Jesper!$R$2:$R$366,ROW(INDEX(Jesper!AK$2:AK$366,ROUNDDOWN($C4857/24,0)+1,1))-1)+IF('Standard Profiles'!$G$21=$B$10,7,0)+IF('Standard Profiles'!$G$21=$B$17,14,0)+IF('Standard Profiles'!$G$21=$B$24,21,0),0)),0)</f>
        <v>0</v>
      </c>
      <c r="H4857" cm="1">
        <f t="array" ref="H4857">IFERROR(INDEX(Jesper!AL$2:AL$366,ROUNDDOWN($C4857/24,0)+1,1)*INDEX($D$3:$AA$30,INDEX(Jesper!$R$2:$R$366,ROW(INDEX(Jesper!AL$2:AL$366,ROUNDDOWN($C4857/24,0)+1,1))-1)+IF('Standard Profiles'!$G$22=$B$10,7,0)+IF('Standard Profiles'!$G$22=$B$17,14,0)+IF('Standard Profiles'!$G$22=$B$24,21,0),MOD($C4857,24)+1)/SUM(INDEX($D$3:$AA$30,INDEX(Jesper!$R$2:$R$366,ROW(INDEX(Jesper!AL$2:AL$366,ROUNDDOWN($C4857/24,0)+1,1))-1)+IF('Standard Profiles'!$G$22=$B$10,7,0)+IF('Standard Profiles'!$G$22=$B$17,14,0)+IF('Standard Profiles'!$G$22=$B$24,21,0),0)),0)</f>
        <v>0</v>
      </c>
      <c r="I4857">
        <f t="shared" si="545"/>
        <v>0.10642630636343101</v>
      </c>
      <c r="J4857">
        <f t="shared" si="546"/>
        <v>0.35475435454477006</v>
      </c>
      <c r="K4857">
        <f t="shared" si="547"/>
        <v>0.532131531817155</v>
      </c>
      <c r="L4857">
        <f t="shared" si="548"/>
        <v>2.5542313527223444</v>
      </c>
      <c r="M4857">
        <f t="shared" si="549"/>
        <v>0</v>
      </c>
      <c r="N4857" s="46">
        <f t="shared" si="550"/>
        <v>45492.958333321636</v>
      </c>
    </row>
    <row r="4858" spans="2:14" x14ac:dyDescent="0.3">
      <c r="B4858">
        <f t="shared" si="544"/>
        <v>6</v>
      </c>
      <c r="C4858" s="16">
        <v>4824</v>
      </c>
      <c r="D4858" cm="1">
        <f t="array" ref="D4858">IFERROR(INDEX(Jesper!AH$2:AH$366,ROUNDDOWN($C4858/24,0)+1,1)*INDEX($D$3:$AA$30,INDEX(Jesper!$R$2:$R$366,ROW(INDEX(Jesper!AH$2:AH$366,ROUNDDOWN($C4858/24,0)+1,1))-1)+IF('Standard Profiles'!$G$18=$B$10,7,0)+IF('Standard Profiles'!$G$18=$B$17,14,0)+IF('Standard Profiles'!$G$18=$B$24,21,0),MOD($C4858,24)+1)/SUM(INDEX($D$3:$AA$30,INDEX(Jesper!$R$2:$R$366,ROW(INDEX(Jesper!AH$2:AH$366,ROUNDDOWN($C4858/24,0)+1,1))-1)+IF('Standard Profiles'!$G$18=$B$10,7,0)+IF('Standard Profiles'!$G$18=$B$17,14,0)+IF('Standard Profiles'!$G$18=$B$24,21,0),0)),0)</f>
        <v>3.4920283630661735</v>
      </c>
      <c r="E4858" cm="1">
        <f t="array" ref="E4858">IFERROR(INDEX(Jesper!AI$2:AI$366,ROUNDDOWN($C4858/24,0)+1,1)*INDEX($D$3:$AA$30,INDEX(Jesper!$R$2:$R$366,ROW(INDEX(Jesper!AI$2:AI$366,ROUNDDOWN($C4858/24,0)+1,1))-1)+IF('Standard Profiles'!$G$19=$B$10,7,0)+IF('Standard Profiles'!$G$19=$B$17,14,0)+IF('Standard Profiles'!$G$19=$B$24,21,0),MOD($C4858,24)+1)/SUM(INDEX($D$3:$AA$30,INDEX(Jesper!$R$2:$R$366,ROW(INDEX(Jesper!AI$2:AI$366,ROUNDDOWN($C4858/24,0)+1,1))-1)+IF('Standard Profiles'!$G$19=$B$10,7,0)+IF('Standard Profiles'!$G$19=$B$17,14,0)+IF('Standard Profiles'!$G$19=$B$24,21,0),0)),0)</f>
        <v>0.557836970667138</v>
      </c>
      <c r="F4858" cm="1">
        <f t="array" ref="F4858">IFERROR(INDEX(Jesper!AJ$2:AJ$366,ROUNDDOWN($C4858/24,0)+1,1)*INDEX($D$3:$AA$30,INDEX(Jesper!$R$2:$R$366,ROW(INDEX(Jesper!AJ$2:AJ$366,ROUNDDOWN($C4858/24,0)+1,1))-1)+IF('Standard Profiles'!$G$20=$B$10,7,0)+IF('Standard Profiles'!$G$20=$B$17,14,0)+IF('Standard Profiles'!$G$20=$B$24,21,0),MOD($C4858,24)+1)/SUM(INDEX($D$3:$AA$30,INDEX(Jesper!$R$2:$R$366,ROW(INDEX(Jesper!AJ$2:AJ$366,ROUNDDOWN($C4858/24,0)+1,1))-1)+IF('Standard Profiles'!$G$20=$B$10,7,0)+IF('Standard Profiles'!$G$20=$B$17,14,0)+IF('Standard Profiles'!$G$20=$B$24,21,0),0)),0)</f>
        <v>0</v>
      </c>
      <c r="G4858" cm="1">
        <f t="array" ref="G4858">IFERROR(INDEX(Jesper!AK$2:AK$366,ROUNDDOWN($C4858/24,0)+1,1)*INDEX($D$3:$AA$30,INDEX(Jesper!$R$2:$R$366,ROW(INDEX(Jesper!AK$2:AK$366,ROUNDDOWN($C4858/24,0)+1,1))-1)+IF('Standard Profiles'!$G$21=$B$10,7,0)+IF('Standard Profiles'!$G$21=$B$17,14,0)+IF('Standard Profiles'!$G$21=$B$24,21,0),MOD($C4858,24)+1)/SUM(INDEX($D$3:$AA$30,INDEX(Jesper!$R$2:$R$366,ROW(INDEX(Jesper!AK$2:AK$366,ROUNDDOWN($C4858/24,0)+1,1))-1)+IF('Standard Profiles'!$G$21=$B$10,7,0)+IF('Standard Profiles'!$G$21=$B$17,14,0)+IF('Standard Profiles'!$G$21=$B$24,21,0),0)),0)</f>
        <v>0</v>
      </c>
      <c r="H4858" cm="1">
        <f t="array" ref="H4858">IFERROR(INDEX(Jesper!AL$2:AL$366,ROUNDDOWN($C4858/24,0)+1,1)*INDEX($D$3:$AA$30,INDEX(Jesper!$R$2:$R$366,ROW(INDEX(Jesper!AL$2:AL$366,ROUNDDOWN($C4858/24,0)+1,1))-1)+IF('Standard Profiles'!$G$22=$B$10,7,0)+IF('Standard Profiles'!$G$22=$B$17,14,0)+IF('Standard Profiles'!$G$22=$B$24,21,0),MOD($C4858,24)+1)/SUM(INDEX($D$3:$AA$30,INDEX(Jesper!$R$2:$R$366,ROW(INDEX(Jesper!AL$2:AL$366,ROUNDDOWN($C4858/24,0)+1,1))-1)+IF('Standard Profiles'!$G$22=$B$10,7,0)+IF('Standard Profiles'!$G$22=$B$17,14,0)+IF('Standard Profiles'!$G$22=$B$24,21,0),0)),0)</f>
        <v>0</v>
      </c>
      <c r="I4858">
        <f t="shared" si="545"/>
        <v>5.0255582942985419E-2</v>
      </c>
      <c r="J4858">
        <f t="shared" si="546"/>
        <v>0.16751860980995142</v>
      </c>
      <c r="K4858">
        <f t="shared" si="547"/>
        <v>0.25127791471492711</v>
      </c>
      <c r="L4858">
        <f t="shared" si="548"/>
        <v>3.5808132262654477</v>
      </c>
      <c r="M4858">
        <f t="shared" si="549"/>
        <v>0</v>
      </c>
      <c r="N4858" s="46">
        <f t="shared" si="550"/>
        <v>45492.9999999883</v>
      </c>
    </row>
    <row r="4859" spans="2:14" x14ac:dyDescent="0.3">
      <c r="B4859">
        <f t="shared" si="544"/>
        <v>6</v>
      </c>
      <c r="C4859" s="16">
        <v>4825</v>
      </c>
      <c r="D4859" cm="1">
        <f t="array" ref="D4859">IFERROR(INDEX(Jesper!AH$2:AH$366,ROUNDDOWN($C4859/24,0)+1,1)*INDEX($D$3:$AA$30,INDEX(Jesper!$R$2:$R$366,ROW(INDEX(Jesper!AH$2:AH$366,ROUNDDOWN($C4859/24,0)+1,1))-1)+IF('Standard Profiles'!$G$18=$B$10,7,0)+IF('Standard Profiles'!$G$18=$B$17,14,0)+IF('Standard Profiles'!$G$18=$B$24,21,0),MOD($C4859,24)+1)/SUM(INDEX($D$3:$AA$30,INDEX(Jesper!$R$2:$R$366,ROW(INDEX(Jesper!AH$2:AH$366,ROUNDDOWN($C4859/24,0)+1,1))-1)+IF('Standard Profiles'!$G$18=$B$10,7,0)+IF('Standard Profiles'!$G$18=$B$17,14,0)+IF('Standard Profiles'!$G$18=$B$24,21,0),0)),0)</f>
        <v>6.8177696612244345</v>
      </c>
      <c r="E4859" cm="1">
        <f t="array" ref="E4859">IFERROR(INDEX(Jesper!AI$2:AI$366,ROUNDDOWN($C4859/24,0)+1,1)*INDEX($D$3:$AA$30,INDEX(Jesper!$R$2:$R$366,ROW(INDEX(Jesper!AI$2:AI$366,ROUNDDOWN($C4859/24,0)+1,1))-1)+IF('Standard Profiles'!$G$19=$B$10,7,0)+IF('Standard Profiles'!$G$19=$B$17,14,0)+IF('Standard Profiles'!$G$19=$B$24,21,0),MOD($C4859,24)+1)/SUM(INDEX($D$3:$AA$30,INDEX(Jesper!$R$2:$R$366,ROW(INDEX(Jesper!AI$2:AI$366,ROUNDDOWN($C4859/24,0)+1,1))-1)+IF('Standard Profiles'!$G$19=$B$10,7,0)+IF('Standard Profiles'!$G$19=$B$17,14,0)+IF('Standard Profiles'!$G$19=$B$24,21,0),0)),0)</f>
        <v>1.0891102760644127</v>
      </c>
      <c r="F4859" cm="1">
        <f t="array" ref="F4859">IFERROR(INDEX(Jesper!AJ$2:AJ$366,ROUNDDOWN($C4859/24,0)+1,1)*INDEX($D$3:$AA$30,INDEX(Jesper!$R$2:$R$366,ROW(INDEX(Jesper!AJ$2:AJ$366,ROUNDDOWN($C4859/24,0)+1,1))-1)+IF('Standard Profiles'!$G$20=$B$10,7,0)+IF('Standard Profiles'!$G$20=$B$17,14,0)+IF('Standard Profiles'!$G$20=$B$24,21,0),MOD($C4859,24)+1)/SUM(INDEX($D$3:$AA$30,INDEX(Jesper!$R$2:$R$366,ROW(INDEX(Jesper!AJ$2:AJ$366,ROUNDDOWN($C4859/24,0)+1,1))-1)+IF('Standard Profiles'!$G$20=$B$10,7,0)+IF('Standard Profiles'!$G$20=$B$17,14,0)+IF('Standard Profiles'!$G$20=$B$24,21,0),0)),0)</f>
        <v>0</v>
      </c>
      <c r="G4859" cm="1">
        <f t="array" ref="G4859">IFERROR(INDEX(Jesper!AK$2:AK$366,ROUNDDOWN($C4859/24,0)+1,1)*INDEX($D$3:$AA$30,INDEX(Jesper!$R$2:$R$366,ROW(INDEX(Jesper!AK$2:AK$366,ROUNDDOWN($C4859/24,0)+1,1))-1)+IF('Standard Profiles'!$G$21=$B$10,7,0)+IF('Standard Profiles'!$G$21=$B$17,14,0)+IF('Standard Profiles'!$G$21=$B$24,21,0),MOD($C4859,24)+1)/SUM(INDEX($D$3:$AA$30,INDEX(Jesper!$R$2:$R$366,ROW(INDEX(Jesper!AK$2:AK$366,ROUNDDOWN($C4859/24,0)+1,1))-1)+IF('Standard Profiles'!$G$21=$B$10,7,0)+IF('Standard Profiles'!$G$21=$B$17,14,0)+IF('Standard Profiles'!$G$21=$B$24,21,0),0)),0)</f>
        <v>0</v>
      </c>
      <c r="H4859" cm="1">
        <f t="array" ref="H4859">IFERROR(INDEX(Jesper!AL$2:AL$366,ROUNDDOWN($C4859/24,0)+1,1)*INDEX($D$3:$AA$30,INDEX(Jesper!$R$2:$R$366,ROW(INDEX(Jesper!AL$2:AL$366,ROUNDDOWN($C4859/24,0)+1,1))-1)+IF('Standard Profiles'!$G$22=$B$10,7,0)+IF('Standard Profiles'!$G$22=$B$17,14,0)+IF('Standard Profiles'!$G$22=$B$24,21,0),MOD($C4859,24)+1)/SUM(INDEX($D$3:$AA$30,INDEX(Jesper!$R$2:$R$366,ROW(INDEX(Jesper!AL$2:AL$366,ROUNDDOWN($C4859/24,0)+1,1))-1)+IF('Standard Profiles'!$G$22=$B$10,7,0)+IF('Standard Profiles'!$G$22=$B$17,14,0)+IF('Standard Profiles'!$G$22=$B$24,21,0),0)),0)</f>
        <v>0</v>
      </c>
      <c r="I4859">
        <f t="shared" si="545"/>
        <v>9.811804288868585E-2</v>
      </c>
      <c r="J4859">
        <f t="shared" si="546"/>
        <v>0.32706014296228619</v>
      </c>
      <c r="K4859">
        <f t="shared" si="547"/>
        <v>0.49059021444342932</v>
      </c>
      <c r="L4859">
        <f t="shared" si="548"/>
        <v>6.9911115369944454</v>
      </c>
      <c r="M4859">
        <f t="shared" si="549"/>
        <v>0</v>
      </c>
      <c r="N4859" s="46">
        <f t="shared" si="550"/>
        <v>45493.041666654965</v>
      </c>
    </row>
    <row r="4860" spans="2:14" x14ac:dyDescent="0.3">
      <c r="B4860">
        <f t="shared" si="544"/>
        <v>6</v>
      </c>
      <c r="C4860" s="16">
        <v>4826</v>
      </c>
      <c r="D4860" cm="1">
        <f t="array" ref="D4860">IFERROR(INDEX(Jesper!AH$2:AH$366,ROUNDDOWN($C4860/24,0)+1,1)*INDEX($D$3:$AA$30,INDEX(Jesper!$R$2:$R$366,ROW(INDEX(Jesper!AH$2:AH$366,ROUNDDOWN($C4860/24,0)+1,1))-1)+IF('Standard Profiles'!$G$18=$B$10,7,0)+IF('Standard Profiles'!$G$18=$B$17,14,0)+IF('Standard Profiles'!$G$18=$B$24,21,0),MOD($C4860,24)+1)/SUM(INDEX($D$3:$AA$30,INDEX(Jesper!$R$2:$R$366,ROW(INDEX(Jesper!AH$2:AH$366,ROUNDDOWN($C4860/24,0)+1,1))-1)+IF('Standard Profiles'!$G$18=$B$10,7,0)+IF('Standard Profiles'!$G$18=$B$17,14,0)+IF('Standard Profiles'!$G$18=$B$24,21,0),0)),0)</f>
        <v>6.8177696612244345</v>
      </c>
      <c r="E4860" cm="1">
        <f t="array" ref="E4860">IFERROR(INDEX(Jesper!AI$2:AI$366,ROUNDDOWN($C4860/24,0)+1,1)*INDEX($D$3:$AA$30,INDEX(Jesper!$R$2:$R$366,ROW(INDEX(Jesper!AI$2:AI$366,ROUNDDOWN($C4860/24,0)+1,1))-1)+IF('Standard Profiles'!$G$19=$B$10,7,0)+IF('Standard Profiles'!$G$19=$B$17,14,0)+IF('Standard Profiles'!$G$19=$B$24,21,0),MOD($C4860,24)+1)/SUM(INDEX($D$3:$AA$30,INDEX(Jesper!$R$2:$R$366,ROW(INDEX(Jesper!AI$2:AI$366,ROUNDDOWN($C4860/24,0)+1,1))-1)+IF('Standard Profiles'!$G$19=$B$10,7,0)+IF('Standard Profiles'!$G$19=$B$17,14,0)+IF('Standard Profiles'!$G$19=$B$24,21,0),0)),0)</f>
        <v>1.0891102760644127</v>
      </c>
      <c r="F4860" cm="1">
        <f t="array" ref="F4860">IFERROR(INDEX(Jesper!AJ$2:AJ$366,ROUNDDOWN($C4860/24,0)+1,1)*INDEX($D$3:$AA$30,INDEX(Jesper!$R$2:$R$366,ROW(INDEX(Jesper!AJ$2:AJ$366,ROUNDDOWN($C4860/24,0)+1,1))-1)+IF('Standard Profiles'!$G$20=$B$10,7,0)+IF('Standard Profiles'!$G$20=$B$17,14,0)+IF('Standard Profiles'!$G$20=$B$24,21,0),MOD($C4860,24)+1)/SUM(INDEX($D$3:$AA$30,INDEX(Jesper!$R$2:$R$366,ROW(INDEX(Jesper!AJ$2:AJ$366,ROUNDDOWN($C4860/24,0)+1,1))-1)+IF('Standard Profiles'!$G$20=$B$10,7,0)+IF('Standard Profiles'!$G$20=$B$17,14,0)+IF('Standard Profiles'!$G$20=$B$24,21,0),0)),0)</f>
        <v>0</v>
      </c>
      <c r="G4860" cm="1">
        <f t="array" ref="G4860">IFERROR(INDEX(Jesper!AK$2:AK$366,ROUNDDOWN($C4860/24,0)+1,1)*INDEX($D$3:$AA$30,INDEX(Jesper!$R$2:$R$366,ROW(INDEX(Jesper!AK$2:AK$366,ROUNDDOWN($C4860/24,0)+1,1))-1)+IF('Standard Profiles'!$G$21=$B$10,7,0)+IF('Standard Profiles'!$G$21=$B$17,14,0)+IF('Standard Profiles'!$G$21=$B$24,21,0),MOD($C4860,24)+1)/SUM(INDEX($D$3:$AA$30,INDEX(Jesper!$R$2:$R$366,ROW(INDEX(Jesper!AK$2:AK$366,ROUNDDOWN($C4860/24,0)+1,1))-1)+IF('Standard Profiles'!$G$21=$B$10,7,0)+IF('Standard Profiles'!$G$21=$B$17,14,0)+IF('Standard Profiles'!$G$21=$B$24,21,0),0)),0)</f>
        <v>0</v>
      </c>
      <c r="H4860" cm="1">
        <f t="array" ref="H4860">IFERROR(INDEX(Jesper!AL$2:AL$366,ROUNDDOWN($C4860/24,0)+1,1)*INDEX($D$3:$AA$30,INDEX(Jesper!$R$2:$R$366,ROW(INDEX(Jesper!AL$2:AL$366,ROUNDDOWN($C4860/24,0)+1,1))-1)+IF('Standard Profiles'!$G$22=$B$10,7,0)+IF('Standard Profiles'!$G$22=$B$17,14,0)+IF('Standard Profiles'!$G$22=$B$24,21,0),MOD($C4860,24)+1)/SUM(INDEX($D$3:$AA$30,INDEX(Jesper!$R$2:$R$366,ROW(INDEX(Jesper!AL$2:AL$366,ROUNDDOWN($C4860/24,0)+1,1))-1)+IF('Standard Profiles'!$G$22=$B$10,7,0)+IF('Standard Profiles'!$G$22=$B$17,14,0)+IF('Standard Profiles'!$G$22=$B$24,21,0),0)),0)</f>
        <v>0</v>
      </c>
      <c r="I4860">
        <f t="shared" si="545"/>
        <v>9.811804288868585E-2</v>
      </c>
      <c r="J4860">
        <f t="shared" si="546"/>
        <v>0.32706014296228619</v>
      </c>
      <c r="K4860">
        <f t="shared" si="547"/>
        <v>0.49059021444342932</v>
      </c>
      <c r="L4860">
        <f t="shared" si="548"/>
        <v>6.9911115369944454</v>
      </c>
      <c r="M4860">
        <f t="shared" si="549"/>
        <v>0</v>
      </c>
      <c r="N4860" s="46">
        <f t="shared" si="550"/>
        <v>45493.083333321629</v>
      </c>
    </row>
    <row r="4861" spans="2:14" x14ac:dyDescent="0.3">
      <c r="B4861">
        <f t="shared" si="544"/>
        <v>6</v>
      </c>
      <c r="C4861" s="16">
        <v>4827</v>
      </c>
      <c r="D4861" cm="1">
        <f t="array" ref="D4861">IFERROR(INDEX(Jesper!AH$2:AH$366,ROUNDDOWN($C4861/24,0)+1,1)*INDEX($D$3:$AA$30,INDEX(Jesper!$R$2:$R$366,ROW(INDEX(Jesper!AH$2:AH$366,ROUNDDOWN($C4861/24,0)+1,1))-1)+IF('Standard Profiles'!$G$18=$B$10,7,0)+IF('Standard Profiles'!$G$18=$B$17,14,0)+IF('Standard Profiles'!$G$18=$B$24,21,0),MOD($C4861,24)+1)/SUM(INDEX($D$3:$AA$30,INDEX(Jesper!$R$2:$R$366,ROW(INDEX(Jesper!AH$2:AH$366,ROUNDDOWN($C4861/24,0)+1,1))-1)+IF('Standard Profiles'!$G$18=$B$10,7,0)+IF('Standard Profiles'!$G$18=$B$17,14,0)+IF('Standard Profiles'!$G$18=$B$24,21,0),0)),0)</f>
        <v>6.8177696612244345</v>
      </c>
      <c r="E4861" cm="1">
        <f t="array" ref="E4861">IFERROR(INDEX(Jesper!AI$2:AI$366,ROUNDDOWN($C4861/24,0)+1,1)*INDEX($D$3:$AA$30,INDEX(Jesper!$R$2:$R$366,ROW(INDEX(Jesper!AI$2:AI$366,ROUNDDOWN($C4861/24,0)+1,1))-1)+IF('Standard Profiles'!$G$19=$B$10,7,0)+IF('Standard Profiles'!$G$19=$B$17,14,0)+IF('Standard Profiles'!$G$19=$B$24,21,0),MOD($C4861,24)+1)/SUM(INDEX($D$3:$AA$30,INDEX(Jesper!$R$2:$R$366,ROW(INDEX(Jesper!AI$2:AI$366,ROUNDDOWN($C4861/24,0)+1,1))-1)+IF('Standard Profiles'!$G$19=$B$10,7,0)+IF('Standard Profiles'!$G$19=$B$17,14,0)+IF('Standard Profiles'!$G$19=$B$24,21,0),0)),0)</f>
        <v>1.0891102760644127</v>
      </c>
      <c r="F4861" cm="1">
        <f t="array" ref="F4861">IFERROR(INDEX(Jesper!AJ$2:AJ$366,ROUNDDOWN($C4861/24,0)+1,1)*INDEX($D$3:$AA$30,INDEX(Jesper!$R$2:$R$366,ROW(INDEX(Jesper!AJ$2:AJ$366,ROUNDDOWN($C4861/24,0)+1,1))-1)+IF('Standard Profiles'!$G$20=$B$10,7,0)+IF('Standard Profiles'!$G$20=$B$17,14,0)+IF('Standard Profiles'!$G$20=$B$24,21,0),MOD($C4861,24)+1)/SUM(INDEX($D$3:$AA$30,INDEX(Jesper!$R$2:$R$366,ROW(INDEX(Jesper!AJ$2:AJ$366,ROUNDDOWN($C4861/24,0)+1,1))-1)+IF('Standard Profiles'!$G$20=$B$10,7,0)+IF('Standard Profiles'!$G$20=$B$17,14,0)+IF('Standard Profiles'!$G$20=$B$24,21,0),0)),0)</f>
        <v>0</v>
      </c>
      <c r="G4861" cm="1">
        <f t="array" ref="G4861">IFERROR(INDEX(Jesper!AK$2:AK$366,ROUNDDOWN($C4861/24,0)+1,1)*INDEX($D$3:$AA$30,INDEX(Jesper!$R$2:$R$366,ROW(INDEX(Jesper!AK$2:AK$366,ROUNDDOWN($C4861/24,0)+1,1))-1)+IF('Standard Profiles'!$G$21=$B$10,7,0)+IF('Standard Profiles'!$G$21=$B$17,14,0)+IF('Standard Profiles'!$G$21=$B$24,21,0),MOD($C4861,24)+1)/SUM(INDEX($D$3:$AA$30,INDEX(Jesper!$R$2:$R$366,ROW(INDEX(Jesper!AK$2:AK$366,ROUNDDOWN($C4861/24,0)+1,1))-1)+IF('Standard Profiles'!$G$21=$B$10,7,0)+IF('Standard Profiles'!$G$21=$B$17,14,0)+IF('Standard Profiles'!$G$21=$B$24,21,0),0)),0)</f>
        <v>0</v>
      </c>
      <c r="H4861" cm="1">
        <f t="array" ref="H4861">IFERROR(INDEX(Jesper!AL$2:AL$366,ROUNDDOWN($C4861/24,0)+1,1)*INDEX($D$3:$AA$30,INDEX(Jesper!$R$2:$R$366,ROW(INDEX(Jesper!AL$2:AL$366,ROUNDDOWN($C4861/24,0)+1,1))-1)+IF('Standard Profiles'!$G$22=$B$10,7,0)+IF('Standard Profiles'!$G$22=$B$17,14,0)+IF('Standard Profiles'!$G$22=$B$24,21,0),MOD($C4861,24)+1)/SUM(INDEX($D$3:$AA$30,INDEX(Jesper!$R$2:$R$366,ROW(INDEX(Jesper!AL$2:AL$366,ROUNDDOWN($C4861/24,0)+1,1))-1)+IF('Standard Profiles'!$G$22=$B$10,7,0)+IF('Standard Profiles'!$G$22=$B$17,14,0)+IF('Standard Profiles'!$G$22=$B$24,21,0),0)),0)</f>
        <v>0</v>
      </c>
      <c r="I4861">
        <f t="shared" si="545"/>
        <v>9.811804288868585E-2</v>
      </c>
      <c r="J4861">
        <f t="shared" si="546"/>
        <v>0.32706014296228619</v>
      </c>
      <c r="K4861">
        <f t="shared" si="547"/>
        <v>0.49059021444342932</v>
      </c>
      <c r="L4861">
        <f t="shared" si="548"/>
        <v>6.9911115369944454</v>
      </c>
      <c r="M4861">
        <f t="shared" si="549"/>
        <v>0</v>
      </c>
      <c r="N4861" s="46">
        <f t="shared" si="550"/>
        <v>45493.124999988293</v>
      </c>
    </row>
    <row r="4862" spans="2:14" x14ac:dyDescent="0.3">
      <c r="B4862">
        <f t="shared" si="544"/>
        <v>6</v>
      </c>
      <c r="C4862" s="16">
        <v>4828</v>
      </c>
      <c r="D4862" cm="1">
        <f t="array" ref="D4862">IFERROR(INDEX(Jesper!AH$2:AH$366,ROUNDDOWN($C4862/24,0)+1,1)*INDEX($D$3:$AA$30,INDEX(Jesper!$R$2:$R$366,ROW(INDEX(Jesper!AH$2:AH$366,ROUNDDOWN($C4862/24,0)+1,1))-1)+IF('Standard Profiles'!$G$18=$B$10,7,0)+IF('Standard Profiles'!$G$18=$B$17,14,0)+IF('Standard Profiles'!$G$18=$B$24,21,0),MOD($C4862,24)+1)/SUM(INDEX($D$3:$AA$30,INDEX(Jesper!$R$2:$R$366,ROW(INDEX(Jesper!AH$2:AH$366,ROUNDDOWN($C4862/24,0)+1,1))-1)+IF('Standard Profiles'!$G$18=$B$10,7,0)+IF('Standard Profiles'!$G$18=$B$17,14,0)+IF('Standard Profiles'!$G$18=$B$24,21,0),0)),0)</f>
        <v>6.8177696612244345</v>
      </c>
      <c r="E4862" cm="1">
        <f t="array" ref="E4862">IFERROR(INDEX(Jesper!AI$2:AI$366,ROUNDDOWN($C4862/24,0)+1,1)*INDEX($D$3:$AA$30,INDEX(Jesper!$R$2:$R$366,ROW(INDEX(Jesper!AI$2:AI$366,ROUNDDOWN($C4862/24,0)+1,1))-1)+IF('Standard Profiles'!$G$19=$B$10,7,0)+IF('Standard Profiles'!$G$19=$B$17,14,0)+IF('Standard Profiles'!$G$19=$B$24,21,0),MOD($C4862,24)+1)/SUM(INDEX($D$3:$AA$30,INDEX(Jesper!$R$2:$R$366,ROW(INDEX(Jesper!AI$2:AI$366,ROUNDDOWN($C4862/24,0)+1,1))-1)+IF('Standard Profiles'!$G$19=$B$10,7,0)+IF('Standard Profiles'!$G$19=$B$17,14,0)+IF('Standard Profiles'!$G$19=$B$24,21,0),0)),0)</f>
        <v>1.0891102760644127</v>
      </c>
      <c r="F4862" cm="1">
        <f t="array" ref="F4862">IFERROR(INDEX(Jesper!AJ$2:AJ$366,ROUNDDOWN($C4862/24,0)+1,1)*INDEX($D$3:$AA$30,INDEX(Jesper!$R$2:$R$366,ROW(INDEX(Jesper!AJ$2:AJ$366,ROUNDDOWN($C4862/24,0)+1,1))-1)+IF('Standard Profiles'!$G$20=$B$10,7,0)+IF('Standard Profiles'!$G$20=$B$17,14,0)+IF('Standard Profiles'!$G$20=$B$24,21,0),MOD($C4862,24)+1)/SUM(INDEX($D$3:$AA$30,INDEX(Jesper!$R$2:$R$366,ROW(INDEX(Jesper!AJ$2:AJ$366,ROUNDDOWN($C4862/24,0)+1,1))-1)+IF('Standard Profiles'!$G$20=$B$10,7,0)+IF('Standard Profiles'!$G$20=$B$17,14,0)+IF('Standard Profiles'!$G$20=$B$24,21,0),0)),0)</f>
        <v>0</v>
      </c>
      <c r="G4862" cm="1">
        <f t="array" ref="G4862">IFERROR(INDEX(Jesper!AK$2:AK$366,ROUNDDOWN($C4862/24,0)+1,1)*INDEX($D$3:$AA$30,INDEX(Jesper!$R$2:$R$366,ROW(INDEX(Jesper!AK$2:AK$366,ROUNDDOWN($C4862/24,0)+1,1))-1)+IF('Standard Profiles'!$G$21=$B$10,7,0)+IF('Standard Profiles'!$G$21=$B$17,14,0)+IF('Standard Profiles'!$G$21=$B$24,21,0),MOD($C4862,24)+1)/SUM(INDEX($D$3:$AA$30,INDEX(Jesper!$R$2:$R$366,ROW(INDEX(Jesper!AK$2:AK$366,ROUNDDOWN($C4862/24,0)+1,1))-1)+IF('Standard Profiles'!$G$21=$B$10,7,0)+IF('Standard Profiles'!$G$21=$B$17,14,0)+IF('Standard Profiles'!$G$21=$B$24,21,0),0)),0)</f>
        <v>0</v>
      </c>
      <c r="H4862" cm="1">
        <f t="array" ref="H4862">IFERROR(INDEX(Jesper!AL$2:AL$366,ROUNDDOWN($C4862/24,0)+1,1)*INDEX($D$3:$AA$30,INDEX(Jesper!$R$2:$R$366,ROW(INDEX(Jesper!AL$2:AL$366,ROUNDDOWN($C4862/24,0)+1,1))-1)+IF('Standard Profiles'!$G$22=$B$10,7,0)+IF('Standard Profiles'!$G$22=$B$17,14,0)+IF('Standard Profiles'!$G$22=$B$24,21,0),MOD($C4862,24)+1)/SUM(INDEX($D$3:$AA$30,INDEX(Jesper!$R$2:$R$366,ROW(INDEX(Jesper!AL$2:AL$366,ROUNDDOWN($C4862/24,0)+1,1))-1)+IF('Standard Profiles'!$G$22=$B$10,7,0)+IF('Standard Profiles'!$G$22=$B$17,14,0)+IF('Standard Profiles'!$G$22=$B$24,21,0),0)),0)</f>
        <v>0</v>
      </c>
      <c r="I4862">
        <f t="shared" si="545"/>
        <v>9.811804288868585E-2</v>
      </c>
      <c r="J4862">
        <f t="shared" si="546"/>
        <v>0.32706014296228619</v>
      </c>
      <c r="K4862">
        <f t="shared" si="547"/>
        <v>0.49059021444342932</v>
      </c>
      <c r="L4862">
        <f t="shared" si="548"/>
        <v>6.9911115369944454</v>
      </c>
      <c r="M4862">
        <f t="shared" si="549"/>
        <v>0</v>
      </c>
      <c r="N4862" s="46">
        <f t="shared" si="550"/>
        <v>45493.166666654957</v>
      </c>
    </row>
    <row r="4863" spans="2:14" x14ac:dyDescent="0.3">
      <c r="B4863">
        <f t="shared" si="544"/>
        <v>6</v>
      </c>
      <c r="C4863" s="16">
        <v>4829</v>
      </c>
      <c r="D4863" cm="1">
        <f t="array" ref="D4863">IFERROR(INDEX(Jesper!AH$2:AH$366,ROUNDDOWN($C4863/24,0)+1,1)*INDEX($D$3:$AA$30,INDEX(Jesper!$R$2:$R$366,ROW(INDEX(Jesper!AH$2:AH$366,ROUNDDOWN($C4863/24,0)+1,1))-1)+IF('Standard Profiles'!$G$18=$B$10,7,0)+IF('Standard Profiles'!$G$18=$B$17,14,0)+IF('Standard Profiles'!$G$18=$B$24,21,0),MOD($C4863,24)+1)/SUM(INDEX($D$3:$AA$30,INDEX(Jesper!$R$2:$R$366,ROW(INDEX(Jesper!AH$2:AH$366,ROUNDDOWN($C4863/24,0)+1,1))-1)+IF('Standard Profiles'!$G$18=$B$10,7,0)+IF('Standard Profiles'!$G$18=$B$17,14,0)+IF('Standard Profiles'!$G$18=$B$24,21,0),0)),0)</f>
        <v>8.4806403103035652</v>
      </c>
      <c r="E4863" cm="1">
        <f t="array" ref="E4863">IFERROR(INDEX(Jesper!AI$2:AI$366,ROUNDDOWN($C4863/24,0)+1,1)*INDEX($D$3:$AA$30,INDEX(Jesper!$R$2:$R$366,ROW(INDEX(Jesper!AI$2:AI$366,ROUNDDOWN($C4863/24,0)+1,1))-1)+IF('Standard Profiles'!$G$19=$B$10,7,0)+IF('Standard Profiles'!$G$19=$B$17,14,0)+IF('Standard Profiles'!$G$19=$B$24,21,0),MOD($C4863,24)+1)/SUM(INDEX($D$3:$AA$30,INDEX(Jesper!$R$2:$R$366,ROW(INDEX(Jesper!AI$2:AI$366,ROUNDDOWN($C4863/24,0)+1,1))-1)+IF('Standard Profiles'!$G$19=$B$10,7,0)+IF('Standard Profiles'!$G$19=$B$17,14,0)+IF('Standard Profiles'!$G$19=$B$24,21,0),0)),0)</f>
        <v>1.3547469287630498</v>
      </c>
      <c r="F4863" cm="1">
        <f t="array" ref="F4863">IFERROR(INDEX(Jesper!AJ$2:AJ$366,ROUNDDOWN($C4863/24,0)+1,1)*INDEX($D$3:$AA$30,INDEX(Jesper!$R$2:$R$366,ROW(INDEX(Jesper!AJ$2:AJ$366,ROUNDDOWN($C4863/24,0)+1,1))-1)+IF('Standard Profiles'!$G$20=$B$10,7,0)+IF('Standard Profiles'!$G$20=$B$17,14,0)+IF('Standard Profiles'!$G$20=$B$24,21,0),MOD($C4863,24)+1)/SUM(INDEX($D$3:$AA$30,INDEX(Jesper!$R$2:$R$366,ROW(INDEX(Jesper!AJ$2:AJ$366,ROUNDDOWN($C4863/24,0)+1,1))-1)+IF('Standard Profiles'!$G$20=$B$10,7,0)+IF('Standard Profiles'!$G$20=$B$17,14,0)+IF('Standard Profiles'!$G$20=$B$24,21,0),0)),0)</f>
        <v>0</v>
      </c>
      <c r="G4863" cm="1">
        <f t="array" ref="G4863">IFERROR(INDEX(Jesper!AK$2:AK$366,ROUNDDOWN($C4863/24,0)+1,1)*INDEX($D$3:$AA$30,INDEX(Jesper!$R$2:$R$366,ROW(INDEX(Jesper!AK$2:AK$366,ROUNDDOWN($C4863/24,0)+1,1))-1)+IF('Standard Profiles'!$G$21=$B$10,7,0)+IF('Standard Profiles'!$G$21=$B$17,14,0)+IF('Standard Profiles'!$G$21=$B$24,21,0),MOD($C4863,24)+1)/SUM(INDEX($D$3:$AA$30,INDEX(Jesper!$R$2:$R$366,ROW(INDEX(Jesper!AK$2:AK$366,ROUNDDOWN($C4863/24,0)+1,1))-1)+IF('Standard Profiles'!$G$21=$B$10,7,0)+IF('Standard Profiles'!$G$21=$B$17,14,0)+IF('Standard Profiles'!$G$21=$B$24,21,0),0)),0)</f>
        <v>0</v>
      </c>
      <c r="H4863" cm="1">
        <f t="array" ref="H4863">IFERROR(INDEX(Jesper!AL$2:AL$366,ROUNDDOWN($C4863/24,0)+1,1)*INDEX($D$3:$AA$30,INDEX(Jesper!$R$2:$R$366,ROW(INDEX(Jesper!AL$2:AL$366,ROUNDDOWN($C4863/24,0)+1,1))-1)+IF('Standard Profiles'!$G$22=$B$10,7,0)+IF('Standard Profiles'!$G$22=$B$17,14,0)+IF('Standard Profiles'!$G$22=$B$24,21,0),MOD($C4863,24)+1)/SUM(INDEX($D$3:$AA$30,INDEX(Jesper!$R$2:$R$366,ROW(INDEX(Jesper!AL$2:AL$366,ROUNDDOWN($C4863/24,0)+1,1))-1)+IF('Standard Profiles'!$G$22=$B$10,7,0)+IF('Standard Profiles'!$G$22=$B$17,14,0)+IF('Standard Profiles'!$G$22=$B$24,21,0),0)),0)</f>
        <v>0</v>
      </c>
      <c r="I4863">
        <f t="shared" si="545"/>
        <v>0.12204927286153605</v>
      </c>
      <c r="J4863">
        <f t="shared" si="546"/>
        <v>0.40683090953845358</v>
      </c>
      <c r="K4863">
        <f t="shared" si="547"/>
        <v>0.61024636430768031</v>
      </c>
      <c r="L4863">
        <f t="shared" si="548"/>
        <v>8.6962606923589458</v>
      </c>
      <c r="M4863">
        <f t="shared" si="549"/>
        <v>0</v>
      </c>
      <c r="N4863" s="46">
        <f t="shared" si="550"/>
        <v>45493.208333321621</v>
      </c>
    </row>
    <row r="4864" spans="2:14" x14ac:dyDescent="0.3">
      <c r="B4864">
        <f t="shared" si="544"/>
        <v>6</v>
      </c>
      <c r="C4864" s="16">
        <v>4830</v>
      </c>
      <c r="D4864" cm="1">
        <f t="array" ref="D4864">IFERROR(INDEX(Jesper!AH$2:AH$366,ROUNDDOWN($C4864/24,0)+1,1)*INDEX($D$3:$AA$30,INDEX(Jesper!$R$2:$R$366,ROW(INDEX(Jesper!AH$2:AH$366,ROUNDDOWN($C4864/24,0)+1,1))-1)+IF('Standard Profiles'!$G$18=$B$10,7,0)+IF('Standard Profiles'!$G$18=$B$17,14,0)+IF('Standard Profiles'!$G$18=$B$24,21,0),MOD($C4864,24)+1)/SUM(INDEX($D$3:$AA$30,INDEX(Jesper!$R$2:$R$366,ROW(INDEX(Jesper!AH$2:AH$366,ROUNDDOWN($C4864/24,0)+1,1))-1)+IF('Standard Profiles'!$G$18=$B$10,7,0)+IF('Standard Profiles'!$G$18=$B$17,14,0)+IF('Standard Profiles'!$G$18=$B$24,21,0),0)),0)</f>
        <v>10.642372154106434</v>
      </c>
      <c r="E4864" cm="1">
        <f t="array" ref="E4864">IFERROR(INDEX(Jesper!AI$2:AI$366,ROUNDDOWN($C4864/24,0)+1,1)*INDEX($D$3:$AA$30,INDEX(Jesper!$R$2:$R$366,ROW(INDEX(Jesper!AI$2:AI$366,ROUNDDOWN($C4864/24,0)+1,1))-1)+IF('Standard Profiles'!$G$19=$B$10,7,0)+IF('Standard Profiles'!$G$19=$B$17,14,0)+IF('Standard Profiles'!$G$19=$B$24,21,0),MOD($C4864,24)+1)/SUM(INDEX($D$3:$AA$30,INDEX(Jesper!$R$2:$R$366,ROW(INDEX(Jesper!AI$2:AI$366,ROUNDDOWN($C4864/24,0)+1,1))-1)+IF('Standard Profiles'!$G$19=$B$10,7,0)+IF('Standard Profiles'!$G$19=$B$17,14,0)+IF('Standard Profiles'!$G$19=$B$24,21,0),0)),0)</f>
        <v>1.700074577271278</v>
      </c>
      <c r="F4864" cm="1">
        <f t="array" ref="F4864">IFERROR(INDEX(Jesper!AJ$2:AJ$366,ROUNDDOWN($C4864/24,0)+1,1)*INDEX($D$3:$AA$30,INDEX(Jesper!$R$2:$R$366,ROW(INDEX(Jesper!AJ$2:AJ$366,ROUNDDOWN($C4864/24,0)+1,1))-1)+IF('Standard Profiles'!$G$20=$B$10,7,0)+IF('Standard Profiles'!$G$20=$B$17,14,0)+IF('Standard Profiles'!$G$20=$B$24,21,0),MOD($C4864,24)+1)/SUM(INDEX($D$3:$AA$30,INDEX(Jesper!$R$2:$R$366,ROW(INDEX(Jesper!AJ$2:AJ$366,ROUNDDOWN($C4864/24,0)+1,1))-1)+IF('Standard Profiles'!$G$20=$B$10,7,0)+IF('Standard Profiles'!$G$20=$B$17,14,0)+IF('Standard Profiles'!$G$20=$B$24,21,0),0)),0)</f>
        <v>0</v>
      </c>
      <c r="G4864" cm="1">
        <f t="array" ref="G4864">IFERROR(INDEX(Jesper!AK$2:AK$366,ROUNDDOWN($C4864/24,0)+1,1)*INDEX($D$3:$AA$30,INDEX(Jesper!$R$2:$R$366,ROW(INDEX(Jesper!AK$2:AK$366,ROUNDDOWN($C4864/24,0)+1,1))-1)+IF('Standard Profiles'!$G$21=$B$10,7,0)+IF('Standard Profiles'!$G$21=$B$17,14,0)+IF('Standard Profiles'!$G$21=$B$24,21,0),MOD($C4864,24)+1)/SUM(INDEX($D$3:$AA$30,INDEX(Jesper!$R$2:$R$366,ROW(INDEX(Jesper!AK$2:AK$366,ROUNDDOWN($C4864/24,0)+1,1))-1)+IF('Standard Profiles'!$G$21=$B$10,7,0)+IF('Standard Profiles'!$G$21=$B$17,14,0)+IF('Standard Profiles'!$G$21=$B$24,21,0),0)),0)</f>
        <v>0</v>
      </c>
      <c r="H4864" cm="1">
        <f t="array" ref="H4864">IFERROR(INDEX(Jesper!AL$2:AL$366,ROUNDDOWN($C4864/24,0)+1,1)*INDEX($D$3:$AA$30,INDEX(Jesper!$R$2:$R$366,ROW(INDEX(Jesper!AL$2:AL$366,ROUNDDOWN($C4864/24,0)+1,1))-1)+IF('Standard Profiles'!$G$22=$B$10,7,0)+IF('Standard Profiles'!$G$22=$B$17,14,0)+IF('Standard Profiles'!$G$22=$B$24,21,0),MOD($C4864,24)+1)/SUM(INDEX($D$3:$AA$30,INDEX(Jesper!$R$2:$R$366,ROW(INDEX(Jesper!AL$2:AL$366,ROUNDDOWN($C4864/24,0)+1,1))-1)+IF('Standard Profiles'!$G$22=$B$10,7,0)+IF('Standard Profiles'!$G$22=$B$17,14,0)+IF('Standard Profiles'!$G$22=$B$24,21,0),0)),0)</f>
        <v>0</v>
      </c>
      <c r="I4864">
        <f t="shared" si="545"/>
        <v>0.1531598718262413</v>
      </c>
      <c r="J4864">
        <f t="shared" si="546"/>
        <v>0.51053290608747104</v>
      </c>
      <c r="K4864">
        <f t="shared" si="547"/>
        <v>0.76579935913120656</v>
      </c>
      <c r="L4864">
        <f t="shared" si="548"/>
        <v>10.912954594332794</v>
      </c>
      <c r="M4864">
        <f t="shared" si="549"/>
        <v>0</v>
      </c>
      <c r="N4864" s="46">
        <f t="shared" si="550"/>
        <v>45493.249999988286</v>
      </c>
    </row>
    <row r="4865" spans="2:14" x14ac:dyDescent="0.3">
      <c r="B4865">
        <f t="shared" si="544"/>
        <v>6</v>
      </c>
      <c r="C4865" s="16">
        <v>4831</v>
      </c>
      <c r="D4865" cm="1">
        <f t="array" ref="D4865">IFERROR(INDEX(Jesper!AH$2:AH$366,ROUNDDOWN($C4865/24,0)+1,1)*INDEX($D$3:$AA$30,INDEX(Jesper!$R$2:$R$366,ROW(INDEX(Jesper!AH$2:AH$366,ROUNDDOWN($C4865/24,0)+1,1))-1)+IF('Standard Profiles'!$G$18=$B$10,7,0)+IF('Standard Profiles'!$G$18=$B$17,14,0)+IF('Standard Profiles'!$G$18=$B$24,21,0),MOD($C4865,24)+1)/SUM(INDEX($D$3:$AA$30,INDEX(Jesper!$R$2:$R$366,ROW(INDEX(Jesper!AH$2:AH$366,ROUNDDOWN($C4865/24,0)+1,1))-1)+IF('Standard Profiles'!$G$18=$B$10,7,0)+IF('Standard Profiles'!$G$18=$B$17,14,0)+IF('Standard Profiles'!$G$18=$B$24,21,0),0)),0)</f>
        <v>12.138955738277652</v>
      </c>
      <c r="E4865" cm="1">
        <f t="array" ref="E4865">IFERROR(INDEX(Jesper!AI$2:AI$366,ROUNDDOWN($C4865/24,0)+1,1)*INDEX($D$3:$AA$30,INDEX(Jesper!$R$2:$R$366,ROW(INDEX(Jesper!AI$2:AI$366,ROUNDDOWN($C4865/24,0)+1,1))-1)+IF('Standard Profiles'!$G$19=$B$10,7,0)+IF('Standard Profiles'!$G$19=$B$17,14,0)+IF('Standard Profiles'!$G$19=$B$24,21,0),MOD($C4865,24)+1)/SUM(INDEX($D$3:$AA$30,INDEX(Jesper!$R$2:$R$366,ROW(INDEX(Jesper!AI$2:AI$366,ROUNDDOWN($C4865/24,0)+1,1))-1)+IF('Standard Profiles'!$G$19=$B$10,7,0)+IF('Standard Profiles'!$G$19=$B$17,14,0)+IF('Standard Profiles'!$G$19=$B$24,21,0),0)),0)</f>
        <v>1.9391475647000516</v>
      </c>
      <c r="F4865" cm="1">
        <f t="array" ref="F4865">IFERROR(INDEX(Jesper!AJ$2:AJ$366,ROUNDDOWN($C4865/24,0)+1,1)*INDEX($D$3:$AA$30,INDEX(Jesper!$R$2:$R$366,ROW(INDEX(Jesper!AJ$2:AJ$366,ROUNDDOWN($C4865/24,0)+1,1))-1)+IF('Standard Profiles'!$G$20=$B$10,7,0)+IF('Standard Profiles'!$G$20=$B$17,14,0)+IF('Standard Profiles'!$G$20=$B$24,21,0),MOD($C4865,24)+1)/SUM(INDEX($D$3:$AA$30,INDEX(Jesper!$R$2:$R$366,ROW(INDEX(Jesper!AJ$2:AJ$366,ROUNDDOWN($C4865/24,0)+1,1))-1)+IF('Standard Profiles'!$G$20=$B$10,7,0)+IF('Standard Profiles'!$G$20=$B$17,14,0)+IF('Standard Profiles'!$G$20=$B$24,21,0),0)),0)</f>
        <v>0</v>
      </c>
      <c r="G4865" cm="1">
        <f t="array" ref="G4865">IFERROR(INDEX(Jesper!AK$2:AK$366,ROUNDDOWN($C4865/24,0)+1,1)*INDEX($D$3:$AA$30,INDEX(Jesper!$R$2:$R$366,ROW(INDEX(Jesper!AK$2:AK$366,ROUNDDOWN($C4865/24,0)+1,1))-1)+IF('Standard Profiles'!$G$21=$B$10,7,0)+IF('Standard Profiles'!$G$21=$B$17,14,0)+IF('Standard Profiles'!$G$21=$B$24,21,0),MOD($C4865,24)+1)/SUM(INDEX($D$3:$AA$30,INDEX(Jesper!$R$2:$R$366,ROW(INDEX(Jesper!AK$2:AK$366,ROUNDDOWN($C4865/24,0)+1,1))-1)+IF('Standard Profiles'!$G$21=$B$10,7,0)+IF('Standard Profiles'!$G$21=$B$17,14,0)+IF('Standard Profiles'!$G$21=$B$24,21,0),0)),0)</f>
        <v>0</v>
      </c>
      <c r="H4865" cm="1">
        <f t="array" ref="H4865">IFERROR(INDEX(Jesper!AL$2:AL$366,ROUNDDOWN($C4865/24,0)+1,1)*INDEX($D$3:$AA$30,INDEX(Jesper!$R$2:$R$366,ROW(INDEX(Jesper!AL$2:AL$366,ROUNDDOWN($C4865/24,0)+1,1))-1)+IF('Standard Profiles'!$G$22=$B$10,7,0)+IF('Standard Profiles'!$G$22=$B$17,14,0)+IF('Standard Profiles'!$G$22=$B$24,21,0),MOD($C4865,24)+1)/SUM(INDEX($D$3:$AA$30,INDEX(Jesper!$R$2:$R$366,ROW(INDEX(Jesper!AL$2:AL$366,ROUNDDOWN($C4865/24,0)+1,1))-1)+IF('Standard Profiles'!$G$22=$B$10,7,0)+IF('Standard Profiles'!$G$22=$B$17,14,0)+IF('Standard Profiles'!$G$22=$B$24,21,0),0)),0)</f>
        <v>0</v>
      </c>
      <c r="I4865">
        <f t="shared" si="545"/>
        <v>0.17469797880180649</v>
      </c>
      <c r="J4865">
        <f t="shared" si="546"/>
        <v>0.58232659600602177</v>
      </c>
      <c r="K4865">
        <f t="shared" si="547"/>
        <v>0.87348989400903254</v>
      </c>
      <c r="L4865">
        <f t="shared" si="548"/>
        <v>12.447588834160843</v>
      </c>
      <c r="M4865">
        <f t="shared" si="549"/>
        <v>0</v>
      </c>
      <c r="N4865" s="46">
        <f t="shared" si="550"/>
        <v>45493.29166665495</v>
      </c>
    </row>
    <row r="4866" spans="2:14" x14ac:dyDescent="0.3">
      <c r="B4866">
        <f t="shared" si="544"/>
        <v>6</v>
      </c>
      <c r="C4866" s="16">
        <v>4832</v>
      </c>
      <c r="D4866" cm="1">
        <f t="array" ref="D4866">IFERROR(INDEX(Jesper!AH$2:AH$366,ROUNDDOWN($C4866/24,0)+1,1)*INDEX($D$3:$AA$30,INDEX(Jesper!$R$2:$R$366,ROW(INDEX(Jesper!AH$2:AH$366,ROUNDDOWN($C4866/24,0)+1,1))-1)+IF('Standard Profiles'!$G$18=$B$10,7,0)+IF('Standard Profiles'!$G$18=$B$17,14,0)+IF('Standard Profiles'!$G$18=$B$24,21,0),MOD($C4866,24)+1)/SUM(INDEX($D$3:$AA$30,INDEX(Jesper!$R$2:$R$366,ROW(INDEX(Jesper!AH$2:AH$366,ROUNDDOWN($C4866/24,0)+1,1))-1)+IF('Standard Profiles'!$G$18=$B$10,7,0)+IF('Standard Profiles'!$G$18=$B$17,14,0)+IF('Standard Profiles'!$G$18=$B$24,21,0),0)),0)</f>
        <v>12.138955738277652</v>
      </c>
      <c r="E4866" cm="1">
        <f t="array" ref="E4866">IFERROR(INDEX(Jesper!AI$2:AI$366,ROUNDDOWN($C4866/24,0)+1,1)*INDEX($D$3:$AA$30,INDEX(Jesper!$R$2:$R$366,ROW(INDEX(Jesper!AI$2:AI$366,ROUNDDOWN($C4866/24,0)+1,1))-1)+IF('Standard Profiles'!$G$19=$B$10,7,0)+IF('Standard Profiles'!$G$19=$B$17,14,0)+IF('Standard Profiles'!$G$19=$B$24,21,0),MOD($C4866,24)+1)/SUM(INDEX($D$3:$AA$30,INDEX(Jesper!$R$2:$R$366,ROW(INDEX(Jesper!AI$2:AI$366,ROUNDDOWN($C4866/24,0)+1,1))-1)+IF('Standard Profiles'!$G$19=$B$10,7,0)+IF('Standard Profiles'!$G$19=$B$17,14,0)+IF('Standard Profiles'!$G$19=$B$24,21,0),0)),0)</f>
        <v>1.9391475647000516</v>
      </c>
      <c r="F4866" cm="1">
        <f t="array" ref="F4866">IFERROR(INDEX(Jesper!AJ$2:AJ$366,ROUNDDOWN($C4866/24,0)+1,1)*INDEX($D$3:$AA$30,INDEX(Jesper!$R$2:$R$366,ROW(INDEX(Jesper!AJ$2:AJ$366,ROUNDDOWN($C4866/24,0)+1,1))-1)+IF('Standard Profiles'!$G$20=$B$10,7,0)+IF('Standard Profiles'!$G$20=$B$17,14,0)+IF('Standard Profiles'!$G$20=$B$24,21,0),MOD($C4866,24)+1)/SUM(INDEX($D$3:$AA$30,INDEX(Jesper!$R$2:$R$366,ROW(INDEX(Jesper!AJ$2:AJ$366,ROUNDDOWN($C4866/24,0)+1,1))-1)+IF('Standard Profiles'!$G$20=$B$10,7,0)+IF('Standard Profiles'!$G$20=$B$17,14,0)+IF('Standard Profiles'!$G$20=$B$24,21,0),0)),0)</f>
        <v>0</v>
      </c>
      <c r="G4866" cm="1">
        <f t="array" ref="G4866">IFERROR(INDEX(Jesper!AK$2:AK$366,ROUNDDOWN($C4866/24,0)+1,1)*INDEX($D$3:$AA$30,INDEX(Jesper!$R$2:$R$366,ROW(INDEX(Jesper!AK$2:AK$366,ROUNDDOWN($C4866/24,0)+1,1))-1)+IF('Standard Profiles'!$G$21=$B$10,7,0)+IF('Standard Profiles'!$G$21=$B$17,14,0)+IF('Standard Profiles'!$G$21=$B$24,21,0),MOD($C4866,24)+1)/SUM(INDEX($D$3:$AA$30,INDEX(Jesper!$R$2:$R$366,ROW(INDEX(Jesper!AK$2:AK$366,ROUNDDOWN($C4866/24,0)+1,1))-1)+IF('Standard Profiles'!$G$21=$B$10,7,0)+IF('Standard Profiles'!$G$21=$B$17,14,0)+IF('Standard Profiles'!$G$21=$B$24,21,0),0)),0)</f>
        <v>0</v>
      </c>
      <c r="H4866" cm="1">
        <f t="array" ref="H4866">IFERROR(INDEX(Jesper!AL$2:AL$366,ROUNDDOWN($C4866/24,0)+1,1)*INDEX($D$3:$AA$30,INDEX(Jesper!$R$2:$R$366,ROW(INDEX(Jesper!AL$2:AL$366,ROUNDDOWN($C4866/24,0)+1,1))-1)+IF('Standard Profiles'!$G$22=$B$10,7,0)+IF('Standard Profiles'!$G$22=$B$17,14,0)+IF('Standard Profiles'!$G$22=$B$24,21,0),MOD($C4866,24)+1)/SUM(INDEX($D$3:$AA$30,INDEX(Jesper!$R$2:$R$366,ROW(INDEX(Jesper!AL$2:AL$366,ROUNDDOWN($C4866/24,0)+1,1))-1)+IF('Standard Profiles'!$G$22=$B$10,7,0)+IF('Standard Profiles'!$G$22=$B$17,14,0)+IF('Standard Profiles'!$G$22=$B$24,21,0),0)),0)</f>
        <v>0</v>
      </c>
      <c r="I4866">
        <f t="shared" si="545"/>
        <v>0.17469797880180649</v>
      </c>
      <c r="J4866">
        <f t="shared" si="546"/>
        <v>0.58232659600602177</v>
      </c>
      <c r="K4866">
        <f t="shared" si="547"/>
        <v>0.87348989400903254</v>
      </c>
      <c r="L4866">
        <f t="shared" si="548"/>
        <v>12.447588834160843</v>
      </c>
      <c r="M4866">
        <f t="shared" si="549"/>
        <v>0</v>
      </c>
      <c r="N4866" s="46">
        <f t="shared" si="550"/>
        <v>45493.333333321614</v>
      </c>
    </row>
    <row r="4867" spans="2:14" x14ac:dyDescent="0.3">
      <c r="B4867">
        <f t="shared" si="544"/>
        <v>6</v>
      </c>
      <c r="C4867" s="16">
        <v>4833</v>
      </c>
      <c r="D4867" cm="1">
        <f t="array" ref="D4867">IFERROR(INDEX(Jesper!AH$2:AH$366,ROUNDDOWN($C4867/24,0)+1,1)*INDEX($D$3:$AA$30,INDEX(Jesper!$R$2:$R$366,ROW(INDEX(Jesper!AH$2:AH$366,ROUNDDOWN($C4867/24,0)+1,1))-1)+IF('Standard Profiles'!$G$18=$B$10,7,0)+IF('Standard Profiles'!$G$18=$B$17,14,0)+IF('Standard Profiles'!$G$18=$B$24,21,0),MOD($C4867,24)+1)/SUM(INDEX($D$3:$AA$30,INDEX(Jesper!$R$2:$R$366,ROW(INDEX(Jesper!AH$2:AH$366,ROUNDDOWN($C4867/24,0)+1,1))-1)+IF('Standard Profiles'!$G$18=$B$10,7,0)+IF('Standard Profiles'!$G$18=$B$17,14,0)+IF('Standard Profiles'!$G$18=$B$24,21,0),0)),0)</f>
        <v>12.138955738277652</v>
      </c>
      <c r="E4867" cm="1">
        <f t="array" ref="E4867">IFERROR(INDEX(Jesper!AI$2:AI$366,ROUNDDOWN($C4867/24,0)+1,1)*INDEX($D$3:$AA$30,INDEX(Jesper!$R$2:$R$366,ROW(INDEX(Jesper!AI$2:AI$366,ROUNDDOWN($C4867/24,0)+1,1))-1)+IF('Standard Profiles'!$G$19=$B$10,7,0)+IF('Standard Profiles'!$G$19=$B$17,14,0)+IF('Standard Profiles'!$G$19=$B$24,21,0),MOD($C4867,24)+1)/SUM(INDEX($D$3:$AA$30,INDEX(Jesper!$R$2:$R$366,ROW(INDEX(Jesper!AI$2:AI$366,ROUNDDOWN($C4867/24,0)+1,1))-1)+IF('Standard Profiles'!$G$19=$B$10,7,0)+IF('Standard Profiles'!$G$19=$B$17,14,0)+IF('Standard Profiles'!$G$19=$B$24,21,0),0)),0)</f>
        <v>1.9391475647000516</v>
      </c>
      <c r="F4867" cm="1">
        <f t="array" ref="F4867">IFERROR(INDEX(Jesper!AJ$2:AJ$366,ROUNDDOWN($C4867/24,0)+1,1)*INDEX($D$3:$AA$30,INDEX(Jesper!$R$2:$R$366,ROW(INDEX(Jesper!AJ$2:AJ$366,ROUNDDOWN($C4867/24,0)+1,1))-1)+IF('Standard Profiles'!$G$20=$B$10,7,0)+IF('Standard Profiles'!$G$20=$B$17,14,0)+IF('Standard Profiles'!$G$20=$B$24,21,0),MOD($C4867,24)+1)/SUM(INDEX($D$3:$AA$30,INDEX(Jesper!$R$2:$R$366,ROW(INDEX(Jesper!AJ$2:AJ$366,ROUNDDOWN($C4867/24,0)+1,1))-1)+IF('Standard Profiles'!$G$20=$B$10,7,0)+IF('Standard Profiles'!$G$20=$B$17,14,0)+IF('Standard Profiles'!$G$20=$B$24,21,0),0)),0)</f>
        <v>0</v>
      </c>
      <c r="G4867" cm="1">
        <f t="array" ref="G4867">IFERROR(INDEX(Jesper!AK$2:AK$366,ROUNDDOWN($C4867/24,0)+1,1)*INDEX($D$3:$AA$30,INDEX(Jesper!$R$2:$R$366,ROW(INDEX(Jesper!AK$2:AK$366,ROUNDDOWN($C4867/24,0)+1,1))-1)+IF('Standard Profiles'!$G$21=$B$10,7,0)+IF('Standard Profiles'!$G$21=$B$17,14,0)+IF('Standard Profiles'!$G$21=$B$24,21,0),MOD($C4867,24)+1)/SUM(INDEX($D$3:$AA$30,INDEX(Jesper!$R$2:$R$366,ROW(INDEX(Jesper!AK$2:AK$366,ROUNDDOWN($C4867/24,0)+1,1))-1)+IF('Standard Profiles'!$G$21=$B$10,7,0)+IF('Standard Profiles'!$G$21=$B$17,14,0)+IF('Standard Profiles'!$G$21=$B$24,21,0),0)),0)</f>
        <v>0</v>
      </c>
      <c r="H4867" cm="1">
        <f t="array" ref="H4867">IFERROR(INDEX(Jesper!AL$2:AL$366,ROUNDDOWN($C4867/24,0)+1,1)*INDEX($D$3:$AA$30,INDEX(Jesper!$R$2:$R$366,ROW(INDEX(Jesper!AL$2:AL$366,ROUNDDOWN($C4867/24,0)+1,1))-1)+IF('Standard Profiles'!$G$22=$B$10,7,0)+IF('Standard Profiles'!$G$22=$B$17,14,0)+IF('Standard Profiles'!$G$22=$B$24,21,0),MOD($C4867,24)+1)/SUM(INDEX($D$3:$AA$30,INDEX(Jesper!$R$2:$R$366,ROW(INDEX(Jesper!AL$2:AL$366,ROUNDDOWN($C4867/24,0)+1,1))-1)+IF('Standard Profiles'!$G$22=$B$10,7,0)+IF('Standard Profiles'!$G$22=$B$17,14,0)+IF('Standard Profiles'!$G$22=$B$24,21,0),0)),0)</f>
        <v>0</v>
      </c>
      <c r="I4867">
        <f t="shared" si="545"/>
        <v>0.17469797880180649</v>
      </c>
      <c r="J4867">
        <f t="shared" si="546"/>
        <v>0.58232659600602177</v>
      </c>
      <c r="K4867">
        <f t="shared" si="547"/>
        <v>0.87348989400903254</v>
      </c>
      <c r="L4867">
        <f t="shared" si="548"/>
        <v>12.447588834160843</v>
      </c>
      <c r="M4867">
        <f t="shared" si="549"/>
        <v>0</v>
      </c>
      <c r="N4867" s="46">
        <f t="shared" si="550"/>
        <v>45493.374999988278</v>
      </c>
    </row>
    <row r="4868" spans="2:14" x14ac:dyDescent="0.3">
      <c r="B4868">
        <f t="shared" si="544"/>
        <v>6</v>
      </c>
      <c r="C4868" s="16">
        <v>4834</v>
      </c>
      <c r="D4868" cm="1">
        <f t="array" ref="D4868">IFERROR(INDEX(Jesper!AH$2:AH$366,ROUNDDOWN($C4868/24,0)+1,1)*INDEX($D$3:$AA$30,INDEX(Jesper!$R$2:$R$366,ROW(INDEX(Jesper!AH$2:AH$366,ROUNDDOWN($C4868/24,0)+1,1))-1)+IF('Standard Profiles'!$G$18=$B$10,7,0)+IF('Standard Profiles'!$G$18=$B$17,14,0)+IF('Standard Profiles'!$G$18=$B$24,21,0),MOD($C4868,24)+1)/SUM(INDEX($D$3:$AA$30,INDEX(Jesper!$R$2:$R$366,ROW(INDEX(Jesper!AH$2:AH$366,ROUNDDOWN($C4868/24,0)+1,1))-1)+IF('Standard Profiles'!$G$18=$B$10,7,0)+IF('Standard Profiles'!$G$18=$B$17,14,0)+IF('Standard Profiles'!$G$18=$B$24,21,0),0)),0)</f>
        <v>12.138955738277652</v>
      </c>
      <c r="E4868" cm="1">
        <f t="array" ref="E4868">IFERROR(INDEX(Jesper!AI$2:AI$366,ROUNDDOWN($C4868/24,0)+1,1)*INDEX($D$3:$AA$30,INDEX(Jesper!$R$2:$R$366,ROW(INDEX(Jesper!AI$2:AI$366,ROUNDDOWN($C4868/24,0)+1,1))-1)+IF('Standard Profiles'!$G$19=$B$10,7,0)+IF('Standard Profiles'!$G$19=$B$17,14,0)+IF('Standard Profiles'!$G$19=$B$24,21,0),MOD($C4868,24)+1)/SUM(INDEX($D$3:$AA$30,INDEX(Jesper!$R$2:$R$366,ROW(INDEX(Jesper!AI$2:AI$366,ROUNDDOWN($C4868/24,0)+1,1))-1)+IF('Standard Profiles'!$G$19=$B$10,7,0)+IF('Standard Profiles'!$G$19=$B$17,14,0)+IF('Standard Profiles'!$G$19=$B$24,21,0),0)),0)</f>
        <v>1.9391475647000516</v>
      </c>
      <c r="F4868" cm="1">
        <f t="array" ref="F4868">IFERROR(INDEX(Jesper!AJ$2:AJ$366,ROUNDDOWN($C4868/24,0)+1,1)*INDEX($D$3:$AA$30,INDEX(Jesper!$R$2:$R$366,ROW(INDEX(Jesper!AJ$2:AJ$366,ROUNDDOWN($C4868/24,0)+1,1))-1)+IF('Standard Profiles'!$G$20=$B$10,7,0)+IF('Standard Profiles'!$G$20=$B$17,14,0)+IF('Standard Profiles'!$G$20=$B$24,21,0),MOD($C4868,24)+1)/SUM(INDEX($D$3:$AA$30,INDEX(Jesper!$R$2:$R$366,ROW(INDEX(Jesper!AJ$2:AJ$366,ROUNDDOWN($C4868/24,0)+1,1))-1)+IF('Standard Profiles'!$G$20=$B$10,7,0)+IF('Standard Profiles'!$G$20=$B$17,14,0)+IF('Standard Profiles'!$G$20=$B$24,21,0),0)),0)</f>
        <v>0</v>
      </c>
      <c r="G4868" cm="1">
        <f t="array" ref="G4868">IFERROR(INDEX(Jesper!AK$2:AK$366,ROUNDDOWN($C4868/24,0)+1,1)*INDEX($D$3:$AA$30,INDEX(Jesper!$R$2:$R$366,ROW(INDEX(Jesper!AK$2:AK$366,ROUNDDOWN($C4868/24,0)+1,1))-1)+IF('Standard Profiles'!$G$21=$B$10,7,0)+IF('Standard Profiles'!$G$21=$B$17,14,0)+IF('Standard Profiles'!$G$21=$B$24,21,0),MOD($C4868,24)+1)/SUM(INDEX($D$3:$AA$30,INDEX(Jesper!$R$2:$R$366,ROW(INDEX(Jesper!AK$2:AK$366,ROUNDDOWN($C4868/24,0)+1,1))-1)+IF('Standard Profiles'!$G$21=$B$10,7,0)+IF('Standard Profiles'!$G$21=$B$17,14,0)+IF('Standard Profiles'!$G$21=$B$24,21,0),0)),0)</f>
        <v>0</v>
      </c>
      <c r="H4868" cm="1">
        <f t="array" ref="H4868">IFERROR(INDEX(Jesper!AL$2:AL$366,ROUNDDOWN($C4868/24,0)+1,1)*INDEX($D$3:$AA$30,INDEX(Jesper!$R$2:$R$366,ROW(INDEX(Jesper!AL$2:AL$366,ROUNDDOWN($C4868/24,0)+1,1))-1)+IF('Standard Profiles'!$G$22=$B$10,7,0)+IF('Standard Profiles'!$G$22=$B$17,14,0)+IF('Standard Profiles'!$G$22=$B$24,21,0),MOD($C4868,24)+1)/SUM(INDEX($D$3:$AA$30,INDEX(Jesper!$R$2:$R$366,ROW(INDEX(Jesper!AL$2:AL$366,ROUNDDOWN($C4868/24,0)+1,1))-1)+IF('Standard Profiles'!$G$22=$B$10,7,0)+IF('Standard Profiles'!$G$22=$B$17,14,0)+IF('Standard Profiles'!$G$22=$B$24,21,0),0)),0)</f>
        <v>0</v>
      </c>
      <c r="I4868">
        <f t="shared" si="545"/>
        <v>0.17469797880180649</v>
      </c>
      <c r="J4868">
        <f t="shared" si="546"/>
        <v>0.58232659600602177</v>
      </c>
      <c r="K4868">
        <f t="shared" si="547"/>
        <v>0.87348989400903254</v>
      </c>
      <c r="L4868">
        <f t="shared" si="548"/>
        <v>12.447588834160843</v>
      </c>
      <c r="M4868">
        <f t="shared" si="549"/>
        <v>0</v>
      </c>
      <c r="N4868" s="46">
        <f t="shared" si="550"/>
        <v>45493.416666654943</v>
      </c>
    </row>
    <row r="4869" spans="2:14" x14ac:dyDescent="0.3">
      <c r="B4869">
        <f t="shared" si="544"/>
        <v>6</v>
      </c>
      <c r="C4869" s="16">
        <v>4835</v>
      </c>
      <c r="D4869" cm="1">
        <f t="array" ref="D4869">IFERROR(INDEX(Jesper!AH$2:AH$366,ROUNDDOWN($C4869/24,0)+1,1)*INDEX($D$3:$AA$30,INDEX(Jesper!$R$2:$R$366,ROW(INDEX(Jesper!AH$2:AH$366,ROUNDDOWN($C4869/24,0)+1,1))-1)+IF('Standard Profiles'!$G$18=$B$10,7,0)+IF('Standard Profiles'!$G$18=$B$17,14,0)+IF('Standard Profiles'!$G$18=$B$24,21,0),MOD($C4869,24)+1)/SUM(INDEX($D$3:$AA$30,INDEX(Jesper!$R$2:$R$366,ROW(INDEX(Jesper!AH$2:AH$366,ROUNDDOWN($C4869/24,0)+1,1))-1)+IF('Standard Profiles'!$G$18=$B$10,7,0)+IF('Standard Profiles'!$G$18=$B$17,14,0)+IF('Standard Profiles'!$G$18=$B$24,21,0),0)),0)</f>
        <v>12.138955738277652</v>
      </c>
      <c r="E4869" cm="1">
        <f t="array" ref="E4869">IFERROR(INDEX(Jesper!AI$2:AI$366,ROUNDDOWN($C4869/24,0)+1,1)*INDEX($D$3:$AA$30,INDEX(Jesper!$R$2:$R$366,ROW(INDEX(Jesper!AI$2:AI$366,ROUNDDOWN($C4869/24,0)+1,1))-1)+IF('Standard Profiles'!$G$19=$B$10,7,0)+IF('Standard Profiles'!$G$19=$B$17,14,0)+IF('Standard Profiles'!$G$19=$B$24,21,0),MOD($C4869,24)+1)/SUM(INDEX($D$3:$AA$30,INDEX(Jesper!$R$2:$R$366,ROW(INDEX(Jesper!AI$2:AI$366,ROUNDDOWN($C4869/24,0)+1,1))-1)+IF('Standard Profiles'!$G$19=$B$10,7,0)+IF('Standard Profiles'!$G$19=$B$17,14,0)+IF('Standard Profiles'!$G$19=$B$24,21,0),0)),0)</f>
        <v>1.9391475647000516</v>
      </c>
      <c r="F4869" cm="1">
        <f t="array" ref="F4869">IFERROR(INDEX(Jesper!AJ$2:AJ$366,ROUNDDOWN($C4869/24,0)+1,1)*INDEX($D$3:$AA$30,INDEX(Jesper!$R$2:$R$366,ROW(INDEX(Jesper!AJ$2:AJ$366,ROUNDDOWN($C4869/24,0)+1,1))-1)+IF('Standard Profiles'!$G$20=$B$10,7,0)+IF('Standard Profiles'!$G$20=$B$17,14,0)+IF('Standard Profiles'!$G$20=$B$24,21,0),MOD($C4869,24)+1)/SUM(INDEX($D$3:$AA$30,INDEX(Jesper!$R$2:$R$366,ROW(INDEX(Jesper!AJ$2:AJ$366,ROUNDDOWN($C4869/24,0)+1,1))-1)+IF('Standard Profiles'!$G$20=$B$10,7,0)+IF('Standard Profiles'!$G$20=$B$17,14,0)+IF('Standard Profiles'!$G$20=$B$24,21,0),0)),0)</f>
        <v>0</v>
      </c>
      <c r="G4869" cm="1">
        <f t="array" ref="G4869">IFERROR(INDEX(Jesper!AK$2:AK$366,ROUNDDOWN($C4869/24,0)+1,1)*INDEX($D$3:$AA$30,INDEX(Jesper!$R$2:$R$366,ROW(INDEX(Jesper!AK$2:AK$366,ROUNDDOWN($C4869/24,0)+1,1))-1)+IF('Standard Profiles'!$G$21=$B$10,7,0)+IF('Standard Profiles'!$G$21=$B$17,14,0)+IF('Standard Profiles'!$G$21=$B$24,21,0),MOD($C4869,24)+1)/SUM(INDEX($D$3:$AA$30,INDEX(Jesper!$R$2:$R$366,ROW(INDEX(Jesper!AK$2:AK$366,ROUNDDOWN($C4869/24,0)+1,1))-1)+IF('Standard Profiles'!$G$21=$B$10,7,0)+IF('Standard Profiles'!$G$21=$B$17,14,0)+IF('Standard Profiles'!$G$21=$B$24,21,0),0)),0)</f>
        <v>0</v>
      </c>
      <c r="H4869" cm="1">
        <f t="array" ref="H4869">IFERROR(INDEX(Jesper!AL$2:AL$366,ROUNDDOWN($C4869/24,0)+1,1)*INDEX($D$3:$AA$30,INDEX(Jesper!$R$2:$R$366,ROW(INDEX(Jesper!AL$2:AL$366,ROUNDDOWN($C4869/24,0)+1,1))-1)+IF('Standard Profiles'!$G$22=$B$10,7,0)+IF('Standard Profiles'!$G$22=$B$17,14,0)+IF('Standard Profiles'!$G$22=$B$24,21,0),MOD($C4869,24)+1)/SUM(INDEX($D$3:$AA$30,INDEX(Jesper!$R$2:$R$366,ROW(INDEX(Jesper!AL$2:AL$366,ROUNDDOWN($C4869/24,0)+1,1))-1)+IF('Standard Profiles'!$G$22=$B$10,7,0)+IF('Standard Profiles'!$G$22=$B$17,14,0)+IF('Standard Profiles'!$G$22=$B$24,21,0),0)),0)</f>
        <v>0</v>
      </c>
      <c r="I4869">
        <f t="shared" si="545"/>
        <v>0.17469797880180649</v>
      </c>
      <c r="J4869">
        <f t="shared" si="546"/>
        <v>0.58232659600602177</v>
      </c>
      <c r="K4869">
        <f t="shared" si="547"/>
        <v>0.87348989400903254</v>
      </c>
      <c r="L4869">
        <f t="shared" si="548"/>
        <v>12.447588834160843</v>
      </c>
      <c r="M4869">
        <f t="shared" si="549"/>
        <v>0</v>
      </c>
      <c r="N4869" s="46">
        <f t="shared" si="550"/>
        <v>45493.458333321607</v>
      </c>
    </row>
    <row r="4870" spans="2:14" x14ac:dyDescent="0.3">
      <c r="B4870">
        <f t="shared" si="544"/>
        <v>6</v>
      </c>
      <c r="C4870" s="16">
        <v>4836</v>
      </c>
      <c r="D4870" cm="1">
        <f t="array" ref="D4870">IFERROR(INDEX(Jesper!AH$2:AH$366,ROUNDDOWN($C4870/24,0)+1,1)*INDEX($D$3:$AA$30,INDEX(Jesper!$R$2:$R$366,ROW(INDEX(Jesper!AH$2:AH$366,ROUNDDOWN($C4870/24,0)+1,1))-1)+IF('Standard Profiles'!$G$18=$B$10,7,0)+IF('Standard Profiles'!$G$18=$B$17,14,0)+IF('Standard Profiles'!$G$18=$B$24,21,0),MOD($C4870,24)+1)/SUM(INDEX($D$3:$AA$30,INDEX(Jesper!$R$2:$R$366,ROW(INDEX(Jesper!AH$2:AH$366,ROUNDDOWN($C4870/24,0)+1,1))-1)+IF('Standard Profiles'!$G$18=$B$10,7,0)+IF('Standard Profiles'!$G$18=$B$17,14,0)+IF('Standard Profiles'!$G$18=$B$24,21,0),0)),0)</f>
        <v>12.138955738277652</v>
      </c>
      <c r="E4870" cm="1">
        <f t="array" ref="E4870">IFERROR(INDEX(Jesper!AI$2:AI$366,ROUNDDOWN($C4870/24,0)+1,1)*INDEX($D$3:$AA$30,INDEX(Jesper!$R$2:$R$366,ROW(INDEX(Jesper!AI$2:AI$366,ROUNDDOWN($C4870/24,0)+1,1))-1)+IF('Standard Profiles'!$G$19=$B$10,7,0)+IF('Standard Profiles'!$G$19=$B$17,14,0)+IF('Standard Profiles'!$G$19=$B$24,21,0),MOD($C4870,24)+1)/SUM(INDEX($D$3:$AA$30,INDEX(Jesper!$R$2:$R$366,ROW(INDEX(Jesper!AI$2:AI$366,ROUNDDOWN($C4870/24,0)+1,1))-1)+IF('Standard Profiles'!$G$19=$B$10,7,0)+IF('Standard Profiles'!$G$19=$B$17,14,0)+IF('Standard Profiles'!$G$19=$B$24,21,0),0)),0)</f>
        <v>1.9391475647000516</v>
      </c>
      <c r="F4870" cm="1">
        <f t="array" ref="F4870">IFERROR(INDEX(Jesper!AJ$2:AJ$366,ROUNDDOWN($C4870/24,0)+1,1)*INDEX($D$3:$AA$30,INDEX(Jesper!$R$2:$R$366,ROW(INDEX(Jesper!AJ$2:AJ$366,ROUNDDOWN($C4870/24,0)+1,1))-1)+IF('Standard Profiles'!$G$20=$B$10,7,0)+IF('Standard Profiles'!$G$20=$B$17,14,0)+IF('Standard Profiles'!$G$20=$B$24,21,0),MOD($C4870,24)+1)/SUM(INDEX($D$3:$AA$30,INDEX(Jesper!$R$2:$R$366,ROW(INDEX(Jesper!AJ$2:AJ$366,ROUNDDOWN($C4870/24,0)+1,1))-1)+IF('Standard Profiles'!$G$20=$B$10,7,0)+IF('Standard Profiles'!$G$20=$B$17,14,0)+IF('Standard Profiles'!$G$20=$B$24,21,0),0)),0)</f>
        <v>0</v>
      </c>
      <c r="G4870" cm="1">
        <f t="array" ref="G4870">IFERROR(INDEX(Jesper!AK$2:AK$366,ROUNDDOWN($C4870/24,0)+1,1)*INDEX($D$3:$AA$30,INDEX(Jesper!$R$2:$R$366,ROW(INDEX(Jesper!AK$2:AK$366,ROUNDDOWN($C4870/24,0)+1,1))-1)+IF('Standard Profiles'!$G$21=$B$10,7,0)+IF('Standard Profiles'!$G$21=$B$17,14,0)+IF('Standard Profiles'!$G$21=$B$24,21,0),MOD($C4870,24)+1)/SUM(INDEX($D$3:$AA$30,INDEX(Jesper!$R$2:$R$366,ROW(INDEX(Jesper!AK$2:AK$366,ROUNDDOWN($C4870/24,0)+1,1))-1)+IF('Standard Profiles'!$G$21=$B$10,7,0)+IF('Standard Profiles'!$G$21=$B$17,14,0)+IF('Standard Profiles'!$G$21=$B$24,21,0),0)),0)</f>
        <v>0</v>
      </c>
      <c r="H4870" cm="1">
        <f t="array" ref="H4870">IFERROR(INDEX(Jesper!AL$2:AL$366,ROUNDDOWN($C4870/24,0)+1,1)*INDEX($D$3:$AA$30,INDEX(Jesper!$R$2:$R$366,ROW(INDEX(Jesper!AL$2:AL$366,ROUNDDOWN($C4870/24,0)+1,1))-1)+IF('Standard Profiles'!$G$22=$B$10,7,0)+IF('Standard Profiles'!$G$22=$B$17,14,0)+IF('Standard Profiles'!$G$22=$B$24,21,0),MOD($C4870,24)+1)/SUM(INDEX($D$3:$AA$30,INDEX(Jesper!$R$2:$R$366,ROW(INDEX(Jesper!AL$2:AL$366,ROUNDDOWN($C4870/24,0)+1,1))-1)+IF('Standard Profiles'!$G$22=$B$10,7,0)+IF('Standard Profiles'!$G$22=$B$17,14,0)+IF('Standard Profiles'!$G$22=$B$24,21,0),0)),0)</f>
        <v>0</v>
      </c>
      <c r="I4870">
        <f t="shared" si="545"/>
        <v>0.17469797880180649</v>
      </c>
      <c r="J4870">
        <f t="shared" si="546"/>
        <v>0.58232659600602177</v>
      </c>
      <c r="K4870">
        <f t="shared" si="547"/>
        <v>0.87348989400903254</v>
      </c>
      <c r="L4870">
        <f t="shared" si="548"/>
        <v>12.447588834160843</v>
      </c>
      <c r="M4870">
        <f t="shared" si="549"/>
        <v>0</v>
      </c>
      <c r="N4870" s="46">
        <f t="shared" si="550"/>
        <v>45493.499999988271</v>
      </c>
    </row>
    <row r="4871" spans="2:14" x14ac:dyDescent="0.3">
      <c r="B4871">
        <f t="shared" si="544"/>
        <v>6</v>
      </c>
      <c r="C4871" s="16">
        <v>4837</v>
      </c>
      <c r="D4871" cm="1">
        <f t="array" ref="D4871">IFERROR(INDEX(Jesper!AH$2:AH$366,ROUNDDOWN($C4871/24,0)+1,1)*INDEX($D$3:$AA$30,INDEX(Jesper!$R$2:$R$366,ROW(INDEX(Jesper!AH$2:AH$366,ROUNDDOWN($C4871/24,0)+1,1))-1)+IF('Standard Profiles'!$G$18=$B$10,7,0)+IF('Standard Profiles'!$G$18=$B$17,14,0)+IF('Standard Profiles'!$G$18=$B$24,21,0),MOD($C4871,24)+1)/SUM(INDEX($D$3:$AA$30,INDEX(Jesper!$R$2:$R$366,ROW(INDEX(Jesper!AH$2:AH$366,ROUNDDOWN($C4871/24,0)+1,1))-1)+IF('Standard Profiles'!$G$18=$B$10,7,0)+IF('Standard Profiles'!$G$18=$B$17,14,0)+IF('Standard Profiles'!$G$18=$B$24,21,0),0)),0)</f>
        <v>12.138955738277652</v>
      </c>
      <c r="E4871" cm="1">
        <f t="array" ref="E4871">IFERROR(INDEX(Jesper!AI$2:AI$366,ROUNDDOWN($C4871/24,0)+1,1)*INDEX($D$3:$AA$30,INDEX(Jesper!$R$2:$R$366,ROW(INDEX(Jesper!AI$2:AI$366,ROUNDDOWN($C4871/24,0)+1,1))-1)+IF('Standard Profiles'!$G$19=$B$10,7,0)+IF('Standard Profiles'!$G$19=$B$17,14,0)+IF('Standard Profiles'!$G$19=$B$24,21,0),MOD($C4871,24)+1)/SUM(INDEX($D$3:$AA$30,INDEX(Jesper!$R$2:$R$366,ROW(INDEX(Jesper!AI$2:AI$366,ROUNDDOWN($C4871/24,0)+1,1))-1)+IF('Standard Profiles'!$G$19=$B$10,7,0)+IF('Standard Profiles'!$G$19=$B$17,14,0)+IF('Standard Profiles'!$G$19=$B$24,21,0),0)),0)</f>
        <v>1.9391475647000516</v>
      </c>
      <c r="F4871" cm="1">
        <f t="array" ref="F4871">IFERROR(INDEX(Jesper!AJ$2:AJ$366,ROUNDDOWN($C4871/24,0)+1,1)*INDEX($D$3:$AA$30,INDEX(Jesper!$R$2:$R$366,ROW(INDEX(Jesper!AJ$2:AJ$366,ROUNDDOWN($C4871/24,0)+1,1))-1)+IF('Standard Profiles'!$G$20=$B$10,7,0)+IF('Standard Profiles'!$G$20=$B$17,14,0)+IF('Standard Profiles'!$G$20=$B$24,21,0),MOD($C4871,24)+1)/SUM(INDEX($D$3:$AA$30,INDEX(Jesper!$R$2:$R$366,ROW(INDEX(Jesper!AJ$2:AJ$366,ROUNDDOWN($C4871/24,0)+1,1))-1)+IF('Standard Profiles'!$G$20=$B$10,7,0)+IF('Standard Profiles'!$G$20=$B$17,14,0)+IF('Standard Profiles'!$G$20=$B$24,21,0),0)),0)</f>
        <v>0</v>
      </c>
      <c r="G4871" cm="1">
        <f t="array" ref="G4871">IFERROR(INDEX(Jesper!AK$2:AK$366,ROUNDDOWN($C4871/24,0)+1,1)*INDEX($D$3:$AA$30,INDEX(Jesper!$R$2:$R$366,ROW(INDEX(Jesper!AK$2:AK$366,ROUNDDOWN($C4871/24,0)+1,1))-1)+IF('Standard Profiles'!$G$21=$B$10,7,0)+IF('Standard Profiles'!$G$21=$B$17,14,0)+IF('Standard Profiles'!$G$21=$B$24,21,0),MOD($C4871,24)+1)/SUM(INDEX($D$3:$AA$30,INDEX(Jesper!$R$2:$R$366,ROW(INDEX(Jesper!AK$2:AK$366,ROUNDDOWN($C4871/24,0)+1,1))-1)+IF('Standard Profiles'!$G$21=$B$10,7,0)+IF('Standard Profiles'!$G$21=$B$17,14,0)+IF('Standard Profiles'!$G$21=$B$24,21,0),0)),0)</f>
        <v>0</v>
      </c>
      <c r="H4871" cm="1">
        <f t="array" ref="H4871">IFERROR(INDEX(Jesper!AL$2:AL$366,ROUNDDOWN($C4871/24,0)+1,1)*INDEX($D$3:$AA$30,INDEX(Jesper!$R$2:$R$366,ROW(INDEX(Jesper!AL$2:AL$366,ROUNDDOWN($C4871/24,0)+1,1))-1)+IF('Standard Profiles'!$G$22=$B$10,7,0)+IF('Standard Profiles'!$G$22=$B$17,14,0)+IF('Standard Profiles'!$G$22=$B$24,21,0),MOD($C4871,24)+1)/SUM(INDEX($D$3:$AA$30,INDEX(Jesper!$R$2:$R$366,ROW(INDEX(Jesper!AL$2:AL$366,ROUNDDOWN($C4871/24,0)+1,1))-1)+IF('Standard Profiles'!$G$22=$B$10,7,0)+IF('Standard Profiles'!$G$22=$B$17,14,0)+IF('Standard Profiles'!$G$22=$B$24,21,0),0)),0)</f>
        <v>0</v>
      </c>
      <c r="I4871">
        <f t="shared" si="545"/>
        <v>0.17469797880180649</v>
      </c>
      <c r="J4871">
        <f t="shared" si="546"/>
        <v>0.58232659600602177</v>
      </c>
      <c r="K4871">
        <f t="shared" si="547"/>
        <v>0.87348989400903254</v>
      </c>
      <c r="L4871">
        <f t="shared" si="548"/>
        <v>12.447588834160843</v>
      </c>
      <c r="M4871">
        <f t="shared" si="549"/>
        <v>0</v>
      </c>
      <c r="N4871" s="46">
        <f t="shared" si="550"/>
        <v>45493.541666654935</v>
      </c>
    </row>
    <row r="4872" spans="2:14" x14ac:dyDescent="0.3">
      <c r="B4872">
        <f t="shared" si="544"/>
        <v>6</v>
      </c>
      <c r="C4872" s="16">
        <v>4838</v>
      </c>
      <c r="D4872" cm="1">
        <f t="array" ref="D4872">IFERROR(INDEX(Jesper!AH$2:AH$366,ROUNDDOWN($C4872/24,0)+1,1)*INDEX($D$3:$AA$30,INDEX(Jesper!$R$2:$R$366,ROW(INDEX(Jesper!AH$2:AH$366,ROUNDDOWN($C4872/24,0)+1,1))-1)+IF('Standard Profiles'!$G$18=$B$10,7,0)+IF('Standard Profiles'!$G$18=$B$17,14,0)+IF('Standard Profiles'!$G$18=$B$24,21,0),MOD($C4872,24)+1)/SUM(INDEX($D$3:$AA$30,INDEX(Jesper!$R$2:$R$366,ROW(INDEX(Jesper!AH$2:AH$366,ROUNDDOWN($C4872/24,0)+1,1))-1)+IF('Standard Profiles'!$G$18=$B$10,7,0)+IF('Standard Profiles'!$G$18=$B$17,14,0)+IF('Standard Profiles'!$G$18=$B$24,21,0),0)),0)</f>
        <v>12.138955738277652</v>
      </c>
      <c r="E4872" cm="1">
        <f t="array" ref="E4872">IFERROR(INDEX(Jesper!AI$2:AI$366,ROUNDDOWN($C4872/24,0)+1,1)*INDEX($D$3:$AA$30,INDEX(Jesper!$R$2:$R$366,ROW(INDEX(Jesper!AI$2:AI$366,ROUNDDOWN($C4872/24,0)+1,1))-1)+IF('Standard Profiles'!$G$19=$B$10,7,0)+IF('Standard Profiles'!$G$19=$B$17,14,0)+IF('Standard Profiles'!$G$19=$B$24,21,0),MOD($C4872,24)+1)/SUM(INDEX($D$3:$AA$30,INDEX(Jesper!$R$2:$R$366,ROW(INDEX(Jesper!AI$2:AI$366,ROUNDDOWN($C4872/24,0)+1,1))-1)+IF('Standard Profiles'!$G$19=$B$10,7,0)+IF('Standard Profiles'!$G$19=$B$17,14,0)+IF('Standard Profiles'!$G$19=$B$24,21,0),0)),0)</f>
        <v>1.9391475647000516</v>
      </c>
      <c r="F4872" cm="1">
        <f t="array" ref="F4872">IFERROR(INDEX(Jesper!AJ$2:AJ$366,ROUNDDOWN($C4872/24,0)+1,1)*INDEX($D$3:$AA$30,INDEX(Jesper!$R$2:$R$366,ROW(INDEX(Jesper!AJ$2:AJ$366,ROUNDDOWN($C4872/24,0)+1,1))-1)+IF('Standard Profiles'!$G$20=$B$10,7,0)+IF('Standard Profiles'!$G$20=$B$17,14,0)+IF('Standard Profiles'!$G$20=$B$24,21,0),MOD($C4872,24)+1)/SUM(INDEX($D$3:$AA$30,INDEX(Jesper!$R$2:$R$366,ROW(INDEX(Jesper!AJ$2:AJ$366,ROUNDDOWN($C4872/24,0)+1,1))-1)+IF('Standard Profiles'!$G$20=$B$10,7,0)+IF('Standard Profiles'!$G$20=$B$17,14,0)+IF('Standard Profiles'!$G$20=$B$24,21,0),0)),0)</f>
        <v>0</v>
      </c>
      <c r="G4872" cm="1">
        <f t="array" ref="G4872">IFERROR(INDEX(Jesper!AK$2:AK$366,ROUNDDOWN($C4872/24,0)+1,1)*INDEX($D$3:$AA$30,INDEX(Jesper!$R$2:$R$366,ROW(INDEX(Jesper!AK$2:AK$366,ROUNDDOWN($C4872/24,0)+1,1))-1)+IF('Standard Profiles'!$G$21=$B$10,7,0)+IF('Standard Profiles'!$G$21=$B$17,14,0)+IF('Standard Profiles'!$G$21=$B$24,21,0),MOD($C4872,24)+1)/SUM(INDEX($D$3:$AA$30,INDEX(Jesper!$R$2:$R$366,ROW(INDEX(Jesper!AK$2:AK$366,ROUNDDOWN($C4872/24,0)+1,1))-1)+IF('Standard Profiles'!$G$21=$B$10,7,0)+IF('Standard Profiles'!$G$21=$B$17,14,0)+IF('Standard Profiles'!$G$21=$B$24,21,0),0)),0)</f>
        <v>0</v>
      </c>
      <c r="H4872" cm="1">
        <f t="array" ref="H4872">IFERROR(INDEX(Jesper!AL$2:AL$366,ROUNDDOWN($C4872/24,0)+1,1)*INDEX($D$3:$AA$30,INDEX(Jesper!$R$2:$R$366,ROW(INDEX(Jesper!AL$2:AL$366,ROUNDDOWN($C4872/24,0)+1,1))-1)+IF('Standard Profiles'!$G$22=$B$10,7,0)+IF('Standard Profiles'!$G$22=$B$17,14,0)+IF('Standard Profiles'!$G$22=$B$24,21,0),MOD($C4872,24)+1)/SUM(INDEX($D$3:$AA$30,INDEX(Jesper!$R$2:$R$366,ROW(INDEX(Jesper!AL$2:AL$366,ROUNDDOWN($C4872/24,0)+1,1))-1)+IF('Standard Profiles'!$G$22=$B$10,7,0)+IF('Standard Profiles'!$G$22=$B$17,14,0)+IF('Standard Profiles'!$G$22=$B$24,21,0),0)),0)</f>
        <v>0</v>
      </c>
      <c r="I4872">
        <f t="shared" si="545"/>
        <v>0.17469797880180649</v>
      </c>
      <c r="J4872">
        <f t="shared" si="546"/>
        <v>0.58232659600602177</v>
      </c>
      <c r="K4872">
        <f t="shared" si="547"/>
        <v>0.87348989400903254</v>
      </c>
      <c r="L4872">
        <f t="shared" si="548"/>
        <v>12.447588834160843</v>
      </c>
      <c r="M4872">
        <f t="shared" si="549"/>
        <v>0</v>
      </c>
      <c r="N4872" s="46">
        <f t="shared" si="550"/>
        <v>45493.5833333216</v>
      </c>
    </row>
    <row r="4873" spans="2:14" x14ac:dyDescent="0.3">
      <c r="B4873">
        <f t="shared" si="544"/>
        <v>6</v>
      </c>
      <c r="C4873" s="16">
        <v>4839</v>
      </c>
      <c r="D4873" cm="1">
        <f t="array" ref="D4873">IFERROR(INDEX(Jesper!AH$2:AH$366,ROUNDDOWN($C4873/24,0)+1,1)*INDEX($D$3:$AA$30,INDEX(Jesper!$R$2:$R$366,ROW(INDEX(Jesper!AH$2:AH$366,ROUNDDOWN($C4873/24,0)+1,1))-1)+IF('Standard Profiles'!$G$18=$B$10,7,0)+IF('Standard Profiles'!$G$18=$B$17,14,0)+IF('Standard Profiles'!$G$18=$B$24,21,0),MOD($C4873,24)+1)/SUM(INDEX($D$3:$AA$30,INDEX(Jesper!$R$2:$R$366,ROW(INDEX(Jesper!AH$2:AH$366,ROUNDDOWN($C4873/24,0)+1,1))-1)+IF('Standard Profiles'!$G$18=$B$10,7,0)+IF('Standard Profiles'!$G$18=$B$17,14,0)+IF('Standard Profiles'!$G$18=$B$24,21,0),0)),0)</f>
        <v>10.974946283922259</v>
      </c>
      <c r="E4873" cm="1">
        <f t="array" ref="E4873">IFERROR(INDEX(Jesper!AI$2:AI$366,ROUNDDOWN($C4873/24,0)+1,1)*INDEX($D$3:$AA$30,INDEX(Jesper!$R$2:$R$366,ROW(INDEX(Jesper!AI$2:AI$366,ROUNDDOWN($C4873/24,0)+1,1))-1)+IF('Standard Profiles'!$G$19=$B$10,7,0)+IF('Standard Profiles'!$G$19=$B$17,14,0)+IF('Standard Profiles'!$G$19=$B$24,21,0),MOD($C4873,24)+1)/SUM(INDEX($D$3:$AA$30,INDEX(Jesper!$R$2:$R$366,ROW(INDEX(Jesper!AI$2:AI$366,ROUNDDOWN($C4873/24,0)+1,1))-1)+IF('Standard Profiles'!$G$19=$B$10,7,0)+IF('Standard Profiles'!$G$19=$B$17,14,0)+IF('Standard Profiles'!$G$19=$B$24,21,0),0)),0)</f>
        <v>1.7532019078110055</v>
      </c>
      <c r="F4873" cm="1">
        <f t="array" ref="F4873">IFERROR(INDEX(Jesper!AJ$2:AJ$366,ROUNDDOWN($C4873/24,0)+1,1)*INDEX($D$3:$AA$30,INDEX(Jesper!$R$2:$R$366,ROW(INDEX(Jesper!AJ$2:AJ$366,ROUNDDOWN($C4873/24,0)+1,1))-1)+IF('Standard Profiles'!$G$20=$B$10,7,0)+IF('Standard Profiles'!$G$20=$B$17,14,0)+IF('Standard Profiles'!$G$20=$B$24,21,0),MOD($C4873,24)+1)/SUM(INDEX($D$3:$AA$30,INDEX(Jesper!$R$2:$R$366,ROW(INDEX(Jesper!AJ$2:AJ$366,ROUNDDOWN($C4873/24,0)+1,1))-1)+IF('Standard Profiles'!$G$20=$B$10,7,0)+IF('Standard Profiles'!$G$20=$B$17,14,0)+IF('Standard Profiles'!$G$20=$B$24,21,0),0)),0)</f>
        <v>0</v>
      </c>
      <c r="G4873" cm="1">
        <f t="array" ref="G4873">IFERROR(INDEX(Jesper!AK$2:AK$366,ROUNDDOWN($C4873/24,0)+1,1)*INDEX($D$3:$AA$30,INDEX(Jesper!$R$2:$R$366,ROW(INDEX(Jesper!AK$2:AK$366,ROUNDDOWN($C4873/24,0)+1,1))-1)+IF('Standard Profiles'!$G$21=$B$10,7,0)+IF('Standard Profiles'!$G$21=$B$17,14,0)+IF('Standard Profiles'!$G$21=$B$24,21,0),MOD($C4873,24)+1)/SUM(INDEX($D$3:$AA$30,INDEX(Jesper!$R$2:$R$366,ROW(INDEX(Jesper!AK$2:AK$366,ROUNDDOWN($C4873/24,0)+1,1))-1)+IF('Standard Profiles'!$G$21=$B$10,7,0)+IF('Standard Profiles'!$G$21=$B$17,14,0)+IF('Standard Profiles'!$G$21=$B$24,21,0),0)),0)</f>
        <v>0</v>
      </c>
      <c r="H4873" cm="1">
        <f t="array" ref="H4873">IFERROR(INDEX(Jesper!AL$2:AL$366,ROUNDDOWN($C4873/24,0)+1,1)*INDEX($D$3:$AA$30,INDEX(Jesper!$R$2:$R$366,ROW(INDEX(Jesper!AL$2:AL$366,ROUNDDOWN($C4873/24,0)+1,1))-1)+IF('Standard Profiles'!$G$22=$B$10,7,0)+IF('Standard Profiles'!$G$22=$B$17,14,0)+IF('Standard Profiles'!$G$22=$B$24,21,0),MOD($C4873,24)+1)/SUM(INDEX($D$3:$AA$30,INDEX(Jesper!$R$2:$R$366,ROW(INDEX(Jesper!AL$2:AL$366,ROUNDDOWN($C4873/24,0)+1,1))-1)+IF('Standard Profiles'!$G$22=$B$10,7,0)+IF('Standard Profiles'!$G$22=$B$17,14,0)+IF('Standard Profiles'!$G$22=$B$24,21,0),0)),0)</f>
        <v>0</v>
      </c>
      <c r="I4873">
        <f t="shared" si="545"/>
        <v>0.15794611782081136</v>
      </c>
      <c r="J4873">
        <f t="shared" si="546"/>
        <v>0.52648705940270457</v>
      </c>
      <c r="K4873">
        <f t="shared" si="547"/>
        <v>0.7897305891040568</v>
      </c>
      <c r="L4873">
        <f t="shared" si="548"/>
        <v>11.253984425405692</v>
      </c>
      <c r="M4873">
        <f t="shared" si="549"/>
        <v>0</v>
      </c>
      <c r="N4873" s="46">
        <f t="shared" si="550"/>
        <v>45493.624999988264</v>
      </c>
    </row>
    <row r="4874" spans="2:14" x14ac:dyDescent="0.3">
      <c r="B4874">
        <f t="shared" si="544"/>
        <v>6</v>
      </c>
      <c r="C4874" s="16">
        <v>4840</v>
      </c>
      <c r="D4874" cm="1">
        <f t="array" ref="D4874">IFERROR(INDEX(Jesper!AH$2:AH$366,ROUNDDOWN($C4874/24,0)+1,1)*INDEX($D$3:$AA$30,INDEX(Jesper!$R$2:$R$366,ROW(INDEX(Jesper!AH$2:AH$366,ROUNDDOWN($C4874/24,0)+1,1))-1)+IF('Standard Profiles'!$G$18=$B$10,7,0)+IF('Standard Profiles'!$G$18=$B$17,14,0)+IF('Standard Profiles'!$G$18=$B$24,21,0),MOD($C4874,24)+1)/SUM(INDEX($D$3:$AA$30,INDEX(Jesper!$R$2:$R$366,ROW(INDEX(Jesper!AH$2:AH$366,ROUNDDOWN($C4874/24,0)+1,1))-1)+IF('Standard Profiles'!$G$18=$B$10,7,0)+IF('Standard Profiles'!$G$18=$B$17,14,0)+IF('Standard Profiles'!$G$18=$B$24,21,0),0)),0)</f>
        <v>9.9772238944747826</v>
      </c>
      <c r="E4874" cm="1">
        <f t="array" ref="E4874">IFERROR(INDEX(Jesper!AI$2:AI$366,ROUNDDOWN($C4874/24,0)+1,1)*INDEX($D$3:$AA$30,INDEX(Jesper!$R$2:$R$366,ROW(INDEX(Jesper!AI$2:AI$366,ROUNDDOWN($C4874/24,0)+1,1))-1)+IF('Standard Profiles'!$G$19=$B$10,7,0)+IF('Standard Profiles'!$G$19=$B$17,14,0)+IF('Standard Profiles'!$G$19=$B$24,21,0),MOD($C4874,24)+1)/SUM(INDEX($D$3:$AA$30,INDEX(Jesper!$R$2:$R$366,ROW(INDEX(Jesper!AI$2:AI$366,ROUNDDOWN($C4874/24,0)+1,1))-1)+IF('Standard Profiles'!$G$19=$B$10,7,0)+IF('Standard Profiles'!$G$19=$B$17,14,0)+IF('Standard Profiles'!$G$19=$B$24,21,0),0)),0)</f>
        <v>1.5938199161918232</v>
      </c>
      <c r="F4874" cm="1">
        <f t="array" ref="F4874">IFERROR(INDEX(Jesper!AJ$2:AJ$366,ROUNDDOWN($C4874/24,0)+1,1)*INDEX($D$3:$AA$30,INDEX(Jesper!$R$2:$R$366,ROW(INDEX(Jesper!AJ$2:AJ$366,ROUNDDOWN($C4874/24,0)+1,1))-1)+IF('Standard Profiles'!$G$20=$B$10,7,0)+IF('Standard Profiles'!$G$20=$B$17,14,0)+IF('Standard Profiles'!$G$20=$B$24,21,0),MOD($C4874,24)+1)/SUM(INDEX($D$3:$AA$30,INDEX(Jesper!$R$2:$R$366,ROW(INDEX(Jesper!AJ$2:AJ$366,ROUNDDOWN($C4874/24,0)+1,1))-1)+IF('Standard Profiles'!$G$20=$B$10,7,0)+IF('Standard Profiles'!$G$20=$B$17,14,0)+IF('Standard Profiles'!$G$20=$B$24,21,0),0)),0)</f>
        <v>0</v>
      </c>
      <c r="G4874" cm="1">
        <f t="array" ref="G4874">IFERROR(INDEX(Jesper!AK$2:AK$366,ROUNDDOWN($C4874/24,0)+1,1)*INDEX($D$3:$AA$30,INDEX(Jesper!$R$2:$R$366,ROW(INDEX(Jesper!AK$2:AK$366,ROUNDDOWN($C4874/24,0)+1,1))-1)+IF('Standard Profiles'!$G$21=$B$10,7,0)+IF('Standard Profiles'!$G$21=$B$17,14,0)+IF('Standard Profiles'!$G$21=$B$24,21,0),MOD($C4874,24)+1)/SUM(INDEX($D$3:$AA$30,INDEX(Jesper!$R$2:$R$366,ROW(INDEX(Jesper!AK$2:AK$366,ROUNDDOWN($C4874/24,0)+1,1))-1)+IF('Standard Profiles'!$G$21=$B$10,7,0)+IF('Standard Profiles'!$G$21=$B$17,14,0)+IF('Standard Profiles'!$G$21=$B$24,21,0),0)),0)</f>
        <v>0</v>
      </c>
      <c r="H4874" cm="1">
        <f t="array" ref="H4874">IFERROR(INDEX(Jesper!AL$2:AL$366,ROUNDDOWN($C4874/24,0)+1,1)*INDEX($D$3:$AA$30,INDEX(Jesper!$R$2:$R$366,ROW(INDEX(Jesper!AL$2:AL$366,ROUNDDOWN($C4874/24,0)+1,1))-1)+IF('Standard Profiles'!$G$22=$B$10,7,0)+IF('Standard Profiles'!$G$22=$B$17,14,0)+IF('Standard Profiles'!$G$22=$B$24,21,0),MOD($C4874,24)+1)/SUM(INDEX($D$3:$AA$30,INDEX(Jesper!$R$2:$R$366,ROW(INDEX(Jesper!AL$2:AL$366,ROUNDDOWN($C4874/24,0)+1,1))-1)+IF('Standard Profiles'!$G$22=$B$10,7,0)+IF('Standard Profiles'!$G$22=$B$17,14,0)+IF('Standard Profiles'!$G$22=$B$24,21,0),0)),0)</f>
        <v>0</v>
      </c>
      <c r="I4874">
        <f t="shared" si="545"/>
        <v>0.14358737983710124</v>
      </c>
      <c r="J4874">
        <f t="shared" si="546"/>
        <v>0.47862459945700414</v>
      </c>
      <c r="K4874">
        <f t="shared" si="547"/>
        <v>0.71793689918550618</v>
      </c>
      <c r="L4874">
        <f t="shared" si="548"/>
        <v>10.230894932186994</v>
      </c>
      <c r="M4874">
        <f t="shared" si="549"/>
        <v>0</v>
      </c>
      <c r="N4874" s="46">
        <f t="shared" si="550"/>
        <v>45493.666666654928</v>
      </c>
    </row>
    <row r="4875" spans="2:14" x14ac:dyDescent="0.3">
      <c r="B4875">
        <f t="shared" si="544"/>
        <v>6</v>
      </c>
      <c r="C4875" s="16">
        <v>4841</v>
      </c>
      <c r="D4875" cm="1">
        <f t="array" ref="D4875">IFERROR(INDEX(Jesper!AH$2:AH$366,ROUNDDOWN($C4875/24,0)+1,1)*INDEX($D$3:$AA$30,INDEX(Jesper!$R$2:$R$366,ROW(INDEX(Jesper!AH$2:AH$366,ROUNDDOWN($C4875/24,0)+1,1))-1)+IF('Standard Profiles'!$G$18=$B$10,7,0)+IF('Standard Profiles'!$G$18=$B$17,14,0)+IF('Standard Profiles'!$G$18=$B$24,21,0),MOD($C4875,24)+1)/SUM(INDEX($D$3:$AA$30,INDEX(Jesper!$R$2:$R$366,ROW(INDEX(Jesper!AH$2:AH$366,ROUNDDOWN($C4875/24,0)+1,1))-1)+IF('Standard Profiles'!$G$18=$B$10,7,0)+IF('Standard Profiles'!$G$18=$B$17,14,0)+IF('Standard Profiles'!$G$18=$B$24,21,0),0)),0)</f>
        <v>8.9795015050273044</v>
      </c>
      <c r="E4875" cm="1">
        <f t="array" ref="E4875">IFERROR(INDEX(Jesper!AI$2:AI$366,ROUNDDOWN($C4875/24,0)+1,1)*INDEX($D$3:$AA$30,INDEX(Jesper!$R$2:$R$366,ROW(INDEX(Jesper!AI$2:AI$366,ROUNDDOWN($C4875/24,0)+1,1))-1)+IF('Standard Profiles'!$G$19=$B$10,7,0)+IF('Standard Profiles'!$G$19=$B$17,14,0)+IF('Standard Profiles'!$G$19=$B$24,21,0),MOD($C4875,24)+1)/SUM(INDEX($D$3:$AA$30,INDEX(Jesper!$R$2:$R$366,ROW(INDEX(Jesper!AI$2:AI$366,ROUNDDOWN($C4875/24,0)+1,1))-1)+IF('Standard Profiles'!$G$19=$B$10,7,0)+IF('Standard Profiles'!$G$19=$B$17,14,0)+IF('Standard Profiles'!$G$19=$B$24,21,0),0)),0)</f>
        <v>1.4344379245726409</v>
      </c>
      <c r="F4875" cm="1">
        <f t="array" ref="F4875">IFERROR(INDEX(Jesper!AJ$2:AJ$366,ROUNDDOWN($C4875/24,0)+1,1)*INDEX($D$3:$AA$30,INDEX(Jesper!$R$2:$R$366,ROW(INDEX(Jesper!AJ$2:AJ$366,ROUNDDOWN($C4875/24,0)+1,1))-1)+IF('Standard Profiles'!$G$20=$B$10,7,0)+IF('Standard Profiles'!$G$20=$B$17,14,0)+IF('Standard Profiles'!$G$20=$B$24,21,0),MOD($C4875,24)+1)/SUM(INDEX($D$3:$AA$30,INDEX(Jesper!$R$2:$R$366,ROW(INDEX(Jesper!AJ$2:AJ$366,ROUNDDOWN($C4875/24,0)+1,1))-1)+IF('Standard Profiles'!$G$20=$B$10,7,0)+IF('Standard Profiles'!$G$20=$B$17,14,0)+IF('Standard Profiles'!$G$20=$B$24,21,0),0)),0)</f>
        <v>0</v>
      </c>
      <c r="G4875" cm="1">
        <f t="array" ref="G4875">IFERROR(INDEX(Jesper!AK$2:AK$366,ROUNDDOWN($C4875/24,0)+1,1)*INDEX($D$3:$AA$30,INDEX(Jesper!$R$2:$R$366,ROW(INDEX(Jesper!AK$2:AK$366,ROUNDDOWN($C4875/24,0)+1,1))-1)+IF('Standard Profiles'!$G$21=$B$10,7,0)+IF('Standard Profiles'!$G$21=$B$17,14,0)+IF('Standard Profiles'!$G$21=$B$24,21,0),MOD($C4875,24)+1)/SUM(INDEX($D$3:$AA$30,INDEX(Jesper!$R$2:$R$366,ROW(INDEX(Jesper!AK$2:AK$366,ROUNDDOWN($C4875/24,0)+1,1))-1)+IF('Standard Profiles'!$G$21=$B$10,7,0)+IF('Standard Profiles'!$G$21=$B$17,14,0)+IF('Standard Profiles'!$G$21=$B$24,21,0),0)),0)</f>
        <v>0</v>
      </c>
      <c r="H4875" cm="1">
        <f t="array" ref="H4875">IFERROR(INDEX(Jesper!AL$2:AL$366,ROUNDDOWN($C4875/24,0)+1,1)*INDEX($D$3:$AA$30,INDEX(Jesper!$R$2:$R$366,ROW(INDEX(Jesper!AL$2:AL$366,ROUNDDOWN($C4875/24,0)+1,1))-1)+IF('Standard Profiles'!$G$22=$B$10,7,0)+IF('Standard Profiles'!$G$22=$B$17,14,0)+IF('Standard Profiles'!$G$22=$B$24,21,0),MOD($C4875,24)+1)/SUM(INDEX($D$3:$AA$30,INDEX(Jesper!$R$2:$R$366,ROW(INDEX(Jesper!AL$2:AL$366,ROUNDDOWN($C4875/24,0)+1,1))-1)+IF('Standard Profiles'!$G$22=$B$10,7,0)+IF('Standard Profiles'!$G$22=$B$17,14,0)+IF('Standard Profiles'!$G$22=$B$24,21,0),0)),0)</f>
        <v>0</v>
      </c>
      <c r="I4875">
        <f t="shared" si="545"/>
        <v>0.12922864185339111</v>
      </c>
      <c r="J4875">
        <f t="shared" si="546"/>
        <v>0.43076213951130371</v>
      </c>
      <c r="K4875">
        <f t="shared" si="547"/>
        <v>0.64614320926695556</v>
      </c>
      <c r="L4875">
        <f t="shared" si="548"/>
        <v>9.2078054389682951</v>
      </c>
      <c r="M4875">
        <f t="shared" si="549"/>
        <v>0</v>
      </c>
      <c r="N4875" s="46">
        <f t="shared" si="550"/>
        <v>45493.708333321592</v>
      </c>
    </row>
    <row r="4876" spans="2:14" x14ac:dyDescent="0.3">
      <c r="B4876">
        <f t="shared" si="544"/>
        <v>6</v>
      </c>
      <c r="C4876" s="16">
        <v>4842</v>
      </c>
      <c r="D4876" cm="1">
        <f t="array" ref="D4876">IFERROR(INDEX(Jesper!AH$2:AH$366,ROUNDDOWN($C4876/24,0)+1,1)*INDEX($D$3:$AA$30,INDEX(Jesper!$R$2:$R$366,ROW(INDEX(Jesper!AH$2:AH$366,ROUNDDOWN($C4876/24,0)+1,1))-1)+IF('Standard Profiles'!$G$18=$B$10,7,0)+IF('Standard Profiles'!$G$18=$B$17,14,0)+IF('Standard Profiles'!$G$18=$B$24,21,0),MOD($C4876,24)+1)/SUM(INDEX($D$3:$AA$30,INDEX(Jesper!$R$2:$R$366,ROW(INDEX(Jesper!AH$2:AH$366,ROUNDDOWN($C4876/24,0)+1,1))-1)+IF('Standard Profiles'!$G$18=$B$10,7,0)+IF('Standard Profiles'!$G$18=$B$17,14,0)+IF('Standard Profiles'!$G$18=$B$24,21,0),0)),0)</f>
        <v>8.6469273752114777</v>
      </c>
      <c r="E4876" cm="1">
        <f t="array" ref="E4876">IFERROR(INDEX(Jesper!AI$2:AI$366,ROUNDDOWN($C4876/24,0)+1,1)*INDEX($D$3:$AA$30,INDEX(Jesper!$R$2:$R$366,ROW(INDEX(Jesper!AI$2:AI$366,ROUNDDOWN($C4876/24,0)+1,1))-1)+IF('Standard Profiles'!$G$19=$B$10,7,0)+IF('Standard Profiles'!$G$19=$B$17,14,0)+IF('Standard Profiles'!$G$19=$B$24,21,0),MOD($C4876,24)+1)/SUM(INDEX($D$3:$AA$30,INDEX(Jesper!$R$2:$R$366,ROW(INDEX(Jesper!AI$2:AI$366,ROUNDDOWN($C4876/24,0)+1,1))-1)+IF('Standard Profiles'!$G$19=$B$10,7,0)+IF('Standard Profiles'!$G$19=$B$17,14,0)+IF('Standard Profiles'!$G$19=$B$24,21,0),0)),0)</f>
        <v>1.3813105940329133</v>
      </c>
      <c r="F4876" cm="1">
        <f t="array" ref="F4876">IFERROR(INDEX(Jesper!AJ$2:AJ$366,ROUNDDOWN($C4876/24,0)+1,1)*INDEX($D$3:$AA$30,INDEX(Jesper!$R$2:$R$366,ROW(INDEX(Jesper!AJ$2:AJ$366,ROUNDDOWN($C4876/24,0)+1,1))-1)+IF('Standard Profiles'!$G$20=$B$10,7,0)+IF('Standard Profiles'!$G$20=$B$17,14,0)+IF('Standard Profiles'!$G$20=$B$24,21,0),MOD($C4876,24)+1)/SUM(INDEX($D$3:$AA$30,INDEX(Jesper!$R$2:$R$366,ROW(INDEX(Jesper!AJ$2:AJ$366,ROUNDDOWN($C4876/24,0)+1,1))-1)+IF('Standard Profiles'!$G$20=$B$10,7,0)+IF('Standard Profiles'!$G$20=$B$17,14,0)+IF('Standard Profiles'!$G$20=$B$24,21,0),0)),0)</f>
        <v>0</v>
      </c>
      <c r="G4876" cm="1">
        <f t="array" ref="G4876">IFERROR(INDEX(Jesper!AK$2:AK$366,ROUNDDOWN($C4876/24,0)+1,1)*INDEX($D$3:$AA$30,INDEX(Jesper!$R$2:$R$366,ROW(INDEX(Jesper!AK$2:AK$366,ROUNDDOWN($C4876/24,0)+1,1))-1)+IF('Standard Profiles'!$G$21=$B$10,7,0)+IF('Standard Profiles'!$G$21=$B$17,14,0)+IF('Standard Profiles'!$G$21=$B$24,21,0),MOD($C4876,24)+1)/SUM(INDEX($D$3:$AA$30,INDEX(Jesper!$R$2:$R$366,ROW(INDEX(Jesper!AK$2:AK$366,ROUNDDOWN($C4876/24,0)+1,1))-1)+IF('Standard Profiles'!$G$21=$B$10,7,0)+IF('Standard Profiles'!$G$21=$B$17,14,0)+IF('Standard Profiles'!$G$21=$B$24,21,0),0)),0)</f>
        <v>0</v>
      </c>
      <c r="H4876" cm="1">
        <f t="array" ref="H4876">IFERROR(INDEX(Jesper!AL$2:AL$366,ROUNDDOWN($C4876/24,0)+1,1)*INDEX($D$3:$AA$30,INDEX(Jesper!$R$2:$R$366,ROW(INDEX(Jesper!AL$2:AL$366,ROUNDDOWN($C4876/24,0)+1,1))-1)+IF('Standard Profiles'!$G$22=$B$10,7,0)+IF('Standard Profiles'!$G$22=$B$17,14,0)+IF('Standard Profiles'!$G$22=$B$24,21,0),MOD($C4876,24)+1)/SUM(INDEX($D$3:$AA$30,INDEX(Jesper!$R$2:$R$366,ROW(INDEX(Jesper!AL$2:AL$366,ROUNDDOWN($C4876/24,0)+1,1))-1)+IF('Standard Profiles'!$G$22=$B$10,7,0)+IF('Standard Profiles'!$G$22=$B$17,14,0)+IF('Standard Profiles'!$G$22=$B$24,21,0),0)),0)</f>
        <v>0</v>
      </c>
      <c r="I4876">
        <f t="shared" si="545"/>
        <v>0.12444239585882105</v>
      </c>
      <c r="J4876">
        <f t="shared" si="546"/>
        <v>0.41480798619607023</v>
      </c>
      <c r="K4876">
        <f t="shared" si="547"/>
        <v>0.62221197929410532</v>
      </c>
      <c r="L4876">
        <f t="shared" si="548"/>
        <v>8.866775607895395</v>
      </c>
      <c r="M4876">
        <f t="shared" si="549"/>
        <v>0</v>
      </c>
      <c r="N4876" s="46">
        <f t="shared" si="550"/>
        <v>45493.749999988257</v>
      </c>
    </row>
    <row r="4877" spans="2:14" x14ac:dyDescent="0.3">
      <c r="B4877">
        <f t="shared" si="544"/>
        <v>6</v>
      </c>
      <c r="C4877" s="16">
        <v>4843</v>
      </c>
      <c r="D4877" cm="1">
        <f t="array" ref="D4877">IFERROR(INDEX(Jesper!AH$2:AH$366,ROUNDDOWN($C4877/24,0)+1,1)*INDEX($D$3:$AA$30,INDEX(Jesper!$R$2:$R$366,ROW(INDEX(Jesper!AH$2:AH$366,ROUNDDOWN($C4877/24,0)+1,1))-1)+IF('Standard Profiles'!$G$18=$B$10,7,0)+IF('Standard Profiles'!$G$18=$B$17,14,0)+IF('Standard Profiles'!$G$18=$B$24,21,0),MOD($C4877,24)+1)/SUM(INDEX($D$3:$AA$30,INDEX(Jesper!$R$2:$R$366,ROW(INDEX(Jesper!AH$2:AH$366,ROUNDDOWN($C4877/24,0)+1,1))-1)+IF('Standard Profiles'!$G$18=$B$10,7,0)+IF('Standard Profiles'!$G$18=$B$17,14,0)+IF('Standard Profiles'!$G$18=$B$24,21,0),0)),0)</f>
        <v>6.984056726132347</v>
      </c>
      <c r="E4877" cm="1">
        <f t="array" ref="E4877">IFERROR(INDEX(Jesper!AI$2:AI$366,ROUNDDOWN($C4877/24,0)+1,1)*INDEX($D$3:$AA$30,INDEX(Jesper!$R$2:$R$366,ROW(INDEX(Jesper!AI$2:AI$366,ROUNDDOWN($C4877/24,0)+1,1))-1)+IF('Standard Profiles'!$G$19=$B$10,7,0)+IF('Standard Profiles'!$G$19=$B$17,14,0)+IF('Standard Profiles'!$G$19=$B$24,21,0),MOD($C4877,24)+1)/SUM(INDEX($D$3:$AA$30,INDEX(Jesper!$R$2:$R$366,ROW(INDEX(Jesper!AI$2:AI$366,ROUNDDOWN($C4877/24,0)+1,1))-1)+IF('Standard Profiles'!$G$19=$B$10,7,0)+IF('Standard Profiles'!$G$19=$B$17,14,0)+IF('Standard Profiles'!$G$19=$B$24,21,0),0)),0)</f>
        <v>1.115673941334276</v>
      </c>
      <c r="F4877" cm="1">
        <f t="array" ref="F4877">IFERROR(INDEX(Jesper!AJ$2:AJ$366,ROUNDDOWN($C4877/24,0)+1,1)*INDEX($D$3:$AA$30,INDEX(Jesper!$R$2:$R$366,ROW(INDEX(Jesper!AJ$2:AJ$366,ROUNDDOWN($C4877/24,0)+1,1))-1)+IF('Standard Profiles'!$G$20=$B$10,7,0)+IF('Standard Profiles'!$G$20=$B$17,14,0)+IF('Standard Profiles'!$G$20=$B$24,21,0),MOD($C4877,24)+1)/SUM(INDEX($D$3:$AA$30,INDEX(Jesper!$R$2:$R$366,ROW(INDEX(Jesper!AJ$2:AJ$366,ROUNDDOWN($C4877/24,0)+1,1))-1)+IF('Standard Profiles'!$G$20=$B$10,7,0)+IF('Standard Profiles'!$G$20=$B$17,14,0)+IF('Standard Profiles'!$G$20=$B$24,21,0),0)),0)</f>
        <v>0</v>
      </c>
      <c r="G4877" cm="1">
        <f t="array" ref="G4877">IFERROR(INDEX(Jesper!AK$2:AK$366,ROUNDDOWN($C4877/24,0)+1,1)*INDEX($D$3:$AA$30,INDEX(Jesper!$R$2:$R$366,ROW(INDEX(Jesper!AK$2:AK$366,ROUNDDOWN($C4877/24,0)+1,1))-1)+IF('Standard Profiles'!$G$21=$B$10,7,0)+IF('Standard Profiles'!$G$21=$B$17,14,0)+IF('Standard Profiles'!$G$21=$B$24,21,0),MOD($C4877,24)+1)/SUM(INDEX($D$3:$AA$30,INDEX(Jesper!$R$2:$R$366,ROW(INDEX(Jesper!AK$2:AK$366,ROUNDDOWN($C4877/24,0)+1,1))-1)+IF('Standard Profiles'!$G$21=$B$10,7,0)+IF('Standard Profiles'!$G$21=$B$17,14,0)+IF('Standard Profiles'!$G$21=$B$24,21,0),0)),0)</f>
        <v>0</v>
      </c>
      <c r="H4877" cm="1">
        <f t="array" ref="H4877">IFERROR(INDEX(Jesper!AL$2:AL$366,ROUNDDOWN($C4877/24,0)+1,1)*INDEX($D$3:$AA$30,INDEX(Jesper!$R$2:$R$366,ROW(INDEX(Jesper!AL$2:AL$366,ROUNDDOWN($C4877/24,0)+1,1))-1)+IF('Standard Profiles'!$G$22=$B$10,7,0)+IF('Standard Profiles'!$G$22=$B$17,14,0)+IF('Standard Profiles'!$G$22=$B$24,21,0),MOD($C4877,24)+1)/SUM(INDEX($D$3:$AA$30,INDEX(Jesper!$R$2:$R$366,ROW(INDEX(Jesper!AL$2:AL$366,ROUNDDOWN($C4877/24,0)+1,1))-1)+IF('Standard Profiles'!$G$22=$B$10,7,0)+IF('Standard Profiles'!$G$22=$B$17,14,0)+IF('Standard Profiles'!$G$22=$B$24,21,0),0)),0)</f>
        <v>0</v>
      </c>
      <c r="I4877">
        <f t="shared" si="545"/>
        <v>0.10051116588597084</v>
      </c>
      <c r="J4877">
        <f t="shared" si="546"/>
        <v>0.33503721961990285</v>
      </c>
      <c r="K4877">
        <f t="shared" si="547"/>
        <v>0.50255582942985422</v>
      </c>
      <c r="L4877">
        <f t="shared" si="548"/>
        <v>7.1616264525308955</v>
      </c>
      <c r="M4877">
        <f t="shared" si="549"/>
        <v>0</v>
      </c>
      <c r="N4877" s="46">
        <f t="shared" si="550"/>
        <v>45493.791666654921</v>
      </c>
    </row>
    <row r="4878" spans="2:14" x14ac:dyDescent="0.3">
      <c r="B4878">
        <f t="shared" si="544"/>
        <v>6</v>
      </c>
      <c r="C4878" s="16">
        <v>4844</v>
      </c>
      <c r="D4878" cm="1">
        <f t="array" ref="D4878">IFERROR(INDEX(Jesper!AH$2:AH$366,ROUNDDOWN($C4878/24,0)+1,1)*INDEX($D$3:$AA$30,INDEX(Jesper!$R$2:$R$366,ROW(INDEX(Jesper!AH$2:AH$366,ROUNDDOWN($C4878/24,0)+1,1))-1)+IF('Standard Profiles'!$G$18=$B$10,7,0)+IF('Standard Profiles'!$G$18=$B$17,14,0)+IF('Standard Profiles'!$G$18=$B$24,21,0),MOD($C4878,24)+1)/SUM(INDEX($D$3:$AA$30,INDEX(Jesper!$R$2:$R$366,ROW(INDEX(Jesper!AH$2:AH$366,ROUNDDOWN($C4878/24,0)+1,1))-1)+IF('Standard Profiles'!$G$18=$B$10,7,0)+IF('Standard Profiles'!$G$18=$B$17,14,0)+IF('Standard Profiles'!$G$18=$B$24,21,0),0)),0)</f>
        <v>5.1548990121453038</v>
      </c>
      <c r="E4878" cm="1">
        <f t="array" ref="E4878">IFERROR(INDEX(Jesper!AI$2:AI$366,ROUNDDOWN($C4878/24,0)+1,1)*INDEX($D$3:$AA$30,INDEX(Jesper!$R$2:$R$366,ROW(INDEX(Jesper!AI$2:AI$366,ROUNDDOWN($C4878/24,0)+1,1))-1)+IF('Standard Profiles'!$G$19=$B$10,7,0)+IF('Standard Profiles'!$G$19=$B$17,14,0)+IF('Standard Profiles'!$G$19=$B$24,21,0),MOD($C4878,24)+1)/SUM(INDEX($D$3:$AA$30,INDEX(Jesper!$R$2:$R$366,ROW(INDEX(Jesper!AI$2:AI$366,ROUNDDOWN($C4878/24,0)+1,1))-1)+IF('Standard Profiles'!$G$19=$B$10,7,0)+IF('Standard Profiles'!$G$19=$B$17,14,0)+IF('Standard Profiles'!$G$19=$B$24,21,0),0)),0)</f>
        <v>0.82347362336577523</v>
      </c>
      <c r="F4878" cm="1">
        <f t="array" ref="F4878">IFERROR(INDEX(Jesper!AJ$2:AJ$366,ROUNDDOWN($C4878/24,0)+1,1)*INDEX($D$3:$AA$30,INDEX(Jesper!$R$2:$R$366,ROW(INDEX(Jesper!AJ$2:AJ$366,ROUNDDOWN($C4878/24,0)+1,1))-1)+IF('Standard Profiles'!$G$20=$B$10,7,0)+IF('Standard Profiles'!$G$20=$B$17,14,0)+IF('Standard Profiles'!$G$20=$B$24,21,0),MOD($C4878,24)+1)/SUM(INDEX($D$3:$AA$30,INDEX(Jesper!$R$2:$R$366,ROW(INDEX(Jesper!AJ$2:AJ$366,ROUNDDOWN($C4878/24,0)+1,1))-1)+IF('Standard Profiles'!$G$20=$B$10,7,0)+IF('Standard Profiles'!$G$20=$B$17,14,0)+IF('Standard Profiles'!$G$20=$B$24,21,0),0)),0)</f>
        <v>0</v>
      </c>
      <c r="G4878" cm="1">
        <f t="array" ref="G4878">IFERROR(INDEX(Jesper!AK$2:AK$366,ROUNDDOWN($C4878/24,0)+1,1)*INDEX($D$3:$AA$30,INDEX(Jesper!$R$2:$R$366,ROW(INDEX(Jesper!AK$2:AK$366,ROUNDDOWN($C4878/24,0)+1,1))-1)+IF('Standard Profiles'!$G$21=$B$10,7,0)+IF('Standard Profiles'!$G$21=$B$17,14,0)+IF('Standard Profiles'!$G$21=$B$24,21,0),MOD($C4878,24)+1)/SUM(INDEX($D$3:$AA$30,INDEX(Jesper!$R$2:$R$366,ROW(INDEX(Jesper!AK$2:AK$366,ROUNDDOWN($C4878/24,0)+1,1))-1)+IF('Standard Profiles'!$G$21=$B$10,7,0)+IF('Standard Profiles'!$G$21=$B$17,14,0)+IF('Standard Profiles'!$G$21=$B$24,21,0),0)),0)</f>
        <v>0</v>
      </c>
      <c r="H4878" cm="1">
        <f t="array" ref="H4878">IFERROR(INDEX(Jesper!AL$2:AL$366,ROUNDDOWN($C4878/24,0)+1,1)*INDEX($D$3:$AA$30,INDEX(Jesper!$R$2:$R$366,ROW(INDEX(Jesper!AL$2:AL$366,ROUNDDOWN($C4878/24,0)+1,1))-1)+IF('Standard Profiles'!$G$22=$B$10,7,0)+IF('Standard Profiles'!$G$22=$B$17,14,0)+IF('Standard Profiles'!$G$22=$B$24,21,0),MOD($C4878,24)+1)/SUM(INDEX($D$3:$AA$30,INDEX(Jesper!$R$2:$R$366,ROW(INDEX(Jesper!AL$2:AL$366,ROUNDDOWN($C4878/24,0)+1,1))-1)+IF('Standard Profiles'!$G$22=$B$10,7,0)+IF('Standard Profiles'!$G$22=$B$17,14,0)+IF('Standard Profiles'!$G$22=$B$24,21,0),0)),0)</f>
        <v>0</v>
      </c>
      <c r="I4878">
        <f t="shared" si="545"/>
        <v>7.418681291583562E-2</v>
      </c>
      <c r="J4878">
        <f t="shared" si="546"/>
        <v>0.24728937638611878</v>
      </c>
      <c r="K4878">
        <f t="shared" si="547"/>
        <v>0.37093406457917816</v>
      </c>
      <c r="L4878">
        <f t="shared" si="548"/>
        <v>5.2859623816299468</v>
      </c>
      <c r="M4878">
        <f t="shared" si="549"/>
        <v>0</v>
      </c>
      <c r="N4878" s="46">
        <f t="shared" si="550"/>
        <v>45493.833333321585</v>
      </c>
    </row>
    <row r="4879" spans="2:14" x14ac:dyDescent="0.3">
      <c r="B4879">
        <f t="shared" si="544"/>
        <v>6</v>
      </c>
      <c r="C4879" s="16">
        <v>4845</v>
      </c>
      <c r="D4879" cm="1">
        <f t="array" ref="D4879">IFERROR(INDEX(Jesper!AH$2:AH$366,ROUNDDOWN($C4879/24,0)+1,1)*INDEX($D$3:$AA$30,INDEX(Jesper!$R$2:$R$366,ROW(INDEX(Jesper!AH$2:AH$366,ROUNDDOWN($C4879/24,0)+1,1))-1)+IF('Standard Profiles'!$G$18=$B$10,7,0)+IF('Standard Profiles'!$G$18=$B$17,14,0)+IF('Standard Profiles'!$G$18=$B$24,21,0),MOD($C4879,24)+1)/SUM(INDEX($D$3:$AA$30,INDEX(Jesper!$R$2:$R$366,ROW(INDEX(Jesper!AH$2:AH$366,ROUNDDOWN($C4879/24,0)+1,1))-1)+IF('Standard Profiles'!$G$18=$B$10,7,0)+IF('Standard Profiles'!$G$18=$B$17,14,0)+IF('Standard Profiles'!$G$18=$B$24,21,0),0)),0)</f>
        <v>5.1548990121453038</v>
      </c>
      <c r="E4879" cm="1">
        <f t="array" ref="E4879">IFERROR(INDEX(Jesper!AI$2:AI$366,ROUNDDOWN($C4879/24,0)+1,1)*INDEX($D$3:$AA$30,INDEX(Jesper!$R$2:$R$366,ROW(INDEX(Jesper!AI$2:AI$366,ROUNDDOWN($C4879/24,0)+1,1))-1)+IF('Standard Profiles'!$G$19=$B$10,7,0)+IF('Standard Profiles'!$G$19=$B$17,14,0)+IF('Standard Profiles'!$G$19=$B$24,21,0),MOD($C4879,24)+1)/SUM(INDEX($D$3:$AA$30,INDEX(Jesper!$R$2:$R$366,ROW(INDEX(Jesper!AI$2:AI$366,ROUNDDOWN($C4879/24,0)+1,1))-1)+IF('Standard Profiles'!$G$19=$B$10,7,0)+IF('Standard Profiles'!$G$19=$B$17,14,0)+IF('Standard Profiles'!$G$19=$B$24,21,0),0)),0)</f>
        <v>0.82347362336577523</v>
      </c>
      <c r="F4879" cm="1">
        <f t="array" ref="F4879">IFERROR(INDEX(Jesper!AJ$2:AJ$366,ROUNDDOWN($C4879/24,0)+1,1)*INDEX($D$3:$AA$30,INDEX(Jesper!$R$2:$R$366,ROW(INDEX(Jesper!AJ$2:AJ$366,ROUNDDOWN($C4879/24,0)+1,1))-1)+IF('Standard Profiles'!$G$20=$B$10,7,0)+IF('Standard Profiles'!$G$20=$B$17,14,0)+IF('Standard Profiles'!$G$20=$B$24,21,0),MOD($C4879,24)+1)/SUM(INDEX($D$3:$AA$30,INDEX(Jesper!$R$2:$R$366,ROW(INDEX(Jesper!AJ$2:AJ$366,ROUNDDOWN($C4879/24,0)+1,1))-1)+IF('Standard Profiles'!$G$20=$B$10,7,0)+IF('Standard Profiles'!$G$20=$B$17,14,0)+IF('Standard Profiles'!$G$20=$B$24,21,0),0)),0)</f>
        <v>0</v>
      </c>
      <c r="G4879" cm="1">
        <f t="array" ref="G4879">IFERROR(INDEX(Jesper!AK$2:AK$366,ROUNDDOWN($C4879/24,0)+1,1)*INDEX($D$3:$AA$30,INDEX(Jesper!$R$2:$R$366,ROW(INDEX(Jesper!AK$2:AK$366,ROUNDDOWN($C4879/24,0)+1,1))-1)+IF('Standard Profiles'!$G$21=$B$10,7,0)+IF('Standard Profiles'!$G$21=$B$17,14,0)+IF('Standard Profiles'!$G$21=$B$24,21,0),MOD($C4879,24)+1)/SUM(INDEX($D$3:$AA$30,INDEX(Jesper!$R$2:$R$366,ROW(INDEX(Jesper!AK$2:AK$366,ROUNDDOWN($C4879/24,0)+1,1))-1)+IF('Standard Profiles'!$G$21=$B$10,7,0)+IF('Standard Profiles'!$G$21=$B$17,14,0)+IF('Standard Profiles'!$G$21=$B$24,21,0),0)),0)</f>
        <v>0</v>
      </c>
      <c r="H4879" cm="1">
        <f t="array" ref="H4879">IFERROR(INDEX(Jesper!AL$2:AL$366,ROUNDDOWN($C4879/24,0)+1,1)*INDEX($D$3:$AA$30,INDEX(Jesper!$R$2:$R$366,ROW(INDEX(Jesper!AL$2:AL$366,ROUNDDOWN($C4879/24,0)+1,1))-1)+IF('Standard Profiles'!$G$22=$B$10,7,0)+IF('Standard Profiles'!$G$22=$B$17,14,0)+IF('Standard Profiles'!$G$22=$B$24,21,0),MOD($C4879,24)+1)/SUM(INDEX($D$3:$AA$30,INDEX(Jesper!$R$2:$R$366,ROW(INDEX(Jesper!AL$2:AL$366,ROUNDDOWN($C4879/24,0)+1,1))-1)+IF('Standard Profiles'!$G$22=$B$10,7,0)+IF('Standard Profiles'!$G$22=$B$17,14,0)+IF('Standard Profiles'!$G$22=$B$24,21,0),0)),0)</f>
        <v>0</v>
      </c>
      <c r="I4879">
        <f t="shared" si="545"/>
        <v>7.418681291583562E-2</v>
      </c>
      <c r="J4879">
        <f t="shared" si="546"/>
        <v>0.24728937638611878</v>
      </c>
      <c r="K4879">
        <f t="shared" si="547"/>
        <v>0.37093406457917816</v>
      </c>
      <c r="L4879">
        <f t="shared" si="548"/>
        <v>5.2859623816299468</v>
      </c>
      <c r="M4879">
        <f t="shared" si="549"/>
        <v>0</v>
      </c>
      <c r="N4879" s="46">
        <f t="shared" si="550"/>
        <v>45493.874999988249</v>
      </c>
    </row>
    <row r="4880" spans="2:14" x14ac:dyDescent="0.3">
      <c r="B4880">
        <f t="shared" si="544"/>
        <v>6</v>
      </c>
      <c r="C4880" s="16">
        <v>4846</v>
      </c>
      <c r="D4880" cm="1">
        <f t="array" ref="D4880">IFERROR(INDEX(Jesper!AH$2:AH$366,ROUNDDOWN($C4880/24,0)+1,1)*INDEX($D$3:$AA$30,INDEX(Jesper!$R$2:$R$366,ROW(INDEX(Jesper!AH$2:AH$366,ROUNDDOWN($C4880/24,0)+1,1))-1)+IF('Standard Profiles'!$G$18=$B$10,7,0)+IF('Standard Profiles'!$G$18=$B$17,14,0)+IF('Standard Profiles'!$G$18=$B$24,21,0),MOD($C4880,24)+1)/SUM(INDEX($D$3:$AA$30,INDEX(Jesper!$R$2:$R$366,ROW(INDEX(Jesper!AH$2:AH$366,ROUNDDOWN($C4880/24,0)+1,1))-1)+IF('Standard Profiles'!$G$18=$B$10,7,0)+IF('Standard Profiles'!$G$18=$B$17,14,0)+IF('Standard Profiles'!$G$18=$B$24,21,0),0)),0)</f>
        <v>5.1548990121453038</v>
      </c>
      <c r="E4880" cm="1">
        <f t="array" ref="E4880">IFERROR(INDEX(Jesper!AI$2:AI$366,ROUNDDOWN($C4880/24,0)+1,1)*INDEX($D$3:$AA$30,INDEX(Jesper!$R$2:$R$366,ROW(INDEX(Jesper!AI$2:AI$366,ROUNDDOWN($C4880/24,0)+1,1))-1)+IF('Standard Profiles'!$G$19=$B$10,7,0)+IF('Standard Profiles'!$G$19=$B$17,14,0)+IF('Standard Profiles'!$G$19=$B$24,21,0),MOD($C4880,24)+1)/SUM(INDEX($D$3:$AA$30,INDEX(Jesper!$R$2:$R$366,ROW(INDEX(Jesper!AI$2:AI$366,ROUNDDOWN($C4880/24,0)+1,1))-1)+IF('Standard Profiles'!$G$19=$B$10,7,0)+IF('Standard Profiles'!$G$19=$B$17,14,0)+IF('Standard Profiles'!$G$19=$B$24,21,0),0)),0)</f>
        <v>0.82347362336577523</v>
      </c>
      <c r="F4880" cm="1">
        <f t="array" ref="F4880">IFERROR(INDEX(Jesper!AJ$2:AJ$366,ROUNDDOWN($C4880/24,0)+1,1)*INDEX($D$3:$AA$30,INDEX(Jesper!$R$2:$R$366,ROW(INDEX(Jesper!AJ$2:AJ$366,ROUNDDOWN($C4880/24,0)+1,1))-1)+IF('Standard Profiles'!$G$20=$B$10,7,0)+IF('Standard Profiles'!$G$20=$B$17,14,0)+IF('Standard Profiles'!$G$20=$B$24,21,0),MOD($C4880,24)+1)/SUM(INDEX($D$3:$AA$30,INDEX(Jesper!$R$2:$R$366,ROW(INDEX(Jesper!AJ$2:AJ$366,ROUNDDOWN($C4880/24,0)+1,1))-1)+IF('Standard Profiles'!$G$20=$B$10,7,0)+IF('Standard Profiles'!$G$20=$B$17,14,0)+IF('Standard Profiles'!$G$20=$B$24,21,0),0)),0)</f>
        <v>0</v>
      </c>
      <c r="G4880" cm="1">
        <f t="array" ref="G4880">IFERROR(INDEX(Jesper!AK$2:AK$366,ROUNDDOWN($C4880/24,0)+1,1)*INDEX($D$3:$AA$30,INDEX(Jesper!$R$2:$R$366,ROW(INDEX(Jesper!AK$2:AK$366,ROUNDDOWN($C4880/24,0)+1,1))-1)+IF('Standard Profiles'!$G$21=$B$10,7,0)+IF('Standard Profiles'!$G$21=$B$17,14,0)+IF('Standard Profiles'!$G$21=$B$24,21,0),MOD($C4880,24)+1)/SUM(INDEX($D$3:$AA$30,INDEX(Jesper!$R$2:$R$366,ROW(INDEX(Jesper!AK$2:AK$366,ROUNDDOWN($C4880/24,0)+1,1))-1)+IF('Standard Profiles'!$G$21=$B$10,7,0)+IF('Standard Profiles'!$G$21=$B$17,14,0)+IF('Standard Profiles'!$G$21=$B$24,21,0),0)),0)</f>
        <v>0</v>
      </c>
      <c r="H4880" cm="1">
        <f t="array" ref="H4880">IFERROR(INDEX(Jesper!AL$2:AL$366,ROUNDDOWN($C4880/24,0)+1,1)*INDEX($D$3:$AA$30,INDEX(Jesper!$R$2:$R$366,ROW(INDEX(Jesper!AL$2:AL$366,ROUNDDOWN($C4880/24,0)+1,1))-1)+IF('Standard Profiles'!$G$22=$B$10,7,0)+IF('Standard Profiles'!$G$22=$B$17,14,0)+IF('Standard Profiles'!$G$22=$B$24,21,0),MOD($C4880,24)+1)/SUM(INDEX($D$3:$AA$30,INDEX(Jesper!$R$2:$R$366,ROW(INDEX(Jesper!AL$2:AL$366,ROUNDDOWN($C4880/24,0)+1,1))-1)+IF('Standard Profiles'!$G$22=$B$10,7,0)+IF('Standard Profiles'!$G$22=$B$17,14,0)+IF('Standard Profiles'!$G$22=$B$24,21,0),0)),0)</f>
        <v>0</v>
      </c>
      <c r="I4880">
        <f t="shared" si="545"/>
        <v>7.418681291583562E-2</v>
      </c>
      <c r="J4880">
        <f t="shared" si="546"/>
        <v>0.24728937638611878</v>
      </c>
      <c r="K4880">
        <f t="shared" si="547"/>
        <v>0.37093406457917816</v>
      </c>
      <c r="L4880">
        <f t="shared" si="548"/>
        <v>5.2859623816299468</v>
      </c>
      <c r="M4880">
        <f t="shared" si="549"/>
        <v>0</v>
      </c>
      <c r="N4880" s="46">
        <f t="shared" si="550"/>
        <v>45493.916666654914</v>
      </c>
    </row>
    <row r="4881" spans="2:14" x14ac:dyDescent="0.3">
      <c r="B4881">
        <f t="shared" si="544"/>
        <v>6</v>
      </c>
      <c r="C4881" s="16">
        <v>4847</v>
      </c>
      <c r="D4881" cm="1">
        <f t="array" ref="D4881">IFERROR(INDEX(Jesper!AH$2:AH$366,ROUNDDOWN($C4881/24,0)+1,1)*INDEX($D$3:$AA$30,INDEX(Jesper!$R$2:$R$366,ROW(INDEX(Jesper!AH$2:AH$366,ROUNDDOWN($C4881/24,0)+1,1))-1)+IF('Standard Profiles'!$G$18=$B$10,7,0)+IF('Standard Profiles'!$G$18=$B$17,14,0)+IF('Standard Profiles'!$G$18=$B$24,21,0),MOD($C4881,24)+1)/SUM(INDEX($D$3:$AA$30,INDEX(Jesper!$R$2:$R$366,ROW(INDEX(Jesper!AH$2:AH$366,ROUNDDOWN($C4881/24,0)+1,1))-1)+IF('Standard Profiles'!$G$18=$B$10,7,0)+IF('Standard Profiles'!$G$18=$B$17,14,0)+IF('Standard Profiles'!$G$18=$B$24,21,0),0)),0)</f>
        <v>5.1548990121453038</v>
      </c>
      <c r="E4881" cm="1">
        <f t="array" ref="E4881">IFERROR(INDEX(Jesper!AI$2:AI$366,ROUNDDOWN($C4881/24,0)+1,1)*INDEX($D$3:$AA$30,INDEX(Jesper!$R$2:$R$366,ROW(INDEX(Jesper!AI$2:AI$366,ROUNDDOWN($C4881/24,0)+1,1))-1)+IF('Standard Profiles'!$G$19=$B$10,7,0)+IF('Standard Profiles'!$G$19=$B$17,14,0)+IF('Standard Profiles'!$G$19=$B$24,21,0),MOD($C4881,24)+1)/SUM(INDEX($D$3:$AA$30,INDEX(Jesper!$R$2:$R$366,ROW(INDEX(Jesper!AI$2:AI$366,ROUNDDOWN($C4881/24,0)+1,1))-1)+IF('Standard Profiles'!$G$19=$B$10,7,0)+IF('Standard Profiles'!$G$19=$B$17,14,0)+IF('Standard Profiles'!$G$19=$B$24,21,0),0)),0)</f>
        <v>0.82347362336577523</v>
      </c>
      <c r="F4881" cm="1">
        <f t="array" ref="F4881">IFERROR(INDEX(Jesper!AJ$2:AJ$366,ROUNDDOWN($C4881/24,0)+1,1)*INDEX($D$3:$AA$30,INDEX(Jesper!$R$2:$R$366,ROW(INDEX(Jesper!AJ$2:AJ$366,ROUNDDOWN($C4881/24,0)+1,1))-1)+IF('Standard Profiles'!$G$20=$B$10,7,0)+IF('Standard Profiles'!$G$20=$B$17,14,0)+IF('Standard Profiles'!$G$20=$B$24,21,0),MOD($C4881,24)+1)/SUM(INDEX($D$3:$AA$30,INDEX(Jesper!$R$2:$R$366,ROW(INDEX(Jesper!AJ$2:AJ$366,ROUNDDOWN($C4881/24,0)+1,1))-1)+IF('Standard Profiles'!$G$20=$B$10,7,0)+IF('Standard Profiles'!$G$20=$B$17,14,0)+IF('Standard Profiles'!$G$20=$B$24,21,0),0)),0)</f>
        <v>0</v>
      </c>
      <c r="G4881" cm="1">
        <f t="array" ref="G4881">IFERROR(INDEX(Jesper!AK$2:AK$366,ROUNDDOWN($C4881/24,0)+1,1)*INDEX($D$3:$AA$30,INDEX(Jesper!$R$2:$R$366,ROW(INDEX(Jesper!AK$2:AK$366,ROUNDDOWN($C4881/24,0)+1,1))-1)+IF('Standard Profiles'!$G$21=$B$10,7,0)+IF('Standard Profiles'!$G$21=$B$17,14,0)+IF('Standard Profiles'!$G$21=$B$24,21,0),MOD($C4881,24)+1)/SUM(INDEX($D$3:$AA$30,INDEX(Jesper!$R$2:$R$366,ROW(INDEX(Jesper!AK$2:AK$366,ROUNDDOWN($C4881/24,0)+1,1))-1)+IF('Standard Profiles'!$G$21=$B$10,7,0)+IF('Standard Profiles'!$G$21=$B$17,14,0)+IF('Standard Profiles'!$G$21=$B$24,21,0),0)),0)</f>
        <v>0</v>
      </c>
      <c r="H4881" cm="1">
        <f t="array" ref="H4881">IFERROR(INDEX(Jesper!AL$2:AL$366,ROUNDDOWN($C4881/24,0)+1,1)*INDEX($D$3:$AA$30,INDEX(Jesper!$R$2:$R$366,ROW(INDEX(Jesper!AL$2:AL$366,ROUNDDOWN($C4881/24,0)+1,1))-1)+IF('Standard Profiles'!$G$22=$B$10,7,0)+IF('Standard Profiles'!$G$22=$B$17,14,0)+IF('Standard Profiles'!$G$22=$B$24,21,0),MOD($C4881,24)+1)/SUM(INDEX($D$3:$AA$30,INDEX(Jesper!$R$2:$R$366,ROW(INDEX(Jesper!AL$2:AL$366,ROUNDDOWN($C4881/24,0)+1,1))-1)+IF('Standard Profiles'!$G$22=$B$10,7,0)+IF('Standard Profiles'!$G$22=$B$17,14,0)+IF('Standard Profiles'!$G$22=$B$24,21,0),0)),0)</f>
        <v>0</v>
      </c>
      <c r="I4881">
        <f t="shared" si="545"/>
        <v>7.418681291583562E-2</v>
      </c>
      <c r="J4881">
        <f t="shared" si="546"/>
        <v>0.24728937638611878</v>
      </c>
      <c r="K4881">
        <f t="shared" si="547"/>
        <v>0.37093406457917816</v>
      </c>
      <c r="L4881">
        <f t="shared" si="548"/>
        <v>5.2859623816299468</v>
      </c>
      <c r="M4881">
        <f t="shared" si="549"/>
        <v>0</v>
      </c>
      <c r="N4881" s="46">
        <f t="shared" si="550"/>
        <v>45493.958333321578</v>
      </c>
    </row>
    <row r="4882" spans="2:14" x14ac:dyDescent="0.3">
      <c r="B4882">
        <f t="shared" si="544"/>
        <v>7</v>
      </c>
      <c r="C4882" s="16">
        <v>4848</v>
      </c>
      <c r="D4882" cm="1">
        <f t="array" ref="D4882">IFERROR(INDEX(Jesper!AH$2:AH$366,ROUNDDOWN($C4882/24,0)+1,1)*INDEX($D$3:$AA$30,INDEX(Jesper!$R$2:$R$366,ROW(INDEX(Jesper!AH$2:AH$366,ROUNDDOWN($C4882/24,0)+1,1))-1)+IF('Standard Profiles'!$G$18=$B$10,7,0)+IF('Standard Profiles'!$G$18=$B$17,14,0)+IF('Standard Profiles'!$G$18=$B$24,21,0),MOD($C4882,24)+1)/SUM(INDEX($D$3:$AA$30,INDEX(Jesper!$R$2:$R$366,ROW(INDEX(Jesper!AH$2:AH$366,ROUNDDOWN($C4882/24,0)+1,1))-1)+IF('Standard Profiles'!$G$18=$B$10,7,0)+IF('Standard Profiles'!$G$18=$B$17,14,0)+IF('Standard Profiles'!$G$18=$B$24,21,0),0)),0)</f>
        <v>5.8081344951298943</v>
      </c>
      <c r="E4882" cm="1">
        <f t="array" ref="E4882">IFERROR(INDEX(Jesper!AI$2:AI$366,ROUNDDOWN($C4882/24,0)+1,1)*INDEX($D$3:$AA$30,INDEX(Jesper!$R$2:$R$366,ROW(INDEX(Jesper!AI$2:AI$366,ROUNDDOWN($C4882/24,0)+1,1))-1)+IF('Standard Profiles'!$G$19=$B$10,7,0)+IF('Standard Profiles'!$G$19=$B$17,14,0)+IF('Standard Profiles'!$G$19=$B$24,21,0),MOD($C4882,24)+1)/SUM(INDEX($D$3:$AA$30,INDEX(Jesper!$R$2:$R$366,ROW(INDEX(Jesper!AI$2:AI$366,ROUNDDOWN($C4882/24,0)+1,1))-1)+IF('Standard Profiles'!$G$19=$B$10,7,0)+IF('Standard Profiles'!$G$19=$B$17,14,0)+IF('Standard Profiles'!$G$19=$B$24,21,0),0)),0)</f>
        <v>0.90891583341674609</v>
      </c>
      <c r="F4882" cm="1">
        <f t="array" ref="F4882">IFERROR(INDEX(Jesper!AJ$2:AJ$366,ROUNDDOWN($C4882/24,0)+1,1)*INDEX($D$3:$AA$30,INDEX(Jesper!$R$2:$R$366,ROW(INDEX(Jesper!AJ$2:AJ$366,ROUNDDOWN($C4882/24,0)+1,1))-1)+IF('Standard Profiles'!$G$20=$B$10,7,0)+IF('Standard Profiles'!$G$20=$B$17,14,0)+IF('Standard Profiles'!$G$20=$B$24,21,0),MOD($C4882,24)+1)/SUM(INDEX($D$3:$AA$30,INDEX(Jesper!$R$2:$R$366,ROW(INDEX(Jesper!AJ$2:AJ$366,ROUNDDOWN($C4882/24,0)+1,1))-1)+IF('Standard Profiles'!$G$20=$B$10,7,0)+IF('Standard Profiles'!$G$20=$B$17,14,0)+IF('Standard Profiles'!$G$20=$B$24,21,0),0)),0)</f>
        <v>0</v>
      </c>
      <c r="G4882" cm="1">
        <f t="array" ref="G4882">IFERROR(INDEX(Jesper!AK$2:AK$366,ROUNDDOWN($C4882/24,0)+1,1)*INDEX($D$3:$AA$30,INDEX(Jesper!$R$2:$R$366,ROW(INDEX(Jesper!AK$2:AK$366,ROUNDDOWN($C4882/24,0)+1,1))-1)+IF('Standard Profiles'!$G$21=$B$10,7,0)+IF('Standard Profiles'!$G$21=$B$17,14,0)+IF('Standard Profiles'!$G$21=$B$24,21,0),MOD($C4882,24)+1)/SUM(INDEX($D$3:$AA$30,INDEX(Jesper!$R$2:$R$366,ROW(INDEX(Jesper!AK$2:AK$366,ROUNDDOWN($C4882/24,0)+1,1))-1)+IF('Standard Profiles'!$G$21=$B$10,7,0)+IF('Standard Profiles'!$G$21=$B$17,14,0)+IF('Standard Profiles'!$G$21=$B$24,21,0),0)),0)</f>
        <v>0</v>
      </c>
      <c r="H4882" cm="1">
        <f t="array" ref="H4882">IFERROR(INDEX(Jesper!AL$2:AL$366,ROUNDDOWN($C4882/24,0)+1,1)*INDEX($D$3:$AA$30,INDEX(Jesper!$R$2:$R$366,ROW(INDEX(Jesper!AL$2:AL$366,ROUNDDOWN($C4882/24,0)+1,1))-1)+IF('Standard Profiles'!$G$22=$B$10,7,0)+IF('Standard Profiles'!$G$22=$B$17,14,0)+IF('Standard Profiles'!$G$22=$B$24,21,0),MOD($C4882,24)+1)/SUM(INDEX($D$3:$AA$30,INDEX(Jesper!$R$2:$R$366,ROW(INDEX(Jesper!AL$2:AL$366,ROUNDDOWN($C4882/24,0)+1,1))-1)+IF('Standard Profiles'!$G$22=$B$10,7,0)+IF('Standard Profiles'!$G$22=$B$17,14,0)+IF('Standard Profiles'!$G$22=$B$24,21,0),0)),0)</f>
        <v>0</v>
      </c>
      <c r="I4882">
        <f t="shared" si="545"/>
        <v>8.1884309316824E-2</v>
      </c>
      <c r="J4882">
        <f t="shared" si="546"/>
        <v>0.27294769772274668</v>
      </c>
      <c r="K4882">
        <f t="shared" si="547"/>
        <v>0.40942154658412</v>
      </c>
      <c r="L4882">
        <f t="shared" si="548"/>
        <v>5.95279677492295</v>
      </c>
      <c r="M4882">
        <f t="shared" si="549"/>
        <v>0</v>
      </c>
      <c r="N4882" s="46">
        <f t="shared" si="550"/>
        <v>45493.999999988242</v>
      </c>
    </row>
    <row r="4883" spans="2:14" x14ac:dyDescent="0.3">
      <c r="B4883">
        <f t="shared" si="544"/>
        <v>7</v>
      </c>
      <c r="C4883" s="16">
        <v>4849</v>
      </c>
      <c r="D4883" cm="1">
        <f t="array" ref="D4883">IFERROR(INDEX(Jesper!AH$2:AH$366,ROUNDDOWN($C4883/24,0)+1,1)*INDEX($D$3:$AA$30,INDEX(Jesper!$R$2:$R$366,ROW(INDEX(Jesper!AH$2:AH$366,ROUNDDOWN($C4883/24,0)+1,1))-1)+IF('Standard Profiles'!$G$18=$B$10,7,0)+IF('Standard Profiles'!$G$18=$B$17,14,0)+IF('Standard Profiles'!$G$18=$B$24,21,0),MOD($C4883,24)+1)/SUM(INDEX($D$3:$AA$30,INDEX(Jesper!$R$2:$R$366,ROW(INDEX(Jesper!AH$2:AH$366,ROUNDDOWN($C4883/24,0)+1,1))-1)+IF('Standard Profiles'!$G$18=$B$10,7,0)+IF('Standard Profiles'!$G$18=$B$17,14,0)+IF('Standard Profiles'!$G$18=$B$24,21,0),0)),0)</f>
        <v>6.7449303814411676</v>
      </c>
      <c r="E4883" cm="1">
        <f t="array" ref="E4883">IFERROR(INDEX(Jesper!AI$2:AI$366,ROUNDDOWN($C4883/24,0)+1,1)*INDEX($D$3:$AA$30,INDEX(Jesper!$R$2:$R$366,ROW(INDEX(Jesper!AI$2:AI$366,ROUNDDOWN($C4883/24,0)+1,1))-1)+IF('Standard Profiles'!$G$19=$B$10,7,0)+IF('Standard Profiles'!$G$19=$B$17,14,0)+IF('Standard Profiles'!$G$19=$B$24,21,0),MOD($C4883,24)+1)/SUM(INDEX($D$3:$AA$30,INDEX(Jesper!$R$2:$R$366,ROW(INDEX(Jesper!AI$2:AI$366,ROUNDDOWN($C4883/24,0)+1,1))-1)+IF('Standard Profiles'!$G$19=$B$10,7,0)+IF('Standard Profiles'!$G$19=$B$17,14,0)+IF('Standard Profiles'!$G$19=$B$24,21,0),0)),0)</f>
        <v>1.0555151613871889</v>
      </c>
      <c r="F4883" cm="1">
        <f t="array" ref="F4883">IFERROR(INDEX(Jesper!AJ$2:AJ$366,ROUNDDOWN($C4883/24,0)+1,1)*INDEX($D$3:$AA$30,INDEX(Jesper!$R$2:$R$366,ROW(INDEX(Jesper!AJ$2:AJ$366,ROUNDDOWN($C4883/24,0)+1,1))-1)+IF('Standard Profiles'!$G$20=$B$10,7,0)+IF('Standard Profiles'!$G$20=$B$17,14,0)+IF('Standard Profiles'!$G$20=$B$24,21,0),MOD($C4883,24)+1)/SUM(INDEX($D$3:$AA$30,INDEX(Jesper!$R$2:$R$366,ROW(INDEX(Jesper!AJ$2:AJ$366,ROUNDDOWN($C4883/24,0)+1,1))-1)+IF('Standard Profiles'!$G$20=$B$10,7,0)+IF('Standard Profiles'!$G$20=$B$17,14,0)+IF('Standard Profiles'!$G$20=$B$24,21,0),0)),0)</f>
        <v>0</v>
      </c>
      <c r="G4883" cm="1">
        <f t="array" ref="G4883">IFERROR(INDEX(Jesper!AK$2:AK$366,ROUNDDOWN($C4883/24,0)+1,1)*INDEX($D$3:$AA$30,INDEX(Jesper!$R$2:$R$366,ROW(INDEX(Jesper!AK$2:AK$366,ROUNDDOWN($C4883/24,0)+1,1))-1)+IF('Standard Profiles'!$G$21=$B$10,7,0)+IF('Standard Profiles'!$G$21=$B$17,14,0)+IF('Standard Profiles'!$G$21=$B$24,21,0),MOD($C4883,24)+1)/SUM(INDEX($D$3:$AA$30,INDEX(Jesper!$R$2:$R$366,ROW(INDEX(Jesper!AK$2:AK$366,ROUNDDOWN($C4883/24,0)+1,1))-1)+IF('Standard Profiles'!$G$21=$B$10,7,0)+IF('Standard Profiles'!$G$21=$B$17,14,0)+IF('Standard Profiles'!$G$21=$B$24,21,0),0)),0)</f>
        <v>0</v>
      </c>
      <c r="H4883" cm="1">
        <f t="array" ref="H4883">IFERROR(INDEX(Jesper!AL$2:AL$366,ROUNDDOWN($C4883/24,0)+1,1)*INDEX($D$3:$AA$30,INDEX(Jesper!$R$2:$R$366,ROW(INDEX(Jesper!AL$2:AL$366,ROUNDDOWN($C4883/24,0)+1,1))-1)+IF('Standard Profiles'!$G$22=$B$10,7,0)+IF('Standard Profiles'!$G$22=$B$17,14,0)+IF('Standard Profiles'!$G$22=$B$24,21,0),MOD($C4883,24)+1)/SUM(INDEX($D$3:$AA$30,INDEX(Jesper!$R$2:$R$366,ROW(INDEX(Jesper!AL$2:AL$366,ROUNDDOWN($C4883/24,0)+1,1))-1)+IF('Standard Profiles'!$G$22=$B$10,7,0)+IF('Standard Profiles'!$G$22=$B$17,14,0)+IF('Standard Profiles'!$G$22=$B$24,21,0),0)),0)</f>
        <v>0</v>
      </c>
      <c r="I4883">
        <f t="shared" si="545"/>
        <v>9.5091455980827855E-2</v>
      </c>
      <c r="J4883">
        <f t="shared" si="546"/>
        <v>0.3169715199360929</v>
      </c>
      <c r="K4883">
        <f t="shared" si="547"/>
        <v>0.47545727990413933</v>
      </c>
      <c r="L4883">
        <f t="shared" si="548"/>
        <v>6.9129252870072966</v>
      </c>
      <c r="M4883">
        <f t="shared" si="549"/>
        <v>0</v>
      </c>
      <c r="N4883" s="46">
        <f t="shared" si="550"/>
        <v>45494.041666654906</v>
      </c>
    </row>
    <row r="4884" spans="2:14" x14ac:dyDescent="0.3">
      <c r="B4884">
        <f t="shared" si="544"/>
        <v>7</v>
      </c>
      <c r="C4884" s="16">
        <v>4850</v>
      </c>
      <c r="D4884" cm="1">
        <f t="array" ref="D4884">IFERROR(INDEX(Jesper!AH$2:AH$366,ROUNDDOWN($C4884/24,0)+1,1)*INDEX($D$3:$AA$30,INDEX(Jesper!$R$2:$R$366,ROW(INDEX(Jesper!AH$2:AH$366,ROUNDDOWN($C4884/24,0)+1,1))-1)+IF('Standard Profiles'!$G$18=$B$10,7,0)+IF('Standard Profiles'!$G$18=$B$17,14,0)+IF('Standard Profiles'!$G$18=$B$24,21,0),MOD($C4884,24)+1)/SUM(INDEX($D$3:$AA$30,INDEX(Jesper!$R$2:$R$366,ROW(INDEX(Jesper!AH$2:AH$366,ROUNDDOWN($C4884/24,0)+1,1))-1)+IF('Standard Profiles'!$G$18=$B$10,7,0)+IF('Standard Profiles'!$G$18=$B$17,14,0)+IF('Standard Profiles'!$G$18=$B$24,21,0),0)),0)</f>
        <v>6.7449303814411676</v>
      </c>
      <c r="E4884" cm="1">
        <f t="array" ref="E4884">IFERROR(INDEX(Jesper!AI$2:AI$366,ROUNDDOWN($C4884/24,0)+1,1)*INDEX($D$3:$AA$30,INDEX(Jesper!$R$2:$R$366,ROW(INDEX(Jesper!AI$2:AI$366,ROUNDDOWN($C4884/24,0)+1,1))-1)+IF('Standard Profiles'!$G$19=$B$10,7,0)+IF('Standard Profiles'!$G$19=$B$17,14,0)+IF('Standard Profiles'!$G$19=$B$24,21,0),MOD($C4884,24)+1)/SUM(INDEX($D$3:$AA$30,INDEX(Jesper!$R$2:$R$366,ROW(INDEX(Jesper!AI$2:AI$366,ROUNDDOWN($C4884/24,0)+1,1))-1)+IF('Standard Profiles'!$G$19=$B$10,7,0)+IF('Standard Profiles'!$G$19=$B$17,14,0)+IF('Standard Profiles'!$G$19=$B$24,21,0),0)),0)</f>
        <v>1.0555151613871889</v>
      </c>
      <c r="F4884" cm="1">
        <f t="array" ref="F4884">IFERROR(INDEX(Jesper!AJ$2:AJ$366,ROUNDDOWN($C4884/24,0)+1,1)*INDEX($D$3:$AA$30,INDEX(Jesper!$R$2:$R$366,ROW(INDEX(Jesper!AJ$2:AJ$366,ROUNDDOWN($C4884/24,0)+1,1))-1)+IF('Standard Profiles'!$G$20=$B$10,7,0)+IF('Standard Profiles'!$G$20=$B$17,14,0)+IF('Standard Profiles'!$G$20=$B$24,21,0),MOD($C4884,24)+1)/SUM(INDEX($D$3:$AA$30,INDEX(Jesper!$R$2:$R$366,ROW(INDEX(Jesper!AJ$2:AJ$366,ROUNDDOWN($C4884/24,0)+1,1))-1)+IF('Standard Profiles'!$G$20=$B$10,7,0)+IF('Standard Profiles'!$G$20=$B$17,14,0)+IF('Standard Profiles'!$G$20=$B$24,21,0),0)),0)</f>
        <v>0</v>
      </c>
      <c r="G4884" cm="1">
        <f t="array" ref="G4884">IFERROR(INDEX(Jesper!AK$2:AK$366,ROUNDDOWN($C4884/24,0)+1,1)*INDEX($D$3:$AA$30,INDEX(Jesper!$R$2:$R$366,ROW(INDEX(Jesper!AK$2:AK$366,ROUNDDOWN($C4884/24,0)+1,1))-1)+IF('Standard Profiles'!$G$21=$B$10,7,0)+IF('Standard Profiles'!$G$21=$B$17,14,0)+IF('Standard Profiles'!$G$21=$B$24,21,0),MOD($C4884,24)+1)/SUM(INDEX($D$3:$AA$30,INDEX(Jesper!$R$2:$R$366,ROW(INDEX(Jesper!AK$2:AK$366,ROUNDDOWN($C4884/24,0)+1,1))-1)+IF('Standard Profiles'!$G$21=$B$10,7,0)+IF('Standard Profiles'!$G$21=$B$17,14,0)+IF('Standard Profiles'!$G$21=$B$24,21,0),0)),0)</f>
        <v>0</v>
      </c>
      <c r="H4884" cm="1">
        <f t="array" ref="H4884">IFERROR(INDEX(Jesper!AL$2:AL$366,ROUNDDOWN($C4884/24,0)+1,1)*INDEX($D$3:$AA$30,INDEX(Jesper!$R$2:$R$366,ROW(INDEX(Jesper!AL$2:AL$366,ROUNDDOWN($C4884/24,0)+1,1))-1)+IF('Standard Profiles'!$G$22=$B$10,7,0)+IF('Standard Profiles'!$G$22=$B$17,14,0)+IF('Standard Profiles'!$G$22=$B$24,21,0),MOD($C4884,24)+1)/SUM(INDEX($D$3:$AA$30,INDEX(Jesper!$R$2:$R$366,ROW(INDEX(Jesper!AL$2:AL$366,ROUNDDOWN($C4884/24,0)+1,1))-1)+IF('Standard Profiles'!$G$22=$B$10,7,0)+IF('Standard Profiles'!$G$22=$B$17,14,0)+IF('Standard Profiles'!$G$22=$B$24,21,0),0)),0)</f>
        <v>0</v>
      </c>
      <c r="I4884">
        <f t="shared" si="545"/>
        <v>9.5091455980827855E-2</v>
      </c>
      <c r="J4884">
        <f t="shared" si="546"/>
        <v>0.3169715199360929</v>
      </c>
      <c r="K4884">
        <f t="shared" si="547"/>
        <v>0.47545727990413933</v>
      </c>
      <c r="L4884">
        <f t="shared" si="548"/>
        <v>6.9129252870072966</v>
      </c>
      <c r="M4884">
        <f t="shared" si="549"/>
        <v>0</v>
      </c>
      <c r="N4884" s="46">
        <f t="shared" si="550"/>
        <v>45494.083333321571</v>
      </c>
    </row>
    <row r="4885" spans="2:14" x14ac:dyDescent="0.3">
      <c r="B4885">
        <f t="shared" si="544"/>
        <v>7</v>
      </c>
      <c r="C4885" s="16">
        <v>4851</v>
      </c>
      <c r="D4885" cm="1">
        <f t="array" ref="D4885">IFERROR(INDEX(Jesper!AH$2:AH$366,ROUNDDOWN($C4885/24,0)+1,1)*INDEX($D$3:$AA$30,INDEX(Jesper!$R$2:$R$366,ROW(INDEX(Jesper!AH$2:AH$366,ROUNDDOWN($C4885/24,0)+1,1))-1)+IF('Standard Profiles'!$G$18=$B$10,7,0)+IF('Standard Profiles'!$G$18=$B$17,14,0)+IF('Standard Profiles'!$G$18=$B$24,21,0),MOD($C4885,24)+1)/SUM(INDEX($D$3:$AA$30,INDEX(Jesper!$R$2:$R$366,ROW(INDEX(Jesper!AH$2:AH$366,ROUNDDOWN($C4885/24,0)+1,1))-1)+IF('Standard Profiles'!$G$18=$B$10,7,0)+IF('Standard Profiles'!$G$18=$B$17,14,0)+IF('Standard Profiles'!$G$18=$B$24,21,0),0)),0)</f>
        <v>6.7449303814411676</v>
      </c>
      <c r="E4885" cm="1">
        <f t="array" ref="E4885">IFERROR(INDEX(Jesper!AI$2:AI$366,ROUNDDOWN($C4885/24,0)+1,1)*INDEX($D$3:$AA$30,INDEX(Jesper!$R$2:$R$366,ROW(INDEX(Jesper!AI$2:AI$366,ROUNDDOWN($C4885/24,0)+1,1))-1)+IF('Standard Profiles'!$G$19=$B$10,7,0)+IF('Standard Profiles'!$G$19=$B$17,14,0)+IF('Standard Profiles'!$G$19=$B$24,21,0),MOD($C4885,24)+1)/SUM(INDEX($D$3:$AA$30,INDEX(Jesper!$R$2:$R$366,ROW(INDEX(Jesper!AI$2:AI$366,ROUNDDOWN($C4885/24,0)+1,1))-1)+IF('Standard Profiles'!$G$19=$B$10,7,0)+IF('Standard Profiles'!$G$19=$B$17,14,0)+IF('Standard Profiles'!$G$19=$B$24,21,0),0)),0)</f>
        <v>1.0555151613871889</v>
      </c>
      <c r="F4885" cm="1">
        <f t="array" ref="F4885">IFERROR(INDEX(Jesper!AJ$2:AJ$366,ROUNDDOWN($C4885/24,0)+1,1)*INDEX($D$3:$AA$30,INDEX(Jesper!$R$2:$R$366,ROW(INDEX(Jesper!AJ$2:AJ$366,ROUNDDOWN($C4885/24,0)+1,1))-1)+IF('Standard Profiles'!$G$20=$B$10,7,0)+IF('Standard Profiles'!$G$20=$B$17,14,0)+IF('Standard Profiles'!$G$20=$B$24,21,0),MOD($C4885,24)+1)/SUM(INDEX($D$3:$AA$30,INDEX(Jesper!$R$2:$R$366,ROW(INDEX(Jesper!AJ$2:AJ$366,ROUNDDOWN($C4885/24,0)+1,1))-1)+IF('Standard Profiles'!$G$20=$B$10,7,0)+IF('Standard Profiles'!$G$20=$B$17,14,0)+IF('Standard Profiles'!$G$20=$B$24,21,0),0)),0)</f>
        <v>0</v>
      </c>
      <c r="G4885" cm="1">
        <f t="array" ref="G4885">IFERROR(INDEX(Jesper!AK$2:AK$366,ROUNDDOWN($C4885/24,0)+1,1)*INDEX($D$3:$AA$30,INDEX(Jesper!$R$2:$R$366,ROW(INDEX(Jesper!AK$2:AK$366,ROUNDDOWN($C4885/24,0)+1,1))-1)+IF('Standard Profiles'!$G$21=$B$10,7,0)+IF('Standard Profiles'!$G$21=$B$17,14,0)+IF('Standard Profiles'!$G$21=$B$24,21,0),MOD($C4885,24)+1)/SUM(INDEX($D$3:$AA$30,INDEX(Jesper!$R$2:$R$366,ROW(INDEX(Jesper!AK$2:AK$366,ROUNDDOWN($C4885/24,0)+1,1))-1)+IF('Standard Profiles'!$G$21=$B$10,7,0)+IF('Standard Profiles'!$G$21=$B$17,14,0)+IF('Standard Profiles'!$G$21=$B$24,21,0),0)),0)</f>
        <v>0</v>
      </c>
      <c r="H4885" cm="1">
        <f t="array" ref="H4885">IFERROR(INDEX(Jesper!AL$2:AL$366,ROUNDDOWN($C4885/24,0)+1,1)*INDEX($D$3:$AA$30,INDEX(Jesper!$R$2:$R$366,ROW(INDEX(Jesper!AL$2:AL$366,ROUNDDOWN($C4885/24,0)+1,1))-1)+IF('Standard Profiles'!$G$22=$B$10,7,0)+IF('Standard Profiles'!$G$22=$B$17,14,0)+IF('Standard Profiles'!$G$22=$B$24,21,0),MOD($C4885,24)+1)/SUM(INDEX($D$3:$AA$30,INDEX(Jesper!$R$2:$R$366,ROW(INDEX(Jesper!AL$2:AL$366,ROUNDDOWN($C4885/24,0)+1,1))-1)+IF('Standard Profiles'!$G$22=$B$10,7,0)+IF('Standard Profiles'!$G$22=$B$17,14,0)+IF('Standard Profiles'!$G$22=$B$24,21,0),0)),0)</f>
        <v>0</v>
      </c>
      <c r="I4885">
        <f t="shared" si="545"/>
        <v>9.5091455980827855E-2</v>
      </c>
      <c r="J4885">
        <f t="shared" si="546"/>
        <v>0.3169715199360929</v>
      </c>
      <c r="K4885">
        <f t="shared" si="547"/>
        <v>0.47545727990413933</v>
      </c>
      <c r="L4885">
        <f t="shared" si="548"/>
        <v>6.9129252870072966</v>
      </c>
      <c r="M4885">
        <f t="shared" si="549"/>
        <v>0</v>
      </c>
      <c r="N4885" s="46">
        <f t="shared" si="550"/>
        <v>45494.124999988235</v>
      </c>
    </row>
    <row r="4886" spans="2:14" x14ac:dyDescent="0.3">
      <c r="B4886">
        <f t="shared" si="544"/>
        <v>7</v>
      </c>
      <c r="C4886" s="16">
        <v>4852</v>
      </c>
      <c r="D4886" cm="1">
        <f t="array" ref="D4886">IFERROR(INDEX(Jesper!AH$2:AH$366,ROUNDDOWN($C4886/24,0)+1,1)*INDEX($D$3:$AA$30,INDEX(Jesper!$R$2:$R$366,ROW(INDEX(Jesper!AH$2:AH$366,ROUNDDOWN($C4886/24,0)+1,1))-1)+IF('Standard Profiles'!$G$18=$B$10,7,0)+IF('Standard Profiles'!$G$18=$B$17,14,0)+IF('Standard Profiles'!$G$18=$B$24,21,0),MOD($C4886,24)+1)/SUM(INDEX($D$3:$AA$30,INDEX(Jesper!$R$2:$R$366,ROW(INDEX(Jesper!AH$2:AH$366,ROUNDDOWN($C4886/24,0)+1,1))-1)+IF('Standard Profiles'!$G$18=$B$10,7,0)+IF('Standard Profiles'!$G$18=$B$17,14,0)+IF('Standard Profiles'!$G$18=$B$24,21,0),0)),0)</f>
        <v>6.7449303814411676</v>
      </c>
      <c r="E4886" cm="1">
        <f t="array" ref="E4886">IFERROR(INDEX(Jesper!AI$2:AI$366,ROUNDDOWN($C4886/24,0)+1,1)*INDEX($D$3:$AA$30,INDEX(Jesper!$R$2:$R$366,ROW(INDEX(Jesper!AI$2:AI$366,ROUNDDOWN($C4886/24,0)+1,1))-1)+IF('Standard Profiles'!$G$19=$B$10,7,0)+IF('Standard Profiles'!$G$19=$B$17,14,0)+IF('Standard Profiles'!$G$19=$B$24,21,0),MOD($C4886,24)+1)/SUM(INDEX($D$3:$AA$30,INDEX(Jesper!$R$2:$R$366,ROW(INDEX(Jesper!AI$2:AI$366,ROUNDDOWN($C4886/24,0)+1,1))-1)+IF('Standard Profiles'!$G$19=$B$10,7,0)+IF('Standard Profiles'!$G$19=$B$17,14,0)+IF('Standard Profiles'!$G$19=$B$24,21,0),0)),0)</f>
        <v>1.0555151613871889</v>
      </c>
      <c r="F4886" cm="1">
        <f t="array" ref="F4886">IFERROR(INDEX(Jesper!AJ$2:AJ$366,ROUNDDOWN($C4886/24,0)+1,1)*INDEX($D$3:$AA$30,INDEX(Jesper!$R$2:$R$366,ROW(INDEX(Jesper!AJ$2:AJ$366,ROUNDDOWN($C4886/24,0)+1,1))-1)+IF('Standard Profiles'!$G$20=$B$10,7,0)+IF('Standard Profiles'!$G$20=$B$17,14,0)+IF('Standard Profiles'!$G$20=$B$24,21,0),MOD($C4886,24)+1)/SUM(INDEX($D$3:$AA$30,INDEX(Jesper!$R$2:$R$366,ROW(INDEX(Jesper!AJ$2:AJ$366,ROUNDDOWN($C4886/24,0)+1,1))-1)+IF('Standard Profiles'!$G$20=$B$10,7,0)+IF('Standard Profiles'!$G$20=$B$17,14,0)+IF('Standard Profiles'!$G$20=$B$24,21,0),0)),0)</f>
        <v>0</v>
      </c>
      <c r="G4886" cm="1">
        <f t="array" ref="G4886">IFERROR(INDEX(Jesper!AK$2:AK$366,ROUNDDOWN($C4886/24,0)+1,1)*INDEX($D$3:$AA$30,INDEX(Jesper!$R$2:$R$366,ROW(INDEX(Jesper!AK$2:AK$366,ROUNDDOWN($C4886/24,0)+1,1))-1)+IF('Standard Profiles'!$G$21=$B$10,7,0)+IF('Standard Profiles'!$G$21=$B$17,14,0)+IF('Standard Profiles'!$G$21=$B$24,21,0),MOD($C4886,24)+1)/SUM(INDEX($D$3:$AA$30,INDEX(Jesper!$R$2:$R$366,ROW(INDEX(Jesper!AK$2:AK$366,ROUNDDOWN($C4886/24,0)+1,1))-1)+IF('Standard Profiles'!$G$21=$B$10,7,0)+IF('Standard Profiles'!$G$21=$B$17,14,0)+IF('Standard Profiles'!$G$21=$B$24,21,0),0)),0)</f>
        <v>0</v>
      </c>
      <c r="H4886" cm="1">
        <f t="array" ref="H4886">IFERROR(INDEX(Jesper!AL$2:AL$366,ROUNDDOWN($C4886/24,0)+1,1)*INDEX($D$3:$AA$30,INDEX(Jesper!$R$2:$R$366,ROW(INDEX(Jesper!AL$2:AL$366,ROUNDDOWN($C4886/24,0)+1,1))-1)+IF('Standard Profiles'!$G$22=$B$10,7,0)+IF('Standard Profiles'!$G$22=$B$17,14,0)+IF('Standard Profiles'!$G$22=$B$24,21,0),MOD($C4886,24)+1)/SUM(INDEX($D$3:$AA$30,INDEX(Jesper!$R$2:$R$366,ROW(INDEX(Jesper!AL$2:AL$366,ROUNDDOWN($C4886/24,0)+1,1))-1)+IF('Standard Profiles'!$G$22=$B$10,7,0)+IF('Standard Profiles'!$G$22=$B$17,14,0)+IF('Standard Profiles'!$G$22=$B$24,21,0),0)),0)</f>
        <v>0</v>
      </c>
      <c r="I4886">
        <f t="shared" si="545"/>
        <v>9.5091455980827855E-2</v>
      </c>
      <c r="J4886">
        <f t="shared" si="546"/>
        <v>0.3169715199360929</v>
      </c>
      <c r="K4886">
        <f t="shared" si="547"/>
        <v>0.47545727990413933</v>
      </c>
      <c r="L4886">
        <f t="shared" si="548"/>
        <v>6.9129252870072966</v>
      </c>
      <c r="M4886">
        <f t="shared" si="549"/>
        <v>0</v>
      </c>
      <c r="N4886" s="46">
        <f t="shared" si="550"/>
        <v>45494.166666654899</v>
      </c>
    </row>
    <row r="4887" spans="2:14" x14ac:dyDescent="0.3">
      <c r="B4887">
        <f t="shared" si="544"/>
        <v>7</v>
      </c>
      <c r="C4887" s="16">
        <v>4853</v>
      </c>
      <c r="D4887" cm="1">
        <f t="array" ref="D4887">IFERROR(INDEX(Jesper!AH$2:AH$366,ROUNDDOWN($C4887/24,0)+1,1)*INDEX($D$3:$AA$30,INDEX(Jesper!$R$2:$R$366,ROW(INDEX(Jesper!AH$2:AH$366,ROUNDDOWN($C4887/24,0)+1,1))-1)+IF('Standard Profiles'!$G$18=$B$10,7,0)+IF('Standard Profiles'!$G$18=$B$17,14,0)+IF('Standard Profiles'!$G$18=$B$24,21,0),MOD($C4887,24)+1)/SUM(INDEX($D$3:$AA$30,INDEX(Jesper!$R$2:$R$366,ROW(INDEX(Jesper!AH$2:AH$366,ROUNDDOWN($C4887/24,0)+1,1))-1)+IF('Standard Profiles'!$G$18=$B$10,7,0)+IF('Standard Profiles'!$G$18=$B$17,14,0)+IF('Standard Profiles'!$G$18=$B$24,21,0),0)),0)</f>
        <v>8.4311629768014598</v>
      </c>
      <c r="E4887" cm="1">
        <f t="array" ref="E4887">IFERROR(INDEX(Jesper!AI$2:AI$366,ROUNDDOWN($C4887/24,0)+1,1)*INDEX($D$3:$AA$30,INDEX(Jesper!$R$2:$R$366,ROW(INDEX(Jesper!AI$2:AI$366,ROUNDDOWN($C4887/24,0)+1,1))-1)+IF('Standard Profiles'!$G$19=$B$10,7,0)+IF('Standard Profiles'!$G$19=$B$17,14,0)+IF('Standard Profiles'!$G$19=$B$24,21,0),MOD($C4887,24)+1)/SUM(INDEX($D$3:$AA$30,INDEX(Jesper!$R$2:$R$366,ROW(INDEX(Jesper!AI$2:AI$366,ROUNDDOWN($C4887/24,0)+1,1))-1)+IF('Standard Profiles'!$G$19=$B$10,7,0)+IF('Standard Profiles'!$G$19=$B$17,14,0)+IF('Standard Profiles'!$G$19=$B$24,21,0),0)),0)</f>
        <v>1.3193939517339861</v>
      </c>
      <c r="F4887" cm="1">
        <f t="array" ref="F4887">IFERROR(INDEX(Jesper!AJ$2:AJ$366,ROUNDDOWN($C4887/24,0)+1,1)*INDEX($D$3:$AA$30,INDEX(Jesper!$R$2:$R$366,ROW(INDEX(Jesper!AJ$2:AJ$366,ROUNDDOWN($C4887/24,0)+1,1))-1)+IF('Standard Profiles'!$G$20=$B$10,7,0)+IF('Standard Profiles'!$G$20=$B$17,14,0)+IF('Standard Profiles'!$G$20=$B$24,21,0),MOD($C4887,24)+1)/SUM(INDEX($D$3:$AA$30,INDEX(Jesper!$R$2:$R$366,ROW(INDEX(Jesper!AJ$2:AJ$366,ROUNDDOWN($C4887/24,0)+1,1))-1)+IF('Standard Profiles'!$G$20=$B$10,7,0)+IF('Standard Profiles'!$G$20=$B$17,14,0)+IF('Standard Profiles'!$G$20=$B$24,21,0),0)),0)</f>
        <v>0</v>
      </c>
      <c r="G4887" cm="1">
        <f t="array" ref="G4887">IFERROR(INDEX(Jesper!AK$2:AK$366,ROUNDDOWN($C4887/24,0)+1,1)*INDEX($D$3:$AA$30,INDEX(Jesper!$R$2:$R$366,ROW(INDEX(Jesper!AK$2:AK$366,ROUNDDOWN($C4887/24,0)+1,1))-1)+IF('Standard Profiles'!$G$21=$B$10,7,0)+IF('Standard Profiles'!$G$21=$B$17,14,0)+IF('Standard Profiles'!$G$21=$B$24,21,0),MOD($C4887,24)+1)/SUM(INDEX($D$3:$AA$30,INDEX(Jesper!$R$2:$R$366,ROW(INDEX(Jesper!AK$2:AK$366,ROUNDDOWN($C4887/24,0)+1,1))-1)+IF('Standard Profiles'!$G$21=$B$10,7,0)+IF('Standard Profiles'!$G$21=$B$17,14,0)+IF('Standard Profiles'!$G$21=$B$24,21,0),0)),0)</f>
        <v>0</v>
      </c>
      <c r="H4887" cm="1">
        <f t="array" ref="H4887">IFERROR(INDEX(Jesper!AL$2:AL$366,ROUNDDOWN($C4887/24,0)+1,1)*INDEX($D$3:$AA$30,INDEX(Jesper!$R$2:$R$366,ROW(INDEX(Jesper!AL$2:AL$366,ROUNDDOWN($C4887/24,0)+1,1))-1)+IF('Standard Profiles'!$G$22=$B$10,7,0)+IF('Standard Profiles'!$G$22=$B$17,14,0)+IF('Standard Profiles'!$G$22=$B$24,21,0),MOD($C4887,24)+1)/SUM(INDEX($D$3:$AA$30,INDEX(Jesper!$R$2:$R$366,ROW(INDEX(Jesper!AL$2:AL$366,ROUNDDOWN($C4887/24,0)+1,1))-1)+IF('Standard Profiles'!$G$22=$B$10,7,0)+IF('Standard Profiles'!$G$22=$B$17,14,0)+IF('Standard Profiles'!$G$22=$B$24,21,0),0)),0)</f>
        <v>0</v>
      </c>
      <c r="I4887">
        <f t="shared" si="545"/>
        <v>0.11886431997603482</v>
      </c>
      <c r="J4887">
        <f t="shared" si="546"/>
        <v>0.39621439992011609</v>
      </c>
      <c r="K4887">
        <f t="shared" si="547"/>
        <v>0.59432159988017419</v>
      </c>
      <c r="L4887">
        <f t="shared" si="548"/>
        <v>8.6411566087591201</v>
      </c>
      <c r="M4887">
        <f t="shared" si="549"/>
        <v>0</v>
      </c>
      <c r="N4887" s="46">
        <f t="shared" si="550"/>
        <v>45494.208333321563</v>
      </c>
    </row>
    <row r="4888" spans="2:14" x14ac:dyDescent="0.3">
      <c r="B4888">
        <f t="shared" si="544"/>
        <v>7</v>
      </c>
      <c r="C4888" s="16">
        <v>4854</v>
      </c>
      <c r="D4888" cm="1">
        <f t="array" ref="D4888">IFERROR(INDEX(Jesper!AH$2:AH$366,ROUNDDOWN($C4888/24,0)+1,1)*INDEX($D$3:$AA$30,INDEX(Jesper!$R$2:$R$366,ROW(INDEX(Jesper!AH$2:AH$366,ROUNDDOWN($C4888/24,0)+1,1))-1)+IF('Standard Profiles'!$G$18=$B$10,7,0)+IF('Standard Profiles'!$G$18=$B$17,14,0)+IF('Standard Profiles'!$G$18=$B$24,21,0),MOD($C4888,24)+1)/SUM(INDEX($D$3:$AA$30,INDEX(Jesper!$R$2:$R$366,ROW(INDEX(Jesper!AH$2:AH$366,ROUNDDOWN($C4888/24,0)+1,1))-1)+IF('Standard Profiles'!$G$18=$B$10,7,0)+IF('Standard Profiles'!$G$18=$B$17,14,0)+IF('Standard Profiles'!$G$18=$B$24,21,0),0)),0)</f>
        <v>9.9300363948994974</v>
      </c>
      <c r="E4888" cm="1">
        <f t="array" ref="E4888">IFERROR(INDEX(Jesper!AI$2:AI$366,ROUNDDOWN($C4888/24,0)+1,1)*INDEX($D$3:$AA$30,INDEX(Jesper!$R$2:$R$366,ROW(INDEX(Jesper!AI$2:AI$366,ROUNDDOWN($C4888/24,0)+1,1))-1)+IF('Standard Profiles'!$G$19=$B$10,7,0)+IF('Standard Profiles'!$G$19=$B$17,14,0)+IF('Standard Profiles'!$G$19=$B$24,21,0),MOD($C4888,24)+1)/SUM(INDEX($D$3:$AA$30,INDEX(Jesper!$R$2:$R$366,ROW(INDEX(Jesper!AI$2:AI$366,ROUNDDOWN($C4888/24,0)+1,1))-1)+IF('Standard Profiles'!$G$19=$B$10,7,0)+IF('Standard Profiles'!$G$19=$B$17,14,0)+IF('Standard Profiles'!$G$19=$B$24,21,0),0)),0)</f>
        <v>1.5539528764866948</v>
      </c>
      <c r="F4888" cm="1">
        <f t="array" ref="F4888">IFERROR(INDEX(Jesper!AJ$2:AJ$366,ROUNDDOWN($C4888/24,0)+1,1)*INDEX($D$3:$AA$30,INDEX(Jesper!$R$2:$R$366,ROW(INDEX(Jesper!AJ$2:AJ$366,ROUNDDOWN($C4888/24,0)+1,1))-1)+IF('Standard Profiles'!$G$20=$B$10,7,0)+IF('Standard Profiles'!$G$20=$B$17,14,0)+IF('Standard Profiles'!$G$20=$B$24,21,0),MOD($C4888,24)+1)/SUM(INDEX($D$3:$AA$30,INDEX(Jesper!$R$2:$R$366,ROW(INDEX(Jesper!AJ$2:AJ$366,ROUNDDOWN($C4888/24,0)+1,1))-1)+IF('Standard Profiles'!$G$20=$B$10,7,0)+IF('Standard Profiles'!$G$20=$B$17,14,0)+IF('Standard Profiles'!$G$20=$B$24,21,0),0)),0)</f>
        <v>0</v>
      </c>
      <c r="G4888" cm="1">
        <f t="array" ref="G4888">IFERROR(INDEX(Jesper!AK$2:AK$366,ROUNDDOWN($C4888/24,0)+1,1)*INDEX($D$3:$AA$30,INDEX(Jesper!$R$2:$R$366,ROW(INDEX(Jesper!AK$2:AK$366,ROUNDDOWN($C4888/24,0)+1,1))-1)+IF('Standard Profiles'!$G$21=$B$10,7,0)+IF('Standard Profiles'!$G$21=$B$17,14,0)+IF('Standard Profiles'!$G$21=$B$24,21,0),MOD($C4888,24)+1)/SUM(INDEX($D$3:$AA$30,INDEX(Jesper!$R$2:$R$366,ROW(INDEX(Jesper!AK$2:AK$366,ROUNDDOWN($C4888/24,0)+1,1))-1)+IF('Standard Profiles'!$G$21=$B$10,7,0)+IF('Standard Profiles'!$G$21=$B$17,14,0)+IF('Standard Profiles'!$G$21=$B$24,21,0),0)),0)</f>
        <v>0</v>
      </c>
      <c r="H4888" cm="1">
        <f t="array" ref="H4888">IFERROR(INDEX(Jesper!AL$2:AL$366,ROUNDDOWN($C4888/24,0)+1,1)*INDEX($D$3:$AA$30,INDEX(Jesper!$R$2:$R$366,ROW(INDEX(Jesper!AL$2:AL$366,ROUNDDOWN($C4888/24,0)+1,1))-1)+IF('Standard Profiles'!$G$22=$B$10,7,0)+IF('Standard Profiles'!$G$22=$B$17,14,0)+IF('Standard Profiles'!$G$22=$B$24,21,0),MOD($C4888,24)+1)/SUM(INDEX($D$3:$AA$30,INDEX(Jesper!$R$2:$R$366,ROW(INDEX(Jesper!AL$2:AL$366,ROUNDDOWN($C4888/24,0)+1,1))-1)+IF('Standard Profiles'!$G$22=$B$10,7,0)+IF('Standard Profiles'!$G$22=$B$17,14,0)+IF('Standard Profiles'!$G$22=$B$24,21,0),0)),0)</f>
        <v>0</v>
      </c>
      <c r="I4888">
        <f t="shared" si="545"/>
        <v>0.13999575463844099</v>
      </c>
      <c r="J4888">
        <f t="shared" si="546"/>
        <v>0.46665251546147007</v>
      </c>
      <c r="K4888">
        <f t="shared" si="547"/>
        <v>0.69997877319220514</v>
      </c>
      <c r="L4888">
        <f t="shared" si="548"/>
        <v>10.177362228094076</v>
      </c>
      <c r="M4888">
        <f t="shared" si="549"/>
        <v>0</v>
      </c>
      <c r="N4888" s="46">
        <f t="shared" si="550"/>
        <v>45494.249999988228</v>
      </c>
    </row>
    <row r="4889" spans="2:14" x14ac:dyDescent="0.3">
      <c r="B4889">
        <f t="shared" si="544"/>
        <v>7</v>
      </c>
      <c r="C4889" s="16">
        <v>4855</v>
      </c>
      <c r="D4889" cm="1">
        <f t="array" ref="D4889">IFERROR(INDEX(Jesper!AH$2:AH$366,ROUNDDOWN($C4889/24,0)+1,1)*INDEX($D$3:$AA$30,INDEX(Jesper!$R$2:$R$366,ROW(INDEX(Jesper!AH$2:AH$366,ROUNDDOWN($C4889/24,0)+1,1))-1)+IF('Standard Profiles'!$G$18=$B$10,7,0)+IF('Standard Profiles'!$G$18=$B$17,14,0)+IF('Standard Profiles'!$G$18=$B$24,21,0),MOD($C4889,24)+1)/SUM(INDEX($D$3:$AA$30,INDEX(Jesper!$R$2:$R$366,ROW(INDEX(Jesper!AH$2:AH$366,ROUNDDOWN($C4889/24,0)+1,1))-1)+IF('Standard Profiles'!$G$18=$B$10,7,0)+IF('Standard Profiles'!$G$18=$B$17,14,0)+IF('Standard Profiles'!$G$18=$B$24,21,0),0)),0)</f>
        <v>11.803628167522044</v>
      </c>
      <c r="E4889" cm="1">
        <f t="array" ref="E4889">IFERROR(INDEX(Jesper!AI$2:AI$366,ROUNDDOWN($C4889/24,0)+1,1)*INDEX($D$3:$AA$30,INDEX(Jesper!$R$2:$R$366,ROW(INDEX(Jesper!AI$2:AI$366,ROUNDDOWN($C4889/24,0)+1,1))-1)+IF('Standard Profiles'!$G$19=$B$10,7,0)+IF('Standard Profiles'!$G$19=$B$17,14,0)+IF('Standard Profiles'!$G$19=$B$24,21,0),MOD($C4889,24)+1)/SUM(INDEX($D$3:$AA$30,INDEX(Jesper!$R$2:$R$366,ROW(INDEX(Jesper!AI$2:AI$366,ROUNDDOWN($C4889/24,0)+1,1))-1)+IF('Standard Profiles'!$G$19=$B$10,7,0)+IF('Standard Profiles'!$G$19=$B$17,14,0)+IF('Standard Profiles'!$G$19=$B$24,21,0),0)),0)</f>
        <v>1.8471515324275807</v>
      </c>
      <c r="F4889" cm="1">
        <f t="array" ref="F4889">IFERROR(INDEX(Jesper!AJ$2:AJ$366,ROUNDDOWN($C4889/24,0)+1,1)*INDEX($D$3:$AA$30,INDEX(Jesper!$R$2:$R$366,ROW(INDEX(Jesper!AJ$2:AJ$366,ROUNDDOWN($C4889/24,0)+1,1))-1)+IF('Standard Profiles'!$G$20=$B$10,7,0)+IF('Standard Profiles'!$G$20=$B$17,14,0)+IF('Standard Profiles'!$G$20=$B$24,21,0),MOD($C4889,24)+1)/SUM(INDEX($D$3:$AA$30,INDEX(Jesper!$R$2:$R$366,ROW(INDEX(Jesper!AJ$2:AJ$366,ROUNDDOWN($C4889/24,0)+1,1))-1)+IF('Standard Profiles'!$G$20=$B$10,7,0)+IF('Standard Profiles'!$G$20=$B$17,14,0)+IF('Standard Profiles'!$G$20=$B$24,21,0),0)),0)</f>
        <v>0</v>
      </c>
      <c r="G4889" cm="1">
        <f t="array" ref="G4889">IFERROR(INDEX(Jesper!AK$2:AK$366,ROUNDDOWN($C4889/24,0)+1,1)*INDEX($D$3:$AA$30,INDEX(Jesper!$R$2:$R$366,ROW(INDEX(Jesper!AK$2:AK$366,ROUNDDOWN($C4889/24,0)+1,1))-1)+IF('Standard Profiles'!$G$21=$B$10,7,0)+IF('Standard Profiles'!$G$21=$B$17,14,0)+IF('Standard Profiles'!$G$21=$B$24,21,0),MOD($C4889,24)+1)/SUM(INDEX($D$3:$AA$30,INDEX(Jesper!$R$2:$R$366,ROW(INDEX(Jesper!AK$2:AK$366,ROUNDDOWN($C4889/24,0)+1,1))-1)+IF('Standard Profiles'!$G$21=$B$10,7,0)+IF('Standard Profiles'!$G$21=$B$17,14,0)+IF('Standard Profiles'!$G$21=$B$24,21,0),0)),0)</f>
        <v>0</v>
      </c>
      <c r="H4889" cm="1">
        <f t="array" ref="H4889">IFERROR(INDEX(Jesper!AL$2:AL$366,ROUNDDOWN($C4889/24,0)+1,1)*INDEX($D$3:$AA$30,INDEX(Jesper!$R$2:$R$366,ROW(INDEX(Jesper!AL$2:AL$366,ROUNDDOWN($C4889/24,0)+1,1))-1)+IF('Standard Profiles'!$G$22=$B$10,7,0)+IF('Standard Profiles'!$G$22=$B$17,14,0)+IF('Standard Profiles'!$G$22=$B$24,21,0),MOD($C4889,24)+1)/SUM(INDEX($D$3:$AA$30,INDEX(Jesper!$R$2:$R$366,ROW(INDEX(Jesper!AL$2:AL$366,ROUNDDOWN($C4889/24,0)+1,1))-1)+IF('Standard Profiles'!$G$22=$B$10,7,0)+IF('Standard Profiles'!$G$22=$B$17,14,0)+IF('Standard Profiles'!$G$22=$B$24,21,0),0)),0)</f>
        <v>0</v>
      </c>
      <c r="I4889">
        <f t="shared" si="545"/>
        <v>0.16641004796644876</v>
      </c>
      <c r="J4889">
        <f t="shared" si="546"/>
        <v>0.55470015988816257</v>
      </c>
      <c r="K4889">
        <f t="shared" si="547"/>
        <v>0.83205023983224391</v>
      </c>
      <c r="L4889">
        <f t="shared" si="548"/>
        <v>12.097619252262769</v>
      </c>
      <c r="M4889">
        <f t="shared" si="549"/>
        <v>0</v>
      </c>
      <c r="N4889" s="46">
        <f t="shared" si="550"/>
        <v>45494.291666654892</v>
      </c>
    </row>
    <row r="4890" spans="2:14" x14ac:dyDescent="0.3">
      <c r="B4890">
        <f t="shared" si="544"/>
        <v>7</v>
      </c>
      <c r="C4890" s="16">
        <v>4856</v>
      </c>
      <c r="D4890" cm="1">
        <f t="array" ref="D4890">IFERROR(INDEX(Jesper!AH$2:AH$366,ROUNDDOWN($C4890/24,0)+1,1)*INDEX($D$3:$AA$30,INDEX(Jesper!$R$2:$R$366,ROW(INDEX(Jesper!AH$2:AH$366,ROUNDDOWN($C4890/24,0)+1,1))-1)+IF('Standard Profiles'!$G$18=$B$10,7,0)+IF('Standard Profiles'!$G$18=$B$17,14,0)+IF('Standard Profiles'!$G$18=$B$24,21,0),MOD($C4890,24)+1)/SUM(INDEX($D$3:$AA$30,INDEX(Jesper!$R$2:$R$366,ROW(INDEX(Jesper!AH$2:AH$366,ROUNDDOWN($C4890/24,0)+1,1))-1)+IF('Standard Profiles'!$G$18=$B$10,7,0)+IF('Standard Profiles'!$G$18=$B$17,14,0)+IF('Standard Profiles'!$G$18=$B$24,21,0),0)),0)</f>
        <v>11.803628167522044</v>
      </c>
      <c r="E4890" cm="1">
        <f t="array" ref="E4890">IFERROR(INDEX(Jesper!AI$2:AI$366,ROUNDDOWN($C4890/24,0)+1,1)*INDEX($D$3:$AA$30,INDEX(Jesper!$R$2:$R$366,ROW(INDEX(Jesper!AI$2:AI$366,ROUNDDOWN($C4890/24,0)+1,1))-1)+IF('Standard Profiles'!$G$19=$B$10,7,0)+IF('Standard Profiles'!$G$19=$B$17,14,0)+IF('Standard Profiles'!$G$19=$B$24,21,0),MOD($C4890,24)+1)/SUM(INDEX($D$3:$AA$30,INDEX(Jesper!$R$2:$R$366,ROW(INDEX(Jesper!AI$2:AI$366,ROUNDDOWN($C4890/24,0)+1,1))-1)+IF('Standard Profiles'!$G$19=$B$10,7,0)+IF('Standard Profiles'!$G$19=$B$17,14,0)+IF('Standard Profiles'!$G$19=$B$24,21,0),0)),0)</f>
        <v>1.8471515324275807</v>
      </c>
      <c r="F4890" cm="1">
        <f t="array" ref="F4890">IFERROR(INDEX(Jesper!AJ$2:AJ$366,ROUNDDOWN($C4890/24,0)+1,1)*INDEX($D$3:$AA$30,INDEX(Jesper!$R$2:$R$366,ROW(INDEX(Jesper!AJ$2:AJ$366,ROUNDDOWN($C4890/24,0)+1,1))-1)+IF('Standard Profiles'!$G$20=$B$10,7,0)+IF('Standard Profiles'!$G$20=$B$17,14,0)+IF('Standard Profiles'!$G$20=$B$24,21,0),MOD($C4890,24)+1)/SUM(INDEX($D$3:$AA$30,INDEX(Jesper!$R$2:$R$366,ROW(INDEX(Jesper!AJ$2:AJ$366,ROUNDDOWN($C4890/24,0)+1,1))-1)+IF('Standard Profiles'!$G$20=$B$10,7,0)+IF('Standard Profiles'!$G$20=$B$17,14,0)+IF('Standard Profiles'!$G$20=$B$24,21,0),0)),0)</f>
        <v>0</v>
      </c>
      <c r="G4890" cm="1">
        <f t="array" ref="G4890">IFERROR(INDEX(Jesper!AK$2:AK$366,ROUNDDOWN($C4890/24,0)+1,1)*INDEX($D$3:$AA$30,INDEX(Jesper!$R$2:$R$366,ROW(INDEX(Jesper!AK$2:AK$366,ROUNDDOWN($C4890/24,0)+1,1))-1)+IF('Standard Profiles'!$G$21=$B$10,7,0)+IF('Standard Profiles'!$G$21=$B$17,14,0)+IF('Standard Profiles'!$G$21=$B$24,21,0),MOD($C4890,24)+1)/SUM(INDEX($D$3:$AA$30,INDEX(Jesper!$R$2:$R$366,ROW(INDEX(Jesper!AK$2:AK$366,ROUNDDOWN($C4890/24,0)+1,1))-1)+IF('Standard Profiles'!$G$21=$B$10,7,0)+IF('Standard Profiles'!$G$21=$B$17,14,0)+IF('Standard Profiles'!$G$21=$B$24,21,0),0)),0)</f>
        <v>0</v>
      </c>
      <c r="H4890" cm="1">
        <f t="array" ref="H4890">IFERROR(INDEX(Jesper!AL$2:AL$366,ROUNDDOWN($C4890/24,0)+1,1)*INDEX($D$3:$AA$30,INDEX(Jesper!$R$2:$R$366,ROW(INDEX(Jesper!AL$2:AL$366,ROUNDDOWN($C4890/24,0)+1,1))-1)+IF('Standard Profiles'!$G$22=$B$10,7,0)+IF('Standard Profiles'!$G$22=$B$17,14,0)+IF('Standard Profiles'!$G$22=$B$24,21,0),MOD($C4890,24)+1)/SUM(INDEX($D$3:$AA$30,INDEX(Jesper!$R$2:$R$366,ROW(INDEX(Jesper!AL$2:AL$366,ROUNDDOWN($C4890/24,0)+1,1))-1)+IF('Standard Profiles'!$G$22=$B$10,7,0)+IF('Standard Profiles'!$G$22=$B$17,14,0)+IF('Standard Profiles'!$G$22=$B$24,21,0),0)),0)</f>
        <v>0</v>
      </c>
      <c r="I4890">
        <f t="shared" si="545"/>
        <v>0.16641004796644876</v>
      </c>
      <c r="J4890">
        <f t="shared" si="546"/>
        <v>0.55470015988816257</v>
      </c>
      <c r="K4890">
        <f t="shared" si="547"/>
        <v>0.83205023983224391</v>
      </c>
      <c r="L4890">
        <f t="shared" si="548"/>
        <v>12.097619252262769</v>
      </c>
      <c r="M4890">
        <f t="shared" si="549"/>
        <v>0</v>
      </c>
      <c r="N4890" s="46">
        <f t="shared" si="550"/>
        <v>45494.333333321556</v>
      </c>
    </row>
    <row r="4891" spans="2:14" x14ac:dyDescent="0.3">
      <c r="B4891">
        <f t="shared" si="544"/>
        <v>7</v>
      </c>
      <c r="C4891" s="16">
        <v>4857</v>
      </c>
      <c r="D4891" cm="1">
        <f t="array" ref="D4891">IFERROR(INDEX(Jesper!AH$2:AH$366,ROUNDDOWN($C4891/24,0)+1,1)*INDEX($D$3:$AA$30,INDEX(Jesper!$R$2:$R$366,ROW(INDEX(Jesper!AH$2:AH$366,ROUNDDOWN($C4891/24,0)+1,1))-1)+IF('Standard Profiles'!$G$18=$B$10,7,0)+IF('Standard Profiles'!$G$18=$B$17,14,0)+IF('Standard Profiles'!$G$18=$B$24,21,0),MOD($C4891,24)+1)/SUM(INDEX($D$3:$AA$30,INDEX(Jesper!$R$2:$R$366,ROW(INDEX(Jesper!AH$2:AH$366,ROUNDDOWN($C4891/24,0)+1,1))-1)+IF('Standard Profiles'!$G$18=$B$10,7,0)+IF('Standard Profiles'!$G$18=$B$17,14,0)+IF('Standard Profiles'!$G$18=$B$24,21,0),0)),0)</f>
        <v>11.803628167522044</v>
      </c>
      <c r="E4891" cm="1">
        <f t="array" ref="E4891">IFERROR(INDEX(Jesper!AI$2:AI$366,ROUNDDOWN($C4891/24,0)+1,1)*INDEX($D$3:$AA$30,INDEX(Jesper!$R$2:$R$366,ROW(INDEX(Jesper!AI$2:AI$366,ROUNDDOWN($C4891/24,0)+1,1))-1)+IF('Standard Profiles'!$G$19=$B$10,7,0)+IF('Standard Profiles'!$G$19=$B$17,14,0)+IF('Standard Profiles'!$G$19=$B$24,21,0),MOD($C4891,24)+1)/SUM(INDEX($D$3:$AA$30,INDEX(Jesper!$R$2:$R$366,ROW(INDEX(Jesper!AI$2:AI$366,ROUNDDOWN($C4891/24,0)+1,1))-1)+IF('Standard Profiles'!$G$19=$B$10,7,0)+IF('Standard Profiles'!$G$19=$B$17,14,0)+IF('Standard Profiles'!$G$19=$B$24,21,0),0)),0)</f>
        <v>1.8471515324275807</v>
      </c>
      <c r="F4891" cm="1">
        <f t="array" ref="F4891">IFERROR(INDEX(Jesper!AJ$2:AJ$366,ROUNDDOWN($C4891/24,0)+1,1)*INDEX($D$3:$AA$30,INDEX(Jesper!$R$2:$R$366,ROW(INDEX(Jesper!AJ$2:AJ$366,ROUNDDOWN($C4891/24,0)+1,1))-1)+IF('Standard Profiles'!$G$20=$B$10,7,0)+IF('Standard Profiles'!$G$20=$B$17,14,0)+IF('Standard Profiles'!$G$20=$B$24,21,0),MOD($C4891,24)+1)/SUM(INDEX($D$3:$AA$30,INDEX(Jesper!$R$2:$R$366,ROW(INDEX(Jesper!AJ$2:AJ$366,ROUNDDOWN($C4891/24,0)+1,1))-1)+IF('Standard Profiles'!$G$20=$B$10,7,0)+IF('Standard Profiles'!$G$20=$B$17,14,0)+IF('Standard Profiles'!$G$20=$B$24,21,0),0)),0)</f>
        <v>0</v>
      </c>
      <c r="G4891" cm="1">
        <f t="array" ref="G4891">IFERROR(INDEX(Jesper!AK$2:AK$366,ROUNDDOWN($C4891/24,0)+1,1)*INDEX($D$3:$AA$30,INDEX(Jesper!$R$2:$R$366,ROW(INDEX(Jesper!AK$2:AK$366,ROUNDDOWN($C4891/24,0)+1,1))-1)+IF('Standard Profiles'!$G$21=$B$10,7,0)+IF('Standard Profiles'!$G$21=$B$17,14,0)+IF('Standard Profiles'!$G$21=$B$24,21,0),MOD($C4891,24)+1)/SUM(INDEX($D$3:$AA$30,INDEX(Jesper!$R$2:$R$366,ROW(INDEX(Jesper!AK$2:AK$366,ROUNDDOWN($C4891/24,0)+1,1))-1)+IF('Standard Profiles'!$G$21=$B$10,7,0)+IF('Standard Profiles'!$G$21=$B$17,14,0)+IF('Standard Profiles'!$G$21=$B$24,21,0),0)),0)</f>
        <v>0</v>
      </c>
      <c r="H4891" cm="1">
        <f t="array" ref="H4891">IFERROR(INDEX(Jesper!AL$2:AL$366,ROUNDDOWN($C4891/24,0)+1,1)*INDEX($D$3:$AA$30,INDEX(Jesper!$R$2:$R$366,ROW(INDEX(Jesper!AL$2:AL$366,ROUNDDOWN($C4891/24,0)+1,1))-1)+IF('Standard Profiles'!$G$22=$B$10,7,0)+IF('Standard Profiles'!$G$22=$B$17,14,0)+IF('Standard Profiles'!$G$22=$B$24,21,0),MOD($C4891,24)+1)/SUM(INDEX($D$3:$AA$30,INDEX(Jesper!$R$2:$R$366,ROW(INDEX(Jesper!AL$2:AL$366,ROUNDDOWN($C4891/24,0)+1,1))-1)+IF('Standard Profiles'!$G$22=$B$10,7,0)+IF('Standard Profiles'!$G$22=$B$17,14,0)+IF('Standard Profiles'!$G$22=$B$24,21,0),0)),0)</f>
        <v>0</v>
      </c>
      <c r="I4891">
        <f t="shared" si="545"/>
        <v>0.16641004796644876</v>
      </c>
      <c r="J4891">
        <f t="shared" si="546"/>
        <v>0.55470015988816257</v>
      </c>
      <c r="K4891">
        <f t="shared" si="547"/>
        <v>0.83205023983224391</v>
      </c>
      <c r="L4891">
        <f t="shared" si="548"/>
        <v>12.097619252262769</v>
      </c>
      <c r="M4891">
        <f t="shared" si="549"/>
        <v>0</v>
      </c>
      <c r="N4891" s="46">
        <f t="shared" si="550"/>
        <v>45494.37499998822</v>
      </c>
    </row>
    <row r="4892" spans="2:14" x14ac:dyDescent="0.3">
      <c r="B4892">
        <f t="shared" si="544"/>
        <v>7</v>
      </c>
      <c r="C4892" s="16">
        <v>4858</v>
      </c>
      <c r="D4892" cm="1">
        <f t="array" ref="D4892">IFERROR(INDEX(Jesper!AH$2:AH$366,ROUNDDOWN($C4892/24,0)+1,1)*INDEX($D$3:$AA$30,INDEX(Jesper!$R$2:$R$366,ROW(INDEX(Jesper!AH$2:AH$366,ROUNDDOWN($C4892/24,0)+1,1))-1)+IF('Standard Profiles'!$G$18=$B$10,7,0)+IF('Standard Profiles'!$G$18=$B$17,14,0)+IF('Standard Profiles'!$G$18=$B$24,21,0),MOD($C4892,24)+1)/SUM(INDEX($D$3:$AA$30,INDEX(Jesper!$R$2:$R$366,ROW(INDEX(Jesper!AH$2:AH$366,ROUNDDOWN($C4892/24,0)+1,1))-1)+IF('Standard Profiles'!$G$18=$B$10,7,0)+IF('Standard Profiles'!$G$18=$B$17,14,0)+IF('Standard Profiles'!$G$18=$B$24,21,0),0)),0)</f>
        <v>11.803628167522044</v>
      </c>
      <c r="E4892" cm="1">
        <f t="array" ref="E4892">IFERROR(INDEX(Jesper!AI$2:AI$366,ROUNDDOWN($C4892/24,0)+1,1)*INDEX($D$3:$AA$30,INDEX(Jesper!$R$2:$R$366,ROW(INDEX(Jesper!AI$2:AI$366,ROUNDDOWN($C4892/24,0)+1,1))-1)+IF('Standard Profiles'!$G$19=$B$10,7,0)+IF('Standard Profiles'!$G$19=$B$17,14,0)+IF('Standard Profiles'!$G$19=$B$24,21,0),MOD($C4892,24)+1)/SUM(INDEX($D$3:$AA$30,INDEX(Jesper!$R$2:$R$366,ROW(INDEX(Jesper!AI$2:AI$366,ROUNDDOWN($C4892/24,0)+1,1))-1)+IF('Standard Profiles'!$G$19=$B$10,7,0)+IF('Standard Profiles'!$G$19=$B$17,14,0)+IF('Standard Profiles'!$G$19=$B$24,21,0),0)),0)</f>
        <v>1.8471515324275807</v>
      </c>
      <c r="F4892" cm="1">
        <f t="array" ref="F4892">IFERROR(INDEX(Jesper!AJ$2:AJ$366,ROUNDDOWN($C4892/24,0)+1,1)*INDEX($D$3:$AA$30,INDEX(Jesper!$R$2:$R$366,ROW(INDEX(Jesper!AJ$2:AJ$366,ROUNDDOWN($C4892/24,0)+1,1))-1)+IF('Standard Profiles'!$G$20=$B$10,7,0)+IF('Standard Profiles'!$G$20=$B$17,14,0)+IF('Standard Profiles'!$G$20=$B$24,21,0),MOD($C4892,24)+1)/SUM(INDEX($D$3:$AA$30,INDEX(Jesper!$R$2:$R$366,ROW(INDEX(Jesper!AJ$2:AJ$366,ROUNDDOWN($C4892/24,0)+1,1))-1)+IF('Standard Profiles'!$G$20=$B$10,7,0)+IF('Standard Profiles'!$G$20=$B$17,14,0)+IF('Standard Profiles'!$G$20=$B$24,21,0),0)),0)</f>
        <v>0</v>
      </c>
      <c r="G4892" cm="1">
        <f t="array" ref="G4892">IFERROR(INDEX(Jesper!AK$2:AK$366,ROUNDDOWN($C4892/24,0)+1,1)*INDEX($D$3:$AA$30,INDEX(Jesper!$R$2:$R$366,ROW(INDEX(Jesper!AK$2:AK$366,ROUNDDOWN($C4892/24,0)+1,1))-1)+IF('Standard Profiles'!$G$21=$B$10,7,0)+IF('Standard Profiles'!$G$21=$B$17,14,0)+IF('Standard Profiles'!$G$21=$B$24,21,0),MOD($C4892,24)+1)/SUM(INDEX($D$3:$AA$30,INDEX(Jesper!$R$2:$R$366,ROW(INDEX(Jesper!AK$2:AK$366,ROUNDDOWN($C4892/24,0)+1,1))-1)+IF('Standard Profiles'!$G$21=$B$10,7,0)+IF('Standard Profiles'!$G$21=$B$17,14,0)+IF('Standard Profiles'!$G$21=$B$24,21,0),0)),0)</f>
        <v>0</v>
      </c>
      <c r="H4892" cm="1">
        <f t="array" ref="H4892">IFERROR(INDEX(Jesper!AL$2:AL$366,ROUNDDOWN($C4892/24,0)+1,1)*INDEX($D$3:$AA$30,INDEX(Jesper!$R$2:$R$366,ROW(INDEX(Jesper!AL$2:AL$366,ROUNDDOWN($C4892/24,0)+1,1))-1)+IF('Standard Profiles'!$G$22=$B$10,7,0)+IF('Standard Profiles'!$G$22=$B$17,14,0)+IF('Standard Profiles'!$G$22=$B$24,21,0),MOD($C4892,24)+1)/SUM(INDEX($D$3:$AA$30,INDEX(Jesper!$R$2:$R$366,ROW(INDEX(Jesper!AL$2:AL$366,ROUNDDOWN($C4892/24,0)+1,1))-1)+IF('Standard Profiles'!$G$22=$B$10,7,0)+IF('Standard Profiles'!$G$22=$B$17,14,0)+IF('Standard Profiles'!$G$22=$B$24,21,0),0)),0)</f>
        <v>0</v>
      </c>
      <c r="I4892">
        <f t="shared" si="545"/>
        <v>0.16641004796644876</v>
      </c>
      <c r="J4892">
        <f t="shared" si="546"/>
        <v>0.55470015988816257</v>
      </c>
      <c r="K4892">
        <f t="shared" si="547"/>
        <v>0.83205023983224391</v>
      </c>
      <c r="L4892">
        <f t="shared" si="548"/>
        <v>12.097619252262769</v>
      </c>
      <c r="M4892">
        <f t="shared" si="549"/>
        <v>0</v>
      </c>
      <c r="N4892" s="46">
        <f t="shared" si="550"/>
        <v>45494.416666654884</v>
      </c>
    </row>
    <row r="4893" spans="2:14" x14ac:dyDescent="0.3">
      <c r="B4893">
        <f t="shared" si="544"/>
        <v>7</v>
      </c>
      <c r="C4893" s="16">
        <v>4859</v>
      </c>
      <c r="D4893" cm="1">
        <f t="array" ref="D4893">IFERROR(INDEX(Jesper!AH$2:AH$366,ROUNDDOWN($C4893/24,0)+1,1)*INDEX($D$3:$AA$30,INDEX(Jesper!$R$2:$R$366,ROW(INDEX(Jesper!AH$2:AH$366,ROUNDDOWN($C4893/24,0)+1,1))-1)+IF('Standard Profiles'!$G$18=$B$10,7,0)+IF('Standard Profiles'!$G$18=$B$17,14,0)+IF('Standard Profiles'!$G$18=$B$24,21,0),MOD($C4893,24)+1)/SUM(INDEX($D$3:$AA$30,INDEX(Jesper!$R$2:$R$366,ROW(INDEX(Jesper!AH$2:AH$366,ROUNDDOWN($C4893/24,0)+1,1))-1)+IF('Standard Profiles'!$G$18=$B$10,7,0)+IF('Standard Profiles'!$G$18=$B$17,14,0)+IF('Standard Profiles'!$G$18=$B$24,21,0),0)),0)</f>
        <v>11.803628167522044</v>
      </c>
      <c r="E4893" cm="1">
        <f t="array" ref="E4893">IFERROR(INDEX(Jesper!AI$2:AI$366,ROUNDDOWN($C4893/24,0)+1,1)*INDEX($D$3:$AA$30,INDEX(Jesper!$R$2:$R$366,ROW(INDEX(Jesper!AI$2:AI$366,ROUNDDOWN($C4893/24,0)+1,1))-1)+IF('Standard Profiles'!$G$19=$B$10,7,0)+IF('Standard Profiles'!$G$19=$B$17,14,0)+IF('Standard Profiles'!$G$19=$B$24,21,0),MOD($C4893,24)+1)/SUM(INDEX($D$3:$AA$30,INDEX(Jesper!$R$2:$R$366,ROW(INDEX(Jesper!AI$2:AI$366,ROUNDDOWN($C4893/24,0)+1,1))-1)+IF('Standard Profiles'!$G$19=$B$10,7,0)+IF('Standard Profiles'!$G$19=$B$17,14,0)+IF('Standard Profiles'!$G$19=$B$24,21,0),0)),0)</f>
        <v>1.8471515324275807</v>
      </c>
      <c r="F4893" cm="1">
        <f t="array" ref="F4893">IFERROR(INDEX(Jesper!AJ$2:AJ$366,ROUNDDOWN($C4893/24,0)+1,1)*INDEX($D$3:$AA$30,INDEX(Jesper!$R$2:$R$366,ROW(INDEX(Jesper!AJ$2:AJ$366,ROUNDDOWN($C4893/24,0)+1,1))-1)+IF('Standard Profiles'!$G$20=$B$10,7,0)+IF('Standard Profiles'!$G$20=$B$17,14,0)+IF('Standard Profiles'!$G$20=$B$24,21,0),MOD($C4893,24)+1)/SUM(INDEX($D$3:$AA$30,INDEX(Jesper!$R$2:$R$366,ROW(INDEX(Jesper!AJ$2:AJ$366,ROUNDDOWN($C4893/24,0)+1,1))-1)+IF('Standard Profiles'!$G$20=$B$10,7,0)+IF('Standard Profiles'!$G$20=$B$17,14,0)+IF('Standard Profiles'!$G$20=$B$24,21,0),0)),0)</f>
        <v>0</v>
      </c>
      <c r="G4893" cm="1">
        <f t="array" ref="G4893">IFERROR(INDEX(Jesper!AK$2:AK$366,ROUNDDOWN($C4893/24,0)+1,1)*INDEX($D$3:$AA$30,INDEX(Jesper!$R$2:$R$366,ROW(INDEX(Jesper!AK$2:AK$366,ROUNDDOWN($C4893/24,0)+1,1))-1)+IF('Standard Profiles'!$G$21=$B$10,7,0)+IF('Standard Profiles'!$G$21=$B$17,14,0)+IF('Standard Profiles'!$G$21=$B$24,21,0),MOD($C4893,24)+1)/SUM(INDEX($D$3:$AA$30,INDEX(Jesper!$R$2:$R$366,ROW(INDEX(Jesper!AK$2:AK$366,ROUNDDOWN($C4893/24,0)+1,1))-1)+IF('Standard Profiles'!$G$21=$B$10,7,0)+IF('Standard Profiles'!$G$21=$B$17,14,0)+IF('Standard Profiles'!$G$21=$B$24,21,0),0)),0)</f>
        <v>0</v>
      </c>
      <c r="H4893" cm="1">
        <f t="array" ref="H4893">IFERROR(INDEX(Jesper!AL$2:AL$366,ROUNDDOWN($C4893/24,0)+1,1)*INDEX($D$3:$AA$30,INDEX(Jesper!$R$2:$R$366,ROW(INDEX(Jesper!AL$2:AL$366,ROUNDDOWN($C4893/24,0)+1,1))-1)+IF('Standard Profiles'!$G$22=$B$10,7,0)+IF('Standard Profiles'!$G$22=$B$17,14,0)+IF('Standard Profiles'!$G$22=$B$24,21,0),MOD($C4893,24)+1)/SUM(INDEX($D$3:$AA$30,INDEX(Jesper!$R$2:$R$366,ROW(INDEX(Jesper!AL$2:AL$366,ROUNDDOWN($C4893/24,0)+1,1))-1)+IF('Standard Profiles'!$G$22=$B$10,7,0)+IF('Standard Profiles'!$G$22=$B$17,14,0)+IF('Standard Profiles'!$G$22=$B$24,21,0),0)),0)</f>
        <v>0</v>
      </c>
      <c r="I4893">
        <f t="shared" si="545"/>
        <v>0.16641004796644876</v>
      </c>
      <c r="J4893">
        <f t="shared" si="546"/>
        <v>0.55470015988816257</v>
      </c>
      <c r="K4893">
        <f t="shared" si="547"/>
        <v>0.83205023983224391</v>
      </c>
      <c r="L4893">
        <f t="shared" si="548"/>
        <v>12.097619252262769</v>
      </c>
      <c r="M4893">
        <f t="shared" si="549"/>
        <v>0</v>
      </c>
      <c r="N4893" s="46">
        <f t="shared" si="550"/>
        <v>45494.458333321549</v>
      </c>
    </row>
    <row r="4894" spans="2:14" x14ac:dyDescent="0.3">
      <c r="B4894">
        <f t="shared" si="544"/>
        <v>7</v>
      </c>
      <c r="C4894" s="16">
        <v>4860</v>
      </c>
      <c r="D4894" cm="1">
        <f t="array" ref="D4894">IFERROR(INDEX(Jesper!AH$2:AH$366,ROUNDDOWN($C4894/24,0)+1,1)*INDEX($D$3:$AA$30,INDEX(Jesper!$R$2:$R$366,ROW(INDEX(Jesper!AH$2:AH$366,ROUNDDOWN($C4894/24,0)+1,1))-1)+IF('Standard Profiles'!$G$18=$B$10,7,0)+IF('Standard Profiles'!$G$18=$B$17,14,0)+IF('Standard Profiles'!$G$18=$B$24,21,0),MOD($C4894,24)+1)/SUM(INDEX($D$3:$AA$30,INDEX(Jesper!$R$2:$R$366,ROW(INDEX(Jesper!AH$2:AH$366,ROUNDDOWN($C4894/24,0)+1,1))-1)+IF('Standard Profiles'!$G$18=$B$10,7,0)+IF('Standard Profiles'!$G$18=$B$17,14,0)+IF('Standard Profiles'!$G$18=$B$24,21,0),0)),0)</f>
        <v>11.803628167522044</v>
      </c>
      <c r="E4894" cm="1">
        <f t="array" ref="E4894">IFERROR(INDEX(Jesper!AI$2:AI$366,ROUNDDOWN($C4894/24,0)+1,1)*INDEX($D$3:$AA$30,INDEX(Jesper!$R$2:$R$366,ROW(INDEX(Jesper!AI$2:AI$366,ROUNDDOWN($C4894/24,0)+1,1))-1)+IF('Standard Profiles'!$G$19=$B$10,7,0)+IF('Standard Profiles'!$G$19=$B$17,14,0)+IF('Standard Profiles'!$G$19=$B$24,21,0),MOD($C4894,24)+1)/SUM(INDEX($D$3:$AA$30,INDEX(Jesper!$R$2:$R$366,ROW(INDEX(Jesper!AI$2:AI$366,ROUNDDOWN($C4894/24,0)+1,1))-1)+IF('Standard Profiles'!$G$19=$B$10,7,0)+IF('Standard Profiles'!$G$19=$B$17,14,0)+IF('Standard Profiles'!$G$19=$B$24,21,0),0)),0)</f>
        <v>1.8471515324275807</v>
      </c>
      <c r="F4894" cm="1">
        <f t="array" ref="F4894">IFERROR(INDEX(Jesper!AJ$2:AJ$366,ROUNDDOWN($C4894/24,0)+1,1)*INDEX($D$3:$AA$30,INDEX(Jesper!$R$2:$R$366,ROW(INDEX(Jesper!AJ$2:AJ$366,ROUNDDOWN($C4894/24,0)+1,1))-1)+IF('Standard Profiles'!$G$20=$B$10,7,0)+IF('Standard Profiles'!$G$20=$B$17,14,0)+IF('Standard Profiles'!$G$20=$B$24,21,0),MOD($C4894,24)+1)/SUM(INDEX($D$3:$AA$30,INDEX(Jesper!$R$2:$R$366,ROW(INDEX(Jesper!AJ$2:AJ$366,ROUNDDOWN($C4894/24,0)+1,1))-1)+IF('Standard Profiles'!$G$20=$B$10,7,0)+IF('Standard Profiles'!$G$20=$B$17,14,0)+IF('Standard Profiles'!$G$20=$B$24,21,0),0)),0)</f>
        <v>0</v>
      </c>
      <c r="G4894" cm="1">
        <f t="array" ref="G4894">IFERROR(INDEX(Jesper!AK$2:AK$366,ROUNDDOWN($C4894/24,0)+1,1)*INDEX($D$3:$AA$30,INDEX(Jesper!$R$2:$R$366,ROW(INDEX(Jesper!AK$2:AK$366,ROUNDDOWN($C4894/24,0)+1,1))-1)+IF('Standard Profiles'!$G$21=$B$10,7,0)+IF('Standard Profiles'!$G$21=$B$17,14,0)+IF('Standard Profiles'!$G$21=$B$24,21,0),MOD($C4894,24)+1)/SUM(INDEX($D$3:$AA$30,INDEX(Jesper!$R$2:$R$366,ROW(INDEX(Jesper!AK$2:AK$366,ROUNDDOWN($C4894/24,0)+1,1))-1)+IF('Standard Profiles'!$G$21=$B$10,7,0)+IF('Standard Profiles'!$G$21=$B$17,14,0)+IF('Standard Profiles'!$G$21=$B$24,21,0),0)),0)</f>
        <v>0</v>
      </c>
      <c r="H4894" cm="1">
        <f t="array" ref="H4894">IFERROR(INDEX(Jesper!AL$2:AL$366,ROUNDDOWN($C4894/24,0)+1,1)*INDEX($D$3:$AA$30,INDEX(Jesper!$R$2:$R$366,ROW(INDEX(Jesper!AL$2:AL$366,ROUNDDOWN($C4894/24,0)+1,1))-1)+IF('Standard Profiles'!$G$22=$B$10,7,0)+IF('Standard Profiles'!$G$22=$B$17,14,0)+IF('Standard Profiles'!$G$22=$B$24,21,0),MOD($C4894,24)+1)/SUM(INDEX($D$3:$AA$30,INDEX(Jesper!$R$2:$R$366,ROW(INDEX(Jesper!AL$2:AL$366,ROUNDDOWN($C4894/24,0)+1,1))-1)+IF('Standard Profiles'!$G$22=$B$10,7,0)+IF('Standard Profiles'!$G$22=$B$17,14,0)+IF('Standard Profiles'!$G$22=$B$24,21,0),0)),0)</f>
        <v>0</v>
      </c>
      <c r="I4894">
        <f t="shared" si="545"/>
        <v>0.16641004796644876</v>
      </c>
      <c r="J4894">
        <f t="shared" si="546"/>
        <v>0.55470015988816257</v>
      </c>
      <c r="K4894">
        <f t="shared" si="547"/>
        <v>0.83205023983224391</v>
      </c>
      <c r="L4894">
        <f t="shared" si="548"/>
        <v>12.097619252262769</v>
      </c>
      <c r="M4894">
        <f t="shared" si="549"/>
        <v>0</v>
      </c>
      <c r="N4894" s="46">
        <f t="shared" si="550"/>
        <v>45494.499999988213</v>
      </c>
    </row>
    <row r="4895" spans="2:14" x14ac:dyDescent="0.3">
      <c r="B4895">
        <f t="shared" si="544"/>
        <v>7</v>
      </c>
      <c r="C4895" s="16">
        <v>4861</v>
      </c>
      <c r="D4895" cm="1">
        <f t="array" ref="D4895">IFERROR(INDEX(Jesper!AH$2:AH$366,ROUNDDOWN($C4895/24,0)+1,1)*INDEX($D$3:$AA$30,INDEX(Jesper!$R$2:$R$366,ROW(INDEX(Jesper!AH$2:AH$366,ROUNDDOWN($C4895/24,0)+1,1))-1)+IF('Standard Profiles'!$G$18=$B$10,7,0)+IF('Standard Profiles'!$G$18=$B$17,14,0)+IF('Standard Profiles'!$G$18=$B$24,21,0),MOD($C4895,24)+1)/SUM(INDEX($D$3:$AA$30,INDEX(Jesper!$R$2:$R$366,ROW(INDEX(Jesper!AH$2:AH$366,ROUNDDOWN($C4895/24,0)+1,1))-1)+IF('Standard Profiles'!$G$18=$B$10,7,0)+IF('Standard Profiles'!$G$18=$B$17,14,0)+IF('Standard Profiles'!$G$18=$B$24,21,0),0)),0)</f>
        <v>11.803628167522044</v>
      </c>
      <c r="E4895" cm="1">
        <f t="array" ref="E4895">IFERROR(INDEX(Jesper!AI$2:AI$366,ROUNDDOWN($C4895/24,0)+1,1)*INDEX($D$3:$AA$30,INDEX(Jesper!$R$2:$R$366,ROW(INDEX(Jesper!AI$2:AI$366,ROUNDDOWN($C4895/24,0)+1,1))-1)+IF('Standard Profiles'!$G$19=$B$10,7,0)+IF('Standard Profiles'!$G$19=$B$17,14,0)+IF('Standard Profiles'!$G$19=$B$24,21,0),MOD($C4895,24)+1)/SUM(INDEX($D$3:$AA$30,INDEX(Jesper!$R$2:$R$366,ROW(INDEX(Jesper!AI$2:AI$366,ROUNDDOWN($C4895/24,0)+1,1))-1)+IF('Standard Profiles'!$G$19=$B$10,7,0)+IF('Standard Profiles'!$G$19=$B$17,14,0)+IF('Standard Profiles'!$G$19=$B$24,21,0),0)),0)</f>
        <v>1.8471515324275807</v>
      </c>
      <c r="F4895" cm="1">
        <f t="array" ref="F4895">IFERROR(INDEX(Jesper!AJ$2:AJ$366,ROUNDDOWN($C4895/24,0)+1,1)*INDEX($D$3:$AA$30,INDEX(Jesper!$R$2:$R$366,ROW(INDEX(Jesper!AJ$2:AJ$366,ROUNDDOWN($C4895/24,0)+1,1))-1)+IF('Standard Profiles'!$G$20=$B$10,7,0)+IF('Standard Profiles'!$G$20=$B$17,14,0)+IF('Standard Profiles'!$G$20=$B$24,21,0),MOD($C4895,24)+1)/SUM(INDEX($D$3:$AA$30,INDEX(Jesper!$R$2:$R$366,ROW(INDEX(Jesper!AJ$2:AJ$366,ROUNDDOWN($C4895/24,0)+1,1))-1)+IF('Standard Profiles'!$G$20=$B$10,7,0)+IF('Standard Profiles'!$G$20=$B$17,14,0)+IF('Standard Profiles'!$G$20=$B$24,21,0),0)),0)</f>
        <v>0</v>
      </c>
      <c r="G4895" cm="1">
        <f t="array" ref="G4895">IFERROR(INDEX(Jesper!AK$2:AK$366,ROUNDDOWN($C4895/24,0)+1,1)*INDEX($D$3:$AA$30,INDEX(Jesper!$R$2:$R$366,ROW(INDEX(Jesper!AK$2:AK$366,ROUNDDOWN($C4895/24,0)+1,1))-1)+IF('Standard Profiles'!$G$21=$B$10,7,0)+IF('Standard Profiles'!$G$21=$B$17,14,0)+IF('Standard Profiles'!$G$21=$B$24,21,0),MOD($C4895,24)+1)/SUM(INDEX($D$3:$AA$30,INDEX(Jesper!$R$2:$R$366,ROW(INDEX(Jesper!AK$2:AK$366,ROUNDDOWN($C4895/24,0)+1,1))-1)+IF('Standard Profiles'!$G$21=$B$10,7,0)+IF('Standard Profiles'!$G$21=$B$17,14,0)+IF('Standard Profiles'!$G$21=$B$24,21,0),0)),0)</f>
        <v>0</v>
      </c>
      <c r="H4895" cm="1">
        <f t="array" ref="H4895">IFERROR(INDEX(Jesper!AL$2:AL$366,ROUNDDOWN($C4895/24,0)+1,1)*INDEX($D$3:$AA$30,INDEX(Jesper!$R$2:$R$366,ROW(INDEX(Jesper!AL$2:AL$366,ROUNDDOWN($C4895/24,0)+1,1))-1)+IF('Standard Profiles'!$G$22=$B$10,7,0)+IF('Standard Profiles'!$G$22=$B$17,14,0)+IF('Standard Profiles'!$G$22=$B$24,21,0),MOD($C4895,24)+1)/SUM(INDEX($D$3:$AA$30,INDEX(Jesper!$R$2:$R$366,ROW(INDEX(Jesper!AL$2:AL$366,ROUNDDOWN($C4895/24,0)+1,1))-1)+IF('Standard Profiles'!$G$22=$B$10,7,0)+IF('Standard Profiles'!$G$22=$B$17,14,0)+IF('Standard Profiles'!$G$22=$B$24,21,0),0)),0)</f>
        <v>0</v>
      </c>
      <c r="I4895">
        <f t="shared" si="545"/>
        <v>0.16641004796644876</v>
      </c>
      <c r="J4895">
        <f t="shared" si="546"/>
        <v>0.55470015988816257</v>
      </c>
      <c r="K4895">
        <f t="shared" si="547"/>
        <v>0.83205023983224391</v>
      </c>
      <c r="L4895">
        <f t="shared" si="548"/>
        <v>12.097619252262769</v>
      </c>
      <c r="M4895">
        <f t="shared" si="549"/>
        <v>0</v>
      </c>
      <c r="N4895" s="46">
        <f t="shared" si="550"/>
        <v>45494.541666654877</v>
      </c>
    </row>
    <row r="4896" spans="2:14" x14ac:dyDescent="0.3">
      <c r="B4896">
        <f t="shared" si="544"/>
        <v>7</v>
      </c>
      <c r="C4896" s="16">
        <v>4862</v>
      </c>
      <c r="D4896" cm="1">
        <f t="array" ref="D4896">IFERROR(INDEX(Jesper!AH$2:AH$366,ROUNDDOWN($C4896/24,0)+1,1)*INDEX($D$3:$AA$30,INDEX(Jesper!$R$2:$R$366,ROW(INDEX(Jesper!AH$2:AH$366,ROUNDDOWN($C4896/24,0)+1,1))-1)+IF('Standard Profiles'!$G$18=$B$10,7,0)+IF('Standard Profiles'!$G$18=$B$17,14,0)+IF('Standard Profiles'!$G$18=$B$24,21,0),MOD($C4896,24)+1)/SUM(INDEX($D$3:$AA$30,INDEX(Jesper!$R$2:$R$366,ROW(INDEX(Jesper!AH$2:AH$366,ROUNDDOWN($C4896/24,0)+1,1))-1)+IF('Standard Profiles'!$G$18=$B$10,7,0)+IF('Standard Profiles'!$G$18=$B$17,14,0)+IF('Standard Profiles'!$G$18=$B$24,21,0),0)),0)</f>
        <v>11.803628167522044</v>
      </c>
      <c r="E4896" cm="1">
        <f t="array" ref="E4896">IFERROR(INDEX(Jesper!AI$2:AI$366,ROUNDDOWN($C4896/24,0)+1,1)*INDEX($D$3:$AA$30,INDEX(Jesper!$R$2:$R$366,ROW(INDEX(Jesper!AI$2:AI$366,ROUNDDOWN($C4896/24,0)+1,1))-1)+IF('Standard Profiles'!$G$19=$B$10,7,0)+IF('Standard Profiles'!$G$19=$B$17,14,0)+IF('Standard Profiles'!$G$19=$B$24,21,0),MOD($C4896,24)+1)/SUM(INDEX($D$3:$AA$30,INDEX(Jesper!$R$2:$R$366,ROW(INDEX(Jesper!AI$2:AI$366,ROUNDDOWN($C4896/24,0)+1,1))-1)+IF('Standard Profiles'!$G$19=$B$10,7,0)+IF('Standard Profiles'!$G$19=$B$17,14,0)+IF('Standard Profiles'!$G$19=$B$24,21,0),0)),0)</f>
        <v>1.8471515324275807</v>
      </c>
      <c r="F4896" cm="1">
        <f t="array" ref="F4896">IFERROR(INDEX(Jesper!AJ$2:AJ$366,ROUNDDOWN($C4896/24,0)+1,1)*INDEX($D$3:$AA$30,INDEX(Jesper!$R$2:$R$366,ROW(INDEX(Jesper!AJ$2:AJ$366,ROUNDDOWN($C4896/24,0)+1,1))-1)+IF('Standard Profiles'!$G$20=$B$10,7,0)+IF('Standard Profiles'!$G$20=$B$17,14,0)+IF('Standard Profiles'!$G$20=$B$24,21,0),MOD($C4896,24)+1)/SUM(INDEX($D$3:$AA$30,INDEX(Jesper!$R$2:$R$366,ROW(INDEX(Jesper!AJ$2:AJ$366,ROUNDDOWN($C4896/24,0)+1,1))-1)+IF('Standard Profiles'!$G$20=$B$10,7,0)+IF('Standard Profiles'!$G$20=$B$17,14,0)+IF('Standard Profiles'!$G$20=$B$24,21,0),0)),0)</f>
        <v>0</v>
      </c>
      <c r="G4896" cm="1">
        <f t="array" ref="G4896">IFERROR(INDEX(Jesper!AK$2:AK$366,ROUNDDOWN($C4896/24,0)+1,1)*INDEX($D$3:$AA$30,INDEX(Jesper!$R$2:$R$366,ROW(INDEX(Jesper!AK$2:AK$366,ROUNDDOWN($C4896/24,0)+1,1))-1)+IF('Standard Profiles'!$G$21=$B$10,7,0)+IF('Standard Profiles'!$G$21=$B$17,14,0)+IF('Standard Profiles'!$G$21=$B$24,21,0),MOD($C4896,24)+1)/SUM(INDEX($D$3:$AA$30,INDEX(Jesper!$R$2:$R$366,ROW(INDEX(Jesper!AK$2:AK$366,ROUNDDOWN($C4896/24,0)+1,1))-1)+IF('Standard Profiles'!$G$21=$B$10,7,0)+IF('Standard Profiles'!$G$21=$B$17,14,0)+IF('Standard Profiles'!$G$21=$B$24,21,0),0)),0)</f>
        <v>0</v>
      </c>
      <c r="H4896" cm="1">
        <f t="array" ref="H4896">IFERROR(INDEX(Jesper!AL$2:AL$366,ROUNDDOWN($C4896/24,0)+1,1)*INDEX($D$3:$AA$30,INDEX(Jesper!$R$2:$R$366,ROW(INDEX(Jesper!AL$2:AL$366,ROUNDDOWN($C4896/24,0)+1,1))-1)+IF('Standard Profiles'!$G$22=$B$10,7,0)+IF('Standard Profiles'!$G$22=$B$17,14,0)+IF('Standard Profiles'!$G$22=$B$24,21,0),MOD($C4896,24)+1)/SUM(INDEX($D$3:$AA$30,INDEX(Jesper!$R$2:$R$366,ROW(INDEX(Jesper!AL$2:AL$366,ROUNDDOWN($C4896/24,0)+1,1))-1)+IF('Standard Profiles'!$G$22=$B$10,7,0)+IF('Standard Profiles'!$G$22=$B$17,14,0)+IF('Standard Profiles'!$G$22=$B$24,21,0),0)),0)</f>
        <v>0</v>
      </c>
      <c r="I4896">
        <f t="shared" si="545"/>
        <v>0.16641004796644876</v>
      </c>
      <c r="J4896">
        <f t="shared" si="546"/>
        <v>0.55470015988816257</v>
      </c>
      <c r="K4896">
        <f t="shared" si="547"/>
        <v>0.83205023983224391</v>
      </c>
      <c r="L4896">
        <f t="shared" si="548"/>
        <v>12.097619252262769</v>
      </c>
      <c r="M4896">
        <f t="shared" si="549"/>
        <v>0</v>
      </c>
      <c r="N4896" s="46">
        <f t="shared" si="550"/>
        <v>45494.583333321541</v>
      </c>
    </row>
    <row r="4897" spans="2:14" x14ac:dyDescent="0.3">
      <c r="B4897">
        <f t="shared" si="544"/>
        <v>7</v>
      </c>
      <c r="C4897" s="16">
        <v>4863</v>
      </c>
      <c r="D4897" cm="1">
        <f t="array" ref="D4897">IFERROR(INDEX(Jesper!AH$2:AH$366,ROUNDDOWN($C4897/24,0)+1,1)*INDEX($D$3:$AA$30,INDEX(Jesper!$R$2:$R$366,ROW(INDEX(Jesper!AH$2:AH$366,ROUNDDOWN($C4897/24,0)+1,1))-1)+IF('Standard Profiles'!$G$18=$B$10,7,0)+IF('Standard Profiles'!$G$18=$B$17,14,0)+IF('Standard Profiles'!$G$18=$B$24,21,0),MOD($C4897,24)+1)/SUM(INDEX($D$3:$AA$30,INDEX(Jesper!$R$2:$R$366,ROW(INDEX(Jesper!AH$2:AH$366,ROUNDDOWN($C4897/24,0)+1,1))-1)+IF('Standard Profiles'!$G$18=$B$10,7,0)+IF('Standard Profiles'!$G$18=$B$17,14,0)+IF('Standard Profiles'!$G$18=$B$24,21,0),0)),0)</f>
        <v>10.49211392668626</v>
      </c>
      <c r="E4897" cm="1">
        <f t="array" ref="E4897">IFERROR(INDEX(Jesper!AI$2:AI$366,ROUNDDOWN($C4897/24,0)+1,1)*INDEX($D$3:$AA$30,INDEX(Jesper!$R$2:$R$366,ROW(INDEX(Jesper!AI$2:AI$366,ROUNDDOWN($C4897/24,0)+1,1))-1)+IF('Standard Profiles'!$G$19=$B$10,7,0)+IF('Standard Profiles'!$G$19=$B$17,14,0)+IF('Standard Profiles'!$G$19=$B$24,21,0),MOD($C4897,24)+1)/SUM(INDEX($D$3:$AA$30,INDEX(Jesper!$R$2:$R$366,ROW(INDEX(Jesper!AI$2:AI$366,ROUNDDOWN($C4897/24,0)+1,1))-1)+IF('Standard Profiles'!$G$19=$B$10,7,0)+IF('Standard Profiles'!$G$19=$B$17,14,0)+IF('Standard Profiles'!$G$19=$B$24,21,0),0)),0)</f>
        <v>1.6419124732689605</v>
      </c>
      <c r="F4897" cm="1">
        <f t="array" ref="F4897">IFERROR(INDEX(Jesper!AJ$2:AJ$366,ROUNDDOWN($C4897/24,0)+1,1)*INDEX($D$3:$AA$30,INDEX(Jesper!$R$2:$R$366,ROW(INDEX(Jesper!AJ$2:AJ$366,ROUNDDOWN($C4897/24,0)+1,1))-1)+IF('Standard Profiles'!$G$20=$B$10,7,0)+IF('Standard Profiles'!$G$20=$B$17,14,0)+IF('Standard Profiles'!$G$20=$B$24,21,0),MOD($C4897,24)+1)/SUM(INDEX($D$3:$AA$30,INDEX(Jesper!$R$2:$R$366,ROW(INDEX(Jesper!AJ$2:AJ$366,ROUNDDOWN($C4897/24,0)+1,1))-1)+IF('Standard Profiles'!$G$20=$B$10,7,0)+IF('Standard Profiles'!$G$20=$B$17,14,0)+IF('Standard Profiles'!$G$20=$B$24,21,0),0)),0)</f>
        <v>0</v>
      </c>
      <c r="G4897" cm="1">
        <f t="array" ref="G4897">IFERROR(INDEX(Jesper!AK$2:AK$366,ROUNDDOWN($C4897/24,0)+1,1)*INDEX($D$3:$AA$30,INDEX(Jesper!$R$2:$R$366,ROW(INDEX(Jesper!AK$2:AK$366,ROUNDDOWN($C4897/24,0)+1,1))-1)+IF('Standard Profiles'!$G$21=$B$10,7,0)+IF('Standard Profiles'!$G$21=$B$17,14,0)+IF('Standard Profiles'!$G$21=$B$24,21,0),MOD($C4897,24)+1)/SUM(INDEX($D$3:$AA$30,INDEX(Jesper!$R$2:$R$366,ROW(INDEX(Jesper!AK$2:AK$366,ROUNDDOWN($C4897/24,0)+1,1))-1)+IF('Standard Profiles'!$G$21=$B$10,7,0)+IF('Standard Profiles'!$G$21=$B$17,14,0)+IF('Standard Profiles'!$G$21=$B$24,21,0),0)),0)</f>
        <v>0</v>
      </c>
      <c r="H4897" cm="1">
        <f t="array" ref="H4897">IFERROR(INDEX(Jesper!AL$2:AL$366,ROUNDDOWN($C4897/24,0)+1,1)*INDEX($D$3:$AA$30,INDEX(Jesper!$R$2:$R$366,ROW(INDEX(Jesper!AL$2:AL$366,ROUNDDOWN($C4897/24,0)+1,1))-1)+IF('Standard Profiles'!$G$22=$B$10,7,0)+IF('Standard Profiles'!$G$22=$B$17,14,0)+IF('Standard Profiles'!$G$22=$B$24,21,0),MOD($C4897,24)+1)/SUM(INDEX($D$3:$AA$30,INDEX(Jesper!$R$2:$R$366,ROW(INDEX(Jesper!AL$2:AL$366,ROUNDDOWN($C4897/24,0)+1,1))-1)+IF('Standard Profiles'!$G$22=$B$10,7,0)+IF('Standard Profiles'!$G$22=$B$17,14,0)+IF('Standard Profiles'!$G$22=$B$24,21,0),0)),0)</f>
        <v>0</v>
      </c>
      <c r="I4897">
        <f t="shared" si="545"/>
        <v>0.14792004263684333</v>
      </c>
      <c r="J4897">
        <f t="shared" si="546"/>
        <v>0.49306680878947784</v>
      </c>
      <c r="K4897">
        <f t="shared" si="547"/>
        <v>0.73960021318421676</v>
      </c>
      <c r="L4897">
        <f t="shared" si="548"/>
        <v>10.753439335344682</v>
      </c>
      <c r="M4897">
        <f t="shared" si="549"/>
        <v>0</v>
      </c>
      <c r="N4897" s="46">
        <f t="shared" si="550"/>
        <v>45494.624999988206</v>
      </c>
    </row>
    <row r="4898" spans="2:14" x14ac:dyDescent="0.3">
      <c r="B4898">
        <f t="shared" si="544"/>
        <v>7</v>
      </c>
      <c r="C4898" s="16">
        <v>4864</v>
      </c>
      <c r="D4898" cm="1">
        <f t="array" ref="D4898">IFERROR(INDEX(Jesper!AH$2:AH$366,ROUNDDOWN($C4898/24,0)+1,1)*INDEX($D$3:$AA$30,INDEX(Jesper!$R$2:$R$366,ROW(INDEX(Jesper!AH$2:AH$366,ROUNDDOWN($C4898/24,0)+1,1))-1)+IF('Standard Profiles'!$G$18=$B$10,7,0)+IF('Standard Profiles'!$G$18=$B$17,14,0)+IF('Standard Profiles'!$G$18=$B$24,21,0),MOD($C4898,24)+1)/SUM(INDEX($D$3:$AA$30,INDEX(Jesper!$R$2:$R$366,ROW(INDEX(Jesper!AH$2:AH$366,ROUNDDOWN($C4898/24,0)+1,1))-1)+IF('Standard Profiles'!$G$18=$B$10,7,0)+IF('Standard Profiles'!$G$18=$B$17,14,0)+IF('Standard Profiles'!$G$18=$B$24,21,0),0)),0)</f>
        <v>10.304754749424006</v>
      </c>
      <c r="E4898" cm="1">
        <f t="array" ref="E4898">IFERROR(INDEX(Jesper!AI$2:AI$366,ROUNDDOWN($C4898/24,0)+1,1)*INDEX($D$3:$AA$30,INDEX(Jesper!$R$2:$R$366,ROW(INDEX(Jesper!AI$2:AI$366,ROUNDDOWN($C4898/24,0)+1,1))-1)+IF('Standard Profiles'!$G$19=$B$10,7,0)+IF('Standard Profiles'!$G$19=$B$17,14,0)+IF('Standard Profiles'!$G$19=$B$24,21,0),MOD($C4898,24)+1)/SUM(INDEX($D$3:$AA$30,INDEX(Jesper!$R$2:$R$366,ROW(INDEX(Jesper!AI$2:AI$366,ROUNDDOWN($C4898/24,0)+1,1))-1)+IF('Standard Profiles'!$G$19=$B$10,7,0)+IF('Standard Profiles'!$G$19=$B$17,14,0)+IF('Standard Profiles'!$G$19=$B$24,21,0),0)),0)</f>
        <v>1.612592607674872</v>
      </c>
      <c r="F4898" cm="1">
        <f t="array" ref="F4898">IFERROR(INDEX(Jesper!AJ$2:AJ$366,ROUNDDOWN($C4898/24,0)+1,1)*INDEX($D$3:$AA$30,INDEX(Jesper!$R$2:$R$366,ROW(INDEX(Jesper!AJ$2:AJ$366,ROUNDDOWN($C4898/24,0)+1,1))-1)+IF('Standard Profiles'!$G$20=$B$10,7,0)+IF('Standard Profiles'!$G$20=$B$17,14,0)+IF('Standard Profiles'!$G$20=$B$24,21,0),MOD($C4898,24)+1)/SUM(INDEX($D$3:$AA$30,INDEX(Jesper!$R$2:$R$366,ROW(INDEX(Jesper!AJ$2:AJ$366,ROUNDDOWN($C4898/24,0)+1,1))-1)+IF('Standard Profiles'!$G$20=$B$10,7,0)+IF('Standard Profiles'!$G$20=$B$17,14,0)+IF('Standard Profiles'!$G$20=$B$24,21,0),0)),0)</f>
        <v>0</v>
      </c>
      <c r="G4898" cm="1">
        <f t="array" ref="G4898">IFERROR(INDEX(Jesper!AK$2:AK$366,ROUNDDOWN($C4898/24,0)+1,1)*INDEX($D$3:$AA$30,INDEX(Jesper!$R$2:$R$366,ROW(INDEX(Jesper!AK$2:AK$366,ROUNDDOWN($C4898/24,0)+1,1))-1)+IF('Standard Profiles'!$G$21=$B$10,7,0)+IF('Standard Profiles'!$G$21=$B$17,14,0)+IF('Standard Profiles'!$G$21=$B$24,21,0),MOD($C4898,24)+1)/SUM(INDEX($D$3:$AA$30,INDEX(Jesper!$R$2:$R$366,ROW(INDEX(Jesper!AK$2:AK$366,ROUNDDOWN($C4898/24,0)+1,1))-1)+IF('Standard Profiles'!$G$21=$B$10,7,0)+IF('Standard Profiles'!$G$21=$B$17,14,0)+IF('Standard Profiles'!$G$21=$B$24,21,0),0)),0)</f>
        <v>0</v>
      </c>
      <c r="H4898" cm="1">
        <f t="array" ref="H4898">IFERROR(INDEX(Jesper!AL$2:AL$366,ROUNDDOWN($C4898/24,0)+1,1)*INDEX($D$3:$AA$30,INDEX(Jesper!$R$2:$R$366,ROW(INDEX(Jesper!AL$2:AL$366,ROUNDDOWN($C4898/24,0)+1,1))-1)+IF('Standard Profiles'!$G$22=$B$10,7,0)+IF('Standard Profiles'!$G$22=$B$17,14,0)+IF('Standard Profiles'!$G$22=$B$24,21,0),MOD($C4898,24)+1)/SUM(INDEX($D$3:$AA$30,INDEX(Jesper!$R$2:$R$366,ROW(INDEX(Jesper!AL$2:AL$366,ROUNDDOWN($C4898/24,0)+1,1))-1)+IF('Standard Profiles'!$G$22=$B$10,7,0)+IF('Standard Profiles'!$G$22=$B$17,14,0)+IF('Standard Profiles'!$G$22=$B$24,21,0),0)),0)</f>
        <v>0</v>
      </c>
      <c r="I4898">
        <f t="shared" si="545"/>
        <v>0.14527861330404257</v>
      </c>
      <c r="J4898">
        <f t="shared" si="546"/>
        <v>0.48426204434680858</v>
      </c>
      <c r="K4898">
        <f t="shared" si="547"/>
        <v>0.72639306652021285</v>
      </c>
      <c r="L4898">
        <f t="shared" si="548"/>
        <v>10.561413632927815</v>
      </c>
      <c r="M4898">
        <f t="shared" si="549"/>
        <v>0</v>
      </c>
      <c r="N4898" s="46">
        <f t="shared" si="550"/>
        <v>45494.66666665487</v>
      </c>
    </row>
    <row r="4899" spans="2:14" x14ac:dyDescent="0.3">
      <c r="B4899">
        <f t="shared" ref="B4899:B4962" si="551">WEEKDAY(N4899,2)</f>
        <v>7</v>
      </c>
      <c r="C4899" s="16">
        <v>4865</v>
      </c>
      <c r="D4899" cm="1">
        <f t="array" ref="D4899">IFERROR(INDEX(Jesper!AH$2:AH$366,ROUNDDOWN($C4899/24,0)+1,1)*INDEX($D$3:$AA$30,INDEX(Jesper!$R$2:$R$366,ROW(INDEX(Jesper!AH$2:AH$366,ROUNDDOWN($C4899/24,0)+1,1))-1)+IF('Standard Profiles'!$G$18=$B$10,7,0)+IF('Standard Profiles'!$G$18=$B$17,14,0)+IF('Standard Profiles'!$G$18=$B$24,21,0),MOD($C4899,24)+1)/SUM(INDEX($D$3:$AA$30,INDEX(Jesper!$R$2:$R$366,ROW(INDEX(Jesper!AH$2:AH$366,ROUNDDOWN($C4899/24,0)+1,1))-1)+IF('Standard Profiles'!$G$18=$B$10,7,0)+IF('Standard Profiles'!$G$18=$B$17,14,0)+IF('Standard Profiles'!$G$18=$B$24,21,0),0)),0)</f>
        <v>8.8058813313259705</v>
      </c>
      <c r="E4899" cm="1">
        <f t="array" ref="E4899">IFERROR(INDEX(Jesper!AI$2:AI$366,ROUNDDOWN($C4899/24,0)+1,1)*INDEX($D$3:$AA$30,INDEX(Jesper!$R$2:$R$366,ROW(INDEX(Jesper!AI$2:AI$366,ROUNDDOWN($C4899/24,0)+1,1))-1)+IF('Standard Profiles'!$G$19=$B$10,7,0)+IF('Standard Profiles'!$G$19=$B$17,14,0)+IF('Standard Profiles'!$G$19=$B$24,21,0),MOD($C4899,24)+1)/SUM(INDEX($D$3:$AA$30,INDEX(Jesper!$R$2:$R$366,ROW(INDEX(Jesper!AI$2:AI$366,ROUNDDOWN($C4899/24,0)+1,1))-1)+IF('Standard Profiles'!$G$19=$B$10,7,0)+IF('Standard Profiles'!$G$19=$B$17,14,0)+IF('Standard Profiles'!$G$19=$B$24,21,0),0)),0)</f>
        <v>1.3780336829221633</v>
      </c>
      <c r="F4899" cm="1">
        <f t="array" ref="F4899">IFERROR(INDEX(Jesper!AJ$2:AJ$366,ROUNDDOWN($C4899/24,0)+1,1)*INDEX($D$3:$AA$30,INDEX(Jesper!$R$2:$R$366,ROW(INDEX(Jesper!AJ$2:AJ$366,ROUNDDOWN($C4899/24,0)+1,1))-1)+IF('Standard Profiles'!$G$20=$B$10,7,0)+IF('Standard Profiles'!$G$20=$B$17,14,0)+IF('Standard Profiles'!$G$20=$B$24,21,0),MOD($C4899,24)+1)/SUM(INDEX($D$3:$AA$30,INDEX(Jesper!$R$2:$R$366,ROW(INDEX(Jesper!AJ$2:AJ$366,ROUNDDOWN($C4899/24,0)+1,1))-1)+IF('Standard Profiles'!$G$20=$B$10,7,0)+IF('Standard Profiles'!$G$20=$B$17,14,0)+IF('Standard Profiles'!$G$20=$B$24,21,0),0)),0)</f>
        <v>0</v>
      </c>
      <c r="G4899" cm="1">
        <f t="array" ref="G4899">IFERROR(INDEX(Jesper!AK$2:AK$366,ROUNDDOWN($C4899/24,0)+1,1)*INDEX($D$3:$AA$30,INDEX(Jesper!$R$2:$R$366,ROW(INDEX(Jesper!AK$2:AK$366,ROUNDDOWN($C4899/24,0)+1,1))-1)+IF('Standard Profiles'!$G$21=$B$10,7,0)+IF('Standard Profiles'!$G$21=$B$17,14,0)+IF('Standard Profiles'!$G$21=$B$24,21,0),MOD($C4899,24)+1)/SUM(INDEX($D$3:$AA$30,INDEX(Jesper!$R$2:$R$366,ROW(INDEX(Jesper!AK$2:AK$366,ROUNDDOWN($C4899/24,0)+1,1))-1)+IF('Standard Profiles'!$G$21=$B$10,7,0)+IF('Standard Profiles'!$G$21=$B$17,14,0)+IF('Standard Profiles'!$G$21=$B$24,21,0),0)),0)</f>
        <v>0</v>
      </c>
      <c r="H4899" cm="1">
        <f t="array" ref="H4899">IFERROR(INDEX(Jesper!AL$2:AL$366,ROUNDDOWN($C4899/24,0)+1,1)*INDEX($D$3:$AA$30,INDEX(Jesper!$R$2:$R$366,ROW(INDEX(Jesper!AL$2:AL$366,ROUNDDOWN($C4899/24,0)+1,1))-1)+IF('Standard Profiles'!$G$22=$B$10,7,0)+IF('Standard Profiles'!$G$22=$B$17,14,0)+IF('Standard Profiles'!$G$22=$B$24,21,0),MOD($C4899,24)+1)/SUM(INDEX($D$3:$AA$30,INDEX(Jesper!$R$2:$R$366,ROW(INDEX(Jesper!AL$2:AL$366,ROUNDDOWN($C4899/24,0)+1,1))-1)+IF('Standard Profiles'!$G$22=$B$10,7,0)+IF('Standard Profiles'!$G$22=$B$17,14,0)+IF('Standard Profiles'!$G$22=$B$24,21,0),0)),0)</f>
        <v>0</v>
      </c>
      <c r="I4899">
        <f t="shared" ref="I4899:I4962" si="552">IF($B4899&lt;6,AC$37*$D4899+AC$38*$E4899+AC$39*$F4899+AC$40*$G4899,AC$46*$D4899+AC$47*$E4899+AC$48*$F4899+AC$49*$G4899+AC$50*$H4899)</f>
        <v>0.12414717864163637</v>
      </c>
      <c r="J4899">
        <f t="shared" ref="J4899:J4962" si="553">IF($B4899&lt;6,AD$37*$D4899+AD$38*$E4899+AD$39*$F4899+AD$40*$G4899,AD$46*$D4899+AD$47*$E4899+AD$48*$F4899+AD$49*$G4899+AD$50*$H4899)</f>
        <v>0.4138239288054546</v>
      </c>
      <c r="K4899">
        <f t="shared" ref="K4899:K4962" si="554">IF($B4899&lt;6,AE$37*$D4899+AE$38*$E4899+AE$39*$F4899+AE$40*$G4899,AE$46*$D4899+AE$47*$E4899+AE$48*$F4899+AE$49*$G4899+AE$50*$H4899)</f>
        <v>0.6207358932081819</v>
      </c>
      <c r="L4899">
        <f t="shared" ref="L4899:L4962" si="555">IF($B4899&lt;6,AF$37*$D4899+AF$38*$E4899+AF$39*$F4899+AF$40*$G4899,AF$46*$D4899+AF$47*$E4899+AF$48*$F4899+AF$49*$G4899+AF$50*$H4899)</f>
        <v>9.0252080135928612</v>
      </c>
      <c r="M4899">
        <f t="shared" ref="M4899:M4962" si="556">IF($B4899&lt;6,AG$37*$D4899+AG$38*$E4899+AG$39*$F4899+AG$40*$G4899,AG$46*$D4899+AG$47*$E4899+AG$48*$F4899+AG$49*$G4899+AG$50*$H4899)</f>
        <v>0</v>
      </c>
      <c r="N4899" s="46">
        <f t="shared" si="550"/>
        <v>45494.708333321534</v>
      </c>
    </row>
    <row r="4900" spans="2:14" x14ac:dyDescent="0.3">
      <c r="B4900">
        <f t="shared" si="551"/>
        <v>7</v>
      </c>
      <c r="C4900" s="16">
        <v>4866</v>
      </c>
      <c r="D4900" cm="1">
        <f t="array" ref="D4900">IFERROR(INDEX(Jesper!AH$2:AH$366,ROUNDDOWN($C4900/24,0)+1,1)*INDEX($D$3:$AA$30,INDEX(Jesper!$R$2:$R$366,ROW(INDEX(Jesper!AH$2:AH$366,ROUNDDOWN($C4900/24,0)+1,1))-1)+IF('Standard Profiles'!$G$18=$B$10,7,0)+IF('Standard Profiles'!$G$18=$B$17,14,0)+IF('Standard Profiles'!$G$18=$B$24,21,0),MOD($C4900,24)+1)/SUM(INDEX($D$3:$AA$30,INDEX(Jesper!$R$2:$R$366,ROW(INDEX(Jesper!AH$2:AH$366,ROUNDDOWN($C4900/24,0)+1,1))-1)+IF('Standard Profiles'!$G$18=$B$10,7,0)+IF('Standard Profiles'!$G$18=$B$17,14,0)+IF('Standard Profiles'!$G$18=$B$24,21,0),0)),0)</f>
        <v>8.2438037995392062</v>
      </c>
      <c r="E4900" cm="1">
        <f t="array" ref="E4900">IFERROR(INDEX(Jesper!AI$2:AI$366,ROUNDDOWN($C4900/24,0)+1,1)*INDEX($D$3:$AA$30,INDEX(Jesper!$R$2:$R$366,ROW(INDEX(Jesper!AI$2:AI$366,ROUNDDOWN($C4900/24,0)+1,1))-1)+IF('Standard Profiles'!$G$19=$B$10,7,0)+IF('Standard Profiles'!$G$19=$B$17,14,0)+IF('Standard Profiles'!$G$19=$B$24,21,0),MOD($C4900,24)+1)/SUM(INDEX($D$3:$AA$30,INDEX(Jesper!$R$2:$R$366,ROW(INDEX(Jesper!AI$2:AI$366,ROUNDDOWN($C4900/24,0)+1,1))-1)+IF('Standard Profiles'!$G$19=$B$10,7,0)+IF('Standard Profiles'!$G$19=$B$17,14,0)+IF('Standard Profiles'!$G$19=$B$24,21,0),0)),0)</f>
        <v>1.2900740861398976</v>
      </c>
      <c r="F4900" cm="1">
        <f t="array" ref="F4900">IFERROR(INDEX(Jesper!AJ$2:AJ$366,ROUNDDOWN($C4900/24,0)+1,1)*INDEX($D$3:$AA$30,INDEX(Jesper!$R$2:$R$366,ROW(INDEX(Jesper!AJ$2:AJ$366,ROUNDDOWN($C4900/24,0)+1,1))-1)+IF('Standard Profiles'!$G$20=$B$10,7,0)+IF('Standard Profiles'!$G$20=$B$17,14,0)+IF('Standard Profiles'!$G$20=$B$24,21,0),MOD($C4900,24)+1)/SUM(INDEX($D$3:$AA$30,INDEX(Jesper!$R$2:$R$366,ROW(INDEX(Jesper!AJ$2:AJ$366,ROUNDDOWN($C4900/24,0)+1,1))-1)+IF('Standard Profiles'!$G$20=$B$10,7,0)+IF('Standard Profiles'!$G$20=$B$17,14,0)+IF('Standard Profiles'!$G$20=$B$24,21,0),0)),0)</f>
        <v>0</v>
      </c>
      <c r="G4900" cm="1">
        <f t="array" ref="G4900">IFERROR(INDEX(Jesper!AK$2:AK$366,ROUNDDOWN($C4900/24,0)+1,1)*INDEX($D$3:$AA$30,INDEX(Jesper!$R$2:$R$366,ROW(INDEX(Jesper!AK$2:AK$366,ROUNDDOWN($C4900/24,0)+1,1))-1)+IF('Standard Profiles'!$G$21=$B$10,7,0)+IF('Standard Profiles'!$G$21=$B$17,14,0)+IF('Standard Profiles'!$G$21=$B$24,21,0),MOD($C4900,24)+1)/SUM(INDEX($D$3:$AA$30,INDEX(Jesper!$R$2:$R$366,ROW(INDEX(Jesper!AK$2:AK$366,ROUNDDOWN($C4900/24,0)+1,1))-1)+IF('Standard Profiles'!$G$21=$B$10,7,0)+IF('Standard Profiles'!$G$21=$B$17,14,0)+IF('Standard Profiles'!$G$21=$B$24,21,0),0)),0)</f>
        <v>0</v>
      </c>
      <c r="H4900" cm="1">
        <f t="array" ref="H4900">IFERROR(INDEX(Jesper!AL$2:AL$366,ROUNDDOWN($C4900/24,0)+1,1)*INDEX($D$3:$AA$30,INDEX(Jesper!$R$2:$R$366,ROW(INDEX(Jesper!AL$2:AL$366,ROUNDDOWN($C4900/24,0)+1,1))-1)+IF('Standard Profiles'!$G$22=$B$10,7,0)+IF('Standard Profiles'!$G$22=$B$17,14,0)+IF('Standard Profiles'!$G$22=$B$24,21,0),MOD($C4900,24)+1)/SUM(INDEX($D$3:$AA$30,INDEX(Jesper!$R$2:$R$366,ROW(INDEX(Jesper!AL$2:AL$366,ROUNDDOWN($C4900/24,0)+1,1))-1)+IF('Standard Profiles'!$G$22=$B$10,7,0)+IF('Standard Profiles'!$G$22=$B$17,14,0)+IF('Standard Profiles'!$G$22=$B$24,21,0),0)),0)</f>
        <v>0</v>
      </c>
      <c r="I4900">
        <f t="shared" si="552"/>
        <v>0.11622289064323404</v>
      </c>
      <c r="J4900">
        <f t="shared" si="553"/>
        <v>0.38740963547744689</v>
      </c>
      <c r="K4900">
        <f t="shared" si="554"/>
        <v>0.58111445321617028</v>
      </c>
      <c r="L4900">
        <f t="shared" si="555"/>
        <v>8.4491309063422531</v>
      </c>
      <c r="M4900">
        <f t="shared" si="556"/>
        <v>0</v>
      </c>
      <c r="N4900" s="46">
        <f t="shared" ref="N4900:N4963" si="557">N4899+1/24</f>
        <v>45494.749999988198</v>
      </c>
    </row>
    <row r="4901" spans="2:14" x14ac:dyDescent="0.3">
      <c r="B4901">
        <f t="shared" si="551"/>
        <v>7</v>
      </c>
      <c r="C4901" s="16">
        <v>4867</v>
      </c>
      <c r="D4901" cm="1">
        <f t="array" ref="D4901">IFERROR(INDEX(Jesper!AH$2:AH$366,ROUNDDOWN($C4901/24,0)+1,1)*INDEX($D$3:$AA$30,INDEX(Jesper!$R$2:$R$366,ROW(INDEX(Jesper!AH$2:AH$366,ROUNDDOWN($C4901/24,0)+1,1))-1)+IF('Standard Profiles'!$G$18=$B$10,7,0)+IF('Standard Profiles'!$G$18=$B$17,14,0)+IF('Standard Profiles'!$G$18=$B$24,21,0),MOD($C4901,24)+1)/SUM(INDEX($D$3:$AA$30,INDEX(Jesper!$R$2:$R$366,ROW(INDEX(Jesper!AH$2:AH$366,ROUNDDOWN($C4901/24,0)+1,1))-1)+IF('Standard Profiles'!$G$18=$B$10,7,0)+IF('Standard Profiles'!$G$18=$B$17,14,0)+IF('Standard Profiles'!$G$18=$B$24,21,0),0)),0)</f>
        <v>6.932289558703423</v>
      </c>
      <c r="E4901" cm="1">
        <f t="array" ref="E4901">IFERROR(INDEX(Jesper!AI$2:AI$366,ROUNDDOWN($C4901/24,0)+1,1)*INDEX($D$3:$AA$30,INDEX(Jesper!$R$2:$R$366,ROW(INDEX(Jesper!AI$2:AI$366,ROUNDDOWN($C4901/24,0)+1,1))-1)+IF('Standard Profiles'!$G$19=$B$10,7,0)+IF('Standard Profiles'!$G$19=$B$17,14,0)+IF('Standard Profiles'!$G$19=$B$24,21,0),MOD($C4901,24)+1)/SUM(INDEX($D$3:$AA$30,INDEX(Jesper!$R$2:$R$366,ROW(INDEX(Jesper!AI$2:AI$366,ROUNDDOWN($C4901/24,0)+1,1))-1)+IF('Standard Profiles'!$G$19=$B$10,7,0)+IF('Standard Profiles'!$G$19=$B$17,14,0)+IF('Standard Profiles'!$G$19=$B$24,21,0),0)),0)</f>
        <v>1.0848350269812777</v>
      </c>
      <c r="F4901" cm="1">
        <f t="array" ref="F4901">IFERROR(INDEX(Jesper!AJ$2:AJ$366,ROUNDDOWN($C4901/24,0)+1,1)*INDEX($D$3:$AA$30,INDEX(Jesper!$R$2:$R$366,ROW(INDEX(Jesper!AJ$2:AJ$366,ROUNDDOWN($C4901/24,0)+1,1))-1)+IF('Standard Profiles'!$G$20=$B$10,7,0)+IF('Standard Profiles'!$G$20=$B$17,14,0)+IF('Standard Profiles'!$G$20=$B$24,21,0),MOD($C4901,24)+1)/SUM(INDEX($D$3:$AA$30,INDEX(Jesper!$R$2:$R$366,ROW(INDEX(Jesper!AJ$2:AJ$366,ROUNDDOWN($C4901/24,0)+1,1))-1)+IF('Standard Profiles'!$G$20=$B$10,7,0)+IF('Standard Profiles'!$G$20=$B$17,14,0)+IF('Standard Profiles'!$G$20=$B$24,21,0),0)),0)</f>
        <v>0</v>
      </c>
      <c r="G4901" cm="1">
        <f t="array" ref="G4901">IFERROR(INDEX(Jesper!AK$2:AK$366,ROUNDDOWN($C4901/24,0)+1,1)*INDEX($D$3:$AA$30,INDEX(Jesper!$R$2:$R$366,ROW(INDEX(Jesper!AK$2:AK$366,ROUNDDOWN($C4901/24,0)+1,1))-1)+IF('Standard Profiles'!$G$21=$B$10,7,0)+IF('Standard Profiles'!$G$21=$B$17,14,0)+IF('Standard Profiles'!$G$21=$B$24,21,0),MOD($C4901,24)+1)/SUM(INDEX($D$3:$AA$30,INDEX(Jesper!$R$2:$R$366,ROW(INDEX(Jesper!AK$2:AK$366,ROUNDDOWN($C4901/24,0)+1,1))-1)+IF('Standard Profiles'!$G$21=$B$10,7,0)+IF('Standard Profiles'!$G$21=$B$17,14,0)+IF('Standard Profiles'!$G$21=$B$24,21,0),0)),0)</f>
        <v>0</v>
      </c>
      <c r="H4901" cm="1">
        <f t="array" ref="H4901">IFERROR(INDEX(Jesper!AL$2:AL$366,ROUNDDOWN($C4901/24,0)+1,1)*INDEX($D$3:$AA$30,INDEX(Jesper!$R$2:$R$366,ROW(INDEX(Jesper!AL$2:AL$366,ROUNDDOWN($C4901/24,0)+1,1))-1)+IF('Standard Profiles'!$G$22=$B$10,7,0)+IF('Standard Profiles'!$G$22=$B$17,14,0)+IF('Standard Profiles'!$G$22=$B$24,21,0),MOD($C4901,24)+1)/SUM(INDEX($D$3:$AA$30,INDEX(Jesper!$R$2:$R$366,ROW(INDEX(Jesper!AL$2:AL$366,ROUNDDOWN($C4901/24,0)+1,1))-1)+IF('Standard Profiles'!$G$22=$B$10,7,0)+IF('Standard Profiles'!$G$22=$B$17,14,0)+IF('Standard Profiles'!$G$22=$B$24,21,0),0)),0)</f>
        <v>0</v>
      </c>
      <c r="I4901">
        <f t="shared" si="552"/>
        <v>9.7732885313628642E-2</v>
      </c>
      <c r="J4901">
        <f t="shared" si="553"/>
        <v>0.32577628437876216</v>
      </c>
      <c r="K4901">
        <f t="shared" si="554"/>
        <v>0.4886644265681433</v>
      </c>
      <c r="L4901">
        <f t="shared" si="555"/>
        <v>7.1049509894241663</v>
      </c>
      <c r="M4901">
        <f t="shared" si="556"/>
        <v>0</v>
      </c>
      <c r="N4901" s="46">
        <f t="shared" si="557"/>
        <v>45494.791666654863</v>
      </c>
    </row>
    <row r="4902" spans="2:14" x14ac:dyDescent="0.3">
      <c r="B4902">
        <f t="shared" si="551"/>
        <v>7</v>
      </c>
      <c r="C4902" s="16">
        <v>4868</v>
      </c>
      <c r="D4902" cm="1">
        <f t="array" ref="D4902">IFERROR(INDEX(Jesper!AH$2:AH$366,ROUNDDOWN($C4902/24,0)+1,1)*INDEX($D$3:$AA$30,INDEX(Jesper!$R$2:$R$366,ROW(INDEX(Jesper!AH$2:AH$366,ROUNDDOWN($C4902/24,0)+1,1))-1)+IF('Standard Profiles'!$G$18=$B$10,7,0)+IF('Standard Profiles'!$G$18=$B$17,14,0)+IF('Standard Profiles'!$G$18=$B$24,21,0),MOD($C4902,24)+1)/SUM(INDEX($D$3:$AA$30,INDEX(Jesper!$R$2:$R$366,ROW(INDEX(Jesper!AH$2:AH$366,ROUNDDOWN($C4902/24,0)+1,1))-1)+IF('Standard Profiles'!$G$18=$B$10,7,0)+IF('Standard Profiles'!$G$18=$B$17,14,0)+IF('Standard Profiles'!$G$18=$B$24,21,0),0)),0)</f>
        <v>5.8081344951298943</v>
      </c>
      <c r="E4902" cm="1">
        <f t="array" ref="E4902">IFERROR(INDEX(Jesper!AI$2:AI$366,ROUNDDOWN($C4902/24,0)+1,1)*INDEX($D$3:$AA$30,INDEX(Jesper!$R$2:$R$366,ROW(INDEX(Jesper!AI$2:AI$366,ROUNDDOWN($C4902/24,0)+1,1))-1)+IF('Standard Profiles'!$G$19=$B$10,7,0)+IF('Standard Profiles'!$G$19=$B$17,14,0)+IF('Standard Profiles'!$G$19=$B$24,21,0),MOD($C4902,24)+1)/SUM(INDEX($D$3:$AA$30,INDEX(Jesper!$R$2:$R$366,ROW(INDEX(Jesper!AI$2:AI$366,ROUNDDOWN($C4902/24,0)+1,1))-1)+IF('Standard Profiles'!$G$19=$B$10,7,0)+IF('Standard Profiles'!$G$19=$B$17,14,0)+IF('Standard Profiles'!$G$19=$B$24,21,0),0)),0)</f>
        <v>0.90891583341674609</v>
      </c>
      <c r="F4902" cm="1">
        <f t="array" ref="F4902">IFERROR(INDEX(Jesper!AJ$2:AJ$366,ROUNDDOWN($C4902/24,0)+1,1)*INDEX($D$3:$AA$30,INDEX(Jesper!$R$2:$R$366,ROW(INDEX(Jesper!AJ$2:AJ$366,ROUNDDOWN($C4902/24,0)+1,1))-1)+IF('Standard Profiles'!$G$20=$B$10,7,0)+IF('Standard Profiles'!$G$20=$B$17,14,0)+IF('Standard Profiles'!$G$20=$B$24,21,0),MOD($C4902,24)+1)/SUM(INDEX($D$3:$AA$30,INDEX(Jesper!$R$2:$R$366,ROW(INDEX(Jesper!AJ$2:AJ$366,ROUNDDOWN($C4902/24,0)+1,1))-1)+IF('Standard Profiles'!$G$20=$B$10,7,0)+IF('Standard Profiles'!$G$20=$B$17,14,0)+IF('Standard Profiles'!$G$20=$B$24,21,0),0)),0)</f>
        <v>0</v>
      </c>
      <c r="G4902" cm="1">
        <f t="array" ref="G4902">IFERROR(INDEX(Jesper!AK$2:AK$366,ROUNDDOWN($C4902/24,0)+1,1)*INDEX($D$3:$AA$30,INDEX(Jesper!$R$2:$R$366,ROW(INDEX(Jesper!AK$2:AK$366,ROUNDDOWN($C4902/24,0)+1,1))-1)+IF('Standard Profiles'!$G$21=$B$10,7,0)+IF('Standard Profiles'!$G$21=$B$17,14,0)+IF('Standard Profiles'!$G$21=$B$24,21,0),MOD($C4902,24)+1)/SUM(INDEX($D$3:$AA$30,INDEX(Jesper!$R$2:$R$366,ROW(INDEX(Jesper!AK$2:AK$366,ROUNDDOWN($C4902/24,0)+1,1))-1)+IF('Standard Profiles'!$G$21=$B$10,7,0)+IF('Standard Profiles'!$G$21=$B$17,14,0)+IF('Standard Profiles'!$G$21=$B$24,21,0),0)),0)</f>
        <v>0</v>
      </c>
      <c r="H4902" cm="1">
        <f t="array" ref="H4902">IFERROR(INDEX(Jesper!AL$2:AL$366,ROUNDDOWN($C4902/24,0)+1,1)*INDEX($D$3:$AA$30,INDEX(Jesper!$R$2:$R$366,ROW(INDEX(Jesper!AL$2:AL$366,ROUNDDOWN($C4902/24,0)+1,1))-1)+IF('Standard Profiles'!$G$22=$B$10,7,0)+IF('Standard Profiles'!$G$22=$B$17,14,0)+IF('Standard Profiles'!$G$22=$B$24,21,0),MOD($C4902,24)+1)/SUM(INDEX($D$3:$AA$30,INDEX(Jesper!$R$2:$R$366,ROW(INDEX(Jesper!AL$2:AL$366,ROUNDDOWN($C4902/24,0)+1,1))-1)+IF('Standard Profiles'!$G$22=$B$10,7,0)+IF('Standard Profiles'!$G$22=$B$17,14,0)+IF('Standard Profiles'!$G$22=$B$24,21,0),0)),0)</f>
        <v>0</v>
      </c>
      <c r="I4902">
        <f t="shared" si="552"/>
        <v>8.1884309316824E-2</v>
      </c>
      <c r="J4902">
        <f t="shared" si="553"/>
        <v>0.27294769772274668</v>
      </c>
      <c r="K4902">
        <f t="shared" si="554"/>
        <v>0.40942154658412</v>
      </c>
      <c r="L4902">
        <f t="shared" si="555"/>
        <v>5.95279677492295</v>
      </c>
      <c r="M4902">
        <f t="shared" si="556"/>
        <v>0</v>
      </c>
      <c r="N4902" s="46">
        <f t="shared" si="557"/>
        <v>45494.833333321527</v>
      </c>
    </row>
    <row r="4903" spans="2:14" x14ac:dyDescent="0.3">
      <c r="B4903">
        <f t="shared" si="551"/>
        <v>7</v>
      </c>
      <c r="C4903" s="16">
        <v>4869</v>
      </c>
      <c r="D4903" cm="1">
        <f t="array" ref="D4903">IFERROR(INDEX(Jesper!AH$2:AH$366,ROUNDDOWN($C4903/24,0)+1,1)*INDEX($D$3:$AA$30,INDEX(Jesper!$R$2:$R$366,ROW(INDEX(Jesper!AH$2:AH$366,ROUNDDOWN($C4903/24,0)+1,1))-1)+IF('Standard Profiles'!$G$18=$B$10,7,0)+IF('Standard Profiles'!$G$18=$B$17,14,0)+IF('Standard Profiles'!$G$18=$B$24,21,0),MOD($C4903,24)+1)/SUM(INDEX($D$3:$AA$30,INDEX(Jesper!$R$2:$R$366,ROW(INDEX(Jesper!AH$2:AH$366,ROUNDDOWN($C4903/24,0)+1,1))-1)+IF('Standard Profiles'!$G$18=$B$10,7,0)+IF('Standard Profiles'!$G$18=$B$17,14,0)+IF('Standard Profiles'!$G$18=$B$24,21,0),0)),0)</f>
        <v>5.0586977860808764</v>
      </c>
      <c r="E4903" cm="1">
        <f t="array" ref="E4903">IFERROR(INDEX(Jesper!AI$2:AI$366,ROUNDDOWN($C4903/24,0)+1,1)*INDEX($D$3:$AA$30,INDEX(Jesper!$R$2:$R$366,ROW(INDEX(Jesper!AI$2:AI$366,ROUNDDOWN($C4903/24,0)+1,1))-1)+IF('Standard Profiles'!$G$19=$B$10,7,0)+IF('Standard Profiles'!$G$19=$B$17,14,0)+IF('Standard Profiles'!$G$19=$B$24,21,0),MOD($C4903,24)+1)/SUM(INDEX($D$3:$AA$30,INDEX(Jesper!$R$2:$R$366,ROW(INDEX(Jesper!AI$2:AI$366,ROUNDDOWN($C4903/24,0)+1,1))-1)+IF('Standard Profiles'!$G$19=$B$10,7,0)+IF('Standard Profiles'!$G$19=$B$17,14,0)+IF('Standard Profiles'!$G$19=$B$24,21,0),0)),0)</f>
        <v>0.79163637104039175</v>
      </c>
      <c r="F4903" cm="1">
        <f t="array" ref="F4903">IFERROR(INDEX(Jesper!AJ$2:AJ$366,ROUNDDOWN($C4903/24,0)+1,1)*INDEX($D$3:$AA$30,INDEX(Jesper!$R$2:$R$366,ROW(INDEX(Jesper!AJ$2:AJ$366,ROUNDDOWN($C4903/24,0)+1,1))-1)+IF('Standard Profiles'!$G$20=$B$10,7,0)+IF('Standard Profiles'!$G$20=$B$17,14,0)+IF('Standard Profiles'!$G$20=$B$24,21,0),MOD($C4903,24)+1)/SUM(INDEX($D$3:$AA$30,INDEX(Jesper!$R$2:$R$366,ROW(INDEX(Jesper!AJ$2:AJ$366,ROUNDDOWN($C4903/24,0)+1,1))-1)+IF('Standard Profiles'!$G$20=$B$10,7,0)+IF('Standard Profiles'!$G$20=$B$17,14,0)+IF('Standard Profiles'!$G$20=$B$24,21,0),0)),0)</f>
        <v>0</v>
      </c>
      <c r="G4903" cm="1">
        <f t="array" ref="G4903">IFERROR(INDEX(Jesper!AK$2:AK$366,ROUNDDOWN($C4903/24,0)+1,1)*INDEX($D$3:$AA$30,INDEX(Jesper!$R$2:$R$366,ROW(INDEX(Jesper!AK$2:AK$366,ROUNDDOWN($C4903/24,0)+1,1))-1)+IF('Standard Profiles'!$G$21=$B$10,7,0)+IF('Standard Profiles'!$G$21=$B$17,14,0)+IF('Standard Profiles'!$G$21=$B$24,21,0),MOD($C4903,24)+1)/SUM(INDEX($D$3:$AA$30,INDEX(Jesper!$R$2:$R$366,ROW(INDEX(Jesper!AK$2:AK$366,ROUNDDOWN($C4903/24,0)+1,1))-1)+IF('Standard Profiles'!$G$21=$B$10,7,0)+IF('Standard Profiles'!$G$21=$B$17,14,0)+IF('Standard Profiles'!$G$21=$B$24,21,0),0)),0)</f>
        <v>0</v>
      </c>
      <c r="H4903" cm="1">
        <f t="array" ref="H4903">IFERROR(INDEX(Jesper!AL$2:AL$366,ROUNDDOWN($C4903/24,0)+1,1)*INDEX($D$3:$AA$30,INDEX(Jesper!$R$2:$R$366,ROW(INDEX(Jesper!AL$2:AL$366,ROUNDDOWN($C4903/24,0)+1,1))-1)+IF('Standard Profiles'!$G$22=$B$10,7,0)+IF('Standard Profiles'!$G$22=$B$17,14,0)+IF('Standard Profiles'!$G$22=$B$24,21,0),MOD($C4903,24)+1)/SUM(INDEX($D$3:$AA$30,INDEX(Jesper!$R$2:$R$366,ROW(INDEX(Jesper!AL$2:AL$366,ROUNDDOWN($C4903/24,0)+1,1))-1)+IF('Standard Profiles'!$G$22=$B$10,7,0)+IF('Standard Profiles'!$G$22=$B$17,14,0)+IF('Standard Profiles'!$G$22=$B$24,21,0),0)),0)</f>
        <v>0</v>
      </c>
      <c r="I4903">
        <f t="shared" si="552"/>
        <v>7.1318591985620891E-2</v>
      </c>
      <c r="J4903">
        <f t="shared" si="553"/>
        <v>0.23772863995206969</v>
      </c>
      <c r="K4903">
        <f t="shared" si="554"/>
        <v>0.35659295992810452</v>
      </c>
      <c r="L4903">
        <f t="shared" si="555"/>
        <v>5.1846939652554731</v>
      </c>
      <c r="M4903">
        <f t="shared" si="556"/>
        <v>0</v>
      </c>
      <c r="N4903" s="46">
        <f t="shared" si="557"/>
        <v>45494.874999988191</v>
      </c>
    </row>
    <row r="4904" spans="2:14" x14ac:dyDescent="0.3">
      <c r="B4904">
        <f t="shared" si="551"/>
        <v>7</v>
      </c>
      <c r="C4904" s="16">
        <v>4870</v>
      </c>
      <c r="D4904" cm="1">
        <f t="array" ref="D4904">IFERROR(INDEX(Jesper!AH$2:AH$366,ROUNDDOWN($C4904/24,0)+1,1)*INDEX($D$3:$AA$30,INDEX(Jesper!$R$2:$R$366,ROW(INDEX(Jesper!AH$2:AH$366,ROUNDDOWN($C4904/24,0)+1,1))-1)+IF('Standard Profiles'!$G$18=$B$10,7,0)+IF('Standard Profiles'!$G$18=$B$17,14,0)+IF('Standard Profiles'!$G$18=$B$24,21,0),MOD($C4904,24)+1)/SUM(INDEX($D$3:$AA$30,INDEX(Jesper!$R$2:$R$366,ROW(INDEX(Jesper!AH$2:AH$366,ROUNDDOWN($C4904/24,0)+1,1))-1)+IF('Standard Profiles'!$G$18=$B$10,7,0)+IF('Standard Profiles'!$G$18=$B$17,14,0)+IF('Standard Profiles'!$G$18=$B$24,21,0),0)),0)</f>
        <v>5.0586977860808764</v>
      </c>
      <c r="E4904" cm="1">
        <f t="array" ref="E4904">IFERROR(INDEX(Jesper!AI$2:AI$366,ROUNDDOWN($C4904/24,0)+1,1)*INDEX($D$3:$AA$30,INDEX(Jesper!$R$2:$R$366,ROW(INDEX(Jesper!AI$2:AI$366,ROUNDDOWN($C4904/24,0)+1,1))-1)+IF('Standard Profiles'!$G$19=$B$10,7,0)+IF('Standard Profiles'!$G$19=$B$17,14,0)+IF('Standard Profiles'!$G$19=$B$24,21,0),MOD($C4904,24)+1)/SUM(INDEX($D$3:$AA$30,INDEX(Jesper!$R$2:$R$366,ROW(INDEX(Jesper!AI$2:AI$366,ROUNDDOWN($C4904/24,0)+1,1))-1)+IF('Standard Profiles'!$G$19=$B$10,7,0)+IF('Standard Profiles'!$G$19=$B$17,14,0)+IF('Standard Profiles'!$G$19=$B$24,21,0),0)),0)</f>
        <v>0.79163637104039175</v>
      </c>
      <c r="F4904" cm="1">
        <f t="array" ref="F4904">IFERROR(INDEX(Jesper!AJ$2:AJ$366,ROUNDDOWN($C4904/24,0)+1,1)*INDEX($D$3:$AA$30,INDEX(Jesper!$R$2:$R$366,ROW(INDEX(Jesper!AJ$2:AJ$366,ROUNDDOWN($C4904/24,0)+1,1))-1)+IF('Standard Profiles'!$G$20=$B$10,7,0)+IF('Standard Profiles'!$G$20=$B$17,14,0)+IF('Standard Profiles'!$G$20=$B$24,21,0),MOD($C4904,24)+1)/SUM(INDEX($D$3:$AA$30,INDEX(Jesper!$R$2:$R$366,ROW(INDEX(Jesper!AJ$2:AJ$366,ROUNDDOWN($C4904/24,0)+1,1))-1)+IF('Standard Profiles'!$G$20=$B$10,7,0)+IF('Standard Profiles'!$G$20=$B$17,14,0)+IF('Standard Profiles'!$G$20=$B$24,21,0),0)),0)</f>
        <v>0</v>
      </c>
      <c r="G4904" cm="1">
        <f t="array" ref="G4904">IFERROR(INDEX(Jesper!AK$2:AK$366,ROUNDDOWN($C4904/24,0)+1,1)*INDEX($D$3:$AA$30,INDEX(Jesper!$R$2:$R$366,ROW(INDEX(Jesper!AK$2:AK$366,ROUNDDOWN($C4904/24,0)+1,1))-1)+IF('Standard Profiles'!$G$21=$B$10,7,0)+IF('Standard Profiles'!$G$21=$B$17,14,0)+IF('Standard Profiles'!$G$21=$B$24,21,0),MOD($C4904,24)+1)/SUM(INDEX($D$3:$AA$30,INDEX(Jesper!$R$2:$R$366,ROW(INDEX(Jesper!AK$2:AK$366,ROUNDDOWN($C4904/24,0)+1,1))-1)+IF('Standard Profiles'!$G$21=$B$10,7,0)+IF('Standard Profiles'!$G$21=$B$17,14,0)+IF('Standard Profiles'!$G$21=$B$24,21,0),0)),0)</f>
        <v>0</v>
      </c>
      <c r="H4904" cm="1">
        <f t="array" ref="H4904">IFERROR(INDEX(Jesper!AL$2:AL$366,ROUNDDOWN($C4904/24,0)+1,1)*INDEX($D$3:$AA$30,INDEX(Jesper!$R$2:$R$366,ROW(INDEX(Jesper!AL$2:AL$366,ROUNDDOWN($C4904/24,0)+1,1))-1)+IF('Standard Profiles'!$G$22=$B$10,7,0)+IF('Standard Profiles'!$G$22=$B$17,14,0)+IF('Standard Profiles'!$G$22=$B$24,21,0),MOD($C4904,24)+1)/SUM(INDEX($D$3:$AA$30,INDEX(Jesper!$R$2:$R$366,ROW(INDEX(Jesper!AL$2:AL$366,ROUNDDOWN($C4904/24,0)+1,1))-1)+IF('Standard Profiles'!$G$22=$B$10,7,0)+IF('Standard Profiles'!$G$22=$B$17,14,0)+IF('Standard Profiles'!$G$22=$B$24,21,0),0)),0)</f>
        <v>0</v>
      </c>
      <c r="I4904">
        <f t="shared" si="552"/>
        <v>7.1318591985620891E-2</v>
      </c>
      <c r="J4904">
        <f t="shared" si="553"/>
        <v>0.23772863995206969</v>
      </c>
      <c r="K4904">
        <f t="shared" si="554"/>
        <v>0.35659295992810452</v>
      </c>
      <c r="L4904">
        <f t="shared" si="555"/>
        <v>5.1846939652554731</v>
      </c>
      <c r="M4904">
        <f t="shared" si="556"/>
        <v>0</v>
      </c>
      <c r="N4904" s="46">
        <f t="shared" si="557"/>
        <v>45494.916666654855</v>
      </c>
    </row>
    <row r="4905" spans="2:14" x14ac:dyDescent="0.3">
      <c r="B4905">
        <f t="shared" si="551"/>
        <v>7</v>
      </c>
      <c r="C4905" s="16">
        <v>4871</v>
      </c>
      <c r="D4905" cm="1">
        <f t="array" ref="D4905">IFERROR(INDEX(Jesper!AH$2:AH$366,ROUNDDOWN($C4905/24,0)+1,1)*INDEX($D$3:$AA$30,INDEX(Jesper!$R$2:$R$366,ROW(INDEX(Jesper!AH$2:AH$366,ROUNDDOWN($C4905/24,0)+1,1))-1)+IF('Standard Profiles'!$G$18=$B$10,7,0)+IF('Standard Profiles'!$G$18=$B$17,14,0)+IF('Standard Profiles'!$G$18=$B$24,21,0),MOD($C4905,24)+1)/SUM(INDEX($D$3:$AA$30,INDEX(Jesper!$R$2:$R$366,ROW(INDEX(Jesper!AH$2:AH$366,ROUNDDOWN($C4905/24,0)+1,1))-1)+IF('Standard Profiles'!$G$18=$B$10,7,0)+IF('Standard Profiles'!$G$18=$B$17,14,0)+IF('Standard Profiles'!$G$18=$B$24,21,0),0)),0)</f>
        <v>5.0586977860808764</v>
      </c>
      <c r="E4905" cm="1">
        <f t="array" ref="E4905">IFERROR(INDEX(Jesper!AI$2:AI$366,ROUNDDOWN($C4905/24,0)+1,1)*INDEX($D$3:$AA$30,INDEX(Jesper!$R$2:$R$366,ROW(INDEX(Jesper!AI$2:AI$366,ROUNDDOWN($C4905/24,0)+1,1))-1)+IF('Standard Profiles'!$G$19=$B$10,7,0)+IF('Standard Profiles'!$G$19=$B$17,14,0)+IF('Standard Profiles'!$G$19=$B$24,21,0),MOD($C4905,24)+1)/SUM(INDEX($D$3:$AA$30,INDEX(Jesper!$R$2:$R$366,ROW(INDEX(Jesper!AI$2:AI$366,ROUNDDOWN($C4905/24,0)+1,1))-1)+IF('Standard Profiles'!$G$19=$B$10,7,0)+IF('Standard Profiles'!$G$19=$B$17,14,0)+IF('Standard Profiles'!$G$19=$B$24,21,0),0)),0)</f>
        <v>0.79163637104039175</v>
      </c>
      <c r="F4905" cm="1">
        <f t="array" ref="F4905">IFERROR(INDEX(Jesper!AJ$2:AJ$366,ROUNDDOWN($C4905/24,0)+1,1)*INDEX($D$3:$AA$30,INDEX(Jesper!$R$2:$R$366,ROW(INDEX(Jesper!AJ$2:AJ$366,ROUNDDOWN($C4905/24,0)+1,1))-1)+IF('Standard Profiles'!$G$20=$B$10,7,0)+IF('Standard Profiles'!$G$20=$B$17,14,0)+IF('Standard Profiles'!$G$20=$B$24,21,0),MOD($C4905,24)+1)/SUM(INDEX($D$3:$AA$30,INDEX(Jesper!$R$2:$R$366,ROW(INDEX(Jesper!AJ$2:AJ$366,ROUNDDOWN($C4905/24,0)+1,1))-1)+IF('Standard Profiles'!$G$20=$B$10,7,0)+IF('Standard Profiles'!$G$20=$B$17,14,0)+IF('Standard Profiles'!$G$20=$B$24,21,0),0)),0)</f>
        <v>0</v>
      </c>
      <c r="G4905" cm="1">
        <f t="array" ref="G4905">IFERROR(INDEX(Jesper!AK$2:AK$366,ROUNDDOWN($C4905/24,0)+1,1)*INDEX($D$3:$AA$30,INDEX(Jesper!$R$2:$R$366,ROW(INDEX(Jesper!AK$2:AK$366,ROUNDDOWN($C4905/24,0)+1,1))-1)+IF('Standard Profiles'!$G$21=$B$10,7,0)+IF('Standard Profiles'!$G$21=$B$17,14,0)+IF('Standard Profiles'!$G$21=$B$24,21,0),MOD($C4905,24)+1)/SUM(INDEX($D$3:$AA$30,INDEX(Jesper!$R$2:$R$366,ROW(INDEX(Jesper!AK$2:AK$366,ROUNDDOWN($C4905/24,0)+1,1))-1)+IF('Standard Profiles'!$G$21=$B$10,7,0)+IF('Standard Profiles'!$G$21=$B$17,14,0)+IF('Standard Profiles'!$G$21=$B$24,21,0),0)),0)</f>
        <v>0</v>
      </c>
      <c r="H4905" cm="1">
        <f t="array" ref="H4905">IFERROR(INDEX(Jesper!AL$2:AL$366,ROUNDDOWN($C4905/24,0)+1,1)*INDEX($D$3:$AA$30,INDEX(Jesper!$R$2:$R$366,ROW(INDEX(Jesper!AL$2:AL$366,ROUNDDOWN($C4905/24,0)+1,1))-1)+IF('Standard Profiles'!$G$22=$B$10,7,0)+IF('Standard Profiles'!$G$22=$B$17,14,0)+IF('Standard Profiles'!$G$22=$B$24,21,0),MOD($C4905,24)+1)/SUM(INDEX($D$3:$AA$30,INDEX(Jesper!$R$2:$R$366,ROW(INDEX(Jesper!AL$2:AL$366,ROUNDDOWN($C4905/24,0)+1,1))-1)+IF('Standard Profiles'!$G$22=$B$10,7,0)+IF('Standard Profiles'!$G$22=$B$17,14,0)+IF('Standard Profiles'!$G$22=$B$24,21,0),0)),0)</f>
        <v>0</v>
      </c>
      <c r="I4905">
        <f t="shared" si="552"/>
        <v>7.1318591985620891E-2</v>
      </c>
      <c r="J4905">
        <f t="shared" si="553"/>
        <v>0.23772863995206969</v>
      </c>
      <c r="K4905">
        <f t="shared" si="554"/>
        <v>0.35659295992810452</v>
      </c>
      <c r="L4905">
        <f t="shared" si="555"/>
        <v>5.1846939652554731</v>
      </c>
      <c r="M4905">
        <f t="shared" si="556"/>
        <v>0</v>
      </c>
      <c r="N4905" s="46">
        <f t="shared" si="557"/>
        <v>45494.95833332152</v>
      </c>
    </row>
    <row r="4906" spans="2:14" x14ac:dyDescent="0.3">
      <c r="B4906">
        <f t="shared" si="551"/>
        <v>1</v>
      </c>
      <c r="C4906" s="16">
        <v>4872</v>
      </c>
      <c r="D4906" cm="1">
        <f t="array" ref="D4906">IFERROR(INDEX(Jesper!AH$2:AH$366,ROUNDDOWN($C4906/24,0)+1,1)*INDEX($D$3:$AA$30,INDEX(Jesper!$R$2:$R$366,ROW(INDEX(Jesper!AH$2:AH$366,ROUNDDOWN($C4906/24,0)+1,1))-1)+IF('Standard Profiles'!$G$18=$B$10,7,0)+IF('Standard Profiles'!$G$18=$B$17,14,0)+IF('Standard Profiles'!$G$18=$B$24,21,0),MOD($C4906,24)+1)/SUM(INDEX($D$3:$AA$30,INDEX(Jesper!$R$2:$R$366,ROW(INDEX(Jesper!AH$2:AH$366,ROUNDDOWN($C4906/24,0)+1,1))-1)+IF('Standard Profiles'!$G$18=$B$10,7,0)+IF('Standard Profiles'!$G$18=$B$17,14,0)+IF('Standard Profiles'!$G$18=$B$24,21,0),0)),0)</f>
        <v>2.3587623976326073</v>
      </c>
      <c r="E4906" cm="1">
        <f t="array" ref="E4906">IFERROR(INDEX(Jesper!AI$2:AI$366,ROUNDDOWN($C4906/24,0)+1,1)*INDEX($D$3:$AA$30,INDEX(Jesper!$R$2:$R$366,ROW(INDEX(Jesper!AI$2:AI$366,ROUNDDOWN($C4906/24,0)+1,1))-1)+IF('Standard Profiles'!$G$19=$B$10,7,0)+IF('Standard Profiles'!$G$19=$B$17,14,0)+IF('Standard Profiles'!$G$19=$B$24,21,0),MOD($C4906,24)+1)/SUM(INDEX($D$3:$AA$30,INDEX(Jesper!$R$2:$R$366,ROW(INDEX(Jesper!AI$2:AI$366,ROUNDDOWN($C4906/24,0)+1,1))-1)+IF('Standard Profiles'!$G$19=$B$10,7,0)+IF('Standard Profiles'!$G$19=$B$17,14,0)+IF('Standard Profiles'!$G$19=$B$24,21,0),0)),0)</f>
        <v>0</v>
      </c>
      <c r="F4906" cm="1">
        <f t="array" ref="F4906">IFERROR(INDEX(Jesper!AJ$2:AJ$366,ROUNDDOWN($C4906/24,0)+1,1)*INDEX($D$3:$AA$30,INDEX(Jesper!$R$2:$R$366,ROW(INDEX(Jesper!AJ$2:AJ$366,ROUNDDOWN($C4906/24,0)+1,1))-1)+IF('Standard Profiles'!$G$20=$B$10,7,0)+IF('Standard Profiles'!$G$20=$B$17,14,0)+IF('Standard Profiles'!$G$20=$B$24,21,0),MOD($C4906,24)+1)/SUM(INDEX($D$3:$AA$30,INDEX(Jesper!$R$2:$R$366,ROW(INDEX(Jesper!AJ$2:AJ$366,ROUNDDOWN($C4906/24,0)+1,1))-1)+IF('Standard Profiles'!$G$20=$B$10,7,0)+IF('Standard Profiles'!$G$20=$B$17,14,0)+IF('Standard Profiles'!$G$20=$B$24,21,0),0)),0)</f>
        <v>0</v>
      </c>
      <c r="G4906" cm="1">
        <f t="array" ref="G4906">IFERROR(INDEX(Jesper!AK$2:AK$366,ROUNDDOWN($C4906/24,0)+1,1)*INDEX($D$3:$AA$30,INDEX(Jesper!$R$2:$R$366,ROW(INDEX(Jesper!AK$2:AK$366,ROUNDDOWN($C4906/24,0)+1,1))-1)+IF('Standard Profiles'!$G$21=$B$10,7,0)+IF('Standard Profiles'!$G$21=$B$17,14,0)+IF('Standard Profiles'!$G$21=$B$24,21,0),MOD($C4906,24)+1)/SUM(INDEX($D$3:$AA$30,INDEX(Jesper!$R$2:$R$366,ROW(INDEX(Jesper!AK$2:AK$366,ROUNDDOWN($C4906/24,0)+1,1))-1)+IF('Standard Profiles'!$G$21=$B$10,7,0)+IF('Standard Profiles'!$G$21=$B$17,14,0)+IF('Standard Profiles'!$G$21=$B$24,21,0),0)),0)</f>
        <v>0</v>
      </c>
      <c r="H4906" cm="1">
        <f t="array" ref="H4906">IFERROR(INDEX(Jesper!AL$2:AL$366,ROUNDDOWN($C4906/24,0)+1,1)*INDEX($D$3:$AA$30,INDEX(Jesper!$R$2:$R$366,ROW(INDEX(Jesper!AL$2:AL$366,ROUNDDOWN($C4906/24,0)+1,1))-1)+IF('Standard Profiles'!$G$22=$B$10,7,0)+IF('Standard Profiles'!$G$22=$B$17,14,0)+IF('Standard Profiles'!$G$22=$B$24,21,0),MOD($C4906,24)+1)/SUM(INDEX($D$3:$AA$30,INDEX(Jesper!$R$2:$R$366,ROW(INDEX(Jesper!AL$2:AL$366,ROUNDDOWN($C4906/24,0)+1,1))-1)+IF('Standard Profiles'!$G$22=$B$10,7,0)+IF('Standard Profiles'!$G$22=$B$17,14,0)+IF('Standard Profiles'!$G$22=$B$24,21,0),0)),0)</f>
        <v>0</v>
      </c>
      <c r="I4906">
        <f t="shared" si="552"/>
        <v>7.0762871928978219E-2</v>
      </c>
      <c r="J4906">
        <f t="shared" si="553"/>
        <v>0.23587623976326075</v>
      </c>
      <c r="K4906">
        <f t="shared" si="554"/>
        <v>0.35381435964489111</v>
      </c>
      <c r="L4906">
        <f t="shared" si="555"/>
        <v>1.6983089262954771</v>
      </c>
      <c r="M4906">
        <f t="shared" si="556"/>
        <v>0</v>
      </c>
      <c r="N4906" s="46">
        <f t="shared" si="557"/>
        <v>45494.999999988184</v>
      </c>
    </row>
    <row r="4907" spans="2:14" x14ac:dyDescent="0.3">
      <c r="B4907">
        <f t="shared" si="551"/>
        <v>1</v>
      </c>
      <c r="C4907" s="16">
        <v>4873</v>
      </c>
      <c r="D4907" cm="1">
        <f t="array" ref="D4907">IFERROR(INDEX(Jesper!AH$2:AH$366,ROUNDDOWN($C4907/24,0)+1,1)*INDEX($D$3:$AA$30,INDEX(Jesper!$R$2:$R$366,ROW(INDEX(Jesper!AH$2:AH$366,ROUNDDOWN($C4907/24,0)+1,1))-1)+IF('Standard Profiles'!$G$18=$B$10,7,0)+IF('Standard Profiles'!$G$18=$B$17,14,0)+IF('Standard Profiles'!$G$18=$B$24,21,0),MOD($C4907,24)+1)/SUM(INDEX($D$3:$AA$30,INDEX(Jesper!$R$2:$R$366,ROW(INDEX(Jesper!AH$2:AH$366,ROUNDDOWN($C4907/24,0)+1,1))-1)+IF('Standard Profiles'!$G$18=$B$10,7,0)+IF('Standard Profiles'!$G$18=$B$17,14,0)+IF('Standard Profiles'!$G$18=$B$24,21,0),0)),0)</f>
        <v>2.3587623976326073</v>
      </c>
      <c r="E4907" cm="1">
        <f t="array" ref="E4907">IFERROR(INDEX(Jesper!AI$2:AI$366,ROUNDDOWN($C4907/24,0)+1,1)*INDEX($D$3:$AA$30,INDEX(Jesper!$R$2:$R$366,ROW(INDEX(Jesper!AI$2:AI$366,ROUNDDOWN($C4907/24,0)+1,1))-1)+IF('Standard Profiles'!$G$19=$B$10,7,0)+IF('Standard Profiles'!$G$19=$B$17,14,0)+IF('Standard Profiles'!$G$19=$B$24,21,0),MOD($C4907,24)+1)/SUM(INDEX($D$3:$AA$30,INDEX(Jesper!$R$2:$R$366,ROW(INDEX(Jesper!AI$2:AI$366,ROUNDDOWN($C4907/24,0)+1,1))-1)+IF('Standard Profiles'!$G$19=$B$10,7,0)+IF('Standard Profiles'!$G$19=$B$17,14,0)+IF('Standard Profiles'!$G$19=$B$24,21,0),0)),0)</f>
        <v>0</v>
      </c>
      <c r="F4907" cm="1">
        <f t="array" ref="F4907">IFERROR(INDEX(Jesper!AJ$2:AJ$366,ROUNDDOWN($C4907/24,0)+1,1)*INDEX($D$3:$AA$30,INDEX(Jesper!$R$2:$R$366,ROW(INDEX(Jesper!AJ$2:AJ$366,ROUNDDOWN($C4907/24,0)+1,1))-1)+IF('Standard Profiles'!$G$20=$B$10,7,0)+IF('Standard Profiles'!$G$20=$B$17,14,0)+IF('Standard Profiles'!$G$20=$B$24,21,0),MOD($C4907,24)+1)/SUM(INDEX($D$3:$AA$30,INDEX(Jesper!$R$2:$R$366,ROW(INDEX(Jesper!AJ$2:AJ$366,ROUNDDOWN($C4907/24,0)+1,1))-1)+IF('Standard Profiles'!$G$20=$B$10,7,0)+IF('Standard Profiles'!$G$20=$B$17,14,0)+IF('Standard Profiles'!$G$20=$B$24,21,0),0)),0)</f>
        <v>0</v>
      </c>
      <c r="G4907" cm="1">
        <f t="array" ref="G4907">IFERROR(INDEX(Jesper!AK$2:AK$366,ROUNDDOWN($C4907/24,0)+1,1)*INDEX($D$3:$AA$30,INDEX(Jesper!$R$2:$R$366,ROW(INDEX(Jesper!AK$2:AK$366,ROUNDDOWN($C4907/24,0)+1,1))-1)+IF('Standard Profiles'!$G$21=$B$10,7,0)+IF('Standard Profiles'!$G$21=$B$17,14,0)+IF('Standard Profiles'!$G$21=$B$24,21,0),MOD($C4907,24)+1)/SUM(INDEX($D$3:$AA$30,INDEX(Jesper!$R$2:$R$366,ROW(INDEX(Jesper!AK$2:AK$366,ROUNDDOWN($C4907/24,0)+1,1))-1)+IF('Standard Profiles'!$G$21=$B$10,7,0)+IF('Standard Profiles'!$G$21=$B$17,14,0)+IF('Standard Profiles'!$G$21=$B$24,21,0),0)),0)</f>
        <v>0</v>
      </c>
      <c r="H4907" cm="1">
        <f t="array" ref="H4907">IFERROR(INDEX(Jesper!AL$2:AL$366,ROUNDDOWN($C4907/24,0)+1,1)*INDEX($D$3:$AA$30,INDEX(Jesper!$R$2:$R$366,ROW(INDEX(Jesper!AL$2:AL$366,ROUNDDOWN($C4907/24,0)+1,1))-1)+IF('Standard Profiles'!$G$22=$B$10,7,0)+IF('Standard Profiles'!$G$22=$B$17,14,0)+IF('Standard Profiles'!$G$22=$B$24,21,0),MOD($C4907,24)+1)/SUM(INDEX($D$3:$AA$30,INDEX(Jesper!$R$2:$R$366,ROW(INDEX(Jesper!AL$2:AL$366,ROUNDDOWN($C4907/24,0)+1,1))-1)+IF('Standard Profiles'!$G$22=$B$10,7,0)+IF('Standard Profiles'!$G$22=$B$17,14,0)+IF('Standard Profiles'!$G$22=$B$24,21,0),0)),0)</f>
        <v>0</v>
      </c>
      <c r="I4907">
        <f t="shared" si="552"/>
        <v>7.0762871928978219E-2</v>
      </c>
      <c r="J4907">
        <f t="shared" si="553"/>
        <v>0.23587623976326075</v>
      </c>
      <c r="K4907">
        <f t="shared" si="554"/>
        <v>0.35381435964489111</v>
      </c>
      <c r="L4907">
        <f t="shared" si="555"/>
        <v>1.6983089262954771</v>
      </c>
      <c r="M4907">
        <f t="shared" si="556"/>
        <v>0</v>
      </c>
      <c r="N4907" s="46">
        <f t="shared" si="557"/>
        <v>45495.041666654848</v>
      </c>
    </row>
    <row r="4908" spans="2:14" x14ac:dyDescent="0.3">
      <c r="B4908">
        <f t="shared" si="551"/>
        <v>1</v>
      </c>
      <c r="C4908" s="16">
        <v>4874</v>
      </c>
      <c r="D4908" cm="1">
        <f t="array" ref="D4908">IFERROR(INDEX(Jesper!AH$2:AH$366,ROUNDDOWN($C4908/24,0)+1,1)*INDEX($D$3:$AA$30,INDEX(Jesper!$R$2:$R$366,ROW(INDEX(Jesper!AH$2:AH$366,ROUNDDOWN($C4908/24,0)+1,1))-1)+IF('Standard Profiles'!$G$18=$B$10,7,0)+IF('Standard Profiles'!$G$18=$B$17,14,0)+IF('Standard Profiles'!$G$18=$B$24,21,0),MOD($C4908,24)+1)/SUM(INDEX($D$3:$AA$30,INDEX(Jesper!$R$2:$R$366,ROW(INDEX(Jesper!AH$2:AH$366,ROUNDDOWN($C4908/24,0)+1,1))-1)+IF('Standard Profiles'!$G$18=$B$10,7,0)+IF('Standard Profiles'!$G$18=$B$17,14,0)+IF('Standard Profiles'!$G$18=$B$24,21,0),0)),0)</f>
        <v>2.3587623976326073</v>
      </c>
      <c r="E4908" cm="1">
        <f t="array" ref="E4908">IFERROR(INDEX(Jesper!AI$2:AI$366,ROUNDDOWN($C4908/24,0)+1,1)*INDEX($D$3:$AA$30,INDEX(Jesper!$R$2:$R$366,ROW(INDEX(Jesper!AI$2:AI$366,ROUNDDOWN($C4908/24,0)+1,1))-1)+IF('Standard Profiles'!$G$19=$B$10,7,0)+IF('Standard Profiles'!$G$19=$B$17,14,0)+IF('Standard Profiles'!$G$19=$B$24,21,0),MOD($C4908,24)+1)/SUM(INDEX($D$3:$AA$30,INDEX(Jesper!$R$2:$R$366,ROW(INDEX(Jesper!AI$2:AI$366,ROUNDDOWN($C4908/24,0)+1,1))-1)+IF('Standard Profiles'!$G$19=$B$10,7,0)+IF('Standard Profiles'!$G$19=$B$17,14,0)+IF('Standard Profiles'!$G$19=$B$24,21,0),0)),0)</f>
        <v>0</v>
      </c>
      <c r="F4908" cm="1">
        <f t="array" ref="F4908">IFERROR(INDEX(Jesper!AJ$2:AJ$366,ROUNDDOWN($C4908/24,0)+1,1)*INDEX($D$3:$AA$30,INDEX(Jesper!$R$2:$R$366,ROW(INDEX(Jesper!AJ$2:AJ$366,ROUNDDOWN($C4908/24,0)+1,1))-1)+IF('Standard Profiles'!$G$20=$B$10,7,0)+IF('Standard Profiles'!$G$20=$B$17,14,0)+IF('Standard Profiles'!$G$20=$B$24,21,0),MOD($C4908,24)+1)/SUM(INDEX($D$3:$AA$30,INDEX(Jesper!$R$2:$R$366,ROW(INDEX(Jesper!AJ$2:AJ$366,ROUNDDOWN($C4908/24,0)+1,1))-1)+IF('Standard Profiles'!$G$20=$B$10,7,0)+IF('Standard Profiles'!$G$20=$B$17,14,0)+IF('Standard Profiles'!$G$20=$B$24,21,0),0)),0)</f>
        <v>0</v>
      </c>
      <c r="G4908" cm="1">
        <f t="array" ref="G4908">IFERROR(INDEX(Jesper!AK$2:AK$366,ROUNDDOWN($C4908/24,0)+1,1)*INDEX($D$3:$AA$30,INDEX(Jesper!$R$2:$R$366,ROW(INDEX(Jesper!AK$2:AK$366,ROUNDDOWN($C4908/24,0)+1,1))-1)+IF('Standard Profiles'!$G$21=$B$10,7,0)+IF('Standard Profiles'!$G$21=$B$17,14,0)+IF('Standard Profiles'!$G$21=$B$24,21,0),MOD($C4908,24)+1)/SUM(INDEX($D$3:$AA$30,INDEX(Jesper!$R$2:$R$366,ROW(INDEX(Jesper!AK$2:AK$366,ROUNDDOWN($C4908/24,0)+1,1))-1)+IF('Standard Profiles'!$G$21=$B$10,7,0)+IF('Standard Profiles'!$G$21=$B$17,14,0)+IF('Standard Profiles'!$G$21=$B$24,21,0),0)),0)</f>
        <v>0</v>
      </c>
      <c r="H4908" cm="1">
        <f t="array" ref="H4908">IFERROR(INDEX(Jesper!AL$2:AL$366,ROUNDDOWN($C4908/24,0)+1,1)*INDEX($D$3:$AA$30,INDEX(Jesper!$R$2:$R$366,ROW(INDEX(Jesper!AL$2:AL$366,ROUNDDOWN($C4908/24,0)+1,1))-1)+IF('Standard Profiles'!$G$22=$B$10,7,0)+IF('Standard Profiles'!$G$22=$B$17,14,0)+IF('Standard Profiles'!$G$22=$B$24,21,0),MOD($C4908,24)+1)/SUM(INDEX($D$3:$AA$30,INDEX(Jesper!$R$2:$R$366,ROW(INDEX(Jesper!AL$2:AL$366,ROUNDDOWN($C4908/24,0)+1,1))-1)+IF('Standard Profiles'!$G$22=$B$10,7,0)+IF('Standard Profiles'!$G$22=$B$17,14,0)+IF('Standard Profiles'!$G$22=$B$24,21,0),0)),0)</f>
        <v>0</v>
      </c>
      <c r="I4908">
        <f t="shared" si="552"/>
        <v>7.0762871928978219E-2</v>
      </c>
      <c r="J4908">
        <f t="shared" si="553"/>
        <v>0.23587623976326075</v>
      </c>
      <c r="K4908">
        <f t="shared" si="554"/>
        <v>0.35381435964489111</v>
      </c>
      <c r="L4908">
        <f t="shared" si="555"/>
        <v>1.6983089262954771</v>
      </c>
      <c r="M4908">
        <f t="shared" si="556"/>
        <v>0</v>
      </c>
      <c r="N4908" s="46">
        <f t="shared" si="557"/>
        <v>45495.083333321512</v>
      </c>
    </row>
    <row r="4909" spans="2:14" x14ac:dyDescent="0.3">
      <c r="B4909">
        <f t="shared" si="551"/>
        <v>1</v>
      </c>
      <c r="C4909" s="16">
        <v>4875</v>
      </c>
      <c r="D4909" cm="1">
        <f t="array" ref="D4909">IFERROR(INDEX(Jesper!AH$2:AH$366,ROUNDDOWN($C4909/24,0)+1,1)*INDEX($D$3:$AA$30,INDEX(Jesper!$R$2:$R$366,ROW(INDEX(Jesper!AH$2:AH$366,ROUNDDOWN($C4909/24,0)+1,1))-1)+IF('Standard Profiles'!$G$18=$B$10,7,0)+IF('Standard Profiles'!$G$18=$B$17,14,0)+IF('Standard Profiles'!$G$18=$B$24,21,0),MOD($C4909,24)+1)/SUM(INDEX($D$3:$AA$30,INDEX(Jesper!$R$2:$R$366,ROW(INDEX(Jesper!AH$2:AH$366,ROUNDDOWN($C4909/24,0)+1,1))-1)+IF('Standard Profiles'!$G$18=$B$10,7,0)+IF('Standard Profiles'!$G$18=$B$17,14,0)+IF('Standard Profiles'!$G$18=$B$24,21,0),0)),0)</f>
        <v>2.3587623976326073</v>
      </c>
      <c r="E4909" cm="1">
        <f t="array" ref="E4909">IFERROR(INDEX(Jesper!AI$2:AI$366,ROUNDDOWN($C4909/24,0)+1,1)*INDEX($D$3:$AA$30,INDEX(Jesper!$R$2:$R$366,ROW(INDEX(Jesper!AI$2:AI$366,ROUNDDOWN($C4909/24,0)+1,1))-1)+IF('Standard Profiles'!$G$19=$B$10,7,0)+IF('Standard Profiles'!$G$19=$B$17,14,0)+IF('Standard Profiles'!$G$19=$B$24,21,0),MOD($C4909,24)+1)/SUM(INDEX($D$3:$AA$30,INDEX(Jesper!$R$2:$R$366,ROW(INDEX(Jesper!AI$2:AI$366,ROUNDDOWN($C4909/24,0)+1,1))-1)+IF('Standard Profiles'!$G$19=$B$10,7,0)+IF('Standard Profiles'!$G$19=$B$17,14,0)+IF('Standard Profiles'!$G$19=$B$24,21,0),0)),0)</f>
        <v>0</v>
      </c>
      <c r="F4909" cm="1">
        <f t="array" ref="F4909">IFERROR(INDEX(Jesper!AJ$2:AJ$366,ROUNDDOWN($C4909/24,0)+1,1)*INDEX($D$3:$AA$30,INDEX(Jesper!$R$2:$R$366,ROW(INDEX(Jesper!AJ$2:AJ$366,ROUNDDOWN($C4909/24,0)+1,1))-1)+IF('Standard Profiles'!$G$20=$B$10,7,0)+IF('Standard Profiles'!$G$20=$B$17,14,0)+IF('Standard Profiles'!$G$20=$B$24,21,0),MOD($C4909,24)+1)/SUM(INDEX($D$3:$AA$30,INDEX(Jesper!$R$2:$R$366,ROW(INDEX(Jesper!AJ$2:AJ$366,ROUNDDOWN($C4909/24,0)+1,1))-1)+IF('Standard Profiles'!$G$20=$B$10,7,0)+IF('Standard Profiles'!$G$20=$B$17,14,0)+IF('Standard Profiles'!$G$20=$B$24,21,0),0)),0)</f>
        <v>0</v>
      </c>
      <c r="G4909" cm="1">
        <f t="array" ref="G4909">IFERROR(INDEX(Jesper!AK$2:AK$366,ROUNDDOWN($C4909/24,0)+1,1)*INDEX($D$3:$AA$30,INDEX(Jesper!$R$2:$R$366,ROW(INDEX(Jesper!AK$2:AK$366,ROUNDDOWN($C4909/24,0)+1,1))-1)+IF('Standard Profiles'!$G$21=$B$10,7,0)+IF('Standard Profiles'!$G$21=$B$17,14,0)+IF('Standard Profiles'!$G$21=$B$24,21,0),MOD($C4909,24)+1)/SUM(INDEX($D$3:$AA$30,INDEX(Jesper!$R$2:$R$366,ROW(INDEX(Jesper!AK$2:AK$366,ROUNDDOWN($C4909/24,0)+1,1))-1)+IF('Standard Profiles'!$G$21=$B$10,7,0)+IF('Standard Profiles'!$G$21=$B$17,14,0)+IF('Standard Profiles'!$G$21=$B$24,21,0),0)),0)</f>
        <v>0</v>
      </c>
      <c r="H4909" cm="1">
        <f t="array" ref="H4909">IFERROR(INDEX(Jesper!AL$2:AL$366,ROUNDDOWN($C4909/24,0)+1,1)*INDEX($D$3:$AA$30,INDEX(Jesper!$R$2:$R$366,ROW(INDEX(Jesper!AL$2:AL$366,ROUNDDOWN($C4909/24,0)+1,1))-1)+IF('Standard Profiles'!$G$22=$B$10,7,0)+IF('Standard Profiles'!$G$22=$B$17,14,0)+IF('Standard Profiles'!$G$22=$B$24,21,0),MOD($C4909,24)+1)/SUM(INDEX($D$3:$AA$30,INDEX(Jesper!$R$2:$R$366,ROW(INDEX(Jesper!AL$2:AL$366,ROUNDDOWN($C4909/24,0)+1,1))-1)+IF('Standard Profiles'!$G$22=$B$10,7,0)+IF('Standard Profiles'!$G$22=$B$17,14,0)+IF('Standard Profiles'!$G$22=$B$24,21,0),0)),0)</f>
        <v>0</v>
      </c>
      <c r="I4909">
        <f t="shared" si="552"/>
        <v>7.0762871928978219E-2</v>
      </c>
      <c r="J4909">
        <f t="shared" si="553"/>
        <v>0.23587623976326075</v>
      </c>
      <c r="K4909">
        <f t="shared" si="554"/>
        <v>0.35381435964489111</v>
      </c>
      <c r="L4909">
        <f t="shared" si="555"/>
        <v>1.6983089262954771</v>
      </c>
      <c r="M4909">
        <f t="shared" si="556"/>
        <v>0</v>
      </c>
      <c r="N4909" s="46">
        <f t="shared" si="557"/>
        <v>45495.124999988177</v>
      </c>
    </row>
    <row r="4910" spans="2:14" x14ac:dyDescent="0.3">
      <c r="B4910">
        <f t="shared" si="551"/>
        <v>1</v>
      </c>
      <c r="C4910" s="16">
        <v>4876</v>
      </c>
      <c r="D4910" cm="1">
        <f t="array" ref="D4910">IFERROR(INDEX(Jesper!AH$2:AH$366,ROUNDDOWN($C4910/24,0)+1,1)*INDEX($D$3:$AA$30,INDEX(Jesper!$R$2:$R$366,ROW(INDEX(Jesper!AH$2:AH$366,ROUNDDOWN($C4910/24,0)+1,1))-1)+IF('Standard Profiles'!$G$18=$B$10,7,0)+IF('Standard Profiles'!$G$18=$B$17,14,0)+IF('Standard Profiles'!$G$18=$B$24,21,0),MOD($C4910,24)+1)/SUM(INDEX($D$3:$AA$30,INDEX(Jesper!$R$2:$R$366,ROW(INDEX(Jesper!AH$2:AH$366,ROUNDDOWN($C4910/24,0)+1,1))-1)+IF('Standard Profiles'!$G$18=$B$10,7,0)+IF('Standard Profiles'!$G$18=$B$17,14,0)+IF('Standard Profiles'!$G$18=$B$24,21,0),0)),0)</f>
        <v>2.3587623976326073</v>
      </c>
      <c r="E4910" cm="1">
        <f t="array" ref="E4910">IFERROR(INDEX(Jesper!AI$2:AI$366,ROUNDDOWN($C4910/24,0)+1,1)*INDEX($D$3:$AA$30,INDEX(Jesper!$R$2:$R$366,ROW(INDEX(Jesper!AI$2:AI$366,ROUNDDOWN($C4910/24,0)+1,1))-1)+IF('Standard Profiles'!$G$19=$B$10,7,0)+IF('Standard Profiles'!$G$19=$B$17,14,0)+IF('Standard Profiles'!$G$19=$B$24,21,0),MOD($C4910,24)+1)/SUM(INDEX($D$3:$AA$30,INDEX(Jesper!$R$2:$R$366,ROW(INDEX(Jesper!AI$2:AI$366,ROUNDDOWN($C4910/24,0)+1,1))-1)+IF('Standard Profiles'!$G$19=$B$10,7,0)+IF('Standard Profiles'!$G$19=$B$17,14,0)+IF('Standard Profiles'!$G$19=$B$24,21,0),0)),0)</f>
        <v>0</v>
      </c>
      <c r="F4910" cm="1">
        <f t="array" ref="F4910">IFERROR(INDEX(Jesper!AJ$2:AJ$366,ROUNDDOWN($C4910/24,0)+1,1)*INDEX($D$3:$AA$30,INDEX(Jesper!$R$2:$R$366,ROW(INDEX(Jesper!AJ$2:AJ$366,ROUNDDOWN($C4910/24,0)+1,1))-1)+IF('Standard Profiles'!$G$20=$B$10,7,0)+IF('Standard Profiles'!$G$20=$B$17,14,0)+IF('Standard Profiles'!$G$20=$B$24,21,0),MOD($C4910,24)+1)/SUM(INDEX($D$3:$AA$30,INDEX(Jesper!$R$2:$R$366,ROW(INDEX(Jesper!AJ$2:AJ$366,ROUNDDOWN($C4910/24,0)+1,1))-1)+IF('Standard Profiles'!$G$20=$B$10,7,0)+IF('Standard Profiles'!$G$20=$B$17,14,0)+IF('Standard Profiles'!$G$20=$B$24,21,0),0)),0)</f>
        <v>0</v>
      </c>
      <c r="G4910" cm="1">
        <f t="array" ref="G4910">IFERROR(INDEX(Jesper!AK$2:AK$366,ROUNDDOWN($C4910/24,0)+1,1)*INDEX($D$3:$AA$30,INDEX(Jesper!$R$2:$R$366,ROW(INDEX(Jesper!AK$2:AK$366,ROUNDDOWN($C4910/24,0)+1,1))-1)+IF('Standard Profiles'!$G$21=$B$10,7,0)+IF('Standard Profiles'!$G$21=$B$17,14,0)+IF('Standard Profiles'!$G$21=$B$24,21,0),MOD($C4910,24)+1)/SUM(INDEX($D$3:$AA$30,INDEX(Jesper!$R$2:$R$366,ROW(INDEX(Jesper!AK$2:AK$366,ROUNDDOWN($C4910/24,0)+1,1))-1)+IF('Standard Profiles'!$G$21=$B$10,7,0)+IF('Standard Profiles'!$G$21=$B$17,14,0)+IF('Standard Profiles'!$G$21=$B$24,21,0),0)),0)</f>
        <v>0</v>
      </c>
      <c r="H4910" cm="1">
        <f t="array" ref="H4910">IFERROR(INDEX(Jesper!AL$2:AL$366,ROUNDDOWN($C4910/24,0)+1,1)*INDEX($D$3:$AA$30,INDEX(Jesper!$R$2:$R$366,ROW(INDEX(Jesper!AL$2:AL$366,ROUNDDOWN($C4910/24,0)+1,1))-1)+IF('Standard Profiles'!$G$22=$B$10,7,0)+IF('Standard Profiles'!$G$22=$B$17,14,0)+IF('Standard Profiles'!$G$22=$B$24,21,0),MOD($C4910,24)+1)/SUM(INDEX($D$3:$AA$30,INDEX(Jesper!$R$2:$R$366,ROW(INDEX(Jesper!AL$2:AL$366,ROUNDDOWN($C4910/24,0)+1,1))-1)+IF('Standard Profiles'!$G$22=$B$10,7,0)+IF('Standard Profiles'!$G$22=$B$17,14,0)+IF('Standard Profiles'!$G$22=$B$24,21,0),0)),0)</f>
        <v>0</v>
      </c>
      <c r="I4910">
        <f t="shared" si="552"/>
        <v>7.0762871928978219E-2</v>
      </c>
      <c r="J4910">
        <f t="shared" si="553"/>
        <v>0.23587623976326075</v>
      </c>
      <c r="K4910">
        <f t="shared" si="554"/>
        <v>0.35381435964489111</v>
      </c>
      <c r="L4910">
        <f t="shared" si="555"/>
        <v>1.6983089262954771</v>
      </c>
      <c r="M4910">
        <f t="shared" si="556"/>
        <v>0</v>
      </c>
      <c r="N4910" s="46">
        <f t="shared" si="557"/>
        <v>45495.166666654841</v>
      </c>
    </row>
    <row r="4911" spans="2:14" x14ac:dyDescent="0.3">
      <c r="B4911">
        <f t="shared" si="551"/>
        <v>1</v>
      </c>
      <c r="C4911" s="16">
        <v>4877</v>
      </c>
      <c r="D4911" cm="1">
        <f t="array" ref="D4911">IFERROR(INDEX(Jesper!AH$2:AH$366,ROUNDDOWN($C4911/24,0)+1,1)*INDEX($D$3:$AA$30,INDEX(Jesper!$R$2:$R$366,ROW(INDEX(Jesper!AH$2:AH$366,ROUNDDOWN($C4911/24,0)+1,1))-1)+IF('Standard Profiles'!$G$18=$B$10,7,0)+IF('Standard Profiles'!$G$18=$B$17,14,0)+IF('Standard Profiles'!$G$18=$B$24,21,0),MOD($C4911,24)+1)/SUM(INDEX($D$3:$AA$30,INDEX(Jesper!$R$2:$R$366,ROW(INDEX(Jesper!AH$2:AH$366,ROUNDDOWN($C4911/24,0)+1,1))-1)+IF('Standard Profiles'!$G$18=$B$10,7,0)+IF('Standard Profiles'!$G$18=$B$17,14,0)+IF('Standard Profiles'!$G$18=$B$24,21,0),0)),0)</f>
        <v>10.221303723074634</v>
      </c>
      <c r="E4911" cm="1">
        <f t="array" ref="E4911">IFERROR(INDEX(Jesper!AI$2:AI$366,ROUNDDOWN($C4911/24,0)+1,1)*INDEX($D$3:$AA$30,INDEX(Jesper!$R$2:$R$366,ROW(INDEX(Jesper!AI$2:AI$366,ROUNDDOWN($C4911/24,0)+1,1))-1)+IF('Standard Profiles'!$G$19=$B$10,7,0)+IF('Standard Profiles'!$G$19=$B$17,14,0)+IF('Standard Profiles'!$G$19=$B$24,21,0),MOD($C4911,24)+1)/SUM(INDEX($D$3:$AA$30,INDEX(Jesper!$R$2:$R$366,ROW(INDEX(Jesper!AI$2:AI$366,ROUNDDOWN($C4911/24,0)+1,1))-1)+IF('Standard Profiles'!$G$19=$B$10,7,0)+IF('Standard Profiles'!$G$19=$B$17,14,0)+IF('Standard Profiles'!$G$19=$B$24,21,0),0)),0)</f>
        <v>0</v>
      </c>
      <c r="F4911" cm="1">
        <f t="array" ref="F4911">IFERROR(INDEX(Jesper!AJ$2:AJ$366,ROUNDDOWN($C4911/24,0)+1,1)*INDEX($D$3:$AA$30,INDEX(Jesper!$R$2:$R$366,ROW(INDEX(Jesper!AJ$2:AJ$366,ROUNDDOWN($C4911/24,0)+1,1))-1)+IF('Standard Profiles'!$G$20=$B$10,7,0)+IF('Standard Profiles'!$G$20=$B$17,14,0)+IF('Standard Profiles'!$G$20=$B$24,21,0),MOD($C4911,24)+1)/SUM(INDEX($D$3:$AA$30,INDEX(Jesper!$R$2:$R$366,ROW(INDEX(Jesper!AJ$2:AJ$366,ROUNDDOWN($C4911/24,0)+1,1))-1)+IF('Standard Profiles'!$G$20=$B$10,7,0)+IF('Standard Profiles'!$G$20=$B$17,14,0)+IF('Standard Profiles'!$G$20=$B$24,21,0),0)),0)</f>
        <v>0</v>
      </c>
      <c r="G4911" cm="1">
        <f t="array" ref="G4911">IFERROR(INDEX(Jesper!AK$2:AK$366,ROUNDDOWN($C4911/24,0)+1,1)*INDEX($D$3:$AA$30,INDEX(Jesper!$R$2:$R$366,ROW(INDEX(Jesper!AK$2:AK$366,ROUNDDOWN($C4911/24,0)+1,1))-1)+IF('Standard Profiles'!$G$21=$B$10,7,0)+IF('Standard Profiles'!$G$21=$B$17,14,0)+IF('Standard Profiles'!$G$21=$B$24,21,0),MOD($C4911,24)+1)/SUM(INDEX($D$3:$AA$30,INDEX(Jesper!$R$2:$R$366,ROW(INDEX(Jesper!AK$2:AK$366,ROUNDDOWN($C4911/24,0)+1,1))-1)+IF('Standard Profiles'!$G$21=$B$10,7,0)+IF('Standard Profiles'!$G$21=$B$17,14,0)+IF('Standard Profiles'!$G$21=$B$24,21,0),0)),0)</f>
        <v>0</v>
      </c>
      <c r="H4911" cm="1">
        <f t="array" ref="H4911">IFERROR(INDEX(Jesper!AL$2:AL$366,ROUNDDOWN($C4911/24,0)+1,1)*INDEX($D$3:$AA$30,INDEX(Jesper!$R$2:$R$366,ROW(INDEX(Jesper!AL$2:AL$366,ROUNDDOWN($C4911/24,0)+1,1))-1)+IF('Standard Profiles'!$G$22=$B$10,7,0)+IF('Standard Profiles'!$G$22=$B$17,14,0)+IF('Standard Profiles'!$G$22=$B$24,21,0),MOD($C4911,24)+1)/SUM(INDEX($D$3:$AA$30,INDEX(Jesper!$R$2:$R$366,ROW(INDEX(Jesper!AL$2:AL$366,ROUNDDOWN($C4911/24,0)+1,1))-1)+IF('Standard Profiles'!$G$22=$B$10,7,0)+IF('Standard Profiles'!$G$22=$B$17,14,0)+IF('Standard Profiles'!$G$22=$B$24,21,0),0)),0)</f>
        <v>0</v>
      </c>
      <c r="I4911">
        <f t="shared" si="552"/>
        <v>0.30663911169223901</v>
      </c>
      <c r="J4911">
        <f t="shared" si="553"/>
        <v>1.0221303723074635</v>
      </c>
      <c r="K4911">
        <f t="shared" si="554"/>
        <v>1.5331955584611949</v>
      </c>
      <c r="L4911">
        <f t="shared" si="555"/>
        <v>7.3593386806137362</v>
      </c>
      <c r="M4911">
        <f t="shared" si="556"/>
        <v>0</v>
      </c>
      <c r="N4911" s="46">
        <f t="shared" si="557"/>
        <v>45495.208333321505</v>
      </c>
    </row>
    <row r="4912" spans="2:14" x14ac:dyDescent="0.3">
      <c r="B4912">
        <f t="shared" si="551"/>
        <v>1</v>
      </c>
      <c r="C4912" s="16">
        <v>4878</v>
      </c>
      <c r="D4912" cm="1">
        <f t="array" ref="D4912">IFERROR(INDEX(Jesper!AH$2:AH$366,ROUNDDOWN($C4912/24,0)+1,1)*INDEX($D$3:$AA$30,INDEX(Jesper!$R$2:$R$366,ROW(INDEX(Jesper!AH$2:AH$366,ROUNDDOWN($C4912/24,0)+1,1))-1)+IF('Standard Profiles'!$G$18=$B$10,7,0)+IF('Standard Profiles'!$G$18=$B$17,14,0)+IF('Standard Profiles'!$G$18=$B$24,21,0),MOD($C4912,24)+1)/SUM(INDEX($D$3:$AA$30,INDEX(Jesper!$R$2:$R$366,ROW(INDEX(Jesper!AH$2:AH$366,ROUNDDOWN($C4912/24,0)+1,1))-1)+IF('Standard Profiles'!$G$18=$B$10,7,0)+IF('Standard Profiles'!$G$18=$B$17,14,0)+IF('Standard Profiles'!$G$18=$B$24,21,0),0)),0)</f>
        <v>11.597248455026985</v>
      </c>
      <c r="E4912" cm="1">
        <f t="array" ref="E4912">IFERROR(INDEX(Jesper!AI$2:AI$366,ROUNDDOWN($C4912/24,0)+1,1)*INDEX($D$3:$AA$30,INDEX(Jesper!$R$2:$R$366,ROW(INDEX(Jesper!AI$2:AI$366,ROUNDDOWN($C4912/24,0)+1,1))-1)+IF('Standard Profiles'!$G$19=$B$10,7,0)+IF('Standard Profiles'!$G$19=$B$17,14,0)+IF('Standard Profiles'!$G$19=$B$24,21,0),MOD($C4912,24)+1)/SUM(INDEX($D$3:$AA$30,INDEX(Jesper!$R$2:$R$366,ROW(INDEX(Jesper!AI$2:AI$366,ROUNDDOWN($C4912/24,0)+1,1))-1)+IF('Standard Profiles'!$G$19=$B$10,7,0)+IF('Standard Profiles'!$G$19=$B$17,14,0)+IF('Standard Profiles'!$G$19=$B$24,21,0),0)),0)</f>
        <v>0</v>
      </c>
      <c r="F4912" cm="1">
        <f t="array" ref="F4912">IFERROR(INDEX(Jesper!AJ$2:AJ$366,ROUNDDOWN($C4912/24,0)+1,1)*INDEX($D$3:$AA$30,INDEX(Jesper!$R$2:$R$366,ROW(INDEX(Jesper!AJ$2:AJ$366,ROUNDDOWN($C4912/24,0)+1,1))-1)+IF('Standard Profiles'!$G$20=$B$10,7,0)+IF('Standard Profiles'!$G$20=$B$17,14,0)+IF('Standard Profiles'!$G$20=$B$24,21,0),MOD($C4912,24)+1)/SUM(INDEX($D$3:$AA$30,INDEX(Jesper!$R$2:$R$366,ROW(INDEX(Jesper!AJ$2:AJ$366,ROUNDDOWN($C4912/24,0)+1,1))-1)+IF('Standard Profiles'!$G$20=$B$10,7,0)+IF('Standard Profiles'!$G$20=$B$17,14,0)+IF('Standard Profiles'!$G$20=$B$24,21,0),0)),0)</f>
        <v>0</v>
      </c>
      <c r="G4912" cm="1">
        <f t="array" ref="G4912">IFERROR(INDEX(Jesper!AK$2:AK$366,ROUNDDOWN($C4912/24,0)+1,1)*INDEX($D$3:$AA$30,INDEX(Jesper!$R$2:$R$366,ROW(INDEX(Jesper!AK$2:AK$366,ROUNDDOWN($C4912/24,0)+1,1))-1)+IF('Standard Profiles'!$G$21=$B$10,7,0)+IF('Standard Profiles'!$G$21=$B$17,14,0)+IF('Standard Profiles'!$G$21=$B$24,21,0),MOD($C4912,24)+1)/SUM(INDEX($D$3:$AA$30,INDEX(Jesper!$R$2:$R$366,ROW(INDEX(Jesper!AK$2:AK$366,ROUNDDOWN($C4912/24,0)+1,1))-1)+IF('Standard Profiles'!$G$21=$B$10,7,0)+IF('Standard Profiles'!$G$21=$B$17,14,0)+IF('Standard Profiles'!$G$21=$B$24,21,0),0)),0)</f>
        <v>0</v>
      </c>
      <c r="H4912" cm="1">
        <f t="array" ref="H4912">IFERROR(INDEX(Jesper!AL$2:AL$366,ROUNDDOWN($C4912/24,0)+1,1)*INDEX($D$3:$AA$30,INDEX(Jesper!$R$2:$R$366,ROW(INDEX(Jesper!AL$2:AL$366,ROUNDDOWN($C4912/24,0)+1,1))-1)+IF('Standard Profiles'!$G$22=$B$10,7,0)+IF('Standard Profiles'!$G$22=$B$17,14,0)+IF('Standard Profiles'!$G$22=$B$24,21,0),MOD($C4912,24)+1)/SUM(INDEX($D$3:$AA$30,INDEX(Jesper!$R$2:$R$366,ROW(INDEX(Jesper!AL$2:AL$366,ROUNDDOWN($C4912/24,0)+1,1))-1)+IF('Standard Profiles'!$G$22=$B$10,7,0)+IF('Standard Profiles'!$G$22=$B$17,14,0)+IF('Standard Profiles'!$G$22=$B$24,21,0),0)),0)</f>
        <v>0</v>
      </c>
      <c r="I4912">
        <f t="shared" si="552"/>
        <v>0.34791745365080956</v>
      </c>
      <c r="J4912">
        <f t="shared" si="553"/>
        <v>1.1597248455026985</v>
      </c>
      <c r="K4912">
        <f t="shared" si="554"/>
        <v>1.7395872682540479</v>
      </c>
      <c r="L4912">
        <f t="shared" si="555"/>
        <v>8.350018887619429</v>
      </c>
      <c r="M4912">
        <f t="shared" si="556"/>
        <v>0</v>
      </c>
      <c r="N4912" s="46">
        <f t="shared" si="557"/>
        <v>45495.249999988169</v>
      </c>
    </row>
    <row r="4913" spans="2:14" x14ac:dyDescent="0.3">
      <c r="B4913">
        <f t="shared" si="551"/>
        <v>1</v>
      </c>
      <c r="C4913" s="16">
        <v>4879</v>
      </c>
      <c r="D4913" cm="1">
        <f t="array" ref="D4913">IFERROR(INDEX(Jesper!AH$2:AH$366,ROUNDDOWN($C4913/24,0)+1,1)*INDEX($D$3:$AA$30,INDEX(Jesper!$R$2:$R$366,ROW(INDEX(Jesper!AH$2:AH$366,ROUNDDOWN($C4913/24,0)+1,1))-1)+IF('Standard Profiles'!$G$18=$B$10,7,0)+IF('Standard Profiles'!$G$18=$B$17,14,0)+IF('Standard Profiles'!$G$18=$B$24,21,0),MOD($C4913,24)+1)/SUM(INDEX($D$3:$AA$30,INDEX(Jesper!$R$2:$R$366,ROW(INDEX(Jesper!AH$2:AH$366,ROUNDDOWN($C4913/24,0)+1,1))-1)+IF('Standard Profiles'!$G$18=$B$10,7,0)+IF('Standard Profiles'!$G$18=$B$17,14,0)+IF('Standard Profiles'!$G$18=$B$24,21,0),0)),0)</f>
        <v>11.597248455026985</v>
      </c>
      <c r="E4913" cm="1">
        <f t="array" ref="E4913">IFERROR(INDEX(Jesper!AI$2:AI$366,ROUNDDOWN($C4913/24,0)+1,1)*INDEX($D$3:$AA$30,INDEX(Jesper!$R$2:$R$366,ROW(INDEX(Jesper!AI$2:AI$366,ROUNDDOWN($C4913/24,0)+1,1))-1)+IF('Standard Profiles'!$G$19=$B$10,7,0)+IF('Standard Profiles'!$G$19=$B$17,14,0)+IF('Standard Profiles'!$G$19=$B$24,21,0),MOD($C4913,24)+1)/SUM(INDEX($D$3:$AA$30,INDEX(Jesper!$R$2:$R$366,ROW(INDEX(Jesper!AI$2:AI$366,ROUNDDOWN($C4913/24,0)+1,1))-1)+IF('Standard Profiles'!$G$19=$B$10,7,0)+IF('Standard Profiles'!$G$19=$B$17,14,0)+IF('Standard Profiles'!$G$19=$B$24,21,0),0)),0)</f>
        <v>0</v>
      </c>
      <c r="F4913" cm="1">
        <f t="array" ref="F4913">IFERROR(INDEX(Jesper!AJ$2:AJ$366,ROUNDDOWN($C4913/24,0)+1,1)*INDEX($D$3:$AA$30,INDEX(Jesper!$R$2:$R$366,ROW(INDEX(Jesper!AJ$2:AJ$366,ROUNDDOWN($C4913/24,0)+1,1))-1)+IF('Standard Profiles'!$G$20=$B$10,7,0)+IF('Standard Profiles'!$G$20=$B$17,14,0)+IF('Standard Profiles'!$G$20=$B$24,21,0),MOD($C4913,24)+1)/SUM(INDEX($D$3:$AA$30,INDEX(Jesper!$R$2:$R$366,ROW(INDEX(Jesper!AJ$2:AJ$366,ROUNDDOWN($C4913/24,0)+1,1))-1)+IF('Standard Profiles'!$G$20=$B$10,7,0)+IF('Standard Profiles'!$G$20=$B$17,14,0)+IF('Standard Profiles'!$G$20=$B$24,21,0),0)),0)</f>
        <v>0</v>
      </c>
      <c r="G4913" cm="1">
        <f t="array" ref="G4913">IFERROR(INDEX(Jesper!AK$2:AK$366,ROUNDDOWN($C4913/24,0)+1,1)*INDEX($D$3:$AA$30,INDEX(Jesper!$R$2:$R$366,ROW(INDEX(Jesper!AK$2:AK$366,ROUNDDOWN($C4913/24,0)+1,1))-1)+IF('Standard Profiles'!$G$21=$B$10,7,0)+IF('Standard Profiles'!$G$21=$B$17,14,0)+IF('Standard Profiles'!$G$21=$B$24,21,0),MOD($C4913,24)+1)/SUM(INDEX($D$3:$AA$30,INDEX(Jesper!$R$2:$R$366,ROW(INDEX(Jesper!AK$2:AK$366,ROUNDDOWN($C4913/24,0)+1,1))-1)+IF('Standard Profiles'!$G$21=$B$10,7,0)+IF('Standard Profiles'!$G$21=$B$17,14,0)+IF('Standard Profiles'!$G$21=$B$24,21,0),0)),0)</f>
        <v>0</v>
      </c>
      <c r="H4913" cm="1">
        <f t="array" ref="H4913">IFERROR(INDEX(Jesper!AL$2:AL$366,ROUNDDOWN($C4913/24,0)+1,1)*INDEX($D$3:$AA$30,INDEX(Jesper!$R$2:$R$366,ROW(INDEX(Jesper!AL$2:AL$366,ROUNDDOWN($C4913/24,0)+1,1))-1)+IF('Standard Profiles'!$G$22=$B$10,7,0)+IF('Standard Profiles'!$G$22=$B$17,14,0)+IF('Standard Profiles'!$G$22=$B$24,21,0),MOD($C4913,24)+1)/SUM(INDEX($D$3:$AA$30,INDEX(Jesper!$R$2:$R$366,ROW(INDEX(Jesper!AL$2:AL$366,ROUNDDOWN($C4913/24,0)+1,1))-1)+IF('Standard Profiles'!$G$22=$B$10,7,0)+IF('Standard Profiles'!$G$22=$B$17,14,0)+IF('Standard Profiles'!$G$22=$B$24,21,0),0)),0)</f>
        <v>0</v>
      </c>
      <c r="I4913">
        <f t="shared" si="552"/>
        <v>0.34791745365080956</v>
      </c>
      <c r="J4913">
        <f t="shared" si="553"/>
        <v>1.1597248455026985</v>
      </c>
      <c r="K4913">
        <f t="shared" si="554"/>
        <v>1.7395872682540479</v>
      </c>
      <c r="L4913">
        <f t="shared" si="555"/>
        <v>8.350018887619429</v>
      </c>
      <c r="M4913">
        <f t="shared" si="556"/>
        <v>0</v>
      </c>
      <c r="N4913" s="46">
        <f t="shared" si="557"/>
        <v>45495.291666654834</v>
      </c>
    </row>
    <row r="4914" spans="2:14" x14ac:dyDescent="0.3">
      <c r="B4914">
        <f t="shared" si="551"/>
        <v>1</v>
      </c>
      <c r="C4914" s="16">
        <v>4880</v>
      </c>
      <c r="D4914" cm="1">
        <f t="array" ref="D4914">IFERROR(INDEX(Jesper!AH$2:AH$366,ROUNDDOWN($C4914/24,0)+1,1)*INDEX($D$3:$AA$30,INDEX(Jesper!$R$2:$R$366,ROW(INDEX(Jesper!AH$2:AH$366,ROUNDDOWN($C4914/24,0)+1,1))-1)+IF('Standard Profiles'!$G$18=$B$10,7,0)+IF('Standard Profiles'!$G$18=$B$17,14,0)+IF('Standard Profiles'!$G$18=$B$24,21,0),MOD($C4914,24)+1)/SUM(INDEX($D$3:$AA$30,INDEX(Jesper!$R$2:$R$366,ROW(INDEX(Jesper!AH$2:AH$366,ROUNDDOWN($C4914/24,0)+1,1))-1)+IF('Standard Profiles'!$G$18=$B$10,7,0)+IF('Standard Profiles'!$G$18=$B$17,14,0)+IF('Standard Profiles'!$G$18=$B$24,21,0),0)),0)</f>
        <v>11.597248455026985</v>
      </c>
      <c r="E4914" cm="1">
        <f t="array" ref="E4914">IFERROR(INDEX(Jesper!AI$2:AI$366,ROUNDDOWN($C4914/24,0)+1,1)*INDEX($D$3:$AA$30,INDEX(Jesper!$R$2:$R$366,ROW(INDEX(Jesper!AI$2:AI$366,ROUNDDOWN($C4914/24,0)+1,1))-1)+IF('Standard Profiles'!$G$19=$B$10,7,0)+IF('Standard Profiles'!$G$19=$B$17,14,0)+IF('Standard Profiles'!$G$19=$B$24,21,0),MOD($C4914,24)+1)/SUM(INDEX($D$3:$AA$30,INDEX(Jesper!$R$2:$R$366,ROW(INDEX(Jesper!AI$2:AI$366,ROUNDDOWN($C4914/24,0)+1,1))-1)+IF('Standard Profiles'!$G$19=$B$10,7,0)+IF('Standard Profiles'!$G$19=$B$17,14,0)+IF('Standard Profiles'!$G$19=$B$24,21,0),0)),0)</f>
        <v>0</v>
      </c>
      <c r="F4914" cm="1">
        <f t="array" ref="F4914">IFERROR(INDEX(Jesper!AJ$2:AJ$366,ROUNDDOWN($C4914/24,0)+1,1)*INDEX($D$3:$AA$30,INDEX(Jesper!$R$2:$R$366,ROW(INDEX(Jesper!AJ$2:AJ$366,ROUNDDOWN($C4914/24,0)+1,1))-1)+IF('Standard Profiles'!$G$20=$B$10,7,0)+IF('Standard Profiles'!$G$20=$B$17,14,0)+IF('Standard Profiles'!$G$20=$B$24,21,0),MOD($C4914,24)+1)/SUM(INDEX($D$3:$AA$30,INDEX(Jesper!$R$2:$R$366,ROW(INDEX(Jesper!AJ$2:AJ$366,ROUNDDOWN($C4914/24,0)+1,1))-1)+IF('Standard Profiles'!$G$20=$B$10,7,0)+IF('Standard Profiles'!$G$20=$B$17,14,0)+IF('Standard Profiles'!$G$20=$B$24,21,0),0)),0)</f>
        <v>0</v>
      </c>
      <c r="G4914" cm="1">
        <f t="array" ref="G4914">IFERROR(INDEX(Jesper!AK$2:AK$366,ROUNDDOWN($C4914/24,0)+1,1)*INDEX($D$3:$AA$30,INDEX(Jesper!$R$2:$R$366,ROW(INDEX(Jesper!AK$2:AK$366,ROUNDDOWN($C4914/24,0)+1,1))-1)+IF('Standard Profiles'!$G$21=$B$10,7,0)+IF('Standard Profiles'!$G$21=$B$17,14,0)+IF('Standard Profiles'!$G$21=$B$24,21,0),MOD($C4914,24)+1)/SUM(INDEX($D$3:$AA$30,INDEX(Jesper!$R$2:$R$366,ROW(INDEX(Jesper!AK$2:AK$366,ROUNDDOWN($C4914/24,0)+1,1))-1)+IF('Standard Profiles'!$G$21=$B$10,7,0)+IF('Standard Profiles'!$G$21=$B$17,14,0)+IF('Standard Profiles'!$G$21=$B$24,21,0),0)),0)</f>
        <v>0</v>
      </c>
      <c r="H4914" cm="1">
        <f t="array" ref="H4914">IFERROR(INDEX(Jesper!AL$2:AL$366,ROUNDDOWN($C4914/24,0)+1,1)*INDEX($D$3:$AA$30,INDEX(Jesper!$R$2:$R$366,ROW(INDEX(Jesper!AL$2:AL$366,ROUNDDOWN($C4914/24,0)+1,1))-1)+IF('Standard Profiles'!$G$22=$B$10,7,0)+IF('Standard Profiles'!$G$22=$B$17,14,0)+IF('Standard Profiles'!$G$22=$B$24,21,0),MOD($C4914,24)+1)/SUM(INDEX($D$3:$AA$30,INDEX(Jesper!$R$2:$R$366,ROW(INDEX(Jesper!AL$2:AL$366,ROUNDDOWN($C4914/24,0)+1,1))-1)+IF('Standard Profiles'!$G$22=$B$10,7,0)+IF('Standard Profiles'!$G$22=$B$17,14,0)+IF('Standard Profiles'!$G$22=$B$24,21,0),0)),0)</f>
        <v>0</v>
      </c>
      <c r="I4914">
        <f t="shared" si="552"/>
        <v>0.34791745365080956</v>
      </c>
      <c r="J4914">
        <f t="shared" si="553"/>
        <v>1.1597248455026985</v>
      </c>
      <c r="K4914">
        <f t="shared" si="554"/>
        <v>1.7395872682540479</v>
      </c>
      <c r="L4914">
        <f t="shared" si="555"/>
        <v>8.350018887619429</v>
      </c>
      <c r="M4914">
        <f t="shared" si="556"/>
        <v>0</v>
      </c>
      <c r="N4914" s="46">
        <f t="shared" si="557"/>
        <v>45495.333333321498</v>
      </c>
    </row>
    <row r="4915" spans="2:14" x14ac:dyDescent="0.3">
      <c r="B4915">
        <f t="shared" si="551"/>
        <v>1</v>
      </c>
      <c r="C4915" s="16">
        <v>4881</v>
      </c>
      <c r="D4915" cm="1">
        <f t="array" ref="D4915">IFERROR(INDEX(Jesper!AH$2:AH$366,ROUNDDOWN($C4915/24,0)+1,1)*INDEX($D$3:$AA$30,INDEX(Jesper!$R$2:$R$366,ROW(INDEX(Jesper!AH$2:AH$366,ROUNDDOWN($C4915/24,0)+1,1))-1)+IF('Standard Profiles'!$G$18=$B$10,7,0)+IF('Standard Profiles'!$G$18=$B$17,14,0)+IF('Standard Profiles'!$G$18=$B$24,21,0),MOD($C4915,24)+1)/SUM(INDEX($D$3:$AA$30,INDEX(Jesper!$R$2:$R$366,ROW(INDEX(Jesper!AH$2:AH$366,ROUNDDOWN($C4915/24,0)+1,1))-1)+IF('Standard Profiles'!$G$18=$B$10,7,0)+IF('Standard Profiles'!$G$18=$B$17,14,0)+IF('Standard Profiles'!$G$18=$B$24,21,0),0)),0)</f>
        <v>12.38350258757119</v>
      </c>
      <c r="E4915" cm="1">
        <f t="array" ref="E4915">IFERROR(INDEX(Jesper!AI$2:AI$366,ROUNDDOWN($C4915/24,0)+1,1)*INDEX($D$3:$AA$30,INDEX(Jesper!$R$2:$R$366,ROW(INDEX(Jesper!AI$2:AI$366,ROUNDDOWN($C4915/24,0)+1,1))-1)+IF('Standard Profiles'!$G$19=$B$10,7,0)+IF('Standard Profiles'!$G$19=$B$17,14,0)+IF('Standard Profiles'!$G$19=$B$24,21,0),MOD($C4915,24)+1)/SUM(INDEX($D$3:$AA$30,INDEX(Jesper!$R$2:$R$366,ROW(INDEX(Jesper!AI$2:AI$366,ROUNDDOWN($C4915/24,0)+1,1))-1)+IF('Standard Profiles'!$G$19=$B$10,7,0)+IF('Standard Profiles'!$G$19=$B$17,14,0)+IF('Standard Profiles'!$G$19=$B$24,21,0),0)),0)</f>
        <v>0</v>
      </c>
      <c r="F4915" cm="1">
        <f t="array" ref="F4915">IFERROR(INDEX(Jesper!AJ$2:AJ$366,ROUNDDOWN($C4915/24,0)+1,1)*INDEX($D$3:$AA$30,INDEX(Jesper!$R$2:$R$366,ROW(INDEX(Jesper!AJ$2:AJ$366,ROUNDDOWN($C4915/24,0)+1,1))-1)+IF('Standard Profiles'!$G$20=$B$10,7,0)+IF('Standard Profiles'!$G$20=$B$17,14,0)+IF('Standard Profiles'!$G$20=$B$24,21,0),MOD($C4915,24)+1)/SUM(INDEX($D$3:$AA$30,INDEX(Jesper!$R$2:$R$366,ROW(INDEX(Jesper!AJ$2:AJ$366,ROUNDDOWN($C4915/24,0)+1,1))-1)+IF('Standard Profiles'!$G$20=$B$10,7,0)+IF('Standard Profiles'!$G$20=$B$17,14,0)+IF('Standard Profiles'!$G$20=$B$24,21,0),0)),0)</f>
        <v>0</v>
      </c>
      <c r="G4915" cm="1">
        <f t="array" ref="G4915">IFERROR(INDEX(Jesper!AK$2:AK$366,ROUNDDOWN($C4915/24,0)+1,1)*INDEX($D$3:$AA$30,INDEX(Jesper!$R$2:$R$366,ROW(INDEX(Jesper!AK$2:AK$366,ROUNDDOWN($C4915/24,0)+1,1))-1)+IF('Standard Profiles'!$G$21=$B$10,7,0)+IF('Standard Profiles'!$G$21=$B$17,14,0)+IF('Standard Profiles'!$G$21=$B$24,21,0),MOD($C4915,24)+1)/SUM(INDEX($D$3:$AA$30,INDEX(Jesper!$R$2:$R$366,ROW(INDEX(Jesper!AK$2:AK$366,ROUNDDOWN($C4915/24,0)+1,1))-1)+IF('Standard Profiles'!$G$21=$B$10,7,0)+IF('Standard Profiles'!$G$21=$B$17,14,0)+IF('Standard Profiles'!$G$21=$B$24,21,0),0)),0)</f>
        <v>0</v>
      </c>
      <c r="H4915" cm="1">
        <f t="array" ref="H4915">IFERROR(INDEX(Jesper!AL$2:AL$366,ROUNDDOWN($C4915/24,0)+1,1)*INDEX($D$3:$AA$30,INDEX(Jesper!$R$2:$R$366,ROW(INDEX(Jesper!AL$2:AL$366,ROUNDDOWN($C4915/24,0)+1,1))-1)+IF('Standard Profiles'!$G$22=$B$10,7,0)+IF('Standard Profiles'!$G$22=$B$17,14,0)+IF('Standard Profiles'!$G$22=$B$24,21,0),MOD($C4915,24)+1)/SUM(INDEX($D$3:$AA$30,INDEX(Jesper!$R$2:$R$366,ROW(INDEX(Jesper!AL$2:AL$366,ROUNDDOWN($C4915/24,0)+1,1))-1)+IF('Standard Profiles'!$G$22=$B$10,7,0)+IF('Standard Profiles'!$G$22=$B$17,14,0)+IF('Standard Profiles'!$G$22=$B$24,21,0),0)),0)</f>
        <v>0</v>
      </c>
      <c r="I4915">
        <f t="shared" si="552"/>
        <v>0.37150507762713569</v>
      </c>
      <c r="J4915">
        <f t="shared" si="553"/>
        <v>1.2383502587571191</v>
      </c>
      <c r="K4915">
        <f t="shared" si="554"/>
        <v>1.8575253881356784</v>
      </c>
      <c r="L4915">
        <f t="shared" si="555"/>
        <v>8.9161218630512558</v>
      </c>
      <c r="M4915">
        <f t="shared" si="556"/>
        <v>0</v>
      </c>
      <c r="N4915" s="46">
        <f t="shared" si="557"/>
        <v>45495.374999988162</v>
      </c>
    </row>
    <row r="4916" spans="2:14" x14ac:dyDescent="0.3">
      <c r="B4916">
        <f t="shared" si="551"/>
        <v>1</v>
      </c>
      <c r="C4916" s="16">
        <v>4882</v>
      </c>
      <c r="D4916" cm="1">
        <f t="array" ref="D4916">IFERROR(INDEX(Jesper!AH$2:AH$366,ROUNDDOWN($C4916/24,0)+1,1)*INDEX($D$3:$AA$30,INDEX(Jesper!$R$2:$R$366,ROW(INDEX(Jesper!AH$2:AH$366,ROUNDDOWN($C4916/24,0)+1,1))-1)+IF('Standard Profiles'!$G$18=$B$10,7,0)+IF('Standard Profiles'!$G$18=$B$17,14,0)+IF('Standard Profiles'!$G$18=$B$24,21,0),MOD($C4916,24)+1)/SUM(INDEX($D$3:$AA$30,INDEX(Jesper!$R$2:$R$366,ROW(INDEX(Jesper!AH$2:AH$366,ROUNDDOWN($C4916/24,0)+1,1))-1)+IF('Standard Profiles'!$G$18=$B$10,7,0)+IF('Standard Profiles'!$G$18=$B$17,14,0)+IF('Standard Profiles'!$G$18=$B$24,21,0),0)),0)</f>
        <v>12.38350258757119</v>
      </c>
      <c r="E4916" cm="1">
        <f t="array" ref="E4916">IFERROR(INDEX(Jesper!AI$2:AI$366,ROUNDDOWN($C4916/24,0)+1,1)*INDEX($D$3:$AA$30,INDEX(Jesper!$R$2:$R$366,ROW(INDEX(Jesper!AI$2:AI$366,ROUNDDOWN($C4916/24,0)+1,1))-1)+IF('Standard Profiles'!$G$19=$B$10,7,0)+IF('Standard Profiles'!$G$19=$B$17,14,0)+IF('Standard Profiles'!$G$19=$B$24,21,0),MOD($C4916,24)+1)/SUM(INDEX($D$3:$AA$30,INDEX(Jesper!$R$2:$R$366,ROW(INDEX(Jesper!AI$2:AI$366,ROUNDDOWN($C4916/24,0)+1,1))-1)+IF('Standard Profiles'!$G$19=$B$10,7,0)+IF('Standard Profiles'!$G$19=$B$17,14,0)+IF('Standard Profiles'!$G$19=$B$24,21,0),0)),0)</f>
        <v>0</v>
      </c>
      <c r="F4916" cm="1">
        <f t="array" ref="F4916">IFERROR(INDEX(Jesper!AJ$2:AJ$366,ROUNDDOWN($C4916/24,0)+1,1)*INDEX($D$3:$AA$30,INDEX(Jesper!$R$2:$R$366,ROW(INDEX(Jesper!AJ$2:AJ$366,ROUNDDOWN($C4916/24,0)+1,1))-1)+IF('Standard Profiles'!$G$20=$B$10,7,0)+IF('Standard Profiles'!$G$20=$B$17,14,0)+IF('Standard Profiles'!$G$20=$B$24,21,0),MOD($C4916,24)+1)/SUM(INDEX($D$3:$AA$30,INDEX(Jesper!$R$2:$R$366,ROW(INDEX(Jesper!AJ$2:AJ$366,ROUNDDOWN($C4916/24,0)+1,1))-1)+IF('Standard Profiles'!$G$20=$B$10,7,0)+IF('Standard Profiles'!$G$20=$B$17,14,0)+IF('Standard Profiles'!$G$20=$B$24,21,0),0)),0)</f>
        <v>0</v>
      </c>
      <c r="G4916" cm="1">
        <f t="array" ref="G4916">IFERROR(INDEX(Jesper!AK$2:AK$366,ROUNDDOWN($C4916/24,0)+1,1)*INDEX($D$3:$AA$30,INDEX(Jesper!$R$2:$R$366,ROW(INDEX(Jesper!AK$2:AK$366,ROUNDDOWN($C4916/24,0)+1,1))-1)+IF('Standard Profiles'!$G$21=$B$10,7,0)+IF('Standard Profiles'!$G$21=$B$17,14,0)+IF('Standard Profiles'!$G$21=$B$24,21,0),MOD($C4916,24)+1)/SUM(INDEX($D$3:$AA$30,INDEX(Jesper!$R$2:$R$366,ROW(INDEX(Jesper!AK$2:AK$366,ROUNDDOWN($C4916/24,0)+1,1))-1)+IF('Standard Profiles'!$G$21=$B$10,7,0)+IF('Standard Profiles'!$G$21=$B$17,14,0)+IF('Standard Profiles'!$G$21=$B$24,21,0),0)),0)</f>
        <v>0</v>
      </c>
      <c r="H4916" cm="1">
        <f t="array" ref="H4916">IFERROR(INDEX(Jesper!AL$2:AL$366,ROUNDDOWN($C4916/24,0)+1,1)*INDEX($D$3:$AA$30,INDEX(Jesper!$R$2:$R$366,ROW(INDEX(Jesper!AL$2:AL$366,ROUNDDOWN($C4916/24,0)+1,1))-1)+IF('Standard Profiles'!$G$22=$B$10,7,0)+IF('Standard Profiles'!$G$22=$B$17,14,0)+IF('Standard Profiles'!$G$22=$B$24,21,0),MOD($C4916,24)+1)/SUM(INDEX($D$3:$AA$30,INDEX(Jesper!$R$2:$R$366,ROW(INDEX(Jesper!AL$2:AL$366,ROUNDDOWN($C4916/24,0)+1,1))-1)+IF('Standard Profiles'!$G$22=$B$10,7,0)+IF('Standard Profiles'!$G$22=$B$17,14,0)+IF('Standard Profiles'!$G$22=$B$24,21,0),0)),0)</f>
        <v>0</v>
      </c>
      <c r="I4916">
        <f t="shared" si="552"/>
        <v>0.37150507762713569</v>
      </c>
      <c r="J4916">
        <f t="shared" si="553"/>
        <v>1.2383502587571191</v>
      </c>
      <c r="K4916">
        <f t="shared" si="554"/>
        <v>1.8575253881356784</v>
      </c>
      <c r="L4916">
        <f t="shared" si="555"/>
        <v>8.9161218630512558</v>
      </c>
      <c r="M4916">
        <f t="shared" si="556"/>
        <v>0</v>
      </c>
      <c r="N4916" s="46">
        <f t="shared" si="557"/>
        <v>45495.416666654826</v>
      </c>
    </row>
    <row r="4917" spans="2:14" x14ac:dyDescent="0.3">
      <c r="B4917">
        <f t="shared" si="551"/>
        <v>1</v>
      </c>
      <c r="C4917" s="16">
        <v>4883</v>
      </c>
      <c r="D4917" cm="1">
        <f t="array" ref="D4917">IFERROR(INDEX(Jesper!AH$2:AH$366,ROUNDDOWN($C4917/24,0)+1,1)*INDEX($D$3:$AA$30,INDEX(Jesper!$R$2:$R$366,ROW(INDEX(Jesper!AH$2:AH$366,ROUNDDOWN($C4917/24,0)+1,1))-1)+IF('Standard Profiles'!$G$18=$B$10,7,0)+IF('Standard Profiles'!$G$18=$B$17,14,0)+IF('Standard Profiles'!$G$18=$B$24,21,0),MOD($C4917,24)+1)/SUM(INDEX($D$3:$AA$30,INDEX(Jesper!$R$2:$R$366,ROW(INDEX(Jesper!AH$2:AH$366,ROUNDDOWN($C4917/24,0)+1,1))-1)+IF('Standard Profiles'!$G$18=$B$10,7,0)+IF('Standard Profiles'!$G$18=$B$17,14,0)+IF('Standard Profiles'!$G$18=$B$24,21,0),0)),0)</f>
        <v>15.725082650884051</v>
      </c>
      <c r="E4917" cm="1">
        <f t="array" ref="E4917">IFERROR(INDEX(Jesper!AI$2:AI$366,ROUNDDOWN($C4917/24,0)+1,1)*INDEX($D$3:$AA$30,INDEX(Jesper!$R$2:$R$366,ROW(INDEX(Jesper!AI$2:AI$366,ROUNDDOWN($C4917/24,0)+1,1))-1)+IF('Standard Profiles'!$G$19=$B$10,7,0)+IF('Standard Profiles'!$G$19=$B$17,14,0)+IF('Standard Profiles'!$G$19=$B$24,21,0),MOD($C4917,24)+1)/SUM(INDEX($D$3:$AA$30,INDEX(Jesper!$R$2:$R$366,ROW(INDEX(Jesper!AI$2:AI$366,ROUNDDOWN($C4917/24,0)+1,1))-1)+IF('Standard Profiles'!$G$19=$B$10,7,0)+IF('Standard Profiles'!$G$19=$B$17,14,0)+IF('Standard Profiles'!$G$19=$B$24,21,0),0)),0)</f>
        <v>0</v>
      </c>
      <c r="F4917" cm="1">
        <f t="array" ref="F4917">IFERROR(INDEX(Jesper!AJ$2:AJ$366,ROUNDDOWN($C4917/24,0)+1,1)*INDEX($D$3:$AA$30,INDEX(Jesper!$R$2:$R$366,ROW(INDEX(Jesper!AJ$2:AJ$366,ROUNDDOWN($C4917/24,0)+1,1))-1)+IF('Standard Profiles'!$G$20=$B$10,7,0)+IF('Standard Profiles'!$G$20=$B$17,14,0)+IF('Standard Profiles'!$G$20=$B$24,21,0),MOD($C4917,24)+1)/SUM(INDEX($D$3:$AA$30,INDEX(Jesper!$R$2:$R$366,ROW(INDEX(Jesper!AJ$2:AJ$366,ROUNDDOWN($C4917/24,0)+1,1))-1)+IF('Standard Profiles'!$G$20=$B$10,7,0)+IF('Standard Profiles'!$G$20=$B$17,14,0)+IF('Standard Profiles'!$G$20=$B$24,21,0),0)),0)</f>
        <v>0</v>
      </c>
      <c r="G4917" cm="1">
        <f t="array" ref="G4917">IFERROR(INDEX(Jesper!AK$2:AK$366,ROUNDDOWN($C4917/24,0)+1,1)*INDEX($D$3:$AA$30,INDEX(Jesper!$R$2:$R$366,ROW(INDEX(Jesper!AK$2:AK$366,ROUNDDOWN($C4917/24,0)+1,1))-1)+IF('Standard Profiles'!$G$21=$B$10,7,0)+IF('Standard Profiles'!$G$21=$B$17,14,0)+IF('Standard Profiles'!$G$21=$B$24,21,0),MOD($C4917,24)+1)/SUM(INDEX($D$3:$AA$30,INDEX(Jesper!$R$2:$R$366,ROW(INDEX(Jesper!AK$2:AK$366,ROUNDDOWN($C4917/24,0)+1,1))-1)+IF('Standard Profiles'!$G$21=$B$10,7,0)+IF('Standard Profiles'!$G$21=$B$17,14,0)+IF('Standard Profiles'!$G$21=$B$24,21,0),0)),0)</f>
        <v>0</v>
      </c>
      <c r="H4917" cm="1">
        <f t="array" ref="H4917">IFERROR(INDEX(Jesper!AL$2:AL$366,ROUNDDOWN($C4917/24,0)+1,1)*INDEX($D$3:$AA$30,INDEX(Jesper!$R$2:$R$366,ROW(INDEX(Jesper!AL$2:AL$366,ROUNDDOWN($C4917/24,0)+1,1))-1)+IF('Standard Profiles'!$G$22=$B$10,7,0)+IF('Standard Profiles'!$G$22=$B$17,14,0)+IF('Standard Profiles'!$G$22=$B$24,21,0),MOD($C4917,24)+1)/SUM(INDEX($D$3:$AA$30,INDEX(Jesper!$R$2:$R$366,ROW(INDEX(Jesper!AL$2:AL$366,ROUNDDOWN($C4917/24,0)+1,1))-1)+IF('Standard Profiles'!$G$22=$B$10,7,0)+IF('Standard Profiles'!$G$22=$B$17,14,0)+IF('Standard Profiles'!$G$22=$B$24,21,0),0)),0)</f>
        <v>0</v>
      </c>
      <c r="I4917">
        <f t="shared" si="552"/>
        <v>0.4717524795265215</v>
      </c>
      <c r="J4917">
        <f t="shared" si="553"/>
        <v>1.5725082650884052</v>
      </c>
      <c r="K4917">
        <f t="shared" si="554"/>
        <v>2.3587623976326078</v>
      </c>
      <c r="L4917">
        <f t="shared" si="555"/>
        <v>11.322059508636517</v>
      </c>
      <c r="M4917">
        <f t="shared" si="556"/>
        <v>0</v>
      </c>
      <c r="N4917" s="46">
        <f t="shared" si="557"/>
        <v>45495.45833332149</v>
      </c>
    </row>
    <row r="4918" spans="2:14" x14ac:dyDescent="0.3">
      <c r="B4918">
        <f t="shared" si="551"/>
        <v>1</v>
      </c>
      <c r="C4918" s="16">
        <v>4884</v>
      </c>
      <c r="D4918" cm="1">
        <f t="array" ref="D4918">IFERROR(INDEX(Jesper!AH$2:AH$366,ROUNDDOWN($C4918/24,0)+1,1)*INDEX($D$3:$AA$30,INDEX(Jesper!$R$2:$R$366,ROW(INDEX(Jesper!AH$2:AH$366,ROUNDDOWN($C4918/24,0)+1,1))-1)+IF('Standard Profiles'!$G$18=$B$10,7,0)+IF('Standard Profiles'!$G$18=$B$17,14,0)+IF('Standard Profiles'!$G$18=$B$24,21,0),MOD($C4918,24)+1)/SUM(INDEX($D$3:$AA$30,INDEX(Jesper!$R$2:$R$366,ROW(INDEX(Jesper!AH$2:AH$366,ROUNDDOWN($C4918/24,0)+1,1))-1)+IF('Standard Profiles'!$G$18=$B$10,7,0)+IF('Standard Profiles'!$G$18=$B$17,14,0)+IF('Standard Profiles'!$G$18=$B$24,21,0),0)),0)</f>
        <v>15.725082650884051</v>
      </c>
      <c r="E4918" cm="1">
        <f t="array" ref="E4918">IFERROR(INDEX(Jesper!AI$2:AI$366,ROUNDDOWN($C4918/24,0)+1,1)*INDEX($D$3:$AA$30,INDEX(Jesper!$R$2:$R$366,ROW(INDEX(Jesper!AI$2:AI$366,ROUNDDOWN($C4918/24,0)+1,1))-1)+IF('Standard Profiles'!$G$19=$B$10,7,0)+IF('Standard Profiles'!$G$19=$B$17,14,0)+IF('Standard Profiles'!$G$19=$B$24,21,0),MOD($C4918,24)+1)/SUM(INDEX($D$3:$AA$30,INDEX(Jesper!$R$2:$R$366,ROW(INDEX(Jesper!AI$2:AI$366,ROUNDDOWN($C4918/24,0)+1,1))-1)+IF('Standard Profiles'!$G$19=$B$10,7,0)+IF('Standard Profiles'!$G$19=$B$17,14,0)+IF('Standard Profiles'!$G$19=$B$24,21,0),0)),0)</f>
        <v>0</v>
      </c>
      <c r="F4918" cm="1">
        <f t="array" ref="F4918">IFERROR(INDEX(Jesper!AJ$2:AJ$366,ROUNDDOWN($C4918/24,0)+1,1)*INDEX($D$3:$AA$30,INDEX(Jesper!$R$2:$R$366,ROW(INDEX(Jesper!AJ$2:AJ$366,ROUNDDOWN($C4918/24,0)+1,1))-1)+IF('Standard Profiles'!$G$20=$B$10,7,0)+IF('Standard Profiles'!$G$20=$B$17,14,0)+IF('Standard Profiles'!$G$20=$B$24,21,0),MOD($C4918,24)+1)/SUM(INDEX($D$3:$AA$30,INDEX(Jesper!$R$2:$R$366,ROW(INDEX(Jesper!AJ$2:AJ$366,ROUNDDOWN($C4918/24,0)+1,1))-1)+IF('Standard Profiles'!$G$20=$B$10,7,0)+IF('Standard Profiles'!$G$20=$B$17,14,0)+IF('Standard Profiles'!$G$20=$B$24,21,0),0)),0)</f>
        <v>0</v>
      </c>
      <c r="G4918" cm="1">
        <f t="array" ref="G4918">IFERROR(INDEX(Jesper!AK$2:AK$366,ROUNDDOWN($C4918/24,0)+1,1)*INDEX($D$3:$AA$30,INDEX(Jesper!$R$2:$R$366,ROW(INDEX(Jesper!AK$2:AK$366,ROUNDDOWN($C4918/24,0)+1,1))-1)+IF('Standard Profiles'!$G$21=$B$10,7,0)+IF('Standard Profiles'!$G$21=$B$17,14,0)+IF('Standard Profiles'!$G$21=$B$24,21,0),MOD($C4918,24)+1)/SUM(INDEX($D$3:$AA$30,INDEX(Jesper!$R$2:$R$366,ROW(INDEX(Jesper!AK$2:AK$366,ROUNDDOWN($C4918/24,0)+1,1))-1)+IF('Standard Profiles'!$G$21=$B$10,7,0)+IF('Standard Profiles'!$G$21=$B$17,14,0)+IF('Standard Profiles'!$G$21=$B$24,21,0),0)),0)</f>
        <v>0</v>
      </c>
      <c r="H4918" cm="1">
        <f t="array" ref="H4918">IFERROR(INDEX(Jesper!AL$2:AL$366,ROUNDDOWN($C4918/24,0)+1,1)*INDEX($D$3:$AA$30,INDEX(Jesper!$R$2:$R$366,ROW(INDEX(Jesper!AL$2:AL$366,ROUNDDOWN($C4918/24,0)+1,1))-1)+IF('Standard Profiles'!$G$22=$B$10,7,0)+IF('Standard Profiles'!$G$22=$B$17,14,0)+IF('Standard Profiles'!$G$22=$B$24,21,0),MOD($C4918,24)+1)/SUM(INDEX($D$3:$AA$30,INDEX(Jesper!$R$2:$R$366,ROW(INDEX(Jesper!AL$2:AL$366,ROUNDDOWN($C4918/24,0)+1,1))-1)+IF('Standard Profiles'!$G$22=$B$10,7,0)+IF('Standard Profiles'!$G$22=$B$17,14,0)+IF('Standard Profiles'!$G$22=$B$24,21,0),0)),0)</f>
        <v>0</v>
      </c>
      <c r="I4918">
        <f t="shared" si="552"/>
        <v>0.4717524795265215</v>
      </c>
      <c r="J4918">
        <f t="shared" si="553"/>
        <v>1.5725082650884052</v>
      </c>
      <c r="K4918">
        <f t="shared" si="554"/>
        <v>2.3587623976326078</v>
      </c>
      <c r="L4918">
        <f t="shared" si="555"/>
        <v>11.322059508636517</v>
      </c>
      <c r="M4918">
        <f t="shared" si="556"/>
        <v>0</v>
      </c>
      <c r="N4918" s="46">
        <f t="shared" si="557"/>
        <v>45495.499999988155</v>
      </c>
    </row>
    <row r="4919" spans="2:14" x14ac:dyDescent="0.3">
      <c r="B4919">
        <f t="shared" si="551"/>
        <v>1</v>
      </c>
      <c r="C4919" s="16">
        <v>4885</v>
      </c>
      <c r="D4919" cm="1">
        <f t="array" ref="D4919">IFERROR(INDEX(Jesper!AH$2:AH$366,ROUNDDOWN($C4919/24,0)+1,1)*INDEX($D$3:$AA$30,INDEX(Jesper!$R$2:$R$366,ROW(INDEX(Jesper!AH$2:AH$366,ROUNDDOWN($C4919/24,0)+1,1))-1)+IF('Standard Profiles'!$G$18=$B$10,7,0)+IF('Standard Profiles'!$G$18=$B$17,14,0)+IF('Standard Profiles'!$G$18=$B$24,21,0),MOD($C4919,24)+1)/SUM(INDEX($D$3:$AA$30,INDEX(Jesper!$R$2:$R$366,ROW(INDEX(Jesper!AH$2:AH$366,ROUNDDOWN($C4919/24,0)+1,1))-1)+IF('Standard Profiles'!$G$18=$B$10,7,0)+IF('Standard Profiles'!$G$18=$B$17,14,0)+IF('Standard Profiles'!$G$18=$B$24,21,0),0)),0)</f>
        <v>10.417867256210684</v>
      </c>
      <c r="E4919" cm="1">
        <f t="array" ref="E4919">IFERROR(INDEX(Jesper!AI$2:AI$366,ROUNDDOWN($C4919/24,0)+1,1)*INDEX($D$3:$AA$30,INDEX(Jesper!$R$2:$R$366,ROW(INDEX(Jesper!AI$2:AI$366,ROUNDDOWN($C4919/24,0)+1,1))-1)+IF('Standard Profiles'!$G$19=$B$10,7,0)+IF('Standard Profiles'!$G$19=$B$17,14,0)+IF('Standard Profiles'!$G$19=$B$24,21,0),MOD($C4919,24)+1)/SUM(INDEX($D$3:$AA$30,INDEX(Jesper!$R$2:$R$366,ROW(INDEX(Jesper!AI$2:AI$366,ROUNDDOWN($C4919/24,0)+1,1))-1)+IF('Standard Profiles'!$G$19=$B$10,7,0)+IF('Standard Profiles'!$G$19=$B$17,14,0)+IF('Standard Profiles'!$G$19=$B$24,21,0),0)),0)</f>
        <v>0</v>
      </c>
      <c r="F4919" cm="1">
        <f t="array" ref="F4919">IFERROR(INDEX(Jesper!AJ$2:AJ$366,ROUNDDOWN($C4919/24,0)+1,1)*INDEX($D$3:$AA$30,INDEX(Jesper!$R$2:$R$366,ROW(INDEX(Jesper!AJ$2:AJ$366,ROUNDDOWN($C4919/24,0)+1,1))-1)+IF('Standard Profiles'!$G$20=$B$10,7,0)+IF('Standard Profiles'!$G$20=$B$17,14,0)+IF('Standard Profiles'!$G$20=$B$24,21,0),MOD($C4919,24)+1)/SUM(INDEX($D$3:$AA$30,INDEX(Jesper!$R$2:$R$366,ROW(INDEX(Jesper!AJ$2:AJ$366,ROUNDDOWN($C4919/24,0)+1,1))-1)+IF('Standard Profiles'!$G$20=$B$10,7,0)+IF('Standard Profiles'!$G$20=$B$17,14,0)+IF('Standard Profiles'!$G$20=$B$24,21,0),0)),0)</f>
        <v>0</v>
      </c>
      <c r="G4919" cm="1">
        <f t="array" ref="G4919">IFERROR(INDEX(Jesper!AK$2:AK$366,ROUNDDOWN($C4919/24,0)+1,1)*INDEX($D$3:$AA$30,INDEX(Jesper!$R$2:$R$366,ROW(INDEX(Jesper!AK$2:AK$366,ROUNDDOWN($C4919/24,0)+1,1))-1)+IF('Standard Profiles'!$G$21=$B$10,7,0)+IF('Standard Profiles'!$G$21=$B$17,14,0)+IF('Standard Profiles'!$G$21=$B$24,21,0),MOD($C4919,24)+1)/SUM(INDEX($D$3:$AA$30,INDEX(Jesper!$R$2:$R$366,ROW(INDEX(Jesper!AK$2:AK$366,ROUNDDOWN($C4919/24,0)+1,1))-1)+IF('Standard Profiles'!$G$21=$B$10,7,0)+IF('Standard Profiles'!$G$21=$B$17,14,0)+IF('Standard Profiles'!$G$21=$B$24,21,0),0)),0)</f>
        <v>0</v>
      </c>
      <c r="H4919" cm="1">
        <f t="array" ref="H4919">IFERROR(INDEX(Jesper!AL$2:AL$366,ROUNDDOWN($C4919/24,0)+1,1)*INDEX($D$3:$AA$30,INDEX(Jesper!$R$2:$R$366,ROW(INDEX(Jesper!AL$2:AL$366,ROUNDDOWN($C4919/24,0)+1,1))-1)+IF('Standard Profiles'!$G$22=$B$10,7,0)+IF('Standard Profiles'!$G$22=$B$17,14,0)+IF('Standard Profiles'!$G$22=$B$24,21,0),MOD($C4919,24)+1)/SUM(INDEX($D$3:$AA$30,INDEX(Jesper!$R$2:$R$366,ROW(INDEX(Jesper!AL$2:AL$366,ROUNDDOWN($C4919/24,0)+1,1))-1)+IF('Standard Profiles'!$G$22=$B$10,7,0)+IF('Standard Profiles'!$G$22=$B$17,14,0)+IF('Standard Profiles'!$G$22=$B$24,21,0),0)),0)</f>
        <v>0</v>
      </c>
      <c r="I4919">
        <f t="shared" si="552"/>
        <v>0.3125360176863205</v>
      </c>
      <c r="J4919">
        <f t="shared" si="553"/>
        <v>1.0417867256210684</v>
      </c>
      <c r="K4919">
        <f t="shared" si="554"/>
        <v>1.5626800884316026</v>
      </c>
      <c r="L4919">
        <f t="shared" si="555"/>
        <v>7.5008644244716924</v>
      </c>
      <c r="M4919">
        <f t="shared" si="556"/>
        <v>0</v>
      </c>
      <c r="N4919" s="46">
        <f t="shared" si="557"/>
        <v>45495.541666654819</v>
      </c>
    </row>
    <row r="4920" spans="2:14" x14ac:dyDescent="0.3">
      <c r="B4920">
        <f t="shared" si="551"/>
        <v>1</v>
      </c>
      <c r="C4920" s="16">
        <v>4886</v>
      </c>
      <c r="D4920" cm="1">
        <f t="array" ref="D4920">IFERROR(INDEX(Jesper!AH$2:AH$366,ROUNDDOWN($C4920/24,0)+1,1)*INDEX($D$3:$AA$30,INDEX(Jesper!$R$2:$R$366,ROW(INDEX(Jesper!AH$2:AH$366,ROUNDDOWN($C4920/24,0)+1,1))-1)+IF('Standard Profiles'!$G$18=$B$10,7,0)+IF('Standard Profiles'!$G$18=$B$17,14,0)+IF('Standard Profiles'!$G$18=$B$24,21,0),MOD($C4920,24)+1)/SUM(INDEX($D$3:$AA$30,INDEX(Jesper!$R$2:$R$366,ROW(INDEX(Jesper!AH$2:AH$366,ROUNDDOWN($C4920/24,0)+1,1))-1)+IF('Standard Profiles'!$G$18=$B$10,7,0)+IF('Standard Profiles'!$G$18=$B$17,14,0)+IF('Standard Profiles'!$G$18=$B$24,21,0),0)),0)</f>
        <v>15.725082650884051</v>
      </c>
      <c r="E4920" cm="1">
        <f t="array" ref="E4920">IFERROR(INDEX(Jesper!AI$2:AI$366,ROUNDDOWN($C4920/24,0)+1,1)*INDEX($D$3:$AA$30,INDEX(Jesper!$R$2:$R$366,ROW(INDEX(Jesper!AI$2:AI$366,ROUNDDOWN($C4920/24,0)+1,1))-1)+IF('Standard Profiles'!$G$19=$B$10,7,0)+IF('Standard Profiles'!$G$19=$B$17,14,0)+IF('Standard Profiles'!$G$19=$B$24,21,0),MOD($C4920,24)+1)/SUM(INDEX($D$3:$AA$30,INDEX(Jesper!$R$2:$R$366,ROW(INDEX(Jesper!AI$2:AI$366,ROUNDDOWN($C4920/24,0)+1,1))-1)+IF('Standard Profiles'!$G$19=$B$10,7,0)+IF('Standard Profiles'!$G$19=$B$17,14,0)+IF('Standard Profiles'!$G$19=$B$24,21,0),0)),0)</f>
        <v>0</v>
      </c>
      <c r="F4920" cm="1">
        <f t="array" ref="F4920">IFERROR(INDEX(Jesper!AJ$2:AJ$366,ROUNDDOWN($C4920/24,0)+1,1)*INDEX($D$3:$AA$30,INDEX(Jesper!$R$2:$R$366,ROW(INDEX(Jesper!AJ$2:AJ$366,ROUNDDOWN($C4920/24,0)+1,1))-1)+IF('Standard Profiles'!$G$20=$B$10,7,0)+IF('Standard Profiles'!$G$20=$B$17,14,0)+IF('Standard Profiles'!$G$20=$B$24,21,0),MOD($C4920,24)+1)/SUM(INDEX($D$3:$AA$30,INDEX(Jesper!$R$2:$R$366,ROW(INDEX(Jesper!AJ$2:AJ$366,ROUNDDOWN($C4920/24,0)+1,1))-1)+IF('Standard Profiles'!$G$20=$B$10,7,0)+IF('Standard Profiles'!$G$20=$B$17,14,0)+IF('Standard Profiles'!$G$20=$B$24,21,0),0)),0)</f>
        <v>0</v>
      </c>
      <c r="G4920" cm="1">
        <f t="array" ref="G4920">IFERROR(INDEX(Jesper!AK$2:AK$366,ROUNDDOWN($C4920/24,0)+1,1)*INDEX($D$3:$AA$30,INDEX(Jesper!$R$2:$R$366,ROW(INDEX(Jesper!AK$2:AK$366,ROUNDDOWN($C4920/24,0)+1,1))-1)+IF('Standard Profiles'!$G$21=$B$10,7,0)+IF('Standard Profiles'!$G$21=$B$17,14,0)+IF('Standard Profiles'!$G$21=$B$24,21,0),MOD($C4920,24)+1)/SUM(INDEX($D$3:$AA$30,INDEX(Jesper!$R$2:$R$366,ROW(INDEX(Jesper!AK$2:AK$366,ROUNDDOWN($C4920/24,0)+1,1))-1)+IF('Standard Profiles'!$G$21=$B$10,7,0)+IF('Standard Profiles'!$G$21=$B$17,14,0)+IF('Standard Profiles'!$G$21=$B$24,21,0),0)),0)</f>
        <v>0</v>
      </c>
      <c r="H4920" cm="1">
        <f t="array" ref="H4920">IFERROR(INDEX(Jesper!AL$2:AL$366,ROUNDDOWN($C4920/24,0)+1,1)*INDEX($D$3:$AA$30,INDEX(Jesper!$R$2:$R$366,ROW(INDEX(Jesper!AL$2:AL$366,ROUNDDOWN($C4920/24,0)+1,1))-1)+IF('Standard Profiles'!$G$22=$B$10,7,0)+IF('Standard Profiles'!$G$22=$B$17,14,0)+IF('Standard Profiles'!$G$22=$B$24,21,0),MOD($C4920,24)+1)/SUM(INDEX($D$3:$AA$30,INDEX(Jesper!$R$2:$R$366,ROW(INDEX(Jesper!AL$2:AL$366,ROUNDDOWN($C4920/24,0)+1,1))-1)+IF('Standard Profiles'!$G$22=$B$10,7,0)+IF('Standard Profiles'!$G$22=$B$17,14,0)+IF('Standard Profiles'!$G$22=$B$24,21,0),0)),0)</f>
        <v>0</v>
      </c>
      <c r="I4920">
        <f t="shared" si="552"/>
        <v>0.4717524795265215</v>
      </c>
      <c r="J4920">
        <f t="shared" si="553"/>
        <v>1.5725082650884052</v>
      </c>
      <c r="K4920">
        <f t="shared" si="554"/>
        <v>2.3587623976326078</v>
      </c>
      <c r="L4920">
        <f t="shared" si="555"/>
        <v>11.322059508636517</v>
      </c>
      <c r="M4920">
        <f t="shared" si="556"/>
        <v>0</v>
      </c>
      <c r="N4920" s="46">
        <f t="shared" si="557"/>
        <v>45495.583333321483</v>
      </c>
    </row>
    <row r="4921" spans="2:14" x14ac:dyDescent="0.3">
      <c r="B4921">
        <f t="shared" si="551"/>
        <v>1</v>
      </c>
      <c r="C4921" s="16">
        <v>4887</v>
      </c>
      <c r="D4921" cm="1">
        <f t="array" ref="D4921">IFERROR(INDEX(Jesper!AH$2:AH$366,ROUNDDOWN($C4921/24,0)+1,1)*INDEX($D$3:$AA$30,INDEX(Jesper!$R$2:$R$366,ROW(INDEX(Jesper!AH$2:AH$366,ROUNDDOWN($C4921/24,0)+1,1))-1)+IF('Standard Profiles'!$G$18=$B$10,7,0)+IF('Standard Profiles'!$G$18=$B$17,14,0)+IF('Standard Profiles'!$G$18=$B$24,21,0),MOD($C4921,24)+1)/SUM(INDEX($D$3:$AA$30,INDEX(Jesper!$R$2:$R$366,ROW(INDEX(Jesper!AH$2:AH$366,ROUNDDOWN($C4921/24,0)+1,1))-1)+IF('Standard Profiles'!$G$18=$B$10,7,0)+IF('Standard Profiles'!$G$18=$B$17,14,0)+IF('Standard Profiles'!$G$18=$B$24,21,0),0)),0)</f>
        <v>15.725082650884051</v>
      </c>
      <c r="E4921" cm="1">
        <f t="array" ref="E4921">IFERROR(INDEX(Jesper!AI$2:AI$366,ROUNDDOWN($C4921/24,0)+1,1)*INDEX($D$3:$AA$30,INDEX(Jesper!$R$2:$R$366,ROW(INDEX(Jesper!AI$2:AI$366,ROUNDDOWN($C4921/24,0)+1,1))-1)+IF('Standard Profiles'!$G$19=$B$10,7,0)+IF('Standard Profiles'!$G$19=$B$17,14,0)+IF('Standard Profiles'!$G$19=$B$24,21,0),MOD($C4921,24)+1)/SUM(INDEX($D$3:$AA$30,INDEX(Jesper!$R$2:$R$366,ROW(INDEX(Jesper!AI$2:AI$366,ROUNDDOWN($C4921/24,0)+1,1))-1)+IF('Standard Profiles'!$G$19=$B$10,7,0)+IF('Standard Profiles'!$G$19=$B$17,14,0)+IF('Standard Profiles'!$G$19=$B$24,21,0),0)),0)</f>
        <v>0</v>
      </c>
      <c r="F4921" cm="1">
        <f t="array" ref="F4921">IFERROR(INDEX(Jesper!AJ$2:AJ$366,ROUNDDOWN($C4921/24,0)+1,1)*INDEX($D$3:$AA$30,INDEX(Jesper!$R$2:$R$366,ROW(INDEX(Jesper!AJ$2:AJ$366,ROUNDDOWN($C4921/24,0)+1,1))-1)+IF('Standard Profiles'!$G$20=$B$10,7,0)+IF('Standard Profiles'!$G$20=$B$17,14,0)+IF('Standard Profiles'!$G$20=$B$24,21,0),MOD($C4921,24)+1)/SUM(INDEX($D$3:$AA$30,INDEX(Jesper!$R$2:$R$366,ROW(INDEX(Jesper!AJ$2:AJ$366,ROUNDDOWN($C4921/24,0)+1,1))-1)+IF('Standard Profiles'!$G$20=$B$10,7,0)+IF('Standard Profiles'!$G$20=$B$17,14,0)+IF('Standard Profiles'!$G$20=$B$24,21,0),0)),0)</f>
        <v>0</v>
      </c>
      <c r="G4921" cm="1">
        <f t="array" ref="G4921">IFERROR(INDEX(Jesper!AK$2:AK$366,ROUNDDOWN($C4921/24,0)+1,1)*INDEX($D$3:$AA$30,INDEX(Jesper!$R$2:$R$366,ROW(INDEX(Jesper!AK$2:AK$366,ROUNDDOWN($C4921/24,0)+1,1))-1)+IF('Standard Profiles'!$G$21=$B$10,7,0)+IF('Standard Profiles'!$G$21=$B$17,14,0)+IF('Standard Profiles'!$G$21=$B$24,21,0),MOD($C4921,24)+1)/SUM(INDEX($D$3:$AA$30,INDEX(Jesper!$R$2:$R$366,ROW(INDEX(Jesper!AK$2:AK$366,ROUNDDOWN($C4921/24,0)+1,1))-1)+IF('Standard Profiles'!$G$21=$B$10,7,0)+IF('Standard Profiles'!$G$21=$B$17,14,0)+IF('Standard Profiles'!$G$21=$B$24,21,0),0)),0)</f>
        <v>0</v>
      </c>
      <c r="H4921" cm="1">
        <f t="array" ref="H4921">IFERROR(INDEX(Jesper!AL$2:AL$366,ROUNDDOWN($C4921/24,0)+1,1)*INDEX($D$3:$AA$30,INDEX(Jesper!$R$2:$R$366,ROW(INDEX(Jesper!AL$2:AL$366,ROUNDDOWN($C4921/24,0)+1,1))-1)+IF('Standard Profiles'!$G$22=$B$10,7,0)+IF('Standard Profiles'!$G$22=$B$17,14,0)+IF('Standard Profiles'!$G$22=$B$24,21,0),MOD($C4921,24)+1)/SUM(INDEX($D$3:$AA$30,INDEX(Jesper!$R$2:$R$366,ROW(INDEX(Jesper!AL$2:AL$366,ROUNDDOWN($C4921/24,0)+1,1))-1)+IF('Standard Profiles'!$G$22=$B$10,7,0)+IF('Standard Profiles'!$G$22=$B$17,14,0)+IF('Standard Profiles'!$G$22=$B$24,21,0),0)),0)</f>
        <v>0</v>
      </c>
      <c r="I4921">
        <f t="shared" si="552"/>
        <v>0.4717524795265215</v>
      </c>
      <c r="J4921">
        <f t="shared" si="553"/>
        <v>1.5725082650884052</v>
      </c>
      <c r="K4921">
        <f t="shared" si="554"/>
        <v>2.3587623976326078</v>
      </c>
      <c r="L4921">
        <f t="shared" si="555"/>
        <v>11.322059508636517</v>
      </c>
      <c r="M4921">
        <f t="shared" si="556"/>
        <v>0</v>
      </c>
      <c r="N4921" s="46">
        <f t="shared" si="557"/>
        <v>45495.624999988147</v>
      </c>
    </row>
    <row r="4922" spans="2:14" x14ac:dyDescent="0.3">
      <c r="B4922">
        <f t="shared" si="551"/>
        <v>1</v>
      </c>
      <c r="C4922" s="16">
        <v>4888</v>
      </c>
      <c r="D4922" cm="1">
        <f t="array" ref="D4922">IFERROR(INDEX(Jesper!AH$2:AH$366,ROUNDDOWN($C4922/24,0)+1,1)*INDEX($D$3:$AA$30,INDEX(Jesper!$R$2:$R$366,ROW(INDEX(Jesper!AH$2:AH$366,ROUNDDOWN($C4922/24,0)+1,1))-1)+IF('Standard Profiles'!$G$18=$B$10,7,0)+IF('Standard Profiles'!$G$18=$B$17,14,0)+IF('Standard Profiles'!$G$18=$B$24,21,0),MOD($C4922,24)+1)/SUM(INDEX($D$3:$AA$30,INDEX(Jesper!$R$2:$R$366,ROW(INDEX(Jesper!AH$2:AH$366,ROUNDDOWN($C4922/24,0)+1,1))-1)+IF('Standard Profiles'!$G$18=$B$10,7,0)+IF('Standard Profiles'!$G$18=$B$17,14,0)+IF('Standard Profiles'!$G$18=$B$24,21,0),0)),0)</f>
        <v>15.725082650884051</v>
      </c>
      <c r="E4922" cm="1">
        <f t="array" ref="E4922">IFERROR(INDEX(Jesper!AI$2:AI$366,ROUNDDOWN($C4922/24,0)+1,1)*INDEX($D$3:$AA$30,INDEX(Jesper!$R$2:$R$366,ROW(INDEX(Jesper!AI$2:AI$366,ROUNDDOWN($C4922/24,0)+1,1))-1)+IF('Standard Profiles'!$G$19=$B$10,7,0)+IF('Standard Profiles'!$G$19=$B$17,14,0)+IF('Standard Profiles'!$G$19=$B$24,21,0),MOD($C4922,24)+1)/SUM(INDEX($D$3:$AA$30,INDEX(Jesper!$R$2:$R$366,ROW(INDEX(Jesper!AI$2:AI$366,ROUNDDOWN($C4922/24,0)+1,1))-1)+IF('Standard Profiles'!$G$19=$B$10,7,0)+IF('Standard Profiles'!$G$19=$B$17,14,0)+IF('Standard Profiles'!$G$19=$B$24,21,0),0)),0)</f>
        <v>0</v>
      </c>
      <c r="F4922" cm="1">
        <f t="array" ref="F4922">IFERROR(INDEX(Jesper!AJ$2:AJ$366,ROUNDDOWN($C4922/24,0)+1,1)*INDEX($D$3:$AA$30,INDEX(Jesper!$R$2:$R$366,ROW(INDEX(Jesper!AJ$2:AJ$366,ROUNDDOWN($C4922/24,0)+1,1))-1)+IF('Standard Profiles'!$G$20=$B$10,7,0)+IF('Standard Profiles'!$G$20=$B$17,14,0)+IF('Standard Profiles'!$G$20=$B$24,21,0),MOD($C4922,24)+1)/SUM(INDEX($D$3:$AA$30,INDEX(Jesper!$R$2:$R$366,ROW(INDEX(Jesper!AJ$2:AJ$366,ROUNDDOWN($C4922/24,0)+1,1))-1)+IF('Standard Profiles'!$G$20=$B$10,7,0)+IF('Standard Profiles'!$G$20=$B$17,14,0)+IF('Standard Profiles'!$G$20=$B$24,21,0),0)),0)</f>
        <v>0</v>
      </c>
      <c r="G4922" cm="1">
        <f t="array" ref="G4922">IFERROR(INDEX(Jesper!AK$2:AK$366,ROUNDDOWN($C4922/24,0)+1,1)*INDEX($D$3:$AA$30,INDEX(Jesper!$R$2:$R$366,ROW(INDEX(Jesper!AK$2:AK$366,ROUNDDOWN($C4922/24,0)+1,1))-1)+IF('Standard Profiles'!$G$21=$B$10,7,0)+IF('Standard Profiles'!$G$21=$B$17,14,0)+IF('Standard Profiles'!$G$21=$B$24,21,0),MOD($C4922,24)+1)/SUM(INDEX($D$3:$AA$30,INDEX(Jesper!$R$2:$R$366,ROW(INDEX(Jesper!AK$2:AK$366,ROUNDDOWN($C4922/24,0)+1,1))-1)+IF('Standard Profiles'!$G$21=$B$10,7,0)+IF('Standard Profiles'!$G$21=$B$17,14,0)+IF('Standard Profiles'!$G$21=$B$24,21,0),0)),0)</f>
        <v>0</v>
      </c>
      <c r="H4922" cm="1">
        <f t="array" ref="H4922">IFERROR(INDEX(Jesper!AL$2:AL$366,ROUNDDOWN($C4922/24,0)+1,1)*INDEX($D$3:$AA$30,INDEX(Jesper!$R$2:$R$366,ROW(INDEX(Jesper!AL$2:AL$366,ROUNDDOWN($C4922/24,0)+1,1))-1)+IF('Standard Profiles'!$G$22=$B$10,7,0)+IF('Standard Profiles'!$G$22=$B$17,14,0)+IF('Standard Profiles'!$G$22=$B$24,21,0),MOD($C4922,24)+1)/SUM(INDEX($D$3:$AA$30,INDEX(Jesper!$R$2:$R$366,ROW(INDEX(Jesper!AL$2:AL$366,ROUNDDOWN($C4922/24,0)+1,1))-1)+IF('Standard Profiles'!$G$22=$B$10,7,0)+IF('Standard Profiles'!$G$22=$B$17,14,0)+IF('Standard Profiles'!$G$22=$B$24,21,0),0)),0)</f>
        <v>0</v>
      </c>
      <c r="I4922">
        <f t="shared" si="552"/>
        <v>0.4717524795265215</v>
      </c>
      <c r="J4922">
        <f t="shared" si="553"/>
        <v>1.5725082650884052</v>
      </c>
      <c r="K4922">
        <f t="shared" si="554"/>
        <v>2.3587623976326078</v>
      </c>
      <c r="L4922">
        <f t="shared" si="555"/>
        <v>11.322059508636517</v>
      </c>
      <c r="M4922">
        <f t="shared" si="556"/>
        <v>0</v>
      </c>
      <c r="N4922" s="46">
        <f t="shared" si="557"/>
        <v>45495.666666654812</v>
      </c>
    </row>
    <row r="4923" spans="2:14" x14ac:dyDescent="0.3">
      <c r="B4923">
        <f t="shared" si="551"/>
        <v>1</v>
      </c>
      <c r="C4923" s="16">
        <v>4889</v>
      </c>
      <c r="D4923" cm="1">
        <f t="array" ref="D4923">IFERROR(INDEX(Jesper!AH$2:AH$366,ROUNDDOWN($C4923/24,0)+1,1)*INDEX($D$3:$AA$30,INDEX(Jesper!$R$2:$R$366,ROW(INDEX(Jesper!AH$2:AH$366,ROUNDDOWN($C4923/24,0)+1,1))-1)+IF('Standard Profiles'!$G$18=$B$10,7,0)+IF('Standard Profiles'!$G$18=$B$17,14,0)+IF('Standard Profiles'!$G$18=$B$24,21,0),MOD($C4923,24)+1)/SUM(INDEX($D$3:$AA$30,INDEX(Jesper!$R$2:$R$366,ROW(INDEX(Jesper!AH$2:AH$366,ROUNDDOWN($C4923/24,0)+1,1))-1)+IF('Standard Profiles'!$G$18=$B$10,7,0)+IF('Standard Profiles'!$G$18=$B$17,14,0)+IF('Standard Profiles'!$G$18=$B$24,21,0),0)),0)</f>
        <v>15.725082650884051</v>
      </c>
      <c r="E4923" cm="1">
        <f t="array" ref="E4923">IFERROR(INDEX(Jesper!AI$2:AI$366,ROUNDDOWN($C4923/24,0)+1,1)*INDEX($D$3:$AA$30,INDEX(Jesper!$R$2:$R$366,ROW(INDEX(Jesper!AI$2:AI$366,ROUNDDOWN($C4923/24,0)+1,1))-1)+IF('Standard Profiles'!$G$19=$B$10,7,0)+IF('Standard Profiles'!$G$19=$B$17,14,0)+IF('Standard Profiles'!$G$19=$B$24,21,0),MOD($C4923,24)+1)/SUM(INDEX($D$3:$AA$30,INDEX(Jesper!$R$2:$R$366,ROW(INDEX(Jesper!AI$2:AI$366,ROUNDDOWN($C4923/24,0)+1,1))-1)+IF('Standard Profiles'!$G$19=$B$10,7,0)+IF('Standard Profiles'!$G$19=$B$17,14,0)+IF('Standard Profiles'!$G$19=$B$24,21,0),0)),0)</f>
        <v>0</v>
      </c>
      <c r="F4923" cm="1">
        <f t="array" ref="F4923">IFERROR(INDEX(Jesper!AJ$2:AJ$366,ROUNDDOWN($C4923/24,0)+1,1)*INDEX($D$3:$AA$30,INDEX(Jesper!$R$2:$R$366,ROW(INDEX(Jesper!AJ$2:AJ$366,ROUNDDOWN($C4923/24,0)+1,1))-1)+IF('Standard Profiles'!$G$20=$B$10,7,0)+IF('Standard Profiles'!$G$20=$B$17,14,0)+IF('Standard Profiles'!$G$20=$B$24,21,0),MOD($C4923,24)+1)/SUM(INDEX($D$3:$AA$30,INDEX(Jesper!$R$2:$R$366,ROW(INDEX(Jesper!AJ$2:AJ$366,ROUNDDOWN($C4923/24,0)+1,1))-1)+IF('Standard Profiles'!$G$20=$B$10,7,0)+IF('Standard Profiles'!$G$20=$B$17,14,0)+IF('Standard Profiles'!$G$20=$B$24,21,0),0)),0)</f>
        <v>0</v>
      </c>
      <c r="G4923" cm="1">
        <f t="array" ref="G4923">IFERROR(INDEX(Jesper!AK$2:AK$366,ROUNDDOWN($C4923/24,0)+1,1)*INDEX($D$3:$AA$30,INDEX(Jesper!$R$2:$R$366,ROW(INDEX(Jesper!AK$2:AK$366,ROUNDDOWN($C4923/24,0)+1,1))-1)+IF('Standard Profiles'!$G$21=$B$10,7,0)+IF('Standard Profiles'!$G$21=$B$17,14,0)+IF('Standard Profiles'!$G$21=$B$24,21,0),MOD($C4923,24)+1)/SUM(INDEX($D$3:$AA$30,INDEX(Jesper!$R$2:$R$366,ROW(INDEX(Jesper!AK$2:AK$366,ROUNDDOWN($C4923/24,0)+1,1))-1)+IF('Standard Profiles'!$G$21=$B$10,7,0)+IF('Standard Profiles'!$G$21=$B$17,14,0)+IF('Standard Profiles'!$G$21=$B$24,21,0),0)),0)</f>
        <v>0</v>
      </c>
      <c r="H4923" cm="1">
        <f t="array" ref="H4923">IFERROR(INDEX(Jesper!AL$2:AL$366,ROUNDDOWN($C4923/24,0)+1,1)*INDEX($D$3:$AA$30,INDEX(Jesper!$R$2:$R$366,ROW(INDEX(Jesper!AL$2:AL$366,ROUNDDOWN($C4923/24,0)+1,1))-1)+IF('Standard Profiles'!$G$22=$B$10,7,0)+IF('Standard Profiles'!$G$22=$B$17,14,0)+IF('Standard Profiles'!$G$22=$B$24,21,0),MOD($C4923,24)+1)/SUM(INDEX($D$3:$AA$30,INDEX(Jesper!$R$2:$R$366,ROW(INDEX(Jesper!AL$2:AL$366,ROUNDDOWN($C4923/24,0)+1,1))-1)+IF('Standard Profiles'!$G$22=$B$10,7,0)+IF('Standard Profiles'!$G$22=$B$17,14,0)+IF('Standard Profiles'!$G$22=$B$24,21,0),0)),0)</f>
        <v>0</v>
      </c>
      <c r="I4923">
        <f t="shared" si="552"/>
        <v>0.4717524795265215</v>
      </c>
      <c r="J4923">
        <f t="shared" si="553"/>
        <v>1.5725082650884052</v>
      </c>
      <c r="K4923">
        <f t="shared" si="554"/>
        <v>2.3587623976326078</v>
      </c>
      <c r="L4923">
        <f t="shared" si="555"/>
        <v>11.322059508636517</v>
      </c>
      <c r="M4923">
        <f t="shared" si="556"/>
        <v>0</v>
      </c>
      <c r="N4923" s="46">
        <f t="shared" si="557"/>
        <v>45495.708333321476</v>
      </c>
    </row>
    <row r="4924" spans="2:14" x14ac:dyDescent="0.3">
      <c r="B4924">
        <f t="shared" si="551"/>
        <v>1</v>
      </c>
      <c r="C4924" s="16">
        <v>4890</v>
      </c>
      <c r="D4924" cm="1">
        <f t="array" ref="D4924">IFERROR(INDEX(Jesper!AH$2:AH$366,ROUNDDOWN($C4924/24,0)+1,1)*INDEX($D$3:$AA$30,INDEX(Jesper!$R$2:$R$366,ROW(INDEX(Jesper!AH$2:AH$366,ROUNDDOWN($C4924/24,0)+1,1))-1)+IF('Standard Profiles'!$G$18=$B$10,7,0)+IF('Standard Profiles'!$G$18=$B$17,14,0)+IF('Standard Profiles'!$G$18=$B$24,21,0),MOD($C4924,24)+1)/SUM(INDEX($D$3:$AA$30,INDEX(Jesper!$R$2:$R$366,ROW(INDEX(Jesper!AH$2:AH$366,ROUNDDOWN($C4924/24,0)+1,1))-1)+IF('Standard Profiles'!$G$18=$B$10,7,0)+IF('Standard Profiles'!$G$18=$B$17,14,0)+IF('Standard Profiles'!$G$18=$B$24,21,0),0)),0)</f>
        <v>15.725082650884051</v>
      </c>
      <c r="E4924" cm="1">
        <f t="array" ref="E4924">IFERROR(INDEX(Jesper!AI$2:AI$366,ROUNDDOWN($C4924/24,0)+1,1)*INDEX($D$3:$AA$30,INDEX(Jesper!$R$2:$R$366,ROW(INDEX(Jesper!AI$2:AI$366,ROUNDDOWN($C4924/24,0)+1,1))-1)+IF('Standard Profiles'!$G$19=$B$10,7,0)+IF('Standard Profiles'!$G$19=$B$17,14,0)+IF('Standard Profiles'!$G$19=$B$24,21,0),MOD($C4924,24)+1)/SUM(INDEX($D$3:$AA$30,INDEX(Jesper!$R$2:$R$366,ROW(INDEX(Jesper!AI$2:AI$366,ROUNDDOWN($C4924/24,0)+1,1))-1)+IF('Standard Profiles'!$G$19=$B$10,7,0)+IF('Standard Profiles'!$G$19=$B$17,14,0)+IF('Standard Profiles'!$G$19=$B$24,21,0),0)),0)</f>
        <v>0</v>
      </c>
      <c r="F4924" cm="1">
        <f t="array" ref="F4924">IFERROR(INDEX(Jesper!AJ$2:AJ$366,ROUNDDOWN($C4924/24,0)+1,1)*INDEX($D$3:$AA$30,INDEX(Jesper!$R$2:$R$366,ROW(INDEX(Jesper!AJ$2:AJ$366,ROUNDDOWN($C4924/24,0)+1,1))-1)+IF('Standard Profiles'!$G$20=$B$10,7,0)+IF('Standard Profiles'!$G$20=$B$17,14,0)+IF('Standard Profiles'!$G$20=$B$24,21,0),MOD($C4924,24)+1)/SUM(INDEX($D$3:$AA$30,INDEX(Jesper!$R$2:$R$366,ROW(INDEX(Jesper!AJ$2:AJ$366,ROUNDDOWN($C4924/24,0)+1,1))-1)+IF('Standard Profiles'!$G$20=$B$10,7,0)+IF('Standard Profiles'!$G$20=$B$17,14,0)+IF('Standard Profiles'!$G$20=$B$24,21,0),0)),0)</f>
        <v>0</v>
      </c>
      <c r="G4924" cm="1">
        <f t="array" ref="G4924">IFERROR(INDEX(Jesper!AK$2:AK$366,ROUNDDOWN($C4924/24,0)+1,1)*INDEX($D$3:$AA$30,INDEX(Jesper!$R$2:$R$366,ROW(INDEX(Jesper!AK$2:AK$366,ROUNDDOWN($C4924/24,0)+1,1))-1)+IF('Standard Profiles'!$G$21=$B$10,7,0)+IF('Standard Profiles'!$G$21=$B$17,14,0)+IF('Standard Profiles'!$G$21=$B$24,21,0),MOD($C4924,24)+1)/SUM(INDEX($D$3:$AA$30,INDEX(Jesper!$R$2:$R$366,ROW(INDEX(Jesper!AK$2:AK$366,ROUNDDOWN($C4924/24,0)+1,1))-1)+IF('Standard Profiles'!$G$21=$B$10,7,0)+IF('Standard Profiles'!$G$21=$B$17,14,0)+IF('Standard Profiles'!$G$21=$B$24,21,0),0)),0)</f>
        <v>0</v>
      </c>
      <c r="H4924" cm="1">
        <f t="array" ref="H4924">IFERROR(INDEX(Jesper!AL$2:AL$366,ROUNDDOWN($C4924/24,0)+1,1)*INDEX($D$3:$AA$30,INDEX(Jesper!$R$2:$R$366,ROW(INDEX(Jesper!AL$2:AL$366,ROUNDDOWN($C4924/24,0)+1,1))-1)+IF('Standard Profiles'!$G$22=$B$10,7,0)+IF('Standard Profiles'!$G$22=$B$17,14,0)+IF('Standard Profiles'!$G$22=$B$24,21,0),MOD($C4924,24)+1)/SUM(INDEX($D$3:$AA$30,INDEX(Jesper!$R$2:$R$366,ROW(INDEX(Jesper!AL$2:AL$366,ROUNDDOWN($C4924/24,0)+1,1))-1)+IF('Standard Profiles'!$G$22=$B$10,7,0)+IF('Standard Profiles'!$G$22=$B$17,14,0)+IF('Standard Profiles'!$G$22=$B$24,21,0),0)),0)</f>
        <v>0</v>
      </c>
      <c r="I4924">
        <f t="shared" si="552"/>
        <v>0.4717524795265215</v>
      </c>
      <c r="J4924">
        <f t="shared" si="553"/>
        <v>1.5725082650884052</v>
      </c>
      <c r="K4924">
        <f t="shared" si="554"/>
        <v>2.3587623976326078</v>
      </c>
      <c r="L4924">
        <f t="shared" si="555"/>
        <v>11.322059508636517</v>
      </c>
      <c r="M4924">
        <f t="shared" si="556"/>
        <v>0</v>
      </c>
      <c r="N4924" s="46">
        <f t="shared" si="557"/>
        <v>45495.74999998814</v>
      </c>
    </row>
    <row r="4925" spans="2:14" x14ac:dyDescent="0.3">
      <c r="B4925">
        <f t="shared" si="551"/>
        <v>1</v>
      </c>
      <c r="C4925" s="16">
        <v>4891</v>
      </c>
      <c r="D4925" cm="1">
        <f t="array" ref="D4925">IFERROR(INDEX(Jesper!AH$2:AH$366,ROUNDDOWN($C4925/24,0)+1,1)*INDEX($D$3:$AA$30,INDEX(Jesper!$R$2:$R$366,ROW(INDEX(Jesper!AH$2:AH$366,ROUNDDOWN($C4925/24,0)+1,1))-1)+IF('Standard Profiles'!$G$18=$B$10,7,0)+IF('Standard Profiles'!$G$18=$B$17,14,0)+IF('Standard Profiles'!$G$18=$B$24,21,0),MOD($C4925,24)+1)/SUM(INDEX($D$3:$AA$30,INDEX(Jesper!$R$2:$R$366,ROW(INDEX(Jesper!AH$2:AH$366,ROUNDDOWN($C4925/24,0)+1,1))-1)+IF('Standard Profiles'!$G$18=$B$10,7,0)+IF('Standard Profiles'!$G$18=$B$17,14,0)+IF('Standard Profiles'!$G$18=$B$24,21,0),0)),0)</f>
        <v>13.169756720115391</v>
      </c>
      <c r="E4925" cm="1">
        <f t="array" ref="E4925">IFERROR(INDEX(Jesper!AI$2:AI$366,ROUNDDOWN($C4925/24,0)+1,1)*INDEX($D$3:$AA$30,INDEX(Jesper!$R$2:$R$366,ROW(INDEX(Jesper!AI$2:AI$366,ROUNDDOWN($C4925/24,0)+1,1))-1)+IF('Standard Profiles'!$G$19=$B$10,7,0)+IF('Standard Profiles'!$G$19=$B$17,14,0)+IF('Standard Profiles'!$G$19=$B$24,21,0),MOD($C4925,24)+1)/SUM(INDEX($D$3:$AA$30,INDEX(Jesper!$R$2:$R$366,ROW(INDEX(Jesper!AI$2:AI$366,ROUNDDOWN($C4925/24,0)+1,1))-1)+IF('Standard Profiles'!$G$19=$B$10,7,0)+IF('Standard Profiles'!$G$19=$B$17,14,0)+IF('Standard Profiles'!$G$19=$B$24,21,0),0)),0)</f>
        <v>0</v>
      </c>
      <c r="F4925" cm="1">
        <f t="array" ref="F4925">IFERROR(INDEX(Jesper!AJ$2:AJ$366,ROUNDDOWN($C4925/24,0)+1,1)*INDEX($D$3:$AA$30,INDEX(Jesper!$R$2:$R$366,ROW(INDEX(Jesper!AJ$2:AJ$366,ROUNDDOWN($C4925/24,0)+1,1))-1)+IF('Standard Profiles'!$G$20=$B$10,7,0)+IF('Standard Profiles'!$G$20=$B$17,14,0)+IF('Standard Profiles'!$G$20=$B$24,21,0),MOD($C4925,24)+1)/SUM(INDEX($D$3:$AA$30,INDEX(Jesper!$R$2:$R$366,ROW(INDEX(Jesper!AJ$2:AJ$366,ROUNDDOWN($C4925/24,0)+1,1))-1)+IF('Standard Profiles'!$G$20=$B$10,7,0)+IF('Standard Profiles'!$G$20=$B$17,14,0)+IF('Standard Profiles'!$G$20=$B$24,21,0),0)),0)</f>
        <v>0</v>
      </c>
      <c r="G4925" cm="1">
        <f t="array" ref="G4925">IFERROR(INDEX(Jesper!AK$2:AK$366,ROUNDDOWN($C4925/24,0)+1,1)*INDEX($D$3:$AA$30,INDEX(Jesper!$R$2:$R$366,ROW(INDEX(Jesper!AK$2:AK$366,ROUNDDOWN($C4925/24,0)+1,1))-1)+IF('Standard Profiles'!$G$21=$B$10,7,0)+IF('Standard Profiles'!$G$21=$B$17,14,0)+IF('Standard Profiles'!$G$21=$B$24,21,0),MOD($C4925,24)+1)/SUM(INDEX($D$3:$AA$30,INDEX(Jesper!$R$2:$R$366,ROW(INDEX(Jesper!AK$2:AK$366,ROUNDDOWN($C4925/24,0)+1,1))-1)+IF('Standard Profiles'!$G$21=$B$10,7,0)+IF('Standard Profiles'!$G$21=$B$17,14,0)+IF('Standard Profiles'!$G$21=$B$24,21,0),0)),0)</f>
        <v>0</v>
      </c>
      <c r="H4925" cm="1">
        <f t="array" ref="H4925">IFERROR(INDEX(Jesper!AL$2:AL$366,ROUNDDOWN($C4925/24,0)+1,1)*INDEX($D$3:$AA$30,INDEX(Jesper!$R$2:$R$366,ROW(INDEX(Jesper!AL$2:AL$366,ROUNDDOWN($C4925/24,0)+1,1))-1)+IF('Standard Profiles'!$G$22=$B$10,7,0)+IF('Standard Profiles'!$G$22=$B$17,14,0)+IF('Standard Profiles'!$G$22=$B$24,21,0),MOD($C4925,24)+1)/SUM(INDEX($D$3:$AA$30,INDEX(Jesper!$R$2:$R$366,ROW(INDEX(Jesper!AL$2:AL$366,ROUNDDOWN($C4925/24,0)+1,1))-1)+IF('Standard Profiles'!$G$22=$B$10,7,0)+IF('Standard Profiles'!$G$22=$B$17,14,0)+IF('Standard Profiles'!$G$22=$B$24,21,0),0)),0)</f>
        <v>0</v>
      </c>
      <c r="I4925">
        <f t="shared" si="552"/>
        <v>0.39509270160346172</v>
      </c>
      <c r="J4925">
        <f t="shared" si="553"/>
        <v>1.3169756720115391</v>
      </c>
      <c r="K4925">
        <f t="shared" si="554"/>
        <v>1.9754635080173086</v>
      </c>
      <c r="L4925">
        <f t="shared" si="555"/>
        <v>9.4822248384830807</v>
      </c>
      <c r="M4925">
        <f t="shared" si="556"/>
        <v>0</v>
      </c>
      <c r="N4925" s="46">
        <f t="shared" si="557"/>
        <v>45495.791666654804</v>
      </c>
    </row>
    <row r="4926" spans="2:14" x14ac:dyDescent="0.3">
      <c r="B4926">
        <f t="shared" si="551"/>
        <v>1</v>
      </c>
      <c r="C4926" s="16">
        <v>4892</v>
      </c>
      <c r="D4926" cm="1">
        <f t="array" ref="D4926">IFERROR(INDEX(Jesper!AH$2:AH$366,ROUNDDOWN($C4926/24,0)+1,1)*INDEX($D$3:$AA$30,INDEX(Jesper!$R$2:$R$366,ROW(INDEX(Jesper!AH$2:AH$366,ROUNDDOWN($C4926/24,0)+1,1))-1)+IF('Standard Profiles'!$G$18=$B$10,7,0)+IF('Standard Profiles'!$G$18=$B$17,14,0)+IF('Standard Profiles'!$G$18=$B$24,21,0),MOD($C4926,24)+1)/SUM(INDEX($D$3:$AA$30,INDEX(Jesper!$R$2:$R$366,ROW(INDEX(Jesper!AH$2:AH$366,ROUNDDOWN($C4926/24,0)+1,1))-1)+IF('Standard Profiles'!$G$18=$B$10,7,0)+IF('Standard Profiles'!$G$18=$B$17,14,0)+IF('Standard Profiles'!$G$18=$B$24,21,0),0)),0)</f>
        <v>10.810994322482784</v>
      </c>
      <c r="E4926" cm="1">
        <f t="array" ref="E4926">IFERROR(INDEX(Jesper!AI$2:AI$366,ROUNDDOWN($C4926/24,0)+1,1)*INDEX($D$3:$AA$30,INDEX(Jesper!$R$2:$R$366,ROW(INDEX(Jesper!AI$2:AI$366,ROUNDDOWN($C4926/24,0)+1,1))-1)+IF('Standard Profiles'!$G$19=$B$10,7,0)+IF('Standard Profiles'!$G$19=$B$17,14,0)+IF('Standard Profiles'!$G$19=$B$24,21,0),MOD($C4926,24)+1)/SUM(INDEX($D$3:$AA$30,INDEX(Jesper!$R$2:$R$366,ROW(INDEX(Jesper!AI$2:AI$366,ROUNDDOWN($C4926/24,0)+1,1))-1)+IF('Standard Profiles'!$G$19=$B$10,7,0)+IF('Standard Profiles'!$G$19=$B$17,14,0)+IF('Standard Profiles'!$G$19=$B$24,21,0),0)),0)</f>
        <v>0</v>
      </c>
      <c r="F4926" cm="1">
        <f t="array" ref="F4926">IFERROR(INDEX(Jesper!AJ$2:AJ$366,ROUNDDOWN($C4926/24,0)+1,1)*INDEX($D$3:$AA$30,INDEX(Jesper!$R$2:$R$366,ROW(INDEX(Jesper!AJ$2:AJ$366,ROUNDDOWN($C4926/24,0)+1,1))-1)+IF('Standard Profiles'!$G$20=$B$10,7,0)+IF('Standard Profiles'!$G$20=$B$17,14,0)+IF('Standard Profiles'!$G$20=$B$24,21,0),MOD($C4926,24)+1)/SUM(INDEX($D$3:$AA$30,INDEX(Jesper!$R$2:$R$366,ROW(INDEX(Jesper!AJ$2:AJ$366,ROUNDDOWN($C4926/24,0)+1,1))-1)+IF('Standard Profiles'!$G$20=$B$10,7,0)+IF('Standard Profiles'!$G$20=$B$17,14,0)+IF('Standard Profiles'!$G$20=$B$24,21,0),0)),0)</f>
        <v>0</v>
      </c>
      <c r="G4926" cm="1">
        <f t="array" ref="G4926">IFERROR(INDEX(Jesper!AK$2:AK$366,ROUNDDOWN($C4926/24,0)+1,1)*INDEX($D$3:$AA$30,INDEX(Jesper!$R$2:$R$366,ROW(INDEX(Jesper!AK$2:AK$366,ROUNDDOWN($C4926/24,0)+1,1))-1)+IF('Standard Profiles'!$G$21=$B$10,7,0)+IF('Standard Profiles'!$G$21=$B$17,14,0)+IF('Standard Profiles'!$G$21=$B$24,21,0),MOD($C4926,24)+1)/SUM(INDEX($D$3:$AA$30,INDEX(Jesper!$R$2:$R$366,ROW(INDEX(Jesper!AK$2:AK$366,ROUNDDOWN($C4926/24,0)+1,1))-1)+IF('Standard Profiles'!$G$21=$B$10,7,0)+IF('Standard Profiles'!$G$21=$B$17,14,0)+IF('Standard Profiles'!$G$21=$B$24,21,0),0)),0)</f>
        <v>0</v>
      </c>
      <c r="H4926" cm="1">
        <f t="array" ref="H4926">IFERROR(INDEX(Jesper!AL$2:AL$366,ROUNDDOWN($C4926/24,0)+1,1)*INDEX($D$3:$AA$30,INDEX(Jesper!$R$2:$R$366,ROW(INDEX(Jesper!AL$2:AL$366,ROUNDDOWN($C4926/24,0)+1,1))-1)+IF('Standard Profiles'!$G$22=$B$10,7,0)+IF('Standard Profiles'!$G$22=$B$17,14,0)+IF('Standard Profiles'!$G$22=$B$24,21,0),MOD($C4926,24)+1)/SUM(INDEX($D$3:$AA$30,INDEX(Jesper!$R$2:$R$366,ROW(INDEX(Jesper!AL$2:AL$366,ROUNDDOWN($C4926/24,0)+1,1))-1)+IF('Standard Profiles'!$G$22=$B$10,7,0)+IF('Standard Profiles'!$G$22=$B$17,14,0)+IF('Standard Profiles'!$G$22=$B$24,21,0),0)),0)</f>
        <v>0</v>
      </c>
      <c r="I4926">
        <f t="shared" si="552"/>
        <v>0.32432982967448354</v>
      </c>
      <c r="J4926">
        <f t="shared" si="553"/>
        <v>1.0810994322482785</v>
      </c>
      <c r="K4926">
        <f t="shared" si="554"/>
        <v>1.6216491483724176</v>
      </c>
      <c r="L4926">
        <f t="shared" si="555"/>
        <v>7.7839159121876049</v>
      </c>
      <c r="M4926">
        <f t="shared" si="556"/>
        <v>0</v>
      </c>
      <c r="N4926" s="46">
        <f t="shared" si="557"/>
        <v>45495.833333321469</v>
      </c>
    </row>
    <row r="4927" spans="2:14" x14ac:dyDescent="0.3">
      <c r="B4927">
        <f t="shared" si="551"/>
        <v>1</v>
      </c>
      <c r="C4927" s="16">
        <v>4893</v>
      </c>
      <c r="D4927" cm="1">
        <f t="array" ref="D4927">IFERROR(INDEX(Jesper!AH$2:AH$366,ROUNDDOWN($C4927/24,0)+1,1)*INDEX($D$3:$AA$30,INDEX(Jesper!$R$2:$R$366,ROW(INDEX(Jesper!AH$2:AH$366,ROUNDDOWN($C4927/24,0)+1,1))-1)+IF('Standard Profiles'!$G$18=$B$10,7,0)+IF('Standard Profiles'!$G$18=$B$17,14,0)+IF('Standard Profiles'!$G$18=$B$24,21,0),MOD($C4927,24)+1)/SUM(INDEX($D$3:$AA$30,INDEX(Jesper!$R$2:$R$366,ROW(INDEX(Jesper!AH$2:AH$366,ROUNDDOWN($C4927/24,0)+1,1))-1)+IF('Standard Profiles'!$G$18=$B$10,7,0)+IF('Standard Profiles'!$G$18=$B$17,14,0)+IF('Standard Profiles'!$G$18=$B$24,21,0),0)),0)</f>
        <v>7.8625413254420256</v>
      </c>
      <c r="E4927" cm="1">
        <f t="array" ref="E4927">IFERROR(INDEX(Jesper!AI$2:AI$366,ROUNDDOWN($C4927/24,0)+1,1)*INDEX($D$3:$AA$30,INDEX(Jesper!$R$2:$R$366,ROW(INDEX(Jesper!AI$2:AI$366,ROUNDDOWN($C4927/24,0)+1,1))-1)+IF('Standard Profiles'!$G$19=$B$10,7,0)+IF('Standard Profiles'!$G$19=$B$17,14,0)+IF('Standard Profiles'!$G$19=$B$24,21,0),MOD($C4927,24)+1)/SUM(INDEX($D$3:$AA$30,INDEX(Jesper!$R$2:$R$366,ROW(INDEX(Jesper!AI$2:AI$366,ROUNDDOWN($C4927/24,0)+1,1))-1)+IF('Standard Profiles'!$G$19=$B$10,7,0)+IF('Standard Profiles'!$G$19=$B$17,14,0)+IF('Standard Profiles'!$G$19=$B$24,21,0),0)),0)</f>
        <v>0</v>
      </c>
      <c r="F4927" cm="1">
        <f t="array" ref="F4927">IFERROR(INDEX(Jesper!AJ$2:AJ$366,ROUNDDOWN($C4927/24,0)+1,1)*INDEX($D$3:$AA$30,INDEX(Jesper!$R$2:$R$366,ROW(INDEX(Jesper!AJ$2:AJ$366,ROUNDDOWN($C4927/24,0)+1,1))-1)+IF('Standard Profiles'!$G$20=$B$10,7,0)+IF('Standard Profiles'!$G$20=$B$17,14,0)+IF('Standard Profiles'!$G$20=$B$24,21,0),MOD($C4927,24)+1)/SUM(INDEX($D$3:$AA$30,INDEX(Jesper!$R$2:$R$366,ROW(INDEX(Jesper!AJ$2:AJ$366,ROUNDDOWN($C4927/24,0)+1,1))-1)+IF('Standard Profiles'!$G$20=$B$10,7,0)+IF('Standard Profiles'!$G$20=$B$17,14,0)+IF('Standard Profiles'!$G$20=$B$24,21,0),0)),0)</f>
        <v>0</v>
      </c>
      <c r="G4927" cm="1">
        <f t="array" ref="G4927">IFERROR(INDEX(Jesper!AK$2:AK$366,ROUNDDOWN($C4927/24,0)+1,1)*INDEX($D$3:$AA$30,INDEX(Jesper!$R$2:$R$366,ROW(INDEX(Jesper!AK$2:AK$366,ROUNDDOWN($C4927/24,0)+1,1))-1)+IF('Standard Profiles'!$G$21=$B$10,7,0)+IF('Standard Profiles'!$G$21=$B$17,14,0)+IF('Standard Profiles'!$G$21=$B$24,21,0),MOD($C4927,24)+1)/SUM(INDEX($D$3:$AA$30,INDEX(Jesper!$R$2:$R$366,ROW(INDEX(Jesper!AK$2:AK$366,ROUNDDOWN($C4927/24,0)+1,1))-1)+IF('Standard Profiles'!$G$21=$B$10,7,0)+IF('Standard Profiles'!$G$21=$B$17,14,0)+IF('Standard Profiles'!$G$21=$B$24,21,0),0)),0)</f>
        <v>0</v>
      </c>
      <c r="H4927" cm="1">
        <f t="array" ref="H4927">IFERROR(INDEX(Jesper!AL$2:AL$366,ROUNDDOWN($C4927/24,0)+1,1)*INDEX($D$3:$AA$30,INDEX(Jesper!$R$2:$R$366,ROW(INDEX(Jesper!AL$2:AL$366,ROUNDDOWN($C4927/24,0)+1,1))-1)+IF('Standard Profiles'!$G$22=$B$10,7,0)+IF('Standard Profiles'!$G$22=$B$17,14,0)+IF('Standard Profiles'!$G$22=$B$24,21,0),MOD($C4927,24)+1)/SUM(INDEX($D$3:$AA$30,INDEX(Jesper!$R$2:$R$366,ROW(INDEX(Jesper!AL$2:AL$366,ROUNDDOWN($C4927/24,0)+1,1))-1)+IF('Standard Profiles'!$G$22=$B$10,7,0)+IF('Standard Profiles'!$G$22=$B$17,14,0)+IF('Standard Profiles'!$G$22=$B$24,21,0),0)),0)</f>
        <v>0</v>
      </c>
      <c r="I4927">
        <f t="shared" si="552"/>
        <v>0.23587623976326075</v>
      </c>
      <c r="J4927">
        <f t="shared" si="553"/>
        <v>0.78625413254420262</v>
      </c>
      <c r="K4927">
        <f t="shared" si="554"/>
        <v>1.1793811988163039</v>
      </c>
      <c r="L4927">
        <f t="shared" si="555"/>
        <v>5.6610297543182586</v>
      </c>
      <c r="M4927">
        <f t="shared" si="556"/>
        <v>0</v>
      </c>
      <c r="N4927" s="46">
        <f t="shared" si="557"/>
        <v>45495.874999988133</v>
      </c>
    </row>
    <row r="4928" spans="2:14" x14ac:dyDescent="0.3">
      <c r="B4928">
        <f t="shared" si="551"/>
        <v>1</v>
      </c>
      <c r="C4928" s="16">
        <v>4894</v>
      </c>
      <c r="D4928" cm="1">
        <f t="array" ref="D4928">IFERROR(INDEX(Jesper!AH$2:AH$366,ROUNDDOWN($C4928/24,0)+1,1)*INDEX($D$3:$AA$30,INDEX(Jesper!$R$2:$R$366,ROW(INDEX(Jesper!AH$2:AH$366,ROUNDDOWN($C4928/24,0)+1,1))-1)+IF('Standard Profiles'!$G$18=$B$10,7,0)+IF('Standard Profiles'!$G$18=$B$17,14,0)+IF('Standard Profiles'!$G$18=$B$24,21,0),MOD($C4928,24)+1)/SUM(INDEX($D$3:$AA$30,INDEX(Jesper!$R$2:$R$366,ROW(INDEX(Jesper!AH$2:AH$366,ROUNDDOWN($C4928/24,0)+1,1))-1)+IF('Standard Profiles'!$G$18=$B$10,7,0)+IF('Standard Profiles'!$G$18=$B$17,14,0)+IF('Standard Profiles'!$G$18=$B$24,21,0),0)),0)</f>
        <v>7.4694142591699242</v>
      </c>
      <c r="E4928" cm="1">
        <f t="array" ref="E4928">IFERROR(INDEX(Jesper!AI$2:AI$366,ROUNDDOWN($C4928/24,0)+1,1)*INDEX($D$3:$AA$30,INDEX(Jesper!$R$2:$R$366,ROW(INDEX(Jesper!AI$2:AI$366,ROUNDDOWN($C4928/24,0)+1,1))-1)+IF('Standard Profiles'!$G$19=$B$10,7,0)+IF('Standard Profiles'!$G$19=$B$17,14,0)+IF('Standard Profiles'!$G$19=$B$24,21,0),MOD($C4928,24)+1)/SUM(INDEX($D$3:$AA$30,INDEX(Jesper!$R$2:$R$366,ROW(INDEX(Jesper!AI$2:AI$366,ROUNDDOWN($C4928/24,0)+1,1))-1)+IF('Standard Profiles'!$G$19=$B$10,7,0)+IF('Standard Profiles'!$G$19=$B$17,14,0)+IF('Standard Profiles'!$G$19=$B$24,21,0),0)),0)</f>
        <v>0</v>
      </c>
      <c r="F4928" cm="1">
        <f t="array" ref="F4928">IFERROR(INDEX(Jesper!AJ$2:AJ$366,ROUNDDOWN($C4928/24,0)+1,1)*INDEX($D$3:$AA$30,INDEX(Jesper!$R$2:$R$366,ROW(INDEX(Jesper!AJ$2:AJ$366,ROUNDDOWN($C4928/24,0)+1,1))-1)+IF('Standard Profiles'!$G$20=$B$10,7,0)+IF('Standard Profiles'!$G$20=$B$17,14,0)+IF('Standard Profiles'!$G$20=$B$24,21,0),MOD($C4928,24)+1)/SUM(INDEX($D$3:$AA$30,INDEX(Jesper!$R$2:$R$366,ROW(INDEX(Jesper!AJ$2:AJ$366,ROUNDDOWN($C4928/24,0)+1,1))-1)+IF('Standard Profiles'!$G$20=$B$10,7,0)+IF('Standard Profiles'!$G$20=$B$17,14,0)+IF('Standard Profiles'!$G$20=$B$24,21,0),0)),0)</f>
        <v>0</v>
      </c>
      <c r="G4928" cm="1">
        <f t="array" ref="G4928">IFERROR(INDEX(Jesper!AK$2:AK$366,ROUNDDOWN($C4928/24,0)+1,1)*INDEX($D$3:$AA$30,INDEX(Jesper!$R$2:$R$366,ROW(INDEX(Jesper!AK$2:AK$366,ROUNDDOWN($C4928/24,0)+1,1))-1)+IF('Standard Profiles'!$G$21=$B$10,7,0)+IF('Standard Profiles'!$G$21=$B$17,14,0)+IF('Standard Profiles'!$G$21=$B$24,21,0),MOD($C4928,24)+1)/SUM(INDEX($D$3:$AA$30,INDEX(Jesper!$R$2:$R$366,ROW(INDEX(Jesper!AK$2:AK$366,ROUNDDOWN($C4928/24,0)+1,1))-1)+IF('Standard Profiles'!$G$21=$B$10,7,0)+IF('Standard Profiles'!$G$21=$B$17,14,0)+IF('Standard Profiles'!$G$21=$B$24,21,0),0)),0)</f>
        <v>0</v>
      </c>
      <c r="H4928" cm="1">
        <f t="array" ref="H4928">IFERROR(INDEX(Jesper!AL$2:AL$366,ROUNDDOWN($C4928/24,0)+1,1)*INDEX($D$3:$AA$30,INDEX(Jesper!$R$2:$R$366,ROW(INDEX(Jesper!AL$2:AL$366,ROUNDDOWN($C4928/24,0)+1,1))-1)+IF('Standard Profiles'!$G$22=$B$10,7,0)+IF('Standard Profiles'!$G$22=$B$17,14,0)+IF('Standard Profiles'!$G$22=$B$24,21,0),MOD($C4928,24)+1)/SUM(INDEX($D$3:$AA$30,INDEX(Jesper!$R$2:$R$366,ROW(INDEX(Jesper!AL$2:AL$366,ROUNDDOWN($C4928/24,0)+1,1))-1)+IF('Standard Profiles'!$G$22=$B$10,7,0)+IF('Standard Profiles'!$G$22=$B$17,14,0)+IF('Standard Profiles'!$G$22=$B$24,21,0),0)),0)</f>
        <v>0</v>
      </c>
      <c r="I4928">
        <f t="shared" si="552"/>
        <v>0.22408242777509771</v>
      </c>
      <c r="J4928">
        <f t="shared" si="553"/>
        <v>0.74694142591699242</v>
      </c>
      <c r="K4928">
        <f t="shared" si="554"/>
        <v>1.1204121388754886</v>
      </c>
      <c r="L4928">
        <f t="shared" si="555"/>
        <v>5.3779782666023452</v>
      </c>
      <c r="M4928">
        <f t="shared" si="556"/>
        <v>0</v>
      </c>
      <c r="N4928" s="46">
        <f t="shared" si="557"/>
        <v>45495.916666654797</v>
      </c>
    </row>
    <row r="4929" spans="2:14" x14ac:dyDescent="0.3">
      <c r="B4929">
        <f t="shared" si="551"/>
        <v>1</v>
      </c>
      <c r="C4929" s="16">
        <v>4895</v>
      </c>
      <c r="D4929" cm="1">
        <f t="array" ref="D4929">IFERROR(INDEX(Jesper!AH$2:AH$366,ROUNDDOWN($C4929/24,0)+1,1)*INDEX($D$3:$AA$30,INDEX(Jesper!$R$2:$R$366,ROW(INDEX(Jesper!AH$2:AH$366,ROUNDDOWN($C4929/24,0)+1,1))-1)+IF('Standard Profiles'!$G$18=$B$10,7,0)+IF('Standard Profiles'!$G$18=$B$17,14,0)+IF('Standard Profiles'!$G$18=$B$24,21,0),MOD($C4929,24)+1)/SUM(INDEX($D$3:$AA$30,INDEX(Jesper!$R$2:$R$366,ROW(INDEX(Jesper!AH$2:AH$366,ROUNDDOWN($C4929/24,0)+1,1))-1)+IF('Standard Profiles'!$G$18=$B$10,7,0)+IF('Standard Profiles'!$G$18=$B$17,14,0)+IF('Standard Profiles'!$G$18=$B$24,21,0),0)),0)</f>
        <v>7.4694142591699242</v>
      </c>
      <c r="E4929" cm="1">
        <f t="array" ref="E4929">IFERROR(INDEX(Jesper!AI$2:AI$366,ROUNDDOWN($C4929/24,0)+1,1)*INDEX($D$3:$AA$30,INDEX(Jesper!$R$2:$R$366,ROW(INDEX(Jesper!AI$2:AI$366,ROUNDDOWN($C4929/24,0)+1,1))-1)+IF('Standard Profiles'!$G$19=$B$10,7,0)+IF('Standard Profiles'!$G$19=$B$17,14,0)+IF('Standard Profiles'!$G$19=$B$24,21,0),MOD($C4929,24)+1)/SUM(INDEX($D$3:$AA$30,INDEX(Jesper!$R$2:$R$366,ROW(INDEX(Jesper!AI$2:AI$366,ROUNDDOWN($C4929/24,0)+1,1))-1)+IF('Standard Profiles'!$G$19=$B$10,7,0)+IF('Standard Profiles'!$G$19=$B$17,14,0)+IF('Standard Profiles'!$G$19=$B$24,21,0),0)),0)</f>
        <v>0</v>
      </c>
      <c r="F4929" cm="1">
        <f t="array" ref="F4929">IFERROR(INDEX(Jesper!AJ$2:AJ$366,ROUNDDOWN($C4929/24,0)+1,1)*INDEX($D$3:$AA$30,INDEX(Jesper!$R$2:$R$366,ROW(INDEX(Jesper!AJ$2:AJ$366,ROUNDDOWN($C4929/24,0)+1,1))-1)+IF('Standard Profiles'!$G$20=$B$10,7,0)+IF('Standard Profiles'!$G$20=$B$17,14,0)+IF('Standard Profiles'!$G$20=$B$24,21,0),MOD($C4929,24)+1)/SUM(INDEX($D$3:$AA$30,INDEX(Jesper!$R$2:$R$366,ROW(INDEX(Jesper!AJ$2:AJ$366,ROUNDDOWN($C4929/24,0)+1,1))-1)+IF('Standard Profiles'!$G$20=$B$10,7,0)+IF('Standard Profiles'!$G$20=$B$17,14,0)+IF('Standard Profiles'!$G$20=$B$24,21,0),0)),0)</f>
        <v>0</v>
      </c>
      <c r="G4929" cm="1">
        <f t="array" ref="G4929">IFERROR(INDEX(Jesper!AK$2:AK$366,ROUNDDOWN($C4929/24,0)+1,1)*INDEX($D$3:$AA$30,INDEX(Jesper!$R$2:$R$366,ROW(INDEX(Jesper!AK$2:AK$366,ROUNDDOWN($C4929/24,0)+1,1))-1)+IF('Standard Profiles'!$G$21=$B$10,7,0)+IF('Standard Profiles'!$G$21=$B$17,14,0)+IF('Standard Profiles'!$G$21=$B$24,21,0),MOD($C4929,24)+1)/SUM(INDEX($D$3:$AA$30,INDEX(Jesper!$R$2:$R$366,ROW(INDEX(Jesper!AK$2:AK$366,ROUNDDOWN($C4929/24,0)+1,1))-1)+IF('Standard Profiles'!$G$21=$B$10,7,0)+IF('Standard Profiles'!$G$21=$B$17,14,0)+IF('Standard Profiles'!$G$21=$B$24,21,0),0)),0)</f>
        <v>0</v>
      </c>
      <c r="H4929" cm="1">
        <f t="array" ref="H4929">IFERROR(INDEX(Jesper!AL$2:AL$366,ROUNDDOWN($C4929/24,0)+1,1)*INDEX($D$3:$AA$30,INDEX(Jesper!$R$2:$R$366,ROW(INDEX(Jesper!AL$2:AL$366,ROUNDDOWN($C4929/24,0)+1,1))-1)+IF('Standard Profiles'!$G$22=$B$10,7,0)+IF('Standard Profiles'!$G$22=$B$17,14,0)+IF('Standard Profiles'!$G$22=$B$24,21,0),MOD($C4929,24)+1)/SUM(INDEX($D$3:$AA$30,INDEX(Jesper!$R$2:$R$366,ROW(INDEX(Jesper!AL$2:AL$366,ROUNDDOWN($C4929/24,0)+1,1))-1)+IF('Standard Profiles'!$G$22=$B$10,7,0)+IF('Standard Profiles'!$G$22=$B$17,14,0)+IF('Standard Profiles'!$G$22=$B$24,21,0),0)),0)</f>
        <v>0</v>
      </c>
      <c r="I4929">
        <f t="shared" si="552"/>
        <v>0.22408242777509771</v>
      </c>
      <c r="J4929">
        <f t="shared" si="553"/>
        <v>0.74694142591699242</v>
      </c>
      <c r="K4929">
        <f t="shared" si="554"/>
        <v>1.1204121388754886</v>
      </c>
      <c r="L4929">
        <f t="shared" si="555"/>
        <v>5.3779782666023452</v>
      </c>
      <c r="M4929">
        <f t="shared" si="556"/>
        <v>0</v>
      </c>
      <c r="N4929" s="46">
        <f t="shared" si="557"/>
        <v>45495.958333321461</v>
      </c>
    </row>
    <row r="4930" spans="2:14" x14ac:dyDescent="0.3">
      <c r="B4930">
        <f t="shared" si="551"/>
        <v>2</v>
      </c>
      <c r="C4930" s="16">
        <v>4896</v>
      </c>
      <c r="D4930" cm="1">
        <f t="array" ref="D4930">IFERROR(INDEX(Jesper!AH$2:AH$366,ROUNDDOWN($C4930/24,0)+1,1)*INDEX($D$3:$AA$30,INDEX(Jesper!$R$2:$R$366,ROW(INDEX(Jesper!AH$2:AH$366,ROUNDDOWN($C4930/24,0)+1,1))-1)+IF('Standard Profiles'!$G$18=$B$10,7,0)+IF('Standard Profiles'!$G$18=$B$17,14,0)+IF('Standard Profiles'!$G$18=$B$24,21,0),MOD($C4930,24)+1)/SUM(INDEX($D$3:$AA$30,INDEX(Jesper!$R$2:$R$366,ROW(INDEX(Jesper!AH$2:AH$366,ROUNDDOWN($C4930/24,0)+1,1))-1)+IF('Standard Profiles'!$G$18=$B$10,7,0)+IF('Standard Profiles'!$G$18=$B$17,14,0)+IF('Standard Profiles'!$G$18=$B$24,21,0),0)),0)</f>
        <v>6.8370557797413358</v>
      </c>
      <c r="E4930" cm="1">
        <f t="array" ref="E4930">IFERROR(INDEX(Jesper!AI$2:AI$366,ROUNDDOWN($C4930/24,0)+1,1)*INDEX($D$3:$AA$30,INDEX(Jesper!$R$2:$R$366,ROW(INDEX(Jesper!AI$2:AI$366,ROUNDDOWN($C4930/24,0)+1,1))-1)+IF('Standard Profiles'!$G$19=$B$10,7,0)+IF('Standard Profiles'!$G$19=$B$17,14,0)+IF('Standard Profiles'!$G$19=$B$24,21,0),MOD($C4930,24)+1)/SUM(INDEX($D$3:$AA$30,INDEX(Jesper!$R$2:$R$366,ROW(INDEX(Jesper!AI$2:AI$366,ROUNDDOWN($C4930/24,0)+1,1))-1)+IF('Standard Profiles'!$G$19=$B$10,7,0)+IF('Standard Profiles'!$G$19=$B$17,14,0)+IF('Standard Profiles'!$G$19=$B$24,21,0),0)),0)</f>
        <v>0</v>
      </c>
      <c r="F4930" cm="1">
        <f t="array" ref="F4930">IFERROR(INDEX(Jesper!AJ$2:AJ$366,ROUNDDOWN($C4930/24,0)+1,1)*INDEX($D$3:$AA$30,INDEX(Jesper!$R$2:$R$366,ROW(INDEX(Jesper!AJ$2:AJ$366,ROUNDDOWN($C4930/24,0)+1,1))-1)+IF('Standard Profiles'!$G$20=$B$10,7,0)+IF('Standard Profiles'!$G$20=$B$17,14,0)+IF('Standard Profiles'!$G$20=$B$24,21,0),MOD($C4930,24)+1)/SUM(INDEX($D$3:$AA$30,INDEX(Jesper!$R$2:$R$366,ROW(INDEX(Jesper!AJ$2:AJ$366,ROUNDDOWN($C4930/24,0)+1,1))-1)+IF('Standard Profiles'!$G$20=$B$10,7,0)+IF('Standard Profiles'!$G$20=$B$17,14,0)+IF('Standard Profiles'!$G$20=$B$24,21,0),0)),0)</f>
        <v>0</v>
      </c>
      <c r="G4930" cm="1">
        <f t="array" ref="G4930">IFERROR(INDEX(Jesper!AK$2:AK$366,ROUNDDOWN($C4930/24,0)+1,1)*INDEX($D$3:$AA$30,INDEX(Jesper!$R$2:$R$366,ROW(INDEX(Jesper!AK$2:AK$366,ROUNDDOWN($C4930/24,0)+1,1))-1)+IF('Standard Profiles'!$G$21=$B$10,7,0)+IF('Standard Profiles'!$G$21=$B$17,14,0)+IF('Standard Profiles'!$G$21=$B$24,21,0),MOD($C4930,24)+1)/SUM(INDEX($D$3:$AA$30,INDEX(Jesper!$R$2:$R$366,ROW(INDEX(Jesper!AK$2:AK$366,ROUNDDOWN($C4930/24,0)+1,1))-1)+IF('Standard Profiles'!$G$21=$B$10,7,0)+IF('Standard Profiles'!$G$21=$B$17,14,0)+IF('Standard Profiles'!$G$21=$B$24,21,0),0)),0)</f>
        <v>0</v>
      </c>
      <c r="H4930" cm="1">
        <f t="array" ref="H4930">IFERROR(INDEX(Jesper!AL$2:AL$366,ROUNDDOWN($C4930/24,0)+1,1)*INDEX($D$3:$AA$30,INDEX(Jesper!$R$2:$R$366,ROW(INDEX(Jesper!AL$2:AL$366,ROUNDDOWN($C4930/24,0)+1,1))-1)+IF('Standard Profiles'!$G$22=$B$10,7,0)+IF('Standard Profiles'!$G$22=$B$17,14,0)+IF('Standard Profiles'!$G$22=$B$24,21,0),MOD($C4930,24)+1)/SUM(INDEX($D$3:$AA$30,INDEX(Jesper!$R$2:$R$366,ROW(INDEX(Jesper!AL$2:AL$366,ROUNDDOWN($C4930/24,0)+1,1))-1)+IF('Standard Profiles'!$G$22=$B$10,7,0)+IF('Standard Profiles'!$G$22=$B$17,14,0)+IF('Standard Profiles'!$G$22=$B$24,21,0),0)),0)</f>
        <v>0</v>
      </c>
      <c r="I4930">
        <f t="shared" si="552"/>
        <v>0.20511167339224007</v>
      </c>
      <c r="J4930">
        <f t="shared" si="553"/>
        <v>0.68370557797413367</v>
      </c>
      <c r="K4930">
        <f t="shared" si="554"/>
        <v>1.0255583669612003</v>
      </c>
      <c r="L4930">
        <f t="shared" si="555"/>
        <v>4.9226801614137612</v>
      </c>
      <c r="M4930">
        <f t="shared" si="556"/>
        <v>0</v>
      </c>
      <c r="N4930" s="46">
        <f t="shared" si="557"/>
        <v>45495.999999988126</v>
      </c>
    </row>
    <row r="4931" spans="2:14" x14ac:dyDescent="0.3">
      <c r="B4931">
        <f t="shared" si="551"/>
        <v>2</v>
      </c>
      <c r="C4931" s="16">
        <v>4897</v>
      </c>
      <c r="D4931" cm="1">
        <f t="array" ref="D4931">IFERROR(INDEX(Jesper!AH$2:AH$366,ROUNDDOWN($C4931/24,0)+1,1)*INDEX($D$3:$AA$30,INDEX(Jesper!$R$2:$R$366,ROW(INDEX(Jesper!AH$2:AH$366,ROUNDDOWN($C4931/24,0)+1,1))-1)+IF('Standard Profiles'!$G$18=$B$10,7,0)+IF('Standard Profiles'!$G$18=$B$17,14,0)+IF('Standard Profiles'!$G$18=$B$24,21,0),MOD($C4931,24)+1)/SUM(INDEX($D$3:$AA$30,INDEX(Jesper!$R$2:$R$366,ROW(INDEX(Jesper!AH$2:AH$366,ROUNDDOWN($C4931/24,0)+1,1))-1)+IF('Standard Profiles'!$G$18=$B$10,7,0)+IF('Standard Profiles'!$G$18=$B$17,14,0)+IF('Standard Profiles'!$G$18=$B$24,21,0),0)),0)</f>
        <v>6.8370557797413358</v>
      </c>
      <c r="E4931" cm="1">
        <f t="array" ref="E4931">IFERROR(INDEX(Jesper!AI$2:AI$366,ROUNDDOWN($C4931/24,0)+1,1)*INDEX($D$3:$AA$30,INDEX(Jesper!$R$2:$R$366,ROW(INDEX(Jesper!AI$2:AI$366,ROUNDDOWN($C4931/24,0)+1,1))-1)+IF('Standard Profiles'!$G$19=$B$10,7,0)+IF('Standard Profiles'!$G$19=$B$17,14,0)+IF('Standard Profiles'!$G$19=$B$24,21,0),MOD($C4931,24)+1)/SUM(INDEX($D$3:$AA$30,INDEX(Jesper!$R$2:$R$366,ROW(INDEX(Jesper!AI$2:AI$366,ROUNDDOWN($C4931/24,0)+1,1))-1)+IF('Standard Profiles'!$G$19=$B$10,7,0)+IF('Standard Profiles'!$G$19=$B$17,14,0)+IF('Standard Profiles'!$G$19=$B$24,21,0),0)),0)</f>
        <v>0</v>
      </c>
      <c r="F4931" cm="1">
        <f t="array" ref="F4931">IFERROR(INDEX(Jesper!AJ$2:AJ$366,ROUNDDOWN($C4931/24,0)+1,1)*INDEX($D$3:$AA$30,INDEX(Jesper!$R$2:$R$366,ROW(INDEX(Jesper!AJ$2:AJ$366,ROUNDDOWN($C4931/24,0)+1,1))-1)+IF('Standard Profiles'!$G$20=$B$10,7,0)+IF('Standard Profiles'!$G$20=$B$17,14,0)+IF('Standard Profiles'!$G$20=$B$24,21,0),MOD($C4931,24)+1)/SUM(INDEX($D$3:$AA$30,INDEX(Jesper!$R$2:$R$366,ROW(INDEX(Jesper!AJ$2:AJ$366,ROUNDDOWN($C4931/24,0)+1,1))-1)+IF('Standard Profiles'!$G$20=$B$10,7,0)+IF('Standard Profiles'!$G$20=$B$17,14,0)+IF('Standard Profiles'!$G$20=$B$24,21,0),0)),0)</f>
        <v>0</v>
      </c>
      <c r="G4931" cm="1">
        <f t="array" ref="G4931">IFERROR(INDEX(Jesper!AK$2:AK$366,ROUNDDOWN($C4931/24,0)+1,1)*INDEX($D$3:$AA$30,INDEX(Jesper!$R$2:$R$366,ROW(INDEX(Jesper!AK$2:AK$366,ROUNDDOWN($C4931/24,0)+1,1))-1)+IF('Standard Profiles'!$G$21=$B$10,7,0)+IF('Standard Profiles'!$G$21=$B$17,14,0)+IF('Standard Profiles'!$G$21=$B$24,21,0),MOD($C4931,24)+1)/SUM(INDEX($D$3:$AA$30,INDEX(Jesper!$R$2:$R$366,ROW(INDEX(Jesper!AK$2:AK$366,ROUNDDOWN($C4931/24,0)+1,1))-1)+IF('Standard Profiles'!$G$21=$B$10,7,0)+IF('Standard Profiles'!$G$21=$B$17,14,0)+IF('Standard Profiles'!$G$21=$B$24,21,0),0)),0)</f>
        <v>0</v>
      </c>
      <c r="H4931" cm="1">
        <f t="array" ref="H4931">IFERROR(INDEX(Jesper!AL$2:AL$366,ROUNDDOWN($C4931/24,0)+1,1)*INDEX($D$3:$AA$30,INDEX(Jesper!$R$2:$R$366,ROW(INDEX(Jesper!AL$2:AL$366,ROUNDDOWN($C4931/24,0)+1,1))-1)+IF('Standard Profiles'!$G$22=$B$10,7,0)+IF('Standard Profiles'!$G$22=$B$17,14,0)+IF('Standard Profiles'!$G$22=$B$24,21,0),MOD($C4931,24)+1)/SUM(INDEX($D$3:$AA$30,INDEX(Jesper!$R$2:$R$366,ROW(INDEX(Jesper!AL$2:AL$366,ROUNDDOWN($C4931/24,0)+1,1))-1)+IF('Standard Profiles'!$G$22=$B$10,7,0)+IF('Standard Profiles'!$G$22=$B$17,14,0)+IF('Standard Profiles'!$G$22=$B$24,21,0),0)),0)</f>
        <v>0</v>
      </c>
      <c r="I4931">
        <f t="shared" si="552"/>
        <v>0.20511167339224007</v>
      </c>
      <c r="J4931">
        <f t="shared" si="553"/>
        <v>0.68370557797413367</v>
      </c>
      <c r="K4931">
        <f t="shared" si="554"/>
        <v>1.0255583669612003</v>
      </c>
      <c r="L4931">
        <f t="shared" si="555"/>
        <v>4.9226801614137612</v>
      </c>
      <c r="M4931">
        <f t="shared" si="556"/>
        <v>0</v>
      </c>
      <c r="N4931" s="46">
        <f t="shared" si="557"/>
        <v>45496.04166665479</v>
      </c>
    </row>
    <row r="4932" spans="2:14" x14ac:dyDescent="0.3">
      <c r="B4932">
        <f t="shared" si="551"/>
        <v>2</v>
      </c>
      <c r="C4932" s="16">
        <v>4898</v>
      </c>
      <c r="D4932" cm="1">
        <f t="array" ref="D4932">IFERROR(INDEX(Jesper!AH$2:AH$366,ROUNDDOWN($C4932/24,0)+1,1)*INDEX($D$3:$AA$30,INDEX(Jesper!$R$2:$R$366,ROW(INDEX(Jesper!AH$2:AH$366,ROUNDDOWN($C4932/24,0)+1,1))-1)+IF('Standard Profiles'!$G$18=$B$10,7,0)+IF('Standard Profiles'!$G$18=$B$17,14,0)+IF('Standard Profiles'!$G$18=$B$24,21,0),MOD($C4932,24)+1)/SUM(INDEX($D$3:$AA$30,INDEX(Jesper!$R$2:$R$366,ROW(INDEX(Jesper!AH$2:AH$366,ROUNDDOWN($C4932/24,0)+1,1))-1)+IF('Standard Profiles'!$G$18=$B$10,7,0)+IF('Standard Profiles'!$G$18=$B$17,14,0)+IF('Standard Profiles'!$G$18=$B$24,21,0),0)),0)</f>
        <v>6.8370557797413358</v>
      </c>
      <c r="E4932" cm="1">
        <f t="array" ref="E4932">IFERROR(INDEX(Jesper!AI$2:AI$366,ROUNDDOWN($C4932/24,0)+1,1)*INDEX($D$3:$AA$30,INDEX(Jesper!$R$2:$R$366,ROW(INDEX(Jesper!AI$2:AI$366,ROUNDDOWN($C4932/24,0)+1,1))-1)+IF('Standard Profiles'!$G$19=$B$10,7,0)+IF('Standard Profiles'!$G$19=$B$17,14,0)+IF('Standard Profiles'!$G$19=$B$24,21,0),MOD($C4932,24)+1)/SUM(INDEX($D$3:$AA$30,INDEX(Jesper!$R$2:$R$366,ROW(INDEX(Jesper!AI$2:AI$366,ROUNDDOWN($C4932/24,0)+1,1))-1)+IF('Standard Profiles'!$G$19=$B$10,7,0)+IF('Standard Profiles'!$G$19=$B$17,14,0)+IF('Standard Profiles'!$G$19=$B$24,21,0),0)),0)</f>
        <v>0</v>
      </c>
      <c r="F4932" cm="1">
        <f t="array" ref="F4932">IFERROR(INDEX(Jesper!AJ$2:AJ$366,ROUNDDOWN($C4932/24,0)+1,1)*INDEX($D$3:$AA$30,INDEX(Jesper!$R$2:$R$366,ROW(INDEX(Jesper!AJ$2:AJ$366,ROUNDDOWN($C4932/24,0)+1,1))-1)+IF('Standard Profiles'!$G$20=$B$10,7,0)+IF('Standard Profiles'!$G$20=$B$17,14,0)+IF('Standard Profiles'!$G$20=$B$24,21,0),MOD($C4932,24)+1)/SUM(INDEX($D$3:$AA$30,INDEX(Jesper!$R$2:$R$366,ROW(INDEX(Jesper!AJ$2:AJ$366,ROUNDDOWN($C4932/24,0)+1,1))-1)+IF('Standard Profiles'!$G$20=$B$10,7,0)+IF('Standard Profiles'!$G$20=$B$17,14,0)+IF('Standard Profiles'!$G$20=$B$24,21,0),0)),0)</f>
        <v>0</v>
      </c>
      <c r="G4932" cm="1">
        <f t="array" ref="G4932">IFERROR(INDEX(Jesper!AK$2:AK$366,ROUNDDOWN($C4932/24,0)+1,1)*INDEX($D$3:$AA$30,INDEX(Jesper!$R$2:$R$366,ROW(INDEX(Jesper!AK$2:AK$366,ROUNDDOWN($C4932/24,0)+1,1))-1)+IF('Standard Profiles'!$G$21=$B$10,7,0)+IF('Standard Profiles'!$G$21=$B$17,14,0)+IF('Standard Profiles'!$G$21=$B$24,21,0),MOD($C4932,24)+1)/SUM(INDEX($D$3:$AA$30,INDEX(Jesper!$R$2:$R$366,ROW(INDEX(Jesper!AK$2:AK$366,ROUNDDOWN($C4932/24,0)+1,1))-1)+IF('Standard Profiles'!$G$21=$B$10,7,0)+IF('Standard Profiles'!$G$21=$B$17,14,0)+IF('Standard Profiles'!$G$21=$B$24,21,0),0)),0)</f>
        <v>0</v>
      </c>
      <c r="H4932" cm="1">
        <f t="array" ref="H4932">IFERROR(INDEX(Jesper!AL$2:AL$366,ROUNDDOWN($C4932/24,0)+1,1)*INDEX($D$3:$AA$30,INDEX(Jesper!$R$2:$R$366,ROW(INDEX(Jesper!AL$2:AL$366,ROUNDDOWN($C4932/24,0)+1,1))-1)+IF('Standard Profiles'!$G$22=$B$10,7,0)+IF('Standard Profiles'!$G$22=$B$17,14,0)+IF('Standard Profiles'!$G$22=$B$24,21,0),MOD($C4932,24)+1)/SUM(INDEX($D$3:$AA$30,INDEX(Jesper!$R$2:$R$366,ROW(INDEX(Jesper!AL$2:AL$366,ROUNDDOWN($C4932/24,0)+1,1))-1)+IF('Standard Profiles'!$G$22=$B$10,7,0)+IF('Standard Profiles'!$G$22=$B$17,14,0)+IF('Standard Profiles'!$G$22=$B$24,21,0),0)),0)</f>
        <v>0</v>
      </c>
      <c r="I4932">
        <f t="shared" si="552"/>
        <v>0.20511167339224007</v>
      </c>
      <c r="J4932">
        <f t="shared" si="553"/>
        <v>0.68370557797413367</v>
      </c>
      <c r="K4932">
        <f t="shared" si="554"/>
        <v>1.0255583669612003</v>
      </c>
      <c r="L4932">
        <f t="shared" si="555"/>
        <v>4.9226801614137612</v>
      </c>
      <c r="M4932">
        <f t="shared" si="556"/>
        <v>0</v>
      </c>
      <c r="N4932" s="46">
        <f t="shared" si="557"/>
        <v>45496.083333321454</v>
      </c>
    </row>
    <row r="4933" spans="2:14" x14ac:dyDescent="0.3">
      <c r="B4933">
        <f t="shared" si="551"/>
        <v>2</v>
      </c>
      <c r="C4933" s="16">
        <v>4899</v>
      </c>
      <c r="D4933" cm="1">
        <f t="array" ref="D4933">IFERROR(INDEX(Jesper!AH$2:AH$366,ROUNDDOWN($C4933/24,0)+1,1)*INDEX($D$3:$AA$30,INDEX(Jesper!$R$2:$R$366,ROW(INDEX(Jesper!AH$2:AH$366,ROUNDDOWN($C4933/24,0)+1,1))-1)+IF('Standard Profiles'!$G$18=$B$10,7,0)+IF('Standard Profiles'!$G$18=$B$17,14,0)+IF('Standard Profiles'!$G$18=$B$24,21,0),MOD($C4933,24)+1)/SUM(INDEX($D$3:$AA$30,INDEX(Jesper!$R$2:$R$366,ROW(INDEX(Jesper!AH$2:AH$366,ROUNDDOWN($C4933/24,0)+1,1))-1)+IF('Standard Profiles'!$G$18=$B$10,7,0)+IF('Standard Profiles'!$G$18=$B$17,14,0)+IF('Standard Profiles'!$G$18=$B$24,21,0),0)),0)</f>
        <v>6.8370557797413358</v>
      </c>
      <c r="E4933" cm="1">
        <f t="array" ref="E4933">IFERROR(INDEX(Jesper!AI$2:AI$366,ROUNDDOWN($C4933/24,0)+1,1)*INDEX($D$3:$AA$30,INDEX(Jesper!$R$2:$R$366,ROW(INDEX(Jesper!AI$2:AI$366,ROUNDDOWN($C4933/24,0)+1,1))-1)+IF('Standard Profiles'!$G$19=$B$10,7,0)+IF('Standard Profiles'!$G$19=$B$17,14,0)+IF('Standard Profiles'!$G$19=$B$24,21,0),MOD($C4933,24)+1)/SUM(INDEX($D$3:$AA$30,INDEX(Jesper!$R$2:$R$366,ROW(INDEX(Jesper!AI$2:AI$366,ROUNDDOWN($C4933/24,0)+1,1))-1)+IF('Standard Profiles'!$G$19=$B$10,7,0)+IF('Standard Profiles'!$G$19=$B$17,14,0)+IF('Standard Profiles'!$G$19=$B$24,21,0),0)),0)</f>
        <v>0</v>
      </c>
      <c r="F4933" cm="1">
        <f t="array" ref="F4933">IFERROR(INDEX(Jesper!AJ$2:AJ$366,ROUNDDOWN($C4933/24,0)+1,1)*INDEX($D$3:$AA$30,INDEX(Jesper!$R$2:$R$366,ROW(INDEX(Jesper!AJ$2:AJ$366,ROUNDDOWN($C4933/24,0)+1,1))-1)+IF('Standard Profiles'!$G$20=$B$10,7,0)+IF('Standard Profiles'!$G$20=$B$17,14,0)+IF('Standard Profiles'!$G$20=$B$24,21,0),MOD($C4933,24)+1)/SUM(INDEX($D$3:$AA$30,INDEX(Jesper!$R$2:$R$366,ROW(INDEX(Jesper!AJ$2:AJ$366,ROUNDDOWN($C4933/24,0)+1,1))-1)+IF('Standard Profiles'!$G$20=$B$10,7,0)+IF('Standard Profiles'!$G$20=$B$17,14,0)+IF('Standard Profiles'!$G$20=$B$24,21,0),0)),0)</f>
        <v>0</v>
      </c>
      <c r="G4933" cm="1">
        <f t="array" ref="G4933">IFERROR(INDEX(Jesper!AK$2:AK$366,ROUNDDOWN($C4933/24,0)+1,1)*INDEX($D$3:$AA$30,INDEX(Jesper!$R$2:$R$366,ROW(INDEX(Jesper!AK$2:AK$366,ROUNDDOWN($C4933/24,0)+1,1))-1)+IF('Standard Profiles'!$G$21=$B$10,7,0)+IF('Standard Profiles'!$G$21=$B$17,14,0)+IF('Standard Profiles'!$G$21=$B$24,21,0),MOD($C4933,24)+1)/SUM(INDEX($D$3:$AA$30,INDEX(Jesper!$R$2:$R$366,ROW(INDEX(Jesper!AK$2:AK$366,ROUNDDOWN($C4933/24,0)+1,1))-1)+IF('Standard Profiles'!$G$21=$B$10,7,0)+IF('Standard Profiles'!$G$21=$B$17,14,0)+IF('Standard Profiles'!$G$21=$B$24,21,0),0)),0)</f>
        <v>0</v>
      </c>
      <c r="H4933" cm="1">
        <f t="array" ref="H4933">IFERROR(INDEX(Jesper!AL$2:AL$366,ROUNDDOWN($C4933/24,0)+1,1)*INDEX($D$3:$AA$30,INDEX(Jesper!$R$2:$R$366,ROW(INDEX(Jesper!AL$2:AL$366,ROUNDDOWN($C4933/24,0)+1,1))-1)+IF('Standard Profiles'!$G$22=$B$10,7,0)+IF('Standard Profiles'!$G$22=$B$17,14,0)+IF('Standard Profiles'!$G$22=$B$24,21,0),MOD($C4933,24)+1)/SUM(INDEX($D$3:$AA$30,INDEX(Jesper!$R$2:$R$366,ROW(INDEX(Jesper!AL$2:AL$366,ROUNDDOWN($C4933/24,0)+1,1))-1)+IF('Standard Profiles'!$G$22=$B$10,7,0)+IF('Standard Profiles'!$G$22=$B$17,14,0)+IF('Standard Profiles'!$G$22=$B$24,21,0),0)),0)</f>
        <v>0</v>
      </c>
      <c r="I4933">
        <f t="shared" si="552"/>
        <v>0.20511167339224007</v>
      </c>
      <c r="J4933">
        <f t="shared" si="553"/>
        <v>0.68370557797413367</v>
      </c>
      <c r="K4933">
        <f t="shared" si="554"/>
        <v>1.0255583669612003</v>
      </c>
      <c r="L4933">
        <f t="shared" si="555"/>
        <v>4.9226801614137612</v>
      </c>
      <c r="M4933">
        <f t="shared" si="556"/>
        <v>0</v>
      </c>
      <c r="N4933" s="46">
        <f t="shared" si="557"/>
        <v>45496.124999988118</v>
      </c>
    </row>
    <row r="4934" spans="2:14" x14ac:dyDescent="0.3">
      <c r="B4934">
        <f t="shared" si="551"/>
        <v>2</v>
      </c>
      <c r="C4934" s="16">
        <v>4900</v>
      </c>
      <c r="D4934" cm="1">
        <f t="array" ref="D4934">IFERROR(INDEX(Jesper!AH$2:AH$366,ROUNDDOWN($C4934/24,0)+1,1)*INDEX($D$3:$AA$30,INDEX(Jesper!$R$2:$R$366,ROW(INDEX(Jesper!AH$2:AH$366,ROUNDDOWN($C4934/24,0)+1,1))-1)+IF('Standard Profiles'!$G$18=$B$10,7,0)+IF('Standard Profiles'!$G$18=$B$17,14,0)+IF('Standard Profiles'!$G$18=$B$24,21,0),MOD($C4934,24)+1)/SUM(INDEX($D$3:$AA$30,INDEX(Jesper!$R$2:$R$366,ROW(INDEX(Jesper!AH$2:AH$366,ROUNDDOWN($C4934/24,0)+1,1))-1)+IF('Standard Profiles'!$G$18=$B$10,7,0)+IF('Standard Profiles'!$G$18=$B$17,14,0)+IF('Standard Profiles'!$G$18=$B$24,21,0),0)),0)</f>
        <v>6.8370557797413358</v>
      </c>
      <c r="E4934" cm="1">
        <f t="array" ref="E4934">IFERROR(INDEX(Jesper!AI$2:AI$366,ROUNDDOWN($C4934/24,0)+1,1)*INDEX($D$3:$AA$30,INDEX(Jesper!$R$2:$R$366,ROW(INDEX(Jesper!AI$2:AI$366,ROUNDDOWN($C4934/24,0)+1,1))-1)+IF('Standard Profiles'!$G$19=$B$10,7,0)+IF('Standard Profiles'!$G$19=$B$17,14,0)+IF('Standard Profiles'!$G$19=$B$24,21,0),MOD($C4934,24)+1)/SUM(INDEX($D$3:$AA$30,INDEX(Jesper!$R$2:$R$366,ROW(INDEX(Jesper!AI$2:AI$366,ROUNDDOWN($C4934/24,0)+1,1))-1)+IF('Standard Profiles'!$G$19=$B$10,7,0)+IF('Standard Profiles'!$G$19=$B$17,14,0)+IF('Standard Profiles'!$G$19=$B$24,21,0),0)),0)</f>
        <v>0</v>
      </c>
      <c r="F4934" cm="1">
        <f t="array" ref="F4934">IFERROR(INDEX(Jesper!AJ$2:AJ$366,ROUNDDOWN($C4934/24,0)+1,1)*INDEX($D$3:$AA$30,INDEX(Jesper!$R$2:$R$366,ROW(INDEX(Jesper!AJ$2:AJ$366,ROUNDDOWN($C4934/24,0)+1,1))-1)+IF('Standard Profiles'!$G$20=$B$10,7,0)+IF('Standard Profiles'!$G$20=$B$17,14,0)+IF('Standard Profiles'!$G$20=$B$24,21,0),MOD($C4934,24)+1)/SUM(INDEX($D$3:$AA$30,INDEX(Jesper!$R$2:$R$366,ROW(INDEX(Jesper!AJ$2:AJ$366,ROUNDDOWN($C4934/24,0)+1,1))-1)+IF('Standard Profiles'!$G$20=$B$10,7,0)+IF('Standard Profiles'!$G$20=$B$17,14,0)+IF('Standard Profiles'!$G$20=$B$24,21,0),0)),0)</f>
        <v>0</v>
      </c>
      <c r="G4934" cm="1">
        <f t="array" ref="G4934">IFERROR(INDEX(Jesper!AK$2:AK$366,ROUNDDOWN($C4934/24,0)+1,1)*INDEX($D$3:$AA$30,INDEX(Jesper!$R$2:$R$366,ROW(INDEX(Jesper!AK$2:AK$366,ROUNDDOWN($C4934/24,0)+1,1))-1)+IF('Standard Profiles'!$G$21=$B$10,7,0)+IF('Standard Profiles'!$G$21=$B$17,14,0)+IF('Standard Profiles'!$G$21=$B$24,21,0),MOD($C4934,24)+1)/SUM(INDEX($D$3:$AA$30,INDEX(Jesper!$R$2:$R$366,ROW(INDEX(Jesper!AK$2:AK$366,ROUNDDOWN($C4934/24,0)+1,1))-1)+IF('Standard Profiles'!$G$21=$B$10,7,0)+IF('Standard Profiles'!$G$21=$B$17,14,0)+IF('Standard Profiles'!$G$21=$B$24,21,0),0)),0)</f>
        <v>0</v>
      </c>
      <c r="H4934" cm="1">
        <f t="array" ref="H4934">IFERROR(INDEX(Jesper!AL$2:AL$366,ROUNDDOWN($C4934/24,0)+1,1)*INDEX($D$3:$AA$30,INDEX(Jesper!$R$2:$R$366,ROW(INDEX(Jesper!AL$2:AL$366,ROUNDDOWN($C4934/24,0)+1,1))-1)+IF('Standard Profiles'!$G$22=$B$10,7,0)+IF('Standard Profiles'!$G$22=$B$17,14,0)+IF('Standard Profiles'!$G$22=$B$24,21,0),MOD($C4934,24)+1)/SUM(INDEX($D$3:$AA$30,INDEX(Jesper!$R$2:$R$366,ROW(INDEX(Jesper!AL$2:AL$366,ROUNDDOWN($C4934/24,0)+1,1))-1)+IF('Standard Profiles'!$G$22=$B$10,7,0)+IF('Standard Profiles'!$G$22=$B$17,14,0)+IF('Standard Profiles'!$G$22=$B$24,21,0),0)),0)</f>
        <v>0</v>
      </c>
      <c r="I4934">
        <f t="shared" si="552"/>
        <v>0.20511167339224007</v>
      </c>
      <c r="J4934">
        <f t="shared" si="553"/>
        <v>0.68370557797413367</v>
      </c>
      <c r="K4934">
        <f t="shared" si="554"/>
        <v>1.0255583669612003</v>
      </c>
      <c r="L4934">
        <f t="shared" si="555"/>
        <v>4.9226801614137612</v>
      </c>
      <c r="M4934">
        <f t="shared" si="556"/>
        <v>0</v>
      </c>
      <c r="N4934" s="46">
        <f t="shared" si="557"/>
        <v>45496.166666654783</v>
      </c>
    </row>
    <row r="4935" spans="2:14" x14ac:dyDescent="0.3">
      <c r="B4935">
        <f t="shared" si="551"/>
        <v>2</v>
      </c>
      <c r="C4935" s="16">
        <v>4901</v>
      </c>
      <c r="D4935" cm="1">
        <f t="array" ref="D4935">IFERROR(INDEX(Jesper!AH$2:AH$366,ROUNDDOWN($C4935/24,0)+1,1)*INDEX($D$3:$AA$30,INDEX(Jesper!$R$2:$R$366,ROW(INDEX(Jesper!AH$2:AH$366,ROUNDDOWN($C4935/24,0)+1,1))-1)+IF('Standard Profiles'!$G$18=$B$10,7,0)+IF('Standard Profiles'!$G$18=$B$17,14,0)+IF('Standard Profiles'!$G$18=$B$24,21,0),MOD($C4935,24)+1)/SUM(INDEX($D$3:$AA$30,INDEX(Jesper!$R$2:$R$366,ROW(INDEX(Jesper!AH$2:AH$366,ROUNDDOWN($C4935/24,0)+1,1))-1)+IF('Standard Profiles'!$G$18=$B$10,7,0)+IF('Standard Profiles'!$G$18=$B$17,14,0)+IF('Standard Profiles'!$G$18=$B$24,21,0),0)),0)</f>
        <v>8.8881725136637364</v>
      </c>
      <c r="E4935" cm="1">
        <f t="array" ref="E4935">IFERROR(INDEX(Jesper!AI$2:AI$366,ROUNDDOWN($C4935/24,0)+1,1)*INDEX($D$3:$AA$30,INDEX(Jesper!$R$2:$R$366,ROW(INDEX(Jesper!AI$2:AI$366,ROUNDDOWN($C4935/24,0)+1,1))-1)+IF('Standard Profiles'!$G$19=$B$10,7,0)+IF('Standard Profiles'!$G$19=$B$17,14,0)+IF('Standard Profiles'!$G$19=$B$24,21,0),MOD($C4935,24)+1)/SUM(INDEX($D$3:$AA$30,INDEX(Jesper!$R$2:$R$366,ROW(INDEX(Jesper!AI$2:AI$366,ROUNDDOWN($C4935/24,0)+1,1))-1)+IF('Standard Profiles'!$G$19=$B$10,7,0)+IF('Standard Profiles'!$G$19=$B$17,14,0)+IF('Standard Profiles'!$G$19=$B$24,21,0),0)),0)</f>
        <v>0</v>
      </c>
      <c r="F4935" cm="1">
        <f t="array" ref="F4935">IFERROR(INDEX(Jesper!AJ$2:AJ$366,ROUNDDOWN($C4935/24,0)+1,1)*INDEX($D$3:$AA$30,INDEX(Jesper!$R$2:$R$366,ROW(INDEX(Jesper!AJ$2:AJ$366,ROUNDDOWN($C4935/24,0)+1,1))-1)+IF('Standard Profiles'!$G$20=$B$10,7,0)+IF('Standard Profiles'!$G$20=$B$17,14,0)+IF('Standard Profiles'!$G$20=$B$24,21,0),MOD($C4935,24)+1)/SUM(INDEX($D$3:$AA$30,INDEX(Jesper!$R$2:$R$366,ROW(INDEX(Jesper!AJ$2:AJ$366,ROUNDDOWN($C4935/24,0)+1,1))-1)+IF('Standard Profiles'!$G$20=$B$10,7,0)+IF('Standard Profiles'!$G$20=$B$17,14,0)+IF('Standard Profiles'!$G$20=$B$24,21,0),0)),0)</f>
        <v>0</v>
      </c>
      <c r="G4935" cm="1">
        <f t="array" ref="G4935">IFERROR(INDEX(Jesper!AK$2:AK$366,ROUNDDOWN($C4935/24,0)+1,1)*INDEX($D$3:$AA$30,INDEX(Jesper!$R$2:$R$366,ROW(INDEX(Jesper!AK$2:AK$366,ROUNDDOWN($C4935/24,0)+1,1))-1)+IF('Standard Profiles'!$G$21=$B$10,7,0)+IF('Standard Profiles'!$G$21=$B$17,14,0)+IF('Standard Profiles'!$G$21=$B$24,21,0),MOD($C4935,24)+1)/SUM(INDEX($D$3:$AA$30,INDEX(Jesper!$R$2:$R$366,ROW(INDEX(Jesper!AK$2:AK$366,ROUNDDOWN($C4935/24,0)+1,1))-1)+IF('Standard Profiles'!$G$21=$B$10,7,0)+IF('Standard Profiles'!$G$21=$B$17,14,0)+IF('Standard Profiles'!$G$21=$B$24,21,0),0)),0)</f>
        <v>0</v>
      </c>
      <c r="H4935" cm="1">
        <f t="array" ref="H4935">IFERROR(INDEX(Jesper!AL$2:AL$366,ROUNDDOWN($C4935/24,0)+1,1)*INDEX($D$3:$AA$30,INDEX(Jesper!$R$2:$R$366,ROW(INDEX(Jesper!AL$2:AL$366,ROUNDDOWN($C4935/24,0)+1,1))-1)+IF('Standard Profiles'!$G$22=$B$10,7,0)+IF('Standard Profiles'!$G$22=$B$17,14,0)+IF('Standard Profiles'!$G$22=$B$24,21,0),MOD($C4935,24)+1)/SUM(INDEX($D$3:$AA$30,INDEX(Jesper!$R$2:$R$366,ROW(INDEX(Jesper!AL$2:AL$366,ROUNDDOWN($C4935/24,0)+1,1))-1)+IF('Standard Profiles'!$G$22=$B$10,7,0)+IF('Standard Profiles'!$G$22=$B$17,14,0)+IF('Standard Profiles'!$G$22=$B$24,21,0),0)),0)</f>
        <v>0</v>
      </c>
      <c r="I4935">
        <f t="shared" si="552"/>
        <v>0.26664517540991206</v>
      </c>
      <c r="J4935">
        <f t="shared" si="553"/>
        <v>0.88881725136637368</v>
      </c>
      <c r="K4935">
        <f t="shared" si="554"/>
        <v>1.3332258770495604</v>
      </c>
      <c r="L4935">
        <f t="shared" si="555"/>
        <v>6.3994842098378903</v>
      </c>
      <c r="M4935">
        <f t="shared" si="556"/>
        <v>0</v>
      </c>
      <c r="N4935" s="46">
        <f t="shared" si="557"/>
        <v>45496.208333321447</v>
      </c>
    </row>
    <row r="4936" spans="2:14" x14ac:dyDescent="0.3">
      <c r="B4936">
        <f t="shared" si="551"/>
        <v>2</v>
      </c>
      <c r="C4936" s="16">
        <v>4902</v>
      </c>
      <c r="D4936" cm="1">
        <f t="array" ref="D4936">IFERROR(INDEX(Jesper!AH$2:AH$366,ROUNDDOWN($C4936/24,0)+1,1)*INDEX($D$3:$AA$30,INDEX(Jesper!$R$2:$R$366,ROW(INDEX(Jesper!AH$2:AH$366,ROUNDDOWN($C4936/24,0)+1,1))-1)+IF('Standard Profiles'!$G$18=$B$10,7,0)+IF('Standard Profiles'!$G$18=$B$17,14,0)+IF('Standard Profiles'!$G$18=$B$24,21,0),MOD($C4936,24)+1)/SUM(INDEX($D$3:$AA$30,INDEX(Jesper!$R$2:$R$366,ROW(INDEX(Jesper!AH$2:AH$366,ROUNDDOWN($C4936/24,0)+1,1))-1)+IF('Standard Profiles'!$G$18=$B$10,7,0)+IF('Standard Profiles'!$G$18=$B$17,14,0)+IF('Standard Profiles'!$G$18=$B$24,21,0),0)),0)</f>
        <v>9.9137308806249358</v>
      </c>
      <c r="E4936" cm="1">
        <f t="array" ref="E4936">IFERROR(INDEX(Jesper!AI$2:AI$366,ROUNDDOWN($C4936/24,0)+1,1)*INDEX($D$3:$AA$30,INDEX(Jesper!$R$2:$R$366,ROW(INDEX(Jesper!AI$2:AI$366,ROUNDDOWN($C4936/24,0)+1,1))-1)+IF('Standard Profiles'!$G$19=$B$10,7,0)+IF('Standard Profiles'!$G$19=$B$17,14,0)+IF('Standard Profiles'!$G$19=$B$24,21,0),MOD($C4936,24)+1)/SUM(INDEX($D$3:$AA$30,INDEX(Jesper!$R$2:$R$366,ROW(INDEX(Jesper!AI$2:AI$366,ROUNDDOWN($C4936/24,0)+1,1))-1)+IF('Standard Profiles'!$G$19=$B$10,7,0)+IF('Standard Profiles'!$G$19=$B$17,14,0)+IF('Standard Profiles'!$G$19=$B$24,21,0),0)),0)</f>
        <v>0</v>
      </c>
      <c r="F4936" cm="1">
        <f t="array" ref="F4936">IFERROR(INDEX(Jesper!AJ$2:AJ$366,ROUNDDOWN($C4936/24,0)+1,1)*INDEX($D$3:$AA$30,INDEX(Jesper!$R$2:$R$366,ROW(INDEX(Jesper!AJ$2:AJ$366,ROUNDDOWN($C4936/24,0)+1,1))-1)+IF('Standard Profiles'!$G$20=$B$10,7,0)+IF('Standard Profiles'!$G$20=$B$17,14,0)+IF('Standard Profiles'!$G$20=$B$24,21,0),MOD($C4936,24)+1)/SUM(INDEX($D$3:$AA$30,INDEX(Jesper!$R$2:$R$366,ROW(INDEX(Jesper!AJ$2:AJ$366,ROUNDDOWN($C4936/24,0)+1,1))-1)+IF('Standard Profiles'!$G$20=$B$10,7,0)+IF('Standard Profiles'!$G$20=$B$17,14,0)+IF('Standard Profiles'!$G$20=$B$24,21,0),0)),0)</f>
        <v>0</v>
      </c>
      <c r="G4936" cm="1">
        <f t="array" ref="G4936">IFERROR(INDEX(Jesper!AK$2:AK$366,ROUNDDOWN($C4936/24,0)+1,1)*INDEX($D$3:$AA$30,INDEX(Jesper!$R$2:$R$366,ROW(INDEX(Jesper!AK$2:AK$366,ROUNDDOWN($C4936/24,0)+1,1))-1)+IF('Standard Profiles'!$G$21=$B$10,7,0)+IF('Standard Profiles'!$G$21=$B$17,14,0)+IF('Standard Profiles'!$G$21=$B$24,21,0),MOD($C4936,24)+1)/SUM(INDEX($D$3:$AA$30,INDEX(Jesper!$R$2:$R$366,ROW(INDEX(Jesper!AK$2:AK$366,ROUNDDOWN($C4936/24,0)+1,1))-1)+IF('Standard Profiles'!$G$21=$B$10,7,0)+IF('Standard Profiles'!$G$21=$B$17,14,0)+IF('Standard Profiles'!$G$21=$B$24,21,0),0)),0)</f>
        <v>0</v>
      </c>
      <c r="H4936" cm="1">
        <f t="array" ref="H4936">IFERROR(INDEX(Jesper!AL$2:AL$366,ROUNDDOWN($C4936/24,0)+1,1)*INDEX($D$3:$AA$30,INDEX(Jesper!$R$2:$R$366,ROW(INDEX(Jesper!AL$2:AL$366,ROUNDDOWN($C4936/24,0)+1,1))-1)+IF('Standard Profiles'!$G$22=$B$10,7,0)+IF('Standard Profiles'!$G$22=$B$17,14,0)+IF('Standard Profiles'!$G$22=$B$24,21,0),MOD($C4936,24)+1)/SUM(INDEX($D$3:$AA$30,INDEX(Jesper!$R$2:$R$366,ROW(INDEX(Jesper!AL$2:AL$366,ROUNDDOWN($C4936/24,0)+1,1))-1)+IF('Standard Profiles'!$G$22=$B$10,7,0)+IF('Standard Profiles'!$G$22=$B$17,14,0)+IF('Standard Profiles'!$G$22=$B$24,21,0),0)),0)</f>
        <v>0</v>
      </c>
      <c r="I4936">
        <f t="shared" si="552"/>
        <v>0.29741192641874808</v>
      </c>
      <c r="J4936">
        <f t="shared" si="553"/>
        <v>0.99137308806249358</v>
      </c>
      <c r="K4936">
        <f t="shared" si="554"/>
        <v>1.4870596320937404</v>
      </c>
      <c r="L4936">
        <f t="shared" si="555"/>
        <v>7.1378862340499536</v>
      </c>
      <c r="M4936">
        <f t="shared" si="556"/>
        <v>0</v>
      </c>
      <c r="N4936" s="46">
        <f t="shared" si="557"/>
        <v>45496.249999988111</v>
      </c>
    </row>
    <row r="4937" spans="2:14" x14ac:dyDescent="0.3">
      <c r="B4937">
        <f t="shared" si="551"/>
        <v>2</v>
      </c>
      <c r="C4937" s="16">
        <v>4903</v>
      </c>
      <c r="D4937" cm="1">
        <f t="array" ref="D4937">IFERROR(INDEX(Jesper!AH$2:AH$366,ROUNDDOWN($C4937/24,0)+1,1)*INDEX($D$3:$AA$30,INDEX(Jesper!$R$2:$R$366,ROW(INDEX(Jesper!AH$2:AH$366,ROUNDDOWN($C4937/24,0)+1,1))-1)+IF('Standard Profiles'!$G$18=$B$10,7,0)+IF('Standard Profiles'!$G$18=$B$17,14,0)+IF('Standard Profiles'!$G$18=$B$24,21,0),MOD($C4937,24)+1)/SUM(INDEX($D$3:$AA$30,INDEX(Jesper!$R$2:$R$366,ROW(INDEX(Jesper!AH$2:AH$366,ROUNDDOWN($C4937/24,0)+1,1))-1)+IF('Standard Profiles'!$G$18=$B$10,7,0)+IF('Standard Profiles'!$G$18=$B$17,14,0)+IF('Standard Profiles'!$G$18=$B$24,21,0),0)),0)</f>
        <v>10.255583669612003</v>
      </c>
      <c r="E4937" cm="1">
        <f t="array" ref="E4937">IFERROR(INDEX(Jesper!AI$2:AI$366,ROUNDDOWN($C4937/24,0)+1,1)*INDEX($D$3:$AA$30,INDEX(Jesper!$R$2:$R$366,ROW(INDEX(Jesper!AI$2:AI$366,ROUNDDOWN($C4937/24,0)+1,1))-1)+IF('Standard Profiles'!$G$19=$B$10,7,0)+IF('Standard Profiles'!$G$19=$B$17,14,0)+IF('Standard Profiles'!$G$19=$B$24,21,0),MOD($C4937,24)+1)/SUM(INDEX($D$3:$AA$30,INDEX(Jesper!$R$2:$R$366,ROW(INDEX(Jesper!AI$2:AI$366,ROUNDDOWN($C4937/24,0)+1,1))-1)+IF('Standard Profiles'!$G$19=$B$10,7,0)+IF('Standard Profiles'!$G$19=$B$17,14,0)+IF('Standard Profiles'!$G$19=$B$24,21,0),0)),0)</f>
        <v>0</v>
      </c>
      <c r="F4937" cm="1">
        <f t="array" ref="F4937">IFERROR(INDEX(Jesper!AJ$2:AJ$366,ROUNDDOWN($C4937/24,0)+1,1)*INDEX($D$3:$AA$30,INDEX(Jesper!$R$2:$R$366,ROW(INDEX(Jesper!AJ$2:AJ$366,ROUNDDOWN($C4937/24,0)+1,1))-1)+IF('Standard Profiles'!$G$20=$B$10,7,0)+IF('Standard Profiles'!$G$20=$B$17,14,0)+IF('Standard Profiles'!$G$20=$B$24,21,0),MOD($C4937,24)+1)/SUM(INDEX($D$3:$AA$30,INDEX(Jesper!$R$2:$R$366,ROW(INDEX(Jesper!AJ$2:AJ$366,ROUNDDOWN($C4937/24,0)+1,1))-1)+IF('Standard Profiles'!$G$20=$B$10,7,0)+IF('Standard Profiles'!$G$20=$B$17,14,0)+IF('Standard Profiles'!$G$20=$B$24,21,0),0)),0)</f>
        <v>0</v>
      </c>
      <c r="G4937" cm="1">
        <f t="array" ref="G4937">IFERROR(INDEX(Jesper!AK$2:AK$366,ROUNDDOWN($C4937/24,0)+1,1)*INDEX($D$3:$AA$30,INDEX(Jesper!$R$2:$R$366,ROW(INDEX(Jesper!AK$2:AK$366,ROUNDDOWN($C4937/24,0)+1,1))-1)+IF('Standard Profiles'!$G$21=$B$10,7,0)+IF('Standard Profiles'!$G$21=$B$17,14,0)+IF('Standard Profiles'!$G$21=$B$24,21,0),MOD($C4937,24)+1)/SUM(INDEX($D$3:$AA$30,INDEX(Jesper!$R$2:$R$366,ROW(INDEX(Jesper!AK$2:AK$366,ROUNDDOWN($C4937/24,0)+1,1))-1)+IF('Standard Profiles'!$G$21=$B$10,7,0)+IF('Standard Profiles'!$G$21=$B$17,14,0)+IF('Standard Profiles'!$G$21=$B$24,21,0),0)),0)</f>
        <v>0</v>
      </c>
      <c r="H4937" cm="1">
        <f t="array" ref="H4937">IFERROR(INDEX(Jesper!AL$2:AL$366,ROUNDDOWN($C4937/24,0)+1,1)*INDEX($D$3:$AA$30,INDEX(Jesper!$R$2:$R$366,ROW(INDEX(Jesper!AL$2:AL$366,ROUNDDOWN($C4937/24,0)+1,1))-1)+IF('Standard Profiles'!$G$22=$B$10,7,0)+IF('Standard Profiles'!$G$22=$B$17,14,0)+IF('Standard Profiles'!$G$22=$B$24,21,0),MOD($C4937,24)+1)/SUM(INDEX($D$3:$AA$30,INDEX(Jesper!$R$2:$R$366,ROW(INDEX(Jesper!AL$2:AL$366,ROUNDDOWN($C4937/24,0)+1,1))-1)+IF('Standard Profiles'!$G$22=$B$10,7,0)+IF('Standard Profiles'!$G$22=$B$17,14,0)+IF('Standard Profiles'!$G$22=$B$24,21,0),0)),0)</f>
        <v>0</v>
      </c>
      <c r="I4937">
        <f t="shared" si="552"/>
        <v>0.30766751008836007</v>
      </c>
      <c r="J4937">
        <f t="shared" si="553"/>
        <v>1.0255583669612003</v>
      </c>
      <c r="K4937">
        <f t="shared" si="554"/>
        <v>1.5383375504418004</v>
      </c>
      <c r="L4937">
        <f t="shared" si="555"/>
        <v>7.3840202421206413</v>
      </c>
      <c r="M4937">
        <f t="shared" si="556"/>
        <v>0</v>
      </c>
      <c r="N4937" s="46">
        <f t="shared" si="557"/>
        <v>45496.291666654775</v>
      </c>
    </row>
    <row r="4938" spans="2:14" x14ac:dyDescent="0.3">
      <c r="B4938">
        <f t="shared" si="551"/>
        <v>2</v>
      </c>
      <c r="C4938" s="16">
        <v>4904</v>
      </c>
      <c r="D4938" cm="1">
        <f t="array" ref="D4938">IFERROR(INDEX(Jesper!AH$2:AH$366,ROUNDDOWN($C4938/24,0)+1,1)*INDEX($D$3:$AA$30,INDEX(Jesper!$R$2:$R$366,ROW(INDEX(Jesper!AH$2:AH$366,ROUNDDOWN($C4938/24,0)+1,1))-1)+IF('Standard Profiles'!$G$18=$B$10,7,0)+IF('Standard Profiles'!$G$18=$B$17,14,0)+IF('Standard Profiles'!$G$18=$B$24,21,0),MOD($C4938,24)+1)/SUM(INDEX($D$3:$AA$30,INDEX(Jesper!$R$2:$R$366,ROW(INDEX(Jesper!AH$2:AH$366,ROUNDDOWN($C4938/24,0)+1,1))-1)+IF('Standard Profiles'!$G$18=$B$10,7,0)+IF('Standard Profiles'!$G$18=$B$17,14,0)+IF('Standard Profiles'!$G$18=$B$24,21,0),0)),0)</f>
        <v>10.255583669612003</v>
      </c>
      <c r="E4938" cm="1">
        <f t="array" ref="E4938">IFERROR(INDEX(Jesper!AI$2:AI$366,ROUNDDOWN($C4938/24,0)+1,1)*INDEX($D$3:$AA$30,INDEX(Jesper!$R$2:$R$366,ROW(INDEX(Jesper!AI$2:AI$366,ROUNDDOWN($C4938/24,0)+1,1))-1)+IF('Standard Profiles'!$G$19=$B$10,7,0)+IF('Standard Profiles'!$G$19=$B$17,14,0)+IF('Standard Profiles'!$G$19=$B$24,21,0),MOD($C4938,24)+1)/SUM(INDEX($D$3:$AA$30,INDEX(Jesper!$R$2:$R$366,ROW(INDEX(Jesper!AI$2:AI$366,ROUNDDOWN($C4938/24,0)+1,1))-1)+IF('Standard Profiles'!$G$19=$B$10,7,0)+IF('Standard Profiles'!$G$19=$B$17,14,0)+IF('Standard Profiles'!$G$19=$B$24,21,0),0)),0)</f>
        <v>0</v>
      </c>
      <c r="F4938" cm="1">
        <f t="array" ref="F4938">IFERROR(INDEX(Jesper!AJ$2:AJ$366,ROUNDDOWN($C4938/24,0)+1,1)*INDEX($D$3:$AA$30,INDEX(Jesper!$R$2:$R$366,ROW(INDEX(Jesper!AJ$2:AJ$366,ROUNDDOWN($C4938/24,0)+1,1))-1)+IF('Standard Profiles'!$G$20=$B$10,7,0)+IF('Standard Profiles'!$G$20=$B$17,14,0)+IF('Standard Profiles'!$G$20=$B$24,21,0),MOD($C4938,24)+1)/SUM(INDEX($D$3:$AA$30,INDEX(Jesper!$R$2:$R$366,ROW(INDEX(Jesper!AJ$2:AJ$366,ROUNDDOWN($C4938/24,0)+1,1))-1)+IF('Standard Profiles'!$G$20=$B$10,7,0)+IF('Standard Profiles'!$G$20=$B$17,14,0)+IF('Standard Profiles'!$G$20=$B$24,21,0),0)),0)</f>
        <v>0</v>
      </c>
      <c r="G4938" cm="1">
        <f t="array" ref="G4938">IFERROR(INDEX(Jesper!AK$2:AK$366,ROUNDDOWN($C4938/24,0)+1,1)*INDEX($D$3:$AA$30,INDEX(Jesper!$R$2:$R$366,ROW(INDEX(Jesper!AK$2:AK$366,ROUNDDOWN($C4938/24,0)+1,1))-1)+IF('Standard Profiles'!$G$21=$B$10,7,0)+IF('Standard Profiles'!$G$21=$B$17,14,0)+IF('Standard Profiles'!$G$21=$B$24,21,0),MOD($C4938,24)+1)/SUM(INDEX($D$3:$AA$30,INDEX(Jesper!$R$2:$R$366,ROW(INDEX(Jesper!AK$2:AK$366,ROUNDDOWN($C4938/24,0)+1,1))-1)+IF('Standard Profiles'!$G$21=$B$10,7,0)+IF('Standard Profiles'!$G$21=$B$17,14,0)+IF('Standard Profiles'!$G$21=$B$24,21,0),0)),0)</f>
        <v>0</v>
      </c>
      <c r="H4938" cm="1">
        <f t="array" ref="H4938">IFERROR(INDEX(Jesper!AL$2:AL$366,ROUNDDOWN($C4938/24,0)+1,1)*INDEX($D$3:$AA$30,INDEX(Jesper!$R$2:$R$366,ROW(INDEX(Jesper!AL$2:AL$366,ROUNDDOWN($C4938/24,0)+1,1))-1)+IF('Standard Profiles'!$G$22=$B$10,7,0)+IF('Standard Profiles'!$G$22=$B$17,14,0)+IF('Standard Profiles'!$G$22=$B$24,21,0),MOD($C4938,24)+1)/SUM(INDEX($D$3:$AA$30,INDEX(Jesper!$R$2:$R$366,ROW(INDEX(Jesper!AL$2:AL$366,ROUNDDOWN($C4938/24,0)+1,1))-1)+IF('Standard Profiles'!$G$22=$B$10,7,0)+IF('Standard Profiles'!$G$22=$B$17,14,0)+IF('Standard Profiles'!$G$22=$B$24,21,0),0)),0)</f>
        <v>0</v>
      </c>
      <c r="I4938">
        <f t="shared" si="552"/>
        <v>0.30766751008836007</v>
      </c>
      <c r="J4938">
        <f t="shared" si="553"/>
        <v>1.0255583669612003</v>
      </c>
      <c r="K4938">
        <f t="shared" si="554"/>
        <v>1.5383375504418004</v>
      </c>
      <c r="L4938">
        <f t="shared" si="555"/>
        <v>7.3840202421206413</v>
      </c>
      <c r="M4938">
        <f t="shared" si="556"/>
        <v>0</v>
      </c>
      <c r="N4938" s="46">
        <f t="shared" si="557"/>
        <v>45496.33333332144</v>
      </c>
    </row>
    <row r="4939" spans="2:14" x14ac:dyDescent="0.3">
      <c r="B4939">
        <f t="shared" si="551"/>
        <v>2</v>
      </c>
      <c r="C4939" s="16">
        <v>4905</v>
      </c>
      <c r="D4939" cm="1">
        <f t="array" ref="D4939">IFERROR(INDEX(Jesper!AH$2:AH$366,ROUNDDOWN($C4939/24,0)+1,1)*INDEX($D$3:$AA$30,INDEX(Jesper!$R$2:$R$366,ROW(INDEX(Jesper!AH$2:AH$366,ROUNDDOWN($C4939/24,0)+1,1))-1)+IF('Standard Profiles'!$G$18=$B$10,7,0)+IF('Standard Profiles'!$G$18=$B$17,14,0)+IF('Standard Profiles'!$G$18=$B$24,21,0),MOD($C4939,24)+1)/SUM(INDEX($D$3:$AA$30,INDEX(Jesper!$R$2:$R$366,ROW(INDEX(Jesper!AH$2:AH$366,ROUNDDOWN($C4939/24,0)+1,1))-1)+IF('Standard Profiles'!$G$18=$B$10,7,0)+IF('Standard Profiles'!$G$18=$B$17,14,0)+IF('Standard Profiles'!$G$18=$B$24,21,0),0)),0)</f>
        <v>11.11021564207967</v>
      </c>
      <c r="E4939" cm="1">
        <f t="array" ref="E4939">IFERROR(INDEX(Jesper!AI$2:AI$366,ROUNDDOWN($C4939/24,0)+1,1)*INDEX($D$3:$AA$30,INDEX(Jesper!$R$2:$R$366,ROW(INDEX(Jesper!AI$2:AI$366,ROUNDDOWN($C4939/24,0)+1,1))-1)+IF('Standard Profiles'!$G$19=$B$10,7,0)+IF('Standard Profiles'!$G$19=$B$17,14,0)+IF('Standard Profiles'!$G$19=$B$24,21,0),MOD($C4939,24)+1)/SUM(INDEX($D$3:$AA$30,INDEX(Jesper!$R$2:$R$366,ROW(INDEX(Jesper!AI$2:AI$366,ROUNDDOWN($C4939/24,0)+1,1))-1)+IF('Standard Profiles'!$G$19=$B$10,7,0)+IF('Standard Profiles'!$G$19=$B$17,14,0)+IF('Standard Profiles'!$G$19=$B$24,21,0),0)),0)</f>
        <v>0</v>
      </c>
      <c r="F4939" cm="1">
        <f t="array" ref="F4939">IFERROR(INDEX(Jesper!AJ$2:AJ$366,ROUNDDOWN($C4939/24,0)+1,1)*INDEX($D$3:$AA$30,INDEX(Jesper!$R$2:$R$366,ROW(INDEX(Jesper!AJ$2:AJ$366,ROUNDDOWN($C4939/24,0)+1,1))-1)+IF('Standard Profiles'!$G$20=$B$10,7,0)+IF('Standard Profiles'!$G$20=$B$17,14,0)+IF('Standard Profiles'!$G$20=$B$24,21,0),MOD($C4939,24)+1)/SUM(INDEX($D$3:$AA$30,INDEX(Jesper!$R$2:$R$366,ROW(INDEX(Jesper!AJ$2:AJ$366,ROUNDDOWN($C4939/24,0)+1,1))-1)+IF('Standard Profiles'!$G$20=$B$10,7,0)+IF('Standard Profiles'!$G$20=$B$17,14,0)+IF('Standard Profiles'!$G$20=$B$24,21,0),0)),0)</f>
        <v>0</v>
      </c>
      <c r="G4939" cm="1">
        <f t="array" ref="G4939">IFERROR(INDEX(Jesper!AK$2:AK$366,ROUNDDOWN($C4939/24,0)+1,1)*INDEX($D$3:$AA$30,INDEX(Jesper!$R$2:$R$366,ROW(INDEX(Jesper!AK$2:AK$366,ROUNDDOWN($C4939/24,0)+1,1))-1)+IF('Standard Profiles'!$G$21=$B$10,7,0)+IF('Standard Profiles'!$G$21=$B$17,14,0)+IF('Standard Profiles'!$G$21=$B$24,21,0),MOD($C4939,24)+1)/SUM(INDEX($D$3:$AA$30,INDEX(Jesper!$R$2:$R$366,ROW(INDEX(Jesper!AK$2:AK$366,ROUNDDOWN($C4939/24,0)+1,1))-1)+IF('Standard Profiles'!$G$21=$B$10,7,0)+IF('Standard Profiles'!$G$21=$B$17,14,0)+IF('Standard Profiles'!$G$21=$B$24,21,0),0)),0)</f>
        <v>0</v>
      </c>
      <c r="H4939" cm="1">
        <f t="array" ref="H4939">IFERROR(INDEX(Jesper!AL$2:AL$366,ROUNDDOWN($C4939/24,0)+1,1)*INDEX($D$3:$AA$30,INDEX(Jesper!$R$2:$R$366,ROW(INDEX(Jesper!AL$2:AL$366,ROUNDDOWN($C4939/24,0)+1,1))-1)+IF('Standard Profiles'!$G$22=$B$10,7,0)+IF('Standard Profiles'!$G$22=$B$17,14,0)+IF('Standard Profiles'!$G$22=$B$24,21,0),MOD($C4939,24)+1)/SUM(INDEX($D$3:$AA$30,INDEX(Jesper!$R$2:$R$366,ROW(INDEX(Jesper!AL$2:AL$366,ROUNDDOWN($C4939/24,0)+1,1))-1)+IF('Standard Profiles'!$G$22=$B$10,7,0)+IF('Standard Profiles'!$G$22=$B$17,14,0)+IF('Standard Profiles'!$G$22=$B$24,21,0),0)),0)</f>
        <v>0</v>
      </c>
      <c r="I4939">
        <f t="shared" si="552"/>
        <v>0.33330646926239005</v>
      </c>
      <c r="J4939">
        <f t="shared" si="553"/>
        <v>1.111021564207967</v>
      </c>
      <c r="K4939">
        <f t="shared" si="554"/>
        <v>1.6665323463119504</v>
      </c>
      <c r="L4939">
        <f t="shared" si="555"/>
        <v>7.999355262297362</v>
      </c>
      <c r="M4939">
        <f t="shared" si="556"/>
        <v>0</v>
      </c>
      <c r="N4939" s="46">
        <f t="shared" si="557"/>
        <v>45496.374999988104</v>
      </c>
    </row>
    <row r="4940" spans="2:14" x14ac:dyDescent="0.3">
      <c r="B4940">
        <f t="shared" si="551"/>
        <v>2</v>
      </c>
      <c r="C4940" s="16">
        <v>4906</v>
      </c>
      <c r="D4940" cm="1">
        <f t="array" ref="D4940">IFERROR(INDEX(Jesper!AH$2:AH$366,ROUNDDOWN($C4940/24,0)+1,1)*INDEX($D$3:$AA$30,INDEX(Jesper!$R$2:$R$366,ROW(INDEX(Jesper!AH$2:AH$366,ROUNDDOWN($C4940/24,0)+1,1))-1)+IF('Standard Profiles'!$G$18=$B$10,7,0)+IF('Standard Profiles'!$G$18=$B$17,14,0)+IF('Standard Profiles'!$G$18=$B$24,21,0),MOD($C4940,24)+1)/SUM(INDEX($D$3:$AA$30,INDEX(Jesper!$R$2:$R$366,ROW(INDEX(Jesper!AH$2:AH$366,ROUNDDOWN($C4940/24,0)+1,1))-1)+IF('Standard Profiles'!$G$18=$B$10,7,0)+IF('Standard Profiles'!$G$18=$B$17,14,0)+IF('Standard Profiles'!$G$18=$B$24,21,0),0)),0)</f>
        <v>11.622994825560269</v>
      </c>
      <c r="E4940" cm="1">
        <f t="array" ref="E4940">IFERROR(INDEX(Jesper!AI$2:AI$366,ROUNDDOWN($C4940/24,0)+1,1)*INDEX($D$3:$AA$30,INDEX(Jesper!$R$2:$R$366,ROW(INDEX(Jesper!AI$2:AI$366,ROUNDDOWN($C4940/24,0)+1,1))-1)+IF('Standard Profiles'!$G$19=$B$10,7,0)+IF('Standard Profiles'!$G$19=$B$17,14,0)+IF('Standard Profiles'!$G$19=$B$24,21,0),MOD($C4940,24)+1)/SUM(INDEX($D$3:$AA$30,INDEX(Jesper!$R$2:$R$366,ROW(INDEX(Jesper!AI$2:AI$366,ROUNDDOWN($C4940/24,0)+1,1))-1)+IF('Standard Profiles'!$G$19=$B$10,7,0)+IF('Standard Profiles'!$G$19=$B$17,14,0)+IF('Standard Profiles'!$G$19=$B$24,21,0),0)),0)</f>
        <v>0</v>
      </c>
      <c r="F4940" cm="1">
        <f t="array" ref="F4940">IFERROR(INDEX(Jesper!AJ$2:AJ$366,ROUNDDOWN($C4940/24,0)+1,1)*INDEX($D$3:$AA$30,INDEX(Jesper!$R$2:$R$366,ROW(INDEX(Jesper!AJ$2:AJ$366,ROUNDDOWN($C4940/24,0)+1,1))-1)+IF('Standard Profiles'!$G$20=$B$10,7,0)+IF('Standard Profiles'!$G$20=$B$17,14,0)+IF('Standard Profiles'!$G$20=$B$24,21,0),MOD($C4940,24)+1)/SUM(INDEX($D$3:$AA$30,INDEX(Jesper!$R$2:$R$366,ROW(INDEX(Jesper!AJ$2:AJ$366,ROUNDDOWN($C4940/24,0)+1,1))-1)+IF('Standard Profiles'!$G$20=$B$10,7,0)+IF('Standard Profiles'!$G$20=$B$17,14,0)+IF('Standard Profiles'!$G$20=$B$24,21,0),0)),0)</f>
        <v>0</v>
      </c>
      <c r="G4940" cm="1">
        <f t="array" ref="G4940">IFERROR(INDEX(Jesper!AK$2:AK$366,ROUNDDOWN($C4940/24,0)+1,1)*INDEX($D$3:$AA$30,INDEX(Jesper!$R$2:$R$366,ROW(INDEX(Jesper!AK$2:AK$366,ROUNDDOWN($C4940/24,0)+1,1))-1)+IF('Standard Profiles'!$G$21=$B$10,7,0)+IF('Standard Profiles'!$G$21=$B$17,14,0)+IF('Standard Profiles'!$G$21=$B$24,21,0),MOD($C4940,24)+1)/SUM(INDEX($D$3:$AA$30,INDEX(Jesper!$R$2:$R$366,ROW(INDEX(Jesper!AK$2:AK$366,ROUNDDOWN($C4940/24,0)+1,1))-1)+IF('Standard Profiles'!$G$21=$B$10,7,0)+IF('Standard Profiles'!$G$21=$B$17,14,0)+IF('Standard Profiles'!$G$21=$B$24,21,0),0)),0)</f>
        <v>0</v>
      </c>
      <c r="H4940" cm="1">
        <f t="array" ref="H4940">IFERROR(INDEX(Jesper!AL$2:AL$366,ROUNDDOWN($C4940/24,0)+1,1)*INDEX($D$3:$AA$30,INDEX(Jesper!$R$2:$R$366,ROW(INDEX(Jesper!AL$2:AL$366,ROUNDDOWN($C4940/24,0)+1,1))-1)+IF('Standard Profiles'!$G$22=$B$10,7,0)+IF('Standard Profiles'!$G$22=$B$17,14,0)+IF('Standard Profiles'!$G$22=$B$24,21,0),MOD($C4940,24)+1)/SUM(INDEX($D$3:$AA$30,INDEX(Jesper!$R$2:$R$366,ROW(INDEX(Jesper!AL$2:AL$366,ROUNDDOWN($C4940/24,0)+1,1))-1)+IF('Standard Profiles'!$G$22=$B$10,7,0)+IF('Standard Profiles'!$G$22=$B$17,14,0)+IF('Standard Profiles'!$G$22=$B$24,21,0),0)),0)</f>
        <v>0</v>
      </c>
      <c r="I4940">
        <f t="shared" si="552"/>
        <v>0.34868984476680809</v>
      </c>
      <c r="J4940">
        <f t="shared" si="553"/>
        <v>1.1622994825560269</v>
      </c>
      <c r="K4940">
        <f t="shared" si="554"/>
        <v>1.7434492238340404</v>
      </c>
      <c r="L4940">
        <f t="shared" si="555"/>
        <v>8.3685562744033941</v>
      </c>
      <c r="M4940">
        <f t="shared" si="556"/>
        <v>0</v>
      </c>
      <c r="N4940" s="46">
        <f t="shared" si="557"/>
        <v>45496.416666654768</v>
      </c>
    </row>
    <row r="4941" spans="2:14" x14ac:dyDescent="0.3">
      <c r="B4941">
        <f t="shared" si="551"/>
        <v>2</v>
      </c>
      <c r="C4941" s="16">
        <v>4907</v>
      </c>
      <c r="D4941" cm="1">
        <f t="array" ref="D4941">IFERROR(INDEX(Jesper!AH$2:AH$366,ROUNDDOWN($C4941/24,0)+1,1)*INDEX($D$3:$AA$30,INDEX(Jesper!$R$2:$R$366,ROW(INDEX(Jesper!AH$2:AH$366,ROUNDDOWN($C4941/24,0)+1,1))-1)+IF('Standard Profiles'!$G$18=$B$10,7,0)+IF('Standard Profiles'!$G$18=$B$17,14,0)+IF('Standard Profiles'!$G$18=$B$24,21,0),MOD($C4941,24)+1)/SUM(INDEX($D$3:$AA$30,INDEX(Jesper!$R$2:$R$366,ROW(INDEX(Jesper!AH$2:AH$366,ROUNDDOWN($C4941/24,0)+1,1))-1)+IF('Standard Profiles'!$G$18=$B$10,7,0)+IF('Standard Profiles'!$G$18=$B$17,14,0)+IF('Standard Profiles'!$G$18=$B$24,21,0),0)),0)</f>
        <v>13.674111559482672</v>
      </c>
      <c r="E4941" cm="1">
        <f t="array" ref="E4941">IFERROR(INDEX(Jesper!AI$2:AI$366,ROUNDDOWN($C4941/24,0)+1,1)*INDEX($D$3:$AA$30,INDEX(Jesper!$R$2:$R$366,ROW(INDEX(Jesper!AI$2:AI$366,ROUNDDOWN($C4941/24,0)+1,1))-1)+IF('Standard Profiles'!$G$19=$B$10,7,0)+IF('Standard Profiles'!$G$19=$B$17,14,0)+IF('Standard Profiles'!$G$19=$B$24,21,0),MOD($C4941,24)+1)/SUM(INDEX($D$3:$AA$30,INDEX(Jesper!$R$2:$R$366,ROW(INDEX(Jesper!AI$2:AI$366,ROUNDDOWN($C4941/24,0)+1,1))-1)+IF('Standard Profiles'!$G$19=$B$10,7,0)+IF('Standard Profiles'!$G$19=$B$17,14,0)+IF('Standard Profiles'!$G$19=$B$24,21,0),0)),0)</f>
        <v>0</v>
      </c>
      <c r="F4941" cm="1">
        <f t="array" ref="F4941">IFERROR(INDEX(Jesper!AJ$2:AJ$366,ROUNDDOWN($C4941/24,0)+1,1)*INDEX($D$3:$AA$30,INDEX(Jesper!$R$2:$R$366,ROW(INDEX(Jesper!AJ$2:AJ$366,ROUNDDOWN($C4941/24,0)+1,1))-1)+IF('Standard Profiles'!$G$20=$B$10,7,0)+IF('Standard Profiles'!$G$20=$B$17,14,0)+IF('Standard Profiles'!$G$20=$B$24,21,0),MOD($C4941,24)+1)/SUM(INDEX($D$3:$AA$30,INDEX(Jesper!$R$2:$R$366,ROW(INDEX(Jesper!AJ$2:AJ$366,ROUNDDOWN($C4941/24,0)+1,1))-1)+IF('Standard Profiles'!$G$20=$B$10,7,0)+IF('Standard Profiles'!$G$20=$B$17,14,0)+IF('Standard Profiles'!$G$20=$B$24,21,0),0)),0)</f>
        <v>0</v>
      </c>
      <c r="G4941" cm="1">
        <f t="array" ref="G4941">IFERROR(INDEX(Jesper!AK$2:AK$366,ROUNDDOWN($C4941/24,0)+1,1)*INDEX($D$3:$AA$30,INDEX(Jesper!$R$2:$R$366,ROW(INDEX(Jesper!AK$2:AK$366,ROUNDDOWN($C4941/24,0)+1,1))-1)+IF('Standard Profiles'!$G$21=$B$10,7,0)+IF('Standard Profiles'!$G$21=$B$17,14,0)+IF('Standard Profiles'!$G$21=$B$24,21,0),MOD($C4941,24)+1)/SUM(INDEX($D$3:$AA$30,INDEX(Jesper!$R$2:$R$366,ROW(INDEX(Jesper!AK$2:AK$366,ROUNDDOWN($C4941/24,0)+1,1))-1)+IF('Standard Profiles'!$G$21=$B$10,7,0)+IF('Standard Profiles'!$G$21=$B$17,14,0)+IF('Standard Profiles'!$G$21=$B$24,21,0),0)),0)</f>
        <v>0</v>
      </c>
      <c r="H4941" cm="1">
        <f t="array" ref="H4941">IFERROR(INDEX(Jesper!AL$2:AL$366,ROUNDDOWN($C4941/24,0)+1,1)*INDEX($D$3:$AA$30,INDEX(Jesper!$R$2:$R$366,ROW(INDEX(Jesper!AL$2:AL$366,ROUNDDOWN($C4941/24,0)+1,1))-1)+IF('Standard Profiles'!$G$22=$B$10,7,0)+IF('Standard Profiles'!$G$22=$B$17,14,0)+IF('Standard Profiles'!$G$22=$B$24,21,0),MOD($C4941,24)+1)/SUM(INDEX($D$3:$AA$30,INDEX(Jesper!$R$2:$R$366,ROW(INDEX(Jesper!AL$2:AL$366,ROUNDDOWN($C4941/24,0)+1,1))-1)+IF('Standard Profiles'!$G$22=$B$10,7,0)+IF('Standard Profiles'!$G$22=$B$17,14,0)+IF('Standard Profiles'!$G$22=$B$24,21,0),0)),0)</f>
        <v>0</v>
      </c>
      <c r="I4941">
        <f t="shared" si="552"/>
        <v>0.41022334678448014</v>
      </c>
      <c r="J4941">
        <f t="shared" si="553"/>
        <v>1.3674111559482673</v>
      </c>
      <c r="K4941">
        <f t="shared" si="554"/>
        <v>2.0511167339224006</v>
      </c>
      <c r="L4941">
        <f t="shared" si="555"/>
        <v>9.8453603228275224</v>
      </c>
      <c r="M4941">
        <f t="shared" si="556"/>
        <v>0</v>
      </c>
      <c r="N4941" s="46">
        <f t="shared" si="557"/>
        <v>45496.458333321432</v>
      </c>
    </row>
    <row r="4942" spans="2:14" x14ac:dyDescent="0.3">
      <c r="B4942">
        <f t="shared" si="551"/>
        <v>2</v>
      </c>
      <c r="C4942" s="16">
        <v>4908</v>
      </c>
      <c r="D4942" cm="1">
        <f t="array" ref="D4942">IFERROR(INDEX(Jesper!AH$2:AH$366,ROUNDDOWN($C4942/24,0)+1,1)*INDEX($D$3:$AA$30,INDEX(Jesper!$R$2:$R$366,ROW(INDEX(Jesper!AH$2:AH$366,ROUNDDOWN($C4942/24,0)+1,1))-1)+IF('Standard Profiles'!$G$18=$B$10,7,0)+IF('Standard Profiles'!$G$18=$B$17,14,0)+IF('Standard Profiles'!$G$18=$B$24,21,0),MOD($C4942,24)+1)/SUM(INDEX($D$3:$AA$30,INDEX(Jesper!$R$2:$R$366,ROW(INDEX(Jesper!AH$2:AH$366,ROUNDDOWN($C4942/24,0)+1,1))-1)+IF('Standard Profiles'!$G$18=$B$10,7,0)+IF('Standard Profiles'!$G$18=$B$17,14,0)+IF('Standard Profiles'!$G$18=$B$24,21,0),0)),0)</f>
        <v>13.674111559482672</v>
      </c>
      <c r="E4942" cm="1">
        <f t="array" ref="E4942">IFERROR(INDEX(Jesper!AI$2:AI$366,ROUNDDOWN($C4942/24,0)+1,1)*INDEX($D$3:$AA$30,INDEX(Jesper!$R$2:$R$366,ROW(INDEX(Jesper!AI$2:AI$366,ROUNDDOWN($C4942/24,0)+1,1))-1)+IF('Standard Profiles'!$G$19=$B$10,7,0)+IF('Standard Profiles'!$G$19=$B$17,14,0)+IF('Standard Profiles'!$G$19=$B$24,21,0),MOD($C4942,24)+1)/SUM(INDEX($D$3:$AA$30,INDEX(Jesper!$R$2:$R$366,ROW(INDEX(Jesper!AI$2:AI$366,ROUNDDOWN($C4942/24,0)+1,1))-1)+IF('Standard Profiles'!$G$19=$B$10,7,0)+IF('Standard Profiles'!$G$19=$B$17,14,0)+IF('Standard Profiles'!$G$19=$B$24,21,0),0)),0)</f>
        <v>0</v>
      </c>
      <c r="F4942" cm="1">
        <f t="array" ref="F4942">IFERROR(INDEX(Jesper!AJ$2:AJ$366,ROUNDDOWN($C4942/24,0)+1,1)*INDEX($D$3:$AA$30,INDEX(Jesper!$R$2:$R$366,ROW(INDEX(Jesper!AJ$2:AJ$366,ROUNDDOWN($C4942/24,0)+1,1))-1)+IF('Standard Profiles'!$G$20=$B$10,7,0)+IF('Standard Profiles'!$G$20=$B$17,14,0)+IF('Standard Profiles'!$G$20=$B$24,21,0),MOD($C4942,24)+1)/SUM(INDEX($D$3:$AA$30,INDEX(Jesper!$R$2:$R$366,ROW(INDEX(Jesper!AJ$2:AJ$366,ROUNDDOWN($C4942/24,0)+1,1))-1)+IF('Standard Profiles'!$G$20=$B$10,7,0)+IF('Standard Profiles'!$G$20=$B$17,14,0)+IF('Standard Profiles'!$G$20=$B$24,21,0),0)),0)</f>
        <v>0</v>
      </c>
      <c r="G4942" cm="1">
        <f t="array" ref="G4942">IFERROR(INDEX(Jesper!AK$2:AK$366,ROUNDDOWN($C4942/24,0)+1,1)*INDEX($D$3:$AA$30,INDEX(Jesper!$R$2:$R$366,ROW(INDEX(Jesper!AK$2:AK$366,ROUNDDOWN($C4942/24,0)+1,1))-1)+IF('Standard Profiles'!$G$21=$B$10,7,0)+IF('Standard Profiles'!$G$21=$B$17,14,0)+IF('Standard Profiles'!$G$21=$B$24,21,0),MOD($C4942,24)+1)/SUM(INDEX($D$3:$AA$30,INDEX(Jesper!$R$2:$R$366,ROW(INDEX(Jesper!AK$2:AK$366,ROUNDDOWN($C4942/24,0)+1,1))-1)+IF('Standard Profiles'!$G$21=$B$10,7,0)+IF('Standard Profiles'!$G$21=$B$17,14,0)+IF('Standard Profiles'!$G$21=$B$24,21,0),0)),0)</f>
        <v>0</v>
      </c>
      <c r="H4942" cm="1">
        <f t="array" ref="H4942">IFERROR(INDEX(Jesper!AL$2:AL$366,ROUNDDOWN($C4942/24,0)+1,1)*INDEX($D$3:$AA$30,INDEX(Jesper!$R$2:$R$366,ROW(INDEX(Jesper!AL$2:AL$366,ROUNDDOWN($C4942/24,0)+1,1))-1)+IF('Standard Profiles'!$G$22=$B$10,7,0)+IF('Standard Profiles'!$G$22=$B$17,14,0)+IF('Standard Profiles'!$G$22=$B$24,21,0),MOD($C4942,24)+1)/SUM(INDEX($D$3:$AA$30,INDEX(Jesper!$R$2:$R$366,ROW(INDEX(Jesper!AL$2:AL$366,ROUNDDOWN($C4942/24,0)+1,1))-1)+IF('Standard Profiles'!$G$22=$B$10,7,0)+IF('Standard Profiles'!$G$22=$B$17,14,0)+IF('Standard Profiles'!$G$22=$B$24,21,0),0)),0)</f>
        <v>0</v>
      </c>
      <c r="I4942">
        <f t="shared" si="552"/>
        <v>0.41022334678448014</v>
      </c>
      <c r="J4942">
        <f t="shared" si="553"/>
        <v>1.3674111559482673</v>
      </c>
      <c r="K4942">
        <f t="shared" si="554"/>
        <v>2.0511167339224006</v>
      </c>
      <c r="L4942">
        <f t="shared" si="555"/>
        <v>9.8453603228275224</v>
      </c>
      <c r="M4942">
        <f t="shared" si="556"/>
        <v>0</v>
      </c>
      <c r="N4942" s="46">
        <f t="shared" si="557"/>
        <v>45496.499999988097</v>
      </c>
    </row>
    <row r="4943" spans="2:14" x14ac:dyDescent="0.3">
      <c r="B4943">
        <f t="shared" si="551"/>
        <v>2</v>
      </c>
      <c r="C4943" s="16">
        <v>4909</v>
      </c>
      <c r="D4943" cm="1">
        <f t="array" ref="D4943">IFERROR(INDEX(Jesper!AH$2:AH$366,ROUNDDOWN($C4943/24,0)+1,1)*INDEX($D$3:$AA$30,INDEX(Jesper!$R$2:$R$366,ROW(INDEX(Jesper!AH$2:AH$366,ROUNDDOWN($C4943/24,0)+1,1))-1)+IF('Standard Profiles'!$G$18=$B$10,7,0)+IF('Standard Profiles'!$G$18=$B$17,14,0)+IF('Standard Profiles'!$G$18=$B$24,21,0),MOD($C4943,24)+1)/SUM(INDEX($D$3:$AA$30,INDEX(Jesper!$R$2:$R$366,ROW(INDEX(Jesper!AH$2:AH$366,ROUNDDOWN($C4943/24,0)+1,1))-1)+IF('Standard Profiles'!$G$18=$B$10,7,0)+IF('Standard Profiles'!$G$18=$B$17,14,0)+IF('Standard Profiles'!$G$18=$B$24,21,0),0)),0)</f>
        <v>13.674111559482672</v>
      </c>
      <c r="E4943" cm="1">
        <f t="array" ref="E4943">IFERROR(INDEX(Jesper!AI$2:AI$366,ROUNDDOWN($C4943/24,0)+1,1)*INDEX($D$3:$AA$30,INDEX(Jesper!$R$2:$R$366,ROW(INDEX(Jesper!AI$2:AI$366,ROUNDDOWN($C4943/24,0)+1,1))-1)+IF('Standard Profiles'!$G$19=$B$10,7,0)+IF('Standard Profiles'!$G$19=$B$17,14,0)+IF('Standard Profiles'!$G$19=$B$24,21,0),MOD($C4943,24)+1)/SUM(INDEX($D$3:$AA$30,INDEX(Jesper!$R$2:$R$366,ROW(INDEX(Jesper!AI$2:AI$366,ROUNDDOWN($C4943/24,0)+1,1))-1)+IF('Standard Profiles'!$G$19=$B$10,7,0)+IF('Standard Profiles'!$G$19=$B$17,14,0)+IF('Standard Profiles'!$G$19=$B$24,21,0),0)),0)</f>
        <v>0</v>
      </c>
      <c r="F4943" cm="1">
        <f t="array" ref="F4943">IFERROR(INDEX(Jesper!AJ$2:AJ$366,ROUNDDOWN($C4943/24,0)+1,1)*INDEX($D$3:$AA$30,INDEX(Jesper!$R$2:$R$366,ROW(INDEX(Jesper!AJ$2:AJ$366,ROUNDDOWN($C4943/24,0)+1,1))-1)+IF('Standard Profiles'!$G$20=$B$10,7,0)+IF('Standard Profiles'!$G$20=$B$17,14,0)+IF('Standard Profiles'!$G$20=$B$24,21,0),MOD($C4943,24)+1)/SUM(INDEX($D$3:$AA$30,INDEX(Jesper!$R$2:$R$366,ROW(INDEX(Jesper!AJ$2:AJ$366,ROUNDDOWN($C4943/24,0)+1,1))-1)+IF('Standard Profiles'!$G$20=$B$10,7,0)+IF('Standard Profiles'!$G$20=$B$17,14,0)+IF('Standard Profiles'!$G$20=$B$24,21,0),0)),0)</f>
        <v>0</v>
      </c>
      <c r="G4943" cm="1">
        <f t="array" ref="G4943">IFERROR(INDEX(Jesper!AK$2:AK$366,ROUNDDOWN($C4943/24,0)+1,1)*INDEX($D$3:$AA$30,INDEX(Jesper!$R$2:$R$366,ROW(INDEX(Jesper!AK$2:AK$366,ROUNDDOWN($C4943/24,0)+1,1))-1)+IF('Standard Profiles'!$G$21=$B$10,7,0)+IF('Standard Profiles'!$G$21=$B$17,14,0)+IF('Standard Profiles'!$G$21=$B$24,21,0),MOD($C4943,24)+1)/SUM(INDEX($D$3:$AA$30,INDEX(Jesper!$R$2:$R$366,ROW(INDEX(Jesper!AK$2:AK$366,ROUNDDOWN($C4943/24,0)+1,1))-1)+IF('Standard Profiles'!$G$21=$B$10,7,0)+IF('Standard Profiles'!$G$21=$B$17,14,0)+IF('Standard Profiles'!$G$21=$B$24,21,0),0)),0)</f>
        <v>0</v>
      </c>
      <c r="H4943" cm="1">
        <f t="array" ref="H4943">IFERROR(INDEX(Jesper!AL$2:AL$366,ROUNDDOWN($C4943/24,0)+1,1)*INDEX($D$3:$AA$30,INDEX(Jesper!$R$2:$R$366,ROW(INDEX(Jesper!AL$2:AL$366,ROUNDDOWN($C4943/24,0)+1,1))-1)+IF('Standard Profiles'!$G$22=$B$10,7,0)+IF('Standard Profiles'!$G$22=$B$17,14,0)+IF('Standard Profiles'!$G$22=$B$24,21,0),MOD($C4943,24)+1)/SUM(INDEX($D$3:$AA$30,INDEX(Jesper!$R$2:$R$366,ROW(INDEX(Jesper!AL$2:AL$366,ROUNDDOWN($C4943/24,0)+1,1))-1)+IF('Standard Profiles'!$G$22=$B$10,7,0)+IF('Standard Profiles'!$G$22=$B$17,14,0)+IF('Standard Profiles'!$G$22=$B$24,21,0),0)),0)</f>
        <v>0</v>
      </c>
      <c r="I4943">
        <f t="shared" si="552"/>
        <v>0.41022334678448014</v>
      </c>
      <c r="J4943">
        <f t="shared" si="553"/>
        <v>1.3674111559482673</v>
      </c>
      <c r="K4943">
        <f t="shared" si="554"/>
        <v>2.0511167339224006</v>
      </c>
      <c r="L4943">
        <f t="shared" si="555"/>
        <v>9.8453603228275224</v>
      </c>
      <c r="M4943">
        <f t="shared" si="556"/>
        <v>0</v>
      </c>
      <c r="N4943" s="46">
        <f t="shared" si="557"/>
        <v>45496.541666654761</v>
      </c>
    </row>
    <row r="4944" spans="2:14" x14ac:dyDescent="0.3">
      <c r="B4944">
        <f t="shared" si="551"/>
        <v>2</v>
      </c>
      <c r="C4944" s="16">
        <v>4910</v>
      </c>
      <c r="D4944" cm="1">
        <f t="array" ref="D4944">IFERROR(INDEX(Jesper!AH$2:AH$366,ROUNDDOWN($C4944/24,0)+1,1)*INDEX($D$3:$AA$30,INDEX(Jesper!$R$2:$R$366,ROW(INDEX(Jesper!AH$2:AH$366,ROUNDDOWN($C4944/24,0)+1,1))-1)+IF('Standard Profiles'!$G$18=$B$10,7,0)+IF('Standard Profiles'!$G$18=$B$17,14,0)+IF('Standard Profiles'!$G$18=$B$24,21,0),MOD($C4944,24)+1)/SUM(INDEX($D$3:$AA$30,INDEX(Jesper!$R$2:$R$366,ROW(INDEX(Jesper!AH$2:AH$366,ROUNDDOWN($C4944/24,0)+1,1))-1)+IF('Standard Profiles'!$G$18=$B$10,7,0)+IF('Standard Profiles'!$G$18=$B$17,14,0)+IF('Standard Profiles'!$G$18=$B$24,21,0),0)),0)</f>
        <v>13.674111559482672</v>
      </c>
      <c r="E4944" cm="1">
        <f t="array" ref="E4944">IFERROR(INDEX(Jesper!AI$2:AI$366,ROUNDDOWN($C4944/24,0)+1,1)*INDEX($D$3:$AA$30,INDEX(Jesper!$R$2:$R$366,ROW(INDEX(Jesper!AI$2:AI$366,ROUNDDOWN($C4944/24,0)+1,1))-1)+IF('Standard Profiles'!$G$19=$B$10,7,0)+IF('Standard Profiles'!$G$19=$B$17,14,0)+IF('Standard Profiles'!$G$19=$B$24,21,0),MOD($C4944,24)+1)/SUM(INDEX($D$3:$AA$30,INDEX(Jesper!$R$2:$R$366,ROW(INDEX(Jesper!AI$2:AI$366,ROUNDDOWN($C4944/24,0)+1,1))-1)+IF('Standard Profiles'!$G$19=$B$10,7,0)+IF('Standard Profiles'!$G$19=$B$17,14,0)+IF('Standard Profiles'!$G$19=$B$24,21,0),0)),0)</f>
        <v>0</v>
      </c>
      <c r="F4944" cm="1">
        <f t="array" ref="F4944">IFERROR(INDEX(Jesper!AJ$2:AJ$366,ROUNDDOWN($C4944/24,0)+1,1)*INDEX($D$3:$AA$30,INDEX(Jesper!$R$2:$R$366,ROW(INDEX(Jesper!AJ$2:AJ$366,ROUNDDOWN($C4944/24,0)+1,1))-1)+IF('Standard Profiles'!$G$20=$B$10,7,0)+IF('Standard Profiles'!$G$20=$B$17,14,0)+IF('Standard Profiles'!$G$20=$B$24,21,0),MOD($C4944,24)+1)/SUM(INDEX($D$3:$AA$30,INDEX(Jesper!$R$2:$R$366,ROW(INDEX(Jesper!AJ$2:AJ$366,ROUNDDOWN($C4944/24,0)+1,1))-1)+IF('Standard Profiles'!$G$20=$B$10,7,0)+IF('Standard Profiles'!$G$20=$B$17,14,0)+IF('Standard Profiles'!$G$20=$B$24,21,0),0)),0)</f>
        <v>0</v>
      </c>
      <c r="G4944" cm="1">
        <f t="array" ref="G4944">IFERROR(INDEX(Jesper!AK$2:AK$366,ROUNDDOWN($C4944/24,0)+1,1)*INDEX($D$3:$AA$30,INDEX(Jesper!$R$2:$R$366,ROW(INDEX(Jesper!AK$2:AK$366,ROUNDDOWN($C4944/24,0)+1,1))-1)+IF('Standard Profiles'!$G$21=$B$10,7,0)+IF('Standard Profiles'!$G$21=$B$17,14,0)+IF('Standard Profiles'!$G$21=$B$24,21,0),MOD($C4944,24)+1)/SUM(INDEX($D$3:$AA$30,INDEX(Jesper!$R$2:$R$366,ROW(INDEX(Jesper!AK$2:AK$366,ROUNDDOWN($C4944/24,0)+1,1))-1)+IF('Standard Profiles'!$G$21=$B$10,7,0)+IF('Standard Profiles'!$G$21=$B$17,14,0)+IF('Standard Profiles'!$G$21=$B$24,21,0),0)),0)</f>
        <v>0</v>
      </c>
      <c r="H4944" cm="1">
        <f t="array" ref="H4944">IFERROR(INDEX(Jesper!AL$2:AL$366,ROUNDDOWN($C4944/24,0)+1,1)*INDEX($D$3:$AA$30,INDEX(Jesper!$R$2:$R$366,ROW(INDEX(Jesper!AL$2:AL$366,ROUNDDOWN($C4944/24,0)+1,1))-1)+IF('Standard Profiles'!$G$22=$B$10,7,0)+IF('Standard Profiles'!$G$22=$B$17,14,0)+IF('Standard Profiles'!$G$22=$B$24,21,0),MOD($C4944,24)+1)/SUM(INDEX($D$3:$AA$30,INDEX(Jesper!$R$2:$R$366,ROW(INDEX(Jesper!AL$2:AL$366,ROUNDDOWN($C4944/24,0)+1,1))-1)+IF('Standard Profiles'!$G$22=$B$10,7,0)+IF('Standard Profiles'!$G$22=$B$17,14,0)+IF('Standard Profiles'!$G$22=$B$24,21,0),0)),0)</f>
        <v>0</v>
      </c>
      <c r="I4944">
        <f t="shared" si="552"/>
        <v>0.41022334678448014</v>
      </c>
      <c r="J4944">
        <f t="shared" si="553"/>
        <v>1.3674111559482673</v>
      </c>
      <c r="K4944">
        <f t="shared" si="554"/>
        <v>2.0511167339224006</v>
      </c>
      <c r="L4944">
        <f t="shared" si="555"/>
        <v>9.8453603228275224</v>
      </c>
      <c r="M4944">
        <f t="shared" si="556"/>
        <v>0</v>
      </c>
      <c r="N4944" s="46">
        <f t="shared" si="557"/>
        <v>45496.583333321425</v>
      </c>
    </row>
    <row r="4945" spans="2:14" x14ac:dyDescent="0.3">
      <c r="B4945">
        <f t="shared" si="551"/>
        <v>2</v>
      </c>
      <c r="C4945" s="16">
        <v>4911</v>
      </c>
      <c r="D4945" cm="1">
        <f t="array" ref="D4945">IFERROR(INDEX(Jesper!AH$2:AH$366,ROUNDDOWN($C4945/24,0)+1,1)*INDEX($D$3:$AA$30,INDEX(Jesper!$R$2:$R$366,ROW(INDEX(Jesper!AH$2:AH$366,ROUNDDOWN($C4945/24,0)+1,1))-1)+IF('Standard Profiles'!$G$18=$B$10,7,0)+IF('Standard Profiles'!$G$18=$B$17,14,0)+IF('Standard Profiles'!$G$18=$B$24,21,0),MOD($C4945,24)+1)/SUM(INDEX($D$3:$AA$30,INDEX(Jesper!$R$2:$R$366,ROW(INDEX(Jesper!AH$2:AH$366,ROUNDDOWN($C4945/24,0)+1,1))-1)+IF('Standard Profiles'!$G$18=$B$10,7,0)+IF('Standard Profiles'!$G$18=$B$17,14,0)+IF('Standard Profiles'!$G$18=$B$24,21,0),0)),0)</f>
        <v>13.674111559482672</v>
      </c>
      <c r="E4945" cm="1">
        <f t="array" ref="E4945">IFERROR(INDEX(Jesper!AI$2:AI$366,ROUNDDOWN($C4945/24,0)+1,1)*INDEX($D$3:$AA$30,INDEX(Jesper!$R$2:$R$366,ROW(INDEX(Jesper!AI$2:AI$366,ROUNDDOWN($C4945/24,0)+1,1))-1)+IF('Standard Profiles'!$G$19=$B$10,7,0)+IF('Standard Profiles'!$G$19=$B$17,14,0)+IF('Standard Profiles'!$G$19=$B$24,21,0),MOD($C4945,24)+1)/SUM(INDEX($D$3:$AA$30,INDEX(Jesper!$R$2:$R$366,ROW(INDEX(Jesper!AI$2:AI$366,ROUNDDOWN($C4945/24,0)+1,1))-1)+IF('Standard Profiles'!$G$19=$B$10,7,0)+IF('Standard Profiles'!$G$19=$B$17,14,0)+IF('Standard Profiles'!$G$19=$B$24,21,0),0)),0)</f>
        <v>0</v>
      </c>
      <c r="F4945" cm="1">
        <f t="array" ref="F4945">IFERROR(INDEX(Jesper!AJ$2:AJ$366,ROUNDDOWN($C4945/24,0)+1,1)*INDEX($D$3:$AA$30,INDEX(Jesper!$R$2:$R$366,ROW(INDEX(Jesper!AJ$2:AJ$366,ROUNDDOWN($C4945/24,0)+1,1))-1)+IF('Standard Profiles'!$G$20=$B$10,7,0)+IF('Standard Profiles'!$G$20=$B$17,14,0)+IF('Standard Profiles'!$G$20=$B$24,21,0),MOD($C4945,24)+1)/SUM(INDEX($D$3:$AA$30,INDEX(Jesper!$R$2:$R$366,ROW(INDEX(Jesper!AJ$2:AJ$366,ROUNDDOWN($C4945/24,0)+1,1))-1)+IF('Standard Profiles'!$G$20=$B$10,7,0)+IF('Standard Profiles'!$G$20=$B$17,14,0)+IF('Standard Profiles'!$G$20=$B$24,21,0),0)),0)</f>
        <v>0</v>
      </c>
      <c r="G4945" cm="1">
        <f t="array" ref="G4945">IFERROR(INDEX(Jesper!AK$2:AK$366,ROUNDDOWN($C4945/24,0)+1,1)*INDEX($D$3:$AA$30,INDEX(Jesper!$R$2:$R$366,ROW(INDEX(Jesper!AK$2:AK$366,ROUNDDOWN($C4945/24,0)+1,1))-1)+IF('Standard Profiles'!$G$21=$B$10,7,0)+IF('Standard Profiles'!$G$21=$B$17,14,0)+IF('Standard Profiles'!$G$21=$B$24,21,0),MOD($C4945,24)+1)/SUM(INDEX($D$3:$AA$30,INDEX(Jesper!$R$2:$R$366,ROW(INDEX(Jesper!AK$2:AK$366,ROUNDDOWN($C4945/24,0)+1,1))-1)+IF('Standard Profiles'!$G$21=$B$10,7,0)+IF('Standard Profiles'!$G$21=$B$17,14,0)+IF('Standard Profiles'!$G$21=$B$24,21,0),0)),0)</f>
        <v>0</v>
      </c>
      <c r="H4945" cm="1">
        <f t="array" ref="H4945">IFERROR(INDEX(Jesper!AL$2:AL$366,ROUNDDOWN($C4945/24,0)+1,1)*INDEX($D$3:$AA$30,INDEX(Jesper!$R$2:$R$366,ROW(INDEX(Jesper!AL$2:AL$366,ROUNDDOWN($C4945/24,0)+1,1))-1)+IF('Standard Profiles'!$G$22=$B$10,7,0)+IF('Standard Profiles'!$G$22=$B$17,14,0)+IF('Standard Profiles'!$G$22=$B$24,21,0),MOD($C4945,24)+1)/SUM(INDEX($D$3:$AA$30,INDEX(Jesper!$R$2:$R$366,ROW(INDEX(Jesper!AL$2:AL$366,ROUNDDOWN($C4945/24,0)+1,1))-1)+IF('Standard Profiles'!$G$22=$B$10,7,0)+IF('Standard Profiles'!$G$22=$B$17,14,0)+IF('Standard Profiles'!$G$22=$B$24,21,0),0)),0)</f>
        <v>0</v>
      </c>
      <c r="I4945">
        <f t="shared" si="552"/>
        <v>0.41022334678448014</v>
      </c>
      <c r="J4945">
        <f t="shared" si="553"/>
        <v>1.3674111559482673</v>
      </c>
      <c r="K4945">
        <f t="shared" si="554"/>
        <v>2.0511167339224006</v>
      </c>
      <c r="L4945">
        <f t="shared" si="555"/>
        <v>9.8453603228275224</v>
      </c>
      <c r="M4945">
        <f t="shared" si="556"/>
        <v>0</v>
      </c>
      <c r="N4945" s="46">
        <f t="shared" si="557"/>
        <v>45496.624999988089</v>
      </c>
    </row>
    <row r="4946" spans="2:14" x14ac:dyDescent="0.3">
      <c r="B4946">
        <f t="shared" si="551"/>
        <v>2</v>
      </c>
      <c r="C4946" s="16">
        <v>4912</v>
      </c>
      <c r="D4946" cm="1">
        <f t="array" ref="D4946">IFERROR(INDEX(Jesper!AH$2:AH$366,ROUNDDOWN($C4946/24,0)+1,1)*INDEX($D$3:$AA$30,INDEX(Jesper!$R$2:$R$366,ROW(INDEX(Jesper!AH$2:AH$366,ROUNDDOWN($C4946/24,0)+1,1))-1)+IF('Standard Profiles'!$G$18=$B$10,7,0)+IF('Standard Profiles'!$G$18=$B$17,14,0)+IF('Standard Profiles'!$G$18=$B$24,21,0),MOD($C4946,24)+1)/SUM(INDEX($D$3:$AA$30,INDEX(Jesper!$R$2:$R$366,ROW(INDEX(Jesper!AH$2:AH$366,ROUNDDOWN($C4946/24,0)+1,1))-1)+IF('Standard Profiles'!$G$18=$B$10,7,0)+IF('Standard Profiles'!$G$18=$B$17,14,0)+IF('Standard Profiles'!$G$18=$B$24,21,0),0)),0)</f>
        <v>13.674111559482672</v>
      </c>
      <c r="E4946" cm="1">
        <f t="array" ref="E4946">IFERROR(INDEX(Jesper!AI$2:AI$366,ROUNDDOWN($C4946/24,0)+1,1)*INDEX($D$3:$AA$30,INDEX(Jesper!$R$2:$R$366,ROW(INDEX(Jesper!AI$2:AI$366,ROUNDDOWN($C4946/24,0)+1,1))-1)+IF('Standard Profiles'!$G$19=$B$10,7,0)+IF('Standard Profiles'!$G$19=$B$17,14,0)+IF('Standard Profiles'!$G$19=$B$24,21,0),MOD($C4946,24)+1)/SUM(INDEX($D$3:$AA$30,INDEX(Jesper!$R$2:$R$366,ROW(INDEX(Jesper!AI$2:AI$366,ROUNDDOWN($C4946/24,0)+1,1))-1)+IF('Standard Profiles'!$G$19=$B$10,7,0)+IF('Standard Profiles'!$G$19=$B$17,14,0)+IF('Standard Profiles'!$G$19=$B$24,21,0),0)),0)</f>
        <v>0</v>
      </c>
      <c r="F4946" cm="1">
        <f t="array" ref="F4946">IFERROR(INDEX(Jesper!AJ$2:AJ$366,ROUNDDOWN($C4946/24,0)+1,1)*INDEX($D$3:$AA$30,INDEX(Jesper!$R$2:$R$366,ROW(INDEX(Jesper!AJ$2:AJ$366,ROUNDDOWN($C4946/24,0)+1,1))-1)+IF('Standard Profiles'!$G$20=$B$10,7,0)+IF('Standard Profiles'!$G$20=$B$17,14,0)+IF('Standard Profiles'!$G$20=$B$24,21,0),MOD($C4946,24)+1)/SUM(INDEX($D$3:$AA$30,INDEX(Jesper!$R$2:$R$366,ROW(INDEX(Jesper!AJ$2:AJ$366,ROUNDDOWN($C4946/24,0)+1,1))-1)+IF('Standard Profiles'!$G$20=$B$10,7,0)+IF('Standard Profiles'!$G$20=$B$17,14,0)+IF('Standard Profiles'!$G$20=$B$24,21,0),0)),0)</f>
        <v>0</v>
      </c>
      <c r="G4946" cm="1">
        <f t="array" ref="G4946">IFERROR(INDEX(Jesper!AK$2:AK$366,ROUNDDOWN($C4946/24,0)+1,1)*INDEX($D$3:$AA$30,INDEX(Jesper!$R$2:$R$366,ROW(INDEX(Jesper!AK$2:AK$366,ROUNDDOWN($C4946/24,0)+1,1))-1)+IF('Standard Profiles'!$G$21=$B$10,7,0)+IF('Standard Profiles'!$G$21=$B$17,14,0)+IF('Standard Profiles'!$G$21=$B$24,21,0),MOD($C4946,24)+1)/SUM(INDEX($D$3:$AA$30,INDEX(Jesper!$R$2:$R$366,ROW(INDEX(Jesper!AK$2:AK$366,ROUNDDOWN($C4946/24,0)+1,1))-1)+IF('Standard Profiles'!$G$21=$B$10,7,0)+IF('Standard Profiles'!$G$21=$B$17,14,0)+IF('Standard Profiles'!$G$21=$B$24,21,0),0)),0)</f>
        <v>0</v>
      </c>
      <c r="H4946" cm="1">
        <f t="array" ref="H4946">IFERROR(INDEX(Jesper!AL$2:AL$366,ROUNDDOWN($C4946/24,0)+1,1)*INDEX($D$3:$AA$30,INDEX(Jesper!$R$2:$R$366,ROW(INDEX(Jesper!AL$2:AL$366,ROUNDDOWN($C4946/24,0)+1,1))-1)+IF('Standard Profiles'!$G$22=$B$10,7,0)+IF('Standard Profiles'!$G$22=$B$17,14,0)+IF('Standard Profiles'!$G$22=$B$24,21,0),MOD($C4946,24)+1)/SUM(INDEX($D$3:$AA$30,INDEX(Jesper!$R$2:$R$366,ROW(INDEX(Jesper!AL$2:AL$366,ROUNDDOWN($C4946/24,0)+1,1))-1)+IF('Standard Profiles'!$G$22=$B$10,7,0)+IF('Standard Profiles'!$G$22=$B$17,14,0)+IF('Standard Profiles'!$G$22=$B$24,21,0),0)),0)</f>
        <v>0</v>
      </c>
      <c r="I4946">
        <f t="shared" si="552"/>
        <v>0.41022334678448014</v>
      </c>
      <c r="J4946">
        <f t="shared" si="553"/>
        <v>1.3674111559482673</v>
      </c>
      <c r="K4946">
        <f t="shared" si="554"/>
        <v>2.0511167339224006</v>
      </c>
      <c r="L4946">
        <f t="shared" si="555"/>
        <v>9.8453603228275224</v>
      </c>
      <c r="M4946">
        <f t="shared" si="556"/>
        <v>0</v>
      </c>
      <c r="N4946" s="46">
        <f t="shared" si="557"/>
        <v>45496.666666654753</v>
      </c>
    </row>
    <row r="4947" spans="2:14" x14ac:dyDescent="0.3">
      <c r="B4947">
        <f t="shared" si="551"/>
        <v>2</v>
      </c>
      <c r="C4947" s="16">
        <v>4913</v>
      </c>
      <c r="D4947" cm="1">
        <f t="array" ref="D4947">IFERROR(INDEX(Jesper!AH$2:AH$366,ROUNDDOWN($C4947/24,0)+1,1)*INDEX($D$3:$AA$30,INDEX(Jesper!$R$2:$R$366,ROW(INDEX(Jesper!AH$2:AH$366,ROUNDDOWN($C4947/24,0)+1,1))-1)+IF('Standard Profiles'!$G$18=$B$10,7,0)+IF('Standard Profiles'!$G$18=$B$17,14,0)+IF('Standard Profiles'!$G$18=$B$24,21,0),MOD($C4947,24)+1)/SUM(INDEX($D$3:$AA$30,INDEX(Jesper!$R$2:$R$366,ROW(INDEX(Jesper!AH$2:AH$366,ROUNDDOWN($C4947/24,0)+1,1))-1)+IF('Standard Profiles'!$G$18=$B$10,7,0)+IF('Standard Profiles'!$G$18=$B$17,14,0)+IF('Standard Profiles'!$G$18=$B$24,21,0),0)),0)</f>
        <v>13.674111559482672</v>
      </c>
      <c r="E4947" cm="1">
        <f t="array" ref="E4947">IFERROR(INDEX(Jesper!AI$2:AI$366,ROUNDDOWN($C4947/24,0)+1,1)*INDEX($D$3:$AA$30,INDEX(Jesper!$R$2:$R$366,ROW(INDEX(Jesper!AI$2:AI$366,ROUNDDOWN($C4947/24,0)+1,1))-1)+IF('Standard Profiles'!$G$19=$B$10,7,0)+IF('Standard Profiles'!$G$19=$B$17,14,0)+IF('Standard Profiles'!$G$19=$B$24,21,0),MOD($C4947,24)+1)/SUM(INDEX($D$3:$AA$30,INDEX(Jesper!$R$2:$R$366,ROW(INDEX(Jesper!AI$2:AI$366,ROUNDDOWN($C4947/24,0)+1,1))-1)+IF('Standard Profiles'!$G$19=$B$10,7,0)+IF('Standard Profiles'!$G$19=$B$17,14,0)+IF('Standard Profiles'!$G$19=$B$24,21,0),0)),0)</f>
        <v>0</v>
      </c>
      <c r="F4947" cm="1">
        <f t="array" ref="F4947">IFERROR(INDEX(Jesper!AJ$2:AJ$366,ROUNDDOWN($C4947/24,0)+1,1)*INDEX($D$3:$AA$30,INDEX(Jesper!$R$2:$R$366,ROW(INDEX(Jesper!AJ$2:AJ$366,ROUNDDOWN($C4947/24,0)+1,1))-1)+IF('Standard Profiles'!$G$20=$B$10,7,0)+IF('Standard Profiles'!$G$20=$B$17,14,0)+IF('Standard Profiles'!$G$20=$B$24,21,0),MOD($C4947,24)+1)/SUM(INDEX($D$3:$AA$30,INDEX(Jesper!$R$2:$R$366,ROW(INDEX(Jesper!AJ$2:AJ$366,ROUNDDOWN($C4947/24,0)+1,1))-1)+IF('Standard Profiles'!$G$20=$B$10,7,0)+IF('Standard Profiles'!$G$20=$B$17,14,0)+IF('Standard Profiles'!$G$20=$B$24,21,0),0)),0)</f>
        <v>0</v>
      </c>
      <c r="G4947" cm="1">
        <f t="array" ref="G4947">IFERROR(INDEX(Jesper!AK$2:AK$366,ROUNDDOWN($C4947/24,0)+1,1)*INDEX($D$3:$AA$30,INDEX(Jesper!$R$2:$R$366,ROW(INDEX(Jesper!AK$2:AK$366,ROUNDDOWN($C4947/24,0)+1,1))-1)+IF('Standard Profiles'!$G$21=$B$10,7,0)+IF('Standard Profiles'!$G$21=$B$17,14,0)+IF('Standard Profiles'!$G$21=$B$24,21,0),MOD($C4947,24)+1)/SUM(INDEX($D$3:$AA$30,INDEX(Jesper!$R$2:$R$366,ROW(INDEX(Jesper!AK$2:AK$366,ROUNDDOWN($C4947/24,0)+1,1))-1)+IF('Standard Profiles'!$G$21=$B$10,7,0)+IF('Standard Profiles'!$G$21=$B$17,14,0)+IF('Standard Profiles'!$G$21=$B$24,21,0),0)),0)</f>
        <v>0</v>
      </c>
      <c r="H4947" cm="1">
        <f t="array" ref="H4947">IFERROR(INDEX(Jesper!AL$2:AL$366,ROUNDDOWN($C4947/24,0)+1,1)*INDEX($D$3:$AA$30,INDEX(Jesper!$R$2:$R$366,ROW(INDEX(Jesper!AL$2:AL$366,ROUNDDOWN($C4947/24,0)+1,1))-1)+IF('Standard Profiles'!$G$22=$B$10,7,0)+IF('Standard Profiles'!$G$22=$B$17,14,0)+IF('Standard Profiles'!$G$22=$B$24,21,0),MOD($C4947,24)+1)/SUM(INDEX($D$3:$AA$30,INDEX(Jesper!$R$2:$R$366,ROW(INDEX(Jesper!AL$2:AL$366,ROUNDDOWN($C4947/24,0)+1,1))-1)+IF('Standard Profiles'!$G$22=$B$10,7,0)+IF('Standard Profiles'!$G$22=$B$17,14,0)+IF('Standard Profiles'!$G$22=$B$24,21,0),0)),0)</f>
        <v>0</v>
      </c>
      <c r="I4947">
        <f t="shared" si="552"/>
        <v>0.41022334678448014</v>
      </c>
      <c r="J4947">
        <f t="shared" si="553"/>
        <v>1.3674111559482673</v>
      </c>
      <c r="K4947">
        <f t="shared" si="554"/>
        <v>2.0511167339224006</v>
      </c>
      <c r="L4947">
        <f t="shared" si="555"/>
        <v>9.8453603228275224</v>
      </c>
      <c r="M4947">
        <f t="shared" si="556"/>
        <v>0</v>
      </c>
      <c r="N4947" s="46">
        <f t="shared" si="557"/>
        <v>45496.708333321418</v>
      </c>
    </row>
    <row r="4948" spans="2:14" x14ac:dyDescent="0.3">
      <c r="B4948">
        <f t="shared" si="551"/>
        <v>2</v>
      </c>
      <c r="C4948" s="16">
        <v>4914</v>
      </c>
      <c r="D4948" cm="1">
        <f t="array" ref="D4948">IFERROR(INDEX(Jesper!AH$2:AH$366,ROUNDDOWN($C4948/24,0)+1,1)*INDEX($D$3:$AA$30,INDEX(Jesper!$R$2:$R$366,ROW(INDEX(Jesper!AH$2:AH$366,ROUNDDOWN($C4948/24,0)+1,1))-1)+IF('Standard Profiles'!$G$18=$B$10,7,0)+IF('Standard Profiles'!$G$18=$B$17,14,0)+IF('Standard Profiles'!$G$18=$B$24,21,0),MOD($C4948,24)+1)/SUM(INDEX($D$3:$AA$30,INDEX(Jesper!$R$2:$R$366,ROW(INDEX(Jesper!AH$2:AH$366,ROUNDDOWN($C4948/24,0)+1,1))-1)+IF('Standard Profiles'!$G$18=$B$10,7,0)+IF('Standard Profiles'!$G$18=$B$17,14,0)+IF('Standard Profiles'!$G$18=$B$24,21,0),0)),0)</f>
        <v>13.674111559482672</v>
      </c>
      <c r="E4948" cm="1">
        <f t="array" ref="E4948">IFERROR(INDEX(Jesper!AI$2:AI$366,ROUNDDOWN($C4948/24,0)+1,1)*INDEX($D$3:$AA$30,INDEX(Jesper!$R$2:$R$366,ROW(INDEX(Jesper!AI$2:AI$366,ROUNDDOWN($C4948/24,0)+1,1))-1)+IF('Standard Profiles'!$G$19=$B$10,7,0)+IF('Standard Profiles'!$G$19=$B$17,14,0)+IF('Standard Profiles'!$G$19=$B$24,21,0),MOD($C4948,24)+1)/SUM(INDEX($D$3:$AA$30,INDEX(Jesper!$R$2:$R$366,ROW(INDEX(Jesper!AI$2:AI$366,ROUNDDOWN($C4948/24,0)+1,1))-1)+IF('Standard Profiles'!$G$19=$B$10,7,0)+IF('Standard Profiles'!$G$19=$B$17,14,0)+IF('Standard Profiles'!$G$19=$B$24,21,0),0)),0)</f>
        <v>0</v>
      </c>
      <c r="F4948" cm="1">
        <f t="array" ref="F4948">IFERROR(INDEX(Jesper!AJ$2:AJ$366,ROUNDDOWN($C4948/24,0)+1,1)*INDEX($D$3:$AA$30,INDEX(Jesper!$R$2:$R$366,ROW(INDEX(Jesper!AJ$2:AJ$366,ROUNDDOWN($C4948/24,0)+1,1))-1)+IF('Standard Profiles'!$G$20=$B$10,7,0)+IF('Standard Profiles'!$G$20=$B$17,14,0)+IF('Standard Profiles'!$G$20=$B$24,21,0),MOD($C4948,24)+1)/SUM(INDEX($D$3:$AA$30,INDEX(Jesper!$R$2:$R$366,ROW(INDEX(Jesper!AJ$2:AJ$366,ROUNDDOWN($C4948/24,0)+1,1))-1)+IF('Standard Profiles'!$G$20=$B$10,7,0)+IF('Standard Profiles'!$G$20=$B$17,14,0)+IF('Standard Profiles'!$G$20=$B$24,21,0),0)),0)</f>
        <v>0</v>
      </c>
      <c r="G4948" cm="1">
        <f t="array" ref="G4948">IFERROR(INDEX(Jesper!AK$2:AK$366,ROUNDDOWN($C4948/24,0)+1,1)*INDEX($D$3:$AA$30,INDEX(Jesper!$R$2:$R$366,ROW(INDEX(Jesper!AK$2:AK$366,ROUNDDOWN($C4948/24,0)+1,1))-1)+IF('Standard Profiles'!$G$21=$B$10,7,0)+IF('Standard Profiles'!$G$21=$B$17,14,0)+IF('Standard Profiles'!$G$21=$B$24,21,0),MOD($C4948,24)+1)/SUM(INDEX($D$3:$AA$30,INDEX(Jesper!$R$2:$R$366,ROW(INDEX(Jesper!AK$2:AK$366,ROUNDDOWN($C4948/24,0)+1,1))-1)+IF('Standard Profiles'!$G$21=$B$10,7,0)+IF('Standard Profiles'!$G$21=$B$17,14,0)+IF('Standard Profiles'!$G$21=$B$24,21,0),0)),0)</f>
        <v>0</v>
      </c>
      <c r="H4948" cm="1">
        <f t="array" ref="H4948">IFERROR(INDEX(Jesper!AL$2:AL$366,ROUNDDOWN($C4948/24,0)+1,1)*INDEX($D$3:$AA$30,INDEX(Jesper!$R$2:$R$366,ROW(INDEX(Jesper!AL$2:AL$366,ROUNDDOWN($C4948/24,0)+1,1))-1)+IF('Standard Profiles'!$G$22=$B$10,7,0)+IF('Standard Profiles'!$G$22=$B$17,14,0)+IF('Standard Profiles'!$G$22=$B$24,21,0),MOD($C4948,24)+1)/SUM(INDEX($D$3:$AA$30,INDEX(Jesper!$R$2:$R$366,ROW(INDEX(Jesper!AL$2:AL$366,ROUNDDOWN($C4948/24,0)+1,1))-1)+IF('Standard Profiles'!$G$22=$B$10,7,0)+IF('Standard Profiles'!$G$22=$B$17,14,0)+IF('Standard Profiles'!$G$22=$B$24,21,0),0)),0)</f>
        <v>0</v>
      </c>
      <c r="I4948">
        <f t="shared" si="552"/>
        <v>0.41022334678448014</v>
      </c>
      <c r="J4948">
        <f t="shared" si="553"/>
        <v>1.3674111559482673</v>
      </c>
      <c r="K4948">
        <f t="shared" si="554"/>
        <v>2.0511167339224006</v>
      </c>
      <c r="L4948">
        <f t="shared" si="555"/>
        <v>9.8453603228275224</v>
      </c>
      <c r="M4948">
        <f t="shared" si="556"/>
        <v>0</v>
      </c>
      <c r="N4948" s="46">
        <f t="shared" si="557"/>
        <v>45496.749999988082</v>
      </c>
    </row>
    <row r="4949" spans="2:14" x14ac:dyDescent="0.3">
      <c r="B4949">
        <f t="shared" si="551"/>
        <v>2</v>
      </c>
      <c r="C4949" s="16">
        <v>4915</v>
      </c>
      <c r="D4949" cm="1">
        <f t="array" ref="D4949">IFERROR(INDEX(Jesper!AH$2:AH$366,ROUNDDOWN($C4949/24,0)+1,1)*INDEX($D$3:$AA$30,INDEX(Jesper!$R$2:$R$366,ROW(INDEX(Jesper!AH$2:AH$366,ROUNDDOWN($C4949/24,0)+1,1))-1)+IF('Standard Profiles'!$G$18=$B$10,7,0)+IF('Standard Profiles'!$G$18=$B$17,14,0)+IF('Standard Profiles'!$G$18=$B$24,21,0),MOD($C4949,24)+1)/SUM(INDEX($D$3:$AA$30,INDEX(Jesper!$R$2:$R$366,ROW(INDEX(Jesper!AH$2:AH$366,ROUNDDOWN($C4949/24,0)+1,1))-1)+IF('Standard Profiles'!$G$18=$B$10,7,0)+IF('Standard Profiles'!$G$18=$B$17,14,0)+IF('Standard Profiles'!$G$18=$B$24,21,0),0)),0)</f>
        <v>11.452068431066737</v>
      </c>
      <c r="E4949" cm="1">
        <f t="array" ref="E4949">IFERROR(INDEX(Jesper!AI$2:AI$366,ROUNDDOWN($C4949/24,0)+1,1)*INDEX($D$3:$AA$30,INDEX(Jesper!$R$2:$R$366,ROW(INDEX(Jesper!AI$2:AI$366,ROUNDDOWN($C4949/24,0)+1,1))-1)+IF('Standard Profiles'!$G$19=$B$10,7,0)+IF('Standard Profiles'!$G$19=$B$17,14,0)+IF('Standard Profiles'!$G$19=$B$24,21,0),MOD($C4949,24)+1)/SUM(INDEX($D$3:$AA$30,INDEX(Jesper!$R$2:$R$366,ROW(INDEX(Jesper!AI$2:AI$366,ROUNDDOWN($C4949/24,0)+1,1))-1)+IF('Standard Profiles'!$G$19=$B$10,7,0)+IF('Standard Profiles'!$G$19=$B$17,14,0)+IF('Standard Profiles'!$G$19=$B$24,21,0),0)),0)</f>
        <v>0</v>
      </c>
      <c r="F4949" cm="1">
        <f t="array" ref="F4949">IFERROR(INDEX(Jesper!AJ$2:AJ$366,ROUNDDOWN($C4949/24,0)+1,1)*INDEX($D$3:$AA$30,INDEX(Jesper!$R$2:$R$366,ROW(INDEX(Jesper!AJ$2:AJ$366,ROUNDDOWN($C4949/24,0)+1,1))-1)+IF('Standard Profiles'!$G$20=$B$10,7,0)+IF('Standard Profiles'!$G$20=$B$17,14,0)+IF('Standard Profiles'!$G$20=$B$24,21,0),MOD($C4949,24)+1)/SUM(INDEX($D$3:$AA$30,INDEX(Jesper!$R$2:$R$366,ROW(INDEX(Jesper!AJ$2:AJ$366,ROUNDDOWN($C4949/24,0)+1,1))-1)+IF('Standard Profiles'!$G$20=$B$10,7,0)+IF('Standard Profiles'!$G$20=$B$17,14,0)+IF('Standard Profiles'!$G$20=$B$24,21,0),0)),0)</f>
        <v>0</v>
      </c>
      <c r="G4949" cm="1">
        <f t="array" ref="G4949">IFERROR(INDEX(Jesper!AK$2:AK$366,ROUNDDOWN($C4949/24,0)+1,1)*INDEX($D$3:$AA$30,INDEX(Jesper!$R$2:$R$366,ROW(INDEX(Jesper!AK$2:AK$366,ROUNDDOWN($C4949/24,0)+1,1))-1)+IF('Standard Profiles'!$G$21=$B$10,7,0)+IF('Standard Profiles'!$G$21=$B$17,14,0)+IF('Standard Profiles'!$G$21=$B$24,21,0),MOD($C4949,24)+1)/SUM(INDEX($D$3:$AA$30,INDEX(Jesper!$R$2:$R$366,ROW(INDEX(Jesper!AK$2:AK$366,ROUNDDOWN($C4949/24,0)+1,1))-1)+IF('Standard Profiles'!$G$21=$B$10,7,0)+IF('Standard Profiles'!$G$21=$B$17,14,0)+IF('Standard Profiles'!$G$21=$B$24,21,0),0)),0)</f>
        <v>0</v>
      </c>
      <c r="H4949" cm="1">
        <f t="array" ref="H4949">IFERROR(INDEX(Jesper!AL$2:AL$366,ROUNDDOWN($C4949/24,0)+1,1)*INDEX($D$3:$AA$30,INDEX(Jesper!$R$2:$R$366,ROW(INDEX(Jesper!AL$2:AL$366,ROUNDDOWN($C4949/24,0)+1,1))-1)+IF('Standard Profiles'!$G$22=$B$10,7,0)+IF('Standard Profiles'!$G$22=$B$17,14,0)+IF('Standard Profiles'!$G$22=$B$24,21,0),MOD($C4949,24)+1)/SUM(INDEX($D$3:$AA$30,INDEX(Jesper!$R$2:$R$366,ROW(INDEX(Jesper!AL$2:AL$366,ROUNDDOWN($C4949/24,0)+1,1))-1)+IF('Standard Profiles'!$G$22=$B$10,7,0)+IF('Standard Profiles'!$G$22=$B$17,14,0)+IF('Standard Profiles'!$G$22=$B$24,21,0),0)),0)</f>
        <v>0</v>
      </c>
      <c r="I4949">
        <f t="shared" si="552"/>
        <v>0.34356205293200209</v>
      </c>
      <c r="J4949">
        <f t="shared" si="553"/>
        <v>1.1452068431066738</v>
      </c>
      <c r="K4949">
        <f t="shared" si="554"/>
        <v>1.7178102646600104</v>
      </c>
      <c r="L4949">
        <f t="shared" si="555"/>
        <v>8.2454892703680507</v>
      </c>
      <c r="M4949">
        <f t="shared" si="556"/>
        <v>0</v>
      </c>
      <c r="N4949" s="46">
        <f t="shared" si="557"/>
        <v>45496.791666654746</v>
      </c>
    </row>
    <row r="4950" spans="2:14" x14ac:dyDescent="0.3">
      <c r="B4950">
        <f t="shared" si="551"/>
        <v>2</v>
      </c>
      <c r="C4950" s="16">
        <v>4916</v>
      </c>
      <c r="D4950" cm="1">
        <f t="array" ref="D4950">IFERROR(INDEX(Jesper!AH$2:AH$366,ROUNDDOWN($C4950/24,0)+1,1)*INDEX($D$3:$AA$30,INDEX(Jesper!$R$2:$R$366,ROW(INDEX(Jesper!AH$2:AH$366,ROUNDDOWN($C4950/24,0)+1,1))-1)+IF('Standard Profiles'!$G$18=$B$10,7,0)+IF('Standard Profiles'!$G$18=$B$17,14,0)+IF('Standard Profiles'!$G$18=$B$24,21,0),MOD($C4950,24)+1)/SUM(INDEX($D$3:$AA$30,INDEX(Jesper!$R$2:$R$366,ROW(INDEX(Jesper!AH$2:AH$366,ROUNDDOWN($C4950/24,0)+1,1))-1)+IF('Standard Profiles'!$G$18=$B$10,7,0)+IF('Standard Profiles'!$G$18=$B$17,14,0)+IF('Standard Profiles'!$G$18=$B$24,21,0),0)),0)</f>
        <v>9.4009516971443343</v>
      </c>
      <c r="E4950" cm="1">
        <f t="array" ref="E4950">IFERROR(INDEX(Jesper!AI$2:AI$366,ROUNDDOWN($C4950/24,0)+1,1)*INDEX($D$3:$AA$30,INDEX(Jesper!$R$2:$R$366,ROW(INDEX(Jesper!AI$2:AI$366,ROUNDDOWN($C4950/24,0)+1,1))-1)+IF('Standard Profiles'!$G$19=$B$10,7,0)+IF('Standard Profiles'!$G$19=$B$17,14,0)+IF('Standard Profiles'!$G$19=$B$24,21,0),MOD($C4950,24)+1)/SUM(INDEX($D$3:$AA$30,INDEX(Jesper!$R$2:$R$366,ROW(INDEX(Jesper!AI$2:AI$366,ROUNDDOWN($C4950/24,0)+1,1))-1)+IF('Standard Profiles'!$G$19=$B$10,7,0)+IF('Standard Profiles'!$G$19=$B$17,14,0)+IF('Standard Profiles'!$G$19=$B$24,21,0),0)),0)</f>
        <v>0</v>
      </c>
      <c r="F4950" cm="1">
        <f t="array" ref="F4950">IFERROR(INDEX(Jesper!AJ$2:AJ$366,ROUNDDOWN($C4950/24,0)+1,1)*INDEX($D$3:$AA$30,INDEX(Jesper!$R$2:$R$366,ROW(INDEX(Jesper!AJ$2:AJ$366,ROUNDDOWN($C4950/24,0)+1,1))-1)+IF('Standard Profiles'!$G$20=$B$10,7,0)+IF('Standard Profiles'!$G$20=$B$17,14,0)+IF('Standard Profiles'!$G$20=$B$24,21,0),MOD($C4950,24)+1)/SUM(INDEX($D$3:$AA$30,INDEX(Jesper!$R$2:$R$366,ROW(INDEX(Jesper!AJ$2:AJ$366,ROUNDDOWN($C4950/24,0)+1,1))-1)+IF('Standard Profiles'!$G$20=$B$10,7,0)+IF('Standard Profiles'!$G$20=$B$17,14,0)+IF('Standard Profiles'!$G$20=$B$24,21,0),0)),0)</f>
        <v>0</v>
      </c>
      <c r="G4950" cm="1">
        <f t="array" ref="G4950">IFERROR(INDEX(Jesper!AK$2:AK$366,ROUNDDOWN($C4950/24,0)+1,1)*INDEX($D$3:$AA$30,INDEX(Jesper!$R$2:$R$366,ROW(INDEX(Jesper!AK$2:AK$366,ROUNDDOWN($C4950/24,0)+1,1))-1)+IF('Standard Profiles'!$G$21=$B$10,7,0)+IF('Standard Profiles'!$G$21=$B$17,14,0)+IF('Standard Profiles'!$G$21=$B$24,21,0),MOD($C4950,24)+1)/SUM(INDEX($D$3:$AA$30,INDEX(Jesper!$R$2:$R$366,ROW(INDEX(Jesper!AK$2:AK$366,ROUNDDOWN($C4950/24,0)+1,1))-1)+IF('Standard Profiles'!$G$21=$B$10,7,0)+IF('Standard Profiles'!$G$21=$B$17,14,0)+IF('Standard Profiles'!$G$21=$B$24,21,0),0)),0)</f>
        <v>0</v>
      </c>
      <c r="H4950" cm="1">
        <f t="array" ref="H4950">IFERROR(INDEX(Jesper!AL$2:AL$366,ROUNDDOWN($C4950/24,0)+1,1)*INDEX($D$3:$AA$30,INDEX(Jesper!$R$2:$R$366,ROW(INDEX(Jesper!AL$2:AL$366,ROUNDDOWN($C4950/24,0)+1,1))-1)+IF('Standard Profiles'!$G$22=$B$10,7,0)+IF('Standard Profiles'!$G$22=$B$17,14,0)+IF('Standard Profiles'!$G$22=$B$24,21,0),MOD($C4950,24)+1)/SUM(INDEX($D$3:$AA$30,INDEX(Jesper!$R$2:$R$366,ROW(INDEX(Jesper!AL$2:AL$366,ROUNDDOWN($C4950/24,0)+1,1))-1)+IF('Standard Profiles'!$G$22=$B$10,7,0)+IF('Standard Profiles'!$G$22=$B$17,14,0)+IF('Standard Profiles'!$G$22=$B$24,21,0),0)),0)</f>
        <v>0</v>
      </c>
      <c r="I4950">
        <f t="shared" si="552"/>
        <v>0.28202855091433005</v>
      </c>
      <c r="J4950">
        <f t="shared" si="553"/>
        <v>0.94009516971443352</v>
      </c>
      <c r="K4950">
        <f t="shared" si="554"/>
        <v>1.4101427545716501</v>
      </c>
      <c r="L4950">
        <f t="shared" si="555"/>
        <v>6.7686852219439206</v>
      </c>
      <c r="M4950">
        <f t="shared" si="556"/>
        <v>0</v>
      </c>
      <c r="N4950" s="46">
        <f t="shared" si="557"/>
        <v>45496.83333332141</v>
      </c>
    </row>
    <row r="4951" spans="2:14" x14ac:dyDescent="0.3">
      <c r="B4951">
        <f t="shared" si="551"/>
        <v>2</v>
      </c>
      <c r="C4951" s="16">
        <v>4917</v>
      </c>
      <c r="D4951" cm="1">
        <f t="array" ref="D4951">IFERROR(INDEX(Jesper!AH$2:AH$366,ROUNDDOWN($C4951/24,0)+1,1)*INDEX($D$3:$AA$30,INDEX(Jesper!$R$2:$R$366,ROW(INDEX(Jesper!AH$2:AH$366,ROUNDDOWN($C4951/24,0)+1,1))-1)+IF('Standard Profiles'!$G$18=$B$10,7,0)+IF('Standard Profiles'!$G$18=$B$17,14,0)+IF('Standard Profiles'!$G$18=$B$24,21,0),MOD($C4951,24)+1)/SUM(INDEX($D$3:$AA$30,INDEX(Jesper!$R$2:$R$366,ROW(INDEX(Jesper!AH$2:AH$366,ROUNDDOWN($C4951/24,0)+1,1))-1)+IF('Standard Profiles'!$G$18=$B$10,7,0)+IF('Standard Profiles'!$G$18=$B$17,14,0)+IF('Standard Profiles'!$G$18=$B$24,21,0),0)),0)</f>
        <v>6.8370557797413358</v>
      </c>
      <c r="E4951" cm="1">
        <f t="array" ref="E4951">IFERROR(INDEX(Jesper!AI$2:AI$366,ROUNDDOWN($C4951/24,0)+1,1)*INDEX($D$3:$AA$30,INDEX(Jesper!$R$2:$R$366,ROW(INDEX(Jesper!AI$2:AI$366,ROUNDDOWN($C4951/24,0)+1,1))-1)+IF('Standard Profiles'!$G$19=$B$10,7,0)+IF('Standard Profiles'!$G$19=$B$17,14,0)+IF('Standard Profiles'!$G$19=$B$24,21,0),MOD($C4951,24)+1)/SUM(INDEX($D$3:$AA$30,INDEX(Jesper!$R$2:$R$366,ROW(INDEX(Jesper!AI$2:AI$366,ROUNDDOWN($C4951/24,0)+1,1))-1)+IF('Standard Profiles'!$G$19=$B$10,7,0)+IF('Standard Profiles'!$G$19=$B$17,14,0)+IF('Standard Profiles'!$G$19=$B$24,21,0),0)),0)</f>
        <v>0</v>
      </c>
      <c r="F4951" cm="1">
        <f t="array" ref="F4951">IFERROR(INDEX(Jesper!AJ$2:AJ$366,ROUNDDOWN($C4951/24,0)+1,1)*INDEX($D$3:$AA$30,INDEX(Jesper!$R$2:$R$366,ROW(INDEX(Jesper!AJ$2:AJ$366,ROUNDDOWN($C4951/24,0)+1,1))-1)+IF('Standard Profiles'!$G$20=$B$10,7,0)+IF('Standard Profiles'!$G$20=$B$17,14,0)+IF('Standard Profiles'!$G$20=$B$24,21,0),MOD($C4951,24)+1)/SUM(INDEX($D$3:$AA$30,INDEX(Jesper!$R$2:$R$366,ROW(INDEX(Jesper!AJ$2:AJ$366,ROUNDDOWN($C4951/24,0)+1,1))-1)+IF('Standard Profiles'!$G$20=$B$10,7,0)+IF('Standard Profiles'!$G$20=$B$17,14,0)+IF('Standard Profiles'!$G$20=$B$24,21,0),0)),0)</f>
        <v>0</v>
      </c>
      <c r="G4951" cm="1">
        <f t="array" ref="G4951">IFERROR(INDEX(Jesper!AK$2:AK$366,ROUNDDOWN($C4951/24,0)+1,1)*INDEX($D$3:$AA$30,INDEX(Jesper!$R$2:$R$366,ROW(INDEX(Jesper!AK$2:AK$366,ROUNDDOWN($C4951/24,0)+1,1))-1)+IF('Standard Profiles'!$G$21=$B$10,7,0)+IF('Standard Profiles'!$G$21=$B$17,14,0)+IF('Standard Profiles'!$G$21=$B$24,21,0),MOD($C4951,24)+1)/SUM(INDEX($D$3:$AA$30,INDEX(Jesper!$R$2:$R$366,ROW(INDEX(Jesper!AK$2:AK$366,ROUNDDOWN($C4951/24,0)+1,1))-1)+IF('Standard Profiles'!$G$21=$B$10,7,0)+IF('Standard Profiles'!$G$21=$B$17,14,0)+IF('Standard Profiles'!$G$21=$B$24,21,0),0)),0)</f>
        <v>0</v>
      </c>
      <c r="H4951" cm="1">
        <f t="array" ref="H4951">IFERROR(INDEX(Jesper!AL$2:AL$366,ROUNDDOWN($C4951/24,0)+1,1)*INDEX($D$3:$AA$30,INDEX(Jesper!$R$2:$R$366,ROW(INDEX(Jesper!AL$2:AL$366,ROUNDDOWN($C4951/24,0)+1,1))-1)+IF('Standard Profiles'!$G$22=$B$10,7,0)+IF('Standard Profiles'!$G$22=$B$17,14,0)+IF('Standard Profiles'!$G$22=$B$24,21,0),MOD($C4951,24)+1)/SUM(INDEX($D$3:$AA$30,INDEX(Jesper!$R$2:$R$366,ROW(INDEX(Jesper!AL$2:AL$366,ROUNDDOWN($C4951/24,0)+1,1))-1)+IF('Standard Profiles'!$G$22=$B$10,7,0)+IF('Standard Profiles'!$G$22=$B$17,14,0)+IF('Standard Profiles'!$G$22=$B$24,21,0),0)),0)</f>
        <v>0</v>
      </c>
      <c r="I4951">
        <f t="shared" si="552"/>
        <v>0.20511167339224007</v>
      </c>
      <c r="J4951">
        <f t="shared" si="553"/>
        <v>0.68370557797413367</v>
      </c>
      <c r="K4951">
        <f t="shared" si="554"/>
        <v>1.0255583669612003</v>
      </c>
      <c r="L4951">
        <f t="shared" si="555"/>
        <v>4.9226801614137612</v>
      </c>
      <c r="M4951">
        <f t="shared" si="556"/>
        <v>0</v>
      </c>
      <c r="N4951" s="46">
        <f t="shared" si="557"/>
        <v>45496.874999988075</v>
      </c>
    </row>
    <row r="4952" spans="2:14" x14ac:dyDescent="0.3">
      <c r="B4952">
        <f t="shared" si="551"/>
        <v>2</v>
      </c>
      <c r="C4952" s="16">
        <v>4918</v>
      </c>
      <c r="D4952" cm="1">
        <f t="array" ref="D4952">IFERROR(INDEX(Jesper!AH$2:AH$366,ROUNDDOWN($C4952/24,0)+1,1)*INDEX($D$3:$AA$30,INDEX(Jesper!$R$2:$R$366,ROW(INDEX(Jesper!AH$2:AH$366,ROUNDDOWN($C4952/24,0)+1,1))-1)+IF('Standard Profiles'!$G$18=$B$10,7,0)+IF('Standard Profiles'!$G$18=$B$17,14,0)+IF('Standard Profiles'!$G$18=$B$24,21,0),MOD($C4952,24)+1)/SUM(INDEX($D$3:$AA$30,INDEX(Jesper!$R$2:$R$366,ROW(INDEX(Jesper!AH$2:AH$366,ROUNDDOWN($C4952/24,0)+1,1))-1)+IF('Standard Profiles'!$G$18=$B$10,7,0)+IF('Standard Profiles'!$G$18=$B$17,14,0)+IF('Standard Profiles'!$G$18=$B$24,21,0),0)),0)</f>
        <v>6.8370557797413358</v>
      </c>
      <c r="E4952" cm="1">
        <f t="array" ref="E4952">IFERROR(INDEX(Jesper!AI$2:AI$366,ROUNDDOWN($C4952/24,0)+1,1)*INDEX($D$3:$AA$30,INDEX(Jesper!$R$2:$R$366,ROW(INDEX(Jesper!AI$2:AI$366,ROUNDDOWN($C4952/24,0)+1,1))-1)+IF('Standard Profiles'!$G$19=$B$10,7,0)+IF('Standard Profiles'!$G$19=$B$17,14,0)+IF('Standard Profiles'!$G$19=$B$24,21,0),MOD($C4952,24)+1)/SUM(INDEX($D$3:$AA$30,INDEX(Jesper!$R$2:$R$366,ROW(INDEX(Jesper!AI$2:AI$366,ROUNDDOWN($C4952/24,0)+1,1))-1)+IF('Standard Profiles'!$G$19=$B$10,7,0)+IF('Standard Profiles'!$G$19=$B$17,14,0)+IF('Standard Profiles'!$G$19=$B$24,21,0),0)),0)</f>
        <v>0</v>
      </c>
      <c r="F4952" cm="1">
        <f t="array" ref="F4952">IFERROR(INDEX(Jesper!AJ$2:AJ$366,ROUNDDOWN($C4952/24,0)+1,1)*INDEX($D$3:$AA$30,INDEX(Jesper!$R$2:$R$366,ROW(INDEX(Jesper!AJ$2:AJ$366,ROUNDDOWN($C4952/24,0)+1,1))-1)+IF('Standard Profiles'!$G$20=$B$10,7,0)+IF('Standard Profiles'!$G$20=$B$17,14,0)+IF('Standard Profiles'!$G$20=$B$24,21,0),MOD($C4952,24)+1)/SUM(INDEX($D$3:$AA$30,INDEX(Jesper!$R$2:$R$366,ROW(INDEX(Jesper!AJ$2:AJ$366,ROUNDDOWN($C4952/24,0)+1,1))-1)+IF('Standard Profiles'!$G$20=$B$10,7,0)+IF('Standard Profiles'!$G$20=$B$17,14,0)+IF('Standard Profiles'!$G$20=$B$24,21,0),0)),0)</f>
        <v>0</v>
      </c>
      <c r="G4952" cm="1">
        <f t="array" ref="G4952">IFERROR(INDEX(Jesper!AK$2:AK$366,ROUNDDOWN($C4952/24,0)+1,1)*INDEX($D$3:$AA$30,INDEX(Jesper!$R$2:$R$366,ROW(INDEX(Jesper!AK$2:AK$366,ROUNDDOWN($C4952/24,0)+1,1))-1)+IF('Standard Profiles'!$G$21=$B$10,7,0)+IF('Standard Profiles'!$G$21=$B$17,14,0)+IF('Standard Profiles'!$G$21=$B$24,21,0),MOD($C4952,24)+1)/SUM(INDEX($D$3:$AA$30,INDEX(Jesper!$R$2:$R$366,ROW(INDEX(Jesper!AK$2:AK$366,ROUNDDOWN($C4952/24,0)+1,1))-1)+IF('Standard Profiles'!$G$21=$B$10,7,0)+IF('Standard Profiles'!$G$21=$B$17,14,0)+IF('Standard Profiles'!$G$21=$B$24,21,0),0)),0)</f>
        <v>0</v>
      </c>
      <c r="H4952" cm="1">
        <f t="array" ref="H4952">IFERROR(INDEX(Jesper!AL$2:AL$366,ROUNDDOWN($C4952/24,0)+1,1)*INDEX($D$3:$AA$30,INDEX(Jesper!$R$2:$R$366,ROW(INDEX(Jesper!AL$2:AL$366,ROUNDDOWN($C4952/24,0)+1,1))-1)+IF('Standard Profiles'!$G$22=$B$10,7,0)+IF('Standard Profiles'!$G$22=$B$17,14,0)+IF('Standard Profiles'!$G$22=$B$24,21,0),MOD($C4952,24)+1)/SUM(INDEX($D$3:$AA$30,INDEX(Jesper!$R$2:$R$366,ROW(INDEX(Jesper!AL$2:AL$366,ROUNDDOWN($C4952/24,0)+1,1))-1)+IF('Standard Profiles'!$G$22=$B$10,7,0)+IF('Standard Profiles'!$G$22=$B$17,14,0)+IF('Standard Profiles'!$G$22=$B$24,21,0),0)),0)</f>
        <v>0</v>
      </c>
      <c r="I4952">
        <f t="shared" si="552"/>
        <v>0.20511167339224007</v>
      </c>
      <c r="J4952">
        <f t="shared" si="553"/>
        <v>0.68370557797413367</v>
      </c>
      <c r="K4952">
        <f t="shared" si="554"/>
        <v>1.0255583669612003</v>
      </c>
      <c r="L4952">
        <f t="shared" si="555"/>
        <v>4.9226801614137612</v>
      </c>
      <c r="M4952">
        <f t="shared" si="556"/>
        <v>0</v>
      </c>
      <c r="N4952" s="46">
        <f t="shared" si="557"/>
        <v>45496.916666654739</v>
      </c>
    </row>
    <row r="4953" spans="2:14" x14ac:dyDescent="0.3">
      <c r="B4953">
        <f t="shared" si="551"/>
        <v>2</v>
      </c>
      <c r="C4953" s="16">
        <v>4919</v>
      </c>
      <c r="D4953" cm="1">
        <f t="array" ref="D4953">IFERROR(INDEX(Jesper!AH$2:AH$366,ROUNDDOWN($C4953/24,0)+1,1)*INDEX($D$3:$AA$30,INDEX(Jesper!$R$2:$R$366,ROW(INDEX(Jesper!AH$2:AH$366,ROUNDDOWN($C4953/24,0)+1,1))-1)+IF('Standard Profiles'!$G$18=$B$10,7,0)+IF('Standard Profiles'!$G$18=$B$17,14,0)+IF('Standard Profiles'!$G$18=$B$24,21,0),MOD($C4953,24)+1)/SUM(INDEX($D$3:$AA$30,INDEX(Jesper!$R$2:$R$366,ROW(INDEX(Jesper!AH$2:AH$366,ROUNDDOWN($C4953/24,0)+1,1))-1)+IF('Standard Profiles'!$G$18=$B$10,7,0)+IF('Standard Profiles'!$G$18=$B$17,14,0)+IF('Standard Profiles'!$G$18=$B$24,21,0),0)),0)</f>
        <v>6.8370557797413358</v>
      </c>
      <c r="E4953" cm="1">
        <f t="array" ref="E4953">IFERROR(INDEX(Jesper!AI$2:AI$366,ROUNDDOWN($C4953/24,0)+1,1)*INDEX($D$3:$AA$30,INDEX(Jesper!$R$2:$R$366,ROW(INDEX(Jesper!AI$2:AI$366,ROUNDDOWN($C4953/24,0)+1,1))-1)+IF('Standard Profiles'!$G$19=$B$10,7,0)+IF('Standard Profiles'!$G$19=$B$17,14,0)+IF('Standard Profiles'!$G$19=$B$24,21,0),MOD($C4953,24)+1)/SUM(INDEX($D$3:$AA$30,INDEX(Jesper!$R$2:$R$366,ROW(INDEX(Jesper!AI$2:AI$366,ROUNDDOWN($C4953/24,0)+1,1))-1)+IF('Standard Profiles'!$G$19=$B$10,7,0)+IF('Standard Profiles'!$G$19=$B$17,14,0)+IF('Standard Profiles'!$G$19=$B$24,21,0),0)),0)</f>
        <v>0</v>
      </c>
      <c r="F4953" cm="1">
        <f t="array" ref="F4953">IFERROR(INDEX(Jesper!AJ$2:AJ$366,ROUNDDOWN($C4953/24,0)+1,1)*INDEX($D$3:$AA$30,INDEX(Jesper!$R$2:$R$366,ROW(INDEX(Jesper!AJ$2:AJ$366,ROUNDDOWN($C4953/24,0)+1,1))-1)+IF('Standard Profiles'!$G$20=$B$10,7,0)+IF('Standard Profiles'!$G$20=$B$17,14,0)+IF('Standard Profiles'!$G$20=$B$24,21,0),MOD($C4953,24)+1)/SUM(INDEX($D$3:$AA$30,INDEX(Jesper!$R$2:$R$366,ROW(INDEX(Jesper!AJ$2:AJ$366,ROUNDDOWN($C4953/24,0)+1,1))-1)+IF('Standard Profiles'!$G$20=$B$10,7,0)+IF('Standard Profiles'!$G$20=$B$17,14,0)+IF('Standard Profiles'!$G$20=$B$24,21,0),0)),0)</f>
        <v>0</v>
      </c>
      <c r="G4953" cm="1">
        <f t="array" ref="G4953">IFERROR(INDEX(Jesper!AK$2:AK$366,ROUNDDOWN($C4953/24,0)+1,1)*INDEX($D$3:$AA$30,INDEX(Jesper!$R$2:$R$366,ROW(INDEX(Jesper!AK$2:AK$366,ROUNDDOWN($C4953/24,0)+1,1))-1)+IF('Standard Profiles'!$G$21=$B$10,7,0)+IF('Standard Profiles'!$G$21=$B$17,14,0)+IF('Standard Profiles'!$G$21=$B$24,21,0),MOD($C4953,24)+1)/SUM(INDEX($D$3:$AA$30,INDEX(Jesper!$R$2:$R$366,ROW(INDEX(Jesper!AK$2:AK$366,ROUNDDOWN($C4953/24,0)+1,1))-1)+IF('Standard Profiles'!$G$21=$B$10,7,0)+IF('Standard Profiles'!$G$21=$B$17,14,0)+IF('Standard Profiles'!$G$21=$B$24,21,0),0)),0)</f>
        <v>0</v>
      </c>
      <c r="H4953" cm="1">
        <f t="array" ref="H4953">IFERROR(INDEX(Jesper!AL$2:AL$366,ROUNDDOWN($C4953/24,0)+1,1)*INDEX($D$3:$AA$30,INDEX(Jesper!$R$2:$R$366,ROW(INDEX(Jesper!AL$2:AL$366,ROUNDDOWN($C4953/24,0)+1,1))-1)+IF('Standard Profiles'!$G$22=$B$10,7,0)+IF('Standard Profiles'!$G$22=$B$17,14,0)+IF('Standard Profiles'!$G$22=$B$24,21,0),MOD($C4953,24)+1)/SUM(INDEX($D$3:$AA$30,INDEX(Jesper!$R$2:$R$366,ROW(INDEX(Jesper!AL$2:AL$366,ROUNDDOWN($C4953/24,0)+1,1))-1)+IF('Standard Profiles'!$G$22=$B$10,7,0)+IF('Standard Profiles'!$G$22=$B$17,14,0)+IF('Standard Profiles'!$G$22=$B$24,21,0),0)),0)</f>
        <v>0</v>
      </c>
      <c r="I4953">
        <f t="shared" si="552"/>
        <v>0.20511167339224007</v>
      </c>
      <c r="J4953">
        <f t="shared" si="553"/>
        <v>0.68370557797413367</v>
      </c>
      <c r="K4953">
        <f t="shared" si="554"/>
        <v>1.0255583669612003</v>
      </c>
      <c r="L4953">
        <f t="shared" si="555"/>
        <v>4.9226801614137612</v>
      </c>
      <c r="M4953">
        <f t="shared" si="556"/>
        <v>0</v>
      </c>
      <c r="N4953" s="46">
        <f t="shared" si="557"/>
        <v>45496.958333321403</v>
      </c>
    </row>
    <row r="4954" spans="2:14" x14ac:dyDescent="0.3">
      <c r="B4954">
        <f t="shared" si="551"/>
        <v>3</v>
      </c>
      <c r="C4954" s="16">
        <v>4920</v>
      </c>
      <c r="D4954" cm="1">
        <f t="array" ref="D4954">IFERROR(INDEX(Jesper!AH$2:AH$366,ROUNDDOWN($C4954/24,0)+1,1)*INDEX($D$3:$AA$30,INDEX(Jesper!$R$2:$R$366,ROW(INDEX(Jesper!AH$2:AH$366,ROUNDDOWN($C4954/24,0)+1,1))-1)+IF('Standard Profiles'!$G$18=$B$10,7,0)+IF('Standard Profiles'!$G$18=$B$17,14,0)+IF('Standard Profiles'!$G$18=$B$24,21,0),MOD($C4954,24)+1)/SUM(INDEX($D$3:$AA$30,INDEX(Jesper!$R$2:$R$366,ROW(INDEX(Jesper!AH$2:AH$366,ROUNDDOWN($C4954/24,0)+1,1))-1)+IF('Standard Profiles'!$G$18=$B$10,7,0)+IF('Standard Profiles'!$G$18=$B$17,14,0)+IF('Standard Profiles'!$G$18=$B$24,21,0),0)),0)</f>
        <v>6.1390308676670378</v>
      </c>
      <c r="E4954" cm="1">
        <f t="array" ref="E4954">IFERROR(INDEX(Jesper!AI$2:AI$366,ROUNDDOWN($C4954/24,0)+1,1)*INDEX($D$3:$AA$30,INDEX(Jesper!$R$2:$R$366,ROW(INDEX(Jesper!AI$2:AI$366,ROUNDDOWN($C4954/24,0)+1,1))-1)+IF('Standard Profiles'!$G$19=$B$10,7,0)+IF('Standard Profiles'!$G$19=$B$17,14,0)+IF('Standard Profiles'!$G$19=$B$24,21,0),MOD($C4954,24)+1)/SUM(INDEX($D$3:$AA$30,INDEX(Jesper!$R$2:$R$366,ROW(INDEX(Jesper!AI$2:AI$366,ROUNDDOWN($C4954/24,0)+1,1))-1)+IF('Standard Profiles'!$G$19=$B$10,7,0)+IF('Standard Profiles'!$G$19=$B$17,14,0)+IF('Standard Profiles'!$G$19=$B$24,21,0),0)),0)</f>
        <v>0</v>
      </c>
      <c r="F4954" cm="1">
        <f t="array" ref="F4954">IFERROR(INDEX(Jesper!AJ$2:AJ$366,ROUNDDOWN($C4954/24,0)+1,1)*INDEX($D$3:$AA$30,INDEX(Jesper!$R$2:$R$366,ROW(INDEX(Jesper!AJ$2:AJ$366,ROUNDDOWN($C4954/24,0)+1,1))-1)+IF('Standard Profiles'!$G$20=$B$10,7,0)+IF('Standard Profiles'!$G$20=$B$17,14,0)+IF('Standard Profiles'!$G$20=$B$24,21,0),MOD($C4954,24)+1)/SUM(INDEX($D$3:$AA$30,INDEX(Jesper!$R$2:$R$366,ROW(INDEX(Jesper!AJ$2:AJ$366,ROUNDDOWN($C4954/24,0)+1,1))-1)+IF('Standard Profiles'!$G$20=$B$10,7,0)+IF('Standard Profiles'!$G$20=$B$17,14,0)+IF('Standard Profiles'!$G$20=$B$24,21,0),0)),0)</f>
        <v>0</v>
      </c>
      <c r="G4954" cm="1">
        <f t="array" ref="G4954">IFERROR(INDEX(Jesper!AK$2:AK$366,ROUNDDOWN($C4954/24,0)+1,1)*INDEX($D$3:$AA$30,INDEX(Jesper!$R$2:$R$366,ROW(INDEX(Jesper!AK$2:AK$366,ROUNDDOWN($C4954/24,0)+1,1))-1)+IF('Standard Profiles'!$G$21=$B$10,7,0)+IF('Standard Profiles'!$G$21=$B$17,14,0)+IF('Standard Profiles'!$G$21=$B$24,21,0),MOD($C4954,24)+1)/SUM(INDEX($D$3:$AA$30,INDEX(Jesper!$R$2:$R$366,ROW(INDEX(Jesper!AK$2:AK$366,ROUNDDOWN($C4954/24,0)+1,1))-1)+IF('Standard Profiles'!$G$21=$B$10,7,0)+IF('Standard Profiles'!$G$21=$B$17,14,0)+IF('Standard Profiles'!$G$21=$B$24,21,0),0)),0)</f>
        <v>0</v>
      </c>
      <c r="H4954" cm="1">
        <f t="array" ref="H4954">IFERROR(INDEX(Jesper!AL$2:AL$366,ROUNDDOWN($C4954/24,0)+1,1)*INDEX($D$3:$AA$30,INDEX(Jesper!$R$2:$R$366,ROW(INDEX(Jesper!AL$2:AL$366,ROUNDDOWN($C4954/24,0)+1,1))-1)+IF('Standard Profiles'!$G$22=$B$10,7,0)+IF('Standard Profiles'!$G$22=$B$17,14,0)+IF('Standard Profiles'!$G$22=$B$24,21,0),MOD($C4954,24)+1)/SUM(INDEX($D$3:$AA$30,INDEX(Jesper!$R$2:$R$366,ROW(INDEX(Jesper!AL$2:AL$366,ROUNDDOWN($C4954/24,0)+1,1))-1)+IF('Standard Profiles'!$G$22=$B$10,7,0)+IF('Standard Profiles'!$G$22=$B$17,14,0)+IF('Standard Profiles'!$G$22=$B$24,21,0),0)),0)</f>
        <v>0</v>
      </c>
      <c r="I4954">
        <f t="shared" si="552"/>
        <v>0.18417092603001112</v>
      </c>
      <c r="J4954">
        <f t="shared" si="553"/>
        <v>0.6139030867667038</v>
      </c>
      <c r="K4954">
        <f t="shared" si="554"/>
        <v>0.92085463015005564</v>
      </c>
      <c r="L4954">
        <f t="shared" si="555"/>
        <v>4.4201022247202673</v>
      </c>
      <c r="M4954">
        <f t="shared" si="556"/>
        <v>0</v>
      </c>
      <c r="N4954" s="46">
        <f t="shared" si="557"/>
        <v>45496.999999988067</v>
      </c>
    </row>
    <row r="4955" spans="2:14" x14ac:dyDescent="0.3">
      <c r="B4955">
        <f t="shared" si="551"/>
        <v>3</v>
      </c>
      <c r="C4955" s="16">
        <v>4921</v>
      </c>
      <c r="D4955" cm="1">
        <f t="array" ref="D4955">IFERROR(INDEX(Jesper!AH$2:AH$366,ROUNDDOWN($C4955/24,0)+1,1)*INDEX($D$3:$AA$30,INDEX(Jesper!$R$2:$R$366,ROW(INDEX(Jesper!AH$2:AH$366,ROUNDDOWN($C4955/24,0)+1,1))-1)+IF('Standard Profiles'!$G$18=$B$10,7,0)+IF('Standard Profiles'!$G$18=$B$17,14,0)+IF('Standard Profiles'!$G$18=$B$24,21,0),MOD($C4955,24)+1)/SUM(INDEX($D$3:$AA$30,INDEX(Jesper!$R$2:$R$366,ROW(INDEX(Jesper!AH$2:AH$366,ROUNDDOWN($C4955/24,0)+1,1))-1)+IF('Standard Profiles'!$G$18=$B$10,7,0)+IF('Standard Profiles'!$G$18=$B$17,14,0)+IF('Standard Profiles'!$G$18=$B$24,21,0),0)),0)</f>
        <v>6.9064097261254167</v>
      </c>
      <c r="E4955" cm="1">
        <f t="array" ref="E4955">IFERROR(INDEX(Jesper!AI$2:AI$366,ROUNDDOWN($C4955/24,0)+1,1)*INDEX($D$3:$AA$30,INDEX(Jesper!$R$2:$R$366,ROW(INDEX(Jesper!AI$2:AI$366,ROUNDDOWN($C4955/24,0)+1,1))-1)+IF('Standard Profiles'!$G$19=$B$10,7,0)+IF('Standard Profiles'!$G$19=$B$17,14,0)+IF('Standard Profiles'!$G$19=$B$24,21,0),MOD($C4955,24)+1)/SUM(INDEX($D$3:$AA$30,INDEX(Jesper!$R$2:$R$366,ROW(INDEX(Jesper!AI$2:AI$366,ROUNDDOWN($C4955/24,0)+1,1))-1)+IF('Standard Profiles'!$G$19=$B$10,7,0)+IF('Standard Profiles'!$G$19=$B$17,14,0)+IF('Standard Profiles'!$G$19=$B$24,21,0),0)),0)</f>
        <v>0</v>
      </c>
      <c r="F4955" cm="1">
        <f t="array" ref="F4955">IFERROR(INDEX(Jesper!AJ$2:AJ$366,ROUNDDOWN($C4955/24,0)+1,1)*INDEX($D$3:$AA$30,INDEX(Jesper!$R$2:$R$366,ROW(INDEX(Jesper!AJ$2:AJ$366,ROUNDDOWN($C4955/24,0)+1,1))-1)+IF('Standard Profiles'!$G$20=$B$10,7,0)+IF('Standard Profiles'!$G$20=$B$17,14,0)+IF('Standard Profiles'!$G$20=$B$24,21,0),MOD($C4955,24)+1)/SUM(INDEX($D$3:$AA$30,INDEX(Jesper!$R$2:$R$366,ROW(INDEX(Jesper!AJ$2:AJ$366,ROUNDDOWN($C4955/24,0)+1,1))-1)+IF('Standard Profiles'!$G$20=$B$10,7,0)+IF('Standard Profiles'!$G$20=$B$17,14,0)+IF('Standard Profiles'!$G$20=$B$24,21,0),0)),0)</f>
        <v>0</v>
      </c>
      <c r="G4955" cm="1">
        <f t="array" ref="G4955">IFERROR(INDEX(Jesper!AK$2:AK$366,ROUNDDOWN($C4955/24,0)+1,1)*INDEX($D$3:$AA$30,INDEX(Jesper!$R$2:$R$366,ROW(INDEX(Jesper!AK$2:AK$366,ROUNDDOWN($C4955/24,0)+1,1))-1)+IF('Standard Profiles'!$G$21=$B$10,7,0)+IF('Standard Profiles'!$G$21=$B$17,14,0)+IF('Standard Profiles'!$G$21=$B$24,21,0),MOD($C4955,24)+1)/SUM(INDEX($D$3:$AA$30,INDEX(Jesper!$R$2:$R$366,ROW(INDEX(Jesper!AK$2:AK$366,ROUNDDOWN($C4955/24,0)+1,1))-1)+IF('Standard Profiles'!$G$21=$B$10,7,0)+IF('Standard Profiles'!$G$21=$B$17,14,0)+IF('Standard Profiles'!$G$21=$B$24,21,0),0)),0)</f>
        <v>0</v>
      </c>
      <c r="H4955" cm="1">
        <f t="array" ref="H4955">IFERROR(INDEX(Jesper!AL$2:AL$366,ROUNDDOWN($C4955/24,0)+1,1)*INDEX($D$3:$AA$30,INDEX(Jesper!$R$2:$R$366,ROW(INDEX(Jesper!AL$2:AL$366,ROUNDDOWN($C4955/24,0)+1,1))-1)+IF('Standard Profiles'!$G$22=$B$10,7,0)+IF('Standard Profiles'!$G$22=$B$17,14,0)+IF('Standard Profiles'!$G$22=$B$24,21,0),MOD($C4955,24)+1)/SUM(INDEX($D$3:$AA$30,INDEX(Jesper!$R$2:$R$366,ROW(INDEX(Jesper!AL$2:AL$366,ROUNDDOWN($C4955/24,0)+1,1))-1)+IF('Standard Profiles'!$G$22=$B$10,7,0)+IF('Standard Profiles'!$G$22=$B$17,14,0)+IF('Standard Profiles'!$G$22=$B$24,21,0),0)),0)</f>
        <v>0</v>
      </c>
      <c r="I4955">
        <f t="shared" si="552"/>
        <v>0.2071922917837625</v>
      </c>
      <c r="J4955">
        <f t="shared" si="553"/>
        <v>0.69064097261254176</v>
      </c>
      <c r="K4955">
        <f t="shared" si="554"/>
        <v>1.0359614589188124</v>
      </c>
      <c r="L4955">
        <f t="shared" si="555"/>
        <v>4.9726150028102998</v>
      </c>
      <c r="M4955">
        <f t="shared" si="556"/>
        <v>0</v>
      </c>
      <c r="N4955" s="46">
        <f t="shared" si="557"/>
        <v>45497.041666654732</v>
      </c>
    </row>
    <row r="4956" spans="2:14" x14ac:dyDescent="0.3">
      <c r="B4956">
        <f t="shared" si="551"/>
        <v>3</v>
      </c>
      <c r="C4956" s="16">
        <v>4922</v>
      </c>
      <c r="D4956" cm="1">
        <f t="array" ref="D4956">IFERROR(INDEX(Jesper!AH$2:AH$366,ROUNDDOWN($C4956/24,0)+1,1)*INDEX($D$3:$AA$30,INDEX(Jesper!$R$2:$R$366,ROW(INDEX(Jesper!AH$2:AH$366,ROUNDDOWN($C4956/24,0)+1,1))-1)+IF('Standard Profiles'!$G$18=$B$10,7,0)+IF('Standard Profiles'!$G$18=$B$17,14,0)+IF('Standard Profiles'!$G$18=$B$24,21,0),MOD($C4956,24)+1)/SUM(INDEX($D$3:$AA$30,INDEX(Jesper!$R$2:$R$366,ROW(INDEX(Jesper!AH$2:AH$366,ROUNDDOWN($C4956/24,0)+1,1))-1)+IF('Standard Profiles'!$G$18=$B$10,7,0)+IF('Standard Profiles'!$G$18=$B$17,14,0)+IF('Standard Profiles'!$G$18=$B$24,21,0),0)),0)</f>
        <v>6.9064097261254167</v>
      </c>
      <c r="E4956" cm="1">
        <f t="array" ref="E4956">IFERROR(INDEX(Jesper!AI$2:AI$366,ROUNDDOWN($C4956/24,0)+1,1)*INDEX($D$3:$AA$30,INDEX(Jesper!$R$2:$R$366,ROW(INDEX(Jesper!AI$2:AI$366,ROUNDDOWN($C4956/24,0)+1,1))-1)+IF('Standard Profiles'!$G$19=$B$10,7,0)+IF('Standard Profiles'!$G$19=$B$17,14,0)+IF('Standard Profiles'!$G$19=$B$24,21,0),MOD($C4956,24)+1)/SUM(INDEX($D$3:$AA$30,INDEX(Jesper!$R$2:$R$366,ROW(INDEX(Jesper!AI$2:AI$366,ROUNDDOWN($C4956/24,0)+1,1))-1)+IF('Standard Profiles'!$G$19=$B$10,7,0)+IF('Standard Profiles'!$G$19=$B$17,14,0)+IF('Standard Profiles'!$G$19=$B$24,21,0),0)),0)</f>
        <v>0</v>
      </c>
      <c r="F4956" cm="1">
        <f t="array" ref="F4956">IFERROR(INDEX(Jesper!AJ$2:AJ$366,ROUNDDOWN($C4956/24,0)+1,1)*INDEX($D$3:$AA$30,INDEX(Jesper!$R$2:$R$366,ROW(INDEX(Jesper!AJ$2:AJ$366,ROUNDDOWN($C4956/24,0)+1,1))-1)+IF('Standard Profiles'!$G$20=$B$10,7,0)+IF('Standard Profiles'!$G$20=$B$17,14,0)+IF('Standard Profiles'!$G$20=$B$24,21,0),MOD($C4956,24)+1)/SUM(INDEX($D$3:$AA$30,INDEX(Jesper!$R$2:$R$366,ROW(INDEX(Jesper!AJ$2:AJ$366,ROUNDDOWN($C4956/24,0)+1,1))-1)+IF('Standard Profiles'!$G$20=$B$10,7,0)+IF('Standard Profiles'!$G$20=$B$17,14,0)+IF('Standard Profiles'!$G$20=$B$24,21,0),0)),0)</f>
        <v>0</v>
      </c>
      <c r="G4956" cm="1">
        <f t="array" ref="G4956">IFERROR(INDEX(Jesper!AK$2:AK$366,ROUNDDOWN($C4956/24,0)+1,1)*INDEX($D$3:$AA$30,INDEX(Jesper!$R$2:$R$366,ROW(INDEX(Jesper!AK$2:AK$366,ROUNDDOWN($C4956/24,0)+1,1))-1)+IF('Standard Profiles'!$G$21=$B$10,7,0)+IF('Standard Profiles'!$G$21=$B$17,14,0)+IF('Standard Profiles'!$G$21=$B$24,21,0),MOD($C4956,24)+1)/SUM(INDEX($D$3:$AA$30,INDEX(Jesper!$R$2:$R$366,ROW(INDEX(Jesper!AK$2:AK$366,ROUNDDOWN($C4956/24,0)+1,1))-1)+IF('Standard Profiles'!$G$21=$B$10,7,0)+IF('Standard Profiles'!$G$21=$B$17,14,0)+IF('Standard Profiles'!$G$21=$B$24,21,0),0)),0)</f>
        <v>0</v>
      </c>
      <c r="H4956" cm="1">
        <f t="array" ref="H4956">IFERROR(INDEX(Jesper!AL$2:AL$366,ROUNDDOWN($C4956/24,0)+1,1)*INDEX($D$3:$AA$30,INDEX(Jesper!$R$2:$R$366,ROW(INDEX(Jesper!AL$2:AL$366,ROUNDDOWN($C4956/24,0)+1,1))-1)+IF('Standard Profiles'!$G$22=$B$10,7,0)+IF('Standard Profiles'!$G$22=$B$17,14,0)+IF('Standard Profiles'!$G$22=$B$24,21,0),MOD($C4956,24)+1)/SUM(INDEX($D$3:$AA$30,INDEX(Jesper!$R$2:$R$366,ROW(INDEX(Jesper!AL$2:AL$366,ROUNDDOWN($C4956/24,0)+1,1))-1)+IF('Standard Profiles'!$G$22=$B$10,7,0)+IF('Standard Profiles'!$G$22=$B$17,14,0)+IF('Standard Profiles'!$G$22=$B$24,21,0),0)),0)</f>
        <v>0</v>
      </c>
      <c r="I4956">
        <f t="shared" si="552"/>
        <v>0.2071922917837625</v>
      </c>
      <c r="J4956">
        <f t="shared" si="553"/>
        <v>0.69064097261254176</v>
      </c>
      <c r="K4956">
        <f t="shared" si="554"/>
        <v>1.0359614589188124</v>
      </c>
      <c r="L4956">
        <f t="shared" si="555"/>
        <v>4.9726150028102998</v>
      </c>
      <c r="M4956">
        <f t="shared" si="556"/>
        <v>0</v>
      </c>
      <c r="N4956" s="46">
        <f t="shared" si="557"/>
        <v>45497.083333321396</v>
      </c>
    </row>
    <row r="4957" spans="2:14" x14ac:dyDescent="0.3">
      <c r="B4957">
        <f t="shared" si="551"/>
        <v>3</v>
      </c>
      <c r="C4957" s="16">
        <v>4923</v>
      </c>
      <c r="D4957" cm="1">
        <f t="array" ref="D4957">IFERROR(INDEX(Jesper!AH$2:AH$366,ROUNDDOWN($C4957/24,0)+1,1)*INDEX($D$3:$AA$30,INDEX(Jesper!$R$2:$R$366,ROW(INDEX(Jesper!AH$2:AH$366,ROUNDDOWN($C4957/24,0)+1,1))-1)+IF('Standard Profiles'!$G$18=$B$10,7,0)+IF('Standard Profiles'!$G$18=$B$17,14,0)+IF('Standard Profiles'!$G$18=$B$24,21,0),MOD($C4957,24)+1)/SUM(INDEX($D$3:$AA$30,INDEX(Jesper!$R$2:$R$366,ROW(INDEX(Jesper!AH$2:AH$366,ROUNDDOWN($C4957/24,0)+1,1))-1)+IF('Standard Profiles'!$G$18=$B$10,7,0)+IF('Standard Profiles'!$G$18=$B$17,14,0)+IF('Standard Profiles'!$G$18=$B$24,21,0),0)),0)</f>
        <v>6.9064097261254167</v>
      </c>
      <c r="E4957" cm="1">
        <f t="array" ref="E4957">IFERROR(INDEX(Jesper!AI$2:AI$366,ROUNDDOWN($C4957/24,0)+1,1)*INDEX($D$3:$AA$30,INDEX(Jesper!$R$2:$R$366,ROW(INDEX(Jesper!AI$2:AI$366,ROUNDDOWN($C4957/24,0)+1,1))-1)+IF('Standard Profiles'!$G$19=$B$10,7,0)+IF('Standard Profiles'!$G$19=$B$17,14,0)+IF('Standard Profiles'!$G$19=$B$24,21,0),MOD($C4957,24)+1)/SUM(INDEX($D$3:$AA$30,INDEX(Jesper!$R$2:$R$366,ROW(INDEX(Jesper!AI$2:AI$366,ROUNDDOWN($C4957/24,0)+1,1))-1)+IF('Standard Profiles'!$G$19=$B$10,7,0)+IF('Standard Profiles'!$G$19=$B$17,14,0)+IF('Standard Profiles'!$G$19=$B$24,21,0),0)),0)</f>
        <v>0</v>
      </c>
      <c r="F4957" cm="1">
        <f t="array" ref="F4957">IFERROR(INDEX(Jesper!AJ$2:AJ$366,ROUNDDOWN($C4957/24,0)+1,1)*INDEX($D$3:$AA$30,INDEX(Jesper!$R$2:$R$366,ROW(INDEX(Jesper!AJ$2:AJ$366,ROUNDDOWN($C4957/24,0)+1,1))-1)+IF('Standard Profiles'!$G$20=$B$10,7,0)+IF('Standard Profiles'!$G$20=$B$17,14,0)+IF('Standard Profiles'!$G$20=$B$24,21,0),MOD($C4957,24)+1)/SUM(INDEX($D$3:$AA$30,INDEX(Jesper!$R$2:$R$366,ROW(INDEX(Jesper!AJ$2:AJ$366,ROUNDDOWN($C4957/24,0)+1,1))-1)+IF('Standard Profiles'!$G$20=$B$10,7,0)+IF('Standard Profiles'!$G$20=$B$17,14,0)+IF('Standard Profiles'!$G$20=$B$24,21,0),0)),0)</f>
        <v>0</v>
      </c>
      <c r="G4957" cm="1">
        <f t="array" ref="G4957">IFERROR(INDEX(Jesper!AK$2:AK$366,ROUNDDOWN($C4957/24,0)+1,1)*INDEX($D$3:$AA$30,INDEX(Jesper!$R$2:$R$366,ROW(INDEX(Jesper!AK$2:AK$366,ROUNDDOWN($C4957/24,0)+1,1))-1)+IF('Standard Profiles'!$G$21=$B$10,7,0)+IF('Standard Profiles'!$G$21=$B$17,14,0)+IF('Standard Profiles'!$G$21=$B$24,21,0),MOD($C4957,24)+1)/SUM(INDEX($D$3:$AA$30,INDEX(Jesper!$R$2:$R$366,ROW(INDEX(Jesper!AK$2:AK$366,ROUNDDOWN($C4957/24,0)+1,1))-1)+IF('Standard Profiles'!$G$21=$B$10,7,0)+IF('Standard Profiles'!$G$21=$B$17,14,0)+IF('Standard Profiles'!$G$21=$B$24,21,0),0)),0)</f>
        <v>0</v>
      </c>
      <c r="H4957" cm="1">
        <f t="array" ref="H4957">IFERROR(INDEX(Jesper!AL$2:AL$366,ROUNDDOWN($C4957/24,0)+1,1)*INDEX($D$3:$AA$30,INDEX(Jesper!$R$2:$R$366,ROW(INDEX(Jesper!AL$2:AL$366,ROUNDDOWN($C4957/24,0)+1,1))-1)+IF('Standard Profiles'!$G$22=$B$10,7,0)+IF('Standard Profiles'!$G$22=$B$17,14,0)+IF('Standard Profiles'!$G$22=$B$24,21,0),MOD($C4957,24)+1)/SUM(INDEX($D$3:$AA$30,INDEX(Jesper!$R$2:$R$366,ROW(INDEX(Jesper!AL$2:AL$366,ROUNDDOWN($C4957/24,0)+1,1))-1)+IF('Standard Profiles'!$G$22=$B$10,7,0)+IF('Standard Profiles'!$G$22=$B$17,14,0)+IF('Standard Profiles'!$G$22=$B$24,21,0),0)),0)</f>
        <v>0</v>
      </c>
      <c r="I4957">
        <f t="shared" si="552"/>
        <v>0.2071922917837625</v>
      </c>
      <c r="J4957">
        <f t="shared" si="553"/>
        <v>0.69064097261254176</v>
      </c>
      <c r="K4957">
        <f t="shared" si="554"/>
        <v>1.0359614589188124</v>
      </c>
      <c r="L4957">
        <f t="shared" si="555"/>
        <v>4.9726150028102998</v>
      </c>
      <c r="M4957">
        <f t="shared" si="556"/>
        <v>0</v>
      </c>
      <c r="N4957" s="46">
        <f t="shared" si="557"/>
        <v>45497.12499998806</v>
      </c>
    </row>
    <row r="4958" spans="2:14" x14ac:dyDescent="0.3">
      <c r="B4958">
        <f t="shared" si="551"/>
        <v>3</v>
      </c>
      <c r="C4958" s="16">
        <v>4924</v>
      </c>
      <c r="D4958" cm="1">
        <f t="array" ref="D4958">IFERROR(INDEX(Jesper!AH$2:AH$366,ROUNDDOWN($C4958/24,0)+1,1)*INDEX($D$3:$AA$30,INDEX(Jesper!$R$2:$R$366,ROW(INDEX(Jesper!AH$2:AH$366,ROUNDDOWN($C4958/24,0)+1,1))-1)+IF('Standard Profiles'!$G$18=$B$10,7,0)+IF('Standard Profiles'!$G$18=$B$17,14,0)+IF('Standard Profiles'!$G$18=$B$24,21,0),MOD($C4958,24)+1)/SUM(INDEX($D$3:$AA$30,INDEX(Jesper!$R$2:$R$366,ROW(INDEX(Jesper!AH$2:AH$366,ROUNDDOWN($C4958/24,0)+1,1))-1)+IF('Standard Profiles'!$G$18=$B$10,7,0)+IF('Standard Profiles'!$G$18=$B$17,14,0)+IF('Standard Profiles'!$G$18=$B$24,21,0),0)),0)</f>
        <v>6.9064097261254167</v>
      </c>
      <c r="E4958" cm="1">
        <f t="array" ref="E4958">IFERROR(INDEX(Jesper!AI$2:AI$366,ROUNDDOWN($C4958/24,0)+1,1)*INDEX($D$3:$AA$30,INDEX(Jesper!$R$2:$R$366,ROW(INDEX(Jesper!AI$2:AI$366,ROUNDDOWN($C4958/24,0)+1,1))-1)+IF('Standard Profiles'!$G$19=$B$10,7,0)+IF('Standard Profiles'!$G$19=$B$17,14,0)+IF('Standard Profiles'!$G$19=$B$24,21,0),MOD($C4958,24)+1)/SUM(INDEX($D$3:$AA$30,INDEX(Jesper!$R$2:$R$366,ROW(INDEX(Jesper!AI$2:AI$366,ROUNDDOWN($C4958/24,0)+1,1))-1)+IF('Standard Profiles'!$G$19=$B$10,7,0)+IF('Standard Profiles'!$G$19=$B$17,14,0)+IF('Standard Profiles'!$G$19=$B$24,21,0),0)),0)</f>
        <v>0</v>
      </c>
      <c r="F4958" cm="1">
        <f t="array" ref="F4958">IFERROR(INDEX(Jesper!AJ$2:AJ$366,ROUNDDOWN($C4958/24,0)+1,1)*INDEX($D$3:$AA$30,INDEX(Jesper!$R$2:$R$366,ROW(INDEX(Jesper!AJ$2:AJ$366,ROUNDDOWN($C4958/24,0)+1,1))-1)+IF('Standard Profiles'!$G$20=$B$10,7,0)+IF('Standard Profiles'!$G$20=$B$17,14,0)+IF('Standard Profiles'!$G$20=$B$24,21,0),MOD($C4958,24)+1)/SUM(INDEX($D$3:$AA$30,INDEX(Jesper!$R$2:$R$366,ROW(INDEX(Jesper!AJ$2:AJ$366,ROUNDDOWN($C4958/24,0)+1,1))-1)+IF('Standard Profiles'!$G$20=$B$10,7,0)+IF('Standard Profiles'!$G$20=$B$17,14,0)+IF('Standard Profiles'!$G$20=$B$24,21,0),0)),0)</f>
        <v>0</v>
      </c>
      <c r="G4958" cm="1">
        <f t="array" ref="G4958">IFERROR(INDEX(Jesper!AK$2:AK$366,ROUNDDOWN($C4958/24,0)+1,1)*INDEX($D$3:$AA$30,INDEX(Jesper!$R$2:$R$366,ROW(INDEX(Jesper!AK$2:AK$366,ROUNDDOWN($C4958/24,0)+1,1))-1)+IF('Standard Profiles'!$G$21=$B$10,7,0)+IF('Standard Profiles'!$G$21=$B$17,14,0)+IF('Standard Profiles'!$G$21=$B$24,21,0),MOD($C4958,24)+1)/SUM(INDEX($D$3:$AA$30,INDEX(Jesper!$R$2:$R$366,ROW(INDEX(Jesper!AK$2:AK$366,ROUNDDOWN($C4958/24,0)+1,1))-1)+IF('Standard Profiles'!$G$21=$B$10,7,0)+IF('Standard Profiles'!$G$21=$B$17,14,0)+IF('Standard Profiles'!$G$21=$B$24,21,0),0)),0)</f>
        <v>0</v>
      </c>
      <c r="H4958" cm="1">
        <f t="array" ref="H4958">IFERROR(INDEX(Jesper!AL$2:AL$366,ROUNDDOWN($C4958/24,0)+1,1)*INDEX($D$3:$AA$30,INDEX(Jesper!$R$2:$R$366,ROW(INDEX(Jesper!AL$2:AL$366,ROUNDDOWN($C4958/24,0)+1,1))-1)+IF('Standard Profiles'!$G$22=$B$10,7,0)+IF('Standard Profiles'!$G$22=$B$17,14,0)+IF('Standard Profiles'!$G$22=$B$24,21,0),MOD($C4958,24)+1)/SUM(INDEX($D$3:$AA$30,INDEX(Jesper!$R$2:$R$366,ROW(INDEX(Jesper!AL$2:AL$366,ROUNDDOWN($C4958/24,0)+1,1))-1)+IF('Standard Profiles'!$G$22=$B$10,7,0)+IF('Standard Profiles'!$G$22=$B$17,14,0)+IF('Standard Profiles'!$G$22=$B$24,21,0),0)),0)</f>
        <v>0</v>
      </c>
      <c r="I4958">
        <f t="shared" si="552"/>
        <v>0.2071922917837625</v>
      </c>
      <c r="J4958">
        <f t="shared" si="553"/>
        <v>0.69064097261254176</v>
      </c>
      <c r="K4958">
        <f t="shared" si="554"/>
        <v>1.0359614589188124</v>
      </c>
      <c r="L4958">
        <f t="shared" si="555"/>
        <v>4.9726150028102998</v>
      </c>
      <c r="M4958">
        <f t="shared" si="556"/>
        <v>0</v>
      </c>
      <c r="N4958" s="46">
        <f t="shared" si="557"/>
        <v>45497.166666654724</v>
      </c>
    </row>
    <row r="4959" spans="2:14" x14ac:dyDescent="0.3">
      <c r="B4959">
        <f t="shared" si="551"/>
        <v>3</v>
      </c>
      <c r="C4959" s="16">
        <v>4925</v>
      </c>
      <c r="D4959" cm="1">
        <f t="array" ref="D4959">IFERROR(INDEX(Jesper!AH$2:AH$366,ROUNDDOWN($C4959/24,0)+1,1)*INDEX($D$3:$AA$30,INDEX(Jesper!$R$2:$R$366,ROW(INDEX(Jesper!AH$2:AH$366,ROUNDDOWN($C4959/24,0)+1,1))-1)+IF('Standard Profiles'!$G$18=$B$10,7,0)+IF('Standard Profiles'!$G$18=$B$17,14,0)+IF('Standard Profiles'!$G$18=$B$24,21,0),MOD($C4959,24)+1)/SUM(INDEX($D$3:$AA$30,INDEX(Jesper!$R$2:$R$366,ROW(INDEX(Jesper!AH$2:AH$366,ROUNDDOWN($C4959/24,0)+1,1))-1)+IF('Standard Profiles'!$G$18=$B$10,7,0)+IF('Standard Profiles'!$G$18=$B$17,14,0)+IF('Standard Profiles'!$G$18=$B$24,21,0),0)),0)</f>
        <v>8.9015947581172039</v>
      </c>
      <c r="E4959" cm="1">
        <f t="array" ref="E4959">IFERROR(INDEX(Jesper!AI$2:AI$366,ROUNDDOWN($C4959/24,0)+1,1)*INDEX($D$3:$AA$30,INDEX(Jesper!$R$2:$R$366,ROW(INDEX(Jesper!AI$2:AI$366,ROUNDDOWN($C4959/24,0)+1,1))-1)+IF('Standard Profiles'!$G$19=$B$10,7,0)+IF('Standard Profiles'!$G$19=$B$17,14,0)+IF('Standard Profiles'!$G$19=$B$24,21,0),MOD($C4959,24)+1)/SUM(INDEX($D$3:$AA$30,INDEX(Jesper!$R$2:$R$366,ROW(INDEX(Jesper!AI$2:AI$366,ROUNDDOWN($C4959/24,0)+1,1))-1)+IF('Standard Profiles'!$G$19=$B$10,7,0)+IF('Standard Profiles'!$G$19=$B$17,14,0)+IF('Standard Profiles'!$G$19=$B$24,21,0),0)),0)</f>
        <v>0</v>
      </c>
      <c r="F4959" cm="1">
        <f t="array" ref="F4959">IFERROR(INDEX(Jesper!AJ$2:AJ$366,ROUNDDOWN($C4959/24,0)+1,1)*INDEX($D$3:$AA$30,INDEX(Jesper!$R$2:$R$366,ROW(INDEX(Jesper!AJ$2:AJ$366,ROUNDDOWN($C4959/24,0)+1,1))-1)+IF('Standard Profiles'!$G$20=$B$10,7,0)+IF('Standard Profiles'!$G$20=$B$17,14,0)+IF('Standard Profiles'!$G$20=$B$24,21,0),MOD($C4959,24)+1)/SUM(INDEX($D$3:$AA$30,INDEX(Jesper!$R$2:$R$366,ROW(INDEX(Jesper!AJ$2:AJ$366,ROUNDDOWN($C4959/24,0)+1,1))-1)+IF('Standard Profiles'!$G$20=$B$10,7,0)+IF('Standard Profiles'!$G$20=$B$17,14,0)+IF('Standard Profiles'!$G$20=$B$24,21,0),0)),0)</f>
        <v>0</v>
      </c>
      <c r="G4959" cm="1">
        <f t="array" ref="G4959">IFERROR(INDEX(Jesper!AK$2:AK$366,ROUNDDOWN($C4959/24,0)+1,1)*INDEX($D$3:$AA$30,INDEX(Jesper!$R$2:$R$366,ROW(INDEX(Jesper!AK$2:AK$366,ROUNDDOWN($C4959/24,0)+1,1))-1)+IF('Standard Profiles'!$G$21=$B$10,7,0)+IF('Standard Profiles'!$G$21=$B$17,14,0)+IF('Standard Profiles'!$G$21=$B$24,21,0),MOD($C4959,24)+1)/SUM(INDEX($D$3:$AA$30,INDEX(Jesper!$R$2:$R$366,ROW(INDEX(Jesper!AK$2:AK$366,ROUNDDOWN($C4959/24,0)+1,1))-1)+IF('Standard Profiles'!$G$21=$B$10,7,0)+IF('Standard Profiles'!$G$21=$B$17,14,0)+IF('Standard Profiles'!$G$21=$B$24,21,0),0)),0)</f>
        <v>0</v>
      </c>
      <c r="H4959" cm="1">
        <f t="array" ref="H4959">IFERROR(INDEX(Jesper!AL$2:AL$366,ROUNDDOWN($C4959/24,0)+1,1)*INDEX($D$3:$AA$30,INDEX(Jesper!$R$2:$R$366,ROW(INDEX(Jesper!AL$2:AL$366,ROUNDDOWN($C4959/24,0)+1,1))-1)+IF('Standard Profiles'!$G$22=$B$10,7,0)+IF('Standard Profiles'!$G$22=$B$17,14,0)+IF('Standard Profiles'!$G$22=$B$24,21,0),MOD($C4959,24)+1)/SUM(INDEX($D$3:$AA$30,INDEX(Jesper!$R$2:$R$366,ROW(INDEX(Jesper!AL$2:AL$366,ROUNDDOWN($C4959/24,0)+1,1))-1)+IF('Standard Profiles'!$G$22=$B$10,7,0)+IF('Standard Profiles'!$G$22=$B$17,14,0)+IF('Standard Profiles'!$G$22=$B$24,21,0),0)),0)</f>
        <v>0</v>
      </c>
      <c r="I4959">
        <f t="shared" si="552"/>
        <v>0.26704784274351612</v>
      </c>
      <c r="J4959">
        <f t="shared" si="553"/>
        <v>0.89015947581172039</v>
      </c>
      <c r="K4959">
        <f t="shared" si="554"/>
        <v>1.3352392137175806</v>
      </c>
      <c r="L4959">
        <f t="shared" si="555"/>
        <v>6.4091482258443868</v>
      </c>
      <c r="M4959">
        <f t="shared" si="556"/>
        <v>0</v>
      </c>
      <c r="N4959" s="46">
        <f t="shared" si="557"/>
        <v>45497.208333321389</v>
      </c>
    </row>
    <row r="4960" spans="2:14" x14ac:dyDescent="0.3">
      <c r="B4960">
        <f t="shared" si="551"/>
        <v>3</v>
      </c>
      <c r="C4960" s="16">
        <v>4926</v>
      </c>
      <c r="D4960" cm="1">
        <f t="array" ref="D4960">IFERROR(INDEX(Jesper!AH$2:AH$366,ROUNDDOWN($C4960/24,0)+1,1)*INDEX($D$3:$AA$30,INDEX(Jesper!$R$2:$R$366,ROW(INDEX(Jesper!AH$2:AH$366,ROUNDDOWN($C4960/24,0)+1,1))-1)+IF('Standard Profiles'!$G$18=$B$10,7,0)+IF('Standard Profiles'!$G$18=$B$17,14,0)+IF('Standard Profiles'!$G$18=$B$24,21,0),MOD($C4960,24)+1)/SUM(INDEX($D$3:$AA$30,INDEX(Jesper!$R$2:$R$366,ROW(INDEX(Jesper!AH$2:AH$366,ROUNDDOWN($C4960/24,0)+1,1))-1)+IF('Standard Profiles'!$G$18=$B$10,7,0)+IF('Standard Profiles'!$G$18=$B$17,14,0)+IF('Standard Profiles'!$G$18=$B$24,21,0),0)),0)</f>
        <v>10.282876703342287</v>
      </c>
      <c r="E4960" cm="1">
        <f t="array" ref="E4960">IFERROR(INDEX(Jesper!AI$2:AI$366,ROUNDDOWN($C4960/24,0)+1,1)*INDEX($D$3:$AA$30,INDEX(Jesper!$R$2:$R$366,ROW(INDEX(Jesper!AI$2:AI$366,ROUNDDOWN($C4960/24,0)+1,1))-1)+IF('Standard Profiles'!$G$19=$B$10,7,0)+IF('Standard Profiles'!$G$19=$B$17,14,0)+IF('Standard Profiles'!$G$19=$B$24,21,0),MOD($C4960,24)+1)/SUM(INDEX($D$3:$AA$30,INDEX(Jesper!$R$2:$R$366,ROW(INDEX(Jesper!AI$2:AI$366,ROUNDDOWN($C4960/24,0)+1,1))-1)+IF('Standard Profiles'!$G$19=$B$10,7,0)+IF('Standard Profiles'!$G$19=$B$17,14,0)+IF('Standard Profiles'!$G$19=$B$24,21,0),0)),0)</f>
        <v>0</v>
      </c>
      <c r="F4960" cm="1">
        <f t="array" ref="F4960">IFERROR(INDEX(Jesper!AJ$2:AJ$366,ROUNDDOWN($C4960/24,0)+1,1)*INDEX($D$3:$AA$30,INDEX(Jesper!$R$2:$R$366,ROW(INDEX(Jesper!AJ$2:AJ$366,ROUNDDOWN($C4960/24,0)+1,1))-1)+IF('Standard Profiles'!$G$20=$B$10,7,0)+IF('Standard Profiles'!$G$20=$B$17,14,0)+IF('Standard Profiles'!$G$20=$B$24,21,0),MOD($C4960,24)+1)/SUM(INDEX($D$3:$AA$30,INDEX(Jesper!$R$2:$R$366,ROW(INDEX(Jesper!AJ$2:AJ$366,ROUNDDOWN($C4960/24,0)+1,1))-1)+IF('Standard Profiles'!$G$20=$B$10,7,0)+IF('Standard Profiles'!$G$20=$B$17,14,0)+IF('Standard Profiles'!$G$20=$B$24,21,0),0)),0)</f>
        <v>0</v>
      </c>
      <c r="G4960" cm="1">
        <f t="array" ref="G4960">IFERROR(INDEX(Jesper!AK$2:AK$366,ROUNDDOWN($C4960/24,0)+1,1)*INDEX($D$3:$AA$30,INDEX(Jesper!$R$2:$R$366,ROW(INDEX(Jesper!AK$2:AK$366,ROUNDDOWN($C4960/24,0)+1,1))-1)+IF('Standard Profiles'!$G$21=$B$10,7,0)+IF('Standard Profiles'!$G$21=$B$17,14,0)+IF('Standard Profiles'!$G$21=$B$24,21,0),MOD($C4960,24)+1)/SUM(INDEX($D$3:$AA$30,INDEX(Jesper!$R$2:$R$366,ROW(INDEX(Jesper!AK$2:AK$366,ROUNDDOWN($C4960/24,0)+1,1))-1)+IF('Standard Profiles'!$G$21=$B$10,7,0)+IF('Standard Profiles'!$G$21=$B$17,14,0)+IF('Standard Profiles'!$G$21=$B$24,21,0),0)),0)</f>
        <v>0</v>
      </c>
      <c r="H4960" cm="1">
        <f t="array" ref="H4960">IFERROR(INDEX(Jesper!AL$2:AL$366,ROUNDDOWN($C4960/24,0)+1,1)*INDEX($D$3:$AA$30,INDEX(Jesper!$R$2:$R$366,ROW(INDEX(Jesper!AL$2:AL$366,ROUNDDOWN($C4960/24,0)+1,1))-1)+IF('Standard Profiles'!$G$22=$B$10,7,0)+IF('Standard Profiles'!$G$22=$B$17,14,0)+IF('Standard Profiles'!$G$22=$B$24,21,0),MOD($C4960,24)+1)/SUM(INDEX($D$3:$AA$30,INDEX(Jesper!$R$2:$R$366,ROW(INDEX(Jesper!AL$2:AL$366,ROUNDDOWN($C4960/24,0)+1,1))-1)+IF('Standard Profiles'!$G$22=$B$10,7,0)+IF('Standard Profiles'!$G$22=$B$17,14,0)+IF('Standard Profiles'!$G$22=$B$24,21,0),0)),0)</f>
        <v>0</v>
      </c>
      <c r="I4960">
        <f t="shared" si="552"/>
        <v>0.30848630110026859</v>
      </c>
      <c r="J4960">
        <f t="shared" si="553"/>
        <v>1.0282876703342287</v>
      </c>
      <c r="K4960">
        <f t="shared" si="554"/>
        <v>1.5424315055013431</v>
      </c>
      <c r="L4960">
        <f t="shared" si="555"/>
        <v>7.4036712264064466</v>
      </c>
      <c r="M4960">
        <f t="shared" si="556"/>
        <v>0</v>
      </c>
      <c r="N4960" s="46">
        <f t="shared" si="557"/>
        <v>45497.249999988053</v>
      </c>
    </row>
    <row r="4961" spans="2:14" x14ac:dyDescent="0.3">
      <c r="B4961">
        <f t="shared" si="551"/>
        <v>3</v>
      </c>
      <c r="C4961" s="16">
        <v>4927</v>
      </c>
      <c r="D4961" cm="1">
        <f t="array" ref="D4961">IFERROR(INDEX(Jesper!AH$2:AH$366,ROUNDDOWN($C4961/24,0)+1,1)*INDEX($D$3:$AA$30,INDEX(Jesper!$R$2:$R$366,ROW(INDEX(Jesper!AH$2:AH$366,ROUNDDOWN($C4961/24,0)+1,1))-1)+IF('Standard Profiles'!$G$18=$B$10,7,0)+IF('Standard Profiles'!$G$18=$B$17,14,0)+IF('Standard Profiles'!$G$18=$B$24,21,0),MOD($C4961,24)+1)/SUM(INDEX($D$3:$AA$30,INDEX(Jesper!$R$2:$R$366,ROW(INDEX(Jesper!AH$2:AH$366,ROUNDDOWN($C4961/24,0)+1,1))-1)+IF('Standard Profiles'!$G$18=$B$10,7,0)+IF('Standard Profiles'!$G$18=$B$17,14,0)+IF('Standard Profiles'!$G$18=$B$24,21,0),0)),0)</f>
        <v>10.282876703342287</v>
      </c>
      <c r="E4961" cm="1">
        <f t="array" ref="E4961">IFERROR(INDEX(Jesper!AI$2:AI$366,ROUNDDOWN($C4961/24,0)+1,1)*INDEX($D$3:$AA$30,INDEX(Jesper!$R$2:$R$366,ROW(INDEX(Jesper!AI$2:AI$366,ROUNDDOWN($C4961/24,0)+1,1))-1)+IF('Standard Profiles'!$G$19=$B$10,7,0)+IF('Standard Profiles'!$G$19=$B$17,14,0)+IF('Standard Profiles'!$G$19=$B$24,21,0),MOD($C4961,24)+1)/SUM(INDEX($D$3:$AA$30,INDEX(Jesper!$R$2:$R$366,ROW(INDEX(Jesper!AI$2:AI$366,ROUNDDOWN($C4961/24,0)+1,1))-1)+IF('Standard Profiles'!$G$19=$B$10,7,0)+IF('Standard Profiles'!$G$19=$B$17,14,0)+IF('Standard Profiles'!$G$19=$B$24,21,0),0)),0)</f>
        <v>0</v>
      </c>
      <c r="F4961" cm="1">
        <f t="array" ref="F4961">IFERROR(INDEX(Jesper!AJ$2:AJ$366,ROUNDDOWN($C4961/24,0)+1,1)*INDEX($D$3:$AA$30,INDEX(Jesper!$R$2:$R$366,ROW(INDEX(Jesper!AJ$2:AJ$366,ROUNDDOWN($C4961/24,0)+1,1))-1)+IF('Standard Profiles'!$G$20=$B$10,7,0)+IF('Standard Profiles'!$G$20=$B$17,14,0)+IF('Standard Profiles'!$G$20=$B$24,21,0),MOD($C4961,24)+1)/SUM(INDEX($D$3:$AA$30,INDEX(Jesper!$R$2:$R$366,ROW(INDEX(Jesper!AJ$2:AJ$366,ROUNDDOWN($C4961/24,0)+1,1))-1)+IF('Standard Profiles'!$G$20=$B$10,7,0)+IF('Standard Profiles'!$G$20=$B$17,14,0)+IF('Standard Profiles'!$G$20=$B$24,21,0),0)),0)</f>
        <v>0</v>
      </c>
      <c r="G4961" cm="1">
        <f t="array" ref="G4961">IFERROR(INDEX(Jesper!AK$2:AK$366,ROUNDDOWN($C4961/24,0)+1,1)*INDEX($D$3:$AA$30,INDEX(Jesper!$R$2:$R$366,ROW(INDEX(Jesper!AK$2:AK$366,ROUNDDOWN($C4961/24,0)+1,1))-1)+IF('Standard Profiles'!$G$21=$B$10,7,0)+IF('Standard Profiles'!$G$21=$B$17,14,0)+IF('Standard Profiles'!$G$21=$B$24,21,0),MOD($C4961,24)+1)/SUM(INDEX($D$3:$AA$30,INDEX(Jesper!$R$2:$R$366,ROW(INDEX(Jesper!AK$2:AK$366,ROUNDDOWN($C4961/24,0)+1,1))-1)+IF('Standard Profiles'!$G$21=$B$10,7,0)+IF('Standard Profiles'!$G$21=$B$17,14,0)+IF('Standard Profiles'!$G$21=$B$24,21,0),0)),0)</f>
        <v>0</v>
      </c>
      <c r="H4961" cm="1">
        <f t="array" ref="H4961">IFERROR(INDEX(Jesper!AL$2:AL$366,ROUNDDOWN($C4961/24,0)+1,1)*INDEX($D$3:$AA$30,INDEX(Jesper!$R$2:$R$366,ROW(INDEX(Jesper!AL$2:AL$366,ROUNDDOWN($C4961/24,0)+1,1))-1)+IF('Standard Profiles'!$G$22=$B$10,7,0)+IF('Standard Profiles'!$G$22=$B$17,14,0)+IF('Standard Profiles'!$G$22=$B$24,21,0),MOD($C4961,24)+1)/SUM(INDEX($D$3:$AA$30,INDEX(Jesper!$R$2:$R$366,ROW(INDEX(Jesper!AL$2:AL$366,ROUNDDOWN($C4961/24,0)+1,1))-1)+IF('Standard Profiles'!$G$22=$B$10,7,0)+IF('Standard Profiles'!$G$22=$B$17,14,0)+IF('Standard Profiles'!$G$22=$B$24,21,0),0)),0)</f>
        <v>0</v>
      </c>
      <c r="I4961">
        <f t="shared" si="552"/>
        <v>0.30848630110026859</v>
      </c>
      <c r="J4961">
        <f t="shared" si="553"/>
        <v>1.0282876703342287</v>
      </c>
      <c r="K4961">
        <f t="shared" si="554"/>
        <v>1.5424315055013431</v>
      </c>
      <c r="L4961">
        <f t="shared" si="555"/>
        <v>7.4036712264064466</v>
      </c>
      <c r="M4961">
        <f t="shared" si="556"/>
        <v>0</v>
      </c>
      <c r="N4961" s="46">
        <f t="shared" si="557"/>
        <v>45497.291666654717</v>
      </c>
    </row>
    <row r="4962" spans="2:14" x14ac:dyDescent="0.3">
      <c r="B4962">
        <f t="shared" si="551"/>
        <v>3</v>
      </c>
      <c r="C4962" s="16">
        <v>4928</v>
      </c>
      <c r="D4962" cm="1">
        <f t="array" ref="D4962">IFERROR(INDEX(Jesper!AH$2:AH$366,ROUNDDOWN($C4962/24,0)+1,1)*INDEX($D$3:$AA$30,INDEX(Jesper!$R$2:$R$366,ROW(INDEX(Jesper!AH$2:AH$366,ROUNDDOWN($C4962/24,0)+1,1))-1)+IF('Standard Profiles'!$G$18=$B$10,7,0)+IF('Standard Profiles'!$G$18=$B$17,14,0)+IF('Standard Profiles'!$G$18=$B$24,21,0),MOD($C4962,24)+1)/SUM(INDEX($D$3:$AA$30,INDEX(Jesper!$R$2:$R$366,ROW(INDEX(Jesper!AH$2:AH$366,ROUNDDOWN($C4962/24,0)+1,1))-1)+IF('Standard Profiles'!$G$18=$B$10,7,0)+IF('Standard Profiles'!$G$18=$B$17,14,0)+IF('Standard Profiles'!$G$18=$B$24,21,0),0)),0)</f>
        <v>10.282876703342287</v>
      </c>
      <c r="E4962" cm="1">
        <f t="array" ref="E4962">IFERROR(INDEX(Jesper!AI$2:AI$366,ROUNDDOWN($C4962/24,0)+1,1)*INDEX($D$3:$AA$30,INDEX(Jesper!$R$2:$R$366,ROW(INDEX(Jesper!AI$2:AI$366,ROUNDDOWN($C4962/24,0)+1,1))-1)+IF('Standard Profiles'!$G$19=$B$10,7,0)+IF('Standard Profiles'!$G$19=$B$17,14,0)+IF('Standard Profiles'!$G$19=$B$24,21,0),MOD($C4962,24)+1)/SUM(INDEX($D$3:$AA$30,INDEX(Jesper!$R$2:$R$366,ROW(INDEX(Jesper!AI$2:AI$366,ROUNDDOWN($C4962/24,0)+1,1))-1)+IF('Standard Profiles'!$G$19=$B$10,7,0)+IF('Standard Profiles'!$G$19=$B$17,14,0)+IF('Standard Profiles'!$G$19=$B$24,21,0),0)),0)</f>
        <v>0</v>
      </c>
      <c r="F4962" cm="1">
        <f t="array" ref="F4962">IFERROR(INDEX(Jesper!AJ$2:AJ$366,ROUNDDOWN($C4962/24,0)+1,1)*INDEX($D$3:$AA$30,INDEX(Jesper!$R$2:$R$366,ROW(INDEX(Jesper!AJ$2:AJ$366,ROUNDDOWN($C4962/24,0)+1,1))-1)+IF('Standard Profiles'!$G$20=$B$10,7,0)+IF('Standard Profiles'!$G$20=$B$17,14,0)+IF('Standard Profiles'!$G$20=$B$24,21,0),MOD($C4962,24)+1)/SUM(INDEX($D$3:$AA$30,INDEX(Jesper!$R$2:$R$366,ROW(INDEX(Jesper!AJ$2:AJ$366,ROUNDDOWN($C4962/24,0)+1,1))-1)+IF('Standard Profiles'!$G$20=$B$10,7,0)+IF('Standard Profiles'!$G$20=$B$17,14,0)+IF('Standard Profiles'!$G$20=$B$24,21,0),0)),0)</f>
        <v>0</v>
      </c>
      <c r="G4962" cm="1">
        <f t="array" ref="G4962">IFERROR(INDEX(Jesper!AK$2:AK$366,ROUNDDOWN($C4962/24,0)+1,1)*INDEX($D$3:$AA$30,INDEX(Jesper!$R$2:$R$366,ROW(INDEX(Jesper!AK$2:AK$366,ROUNDDOWN($C4962/24,0)+1,1))-1)+IF('Standard Profiles'!$G$21=$B$10,7,0)+IF('Standard Profiles'!$G$21=$B$17,14,0)+IF('Standard Profiles'!$G$21=$B$24,21,0),MOD($C4962,24)+1)/SUM(INDEX($D$3:$AA$30,INDEX(Jesper!$R$2:$R$366,ROW(INDEX(Jesper!AK$2:AK$366,ROUNDDOWN($C4962/24,0)+1,1))-1)+IF('Standard Profiles'!$G$21=$B$10,7,0)+IF('Standard Profiles'!$G$21=$B$17,14,0)+IF('Standard Profiles'!$G$21=$B$24,21,0),0)),0)</f>
        <v>0</v>
      </c>
      <c r="H4962" cm="1">
        <f t="array" ref="H4962">IFERROR(INDEX(Jesper!AL$2:AL$366,ROUNDDOWN($C4962/24,0)+1,1)*INDEX($D$3:$AA$30,INDEX(Jesper!$R$2:$R$366,ROW(INDEX(Jesper!AL$2:AL$366,ROUNDDOWN($C4962/24,0)+1,1))-1)+IF('Standard Profiles'!$G$22=$B$10,7,0)+IF('Standard Profiles'!$G$22=$B$17,14,0)+IF('Standard Profiles'!$G$22=$B$24,21,0),MOD($C4962,24)+1)/SUM(INDEX($D$3:$AA$30,INDEX(Jesper!$R$2:$R$366,ROW(INDEX(Jesper!AL$2:AL$366,ROUNDDOWN($C4962/24,0)+1,1))-1)+IF('Standard Profiles'!$G$22=$B$10,7,0)+IF('Standard Profiles'!$G$22=$B$17,14,0)+IF('Standard Profiles'!$G$22=$B$24,21,0),0)),0)</f>
        <v>0</v>
      </c>
      <c r="I4962">
        <f t="shared" si="552"/>
        <v>0.30848630110026859</v>
      </c>
      <c r="J4962">
        <f t="shared" si="553"/>
        <v>1.0282876703342287</v>
      </c>
      <c r="K4962">
        <f t="shared" si="554"/>
        <v>1.5424315055013431</v>
      </c>
      <c r="L4962">
        <f t="shared" si="555"/>
        <v>7.4036712264064466</v>
      </c>
      <c r="M4962">
        <f t="shared" si="556"/>
        <v>0</v>
      </c>
      <c r="N4962" s="46">
        <f t="shared" si="557"/>
        <v>45497.333333321381</v>
      </c>
    </row>
    <row r="4963" spans="2:14" x14ac:dyDescent="0.3">
      <c r="B4963">
        <f t="shared" ref="B4963:B5026" si="558">WEEKDAY(N4963,2)</f>
        <v>3</v>
      </c>
      <c r="C4963" s="16">
        <v>4929</v>
      </c>
      <c r="D4963" cm="1">
        <f t="array" ref="D4963">IFERROR(INDEX(Jesper!AH$2:AH$366,ROUNDDOWN($C4963/24,0)+1,1)*INDEX($D$3:$AA$30,INDEX(Jesper!$R$2:$R$366,ROW(INDEX(Jesper!AH$2:AH$366,ROUNDDOWN($C4963/24,0)+1,1))-1)+IF('Standard Profiles'!$G$18=$B$10,7,0)+IF('Standard Profiles'!$G$18=$B$17,14,0)+IF('Standard Profiles'!$G$18=$B$24,21,0),MOD($C4963,24)+1)/SUM(INDEX($D$3:$AA$30,INDEX(Jesper!$R$2:$R$366,ROW(INDEX(Jesper!AH$2:AH$366,ROUNDDOWN($C4963/24,0)+1,1))-1)+IF('Standard Profiles'!$G$18=$B$10,7,0)+IF('Standard Profiles'!$G$18=$B$17,14,0)+IF('Standard Profiles'!$G$18=$B$24,21,0),0)),0)</f>
        <v>11.050255561800666</v>
      </c>
      <c r="E4963" cm="1">
        <f t="array" ref="E4963">IFERROR(INDEX(Jesper!AI$2:AI$366,ROUNDDOWN($C4963/24,0)+1,1)*INDEX($D$3:$AA$30,INDEX(Jesper!$R$2:$R$366,ROW(INDEX(Jesper!AI$2:AI$366,ROUNDDOWN($C4963/24,0)+1,1))-1)+IF('Standard Profiles'!$G$19=$B$10,7,0)+IF('Standard Profiles'!$G$19=$B$17,14,0)+IF('Standard Profiles'!$G$19=$B$24,21,0),MOD($C4963,24)+1)/SUM(INDEX($D$3:$AA$30,INDEX(Jesper!$R$2:$R$366,ROW(INDEX(Jesper!AI$2:AI$366,ROUNDDOWN($C4963/24,0)+1,1))-1)+IF('Standard Profiles'!$G$19=$B$10,7,0)+IF('Standard Profiles'!$G$19=$B$17,14,0)+IF('Standard Profiles'!$G$19=$B$24,21,0),0)),0)</f>
        <v>0</v>
      </c>
      <c r="F4963" cm="1">
        <f t="array" ref="F4963">IFERROR(INDEX(Jesper!AJ$2:AJ$366,ROUNDDOWN($C4963/24,0)+1,1)*INDEX($D$3:$AA$30,INDEX(Jesper!$R$2:$R$366,ROW(INDEX(Jesper!AJ$2:AJ$366,ROUNDDOWN($C4963/24,0)+1,1))-1)+IF('Standard Profiles'!$G$20=$B$10,7,0)+IF('Standard Profiles'!$G$20=$B$17,14,0)+IF('Standard Profiles'!$G$20=$B$24,21,0),MOD($C4963,24)+1)/SUM(INDEX($D$3:$AA$30,INDEX(Jesper!$R$2:$R$366,ROW(INDEX(Jesper!AJ$2:AJ$366,ROUNDDOWN($C4963/24,0)+1,1))-1)+IF('Standard Profiles'!$G$20=$B$10,7,0)+IF('Standard Profiles'!$G$20=$B$17,14,0)+IF('Standard Profiles'!$G$20=$B$24,21,0),0)),0)</f>
        <v>0</v>
      </c>
      <c r="G4963" cm="1">
        <f t="array" ref="G4963">IFERROR(INDEX(Jesper!AK$2:AK$366,ROUNDDOWN($C4963/24,0)+1,1)*INDEX($D$3:$AA$30,INDEX(Jesper!$R$2:$R$366,ROW(INDEX(Jesper!AK$2:AK$366,ROUNDDOWN($C4963/24,0)+1,1))-1)+IF('Standard Profiles'!$G$21=$B$10,7,0)+IF('Standard Profiles'!$G$21=$B$17,14,0)+IF('Standard Profiles'!$G$21=$B$24,21,0),MOD($C4963,24)+1)/SUM(INDEX($D$3:$AA$30,INDEX(Jesper!$R$2:$R$366,ROW(INDEX(Jesper!AK$2:AK$366,ROUNDDOWN($C4963/24,0)+1,1))-1)+IF('Standard Profiles'!$G$21=$B$10,7,0)+IF('Standard Profiles'!$G$21=$B$17,14,0)+IF('Standard Profiles'!$G$21=$B$24,21,0),0)),0)</f>
        <v>0</v>
      </c>
      <c r="H4963" cm="1">
        <f t="array" ref="H4963">IFERROR(INDEX(Jesper!AL$2:AL$366,ROUNDDOWN($C4963/24,0)+1,1)*INDEX($D$3:$AA$30,INDEX(Jesper!$R$2:$R$366,ROW(INDEX(Jesper!AL$2:AL$366,ROUNDDOWN($C4963/24,0)+1,1))-1)+IF('Standard Profiles'!$G$22=$B$10,7,0)+IF('Standard Profiles'!$G$22=$B$17,14,0)+IF('Standard Profiles'!$G$22=$B$24,21,0),MOD($C4963,24)+1)/SUM(INDEX($D$3:$AA$30,INDEX(Jesper!$R$2:$R$366,ROW(INDEX(Jesper!AL$2:AL$366,ROUNDDOWN($C4963/24,0)+1,1))-1)+IF('Standard Profiles'!$G$22=$B$10,7,0)+IF('Standard Profiles'!$G$22=$B$17,14,0)+IF('Standard Profiles'!$G$22=$B$24,21,0),0)),0)</f>
        <v>0</v>
      </c>
      <c r="I4963">
        <f t="shared" ref="I4963:I5026" si="559">IF($B4963&lt;6,AC$37*$D4963+AC$38*$E4963+AC$39*$F4963+AC$40*$G4963,AC$46*$D4963+AC$47*$E4963+AC$48*$F4963+AC$49*$G4963+AC$50*$H4963)</f>
        <v>0.33150766685402</v>
      </c>
      <c r="J4963">
        <f t="shared" ref="J4963:J5026" si="560">IF($B4963&lt;6,AD$37*$D4963+AD$38*$E4963+AD$39*$F4963+AD$40*$G4963,AD$46*$D4963+AD$47*$E4963+AD$48*$F4963+AD$49*$G4963+AD$50*$H4963)</f>
        <v>1.1050255561800666</v>
      </c>
      <c r="K4963">
        <f t="shared" ref="K4963:K5026" si="561">IF($B4963&lt;6,AE$37*$D4963+AE$38*$E4963+AE$39*$F4963+AE$40*$G4963,AE$46*$D4963+AE$47*$E4963+AE$48*$F4963+AE$49*$G4963+AE$50*$H4963)</f>
        <v>1.6575383342701</v>
      </c>
      <c r="L4963">
        <f t="shared" ref="L4963:L5026" si="562">IF($B4963&lt;6,AF$37*$D4963+AF$38*$E4963+AF$39*$F4963+AF$40*$G4963,AF$46*$D4963+AF$47*$E4963+AF$48*$F4963+AF$49*$G4963+AF$50*$H4963)</f>
        <v>7.9561840044964791</v>
      </c>
      <c r="M4963">
        <f t="shared" ref="M4963:M5026" si="563">IF($B4963&lt;6,AG$37*$D4963+AG$38*$E4963+AG$39*$F4963+AG$40*$G4963,AG$46*$D4963+AG$47*$E4963+AG$48*$F4963+AG$49*$G4963+AG$50*$H4963)</f>
        <v>0</v>
      </c>
      <c r="N4963" s="46">
        <f t="shared" si="557"/>
        <v>45497.374999988046</v>
      </c>
    </row>
    <row r="4964" spans="2:14" x14ac:dyDescent="0.3">
      <c r="B4964">
        <f t="shared" si="558"/>
        <v>3</v>
      </c>
      <c r="C4964" s="16">
        <v>4930</v>
      </c>
      <c r="D4964" cm="1">
        <f t="array" ref="D4964">IFERROR(INDEX(Jesper!AH$2:AH$366,ROUNDDOWN($C4964/24,0)+1,1)*INDEX($D$3:$AA$30,INDEX(Jesper!$R$2:$R$366,ROW(INDEX(Jesper!AH$2:AH$366,ROUNDDOWN($C4964/24,0)+1,1))-1)+IF('Standard Profiles'!$G$18=$B$10,7,0)+IF('Standard Profiles'!$G$18=$B$17,14,0)+IF('Standard Profiles'!$G$18=$B$24,21,0),MOD($C4964,24)+1)/SUM(INDEX($D$3:$AA$30,INDEX(Jesper!$R$2:$R$366,ROW(INDEX(Jesper!AH$2:AH$366,ROUNDDOWN($C4964/24,0)+1,1))-1)+IF('Standard Profiles'!$G$18=$B$10,7,0)+IF('Standard Profiles'!$G$18=$B$17,14,0)+IF('Standard Profiles'!$G$18=$B$24,21,0),0)),0)</f>
        <v>11.971110191950721</v>
      </c>
      <c r="E4964" cm="1">
        <f t="array" ref="E4964">IFERROR(INDEX(Jesper!AI$2:AI$366,ROUNDDOWN($C4964/24,0)+1,1)*INDEX($D$3:$AA$30,INDEX(Jesper!$R$2:$R$366,ROW(INDEX(Jesper!AI$2:AI$366,ROUNDDOWN($C4964/24,0)+1,1))-1)+IF('Standard Profiles'!$G$19=$B$10,7,0)+IF('Standard Profiles'!$G$19=$B$17,14,0)+IF('Standard Profiles'!$G$19=$B$24,21,0),MOD($C4964,24)+1)/SUM(INDEX($D$3:$AA$30,INDEX(Jesper!$R$2:$R$366,ROW(INDEX(Jesper!AI$2:AI$366,ROUNDDOWN($C4964/24,0)+1,1))-1)+IF('Standard Profiles'!$G$19=$B$10,7,0)+IF('Standard Profiles'!$G$19=$B$17,14,0)+IF('Standard Profiles'!$G$19=$B$24,21,0),0)),0)</f>
        <v>0</v>
      </c>
      <c r="F4964" cm="1">
        <f t="array" ref="F4964">IFERROR(INDEX(Jesper!AJ$2:AJ$366,ROUNDDOWN($C4964/24,0)+1,1)*INDEX($D$3:$AA$30,INDEX(Jesper!$R$2:$R$366,ROW(INDEX(Jesper!AJ$2:AJ$366,ROUNDDOWN($C4964/24,0)+1,1))-1)+IF('Standard Profiles'!$G$20=$B$10,7,0)+IF('Standard Profiles'!$G$20=$B$17,14,0)+IF('Standard Profiles'!$G$20=$B$24,21,0),MOD($C4964,24)+1)/SUM(INDEX($D$3:$AA$30,INDEX(Jesper!$R$2:$R$366,ROW(INDEX(Jesper!AJ$2:AJ$366,ROUNDDOWN($C4964/24,0)+1,1))-1)+IF('Standard Profiles'!$G$20=$B$10,7,0)+IF('Standard Profiles'!$G$20=$B$17,14,0)+IF('Standard Profiles'!$G$20=$B$24,21,0),0)),0)</f>
        <v>0</v>
      </c>
      <c r="G4964" cm="1">
        <f t="array" ref="G4964">IFERROR(INDEX(Jesper!AK$2:AK$366,ROUNDDOWN($C4964/24,0)+1,1)*INDEX($D$3:$AA$30,INDEX(Jesper!$R$2:$R$366,ROW(INDEX(Jesper!AK$2:AK$366,ROUNDDOWN($C4964/24,0)+1,1))-1)+IF('Standard Profiles'!$G$21=$B$10,7,0)+IF('Standard Profiles'!$G$21=$B$17,14,0)+IF('Standard Profiles'!$G$21=$B$24,21,0),MOD($C4964,24)+1)/SUM(INDEX($D$3:$AA$30,INDEX(Jesper!$R$2:$R$366,ROW(INDEX(Jesper!AK$2:AK$366,ROUNDDOWN($C4964/24,0)+1,1))-1)+IF('Standard Profiles'!$G$21=$B$10,7,0)+IF('Standard Profiles'!$G$21=$B$17,14,0)+IF('Standard Profiles'!$G$21=$B$24,21,0),0)),0)</f>
        <v>0</v>
      </c>
      <c r="H4964" cm="1">
        <f t="array" ref="H4964">IFERROR(INDEX(Jesper!AL$2:AL$366,ROUNDDOWN($C4964/24,0)+1,1)*INDEX($D$3:$AA$30,INDEX(Jesper!$R$2:$R$366,ROW(INDEX(Jesper!AL$2:AL$366,ROUNDDOWN($C4964/24,0)+1,1))-1)+IF('Standard Profiles'!$G$22=$B$10,7,0)+IF('Standard Profiles'!$G$22=$B$17,14,0)+IF('Standard Profiles'!$G$22=$B$24,21,0),MOD($C4964,24)+1)/SUM(INDEX($D$3:$AA$30,INDEX(Jesper!$R$2:$R$366,ROW(INDEX(Jesper!AL$2:AL$366,ROUNDDOWN($C4964/24,0)+1,1))-1)+IF('Standard Profiles'!$G$22=$B$10,7,0)+IF('Standard Profiles'!$G$22=$B$17,14,0)+IF('Standard Profiles'!$G$22=$B$24,21,0),0)),0)</f>
        <v>0</v>
      </c>
      <c r="I4964">
        <f t="shared" si="559"/>
        <v>0.35913330575852165</v>
      </c>
      <c r="J4964">
        <f t="shared" si="560"/>
        <v>1.1971110191950722</v>
      </c>
      <c r="K4964">
        <f t="shared" si="561"/>
        <v>1.7956665287926081</v>
      </c>
      <c r="L4964">
        <f t="shared" si="562"/>
        <v>8.6191993382045187</v>
      </c>
      <c r="M4964">
        <f t="shared" si="563"/>
        <v>0</v>
      </c>
      <c r="N4964" s="46">
        <f t="shared" ref="N4964:N5027" si="564">N4963+1/24</f>
        <v>45497.41666665471</v>
      </c>
    </row>
    <row r="4965" spans="2:14" x14ac:dyDescent="0.3">
      <c r="B4965">
        <f t="shared" si="558"/>
        <v>3</v>
      </c>
      <c r="C4965" s="16">
        <v>4931</v>
      </c>
      <c r="D4965" cm="1">
        <f t="array" ref="D4965">IFERROR(INDEX(Jesper!AH$2:AH$366,ROUNDDOWN($C4965/24,0)+1,1)*INDEX($D$3:$AA$30,INDEX(Jesper!$R$2:$R$366,ROW(INDEX(Jesper!AH$2:AH$366,ROUNDDOWN($C4965/24,0)+1,1))-1)+IF('Standard Profiles'!$G$18=$B$10,7,0)+IF('Standard Profiles'!$G$18=$B$17,14,0)+IF('Standard Profiles'!$G$18=$B$24,21,0),MOD($C4965,24)+1)/SUM(INDEX($D$3:$AA$30,INDEX(Jesper!$R$2:$R$366,ROW(INDEX(Jesper!AH$2:AH$366,ROUNDDOWN($C4965/24,0)+1,1))-1)+IF('Standard Profiles'!$G$18=$B$10,7,0)+IF('Standard Profiles'!$G$18=$B$17,14,0)+IF('Standard Profiles'!$G$18=$B$24,21,0),0)),0)</f>
        <v>13.812819452250833</v>
      </c>
      <c r="E4965" cm="1">
        <f t="array" ref="E4965">IFERROR(INDEX(Jesper!AI$2:AI$366,ROUNDDOWN($C4965/24,0)+1,1)*INDEX($D$3:$AA$30,INDEX(Jesper!$R$2:$R$366,ROW(INDEX(Jesper!AI$2:AI$366,ROUNDDOWN($C4965/24,0)+1,1))-1)+IF('Standard Profiles'!$G$19=$B$10,7,0)+IF('Standard Profiles'!$G$19=$B$17,14,0)+IF('Standard Profiles'!$G$19=$B$24,21,0),MOD($C4965,24)+1)/SUM(INDEX($D$3:$AA$30,INDEX(Jesper!$R$2:$R$366,ROW(INDEX(Jesper!AI$2:AI$366,ROUNDDOWN($C4965/24,0)+1,1))-1)+IF('Standard Profiles'!$G$19=$B$10,7,0)+IF('Standard Profiles'!$G$19=$B$17,14,0)+IF('Standard Profiles'!$G$19=$B$24,21,0),0)),0)</f>
        <v>0</v>
      </c>
      <c r="F4965" cm="1">
        <f t="array" ref="F4965">IFERROR(INDEX(Jesper!AJ$2:AJ$366,ROUNDDOWN($C4965/24,0)+1,1)*INDEX($D$3:$AA$30,INDEX(Jesper!$R$2:$R$366,ROW(INDEX(Jesper!AJ$2:AJ$366,ROUNDDOWN($C4965/24,0)+1,1))-1)+IF('Standard Profiles'!$G$20=$B$10,7,0)+IF('Standard Profiles'!$G$20=$B$17,14,0)+IF('Standard Profiles'!$G$20=$B$24,21,0),MOD($C4965,24)+1)/SUM(INDEX($D$3:$AA$30,INDEX(Jesper!$R$2:$R$366,ROW(INDEX(Jesper!AJ$2:AJ$366,ROUNDDOWN($C4965/24,0)+1,1))-1)+IF('Standard Profiles'!$G$20=$B$10,7,0)+IF('Standard Profiles'!$G$20=$B$17,14,0)+IF('Standard Profiles'!$G$20=$B$24,21,0),0)),0)</f>
        <v>0</v>
      </c>
      <c r="G4965" cm="1">
        <f t="array" ref="G4965">IFERROR(INDEX(Jesper!AK$2:AK$366,ROUNDDOWN($C4965/24,0)+1,1)*INDEX($D$3:$AA$30,INDEX(Jesper!$R$2:$R$366,ROW(INDEX(Jesper!AK$2:AK$366,ROUNDDOWN($C4965/24,0)+1,1))-1)+IF('Standard Profiles'!$G$21=$B$10,7,0)+IF('Standard Profiles'!$G$21=$B$17,14,0)+IF('Standard Profiles'!$G$21=$B$24,21,0),MOD($C4965,24)+1)/SUM(INDEX($D$3:$AA$30,INDEX(Jesper!$R$2:$R$366,ROW(INDEX(Jesper!AK$2:AK$366,ROUNDDOWN($C4965/24,0)+1,1))-1)+IF('Standard Profiles'!$G$21=$B$10,7,0)+IF('Standard Profiles'!$G$21=$B$17,14,0)+IF('Standard Profiles'!$G$21=$B$24,21,0),0)),0)</f>
        <v>0</v>
      </c>
      <c r="H4965" cm="1">
        <f t="array" ref="H4965">IFERROR(INDEX(Jesper!AL$2:AL$366,ROUNDDOWN($C4965/24,0)+1,1)*INDEX($D$3:$AA$30,INDEX(Jesper!$R$2:$R$366,ROW(INDEX(Jesper!AL$2:AL$366,ROUNDDOWN($C4965/24,0)+1,1))-1)+IF('Standard Profiles'!$G$22=$B$10,7,0)+IF('Standard Profiles'!$G$22=$B$17,14,0)+IF('Standard Profiles'!$G$22=$B$24,21,0),MOD($C4965,24)+1)/SUM(INDEX($D$3:$AA$30,INDEX(Jesper!$R$2:$R$366,ROW(INDEX(Jesper!AL$2:AL$366,ROUNDDOWN($C4965/24,0)+1,1))-1)+IF('Standard Profiles'!$G$22=$B$10,7,0)+IF('Standard Profiles'!$G$22=$B$17,14,0)+IF('Standard Profiles'!$G$22=$B$24,21,0),0)),0)</f>
        <v>0</v>
      </c>
      <c r="I4965">
        <f t="shared" si="559"/>
        <v>0.414384583567525</v>
      </c>
      <c r="J4965">
        <f t="shared" si="560"/>
        <v>1.3812819452250835</v>
      </c>
      <c r="K4965">
        <f t="shared" si="561"/>
        <v>2.0719229178376248</v>
      </c>
      <c r="L4965">
        <f t="shared" si="562"/>
        <v>9.9452300056205996</v>
      </c>
      <c r="M4965">
        <f t="shared" si="563"/>
        <v>0</v>
      </c>
      <c r="N4965" s="46">
        <f t="shared" si="564"/>
        <v>45497.458333321374</v>
      </c>
    </row>
    <row r="4966" spans="2:14" x14ac:dyDescent="0.3">
      <c r="B4966">
        <f t="shared" si="558"/>
        <v>3</v>
      </c>
      <c r="C4966" s="16">
        <v>4932</v>
      </c>
      <c r="D4966" cm="1">
        <f t="array" ref="D4966">IFERROR(INDEX(Jesper!AH$2:AH$366,ROUNDDOWN($C4966/24,0)+1,1)*INDEX($D$3:$AA$30,INDEX(Jesper!$R$2:$R$366,ROW(INDEX(Jesper!AH$2:AH$366,ROUNDDOWN($C4966/24,0)+1,1))-1)+IF('Standard Profiles'!$G$18=$B$10,7,0)+IF('Standard Profiles'!$G$18=$B$17,14,0)+IF('Standard Profiles'!$G$18=$B$24,21,0),MOD($C4966,24)+1)/SUM(INDEX($D$3:$AA$30,INDEX(Jesper!$R$2:$R$366,ROW(INDEX(Jesper!AH$2:AH$366,ROUNDDOWN($C4966/24,0)+1,1))-1)+IF('Standard Profiles'!$G$18=$B$10,7,0)+IF('Standard Profiles'!$G$18=$B$17,14,0)+IF('Standard Profiles'!$G$18=$B$24,21,0),0)),0)</f>
        <v>13.812819452250833</v>
      </c>
      <c r="E4966" cm="1">
        <f t="array" ref="E4966">IFERROR(INDEX(Jesper!AI$2:AI$366,ROUNDDOWN($C4966/24,0)+1,1)*INDEX($D$3:$AA$30,INDEX(Jesper!$R$2:$R$366,ROW(INDEX(Jesper!AI$2:AI$366,ROUNDDOWN($C4966/24,0)+1,1))-1)+IF('Standard Profiles'!$G$19=$B$10,7,0)+IF('Standard Profiles'!$G$19=$B$17,14,0)+IF('Standard Profiles'!$G$19=$B$24,21,0),MOD($C4966,24)+1)/SUM(INDEX($D$3:$AA$30,INDEX(Jesper!$R$2:$R$366,ROW(INDEX(Jesper!AI$2:AI$366,ROUNDDOWN($C4966/24,0)+1,1))-1)+IF('Standard Profiles'!$G$19=$B$10,7,0)+IF('Standard Profiles'!$G$19=$B$17,14,0)+IF('Standard Profiles'!$G$19=$B$24,21,0),0)),0)</f>
        <v>0</v>
      </c>
      <c r="F4966" cm="1">
        <f t="array" ref="F4966">IFERROR(INDEX(Jesper!AJ$2:AJ$366,ROUNDDOWN($C4966/24,0)+1,1)*INDEX($D$3:$AA$30,INDEX(Jesper!$R$2:$R$366,ROW(INDEX(Jesper!AJ$2:AJ$366,ROUNDDOWN($C4966/24,0)+1,1))-1)+IF('Standard Profiles'!$G$20=$B$10,7,0)+IF('Standard Profiles'!$G$20=$B$17,14,0)+IF('Standard Profiles'!$G$20=$B$24,21,0),MOD($C4966,24)+1)/SUM(INDEX($D$3:$AA$30,INDEX(Jesper!$R$2:$R$366,ROW(INDEX(Jesper!AJ$2:AJ$366,ROUNDDOWN($C4966/24,0)+1,1))-1)+IF('Standard Profiles'!$G$20=$B$10,7,0)+IF('Standard Profiles'!$G$20=$B$17,14,0)+IF('Standard Profiles'!$G$20=$B$24,21,0),0)),0)</f>
        <v>0</v>
      </c>
      <c r="G4966" cm="1">
        <f t="array" ref="G4966">IFERROR(INDEX(Jesper!AK$2:AK$366,ROUNDDOWN($C4966/24,0)+1,1)*INDEX($D$3:$AA$30,INDEX(Jesper!$R$2:$R$366,ROW(INDEX(Jesper!AK$2:AK$366,ROUNDDOWN($C4966/24,0)+1,1))-1)+IF('Standard Profiles'!$G$21=$B$10,7,0)+IF('Standard Profiles'!$G$21=$B$17,14,0)+IF('Standard Profiles'!$G$21=$B$24,21,0),MOD($C4966,24)+1)/SUM(INDEX($D$3:$AA$30,INDEX(Jesper!$R$2:$R$366,ROW(INDEX(Jesper!AK$2:AK$366,ROUNDDOWN($C4966/24,0)+1,1))-1)+IF('Standard Profiles'!$G$21=$B$10,7,0)+IF('Standard Profiles'!$G$21=$B$17,14,0)+IF('Standard Profiles'!$G$21=$B$24,21,0),0)),0)</f>
        <v>0</v>
      </c>
      <c r="H4966" cm="1">
        <f t="array" ref="H4966">IFERROR(INDEX(Jesper!AL$2:AL$366,ROUNDDOWN($C4966/24,0)+1,1)*INDEX($D$3:$AA$30,INDEX(Jesper!$R$2:$R$366,ROW(INDEX(Jesper!AL$2:AL$366,ROUNDDOWN($C4966/24,0)+1,1))-1)+IF('Standard Profiles'!$G$22=$B$10,7,0)+IF('Standard Profiles'!$G$22=$B$17,14,0)+IF('Standard Profiles'!$G$22=$B$24,21,0),MOD($C4966,24)+1)/SUM(INDEX($D$3:$AA$30,INDEX(Jesper!$R$2:$R$366,ROW(INDEX(Jesper!AL$2:AL$366,ROUNDDOWN($C4966/24,0)+1,1))-1)+IF('Standard Profiles'!$G$22=$B$10,7,0)+IF('Standard Profiles'!$G$22=$B$17,14,0)+IF('Standard Profiles'!$G$22=$B$24,21,0),0)),0)</f>
        <v>0</v>
      </c>
      <c r="I4966">
        <f t="shared" si="559"/>
        <v>0.414384583567525</v>
      </c>
      <c r="J4966">
        <f t="shared" si="560"/>
        <v>1.3812819452250835</v>
      </c>
      <c r="K4966">
        <f t="shared" si="561"/>
        <v>2.0719229178376248</v>
      </c>
      <c r="L4966">
        <f t="shared" si="562"/>
        <v>9.9452300056205996</v>
      </c>
      <c r="M4966">
        <f t="shared" si="563"/>
        <v>0</v>
      </c>
      <c r="N4966" s="46">
        <f t="shared" si="564"/>
        <v>45497.499999988038</v>
      </c>
    </row>
    <row r="4967" spans="2:14" x14ac:dyDescent="0.3">
      <c r="B4967">
        <f t="shared" si="558"/>
        <v>3</v>
      </c>
      <c r="C4967" s="16">
        <v>4933</v>
      </c>
      <c r="D4967" cm="1">
        <f t="array" ref="D4967">IFERROR(INDEX(Jesper!AH$2:AH$366,ROUNDDOWN($C4967/24,0)+1,1)*INDEX($D$3:$AA$30,INDEX(Jesper!$R$2:$R$366,ROW(INDEX(Jesper!AH$2:AH$366,ROUNDDOWN($C4967/24,0)+1,1))-1)+IF('Standard Profiles'!$G$18=$B$10,7,0)+IF('Standard Profiles'!$G$18=$B$17,14,0)+IF('Standard Profiles'!$G$18=$B$24,21,0),MOD($C4967,24)+1)/SUM(INDEX($D$3:$AA$30,INDEX(Jesper!$R$2:$R$366,ROW(INDEX(Jesper!AH$2:AH$366,ROUNDDOWN($C4967/24,0)+1,1))-1)+IF('Standard Profiles'!$G$18=$B$10,7,0)+IF('Standard Profiles'!$G$18=$B$17,14,0)+IF('Standard Profiles'!$G$18=$B$24,21,0),0)),0)</f>
        <v>13.812819452250833</v>
      </c>
      <c r="E4967" cm="1">
        <f t="array" ref="E4967">IFERROR(INDEX(Jesper!AI$2:AI$366,ROUNDDOWN($C4967/24,0)+1,1)*INDEX($D$3:$AA$30,INDEX(Jesper!$R$2:$R$366,ROW(INDEX(Jesper!AI$2:AI$366,ROUNDDOWN($C4967/24,0)+1,1))-1)+IF('Standard Profiles'!$G$19=$B$10,7,0)+IF('Standard Profiles'!$G$19=$B$17,14,0)+IF('Standard Profiles'!$G$19=$B$24,21,0),MOD($C4967,24)+1)/SUM(INDEX($D$3:$AA$30,INDEX(Jesper!$R$2:$R$366,ROW(INDEX(Jesper!AI$2:AI$366,ROUNDDOWN($C4967/24,0)+1,1))-1)+IF('Standard Profiles'!$G$19=$B$10,7,0)+IF('Standard Profiles'!$G$19=$B$17,14,0)+IF('Standard Profiles'!$G$19=$B$24,21,0),0)),0)</f>
        <v>0</v>
      </c>
      <c r="F4967" cm="1">
        <f t="array" ref="F4967">IFERROR(INDEX(Jesper!AJ$2:AJ$366,ROUNDDOWN($C4967/24,0)+1,1)*INDEX($D$3:$AA$30,INDEX(Jesper!$R$2:$R$366,ROW(INDEX(Jesper!AJ$2:AJ$366,ROUNDDOWN($C4967/24,0)+1,1))-1)+IF('Standard Profiles'!$G$20=$B$10,7,0)+IF('Standard Profiles'!$G$20=$B$17,14,0)+IF('Standard Profiles'!$G$20=$B$24,21,0),MOD($C4967,24)+1)/SUM(INDEX($D$3:$AA$30,INDEX(Jesper!$R$2:$R$366,ROW(INDEX(Jesper!AJ$2:AJ$366,ROUNDDOWN($C4967/24,0)+1,1))-1)+IF('Standard Profiles'!$G$20=$B$10,7,0)+IF('Standard Profiles'!$G$20=$B$17,14,0)+IF('Standard Profiles'!$G$20=$B$24,21,0),0)),0)</f>
        <v>0</v>
      </c>
      <c r="G4967" cm="1">
        <f t="array" ref="G4967">IFERROR(INDEX(Jesper!AK$2:AK$366,ROUNDDOWN($C4967/24,0)+1,1)*INDEX($D$3:$AA$30,INDEX(Jesper!$R$2:$R$366,ROW(INDEX(Jesper!AK$2:AK$366,ROUNDDOWN($C4967/24,0)+1,1))-1)+IF('Standard Profiles'!$G$21=$B$10,7,0)+IF('Standard Profiles'!$G$21=$B$17,14,0)+IF('Standard Profiles'!$G$21=$B$24,21,0),MOD($C4967,24)+1)/SUM(INDEX($D$3:$AA$30,INDEX(Jesper!$R$2:$R$366,ROW(INDEX(Jesper!AK$2:AK$366,ROUNDDOWN($C4967/24,0)+1,1))-1)+IF('Standard Profiles'!$G$21=$B$10,7,0)+IF('Standard Profiles'!$G$21=$B$17,14,0)+IF('Standard Profiles'!$G$21=$B$24,21,0),0)),0)</f>
        <v>0</v>
      </c>
      <c r="H4967" cm="1">
        <f t="array" ref="H4967">IFERROR(INDEX(Jesper!AL$2:AL$366,ROUNDDOWN($C4967/24,0)+1,1)*INDEX($D$3:$AA$30,INDEX(Jesper!$R$2:$R$366,ROW(INDEX(Jesper!AL$2:AL$366,ROUNDDOWN($C4967/24,0)+1,1))-1)+IF('Standard Profiles'!$G$22=$B$10,7,0)+IF('Standard Profiles'!$G$22=$B$17,14,0)+IF('Standard Profiles'!$G$22=$B$24,21,0),MOD($C4967,24)+1)/SUM(INDEX($D$3:$AA$30,INDEX(Jesper!$R$2:$R$366,ROW(INDEX(Jesper!AL$2:AL$366,ROUNDDOWN($C4967/24,0)+1,1))-1)+IF('Standard Profiles'!$G$22=$B$10,7,0)+IF('Standard Profiles'!$G$22=$B$17,14,0)+IF('Standard Profiles'!$G$22=$B$24,21,0),0)),0)</f>
        <v>0</v>
      </c>
      <c r="I4967">
        <f t="shared" si="559"/>
        <v>0.414384583567525</v>
      </c>
      <c r="J4967">
        <f t="shared" si="560"/>
        <v>1.3812819452250835</v>
      </c>
      <c r="K4967">
        <f t="shared" si="561"/>
        <v>2.0719229178376248</v>
      </c>
      <c r="L4967">
        <f t="shared" si="562"/>
        <v>9.9452300056205996</v>
      </c>
      <c r="M4967">
        <f t="shared" si="563"/>
        <v>0</v>
      </c>
      <c r="N4967" s="46">
        <f t="shared" si="564"/>
        <v>45497.541666654703</v>
      </c>
    </row>
    <row r="4968" spans="2:14" x14ac:dyDescent="0.3">
      <c r="B4968">
        <f t="shared" si="558"/>
        <v>3</v>
      </c>
      <c r="C4968" s="16">
        <v>4934</v>
      </c>
      <c r="D4968" cm="1">
        <f t="array" ref="D4968">IFERROR(INDEX(Jesper!AH$2:AH$366,ROUNDDOWN($C4968/24,0)+1,1)*INDEX($D$3:$AA$30,INDEX(Jesper!$R$2:$R$366,ROW(INDEX(Jesper!AH$2:AH$366,ROUNDDOWN($C4968/24,0)+1,1))-1)+IF('Standard Profiles'!$G$18=$B$10,7,0)+IF('Standard Profiles'!$G$18=$B$17,14,0)+IF('Standard Profiles'!$G$18=$B$24,21,0),MOD($C4968,24)+1)/SUM(INDEX($D$3:$AA$30,INDEX(Jesper!$R$2:$R$366,ROW(INDEX(Jesper!AH$2:AH$366,ROUNDDOWN($C4968/24,0)+1,1))-1)+IF('Standard Profiles'!$G$18=$B$10,7,0)+IF('Standard Profiles'!$G$18=$B$17,14,0)+IF('Standard Profiles'!$G$18=$B$24,21,0),0)),0)</f>
        <v>13.812819452250833</v>
      </c>
      <c r="E4968" cm="1">
        <f t="array" ref="E4968">IFERROR(INDEX(Jesper!AI$2:AI$366,ROUNDDOWN($C4968/24,0)+1,1)*INDEX($D$3:$AA$30,INDEX(Jesper!$R$2:$R$366,ROW(INDEX(Jesper!AI$2:AI$366,ROUNDDOWN($C4968/24,0)+1,1))-1)+IF('Standard Profiles'!$G$19=$B$10,7,0)+IF('Standard Profiles'!$G$19=$B$17,14,0)+IF('Standard Profiles'!$G$19=$B$24,21,0),MOD($C4968,24)+1)/SUM(INDEX($D$3:$AA$30,INDEX(Jesper!$R$2:$R$366,ROW(INDEX(Jesper!AI$2:AI$366,ROUNDDOWN($C4968/24,0)+1,1))-1)+IF('Standard Profiles'!$G$19=$B$10,7,0)+IF('Standard Profiles'!$G$19=$B$17,14,0)+IF('Standard Profiles'!$G$19=$B$24,21,0),0)),0)</f>
        <v>0</v>
      </c>
      <c r="F4968" cm="1">
        <f t="array" ref="F4968">IFERROR(INDEX(Jesper!AJ$2:AJ$366,ROUNDDOWN($C4968/24,0)+1,1)*INDEX($D$3:$AA$30,INDEX(Jesper!$R$2:$R$366,ROW(INDEX(Jesper!AJ$2:AJ$366,ROUNDDOWN($C4968/24,0)+1,1))-1)+IF('Standard Profiles'!$G$20=$B$10,7,0)+IF('Standard Profiles'!$G$20=$B$17,14,0)+IF('Standard Profiles'!$G$20=$B$24,21,0),MOD($C4968,24)+1)/SUM(INDEX($D$3:$AA$30,INDEX(Jesper!$R$2:$R$366,ROW(INDEX(Jesper!AJ$2:AJ$366,ROUNDDOWN($C4968/24,0)+1,1))-1)+IF('Standard Profiles'!$G$20=$B$10,7,0)+IF('Standard Profiles'!$G$20=$B$17,14,0)+IF('Standard Profiles'!$G$20=$B$24,21,0),0)),0)</f>
        <v>0</v>
      </c>
      <c r="G4968" cm="1">
        <f t="array" ref="G4968">IFERROR(INDEX(Jesper!AK$2:AK$366,ROUNDDOWN($C4968/24,0)+1,1)*INDEX($D$3:$AA$30,INDEX(Jesper!$R$2:$R$366,ROW(INDEX(Jesper!AK$2:AK$366,ROUNDDOWN($C4968/24,0)+1,1))-1)+IF('Standard Profiles'!$G$21=$B$10,7,0)+IF('Standard Profiles'!$G$21=$B$17,14,0)+IF('Standard Profiles'!$G$21=$B$24,21,0),MOD($C4968,24)+1)/SUM(INDEX($D$3:$AA$30,INDEX(Jesper!$R$2:$R$366,ROW(INDEX(Jesper!AK$2:AK$366,ROUNDDOWN($C4968/24,0)+1,1))-1)+IF('Standard Profiles'!$G$21=$B$10,7,0)+IF('Standard Profiles'!$G$21=$B$17,14,0)+IF('Standard Profiles'!$G$21=$B$24,21,0),0)),0)</f>
        <v>0</v>
      </c>
      <c r="H4968" cm="1">
        <f t="array" ref="H4968">IFERROR(INDEX(Jesper!AL$2:AL$366,ROUNDDOWN($C4968/24,0)+1,1)*INDEX($D$3:$AA$30,INDEX(Jesper!$R$2:$R$366,ROW(INDEX(Jesper!AL$2:AL$366,ROUNDDOWN($C4968/24,0)+1,1))-1)+IF('Standard Profiles'!$G$22=$B$10,7,0)+IF('Standard Profiles'!$G$22=$B$17,14,0)+IF('Standard Profiles'!$G$22=$B$24,21,0),MOD($C4968,24)+1)/SUM(INDEX($D$3:$AA$30,INDEX(Jesper!$R$2:$R$366,ROW(INDEX(Jesper!AL$2:AL$366,ROUNDDOWN($C4968/24,0)+1,1))-1)+IF('Standard Profiles'!$G$22=$B$10,7,0)+IF('Standard Profiles'!$G$22=$B$17,14,0)+IF('Standard Profiles'!$G$22=$B$24,21,0),0)),0)</f>
        <v>0</v>
      </c>
      <c r="I4968">
        <f t="shared" si="559"/>
        <v>0.414384583567525</v>
      </c>
      <c r="J4968">
        <f t="shared" si="560"/>
        <v>1.3812819452250835</v>
      </c>
      <c r="K4968">
        <f t="shared" si="561"/>
        <v>2.0719229178376248</v>
      </c>
      <c r="L4968">
        <f t="shared" si="562"/>
        <v>9.9452300056205996</v>
      </c>
      <c r="M4968">
        <f t="shared" si="563"/>
        <v>0</v>
      </c>
      <c r="N4968" s="46">
        <f t="shared" si="564"/>
        <v>45497.583333321367</v>
      </c>
    </row>
    <row r="4969" spans="2:14" x14ac:dyDescent="0.3">
      <c r="B4969">
        <f t="shared" si="558"/>
        <v>3</v>
      </c>
      <c r="C4969" s="16">
        <v>4935</v>
      </c>
      <c r="D4969" cm="1">
        <f t="array" ref="D4969">IFERROR(INDEX(Jesper!AH$2:AH$366,ROUNDDOWN($C4969/24,0)+1,1)*INDEX($D$3:$AA$30,INDEX(Jesper!$R$2:$R$366,ROW(INDEX(Jesper!AH$2:AH$366,ROUNDDOWN($C4969/24,0)+1,1))-1)+IF('Standard Profiles'!$G$18=$B$10,7,0)+IF('Standard Profiles'!$G$18=$B$17,14,0)+IF('Standard Profiles'!$G$18=$B$24,21,0),MOD($C4969,24)+1)/SUM(INDEX($D$3:$AA$30,INDEX(Jesper!$R$2:$R$366,ROW(INDEX(Jesper!AH$2:AH$366,ROUNDDOWN($C4969/24,0)+1,1))-1)+IF('Standard Profiles'!$G$18=$B$10,7,0)+IF('Standard Profiles'!$G$18=$B$17,14,0)+IF('Standard Profiles'!$G$18=$B$24,21,0),0)),0)</f>
        <v>13.812819452250833</v>
      </c>
      <c r="E4969" cm="1">
        <f t="array" ref="E4969">IFERROR(INDEX(Jesper!AI$2:AI$366,ROUNDDOWN($C4969/24,0)+1,1)*INDEX($D$3:$AA$30,INDEX(Jesper!$R$2:$R$366,ROW(INDEX(Jesper!AI$2:AI$366,ROUNDDOWN($C4969/24,0)+1,1))-1)+IF('Standard Profiles'!$G$19=$B$10,7,0)+IF('Standard Profiles'!$G$19=$B$17,14,0)+IF('Standard Profiles'!$G$19=$B$24,21,0),MOD($C4969,24)+1)/SUM(INDEX($D$3:$AA$30,INDEX(Jesper!$R$2:$R$366,ROW(INDEX(Jesper!AI$2:AI$366,ROUNDDOWN($C4969/24,0)+1,1))-1)+IF('Standard Profiles'!$G$19=$B$10,7,0)+IF('Standard Profiles'!$G$19=$B$17,14,0)+IF('Standard Profiles'!$G$19=$B$24,21,0),0)),0)</f>
        <v>0</v>
      </c>
      <c r="F4969" cm="1">
        <f t="array" ref="F4969">IFERROR(INDEX(Jesper!AJ$2:AJ$366,ROUNDDOWN($C4969/24,0)+1,1)*INDEX($D$3:$AA$30,INDEX(Jesper!$R$2:$R$366,ROW(INDEX(Jesper!AJ$2:AJ$366,ROUNDDOWN($C4969/24,0)+1,1))-1)+IF('Standard Profiles'!$G$20=$B$10,7,0)+IF('Standard Profiles'!$G$20=$B$17,14,0)+IF('Standard Profiles'!$G$20=$B$24,21,0),MOD($C4969,24)+1)/SUM(INDEX($D$3:$AA$30,INDEX(Jesper!$R$2:$R$366,ROW(INDEX(Jesper!AJ$2:AJ$366,ROUNDDOWN($C4969/24,0)+1,1))-1)+IF('Standard Profiles'!$G$20=$B$10,7,0)+IF('Standard Profiles'!$G$20=$B$17,14,0)+IF('Standard Profiles'!$G$20=$B$24,21,0),0)),0)</f>
        <v>0</v>
      </c>
      <c r="G4969" cm="1">
        <f t="array" ref="G4969">IFERROR(INDEX(Jesper!AK$2:AK$366,ROUNDDOWN($C4969/24,0)+1,1)*INDEX($D$3:$AA$30,INDEX(Jesper!$R$2:$R$366,ROW(INDEX(Jesper!AK$2:AK$366,ROUNDDOWN($C4969/24,0)+1,1))-1)+IF('Standard Profiles'!$G$21=$B$10,7,0)+IF('Standard Profiles'!$G$21=$B$17,14,0)+IF('Standard Profiles'!$G$21=$B$24,21,0),MOD($C4969,24)+1)/SUM(INDEX($D$3:$AA$30,INDEX(Jesper!$R$2:$R$366,ROW(INDEX(Jesper!AK$2:AK$366,ROUNDDOWN($C4969/24,0)+1,1))-1)+IF('Standard Profiles'!$G$21=$B$10,7,0)+IF('Standard Profiles'!$G$21=$B$17,14,0)+IF('Standard Profiles'!$G$21=$B$24,21,0),0)),0)</f>
        <v>0</v>
      </c>
      <c r="H4969" cm="1">
        <f t="array" ref="H4969">IFERROR(INDEX(Jesper!AL$2:AL$366,ROUNDDOWN($C4969/24,0)+1,1)*INDEX($D$3:$AA$30,INDEX(Jesper!$R$2:$R$366,ROW(INDEX(Jesper!AL$2:AL$366,ROUNDDOWN($C4969/24,0)+1,1))-1)+IF('Standard Profiles'!$G$22=$B$10,7,0)+IF('Standard Profiles'!$G$22=$B$17,14,0)+IF('Standard Profiles'!$G$22=$B$24,21,0),MOD($C4969,24)+1)/SUM(INDEX($D$3:$AA$30,INDEX(Jesper!$R$2:$R$366,ROW(INDEX(Jesper!AL$2:AL$366,ROUNDDOWN($C4969/24,0)+1,1))-1)+IF('Standard Profiles'!$G$22=$B$10,7,0)+IF('Standard Profiles'!$G$22=$B$17,14,0)+IF('Standard Profiles'!$G$22=$B$24,21,0),0)),0)</f>
        <v>0</v>
      </c>
      <c r="I4969">
        <f t="shared" si="559"/>
        <v>0.414384583567525</v>
      </c>
      <c r="J4969">
        <f t="shared" si="560"/>
        <v>1.3812819452250835</v>
      </c>
      <c r="K4969">
        <f t="shared" si="561"/>
        <v>2.0719229178376248</v>
      </c>
      <c r="L4969">
        <f t="shared" si="562"/>
        <v>9.9452300056205996</v>
      </c>
      <c r="M4969">
        <f t="shared" si="563"/>
        <v>0</v>
      </c>
      <c r="N4969" s="46">
        <f t="shared" si="564"/>
        <v>45497.624999988031</v>
      </c>
    </row>
    <row r="4970" spans="2:14" x14ac:dyDescent="0.3">
      <c r="B4970">
        <f t="shared" si="558"/>
        <v>3</v>
      </c>
      <c r="C4970" s="16">
        <v>4936</v>
      </c>
      <c r="D4970" cm="1">
        <f t="array" ref="D4970">IFERROR(INDEX(Jesper!AH$2:AH$366,ROUNDDOWN($C4970/24,0)+1,1)*INDEX($D$3:$AA$30,INDEX(Jesper!$R$2:$R$366,ROW(INDEX(Jesper!AH$2:AH$366,ROUNDDOWN($C4970/24,0)+1,1))-1)+IF('Standard Profiles'!$G$18=$B$10,7,0)+IF('Standard Profiles'!$G$18=$B$17,14,0)+IF('Standard Profiles'!$G$18=$B$24,21,0),MOD($C4970,24)+1)/SUM(INDEX($D$3:$AA$30,INDEX(Jesper!$R$2:$R$366,ROW(INDEX(Jesper!AH$2:AH$366,ROUNDDOWN($C4970/24,0)+1,1))-1)+IF('Standard Profiles'!$G$18=$B$10,7,0)+IF('Standard Profiles'!$G$18=$B$17,14,0)+IF('Standard Profiles'!$G$18=$B$24,21,0),0)),0)</f>
        <v>13.812819452250833</v>
      </c>
      <c r="E4970" cm="1">
        <f t="array" ref="E4970">IFERROR(INDEX(Jesper!AI$2:AI$366,ROUNDDOWN($C4970/24,0)+1,1)*INDEX($D$3:$AA$30,INDEX(Jesper!$R$2:$R$366,ROW(INDEX(Jesper!AI$2:AI$366,ROUNDDOWN($C4970/24,0)+1,1))-1)+IF('Standard Profiles'!$G$19=$B$10,7,0)+IF('Standard Profiles'!$G$19=$B$17,14,0)+IF('Standard Profiles'!$G$19=$B$24,21,0),MOD($C4970,24)+1)/SUM(INDEX($D$3:$AA$30,INDEX(Jesper!$R$2:$R$366,ROW(INDEX(Jesper!AI$2:AI$366,ROUNDDOWN($C4970/24,0)+1,1))-1)+IF('Standard Profiles'!$G$19=$B$10,7,0)+IF('Standard Profiles'!$G$19=$B$17,14,0)+IF('Standard Profiles'!$G$19=$B$24,21,0),0)),0)</f>
        <v>0</v>
      </c>
      <c r="F4970" cm="1">
        <f t="array" ref="F4970">IFERROR(INDEX(Jesper!AJ$2:AJ$366,ROUNDDOWN($C4970/24,0)+1,1)*INDEX($D$3:$AA$30,INDEX(Jesper!$R$2:$R$366,ROW(INDEX(Jesper!AJ$2:AJ$366,ROUNDDOWN($C4970/24,0)+1,1))-1)+IF('Standard Profiles'!$G$20=$B$10,7,0)+IF('Standard Profiles'!$G$20=$B$17,14,0)+IF('Standard Profiles'!$G$20=$B$24,21,0),MOD($C4970,24)+1)/SUM(INDEX($D$3:$AA$30,INDEX(Jesper!$R$2:$R$366,ROW(INDEX(Jesper!AJ$2:AJ$366,ROUNDDOWN($C4970/24,0)+1,1))-1)+IF('Standard Profiles'!$G$20=$B$10,7,0)+IF('Standard Profiles'!$G$20=$B$17,14,0)+IF('Standard Profiles'!$G$20=$B$24,21,0),0)),0)</f>
        <v>0</v>
      </c>
      <c r="G4970" cm="1">
        <f t="array" ref="G4970">IFERROR(INDEX(Jesper!AK$2:AK$366,ROUNDDOWN($C4970/24,0)+1,1)*INDEX($D$3:$AA$30,INDEX(Jesper!$R$2:$R$366,ROW(INDEX(Jesper!AK$2:AK$366,ROUNDDOWN($C4970/24,0)+1,1))-1)+IF('Standard Profiles'!$G$21=$B$10,7,0)+IF('Standard Profiles'!$G$21=$B$17,14,0)+IF('Standard Profiles'!$G$21=$B$24,21,0),MOD($C4970,24)+1)/SUM(INDEX($D$3:$AA$30,INDEX(Jesper!$R$2:$R$366,ROW(INDEX(Jesper!AK$2:AK$366,ROUNDDOWN($C4970/24,0)+1,1))-1)+IF('Standard Profiles'!$G$21=$B$10,7,0)+IF('Standard Profiles'!$G$21=$B$17,14,0)+IF('Standard Profiles'!$G$21=$B$24,21,0),0)),0)</f>
        <v>0</v>
      </c>
      <c r="H4970" cm="1">
        <f t="array" ref="H4970">IFERROR(INDEX(Jesper!AL$2:AL$366,ROUNDDOWN($C4970/24,0)+1,1)*INDEX($D$3:$AA$30,INDEX(Jesper!$R$2:$R$366,ROW(INDEX(Jesper!AL$2:AL$366,ROUNDDOWN($C4970/24,0)+1,1))-1)+IF('Standard Profiles'!$G$22=$B$10,7,0)+IF('Standard Profiles'!$G$22=$B$17,14,0)+IF('Standard Profiles'!$G$22=$B$24,21,0),MOD($C4970,24)+1)/SUM(INDEX($D$3:$AA$30,INDEX(Jesper!$R$2:$R$366,ROW(INDEX(Jesper!AL$2:AL$366,ROUNDDOWN($C4970/24,0)+1,1))-1)+IF('Standard Profiles'!$G$22=$B$10,7,0)+IF('Standard Profiles'!$G$22=$B$17,14,0)+IF('Standard Profiles'!$G$22=$B$24,21,0),0)),0)</f>
        <v>0</v>
      </c>
      <c r="I4970">
        <f t="shared" si="559"/>
        <v>0.414384583567525</v>
      </c>
      <c r="J4970">
        <f t="shared" si="560"/>
        <v>1.3812819452250835</v>
      </c>
      <c r="K4970">
        <f t="shared" si="561"/>
        <v>2.0719229178376248</v>
      </c>
      <c r="L4970">
        <f t="shared" si="562"/>
        <v>9.9452300056205996</v>
      </c>
      <c r="M4970">
        <f t="shared" si="563"/>
        <v>0</v>
      </c>
      <c r="N4970" s="46">
        <f t="shared" si="564"/>
        <v>45497.666666654695</v>
      </c>
    </row>
    <row r="4971" spans="2:14" x14ac:dyDescent="0.3">
      <c r="B4971">
        <f t="shared" si="558"/>
        <v>3</v>
      </c>
      <c r="C4971" s="16">
        <v>4937</v>
      </c>
      <c r="D4971" cm="1">
        <f t="array" ref="D4971">IFERROR(INDEX(Jesper!AH$2:AH$366,ROUNDDOWN($C4971/24,0)+1,1)*INDEX($D$3:$AA$30,INDEX(Jesper!$R$2:$R$366,ROW(INDEX(Jesper!AH$2:AH$366,ROUNDDOWN($C4971/24,0)+1,1))-1)+IF('Standard Profiles'!$G$18=$B$10,7,0)+IF('Standard Profiles'!$G$18=$B$17,14,0)+IF('Standard Profiles'!$G$18=$B$24,21,0),MOD($C4971,24)+1)/SUM(INDEX($D$3:$AA$30,INDEX(Jesper!$R$2:$R$366,ROW(INDEX(Jesper!AH$2:AH$366,ROUNDDOWN($C4971/24,0)+1,1))-1)+IF('Standard Profiles'!$G$18=$B$10,7,0)+IF('Standard Profiles'!$G$18=$B$17,14,0)+IF('Standard Profiles'!$G$18=$B$24,21,0),0)),0)</f>
        <v>13.812819452250833</v>
      </c>
      <c r="E4971" cm="1">
        <f t="array" ref="E4971">IFERROR(INDEX(Jesper!AI$2:AI$366,ROUNDDOWN($C4971/24,0)+1,1)*INDEX($D$3:$AA$30,INDEX(Jesper!$R$2:$R$366,ROW(INDEX(Jesper!AI$2:AI$366,ROUNDDOWN($C4971/24,0)+1,1))-1)+IF('Standard Profiles'!$G$19=$B$10,7,0)+IF('Standard Profiles'!$G$19=$B$17,14,0)+IF('Standard Profiles'!$G$19=$B$24,21,0),MOD($C4971,24)+1)/SUM(INDEX($D$3:$AA$30,INDEX(Jesper!$R$2:$R$366,ROW(INDEX(Jesper!AI$2:AI$366,ROUNDDOWN($C4971/24,0)+1,1))-1)+IF('Standard Profiles'!$G$19=$B$10,7,0)+IF('Standard Profiles'!$G$19=$B$17,14,0)+IF('Standard Profiles'!$G$19=$B$24,21,0),0)),0)</f>
        <v>0</v>
      </c>
      <c r="F4971" cm="1">
        <f t="array" ref="F4971">IFERROR(INDEX(Jesper!AJ$2:AJ$366,ROUNDDOWN($C4971/24,0)+1,1)*INDEX($D$3:$AA$30,INDEX(Jesper!$R$2:$R$366,ROW(INDEX(Jesper!AJ$2:AJ$366,ROUNDDOWN($C4971/24,0)+1,1))-1)+IF('Standard Profiles'!$G$20=$B$10,7,0)+IF('Standard Profiles'!$G$20=$B$17,14,0)+IF('Standard Profiles'!$G$20=$B$24,21,0),MOD($C4971,24)+1)/SUM(INDEX($D$3:$AA$30,INDEX(Jesper!$R$2:$R$366,ROW(INDEX(Jesper!AJ$2:AJ$366,ROUNDDOWN($C4971/24,0)+1,1))-1)+IF('Standard Profiles'!$G$20=$B$10,7,0)+IF('Standard Profiles'!$G$20=$B$17,14,0)+IF('Standard Profiles'!$G$20=$B$24,21,0),0)),0)</f>
        <v>0</v>
      </c>
      <c r="G4971" cm="1">
        <f t="array" ref="G4971">IFERROR(INDEX(Jesper!AK$2:AK$366,ROUNDDOWN($C4971/24,0)+1,1)*INDEX($D$3:$AA$30,INDEX(Jesper!$R$2:$R$366,ROW(INDEX(Jesper!AK$2:AK$366,ROUNDDOWN($C4971/24,0)+1,1))-1)+IF('Standard Profiles'!$G$21=$B$10,7,0)+IF('Standard Profiles'!$G$21=$B$17,14,0)+IF('Standard Profiles'!$G$21=$B$24,21,0),MOD($C4971,24)+1)/SUM(INDEX($D$3:$AA$30,INDEX(Jesper!$R$2:$R$366,ROW(INDEX(Jesper!AK$2:AK$366,ROUNDDOWN($C4971/24,0)+1,1))-1)+IF('Standard Profiles'!$G$21=$B$10,7,0)+IF('Standard Profiles'!$G$21=$B$17,14,0)+IF('Standard Profiles'!$G$21=$B$24,21,0),0)),0)</f>
        <v>0</v>
      </c>
      <c r="H4971" cm="1">
        <f t="array" ref="H4971">IFERROR(INDEX(Jesper!AL$2:AL$366,ROUNDDOWN($C4971/24,0)+1,1)*INDEX($D$3:$AA$30,INDEX(Jesper!$R$2:$R$366,ROW(INDEX(Jesper!AL$2:AL$366,ROUNDDOWN($C4971/24,0)+1,1))-1)+IF('Standard Profiles'!$G$22=$B$10,7,0)+IF('Standard Profiles'!$G$22=$B$17,14,0)+IF('Standard Profiles'!$G$22=$B$24,21,0),MOD($C4971,24)+1)/SUM(INDEX($D$3:$AA$30,INDEX(Jesper!$R$2:$R$366,ROW(INDEX(Jesper!AL$2:AL$366,ROUNDDOWN($C4971/24,0)+1,1))-1)+IF('Standard Profiles'!$G$22=$B$10,7,0)+IF('Standard Profiles'!$G$22=$B$17,14,0)+IF('Standard Profiles'!$G$22=$B$24,21,0),0)),0)</f>
        <v>0</v>
      </c>
      <c r="I4971">
        <f t="shared" si="559"/>
        <v>0.414384583567525</v>
      </c>
      <c r="J4971">
        <f t="shared" si="560"/>
        <v>1.3812819452250835</v>
      </c>
      <c r="K4971">
        <f t="shared" si="561"/>
        <v>2.0719229178376248</v>
      </c>
      <c r="L4971">
        <f t="shared" si="562"/>
        <v>9.9452300056205996</v>
      </c>
      <c r="M4971">
        <f t="shared" si="563"/>
        <v>0</v>
      </c>
      <c r="N4971" s="46">
        <f t="shared" si="564"/>
        <v>45497.70833332136</v>
      </c>
    </row>
    <row r="4972" spans="2:14" x14ac:dyDescent="0.3">
      <c r="B4972">
        <f t="shared" si="558"/>
        <v>3</v>
      </c>
      <c r="C4972" s="16">
        <v>4938</v>
      </c>
      <c r="D4972" cm="1">
        <f t="array" ref="D4972">IFERROR(INDEX(Jesper!AH$2:AH$366,ROUNDDOWN($C4972/24,0)+1,1)*INDEX($D$3:$AA$30,INDEX(Jesper!$R$2:$R$366,ROW(INDEX(Jesper!AH$2:AH$366,ROUNDDOWN($C4972/24,0)+1,1))-1)+IF('Standard Profiles'!$G$18=$B$10,7,0)+IF('Standard Profiles'!$G$18=$B$17,14,0)+IF('Standard Profiles'!$G$18=$B$24,21,0),MOD($C4972,24)+1)/SUM(INDEX($D$3:$AA$30,INDEX(Jesper!$R$2:$R$366,ROW(INDEX(Jesper!AH$2:AH$366,ROUNDDOWN($C4972/24,0)+1,1))-1)+IF('Standard Profiles'!$G$18=$B$10,7,0)+IF('Standard Profiles'!$G$18=$B$17,14,0)+IF('Standard Profiles'!$G$18=$B$24,21,0),0)),0)</f>
        <v>13.812819452250833</v>
      </c>
      <c r="E4972" cm="1">
        <f t="array" ref="E4972">IFERROR(INDEX(Jesper!AI$2:AI$366,ROUNDDOWN($C4972/24,0)+1,1)*INDEX($D$3:$AA$30,INDEX(Jesper!$R$2:$R$366,ROW(INDEX(Jesper!AI$2:AI$366,ROUNDDOWN($C4972/24,0)+1,1))-1)+IF('Standard Profiles'!$G$19=$B$10,7,0)+IF('Standard Profiles'!$G$19=$B$17,14,0)+IF('Standard Profiles'!$G$19=$B$24,21,0),MOD($C4972,24)+1)/SUM(INDEX($D$3:$AA$30,INDEX(Jesper!$R$2:$R$366,ROW(INDEX(Jesper!AI$2:AI$366,ROUNDDOWN($C4972/24,0)+1,1))-1)+IF('Standard Profiles'!$G$19=$B$10,7,0)+IF('Standard Profiles'!$G$19=$B$17,14,0)+IF('Standard Profiles'!$G$19=$B$24,21,0),0)),0)</f>
        <v>0</v>
      </c>
      <c r="F4972" cm="1">
        <f t="array" ref="F4972">IFERROR(INDEX(Jesper!AJ$2:AJ$366,ROUNDDOWN($C4972/24,0)+1,1)*INDEX($D$3:$AA$30,INDEX(Jesper!$R$2:$R$366,ROW(INDEX(Jesper!AJ$2:AJ$366,ROUNDDOWN($C4972/24,0)+1,1))-1)+IF('Standard Profiles'!$G$20=$B$10,7,0)+IF('Standard Profiles'!$G$20=$B$17,14,0)+IF('Standard Profiles'!$G$20=$B$24,21,0),MOD($C4972,24)+1)/SUM(INDEX($D$3:$AA$30,INDEX(Jesper!$R$2:$R$366,ROW(INDEX(Jesper!AJ$2:AJ$366,ROUNDDOWN($C4972/24,0)+1,1))-1)+IF('Standard Profiles'!$G$20=$B$10,7,0)+IF('Standard Profiles'!$G$20=$B$17,14,0)+IF('Standard Profiles'!$G$20=$B$24,21,0),0)),0)</f>
        <v>0</v>
      </c>
      <c r="G4972" cm="1">
        <f t="array" ref="G4972">IFERROR(INDEX(Jesper!AK$2:AK$366,ROUNDDOWN($C4972/24,0)+1,1)*INDEX($D$3:$AA$30,INDEX(Jesper!$R$2:$R$366,ROW(INDEX(Jesper!AK$2:AK$366,ROUNDDOWN($C4972/24,0)+1,1))-1)+IF('Standard Profiles'!$G$21=$B$10,7,0)+IF('Standard Profiles'!$G$21=$B$17,14,0)+IF('Standard Profiles'!$G$21=$B$24,21,0),MOD($C4972,24)+1)/SUM(INDEX($D$3:$AA$30,INDEX(Jesper!$R$2:$R$366,ROW(INDEX(Jesper!AK$2:AK$366,ROUNDDOWN($C4972/24,0)+1,1))-1)+IF('Standard Profiles'!$G$21=$B$10,7,0)+IF('Standard Profiles'!$G$21=$B$17,14,0)+IF('Standard Profiles'!$G$21=$B$24,21,0),0)),0)</f>
        <v>0</v>
      </c>
      <c r="H4972" cm="1">
        <f t="array" ref="H4972">IFERROR(INDEX(Jesper!AL$2:AL$366,ROUNDDOWN($C4972/24,0)+1,1)*INDEX($D$3:$AA$30,INDEX(Jesper!$R$2:$R$366,ROW(INDEX(Jesper!AL$2:AL$366,ROUNDDOWN($C4972/24,0)+1,1))-1)+IF('Standard Profiles'!$G$22=$B$10,7,0)+IF('Standard Profiles'!$G$22=$B$17,14,0)+IF('Standard Profiles'!$G$22=$B$24,21,0),MOD($C4972,24)+1)/SUM(INDEX($D$3:$AA$30,INDEX(Jesper!$R$2:$R$366,ROW(INDEX(Jesper!AL$2:AL$366,ROUNDDOWN($C4972/24,0)+1,1))-1)+IF('Standard Profiles'!$G$22=$B$10,7,0)+IF('Standard Profiles'!$G$22=$B$17,14,0)+IF('Standard Profiles'!$G$22=$B$24,21,0),0)),0)</f>
        <v>0</v>
      </c>
      <c r="I4972">
        <f t="shared" si="559"/>
        <v>0.414384583567525</v>
      </c>
      <c r="J4972">
        <f t="shared" si="560"/>
        <v>1.3812819452250835</v>
      </c>
      <c r="K4972">
        <f t="shared" si="561"/>
        <v>2.0719229178376248</v>
      </c>
      <c r="L4972">
        <f t="shared" si="562"/>
        <v>9.9452300056205996</v>
      </c>
      <c r="M4972">
        <f t="shared" si="563"/>
        <v>0</v>
      </c>
      <c r="N4972" s="46">
        <f t="shared" si="564"/>
        <v>45497.749999988024</v>
      </c>
    </row>
    <row r="4973" spans="2:14" x14ac:dyDescent="0.3">
      <c r="B4973">
        <f t="shared" si="558"/>
        <v>3</v>
      </c>
      <c r="C4973" s="16">
        <v>4939</v>
      </c>
      <c r="D4973" cm="1">
        <f t="array" ref="D4973">IFERROR(INDEX(Jesper!AH$2:AH$366,ROUNDDOWN($C4973/24,0)+1,1)*INDEX($D$3:$AA$30,INDEX(Jesper!$R$2:$R$366,ROW(INDEX(Jesper!AH$2:AH$366,ROUNDDOWN($C4973/24,0)+1,1))-1)+IF('Standard Profiles'!$G$18=$B$10,7,0)+IF('Standard Profiles'!$G$18=$B$17,14,0)+IF('Standard Profiles'!$G$18=$B$24,21,0),MOD($C4973,24)+1)/SUM(INDEX($D$3:$AA$30,INDEX(Jesper!$R$2:$R$366,ROW(INDEX(Jesper!AH$2:AH$366,ROUNDDOWN($C4973/24,0)+1,1))-1)+IF('Standard Profiles'!$G$18=$B$10,7,0)+IF('Standard Profiles'!$G$18=$B$17,14,0)+IF('Standard Profiles'!$G$18=$B$24,21,0),0)),0)</f>
        <v>11.510682876875695</v>
      </c>
      <c r="E4973" cm="1">
        <f t="array" ref="E4973">IFERROR(INDEX(Jesper!AI$2:AI$366,ROUNDDOWN($C4973/24,0)+1,1)*INDEX($D$3:$AA$30,INDEX(Jesper!$R$2:$R$366,ROW(INDEX(Jesper!AI$2:AI$366,ROUNDDOWN($C4973/24,0)+1,1))-1)+IF('Standard Profiles'!$G$19=$B$10,7,0)+IF('Standard Profiles'!$G$19=$B$17,14,0)+IF('Standard Profiles'!$G$19=$B$24,21,0),MOD($C4973,24)+1)/SUM(INDEX($D$3:$AA$30,INDEX(Jesper!$R$2:$R$366,ROW(INDEX(Jesper!AI$2:AI$366,ROUNDDOWN($C4973/24,0)+1,1))-1)+IF('Standard Profiles'!$G$19=$B$10,7,0)+IF('Standard Profiles'!$G$19=$B$17,14,0)+IF('Standard Profiles'!$G$19=$B$24,21,0),0)),0)</f>
        <v>0</v>
      </c>
      <c r="F4973" cm="1">
        <f t="array" ref="F4973">IFERROR(INDEX(Jesper!AJ$2:AJ$366,ROUNDDOWN($C4973/24,0)+1,1)*INDEX($D$3:$AA$30,INDEX(Jesper!$R$2:$R$366,ROW(INDEX(Jesper!AJ$2:AJ$366,ROUNDDOWN($C4973/24,0)+1,1))-1)+IF('Standard Profiles'!$G$20=$B$10,7,0)+IF('Standard Profiles'!$G$20=$B$17,14,0)+IF('Standard Profiles'!$G$20=$B$24,21,0),MOD($C4973,24)+1)/SUM(INDEX($D$3:$AA$30,INDEX(Jesper!$R$2:$R$366,ROW(INDEX(Jesper!AJ$2:AJ$366,ROUNDDOWN($C4973/24,0)+1,1))-1)+IF('Standard Profiles'!$G$20=$B$10,7,0)+IF('Standard Profiles'!$G$20=$B$17,14,0)+IF('Standard Profiles'!$G$20=$B$24,21,0),0)),0)</f>
        <v>0</v>
      </c>
      <c r="G4973" cm="1">
        <f t="array" ref="G4973">IFERROR(INDEX(Jesper!AK$2:AK$366,ROUNDDOWN($C4973/24,0)+1,1)*INDEX($D$3:$AA$30,INDEX(Jesper!$R$2:$R$366,ROW(INDEX(Jesper!AK$2:AK$366,ROUNDDOWN($C4973/24,0)+1,1))-1)+IF('Standard Profiles'!$G$21=$B$10,7,0)+IF('Standard Profiles'!$G$21=$B$17,14,0)+IF('Standard Profiles'!$G$21=$B$24,21,0),MOD($C4973,24)+1)/SUM(INDEX($D$3:$AA$30,INDEX(Jesper!$R$2:$R$366,ROW(INDEX(Jesper!AK$2:AK$366,ROUNDDOWN($C4973/24,0)+1,1))-1)+IF('Standard Profiles'!$G$21=$B$10,7,0)+IF('Standard Profiles'!$G$21=$B$17,14,0)+IF('Standard Profiles'!$G$21=$B$24,21,0),0)),0)</f>
        <v>0</v>
      </c>
      <c r="H4973" cm="1">
        <f t="array" ref="H4973">IFERROR(INDEX(Jesper!AL$2:AL$366,ROUNDDOWN($C4973/24,0)+1,1)*INDEX($D$3:$AA$30,INDEX(Jesper!$R$2:$R$366,ROW(INDEX(Jesper!AL$2:AL$366,ROUNDDOWN($C4973/24,0)+1,1))-1)+IF('Standard Profiles'!$G$22=$B$10,7,0)+IF('Standard Profiles'!$G$22=$B$17,14,0)+IF('Standard Profiles'!$G$22=$B$24,21,0),MOD($C4973,24)+1)/SUM(INDEX($D$3:$AA$30,INDEX(Jesper!$R$2:$R$366,ROW(INDEX(Jesper!AL$2:AL$366,ROUNDDOWN($C4973/24,0)+1,1))-1)+IF('Standard Profiles'!$G$22=$B$10,7,0)+IF('Standard Profiles'!$G$22=$B$17,14,0)+IF('Standard Profiles'!$G$22=$B$24,21,0),0)),0)</f>
        <v>0</v>
      </c>
      <c r="I4973">
        <f t="shared" si="559"/>
        <v>0.34532048630627082</v>
      </c>
      <c r="J4973">
        <f t="shared" si="560"/>
        <v>1.1510682876875695</v>
      </c>
      <c r="K4973">
        <f t="shared" si="561"/>
        <v>1.7266024315313542</v>
      </c>
      <c r="L4973">
        <f t="shared" si="562"/>
        <v>8.2876916713504993</v>
      </c>
      <c r="M4973">
        <f t="shared" si="563"/>
        <v>0</v>
      </c>
      <c r="N4973" s="46">
        <f t="shared" si="564"/>
        <v>45497.791666654688</v>
      </c>
    </row>
    <row r="4974" spans="2:14" x14ac:dyDescent="0.3">
      <c r="B4974">
        <f t="shared" si="558"/>
        <v>3</v>
      </c>
      <c r="C4974" s="16">
        <v>4940</v>
      </c>
      <c r="D4974" cm="1">
        <f t="array" ref="D4974">IFERROR(INDEX(Jesper!AH$2:AH$366,ROUNDDOWN($C4974/24,0)+1,1)*INDEX($D$3:$AA$30,INDEX(Jesper!$R$2:$R$366,ROW(INDEX(Jesper!AH$2:AH$366,ROUNDDOWN($C4974/24,0)+1,1))-1)+IF('Standard Profiles'!$G$18=$B$10,7,0)+IF('Standard Profiles'!$G$18=$B$17,14,0)+IF('Standard Profiles'!$G$18=$B$24,21,0),MOD($C4974,24)+1)/SUM(INDEX($D$3:$AA$30,INDEX(Jesper!$R$2:$R$366,ROW(INDEX(Jesper!AH$2:AH$366,ROUNDDOWN($C4974/24,0)+1,1))-1)+IF('Standard Profiles'!$G$18=$B$10,7,0)+IF('Standard Profiles'!$G$18=$B$17,14,0)+IF('Standard Profiles'!$G$18=$B$24,21,0),0)),0)</f>
        <v>9.2085463015005562</v>
      </c>
      <c r="E4974" cm="1">
        <f t="array" ref="E4974">IFERROR(INDEX(Jesper!AI$2:AI$366,ROUNDDOWN($C4974/24,0)+1,1)*INDEX($D$3:$AA$30,INDEX(Jesper!$R$2:$R$366,ROW(INDEX(Jesper!AI$2:AI$366,ROUNDDOWN($C4974/24,0)+1,1))-1)+IF('Standard Profiles'!$G$19=$B$10,7,0)+IF('Standard Profiles'!$G$19=$B$17,14,0)+IF('Standard Profiles'!$G$19=$B$24,21,0),MOD($C4974,24)+1)/SUM(INDEX($D$3:$AA$30,INDEX(Jesper!$R$2:$R$366,ROW(INDEX(Jesper!AI$2:AI$366,ROUNDDOWN($C4974/24,0)+1,1))-1)+IF('Standard Profiles'!$G$19=$B$10,7,0)+IF('Standard Profiles'!$G$19=$B$17,14,0)+IF('Standard Profiles'!$G$19=$B$24,21,0),0)),0)</f>
        <v>0</v>
      </c>
      <c r="F4974" cm="1">
        <f t="array" ref="F4974">IFERROR(INDEX(Jesper!AJ$2:AJ$366,ROUNDDOWN($C4974/24,0)+1,1)*INDEX($D$3:$AA$30,INDEX(Jesper!$R$2:$R$366,ROW(INDEX(Jesper!AJ$2:AJ$366,ROUNDDOWN($C4974/24,0)+1,1))-1)+IF('Standard Profiles'!$G$20=$B$10,7,0)+IF('Standard Profiles'!$G$20=$B$17,14,0)+IF('Standard Profiles'!$G$20=$B$24,21,0),MOD($C4974,24)+1)/SUM(INDEX($D$3:$AA$30,INDEX(Jesper!$R$2:$R$366,ROW(INDEX(Jesper!AJ$2:AJ$366,ROUNDDOWN($C4974/24,0)+1,1))-1)+IF('Standard Profiles'!$G$20=$B$10,7,0)+IF('Standard Profiles'!$G$20=$B$17,14,0)+IF('Standard Profiles'!$G$20=$B$24,21,0),0)),0)</f>
        <v>0</v>
      </c>
      <c r="G4974" cm="1">
        <f t="array" ref="G4974">IFERROR(INDEX(Jesper!AK$2:AK$366,ROUNDDOWN($C4974/24,0)+1,1)*INDEX($D$3:$AA$30,INDEX(Jesper!$R$2:$R$366,ROW(INDEX(Jesper!AK$2:AK$366,ROUNDDOWN($C4974/24,0)+1,1))-1)+IF('Standard Profiles'!$G$21=$B$10,7,0)+IF('Standard Profiles'!$G$21=$B$17,14,0)+IF('Standard Profiles'!$G$21=$B$24,21,0),MOD($C4974,24)+1)/SUM(INDEX($D$3:$AA$30,INDEX(Jesper!$R$2:$R$366,ROW(INDEX(Jesper!AK$2:AK$366,ROUNDDOWN($C4974/24,0)+1,1))-1)+IF('Standard Profiles'!$G$21=$B$10,7,0)+IF('Standard Profiles'!$G$21=$B$17,14,0)+IF('Standard Profiles'!$G$21=$B$24,21,0),0)),0)</f>
        <v>0</v>
      </c>
      <c r="H4974" cm="1">
        <f t="array" ref="H4974">IFERROR(INDEX(Jesper!AL$2:AL$366,ROUNDDOWN($C4974/24,0)+1,1)*INDEX($D$3:$AA$30,INDEX(Jesper!$R$2:$R$366,ROW(INDEX(Jesper!AL$2:AL$366,ROUNDDOWN($C4974/24,0)+1,1))-1)+IF('Standard Profiles'!$G$22=$B$10,7,0)+IF('Standard Profiles'!$G$22=$B$17,14,0)+IF('Standard Profiles'!$G$22=$B$24,21,0),MOD($C4974,24)+1)/SUM(INDEX($D$3:$AA$30,INDEX(Jesper!$R$2:$R$366,ROW(INDEX(Jesper!AL$2:AL$366,ROUNDDOWN($C4974/24,0)+1,1))-1)+IF('Standard Profiles'!$G$22=$B$10,7,0)+IF('Standard Profiles'!$G$22=$B$17,14,0)+IF('Standard Profiles'!$G$22=$B$24,21,0),0)),0)</f>
        <v>0</v>
      </c>
      <c r="I4974">
        <f t="shared" si="559"/>
        <v>0.27625638904501665</v>
      </c>
      <c r="J4974">
        <f t="shared" si="560"/>
        <v>0.92085463015005564</v>
      </c>
      <c r="K4974">
        <f t="shared" si="561"/>
        <v>1.3812819452250833</v>
      </c>
      <c r="L4974">
        <f t="shared" si="562"/>
        <v>6.6301533370804</v>
      </c>
      <c r="M4974">
        <f t="shared" si="563"/>
        <v>0</v>
      </c>
      <c r="N4974" s="46">
        <f t="shared" si="564"/>
        <v>45497.833333321352</v>
      </c>
    </row>
    <row r="4975" spans="2:14" x14ac:dyDescent="0.3">
      <c r="B4975">
        <f t="shared" si="558"/>
        <v>3</v>
      </c>
      <c r="C4975" s="16">
        <v>4941</v>
      </c>
      <c r="D4975" cm="1">
        <f t="array" ref="D4975">IFERROR(INDEX(Jesper!AH$2:AH$366,ROUNDDOWN($C4975/24,0)+1,1)*INDEX($D$3:$AA$30,INDEX(Jesper!$R$2:$R$366,ROW(INDEX(Jesper!AH$2:AH$366,ROUNDDOWN($C4975/24,0)+1,1))-1)+IF('Standard Profiles'!$G$18=$B$10,7,0)+IF('Standard Profiles'!$G$18=$B$17,14,0)+IF('Standard Profiles'!$G$18=$B$24,21,0),MOD($C4975,24)+1)/SUM(INDEX($D$3:$AA$30,INDEX(Jesper!$R$2:$R$366,ROW(INDEX(Jesper!AH$2:AH$366,ROUNDDOWN($C4975/24,0)+1,1))-1)+IF('Standard Profiles'!$G$18=$B$10,7,0)+IF('Standard Profiles'!$G$18=$B$17,14,0)+IF('Standard Profiles'!$G$18=$B$24,21,0),0)),0)</f>
        <v>6.9064097261254167</v>
      </c>
      <c r="E4975" cm="1">
        <f t="array" ref="E4975">IFERROR(INDEX(Jesper!AI$2:AI$366,ROUNDDOWN($C4975/24,0)+1,1)*INDEX($D$3:$AA$30,INDEX(Jesper!$R$2:$R$366,ROW(INDEX(Jesper!AI$2:AI$366,ROUNDDOWN($C4975/24,0)+1,1))-1)+IF('Standard Profiles'!$G$19=$B$10,7,0)+IF('Standard Profiles'!$G$19=$B$17,14,0)+IF('Standard Profiles'!$G$19=$B$24,21,0),MOD($C4975,24)+1)/SUM(INDEX($D$3:$AA$30,INDEX(Jesper!$R$2:$R$366,ROW(INDEX(Jesper!AI$2:AI$366,ROUNDDOWN($C4975/24,0)+1,1))-1)+IF('Standard Profiles'!$G$19=$B$10,7,0)+IF('Standard Profiles'!$G$19=$B$17,14,0)+IF('Standard Profiles'!$G$19=$B$24,21,0),0)),0)</f>
        <v>0</v>
      </c>
      <c r="F4975" cm="1">
        <f t="array" ref="F4975">IFERROR(INDEX(Jesper!AJ$2:AJ$366,ROUNDDOWN($C4975/24,0)+1,1)*INDEX($D$3:$AA$30,INDEX(Jesper!$R$2:$R$366,ROW(INDEX(Jesper!AJ$2:AJ$366,ROUNDDOWN($C4975/24,0)+1,1))-1)+IF('Standard Profiles'!$G$20=$B$10,7,0)+IF('Standard Profiles'!$G$20=$B$17,14,0)+IF('Standard Profiles'!$G$20=$B$24,21,0),MOD($C4975,24)+1)/SUM(INDEX($D$3:$AA$30,INDEX(Jesper!$R$2:$R$366,ROW(INDEX(Jesper!AJ$2:AJ$366,ROUNDDOWN($C4975/24,0)+1,1))-1)+IF('Standard Profiles'!$G$20=$B$10,7,0)+IF('Standard Profiles'!$G$20=$B$17,14,0)+IF('Standard Profiles'!$G$20=$B$24,21,0),0)),0)</f>
        <v>0</v>
      </c>
      <c r="G4975" cm="1">
        <f t="array" ref="G4975">IFERROR(INDEX(Jesper!AK$2:AK$366,ROUNDDOWN($C4975/24,0)+1,1)*INDEX($D$3:$AA$30,INDEX(Jesper!$R$2:$R$366,ROW(INDEX(Jesper!AK$2:AK$366,ROUNDDOWN($C4975/24,0)+1,1))-1)+IF('Standard Profiles'!$G$21=$B$10,7,0)+IF('Standard Profiles'!$G$21=$B$17,14,0)+IF('Standard Profiles'!$G$21=$B$24,21,0),MOD($C4975,24)+1)/SUM(INDEX($D$3:$AA$30,INDEX(Jesper!$R$2:$R$366,ROW(INDEX(Jesper!AK$2:AK$366,ROUNDDOWN($C4975/24,0)+1,1))-1)+IF('Standard Profiles'!$G$21=$B$10,7,0)+IF('Standard Profiles'!$G$21=$B$17,14,0)+IF('Standard Profiles'!$G$21=$B$24,21,0),0)),0)</f>
        <v>0</v>
      </c>
      <c r="H4975" cm="1">
        <f t="array" ref="H4975">IFERROR(INDEX(Jesper!AL$2:AL$366,ROUNDDOWN($C4975/24,0)+1,1)*INDEX($D$3:$AA$30,INDEX(Jesper!$R$2:$R$366,ROW(INDEX(Jesper!AL$2:AL$366,ROUNDDOWN($C4975/24,0)+1,1))-1)+IF('Standard Profiles'!$G$22=$B$10,7,0)+IF('Standard Profiles'!$G$22=$B$17,14,0)+IF('Standard Profiles'!$G$22=$B$24,21,0),MOD($C4975,24)+1)/SUM(INDEX($D$3:$AA$30,INDEX(Jesper!$R$2:$R$366,ROW(INDEX(Jesper!AL$2:AL$366,ROUNDDOWN($C4975/24,0)+1,1))-1)+IF('Standard Profiles'!$G$22=$B$10,7,0)+IF('Standard Profiles'!$G$22=$B$17,14,0)+IF('Standard Profiles'!$G$22=$B$24,21,0),0)),0)</f>
        <v>0</v>
      </c>
      <c r="I4975">
        <f t="shared" si="559"/>
        <v>0.2071922917837625</v>
      </c>
      <c r="J4975">
        <f t="shared" si="560"/>
        <v>0.69064097261254176</v>
      </c>
      <c r="K4975">
        <f t="shared" si="561"/>
        <v>1.0359614589188124</v>
      </c>
      <c r="L4975">
        <f t="shared" si="562"/>
        <v>4.9726150028102998</v>
      </c>
      <c r="M4975">
        <f t="shared" si="563"/>
        <v>0</v>
      </c>
      <c r="N4975" s="46">
        <f t="shared" si="564"/>
        <v>45497.874999988016</v>
      </c>
    </row>
    <row r="4976" spans="2:14" x14ac:dyDescent="0.3">
      <c r="B4976">
        <f t="shared" si="558"/>
        <v>3</v>
      </c>
      <c r="C4976" s="16">
        <v>4942</v>
      </c>
      <c r="D4976" cm="1">
        <f t="array" ref="D4976">IFERROR(INDEX(Jesper!AH$2:AH$366,ROUNDDOWN($C4976/24,0)+1,1)*INDEX($D$3:$AA$30,INDEX(Jesper!$R$2:$R$366,ROW(INDEX(Jesper!AH$2:AH$366,ROUNDDOWN($C4976/24,0)+1,1))-1)+IF('Standard Profiles'!$G$18=$B$10,7,0)+IF('Standard Profiles'!$G$18=$B$17,14,0)+IF('Standard Profiles'!$G$18=$B$24,21,0),MOD($C4976,24)+1)/SUM(INDEX($D$3:$AA$30,INDEX(Jesper!$R$2:$R$366,ROW(INDEX(Jesper!AH$2:AH$366,ROUNDDOWN($C4976/24,0)+1,1))-1)+IF('Standard Profiles'!$G$18=$B$10,7,0)+IF('Standard Profiles'!$G$18=$B$17,14,0)+IF('Standard Profiles'!$G$18=$B$24,21,0),0)),0)</f>
        <v>6.9064097261254167</v>
      </c>
      <c r="E4976" cm="1">
        <f t="array" ref="E4976">IFERROR(INDEX(Jesper!AI$2:AI$366,ROUNDDOWN($C4976/24,0)+1,1)*INDEX($D$3:$AA$30,INDEX(Jesper!$R$2:$R$366,ROW(INDEX(Jesper!AI$2:AI$366,ROUNDDOWN($C4976/24,0)+1,1))-1)+IF('Standard Profiles'!$G$19=$B$10,7,0)+IF('Standard Profiles'!$G$19=$B$17,14,0)+IF('Standard Profiles'!$G$19=$B$24,21,0),MOD($C4976,24)+1)/SUM(INDEX($D$3:$AA$30,INDEX(Jesper!$R$2:$R$366,ROW(INDEX(Jesper!AI$2:AI$366,ROUNDDOWN($C4976/24,0)+1,1))-1)+IF('Standard Profiles'!$G$19=$B$10,7,0)+IF('Standard Profiles'!$G$19=$B$17,14,0)+IF('Standard Profiles'!$G$19=$B$24,21,0),0)),0)</f>
        <v>0</v>
      </c>
      <c r="F4976" cm="1">
        <f t="array" ref="F4976">IFERROR(INDEX(Jesper!AJ$2:AJ$366,ROUNDDOWN($C4976/24,0)+1,1)*INDEX($D$3:$AA$30,INDEX(Jesper!$R$2:$R$366,ROW(INDEX(Jesper!AJ$2:AJ$366,ROUNDDOWN($C4976/24,0)+1,1))-1)+IF('Standard Profiles'!$G$20=$B$10,7,0)+IF('Standard Profiles'!$G$20=$B$17,14,0)+IF('Standard Profiles'!$G$20=$B$24,21,0),MOD($C4976,24)+1)/SUM(INDEX($D$3:$AA$30,INDEX(Jesper!$R$2:$R$366,ROW(INDEX(Jesper!AJ$2:AJ$366,ROUNDDOWN($C4976/24,0)+1,1))-1)+IF('Standard Profiles'!$G$20=$B$10,7,0)+IF('Standard Profiles'!$G$20=$B$17,14,0)+IF('Standard Profiles'!$G$20=$B$24,21,0),0)),0)</f>
        <v>0</v>
      </c>
      <c r="G4976" cm="1">
        <f t="array" ref="G4976">IFERROR(INDEX(Jesper!AK$2:AK$366,ROUNDDOWN($C4976/24,0)+1,1)*INDEX($D$3:$AA$30,INDEX(Jesper!$R$2:$R$366,ROW(INDEX(Jesper!AK$2:AK$366,ROUNDDOWN($C4976/24,0)+1,1))-1)+IF('Standard Profiles'!$G$21=$B$10,7,0)+IF('Standard Profiles'!$G$21=$B$17,14,0)+IF('Standard Profiles'!$G$21=$B$24,21,0),MOD($C4976,24)+1)/SUM(INDEX($D$3:$AA$30,INDEX(Jesper!$R$2:$R$366,ROW(INDEX(Jesper!AK$2:AK$366,ROUNDDOWN($C4976/24,0)+1,1))-1)+IF('Standard Profiles'!$G$21=$B$10,7,0)+IF('Standard Profiles'!$G$21=$B$17,14,0)+IF('Standard Profiles'!$G$21=$B$24,21,0),0)),0)</f>
        <v>0</v>
      </c>
      <c r="H4976" cm="1">
        <f t="array" ref="H4976">IFERROR(INDEX(Jesper!AL$2:AL$366,ROUNDDOWN($C4976/24,0)+1,1)*INDEX($D$3:$AA$30,INDEX(Jesper!$R$2:$R$366,ROW(INDEX(Jesper!AL$2:AL$366,ROUNDDOWN($C4976/24,0)+1,1))-1)+IF('Standard Profiles'!$G$22=$B$10,7,0)+IF('Standard Profiles'!$G$22=$B$17,14,0)+IF('Standard Profiles'!$G$22=$B$24,21,0),MOD($C4976,24)+1)/SUM(INDEX($D$3:$AA$30,INDEX(Jesper!$R$2:$R$366,ROW(INDEX(Jesper!AL$2:AL$366,ROUNDDOWN($C4976/24,0)+1,1))-1)+IF('Standard Profiles'!$G$22=$B$10,7,0)+IF('Standard Profiles'!$G$22=$B$17,14,0)+IF('Standard Profiles'!$G$22=$B$24,21,0),0)),0)</f>
        <v>0</v>
      </c>
      <c r="I4976">
        <f t="shared" si="559"/>
        <v>0.2071922917837625</v>
      </c>
      <c r="J4976">
        <f t="shared" si="560"/>
        <v>0.69064097261254176</v>
      </c>
      <c r="K4976">
        <f t="shared" si="561"/>
        <v>1.0359614589188124</v>
      </c>
      <c r="L4976">
        <f t="shared" si="562"/>
        <v>4.9726150028102998</v>
      </c>
      <c r="M4976">
        <f t="shared" si="563"/>
        <v>0</v>
      </c>
      <c r="N4976" s="46">
        <f t="shared" si="564"/>
        <v>45497.916666654681</v>
      </c>
    </row>
    <row r="4977" spans="2:14" x14ac:dyDescent="0.3">
      <c r="B4977">
        <f t="shared" si="558"/>
        <v>3</v>
      </c>
      <c r="C4977" s="16">
        <v>4943</v>
      </c>
      <c r="D4977" cm="1">
        <f t="array" ref="D4977">IFERROR(INDEX(Jesper!AH$2:AH$366,ROUNDDOWN($C4977/24,0)+1,1)*INDEX($D$3:$AA$30,INDEX(Jesper!$R$2:$R$366,ROW(INDEX(Jesper!AH$2:AH$366,ROUNDDOWN($C4977/24,0)+1,1))-1)+IF('Standard Profiles'!$G$18=$B$10,7,0)+IF('Standard Profiles'!$G$18=$B$17,14,0)+IF('Standard Profiles'!$G$18=$B$24,21,0),MOD($C4977,24)+1)/SUM(INDEX($D$3:$AA$30,INDEX(Jesper!$R$2:$R$366,ROW(INDEX(Jesper!AH$2:AH$366,ROUNDDOWN($C4977/24,0)+1,1))-1)+IF('Standard Profiles'!$G$18=$B$10,7,0)+IF('Standard Profiles'!$G$18=$B$17,14,0)+IF('Standard Profiles'!$G$18=$B$24,21,0),0)),0)</f>
        <v>6.9064097261254167</v>
      </c>
      <c r="E4977" cm="1">
        <f t="array" ref="E4977">IFERROR(INDEX(Jesper!AI$2:AI$366,ROUNDDOWN($C4977/24,0)+1,1)*INDEX($D$3:$AA$30,INDEX(Jesper!$R$2:$R$366,ROW(INDEX(Jesper!AI$2:AI$366,ROUNDDOWN($C4977/24,0)+1,1))-1)+IF('Standard Profiles'!$G$19=$B$10,7,0)+IF('Standard Profiles'!$G$19=$B$17,14,0)+IF('Standard Profiles'!$G$19=$B$24,21,0),MOD($C4977,24)+1)/SUM(INDEX($D$3:$AA$30,INDEX(Jesper!$R$2:$R$366,ROW(INDEX(Jesper!AI$2:AI$366,ROUNDDOWN($C4977/24,0)+1,1))-1)+IF('Standard Profiles'!$G$19=$B$10,7,0)+IF('Standard Profiles'!$G$19=$B$17,14,0)+IF('Standard Profiles'!$G$19=$B$24,21,0),0)),0)</f>
        <v>0</v>
      </c>
      <c r="F4977" cm="1">
        <f t="array" ref="F4977">IFERROR(INDEX(Jesper!AJ$2:AJ$366,ROUNDDOWN($C4977/24,0)+1,1)*INDEX($D$3:$AA$30,INDEX(Jesper!$R$2:$R$366,ROW(INDEX(Jesper!AJ$2:AJ$366,ROUNDDOWN($C4977/24,0)+1,1))-1)+IF('Standard Profiles'!$G$20=$B$10,7,0)+IF('Standard Profiles'!$G$20=$B$17,14,0)+IF('Standard Profiles'!$G$20=$B$24,21,0),MOD($C4977,24)+1)/SUM(INDEX($D$3:$AA$30,INDEX(Jesper!$R$2:$R$366,ROW(INDEX(Jesper!AJ$2:AJ$366,ROUNDDOWN($C4977/24,0)+1,1))-1)+IF('Standard Profiles'!$G$20=$B$10,7,0)+IF('Standard Profiles'!$G$20=$B$17,14,0)+IF('Standard Profiles'!$G$20=$B$24,21,0),0)),0)</f>
        <v>0</v>
      </c>
      <c r="G4977" cm="1">
        <f t="array" ref="G4977">IFERROR(INDEX(Jesper!AK$2:AK$366,ROUNDDOWN($C4977/24,0)+1,1)*INDEX($D$3:$AA$30,INDEX(Jesper!$R$2:$R$366,ROW(INDEX(Jesper!AK$2:AK$366,ROUNDDOWN($C4977/24,0)+1,1))-1)+IF('Standard Profiles'!$G$21=$B$10,7,0)+IF('Standard Profiles'!$G$21=$B$17,14,0)+IF('Standard Profiles'!$G$21=$B$24,21,0),MOD($C4977,24)+1)/SUM(INDEX($D$3:$AA$30,INDEX(Jesper!$R$2:$R$366,ROW(INDEX(Jesper!AK$2:AK$366,ROUNDDOWN($C4977/24,0)+1,1))-1)+IF('Standard Profiles'!$G$21=$B$10,7,0)+IF('Standard Profiles'!$G$21=$B$17,14,0)+IF('Standard Profiles'!$G$21=$B$24,21,0),0)),0)</f>
        <v>0</v>
      </c>
      <c r="H4977" cm="1">
        <f t="array" ref="H4977">IFERROR(INDEX(Jesper!AL$2:AL$366,ROUNDDOWN($C4977/24,0)+1,1)*INDEX($D$3:$AA$30,INDEX(Jesper!$R$2:$R$366,ROW(INDEX(Jesper!AL$2:AL$366,ROUNDDOWN($C4977/24,0)+1,1))-1)+IF('Standard Profiles'!$G$22=$B$10,7,0)+IF('Standard Profiles'!$G$22=$B$17,14,0)+IF('Standard Profiles'!$G$22=$B$24,21,0),MOD($C4977,24)+1)/SUM(INDEX($D$3:$AA$30,INDEX(Jesper!$R$2:$R$366,ROW(INDEX(Jesper!AL$2:AL$366,ROUNDDOWN($C4977/24,0)+1,1))-1)+IF('Standard Profiles'!$G$22=$B$10,7,0)+IF('Standard Profiles'!$G$22=$B$17,14,0)+IF('Standard Profiles'!$G$22=$B$24,21,0),0)),0)</f>
        <v>0</v>
      </c>
      <c r="I4977">
        <f t="shared" si="559"/>
        <v>0.2071922917837625</v>
      </c>
      <c r="J4977">
        <f t="shared" si="560"/>
        <v>0.69064097261254176</v>
      </c>
      <c r="K4977">
        <f t="shared" si="561"/>
        <v>1.0359614589188124</v>
      </c>
      <c r="L4977">
        <f t="shared" si="562"/>
        <v>4.9726150028102998</v>
      </c>
      <c r="M4977">
        <f t="shared" si="563"/>
        <v>0</v>
      </c>
      <c r="N4977" s="46">
        <f t="shared" si="564"/>
        <v>45497.958333321345</v>
      </c>
    </row>
    <row r="4978" spans="2:14" x14ac:dyDescent="0.3">
      <c r="B4978">
        <f t="shared" si="558"/>
        <v>4</v>
      </c>
      <c r="C4978" s="16">
        <v>4944</v>
      </c>
      <c r="D4978" cm="1">
        <f t="array" ref="D4978">IFERROR(INDEX(Jesper!AH$2:AH$366,ROUNDDOWN($C4978/24,0)+1,1)*INDEX($D$3:$AA$30,INDEX(Jesper!$R$2:$R$366,ROW(INDEX(Jesper!AH$2:AH$366,ROUNDDOWN($C4978/24,0)+1,1))-1)+IF('Standard Profiles'!$G$18=$B$10,7,0)+IF('Standard Profiles'!$G$18=$B$17,14,0)+IF('Standard Profiles'!$G$18=$B$24,21,0),MOD($C4978,24)+1)/SUM(INDEX($D$3:$AA$30,INDEX(Jesper!$R$2:$R$366,ROW(INDEX(Jesper!AH$2:AH$366,ROUNDDOWN($C4978/24,0)+1,1))-1)+IF('Standard Profiles'!$G$18=$B$10,7,0)+IF('Standard Profiles'!$G$18=$B$17,14,0)+IF('Standard Profiles'!$G$18=$B$24,21,0),0)),0)</f>
        <v>6.802647941679175</v>
      </c>
      <c r="E4978" cm="1">
        <f t="array" ref="E4978">IFERROR(INDEX(Jesper!AI$2:AI$366,ROUNDDOWN($C4978/24,0)+1,1)*INDEX($D$3:$AA$30,INDEX(Jesper!$R$2:$R$366,ROW(INDEX(Jesper!AI$2:AI$366,ROUNDDOWN($C4978/24,0)+1,1))-1)+IF('Standard Profiles'!$G$19=$B$10,7,0)+IF('Standard Profiles'!$G$19=$B$17,14,0)+IF('Standard Profiles'!$G$19=$B$24,21,0),MOD($C4978,24)+1)/SUM(INDEX($D$3:$AA$30,INDEX(Jesper!$R$2:$R$366,ROW(INDEX(Jesper!AI$2:AI$366,ROUNDDOWN($C4978/24,0)+1,1))-1)+IF('Standard Profiles'!$G$19=$B$10,7,0)+IF('Standard Profiles'!$G$19=$B$17,14,0)+IF('Standard Profiles'!$G$19=$B$24,21,0),0)),0)</f>
        <v>0</v>
      </c>
      <c r="F4978" cm="1">
        <f t="array" ref="F4978">IFERROR(INDEX(Jesper!AJ$2:AJ$366,ROUNDDOWN($C4978/24,0)+1,1)*INDEX($D$3:$AA$30,INDEX(Jesper!$R$2:$R$366,ROW(INDEX(Jesper!AJ$2:AJ$366,ROUNDDOWN($C4978/24,0)+1,1))-1)+IF('Standard Profiles'!$G$20=$B$10,7,0)+IF('Standard Profiles'!$G$20=$B$17,14,0)+IF('Standard Profiles'!$G$20=$B$24,21,0),MOD($C4978,24)+1)/SUM(INDEX($D$3:$AA$30,INDEX(Jesper!$R$2:$R$366,ROW(INDEX(Jesper!AJ$2:AJ$366,ROUNDDOWN($C4978/24,0)+1,1))-1)+IF('Standard Profiles'!$G$20=$B$10,7,0)+IF('Standard Profiles'!$G$20=$B$17,14,0)+IF('Standard Profiles'!$G$20=$B$24,21,0),0)),0)</f>
        <v>0</v>
      </c>
      <c r="G4978" cm="1">
        <f t="array" ref="G4978">IFERROR(INDEX(Jesper!AK$2:AK$366,ROUNDDOWN($C4978/24,0)+1,1)*INDEX($D$3:$AA$30,INDEX(Jesper!$R$2:$R$366,ROW(INDEX(Jesper!AK$2:AK$366,ROUNDDOWN($C4978/24,0)+1,1))-1)+IF('Standard Profiles'!$G$21=$B$10,7,0)+IF('Standard Profiles'!$G$21=$B$17,14,0)+IF('Standard Profiles'!$G$21=$B$24,21,0),MOD($C4978,24)+1)/SUM(INDEX($D$3:$AA$30,INDEX(Jesper!$R$2:$R$366,ROW(INDEX(Jesper!AK$2:AK$366,ROUNDDOWN($C4978/24,0)+1,1))-1)+IF('Standard Profiles'!$G$21=$B$10,7,0)+IF('Standard Profiles'!$G$21=$B$17,14,0)+IF('Standard Profiles'!$G$21=$B$24,21,0),0)),0)</f>
        <v>0</v>
      </c>
      <c r="H4978" cm="1">
        <f t="array" ref="H4978">IFERROR(INDEX(Jesper!AL$2:AL$366,ROUNDDOWN($C4978/24,0)+1,1)*INDEX($D$3:$AA$30,INDEX(Jesper!$R$2:$R$366,ROW(INDEX(Jesper!AL$2:AL$366,ROUNDDOWN($C4978/24,0)+1,1))-1)+IF('Standard Profiles'!$G$22=$B$10,7,0)+IF('Standard Profiles'!$G$22=$B$17,14,0)+IF('Standard Profiles'!$G$22=$B$24,21,0),MOD($C4978,24)+1)/SUM(INDEX($D$3:$AA$30,INDEX(Jesper!$R$2:$R$366,ROW(INDEX(Jesper!AL$2:AL$366,ROUNDDOWN($C4978/24,0)+1,1))-1)+IF('Standard Profiles'!$G$22=$B$10,7,0)+IF('Standard Profiles'!$G$22=$B$17,14,0)+IF('Standard Profiles'!$G$22=$B$24,21,0),0)),0)</f>
        <v>0</v>
      </c>
      <c r="I4978">
        <f t="shared" si="559"/>
        <v>0.20407943825037525</v>
      </c>
      <c r="J4978">
        <f t="shared" si="560"/>
        <v>0.68026479416791752</v>
      </c>
      <c r="K4978">
        <f t="shared" si="561"/>
        <v>1.0203971912518761</v>
      </c>
      <c r="L4978">
        <f t="shared" si="562"/>
        <v>4.8979065180090062</v>
      </c>
      <c r="M4978">
        <f t="shared" si="563"/>
        <v>0</v>
      </c>
      <c r="N4978" s="46">
        <f t="shared" si="564"/>
        <v>45497.999999988009</v>
      </c>
    </row>
    <row r="4979" spans="2:14" x14ac:dyDescent="0.3">
      <c r="B4979">
        <f t="shared" si="558"/>
        <v>4</v>
      </c>
      <c r="C4979" s="16">
        <v>4945</v>
      </c>
      <c r="D4979" cm="1">
        <f t="array" ref="D4979">IFERROR(INDEX(Jesper!AH$2:AH$366,ROUNDDOWN($C4979/24,0)+1,1)*INDEX($D$3:$AA$30,INDEX(Jesper!$R$2:$R$366,ROW(INDEX(Jesper!AH$2:AH$366,ROUNDDOWN($C4979/24,0)+1,1))-1)+IF('Standard Profiles'!$G$18=$B$10,7,0)+IF('Standard Profiles'!$G$18=$B$17,14,0)+IF('Standard Profiles'!$G$18=$B$24,21,0),MOD($C4979,24)+1)/SUM(INDEX($D$3:$AA$30,INDEX(Jesper!$R$2:$R$366,ROW(INDEX(Jesper!AH$2:AH$366,ROUNDDOWN($C4979/24,0)+1,1))-1)+IF('Standard Profiles'!$G$18=$B$10,7,0)+IF('Standard Profiles'!$G$18=$B$17,14,0)+IF('Standard Profiles'!$G$18=$B$24,21,0),0)),0)</f>
        <v>6.802647941679175</v>
      </c>
      <c r="E4979" cm="1">
        <f t="array" ref="E4979">IFERROR(INDEX(Jesper!AI$2:AI$366,ROUNDDOWN($C4979/24,0)+1,1)*INDEX($D$3:$AA$30,INDEX(Jesper!$R$2:$R$366,ROW(INDEX(Jesper!AI$2:AI$366,ROUNDDOWN($C4979/24,0)+1,1))-1)+IF('Standard Profiles'!$G$19=$B$10,7,0)+IF('Standard Profiles'!$G$19=$B$17,14,0)+IF('Standard Profiles'!$G$19=$B$24,21,0),MOD($C4979,24)+1)/SUM(INDEX($D$3:$AA$30,INDEX(Jesper!$R$2:$R$366,ROW(INDEX(Jesper!AI$2:AI$366,ROUNDDOWN($C4979/24,0)+1,1))-1)+IF('Standard Profiles'!$G$19=$B$10,7,0)+IF('Standard Profiles'!$G$19=$B$17,14,0)+IF('Standard Profiles'!$G$19=$B$24,21,0),0)),0)</f>
        <v>0</v>
      </c>
      <c r="F4979" cm="1">
        <f t="array" ref="F4979">IFERROR(INDEX(Jesper!AJ$2:AJ$366,ROUNDDOWN($C4979/24,0)+1,1)*INDEX($D$3:$AA$30,INDEX(Jesper!$R$2:$R$366,ROW(INDEX(Jesper!AJ$2:AJ$366,ROUNDDOWN($C4979/24,0)+1,1))-1)+IF('Standard Profiles'!$G$20=$B$10,7,0)+IF('Standard Profiles'!$G$20=$B$17,14,0)+IF('Standard Profiles'!$G$20=$B$24,21,0),MOD($C4979,24)+1)/SUM(INDEX($D$3:$AA$30,INDEX(Jesper!$R$2:$R$366,ROW(INDEX(Jesper!AJ$2:AJ$366,ROUNDDOWN($C4979/24,0)+1,1))-1)+IF('Standard Profiles'!$G$20=$B$10,7,0)+IF('Standard Profiles'!$G$20=$B$17,14,0)+IF('Standard Profiles'!$G$20=$B$24,21,0),0)),0)</f>
        <v>0</v>
      </c>
      <c r="G4979" cm="1">
        <f t="array" ref="G4979">IFERROR(INDEX(Jesper!AK$2:AK$366,ROUNDDOWN($C4979/24,0)+1,1)*INDEX($D$3:$AA$30,INDEX(Jesper!$R$2:$R$366,ROW(INDEX(Jesper!AK$2:AK$366,ROUNDDOWN($C4979/24,0)+1,1))-1)+IF('Standard Profiles'!$G$21=$B$10,7,0)+IF('Standard Profiles'!$G$21=$B$17,14,0)+IF('Standard Profiles'!$G$21=$B$24,21,0),MOD($C4979,24)+1)/SUM(INDEX($D$3:$AA$30,INDEX(Jesper!$R$2:$R$366,ROW(INDEX(Jesper!AK$2:AK$366,ROUNDDOWN($C4979/24,0)+1,1))-1)+IF('Standard Profiles'!$G$21=$B$10,7,0)+IF('Standard Profiles'!$G$21=$B$17,14,0)+IF('Standard Profiles'!$G$21=$B$24,21,0),0)),0)</f>
        <v>0</v>
      </c>
      <c r="H4979" cm="1">
        <f t="array" ref="H4979">IFERROR(INDEX(Jesper!AL$2:AL$366,ROUNDDOWN($C4979/24,0)+1,1)*INDEX($D$3:$AA$30,INDEX(Jesper!$R$2:$R$366,ROW(INDEX(Jesper!AL$2:AL$366,ROUNDDOWN($C4979/24,0)+1,1))-1)+IF('Standard Profiles'!$G$22=$B$10,7,0)+IF('Standard Profiles'!$G$22=$B$17,14,0)+IF('Standard Profiles'!$G$22=$B$24,21,0),MOD($C4979,24)+1)/SUM(INDEX($D$3:$AA$30,INDEX(Jesper!$R$2:$R$366,ROW(INDEX(Jesper!AL$2:AL$366,ROUNDDOWN($C4979/24,0)+1,1))-1)+IF('Standard Profiles'!$G$22=$B$10,7,0)+IF('Standard Profiles'!$G$22=$B$17,14,0)+IF('Standard Profiles'!$G$22=$B$24,21,0),0)),0)</f>
        <v>0</v>
      </c>
      <c r="I4979">
        <f t="shared" si="559"/>
        <v>0.20407943825037525</v>
      </c>
      <c r="J4979">
        <f t="shared" si="560"/>
        <v>0.68026479416791752</v>
      </c>
      <c r="K4979">
        <f t="shared" si="561"/>
        <v>1.0203971912518761</v>
      </c>
      <c r="L4979">
        <f t="shared" si="562"/>
        <v>4.8979065180090062</v>
      </c>
      <c r="M4979">
        <f t="shared" si="563"/>
        <v>0</v>
      </c>
      <c r="N4979" s="46">
        <f t="shared" si="564"/>
        <v>45498.041666654673</v>
      </c>
    </row>
    <row r="4980" spans="2:14" x14ac:dyDescent="0.3">
      <c r="B4980">
        <f t="shared" si="558"/>
        <v>4</v>
      </c>
      <c r="C4980" s="16">
        <v>4946</v>
      </c>
      <c r="D4980" cm="1">
        <f t="array" ref="D4980">IFERROR(INDEX(Jesper!AH$2:AH$366,ROUNDDOWN($C4980/24,0)+1,1)*INDEX($D$3:$AA$30,INDEX(Jesper!$R$2:$R$366,ROW(INDEX(Jesper!AH$2:AH$366,ROUNDDOWN($C4980/24,0)+1,1))-1)+IF('Standard Profiles'!$G$18=$B$10,7,0)+IF('Standard Profiles'!$G$18=$B$17,14,0)+IF('Standard Profiles'!$G$18=$B$24,21,0),MOD($C4980,24)+1)/SUM(INDEX($D$3:$AA$30,INDEX(Jesper!$R$2:$R$366,ROW(INDEX(Jesper!AH$2:AH$366,ROUNDDOWN($C4980/24,0)+1,1))-1)+IF('Standard Profiles'!$G$18=$B$10,7,0)+IF('Standard Profiles'!$G$18=$B$17,14,0)+IF('Standard Profiles'!$G$18=$B$24,21,0),0)),0)</f>
        <v>6.802647941679175</v>
      </c>
      <c r="E4980" cm="1">
        <f t="array" ref="E4980">IFERROR(INDEX(Jesper!AI$2:AI$366,ROUNDDOWN($C4980/24,0)+1,1)*INDEX($D$3:$AA$30,INDEX(Jesper!$R$2:$R$366,ROW(INDEX(Jesper!AI$2:AI$366,ROUNDDOWN($C4980/24,0)+1,1))-1)+IF('Standard Profiles'!$G$19=$B$10,7,0)+IF('Standard Profiles'!$G$19=$B$17,14,0)+IF('Standard Profiles'!$G$19=$B$24,21,0),MOD($C4980,24)+1)/SUM(INDEX($D$3:$AA$30,INDEX(Jesper!$R$2:$R$366,ROW(INDEX(Jesper!AI$2:AI$366,ROUNDDOWN($C4980/24,0)+1,1))-1)+IF('Standard Profiles'!$G$19=$B$10,7,0)+IF('Standard Profiles'!$G$19=$B$17,14,0)+IF('Standard Profiles'!$G$19=$B$24,21,0),0)),0)</f>
        <v>0</v>
      </c>
      <c r="F4980" cm="1">
        <f t="array" ref="F4980">IFERROR(INDEX(Jesper!AJ$2:AJ$366,ROUNDDOWN($C4980/24,0)+1,1)*INDEX($D$3:$AA$30,INDEX(Jesper!$R$2:$R$366,ROW(INDEX(Jesper!AJ$2:AJ$366,ROUNDDOWN($C4980/24,0)+1,1))-1)+IF('Standard Profiles'!$G$20=$B$10,7,0)+IF('Standard Profiles'!$G$20=$B$17,14,0)+IF('Standard Profiles'!$G$20=$B$24,21,0),MOD($C4980,24)+1)/SUM(INDEX($D$3:$AA$30,INDEX(Jesper!$R$2:$R$366,ROW(INDEX(Jesper!AJ$2:AJ$366,ROUNDDOWN($C4980/24,0)+1,1))-1)+IF('Standard Profiles'!$G$20=$B$10,7,0)+IF('Standard Profiles'!$G$20=$B$17,14,0)+IF('Standard Profiles'!$G$20=$B$24,21,0),0)),0)</f>
        <v>0</v>
      </c>
      <c r="G4980" cm="1">
        <f t="array" ref="G4980">IFERROR(INDEX(Jesper!AK$2:AK$366,ROUNDDOWN($C4980/24,0)+1,1)*INDEX($D$3:$AA$30,INDEX(Jesper!$R$2:$R$366,ROW(INDEX(Jesper!AK$2:AK$366,ROUNDDOWN($C4980/24,0)+1,1))-1)+IF('Standard Profiles'!$G$21=$B$10,7,0)+IF('Standard Profiles'!$G$21=$B$17,14,0)+IF('Standard Profiles'!$G$21=$B$24,21,0),MOD($C4980,24)+1)/SUM(INDEX($D$3:$AA$30,INDEX(Jesper!$R$2:$R$366,ROW(INDEX(Jesper!AK$2:AK$366,ROUNDDOWN($C4980/24,0)+1,1))-1)+IF('Standard Profiles'!$G$21=$B$10,7,0)+IF('Standard Profiles'!$G$21=$B$17,14,0)+IF('Standard Profiles'!$G$21=$B$24,21,0),0)),0)</f>
        <v>0</v>
      </c>
      <c r="H4980" cm="1">
        <f t="array" ref="H4980">IFERROR(INDEX(Jesper!AL$2:AL$366,ROUNDDOWN($C4980/24,0)+1,1)*INDEX($D$3:$AA$30,INDEX(Jesper!$R$2:$R$366,ROW(INDEX(Jesper!AL$2:AL$366,ROUNDDOWN($C4980/24,0)+1,1))-1)+IF('Standard Profiles'!$G$22=$B$10,7,0)+IF('Standard Profiles'!$G$22=$B$17,14,0)+IF('Standard Profiles'!$G$22=$B$24,21,0),MOD($C4980,24)+1)/SUM(INDEX($D$3:$AA$30,INDEX(Jesper!$R$2:$R$366,ROW(INDEX(Jesper!AL$2:AL$366,ROUNDDOWN($C4980/24,0)+1,1))-1)+IF('Standard Profiles'!$G$22=$B$10,7,0)+IF('Standard Profiles'!$G$22=$B$17,14,0)+IF('Standard Profiles'!$G$22=$B$24,21,0),0)),0)</f>
        <v>0</v>
      </c>
      <c r="I4980">
        <f t="shared" si="559"/>
        <v>0.20407943825037525</v>
      </c>
      <c r="J4980">
        <f t="shared" si="560"/>
        <v>0.68026479416791752</v>
      </c>
      <c r="K4980">
        <f t="shared" si="561"/>
        <v>1.0203971912518761</v>
      </c>
      <c r="L4980">
        <f t="shared" si="562"/>
        <v>4.8979065180090062</v>
      </c>
      <c r="M4980">
        <f t="shared" si="563"/>
        <v>0</v>
      </c>
      <c r="N4980" s="46">
        <f t="shared" si="564"/>
        <v>45498.083333321338</v>
      </c>
    </row>
    <row r="4981" spans="2:14" x14ac:dyDescent="0.3">
      <c r="B4981">
        <f t="shared" si="558"/>
        <v>4</v>
      </c>
      <c r="C4981" s="16">
        <v>4947</v>
      </c>
      <c r="D4981" cm="1">
        <f t="array" ref="D4981">IFERROR(INDEX(Jesper!AH$2:AH$366,ROUNDDOWN($C4981/24,0)+1,1)*INDEX($D$3:$AA$30,INDEX(Jesper!$R$2:$R$366,ROW(INDEX(Jesper!AH$2:AH$366,ROUNDDOWN($C4981/24,0)+1,1))-1)+IF('Standard Profiles'!$G$18=$B$10,7,0)+IF('Standard Profiles'!$G$18=$B$17,14,0)+IF('Standard Profiles'!$G$18=$B$24,21,0),MOD($C4981,24)+1)/SUM(INDEX($D$3:$AA$30,INDEX(Jesper!$R$2:$R$366,ROW(INDEX(Jesper!AH$2:AH$366,ROUNDDOWN($C4981/24,0)+1,1))-1)+IF('Standard Profiles'!$G$18=$B$10,7,0)+IF('Standard Profiles'!$G$18=$B$17,14,0)+IF('Standard Profiles'!$G$18=$B$24,21,0),0)),0)</f>
        <v>6.802647941679175</v>
      </c>
      <c r="E4981" cm="1">
        <f t="array" ref="E4981">IFERROR(INDEX(Jesper!AI$2:AI$366,ROUNDDOWN($C4981/24,0)+1,1)*INDEX($D$3:$AA$30,INDEX(Jesper!$R$2:$R$366,ROW(INDEX(Jesper!AI$2:AI$366,ROUNDDOWN($C4981/24,0)+1,1))-1)+IF('Standard Profiles'!$G$19=$B$10,7,0)+IF('Standard Profiles'!$G$19=$B$17,14,0)+IF('Standard Profiles'!$G$19=$B$24,21,0),MOD($C4981,24)+1)/SUM(INDEX($D$3:$AA$30,INDEX(Jesper!$R$2:$R$366,ROW(INDEX(Jesper!AI$2:AI$366,ROUNDDOWN($C4981/24,0)+1,1))-1)+IF('Standard Profiles'!$G$19=$B$10,7,0)+IF('Standard Profiles'!$G$19=$B$17,14,0)+IF('Standard Profiles'!$G$19=$B$24,21,0),0)),0)</f>
        <v>0</v>
      </c>
      <c r="F4981" cm="1">
        <f t="array" ref="F4981">IFERROR(INDEX(Jesper!AJ$2:AJ$366,ROUNDDOWN($C4981/24,0)+1,1)*INDEX($D$3:$AA$30,INDEX(Jesper!$R$2:$R$366,ROW(INDEX(Jesper!AJ$2:AJ$366,ROUNDDOWN($C4981/24,0)+1,1))-1)+IF('Standard Profiles'!$G$20=$B$10,7,0)+IF('Standard Profiles'!$G$20=$B$17,14,0)+IF('Standard Profiles'!$G$20=$B$24,21,0),MOD($C4981,24)+1)/SUM(INDEX($D$3:$AA$30,INDEX(Jesper!$R$2:$R$366,ROW(INDEX(Jesper!AJ$2:AJ$366,ROUNDDOWN($C4981/24,0)+1,1))-1)+IF('Standard Profiles'!$G$20=$B$10,7,0)+IF('Standard Profiles'!$G$20=$B$17,14,0)+IF('Standard Profiles'!$G$20=$B$24,21,0),0)),0)</f>
        <v>0</v>
      </c>
      <c r="G4981" cm="1">
        <f t="array" ref="G4981">IFERROR(INDEX(Jesper!AK$2:AK$366,ROUNDDOWN($C4981/24,0)+1,1)*INDEX($D$3:$AA$30,INDEX(Jesper!$R$2:$R$366,ROW(INDEX(Jesper!AK$2:AK$366,ROUNDDOWN($C4981/24,0)+1,1))-1)+IF('Standard Profiles'!$G$21=$B$10,7,0)+IF('Standard Profiles'!$G$21=$B$17,14,0)+IF('Standard Profiles'!$G$21=$B$24,21,0),MOD($C4981,24)+1)/SUM(INDEX($D$3:$AA$30,INDEX(Jesper!$R$2:$R$366,ROW(INDEX(Jesper!AK$2:AK$366,ROUNDDOWN($C4981/24,0)+1,1))-1)+IF('Standard Profiles'!$G$21=$B$10,7,0)+IF('Standard Profiles'!$G$21=$B$17,14,0)+IF('Standard Profiles'!$G$21=$B$24,21,0),0)),0)</f>
        <v>0</v>
      </c>
      <c r="H4981" cm="1">
        <f t="array" ref="H4981">IFERROR(INDEX(Jesper!AL$2:AL$366,ROUNDDOWN($C4981/24,0)+1,1)*INDEX($D$3:$AA$30,INDEX(Jesper!$R$2:$R$366,ROW(INDEX(Jesper!AL$2:AL$366,ROUNDDOWN($C4981/24,0)+1,1))-1)+IF('Standard Profiles'!$G$22=$B$10,7,0)+IF('Standard Profiles'!$G$22=$B$17,14,0)+IF('Standard Profiles'!$G$22=$B$24,21,0),MOD($C4981,24)+1)/SUM(INDEX($D$3:$AA$30,INDEX(Jesper!$R$2:$R$366,ROW(INDEX(Jesper!AL$2:AL$366,ROUNDDOWN($C4981/24,0)+1,1))-1)+IF('Standard Profiles'!$G$22=$B$10,7,0)+IF('Standard Profiles'!$G$22=$B$17,14,0)+IF('Standard Profiles'!$G$22=$B$24,21,0),0)),0)</f>
        <v>0</v>
      </c>
      <c r="I4981">
        <f t="shared" si="559"/>
        <v>0.20407943825037525</v>
      </c>
      <c r="J4981">
        <f t="shared" si="560"/>
        <v>0.68026479416791752</v>
      </c>
      <c r="K4981">
        <f t="shared" si="561"/>
        <v>1.0203971912518761</v>
      </c>
      <c r="L4981">
        <f t="shared" si="562"/>
        <v>4.8979065180090062</v>
      </c>
      <c r="M4981">
        <f t="shared" si="563"/>
        <v>0</v>
      </c>
      <c r="N4981" s="46">
        <f t="shared" si="564"/>
        <v>45498.124999988002</v>
      </c>
    </row>
    <row r="4982" spans="2:14" x14ac:dyDescent="0.3">
      <c r="B4982">
        <f t="shared" si="558"/>
        <v>4</v>
      </c>
      <c r="C4982" s="16">
        <v>4948</v>
      </c>
      <c r="D4982" cm="1">
        <f t="array" ref="D4982">IFERROR(INDEX(Jesper!AH$2:AH$366,ROUNDDOWN($C4982/24,0)+1,1)*INDEX($D$3:$AA$30,INDEX(Jesper!$R$2:$R$366,ROW(INDEX(Jesper!AH$2:AH$366,ROUNDDOWN($C4982/24,0)+1,1))-1)+IF('Standard Profiles'!$G$18=$B$10,7,0)+IF('Standard Profiles'!$G$18=$B$17,14,0)+IF('Standard Profiles'!$G$18=$B$24,21,0),MOD($C4982,24)+1)/SUM(INDEX($D$3:$AA$30,INDEX(Jesper!$R$2:$R$366,ROW(INDEX(Jesper!AH$2:AH$366,ROUNDDOWN($C4982/24,0)+1,1))-1)+IF('Standard Profiles'!$G$18=$B$10,7,0)+IF('Standard Profiles'!$G$18=$B$17,14,0)+IF('Standard Profiles'!$G$18=$B$24,21,0),0)),0)</f>
        <v>6.802647941679175</v>
      </c>
      <c r="E4982" cm="1">
        <f t="array" ref="E4982">IFERROR(INDEX(Jesper!AI$2:AI$366,ROUNDDOWN($C4982/24,0)+1,1)*INDEX($D$3:$AA$30,INDEX(Jesper!$R$2:$R$366,ROW(INDEX(Jesper!AI$2:AI$366,ROUNDDOWN($C4982/24,0)+1,1))-1)+IF('Standard Profiles'!$G$19=$B$10,7,0)+IF('Standard Profiles'!$G$19=$B$17,14,0)+IF('Standard Profiles'!$G$19=$B$24,21,0),MOD($C4982,24)+1)/SUM(INDEX($D$3:$AA$30,INDEX(Jesper!$R$2:$R$366,ROW(INDEX(Jesper!AI$2:AI$366,ROUNDDOWN($C4982/24,0)+1,1))-1)+IF('Standard Profiles'!$G$19=$B$10,7,0)+IF('Standard Profiles'!$G$19=$B$17,14,0)+IF('Standard Profiles'!$G$19=$B$24,21,0),0)),0)</f>
        <v>0</v>
      </c>
      <c r="F4982" cm="1">
        <f t="array" ref="F4982">IFERROR(INDEX(Jesper!AJ$2:AJ$366,ROUNDDOWN($C4982/24,0)+1,1)*INDEX($D$3:$AA$30,INDEX(Jesper!$R$2:$R$366,ROW(INDEX(Jesper!AJ$2:AJ$366,ROUNDDOWN($C4982/24,0)+1,1))-1)+IF('Standard Profiles'!$G$20=$B$10,7,0)+IF('Standard Profiles'!$G$20=$B$17,14,0)+IF('Standard Profiles'!$G$20=$B$24,21,0),MOD($C4982,24)+1)/SUM(INDEX($D$3:$AA$30,INDEX(Jesper!$R$2:$R$366,ROW(INDEX(Jesper!AJ$2:AJ$366,ROUNDDOWN($C4982/24,0)+1,1))-1)+IF('Standard Profiles'!$G$20=$B$10,7,0)+IF('Standard Profiles'!$G$20=$B$17,14,0)+IF('Standard Profiles'!$G$20=$B$24,21,0),0)),0)</f>
        <v>0</v>
      </c>
      <c r="G4982" cm="1">
        <f t="array" ref="G4982">IFERROR(INDEX(Jesper!AK$2:AK$366,ROUNDDOWN($C4982/24,0)+1,1)*INDEX($D$3:$AA$30,INDEX(Jesper!$R$2:$R$366,ROW(INDEX(Jesper!AK$2:AK$366,ROUNDDOWN($C4982/24,0)+1,1))-1)+IF('Standard Profiles'!$G$21=$B$10,7,0)+IF('Standard Profiles'!$G$21=$B$17,14,0)+IF('Standard Profiles'!$G$21=$B$24,21,0),MOD($C4982,24)+1)/SUM(INDEX($D$3:$AA$30,INDEX(Jesper!$R$2:$R$366,ROW(INDEX(Jesper!AK$2:AK$366,ROUNDDOWN($C4982/24,0)+1,1))-1)+IF('Standard Profiles'!$G$21=$B$10,7,0)+IF('Standard Profiles'!$G$21=$B$17,14,0)+IF('Standard Profiles'!$G$21=$B$24,21,0),0)),0)</f>
        <v>0</v>
      </c>
      <c r="H4982" cm="1">
        <f t="array" ref="H4982">IFERROR(INDEX(Jesper!AL$2:AL$366,ROUNDDOWN($C4982/24,0)+1,1)*INDEX($D$3:$AA$30,INDEX(Jesper!$R$2:$R$366,ROW(INDEX(Jesper!AL$2:AL$366,ROUNDDOWN($C4982/24,0)+1,1))-1)+IF('Standard Profiles'!$G$22=$B$10,7,0)+IF('Standard Profiles'!$G$22=$B$17,14,0)+IF('Standard Profiles'!$G$22=$B$24,21,0),MOD($C4982,24)+1)/SUM(INDEX($D$3:$AA$30,INDEX(Jesper!$R$2:$R$366,ROW(INDEX(Jesper!AL$2:AL$366,ROUNDDOWN($C4982/24,0)+1,1))-1)+IF('Standard Profiles'!$G$22=$B$10,7,0)+IF('Standard Profiles'!$G$22=$B$17,14,0)+IF('Standard Profiles'!$G$22=$B$24,21,0),0)),0)</f>
        <v>0</v>
      </c>
      <c r="I4982">
        <f t="shared" si="559"/>
        <v>0.20407943825037525</v>
      </c>
      <c r="J4982">
        <f t="shared" si="560"/>
        <v>0.68026479416791752</v>
      </c>
      <c r="K4982">
        <f t="shared" si="561"/>
        <v>1.0203971912518761</v>
      </c>
      <c r="L4982">
        <f t="shared" si="562"/>
        <v>4.8979065180090062</v>
      </c>
      <c r="M4982">
        <f t="shared" si="563"/>
        <v>0</v>
      </c>
      <c r="N4982" s="46">
        <f t="shared" si="564"/>
        <v>45498.166666654666</v>
      </c>
    </row>
    <row r="4983" spans="2:14" x14ac:dyDescent="0.3">
      <c r="B4983">
        <f t="shared" si="558"/>
        <v>4</v>
      </c>
      <c r="C4983" s="16">
        <v>4949</v>
      </c>
      <c r="D4983" cm="1">
        <f t="array" ref="D4983">IFERROR(INDEX(Jesper!AH$2:AH$366,ROUNDDOWN($C4983/24,0)+1,1)*INDEX($D$3:$AA$30,INDEX(Jesper!$R$2:$R$366,ROW(INDEX(Jesper!AH$2:AH$366,ROUNDDOWN($C4983/24,0)+1,1))-1)+IF('Standard Profiles'!$G$18=$B$10,7,0)+IF('Standard Profiles'!$G$18=$B$17,14,0)+IF('Standard Profiles'!$G$18=$B$24,21,0),MOD($C4983,24)+1)/SUM(INDEX($D$3:$AA$30,INDEX(Jesper!$R$2:$R$366,ROW(INDEX(Jesper!AH$2:AH$366,ROUNDDOWN($C4983/24,0)+1,1))-1)+IF('Standard Profiles'!$G$18=$B$10,7,0)+IF('Standard Profiles'!$G$18=$B$17,14,0)+IF('Standard Profiles'!$G$18=$B$24,21,0),0)),0)</f>
        <v>8.7678573470531607</v>
      </c>
      <c r="E4983" cm="1">
        <f t="array" ref="E4983">IFERROR(INDEX(Jesper!AI$2:AI$366,ROUNDDOWN($C4983/24,0)+1,1)*INDEX($D$3:$AA$30,INDEX(Jesper!$R$2:$R$366,ROW(INDEX(Jesper!AI$2:AI$366,ROUNDDOWN($C4983/24,0)+1,1))-1)+IF('Standard Profiles'!$G$19=$B$10,7,0)+IF('Standard Profiles'!$G$19=$B$17,14,0)+IF('Standard Profiles'!$G$19=$B$24,21,0),MOD($C4983,24)+1)/SUM(INDEX($D$3:$AA$30,INDEX(Jesper!$R$2:$R$366,ROW(INDEX(Jesper!AI$2:AI$366,ROUNDDOWN($C4983/24,0)+1,1))-1)+IF('Standard Profiles'!$G$19=$B$10,7,0)+IF('Standard Profiles'!$G$19=$B$17,14,0)+IF('Standard Profiles'!$G$19=$B$24,21,0),0)),0)</f>
        <v>0</v>
      </c>
      <c r="F4983" cm="1">
        <f t="array" ref="F4983">IFERROR(INDEX(Jesper!AJ$2:AJ$366,ROUNDDOWN($C4983/24,0)+1,1)*INDEX($D$3:$AA$30,INDEX(Jesper!$R$2:$R$366,ROW(INDEX(Jesper!AJ$2:AJ$366,ROUNDDOWN($C4983/24,0)+1,1))-1)+IF('Standard Profiles'!$G$20=$B$10,7,0)+IF('Standard Profiles'!$G$20=$B$17,14,0)+IF('Standard Profiles'!$G$20=$B$24,21,0),MOD($C4983,24)+1)/SUM(INDEX($D$3:$AA$30,INDEX(Jesper!$R$2:$R$366,ROW(INDEX(Jesper!AJ$2:AJ$366,ROUNDDOWN($C4983/24,0)+1,1))-1)+IF('Standard Profiles'!$G$20=$B$10,7,0)+IF('Standard Profiles'!$G$20=$B$17,14,0)+IF('Standard Profiles'!$G$20=$B$24,21,0),0)),0)</f>
        <v>0</v>
      </c>
      <c r="G4983" cm="1">
        <f t="array" ref="G4983">IFERROR(INDEX(Jesper!AK$2:AK$366,ROUNDDOWN($C4983/24,0)+1,1)*INDEX($D$3:$AA$30,INDEX(Jesper!$R$2:$R$366,ROW(INDEX(Jesper!AK$2:AK$366,ROUNDDOWN($C4983/24,0)+1,1))-1)+IF('Standard Profiles'!$G$21=$B$10,7,0)+IF('Standard Profiles'!$G$21=$B$17,14,0)+IF('Standard Profiles'!$G$21=$B$24,21,0),MOD($C4983,24)+1)/SUM(INDEX($D$3:$AA$30,INDEX(Jesper!$R$2:$R$366,ROW(INDEX(Jesper!AK$2:AK$366,ROUNDDOWN($C4983/24,0)+1,1))-1)+IF('Standard Profiles'!$G$21=$B$10,7,0)+IF('Standard Profiles'!$G$21=$B$17,14,0)+IF('Standard Profiles'!$G$21=$B$24,21,0),0)),0)</f>
        <v>0</v>
      </c>
      <c r="H4983" cm="1">
        <f t="array" ref="H4983">IFERROR(INDEX(Jesper!AL$2:AL$366,ROUNDDOWN($C4983/24,0)+1,1)*INDEX($D$3:$AA$30,INDEX(Jesper!$R$2:$R$366,ROW(INDEX(Jesper!AL$2:AL$366,ROUNDDOWN($C4983/24,0)+1,1))-1)+IF('Standard Profiles'!$G$22=$B$10,7,0)+IF('Standard Profiles'!$G$22=$B$17,14,0)+IF('Standard Profiles'!$G$22=$B$24,21,0),MOD($C4983,24)+1)/SUM(INDEX($D$3:$AA$30,INDEX(Jesper!$R$2:$R$366,ROW(INDEX(Jesper!AL$2:AL$366,ROUNDDOWN($C4983/24,0)+1,1))-1)+IF('Standard Profiles'!$G$22=$B$10,7,0)+IF('Standard Profiles'!$G$22=$B$17,14,0)+IF('Standard Profiles'!$G$22=$B$24,21,0),0)),0)</f>
        <v>0</v>
      </c>
      <c r="I4983">
        <f t="shared" si="559"/>
        <v>0.26303572041159479</v>
      </c>
      <c r="J4983">
        <f t="shared" si="560"/>
        <v>0.87678573470531607</v>
      </c>
      <c r="K4983">
        <f t="shared" si="561"/>
        <v>1.3151786020579741</v>
      </c>
      <c r="L4983">
        <f t="shared" si="562"/>
        <v>6.3128572898782753</v>
      </c>
      <c r="M4983">
        <f t="shared" si="563"/>
        <v>0</v>
      </c>
      <c r="N4983" s="46">
        <f t="shared" si="564"/>
        <v>45498.20833332133</v>
      </c>
    </row>
    <row r="4984" spans="2:14" x14ac:dyDescent="0.3">
      <c r="B4984">
        <f t="shared" si="558"/>
        <v>4</v>
      </c>
      <c r="C4984" s="16">
        <v>4950</v>
      </c>
      <c r="D4984" cm="1">
        <f t="array" ref="D4984">IFERROR(INDEX(Jesper!AH$2:AH$366,ROUNDDOWN($C4984/24,0)+1,1)*INDEX($D$3:$AA$30,INDEX(Jesper!$R$2:$R$366,ROW(INDEX(Jesper!AH$2:AH$366,ROUNDDOWN($C4984/24,0)+1,1))-1)+IF('Standard Profiles'!$G$18=$B$10,7,0)+IF('Standard Profiles'!$G$18=$B$17,14,0)+IF('Standard Profiles'!$G$18=$B$24,21,0),MOD($C4984,24)+1)/SUM(INDEX($D$3:$AA$30,INDEX(Jesper!$R$2:$R$366,ROW(INDEX(Jesper!AH$2:AH$366,ROUNDDOWN($C4984/24,0)+1,1))-1)+IF('Standard Profiles'!$G$18=$B$10,7,0)+IF('Standard Profiles'!$G$18=$B$17,14,0)+IF('Standard Profiles'!$G$18=$B$24,21,0),0)),0)</f>
        <v>10.128386935388997</v>
      </c>
      <c r="E4984" cm="1">
        <f t="array" ref="E4984">IFERROR(INDEX(Jesper!AI$2:AI$366,ROUNDDOWN($C4984/24,0)+1,1)*INDEX($D$3:$AA$30,INDEX(Jesper!$R$2:$R$366,ROW(INDEX(Jesper!AI$2:AI$366,ROUNDDOWN($C4984/24,0)+1,1))-1)+IF('Standard Profiles'!$G$19=$B$10,7,0)+IF('Standard Profiles'!$G$19=$B$17,14,0)+IF('Standard Profiles'!$G$19=$B$24,21,0),MOD($C4984,24)+1)/SUM(INDEX($D$3:$AA$30,INDEX(Jesper!$R$2:$R$366,ROW(INDEX(Jesper!AI$2:AI$366,ROUNDDOWN($C4984/24,0)+1,1))-1)+IF('Standard Profiles'!$G$19=$B$10,7,0)+IF('Standard Profiles'!$G$19=$B$17,14,0)+IF('Standard Profiles'!$G$19=$B$24,21,0),0)),0)</f>
        <v>0</v>
      </c>
      <c r="F4984" cm="1">
        <f t="array" ref="F4984">IFERROR(INDEX(Jesper!AJ$2:AJ$366,ROUNDDOWN($C4984/24,0)+1,1)*INDEX($D$3:$AA$30,INDEX(Jesper!$R$2:$R$366,ROW(INDEX(Jesper!AJ$2:AJ$366,ROUNDDOWN($C4984/24,0)+1,1))-1)+IF('Standard Profiles'!$G$20=$B$10,7,0)+IF('Standard Profiles'!$G$20=$B$17,14,0)+IF('Standard Profiles'!$G$20=$B$24,21,0),MOD($C4984,24)+1)/SUM(INDEX($D$3:$AA$30,INDEX(Jesper!$R$2:$R$366,ROW(INDEX(Jesper!AJ$2:AJ$366,ROUNDDOWN($C4984/24,0)+1,1))-1)+IF('Standard Profiles'!$G$20=$B$10,7,0)+IF('Standard Profiles'!$G$20=$B$17,14,0)+IF('Standard Profiles'!$G$20=$B$24,21,0),0)),0)</f>
        <v>0</v>
      </c>
      <c r="G4984" cm="1">
        <f t="array" ref="G4984">IFERROR(INDEX(Jesper!AK$2:AK$366,ROUNDDOWN($C4984/24,0)+1,1)*INDEX($D$3:$AA$30,INDEX(Jesper!$R$2:$R$366,ROW(INDEX(Jesper!AK$2:AK$366,ROUNDDOWN($C4984/24,0)+1,1))-1)+IF('Standard Profiles'!$G$21=$B$10,7,0)+IF('Standard Profiles'!$G$21=$B$17,14,0)+IF('Standard Profiles'!$G$21=$B$24,21,0),MOD($C4984,24)+1)/SUM(INDEX($D$3:$AA$30,INDEX(Jesper!$R$2:$R$366,ROW(INDEX(Jesper!AK$2:AK$366,ROUNDDOWN($C4984/24,0)+1,1))-1)+IF('Standard Profiles'!$G$21=$B$10,7,0)+IF('Standard Profiles'!$G$21=$B$17,14,0)+IF('Standard Profiles'!$G$21=$B$24,21,0),0)),0)</f>
        <v>0</v>
      </c>
      <c r="H4984" cm="1">
        <f t="array" ref="H4984">IFERROR(INDEX(Jesper!AL$2:AL$366,ROUNDDOWN($C4984/24,0)+1,1)*INDEX($D$3:$AA$30,INDEX(Jesper!$R$2:$R$366,ROW(INDEX(Jesper!AL$2:AL$366,ROUNDDOWN($C4984/24,0)+1,1))-1)+IF('Standard Profiles'!$G$22=$B$10,7,0)+IF('Standard Profiles'!$G$22=$B$17,14,0)+IF('Standard Profiles'!$G$22=$B$24,21,0),MOD($C4984,24)+1)/SUM(INDEX($D$3:$AA$30,INDEX(Jesper!$R$2:$R$366,ROW(INDEX(Jesper!AL$2:AL$366,ROUNDDOWN($C4984/24,0)+1,1))-1)+IF('Standard Profiles'!$G$22=$B$10,7,0)+IF('Standard Profiles'!$G$22=$B$17,14,0)+IF('Standard Profiles'!$G$22=$B$24,21,0),0)),0)</f>
        <v>0</v>
      </c>
      <c r="I4984">
        <f t="shared" si="559"/>
        <v>0.30385160806166989</v>
      </c>
      <c r="J4984">
        <f t="shared" si="560"/>
        <v>1.0128386935388998</v>
      </c>
      <c r="K4984">
        <f t="shared" si="561"/>
        <v>1.5192580403083495</v>
      </c>
      <c r="L4984">
        <f t="shared" si="562"/>
        <v>7.2924385934800782</v>
      </c>
      <c r="M4984">
        <f t="shared" si="563"/>
        <v>0</v>
      </c>
      <c r="N4984" s="46">
        <f t="shared" si="564"/>
        <v>45498.249999987995</v>
      </c>
    </row>
    <row r="4985" spans="2:14" x14ac:dyDescent="0.3">
      <c r="B4985">
        <f t="shared" si="558"/>
        <v>4</v>
      </c>
      <c r="C4985" s="16">
        <v>4951</v>
      </c>
      <c r="D4985" cm="1">
        <f t="array" ref="D4985">IFERROR(INDEX(Jesper!AH$2:AH$366,ROUNDDOWN($C4985/24,0)+1,1)*INDEX($D$3:$AA$30,INDEX(Jesper!$R$2:$R$366,ROW(INDEX(Jesper!AH$2:AH$366,ROUNDDOWN($C4985/24,0)+1,1))-1)+IF('Standard Profiles'!$G$18=$B$10,7,0)+IF('Standard Profiles'!$G$18=$B$17,14,0)+IF('Standard Profiles'!$G$18=$B$24,21,0),MOD($C4985,24)+1)/SUM(INDEX($D$3:$AA$30,INDEX(Jesper!$R$2:$R$366,ROW(INDEX(Jesper!AH$2:AH$366,ROUNDDOWN($C4985/24,0)+1,1))-1)+IF('Standard Profiles'!$G$18=$B$10,7,0)+IF('Standard Profiles'!$G$18=$B$17,14,0)+IF('Standard Profiles'!$G$18=$B$24,21,0),0)),0)</f>
        <v>10.128386935388997</v>
      </c>
      <c r="E4985" cm="1">
        <f t="array" ref="E4985">IFERROR(INDEX(Jesper!AI$2:AI$366,ROUNDDOWN($C4985/24,0)+1,1)*INDEX($D$3:$AA$30,INDEX(Jesper!$R$2:$R$366,ROW(INDEX(Jesper!AI$2:AI$366,ROUNDDOWN($C4985/24,0)+1,1))-1)+IF('Standard Profiles'!$G$19=$B$10,7,0)+IF('Standard Profiles'!$G$19=$B$17,14,0)+IF('Standard Profiles'!$G$19=$B$24,21,0),MOD($C4985,24)+1)/SUM(INDEX($D$3:$AA$30,INDEX(Jesper!$R$2:$R$366,ROW(INDEX(Jesper!AI$2:AI$366,ROUNDDOWN($C4985/24,0)+1,1))-1)+IF('Standard Profiles'!$G$19=$B$10,7,0)+IF('Standard Profiles'!$G$19=$B$17,14,0)+IF('Standard Profiles'!$G$19=$B$24,21,0),0)),0)</f>
        <v>0</v>
      </c>
      <c r="F4985" cm="1">
        <f t="array" ref="F4985">IFERROR(INDEX(Jesper!AJ$2:AJ$366,ROUNDDOWN($C4985/24,0)+1,1)*INDEX($D$3:$AA$30,INDEX(Jesper!$R$2:$R$366,ROW(INDEX(Jesper!AJ$2:AJ$366,ROUNDDOWN($C4985/24,0)+1,1))-1)+IF('Standard Profiles'!$G$20=$B$10,7,0)+IF('Standard Profiles'!$G$20=$B$17,14,0)+IF('Standard Profiles'!$G$20=$B$24,21,0),MOD($C4985,24)+1)/SUM(INDEX($D$3:$AA$30,INDEX(Jesper!$R$2:$R$366,ROW(INDEX(Jesper!AJ$2:AJ$366,ROUNDDOWN($C4985/24,0)+1,1))-1)+IF('Standard Profiles'!$G$20=$B$10,7,0)+IF('Standard Profiles'!$G$20=$B$17,14,0)+IF('Standard Profiles'!$G$20=$B$24,21,0),0)),0)</f>
        <v>0</v>
      </c>
      <c r="G4985" cm="1">
        <f t="array" ref="G4985">IFERROR(INDEX(Jesper!AK$2:AK$366,ROUNDDOWN($C4985/24,0)+1,1)*INDEX($D$3:$AA$30,INDEX(Jesper!$R$2:$R$366,ROW(INDEX(Jesper!AK$2:AK$366,ROUNDDOWN($C4985/24,0)+1,1))-1)+IF('Standard Profiles'!$G$21=$B$10,7,0)+IF('Standard Profiles'!$G$21=$B$17,14,0)+IF('Standard Profiles'!$G$21=$B$24,21,0),MOD($C4985,24)+1)/SUM(INDEX($D$3:$AA$30,INDEX(Jesper!$R$2:$R$366,ROW(INDEX(Jesper!AK$2:AK$366,ROUNDDOWN($C4985/24,0)+1,1))-1)+IF('Standard Profiles'!$G$21=$B$10,7,0)+IF('Standard Profiles'!$G$21=$B$17,14,0)+IF('Standard Profiles'!$G$21=$B$24,21,0),0)),0)</f>
        <v>0</v>
      </c>
      <c r="H4985" cm="1">
        <f t="array" ref="H4985">IFERROR(INDEX(Jesper!AL$2:AL$366,ROUNDDOWN($C4985/24,0)+1,1)*INDEX($D$3:$AA$30,INDEX(Jesper!$R$2:$R$366,ROW(INDEX(Jesper!AL$2:AL$366,ROUNDDOWN($C4985/24,0)+1,1))-1)+IF('Standard Profiles'!$G$22=$B$10,7,0)+IF('Standard Profiles'!$G$22=$B$17,14,0)+IF('Standard Profiles'!$G$22=$B$24,21,0),MOD($C4985,24)+1)/SUM(INDEX($D$3:$AA$30,INDEX(Jesper!$R$2:$R$366,ROW(INDEX(Jesper!AL$2:AL$366,ROUNDDOWN($C4985/24,0)+1,1))-1)+IF('Standard Profiles'!$G$22=$B$10,7,0)+IF('Standard Profiles'!$G$22=$B$17,14,0)+IF('Standard Profiles'!$G$22=$B$24,21,0),0)),0)</f>
        <v>0</v>
      </c>
      <c r="I4985">
        <f t="shared" si="559"/>
        <v>0.30385160806166989</v>
      </c>
      <c r="J4985">
        <f t="shared" si="560"/>
        <v>1.0128386935388998</v>
      </c>
      <c r="K4985">
        <f t="shared" si="561"/>
        <v>1.5192580403083495</v>
      </c>
      <c r="L4985">
        <f t="shared" si="562"/>
        <v>7.2924385934800782</v>
      </c>
      <c r="M4985">
        <f t="shared" si="563"/>
        <v>0</v>
      </c>
      <c r="N4985" s="46">
        <f t="shared" si="564"/>
        <v>45498.291666654659</v>
      </c>
    </row>
    <row r="4986" spans="2:14" x14ac:dyDescent="0.3">
      <c r="B4986">
        <f t="shared" si="558"/>
        <v>4</v>
      </c>
      <c r="C4986" s="16">
        <v>4952</v>
      </c>
      <c r="D4986" cm="1">
        <f t="array" ref="D4986">IFERROR(INDEX(Jesper!AH$2:AH$366,ROUNDDOWN($C4986/24,0)+1,1)*INDEX($D$3:$AA$30,INDEX(Jesper!$R$2:$R$366,ROW(INDEX(Jesper!AH$2:AH$366,ROUNDDOWN($C4986/24,0)+1,1))-1)+IF('Standard Profiles'!$G$18=$B$10,7,0)+IF('Standard Profiles'!$G$18=$B$17,14,0)+IF('Standard Profiles'!$G$18=$B$24,21,0),MOD($C4986,24)+1)/SUM(INDEX($D$3:$AA$30,INDEX(Jesper!$R$2:$R$366,ROW(INDEX(Jesper!AH$2:AH$366,ROUNDDOWN($C4986/24,0)+1,1))-1)+IF('Standard Profiles'!$G$18=$B$10,7,0)+IF('Standard Profiles'!$G$18=$B$17,14,0)+IF('Standard Profiles'!$G$18=$B$24,21,0),0)),0)</f>
        <v>10.128386935388997</v>
      </c>
      <c r="E4986" cm="1">
        <f t="array" ref="E4986">IFERROR(INDEX(Jesper!AI$2:AI$366,ROUNDDOWN($C4986/24,0)+1,1)*INDEX($D$3:$AA$30,INDEX(Jesper!$R$2:$R$366,ROW(INDEX(Jesper!AI$2:AI$366,ROUNDDOWN($C4986/24,0)+1,1))-1)+IF('Standard Profiles'!$G$19=$B$10,7,0)+IF('Standard Profiles'!$G$19=$B$17,14,0)+IF('Standard Profiles'!$G$19=$B$24,21,0),MOD($C4986,24)+1)/SUM(INDEX($D$3:$AA$30,INDEX(Jesper!$R$2:$R$366,ROW(INDEX(Jesper!AI$2:AI$366,ROUNDDOWN($C4986/24,0)+1,1))-1)+IF('Standard Profiles'!$G$19=$B$10,7,0)+IF('Standard Profiles'!$G$19=$B$17,14,0)+IF('Standard Profiles'!$G$19=$B$24,21,0),0)),0)</f>
        <v>0</v>
      </c>
      <c r="F4986" cm="1">
        <f t="array" ref="F4986">IFERROR(INDEX(Jesper!AJ$2:AJ$366,ROUNDDOWN($C4986/24,0)+1,1)*INDEX($D$3:$AA$30,INDEX(Jesper!$R$2:$R$366,ROW(INDEX(Jesper!AJ$2:AJ$366,ROUNDDOWN($C4986/24,0)+1,1))-1)+IF('Standard Profiles'!$G$20=$B$10,7,0)+IF('Standard Profiles'!$G$20=$B$17,14,0)+IF('Standard Profiles'!$G$20=$B$24,21,0),MOD($C4986,24)+1)/SUM(INDEX($D$3:$AA$30,INDEX(Jesper!$R$2:$R$366,ROW(INDEX(Jesper!AJ$2:AJ$366,ROUNDDOWN($C4986/24,0)+1,1))-1)+IF('Standard Profiles'!$G$20=$B$10,7,0)+IF('Standard Profiles'!$G$20=$B$17,14,0)+IF('Standard Profiles'!$G$20=$B$24,21,0),0)),0)</f>
        <v>0</v>
      </c>
      <c r="G4986" cm="1">
        <f t="array" ref="G4986">IFERROR(INDEX(Jesper!AK$2:AK$366,ROUNDDOWN($C4986/24,0)+1,1)*INDEX($D$3:$AA$30,INDEX(Jesper!$R$2:$R$366,ROW(INDEX(Jesper!AK$2:AK$366,ROUNDDOWN($C4986/24,0)+1,1))-1)+IF('Standard Profiles'!$G$21=$B$10,7,0)+IF('Standard Profiles'!$G$21=$B$17,14,0)+IF('Standard Profiles'!$G$21=$B$24,21,0),MOD($C4986,24)+1)/SUM(INDEX($D$3:$AA$30,INDEX(Jesper!$R$2:$R$366,ROW(INDEX(Jesper!AK$2:AK$366,ROUNDDOWN($C4986/24,0)+1,1))-1)+IF('Standard Profiles'!$G$21=$B$10,7,0)+IF('Standard Profiles'!$G$21=$B$17,14,0)+IF('Standard Profiles'!$G$21=$B$24,21,0),0)),0)</f>
        <v>0</v>
      </c>
      <c r="H4986" cm="1">
        <f t="array" ref="H4986">IFERROR(INDEX(Jesper!AL$2:AL$366,ROUNDDOWN($C4986/24,0)+1,1)*INDEX($D$3:$AA$30,INDEX(Jesper!$R$2:$R$366,ROW(INDEX(Jesper!AL$2:AL$366,ROUNDDOWN($C4986/24,0)+1,1))-1)+IF('Standard Profiles'!$G$22=$B$10,7,0)+IF('Standard Profiles'!$G$22=$B$17,14,0)+IF('Standard Profiles'!$G$22=$B$24,21,0),MOD($C4986,24)+1)/SUM(INDEX($D$3:$AA$30,INDEX(Jesper!$R$2:$R$366,ROW(INDEX(Jesper!AL$2:AL$366,ROUNDDOWN($C4986/24,0)+1,1))-1)+IF('Standard Profiles'!$G$22=$B$10,7,0)+IF('Standard Profiles'!$G$22=$B$17,14,0)+IF('Standard Profiles'!$G$22=$B$24,21,0),0)),0)</f>
        <v>0</v>
      </c>
      <c r="I4986">
        <f t="shared" si="559"/>
        <v>0.30385160806166989</v>
      </c>
      <c r="J4986">
        <f t="shared" si="560"/>
        <v>1.0128386935388998</v>
      </c>
      <c r="K4986">
        <f t="shared" si="561"/>
        <v>1.5192580403083495</v>
      </c>
      <c r="L4986">
        <f t="shared" si="562"/>
        <v>7.2924385934800782</v>
      </c>
      <c r="M4986">
        <f t="shared" si="563"/>
        <v>0</v>
      </c>
      <c r="N4986" s="46">
        <f t="shared" si="564"/>
        <v>45498.333333321323</v>
      </c>
    </row>
    <row r="4987" spans="2:14" x14ac:dyDescent="0.3">
      <c r="B4987">
        <f t="shared" si="558"/>
        <v>4</v>
      </c>
      <c r="C4987" s="16">
        <v>4953</v>
      </c>
      <c r="D4987" cm="1">
        <f t="array" ref="D4987">IFERROR(INDEX(Jesper!AH$2:AH$366,ROUNDDOWN($C4987/24,0)+1,1)*INDEX($D$3:$AA$30,INDEX(Jesper!$R$2:$R$366,ROW(INDEX(Jesper!AH$2:AH$366,ROUNDDOWN($C4987/24,0)+1,1))-1)+IF('Standard Profiles'!$G$18=$B$10,7,0)+IF('Standard Profiles'!$G$18=$B$17,14,0)+IF('Standard Profiles'!$G$18=$B$24,21,0),MOD($C4987,24)+1)/SUM(INDEX($D$3:$AA$30,INDEX(Jesper!$R$2:$R$366,ROW(INDEX(Jesper!AH$2:AH$366,ROUNDDOWN($C4987/24,0)+1,1))-1)+IF('Standard Profiles'!$G$18=$B$10,7,0)+IF('Standard Profiles'!$G$18=$B$17,14,0)+IF('Standard Profiles'!$G$18=$B$24,21,0),0)),0)</f>
        <v>10.884236706686682</v>
      </c>
      <c r="E4987" cm="1">
        <f t="array" ref="E4987">IFERROR(INDEX(Jesper!AI$2:AI$366,ROUNDDOWN($C4987/24,0)+1,1)*INDEX($D$3:$AA$30,INDEX(Jesper!$R$2:$R$366,ROW(INDEX(Jesper!AI$2:AI$366,ROUNDDOWN($C4987/24,0)+1,1))-1)+IF('Standard Profiles'!$G$19=$B$10,7,0)+IF('Standard Profiles'!$G$19=$B$17,14,0)+IF('Standard Profiles'!$G$19=$B$24,21,0),MOD($C4987,24)+1)/SUM(INDEX($D$3:$AA$30,INDEX(Jesper!$R$2:$R$366,ROW(INDEX(Jesper!AI$2:AI$366,ROUNDDOWN($C4987/24,0)+1,1))-1)+IF('Standard Profiles'!$G$19=$B$10,7,0)+IF('Standard Profiles'!$G$19=$B$17,14,0)+IF('Standard Profiles'!$G$19=$B$24,21,0),0)),0)</f>
        <v>0</v>
      </c>
      <c r="F4987" cm="1">
        <f t="array" ref="F4987">IFERROR(INDEX(Jesper!AJ$2:AJ$366,ROUNDDOWN($C4987/24,0)+1,1)*INDEX($D$3:$AA$30,INDEX(Jesper!$R$2:$R$366,ROW(INDEX(Jesper!AJ$2:AJ$366,ROUNDDOWN($C4987/24,0)+1,1))-1)+IF('Standard Profiles'!$G$20=$B$10,7,0)+IF('Standard Profiles'!$G$20=$B$17,14,0)+IF('Standard Profiles'!$G$20=$B$24,21,0),MOD($C4987,24)+1)/SUM(INDEX($D$3:$AA$30,INDEX(Jesper!$R$2:$R$366,ROW(INDEX(Jesper!AJ$2:AJ$366,ROUNDDOWN($C4987/24,0)+1,1))-1)+IF('Standard Profiles'!$G$20=$B$10,7,0)+IF('Standard Profiles'!$G$20=$B$17,14,0)+IF('Standard Profiles'!$G$20=$B$24,21,0),0)),0)</f>
        <v>0</v>
      </c>
      <c r="G4987" cm="1">
        <f t="array" ref="G4987">IFERROR(INDEX(Jesper!AK$2:AK$366,ROUNDDOWN($C4987/24,0)+1,1)*INDEX($D$3:$AA$30,INDEX(Jesper!$R$2:$R$366,ROW(INDEX(Jesper!AK$2:AK$366,ROUNDDOWN($C4987/24,0)+1,1))-1)+IF('Standard Profiles'!$G$21=$B$10,7,0)+IF('Standard Profiles'!$G$21=$B$17,14,0)+IF('Standard Profiles'!$G$21=$B$24,21,0),MOD($C4987,24)+1)/SUM(INDEX($D$3:$AA$30,INDEX(Jesper!$R$2:$R$366,ROW(INDEX(Jesper!AK$2:AK$366,ROUNDDOWN($C4987/24,0)+1,1))-1)+IF('Standard Profiles'!$G$21=$B$10,7,0)+IF('Standard Profiles'!$G$21=$B$17,14,0)+IF('Standard Profiles'!$G$21=$B$24,21,0),0)),0)</f>
        <v>0</v>
      </c>
      <c r="H4987" cm="1">
        <f t="array" ref="H4987">IFERROR(INDEX(Jesper!AL$2:AL$366,ROUNDDOWN($C4987/24,0)+1,1)*INDEX($D$3:$AA$30,INDEX(Jesper!$R$2:$R$366,ROW(INDEX(Jesper!AL$2:AL$366,ROUNDDOWN($C4987/24,0)+1,1))-1)+IF('Standard Profiles'!$G$22=$B$10,7,0)+IF('Standard Profiles'!$G$22=$B$17,14,0)+IF('Standard Profiles'!$G$22=$B$24,21,0),MOD($C4987,24)+1)/SUM(INDEX($D$3:$AA$30,INDEX(Jesper!$R$2:$R$366,ROW(INDEX(Jesper!AL$2:AL$366,ROUNDDOWN($C4987/24,0)+1,1))-1)+IF('Standard Profiles'!$G$22=$B$10,7,0)+IF('Standard Profiles'!$G$22=$B$17,14,0)+IF('Standard Profiles'!$G$22=$B$24,21,0),0)),0)</f>
        <v>0</v>
      </c>
      <c r="I4987">
        <f t="shared" si="559"/>
        <v>0.32652710120060047</v>
      </c>
      <c r="J4987">
        <f t="shared" si="560"/>
        <v>1.0884236706686683</v>
      </c>
      <c r="K4987">
        <f t="shared" si="561"/>
        <v>1.6326355060030022</v>
      </c>
      <c r="L4987">
        <f t="shared" si="562"/>
        <v>7.8366504288144112</v>
      </c>
      <c r="M4987">
        <f t="shared" si="563"/>
        <v>0</v>
      </c>
      <c r="N4987" s="46">
        <f t="shared" si="564"/>
        <v>45498.374999987987</v>
      </c>
    </row>
    <row r="4988" spans="2:14" x14ac:dyDescent="0.3">
      <c r="B4988">
        <f t="shared" si="558"/>
        <v>4</v>
      </c>
      <c r="C4988" s="16">
        <v>4954</v>
      </c>
      <c r="D4988" cm="1">
        <f t="array" ref="D4988">IFERROR(INDEX(Jesper!AH$2:AH$366,ROUNDDOWN($C4988/24,0)+1,1)*INDEX($D$3:$AA$30,INDEX(Jesper!$R$2:$R$366,ROW(INDEX(Jesper!AH$2:AH$366,ROUNDDOWN($C4988/24,0)+1,1))-1)+IF('Standard Profiles'!$G$18=$B$10,7,0)+IF('Standard Profiles'!$G$18=$B$17,14,0)+IF('Standard Profiles'!$G$18=$B$24,21,0),MOD($C4988,24)+1)/SUM(INDEX($D$3:$AA$30,INDEX(Jesper!$R$2:$R$366,ROW(INDEX(Jesper!AH$2:AH$366,ROUNDDOWN($C4988/24,0)+1,1))-1)+IF('Standard Profiles'!$G$18=$B$10,7,0)+IF('Standard Profiles'!$G$18=$B$17,14,0)+IF('Standard Profiles'!$G$18=$B$24,21,0),0)),0)</f>
        <v>11.791256432243905</v>
      </c>
      <c r="E4988" cm="1">
        <f t="array" ref="E4988">IFERROR(INDEX(Jesper!AI$2:AI$366,ROUNDDOWN($C4988/24,0)+1,1)*INDEX($D$3:$AA$30,INDEX(Jesper!$R$2:$R$366,ROW(INDEX(Jesper!AI$2:AI$366,ROUNDDOWN($C4988/24,0)+1,1))-1)+IF('Standard Profiles'!$G$19=$B$10,7,0)+IF('Standard Profiles'!$G$19=$B$17,14,0)+IF('Standard Profiles'!$G$19=$B$24,21,0),MOD($C4988,24)+1)/SUM(INDEX($D$3:$AA$30,INDEX(Jesper!$R$2:$R$366,ROW(INDEX(Jesper!AI$2:AI$366,ROUNDDOWN($C4988/24,0)+1,1))-1)+IF('Standard Profiles'!$G$19=$B$10,7,0)+IF('Standard Profiles'!$G$19=$B$17,14,0)+IF('Standard Profiles'!$G$19=$B$24,21,0),0)),0)</f>
        <v>0</v>
      </c>
      <c r="F4988" cm="1">
        <f t="array" ref="F4988">IFERROR(INDEX(Jesper!AJ$2:AJ$366,ROUNDDOWN($C4988/24,0)+1,1)*INDEX($D$3:$AA$30,INDEX(Jesper!$R$2:$R$366,ROW(INDEX(Jesper!AJ$2:AJ$366,ROUNDDOWN($C4988/24,0)+1,1))-1)+IF('Standard Profiles'!$G$20=$B$10,7,0)+IF('Standard Profiles'!$G$20=$B$17,14,0)+IF('Standard Profiles'!$G$20=$B$24,21,0),MOD($C4988,24)+1)/SUM(INDEX($D$3:$AA$30,INDEX(Jesper!$R$2:$R$366,ROW(INDEX(Jesper!AJ$2:AJ$366,ROUNDDOWN($C4988/24,0)+1,1))-1)+IF('Standard Profiles'!$G$20=$B$10,7,0)+IF('Standard Profiles'!$G$20=$B$17,14,0)+IF('Standard Profiles'!$G$20=$B$24,21,0),0)),0)</f>
        <v>0</v>
      </c>
      <c r="G4988" cm="1">
        <f t="array" ref="G4988">IFERROR(INDEX(Jesper!AK$2:AK$366,ROUNDDOWN($C4988/24,0)+1,1)*INDEX($D$3:$AA$30,INDEX(Jesper!$R$2:$R$366,ROW(INDEX(Jesper!AK$2:AK$366,ROUNDDOWN($C4988/24,0)+1,1))-1)+IF('Standard Profiles'!$G$21=$B$10,7,0)+IF('Standard Profiles'!$G$21=$B$17,14,0)+IF('Standard Profiles'!$G$21=$B$24,21,0),MOD($C4988,24)+1)/SUM(INDEX($D$3:$AA$30,INDEX(Jesper!$R$2:$R$366,ROW(INDEX(Jesper!AK$2:AK$366,ROUNDDOWN($C4988/24,0)+1,1))-1)+IF('Standard Profiles'!$G$21=$B$10,7,0)+IF('Standard Profiles'!$G$21=$B$17,14,0)+IF('Standard Profiles'!$G$21=$B$24,21,0),0)),0)</f>
        <v>0</v>
      </c>
      <c r="H4988" cm="1">
        <f t="array" ref="H4988">IFERROR(INDEX(Jesper!AL$2:AL$366,ROUNDDOWN($C4988/24,0)+1,1)*INDEX($D$3:$AA$30,INDEX(Jesper!$R$2:$R$366,ROW(INDEX(Jesper!AL$2:AL$366,ROUNDDOWN($C4988/24,0)+1,1))-1)+IF('Standard Profiles'!$G$22=$B$10,7,0)+IF('Standard Profiles'!$G$22=$B$17,14,0)+IF('Standard Profiles'!$G$22=$B$24,21,0),MOD($C4988,24)+1)/SUM(INDEX($D$3:$AA$30,INDEX(Jesper!$R$2:$R$366,ROW(INDEX(Jesper!AL$2:AL$366,ROUNDDOWN($C4988/24,0)+1,1))-1)+IF('Standard Profiles'!$G$22=$B$10,7,0)+IF('Standard Profiles'!$G$22=$B$17,14,0)+IF('Standard Profiles'!$G$22=$B$24,21,0),0)),0)</f>
        <v>0</v>
      </c>
      <c r="I4988">
        <f t="shared" si="559"/>
        <v>0.35373769296731716</v>
      </c>
      <c r="J4988">
        <f t="shared" si="560"/>
        <v>1.1791256432243906</v>
      </c>
      <c r="K4988">
        <f t="shared" si="561"/>
        <v>1.7686884648365857</v>
      </c>
      <c r="L4988">
        <f t="shared" si="562"/>
        <v>8.489704631215611</v>
      </c>
      <c r="M4988">
        <f t="shared" si="563"/>
        <v>0</v>
      </c>
      <c r="N4988" s="46">
        <f t="shared" si="564"/>
        <v>45498.416666654652</v>
      </c>
    </row>
    <row r="4989" spans="2:14" x14ac:dyDescent="0.3">
      <c r="B4989">
        <f t="shared" si="558"/>
        <v>4</v>
      </c>
      <c r="C4989" s="16">
        <v>4955</v>
      </c>
      <c r="D4989" cm="1">
        <f t="array" ref="D4989">IFERROR(INDEX(Jesper!AH$2:AH$366,ROUNDDOWN($C4989/24,0)+1,1)*INDEX($D$3:$AA$30,INDEX(Jesper!$R$2:$R$366,ROW(INDEX(Jesper!AH$2:AH$366,ROUNDDOWN($C4989/24,0)+1,1))-1)+IF('Standard Profiles'!$G$18=$B$10,7,0)+IF('Standard Profiles'!$G$18=$B$17,14,0)+IF('Standard Profiles'!$G$18=$B$24,21,0),MOD($C4989,24)+1)/SUM(INDEX($D$3:$AA$30,INDEX(Jesper!$R$2:$R$366,ROW(INDEX(Jesper!AH$2:AH$366,ROUNDDOWN($C4989/24,0)+1,1))-1)+IF('Standard Profiles'!$G$18=$B$10,7,0)+IF('Standard Profiles'!$G$18=$B$17,14,0)+IF('Standard Profiles'!$G$18=$B$24,21,0),0)),0)</f>
        <v>13.60529588335835</v>
      </c>
      <c r="E4989" cm="1">
        <f t="array" ref="E4989">IFERROR(INDEX(Jesper!AI$2:AI$366,ROUNDDOWN($C4989/24,0)+1,1)*INDEX($D$3:$AA$30,INDEX(Jesper!$R$2:$R$366,ROW(INDEX(Jesper!AI$2:AI$366,ROUNDDOWN($C4989/24,0)+1,1))-1)+IF('Standard Profiles'!$G$19=$B$10,7,0)+IF('Standard Profiles'!$G$19=$B$17,14,0)+IF('Standard Profiles'!$G$19=$B$24,21,0),MOD($C4989,24)+1)/SUM(INDEX($D$3:$AA$30,INDEX(Jesper!$R$2:$R$366,ROW(INDEX(Jesper!AI$2:AI$366,ROUNDDOWN($C4989/24,0)+1,1))-1)+IF('Standard Profiles'!$G$19=$B$10,7,0)+IF('Standard Profiles'!$G$19=$B$17,14,0)+IF('Standard Profiles'!$G$19=$B$24,21,0),0)),0)</f>
        <v>0</v>
      </c>
      <c r="F4989" cm="1">
        <f t="array" ref="F4989">IFERROR(INDEX(Jesper!AJ$2:AJ$366,ROUNDDOWN($C4989/24,0)+1,1)*INDEX($D$3:$AA$30,INDEX(Jesper!$R$2:$R$366,ROW(INDEX(Jesper!AJ$2:AJ$366,ROUNDDOWN($C4989/24,0)+1,1))-1)+IF('Standard Profiles'!$G$20=$B$10,7,0)+IF('Standard Profiles'!$G$20=$B$17,14,0)+IF('Standard Profiles'!$G$20=$B$24,21,0),MOD($C4989,24)+1)/SUM(INDEX($D$3:$AA$30,INDEX(Jesper!$R$2:$R$366,ROW(INDEX(Jesper!AJ$2:AJ$366,ROUNDDOWN($C4989/24,0)+1,1))-1)+IF('Standard Profiles'!$G$20=$B$10,7,0)+IF('Standard Profiles'!$G$20=$B$17,14,0)+IF('Standard Profiles'!$G$20=$B$24,21,0),0)),0)</f>
        <v>0</v>
      </c>
      <c r="G4989" cm="1">
        <f t="array" ref="G4989">IFERROR(INDEX(Jesper!AK$2:AK$366,ROUNDDOWN($C4989/24,0)+1,1)*INDEX($D$3:$AA$30,INDEX(Jesper!$R$2:$R$366,ROW(INDEX(Jesper!AK$2:AK$366,ROUNDDOWN($C4989/24,0)+1,1))-1)+IF('Standard Profiles'!$G$21=$B$10,7,0)+IF('Standard Profiles'!$G$21=$B$17,14,0)+IF('Standard Profiles'!$G$21=$B$24,21,0),MOD($C4989,24)+1)/SUM(INDEX($D$3:$AA$30,INDEX(Jesper!$R$2:$R$366,ROW(INDEX(Jesper!AK$2:AK$366,ROUNDDOWN($C4989/24,0)+1,1))-1)+IF('Standard Profiles'!$G$21=$B$10,7,0)+IF('Standard Profiles'!$G$21=$B$17,14,0)+IF('Standard Profiles'!$G$21=$B$24,21,0),0)),0)</f>
        <v>0</v>
      </c>
      <c r="H4989" cm="1">
        <f t="array" ref="H4989">IFERROR(INDEX(Jesper!AL$2:AL$366,ROUNDDOWN($C4989/24,0)+1,1)*INDEX($D$3:$AA$30,INDEX(Jesper!$R$2:$R$366,ROW(INDEX(Jesper!AL$2:AL$366,ROUNDDOWN($C4989/24,0)+1,1))-1)+IF('Standard Profiles'!$G$22=$B$10,7,0)+IF('Standard Profiles'!$G$22=$B$17,14,0)+IF('Standard Profiles'!$G$22=$B$24,21,0),MOD($C4989,24)+1)/SUM(INDEX($D$3:$AA$30,INDEX(Jesper!$R$2:$R$366,ROW(INDEX(Jesper!AL$2:AL$366,ROUNDDOWN($C4989/24,0)+1,1))-1)+IF('Standard Profiles'!$G$22=$B$10,7,0)+IF('Standard Profiles'!$G$22=$B$17,14,0)+IF('Standard Profiles'!$G$22=$B$24,21,0),0)),0)</f>
        <v>0</v>
      </c>
      <c r="I4989">
        <f t="shared" si="559"/>
        <v>0.4081588765007505</v>
      </c>
      <c r="J4989">
        <f t="shared" si="560"/>
        <v>1.360529588335835</v>
      </c>
      <c r="K4989">
        <f t="shared" si="561"/>
        <v>2.0407943825037522</v>
      </c>
      <c r="L4989">
        <f t="shared" si="562"/>
        <v>9.7958130360180125</v>
      </c>
      <c r="M4989">
        <f t="shared" si="563"/>
        <v>0</v>
      </c>
      <c r="N4989" s="46">
        <f t="shared" si="564"/>
        <v>45498.458333321316</v>
      </c>
    </row>
    <row r="4990" spans="2:14" x14ac:dyDescent="0.3">
      <c r="B4990">
        <f t="shared" si="558"/>
        <v>4</v>
      </c>
      <c r="C4990" s="16">
        <v>4956</v>
      </c>
      <c r="D4990" cm="1">
        <f t="array" ref="D4990">IFERROR(INDEX(Jesper!AH$2:AH$366,ROUNDDOWN($C4990/24,0)+1,1)*INDEX($D$3:$AA$30,INDEX(Jesper!$R$2:$R$366,ROW(INDEX(Jesper!AH$2:AH$366,ROUNDDOWN($C4990/24,0)+1,1))-1)+IF('Standard Profiles'!$G$18=$B$10,7,0)+IF('Standard Profiles'!$G$18=$B$17,14,0)+IF('Standard Profiles'!$G$18=$B$24,21,0),MOD($C4990,24)+1)/SUM(INDEX($D$3:$AA$30,INDEX(Jesper!$R$2:$R$366,ROW(INDEX(Jesper!AH$2:AH$366,ROUNDDOWN($C4990/24,0)+1,1))-1)+IF('Standard Profiles'!$G$18=$B$10,7,0)+IF('Standard Profiles'!$G$18=$B$17,14,0)+IF('Standard Profiles'!$G$18=$B$24,21,0),0)),0)</f>
        <v>13.60529588335835</v>
      </c>
      <c r="E4990" cm="1">
        <f t="array" ref="E4990">IFERROR(INDEX(Jesper!AI$2:AI$366,ROUNDDOWN($C4990/24,0)+1,1)*INDEX($D$3:$AA$30,INDEX(Jesper!$R$2:$R$366,ROW(INDEX(Jesper!AI$2:AI$366,ROUNDDOWN($C4990/24,0)+1,1))-1)+IF('Standard Profiles'!$G$19=$B$10,7,0)+IF('Standard Profiles'!$G$19=$B$17,14,0)+IF('Standard Profiles'!$G$19=$B$24,21,0),MOD($C4990,24)+1)/SUM(INDEX($D$3:$AA$30,INDEX(Jesper!$R$2:$R$366,ROW(INDEX(Jesper!AI$2:AI$366,ROUNDDOWN($C4990/24,0)+1,1))-1)+IF('Standard Profiles'!$G$19=$B$10,7,0)+IF('Standard Profiles'!$G$19=$B$17,14,0)+IF('Standard Profiles'!$G$19=$B$24,21,0),0)),0)</f>
        <v>0</v>
      </c>
      <c r="F4990" cm="1">
        <f t="array" ref="F4990">IFERROR(INDEX(Jesper!AJ$2:AJ$366,ROUNDDOWN($C4990/24,0)+1,1)*INDEX($D$3:$AA$30,INDEX(Jesper!$R$2:$R$366,ROW(INDEX(Jesper!AJ$2:AJ$366,ROUNDDOWN($C4990/24,0)+1,1))-1)+IF('Standard Profiles'!$G$20=$B$10,7,0)+IF('Standard Profiles'!$G$20=$B$17,14,0)+IF('Standard Profiles'!$G$20=$B$24,21,0),MOD($C4990,24)+1)/SUM(INDEX($D$3:$AA$30,INDEX(Jesper!$R$2:$R$366,ROW(INDEX(Jesper!AJ$2:AJ$366,ROUNDDOWN($C4990/24,0)+1,1))-1)+IF('Standard Profiles'!$G$20=$B$10,7,0)+IF('Standard Profiles'!$G$20=$B$17,14,0)+IF('Standard Profiles'!$G$20=$B$24,21,0),0)),0)</f>
        <v>0</v>
      </c>
      <c r="G4990" cm="1">
        <f t="array" ref="G4990">IFERROR(INDEX(Jesper!AK$2:AK$366,ROUNDDOWN($C4990/24,0)+1,1)*INDEX($D$3:$AA$30,INDEX(Jesper!$R$2:$R$366,ROW(INDEX(Jesper!AK$2:AK$366,ROUNDDOWN($C4990/24,0)+1,1))-1)+IF('Standard Profiles'!$G$21=$B$10,7,0)+IF('Standard Profiles'!$G$21=$B$17,14,0)+IF('Standard Profiles'!$G$21=$B$24,21,0),MOD($C4990,24)+1)/SUM(INDEX($D$3:$AA$30,INDEX(Jesper!$R$2:$R$366,ROW(INDEX(Jesper!AK$2:AK$366,ROUNDDOWN($C4990/24,0)+1,1))-1)+IF('Standard Profiles'!$G$21=$B$10,7,0)+IF('Standard Profiles'!$G$21=$B$17,14,0)+IF('Standard Profiles'!$G$21=$B$24,21,0),0)),0)</f>
        <v>0</v>
      </c>
      <c r="H4990" cm="1">
        <f t="array" ref="H4990">IFERROR(INDEX(Jesper!AL$2:AL$366,ROUNDDOWN($C4990/24,0)+1,1)*INDEX($D$3:$AA$30,INDEX(Jesper!$R$2:$R$366,ROW(INDEX(Jesper!AL$2:AL$366,ROUNDDOWN($C4990/24,0)+1,1))-1)+IF('Standard Profiles'!$G$22=$B$10,7,0)+IF('Standard Profiles'!$G$22=$B$17,14,0)+IF('Standard Profiles'!$G$22=$B$24,21,0),MOD($C4990,24)+1)/SUM(INDEX($D$3:$AA$30,INDEX(Jesper!$R$2:$R$366,ROW(INDEX(Jesper!AL$2:AL$366,ROUNDDOWN($C4990/24,0)+1,1))-1)+IF('Standard Profiles'!$G$22=$B$10,7,0)+IF('Standard Profiles'!$G$22=$B$17,14,0)+IF('Standard Profiles'!$G$22=$B$24,21,0),0)),0)</f>
        <v>0</v>
      </c>
      <c r="I4990">
        <f t="shared" si="559"/>
        <v>0.4081588765007505</v>
      </c>
      <c r="J4990">
        <f t="shared" si="560"/>
        <v>1.360529588335835</v>
      </c>
      <c r="K4990">
        <f t="shared" si="561"/>
        <v>2.0407943825037522</v>
      </c>
      <c r="L4990">
        <f t="shared" si="562"/>
        <v>9.7958130360180125</v>
      </c>
      <c r="M4990">
        <f t="shared" si="563"/>
        <v>0</v>
      </c>
      <c r="N4990" s="46">
        <f t="shared" si="564"/>
        <v>45498.49999998798</v>
      </c>
    </row>
    <row r="4991" spans="2:14" x14ac:dyDescent="0.3">
      <c r="B4991">
        <f t="shared" si="558"/>
        <v>4</v>
      </c>
      <c r="C4991" s="16">
        <v>4957</v>
      </c>
      <c r="D4991" cm="1">
        <f t="array" ref="D4991">IFERROR(INDEX(Jesper!AH$2:AH$366,ROUNDDOWN($C4991/24,0)+1,1)*INDEX($D$3:$AA$30,INDEX(Jesper!$R$2:$R$366,ROW(INDEX(Jesper!AH$2:AH$366,ROUNDDOWN($C4991/24,0)+1,1))-1)+IF('Standard Profiles'!$G$18=$B$10,7,0)+IF('Standard Profiles'!$G$18=$B$17,14,0)+IF('Standard Profiles'!$G$18=$B$24,21,0),MOD($C4991,24)+1)/SUM(INDEX($D$3:$AA$30,INDEX(Jesper!$R$2:$R$366,ROW(INDEX(Jesper!AH$2:AH$366,ROUNDDOWN($C4991/24,0)+1,1))-1)+IF('Standard Profiles'!$G$18=$B$10,7,0)+IF('Standard Profiles'!$G$18=$B$17,14,0)+IF('Standard Profiles'!$G$18=$B$24,21,0),0)),0)</f>
        <v>13.60529588335835</v>
      </c>
      <c r="E4991" cm="1">
        <f t="array" ref="E4991">IFERROR(INDEX(Jesper!AI$2:AI$366,ROUNDDOWN($C4991/24,0)+1,1)*INDEX($D$3:$AA$30,INDEX(Jesper!$R$2:$R$366,ROW(INDEX(Jesper!AI$2:AI$366,ROUNDDOWN($C4991/24,0)+1,1))-1)+IF('Standard Profiles'!$G$19=$B$10,7,0)+IF('Standard Profiles'!$G$19=$B$17,14,0)+IF('Standard Profiles'!$G$19=$B$24,21,0),MOD($C4991,24)+1)/SUM(INDEX($D$3:$AA$30,INDEX(Jesper!$R$2:$R$366,ROW(INDEX(Jesper!AI$2:AI$366,ROUNDDOWN($C4991/24,0)+1,1))-1)+IF('Standard Profiles'!$G$19=$B$10,7,0)+IF('Standard Profiles'!$G$19=$B$17,14,0)+IF('Standard Profiles'!$G$19=$B$24,21,0),0)),0)</f>
        <v>0</v>
      </c>
      <c r="F4991" cm="1">
        <f t="array" ref="F4991">IFERROR(INDEX(Jesper!AJ$2:AJ$366,ROUNDDOWN($C4991/24,0)+1,1)*INDEX($D$3:$AA$30,INDEX(Jesper!$R$2:$R$366,ROW(INDEX(Jesper!AJ$2:AJ$366,ROUNDDOWN($C4991/24,0)+1,1))-1)+IF('Standard Profiles'!$G$20=$B$10,7,0)+IF('Standard Profiles'!$G$20=$B$17,14,0)+IF('Standard Profiles'!$G$20=$B$24,21,0),MOD($C4991,24)+1)/SUM(INDEX($D$3:$AA$30,INDEX(Jesper!$R$2:$R$366,ROW(INDEX(Jesper!AJ$2:AJ$366,ROUNDDOWN($C4991/24,0)+1,1))-1)+IF('Standard Profiles'!$G$20=$B$10,7,0)+IF('Standard Profiles'!$G$20=$B$17,14,0)+IF('Standard Profiles'!$G$20=$B$24,21,0),0)),0)</f>
        <v>0</v>
      </c>
      <c r="G4991" cm="1">
        <f t="array" ref="G4991">IFERROR(INDEX(Jesper!AK$2:AK$366,ROUNDDOWN($C4991/24,0)+1,1)*INDEX($D$3:$AA$30,INDEX(Jesper!$R$2:$R$366,ROW(INDEX(Jesper!AK$2:AK$366,ROUNDDOWN($C4991/24,0)+1,1))-1)+IF('Standard Profiles'!$G$21=$B$10,7,0)+IF('Standard Profiles'!$G$21=$B$17,14,0)+IF('Standard Profiles'!$G$21=$B$24,21,0),MOD($C4991,24)+1)/SUM(INDEX($D$3:$AA$30,INDEX(Jesper!$R$2:$R$366,ROW(INDEX(Jesper!AK$2:AK$366,ROUNDDOWN($C4991/24,0)+1,1))-1)+IF('Standard Profiles'!$G$21=$B$10,7,0)+IF('Standard Profiles'!$G$21=$B$17,14,0)+IF('Standard Profiles'!$G$21=$B$24,21,0),0)),0)</f>
        <v>0</v>
      </c>
      <c r="H4991" cm="1">
        <f t="array" ref="H4991">IFERROR(INDEX(Jesper!AL$2:AL$366,ROUNDDOWN($C4991/24,0)+1,1)*INDEX($D$3:$AA$30,INDEX(Jesper!$R$2:$R$366,ROW(INDEX(Jesper!AL$2:AL$366,ROUNDDOWN($C4991/24,0)+1,1))-1)+IF('Standard Profiles'!$G$22=$B$10,7,0)+IF('Standard Profiles'!$G$22=$B$17,14,0)+IF('Standard Profiles'!$G$22=$B$24,21,0),MOD($C4991,24)+1)/SUM(INDEX($D$3:$AA$30,INDEX(Jesper!$R$2:$R$366,ROW(INDEX(Jesper!AL$2:AL$366,ROUNDDOWN($C4991/24,0)+1,1))-1)+IF('Standard Profiles'!$G$22=$B$10,7,0)+IF('Standard Profiles'!$G$22=$B$17,14,0)+IF('Standard Profiles'!$G$22=$B$24,21,0),0)),0)</f>
        <v>0</v>
      </c>
      <c r="I4991">
        <f t="shared" si="559"/>
        <v>0.4081588765007505</v>
      </c>
      <c r="J4991">
        <f t="shared" si="560"/>
        <v>1.360529588335835</v>
      </c>
      <c r="K4991">
        <f t="shared" si="561"/>
        <v>2.0407943825037522</v>
      </c>
      <c r="L4991">
        <f t="shared" si="562"/>
        <v>9.7958130360180125</v>
      </c>
      <c r="M4991">
        <f t="shared" si="563"/>
        <v>0</v>
      </c>
      <c r="N4991" s="46">
        <f t="shared" si="564"/>
        <v>45498.541666654644</v>
      </c>
    </row>
    <row r="4992" spans="2:14" x14ac:dyDescent="0.3">
      <c r="B4992">
        <f t="shared" si="558"/>
        <v>4</v>
      </c>
      <c r="C4992" s="16">
        <v>4958</v>
      </c>
      <c r="D4992" cm="1">
        <f t="array" ref="D4992">IFERROR(INDEX(Jesper!AH$2:AH$366,ROUNDDOWN($C4992/24,0)+1,1)*INDEX($D$3:$AA$30,INDEX(Jesper!$R$2:$R$366,ROW(INDEX(Jesper!AH$2:AH$366,ROUNDDOWN($C4992/24,0)+1,1))-1)+IF('Standard Profiles'!$G$18=$B$10,7,0)+IF('Standard Profiles'!$G$18=$B$17,14,0)+IF('Standard Profiles'!$G$18=$B$24,21,0),MOD($C4992,24)+1)/SUM(INDEX($D$3:$AA$30,INDEX(Jesper!$R$2:$R$366,ROW(INDEX(Jesper!AH$2:AH$366,ROUNDDOWN($C4992/24,0)+1,1))-1)+IF('Standard Profiles'!$G$18=$B$10,7,0)+IF('Standard Profiles'!$G$18=$B$17,14,0)+IF('Standard Profiles'!$G$18=$B$24,21,0),0)),0)</f>
        <v>13.60529588335835</v>
      </c>
      <c r="E4992" cm="1">
        <f t="array" ref="E4992">IFERROR(INDEX(Jesper!AI$2:AI$366,ROUNDDOWN($C4992/24,0)+1,1)*INDEX($D$3:$AA$30,INDEX(Jesper!$R$2:$R$366,ROW(INDEX(Jesper!AI$2:AI$366,ROUNDDOWN($C4992/24,0)+1,1))-1)+IF('Standard Profiles'!$G$19=$B$10,7,0)+IF('Standard Profiles'!$G$19=$B$17,14,0)+IF('Standard Profiles'!$G$19=$B$24,21,0),MOD($C4992,24)+1)/SUM(INDEX($D$3:$AA$30,INDEX(Jesper!$R$2:$R$366,ROW(INDEX(Jesper!AI$2:AI$366,ROUNDDOWN($C4992/24,0)+1,1))-1)+IF('Standard Profiles'!$G$19=$B$10,7,0)+IF('Standard Profiles'!$G$19=$B$17,14,0)+IF('Standard Profiles'!$G$19=$B$24,21,0),0)),0)</f>
        <v>0</v>
      </c>
      <c r="F4992" cm="1">
        <f t="array" ref="F4992">IFERROR(INDEX(Jesper!AJ$2:AJ$366,ROUNDDOWN($C4992/24,0)+1,1)*INDEX($D$3:$AA$30,INDEX(Jesper!$R$2:$R$366,ROW(INDEX(Jesper!AJ$2:AJ$366,ROUNDDOWN($C4992/24,0)+1,1))-1)+IF('Standard Profiles'!$G$20=$B$10,7,0)+IF('Standard Profiles'!$G$20=$B$17,14,0)+IF('Standard Profiles'!$G$20=$B$24,21,0),MOD($C4992,24)+1)/SUM(INDEX($D$3:$AA$30,INDEX(Jesper!$R$2:$R$366,ROW(INDEX(Jesper!AJ$2:AJ$366,ROUNDDOWN($C4992/24,0)+1,1))-1)+IF('Standard Profiles'!$G$20=$B$10,7,0)+IF('Standard Profiles'!$G$20=$B$17,14,0)+IF('Standard Profiles'!$G$20=$B$24,21,0),0)),0)</f>
        <v>0</v>
      </c>
      <c r="G4992" cm="1">
        <f t="array" ref="G4992">IFERROR(INDEX(Jesper!AK$2:AK$366,ROUNDDOWN($C4992/24,0)+1,1)*INDEX($D$3:$AA$30,INDEX(Jesper!$R$2:$R$366,ROW(INDEX(Jesper!AK$2:AK$366,ROUNDDOWN($C4992/24,0)+1,1))-1)+IF('Standard Profiles'!$G$21=$B$10,7,0)+IF('Standard Profiles'!$G$21=$B$17,14,0)+IF('Standard Profiles'!$G$21=$B$24,21,0),MOD($C4992,24)+1)/SUM(INDEX($D$3:$AA$30,INDEX(Jesper!$R$2:$R$366,ROW(INDEX(Jesper!AK$2:AK$366,ROUNDDOWN($C4992/24,0)+1,1))-1)+IF('Standard Profiles'!$G$21=$B$10,7,0)+IF('Standard Profiles'!$G$21=$B$17,14,0)+IF('Standard Profiles'!$G$21=$B$24,21,0),0)),0)</f>
        <v>0</v>
      </c>
      <c r="H4992" cm="1">
        <f t="array" ref="H4992">IFERROR(INDEX(Jesper!AL$2:AL$366,ROUNDDOWN($C4992/24,0)+1,1)*INDEX($D$3:$AA$30,INDEX(Jesper!$R$2:$R$366,ROW(INDEX(Jesper!AL$2:AL$366,ROUNDDOWN($C4992/24,0)+1,1))-1)+IF('Standard Profiles'!$G$22=$B$10,7,0)+IF('Standard Profiles'!$G$22=$B$17,14,0)+IF('Standard Profiles'!$G$22=$B$24,21,0),MOD($C4992,24)+1)/SUM(INDEX($D$3:$AA$30,INDEX(Jesper!$R$2:$R$366,ROW(INDEX(Jesper!AL$2:AL$366,ROUNDDOWN($C4992/24,0)+1,1))-1)+IF('Standard Profiles'!$G$22=$B$10,7,0)+IF('Standard Profiles'!$G$22=$B$17,14,0)+IF('Standard Profiles'!$G$22=$B$24,21,0),0)),0)</f>
        <v>0</v>
      </c>
      <c r="I4992">
        <f t="shared" si="559"/>
        <v>0.4081588765007505</v>
      </c>
      <c r="J4992">
        <f t="shared" si="560"/>
        <v>1.360529588335835</v>
      </c>
      <c r="K4992">
        <f t="shared" si="561"/>
        <v>2.0407943825037522</v>
      </c>
      <c r="L4992">
        <f t="shared" si="562"/>
        <v>9.7958130360180125</v>
      </c>
      <c r="M4992">
        <f t="shared" si="563"/>
        <v>0</v>
      </c>
      <c r="N4992" s="46">
        <f t="shared" si="564"/>
        <v>45498.583333321309</v>
      </c>
    </row>
    <row r="4993" spans="2:14" x14ac:dyDescent="0.3">
      <c r="B4993">
        <f t="shared" si="558"/>
        <v>4</v>
      </c>
      <c r="C4993" s="16">
        <v>4959</v>
      </c>
      <c r="D4993" cm="1">
        <f t="array" ref="D4993">IFERROR(INDEX(Jesper!AH$2:AH$366,ROUNDDOWN($C4993/24,0)+1,1)*INDEX($D$3:$AA$30,INDEX(Jesper!$R$2:$R$366,ROW(INDEX(Jesper!AH$2:AH$366,ROUNDDOWN($C4993/24,0)+1,1))-1)+IF('Standard Profiles'!$G$18=$B$10,7,0)+IF('Standard Profiles'!$G$18=$B$17,14,0)+IF('Standard Profiles'!$G$18=$B$24,21,0),MOD($C4993,24)+1)/SUM(INDEX($D$3:$AA$30,INDEX(Jesper!$R$2:$R$366,ROW(INDEX(Jesper!AH$2:AH$366,ROUNDDOWN($C4993/24,0)+1,1))-1)+IF('Standard Profiles'!$G$18=$B$10,7,0)+IF('Standard Profiles'!$G$18=$B$17,14,0)+IF('Standard Profiles'!$G$18=$B$24,21,0),0)),0)</f>
        <v>13.60529588335835</v>
      </c>
      <c r="E4993" cm="1">
        <f t="array" ref="E4993">IFERROR(INDEX(Jesper!AI$2:AI$366,ROUNDDOWN($C4993/24,0)+1,1)*INDEX($D$3:$AA$30,INDEX(Jesper!$R$2:$R$366,ROW(INDEX(Jesper!AI$2:AI$366,ROUNDDOWN($C4993/24,0)+1,1))-1)+IF('Standard Profiles'!$G$19=$B$10,7,0)+IF('Standard Profiles'!$G$19=$B$17,14,0)+IF('Standard Profiles'!$G$19=$B$24,21,0),MOD($C4993,24)+1)/SUM(INDEX($D$3:$AA$30,INDEX(Jesper!$R$2:$R$366,ROW(INDEX(Jesper!AI$2:AI$366,ROUNDDOWN($C4993/24,0)+1,1))-1)+IF('Standard Profiles'!$G$19=$B$10,7,0)+IF('Standard Profiles'!$G$19=$B$17,14,0)+IF('Standard Profiles'!$G$19=$B$24,21,0),0)),0)</f>
        <v>0</v>
      </c>
      <c r="F4993" cm="1">
        <f t="array" ref="F4993">IFERROR(INDEX(Jesper!AJ$2:AJ$366,ROUNDDOWN($C4993/24,0)+1,1)*INDEX($D$3:$AA$30,INDEX(Jesper!$R$2:$R$366,ROW(INDEX(Jesper!AJ$2:AJ$366,ROUNDDOWN($C4993/24,0)+1,1))-1)+IF('Standard Profiles'!$G$20=$B$10,7,0)+IF('Standard Profiles'!$G$20=$B$17,14,0)+IF('Standard Profiles'!$G$20=$B$24,21,0),MOD($C4993,24)+1)/SUM(INDEX($D$3:$AA$30,INDEX(Jesper!$R$2:$R$366,ROW(INDEX(Jesper!AJ$2:AJ$366,ROUNDDOWN($C4993/24,0)+1,1))-1)+IF('Standard Profiles'!$G$20=$B$10,7,0)+IF('Standard Profiles'!$G$20=$B$17,14,0)+IF('Standard Profiles'!$G$20=$B$24,21,0),0)),0)</f>
        <v>0</v>
      </c>
      <c r="G4993" cm="1">
        <f t="array" ref="G4993">IFERROR(INDEX(Jesper!AK$2:AK$366,ROUNDDOWN($C4993/24,0)+1,1)*INDEX($D$3:$AA$30,INDEX(Jesper!$R$2:$R$366,ROW(INDEX(Jesper!AK$2:AK$366,ROUNDDOWN($C4993/24,0)+1,1))-1)+IF('Standard Profiles'!$G$21=$B$10,7,0)+IF('Standard Profiles'!$G$21=$B$17,14,0)+IF('Standard Profiles'!$G$21=$B$24,21,0),MOD($C4993,24)+1)/SUM(INDEX($D$3:$AA$30,INDEX(Jesper!$R$2:$R$366,ROW(INDEX(Jesper!AK$2:AK$366,ROUNDDOWN($C4993/24,0)+1,1))-1)+IF('Standard Profiles'!$G$21=$B$10,7,0)+IF('Standard Profiles'!$G$21=$B$17,14,0)+IF('Standard Profiles'!$G$21=$B$24,21,0),0)),0)</f>
        <v>0</v>
      </c>
      <c r="H4993" cm="1">
        <f t="array" ref="H4993">IFERROR(INDEX(Jesper!AL$2:AL$366,ROUNDDOWN($C4993/24,0)+1,1)*INDEX($D$3:$AA$30,INDEX(Jesper!$R$2:$R$366,ROW(INDEX(Jesper!AL$2:AL$366,ROUNDDOWN($C4993/24,0)+1,1))-1)+IF('Standard Profiles'!$G$22=$B$10,7,0)+IF('Standard Profiles'!$G$22=$B$17,14,0)+IF('Standard Profiles'!$G$22=$B$24,21,0),MOD($C4993,24)+1)/SUM(INDEX($D$3:$AA$30,INDEX(Jesper!$R$2:$R$366,ROW(INDEX(Jesper!AL$2:AL$366,ROUNDDOWN($C4993/24,0)+1,1))-1)+IF('Standard Profiles'!$G$22=$B$10,7,0)+IF('Standard Profiles'!$G$22=$B$17,14,0)+IF('Standard Profiles'!$G$22=$B$24,21,0),0)),0)</f>
        <v>0</v>
      </c>
      <c r="I4993">
        <f t="shared" si="559"/>
        <v>0.4081588765007505</v>
      </c>
      <c r="J4993">
        <f t="shared" si="560"/>
        <v>1.360529588335835</v>
      </c>
      <c r="K4993">
        <f t="shared" si="561"/>
        <v>2.0407943825037522</v>
      </c>
      <c r="L4993">
        <f t="shared" si="562"/>
        <v>9.7958130360180125</v>
      </c>
      <c r="M4993">
        <f t="shared" si="563"/>
        <v>0</v>
      </c>
      <c r="N4993" s="46">
        <f t="shared" si="564"/>
        <v>45498.624999987973</v>
      </c>
    </row>
    <row r="4994" spans="2:14" x14ac:dyDescent="0.3">
      <c r="B4994">
        <f t="shared" si="558"/>
        <v>4</v>
      </c>
      <c r="C4994" s="16">
        <v>4960</v>
      </c>
      <c r="D4994" cm="1">
        <f t="array" ref="D4994">IFERROR(INDEX(Jesper!AH$2:AH$366,ROUNDDOWN($C4994/24,0)+1,1)*INDEX($D$3:$AA$30,INDEX(Jesper!$R$2:$R$366,ROW(INDEX(Jesper!AH$2:AH$366,ROUNDDOWN($C4994/24,0)+1,1))-1)+IF('Standard Profiles'!$G$18=$B$10,7,0)+IF('Standard Profiles'!$G$18=$B$17,14,0)+IF('Standard Profiles'!$G$18=$B$24,21,0),MOD($C4994,24)+1)/SUM(INDEX($D$3:$AA$30,INDEX(Jesper!$R$2:$R$366,ROW(INDEX(Jesper!AH$2:AH$366,ROUNDDOWN($C4994/24,0)+1,1))-1)+IF('Standard Profiles'!$G$18=$B$10,7,0)+IF('Standard Profiles'!$G$18=$B$17,14,0)+IF('Standard Profiles'!$G$18=$B$24,21,0),0)),0)</f>
        <v>13.60529588335835</v>
      </c>
      <c r="E4994" cm="1">
        <f t="array" ref="E4994">IFERROR(INDEX(Jesper!AI$2:AI$366,ROUNDDOWN($C4994/24,0)+1,1)*INDEX($D$3:$AA$30,INDEX(Jesper!$R$2:$R$366,ROW(INDEX(Jesper!AI$2:AI$366,ROUNDDOWN($C4994/24,0)+1,1))-1)+IF('Standard Profiles'!$G$19=$B$10,7,0)+IF('Standard Profiles'!$G$19=$B$17,14,0)+IF('Standard Profiles'!$G$19=$B$24,21,0),MOD($C4994,24)+1)/SUM(INDEX($D$3:$AA$30,INDEX(Jesper!$R$2:$R$366,ROW(INDEX(Jesper!AI$2:AI$366,ROUNDDOWN($C4994/24,0)+1,1))-1)+IF('Standard Profiles'!$G$19=$B$10,7,0)+IF('Standard Profiles'!$G$19=$B$17,14,0)+IF('Standard Profiles'!$G$19=$B$24,21,0),0)),0)</f>
        <v>0</v>
      </c>
      <c r="F4994" cm="1">
        <f t="array" ref="F4994">IFERROR(INDEX(Jesper!AJ$2:AJ$366,ROUNDDOWN($C4994/24,0)+1,1)*INDEX($D$3:$AA$30,INDEX(Jesper!$R$2:$R$366,ROW(INDEX(Jesper!AJ$2:AJ$366,ROUNDDOWN($C4994/24,0)+1,1))-1)+IF('Standard Profiles'!$G$20=$B$10,7,0)+IF('Standard Profiles'!$G$20=$B$17,14,0)+IF('Standard Profiles'!$G$20=$B$24,21,0),MOD($C4994,24)+1)/SUM(INDEX($D$3:$AA$30,INDEX(Jesper!$R$2:$R$366,ROW(INDEX(Jesper!AJ$2:AJ$366,ROUNDDOWN($C4994/24,0)+1,1))-1)+IF('Standard Profiles'!$G$20=$B$10,7,0)+IF('Standard Profiles'!$G$20=$B$17,14,0)+IF('Standard Profiles'!$G$20=$B$24,21,0),0)),0)</f>
        <v>0</v>
      </c>
      <c r="G4994" cm="1">
        <f t="array" ref="G4994">IFERROR(INDEX(Jesper!AK$2:AK$366,ROUNDDOWN($C4994/24,0)+1,1)*INDEX($D$3:$AA$30,INDEX(Jesper!$R$2:$R$366,ROW(INDEX(Jesper!AK$2:AK$366,ROUNDDOWN($C4994/24,0)+1,1))-1)+IF('Standard Profiles'!$G$21=$B$10,7,0)+IF('Standard Profiles'!$G$21=$B$17,14,0)+IF('Standard Profiles'!$G$21=$B$24,21,0),MOD($C4994,24)+1)/SUM(INDEX($D$3:$AA$30,INDEX(Jesper!$R$2:$R$366,ROW(INDEX(Jesper!AK$2:AK$366,ROUNDDOWN($C4994/24,0)+1,1))-1)+IF('Standard Profiles'!$G$21=$B$10,7,0)+IF('Standard Profiles'!$G$21=$B$17,14,0)+IF('Standard Profiles'!$G$21=$B$24,21,0),0)),0)</f>
        <v>0</v>
      </c>
      <c r="H4994" cm="1">
        <f t="array" ref="H4994">IFERROR(INDEX(Jesper!AL$2:AL$366,ROUNDDOWN($C4994/24,0)+1,1)*INDEX($D$3:$AA$30,INDEX(Jesper!$R$2:$R$366,ROW(INDEX(Jesper!AL$2:AL$366,ROUNDDOWN($C4994/24,0)+1,1))-1)+IF('Standard Profiles'!$G$22=$B$10,7,0)+IF('Standard Profiles'!$G$22=$B$17,14,0)+IF('Standard Profiles'!$G$22=$B$24,21,0),MOD($C4994,24)+1)/SUM(INDEX($D$3:$AA$30,INDEX(Jesper!$R$2:$R$366,ROW(INDEX(Jesper!AL$2:AL$366,ROUNDDOWN($C4994/24,0)+1,1))-1)+IF('Standard Profiles'!$G$22=$B$10,7,0)+IF('Standard Profiles'!$G$22=$B$17,14,0)+IF('Standard Profiles'!$G$22=$B$24,21,0),0)),0)</f>
        <v>0</v>
      </c>
      <c r="I4994">
        <f t="shared" si="559"/>
        <v>0.4081588765007505</v>
      </c>
      <c r="J4994">
        <f t="shared" si="560"/>
        <v>1.360529588335835</v>
      </c>
      <c r="K4994">
        <f t="shared" si="561"/>
        <v>2.0407943825037522</v>
      </c>
      <c r="L4994">
        <f t="shared" si="562"/>
        <v>9.7958130360180125</v>
      </c>
      <c r="M4994">
        <f t="shared" si="563"/>
        <v>0</v>
      </c>
      <c r="N4994" s="46">
        <f t="shared" si="564"/>
        <v>45498.666666654637</v>
      </c>
    </row>
    <row r="4995" spans="2:14" x14ac:dyDescent="0.3">
      <c r="B4995">
        <f t="shared" si="558"/>
        <v>4</v>
      </c>
      <c r="C4995" s="16">
        <v>4961</v>
      </c>
      <c r="D4995" cm="1">
        <f t="array" ref="D4995">IFERROR(INDEX(Jesper!AH$2:AH$366,ROUNDDOWN($C4995/24,0)+1,1)*INDEX($D$3:$AA$30,INDEX(Jesper!$R$2:$R$366,ROW(INDEX(Jesper!AH$2:AH$366,ROUNDDOWN($C4995/24,0)+1,1))-1)+IF('Standard Profiles'!$G$18=$B$10,7,0)+IF('Standard Profiles'!$G$18=$B$17,14,0)+IF('Standard Profiles'!$G$18=$B$24,21,0),MOD($C4995,24)+1)/SUM(INDEX($D$3:$AA$30,INDEX(Jesper!$R$2:$R$366,ROW(INDEX(Jesper!AH$2:AH$366,ROUNDDOWN($C4995/24,0)+1,1))-1)+IF('Standard Profiles'!$G$18=$B$10,7,0)+IF('Standard Profiles'!$G$18=$B$17,14,0)+IF('Standard Profiles'!$G$18=$B$24,21,0),0)),0)</f>
        <v>13.60529588335835</v>
      </c>
      <c r="E4995" cm="1">
        <f t="array" ref="E4995">IFERROR(INDEX(Jesper!AI$2:AI$366,ROUNDDOWN($C4995/24,0)+1,1)*INDEX($D$3:$AA$30,INDEX(Jesper!$R$2:$R$366,ROW(INDEX(Jesper!AI$2:AI$366,ROUNDDOWN($C4995/24,0)+1,1))-1)+IF('Standard Profiles'!$G$19=$B$10,7,0)+IF('Standard Profiles'!$G$19=$B$17,14,0)+IF('Standard Profiles'!$G$19=$B$24,21,0),MOD($C4995,24)+1)/SUM(INDEX($D$3:$AA$30,INDEX(Jesper!$R$2:$R$366,ROW(INDEX(Jesper!AI$2:AI$366,ROUNDDOWN($C4995/24,0)+1,1))-1)+IF('Standard Profiles'!$G$19=$B$10,7,0)+IF('Standard Profiles'!$G$19=$B$17,14,0)+IF('Standard Profiles'!$G$19=$B$24,21,0),0)),0)</f>
        <v>0</v>
      </c>
      <c r="F4995" cm="1">
        <f t="array" ref="F4995">IFERROR(INDEX(Jesper!AJ$2:AJ$366,ROUNDDOWN($C4995/24,0)+1,1)*INDEX($D$3:$AA$30,INDEX(Jesper!$R$2:$R$366,ROW(INDEX(Jesper!AJ$2:AJ$366,ROUNDDOWN($C4995/24,0)+1,1))-1)+IF('Standard Profiles'!$G$20=$B$10,7,0)+IF('Standard Profiles'!$G$20=$B$17,14,0)+IF('Standard Profiles'!$G$20=$B$24,21,0),MOD($C4995,24)+1)/SUM(INDEX($D$3:$AA$30,INDEX(Jesper!$R$2:$R$366,ROW(INDEX(Jesper!AJ$2:AJ$366,ROUNDDOWN($C4995/24,0)+1,1))-1)+IF('Standard Profiles'!$G$20=$B$10,7,0)+IF('Standard Profiles'!$G$20=$B$17,14,0)+IF('Standard Profiles'!$G$20=$B$24,21,0),0)),0)</f>
        <v>0</v>
      </c>
      <c r="G4995" cm="1">
        <f t="array" ref="G4995">IFERROR(INDEX(Jesper!AK$2:AK$366,ROUNDDOWN($C4995/24,0)+1,1)*INDEX($D$3:$AA$30,INDEX(Jesper!$R$2:$R$366,ROW(INDEX(Jesper!AK$2:AK$366,ROUNDDOWN($C4995/24,0)+1,1))-1)+IF('Standard Profiles'!$G$21=$B$10,7,0)+IF('Standard Profiles'!$G$21=$B$17,14,0)+IF('Standard Profiles'!$G$21=$B$24,21,0),MOD($C4995,24)+1)/SUM(INDEX($D$3:$AA$30,INDEX(Jesper!$R$2:$R$366,ROW(INDEX(Jesper!AK$2:AK$366,ROUNDDOWN($C4995/24,0)+1,1))-1)+IF('Standard Profiles'!$G$21=$B$10,7,0)+IF('Standard Profiles'!$G$21=$B$17,14,0)+IF('Standard Profiles'!$G$21=$B$24,21,0),0)),0)</f>
        <v>0</v>
      </c>
      <c r="H4995" cm="1">
        <f t="array" ref="H4995">IFERROR(INDEX(Jesper!AL$2:AL$366,ROUNDDOWN($C4995/24,0)+1,1)*INDEX($D$3:$AA$30,INDEX(Jesper!$R$2:$R$366,ROW(INDEX(Jesper!AL$2:AL$366,ROUNDDOWN($C4995/24,0)+1,1))-1)+IF('Standard Profiles'!$G$22=$B$10,7,0)+IF('Standard Profiles'!$G$22=$B$17,14,0)+IF('Standard Profiles'!$G$22=$B$24,21,0),MOD($C4995,24)+1)/SUM(INDEX($D$3:$AA$30,INDEX(Jesper!$R$2:$R$366,ROW(INDEX(Jesper!AL$2:AL$366,ROUNDDOWN($C4995/24,0)+1,1))-1)+IF('Standard Profiles'!$G$22=$B$10,7,0)+IF('Standard Profiles'!$G$22=$B$17,14,0)+IF('Standard Profiles'!$G$22=$B$24,21,0),0)),0)</f>
        <v>0</v>
      </c>
      <c r="I4995">
        <f t="shared" si="559"/>
        <v>0.4081588765007505</v>
      </c>
      <c r="J4995">
        <f t="shared" si="560"/>
        <v>1.360529588335835</v>
      </c>
      <c r="K4995">
        <f t="shared" si="561"/>
        <v>2.0407943825037522</v>
      </c>
      <c r="L4995">
        <f t="shared" si="562"/>
        <v>9.7958130360180125</v>
      </c>
      <c r="M4995">
        <f t="shared" si="563"/>
        <v>0</v>
      </c>
      <c r="N4995" s="46">
        <f t="shared" si="564"/>
        <v>45498.708333321301</v>
      </c>
    </row>
    <row r="4996" spans="2:14" x14ac:dyDescent="0.3">
      <c r="B4996">
        <f t="shared" si="558"/>
        <v>4</v>
      </c>
      <c r="C4996" s="16">
        <v>4962</v>
      </c>
      <c r="D4996" cm="1">
        <f t="array" ref="D4996">IFERROR(INDEX(Jesper!AH$2:AH$366,ROUNDDOWN($C4996/24,0)+1,1)*INDEX($D$3:$AA$30,INDEX(Jesper!$R$2:$R$366,ROW(INDEX(Jesper!AH$2:AH$366,ROUNDDOWN($C4996/24,0)+1,1))-1)+IF('Standard Profiles'!$G$18=$B$10,7,0)+IF('Standard Profiles'!$G$18=$B$17,14,0)+IF('Standard Profiles'!$G$18=$B$24,21,0),MOD($C4996,24)+1)/SUM(INDEX($D$3:$AA$30,INDEX(Jesper!$R$2:$R$366,ROW(INDEX(Jesper!AH$2:AH$366,ROUNDDOWN($C4996/24,0)+1,1))-1)+IF('Standard Profiles'!$G$18=$B$10,7,0)+IF('Standard Profiles'!$G$18=$B$17,14,0)+IF('Standard Profiles'!$G$18=$B$24,21,0),0)),0)</f>
        <v>13.60529588335835</v>
      </c>
      <c r="E4996" cm="1">
        <f t="array" ref="E4996">IFERROR(INDEX(Jesper!AI$2:AI$366,ROUNDDOWN($C4996/24,0)+1,1)*INDEX($D$3:$AA$30,INDEX(Jesper!$R$2:$R$366,ROW(INDEX(Jesper!AI$2:AI$366,ROUNDDOWN($C4996/24,0)+1,1))-1)+IF('Standard Profiles'!$G$19=$B$10,7,0)+IF('Standard Profiles'!$G$19=$B$17,14,0)+IF('Standard Profiles'!$G$19=$B$24,21,0),MOD($C4996,24)+1)/SUM(INDEX($D$3:$AA$30,INDEX(Jesper!$R$2:$R$366,ROW(INDEX(Jesper!AI$2:AI$366,ROUNDDOWN($C4996/24,0)+1,1))-1)+IF('Standard Profiles'!$G$19=$B$10,7,0)+IF('Standard Profiles'!$G$19=$B$17,14,0)+IF('Standard Profiles'!$G$19=$B$24,21,0),0)),0)</f>
        <v>0</v>
      </c>
      <c r="F4996" cm="1">
        <f t="array" ref="F4996">IFERROR(INDEX(Jesper!AJ$2:AJ$366,ROUNDDOWN($C4996/24,0)+1,1)*INDEX($D$3:$AA$30,INDEX(Jesper!$R$2:$R$366,ROW(INDEX(Jesper!AJ$2:AJ$366,ROUNDDOWN($C4996/24,0)+1,1))-1)+IF('Standard Profiles'!$G$20=$B$10,7,0)+IF('Standard Profiles'!$G$20=$B$17,14,0)+IF('Standard Profiles'!$G$20=$B$24,21,0),MOD($C4996,24)+1)/SUM(INDEX($D$3:$AA$30,INDEX(Jesper!$R$2:$R$366,ROW(INDEX(Jesper!AJ$2:AJ$366,ROUNDDOWN($C4996/24,0)+1,1))-1)+IF('Standard Profiles'!$G$20=$B$10,7,0)+IF('Standard Profiles'!$G$20=$B$17,14,0)+IF('Standard Profiles'!$G$20=$B$24,21,0),0)),0)</f>
        <v>0</v>
      </c>
      <c r="G4996" cm="1">
        <f t="array" ref="G4996">IFERROR(INDEX(Jesper!AK$2:AK$366,ROUNDDOWN($C4996/24,0)+1,1)*INDEX($D$3:$AA$30,INDEX(Jesper!$R$2:$R$366,ROW(INDEX(Jesper!AK$2:AK$366,ROUNDDOWN($C4996/24,0)+1,1))-1)+IF('Standard Profiles'!$G$21=$B$10,7,0)+IF('Standard Profiles'!$G$21=$B$17,14,0)+IF('Standard Profiles'!$G$21=$B$24,21,0),MOD($C4996,24)+1)/SUM(INDEX($D$3:$AA$30,INDEX(Jesper!$R$2:$R$366,ROW(INDEX(Jesper!AK$2:AK$366,ROUNDDOWN($C4996/24,0)+1,1))-1)+IF('Standard Profiles'!$G$21=$B$10,7,0)+IF('Standard Profiles'!$G$21=$B$17,14,0)+IF('Standard Profiles'!$G$21=$B$24,21,0),0)),0)</f>
        <v>0</v>
      </c>
      <c r="H4996" cm="1">
        <f t="array" ref="H4996">IFERROR(INDEX(Jesper!AL$2:AL$366,ROUNDDOWN($C4996/24,0)+1,1)*INDEX($D$3:$AA$30,INDEX(Jesper!$R$2:$R$366,ROW(INDEX(Jesper!AL$2:AL$366,ROUNDDOWN($C4996/24,0)+1,1))-1)+IF('Standard Profiles'!$G$22=$B$10,7,0)+IF('Standard Profiles'!$G$22=$B$17,14,0)+IF('Standard Profiles'!$G$22=$B$24,21,0),MOD($C4996,24)+1)/SUM(INDEX($D$3:$AA$30,INDEX(Jesper!$R$2:$R$366,ROW(INDEX(Jesper!AL$2:AL$366,ROUNDDOWN($C4996/24,0)+1,1))-1)+IF('Standard Profiles'!$G$22=$B$10,7,0)+IF('Standard Profiles'!$G$22=$B$17,14,0)+IF('Standard Profiles'!$G$22=$B$24,21,0),0)),0)</f>
        <v>0</v>
      </c>
      <c r="I4996">
        <f t="shared" si="559"/>
        <v>0.4081588765007505</v>
      </c>
      <c r="J4996">
        <f t="shared" si="560"/>
        <v>1.360529588335835</v>
      </c>
      <c r="K4996">
        <f t="shared" si="561"/>
        <v>2.0407943825037522</v>
      </c>
      <c r="L4996">
        <f t="shared" si="562"/>
        <v>9.7958130360180125</v>
      </c>
      <c r="M4996">
        <f t="shared" si="563"/>
        <v>0</v>
      </c>
      <c r="N4996" s="46">
        <f t="shared" si="564"/>
        <v>45498.749999987966</v>
      </c>
    </row>
    <row r="4997" spans="2:14" x14ac:dyDescent="0.3">
      <c r="B4997">
        <f t="shared" si="558"/>
        <v>4</v>
      </c>
      <c r="C4997" s="16">
        <v>4963</v>
      </c>
      <c r="D4997" cm="1">
        <f t="array" ref="D4997">IFERROR(INDEX(Jesper!AH$2:AH$366,ROUNDDOWN($C4997/24,0)+1,1)*INDEX($D$3:$AA$30,INDEX(Jesper!$R$2:$R$366,ROW(INDEX(Jesper!AH$2:AH$366,ROUNDDOWN($C4997/24,0)+1,1))-1)+IF('Standard Profiles'!$G$18=$B$10,7,0)+IF('Standard Profiles'!$G$18=$B$17,14,0)+IF('Standard Profiles'!$G$18=$B$24,21,0),MOD($C4997,24)+1)/SUM(INDEX($D$3:$AA$30,INDEX(Jesper!$R$2:$R$366,ROW(INDEX(Jesper!AH$2:AH$366,ROUNDDOWN($C4997/24,0)+1,1))-1)+IF('Standard Profiles'!$G$18=$B$10,7,0)+IF('Standard Profiles'!$G$18=$B$17,14,0)+IF('Standard Profiles'!$G$18=$B$24,21,0),0)),0)</f>
        <v>11.337746569465294</v>
      </c>
      <c r="E4997" cm="1">
        <f t="array" ref="E4997">IFERROR(INDEX(Jesper!AI$2:AI$366,ROUNDDOWN($C4997/24,0)+1,1)*INDEX($D$3:$AA$30,INDEX(Jesper!$R$2:$R$366,ROW(INDEX(Jesper!AI$2:AI$366,ROUNDDOWN($C4997/24,0)+1,1))-1)+IF('Standard Profiles'!$G$19=$B$10,7,0)+IF('Standard Profiles'!$G$19=$B$17,14,0)+IF('Standard Profiles'!$G$19=$B$24,21,0),MOD($C4997,24)+1)/SUM(INDEX($D$3:$AA$30,INDEX(Jesper!$R$2:$R$366,ROW(INDEX(Jesper!AI$2:AI$366,ROUNDDOWN($C4997/24,0)+1,1))-1)+IF('Standard Profiles'!$G$19=$B$10,7,0)+IF('Standard Profiles'!$G$19=$B$17,14,0)+IF('Standard Profiles'!$G$19=$B$24,21,0),0)),0)</f>
        <v>0</v>
      </c>
      <c r="F4997" cm="1">
        <f t="array" ref="F4997">IFERROR(INDEX(Jesper!AJ$2:AJ$366,ROUNDDOWN($C4997/24,0)+1,1)*INDEX($D$3:$AA$30,INDEX(Jesper!$R$2:$R$366,ROW(INDEX(Jesper!AJ$2:AJ$366,ROUNDDOWN($C4997/24,0)+1,1))-1)+IF('Standard Profiles'!$G$20=$B$10,7,0)+IF('Standard Profiles'!$G$20=$B$17,14,0)+IF('Standard Profiles'!$G$20=$B$24,21,0),MOD($C4997,24)+1)/SUM(INDEX($D$3:$AA$30,INDEX(Jesper!$R$2:$R$366,ROW(INDEX(Jesper!AJ$2:AJ$366,ROUNDDOWN($C4997/24,0)+1,1))-1)+IF('Standard Profiles'!$G$20=$B$10,7,0)+IF('Standard Profiles'!$G$20=$B$17,14,0)+IF('Standard Profiles'!$G$20=$B$24,21,0),0)),0)</f>
        <v>0</v>
      </c>
      <c r="G4997" cm="1">
        <f t="array" ref="G4997">IFERROR(INDEX(Jesper!AK$2:AK$366,ROUNDDOWN($C4997/24,0)+1,1)*INDEX($D$3:$AA$30,INDEX(Jesper!$R$2:$R$366,ROW(INDEX(Jesper!AK$2:AK$366,ROUNDDOWN($C4997/24,0)+1,1))-1)+IF('Standard Profiles'!$G$21=$B$10,7,0)+IF('Standard Profiles'!$G$21=$B$17,14,0)+IF('Standard Profiles'!$G$21=$B$24,21,0),MOD($C4997,24)+1)/SUM(INDEX($D$3:$AA$30,INDEX(Jesper!$R$2:$R$366,ROW(INDEX(Jesper!AK$2:AK$366,ROUNDDOWN($C4997/24,0)+1,1))-1)+IF('Standard Profiles'!$G$21=$B$10,7,0)+IF('Standard Profiles'!$G$21=$B$17,14,0)+IF('Standard Profiles'!$G$21=$B$24,21,0),0)),0)</f>
        <v>0</v>
      </c>
      <c r="H4997" cm="1">
        <f t="array" ref="H4997">IFERROR(INDEX(Jesper!AL$2:AL$366,ROUNDDOWN($C4997/24,0)+1,1)*INDEX($D$3:$AA$30,INDEX(Jesper!$R$2:$R$366,ROW(INDEX(Jesper!AL$2:AL$366,ROUNDDOWN($C4997/24,0)+1,1))-1)+IF('Standard Profiles'!$G$22=$B$10,7,0)+IF('Standard Profiles'!$G$22=$B$17,14,0)+IF('Standard Profiles'!$G$22=$B$24,21,0),MOD($C4997,24)+1)/SUM(INDEX($D$3:$AA$30,INDEX(Jesper!$R$2:$R$366,ROW(INDEX(Jesper!AL$2:AL$366,ROUNDDOWN($C4997/24,0)+1,1))-1)+IF('Standard Profiles'!$G$22=$B$10,7,0)+IF('Standard Profiles'!$G$22=$B$17,14,0)+IF('Standard Profiles'!$G$22=$B$24,21,0),0)),0)</f>
        <v>0</v>
      </c>
      <c r="I4997">
        <f t="shared" si="559"/>
        <v>0.34013239708395882</v>
      </c>
      <c r="J4997">
        <f t="shared" si="560"/>
        <v>1.1337746569465295</v>
      </c>
      <c r="K4997">
        <f t="shared" si="561"/>
        <v>1.700661985419794</v>
      </c>
      <c r="L4997">
        <f t="shared" si="562"/>
        <v>8.1631775300150107</v>
      </c>
      <c r="M4997">
        <f t="shared" si="563"/>
        <v>0</v>
      </c>
      <c r="N4997" s="46">
        <f t="shared" si="564"/>
        <v>45498.79166665463</v>
      </c>
    </row>
    <row r="4998" spans="2:14" x14ac:dyDescent="0.3">
      <c r="B4998">
        <f t="shared" si="558"/>
        <v>4</v>
      </c>
      <c r="C4998" s="16">
        <v>4964</v>
      </c>
      <c r="D4998" cm="1">
        <f t="array" ref="D4998">IFERROR(INDEX(Jesper!AH$2:AH$366,ROUNDDOWN($C4998/24,0)+1,1)*INDEX($D$3:$AA$30,INDEX(Jesper!$R$2:$R$366,ROW(INDEX(Jesper!AH$2:AH$366,ROUNDDOWN($C4998/24,0)+1,1))-1)+IF('Standard Profiles'!$G$18=$B$10,7,0)+IF('Standard Profiles'!$G$18=$B$17,14,0)+IF('Standard Profiles'!$G$18=$B$24,21,0),MOD($C4998,24)+1)/SUM(INDEX($D$3:$AA$30,INDEX(Jesper!$R$2:$R$366,ROW(INDEX(Jesper!AH$2:AH$366,ROUNDDOWN($C4998/24,0)+1,1))-1)+IF('Standard Profiles'!$G$18=$B$10,7,0)+IF('Standard Profiles'!$G$18=$B$17,14,0)+IF('Standard Profiles'!$G$18=$B$24,21,0),0)),0)</f>
        <v>9.0701972555722357</v>
      </c>
      <c r="E4998" cm="1">
        <f t="array" ref="E4998">IFERROR(INDEX(Jesper!AI$2:AI$366,ROUNDDOWN($C4998/24,0)+1,1)*INDEX($D$3:$AA$30,INDEX(Jesper!$R$2:$R$366,ROW(INDEX(Jesper!AI$2:AI$366,ROUNDDOWN($C4998/24,0)+1,1))-1)+IF('Standard Profiles'!$G$19=$B$10,7,0)+IF('Standard Profiles'!$G$19=$B$17,14,0)+IF('Standard Profiles'!$G$19=$B$24,21,0),MOD($C4998,24)+1)/SUM(INDEX($D$3:$AA$30,INDEX(Jesper!$R$2:$R$366,ROW(INDEX(Jesper!AI$2:AI$366,ROUNDDOWN($C4998/24,0)+1,1))-1)+IF('Standard Profiles'!$G$19=$B$10,7,0)+IF('Standard Profiles'!$G$19=$B$17,14,0)+IF('Standard Profiles'!$G$19=$B$24,21,0),0)),0)</f>
        <v>0</v>
      </c>
      <c r="F4998" cm="1">
        <f t="array" ref="F4998">IFERROR(INDEX(Jesper!AJ$2:AJ$366,ROUNDDOWN($C4998/24,0)+1,1)*INDEX($D$3:$AA$30,INDEX(Jesper!$R$2:$R$366,ROW(INDEX(Jesper!AJ$2:AJ$366,ROUNDDOWN($C4998/24,0)+1,1))-1)+IF('Standard Profiles'!$G$20=$B$10,7,0)+IF('Standard Profiles'!$G$20=$B$17,14,0)+IF('Standard Profiles'!$G$20=$B$24,21,0),MOD($C4998,24)+1)/SUM(INDEX($D$3:$AA$30,INDEX(Jesper!$R$2:$R$366,ROW(INDEX(Jesper!AJ$2:AJ$366,ROUNDDOWN($C4998/24,0)+1,1))-1)+IF('Standard Profiles'!$G$20=$B$10,7,0)+IF('Standard Profiles'!$G$20=$B$17,14,0)+IF('Standard Profiles'!$G$20=$B$24,21,0),0)),0)</f>
        <v>0</v>
      </c>
      <c r="G4998" cm="1">
        <f t="array" ref="G4998">IFERROR(INDEX(Jesper!AK$2:AK$366,ROUNDDOWN($C4998/24,0)+1,1)*INDEX($D$3:$AA$30,INDEX(Jesper!$R$2:$R$366,ROW(INDEX(Jesper!AK$2:AK$366,ROUNDDOWN($C4998/24,0)+1,1))-1)+IF('Standard Profiles'!$G$21=$B$10,7,0)+IF('Standard Profiles'!$G$21=$B$17,14,0)+IF('Standard Profiles'!$G$21=$B$24,21,0),MOD($C4998,24)+1)/SUM(INDEX($D$3:$AA$30,INDEX(Jesper!$R$2:$R$366,ROW(INDEX(Jesper!AK$2:AK$366,ROUNDDOWN($C4998/24,0)+1,1))-1)+IF('Standard Profiles'!$G$21=$B$10,7,0)+IF('Standard Profiles'!$G$21=$B$17,14,0)+IF('Standard Profiles'!$G$21=$B$24,21,0),0)),0)</f>
        <v>0</v>
      </c>
      <c r="H4998" cm="1">
        <f t="array" ref="H4998">IFERROR(INDEX(Jesper!AL$2:AL$366,ROUNDDOWN($C4998/24,0)+1,1)*INDEX($D$3:$AA$30,INDEX(Jesper!$R$2:$R$366,ROW(INDEX(Jesper!AL$2:AL$366,ROUNDDOWN($C4998/24,0)+1,1))-1)+IF('Standard Profiles'!$G$22=$B$10,7,0)+IF('Standard Profiles'!$G$22=$B$17,14,0)+IF('Standard Profiles'!$G$22=$B$24,21,0),MOD($C4998,24)+1)/SUM(INDEX($D$3:$AA$30,INDEX(Jesper!$R$2:$R$366,ROW(INDEX(Jesper!AL$2:AL$366,ROUNDDOWN($C4998/24,0)+1,1))-1)+IF('Standard Profiles'!$G$22=$B$10,7,0)+IF('Standard Profiles'!$G$22=$B$17,14,0)+IF('Standard Profiles'!$G$22=$B$24,21,0),0)),0)</f>
        <v>0</v>
      </c>
      <c r="I4998">
        <f t="shared" si="559"/>
        <v>0.27210591766716707</v>
      </c>
      <c r="J4998">
        <f t="shared" si="560"/>
        <v>0.90701972555722365</v>
      </c>
      <c r="K4998">
        <f t="shared" si="561"/>
        <v>1.3605295883358353</v>
      </c>
      <c r="L4998">
        <f t="shared" si="562"/>
        <v>6.5305420240120098</v>
      </c>
      <c r="M4998">
        <f t="shared" si="563"/>
        <v>0</v>
      </c>
      <c r="N4998" s="46">
        <f t="shared" si="564"/>
        <v>45498.833333321294</v>
      </c>
    </row>
    <row r="4999" spans="2:14" x14ac:dyDescent="0.3">
      <c r="B4999">
        <f t="shared" si="558"/>
        <v>4</v>
      </c>
      <c r="C4999" s="16">
        <v>4965</v>
      </c>
      <c r="D4999" cm="1">
        <f t="array" ref="D4999">IFERROR(INDEX(Jesper!AH$2:AH$366,ROUNDDOWN($C4999/24,0)+1,1)*INDEX($D$3:$AA$30,INDEX(Jesper!$R$2:$R$366,ROW(INDEX(Jesper!AH$2:AH$366,ROUNDDOWN($C4999/24,0)+1,1))-1)+IF('Standard Profiles'!$G$18=$B$10,7,0)+IF('Standard Profiles'!$G$18=$B$17,14,0)+IF('Standard Profiles'!$G$18=$B$24,21,0),MOD($C4999,24)+1)/SUM(INDEX($D$3:$AA$30,INDEX(Jesper!$R$2:$R$366,ROW(INDEX(Jesper!AH$2:AH$366,ROUNDDOWN($C4999/24,0)+1,1))-1)+IF('Standard Profiles'!$G$18=$B$10,7,0)+IF('Standard Profiles'!$G$18=$B$17,14,0)+IF('Standard Profiles'!$G$18=$B$24,21,0),0)),0)</f>
        <v>6.802647941679175</v>
      </c>
      <c r="E4999" cm="1">
        <f t="array" ref="E4999">IFERROR(INDEX(Jesper!AI$2:AI$366,ROUNDDOWN($C4999/24,0)+1,1)*INDEX($D$3:$AA$30,INDEX(Jesper!$R$2:$R$366,ROW(INDEX(Jesper!AI$2:AI$366,ROUNDDOWN($C4999/24,0)+1,1))-1)+IF('Standard Profiles'!$G$19=$B$10,7,0)+IF('Standard Profiles'!$G$19=$B$17,14,0)+IF('Standard Profiles'!$G$19=$B$24,21,0),MOD($C4999,24)+1)/SUM(INDEX($D$3:$AA$30,INDEX(Jesper!$R$2:$R$366,ROW(INDEX(Jesper!AI$2:AI$366,ROUNDDOWN($C4999/24,0)+1,1))-1)+IF('Standard Profiles'!$G$19=$B$10,7,0)+IF('Standard Profiles'!$G$19=$B$17,14,0)+IF('Standard Profiles'!$G$19=$B$24,21,0),0)),0)</f>
        <v>0</v>
      </c>
      <c r="F4999" cm="1">
        <f t="array" ref="F4999">IFERROR(INDEX(Jesper!AJ$2:AJ$366,ROUNDDOWN($C4999/24,0)+1,1)*INDEX($D$3:$AA$30,INDEX(Jesper!$R$2:$R$366,ROW(INDEX(Jesper!AJ$2:AJ$366,ROUNDDOWN($C4999/24,0)+1,1))-1)+IF('Standard Profiles'!$G$20=$B$10,7,0)+IF('Standard Profiles'!$G$20=$B$17,14,0)+IF('Standard Profiles'!$G$20=$B$24,21,0),MOD($C4999,24)+1)/SUM(INDEX($D$3:$AA$30,INDEX(Jesper!$R$2:$R$366,ROW(INDEX(Jesper!AJ$2:AJ$366,ROUNDDOWN($C4999/24,0)+1,1))-1)+IF('Standard Profiles'!$G$20=$B$10,7,0)+IF('Standard Profiles'!$G$20=$B$17,14,0)+IF('Standard Profiles'!$G$20=$B$24,21,0),0)),0)</f>
        <v>0</v>
      </c>
      <c r="G4999" cm="1">
        <f t="array" ref="G4999">IFERROR(INDEX(Jesper!AK$2:AK$366,ROUNDDOWN($C4999/24,0)+1,1)*INDEX($D$3:$AA$30,INDEX(Jesper!$R$2:$R$366,ROW(INDEX(Jesper!AK$2:AK$366,ROUNDDOWN($C4999/24,0)+1,1))-1)+IF('Standard Profiles'!$G$21=$B$10,7,0)+IF('Standard Profiles'!$G$21=$B$17,14,0)+IF('Standard Profiles'!$G$21=$B$24,21,0),MOD($C4999,24)+1)/SUM(INDEX($D$3:$AA$30,INDEX(Jesper!$R$2:$R$366,ROW(INDEX(Jesper!AK$2:AK$366,ROUNDDOWN($C4999/24,0)+1,1))-1)+IF('Standard Profiles'!$G$21=$B$10,7,0)+IF('Standard Profiles'!$G$21=$B$17,14,0)+IF('Standard Profiles'!$G$21=$B$24,21,0),0)),0)</f>
        <v>0</v>
      </c>
      <c r="H4999" cm="1">
        <f t="array" ref="H4999">IFERROR(INDEX(Jesper!AL$2:AL$366,ROUNDDOWN($C4999/24,0)+1,1)*INDEX($D$3:$AA$30,INDEX(Jesper!$R$2:$R$366,ROW(INDEX(Jesper!AL$2:AL$366,ROUNDDOWN($C4999/24,0)+1,1))-1)+IF('Standard Profiles'!$G$22=$B$10,7,0)+IF('Standard Profiles'!$G$22=$B$17,14,0)+IF('Standard Profiles'!$G$22=$B$24,21,0),MOD($C4999,24)+1)/SUM(INDEX($D$3:$AA$30,INDEX(Jesper!$R$2:$R$366,ROW(INDEX(Jesper!AL$2:AL$366,ROUNDDOWN($C4999/24,0)+1,1))-1)+IF('Standard Profiles'!$G$22=$B$10,7,0)+IF('Standard Profiles'!$G$22=$B$17,14,0)+IF('Standard Profiles'!$G$22=$B$24,21,0),0)),0)</f>
        <v>0</v>
      </c>
      <c r="I4999">
        <f t="shared" si="559"/>
        <v>0.20407943825037525</v>
      </c>
      <c r="J4999">
        <f t="shared" si="560"/>
        <v>0.68026479416791752</v>
      </c>
      <c r="K4999">
        <f t="shared" si="561"/>
        <v>1.0203971912518761</v>
      </c>
      <c r="L4999">
        <f t="shared" si="562"/>
        <v>4.8979065180090062</v>
      </c>
      <c r="M4999">
        <f t="shared" si="563"/>
        <v>0</v>
      </c>
      <c r="N4999" s="46">
        <f t="shared" si="564"/>
        <v>45498.874999987958</v>
      </c>
    </row>
    <row r="5000" spans="2:14" x14ac:dyDescent="0.3">
      <c r="B5000">
        <f t="shared" si="558"/>
        <v>4</v>
      </c>
      <c r="C5000" s="16">
        <v>4966</v>
      </c>
      <c r="D5000" cm="1">
        <f t="array" ref="D5000">IFERROR(INDEX(Jesper!AH$2:AH$366,ROUNDDOWN($C5000/24,0)+1,1)*INDEX($D$3:$AA$30,INDEX(Jesper!$R$2:$R$366,ROW(INDEX(Jesper!AH$2:AH$366,ROUNDDOWN($C5000/24,0)+1,1))-1)+IF('Standard Profiles'!$G$18=$B$10,7,0)+IF('Standard Profiles'!$G$18=$B$17,14,0)+IF('Standard Profiles'!$G$18=$B$24,21,0),MOD($C5000,24)+1)/SUM(INDEX($D$3:$AA$30,INDEX(Jesper!$R$2:$R$366,ROW(INDEX(Jesper!AH$2:AH$366,ROUNDDOWN($C5000/24,0)+1,1))-1)+IF('Standard Profiles'!$G$18=$B$10,7,0)+IF('Standard Profiles'!$G$18=$B$17,14,0)+IF('Standard Profiles'!$G$18=$B$24,21,0),0)),0)</f>
        <v>6.802647941679175</v>
      </c>
      <c r="E5000" cm="1">
        <f t="array" ref="E5000">IFERROR(INDEX(Jesper!AI$2:AI$366,ROUNDDOWN($C5000/24,0)+1,1)*INDEX($D$3:$AA$30,INDEX(Jesper!$R$2:$R$366,ROW(INDEX(Jesper!AI$2:AI$366,ROUNDDOWN($C5000/24,0)+1,1))-1)+IF('Standard Profiles'!$G$19=$B$10,7,0)+IF('Standard Profiles'!$G$19=$B$17,14,0)+IF('Standard Profiles'!$G$19=$B$24,21,0),MOD($C5000,24)+1)/SUM(INDEX($D$3:$AA$30,INDEX(Jesper!$R$2:$R$366,ROW(INDEX(Jesper!AI$2:AI$366,ROUNDDOWN($C5000/24,0)+1,1))-1)+IF('Standard Profiles'!$G$19=$B$10,7,0)+IF('Standard Profiles'!$G$19=$B$17,14,0)+IF('Standard Profiles'!$G$19=$B$24,21,0),0)),0)</f>
        <v>0</v>
      </c>
      <c r="F5000" cm="1">
        <f t="array" ref="F5000">IFERROR(INDEX(Jesper!AJ$2:AJ$366,ROUNDDOWN($C5000/24,0)+1,1)*INDEX($D$3:$AA$30,INDEX(Jesper!$R$2:$R$366,ROW(INDEX(Jesper!AJ$2:AJ$366,ROUNDDOWN($C5000/24,0)+1,1))-1)+IF('Standard Profiles'!$G$20=$B$10,7,0)+IF('Standard Profiles'!$G$20=$B$17,14,0)+IF('Standard Profiles'!$G$20=$B$24,21,0),MOD($C5000,24)+1)/SUM(INDEX($D$3:$AA$30,INDEX(Jesper!$R$2:$R$366,ROW(INDEX(Jesper!AJ$2:AJ$366,ROUNDDOWN($C5000/24,0)+1,1))-1)+IF('Standard Profiles'!$G$20=$B$10,7,0)+IF('Standard Profiles'!$G$20=$B$17,14,0)+IF('Standard Profiles'!$G$20=$B$24,21,0),0)),0)</f>
        <v>0</v>
      </c>
      <c r="G5000" cm="1">
        <f t="array" ref="G5000">IFERROR(INDEX(Jesper!AK$2:AK$366,ROUNDDOWN($C5000/24,0)+1,1)*INDEX($D$3:$AA$30,INDEX(Jesper!$R$2:$R$366,ROW(INDEX(Jesper!AK$2:AK$366,ROUNDDOWN($C5000/24,0)+1,1))-1)+IF('Standard Profiles'!$G$21=$B$10,7,0)+IF('Standard Profiles'!$G$21=$B$17,14,0)+IF('Standard Profiles'!$G$21=$B$24,21,0),MOD($C5000,24)+1)/SUM(INDEX($D$3:$AA$30,INDEX(Jesper!$R$2:$R$366,ROW(INDEX(Jesper!AK$2:AK$366,ROUNDDOWN($C5000/24,0)+1,1))-1)+IF('Standard Profiles'!$G$21=$B$10,7,0)+IF('Standard Profiles'!$G$21=$B$17,14,0)+IF('Standard Profiles'!$G$21=$B$24,21,0),0)),0)</f>
        <v>0</v>
      </c>
      <c r="H5000" cm="1">
        <f t="array" ref="H5000">IFERROR(INDEX(Jesper!AL$2:AL$366,ROUNDDOWN($C5000/24,0)+1,1)*INDEX($D$3:$AA$30,INDEX(Jesper!$R$2:$R$366,ROW(INDEX(Jesper!AL$2:AL$366,ROUNDDOWN($C5000/24,0)+1,1))-1)+IF('Standard Profiles'!$G$22=$B$10,7,0)+IF('Standard Profiles'!$G$22=$B$17,14,0)+IF('Standard Profiles'!$G$22=$B$24,21,0),MOD($C5000,24)+1)/SUM(INDEX($D$3:$AA$30,INDEX(Jesper!$R$2:$R$366,ROW(INDEX(Jesper!AL$2:AL$366,ROUNDDOWN($C5000/24,0)+1,1))-1)+IF('Standard Profiles'!$G$22=$B$10,7,0)+IF('Standard Profiles'!$G$22=$B$17,14,0)+IF('Standard Profiles'!$G$22=$B$24,21,0),0)),0)</f>
        <v>0</v>
      </c>
      <c r="I5000">
        <f t="shared" si="559"/>
        <v>0.20407943825037525</v>
      </c>
      <c r="J5000">
        <f t="shared" si="560"/>
        <v>0.68026479416791752</v>
      </c>
      <c r="K5000">
        <f t="shared" si="561"/>
        <v>1.0203971912518761</v>
      </c>
      <c r="L5000">
        <f t="shared" si="562"/>
        <v>4.8979065180090062</v>
      </c>
      <c r="M5000">
        <f t="shared" si="563"/>
        <v>0</v>
      </c>
      <c r="N5000" s="46">
        <f t="shared" si="564"/>
        <v>45498.916666654623</v>
      </c>
    </row>
    <row r="5001" spans="2:14" x14ac:dyDescent="0.3">
      <c r="B5001">
        <f t="shared" si="558"/>
        <v>4</v>
      </c>
      <c r="C5001" s="16">
        <v>4967</v>
      </c>
      <c r="D5001" cm="1">
        <f t="array" ref="D5001">IFERROR(INDEX(Jesper!AH$2:AH$366,ROUNDDOWN($C5001/24,0)+1,1)*INDEX($D$3:$AA$30,INDEX(Jesper!$R$2:$R$366,ROW(INDEX(Jesper!AH$2:AH$366,ROUNDDOWN($C5001/24,0)+1,1))-1)+IF('Standard Profiles'!$G$18=$B$10,7,0)+IF('Standard Profiles'!$G$18=$B$17,14,0)+IF('Standard Profiles'!$G$18=$B$24,21,0),MOD($C5001,24)+1)/SUM(INDEX($D$3:$AA$30,INDEX(Jesper!$R$2:$R$366,ROW(INDEX(Jesper!AH$2:AH$366,ROUNDDOWN($C5001/24,0)+1,1))-1)+IF('Standard Profiles'!$G$18=$B$10,7,0)+IF('Standard Profiles'!$G$18=$B$17,14,0)+IF('Standard Profiles'!$G$18=$B$24,21,0),0)),0)</f>
        <v>6.802647941679175</v>
      </c>
      <c r="E5001" cm="1">
        <f t="array" ref="E5001">IFERROR(INDEX(Jesper!AI$2:AI$366,ROUNDDOWN($C5001/24,0)+1,1)*INDEX($D$3:$AA$30,INDEX(Jesper!$R$2:$R$366,ROW(INDEX(Jesper!AI$2:AI$366,ROUNDDOWN($C5001/24,0)+1,1))-1)+IF('Standard Profiles'!$G$19=$B$10,7,0)+IF('Standard Profiles'!$G$19=$B$17,14,0)+IF('Standard Profiles'!$G$19=$B$24,21,0),MOD($C5001,24)+1)/SUM(INDEX($D$3:$AA$30,INDEX(Jesper!$R$2:$R$366,ROW(INDEX(Jesper!AI$2:AI$366,ROUNDDOWN($C5001/24,0)+1,1))-1)+IF('Standard Profiles'!$G$19=$B$10,7,0)+IF('Standard Profiles'!$G$19=$B$17,14,0)+IF('Standard Profiles'!$G$19=$B$24,21,0),0)),0)</f>
        <v>0</v>
      </c>
      <c r="F5001" cm="1">
        <f t="array" ref="F5001">IFERROR(INDEX(Jesper!AJ$2:AJ$366,ROUNDDOWN($C5001/24,0)+1,1)*INDEX($D$3:$AA$30,INDEX(Jesper!$R$2:$R$366,ROW(INDEX(Jesper!AJ$2:AJ$366,ROUNDDOWN($C5001/24,0)+1,1))-1)+IF('Standard Profiles'!$G$20=$B$10,7,0)+IF('Standard Profiles'!$G$20=$B$17,14,0)+IF('Standard Profiles'!$G$20=$B$24,21,0),MOD($C5001,24)+1)/SUM(INDEX($D$3:$AA$30,INDEX(Jesper!$R$2:$R$366,ROW(INDEX(Jesper!AJ$2:AJ$366,ROUNDDOWN($C5001/24,0)+1,1))-1)+IF('Standard Profiles'!$G$20=$B$10,7,0)+IF('Standard Profiles'!$G$20=$B$17,14,0)+IF('Standard Profiles'!$G$20=$B$24,21,0),0)),0)</f>
        <v>0</v>
      </c>
      <c r="G5001" cm="1">
        <f t="array" ref="G5001">IFERROR(INDEX(Jesper!AK$2:AK$366,ROUNDDOWN($C5001/24,0)+1,1)*INDEX($D$3:$AA$30,INDEX(Jesper!$R$2:$R$366,ROW(INDEX(Jesper!AK$2:AK$366,ROUNDDOWN($C5001/24,0)+1,1))-1)+IF('Standard Profiles'!$G$21=$B$10,7,0)+IF('Standard Profiles'!$G$21=$B$17,14,0)+IF('Standard Profiles'!$G$21=$B$24,21,0),MOD($C5001,24)+1)/SUM(INDEX($D$3:$AA$30,INDEX(Jesper!$R$2:$R$366,ROW(INDEX(Jesper!AK$2:AK$366,ROUNDDOWN($C5001/24,0)+1,1))-1)+IF('Standard Profiles'!$G$21=$B$10,7,0)+IF('Standard Profiles'!$G$21=$B$17,14,0)+IF('Standard Profiles'!$G$21=$B$24,21,0),0)),0)</f>
        <v>0</v>
      </c>
      <c r="H5001" cm="1">
        <f t="array" ref="H5001">IFERROR(INDEX(Jesper!AL$2:AL$366,ROUNDDOWN($C5001/24,0)+1,1)*INDEX($D$3:$AA$30,INDEX(Jesper!$R$2:$R$366,ROW(INDEX(Jesper!AL$2:AL$366,ROUNDDOWN($C5001/24,0)+1,1))-1)+IF('Standard Profiles'!$G$22=$B$10,7,0)+IF('Standard Profiles'!$G$22=$B$17,14,0)+IF('Standard Profiles'!$G$22=$B$24,21,0),MOD($C5001,24)+1)/SUM(INDEX($D$3:$AA$30,INDEX(Jesper!$R$2:$R$366,ROW(INDEX(Jesper!AL$2:AL$366,ROUNDDOWN($C5001/24,0)+1,1))-1)+IF('Standard Profiles'!$G$22=$B$10,7,0)+IF('Standard Profiles'!$G$22=$B$17,14,0)+IF('Standard Profiles'!$G$22=$B$24,21,0),0)),0)</f>
        <v>0</v>
      </c>
      <c r="I5001">
        <f t="shared" si="559"/>
        <v>0.20407943825037525</v>
      </c>
      <c r="J5001">
        <f t="shared" si="560"/>
        <v>0.68026479416791752</v>
      </c>
      <c r="K5001">
        <f t="shared" si="561"/>
        <v>1.0203971912518761</v>
      </c>
      <c r="L5001">
        <f t="shared" si="562"/>
        <v>4.8979065180090062</v>
      </c>
      <c r="M5001">
        <f t="shared" si="563"/>
        <v>0</v>
      </c>
      <c r="N5001" s="46">
        <f t="shared" si="564"/>
        <v>45498.958333321287</v>
      </c>
    </row>
    <row r="5002" spans="2:14" x14ac:dyDescent="0.3">
      <c r="B5002">
        <f t="shared" si="558"/>
        <v>5</v>
      </c>
      <c r="C5002" s="16">
        <v>4968</v>
      </c>
      <c r="D5002" cm="1">
        <f t="array" ref="D5002">IFERROR(INDEX(Jesper!AH$2:AH$366,ROUNDDOWN($C5002/24,0)+1,1)*INDEX($D$3:$AA$30,INDEX(Jesper!$R$2:$R$366,ROW(INDEX(Jesper!AH$2:AH$366,ROUNDDOWN($C5002/24,0)+1,1))-1)+IF('Standard Profiles'!$G$18=$B$10,7,0)+IF('Standard Profiles'!$G$18=$B$17,14,0)+IF('Standard Profiles'!$G$18=$B$24,21,0),MOD($C5002,24)+1)/SUM(INDEX($D$3:$AA$30,INDEX(Jesper!$R$2:$R$366,ROW(INDEX(Jesper!AH$2:AH$366,ROUNDDOWN($C5002/24,0)+1,1))-1)+IF('Standard Profiles'!$G$18=$B$10,7,0)+IF('Standard Profiles'!$G$18=$B$17,14,0)+IF('Standard Profiles'!$G$18=$B$24,21,0),0)),0)</f>
        <v>7.460719752832599</v>
      </c>
      <c r="E5002" cm="1">
        <f t="array" ref="E5002">IFERROR(INDEX(Jesper!AI$2:AI$366,ROUNDDOWN($C5002/24,0)+1,1)*INDEX($D$3:$AA$30,INDEX(Jesper!$R$2:$R$366,ROW(INDEX(Jesper!AI$2:AI$366,ROUNDDOWN($C5002/24,0)+1,1))-1)+IF('Standard Profiles'!$G$19=$B$10,7,0)+IF('Standard Profiles'!$G$19=$B$17,14,0)+IF('Standard Profiles'!$G$19=$B$24,21,0),MOD($C5002,24)+1)/SUM(INDEX($D$3:$AA$30,INDEX(Jesper!$R$2:$R$366,ROW(INDEX(Jesper!AI$2:AI$366,ROUNDDOWN($C5002/24,0)+1,1))-1)+IF('Standard Profiles'!$G$19=$B$10,7,0)+IF('Standard Profiles'!$G$19=$B$17,14,0)+IF('Standard Profiles'!$G$19=$B$24,21,0),0)),0)</f>
        <v>0</v>
      </c>
      <c r="F5002" cm="1">
        <f t="array" ref="F5002">IFERROR(INDEX(Jesper!AJ$2:AJ$366,ROUNDDOWN($C5002/24,0)+1,1)*INDEX($D$3:$AA$30,INDEX(Jesper!$R$2:$R$366,ROW(INDEX(Jesper!AJ$2:AJ$366,ROUNDDOWN($C5002/24,0)+1,1))-1)+IF('Standard Profiles'!$G$20=$B$10,7,0)+IF('Standard Profiles'!$G$20=$B$17,14,0)+IF('Standard Profiles'!$G$20=$B$24,21,0),MOD($C5002,24)+1)/SUM(INDEX($D$3:$AA$30,INDEX(Jesper!$R$2:$R$366,ROW(INDEX(Jesper!AJ$2:AJ$366,ROUNDDOWN($C5002/24,0)+1,1))-1)+IF('Standard Profiles'!$G$20=$B$10,7,0)+IF('Standard Profiles'!$G$20=$B$17,14,0)+IF('Standard Profiles'!$G$20=$B$24,21,0),0)),0)</f>
        <v>0</v>
      </c>
      <c r="G5002" cm="1">
        <f t="array" ref="G5002">IFERROR(INDEX(Jesper!AK$2:AK$366,ROUNDDOWN($C5002/24,0)+1,1)*INDEX($D$3:$AA$30,INDEX(Jesper!$R$2:$R$366,ROW(INDEX(Jesper!AK$2:AK$366,ROUNDDOWN($C5002/24,0)+1,1))-1)+IF('Standard Profiles'!$G$21=$B$10,7,0)+IF('Standard Profiles'!$G$21=$B$17,14,0)+IF('Standard Profiles'!$G$21=$B$24,21,0),MOD($C5002,24)+1)/SUM(INDEX($D$3:$AA$30,INDEX(Jesper!$R$2:$R$366,ROW(INDEX(Jesper!AK$2:AK$366,ROUNDDOWN($C5002/24,0)+1,1))-1)+IF('Standard Profiles'!$G$21=$B$10,7,0)+IF('Standard Profiles'!$G$21=$B$17,14,0)+IF('Standard Profiles'!$G$21=$B$24,21,0),0)),0)</f>
        <v>0</v>
      </c>
      <c r="H5002" cm="1">
        <f t="array" ref="H5002">IFERROR(INDEX(Jesper!AL$2:AL$366,ROUNDDOWN($C5002/24,0)+1,1)*INDEX($D$3:$AA$30,INDEX(Jesper!$R$2:$R$366,ROW(INDEX(Jesper!AL$2:AL$366,ROUNDDOWN($C5002/24,0)+1,1))-1)+IF('Standard Profiles'!$G$22=$B$10,7,0)+IF('Standard Profiles'!$G$22=$B$17,14,0)+IF('Standard Profiles'!$G$22=$B$24,21,0),MOD($C5002,24)+1)/SUM(INDEX($D$3:$AA$30,INDEX(Jesper!$R$2:$R$366,ROW(INDEX(Jesper!AL$2:AL$366,ROUNDDOWN($C5002/24,0)+1,1))-1)+IF('Standard Profiles'!$G$22=$B$10,7,0)+IF('Standard Profiles'!$G$22=$B$17,14,0)+IF('Standard Profiles'!$G$22=$B$24,21,0),0)),0)</f>
        <v>0</v>
      </c>
      <c r="I5002">
        <f t="shared" si="559"/>
        <v>0.22382159258497797</v>
      </c>
      <c r="J5002">
        <f t="shared" si="560"/>
        <v>0.74607197528325997</v>
      </c>
      <c r="K5002">
        <f t="shared" si="561"/>
        <v>1.1191079629248899</v>
      </c>
      <c r="L5002">
        <f t="shared" si="562"/>
        <v>5.3717182220394708</v>
      </c>
      <c r="M5002">
        <f t="shared" si="563"/>
        <v>0</v>
      </c>
      <c r="N5002" s="46">
        <f t="shared" si="564"/>
        <v>45498.999999987951</v>
      </c>
    </row>
    <row r="5003" spans="2:14" x14ac:dyDescent="0.3">
      <c r="B5003">
        <f t="shared" si="558"/>
        <v>5</v>
      </c>
      <c r="C5003" s="16">
        <v>4969</v>
      </c>
      <c r="D5003" cm="1">
        <f t="array" ref="D5003">IFERROR(INDEX(Jesper!AH$2:AH$366,ROUNDDOWN($C5003/24,0)+1,1)*INDEX($D$3:$AA$30,INDEX(Jesper!$R$2:$R$366,ROW(INDEX(Jesper!AH$2:AH$366,ROUNDDOWN($C5003/24,0)+1,1))-1)+IF('Standard Profiles'!$G$18=$B$10,7,0)+IF('Standard Profiles'!$G$18=$B$17,14,0)+IF('Standard Profiles'!$G$18=$B$24,21,0),MOD($C5003,24)+1)/SUM(INDEX($D$3:$AA$30,INDEX(Jesper!$R$2:$R$366,ROW(INDEX(Jesper!AH$2:AH$366,ROUNDDOWN($C5003/24,0)+1,1))-1)+IF('Standard Profiles'!$G$18=$B$10,7,0)+IF('Standard Profiles'!$G$18=$B$17,14,0)+IF('Standard Profiles'!$G$18=$B$24,21,0),0)),0)</f>
        <v>7.460719752832599</v>
      </c>
      <c r="E5003" cm="1">
        <f t="array" ref="E5003">IFERROR(INDEX(Jesper!AI$2:AI$366,ROUNDDOWN($C5003/24,0)+1,1)*INDEX($D$3:$AA$30,INDEX(Jesper!$R$2:$R$366,ROW(INDEX(Jesper!AI$2:AI$366,ROUNDDOWN($C5003/24,0)+1,1))-1)+IF('Standard Profiles'!$G$19=$B$10,7,0)+IF('Standard Profiles'!$G$19=$B$17,14,0)+IF('Standard Profiles'!$G$19=$B$24,21,0),MOD($C5003,24)+1)/SUM(INDEX($D$3:$AA$30,INDEX(Jesper!$R$2:$R$366,ROW(INDEX(Jesper!AI$2:AI$366,ROUNDDOWN($C5003/24,0)+1,1))-1)+IF('Standard Profiles'!$G$19=$B$10,7,0)+IF('Standard Profiles'!$G$19=$B$17,14,0)+IF('Standard Profiles'!$G$19=$B$24,21,0),0)),0)</f>
        <v>0</v>
      </c>
      <c r="F5003" cm="1">
        <f t="array" ref="F5003">IFERROR(INDEX(Jesper!AJ$2:AJ$366,ROUNDDOWN($C5003/24,0)+1,1)*INDEX($D$3:$AA$30,INDEX(Jesper!$R$2:$R$366,ROW(INDEX(Jesper!AJ$2:AJ$366,ROUNDDOWN($C5003/24,0)+1,1))-1)+IF('Standard Profiles'!$G$20=$B$10,7,0)+IF('Standard Profiles'!$G$20=$B$17,14,0)+IF('Standard Profiles'!$G$20=$B$24,21,0),MOD($C5003,24)+1)/SUM(INDEX($D$3:$AA$30,INDEX(Jesper!$R$2:$R$366,ROW(INDEX(Jesper!AJ$2:AJ$366,ROUNDDOWN($C5003/24,0)+1,1))-1)+IF('Standard Profiles'!$G$20=$B$10,7,0)+IF('Standard Profiles'!$G$20=$B$17,14,0)+IF('Standard Profiles'!$G$20=$B$24,21,0),0)),0)</f>
        <v>0</v>
      </c>
      <c r="G5003" cm="1">
        <f t="array" ref="G5003">IFERROR(INDEX(Jesper!AK$2:AK$366,ROUNDDOWN($C5003/24,0)+1,1)*INDEX($D$3:$AA$30,INDEX(Jesper!$R$2:$R$366,ROW(INDEX(Jesper!AK$2:AK$366,ROUNDDOWN($C5003/24,0)+1,1))-1)+IF('Standard Profiles'!$G$21=$B$10,7,0)+IF('Standard Profiles'!$G$21=$B$17,14,0)+IF('Standard Profiles'!$G$21=$B$24,21,0),MOD($C5003,24)+1)/SUM(INDEX($D$3:$AA$30,INDEX(Jesper!$R$2:$R$366,ROW(INDEX(Jesper!AK$2:AK$366,ROUNDDOWN($C5003/24,0)+1,1))-1)+IF('Standard Profiles'!$G$21=$B$10,7,0)+IF('Standard Profiles'!$G$21=$B$17,14,0)+IF('Standard Profiles'!$G$21=$B$24,21,0),0)),0)</f>
        <v>0</v>
      </c>
      <c r="H5003" cm="1">
        <f t="array" ref="H5003">IFERROR(INDEX(Jesper!AL$2:AL$366,ROUNDDOWN($C5003/24,0)+1,1)*INDEX($D$3:$AA$30,INDEX(Jesper!$R$2:$R$366,ROW(INDEX(Jesper!AL$2:AL$366,ROUNDDOWN($C5003/24,0)+1,1))-1)+IF('Standard Profiles'!$G$22=$B$10,7,0)+IF('Standard Profiles'!$G$22=$B$17,14,0)+IF('Standard Profiles'!$G$22=$B$24,21,0),MOD($C5003,24)+1)/SUM(INDEX($D$3:$AA$30,INDEX(Jesper!$R$2:$R$366,ROW(INDEX(Jesper!AL$2:AL$366,ROUNDDOWN($C5003/24,0)+1,1))-1)+IF('Standard Profiles'!$G$22=$B$10,7,0)+IF('Standard Profiles'!$G$22=$B$17,14,0)+IF('Standard Profiles'!$G$22=$B$24,21,0),0)),0)</f>
        <v>0</v>
      </c>
      <c r="I5003">
        <f t="shared" si="559"/>
        <v>0.22382159258497797</v>
      </c>
      <c r="J5003">
        <f t="shared" si="560"/>
        <v>0.74607197528325997</v>
      </c>
      <c r="K5003">
        <f t="shared" si="561"/>
        <v>1.1191079629248899</v>
      </c>
      <c r="L5003">
        <f t="shared" si="562"/>
        <v>5.3717182220394708</v>
      </c>
      <c r="M5003">
        <f t="shared" si="563"/>
        <v>0</v>
      </c>
      <c r="N5003" s="46">
        <f t="shared" si="564"/>
        <v>45499.041666654615</v>
      </c>
    </row>
    <row r="5004" spans="2:14" x14ac:dyDescent="0.3">
      <c r="B5004">
        <f t="shared" si="558"/>
        <v>5</v>
      </c>
      <c r="C5004" s="16">
        <v>4970</v>
      </c>
      <c r="D5004" cm="1">
        <f t="array" ref="D5004">IFERROR(INDEX(Jesper!AH$2:AH$366,ROUNDDOWN($C5004/24,0)+1,1)*INDEX($D$3:$AA$30,INDEX(Jesper!$R$2:$R$366,ROW(INDEX(Jesper!AH$2:AH$366,ROUNDDOWN($C5004/24,0)+1,1))-1)+IF('Standard Profiles'!$G$18=$B$10,7,0)+IF('Standard Profiles'!$G$18=$B$17,14,0)+IF('Standard Profiles'!$G$18=$B$24,21,0),MOD($C5004,24)+1)/SUM(INDEX($D$3:$AA$30,INDEX(Jesper!$R$2:$R$366,ROW(INDEX(Jesper!AH$2:AH$366,ROUNDDOWN($C5004/24,0)+1,1))-1)+IF('Standard Profiles'!$G$18=$B$10,7,0)+IF('Standard Profiles'!$G$18=$B$17,14,0)+IF('Standard Profiles'!$G$18=$B$24,21,0),0)),0)</f>
        <v>7.460719752832599</v>
      </c>
      <c r="E5004" cm="1">
        <f t="array" ref="E5004">IFERROR(INDEX(Jesper!AI$2:AI$366,ROUNDDOWN($C5004/24,0)+1,1)*INDEX($D$3:$AA$30,INDEX(Jesper!$R$2:$R$366,ROW(INDEX(Jesper!AI$2:AI$366,ROUNDDOWN($C5004/24,0)+1,1))-1)+IF('Standard Profiles'!$G$19=$B$10,7,0)+IF('Standard Profiles'!$G$19=$B$17,14,0)+IF('Standard Profiles'!$G$19=$B$24,21,0),MOD($C5004,24)+1)/SUM(INDEX($D$3:$AA$30,INDEX(Jesper!$R$2:$R$366,ROW(INDEX(Jesper!AI$2:AI$366,ROUNDDOWN($C5004/24,0)+1,1))-1)+IF('Standard Profiles'!$G$19=$B$10,7,0)+IF('Standard Profiles'!$G$19=$B$17,14,0)+IF('Standard Profiles'!$G$19=$B$24,21,0),0)),0)</f>
        <v>0</v>
      </c>
      <c r="F5004" cm="1">
        <f t="array" ref="F5004">IFERROR(INDEX(Jesper!AJ$2:AJ$366,ROUNDDOWN($C5004/24,0)+1,1)*INDEX($D$3:$AA$30,INDEX(Jesper!$R$2:$R$366,ROW(INDEX(Jesper!AJ$2:AJ$366,ROUNDDOWN($C5004/24,0)+1,1))-1)+IF('Standard Profiles'!$G$20=$B$10,7,0)+IF('Standard Profiles'!$G$20=$B$17,14,0)+IF('Standard Profiles'!$G$20=$B$24,21,0),MOD($C5004,24)+1)/SUM(INDEX($D$3:$AA$30,INDEX(Jesper!$R$2:$R$366,ROW(INDEX(Jesper!AJ$2:AJ$366,ROUNDDOWN($C5004/24,0)+1,1))-1)+IF('Standard Profiles'!$G$20=$B$10,7,0)+IF('Standard Profiles'!$G$20=$B$17,14,0)+IF('Standard Profiles'!$G$20=$B$24,21,0),0)),0)</f>
        <v>0</v>
      </c>
      <c r="G5004" cm="1">
        <f t="array" ref="G5004">IFERROR(INDEX(Jesper!AK$2:AK$366,ROUNDDOWN($C5004/24,0)+1,1)*INDEX($D$3:$AA$30,INDEX(Jesper!$R$2:$R$366,ROW(INDEX(Jesper!AK$2:AK$366,ROUNDDOWN($C5004/24,0)+1,1))-1)+IF('Standard Profiles'!$G$21=$B$10,7,0)+IF('Standard Profiles'!$G$21=$B$17,14,0)+IF('Standard Profiles'!$G$21=$B$24,21,0),MOD($C5004,24)+1)/SUM(INDEX($D$3:$AA$30,INDEX(Jesper!$R$2:$R$366,ROW(INDEX(Jesper!AK$2:AK$366,ROUNDDOWN($C5004/24,0)+1,1))-1)+IF('Standard Profiles'!$G$21=$B$10,7,0)+IF('Standard Profiles'!$G$21=$B$17,14,0)+IF('Standard Profiles'!$G$21=$B$24,21,0),0)),0)</f>
        <v>0</v>
      </c>
      <c r="H5004" cm="1">
        <f t="array" ref="H5004">IFERROR(INDEX(Jesper!AL$2:AL$366,ROUNDDOWN($C5004/24,0)+1,1)*INDEX($D$3:$AA$30,INDEX(Jesper!$R$2:$R$366,ROW(INDEX(Jesper!AL$2:AL$366,ROUNDDOWN($C5004/24,0)+1,1))-1)+IF('Standard Profiles'!$G$22=$B$10,7,0)+IF('Standard Profiles'!$G$22=$B$17,14,0)+IF('Standard Profiles'!$G$22=$B$24,21,0),MOD($C5004,24)+1)/SUM(INDEX($D$3:$AA$30,INDEX(Jesper!$R$2:$R$366,ROW(INDEX(Jesper!AL$2:AL$366,ROUNDDOWN($C5004/24,0)+1,1))-1)+IF('Standard Profiles'!$G$22=$B$10,7,0)+IF('Standard Profiles'!$G$22=$B$17,14,0)+IF('Standard Profiles'!$G$22=$B$24,21,0),0)),0)</f>
        <v>0</v>
      </c>
      <c r="I5004">
        <f t="shared" si="559"/>
        <v>0.22382159258497797</v>
      </c>
      <c r="J5004">
        <f t="shared" si="560"/>
        <v>0.74607197528325997</v>
      </c>
      <c r="K5004">
        <f t="shared" si="561"/>
        <v>1.1191079629248899</v>
      </c>
      <c r="L5004">
        <f t="shared" si="562"/>
        <v>5.3717182220394708</v>
      </c>
      <c r="M5004">
        <f t="shared" si="563"/>
        <v>0</v>
      </c>
      <c r="N5004" s="46">
        <f t="shared" si="564"/>
        <v>45499.083333321279</v>
      </c>
    </row>
    <row r="5005" spans="2:14" x14ac:dyDescent="0.3">
      <c r="B5005">
        <f t="shared" si="558"/>
        <v>5</v>
      </c>
      <c r="C5005" s="16">
        <v>4971</v>
      </c>
      <c r="D5005" cm="1">
        <f t="array" ref="D5005">IFERROR(INDEX(Jesper!AH$2:AH$366,ROUNDDOWN($C5005/24,0)+1,1)*INDEX($D$3:$AA$30,INDEX(Jesper!$R$2:$R$366,ROW(INDEX(Jesper!AH$2:AH$366,ROUNDDOWN($C5005/24,0)+1,1))-1)+IF('Standard Profiles'!$G$18=$B$10,7,0)+IF('Standard Profiles'!$G$18=$B$17,14,0)+IF('Standard Profiles'!$G$18=$B$24,21,0),MOD($C5005,24)+1)/SUM(INDEX($D$3:$AA$30,INDEX(Jesper!$R$2:$R$366,ROW(INDEX(Jesper!AH$2:AH$366,ROUNDDOWN($C5005/24,0)+1,1))-1)+IF('Standard Profiles'!$G$18=$B$10,7,0)+IF('Standard Profiles'!$G$18=$B$17,14,0)+IF('Standard Profiles'!$G$18=$B$24,21,0),0)),0)</f>
        <v>7.460719752832599</v>
      </c>
      <c r="E5005" cm="1">
        <f t="array" ref="E5005">IFERROR(INDEX(Jesper!AI$2:AI$366,ROUNDDOWN($C5005/24,0)+1,1)*INDEX($D$3:$AA$30,INDEX(Jesper!$R$2:$R$366,ROW(INDEX(Jesper!AI$2:AI$366,ROUNDDOWN($C5005/24,0)+1,1))-1)+IF('Standard Profiles'!$G$19=$B$10,7,0)+IF('Standard Profiles'!$G$19=$B$17,14,0)+IF('Standard Profiles'!$G$19=$B$24,21,0),MOD($C5005,24)+1)/SUM(INDEX($D$3:$AA$30,INDEX(Jesper!$R$2:$R$366,ROW(INDEX(Jesper!AI$2:AI$366,ROUNDDOWN($C5005/24,0)+1,1))-1)+IF('Standard Profiles'!$G$19=$B$10,7,0)+IF('Standard Profiles'!$G$19=$B$17,14,0)+IF('Standard Profiles'!$G$19=$B$24,21,0),0)),0)</f>
        <v>0</v>
      </c>
      <c r="F5005" cm="1">
        <f t="array" ref="F5005">IFERROR(INDEX(Jesper!AJ$2:AJ$366,ROUNDDOWN($C5005/24,0)+1,1)*INDEX($D$3:$AA$30,INDEX(Jesper!$R$2:$R$366,ROW(INDEX(Jesper!AJ$2:AJ$366,ROUNDDOWN($C5005/24,0)+1,1))-1)+IF('Standard Profiles'!$G$20=$B$10,7,0)+IF('Standard Profiles'!$G$20=$B$17,14,0)+IF('Standard Profiles'!$G$20=$B$24,21,0),MOD($C5005,24)+1)/SUM(INDEX($D$3:$AA$30,INDEX(Jesper!$R$2:$R$366,ROW(INDEX(Jesper!AJ$2:AJ$366,ROUNDDOWN($C5005/24,0)+1,1))-1)+IF('Standard Profiles'!$G$20=$B$10,7,0)+IF('Standard Profiles'!$G$20=$B$17,14,0)+IF('Standard Profiles'!$G$20=$B$24,21,0),0)),0)</f>
        <v>0</v>
      </c>
      <c r="G5005" cm="1">
        <f t="array" ref="G5005">IFERROR(INDEX(Jesper!AK$2:AK$366,ROUNDDOWN($C5005/24,0)+1,1)*INDEX($D$3:$AA$30,INDEX(Jesper!$R$2:$R$366,ROW(INDEX(Jesper!AK$2:AK$366,ROUNDDOWN($C5005/24,0)+1,1))-1)+IF('Standard Profiles'!$G$21=$B$10,7,0)+IF('Standard Profiles'!$G$21=$B$17,14,0)+IF('Standard Profiles'!$G$21=$B$24,21,0),MOD($C5005,24)+1)/SUM(INDEX($D$3:$AA$30,INDEX(Jesper!$R$2:$R$366,ROW(INDEX(Jesper!AK$2:AK$366,ROUNDDOWN($C5005/24,0)+1,1))-1)+IF('Standard Profiles'!$G$21=$B$10,7,0)+IF('Standard Profiles'!$G$21=$B$17,14,0)+IF('Standard Profiles'!$G$21=$B$24,21,0),0)),0)</f>
        <v>0</v>
      </c>
      <c r="H5005" cm="1">
        <f t="array" ref="H5005">IFERROR(INDEX(Jesper!AL$2:AL$366,ROUNDDOWN($C5005/24,0)+1,1)*INDEX($D$3:$AA$30,INDEX(Jesper!$R$2:$R$366,ROW(INDEX(Jesper!AL$2:AL$366,ROUNDDOWN($C5005/24,0)+1,1))-1)+IF('Standard Profiles'!$G$22=$B$10,7,0)+IF('Standard Profiles'!$G$22=$B$17,14,0)+IF('Standard Profiles'!$G$22=$B$24,21,0),MOD($C5005,24)+1)/SUM(INDEX($D$3:$AA$30,INDEX(Jesper!$R$2:$R$366,ROW(INDEX(Jesper!AL$2:AL$366,ROUNDDOWN($C5005/24,0)+1,1))-1)+IF('Standard Profiles'!$G$22=$B$10,7,0)+IF('Standard Profiles'!$G$22=$B$17,14,0)+IF('Standard Profiles'!$G$22=$B$24,21,0),0)),0)</f>
        <v>0</v>
      </c>
      <c r="I5005">
        <f t="shared" si="559"/>
        <v>0.22382159258497797</v>
      </c>
      <c r="J5005">
        <f t="shared" si="560"/>
        <v>0.74607197528325997</v>
      </c>
      <c r="K5005">
        <f t="shared" si="561"/>
        <v>1.1191079629248899</v>
      </c>
      <c r="L5005">
        <f t="shared" si="562"/>
        <v>5.3717182220394708</v>
      </c>
      <c r="M5005">
        <f t="shared" si="563"/>
        <v>0</v>
      </c>
      <c r="N5005" s="46">
        <f t="shared" si="564"/>
        <v>45499.124999987944</v>
      </c>
    </row>
    <row r="5006" spans="2:14" x14ac:dyDescent="0.3">
      <c r="B5006">
        <f t="shared" si="558"/>
        <v>5</v>
      </c>
      <c r="C5006" s="16">
        <v>4972</v>
      </c>
      <c r="D5006" cm="1">
        <f t="array" ref="D5006">IFERROR(INDEX(Jesper!AH$2:AH$366,ROUNDDOWN($C5006/24,0)+1,1)*INDEX($D$3:$AA$30,INDEX(Jesper!$R$2:$R$366,ROW(INDEX(Jesper!AH$2:AH$366,ROUNDDOWN($C5006/24,0)+1,1))-1)+IF('Standard Profiles'!$G$18=$B$10,7,0)+IF('Standard Profiles'!$G$18=$B$17,14,0)+IF('Standard Profiles'!$G$18=$B$24,21,0),MOD($C5006,24)+1)/SUM(INDEX($D$3:$AA$30,INDEX(Jesper!$R$2:$R$366,ROW(INDEX(Jesper!AH$2:AH$366,ROUNDDOWN($C5006/24,0)+1,1))-1)+IF('Standard Profiles'!$G$18=$B$10,7,0)+IF('Standard Profiles'!$G$18=$B$17,14,0)+IF('Standard Profiles'!$G$18=$B$24,21,0),0)),0)</f>
        <v>7.460719752832599</v>
      </c>
      <c r="E5006" cm="1">
        <f t="array" ref="E5006">IFERROR(INDEX(Jesper!AI$2:AI$366,ROUNDDOWN($C5006/24,0)+1,1)*INDEX($D$3:$AA$30,INDEX(Jesper!$R$2:$R$366,ROW(INDEX(Jesper!AI$2:AI$366,ROUNDDOWN($C5006/24,0)+1,1))-1)+IF('Standard Profiles'!$G$19=$B$10,7,0)+IF('Standard Profiles'!$G$19=$B$17,14,0)+IF('Standard Profiles'!$G$19=$B$24,21,0),MOD($C5006,24)+1)/SUM(INDEX($D$3:$AA$30,INDEX(Jesper!$R$2:$R$366,ROW(INDEX(Jesper!AI$2:AI$366,ROUNDDOWN($C5006/24,0)+1,1))-1)+IF('Standard Profiles'!$G$19=$B$10,7,0)+IF('Standard Profiles'!$G$19=$B$17,14,0)+IF('Standard Profiles'!$G$19=$B$24,21,0),0)),0)</f>
        <v>0</v>
      </c>
      <c r="F5006" cm="1">
        <f t="array" ref="F5006">IFERROR(INDEX(Jesper!AJ$2:AJ$366,ROUNDDOWN($C5006/24,0)+1,1)*INDEX($D$3:$AA$30,INDEX(Jesper!$R$2:$R$366,ROW(INDEX(Jesper!AJ$2:AJ$366,ROUNDDOWN($C5006/24,0)+1,1))-1)+IF('Standard Profiles'!$G$20=$B$10,7,0)+IF('Standard Profiles'!$G$20=$B$17,14,0)+IF('Standard Profiles'!$G$20=$B$24,21,0),MOD($C5006,24)+1)/SUM(INDEX($D$3:$AA$30,INDEX(Jesper!$R$2:$R$366,ROW(INDEX(Jesper!AJ$2:AJ$366,ROUNDDOWN($C5006/24,0)+1,1))-1)+IF('Standard Profiles'!$G$20=$B$10,7,0)+IF('Standard Profiles'!$G$20=$B$17,14,0)+IF('Standard Profiles'!$G$20=$B$24,21,0),0)),0)</f>
        <v>0</v>
      </c>
      <c r="G5006" cm="1">
        <f t="array" ref="G5006">IFERROR(INDEX(Jesper!AK$2:AK$366,ROUNDDOWN($C5006/24,0)+1,1)*INDEX($D$3:$AA$30,INDEX(Jesper!$R$2:$R$366,ROW(INDEX(Jesper!AK$2:AK$366,ROUNDDOWN($C5006/24,0)+1,1))-1)+IF('Standard Profiles'!$G$21=$B$10,7,0)+IF('Standard Profiles'!$G$21=$B$17,14,0)+IF('Standard Profiles'!$G$21=$B$24,21,0),MOD($C5006,24)+1)/SUM(INDEX($D$3:$AA$30,INDEX(Jesper!$R$2:$R$366,ROW(INDEX(Jesper!AK$2:AK$366,ROUNDDOWN($C5006/24,0)+1,1))-1)+IF('Standard Profiles'!$G$21=$B$10,7,0)+IF('Standard Profiles'!$G$21=$B$17,14,0)+IF('Standard Profiles'!$G$21=$B$24,21,0),0)),0)</f>
        <v>0</v>
      </c>
      <c r="H5006" cm="1">
        <f t="array" ref="H5006">IFERROR(INDEX(Jesper!AL$2:AL$366,ROUNDDOWN($C5006/24,0)+1,1)*INDEX($D$3:$AA$30,INDEX(Jesper!$R$2:$R$366,ROW(INDEX(Jesper!AL$2:AL$366,ROUNDDOWN($C5006/24,0)+1,1))-1)+IF('Standard Profiles'!$G$22=$B$10,7,0)+IF('Standard Profiles'!$G$22=$B$17,14,0)+IF('Standard Profiles'!$G$22=$B$24,21,0),MOD($C5006,24)+1)/SUM(INDEX($D$3:$AA$30,INDEX(Jesper!$R$2:$R$366,ROW(INDEX(Jesper!AL$2:AL$366,ROUNDDOWN($C5006/24,0)+1,1))-1)+IF('Standard Profiles'!$G$22=$B$10,7,0)+IF('Standard Profiles'!$G$22=$B$17,14,0)+IF('Standard Profiles'!$G$22=$B$24,21,0),0)),0)</f>
        <v>0</v>
      </c>
      <c r="I5006">
        <f t="shared" si="559"/>
        <v>0.22382159258497797</v>
      </c>
      <c r="J5006">
        <f t="shared" si="560"/>
        <v>0.74607197528325997</v>
      </c>
      <c r="K5006">
        <f t="shared" si="561"/>
        <v>1.1191079629248899</v>
      </c>
      <c r="L5006">
        <f t="shared" si="562"/>
        <v>5.3717182220394708</v>
      </c>
      <c r="M5006">
        <f t="shared" si="563"/>
        <v>0</v>
      </c>
      <c r="N5006" s="46">
        <f t="shared" si="564"/>
        <v>45499.166666654608</v>
      </c>
    </row>
    <row r="5007" spans="2:14" x14ac:dyDescent="0.3">
      <c r="B5007">
        <f t="shared" si="558"/>
        <v>5</v>
      </c>
      <c r="C5007" s="16">
        <v>4973</v>
      </c>
      <c r="D5007" cm="1">
        <f t="array" ref="D5007">IFERROR(INDEX(Jesper!AH$2:AH$366,ROUNDDOWN($C5007/24,0)+1,1)*INDEX($D$3:$AA$30,INDEX(Jesper!$R$2:$R$366,ROW(INDEX(Jesper!AH$2:AH$366,ROUNDDOWN($C5007/24,0)+1,1))-1)+IF('Standard Profiles'!$G$18=$B$10,7,0)+IF('Standard Profiles'!$G$18=$B$17,14,0)+IF('Standard Profiles'!$G$18=$B$24,21,0),MOD($C5007,24)+1)/SUM(INDEX($D$3:$AA$30,INDEX(Jesper!$R$2:$R$366,ROW(INDEX(Jesper!AH$2:AH$366,ROUNDDOWN($C5007/24,0)+1,1))-1)+IF('Standard Profiles'!$G$18=$B$10,7,0)+IF('Standard Profiles'!$G$18=$B$17,14,0)+IF('Standard Profiles'!$G$18=$B$24,21,0),0)),0)</f>
        <v>9.6160387925397934</v>
      </c>
      <c r="E5007" cm="1">
        <f t="array" ref="E5007">IFERROR(INDEX(Jesper!AI$2:AI$366,ROUNDDOWN($C5007/24,0)+1,1)*INDEX($D$3:$AA$30,INDEX(Jesper!$R$2:$R$366,ROW(INDEX(Jesper!AI$2:AI$366,ROUNDDOWN($C5007/24,0)+1,1))-1)+IF('Standard Profiles'!$G$19=$B$10,7,0)+IF('Standard Profiles'!$G$19=$B$17,14,0)+IF('Standard Profiles'!$G$19=$B$24,21,0),MOD($C5007,24)+1)/SUM(INDEX($D$3:$AA$30,INDEX(Jesper!$R$2:$R$366,ROW(INDEX(Jesper!AI$2:AI$366,ROUNDDOWN($C5007/24,0)+1,1))-1)+IF('Standard Profiles'!$G$19=$B$10,7,0)+IF('Standard Profiles'!$G$19=$B$17,14,0)+IF('Standard Profiles'!$G$19=$B$24,21,0),0)),0)</f>
        <v>0</v>
      </c>
      <c r="F5007" cm="1">
        <f t="array" ref="F5007">IFERROR(INDEX(Jesper!AJ$2:AJ$366,ROUNDDOWN($C5007/24,0)+1,1)*INDEX($D$3:$AA$30,INDEX(Jesper!$R$2:$R$366,ROW(INDEX(Jesper!AJ$2:AJ$366,ROUNDDOWN($C5007/24,0)+1,1))-1)+IF('Standard Profiles'!$G$20=$B$10,7,0)+IF('Standard Profiles'!$G$20=$B$17,14,0)+IF('Standard Profiles'!$G$20=$B$24,21,0),MOD($C5007,24)+1)/SUM(INDEX($D$3:$AA$30,INDEX(Jesper!$R$2:$R$366,ROW(INDEX(Jesper!AJ$2:AJ$366,ROUNDDOWN($C5007/24,0)+1,1))-1)+IF('Standard Profiles'!$G$20=$B$10,7,0)+IF('Standard Profiles'!$G$20=$B$17,14,0)+IF('Standard Profiles'!$G$20=$B$24,21,0),0)),0)</f>
        <v>0</v>
      </c>
      <c r="G5007" cm="1">
        <f t="array" ref="G5007">IFERROR(INDEX(Jesper!AK$2:AK$366,ROUNDDOWN($C5007/24,0)+1,1)*INDEX($D$3:$AA$30,INDEX(Jesper!$R$2:$R$366,ROW(INDEX(Jesper!AK$2:AK$366,ROUNDDOWN($C5007/24,0)+1,1))-1)+IF('Standard Profiles'!$G$21=$B$10,7,0)+IF('Standard Profiles'!$G$21=$B$17,14,0)+IF('Standard Profiles'!$G$21=$B$24,21,0),MOD($C5007,24)+1)/SUM(INDEX($D$3:$AA$30,INDEX(Jesper!$R$2:$R$366,ROW(INDEX(Jesper!AK$2:AK$366,ROUNDDOWN($C5007/24,0)+1,1))-1)+IF('Standard Profiles'!$G$21=$B$10,7,0)+IF('Standard Profiles'!$G$21=$B$17,14,0)+IF('Standard Profiles'!$G$21=$B$24,21,0),0)),0)</f>
        <v>0</v>
      </c>
      <c r="H5007" cm="1">
        <f t="array" ref="H5007">IFERROR(INDEX(Jesper!AL$2:AL$366,ROUNDDOWN($C5007/24,0)+1,1)*INDEX($D$3:$AA$30,INDEX(Jesper!$R$2:$R$366,ROW(INDEX(Jesper!AL$2:AL$366,ROUNDDOWN($C5007/24,0)+1,1))-1)+IF('Standard Profiles'!$G$22=$B$10,7,0)+IF('Standard Profiles'!$G$22=$B$17,14,0)+IF('Standard Profiles'!$G$22=$B$24,21,0),MOD($C5007,24)+1)/SUM(INDEX($D$3:$AA$30,INDEX(Jesper!$R$2:$R$366,ROW(INDEX(Jesper!AL$2:AL$366,ROUNDDOWN($C5007/24,0)+1,1))-1)+IF('Standard Profiles'!$G$22=$B$10,7,0)+IF('Standard Profiles'!$G$22=$B$17,14,0)+IF('Standard Profiles'!$G$22=$B$24,21,0),0)),0)</f>
        <v>0</v>
      </c>
      <c r="I5007">
        <f t="shared" si="559"/>
        <v>0.28848116377619382</v>
      </c>
      <c r="J5007">
        <f t="shared" si="560"/>
        <v>0.96160387925397939</v>
      </c>
      <c r="K5007">
        <f t="shared" si="561"/>
        <v>1.442405818880969</v>
      </c>
      <c r="L5007">
        <f t="shared" si="562"/>
        <v>6.9235479306286507</v>
      </c>
      <c r="M5007">
        <f t="shared" si="563"/>
        <v>0</v>
      </c>
      <c r="N5007" s="46">
        <f t="shared" si="564"/>
        <v>45499.208333321272</v>
      </c>
    </row>
    <row r="5008" spans="2:14" x14ac:dyDescent="0.3">
      <c r="B5008">
        <f t="shared" si="558"/>
        <v>5</v>
      </c>
      <c r="C5008" s="16">
        <v>4974</v>
      </c>
      <c r="D5008" cm="1">
        <f t="array" ref="D5008">IFERROR(INDEX(Jesper!AH$2:AH$366,ROUNDDOWN($C5008/24,0)+1,1)*INDEX($D$3:$AA$30,INDEX(Jesper!$R$2:$R$366,ROW(INDEX(Jesper!AH$2:AH$366,ROUNDDOWN($C5008/24,0)+1,1))-1)+IF('Standard Profiles'!$G$18=$B$10,7,0)+IF('Standard Profiles'!$G$18=$B$17,14,0)+IF('Standard Profiles'!$G$18=$B$24,21,0),MOD($C5008,24)+1)/SUM(INDEX($D$3:$AA$30,INDEX(Jesper!$R$2:$R$366,ROW(INDEX(Jesper!AH$2:AH$366,ROUNDDOWN($C5008/24,0)+1,1))-1)+IF('Standard Profiles'!$G$18=$B$10,7,0)+IF('Standard Profiles'!$G$18=$B$17,14,0)+IF('Standard Profiles'!$G$18=$B$24,21,0),0)),0)</f>
        <v>11.605564059961821</v>
      </c>
      <c r="E5008" cm="1">
        <f t="array" ref="E5008">IFERROR(INDEX(Jesper!AI$2:AI$366,ROUNDDOWN($C5008/24,0)+1,1)*INDEX($D$3:$AA$30,INDEX(Jesper!$R$2:$R$366,ROW(INDEX(Jesper!AI$2:AI$366,ROUNDDOWN($C5008/24,0)+1,1))-1)+IF('Standard Profiles'!$G$19=$B$10,7,0)+IF('Standard Profiles'!$G$19=$B$17,14,0)+IF('Standard Profiles'!$G$19=$B$24,21,0),MOD($C5008,24)+1)/SUM(INDEX($D$3:$AA$30,INDEX(Jesper!$R$2:$R$366,ROW(INDEX(Jesper!AI$2:AI$366,ROUNDDOWN($C5008/24,0)+1,1))-1)+IF('Standard Profiles'!$G$19=$B$10,7,0)+IF('Standard Profiles'!$G$19=$B$17,14,0)+IF('Standard Profiles'!$G$19=$B$24,21,0),0)),0)</f>
        <v>0</v>
      </c>
      <c r="F5008" cm="1">
        <f t="array" ref="F5008">IFERROR(INDEX(Jesper!AJ$2:AJ$366,ROUNDDOWN($C5008/24,0)+1,1)*INDEX($D$3:$AA$30,INDEX(Jesper!$R$2:$R$366,ROW(INDEX(Jesper!AJ$2:AJ$366,ROUNDDOWN($C5008/24,0)+1,1))-1)+IF('Standard Profiles'!$G$20=$B$10,7,0)+IF('Standard Profiles'!$G$20=$B$17,14,0)+IF('Standard Profiles'!$G$20=$B$24,21,0),MOD($C5008,24)+1)/SUM(INDEX($D$3:$AA$30,INDEX(Jesper!$R$2:$R$366,ROW(INDEX(Jesper!AJ$2:AJ$366,ROUNDDOWN($C5008/24,0)+1,1))-1)+IF('Standard Profiles'!$G$20=$B$10,7,0)+IF('Standard Profiles'!$G$20=$B$17,14,0)+IF('Standard Profiles'!$G$20=$B$24,21,0),0)),0)</f>
        <v>0</v>
      </c>
      <c r="G5008" cm="1">
        <f t="array" ref="G5008">IFERROR(INDEX(Jesper!AK$2:AK$366,ROUNDDOWN($C5008/24,0)+1,1)*INDEX($D$3:$AA$30,INDEX(Jesper!$R$2:$R$366,ROW(INDEX(Jesper!AK$2:AK$366,ROUNDDOWN($C5008/24,0)+1,1))-1)+IF('Standard Profiles'!$G$21=$B$10,7,0)+IF('Standard Profiles'!$G$21=$B$17,14,0)+IF('Standard Profiles'!$G$21=$B$24,21,0),MOD($C5008,24)+1)/SUM(INDEX($D$3:$AA$30,INDEX(Jesper!$R$2:$R$366,ROW(INDEX(Jesper!AK$2:AK$366,ROUNDDOWN($C5008/24,0)+1,1))-1)+IF('Standard Profiles'!$G$21=$B$10,7,0)+IF('Standard Profiles'!$G$21=$B$17,14,0)+IF('Standard Profiles'!$G$21=$B$24,21,0),0)),0)</f>
        <v>0</v>
      </c>
      <c r="H5008" cm="1">
        <f t="array" ref="H5008">IFERROR(INDEX(Jesper!AL$2:AL$366,ROUNDDOWN($C5008/24,0)+1,1)*INDEX($D$3:$AA$30,INDEX(Jesper!$R$2:$R$366,ROW(INDEX(Jesper!AL$2:AL$366,ROUNDDOWN($C5008/24,0)+1,1))-1)+IF('Standard Profiles'!$G$22=$B$10,7,0)+IF('Standard Profiles'!$G$22=$B$17,14,0)+IF('Standard Profiles'!$G$22=$B$24,21,0),MOD($C5008,24)+1)/SUM(INDEX($D$3:$AA$30,INDEX(Jesper!$R$2:$R$366,ROW(INDEX(Jesper!AL$2:AL$366,ROUNDDOWN($C5008/24,0)+1,1))-1)+IF('Standard Profiles'!$G$22=$B$10,7,0)+IF('Standard Profiles'!$G$22=$B$17,14,0)+IF('Standard Profiles'!$G$22=$B$24,21,0),0)),0)</f>
        <v>0</v>
      </c>
      <c r="I5008">
        <f t="shared" si="559"/>
        <v>0.34816692179885461</v>
      </c>
      <c r="J5008">
        <f t="shared" si="560"/>
        <v>1.1605564059961821</v>
      </c>
      <c r="K5008">
        <f t="shared" si="561"/>
        <v>1.7408346089942732</v>
      </c>
      <c r="L5008">
        <f t="shared" si="562"/>
        <v>8.3560061231725111</v>
      </c>
      <c r="M5008">
        <f t="shared" si="563"/>
        <v>0</v>
      </c>
      <c r="N5008" s="46">
        <f t="shared" si="564"/>
        <v>45499.249999987936</v>
      </c>
    </row>
    <row r="5009" spans="2:14" x14ac:dyDescent="0.3">
      <c r="B5009">
        <f t="shared" si="558"/>
        <v>5</v>
      </c>
      <c r="C5009" s="16">
        <v>4975</v>
      </c>
      <c r="D5009" cm="1">
        <f t="array" ref="D5009">IFERROR(INDEX(Jesper!AH$2:AH$366,ROUNDDOWN($C5009/24,0)+1,1)*INDEX($D$3:$AA$30,INDEX(Jesper!$R$2:$R$366,ROW(INDEX(Jesper!AH$2:AH$366,ROUNDDOWN($C5009/24,0)+1,1))-1)+IF('Standard Profiles'!$G$18=$B$10,7,0)+IF('Standard Profiles'!$G$18=$B$17,14,0)+IF('Standard Profiles'!$G$18=$B$24,21,0),MOD($C5009,24)+1)/SUM(INDEX($D$3:$AA$30,INDEX(Jesper!$R$2:$R$366,ROW(INDEX(Jesper!AH$2:AH$366,ROUNDDOWN($C5009/24,0)+1,1))-1)+IF('Standard Profiles'!$G$18=$B$10,7,0)+IF('Standard Profiles'!$G$18=$B$17,14,0)+IF('Standard Profiles'!$G$18=$B$24,21,0),0)),0)</f>
        <v>11.605564059961821</v>
      </c>
      <c r="E5009" cm="1">
        <f t="array" ref="E5009">IFERROR(INDEX(Jesper!AI$2:AI$366,ROUNDDOWN($C5009/24,0)+1,1)*INDEX($D$3:$AA$30,INDEX(Jesper!$R$2:$R$366,ROW(INDEX(Jesper!AI$2:AI$366,ROUNDDOWN($C5009/24,0)+1,1))-1)+IF('Standard Profiles'!$G$19=$B$10,7,0)+IF('Standard Profiles'!$G$19=$B$17,14,0)+IF('Standard Profiles'!$G$19=$B$24,21,0),MOD($C5009,24)+1)/SUM(INDEX($D$3:$AA$30,INDEX(Jesper!$R$2:$R$366,ROW(INDEX(Jesper!AI$2:AI$366,ROUNDDOWN($C5009/24,0)+1,1))-1)+IF('Standard Profiles'!$G$19=$B$10,7,0)+IF('Standard Profiles'!$G$19=$B$17,14,0)+IF('Standard Profiles'!$G$19=$B$24,21,0),0)),0)</f>
        <v>0</v>
      </c>
      <c r="F5009" cm="1">
        <f t="array" ref="F5009">IFERROR(INDEX(Jesper!AJ$2:AJ$366,ROUNDDOWN($C5009/24,0)+1,1)*INDEX($D$3:$AA$30,INDEX(Jesper!$R$2:$R$366,ROW(INDEX(Jesper!AJ$2:AJ$366,ROUNDDOWN($C5009/24,0)+1,1))-1)+IF('Standard Profiles'!$G$20=$B$10,7,0)+IF('Standard Profiles'!$G$20=$B$17,14,0)+IF('Standard Profiles'!$G$20=$B$24,21,0),MOD($C5009,24)+1)/SUM(INDEX($D$3:$AA$30,INDEX(Jesper!$R$2:$R$366,ROW(INDEX(Jesper!AJ$2:AJ$366,ROUNDDOWN($C5009/24,0)+1,1))-1)+IF('Standard Profiles'!$G$20=$B$10,7,0)+IF('Standard Profiles'!$G$20=$B$17,14,0)+IF('Standard Profiles'!$G$20=$B$24,21,0),0)),0)</f>
        <v>0</v>
      </c>
      <c r="G5009" cm="1">
        <f t="array" ref="G5009">IFERROR(INDEX(Jesper!AK$2:AK$366,ROUNDDOWN($C5009/24,0)+1,1)*INDEX($D$3:$AA$30,INDEX(Jesper!$R$2:$R$366,ROW(INDEX(Jesper!AK$2:AK$366,ROUNDDOWN($C5009/24,0)+1,1))-1)+IF('Standard Profiles'!$G$21=$B$10,7,0)+IF('Standard Profiles'!$G$21=$B$17,14,0)+IF('Standard Profiles'!$G$21=$B$24,21,0),MOD($C5009,24)+1)/SUM(INDEX($D$3:$AA$30,INDEX(Jesper!$R$2:$R$366,ROW(INDEX(Jesper!AK$2:AK$366,ROUNDDOWN($C5009/24,0)+1,1))-1)+IF('Standard Profiles'!$G$21=$B$10,7,0)+IF('Standard Profiles'!$G$21=$B$17,14,0)+IF('Standard Profiles'!$G$21=$B$24,21,0),0)),0)</f>
        <v>0</v>
      </c>
      <c r="H5009" cm="1">
        <f t="array" ref="H5009">IFERROR(INDEX(Jesper!AL$2:AL$366,ROUNDDOWN($C5009/24,0)+1,1)*INDEX($D$3:$AA$30,INDEX(Jesper!$R$2:$R$366,ROW(INDEX(Jesper!AL$2:AL$366,ROUNDDOWN($C5009/24,0)+1,1))-1)+IF('Standard Profiles'!$G$22=$B$10,7,0)+IF('Standard Profiles'!$G$22=$B$17,14,0)+IF('Standard Profiles'!$G$22=$B$24,21,0),MOD($C5009,24)+1)/SUM(INDEX($D$3:$AA$30,INDEX(Jesper!$R$2:$R$366,ROW(INDEX(Jesper!AL$2:AL$366,ROUNDDOWN($C5009/24,0)+1,1))-1)+IF('Standard Profiles'!$G$22=$B$10,7,0)+IF('Standard Profiles'!$G$22=$B$17,14,0)+IF('Standard Profiles'!$G$22=$B$24,21,0),0)),0)</f>
        <v>0</v>
      </c>
      <c r="I5009">
        <f t="shared" si="559"/>
        <v>0.34816692179885461</v>
      </c>
      <c r="J5009">
        <f t="shared" si="560"/>
        <v>1.1605564059961821</v>
      </c>
      <c r="K5009">
        <f t="shared" si="561"/>
        <v>1.7408346089942732</v>
      </c>
      <c r="L5009">
        <f t="shared" si="562"/>
        <v>8.3560061231725111</v>
      </c>
      <c r="M5009">
        <f t="shared" si="563"/>
        <v>0</v>
      </c>
      <c r="N5009" s="46">
        <f t="shared" si="564"/>
        <v>45499.291666654601</v>
      </c>
    </row>
    <row r="5010" spans="2:14" x14ac:dyDescent="0.3">
      <c r="B5010">
        <f t="shared" si="558"/>
        <v>5</v>
      </c>
      <c r="C5010" s="16">
        <v>4976</v>
      </c>
      <c r="D5010" cm="1">
        <f t="array" ref="D5010">IFERROR(INDEX(Jesper!AH$2:AH$366,ROUNDDOWN($C5010/24,0)+1,1)*INDEX($D$3:$AA$30,INDEX(Jesper!$R$2:$R$366,ROW(INDEX(Jesper!AH$2:AH$366,ROUNDDOWN($C5010/24,0)+1,1))-1)+IF('Standard Profiles'!$G$18=$B$10,7,0)+IF('Standard Profiles'!$G$18=$B$17,14,0)+IF('Standard Profiles'!$G$18=$B$24,21,0),MOD($C5010,24)+1)/SUM(INDEX($D$3:$AA$30,INDEX(Jesper!$R$2:$R$366,ROW(INDEX(Jesper!AH$2:AH$366,ROUNDDOWN($C5010/24,0)+1,1))-1)+IF('Standard Profiles'!$G$18=$B$10,7,0)+IF('Standard Profiles'!$G$18=$B$17,14,0)+IF('Standard Profiles'!$G$18=$B$24,21,0),0)),0)</f>
        <v>11.605564059961821</v>
      </c>
      <c r="E5010" cm="1">
        <f t="array" ref="E5010">IFERROR(INDEX(Jesper!AI$2:AI$366,ROUNDDOWN($C5010/24,0)+1,1)*INDEX($D$3:$AA$30,INDEX(Jesper!$R$2:$R$366,ROW(INDEX(Jesper!AI$2:AI$366,ROUNDDOWN($C5010/24,0)+1,1))-1)+IF('Standard Profiles'!$G$19=$B$10,7,0)+IF('Standard Profiles'!$G$19=$B$17,14,0)+IF('Standard Profiles'!$G$19=$B$24,21,0),MOD($C5010,24)+1)/SUM(INDEX($D$3:$AA$30,INDEX(Jesper!$R$2:$R$366,ROW(INDEX(Jesper!AI$2:AI$366,ROUNDDOWN($C5010/24,0)+1,1))-1)+IF('Standard Profiles'!$G$19=$B$10,7,0)+IF('Standard Profiles'!$G$19=$B$17,14,0)+IF('Standard Profiles'!$G$19=$B$24,21,0),0)),0)</f>
        <v>0</v>
      </c>
      <c r="F5010" cm="1">
        <f t="array" ref="F5010">IFERROR(INDEX(Jesper!AJ$2:AJ$366,ROUNDDOWN($C5010/24,0)+1,1)*INDEX($D$3:$AA$30,INDEX(Jesper!$R$2:$R$366,ROW(INDEX(Jesper!AJ$2:AJ$366,ROUNDDOWN($C5010/24,0)+1,1))-1)+IF('Standard Profiles'!$G$20=$B$10,7,0)+IF('Standard Profiles'!$G$20=$B$17,14,0)+IF('Standard Profiles'!$G$20=$B$24,21,0),MOD($C5010,24)+1)/SUM(INDEX($D$3:$AA$30,INDEX(Jesper!$R$2:$R$366,ROW(INDEX(Jesper!AJ$2:AJ$366,ROUNDDOWN($C5010/24,0)+1,1))-1)+IF('Standard Profiles'!$G$20=$B$10,7,0)+IF('Standard Profiles'!$G$20=$B$17,14,0)+IF('Standard Profiles'!$G$20=$B$24,21,0),0)),0)</f>
        <v>0</v>
      </c>
      <c r="G5010" cm="1">
        <f t="array" ref="G5010">IFERROR(INDEX(Jesper!AK$2:AK$366,ROUNDDOWN($C5010/24,0)+1,1)*INDEX($D$3:$AA$30,INDEX(Jesper!$R$2:$R$366,ROW(INDEX(Jesper!AK$2:AK$366,ROUNDDOWN($C5010/24,0)+1,1))-1)+IF('Standard Profiles'!$G$21=$B$10,7,0)+IF('Standard Profiles'!$G$21=$B$17,14,0)+IF('Standard Profiles'!$G$21=$B$24,21,0),MOD($C5010,24)+1)/SUM(INDEX($D$3:$AA$30,INDEX(Jesper!$R$2:$R$366,ROW(INDEX(Jesper!AK$2:AK$366,ROUNDDOWN($C5010/24,0)+1,1))-1)+IF('Standard Profiles'!$G$21=$B$10,7,0)+IF('Standard Profiles'!$G$21=$B$17,14,0)+IF('Standard Profiles'!$G$21=$B$24,21,0),0)),0)</f>
        <v>0</v>
      </c>
      <c r="H5010" cm="1">
        <f t="array" ref="H5010">IFERROR(INDEX(Jesper!AL$2:AL$366,ROUNDDOWN($C5010/24,0)+1,1)*INDEX($D$3:$AA$30,INDEX(Jesper!$R$2:$R$366,ROW(INDEX(Jesper!AL$2:AL$366,ROUNDDOWN($C5010/24,0)+1,1))-1)+IF('Standard Profiles'!$G$22=$B$10,7,0)+IF('Standard Profiles'!$G$22=$B$17,14,0)+IF('Standard Profiles'!$G$22=$B$24,21,0),MOD($C5010,24)+1)/SUM(INDEX($D$3:$AA$30,INDEX(Jesper!$R$2:$R$366,ROW(INDEX(Jesper!AL$2:AL$366,ROUNDDOWN($C5010/24,0)+1,1))-1)+IF('Standard Profiles'!$G$22=$B$10,7,0)+IF('Standard Profiles'!$G$22=$B$17,14,0)+IF('Standard Profiles'!$G$22=$B$24,21,0),0)),0)</f>
        <v>0</v>
      </c>
      <c r="I5010">
        <f t="shared" si="559"/>
        <v>0.34816692179885461</v>
      </c>
      <c r="J5010">
        <f t="shared" si="560"/>
        <v>1.1605564059961821</v>
      </c>
      <c r="K5010">
        <f t="shared" si="561"/>
        <v>1.7408346089942732</v>
      </c>
      <c r="L5010">
        <f t="shared" si="562"/>
        <v>8.3560061231725111</v>
      </c>
      <c r="M5010">
        <f t="shared" si="563"/>
        <v>0</v>
      </c>
      <c r="N5010" s="46">
        <f t="shared" si="564"/>
        <v>45499.333333321265</v>
      </c>
    </row>
    <row r="5011" spans="2:14" x14ac:dyDescent="0.3">
      <c r="B5011">
        <f t="shared" si="558"/>
        <v>5</v>
      </c>
      <c r="C5011" s="16">
        <v>4977</v>
      </c>
      <c r="D5011" cm="1">
        <f t="array" ref="D5011">IFERROR(INDEX(Jesper!AH$2:AH$366,ROUNDDOWN($C5011/24,0)+1,1)*INDEX($D$3:$AA$30,INDEX(Jesper!$R$2:$R$366,ROW(INDEX(Jesper!AH$2:AH$366,ROUNDDOWN($C5011/24,0)+1,1))-1)+IF('Standard Profiles'!$G$18=$B$10,7,0)+IF('Standard Profiles'!$G$18=$B$17,14,0)+IF('Standard Profiles'!$G$18=$B$24,21,0),MOD($C5011,24)+1)/SUM(INDEX($D$3:$AA$30,INDEX(Jesper!$R$2:$R$366,ROW(INDEX(Jesper!AH$2:AH$366,ROUNDDOWN($C5011/24,0)+1,1))-1)+IF('Standard Profiles'!$G$18=$B$10,7,0)+IF('Standard Profiles'!$G$18=$B$17,14,0)+IF('Standard Profiles'!$G$18=$B$24,21,0),0)),0)</f>
        <v>12.434532921387666</v>
      </c>
      <c r="E5011" cm="1">
        <f t="array" ref="E5011">IFERROR(INDEX(Jesper!AI$2:AI$366,ROUNDDOWN($C5011/24,0)+1,1)*INDEX($D$3:$AA$30,INDEX(Jesper!$R$2:$R$366,ROW(INDEX(Jesper!AI$2:AI$366,ROUNDDOWN($C5011/24,0)+1,1))-1)+IF('Standard Profiles'!$G$19=$B$10,7,0)+IF('Standard Profiles'!$G$19=$B$17,14,0)+IF('Standard Profiles'!$G$19=$B$24,21,0),MOD($C5011,24)+1)/SUM(INDEX($D$3:$AA$30,INDEX(Jesper!$R$2:$R$366,ROW(INDEX(Jesper!AI$2:AI$366,ROUNDDOWN($C5011/24,0)+1,1))-1)+IF('Standard Profiles'!$G$19=$B$10,7,0)+IF('Standard Profiles'!$G$19=$B$17,14,0)+IF('Standard Profiles'!$G$19=$B$24,21,0),0)),0)</f>
        <v>0</v>
      </c>
      <c r="F5011" cm="1">
        <f t="array" ref="F5011">IFERROR(INDEX(Jesper!AJ$2:AJ$366,ROUNDDOWN($C5011/24,0)+1,1)*INDEX($D$3:$AA$30,INDEX(Jesper!$R$2:$R$366,ROW(INDEX(Jesper!AJ$2:AJ$366,ROUNDDOWN($C5011/24,0)+1,1))-1)+IF('Standard Profiles'!$G$20=$B$10,7,0)+IF('Standard Profiles'!$G$20=$B$17,14,0)+IF('Standard Profiles'!$G$20=$B$24,21,0),MOD($C5011,24)+1)/SUM(INDEX($D$3:$AA$30,INDEX(Jesper!$R$2:$R$366,ROW(INDEX(Jesper!AJ$2:AJ$366,ROUNDDOWN($C5011/24,0)+1,1))-1)+IF('Standard Profiles'!$G$20=$B$10,7,0)+IF('Standard Profiles'!$G$20=$B$17,14,0)+IF('Standard Profiles'!$G$20=$B$24,21,0),0)),0)</f>
        <v>0</v>
      </c>
      <c r="G5011" cm="1">
        <f t="array" ref="G5011">IFERROR(INDEX(Jesper!AK$2:AK$366,ROUNDDOWN($C5011/24,0)+1,1)*INDEX($D$3:$AA$30,INDEX(Jesper!$R$2:$R$366,ROW(INDEX(Jesper!AK$2:AK$366,ROUNDDOWN($C5011/24,0)+1,1))-1)+IF('Standard Profiles'!$G$21=$B$10,7,0)+IF('Standard Profiles'!$G$21=$B$17,14,0)+IF('Standard Profiles'!$G$21=$B$24,21,0),MOD($C5011,24)+1)/SUM(INDEX($D$3:$AA$30,INDEX(Jesper!$R$2:$R$366,ROW(INDEX(Jesper!AK$2:AK$366,ROUNDDOWN($C5011/24,0)+1,1))-1)+IF('Standard Profiles'!$G$21=$B$10,7,0)+IF('Standard Profiles'!$G$21=$B$17,14,0)+IF('Standard Profiles'!$G$21=$B$24,21,0),0)),0)</f>
        <v>0</v>
      </c>
      <c r="H5011" cm="1">
        <f t="array" ref="H5011">IFERROR(INDEX(Jesper!AL$2:AL$366,ROUNDDOWN($C5011/24,0)+1,1)*INDEX($D$3:$AA$30,INDEX(Jesper!$R$2:$R$366,ROW(INDEX(Jesper!AL$2:AL$366,ROUNDDOWN($C5011/24,0)+1,1))-1)+IF('Standard Profiles'!$G$22=$B$10,7,0)+IF('Standard Profiles'!$G$22=$B$17,14,0)+IF('Standard Profiles'!$G$22=$B$24,21,0),MOD($C5011,24)+1)/SUM(INDEX($D$3:$AA$30,INDEX(Jesper!$R$2:$R$366,ROW(INDEX(Jesper!AL$2:AL$366,ROUNDDOWN($C5011/24,0)+1,1))-1)+IF('Standard Profiles'!$G$22=$B$10,7,0)+IF('Standard Profiles'!$G$22=$B$17,14,0)+IF('Standard Profiles'!$G$22=$B$24,21,0),0)),0)</f>
        <v>0</v>
      </c>
      <c r="I5011">
        <f t="shared" si="559"/>
        <v>0.37303598764162993</v>
      </c>
      <c r="J5011">
        <f t="shared" si="560"/>
        <v>1.2434532921387667</v>
      </c>
      <c r="K5011">
        <f t="shared" si="561"/>
        <v>1.8651799382081498</v>
      </c>
      <c r="L5011">
        <f t="shared" si="562"/>
        <v>8.9528637033991192</v>
      </c>
      <c r="M5011">
        <f t="shared" si="563"/>
        <v>0</v>
      </c>
      <c r="N5011" s="46">
        <f t="shared" si="564"/>
        <v>45499.374999987929</v>
      </c>
    </row>
    <row r="5012" spans="2:14" x14ac:dyDescent="0.3">
      <c r="B5012">
        <f t="shared" si="558"/>
        <v>5</v>
      </c>
      <c r="C5012" s="16">
        <v>4978</v>
      </c>
      <c r="D5012" cm="1">
        <f t="array" ref="D5012">IFERROR(INDEX(Jesper!AH$2:AH$366,ROUNDDOWN($C5012/24,0)+1,1)*INDEX($D$3:$AA$30,INDEX(Jesper!$R$2:$R$366,ROW(INDEX(Jesper!AH$2:AH$366,ROUNDDOWN($C5012/24,0)+1,1))-1)+IF('Standard Profiles'!$G$18=$B$10,7,0)+IF('Standard Profiles'!$G$18=$B$17,14,0)+IF('Standard Profiles'!$G$18=$B$24,21,0),MOD($C5012,24)+1)/SUM(INDEX($D$3:$AA$30,INDEX(Jesper!$R$2:$R$366,ROW(INDEX(Jesper!AH$2:AH$366,ROUNDDOWN($C5012/24,0)+1,1))-1)+IF('Standard Profiles'!$G$18=$B$10,7,0)+IF('Standard Profiles'!$G$18=$B$17,14,0)+IF('Standard Profiles'!$G$18=$B$24,21,0),0)),0)</f>
        <v>12.931914238243172</v>
      </c>
      <c r="E5012" cm="1">
        <f t="array" ref="E5012">IFERROR(INDEX(Jesper!AI$2:AI$366,ROUNDDOWN($C5012/24,0)+1,1)*INDEX($D$3:$AA$30,INDEX(Jesper!$R$2:$R$366,ROW(INDEX(Jesper!AI$2:AI$366,ROUNDDOWN($C5012/24,0)+1,1))-1)+IF('Standard Profiles'!$G$19=$B$10,7,0)+IF('Standard Profiles'!$G$19=$B$17,14,0)+IF('Standard Profiles'!$G$19=$B$24,21,0),MOD($C5012,24)+1)/SUM(INDEX($D$3:$AA$30,INDEX(Jesper!$R$2:$R$366,ROW(INDEX(Jesper!AI$2:AI$366,ROUNDDOWN($C5012/24,0)+1,1))-1)+IF('Standard Profiles'!$G$19=$B$10,7,0)+IF('Standard Profiles'!$G$19=$B$17,14,0)+IF('Standard Profiles'!$G$19=$B$24,21,0),0)),0)</f>
        <v>0</v>
      </c>
      <c r="F5012" cm="1">
        <f t="array" ref="F5012">IFERROR(INDEX(Jesper!AJ$2:AJ$366,ROUNDDOWN($C5012/24,0)+1,1)*INDEX($D$3:$AA$30,INDEX(Jesper!$R$2:$R$366,ROW(INDEX(Jesper!AJ$2:AJ$366,ROUNDDOWN($C5012/24,0)+1,1))-1)+IF('Standard Profiles'!$G$20=$B$10,7,0)+IF('Standard Profiles'!$G$20=$B$17,14,0)+IF('Standard Profiles'!$G$20=$B$24,21,0),MOD($C5012,24)+1)/SUM(INDEX($D$3:$AA$30,INDEX(Jesper!$R$2:$R$366,ROW(INDEX(Jesper!AJ$2:AJ$366,ROUNDDOWN($C5012/24,0)+1,1))-1)+IF('Standard Profiles'!$G$20=$B$10,7,0)+IF('Standard Profiles'!$G$20=$B$17,14,0)+IF('Standard Profiles'!$G$20=$B$24,21,0),0)),0)</f>
        <v>0</v>
      </c>
      <c r="G5012" cm="1">
        <f t="array" ref="G5012">IFERROR(INDEX(Jesper!AK$2:AK$366,ROUNDDOWN($C5012/24,0)+1,1)*INDEX($D$3:$AA$30,INDEX(Jesper!$R$2:$R$366,ROW(INDEX(Jesper!AK$2:AK$366,ROUNDDOWN($C5012/24,0)+1,1))-1)+IF('Standard Profiles'!$G$21=$B$10,7,0)+IF('Standard Profiles'!$G$21=$B$17,14,0)+IF('Standard Profiles'!$G$21=$B$24,21,0),MOD($C5012,24)+1)/SUM(INDEX($D$3:$AA$30,INDEX(Jesper!$R$2:$R$366,ROW(INDEX(Jesper!AK$2:AK$366,ROUNDDOWN($C5012/24,0)+1,1))-1)+IF('Standard Profiles'!$G$21=$B$10,7,0)+IF('Standard Profiles'!$G$21=$B$17,14,0)+IF('Standard Profiles'!$G$21=$B$24,21,0),0)),0)</f>
        <v>0</v>
      </c>
      <c r="H5012" cm="1">
        <f t="array" ref="H5012">IFERROR(INDEX(Jesper!AL$2:AL$366,ROUNDDOWN($C5012/24,0)+1,1)*INDEX($D$3:$AA$30,INDEX(Jesper!$R$2:$R$366,ROW(INDEX(Jesper!AL$2:AL$366,ROUNDDOWN($C5012/24,0)+1,1))-1)+IF('Standard Profiles'!$G$22=$B$10,7,0)+IF('Standard Profiles'!$G$22=$B$17,14,0)+IF('Standard Profiles'!$G$22=$B$24,21,0),MOD($C5012,24)+1)/SUM(INDEX($D$3:$AA$30,INDEX(Jesper!$R$2:$R$366,ROW(INDEX(Jesper!AL$2:AL$366,ROUNDDOWN($C5012/24,0)+1,1))-1)+IF('Standard Profiles'!$G$22=$B$10,7,0)+IF('Standard Profiles'!$G$22=$B$17,14,0)+IF('Standard Profiles'!$G$22=$B$24,21,0),0)),0)</f>
        <v>0</v>
      </c>
      <c r="I5012">
        <f t="shared" si="559"/>
        <v>0.38795742714729514</v>
      </c>
      <c r="J5012">
        <f t="shared" si="560"/>
        <v>1.2931914238243172</v>
      </c>
      <c r="K5012">
        <f t="shared" si="561"/>
        <v>1.9397871357364758</v>
      </c>
      <c r="L5012">
        <f t="shared" si="562"/>
        <v>9.310978251535083</v>
      </c>
      <c r="M5012">
        <f t="shared" si="563"/>
        <v>0</v>
      </c>
      <c r="N5012" s="46">
        <f t="shared" si="564"/>
        <v>45499.416666654593</v>
      </c>
    </row>
    <row r="5013" spans="2:14" x14ac:dyDescent="0.3">
      <c r="B5013">
        <f t="shared" si="558"/>
        <v>5</v>
      </c>
      <c r="C5013" s="16">
        <v>4979</v>
      </c>
      <c r="D5013" cm="1">
        <f t="array" ref="D5013">IFERROR(INDEX(Jesper!AH$2:AH$366,ROUNDDOWN($C5013/24,0)+1,1)*INDEX($D$3:$AA$30,INDEX(Jesper!$R$2:$R$366,ROW(INDEX(Jesper!AH$2:AH$366,ROUNDDOWN($C5013/24,0)+1,1))-1)+IF('Standard Profiles'!$G$18=$B$10,7,0)+IF('Standard Profiles'!$G$18=$B$17,14,0)+IF('Standard Profiles'!$G$18=$B$24,21,0),MOD($C5013,24)+1)/SUM(INDEX($D$3:$AA$30,INDEX(Jesper!$R$2:$R$366,ROW(INDEX(Jesper!AH$2:AH$366,ROUNDDOWN($C5013/24,0)+1,1))-1)+IF('Standard Profiles'!$G$18=$B$10,7,0)+IF('Standard Profiles'!$G$18=$B$17,14,0)+IF('Standard Profiles'!$G$18=$B$24,21,0),0)),0)</f>
        <v>14.921439505665198</v>
      </c>
      <c r="E5013" cm="1">
        <f t="array" ref="E5013">IFERROR(INDEX(Jesper!AI$2:AI$366,ROUNDDOWN($C5013/24,0)+1,1)*INDEX($D$3:$AA$30,INDEX(Jesper!$R$2:$R$366,ROW(INDEX(Jesper!AI$2:AI$366,ROUNDDOWN($C5013/24,0)+1,1))-1)+IF('Standard Profiles'!$G$19=$B$10,7,0)+IF('Standard Profiles'!$G$19=$B$17,14,0)+IF('Standard Profiles'!$G$19=$B$24,21,0),MOD($C5013,24)+1)/SUM(INDEX($D$3:$AA$30,INDEX(Jesper!$R$2:$R$366,ROW(INDEX(Jesper!AI$2:AI$366,ROUNDDOWN($C5013/24,0)+1,1))-1)+IF('Standard Profiles'!$G$19=$B$10,7,0)+IF('Standard Profiles'!$G$19=$B$17,14,0)+IF('Standard Profiles'!$G$19=$B$24,21,0),0)),0)</f>
        <v>0</v>
      </c>
      <c r="F5013" cm="1">
        <f t="array" ref="F5013">IFERROR(INDEX(Jesper!AJ$2:AJ$366,ROUNDDOWN($C5013/24,0)+1,1)*INDEX($D$3:$AA$30,INDEX(Jesper!$R$2:$R$366,ROW(INDEX(Jesper!AJ$2:AJ$366,ROUNDDOWN($C5013/24,0)+1,1))-1)+IF('Standard Profiles'!$G$20=$B$10,7,0)+IF('Standard Profiles'!$G$20=$B$17,14,0)+IF('Standard Profiles'!$G$20=$B$24,21,0),MOD($C5013,24)+1)/SUM(INDEX($D$3:$AA$30,INDEX(Jesper!$R$2:$R$366,ROW(INDEX(Jesper!AJ$2:AJ$366,ROUNDDOWN($C5013/24,0)+1,1))-1)+IF('Standard Profiles'!$G$20=$B$10,7,0)+IF('Standard Profiles'!$G$20=$B$17,14,0)+IF('Standard Profiles'!$G$20=$B$24,21,0),0)),0)</f>
        <v>0</v>
      </c>
      <c r="G5013" cm="1">
        <f t="array" ref="G5013">IFERROR(INDEX(Jesper!AK$2:AK$366,ROUNDDOWN($C5013/24,0)+1,1)*INDEX($D$3:$AA$30,INDEX(Jesper!$R$2:$R$366,ROW(INDEX(Jesper!AK$2:AK$366,ROUNDDOWN($C5013/24,0)+1,1))-1)+IF('Standard Profiles'!$G$21=$B$10,7,0)+IF('Standard Profiles'!$G$21=$B$17,14,0)+IF('Standard Profiles'!$G$21=$B$24,21,0),MOD($C5013,24)+1)/SUM(INDEX($D$3:$AA$30,INDEX(Jesper!$R$2:$R$366,ROW(INDEX(Jesper!AK$2:AK$366,ROUNDDOWN($C5013/24,0)+1,1))-1)+IF('Standard Profiles'!$G$21=$B$10,7,0)+IF('Standard Profiles'!$G$21=$B$17,14,0)+IF('Standard Profiles'!$G$21=$B$24,21,0),0)),0)</f>
        <v>0</v>
      </c>
      <c r="H5013" cm="1">
        <f t="array" ref="H5013">IFERROR(INDEX(Jesper!AL$2:AL$366,ROUNDDOWN($C5013/24,0)+1,1)*INDEX($D$3:$AA$30,INDEX(Jesper!$R$2:$R$366,ROW(INDEX(Jesper!AL$2:AL$366,ROUNDDOWN($C5013/24,0)+1,1))-1)+IF('Standard Profiles'!$G$22=$B$10,7,0)+IF('Standard Profiles'!$G$22=$B$17,14,0)+IF('Standard Profiles'!$G$22=$B$24,21,0),MOD($C5013,24)+1)/SUM(INDEX($D$3:$AA$30,INDEX(Jesper!$R$2:$R$366,ROW(INDEX(Jesper!AL$2:AL$366,ROUNDDOWN($C5013/24,0)+1,1))-1)+IF('Standard Profiles'!$G$22=$B$10,7,0)+IF('Standard Profiles'!$G$22=$B$17,14,0)+IF('Standard Profiles'!$G$22=$B$24,21,0),0)),0)</f>
        <v>0</v>
      </c>
      <c r="I5013">
        <f t="shared" si="559"/>
        <v>0.44764318516995594</v>
      </c>
      <c r="J5013">
        <f t="shared" si="560"/>
        <v>1.4921439505665199</v>
      </c>
      <c r="K5013">
        <f t="shared" si="561"/>
        <v>2.2382159258497798</v>
      </c>
      <c r="L5013">
        <f t="shared" si="562"/>
        <v>10.743436444078942</v>
      </c>
      <c r="M5013">
        <f t="shared" si="563"/>
        <v>0</v>
      </c>
      <c r="N5013" s="46">
        <f t="shared" si="564"/>
        <v>45499.458333321258</v>
      </c>
    </row>
    <row r="5014" spans="2:14" x14ac:dyDescent="0.3">
      <c r="B5014">
        <f t="shared" si="558"/>
        <v>5</v>
      </c>
      <c r="C5014" s="16">
        <v>4980</v>
      </c>
      <c r="D5014" cm="1">
        <f t="array" ref="D5014">IFERROR(INDEX(Jesper!AH$2:AH$366,ROUNDDOWN($C5014/24,0)+1,1)*INDEX($D$3:$AA$30,INDEX(Jesper!$R$2:$R$366,ROW(INDEX(Jesper!AH$2:AH$366,ROUNDDOWN($C5014/24,0)+1,1))-1)+IF('Standard Profiles'!$G$18=$B$10,7,0)+IF('Standard Profiles'!$G$18=$B$17,14,0)+IF('Standard Profiles'!$G$18=$B$24,21,0),MOD($C5014,24)+1)/SUM(INDEX($D$3:$AA$30,INDEX(Jesper!$R$2:$R$366,ROW(INDEX(Jesper!AH$2:AH$366,ROUNDDOWN($C5014/24,0)+1,1))-1)+IF('Standard Profiles'!$G$18=$B$10,7,0)+IF('Standard Profiles'!$G$18=$B$17,14,0)+IF('Standard Profiles'!$G$18=$B$24,21,0),0)),0)</f>
        <v>14.921439505665198</v>
      </c>
      <c r="E5014" cm="1">
        <f t="array" ref="E5014">IFERROR(INDEX(Jesper!AI$2:AI$366,ROUNDDOWN($C5014/24,0)+1,1)*INDEX($D$3:$AA$30,INDEX(Jesper!$R$2:$R$366,ROW(INDEX(Jesper!AI$2:AI$366,ROUNDDOWN($C5014/24,0)+1,1))-1)+IF('Standard Profiles'!$G$19=$B$10,7,0)+IF('Standard Profiles'!$G$19=$B$17,14,0)+IF('Standard Profiles'!$G$19=$B$24,21,0),MOD($C5014,24)+1)/SUM(INDEX($D$3:$AA$30,INDEX(Jesper!$R$2:$R$366,ROW(INDEX(Jesper!AI$2:AI$366,ROUNDDOWN($C5014/24,0)+1,1))-1)+IF('Standard Profiles'!$G$19=$B$10,7,0)+IF('Standard Profiles'!$G$19=$B$17,14,0)+IF('Standard Profiles'!$G$19=$B$24,21,0),0)),0)</f>
        <v>0</v>
      </c>
      <c r="F5014" cm="1">
        <f t="array" ref="F5014">IFERROR(INDEX(Jesper!AJ$2:AJ$366,ROUNDDOWN($C5014/24,0)+1,1)*INDEX($D$3:$AA$30,INDEX(Jesper!$R$2:$R$366,ROW(INDEX(Jesper!AJ$2:AJ$366,ROUNDDOWN($C5014/24,0)+1,1))-1)+IF('Standard Profiles'!$G$20=$B$10,7,0)+IF('Standard Profiles'!$G$20=$B$17,14,0)+IF('Standard Profiles'!$G$20=$B$24,21,0),MOD($C5014,24)+1)/SUM(INDEX($D$3:$AA$30,INDEX(Jesper!$R$2:$R$366,ROW(INDEX(Jesper!AJ$2:AJ$366,ROUNDDOWN($C5014/24,0)+1,1))-1)+IF('Standard Profiles'!$G$20=$B$10,7,0)+IF('Standard Profiles'!$G$20=$B$17,14,0)+IF('Standard Profiles'!$G$20=$B$24,21,0),0)),0)</f>
        <v>0</v>
      </c>
      <c r="G5014" cm="1">
        <f t="array" ref="G5014">IFERROR(INDEX(Jesper!AK$2:AK$366,ROUNDDOWN($C5014/24,0)+1,1)*INDEX($D$3:$AA$30,INDEX(Jesper!$R$2:$R$366,ROW(INDEX(Jesper!AK$2:AK$366,ROUNDDOWN($C5014/24,0)+1,1))-1)+IF('Standard Profiles'!$G$21=$B$10,7,0)+IF('Standard Profiles'!$G$21=$B$17,14,0)+IF('Standard Profiles'!$G$21=$B$24,21,0),MOD($C5014,24)+1)/SUM(INDEX($D$3:$AA$30,INDEX(Jesper!$R$2:$R$366,ROW(INDEX(Jesper!AK$2:AK$366,ROUNDDOWN($C5014/24,0)+1,1))-1)+IF('Standard Profiles'!$G$21=$B$10,7,0)+IF('Standard Profiles'!$G$21=$B$17,14,0)+IF('Standard Profiles'!$G$21=$B$24,21,0),0)),0)</f>
        <v>0</v>
      </c>
      <c r="H5014" cm="1">
        <f t="array" ref="H5014">IFERROR(INDEX(Jesper!AL$2:AL$366,ROUNDDOWN($C5014/24,0)+1,1)*INDEX($D$3:$AA$30,INDEX(Jesper!$R$2:$R$366,ROW(INDEX(Jesper!AL$2:AL$366,ROUNDDOWN($C5014/24,0)+1,1))-1)+IF('Standard Profiles'!$G$22=$B$10,7,0)+IF('Standard Profiles'!$G$22=$B$17,14,0)+IF('Standard Profiles'!$G$22=$B$24,21,0),MOD($C5014,24)+1)/SUM(INDEX($D$3:$AA$30,INDEX(Jesper!$R$2:$R$366,ROW(INDEX(Jesper!AL$2:AL$366,ROUNDDOWN($C5014/24,0)+1,1))-1)+IF('Standard Profiles'!$G$22=$B$10,7,0)+IF('Standard Profiles'!$G$22=$B$17,14,0)+IF('Standard Profiles'!$G$22=$B$24,21,0),0)),0)</f>
        <v>0</v>
      </c>
      <c r="I5014">
        <f t="shared" si="559"/>
        <v>0.44764318516995594</v>
      </c>
      <c r="J5014">
        <f t="shared" si="560"/>
        <v>1.4921439505665199</v>
      </c>
      <c r="K5014">
        <f t="shared" si="561"/>
        <v>2.2382159258497798</v>
      </c>
      <c r="L5014">
        <f t="shared" si="562"/>
        <v>10.743436444078942</v>
      </c>
      <c r="M5014">
        <f t="shared" si="563"/>
        <v>0</v>
      </c>
      <c r="N5014" s="46">
        <f t="shared" si="564"/>
        <v>45499.499999987922</v>
      </c>
    </row>
    <row r="5015" spans="2:14" x14ac:dyDescent="0.3">
      <c r="B5015">
        <f t="shared" si="558"/>
        <v>5</v>
      </c>
      <c r="C5015" s="16">
        <v>4981</v>
      </c>
      <c r="D5015" cm="1">
        <f t="array" ref="D5015">IFERROR(INDEX(Jesper!AH$2:AH$366,ROUNDDOWN($C5015/24,0)+1,1)*INDEX($D$3:$AA$30,INDEX(Jesper!$R$2:$R$366,ROW(INDEX(Jesper!AH$2:AH$366,ROUNDDOWN($C5015/24,0)+1,1))-1)+IF('Standard Profiles'!$G$18=$B$10,7,0)+IF('Standard Profiles'!$G$18=$B$17,14,0)+IF('Standard Profiles'!$G$18=$B$24,21,0),MOD($C5015,24)+1)/SUM(INDEX($D$3:$AA$30,INDEX(Jesper!$R$2:$R$366,ROW(INDEX(Jesper!AH$2:AH$366,ROUNDDOWN($C5015/24,0)+1,1))-1)+IF('Standard Profiles'!$G$18=$B$10,7,0)+IF('Standard Profiles'!$G$18=$B$17,14,0)+IF('Standard Profiles'!$G$18=$B$24,21,0),0)),0)</f>
        <v>14.921439505665198</v>
      </c>
      <c r="E5015" cm="1">
        <f t="array" ref="E5015">IFERROR(INDEX(Jesper!AI$2:AI$366,ROUNDDOWN($C5015/24,0)+1,1)*INDEX($D$3:$AA$30,INDEX(Jesper!$R$2:$R$366,ROW(INDEX(Jesper!AI$2:AI$366,ROUNDDOWN($C5015/24,0)+1,1))-1)+IF('Standard Profiles'!$G$19=$B$10,7,0)+IF('Standard Profiles'!$G$19=$B$17,14,0)+IF('Standard Profiles'!$G$19=$B$24,21,0),MOD($C5015,24)+1)/SUM(INDEX($D$3:$AA$30,INDEX(Jesper!$R$2:$R$366,ROW(INDEX(Jesper!AI$2:AI$366,ROUNDDOWN($C5015/24,0)+1,1))-1)+IF('Standard Profiles'!$G$19=$B$10,7,0)+IF('Standard Profiles'!$G$19=$B$17,14,0)+IF('Standard Profiles'!$G$19=$B$24,21,0),0)),0)</f>
        <v>0</v>
      </c>
      <c r="F5015" cm="1">
        <f t="array" ref="F5015">IFERROR(INDEX(Jesper!AJ$2:AJ$366,ROUNDDOWN($C5015/24,0)+1,1)*INDEX($D$3:$AA$30,INDEX(Jesper!$R$2:$R$366,ROW(INDEX(Jesper!AJ$2:AJ$366,ROUNDDOWN($C5015/24,0)+1,1))-1)+IF('Standard Profiles'!$G$20=$B$10,7,0)+IF('Standard Profiles'!$G$20=$B$17,14,0)+IF('Standard Profiles'!$G$20=$B$24,21,0),MOD($C5015,24)+1)/SUM(INDEX($D$3:$AA$30,INDEX(Jesper!$R$2:$R$366,ROW(INDEX(Jesper!AJ$2:AJ$366,ROUNDDOWN($C5015/24,0)+1,1))-1)+IF('Standard Profiles'!$G$20=$B$10,7,0)+IF('Standard Profiles'!$G$20=$B$17,14,0)+IF('Standard Profiles'!$G$20=$B$24,21,0),0)),0)</f>
        <v>0</v>
      </c>
      <c r="G5015" cm="1">
        <f t="array" ref="G5015">IFERROR(INDEX(Jesper!AK$2:AK$366,ROUNDDOWN($C5015/24,0)+1,1)*INDEX($D$3:$AA$30,INDEX(Jesper!$R$2:$R$366,ROW(INDEX(Jesper!AK$2:AK$366,ROUNDDOWN($C5015/24,0)+1,1))-1)+IF('Standard Profiles'!$G$21=$B$10,7,0)+IF('Standard Profiles'!$G$21=$B$17,14,0)+IF('Standard Profiles'!$G$21=$B$24,21,0),MOD($C5015,24)+1)/SUM(INDEX($D$3:$AA$30,INDEX(Jesper!$R$2:$R$366,ROW(INDEX(Jesper!AK$2:AK$366,ROUNDDOWN($C5015/24,0)+1,1))-1)+IF('Standard Profiles'!$G$21=$B$10,7,0)+IF('Standard Profiles'!$G$21=$B$17,14,0)+IF('Standard Profiles'!$G$21=$B$24,21,0),0)),0)</f>
        <v>0</v>
      </c>
      <c r="H5015" cm="1">
        <f t="array" ref="H5015">IFERROR(INDEX(Jesper!AL$2:AL$366,ROUNDDOWN($C5015/24,0)+1,1)*INDEX($D$3:$AA$30,INDEX(Jesper!$R$2:$R$366,ROW(INDEX(Jesper!AL$2:AL$366,ROUNDDOWN($C5015/24,0)+1,1))-1)+IF('Standard Profiles'!$G$22=$B$10,7,0)+IF('Standard Profiles'!$G$22=$B$17,14,0)+IF('Standard Profiles'!$G$22=$B$24,21,0),MOD($C5015,24)+1)/SUM(INDEX($D$3:$AA$30,INDEX(Jesper!$R$2:$R$366,ROW(INDEX(Jesper!AL$2:AL$366,ROUNDDOWN($C5015/24,0)+1,1))-1)+IF('Standard Profiles'!$G$22=$B$10,7,0)+IF('Standard Profiles'!$G$22=$B$17,14,0)+IF('Standard Profiles'!$G$22=$B$24,21,0),0)),0)</f>
        <v>0</v>
      </c>
      <c r="I5015">
        <f t="shared" si="559"/>
        <v>0.44764318516995594</v>
      </c>
      <c r="J5015">
        <f t="shared" si="560"/>
        <v>1.4921439505665199</v>
      </c>
      <c r="K5015">
        <f t="shared" si="561"/>
        <v>2.2382159258497798</v>
      </c>
      <c r="L5015">
        <f t="shared" si="562"/>
        <v>10.743436444078942</v>
      </c>
      <c r="M5015">
        <f t="shared" si="563"/>
        <v>0</v>
      </c>
      <c r="N5015" s="46">
        <f t="shared" si="564"/>
        <v>45499.541666654586</v>
      </c>
    </row>
    <row r="5016" spans="2:14" x14ac:dyDescent="0.3">
      <c r="B5016">
        <f t="shared" si="558"/>
        <v>5</v>
      </c>
      <c r="C5016" s="16">
        <v>4982</v>
      </c>
      <c r="D5016" cm="1">
        <f t="array" ref="D5016">IFERROR(INDEX(Jesper!AH$2:AH$366,ROUNDDOWN($C5016/24,0)+1,1)*INDEX($D$3:$AA$30,INDEX(Jesper!$R$2:$R$366,ROW(INDEX(Jesper!AH$2:AH$366,ROUNDDOWN($C5016/24,0)+1,1))-1)+IF('Standard Profiles'!$G$18=$B$10,7,0)+IF('Standard Profiles'!$G$18=$B$17,14,0)+IF('Standard Profiles'!$G$18=$B$24,21,0),MOD($C5016,24)+1)/SUM(INDEX($D$3:$AA$30,INDEX(Jesper!$R$2:$R$366,ROW(INDEX(Jesper!AH$2:AH$366,ROUNDDOWN($C5016/24,0)+1,1))-1)+IF('Standard Profiles'!$G$18=$B$10,7,0)+IF('Standard Profiles'!$G$18=$B$17,14,0)+IF('Standard Profiles'!$G$18=$B$24,21,0),0)),0)</f>
        <v>14.921439505665198</v>
      </c>
      <c r="E5016" cm="1">
        <f t="array" ref="E5016">IFERROR(INDEX(Jesper!AI$2:AI$366,ROUNDDOWN($C5016/24,0)+1,1)*INDEX($D$3:$AA$30,INDEX(Jesper!$R$2:$R$366,ROW(INDEX(Jesper!AI$2:AI$366,ROUNDDOWN($C5016/24,0)+1,1))-1)+IF('Standard Profiles'!$G$19=$B$10,7,0)+IF('Standard Profiles'!$G$19=$B$17,14,0)+IF('Standard Profiles'!$G$19=$B$24,21,0),MOD($C5016,24)+1)/SUM(INDEX($D$3:$AA$30,INDEX(Jesper!$R$2:$R$366,ROW(INDEX(Jesper!AI$2:AI$366,ROUNDDOWN($C5016/24,0)+1,1))-1)+IF('Standard Profiles'!$G$19=$B$10,7,0)+IF('Standard Profiles'!$G$19=$B$17,14,0)+IF('Standard Profiles'!$G$19=$B$24,21,0),0)),0)</f>
        <v>0</v>
      </c>
      <c r="F5016" cm="1">
        <f t="array" ref="F5016">IFERROR(INDEX(Jesper!AJ$2:AJ$366,ROUNDDOWN($C5016/24,0)+1,1)*INDEX($D$3:$AA$30,INDEX(Jesper!$R$2:$R$366,ROW(INDEX(Jesper!AJ$2:AJ$366,ROUNDDOWN($C5016/24,0)+1,1))-1)+IF('Standard Profiles'!$G$20=$B$10,7,0)+IF('Standard Profiles'!$G$20=$B$17,14,0)+IF('Standard Profiles'!$G$20=$B$24,21,0),MOD($C5016,24)+1)/SUM(INDEX($D$3:$AA$30,INDEX(Jesper!$R$2:$R$366,ROW(INDEX(Jesper!AJ$2:AJ$366,ROUNDDOWN($C5016/24,0)+1,1))-1)+IF('Standard Profiles'!$G$20=$B$10,7,0)+IF('Standard Profiles'!$G$20=$B$17,14,0)+IF('Standard Profiles'!$G$20=$B$24,21,0),0)),0)</f>
        <v>0</v>
      </c>
      <c r="G5016" cm="1">
        <f t="array" ref="G5016">IFERROR(INDEX(Jesper!AK$2:AK$366,ROUNDDOWN($C5016/24,0)+1,1)*INDEX($D$3:$AA$30,INDEX(Jesper!$R$2:$R$366,ROW(INDEX(Jesper!AK$2:AK$366,ROUNDDOWN($C5016/24,0)+1,1))-1)+IF('Standard Profiles'!$G$21=$B$10,7,0)+IF('Standard Profiles'!$G$21=$B$17,14,0)+IF('Standard Profiles'!$G$21=$B$24,21,0),MOD($C5016,24)+1)/SUM(INDEX($D$3:$AA$30,INDEX(Jesper!$R$2:$R$366,ROW(INDEX(Jesper!AK$2:AK$366,ROUNDDOWN($C5016/24,0)+1,1))-1)+IF('Standard Profiles'!$G$21=$B$10,7,0)+IF('Standard Profiles'!$G$21=$B$17,14,0)+IF('Standard Profiles'!$G$21=$B$24,21,0),0)),0)</f>
        <v>0</v>
      </c>
      <c r="H5016" cm="1">
        <f t="array" ref="H5016">IFERROR(INDEX(Jesper!AL$2:AL$366,ROUNDDOWN($C5016/24,0)+1,1)*INDEX($D$3:$AA$30,INDEX(Jesper!$R$2:$R$366,ROW(INDEX(Jesper!AL$2:AL$366,ROUNDDOWN($C5016/24,0)+1,1))-1)+IF('Standard Profiles'!$G$22=$B$10,7,0)+IF('Standard Profiles'!$G$22=$B$17,14,0)+IF('Standard Profiles'!$G$22=$B$24,21,0),MOD($C5016,24)+1)/SUM(INDEX($D$3:$AA$30,INDEX(Jesper!$R$2:$R$366,ROW(INDEX(Jesper!AL$2:AL$366,ROUNDDOWN($C5016/24,0)+1,1))-1)+IF('Standard Profiles'!$G$22=$B$10,7,0)+IF('Standard Profiles'!$G$22=$B$17,14,0)+IF('Standard Profiles'!$G$22=$B$24,21,0),0)),0)</f>
        <v>0</v>
      </c>
      <c r="I5016">
        <f t="shared" si="559"/>
        <v>0.44764318516995594</v>
      </c>
      <c r="J5016">
        <f t="shared" si="560"/>
        <v>1.4921439505665199</v>
      </c>
      <c r="K5016">
        <f t="shared" si="561"/>
        <v>2.2382159258497798</v>
      </c>
      <c r="L5016">
        <f t="shared" si="562"/>
        <v>10.743436444078942</v>
      </c>
      <c r="M5016">
        <f t="shared" si="563"/>
        <v>0</v>
      </c>
      <c r="N5016" s="46">
        <f t="shared" si="564"/>
        <v>45499.58333332125</v>
      </c>
    </row>
    <row r="5017" spans="2:14" x14ac:dyDescent="0.3">
      <c r="B5017">
        <f t="shared" si="558"/>
        <v>5</v>
      </c>
      <c r="C5017" s="16">
        <v>4983</v>
      </c>
      <c r="D5017" cm="1">
        <f t="array" ref="D5017">IFERROR(INDEX(Jesper!AH$2:AH$366,ROUNDDOWN($C5017/24,0)+1,1)*INDEX($D$3:$AA$30,INDEX(Jesper!$R$2:$R$366,ROW(INDEX(Jesper!AH$2:AH$366,ROUNDDOWN($C5017/24,0)+1,1))-1)+IF('Standard Profiles'!$G$18=$B$10,7,0)+IF('Standard Profiles'!$G$18=$B$17,14,0)+IF('Standard Profiles'!$G$18=$B$24,21,0),MOD($C5017,24)+1)/SUM(INDEX($D$3:$AA$30,INDEX(Jesper!$R$2:$R$366,ROW(INDEX(Jesper!AH$2:AH$366,ROUNDDOWN($C5017/24,0)+1,1))-1)+IF('Standard Profiles'!$G$18=$B$10,7,0)+IF('Standard Profiles'!$G$18=$B$17,14,0)+IF('Standard Profiles'!$G$18=$B$24,21,0),0)),0)</f>
        <v>12.434532921387666</v>
      </c>
      <c r="E5017" cm="1">
        <f t="array" ref="E5017">IFERROR(INDEX(Jesper!AI$2:AI$366,ROUNDDOWN($C5017/24,0)+1,1)*INDEX($D$3:$AA$30,INDEX(Jesper!$R$2:$R$366,ROW(INDEX(Jesper!AI$2:AI$366,ROUNDDOWN($C5017/24,0)+1,1))-1)+IF('Standard Profiles'!$G$19=$B$10,7,0)+IF('Standard Profiles'!$G$19=$B$17,14,0)+IF('Standard Profiles'!$G$19=$B$24,21,0),MOD($C5017,24)+1)/SUM(INDEX($D$3:$AA$30,INDEX(Jesper!$R$2:$R$366,ROW(INDEX(Jesper!AI$2:AI$366,ROUNDDOWN($C5017/24,0)+1,1))-1)+IF('Standard Profiles'!$G$19=$B$10,7,0)+IF('Standard Profiles'!$G$19=$B$17,14,0)+IF('Standard Profiles'!$G$19=$B$24,21,0),0)),0)</f>
        <v>0</v>
      </c>
      <c r="F5017" cm="1">
        <f t="array" ref="F5017">IFERROR(INDEX(Jesper!AJ$2:AJ$366,ROUNDDOWN($C5017/24,0)+1,1)*INDEX($D$3:$AA$30,INDEX(Jesper!$R$2:$R$366,ROW(INDEX(Jesper!AJ$2:AJ$366,ROUNDDOWN($C5017/24,0)+1,1))-1)+IF('Standard Profiles'!$G$20=$B$10,7,0)+IF('Standard Profiles'!$G$20=$B$17,14,0)+IF('Standard Profiles'!$G$20=$B$24,21,0),MOD($C5017,24)+1)/SUM(INDEX($D$3:$AA$30,INDEX(Jesper!$R$2:$R$366,ROW(INDEX(Jesper!AJ$2:AJ$366,ROUNDDOWN($C5017/24,0)+1,1))-1)+IF('Standard Profiles'!$G$20=$B$10,7,0)+IF('Standard Profiles'!$G$20=$B$17,14,0)+IF('Standard Profiles'!$G$20=$B$24,21,0),0)),0)</f>
        <v>0</v>
      </c>
      <c r="G5017" cm="1">
        <f t="array" ref="G5017">IFERROR(INDEX(Jesper!AK$2:AK$366,ROUNDDOWN($C5017/24,0)+1,1)*INDEX($D$3:$AA$30,INDEX(Jesper!$R$2:$R$366,ROW(INDEX(Jesper!AK$2:AK$366,ROUNDDOWN($C5017/24,0)+1,1))-1)+IF('Standard Profiles'!$G$21=$B$10,7,0)+IF('Standard Profiles'!$G$21=$B$17,14,0)+IF('Standard Profiles'!$G$21=$B$24,21,0),MOD($C5017,24)+1)/SUM(INDEX($D$3:$AA$30,INDEX(Jesper!$R$2:$R$366,ROW(INDEX(Jesper!AK$2:AK$366,ROUNDDOWN($C5017/24,0)+1,1))-1)+IF('Standard Profiles'!$G$21=$B$10,7,0)+IF('Standard Profiles'!$G$21=$B$17,14,0)+IF('Standard Profiles'!$G$21=$B$24,21,0),0)),0)</f>
        <v>0</v>
      </c>
      <c r="H5017" cm="1">
        <f t="array" ref="H5017">IFERROR(INDEX(Jesper!AL$2:AL$366,ROUNDDOWN($C5017/24,0)+1,1)*INDEX($D$3:$AA$30,INDEX(Jesper!$R$2:$R$366,ROW(INDEX(Jesper!AL$2:AL$366,ROUNDDOWN($C5017/24,0)+1,1))-1)+IF('Standard Profiles'!$G$22=$B$10,7,0)+IF('Standard Profiles'!$G$22=$B$17,14,0)+IF('Standard Profiles'!$G$22=$B$24,21,0),MOD($C5017,24)+1)/SUM(INDEX($D$3:$AA$30,INDEX(Jesper!$R$2:$R$366,ROW(INDEX(Jesper!AL$2:AL$366,ROUNDDOWN($C5017/24,0)+1,1))-1)+IF('Standard Profiles'!$G$22=$B$10,7,0)+IF('Standard Profiles'!$G$22=$B$17,14,0)+IF('Standard Profiles'!$G$22=$B$24,21,0),0)),0)</f>
        <v>0</v>
      </c>
      <c r="I5017">
        <f t="shared" si="559"/>
        <v>0.37303598764162993</v>
      </c>
      <c r="J5017">
        <f t="shared" si="560"/>
        <v>1.2434532921387667</v>
      </c>
      <c r="K5017">
        <f t="shared" si="561"/>
        <v>1.8651799382081498</v>
      </c>
      <c r="L5017">
        <f t="shared" si="562"/>
        <v>8.9528637033991192</v>
      </c>
      <c r="M5017">
        <f t="shared" si="563"/>
        <v>0</v>
      </c>
      <c r="N5017" s="46">
        <f t="shared" si="564"/>
        <v>45499.624999987915</v>
      </c>
    </row>
    <row r="5018" spans="2:14" x14ac:dyDescent="0.3">
      <c r="B5018">
        <f t="shared" si="558"/>
        <v>5</v>
      </c>
      <c r="C5018" s="16">
        <v>4984</v>
      </c>
      <c r="D5018" cm="1">
        <f t="array" ref="D5018">IFERROR(INDEX(Jesper!AH$2:AH$366,ROUNDDOWN($C5018/24,0)+1,1)*INDEX($D$3:$AA$30,INDEX(Jesper!$R$2:$R$366,ROW(INDEX(Jesper!AH$2:AH$366,ROUNDDOWN($C5018/24,0)+1,1))-1)+IF('Standard Profiles'!$G$18=$B$10,7,0)+IF('Standard Profiles'!$G$18=$B$17,14,0)+IF('Standard Profiles'!$G$18=$B$24,21,0),MOD($C5018,24)+1)/SUM(INDEX($D$3:$AA$30,INDEX(Jesper!$R$2:$R$366,ROW(INDEX(Jesper!AH$2:AH$366,ROUNDDOWN($C5018/24,0)+1,1))-1)+IF('Standard Profiles'!$G$18=$B$10,7,0)+IF('Standard Profiles'!$G$18=$B$17,14,0)+IF('Standard Profiles'!$G$18=$B$24,21,0),0)),0)</f>
        <v>11.771357832246991</v>
      </c>
      <c r="E5018" cm="1">
        <f t="array" ref="E5018">IFERROR(INDEX(Jesper!AI$2:AI$366,ROUNDDOWN($C5018/24,0)+1,1)*INDEX($D$3:$AA$30,INDEX(Jesper!$R$2:$R$366,ROW(INDEX(Jesper!AI$2:AI$366,ROUNDDOWN($C5018/24,0)+1,1))-1)+IF('Standard Profiles'!$G$19=$B$10,7,0)+IF('Standard Profiles'!$G$19=$B$17,14,0)+IF('Standard Profiles'!$G$19=$B$24,21,0),MOD($C5018,24)+1)/SUM(INDEX($D$3:$AA$30,INDEX(Jesper!$R$2:$R$366,ROW(INDEX(Jesper!AI$2:AI$366,ROUNDDOWN($C5018/24,0)+1,1))-1)+IF('Standard Profiles'!$G$19=$B$10,7,0)+IF('Standard Profiles'!$G$19=$B$17,14,0)+IF('Standard Profiles'!$G$19=$B$24,21,0),0)),0)</f>
        <v>0</v>
      </c>
      <c r="F5018" cm="1">
        <f t="array" ref="F5018">IFERROR(INDEX(Jesper!AJ$2:AJ$366,ROUNDDOWN($C5018/24,0)+1,1)*INDEX($D$3:$AA$30,INDEX(Jesper!$R$2:$R$366,ROW(INDEX(Jesper!AJ$2:AJ$366,ROUNDDOWN($C5018/24,0)+1,1))-1)+IF('Standard Profiles'!$G$20=$B$10,7,0)+IF('Standard Profiles'!$G$20=$B$17,14,0)+IF('Standard Profiles'!$G$20=$B$24,21,0),MOD($C5018,24)+1)/SUM(INDEX($D$3:$AA$30,INDEX(Jesper!$R$2:$R$366,ROW(INDEX(Jesper!AJ$2:AJ$366,ROUNDDOWN($C5018/24,0)+1,1))-1)+IF('Standard Profiles'!$G$20=$B$10,7,0)+IF('Standard Profiles'!$G$20=$B$17,14,0)+IF('Standard Profiles'!$G$20=$B$24,21,0),0)),0)</f>
        <v>0</v>
      </c>
      <c r="G5018" cm="1">
        <f t="array" ref="G5018">IFERROR(INDEX(Jesper!AK$2:AK$366,ROUNDDOWN($C5018/24,0)+1,1)*INDEX($D$3:$AA$30,INDEX(Jesper!$R$2:$R$366,ROW(INDEX(Jesper!AK$2:AK$366,ROUNDDOWN($C5018/24,0)+1,1))-1)+IF('Standard Profiles'!$G$21=$B$10,7,0)+IF('Standard Profiles'!$G$21=$B$17,14,0)+IF('Standard Profiles'!$G$21=$B$24,21,0),MOD($C5018,24)+1)/SUM(INDEX($D$3:$AA$30,INDEX(Jesper!$R$2:$R$366,ROW(INDEX(Jesper!AK$2:AK$366,ROUNDDOWN($C5018/24,0)+1,1))-1)+IF('Standard Profiles'!$G$21=$B$10,7,0)+IF('Standard Profiles'!$G$21=$B$17,14,0)+IF('Standard Profiles'!$G$21=$B$24,21,0),0)),0)</f>
        <v>0</v>
      </c>
      <c r="H5018" cm="1">
        <f t="array" ref="H5018">IFERROR(INDEX(Jesper!AL$2:AL$366,ROUNDDOWN($C5018/24,0)+1,1)*INDEX($D$3:$AA$30,INDEX(Jesper!$R$2:$R$366,ROW(INDEX(Jesper!AL$2:AL$366,ROUNDDOWN($C5018/24,0)+1,1))-1)+IF('Standard Profiles'!$G$22=$B$10,7,0)+IF('Standard Profiles'!$G$22=$B$17,14,0)+IF('Standard Profiles'!$G$22=$B$24,21,0),MOD($C5018,24)+1)/SUM(INDEX($D$3:$AA$30,INDEX(Jesper!$R$2:$R$366,ROW(INDEX(Jesper!AL$2:AL$366,ROUNDDOWN($C5018/24,0)+1,1))-1)+IF('Standard Profiles'!$G$22=$B$10,7,0)+IF('Standard Profiles'!$G$22=$B$17,14,0)+IF('Standard Profiles'!$G$22=$B$24,21,0),0)),0)</f>
        <v>0</v>
      </c>
      <c r="I5018">
        <f t="shared" si="559"/>
        <v>0.35314073496740972</v>
      </c>
      <c r="J5018">
        <f t="shared" si="560"/>
        <v>1.1771357832246991</v>
      </c>
      <c r="K5018">
        <f t="shared" si="561"/>
        <v>1.7657036748370487</v>
      </c>
      <c r="L5018">
        <f t="shared" si="562"/>
        <v>8.4753776392178342</v>
      </c>
      <c r="M5018">
        <f t="shared" si="563"/>
        <v>0</v>
      </c>
      <c r="N5018" s="46">
        <f t="shared" si="564"/>
        <v>45499.666666654579</v>
      </c>
    </row>
    <row r="5019" spans="2:14" x14ac:dyDescent="0.3">
      <c r="B5019">
        <f t="shared" si="558"/>
        <v>5</v>
      </c>
      <c r="C5019" s="16">
        <v>4985</v>
      </c>
      <c r="D5019" cm="1">
        <f t="array" ref="D5019">IFERROR(INDEX(Jesper!AH$2:AH$366,ROUNDDOWN($C5019/24,0)+1,1)*INDEX($D$3:$AA$30,INDEX(Jesper!$R$2:$R$366,ROW(INDEX(Jesper!AH$2:AH$366,ROUNDDOWN($C5019/24,0)+1,1))-1)+IF('Standard Profiles'!$G$18=$B$10,7,0)+IF('Standard Profiles'!$G$18=$B$17,14,0)+IF('Standard Profiles'!$G$18=$B$24,21,0),MOD($C5019,24)+1)/SUM(INDEX($D$3:$AA$30,INDEX(Jesper!$R$2:$R$366,ROW(INDEX(Jesper!AH$2:AH$366,ROUNDDOWN($C5019/24,0)+1,1))-1)+IF('Standard Profiles'!$G$18=$B$10,7,0)+IF('Standard Profiles'!$G$18=$B$17,14,0)+IF('Standard Profiles'!$G$18=$B$24,21,0),0)),0)</f>
        <v>11.771357832246991</v>
      </c>
      <c r="E5019" cm="1">
        <f t="array" ref="E5019">IFERROR(INDEX(Jesper!AI$2:AI$366,ROUNDDOWN($C5019/24,0)+1,1)*INDEX($D$3:$AA$30,INDEX(Jesper!$R$2:$R$366,ROW(INDEX(Jesper!AI$2:AI$366,ROUNDDOWN($C5019/24,0)+1,1))-1)+IF('Standard Profiles'!$G$19=$B$10,7,0)+IF('Standard Profiles'!$G$19=$B$17,14,0)+IF('Standard Profiles'!$G$19=$B$24,21,0),MOD($C5019,24)+1)/SUM(INDEX($D$3:$AA$30,INDEX(Jesper!$R$2:$R$366,ROW(INDEX(Jesper!AI$2:AI$366,ROUNDDOWN($C5019/24,0)+1,1))-1)+IF('Standard Profiles'!$G$19=$B$10,7,0)+IF('Standard Profiles'!$G$19=$B$17,14,0)+IF('Standard Profiles'!$G$19=$B$24,21,0),0)),0)</f>
        <v>0</v>
      </c>
      <c r="F5019" cm="1">
        <f t="array" ref="F5019">IFERROR(INDEX(Jesper!AJ$2:AJ$366,ROUNDDOWN($C5019/24,0)+1,1)*INDEX($D$3:$AA$30,INDEX(Jesper!$R$2:$R$366,ROW(INDEX(Jesper!AJ$2:AJ$366,ROUNDDOWN($C5019/24,0)+1,1))-1)+IF('Standard Profiles'!$G$20=$B$10,7,0)+IF('Standard Profiles'!$G$20=$B$17,14,0)+IF('Standard Profiles'!$G$20=$B$24,21,0),MOD($C5019,24)+1)/SUM(INDEX($D$3:$AA$30,INDEX(Jesper!$R$2:$R$366,ROW(INDEX(Jesper!AJ$2:AJ$366,ROUNDDOWN($C5019/24,0)+1,1))-1)+IF('Standard Profiles'!$G$20=$B$10,7,0)+IF('Standard Profiles'!$G$20=$B$17,14,0)+IF('Standard Profiles'!$G$20=$B$24,21,0),0)),0)</f>
        <v>0</v>
      </c>
      <c r="G5019" cm="1">
        <f t="array" ref="G5019">IFERROR(INDEX(Jesper!AK$2:AK$366,ROUNDDOWN($C5019/24,0)+1,1)*INDEX($D$3:$AA$30,INDEX(Jesper!$R$2:$R$366,ROW(INDEX(Jesper!AK$2:AK$366,ROUNDDOWN($C5019/24,0)+1,1))-1)+IF('Standard Profiles'!$G$21=$B$10,7,0)+IF('Standard Profiles'!$G$21=$B$17,14,0)+IF('Standard Profiles'!$G$21=$B$24,21,0),MOD($C5019,24)+1)/SUM(INDEX($D$3:$AA$30,INDEX(Jesper!$R$2:$R$366,ROW(INDEX(Jesper!AK$2:AK$366,ROUNDDOWN($C5019/24,0)+1,1))-1)+IF('Standard Profiles'!$G$21=$B$10,7,0)+IF('Standard Profiles'!$G$21=$B$17,14,0)+IF('Standard Profiles'!$G$21=$B$24,21,0),0)),0)</f>
        <v>0</v>
      </c>
      <c r="H5019" cm="1">
        <f t="array" ref="H5019">IFERROR(INDEX(Jesper!AL$2:AL$366,ROUNDDOWN($C5019/24,0)+1,1)*INDEX($D$3:$AA$30,INDEX(Jesper!$R$2:$R$366,ROW(INDEX(Jesper!AL$2:AL$366,ROUNDDOWN($C5019/24,0)+1,1))-1)+IF('Standard Profiles'!$G$22=$B$10,7,0)+IF('Standard Profiles'!$G$22=$B$17,14,0)+IF('Standard Profiles'!$G$22=$B$24,21,0),MOD($C5019,24)+1)/SUM(INDEX($D$3:$AA$30,INDEX(Jesper!$R$2:$R$366,ROW(INDEX(Jesper!AL$2:AL$366,ROUNDDOWN($C5019/24,0)+1,1))-1)+IF('Standard Profiles'!$G$22=$B$10,7,0)+IF('Standard Profiles'!$G$22=$B$17,14,0)+IF('Standard Profiles'!$G$22=$B$24,21,0),0)),0)</f>
        <v>0</v>
      </c>
      <c r="I5019">
        <f t="shared" si="559"/>
        <v>0.35314073496740972</v>
      </c>
      <c r="J5019">
        <f t="shared" si="560"/>
        <v>1.1771357832246991</v>
      </c>
      <c r="K5019">
        <f t="shared" si="561"/>
        <v>1.7657036748370487</v>
      </c>
      <c r="L5019">
        <f t="shared" si="562"/>
        <v>8.4753776392178342</v>
      </c>
      <c r="M5019">
        <f t="shared" si="563"/>
        <v>0</v>
      </c>
      <c r="N5019" s="46">
        <f t="shared" si="564"/>
        <v>45499.708333321243</v>
      </c>
    </row>
    <row r="5020" spans="2:14" x14ac:dyDescent="0.3">
      <c r="B5020">
        <f t="shared" si="558"/>
        <v>5</v>
      </c>
      <c r="C5020" s="16">
        <v>4986</v>
      </c>
      <c r="D5020" cm="1">
        <f t="array" ref="D5020">IFERROR(INDEX(Jesper!AH$2:AH$366,ROUNDDOWN($C5020/24,0)+1,1)*INDEX($D$3:$AA$30,INDEX(Jesper!$R$2:$R$366,ROW(INDEX(Jesper!AH$2:AH$366,ROUNDDOWN($C5020/24,0)+1,1))-1)+IF('Standard Profiles'!$G$18=$B$10,7,0)+IF('Standard Profiles'!$G$18=$B$17,14,0)+IF('Standard Profiles'!$G$18=$B$24,21,0),MOD($C5020,24)+1)/SUM(INDEX($D$3:$AA$30,INDEX(Jesper!$R$2:$R$366,ROW(INDEX(Jesper!AH$2:AH$366,ROUNDDOWN($C5020/24,0)+1,1))-1)+IF('Standard Profiles'!$G$18=$B$10,7,0)+IF('Standard Profiles'!$G$18=$B$17,14,0)+IF('Standard Profiles'!$G$18=$B$24,21,0),0)),0)</f>
        <v>11.771357832246991</v>
      </c>
      <c r="E5020" cm="1">
        <f t="array" ref="E5020">IFERROR(INDEX(Jesper!AI$2:AI$366,ROUNDDOWN($C5020/24,0)+1,1)*INDEX($D$3:$AA$30,INDEX(Jesper!$R$2:$R$366,ROW(INDEX(Jesper!AI$2:AI$366,ROUNDDOWN($C5020/24,0)+1,1))-1)+IF('Standard Profiles'!$G$19=$B$10,7,0)+IF('Standard Profiles'!$G$19=$B$17,14,0)+IF('Standard Profiles'!$G$19=$B$24,21,0),MOD($C5020,24)+1)/SUM(INDEX($D$3:$AA$30,INDEX(Jesper!$R$2:$R$366,ROW(INDEX(Jesper!AI$2:AI$366,ROUNDDOWN($C5020/24,0)+1,1))-1)+IF('Standard Profiles'!$G$19=$B$10,7,0)+IF('Standard Profiles'!$G$19=$B$17,14,0)+IF('Standard Profiles'!$G$19=$B$24,21,0),0)),0)</f>
        <v>0</v>
      </c>
      <c r="F5020" cm="1">
        <f t="array" ref="F5020">IFERROR(INDEX(Jesper!AJ$2:AJ$366,ROUNDDOWN($C5020/24,0)+1,1)*INDEX($D$3:$AA$30,INDEX(Jesper!$R$2:$R$366,ROW(INDEX(Jesper!AJ$2:AJ$366,ROUNDDOWN($C5020/24,0)+1,1))-1)+IF('Standard Profiles'!$G$20=$B$10,7,0)+IF('Standard Profiles'!$G$20=$B$17,14,0)+IF('Standard Profiles'!$G$20=$B$24,21,0),MOD($C5020,24)+1)/SUM(INDEX($D$3:$AA$30,INDEX(Jesper!$R$2:$R$366,ROW(INDEX(Jesper!AJ$2:AJ$366,ROUNDDOWN($C5020/24,0)+1,1))-1)+IF('Standard Profiles'!$G$20=$B$10,7,0)+IF('Standard Profiles'!$G$20=$B$17,14,0)+IF('Standard Profiles'!$G$20=$B$24,21,0),0)),0)</f>
        <v>0</v>
      </c>
      <c r="G5020" cm="1">
        <f t="array" ref="G5020">IFERROR(INDEX(Jesper!AK$2:AK$366,ROUNDDOWN($C5020/24,0)+1,1)*INDEX($D$3:$AA$30,INDEX(Jesper!$R$2:$R$366,ROW(INDEX(Jesper!AK$2:AK$366,ROUNDDOWN($C5020/24,0)+1,1))-1)+IF('Standard Profiles'!$G$21=$B$10,7,0)+IF('Standard Profiles'!$G$21=$B$17,14,0)+IF('Standard Profiles'!$G$21=$B$24,21,0),MOD($C5020,24)+1)/SUM(INDEX($D$3:$AA$30,INDEX(Jesper!$R$2:$R$366,ROW(INDEX(Jesper!AK$2:AK$366,ROUNDDOWN($C5020/24,0)+1,1))-1)+IF('Standard Profiles'!$G$21=$B$10,7,0)+IF('Standard Profiles'!$G$21=$B$17,14,0)+IF('Standard Profiles'!$G$21=$B$24,21,0),0)),0)</f>
        <v>0</v>
      </c>
      <c r="H5020" cm="1">
        <f t="array" ref="H5020">IFERROR(INDEX(Jesper!AL$2:AL$366,ROUNDDOWN($C5020/24,0)+1,1)*INDEX($D$3:$AA$30,INDEX(Jesper!$R$2:$R$366,ROW(INDEX(Jesper!AL$2:AL$366,ROUNDDOWN($C5020/24,0)+1,1))-1)+IF('Standard Profiles'!$G$22=$B$10,7,0)+IF('Standard Profiles'!$G$22=$B$17,14,0)+IF('Standard Profiles'!$G$22=$B$24,21,0),MOD($C5020,24)+1)/SUM(INDEX($D$3:$AA$30,INDEX(Jesper!$R$2:$R$366,ROW(INDEX(Jesper!AL$2:AL$366,ROUNDDOWN($C5020/24,0)+1,1))-1)+IF('Standard Profiles'!$G$22=$B$10,7,0)+IF('Standard Profiles'!$G$22=$B$17,14,0)+IF('Standard Profiles'!$G$22=$B$24,21,0),0)),0)</f>
        <v>0</v>
      </c>
      <c r="I5020">
        <f t="shared" si="559"/>
        <v>0.35314073496740972</v>
      </c>
      <c r="J5020">
        <f t="shared" si="560"/>
        <v>1.1771357832246991</v>
      </c>
      <c r="K5020">
        <f t="shared" si="561"/>
        <v>1.7657036748370487</v>
      </c>
      <c r="L5020">
        <f t="shared" si="562"/>
        <v>8.4753776392178342</v>
      </c>
      <c r="M5020">
        <f t="shared" si="563"/>
        <v>0</v>
      </c>
      <c r="N5020" s="46">
        <f t="shared" si="564"/>
        <v>45499.749999987907</v>
      </c>
    </row>
    <row r="5021" spans="2:14" x14ac:dyDescent="0.3">
      <c r="B5021">
        <f t="shared" si="558"/>
        <v>5</v>
      </c>
      <c r="C5021" s="16">
        <v>4987</v>
      </c>
      <c r="D5021" cm="1">
        <f t="array" ref="D5021">IFERROR(INDEX(Jesper!AH$2:AH$366,ROUNDDOWN($C5021/24,0)+1,1)*INDEX($D$3:$AA$30,INDEX(Jesper!$R$2:$R$366,ROW(INDEX(Jesper!AH$2:AH$366,ROUNDDOWN($C5021/24,0)+1,1))-1)+IF('Standard Profiles'!$G$18=$B$10,7,0)+IF('Standard Profiles'!$G$18=$B$17,14,0)+IF('Standard Profiles'!$G$18=$B$24,21,0),MOD($C5021,24)+1)/SUM(INDEX($D$3:$AA$30,INDEX(Jesper!$R$2:$R$366,ROW(INDEX(Jesper!AH$2:AH$366,ROUNDDOWN($C5021/24,0)+1,1))-1)+IF('Standard Profiles'!$G$18=$B$10,7,0)+IF('Standard Profiles'!$G$18=$B$17,14,0)+IF('Standard Profiles'!$G$18=$B$24,21,0),0)),0)</f>
        <v>11.771357832246991</v>
      </c>
      <c r="E5021" cm="1">
        <f t="array" ref="E5021">IFERROR(INDEX(Jesper!AI$2:AI$366,ROUNDDOWN($C5021/24,0)+1,1)*INDEX($D$3:$AA$30,INDEX(Jesper!$R$2:$R$366,ROW(INDEX(Jesper!AI$2:AI$366,ROUNDDOWN($C5021/24,0)+1,1))-1)+IF('Standard Profiles'!$G$19=$B$10,7,0)+IF('Standard Profiles'!$G$19=$B$17,14,0)+IF('Standard Profiles'!$G$19=$B$24,21,0),MOD($C5021,24)+1)/SUM(INDEX($D$3:$AA$30,INDEX(Jesper!$R$2:$R$366,ROW(INDEX(Jesper!AI$2:AI$366,ROUNDDOWN($C5021/24,0)+1,1))-1)+IF('Standard Profiles'!$G$19=$B$10,7,0)+IF('Standard Profiles'!$G$19=$B$17,14,0)+IF('Standard Profiles'!$G$19=$B$24,21,0),0)),0)</f>
        <v>0</v>
      </c>
      <c r="F5021" cm="1">
        <f t="array" ref="F5021">IFERROR(INDEX(Jesper!AJ$2:AJ$366,ROUNDDOWN($C5021/24,0)+1,1)*INDEX($D$3:$AA$30,INDEX(Jesper!$R$2:$R$366,ROW(INDEX(Jesper!AJ$2:AJ$366,ROUNDDOWN($C5021/24,0)+1,1))-1)+IF('Standard Profiles'!$G$20=$B$10,7,0)+IF('Standard Profiles'!$G$20=$B$17,14,0)+IF('Standard Profiles'!$G$20=$B$24,21,0),MOD($C5021,24)+1)/SUM(INDEX($D$3:$AA$30,INDEX(Jesper!$R$2:$R$366,ROW(INDEX(Jesper!AJ$2:AJ$366,ROUNDDOWN($C5021/24,0)+1,1))-1)+IF('Standard Profiles'!$G$20=$B$10,7,0)+IF('Standard Profiles'!$G$20=$B$17,14,0)+IF('Standard Profiles'!$G$20=$B$24,21,0),0)),0)</f>
        <v>0</v>
      </c>
      <c r="G5021" cm="1">
        <f t="array" ref="G5021">IFERROR(INDEX(Jesper!AK$2:AK$366,ROUNDDOWN($C5021/24,0)+1,1)*INDEX($D$3:$AA$30,INDEX(Jesper!$R$2:$R$366,ROW(INDEX(Jesper!AK$2:AK$366,ROUNDDOWN($C5021/24,0)+1,1))-1)+IF('Standard Profiles'!$G$21=$B$10,7,0)+IF('Standard Profiles'!$G$21=$B$17,14,0)+IF('Standard Profiles'!$G$21=$B$24,21,0),MOD($C5021,24)+1)/SUM(INDEX($D$3:$AA$30,INDEX(Jesper!$R$2:$R$366,ROW(INDEX(Jesper!AK$2:AK$366,ROUNDDOWN($C5021/24,0)+1,1))-1)+IF('Standard Profiles'!$G$21=$B$10,7,0)+IF('Standard Profiles'!$G$21=$B$17,14,0)+IF('Standard Profiles'!$G$21=$B$24,21,0),0)),0)</f>
        <v>0</v>
      </c>
      <c r="H5021" cm="1">
        <f t="array" ref="H5021">IFERROR(INDEX(Jesper!AL$2:AL$366,ROUNDDOWN($C5021/24,0)+1,1)*INDEX($D$3:$AA$30,INDEX(Jesper!$R$2:$R$366,ROW(INDEX(Jesper!AL$2:AL$366,ROUNDDOWN($C5021/24,0)+1,1))-1)+IF('Standard Profiles'!$G$22=$B$10,7,0)+IF('Standard Profiles'!$G$22=$B$17,14,0)+IF('Standard Profiles'!$G$22=$B$24,21,0),MOD($C5021,24)+1)/SUM(INDEX($D$3:$AA$30,INDEX(Jesper!$R$2:$R$366,ROW(INDEX(Jesper!AL$2:AL$366,ROUNDDOWN($C5021/24,0)+1,1))-1)+IF('Standard Profiles'!$G$22=$B$10,7,0)+IF('Standard Profiles'!$G$22=$B$17,14,0)+IF('Standard Profiles'!$G$22=$B$24,21,0),0)),0)</f>
        <v>0</v>
      </c>
      <c r="I5021">
        <f t="shared" si="559"/>
        <v>0.35314073496740972</v>
      </c>
      <c r="J5021">
        <f t="shared" si="560"/>
        <v>1.1771357832246991</v>
      </c>
      <c r="K5021">
        <f t="shared" si="561"/>
        <v>1.7657036748370487</v>
      </c>
      <c r="L5021">
        <f t="shared" si="562"/>
        <v>8.4753776392178342</v>
      </c>
      <c r="M5021">
        <f t="shared" si="563"/>
        <v>0</v>
      </c>
      <c r="N5021" s="46">
        <f t="shared" si="564"/>
        <v>45499.791666654572</v>
      </c>
    </row>
    <row r="5022" spans="2:14" x14ac:dyDescent="0.3">
      <c r="B5022">
        <f t="shared" si="558"/>
        <v>5</v>
      </c>
      <c r="C5022" s="16">
        <v>4988</v>
      </c>
      <c r="D5022" cm="1">
        <f t="array" ref="D5022">IFERROR(INDEX(Jesper!AH$2:AH$366,ROUNDDOWN($C5022/24,0)+1,1)*INDEX($D$3:$AA$30,INDEX(Jesper!$R$2:$R$366,ROW(INDEX(Jesper!AH$2:AH$366,ROUNDDOWN($C5022/24,0)+1,1))-1)+IF('Standard Profiles'!$G$18=$B$10,7,0)+IF('Standard Profiles'!$G$18=$B$17,14,0)+IF('Standard Profiles'!$G$18=$B$24,21,0),MOD($C5022,24)+1)/SUM(INDEX($D$3:$AA$30,INDEX(Jesper!$R$2:$R$366,ROW(INDEX(Jesper!AH$2:AH$366,ROUNDDOWN($C5022/24,0)+1,1))-1)+IF('Standard Profiles'!$G$18=$B$10,7,0)+IF('Standard Profiles'!$G$18=$B$17,14,0)+IF('Standard Profiles'!$G$18=$B$24,21,0),0)),0)</f>
        <v>9.1186574756842873</v>
      </c>
      <c r="E5022" cm="1">
        <f t="array" ref="E5022">IFERROR(INDEX(Jesper!AI$2:AI$366,ROUNDDOWN($C5022/24,0)+1,1)*INDEX($D$3:$AA$30,INDEX(Jesper!$R$2:$R$366,ROW(INDEX(Jesper!AI$2:AI$366,ROUNDDOWN($C5022/24,0)+1,1))-1)+IF('Standard Profiles'!$G$19=$B$10,7,0)+IF('Standard Profiles'!$G$19=$B$17,14,0)+IF('Standard Profiles'!$G$19=$B$24,21,0),MOD($C5022,24)+1)/SUM(INDEX($D$3:$AA$30,INDEX(Jesper!$R$2:$R$366,ROW(INDEX(Jesper!AI$2:AI$366,ROUNDDOWN($C5022/24,0)+1,1))-1)+IF('Standard Profiles'!$G$19=$B$10,7,0)+IF('Standard Profiles'!$G$19=$B$17,14,0)+IF('Standard Profiles'!$G$19=$B$24,21,0),0)),0)</f>
        <v>0</v>
      </c>
      <c r="F5022" cm="1">
        <f t="array" ref="F5022">IFERROR(INDEX(Jesper!AJ$2:AJ$366,ROUNDDOWN($C5022/24,0)+1,1)*INDEX($D$3:$AA$30,INDEX(Jesper!$R$2:$R$366,ROW(INDEX(Jesper!AJ$2:AJ$366,ROUNDDOWN($C5022/24,0)+1,1))-1)+IF('Standard Profiles'!$G$20=$B$10,7,0)+IF('Standard Profiles'!$G$20=$B$17,14,0)+IF('Standard Profiles'!$G$20=$B$24,21,0),MOD($C5022,24)+1)/SUM(INDEX($D$3:$AA$30,INDEX(Jesper!$R$2:$R$366,ROW(INDEX(Jesper!AJ$2:AJ$366,ROUNDDOWN($C5022/24,0)+1,1))-1)+IF('Standard Profiles'!$G$20=$B$10,7,0)+IF('Standard Profiles'!$G$20=$B$17,14,0)+IF('Standard Profiles'!$G$20=$B$24,21,0),0)),0)</f>
        <v>0</v>
      </c>
      <c r="G5022" cm="1">
        <f t="array" ref="G5022">IFERROR(INDEX(Jesper!AK$2:AK$366,ROUNDDOWN($C5022/24,0)+1,1)*INDEX($D$3:$AA$30,INDEX(Jesper!$R$2:$R$366,ROW(INDEX(Jesper!AK$2:AK$366,ROUNDDOWN($C5022/24,0)+1,1))-1)+IF('Standard Profiles'!$G$21=$B$10,7,0)+IF('Standard Profiles'!$G$21=$B$17,14,0)+IF('Standard Profiles'!$G$21=$B$24,21,0),MOD($C5022,24)+1)/SUM(INDEX($D$3:$AA$30,INDEX(Jesper!$R$2:$R$366,ROW(INDEX(Jesper!AK$2:AK$366,ROUNDDOWN($C5022/24,0)+1,1))-1)+IF('Standard Profiles'!$G$21=$B$10,7,0)+IF('Standard Profiles'!$G$21=$B$17,14,0)+IF('Standard Profiles'!$G$21=$B$24,21,0),0)),0)</f>
        <v>0</v>
      </c>
      <c r="H5022" cm="1">
        <f t="array" ref="H5022">IFERROR(INDEX(Jesper!AL$2:AL$366,ROUNDDOWN($C5022/24,0)+1,1)*INDEX($D$3:$AA$30,INDEX(Jesper!$R$2:$R$366,ROW(INDEX(Jesper!AL$2:AL$366,ROUNDDOWN($C5022/24,0)+1,1))-1)+IF('Standard Profiles'!$G$22=$B$10,7,0)+IF('Standard Profiles'!$G$22=$B$17,14,0)+IF('Standard Profiles'!$G$22=$B$24,21,0),MOD($C5022,24)+1)/SUM(INDEX($D$3:$AA$30,INDEX(Jesper!$R$2:$R$366,ROW(INDEX(Jesper!AL$2:AL$366,ROUNDDOWN($C5022/24,0)+1,1))-1)+IF('Standard Profiles'!$G$22=$B$10,7,0)+IF('Standard Profiles'!$G$22=$B$17,14,0)+IF('Standard Profiles'!$G$22=$B$24,21,0),0)),0)</f>
        <v>0</v>
      </c>
      <c r="I5022">
        <f t="shared" si="559"/>
        <v>0.2735597242705286</v>
      </c>
      <c r="J5022">
        <f t="shared" si="560"/>
        <v>0.91186574756842875</v>
      </c>
      <c r="K5022">
        <f t="shared" si="561"/>
        <v>1.367798621352643</v>
      </c>
      <c r="L5022">
        <f t="shared" si="562"/>
        <v>6.5654333824926869</v>
      </c>
      <c r="M5022">
        <f t="shared" si="563"/>
        <v>0</v>
      </c>
      <c r="N5022" s="46">
        <f t="shared" si="564"/>
        <v>45499.833333321236</v>
      </c>
    </row>
    <row r="5023" spans="2:14" x14ac:dyDescent="0.3">
      <c r="B5023">
        <f t="shared" si="558"/>
        <v>5</v>
      </c>
      <c r="C5023" s="16">
        <v>4989</v>
      </c>
      <c r="D5023" cm="1">
        <f t="array" ref="D5023">IFERROR(INDEX(Jesper!AH$2:AH$366,ROUNDDOWN($C5023/24,0)+1,1)*INDEX($D$3:$AA$30,INDEX(Jesper!$R$2:$R$366,ROW(INDEX(Jesper!AH$2:AH$366,ROUNDDOWN($C5023/24,0)+1,1))-1)+IF('Standard Profiles'!$G$18=$B$10,7,0)+IF('Standard Profiles'!$G$18=$B$17,14,0)+IF('Standard Profiles'!$G$18=$B$24,21,0),MOD($C5023,24)+1)/SUM(INDEX($D$3:$AA$30,INDEX(Jesper!$R$2:$R$366,ROW(INDEX(Jesper!AH$2:AH$366,ROUNDDOWN($C5023/24,0)+1,1))-1)+IF('Standard Profiles'!$G$18=$B$10,7,0)+IF('Standard Profiles'!$G$18=$B$17,14,0)+IF('Standard Profiles'!$G$18=$B$24,21,0),0)),0)</f>
        <v>3.4816692179885464</v>
      </c>
      <c r="E5023" cm="1">
        <f t="array" ref="E5023">IFERROR(INDEX(Jesper!AI$2:AI$366,ROUNDDOWN($C5023/24,0)+1,1)*INDEX($D$3:$AA$30,INDEX(Jesper!$R$2:$R$366,ROW(INDEX(Jesper!AI$2:AI$366,ROUNDDOWN($C5023/24,0)+1,1))-1)+IF('Standard Profiles'!$G$19=$B$10,7,0)+IF('Standard Profiles'!$G$19=$B$17,14,0)+IF('Standard Profiles'!$G$19=$B$24,21,0),MOD($C5023,24)+1)/SUM(INDEX($D$3:$AA$30,INDEX(Jesper!$R$2:$R$366,ROW(INDEX(Jesper!AI$2:AI$366,ROUNDDOWN($C5023/24,0)+1,1))-1)+IF('Standard Profiles'!$G$19=$B$10,7,0)+IF('Standard Profiles'!$G$19=$B$17,14,0)+IF('Standard Profiles'!$G$19=$B$24,21,0),0)),0)</f>
        <v>0</v>
      </c>
      <c r="F5023" cm="1">
        <f t="array" ref="F5023">IFERROR(INDEX(Jesper!AJ$2:AJ$366,ROUNDDOWN($C5023/24,0)+1,1)*INDEX($D$3:$AA$30,INDEX(Jesper!$R$2:$R$366,ROW(INDEX(Jesper!AJ$2:AJ$366,ROUNDDOWN($C5023/24,0)+1,1))-1)+IF('Standard Profiles'!$G$20=$B$10,7,0)+IF('Standard Profiles'!$G$20=$B$17,14,0)+IF('Standard Profiles'!$G$20=$B$24,21,0),MOD($C5023,24)+1)/SUM(INDEX($D$3:$AA$30,INDEX(Jesper!$R$2:$R$366,ROW(INDEX(Jesper!AJ$2:AJ$366,ROUNDDOWN($C5023/24,0)+1,1))-1)+IF('Standard Profiles'!$G$20=$B$10,7,0)+IF('Standard Profiles'!$G$20=$B$17,14,0)+IF('Standard Profiles'!$G$20=$B$24,21,0),0)),0)</f>
        <v>0</v>
      </c>
      <c r="G5023" cm="1">
        <f t="array" ref="G5023">IFERROR(INDEX(Jesper!AK$2:AK$366,ROUNDDOWN($C5023/24,0)+1,1)*INDEX($D$3:$AA$30,INDEX(Jesper!$R$2:$R$366,ROW(INDEX(Jesper!AK$2:AK$366,ROUNDDOWN($C5023/24,0)+1,1))-1)+IF('Standard Profiles'!$G$21=$B$10,7,0)+IF('Standard Profiles'!$G$21=$B$17,14,0)+IF('Standard Profiles'!$G$21=$B$24,21,0),MOD($C5023,24)+1)/SUM(INDEX($D$3:$AA$30,INDEX(Jesper!$R$2:$R$366,ROW(INDEX(Jesper!AK$2:AK$366,ROUNDDOWN($C5023/24,0)+1,1))-1)+IF('Standard Profiles'!$G$21=$B$10,7,0)+IF('Standard Profiles'!$G$21=$B$17,14,0)+IF('Standard Profiles'!$G$21=$B$24,21,0),0)),0)</f>
        <v>0</v>
      </c>
      <c r="H5023" cm="1">
        <f t="array" ref="H5023">IFERROR(INDEX(Jesper!AL$2:AL$366,ROUNDDOWN($C5023/24,0)+1,1)*INDEX($D$3:$AA$30,INDEX(Jesper!$R$2:$R$366,ROW(INDEX(Jesper!AL$2:AL$366,ROUNDDOWN($C5023/24,0)+1,1))-1)+IF('Standard Profiles'!$G$22=$B$10,7,0)+IF('Standard Profiles'!$G$22=$B$17,14,0)+IF('Standard Profiles'!$G$22=$B$24,21,0),MOD($C5023,24)+1)/SUM(INDEX($D$3:$AA$30,INDEX(Jesper!$R$2:$R$366,ROW(INDEX(Jesper!AL$2:AL$366,ROUNDDOWN($C5023/24,0)+1,1))-1)+IF('Standard Profiles'!$G$22=$B$10,7,0)+IF('Standard Profiles'!$G$22=$B$17,14,0)+IF('Standard Profiles'!$G$22=$B$24,21,0),0)),0)</f>
        <v>0</v>
      </c>
      <c r="I5023">
        <f t="shared" si="559"/>
        <v>0.10445007653965639</v>
      </c>
      <c r="J5023">
        <f t="shared" si="560"/>
        <v>0.34816692179885467</v>
      </c>
      <c r="K5023">
        <f t="shared" si="561"/>
        <v>0.52225038269828195</v>
      </c>
      <c r="L5023">
        <f t="shared" si="562"/>
        <v>2.5068018369517535</v>
      </c>
      <c r="M5023">
        <f t="shared" si="563"/>
        <v>0</v>
      </c>
      <c r="N5023" s="46">
        <f t="shared" si="564"/>
        <v>45499.8749999879</v>
      </c>
    </row>
    <row r="5024" spans="2:14" x14ac:dyDescent="0.3">
      <c r="B5024">
        <f t="shared" si="558"/>
        <v>5</v>
      </c>
      <c r="C5024" s="16">
        <v>4990</v>
      </c>
      <c r="D5024" cm="1">
        <f t="array" ref="D5024">IFERROR(INDEX(Jesper!AH$2:AH$366,ROUNDDOWN($C5024/24,0)+1,1)*INDEX($D$3:$AA$30,INDEX(Jesper!$R$2:$R$366,ROW(INDEX(Jesper!AH$2:AH$366,ROUNDDOWN($C5024/24,0)+1,1))-1)+IF('Standard Profiles'!$G$18=$B$10,7,0)+IF('Standard Profiles'!$G$18=$B$17,14,0)+IF('Standard Profiles'!$G$18=$B$24,21,0),MOD($C5024,24)+1)/SUM(INDEX($D$3:$AA$30,INDEX(Jesper!$R$2:$R$366,ROW(INDEX(Jesper!AH$2:AH$366,ROUNDDOWN($C5024/24,0)+1,1))-1)+IF('Standard Profiles'!$G$18=$B$10,7,0)+IF('Standard Profiles'!$G$18=$B$17,14,0)+IF('Standard Profiles'!$G$18=$B$24,21,0),0)),0)</f>
        <v>3.4816692179885464</v>
      </c>
      <c r="E5024" cm="1">
        <f t="array" ref="E5024">IFERROR(INDEX(Jesper!AI$2:AI$366,ROUNDDOWN($C5024/24,0)+1,1)*INDEX($D$3:$AA$30,INDEX(Jesper!$R$2:$R$366,ROW(INDEX(Jesper!AI$2:AI$366,ROUNDDOWN($C5024/24,0)+1,1))-1)+IF('Standard Profiles'!$G$19=$B$10,7,0)+IF('Standard Profiles'!$G$19=$B$17,14,0)+IF('Standard Profiles'!$G$19=$B$24,21,0),MOD($C5024,24)+1)/SUM(INDEX($D$3:$AA$30,INDEX(Jesper!$R$2:$R$366,ROW(INDEX(Jesper!AI$2:AI$366,ROUNDDOWN($C5024/24,0)+1,1))-1)+IF('Standard Profiles'!$G$19=$B$10,7,0)+IF('Standard Profiles'!$G$19=$B$17,14,0)+IF('Standard Profiles'!$G$19=$B$24,21,0),0)),0)</f>
        <v>0</v>
      </c>
      <c r="F5024" cm="1">
        <f t="array" ref="F5024">IFERROR(INDEX(Jesper!AJ$2:AJ$366,ROUNDDOWN($C5024/24,0)+1,1)*INDEX($D$3:$AA$30,INDEX(Jesper!$R$2:$R$366,ROW(INDEX(Jesper!AJ$2:AJ$366,ROUNDDOWN($C5024/24,0)+1,1))-1)+IF('Standard Profiles'!$G$20=$B$10,7,0)+IF('Standard Profiles'!$G$20=$B$17,14,0)+IF('Standard Profiles'!$G$20=$B$24,21,0),MOD($C5024,24)+1)/SUM(INDEX($D$3:$AA$30,INDEX(Jesper!$R$2:$R$366,ROW(INDEX(Jesper!AJ$2:AJ$366,ROUNDDOWN($C5024/24,0)+1,1))-1)+IF('Standard Profiles'!$G$20=$B$10,7,0)+IF('Standard Profiles'!$G$20=$B$17,14,0)+IF('Standard Profiles'!$G$20=$B$24,21,0),0)),0)</f>
        <v>0</v>
      </c>
      <c r="G5024" cm="1">
        <f t="array" ref="G5024">IFERROR(INDEX(Jesper!AK$2:AK$366,ROUNDDOWN($C5024/24,0)+1,1)*INDEX($D$3:$AA$30,INDEX(Jesper!$R$2:$R$366,ROW(INDEX(Jesper!AK$2:AK$366,ROUNDDOWN($C5024/24,0)+1,1))-1)+IF('Standard Profiles'!$G$21=$B$10,7,0)+IF('Standard Profiles'!$G$21=$B$17,14,0)+IF('Standard Profiles'!$G$21=$B$24,21,0),MOD($C5024,24)+1)/SUM(INDEX($D$3:$AA$30,INDEX(Jesper!$R$2:$R$366,ROW(INDEX(Jesper!AK$2:AK$366,ROUNDDOWN($C5024/24,0)+1,1))-1)+IF('Standard Profiles'!$G$21=$B$10,7,0)+IF('Standard Profiles'!$G$21=$B$17,14,0)+IF('Standard Profiles'!$G$21=$B$24,21,0),0)),0)</f>
        <v>0</v>
      </c>
      <c r="H5024" cm="1">
        <f t="array" ref="H5024">IFERROR(INDEX(Jesper!AL$2:AL$366,ROUNDDOWN($C5024/24,0)+1,1)*INDEX($D$3:$AA$30,INDEX(Jesper!$R$2:$R$366,ROW(INDEX(Jesper!AL$2:AL$366,ROUNDDOWN($C5024/24,0)+1,1))-1)+IF('Standard Profiles'!$G$22=$B$10,7,0)+IF('Standard Profiles'!$G$22=$B$17,14,0)+IF('Standard Profiles'!$G$22=$B$24,21,0),MOD($C5024,24)+1)/SUM(INDEX($D$3:$AA$30,INDEX(Jesper!$R$2:$R$366,ROW(INDEX(Jesper!AL$2:AL$366,ROUNDDOWN($C5024/24,0)+1,1))-1)+IF('Standard Profiles'!$G$22=$B$10,7,0)+IF('Standard Profiles'!$G$22=$B$17,14,0)+IF('Standard Profiles'!$G$22=$B$24,21,0),0)),0)</f>
        <v>0</v>
      </c>
      <c r="I5024">
        <f t="shared" si="559"/>
        <v>0.10445007653965639</v>
      </c>
      <c r="J5024">
        <f t="shared" si="560"/>
        <v>0.34816692179885467</v>
      </c>
      <c r="K5024">
        <f t="shared" si="561"/>
        <v>0.52225038269828195</v>
      </c>
      <c r="L5024">
        <f t="shared" si="562"/>
        <v>2.5068018369517535</v>
      </c>
      <c r="M5024">
        <f t="shared" si="563"/>
        <v>0</v>
      </c>
      <c r="N5024" s="46">
        <f t="shared" si="564"/>
        <v>45499.916666654564</v>
      </c>
    </row>
    <row r="5025" spans="2:14" x14ac:dyDescent="0.3">
      <c r="B5025">
        <f t="shared" si="558"/>
        <v>5</v>
      </c>
      <c r="C5025" s="16">
        <v>4991</v>
      </c>
      <c r="D5025" cm="1">
        <f t="array" ref="D5025">IFERROR(INDEX(Jesper!AH$2:AH$366,ROUNDDOWN($C5025/24,0)+1,1)*INDEX($D$3:$AA$30,INDEX(Jesper!$R$2:$R$366,ROW(INDEX(Jesper!AH$2:AH$366,ROUNDDOWN($C5025/24,0)+1,1))-1)+IF('Standard Profiles'!$G$18=$B$10,7,0)+IF('Standard Profiles'!$G$18=$B$17,14,0)+IF('Standard Profiles'!$G$18=$B$24,21,0),MOD($C5025,24)+1)/SUM(INDEX($D$3:$AA$30,INDEX(Jesper!$R$2:$R$366,ROW(INDEX(Jesper!AH$2:AH$366,ROUNDDOWN($C5025/24,0)+1,1))-1)+IF('Standard Profiles'!$G$18=$B$10,7,0)+IF('Standard Profiles'!$G$18=$B$17,14,0)+IF('Standard Profiles'!$G$18=$B$24,21,0),0)),0)</f>
        <v>3.4816692179885464</v>
      </c>
      <c r="E5025" cm="1">
        <f t="array" ref="E5025">IFERROR(INDEX(Jesper!AI$2:AI$366,ROUNDDOWN($C5025/24,0)+1,1)*INDEX($D$3:$AA$30,INDEX(Jesper!$R$2:$R$366,ROW(INDEX(Jesper!AI$2:AI$366,ROUNDDOWN($C5025/24,0)+1,1))-1)+IF('Standard Profiles'!$G$19=$B$10,7,0)+IF('Standard Profiles'!$G$19=$B$17,14,0)+IF('Standard Profiles'!$G$19=$B$24,21,0),MOD($C5025,24)+1)/SUM(INDEX($D$3:$AA$30,INDEX(Jesper!$R$2:$R$366,ROW(INDEX(Jesper!AI$2:AI$366,ROUNDDOWN($C5025/24,0)+1,1))-1)+IF('Standard Profiles'!$G$19=$B$10,7,0)+IF('Standard Profiles'!$G$19=$B$17,14,0)+IF('Standard Profiles'!$G$19=$B$24,21,0),0)),0)</f>
        <v>0</v>
      </c>
      <c r="F5025" cm="1">
        <f t="array" ref="F5025">IFERROR(INDEX(Jesper!AJ$2:AJ$366,ROUNDDOWN($C5025/24,0)+1,1)*INDEX($D$3:$AA$30,INDEX(Jesper!$R$2:$R$366,ROW(INDEX(Jesper!AJ$2:AJ$366,ROUNDDOWN($C5025/24,0)+1,1))-1)+IF('Standard Profiles'!$G$20=$B$10,7,0)+IF('Standard Profiles'!$G$20=$B$17,14,0)+IF('Standard Profiles'!$G$20=$B$24,21,0),MOD($C5025,24)+1)/SUM(INDEX($D$3:$AA$30,INDEX(Jesper!$R$2:$R$366,ROW(INDEX(Jesper!AJ$2:AJ$366,ROUNDDOWN($C5025/24,0)+1,1))-1)+IF('Standard Profiles'!$G$20=$B$10,7,0)+IF('Standard Profiles'!$G$20=$B$17,14,0)+IF('Standard Profiles'!$G$20=$B$24,21,0),0)),0)</f>
        <v>0</v>
      </c>
      <c r="G5025" cm="1">
        <f t="array" ref="G5025">IFERROR(INDEX(Jesper!AK$2:AK$366,ROUNDDOWN($C5025/24,0)+1,1)*INDEX($D$3:$AA$30,INDEX(Jesper!$R$2:$R$366,ROW(INDEX(Jesper!AK$2:AK$366,ROUNDDOWN($C5025/24,0)+1,1))-1)+IF('Standard Profiles'!$G$21=$B$10,7,0)+IF('Standard Profiles'!$G$21=$B$17,14,0)+IF('Standard Profiles'!$G$21=$B$24,21,0),MOD($C5025,24)+1)/SUM(INDEX($D$3:$AA$30,INDEX(Jesper!$R$2:$R$366,ROW(INDEX(Jesper!AK$2:AK$366,ROUNDDOWN($C5025/24,0)+1,1))-1)+IF('Standard Profiles'!$G$21=$B$10,7,0)+IF('Standard Profiles'!$G$21=$B$17,14,0)+IF('Standard Profiles'!$G$21=$B$24,21,0),0)),0)</f>
        <v>0</v>
      </c>
      <c r="H5025" cm="1">
        <f t="array" ref="H5025">IFERROR(INDEX(Jesper!AL$2:AL$366,ROUNDDOWN($C5025/24,0)+1,1)*INDEX($D$3:$AA$30,INDEX(Jesper!$R$2:$R$366,ROW(INDEX(Jesper!AL$2:AL$366,ROUNDDOWN($C5025/24,0)+1,1))-1)+IF('Standard Profiles'!$G$22=$B$10,7,0)+IF('Standard Profiles'!$G$22=$B$17,14,0)+IF('Standard Profiles'!$G$22=$B$24,21,0),MOD($C5025,24)+1)/SUM(INDEX($D$3:$AA$30,INDEX(Jesper!$R$2:$R$366,ROW(INDEX(Jesper!AL$2:AL$366,ROUNDDOWN($C5025/24,0)+1,1))-1)+IF('Standard Profiles'!$G$22=$B$10,7,0)+IF('Standard Profiles'!$G$22=$B$17,14,0)+IF('Standard Profiles'!$G$22=$B$24,21,0),0)),0)</f>
        <v>0</v>
      </c>
      <c r="I5025">
        <f t="shared" si="559"/>
        <v>0.10445007653965639</v>
      </c>
      <c r="J5025">
        <f t="shared" si="560"/>
        <v>0.34816692179885467</v>
      </c>
      <c r="K5025">
        <f t="shared" si="561"/>
        <v>0.52225038269828195</v>
      </c>
      <c r="L5025">
        <f t="shared" si="562"/>
        <v>2.5068018369517535</v>
      </c>
      <c r="M5025">
        <f t="shared" si="563"/>
        <v>0</v>
      </c>
      <c r="N5025" s="46">
        <f t="shared" si="564"/>
        <v>45499.958333321229</v>
      </c>
    </row>
    <row r="5026" spans="2:14" x14ac:dyDescent="0.3">
      <c r="B5026">
        <f t="shared" si="558"/>
        <v>6</v>
      </c>
      <c r="C5026" s="16">
        <v>4992</v>
      </c>
      <c r="D5026" cm="1">
        <f t="array" ref="D5026">IFERROR(INDEX(Jesper!AH$2:AH$366,ROUNDDOWN($C5026/24,0)+1,1)*INDEX($D$3:$AA$30,INDEX(Jesper!$R$2:$R$366,ROW(INDEX(Jesper!AH$2:AH$366,ROUNDDOWN($C5026/24,0)+1,1))-1)+IF('Standard Profiles'!$G$18=$B$10,7,0)+IF('Standard Profiles'!$G$18=$B$17,14,0)+IF('Standard Profiles'!$G$18=$B$24,21,0),MOD($C5026,24)+1)/SUM(INDEX($D$3:$AA$30,INDEX(Jesper!$R$2:$R$366,ROW(INDEX(Jesper!AH$2:AH$366,ROUNDDOWN($C5026/24,0)+1,1))-1)+IF('Standard Profiles'!$G$18=$B$10,7,0)+IF('Standard Profiles'!$G$18=$B$17,14,0)+IF('Standard Profiles'!$G$18=$B$24,21,0),0)),0)</f>
        <v>3.3173218196318746</v>
      </c>
      <c r="E5026" cm="1">
        <f t="array" ref="E5026">IFERROR(INDEX(Jesper!AI$2:AI$366,ROUNDDOWN($C5026/24,0)+1,1)*INDEX($D$3:$AA$30,INDEX(Jesper!$R$2:$R$366,ROW(INDEX(Jesper!AI$2:AI$366,ROUNDDOWN($C5026/24,0)+1,1))-1)+IF('Standard Profiles'!$G$19=$B$10,7,0)+IF('Standard Profiles'!$G$19=$B$17,14,0)+IF('Standard Profiles'!$G$19=$B$24,21,0),MOD($C5026,24)+1)/SUM(INDEX($D$3:$AA$30,INDEX(Jesper!$R$2:$R$366,ROW(INDEX(Jesper!AI$2:AI$366,ROUNDDOWN($C5026/24,0)+1,1))-1)+IF('Standard Profiles'!$G$19=$B$10,7,0)+IF('Standard Profiles'!$G$19=$B$17,14,0)+IF('Standard Profiles'!$G$19=$B$24,21,0),0)),0)</f>
        <v>0.46455731608484013</v>
      </c>
      <c r="F5026" cm="1">
        <f t="array" ref="F5026">IFERROR(INDEX(Jesper!AJ$2:AJ$366,ROUNDDOWN($C5026/24,0)+1,1)*INDEX($D$3:$AA$30,INDEX(Jesper!$R$2:$R$366,ROW(INDEX(Jesper!AJ$2:AJ$366,ROUNDDOWN($C5026/24,0)+1,1))-1)+IF('Standard Profiles'!$G$20=$B$10,7,0)+IF('Standard Profiles'!$G$20=$B$17,14,0)+IF('Standard Profiles'!$G$20=$B$24,21,0),MOD($C5026,24)+1)/SUM(INDEX($D$3:$AA$30,INDEX(Jesper!$R$2:$R$366,ROW(INDEX(Jesper!AJ$2:AJ$366,ROUNDDOWN($C5026/24,0)+1,1))-1)+IF('Standard Profiles'!$G$20=$B$10,7,0)+IF('Standard Profiles'!$G$20=$B$17,14,0)+IF('Standard Profiles'!$G$20=$B$24,21,0),0)),0)</f>
        <v>0</v>
      </c>
      <c r="G5026" cm="1">
        <f t="array" ref="G5026">IFERROR(INDEX(Jesper!AK$2:AK$366,ROUNDDOWN($C5026/24,0)+1,1)*INDEX($D$3:$AA$30,INDEX(Jesper!$R$2:$R$366,ROW(INDEX(Jesper!AK$2:AK$366,ROUNDDOWN($C5026/24,0)+1,1))-1)+IF('Standard Profiles'!$G$21=$B$10,7,0)+IF('Standard Profiles'!$G$21=$B$17,14,0)+IF('Standard Profiles'!$G$21=$B$24,21,0),MOD($C5026,24)+1)/SUM(INDEX($D$3:$AA$30,INDEX(Jesper!$R$2:$R$366,ROW(INDEX(Jesper!AK$2:AK$366,ROUNDDOWN($C5026/24,0)+1,1))-1)+IF('Standard Profiles'!$G$21=$B$10,7,0)+IF('Standard Profiles'!$G$21=$B$17,14,0)+IF('Standard Profiles'!$G$21=$B$24,21,0),0)),0)</f>
        <v>0</v>
      </c>
      <c r="H5026" cm="1">
        <f t="array" ref="H5026">IFERROR(INDEX(Jesper!AL$2:AL$366,ROUNDDOWN($C5026/24,0)+1,1)*INDEX($D$3:$AA$30,INDEX(Jesper!$R$2:$R$366,ROW(INDEX(Jesper!AL$2:AL$366,ROUNDDOWN($C5026/24,0)+1,1))-1)+IF('Standard Profiles'!$G$22=$B$10,7,0)+IF('Standard Profiles'!$G$22=$B$17,14,0)+IF('Standard Profiles'!$G$22=$B$24,21,0),MOD($C5026,24)+1)/SUM(INDEX($D$3:$AA$30,INDEX(Jesper!$R$2:$R$366,ROW(INDEX(Jesper!AL$2:AL$366,ROUNDDOWN($C5026/24,0)+1,1))-1)+IF('Standard Profiles'!$G$22=$B$10,7,0)+IF('Standard Profiles'!$G$22=$B$17,14,0)+IF('Standard Profiles'!$G$22=$B$24,21,0),0)),0)</f>
        <v>0</v>
      </c>
      <c r="I5026">
        <f t="shared" si="559"/>
        <v>4.1852010458093718E-2</v>
      </c>
      <c r="J5026">
        <f t="shared" si="560"/>
        <v>0.13950670152697908</v>
      </c>
      <c r="K5026">
        <f t="shared" si="561"/>
        <v>0.2092600522904686</v>
      </c>
      <c r="L5026">
        <f t="shared" si="562"/>
        <v>3.3912603714411733</v>
      </c>
      <c r="M5026">
        <f t="shared" si="563"/>
        <v>0</v>
      </c>
      <c r="N5026" s="46">
        <f t="shared" si="564"/>
        <v>45499.999999987893</v>
      </c>
    </row>
    <row r="5027" spans="2:14" x14ac:dyDescent="0.3">
      <c r="B5027">
        <f t="shared" ref="B5027:B5090" si="565">WEEKDAY(N5027,2)</f>
        <v>6</v>
      </c>
      <c r="C5027" s="16">
        <v>4993</v>
      </c>
      <c r="D5027" cm="1">
        <f t="array" ref="D5027">IFERROR(INDEX(Jesper!AH$2:AH$366,ROUNDDOWN($C5027/24,0)+1,1)*INDEX($D$3:$AA$30,INDEX(Jesper!$R$2:$R$366,ROW(INDEX(Jesper!AH$2:AH$366,ROUNDDOWN($C5027/24,0)+1,1))-1)+IF('Standard Profiles'!$G$18=$B$10,7,0)+IF('Standard Profiles'!$G$18=$B$17,14,0)+IF('Standard Profiles'!$G$18=$B$24,21,0),MOD($C5027,24)+1)/SUM(INDEX($D$3:$AA$30,INDEX(Jesper!$R$2:$R$366,ROW(INDEX(Jesper!AH$2:AH$366,ROUNDDOWN($C5027/24,0)+1,1))-1)+IF('Standard Profiles'!$G$18=$B$10,7,0)+IF('Standard Profiles'!$G$18=$B$17,14,0)+IF('Standard Profiles'!$G$18=$B$24,21,0),0)),0)</f>
        <v>6.4766759335669946</v>
      </c>
      <c r="E5027" cm="1">
        <f t="array" ref="E5027">IFERROR(INDEX(Jesper!AI$2:AI$366,ROUNDDOWN($C5027/24,0)+1,1)*INDEX($D$3:$AA$30,INDEX(Jesper!$R$2:$R$366,ROW(INDEX(Jesper!AI$2:AI$366,ROUNDDOWN($C5027/24,0)+1,1))-1)+IF('Standard Profiles'!$G$19=$B$10,7,0)+IF('Standard Profiles'!$G$19=$B$17,14,0)+IF('Standard Profiles'!$G$19=$B$24,21,0),MOD($C5027,24)+1)/SUM(INDEX($D$3:$AA$30,INDEX(Jesper!$R$2:$R$366,ROW(INDEX(Jesper!AI$2:AI$366,ROUNDDOWN($C5027/24,0)+1,1))-1)+IF('Standard Profiles'!$G$19=$B$10,7,0)+IF('Standard Profiles'!$G$19=$B$17,14,0)+IF('Standard Profiles'!$G$19=$B$24,21,0),0)),0)</f>
        <v>0.90699285521325945</v>
      </c>
      <c r="F5027" cm="1">
        <f t="array" ref="F5027">IFERROR(INDEX(Jesper!AJ$2:AJ$366,ROUNDDOWN($C5027/24,0)+1,1)*INDEX($D$3:$AA$30,INDEX(Jesper!$R$2:$R$366,ROW(INDEX(Jesper!AJ$2:AJ$366,ROUNDDOWN($C5027/24,0)+1,1))-1)+IF('Standard Profiles'!$G$20=$B$10,7,0)+IF('Standard Profiles'!$G$20=$B$17,14,0)+IF('Standard Profiles'!$G$20=$B$24,21,0),MOD($C5027,24)+1)/SUM(INDEX($D$3:$AA$30,INDEX(Jesper!$R$2:$R$366,ROW(INDEX(Jesper!AJ$2:AJ$366,ROUNDDOWN($C5027/24,0)+1,1))-1)+IF('Standard Profiles'!$G$20=$B$10,7,0)+IF('Standard Profiles'!$G$20=$B$17,14,0)+IF('Standard Profiles'!$G$20=$B$24,21,0),0)),0)</f>
        <v>0</v>
      </c>
      <c r="G5027" cm="1">
        <f t="array" ref="G5027">IFERROR(INDEX(Jesper!AK$2:AK$366,ROUNDDOWN($C5027/24,0)+1,1)*INDEX($D$3:$AA$30,INDEX(Jesper!$R$2:$R$366,ROW(INDEX(Jesper!AK$2:AK$366,ROUNDDOWN($C5027/24,0)+1,1))-1)+IF('Standard Profiles'!$G$21=$B$10,7,0)+IF('Standard Profiles'!$G$21=$B$17,14,0)+IF('Standard Profiles'!$G$21=$B$24,21,0),MOD($C5027,24)+1)/SUM(INDEX($D$3:$AA$30,INDEX(Jesper!$R$2:$R$366,ROW(INDEX(Jesper!AK$2:AK$366,ROUNDDOWN($C5027/24,0)+1,1))-1)+IF('Standard Profiles'!$G$21=$B$10,7,0)+IF('Standard Profiles'!$G$21=$B$17,14,0)+IF('Standard Profiles'!$G$21=$B$24,21,0),0)),0)</f>
        <v>0</v>
      </c>
      <c r="H5027" cm="1">
        <f t="array" ref="H5027">IFERROR(INDEX(Jesper!AL$2:AL$366,ROUNDDOWN($C5027/24,0)+1,1)*INDEX($D$3:$AA$30,INDEX(Jesper!$R$2:$R$366,ROW(INDEX(Jesper!AL$2:AL$366,ROUNDDOWN($C5027/24,0)+1,1))-1)+IF('Standard Profiles'!$G$22=$B$10,7,0)+IF('Standard Profiles'!$G$22=$B$17,14,0)+IF('Standard Profiles'!$G$22=$B$24,21,0),MOD($C5027,24)+1)/SUM(INDEX($D$3:$AA$30,INDEX(Jesper!$R$2:$R$366,ROW(INDEX(Jesper!AL$2:AL$366,ROUNDDOWN($C5027/24,0)+1,1))-1)+IF('Standard Profiles'!$G$22=$B$10,7,0)+IF('Standard Profiles'!$G$22=$B$17,14,0)+IF('Standard Profiles'!$G$22=$B$24,21,0),0)),0)</f>
        <v>0</v>
      </c>
      <c r="I5027">
        <f t="shared" ref="I5027:I5090" si="566">IF($B5027&lt;6,AC$37*$D5027+AC$38*$E5027+AC$39*$F5027+AC$40*$G5027,AC$46*$D5027+AC$47*$E5027+AC$48*$F5027+AC$49*$G5027+AC$50*$H5027)</f>
        <v>8.1711068037230605E-2</v>
      </c>
      <c r="J5027">
        <f t="shared" ref="J5027:J5090" si="567">IF($B5027&lt;6,AD$37*$D5027+AD$38*$E5027+AD$39*$F5027+AD$40*$G5027,AD$46*$D5027+AD$47*$E5027+AD$48*$F5027+AD$49*$G5027+AD$50*$H5027)</f>
        <v>0.27237022679076872</v>
      </c>
      <c r="K5027">
        <f t="shared" ref="K5027:K5090" si="568">IF($B5027&lt;6,AE$37*$D5027+AE$38*$E5027+AE$39*$F5027+AE$40*$G5027,AE$46*$D5027+AE$47*$E5027+AE$48*$F5027+AE$49*$G5027+AE$50*$H5027)</f>
        <v>0.40855534018615308</v>
      </c>
      <c r="L5027">
        <f t="shared" ref="L5027:L5090" si="569">IF($B5027&lt;6,AF$37*$D5027+AF$38*$E5027+AF$39*$F5027+AF$40*$G5027,AF$46*$D5027+AF$47*$E5027+AF$48*$F5027+AF$49*$G5027+AF$50*$H5027)</f>
        <v>6.6210321537661017</v>
      </c>
      <c r="M5027">
        <f t="shared" ref="M5027:M5090" si="570">IF($B5027&lt;6,AG$37*$D5027+AG$38*$E5027+AG$39*$F5027+AG$40*$G5027,AG$46*$D5027+AG$47*$E5027+AG$48*$F5027+AG$49*$G5027+AG$50*$H5027)</f>
        <v>0</v>
      </c>
      <c r="N5027" s="46">
        <f t="shared" si="564"/>
        <v>45500.041666654557</v>
      </c>
    </row>
    <row r="5028" spans="2:14" x14ac:dyDescent="0.3">
      <c r="B5028">
        <f t="shared" si="565"/>
        <v>6</v>
      </c>
      <c r="C5028" s="16">
        <v>4994</v>
      </c>
      <c r="D5028" cm="1">
        <f t="array" ref="D5028">IFERROR(INDEX(Jesper!AH$2:AH$366,ROUNDDOWN($C5028/24,0)+1,1)*INDEX($D$3:$AA$30,INDEX(Jesper!$R$2:$R$366,ROW(INDEX(Jesper!AH$2:AH$366,ROUNDDOWN($C5028/24,0)+1,1))-1)+IF('Standard Profiles'!$G$18=$B$10,7,0)+IF('Standard Profiles'!$G$18=$B$17,14,0)+IF('Standard Profiles'!$G$18=$B$24,21,0),MOD($C5028,24)+1)/SUM(INDEX($D$3:$AA$30,INDEX(Jesper!$R$2:$R$366,ROW(INDEX(Jesper!AH$2:AH$366,ROUNDDOWN($C5028/24,0)+1,1))-1)+IF('Standard Profiles'!$G$18=$B$10,7,0)+IF('Standard Profiles'!$G$18=$B$17,14,0)+IF('Standard Profiles'!$G$18=$B$24,21,0),0)),0)</f>
        <v>6.4766759335669946</v>
      </c>
      <c r="E5028" cm="1">
        <f t="array" ref="E5028">IFERROR(INDEX(Jesper!AI$2:AI$366,ROUNDDOWN($C5028/24,0)+1,1)*INDEX($D$3:$AA$30,INDEX(Jesper!$R$2:$R$366,ROW(INDEX(Jesper!AI$2:AI$366,ROUNDDOWN($C5028/24,0)+1,1))-1)+IF('Standard Profiles'!$G$19=$B$10,7,0)+IF('Standard Profiles'!$G$19=$B$17,14,0)+IF('Standard Profiles'!$G$19=$B$24,21,0),MOD($C5028,24)+1)/SUM(INDEX($D$3:$AA$30,INDEX(Jesper!$R$2:$R$366,ROW(INDEX(Jesper!AI$2:AI$366,ROUNDDOWN($C5028/24,0)+1,1))-1)+IF('Standard Profiles'!$G$19=$B$10,7,0)+IF('Standard Profiles'!$G$19=$B$17,14,0)+IF('Standard Profiles'!$G$19=$B$24,21,0),0)),0)</f>
        <v>0.90699285521325945</v>
      </c>
      <c r="F5028" cm="1">
        <f t="array" ref="F5028">IFERROR(INDEX(Jesper!AJ$2:AJ$366,ROUNDDOWN($C5028/24,0)+1,1)*INDEX($D$3:$AA$30,INDEX(Jesper!$R$2:$R$366,ROW(INDEX(Jesper!AJ$2:AJ$366,ROUNDDOWN($C5028/24,0)+1,1))-1)+IF('Standard Profiles'!$G$20=$B$10,7,0)+IF('Standard Profiles'!$G$20=$B$17,14,0)+IF('Standard Profiles'!$G$20=$B$24,21,0),MOD($C5028,24)+1)/SUM(INDEX($D$3:$AA$30,INDEX(Jesper!$R$2:$R$366,ROW(INDEX(Jesper!AJ$2:AJ$366,ROUNDDOWN($C5028/24,0)+1,1))-1)+IF('Standard Profiles'!$G$20=$B$10,7,0)+IF('Standard Profiles'!$G$20=$B$17,14,0)+IF('Standard Profiles'!$G$20=$B$24,21,0),0)),0)</f>
        <v>0</v>
      </c>
      <c r="G5028" cm="1">
        <f t="array" ref="G5028">IFERROR(INDEX(Jesper!AK$2:AK$366,ROUNDDOWN($C5028/24,0)+1,1)*INDEX($D$3:$AA$30,INDEX(Jesper!$R$2:$R$366,ROW(INDEX(Jesper!AK$2:AK$366,ROUNDDOWN($C5028/24,0)+1,1))-1)+IF('Standard Profiles'!$G$21=$B$10,7,0)+IF('Standard Profiles'!$G$21=$B$17,14,0)+IF('Standard Profiles'!$G$21=$B$24,21,0),MOD($C5028,24)+1)/SUM(INDEX($D$3:$AA$30,INDEX(Jesper!$R$2:$R$366,ROW(INDEX(Jesper!AK$2:AK$366,ROUNDDOWN($C5028/24,0)+1,1))-1)+IF('Standard Profiles'!$G$21=$B$10,7,0)+IF('Standard Profiles'!$G$21=$B$17,14,0)+IF('Standard Profiles'!$G$21=$B$24,21,0),0)),0)</f>
        <v>0</v>
      </c>
      <c r="H5028" cm="1">
        <f t="array" ref="H5028">IFERROR(INDEX(Jesper!AL$2:AL$366,ROUNDDOWN($C5028/24,0)+1,1)*INDEX($D$3:$AA$30,INDEX(Jesper!$R$2:$R$366,ROW(INDEX(Jesper!AL$2:AL$366,ROUNDDOWN($C5028/24,0)+1,1))-1)+IF('Standard Profiles'!$G$22=$B$10,7,0)+IF('Standard Profiles'!$G$22=$B$17,14,0)+IF('Standard Profiles'!$G$22=$B$24,21,0),MOD($C5028,24)+1)/SUM(INDEX($D$3:$AA$30,INDEX(Jesper!$R$2:$R$366,ROW(INDEX(Jesper!AL$2:AL$366,ROUNDDOWN($C5028/24,0)+1,1))-1)+IF('Standard Profiles'!$G$22=$B$10,7,0)+IF('Standard Profiles'!$G$22=$B$17,14,0)+IF('Standard Profiles'!$G$22=$B$24,21,0),0)),0)</f>
        <v>0</v>
      </c>
      <c r="I5028">
        <f t="shared" si="566"/>
        <v>8.1711068037230605E-2</v>
      </c>
      <c r="J5028">
        <f t="shared" si="567"/>
        <v>0.27237022679076872</v>
      </c>
      <c r="K5028">
        <f t="shared" si="568"/>
        <v>0.40855534018615308</v>
      </c>
      <c r="L5028">
        <f t="shared" si="569"/>
        <v>6.6210321537661017</v>
      </c>
      <c r="M5028">
        <f t="shared" si="570"/>
        <v>0</v>
      </c>
      <c r="N5028" s="46">
        <f t="shared" ref="N5028:N5091" si="571">N5027+1/24</f>
        <v>45500.083333321221</v>
      </c>
    </row>
    <row r="5029" spans="2:14" x14ac:dyDescent="0.3">
      <c r="B5029">
        <f t="shared" si="565"/>
        <v>6</v>
      </c>
      <c r="C5029" s="16">
        <v>4995</v>
      </c>
      <c r="D5029" cm="1">
        <f t="array" ref="D5029">IFERROR(INDEX(Jesper!AH$2:AH$366,ROUNDDOWN($C5029/24,0)+1,1)*INDEX($D$3:$AA$30,INDEX(Jesper!$R$2:$R$366,ROW(INDEX(Jesper!AH$2:AH$366,ROUNDDOWN($C5029/24,0)+1,1))-1)+IF('Standard Profiles'!$G$18=$B$10,7,0)+IF('Standard Profiles'!$G$18=$B$17,14,0)+IF('Standard Profiles'!$G$18=$B$24,21,0),MOD($C5029,24)+1)/SUM(INDEX($D$3:$AA$30,INDEX(Jesper!$R$2:$R$366,ROW(INDEX(Jesper!AH$2:AH$366,ROUNDDOWN($C5029/24,0)+1,1))-1)+IF('Standard Profiles'!$G$18=$B$10,7,0)+IF('Standard Profiles'!$G$18=$B$17,14,0)+IF('Standard Profiles'!$G$18=$B$24,21,0),0)),0)</f>
        <v>6.4766759335669946</v>
      </c>
      <c r="E5029" cm="1">
        <f t="array" ref="E5029">IFERROR(INDEX(Jesper!AI$2:AI$366,ROUNDDOWN($C5029/24,0)+1,1)*INDEX($D$3:$AA$30,INDEX(Jesper!$R$2:$R$366,ROW(INDEX(Jesper!AI$2:AI$366,ROUNDDOWN($C5029/24,0)+1,1))-1)+IF('Standard Profiles'!$G$19=$B$10,7,0)+IF('Standard Profiles'!$G$19=$B$17,14,0)+IF('Standard Profiles'!$G$19=$B$24,21,0),MOD($C5029,24)+1)/SUM(INDEX($D$3:$AA$30,INDEX(Jesper!$R$2:$R$366,ROW(INDEX(Jesper!AI$2:AI$366,ROUNDDOWN($C5029/24,0)+1,1))-1)+IF('Standard Profiles'!$G$19=$B$10,7,0)+IF('Standard Profiles'!$G$19=$B$17,14,0)+IF('Standard Profiles'!$G$19=$B$24,21,0),0)),0)</f>
        <v>0.90699285521325945</v>
      </c>
      <c r="F5029" cm="1">
        <f t="array" ref="F5029">IFERROR(INDEX(Jesper!AJ$2:AJ$366,ROUNDDOWN($C5029/24,0)+1,1)*INDEX($D$3:$AA$30,INDEX(Jesper!$R$2:$R$366,ROW(INDEX(Jesper!AJ$2:AJ$366,ROUNDDOWN($C5029/24,0)+1,1))-1)+IF('Standard Profiles'!$G$20=$B$10,7,0)+IF('Standard Profiles'!$G$20=$B$17,14,0)+IF('Standard Profiles'!$G$20=$B$24,21,0),MOD($C5029,24)+1)/SUM(INDEX($D$3:$AA$30,INDEX(Jesper!$R$2:$R$366,ROW(INDEX(Jesper!AJ$2:AJ$366,ROUNDDOWN($C5029/24,0)+1,1))-1)+IF('Standard Profiles'!$G$20=$B$10,7,0)+IF('Standard Profiles'!$G$20=$B$17,14,0)+IF('Standard Profiles'!$G$20=$B$24,21,0),0)),0)</f>
        <v>0</v>
      </c>
      <c r="G5029" cm="1">
        <f t="array" ref="G5029">IFERROR(INDEX(Jesper!AK$2:AK$366,ROUNDDOWN($C5029/24,0)+1,1)*INDEX($D$3:$AA$30,INDEX(Jesper!$R$2:$R$366,ROW(INDEX(Jesper!AK$2:AK$366,ROUNDDOWN($C5029/24,0)+1,1))-1)+IF('Standard Profiles'!$G$21=$B$10,7,0)+IF('Standard Profiles'!$G$21=$B$17,14,0)+IF('Standard Profiles'!$G$21=$B$24,21,0),MOD($C5029,24)+1)/SUM(INDEX($D$3:$AA$30,INDEX(Jesper!$R$2:$R$366,ROW(INDEX(Jesper!AK$2:AK$366,ROUNDDOWN($C5029/24,0)+1,1))-1)+IF('Standard Profiles'!$G$21=$B$10,7,0)+IF('Standard Profiles'!$G$21=$B$17,14,0)+IF('Standard Profiles'!$G$21=$B$24,21,0),0)),0)</f>
        <v>0</v>
      </c>
      <c r="H5029" cm="1">
        <f t="array" ref="H5029">IFERROR(INDEX(Jesper!AL$2:AL$366,ROUNDDOWN($C5029/24,0)+1,1)*INDEX($D$3:$AA$30,INDEX(Jesper!$R$2:$R$366,ROW(INDEX(Jesper!AL$2:AL$366,ROUNDDOWN($C5029/24,0)+1,1))-1)+IF('Standard Profiles'!$G$22=$B$10,7,0)+IF('Standard Profiles'!$G$22=$B$17,14,0)+IF('Standard Profiles'!$G$22=$B$24,21,0),MOD($C5029,24)+1)/SUM(INDEX($D$3:$AA$30,INDEX(Jesper!$R$2:$R$366,ROW(INDEX(Jesper!AL$2:AL$366,ROUNDDOWN($C5029/24,0)+1,1))-1)+IF('Standard Profiles'!$G$22=$B$10,7,0)+IF('Standard Profiles'!$G$22=$B$17,14,0)+IF('Standard Profiles'!$G$22=$B$24,21,0),0)),0)</f>
        <v>0</v>
      </c>
      <c r="I5029">
        <f t="shared" si="566"/>
        <v>8.1711068037230605E-2</v>
      </c>
      <c r="J5029">
        <f t="shared" si="567"/>
        <v>0.27237022679076872</v>
      </c>
      <c r="K5029">
        <f t="shared" si="568"/>
        <v>0.40855534018615308</v>
      </c>
      <c r="L5029">
        <f t="shared" si="569"/>
        <v>6.6210321537661017</v>
      </c>
      <c r="M5029">
        <f t="shared" si="570"/>
        <v>0</v>
      </c>
      <c r="N5029" s="46">
        <f t="shared" si="571"/>
        <v>45500.124999987886</v>
      </c>
    </row>
    <row r="5030" spans="2:14" x14ac:dyDescent="0.3">
      <c r="B5030">
        <f t="shared" si="565"/>
        <v>6</v>
      </c>
      <c r="C5030" s="16">
        <v>4996</v>
      </c>
      <c r="D5030" cm="1">
        <f t="array" ref="D5030">IFERROR(INDEX(Jesper!AH$2:AH$366,ROUNDDOWN($C5030/24,0)+1,1)*INDEX($D$3:$AA$30,INDEX(Jesper!$R$2:$R$366,ROW(INDEX(Jesper!AH$2:AH$366,ROUNDDOWN($C5030/24,0)+1,1))-1)+IF('Standard Profiles'!$G$18=$B$10,7,0)+IF('Standard Profiles'!$G$18=$B$17,14,0)+IF('Standard Profiles'!$G$18=$B$24,21,0),MOD($C5030,24)+1)/SUM(INDEX($D$3:$AA$30,INDEX(Jesper!$R$2:$R$366,ROW(INDEX(Jesper!AH$2:AH$366,ROUNDDOWN($C5030/24,0)+1,1))-1)+IF('Standard Profiles'!$G$18=$B$10,7,0)+IF('Standard Profiles'!$G$18=$B$17,14,0)+IF('Standard Profiles'!$G$18=$B$24,21,0),0)),0)</f>
        <v>6.4766759335669946</v>
      </c>
      <c r="E5030" cm="1">
        <f t="array" ref="E5030">IFERROR(INDEX(Jesper!AI$2:AI$366,ROUNDDOWN($C5030/24,0)+1,1)*INDEX($D$3:$AA$30,INDEX(Jesper!$R$2:$R$366,ROW(INDEX(Jesper!AI$2:AI$366,ROUNDDOWN($C5030/24,0)+1,1))-1)+IF('Standard Profiles'!$G$19=$B$10,7,0)+IF('Standard Profiles'!$G$19=$B$17,14,0)+IF('Standard Profiles'!$G$19=$B$24,21,0),MOD($C5030,24)+1)/SUM(INDEX($D$3:$AA$30,INDEX(Jesper!$R$2:$R$366,ROW(INDEX(Jesper!AI$2:AI$366,ROUNDDOWN($C5030/24,0)+1,1))-1)+IF('Standard Profiles'!$G$19=$B$10,7,0)+IF('Standard Profiles'!$G$19=$B$17,14,0)+IF('Standard Profiles'!$G$19=$B$24,21,0),0)),0)</f>
        <v>0.90699285521325945</v>
      </c>
      <c r="F5030" cm="1">
        <f t="array" ref="F5030">IFERROR(INDEX(Jesper!AJ$2:AJ$366,ROUNDDOWN($C5030/24,0)+1,1)*INDEX($D$3:$AA$30,INDEX(Jesper!$R$2:$R$366,ROW(INDEX(Jesper!AJ$2:AJ$366,ROUNDDOWN($C5030/24,0)+1,1))-1)+IF('Standard Profiles'!$G$20=$B$10,7,0)+IF('Standard Profiles'!$G$20=$B$17,14,0)+IF('Standard Profiles'!$G$20=$B$24,21,0),MOD($C5030,24)+1)/SUM(INDEX($D$3:$AA$30,INDEX(Jesper!$R$2:$R$366,ROW(INDEX(Jesper!AJ$2:AJ$366,ROUNDDOWN($C5030/24,0)+1,1))-1)+IF('Standard Profiles'!$G$20=$B$10,7,0)+IF('Standard Profiles'!$G$20=$B$17,14,0)+IF('Standard Profiles'!$G$20=$B$24,21,0),0)),0)</f>
        <v>0</v>
      </c>
      <c r="G5030" cm="1">
        <f t="array" ref="G5030">IFERROR(INDEX(Jesper!AK$2:AK$366,ROUNDDOWN($C5030/24,0)+1,1)*INDEX($D$3:$AA$30,INDEX(Jesper!$R$2:$R$366,ROW(INDEX(Jesper!AK$2:AK$366,ROUNDDOWN($C5030/24,0)+1,1))-1)+IF('Standard Profiles'!$G$21=$B$10,7,0)+IF('Standard Profiles'!$G$21=$B$17,14,0)+IF('Standard Profiles'!$G$21=$B$24,21,0),MOD($C5030,24)+1)/SUM(INDEX($D$3:$AA$30,INDEX(Jesper!$R$2:$R$366,ROW(INDEX(Jesper!AK$2:AK$366,ROUNDDOWN($C5030/24,0)+1,1))-1)+IF('Standard Profiles'!$G$21=$B$10,7,0)+IF('Standard Profiles'!$G$21=$B$17,14,0)+IF('Standard Profiles'!$G$21=$B$24,21,0),0)),0)</f>
        <v>0</v>
      </c>
      <c r="H5030" cm="1">
        <f t="array" ref="H5030">IFERROR(INDEX(Jesper!AL$2:AL$366,ROUNDDOWN($C5030/24,0)+1,1)*INDEX($D$3:$AA$30,INDEX(Jesper!$R$2:$R$366,ROW(INDEX(Jesper!AL$2:AL$366,ROUNDDOWN($C5030/24,0)+1,1))-1)+IF('Standard Profiles'!$G$22=$B$10,7,0)+IF('Standard Profiles'!$G$22=$B$17,14,0)+IF('Standard Profiles'!$G$22=$B$24,21,0),MOD($C5030,24)+1)/SUM(INDEX($D$3:$AA$30,INDEX(Jesper!$R$2:$R$366,ROW(INDEX(Jesper!AL$2:AL$366,ROUNDDOWN($C5030/24,0)+1,1))-1)+IF('Standard Profiles'!$G$22=$B$10,7,0)+IF('Standard Profiles'!$G$22=$B$17,14,0)+IF('Standard Profiles'!$G$22=$B$24,21,0),0)),0)</f>
        <v>0</v>
      </c>
      <c r="I5030">
        <f t="shared" si="566"/>
        <v>8.1711068037230605E-2</v>
      </c>
      <c r="J5030">
        <f t="shared" si="567"/>
        <v>0.27237022679076872</v>
      </c>
      <c r="K5030">
        <f t="shared" si="568"/>
        <v>0.40855534018615308</v>
      </c>
      <c r="L5030">
        <f t="shared" si="569"/>
        <v>6.6210321537661017</v>
      </c>
      <c r="M5030">
        <f t="shared" si="570"/>
        <v>0</v>
      </c>
      <c r="N5030" s="46">
        <f t="shared" si="571"/>
        <v>45500.16666665455</v>
      </c>
    </row>
    <row r="5031" spans="2:14" x14ac:dyDescent="0.3">
      <c r="B5031">
        <f t="shared" si="565"/>
        <v>6</v>
      </c>
      <c r="C5031" s="16">
        <v>4997</v>
      </c>
      <c r="D5031" cm="1">
        <f t="array" ref="D5031">IFERROR(INDEX(Jesper!AH$2:AH$366,ROUNDDOWN($C5031/24,0)+1,1)*INDEX($D$3:$AA$30,INDEX(Jesper!$R$2:$R$366,ROW(INDEX(Jesper!AH$2:AH$366,ROUNDDOWN($C5031/24,0)+1,1))-1)+IF('Standard Profiles'!$G$18=$B$10,7,0)+IF('Standard Profiles'!$G$18=$B$17,14,0)+IF('Standard Profiles'!$G$18=$B$24,21,0),MOD($C5031,24)+1)/SUM(INDEX($D$3:$AA$30,INDEX(Jesper!$R$2:$R$366,ROW(INDEX(Jesper!AH$2:AH$366,ROUNDDOWN($C5031/24,0)+1,1))-1)+IF('Standard Profiles'!$G$18=$B$10,7,0)+IF('Standard Profiles'!$G$18=$B$17,14,0)+IF('Standard Profiles'!$G$18=$B$24,21,0),0)),0)</f>
        <v>8.0563529905345543</v>
      </c>
      <c r="E5031" cm="1">
        <f t="array" ref="E5031">IFERROR(INDEX(Jesper!AI$2:AI$366,ROUNDDOWN($C5031/24,0)+1,1)*INDEX($D$3:$AA$30,INDEX(Jesper!$R$2:$R$366,ROW(INDEX(Jesper!AI$2:AI$366,ROUNDDOWN($C5031/24,0)+1,1))-1)+IF('Standard Profiles'!$G$19=$B$10,7,0)+IF('Standard Profiles'!$G$19=$B$17,14,0)+IF('Standard Profiles'!$G$19=$B$24,21,0),MOD($C5031,24)+1)/SUM(INDEX($D$3:$AA$30,INDEX(Jesper!$R$2:$R$366,ROW(INDEX(Jesper!AI$2:AI$366,ROUNDDOWN($C5031/24,0)+1,1))-1)+IF('Standard Profiles'!$G$19=$B$10,7,0)+IF('Standard Profiles'!$G$19=$B$17,14,0)+IF('Standard Profiles'!$G$19=$B$24,21,0),0)),0)</f>
        <v>1.1282106247774693</v>
      </c>
      <c r="F5031" cm="1">
        <f t="array" ref="F5031">IFERROR(INDEX(Jesper!AJ$2:AJ$366,ROUNDDOWN($C5031/24,0)+1,1)*INDEX($D$3:$AA$30,INDEX(Jesper!$R$2:$R$366,ROW(INDEX(Jesper!AJ$2:AJ$366,ROUNDDOWN($C5031/24,0)+1,1))-1)+IF('Standard Profiles'!$G$20=$B$10,7,0)+IF('Standard Profiles'!$G$20=$B$17,14,0)+IF('Standard Profiles'!$G$20=$B$24,21,0),MOD($C5031,24)+1)/SUM(INDEX($D$3:$AA$30,INDEX(Jesper!$R$2:$R$366,ROW(INDEX(Jesper!AJ$2:AJ$366,ROUNDDOWN($C5031/24,0)+1,1))-1)+IF('Standard Profiles'!$G$20=$B$10,7,0)+IF('Standard Profiles'!$G$20=$B$17,14,0)+IF('Standard Profiles'!$G$20=$B$24,21,0),0)),0)</f>
        <v>0</v>
      </c>
      <c r="G5031" cm="1">
        <f t="array" ref="G5031">IFERROR(INDEX(Jesper!AK$2:AK$366,ROUNDDOWN($C5031/24,0)+1,1)*INDEX($D$3:$AA$30,INDEX(Jesper!$R$2:$R$366,ROW(INDEX(Jesper!AK$2:AK$366,ROUNDDOWN($C5031/24,0)+1,1))-1)+IF('Standard Profiles'!$G$21=$B$10,7,0)+IF('Standard Profiles'!$G$21=$B$17,14,0)+IF('Standard Profiles'!$G$21=$B$24,21,0),MOD($C5031,24)+1)/SUM(INDEX($D$3:$AA$30,INDEX(Jesper!$R$2:$R$366,ROW(INDEX(Jesper!AK$2:AK$366,ROUNDDOWN($C5031/24,0)+1,1))-1)+IF('Standard Profiles'!$G$21=$B$10,7,0)+IF('Standard Profiles'!$G$21=$B$17,14,0)+IF('Standard Profiles'!$G$21=$B$24,21,0),0)),0)</f>
        <v>0</v>
      </c>
      <c r="H5031" cm="1">
        <f t="array" ref="H5031">IFERROR(INDEX(Jesper!AL$2:AL$366,ROUNDDOWN($C5031/24,0)+1,1)*INDEX($D$3:$AA$30,INDEX(Jesper!$R$2:$R$366,ROW(INDEX(Jesper!AL$2:AL$366,ROUNDDOWN($C5031/24,0)+1,1))-1)+IF('Standard Profiles'!$G$22=$B$10,7,0)+IF('Standard Profiles'!$G$22=$B$17,14,0)+IF('Standard Profiles'!$G$22=$B$24,21,0),MOD($C5031,24)+1)/SUM(INDEX($D$3:$AA$30,INDEX(Jesper!$R$2:$R$366,ROW(INDEX(Jesper!AL$2:AL$366,ROUNDDOWN($C5031/24,0)+1,1))-1)+IF('Standard Profiles'!$G$22=$B$10,7,0)+IF('Standard Profiles'!$G$22=$B$17,14,0)+IF('Standard Profiles'!$G$22=$B$24,21,0),0)),0)</f>
        <v>0</v>
      </c>
      <c r="I5031">
        <f t="shared" si="566"/>
        <v>0.10164059682679906</v>
      </c>
      <c r="J5031">
        <f t="shared" si="567"/>
        <v>0.3388019894226636</v>
      </c>
      <c r="K5031">
        <f t="shared" si="568"/>
        <v>0.50820298413399534</v>
      </c>
      <c r="L5031">
        <f t="shared" si="569"/>
        <v>8.2359180449285656</v>
      </c>
      <c r="M5031">
        <f t="shared" si="570"/>
        <v>0</v>
      </c>
      <c r="N5031" s="46">
        <f t="shared" si="571"/>
        <v>45500.208333321214</v>
      </c>
    </row>
    <row r="5032" spans="2:14" x14ac:dyDescent="0.3">
      <c r="B5032">
        <f t="shared" si="565"/>
        <v>6</v>
      </c>
      <c r="C5032" s="16">
        <v>4998</v>
      </c>
      <c r="D5032" cm="1">
        <f t="array" ref="D5032">IFERROR(INDEX(Jesper!AH$2:AH$366,ROUNDDOWN($C5032/24,0)+1,1)*INDEX($D$3:$AA$30,INDEX(Jesper!$R$2:$R$366,ROW(INDEX(Jesper!AH$2:AH$366,ROUNDDOWN($C5032/24,0)+1,1))-1)+IF('Standard Profiles'!$G$18=$B$10,7,0)+IF('Standard Profiles'!$G$18=$B$17,14,0)+IF('Standard Profiles'!$G$18=$B$24,21,0),MOD($C5032,24)+1)/SUM(INDEX($D$3:$AA$30,INDEX(Jesper!$R$2:$R$366,ROW(INDEX(Jesper!AH$2:AH$366,ROUNDDOWN($C5032/24,0)+1,1))-1)+IF('Standard Profiles'!$G$18=$B$10,7,0)+IF('Standard Profiles'!$G$18=$B$17,14,0)+IF('Standard Profiles'!$G$18=$B$24,21,0),0)),0)</f>
        <v>10.10993316459238</v>
      </c>
      <c r="E5032" cm="1">
        <f t="array" ref="E5032">IFERROR(INDEX(Jesper!AI$2:AI$366,ROUNDDOWN($C5032/24,0)+1,1)*INDEX($D$3:$AA$30,INDEX(Jesper!$R$2:$R$366,ROW(INDEX(Jesper!AI$2:AI$366,ROUNDDOWN($C5032/24,0)+1,1))-1)+IF('Standard Profiles'!$G$19=$B$10,7,0)+IF('Standard Profiles'!$G$19=$B$17,14,0)+IF('Standard Profiles'!$G$19=$B$24,21,0),MOD($C5032,24)+1)/SUM(INDEX($D$3:$AA$30,INDEX(Jesper!$R$2:$R$366,ROW(INDEX(Jesper!AI$2:AI$366,ROUNDDOWN($C5032/24,0)+1,1))-1)+IF('Standard Profiles'!$G$19=$B$10,7,0)+IF('Standard Profiles'!$G$19=$B$17,14,0)+IF('Standard Profiles'!$G$19=$B$24,21,0),0)),0)</f>
        <v>1.4157937252109416</v>
      </c>
      <c r="F5032" cm="1">
        <f t="array" ref="F5032">IFERROR(INDEX(Jesper!AJ$2:AJ$366,ROUNDDOWN($C5032/24,0)+1,1)*INDEX($D$3:$AA$30,INDEX(Jesper!$R$2:$R$366,ROW(INDEX(Jesper!AJ$2:AJ$366,ROUNDDOWN($C5032/24,0)+1,1))-1)+IF('Standard Profiles'!$G$20=$B$10,7,0)+IF('Standard Profiles'!$G$20=$B$17,14,0)+IF('Standard Profiles'!$G$20=$B$24,21,0),MOD($C5032,24)+1)/SUM(INDEX($D$3:$AA$30,INDEX(Jesper!$R$2:$R$366,ROW(INDEX(Jesper!AJ$2:AJ$366,ROUNDDOWN($C5032/24,0)+1,1))-1)+IF('Standard Profiles'!$G$20=$B$10,7,0)+IF('Standard Profiles'!$G$20=$B$17,14,0)+IF('Standard Profiles'!$G$20=$B$24,21,0),0)),0)</f>
        <v>0</v>
      </c>
      <c r="G5032" cm="1">
        <f t="array" ref="G5032">IFERROR(INDEX(Jesper!AK$2:AK$366,ROUNDDOWN($C5032/24,0)+1,1)*INDEX($D$3:$AA$30,INDEX(Jesper!$R$2:$R$366,ROW(INDEX(Jesper!AK$2:AK$366,ROUNDDOWN($C5032/24,0)+1,1))-1)+IF('Standard Profiles'!$G$21=$B$10,7,0)+IF('Standard Profiles'!$G$21=$B$17,14,0)+IF('Standard Profiles'!$G$21=$B$24,21,0),MOD($C5032,24)+1)/SUM(INDEX($D$3:$AA$30,INDEX(Jesper!$R$2:$R$366,ROW(INDEX(Jesper!AK$2:AK$366,ROUNDDOWN($C5032/24,0)+1,1))-1)+IF('Standard Profiles'!$G$21=$B$10,7,0)+IF('Standard Profiles'!$G$21=$B$17,14,0)+IF('Standard Profiles'!$G$21=$B$24,21,0),0)),0)</f>
        <v>0</v>
      </c>
      <c r="H5032" cm="1">
        <f t="array" ref="H5032">IFERROR(INDEX(Jesper!AL$2:AL$366,ROUNDDOWN($C5032/24,0)+1,1)*INDEX($D$3:$AA$30,INDEX(Jesper!$R$2:$R$366,ROW(INDEX(Jesper!AL$2:AL$366,ROUNDDOWN($C5032/24,0)+1,1))-1)+IF('Standard Profiles'!$G$22=$B$10,7,0)+IF('Standard Profiles'!$G$22=$B$17,14,0)+IF('Standard Profiles'!$G$22=$B$24,21,0),MOD($C5032,24)+1)/SUM(INDEX($D$3:$AA$30,INDEX(Jesper!$R$2:$R$366,ROW(INDEX(Jesper!AL$2:AL$366,ROUNDDOWN($C5032/24,0)+1,1))-1)+IF('Standard Profiles'!$G$22=$B$10,7,0)+IF('Standard Profiles'!$G$22=$B$17,14,0)+IF('Standard Profiles'!$G$22=$B$24,21,0),0)),0)</f>
        <v>0</v>
      </c>
      <c r="I5032">
        <f t="shared" si="566"/>
        <v>0.12754898425323802</v>
      </c>
      <c r="J5032">
        <f t="shared" si="567"/>
        <v>0.42516328084412675</v>
      </c>
      <c r="K5032">
        <f t="shared" si="568"/>
        <v>0.6377449212661902</v>
      </c>
      <c r="L5032">
        <f t="shared" si="569"/>
        <v>10.335269703439767</v>
      </c>
      <c r="M5032">
        <f t="shared" si="570"/>
        <v>0</v>
      </c>
      <c r="N5032" s="46">
        <f t="shared" si="571"/>
        <v>45500.249999987878</v>
      </c>
    </row>
    <row r="5033" spans="2:14" x14ac:dyDescent="0.3">
      <c r="B5033">
        <f t="shared" si="565"/>
        <v>6</v>
      </c>
      <c r="C5033" s="16">
        <v>4999</v>
      </c>
      <c r="D5033" cm="1">
        <f t="array" ref="D5033">IFERROR(INDEX(Jesper!AH$2:AH$366,ROUNDDOWN($C5033/24,0)+1,1)*INDEX($D$3:$AA$30,INDEX(Jesper!$R$2:$R$366,ROW(INDEX(Jesper!AH$2:AH$366,ROUNDDOWN($C5033/24,0)+1,1))-1)+IF('Standard Profiles'!$G$18=$B$10,7,0)+IF('Standard Profiles'!$G$18=$B$17,14,0)+IF('Standard Profiles'!$G$18=$B$24,21,0),MOD($C5033,24)+1)/SUM(INDEX($D$3:$AA$30,INDEX(Jesper!$R$2:$R$366,ROW(INDEX(Jesper!AH$2:AH$366,ROUNDDOWN($C5033/24,0)+1,1))-1)+IF('Standard Profiles'!$G$18=$B$10,7,0)+IF('Standard Profiles'!$G$18=$B$17,14,0)+IF('Standard Profiles'!$G$18=$B$24,21,0),0)),0)</f>
        <v>11.531642515863185</v>
      </c>
      <c r="E5033" cm="1">
        <f t="array" ref="E5033">IFERROR(INDEX(Jesper!AI$2:AI$366,ROUNDDOWN($C5033/24,0)+1,1)*INDEX($D$3:$AA$30,INDEX(Jesper!$R$2:$R$366,ROW(INDEX(Jesper!AI$2:AI$366,ROUNDDOWN($C5033/24,0)+1,1))-1)+IF('Standard Profiles'!$G$19=$B$10,7,0)+IF('Standard Profiles'!$G$19=$B$17,14,0)+IF('Standard Profiles'!$G$19=$B$24,21,0),MOD($C5033,24)+1)/SUM(INDEX($D$3:$AA$30,INDEX(Jesper!$R$2:$R$366,ROW(INDEX(Jesper!AI$2:AI$366,ROUNDDOWN($C5033/24,0)+1,1))-1)+IF('Standard Profiles'!$G$19=$B$10,7,0)+IF('Standard Profiles'!$G$19=$B$17,14,0)+IF('Standard Profiles'!$G$19=$B$24,21,0),0)),0)</f>
        <v>1.6148897178187303</v>
      </c>
      <c r="F5033" cm="1">
        <f t="array" ref="F5033">IFERROR(INDEX(Jesper!AJ$2:AJ$366,ROUNDDOWN($C5033/24,0)+1,1)*INDEX($D$3:$AA$30,INDEX(Jesper!$R$2:$R$366,ROW(INDEX(Jesper!AJ$2:AJ$366,ROUNDDOWN($C5033/24,0)+1,1))-1)+IF('Standard Profiles'!$G$20=$B$10,7,0)+IF('Standard Profiles'!$G$20=$B$17,14,0)+IF('Standard Profiles'!$G$20=$B$24,21,0),MOD($C5033,24)+1)/SUM(INDEX($D$3:$AA$30,INDEX(Jesper!$R$2:$R$366,ROW(INDEX(Jesper!AJ$2:AJ$366,ROUNDDOWN($C5033/24,0)+1,1))-1)+IF('Standard Profiles'!$G$20=$B$10,7,0)+IF('Standard Profiles'!$G$20=$B$17,14,0)+IF('Standard Profiles'!$G$20=$B$24,21,0),0)),0)</f>
        <v>0</v>
      </c>
      <c r="G5033" cm="1">
        <f t="array" ref="G5033">IFERROR(INDEX(Jesper!AK$2:AK$366,ROUNDDOWN($C5033/24,0)+1,1)*INDEX($D$3:$AA$30,INDEX(Jesper!$R$2:$R$366,ROW(INDEX(Jesper!AK$2:AK$366,ROUNDDOWN($C5033/24,0)+1,1))-1)+IF('Standard Profiles'!$G$21=$B$10,7,0)+IF('Standard Profiles'!$G$21=$B$17,14,0)+IF('Standard Profiles'!$G$21=$B$24,21,0),MOD($C5033,24)+1)/SUM(INDEX($D$3:$AA$30,INDEX(Jesper!$R$2:$R$366,ROW(INDEX(Jesper!AK$2:AK$366,ROUNDDOWN($C5033/24,0)+1,1))-1)+IF('Standard Profiles'!$G$21=$B$10,7,0)+IF('Standard Profiles'!$G$21=$B$17,14,0)+IF('Standard Profiles'!$G$21=$B$24,21,0),0)),0)</f>
        <v>0</v>
      </c>
      <c r="H5033" cm="1">
        <f t="array" ref="H5033">IFERROR(INDEX(Jesper!AL$2:AL$366,ROUNDDOWN($C5033/24,0)+1,1)*INDEX($D$3:$AA$30,INDEX(Jesper!$R$2:$R$366,ROW(INDEX(Jesper!AL$2:AL$366,ROUNDDOWN($C5033/24,0)+1,1))-1)+IF('Standard Profiles'!$G$22=$B$10,7,0)+IF('Standard Profiles'!$G$22=$B$17,14,0)+IF('Standard Profiles'!$G$22=$B$24,21,0),MOD($C5033,24)+1)/SUM(INDEX($D$3:$AA$30,INDEX(Jesper!$R$2:$R$366,ROW(INDEX(Jesper!AL$2:AL$366,ROUNDDOWN($C5033/24,0)+1,1))-1)+IF('Standard Profiles'!$G$22=$B$10,7,0)+IF('Standard Profiles'!$G$22=$B$17,14,0)+IF('Standard Profiles'!$G$22=$B$24,21,0),0)),0)</f>
        <v>0</v>
      </c>
      <c r="I5033">
        <f t="shared" si="566"/>
        <v>0.14548556016384961</v>
      </c>
      <c r="J5033">
        <f t="shared" si="567"/>
        <v>0.48495186721283212</v>
      </c>
      <c r="K5033">
        <f t="shared" si="568"/>
        <v>0.72742780081924818</v>
      </c>
      <c r="L5033">
        <f t="shared" si="569"/>
        <v>11.788667005485985</v>
      </c>
      <c r="M5033">
        <f t="shared" si="570"/>
        <v>0</v>
      </c>
      <c r="N5033" s="46">
        <f t="shared" si="571"/>
        <v>45500.291666654542</v>
      </c>
    </row>
    <row r="5034" spans="2:14" x14ac:dyDescent="0.3">
      <c r="B5034">
        <f t="shared" si="565"/>
        <v>6</v>
      </c>
      <c r="C5034" s="16">
        <v>5000</v>
      </c>
      <c r="D5034" cm="1">
        <f t="array" ref="D5034">IFERROR(INDEX(Jesper!AH$2:AH$366,ROUNDDOWN($C5034/24,0)+1,1)*INDEX($D$3:$AA$30,INDEX(Jesper!$R$2:$R$366,ROW(INDEX(Jesper!AH$2:AH$366,ROUNDDOWN($C5034/24,0)+1,1))-1)+IF('Standard Profiles'!$G$18=$B$10,7,0)+IF('Standard Profiles'!$G$18=$B$17,14,0)+IF('Standard Profiles'!$G$18=$B$24,21,0),MOD($C5034,24)+1)/SUM(INDEX($D$3:$AA$30,INDEX(Jesper!$R$2:$R$366,ROW(INDEX(Jesper!AH$2:AH$366,ROUNDDOWN($C5034/24,0)+1,1))-1)+IF('Standard Profiles'!$G$18=$B$10,7,0)+IF('Standard Profiles'!$G$18=$B$17,14,0)+IF('Standard Profiles'!$G$18=$B$24,21,0),0)),0)</f>
        <v>11.531642515863185</v>
      </c>
      <c r="E5034" cm="1">
        <f t="array" ref="E5034">IFERROR(INDEX(Jesper!AI$2:AI$366,ROUNDDOWN($C5034/24,0)+1,1)*INDEX($D$3:$AA$30,INDEX(Jesper!$R$2:$R$366,ROW(INDEX(Jesper!AI$2:AI$366,ROUNDDOWN($C5034/24,0)+1,1))-1)+IF('Standard Profiles'!$G$19=$B$10,7,0)+IF('Standard Profiles'!$G$19=$B$17,14,0)+IF('Standard Profiles'!$G$19=$B$24,21,0),MOD($C5034,24)+1)/SUM(INDEX($D$3:$AA$30,INDEX(Jesper!$R$2:$R$366,ROW(INDEX(Jesper!AI$2:AI$366,ROUNDDOWN($C5034/24,0)+1,1))-1)+IF('Standard Profiles'!$G$19=$B$10,7,0)+IF('Standard Profiles'!$G$19=$B$17,14,0)+IF('Standard Profiles'!$G$19=$B$24,21,0),0)),0)</f>
        <v>1.6148897178187303</v>
      </c>
      <c r="F5034" cm="1">
        <f t="array" ref="F5034">IFERROR(INDEX(Jesper!AJ$2:AJ$366,ROUNDDOWN($C5034/24,0)+1,1)*INDEX($D$3:$AA$30,INDEX(Jesper!$R$2:$R$366,ROW(INDEX(Jesper!AJ$2:AJ$366,ROUNDDOWN($C5034/24,0)+1,1))-1)+IF('Standard Profiles'!$G$20=$B$10,7,0)+IF('Standard Profiles'!$G$20=$B$17,14,0)+IF('Standard Profiles'!$G$20=$B$24,21,0),MOD($C5034,24)+1)/SUM(INDEX($D$3:$AA$30,INDEX(Jesper!$R$2:$R$366,ROW(INDEX(Jesper!AJ$2:AJ$366,ROUNDDOWN($C5034/24,0)+1,1))-1)+IF('Standard Profiles'!$G$20=$B$10,7,0)+IF('Standard Profiles'!$G$20=$B$17,14,0)+IF('Standard Profiles'!$G$20=$B$24,21,0),0)),0)</f>
        <v>0</v>
      </c>
      <c r="G5034" cm="1">
        <f t="array" ref="G5034">IFERROR(INDEX(Jesper!AK$2:AK$366,ROUNDDOWN($C5034/24,0)+1,1)*INDEX($D$3:$AA$30,INDEX(Jesper!$R$2:$R$366,ROW(INDEX(Jesper!AK$2:AK$366,ROUNDDOWN($C5034/24,0)+1,1))-1)+IF('Standard Profiles'!$G$21=$B$10,7,0)+IF('Standard Profiles'!$G$21=$B$17,14,0)+IF('Standard Profiles'!$G$21=$B$24,21,0),MOD($C5034,24)+1)/SUM(INDEX($D$3:$AA$30,INDEX(Jesper!$R$2:$R$366,ROW(INDEX(Jesper!AK$2:AK$366,ROUNDDOWN($C5034/24,0)+1,1))-1)+IF('Standard Profiles'!$G$21=$B$10,7,0)+IF('Standard Profiles'!$G$21=$B$17,14,0)+IF('Standard Profiles'!$G$21=$B$24,21,0),0)),0)</f>
        <v>0</v>
      </c>
      <c r="H5034" cm="1">
        <f t="array" ref="H5034">IFERROR(INDEX(Jesper!AL$2:AL$366,ROUNDDOWN($C5034/24,0)+1,1)*INDEX($D$3:$AA$30,INDEX(Jesper!$R$2:$R$366,ROW(INDEX(Jesper!AL$2:AL$366,ROUNDDOWN($C5034/24,0)+1,1))-1)+IF('Standard Profiles'!$G$22=$B$10,7,0)+IF('Standard Profiles'!$G$22=$B$17,14,0)+IF('Standard Profiles'!$G$22=$B$24,21,0),MOD($C5034,24)+1)/SUM(INDEX($D$3:$AA$30,INDEX(Jesper!$R$2:$R$366,ROW(INDEX(Jesper!AL$2:AL$366,ROUNDDOWN($C5034/24,0)+1,1))-1)+IF('Standard Profiles'!$G$22=$B$10,7,0)+IF('Standard Profiles'!$G$22=$B$17,14,0)+IF('Standard Profiles'!$G$22=$B$24,21,0),0)),0)</f>
        <v>0</v>
      </c>
      <c r="I5034">
        <f t="shared" si="566"/>
        <v>0.14548556016384961</v>
      </c>
      <c r="J5034">
        <f t="shared" si="567"/>
        <v>0.48495186721283212</v>
      </c>
      <c r="K5034">
        <f t="shared" si="568"/>
        <v>0.72742780081924818</v>
      </c>
      <c r="L5034">
        <f t="shared" si="569"/>
        <v>11.788667005485985</v>
      </c>
      <c r="M5034">
        <f t="shared" si="570"/>
        <v>0</v>
      </c>
      <c r="N5034" s="46">
        <f t="shared" si="571"/>
        <v>45500.333333321207</v>
      </c>
    </row>
    <row r="5035" spans="2:14" x14ac:dyDescent="0.3">
      <c r="B5035">
        <f t="shared" si="565"/>
        <v>6</v>
      </c>
      <c r="C5035" s="16">
        <v>5001</v>
      </c>
      <c r="D5035" cm="1">
        <f t="array" ref="D5035">IFERROR(INDEX(Jesper!AH$2:AH$366,ROUNDDOWN($C5035/24,0)+1,1)*INDEX($D$3:$AA$30,INDEX(Jesper!$R$2:$R$366,ROW(INDEX(Jesper!AH$2:AH$366,ROUNDDOWN($C5035/24,0)+1,1))-1)+IF('Standard Profiles'!$G$18=$B$10,7,0)+IF('Standard Profiles'!$G$18=$B$17,14,0)+IF('Standard Profiles'!$G$18=$B$24,21,0),MOD($C5035,24)+1)/SUM(INDEX($D$3:$AA$30,INDEX(Jesper!$R$2:$R$366,ROW(INDEX(Jesper!AH$2:AH$366,ROUNDDOWN($C5035/24,0)+1,1))-1)+IF('Standard Profiles'!$G$18=$B$10,7,0)+IF('Standard Profiles'!$G$18=$B$17,14,0)+IF('Standard Profiles'!$G$18=$B$24,21,0),0)),0)</f>
        <v>11.531642515863185</v>
      </c>
      <c r="E5035" cm="1">
        <f t="array" ref="E5035">IFERROR(INDEX(Jesper!AI$2:AI$366,ROUNDDOWN($C5035/24,0)+1,1)*INDEX($D$3:$AA$30,INDEX(Jesper!$R$2:$R$366,ROW(INDEX(Jesper!AI$2:AI$366,ROUNDDOWN($C5035/24,0)+1,1))-1)+IF('Standard Profiles'!$G$19=$B$10,7,0)+IF('Standard Profiles'!$G$19=$B$17,14,0)+IF('Standard Profiles'!$G$19=$B$24,21,0),MOD($C5035,24)+1)/SUM(INDEX($D$3:$AA$30,INDEX(Jesper!$R$2:$R$366,ROW(INDEX(Jesper!AI$2:AI$366,ROUNDDOWN($C5035/24,0)+1,1))-1)+IF('Standard Profiles'!$G$19=$B$10,7,0)+IF('Standard Profiles'!$G$19=$B$17,14,0)+IF('Standard Profiles'!$G$19=$B$24,21,0),0)),0)</f>
        <v>1.6148897178187303</v>
      </c>
      <c r="F5035" cm="1">
        <f t="array" ref="F5035">IFERROR(INDEX(Jesper!AJ$2:AJ$366,ROUNDDOWN($C5035/24,0)+1,1)*INDEX($D$3:$AA$30,INDEX(Jesper!$R$2:$R$366,ROW(INDEX(Jesper!AJ$2:AJ$366,ROUNDDOWN($C5035/24,0)+1,1))-1)+IF('Standard Profiles'!$G$20=$B$10,7,0)+IF('Standard Profiles'!$G$20=$B$17,14,0)+IF('Standard Profiles'!$G$20=$B$24,21,0),MOD($C5035,24)+1)/SUM(INDEX($D$3:$AA$30,INDEX(Jesper!$R$2:$R$366,ROW(INDEX(Jesper!AJ$2:AJ$366,ROUNDDOWN($C5035/24,0)+1,1))-1)+IF('Standard Profiles'!$G$20=$B$10,7,0)+IF('Standard Profiles'!$G$20=$B$17,14,0)+IF('Standard Profiles'!$G$20=$B$24,21,0),0)),0)</f>
        <v>0</v>
      </c>
      <c r="G5035" cm="1">
        <f t="array" ref="G5035">IFERROR(INDEX(Jesper!AK$2:AK$366,ROUNDDOWN($C5035/24,0)+1,1)*INDEX($D$3:$AA$30,INDEX(Jesper!$R$2:$R$366,ROW(INDEX(Jesper!AK$2:AK$366,ROUNDDOWN($C5035/24,0)+1,1))-1)+IF('Standard Profiles'!$G$21=$B$10,7,0)+IF('Standard Profiles'!$G$21=$B$17,14,0)+IF('Standard Profiles'!$G$21=$B$24,21,0),MOD($C5035,24)+1)/SUM(INDEX($D$3:$AA$30,INDEX(Jesper!$R$2:$R$366,ROW(INDEX(Jesper!AK$2:AK$366,ROUNDDOWN($C5035/24,0)+1,1))-1)+IF('Standard Profiles'!$G$21=$B$10,7,0)+IF('Standard Profiles'!$G$21=$B$17,14,0)+IF('Standard Profiles'!$G$21=$B$24,21,0),0)),0)</f>
        <v>0</v>
      </c>
      <c r="H5035" cm="1">
        <f t="array" ref="H5035">IFERROR(INDEX(Jesper!AL$2:AL$366,ROUNDDOWN($C5035/24,0)+1,1)*INDEX($D$3:$AA$30,INDEX(Jesper!$R$2:$R$366,ROW(INDEX(Jesper!AL$2:AL$366,ROUNDDOWN($C5035/24,0)+1,1))-1)+IF('Standard Profiles'!$G$22=$B$10,7,0)+IF('Standard Profiles'!$G$22=$B$17,14,0)+IF('Standard Profiles'!$G$22=$B$24,21,0),MOD($C5035,24)+1)/SUM(INDEX($D$3:$AA$30,INDEX(Jesper!$R$2:$R$366,ROW(INDEX(Jesper!AL$2:AL$366,ROUNDDOWN($C5035/24,0)+1,1))-1)+IF('Standard Profiles'!$G$22=$B$10,7,0)+IF('Standard Profiles'!$G$22=$B$17,14,0)+IF('Standard Profiles'!$G$22=$B$24,21,0),0)),0)</f>
        <v>0</v>
      </c>
      <c r="I5035">
        <f t="shared" si="566"/>
        <v>0.14548556016384961</v>
      </c>
      <c r="J5035">
        <f t="shared" si="567"/>
        <v>0.48495186721283212</v>
      </c>
      <c r="K5035">
        <f t="shared" si="568"/>
        <v>0.72742780081924818</v>
      </c>
      <c r="L5035">
        <f t="shared" si="569"/>
        <v>11.788667005485985</v>
      </c>
      <c r="M5035">
        <f t="shared" si="570"/>
        <v>0</v>
      </c>
      <c r="N5035" s="46">
        <f t="shared" si="571"/>
        <v>45500.374999987871</v>
      </c>
    </row>
    <row r="5036" spans="2:14" x14ac:dyDescent="0.3">
      <c r="B5036">
        <f t="shared" si="565"/>
        <v>6</v>
      </c>
      <c r="C5036" s="16">
        <v>5002</v>
      </c>
      <c r="D5036" cm="1">
        <f t="array" ref="D5036">IFERROR(INDEX(Jesper!AH$2:AH$366,ROUNDDOWN($C5036/24,0)+1,1)*INDEX($D$3:$AA$30,INDEX(Jesper!$R$2:$R$366,ROW(INDEX(Jesper!AH$2:AH$366,ROUNDDOWN($C5036/24,0)+1,1))-1)+IF('Standard Profiles'!$G$18=$B$10,7,0)+IF('Standard Profiles'!$G$18=$B$17,14,0)+IF('Standard Profiles'!$G$18=$B$24,21,0),MOD($C5036,24)+1)/SUM(INDEX($D$3:$AA$30,INDEX(Jesper!$R$2:$R$366,ROW(INDEX(Jesper!AH$2:AH$366,ROUNDDOWN($C5036/24,0)+1,1))-1)+IF('Standard Profiles'!$G$18=$B$10,7,0)+IF('Standard Profiles'!$G$18=$B$17,14,0)+IF('Standard Profiles'!$G$18=$B$24,21,0),0)),0)</f>
        <v>11.531642515863185</v>
      </c>
      <c r="E5036" cm="1">
        <f t="array" ref="E5036">IFERROR(INDEX(Jesper!AI$2:AI$366,ROUNDDOWN($C5036/24,0)+1,1)*INDEX($D$3:$AA$30,INDEX(Jesper!$R$2:$R$366,ROW(INDEX(Jesper!AI$2:AI$366,ROUNDDOWN($C5036/24,0)+1,1))-1)+IF('Standard Profiles'!$G$19=$B$10,7,0)+IF('Standard Profiles'!$G$19=$B$17,14,0)+IF('Standard Profiles'!$G$19=$B$24,21,0),MOD($C5036,24)+1)/SUM(INDEX($D$3:$AA$30,INDEX(Jesper!$R$2:$R$366,ROW(INDEX(Jesper!AI$2:AI$366,ROUNDDOWN($C5036/24,0)+1,1))-1)+IF('Standard Profiles'!$G$19=$B$10,7,0)+IF('Standard Profiles'!$G$19=$B$17,14,0)+IF('Standard Profiles'!$G$19=$B$24,21,0),0)),0)</f>
        <v>1.6148897178187303</v>
      </c>
      <c r="F5036" cm="1">
        <f t="array" ref="F5036">IFERROR(INDEX(Jesper!AJ$2:AJ$366,ROUNDDOWN($C5036/24,0)+1,1)*INDEX($D$3:$AA$30,INDEX(Jesper!$R$2:$R$366,ROW(INDEX(Jesper!AJ$2:AJ$366,ROUNDDOWN($C5036/24,0)+1,1))-1)+IF('Standard Profiles'!$G$20=$B$10,7,0)+IF('Standard Profiles'!$G$20=$B$17,14,0)+IF('Standard Profiles'!$G$20=$B$24,21,0),MOD($C5036,24)+1)/SUM(INDEX($D$3:$AA$30,INDEX(Jesper!$R$2:$R$366,ROW(INDEX(Jesper!AJ$2:AJ$366,ROUNDDOWN($C5036/24,0)+1,1))-1)+IF('Standard Profiles'!$G$20=$B$10,7,0)+IF('Standard Profiles'!$G$20=$B$17,14,0)+IF('Standard Profiles'!$G$20=$B$24,21,0),0)),0)</f>
        <v>0</v>
      </c>
      <c r="G5036" cm="1">
        <f t="array" ref="G5036">IFERROR(INDEX(Jesper!AK$2:AK$366,ROUNDDOWN($C5036/24,0)+1,1)*INDEX($D$3:$AA$30,INDEX(Jesper!$R$2:$R$366,ROW(INDEX(Jesper!AK$2:AK$366,ROUNDDOWN($C5036/24,0)+1,1))-1)+IF('Standard Profiles'!$G$21=$B$10,7,0)+IF('Standard Profiles'!$G$21=$B$17,14,0)+IF('Standard Profiles'!$G$21=$B$24,21,0),MOD($C5036,24)+1)/SUM(INDEX($D$3:$AA$30,INDEX(Jesper!$R$2:$R$366,ROW(INDEX(Jesper!AK$2:AK$366,ROUNDDOWN($C5036/24,0)+1,1))-1)+IF('Standard Profiles'!$G$21=$B$10,7,0)+IF('Standard Profiles'!$G$21=$B$17,14,0)+IF('Standard Profiles'!$G$21=$B$24,21,0),0)),0)</f>
        <v>0</v>
      </c>
      <c r="H5036" cm="1">
        <f t="array" ref="H5036">IFERROR(INDEX(Jesper!AL$2:AL$366,ROUNDDOWN($C5036/24,0)+1,1)*INDEX($D$3:$AA$30,INDEX(Jesper!$R$2:$R$366,ROW(INDEX(Jesper!AL$2:AL$366,ROUNDDOWN($C5036/24,0)+1,1))-1)+IF('Standard Profiles'!$G$22=$B$10,7,0)+IF('Standard Profiles'!$G$22=$B$17,14,0)+IF('Standard Profiles'!$G$22=$B$24,21,0),MOD($C5036,24)+1)/SUM(INDEX($D$3:$AA$30,INDEX(Jesper!$R$2:$R$366,ROW(INDEX(Jesper!AL$2:AL$366,ROUNDDOWN($C5036/24,0)+1,1))-1)+IF('Standard Profiles'!$G$22=$B$10,7,0)+IF('Standard Profiles'!$G$22=$B$17,14,0)+IF('Standard Profiles'!$G$22=$B$24,21,0),0)),0)</f>
        <v>0</v>
      </c>
      <c r="I5036">
        <f t="shared" si="566"/>
        <v>0.14548556016384961</v>
      </c>
      <c r="J5036">
        <f t="shared" si="567"/>
        <v>0.48495186721283212</v>
      </c>
      <c r="K5036">
        <f t="shared" si="568"/>
        <v>0.72742780081924818</v>
      </c>
      <c r="L5036">
        <f t="shared" si="569"/>
        <v>11.788667005485985</v>
      </c>
      <c r="M5036">
        <f t="shared" si="570"/>
        <v>0</v>
      </c>
      <c r="N5036" s="46">
        <f t="shared" si="571"/>
        <v>45500.416666654535</v>
      </c>
    </row>
    <row r="5037" spans="2:14" x14ac:dyDescent="0.3">
      <c r="B5037">
        <f t="shared" si="565"/>
        <v>6</v>
      </c>
      <c r="C5037" s="16">
        <v>5003</v>
      </c>
      <c r="D5037" cm="1">
        <f t="array" ref="D5037">IFERROR(INDEX(Jesper!AH$2:AH$366,ROUNDDOWN($C5037/24,0)+1,1)*INDEX($D$3:$AA$30,INDEX(Jesper!$R$2:$R$366,ROW(INDEX(Jesper!AH$2:AH$366,ROUNDDOWN($C5037/24,0)+1,1))-1)+IF('Standard Profiles'!$G$18=$B$10,7,0)+IF('Standard Profiles'!$G$18=$B$17,14,0)+IF('Standard Profiles'!$G$18=$B$24,21,0),MOD($C5037,24)+1)/SUM(INDEX($D$3:$AA$30,INDEX(Jesper!$R$2:$R$366,ROW(INDEX(Jesper!AH$2:AH$366,ROUNDDOWN($C5037/24,0)+1,1))-1)+IF('Standard Profiles'!$G$18=$B$10,7,0)+IF('Standard Profiles'!$G$18=$B$17,14,0)+IF('Standard Profiles'!$G$18=$B$24,21,0),0)),0)</f>
        <v>11.531642515863185</v>
      </c>
      <c r="E5037" cm="1">
        <f t="array" ref="E5037">IFERROR(INDEX(Jesper!AI$2:AI$366,ROUNDDOWN($C5037/24,0)+1,1)*INDEX($D$3:$AA$30,INDEX(Jesper!$R$2:$R$366,ROW(INDEX(Jesper!AI$2:AI$366,ROUNDDOWN($C5037/24,0)+1,1))-1)+IF('Standard Profiles'!$G$19=$B$10,7,0)+IF('Standard Profiles'!$G$19=$B$17,14,0)+IF('Standard Profiles'!$G$19=$B$24,21,0),MOD($C5037,24)+1)/SUM(INDEX($D$3:$AA$30,INDEX(Jesper!$R$2:$R$366,ROW(INDEX(Jesper!AI$2:AI$366,ROUNDDOWN($C5037/24,0)+1,1))-1)+IF('Standard Profiles'!$G$19=$B$10,7,0)+IF('Standard Profiles'!$G$19=$B$17,14,0)+IF('Standard Profiles'!$G$19=$B$24,21,0),0)),0)</f>
        <v>1.6148897178187303</v>
      </c>
      <c r="F5037" cm="1">
        <f t="array" ref="F5037">IFERROR(INDEX(Jesper!AJ$2:AJ$366,ROUNDDOWN($C5037/24,0)+1,1)*INDEX($D$3:$AA$30,INDEX(Jesper!$R$2:$R$366,ROW(INDEX(Jesper!AJ$2:AJ$366,ROUNDDOWN($C5037/24,0)+1,1))-1)+IF('Standard Profiles'!$G$20=$B$10,7,0)+IF('Standard Profiles'!$G$20=$B$17,14,0)+IF('Standard Profiles'!$G$20=$B$24,21,0),MOD($C5037,24)+1)/SUM(INDEX($D$3:$AA$30,INDEX(Jesper!$R$2:$R$366,ROW(INDEX(Jesper!AJ$2:AJ$366,ROUNDDOWN($C5037/24,0)+1,1))-1)+IF('Standard Profiles'!$G$20=$B$10,7,0)+IF('Standard Profiles'!$G$20=$B$17,14,0)+IF('Standard Profiles'!$G$20=$B$24,21,0),0)),0)</f>
        <v>0</v>
      </c>
      <c r="G5037" cm="1">
        <f t="array" ref="G5037">IFERROR(INDEX(Jesper!AK$2:AK$366,ROUNDDOWN($C5037/24,0)+1,1)*INDEX($D$3:$AA$30,INDEX(Jesper!$R$2:$R$366,ROW(INDEX(Jesper!AK$2:AK$366,ROUNDDOWN($C5037/24,0)+1,1))-1)+IF('Standard Profiles'!$G$21=$B$10,7,0)+IF('Standard Profiles'!$G$21=$B$17,14,0)+IF('Standard Profiles'!$G$21=$B$24,21,0),MOD($C5037,24)+1)/SUM(INDEX($D$3:$AA$30,INDEX(Jesper!$R$2:$R$366,ROW(INDEX(Jesper!AK$2:AK$366,ROUNDDOWN($C5037/24,0)+1,1))-1)+IF('Standard Profiles'!$G$21=$B$10,7,0)+IF('Standard Profiles'!$G$21=$B$17,14,0)+IF('Standard Profiles'!$G$21=$B$24,21,0),0)),0)</f>
        <v>0</v>
      </c>
      <c r="H5037" cm="1">
        <f t="array" ref="H5037">IFERROR(INDEX(Jesper!AL$2:AL$366,ROUNDDOWN($C5037/24,0)+1,1)*INDEX($D$3:$AA$30,INDEX(Jesper!$R$2:$R$366,ROW(INDEX(Jesper!AL$2:AL$366,ROUNDDOWN($C5037/24,0)+1,1))-1)+IF('Standard Profiles'!$G$22=$B$10,7,0)+IF('Standard Profiles'!$G$22=$B$17,14,0)+IF('Standard Profiles'!$G$22=$B$24,21,0),MOD($C5037,24)+1)/SUM(INDEX($D$3:$AA$30,INDEX(Jesper!$R$2:$R$366,ROW(INDEX(Jesper!AL$2:AL$366,ROUNDDOWN($C5037/24,0)+1,1))-1)+IF('Standard Profiles'!$G$22=$B$10,7,0)+IF('Standard Profiles'!$G$22=$B$17,14,0)+IF('Standard Profiles'!$G$22=$B$24,21,0),0)),0)</f>
        <v>0</v>
      </c>
      <c r="I5037">
        <f t="shared" si="566"/>
        <v>0.14548556016384961</v>
      </c>
      <c r="J5037">
        <f t="shared" si="567"/>
        <v>0.48495186721283212</v>
      </c>
      <c r="K5037">
        <f t="shared" si="568"/>
        <v>0.72742780081924818</v>
      </c>
      <c r="L5037">
        <f t="shared" si="569"/>
        <v>11.788667005485985</v>
      </c>
      <c r="M5037">
        <f t="shared" si="570"/>
        <v>0</v>
      </c>
      <c r="N5037" s="46">
        <f t="shared" si="571"/>
        <v>45500.458333321199</v>
      </c>
    </row>
    <row r="5038" spans="2:14" x14ac:dyDescent="0.3">
      <c r="B5038">
        <f t="shared" si="565"/>
        <v>6</v>
      </c>
      <c r="C5038" s="16">
        <v>5004</v>
      </c>
      <c r="D5038" cm="1">
        <f t="array" ref="D5038">IFERROR(INDEX(Jesper!AH$2:AH$366,ROUNDDOWN($C5038/24,0)+1,1)*INDEX($D$3:$AA$30,INDEX(Jesper!$R$2:$R$366,ROW(INDEX(Jesper!AH$2:AH$366,ROUNDDOWN($C5038/24,0)+1,1))-1)+IF('Standard Profiles'!$G$18=$B$10,7,0)+IF('Standard Profiles'!$G$18=$B$17,14,0)+IF('Standard Profiles'!$G$18=$B$24,21,0),MOD($C5038,24)+1)/SUM(INDEX($D$3:$AA$30,INDEX(Jesper!$R$2:$R$366,ROW(INDEX(Jesper!AH$2:AH$366,ROUNDDOWN($C5038/24,0)+1,1))-1)+IF('Standard Profiles'!$G$18=$B$10,7,0)+IF('Standard Profiles'!$G$18=$B$17,14,0)+IF('Standard Profiles'!$G$18=$B$24,21,0),0)),0)</f>
        <v>11.531642515863185</v>
      </c>
      <c r="E5038" cm="1">
        <f t="array" ref="E5038">IFERROR(INDEX(Jesper!AI$2:AI$366,ROUNDDOWN($C5038/24,0)+1,1)*INDEX($D$3:$AA$30,INDEX(Jesper!$R$2:$R$366,ROW(INDEX(Jesper!AI$2:AI$366,ROUNDDOWN($C5038/24,0)+1,1))-1)+IF('Standard Profiles'!$G$19=$B$10,7,0)+IF('Standard Profiles'!$G$19=$B$17,14,0)+IF('Standard Profiles'!$G$19=$B$24,21,0),MOD($C5038,24)+1)/SUM(INDEX($D$3:$AA$30,INDEX(Jesper!$R$2:$R$366,ROW(INDEX(Jesper!AI$2:AI$366,ROUNDDOWN($C5038/24,0)+1,1))-1)+IF('Standard Profiles'!$G$19=$B$10,7,0)+IF('Standard Profiles'!$G$19=$B$17,14,0)+IF('Standard Profiles'!$G$19=$B$24,21,0),0)),0)</f>
        <v>1.6148897178187303</v>
      </c>
      <c r="F5038" cm="1">
        <f t="array" ref="F5038">IFERROR(INDEX(Jesper!AJ$2:AJ$366,ROUNDDOWN($C5038/24,0)+1,1)*INDEX($D$3:$AA$30,INDEX(Jesper!$R$2:$R$366,ROW(INDEX(Jesper!AJ$2:AJ$366,ROUNDDOWN($C5038/24,0)+1,1))-1)+IF('Standard Profiles'!$G$20=$B$10,7,0)+IF('Standard Profiles'!$G$20=$B$17,14,0)+IF('Standard Profiles'!$G$20=$B$24,21,0),MOD($C5038,24)+1)/SUM(INDEX($D$3:$AA$30,INDEX(Jesper!$R$2:$R$366,ROW(INDEX(Jesper!AJ$2:AJ$366,ROUNDDOWN($C5038/24,0)+1,1))-1)+IF('Standard Profiles'!$G$20=$B$10,7,0)+IF('Standard Profiles'!$G$20=$B$17,14,0)+IF('Standard Profiles'!$G$20=$B$24,21,0),0)),0)</f>
        <v>0</v>
      </c>
      <c r="G5038" cm="1">
        <f t="array" ref="G5038">IFERROR(INDEX(Jesper!AK$2:AK$366,ROUNDDOWN($C5038/24,0)+1,1)*INDEX($D$3:$AA$30,INDEX(Jesper!$R$2:$R$366,ROW(INDEX(Jesper!AK$2:AK$366,ROUNDDOWN($C5038/24,0)+1,1))-1)+IF('Standard Profiles'!$G$21=$B$10,7,0)+IF('Standard Profiles'!$G$21=$B$17,14,0)+IF('Standard Profiles'!$G$21=$B$24,21,0),MOD($C5038,24)+1)/SUM(INDEX($D$3:$AA$30,INDEX(Jesper!$R$2:$R$366,ROW(INDEX(Jesper!AK$2:AK$366,ROUNDDOWN($C5038/24,0)+1,1))-1)+IF('Standard Profiles'!$G$21=$B$10,7,0)+IF('Standard Profiles'!$G$21=$B$17,14,0)+IF('Standard Profiles'!$G$21=$B$24,21,0),0)),0)</f>
        <v>0</v>
      </c>
      <c r="H5038" cm="1">
        <f t="array" ref="H5038">IFERROR(INDEX(Jesper!AL$2:AL$366,ROUNDDOWN($C5038/24,0)+1,1)*INDEX($D$3:$AA$30,INDEX(Jesper!$R$2:$R$366,ROW(INDEX(Jesper!AL$2:AL$366,ROUNDDOWN($C5038/24,0)+1,1))-1)+IF('Standard Profiles'!$G$22=$B$10,7,0)+IF('Standard Profiles'!$G$22=$B$17,14,0)+IF('Standard Profiles'!$G$22=$B$24,21,0),MOD($C5038,24)+1)/SUM(INDEX($D$3:$AA$30,INDEX(Jesper!$R$2:$R$366,ROW(INDEX(Jesper!AL$2:AL$366,ROUNDDOWN($C5038/24,0)+1,1))-1)+IF('Standard Profiles'!$G$22=$B$10,7,0)+IF('Standard Profiles'!$G$22=$B$17,14,0)+IF('Standard Profiles'!$G$22=$B$24,21,0),0)),0)</f>
        <v>0</v>
      </c>
      <c r="I5038">
        <f t="shared" si="566"/>
        <v>0.14548556016384961</v>
      </c>
      <c r="J5038">
        <f t="shared" si="567"/>
        <v>0.48495186721283212</v>
      </c>
      <c r="K5038">
        <f t="shared" si="568"/>
        <v>0.72742780081924818</v>
      </c>
      <c r="L5038">
        <f t="shared" si="569"/>
        <v>11.788667005485985</v>
      </c>
      <c r="M5038">
        <f t="shared" si="570"/>
        <v>0</v>
      </c>
      <c r="N5038" s="46">
        <f t="shared" si="571"/>
        <v>45500.499999987864</v>
      </c>
    </row>
    <row r="5039" spans="2:14" x14ac:dyDescent="0.3">
      <c r="B5039">
        <f t="shared" si="565"/>
        <v>6</v>
      </c>
      <c r="C5039" s="16">
        <v>5005</v>
      </c>
      <c r="D5039" cm="1">
        <f t="array" ref="D5039">IFERROR(INDEX(Jesper!AH$2:AH$366,ROUNDDOWN($C5039/24,0)+1,1)*INDEX($D$3:$AA$30,INDEX(Jesper!$R$2:$R$366,ROW(INDEX(Jesper!AH$2:AH$366,ROUNDDOWN($C5039/24,0)+1,1))-1)+IF('Standard Profiles'!$G$18=$B$10,7,0)+IF('Standard Profiles'!$G$18=$B$17,14,0)+IF('Standard Profiles'!$G$18=$B$24,21,0),MOD($C5039,24)+1)/SUM(INDEX($D$3:$AA$30,INDEX(Jesper!$R$2:$R$366,ROW(INDEX(Jesper!AH$2:AH$366,ROUNDDOWN($C5039/24,0)+1,1))-1)+IF('Standard Profiles'!$G$18=$B$10,7,0)+IF('Standard Profiles'!$G$18=$B$17,14,0)+IF('Standard Profiles'!$G$18=$B$24,21,0),0)),0)</f>
        <v>11.531642515863185</v>
      </c>
      <c r="E5039" cm="1">
        <f t="array" ref="E5039">IFERROR(INDEX(Jesper!AI$2:AI$366,ROUNDDOWN($C5039/24,0)+1,1)*INDEX($D$3:$AA$30,INDEX(Jesper!$R$2:$R$366,ROW(INDEX(Jesper!AI$2:AI$366,ROUNDDOWN($C5039/24,0)+1,1))-1)+IF('Standard Profiles'!$G$19=$B$10,7,0)+IF('Standard Profiles'!$G$19=$B$17,14,0)+IF('Standard Profiles'!$G$19=$B$24,21,0),MOD($C5039,24)+1)/SUM(INDEX($D$3:$AA$30,INDEX(Jesper!$R$2:$R$366,ROW(INDEX(Jesper!AI$2:AI$366,ROUNDDOWN($C5039/24,0)+1,1))-1)+IF('Standard Profiles'!$G$19=$B$10,7,0)+IF('Standard Profiles'!$G$19=$B$17,14,0)+IF('Standard Profiles'!$G$19=$B$24,21,0),0)),0)</f>
        <v>1.6148897178187303</v>
      </c>
      <c r="F5039" cm="1">
        <f t="array" ref="F5039">IFERROR(INDEX(Jesper!AJ$2:AJ$366,ROUNDDOWN($C5039/24,0)+1,1)*INDEX($D$3:$AA$30,INDEX(Jesper!$R$2:$R$366,ROW(INDEX(Jesper!AJ$2:AJ$366,ROUNDDOWN($C5039/24,0)+1,1))-1)+IF('Standard Profiles'!$G$20=$B$10,7,0)+IF('Standard Profiles'!$G$20=$B$17,14,0)+IF('Standard Profiles'!$G$20=$B$24,21,0),MOD($C5039,24)+1)/SUM(INDEX($D$3:$AA$30,INDEX(Jesper!$R$2:$R$366,ROW(INDEX(Jesper!AJ$2:AJ$366,ROUNDDOWN($C5039/24,0)+1,1))-1)+IF('Standard Profiles'!$G$20=$B$10,7,0)+IF('Standard Profiles'!$G$20=$B$17,14,0)+IF('Standard Profiles'!$G$20=$B$24,21,0),0)),0)</f>
        <v>0</v>
      </c>
      <c r="G5039" cm="1">
        <f t="array" ref="G5039">IFERROR(INDEX(Jesper!AK$2:AK$366,ROUNDDOWN($C5039/24,0)+1,1)*INDEX($D$3:$AA$30,INDEX(Jesper!$R$2:$R$366,ROW(INDEX(Jesper!AK$2:AK$366,ROUNDDOWN($C5039/24,0)+1,1))-1)+IF('Standard Profiles'!$G$21=$B$10,7,0)+IF('Standard Profiles'!$G$21=$B$17,14,0)+IF('Standard Profiles'!$G$21=$B$24,21,0),MOD($C5039,24)+1)/SUM(INDEX($D$3:$AA$30,INDEX(Jesper!$R$2:$R$366,ROW(INDEX(Jesper!AK$2:AK$366,ROUNDDOWN($C5039/24,0)+1,1))-1)+IF('Standard Profiles'!$G$21=$B$10,7,0)+IF('Standard Profiles'!$G$21=$B$17,14,0)+IF('Standard Profiles'!$G$21=$B$24,21,0),0)),0)</f>
        <v>0</v>
      </c>
      <c r="H5039" cm="1">
        <f t="array" ref="H5039">IFERROR(INDEX(Jesper!AL$2:AL$366,ROUNDDOWN($C5039/24,0)+1,1)*INDEX($D$3:$AA$30,INDEX(Jesper!$R$2:$R$366,ROW(INDEX(Jesper!AL$2:AL$366,ROUNDDOWN($C5039/24,0)+1,1))-1)+IF('Standard Profiles'!$G$22=$B$10,7,0)+IF('Standard Profiles'!$G$22=$B$17,14,0)+IF('Standard Profiles'!$G$22=$B$24,21,0),MOD($C5039,24)+1)/SUM(INDEX($D$3:$AA$30,INDEX(Jesper!$R$2:$R$366,ROW(INDEX(Jesper!AL$2:AL$366,ROUNDDOWN($C5039/24,0)+1,1))-1)+IF('Standard Profiles'!$G$22=$B$10,7,0)+IF('Standard Profiles'!$G$22=$B$17,14,0)+IF('Standard Profiles'!$G$22=$B$24,21,0),0)),0)</f>
        <v>0</v>
      </c>
      <c r="I5039">
        <f t="shared" si="566"/>
        <v>0.14548556016384961</v>
      </c>
      <c r="J5039">
        <f t="shared" si="567"/>
        <v>0.48495186721283212</v>
      </c>
      <c r="K5039">
        <f t="shared" si="568"/>
        <v>0.72742780081924818</v>
      </c>
      <c r="L5039">
        <f t="shared" si="569"/>
        <v>11.788667005485985</v>
      </c>
      <c r="M5039">
        <f t="shared" si="570"/>
        <v>0</v>
      </c>
      <c r="N5039" s="46">
        <f t="shared" si="571"/>
        <v>45500.541666654528</v>
      </c>
    </row>
    <row r="5040" spans="2:14" x14ac:dyDescent="0.3">
      <c r="B5040">
        <f t="shared" si="565"/>
        <v>6</v>
      </c>
      <c r="C5040" s="16">
        <v>5006</v>
      </c>
      <c r="D5040" cm="1">
        <f t="array" ref="D5040">IFERROR(INDEX(Jesper!AH$2:AH$366,ROUNDDOWN($C5040/24,0)+1,1)*INDEX($D$3:$AA$30,INDEX(Jesper!$R$2:$R$366,ROW(INDEX(Jesper!AH$2:AH$366,ROUNDDOWN($C5040/24,0)+1,1))-1)+IF('Standard Profiles'!$G$18=$B$10,7,0)+IF('Standard Profiles'!$G$18=$B$17,14,0)+IF('Standard Profiles'!$G$18=$B$24,21,0),MOD($C5040,24)+1)/SUM(INDEX($D$3:$AA$30,INDEX(Jesper!$R$2:$R$366,ROW(INDEX(Jesper!AH$2:AH$366,ROUNDDOWN($C5040/24,0)+1,1))-1)+IF('Standard Profiles'!$G$18=$B$10,7,0)+IF('Standard Profiles'!$G$18=$B$17,14,0)+IF('Standard Profiles'!$G$18=$B$24,21,0),0)),0)</f>
        <v>11.531642515863185</v>
      </c>
      <c r="E5040" cm="1">
        <f t="array" ref="E5040">IFERROR(INDEX(Jesper!AI$2:AI$366,ROUNDDOWN($C5040/24,0)+1,1)*INDEX($D$3:$AA$30,INDEX(Jesper!$R$2:$R$366,ROW(INDEX(Jesper!AI$2:AI$366,ROUNDDOWN($C5040/24,0)+1,1))-1)+IF('Standard Profiles'!$G$19=$B$10,7,0)+IF('Standard Profiles'!$G$19=$B$17,14,0)+IF('Standard Profiles'!$G$19=$B$24,21,0),MOD($C5040,24)+1)/SUM(INDEX($D$3:$AA$30,INDEX(Jesper!$R$2:$R$366,ROW(INDEX(Jesper!AI$2:AI$366,ROUNDDOWN($C5040/24,0)+1,1))-1)+IF('Standard Profiles'!$G$19=$B$10,7,0)+IF('Standard Profiles'!$G$19=$B$17,14,0)+IF('Standard Profiles'!$G$19=$B$24,21,0),0)),0)</f>
        <v>1.6148897178187303</v>
      </c>
      <c r="F5040" cm="1">
        <f t="array" ref="F5040">IFERROR(INDEX(Jesper!AJ$2:AJ$366,ROUNDDOWN($C5040/24,0)+1,1)*INDEX($D$3:$AA$30,INDEX(Jesper!$R$2:$R$366,ROW(INDEX(Jesper!AJ$2:AJ$366,ROUNDDOWN($C5040/24,0)+1,1))-1)+IF('Standard Profiles'!$G$20=$B$10,7,0)+IF('Standard Profiles'!$G$20=$B$17,14,0)+IF('Standard Profiles'!$G$20=$B$24,21,0),MOD($C5040,24)+1)/SUM(INDEX($D$3:$AA$30,INDEX(Jesper!$R$2:$R$366,ROW(INDEX(Jesper!AJ$2:AJ$366,ROUNDDOWN($C5040/24,0)+1,1))-1)+IF('Standard Profiles'!$G$20=$B$10,7,0)+IF('Standard Profiles'!$G$20=$B$17,14,0)+IF('Standard Profiles'!$G$20=$B$24,21,0),0)),0)</f>
        <v>0</v>
      </c>
      <c r="G5040" cm="1">
        <f t="array" ref="G5040">IFERROR(INDEX(Jesper!AK$2:AK$366,ROUNDDOWN($C5040/24,0)+1,1)*INDEX($D$3:$AA$30,INDEX(Jesper!$R$2:$R$366,ROW(INDEX(Jesper!AK$2:AK$366,ROUNDDOWN($C5040/24,0)+1,1))-1)+IF('Standard Profiles'!$G$21=$B$10,7,0)+IF('Standard Profiles'!$G$21=$B$17,14,0)+IF('Standard Profiles'!$G$21=$B$24,21,0),MOD($C5040,24)+1)/SUM(INDEX($D$3:$AA$30,INDEX(Jesper!$R$2:$R$366,ROW(INDEX(Jesper!AK$2:AK$366,ROUNDDOWN($C5040/24,0)+1,1))-1)+IF('Standard Profiles'!$G$21=$B$10,7,0)+IF('Standard Profiles'!$G$21=$B$17,14,0)+IF('Standard Profiles'!$G$21=$B$24,21,0),0)),0)</f>
        <v>0</v>
      </c>
      <c r="H5040" cm="1">
        <f t="array" ref="H5040">IFERROR(INDEX(Jesper!AL$2:AL$366,ROUNDDOWN($C5040/24,0)+1,1)*INDEX($D$3:$AA$30,INDEX(Jesper!$R$2:$R$366,ROW(INDEX(Jesper!AL$2:AL$366,ROUNDDOWN($C5040/24,0)+1,1))-1)+IF('Standard Profiles'!$G$22=$B$10,7,0)+IF('Standard Profiles'!$G$22=$B$17,14,0)+IF('Standard Profiles'!$G$22=$B$24,21,0),MOD($C5040,24)+1)/SUM(INDEX($D$3:$AA$30,INDEX(Jesper!$R$2:$R$366,ROW(INDEX(Jesper!AL$2:AL$366,ROUNDDOWN($C5040/24,0)+1,1))-1)+IF('Standard Profiles'!$G$22=$B$10,7,0)+IF('Standard Profiles'!$G$22=$B$17,14,0)+IF('Standard Profiles'!$G$22=$B$24,21,0),0)),0)</f>
        <v>0</v>
      </c>
      <c r="I5040">
        <f t="shared" si="566"/>
        <v>0.14548556016384961</v>
      </c>
      <c r="J5040">
        <f t="shared" si="567"/>
        <v>0.48495186721283212</v>
      </c>
      <c r="K5040">
        <f t="shared" si="568"/>
        <v>0.72742780081924818</v>
      </c>
      <c r="L5040">
        <f t="shared" si="569"/>
        <v>11.788667005485985</v>
      </c>
      <c r="M5040">
        <f t="shared" si="570"/>
        <v>0</v>
      </c>
      <c r="N5040" s="46">
        <f t="shared" si="571"/>
        <v>45500.583333321192</v>
      </c>
    </row>
    <row r="5041" spans="2:14" x14ac:dyDescent="0.3">
      <c r="B5041">
        <f t="shared" si="565"/>
        <v>6</v>
      </c>
      <c r="C5041" s="16">
        <v>5007</v>
      </c>
      <c r="D5041" cm="1">
        <f t="array" ref="D5041">IFERROR(INDEX(Jesper!AH$2:AH$366,ROUNDDOWN($C5041/24,0)+1,1)*INDEX($D$3:$AA$30,INDEX(Jesper!$R$2:$R$366,ROW(INDEX(Jesper!AH$2:AH$366,ROUNDDOWN($C5041/24,0)+1,1))-1)+IF('Standard Profiles'!$G$18=$B$10,7,0)+IF('Standard Profiles'!$G$18=$B$17,14,0)+IF('Standard Profiles'!$G$18=$B$24,21,0),MOD($C5041,24)+1)/SUM(INDEX($D$3:$AA$30,INDEX(Jesper!$R$2:$R$366,ROW(INDEX(Jesper!AH$2:AH$366,ROUNDDOWN($C5041/24,0)+1,1))-1)+IF('Standard Profiles'!$G$18=$B$10,7,0)+IF('Standard Profiles'!$G$18=$B$17,14,0)+IF('Standard Profiles'!$G$18=$B$24,21,0),0)),0)</f>
        <v>10.425868575985893</v>
      </c>
      <c r="E5041" cm="1">
        <f t="array" ref="E5041">IFERROR(INDEX(Jesper!AI$2:AI$366,ROUNDDOWN($C5041/24,0)+1,1)*INDEX($D$3:$AA$30,INDEX(Jesper!$R$2:$R$366,ROW(INDEX(Jesper!AI$2:AI$366,ROUNDDOWN($C5041/24,0)+1,1))-1)+IF('Standard Profiles'!$G$19=$B$10,7,0)+IF('Standard Profiles'!$G$19=$B$17,14,0)+IF('Standard Profiles'!$G$19=$B$24,21,0),MOD($C5041,24)+1)/SUM(INDEX($D$3:$AA$30,INDEX(Jesper!$R$2:$R$366,ROW(INDEX(Jesper!AI$2:AI$366,ROUNDDOWN($C5041/24,0)+1,1))-1)+IF('Standard Profiles'!$G$19=$B$10,7,0)+IF('Standard Profiles'!$G$19=$B$17,14,0)+IF('Standard Profiles'!$G$19=$B$24,21,0),0)),0)</f>
        <v>1.4600372791237837</v>
      </c>
      <c r="F5041" cm="1">
        <f t="array" ref="F5041">IFERROR(INDEX(Jesper!AJ$2:AJ$366,ROUNDDOWN($C5041/24,0)+1,1)*INDEX($D$3:$AA$30,INDEX(Jesper!$R$2:$R$366,ROW(INDEX(Jesper!AJ$2:AJ$366,ROUNDDOWN($C5041/24,0)+1,1))-1)+IF('Standard Profiles'!$G$20=$B$10,7,0)+IF('Standard Profiles'!$G$20=$B$17,14,0)+IF('Standard Profiles'!$G$20=$B$24,21,0),MOD($C5041,24)+1)/SUM(INDEX($D$3:$AA$30,INDEX(Jesper!$R$2:$R$366,ROW(INDEX(Jesper!AJ$2:AJ$366,ROUNDDOWN($C5041/24,0)+1,1))-1)+IF('Standard Profiles'!$G$20=$B$10,7,0)+IF('Standard Profiles'!$G$20=$B$17,14,0)+IF('Standard Profiles'!$G$20=$B$24,21,0),0)),0)</f>
        <v>0</v>
      </c>
      <c r="G5041" cm="1">
        <f t="array" ref="G5041">IFERROR(INDEX(Jesper!AK$2:AK$366,ROUNDDOWN($C5041/24,0)+1,1)*INDEX($D$3:$AA$30,INDEX(Jesper!$R$2:$R$366,ROW(INDEX(Jesper!AK$2:AK$366,ROUNDDOWN($C5041/24,0)+1,1))-1)+IF('Standard Profiles'!$G$21=$B$10,7,0)+IF('Standard Profiles'!$G$21=$B$17,14,0)+IF('Standard Profiles'!$G$21=$B$24,21,0),MOD($C5041,24)+1)/SUM(INDEX($D$3:$AA$30,INDEX(Jesper!$R$2:$R$366,ROW(INDEX(Jesper!AK$2:AK$366,ROUNDDOWN($C5041/24,0)+1,1))-1)+IF('Standard Profiles'!$G$21=$B$10,7,0)+IF('Standard Profiles'!$G$21=$B$17,14,0)+IF('Standard Profiles'!$G$21=$B$24,21,0),0)),0)</f>
        <v>0</v>
      </c>
      <c r="H5041" cm="1">
        <f t="array" ref="H5041">IFERROR(INDEX(Jesper!AL$2:AL$366,ROUNDDOWN($C5041/24,0)+1,1)*INDEX($D$3:$AA$30,INDEX(Jesper!$R$2:$R$366,ROW(INDEX(Jesper!AL$2:AL$366,ROUNDDOWN($C5041/24,0)+1,1))-1)+IF('Standard Profiles'!$G$22=$B$10,7,0)+IF('Standard Profiles'!$G$22=$B$17,14,0)+IF('Standard Profiles'!$G$22=$B$24,21,0),MOD($C5041,24)+1)/SUM(INDEX($D$3:$AA$30,INDEX(Jesper!$R$2:$R$366,ROW(INDEX(Jesper!AL$2:AL$366,ROUNDDOWN($C5041/24,0)+1,1))-1)+IF('Standard Profiles'!$G$22=$B$10,7,0)+IF('Standard Profiles'!$G$22=$B$17,14,0)+IF('Standard Profiles'!$G$22=$B$24,21,0),0)),0)</f>
        <v>0</v>
      </c>
      <c r="I5041">
        <f t="shared" si="566"/>
        <v>0.13153489001115171</v>
      </c>
      <c r="J5041">
        <f t="shared" si="567"/>
        <v>0.4384496333705058</v>
      </c>
      <c r="K5041">
        <f t="shared" si="568"/>
        <v>0.65767445005575864</v>
      </c>
      <c r="L5041">
        <f t="shared" si="569"/>
        <v>10.658246881672261</v>
      </c>
      <c r="M5041">
        <f t="shared" si="570"/>
        <v>0</v>
      </c>
      <c r="N5041" s="46">
        <f t="shared" si="571"/>
        <v>45500.624999987856</v>
      </c>
    </row>
    <row r="5042" spans="2:14" x14ac:dyDescent="0.3">
      <c r="B5042">
        <f t="shared" si="565"/>
        <v>6</v>
      </c>
      <c r="C5042" s="16">
        <v>5008</v>
      </c>
      <c r="D5042" cm="1">
        <f t="array" ref="D5042">IFERROR(INDEX(Jesper!AH$2:AH$366,ROUNDDOWN($C5042/24,0)+1,1)*INDEX($D$3:$AA$30,INDEX(Jesper!$R$2:$R$366,ROW(INDEX(Jesper!AH$2:AH$366,ROUNDDOWN($C5042/24,0)+1,1))-1)+IF('Standard Profiles'!$G$18=$B$10,7,0)+IF('Standard Profiles'!$G$18=$B$17,14,0)+IF('Standard Profiles'!$G$18=$B$24,21,0),MOD($C5042,24)+1)/SUM(INDEX($D$3:$AA$30,INDEX(Jesper!$R$2:$R$366,ROW(INDEX(Jesper!AH$2:AH$366,ROUNDDOWN($C5042/24,0)+1,1))-1)+IF('Standard Profiles'!$G$18=$B$10,7,0)+IF('Standard Profiles'!$G$18=$B$17,14,0)+IF('Standard Profiles'!$G$18=$B$24,21,0),0)),0)</f>
        <v>9.4780623418053569</v>
      </c>
      <c r="E5042" cm="1">
        <f t="array" ref="E5042">IFERROR(INDEX(Jesper!AI$2:AI$366,ROUNDDOWN($C5042/24,0)+1,1)*INDEX($D$3:$AA$30,INDEX(Jesper!$R$2:$R$366,ROW(INDEX(Jesper!AI$2:AI$366,ROUNDDOWN($C5042/24,0)+1,1))-1)+IF('Standard Profiles'!$G$19=$B$10,7,0)+IF('Standard Profiles'!$G$19=$B$17,14,0)+IF('Standard Profiles'!$G$19=$B$24,21,0),MOD($C5042,24)+1)/SUM(INDEX($D$3:$AA$30,INDEX(Jesper!$R$2:$R$366,ROW(INDEX(Jesper!AI$2:AI$366,ROUNDDOWN($C5042/24,0)+1,1))-1)+IF('Standard Profiles'!$G$19=$B$10,7,0)+IF('Standard Profiles'!$G$19=$B$17,14,0)+IF('Standard Profiles'!$G$19=$B$24,21,0),0)),0)</f>
        <v>1.3273066173852577</v>
      </c>
      <c r="F5042" cm="1">
        <f t="array" ref="F5042">IFERROR(INDEX(Jesper!AJ$2:AJ$366,ROUNDDOWN($C5042/24,0)+1,1)*INDEX($D$3:$AA$30,INDEX(Jesper!$R$2:$R$366,ROW(INDEX(Jesper!AJ$2:AJ$366,ROUNDDOWN($C5042/24,0)+1,1))-1)+IF('Standard Profiles'!$G$20=$B$10,7,0)+IF('Standard Profiles'!$G$20=$B$17,14,0)+IF('Standard Profiles'!$G$20=$B$24,21,0),MOD($C5042,24)+1)/SUM(INDEX($D$3:$AA$30,INDEX(Jesper!$R$2:$R$366,ROW(INDEX(Jesper!AJ$2:AJ$366,ROUNDDOWN($C5042/24,0)+1,1))-1)+IF('Standard Profiles'!$G$20=$B$10,7,0)+IF('Standard Profiles'!$G$20=$B$17,14,0)+IF('Standard Profiles'!$G$20=$B$24,21,0),0)),0)</f>
        <v>0</v>
      </c>
      <c r="G5042" cm="1">
        <f t="array" ref="G5042">IFERROR(INDEX(Jesper!AK$2:AK$366,ROUNDDOWN($C5042/24,0)+1,1)*INDEX($D$3:$AA$30,INDEX(Jesper!$R$2:$R$366,ROW(INDEX(Jesper!AK$2:AK$366,ROUNDDOWN($C5042/24,0)+1,1))-1)+IF('Standard Profiles'!$G$21=$B$10,7,0)+IF('Standard Profiles'!$G$21=$B$17,14,0)+IF('Standard Profiles'!$G$21=$B$24,21,0),MOD($C5042,24)+1)/SUM(INDEX($D$3:$AA$30,INDEX(Jesper!$R$2:$R$366,ROW(INDEX(Jesper!AK$2:AK$366,ROUNDDOWN($C5042/24,0)+1,1))-1)+IF('Standard Profiles'!$G$21=$B$10,7,0)+IF('Standard Profiles'!$G$21=$B$17,14,0)+IF('Standard Profiles'!$G$21=$B$24,21,0),0)),0)</f>
        <v>0</v>
      </c>
      <c r="H5042" cm="1">
        <f t="array" ref="H5042">IFERROR(INDEX(Jesper!AL$2:AL$366,ROUNDDOWN($C5042/24,0)+1,1)*INDEX($D$3:$AA$30,INDEX(Jesper!$R$2:$R$366,ROW(INDEX(Jesper!AL$2:AL$366,ROUNDDOWN($C5042/24,0)+1,1))-1)+IF('Standard Profiles'!$G$22=$B$10,7,0)+IF('Standard Profiles'!$G$22=$B$17,14,0)+IF('Standard Profiles'!$G$22=$B$24,21,0),MOD($C5042,24)+1)/SUM(INDEX($D$3:$AA$30,INDEX(Jesper!$R$2:$R$366,ROW(INDEX(Jesper!AL$2:AL$366,ROUNDDOWN($C5042/24,0)+1,1))-1)+IF('Standard Profiles'!$G$22=$B$10,7,0)+IF('Standard Profiles'!$G$22=$B$17,14,0)+IF('Standard Profiles'!$G$22=$B$24,21,0),0)),0)</f>
        <v>0</v>
      </c>
      <c r="I5042">
        <f t="shared" si="566"/>
        <v>0.11957717273741063</v>
      </c>
      <c r="J5042">
        <f t="shared" si="567"/>
        <v>0.39859057579136881</v>
      </c>
      <c r="K5042">
        <f t="shared" si="568"/>
        <v>0.59788586368705321</v>
      </c>
      <c r="L5042">
        <f t="shared" si="569"/>
        <v>9.6893153469747819</v>
      </c>
      <c r="M5042">
        <f t="shared" si="570"/>
        <v>0</v>
      </c>
      <c r="N5042" s="46">
        <f t="shared" si="571"/>
        <v>45500.666666654521</v>
      </c>
    </row>
    <row r="5043" spans="2:14" x14ac:dyDescent="0.3">
      <c r="B5043">
        <f t="shared" si="565"/>
        <v>6</v>
      </c>
      <c r="C5043" s="16">
        <v>5009</v>
      </c>
      <c r="D5043" cm="1">
        <f t="array" ref="D5043">IFERROR(INDEX(Jesper!AH$2:AH$366,ROUNDDOWN($C5043/24,0)+1,1)*INDEX($D$3:$AA$30,INDEX(Jesper!$R$2:$R$366,ROW(INDEX(Jesper!AH$2:AH$366,ROUNDDOWN($C5043/24,0)+1,1))-1)+IF('Standard Profiles'!$G$18=$B$10,7,0)+IF('Standard Profiles'!$G$18=$B$17,14,0)+IF('Standard Profiles'!$G$18=$B$24,21,0),MOD($C5043,24)+1)/SUM(INDEX($D$3:$AA$30,INDEX(Jesper!$R$2:$R$366,ROW(INDEX(Jesper!AH$2:AH$366,ROUNDDOWN($C5043/24,0)+1,1))-1)+IF('Standard Profiles'!$G$18=$B$10,7,0)+IF('Standard Profiles'!$G$18=$B$17,14,0)+IF('Standard Profiles'!$G$18=$B$24,21,0),0)),0)</f>
        <v>8.5302561076248224</v>
      </c>
      <c r="E5043" cm="1">
        <f t="array" ref="E5043">IFERROR(INDEX(Jesper!AI$2:AI$366,ROUNDDOWN($C5043/24,0)+1,1)*INDEX($D$3:$AA$30,INDEX(Jesper!$R$2:$R$366,ROW(INDEX(Jesper!AI$2:AI$366,ROUNDDOWN($C5043/24,0)+1,1))-1)+IF('Standard Profiles'!$G$19=$B$10,7,0)+IF('Standard Profiles'!$G$19=$B$17,14,0)+IF('Standard Profiles'!$G$19=$B$24,21,0),MOD($C5043,24)+1)/SUM(INDEX($D$3:$AA$30,INDEX(Jesper!$R$2:$R$366,ROW(INDEX(Jesper!AI$2:AI$366,ROUNDDOWN($C5043/24,0)+1,1))-1)+IF('Standard Profiles'!$G$19=$B$10,7,0)+IF('Standard Profiles'!$G$19=$B$17,14,0)+IF('Standard Profiles'!$G$19=$B$24,21,0),0)),0)</f>
        <v>1.1945759556467319</v>
      </c>
      <c r="F5043" cm="1">
        <f t="array" ref="F5043">IFERROR(INDEX(Jesper!AJ$2:AJ$366,ROUNDDOWN($C5043/24,0)+1,1)*INDEX($D$3:$AA$30,INDEX(Jesper!$R$2:$R$366,ROW(INDEX(Jesper!AJ$2:AJ$366,ROUNDDOWN($C5043/24,0)+1,1))-1)+IF('Standard Profiles'!$G$20=$B$10,7,0)+IF('Standard Profiles'!$G$20=$B$17,14,0)+IF('Standard Profiles'!$G$20=$B$24,21,0),MOD($C5043,24)+1)/SUM(INDEX($D$3:$AA$30,INDEX(Jesper!$R$2:$R$366,ROW(INDEX(Jesper!AJ$2:AJ$366,ROUNDDOWN($C5043/24,0)+1,1))-1)+IF('Standard Profiles'!$G$20=$B$10,7,0)+IF('Standard Profiles'!$G$20=$B$17,14,0)+IF('Standard Profiles'!$G$20=$B$24,21,0),0)),0)</f>
        <v>0</v>
      </c>
      <c r="G5043" cm="1">
        <f t="array" ref="G5043">IFERROR(INDEX(Jesper!AK$2:AK$366,ROUNDDOWN($C5043/24,0)+1,1)*INDEX($D$3:$AA$30,INDEX(Jesper!$R$2:$R$366,ROW(INDEX(Jesper!AK$2:AK$366,ROUNDDOWN($C5043/24,0)+1,1))-1)+IF('Standard Profiles'!$G$21=$B$10,7,0)+IF('Standard Profiles'!$G$21=$B$17,14,0)+IF('Standard Profiles'!$G$21=$B$24,21,0),MOD($C5043,24)+1)/SUM(INDEX($D$3:$AA$30,INDEX(Jesper!$R$2:$R$366,ROW(INDEX(Jesper!AK$2:AK$366,ROUNDDOWN($C5043/24,0)+1,1))-1)+IF('Standard Profiles'!$G$21=$B$10,7,0)+IF('Standard Profiles'!$G$21=$B$17,14,0)+IF('Standard Profiles'!$G$21=$B$24,21,0),0)),0)</f>
        <v>0</v>
      </c>
      <c r="H5043" cm="1">
        <f t="array" ref="H5043">IFERROR(INDEX(Jesper!AL$2:AL$366,ROUNDDOWN($C5043/24,0)+1,1)*INDEX($D$3:$AA$30,INDEX(Jesper!$R$2:$R$366,ROW(INDEX(Jesper!AL$2:AL$366,ROUNDDOWN($C5043/24,0)+1,1))-1)+IF('Standard Profiles'!$G$22=$B$10,7,0)+IF('Standard Profiles'!$G$22=$B$17,14,0)+IF('Standard Profiles'!$G$22=$B$24,21,0),MOD($C5043,24)+1)/SUM(INDEX($D$3:$AA$30,INDEX(Jesper!$R$2:$R$366,ROW(INDEX(Jesper!AL$2:AL$366,ROUNDDOWN($C5043/24,0)+1,1))-1)+IF('Standard Profiles'!$G$22=$B$10,7,0)+IF('Standard Profiles'!$G$22=$B$17,14,0)+IF('Standard Profiles'!$G$22=$B$24,21,0),0)),0)</f>
        <v>0</v>
      </c>
      <c r="I5043">
        <f t="shared" si="566"/>
        <v>0.10761945546366956</v>
      </c>
      <c r="J5043">
        <f t="shared" si="567"/>
        <v>0.35873151821223193</v>
      </c>
      <c r="K5043">
        <f t="shared" si="568"/>
        <v>0.53809727731834789</v>
      </c>
      <c r="L5043">
        <f t="shared" si="569"/>
        <v>8.720383812277305</v>
      </c>
      <c r="M5043">
        <f t="shared" si="570"/>
        <v>0</v>
      </c>
      <c r="N5043" s="46">
        <f t="shared" si="571"/>
        <v>45500.708333321185</v>
      </c>
    </row>
    <row r="5044" spans="2:14" x14ac:dyDescent="0.3">
      <c r="B5044">
        <f t="shared" si="565"/>
        <v>6</v>
      </c>
      <c r="C5044" s="16">
        <v>5010</v>
      </c>
      <c r="D5044" cm="1">
        <f t="array" ref="D5044">IFERROR(INDEX(Jesper!AH$2:AH$366,ROUNDDOWN($C5044/24,0)+1,1)*INDEX($D$3:$AA$30,INDEX(Jesper!$R$2:$R$366,ROW(INDEX(Jesper!AH$2:AH$366,ROUNDDOWN($C5044/24,0)+1,1))-1)+IF('Standard Profiles'!$G$18=$B$10,7,0)+IF('Standard Profiles'!$G$18=$B$17,14,0)+IF('Standard Profiles'!$G$18=$B$24,21,0),MOD($C5044,24)+1)/SUM(INDEX($D$3:$AA$30,INDEX(Jesper!$R$2:$R$366,ROW(INDEX(Jesper!AH$2:AH$366,ROUNDDOWN($C5044/24,0)+1,1))-1)+IF('Standard Profiles'!$G$18=$B$10,7,0)+IF('Standard Profiles'!$G$18=$B$17,14,0)+IF('Standard Profiles'!$G$18=$B$24,21,0),0)),0)</f>
        <v>8.2143206962313098</v>
      </c>
      <c r="E5044" cm="1">
        <f t="array" ref="E5044">IFERROR(INDEX(Jesper!AI$2:AI$366,ROUNDDOWN($C5044/24,0)+1,1)*INDEX($D$3:$AA$30,INDEX(Jesper!$R$2:$R$366,ROW(INDEX(Jesper!AI$2:AI$366,ROUNDDOWN($C5044/24,0)+1,1))-1)+IF('Standard Profiles'!$G$19=$B$10,7,0)+IF('Standard Profiles'!$G$19=$B$17,14,0)+IF('Standard Profiles'!$G$19=$B$24,21,0),MOD($C5044,24)+1)/SUM(INDEX($D$3:$AA$30,INDEX(Jesper!$R$2:$R$366,ROW(INDEX(Jesper!AI$2:AI$366,ROUNDDOWN($C5044/24,0)+1,1))-1)+IF('Standard Profiles'!$G$19=$B$10,7,0)+IF('Standard Profiles'!$G$19=$B$17,14,0)+IF('Standard Profiles'!$G$19=$B$24,21,0),0)),0)</f>
        <v>1.1503324017338898</v>
      </c>
      <c r="F5044" cm="1">
        <f t="array" ref="F5044">IFERROR(INDEX(Jesper!AJ$2:AJ$366,ROUNDDOWN($C5044/24,0)+1,1)*INDEX($D$3:$AA$30,INDEX(Jesper!$R$2:$R$366,ROW(INDEX(Jesper!AJ$2:AJ$366,ROUNDDOWN($C5044/24,0)+1,1))-1)+IF('Standard Profiles'!$G$20=$B$10,7,0)+IF('Standard Profiles'!$G$20=$B$17,14,0)+IF('Standard Profiles'!$G$20=$B$24,21,0),MOD($C5044,24)+1)/SUM(INDEX($D$3:$AA$30,INDEX(Jesper!$R$2:$R$366,ROW(INDEX(Jesper!AJ$2:AJ$366,ROUNDDOWN($C5044/24,0)+1,1))-1)+IF('Standard Profiles'!$G$20=$B$10,7,0)+IF('Standard Profiles'!$G$20=$B$17,14,0)+IF('Standard Profiles'!$G$20=$B$24,21,0),0)),0)</f>
        <v>0</v>
      </c>
      <c r="G5044" cm="1">
        <f t="array" ref="G5044">IFERROR(INDEX(Jesper!AK$2:AK$366,ROUNDDOWN($C5044/24,0)+1,1)*INDEX($D$3:$AA$30,INDEX(Jesper!$R$2:$R$366,ROW(INDEX(Jesper!AK$2:AK$366,ROUNDDOWN($C5044/24,0)+1,1))-1)+IF('Standard Profiles'!$G$21=$B$10,7,0)+IF('Standard Profiles'!$G$21=$B$17,14,0)+IF('Standard Profiles'!$G$21=$B$24,21,0),MOD($C5044,24)+1)/SUM(INDEX($D$3:$AA$30,INDEX(Jesper!$R$2:$R$366,ROW(INDEX(Jesper!AK$2:AK$366,ROUNDDOWN($C5044/24,0)+1,1))-1)+IF('Standard Profiles'!$G$21=$B$10,7,0)+IF('Standard Profiles'!$G$21=$B$17,14,0)+IF('Standard Profiles'!$G$21=$B$24,21,0),0)),0)</f>
        <v>0</v>
      </c>
      <c r="H5044" cm="1">
        <f t="array" ref="H5044">IFERROR(INDEX(Jesper!AL$2:AL$366,ROUNDDOWN($C5044/24,0)+1,1)*INDEX($D$3:$AA$30,INDEX(Jesper!$R$2:$R$366,ROW(INDEX(Jesper!AL$2:AL$366,ROUNDDOWN($C5044/24,0)+1,1))-1)+IF('Standard Profiles'!$G$22=$B$10,7,0)+IF('Standard Profiles'!$G$22=$B$17,14,0)+IF('Standard Profiles'!$G$22=$B$24,21,0),MOD($C5044,24)+1)/SUM(INDEX($D$3:$AA$30,INDEX(Jesper!$R$2:$R$366,ROW(INDEX(Jesper!AL$2:AL$366,ROUNDDOWN($C5044/24,0)+1,1))-1)+IF('Standard Profiles'!$G$22=$B$10,7,0)+IF('Standard Profiles'!$G$22=$B$17,14,0)+IF('Standard Profiles'!$G$22=$B$24,21,0),0)),0)</f>
        <v>0</v>
      </c>
      <c r="I5044">
        <f t="shared" si="566"/>
        <v>0.10363354970575586</v>
      </c>
      <c r="J5044">
        <f t="shared" si="567"/>
        <v>0.34544516568585293</v>
      </c>
      <c r="K5044">
        <f t="shared" si="568"/>
        <v>0.51816774852877945</v>
      </c>
      <c r="L5044">
        <f t="shared" si="569"/>
        <v>8.3974066340448115</v>
      </c>
      <c r="M5044">
        <f t="shared" si="570"/>
        <v>0</v>
      </c>
      <c r="N5044" s="46">
        <f t="shared" si="571"/>
        <v>45500.749999987849</v>
      </c>
    </row>
    <row r="5045" spans="2:14" x14ac:dyDescent="0.3">
      <c r="B5045">
        <f t="shared" si="565"/>
        <v>6</v>
      </c>
      <c r="C5045" s="16">
        <v>5011</v>
      </c>
      <c r="D5045" cm="1">
        <f t="array" ref="D5045">IFERROR(INDEX(Jesper!AH$2:AH$366,ROUNDDOWN($C5045/24,0)+1,1)*INDEX($D$3:$AA$30,INDEX(Jesper!$R$2:$R$366,ROW(INDEX(Jesper!AH$2:AH$366,ROUNDDOWN($C5045/24,0)+1,1))-1)+IF('Standard Profiles'!$G$18=$B$10,7,0)+IF('Standard Profiles'!$G$18=$B$17,14,0)+IF('Standard Profiles'!$G$18=$B$24,21,0),MOD($C5045,24)+1)/SUM(INDEX($D$3:$AA$30,INDEX(Jesper!$R$2:$R$366,ROW(INDEX(Jesper!AH$2:AH$366,ROUNDDOWN($C5045/24,0)+1,1))-1)+IF('Standard Profiles'!$G$18=$B$10,7,0)+IF('Standard Profiles'!$G$18=$B$17,14,0)+IF('Standard Profiles'!$G$18=$B$24,21,0),0)),0)</f>
        <v>6.6346436392637491</v>
      </c>
      <c r="E5045" cm="1">
        <f t="array" ref="E5045">IFERROR(INDEX(Jesper!AI$2:AI$366,ROUNDDOWN($C5045/24,0)+1,1)*INDEX($D$3:$AA$30,INDEX(Jesper!$R$2:$R$366,ROW(INDEX(Jesper!AI$2:AI$366,ROUNDDOWN($C5045/24,0)+1,1))-1)+IF('Standard Profiles'!$G$19=$B$10,7,0)+IF('Standard Profiles'!$G$19=$B$17,14,0)+IF('Standard Profiles'!$G$19=$B$24,21,0),MOD($C5045,24)+1)/SUM(INDEX($D$3:$AA$30,INDEX(Jesper!$R$2:$R$366,ROW(INDEX(Jesper!AI$2:AI$366,ROUNDDOWN($C5045/24,0)+1,1))-1)+IF('Standard Profiles'!$G$19=$B$10,7,0)+IF('Standard Profiles'!$G$19=$B$17,14,0)+IF('Standard Profiles'!$G$19=$B$24,21,0),0)),0)</f>
        <v>0.92911463216968027</v>
      </c>
      <c r="F5045" cm="1">
        <f t="array" ref="F5045">IFERROR(INDEX(Jesper!AJ$2:AJ$366,ROUNDDOWN($C5045/24,0)+1,1)*INDEX($D$3:$AA$30,INDEX(Jesper!$R$2:$R$366,ROW(INDEX(Jesper!AJ$2:AJ$366,ROUNDDOWN($C5045/24,0)+1,1))-1)+IF('Standard Profiles'!$G$20=$B$10,7,0)+IF('Standard Profiles'!$G$20=$B$17,14,0)+IF('Standard Profiles'!$G$20=$B$24,21,0),MOD($C5045,24)+1)/SUM(INDEX($D$3:$AA$30,INDEX(Jesper!$R$2:$R$366,ROW(INDEX(Jesper!AJ$2:AJ$366,ROUNDDOWN($C5045/24,0)+1,1))-1)+IF('Standard Profiles'!$G$20=$B$10,7,0)+IF('Standard Profiles'!$G$20=$B$17,14,0)+IF('Standard Profiles'!$G$20=$B$24,21,0),0)),0)</f>
        <v>0</v>
      </c>
      <c r="G5045" cm="1">
        <f t="array" ref="G5045">IFERROR(INDEX(Jesper!AK$2:AK$366,ROUNDDOWN($C5045/24,0)+1,1)*INDEX($D$3:$AA$30,INDEX(Jesper!$R$2:$R$366,ROW(INDEX(Jesper!AK$2:AK$366,ROUNDDOWN($C5045/24,0)+1,1))-1)+IF('Standard Profiles'!$G$21=$B$10,7,0)+IF('Standard Profiles'!$G$21=$B$17,14,0)+IF('Standard Profiles'!$G$21=$B$24,21,0),MOD($C5045,24)+1)/SUM(INDEX($D$3:$AA$30,INDEX(Jesper!$R$2:$R$366,ROW(INDEX(Jesper!AK$2:AK$366,ROUNDDOWN($C5045/24,0)+1,1))-1)+IF('Standard Profiles'!$G$21=$B$10,7,0)+IF('Standard Profiles'!$G$21=$B$17,14,0)+IF('Standard Profiles'!$G$21=$B$24,21,0),0)),0)</f>
        <v>0</v>
      </c>
      <c r="H5045" cm="1">
        <f t="array" ref="H5045">IFERROR(INDEX(Jesper!AL$2:AL$366,ROUNDDOWN($C5045/24,0)+1,1)*INDEX($D$3:$AA$30,INDEX(Jesper!$R$2:$R$366,ROW(INDEX(Jesper!AL$2:AL$366,ROUNDDOWN($C5045/24,0)+1,1))-1)+IF('Standard Profiles'!$G$22=$B$10,7,0)+IF('Standard Profiles'!$G$22=$B$17,14,0)+IF('Standard Profiles'!$G$22=$B$24,21,0),MOD($C5045,24)+1)/SUM(INDEX($D$3:$AA$30,INDEX(Jesper!$R$2:$R$366,ROW(INDEX(Jesper!AL$2:AL$366,ROUNDDOWN($C5045/24,0)+1,1))-1)+IF('Standard Profiles'!$G$22=$B$10,7,0)+IF('Standard Profiles'!$G$22=$B$17,14,0)+IF('Standard Profiles'!$G$22=$B$24,21,0),0)),0)</f>
        <v>0</v>
      </c>
      <c r="I5045">
        <f t="shared" si="566"/>
        <v>8.3704020916187435E-2</v>
      </c>
      <c r="J5045">
        <f t="shared" si="567"/>
        <v>0.27901340305395816</v>
      </c>
      <c r="K5045">
        <f t="shared" si="568"/>
        <v>0.41852010458093719</v>
      </c>
      <c r="L5045">
        <f t="shared" si="569"/>
        <v>6.7825207428823466</v>
      </c>
      <c r="M5045">
        <f t="shared" si="570"/>
        <v>0</v>
      </c>
      <c r="N5045" s="46">
        <f t="shared" si="571"/>
        <v>45500.791666654513</v>
      </c>
    </row>
    <row r="5046" spans="2:14" x14ac:dyDescent="0.3">
      <c r="B5046">
        <f t="shared" si="565"/>
        <v>6</v>
      </c>
      <c r="C5046" s="16">
        <v>5012</v>
      </c>
      <c r="D5046" cm="1">
        <f t="array" ref="D5046">IFERROR(INDEX(Jesper!AH$2:AH$366,ROUNDDOWN($C5046/24,0)+1,1)*INDEX($D$3:$AA$30,INDEX(Jesper!$R$2:$R$366,ROW(INDEX(Jesper!AH$2:AH$366,ROUNDDOWN($C5046/24,0)+1,1))-1)+IF('Standard Profiles'!$G$18=$B$10,7,0)+IF('Standard Profiles'!$G$18=$B$17,14,0)+IF('Standard Profiles'!$G$18=$B$24,21,0),MOD($C5046,24)+1)/SUM(INDEX($D$3:$AA$30,INDEX(Jesper!$R$2:$R$366,ROW(INDEX(Jesper!AH$2:AH$366,ROUNDDOWN($C5046/24,0)+1,1))-1)+IF('Standard Profiles'!$G$18=$B$10,7,0)+IF('Standard Profiles'!$G$18=$B$17,14,0)+IF('Standard Profiles'!$G$18=$B$24,21,0),0)),0)</f>
        <v>4.8969988765994339</v>
      </c>
      <c r="E5046" cm="1">
        <f t="array" ref="E5046">IFERROR(INDEX(Jesper!AI$2:AI$366,ROUNDDOWN($C5046/24,0)+1,1)*INDEX($D$3:$AA$30,INDEX(Jesper!$R$2:$R$366,ROW(INDEX(Jesper!AI$2:AI$366,ROUNDDOWN($C5046/24,0)+1,1))-1)+IF('Standard Profiles'!$G$19=$B$10,7,0)+IF('Standard Profiles'!$G$19=$B$17,14,0)+IF('Standard Profiles'!$G$19=$B$24,21,0),MOD($C5046,24)+1)/SUM(INDEX($D$3:$AA$30,INDEX(Jesper!$R$2:$R$366,ROW(INDEX(Jesper!AI$2:AI$366,ROUNDDOWN($C5046/24,0)+1,1))-1)+IF('Standard Profiles'!$G$19=$B$10,7,0)+IF('Standard Profiles'!$G$19=$B$17,14,0)+IF('Standard Profiles'!$G$19=$B$24,21,0),0)),0)</f>
        <v>0.68577508564904976</v>
      </c>
      <c r="F5046" cm="1">
        <f t="array" ref="F5046">IFERROR(INDEX(Jesper!AJ$2:AJ$366,ROUNDDOWN($C5046/24,0)+1,1)*INDEX($D$3:$AA$30,INDEX(Jesper!$R$2:$R$366,ROW(INDEX(Jesper!AJ$2:AJ$366,ROUNDDOWN($C5046/24,0)+1,1))-1)+IF('Standard Profiles'!$G$20=$B$10,7,0)+IF('Standard Profiles'!$G$20=$B$17,14,0)+IF('Standard Profiles'!$G$20=$B$24,21,0),MOD($C5046,24)+1)/SUM(INDEX($D$3:$AA$30,INDEX(Jesper!$R$2:$R$366,ROW(INDEX(Jesper!AJ$2:AJ$366,ROUNDDOWN($C5046/24,0)+1,1))-1)+IF('Standard Profiles'!$G$20=$B$10,7,0)+IF('Standard Profiles'!$G$20=$B$17,14,0)+IF('Standard Profiles'!$G$20=$B$24,21,0),0)),0)</f>
        <v>0</v>
      </c>
      <c r="G5046" cm="1">
        <f t="array" ref="G5046">IFERROR(INDEX(Jesper!AK$2:AK$366,ROUNDDOWN($C5046/24,0)+1,1)*INDEX($D$3:$AA$30,INDEX(Jesper!$R$2:$R$366,ROW(INDEX(Jesper!AK$2:AK$366,ROUNDDOWN($C5046/24,0)+1,1))-1)+IF('Standard Profiles'!$G$21=$B$10,7,0)+IF('Standard Profiles'!$G$21=$B$17,14,0)+IF('Standard Profiles'!$G$21=$B$24,21,0),MOD($C5046,24)+1)/SUM(INDEX($D$3:$AA$30,INDEX(Jesper!$R$2:$R$366,ROW(INDEX(Jesper!AK$2:AK$366,ROUNDDOWN($C5046/24,0)+1,1))-1)+IF('Standard Profiles'!$G$21=$B$10,7,0)+IF('Standard Profiles'!$G$21=$B$17,14,0)+IF('Standard Profiles'!$G$21=$B$24,21,0),0)),0)</f>
        <v>0</v>
      </c>
      <c r="H5046" cm="1">
        <f t="array" ref="H5046">IFERROR(INDEX(Jesper!AL$2:AL$366,ROUNDDOWN($C5046/24,0)+1,1)*INDEX($D$3:$AA$30,INDEX(Jesper!$R$2:$R$366,ROW(INDEX(Jesper!AL$2:AL$366,ROUNDDOWN($C5046/24,0)+1,1))-1)+IF('Standard Profiles'!$G$22=$B$10,7,0)+IF('Standard Profiles'!$G$22=$B$17,14,0)+IF('Standard Profiles'!$G$22=$B$24,21,0),MOD($C5046,24)+1)/SUM(INDEX($D$3:$AA$30,INDEX(Jesper!$R$2:$R$366,ROW(INDEX(Jesper!AL$2:AL$366,ROUNDDOWN($C5046/24,0)+1,1))-1)+IF('Standard Profiles'!$G$22=$B$10,7,0)+IF('Standard Profiles'!$G$22=$B$17,14,0)+IF('Standard Profiles'!$G$22=$B$24,21,0),0)),0)</f>
        <v>0</v>
      </c>
      <c r="I5046">
        <f t="shared" si="566"/>
        <v>6.1781539247662158E-2</v>
      </c>
      <c r="J5046">
        <f t="shared" si="567"/>
        <v>0.20593846415887387</v>
      </c>
      <c r="K5046">
        <f t="shared" si="568"/>
        <v>0.30890769623831082</v>
      </c>
      <c r="L5046">
        <f t="shared" si="569"/>
        <v>5.0061462626036368</v>
      </c>
      <c r="M5046">
        <f t="shared" si="570"/>
        <v>0</v>
      </c>
      <c r="N5046" s="46">
        <f t="shared" si="571"/>
        <v>45500.833333321178</v>
      </c>
    </row>
    <row r="5047" spans="2:14" x14ac:dyDescent="0.3">
      <c r="B5047">
        <f t="shared" si="565"/>
        <v>6</v>
      </c>
      <c r="C5047" s="16">
        <v>5013</v>
      </c>
      <c r="D5047" cm="1">
        <f t="array" ref="D5047">IFERROR(INDEX(Jesper!AH$2:AH$366,ROUNDDOWN($C5047/24,0)+1,1)*INDEX($D$3:$AA$30,INDEX(Jesper!$R$2:$R$366,ROW(INDEX(Jesper!AH$2:AH$366,ROUNDDOWN($C5047/24,0)+1,1))-1)+IF('Standard Profiles'!$G$18=$B$10,7,0)+IF('Standard Profiles'!$G$18=$B$17,14,0)+IF('Standard Profiles'!$G$18=$B$24,21,0),MOD($C5047,24)+1)/SUM(INDEX($D$3:$AA$30,INDEX(Jesper!$R$2:$R$366,ROW(INDEX(Jesper!AH$2:AH$366,ROUNDDOWN($C5047/24,0)+1,1))-1)+IF('Standard Profiles'!$G$18=$B$10,7,0)+IF('Standard Profiles'!$G$18=$B$17,14,0)+IF('Standard Profiles'!$G$18=$B$24,21,0),0)),0)</f>
        <v>4.8969988765994339</v>
      </c>
      <c r="E5047" cm="1">
        <f t="array" ref="E5047">IFERROR(INDEX(Jesper!AI$2:AI$366,ROUNDDOWN($C5047/24,0)+1,1)*INDEX($D$3:$AA$30,INDEX(Jesper!$R$2:$R$366,ROW(INDEX(Jesper!AI$2:AI$366,ROUNDDOWN($C5047/24,0)+1,1))-1)+IF('Standard Profiles'!$G$19=$B$10,7,0)+IF('Standard Profiles'!$G$19=$B$17,14,0)+IF('Standard Profiles'!$G$19=$B$24,21,0),MOD($C5047,24)+1)/SUM(INDEX($D$3:$AA$30,INDEX(Jesper!$R$2:$R$366,ROW(INDEX(Jesper!AI$2:AI$366,ROUNDDOWN($C5047/24,0)+1,1))-1)+IF('Standard Profiles'!$G$19=$B$10,7,0)+IF('Standard Profiles'!$G$19=$B$17,14,0)+IF('Standard Profiles'!$G$19=$B$24,21,0),0)),0)</f>
        <v>0.68577508564904976</v>
      </c>
      <c r="F5047" cm="1">
        <f t="array" ref="F5047">IFERROR(INDEX(Jesper!AJ$2:AJ$366,ROUNDDOWN($C5047/24,0)+1,1)*INDEX($D$3:$AA$30,INDEX(Jesper!$R$2:$R$366,ROW(INDEX(Jesper!AJ$2:AJ$366,ROUNDDOWN($C5047/24,0)+1,1))-1)+IF('Standard Profiles'!$G$20=$B$10,7,0)+IF('Standard Profiles'!$G$20=$B$17,14,0)+IF('Standard Profiles'!$G$20=$B$24,21,0),MOD($C5047,24)+1)/SUM(INDEX($D$3:$AA$30,INDEX(Jesper!$R$2:$R$366,ROW(INDEX(Jesper!AJ$2:AJ$366,ROUNDDOWN($C5047/24,0)+1,1))-1)+IF('Standard Profiles'!$G$20=$B$10,7,0)+IF('Standard Profiles'!$G$20=$B$17,14,0)+IF('Standard Profiles'!$G$20=$B$24,21,0),0)),0)</f>
        <v>0</v>
      </c>
      <c r="G5047" cm="1">
        <f t="array" ref="G5047">IFERROR(INDEX(Jesper!AK$2:AK$366,ROUNDDOWN($C5047/24,0)+1,1)*INDEX($D$3:$AA$30,INDEX(Jesper!$R$2:$R$366,ROW(INDEX(Jesper!AK$2:AK$366,ROUNDDOWN($C5047/24,0)+1,1))-1)+IF('Standard Profiles'!$G$21=$B$10,7,0)+IF('Standard Profiles'!$G$21=$B$17,14,0)+IF('Standard Profiles'!$G$21=$B$24,21,0),MOD($C5047,24)+1)/SUM(INDEX($D$3:$AA$30,INDEX(Jesper!$R$2:$R$366,ROW(INDEX(Jesper!AK$2:AK$366,ROUNDDOWN($C5047/24,0)+1,1))-1)+IF('Standard Profiles'!$G$21=$B$10,7,0)+IF('Standard Profiles'!$G$21=$B$17,14,0)+IF('Standard Profiles'!$G$21=$B$24,21,0),0)),0)</f>
        <v>0</v>
      </c>
      <c r="H5047" cm="1">
        <f t="array" ref="H5047">IFERROR(INDEX(Jesper!AL$2:AL$366,ROUNDDOWN($C5047/24,0)+1,1)*INDEX($D$3:$AA$30,INDEX(Jesper!$R$2:$R$366,ROW(INDEX(Jesper!AL$2:AL$366,ROUNDDOWN($C5047/24,0)+1,1))-1)+IF('Standard Profiles'!$G$22=$B$10,7,0)+IF('Standard Profiles'!$G$22=$B$17,14,0)+IF('Standard Profiles'!$G$22=$B$24,21,0),MOD($C5047,24)+1)/SUM(INDEX($D$3:$AA$30,INDEX(Jesper!$R$2:$R$366,ROW(INDEX(Jesper!AL$2:AL$366,ROUNDDOWN($C5047/24,0)+1,1))-1)+IF('Standard Profiles'!$G$22=$B$10,7,0)+IF('Standard Profiles'!$G$22=$B$17,14,0)+IF('Standard Profiles'!$G$22=$B$24,21,0),0)),0)</f>
        <v>0</v>
      </c>
      <c r="I5047">
        <f t="shared" si="566"/>
        <v>6.1781539247662158E-2</v>
      </c>
      <c r="J5047">
        <f t="shared" si="567"/>
        <v>0.20593846415887387</v>
      </c>
      <c r="K5047">
        <f t="shared" si="568"/>
        <v>0.30890769623831082</v>
      </c>
      <c r="L5047">
        <f t="shared" si="569"/>
        <v>5.0061462626036368</v>
      </c>
      <c r="M5047">
        <f t="shared" si="570"/>
        <v>0</v>
      </c>
      <c r="N5047" s="46">
        <f t="shared" si="571"/>
        <v>45500.874999987842</v>
      </c>
    </row>
    <row r="5048" spans="2:14" x14ac:dyDescent="0.3">
      <c r="B5048">
        <f t="shared" si="565"/>
        <v>6</v>
      </c>
      <c r="C5048" s="16">
        <v>5014</v>
      </c>
      <c r="D5048" cm="1">
        <f t="array" ref="D5048">IFERROR(INDEX(Jesper!AH$2:AH$366,ROUNDDOWN($C5048/24,0)+1,1)*INDEX($D$3:$AA$30,INDEX(Jesper!$R$2:$R$366,ROW(INDEX(Jesper!AH$2:AH$366,ROUNDDOWN($C5048/24,0)+1,1))-1)+IF('Standard Profiles'!$G$18=$B$10,7,0)+IF('Standard Profiles'!$G$18=$B$17,14,0)+IF('Standard Profiles'!$G$18=$B$24,21,0),MOD($C5048,24)+1)/SUM(INDEX($D$3:$AA$30,INDEX(Jesper!$R$2:$R$366,ROW(INDEX(Jesper!AH$2:AH$366,ROUNDDOWN($C5048/24,0)+1,1))-1)+IF('Standard Profiles'!$G$18=$B$10,7,0)+IF('Standard Profiles'!$G$18=$B$17,14,0)+IF('Standard Profiles'!$G$18=$B$24,21,0),0)),0)</f>
        <v>4.8969988765994339</v>
      </c>
      <c r="E5048" cm="1">
        <f t="array" ref="E5048">IFERROR(INDEX(Jesper!AI$2:AI$366,ROUNDDOWN($C5048/24,0)+1,1)*INDEX($D$3:$AA$30,INDEX(Jesper!$R$2:$R$366,ROW(INDEX(Jesper!AI$2:AI$366,ROUNDDOWN($C5048/24,0)+1,1))-1)+IF('Standard Profiles'!$G$19=$B$10,7,0)+IF('Standard Profiles'!$G$19=$B$17,14,0)+IF('Standard Profiles'!$G$19=$B$24,21,0),MOD($C5048,24)+1)/SUM(INDEX($D$3:$AA$30,INDEX(Jesper!$R$2:$R$366,ROW(INDEX(Jesper!AI$2:AI$366,ROUNDDOWN($C5048/24,0)+1,1))-1)+IF('Standard Profiles'!$G$19=$B$10,7,0)+IF('Standard Profiles'!$G$19=$B$17,14,0)+IF('Standard Profiles'!$G$19=$B$24,21,0),0)),0)</f>
        <v>0.68577508564904976</v>
      </c>
      <c r="F5048" cm="1">
        <f t="array" ref="F5048">IFERROR(INDEX(Jesper!AJ$2:AJ$366,ROUNDDOWN($C5048/24,0)+1,1)*INDEX($D$3:$AA$30,INDEX(Jesper!$R$2:$R$366,ROW(INDEX(Jesper!AJ$2:AJ$366,ROUNDDOWN($C5048/24,0)+1,1))-1)+IF('Standard Profiles'!$G$20=$B$10,7,0)+IF('Standard Profiles'!$G$20=$B$17,14,0)+IF('Standard Profiles'!$G$20=$B$24,21,0),MOD($C5048,24)+1)/SUM(INDEX($D$3:$AA$30,INDEX(Jesper!$R$2:$R$366,ROW(INDEX(Jesper!AJ$2:AJ$366,ROUNDDOWN($C5048/24,0)+1,1))-1)+IF('Standard Profiles'!$G$20=$B$10,7,0)+IF('Standard Profiles'!$G$20=$B$17,14,0)+IF('Standard Profiles'!$G$20=$B$24,21,0),0)),0)</f>
        <v>0</v>
      </c>
      <c r="G5048" cm="1">
        <f t="array" ref="G5048">IFERROR(INDEX(Jesper!AK$2:AK$366,ROUNDDOWN($C5048/24,0)+1,1)*INDEX($D$3:$AA$30,INDEX(Jesper!$R$2:$R$366,ROW(INDEX(Jesper!AK$2:AK$366,ROUNDDOWN($C5048/24,0)+1,1))-1)+IF('Standard Profiles'!$G$21=$B$10,7,0)+IF('Standard Profiles'!$G$21=$B$17,14,0)+IF('Standard Profiles'!$G$21=$B$24,21,0),MOD($C5048,24)+1)/SUM(INDEX($D$3:$AA$30,INDEX(Jesper!$R$2:$R$366,ROW(INDEX(Jesper!AK$2:AK$366,ROUNDDOWN($C5048/24,0)+1,1))-1)+IF('Standard Profiles'!$G$21=$B$10,7,0)+IF('Standard Profiles'!$G$21=$B$17,14,0)+IF('Standard Profiles'!$G$21=$B$24,21,0),0)),0)</f>
        <v>0</v>
      </c>
      <c r="H5048" cm="1">
        <f t="array" ref="H5048">IFERROR(INDEX(Jesper!AL$2:AL$366,ROUNDDOWN($C5048/24,0)+1,1)*INDEX($D$3:$AA$30,INDEX(Jesper!$R$2:$R$366,ROW(INDEX(Jesper!AL$2:AL$366,ROUNDDOWN($C5048/24,0)+1,1))-1)+IF('Standard Profiles'!$G$22=$B$10,7,0)+IF('Standard Profiles'!$G$22=$B$17,14,0)+IF('Standard Profiles'!$G$22=$B$24,21,0),MOD($C5048,24)+1)/SUM(INDEX($D$3:$AA$30,INDEX(Jesper!$R$2:$R$366,ROW(INDEX(Jesper!AL$2:AL$366,ROUNDDOWN($C5048/24,0)+1,1))-1)+IF('Standard Profiles'!$G$22=$B$10,7,0)+IF('Standard Profiles'!$G$22=$B$17,14,0)+IF('Standard Profiles'!$G$22=$B$24,21,0),0)),0)</f>
        <v>0</v>
      </c>
      <c r="I5048">
        <f t="shared" si="566"/>
        <v>6.1781539247662158E-2</v>
      </c>
      <c r="J5048">
        <f t="shared" si="567"/>
        <v>0.20593846415887387</v>
      </c>
      <c r="K5048">
        <f t="shared" si="568"/>
        <v>0.30890769623831082</v>
      </c>
      <c r="L5048">
        <f t="shared" si="569"/>
        <v>5.0061462626036368</v>
      </c>
      <c r="M5048">
        <f t="shared" si="570"/>
        <v>0</v>
      </c>
      <c r="N5048" s="46">
        <f t="shared" si="571"/>
        <v>45500.916666654506</v>
      </c>
    </row>
    <row r="5049" spans="2:14" x14ac:dyDescent="0.3">
      <c r="B5049">
        <f t="shared" si="565"/>
        <v>6</v>
      </c>
      <c r="C5049" s="16">
        <v>5015</v>
      </c>
      <c r="D5049" cm="1">
        <f t="array" ref="D5049">IFERROR(INDEX(Jesper!AH$2:AH$366,ROUNDDOWN($C5049/24,0)+1,1)*INDEX($D$3:$AA$30,INDEX(Jesper!$R$2:$R$366,ROW(INDEX(Jesper!AH$2:AH$366,ROUNDDOWN($C5049/24,0)+1,1))-1)+IF('Standard Profiles'!$G$18=$B$10,7,0)+IF('Standard Profiles'!$G$18=$B$17,14,0)+IF('Standard Profiles'!$G$18=$B$24,21,0),MOD($C5049,24)+1)/SUM(INDEX($D$3:$AA$30,INDEX(Jesper!$R$2:$R$366,ROW(INDEX(Jesper!AH$2:AH$366,ROUNDDOWN($C5049/24,0)+1,1))-1)+IF('Standard Profiles'!$G$18=$B$10,7,0)+IF('Standard Profiles'!$G$18=$B$17,14,0)+IF('Standard Profiles'!$G$18=$B$24,21,0),0)),0)</f>
        <v>4.8969988765994339</v>
      </c>
      <c r="E5049" cm="1">
        <f t="array" ref="E5049">IFERROR(INDEX(Jesper!AI$2:AI$366,ROUNDDOWN($C5049/24,0)+1,1)*INDEX($D$3:$AA$30,INDEX(Jesper!$R$2:$R$366,ROW(INDEX(Jesper!AI$2:AI$366,ROUNDDOWN($C5049/24,0)+1,1))-1)+IF('Standard Profiles'!$G$19=$B$10,7,0)+IF('Standard Profiles'!$G$19=$B$17,14,0)+IF('Standard Profiles'!$G$19=$B$24,21,0),MOD($C5049,24)+1)/SUM(INDEX($D$3:$AA$30,INDEX(Jesper!$R$2:$R$366,ROW(INDEX(Jesper!AI$2:AI$366,ROUNDDOWN($C5049/24,0)+1,1))-1)+IF('Standard Profiles'!$G$19=$B$10,7,0)+IF('Standard Profiles'!$G$19=$B$17,14,0)+IF('Standard Profiles'!$G$19=$B$24,21,0),0)),0)</f>
        <v>0.68577508564904976</v>
      </c>
      <c r="F5049" cm="1">
        <f t="array" ref="F5049">IFERROR(INDEX(Jesper!AJ$2:AJ$366,ROUNDDOWN($C5049/24,0)+1,1)*INDEX($D$3:$AA$30,INDEX(Jesper!$R$2:$R$366,ROW(INDEX(Jesper!AJ$2:AJ$366,ROUNDDOWN($C5049/24,0)+1,1))-1)+IF('Standard Profiles'!$G$20=$B$10,7,0)+IF('Standard Profiles'!$G$20=$B$17,14,0)+IF('Standard Profiles'!$G$20=$B$24,21,0),MOD($C5049,24)+1)/SUM(INDEX($D$3:$AA$30,INDEX(Jesper!$R$2:$R$366,ROW(INDEX(Jesper!AJ$2:AJ$366,ROUNDDOWN($C5049/24,0)+1,1))-1)+IF('Standard Profiles'!$G$20=$B$10,7,0)+IF('Standard Profiles'!$G$20=$B$17,14,0)+IF('Standard Profiles'!$G$20=$B$24,21,0),0)),0)</f>
        <v>0</v>
      </c>
      <c r="G5049" cm="1">
        <f t="array" ref="G5049">IFERROR(INDEX(Jesper!AK$2:AK$366,ROUNDDOWN($C5049/24,0)+1,1)*INDEX($D$3:$AA$30,INDEX(Jesper!$R$2:$R$366,ROW(INDEX(Jesper!AK$2:AK$366,ROUNDDOWN($C5049/24,0)+1,1))-1)+IF('Standard Profiles'!$G$21=$B$10,7,0)+IF('Standard Profiles'!$G$21=$B$17,14,0)+IF('Standard Profiles'!$G$21=$B$24,21,0),MOD($C5049,24)+1)/SUM(INDEX($D$3:$AA$30,INDEX(Jesper!$R$2:$R$366,ROW(INDEX(Jesper!AK$2:AK$366,ROUNDDOWN($C5049/24,0)+1,1))-1)+IF('Standard Profiles'!$G$21=$B$10,7,0)+IF('Standard Profiles'!$G$21=$B$17,14,0)+IF('Standard Profiles'!$G$21=$B$24,21,0),0)),0)</f>
        <v>0</v>
      </c>
      <c r="H5049" cm="1">
        <f t="array" ref="H5049">IFERROR(INDEX(Jesper!AL$2:AL$366,ROUNDDOWN($C5049/24,0)+1,1)*INDEX($D$3:$AA$30,INDEX(Jesper!$R$2:$R$366,ROW(INDEX(Jesper!AL$2:AL$366,ROUNDDOWN($C5049/24,0)+1,1))-1)+IF('Standard Profiles'!$G$22=$B$10,7,0)+IF('Standard Profiles'!$G$22=$B$17,14,0)+IF('Standard Profiles'!$G$22=$B$24,21,0),MOD($C5049,24)+1)/SUM(INDEX($D$3:$AA$30,INDEX(Jesper!$R$2:$R$366,ROW(INDEX(Jesper!AL$2:AL$366,ROUNDDOWN($C5049/24,0)+1,1))-1)+IF('Standard Profiles'!$G$22=$B$10,7,0)+IF('Standard Profiles'!$G$22=$B$17,14,0)+IF('Standard Profiles'!$G$22=$B$24,21,0),0)),0)</f>
        <v>0</v>
      </c>
      <c r="I5049">
        <f t="shared" si="566"/>
        <v>6.1781539247662158E-2</v>
      </c>
      <c r="J5049">
        <f t="shared" si="567"/>
        <v>0.20593846415887387</v>
      </c>
      <c r="K5049">
        <f t="shared" si="568"/>
        <v>0.30890769623831082</v>
      </c>
      <c r="L5049">
        <f t="shared" si="569"/>
        <v>5.0061462626036368</v>
      </c>
      <c r="M5049">
        <f t="shared" si="570"/>
        <v>0</v>
      </c>
      <c r="N5049" s="46">
        <f t="shared" si="571"/>
        <v>45500.95833332117</v>
      </c>
    </row>
    <row r="5050" spans="2:14" x14ac:dyDescent="0.3">
      <c r="B5050">
        <f t="shared" si="565"/>
        <v>7</v>
      </c>
      <c r="C5050" s="16">
        <v>5016</v>
      </c>
      <c r="D5050" cm="1">
        <f t="array" ref="D5050">IFERROR(INDEX(Jesper!AH$2:AH$366,ROUNDDOWN($C5050/24,0)+1,1)*INDEX($D$3:$AA$30,INDEX(Jesper!$R$2:$R$366,ROW(INDEX(Jesper!AH$2:AH$366,ROUNDDOWN($C5050/24,0)+1,1))-1)+IF('Standard Profiles'!$G$18=$B$10,7,0)+IF('Standard Profiles'!$G$18=$B$17,14,0)+IF('Standard Profiles'!$G$18=$B$24,21,0),MOD($C5050,24)+1)/SUM(INDEX($D$3:$AA$30,INDEX(Jesper!$R$2:$R$366,ROW(INDEX(Jesper!AH$2:AH$366,ROUNDDOWN($C5050/24,0)+1,1))-1)+IF('Standard Profiles'!$G$18=$B$10,7,0)+IF('Standard Profiles'!$G$18=$B$17,14,0)+IF('Standard Profiles'!$G$18=$B$24,21,0),0)),0)</f>
        <v>5.5655607799649616</v>
      </c>
      <c r="E5050" cm="1">
        <f t="array" ref="E5050">IFERROR(INDEX(Jesper!AI$2:AI$366,ROUNDDOWN($C5050/24,0)+1,1)*INDEX($D$3:$AA$30,INDEX(Jesper!$R$2:$R$366,ROW(INDEX(Jesper!AI$2:AI$366,ROUNDDOWN($C5050/24,0)+1,1))-1)+IF('Standard Profiles'!$G$19=$B$10,7,0)+IF('Standard Profiles'!$G$19=$B$17,14,0)+IF('Standard Profiles'!$G$19=$B$24,21,0),MOD($C5050,24)+1)/SUM(INDEX($D$3:$AA$30,INDEX(Jesper!$R$2:$R$366,ROW(INDEX(Jesper!AI$2:AI$366,ROUNDDOWN($C5050/24,0)+1,1))-1)+IF('Standard Profiles'!$G$19=$B$10,7,0)+IF('Standard Profiles'!$G$19=$B$17,14,0)+IF('Standard Profiles'!$G$19=$B$24,21,0),0)),0)</f>
        <v>0.7794004076259593</v>
      </c>
      <c r="F5050" cm="1">
        <f t="array" ref="F5050">IFERROR(INDEX(Jesper!AJ$2:AJ$366,ROUNDDOWN($C5050/24,0)+1,1)*INDEX($D$3:$AA$30,INDEX(Jesper!$R$2:$R$366,ROW(INDEX(Jesper!AJ$2:AJ$366,ROUNDDOWN($C5050/24,0)+1,1))-1)+IF('Standard Profiles'!$G$20=$B$10,7,0)+IF('Standard Profiles'!$G$20=$B$17,14,0)+IF('Standard Profiles'!$G$20=$B$24,21,0),MOD($C5050,24)+1)/SUM(INDEX($D$3:$AA$30,INDEX(Jesper!$R$2:$R$366,ROW(INDEX(Jesper!AJ$2:AJ$366,ROUNDDOWN($C5050/24,0)+1,1))-1)+IF('Standard Profiles'!$G$20=$B$10,7,0)+IF('Standard Profiles'!$G$20=$B$17,14,0)+IF('Standard Profiles'!$G$20=$B$24,21,0),0)),0)</f>
        <v>0</v>
      </c>
      <c r="G5050" cm="1">
        <f t="array" ref="G5050">IFERROR(INDEX(Jesper!AK$2:AK$366,ROUNDDOWN($C5050/24,0)+1,1)*INDEX($D$3:$AA$30,INDEX(Jesper!$R$2:$R$366,ROW(INDEX(Jesper!AK$2:AK$366,ROUNDDOWN($C5050/24,0)+1,1))-1)+IF('Standard Profiles'!$G$21=$B$10,7,0)+IF('Standard Profiles'!$G$21=$B$17,14,0)+IF('Standard Profiles'!$G$21=$B$24,21,0),MOD($C5050,24)+1)/SUM(INDEX($D$3:$AA$30,INDEX(Jesper!$R$2:$R$366,ROW(INDEX(Jesper!AK$2:AK$366,ROUNDDOWN($C5050/24,0)+1,1))-1)+IF('Standard Profiles'!$G$21=$B$10,7,0)+IF('Standard Profiles'!$G$21=$B$17,14,0)+IF('Standard Profiles'!$G$21=$B$24,21,0),0)),0)</f>
        <v>0</v>
      </c>
      <c r="H5050" cm="1">
        <f t="array" ref="H5050">IFERROR(INDEX(Jesper!AL$2:AL$366,ROUNDDOWN($C5050/24,0)+1,1)*INDEX($D$3:$AA$30,INDEX(Jesper!$R$2:$R$366,ROW(INDEX(Jesper!AL$2:AL$366,ROUNDDOWN($C5050/24,0)+1,1))-1)+IF('Standard Profiles'!$G$22=$B$10,7,0)+IF('Standard Profiles'!$G$22=$B$17,14,0)+IF('Standard Profiles'!$G$22=$B$24,21,0),MOD($C5050,24)+1)/SUM(INDEX($D$3:$AA$30,INDEX(Jesper!$R$2:$R$366,ROW(INDEX(Jesper!AL$2:AL$366,ROUNDDOWN($C5050/24,0)+1,1))-1)+IF('Standard Profiles'!$G$22=$B$10,7,0)+IF('Standard Profiles'!$G$22=$B$17,14,0)+IF('Standard Profiles'!$G$22=$B$24,21,0),0)),0)</f>
        <v>0</v>
      </c>
      <c r="I5050">
        <f t="shared" si="566"/>
        <v>7.0216252939275636E-2</v>
      </c>
      <c r="J5050">
        <f t="shared" si="567"/>
        <v>0.23405417646425214</v>
      </c>
      <c r="K5050">
        <f t="shared" si="568"/>
        <v>0.35108126469637818</v>
      </c>
      <c r="L5050">
        <f t="shared" si="569"/>
        <v>5.6896094934910151</v>
      </c>
      <c r="M5050">
        <f t="shared" si="570"/>
        <v>0</v>
      </c>
      <c r="N5050" s="46">
        <f t="shared" si="571"/>
        <v>45500.999999987835</v>
      </c>
    </row>
    <row r="5051" spans="2:14" x14ac:dyDescent="0.3">
      <c r="B5051">
        <f t="shared" si="565"/>
        <v>7</v>
      </c>
      <c r="C5051" s="16">
        <v>5017</v>
      </c>
      <c r="D5051" cm="1">
        <f t="array" ref="D5051">IFERROR(INDEX(Jesper!AH$2:AH$366,ROUNDDOWN($C5051/24,0)+1,1)*INDEX($D$3:$AA$30,INDEX(Jesper!$R$2:$R$366,ROW(INDEX(Jesper!AH$2:AH$366,ROUNDDOWN($C5051/24,0)+1,1))-1)+IF('Standard Profiles'!$G$18=$B$10,7,0)+IF('Standard Profiles'!$G$18=$B$17,14,0)+IF('Standard Profiles'!$G$18=$B$24,21,0),MOD($C5051,24)+1)/SUM(INDEX($D$3:$AA$30,INDEX(Jesper!$R$2:$R$366,ROW(INDEX(Jesper!AH$2:AH$366,ROUNDDOWN($C5051/24,0)+1,1))-1)+IF('Standard Profiles'!$G$18=$B$10,7,0)+IF('Standard Profiles'!$G$18=$B$17,14,0)+IF('Standard Profiles'!$G$18=$B$24,21,0),0)),0)</f>
        <v>6.4632318735076977</v>
      </c>
      <c r="E5051" cm="1">
        <f t="array" ref="E5051">IFERROR(INDEX(Jesper!AI$2:AI$366,ROUNDDOWN($C5051/24,0)+1,1)*INDEX($D$3:$AA$30,INDEX(Jesper!$R$2:$R$366,ROW(INDEX(Jesper!AI$2:AI$366,ROUNDDOWN($C5051/24,0)+1,1))-1)+IF('Standard Profiles'!$G$19=$B$10,7,0)+IF('Standard Profiles'!$G$19=$B$17,14,0)+IF('Standard Profiles'!$G$19=$B$24,21,0),MOD($C5051,24)+1)/SUM(INDEX($D$3:$AA$30,INDEX(Jesper!$R$2:$R$366,ROW(INDEX(Jesper!AI$2:AI$366,ROUNDDOWN($C5051/24,0)+1,1))-1)+IF('Standard Profiles'!$G$19=$B$10,7,0)+IF('Standard Profiles'!$G$19=$B$17,14,0)+IF('Standard Profiles'!$G$19=$B$24,21,0),0)),0)</f>
        <v>0.90511015079143664</v>
      </c>
      <c r="F5051" cm="1">
        <f t="array" ref="F5051">IFERROR(INDEX(Jesper!AJ$2:AJ$366,ROUNDDOWN($C5051/24,0)+1,1)*INDEX($D$3:$AA$30,INDEX(Jesper!$R$2:$R$366,ROW(INDEX(Jesper!AJ$2:AJ$366,ROUNDDOWN($C5051/24,0)+1,1))-1)+IF('Standard Profiles'!$G$20=$B$10,7,0)+IF('Standard Profiles'!$G$20=$B$17,14,0)+IF('Standard Profiles'!$G$20=$B$24,21,0),MOD($C5051,24)+1)/SUM(INDEX($D$3:$AA$30,INDEX(Jesper!$R$2:$R$366,ROW(INDEX(Jesper!AJ$2:AJ$366,ROUNDDOWN($C5051/24,0)+1,1))-1)+IF('Standard Profiles'!$G$20=$B$10,7,0)+IF('Standard Profiles'!$G$20=$B$17,14,0)+IF('Standard Profiles'!$G$20=$B$24,21,0),0)),0)</f>
        <v>0</v>
      </c>
      <c r="G5051" cm="1">
        <f t="array" ref="G5051">IFERROR(INDEX(Jesper!AK$2:AK$366,ROUNDDOWN($C5051/24,0)+1,1)*INDEX($D$3:$AA$30,INDEX(Jesper!$R$2:$R$366,ROW(INDEX(Jesper!AK$2:AK$366,ROUNDDOWN($C5051/24,0)+1,1))-1)+IF('Standard Profiles'!$G$21=$B$10,7,0)+IF('Standard Profiles'!$G$21=$B$17,14,0)+IF('Standard Profiles'!$G$21=$B$24,21,0),MOD($C5051,24)+1)/SUM(INDEX($D$3:$AA$30,INDEX(Jesper!$R$2:$R$366,ROW(INDEX(Jesper!AK$2:AK$366,ROUNDDOWN($C5051/24,0)+1,1))-1)+IF('Standard Profiles'!$G$21=$B$10,7,0)+IF('Standard Profiles'!$G$21=$B$17,14,0)+IF('Standard Profiles'!$G$21=$B$24,21,0),0)),0)</f>
        <v>0</v>
      </c>
      <c r="H5051" cm="1">
        <f t="array" ref="H5051">IFERROR(INDEX(Jesper!AL$2:AL$366,ROUNDDOWN($C5051/24,0)+1,1)*INDEX($D$3:$AA$30,INDEX(Jesper!$R$2:$R$366,ROW(INDEX(Jesper!AL$2:AL$366,ROUNDDOWN($C5051/24,0)+1,1))-1)+IF('Standard Profiles'!$G$22=$B$10,7,0)+IF('Standard Profiles'!$G$22=$B$17,14,0)+IF('Standard Profiles'!$G$22=$B$24,21,0),MOD($C5051,24)+1)/SUM(INDEX($D$3:$AA$30,INDEX(Jesper!$R$2:$R$366,ROW(INDEX(Jesper!AL$2:AL$366,ROUNDDOWN($C5051/24,0)+1,1))-1)+IF('Standard Profiles'!$G$22=$B$10,7,0)+IF('Standard Profiles'!$G$22=$B$17,14,0)+IF('Standard Profiles'!$G$22=$B$24,21,0),0)),0)</f>
        <v>0</v>
      </c>
      <c r="I5051">
        <f t="shared" si="566"/>
        <v>8.154145502625558E-2</v>
      </c>
      <c r="J5051">
        <f t="shared" si="567"/>
        <v>0.27180485008751859</v>
      </c>
      <c r="K5051">
        <f t="shared" si="568"/>
        <v>0.40770727513127791</v>
      </c>
      <c r="L5051">
        <f t="shared" si="569"/>
        <v>6.607288444054082</v>
      </c>
      <c r="M5051">
        <f t="shared" si="570"/>
        <v>0</v>
      </c>
      <c r="N5051" s="46">
        <f t="shared" si="571"/>
        <v>45501.041666654499</v>
      </c>
    </row>
    <row r="5052" spans="2:14" x14ac:dyDescent="0.3">
      <c r="B5052">
        <f t="shared" si="565"/>
        <v>7</v>
      </c>
      <c r="C5052" s="16">
        <v>5018</v>
      </c>
      <c r="D5052" cm="1">
        <f t="array" ref="D5052">IFERROR(INDEX(Jesper!AH$2:AH$366,ROUNDDOWN($C5052/24,0)+1,1)*INDEX($D$3:$AA$30,INDEX(Jesper!$R$2:$R$366,ROW(INDEX(Jesper!AH$2:AH$366,ROUNDDOWN($C5052/24,0)+1,1))-1)+IF('Standard Profiles'!$G$18=$B$10,7,0)+IF('Standard Profiles'!$G$18=$B$17,14,0)+IF('Standard Profiles'!$G$18=$B$24,21,0),MOD($C5052,24)+1)/SUM(INDEX($D$3:$AA$30,INDEX(Jesper!$R$2:$R$366,ROW(INDEX(Jesper!AH$2:AH$366,ROUNDDOWN($C5052/24,0)+1,1))-1)+IF('Standard Profiles'!$G$18=$B$10,7,0)+IF('Standard Profiles'!$G$18=$B$17,14,0)+IF('Standard Profiles'!$G$18=$B$24,21,0),0)),0)</f>
        <v>6.4632318735076977</v>
      </c>
      <c r="E5052" cm="1">
        <f t="array" ref="E5052">IFERROR(INDEX(Jesper!AI$2:AI$366,ROUNDDOWN($C5052/24,0)+1,1)*INDEX($D$3:$AA$30,INDEX(Jesper!$R$2:$R$366,ROW(INDEX(Jesper!AI$2:AI$366,ROUNDDOWN($C5052/24,0)+1,1))-1)+IF('Standard Profiles'!$G$19=$B$10,7,0)+IF('Standard Profiles'!$G$19=$B$17,14,0)+IF('Standard Profiles'!$G$19=$B$24,21,0),MOD($C5052,24)+1)/SUM(INDEX($D$3:$AA$30,INDEX(Jesper!$R$2:$R$366,ROW(INDEX(Jesper!AI$2:AI$366,ROUNDDOWN($C5052/24,0)+1,1))-1)+IF('Standard Profiles'!$G$19=$B$10,7,0)+IF('Standard Profiles'!$G$19=$B$17,14,0)+IF('Standard Profiles'!$G$19=$B$24,21,0),0)),0)</f>
        <v>0.90511015079143664</v>
      </c>
      <c r="F5052" cm="1">
        <f t="array" ref="F5052">IFERROR(INDEX(Jesper!AJ$2:AJ$366,ROUNDDOWN($C5052/24,0)+1,1)*INDEX($D$3:$AA$30,INDEX(Jesper!$R$2:$R$366,ROW(INDEX(Jesper!AJ$2:AJ$366,ROUNDDOWN($C5052/24,0)+1,1))-1)+IF('Standard Profiles'!$G$20=$B$10,7,0)+IF('Standard Profiles'!$G$20=$B$17,14,0)+IF('Standard Profiles'!$G$20=$B$24,21,0),MOD($C5052,24)+1)/SUM(INDEX($D$3:$AA$30,INDEX(Jesper!$R$2:$R$366,ROW(INDEX(Jesper!AJ$2:AJ$366,ROUNDDOWN($C5052/24,0)+1,1))-1)+IF('Standard Profiles'!$G$20=$B$10,7,0)+IF('Standard Profiles'!$G$20=$B$17,14,0)+IF('Standard Profiles'!$G$20=$B$24,21,0),0)),0)</f>
        <v>0</v>
      </c>
      <c r="G5052" cm="1">
        <f t="array" ref="G5052">IFERROR(INDEX(Jesper!AK$2:AK$366,ROUNDDOWN($C5052/24,0)+1,1)*INDEX($D$3:$AA$30,INDEX(Jesper!$R$2:$R$366,ROW(INDEX(Jesper!AK$2:AK$366,ROUNDDOWN($C5052/24,0)+1,1))-1)+IF('Standard Profiles'!$G$21=$B$10,7,0)+IF('Standard Profiles'!$G$21=$B$17,14,0)+IF('Standard Profiles'!$G$21=$B$24,21,0),MOD($C5052,24)+1)/SUM(INDEX($D$3:$AA$30,INDEX(Jesper!$R$2:$R$366,ROW(INDEX(Jesper!AK$2:AK$366,ROUNDDOWN($C5052/24,0)+1,1))-1)+IF('Standard Profiles'!$G$21=$B$10,7,0)+IF('Standard Profiles'!$G$21=$B$17,14,0)+IF('Standard Profiles'!$G$21=$B$24,21,0),0)),0)</f>
        <v>0</v>
      </c>
      <c r="H5052" cm="1">
        <f t="array" ref="H5052">IFERROR(INDEX(Jesper!AL$2:AL$366,ROUNDDOWN($C5052/24,0)+1,1)*INDEX($D$3:$AA$30,INDEX(Jesper!$R$2:$R$366,ROW(INDEX(Jesper!AL$2:AL$366,ROUNDDOWN($C5052/24,0)+1,1))-1)+IF('Standard Profiles'!$G$22=$B$10,7,0)+IF('Standard Profiles'!$G$22=$B$17,14,0)+IF('Standard Profiles'!$G$22=$B$24,21,0),MOD($C5052,24)+1)/SUM(INDEX($D$3:$AA$30,INDEX(Jesper!$R$2:$R$366,ROW(INDEX(Jesper!AL$2:AL$366,ROUNDDOWN($C5052/24,0)+1,1))-1)+IF('Standard Profiles'!$G$22=$B$10,7,0)+IF('Standard Profiles'!$G$22=$B$17,14,0)+IF('Standard Profiles'!$G$22=$B$24,21,0),0)),0)</f>
        <v>0</v>
      </c>
      <c r="I5052">
        <f t="shared" si="566"/>
        <v>8.154145502625558E-2</v>
      </c>
      <c r="J5052">
        <f t="shared" si="567"/>
        <v>0.27180485008751859</v>
      </c>
      <c r="K5052">
        <f t="shared" si="568"/>
        <v>0.40770727513127791</v>
      </c>
      <c r="L5052">
        <f t="shared" si="569"/>
        <v>6.607288444054082</v>
      </c>
      <c r="M5052">
        <f t="shared" si="570"/>
        <v>0</v>
      </c>
      <c r="N5052" s="46">
        <f t="shared" si="571"/>
        <v>45501.083333321163</v>
      </c>
    </row>
    <row r="5053" spans="2:14" x14ac:dyDescent="0.3">
      <c r="B5053">
        <f t="shared" si="565"/>
        <v>7</v>
      </c>
      <c r="C5053" s="16">
        <v>5019</v>
      </c>
      <c r="D5053" cm="1">
        <f t="array" ref="D5053">IFERROR(INDEX(Jesper!AH$2:AH$366,ROUNDDOWN($C5053/24,0)+1,1)*INDEX($D$3:$AA$30,INDEX(Jesper!$R$2:$R$366,ROW(INDEX(Jesper!AH$2:AH$366,ROUNDDOWN($C5053/24,0)+1,1))-1)+IF('Standard Profiles'!$G$18=$B$10,7,0)+IF('Standard Profiles'!$G$18=$B$17,14,0)+IF('Standard Profiles'!$G$18=$B$24,21,0),MOD($C5053,24)+1)/SUM(INDEX($D$3:$AA$30,INDEX(Jesper!$R$2:$R$366,ROW(INDEX(Jesper!AH$2:AH$366,ROUNDDOWN($C5053/24,0)+1,1))-1)+IF('Standard Profiles'!$G$18=$B$10,7,0)+IF('Standard Profiles'!$G$18=$B$17,14,0)+IF('Standard Profiles'!$G$18=$B$24,21,0),0)),0)</f>
        <v>6.4632318735076977</v>
      </c>
      <c r="E5053" cm="1">
        <f t="array" ref="E5053">IFERROR(INDEX(Jesper!AI$2:AI$366,ROUNDDOWN($C5053/24,0)+1,1)*INDEX($D$3:$AA$30,INDEX(Jesper!$R$2:$R$366,ROW(INDEX(Jesper!AI$2:AI$366,ROUNDDOWN($C5053/24,0)+1,1))-1)+IF('Standard Profiles'!$G$19=$B$10,7,0)+IF('Standard Profiles'!$G$19=$B$17,14,0)+IF('Standard Profiles'!$G$19=$B$24,21,0),MOD($C5053,24)+1)/SUM(INDEX($D$3:$AA$30,INDEX(Jesper!$R$2:$R$366,ROW(INDEX(Jesper!AI$2:AI$366,ROUNDDOWN($C5053/24,0)+1,1))-1)+IF('Standard Profiles'!$G$19=$B$10,7,0)+IF('Standard Profiles'!$G$19=$B$17,14,0)+IF('Standard Profiles'!$G$19=$B$24,21,0),0)),0)</f>
        <v>0.90511015079143664</v>
      </c>
      <c r="F5053" cm="1">
        <f t="array" ref="F5053">IFERROR(INDEX(Jesper!AJ$2:AJ$366,ROUNDDOWN($C5053/24,0)+1,1)*INDEX($D$3:$AA$30,INDEX(Jesper!$R$2:$R$366,ROW(INDEX(Jesper!AJ$2:AJ$366,ROUNDDOWN($C5053/24,0)+1,1))-1)+IF('Standard Profiles'!$G$20=$B$10,7,0)+IF('Standard Profiles'!$G$20=$B$17,14,0)+IF('Standard Profiles'!$G$20=$B$24,21,0),MOD($C5053,24)+1)/SUM(INDEX($D$3:$AA$30,INDEX(Jesper!$R$2:$R$366,ROW(INDEX(Jesper!AJ$2:AJ$366,ROUNDDOWN($C5053/24,0)+1,1))-1)+IF('Standard Profiles'!$G$20=$B$10,7,0)+IF('Standard Profiles'!$G$20=$B$17,14,0)+IF('Standard Profiles'!$G$20=$B$24,21,0),0)),0)</f>
        <v>0</v>
      </c>
      <c r="G5053" cm="1">
        <f t="array" ref="G5053">IFERROR(INDEX(Jesper!AK$2:AK$366,ROUNDDOWN($C5053/24,0)+1,1)*INDEX($D$3:$AA$30,INDEX(Jesper!$R$2:$R$366,ROW(INDEX(Jesper!AK$2:AK$366,ROUNDDOWN($C5053/24,0)+1,1))-1)+IF('Standard Profiles'!$G$21=$B$10,7,0)+IF('Standard Profiles'!$G$21=$B$17,14,0)+IF('Standard Profiles'!$G$21=$B$24,21,0),MOD($C5053,24)+1)/SUM(INDEX($D$3:$AA$30,INDEX(Jesper!$R$2:$R$366,ROW(INDEX(Jesper!AK$2:AK$366,ROUNDDOWN($C5053/24,0)+1,1))-1)+IF('Standard Profiles'!$G$21=$B$10,7,0)+IF('Standard Profiles'!$G$21=$B$17,14,0)+IF('Standard Profiles'!$G$21=$B$24,21,0),0)),0)</f>
        <v>0</v>
      </c>
      <c r="H5053" cm="1">
        <f t="array" ref="H5053">IFERROR(INDEX(Jesper!AL$2:AL$366,ROUNDDOWN($C5053/24,0)+1,1)*INDEX($D$3:$AA$30,INDEX(Jesper!$R$2:$R$366,ROW(INDEX(Jesper!AL$2:AL$366,ROUNDDOWN($C5053/24,0)+1,1))-1)+IF('Standard Profiles'!$G$22=$B$10,7,0)+IF('Standard Profiles'!$G$22=$B$17,14,0)+IF('Standard Profiles'!$G$22=$B$24,21,0),MOD($C5053,24)+1)/SUM(INDEX($D$3:$AA$30,INDEX(Jesper!$R$2:$R$366,ROW(INDEX(Jesper!AL$2:AL$366,ROUNDDOWN($C5053/24,0)+1,1))-1)+IF('Standard Profiles'!$G$22=$B$10,7,0)+IF('Standard Profiles'!$G$22=$B$17,14,0)+IF('Standard Profiles'!$G$22=$B$24,21,0),0)),0)</f>
        <v>0</v>
      </c>
      <c r="I5053">
        <f t="shared" si="566"/>
        <v>8.154145502625558E-2</v>
      </c>
      <c r="J5053">
        <f t="shared" si="567"/>
        <v>0.27180485008751859</v>
      </c>
      <c r="K5053">
        <f t="shared" si="568"/>
        <v>0.40770727513127791</v>
      </c>
      <c r="L5053">
        <f t="shared" si="569"/>
        <v>6.607288444054082</v>
      </c>
      <c r="M5053">
        <f t="shared" si="570"/>
        <v>0</v>
      </c>
      <c r="N5053" s="46">
        <f t="shared" si="571"/>
        <v>45501.124999987827</v>
      </c>
    </row>
    <row r="5054" spans="2:14" x14ac:dyDescent="0.3">
      <c r="B5054">
        <f t="shared" si="565"/>
        <v>7</v>
      </c>
      <c r="C5054" s="16">
        <v>5020</v>
      </c>
      <c r="D5054" cm="1">
        <f t="array" ref="D5054">IFERROR(INDEX(Jesper!AH$2:AH$366,ROUNDDOWN($C5054/24,0)+1,1)*INDEX($D$3:$AA$30,INDEX(Jesper!$R$2:$R$366,ROW(INDEX(Jesper!AH$2:AH$366,ROUNDDOWN($C5054/24,0)+1,1))-1)+IF('Standard Profiles'!$G$18=$B$10,7,0)+IF('Standard Profiles'!$G$18=$B$17,14,0)+IF('Standard Profiles'!$G$18=$B$24,21,0),MOD($C5054,24)+1)/SUM(INDEX($D$3:$AA$30,INDEX(Jesper!$R$2:$R$366,ROW(INDEX(Jesper!AH$2:AH$366,ROUNDDOWN($C5054/24,0)+1,1))-1)+IF('Standard Profiles'!$G$18=$B$10,7,0)+IF('Standard Profiles'!$G$18=$B$17,14,0)+IF('Standard Profiles'!$G$18=$B$24,21,0),0)),0)</f>
        <v>6.4632318735076977</v>
      </c>
      <c r="E5054" cm="1">
        <f t="array" ref="E5054">IFERROR(INDEX(Jesper!AI$2:AI$366,ROUNDDOWN($C5054/24,0)+1,1)*INDEX($D$3:$AA$30,INDEX(Jesper!$R$2:$R$366,ROW(INDEX(Jesper!AI$2:AI$366,ROUNDDOWN($C5054/24,0)+1,1))-1)+IF('Standard Profiles'!$G$19=$B$10,7,0)+IF('Standard Profiles'!$G$19=$B$17,14,0)+IF('Standard Profiles'!$G$19=$B$24,21,0),MOD($C5054,24)+1)/SUM(INDEX($D$3:$AA$30,INDEX(Jesper!$R$2:$R$366,ROW(INDEX(Jesper!AI$2:AI$366,ROUNDDOWN($C5054/24,0)+1,1))-1)+IF('Standard Profiles'!$G$19=$B$10,7,0)+IF('Standard Profiles'!$G$19=$B$17,14,0)+IF('Standard Profiles'!$G$19=$B$24,21,0),0)),0)</f>
        <v>0.90511015079143664</v>
      </c>
      <c r="F5054" cm="1">
        <f t="array" ref="F5054">IFERROR(INDEX(Jesper!AJ$2:AJ$366,ROUNDDOWN($C5054/24,0)+1,1)*INDEX($D$3:$AA$30,INDEX(Jesper!$R$2:$R$366,ROW(INDEX(Jesper!AJ$2:AJ$366,ROUNDDOWN($C5054/24,0)+1,1))-1)+IF('Standard Profiles'!$G$20=$B$10,7,0)+IF('Standard Profiles'!$G$20=$B$17,14,0)+IF('Standard Profiles'!$G$20=$B$24,21,0),MOD($C5054,24)+1)/SUM(INDEX($D$3:$AA$30,INDEX(Jesper!$R$2:$R$366,ROW(INDEX(Jesper!AJ$2:AJ$366,ROUNDDOWN($C5054/24,0)+1,1))-1)+IF('Standard Profiles'!$G$20=$B$10,7,0)+IF('Standard Profiles'!$G$20=$B$17,14,0)+IF('Standard Profiles'!$G$20=$B$24,21,0),0)),0)</f>
        <v>0</v>
      </c>
      <c r="G5054" cm="1">
        <f t="array" ref="G5054">IFERROR(INDEX(Jesper!AK$2:AK$366,ROUNDDOWN($C5054/24,0)+1,1)*INDEX($D$3:$AA$30,INDEX(Jesper!$R$2:$R$366,ROW(INDEX(Jesper!AK$2:AK$366,ROUNDDOWN($C5054/24,0)+1,1))-1)+IF('Standard Profiles'!$G$21=$B$10,7,0)+IF('Standard Profiles'!$G$21=$B$17,14,0)+IF('Standard Profiles'!$G$21=$B$24,21,0),MOD($C5054,24)+1)/SUM(INDEX($D$3:$AA$30,INDEX(Jesper!$R$2:$R$366,ROW(INDEX(Jesper!AK$2:AK$366,ROUNDDOWN($C5054/24,0)+1,1))-1)+IF('Standard Profiles'!$G$21=$B$10,7,0)+IF('Standard Profiles'!$G$21=$B$17,14,0)+IF('Standard Profiles'!$G$21=$B$24,21,0),0)),0)</f>
        <v>0</v>
      </c>
      <c r="H5054" cm="1">
        <f t="array" ref="H5054">IFERROR(INDEX(Jesper!AL$2:AL$366,ROUNDDOWN($C5054/24,0)+1,1)*INDEX($D$3:$AA$30,INDEX(Jesper!$R$2:$R$366,ROW(INDEX(Jesper!AL$2:AL$366,ROUNDDOWN($C5054/24,0)+1,1))-1)+IF('Standard Profiles'!$G$22=$B$10,7,0)+IF('Standard Profiles'!$G$22=$B$17,14,0)+IF('Standard Profiles'!$G$22=$B$24,21,0),MOD($C5054,24)+1)/SUM(INDEX($D$3:$AA$30,INDEX(Jesper!$R$2:$R$366,ROW(INDEX(Jesper!AL$2:AL$366,ROUNDDOWN($C5054/24,0)+1,1))-1)+IF('Standard Profiles'!$G$22=$B$10,7,0)+IF('Standard Profiles'!$G$22=$B$17,14,0)+IF('Standard Profiles'!$G$22=$B$24,21,0),0)),0)</f>
        <v>0</v>
      </c>
      <c r="I5054">
        <f t="shared" si="566"/>
        <v>8.154145502625558E-2</v>
      </c>
      <c r="J5054">
        <f t="shared" si="567"/>
        <v>0.27180485008751859</v>
      </c>
      <c r="K5054">
        <f t="shared" si="568"/>
        <v>0.40770727513127791</v>
      </c>
      <c r="L5054">
        <f t="shared" si="569"/>
        <v>6.607288444054082</v>
      </c>
      <c r="M5054">
        <f t="shared" si="570"/>
        <v>0</v>
      </c>
      <c r="N5054" s="46">
        <f t="shared" si="571"/>
        <v>45501.166666654492</v>
      </c>
    </row>
    <row r="5055" spans="2:14" x14ac:dyDescent="0.3">
      <c r="B5055">
        <f t="shared" si="565"/>
        <v>7</v>
      </c>
      <c r="C5055" s="16">
        <v>5021</v>
      </c>
      <c r="D5055" cm="1">
        <f t="array" ref="D5055">IFERROR(INDEX(Jesper!AH$2:AH$366,ROUNDDOWN($C5055/24,0)+1,1)*INDEX($D$3:$AA$30,INDEX(Jesper!$R$2:$R$366,ROW(INDEX(Jesper!AH$2:AH$366,ROUNDDOWN($C5055/24,0)+1,1))-1)+IF('Standard Profiles'!$G$18=$B$10,7,0)+IF('Standard Profiles'!$G$18=$B$17,14,0)+IF('Standard Profiles'!$G$18=$B$24,21,0),MOD($C5055,24)+1)/SUM(INDEX($D$3:$AA$30,INDEX(Jesper!$R$2:$R$366,ROW(INDEX(Jesper!AH$2:AH$366,ROUNDDOWN($C5055/24,0)+1,1))-1)+IF('Standard Profiles'!$G$18=$B$10,7,0)+IF('Standard Profiles'!$G$18=$B$17,14,0)+IF('Standard Profiles'!$G$18=$B$24,21,0),0)),0)</f>
        <v>8.0790398418846223</v>
      </c>
      <c r="E5055" cm="1">
        <f t="array" ref="E5055">IFERROR(INDEX(Jesper!AI$2:AI$366,ROUNDDOWN($C5055/24,0)+1,1)*INDEX($D$3:$AA$30,INDEX(Jesper!$R$2:$R$366,ROW(INDEX(Jesper!AI$2:AI$366,ROUNDDOWN($C5055/24,0)+1,1))-1)+IF('Standard Profiles'!$G$19=$B$10,7,0)+IF('Standard Profiles'!$G$19=$B$17,14,0)+IF('Standard Profiles'!$G$19=$B$24,21,0),MOD($C5055,24)+1)/SUM(INDEX($D$3:$AA$30,INDEX(Jesper!$R$2:$R$366,ROW(INDEX(Jesper!AI$2:AI$366,ROUNDDOWN($C5055/24,0)+1,1))-1)+IF('Standard Profiles'!$G$19=$B$10,7,0)+IF('Standard Profiles'!$G$19=$B$17,14,0)+IF('Standard Profiles'!$G$19=$B$24,21,0),0)),0)</f>
        <v>1.1313876884892957</v>
      </c>
      <c r="F5055" cm="1">
        <f t="array" ref="F5055">IFERROR(INDEX(Jesper!AJ$2:AJ$366,ROUNDDOWN($C5055/24,0)+1,1)*INDEX($D$3:$AA$30,INDEX(Jesper!$R$2:$R$366,ROW(INDEX(Jesper!AJ$2:AJ$366,ROUNDDOWN($C5055/24,0)+1,1))-1)+IF('Standard Profiles'!$G$20=$B$10,7,0)+IF('Standard Profiles'!$G$20=$B$17,14,0)+IF('Standard Profiles'!$G$20=$B$24,21,0),MOD($C5055,24)+1)/SUM(INDEX($D$3:$AA$30,INDEX(Jesper!$R$2:$R$366,ROW(INDEX(Jesper!AJ$2:AJ$366,ROUNDDOWN($C5055/24,0)+1,1))-1)+IF('Standard Profiles'!$G$20=$B$10,7,0)+IF('Standard Profiles'!$G$20=$B$17,14,0)+IF('Standard Profiles'!$G$20=$B$24,21,0),0)),0)</f>
        <v>0</v>
      </c>
      <c r="G5055" cm="1">
        <f t="array" ref="G5055">IFERROR(INDEX(Jesper!AK$2:AK$366,ROUNDDOWN($C5055/24,0)+1,1)*INDEX($D$3:$AA$30,INDEX(Jesper!$R$2:$R$366,ROW(INDEX(Jesper!AK$2:AK$366,ROUNDDOWN($C5055/24,0)+1,1))-1)+IF('Standard Profiles'!$G$21=$B$10,7,0)+IF('Standard Profiles'!$G$21=$B$17,14,0)+IF('Standard Profiles'!$G$21=$B$24,21,0),MOD($C5055,24)+1)/SUM(INDEX($D$3:$AA$30,INDEX(Jesper!$R$2:$R$366,ROW(INDEX(Jesper!AK$2:AK$366,ROUNDDOWN($C5055/24,0)+1,1))-1)+IF('Standard Profiles'!$G$21=$B$10,7,0)+IF('Standard Profiles'!$G$21=$B$17,14,0)+IF('Standard Profiles'!$G$21=$B$24,21,0),0)),0)</f>
        <v>0</v>
      </c>
      <c r="H5055" cm="1">
        <f t="array" ref="H5055">IFERROR(INDEX(Jesper!AL$2:AL$366,ROUNDDOWN($C5055/24,0)+1,1)*INDEX($D$3:$AA$30,INDEX(Jesper!$R$2:$R$366,ROW(INDEX(Jesper!AL$2:AL$366,ROUNDDOWN($C5055/24,0)+1,1))-1)+IF('Standard Profiles'!$G$22=$B$10,7,0)+IF('Standard Profiles'!$G$22=$B$17,14,0)+IF('Standard Profiles'!$G$22=$B$24,21,0),MOD($C5055,24)+1)/SUM(INDEX($D$3:$AA$30,INDEX(Jesper!$R$2:$R$366,ROW(INDEX(Jesper!AL$2:AL$366,ROUNDDOWN($C5055/24,0)+1,1))-1)+IF('Standard Profiles'!$G$22=$B$10,7,0)+IF('Standard Profiles'!$G$22=$B$17,14,0)+IF('Standard Profiles'!$G$22=$B$24,21,0),0)),0)</f>
        <v>0</v>
      </c>
      <c r="I5055">
        <f t="shared" si="566"/>
        <v>0.10192681878281946</v>
      </c>
      <c r="J5055">
        <f t="shared" si="567"/>
        <v>0.33975606260939822</v>
      </c>
      <c r="K5055">
        <f t="shared" si="568"/>
        <v>0.50963409391409742</v>
      </c>
      <c r="L5055">
        <f t="shared" si="569"/>
        <v>8.2591105550676023</v>
      </c>
      <c r="M5055">
        <f t="shared" si="570"/>
        <v>0</v>
      </c>
      <c r="N5055" s="46">
        <f t="shared" si="571"/>
        <v>45501.208333321156</v>
      </c>
    </row>
    <row r="5056" spans="2:14" x14ac:dyDescent="0.3">
      <c r="B5056">
        <f t="shared" si="565"/>
        <v>7</v>
      </c>
      <c r="C5056" s="16">
        <v>5022</v>
      </c>
      <c r="D5056" cm="1">
        <f t="array" ref="D5056">IFERROR(INDEX(Jesper!AH$2:AH$366,ROUNDDOWN($C5056/24,0)+1,1)*INDEX($D$3:$AA$30,INDEX(Jesper!$R$2:$R$366,ROW(INDEX(Jesper!AH$2:AH$366,ROUNDDOWN($C5056/24,0)+1,1))-1)+IF('Standard Profiles'!$G$18=$B$10,7,0)+IF('Standard Profiles'!$G$18=$B$17,14,0)+IF('Standard Profiles'!$G$18=$B$24,21,0),MOD($C5056,24)+1)/SUM(INDEX($D$3:$AA$30,INDEX(Jesper!$R$2:$R$366,ROW(INDEX(Jesper!AH$2:AH$366,ROUNDDOWN($C5056/24,0)+1,1))-1)+IF('Standard Profiles'!$G$18=$B$10,7,0)+IF('Standard Profiles'!$G$18=$B$17,14,0)+IF('Standard Profiles'!$G$18=$B$24,21,0),0)),0)</f>
        <v>9.5153135915530012</v>
      </c>
      <c r="E5056" cm="1">
        <f t="array" ref="E5056">IFERROR(INDEX(Jesper!AI$2:AI$366,ROUNDDOWN($C5056/24,0)+1,1)*INDEX($D$3:$AA$30,INDEX(Jesper!$R$2:$R$366,ROW(INDEX(Jesper!AI$2:AI$366,ROUNDDOWN($C5056/24,0)+1,1))-1)+IF('Standard Profiles'!$G$19=$B$10,7,0)+IF('Standard Profiles'!$G$19=$B$17,14,0)+IF('Standard Profiles'!$G$19=$B$24,21,0),MOD($C5056,24)+1)/SUM(INDEX($D$3:$AA$30,INDEX(Jesper!$R$2:$R$366,ROW(INDEX(Jesper!AI$2:AI$366,ROUNDDOWN($C5056/24,0)+1,1))-1)+IF('Standard Profiles'!$G$19=$B$10,7,0)+IF('Standard Profiles'!$G$19=$B$17,14,0)+IF('Standard Profiles'!$G$19=$B$24,21,0),0)),0)</f>
        <v>1.3325232775540596</v>
      </c>
      <c r="F5056" cm="1">
        <f t="array" ref="F5056">IFERROR(INDEX(Jesper!AJ$2:AJ$366,ROUNDDOWN($C5056/24,0)+1,1)*INDEX($D$3:$AA$30,INDEX(Jesper!$R$2:$R$366,ROW(INDEX(Jesper!AJ$2:AJ$366,ROUNDDOWN($C5056/24,0)+1,1))-1)+IF('Standard Profiles'!$G$20=$B$10,7,0)+IF('Standard Profiles'!$G$20=$B$17,14,0)+IF('Standard Profiles'!$G$20=$B$24,21,0),MOD($C5056,24)+1)/SUM(INDEX($D$3:$AA$30,INDEX(Jesper!$R$2:$R$366,ROW(INDEX(Jesper!AJ$2:AJ$366,ROUNDDOWN($C5056/24,0)+1,1))-1)+IF('Standard Profiles'!$G$20=$B$10,7,0)+IF('Standard Profiles'!$G$20=$B$17,14,0)+IF('Standard Profiles'!$G$20=$B$24,21,0),0)),0)</f>
        <v>0</v>
      </c>
      <c r="G5056" cm="1">
        <f t="array" ref="G5056">IFERROR(INDEX(Jesper!AK$2:AK$366,ROUNDDOWN($C5056/24,0)+1,1)*INDEX($D$3:$AA$30,INDEX(Jesper!$R$2:$R$366,ROW(INDEX(Jesper!AK$2:AK$366,ROUNDDOWN($C5056/24,0)+1,1))-1)+IF('Standard Profiles'!$G$21=$B$10,7,0)+IF('Standard Profiles'!$G$21=$B$17,14,0)+IF('Standard Profiles'!$G$21=$B$24,21,0),MOD($C5056,24)+1)/SUM(INDEX($D$3:$AA$30,INDEX(Jesper!$R$2:$R$366,ROW(INDEX(Jesper!AK$2:AK$366,ROUNDDOWN($C5056/24,0)+1,1))-1)+IF('Standard Profiles'!$G$21=$B$10,7,0)+IF('Standard Profiles'!$G$21=$B$17,14,0)+IF('Standard Profiles'!$G$21=$B$24,21,0),0)),0)</f>
        <v>0</v>
      </c>
      <c r="H5056" cm="1">
        <f t="array" ref="H5056">IFERROR(INDEX(Jesper!AL$2:AL$366,ROUNDDOWN($C5056/24,0)+1,1)*INDEX($D$3:$AA$30,INDEX(Jesper!$R$2:$R$366,ROW(INDEX(Jesper!AL$2:AL$366,ROUNDDOWN($C5056/24,0)+1,1))-1)+IF('Standard Profiles'!$G$22=$B$10,7,0)+IF('Standard Profiles'!$G$22=$B$17,14,0)+IF('Standard Profiles'!$G$22=$B$24,21,0),MOD($C5056,24)+1)/SUM(INDEX($D$3:$AA$30,INDEX(Jesper!$R$2:$R$366,ROW(INDEX(Jesper!AL$2:AL$366,ROUNDDOWN($C5056/24,0)+1,1))-1)+IF('Standard Profiles'!$G$22=$B$10,7,0)+IF('Standard Profiles'!$G$22=$B$17,14,0)+IF('Standard Profiles'!$G$22=$B$24,21,0),0)),0)</f>
        <v>0</v>
      </c>
      <c r="I5056">
        <f t="shared" si="566"/>
        <v>0.12004714212198739</v>
      </c>
      <c r="J5056">
        <f t="shared" si="567"/>
        <v>0.40015714040662465</v>
      </c>
      <c r="K5056">
        <f t="shared" si="568"/>
        <v>0.60023571060993697</v>
      </c>
      <c r="L5056">
        <f t="shared" si="569"/>
        <v>9.7273968759685125</v>
      </c>
      <c r="M5056">
        <f t="shared" si="570"/>
        <v>0</v>
      </c>
      <c r="N5056" s="46">
        <f t="shared" si="571"/>
        <v>45501.24999998782</v>
      </c>
    </row>
    <row r="5057" spans="2:14" x14ac:dyDescent="0.3">
      <c r="B5057">
        <f t="shared" si="565"/>
        <v>7</v>
      </c>
      <c r="C5057" s="16">
        <v>5023</v>
      </c>
      <c r="D5057" cm="1">
        <f t="array" ref="D5057">IFERROR(INDEX(Jesper!AH$2:AH$366,ROUNDDOWN($C5057/24,0)+1,1)*INDEX($D$3:$AA$30,INDEX(Jesper!$R$2:$R$366,ROW(INDEX(Jesper!AH$2:AH$366,ROUNDDOWN($C5057/24,0)+1,1))-1)+IF('Standard Profiles'!$G$18=$B$10,7,0)+IF('Standard Profiles'!$G$18=$B$17,14,0)+IF('Standard Profiles'!$G$18=$B$24,21,0),MOD($C5057,24)+1)/SUM(INDEX($D$3:$AA$30,INDEX(Jesper!$R$2:$R$366,ROW(INDEX(Jesper!AH$2:AH$366,ROUNDDOWN($C5057/24,0)+1,1))-1)+IF('Standard Profiles'!$G$18=$B$10,7,0)+IF('Standard Profiles'!$G$18=$B$17,14,0)+IF('Standard Profiles'!$G$18=$B$24,21,0),0)),0)</f>
        <v>11.310655778638472</v>
      </c>
      <c r="E5057" cm="1">
        <f t="array" ref="E5057">IFERROR(INDEX(Jesper!AI$2:AI$366,ROUNDDOWN($C5057/24,0)+1,1)*INDEX($D$3:$AA$30,INDEX(Jesper!$R$2:$R$366,ROW(INDEX(Jesper!AI$2:AI$366,ROUNDDOWN($C5057/24,0)+1,1))-1)+IF('Standard Profiles'!$G$19=$B$10,7,0)+IF('Standard Profiles'!$G$19=$B$17,14,0)+IF('Standard Profiles'!$G$19=$B$24,21,0),MOD($C5057,24)+1)/SUM(INDEX($D$3:$AA$30,INDEX(Jesper!$R$2:$R$366,ROW(INDEX(Jesper!AI$2:AI$366,ROUNDDOWN($C5057/24,0)+1,1))-1)+IF('Standard Profiles'!$G$19=$B$10,7,0)+IF('Standard Profiles'!$G$19=$B$17,14,0)+IF('Standard Profiles'!$G$19=$B$24,21,0),0)),0)</f>
        <v>1.5839427638850141</v>
      </c>
      <c r="F5057" cm="1">
        <f t="array" ref="F5057">IFERROR(INDEX(Jesper!AJ$2:AJ$366,ROUNDDOWN($C5057/24,0)+1,1)*INDEX($D$3:$AA$30,INDEX(Jesper!$R$2:$R$366,ROW(INDEX(Jesper!AJ$2:AJ$366,ROUNDDOWN($C5057/24,0)+1,1))-1)+IF('Standard Profiles'!$G$20=$B$10,7,0)+IF('Standard Profiles'!$G$20=$B$17,14,0)+IF('Standard Profiles'!$G$20=$B$24,21,0),MOD($C5057,24)+1)/SUM(INDEX($D$3:$AA$30,INDEX(Jesper!$R$2:$R$366,ROW(INDEX(Jesper!AJ$2:AJ$366,ROUNDDOWN($C5057/24,0)+1,1))-1)+IF('Standard Profiles'!$G$20=$B$10,7,0)+IF('Standard Profiles'!$G$20=$B$17,14,0)+IF('Standard Profiles'!$G$20=$B$24,21,0),0)),0)</f>
        <v>0</v>
      </c>
      <c r="G5057" cm="1">
        <f t="array" ref="G5057">IFERROR(INDEX(Jesper!AK$2:AK$366,ROUNDDOWN($C5057/24,0)+1,1)*INDEX($D$3:$AA$30,INDEX(Jesper!$R$2:$R$366,ROW(INDEX(Jesper!AK$2:AK$366,ROUNDDOWN($C5057/24,0)+1,1))-1)+IF('Standard Profiles'!$G$21=$B$10,7,0)+IF('Standard Profiles'!$G$21=$B$17,14,0)+IF('Standard Profiles'!$G$21=$B$24,21,0),MOD($C5057,24)+1)/SUM(INDEX($D$3:$AA$30,INDEX(Jesper!$R$2:$R$366,ROW(INDEX(Jesper!AK$2:AK$366,ROUNDDOWN($C5057/24,0)+1,1))-1)+IF('Standard Profiles'!$G$21=$B$10,7,0)+IF('Standard Profiles'!$G$21=$B$17,14,0)+IF('Standard Profiles'!$G$21=$B$24,21,0),0)),0)</f>
        <v>0</v>
      </c>
      <c r="H5057" cm="1">
        <f t="array" ref="H5057">IFERROR(INDEX(Jesper!AL$2:AL$366,ROUNDDOWN($C5057/24,0)+1,1)*INDEX($D$3:$AA$30,INDEX(Jesper!$R$2:$R$366,ROW(INDEX(Jesper!AL$2:AL$366,ROUNDDOWN($C5057/24,0)+1,1))-1)+IF('Standard Profiles'!$G$22=$B$10,7,0)+IF('Standard Profiles'!$G$22=$B$17,14,0)+IF('Standard Profiles'!$G$22=$B$24,21,0),MOD($C5057,24)+1)/SUM(INDEX($D$3:$AA$30,INDEX(Jesper!$R$2:$R$366,ROW(INDEX(Jesper!AL$2:AL$366,ROUNDDOWN($C5057/24,0)+1,1))-1)+IF('Standard Profiles'!$G$22=$B$10,7,0)+IF('Standard Profiles'!$G$22=$B$17,14,0)+IF('Standard Profiles'!$G$22=$B$24,21,0),0)),0)</f>
        <v>0</v>
      </c>
      <c r="I5057">
        <f t="shared" si="566"/>
        <v>0.14269754629594725</v>
      </c>
      <c r="J5057">
        <f t="shared" si="567"/>
        <v>0.47565848765315755</v>
      </c>
      <c r="K5057">
        <f t="shared" si="568"/>
        <v>0.71348773147973632</v>
      </c>
      <c r="L5057">
        <f t="shared" si="569"/>
        <v>11.562754777094645</v>
      </c>
      <c r="M5057">
        <f t="shared" si="570"/>
        <v>0</v>
      </c>
      <c r="N5057" s="46">
        <f t="shared" si="571"/>
        <v>45501.291666654484</v>
      </c>
    </row>
    <row r="5058" spans="2:14" x14ac:dyDescent="0.3">
      <c r="B5058">
        <f t="shared" si="565"/>
        <v>7</v>
      </c>
      <c r="C5058" s="16">
        <v>5024</v>
      </c>
      <c r="D5058" cm="1">
        <f t="array" ref="D5058">IFERROR(INDEX(Jesper!AH$2:AH$366,ROUNDDOWN($C5058/24,0)+1,1)*INDEX($D$3:$AA$30,INDEX(Jesper!$R$2:$R$366,ROW(INDEX(Jesper!AH$2:AH$366,ROUNDDOWN($C5058/24,0)+1,1))-1)+IF('Standard Profiles'!$G$18=$B$10,7,0)+IF('Standard Profiles'!$G$18=$B$17,14,0)+IF('Standard Profiles'!$G$18=$B$24,21,0),MOD($C5058,24)+1)/SUM(INDEX($D$3:$AA$30,INDEX(Jesper!$R$2:$R$366,ROW(INDEX(Jesper!AH$2:AH$366,ROUNDDOWN($C5058/24,0)+1,1))-1)+IF('Standard Profiles'!$G$18=$B$10,7,0)+IF('Standard Profiles'!$G$18=$B$17,14,0)+IF('Standard Profiles'!$G$18=$B$24,21,0),0)),0)</f>
        <v>11.310655778638472</v>
      </c>
      <c r="E5058" cm="1">
        <f t="array" ref="E5058">IFERROR(INDEX(Jesper!AI$2:AI$366,ROUNDDOWN($C5058/24,0)+1,1)*INDEX($D$3:$AA$30,INDEX(Jesper!$R$2:$R$366,ROW(INDEX(Jesper!AI$2:AI$366,ROUNDDOWN($C5058/24,0)+1,1))-1)+IF('Standard Profiles'!$G$19=$B$10,7,0)+IF('Standard Profiles'!$G$19=$B$17,14,0)+IF('Standard Profiles'!$G$19=$B$24,21,0),MOD($C5058,24)+1)/SUM(INDEX($D$3:$AA$30,INDEX(Jesper!$R$2:$R$366,ROW(INDEX(Jesper!AI$2:AI$366,ROUNDDOWN($C5058/24,0)+1,1))-1)+IF('Standard Profiles'!$G$19=$B$10,7,0)+IF('Standard Profiles'!$G$19=$B$17,14,0)+IF('Standard Profiles'!$G$19=$B$24,21,0),0)),0)</f>
        <v>1.5839427638850141</v>
      </c>
      <c r="F5058" cm="1">
        <f t="array" ref="F5058">IFERROR(INDEX(Jesper!AJ$2:AJ$366,ROUNDDOWN($C5058/24,0)+1,1)*INDEX($D$3:$AA$30,INDEX(Jesper!$R$2:$R$366,ROW(INDEX(Jesper!AJ$2:AJ$366,ROUNDDOWN($C5058/24,0)+1,1))-1)+IF('Standard Profiles'!$G$20=$B$10,7,0)+IF('Standard Profiles'!$G$20=$B$17,14,0)+IF('Standard Profiles'!$G$20=$B$24,21,0),MOD($C5058,24)+1)/SUM(INDEX($D$3:$AA$30,INDEX(Jesper!$R$2:$R$366,ROW(INDEX(Jesper!AJ$2:AJ$366,ROUNDDOWN($C5058/24,0)+1,1))-1)+IF('Standard Profiles'!$G$20=$B$10,7,0)+IF('Standard Profiles'!$G$20=$B$17,14,0)+IF('Standard Profiles'!$G$20=$B$24,21,0),0)),0)</f>
        <v>0</v>
      </c>
      <c r="G5058" cm="1">
        <f t="array" ref="G5058">IFERROR(INDEX(Jesper!AK$2:AK$366,ROUNDDOWN($C5058/24,0)+1,1)*INDEX($D$3:$AA$30,INDEX(Jesper!$R$2:$R$366,ROW(INDEX(Jesper!AK$2:AK$366,ROUNDDOWN($C5058/24,0)+1,1))-1)+IF('Standard Profiles'!$G$21=$B$10,7,0)+IF('Standard Profiles'!$G$21=$B$17,14,0)+IF('Standard Profiles'!$G$21=$B$24,21,0),MOD($C5058,24)+1)/SUM(INDEX($D$3:$AA$30,INDEX(Jesper!$R$2:$R$366,ROW(INDEX(Jesper!AK$2:AK$366,ROUNDDOWN($C5058/24,0)+1,1))-1)+IF('Standard Profiles'!$G$21=$B$10,7,0)+IF('Standard Profiles'!$G$21=$B$17,14,0)+IF('Standard Profiles'!$G$21=$B$24,21,0),0)),0)</f>
        <v>0</v>
      </c>
      <c r="H5058" cm="1">
        <f t="array" ref="H5058">IFERROR(INDEX(Jesper!AL$2:AL$366,ROUNDDOWN($C5058/24,0)+1,1)*INDEX($D$3:$AA$30,INDEX(Jesper!$R$2:$R$366,ROW(INDEX(Jesper!AL$2:AL$366,ROUNDDOWN($C5058/24,0)+1,1))-1)+IF('Standard Profiles'!$G$22=$B$10,7,0)+IF('Standard Profiles'!$G$22=$B$17,14,0)+IF('Standard Profiles'!$G$22=$B$24,21,0),MOD($C5058,24)+1)/SUM(INDEX($D$3:$AA$30,INDEX(Jesper!$R$2:$R$366,ROW(INDEX(Jesper!AL$2:AL$366,ROUNDDOWN($C5058/24,0)+1,1))-1)+IF('Standard Profiles'!$G$22=$B$10,7,0)+IF('Standard Profiles'!$G$22=$B$17,14,0)+IF('Standard Profiles'!$G$22=$B$24,21,0),0)),0)</f>
        <v>0</v>
      </c>
      <c r="I5058">
        <f t="shared" si="566"/>
        <v>0.14269754629594725</v>
      </c>
      <c r="J5058">
        <f t="shared" si="567"/>
        <v>0.47565848765315755</v>
      </c>
      <c r="K5058">
        <f t="shared" si="568"/>
        <v>0.71348773147973632</v>
      </c>
      <c r="L5058">
        <f t="shared" si="569"/>
        <v>11.562754777094645</v>
      </c>
      <c r="M5058">
        <f t="shared" si="570"/>
        <v>0</v>
      </c>
      <c r="N5058" s="46">
        <f t="shared" si="571"/>
        <v>45501.333333321149</v>
      </c>
    </row>
    <row r="5059" spans="2:14" x14ac:dyDescent="0.3">
      <c r="B5059">
        <f t="shared" si="565"/>
        <v>7</v>
      </c>
      <c r="C5059" s="16">
        <v>5025</v>
      </c>
      <c r="D5059" cm="1">
        <f t="array" ref="D5059">IFERROR(INDEX(Jesper!AH$2:AH$366,ROUNDDOWN($C5059/24,0)+1,1)*INDEX($D$3:$AA$30,INDEX(Jesper!$R$2:$R$366,ROW(INDEX(Jesper!AH$2:AH$366,ROUNDDOWN($C5059/24,0)+1,1))-1)+IF('Standard Profiles'!$G$18=$B$10,7,0)+IF('Standard Profiles'!$G$18=$B$17,14,0)+IF('Standard Profiles'!$G$18=$B$24,21,0),MOD($C5059,24)+1)/SUM(INDEX($D$3:$AA$30,INDEX(Jesper!$R$2:$R$366,ROW(INDEX(Jesper!AH$2:AH$366,ROUNDDOWN($C5059/24,0)+1,1))-1)+IF('Standard Profiles'!$G$18=$B$10,7,0)+IF('Standard Profiles'!$G$18=$B$17,14,0)+IF('Standard Profiles'!$G$18=$B$24,21,0),0)),0)</f>
        <v>11.310655778638472</v>
      </c>
      <c r="E5059" cm="1">
        <f t="array" ref="E5059">IFERROR(INDEX(Jesper!AI$2:AI$366,ROUNDDOWN($C5059/24,0)+1,1)*INDEX($D$3:$AA$30,INDEX(Jesper!$R$2:$R$366,ROW(INDEX(Jesper!AI$2:AI$366,ROUNDDOWN($C5059/24,0)+1,1))-1)+IF('Standard Profiles'!$G$19=$B$10,7,0)+IF('Standard Profiles'!$G$19=$B$17,14,0)+IF('Standard Profiles'!$G$19=$B$24,21,0),MOD($C5059,24)+1)/SUM(INDEX($D$3:$AA$30,INDEX(Jesper!$R$2:$R$366,ROW(INDEX(Jesper!AI$2:AI$366,ROUNDDOWN($C5059/24,0)+1,1))-1)+IF('Standard Profiles'!$G$19=$B$10,7,0)+IF('Standard Profiles'!$G$19=$B$17,14,0)+IF('Standard Profiles'!$G$19=$B$24,21,0),0)),0)</f>
        <v>1.5839427638850141</v>
      </c>
      <c r="F5059" cm="1">
        <f t="array" ref="F5059">IFERROR(INDEX(Jesper!AJ$2:AJ$366,ROUNDDOWN($C5059/24,0)+1,1)*INDEX($D$3:$AA$30,INDEX(Jesper!$R$2:$R$366,ROW(INDEX(Jesper!AJ$2:AJ$366,ROUNDDOWN($C5059/24,0)+1,1))-1)+IF('Standard Profiles'!$G$20=$B$10,7,0)+IF('Standard Profiles'!$G$20=$B$17,14,0)+IF('Standard Profiles'!$G$20=$B$24,21,0),MOD($C5059,24)+1)/SUM(INDEX($D$3:$AA$30,INDEX(Jesper!$R$2:$R$366,ROW(INDEX(Jesper!AJ$2:AJ$366,ROUNDDOWN($C5059/24,0)+1,1))-1)+IF('Standard Profiles'!$G$20=$B$10,7,0)+IF('Standard Profiles'!$G$20=$B$17,14,0)+IF('Standard Profiles'!$G$20=$B$24,21,0),0)),0)</f>
        <v>0</v>
      </c>
      <c r="G5059" cm="1">
        <f t="array" ref="G5059">IFERROR(INDEX(Jesper!AK$2:AK$366,ROUNDDOWN($C5059/24,0)+1,1)*INDEX($D$3:$AA$30,INDEX(Jesper!$R$2:$R$366,ROW(INDEX(Jesper!AK$2:AK$366,ROUNDDOWN($C5059/24,0)+1,1))-1)+IF('Standard Profiles'!$G$21=$B$10,7,0)+IF('Standard Profiles'!$G$21=$B$17,14,0)+IF('Standard Profiles'!$G$21=$B$24,21,0),MOD($C5059,24)+1)/SUM(INDEX($D$3:$AA$30,INDEX(Jesper!$R$2:$R$366,ROW(INDEX(Jesper!AK$2:AK$366,ROUNDDOWN($C5059/24,0)+1,1))-1)+IF('Standard Profiles'!$G$21=$B$10,7,0)+IF('Standard Profiles'!$G$21=$B$17,14,0)+IF('Standard Profiles'!$G$21=$B$24,21,0),0)),0)</f>
        <v>0</v>
      </c>
      <c r="H5059" cm="1">
        <f t="array" ref="H5059">IFERROR(INDEX(Jesper!AL$2:AL$366,ROUNDDOWN($C5059/24,0)+1,1)*INDEX($D$3:$AA$30,INDEX(Jesper!$R$2:$R$366,ROW(INDEX(Jesper!AL$2:AL$366,ROUNDDOWN($C5059/24,0)+1,1))-1)+IF('Standard Profiles'!$G$22=$B$10,7,0)+IF('Standard Profiles'!$G$22=$B$17,14,0)+IF('Standard Profiles'!$G$22=$B$24,21,0),MOD($C5059,24)+1)/SUM(INDEX($D$3:$AA$30,INDEX(Jesper!$R$2:$R$366,ROW(INDEX(Jesper!AL$2:AL$366,ROUNDDOWN($C5059/24,0)+1,1))-1)+IF('Standard Profiles'!$G$22=$B$10,7,0)+IF('Standard Profiles'!$G$22=$B$17,14,0)+IF('Standard Profiles'!$G$22=$B$24,21,0),0)),0)</f>
        <v>0</v>
      </c>
      <c r="I5059">
        <f t="shared" si="566"/>
        <v>0.14269754629594725</v>
      </c>
      <c r="J5059">
        <f t="shared" si="567"/>
        <v>0.47565848765315755</v>
      </c>
      <c r="K5059">
        <f t="shared" si="568"/>
        <v>0.71348773147973632</v>
      </c>
      <c r="L5059">
        <f t="shared" si="569"/>
        <v>11.562754777094645</v>
      </c>
      <c r="M5059">
        <f t="shared" si="570"/>
        <v>0</v>
      </c>
      <c r="N5059" s="46">
        <f t="shared" si="571"/>
        <v>45501.374999987813</v>
      </c>
    </row>
    <row r="5060" spans="2:14" x14ac:dyDescent="0.3">
      <c r="B5060">
        <f t="shared" si="565"/>
        <v>7</v>
      </c>
      <c r="C5060" s="16">
        <v>5026</v>
      </c>
      <c r="D5060" cm="1">
        <f t="array" ref="D5060">IFERROR(INDEX(Jesper!AH$2:AH$366,ROUNDDOWN($C5060/24,0)+1,1)*INDEX($D$3:$AA$30,INDEX(Jesper!$R$2:$R$366,ROW(INDEX(Jesper!AH$2:AH$366,ROUNDDOWN($C5060/24,0)+1,1))-1)+IF('Standard Profiles'!$G$18=$B$10,7,0)+IF('Standard Profiles'!$G$18=$B$17,14,0)+IF('Standard Profiles'!$G$18=$B$24,21,0),MOD($C5060,24)+1)/SUM(INDEX($D$3:$AA$30,INDEX(Jesper!$R$2:$R$366,ROW(INDEX(Jesper!AH$2:AH$366,ROUNDDOWN($C5060/24,0)+1,1))-1)+IF('Standard Profiles'!$G$18=$B$10,7,0)+IF('Standard Profiles'!$G$18=$B$17,14,0)+IF('Standard Profiles'!$G$18=$B$24,21,0),0)),0)</f>
        <v>11.310655778638472</v>
      </c>
      <c r="E5060" cm="1">
        <f t="array" ref="E5060">IFERROR(INDEX(Jesper!AI$2:AI$366,ROUNDDOWN($C5060/24,0)+1,1)*INDEX($D$3:$AA$30,INDEX(Jesper!$R$2:$R$366,ROW(INDEX(Jesper!AI$2:AI$366,ROUNDDOWN($C5060/24,0)+1,1))-1)+IF('Standard Profiles'!$G$19=$B$10,7,0)+IF('Standard Profiles'!$G$19=$B$17,14,0)+IF('Standard Profiles'!$G$19=$B$24,21,0),MOD($C5060,24)+1)/SUM(INDEX($D$3:$AA$30,INDEX(Jesper!$R$2:$R$366,ROW(INDEX(Jesper!AI$2:AI$366,ROUNDDOWN($C5060/24,0)+1,1))-1)+IF('Standard Profiles'!$G$19=$B$10,7,0)+IF('Standard Profiles'!$G$19=$B$17,14,0)+IF('Standard Profiles'!$G$19=$B$24,21,0),0)),0)</f>
        <v>1.5839427638850141</v>
      </c>
      <c r="F5060" cm="1">
        <f t="array" ref="F5060">IFERROR(INDEX(Jesper!AJ$2:AJ$366,ROUNDDOWN($C5060/24,0)+1,1)*INDEX($D$3:$AA$30,INDEX(Jesper!$R$2:$R$366,ROW(INDEX(Jesper!AJ$2:AJ$366,ROUNDDOWN($C5060/24,0)+1,1))-1)+IF('Standard Profiles'!$G$20=$B$10,7,0)+IF('Standard Profiles'!$G$20=$B$17,14,0)+IF('Standard Profiles'!$G$20=$B$24,21,0),MOD($C5060,24)+1)/SUM(INDEX($D$3:$AA$30,INDEX(Jesper!$R$2:$R$366,ROW(INDEX(Jesper!AJ$2:AJ$366,ROUNDDOWN($C5060/24,0)+1,1))-1)+IF('Standard Profiles'!$G$20=$B$10,7,0)+IF('Standard Profiles'!$G$20=$B$17,14,0)+IF('Standard Profiles'!$G$20=$B$24,21,0),0)),0)</f>
        <v>0</v>
      </c>
      <c r="G5060" cm="1">
        <f t="array" ref="G5060">IFERROR(INDEX(Jesper!AK$2:AK$366,ROUNDDOWN($C5060/24,0)+1,1)*INDEX($D$3:$AA$30,INDEX(Jesper!$R$2:$R$366,ROW(INDEX(Jesper!AK$2:AK$366,ROUNDDOWN($C5060/24,0)+1,1))-1)+IF('Standard Profiles'!$G$21=$B$10,7,0)+IF('Standard Profiles'!$G$21=$B$17,14,0)+IF('Standard Profiles'!$G$21=$B$24,21,0),MOD($C5060,24)+1)/SUM(INDEX($D$3:$AA$30,INDEX(Jesper!$R$2:$R$366,ROW(INDEX(Jesper!AK$2:AK$366,ROUNDDOWN($C5060/24,0)+1,1))-1)+IF('Standard Profiles'!$G$21=$B$10,7,0)+IF('Standard Profiles'!$G$21=$B$17,14,0)+IF('Standard Profiles'!$G$21=$B$24,21,0),0)),0)</f>
        <v>0</v>
      </c>
      <c r="H5060" cm="1">
        <f t="array" ref="H5060">IFERROR(INDEX(Jesper!AL$2:AL$366,ROUNDDOWN($C5060/24,0)+1,1)*INDEX($D$3:$AA$30,INDEX(Jesper!$R$2:$R$366,ROW(INDEX(Jesper!AL$2:AL$366,ROUNDDOWN($C5060/24,0)+1,1))-1)+IF('Standard Profiles'!$G$22=$B$10,7,0)+IF('Standard Profiles'!$G$22=$B$17,14,0)+IF('Standard Profiles'!$G$22=$B$24,21,0),MOD($C5060,24)+1)/SUM(INDEX($D$3:$AA$30,INDEX(Jesper!$R$2:$R$366,ROW(INDEX(Jesper!AL$2:AL$366,ROUNDDOWN($C5060/24,0)+1,1))-1)+IF('Standard Profiles'!$G$22=$B$10,7,0)+IF('Standard Profiles'!$G$22=$B$17,14,0)+IF('Standard Profiles'!$G$22=$B$24,21,0),0)),0)</f>
        <v>0</v>
      </c>
      <c r="I5060">
        <f t="shared" si="566"/>
        <v>0.14269754629594725</v>
      </c>
      <c r="J5060">
        <f t="shared" si="567"/>
        <v>0.47565848765315755</v>
      </c>
      <c r="K5060">
        <f t="shared" si="568"/>
        <v>0.71348773147973632</v>
      </c>
      <c r="L5060">
        <f t="shared" si="569"/>
        <v>11.562754777094645</v>
      </c>
      <c r="M5060">
        <f t="shared" si="570"/>
        <v>0</v>
      </c>
      <c r="N5060" s="46">
        <f t="shared" si="571"/>
        <v>45501.416666654477</v>
      </c>
    </row>
    <row r="5061" spans="2:14" x14ac:dyDescent="0.3">
      <c r="B5061">
        <f t="shared" si="565"/>
        <v>7</v>
      </c>
      <c r="C5061" s="16">
        <v>5027</v>
      </c>
      <c r="D5061" cm="1">
        <f t="array" ref="D5061">IFERROR(INDEX(Jesper!AH$2:AH$366,ROUNDDOWN($C5061/24,0)+1,1)*INDEX($D$3:$AA$30,INDEX(Jesper!$R$2:$R$366,ROW(INDEX(Jesper!AH$2:AH$366,ROUNDDOWN($C5061/24,0)+1,1))-1)+IF('Standard Profiles'!$G$18=$B$10,7,0)+IF('Standard Profiles'!$G$18=$B$17,14,0)+IF('Standard Profiles'!$G$18=$B$24,21,0),MOD($C5061,24)+1)/SUM(INDEX($D$3:$AA$30,INDEX(Jesper!$R$2:$R$366,ROW(INDEX(Jesper!AH$2:AH$366,ROUNDDOWN($C5061/24,0)+1,1))-1)+IF('Standard Profiles'!$G$18=$B$10,7,0)+IF('Standard Profiles'!$G$18=$B$17,14,0)+IF('Standard Profiles'!$G$18=$B$24,21,0),0)),0)</f>
        <v>11.310655778638472</v>
      </c>
      <c r="E5061" cm="1">
        <f t="array" ref="E5061">IFERROR(INDEX(Jesper!AI$2:AI$366,ROUNDDOWN($C5061/24,0)+1,1)*INDEX($D$3:$AA$30,INDEX(Jesper!$R$2:$R$366,ROW(INDEX(Jesper!AI$2:AI$366,ROUNDDOWN($C5061/24,0)+1,1))-1)+IF('Standard Profiles'!$G$19=$B$10,7,0)+IF('Standard Profiles'!$G$19=$B$17,14,0)+IF('Standard Profiles'!$G$19=$B$24,21,0),MOD($C5061,24)+1)/SUM(INDEX($D$3:$AA$30,INDEX(Jesper!$R$2:$R$366,ROW(INDEX(Jesper!AI$2:AI$366,ROUNDDOWN($C5061/24,0)+1,1))-1)+IF('Standard Profiles'!$G$19=$B$10,7,0)+IF('Standard Profiles'!$G$19=$B$17,14,0)+IF('Standard Profiles'!$G$19=$B$24,21,0),0)),0)</f>
        <v>1.5839427638850141</v>
      </c>
      <c r="F5061" cm="1">
        <f t="array" ref="F5061">IFERROR(INDEX(Jesper!AJ$2:AJ$366,ROUNDDOWN($C5061/24,0)+1,1)*INDEX($D$3:$AA$30,INDEX(Jesper!$R$2:$R$366,ROW(INDEX(Jesper!AJ$2:AJ$366,ROUNDDOWN($C5061/24,0)+1,1))-1)+IF('Standard Profiles'!$G$20=$B$10,7,0)+IF('Standard Profiles'!$G$20=$B$17,14,0)+IF('Standard Profiles'!$G$20=$B$24,21,0),MOD($C5061,24)+1)/SUM(INDEX($D$3:$AA$30,INDEX(Jesper!$R$2:$R$366,ROW(INDEX(Jesper!AJ$2:AJ$366,ROUNDDOWN($C5061/24,0)+1,1))-1)+IF('Standard Profiles'!$G$20=$B$10,7,0)+IF('Standard Profiles'!$G$20=$B$17,14,0)+IF('Standard Profiles'!$G$20=$B$24,21,0),0)),0)</f>
        <v>0</v>
      </c>
      <c r="G5061" cm="1">
        <f t="array" ref="G5061">IFERROR(INDEX(Jesper!AK$2:AK$366,ROUNDDOWN($C5061/24,0)+1,1)*INDEX($D$3:$AA$30,INDEX(Jesper!$R$2:$R$366,ROW(INDEX(Jesper!AK$2:AK$366,ROUNDDOWN($C5061/24,0)+1,1))-1)+IF('Standard Profiles'!$G$21=$B$10,7,0)+IF('Standard Profiles'!$G$21=$B$17,14,0)+IF('Standard Profiles'!$G$21=$B$24,21,0),MOD($C5061,24)+1)/SUM(INDEX($D$3:$AA$30,INDEX(Jesper!$R$2:$R$366,ROW(INDEX(Jesper!AK$2:AK$366,ROUNDDOWN($C5061/24,0)+1,1))-1)+IF('Standard Profiles'!$G$21=$B$10,7,0)+IF('Standard Profiles'!$G$21=$B$17,14,0)+IF('Standard Profiles'!$G$21=$B$24,21,0),0)),0)</f>
        <v>0</v>
      </c>
      <c r="H5061" cm="1">
        <f t="array" ref="H5061">IFERROR(INDEX(Jesper!AL$2:AL$366,ROUNDDOWN($C5061/24,0)+1,1)*INDEX($D$3:$AA$30,INDEX(Jesper!$R$2:$R$366,ROW(INDEX(Jesper!AL$2:AL$366,ROUNDDOWN($C5061/24,0)+1,1))-1)+IF('Standard Profiles'!$G$22=$B$10,7,0)+IF('Standard Profiles'!$G$22=$B$17,14,0)+IF('Standard Profiles'!$G$22=$B$24,21,0),MOD($C5061,24)+1)/SUM(INDEX($D$3:$AA$30,INDEX(Jesper!$R$2:$R$366,ROW(INDEX(Jesper!AL$2:AL$366,ROUNDDOWN($C5061/24,0)+1,1))-1)+IF('Standard Profiles'!$G$22=$B$10,7,0)+IF('Standard Profiles'!$G$22=$B$17,14,0)+IF('Standard Profiles'!$G$22=$B$24,21,0),0)),0)</f>
        <v>0</v>
      </c>
      <c r="I5061">
        <f t="shared" si="566"/>
        <v>0.14269754629594725</v>
      </c>
      <c r="J5061">
        <f t="shared" si="567"/>
        <v>0.47565848765315755</v>
      </c>
      <c r="K5061">
        <f t="shared" si="568"/>
        <v>0.71348773147973632</v>
      </c>
      <c r="L5061">
        <f t="shared" si="569"/>
        <v>11.562754777094645</v>
      </c>
      <c r="M5061">
        <f t="shared" si="570"/>
        <v>0</v>
      </c>
      <c r="N5061" s="46">
        <f t="shared" si="571"/>
        <v>45501.458333321141</v>
      </c>
    </row>
    <row r="5062" spans="2:14" x14ac:dyDescent="0.3">
      <c r="B5062">
        <f t="shared" si="565"/>
        <v>7</v>
      </c>
      <c r="C5062" s="16">
        <v>5028</v>
      </c>
      <c r="D5062" cm="1">
        <f t="array" ref="D5062">IFERROR(INDEX(Jesper!AH$2:AH$366,ROUNDDOWN($C5062/24,0)+1,1)*INDEX($D$3:$AA$30,INDEX(Jesper!$R$2:$R$366,ROW(INDEX(Jesper!AH$2:AH$366,ROUNDDOWN($C5062/24,0)+1,1))-1)+IF('Standard Profiles'!$G$18=$B$10,7,0)+IF('Standard Profiles'!$G$18=$B$17,14,0)+IF('Standard Profiles'!$G$18=$B$24,21,0),MOD($C5062,24)+1)/SUM(INDEX($D$3:$AA$30,INDEX(Jesper!$R$2:$R$366,ROW(INDEX(Jesper!AH$2:AH$366,ROUNDDOWN($C5062/24,0)+1,1))-1)+IF('Standard Profiles'!$G$18=$B$10,7,0)+IF('Standard Profiles'!$G$18=$B$17,14,0)+IF('Standard Profiles'!$G$18=$B$24,21,0),0)),0)</f>
        <v>11.310655778638472</v>
      </c>
      <c r="E5062" cm="1">
        <f t="array" ref="E5062">IFERROR(INDEX(Jesper!AI$2:AI$366,ROUNDDOWN($C5062/24,0)+1,1)*INDEX($D$3:$AA$30,INDEX(Jesper!$R$2:$R$366,ROW(INDEX(Jesper!AI$2:AI$366,ROUNDDOWN($C5062/24,0)+1,1))-1)+IF('Standard Profiles'!$G$19=$B$10,7,0)+IF('Standard Profiles'!$G$19=$B$17,14,0)+IF('Standard Profiles'!$G$19=$B$24,21,0),MOD($C5062,24)+1)/SUM(INDEX($D$3:$AA$30,INDEX(Jesper!$R$2:$R$366,ROW(INDEX(Jesper!AI$2:AI$366,ROUNDDOWN($C5062/24,0)+1,1))-1)+IF('Standard Profiles'!$G$19=$B$10,7,0)+IF('Standard Profiles'!$G$19=$B$17,14,0)+IF('Standard Profiles'!$G$19=$B$24,21,0),0)),0)</f>
        <v>1.5839427638850141</v>
      </c>
      <c r="F5062" cm="1">
        <f t="array" ref="F5062">IFERROR(INDEX(Jesper!AJ$2:AJ$366,ROUNDDOWN($C5062/24,0)+1,1)*INDEX($D$3:$AA$30,INDEX(Jesper!$R$2:$R$366,ROW(INDEX(Jesper!AJ$2:AJ$366,ROUNDDOWN($C5062/24,0)+1,1))-1)+IF('Standard Profiles'!$G$20=$B$10,7,0)+IF('Standard Profiles'!$G$20=$B$17,14,0)+IF('Standard Profiles'!$G$20=$B$24,21,0),MOD($C5062,24)+1)/SUM(INDEX($D$3:$AA$30,INDEX(Jesper!$R$2:$R$366,ROW(INDEX(Jesper!AJ$2:AJ$366,ROUNDDOWN($C5062/24,0)+1,1))-1)+IF('Standard Profiles'!$G$20=$B$10,7,0)+IF('Standard Profiles'!$G$20=$B$17,14,0)+IF('Standard Profiles'!$G$20=$B$24,21,0),0)),0)</f>
        <v>0</v>
      </c>
      <c r="G5062" cm="1">
        <f t="array" ref="G5062">IFERROR(INDEX(Jesper!AK$2:AK$366,ROUNDDOWN($C5062/24,0)+1,1)*INDEX($D$3:$AA$30,INDEX(Jesper!$R$2:$R$366,ROW(INDEX(Jesper!AK$2:AK$366,ROUNDDOWN($C5062/24,0)+1,1))-1)+IF('Standard Profiles'!$G$21=$B$10,7,0)+IF('Standard Profiles'!$G$21=$B$17,14,0)+IF('Standard Profiles'!$G$21=$B$24,21,0),MOD($C5062,24)+1)/SUM(INDEX($D$3:$AA$30,INDEX(Jesper!$R$2:$R$366,ROW(INDEX(Jesper!AK$2:AK$366,ROUNDDOWN($C5062/24,0)+1,1))-1)+IF('Standard Profiles'!$G$21=$B$10,7,0)+IF('Standard Profiles'!$G$21=$B$17,14,0)+IF('Standard Profiles'!$G$21=$B$24,21,0),0)),0)</f>
        <v>0</v>
      </c>
      <c r="H5062" cm="1">
        <f t="array" ref="H5062">IFERROR(INDEX(Jesper!AL$2:AL$366,ROUNDDOWN($C5062/24,0)+1,1)*INDEX($D$3:$AA$30,INDEX(Jesper!$R$2:$R$366,ROW(INDEX(Jesper!AL$2:AL$366,ROUNDDOWN($C5062/24,0)+1,1))-1)+IF('Standard Profiles'!$G$22=$B$10,7,0)+IF('Standard Profiles'!$G$22=$B$17,14,0)+IF('Standard Profiles'!$G$22=$B$24,21,0),MOD($C5062,24)+1)/SUM(INDEX($D$3:$AA$30,INDEX(Jesper!$R$2:$R$366,ROW(INDEX(Jesper!AL$2:AL$366,ROUNDDOWN($C5062/24,0)+1,1))-1)+IF('Standard Profiles'!$G$22=$B$10,7,0)+IF('Standard Profiles'!$G$22=$B$17,14,0)+IF('Standard Profiles'!$G$22=$B$24,21,0),0)),0)</f>
        <v>0</v>
      </c>
      <c r="I5062">
        <f t="shared" si="566"/>
        <v>0.14269754629594725</v>
      </c>
      <c r="J5062">
        <f t="shared" si="567"/>
        <v>0.47565848765315755</v>
      </c>
      <c r="K5062">
        <f t="shared" si="568"/>
        <v>0.71348773147973632</v>
      </c>
      <c r="L5062">
        <f t="shared" si="569"/>
        <v>11.562754777094645</v>
      </c>
      <c r="M5062">
        <f t="shared" si="570"/>
        <v>0</v>
      </c>
      <c r="N5062" s="46">
        <f t="shared" si="571"/>
        <v>45501.499999987805</v>
      </c>
    </row>
    <row r="5063" spans="2:14" x14ac:dyDescent="0.3">
      <c r="B5063">
        <f t="shared" si="565"/>
        <v>7</v>
      </c>
      <c r="C5063" s="16">
        <v>5029</v>
      </c>
      <c r="D5063" cm="1">
        <f t="array" ref="D5063">IFERROR(INDEX(Jesper!AH$2:AH$366,ROUNDDOWN($C5063/24,0)+1,1)*INDEX($D$3:$AA$30,INDEX(Jesper!$R$2:$R$366,ROW(INDEX(Jesper!AH$2:AH$366,ROUNDDOWN($C5063/24,0)+1,1))-1)+IF('Standard Profiles'!$G$18=$B$10,7,0)+IF('Standard Profiles'!$G$18=$B$17,14,0)+IF('Standard Profiles'!$G$18=$B$24,21,0),MOD($C5063,24)+1)/SUM(INDEX($D$3:$AA$30,INDEX(Jesper!$R$2:$R$366,ROW(INDEX(Jesper!AH$2:AH$366,ROUNDDOWN($C5063/24,0)+1,1))-1)+IF('Standard Profiles'!$G$18=$B$10,7,0)+IF('Standard Profiles'!$G$18=$B$17,14,0)+IF('Standard Profiles'!$G$18=$B$24,21,0),0)),0)</f>
        <v>11.310655778638472</v>
      </c>
      <c r="E5063" cm="1">
        <f t="array" ref="E5063">IFERROR(INDEX(Jesper!AI$2:AI$366,ROUNDDOWN($C5063/24,0)+1,1)*INDEX($D$3:$AA$30,INDEX(Jesper!$R$2:$R$366,ROW(INDEX(Jesper!AI$2:AI$366,ROUNDDOWN($C5063/24,0)+1,1))-1)+IF('Standard Profiles'!$G$19=$B$10,7,0)+IF('Standard Profiles'!$G$19=$B$17,14,0)+IF('Standard Profiles'!$G$19=$B$24,21,0),MOD($C5063,24)+1)/SUM(INDEX($D$3:$AA$30,INDEX(Jesper!$R$2:$R$366,ROW(INDEX(Jesper!AI$2:AI$366,ROUNDDOWN($C5063/24,0)+1,1))-1)+IF('Standard Profiles'!$G$19=$B$10,7,0)+IF('Standard Profiles'!$G$19=$B$17,14,0)+IF('Standard Profiles'!$G$19=$B$24,21,0),0)),0)</f>
        <v>1.5839427638850141</v>
      </c>
      <c r="F5063" cm="1">
        <f t="array" ref="F5063">IFERROR(INDEX(Jesper!AJ$2:AJ$366,ROUNDDOWN($C5063/24,0)+1,1)*INDEX($D$3:$AA$30,INDEX(Jesper!$R$2:$R$366,ROW(INDEX(Jesper!AJ$2:AJ$366,ROUNDDOWN($C5063/24,0)+1,1))-1)+IF('Standard Profiles'!$G$20=$B$10,7,0)+IF('Standard Profiles'!$G$20=$B$17,14,0)+IF('Standard Profiles'!$G$20=$B$24,21,0),MOD($C5063,24)+1)/SUM(INDEX($D$3:$AA$30,INDEX(Jesper!$R$2:$R$366,ROW(INDEX(Jesper!AJ$2:AJ$366,ROUNDDOWN($C5063/24,0)+1,1))-1)+IF('Standard Profiles'!$G$20=$B$10,7,0)+IF('Standard Profiles'!$G$20=$B$17,14,0)+IF('Standard Profiles'!$G$20=$B$24,21,0),0)),0)</f>
        <v>0</v>
      </c>
      <c r="G5063" cm="1">
        <f t="array" ref="G5063">IFERROR(INDEX(Jesper!AK$2:AK$366,ROUNDDOWN($C5063/24,0)+1,1)*INDEX($D$3:$AA$30,INDEX(Jesper!$R$2:$R$366,ROW(INDEX(Jesper!AK$2:AK$366,ROUNDDOWN($C5063/24,0)+1,1))-1)+IF('Standard Profiles'!$G$21=$B$10,7,0)+IF('Standard Profiles'!$G$21=$B$17,14,0)+IF('Standard Profiles'!$G$21=$B$24,21,0),MOD($C5063,24)+1)/SUM(INDEX($D$3:$AA$30,INDEX(Jesper!$R$2:$R$366,ROW(INDEX(Jesper!AK$2:AK$366,ROUNDDOWN($C5063/24,0)+1,1))-1)+IF('Standard Profiles'!$G$21=$B$10,7,0)+IF('Standard Profiles'!$G$21=$B$17,14,0)+IF('Standard Profiles'!$G$21=$B$24,21,0),0)),0)</f>
        <v>0</v>
      </c>
      <c r="H5063" cm="1">
        <f t="array" ref="H5063">IFERROR(INDEX(Jesper!AL$2:AL$366,ROUNDDOWN($C5063/24,0)+1,1)*INDEX($D$3:$AA$30,INDEX(Jesper!$R$2:$R$366,ROW(INDEX(Jesper!AL$2:AL$366,ROUNDDOWN($C5063/24,0)+1,1))-1)+IF('Standard Profiles'!$G$22=$B$10,7,0)+IF('Standard Profiles'!$G$22=$B$17,14,0)+IF('Standard Profiles'!$G$22=$B$24,21,0),MOD($C5063,24)+1)/SUM(INDEX($D$3:$AA$30,INDEX(Jesper!$R$2:$R$366,ROW(INDEX(Jesper!AL$2:AL$366,ROUNDDOWN($C5063/24,0)+1,1))-1)+IF('Standard Profiles'!$G$22=$B$10,7,0)+IF('Standard Profiles'!$G$22=$B$17,14,0)+IF('Standard Profiles'!$G$22=$B$24,21,0),0)),0)</f>
        <v>0</v>
      </c>
      <c r="I5063">
        <f t="shared" si="566"/>
        <v>0.14269754629594725</v>
      </c>
      <c r="J5063">
        <f t="shared" si="567"/>
        <v>0.47565848765315755</v>
      </c>
      <c r="K5063">
        <f t="shared" si="568"/>
        <v>0.71348773147973632</v>
      </c>
      <c r="L5063">
        <f t="shared" si="569"/>
        <v>11.562754777094645</v>
      </c>
      <c r="M5063">
        <f t="shared" si="570"/>
        <v>0</v>
      </c>
      <c r="N5063" s="46">
        <f t="shared" si="571"/>
        <v>45501.54166665447</v>
      </c>
    </row>
    <row r="5064" spans="2:14" x14ac:dyDescent="0.3">
      <c r="B5064">
        <f t="shared" si="565"/>
        <v>7</v>
      </c>
      <c r="C5064" s="16">
        <v>5030</v>
      </c>
      <c r="D5064" cm="1">
        <f t="array" ref="D5064">IFERROR(INDEX(Jesper!AH$2:AH$366,ROUNDDOWN($C5064/24,0)+1,1)*INDEX($D$3:$AA$30,INDEX(Jesper!$R$2:$R$366,ROW(INDEX(Jesper!AH$2:AH$366,ROUNDDOWN($C5064/24,0)+1,1))-1)+IF('Standard Profiles'!$G$18=$B$10,7,0)+IF('Standard Profiles'!$G$18=$B$17,14,0)+IF('Standard Profiles'!$G$18=$B$24,21,0),MOD($C5064,24)+1)/SUM(INDEX($D$3:$AA$30,INDEX(Jesper!$R$2:$R$366,ROW(INDEX(Jesper!AH$2:AH$366,ROUNDDOWN($C5064/24,0)+1,1))-1)+IF('Standard Profiles'!$G$18=$B$10,7,0)+IF('Standard Profiles'!$G$18=$B$17,14,0)+IF('Standard Profiles'!$G$18=$B$24,21,0),0)),0)</f>
        <v>11.310655778638472</v>
      </c>
      <c r="E5064" cm="1">
        <f t="array" ref="E5064">IFERROR(INDEX(Jesper!AI$2:AI$366,ROUNDDOWN($C5064/24,0)+1,1)*INDEX($D$3:$AA$30,INDEX(Jesper!$R$2:$R$366,ROW(INDEX(Jesper!AI$2:AI$366,ROUNDDOWN($C5064/24,0)+1,1))-1)+IF('Standard Profiles'!$G$19=$B$10,7,0)+IF('Standard Profiles'!$G$19=$B$17,14,0)+IF('Standard Profiles'!$G$19=$B$24,21,0),MOD($C5064,24)+1)/SUM(INDEX($D$3:$AA$30,INDEX(Jesper!$R$2:$R$366,ROW(INDEX(Jesper!AI$2:AI$366,ROUNDDOWN($C5064/24,0)+1,1))-1)+IF('Standard Profiles'!$G$19=$B$10,7,0)+IF('Standard Profiles'!$G$19=$B$17,14,0)+IF('Standard Profiles'!$G$19=$B$24,21,0),0)),0)</f>
        <v>1.5839427638850141</v>
      </c>
      <c r="F5064" cm="1">
        <f t="array" ref="F5064">IFERROR(INDEX(Jesper!AJ$2:AJ$366,ROUNDDOWN($C5064/24,0)+1,1)*INDEX($D$3:$AA$30,INDEX(Jesper!$R$2:$R$366,ROW(INDEX(Jesper!AJ$2:AJ$366,ROUNDDOWN($C5064/24,0)+1,1))-1)+IF('Standard Profiles'!$G$20=$B$10,7,0)+IF('Standard Profiles'!$G$20=$B$17,14,0)+IF('Standard Profiles'!$G$20=$B$24,21,0),MOD($C5064,24)+1)/SUM(INDEX($D$3:$AA$30,INDEX(Jesper!$R$2:$R$366,ROW(INDEX(Jesper!AJ$2:AJ$366,ROUNDDOWN($C5064/24,0)+1,1))-1)+IF('Standard Profiles'!$G$20=$B$10,7,0)+IF('Standard Profiles'!$G$20=$B$17,14,0)+IF('Standard Profiles'!$G$20=$B$24,21,0),0)),0)</f>
        <v>0</v>
      </c>
      <c r="G5064" cm="1">
        <f t="array" ref="G5064">IFERROR(INDEX(Jesper!AK$2:AK$366,ROUNDDOWN($C5064/24,0)+1,1)*INDEX($D$3:$AA$30,INDEX(Jesper!$R$2:$R$366,ROW(INDEX(Jesper!AK$2:AK$366,ROUNDDOWN($C5064/24,0)+1,1))-1)+IF('Standard Profiles'!$G$21=$B$10,7,0)+IF('Standard Profiles'!$G$21=$B$17,14,0)+IF('Standard Profiles'!$G$21=$B$24,21,0),MOD($C5064,24)+1)/SUM(INDEX($D$3:$AA$30,INDEX(Jesper!$R$2:$R$366,ROW(INDEX(Jesper!AK$2:AK$366,ROUNDDOWN($C5064/24,0)+1,1))-1)+IF('Standard Profiles'!$G$21=$B$10,7,0)+IF('Standard Profiles'!$G$21=$B$17,14,0)+IF('Standard Profiles'!$G$21=$B$24,21,0),0)),0)</f>
        <v>0</v>
      </c>
      <c r="H5064" cm="1">
        <f t="array" ref="H5064">IFERROR(INDEX(Jesper!AL$2:AL$366,ROUNDDOWN($C5064/24,0)+1,1)*INDEX($D$3:$AA$30,INDEX(Jesper!$R$2:$R$366,ROW(INDEX(Jesper!AL$2:AL$366,ROUNDDOWN($C5064/24,0)+1,1))-1)+IF('Standard Profiles'!$G$22=$B$10,7,0)+IF('Standard Profiles'!$G$22=$B$17,14,0)+IF('Standard Profiles'!$G$22=$B$24,21,0),MOD($C5064,24)+1)/SUM(INDEX($D$3:$AA$30,INDEX(Jesper!$R$2:$R$366,ROW(INDEX(Jesper!AL$2:AL$366,ROUNDDOWN($C5064/24,0)+1,1))-1)+IF('Standard Profiles'!$G$22=$B$10,7,0)+IF('Standard Profiles'!$G$22=$B$17,14,0)+IF('Standard Profiles'!$G$22=$B$24,21,0),0)),0)</f>
        <v>0</v>
      </c>
      <c r="I5064">
        <f t="shared" si="566"/>
        <v>0.14269754629594725</v>
      </c>
      <c r="J5064">
        <f t="shared" si="567"/>
        <v>0.47565848765315755</v>
      </c>
      <c r="K5064">
        <f t="shared" si="568"/>
        <v>0.71348773147973632</v>
      </c>
      <c r="L5064">
        <f t="shared" si="569"/>
        <v>11.562754777094645</v>
      </c>
      <c r="M5064">
        <f t="shared" si="570"/>
        <v>0</v>
      </c>
      <c r="N5064" s="46">
        <f t="shared" si="571"/>
        <v>45501.583333321134</v>
      </c>
    </row>
    <row r="5065" spans="2:14" x14ac:dyDescent="0.3">
      <c r="B5065">
        <f t="shared" si="565"/>
        <v>7</v>
      </c>
      <c r="C5065" s="16">
        <v>5031</v>
      </c>
      <c r="D5065" cm="1">
        <f t="array" ref="D5065">IFERROR(INDEX(Jesper!AH$2:AH$366,ROUNDDOWN($C5065/24,0)+1,1)*INDEX($D$3:$AA$30,INDEX(Jesper!$R$2:$R$366,ROW(INDEX(Jesper!AH$2:AH$366,ROUNDDOWN($C5065/24,0)+1,1))-1)+IF('Standard Profiles'!$G$18=$B$10,7,0)+IF('Standard Profiles'!$G$18=$B$17,14,0)+IF('Standard Profiles'!$G$18=$B$24,21,0),MOD($C5065,24)+1)/SUM(INDEX($D$3:$AA$30,INDEX(Jesper!$R$2:$R$366,ROW(INDEX(Jesper!AH$2:AH$366,ROUNDDOWN($C5065/24,0)+1,1))-1)+IF('Standard Profiles'!$G$18=$B$10,7,0)+IF('Standard Profiles'!$G$18=$B$17,14,0)+IF('Standard Profiles'!$G$18=$B$24,21,0),0)),0)</f>
        <v>10.053916247678641</v>
      </c>
      <c r="E5065" cm="1">
        <f t="array" ref="E5065">IFERROR(INDEX(Jesper!AI$2:AI$366,ROUNDDOWN($C5065/24,0)+1,1)*INDEX($D$3:$AA$30,INDEX(Jesper!$R$2:$R$366,ROW(INDEX(Jesper!AI$2:AI$366,ROUNDDOWN($C5065/24,0)+1,1))-1)+IF('Standard Profiles'!$G$19=$B$10,7,0)+IF('Standard Profiles'!$G$19=$B$17,14,0)+IF('Standard Profiles'!$G$19=$B$24,21,0),MOD($C5065,24)+1)/SUM(INDEX($D$3:$AA$30,INDEX(Jesper!$R$2:$R$366,ROW(INDEX(Jesper!AI$2:AI$366,ROUNDDOWN($C5065/24,0)+1,1))-1)+IF('Standard Profiles'!$G$19=$B$10,7,0)+IF('Standard Profiles'!$G$19=$B$17,14,0)+IF('Standard Profiles'!$G$19=$B$24,21,0),0)),0)</f>
        <v>1.4079491234533459</v>
      </c>
      <c r="F5065" cm="1">
        <f t="array" ref="F5065">IFERROR(INDEX(Jesper!AJ$2:AJ$366,ROUNDDOWN($C5065/24,0)+1,1)*INDEX($D$3:$AA$30,INDEX(Jesper!$R$2:$R$366,ROW(INDEX(Jesper!AJ$2:AJ$366,ROUNDDOWN($C5065/24,0)+1,1))-1)+IF('Standard Profiles'!$G$20=$B$10,7,0)+IF('Standard Profiles'!$G$20=$B$17,14,0)+IF('Standard Profiles'!$G$20=$B$24,21,0),MOD($C5065,24)+1)/SUM(INDEX($D$3:$AA$30,INDEX(Jesper!$R$2:$R$366,ROW(INDEX(Jesper!AJ$2:AJ$366,ROUNDDOWN($C5065/24,0)+1,1))-1)+IF('Standard Profiles'!$G$20=$B$10,7,0)+IF('Standard Profiles'!$G$20=$B$17,14,0)+IF('Standard Profiles'!$G$20=$B$24,21,0),0)),0)</f>
        <v>0</v>
      </c>
      <c r="G5065" cm="1">
        <f t="array" ref="G5065">IFERROR(INDEX(Jesper!AK$2:AK$366,ROUNDDOWN($C5065/24,0)+1,1)*INDEX($D$3:$AA$30,INDEX(Jesper!$R$2:$R$366,ROW(INDEX(Jesper!AK$2:AK$366,ROUNDDOWN($C5065/24,0)+1,1))-1)+IF('Standard Profiles'!$G$21=$B$10,7,0)+IF('Standard Profiles'!$G$21=$B$17,14,0)+IF('Standard Profiles'!$G$21=$B$24,21,0),MOD($C5065,24)+1)/SUM(INDEX($D$3:$AA$30,INDEX(Jesper!$R$2:$R$366,ROW(INDEX(Jesper!AK$2:AK$366,ROUNDDOWN($C5065/24,0)+1,1))-1)+IF('Standard Profiles'!$G$21=$B$10,7,0)+IF('Standard Profiles'!$G$21=$B$17,14,0)+IF('Standard Profiles'!$G$21=$B$24,21,0),0)),0)</f>
        <v>0</v>
      </c>
      <c r="H5065" cm="1">
        <f t="array" ref="H5065">IFERROR(INDEX(Jesper!AL$2:AL$366,ROUNDDOWN($C5065/24,0)+1,1)*INDEX($D$3:$AA$30,INDEX(Jesper!$R$2:$R$366,ROW(INDEX(Jesper!AL$2:AL$366,ROUNDDOWN($C5065/24,0)+1,1))-1)+IF('Standard Profiles'!$G$22=$B$10,7,0)+IF('Standard Profiles'!$G$22=$B$17,14,0)+IF('Standard Profiles'!$G$22=$B$24,21,0),MOD($C5065,24)+1)/SUM(INDEX($D$3:$AA$30,INDEX(Jesper!$R$2:$R$366,ROW(INDEX(Jesper!AL$2:AL$366,ROUNDDOWN($C5065/24,0)+1,1))-1)+IF('Standard Profiles'!$G$22=$B$10,7,0)+IF('Standard Profiles'!$G$22=$B$17,14,0)+IF('Standard Profiles'!$G$22=$B$24,21,0),0)),0)</f>
        <v>0</v>
      </c>
      <c r="I5065">
        <f t="shared" si="566"/>
        <v>0.12684226337417534</v>
      </c>
      <c r="J5065">
        <f t="shared" si="567"/>
        <v>0.4228075445805845</v>
      </c>
      <c r="K5065">
        <f t="shared" si="568"/>
        <v>0.63421131687087673</v>
      </c>
      <c r="L5065">
        <f t="shared" si="569"/>
        <v>10.278004246306351</v>
      </c>
      <c r="M5065">
        <f t="shared" si="570"/>
        <v>0</v>
      </c>
      <c r="N5065" s="46">
        <f t="shared" si="571"/>
        <v>45501.624999987798</v>
      </c>
    </row>
    <row r="5066" spans="2:14" x14ac:dyDescent="0.3">
      <c r="B5066">
        <f t="shared" si="565"/>
        <v>7</v>
      </c>
      <c r="C5066" s="16">
        <v>5032</v>
      </c>
      <c r="D5066" cm="1">
        <f t="array" ref="D5066">IFERROR(INDEX(Jesper!AH$2:AH$366,ROUNDDOWN($C5066/24,0)+1,1)*INDEX($D$3:$AA$30,INDEX(Jesper!$R$2:$R$366,ROW(INDEX(Jesper!AH$2:AH$366,ROUNDDOWN($C5066/24,0)+1,1))-1)+IF('Standard Profiles'!$G$18=$B$10,7,0)+IF('Standard Profiles'!$G$18=$B$17,14,0)+IF('Standard Profiles'!$G$18=$B$24,21,0),MOD($C5066,24)+1)/SUM(INDEX($D$3:$AA$30,INDEX(Jesper!$R$2:$R$366,ROW(INDEX(Jesper!AH$2:AH$366,ROUNDDOWN($C5066/24,0)+1,1))-1)+IF('Standard Profiles'!$G$18=$B$10,7,0)+IF('Standard Profiles'!$G$18=$B$17,14,0)+IF('Standard Profiles'!$G$18=$B$24,21,0),0)),0)</f>
        <v>9.8743820289700945</v>
      </c>
      <c r="E5066" cm="1">
        <f t="array" ref="E5066">IFERROR(INDEX(Jesper!AI$2:AI$366,ROUNDDOWN($C5066/24,0)+1,1)*INDEX($D$3:$AA$30,INDEX(Jesper!$R$2:$R$366,ROW(INDEX(Jesper!AI$2:AI$366,ROUNDDOWN($C5066/24,0)+1,1))-1)+IF('Standard Profiles'!$G$19=$B$10,7,0)+IF('Standard Profiles'!$G$19=$B$17,14,0)+IF('Standard Profiles'!$G$19=$B$24,21,0),MOD($C5066,24)+1)/SUM(INDEX($D$3:$AA$30,INDEX(Jesper!$R$2:$R$366,ROW(INDEX(Jesper!AI$2:AI$366,ROUNDDOWN($C5066/24,0)+1,1))-1)+IF('Standard Profiles'!$G$19=$B$10,7,0)+IF('Standard Profiles'!$G$19=$B$17,14,0)+IF('Standard Profiles'!$G$19=$B$24,21,0),0)),0)</f>
        <v>1.3828071748202506</v>
      </c>
      <c r="F5066" cm="1">
        <f t="array" ref="F5066">IFERROR(INDEX(Jesper!AJ$2:AJ$366,ROUNDDOWN($C5066/24,0)+1,1)*INDEX($D$3:$AA$30,INDEX(Jesper!$R$2:$R$366,ROW(INDEX(Jesper!AJ$2:AJ$366,ROUNDDOWN($C5066/24,0)+1,1))-1)+IF('Standard Profiles'!$G$20=$B$10,7,0)+IF('Standard Profiles'!$G$20=$B$17,14,0)+IF('Standard Profiles'!$G$20=$B$24,21,0),MOD($C5066,24)+1)/SUM(INDEX($D$3:$AA$30,INDEX(Jesper!$R$2:$R$366,ROW(INDEX(Jesper!AJ$2:AJ$366,ROUNDDOWN($C5066/24,0)+1,1))-1)+IF('Standard Profiles'!$G$20=$B$10,7,0)+IF('Standard Profiles'!$G$20=$B$17,14,0)+IF('Standard Profiles'!$G$20=$B$24,21,0),0)),0)</f>
        <v>0</v>
      </c>
      <c r="G5066" cm="1">
        <f t="array" ref="G5066">IFERROR(INDEX(Jesper!AK$2:AK$366,ROUNDDOWN($C5066/24,0)+1,1)*INDEX($D$3:$AA$30,INDEX(Jesper!$R$2:$R$366,ROW(INDEX(Jesper!AK$2:AK$366,ROUNDDOWN($C5066/24,0)+1,1))-1)+IF('Standard Profiles'!$G$21=$B$10,7,0)+IF('Standard Profiles'!$G$21=$B$17,14,0)+IF('Standard Profiles'!$G$21=$B$24,21,0),MOD($C5066,24)+1)/SUM(INDEX($D$3:$AA$30,INDEX(Jesper!$R$2:$R$366,ROW(INDEX(Jesper!AK$2:AK$366,ROUNDDOWN($C5066/24,0)+1,1))-1)+IF('Standard Profiles'!$G$21=$B$10,7,0)+IF('Standard Profiles'!$G$21=$B$17,14,0)+IF('Standard Profiles'!$G$21=$B$24,21,0),0)),0)</f>
        <v>0</v>
      </c>
      <c r="H5066" cm="1">
        <f t="array" ref="H5066">IFERROR(INDEX(Jesper!AL$2:AL$366,ROUNDDOWN($C5066/24,0)+1,1)*INDEX($D$3:$AA$30,INDEX(Jesper!$R$2:$R$366,ROW(INDEX(Jesper!AL$2:AL$366,ROUNDDOWN($C5066/24,0)+1,1))-1)+IF('Standard Profiles'!$G$22=$B$10,7,0)+IF('Standard Profiles'!$G$22=$B$17,14,0)+IF('Standard Profiles'!$G$22=$B$24,21,0),MOD($C5066,24)+1)/SUM(INDEX($D$3:$AA$30,INDEX(Jesper!$R$2:$R$366,ROW(INDEX(Jesper!AL$2:AL$366,ROUNDDOWN($C5066/24,0)+1,1))-1)+IF('Standard Profiles'!$G$22=$B$10,7,0)+IF('Standard Profiles'!$G$22=$B$17,14,0)+IF('Standard Profiles'!$G$22=$B$24,21,0),0)),0)</f>
        <v>0</v>
      </c>
      <c r="I5066">
        <f t="shared" si="566"/>
        <v>0.12457722295677937</v>
      </c>
      <c r="J5066">
        <f t="shared" si="567"/>
        <v>0.41525740985593129</v>
      </c>
      <c r="K5066">
        <f t="shared" si="568"/>
        <v>0.62288611478389688</v>
      </c>
      <c r="L5066">
        <f t="shared" si="569"/>
        <v>10.094468456193738</v>
      </c>
      <c r="M5066">
        <f t="shared" si="570"/>
        <v>0</v>
      </c>
      <c r="N5066" s="46">
        <f t="shared" si="571"/>
        <v>45501.666666654462</v>
      </c>
    </row>
    <row r="5067" spans="2:14" x14ac:dyDescent="0.3">
      <c r="B5067">
        <f t="shared" si="565"/>
        <v>7</v>
      </c>
      <c r="C5067" s="16">
        <v>5033</v>
      </c>
      <c r="D5067" cm="1">
        <f t="array" ref="D5067">IFERROR(INDEX(Jesper!AH$2:AH$366,ROUNDDOWN($C5067/24,0)+1,1)*INDEX($D$3:$AA$30,INDEX(Jesper!$R$2:$R$366,ROW(INDEX(Jesper!AH$2:AH$366,ROUNDDOWN($C5067/24,0)+1,1))-1)+IF('Standard Profiles'!$G$18=$B$10,7,0)+IF('Standard Profiles'!$G$18=$B$17,14,0)+IF('Standard Profiles'!$G$18=$B$24,21,0),MOD($C5067,24)+1)/SUM(INDEX($D$3:$AA$30,INDEX(Jesper!$R$2:$R$366,ROW(INDEX(Jesper!AH$2:AH$366,ROUNDDOWN($C5067/24,0)+1,1))-1)+IF('Standard Profiles'!$G$18=$B$10,7,0)+IF('Standard Profiles'!$G$18=$B$17,14,0)+IF('Standard Profiles'!$G$18=$B$24,21,0),0)),0)</f>
        <v>8.4381082793017175</v>
      </c>
      <c r="E5067" cm="1">
        <f t="array" ref="E5067">IFERROR(INDEX(Jesper!AI$2:AI$366,ROUNDDOWN($C5067/24,0)+1,1)*INDEX($D$3:$AA$30,INDEX(Jesper!$R$2:$R$366,ROW(INDEX(Jesper!AI$2:AI$366,ROUNDDOWN($C5067/24,0)+1,1))-1)+IF('Standard Profiles'!$G$19=$B$10,7,0)+IF('Standard Profiles'!$G$19=$B$17,14,0)+IF('Standard Profiles'!$G$19=$B$24,21,0),MOD($C5067,24)+1)/SUM(INDEX($D$3:$AA$30,INDEX(Jesper!$R$2:$R$366,ROW(INDEX(Jesper!AI$2:AI$366,ROUNDDOWN($C5067/24,0)+1,1))-1)+IF('Standard Profiles'!$G$19=$B$10,7,0)+IF('Standard Profiles'!$G$19=$B$17,14,0)+IF('Standard Profiles'!$G$19=$B$24,21,0),0)),0)</f>
        <v>1.1816715857554867</v>
      </c>
      <c r="F5067" cm="1">
        <f t="array" ref="F5067">IFERROR(INDEX(Jesper!AJ$2:AJ$366,ROUNDDOWN($C5067/24,0)+1,1)*INDEX($D$3:$AA$30,INDEX(Jesper!$R$2:$R$366,ROW(INDEX(Jesper!AJ$2:AJ$366,ROUNDDOWN($C5067/24,0)+1,1))-1)+IF('Standard Profiles'!$G$20=$B$10,7,0)+IF('Standard Profiles'!$G$20=$B$17,14,0)+IF('Standard Profiles'!$G$20=$B$24,21,0),MOD($C5067,24)+1)/SUM(INDEX($D$3:$AA$30,INDEX(Jesper!$R$2:$R$366,ROW(INDEX(Jesper!AJ$2:AJ$366,ROUNDDOWN($C5067/24,0)+1,1))-1)+IF('Standard Profiles'!$G$20=$B$10,7,0)+IF('Standard Profiles'!$G$20=$B$17,14,0)+IF('Standard Profiles'!$G$20=$B$24,21,0),0)),0)</f>
        <v>0</v>
      </c>
      <c r="G5067" cm="1">
        <f t="array" ref="G5067">IFERROR(INDEX(Jesper!AK$2:AK$366,ROUNDDOWN($C5067/24,0)+1,1)*INDEX($D$3:$AA$30,INDEX(Jesper!$R$2:$R$366,ROW(INDEX(Jesper!AK$2:AK$366,ROUNDDOWN($C5067/24,0)+1,1))-1)+IF('Standard Profiles'!$G$21=$B$10,7,0)+IF('Standard Profiles'!$G$21=$B$17,14,0)+IF('Standard Profiles'!$G$21=$B$24,21,0),MOD($C5067,24)+1)/SUM(INDEX($D$3:$AA$30,INDEX(Jesper!$R$2:$R$366,ROW(INDEX(Jesper!AK$2:AK$366,ROUNDDOWN($C5067/24,0)+1,1))-1)+IF('Standard Profiles'!$G$21=$B$10,7,0)+IF('Standard Profiles'!$G$21=$B$17,14,0)+IF('Standard Profiles'!$G$21=$B$24,21,0),0)),0)</f>
        <v>0</v>
      </c>
      <c r="H5067" cm="1">
        <f t="array" ref="H5067">IFERROR(INDEX(Jesper!AL$2:AL$366,ROUNDDOWN($C5067/24,0)+1,1)*INDEX($D$3:$AA$30,INDEX(Jesper!$R$2:$R$366,ROW(INDEX(Jesper!AL$2:AL$366,ROUNDDOWN($C5067/24,0)+1,1))-1)+IF('Standard Profiles'!$G$22=$B$10,7,0)+IF('Standard Profiles'!$G$22=$B$17,14,0)+IF('Standard Profiles'!$G$22=$B$24,21,0),MOD($C5067,24)+1)/SUM(INDEX($D$3:$AA$30,INDEX(Jesper!$R$2:$R$366,ROW(INDEX(Jesper!AL$2:AL$366,ROUNDDOWN($C5067/24,0)+1,1))-1)+IF('Standard Profiles'!$G$22=$B$10,7,0)+IF('Standard Profiles'!$G$22=$B$17,14,0)+IF('Standard Profiles'!$G$22=$B$24,21,0),0)),0)</f>
        <v>0</v>
      </c>
      <c r="I5067">
        <f t="shared" si="566"/>
        <v>0.10645689961761144</v>
      </c>
      <c r="J5067">
        <f t="shared" si="567"/>
        <v>0.35485633205870487</v>
      </c>
      <c r="K5067">
        <f t="shared" si="568"/>
        <v>0.53228449808805722</v>
      </c>
      <c r="L5067">
        <f t="shared" si="569"/>
        <v>8.6261821352928312</v>
      </c>
      <c r="M5067">
        <f t="shared" si="570"/>
        <v>0</v>
      </c>
      <c r="N5067" s="46">
        <f t="shared" si="571"/>
        <v>45501.708333321127</v>
      </c>
    </row>
    <row r="5068" spans="2:14" x14ac:dyDescent="0.3">
      <c r="B5068">
        <f t="shared" si="565"/>
        <v>7</v>
      </c>
      <c r="C5068" s="16">
        <v>5034</v>
      </c>
      <c r="D5068" cm="1">
        <f t="array" ref="D5068">IFERROR(INDEX(Jesper!AH$2:AH$366,ROUNDDOWN($C5068/24,0)+1,1)*INDEX($D$3:$AA$30,INDEX(Jesper!$R$2:$R$366,ROW(INDEX(Jesper!AH$2:AH$366,ROUNDDOWN($C5068/24,0)+1,1))-1)+IF('Standard Profiles'!$G$18=$B$10,7,0)+IF('Standard Profiles'!$G$18=$B$17,14,0)+IF('Standard Profiles'!$G$18=$B$24,21,0),MOD($C5068,24)+1)/SUM(INDEX($D$3:$AA$30,INDEX(Jesper!$R$2:$R$366,ROW(INDEX(Jesper!AH$2:AH$366,ROUNDDOWN($C5068/24,0)+1,1))-1)+IF('Standard Profiles'!$G$18=$B$10,7,0)+IF('Standard Profiles'!$G$18=$B$17,14,0)+IF('Standard Profiles'!$G$18=$B$24,21,0),0)),0)</f>
        <v>7.8995056231760756</v>
      </c>
      <c r="E5068" cm="1">
        <f t="array" ref="E5068">IFERROR(INDEX(Jesper!AI$2:AI$366,ROUNDDOWN($C5068/24,0)+1,1)*INDEX($D$3:$AA$30,INDEX(Jesper!$R$2:$R$366,ROW(INDEX(Jesper!AI$2:AI$366,ROUNDDOWN($C5068/24,0)+1,1))-1)+IF('Standard Profiles'!$G$19=$B$10,7,0)+IF('Standard Profiles'!$G$19=$B$17,14,0)+IF('Standard Profiles'!$G$19=$B$24,21,0),MOD($C5068,24)+1)/SUM(INDEX($D$3:$AA$30,INDEX(Jesper!$R$2:$R$366,ROW(INDEX(Jesper!AI$2:AI$366,ROUNDDOWN($C5068/24,0)+1,1))-1)+IF('Standard Profiles'!$G$19=$B$10,7,0)+IF('Standard Profiles'!$G$19=$B$17,14,0)+IF('Standard Profiles'!$G$19=$B$24,21,0),0)),0)</f>
        <v>1.1062457398562004</v>
      </c>
      <c r="F5068" cm="1">
        <f t="array" ref="F5068">IFERROR(INDEX(Jesper!AJ$2:AJ$366,ROUNDDOWN($C5068/24,0)+1,1)*INDEX($D$3:$AA$30,INDEX(Jesper!$R$2:$R$366,ROW(INDEX(Jesper!AJ$2:AJ$366,ROUNDDOWN($C5068/24,0)+1,1))-1)+IF('Standard Profiles'!$G$20=$B$10,7,0)+IF('Standard Profiles'!$G$20=$B$17,14,0)+IF('Standard Profiles'!$G$20=$B$24,21,0),MOD($C5068,24)+1)/SUM(INDEX($D$3:$AA$30,INDEX(Jesper!$R$2:$R$366,ROW(INDEX(Jesper!AJ$2:AJ$366,ROUNDDOWN($C5068/24,0)+1,1))-1)+IF('Standard Profiles'!$G$20=$B$10,7,0)+IF('Standard Profiles'!$G$20=$B$17,14,0)+IF('Standard Profiles'!$G$20=$B$24,21,0),0)),0)</f>
        <v>0</v>
      </c>
      <c r="G5068" cm="1">
        <f t="array" ref="G5068">IFERROR(INDEX(Jesper!AK$2:AK$366,ROUNDDOWN($C5068/24,0)+1,1)*INDEX($D$3:$AA$30,INDEX(Jesper!$R$2:$R$366,ROW(INDEX(Jesper!AK$2:AK$366,ROUNDDOWN($C5068/24,0)+1,1))-1)+IF('Standard Profiles'!$G$21=$B$10,7,0)+IF('Standard Profiles'!$G$21=$B$17,14,0)+IF('Standard Profiles'!$G$21=$B$24,21,0),MOD($C5068,24)+1)/SUM(INDEX($D$3:$AA$30,INDEX(Jesper!$R$2:$R$366,ROW(INDEX(Jesper!AK$2:AK$366,ROUNDDOWN($C5068/24,0)+1,1))-1)+IF('Standard Profiles'!$G$21=$B$10,7,0)+IF('Standard Profiles'!$G$21=$B$17,14,0)+IF('Standard Profiles'!$G$21=$B$24,21,0),0)),0)</f>
        <v>0</v>
      </c>
      <c r="H5068" cm="1">
        <f t="array" ref="H5068">IFERROR(INDEX(Jesper!AL$2:AL$366,ROUNDDOWN($C5068/24,0)+1,1)*INDEX($D$3:$AA$30,INDEX(Jesper!$R$2:$R$366,ROW(INDEX(Jesper!AL$2:AL$366,ROUNDDOWN($C5068/24,0)+1,1))-1)+IF('Standard Profiles'!$G$22=$B$10,7,0)+IF('Standard Profiles'!$G$22=$B$17,14,0)+IF('Standard Profiles'!$G$22=$B$24,21,0),MOD($C5068,24)+1)/SUM(INDEX($D$3:$AA$30,INDEX(Jesper!$R$2:$R$366,ROW(INDEX(Jesper!AL$2:AL$366,ROUNDDOWN($C5068/24,0)+1,1))-1)+IF('Standard Profiles'!$G$22=$B$10,7,0)+IF('Standard Profiles'!$G$22=$B$17,14,0)+IF('Standard Profiles'!$G$22=$B$24,21,0),0)),0)</f>
        <v>0</v>
      </c>
      <c r="I5068">
        <f t="shared" si="566"/>
        <v>9.966177836542349E-2</v>
      </c>
      <c r="J5068">
        <f t="shared" si="567"/>
        <v>0.33220592788474501</v>
      </c>
      <c r="K5068">
        <f t="shared" si="568"/>
        <v>0.49830889182711752</v>
      </c>
      <c r="L5068">
        <f t="shared" si="569"/>
        <v>8.0755747649549896</v>
      </c>
      <c r="M5068">
        <f t="shared" si="570"/>
        <v>0</v>
      </c>
      <c r="N5068" s="46">
        <f t="shared" si="571"/>
        <v>45501.749999987791</v>
      </c>
    </row>
    <row r="5069" spans="2:14" x14ac:dyDescent="0.3">
      <c r="B5069">
        <f t="shared" si="565"/>
        <v>7</v>
      </c>
      <c r="C5069" s="16">
        <v>5035</v>
      </c>
      <c r="D5069" cm="1">
        <f t="array" ref="D5069">IFERROR(INDEX(Jesper!AH$2:AH$366,ROUNDDOWN($C5069/24,0)+1,1)*INDEX($D$3:$AA$30,INDEX(Jesper!$R$2:$R$366,ROW(INDEX(Jesper!AH$2:AH$366,ROUNDDOWN($C5069/24,0)+1,1))-1)+IF('Standard Profiles'!$G$18=$B$10,7,0)+IF('Standard Profiles'!$G$18=$B$17,14,0)+IF('Standard Profiles'!$G$18=$B$24,21,0),MOD($C5069,24)+1)/SUM(INDEX($D$3:$AA$30,INDEX(Jesper!$R$2:$R$366,ROW(INDEX(Jesper!AH$2:AH$366,ROUNDDOWN($C5069/24,0)+1,1))-1)+IF('Standard Profiles'!$G$18=$B$10,7,0)+IF('Standard Profiles'!$G$18=$B$17,14,0)+IF('Standard Profiles'!$G$18=$B$24,21,0),0)),0)</f>
        <v>6.6427660922162453</v>
      </c>
      <c r="E5069" cm="1">
        <f t="array" ref="E5069">IFERROR(INDEX(Jesper!AI$2:AI$366,ROUNDDOWN($C5069/24,0)+1,1)*INDEX($D$3:$AA$30,INDEX(Jesper!$R$2:$R$366,ROW(INDEX(Jesper!AI$2:AI$366,ROUNDDOWN($C5069/24,0)+1,1))-1)+IF('Standard Profiles'!$G$19=$B$10,7,0)+IF('Standard Profiles'!$G$19=$B$17,14,0)+IF('Standard Profiles'!$G$19=$B$24,21,0),MOD($C5069,24)+1)/SUM(INDEX($D$3:$AA$30,INDEX(Jesper!$R$2:$R$366,ROW(INDEX(Jesper!AI$2:AI$366,ROUNDDOWN($C5069/24,0)+1,1))-1)+IF('Standard Profiles'!$G$19=$B$10,7,0)+IF('Standard Profiles'!$G$19=$B$17,14,0)+IF('Standard Profiles'!$G$19=$B$24,21,0),0)),0)</f>
        <v>0.93025209942453224</v>
      </c>
      <c r="F5069" cm="1">
        <f t="array" ref="F5069">IFERROR(INDEX(Jesper!AJ$2:AJ$366,ROUNDDOWN($C5069/24,0)+1,1)*INDEX($D$3:$AA$30,INDEX(Jesper!$R$2:$R$366,ROW(INDEX(Jesper!AJ$2:AJ$366,ROUNDDOWN($C5069/24,0)+1,1))-1)+IF('Standard Profiles'!$G$20=$B$10,7,0)+IF('Standard Profiles'!$G$20=$B$17,14,0)+IF('Standard Profiles'!$G$20=$B$24,21,0),MOD($C5069,24)+1)/SUM(INDEX($D$3:$AA$30,INDEX(Jesper!$R$2:$R$366,ROW(INDEX(Jesper!AJ$2:AJ$366,ROUNDDOWN($C5069/24,0)+1,1))-1)+IF('Standard Profiles'!$G$20=$B$10,7,0)+IF('Standard Profiles'!$G$20=$B$17,14,0)+IF('Standard Profiles'!$G$20=$B$24,21,0),0)),0)</f>
        <v>0</v>
      </c>
      <c r="G5069" cm="1">
        <f t="array" ref="G5069">IFERROR(INDEX(Jesper!AK$2:AK$366,ROUNDDOWN($C5069/24,0)+1,1)*INDEX($D$3:$AA$30,INDEX(Jesper!$R$2:$R$366,ROW(INDEX(Jesper!AK$2:AK$366,ROUNDDOWN($C5069/24,0)+1,1))-1)+IF('Standard Profiles'!$G$21=$B$10,7,0)+IF('Standard Profiles'!$G$21=$B$17,14,0)+IF('Standard Profiles'!$G$21=$B$24,21,0),MOD($C5069,24)+1)/SUM(INDEX($D$3:$AA$30,INDEX(Jesper!$R$2:$R$366,ROW(INDEX(Jesper!AK$2:AK$366,ROUNDDOWN($C5069/24,0)+1,1))-1)+IF('Standard Profiles'!$G$21=$B$10,7,0)+IF('Standard Profiles'!$G$21=$B$17,14,0)+IF('Standard Profiles'!$G$21=$B$24,21,0),0)),0)</f>
        <v>0</v>
      </c>
      <c r="H5069" cm="1">
        <f t="array" ref="H5069">IFERROR(INDEX(Jesper!AL$2:AL$366,ROUNDDOWN($C5069/24,0)+1,1)*INDEX($D$3:$AA$30,INDEX(Jesper!$R$2:$R$366,ROW(INDEX(Jesper!AL$2:AL$366,ROUNDDOWN($C5069/24,0)+1,1))-1)+IF('Standard Profiles'!$G$22=$B$10,7,0)+IF('Standard Profiles'!$G$22=$B$17,14,0)+IF('Standard Profiles'!$G$22=$B$24,21,0),MOD($C5069,24)+1)/SUM(INDEX($D$3:$AA$30,INDEX(Jesper!$R$2:$R$366,ROW(INDEX(Jesper!AL$2:AL$366,ROUNDDOWN($C5069/24,0)+1,1))-1)+IF('Standard Profiles'!$G$22=$B$10,7,0)+IF('Standard Profiles'!$G$22=$B$17,14,0)+IF('Standard Profiles'!$G$22=$B$24,21,0),0)),0)</f>
        <v>0</v>
      </c>
      <c r="I5069">
        <f t="shared" si="566"/>
        <v>8.3806495443651569E-2</v>
      </c>
      <c r="J5069">
        <f t="shared" si="567"/>
        <v>0.27935498481217197</v>
      </c>
      <c r="K5069">
        <f t="shared" si="568"/>
        <v>0.41903247721825793</v>
      </c>
      <c r="L5069">
        <f t="shared" si="569"/>
        <v>6.7908242341666964</v>
      </c>
      <c r="M5069">
        <f t="shared" si="570"/>
        <v>0</v>
      </c>
      <c r="N5069" s="46">
        <f t="shared" si="571"/>
        <v>45501.791666654455</v>
      </c>
    </row>
    <row r="5070" spans="2:14" x14ac:dyDescent="0.3">
      <c r="B5070">
        <f t="shared" si="565"/>
        <v>7</v>
      </c>
      <c r="C5070" s="16">
        <v>5036</v>
      </c>
      <c r="D5070" cm="1">
        <f t="array" ref="D5070">IFERROR(INDEX(Jesper!AH$2:AH$366,ROUNDDOWN($C5070/24,0)+1,1)*INDEX($D$3:$AA$30,INDEX(Jesper!$R$2:$R$366,ROW(INDEX(Jesper!AH$2:AH$366,ROUNDDOWN($C5070/24,0)+1,1))-1)+IF('Standard Profiles'!$G$18=$B$10,7,0)+IF('Standard Profiles'!$G$18=$B$17,14,0)+IF('Standard Profiles'!$G$18=$B$24,21,0),MOD($C5070,24)+1)/SUM(INDEX($D$3:$AA$30,INDEX(Jesper!$R$2:$R$366,ROW(INDEX(Jesper!AH$2:AH$366,ROUNDDOWN($C5070/24,0)+1,1))-1)+IF('Standard Profiles'!$G$18=$B$10,7,0)+IF('Standard Profiles'!$G$18=$B$17,14,0)+IF('Standard Profiles'!$G$18=$B$24,21,0),0)),0)</f>
        <v>5.5655607799649616</v>
      </c>
      <c r="E5070" cm="1">
        <f t="array" ref="E5070">IFERROR(INDEX(Jesper!AI$2:AI$366,ROUNDDOWN($C5070/24,0)+1,1)*INDEX($D$3:$AA$30,INDEX(Jesper!$R$2:$R$366,ROW(INDEX(Jesper!AI$2:AI$366,ROUNDDOWN($C5070/24,0)+1,1))-1)+IF('Standard Profiles'!$G$19=$B$10,7,0)+IF('Standard Profiles'!$G$19=$B$17,14,0)+IF('Standard Profiles'!$G$19=$B$24,21,0),MOD($C5070,24)+1)/SUM(INDEX($D$3:$AA$30,INDEX(Jesper!$R$2:$R$366,ROW(INDEX(Jesper!AI$2:AI$366,ROUNDDOWN($C5070/24,0)+1,1))-1)+IF('Standard Profiles'!$G$19=$B$10,7,0)+IF('Standard Profiles'!$G$19=$B$17,14,0)+IF('Standard Profiles'!$G$19=$B$24,21,0),0)),0)</f>
        <v>0.7794004076259593</v>
      </c>
      <c r="F5070" cm="1">
        <f t="array" ref="F5070">IFERROR(INDEX(Jesper!AJ$2:AJ$366,ROUNDDOWN($C5070/24,0)+1,1)*INDEX($D$3:$AA$30,INDEX(Jesper!$R$2:$R$366,ROW(INDEX(Jesper!AJ$2:AJ$366,ROUNDDOWN($C5070/24,0)+1,1))-1)+IF('Standard Profiles'!$G$20=$B$10,7,0)+IF('Standard Profiles'!$G$20=$B$17,14,0)+IF('Standard Profiles'!$G$20=$B$24,21,0),MOD($C5070,24)+1)/SUM(INDEX($D$3:$AA$30,INDEX(Jesper!$R$2:$R$366,ROW(INDEX(Jesper!AJ$2:AJ$366,ROUNDDOWN($C5070/24,0)+1,1))-1)+IF('Standard Profiles'!$G$20=$B$10,7,0)+IF('Standard Profiles'!$G$20=$B$17,14,0)+IF('Standard Profiles'!$G$20=$B$24,21,0),0)),0)</f>
        <v>0</v>
      </c>
      <c r="G5070" cm="1">
        <f t="array" ref="G5070">IFERROR(INDEX(Jesper!AK$2:AK$366,ROUNDDOWN($C5070/24,0)+1,1)*INDEX($D$3:$AA$30,INDEX(Jesper!$R$2:$R$366,ROW(INDEX(Jesper!AK$2:AK$366,ROUNDDOWN($C5070/24,0)+1,1))-1)+IF('Standard Profiles'!$G$21=$B$10,7,0)+IF('Standard Profiles'!$G$21=$B$17,14,0)+IF('Standard Profiles'!$G$21=$B$24,21,0),MOD($C5070,24)+1)/SUM(INDEX($D$3:$AA$30,INDEX(Jesper!$R$2:$R$366,ROW(INDEX(Jesper!AK$2:AK$366,ROUNDDOWN($C5070/24,0)+1,1))-1)+IF('Standard Profiles'!$G$21=$B$10,7,0)+IF('Standard Profiles'!$G$21=$B$17,14,0)+IF('Standard Profiles'!$G$21=$B$24,21,0),0)),0)</f>
        <v>0</v>
      </c>
      <c r="H5070" cm="1">
        <f t="array" ref="H5070">IFERROR(INDEX(Jesper!AL$2:AL$366,ROUNDDOWN($C5070/24,0)+1,1)*INDEX($D$3:$AA$30,INDEX(Jesper!$R$2:$R$366,ROW(INDEX(Jesper!AL$2:AL$366,ROUNDDOWN($C5070/24,0)+1,1))-1)+IF('Standard Profiles'!$G$22=$B$10,7,0)+IF('Standard Profiles'!$G$22=$B$17,14,0)+IF('Standard Profiles'!$G$22=$B$24,21,0),MOD($C5070,24)+1)/SUM(INDEX($D$3:$AA$30,INDEX(Jesper!$R$2:$R$366,ROW(INDEX(Jesper!AL$2:AL$366,ROUNDDOWN($C5070/24,0)+1,1))-1)+IF('Standard Profiles'!$G$22=$B$10,7,0)+IF('Standard Profiles'!$G$22=$B$17,14,0)+IF('Standard Profiles'!$G$22=$B$24,21,0),0)),0)</f>
        <v>0</v>
      </c>
      <c r="I5070">
        <f t="shared" si="566"/>
        <v>7.0216252939275636E-2</v>
      </c>
      <c r="J5070">
        <f t="shared" si="567"/>
        <v>0.23405417646425214</v>
      </c>
      <c r="K5070">
        <f t="shared" si="568"/>
        <v>0.35108126469637818</v>
      </c>
      <c r="L5070">
        <f t="shared" si="569"/>
        <v>5.6896094934910151</v>
      </c>
      <c r="M5070">
        <f t="shared" si="570"/>
        <v>0</v>
      </c>
      <c r="N5070" s="46">
        <f t="shared" si="571"/>
        <v>45501.833333321119</v>
      </c>
    </row>
    <row r="5071" spans="2:14" x14ac:dyDescent="0.3">
      <c r="B5071">
        <f t="shared" si="565"/>
        <v>7</v>
      </c>
      <c r="C5071" s="16">
        <v>5037</v>
      </c>
      <c r="D5071" cm="1">
        <f t="array" ref="D5071">IFERROR(INDEX(Jesper!AH$2:AH$366,ROUNDDOWN($C5071/24,0)+1,1)*INDEX($D$3:$AA$30,INDEX(Jesper!$R$2:$R$366,ROW(INDEX(Jesper!AH$2:AH$366,ROUNDDOWN($C5071/24,0)+1,1))-1)+IF('Standard Profiles'!$G$18=$B$10,7,0)+IF('Standard Profiles'!$G$18=$B$17,14,0)+IF('Standard Profiles'!$G$18=$B$24,21,0),MOD($C5071,24)+1)/SUM(INDEX($D$3:$AA$30,INDEX(Jesper!$R$2:$R$366,ROW(INDEX(Jesper!AH$2:AH$366,ROUNDDOWN($C5071/24,0)+1,1))-1)+IF('Standard Profiles'!$G$18=$B$10,7,0)+IF('Standard Profiles'!$G$18=$B$17,14,0)+IF('Standard Profiles'!$G$18=$B$24,21,0),0)),0)</f>
        <v>4.8474239051307739</v>
      </c>
      <c r="E5071" cm="1">
        <f t="array" ref="E5071">IFERROR(INDEX(Jesper!AI$2:AI$366,ROUNDDOWN($C5071/24,0)+1,1)*INDEX($D$3:$AA$30,INDEX(Jesper!$R$2:$R$366,ROW(INDEX(Jesper!AI$2:AI$366,ROUNDDOWN($C5071/24,0)+1,1))-1)+IF('Standard Profiles'!$G$19=$B$10,7,0)+IF('Standard Profiles'!$G$19=$B$17,14,0)+IF('Standard Profiles'!$G$19=$B$24,21,0),MOD($C5071,24)+1)/SUM(INDEX($D$3:$AA$30,INDEX(Jesper!$R$2:$R$366,ROW(INDEX(Jesper!AI$2:AI$366,ROUNDDOWN($C5071/24,0)+1,1))-1)+IF('Standard Profiles'!$G$19=$B$10,7,0)+IF('Standard Profiles'!$G$19=$B$17,14,0)+IF('Standard Profiles'!$G$19=$B$24,21,0),0)),0)</f>
        <v>0.67883261309357756</v>
      </c>
      <c r="F5071" cm="1">
        <f t="array" ref="F5071">IFERROR(INDEX(Jesper!AJ$2:AJ$366,ROUNDDOWN($C5071/24,0)+1,1)*INDEX($D$3:$AA$30,INDEX(Jesper!$R$2:$R$366,ROW(INDEX(Jesper!AJ$2:AJ$366,ROUNDDOWN($C5071/24,0)+1,1))-1)+IF('Standard Profiles'!$G$20=$B$10,7,0)+IF('Standard Profiles'!$G$20=$B$17,14,0)+IF('Standard Profiles'!$G$20=$B$24,21,0),MOD($C5071,24)+1)/SUM(INDEX($D$3:$AA$30,INDEX(Jesper!$R$2:$R$366,ROW(INDEX(Jesper!AJ$2:AJ$366,ROUNDDOWN($C5071/24,0)+1,1))-1)+IF('Standard Profiles'!$G$20=$B$10,7,0)+IF('Standard Profiles'!$G$20=$B$17,14,0)+IF('Standard Profiles'!$G$20=$B$24,21,0),0)),0)</f>
        <v>0</v>
      </c>
      <c r="G5071" cm="1">
        <f t="array" ref="G5071">IFERROR(INDEX(Jesper!AK$2:AK$366,ROUNDDOWN($C5071/24,0)+1,1)*INDEX($D$3:$AA$30,INDEX(Jesper!$R$2:$R$366,ROW(INDEX(Jesper!AK$2:AK$366,ROUNDDOWN($C5071/24,0)+1,1))-1)+IF('Standard Profiles'!$G$21=$B$10,7,0)+IF('Standard Profiles'!$G$21=$B$17,14,0)+IF('Standard Profiles'!$G$21=$B$24,21,0),MOD($C5071,24)+1)/SUM(INDEX($D$3:$AA$30,INDEX(Jesper!$R$2:$R$366,ROW(INDEX(Jesper!AK$2:AK$366,ROUNDDOWN($C5071/24,0)+1,1))-1)+IF('Standard Profiles'!$G$21=$B$10,7,0)+IF('Standard Profiles'!$G$21=$B$17,14,0)+IF('Standard Profiles'!$G$21=$B$24,21,0),0)),0)</f>
        <v>0</v>
      </c>
      <c r="H5071" cm="1">
        <f t="array" ref="H5071">IFERROR(INDEX(Jesper!AL$2:AL$366,ROUNDDOWN($C5071/24,0)+1,1)*INDEX($D$3:$AA$30,INDEX(Jesper!$R$2:$R$366,ROW(INDEX(Jesper!AL$2:AL$366,ROUNDDOWN($C5071/24,0)+1,1))-1)+IF('Standard Profiles'!$G$22=$B$10,7,0)+IF('Standard Profiles'!$G$22=$B$17,14,0)+IF('Standard Profiles'!$G$22=$B$24,21,0),MOD($C5071,24)+1)/SUM(INDEX($D$3:$AA$30,INDEX(Jesper!$R$2:$R$366,ROW(INDEX(Jesper!AL$2:AL$366,ROUNDDOWN($C5071/24,0)+1,1))-1)+IF('Standard Profiles'!$G$22=$B$10,7,0)+IF('Standard Profiles'!$G$22=$B$17,14,0)+IF('Standard Profiles'!$G$22=$B$24,21,0),0)),0)</f>
        <v>0</v>
      </c>
      <c r="I5071">
        <f t="shared" si="566"/>
        <v>6.1156091269691688E-2</v>
      </c>
      <c r="J5071">
        <f t="shared" si="567"/>
        <v>0.20385363756563898</v>
      </c>
      <c r="K5071">
        <f t="shared" si="568"/>
        <v>0.30578045634845846</v>
      </c>
      <c r="L5071">
        <f t="shared" si="569"/>
        <v>4.9554663330405626</v>
      </c>
      <c r="M5071">
        <f t="shared" si="570"/>
        <v>0</v>
      </c>
      <c r="N5071" s="46">
        <f t="shared" si="571"/>
        <v>45501.874999987784</v>
      </c>
    </row>
    <row r="5072" spans="2:14" x14ac:dyDescent="0.3">
      <c r="B5072">
        <f t="shared" si="565"/>
        <v>7</v>
      </c>
      <c r="C5072" s="16">
        <v>5038</v>
      </c>
      <c r="D5072" cm="1">
        <f t="array" ref="D5072">IFERROR(INDEX(Jesper!AH$2:AH$366,ROUNDDOWN($C5072/24,0)+1,1)*INDEX($D$3:$AA$30,INDEX(Jesper!$R$2:$R$366,ROW(INDEX(Jesper!AH$2:AH$366,ROUNDDOWN($C5072/24,0)+1,1))-1)+IF('Standard Profiles'!$G$18=$B$10,7,0)+IF('Standard Profiles'!$G$18=$B$17,14,0)+IF('Standard Profiles'!$G$18=$B$24,21,0),MOD($C5072,24)+1)/SUM(INDEX($D$3:$AA$30,INDEX(Jesper!$R$2:$R$366,ROW(INDEX(Jesper!AH$2:AH$366,ROUNDDOWN($C5072/24,0)+1,1))-1)+IF('Standard Profiles'!$G$18=$B$10,7,0)+IF('Standard Profiles'!$G$18=$B$17,14,0)+IF('Standard Profiles'!$G$18=$B$24,21,0),0)),0)</f>
        <v>4.8474239051307739</v>
      </c>
      <c r="E5072" cm="1">
        <f t="array" ref="E5072">IFERROR(INDEX(Jesper!AI$2:AI$366,ROUNDDOWN($C5072/24,0)+1,1)*INDEX($D$3:$AA$30,INDEX(Jesper!$R$2:$R$366,ROW(INDEX(Jesper!AI$2:AI$366,ROUNDDOWN($C5072/24,0)+1,1))-1)+IF('Standard Profiles'!$G$19=$B$10,7,0)+IF('Standard Profiles'!$G$19=$B$17,14,0)+IF('Standard Profiles'!$G$19=$B$24,21,0),MOD($C5072,24)+1)/SUM(INDEX($D$3:$AA$30,INDEX(Jesper!$R$2:$R$366,ROW(INDEX(Jesper!AI$2:AI$366,ROUNDDOWN($C5072/24,0)+1,1))-1)+IF('Standard Profiles'!$G$19=$B$10,7,0)+IF('Standard Profiles'!$G$19=$B$17,14,0)+IF('Standard Profiles'!$G$19=$B$24,21,0),0)),0)</f>
        <v>0.67883261309357756</v>
      </c>
      <c r="F5072" cm="1">
        <f t="array" ref="F5072">IFERROR(INDEX(Jesper!AJ$2:AJ$366,ROUNDDOWN($C5072/24,0)+1,1)*INDEX($D$3:$AA$30,INDEX(Jesper!$R$2:$R$366,ROW(INDEX(Jesper!AJ$2:AJ$366,ROUNDDOWN($C5072/24,0)+1,1))-1)+IF('Standard Profiles'!$G$20=$B$10,7,0)+IF('Standard Profiles'!$G$20=$B$17,14,0)+IF('Standard Profiles'!$G$20=$B$24,21,0),MOD($C5072,24)+1)/SUM(INDEX($D$3:$AA$30,INDEX(Jesper!$R$2:$R$366,ROW(INDEX(Jesper!AJ$2:AJ$366,ROUNDDOWN($C5072/24,0)+1,1))-1)+IF('Standard Profiles'!$G$20=$B$10,7,0)+IF('Standard Profiles'!$G$20=$B$17,14,0)+IF('Standard Profiles'!$G$20=$B$24,21,0),0)),0)</f>
        <v>0</v>
      </c>
      <c r="G5072" cm="1">
        <f t="array" ref="G5072">IFERROR(INDEX(Jesper!AK$2:AK$366,ROUNDDOWN($C5072/24,0)+1,1)*INDEX($D$3:$AA$30,INDEX(Jesper!$R$2:$R$366,ROW(INDEX(Jesper!AK$2:AK$366,ROUNDDOWN($C5072/24,0)+1,1))-1)+IF('Standard Profiles'!$G$21=$B$10,7,0)+IF('Standard Profiles'!$G$21=$B$17,14,0)+IF('Standard Profiles'!$G$21=$B$24,21,0),MOD($C5072,24)+1)/SUM(INDEX($D$3:$AA$30,INDEX(Jesper!$R$2:$R$366,ROW(INDEX(Jesper!AK$2:AK$366,ROUNDDOWN($C5072/24,0)+1,1))-1)+IF('Standard Profiles'!$G$21=$B$10,7,0)+IF('Standard Profiles'!$G$21=$B$17,14,0)+IF('Standard Profiles'!$G$21=$B$24,21,0),0)),0)</f>
        <v>0</v>
      </c>
      <c r="H5072" cm="1">
        <f t="array" ref="H5072">IFERROR(INDEX(Jesper!AL$2:AL$366,ROUNDDOWN($C5072/24,0)+1,1)*INDEX($D$3:$AA$30,INDEX(Jesper!$R$2:$R$366,ROW(INDEX(Jesper!AL$2:AL$366,ROUNDDOWN($C5072/24,0)+1,1))-1)+IF('Standard Profiles'!$G$22=$B$10,7,0)+IF('Standard Profiles'!$G$22=$B$17,14,0)+IF('Standard Profiles'!$G$22=$B$24,21,0),MOD($C5072,24)+1)/SUM(INDEX($D$3:$AA$30,INDEX(Jesper!$R$2:$R$366,ROW(INDEX(Jesper!AL$2:AL$366,ROUNDDOWN($C5072/24,0)+1,1))-1)+IF('Standard Profiles'!$G$22=$B$10,7,0)+IF('Standard Profiles'!$G$22=$B$17,14,0)+IF('Standard Profiles'!$G$22=$B$24,21,0),0)),0)</f>
        <v>0</v>
      </c>
      <c r="I5072">
        <f t="shared" si="566"/>
        <v>6.1156091269691688E-2</v>
      </c>
      <c r="J5072">
        <f t="shared" si="567"/>
        <v>0.20385363756563898</v>
      </c>
      <c r="K5072">
        <f t="shared" si="568"/>
        <v>0.30578045634845846</v>
      </c>
      <c r="L5072">
        <f t="shared" si="569"/>
        <v>4.9554663330405626</v>
      </c>
      <c r="M5072">
        <f t="shared" si="570"/>
        <v>0</v>
      </c>
      <c r="N5072" s="46">
        <f t="shared" si="571"/>
        <v>45501.916666654448</v>
      </c>
    </row>
    <row r="5073" spans="2:14" x14ac:dyDescent="0.3">
      <c r="B5073">
        <f t="shared" si="565"/>
        <v>7</v>
      </c>
      <c r="C5073" s="16">
        <v>5039</v>
      </c>
      <c r="D5073" cm="1">
        <f t="array" ref="D5073">IFERROR(INDEX(Jesper!AH$2:AH$366,ROUNDDOWN($C5073/24,0)+1,1)*INDEX($D$3:$AA$30,INDEX(Jesper!$R$2:$R$366,ROW(INDEX(Jesper!AH$2:AH$366,ROUNDDOWN($C5073/24,0)+1,1))-1)+IF('Standard Profiles'!$G$18=$B$10,7,0)+IF('Standard Profiles'!$G$18=$B$17,14,0)+IF('Standard Profiles'!$G$18=$B$24,21,0),MOD($C5073,24)+1)/SUM(INDEX($D$3:$AA$30,INDEX(Jesper!$R$2:$R$366,ROW(INDEX(Jesper!AH$2:AH$366,ROUNDDOWN($C5073/24,0)+1,1))-1)+IF('Standard Profiles'!$G$18=$B$10,7,0)+IF('Standard Profiles'!$G$18=$B$17,14,0)+IF('Standard Profiles'!$G$18=$B$24,21,0),0)),0)</f>
        <v>4.8474239051307739</v>
      </c>
      <c r="E5073" cm="1">
        <f t="array" ref="E5073">IFERROR(INDEX(Jesper!AI$2:AI$366,ROUNDDOWN($C5073/24,0)+1,1)*INDEX($D$3:$AA$30,INDEX(Jesper!$R$2:$R$366,ROW(INDEX(Jesper!AI$2:AI$366,ROUNDDOWN($C5073/24,0)+1,1))-1)+IF('Standard Profiles'!$G$19=$B$10,7,0)+IF('Standard Profiles'!$G$19=$B$17,14,0)+IF('Standard Profiles'!$G$19=$B$24,21,0),MOD($C5073,24)+1)/SUM(INDEX($D$3:$AA$30,INDEX(Jesper!$R$2:$R$366,ROW(INDEX(Jesper!AI$2:AI$366,ROUNDDOWN($C5073/24,0)+1,1))-1)+IF('Standard Profiles'!$G$19=$B$10,7,0)+IF('Standard Profiles'!$G$19=$B$17,14,0)+IF('Standard Profiles'!$G$19=$B$24,21,0),0)),0)</f>
        <v>0.67883261309357756</v>
      </c>
      <c r="F5073" cm="1">
        <f t="array" ref="F5073">IFERROR(INDEX(Jesper!AJ$2:AJ$366,ROUNDDOWN($C5073/24,0)+1,1)*INDEX($D$3:$AA$30,INDEX(Jesper!$R$2:$R$366,ROW(INDEX(Jesper!AJ$2:AJ$366,ROUNDDOWN($C5073/24,0)+1,1))-1)+IF('Standard Profiles'!$G$20=$B$10,7,0)+IF('Standard Profiles'!$G$20=$B$17,14,0)+IF('Standard Profiles'!$G$20=$B$24,21,0),MOD($C5073,24)+1)/SUM(INDEX($D$3:$AA$30,INDEX(Jesper!$R$2:$R$366,ROW(INDEX(Jesper!AJ$2:AJ$366,ROUNDDOWN($C5073/24,0)+1,1))-1)+IF('Standard Profiles'!$G$20=$B$10,7,0)+IF('Standard Profiles'!$G$20=$B$17,14,0)+IF('Standard Profiles'!$G$20=$B$24,21,0),0)),0)</f>
        <v>0</v>
      </c>
      <c r="G5073" cm="1">
        <f t="array" ref="G5073">IFERROR(INDEX(Jesper!AK$2:AK$366,ROUNDDOWN($C5073/24,0)+1,1)*INDEX($D$3:$AA$30,INDEX(Jesper!$R$2:$R$366,ROW(INDEX(Jesper!AK$2:AK$366,ROUNDDOWN($C5073/24,0)+1,1))-1)+IF('Standard Profiles'!$G$21=$B$10,7,0)+IF('Standard Profiles'!$G$21=$B$17,14,0)+IF('Standard Profiles'!$G$21=$B$24,21,0),MOD($C5073,24)+1)/SUM(INDEX($D$3:$AA$30,INDEX(Jesper!$R$2:$R$366,ROW(INDEX(Jesper!AK$2:AK$366,ROUNDDOWN($C5073/24,0)+1,1))-1)+IF('Standard Profiles'!$G$21=$B$10,7,0)+IF('Standard Profiles'!$G$21=$B$17,14,0)+IF('Standard Profiles'!$G$21=$B$24,21,0),0)),0)</f>
        <v>0</v>
      </c>
      <c r="H5073" cm="1">
        <f t="array" ref="H5073">IFERROR(INDEX(Jesper!AL$2:AL$366,ROUNDDOWN($C5073/24,0)+1,1)*INDEX($D$3:$AA$30,INDEX(Jesper!$R$2:$R$366,ROW(INDEX(Jesper!AL$2:AL$366,ROUNDDOWN($C5073/24,0)+1,1))-1)+IF('Standard Profiles'!$G$22=$B$10,7,0)+IF('Standard Profiles'!$G$22=$B$17,14,0)+IF('Standard Profiles'!$G$22=$B$24,21,0),MOD($C5073,24)+1)/SUM(INDEX($D$3:$AA$30,INDEX(Jesper!$R$2:$R$366,ROW(INDEX(Jesper!AL$2:AL$366,ROUNDDOWN($C5073/24,0)+1,1))-1)+IF('Standard Profiles'!$G$22=$B$10,7,0)+IF('Standard Profiles'!$G$22=$B$17,14,0)+IF('Standard Profiles'!$G$22=$B$24,21,0),0)),0)</f>
        <v>0</v>
      </c>
      <c r="I5073">
        <f t="shared" si="566"/>
        <v>6.1156091269691688E-2</v>
      </c>
      <c r="J5073">
        <f t="shared" si="567"/>
        <v>0.20385363756563898</v>
      </c>
      <c r="K5073">
        <f t="shared" si="568"/>
        <v>0.30578045634845846</v>
      </c>
      <c r="L5073">
        <f t="shared" si="569"/>
        <v>4.9554663330405626</v>
      </c>
      <c r="M5073">
        <f t="shared" si="570"/>
        <v>0</v>
      </c>
      <c r="N5073" s="46">
        <f t="shared" si="571"/>
        <v>45501.958333321112</v>
      </c>
    </row>
    <row r="5074" spans="2:14" x14ac:dyDescent="0.3">
      <c r="B5074">
        <f t="shared" si="565"/>
        <v>1</v>
      </c>
      <c r="C5074" s="16">
        <v>5040</v>
      </c>
      <c r="D5074" cm="1">
        <f t="array" ref="D5074">IFERROR(INDEX(Jesper!AH$2:AH$366,ROUNDDOWN($C5074/24,0)+1,1)*INDEX($D$3:$AA$30,INDEX(Jesper!$R$2:$R$366,ROW(INDEX(Jesper!AH$2:AH$366,ROUNDDOWN($C5074/24,0)+1,1))-1)+IF('Standard Profiles'!$G$18=$B$10,7,0)+IF('Standard Profiles'!$G$18=$B$17,14,0)+IF('Standard Profiles'!$G$18=$B$24,21,0),MOD($C5074,24)+1)/SUM(INDEX($D$3:$AA$30,INDEX(Jesper!$R$2:$R$366,ROW(INDEX(Jesper!AH$2:AH$366,ROUNDDOWN($C5074/24,0)+1,1))-1)+IF('Standard Profiles'!$G$18=$B$10,7,0)+IF('Standard Profiles'!$G$18=$B$17,14,0)+IF('Standard Profiles'!$G$18=$B$24,21,0),0)),0)</f>
        <v>2.3287780569497323</v>
      </c>
      <c r="E5074" cm="1">
        <f t="array" ref="E5074">IFERROR(INDEX(Jesper!AI$2:AI$366,ROUNDDOWN($C5074/24,0)+1,1)*INDEX($D$3:$AA$30,INDEX(Jesper!$R$2:$R$366,ROW(INDEX(Jesper!AI$2:AI$366,ROUNDDOWN($C5074/24,0)+1,1))-1)+IF('Standard Profiles'!$G$19=$B$10,7,0)+IF('Standard Profiles'!$G$19=$B$17,14,0)+IF('Standard Profiles'!$G$19=$B$24,21,0),MOD($C5074,24)+1)/SUM(INDEX($D$3:$AA$30,INDEX(Jesper!$R$2:$R$366,ROW(INDEX(Jesper!AI$2:AI$366,ROUNDDOWN($C5074/24,0)+1,1))-1)+IF('Standard Profiles'!$G$19=$B$10,7,0)+IF('Standard Profiles'!$G$19=$B$17,14,0)+IF('Standard Profiles'!$G$19=$B$24,21,0),0)),0)</f>
        <v>0</v>
      </c>
      <c r="F5074" cm="1">
        <f t="array" ref="F5074">IFERROR(INDEX(Jesper!AJ$2:AJ$366,ROUNDDOWN($C5074/24,0)+1,1)*INDEX($D$3:$AA$30,INDEX(Jesper!$R$2:$R$366,ROW(INDEX(Jesper!AJ$2:AJ$366,ROUNDDOWN($C5074/24,0)+1,1))-1)+IF('Standard Profiles'!$G$20=$B$10,7,0)+IF('Standard Profiles'!$G$20=$B$17,14,0)+IF('Standard Profiles'!$G$20=$B$24,21,0),MOD($C5074,24)+1)/SUM(INDEX($D$3:$AA$30,INDEX(Jesper!$R$2:$R$366,ROW(INDEX(Jesper!AJ$2:AJ$366,ROUNDDOWN($C5074/24,0)+1,1))-1)+IF('Standard Profiles'!$G$20=$B$10,7,0)+IF('Standard Profiles'!$G$20=$B$17,14,0)+IF('Standard Profiles'!$G$20=$B$24,21,0),0)),0)</f>
        <v>0</v>
      </c>
      <c r="G5074" cm="1">
        <f t="array" ref="G5074">IFERROR(INDEX(Jesper!AK$2:AK$366,ROUNDDOWN($C5074/24,0)+1,1)*INDEX($D$3:$AA$30,INDEX(Jesper!$R$2:$R$366,ROW(INDEX(Jesper!AK$2:AK$366,ROUNDDOWN($C5074/24,0)+1,1))-1)+IF('Standard Profiles'!$G$21=$B$10,7,0)+IF('Standard Profiles'!$G$21=$B$17,14,0)+IF('Standard Profiles'!$G$21=$B$24,21,0),MOD($C5074,24)+1)/SUM(INDEX($D$3:$AA$30,INDEX(Jesper!$R$2:$R$366,ROW(INDEX(Jesper!AK$2:AK$366,ROUNDDOWN($C5074/24,0)+1,1))-1)+IF('Standard Profiles'!$G$21=$B$10,7,0)+IF('Standard Profiles'!$G$21=$B$17,14,0)+IF('Standard Profiles'!$G$21=$B$24,21,0),0)),0)</f>
        <v>0</v>
      </c>
      <c r="H5074" cm="1">
        <f t="array" ref="H5074">IFERROR(INDEX(Jesper!AL$2:AL$366,ROUNDDOWN($C5074/24,0)+1,1)*INDEX($D$3:$AA$30,INDEX(Jesper!$R$2:$R$366,ROW(INDEX(Jesper!AL$2:AL$366,ROUNDDOWN($C5074/24,0)+1,1))-1)+IF('Standard Profiles'!$G$22=$B$10,7,0)+IF('Standard Profiles'!$G$22=$B$17,14,0)+IF('Standard Profiles'!$G$22=$B$24,21,0),MOD($C5074,24)+1)/SUM(INDEX($D$3:$AA$30,INDEX(Jesper!$R$2:$R$366,ROW(INDEX(Jesper!AL$2:AL$366,ROUNDDOWN($C5074/24,0)+1,1))-1)+IF('Standard Profiles'!$G$22=$B$10,7,0)+IF('Standard Profiles'!$G$22=$B$17,14,0)+IF('Standard Profiles'!$G$22=$B$24,21,0),0)),0)</f>
        <v>0</v>
      </c>
      <c r="I5074">
        <f t="shared" si="566"/>
        <v>6.9863341708491969E-2</v>
      </c>
      <c r="J5074">
        <f t="shared" si="567"/>
        <v>0.23287780569497324</v>
      </c>
      <c r="K5074">
        <f t="shared" si="568"/>
        <v>0.34931670854245983</v>
      </c>
      <c r="L5074">
        <f t="shared" si="569"/>
        <v>1.6767202010038071</v>
      </c>
      <c r="M5074">
        <f t="shared" si="570"/>
        <v>0</v>
      </c>
      <c r="N5074" s="46">
        <f t="shared" si="571"/>
        <v>45501.999999987776</v>
      </c>
    </row>
    <row r="5075" spans="2:14" x14ac:dyDescent="0.3">
      <c r="B5075">
        <f t="shared" si="565"/>
        <v>1</v>
      </c>
      <c r="C5075" s="16">
        <v>5041</v>
      </c>
      <c r="D5075" cm="1">
        <f t="array" ref="D5075">IFERROR(INDEX(Jesper!AH$2:AH$366,ROUNDDOWN($C5075/24,0)+1,1)*INDEX($D$3:$AA$30,INDEX(Jesper!$R$2:$R$366,ROW(INDEX(Jesper!AH$2:AH$366,ROUNDDOWN($C5075/24,0)+1,1))-1)+IF('Standard Profiles'!$G$18=$B$10,7,0)+IF('Standard Profiles'!$G$18=$B$17,14,0)+IF('Standard Profiles'!$G$18=$B$24,21,0),MOD($C5075,24)+1)/SUM(INDEX($D$3:$AA$30,INDEX(Jesper!$R$2:$R$366,ROW(INDEX(Jesper!AH$2:AH$366,ROUNDDOWN($C5075/24,0)+1,1))-1)+IF('Standard Profiles'!$G$18=$B$10,7,0)+IF('Standard Profiles'!$G$18=$B$17,14,0)+IF('Standard Profiles'!$G$18=$B$24,21,0),0)),0)</f>
        <v>2.3287780569497323</v>
      </c>
      <c r="E5075" cm="1">
        <f t="array" ref="E5075">IFERROR(INDEX(Jesper!AI$2:AI$366,ROUNDDOWN($C5075/24,0)+1,1)*INDEX($D$3:$AA$30,INDEX(Jesper!$R$2:$R$366,ROW(INDEX(Jesper!AI$2:AI$366,ROUNDDOWN($C5075/24,0)+1,1))-1)+IF('Standard Profiles'!$G$19=$B$10,7,0)+IF('Standard Profiles'!$G$19=$B$17,14,0)+IF('Standard Profiles'!$G$19=$B$24,21,0),MOD($C5075,24)+1)/SUM(INDEX($D$3:$AA$30,INDEX(Jesper!$R$2:$R$366,ROW(INDEX(Jesper!AI$2:AI$366,ROUNDDOWN($C5075/24,0)+1,1))-1)+IF('Standard Profiles'!$G$19=$B$10,7,0)+IF('Standard Profiles'!$G$19=$B$17,14,0)+IF('Standard Profiles'!$G$19=$B$24,21,0),0)),0)</f>
        <v>0</v>
      </c>
      <c r="F5075" cm="1">
        <f t="array" ref="F5075">IFERROR(INDEX(Jesper!AJ$2:AJ$366,ROUNDDOWN($C5075/24,0)+1,1)*INDEX($D$3:$AA$30,INDEX(Jesper!$R$2:$R$366,ROW(INDEX(Jesper!AJ$2:AJ$366,ROUNDDOWN($C5075/24,0)+1,1))-1)+IF('Standard Profiles'!$G$20=$B$10,7,0)+IF('Standard Profiles'!$G$20=$B$17,14,0)+IF('Standard Profiles'!$G$20=$B$24,21,0),MOD($C5075,24)+1)/SUM(INDEX($D$3:$AA$30,INDEX(Jesper!$R$2:$R$366,ROW(INDEX(Jesper!AJ$2:AJ$366,ROUNDDOWN($C5075/24,0)+1,1))-1)+IF('Standard Profiles'!$G$20=$B$10,7,0)+IF('Standard Profiles'!$G$20=$B$17,14,0)+IF('Standard Profiles'!$G$20=$B$24,21,0),0)),0)</f>
        <v>0</v>
      </c>
      <c r="G5075" cm="1">
        <f t="array" ref="G5075">IFERROR(INDEX(Jesper!AK$2:AK$366,ROUNDDOWN($C5075/24,0)+1,1)*INDEX($D$3:$AA$30,INDEX(Jesper!$R$2:$R$366,ROW(INDEX(Jesper!AK$2:AK$366,ROUNDDOWN($C5075/24,0)+1,1))-1)+IF('Standard Profiles'!$G$21=$B$10,7,0)+IF('Standard Profiles'!$G$21=$B$17,14,0)+IF('Standard Profiles'!$G$21=$B$24,21,0),MOD($C5075,24)+1)/SUM(INDEX($D$3:$AA$30,INDEX(Jesper!$R$2:$R$366,ROW(INDEX(Jesper!AK$2:AK$366,ROUNDDOWN($C5075/24,0)+1,1))-1)+IF('Standard Profiles'!$G$21=$B$10,7,0)+IF('Standard Profiles'!$G$21=$B$17,14,0)+IF('Standard Profiles'!$G$21=$B$24,21,0),0)),0)</f>
        <v>0</v>
      </c>
      <c r="H5075" cm="1">
        <f t="array" ref="H5075">IFERROR(INDEX(Jesper!AL$2:AL$366,ROUNDDOWN($C5075/24,0)+1,1)*INDEX($D$3:$AA$30,INDEX(Jesper!$R$2:$R$366,ROW(INDEX(Jesper!AL$2:AL$366,ROUNDDOWN($C5075/24,0)+1,1))-1)+IF('Standard Profiles'!$G$22=$B$10,7,0)+IF('Standard Profiles'!$G$22=$B$17,14,0)+IF('Standard Profiles'!$G$22=$B$24,21,0),MOD($C5075,24)+1)/SUM(INDEX($D$3:$AA$30,INDEX(Jesper!$R$2:$R$366,ROW(INDEX(Jesper!AL$2:AL$366,ROUNDDOWN($C5075/24,0)+1,1))-1)+IF('Standard Profiles'!$G$22=$B$10,7,0)+IF('Standard Profiles'!$G$22=$B$17,14,0)+IF('Standard Profiles'!$G$22=$B$24,21,0),0)),0)</f>
        <v>0</v>
      </c>
      <c r="I5075">
        <f t="shared" si="566"/>
        <v>6.9863341708491969E-2</v>
      </c>
      <c r="J5075">
        <f t="shared" si="567"/>
        <v>0.23287780569497324</v>
      </c>
      <c r="K5075">
        <f t="shared" si="568"/>
        <v>0.34931670854245983</v>
      </c>
      <c r="L5075">
        <f t="shared" si="569"/>
        <v>1.6767202010038071</v>
      </c>
      <c r="M5075">
        <f t="shared" si="570"/>
        <v>0</v>
      </c>
      <c r="N5075" s="46">
        <f t="shared" si="571"/>
        <v>45502.041666654441</v>
      </c>
    </row>
    <row r="5076" spans="2:14" x14ac:dyDescent="0.3">
      <c r="B5076">
        <f t="shared" si="565"/>
        <v>1</v>
      </c>
      <c r="C5076" s="16">
        <v>5042</v>
      </c>
      <c r="D5076" cm="1">
        <f t="array" ref="D5076">IFERROR(INDEX(Jesper!AH$2:AH$366,ROUNDDOWN($C5076/24,0)+1,1)*INDEX($D$3:$AA$30,INDEX(Jesper!$R$2:$R$366,ROW(INDEX(Jesper!AH$2:AH$366,ROUNDDOWN($C5076/24,0)+1,1))-1)+IF('Standard Profiles'!$G$18=$B$10,7,0)+IF('Standard Profiles'!$G$18=$B$17,14,0)+IF('Standard Profiles'!$G$18=$B$24,21,0),MOD($C5076,24)+1)/SUM(INDEX($D$3:$AA$30,INDEX(Jesper!$R$2:$R$366,ROW(INDEX(Jesper!AH$2:AH$366,ROUNDDOWN($C5076/24,0)+1,1))-1)+IF('Standard Profiles'!$G$18=$B$10,7,0)+IF('Standard Profiles'!$G$18=$B$17,14,0)+IF('Standard Profiles'!$G$18=$B$24,21,0),0)),0)</f>
        <v>2.3287780569497323</v>
      </c>
      <c r="E5076" cm="1">
        <f t="array" ref="E5076">IFERROR(INDEX(Jesper!AI$2:AI$366,ROUNDDOWN($C5076/24,0)+1,1)*INDEX($D$3:$AA$30,INDEX(Jesper!$R$2:$R$366,ROW(INDEX(Jesper!AI$2:AI$366,ROUNDDOWN($C5076/24,0)+1,1))-1)+IF('Standard Profiles'!$G$19=$B$10,7,0)+IF('Standard Profiles'!$G$19=$B$17,14,0)+IF('Standard Profiles'!$G$19=$B$24,21,0),MOD($C5076,24)+1)/SUM(INDEX($D$3:$AA$30,INDEX(Jesper!$R$2:$R$366,ROW(INDEX(Jesper!AI$2:AI$366,ROUNDDOWN($C5076/24,0)+1,1))-1)+IF('Standard Profiles'!$G$19=$B$10,7,0)+IF('Standard Profiles'!$G$19=$B$17,14,0)+IF('Standard Profiles'!$G$19=$B$24,21,0),0)),0)</f>
        <v>0</v>
      </c>
      <c r="F5076" cm="1">
        <f t="array" ref="F5076">IFERROR(INDEX(Jesper!AJ$2:AJ$366,ROUNDDOWN($C5076/24,0)+1,1)*INDEX($D$3:$AA$30,INDEX(Jesper!$R$2:$R$366,ROW(INDEX(Jesper!AJ$2:AJ$366,ROUNDDOWN($C5076/24,0)+1,1))-1)+IF('Standard Profiles'!$G$20=$B$10,7,0)+IF('Standard Profiles'!$G$20=$B$17,14,0)+IF('Standard Profiles'!$G$20=$B$24,21,0),MOD($C5076,24)+1)/SUM(INDEX($D$3:$AA$30,INDEX(Jesper!$R$2:$R$366,ROW(INDEX(Jesper!AJ$2:AJ$366,ROUNDDOWN($C5076/24,0)+1,1))-1)+IF('Standard Profiles'!$G$20=$B$10,7,0)+IF('Standard Profiles'!$G$20=$B$17,14,0)+IF('Standard Profiles'!$G$20=$B$24,21,0),0)),0)</f>
        <v>0</v>
      </c>
      <c r="G5076" cm="1">
        <f t="array" ref="G5076">IFERROR(INDEX(Jesper!AK$2:AK$366,ROUNDDOWN($C5076/24,0)+1,1)*INDEX($D$3:$AA$30,INDEX(Jesper!$R$2:$R$366,ROW(INDEX(Jesper!AK$2:AK$366,ROUNDDOWN($C5076/24,0)+1,1))-1)+IF('Standard Profiles'!$G$21=$B$10,7,0)+IF('Standard Profiles'!$G$21=$B$17,14,0)+IF('Standard Profiles'!$G$21=$B$24,21,0),MOD($C5076,24)+1)/SUM(INDEX($D$3:$AA$30,INDEX(Jesper!$R$2:$R$366,ROW(INDEX(Jesper!AK$2:AK$366,ROUNDDOWN($C5076/24,0)+1,1))-1)+IF('Standard Profiles'!$G$21=$B$10,7,0)+IF('Standard Profiles'!$G$21=$B$17,14,0)+IF('Standard Profiles'!$G$21=$B$24,21,0),0)),0)</f>
        <v>0</v>
      </c>
      <c r="H5076" cm="1">
        <f t="array" ref="H5076">IFERROR(INDEX(Jesper!AL$2:AL$366,ROUNDDOWN($C5076/24,0)+1,1)*INDEX($D$3:$AA$30,INDEX(Jesper!$R$2:$R$366,ROW(INDEX(Jesper!AL$2:AL$366,ROUNDDOWN($C5076/24,0)+1,1))-1)+IF('Standard Profiles'!$G$22=$B$10,7,0)+IF('Standard Profiles'!$G$22=$B$17,14,0)+IF('Standard Profiles'!$G$22=$B$24,21,0),MOD($C5076,24)+1)/SUM(INDEX($D$3:$AA$30,INDEX(Jesper!$R$2:$R$366,ROW(INDEX(Jesper!AL$2:AL$366,ROUNDDOWN($C5076/24,0)+1,1))-1)+IF('Standard Profiles'!$G$22=$B$10,7,0)+IF('Standard Profiles'!$G$22=$B$17,14,0)+IF('Standard Profiles'!$G$22=$B$24,21,0),0)),0)</f>
        <v>0</v>
      </c>
      <c r="I5076">
        <f t="shared" si="566"/>
        <v>6.9863341708491969E-2</v>
      </c>
      <c r="J5076">
        <f t="shared" si="567"/>
        <v>0.23287780569497324</v>
      </c>
      <c r="K5076">
        <f t="shared" si="568"/>
        <v>0.34931670854245983</v>
      </c>
      <c r="L5076">
        <f t="shared" si="569"/>
        <v>1.6767202010038071</v>
      </c>
      <c r="M5076">
        <f t="shared" si="570"/>
        <v>0</v>
      </c>
      <c r="N5076" s="46">
        <f t="shared" si="571"/>
        <v>45502.083333321105</v>
      </c>
    </row>
    <row r="5077" spans="2:14" x14ac:dyDescent="0.3">
      <c r="B5077">
        <f t="shared" si="565"/>
        <v>1</v>
      </c>
      <c r="C5077" s="16">
        <v>5043</v>
      </c>
      <c r="D5077" cm="1">
        <f t="array" ref="D5077">IFERROR(INDEX(Jesper!AH$2:AH$366,ROUNDDOWN($C5077/24,0)+1,1)*INDEX($D$3:$AA$30,INDEX(Jesper!$R$2:$R$366,ROW(INDEX(Jesper!AH$2:AH$366,ROUNDDOWN($C5077/24,0)+1,1))-1)+IF('Standard Profiles'!$G$18=$B$10,7,0)+IF('Standard Profiles'!$G$18=$B$17,14,0)+IF('Standard Profiles'!$G$18=$B$24,21,0),MOD($C5077,24)+1)/SUM(INDEX($D$3:$AA$30,INDEX(Jesper!$R$2:$R$366,ROW(INDEX(Jesper!AH$2:AH$366,ROUNDDOWN($C5077/24,0)+1,1))-1)+IF('Standard Profiles'!$G$18=$B$10,7,0)+IF('Standard Profiles'!$G$18=$B$17,14,0)+IF('Standard Profiles'!$G$18=$B$24,21,0),0)),0)</f>
        <v>2.3287780569497323</v>
      </c>
      <c r="E5077" cm="1">
        <f t="array" ref="E5077">IFERROR(INDEX(Jesper!AI$2:AI$366,ROUNDDOWN($C5077/24,0)+1,1)*INDEX($D$3:$AA$30,INDEX(Jesper!$R$2:$R$366,ROW(INDEX(Jesper!AI$2:AI$366,ROUNDDOWN($C5077/24,0)+1,1))-1)+IF('Standard Profiles'!$G$19=$B$10,7,0)+IF('Standard Profiles'!$G$19=$B$17,14,0)+IF('Standard Profiles'!$G$19=$B$24,21,0),MOD($C5077,24)+1)/SUM(INDEX($D$3:$AA$30,INDEX(Jesper!$R$2:$R$366,ROW(INDEX(Jesper!AI$2:AI$366,ROUNDDOWN($C5077/24,0)+1,1))-1)+IF('Standard Profiles'!$G$19=$B$10,7,0)+IF('Standard Profiles'!$G$19=$B$17,14,0)+IF('Standard Profiles'!$G$19=$B$24,21,0),0)),0)</f>
        <v>0</v>
      </c>
      <c r="F5077" cm="1">
        <f t="array" ref="F5077">IFERROR(INDEX(Jesper!AJ$2:AJ$366,ROUNDDOWN($C5077/24,0)+1,1)*INDEX($D$3:$AA$30,INDEX(Jesper!$R$2:$R$366,ROW(INDEX(Jesper!AJ$2:AJ$366,ROUNDDOWN($C5077/24,0)+1,1))-1)+IF('Standard Profiles'!$G$20=$B$10,7,0)+IF('Standard Profiles'!$G$20=$B$17,14,0)+IF('Standard Profiles'!$G$20=$B$24,21,0),MOD($C5077,24)+1)/SUM(INDEX($D$3:$AA$30,INDEX(Jesper!$R$2:$R$366,ROW(INDEX(Jesper!AJ$2:AJ$366,ROUNDDOWN($C5077/24,0)+1,1))-1)+IF('Standard Profiles'!$G$20=$B$10,7,0)+IF('Standard Profiles'!$G$20=$B$17,14,0)+IF('Standard Profiles'!$G$20=$B$24,21,0),0)),0)</f>
        <v>0</v>
      </c>
      <c r="G5077" cm="1">
        <f t="array" ref="G5077">IFERROR(INDEX(Jesper!AK$2:AK$366,ROUNDDOWN($C5077/24,0)+1,1)*INDEX($D$3:$AA$30,INDEX(Jesper!$R$2:$R$366,ROW(INDEX(Jesper!AK$2:AK$366,ROUNDDOWN($C5077/24,0)+1,1))-1)+IF('Standard Profiles'!$G$21=$B$10,7,0)+IF('Standard Profiles'!$G$21=$B$17,14,0)+IF('Standard Profiles'!$G$21=$B$24,21,0),MOD($C5077,24)+1)/SUM(INDEX($D$3:$AA$30,INDEX(Jesper!$R$2:$R$366,ROW(INDEX(Jesper!AK$2:AK$366,ROUNDDOWN($C5077/24,0)+1,1))-1)+IF('Standard Profiles'!$G$21=$B$10,7,0)+IF('Standard Profiles'!$G$21=$B$17,14,0)+IF('Standard Profiles'!$G$21=$B$24,21,0),0)),0)</f>
        <v>0</v>
      </c>
      <c r="H5077" cm="1">
        <f t="array" ref="H5077">IFERROR(INDEX(Jesper!AL$2:AL$366,ROUNDDOWN($C5077/24,0)+1,1)*INDEX($D$3:$AA$30,INDEX(Jesper!$R$2:$R$366,ROW(INDEX(Jesper!AL$2:AL$366,ROUNDDOWN($C5077/24,0)+1,1))-1)+IF('Standard Profiles'!$G$22=$B$10,7,0)+IF('Standard Profiles'!$G$22=$B$17,14,0)+IF('Standard Profiles'!$G$22=$B$24,21,0),MOD($C5077,24)+1)/SUM(INDEX($D$3:$AA$30,INDEX(Jesper!$R$2:$R$366,ROW(INDEX(Jesper!AL$2:AL$366,ROUNDDOWN($C5077/24,0)+1,1))-1)+IF('Standard Profiles'!$G$22=$B$10,7,0)+IF('Standard Profiles'!$G$22=$B$17,14,0)+IF('Standard Profiles'!$G$22=$B$24,21,0),0)),0)</f>
        <v>0</v>
      </c>
      <c r="I5077">
        <f t="shared" si="566"/>
        <v>6.9863341708491969E-2</v>
      </c>
      <c r="J5077">
        <f t="shared" si="567"/>
        <v>0.23287780569497324</v>
      </c>
      <c r="K5077">
        <f t="shared" si="568"/>
        <v>0.34931670854245983</v>
      </c>
      <c r="L5077">
        <f t="shared" si="569"/>
        <v>1.6767202010038071</v>
      </c>
      <c r="M5077">
        <f t="shared" si="570"/>
        <v>0</v>
      </c>
      <c r="N5077" s="46">
        <f t="shared" si="571"/>
        <v>45502.124999987769</v>
      </c>
    </row>
    <row r="5078" spans="2:14" x14ac:dyDescent="0.3">
      <c r="B5078">
        <f t="shared" si="565"/>
        <v>1</v>
      </c>
      <c r="C5078" s="16">
        <v>5044</v>
      </c>
      <c r="D5078" cm="1">
        <f t="array" ref="D5078">IFERROR(INDEX(Jesper!AH$2:AH$366,ROUNDDOWN($C5078/24,0)+1,1)*INDEX($D$3:$AA$30,INDEX(Jesper!$R$2:$R$366,ROW(INDEX(Jesper!AH$2:AH$366,ROUNDDOWN($C5078/24,0)+1,1))-1)+IF('Standard Profiles'!$G$18=$B$10,7,0)+IF('Standard Profiles'!$G$18=$B$17,14,0)+IF('Standard Profiles'!$G$18=$B$24,21,0),MOD($C5078,24)+1)/SUM(INDEX($D$3:$AA$30,INDEX(Jesper!$R$2:$R$366,ROW(INDEX(Jesper!AH$2:AH$366,ROUNDDOWN($C5078/24,0)+1,1))-1)+IF('Standard Profiles'!$G$18=$B$10,7,0)+IF('Standard Profiles'!$G$18=$B$17,14,0)+IF('Standard Profiles'!$G$18=$B$24,21,0),0)),0)</f>
        <v>2.3287780569497323</v>
      </c>
      <c r="E5078" cm="1">
        <f t="array" ref="E5078">IFERROR(INDEX(Jesper!AI$2:AI$366,ROUNDDOWN($C5078/24,0)+1,1)*INDEX($D$3:$AA$30,INDEX(Jesper!$R$2:$R$366,ROW(INDEX(Jesper!AI$2:AI$366,ROUNDDOWN($C5078/24,0)+1,1))-1)+IF('Standard Profiles'!$G$19=$B$10,7,0)+IF('Standard Profiles'!$G$19=$B$17,14,0)+IF('Standard Profiles'!$G$19=$B$24,21,0),MOD($C5078,24)+1)/SUM(INDEX($D$3:$AA$30,INDEX(Jesper!$R$2:$R$366,ROW(INDEX(Jesper!AI$2:AI$366,ROUNDDOWN($C5078/24,0)+1,1))-1)+IF('Standard Profiles'!$G$19=$B$10,7,0)+IF('Standard Profiles'!$G$19=$B$17,14,0)+IF('Standard Profiles'!$G$19=$B$24,21,0),0)),0)</f>
        <v>0</v>
      </c>
      <c r="F5078" cm="1">
        <f t="array" ref="F5078">IFERROR(INDEX(Jesper!AJ$2:AJ$366,ROUNDDOWN($C5078/24,0)+1,1)*INDEX($D$3:$AA$30,INDEX(Jesper!$R$2:$R$366,ROW(INDEX(Jesper!AJ$2:AJ$366,ROUNDDOWN($C5078/24,0)+1,1))-1)+IF('Standard Profiles'!$G$20=$B$10,7,0)+IF('Standard Profiles'!$G$20=$B$17,14,0)+IF('Standard Profiles'!$G$20=$B$24,21,0),MOD($C5078,24)+1)/SUM(INDEX($D$3:$AA$30,INDEX(Jesper!$R$2:$R$366,ROW(INDEX(Jesper!AJ$2:AJ$366,ROUNDDOWN($C5078/24,0)+1,1))-1)+IF('Standard Profiles'!$G$20=$B$10,7,0)+IF('Standard Profiles'!$G$20=$B$17,14,0)+IF('Standard Profiles'!$G$20=$B$24,21,0),0)),0)</f>
        <v>0</v>
      </c>
      <c r="G5078" cm="1">
        <f t="array" ref="G5078">IFERROR(INDEX(Jesper!AK$2:AK$366,ROUNDDOWN($C5078/24,0)+1,1)*INDEX($D$3:$AA$30,INDEX(Jesper!$R$2:$R$366,ROW(INDEX(Jesper!AK$2:AK$366,ROUNDDOWN($C5078/24,0)+1,1))-1)+IF('Standard Profiles'!$G$21=$B$10,7,0)+IF('Standard Profiles'!$G$21=$B$17,14,0)+IF('Standard Profiles'!$G$21=$B$24,21,0),MOD($C5078,24)+1)/SUM(INDEX($D$3:$AA$30,INDEX(Jesper!$R$2:$R$366,ROW(INDEX(Jesper!AK$2:AK$366,ROUNDDOWN($C5078/24,0)+1,1))-1)+IF('Standard Profiles'!$G$21=$B$10,7,0)+IF('Standard Profiles'!$G$21=$B$17,14,0)+IF('Standard Profiles'!$G$21=$B$24,21,0),0)),0)</f>
        <v>0</v>
      </c>
      <c r="H5078" cm="1">
        <f t="array" ref="H5078">IFERROR(INDEX(Jesper!AL$2:AL$366,ROUNDDOWN($C5078/24,0)+1,1)*INDEX($D$3:$AA$30,INDEX(Jesper!$R$2:$R$366,ROW(INDEX(Jesper!AL$2:AL$366,ROUNDDOWN($C5078/24,0)+1,1))-1)+IF('Standard Profiles'!$G$22=$B$10,7,0)+IF('Standard Profiles'!$G$22=$B$17,14,0)+IF('Standard Profiles'!$G$22=$B$24,21,0),MOD($C5078,24)+1)/SUM(INDEX($D$3:$AA$30,INDEX(Jesper!$R$2:$R$366,ROW(INDEX(Jesper!AL$2:AL$366,ROUNDDOWN($C5078/24,0)+1,1))-1)+IF('Standard Profiles'!$G$22=$B$10,7,0)+IF('Standard Profiles'!$G$22=$B$17,14,0)+IF('Standard Profiles'!$G$22=$B$24,21,0),0)),0)</f>
        <v>0</v>
      </c>
      <c r="I5078">
        <f t="shared" si="566"/>
        <v>6.9863341708491969E-2</v>
      </c>
      <c r="J5078">
        <f t="shared" si="567"/>
        <v>0.23287780569497324</v>
      </c>
      <c r="K5078">
        <f t="shared" si="568"/>
        <v>0.34931670854245983</v>
      </c>
      <c r="L5078">
        <f t="shared" si="569"/>
        <v>1.6767202010038071</v>
      </c>
      <c r="M5078">
        <f t="shared" si="570"/>
        <v>0</v>
      </c>
      <c r="N5078" s="46">
        <f t="shared" si="571"/>
        <v>45502.166666654433</v>
      </c>
    </row>
    <row r="5079" spans="2:14" x14ac:dyDescent="0.3">
      <c r="B5079">
        <f t="shared" si="565"/>
        <v>1</v>
      </c>
      <c r="C5079" s="16">
        <v>5045</v>
      </c>
      <c r="D5079" cm="1">
        <f t="array" ref="D5079">IFERROR(INDEX(Jesper!AH$2:AH$366,ROUNDDOWN($C5079/24,0)+1,1)*INDEX($D$3:$AA$30,INDEX(Jesper!$R$2:$R$366,ROW(INDEX(Jesper!AH$2:AH$366,ROUNDDOWN($C5079/24,0)+1,1))-1)+IF('Standard Profiles'!$G$18=$B$10,7,0)+IF('Standard Profiles'!$G$18=$B$17,14,0)+IF('Standard Profiles'!$G$18=$B$24,21,0),MOD($C5079,24)+1)/SUM(INDEX($D$3:$AA$30,INDEX(Jesper!$R$2:$R$366,ROW(INDEX(Jesper!AH$2:AH$366,ROUNDDOWN($C5079/24,0)+1,1))-1)+IF('Standard Profiles'!$G$18=$B$10,7,0)+IF('Standard Profiles'!$G$18=$B$17,14,0)+IF('Standard Profiles'!$G$18=$B$24,21,0),0)),0)</f>
        <v>10.091371580115506</v>
      </c>
      <c r="E5079" cm="1">
        <f t="array" ref="E5079">IFERROR(INDEX(Jesper!AI$2:AI$366,ROUNDDOWN($C5079/24,0)+1,1)*INDEX($D$3:$AA$30,INDEX(Jesper!$R$2:$R$366,ROW(INDEX(Jesper!AI$2:AI$366,ROUNDDOWN($C5079/24,0)+1,1))-1)+IF('Standard Profiles'!$G$19=$B$10,7,0)+IF('Standard Profiles'!$G$19=$B$17,14,0)+IF('Standard Profiles'!$G$19=$B$24,21,0),MOD($C5079,24)+1)/SUM(INDEX($D$3:$AA$30,INDEX(Jesper!$R$2:$R$366,ROW(INDEX(Jesper!AI$2:AI$366,ROUNDDOWN($C5079/24,0)+1,1))-1)+IF('Standard Profiles'!$G$19=$B$10,7,0)+IF('Standard Profiles'!$G$19=$B$17,14,0)+IF('Standard Profiles'!$G$19=$B$24,21,0),0)),0)</f>
        <v>0</v>
      </c>
      <c r="F5079" cm="1">
        <f t="array" ref="F5079">IFERROR(INDEX(Jesper!AJ$2:AJ$366,ROUNDDOWN($C5079/24,0)+1,1)*INDEX($D$3:$AA$30,INDEX(Jesper!$R$2:$R$366,ROW(INDEX(Jesper!AJ$2:AJ$366,ROUNDDOWN($C5079/24,0)+1,1))-1)+IF('Standard Profiles'!$G$20=$B$10,7,0)+IF('Standard Profiles'!$G$20=$B$17,14,0)+IF('Standard Profiles'!$G$20=$B$24,21,0),MOD($C5079,24)+1)/SUM(INDEX($D$3:$AA$30,INDEX(Jesper!$R$2:$R$366,ROW(INDEX(Jesper!AJ$2:AJ$366,ROUNDDOWN($C5079/24,0)+1,1))-1)+IF('Standard Profiles'!$G$20=$B$10,7,0)+IF('Standard Profiles'!$G$20=$B$17,14,0)+IF('Standard Profiles'!$G$20=$B$24,21,0),0)),0)</f>
        <v>0</v>
      </c>
      <c r="G5079" cm="1">
        <f t="array" ref="G5079">IFERROR(INDEX(Jesper!AK$2:AK$366,ROUNDDOWN($C5079/24,0)+1,1)*INDEX($D$3:$AA$30,INDEX(Jesper!$R$2:$R$366,ROW(INDEX(Jesper!AK$2:AK$366,ROUNDDOWN($C5079/24,0)+1,1))-1)+IF('Standard Profiles'!$G$21=$B$10,7,0)+IF('Standard Profiles'!$G$21=$B$17,14,0)+IF('Standard Profiles'!$G$21=$B$24,21,0),MOD($C5079,24)+1)/SUM(INDEX($D$3:$AA$30,INDEX(Jesper!$R$2:$R$366,ROW(INDEX(Jesper!AK$2:AK$366,ROUNDDOWN($C5079/24,0)+1,1))-1)+IF('Standard Profiles'!$G$21=$B$10,7,0)+IF('Standard Profiles'!$G$21=$B$17,14,0)+IF('Standard Profiles'!$G$21=$B$24,21,0),0)),0)</f>
        <v>0</v>
      </c>
      <c r="H5079" cm="1">
        <f t="array" ref="H5079">IFERROR(INDEX(Jesper!AL$2:AL$366,ROUNDDOWN($C5079/24,0)+1,1)*INDEX($D$3:$AA$30,INDEX(Jesper!$R$2:$R$366,ROW(INDEX(Jesper!AL$2:AL$366,ROUNDDOWN($C5079/24,0)+1,1))-1)+IF('Standard Profiles'!$G$22=$B$10,7,0)+IF('Standard Profiles'!$G$22=$B$17,14,0)+IF('Standard Profiles'!$G$22=$B$24,21,0),MOD($C5079,24)+1)/SUM(INDEX($D$3:$AA$30,INDEX(Jesper!$R$2:$R$366,ROW(INDEX(Jesper!AL$2:AL$366,ROUNDDOWN($C5079/24,0)+1,1))-1)+IF('Standard Profiles'!$G$22=$B$10,7,0)+IF('Standard Profiles'!$G$22=$B$17,14,0)+IF('Standard Profiles'!$G$22=$B$24,21,0),0)),0)</f>
        <v>0</v>
      </c>
      <c r="I5079">
        <f t="shared" si="566"/>
        <v>0.30274114740346519</v>
      </c>
      <c r="J5079">
        <f t="shared" si="567"/>
        <v>1.0091371580115507</v>
      </c>
      <c r="K5079">
        <f t="shared" si="568"/>
        <v>1.5137057370173259</v>
      </c>
      <c r="L5079">
        <f t="shared" si="569"/>
        <v>7.2657875376831642</v>
      </c>
      <c r="M5079">
        <f t="shared" si="570"/>
        <v>0</v>
      </c>
      <c r="N5079" s="46">
        <f t="shared" si="571"/>
        <v>45502.208333321098</v>
      </c>
    </row>
    <row r="5080" spans="2:14" x14ac:dyDescent="0.3">
      <c r="B5080">
        <f t="shared" si="565"/>
        <v>1</v>
      </c>
      <c r="C5080" s="16">
        <v>5046</v>
      </c>
      <c r="D5080" cm="1">
        <f t="array" ref="D5080">IFERROR(INDEX(Jesper!AH$2:AH$366,ROUNDDOWN($C5080/24,0)+1,1)*INDEX($D$3:$AA$30,INDEX(Jesper!$R$2:$R$366,ROW(INDEX(Jesper!AH$2:AH$366,ROUNDDOWN($C5080/24,0)+1,1))-1)+IF('Standard Profiles'!$G$18=$B$10,7,0)+IF('Standard Profiles'!$G$18=$B$17,14,0)+IF('Standard Profiles'!$G$18=$B$24,21,0),MOD($C5080,24)+1)/SUM(INDEX($D$3:$AA$30,INDEX(Jesper!$R$2:$R$366,ROW(INDEX(Jesper!AH$2:AH$366,ROUNDDOWN($C5080/24,0)+1,1))-1)+IF('Standard Profiles'!$G$18=$B$10,7,0)+IF('Standard Profiles'!$G$18=$B$17,14,0)+IF('Standard Profiles'!$G$18=$B$24,21,0),0)),0)</f>
        <v>11.449825446669518</v>
      </c>
      <c r="E5080" cm="1">
        <f t="array" ref="E5080">IFERROR(INDEX(Jesper!AI$2:AI$366,ROUNDDOWN($C5080/24,0)+1,1)*INDEX($D$3:$AA$30,INDEX(Jesper!$R$2:$R$366,ROW(INDEX(Jesper!AI$2:AI$366,ROUNDDOWN($C5080/24,0)+1,1))-1)+IF('Standard Profiles'!$G$19=$B$10,7,0)+IF('Standard Profiles'!$G$19=$B$17,14,0)+IF('Standard Profiles'!$G$19=$B$24,21,0),MOD($C5080,24)+1)/SUM(INDEX($D$3:$AA$30,INDEX(Jesper!$R$2:$R$366,ROW(INDEX(Jesper!AI$2:AI$366,ROUNDDOWN($C5080/24,0)+1,1))-1)+IF('Standard Profiles'!$G$19=$B$10,7,0)+IF('Standard Profiles'!$G$19=$B$17,14,0)+IF('Standard Profiles'!$G$19=$B$24,21,0),0)),0)</f>
        <v>0</v>
      </c>
      <c r="F5080" cm="1">
        <f t="array" ref="F5080">IFERROR(INDEX(Jesper!AJ$2:AJ$366,ROUNDDOWN($C5080/24,0)+1,1)*INDEX($D$3:$AA$30,INDEX(Jesper!$R$2:$R$366,ROW(INDEX(Jesper!AJ$2:AJ$366,ROUNDDOWN($C5080/24,0)+1,1))-1)+IF('Standard Profiles'!$G$20=$B$10,7,0)+IF('Standard Profiles'!$G$20=$B$17,14,0)+IF('Standard Profiles'!$G$20=$B$24,21,0),MOD($C5080,24)+1)/SUM(INDEX($D$3:$AA$30,INDEX(Jesper!$R$2:$R$366,ROW(INDEX(Jesper!AJ$2:AJ$366,ROUNDDOWN($C5080/24,0)+1,1))-1)+IF('Standard Profiles'!$G$20=$B$10,7,0)+IF('Standard Profiles'!$G$20=$B$17,14,0)+IF('Standard Profiles'!$G$20=$B$24,21,0),0)),0)</f>
        <v>0</v>
      </c>
      <c r="G5080" cm="1">
        <f t="array" ref="G5080">IFERROR(INDEX(Jesper!AK$2:AK$366,ROUNDDOWN($C5080/24,0)+1,1)*INDEX($D$3:$AA$30,INDEX(Jesper!$R$2:$R$366,ROW(INDEX(Jesper!AK$2:AK$366,ROUNDDOWN($C5080/24,0)+1,1))-1)+IF('Standard Profiles'!$G$21=$B$10,7,0)+IF('Standard Profiles'!$G$21=$B$17,14,0)+IF('Standard Profiles'!$G$21=$B$24,21,0),MOD($C5080,24)+1)/SUM(INDEX($D$3:$AA$30,INDEX(Jesper!$R$2:$R$366,ROW(INDEX(Jesper!AK$2:AK$366,ROUNDDOWN($C5080/24,0)+1,1))-1)+IF('Standard Profiles'!$G$21=$B$10,7,0)+IF('Standard Profiles'!$G$21=$B$17,14,0)+IF('Standard Profiles'!$G$21=$B$24,21,0),0)),0)</f>
        <v>0</v>
      </c>
      <c r="H5080" cm="1">
        <f t="array" ref="H5080">IFERROR(INDEX(Jesper!AL$2:AL$366,ROUNDDOWN($C5080/24,0)+1,1)*INDEX($D$3:$AA$30,INDEX(Jesper!$R$2:$R$366,ROW(INDEX(Jesper!AL$2:AL$366,ROUNDDOWN($C5080/24,0)+1,1))-1)+IF('Standard Profiles'!$G$22=$B$10,7,0)+IF('Standard Profiles'!$G$22=$B$17,14,0)+IF('Standard Profiles'!$G$22=$B$24,21,0),MOD($C5080,24)+1)/SUM(INDEX($D$3:$AA$30,INDEX(Jesper!$R$2:$R$366,ROW(INDEX(Jesper!AL$2:AL$366,ROUNDDOWN($C5080/24,0)+1,1))-1)+IF('Standard Profiles'!$G$22=$B$10,7,0)+IF('Standard Profiles'!$G$22=$B$17,14,0)+IF('Standard Profiles'!$G$22=$B$24,21,0),0)),0)</f>
        <v>0</v>
      </c>
      <c r="I5080">
        <f t="shared" si="566"/>
        <v>0.3434947634000855</v>
      </c>
      <c r="J5080">
        <f t="shared" si="567"/>
        <v>1.1449825446669519</v>
      </c>
      <c r="K5080">
        <f t="shared" si="568"/>
        <v>1.7174738170004276</v>
      </c>
      <c r="L5080">
        <f t="shared" si="569"/>
        <v>8.2438743216020534</v>
      </c>
      <c r="M5080">
        <f t="shared" si="570"/>
        <v>0</v>
      </c>
      <c r="N5080" s="46">
        <f t="shared" si="571"/>
        <v>45502.249999987762</v>
      </c>
    </row>
    <row r="5081" spans="2:14" x14ac:dyDescent="0.3">
      <c r="B5081">
        <f t="shared" si="565"/>
        <v>1</v>
      </c>
      <c r="C5081" s="16">
        <v>5047</v>
      </c>
      <c r="D5081" cm="1">
        <f t="array" ref="D5081">IFERROR(INDEX(Jesper!AH$2:AH$366,ROUNDDOWN($C5081/24,0)+1,1)*INDEX($D$3:$AA$30,INDEX(Jesper!$R$2:$R$366,ROW(INDEX(Jesper!AH$2:AH$366,ROUNDDOWN($C5081/24,0)+1,1))-1)+IF('Standard Profiles'!$G$18=$B$10,7,0)+IF('Standard Profiles'!$G$18=$B$17,14,0)+IF('Standard Profiles'!$G$18=$B$24,21,0),MOD($C5081,24)+1)/SUM(INDEX($D$3:$AA$30,INDEX(Jesper!$R$2:$R$366,ROW(INDEX(Jesper!AH$2:AH$366,ROUNDDOWN($C5081/24,0)+1,1))-1)+IF('Standard Profiles'!$G$18=$B$10,7,0)+IF('Standard Profiles'!$G$18=$B$17,14,0)+IF('Standard Profiles'!$G$18=$B$24,21,0),0)),0)</f>
        <v>11.449825446669518</v>
      </c>
      <c r="E5081" cm="1">
        <f t="array" ref="E5081">IFERROR(INDEX(Jesper!AI$2:AI$366,ROUNDDOWN($C5081/24,0)+1,1)*INDEX($D$3:$AA$30,INDEX(Jesper!$R$2:$R$366,ROW(INDEX(Jesper!AI$2:AI$366,ROUNDDOWN($C5081/24,0)+1,1))-1)+IF('Standard Profiles'!$G$19=$B$10,7,0)+IF('Standard Profiles'!$G$19=$B$17,14,0)+IF('Standard Profiles'!$G$19=$B$24,21,0),MOD($C5081,24)+1)/SUM(INDEX($D$3:$AA$30,INDEX(Jesper!$R$2:$R$366,ROW(INDEX(Jesper!AI$2:AI$366,ROUNDDOWN($C5081/24,0)+1,1))-1)+IF('Standard Profiles'!$G$19=$B$10,7,0)+IF('Standard Profiles'!$G$19=$B$17,14,0)+IF('Standard Profiles'!$G$19=$B$24,21,0),0)),0)</f>
        <v>0</v>
      </c>
      <c r="F5081" cm="1">
        <f t="array" ref="F5081">IFERROR(INDEX(Jesper!AJ$2:AJ$366,ROUNDDOWN($C5081/24,0)+1,1)*INDEX($D$3:$AA$30,INDEX(Jesper!$R$2:$R$366,ROW(INDEX(Jesper!AJ$2:AJ$366,ROUNDDOWN($C5081/24,0)+1,1))-1)+IF('Standard Profiles'!$G$20=$B$10,7,0)+IF('Standard Profiles'!$G$20=$B$17,14,0)+IF('Standard Profiles'!$G$20=$B$24,21,0),MOD($C5081,24)+1)/SUM(INDEX($D$3:$AA$30,INDEX(Jesper!$R$2:$R$366,ROW(INDEX(Jesper!AJ$2:AJ$366,ROUNDDOWN($C5081/24,0)+1,1))-1)+IF('Standard Profiles'!$G$20=$B$10,7,0)+IF('Standard Profiles'!$G$20=$B$17,14,0)+IF('Standard Profiles'!$G$20=$B$24,21,0),0)),0)</f>
        <v>0</v>
      </c>
      <c r="G5081" cm="1">
        <f t="array" ref="G5081">IFERROR(INDEX(Jesper!AK$2:AK$366,ROUNDDOWN($C5081/24,0)+1,1)*INDEX($D$3:$AA$30,INDEX(Jesper!$R$2:$R$366,ROW(INDEX(Jesper!AK$2:AK$366,ROUNDDOWN($C5081/24,0)+1,1))-1)+IF('Standard Profiles'!$G$21=$B$10,7,0)+IF('Standard Profiles'!$G$21=$B$17,14,0)+IF('Standard Profiles'!$G$21=$B$24,21,0),MOD($C5081,24)+1)/SUM(INDEX($D$3:$AA$30,INDEX(Jesper!$R$2:$R$366,ROW(INDEX(Jesper!AK$2:AK$366,ROUNDDOWN($C5081/24,0)+1,1))-1)+IF('Standard Profiles'!$G$21=$B$10,7,0)+IF('Standard Profiles'!$G$21=$B$17,14,0)+IF('Standard Profiles'!$G$21=$B$24,21,0),0)),0)</f>
        <v>0</v>
      </c>
      <c r="H5081" cm="1">
        <f t="array" ref="H5081">IFERROR(INDEX(Jesper!AL$2:AL$366,ROUNDDOWN($C5081/24,0)+1,1)*INDEX($D$3:$AA$30,INDEX(Jesper!$R$2:$R$366,ROW(INDEX(Jesper!AL$2:AL$366,ROUNDDOWN($C5081/24,0)+1,1))-1)+IF('Standard Profiles'!$G$22=$B$10,7,0)+IF('Standard Profiles'!$G$22=$B$17,14,0)+IF('Standard Profiles'!$G$22=$B$24,21,0),MOD($C5081,24)+1)/SUM(INDEX($D$3:$AA$30,INDEX(Jesper!$R$2:$R$366,ROW(INDEX(Jesper!AL$2:AL$366,ROUNDDOWN($C5081/24,0)+1,1))-1)+IF('Standard Profiles'!$G$22=$B$10,7,0)+IF('Standard Profiles'!$G$22=$B$17,14,0)+IF('Standard Profiles'!$G$22=$B$24,21,0),0)),0)</f>
        <v>0</v>
      </c>
      <c r="I5081">
        <f t="shared" si="566"/>
        <v>0.3434947634000855</v>
      </c>
      <c r="J5081">
        <f t="shared" si="567"/>
        <v>1.1449825446669519</v>
      </c>
      <c r="K5081">
        <f t="shared" si="568"/>
        <v>1.7174738170004276</v>
      </c>
      <c r="L5081">
        <f t="shared" si="569"/>
        <v>8.2438743216020534</v>
      </c>
      <c r="M5081">
        <f t="shared" si="570"/>
        <v>0</v>
      </c>
      <c r="N5081" s="46">
        <f t="shared" si="571"/>
        <v>45502.291666654426</v>
      </c>
    </row>
    <row r="5082" spans="2:14" x14ac:dyDescent="0.3">
      <c r="B5082">
        <f t="shared" si="565"/>
        <v>1</v>
      </c>
      <c r="C5082" s="16">
        <v>5048</v>
      </c>
      <c r="D5082" cm="1">
        <f t="array" ref="D5082">IFERROR(INDEX(Jesper!AH$2:AH$366,ROUNDDOWN($C5082/24,0)+1,1)*INDEX($D$3:$AA$30,INDEX(Jesper!$R$2:$R$366,ROW(INDEX(Jesper!AH$2:AH$366,ROUNDDOWN($C5082/24,0)+1,1))-1)+IF('Standard Profiles'!$G$18=$B$10,7,0)+IF('Standard Profiles'!$G$18=$B$17,14,0)+IF('Standard Profiles'!$G$18=$B$24,21,0),MOD($C5082,24)+1)/SUM(INDEX($D$3:$AA$30,INDEX(Jesper!$R$2:$R$366,ROW(INDEX(Jesper!AH$2:AH$366,ROUNDDOWN($C5082/24,0)+1,1))-1)+IF('Standard Profiles'!$G$18=$B$10,7,0)+IF('Standard Profiles'!$G$18=$B$17,14,0)+IF('Standard Profiles'!$G$18=$B$24,21,0),0)),0)</f>
        <v>11.449825446669518</v>
      </c>
      <c r="E5082" cm="1">
        <f t="array" ref="E5082">IFERROR(INDEX(Jesper!AI$2:AI$366,ROUNDDOWN($C5082/24,0)+1,1)*INDEX($D$3:$AA$30,INDEX(Jesper!$R$2:$R$366,ROW(INDEX(Jesper!AI$2:AI$366,ROUNDDOWN($C5082/24,0)+1,1))-1)+IF('Standard Profiles'!$G$19=$B$10,7,0)+IF('Standard Profiles'!$G$19=$B$17,14,0)+IF('Standard Profiles'!$G$19=$B$24,21,0),MOD($C5082,24)+1)/SUM(INDEX($D$3:$AA$30,INDEX(Jesper!$R$2:$R$366,ROW(INDEX(Jesper!AI$2:AI$366,ROUNDDOWN($C5082/24,0)+1,1))-1)+IF('Standard Profiles'!$G$19=$B$10,7,0)+IF('Standard Profiles'!$G$19=$B$17,14,0)+IF('Standard Profiles'!$G$19=$B$24,21,0),0)),0)</f>
        <v>0</v>
      </c>
      <c r="F5082" cm="1">
        <f t="array" ref="F5082">IFERROR(INDEX(Jesper!AJ$2:AJ$366,ROUNDDOWN($C5082/24,0)+1,1)*INDEX($D$3:$AA$30,INDEX(Jesper!$R$2:$R$366,ROW(INDEX(Jesper!AJ$2:AJ$366,ROUNDDOWN($C5082/24,0)+1,1))-1)+IF('Standard Profiles'!$G$20=$B$10,7,0)+IF('Standard Profiles'!$G$20=$B$17,14,0)+IF('Standard Profiles'!$G$20=$B$24,21,0),MOD($C5082,24)+1)/SUM(INDEX($D$3:$AA$30,INDEX(Jesper!$R$2:$R$366,ROW(INDEX(Jesper!AJ$2:AJ$366,ROUNDDOWN($C5082/24,0)+1,1))-1)+IF('Standard Profiles'!$G$20=$B$10,7,0)+IF('Standard Profiles'!$G$20=$B$17,14,0)+IF('Standard Profiles'!$G$20=$B$24,21,0),0)),0)</f>
        <v>0</v>
      </c>
      <c r="G5082" cm="1">
        <f t="array" ref="G5082">IFERROR(INDEX(Jesper!AK$2:AK$366,ROUNDDOWN($C5082/24,0)+1,1)*INDEX($D$3:$AA$30,INDEX(Jesper!$R$2:$R$366,ROW(INDEX(Jesper!AK$2:AK$366,ROUNDDOWN($C5082/24,0)+1,1))-1)+IF('Standard Profiles'!$G$21=$B$10,7,0)+IF('Standard Profiles'!$G$21=$B$17,14,0)+IF('Standard Profiles'!$G$21=$B$24,21,0),MOD($C5082,24)+1)/SUM(INDEX($D$3:$AA$30,INDEX(Jesper!$R$2:$R$366,ROW(INDEX(Jesper!AK$2:AK$366,ROUNDDOWN($C5082/24,0)+1,1))-1)+IF('Standard Profiles'!$G$21=$B$10,7,0)+IF('Standard Profiles'!$G$21=$B$17,14,0)+IF('Standard Profiles'!$G$21=$B$24,21,0),0)),0)</f>
        <v>0</v>
      </c>
      <c r="H5082" cm="1">
        <f t="array" ref="H5082">IFERROR(INDEX(Jesper!AL$2:AL$366,ROUNDDOWN($C5082/24,0)+1,1)*INDEX($D$3:$AA$30,INDEX(Jesper!$R$2:$R$366,ROW(INDEX(Jesper!AL$2:AL$366,ROUNDDOWN($C5082/24,0)+1,1))-1)+IF('Standard Profiles'!$G$22=$B$10,7,0)+IF('Standard Profiles'!$G$22=$B$17,14,0)+IF('Standard Profiles'!$G$22=$B$24,21,0),MOD($C5082,24)+1)/SUM(INDEX($D$3:$AA$30,INDEX(Jesper!$R$2:$R$366,ROW(INDEX(Jesper!AL$2:AL$366,ROUNDDOWN($C5082/24,0)+1,1))-1)+IF('Standard Profiles'!$G$22=$B$10,7,0)+IF('Standard Profiles'!$G$22=$B$17,14,0)+IF('Standard Profiles'!$G$22=$B$24,21,0),0)),0)</f>
        <v>0</v>
      </c>
      <c r="I5082">
        <f t="shared" si="566"/>
        <v>0.3434947634000855</v>
      </c>
      <c r="J5082">
        <f t="shared" si="567"/>
        <v>1.1449825446669519</v>
      </c>
      <c r="K5082">
        <f t="shared" si="568"/>
        <v>1.7174738170004276</v>
      </c>
      <c r="L5082">
        <f t="shared" si="569"/>
        <v>8.2438743216020534</v>
      </c>
      <c r="M5082">
        <f t="shared" si="570"/>
        <v>0</v>
      </c>
      <c r="N5082" s="46">
        <f t="shared" si="571"/>
        <v>45502.33333332109</v>
      </c>
    </row>
    <row r="5083" spans="2:14" x14ac:dyDescent="0.3">
      <c r="B5083">
        <f t="shared" si="565"/>
        <v>1</v>
      </c>
      <c r="C5083" s="16">
        <v>5049</v>
      </c>
      <c r="D5083" cm="1">
        <f t="array" ref="D5083">IFERROR(INDEX(Jesper!AH$2:AH$366,ROUNDDOWN($C5083/24,0)+1,1)*INDEX($D$3:$AA$30,INDEX(Jesper!$R$2:$R$366,ROW(INDEX(Jesper!AH$2:AH$366,ROUNDDOWN($C5083/24,0)+1,1))-1)+IF('Standard Profiles'!$G$18=$B$10,7,0)+IF('Standard Profiles'!$G$18=$B$17,14,0)+IF('Standard Profiles'!$G$18=$B$24,21,0),MOD($C5083,24)+1)/SUM(INDEX($D$3:$AA$30,INDEX(Jesper!$R$2:$R$366,ROW(INDEX(Jesper!AH$2:AH$366,ROUNDDOWN($C5083/24,0)+1,1))-1)+IF('Standard Profiles'!$G$18=$B$10,7,0)+IF('Standard Profiles'!$G$18=$B$17,14,0)+IF('Standard Profiles'!$G$18=$B$24,21,0),0)),0)</f>
        <v>12.226084798986095</v>
      </c>
      <c r="E5083" cm="1">
        <f t="array" ref="E5083">IFERROR(INDEX(Jesper!AI$2:AI$366,ROUNDDOWN($C5083/24,0)+1,1)*INDEX($D$3:$AA$30,INDEX(Jesper!$R$2:$R$366,ROW(INDEX(Jesper!AI$2:AI$366,ROUNDDOWN($C5083/24,0)+1,1))-1)+IF('Standard Profiles'!$G$19=$B$10,7,0)+IF('Standard Profiles'!$G$19=$B$17,14,0)+IF('Standard Profiles'!$G$19=$B$24,21,0),MOD($C5083,24)+1)/SUM(INDEX($D$3:$AA$30,INDEX(Jesper!$R$2:$R$366,ROW(INDEX(Jesper!AI$2:AI$366,ROUNDDOWN($C5083/24,0)+1,1))-1)+IF('Standard Profiles'!$G$19=$B$10,7,0)+IF('Standard Profiles'!$G$19=$B$17,14,0)+IF('Standard Profiles'!$G$19=$B$24,21,0),0)),0)</f>
        <v>0</v>
      </c>
      <c r="F5083" cm="1">
        <f t="array" ref="F5083">IFERROR(INDEX(Jesper!AJ$2:AJ$366,ROUNDDOWN($C5083/24,0)+1,1)*INDEX($D$3:$AA$30,INDEX(Jesper!$R$2:$R$366,ROW(INDEX(Jesper!AJ$2:AJ$366,ROUNDDOWN($C5083/24,0)+1,1))-1)+IF('Standard Profiles'!$G$20=$B$10,7,0)+IF('Standard Profiles'!$G$20=$B$17,14,0)+IF('Standard Profiles'!$G$20=$B$24,21,0),MOD($C5083,24)+1)/SUM(INDEX($D$3:$AA$30,INDEX(Jesper!$R$2:$R$366,ROW(INDEX(Jesper!AJ$2:AJ$366,ROUNDDOWN($C5083/24,0)+1,1))-1)+IF('Standard Profiles'!$G$20=$B$10,7,0)+IF('Standard Profiles'!$G$20=$B$17,14,0)+IF('Standard Profiles'!$G$20=$B$24,21,0),0)),0)</f>
        <v>0</v>
      </c>
      <c r="G5083" cm="1">
        <f t="array" ref="G5083">IFERROR(INDEX(Jesper!AK$2:AK$366,ROUNDDOWN($C5083/24,0)+1,1)*INDEX($D$3:$AA$30,INDEX(Jesper!$R$2:$R$366,ROW(INDEX(Jesper!AK$2:AK$366,ROUNDDOWN($C5083/24,0)+1,1))-1)+IF('Standard Profiles'!$G$21=$B$10,7,0)+IF('Standard Profiles'!$G$21=$B$17,14,0)+IF('Standard Profiles'!$G$21=$B$24,21,0),MOD($C5083,24)+1)/SUM(INDEX($D$3:$AA$30,INDEX(Jesper!$R$2:$R$366,ROW(INDEX(Jesper!AK$2:AK$366,ROUNDDOWN($C5083/24,0)+1,1))-1)+IF('Standard Profiles'!$G$21=$B$10,7,0)+IF('Standard Profiles'!$G$21=$B$17,14,0)+IF('Standard Profiles'!$G$21=$B$24,21,0),0)),0)</f>
        <v>0</v>
      </c>
      <c r="H5083" cm="1">
        <f t="array" ref="H5083">IFERROR(INDEX(Jesper!AL$2:AL$366,ROUNDDOWN($C5083/24,0)+1,1)*INDEX($D$3:$AA$30,INDEX(Jesper!$R$2:$R$366,ROW(INDEX(Jesper!AL$2:AL$366,ROUNDDOWN($C5083/24,0)+1,1))-1)+IF('Standard Profiles'!$G$22=$B$10,7,0)+IF('Standard Profiles'!$G$22=$B$17,14,0)+IF('Standard Profiles'!$G$22=$B$24,21,0),MOD($C5083,24)+1)/SUM(INDEX($D$3:$AA$30,INDEX(Jesper!$R$2:$R$366,ROW(INDEX(Jesper!AL$2:AL$366,ROUNDDOWN($C5083/24,0)+1,1))-1)+IF('Standard Profiles'!$G$22=$B$10,7,0)+IF('Standard Profiles'!$G$22=$B$17,14,0)+IF('Standard Profiles'!$G$22=$B$24,21,0),0)),0)</f>
        <v>0</v>
      </c>
      <c r="I5083">
        <f t="shared" si="566"/>
        <v>0.36678254396958282</v>
      </c>
      <c r="J5083">
        <f t="shared" si="567"/>
        <v>1.2226084798986097</v>
      </c>
      <c r="K5083">
        <f t="shared" si="568"/>
        <v>1.8339127198479142</v>
      </c>
      <c r="L5083">
        <f t="shared" si="569"/>
        <v>8.802781055269989</v>
      </c>
      <c r="M5083">
        <f t="shared" si="570"/>
        <v>0</v>
      </c>
      <c r="N5083" s="46">
        <f t="shared" si="571"/>
        <v>45502.374999987755</v>
      </c>
    </row>
    <row r="5084" spans="2:14" x14ac:dyDescent="0.3">
      <c r="B5084">
        <f t="shared" si="565"/>
        <v>1</v>
      </c>
      <c r="C5084" s="16">
        <v>5050</v>
      </c>
      <c r="D5084" cm="1">
        <f t="array" ref="D5084">IFERROR(INDEX(Jesper!AH$2:AH$366,ROUNDDOWN($C5084/24,0)+1,1)*INDEX($D$3:$AA$30,INDEX(Jesper!$R$2:$R$366,ROW(INDEX(Jesper!AH$2:AH$366,ROUNDDOWN($C5084/24,0)+1,1))-1)+IF('Standard Profiles'!$G$18=$B$10,7,0)+IF('Standard Profiles'!$G$18=$B$17,14,0)+IF('Standard Profiles'!$G$18=$B$24,21,0),MOD($C5084,24)+1)/SUM(INDEX($D$3:$AA$30,INDEX(Jesper!$R$2:$R$366,ROW(INDEX(Jesper!AH$2:AH$366,ROUNDDOWN($C5084/24,0)+1,1))-1)+IF('Standard Profiles'!$G$18=$B$10,7,0)+IF('Standard Profiles'!$G$18=$B$17,14,0)+IF('Standard Profiles'!$G$18=$B$24,21,0),0)),0)</f>
        <v>12.226084798986095</v>
      </c>
      <c r="E5084" cm="1">
        <f t="array" ref="E5084">IFERROR(INDEX(Jesper!AI$2:AI$366,ROUNDDOWN($C5084/24,0)+1,1)*INDEX($D$3:$AA$30,INDEX(Jesper!$R$2:$R$366,ROW(INDEX(Jesper!AI$2:AI$366,ROUNDDOWN($C5084/24,0)+1,1))-1)+IF('Standard Profiles'!$G$19=$B$10,7,0)+IF('Standard Profiles'!$G$19=$B$17,14,0)+IF('Standard Profiles'!$G$19=$B$24,21,0),MOD($C5084,24)+1)/SUM(INDEX($D$3:$AA$30,INDEX(Jesper!$R$2:$R$366,ROW(INDEX(Jesper!AI$2:AI$366,ROUNDDOWN($C5084/24,0)+1,1))-1)+IF('Standard Profiles'!$G$19=$B$10,7,0)+IF('Standard Profiles'!$G$19=$B$17,14,0)+IF('Standard Profiles'!$G$19=$B$24,21,0),0)),0)</f>
        <v>0</v>
      </c>
      <c r="F5084" cm="1">
        <f t="array" ref="F5084">IFERROR(INDEX(Jesper!AJ$2:AJ$366,ROUNDDOWN($C5084/24,0)+1,1)*INDEX($D$3:$AA$30,INDEX(Jesper!$R$2:$R$366,ROW(INDEX(Jesper!AJ$2:AJ$366,ROUNDDOWN($C5084/24,0)+1,1))-1)+IF('Standard Profiles'!$G$20=$B$10,7,0)+IF('Standard Profiles'!$G$20=$B$17,14,0)+IF('Standard Profiles'!$G$20=$B$24,21,0),MOD($C5084,24)+1)/SUM(INDEX($D$3:$AA$30,INDEX(Jesper!$R$2:$R$366,ROW(INDEX(Jesper!AJ$2:AJ$366,ROUNDDOWN($C5084/24,0)+1,1))-1)+IF('Standard Profiles'!$G$20=$B$10,7,0)+IF('Standard Profiles'!$G$20=$B$17,14,0)+IF('Standard Profiles'!$G$20=$B$24,21,0),0)),0)</f>
        <v>0</v>
      </c>
      <c r="G5084" cm="1">
        <f t="array" ref="G5084">IFERROR(INDEX(Jesper!AK$2:AK$366,ROUNDDOWN($C5084/24,0)+1,1)*INDEX($D$3:$AA$30,INDEX(Jesper!$R$2:$R$366,ROW(INDEX(Jesper!AK$2:AK$366,ROUNDDOWN($C5084/24,0)+1,1))-1)+IF('Standard Profiles'!$G$21=$B$10,7,0)+IF('Standard Profiles'!$G$21=$B$17,14,0)+IF('Standard Profiles'!$G$21=$B$24,21,0),MOD($C5084,24)+1)/SUM(INDEX($D$3:$AA$30,INDEX(Jesper!$R$2:$R$366,ROW(INDEX(Jesper!AK$2:AK$366,ROUNDDOWN($C5084/24,0)+1,1))-1)+IF('Standard Profiles'!$G$21=$B$10,7,0)+IF('Standard Profiles'!$G$21=$B$17,14,0)+IF('Standard Profiles'!$G$21=$B$24,21,0),0)),0)</f>
        <v>0</v>
      </c>
      <c r="H5084" cm="1">
        <f t="array" ref="H5084">IFERROR(INDEX(Jesper!AL$2:AL$366,ROUNDDOWN($C5084/24,0)+1,1)*INDEX($D$3:$AA$30,INDEX(Jesper!$R$2:$R$366,ROW(INDEX(Jesper!AL$2:AL$366,ROUNDDOWN($C5084/24,0)+1,1))-1)+IF('Standard Profiles'!$G$22=$B$10,7,0)+IF('Standard Profiles'!$G$22=$B$17,14,0)+IF('Standard Profiles'!$G$22=$B$24,21,0),MOD($C5084,24)+1)/SUM(INDEX($D$3:$AA$30,INDEX(Jesper!$R$2:$R$366,ROW(INDEX(Jesper!AL$2:AL$366,ROUNDDOWN($C5084/24,0)+1,1))-1)+IF('Standard Profiles'!$G$22=$B$10,7,0)+IF('Standard Profiles'!$G$22=$B$17,14,0)+IF('Standard Profiles'!$G$22=$B$24,21,0),0)),0)</f>
        <v>0</v>
      </c>
      <c r="I5084">
        <f t="shared" si="566"/>
        <v>0.36678254396958282</v>
      </c>
      <c r="J5084">
        <f t="shared" si="567"/>
        <v>1.2226084798986097</v>
      </c>
      <c r="K5084">
        <f t="shared" si="568"/>
        <v>1.8339127198479142</v>
      </c>
      <c r="L5084">
        <f t="shared" si="569"/>
        <v>8.802781055269989</v>
      </c>
      <c r="M5084">
        <f t="shared" si="570"/>
        <v>0</v>
      </c>
      <c r="N5084" s="46">
        <f t="shared" si="571"/>
        <v>45502.416666654419</v>
      </c>
    </row>
    <row r="5085" spans="2:14" x14ac:dyDescent="0.3">
      <c r="B5085">
        <f t="shared" si="565"/>
        <v>1</v>
      </c>
      <c r="C5085" s="16">
        <v>5051</v>
      </c>
      <c r="D5085" cm="1">
        <f t="array" ref="D5085">IFERROR(INDEX(Jesper!AH$2:AH$366,ROUNDDOWN($C5085/24,0)+1,1)*INDEX($D$3:$AA$30,INDEX(Jesper!$R$2:$R$366,ROW(INDEX(Jesper!AH$2:AH$366,ROUNDDOWN($C5085/24,0)+1,1))-1)+IF('Standard Profiles'!$G$18=$B$10,7,0)+IF('Standard Profiles'!$G$18=$B$17,14,0)+IF('Standard Profiles'!$G$18=$B$24,21,0),MOD($C5085,24)+1)/SUM(INDEX($D$3:$AA$30,INDEX(Jesper!$R$2:$R$366,ROW(INDEX(Jesper!AH$2:AH$366,ROUNDDOWN($C5085/24,0)+1,1))-1)+IF('Standard Profiles'!$G$18=$B$10,7,0)+IF('Standard Profiles'!$G$18=$B$17,14,0)+IF('Standard Profiles'!$G$18=$B$24,21,0),0)),0)</f>
        <v>15.525187046331551</v>
      </c>
      <c r="E5085" cm="1">
        <f t="array" ref="E5085">IFERROR(INDEX(Jesper!AI$2:AI$366,ROUNDDOWN($C5085/24,0)+1,1)*INDEX($D$3:$AA$30,INDEX(Jesper!$R$2:$R$366,ROW(INDEX(Jesper!AI$2:AI$366,ROUNDDOWN($C5085/24,0)+1,1))-1)+IF('Standard Profiles'!$G$19=$B$10,7,0)+IF('Standard Profiles'!$G$19=$B$17,14,0)+IF('Standard Profiles'!$G$19=$B$24,21,0),MOD($C5085,24)+1)/SUM(INDEX($D$3:$AA$30,INDEX(Jesper!$R$2:$R$366,ROW(INDEX(Jesper!AI$2:AI$366,ROUNDDOWN($C5085/24,0)+1,1))-1)+IF('Standard Profiles'!$G$19=$B$10,7,0)+IF('Standard Profiles'!$G$19=$B$17,14,0)+IF('Standard Profiles'!$G$19=$B$24,21,0),0)),0)</f>
        <v>0</v>
      </c>
      <c r="F5085" cm="1">
        <f t="array" ref="F5085">IFERROR(INDEX(Jesper!AJ$2:AJ$366,ROUNDDOWN($C5085/24,0)+1,1)*INDEX($D$3:$AA$30,INDEX(Jesper!$R$2:$R$366,ROW(INDEX(Jesper!AJ$2:AJ$366,ROUNDDOWN($C5085/24,0)+1,1))-1)+IF('Standard Profiles'!$G$20=$B$10,7,0)+IF('Standard Profiles'!$G$20=$B$17,14,0)+IF('Standard Profiles'!$G$20=$B$24,21,0),MOD($C5085,24)+1)/SUM(INDEX($D$3:$AA$30,INDEX(Jesper!$R$2:$R$366,ROW(INDEX(Jesper!AJ$2:AJ$366,ROUNDDOWN($C5085/24,0)+1,1))-1)+IF('Standard Profiles'!$G$20=$B$10,7,0)+IF('Standard Profiles'!$G$20=$B$17,14,0)+IF('Standard Profiles'!$G$20=$B$24,21,0),0)),0)</f>
        <v>0</v>
      </c>
      <c r="G5085" cm="1">
        <f t="array" ref="G5085">IFERROR(INDEX(Jesper!AK$2:AK$366,ROUNDDOWN($C5085/24,0)+1,1)*INDEX($D$3:$AA$30,INDEX(Jesper!$R$2:$R$366,ROW(INDEX(Jesper!AK$2:AK$366,ROUNDDOWN($C5085/24,0)+1,1))-1)+IF('Standard Profiles'!$G$21=$B$10,7,0)+IF('Standard Profiles'!$G$21=$B$17,14,0)+IF('Standard Profiles'!$G$21=$B$24,21,0),MOD($C5085,24)+1)/SUM(INDEX($D$3:$AA$30,INDEX(Jesper!$R$2:$R$366,ROW(INDEX(Jesper!AK$2:AK$366,ROUNDDOWN($C5085/24,0)+1,1))-1)+IF('Standard Profiles'!$G$21=$B$10,7,0)+IF('Standard Profiles'!$G$21=$B$17,14,0)+IF('Standard Profiles'!$G$21=$B$24,21,0),0)),0)</f>
        <v>0</v>
      </c>
      <c r="H5085" cm="1">
        <f t="array" ref="H5085">IFERROR(INDEX(Jesper!AL$2:AL$366,ROUNDDOWN($C5085/24,0)+1,1)*INDEX($D$3:$AA$30,INDEX(Jesper!$R$2:$R$366,ROW(INDEX(Jesper!AL$2:AL$366,ROUNDDOWN($C5085/24,0)+1,1))-1)+IF('Standard Profiles'!$G$22=$B$10,7,0)+IF('Standard Profiles'!$G$22=$B$17,14,0)+IF('Standard Profiles'!$G$22=$B$24,21,0),MOD($C5085,24)+1)/SUM(INDEX($D$3:$AA$30,INDEX(Jesper!$R$2:$R$366,ROW(INDEX(Jesper!AL$2:AL$366,ROUNDDOWN($C5085/24,0)+1,1))-1)+IF('Standard Profiles'!$G$22=$B$10,7,0)+IF('Standard Profiles'!$G$22=$B$17,14,0)+IF('Standard Profiles'!$G$22=$B$24,21,0),0)),0)</f>
        <v>0</v>
      </c>
      <c r="I5085">
        <f t="shared" si="566"/>
        <v>0.46575561138994653</v>
      </c>
      <c r="J5085">
        <f t="shared" si="567"/>
        <v>1.5525187046331552</v>
      </c>
      <c r="K5085">
        <f t="shared" si="568"/>
        <v>2.3287780569497327</v>
      </c>
      <c r="L5085">
        <f t="shared" si="569"/>
        <v>11.178134673358716</v>
      </c>
      <c r="M5085">
        <f t="shared" si="570"/>
        <v>0</v>
      </c>
      <c r="N5085" s="46">
        <f t="shared" si="571"/>
        <v>45502.458333321083</v>
      </c>
    </row>
    <row r="5086" spans="2:14" x14ac:dyDescent="0.3">
      <c r="B5086">
        <f t="shared" si="565"/>
        <v>1</v>
      </c>
      <c r="C5086" s="16">
        <v>5052</v>
      </c>
      <c r="D5086" cm="1">
        <f t="array" ref="D5086">IFERROR(INDEX(Jesper!AH$2:AH$366,ROUNDDOWN($C5086/24,0)+1,1)*INDEX($D$3:$AA$30,INDEX(Jesper!$R$2:$R$366,ROW(INDEX(Jesper!AH$2:AH$366,ROUNDDOWN($C5086/24,0)+1,1))-1)+IF('Standard Profiles'!$G$18=$B$10,7,0)+IF('Standard Profiles'!$G$18=$B$17,14,0)+IF('Standard Profiles'!$G$18=$B$24,21,0),MOD($C5086,24)+1)/SUM(INDEX($D$3:$AA$30,INDEX(Jesper!$R$2:$R$366,ROW(INDEX(Jesper!AH$2:AH$366,ROUNDDOWN($C5086/24,0)+1,1))-1)+IF('Standard Profiles'!$G$18=$B$10,7,0)+IF('Standard Profiles'!$G$18=$B$17,14,0)+IF('Standard Profiles'!$G$18=$B$24,21,0),0)),0)</f>
        <v>15.525187046331551</v>
      </c>
      <c r="E5086" cm="1">
        <f t="array" ref="E5086">IFERROR(INDEX(Jesper!AI$2:AI$366,ROUNDDOWN($C5086/24,0)+1,1)*INDEX($D$3:$AA$30,INDEX(Jesper!$R$2:$R$366,ROW(INDEX(Jesper!AI$2:AI$366,ROUNDDOWN($C5086/24,0)+1,1))-1)+IF('Standard Profiles'!$G$19=$B$10,7,0)+IF('Standard Profiles'!$G$19=$B$17,14,0)+IF('Standard Profiles'!$G$19=$B$24,21,0),MOD($C5086,24)+1)/SUM(INDEX($D$3:$AA$30,INDEX(Jesper!$R$2:$R$366,ROW(INDEX(Jesper!AI$2:AI$366,ROUNDDOWN($C5086/24,0)+1,1))-1)+IF('Standard Profiles'!$G$19=$B$10,7,0)+IF('Standard Profiles'!$G$19=$B$17,14,0)+IF('Standard Profiles'!$G$19=$B$24,21,0),0)),0)</f>
        <v>0</v>
      </c>
      <c r="F5086" cm="1">
        <f t="array" ref="F5086">IFERROR(INDEX(Jesper!AJ$2:AJ$366,ROUNDDOWN($C5086/24,0)+1,1)*INDEX($D$3:$AA$30,INDEX(Jesper!$R$2:$R$366,ROW(INDEX(Jesper!AJ$2:AJ$366,ROUNDDOWN($C5086/24,0)+1,1))-1)+IF('Standard Profiles'!$G$20=$B$10,7,0)+IF('Standard Profiles'!$G$20=$B$17,14,0)+IF('Standard Profiles'!$G$20=$B$24,21,0),MOD($C5086,24)+1)/SUM(INDEX($D$3:$AA$30,INDEX(Jesper!$R$2:$R$366,ROW(INDEX(Jesper!AJ$2:AJ$366,ROUNDDOWN($C5086/24,0)+1,1))-1)+IF('Standard Profiles'!$G$20=$B$10,7,0)+IF('Standard Profiles'!$G$20=$B$17,14,0)+IF('Standard Profiles'!$G$20=$B$24,21,0),0)),0)</f>
        <v>0</v>
      </c>
      <c r="G5086" cm="1">
        <f t="array" ref="G5086">IFERROR(INDEX(Jesper!AK$2:AK$366,ROUNDDOWN($C5086/24,0)+1,1)*INDEX($D$3:$AA$30,INDEX(Jesper!$R$2:$R$366,ROW(INDEX(Jesper!AK$2:AK$366,ROUNDDOWN($C5086/24,0)+1,1))-1)+IF('Standard Profiles'!$G$21=$B$10,7,0)+IF('Standard Profiles'!$G$21=$B$17,14,0)+IF('Standard Profiles'!$G$21=$B$24,21,0),MOD($C5086,24)+1)/SUM(INDEX($D$3:$AA$30,INDEX(Jesper!$R$2:$R$366,ROW(INDEX(Jesper!AK$2:AK$366,ROUNDDOWN($C5086/24,0)+1,1))-1)+IF('Standard Profiles'!$G$21=$B$10,7,0)+IF('Standard Profiles'!$G$21=$B$17,14,0)+IF('Standard Profiles'!$G$21=$B$24,21,0),0)),0)</f>
        <v>0</v>
      </c>
      <c r="H5086" cm="1">
        <f t="array" ref="H5086">IFERROR(INDEX(Jesper!AL$2:AL$366,ROUNDDOWN($C5086/24,0)+1,1)*INDEX($D$3:$AA$30,INDEX(Jesper!$R$2:$R$366,ROW(INDEX(Jesper!AL$2:AL$366,ROUNDDOWN($C5086/24,0)+1,1))-1)+IF('Standard Profiles'!$G$22=$B$10,7,0)+IF('Standard Profiles'!$G$22=$B$17,14,0)+IF('Standard Profiles'!$G$22=$B$24,21,0),MOD($C5086,24)+1)/SUM(INDEX($D$3:$AA$30,INDEX(Jesper!$R$2:$R$366,ROW(INDEX(Jesper!AL$2:AL$366,ROUNDDOWN($C5086/24,0)+1,1))-1)+IF('Standard Profiles'!$G$22=$B$10,7,0)+IF('Standard Profiles'!$G$22=$B$17,14,0)+IF('Standard Profiles'!$G$22=$B$24,21,0),0)),0)</f>
        <v>0</v>
      </c>
      <c r="I5086">
        <f t="shared" si="566"/>
        <v>0.46575561138994653</v>
      </c>
      <c r="J5086">
        <f t="shared" si="567"/>
        <v>1.5525187046331552</v>
      </c>
      <c r="K5086">
        <f t="shared" si="568"/>
        <v>2.3287780569497327</v>
      </c>
      <c r="L5086">
        <f t="shared" si="569"/>
        <v>11.178134673358716</v>
      </c>
      <c r="M5086">
        <f t="shared" si="570"/>
        <v>0</v>
      </c>
      <c r="N5086" s="46">
        <f t="shared" si="571"/>
        <v>45502.499999987747</v>
      </c>
    </row>
    <row r="5087" spans="2:14" x14ac:dyDescent="0.3">
      <c r="B5087">
        <f t="shared" si="565"/>
        <v>1</v>
      </c>
      <c r="C5087" s="16">
        <v>5053</v>
      </c>
      <c r="D5087" cm="1">
        <f t="array" ref="D5087">IFERROR(INDEX(Jesper!AH$2:AH$366,ROUNDDOWN($C5087/24,0)+1,1)*INDEX($D$3:$AA$30,INDEX(Jesper!$R$2:$R$366,ROW(INDEX(Jesper!AH$2:AH$366,ROUNDDOWN($C5087/24,0)+1,1))-1)+IF('Standard Profiles'!$G$18=$B$10,7,0)+IF('Standard Profiles'!$G$18=$B$17,14,0)+IF('Standard Profiles'!$G$18=$B$24,21,0),MOD($C5087,24)+1)/SUM(INDEX($D$3:$AA$30,INDEX(Jesper!$R$2:$R$366,ROW(INDEX(Jesper!AH$2:AH$366,ROUNDDOWN($C5087/24,0)+1,1))-1)+IF('Standard Profiles'!$G$18=$B$10,7,0)+IF('Standard Profiles'!$G$18=$B$17,14,0)+IF('Standard Profiles'!$G$18=$B$24,21,0),0)),0)</f>
        <v>10.285436418194653</v>
      </c>
      <c r="E5087" cm="1">
        <f t="array" ref="E5087">IFERROR(INDEX(Jesper!AI$2:AI$366,ROUNDDOWN($C5087/24,0)+1,1)*INDEX($D$3:$AA$30,INDEX(Jesper!$R$2:$R$366,ROW(INDEX(Jesper!AI$2:AI$366,ROUNDDOWN($C5087/24,0)+1,1))-1)+IF('Standard Profiles'!$G$19=$B$10,7,0)+IF('Standard Profiles'!$G$19=$B$17,14,0)+IF('Standard Profiles'!$G$19=$B$24,21,0),MOD($C5087,24)+1)/SUM(INDEX($D$3:$AA$30,INDEX(Jesper!$R$2:$R$366,ROW(INDEX(Jesper!AI$2:AI$366,ROUNDDOWN($C5087/24,0)+1,1))-1)+IF('Standard Profiles'!$G$19=$B$10,7,0)+IF('Standard Profiles'!$G$19=$B$17,14,0)+IF('Standard Profiles'!$G$19=$B$24,21,0),0)),0)</f>
        <v>0</v>
      </c>
      <c r="F5087" cm="1">
        <f t="array" ref="F5087">IFERROR(INDEX(Jesper!AJ$2:AJ$366,ROUNDDOWN($C5087/24,0)+1,1)*INDEX($D$3:$AA$30,INDEX(Jesper!$R$2:$R$366,ROW(INDEX(Jesper!AJ$2:AJ$366,ROUNDDOWN($C5087/24,0)+1,1))-1)+IF('Standard Profiles'!$G$20=$B$10,7,0)+IF('Standard Profiles'!$G$20=$B$17,14,0)+IF('Standard Profiles'!$G$20=$B$24,21,0),MOD($C5087,24)+1)/SUM(INDEX($D$3:$AA$30,INDEX(Jesper!$R$2:$R$366,ROW(INDEX(Jesper!AJ$2:AJ$366,ROUNDDOWN($C5087/24,0)+1,1))-1)+IF('Standard Profiles'!$G$20=$B$10,7,0)+IF('Standard Profiles'!$G$20=$B$17,14,0)+IF('Standard Profiles'!$G$20=$B$24,21,0),0)),0)</f>
        <v>0</v>
      </c>
      <c r="G5087" cm="1">
        <f t="array" ref="G5087">IFERROR(INDEX(Jesper!AK$2:AK$366,ROUNDDOWN($C5087/24,0)+1,1)*INDEX($D$3:$AA$30,INDEX(Jesper!$R$2:$R$366,ROW(INDEX(Jesper!AK$2:AK$366,ROUNDDOWN($C5087/24,0)+1,1))-1)+IF('Standard Profiles'!$G$21=$B$10,7,0)+IF('Standard Profiles'!$G$21=$B$17,14,0)+IF('Standard Profiles'!$G$21=$B$24,21,0),MOD($C5087,24)+1)/SUM(INDEX($D$3:$AA$30,INDEX(Jesper!$R$2:$R$366,ROW(INDEX(Jesper!AK$2:AK$366,ROUNDDOWN($C5087/24,0)+1,1))-1)+IF('Standard Profiles'!$G$21=$B$10,7,0)+IF('Standard Profiles'!$G$21=$B$17,14,0)+IF('Standard Profiles'!$G$21=$B$24,21,0),0)),0)</f>
        <v>0</v>
      </c>
      <c r="H5087" cm="1">
        <f t="array" ref="H5087">IFERROR(INDEX(Jesper!AL$2:AL$366,ROUNDDOWN($C5087/24,0)+1,1)*INDEX($D$3:$AA$30,INDEX(Jesper!$R$2:$R$366,ROW(INDEX(Jesper!AL$2:AL$366,ROUNDDOWN($C5087/24,0)+1,1))-1)+IF('Standard Profiles'!$G$22=$B$10,7,0)+IF('Standard Profiles'!$G$22=$B$17,14,0)+IF('Standard Profiles'!$G$22=$B$24,21,0),MOD($C5087,24)+1)/SUM(INDEX($D$3:$AA$30,INDEX(Jesper!$R$2:$R$366,ROW(INDEX(Jesper!AL$2:AL$366,ROUNDDOWN($C5087/24,0)+1,1))-1)+IF('Standard Profiles'!$G$22=$B$10,7,0)+IF('Standard Profiles'!$G$22=$B$17,14,0)+IF('Standard Profiles'!$G$22=$B$24,21,0),0)),0)</f>
        <v>0</v>
      </c>
      <c r="I5087">
        <f t="shared" si="566"/>
        <v>0.30856309254583958</v>
      </c>
      <c r="J5087">
        <f t="shared" si="567"/>
        <v>1.0285436418194653</v>
      </c>
      <c r="K5087">
        <f t="shared" si="568"/>
        <v>1.5428154627291979</v>
      </c>
      <c r="L5087">
        <f t="shared" si="569"/>
        <v>7.4055142211001499</v>
      </c>
      <c r="M5087">
        <f t="shared" si="570"/>
        <v>0</v>
      </c>
      <c r="N5087" s="46">
        <f t="shared" si="571"/>
        <v>45502.541666654412</v>
      </c>
    </row>
    <row r="5088" spans="2:14" x14ac:dyDescent="0.3">
      <c r="B5088">
        <f t="shared" si="565"/>
        <v>1</v>
      </c>
      <c r="C5088" s="16">
        <v>5054</v>
      </c>
      <c r="D5088" cm="1">
        <f t="array" ref="D5088">IFERROR(INDEX(Jesper!AH$2:AH$366,ROUNDDOWN($C5088/24,0)+1,1)*INDEX($D$3:$AA$30,INDEX(Jesper!$R$2:$R$366,ROW(INDEX(Jesper!AH$2:AH$366,ROUNDDOWN($C5088/24,0)+1,1))-1)+IF('Standard Profiles'!$G$18=$B$10,7,0)+IF('Standard Profiles'!$G$18=$B$17,14,0)+IF('Standard Profiles'!$G$18=$B$24,21,0),MOD($C5088,24)+1)/SUM(INDEX($D$3:$AA$30,INDEX(Jesper!$R$2:$R$366,ROW(INDEX(Jesper!AH$2:AH$366,ROUNDDOWN($C5088/24,0)+1,1))-1)+IF('Standard Profiles'!$G$18=$B$10,7,0)+IF('Standard Profiles'!$G$18=$B$17,14,0)+IF('Standard Profiles'!$G$18=$B$24,21,0),0)),0)</f>
        <v>15.525187046331551</v>
      </c>
      <c r="E5088" cm="1">
        <f t="array" ref="E5088">IFERROR(INDEX(Jesper!AI$2:AI$366,ROUNDDOWN($C5088/24,0)+1,1)*INDEX($D$3:$AA$30,INDEX(Jesper!$R$2:$R$366,ROW(INDEX(Jesper!AI$2:AI$366,ROUNDDOWN($C5088/24,0)+1,1))-1)+IF('Standard Profiles'!$G$19=$B$10,7,0)+IF('Standard Profiles'!$G$19=$B$17,14,0)+IF('Standard Profiles'!$G$19=$B$24,21,0),MOD($C5088,24)+1)/SUM(INDEX($D$3:$AA$30,INDEX(Jesper!$R$2:$R$366,ROW(INDEX(Jesper!AI$2:AI$366,ROUNDDOWN($C5088/24,0)+1,1))-1)+IF('Standard Profiles'!$G$19=$B$10,7,0)+IF('Standard Profiles'!$G$19=$B$17,14,0)+IF('Standard Profiles'!$G$19=$B$24,21,0),0)),0)</f>
        <v>0</v>
      </c>
      <c r="F5088" cm="1">
        <f t="array" ref="F5088">IFERROR(INDEX(Jesper!AJ$2:AJ$366,ROUNDDOWN($C5088/24,0)+1,1)*INDEX($D$3:$AA$30,INDEX(Jesper!$R$2:$R$366,ROW(INDEX(Jesper!AJ$2:AJ$366,ROUNDDOWN($C5088/24,0)+1,1))-1)+IF('Standard Profiles'!$G$20=$B$10,7,0)+IF('Standard Profiles'!$G$20=$B$17,14,0)+IF('Standard Profiles'!$G$20=$B$24,21,0),MOD($C5088,24)+1)/SUM(INDEX($D$3:$AA$30,INDEX(Jesper!$R$2:$R$366,ROW(INDEX(Jesper!AJ$2:AJ$366,ROUNDDOWN($C5088/24,0)+1,1))-1)+IF('Standard Profiles'!$G$20=$B$10,7,0)+IF('Standard Profiles'!$G$20=$B$17,14,0)+IF('Standard Profiles'!$G$20=$B$24,21,0),0)),0)</f>
        <v>0</v>
      </c>
      <c r="G5088" cm="1">
        <f t="array" ref="G5088">IFERROR(INDEX(Jesper!AK$2:AK$366,ROUNDDOWN($C5088/24,0)+1,1)*INDEX($D$3:$AA$30,INDEX(Jesper!$R$2:$R$366,ROW(INDEX(Jesper!AK$2:AK$366,ROUNDDOWN($C5088/24,0)+1,1))-1)+IF('Standard Profiles'!$G$21=$B$10,7,0)+IF('Standard Profiles'!$G$21=$B$17,14,0)+IF('Standard Profiles'!$G$21=$B$24,21,0),MOD($C5088,24)+1)/SUM(INDEX($D$3:$AA$30,INDEX(Jesper!$R$2:$R$366,ROW(INDEX(Jesper!AK$2:AK$366,ROUNDDOWN($C5088/24,0)+1,1))-1)+IF('Standard Profiles'!$G$21=$B$10,7,0)+IF('Standard Profiles'!$G$21=$B$17,14,0)+IF('Standard Profiles'!$G$21=$B$24,21,0),0)),0)</f>
        <v>0</v>
      </c>
      <c r="H5088" cm="1">
        <f t="array" ref="H5088">IFERROR(INDEX(Jesper!AL$2:AL$366,ROUNDDOWN($C5088/24,0)+1,1)*INDEX($D$3:$AA$30,INDEX(Jesper!$R$2:$R$366,ROW(INDEX(Jesper!AL$2:AL$366,ROUNDDOWN($C5088/24,0)+1,1))-1)+IF('Standard Profiles'!$G$22=$B$10,7,0)+IF('Standard Profiles'!$G$22=$B$17,14,0)+IF('Standard Profiles'!$G$22=$B$24,21,0),MOD($C5088,24)+1)/SUM(INDEX($D$3:$AA$30,INDEX(Jesper!$R$2:$R$366,ROW(INDEX(Jesper!AL$2:AL$366,ROUNDDOWN($C5088/24,0)+1,1))-1)+IF('Standard Profiles'!$G$22=$B$10,7,0)+IF('Standard Profiles'!$G$22=$B$17,14,0)+IF('Standard Profiles'!$G$22=$B$24,21,0),0)),0)</f>
        <v>0</v>
      </c>
      <c r="I5088">
        <f t="shared" si="566"/>
        <v>0.46575561138994653</v>
      </c>
      <c r="J5088">
        <f t="shared" si="567"/>
        <v>1.5525187046331552</v>
      </c>
      <c r="K5088">
        <f t="shared" si="568"/>
        <v>2.3287780569497327</v>
      </c>
      <c r="L5088">
        <f t="shared" si="569"/>
        <v>11.178134673358716</v>
      </c>
      <c r="M5088">
        <f t="shared" si="570"/>
        <v>0</v>
      </c>
      <c r="N5088" s="46">
        <f t="shared" si="571"/>
        <v>45502.583333321076</v>
      </c>
    </row>
    <row r="5089" spans="2:14" x14ac:dyDescent="0.3">
      <c r="B5089">
        <f t="shared" si="565"/>
        <v>1</v>
      </c>
      <c r="C5089" s="16">
        <v>5055</v>
      </c>
      <c r="D5089" cm="1">
        <f t="array" ref="D5089">IFERROR(INDEX(Jesper!AH$2:AH$366,ROUNDDOWN($C5089/24,0)+1,1)*INDEX($D$3:$AA$30,INDEX(Jesper!$R$2:$R$366,ROW(INDEX(Jesper!AH$2:AH$366,ROUNDDOWN($C5089/24,0)+1,1))-1)+IF('Standard Profiles'!$G$18=$B$10,7,0)+IF('Standard Profiles'!$G$18=$B$17,14,0)+IF('Standard Profiles'!$G$18=$B$24,21,0),MOD($C5089,24)+1)/SUM(INDEX($D$3:$AA$30,INDEX(Jesper!$R$2:$R$366,ROW(INDEX(Jesper!AH$2:AH$366,ROUNDDOWN($C5089/24,0)+1,1))-1)+IF('Standard Profiles'!$G$18=$B$10,7,0)+IF('Standard Profiles'!$G$18=$B$17,14,0)+IF('Standard Profiles'!$G$18=$B$24,21,0),0)),0)</f>
        <v>15.525187046331551</v>
      </c>
      <c r="E5089" cm="1">
        <f t="array" ref="E5089">IFERROR(INDEX(Jesper!AI$2:AI$366,ROUNDDOWN($C5089/24,0)+1,1)*INDEX($D$3:$AA$30,INDEX(Jesper!$R$2:$R$366,ROW(INDEX(Jesper!AI$2:AI$366,ROUNDDOWN($C5089/24,0)+1,1))-1)+IF('Standard Profiles'!$G$19=$B$10,7,0)+IF('Standard Profiles'!$G$19=$B$17,14,0)+IF('Standard Profiles'!$G$19=$B$24,21,0),MOD($C5089,24)+1)/SUM(INDEX($D$3:$AA$30,INDEX(Jesper!$R$2:$R$366,ROW(INDEX(Jesper!AI$2:AI$366,ROUNDDOWN($C5089/24,0)+1,1))-1)+IF('Standard Profiles'!$G$19=$B$10,7,0)+IF('Standard Profiles'!$G$19=$B$17,14,0)+IF('Standard Profiles'!$G$19=$B$24,21,0),0)),0)</f>
        <v>0</v>
      </c>
      <c r="F5089" cm="1">
        <f t="array" ref="F5089">IFERROR(INDEX(Jesper!AJ$2:AJ$366,ROUNDDOWN($C5089/24,0)+1,1)*INDEX($D$3:$AA$30,INDEX(Jesper!$R$2:$R$366,ROW(INDEX(Jesper!AJ$2:AJ$366,ROUNDDOWN($C5089/24,0)+1,1))-1)+IF('Standard Profiles'!$G$20=$B$10,7,0)+IF('Standard Profiles'!$G$20=$B$17,14,0)+IF('Standard Profiles'!$G$20=$B$24,21,0),MOD($C5089,24)+1)/SUM(INDEX($D$3:$AA$30,INDEX(Jesper!$R$2:$R$366,ROW(INDEX(Jesper!AJ$2:AJ$366,ROUNDDOWN($C5089/24,0)+1,1))-1)+IF('Standard Profiles'!$G$20=$B$10,7,0)+IF('Standard Profiles'!$G$20=$B$17,14,0)+IF('Standard Profiles'!$G$20=$B$24,21,0),0)),0)</f>
        <v>0</v>
      </c>
      <c r="G5089" cm="1">
        <f t="array" ref="G5089">IFERROR(INDEX(Jesper!AK$2:AK$366,ROUNDDOWN($C5089/24,0)+1,1)*INDEX($D$3:$AA$30,INDEX(Jesper!$R$2:$R$366,ROW(INDEX(Jesper!AK$2:AK$366,ROUNDDOWN($C5089/24,0)+1,1))-1)+IF('Standard Profiles'!$G$21=$B$10,7,0)+IF('Standard Profiles'!$G$21=$B$17,14,0)+IF('Standard Profiles'!$G$21=$B$24,21,0),MOD($C5089,24)+1)/SUM(INDEX($D$3:$AA$30,INDEX(Jesper!$R$2:$R$366,ROW(INDEX(Jesper!AK$2:AK$366,ROUNDDOWN($C5089/24,0)+1,1))-1)+IF('Standard Profiles'!$G$21=$B$10,7,0)+IF('Standard Profiles'!$G$21=$B$17,14,0)+IF('Standard Profiles'!$G$21=$B$24,21,0),0)),0)</f>
        <v>0</v>
      </c>
      <c r="H5089" cm="1">
        <f t="array" ref="H5089">IFERROR(INDEX(Jesper!AL$2:AL$366,ROUNDDOWN($C5089/24,0)+1,1)*INDEX($D$3:$AA$30,INDEX(Jesper!$R$2:$R$366,ROW(INDEX(Jesper!AL$2:AL$366,ROUNDDOWN($C5089/24,0)+1,1))-1)+IF('Standard Profiles'!$G$22=$B$10,7,0)+IF('Standard Profiles'!$G$22=$B$17,14,0)+IF('Standard Profiles'!$G$22=$B$24,21,0),MOD($C5089,24)+1)/SUM(INDEX($D$3:$AA$30,INDEX(Jesper!$R$2:$R$366,ROW(INDEX(Jesper!AL$2:AL$366,ROUNDDOWN($C5089/24,0)+1,1))-1)+IF('Standard Profiles'!$G$22=$B$10,7,0)+IF('Standard Profiles'!$G$22=$B$17,14,0)+IF('Standard Profiles'!$G$22=$B$24,21,0),0)),0)</f>
        <v>0</v>
      </c>
      <c r="I5089">
        <f t="shared" si="566"/>
        <v>0.46575561138994653</v>
      </c>
      <c r="J5089">
        <f t="shared" si="567"/>
        <v>1.5525187046331552</v>
      </c>
      <c r="K5089">
        <f t="shared" si="568"/>
        <v>2.3287780569497327</v>
      </c>
      <c r="L5089">
        <f t="shared" si="569"/>
        <v>11.178134673358716</v>
      </c>
      <c r="M5089">
        <f t="shared" si="570"/>
        <v>0</v>
      </c>
      <c r="N5089" s="46">
        <f t="shared" si="571"/>
        <v>45502.62499998774</v>
      </c>
    </row>
    <row r="5090" spans="2:14" x14ac:dyDescent="0.3">
      <c r="B5090">
        <f t="shared" si="565"/>
        <v>1</v>
      </c>
      <c r="C5090" s="16">
        <v>5056</v>
      </c>
      <c r="D5090" cm="1">
        <f t="array" ref="D5090">IFERROR(INDEX(Jesper!AH$2:AH$366,ROUNDDOWN($C5090/24,0)+1,1)*INDEX($D$3:$AA$30,INDEX(Jesper!$R$2:$R$366,ROW(INDEX(Jesper!AH$2:AH$366,ROUNDDOWN($C5090/24,0)+1,1))-1)+IF('Standard Profiles'!$G$18=$B$10,7,0)+IF('Standard Profiles'!$G$18=$B$17,14,0)+IF('Standard Profiles'!$G$18=$B$24,21,0),MOD($C5090,24)+1)/SUM(INDEX($D$3:$AA$30,INDEX(Jesper!$R$2:$R$366,ROW(INDEX(Jesper!AH$2:AH$366,ROUNDDOWN($C5090/24,0)+1,1))-1)+IF('Standard Profiles'!$G$18=$B$10,7,0)+IF('Standard Profiles'!$G$18=$B$17,14,0)+IF('Standard Profiles'!$G$18=$B$24,21,0),0)),0)</f>
        <v>15.525187046331551</v>
      </c>
      <c r="E5090" cm="1">
        <f t="array" ref="E5090">IFERROR(INDEX(Jesper!AI$2:AI$366,ROUNDDOWN($C5090/24,0)+1,1)*INDEX($D$3:$AA$30,INDEX(Jesper!$R$2:$R$366,ROW(INDEX(Jesper!AI$2:AI$366,ROUNDDOWN($C5090/24,0)+1,1))-1)+IF('Standard Profiles'!$G$19=$B$10,7,0)+IF('Standard Profiles'!$G$19=$B$17,14,0)+IF('Standard Profiles'!$G$19=$B$24,21,0),MOD($C5090,24)+1)/SUM(INDEX($D$3:$AA$30,INDEX(Jesper!$R$2:$R$366,ROW(INDEX(Jesper!AI$2:AI$366,ROUNDDOWN($C5090/24,0)+1,1))-1)+IF('Standard Profiles'!$G$19=$B$10,7,0)+IF('Standard Profiles'!$G$19=$B$17,14,0)+IF('Standard Profiles'!$G$19=$B$24,21,0),0)),0)</f>
        <v>0</v>
      </c>
      <c r="F5090" cm="1">
        <f t="array" ref="F5090">IFERROR(INDEX(Jesper!AJ$2:AJ$366,ROUNDDOWN($C5090/24,0)+1,1)*INDEX($D$3:$AA$30,INDEX(Jesper!$R$2:$R$366,ROW(INDEX(Jesper!AJ$2:AJ$366,ROUNDDOWN($C5090/24,0)+1,1))-1)+IF('Standard Profiles'!$G$20=$B$10,7,0)+IF('Standard Profiles'!$G$20=$B$17,14,0)+IF('Standard Profiles'!$G$20=$B$24,21,0),MOD($C5090,24)+1)/SUM(INDEX($D$3:$AA$30,INDEX(Jesper!$R$2:$R$366,ROW(INDEX(Jesper!AJ$2:AJ$366,ROUNDDOWN($C5090/24,0)+1,1))-1)+IF('Standard Profiles'!$G$20=$B$10,7,0)+IF('Standard Profiles'!$G$20=$B$17,14,0)+IF('Standard Profiles'!$G$20=$B$24,21,0),0)),0)</f>
        <v>0</v>
      </c>
      <c r="G5090" cm="1">
        <f t="array" ref="G5090">IFERROR(INDEX(Jesper!AK$2:AK$366,ROUNDDOWN($C5090/24,0)+1,1)*INDEX($D$3:$AA$30,INDEX(Jesper!$R$2:$R$366,ROW(INDEX(Jesper!AK$2:AK$366,ROUNDDOWN($C5090/24,0)+1,1))-1)+IF('Standard Profiles'!$G$21=$B$10,7,0)+IF('Standard Profiles'!$G$21=$B$17,14,0)+IF('Standard Profiles'!$G$21=$B$24,21,0),MOD($C5090,24)+1)/SUM(INDEX($D$3:$AA$30,INDEX(Jesper!$R$2:$R$366,ROW(INDEX(Jesper!AK$2:AK$366,ROUNDDOWN($C5090/24,0)+1,1))-1)+IF('Standard Profiles'!$G$21=$B$10,7,0)+IF('Standard Profiles'!$G$21=$B$17,14,0)+IF('Standard Profiles'!$G$21=$B$24,21,0),0)),0)</f>
        <v>0</v>
      </c>
      <c r="H5090" cm="1">
        <f t="array" ref="H5090">IFERROR(INDEX(Jesper!AL$2:AL$366,ROUNDDOWN($C5090/24,0)+1,1)*INDEX($D$3:$AA$30,INDEX(Jesper!$R$2:$R$366,ROW(INDEX(Jesper!AL$2:AL$366,ROUNDDOWN($C5090/24,0)+1,1))-1)+IF('Standard Profiles'!$G$22=$B$10,7,0)+IF('Standard Profiles'!$G$22=$B$17,14,0)+IF('Standard Profiles'!$G$22=$B$24,21,0),MOD($C5090,24)+1)/SUM(INDEX($D$3:$AA$30,INDEX(Jesper!$R$2:$R$366,ROW(INDEX(Jesper!AL$2:AL$366,ROUNDDOWN($C5090/24,0)+1,1))-1)+IF('Standard Profiles'!$G$22=$B$10,7,0)+IF('Standard Profiles'!$G$22=$B$17,14,0)+IF('Standard Profiles'!$G$22=$B$24,21,0),0)),0)</f>
        <v>0</v>
      </c>
      <c r="I5090">
        <f t="shared" si="566"/>
        <v>0.46575561138994653</v>
      </c>
      <c r="J5090">
        <f t="shared" si="567"/>
        <v>1.5525187046331552</v>
      </c>
      <c r="K5090">
        <f t="shared" si="568"/>
        <v>2.3287780569497327</v>
      </c>
      <c r="L5090">
        <f t="shared" si="569"/>
        <v>11.178134673358716</v>
      </c>
      <c r="M5090">
        <f t="shared" si="570"/>
        <v>0</v>
      </c>
      <c r="N5090" s="46">
        <f t="shared" si="571"/>
        <v>45502.666666654404</v>
      </c>
    </row>
    <row r="5091" spans="2:14" x14ac:dyDescent="0.3">
      <c r="B5091">
        <f t="shared" ref="B5091:B5154" si="572">WEEKDAY(N5091,2)</f>
        <v>1</v>
      </c>
      <c r="C5091" s="16">
        <v>5057</v>
      </c>
      <c r="D5091" cm="1">
        <f t="array" ref="D5091">IFERROR(INDEX(Jesper!AH$2:AH$366,ROUNDDOWN($C5091/24,0)+1,1)*INDEX($D$3:$AA$30,INDEX(Jesper!$R$2:$R$366,ROW(INDEX(Jesper!AH$2:AH$366,ROUNDDOWN($C5091/24,0)+1,1))-1)+IF('Standard Profiles'!$G$18=$B$10,7,0)+IF('Standard Profiles'!$G$18=$B$17,14,0)+IF('Standard Profiles'!$G$18=$B$24,21,0),MOD($C5091,24)+1)/SUM(INDEX($D$3:$AA$30,INDEX(Jesper!$R$2:$R$366,ROW(INDEX(Jesper!AH$2:AH$366,ROUNDDOWN($C5091/24,0)+1,1))-1)+IF('Standard Profiles'!$G$18=$B$10,7,0)+IF('Standard Profiles'!$G$18=$B$17,14,0)+IF('Standard Profiles'!$G$18=$B$24,21,0),0)),0)</f>
        <v>15.525187046331551</v>
      </c>
      <c r="E5091" cm="1">
        <f t="array" ref="E5091">IFERROR(INDEX(Jesper!AI$2:AI$366,ROUNDDOWN($C5091/24,0)+1,1)*INDEX($D$3:$AA$30,INDEX(Jesper!$R$2:$R$366,ROW(INDEX(Jesper!AI$2:AI$366,ROUNDDOWN($C5091/24,0)+1,1))-1)+IF('Standard Profiles'!$G$19=$B$10,7,0)+IF('Standard Profiles'!$G$19=$B$17,14,0)+IF('Standard Profiles'!$G$19=$B$24,21,0),MOD($C5091,24)+1)/SUM(INDEX($D$3:$AA$30,INDEX(Jesper!$R$2:$R$366,ROW(INDEX(Jesper!AI$2:AI$366,ROUNDDOWN($C5091/24,0)+1,1))-1)+IF('Standard Profiles'!$G$19=$B$10,7,0)+IF('Standard Profiles'!$G$19=$B$17,14,0)+IF('Standard Profiles'!$G$19=$B$24,21,0),0)),0)</f>
        <v>0</v>
      </c>
      <c r="F5091" cm="1">
        <f t="array" ref="F5091">IFERROR(INDEX(Jesper!AJ$2:AJ$366,ROUNDDOWN($C5091/24,0)+1,1)*INDEX($D$3:$AA$30,INDEX(Jesper!$R$2:$R$366,ROW(INDEX(Jesper!AJ$2:AJ$366,ROUNDDOWN($C5091/24,0)+1,1))-1)+IF('Standard Profiles'!$G$20=$B$10,7,0)+IF('Standard Profiles'!$G$20=$B$17,14,0)+IF('Standard Profiles'!$G$20=$B$24,21,0),MOD($C5091,24)+1)/SUM(INDEX($D$3:$AA$30,INDEX(Jesper!$R$2:$R$366,ROW(INDEX(Jesper!AJ$2:AJ$366,ROUNDDOWN($C5091/24,0)+1,1))-1)+IF('Standard Profiles'!$G$20=$B$10,7,0)+IF('Standard Profiles'!$G$20=$B$17,14,0)+IF('Standard Profiles'!$G$20=$B$24,21,0),0)),0)</f>
        <v>0</v>
      </c>
      <c r="G5091" cm="1">
        <f t="array" ref="G5091">IFERROR(INDEX(Jesper!AK$2:AK$366,ROUNDDOWN($C5091/24,0)+1,1)*INDEX($D$3:$AA$30,INDEX(Jesper!$R$2:$R$366,ROW(INDEX(Jesper!AK$2:AK$366,ROUNDDOWN($C5091/24,0)+1,1))-1)+IF('Standard Profiles'!$G$21=$B$10,7,0)+IF('Standard Profiles'!$G$21=$B$17,14,0)+IF('Standard Profiles'!$G$21=$B$24,21,0),MOD($C5091,24)+1)/SUM(INDEX($D$3:$AA$30,INDEX(Jesper!$R$2:$R$366,ROW(INDEX(Jesper!AK$2:AK$366,ROUNDDOWN($C5091/24,0)+1,1))-1)+IF('Standard Profiles'!$G$21=$B$10,7,0)+IF('Standard Profiles'!$G$21=$B$17,14,0)+IF('Standard Profiles'!$G$21=$B$24,21,0),0)),0)</f>
        <v>0</v>
      </c>
      <c r="H5091" cm="1">
        <f t="array" ref="H5091">IFERROR(INDEX(Jesper!AL$2:AL$366,ROUNDDOWN($C5091/24,0)+1,1)*INDEX($D$3:$AA$30,INDEX(Jesper!$R$2:$R$366,ROW(INDEX(Jesper!AL$2:AL$366,ROUNDDOWN($C5091/24,0)+1,1))-1)+IF('Standard Profiles'!$G$22=$B$10,7,0)+IF('Standard Profiles'!$G$22=$B$17,14,0)+IF('Standard Profiles'!$G$22=$B$24,21,0),MOD($C5091,24)+1)/SUM(INDEX($D$3:$AA$30,INDEX(Jesper!$R$2:$R$366,ROW(INDEX(Jesper!AL$2:AL$366,ROUNDDOWN($C5091/24,0)+1,1))-1)+IF('Standard Profiles'!$G$22=$B$10,7,0)+IF('Standard Profiles'!$G$22=$B$17,14,0)+IF('Standard Profiles'!$G$22=$B$24,21,0),0)),0)</f>
        <v>0</v>
      </c>
      <c r="I5091">
        <f t="shared" ref="I5091:I5154" si="573">IF($B5091&lt;6,AC$37*$D5091+AC$38*$E5091+AC$39*$F5091+AC$40*$G5091,AC$46*$D5091+AC$47*$E5091+AC$48*$F5091+AC$49*$G5091+AC$50*$H5091)</f>
        <v>0.46575561138994653</v>
      </c>
      <c r="J5091">
        <f t="shared" ref="J5091:J5154" si="574">IF($B5091&lt;6,AD$37*$D5091+AD$38*$E5091+AD$39*$F5091+AD$40*$G5091,AD$46*$D5091+AD$47*$E5091+AD$48*$F5091+AD$49*$G5091+AD$50*$H5091)</f>
        <v>1.5525187046331552</v>
      </c>
      <c r="K5091">
        <f t="shared" ref="K5091:K5154" si="575">IF($B5091&lt;6,AE$37*$D5091+AE$38*$E5091+AE$39*$F5091+AE$40*$G5091,AE$46*$D5091+AE$47*$E5091+AE$48*$F5091+AE$49*$G5091+AE$50*$H5091)</f>
        <v>2.3287780569497327</v>
      </c>
      <c r="L5091">
        <f t="shared" ref="L5091:L5154" si="576">IF($B5091&lt;6,AF$37*$D5091+AF$38*$E5091+AF$39*$F5091+AF$40*$G5091,AF$46*$D5091+AF$47*$E5091+AF$48*$F5091+AF$49*$G5091+AF$50*$H5091)</f>
        <v>11.178134673358716</v>
      </c>
      <c r="M5091">
        <f t="shared" ref="M5091:M5154" si="577">IF($B5091&lt;6,AG$37*$D5091+AG$38*$E5091+AG$39*$F5091+AG$40*$G5091,AG$46*$D5091+AG$47*$E5091+AG$48*$F5091+AG$49*$G5091+AG$50*$H5091)</f>
        <v>0</v>
      </c>
      <c r="N5091" s="46">
        <f t="shared" si="571"/>
        <v>45502.708333321068</v>
      </c>
    </row>
    <row r="5092" spans="2:14" x14ac:dyDescent="0.3">
      <c r="B5092">
        <f t="shared" si="572"/>
        <v>1</v>
      </c>
      <c r="C5092" s="16">
        <v>5058</v>
      </c>
      <c r="D5092" cm="1">
        <f t="array" ref="D5092">IFERROR(INDEX(Jesper!AH$2:AH$366,ROUNDDOWN($C5092/24,0)+1,1)*INDEX($D$3:$AA$30,INDEX(Jesper!$R$2:$R$366,ROW(INDEX(Jesper!AH$2:AH$366,ROUNDDOWN($C5092/24,0)+1,1))-1)+IF('Standard Profiles'!$G$18=$B$10,7,0)+IF('Standard Profiles'!$G$18=$B$17,14,0)+IF('Standard Profiles'!$G$18=$B$24,21,0),MOD($C5092,24)+1)/SUM(INDEX($D$3:$AA$30,INDEX(Jesper!$R$2:$R$366,ROW(INDEX(Jesper!AH$2:AH$366,ROUNDDOWN($C5092/24,0)+1,1))-1)+IF('Standard Profiles'!$G$18=$B$10,7,0)+IF('Standard Profiles'!$G$18=$B$17,14,0)+IF('Standard Profiles'!$G$18=$B$24,21,0),0)),0)</f>
        <v>15.525187046331551</v>
      </c>
      <c r="E5092" cm="1">
        <f t="array" ref="E5092">IFERROR(INDEX(Jesper!AI$2:AI$366,ROUNDDOWN($C5092/24,0)+1,1)*INDEX($D$3:$AA$30,INDEX(Jesper!$R$2:$R$366,ROW(INDEX(Jesper!AI$2:AI$366,ROUNDDOWN($C5092/24,0)+1,1))-1)+IF('Standard Profiles'!$G$19=$B$10,7,0)+IF('Standard Profiles'!$G$19=$B$17,14,0)+IF('Standard Profiles'!$G$19=$B$24,21,0),MOD($C5092,24)+1)/SUM(INDEX($D$3:$AA$30,INDEX(Jesper!$R$2:$R$366,ROW(INDEX(Jesper!AI$2:AI$366,ROUNDDOWN($C5092/24,0)+1,1))-1)+IF('Standard Profiles'!$G$19=$B$10,7,0)+IF('Standard Profiles'!$G$19=$B$17,14,0)+IF('Standard Profiles'!$G$19=$B$24,21,0),0)),0)</f>
        <v>0</v>
      </c>
      <c r="F5092" cm="1">
        <f t="array" ref="F5092">IFERROR(INDEX(Jesper!AJ$2:AJ$366,ROUNDDOWN($C5092/24,0)+1,1)*INDEX($D$3:$AA$30,INDEX(Jesper!$R$2:$R$366,ROW(INDEX(Jesper!AJ$2:AJ$366,ROUNDDOWN($C5092/24,0)+1,1))-1)+IF('Standard Profiles'!$G$20=$B$10,7,0)+IF('Standard Profiles'!$G$20=$B$17,14,0)+IF('Standard Profiles'!$G$20=$B$24,21,0),MOD($C5092,24)+1)/SUM(INDEX($D$3:$AA$30,INDEX(Jesper!$R$2:$R$366,ROW(INDEX(Jesper!AJ$2:AJ$366,ROUNDDOWN($C5092/24,0)+1,1))-1)+IF('Standard Profiles'!$G$20=$B$10,7,0)+IF('Standard Profiles'!$G$20=$B$17,14,0)+IF('Standard Profiles'!$G$20=$B$24,21,0),0)),0)</f>
        <v>0</v>
      </c>
      <c r="G5092" cm="1">
        <f t="array" ref="G5092">IFERROR(INDEX(Jesper!AK$2:AK$366,ROUNDDOWN($C5092/24,0)+1,1)*INDEX($D$3:$AA$30,INDEX(Jesper!$R$2:$R$366,ROW(INDEX(Jesper!AK$2:AK$366,ROUNDDOWN($C5092/24,0)+1,1))-1)+IF('Standard Profiles'!$G$21=$B$10,7,0)+IF('Standard Profiles'!$G$21=$B$17,14,0)+IF('Standard Profiles'!$G$21=$B$24,21,0),MOD($C5092,24)+1)/SUM(INDEX($D$3:$AA$30,INDEX(Jesper!$R$2:$R$366,ROW(INDEX(Jesper!AK$2:AK$366,ROUNDDOWN($C5092/24,0)+1,1))-1)+IF('Standard Profiles'!$G$21=$B$10,7,0)+IF('Standard Profiles'!$G$21=$B$17,14,0)+IF('Standard Profiles'!$G$21=$B$24,21,0),0)),0)</f>
        <v>0</v>
      </c>
      <c r="H5092" cm="1">
        <f t="array" ref="H5092">IFERROR(INDEX(Jesper!AL$2:AL$366,ROUNDDOWN($C5092/24,0)+1,1)*INDEX($D$3:$AA$30,INDEX(Jesper!$R$2:$R$366,ROW(INDEX(Jesper!AL$2:AL$366,ROUNDDOWN($C5092/24,0)+1,1))-1)+IF('Standard Profiles'!$G$22=$B$10,7,0)+IF('Standard Profiles'!$G$22=$B$17,14,0)+IF('Standard Profiles'!$G$22=$B$24,21,0),MOD($C5092,24)+1)/SUM(INDEX($D$3:$AA$30,INDEX(Jesper!$R$2:$R$366,ROW(INDEX(Jesper!AL$2:AL$366,ROUNDDOWN($C5092/24,0)+1,1))-1)+IF('Standard Profiles'!$G$22=$B$10,7,0)+IF('Standard Profiles'!$G$22=$B$17,14,0)+IF('Standard Profiles'!$G$22=$B$24,21,0),0)),0)</f>
        <v>0</v>
      </c>
      <c r="I5092">
        <f t="shared" si="573"/>
        <v>0.46575561138994653</v>
      </c>
      <c r="J5092">
        <f t="shared" si="574"/>
        <v>1.5525187046331552</v>
      </c>
      <c r="K5092">
        <f t="shared" si="575"/>
        <v>2.3287780569497327</v>
      </c>
      <c r="L5092">
        <f t="shared" si="576"/>
        <v>11.178134673358716</v>
      </c>
      <c r="M5092">
        <f t="shared" si="577"/>
        <v>0</v>
      </c>
      <c r="N5092" s="46">
        <f t="shared" ref="N5092:N5155" si="578">N5091+1/24</f>
        <v>45502.749999987733</v>
      </c>
    </row>
    <row r="5093" spans="2:14" x14ac:dyDescent="0.3">
      <c r="B5093">
        <f t="shared" si="572"/>
        <v>1</v>
      </c>
      <c r="C5093" s="16">
        <v>5059</v>
      </c>
      <c r="D5093" cm="1">
        <f t="array" ref="D5093">IFERROR(INDEX(Jesper!AH$2:AH$366,ROUNDDOWN($C5093/24,0)+1,1)*INDEX($D$3:$AA$30,INDEX(Jesper!$R$2:$R$366,ROW(INDEX(Jesper!AH$2:AH$366,ROUNDDOWN($C5093/24,0)+1,1))-1)+IF('Standard Profiles'!$G$18=$B$10,7,0)+IF('Standard Profiles'!$G$18=$B$17,14,0)+IF('Standard Profiles'!$G$18=$B$24,21,0),MOD($C5093,24)+1)/SUM(INDEX($D$3:$AA$30,INDEX(Jesper!$R$2:$R$366,ROW(INDEX(Jesper!AH$2:AH$366,ROUNDDOWN($C5093/24,0)+1,1))-1)+IF('Standard Profiles'!$G$18=$B$10,7,0)+IF('Standard Profiles'!$G$18=$B$17,14,0)+IF('Standard Profiles'!$G$18=$B$24,21,0),0)),0)</f>
        <v>13.002344151302674</v>
      </c>
      <c r="E5093" cm="1">
        <f t="array" ref="E5093">IFERROR(INDEX(Jesper!AI$2:AI$366,ROUNDDOWN($C5093/24,0)+1,1)*INDEX($D$3:$AA$30,INDEX(Jesper!$R$2:$R$366,ROW(INDEX(Jesper!AI$2:AI$366,ROUNDDOWN($C5093/24,0)+1,1))-1)+IF('Standard Profiles'!$G$19=$B$10,7,0)+IF('Standard Profiles'!$G$19=$B$17,14,0)+IF('Standard Profiles'!$G$19=$B$24,21,0),MOD($C5093,24)+1)/SUM(INDEX($D$3:$AA$30,INDEX(Jesper!$R$2:$R$366,ROW(INDEX(Jesper!AI$2:AI$366,ROUNDDOWN($C5093/24,0)+1,1))-1)+IF('Standard Profiles'!$G$19=$B$10,7,0)+IF('Standard Profiles'!$G$19=$B$17,14,0)+IF('Standard Profiles'!$G$19=$B$24,21,0),0)),0)</f>
        <v>0</v>
      </c>
      <c r="F5093" cm="1">
        <f t="array" ref="F5093">IFERROR(INDEX(Jesper!AJ$2:AJ$366,ROUNDDOWN($C5093/24,0)+1,1)*INDEX($D$3:$AA$30,INDEX(Jesper!$R$2:$R$366,ROW(INDEX(Jesper!AJ$2:AJ$366,ROUNDDOWN($C5093/24,0)+1,1))-1)+IF('Standard Profiles'!$G$20=$B$10,7,0)+IF('Standard Profiles'!$G$20=$B$17,14,0)+IF('Standard Profiles'!$G$20=$B$24,21,0),MOD($C5093,24)+1)/SUM(INDEX($D$3:$AA$30,INDEX(Jesper!$R$2:$R$366,ROW(INDEX(Jesper!AJ$2:AJ$366,ROUNDDOWN($C5093/24,0)+1,1))-1)+IF('Standard Profiles'!$G$20=$B$10,7,0)+IF('Standard Profiles'!$G$20=$B$17,14,0)+IF('Standard Profiles'!$G$20=$B$24,21,0),0)),0)</f>
        <v>0</v>
      </c>
      <c r="G5093" cm="1">
        <f t="array" ref="G5093">IFERROR(INDEX(Jesper!AK$2:AK$366,ROUNDDOWN($C5093/24,0)+1,1)*INDEX($D$3:$AA$30,INDEX(Jesper!$R$2:$R$366,ROW(INDEX(Jesper!AK$2:AK$366,ROUNDDOWN($C5093/24,0)+1,1))-1)+IF('Standard Profiles'!$G$21=$B$10,7,0)+IF('Standard Profiles'!$G$21=$B$17,14,0)+IF('Standard Profiles'!$G$21=$B$24,21,0),MOD($C5093,24)+1)/SUM(INDEX($D$3:$AA$30,INDEX(Jesper!$R$2:$R$366,ROW(INDEX(Jesper!AK$2:AK$366,ROUNDDOWN($C5093/24,0)+1,1))-1)+IF('Standard Profiles'!$G$21=$B$10,7,0)+IF('Standard Profiles'!$G$21=$B$17,14,0)+IF('Standard Profiles'!$G$21=$B$24,21,0),0)),0)</f>
        <v>0</v>
      </c>
      <c r="H5093" cm="1">
        <f t="array" ref="H5093">IFERROR(INDEX(Jesper!AL$2:AL$366,ROUNDDOWN($C5093/24,0)+1,1)*INDEX($D$3:$AA$30,INDEX(Jesper!$R$2:$R$366,ROW(INDEX(Jesper!AL$2:AL$366,ROUNDDOWN($C5093/24,0)+1,1))-1)+IF('Standard Profiles'!$G$22=$B$10,7,0)+IF('Standard Profiles'!$G$22=$B$17,14,0)+IF('Standard Profiles'!$G$22=$B$24,21,0),MOD($C5093,24)+1)/SUM(INDEX($D$3:$AA$30,INDEX(Jesper!$R$2:$R$366,ROW(INDEX(Jesper!AL$2:AL$366,ROUNDDOWN($C5093/24,0)+1,1))-1)+IF('Standard Profiles'!$G$22=$B$10,7,0)+IF('Standard Profiles'!$G$22=$B$17,14,0)+IF('Standard Profiles'!$G$22=$B$24,21,0),0)),0)</f>
        <v>0</v>
      </c>
      <c r="I5093">
        <f t="shared" si="573"/>
        <v>0.39007032453908019</v>
      </c>
      <c r="J5093">
        <f t="shared" si="574"/>
        <v>1.3002344151302676</v>
      </c>
      <c r="K5093">
        <f t="shared" si="575"/>
        <v>1.950351622695401</v>
      </c>
      <c r="L5093">
        <f t="shared" si="576"/>
        <v>9.3616877889379246</v>
      </c>
      <c r="M5093">
        <f t="shared" si="577"/>
        <v>0</v>
      </c>
      <c r="N5093" s="46">
        <f t="shared" si="578"/>
        <v>45502.791666654397</v>
      </c>
    </row>
    <row r="5094" spans="2:14" x14ac:dyDescent="0.3">
      <c r="B5094">
        <f t="shared" si="572"/>
        <v>1</v>
      </c>
      <c r="C5094" s="16">
        <v>5060</v>
      </c>
      <c r="D5094" cm="1">
        <f t="array" ref="D5094">IFERROR(INDEX(Jesper!AH$2:AH$366,ROUNDDOWN($C5094/24,0)+1,1)*INDEX($D$3:$AA$30,INDEX(Jesper!$R$2:$R$366,ROW(INDEX(Jesper!AH$2:AH$366,ROUNDDOWN($C5094/24,0)+1,1))-1)+IF('Standard Profiles'!$G$18=$B$10,7,0)+IF('Standard Profiles'!$G$18=$B$17,14,0)+IF('Standard Profiles'!$G$18=$B$24,21,0),MOD($C5094,24)+1)/SUM(INDEX($D$3:$AA$30,INDEX(Jesper!$R$2:$R$366,ROW(INDEX(Jesper!AH$2:AH$366,ROUNDDOWN($C5094/24,0)+1,1))-1)+IF('Standard Profiles'!$G$18=$B$10,7,0)+IF('Standard Profiles'!$G$18=$B$17,14,0)+IF('Standard Profiles'!$G$18=$B$24,21,0),0)),0)</f>
        <v>10.673566094352939</v>
      </c>
      <c r="E5094" cm="1">
        <f t="array" ref="E5094">IFERROR(INDEX(Jesper!AI$2:AI$366,ROUNDDOWN($C5094/24,0)+1,1)*INDEX($D$3:$AA$30,INDEX(Jesper!$R$2:$R$366,ROW(INDEX(Jesper!AI$2:AI$366,ROUNDDOWN($C5094/24,0)+1,1))-1)+IF('Standard Profiles'!$G$19=$B$10,7,0)+IF('Standard Profiles'!$G$19=$B$17,14,0)+IF('Standard Profiles'!$G$19=$B$24,21,0),MOD($C5094,24)+1)/SUM(INDEX($D$3:$AA$30,INDEX(Jesper!$R$2:$R$366,ROW(INDEX(Jesper!AI$2:AI$366,ROUNDDOWN($C5094/24,0)+1,1))-1)+IF('Standard Profiles'!$G$19=$B$10,7,0)+IF('Standard Profiles'!$G$19=$B$17,14,0)+IF('Standard Profiles'!$G$19=$B$24,21,0),0)),0)</f>
        <v>0</v>
      </c>
      <c r="F5094" cm="1">
        <f t="array" ref="F5094">IFERROR(INDEX(Jesper!AJ$2:AJ$366,ROUNDDOWN($C5094/24,0)+1,1)*INDEX($D$3:$AA$30,INDEX(Jesper!$R$2:$R$366,ROW(INDEX(Jesper!AJ$2:AJ$366,ROUNDDOWN($C5094/24,0)+1,1))-1)+IF('Standard Profiles'!$G$20=$B$10,7,0)+IF('Standard Profiles'!$G$20=$B$17,14,0)+IF('Standard Profiles'!$G$20=$B$24,21,0),MOD($C5094,24)+1)/SUM(INDEX($D$3:$AA$30,INDEX(Jesper!$R$2:$R$366,ROW(INDEX(Jesper!AJ$2:AJ$366,ROUNDDOWN($C5094/24,0)+1,1))-1)+IF('Standard Profiles'!$G$20=$B$10,7,0)+IF('Standard Profiles'!$G$20=$B$17,14,0)+IF('Standard Profiles'!$G$20=$B$24,21,0),0)),0)</f>
        <v>0</v>
      </c>
      <c r="G5094" cm="1">
        <f t="array" ref="G5094">IFERROR(INDEX(Jesper!AK$2:AK$366,ROUNDDOWN($C5094/24,0)+1,1)*INDEX($D$3:$AA$30,INDEX(Jesper!$R$2:$R$366,ROW(INDEX(Jesper!AK$2:AK$366,ROUNDDOWN($C5094/24,0)+1,1))-1)+IF('Standard Profiles'!$G$21=$B$10,7,0)+IF('Standard Profiles'!$G$21=$B$17,14,0)+IF('Standard Profiles'!$G$21=$B$24,21,0),MOD($C5094,24)+1)/SUM(INDEX($D$3:$AA$30,INDEX(Jesper!$R$2:$R$366,ROW(INDEX(Jesper!AK$2:AK$366,ROUNDDOWN($C5094/24,0)+1,1))-1)+IF('Standard Profiles'!$G$21=$B$10,7,0)+IF('Standard Profiles'!$G$21=$B$17,14,0)+IF('Standard Profiles'!$G$21=$B$24,21,0),0)),0)</f>
        <v>0</v>
      </c>
      <c r="H5094" cm="1">
        <f t="array" ref="H5094">IFERROR(INDEX(Jesper!AL$2:AL$366,ROUNDDOWN($C5094/24,0)+1,1)*INDEX($D$3:$AA$30,INDEX(Jesper!$R$2:$R$366,ROW(INDEX(Jesper!AL$2:AL$366,ROUNDDOWN($C5094/24,0)+1,1))-1)+IF('Standard Profiles'!$G$22=$B$10,7,0)+IF('Standard Profiles'!$G$22=$B$17,14,0)+IF('Standard Profiles'!$G$22=$B$24,21,0),MOD($C5094,24)+1)/SUM(INDEX($D$3:$AA$30,INDEX(Jesper!$R$2:$R$366,ROW(INDEX(Jesper!AL$2:AL$366,ROUNDDOWN($C5094/24,0)+1,1))-1)+IF('Standard Profiles'!$G$22=$B$10,7,0)+IF('Standard Profiles'!$G$22=$B$17,14,0)+IF('Standard Profiles'!$G$22=$B$24,21,0),0)),0)</f>
        <v>0</v>
      </c>
      <c r="I5094">
        <f t="shared" si="573"/>
        <v>0.32020698283058818</v>
      </c>
      <c r="J5094">
        <f t="shared" si="574"/>
        <v>1.067356609435294</v>
      </c>
      <c r="K5094">
        <f t="shared" si="575"/>
        <v>1.6010349141529407</v>
      </c>
      <c r="L5094">
        <f t="shared" si="576"/>
        <v>7.6849675879341159</v>
      </c>
      <c r="M5094">
        <f t="shared" si="577"/>
        <v>0</v>
      </c>
      <c r="N5094" s="46">
        <f t="shared" si="578"/>
        <v>45502.833333321061</v>
      </c>
    </row>
    <row r="5095" spans="2:14" x14ac:dyDescent="0.3">
      <c r="B5095">
        <f t="shared" si="572"/>
        <v>1</v>
      </c>
      <c r="C5095" s="16">
        <v>5061</v>
      </c>
      <c r="D5095" cm="1">
        <f t="array" ref="D5095">IFERROR(INDEX(Jesper!AH$2:AH$366,ROUNDDOWN($C5095/24,0)+1,1)*INDEX($D$3:$AA$30,INDEX(Jesper!$R$2:$R$366,ROW(INDEX(Jesper!AH$2:AH$366,ROUNDDOWN($C5095/24,0)+1,1))-1)+IF('Standard Profiles'!$G$18=$B$10,7,0)+IF('Standard Profiles'!$G$18=$B$17,14,0)+IF('Standard Profiles'!$G$18=$B$24,21,0),MOD($C5095,24)+1)/SUM(INDEX($D$3:$AA$30,INDEX(Jesper!$R$2:$R$366,ROW(INDEX(Jesper!AH$2:AH$366,ROUNDDOWN($C5095/24,0)+1,1))-1)+IF('Standard Profiles'!$G$18=$B$10,7,0)+IF('Standard Profiles'!$G$18=$B$17,14,0)+IF('Standard Profiles'!$G$18=$B$24,21,0),0)),0)</f>
        <v>7.7625935231657754</v>
      </c>
      <c r="E5095" cm="1">
        <f t="array" ref="E5095">IFERROR(INDEX(Jesper!AI$2:AI$366,ROUNDDOWN($C5095/24,0)+1,1)*INDEX($D$3:$AA$30,INDEX(Jesper!$R$2:$R$366,ROW(INDEX(Jesper!AI$2:AI$366,ROUNDDOWN($C5095/24,0)+1,1))-1)+IF('Standard Profiles'!$G$19=$B$10,7,0)+IF('Standard Profiles'!$G$19=$B$17,14,0)+IF('Standard Profiles'!$G$19=$B$24,21,0),MOD($C5095,24)+1)/SUM(INDEX($D$3:$AA$30,INDEX(Jesper!$R$2:$R$366,ROW(INDEX(Jesper!AI$2:AI$366,ROUNDDOWN($C5095/24,0)+1,1))-1)+IF('Standard Profiles'!$G$19=$B$10,7,0)+IF('Standard Profiles'!$G$19=$B$17,14,0)+IF('Standard Profiles'!$G$19=$B$24,21,0),0)),0)</f>
        <v>0</v>
      </c>
      <c r="F5095" cm="1">
        <f t="array" ref="F5095">IFERROR(INDEX(Jesper!AJ$2:AJ$366,ROUNDDOWN($C5095/24,0)+1,1)*INDEX($D$3:$AA$30,INDEX(Jesper!$R$2:$R$366,ROW(INDEX(Jesper!AJ$2:AJ$366,ROUNDDOWN($C5095/24,0)+1,1))-1)+IF('Standard Profiles'!$G$20=$B$10,7,0)+IF('Standard Profiles'!$G$20=$B$17,14,0)+IF('Standard Profiles'!$G$20=$B$24,21,0),MOD($C5095,24)+1)/SUM(INDEX($D$3:$AA$30,INDEX(Jesper!$R$2:$R$366,ROW(INDEX(Jesper!AJ$2:AJ$366,ROUNDDOWN($C5095/24,0)+1,1))-1)+IF('Standard Profiles'!$G$20=$B$10,7,0)+IF('Standard Profiles'!$G$20=$B$17,14,0)+IF('Standard Profiles'!$G$20=$B$24,21,0),0)),0)</f>
        <v>0</v>
      </c>
      <c r="G5095" cm="1">
        <f t="array" ref="G5095">IFERROR(INDEX(Jesper!AK$2:AK$366,ROUNDDOWN($C5095/24,0)+1,1)*INDEX($D$3:$AA$30,INDEX(Jesper!$R$2:$R$366,ROW(INDEX(Jesper!AK$2:AK$366,ROUNDDOWN($C5095/24,0)+1,1))-1)+IF('Standard Profiles'!$G$21=$B$10,7,0)+IF('Standard Profiles'!$G$21=$B$17,14,0)+IF('Standard Profiles'!$G$21=$B$24,21,0),MOD($C5095,24)+1)/SUM(INDEX($D$3:$AA$30,INDEX(Jesper!$R$2:$R$366,ROW(INDEX(Jesper!AK$2:AK$366,ROUNDDOWN($C5095/24,0)+1,1))-1)+IF('Standard Profiles'!$G$21=$B$10,7,0)+IF('Standard Profiles'!$G$21=$B$17,14,0)+IF('Standard Profiles'!$G$21=$B$24,21,0),0)),0)</f>
        <v>0</v>
      </c>
      <c r="H5095" cm="1">
        <f t="array" ref="H5095">IFERROR(INDEX(Jesper!AL$2:AL$366,ROUNDDOWN($C5095/24,0)+1,1)*INDEX($D$3:$AA$30,INDEX(Jesper!$R$2:$R$366,ROW(INDEX(Jesper!AL$2:AL$366,ROUNDDOWN($C5095/24,0)+1,1))-1)+IF('Standard Profiles'!$G$22=$B$10,7,0)+IF('Standard Profiles'!$G$22=$B$17,14,0)+IF('Standard Profiles'!$G$22=$B$24,21,0),MOD($C5095,24)+1)/SUM(INDEX($D$3:$AA$30,INDEX(Jesper!$R$2:$R$366,ROW(INDEX(Jesper!AL$2:AL$366,ROUNDDOWN($C5095/24,0)+1,1))-1)+IF('Standard Profiles'!$G$22=$B$10,7,0)+IF('Standard Profiles'!$G$22=$B$17,14,0)+IF('Standard Profiles'!$G$22=$B$24,21,0),0)),0)</f>
        <v>0</v>
      </c>
      <c r="I5095">
        <f t="shared" si="573"/>
        <v>0.23287780569497327</v>
      </c>
      <c r="J5095">
        <f t="shared" si="574"/>
        <v>0.77625935231657761</v>
      </c>
      <c r="K5095">
        <f t="shared" si="575"/>
        <v>1.1643890284748664</v>
      </c>
      <c r="L5095">
        <f t="shared" si="576"/>
        <v>5.5890673366793582</v>
      </c>
      <c r="M5095">
        <f t="shared" si="577"/>
        <v>0</v>
      </c>
      <c r="N5095" s="46">
        <f t="shared" si="578"/>
        <v>45502.874999987725</v>
      </c>
    </row>
    <row r="5096" spans="2:14" x14ac:dyDescent="0.3">
      <c r="B5096">
        <f t="shared" si="572"/>
        <v>1</v>
      </c>
      <c r="C5096" s="16">
        <v>5062</v>
      </c>
      <c r="D5096" cm="1">
        <f t="array" ref="D5096">IFERROR(INDEX(Jesper!AH$2:AH$366,ROUNDDOWN($C5096/24,0)+1,1)*INDEX($D$3:$AA$30,INDEX(Jesper!$R$2:$R$366,ROW(INDEX(Jesper!AH$2:AH$366,ROUNDDOWN($C5096/24,0)+1,1))-1)+IF('Standard Profiles'!$G$18=$B$10,7,0)+IF('Standard Profiles'!$G$18=$B$17,14,0)+IF('Standard Profiles'!$G$18=$B$24,21,0),MOD($C5096,24)+1)/SUM(INDEX($D$3:$AA$30,INDEX(Jesper!$R$2:$R$366,ROW(INDEX(Jesper!AH$2:AH$366,ROUNDDOWN($C5096/24,0)+1,1))-1)+IF('Standard Profiles'!$G$18=$B$10,7,0)+IF('Standard Profiles'!$G$18=$B$17,14,0)+IF('Standard Profiles'!$G$18=$B$24,21,0),0)),0)</f>
        <v>7.3744638470074868</v>
      </c>
      <c r="E5096" cm="1">
        <f t="array" ref="E5096">IFERROR(INDEX(Jesper!AI$2:AI$366,ROUNDDOWN($C5096/24,0)+1,1)*INDEX($D$3:$AA$30,INDEX(Jesper!$R$2:$R$366,ROW(INDEX(Jesper!AI$2:AI$366,ROUNDDOWN($C5096/24,0)+1,1))-1)+IF('Standard Profiles'!$G$19=$B$10,7,0)+IF('Standard Profiles'!$G$19=$B$17,14,0)+IF('Standard Profiles'!$G$19=$B$24,21,0),MOD($C5096,24)+1)/SUM(INDEX($D$3:$AA$30,INDEX(Jesper!$R$2:$R$366,ROW(INDEX(Jesper!AI$2:AI$366,ROUNDDOWN($C5096/24,0)+1,1))-1)+IF('Standard Profiles'!$G$19=$B$10,7,0)+IF('Standard Profiles'!$G$19=$B$17,14,0)+IF('Standard Profiles'!$G$19=$B$24,21,0),0)),0)</f>
        <v>0</v>
      </c>
      <c r="F5096" cm="1">
        <f t="array" ref="F5096">IFERROR(INDEX(Jesper!AJ$2:AJ$366,ROUNDDOWN($C5096/24,0)+1,1)*INDEX($D$3:$AA$30,INDEX(Jesper!$R$2:$R$366,ROW(INDEX(Jesper!AJ$2:AJ$366,ROUNDDOWN($C5096/24,0)+1,1))-1)+IF('Standard Profiles'!$G$20=$B$10,7,0)+IF('Standard Profiles'!$G$20=$B$17,14,0)+IF('Standard Profiles'!$G$20=$B$24,21,0),MOD($C5096,24)+1)/SUM(INDEX($D$3:$AA$30,INDEX(Jesper!$R$2:$R$366,ROW(INDEX(Jesper!AJ$2:AJ$366,ROUNDDOWN($C5096/24,0)+1,1))-1)+IF('Standard Profiles'!$G$20=$B$10,7,0)+IF('Standard Profiles'!$G$20=$B$17,14,0)+IF('Standard Profiles'!$G$20=$B$24,21,0),0)),0)</f>
        <v>0</v>
      </c>
      <c r="G5096" cm="1">
        <f t="array" ref="G5096">IFERROR(INDEX(Jesper!AK$2:AK$366,ROUNDDOWN($C5096/24,0)+1,1)*INDEX($D$3:$AA$30,INDEX(Jesper!$R$2:$R$366,ROW(INDEX(Jesper!AK$2:AK$366,ROUNDDOWN($C5096/24,0)+1,1))-1)+IF('Standard Profiles'!$G$21=$B$10,7,0)+IF('Standard Profiles'!$G$21=$B$17,14,0)+IF('Standard Profiles'!$G$21=$B$24,21,0),MOD($C5096,24)+1)/SUM(INDEX($D$3:$AA$30,INDEX(Jesper!$R$2:$R$366,ROW(INDEX(Jesper!AK$2:AK$366,ROUNDDOWN($C5096/24,0)+1,1))-1)+IF('Standard Profiles'!$G$21=$B$10,7,0)+IF('Standard Profiles'!$G$21=$B$17,14,0)+IF('Standard Profiles'!$G$21=$B$24,21,0),0)),0)</f>
        <v>0</v>
      </c>
      <c r="H5096" cm="1">
        <f t="array" ref="H5096">IFERROR(INDEX(Jesper!AL$2:AL$366,ROUNDDOWN($C5096/24,0)+1,1)*INDEX($D$3:$AA$30,INDEX(Jesper!$R$2:$R$366,ROW(INDEX(Jesper!AL$2:AL$366,ROUNDDOWN($C5096/24,0)+1,1))-1)+IF('Standard Profiles'!$G$22=$B$10,7,0)+IF('Standard Profiles'!$G$22=$B$17,14,0)+IF('Standard Profiles'!$G$22=$B$24,21,0),MOD($C5096,24)+1)/SUM(INDEX($D$3:$AA$30,INDEX(Jesper!$R$2:$R$366,ROW(INDEX(Jesper!AL$2:AL$366,ROUNDDOWN($C5096/24,0)+1,1))-1)+IF('Standard Profiles'!$G$22=$B$10,7,0)+IF('Standard Profiles'!$G$22=$B$17,14,0)+IF('Standard Profiles'!$G$22=$B$24,21,0),0)),0)</f>
        <v>0</v>
      </c>
      <c r="I5096">
        <f t="shared" si="573"/>
        <v>0.22123391541022461</v>
      </c>
      <c r="J5096">
        <f t="shared" si="574"/>
        <v>0.73744638470074875</v>
      </c>
      <c r="K5096">
        <f t="shared" si="575"/>
        <v>1.1061695770511231</v>
      </c>
      <c r="L5096">
        <f t="shared" si="576"/>
        <v>5.3096139698453904</v>
      </c>
      <c r="M5096">
        <f t="shared" si="577"/>
        <v>0</v>
      </c>
      <c r="N5096" s="46">
        <f t="shared" si="578"/>
        <v>45502.91666665439</v>
      </c>
    </row>
    <row r="5097" spans="2:14" x14ac:dyDescent="0.3">
      <c r="B5097">
        <f t="shared" si="572"/>
        <v>1</v>
      </c>
      <c r="C5097" s="16">
        <v>5063</v>
      </c>
      <c r="D5097" cm="1">
        <f t="array" ref="D5097">IFERROR(INDEX(Jesper!AH$2:AH$366,ROUNDDOWN($C5097/24,0)+1,1)*INDEX($D$3:$AA$30,INDEX(Jesper!$R$2:$R$366,ROW(INDEX(Jesper!AH$2:AH$366,ROUNDDOWN($C5097/24,0)+1,1))-1)+IF('Standard Profiles'!$G$18=$B$10,7,0)+IF('Standard Profiles'!$G$18=$B$17,14,0)+IF('Standard Profiles'!$G$18=$B$24,21,0),MOD($C5097,24)+1)/SUM(INDEX($D$3:$AA$30,INDEX(Jesper!$R$2:$R$366,ROW(INDEX(Jesper!AH$2:AH$366,ROUNDDOWN($C5097/24,0)+1,1))-1)+IF('Standard Profiles'!$G$18=$B$10,7,0)+IF('Standard Profiles'!$G$18=$B$17,14,0)+IF('Standard Profiles'!$G$18=$B$24,21,0),0)),0)</f>
        <v>7.3744638470074868</v>
      </c>
      <c r="E5097" cm="1">
        <f t="array" ref="E5097">IFERROR(INDEX(Jesper!AI$2:AI$366,ROUNDDOWN($C5097/24,0)+1,1)*INDEX($D$3:$AA$30,INDEX(Jesper!$R$2:$R$366,ROW(INDEX(Jesper!AI$2:AI$366,ROUNDDOWN($C5097/24,0)+1,1))-1)+IF('Standard Profiles'!$G$19=$B$10,7,0)+IF('Standard Profiles'!$G$19=$B$17,14,0)+IF('Standard Profiles'!$G$19=$B$24,21,0),MOD($C5097,24)+1)/SUM(INDEX($D$3:$AA$30,INDEX(Jesper!$R$2:$R$366,ROW(INDEX(Jesper!AI$2:AI$366,ROUNDDOWN($C5097/24,0)+1,1))-1)+IF('Standard Profiles'!$G$19=$B$10,7,0)+IF('Standard Profiles'!$G$19=$B$17,14,0)+IF('Standard Profiles'!$G$19=$B$24,21,0),0)),0)</f>
        <v>0</v>
      </c>
      <c r="F5097" cm="1">
        <f t="array" ref="F5097">IFERROR(INDEX(Jesper!AJ$2:AJ$366,ROUNDDOWN($C5097/24,0)+1,1)*INDEX($D$3:$AA$30,INDEX(Jesper!$R$2:$R$366,ROW(INDEX(Jesper!AJ$2:AJ$366,ROUNDDOWN($C5097/24,0)+1,1))-1)+IF('Standard Profiles'!$G$20=$B$10,7,0)+IF('Standard Profiles'!$G$20=$B$17,14,0)+IF('Standard Profiles'!$G$20=$B$24,21,0),MOD($C5097,24)+1)/SUM(INDEX($D$3:$AA$30,INDEX(Jesper!$R$2:$R$366,ROW(INDEX(Jesper!AJ$2:AJ$366,ROUNDDOWN($C5097/24,0)+1,1))-1)+IF('Standard Profiles'!$G$20=$B$10,7,0)+IF('Standard Profiles'!$G$20=$B$17,14,0)+IF('Standard Profiles'!$G$20=$B$24,21,0),0)),0)</f>
        <v>0</v>
      </c>
      <c r="G5097" cm="1">
        <f t="array" ref="G5097">IFERROR(INDEX(Jesper!AK$2:AK$366,ROUNDDOWN($C5097/24,0)+1,1)*INDEX($D$3:$AA$30,INDEX(Jesper!$R$2:$R$366,ROW(INDEX(Jesper!AK$2:AK$366,ROUNDDOWN($C5097/24,0)+1,1))-1)+IF('Standard Profiles'!$G$21=$B$10,7,0)+IF('Standard Profiles'!$G$21=$B$17,14,0)+IF('Standard Profiles'!$G$21=$B$24,21,0),MOD($C5097,24)+1)/SUM(INDEX($D$3:$AA$30,INDEX(Jesper!$R$2:$R$366,ROW(INDEX(Jesper!AK$2:AK$366,ROUNDDOWN($C5097/24,0)+1,1))-1)+IF('Standard Profiles'!$G$21=$B$10,7,0)+IF('Standard Profiles'!$G$21=$B$17,14,0)+IF('Standard Profiles'!$G$21=$B$24,21,0),0)),0)</f>
        <v>0</v>
      </c>
      <c r="H5097" cm="1">
        <f t="array" ref="H5097">IFERROR(INDEX(Jesper!AL$2:AL$366,ROUNDDOWN($C5097/24,0)+1,1)*INDEX($D$3:$AA$30,INDEX(Jesper!$R$2:$R$366,ROW(INDEX(Jesper!AL$2:AL$366,ROUNDDOWN($C5097/24,0)+1,1))-1)+IF('Standard Profiles'!$G$22=$B$10,7,0)+IF('Standard Profiles'!$G$22=$B$17,14,0)+IF('Standard Profiles'!$G$22=$B$24,21,0),MOD($C5097,24)+1)/SUM(INDEX($D$3:$AA$30,INDEX(Jesper!$R$2:$R$366,ROW(INDEX(Jesper!AL$2:AL$366,ROUNDDOWN($C5097/24,0)+1,1))-1)+IF('Standard Profiles'!$G$22=$B$10,7,0)+IF('Standard Profiles'!$G$22=$B$17,14,0)+IF('Standard Profiles'!$G$22=$B$24,21,0),0)),0)</f>
        <v>0</v>
      </c>
      <c r="I5097">
        <f t="shared" si="573"/>
        <v>0.22123391541022461</v>
      </c>
      <c r="J5097">
        <f t="shared" si="574"/>
        <v>0.73744638470074875</v>
      </c>
      <c r="K5097">
        <f t="shared" si="575"/>
        <v>1.1061695770511231</v>
      </c>
      <c r="L5097">
        <f t="shared" si="576"/>
        <v>5.3096139698453904</v>
      </c>
      <c r="M5097">
        <f t="shared" si="577"/>
        <v>0</v>
      </c>
      <c r="N5097" s="46">
        <f t="shared" si="578"/>
        <v>45502.958333321054</v>
      </c>
    </row>
    <row r="5098" spans="2:14" x14ac:dyDescent="0.3">
      <c r="B5098">
        <f t="shared" si="572"/>
        <v>2</v>
      </c>
      <c r="C5098" s="16">
        <v>5064</v>
      </c>
      <c r="D5098" cm="1">
        <f t="array" ref="D5098">IFERROR(INDEX(Jesper!AH$2:AH$366,ROUNDDOWN($C5098/24,0)+1,1)*INDEX($D$3:$AA$30,INDEX(Jesper!$R$2:$R$366,ROW(INDEX(Jesper!AH$2:AH$366,ROUNDDOWN($C5098/24,0)+1,1))-1)+IF('Standard Profiles'!$G$18=$B$10,7,0)+IF('Standard Profiles'!$G$18=$B$17,14,0)+IF('Standard Profiles'!$G$18=$B$24,21,0),MOD($C5098,24)+1)/SUM(INDEX($D$3:$AA$30,INDEX(Jesper!$R$2:$R$366,ROW(INDEX(Jesper!AH$2:AH$366,ROUNDDOWN($C5098/24,0)+1,1))-1)+IF('Standard Profiles'!$G$18=$B$10,7,0)+IF('Standard Profiles'!$G$18=$B$17,14,0)+IF('Standard Profiles'!$G$18=$B$24,21,0),0)),0)</f>
        <v>6.8164518444379807</v>
      </c>
      <c r="E5098" cm="1">
        <f t="array" ref="E5098">IFERROR(INDEX(Jesper!AI$2:AI$366,ROUNDDOWN($C5098/24,0)+1,1)*INDEX($D$3:$AA$30,INDEX(Jesper!$R$2:$R$366,ROW(INDEX(Jesper!AI$2:AI$366,ROUNDDOWN($C5098/24,0)+1,1))-1)+IF('Standard Profiles'!$G$19=$B$10,7,0)+IF('Standard Profiles'!$G$19=$B$17,14,0)+IF('Standard Profiles'!$G$19=$B$24,21,0),MOD($C5098,24)+1)/SUM(INDEX($D$3:$AA$30,INDEX(Jesper!$R$2:$R$366,ROW(INDEX(Jesper!AI$2:AI$366,ROUNDDOWN($C5098/24,0)+1,1))-1)+IF('Standard Profiles'!$G$19=$B$10,7,0)+IF('Standard Profiles'!$G$19=$B$17,14,0)+IF('Standard Profiles'!$G$19=$B$24,21,0),0)),0)</f>
        <v>0</v>
      </c>
      <c r="F5098" cm="1">
        <f t="array" ref="F5098">IFERROR(INDEX(Jesper!AJ$2:AJ$366,ROUNDDOWN($C5098/24,0)+1,1)*INDEX($D$3:$AA$30,INDEX(Jesper!$R$2:$R$366,ROW(INDEX(Jesper!AJ$2:AJ$366,ROUNDDOWN($C5098/24,0)+1,1))-1)+IF('Standard Profiles'!$G$20=$B$10,7,0)+IF('Standard Profiles'!$G$20=$B$17,14,0)+IF('Standard Profiles'!$G$20=$B$24,21,0),MOD($C5098,24)+1)/SUM(INDEX($D$3:$AA$30,INDEX(Jesper!$R$2:$R$366,ROW(INDEX(Jesper!AJ$2:AJ$366,ROUNDDOWN($C5098/24,0)+1,1))-1)+IF('Standard Profiles'!$G$20=$B$10,7,0)+IF('Standard Profiles'!$G$20=$B$17,14,0)+IF('Standard Profiles'!$G$20=$B$24,21,0),0)),0)</f>
        <v>0</v>
      </c>
      <c r="G5098" cm="1">
        <f t="array" ref="G5098">IFERROR(INDEX(Jesper!AK$2:AK$366,ROUNDDOWN($C5098/24,0)+1,1)*INDEX($D$3:$AA$30,INDEX(Jesper!$R$2:$R$366,ROW(INDEX(Jesper!AK$2:AK$366,ROUNDDOWN($C5098/24,0)+1,1))-1)+IF('Standard Profiles'!$G$21=$B$10,7,0)+IF('Standard Profiles'!$G$21=$B$17,14,0)+IF('Standard Profiles'!$G$21=$B$24,21,0),MOD($C5098,24)+1)/SUM(INDEX($D$3:$AA$30,INDEX(Jesper!$R$2:$R$366,ROW(INDEX(Jesper!AK$2:AK$366,ROUNDDOWN($C5098/24,0)+1,1))-1)+IF('Standard Profiles'!$G$21=$B$10,7,0)+IF('Standard Profiles'!$G$21=$B$17,14,0)+IF('Standard Profiles'!$G$21=$B$24,21,0),0)),0)</f>
        <v>0</v>
      </c>
      <c r="H5098" cm="1">
        <f t="array" ref="H5098">IFERROR(INDEX(Jesper!AL$2:AL$366,ROUNDDOWN($C5098/24,0)+1,1)*INDEX($D$3:$AA$30,INDEX(Jesper!$R$2:$R$366,ROW(INDEX(Jesper!AL$2:AL$366,ROUNDDOWN($C5098/24,0)+1,1))-1)+IF('Standard Profiles'!$G$22=$B$10,7,0)+IF('Standard Profiles'!$G$22=$B$17,14,0)+IF('Standard Profiles'!$G$22=$B$24,21,0),MOD($C5098,24)+1)/SUM(INDEX($D$3:$AA$30,INDEX(Jesper!$R$2:$R$366,ROW(INDEX(Jesper!AL$2:AL$366,ROUNDDOWN($C5098/24,0)+1,1))-1)+IF('Standard Profiles'!$G$22=$B$10,7,0)+IF('Standard Profiles'!$G$22=$B$17,14,0)+IF('Standard Profiles'!$G$22=$B$24,21,0),0)),0)</f>
        <v>0</v>
      </c>
      <c r="I5098">
        <f t="shared" si="573"/>
        <v>0.20449355533313943</v>
      </c>
      <c r="J5098">
        <f t="shared" si="574"/>
        <v>0.68164518444379807</v>
      </c>
      <c r="K5098">
        <f t="shared" si="575"/>
        <v>1.0224677766656971</v>
      </c>
      <c r="L5098">
        <f t="shared" si="576"/>
        <v>4.9078453279953456</v>
      </c>
      <c r="M5098">
        <f t="shared" si="577"/>
        <v>0</v>
      </c>
      <c r="N5098" s="46">
        <f t="shared" si="578"/>
        <v>45502.999999987718</v>
      </c>
    </row>
    <row r="5099" spans="2:14" x14ac:dyDescent="0.3">
      <c r="B5099">
        <f t="shared" si="572"/>
        <v>2</v>
      </c>
      <c r="C5099" s="16">
        <v>5065</v>
      </c>
      <c r="D5099" cm="1">
        <f t="array" ref="D5099">IFERROR(INDEX(Jesper!AH$2:AH$366,ROUNDDOWN($C5099/24,0)+1,1)*INDEX($D$3:$AA$30,INDEX(Jesper!$R$2:$R$366,ROW(INDEX(Jesper!AH$2:AH$366,ROUNDDOWN($C5099/24,0)+1,1))-1)+IF('Standard Profiles'!$G$18=$B$10,7,0)+IF('Standard Profiles'!$G$18=$B$17,14,0)+IF('Standard Profiles'!$G$18=$B$24,21,0),MOD($C5099,24)+1)/SUM(INDEX($D$3:$AA$30,INDEX(Jesper!$R$2:$R$366,ROW(INDEX(Jesper!AH$2:AH$366,ROUNDDOWN($C5099/24,0)+1,1))-1)+IF('Standard Profiles'!$G$18=$B$10,7,0)+IF('Standard Profiles'!$G$18=$B$17,14,0)+IF('Standard Profiles'!$G$18=$B$24,21,0),0)),0)</f>
        <v>6.8164518444379807</v>
      </c>
      <c r="E5099" cm="1">
        <f t="array" ref="E5099">IFERROR(INDEX(Jesper!AI$2:AI$366,ROUNDDOWN($C5099/24,0)+1,1)*INDEX($D$3:$AA$30,INDEX(Jesper!$R$2:$R$366,ROW(INDEX(Jesper!AI$2:AI$366,ROUNDDOWN($C5099/24,0)+1,1))-1)+IF('Standard Profiles'!$G$19=$B$10,7,0)+IF('Standard Profiles'!$G$19=$B$17,14,0)+IF('Standard Profiles'!$G$19=$B$24,21,0),MOD($C5099,24)+1)/SUM(INDEX($D$3:$AA$30,INDEX(Jesper!$R$2:$R$366,ROW(INDEX(Jesper!AI$2:AI$366,ROUNDDOWN($C5099/24,0)+1,1))-1)+IF('Standard Profiles'!$G$19=$B$10,7,0)+IF('Standard Profiles'!$G$19=$B$17,14,0)+IF('Standard Profiles'!$G$19=$B$24,21,0),0)),0)</f>
        <v>0</v>
      </c>
      <c r="F5099" cm="1">
        <f t="array" ref="F5099">IFERROR(INDEX(Jesper!AJ$2:AJ$366,ROUNDDOWN($C5099/24,0)+1,1)*INDEX($D$3:$AA$30,INDEX(Jesper!$R$2:$R$366,ROW(INDEX(Jesper!AJ$2:AJ$366,ROUNDDOWN($C5099/24,0)+1,1))-1)+IF('Standard Profiles'!$G$20=$B$10,7,0)+IF('Standard Profiles'!$G$20=$B$17,14,0)+IF('Standard Profiles'!$G$20=$B$24,21,0),MOD($C5099,24)+1)/SUM(INDEX($D$3:$AA$30,INDEX(Jesper!$R$2:$R$366,ROW(INDEX(Jesper!AJ$2:AJ$366,ROUNDDOWN($C5099/24,0)+1,1))-1)+IF('Standard Profiles'!$G$20=$B$10,7,0)+IF('Standard Profiles'!$G$20=$B$17,14,0)+IF('Standard Profiles'!$G$20=$B$24,21,0),0)),0)</f>
        <v>0</v>
      </c>
      <c r="G5099" cm="1">
        <f t="array" ref="G5099">IFERROR(INDEX(Jesper!AK$2:AK$366,ROUNDDOWN($C5099/24,0)+1,1)*INDEX($D$3:$AA$30,INDEX(Jesper!$R$2:$R$366,ROW(INDEX(Jesper!AK$2:AK$366,ROUNDDOWN($C5099/24,0)+1,1))-1)+IF('Standard Profiles'!$G$21=$B$10,7,0)+IF('Standard Profiles'!$G$21=$B$17,14,0)+IF('Standard Profiles'!$G$21=$B$24,21,0),MOD($C5099,24)+1)/SUM(INDEX($D$3:$AA$30,INDEX(Jesper!$R$2:$R$366,ROW(INDEX(Jesper!AK$2:AK$366,ROUNDDOWN($C5099/24,0)+1,1))-1)+IF('Standard Profiles'!$G$21=$B$10,7,0)+IF('Standard Profiles'!$G$21=$B$17,14,0)+IF('Standard Profiles'!$G$21=$B$24,21,0),0)),0)</f>
        <v>0</v>
      </c>
      <c r="H5099" cm="1">
        <f t="array" ref="H5099">IFERROR(INDEX(Jesper!AL$2:AL$366,ROUNDDOWN($C5099/24,0)+1,1)*INDEX($D$3:$AA$30,INDEX(Jesper!$R$2:$R$366,ROW(INDEX(Jesper!AL$2:AL$366,ROUNDDOWN($C5099/24,0)+1,1))-1)+IF('Standard Profiles'!$G$22=$B$10,7,0)+IF('Standard Profiles'!$G$22=$B$17,14,0)+IF('Standard Profiles'!$G$22=$B$24,21,0),MOD($C5099,24)+1)/SUM(INDEX($D$3:$AA$30,INDEX(Jesper!$R$2:$R$366,ROW(INDEX(Jesper!AL$2:AL$366,ROUNDDOWN($C5099/24,0)+1,1))-1)+IF('Standard Profiles'!$G$22=$B$10,7,0)+IF('Standard Profiles'!$G$22=$B$17,14,0)+IF('Standard Profiles'!$G$22=$B$24,21,0),0)),0)</f>
        <v>0</v>
      </c>
      <c r="I5099">
        <f t="shared" si="573"/>
        <v>0.20449355533313943</v>
      </c>
      <c r="J5099">
        <f t="shared" si="574"/>
        <v>0.68164518444379807</v>
      </c>
      <c r="K5099">
        <f t="shared" si="575"/>
        <v>1.0224677766656971</v>
      </c>
      <c r="L5099">
        <f t="shared" si="576"/>
        <v>4.9078453279953456</v>
      </c>
      <c r="M5099">
        <f t="shared" si="577"/>
        <v>0</v>
      </c>
      <c r="N5099" s="46">
        <f t="shared" si="578"/>
        <v>45503.041666654382</v>
      </c>
    </row>
    <row r="5100" spans="2:14" x14ac:dyDescent="0.3">
      <c r="B5100">
        <f t="shared" si="572"/>
        <v>2</v>
      </c>
      <c r="C5100" s="16">
        <v>5066</v>
      </c>
      <c r="D5100" cm="1">
        <f t="array" ref="D5100">IFERROR(INDEX(Jesper!AH$2:AH$366,ROUNDDOWN($C5100/24,0)+1,1)*INDEX($D$3:$AA$30,INDEX(Jesper!$R$2:$R$366,ROW(INDEX(Jesper!AH$2:AH$366,ROUNDDOWN($C5100/24,0)+1,1))-1)+IF('Standard Profiles'!$G$18=$B$10,7,0)+IF('Standard Profiles'!$G$18=$B$17,14,0)+IF('Standard Profiles'!$G$18=$B$24,21,0),MOD($C5100,24)+1)/SUM(INDEX($D$3:$AA$30,INDEX(Jesper!$R$2:$R$366,ROW(INDEX(Jesper!AH$2:AH$366,ROUNDDOWN($C5100/24,0)+1,1))-1)+IF('Standard Profiles'!$G$18=$B$10,7,0)+IF('Standard Profiles'!$G$18=$B$17,14,0)+IF('Standard Profiles'!$G$18=$B$24,21,0),0)),0)</f>
        <v>6.8164518444379807</v>
      </c>
      <c r="E5100" cm="1">
        <f t="array" ref="E5100">IFERROR(INDEX(Jesper!AI$2:AI$366,ROUNDDOWN($C5100/24,0)+1,1)*INDEX($D$3:$AA$30,INDEX(Jesper!$R$2:$R$366,ROW(INDEX(Jesper!AI$2:AI$366,ROUNDDOWN($C5100/24,0)+1,1))-1)+IF('Standard Profiles'!$G$19=$B$10,7,0)+IF('Standard Profiles'!$G$19=$B$17,14,0)+IF('Standard Profiles'!$G$19=$B$24,21,0),MOD($C5100,24)+1)/SUM(INDEX($D$3:$AA$30,INDEX(Jesper!$R$2:$R$366,ROW(INDEX(Jesper!AI$2:AI$366,ROUNDDOWN($C5100/24,0)+1,1))-1)+IF('Standard Profiles'!$G$19=$B$10,7,0)+IF('Standard Profiles'!$G$19=$B$17,14,0)+IF('Standard Profiles'!$G$19=$B$24,21,0),0)),0)</f>
        <v>0</v>
      </c>
      <c r="F5100" cm="1">
        <f t="array" ref="F5100">IFERROR(INDEX(Jesper!AJ$2:AJ$366,ROUNDDOWN($C5100/24,0)+1,1)*INDEX($D$3:$AA$30,INDEX(Jesper!$R$2:$R$366,ROW(INDEX(Jesper!AJ$2:AJ$366,ROUNDDOWN($C5100/24,0)+1,1))-1)+IF('Standard Profiles'!$G$20=$B$10,7,0)+IF('Standard Profiles'!$G$20=$B$17,14,0)+IF('Standard Profiles'!$G$20=$B$24,21,0),MOD($C5100,24)+1)/SUM(INDEX($D$3:$AA$30,INDEX(Jesper!$R$2:$R$366,ROW(INDEX(Jesper!AJ$2:AJ$366,ROUNDDOWN($C5100/24,0)+1,1))-1)+IF('Standard Profiles'!$G$20=$B$10,7,0)+IF('Standard Profiles'!$G$20=$B$17,14,0)+IF('Standard Profiles'!$G$20=$B$24,21,0),0)),0)</f>
        <v>0</v>
      </c>
      <c r="G5100" cm="1">
        <f t="array" ref="G5100">IFERROR(INDEX(Jesper!AK$2:AK$366,ROUNDDOWN($C5100/24,0)+1,1)*INDEX($D$3:$AA$30,INDEX(Jesper!$R$2:$R$366,ROW(INDEX(Jesper!AK$2:AK$366,ROUNDDOWN($C5100/24,0)+1,1))-1)+IF('Standard Profiles'!$G$21=$B$10,7,0)+IF('Standard Profiles'!$G$21=$B$17,14,0)+IF('Standard Profiles'!$G$21=$B$24,21,0),MOD($C5100,24)+1)/SUM(INDEX($D$3:$AA$30,INDEX(Jesper!$R$2:$R$366,ROW(INDEX(Jesper!AK$2:AK$366,ROUNDDOWN($C5100/24,0)+1,1))-1)+IF('Standard Profiles'!$G$21=$B$10,7,0)+IF('Standard Profiles'!$G$21=$B$17,14,0)+IF('Standard Profiles'!$G$21=$B$24,21,0),0)),0)</f>
        <v>0</v>
      </c>
      <c r="H5100" cm="1">
        <f t="array" ref="H5100">IFERROR(INDEX(Jesper!AL$2:AL$366,ROUNDDOWN($C5100/24,0)+1,1)*INDEX($D$3:$AA$30,INDEX(Jesper!$R$2:$R$366,ROW(INDEX(Jesper!AL$2:AL$366,ROUNDDOWN($C5100/24,0)+1,1))-1)+IF('Standard Profiles'!$G$22=$B$10,7,0)+IF('Standard Profiles'!$G$22=$B$17,14,0)+IF('Standard Profiles'!$G$22=$B$24,21,0),MOD($C5100,24)+1)/SUM(INDEX($D$3:$AA$30,INDEX(Jesper!$R$2:$R$366,ROW(INDEX(Jesper!AL$2:AL$366,ROUNDDOWN($C5100/24,0)+1,1))-1)+IF('Standard Profiles'!$G$22=$B$10,7,0)+IF('Standard Profiles'!$G$22=$B$17,14,0)+IF('Standard Profiles'!$G$22=$B$24,21,0),0)),0)</f>
        <v>0</v>
      </c>
      <c r="I5100">
        <f t="shared" si="573"/>
        <v>0.20449355533313943</v>
      </c>
      <c r="J5100">
        <f t="shared" si="574"/>
        <v>0.68164518444379807</v>
      </c>
      <c r="K5100">
        <f t="shared" si="575"/>
        <v>1.0224677766656971</v>
      </c>
      <c r="L5100">
        <f t="shared" si="576"/>
        <v>4.9078453279953456</v>
      </c>
      <c r="M5100">
        <f t="shared" si="577"/>
        <v>0</v>
      </c>
      <c r="N5100" s="46">
        <f t="shared" si="578"/>
        <v>45503.083333321047</v>
      </c>
    </row>
    <row r="5101" spans="2:14" x14ac:dyDescent="0.3">
      <c r="B5101">
        <f t="shared" si="572"/>
        <v>2</v>
      </c>
      <c r="C5101" s="16">
        <v>5067</v>
      </c>
      <c r="D5101" cm="1">
        <f t="array" ref="D5101">IFERROR(INDEX(Jesper!AH$2:AH$366,ROUNDDOWN($C5101/24,0)+1,1)*INDEX($D$3:$AA$30,INDEX(Jesper!$R$2:$R$366,ROW(INDEX(Jesper!AH$2:AH$366,ROUNDDOWN($C5101/24,0)+1,1))-1)+IF('Standard Profiles'!$G$18=$B$10,7,0)+IF('Standard Profiles'!$G$18=$B$17,14,0)+IF('Standard Profiles'!$G$18=$B$24,21,0),MOD($C5101,24)+1)/SUM(INDEX($D$3:$AA$30,INDEX(Jesper!$R$2:$R$366,ROW(INDEX(Jesper!AH$2:AH$366,ROUNDDOWN($C5101/24,0)+1,1))-1)+IF('Standard Profiles'!$G$18=$B$10,7,0)+IF('Standard Profiles'!$G$18=$B$17,14,0)+IF('Standard Profiles'!$G$18=$B$24,21,0),0)),0)</f>
        <v>6.8164518444379807</v>
      </c>
      <c r="E5101" cm="1">
        <f t="array" ref="E5101">IFERROR(INDEX(Jesper!AI$2:AI$366,ROUNDDOWN($C5101/24,0)+1,1)*INDEX($D$3:$AA$30,INDEX(Jesper!$R$2:$R$366,ROW(INDEX(Jesper!AI$2:AI$366,ROUNDDOWN($C5101/24,0)+1,1))-1)+IF('Standard Profiles'!$G$19=$B$10,7,0)+IF('Standard Profiles'!$G$19=$B$17,14,0)+IF('Standard Profiles'!$G$19=$B$24,21,0),MOD($C5101,24)+1)/SUM(INDEX($D$3:$AA$30,INDEX(Jesper!$R$2:$R$366,ROW(INDEX(Jesper!AI$2:AI$366,ROUNDDOWN($C5101/24,0)+1,1))-1)+IF('Standard Profiles'!$G$19=$B$10,7,0)+IF('Standard Profiles'!$G$19=$B$17,14,0)+IF('Standard Profiles'!$G$19=$B$24,21,0),0)),0)</f>
        <v>0</v>
      </c>
      <c r="F5101" cm="1">
        <f t="array" ref="F5101">IFERROR(INDEX(Jesper!AJ$2:AJ$366,ROUNDDOWN($C5101/24,0)+1,1)*INDEX($D$3:$AA$30,INDEX(Jesper!$R$2:$R$366,ROW(INDEX(Jesper!AJ$2:AJ$366,ROUNDDOWN($C5101/24,0)+1,1))-1)+IF('Standard Profiles'!$G$20=$B$10,7,0)+IF('Standard Profiles'!$G$20=$B$17,14,0)+IF('Standard Profiles'!$G$20=$B$24,21,0),MOD($C5101,24)+1)/SUM(INDEX($D$3:$AA$30,INDEX(Jesper!$R$2:$R$366,ROW(INDEX(Jesper!AJ$2:AJ$366,ROUNDDOWN($C5101/24,0)+1,1))-1)+IF('Standard Profiles'!$G$20=$B$10,7,0)+IF('Standard Profiles'!$G$20=$B$17,14,0)+IF('Standard Profiles'!$G$20=$B$24,21,0),0)),0)</f>
        <v>0</v>
      </c>
      <c r="G5101" cm="1">
        <f t="array" ref="G5101">IFERROR(INDEX(Jesper!AK$2:AK$366,ROUNDDOWN($C5101/24,0)+1,1)*INDEX($D$3:$AA$30,INDEX(Jesper!$R$2:$R$366,ROW(INDEX(Jesper!AK$2:AK$366,ROUNDDOWN($C5101/24,0)+1,1))-1)+IF('Standard Profiles'!$G$21=$B$10,7,0)+IF('Standard Profiles'!$G$21=$B$17,14,0)+IF('Standard Profiles'!$G$21=$B$24,21,0),MOD($C5101,24)+1)/SUM(INDEX($D$3:$AA$30,INDEX(Jesper!$R$2:$R$366,ROW(INDEX(Jesper!AK$2:AK$366,ROUNDDOWN($C5101/24,0)+1,1))-1)+IF('Standard Profiles'!$G$21=$B$10,7,0)+IF('Standard Profiles'!$G$21=$B$17,14,0)+IF('Standard Profiles'!$G$21=$B$24,21,0),0)),0)</f>
        <v>0</v>
      </c>
      <c r="H5101" cm="1">
        <f t="array" ref="H5101">IFERROR(INDEX(Jesper!AL$2:AL$366,ROUNDDOWN($C5101/24,0)+1,1)*INDEX($D$3:$AA$30,INDEX(Jesper!$R$2:$R$366,ROW(INDEX(Jesper!AL$2:AL$366,ROUNDDOWN($C5101/24,0)+1,1))-1)+IF('Standard Profiles'!$G$22=$B$10,7,0)+IF('Standard Profiles'!$G$22=$B$17,14,0)+IF('Standard Profiles'!$G$22=$B$24,21,0),MOD($C5101,24)+1)/SUM(INDEX($D$3:$AA$30,INDEX(Jesper!$R$2:$R$366,ROW(INDEX(Jesper!AL$2:AL$366,ROUNDDOWN($C5101/24,0)+1,1))-1)+IF('Standard Profiles'!$G$22=$B$10,7,0)+IF('Standard Profiles'!$G$22=$B$17,14,0)+IF('Standard Profiles'!$G$22=$B$24,21,0),0)),0)</f>
        <v>0</v>
      </c>
      <c r="I5101">
        <f t="shared" si="573"/>
        <v>0.20449355533313943</v>
      </c>
      <c r="J5101">
        <f t="shared" si="574"/>
        <v>0.68164518444379807</v>
      </c>
      <c r="K5101">
        <f t="shared" si="575"/>
        <v>1.0224677766656971</v>
      </c>
      <c r="L5101">
        <f t="shared" si="576"/>
        <v>4.9078453279953456</v>
      </c>
      <c r="M5101">
        <f t="shared" si="577"/>
        <v>0</v>
      </c>
      <c r="N5101" s="46">
        <f t="shared" si="578"/>
        <v>45503.124999987711</v>
      </c>
    </row>
    <row r="5102" spans="2:14" x14ac:dyDescent="0.3">
      <c r="B5102">
        <f t="shared" si="572"/>
        <v>2</v>
      </c>
      <c r="C5102" s="16">
        <v>5068</v>
      </c>
      <c r="D5102" cm="1">
        <f t="array" ref="D5102">IFERROR(INDEX(Jesper!AH$2:AH$366,ROUNDDOWN($C5102/24,0)+1,1)*INDEX($D$3:$AA$30,INDEX(Jesper!$R$2:$R$366,ROW(INDEX(Jesper!AH$2:AH$366,ROUNDDOWN($C5102/24,0)+1,1))-1)+IF('Standard Profiles'!$G$18=$B$10,7,0)+IF('Standard Profiles'!$G$18=$B$17,14,0)+IF('Standard Profiles'!$G$18=$B$24,21,0),MOD($C5102,24)+1)/SUM(INDEX($D$3:$AA$30,INDEX(Jesper!$R$2:$R$366,ROW(INDEX(Jesper!AH$2:AH$366,ROUNDDOWN($C5102/24,0)+1,1))-1)+IF('Standard Profiles'!$G$18=$B$10,7,0)+IF('Standard Profiles'!$G$18=$B$17,14,0)+IF('Standard Profiles'!$G$18=$B$24,21,0),0)),0)</f>
        <v>6.8164518444379807</v>
      </c>
      <c r="E5102" cm="1">
        <f t="array" ref="E5102">IFERROR(INDEX(Jesper!AI$2:AI$366,ROUNDDOWN($C5102/24,0)+1,1)*INDEX($D$3:$AA$30,INDEX(Jesper!$R$2:$R$366,ROW(INDEX(Jesper!AI$2:AI$366,ROUNDDOWN($C5102/24,0)+1,1))-1)+IF('Standard Profiles'!$G$19=$B$10,7,0)+IF('Standard Profiles'!$G$19=$B$17,14,0)+IF('Standard Profiles'!$G$19=$B$24,21,0),MOD($C5102,24)+1)/SUM(INDEX($D$3:$AA$30,INDEX(Jesper!$R$2:$R$366,ROW(INDEX(Jesper!AI$2:AI$366,ROUNDDOWN($C5102/24,0)+1,1))-1)+IF('Standard Profiles'!$G$19=$B$10,7,0)+IF('Standard Profiles'!$G$19=$B$17,14,0)+IF('Standard Profiles'!$G$19=$B$24,21,0),0)),0)</f>
        <v>0</v>
      </c>
      <c r="F5102" cm="1">
        <f t="array" ref="F5102">IFERROR(INDEX(Jesper!AJ$2:AJ$366,ROUNDDOWN($C5102/24,0)+1,1)*INDEX($D$3:$AA$30,INDEX(Jesper!$R$2:$R$366,ROW(INDEX(Jesper!AJ$2:AJ$366,ROUNDDOWN($C5102/24,0)+1,1))-1)+IF('Standard Profiles'!$G$20=$B$10,7,0)+IF('Standard Profiles'!$G$20=$B$17,14,0)+IF('Standard Profiles'!$G$20=$B$24,21,0),MOD($C5102,24)+1)/SUM(INDEX($D$3:$AA$30,INDEX(Jesper!$R$2:$R$366,ROW(INDEX(Jesper!AJ$2:AJ$366,ROUNDDOWN($C5102/24,0)+1,1))-1)+IF('Standard Profiles'!$G$20=$B$10,7,0)+IF('Standard Profiles'!$G$20=$B$17,14,0)+IF('Standard Profiles'!$G$20=$B$24,21,0),0)),0)</f>
        <v>0</v>
      </c>
      <c r="G5102" cm="1">
        <f t="array" ref="G5102">IFERROR(INDEX(Jesper!AK$2:AK$366,ROUNDDOWN($C5102/24,0)+1,1)*INDEX($D$3:$AA$30,INDEX(Jesper!$R$2:$R$366,ROW(INDEX(Jesper!AK$2:AK$366,ROUNDDOWN($C5102/24,0)+1,1))-1)+IF('Standard Profiles'!$G$21=$B$10,7,0)+IF('Standard Profiles'!$G$21=$B$17,14,0)+IF('Standard Profiles'!$G$21=$B$24,21,0),MOD($C5102,24)+1)/SUM(INDEX($D$3:$AA$30,INDEX(Jesper!$R$2:$R$366,ROW(INDEX(Jesper!AK$2:AK$366,ROUNDDOWN($C5102/24,0)+1,1))-1)+IF('Standard Profiles'!$G$21=$B$10,7,0)+IF('Standard Profiles'!$G$21=$B$17,14,0)+IF('Standard Profiles'!$G$21=$B$24,21,0),0)),0)</f>
        <v>0</v>
      </c>
      <c r="H5102" cm="1">
        <f t="array" ref="H5102">IFERROR(INDEX(Jesper!AL$2:AL$366,ROUNDDOWN($C5102/24,0)+1,1)*INDEX($D$3:$AA$30,INDEX(Jesper!$R$2:$R$366,ROW(INDEX(Jesper!AL$2:AL$366,ROUNDDOWN($C5102/24,0)+1,1))-1)+IF('Standard Profiles'!$G$22=$B$10,7,0)+IF('Standard Profiles'!$G$22=$B$17,14,0)+IF('Standard Profiles'!$G$22=$B$24,21,0),MOD($C5102,24)+1)/SUM(INDEX($D$3:$AA$30,INDEX(Jesper!$R$2:$R$366,ROW(INDEX(Jesper!AL$2:AL$366,ROUNDDOWN($C5102/24,0)+1,1))-1)+IF('Standard Profiles'!$G$22=$B$10,7,0)+IF('Standard Profiles'!$G$22=$B$17,14,0)+IF('Standard Profiles'!$G$22=$B$24,21,0),0)),0)</f>
        <v>0</v>
      </c>
      <c r="I5102">
        <f t="shared" si="573"/>
        <v>0.20449355533313943</v>
      </c>
      <c r="J5102">
        <f t="shared" si="574"/>
        <v>0.68164518444379807</v>
      </c>
      <c r="K5102">
        <f t="shared" si="575"/>
        <v>1.0224677766656971</v>
      </c>
      <c r="L5102">
        <f t="shared" si="576"/>
        <v>4.9078453279953456</v>
      </c>
      <c r="M5102">
        <f t="shared" si="577"/>
        <v>0</v>
      </c>
      <c r="N5102" s="46">
        <f t="shared" si="578"/>
        <v>45503.166666654375</v>
      </c>
    </row>
    <row r="5103" spans="2:14" x14ac:dyDescent="0.3">
      <c r="B5103">
        <f t="shared" si="572"/>
        <v>2</v>
      </c>
      <c r="C5103" s="16">
        <v>5069</v>
      </c>
      <c r="D5103" cm="1">
        <f t="array" ref="D5103">IFERROR(INDEX(Jesper!AH$2:AH$366,ROUNDDOWN($C5103/24,0)+1,1)*INDEX($D$3:$AA$30,INDEX(Jesper!$R$2:$R$366,ROW(INDEX(Jesper!AH$2:AH$366,ROUNDDOWN($C5103/24,0)+1,1))-1)+IF('Standard Profiles'!$G$18=$B$10,7,0)+IF('Standard Profiles'!$G$18=$B$17,14,0)+IF('Standard Profiles'!$G$18=$B$24,21,0),MOD($C5103,24)+1)/SUM(INDEX($D$3:$AA$30,INDEX(Jesper!$R$2:$R$366,ROW(INDEX(Jesper!AH$2:AH$366,ROUNDDOWN($C5103/24,0)+1,1))-1)+IF('Standard Profiles'!$G$18=$B$10,7,0)+IF('Standard Profiles'!$G$18=$B$17,14,0)+IF('Standard Profiles'!$G$18=$B$24,21,0),0)),0)</f>
        <v>8.8613873977693753</v>
      </c>
      <c r="E5103" cm="1">
        <f t="array" ref="E5103">IFERROR(INDEX(Jesper!AI$2:AI$366,ROUNDDOWN($C5103/24,0)+1,1)*INDEX($D$3:$AA$30,INDEX(Jesper!$R$2:$R$366,ROW(INDEX(Jesper!AI$2:AI$366,ROUNDDOWN($C5103/24,0)+1,1))-1)+IF('Standard Profiles'!$G$19=$B$10,7,0)+IF('Standard Profiles'!$G$19=$B$17,14,0)+IF('Standard Profiles'!$G$19=$B$24,21,0),MOD($C5103,24)+1)/SUM(INDEX($D$3:$AA$30,INDEX(Jesper!$R$2:$R$366,ROW(INDEX(Jesper!AI$2:AI$366,ROUNDDOWN($C5103/24,0)+1,1))-1)+IF('Standard Profiles'!$G$19=$B$10,7,0)+IF('Standard Profiles'!$G$19=$B$17,14,0)+IF('Standard Profiles'!$G$19=$B$24,21,0),0)),0)</f>
        <v>0</v>
      </c>
      <c r="F5103" cm="1">
        <f t="array" ref="F5103">IFERROR(INDEX(Jesper!AJ$2:AJ$366,ROUNDDOWN($C5103/24,0)+1,1)*INDEX($D$3:$AA$30,INDEX(Jesper!$R$2:$R$366,ROW(INDEX(Jesper!AJ$2:AJ$366,ROUNDDOWN($C5103/24,0)+1,1))-1)+IF('Standard Profiles'!$G$20=$B$10,7,0)+IF('Standard Profiles'!$G$20=$B$17,14,0)+IF('Standard Profiles'!$G$20=$B$24,21,0),MOD($C5103,24)+1)/SUM(INDEX($D$3:$AA$30,INDEX(Jesper!$R$2:$R$366,ROW(INDEX(Jesper!AJ$2:AJ$366,ROUNDDOWN($C5103/24,0)+1,1))-1)+IF('Standard Profiles'!$G$20=$B$10,7,0)+IF('Standard Profiles'!$G$20=$B$17,14,0)+IF('Standard Profiles'!$G$20=$B$24,21,0),0)),0)</f>
        <v>0</v>
      </c>
      <c r="G5103" cm="1">
        <f t="array" ref="G5103">IFERROR(INDEX(Jesper!AK$2:AK$366,ROUNDDOWN($C5103/24,0)+1,1)*INDEX($D$3:$AA$30,INDEX(Jesper!$R$2:$R$366,ROW(INDEX(Jesper!AK$2:AK$366,ROUNDDOWN($C5103/24,0)+1,1))-1)+IF('Standard Profiles'!$G$21=$B$10,7,0)+IF('Standard Profiles'!$G$21=$B$17,14,0)+IF('Standard Profiles'!$G$21=$B$24,21,0),MOD($C5103,24)+1)/SUM(INDEX($D$3:$AA$30,INDEX(Jesper!$R$2:$R$366,ROW(INDEX(Jesper!AK$2:AK$366,ROUNDDOWN($C5103/24,0)+1,1))-1)+IF('Standard Profiles'!$G$21=$B$10,7,0)+IF('Standard Profiles'!$G$21=$B$17,14,0)+IF('Standard Profiles'!$G$21=$B$24,21,0),0)),0)</f>
        <v>0</v>
      </c>
      <c r="H5103" cm="1">
        <f t="array" ref="H5103">IFERROR(INDEX(Jesper!AL$2:AL$366,ROUNDDOWN($C5103/24,0)+1,1)*INDEX($D$3:$AA$30,INDEX(Jesper!$R$2:$R$366,ROW(INDEX(Jesper!AL$2:AL$366,ROUNDDOWN($C5103/24,0)+1,1))-1)+IF('Standard Profiles'!$G$22=$B$10,7,0)+IF('Standard Profiles'!$G$22=$B$17,14,0)+IF('Standard Profiles'!$G$22=$B$24,21,0),MOD($C5103,24)+1)/SUM(INDEX($D$3:$AA$30,INDEX(Jesper!$R$2:$R$366,ROW(INDEX(Jesper!AL$2:AL$366,ROUNDDOWN($C5103/24,0)+1,1))-1)+IF('Standard Profiles'!$G$22=$B$10,7,0)+IF('Standard Profiles'!$G$22=$B$17,14,0)+IF('Standard Profiles'!$G$22=$B$24,21,0),0)),0)</f>
        <v>0</v>
      </c>
      <c r="I5103">
        <f t="shared" si="573"/>
        <v>0.26584162193308125</v>
      </c>
      <c r="J5103">
        <f t="shared" si="574"/>
        <v>0.88613873977693758</v>
      </c>
      <c r="K5103">
        <f t="shared" si="575"/>
        <v>1.3292081096654063</v>
      </c>
      <c r="L5103">
        <f t="shared" si="576"/>
        <v>6.38019892639395</v>
      </c>
      <c r="M5103">
        <f t="shared" si="577"/>
        <v>0</v>
      </c>
      <c r="N5103" s="46">
        <f t="shared" si="578"/>
        <v>45503.208333321039</v>
      </c>
    </row>
    <row r="5104" spans="2:14" x14ac:dyDescent="0.3">
      <c r="B5104">
        <f t="shared" si="572"/>
        <v>2</v>
      </c>
      <c r="C5104" s="16">
        <v>5070</v>
      </c>
      <c r="D5104" cm="1">
        <f t="array" ref="D5104">IFERROR(INDEX(Jesper!AH$2:AH$366,ROUNDDOWN($C5104/24,0)+1,1)*INDEX($D$3:$AA$30,INDEX(Jesper!$R$2:$R$366,ROW(INDEX(Jesper!AH$2:AH$366,ROUNDDOWN($C5104/24,0)+1,1))-1)+IF('Standard Profiles'!$G$18=$B$10,7,0)+IF('Standard Profiles'!$G$18=$B$17,14,0)+IF('Standard Profiles'!$G$18=$B$24,21,0),MOD($C5104,24)+1)/SUM(INDEX($D$3:$AA$30,INDEX(Jesper!$R$2:$R$366,ROW(INDEX(Jesper!AH$2:AH$366,ROUNDDOWN($C5104/24,0)+1,1))-1)+IF('Standard Profiles'!$G$18=$B$10,7,0)+IF('Standard Profiles'!$G$18=$B$17,14,0)+IF('Standard Profiles'!$G$18=$B$24,21,0),0)),0)</f>
        <v>9.8838551744350713</v>
      </c>
      <c r="E5104" cm="1">
        <f t="array" ref="E5104">IFERROR(INDEX(Jesper!AI$2:AI$366,ROUNDDOWN($C5104/24,0)+1,1)*INDEX($D$3:$AA$30,INDEX(Jesper!$R$2:$R$366,ROW(INDEX(Jesper!AI$2:AI$366,ROUNDDOWN($C5104/24,0)+1,1))-1)+IF('Standard Profiles'!$G$19=$B$10,7,0)+IF('Standard Profiles'!$G$19=$B$17,14,0)+IF('Standard Profiles'!$G$19=$B$24,21,0),MOD($C5104,24)+1)/SUM(INDEX($D$3:$AA$30,INDEX(Jesper!$R$2:$R$366,ROW(INDEX(Jesper!AI$2:AI$366,ROUNDDOWN($C5104/24,0)+1,1))-1)+IF('Standard Profiles'!$G$19=$B$10,7,0)+IF('Standard Profiles'!$G$19=$B$17,14,0)+IF('Standard Profiles'!$G$19=$B$24,21,0),0)),0)</f>
        <v>0</v>
      </c>
      <c r="F5104" cm="1">
        <f t="array" ref="F5104">IFERROR(INDEX(Jesper!AJ$2:AJ$366,ROUNDDOWN($C5104/24,0)+1,1)*INDEX($D$3:$AA$30,INDEX(Jesper!$R$2:$R$366,ROW(INDEX(Jesper!AJ$2:AJ$366,ROUNDDOWN($C5104/24,0)+1,1))-1)+IF('Standard Profiles'!$G$20=$B$10,7,0)+IF('Standard Profiles'!$G$20=$B$17,14,0)+IF('Standard Profiles'!$G$20=$B$24,21,0),MOD($C5104,24)+1)/SUM(INDEX($D$3:$AA$30,INDEX(Jesper!$R$2:$R$366,ROW(INDEX(Jesper!AJ$2:AJ$366,ROUNDDOWN($C5104/24,0)+1,1))-1)+IF('Standard Profiles'!$G$20=$B$10,7,0)+IF('Standard Profiles'!$G$20=$B$17,14,0)+IF('Standard Profiles'!$G$20=$B$24,21,0),0)),0)</f>
        <v>0</v>
      </c>
      <c r="G5104" cm="1">
        <f t="array" ref="G5104">IFERROR(INDEX(Jesper!AK$2:AK$366,ROUNDDOWN($C5104/24,0)+1,1)*INDEX($D$3:$AA$30,INDEX(Jesper!$R$2:$R$366,ROW(INDEX(Jesper!AK$2:AK$366,ROUNDDOWN($C5104/24,0)+1,1))-1)+IF('Standard Profiles'!$G$21=$B$10,7,0)+IF('Standard Profiles'!$G$21=$B$17,14,0)+IF('Standard Profiles'!$G$21=$B$24,21,0),MOD($C5104,24)+1)/SUM(INDEX($D$3:$AA$30,INDEX(Jesper!$R$2:$R$366,ROW(INDEX(Jesper!AK$2:AK$366,ROUNDDOWN($C5104/24,0)+1,1))-1)+IF('Standard Profiles'!$G$21=$B$10,7,0)+IF('Standard Profiles'!$G$21=$B$17,14,0)+IF('Standard Profiles'!$G$21=$B$24,21,0),0)),0)</f>
        <v>0</v>
      </c>
      <c r="H5104" cm="1">
        <f t="array" ref="H5104">IFERROR(INDEX(Jesper!AL$2:AL$366,ROUNDDOWN($C5104/24,0)+1,1)*INDEX($D$3:$AA$30,INDEX(Jesper!$R$2:$R$366,ROW(INDEX(Jesper!AL$2:AL$366,ROUNDDOWN($C5104/24,0)+1,1))-1)+IF('Standard Profiles'!$G$22=$B$10,7,0)+IF('Standard Profiles'!$G$22=$B$17,14,0)+IF('Standard Profiles'!$G$22=$B$24,21,0),MOD($C5104,24)+1)/SUM(INDEX($D$3:$AA$30,INDEX(Jesper!$R$2:$R$366,ROW(INDEX(Jesper!AL$2:AL$366,ROUNDDOWN($C5104/24,0)+1,1))-1)+IF('Standard Profiles'!$G$22=$B$10,7,0)+IF('Standard Profiles'!$G$22=$B$17,14,0)+IF('Standard Profiles'!$G$22=$B$24,21,0),0)),0)</f>
        <v>0</v>
      </c>
      <c r="I5104">
        <f t="shared" si="573"/>
        <v>0.29651565523305212</v>
      </c>
      <c r="J5104">
        <f t="shared" si="574"/>
        <v>0.98838551744350722</v>
      </c>
      <c r="K5104">
        <f t="shared" si="575"/>
        <v>1.4825782761652606</v>
      </c>
      <c r="L5104">
        <f t="shared" si="576"/>
        <v>7.1163757255932509</v>
      </c>
      <c r="M5104">
        <f t="shared" si="577"/>
        <v>0</v>
      </c>
      <c r="N5104" s="46">
        <f t="shared" si="578"/>
        <v>45503.249999987704</v>
      </c>
    </row>
    <row r="5105" spans="2:14" x14ac:dyDescent="0.3">
      <c r="B5105">
        <f t="shared" si="572"/>
        <v>2</v>
      </c>
      <c r="C5105" s="16">
        <v>5071</v>
      </c>
      <c r="D5105" cm="1">
        <f t="array" ref="D5105">IFERROR(INDEX(Jesper!AH$2:AH$366,ROUNDDOWN($C5105/24,0)+1,1)*INDEX($D$3:$AA$30,INDEX(Jesper!$R$2:$R$366,ROW(INDEX(Jesper!AH$2:AH$366,ROUNDDOWN($C5105/24,0)+1,1))-1)+IF('Standard Profiles'!$G$18=$B$10,7,0)+IF('Standard Profiles'!$G$18=$B$17,14,0)+IF('Standard Profiles'!$G$18=$B$24,21,0),MOD($C5105,24)+1)/SUM(INDEX($D$3:$AA$30,INDEX(Jesper!$R$2:$R$366,ROW(INDEX(Jesper!AH$2:AH$366,ROUNDDOWN($C5105/24,0)+1,1))-1)+IF('Standard Profiles'!$G$18=$B$10,7,0)+IF('Standard Profiles'!$G$18=$B$17,14,0)+IF('Standard Profiles'!$G$18=$B$24,21,0),0)),0)</f>
        <v>10.224677766656972</v>
      </c>
      <c r="E5105" cm="1">
        <f t="array" ref="E5105">IFERROR(INDEX(Jesper!AI$2:AI$366,ROUNDDOWN($C5105/24,0)+1,1)*INDEX($D$3:$AA$30,INDEX(Jesper!$R$2:$R$366,ROW(INDEX(Jesper!AI$2:AI$366,ROUNDDOWN($C5105/24,0)+1,1))-1)+IF('Standard Profiles'!$G$19=$B$10,7,0)+IF('Standard Profiles'!$G$19=$B$17,14,0)+IF('Standard Profiles'!$G$19=$B$24,21,0),MOD($C5105,24)+1)/SUM(INDEX($D$3:$AA$30,INDEX(Jesper!$R$2:$R$366,ROW(INDEX(Jesper!AI$2:AI$366,ROUNDDOWN($C5105/24,0)+1,1))-1)+IF('Standard Profiles'!$G$19=$B$10,7,0)+IF('Standard Profiles'!$G$19=$B$17,14,0)+IF('Standard Profiles'!$G$19=$B$24,21,0),0)),0)</f>
        <v>0</v>
      </c>
      <c r="F5105" cm="1">
        <f t="array" ref="F5105">IFERROR(INDEX(Jesper!AJ$2:AJ$366,ROUNDDOWN($C5105/24,0)+1,1)*INDEX($D$3:$AA$30,INDEX(Jesper!$R$2:$R$366,ROW(INDEX(Jesper!AJ$2:AJ$366,ROUNDDOWN($C5105/24,0)+1,1))-1)+IF('Standard Profiles'!$G$20=$B$10,7,0)+IF('Standard Profiles'!$G$20=$B$17,14,0)+IF('Standard Profiles'!$G$20=$B$24,21,0),MOD($C5105,24)+1)/SUM(INDEX($D$3:$AA$30,INDEX(Jesper!$R$2:$R$366,ROW(INDEX(Jesper!AJ$2:AJ$366,ROUNDDOWN($C5105/24,0)+1,1))-1)+IF('Standard Profiles'!$G$20=$B$10,7,0)+IF('Standard Profiles'!$G$20=$B$17,14,0)+IF('Standard Profiles'!$G$20=$B$24,21,0),0)),0)</f>
        <v>0</v>
      </c>
      <c r="G5105" cm="1">
        <f t="array" ref="G5105">IFERROR(INDEX(Jesper!AK$2:AK$366,ROUNDDOWN($C5105/24,0)+1,1)*INDEX($D$3:$AA$30,INDEX(Jesper!$R$2:$R$366,ROW(INDEX(Jesper!AK$2:AK$366,ROUNDDOWN($C5105/24,0)+1,1))-1)+IF('Standard Profiles'!$G$21=$B$10,7,0)+IF('Standard Profiles'!$G$21=$B$17,14,0)+IF('Standard Profiles'!$G$21=$B$24,21,0),MOD($C5105,24)+1)/SUM(INDEX($D$3:$AA$30,INDEX(Jesper!$R$2:$R$366,ROW(INDEX(Jesper!AK$2:AK$366,ROUNDDOWN($C5105/24,0)+1,1))-1)+IF('Standard Profiles'!$G$21=$B$10,7,0)+IF('Standard Profiles'!$G$21=$B$17,14,0)+IF('Standard Profiles'!$G$21=$B$24,21,0),0)),0)</f>
        <v>0</v>
      </c>
      <c r="H5105" cm="1">
        <f t="array" ref="H5105">IFERROR(INDEX(Jesper!AL$2:AL$366,ROUNDDOWN($C5105/24,0)+1,1)*INDEX($D$3:$AA$30,INDEX(Jesper!$R$2:$R$366,ROW(INDEX(Jesper!AL$2:AL$366,ROUNDDOWN($C5105/24,0)+1,1))-1)+IF('Standard Profiles'!$G$22=$B$10,7,0)+IF('Standard Profiles'!$G$22=$B$17,14,0)+IF('Standard Profiles'!$G$22=$B$24,21,0),MOD($C5105,24)+1)/SUM(INDEX($D$3:$AA$30,INDEX(Jesper!$R$2:$R$366,ROW(INDEX(Jesper!AL$2:AL$366,ROUNDDOWN($C5105/24,0)+1,1))-1)+IF('Standard Profiles'!$G$22=$B$10,7,0)+IF('Standard Profiles'!$G$22=$B$17,14,0)+IF('Standard Profiles'!$G$22=$B$24,21,0),0)),0)</f>
        <v>0</v>
      </c>
      <c r="I5105">
        <f t="shared" si="573"/>
        <v>0.30674033299970915</v>
      </c>
      <c r="J5105">
        <f t="shared" si="574"/>
        <v>1.0224677766656973</v>
      </c>
      <c r="K5105">
        <f t="shared" si="575"/>
        <v>1.5337016649985458</v>
      </c>
      <c r="L5105">
        <f t="shared" si="576"/>
        <v>7.3617679919930197</v>
      </c>
      <c r="M5105">
        <f t="shared" si="577"/>
        <v>0</v>
      </c>
      <c r="N5105" s="46">
        <f t="shared" si="578"/>
        <v>45503.291666654368</v>
      </c>
    </row>
    <row r="5106" spans="2:14" x14ac:dyDescent="0.3">
      <c r="B5106">
        <f t="shared" si="572"/>
        <v>2</v>
      </c>
      <c r="C5106" s="16">
        <v>5072</v>
      </c>
      <c r="D5106" cm="1">
        <f t="array" ref="D5106">IFERROR(INDEX(Jesper!AH$2:AH$366,ROUNDDOWN($C5106/24,0)+1,1)*INDEX($D$3:$AA$30,INDEX(Jesper!$R$2:$R$366,ROW(INDEX(Jesper!AH$2:AH$366,ROUNDDOWN($C5106/24,0)+1,1))-1)+IF('Standard Profiles'!$G$18=$B$10,7,0)+IF('Standard Profiles'!$G$18=$B$17,14,0)+IF('Standard Profiles'!$G$18=$B$24,21,0),MOD($C5106,24)+1)/SUM(INDEX($D$3:$AA$30,INDEX(Jesper!$R$2:$R$366,ROW(INDEX(Jesper!AH$2:AH$366,ROUNDDOWN($C5106/24,0)+1,1))-1)+IF('Standard Profiles'!$G$18=$B$10,7,0)+IF('Standard Profiles'!$G$18=$B$17,14,0)+IF('Standard Profiles'!$G$18=$B$24,21,0),0)),0)</f>
        <v>10.224677766656972</v>
      </c>
      <c r="E5106" cm="1">
        <f t="array" ref="E5106">IFERROR(INDEX(Jesper!AI$2:AI$366,ROUNDDOWN($C5106/24,0)+1,1)*INDEX($D$3:$AA$30,INDEX(Jesper!$R$2:$R$366,ROW(INDEX(Jesper!AI$2:AI$366,ROUNDDOWN($C5106/24,0)+1,1))-1)+IF('Standard Profiles'!$G$19=$B$10,7,0)+IF('Standard Profiles'!$G$19=$B$17,14,0)+IF('Standard Profiles'!$G$19=$B$24,21,0),MOD($C5106,24)+1)/SUM(INDEX($D$3:$AA$30,INDEX(Jesper!$R$2:$R$366,ROW(INDEX(Jesper!AI$2:AI$366,ROUNDDOWN($C5106/24,0)+1,1))-1)+IF('Standard Profiles'!$G$19=$B$10,7,0)+IF('Standard Profiles'!$G$19=$B$17,14,0)+IF('Standard Profiles'!$G$19=$B$24,21,0),0)),0)</f>
        <v>0</v>
      </c>
      <c r="F5106" cm="1">
        <f t="array" ref="F5106">IFERROR(INDEX(Jesper!AJ$2:AJ$366,ROUNDDOWN($C5106/24,0)+1,1)*INDEX($D$3:$AA$30,INDEX(Jesper!$R$2:$R$366,ROW(INDEX(Jesper!AJ$2:AJ$366,ROUNDDOWN($C5106/24,0)+1,1))-1)+IF('Standard Profiles'!$G$20=$B$10,7,0)+IF('Standard Profiles'!$G$20=$B$17,14,0)+IF('Standard Profiles'!$G$20=$B$24,21,0),MOD($C5106,24)+1)/SUM(INDEX($D$3:$AA$30,INDEX(Jesper!$R$2:$R$366,ROW(INDEX(Jesper!AJ$2:AJ$366,ROUNDDOWN($C5106/24,0)+1,1))-1)+IF('Standard Profiles'!$G$20=$B$10,7,0)+IF('Standard Profiles'!$G$20=$B$17,14,0)+IF('Standard Profiles'!$G$20=$B$24,21,0),0)),0)</f>
        <v>0</v>
      </c>
      <c r="G5106" cm="1">
        <f t="array" ref="G5106">IFERROR(INDEX(Jesper!AK$2:AK$366,ROUNDDOWN($C5106/24,0)+1,1)*INDEX($D$3:$AA$30,INDEX(Jesper!$R$2:$R$366,ROW(INDEX(Jesper!AK$2:AK$366,ROUNDDOWN($C5106/24,0)+1,1))-1)+IF('Standard Profiles'!$G$21=$B$10,7,0)+IF('Standard Profiles'!$G$21=$B$17,14,0)+IF('Standard Profiles'!$G$21=$B$24,21,0),MOD($C5106,24)+1)/SUM(INDEX($D$3:$AA$30,INDEX(Jesper!$R$2:$R$366,ROW(INDEX(Jesper!AK$2:AK$366,ROUNDDOWN($C5106/24,0)+1,1))-1)+IF('Standard Profiles'!$G$21=$B$10,7,0)+IF('Standard Profiles'!$G$21=$B$17,14,0)+IF('Standard Profiles'!$G$21=$B$24,21,0),0)),0)</f>
        <v>0</v>
      </c>
      <c r="H5106" cm="1">
        <f t="array" ref="H5106">IFERROR(INDEX(Jesper!AL$2:AL$366,ROUNDDOWN($C5106/24,0)+1,1)*INDEX($D$3:$AA$30,INDEX(Jesper!$R$2:$R$366,ROW(INDEX(Jesper!AL$2:AL$366,ROUNDDOWN($C5106/24,0)+1,1))-1)+IF('Standard Profiles'!$G$22=$B$10,7,0)+IF('Standard Profiles'!$G$22=$B$17,14,0)+IF('Standard Profiles'!$G$22=$B$24,21,0),MOD($C5106,24)+1)/SUM(INDEX($D$3:$AA$30,INDEX(Jesper!$R$2:$R$366,ROW(INDEX(Jesper!AL$2:AL$366,ROUNDDOWN($C5106/24,0)+1,1))-1)+IF('Standard Profiles'!$G$22=$B$10,7,0)+IF('Standard Profiles'!$G$22=$B$17,14,0)+IF('Standard Profiles'!$G$22=$B$24,21,0),0)),0)</f>
        <v>0</v>
      </c>
      <c r="I5106">
        <f t="shared" si="573"/>
        <v>0.30674033299970915</v>
      </c>
      <c r="J5106">
        <f t="shared" si="574"/>
        <v>1.0224677766656973</v>
      </c>
      <c r="K5106">
        <f t="shared" si="575"/>
        <v>1.5337016649985458</v>
      </c>
      <c r="L5106">
        <f t="shared" si="576"/>
        <v>7.3617679919930197</v>
      </c>
      <c r="M5106">
        <f t="shared" si="577"/>
        <v>0</v>
      </c>
      <c r="N5106" s="46">
        <f t="shared" si="578"/>
        <v>45503.333333321032</v>
      </c>
    </row>
    <row r="5107" spans="2:14" x14ac:dyDescent="0.3">
      <c r="B5107">
        <f t="shared" si="572"/>
        <v>2</v>
      </c>
      <c r="C5107" s="16">
        <v>5073</v>
      </c>
      <c r="D5107" cm="1">
        <f t="array" ref="D5107">IFERROR(INDEX(Jesper!AH$2:AH$366,ROUNDDOWN($C5107/24,0)+1,1)*INDEX($D$3:$AA$30,INDEX(Jesper!$R$2:$R$366,ROW(INDEX(Jesper!AH$2:AH$366,ROUNDDOWN($C5107/24,0)+1,1))-1)+IF('Standard Profiles'!$G$18=$B$10,7,0)+IF('Standard Profiles'!$G$18=$B$17,14,0)+IF('Standard Profiles'!$G$18=$B$24,21,0),MOD($C5107,24)+1)/SUM(INDEX($D$3:$AA$30,INDEX(Jesper!$R$2:$R$366,ROW(INDEX(Jesper!AH$2:AH$366,ROUNDDOWN($C5107/24,0)+1,1))-1)+IF('Standard Profiles'!$G$18=$B$10,7,0)+IF('Standard Profiles'!$G$18=$B$17,14,0)+IF('Standard Profiles'!$G$18=$B$24,21,0),0)),0)</f>
        <v>11.07673424721172</v>
      </c>
      <c r="E5107" cm="1">
        <f t="array" ref="E5107">IFERROR(INDEX(Jesper!AI$2:AI$366,ROUNDDOWN($C5107/24,0)+1,1)*INDEX($D$3:$AA$30,INDEX(Jesper!$R$2:$R$366,ROW(INDEX(Jesper!AI$2:AI$366,ROUNDDOWN($C5107/24,0)+1,1))-1)+IF('Standard Profiles'!$G$19=$B$10,7,0)+IF('Standard Profiles'!$G$19=$B$17,14,0)+IF('Standard Profiles'!$G$19=$B$24,21,0),MOD($C5107,24)+1)/SUM(INDEX($D$3:$AA$30,INDEX(Jesper!$R$2:$R$366,ROW(INDEX(Jesper!AI$2:AI$366,ROUNDDOWN($C5107/24,0)+1,1))-1)+IF('Standard Profiles'!$G$19=$B$10,7,0)+IF('Standard Profiles'!$G$19=$B$17,14,0)+IF('Standard Profiles'!$G$19=$B$24,21,0),0)),0)</f>
        <v>0</v>
      </c>
      <c r="F5107" cm="1">
        <f t="array" ref="F5107">IFERROR(INDEX(Jesper!AJ$2:AJ$366,ROUNDDOWN($C5107/24,0)+1,1)*INDEX($D$3:$AA$30,INDEX(Jesper!$R$2:$R$366,ROW(INDEX(Jesper!AJ$2:AJ$366,ROUNDDOWN($C5107/24,0)+1,1))-1)+IF('Standard Profiles'!$G$20=$B$10,7,0)+IF('Standard Profiles'!$G$20=$B$17,14,0)+IF('Standard Profiles'!$G$20=$B$24,21,0),MOD($C5107,24)+1)/SUM(INDEX($D$3:$AA$30,INDEX(Jesper!$R$2:$R$366,ROW(INDEX(Jesper!AJ$2:AJ$366,ROUNDDOWN($C5107/24,0)+1,1))-1)+IF('Standard Profiles'!$G$20=$B$10,7,0)+IF('Standard Profiles'!$G$20=$B$17,14,0)+IF('Standard Profiles'!$G$20=$B$24,21,0),0)),0)</f>
        <v>0</v>
      </c>
      <c r="G5107" cm="1">
        <f t="array" ref="G5107">IFERROR(INDEX(Jesper!AK$2:AK$366,ROUNDDOWN($C5107/24,0)+1,1)*INDEX($D$3:$AA$30,INDEX(Jesper!$R$2:$R$366,ROW(INDEX(Jesper!AK$2:AK$366,ROUNDDOWN($C5107/24,0)+1,1))-1)+IF('Standard Profiles'!$G$21=$B$10,7,0)+IF('Standard Profiles'!$G$21=$B$17,14,0)+IF('Standard Profiles'!$G$21=$B$24,21,0),MOD($C5107,24)+1)/SUM(INDEX($D$3:$AA$30,INDEX(Jesper!$R$2:$R$366,ROW(INDEX(Jesper!AK$2:AK$366,ROUNDDOWN($C5107/24,0)+1,1))-1)+IF('Standard Profiles'!$G$21=$B$10,7,0)+IF('Standard Profiles'!$G$21=$B$17,14,0)+IF('Standard Profiles'!$G$21=$B$24,21,0),0)),0)</f>
        <v>0</v>
      </c>
      <c r="H5107" cm="1">
        <f t="array" ref="H5107">IFERROR(INDEX(Jesper!AL$2:AL$366,ROUNDDOWN($C5107/24,0)+1,1)*INDEX($D$3:$AA$30,INDEX(Jesper!$R$2:$R$366,ROW(INDEX(Jesper!AL$2:AL$366,ROUNDDOWN($C5107/24,0)+1,1))-1)+IF('Standard Profiles'!$G$22=$B$10,7,0)+IF('Standard Profiles'!$G$22=$B$17,14,0)+IF('Standard Profiles'!$G$22=$B$24,21,0),MOD($C5107,24)+1)/SUM(INDEX($D$3:$AA$30,INDEX(Jesper!$R$2:$R$366,ROW(INDEX(Jesper!AL$2:AL$366,ROUNDDOWN($C5107/24,0)+1,1))-1)+IF('Standard Profiles'!$G$22=$B$10,7,0)+IF('Standard Profiles'!$G$22=$B$17,14,0)+IF('Standard Profiles'!$G$22=$B$24,21,0),0)),0)</f>
        <v>0</v>
      </c>
      <c r="I5107">
        <f t="shared" si="573"/>
        <v>0.33230202741635156</v>
      </c>
      <c r="J5107">
        <f t="shared" si="574"/>
        <v>1.1076734247211719</v>
      </c>
      <c r="K5107">
        <f t="shared" si="575"/>
        <v>1.661510137081758</v>
      </c>
      <c r="L5107">
        <f t="shared" si="576"/>
        <v>7.975248657992438</v>
      </c>
      <c r="M5107">
        <f t="shared" si="577"/>
        <v>0</v>
      </c>
      <c r="N5107" s="46">
        <f t="shared" si="578"/>
        <v>45503.374999987696</v>
      </c>
    </row>
    <row r="5108" spans="2:14" x14ac:dyDescent="0.3">
      <c r="B5108">
        <f t="shared" si="572"/>
        <v>2</v>
      </c>
      <c r="C5108" s="16">
        <v>5074</v>
      </c>
      <c r="D5108" cm="1">
        <f t="array" ref="D5108">IFERROR(INDEX(Jesper!AH$2:AH$366,ROUNDDOWN($C5108/24,0)+1,1)*INDEX($D$3:$AA$30,INDEX(Jesper!$R$2:$R$366,ROW(INDEX(Jesper!AH$2:AH$366,ROUNDDOWN($C5108/24,0)+1,1))-1)+IF('Standard Profiles'!$G$18=$B$10,7,0)+IF('Standard Profiles'!$G$18=$B$17,14,0)+IF('Standard Profiles'!$G$18=$B$24,21,0),MOD($C5108,24)+1)/SUM(INDEX($D$3:$AA$30,INDEX(Jesper!$R$2:$R$366,ROW(INDEX(Jesper!AH$2:AH$366,ROUNDDOWN($C5108/24,0)+1,1))-1)+IF('Standard Profiles'!$G$18=$B$10,7,0)+IF('Standard Profiles'!$G$18=$B$17,14,0)+IF('Standard Profiles'!$G$18=$B$24,21,0),0)),0)</f>
        <v>11.587968135544566</v>
      </c>
      <c r="E5108" cm="1">
        <f t="array" ref="E5108">IFERROR(INDEX(Jesper!AI$2:AI$366,ROUNDDOWN($C5108/24,0)+1,1)*INDEX($D$3:$AA$30,INDEX(Jesper!$R$2:$R$366,ROW(INDEX(Jesper!AI$2:AI$366,ROUNDDOWN($C5108/24,0)+1,1))-1)+IF('Standard Profiles'!$G$19=$B$10,7,0)+IF('Standard Profiles'!$G$19=$B$17,14,0)+IF('Standard Profiles'!$G$19=$B$24,21,0),MOD($C5108,24)+1)/SUM(INDEX($D$3:$AA$30,INDEX(Jesper!$R$2:$R$366,ROW(INDEX(Jesper!AI$2:AI$366,ROUNDDOWN($C5108/24,0)+1,1))-1)+IF('Standard Profiles'!$G$19=$B$10,7,0)+IF('Standard Profiles'!$G$19=$B$17,14,0)+IF('Standard Profiles'!$G$19=$B$24,21,0),0)),0)</f>
        <v>0</v>
      </c>
      <c r="F5108" cm="1">
        <f t="array" ref="F5108">IFERROR(INDEX(Jesper!AJ$2:AJ$366,ROUNDDOWN($C5108/24,0)+1,1)*INDEX($D$3:$AA$30,INDEX(Jesper!$R$2:$R$366,ROW(INDEX(Jesper!AJ$2:AJ$366,ROUNDDOWN($C5108/24,0)+1,1))-1)+IF('Standard Profiles'!$G$20=$B$10,7,0)+IF('Standard Profiles'!$G$20=$B$17,14,0)+IF('Standard Profiles'!$G$20=$B$24,21,0),MOD($C5108,24)+1)/SUM(INDEX($D$3:$AA$30,INDEX(Jesper!$R$2:$R$366,ROW(INDEX(Jesper!AJ$2:AJ$366,ROUNDDOWN($C5108/24,0)+1,1))-1)+IF('Standard Profiles'!$G$20=$B$10,7,0)+IF('Standard Profiles'!$G$20=$B$17,14,0)+IF('Standard Profiles'!$G$20=$B$24,21,0),0)),0)</f>
        <v>0</v>
      </c>
      <c r="G5108" cm="1">
        <f t="array" ref="G5108">IFERROR(INDEX(Jesper!AK$2:AK$366,ROUNDDOWN($C5108/24,0)+1,1)*INDEX($D$3:$AA$30,INDEX(Jesper!$R$2:$R$366,ROW(INDEX(Jesper!AK$2:AK$366,ROUNDDOWN($C5108/24,0)+1,1))-1)+IF('Standard Profiles'!$G$21=$B$10,7,0)+IF('Standard Profiles'!$G$21=$B$17,14,0)+IF('Standard Profiles'!$G$21=$B$24,21,0),MOD($C5108,24)+1)/SUM(INDEX($D$3:$AA$30,INDEX(Jesper!$R$2:$R$366,ROW(INDEX(Jesper!AK$2:AK$366,ROUNDDOWN($C5108/24,0)+1,1))-1)+IF('Standard Profiles'!$G$21=$B$10,7,0)+IF('Standard Profiles'!$G$21=$B$17,14,0)+IF('Standard Profiles'!$G$21=$B$24,21,0),0)),0)</f>
        <v>0</v>
      </c>
      <c r="H5108" cm="1">
        <f t="array" ref="H5108">IFERROR(INDEX(Jesper!AL$2:AL$366,ROUNDDOWN($C5108/24,0)+1,1)*INDEX($D$3:$AA$30,INDEX(Jesper!$R$2:$R$366,ROW(INDEX(Jesper!AL$2:AL$366,ROUNDDOWN($C5108/24,0)+1,1))-1)+IF('Standard Profiles'!$G$22=$B$10,7,0)+IF('Standard Profiles'!$G$22=$B$17,14,0)+IF('Standard Profiles'!$G$22=$B$24,21,0),MOD($C5108,24)+1)/SUM(INDEX($D$3:$AA$30,INDEX(Jesper!$R$2:$R$366,ROW(INDEX(Jesper!AL$2:AL$366,ROUNDDOWN($C5108/24,0)+1,1))-1)+IF('Standard Profiles'!$G$22=$B$10,7,0)+IF('Standard Profiles'!$G$22=$B$17,14,0)+IF('Standard Profiles'!$G$22=$B$24,21,0),0)),0)</f>
        <v>0</v>
      </c>
      <c r="I5108">
        <f t="shared" si="573"/>
        <v>0.34763904406633694</v>
      </c>
      <c r="J5108">
        <f t="shared" si="574"/>
        <v>1.1587968135544566</v>
      </c>
      <c r="K5108">
        <f t="shared" si="575"/>
        <v>1.7381952203316848</v>
      </c>
      <c r="L5108">
        <f t="shared" si="576"/>
        <v>8.3433370575920875</v>
      </c>
      <c r="M5108">
        <f t="shared" si="577"/>
        <v>0</v>
      </c>
      <c r="N5108" s="46">
        <f t="shared" si="578"/>
        <v>45503.416666654361</v>
      </c>
    </row>
    <row r="5109" spans="2:14" x14ac:dyDescent="0.3">
      <c r="B5109">
        <f t="shared" si="572"/>
        <v>2</v>
      </c>
      <c r="C5109" s="16">
        <v>5075</v>
      </c>
      <c r="D5109" cm="1">
        <f t="array" ref="D5109">IFERROR(INDEX(Jesper!AH$2:AH$366,ROUNDDOWN($C5109/24,0)+1,1)*INDEX($D$3:$AA$30,INDEX(Jesper!$R$2:$R$366,ROW(INDEX(Jesper!AH$2:AH$366,ROUNDDOWN($C5109/24,0)+1,1))-1)+IF('Standard Profiles'!$G$18=$B$10,7,0)+IF('Standard Profiles'!$G$18=$B$17,14,0)+IF('Standard Profiles'!$G$18=$B$24,21,0),MOD($C5109,24)+1)/SUM(INDEX($D$3:$AA$30,INDEX(Jesper!$R$2:$R$366,ROW(INDEX(Jesper!AH$2:AH$366,ROUNDDOWN($C5109/24,0)+1,1))-1)+IF('Standard Profiles'!$G$18=$B$10,7,0)+IF('Standard Profiles'!$G$18=$B$17,14,0)+IF('Standard Profiles'!$G$18=$B$24,21,0),0)),0)</f>
        <v>13.632903688875961</v>
      </c>
      <c r="E5109" cm="1">
        <f t="array" ref="E5109">IFERROR(INDEX(Jesper!AI$2:AI$366,ROUNDDOWN($C5109/24,0)+1,1)*INDEX($D$3:$AA$30,INDEX(Jesper!$R$2:$R$366,ROW(INDEX(Jesper!AI$2:AI$366,ROUNDDOWN($C5109/24,0)+1,1))-1)+IF('Standard Profiles'!$G$19=$B$10,7,0)+IF('Standard Profiles'!$G$19=$B$17,14,0)+IF('Standard Profiles'!$G$19=$B$24,21,0),MOD($C5109,24)+1)/SUM(INDEX($D$3:$AA$30,INDEX(Jesper!$R$2:$R$366,ROW(INDEX(Jesper!AI$2:AI$366,ROUNDDOWN($C5109/24,0)+1,1))-1)+IF('Standard Profiles'!$G$19=$B$10,7,0)+IF('Standard Profiles'!$G$19=$B$17,14,0)+IF('Standard Profiles'!$G$19=$B$24,21,0),0)),0)</f>
        <v>0</v>
      </c>
      <c r="F5109" cm="1">
        <f t="array" ref="F5109">IFERROR(INDEX(Jesper!AJ$2:AJ$366,ROUNDDOWN($C5109/24,0)+1,1)*INDEX($D$3:$AA$30,INDEX(Jesper!$R$2:$R$366,ROW(INDEX(Jesper!AJ$2:AJ$366,ROUNDDOWN($C5109/24,0)+1,1))-1)+IF('Standard Profiles'!$G$20=$B$10,7,0)+IF('Standard Profiles'!$G$20=$B$17,14,0)+IF('Standard Profiles'!$G$20=$B$24,21,0),MOD($C5109,24)+1)/SUM(INDEX($D$3:$AA$30,INDEX(Jesper!$R$2:$R$366,ROW(INDEX(Jesper!AJ$2:AJ$366,ROUNDDOWN($C5109/24,0)+1,1))-1)+IF('Standard Profiles'!$G$20=$B$10,7,0)+IF('Standard Profiles'!$G$20=$B$17,14,0)+IF('Standard Profiles'!$G$20=$B$24,21,0),0)),0)</f>
        <v>0</v>
      </c>
      <c r="G5109" cm="1">
        <f t="array" ref="G5109">IFERROR(INDEX(Jesper!AK$2:AK$366,ROUNDDOWN($C5109/24,0)+1,1)*INDEX($D$3:$AA$30,INDEX(Jesper!$R$2:$R$366,ROW(INDEX(Jesper!AK$2:AK$366,ROUNDDOWN($C5109/24,0)+1,1))-1)+IF('Standard Profiles'!$G$21=$B$10,7,0)+IF('Standard Profiles'!$G$21=$B$17,14,0)+IF('Standard Profiles'!$G$21=$B$24,21,0),MOD($C5109,24)+1)/SUM(INDEX($D$3:$AA$30,INDEX(Jesper!$R$2:$R$366,ROW(INDEX(Jesper!AK$2:AK$366,ROUNDDOWN($C5109/24,0)+1,1))-1)+IF('Standard Profiles'!$G$21=$B$10,7,0)+IF('Standard Profiles'!$G$21=$B$17,14,0)+IF('Standard Profiles'!$G$21=$B$24,21,0),0)),0)</f>
        <v>0</v>
      </c>
      <c r="H5109" cm="1">
        <f t="array" ref="H5109">IFERROR(INDEX(Jesper!AL$2:AL$366,ROUNDDOWN($C5109/24,0)+1,1)*INDEX($D$3:$AA$30,INDEX(Jesper!$R$2:$R$366,ROW(INDEX(Jesper!AL$2:AL$366,ROUNDDOWN($C5109/24,0)+1,1))-1)+IF('Standard Profiles'!$G$22=$B$10,7,0)+IF('Standard Profiles'!$G$22=$B$17,14,0)+IF('Standard Profiles'!$G$22=$B$24,21,0),MOD($C5109,24)+1)/SUM(INDEX($D$3:$AA$30,INDEX(Jesper!$R$2:$R$366,ROW(INDEX(Jesper!AL$2:AL$366,ROUNDDOWN($C5109/24,0)+1,1))-1)+IF('Standard Profiles'!$G$22=$B$10,7,0)+IF('Standard Profiles'!$G$22=$B$17,14,0)+IF('Standard Profiles'!$G$22=$B$24,21,0),0)),0)</f>
        <v>0</v>
      </c>
      <c r="I5109">
        <f t="shared" si="573"/>
        <v>0.40898711066627885</v>
      </c>
      <c r="J5109">
        <f t="shared" si="574"/>
        <v>1.3632903688875961</v>
      </c>
      <c r="K5109">
        <f t="shared" si="575"/>
        <v>2.0449355533313942</v>
      </c>
      <c r="L5109">
        <f t="shared" si="576"/>
        <v>9.8156906559906911</v>
      </c>
      <c r="M5109">
        <f t="shared" si="577"/>
        <v>0</v>
      </c>
      <c r="N5109" s="46">
        <f t="shared" si="578"/>
        <v>45503.458333321025</v>
      </c>
    </row>
    <row r="5110" spans="2:14" x14ac:dyDescent="0.3">
      <c r="B5110">
        <f t="shared" si="572"/>
        <v>2</v>
      </c>
      <c r="C5110" s="16">
        <v>5076</v>
      </c>
      <c r="D5110" cm="1">
        <f t="array" ref="D5110">IFERROR(INDEX(Jesper!AH$2:AH$366,ROUNDDOWN($C5110/24,0)+1,1)*INDEX($D$3:$AA$30,INDEX(Jesper!$R$2:$R$366,ROW(INDEX(Jesper!AH$2:AH$366,ROUNDDOWN($C5110/24,0)+1,1))-1)+IF('Standard Profiles'!$G$18=$B$10,7,0)+IF('Standard Profiles'!$G$18=$B$17,14,0)+IF('Standard Profiles'!$G$18=$B$24,21,0),MOD($C5110,24)+1)/SUM(INDEX($D$3:$AA$30,INDEX(Jesper!$R$2:$R$366,ROW(INDEX(Jesper!AH$2:AH$366,ROUNDDOWN($C5110/24,0)+1,1))-1)+IF('Standard Profiles'!$G$18=$B$10,7,0)+IF('Standard Profiles'!$G$18=$B$17,14,0)+IF('Standard Profiles'!$G$18=$B$24,21,0),0)),0)</f>
        <v>13.632903688875961</v>
      </c>
      <c r="E5110" cm="1">
        <f t="array" ref="E5110">IFERROR(INDEX(Jesper!AI$2:AI$366,ROUNDDOWN($C5110/24,0)+1,1)*INDEX($D$3:$AA$30,INDEX(Jesper!$R$2:$R$366,ROW(INDEX(Jesper!AI$2:AI$366,ROUNDDOWN($C5110/24,0)+1,1))-1)+IF('Standard Profiles'!$G$19=$B$10,7,0)+IF('Standard Profiles'!$G$19=$B$17,14,0)+IF('Standard Profiles'!$G$19=$B$24,21,0),MOD($C5110,24)+1)/SUM(INDEX($D$3:$AA$30,INDEX(Jesper!$R$2:$R$366,ROW(INDEX(Jesper!AI$2:AI$366,ROUNDDOWN($C5110/24,0)+1,1))-1)+IF('Standard Profiles'!$G$19=$B$10,7,0)+IF('Standard Profiles'!$G$19=$B$17,14,0)+IF('Standard Profiles'!$G$19=$B$24,21,0),0)),0)</f>
        <v>0</v>
      </c>
      <c r="F5110" cm="1">
        <f t="array" ref="F5110">IFERROR(INDEX(Jesper!AJ$2:AJ$366,ROUNDDOWN($C5110/24,0)+1,1)*INDEX($D$3:$AA$30,INDEX(Jesper!$R$2:$R$366,ROW(INDEX(Jesper!AJ$2:AJ$366,ROUNDDOWN($C5110/24,0)+1,1))-1)+IF('Standard Profiles'!$G$20=$B$10,7,0)+IF('Standard Profiles'!$G$20=$B$17,14,0)+IF('Standard Profiles'!$G$20=$B$24,21,0),MOD($C5110,24)+1)/SUM(INDEX($D$3:$AA$30,INDEX(Jesper!$R$2:$R$366,ROW(INDEX(Jesper!AJ$2:AJ$366,ROUNDDOWN($C5110/24,0)+1,1))-1)+IF('Standard Profiles'!$G$20=$B$10,7,0)+IF('Standard Profiles'!$G$20=$B$17,14,0)+IF('Standard Profiles'!$G$20=$B$24,21,0),0)),0)</f>
        <v>0</v>
      </c>
      <c r="G5110" cm="1">
        <f t="array" ref="G5110">IFERROR(INDEX(Jesper!AK$2:AK$366,ROUNDDOWN($C5110/24,0)+1,1)*INDEX($D$3:$AA$30,INDEX(Jesper!$R$2:$R$366,ROW(INDEX(Jesper!AK$2:AK$366,ROUNDDOWN($C5110/24,0)+1,1))-1)+IF('Standard Profiles'!$G$21=$B$10,7,0)+IF('Standard Profiles'!$G$21=$B$17,14,0)+IF('Standard Profiles'!$G$21=$B$24,21,0),MOD($C5110,24)+1)/SUM(INDEX($D$3:$AA$30,INDEX(Jesper!$R$2:$R$366,ROW(INDEX(Jesper!AK$2:AK$366,ROUNDDOWN($C5110/24,0)+1,1))-1)+IF('Standard Profiles'!$G$21=$B$10,7,0)+IF('Standard Profiles'!$G$21=$B$17,14,0)+IF('Standard Profiles'!$G$21=$B$24,21,0),0)),0)</f>
        <v>0</v>
      </c>
      <c r="H5110" cm="1">
        <f t="array" ref="H5110">IFERROR(INDEX(Jesper!AL$2:AL$366,ROUNDDOWN($C5110/24,0)+1,1)*INDEX($D$3:$AA$30,INDEX(Jesper!$R$2:$R$366,ROW(INDEX(Jesper!AL$2:AL$366,ROUNDDOWN($C5110/24,0)+1,1))-1)+IF('Standard Profiles'!$G$22=$B$10,7,0)+IF('Standard Profiles'!$G$22=$B$17,14,0)+IF('Standard Profiles'!$G$22=$B$24,21,0),MOD($C5110,24)+1)/SUM(INDEX($D$3:$AA$30,INDEX(Jesper!$R$2:$R$366,ROW(INDEX(Jesper!AL$2:AL$366,ROUNDDOWN($C5110/24,0)+1,1))-1)+IF('Standard Profiles'!$G$22=$B$10,7,0)+IF('Standard Profiles'!$G$22=$B$17,14,0)+IF('Standard Profiles'!$G$22=$B$24,21,0),0)),0)</f>
        <v>0</v>
      </c>
      <c r="I5110">
        <f t="shared" si="573"/>
        <v>0.40898711066627885</v>
      </c>
      <c r="J5110">
        <f t="shared" si="574"/>
        <v>1.3632903688875961</v>
      </c>
      <c r="K5110">
        <f t="shared" si="575"/>
        <v>2.0449355533313942</v>
      </c>
      <c r="L5110">
        <f t="shared" si="576"/>
        <v>9.8156906559906911</v>
      </c>
      <c r="M5110">
        <f t="shared" si="577"/>
        <v>0</v>
      </c>
      <c r="N5110" s="46">
        <f t="shared" si="578"/>
        <v>45503.499999987689</v>
      </c>
    </row>
    <row r="5111" spans="2:14" x14ac:dyDescent="0.3">
      <c r="B5111">
        <f t="shared" si="572"/>
        <v>2</v>
      </c>
      <c r="C5111" s="16">
        <v>5077</v>
      </c>
      <c r="D5111" cm="1">
        <f t="array" ref="D5111">IFERROR(INDEX(Jesper!AH$2:AH$366,ROUNDDOWN($C5111/24,0)+1,1)*INDEX($D$3:$AA$30,INDEX(Jesper!$R$2:$R$366,ROW(INDEX(Jesper!AH$2:AH$366,ROUNDDOWN($C5111/24,0)+1,1))-1)+IF('Standard Profiles'!$G$18=$B$10,7,0)+IF('Standard Profiles'!$G$18=$B$17,14,0)+IF('Standard Profiles'!$G$18=$B$24,21,0),MOD($C5111,24)+1)/SUM(INDEX($D$3:$AA$30,INDEX(Jesper!$R$2:$R$366,ROW(INDEX(Jesper!AH$2:AH$366,ROUNDDOWN($C5111/24,0)+1,1))-1)+IF('Standard Profiles'!$G$18=$B$10,7,0)+IF('Standard Profiles'!$G$18=$B$17,14,0)+IF('Standard Profiles'!$G$18=$B$24,21,0),0)),0)</f>
        <v>13.632903688875961</v>
      </c>
      <c r="E5111" cm="1">
        <f t="array" ref="E5111">IFERROR(INDEX(Jesper!AI$2:AI$366,ROUNDDOWN($C5111/24,0)+1,1)*INDEX($D$3:$AA$30,INDEX(Jesper!$R$2:$R$366,ROW(INDEX(Jesper!AI$2:AI$366,ROUNDDOWN($C5111/24,0)+1,1))-1)+IF('Standard Profiles'!$G$19=$B$10,7,0)+IF('Standard Profiles'!$G$19=$B$17,14,0)+IF('Standard Profiles'!$G$19=$B$24,21,0),MOD($C5111,24)+1)/SUM(INDEX($D$3:$AA$30,INDEX(Jesper!$R$2:$R$366,ROW(INDEX(Jesper!AI$2:AI$366,ROUNDDOWN($C5111/24,0)+1,1))-1)+IF('Standard Profiles'!$G$19=$B$10,7,0)+IF('Standard Profiles'!$G$19=$B$17,14,0)+IF('Standard Profiles'!$G$19=$B$24,21,0),0)),0)</f>
        <v>0</v>
      </c>
      <c r="F5111" cm="1">
        <f t="array" ref="F5111">IFERROR(INDEX(Jesper!AJ$2:AJ$366,ROUNDDOWN($C5111/24,0)+1,1)*INDEX($D$3:$AA$30,INDEX(Jesper!$R$2:$R$366,ROW(INDEX(Jesper!AJ$2:AJ$366,ROUNDDOWN($C5111/24,0)+1,1))-1)+IF('Standard Profiles'!$G$20=$B$10,7,0)+IF('Standard Profiles'!$G$20=$B$17,14,0)+IF('Standard Profiles'!$G$20=$B$24,21,0),MOD($C5111,24)+1)/SUM(INDEX($D$3:$AA$30,INDEX(Jesper!$R$2:$R$366,ROW(INDEX(Jesper!AJ$2:AJ$366,ROUNDDOWN($C5111/24,0)+1,1))-1)+IF('Standard Profiles'!$G$20=$B$10,7,0)+IF('Standard Profiles'!$G$20=$B$17,14,0)+IF('Standard Profiles'!$G$20=$B$24,21,0),0)),0)</f>
        <v>0</v>
      </c>
      <c r="G5111" cm="1">
        <f t="array" ref="G5111">IFERROR(INDEX(Jesper!AK$2:AK$366,ROUNDDOWN($C5111/24,0)+1,1)*INDEX($D$3:$AA$30,INDEX(Jesper!$R$2:$R$366,ROW(INDEX(Jesper!AK$2:AK$366,ROUNDDOWN($C5111/24,0)+1,1))-1)+IF('Standard Profiles'!$G$21=$B$10,7,0)+IF('Standard Profiles'!$G$21=$B$17,14,0)+IF('Standard Profiles'!$G$21=$B$24,21,0),MOD($C5111,24)+1)/SUM(INDEX($D$3:$AA$30,INDEX(Jesper!$R$2:$R$366,ROW(INDEX(Jesper!AK$2:AK$366,ROUNDDOWN($C5111/24,0)+1,1))-1)+IF('Standard Profiles'!$G$21=$B$10,7,0)+IF('Standard Profiles'!$G$21=$B$17,14,0)+IF('Standard Profiles'!$G$21=$B$24,21,0),0)),0)</f>
        <v>0</v>
      </c>
      <c r="H5111" cm="1">
        <f t="array" ref="H5111">IFERROR(INDEX(Jesper!AL$2:AL$366,ROUNDDOWN($C5111/24,0)+1,1)*INDEX($D$3:$AA$30,INDEX(Jesper!$R$2:$R$366,ROW(INDEX(Jesper!AL$2:AL$366,ROUNDDOWN($C5111/24,0)+1,1))-1)+IF('Standard Profiles'!$G$22=$B$10,7,0)+IF('Standard Profiles'!$G$22=$B$17,14,0)+IF('Standard Profiles'!$G$22=$B$24,21,0),MOD($C5111,24)+1)/SUM(INDEX($D$3:$AA$30,INDEX(Jesper!$R$2:$R$366,ROW(INDEX(Jesper!AL$2:AL$366,ROUNDDOWN($C5111/24,0)+1,1))-1)+IF('Standard Profiles'!$G$22=$B$10,7,0)+IF('Standard Profiles'!$G$22=$B$17,14,0)+IF('Standard Profiles'!$G$22=$B$24,21,0),0)),0)</f>
        <v>0</v>
      </c>
      <c r="I5111">
        <f t="shared" si="573"/>
        <v>0.40898711066627885</v>
      </c>
      <c r="J5111">
        <f t="shared" si="574"/>
        <v>1.3632903688875961</v>
      </c>
      <c r="K5111">
        <f t="shared" si="575"/>
        <v>2.0449355533313942</v>
      </c>
      <c r="L5111">
        <f t="shared" si="576"/>
        <v>9.8156906559906911</v>
      </c>
      <c r="M5111">
        <f t="shared" si="577"/>
        <v>0</v>
      </c>
      <c r="N5111" s="46">
        <f t="shared" si="578"/>
        <v>45503.541666654353</v>
      </c>
    </row>
    <row r="5112" spans="2:14" x14ac:dyDescent="0.3">
      <c r="B5112">
        <f t="shared" si="572"/>
        <v>2</v>
      </c>
      <c r="C5112" s="16">
        <v>5078</v>
      </c>
      <c r="D5112" cm="1">
        <f t="array" ref="D5112">IFERROR(INDEX(Jesper!AH$2:AH$366,ROUNDDOWN($C5112/24,0)+1,1)*INDEX($D$3:$AA$30,INDEX(Jesper!$R$2:$R$366,ROW(INDEX(Jesper!AH$2:AH$366,ROUNDDOWN($C5112/24,0)+1,1))-1)+IF('Standard Profiles'!$G$18=$B$10,7,0)+IF('Standard Profiles'!$G$18=$B$17,14,0)+IF('Standard Profiles'!$G$18=$B$24,21,0),MOD($C5112,24)+1)/SUM(INDEX($D$3:$AA$30,INDEX(Jesper!$R$2:$R$366,ROW(INDEX(Jesper!AH$2:AH$366,ROUNDDOWN($C5112/24,0)+1,1))-1)+IF('Standard Profiles'!$G$18=$B$10,7,0)+IF('Standard Profiles'!$G$18=$B$17,14,0)+IF('Standard Profiles'!$G$18=$B$24,21,0),0)),0)</f>
        <v>13.632903688875961</v>
      </c>
      <c r="E5112" cm="1">
        <f t="array" ref="E5112">IFERROR(INDEX(Jesper!AI$2:AI$366,ROUNDDOWN($C5112/24,0)+1,1)*INDEX($D$3:$AA$30,INDEX(Jesper!$R$2:$R$366,ROW(INDEX(Jesper!AI$2:AI$366,ROUNDDOWN($C5112/24,0)+1,1))-1)+IF('Standard Profiles'!$G$19=$B$10,7,0)+IF('Standard Profiles'!$G$19=$B$17,14,0)+IF('Standard Profiles'!$G$19=$B$24,21,0),MOD($C5112,24)+1)/SUM(INDEX($D$3:$AA$30,INDEX(Jesper!$R$2:$R$366,ROW(INDEX(Jesper!AI$2:AI$366,ROUNDDOWN($C5112/24,0)+1,1))-1)+IF('Standard Profiles'!$G$19=$B$10,7,0)+IF('Standard Profiles'!$G$19=$B$17,14,0)+IF('Standard Profiles'!$G$19=$B$24,21,0),0)),0)</f>
        <v>0</v>
      </c>
      <c r="F5112" cm="1">
        <f t="array" ref="F5112">IFERROR(INDEX(Jesper!AJ$2:AJ$366,ROUNDDOWN($C5112/24,0)+1,1)*INDEX($D$3:$AA$30,INDEX(Jesper!$R$2:$R$366,ROW(INDEX(Jesper!AJ$2:AJ$366,ROUNDDOWN($C5112/24,0)+1,1))-1)+IF('Standard Profiles'!$G$20=$B$10,7,0)+IF('Standard Profiles'!$G$20=$B$17,14,0)+IF('Standard Profiles'!$G$20=$B$24,21,0),MOD($C5112,24)+1)/SUM(INDEX($D$3:$AA$30,INDEX(Jesper!$R$2:$R$366,ROW(INDEX(Jesper!AJ$2:AJ$366,ROUNDDOWN($C5112/24,0)+1,1))-1)+IF('Standard Profiles'!$G$20=$B$10,7,0)+IF('Standard Profiles'!$G$20=$B$17,14,0)+IF('Standard Profiles'!$G$20=$B$24,21,0),0)),0)</f>
        <v>0</v>
      </c>
      <c r="G5112" cm="1">
        <f t="array" ref="G5112">IFERROR(INDEX(Jesper!AK$2:AK$366,ROUNDDOWN($C5112/24,0)+1,1)*INDEX($D$3:$AA$30,INDEX(Jesper!$R$2:$R$366,ROW(INDEX(Jesper!AK$2:AK$366,ROUNDDOWN($C5112/24,0)+1,1))-1)+IF('Standard Profiles'!$G$21=$B$10,7,0)+IF('Standard Profiles'!$G$21=$B$17,14,0)+IF('Standard Profiles'!$G$21=$B$24,21,0),MOD($C5112,24)+1)/SUM(INDEX($D$3:$AA$30,INDEX(Jesper!$R$2:$R$366,ROW(INDEX(Jesper!AK$2:AK$366,ROUNDDOWN($C5112/24,0)+1,1))-1)+IF('Standard Profiles'!$G$21=$B$10,7,0)+IF('Standard Profiles'!$G$21=$B$17,14,0)+IF('Standard Profiles'!$G$21=$B$24,21,0),0)),0)</f>
        <v>0</v>
      </c>
      <c r="H5112" cm="1">
        <f t="array" ref="H5112">IFERROR(INDEX(Jesper!AL$2:AL$366,ROUNDDOWN($C5112/24,0)+1,1)*INDEX($D$3:$AA$30,INDEX(Jesper!$R$2:$R$366,ROW(INDEX(Jesper!AL$2:AL$366,ROUNDDOWN($C5112/24,0)+1,1))-1)+IF('Standard Profiles'!$G$22=$B$10,7,0)+IF('Standard Profiles'!$G$22=$B$17,14,0)+IF('Standard Profiles'!$G$22=$B$24,21,0),MOD($C5112,24)+1)/SUM(INDEX($D$3:$AA$30,INDEX(Jesper!$R$2:$R$366,ROW(INDEX(Jesper!AL$2:AL$366,ROUNDDOWN($C5112/24,0)+1,1))-1)+IF('Standard Profiles'!$G$22=$B$10,7,0)+IF('Standard Profiles'!$G$22=$B$17,14,0)+IF('Standard Profiles'!$G$22=$B$24,21,0),0)),0)</f>
        <v>0</v>
      </c>
      <c r="I5112">
        <f t="shared" si="573"/>
        <v>0.40898711066627885</v>
      </c>
      <c r="J5112">
        <f t="shared" si="574"/>
        <v>1.3632903688875961</v>
      </c>
      <c r="K5112">
        <f t="shared" si="575"/>
        <v>2.0449355533313942</v>
      </c>
      <c r="L5112">
        <f t="shared" si="576"/>
        <v>9.8156906559906911</v>
      </c>
      <c r="M5112">
        <f t="shared" si="577"/>
        <v>0</v>
      </c>
      <c r="N5112" s="46">
        <f t="shared" si="578"/>
        <v>45503.583333321018</v>
      </c>
    </row>
    <row r="5113" spans="2:14" x14ac:dyDescent="0.3">
      <c r="B5113">
        <f t="shared" si="572"/>
        <v>2</v>
      </c>
      <c r="C5113" s="16">
        <v>5079</v>
      </c>
      <c r="D5113" cm="1">
        <f t="array" ref="D5113">IFERROR(INDEX(Jesper!AH$2:AH$366,ROUNDDOWN($C5113/24,0)+1,1)*INDEX($D$3:$AA$30,INDEX(Jesper!$R$2:$R$366,ROW(INDEX(Jesper!AH$2:AH$366,ROUNDDOWN($C5113/24,0)+1,1))-1)+IF('Standard Profiles'!$G$18=$B$10,7,0)+IF('Standard Profiles'!$G$18=$B$17,14,0)+IF('Standard Profiles'!$G$18=$B$24,21,0),MOD($C5113,24)+1)/SUM(INDEX($D$3:$AA$30,INDEX(Jesper!$R$2:$R$366,ROW(INDEX(Jesper!AH$2:AH$366,ROUNDDOWN($C5113/24,0)+1,1))-1)+IF('Standard Profiles'!$G$18=$B$10,7,0)+IF('Standard Profiles'!$G$18=$B$17,14,0)+IF('Standard Profiles'!$G$18=$B$24,21,0),0)),0)</f>
        <v>13.632903688875961</v>
      </c>
      <c r="E5113" cm="1">
        <f t="array" ref="E5113">IFERROR(INDEX(Jesper!AI$2:AI$366,ROUNDDOWN($C5113/24,0)+1,1)*INDEX($D$3:$AA$30,INDEX(Jesper!$R$2:$R$366,ROW(INDEX(Jesper!AI$2:AI$366,ROUNDDOWN($C5113/24,0)+1,1))-1)+IF('Standard Profiles'!$G$19=$B$10,7,0)+IF('Standard Profiles'!$G$19=$B$17,14,0)+IF('Standard Profiles'!$G$19=$B$24,21,0),MOD($C5113,24)+1)/SUM(INDEX($D$3:$AA$30,INDEX(Jesper!$R$2:$R$366,ROW(INDEX(Jesper!AI$2:AI$366,ROUNDDOWN($C5113/24,0)+1,1))-1)+IF('Standard Profiles'!$G$19=$B$10,7,0)+IF('Standard Profiles'!$G$19=$B$17,14,0)+IF('Standard Profiles'!$G$19=$B$24,21,0),0)),0)</f>
        <v>0</v>
      </c>
      <c r="F5113" cm="1">
        <f t="array" ref="F5113">IFERROR(INDEX(Jesper!AJ$2:AJ$366,ROUNDDOWN($C5113/24,0)+1,1)*INDEX($D$3:$AA$30,INDEX(Jesper!$R$2:$R$366,ROW(INDEX(Jesper!AJ$2:AJ$366,ROUNDDOWN($C5113/24,0)+1,1))-1)+IF('Standard Profiles'!$G$20=$B$10,7,0)+IF('Standard Profiles'!$G$20=$B$17,14,0)+IF('Standard Profiles'!$G$20=$B$24,21,0),MOD($C5113,24)+1)/SUM(INDEX($D$3:$AA$30,INDEX(Jesper!$R$2:$R$366,ROW(INDEX(Jesper!AJ$2:AJ$366,ROUNDDOWN($C5113/24,0)+1,1))-1)+IF('Standard Profiles'!$G$20=$B$10,7,0)+IF('Standard Profiles'!$G$20=$B$17,14,0)+IF('Standard Profiles'!$G$20=$B$24,21,0),0)),0)</f>
        <v>0</v>
      </c>
      <c r="G5113" cm="1">
        <f t="array" ref="G5113">IFERROR(INDEX(Jesper!AK$2:AK$366,ROUNDDOWN($C5113/24,0)+1,1)*INDEX($D$3:$AA$30,INDEX(Jesper!$R$2:$R$366,ROW(INDEX(Jesper!AK$2:AK$366,ROUNDDOWN($C5113/24,0)+1,1))-1)+IF('Standard Profiles'!$G$21=$B$10,7,0)+IF('Standard Profiles'!$G$21=$B$17,14,0)+IF('Standard Profiles'!$G$21=$B$24,21,0),MOD($C5113,24)+1)/SUM(INDEX($D$3:$AA$30,INDEX(Jesper!$R$2:$R$366,ROW(INDEX(Jesper!AK$2:AK$366,ROUNDDOWN($C5113/24,0)+1,1))-1)+IF('Standard Profiles'!$G$21=$B$10,7,0)+IF('Standard Profiles'!$G$21=$B$17,14,0)+IF('Standard Profiles'!$G$21=$B$24,21,0),0)),0)</f>
        <v>0</v>
      </c>
      <c r="H5113" cm="1">
        <f t="array" ref="H5113">IFERROR(INDEX(Jesper!AL$2:AL$366,ROUNDDOWN($C5113/24,0)+1,1)*INDEX($D$3:$AA$30,INDEX(Jesper!$R$2:$R$366,ROW(INDEX(Jesper!AL$2:AL$366,ROUNDDOWN($C5113/24,0)+1,1))-1)+IF('Standard Profiles'!$G$22=$B$10,7,0)+IF('Standard Profiles'!$G$22=$B$17,14,0)+IF('Standard Profiles'!$G$22=$B$24,21,0),MOD($C5113,24)+1)/SUM(INDEX($D$3:$AA$30,INDEX(Jesper!$R$2:$R$366,ROW(INDEX(Jesper!AL$2:AL$366,ROUNDDOWN($C5113/24,0)+1,1))-1)+IF('Standard Profiles'!$G$22=$B$10,7,0)+IF('Standard Profiles'!$G$22=$B$17,14,0)+IF('Standard Profiles'!$G$22=$B$24,21,0),0)),0)</f>
        <v>0</v>
      </c>
      <c r="I5113">
        <f t="shared" si="573"/>
        <v>0.40898711066627885</v>
      </c>
      <c r="J5113">
        <f t="shared" si="574"/>
        <v>1.3632903688875961</v>
      </c>
      <c r="K5113">
        <f t="shared" si="575"/>
        <v>2.0449355533313942</v>
      </c>
      <c r="L5113">
        <f t="shared" si="576"/>
        <v>9.8156906559906911</v>
      </c>
      <c r="M5113">
        <f t="shared" si="577"/>
        <v>0</v>
      </c>
      <c r="N5113" s="46">
        <f t="shared" si="578"/>
        <v>45503.624999987682</v>
      </c>
    </row>
    <row r="5114" spans="2:14" x14ac:dyDescent="0.3">
      <c r="B5114">
        <f t="shared" si="572"/>
        <v>2</v>
      </c>
      <c r="C5114" s="16">
        <v>5080</v>
      </c>
      <c r="D5114" cm="1">
        <f t="array" ref="D5114">IFERROR(INDEX(Jesper!AH$2:AH$366,ROUNDDOWN($C5114/24,0)+1,1)*INDEX($D$3:$AA$30,INDEX(Jesper!$R$2:$R$366,ROW(INDEX(Jesper!AH$2:AH$366,ROUNDDOWN($C5114/24,0)+1,1))-1)+IF('Standard Profiles'!$G$18=$B$10,7,0)+IF('Standard Profiles'!$G$18=$B$17,14,0)+IF('Standard Profiles'!$G$18=$B$24,21,0),MOD($C5114,24)+1)/SUM(INDEX($D$3:$AA$30,INDEX(Jesper!$R$2:$R$366,ROW(INDEX(Jesper!AH$2:AH$366,ROUNDDOWN($C5114/24,0)+1,1))-1)+IF('Standard Profiles'!$G$18=$B$10,7,0)+IF('Standard Profiles'!$G$18=$B$17,14,0)+IF('Standard Profiles'!$G$18=$B$24,21,0),0)),0)</f>
        <v>13.632903688875961</v>
      </c>
      <c r="E5114" cm="1">
        <f t="array" ref="E5114">IFERROR(INDEX(Jesper!AI$2:AI$366,ROUNDDOWN($C5114/24,0)+1,1)*INDEX($D$3:$AA$30,INDEX(Jesper!$R$2:$R$366,ROW(INDEX(Jesper!AI$2:AI$366,ROUNDDOWN($C5114/24,0)+1,1))-1)+IF('Standard Profiles'!$G$19=$B$10,7,0)+IF('Standard Profiles'!$G$19=$B$17,14,0)+IF('Standard Profiles'!$G$19=$B$24,21,0),MOD($C5114,24)+1)/SUM(INDEX($D$3:$AA$30,INDEX(Jesper!$R$2:$R$366,ROW(INDEX(Jesper!AI$2:AI$366,ROUNDDOWN($C5114/24,0)+1,1))-1)+IF('Standard Profiles'!$G$19=$B$10,7,0)+IF('Standard Profiles'!$G$19=$B$17,14,0)+IF('Standard Profiles'!$G$19=$B$24,21,0),0)),0)</f>
        <v>0</v>
      </c>
      <c r="F5114" cm="1">
        <f t="array" ref="F5114">IFERROR(INDEX(Jesper!AJ$2:AJ$366,ROUNDDOWN($C5114/24,0)+1,1)*INDEX($D$3:$AA$30,INDEX(Jesper!$R$2:$R$366,ROW(INDEX(Jesper!AJ$2:AJ$366,ROUNDDOWN($C5114/24,0)+1,1))-1)+IF('Standard Profiles'!$G$20=$B$10,7,0)+IF('Standard Profiles'!$G$20=$B$17,14,0)+IF('Standard Profiles'!$G$20=$B$24,21,0),MOD($C5114,24)+1)/SUM(INDEX($D$3:$AA$30,INDEX(Jesper!$R$2:$R$366,ROW(INDEX(Jesper!AJ$2:AJ$366,ROUNDDOWN($C5114/24,0)+1,1))-1)+IF('Standard Profiles'!$G$20=$B$10,7,0)+IF('Standard Profiles'!$G$20=$B$17,14,0)+IF('Standard Profiles'!$G$20=$B$24,21,0),0)),0)</f>
        <v>0</v>
      </c>
      <c r="G5114" cm="1">
        <f t="array" ref="G5114">IFERROR(INDEX(Jesper!AK$2:AK$366,ROUNDDOWN($C5114/24,0)+1,1)*INDEX($D$3:$AA$30,INDEX(Jesper!$R$2:$R$366,ROW(INDEX(Jesper!AK$2:AK$366,ROUNDDOWN($C5114/24,0)+1,1))-1)+IF('Standard Profiles'!$G$21=$B$10,7,0)+IF('Standard Profiles'!$G$21=$B$17,14,0)+IF('Standard Profiles'!$G$21=$B$24,21,0),MOD($C5114,24)+1)/SUM(INDEX($D$3:$AA$30,INDEX(Jesper!$R$2:$R$366,ROW(INDEX(Jesper!AK$2:AK$366,ROUNDDOWN($C5114/24,0)+1,1))-1)+IF('Standard Profiles'!$G$21=$B$10,7,0)+IF('Standard Profiles'!$G$21=$B$17,14,0)+IF('Standard Profiles'!$G$21=$B$24,21,0),0)),0)</f>
        <v>0</v>
      </c>
      <c r="H5114" cm="1">
        <f t="array" ref="H5114">IFERROR(INDEX(Jesper!AL$2:AL$366,ROUNDDOWN($C5114/24,0)+1,1)*INDEX($D$3:$AA$30,INDEX(Jesper!$R$2:$R$366,ROW(INDEX(Jesper!AL$2:AL$366,ROUNDDOWN($C5114/24,0)+1,1))-1)+IF('Standard Profiles'!$G$22=$B$10,7,0)+IF('Standard Profiles'!$G$22=$B$17,14,0)+IF('Standard Profiles'!$G$22=$B$24,21,0),MOD($C5114,24)+1)/SUM(INDEX($D$3:$AA$30,INDEX(Jesper!$R$2:$R$366,ROW(INDEX(Jesper!AL$2:AL$366,ROUNDDOWN($C5114/24,0)+1,1))-1)+IF('Standard Profiles'!$G$22=$B$10,7,0)+IF('Standard Profiles'!$G$22=$B$17,14,0)+IF('Standard Profiles'!$G$22=$B$24,21,0),0)),0)</f>
        <v>0</v>
      </c>
      <c r="I5114">
        <f t="shared" si="573"/>
        <v>0.40898711066627885</v>
      </c>
      <c r="J5114">
        <f t="shared" si="574"/>
        <v>1.3632903688875961</v>
      </c>
      <c r="K5114">
        <f t="shared" si="575"/>
        <v>2.0449355533313942</v>
      </c>
      <c r="L5114">
        <f t="shared" si="576"/>
        <v>9.8156906559906911</v>
      </c>
      <c r="M5114">
        <f t="shared" si="577"/>
        <v>0</v>
      </c>
      <c r="N5114" s="46">
        <f t="shared" si="578"/>
        <v>45503.666666654346</v>
      </c>
    </row>
    <row r="5115" spans="2:14" x14ac:dyDescent="0.3">
      <c r="B5115">
        <f t="shared" si="572"/>
        <v>2</v>
      </c>
      <c r="C5115" s="16">
        <v>5081</v>
      </c>
      <c r="D5115" cm="1">
        <f t="array" ref="D5115">IFERROR(INDEX(Jesper!AH$2:AH$366,ROUNDDOWN($C5115/24,0)+1,1)*INDEX($D$3:$AA$30,INDEX(Jesper!$R$2:$R$366,ROW(INDEX(Jesper!AH$2:AH$366,ROUNDDOWN($C5115/24,0)+1,1))-1)+IF('Standard Profiles'!$G$18=$B$10,7,0)+IF('Standard Profiles'!$G$18=$B$17,14,0)+IF('Standard Profiles'!$G$18=$B$24,21,0),MOD($C5115,24)+1)/SUM(INDEX($D$3:$AA$30,INDEX(Jesper!$R$2:$R$366,ROW(INDEX(Jesper!AH$2:AH$366,ROUNDDOWN($C5115/24,0)+1,1))-1)+IF('Standard Profiles'!$G$18=$B$10,7,0)+IF('Standard Profiles'!$G$18=$B$17,14,0)+IF('Standard Profiles'!$G$18=$B$24,21,0),0)),0)</f>
        <v>13.632903688875961</v>
      </c>
      <c r="E5115" cm="1">
        <f t="array" ref="E5115">IFERROR(INDEX(Jesper!AI$2:AI$366,ROUNDDOWN($C5115/24,0)+1,1)*INDEX($D$3:$AA$30,INDEX(Jesper!$R$2:$R$366,ROW(INDEX(Jesper!AI$2:AI$366,ROUNDDOWN($C5115/24,0)+1,1))-1)+IF('Standard Profiles'!$G$19=$B$10,7,0)+IF('Standard Profiles'!$G$19=$B$17,14,0)+IF('Standard Profiles'!$G$19=$B$24,21,0),MOD($C5115,24)+1)/SUM(INDEX($D$3:$AA$30,INDEX(Jesper!$R$2:$R$366,ROW(INDEX(Jesper!AI$2:AI$366,ROUNDDOWN($C5115/24,0)+1,1))-1)+IF('Standard Profiles'!$G$19=$B$10,7,0)+IF('Standard Profiles'!$G$19=$B$17,14,0)+IF('Standard Profiles'!$G$19=$B$24,21,0),0)),0)</f>
        <v>0</v>
      </c>
      <c r="F5115" cm="1">
        <f t="array" ref="F5115">IFERROR(INDEX(Jesper!AJ$2:AJ$366,ROUNDDOWN($C5115/24,0)+1,1)*INDEX($D$3:$AA$30,INDEX(Jesper!$R$2:$R$366,ROW(INDEX(Jesper!AJ$2:AJ$366,ROUNDDOWN($C5115/24,0)+1,1))-1)+IF('Standard Profiles'!$G$20=$B$10,7,0)+IF('Standard Profiles'!$G$20=$B$17,14,0)+IF('Standard Profiles'!$G$20=$B$24,21,0),MOD($C5115,24)+1)/SUM(INDEX($D$3:$AA$30,INDEX(Jesper!$R$2:$R$366,ROW(INDEX(Jesper!AJ$2:AJ$366,ROUNDDOWN($C5115/24,0)+1,1))-1)+IF('Standard Profiles'!$G$20=$B$10,7,0)+IF('Standard Profiles'!$G$20=$B$17,14,0)+IF('Standard Profiles'!$G$20=$B$24,21,0),0)),0)</f>
        <v>0</v>
      </c>
      <c r="G5115" cm="1">
        <f t="array" ref="G5115">IFERROR(INDEX(Jesper!AK$2:AK$366,ROUNDDOWN($C5115/24,0)+1,1)*INDEX($D$3:$AA$30,INDEX(Jesper!$R$2:$R$366,ROW(INDEX(Jesper!AK$2:AK$366,ROUNDDOWN($C5115/24,0)+1,1))-1)+IF('Standard Profiles'!$G$21=$B$10,7,0)+IF('Standard Profiles'!$G$21=$B$17,14,0)+IF('Standard Profiles'!$G$21=$B$24,21,0),MOD($C5115,24)+1)/SUM(INDEX($D$3:$AA$30,INDEX(Jesper!$R$2:$R$366,ROW(INDEX(Jesper!AK$2:AK$366,ROUNDDOWN($C5115/24,0)+1,1))-1)+IF('Standard Profiles'!$G$21=$B$10,7,0)+IF('Standard Profiles'!$G$21=$B$17,14,0)+IF('Standard Profiles'!$G$21=$B$24,21,0),0)),0)</f>
        <v>0</v>
      </c>
      <c r="H5115" cm="1">
        <f t="array" ref="H5115">IFERROR(INDEX(Jesper!AL$2:AL$366,ROUNDDOWN($C5115/24,0)+1,1)*INDEX($D$3:$AA$30,INDEX(Jesper!$R$2:$R$366,ROW(INDEX(Jesper!AL$2:AL$366,ROUNDDOWN($C5115/24,0)+1,1))-1)+IF('Standard Profiles'!$G$22=$B$10,7,0)+IF('Standard Profiles'!$G$22=$B$17,14,0)+IF('Standard Profiles'!$G$22=$B$24,21,0),MOD($C5115,24)+1)/SUM(INDEX($D$3:$AA$30,INDEX(Jesper!$R$2:$R$366,ROW(INDEX(Jesper!AL$2:AL$366,ROUNDDOWN($C5115/24,0)+1,1))-1)+IF('Standard Profiles'!$G$22=$B$10,7,0)+IF('Standard Profiles'!$G$22=$B$17,14,0)+IF('Standard Profiles'!$G$22=$B$24,21,0),0)),0)</f>
        <v>0</v>
      </c>
      <c r="I5115">
        <f t="shared" si="573"/>
        <v>0.40898711066627885</v>
      </c>
      <c r="J5115">
        <f t="shared" si="574"/>
        <v>1.3632903688875961</v>
      </c>
      <c r="K5115">
        <f t="shared" si="575"/>
        <v>2.0449355533313942</v>
      </c>
      <c r="L5115">
        <f t="shared" si="576"/>
        <v>9.8156906559906911</v>
      </c>
      <c r="M5115">
        <f t="shared" si="577"/>
        <v>0</v>
      </c>
      <c r="N5115" s="46">
        <f t="shared" si="578"/>
        <v>45503.70833332101</v>
      </c>
    </row>
    <row r="5116" spans="2:14" x14ac:dyDescent="0.3">
      <c r="B5116">
        <f t="shared" si="572"/>
        <v>2</v>
      </c>
      <c r="C5116" s="16">
        <v>5082</v>
      </c>
      <c r="D5116" cm="1">
        <f t="array" ref="D5116">IFERROR(INDEX(Jesper!AH$2:AH$366,ROUNDDOWN($C5116/24,0)+1,1)*INDEX($D$3:$AA$30,INDEX(Jesper!$R$2:$R$366,ROW(INDEX(Jesper!AH$2:AH$366,ROUNDDOWN($C5116/24,0)+1,1))-1)+IF('Standard Profiles'!$G$18=$B$10,7,0)+IF('Standard Profiles'!$G$18=$B$17,14,0)+IF('Standard Profiles'!$G$18=$B$24,21,0),MOD($C5116,24)+1)/SUM(INDEX($D$3:$AA$30,INDEX(Jesper!$R$2:$R$366,ROW(INDEX(Jesper!AH$2:AH$366,ROUNDDOWN($C5116/24,0)+1,1))-1)+IF('Standard Profiles'!$G$18=$B$10,7,0)+IF('Standard Profiles'!$G$18=$B$17,14,0)+IF('Standard Profiles'!$G$18=$B$24,21,0),0)),0)</f>
        <v>13.632903688875961</v>
      </c>
      <c r="E5116" cm="1">
        <f t="array" ref="E5116">IFERROR(INDEX(Jesper!AI$2:AI$366,ROUNDDOWN($C5116/24,0)+1,1)*INDEX($D$3:$AA$30,INDEX(Jesper!$R$2:$R$366,ROW(INDEX(Jesper!AI$2:AI$366,ROUNDDOWN($C5116/24,0)+1,1))-1)+IF('Standard Profiles'!$G$19=$B$10,7,0)+IF('Standard Profiles'!$G$19=$B$17,14,0)+IF('Standard Profiles'!$G$19=$B$24,21,0),MOD($C5116,24)+1)/SUM(INDEX($D$3:$AA$30,INDEX(Jesper!$R$2:$R$366,ROW(INDEX(Jesper!AI$2:AI$366,ROUNDDOWN($C5116/24,0)+1,1))-1)+IF('Standard Profiles'!$G$19=$B$10,7,0)+IF('Standard Profiles'!$G$19=$B$17,14,0)+IF('Standard Profiles'!$G$19=$B$24,21,0),0)),0)</f>
        <v>0</v>
      </c>
      <c r="F5116" cm="1">
        <f t="array" ref="F5116">IFERROR(INDEX(Jesper!AJ$2:AJ$366,ROUNDDOWN($C5116/24,0)+1,1)*INDEX($D$3:$AA$30,INDEX(Jesper!$R$2:$R$366,ROW(INDEX(Jesper!AJ$2:AJ$366,ROUNDDOWN($C5116/24,0)+1,1))-1)+IF('Standard Profiles'!$G$20=$B$10,7,0)+IF('Standard Profiles'!$G$20=$B$17,14,0)+IF('Standard Profiles'!$G$20=$B$24,21,0),MOD($C5116,24)+1)/SUM(INDEX($D$3:$AA$30,INDEX(Jesper!$R$2:$R$366,ROW(INDEX(Jesper!AJ$2:AJ$366,ROUNDDOWN($C5116/24,0)+1,1))-1)+IF('Standard Profiles'!$G$20=$B$10,7,0)+IF('Standard Profiles'!$G$20=$B$17,14,0)+IF('Standard Profiles'!$G$20=$B$24,21,0),0)),0)</f>
        <v>0</v>
      </c>
      <c r="G5116" cm="1">
        <f t="array" ref="G5116">IFERROR(INDEX(Jesper!AK$2:AK$366,ROUNDDOWN($C5116/24,0)+1,1)*INDEX($D$3:$AA$30,INDEX(Jesper!$R$2:$R$366,ROW(INDEX(Jesper!AK$2:AK$366,ROUNDDOWN($C5116/24,0)+1,1))-1)+IF('Standard Profiles'!$G$21=$B$10,7,0)+IF('Standard Profiles'!$G$21=$B$17,14,0)+IF('Standard Profiles'!$G$21=$B$24,21,0),MOD($C5116,24)+1)/SUM(INDEX($D$3:$AA$30,INDEX(Jesper!$R$2:$R$366,ROW(INDEX(Jesper!AK$2:AK$366,ROUNDDOWN($C5116/24,0)+1,1))-1)+IF('Standard Profiles'!$G$21=$B$10,7,0)+IF('Standard Profiles'!$G$21=$B$17,14,0)+IF('Standard Profiles'!$G$21=$B$24,21,0),0)),0)</f>
        <v>0</v>
      </c>
      <c r="H5116" cm="1">
        <f t="array" ref="H5116">IFERROR(INDEX(Jesper!AL$2:AL$366,ROUNDDOWN($C5116/24,0)+1,1)*INDEX($D$3:$AA$30,INDEX(Jesper!$R$2:$R$366,ROW(INDEX(Jesper!AL$2:AL$366,ROUNDDOWN($C5116/24,0)+1,1))-1)+IF('Standard Profiles'!$G$22=$B$10,7,0)+IF('Standard Profiles'!$G$22=$B$17,14,0)+IF('Standard Profiles'!$G$22=$B$24,21,0),MOD($C5116,24)+1)/SUM(INDEX($D$3:$AA$30,INDEX(Jesper!$R$2:$R$366,ROW(INDEX(Jesper!AL$2:AL$366,ROUNDDOWN($C5116/24,0)+1,1))-1)+IF('Standard Profiles'!$G$22=$B$10,7,0)+IF('Standard Profiles'!$G$22=$B$17,14,0)+IF('Standard Profiles'!$G$22=$B$24,21,0),0)),0)</f>
        <v>0</v>
      </c>
      <c r="I5116">
        <f t="shared" si="573"/>
        <v>0.40898711066627885</v>
      </c>
      <c r="J5116">
        <f t="shared" si="574"/>
        <v>1.3632903688875961</v>
      </c>
      <c r="K5116">
        <f t="shared" si="575"/>
        <v>2.0449355533313942</v>
      </c>
      <c r="L5116">
        <f t="shared" si="576"/>
        <v>9.8156906559906911</v>
      </c>
      <c r="M5116">
        <f t="shared" si="577"/>
        <v>0</v>
      </c>
      <c r="N5116" s="46">
        <f t="shared" si="578"/>
        <v>45503.749999987675</v>
      </c>
    </row>
    <row r="5117" spans="2:14" x14ac:dyDescent="0.3">
      <c r="B5117">
        <f t="shared" si="572"/>
        <v>2</v>
      </c>
      <c r="C5117" s="16">
        <v>5083</v>
      </c>
      <c r="D5117" cm="1">
        <f t="array" ref="D5117">IFERROR(INDEX(Jesper!AH$2:AH$366,ROUNDDOWN($C5117/24,0)+1,1)*INDEX($D$3:$AA$30,INDEX(Jesper!$R$2:$R$366,ROW(INDEX(Jesper!AH$2:AH$366,ROUNDDOWN($C5117/24,0)+1,1))-1)+IF('Standard Profiles'!$G$18=$B$10,7,0)+IF('Standard Profiles'!$G$18=$B$17,14,0)+IF('Standard Profiles'!$G$18=$B$24,21,0),MOD($C5117,24)+1)/SUM(INDEX($D$3:$AA$30,INDEX(Jesper!$R$2:$R$366,ROW(INDEX(Jesper!AH$2:AH$366,ROUNDDOWN($C5117/24,0)+1,1))-1)+IF('Standard Profiles'!$G$18=$B$10,7,0)+IF('Standard Profiles'!$G$18=$B$17,14,0)+IF('Standard Profiles'!$G$18=$B$24,21,0),0)),0)</f>
        <v>11.417556839433619</v>
      </c>
      <c r="E5117" cm="1">
        <f t="array" ref="E5117">IFERROR(INDEX(Jesper!AI$2:AI$366,ROUNDDOWN($C5117/24,0)+1,1)*INDEX($D$3:$AA$30,INDEX(Jesper!$R$2:$R$366,ROW(INDEX(Jesper!AI$2:AI$366,ROUNDDOWN($C5117/24,0)+1,1))-1)+IF('Standard Profiles'!$G$19=$B$10,7,0)+IF('Standard Profiles'!$G$19=$B$17,14,0)+IF('Standard Profiles'!$G$19=$B$24,21,0),MOD($C5117,24)+1)/SUM(INDEX($D$3:$AA$30,INDEX(Jesper!$R$2:$R$366,ROW(INDEX(Jesper!AI$2:AI$366,ROUNDDOWN($C5117/24,0)+1,1))-1)+IF('Standard Profiles'!$G$19=$B$10,7,0)+IF('Standard Profiles'!$G$19=$B$17,14,0)+IF('Standard Profiles'!$G$19=$B$24,21,0),0)),0)</f>
        <v>0</v>
      </c>
      <c r="F5117" cm="1">
        <f t="array" ref="F5117">IFERROR(INDEX(Jesper!AJ$2:AJ$366,ROUNDDOWN($C5117/24,0)+1,1)*INDEX($D$3:$AA$30,INDEX(Jesper!$R$2:$R$366,ROW(INDEX(Jesper!AJ$2:AJ$366,ROUNDDOWN($C5117/24,0)+1,1))-1)+IF('Standard Profiles'!$G$20=$B$10,7,0)+IF('Standard Profiles'!$G$20=$B$17,14,0)+IF('Standard Profiles'!$G$20=$B$24,21,0),MOD($C5117,24)+1)/SUM(INDEX($D$3:$AA$30,INDEX(Jesper!$R$2:$R$366,ROW(INDEX(Jesper!AJ$2:AJ$366,ROUNDDOWN($C5117/24,0)+1,1))-1)+IF('Standard Profiles'!$G$20=$B$10,7,0)+IF('Standard Profiles'!$G$20=$B$17,14,0)+IF('Standard Profiles'!$G$20=$B$24,21,0),0)),0)</f>
        <v>0</v>
      </c>
      <c r="G5117" cm="1">
        <f t="array" ref="G5117">IFERROR(INDEX(Jesper!AK$2:AK$366,ROUNDDOWN($C5117/24,0)+1,1)*INDEX($D$3:$AA$30,INDEX(Jesper!$R$2:$R$366,ROW(INDEX(Jesper!AK$2:AK$366,ROUNDDOWN($C5117/24,0)+1,1))-1)+IF('Standard Profiles'!$G$21=$B$10,7,0)+IF('Standard Profiles'!$G$21=$B$17,14,0)+IF('Standard Profiles'!$G$21=$B$24,21,0),MOD($C5117,24)+1)/SUM(INDEX($D$3:$AA$30,INDEX(Jesper!$R$2:$R$366,ROW(INDEX(Jesper!AK$2:AK$366,ROUNDDOWN($C5117/24,0)+1,1))-1)+IF('Standard Profiles'!$G$21=$B$10,7,0)+IF('Standard Profiles'!$G$21=$B$17,14,0)+IF('Standard Profiles'!$G$21=$B$24,21,0),0)),0)</f>
        <v>0</v>
      </c>
      <c r="H5117" cm="1">
        <f t="array" ref="H5117">IFERROR(INDEX(Jesper!AL$2:AL$366,ROUNDDOWN($C5117/24,0)+1,1)*INDEX($D$3:$AA$30,INDEX(Jesper!$R$2:$R$366,ROW(INDEX(Jesper!AL$2:AL$366,ROUNDDOWN($C5117/24,0)+1,1))-1)+IF('Standard Profiles'!$G$22=$B$10,7,0)+IF('Standard Profiles'!$G$22=$B$17,14,0)+IF('Standard Profiles'!$G$22=$B$24,21,0),MOD($C5117,24)+1)/SUM(INDEX($D$3:$AA$30,INDEX(Jesper!$R$2:$R$366,ROW(INDEX(Jesper!AL$2:AL$366,ROUNDDOWN($C5117/24,0)+1,1))-1)+IF('Standard Profiles'!$G$22=$B$10,7,0)+IF('Standard Profiles'!$G$22=$B$17,14,0)+IF('Standard Profiles'!$G$22=$B$24,21,0),0)),0)</f>
        <v>0</v>
      </c>
      <c r="I5117">
        <f t="shared" si="573"/>
        <v>0.34252670518300854</v>
      </c>
      <c r="J5117">
        <f t="shared" si="574"/>
        <v>1.141755683943362</v>
      </c>
      <c r="K5117">
        <f t="shared" si="575"/>
        <v>1.7126335259150427</v>
      </c>
      <c r="L5117">
        <f t="shared" si="576"/>
        <v>8.220640924392205</v>
      </c>
      <c r="M5117">
        <f t="shared" si="577"/>
        <v>0</v>
      </c>
      <c r="N5117" s="46">
        <f t="shared" si="578"/>
        <v>45503.791666654339</v>
      </c>
    </row>
    <row r="5118" spans="2:14" x14ac:dyDescent="0.3">
      <c r="B5118">
        <f t="shared" si="572"/>
        <v>2</v>
      </c>
      <c r="C5118" s="16">
        <v>5084</v>
      </c>
      <c r="D5118" cm="1">
        <f t="array" ref="D5118">IFERROR(INDEX(Jesper!AH$2:AH$366,ROUNDDOWN($C5118/24,0)+1,1)*INDEX($D$3:$AA$30,INDEX(Jesper!$R$2:$R$366,ROW(INDEX(Jesper!AH$2:AH$366,ROUNDDOWN($C5118/24,0)+1,1))-1)+IF('Standard Profiles'!$G$18=$B$10,7,0)+IF('Standard Profiles'!$G$18=$B$17,14,0)+IF('Standard Profiles'!$G$18=$B$24,21,0),MOD($C5118,24)+1)/SUM(INDEX($D$3:$AA$30,INDEX(Jesper!$R$2:$R$366,ROW(INDEX(Jesper!AH$2:AH$366,ROUNDDOWN($C5118/24,0)+1,1))-1)+IF('Standard Profiles'!$G$18=$B$10,7,0)+IF('Standard Profiles'!$G$18=$B$17,14,0)+IF('Standard Profiles'!$G$18=$B$24,21,0),0)),0)</f>
        <v>9.3726212861022233</v>
      </c>
      <c r="E5118" cm="1">
        <f t="array" ref="E5118">IFERROR(INDEX(Jesper!AI$2:AI$366,ROUNDDOWN($C5118/24,0)+1,1)*INDEX($D$3:$AA$30,INDEX(Jesper!$R$2:$R$366,ROW(INDEX(Jesper!AI$2:AI$366,ROUNDDOWN($C5118/24,0)+1,1))-1)+IF('Standard Profiles'!$G$19=$B$10,7,0)+IF('Standard Profiles'!$G$19=$B$17,14,0)+IF('Standard Profiles'!$G$19=$B$24,21,0),MOD($C5118,24)+1)/SUM(INDEX($D$3:$AA$30,INDEX(Jesper!$R$2:$R$366,ROW(INDEX(Jesper!AI$2:AI$366,ROUNDDOWN($C5118/24,0)+1,1))-1)+IF('Standard Profiles'!$G$19=$B$10,7,0)+IF('Standard Profiles'!$G$19=$B$17,14,0)+IF('Standard Profiles'!$G$19=$B$24,21,0),0)),0)</f>
        <v>0</v>
      </c>
      <c r="F5118" cm="1">
        <f t="array" ref="F5118">IFERROR(INDEX(Jesper!AJ$2:AJ$366,ROUNDDOWN($C5118/24,0)+1,1)*INDEX($D$3:$AA$30,INDEX(Jesper!$R$2:$R$366,ROW(INDEX(Jesper!AJ$2:AJ$366,ROUNDDOWN($C5118/24,0)+1,1))-1)+IF('Standard Profiles'!$G$20=$B$10,7,0)+IF('Standard Profiles'!$G$20=$B$17,14,0)+IF('Standard Profiles'!$G$20=$B$24,21,0),MOD($C5118,24)+1)/SUM(INDEX($D$3:$AA$30,INDEX(Jesper!$R$2:$R$366,ROW(INDEX(Jesper!AJ$2:AJ$366,ROUNDDOWN($C5118/24,0)+1,1))-1)+IF('Standard Profiles'!$G$20=$B$10,7,0)+IF('Standard Profiles'!$G$20=$B$17,14,0)+IF('Standard Profiles'!$G$20=$B$24,21,0),0)),0)</f>
        <v>0</v>
      </c>
      <c r="G5118" cm="1">
        <f t="array" ref="G5118">IFERROR(INDEX(Jesper!AK$2:AK$366,ROUNDDOWN($C5118/24,0)+1,1)*INDEX($D$3:$AA$30,INDEX(Jesper!$R$2:$R$366,ROW(INDEX(Jesper!AK$2:AK$366,ROUNDDOWN($C5118/24,0)+1,1))-1)+IF('Standard Profiles'!$G$21=$B$10,7,0)+IF('Standard Profiles'!$G$21=$B$17,14,0)+IF('Standard Profiles'!$G$21=$B$24,21,0),MOD($C5118,24)+1)/SUM(INDEX($D$3:$AA$30,INDEX(Jesper!$R$2:$R$366,ROW(INDEX(Jesper!AK$2:AK$366,ROUNDDOWN($C5118/24,0)+1,1))-1)+IF('Standard Profiles'!$G$21=$B$10,7,0)+IF('Standard Profiles'!$G$21=$B$17,14,0)+IF('Standard Profiles'!$G$21=$B$24,21,0),0)),0)</f>
        <v>0</v>
      </c>
      <c r="H5118" cm="1">
        <f t="array" ref="H5118">IFERROR(INDEX(Jesper!AL$2:AL$366,ROUNDDOWN($C5118/24,0)+1,1)*INDEX($D$3:$AA$30,INDEX(Jesper!$R$2:$R$366,ROW(INDEX(Jesper!AL$2:AL$366,ROUNDDOWN($C5118/24,0)+1,1))-1)+IF('Standard Profiles'!$G$22=$B$10,7,0)+IF('Standard Profiles'!$G$22=$B$17,14,0)+IF('Standard Profiles'!$G$22=$B$24,21,0),MOD($C5118,24)+1)/SUM(INDEX($D$3:$AA$30,INDEX(Jesper!$R$2:$R$366,ROW(INDEX(Jesper!AL$2:AL$366,ROUNDDOWN($C5118/24,0)+1,1))-1)+IF('Standard Profiles'!$G$22=$B$10,7,0)+IF('Standard Profiles'!$G$22=$B$17,14,0)+IF('Standard Profiles'!$G$22=$B$24,21,0),0)),0)</f>
        <v>0</v>
      </c>
      <c r="I5118">
        <f t="shared" si="573"/>
        <v>0.28117863858306669</v>
      </c>
      <c r="J5118">
        <f t="shared" si="574"/>
        <v>0.9372621286102224</v>
      </c>
      <c r="K5118">
        <f t="shared" si="575"/>
        <v>1.4058931929153335</v>
      </c>
      <c r="L5118">
        <f t="shared" si="576"/>
        <v>6.7482873259936005</v>
      </c>
      <c r="M5118">
        <f t="shared" si="577"/>
        <v>0</v>
      </c>
      <c r="N5118" s="46">
        <f t="shared" si="578"/>
        <v>45503.833333321003</v>
      </c>
    </row>
    <row r="5119" spans="2:14" x14ac:dyDescent="0.3">
      <c r="B5119">
        <f t="shared" si="572"/>
        <v>2</v>
      </c>
      <c r="C5119" s="16">
        <v>5085</v>
      </c>
      <c r="D5119" cm="1">
        <f t="array" ref="D5119">IFERROR(INDEX(Jesper!AH$2:AH$366,ROUNDDOWN($C5119/24,0)+1,1)*INDEX($D$3:$AA$30,INDEX(Jesper!$R$2:$R$366,ROW(INDEX(Jesper!AH$2:AH$366,ROUNDDOWN($C5119/24,0)+1,1))-1)+IF('Standard Profiles'!$G$18=$B$10,7,0)+IF('Standard Profiles'!$G$18=$B$17,14,0)+IF('Standard Profiles'!$G$18=$B$24,21,0),MOD($C5119,24)+1)/SUM(INDEX($D$3:$AA$30,INDEX(Jesper!$R$2:$R$366,ROW(INDEX(Jesper!AH$2:AH$366,ROUNDDOWN($C5119/24,0)+1,1))-1)+IF('Standard Profiles'!$G$18=$B$10,7,0)+IF('Standard Profiles'!$G$18=$B$17,14,0)+IF('Standard Profiles'!$G$18=$B$24,21,0),0)),0)</f>
        <v>6.8164518444379807</v>
      </c>
      <c r="E5119" cm="1">
        <f t="array" ref="E5119">IFERROR(INDEX(Jesper!AI$2:AI$366,ROUNDDOWN($C5119/24,0)+1,1)*INDEX($D$3:$AA$30,INDEX(Jesper!$R$2:$R$366,ROW(INDEX(Jesper!AI$2:AI$366,ROUNDDOWN($C5119/24,0)+1,1))-1)+IF('Standard Profiles'!$G$19=$B$10,7,0)+IF('Standard Profiles'!$G$19=$B$17,14,0)+IF('Standard Profiles'!$G$19=$B$24,21,0),MOD($C5119,24)+1)/SUM(INDEX($D$3:$AA$30,INDEX(Jesper!$R$2:$R$366,ROW(INDEX(Jesper!AI$2:AI$366,ROUNDDOWN($C5119/24,0)+1,1))-1)+IF('Standard Profiles'!$G$19=$B$10,7,0)+IF('Standard Profiles'!$G$19=$B$17,14,0)+IF('Standard Profiles'!$G$19=$B$24,21,0),0)),0)</f>
        <v>0</v>
      </c>
      <c r="F5119" cm="1">
        <f t="array" ref="F5119">IFERROR(INDEX(Jesper!AJ$2:AJ$366,ROUNDDOWN($C5119/24,0)+1,1)*INDEX($D$3:$AA$30,INDEX(Jesper!$R$2:$R$366,ROW(INDEX(Jesper!AJ$2:AJ$366,ROUNDDOWN($C5119/24,0)+1,1))-1)+IF('Standard Profiles'!$G$20=$B$10,7,0)+IF('Standard Profiles'!$G$20=$B$17,14,0)+IF('Standard Profiles'!$G$20=$B$24,21,0),MOD($C5119,24)+1)/SUM(INDEX($D$3:$AA$30,INDEX(Jesper!$R$2:$R$366,ROW(INDEX(Jesper!AJ$2:AJ$366,ROUNDDOWN($C5119/24,0)+1,1))-1)+IF('Standard Profiles'!$G$20=$B$10,7,0)+IF('Standard Profiles'!$G$20=$B$17,14,0)+IF('Standard Profiles'!$G$20=$B$24,21,0),0)),0)</f>
        <v>0</v>
      </c>
      <c r="G5119" cm="1">
        <f t="array" ref="G5119">IFERROR(INDEX(Jesper!AK$2:AK$366,ROUNDDOWN($C5119/24,0)+1,1)*INDEX($D$3:$AA$30,INDEX(Jesper!$R$2:$R$366,ROW(INDEX(Jesper!AK$2:AK$366,ROUNDDOWN($C5119/24,0)+1,1))-1)+IF('Standard Profiles'!$G$21=$B$10,7,0)+IF('Standard Profiles'!$G$21=$B$17,14,0)+IF('Standard Profiles'!$G$21=$B$24,21,0),MOD($C5119,24)+1)/SUM(INDEX($D$3:$AA$30,INDEX(Jesper!$R$2:$R$366,ROW(INDEX(Jesper!AK$2:AK$366,ROUNDDOWN($C5119/24,0)+1,1))-1)+IF('Standard Profiles'!$G$21=$B$10,7,0)+IF('Standard Profiles'!$G$21=$B$17,14,0)+IF('Standard Profiles'!$G$21=$B$24,21,0),0)),0)</f>
        <v>0</v>
      </c>
      <c r="H5119" cm="1">
        <f t="array" ref="H5119">IFERROR(INDEX(Jesper!AL$2:AL$366,ROUNDDOWN($C5119/24,0)+1,1)*INDEX($D$3:$AA$30,INDEX(Jesper!$R$2:$R$366,ROW(INDEX(Jesper!AL$2:AL$366,ROUNDDOWN($C5119/24,0)+1,1))-1)+IF('Standard Profiles'!$G$22=$B$10,7,0)+IF('Standard Profiles'!$G$22=$B$17,14,0)+IF('Standard Profiles'!$G$22=$B$24,21,0),MOD($C5119,24)+1)/SUM(INDEX($D$3:$AA$30,INDEX(Jesper!$R$2:$R$366,ROW(INDEX(Jesper!AL$2:AL$366,ROUNDDOWN($C5119/24,0)+1,1))-1)+IF('Standard Profiles'!$G$22=$B$10,7,0)+IF('Standard Profiles'!$G$22=$B$17,14,0)+IF('Standard Profiles'!$G$22=$B$24,21,0),0)),0)</f>
        <v>0</v>
      </c>
      <c r="I5119">
        <f t="shared" si="573"/>
        <v>0.20449355533313943</v>
      </c>
      <c r="J5119">
        <f t="shared" si="574"/>
        <v>0.68164518444379807</v>
      </c>
      <c r="K5119">
        <f t="shared" si="575"/>
        <v>1.0224677766656971</v>
      </c>
      <c r="L5119">
        <f t="shared" si="576"/>
        <v>4.9078453279953456</v>
      </c>
      <c r="M5119">
        <f t="shared" si="577"/>
        <v>0</v>
      </c>
      <c r="N5119" s="46">
        <f t="shared" si="578"/>
        <v>45503.874999987667</v>
      </c>
    </row>
    <row r="5120" spans="2:14" x14ac:dyDescent="0.3">
      <c r="B5120">
        <f t="shared" si="572"/>
        <v>2</v>
      </c>
      <c r="C5120" s="16">
        <v>5086</v>
      </c>
      <c r="D5120" cm="1">
        <f t="array" ref="D5120">IFERROR(INDEX(Jesper!AH$2:AH$366,ROUNDDOWN($C5120/24,0)+1,1)*INDEX($D$3:$AA$30,INDEX(Jesper!$R$2:$R$366,ROW(INDEX(Jesper!AH$2:AH$366,ROUNDDOWN($C5120/24,0)+1,1))-1)+IF('Standard Profiles'!$G$18=$B$10,7,0)+IF('Standard Profiles'!$G$18=$B$17,14,0)+IF('Standard Profiles'!$G$18=$B$24,21,0),MOD($C5120,24)+1)/SUM(INDEX($D$3:$AA$30,INDEX(Jesper!$R$2:$R$366,ROW(INDEX(Jesper!AH$2:AH$366,ROUNDDOWN($C5120/24,0)+1,1))-1)+IF('Standard Profiles'!$G$18=$B$10,7,0)+IF('Standard Profiles'!$G$18=$B$17,14,0)+IF('Standard Profiles'!$G$18=$B$24,21,0),0)),0)</f>
        <v>6.8164518444379807</v>
      </c>
      <c r="E5120" cm="1">
        <f t="array" ref="E5120">IFERROR(INDEX(Jesper!AI$2:AI$366,ROUNDDOWN($C5120/24,0)+1,1)*INDEX($D$3:$AA$30,INDEX(Jesper!$R$2:$R$366,ROW(INDEX(Jesper!AI$2:AI$366,ROUNDDOWN($C5120/24,0)+1,1))-1)+IF('Standard Profiles'!$G$19=$B$10,7,0)+IF('Standard Profiles'!$G$19=$B$17,14,0)+IF('Standard Profiles'!$G$19=$B$24,21,0),MOD($C5120,24)+1)/SUM(INDEX($D$3:$AA$30,INDEX(Jesper!$R$2:$R$366,ROW(INDEX(Jesper!AI$2:AI$366,ROUNDDOWN($C5120/24,0)+1,1))-1)+IF('Standard Profiles'!$G$19=$B$10,7,0)+IF('Standard Profiles'!$G$19=$B$17,14,0)+IF('Standard Profiles'!$G$19=$B$24,21,0),0)),0)</f>
        <v>0</v>
      </c>
      <c r="F5120" cm="1">
        <f t="array" ref="F5120">IFERROR(INDEX(Jesper!AJ$2:AJ$366,ROUNDDOWN($C5120/24,0)+1,1)*INDEX($D$3:$AA$30,INDEX(Jesper!$R$2:$R$366,ROW(INDEX(Jesper!AJ$2:AJ$366,ROUNDDOWN($C5120/24,0)+1,1))-1)+IF('Standard Profiles'!$G$20=$B$10,7,0)+IF('Standard Profiles'!$G$20=$B$17,14,0)+IF('Standard Profiles'!$G$20=$B$24,21,0),MOD($C5120,24)+1)/SUM(INDEX($D$3:$AA$30,INDEX(Jesper!$R$2:$R$366,ROW(INDEX(Jesper!AJ$2:AJ$366,ROUNDDOWN($C5120/24,0)+1,1))-1)+IF('Standard Profiles'!$G$20=$B$10,7,0)+IF('Standard Profiles'!$G$20=$B$17,14,0)+IF('Standard Profiles'!$G$20=$B$24,21,0),0)),0)</f>
        <v>0</v>
      </c>
      <c r="G5120" cm="1">
        <f t="array" ref="G5120">IFERROR(INDEX(Jesper!AK$2:AK$366,ROUNDDOWN($C5120/24,0)+1,1)*INDEX($D$3:$AA$30,INDEX(Jesper!$R$2:$R$366,ROW(INDEX(Jesper!AK$2:AK$366,ROUNDDOWN($C5120/24,0)+1,1))-1)+IF('Standard Profiles'!$G$21=$B$10,7,0)+IF('Standard Profiles'!$G$21=$B$17,14,0)+IF('Standard Profiles'!$G$21=$B$24,21,0),MOD($C5120,24)+1)/SUM(INDEX($D$3:$AA$30,INDEX(Jesper!$R$2:$R$366,ROW(INDEX(Jesper!AK$2:AK$366,ROUNDDOWN($C5120/24,0)+1,1))-1)+IF('Standard Profiles'!$G$21=$B$10,7,0)+IF('Standard Profiles'!$G$21=$B$17,14,0)+IF('Standard Profiles'!$G$21=$B$24,21,0),0)),0)</f>
        <v>0</v>
      </c>
      <c r="H5120" cm="1">
        <f t="array" ref="H5120">IFERROR(INDEX(Jesper!AL$2:AL$366,ROUNDDOWN($C5120/24,0)+1,1)*INDEX($D$3:$AA$30,INDEX(Jesper!$R$2:$R$366,ROW(INDEX(Jesper!AL$2:AL$366,ROUNDDOWN($C5120/24,0)+1,1))-1)+IF('Standard Profiles'!$G$22=$B$10,7,0)+IF('Standard Profiles'!$G$22=$B$17,14,0)+IF('Standard Profiles'!$G$22=$B$24,21,0),MOD($C5120,24)+1)/SUM(INDEX($D$3:$AA$30,INDEX(Jesper!$R$2:$R$366,ROW(INDEX(Jesper!AL$2:AL$366,ROUNDDOWN($C5120/24,0)+1,1))-1)+IF('Standard Profiles'!$G$22=$B$10,7,0)+IF('Standard Profiles'!$G$22=$B$17,14,0)+IF('Standard Profiles'!$G$22=$B$24,21,0),0)),0)</f>
        <v>0</v>
      </c>
      <c r="I5120">
        <f t="shared" si="573"/>
        <v>0.20449355533313943</v>
      </c>
      <c r="J5120">
        <f t="shared" si="574"/>
        <v>0.68164518444379807</v>
      </c>
      <c r="K5120">
        <f t="shared" si="575"/>
        <v>1.0224677766656971</v>
      </c>
      <c r="L5120">
        <f t="shared" si="576"/>
        <v>4.9078453279953456</v>
      </c>
      <c r="M5120">
        <f t="shared" si="577"/>
        <v>0</v>
      </c>
      <c r="N5120" s="46">
        <f t="shared" si="578"/>
        <v>45503.916666654331</v>
      </c>
    </row>
    <row r="5121" spans="2:14" x14ac:dyDescent="0.3">
      <c r="B5121">
        <f t="shared" si="572"/>
        <v>2</v>
      </c>
      <c r="C5121" s="16">
        <v>5087</v>
      </c>
      <c r="D5121" cm="1">
        <f t="array" ref="D5121">IFERROR(INDEX(Jesper!AH$2:AH$366,ROUNDDOWN($C5121/24,0)+1,1)*INDEX($D$3:$AA$30,INDEX(Jesper!$R$2:$R$366,ROW(INDEX(Jesper!AH$2:AH$366,ROUNDDOWN($C5121/24,0)+1,1))-1)+IF('Standard Profiles'!$G$18=$B$10,7,0)+IF('Standard Profiles'!$G$18=$B$17,14,0)+IF('Standard Profiles'!$G$18=$B$24,21,0),MOD($C5121,24)+1)/SUM(INDEX($D$3:$AA$30,INDEX(Jesper!$R$2:$R$366,ROW(INDEX(Jesper!AH$2:AH$366,ROUNDDOWN($C5121/24,0)+1,1))-1)+IF('Standard Profiles'!$G$18=$B$10,7,0)+IF('Standard Profiles'!$G$18=$B$17,14,0)+IF('Standard Profiles'!$G$18=$B$24,21,0),0)),0)</f>
        <v>6.8164518444379807</v>
      </c>
      <c r="E5121" cm="1">
        <f t="array" ref="E5121">IFERROR(INDEX(Jesper!AI$2:AI$366,ROUNDDOWN($C5121/24,0)+1,1)*INDEX($D$3:$AA$30,INDEX(Jesper!$R$2:$R$366,ROW(INDEX(Jesper!AI$2:AI$366,ROUNDDOWN($C5121/24,0)+1,1))-1)+IF('Standard Profiles'!$G$19=$B$10,7,0)+IF('Standard Profiles'!$G$19=$B$17,14,0)+IF('Standard Profiles'!$G$19=$B$24,21,0),MOD($C5121,24)+1)/SUM(INDEX($D$3:$AA$30,INDEX(Jesper!$R$2:$R$366,ROW(INDEX(Jesper!AI$2:AI$366,ROUNDDOWN($C5121/24,0)+1,1))-1)+IF('Standard Profiles'!$G$19=$B$10,7,0)+IF('Standard Profiles'!$G$19=$B$17,14,0)+IF('Standard Profiles'!$G$19=$B$24,21,0),0)),0)</f>
        <v>0</v>
      </c>
      <c r="F5121" cm="1">
        <f t="array" ref="F5121">IFERROR(INDEX(Jesper!AJ$2:AJ$366,ROUNDDOWN($C5121/24,0)+1,1)*INDEX($D$3:$AA$30,INDEX(Jesper!$R$2:$R$366,ROW(INDEX(Jesper!AJ$2:AJ$366,ROUNDDOWN($C5121/24,0)+1,1))-1)+IF('Standard Profiles'!$G$20=$B$10,7,0)+IF('Standard Profiles'!$G$20=$B$17,14,0)+IF('Standard Profiles'!$G$20=$B$24,21,0),MOD($C5121,24)+1)/SUM(INDEX($D$3:$AA$30,INDEX(Jesper!$R$2:$R$366,ROW(INDEX(Jesper!AJ$2:AJ$366,ROUNDDOWN($C5121/24,0)+1,1))-1)+IF('Standard Profiles'!$G$20=$B$10,7,0)+IF('Standard Profiles'!$G$20=$B$17,14,0)+IF('Standard Profiles'!$G$20=$B$24,21,0),0)),0)</f>
        <v>0</v>
      </c>
      <c r="G5121" cm="1">
        <f t="array" ref="G5121">IFERROR(INDEX(Jesper!AK$2:AK$366,ROUNDDOWN($C5121/24,0)+1,1)*INDEX($D$3:$AA$30,INDEX(Jesper!$R$2:$R$366,ROW(INDEX(Jesper!AK$2:AK$366,ROUNDDOWN($C5121/24,0)+1,1))-1)+IF('Standard Profiles'!$G$21=$B$10,7,0)+IF('Standard Profiles'!$G$21=$B$17,14,0)+IF('Standard Profiles'!$G$21=$B$24,21,0),MOD($C5121,24)+1)/SUM(INDEX($D$3:$AA$30,INDEX(Jesper!$R$2:$R$366,ROW(INDEX(Jesper!AK$2:AK$366,ROUNDDOWN($C5121/24,0)+1,1))-1)+IF('Standard Profiles'!$G$21=$B$10,7,0)+IF('Standard Profiles'!$G$21=$B$17,14,0)+IF('Standard Profiles'!$G$21=$B$24,21,0),0)),0)</f>
        <v>0</v>
      </c>
      <c r="H5121" cm="1">
        <f t="array" ref="H5121">IFERROR(INDEX(Jesper!AL$2:AL$366,ROUNDDOWN($C5121/24,0)+1,1)*INDEX($D$3:$AA$30,INDEX(Jesper!$R$2:$R$366,ROW(INDEX(Jesper!AL$2:AL$366,ROUNDDOWN($C5121/24,0)+1,1))-1)+IF('Standard Profiles'!$G$22=$B$10,7,0)+IF('Standard Profiles'!$G$22=$B$17,14,0)+IF('Standard Profiles'!$G$22=$B$24,21,0),MOD($C5121,24)+1)/SUM(INDEX($D$3:$AA$30,INDEX(Jesper!$R$2:$R$366,ROW(INDEX(Jesper!AL$2:AL$366,ROUNDDOWN($C5121/24,0)+1,1))-1)+IF('Standard Profiles'!$G$22=$B$10,7,0)+IF('Standard Profiles'!$G$22=$B$17,14,0)+IF('Standard Profiles'!$G$22=$B$24,21,0),0)),0)</f>
        <v>0</v>
      </c>
      <c r="I5121">
        <f t="shared" si="573"/>
        <v>0.20449355533313943</v>
      </c>
      <c r="J5121">
        <f t="shared" si="574"/>
        <v>0.68164518444379807</v>
      </c>
      <c r="K5121">
        <f t="shared" si="575"/>
        <v>1.0224677766656971</v>
      </c>
      <c r="L5121">
        <f t="shared" si="576"/>
        <v>4.9078453279953456</v>
      </c>
      <c r="M5121">
        <f t="shared" si="577"/>
        <v>0</v>
      </c>
      <c r="N5121" s="46">
        <f t="shared" si="578"/>
        <v>45503.958333320996</v>
      </c>
    </row>
    <row r="5122" spans="2:14" x14ac:dyDescent="0.3">
      <c r="B5122">
        <f t="shared" si="572"/>
        <v>3</v>
      </c>
      <c r="C5122" s="16">
        <v>5088</v>
      </c>
      <c r="D5122" cm="1">
        <f t="array" ref="D5122">IFERROR(INDEX(Jesper!AH$2:AH$366,ROUNDDOWN($C5122/24,0)+1,1)*INDEX($D$3:$AA$30,INDEX(Jesper!$R$2:$R$366,ROW(INDEX(Jesper!AH$2:AH$366,ROUNDDOWN($C5122/24,0)+1,1))-1)+IF('Standard Profiles'!$G$18=$B$10,7,0)+IF('Standard Profiles'!$G$18=$B$17,14,0)+IF('Standard Profiles'!$G$18=$B$24,21,0),MOD($C5122,24)+1)/SUM(INDEX($D$3:$AA$30,INDEX(Jesper!$R$2:$R$366,ROW(INDEX(Jesper!AH$2:AH$366,ROUNDDOWN($C5122/24,0)+1,1))-1)+IF('Standard Profiles'!$G$18=$B$10,7,0)+IF('Standard Profiles'!$G$18=$B$17,14,0)+IF('Standard Profiles'!$G$18=$B$24,21,0),0)),0)</f>
        <v>6.0011092192111297</v>
      </c>
      <c r="E5122" cm="1">
        <f t="array" ref="E5122">IFERROR(INDEX(Jesper!AI$2:AI$366,ROUNDDOWN($C5122/24,0)+1,1)*INDEX($D$3:$AA$30,INDEX(Jesper!$R$2:$R$366,ROW(INDEX(Jesper!AI$2:AI$366,ROUNDDOWN($C5122/24,0)+1,1))-1)+IF('Standard Profiles'!$G$19=$B$10,7,0)+IF('Standard Profiles'!$G$19=$B$17,14,0)+IF('Standard Profiles'!$G$19=$B$24,21,0),MOD($C5122,24)+1)/SUM(INDEX($D$3:$AA$30,INDEX(Jesper!$R$2:$R$366,ROW(INDEX(Jesper!AI$2:AI$366,ROUNDDOWN($C5122/24,0)+1,1))-1)+IF('Standard Profiles'!$G$19=$B$10,7,0)+IF('Standard Profiles'!$G$19=$B$17,14,0)+IF('Standard Profiles'!$G$19=$B$24,21,0),0)),0)</f>
        <v>0</v>
      </c>
      <c r="F5122" cm="1">
        <f t="array" ref="F5122">IFERROR(INDEX(Jesper!AJ$2:AJ$366,ROUNDDOWN($C5122/24,0)+1,1)*INDEX($D$3:$AA$30,INDEX(Jesper!$R$2:$R$366,ROW(INDEX(Jesper!AJ$2:AJ$366,ROUNDDOWN($C5122/24,0)+1,1))-1)+IF('Standard Profiles'!$G$20=$B$10,7,0)+IF('Standard Profiles'!$G$20=$B$17,14,0)+IF('Standard Profiles'!$G$20=$B$24,21,0),MOD($C5122,24)+1)/SUM(INDEX($D$3:$AA$30,INDEX(Jesper!$R$2:$R$366,ROW(INDEX(Jesper!AJ$2:AJ$366,ROUNDDOWN($C5122/24,0)+1,1))-1)+IF('Standard Profiles'!$G$20=$B$10,7,0)+IF('Standard Profiles'!$G$20=$B$17,14,0)+IF('Standard Profiles'!$G$20=$B$24,21,0),0)),0)</f>
        <v>0</v>
      </c>
      <c r="G5122" cm="1">
        <f t="array" ref="G5122">IFERROR(INDEX(Jesper!AK$2:AK$366,ROUNDDOWN($C5122/24,0)+1,1)*INDEX($D$3:$AA$30,INDEX(Jesper!$R$2:$R$366,ROW(INDEX(Jesper!AK$2:AK$366,ROUNDDOWN($C5122/24,0)+1,1))-1)+IF('Standard Profiles'!$G$21=$B$10,7,0)+IF('Standard Profiles'!$G$21=$B$17,14,0)+IF('Standard Profiles'!$G$21=$B$24,21,0),MOD($C5122,24)+1)/SUM(INDEX($D$3:$AA$30,INDEX(Jesper!$R$2:$R$366,ROW(INDEX(Jesper!AK$2:AK$366,ROUNDDOWN($C5122/24,0)+1,1))-1)+IF('Standard Profiles'!$G$21=$B$10,7,0)+IF('Standard Profiles'!$G$21=$B$17,14,0)+IF('Standard Profiles'!$G$21=$B$24,21,0),0)),0)</f>
        <v>0</v>
      </c>
      <c r="H5122" cm="1">
        <f t="array" ref="H5122">IFERROR(INDEX(Jesper!AL$2:AL$366,ROUNDDOWN($C5122/24,0)+1,1)*INDEX($D$3:$AA$30,INDEX(Jesper!$R$2:$R$366,ROW(INDEX(Jesper!AL$2:AL$366,ROUNDDOWN($C5122/24,0)+1,1))-1)+IF('Standard Profiles'!$G$22=$B$10,7,0)+IF('Standard Profiles'!$G$22=$B$17,14,0)+IF('Standard Profiles'!$G$22=$B$24,21,0),MOD($C5122,24)+1)/SUM(INDEX($D$3:$AA$30,INDEX(Jesper!$R$2:$R$366,ROW(INDEX(Jesper!AL$2:AL$366,ROUNDDOWN($C5122/24,0)+1,1))-1)+IF('Standard Profiles'!$G$22=$B$10,7,0)+IF('Standard Profiles'!$G$22=$B$17,14,0)+IF('Standard Profiles'!$G$22=$B$24,21,0),0)),0)</f>
        <v>0</v>
      </c>
      <c r="I5122">
        <f t="shared" si="573"/>
        <v>0.18003327657633389</v>
      </c>
      <c r="J5122">
        <f t="shared" si="574"/>
        <v>0.60011092192111304</v>
      </c>
      <c r="K5122">
        <f t="shared" si="575"/>
        <v>0.90016638288166939</v>
      </c>
      <c r="L5122">
        <f t="shared" si="576"/>
        <v>4.3207986378320129</v>
      </c>
      <c r="M5122">
        <f t="shared" si="577"/>
        <v>0</v>
      </c>
      <c r="N5122" s="46">
        <f t="shared" si="578"/>
        <v>45503.99999998766</v>
      </c>
    </row>
    <row r="5123" spans="2:14" x14ac:dyDescent="0.3">
      <c r="B5123">
        <f t="shared" si="572"/>
        <v>3</v>
      </c>
      <c r="C5123" s="16">
        <v>5089</v>
      </c>
      <c r="D5123" cm="1">
        <f t="array" ref="D5123">IFERROR(INDEX(Jesper!AH$2:AH$366,ROUNDDOWN($C5123/24,0)+1,1)*INDEX($D$3:$AA$30,INDEX(Jesper!$R$2:$R$366,ROW(INDEX(Jesper!AH$2:AH$366,ROUNDDOWN($C5123/24,0)+1,1))-1)+IF('Standard Profiles'!$G$18=$B$10,7,0)+IF('Standard Profiles'!$G$18=$B$17,14,0)+IF('Standard Profiles'!$G$18=$B$24,21,0),MOD($C5123,24)+1)/SUM(INDEX($D$3:$AA$30,INDEX(Jesper!$R$2:$R$366,ROW(INDEX(Jesper!AH$2:AH$366,ROUNDDOWN($C5123/24,0)+1,1))-1)+IF('Standard Profiles'!$G$18=$B$10,7,0)+IF('Standard Profiles'!$G$18=$B$17,14,0)+IF('Standard Profiles'!$G$18=$B$24,21,0),0)),0)</f>
        <v>6.751247871612521</v>
      </c>
      <c r="E5123" cm="1">
        <f t="array" ref="E5123">IFERROR(INDEX(Jesper!AI$2:AI$366,ROUNDDOWN($C5123/24,0)+1,1)*INDEX($D$3:$AA$30,INDEX(Jesper!$R$2:$R$366,ROW(INDEX(Jesper!AI$2:AI$366,ROUNDDOWN($C5123/24,0)+1,1))-1)+IF('Standard Profiles'!$G$19=$B$10,7,0)+IF('Standard Profiles'!$G$19=$B$17,14,0)+IF('Standard Profiles'!$G$19=$B$24,21,0),MOD($C5123,24)+1)/SUM(INDEX($D$3:$AA$30,INDEX(Jesper!$R$2:$R$366,ROW(INDEX(Jesper!AI$2:AI$366,ROUNDDOWN($C5123/24,0)+1,1))-1)+IF('Standard Profiles'!$G$19=$B$10,7,0)+IF('Standard Profiles'!$G$19=$B$17,14,0)+IF('Standard Profiles'!$G$19=$B$24,21,0),0)),0)</f>
        <v>0</v>
      </c>
      <c r="F5123" cm="1">
        <f t="array" ref="F5123">IFERROR(INDEX(Jesper!AJ$2:AJ$366,ROUNDDOWN($C5123/24,0)+1,1)*INDEX($D$3:$AA$30,INDEX(Jesper!$R$2:$R$366,ROW(INDEX(Jesper!AJ$2:AJ$366,ROUNDDOWN($C5123/24,0)+1,1))-1)+IF('Standard Profiles'!$G$20=$B$10,7,0)+IF('Standard Profiles'!$G$20=$B$17,14,0)+IF('Standard Profiles'!$G$20=$B$24,21,0),MOD($C5123,24)+1)/SUM(INDEX($D$3:$AA$30,INDEX(Jesper!$R$2:$R$366,ROW(INDEX(Jesper!AJ$2:AJ$366,ROUNDDOWN($C5123/24,0)+1,1))-1)+IF('Standard Profiles'!$G$20=$B$10,7,0)+IF('Standard Profiles'!$G$20=$B$17,14,0)+IF('Standard Profiles'!$G$20=$B$24,21,0),0)),0)</f>
        <v>0</v>
      </c>
      <c r="G5123" cm="1">
        <f t="array" ref="G5123">IFERROR(INDEX(Jesper!AK$2:AK$366,ROUNDDOWN($C5123/24,0)+1,1)*INDEX($D$3:$AA$30,INDEX(Jesper!$R$2:$R$366,ROW(INDEX(Jesper!AK$2:AK$366,ROUNDDOWN($C5123/24,0)+1,1))-1)+IF('Standard Profiles'!$G$21=$B$10,7,0)+IF('Standard Profiles'!$G$21=$B$17,14,0)+IF('Standard Profiles'!$G$21=$B$24,21,0),MOD($C5123,24)+1)/SUM(INDEX($D$3:$AA$30,INDEX(Jesper!$R$2:$R$366,ROW(INDEX(Jesper!AK$2:AK$366,ROUNDDOWN($C5123/24,0)+1,1))-1)+IF('Standard Profiles'!$G$21=$B$10,7,0)+IF('Standard Profiles'!$G$21=$B$17,14,0)+IF('Standard Profiles'!$G$21=$B$24,21,0),0)),0)</f>
        <v>0</v>
      </c>
      <c r="H5123" cm="1">
        <f t="array" ref="H5123">IFERROR(INDEX(Jesper!AL$2:AL$366,ROUNDDOWN($C5123/24,0)+1,1)*INDEX($D$3:$AA$30,INDEX(Jesper!$R$2:$R$366,ROW(INDEX(Jesper!AL$2:AL$366,ROUNDDOWN($C5123/24,0)+1,1))-1)+IF('Standard Profiles'!$G$22=$B$10,7,0)+IF('Standard Profiles'!$G$22=$B$17,14,0)+IF('Standard Profiles'!$G$22=$B$24,21,0),MOD($C5123,24)+1)/SUM(INDEX($D$3:$AA$30,INDEX(Jesper!$R$2:$R$366,ROW(INDEX(Jesper!AL$2:AL$366,ROUNDDOWN($C5123/24,0)+1,1))-1)+IF('Standard Profiles'!$G$22=$B$10,7,0)+IF('Standard Profiles'!$G$22=$B$17,14,0)+IF('Standard Profiles'!$G$22=$B$24,21,0),0)),0)</f>
        <v>0</v>
      </c>
      <c r="I5123">
        <f t="shared" si="573"/>
        <v>0.20253743614837563</v>
      </c>
      <c r="J5123">
        <f t="shared" si="574"/>
        <v>0.67512478716125213</v>
      </c>
      <c r="K5123">
        <f t="shared" si="575"/>
        <v>1.012687180741878</v>
      </c>
      <c r="L5123">
        <f t="shared" si="576"/>
        <v>4.8608984675610154</v>
      </c>
      <c r="M5123">
        <f t="shared" si="577"/>
        <v>0</v>
      </c>
      <c r="N5123" s="46">
        <f t="shared" si="578"/>
        <v>45504.041666654324</v>
      </c>
    </row>
    <row r="5124" spans="2:14" x14ac:dyDescent="0.3">
      <c r="B5124">
        <f t="shared" si="572"/>
        <v>3</v>
      </c>
      <c r="C5124" s="16">
        <v>5090</v>
      </c>
      <c r="D5124" cm="1">
        <f t="array" ref="D5124">IFERROR(INDEX(Jesper!AH$2:AH$366,ROUNDDOWN($C5124/24,0)+1,1)*INDEX($D$3:$AA$30,INDEX(Jesper!$R$2:$R$366,ROW(INDEX(Jesper!AH$2:AH$366,ROUNDDOWN($C5124/24,0)+1,1))-1)+IF('Standard Profiles'!$G$18=$B$10,7,0)+IF('Standard Profiles'!$G$18=$B$17,14,0)+IF('Standard Profiles'!$G$18=$B$24,21,0),MOD($C5124,24)+1)/SUM(INDEX($D$3:$AA$30,INDEX(Jesper!$R$2:$R$366,ROW(INDEX(Jesper!AH$2:AH$366,ROUNDDOWN($C5124/24,0)+1,1))-1)+IF('Standard Profiles'!$G$18=$B$10,7,0)+IF('Standard Profiles'!$G$18=$B$17,14,0)+IF('Standard Profiles'!$G$18=$B$24,21,0),0)),0)</f>
        <v>6.751247871612521</v>
      </c>
      <c r="E5124" cm="1">
        <f t="array" ref="E5124">IFERROR(INDEX(Jesper!AI$2:AI$366,ROUNDDOWN($C5124/24,0)+1,1)*INDEX($D$3:$AA$30,INDEX(Jesper!$R$2:$R$366,ROW(INDEX(Jesper!AI$2:AI$366,ROUNDDOWN($C5124/24,0)+1,1))-1)+IF('Standard Profiles'!$G$19=$B$10,7,0)+IF('Standard Profiles'!$G$19=$B$17,14,0)+IF('Standard Profiles'!$G$19=$B$24,21,0),MOD($C5124,24)+1)/SUM(INDEX($D$3:$AA$30,INDEX(Jesper!$R$2:$R$366,ROW(INDEX(Jesper!AI$2:AI$366,ROUNDDOWN($C5124/24,0)+1,1))-1)+IF('Standard Profiles'!$G$19=$B$10,7,0)+IF('Standard Profiles'!$G$19=$B$17,14,0)+IF('Standard Profiles'!$G$19=$B$24,21,0),0)),0)</f>
        <v>0</v>
      </c>
      <c r="F5124" cm="1">
        <f t="array" ref="F5124">IFERROR(INDEX(Jesper!AJ$2:AJ$366,ROUNDDOWN($C5124/24,0)+1,1)*INDEX($D$3:$AA$30,INDEX(Jesper!$R$2:$R$366,ROW(INDEX(Jesper!AJ$2:AJ$366,ROUNDDOWN($C5124/24,0)+1,1))-1)+IF('Standard Profiles'!$G$20=$B$10,7,0)+IF('Standard Profiles'!$G$20=$B$17,14,0)+IF('Standard Profiles'!$G$20=$B$24,21,0),MOD($C5124,24)+1)/SUM(INDEX($D$3:$AA$30,INDEX(Jesper!$R$2:$R$366,ROW(INDEX(Jesper!AJ$2:AJ$366,ROUNDDOWN($C5124/24,0)+1,1))-1)+IF('Standard Profiles'!$G$20=$B$10,7,0)+IF('Standard Profiles'!$G$20=$B$17,14,0)+IF('Standard Profiles'!$G$20=$B$24,21,0),0)),0)</f>
        <v>0</v>
      </c>
      <c r="G5124" cm="1">
        <f t="array" ref="G5124">IFERROR(INDEX(Jesper!AK$2:AK$366,ROUNDDOWN($C5124/24,0)+1,1)*INDEX($D$3:$AA$30,INDEX(Jesper!$R$2:$R$366,ROW(INDEX(Jesper!AK$2:AK$366,ROUNDDOWN($C5124/24,0)+1,1))-1)+IF('Standard Profiles'!$G$21=$B$10,7,0)+IF('Standard Profiles'!$G$21=$B$17,14,0)+IF('Standard Profiles'!$G$21=$B$24,21,0),MOD($C5124,24)+1)/SUM(INDEX($D$3:$AA$30,INDEX(Jesper!$R$2:$R$366,ROW(INDEX(Jesper!AK$2:AK$366,ROUNDDOWN($C5124/24,0)+1,1))-1)+IF('Standard Profiles'!$G$21=$B$10,7,0)+IF('Standard Profiles'!$G$21=$B$17,14,0)+IF('Standard Profiles'!$G$21=$B$24,21,0),0)),0)</f>
        <v>0</v>
      </c>
      <c r="H5124" cm="1">
        <f t="array" ref="H5124">IFERROR(INDEX(Jesper!AL$2:AL$366,ROUNDDOWN($C5124/24,0)+1,1)*INDEX($D$3:$AA$30,INDEX(Jesper!$R$2:$R$366,ROW(INDEX(Jesper!AL$2:AL$366,ROUNDDOWN($C5124/24,0)+1,1))-1)+IF('Standard Profiles'!$G$22=$B$10,7,0)+IF('Standard Profiles'!$G$22=$B$17,14,0)+IF('Standard Profiles'!$G$22=$B$24,21,0),MOD($C5124,24)+1)/SUM(INDEX($D$3:$AA$30,INDEX(Jesper!$R$2:$R$366,ROW(INDEX(Jesper!AL$2:AL$366,ROUNDDOWN($C5124/24,0)+1,1))-1)+IF('Standard Profiles'!$G$22=$B$10,7,0)+IF('Standard Profiles'!$G$22=$B$17,14,0)+IF('Standard Profiles'!$G$22=$B$24,21,0),0)),0)</f>
        <v>0</v>
      </c>
      <c r="I5124">
        <f t="shared" si="573"/>
        <v>0.20253743614837563</v>
      </c>
      <c r="J5124">
        <f t="shared" si="574"/>
        <v>0.67512478716125213</v>
      </c>
      <c r="K5124">
        <f t="shared" si="575"/>
        <v>1.012687180741878</v>
      </c>
      <c r="L5124">
        <f t="shared" si="576"/>
        <v>4.8608984675610154</v>
      </c>
      <c r="M5124">
        <f t="shared" si="577"/>
        <v>0</v>
      </c>
      <c r="N5124" s="46">
        <f t="shared" si="578"/>
        <v>45504.083333320988</v>
      </c>
    </row>
    <row r="5125" spans="2:14" x14ac:dyDescent="0.3">
      <c r="B5125">
        <f t="shared" si="572"/>
        <v>3</v>
      </c>
      <c r="C5125" s="16">
        <v>5091</v>
      </c>
      <c r="D5125" cm="1">
        <f t="array" ref="D5125">IFERROR(INDEX(Jesper!AH$2:AH$366,ROUNDDOWN($C5125/24,0)+1,1)*INDEX($D$3:$AA$30,INDEX(Jesper!$R$2:$R$366,ROW(INDEX(Jesper!AH$2:AH$366,ROUNDDOWN($C5125/24,0)+1,1))-1)+IF('Standard Profiles'!$G$18=$B$10,7,0)+IF('Standard Profiles'!$G$18=$B$17,14,0)+IF('Standard Profiles'!$G$18=$B$24,21,0),MOD($C5125,24)+1)/SUM(INDEX($D$3:$AA$30,INDEX(Jesper!$R$2:$R$366,ROW(INDEX(Jesper!AH$2:AH$366,ROUNDDOWN($C5125/24,0)+1,1))-1)+IF('Standard Profiles'!$G$18=$B$10,7,0)+IF('Standard Profiles'!$G$18=$B$17,14,0)+IF('Standard Profiles'!$G$18=$B$24,21,0),0)),0)</f>
        <v>6.751247871612521</v>
      </c>
      <c r="E5125" cm="1">
        <f t="array" ref="E5125">IFERROR(INDEX(Jesper!AI$2:AI$366,ROUNDDOWN($C5125/24,0)+1,1)*INDEX($D$3:$AA$30,INDEX(Jesper!$R$2:$R$366,ROW(INDEX(Jesper!AI$2:AI$366,ROUNDDOWN($C5125/24,0)+1,1))-1)+IF('Standard Profiles'!$G$19=$B$10,7,0)+IF('Standard Profiles'!$G$19=$B$17,14,0)+IF('Standard Profiles'!$G$19=$B$24,21,0),MOD($C5125,24)+1)/SUM(INDEX($D$3:$AA$30,INDEX(Jesper!$R$2:$R$366,ROW(INDEX(Jesper!AI$2:AI$366,ROUNDDOWN($C5125/24,0)+1,1))-1)+IF('Standard Profiles'!$G$19=$B$10,7,0)+IF('Standard Profiles'!$G$19=$B$17,14,0)+IF('Standard Profiles'!$G$19=$B$24,21,0),0)),0)</f>
        <v>0</v>
      </c>
      <c r="F5125" cm="1">
        <f t="array" ref="F5125">IFERROR(INDEX(Jesper!AJ$2:AJ$366,ROUNDDOWN($C5125/24,0)+1,1)*INDEX($D$3:$AA$30,INDEX(Jesper!$R$2:$R$366,ROW(INDEX(Jesper!AJ$2:AJ$366,ROUNDDOWN($C5125/24,0)+1,1))-1)+IF('Standard Profiles'!$G$20=$B$10,7,0)+IF('Standard Profiles'!$G$20=$B$17,14,0)+IF('Standard Profiles'!$G$20=$B$24,21,0),MOD($C5125,24)+1)/SUM(INDEX($D$3:$AA$30,INDEX(Jesper!$R$2:$R$366,ROW(INDEX(Jesper!AJ$2:AJ$366,ROUNDDOWN($C5125/24,0)+1,1))-1)+IF('Standard Profiles'!$G$20=$B$10,7,0)+IF('Standard Profiles'!$G$20=$B$17,14,0)+IF('Standard Profiles'!$G$20=$B$24,21,0),0)),0)</f>
        <v>0</v>
      </c>
      <c r="G5125" cm="1">
        <f t="array" ref="G5125">IFERROR(INDEX(Jesper!AK$2:AK$366,ROUNDDOWN($C5125/24,0)+1,1)*INDEX($D$3:$AA$30,INDEX(Jesper!$R$2:$R$366,ROW(INDEX(Jesper!AK$2:AK$366,ROUNDDOWN($C5125/24,0)+1,1))-1)+IF('Standard Profiles'!$G$21=$B$10,7,0)+IF('Standard Profiles'!$G$21=$B$17,14,0)+IF('Standard Profiles'!$G$21=$B$24,21,0),MOD($C5125,24)+1)/SUM(INDEX($D$3:$AA$30,INDEX(Jesper!$R$2:$R$366,ROW(INDEX(Jesper!AK$2:AK$366,ROUNDDOWN($C5125/24,0)+1,1))-1)+IF('Standard Profiles'!$G$21=$B$10,7,0)+IF('Standard Profiles'!$G$21=$B$17,14,0)+IF('Standard Profiles'!$G$21=$B$24,21,0),0)),0)</f>
        <v>0</v>
      </c>
      <c r="H5125" cm="1">
        <f t="array" ref="H5125">IFERROR(INDEX(Jesper!AL$2:AL$366,ROUNDDOWN($C5125/24,0)+1,1)*INDEX($D$3:$AA$30,INDEX(Jesper!$R$2:$R$366,ROW(INDEX(Jesper!AL$2:AL$366,ROUNDDOWN($C5125/24,0)+1,1))-1)+IF('Standard Profiles'!$G$22=$B$10,7,0)+IF('Standard Profiles'!$G$22=$B$17,14,0)+IF('Standard Profiles'!$G$22=$B$24,21,0),MOD($C5125,24)+1)/SUM(INDEX($D$3:$AA$30,INDEX(Jesper!$R$2:$R$366,ROW(INDEX(Jesper!AL$2:AL$366,ROUNDDOWN($C5125/24,0)+1,1))-1)+IF('Standard Profiles'!$G$22=$B$10,7,0)+IF('Standard Profiles'!$G$22=$B$17,14,0)+IF('Standard Profiles'!$G$22=$B$24,21,0),0)),0)</f>
        <v>0</v>
      </c>
      <c r="I5125">
        <f t="shared" si="573"/>
        <v>0.20253743614837563</v>
      </c>
      <c r="J5125">
        <f t="shared" si="574"/>
        <v>0.67512478716125213</v>
      </c>
      <c r="K5125">
        <f t="shared" si="575"/>
        <v>1.012687180741878</v>
      </c>
      <c r="L5125">
        <f t="shared" si="576"/>
        <v>4.8608984675610154</v>
      </c>
      <c r="M5125">
        <f t="shared" si="577"/>
        <v>0</v>
      </c>
      <c r="N5125" s="46">
        <f t="shared" si="578"/>
        <v>45504.124999987653</v>
      </c>
    </row>
    <row r="5126" spans="2:14" x14ac:dyDescent="0.3">
      <c r="B5126">
        <f t="shared" si="572"/>
        <v>3</v>
      </c>
      <c r="C5126" s="16">
        <v>5092</v>
      </c>
      <c r="D5126" cm="1">
        <f t="array" ref="D5126">IFERROR(INDEX(Jesper!AH$2:AH$366,ROUNDDOWN($C5126/24,0)+1,1)*INDEX($D$3:$AA$30,INDEX(Jesper!$R$2:$R$366,ROW(INDEX(Jesper!AH$2:AH$366,ROUNDDOWN($C5126/24,0)+1,1))-1)+IF('Standard Profiles'!$G$18=$B$10,7,0)+IF('Standard Profiles'!$G$18=$B$17,14,0)+IF('Standard Profiles'!$G$18=$B$24,21,0),MOD($C5126,24)+1)/SUM(INDEX($D$3:$AA$30,INDEX(Jesper!$R$2:$R$366,ROW(INDEX(Jesper!AH$2:AH$366,ROUNDDOWN($C5126/24,0)+1,1))-1)+IF('Standard Profiles'!$G$18=$B$10,7,0)+IF('Standard Profiles'!$G$18=$B$17,14,0)+IF('Standard Profiles'!$G$18=$B$24,21,0),0)),0)</f>
        <v>6.751247871612521</v>
      </c>
      <c r="E5126" cm="1">
        <f t="array" ref="E5126">IFERROR(INDEX(Jesper!AI$2:AI$366,ROUNDDOWN($C5126/24,0)+1,1)*INDEX($D$3:$AA$30,INDEX(Jesper!$R$2:$R$366,ROW(INDEX(Jesper!AI$2:AI$366,ROUNDDOWN($C5126/24,0)+1,1))-1)+IF('Standard Profiles'!$G$19=$B$10,7,0)+IF('Standard Profiles'!$G$19=$B$17,14,0)+IF('Standard Profiles'!$G$19=$B$24,21,0),MOD($C5126,24)+1)/SUM(INDEX($D$3:$AA$30,INDEX(Jesper!$R$2:$R$366,ROW(INDEX(Jesper!AI$2:AI$366,ROUNDDOWN($C5126/24,0)+1,1))-1)+IF('Standard Profiles'!$G$19=$B$10,7,0)+IF('Standard Profiles'!$G$19=$B$17,14,0)+IF('Standard Profiles'!$G$19=$B$24,21,0),0)),0)</f>
        <v>0</v>
      </c>
      <c r="F5126" cm="1">
        <f t="array" ref="F5126">IFERROR(INDEX(Jesper!AJ$2:AJ$366,ROUNDDOWN($C5126/24,0)+1,1)*INDEX($D$3:$AA$30,INDEX(Jesper!$R$2:$R$366,ROW(INDEX(Jesper!AJ$2:AJ$366,ROUNDDOWN($C5126/24,0)+1,1))-1)+IF('Standard Profiles'!$G$20=$B$10,7,0)+IF('Standard Profiles'!$G$20=$B$17,14,0)+IF('Standard Profiles'!$G$20=$B$24,21,0),MOD($C5126,24)+1)/SUM(INDEX($D$3:$AA$30,INDEX(Jesper!$R$2:$R$366,ROW(INDEX(Jesper!AJ$2:AJ$366,ROUNDDOWN($C5126/24,0)+1,1))-1)+IF('Standard Profiles'!$G$20=$B$10,7,0)+IF('Standard Profiles'!$G$20=$B$17,14,0)+IF('Standard Profiles'!$G$20=$B$24,21,0),0)),0)</f>
        <v>0</v>
      </c>
      <c r="G5126" cm="1">
        <f t="array" ref="G5126">IFERROR(INDEX(Jesper!AK$2:AK$366,ROUNDDOWN($C5126/24,0)+1,1)*INDEX($D$3:$AA$30,INDEX(Jesper!$R$2:$R$366,ROW(INDEX(Jesper!AK$2:AK$366,ROUNDDOWN($C5126/24,0)+1,1))-1)+IF('Standard Profiles'!$G$21=$B$10,7,0)+IF('Standard Profiles'!$G$21=$B$17,14,0)+IF('Standard Profiles'!$G$21=$B$24,21,0),MOD($C5126,24)+1)/SUM(INDEX($D$3:$AA$30,INDEX(Jesper!$R$2:$R$366,ROW(INDEX(Jesper!AK$2:AK$366,ROUNDDOWN($C5126/24,0)+1,1))-1)+IF('Standard Profiles'!$G$21=$B$10,7,0)+IF('Standard Profiles'!$G$21=$B$17,14,0)+IF('Standard Profiles'!$G$21=$B$24,21,0),0)),0)</f>
        <v>0</v>
      </c>
      <c r="H5126" cm="1">
        <f t="array" ref="H5126">IFERROR(INDEX(Jesper!AL$2:AL$366,ROUNDDOWN($C5126/24,0)+1,1)*INDEX($D$3:$AA$30,INDEX(Jesper!$R$2:$R$366,ROW(INDEX(Jesper!AL$2:AL$366,ROUNDDOWN($C5126/24,0)+1,1))-1)+IF('Standard Profiles'!$G$22=$B$10,7,0)+IF('Standard Profiles'!$G$22=$B$17,14,0)+IF('Standard Profiles'!$G$22=$B$24,21,0),MOD($C5126,24)+1)/SUM(INDEX($D$3:$AA$30,INDEX(Jesper!$R$2:$R$366,ROW(INDEX(Jesper!AL$2:AL$366,ROUNDDOWN($C5126/24,0)+1,1))-1)+IF('Standard Profiles'!$G$22=$B$10,7,0)+IF('Standard Profiles'!$G$22=$B$17,14,0)+IF('Standard Profiles'!$G$22=$B$24,21,0),0)),0)</f>
        <v>0</v>
      </c>
      <c r="I5126">
        <f t="shared" si="573"/>
        <v>0.20253743614837563</v>
      </c>
      <c r="J5126">
        <f t="shared" si="574"/>
        <v>0.67512478716125213</v>
      </c>
      <c r="K5126">
        <f t="shared" si="575"/>
        <v>1.012687180741878</v>
      </c>
      <c r="L5126">
        <f t="shared" si="576"/>
        <v>4.8608984675610154</v>
      </c>
      <c r="M5126">
        <f t="shared" si="577"/>
        <v>0</v>
      </c>
      <c r="N5126" s="46">
        <f t="shared" si="578"/>
        <v>45504.166666654317</v>
      </c>
    </row>
    <row r="5127" spans="2:14" x14ac:dyDescent="0.3">
      <c r="B5127">
        <f t="shared" si="572"/>
        <v>3</v>
      </c>
      <c r="C5127" s="16">
        <v>5093</v>
      </c>
      <c r="D5127" cm="1">
        <f t="array" ref="D5127">IFERROR(INDEX(Jesper!AH$2:AH$366,ROUNDDOWN($C5127/24,0)+1,1)*INDEX($D$3:$AA$30,INDEX(Jesper!$R$2:$R$366,ROW(INDEX(Jesper!AH$2:AH$366,ROUNDDOWN($C5127/24,0)+1,1))-1)+IF('Standard Profiles'!$G$18=$B$10,7,0)+IF('Standard Profiles'!$G$18=$B$17,14,0)+IF('Standard Profiles'!$G$18=$B$24,21,0),MOD($C5127,24)+1)/SUM(INDEX($D$3:$AA$30,INDEX(Jesper!$R$2:$R$366,ROW(INDEX(Jesper!AH$2:AH$366,ROUNDDOWN($C5127/24,0)+1,1))-1)+IF('Standard Profiles'!$G$18=$B$10,7,0)+IF('Standard Profiles'!$G$18=$B$17,14,0)+IF('Standard Profiles'!$G$18=$B$24,21,0),0)),0)</f>
        <v>8.7016083678561387</v>
      </c>
      <c r="E5127" cm="1">
        <f t="array" ref="E5127">IFERROR(INDEX(Jesper!AI$2:AI$366,ROUNDDOWN($C5127/24,0)+1,1)*INDEX($D$3:$AA$30,INDEX(Jesper!$R$2:$R$366,ROW(INDEX(Jesper!AI$2:AI$366,ROUNDDOWN($C5127/24,0)+1,1))-1)+IF('Standard Profiles'!$G$19=$B$10,7,0)+IF('Standard Profiles'!$G$19=$B$17,14,0)+IF('Standard Profiles'!$G$19=$B$24,21,0),MOD($C5127,24)+1)/SUM(INDEX($D$3:$AA$30,INDEX(Jesper!$R$2:$R$366,ROW(INDEX(Jesper!AI$2:AI$366,ROUNDDOWN($C5127/24,0)+1,1))-1)+IF('Standard Profiles'!$G$19=$B$10,7,0)+IF('Standard Profiles'!$G$19=$B$17,14,0)+IF('Standard Profiles'!$G$19=$B$24,21,0),0)),0)</f>
        <v>0</v>
      </c>
      <c r="F5127" cm="1">
        <f t="array" ref="F5127">IFERROR(INDEX(Jesper!AJ$2:AJ$366,ROUNDDOWN($C5127/24,0)+1,1)*INDEX($D$3:$AA$30,INDEX(Jesper!$R$2:$R$366,ROW(INDEX(Jesper!AJ$2:AJ$366,ROUNDDOWN($C5127/24,0)+1,1))-1)+IF('Standard Profiles'!$G$20=$B$10,7,0)+IF('Standard Profiles'!$G$20=$B$17,14,0)+IF('Standard Profiles'!$G$20=$B$24,21,0),MOD($C5127,24)+1)/SUM(INDEX($D$3:$AA$30,INDEX(Jesper!$R$2:$R$366,ROW(INDEX(Jesper!AJ$2:AJ$366,ROUNDDOWN($C5127/24,0)+1,1))-1)+IF('Standard Profiles'!$G$20=$B$10,7,0)+IF('Standard Profiles'!$G$20=$B$17,14,0)+IF('Standard Profiles'!$G$20=$B$24,21,0),0)),0)</f>
        <v>0</v>
      </c>
      <c r="G5127" cm="1">
        <f t="array" ref="G5127">IFERROR(INDEX(Jesper!AK$2:AK$366,ROUNDDOWN($C5127/24,0)+1,1)*INDEX($D$3:$AA$30,INDEX(Jesper!$R$2:$R$366,ROW(INDEX(Jesper!AK$2:AK$366,ROUNDDOWN($C5127/24,0)+1,1))-1)+IF('Standard Profiles'!$G$21=$B$10,7,0)+IF('Standard Profiles'!$G$21=$B$17,14,0)+IF('Standard Profiles'!$G$21=$B$24,21,0),MOD($C5127,24)+1)/SUM(INDEX($D$3:$AA$30,INDEX(Jesper!$R$2:$R$366,ROW(INDEX(Jesper!AK$2:AK$366,ROUNDDOWN($C5127/24,0)+1,1))-1)+IF('Standard Profiles'!$G$21=$B$10,7,0)+IF('Standard Profiles'!$G$21=$B$17,14,0)+IF('Standard Profiles'!$G$21=$B$24,21,0),0)),0)</f>
        <v>0</v>
      </c>
      <c r="H5127" cm="1">
        <f t="array" ref="H5127">IFERROR(INDEX(Jesper!AL$2:AL$366,ROUNDDOWN($C5127/24,0)+1,1)*INDEX($D$3:$AA$30,INDEX(Jesper!$R$2:$R$366,ROW(INDEX(Jesper!AL$2:AL$366,ROUNDDOWN($C5127/24,0)+1,1))-1)+IF('Standard Profiles'!$G$22=$B$10,7,0)+IF('Standard Profiles'!$G$22=$B$17,14,0)+IF('Standard Profiles'!$G$22=$B$24,21,0),MOD($C5127,24)+1)/SUM(INDEX($D$3:$AA$30,INDEX(Jesper!$R$2:$R$366,ROW(INDEX(Jesper!AL$2:AL$366,ROUNDDOWN($C5127/24,0)+1,1))-1)+IF('Standard Profiles'!$G$22=$B$10,7,0)+IF('Standard Profiles'!$G$22=$B$17,14,0)+IF('Standard Profiles'!$G$22=$B$24,21,0),0)),0)</f>
        <v>0</v>
      </c>
      <c r="I5127">
        <f t="shared" si="573"/>
        <v>0.26104825103568413</v>
      </c>
      <c r="J5127">
        <f t="shared" si="574"/>
        <v>0.87016083678561396</v>
      </c>
      <c r="K5127">
        <f t="shared" si="575"/>
        <v>1.3052412551784207</v>
      </c>
      <c r="L5127">
        <f t="shared" si="576"/>
        <v>6.2651580248564196</v>
      </c>
      <c r="M5127">
        <f t="shared" si="577"/>
        <v>0</v>
      </c>
      <c r="N5127" s="46">
        <f t="shared" si="578"/>
        <v>45504.208333320981</v>
      </c>
    </row>
    <row r="5128" spans="2:14" x14ac:dyDescent="0.3">
      <c r="B5128">
        <f t="shared" si="572"/>
        <v>3</v>
      </c>
      <c r="C5128" s="16">
        <v>5094</v>
      </c>
      <c r="D5128" cm="1">
        <f t="array" ref="D5128">IFERROR(INDEX(Jesper!AH$2:AH$366,ROUNDDOWN($C5128/24,0)+1,1)*INDEX($D$3:$AA$30,INDEX(Jesper!$R$2:$R$366,ROW(INDEX(Jesper!AH$2:AH$366,ROUNDDOWN($C5128/24,0)+1,1))-1)+IF('Standard Profiles'!$G$18=$B$10,7,0)+IF('Standard Profiles'!$G$18=$B$17,14,0)+IF('Standard Profiles'!$G$18=$B$24,21,0),MOD($C5128,24)+1)/SUM(INDEX($D$3:$AA$30,INDEX(Jesper!$R$2:$R$366,ROW(INDEX(Jesper!AH$2:AH$366,ROUNDDOWN($C5128/24,0)+1,1))-1)+IF('Standard Profiles'!$G$18=$B$10,7,0)+IF('Standard Profiles'!$G$18=$B$17,14,0)+IF('Standard Profiles'!$G$18=$B$24,21,0),0)),0)</f>
        <v>10.051857942178643</v>
      </c>
      <c r="E5128" cm="1">
        <f t="array" ref="E5128">IFERROR(INDEX(Jesper!AI$2:AI$366,ROUNDDOWN($C5128/24,0)+1,1)*INDEX($D$3:$AA$30,INDEX(Jesper!$R$2:$R$366,ROW(INDEX(Jesper!AI$2:AI$366,ROUNDDOWN($C5128/24,0)+1,1))-1)+IF('Standard Profiles'!$G$19=$B$10,7,0)+IF('Standard Profiles'!$G$19=$B$17,14,0)+IF('Standard Profiles'!$G$19=$B$24,21,0),MOD($C5128,24)+1)/SUM(INDEX($D$3:$AA$30,INDEX(Jesper!$R$2:$R$366,ROW(INDEX(Jesper!AI$2:AI$366,ROUNDDOWN($C5128/24,0)+1,1))-1)+IF('Standard Profiles'!$G$19=$B$10,7,0)+IF('Standard Profiles'!$G$19=$B$17,14,0)+IF('Standard Profiles'!$G$19=$B$24,21,0),0)),0)</f>
        <v>0</v>
      </c>
      <c r="F5128" cm="1">
        <f t="array" ref="F5128">IFERROR(INDEX(Jesper!AJ$2:AJ$366,ROUNDDOWN($C5128/24,0)+1,1)*INDEX($D$3:$AA$30,INDEX(Jesper!$R$2:$R$366,ROW(INDEX(Jesper!AJ$2:AJ$366,ROUNDDOWN($C5128/24,0)+1,1))-1)+IF('Standard Profiles'!$G$20=$B$10,7,0)+IF('Standard Profiles'!$G$20=$B$17,14,0)+IF('Standard Profiles'!$G$20=$B$24,21,0),MOD($C5128,24)+1)/SUM(INDEX($D$3:$AA$30,INDEX(Jesper!$R$2:$R$366,ROW(INDEX(Jesper!AJ$2:AJ$366,ROUNDDOWN($C5128/24,0)+1,1))-1)+IF('Standard Profiles'!$G$20=$B$10,7,0)+IF('Standard Profiles'!$G$20=$B$17,14,0)+IF('Standard Profiles'!$G$20=$B$24,21,0),0)),0)</f>
        <v>0</v>
      </c>
      <c r="G5128" cm="1">
        <f t="array" ref="G5128">IFERROR(INDEX(Jesper!AK$2:AK$366,ROUNDDOWN($C5128/24,0)+1,1)*INDEX($D$3:$AA$30,INDEX(Jesper!$R$2:$R$366,ROW(INDEX(Jesper!AK$2:AK$366,ROUNDDOWN($C5128/24,0)+1,1))-1)+IF('Standard Profiles'!$G$21=$B$10,7,0)+IF('Standard Profiles'!$G$21=$B$17,14,0)+IF('Standard Profiles'!$G$21=$B$24,21,0),MOD($C5128,24)+1)/SUM(INDEX($D$3:$AA$30,INDEX(Jesper!$R$2:$R$366,ROW(INDEX(Jesper!AK$2:AK$366,ROUNDDOWN($C5128/24,0)+1,1))-1)+IF('Standard Profiles'!$G$21=$B$10,7,0)+IF('Standard Profiles'!$G$21=$B$17,14,0)+IF('Standard Profiles'!$G$21=$B$24,21,0),0)),0)</f>
        <v>0</v>
      </c>
      <c r="H5128" cm="1">
        <f t="array" ref="H5128">IFERROR(INDEX(Jesper!AL$2:AL$366,ROUNDDOWN($C5128/24,0)+1,1)*INDEX($D$3:$AA$30,INDEX(Jesper!$R$2:$R$366,ROW(INDEX(Jesper!AL$2:AL$366,ROUNDDOWN($C5128/24,0)+1,1))-1)+IF('Standard Profiles'!$G$22=$B$10,7,0)+IF('Standard Profiles'!$G$22=$B$17,14,0)+IF('Standard Profiles'!$G$22=$B$24,21,0),MOD($C5128,24)+1)/SUM(INDEX($D$3:$AA$30,INDEX(Jesper!$R$2:$R$366,ROW(INDEX(Jesper!AL$2:AL$366,ROUNDDOWN($C5128/24,0)+1,1))-1)+IF('Standard Profiles'!$G$22=$B$10,7,0)+IF('Standard Profiles'!$G$22=$B$17,14,0)+IF('Standard Profiles'!$G$22=$B$24,21,0),0)),0)</f>
        <v>0</v>
      </c>
      <c r="I5128">
        <f t="shared" si="573"/>
        <v>0.30155573826535925</v>
      </c>
      <c r="J5128">
        <f t="shared" si="574"/>
        <v>1.0051857942178644</v>
      </c>
      <c r="K5128">
        <f t="shared" si="575"/>
        <v>1.5077786913267963</v>
      </c>
      <c r="L5128">
        <f t="shared" si="576"/>
        <v>7.2373377183686225</v>
      </c>
      <c r="M5128">
        <f t="shared" si="577"/>
        <v>0</v>
      </c>
      <c r="N5128" s="46">
        <f t="shared" si="578"/>
        <v>45504.249999987645</v>
      </c>
    </row>
    <row r="5129" spans="2:14" x14ac:dyDescent="0.3">
      <c r="B5129">
        <f t="shared" si="572"/>
        <v>3</v>
      </c>
      <c r="C5129" s="16">
        <v>5095</v>
      </c>
      <c r="D5129" cm="1">
        <f t="array" ref="D5129">IFERROR(INDEX(Jesper!AH$2:AH$366,ROUNDDOWN($C5129/24,0)+1,1)*INDEX($D$3:$AA$30,INDEX(Jesper!$R$2:$R$366,ROW(INDEX(Jesper!AH$2:AH$366,ROUNDDOWN($C5129/24,0)+1,1))-1)+IF('Standard Profiles'!$G$18=$B$10,7,0)+IF('Standard Profiles'!$G$18=$B$17,14,0)+IF('Standard Profiles'!$G$18=$B$24,21,0),MOD($C5129,24)+1)/SUM(INDEX($D$3:$AA$30,INDEX(Jesper!$R$2:$R$366,ROW(INDEX(Jesper!AH$2:AH$366,ROUNDDOWN($C5129/24,0)+1,1))-1)+IF('Standard Profiles'!$G$18=$B$10,7,0)+IF('Standard Profiles'!$G$18=$B$17,14,0)+IF('Standard Profiles'!$G$18=$B$24,21,0),0)),0)</f>
        <v>10.051857942178643</v>
      </c>
      <c r="E5129" cm="1">
        <f t="array" ref="E5129">IFERROR(INDEX(Jesper!AI$2:AI$366,ROUNDDOWN($C5129/24,0)+1,1)*INDEX($D$3:$AA$30,INDEX(Jesper!$R$2:$R$366,ROW(INDEX(Jesper!AI$2:AI$366,ROUNDDOWN($C5129/24,0)+1,1))-1)+IF('Standard Profiles'!$G$19=$B$10,7,0)+IF('Standard Profiles'!$G$19=$B$17,14,0)+IF('Standard Profiles'!$G$19=$B$24,21,0),MOD($C5129,24)+1)/SUM(INDEX($D$3:$AA$30,INDEX(Jesper!$R$2:$R$366,ROW(INDEX(Jesper!AI$2:AI$366,ROUNDDOWN($C5129/24,0)+1,1))-1)+IF('Standard Profiles'!$G$19=$B$10,7,0)+IF('Standard Profiles'!$G$19=$B$17,14,0)+IF('Standard Profiles'!$G$19=$B$24,21,0),0)),0)</f>
        <v>0</v>
      </c>
      <c r="F5129" cm="1">
        <f t="array" ref="F5129">IFERROR(INDEX(Jesper!AJ$2:AJ$366,ROUNDDOWN($C5129/24,0)+1,1)*INDEX($D$3:$AA$30,INDEX(Jesper!$R$2:$R$366,ROW(INDEX(Jesper!AJ$2:AJ$366,ROUNDDOWN($C5129/24,0)+1,1))-1)+IF('Standard Profiles'!$G$20=$B$10,7,0)+IF('Standard Profiles'!$G$20=$B$17,14,0)+IF('Standard Profiles'!$G$20=$B$24,21,0),MOD($C5129,24)+1)/SUM(INDEX($D$3:$AA$30,INDEX(Jesper!$R$2:$R$366,ROW(INDEX(Jesper!AJ$2:AJ$366,ROUNDDOWN($C5129/24,0)+1,1))-1)+IF('Standard Profiles'!$G$20=$B$10,7,0)+IF('Standard Profiles'!$G$20=$B$17,14,0)+IF('Standard Profiles'!$G$20=$B$24,21,0),0)),0)</f>
        <v>0</v>
      </c>
      <c r="G5129" cm="1">
        <f t="array" ref="G5129">IFERROR(INDEX(Jesper!AK$2:AK$366,ROUNDDOWN($C5129/24,0)+1,1)*INDEX($D$3:$AA$30,INDEX(Jesper!$R$2:$R$366,ROW(INDEX(Jesper!AK$2:AK$366,ROUNDDOWN($C5129/24,0)+1,1))-1)+IF('Standard Profiles'!$G$21=$B$10,7,0)+IF('Standard Profiles'!$G$21=$B$17,14,0)+IF('Standard Profiles'!$G$21=$B$24,21,0),MOD($C5129,24)+1)/SUM(INDEX($D$3:$AA$30,INDEX(Jesper!$R$2:$R$366,ROW(INDEX(Jesper!AK$2:AK$366,ROUNDDOWN($C5129/24,0)+1,1))-1)+IF('Standard Profiles'!$G$21=$B$10,7,0)+IF('Standard Profiles'!$G$21=$B$17,14,0)+IF('Standard Profiles'!$G$21=$B$24,21,0),0)),0)</f>
        <v>0</v>
      </c>
      <c r="H5129" cm="1">
        <f t="array" ref="H5129">IFERROR(INDEX(Jesper!AL$2:AL$366,ROUNDDOWN($C5129/24,0)+1,1)*INDEX($D$3:$AA$30,INDEX(Jesper!$R$2:$R$366,ROW(INDEX(Jesper!AL$2:AL$366,ROUNDDOWN($C5129/24,0)+1,1))-1)+IF('Standard Profiles'!$G$22=$B$10,7,0)+IF('Standard Profiles'!$G$22=$B$17,14,0)+IF('Standard Profiles'!$G$22=$B$24,21,0),MOD($C5129,24)+1)/SUM(INDEX($D$3:$AA$30,INDEX(Jesper!$R$2:$R$366,ROW(INDEX(Jesper!AL$2:AL$366,ROUNDDOWN($C5129/24,0)+1,1))-1)+IF('Standard Profiles'!$G$22=$B$10,7,0)+IF('Standard Profiles'!$G$22=$B$17,14,0)+IF('Standard Profiles'!$G$22=$B$24,21,0),0)),0)</f>
        <v>0</v>
      </c>
      <c r="I5129">
        <f t="shared" si="573"/>
        <v>0.30155573826535925</v>
      </c>
      <c r="J5129">
        <f t="shared" si="574"/>
        <v>1.0051857942178644</v>
      </c>
      <c r="K5129">
        <f t="shared" si="575"/>
        <v>1.5077786913267963</v>
      </c>
      <c r="L5129">
        <f t="shared" si="576"/>
        <v>7.2373377183686225</v>
      </c>
      <c r="M5129">
        <f t="shared" si="577"/>
        <v>0</v>
      </c>
      <c r="N5129" s="46">
        <f t="shared" si="578"/>
        <v>45504.29166665431</v>
      </c>
    </row>
    <row r="5130" spans="2:14" x14ac:dyDescent="0.3">
      <c r="B5130">
        <f t="shared" si="572"/>
        <v>3</v>
      </c>
      <c r="C5130" s="16">
        <v>5096</v>
      </c>
      <c r="D5130" cm="1">
        <f t="array" ref="D5130">IFERROR(INDEX(Jesper!AH$2:AH$366,ROUNDDOWN($C5130/24,0)+1,1)*INDEX($D$3:$AA$30,INDEX(Jesper!$R$2:$R$366,ROW(INDEX(Jesper!AH$2:AH$366,ROUNDDOWN($C5130/24,0)+1,1))-1)+IF('Standard Profiles'!$G$18=$B$10,7,0)+IF('Standard Profiles'!$G$18=$B$17,14,0)+IF('Standard Profiles'!$G$18=$B$24,21,0),MOD($C5130,24)+1)/SUM(INDEX($D$3:$AA$30,INDEX(Jesper!$R$2:$R$366,ROW(INDEX(Jesper!AH$2:AH$366,ROUNDDOWN($C5130/24,0)+1,1))-1)+IF('Standard Profiles'!$G$18=$B$10,7,0)+IF('Standard Profiles'!$G$18=$B$17,14,0)+IF('Standard Profiles'!$G$18=$B$24,21,0),0)),0)</f>
        <v>10.051857942178643</v>
      </c>
      <c r="E5130" cm="1">
        <f t="array" ref="E5130">IFERROR(INDEX(Jesper!AI$2:AI$366,ROUNDDOWN($C5130/24,0)+1,1)*INDEX($D$3:$AA$30,INDEX(Jesper!$R$2:$R$366,ROW(INDEX(Jesper!AI$2:AI$366,ROUNDDOWN($C5130/24,0)+1,1))-1)+IF('Standard Profiles'!$G$19=$B$10,7,0)+IF('Standard Profiles'!$G$19=$B$17,14,0)+IF('Standard Profiles'!$G$19=$B$24,21,0),MOD($C5130,24)+1)/SUM(INDEX($D$3:$AA$30,INDEX(Jesper!$R$2:$R$366,ROW(INDEX(Jesper!AI$2:AI$366,ROUNDDOWN($C5130/24,0)+1,1))-1)+IF('Standard Profiles'!$G$19=$B$10,7,0)+IF('Standard Profiles'!$G$19=$B$17,14,0)+IF('Standard Profiles'!$G$19=$B$24,21,0),0)),0)</f>
        <v>0</v>
      </c>
      <c r="F5130" cm="1">
        <f t="array" ref="F5130">IFERROR(INDEX(Jesper!AJ$2:AJ$366,ROUNDDOWN($C5130/24,0)+1,1)*INDEX($D$3:$AA$30,INDEX(Jesper!$R$2:$R$366,ROW(INDEX(Jesper!AJ$2:AJ$366,ROUNDDOWN($C5130/24,0)+1,1))-1)+IF('Standard Profiles'!$G$20=$B$10,7,0)+IF('Standard Profiles'!$G$20=$B$17,14,0)+IF('Standard Profiles'!$G$20=$B$24,21,0),MOD($C5130,24)+1)/SUM(INDEX($D$3:$AA$30,INDEX(Jesper!$R$2:$R$366,ROW(INDEX(Jesper!AJ$2:AJ$366,ROUNDDOWN($C5130/24,0)+1,1))-1)+IF('Standard Profiles'!$G$20=$B$10,7,0)+IF('Standard Profiles'!$G$20=$B$17,14,0)+IF('Standard Profiles'!$G$20=$B$24,21,0),0)),0)</f>
        <v>0</v>
      </c>
      <c r="G5130" cm="1">
        <f t="array" ref="G5130">IFERROR(INDEX(Jesper!AK$2:AK$366,ROUNDDOWN($C5130/24,0)+1,1)*INDEX($D$3:$AA$30,INDEX(Jesper!$R$2:$R$366,ROW(INDEX(Jesper!AK$2:AK$366,ROUNDDOWN($C5130/24,0)+1,1))-1)+IF('Standard Profiles'!$G$21=$B$10,7,0)+IF('Standard Profiles'!$G$21=$B$17,14,0)+IF('Standard Profiles'!$G$21=$B$24,21,0),MOD($C5130,24)+1)/SUM(INDEX($D$3:$AA$30,INDEX(Jesper!$R$2:$R$366,ROW(INDEX(Jesper!AK$2:AK$366,ROUNDDOWN($C5130/24,0)+1,1))-1)+IF('Standard Profiles'!$G$21=$B$10,7,0)+IF('Standard Profiles'!$G$21=$B$17,14,0)+IF('Standard Profiles'!$G$21=$B$24,21,0),0)),0)</f>
        <v>0</v>
      </c>
      <c r="H5130" cm="1">
        <f t="array" ref="H5130">IFERROR(INDEX(Jesper!AL$2:AL$366,ROUNDDOWN($C5130/24,0)+1,1)*INDEX($D$3:$AA$30,INDEX(Jesper!$R$2:$R$366,ROW(INDEX(Jesper!AL$2:AL$366,ROUNDDOWN($C5130/24,0)+1,1))-1)+IF('Standard Profiles'!$G$22=$B$10,7,0)+IF('Standard Profiles'!$G$22=$B$17,14,0)+IF('Standard Profiles'!$G$22=$B$24,21,0),MOD($C5130,24)+1)/SUM(INDEX($D$3:$AA$30,INDEX(Jesper!$R$2:$R$366,ROW(INDEX(Jesper!AL$2:AL$366,ROUNDDOWN($C5130/24,0)+1,1))-1)+IF('Standard Profiles'!$G$22=$B$10,7,0)+IF('Standard Profiles'!$G$22=$B$17,14,0)+IF('Standard Profiles'!$G$22=$B$24,21,0),0)),0)</f>
        <v>0</v>
      </c>
      <c r="I5130">
        <f t="shared" si="573"/>
        <v>0.30155573826535925</v>
      </c>
      <c r="J5130">
        <f t="shared" si="574"/>
        <v>1.0051857942178644</v>
      </c>
      <c r="K5130">
        <f t="shared" si="575"/>
        <v>1.5077786913267963</v>
      </c>
      <c r="L5130">
        <f t="shared" si="576"/>
        <v>7.2373377183686225</v>
      </c>
      <c r="M5130">
        <f t="shared" si="577"/>
        <v>0</v>
      </c>
      <c r="N5130" s="46">
        <f t="shared" si="578"/>
        <v>45504.333333320974</v>
      </c>
    </row>
    <row r="5131" spans="2:14" x14ac:dyDescent="0.3">
      <c r="B5131">
        <f t="shared" si="572"/>
        <v>3</v>
      </c>
      <c r="C5131" s="16">
        <v>5097</v>
      </c>
      <c r="D5131" cm="1">
        <f t="array" ref="D5131">IFERROR(INDEX(Jesper!AH$2:AH$366,ROUNDDOWN($C5131/24,0)+1,1)*INDEX($D$3:$AA$30,INDEX(Jesper!$R$2:$R$366,ROW(INDEX(Jesper!AH$2:AH$366,ROUNDDOWN($C5131/24,0)+1,1))-1)+IF('Standard Profiles'!$G$18=$B$10,7,0)+IF('Standard Profiles'!$G$18=$B$17,14,0)+IF('Standard Profiles'!$G$18=$B$24,21,0),MOD($C5131,24)+1)/SUM(INDEX($D$3:$AA$30,INDEX(Jesper!$R$2:$R$366,ROW(INDEX(Jesper!AH$2:AH$366,ROUNDDOWN($C5131/24,0)+1,1))-1)+IF('Standard Profiles'!$G$18=$B$10,7,0)+IF('Standard Profiles'!$G$18=$B$17,14,0)+IF('Standard Profiles'!$G$18=$B$24,21,0),0)),0)</f>
        <v>10.801996594580032</v>
      </c>
      <c r="E5131" cm="1">
        <f t="array" ref="E5131">IFERROR(INDEX(Jesper!AI$2:AI$366,ROUNDDOWN($C5131/24,0)+1,1)*INDEX($D$3:$AA$30,INDEX(Jesper!$R$2:$R$366,ROW(INDEX(Jesper!AI$2:AI$366,ROUNDDOWN($C5131/24,0)+1,1))-1)+IF('Standard Profiles'!$G$19=$B$10,7,0)+IF('Standard Profiles'!$G$19=$B$17,14,0)+IF('Standard Profiles'!$G$19=$B$24,21,0),MOD($C5131,24)+1)/SUM(INDEX($D$3:$AA$30,INDEX(Jesper!$R$2:$R$366,ROW(INDEX(Jesper!AI$2:AI$366,ROUNDDOWN($C5131/24,0)+1,1))-1)+IF('Standard Profiles'!$G$19=$B$10,7,0)+IF('Standard Profiles'!$G$19=$B$17,14,0)+IF('Standard Profiles'!$G$19=$B$24,21,0),0)),0)</f>
        <v>0</v>
      </c>
      <c r="F5131" cm="1">
        <f t="array" ref="F5131">IFERROR(INDEX(Jesper!AJ$2:AJ$366,ROUNDDOWN($C5131/24,0)+1,1)*INDEX($D$3:$AA$30,INDEX(Jesper!$R$2:$R$366,ROW(INDEX(Jesper!AJ$2:AJ$366,ROUNDDOWN($C5131/24,0)+1,1))-1)+IF('Standard Profiles'!$G$20=$B$10,7,0)+IF('Standard Profiles'!$G$20=$B$17,14,0)+IF('Standard Profiles'!$G$20=$B$24,21,0),MOD($C5131,24)+1)/SUM(INDEX($D$3:$AA$30,INDEX(Jesper!$R$2:$R$366,ROW(INDEX(Jesper!AJ$2:AJ$366,ROUNDDOWN($C5131/24,0)+1,1))-1)+IF('Standard Profiles'!$G$20=$B$10,7,0)+IF('Standard Profiles'!$G$20=$B$17,14,0)+IF('Standard Profiles'!$G$20=$B$24,21,0),0)),0)</f>
        <v>0</v>
      </c>
      <c r="G5131" cm="1">
        <f t="array" ref="G5131">IFERROR(INDEX(Jesper!AK$2:AK$366,ROUNDDOWN($C5131/24,0)+1,1)*INDEX($D$3:$AA$30,INDEX(Jesper!$R$2:$R$366,ROW(INDEX(Jesper!AK$2:AK$366,ROUNDDOWN($C5131/24,0)+1,1))-1)+IF('Standard Profiles'!$G$21=$B$10,7,0)+IF('Standard Profiles'!$G$21=$B$17,14,0)+IF('Standard Profiles'!$G$21=$B$24,21,0),MOD($C5131,24)+1)/SUM(INDEX($D$3:$AA$30,INDEX(Jesper!$R$2:$R$366,ROW(INDEX(Jesper!AK$2:AK$366,ROUNDDOWN($C5131/24,0)+1,1))-1)+IF('Standard Profiles'!$G$21=$B$10,7,0)+IF('Standard Profiles'!$G$21=$B$17,14,0)+IF('Standard Profiles'!$G$21=$B$24,21,0),0)),0)</f>
        <v>0</v>
      </c>
      <c r="H5131" cm="1">
        <f t="array" ref="H5131">IFERROR(INDEX(Jesper!AL$2:AL$366,ROUNDDOWN($C5131/24,0)+1,1)*INDEX($D$3:$AA$30,INDEX(Jesper!$R$2:$R$366,ROW(INDEX(Jesper!AL$2:AL$366,ROUNDDOWN($C5131/24,0)+1,1))-1)+IF('Standard Profiles'!$G$22=$B$10,7,0)+IF('Standard Profiles'!$G$22=$B$17,14,0)+IF('Standard Profiles'!$G$22=$B$24,21,0),MOD($C5131,24)+1)/SUM(INDEX($D$3:$AA$30,INDEX(Jesper!$R$2:$R$366,ROW(INDEX(Jesper!AL$2:AL$366,ROUNDDOWN($C5131/24,0)+1,1))-1)+IF('Standard Profiles'!$G$22=$B$10,7,0)+IF('Standard Profiles'!$G$22=$B$17,14,0)+IF('Standard Profiles'!$G$22=$B$24,21,0),0)),0)</f>
        <v>0</v>
      </c>
      <c r="I5131">
        <f t="shared" si="573"/>
        <v>0.32405989783740097</v>
      </c>
      <c r="J5131">
        <f t="shared" si="574"/>
        <v>1.0801996594580032</v>
      </c>
      <c r="K5131">
        <f t="shared" si="575"/>
        <v>1.6202994891870048</v>
      </c>
      <c r="L5131">
        <f t="shared" si="576"/>
        <v>7.7774375480976232</v>
      </c>
      <c r="M5131">
        <f t="shared" si="577"/>
        <v>0</v>
      </c>
      <c r="N5131" s="46">
        <f t="shared" si="578"/>
        <v>45504.374999987638</v>
      </c>
    </row>
    <row r="5132" spans="2:14" x14ac:dyDescent="0.3">
      <c r="B5132">
        <f t="shared" si="572"/>
        <v>3</v>
      </c>
      <c r="C5132" s="16">
        <v>5098</v>
      </c>
      <c r="D5132" cm="1">
        <f t="array" ref="D5132">IFERROR(INDEX(Jesper!AH$2:AH$366,ROUNDDOWN($C5132/24,0)+1,1)*INDEX($D$3:$AA$30,INDEX(Jesper!$R$2:$R$366,ROW(INDEX(Jesper!AH$2:AH$366,ROUNDDOWN($C5132/24,0)+1,1))-1)+IF('Standard Profiles'!$G$18=$B$10,7,0)+IF('Standard Profiles'!$G$18=$B$17,14,0)+IF('Standard Profiles'!$G$18=$B$24,21,0),MOD($C5132,24)+1)/SUM(INDEX($D$3:$AA$30,INDEX(Jesper!$R$2:$R$366,ROW(INDEX(Jesper!AH$2:AH$366,ROUNDDOWN($C5132/24,0)+1,1))-1)+IF('Standard Profiles'!$G$18=$B$10,7,0)+IF('Standard Profiles'!$G$18=$B$17,14,0)+IF('Standard Profiles'!$G$18=$B$24,21,0),0)),0)</f>
        <v>11.702162977461702</v>
      </c>
      <c r="E5132" cm="1">
        <f t="array" ref="E5132">IFERROR(INDEX(Jesper!AI$2:AI$366,ROUNDDOWN($C5132/24,0)+1,1)*INDEX($D$3:$AA$30,INDEX(Jesper!$R$2:$R$366,ROW(INDEX(Jesper!AI$2:AI$366,ROUNDDOWN($C5132/24,0)+1,1))-1)+IF('Standard Profiles'!$G$19=$B$10,7,0)+IF('Standard Profiles'!$G$19=$B$17,14,0)+IF('Standard Profiles'!$G$19=$B$24,21,0),MOD($C5132,24)+1)/SUM(INDEX($D$3:$AA$30,INDEX(Jesper!$R$2:$R$366,ROW(INDEX(Jesper!AI$2:AI$366,ROUNDDOWN($C5132/24,0)+1,1))-1)+IF('Standard Profiles'!$G$19=$B$10,7,0)+IF('Standard Profiles'!$G$19=$B$17,14,0)+IF('Standard Profiles'!$G$19=$B$24,21,0),0)),0)</f>
        <v>0</v>
      </c>
      <c r="F5132" cm="1">
        <f t="array" ref="F5132">IFERROR(INDEX(Jesper!AJ$2:AJ$366,ROUNDDOWN($C5132/24,0)+1,1)*INDEX($D$3:$AA$30,INDEX(Jesper!$R$2:$R$366,ROW(INDEX(Jesper!AJ$2:AJ$366,ROUNDDOWN($C5132/24,0)+1,1))-1)+IF('Standard Profiles'!$G$20=$B$10,7,0)+IF('Standard Profiles'!$G$20=$B$17,14,0)+IF('Standard Profiles'!$G$20=$B$24,21,0),MOD($C5132,24)+1)/SUM(INDEX($D$3:$AA$30,INDEX(Jesper!$R$2:$R$366,ROW(INDEX(Jesper!AJ$2:AJ$366,ROUNDDOWN($C5132/24,0)+1,1))-1)+IF('Standard Profiles'!$G$20=$B$10,7,0)+IF('Standard Profiles'!$G$20=$B$17,14,0)+IF('Standard Profiles'!$G$20=$B$24,21,0),0)),0)</f>
        <v>0</v>
      </c>
      <c r="G5132" cm="1">
        <f t="array" ref="G5132">IFERROR(INDEX(Jesper!AK$2:AK$366,ROUNDDOWN($C5132/24,0)+1,1)*INDEX($D$3:$AA$30,INDEX(Jesper!$R$2:$R$366,ROW(INDEX(Jesper!AK$2:AK$366,ROUNDDOWN($C5132/24,0)+1,1))-1)+IF('Standard Profiles'!$G$21=$B$10,7,0)+IF('Standard Profiles'!$G$21=$B$17,14,0)+IF('Standard Profiles'!$G$21=$B$24,21,0),MOD($C5132,24)+1)/SUM(INDEX($D$3:$AA$30,INDEX(Jesper!$R$2:$R$366,ROW(INDEX(Jesper!AK$2:AK$366,ROUNDDOWN($C5132/24,0)+1,1))-1)+IF('Standard Profiles'!$G$21=$B$10,7,0)+IF('Standard Profiles'!$G$21=$B$17,14,0)+IF('Standard Profiles'!$G$21=$B$24,21,0),0)),0)</f>
        <v>0</v>
      </c>
      <c r="H5132" cm="1">
        <f t="array" ref="H5132">IFERROR(INDEX(Jesper!AL$2:AL$366,ROUNDDOWN($C5132/24,0)+1,1)*INDEX($D$3:$AA$30,INDEX(Jesper!$R$2:$R$366,ROW(INDEX(Jesper!AL$2:AL$366,ROUNDDOWN($C5132/24,0)+1,1))-1)+IF('Standard Profiles'!$G$22=$B$10,7,0)+IF('Standard Profiles'!$G$22=$B$17,14,0)+IF('Standard Profiles'!$G$22=$B$24,21,0),MOD($C5132,24)+1)/SUM(INDEX($D$3:$AA$30,INDEX(Jesper!$R$2:$R$366,ROW(INDEX(Jesper!AL$2:AL$366,ROUNDDOWN($C5132/24,0)+1,1))-1)+IF('Standard Profiles'!$G$22=$B$10,7,0)+IF('Standard Profiles'!$G$22=$B$17,14,0)+IF('Standard Profiles'!$G$22=$B$24,21,0),0)),0)</f>
        <v>0</v>
      </c>
      <c r="I5132">
        <f t="shared" si="573"/>
        <v>0.35106488932385105</v>
      </c>
      <c r="J5132">
        <f t="shared" si="574"/>
        <v>1.1702162977461703</v>
      </c>
      <c r="K5132">
        <f t="shared" si="575"/>
        <v>1.7553244466192552</v>
      </c>
      <c r="L5132">
        <f t="shared" si="576"/>
        <v>8.4255573437724252</v>
      </c>
      <c r="M5132">
        <f t="shared" si="577"/>
        <v>0</v>
      </c>
      <c r="N5132" s="46">
        <f t="shared" si="578"/>
        <v>45504.416666654302</v>
      </c>
    </row>
    <row r="5133" spans="2:14" x14ac:dyDescent="0.3">
      <c r="B5133">
        <f t="shared" si="572"/>
        <v>3</v>
      </c>
      <c r="C5133" s="16">
        <v>5099</v>
      </c>
      <c r="D5133" cm="1">
        <f t="array" ref="D5133">IFERROR(INDEX(Jesper!AH$2:AH$366,ROUNDDOWN($C5133/24,0)+1,1)*INDEX($D$3:$AA$30,INDEX(Jesper!$R$2:$R$366,ROW(INDEX(Jesper!AH$2:AH$366,ROUNDDOWN($C5133/24,0)+1,1))-1)+IF('Standard Profiles'!$G$18=$B$10,7,0)+IF('Standard Profiles'!$G$18=$B$17,14,0)+IF('Standard Profiles'!$G$18=$B$24,21,0),MOD($C5133,24)+1)/SUM(INDEX($D$3:$AA$30,INDEX(Jesper!$R$2:$R$366,ROW(INDEX(Jesper!AH$2:AH$366,ROUNDDOWN($C5133/24,0)+1,1))-1)+IF('Standard Profiles'!$G$18=$B$10,7,0)+IF('Standard Profiles'!$G$18=$B$17,14,0)+IF('Standard Profiles'!$G$18=$B$24,21,0),0)),0)</f>
        <v>13.502495743225042</v>
      </c>
      <c r="E5133" cm="1">
        <f t="array" ref="E5133">IFERROR(INDEX(Jesper!AI$2:AI$366,ROUNDDOWN($C5133/24,0)+1,1)*INDEX($D$3:$AA$30,INDEX(Jesper!$R$2:$R$366,ROW(INDEX(Jesper!AI$2:AI$366,ROUNDDOWN($C5133/24,0)+1,1))-1)+IF('Standard Profiles'!$G$19=$B$10,7,0)+IF('Standard Profiles'!$G$19=$B$17,14,0)+IF('Standard Profiles'!$G$19=$B$24,21,0),MOD($C5133,24)+1)/SUM(INDEX($D$3:$AA$30,INDEX(Jesper!$R$2:$R$366,ROW(INDEX(Jesper!AI$2:AI$366,ROUNDDOWN($C5133/24,0)+1,1))-1)+IF('Standard Profiles'!$G$19=$B$10,7,0)+IF('Standard Profiles'!$G$19=$B$17,14,0)+IF('Standard Profiles'!$G$19=$B$24,21,0),0)),0)</f>
        <v>0</v>
      </c>
      <c r="F5133" cm="1">
        <f t="array" ref="F5133">IFERROR(INDEX(Jesper!AJ$2:AJ$366,ROUNDDOWN($C5133/24,0)+1,1)*INDEX($D$3:$AA$30,INDEX(Jesper!$R$2:$R$366,ROW(INDEX(Jesper!AJ$2:AJ$366,ROUNDDOWN($C5133/24,0)+1,1))-1)+IF('Standard Profiles'!$G$20=$B$10,7,0)+IF('Standard Profiles'!$G$20=$B$17,14,0)+IF('Standard Profiles'!$G$20=$B$24,21,0),MOD($C5133,24)+1)/SUM(INDEX($D$3:$AA$30,INDEX(Jesper!$R$2:$R$366,ROW(INDEX(Jesper!AJ$2:AJ$366,ROUNDDOWN($C5133/24,0)+1,1))-1)+IF('Standard Profiles'!$G$20=$B$10,7,0)+IF('Standard Profiles'!$G$20=$B$17,14,0)+IF('Standard Profiles'!$G$20=$B$24,21,0),0)),0)</f>
        <v>0</v>
      </c>
      <c r="G5133" cm="1">
        <f t="array" ref="G5133">IFERROR(INDEX(Jesper!AK$2:AK$366,ROUNDDOWN($C5133/24,0)+1,1)*INDEX($D$3:$AA$30,INDEX(Jesper!$R$2:$R$366,ROW(INDEX(Jesper!AK$2:AK$366,ROUNDDOWN($C5133/24,0)+1,1))-1)+IF('Standard Profiles'!$G$21=$B$10,7,0)+IF('Standard Profiles'!$G$21=$B$17,14,0)+IF('Standard Profiles'!$G$21=$B$24,21,0),MOD($C5133,24)+1)/SUM(INDEX($D$3:$AA$30,INDEX(Jesper!$R$2:$R$366,ROW(INDEX(Jesper!AK$2:AK$366,ROUNDDOWN($C5133/24,0)+1,1))-1)+IF('Standard Profiles'!$G$21=$B$10,7,0)+IF('Standard Profiles'!$G$21=$B$17,14,0)+IF('Standard Profiles'!$G$21=$B$24,21,0),0)),0)</f>
        <v>0</v>
      </c>
      <c r="H5133" cm="1">
        <f t="array" ref="H5133">IFERROR(INDEX(Jesper!AL$2:AL$366,ROUNDDOWN($C5133/24,0)+1,1)*INDEX($D$3:$AA$30,INDEX(Jesper!$R$2:$R$366,ROW(INDEX(Jesper!AL$2:AL$366,ROUNDDOWN($C5133/24,0)+1,1))-1)+IF('Standard Profiles'!$G$22=$B$10,7,0)+IF('Standard Profiles'!$G$22=$B$17,14,0)+IF('Standard Profiles'!$G$22=$B$24,21,0),MOD($C5133,24)+1)/SUM(INDEX($D$3:$AA$30,INDEX(Jesper!$R$2:$R$366,ROW(INDEX(Jesper!AL$2:AL$366,ROUNDDOWN($C5133/24,0)+1,1))-1)+IF('Standard Profiles'!$G$22=$B$10,7,0)+IF('Standard Profiles'!$G$22=$B$17,14,0)+IF('Standard Profiles'!$G$22=$B$24,21,0),0)),0)</f>
        <v>0</v>
      </c>
      <c r="I5133">
        <f t="shared" si="573"/>
        <v>0.40507487229675126</v>
      </c>
      <c r="J5133">
        <f t="shared" si="574"/>
        <v>1.3502495743225043</v>
      </c>
      <c r="K5133">
        <f t="shared" si="575"/>
        <v>2.025374361483756</v>
      </c>
      <c r="L5133">
        <f t="shared" si="576"/>
        <v>9.7217969351220308</v>
      </c>
      <c r="M5133">
        <f t="shared" si="577"/>
        <v>0</v>
      </c>
      <c r="N5133" s="46">
        <f t="shared" si="578"/>
        <v>45504.458333320967</v>
      </c>
    </row>
    <row r="5134" spans="2:14" x14ac:dyDescent="0.3">
      <c r="B5134">
        <f t="shared" si="572"/>
        <v>3</v>
      </c>
      <c r="C5134" s="16">
        <v>5100</v>
      </c>
      <c r="D5134" cm="1">
        <f t="array" ref="D5134">IFERROR(INDEX(Jesper!AH$2:AH$366,ROUNDDOWN($C5134/24,0)+1,1)*INDEX($D$3:$AA$30,INDEX(Jesper!$R$2:$R$366,ROW(INDEX(Jesper!AH$2:AH$366,ROUNDDOWN($C5134/24,0)+1,1))-1)+IF('Standard Profiles'!$G$18=$B$10,7,0)+IF('Standard Profiles'!$G$18=$B$17,14,0)+IF('Standard Profiles'!$G$18=$B$24,21,0),MOD($C5134,24)+1)/SUM(INDEX($D$3:$AA$30,INDEX(Jesper!$R$2:$R$366,ROW(INDEX(Jesper!AH$2:AH$366,ROUNDDOWN($C5134/24,0)+1,1))-1)+IF('Standard Profiles'!$G$18=$B$10,7,0)+IF('Standard Profiles'!$G$18=$B$17,14,0)+IF('Standard Profiles'!$G$18=$B$24,21,0),0)),0)</f>
        <v>13.502495743225042</v>
      </c>
      <c r="E5134" cm="1">
        <f t="array" ref="E5134">IFERROR(INDEX(Jesper!AI$2:AI$366,ROUNDDOWN($C5134/24,0)+1,1)*INDEX($D$3:$AA$30,INDEX(Jesper!$R$2:$R$366,ROW(INDEX(Jesper!AI$2:AI$366,ROUNDDOWN($C5134/24,0)+1,1))-1)+IF('Standard Profiles'!$G$19=$B$10,7,0)+IF('Standard Profiles'!$G$19=$B$17,14,0)+IF('Standard Profiles'!$G$19=$B$24,21,0),MOD($C5134,24)+1)/SUM(INDEX($D$3:$AA$30,INDEX(Jesper!$R$2:$R$366,ROW(INDEX(Jesper!AI$2:AI$366,ROUNDDOWN($C5134/24,0)+1,1))-1)+IF('Standard Profiles'!$G$19=$B$10,7,0)+IF('Standard Profiles'!$G$19=$B$17,14,0)+IF('Standard Profiles'!$G$19=$B$24,21,0),0)),0)</f>
        <v>0</v>
      </c>
      <c r="F5134" cm="1">
        <f t="array" ref="F5134">IFERROR(INDEX(Jesper!AJ$2:AJ$366,ROUNDDOWN($C5134/24,0)+1,1)*INDEX($D$3:$AA$30,INDEX(Jesper!$R$2:$R$366,ROW(INDEX(Jesper!AJ$2:AJ$366,ROUNDDOWN($C5134/24,0)+1,1))-1)+IF('Standard Profiles'!$G$20=$B$10,7,0)+IF('Standard Profiles'!$G$20=$B$17,14,0)+IF('Standard Profiles'!$G$20=$B$24,21,0),MOD($C5134,24)+1)/SUM(INDEX($D$3:$AA$30,INDEX(Jesper!$R$2:$R$366,ROW(INDEX(Jesper!AJ$2:AJ$366,ROUNDDOWN($C5134/24,0)+1,1))-1)+IF('Standard Profiles'!$G$20=$B$10,7,0)+IF('Standard Profiles'!$G$20=$B$17,14,0)+IF('Standard Profiles'!$G$20=$B$24,21,0),0)),0)</f>
        <v>0</v>
      </c>
      <c r="G5134" cm="1">
        <f t="array" ref="G5134">IFERROR(INDEX(Jesper!AK$2:AK$366,ROUNDDOWN($C5134/24,0)+1,1)*INDEX($D$3:$AA$30,INDEX(Jesper!$R$2:$R$366,ROW(INDEX(Jesper!AK$2:AK$366,ROUNDDOWN($C5134/24,0)+1,1))-1)+IF('Standard Profiles'!$G$21=$B$10,7,0)+IF('Standard Profiles'!$G$21=$B$17,14,0)+IF('Standard Profiles'!$G$21=$B$24,21,0),MOD($C5134,24)+1)/SUM(INDEX($D$3:$AA$30,INDEX(Jesper!$R$2:$R$366,ROW(INDEX(Jesper!AK$2:AK$366,ROUNDDOWN($C5134/24,0)+1,1))-1)+IF('Standard Profiles'!$G$21=$B$10,7,0)+IF('Standard Profiles'!$G$21=$B$17,14,0)+IF('Standard Profiles'!$G$21=$B$24,21,0),0)),0)</f>
        <v>0</v>
      </c>
      <c r="H5134" cm="1">
        <f t="array" ref="H5134">IFERROR(INDEX(Jesper!AL$2:AL$366,ROUNDDOWN($C5134/24,0)+1,1)*INDEX($D$3:$AA$30,INDEX(Jesper!$R$2:$R$366,ROW(INDEX(Jesper!AL$2:AL$366,ROUNDDOWN($C5134/24,0)+1,1))-1)+IF('Standard Profiles'!$G$22=$B$10,7,0)+IF('Standard Profiles'!$G$22=$B$17,14,0)+IF('Standard Profiles'!$G$22=$B$24,21,0),MOD($C5134,24)+1)/SUM(INDEX($D$3:$AA$30,INDEX(Jesper!$R$2:$R$366,ROW(INDEX(Jesper!AL$2:AL$366,ROUNDDOWN($C5134/24,0)+1,1))-1)+IF('Standard Profiles'!$G$22=$B$10,7,0)+IF('Standard Profiles'!$G$22=$B$17,14,0)+IF('Standard Profiles'!$G$22=$B$24,21,0),0)),0)</f>
        <v>0</v>
      </c>
      <c r="I5134">
        <f t="shared" si="573"/>
        <v>0.40507487229675126</v>
      </c>
      <c r="J5134">
        <f t="shared" si="574"/>
        <v>1.3502495743225043</v>
      </c>
      <c r="K5134">
        <f t="shared" si="575"/>
        <v>2.025374361483756</v>
      </c>
      <c r="L5134">
        <f t="shared" si="576"/>
        <v>9.7217969351220308</v>
      </c>
      <c r="M5134">
        <f t="shared" si="577"/>
        <v>0</v>
      </c>
      <c r="N5134" s="46">
        <f t="shared" si="578"/>
        <v>45504.499999987631</v>
      </c>
    </row>
    <row r="5135" spans="2:14" x14ac:dyDescent="0.3">
      <c r="B5135">
        <f t="shared" si="572"/>
        <v>3</v>
      </c>
      <c r="C5135" s="16">
        <v>5101</v>
      </c>
      <c r="D5135" cm="1">
        <f t="array" ref="D5135">IFERROR(INDEX(Jesper!AH$2:AH$366,ROUNDDOWN($C5135/24,0)+1,1)*INDEX($D$3:$AA$30,INDEX(Jesper!$R$2:$R$366,ROW(INDEX(Jesper!AH$2:AH$366,ROUNDDOWN($C5135/24,0)+1,1))-1)+IF('Standard Profiles'!$G$18=$B$10,7,0)+IF('Standard Profiles'!$G$18=$B$17,14,0)+IF('Standard Profiles'!$G$18=$B$24,21,0),MOD($C5135,24)+1)/SUM(INDEX($D$3:$AA$30,INDEX(Jesper!$R$2:$R$366,ROW(INDEX(Jesper!AH$2:AH$366,ROUNDDOWN($C5135/24,0)+1,1))-1)+IF('Standard Profiles'!$G$18=$B$10,7,0)+IF('Standard Profiles'!$G$18=$B$17,14,0)+IF('Standard Profiles'!$G$18=$B$24,21,0),0)),0)</f>
        <v>13.502495743225042</v>
      </c>
      <c r="E5135" cm="1">
        <f t="array" ref="E5135">IFERROR(INDEX(Jesper!AI$2:AI$366,ROUNDDOWN($C5135/24,0)+1,1)*INDEX($D$3:$AA$30,INDEX(Jesper!$R$2:$R$366,ROW(INDEX(Jesper!AI$2:AI$366,ROUNDDOWN($C5135/24,0)+1,1))-1)+IF('Standard Profiles'!$G$19=$B$10,7,0)+IF('Standard Profiles'!$G$19=$B$17,14,0)+IF('Standard Profiles'!$G$19=$B$24,21,0),MOD($C5135,24)+1)/SUM(INDEX($D$3:$AA$30,INDEX(Jesper!$R$2:$R$366,ROW(INDEX(Jesper!AI$2:AI$366,ROUNDDOWN($C5135/24,0)+1,1))-1)+IF('Standard Profiles'!$G$19=$B$10,7,0)+IF('Standard Profiles'!$G$19=$B$17,14,0)+IF('Standard Profiles'!$G$19=$B$24,21,0),0)),0)</f>
        <v>0</v>
      </c>
      <c r="F5135" cm="1">
        <f t="array" ref="F5135">IFERROR(INDEX(Jesper!AJ$2:AJ$366,ROUNDDOWN($C5135/24,0)+1,1)*INDEX($D$3:$AA$30,INDEX(Jesper!$R$2:$R$366,ROW(INDEX(Jesper!AJ$2:AJ$366,ROUNDDOWN($C5135/24,0)+1,1))-1)+IF('Standard Profiles'!$G$20=$B$10,7,0)+IF('Standard Profiles'!$G$20=$B$17,14,0)+IF('Standard Profiles'!$G$20=$B$24,21,0),MOD($C5135,24)+1)/SUM(INDEX($D$3:$AA$30,INDEX(Jesper!$R$2:$R$366,ROW(INDEX(Jesper!AJ$2:AJ$366,ROUNDDOWN($C5135/24,0)+1,1))-1)+IF('Standard Profiles'!$G$20=$B$10,7,0)+IF('Standard Profiles'!$G$20=$B$17,14,0)+IF('Standard Profiles'!$G$20=$B$24,21,0),0)),0)</f>
        <v>0</v>
      </c>
      <c r="G5135" cm="1">
        <f t="array" ref="G5135">IFERROR(INDEX(Jesper!AK$2:AK$366,ROUNDDOWN($C5135/24,0)+1,1)*INDEX($D$3:$AA$30,INDEX(Jesper!$R$2:$R$366,ROW(INDEX(Jesper!AK$2:AK$366,ROUNDDOWN($C5135/24,0)+1,1))-1)+IF('Standard Profiles'!$G$21=$B$10,7,0)+IF('Standard Profiles'!$G$21=$B$17,14,0)+IF('Standard Profiles'!$G$21=$B$24,21,0),MOD($C5135,24)+1)/SUM(INDEX($D$3:$AA$30,INDEX(Jesper!$R$2:$R$366,ROW(INDEX(Jesper!AK$2:AK$366,ROUNDDOWN($C5135/24,0)+1,1))-1)+IF('Standard Profiles'!$G$21=$B$10,7,0)+IF('Standard Profiles'!$G$21=$B$17,14,0)+IF('Standard Profiles'!$G$21=$B$24,21,0),0)),0)</f>
        <v>0</v>
      </c>
      <c r="H5135" cm="1">
        <f t="array" ref="H5135">IFERROR(INDEX(Jesper!AL$2:AL$366,ROUNDDOWN($C5135/24,0)+1,1)*INDEX($D$3:$AA$30,INDEX(Jesper!$R$2:$R$366,ROW(INDEX(Jesper!AL$2:AL$366,ROUNDDOWN($C5135/24,0)+1,1))-1)+IF('Standard Profiles'!$G$22=$B$10,7,0)+IF('Standard Profiles'!$G$22=$B$17,14,0)+IF('Standard Profiles'!$G$22=$B$24,21,0),MOD($C5135,24)+1)/SUM(INDEX($D$3:$AA$30,INDEX(Jesper!$R$2:$R$366,ROW(INDEX(Jesper!AL$2:AL$366,ROUNDDOWN($C5135/24,0)+1,1))-1)+IF('Standard Profiles'!$G$22=$B$10,7,0)+IF('Standard Profiles'!$G$22=$B$17,14,0)+IF('Standard Profiles'!$G$22=$B$24,21,0),0)),0)</f>
        <v>0</v>
      </c>
      <c r="I5135">
        <f t="shared" si="573"/>
        <v>0.40507487229675126</v>
      </c>
      <c r="J5135">
        <f t="shared" si="574"/>
        <v>1.3502495743225043</v>
      </c>
      <c r="K5135">
        <f t="shared" si="575"/>
        <v>2.025374361483756</v>
      </c>
      <c r="L5135">
        <f t="shared" si="576"/>
        <v>9.7217969351220308</v>
      </c>
      <c r="M5135">
        <f t="shared" si="577"/>
        <v>0</v>
      </c>
      <c r="N5135" s="46">
        <f t="shared" si="578"/>
        <v>45504.541666654295</v>
      </c>
    </row>
    <row r="5136" spans="2:14" x14ac:dyDescent="0.3">
      <c r="B5136">
        <f t="shared" si="572"/>
        <v>3</v>
      </c>
      <c r="C5136" s="16">
        <v>5102</v>
      </c>
      <c r="D5136" cm="1">
        <f t="array" ref="D5136">IFERROR(INDEX(Jesper!AH$2:AH$366,ROUNDDOWN($C5136/24,0)+1,1)*INDEX($D$3:$AA$30,INDEX(Jesper!$R$2:$R$366,ROW(INDEX(Jesper!AH$2:AH$366,ROUNDDOWN($C5136/24,0)+1,1))-1)+IF('Standard Profiles'!$G$18=$B$10,7,0)+IF('Standard Profiles'!$G$18=$B$17,14,0)+IF('Standard Profiles'!$G$18=$B$24,21,0),MOD($C5136,24)+1)/SUM(INDEX($D$3:$AA$30,INDEX(Jesper!$R$2:$R$366,ROW(INDEX(Jesper!AH$2:AH$366,ROUNDDOWN($C5136/24,0)+1,1))-1)+IF('Standard Profiles'!$G$18=$B$10,7,0)+IF('Standard Profiles'!$G$18=$B$17,14,0)+IF('Standard Profiles'!$G$18=$B$24,21,0),0)),0)</f>
        <v>13.502495743225042</v>
      </c>
      <c r="E5136" cm="1">
        <f t="array" ref="E5136">IFERROR(INDEX(Jesper!AI$2:AI$366,ROUNDDOWN($C5136/24,0)+1,1)*INDEX($D$3:$AA$30,INDEX(Jesper!$R$2:$R$366,ROW(INDEX(Jesper!AI$2:AI$366,ROUNDDOWN($C5136/24,0)+1,1))-1)+IF('Standard Profiles'!$G$19=$B$10,7,0)+IF('Standard Profiles'!$G$19=$B$17,14,0)+IF('Standard Profiles'!$G$19=$B$24,21,0),MOD($C5136,24)+1)/SUM(INDEX($D$3:$AA$30,INDEX(Jesper!$R$2:$R$366,ROW(INDEX(Jesper!AI$2:AI$366,ROUNDDOWN($C5136/24,0)+1,1))-1)+IF('Standard Profiles'!$G$19=$B$10,7,0)+IF('Standard Profiles'!$G$19=$B$17,14,0)+IF('Standard Profiles'!$G$19=$B$24,21,0),0)),0)</f>
        <v>0</v>
      </c>
      <c r="F5136" cm="1">
        <f t="array" ref="F5136">IFERROR(INDEX(Jesper!AJ$2:AJ$366,ROUNDDOWN($C5136/24,0)+1,1)*INDEX($D$3:$AA$30,INDEX(Jesper!$R$2:$R$366,ROW(INDEX(Jesper!AJ$2:AJ$366,ROUNDDOWN($C5136/24,0)+1,1))-1)+IF('Standard Profiles'!$G$20=$B$10,7,0)+IF('Standard Profiles'!$G$20=$B$17,14,0)+IF('Standard Profiles'!$G$20=$B$24,21,0),MOD($C5136,24)+1)/SUM(INDEX($D$3:$AA$30,INDEX(Jesper!$R$2:$R$366,ROW(INDEX(Jesper!AJ$2:AJ$366,ROUNDDOWN($C5136/24,0)+1,1))-1)+IF('Standard Profiles'!$G$20=$B$10,7,0)+IF('Standard Profiles'!$G$20=$B$17,14,0)+IF('Standard Profiles'!$G$20=$B$24,21,0),0)),0)</f>
        <v>0</v>
      </c>
      <c r="G5136" cm="1">
        <f t="array" ref="G5136">IFERROR(INDEX(Jesper!AK$2:AK$366,ROUNDDOWN($C5136/24,0)+1,1)*INDEX($D$3:$AA$30,INDEX(Jesper!$R$2:$R$366,ROW(INDEX(Jesper!AK$2:AK$366,ROUNDDOWN($C5136/24,0)+1,1))-1)+IF('Standard Profiles'!$G$21=$B$10,7,0)+IF('Standard Profiles'!$G$21=$B$17,14,0)+IF('Standard Profiles'!$G$21=$B$24,21,0),MOD($C5136,24)+1)/SUM(INDEX($D$3:$AA$30,INDEX(Jesper!$R$2:$R$366,ROW(INDEX(Jesper!AK$2:AK$366,ROUNDDOWN($C5136/24,0)+1,1))-1)+IF('Standard Profiles'!$G$21=$B$10,7,0)+IF('Standard Profiles'!$G$21=$B$17,14,0)+IF('Standard Profiles'!$G$21=$B$24,21,0),0)),0)</f>
        <v>0</v>
      </c>
      <c r="H5136" cm="1">
        <f t="array" ref="H5136">IFERROR(INDEX(Jesper!AL$2:AL$366,ROUNDDOWN($C5136/24,0)+1,1)*INDEX($D$3:$AA$30,INDEX(Jesper!$R$2:$R$366,ROW(INDEX(Jesper!AL$2:AL$366,ROUNDDOWN($C5136/24,0)+1,1))-1)+IF('Standard Profiles'!$G$22=$B$10,7,0)+IF('Standard Profiles'!$G$22=$B$17,14,0)+IF('Standard Profiles'!$G$22=$B$24,21,0),MOD($C5136,24)+1)/SUM(INDEX($D$3:$AA$30,INDEX(Jesper!$R$2:$R$366,ROW(INDEX(Jesper!AL$2:AL$366,ROUNDDOWN($C5136/24,0)+1,1))-1)+IF('Standard Profiles'!$G$22=$B$10,7,0)+IF('Standard Profiles'!$G$22=$B$17,14,0)+IF('Standard Profiles'!$G$22=$B$24,21,0),0)),0)</f>
        <v>0</v>
      </c>
      <c r="I5136">
        <f t="shared" si="573"/>
        <v>0.40507487229675126</v>
      </c>
      <c r="J5136">
        <f t="shared" si="574"/>
        <v>1.3502495743225043</v>
      </c>
      <c r="K5136">
        <f t="shared" si="575"/>
        <v>2.025374361483756</v>
      </c>
      <c r="L5136">
        <f t="shared" si="576"/>
        <v>9.7217969351220308</v>
      </c>
      <c r="M5136">
        <f t="shared" si="577"/>
        <v>0</v>
      </c>
      <c r="N5136" s="46">
        <f t="shared" si="578"/>
        <v>45504.583333320959</v>
      </c>
    </row>
    <row r="5137" spans="2:14" x14ac:dyDescent="0.3">
      <c r="B5137">
        <f t="shared" si="572"/>
        <v>3</v>
      </c>
      <c r="C5137" s="16">
        <v>5103</v>
      </c>
      <c r="D5137" cm="1">
        <f t="array" ref="D5137">IFERROR(INDEX(Jesper!AH$2:AH$366,ROUNDDOWN($C5137/24,0)+1,1)*INDEX($D$3:$AA$30,INDEX(Jesper!$R$2:$R$366,ROW(INDEX(Jesper!AH$2:AH$366,ROUNDDOWN($C5137/24,0)+1,1))-1)+IF('Standard Profiles'!$G$18=$B$10,7,0)+IF('Standard Profiles'!$G$18=$B$17,14,0)+IF('Standard Profiles'!$G$18=$B$24,21,0),MOD($C5137,24)+1)/SUM(INDEX($D$3:$AA$30,INDEX(Jesper!$R$2:$R$366,ROW(INDEX(Jesper!AH$2:AH$366,ROUNDDOWN($C5137/24,0)+1,1))-1)+IF('Standard Profiles'!$G$18=$B$10,7,0)+IF('Standard Profiles'!$G$18=$B$17,14,0)+IF('Standard Profiles'!$G$18=$B$24,21,0),0)),0)</f>
        <v>13.502495743225042</v>
      </c>
      <c r="E5137" cm="1">
        <f t="array" ref="E5137">IFERROR(INDEX(Jesper!AI$2:AI$366,ROUNDDOWN($C5137/24,0)+1,1)*INDEX($D$3:$AA$30,INDEX(Jesper!$R$2:$R$366,ROW(INDEX(Jesper!AI$2:AI$366,ROUNDDOWN($C5137/24,0)+1,1))-1)+IF('Standard Profiles'!$G$19=$B$10,7,0)+IF('Standard Profiles'!$G$19=$B$17,14,0)+IF('Standard Profiles'!$G$19=$B$24,21,0),MOD($C5137,24)+1)/SUM(INDEX($D$3:$AA$30,INDEX(Jesper!$R$2:$R$366,ROW(INDEX(Jesper!AI$2:AI$366,ROUNDDOWN($C5137/24,0)+1,1))-1)+IF('Standard Profiles'!$G$19=$B$10,7,0)+IF('Standard Profiles'!$G$19=$B$17,14,0)+IF('Standard Profiles'!$G$19=$B$24,21,0),0)),0)</f>
        <v>0</v>
      </c>
      <c r="F5137" cm="1">
        <f t="array" ref="F5137">IFERROR(INDEX(Jesper!AJ$2:AJ$366,ROUNDDOWN($C5137/24,0)+1,1)*INDEX($D$3:$AA$30,INDEX(Jesper!$R$2:$R$366,ROW(INDEX(Jesper!AJ$2:AJ$366,ROUNDDOWN($C5137/24,0)+1,1))-1)+IF('Standard Profiles'!$G$20=$B$10,7,0)+IF('Standard Profiles'!$G$20=$B$17,14,0)+IF('Standard Profiles'!$G$20=$B$24,21,0),MOD($C5137,24)+1)/SUM(INDEX($D$3:$AA$30,INDEX(Jesper!$R$2:$R$366,ROW(INDEX(Jesper!AJ$2:AJ$366,ROUNDDOWN($C5137/24,0)+1,1))-1)+IF('Standard Profiles'!$G$20=$B$10,7,0)+IF('Standard Profiles'!$G$20=$B$17,14,0)+IF('Standard Profiles'!$G$20=$B$24,21,0),0)),0)</f>
        <v>0</v>
      </c>
      <c r="G5137" cm="1">
        <f t="array" ref="G5137">IFERROR(INDEX(Jesper!AK$2:AK$366,ROUNDDOWN($C5137/24,0)+1,1)*INDEX($D$3:$AA$30,INDEX(Jesper!$R$2:$R$366,ROW(INDEX(Jesper!AK$2:AK$366,ROUNDDOWN($C5137/24,0)+1,1))-1)+IF('Standard Profiles'!$G$21=$B$10,7,0)+IF('Standard Profiles'!$G$21=$B$17,14,0)+IF('Standard Profiles'!$G$21=$B$24,21,0),MOD($C5137,24)+1)/SUM(INDEX($D$3:$AA$30,INDEX(Jesper!$R$2:$R$366,ROW(INDEX(Jesper!AK$2:AK$366,ROUNDDOWN($C5137/24,0)+1,1))-1)+IF('Standard Profiles'!$G$21=$B$10,7,0)+IF('Standard Profiles'!$G$21=$B$17,14,0)+IF('Standard Profiles'!$G$21=$B$24,21,0),0)),0)</f>
        <v>0</v>
      </c>
      <c r="H5137" cm="1">
        <f t="array" ref="H5137">IFERROR(INDEX(Jesper!AL$2:AL$366,ROUNDDOWN($C5137/24,0)+1,1)*INDEX($D$3:$AA$30,INDEX(Jesper!$R$2:$R$366,ROW(INDEX(Jesper!AL$2:AL$366,ROUNDDOWN($C5137/24,0)+1,1))-1)+IF('Standard Profiles'!$G$22=$B$10,7,0)+IF('Standard Profiles'!$G$22=$B$17,14,0)+IF('Standard Profiles'!$G$22=$B$24,21,0),MOD($C5137,24)+1)/SUM(INDEX($D$3:$AA$30,INDEX(Jesper!$R$2:$R$366,ROW(INDEX(Jesper!AL$2:AL$366,ROUNDDOWN($C5137/24,0)+1,1))-1)+IF('Standard Profiles'!$G$22=$B$10,7,0)+IF('Standard Profiles'!$G$22=$B$17,14,0)+IF('Standard Profiles'!$G$22=$B$24,21,0),0)),0)</f>
        <v>0</v>
      </c>
      <c r="I5137">
        <f t="shared" si="573"/>
        <v>0.40507487229675126</v>
      </c>
      <c r="J5137">
        <f t="shared" si="574"/>
        <v>1.3502495743225043</v>
      </c>
      <c r="K5137">
        <f t="shared" si="575"/>
        <v>2.025374361483756</v>
      </c>
      <c r="L5137">
        <f t="shared" si="576"/>
        <v>9.7217969351220308</v>
      </c>
      <c r="M5137">
        <f t="shared" si="577"/>
        <v>0</v>
      </c>
      <c r="N5137" s="46">
        <f t="shared" si="578"/>
        <v>45504.624999987624</v>
      </c>
    </row>
    <row r="5138" spans="2:14" x14ac:dyDescent="0.3">
      <c r="B5138">
        <f t="shared" si="572"/>
        <v>3</v>
      </c>
      <c r="C5138" s="16">
        <v>5104</v>
      </c>
      <c r="D5138" cm="1">
        <f t="array" ref="D5138">IFERROR(INDEX(Jesper!AH$2:AH$366,ROUNDDOWN($C5138/24,0)+1,1)*INDEX($D$3:$AA$30,INDEX(Jesper!$R$2:$R$366,ROW(INDEX(Jesper!AH$2:AH$366,ROUNDDOWN($C5138/24,0)+1,1))-1)+IF('Standard Profiles'!$G$18=$B$10,7,0)+IF('Standard Profiles'!$G$18=$B$17,14,0)+IF('Standard Profiles'!$G$18=$B$24,21,0),MOD($C5138,24)+1)/SUM(INDEX($D$3:$AA$30,INDEX(Jesper!$R$2:$R$366,ROW(INDEX(Jesper!AH$2:AH$366,ROUNDDOWN($C5138/24,0)+1,1))-1)+IF('Standard Profiles'!$G$18=$B$10,7,0)+IF('Standard Profiles'!$G$18=$B$17,14,0)+IF('Standard Profiles'!$G$18=$B$24,21,0),0)),0)</f>
        <v>13.502495743225042</v>
      </c>
      <c r="E5138" cm="1">
        <f t="array" ref="E5138">IFERROR(INDEX(Jesper!AI$2:AI$366,ROUNDDOWN($C5138/24,0)+1,1)*INDEX($D$3:$AA$30,INDEX(Jesper!$R$2:$R$366,ROW(INDEX(Jesper!AI$2:AI$366,ROUNDDOWN($C5138/24,0)+1,1))-1)+IF('Standard Profiles'!$G$19=$B$10,7,0)+IF('Standard Profiles'!$G$19=$B$17,14,0)+IF('Standard Profiles'!$G$19=$B$24,21,0),MOD($C5138,24)+1)/SUM(INDEX($D$3:$AA$30,INDEX(Jesper!$R$2:$R$366,ROW(INDEX(Jesper!AI$2:AI$366,ROUNDDOWN($C5138/24,0)+1,1))-1)+IF('Standard Profiles'!$G$19=$B$10,7,0)+IF('Standard Profiles'!$G$19=$B$17,14,0)+IF('Standard Profiles'!$G$19=$B$24,21,0),0)),0)</f>
        <v>0</v>
      </c>
      <c r="F5138" cm="1">
        <f t="array" ref="F5138">IFERROR(INDEX(Jesper!AJ$2:AJ$366,ROUNDDOWN($C5138/24,0)+1,1)*INDEX($D$3:$AA$30,INDEX(Jesper!$R$2:$R$366,ROW(INDEX(Jesper!AJ$2:AJ$366,ROUNDDOWN($C5138/24,0)+1,1))-1)+IF('Standard Profiles'!$G$20=$B$10,7,0)+IF('Standard Profiles'!$G$20=$B$17,14,0)+IF('Standard Profiles'!$G$20=$B$24,21,0),MOD($C5138,24)+1)/SUM(INDEX($D$3:$AA$30,INDEX(Jesper!$R$2:$R$366,ROW(INDEX(Jesper!AJ$2:AJ$366,ROUNDDOWN($C5138/24,0)+1,1))-1)+IF('Standard Profiles'!$G$20=$B$10,7,0)+IF('Standard Profiles'!$G$20=$B$17,14,0)+IF('Standard Profiles'!$G$20=$B$24,21,0),0)),0)</f>
        <v>0</v>
      </c>
      <c r="G5138" cm="1">
        <f t="array" ref="G5138">IFERROR(INDEX(Jesper!AK$2:AK$366,ROUNDDOWN($C5138/24,0)+1,1)*INDEX($D$3:$AA$30,INDEX(Jesper!$R$2:$R$366,ROW(INDEX(Jesper!AK$2:AK$366,ROUNDDOWN($C5138/24,0)+1,1))-1)+IF('Standard Profiles'!$G$21=$B$10,7,0)+IF('Standard Profiles'!$G$21=$B$17,14,0)+IF('Standard Profiles'!$G$21=$B$24,21,0),MOD($C5138,24)+1)/SUM(INDEX($D$3:$AA$30,INDEX(Jesper!$R$2:$R$366,ROW(INDEX(Jesper!AK$2:AK$366,ROUNDDOWN($C5138/24,0)+1,1))-1)+IF('Standard Profiles'!$G$21=$B$10,7,0)+IF('Standard Profiles'!$G$21=$B$17,14,0)+IF('Standard Profiles'!$G$21=$B$24,21,0),0)),0)</f>
        <v>0</v>
      </c>
      <c r="H5138" cm="1">
        <f t="array" ref="H5138">IFERROR(INDEX(Jesper!AL$2:AL$366,ROUNDDOWN($C5138/24,0)+1,1)*INDEX($D$3:$AA$30,INDEX(Jesper!$R$2:$R$366,ROW(INDEX(Jesper!AL$2:AL$366,ROUNDDOWN($C5138/24,0)+1,1))-1)+IF('Standard Profiles'!$G$22=$B$10,7,0)+IF('Standard Profiles'!$G$22=$B$17,14,0)+IF('Standard Profiles'!$G$22=$B$24,21,0),MOD($C5138,24)+1)/SUM(INDEX($D$3:$AA$30,INDEX(Jesper!$R$2:$R$366,ROW(INDEX(Jesper!AL$2:AL$366,ROUNDDOWN($C5138/24,0)+1,1))-1)+IF('Standard Profiles'!$G$22=$B$10,7,0)+IF('Standard Profiles'!$G$22=$B$17,14,0)+IF('Standard Profiles'!$G$22=$B$24,21,0),0)),0)</f>
        <v>0</v>
      </c>
      <c r="I5138">
        <f t="shared" si="573"/>
        <v>0.40507487229675126</v>
      </c>
      <c r="J5138">
        <f t="shared" si="574"/>
        <v>1.3502495743225043</v>
      </c>
      <c r="K5138">
        <f t="shared" si="575"/>
        <v>2.025374361483756</v>
      </c>
      <c r="L5138">
        <f t="shared" si="576"/>
        <v>9.7217969351220308</v>
      </c>
      <c r="M5138">
        <f t="shared" si="577"/>
        <v>0</v>
      </c>
      <c r="N5138" s="46">
        <f t="shared" si="578"/>
        <v>45504.666666654288</v>
      </c>
    </row>
    <row r="5139" spans="2:14" x14ac:dyDescent="0.3">
      <c r="B5139">
        <f t="shared" si="572"/>
        <v>3</v>
      </c>
      <c r="C5139" s="16">
        <v>5105</v>
      </c>
      <c r="D5139" cm="1">
        <f t="array" ref="D5139">IFERROR(INDEX(Jesper!AH$2:AH$366,ROUNDDOWN($C5139/24,0)+1,1)*INDEX($D$3:$AA$30,INDEX(Jesper!$R$2:$R$366,ROW(INDEX(Jesper!AH$2:AH$366,ROUNDDOWN($C5139/24,0)+1,1))-1)+IF('Standard Profiles'!$G$18=$B$10,7,0)+IF('Standard Profiles'!$G$18=$B$17,14,0)+IF('Standard Profiles'!$G$18=$B$24,21,0),MOD($C5139,24)+1)/SUM(INDEX($D$3:$AA$30,INDEX(Jesper!$R$2:$R$366,ROW(INDEX(Jesper!AH$2:AH$366,ROUNDDOWN($C5139/24,0)+1,1))-1)+IF('Standard Profiles'!$G$18=$B$10,7,0)+IF('Standard Profiles'!$G$18=$B$17,14,0)+IF('Standard Profiles'!$G$18=$B$24,21,0),0)),0)</f>
        <v>13.502495743225042</v>
      </c>
      <c r="E5139" cm="1">
        <f t="array" ref="E5139">IFERROR(INDEX(Jesper!AI$2:AI$366,ROUNDDOWN($C5139/24,0)+1,1)*INDEX($D$3:$AA$30,INDEX(Jesper!$R$2:$R$366,ROW(INDEX(Jesper!AI$2:AI$366,ROUNDDOWN($C5139/24,0)+1,1))-1)+IF('Standard Profiles'!$G$19=$B$10,7,0)+IF('Standard Profiles'!$G$19=$B$17,14,0)+IF('Standard Profiles'!$G$19=$B$24,21,0),MOD($C5139,24)+1)/SUM(INDEX($D$3:$AA$30,INDEX(Jesper!$R$2:$R$366,ROW(INDEX(Jesper!AI$2:AI$366,ROUNDDOWN($C5139/24,0)+1,1))-1)+IF('Standard Profiles'!$G$19=$B$10,7,0)+IF('Standard Profiles'!$G$19=$B$17,14,0)+IF('Standard Profiles'!$G$19=$B$24,21,0),0)),0)</f>
        <v>0</v>
      </c>
      <c r="F5139" cm="1">
        <f t="array" ref="F5139">IFERROR(INDEX(Jesper!AJ$2:AJ$366,ROUNDDOWN($C5139/24,0)+1,1)*INDEX($D$3:$AA$30,INDEX(Jesper!$R$2:$R$366,ROW(INDEX(Jesper!AJ$2:AJ$366,ROUNDDOWN($C5139/24,0)+1,1))-1)+IF('Standard Profiles'!$G$20=$B$10,7,0)+IF('Standard Profiles'!$G$20=$B$17,14,0)+IF('Standard Profiles'!$G$20=$B$24,21,0),MOD($C5139,24)+1)/SUM(INDEX($D$3:$AA$30,INDEX(Jesper!$R$2:$R$366,ROW(INDEX(Jesper!AJ$2:AJ$366,ROUNDDOWN($C5139/24,0)+1,1))-1)+IF('Standard Profiles'!$G$20=$B$10,7,0)+IF('Standard Profiles'!$G$20=$B$17,14,0)+IF('Standard Profiles'!$G$20=$B$24,21,0),0)),0)</f>
        <v>0</v>
      </c>
      <c r="G5139" cm="1">
        <f t="array" ref="G5139">IFERROR(INDEX(Jesper!AK$2:AK$366,ROUNDDOWN($C5139/24,0)+1,1)*INDEX($D$3:$AA$30,INDEX(Jesper!$R$2:$R$366,ROW(INDEX(Jesper!AK$2:AK$366,ROUNDDOWN($C5139/24,0)+1,1))-1)+IF('Standard Profiles'!$G$21=$B$10,7,0)+IF('Standard Profiles'!$G$21=$B$17,14,0)+IF('Standard Profiles'!$G$21=$B$24,21,0),MOD($C5139,24)+1)/SUM(INDEX($D$3:$AA$30,INDEX(Jesper!$R$2:$R$366,ROW(INDEX(Jesper!AK$2:AK$366,ROUNDDOWN($C5139/24,0)+1,1))-1)+IF('Standard Profiles'!$G$21=$B$10,7,0)+IF('Standard Profiles'!$G$21=$B$17,14,0)+IF('Standard Profiles'!$G$21=$B$24,21,0),0)),0)</f>
        <v>0</v>
      </c>
      <c r="H5139" cm="1">
        <f t="array" ref="H5139">IFERROR(INDEX(Jesper!AL$2:AL$366,ROUNDDOWN($C5139/24,0)+1,1)*INDEX($D$3:$AA$30,INDEX(Jesper!$R$2:$R$366,ROW(INDEX(Jesper!AL$2:AL$366,ROUNDDOWN($C5139/24,0)+1,1))-1)+IF('Standard Profiles'!$G$22=$B$10,7,0)+IF('Standard Profiles'!$G$22=$B$17,14,0)+IF('Standard Profiles'!$G$22=$B$24,21,0),MOD($C5139,24)+1)/SUM(INDEX($D$3:$AA$30,INDEX(Jesper!$R$2:$R$366,ROW(INDEX(Jesper!AL$2:AL$366,ROUNDDOWN($C5139/24,0)+1,1))-1)+IF('Standard Profiles'!$G$22=$B$10,7,0)+IF('Standard Profiles'!$G$22=$B$17,14,0)+IF('Standard Profiles'!$G$22=$B$24,21,0),0)),0)</f>
        <v>0</v>
      </c>
      <c r="I5139">
        <f t="shared" si="573"/>
        <v>0.40507487229675126</v>
      </c>
      <c r="J5139">
        <f t="shared" si="574"/>
        <v>1.3502495743225043</v>
      </c>
      <c r="K5139">
        <f t="shared" si="575"/>
        <v>2.025374361483756</v>
      </c>
      <c r="L5139">
        <f t="shared" si="576"/>
        <v>9.7217969351220308</v>
      </c>
      <c r="M5139">
        <f t="shared" si="577"/>
        <v>0</v>
      </c>
      <c r="N5139" s="46">
        <f t="shared" si="578"/>
        <v>45504.708333320952</v>
      </c>
    </row>
    <row r="5140" spans="2:14" x14ac:dyDescent="0.3">
      <c r="B5140">
        <f t="shared" si="572"/>
        <v>3</v>
      </c>
      <c r="C5140" s="16">
        <v>5106</v>
      </c>
      <c r="D5140" cm="1">
        <f t="array" ref="D5140">IFERROR(INDEX(Jesper!AH$2:AH$366,ROUNDDOWN($C5140/24,0)+1,1)*INDEX($D$3:$AA$30,INDEX(Jesper!$R$2:$R$366,ROW(INDEX(Jesper!AH$2:AH$366,ROUNDDOWN($C5140/24,0)+1,1))-1)+IF('Standard Profiles'!$G$18=$B$10,7,0)+IF('Standard Profiles'!$G$18=$B$17,14,0)+IF('Standard Profiles'!$G$18=$B$24,21,0),MOD($C5140,24)+1)/SUM(INDEX($D$3:$AA$30,INDEX(Jesper!$R$2:$R$366,ROW(INDEX(Jesper!AH$2:AH$366,ROUNDDOWN($C5140/24,0)+1,1))-1)+IF('Standard Profiles'!$G$18=$B$10,7,0)+IF('Standard Profiles'!$G$18=$B$17,14,0)+IF('Standard Profiles'!$G$18=$B$24,21,0),0)),0)</f>
        <v>13.502495743225042</v>
      </c>
      <c r="E5140" cm="1">
        <f t="array" ref="E5140">IFERROR(INDEX(Jesper!AI$2:AI$366,ROUNDDOWN($C5140/24,0)+1,1)*INDEX($D$3:$AA$30,INDEX(Jesper!$R$2:$R$366,ROW(INDEX(Jesper!AI$2:AI$366,ROUNDDOWN($C5140/24,0)+1,1))-1)+IF('Standard Profiles'!$G$19=$B$10,7,0)+IF('Standard Profiles'!$G$19=$B$17,14,0)+IF('Standard Profiles'!$G$19=$B$24,21,0),MOD($C5140,24)+1)/SUM(INDEX($D$3:$AA$30,INDEX(Jesper!$R$2:$R$366,ROW(INDEX(Jesper!AI$2:AI$366,ROUNDDOWN($C5140/24,0)+1,1))-1)+IF('Standard Profiles'!$G$19=$B$10,7,0)+IF('Standard Profiles'!$G$19=$B$17,14,0)+IF('Standard Profiles'!$G$19=$B$24,21,0),0)),0)</f>
        <v>0</v>
      </c>
      <c r="F5140" cm="1">
        <f t="array" ref="F5140">IFERROR(INDEX(Jesper!AJ$2:AJ$366,ROUNDDOWN($C5140/24,0)+1,1)*INDEX($D$3:$AA$30,INDEX(Jesper!$R$2:$R$366,ROW(INDEX(Jesper!AJ$2:AJ$366,ROUNDDOWN($C5140/24,0)+1,1))-1)+IF('Standard Profiles'!$G$20=$B$10,7,0)+IF('Standard Profiles'!$G$20=$B$17,14,0)+IF('Standard Profiles'!$G$20=$B$24,21,0),MOD($C5140,24)+1)/SUM(INDEX($D$3:$AA$30,INDEX(Jesper!$R$2:$R$366,ROW(INDEX(Jesper!AJ$2:AJ$366,ROUNDDOWN($C5140/24,0)+1,1))-1)+IF('Standard Profiles'!$G$20=$B$10,7,0)+IF('Standard Profiles'!$G$20=$B$17,14,0)+IF('Standard Profiles'!$G$20=$B$24,21,0),0)),0)</f>
        <v>0</v>
      </c>
      <c r="G5140" cm="1">
        <f t="array" ref="G5140">IFERROR(INDEX(Jesper!AK$2:AK$366,ROUNDDOWN($C5140/24,0)+1,1)*INDEX($D$3:$AA$30,INDEX(Jesper!$R$2:$R$366,ROW(INDEX(Jesper!AK$2:AK$366,ROUNDDOWN($C5140/24,0)+1,1))-1)+IF('Standard Profiles'!$G$21=$B$10,7,0)+IF('Standard Profiles'!$G$21=$B$17,14,0)+IF('Standard Profiles'!$G$21=$B$24,21,0),MOD($C5140,24)+1)/SUM(INDEX($D$3:$AA$30,INDEX(Jesper!$R$2:$R$366,ROW(INDEX(Jesper!AK$2:AK$366,ROUNDDOWN($C5140/24,0)+1,1))-1)+IF('Standard Profiles'!$G$21=$B$10,7,0)+IF('Standard Profiles'!$G$21=$B$17,14,0)+IF('Standard Profiles'!$G$21=$B$24,21,0),0)),0)</f>
        <v>0</v>
      </c>
      <c r="H5140" cm="1">
        <f t="array" ref="H5140">IFERROR(INDEX(Jesper!AL$2:AL$366,ROUNDDOWN($C5140/24,0)+1,1)*INDEX($D$3:$AA$30,INDEX(Jesper!$R$2:$R$366,ROW(INDEX(Jesper!AL$2:AL$366,ROUNDDOWN($C5140/24,0)+1,1))-1)+IF('Standard Profiles'!$G$22=$B$10,7,0)+IF('Standard Profiles'!$G$22=$B$17,14,0)+IF('Standard Profiles'!$G$22=$B$24,21,0),MOD($C5140,24)+1)/SUM(INDEX($D$3:$AA$30,INDEX(Jesper!$R$2:$R$366,ROW(INDEX(Jesper!AL$2:AL$366,ROUNDDOWN($C5140/24,0)+1,1))-1)+IF('Standard Profiles'!$G$22=$B$10,7,0)+IF('Standard Profiles'!$G$22=$B$17,14,0)+IF('Standard Profiles'!$G$22=$B$24,21,0),0)),0)</f>
        <v>0</v>
      </c>
      <c r="I5140">
        <f t="shared" si="573"/>
        <v>0.40507487229675126</v>
      </c>
      <c r="J5140">
        <f t="shared" si="574"/>
        <v>1.3502495743225043</v>
      </c>
      <c r="K5140">
        <f t="shared" si="575"/>
        <v>2.025374361483756</v>
      </c>
      <c r="L5140">
        <f t="shared" si="576"/>
        <v>9.7217969351220308</v>
      </c>
      <c r="M5140">
        <f t="shared" si="577"/>
        <v>0</v>
      </c>
      <c r="N5140" s="46">
        <f t="shared" si="578"/>
        <v>45504.749999987616</v>
      </c>
    </row>
    <row r="5141" spans="2:14" x14ac:dyDescent="0.3">
      <c r="B5141">
        <f t="shared" si="572"/>
        <v>3</v>
      </c>
      <c r="C5141" s="16">
        <v>5107</v>
      </c>
      <c r="D5141" cm="1">
        <f t="array" ref="D5141">IFERROR(INDEX(Jesper!AH$2:AH$366,ROUNDDOWN($C5141/24,0)+1,1)*INDEX($D$3:$AA$30,INDEX(Jesper!$R$2:$R$366,ROW(INDEX(Jesper!AH$2:AH$366,ROUNDDOWN($C5141/24,0)+1,1))-1)+IF('Standard Profiles'!$G$18=$B$10,7,0)+IF('Standard Profiles'!$G$18=$B$17,14,0)+IF('Standard Profiles'!$G$18=$B$24,21,0),MOD($C5141,24)+1)/SUM(INDEX($D$3:$AA$30,INDEX(Jesper!$R$2:$R$366,ROW(INDEX(Jesper!AH$2:AH$366,ROUNDDOWN($C5141/24,0)+1,1))-1)+IF('Standard Profiles'!$G$18=$B$10,7,0)+IF('Standard Profiles'!$G$18=$B$17,14,0)+IF('Standard Profiles'!$G$18=$B$24,21,0),0)),0)</f>
        <v>11.252079786020868</v>
      </c>
      <c r="E5141" cm="1">
        <f t="array" ref="E5141">IFERROR(INDEX(Jesper!AI$2:AI$366,ROUNDDOWN($C5141/24,0)+1,1)*INDEX($D$3:$AA$30,INDEX(Jesper!$R$2:$R$366,ROW(INDEX(Jesper!AI$2:AI$366,ROUNDDOWN($C5141/24,0)+1,1))-1)+IF('Standard Profiles'!$G$19=$B$10,7,0)+IF('Standard Profiles'!$G$19=$B$17,14,0)+IF('Standard Profiles'!$G$19=$B$24,21,0),MOD($C5141,24)+1)/SUM(INDEX($D$3:$AA$30,INDEX(Jesper!$R$2:$R$366,ROW(INDEX(Jesper!AI$2:AI$366,ROUNDDOWN($C5141/24,0)+1,1))-1)+IF('Standard Profiles'!$G$19=$B$10,7,0)+IF('Standard Profiles'!$G$19=$B$17,14,0)+IF('Standard Profiles'!$G$19=$B$24,21,0),0)),0)</f>
        <v>0</v>
      </c>
      <c r="F5141" cm="1">
        <f t="array" ref="F5141">IFERROR(INDEX(Jesper!AJ$2:AJ$366,ROUNDDOWN($C5141/24,0)+1,1)*INDEX($D$3:$AA$30,INDEX(Jesper!$R$2:$R$366,ROW(INDEX(Jesper!AJ$2:AJ$366,ROUNDDOWN($C5141/24,0)+1,1))-1)+IF('Standard Profiles'!$G$20=$B$10,7,0)+IF('Standard Profiles'!$G$20=$B$17,14,0)+IF('Standard Profiles'!$G$20=$B$24,21,0),MOD($C5141,24)+1)/SUM(INDEX($D$3:$AA$30,INDEX(Jesper!$R$2:$R$366,ROW(INDEX(Jesper!AJ$2:AJ$366,ROUNDDOWN($C5141/24,0)+1,1))-1)+IF('Standard Profiles'!$G$20=$B$10,7,0)+IF('Standard Profiles'!$G$20=$B$17,14,0)+IF('Standard Profiles'!$G$20=$B$24,21,0),0)),0)</f>
        <v>0</v>
      </c>
      <c r="G5141" cm="1">
        <f t="array" ref="G5141">IFERROR(INDEX(Jesper!AK$2:AK$366,ROUNDDOWN($C5141/24,0)+1,1)*INDEX($D$3:$AA$30,INDEX(Jesper!$R$2:$R$366,ROW(INDEX(Jesper!AK$2:AK$366,ROUNDDOWN($C5141/24,0)+1,1))-1)+IF('Standard Profiles'!$G$21=$B$10,7,0)+IF('Standard Profiles'!$G$21=$B$17,14,0)+IF('Standard Profiles'!$G$21=$B$24,21,0),MOD($C5141,24)+1)/SUM(INDEX($D$3:$AA$30,INDEX(Jesper!$R$2:$R$366,ROW(INDEX(Jesper!AK$2:AK$366,ROUNDDOWN($C5141/24,0)+1,1))-1)+IF('Standard Profiles'!$G$21=$B$10,7,0)+IF('Standard Profiles'!$G$21=$B$17,14,0)+IF('Standard Profiles'!$G$21=$B$24,21,0),0)),0)</f>
        <v>0</v>
      </c>
      <c r="H5141" cm="1">
        <f t="array" ref="H5141">IFERROR(INDEX(Jesper!AL$2:AL$366,ROUNDDOWN($C5141/24,0)+1,1)*INDEX($D$3:$AA$30,INDEX(Jesper!$R$2:$R$366,ROW(INDEX(Jesper!AL$2:AL$366,ROUNDDOWN($C5141/24,0)+1,1))-1)+IF('Standard Profiles'!$G$22=$B$10,7,0)+IF('Standard Profiles'!$G$22=$B$17,14,0)+IF('Standard Profiles'!$G$22=$B$24,21,0),MOD($C5141,24)+1)/SUM(INDEX($D$3:$AA$30,INDEX(Jesper!$R$2:$R$366,ROW(INDEX(Jesper!AL$2:AL$366,ROUNDDOWN($C5141/24,0)+1,1))-1)+IF('Standard Profiles'!$G$22=$B$10,7,0)+IF('Standard Profiles'!$G$22=$B$17,14,0)+IF('Standard Profiles'!$G$22=$B$24,21,0),0)),0)</f>
        <v>0</v>
      </c>
      <c r="I5141">
        <f t="shared" si="573"/>
        <v>0.33756239358062601</v>
      </c>
      <c r="J5141">
        <f t="shared" si="574"/>
        <v>1.1252079786020868</v>
      </c>
      <c r="K5141">
        <f t="shared" si="575"/>
        <v>1.6878119679031303</v>
      </c>
      <c r="L5141">
        <f t="shared" si="576"/>
        <v>8.1014974459350242</v>
      </c>
      <c r="M5141">
        <f t="shared" si="577"/>
        <v>0</v>
      </c>
      <c r="N5141" s="46">
        <f t="shared" si="578"/>
        <v>45504.791666654281</v>
      </c>
    </row>
    <row r="5142" spans="2:14" x14ac:dyDescent="0.3">
      <c r="B5142">
        <f t="shared" si="572"/>
        <v>3</v>
      </c>
      <c r="C5142" s="16">
        <v>5108</v>
      </c>
      <c r="D5142" cm="1">
        <f t="array" ref="D5142">IFERROR(INDEX(Jesper!AH$2:AH$366,ROUNDDOWN($C5142/24,0)+1,1)*INDEX($D$3:$AA$30,INDEX(Jesper!$R$2:$R$366,ROW(INDEX(Jesper!AH$2:AH$366,ROUNDDOWN($C5142/24,0)+1,1))-1)+IF('Standard Profiles'!$G$18=$B$10,7,0)+IF('Standard Profiles'!$G$18=$B$17,14,0)+IF('Standard Profiles'!$G$18=$B$24,21,0),MOD($C5142,24)+1)/SUM(INDEX($D$3:$AA$30,INDEX(Jesper!$R$2:$R$366,ROW(INDEX(Jesper!AH$2:AH$366,ROUNDDOWN($C5142/24,0)+1,1))-1)+IF('Standard Profiles'!$G$18=$B$10,7,0)+IF('Standard Profiles'!$G$18=$B$17,14,0)+IF('Standard Profiles'!$G$18=$B$24,21,0),0)),0)</f>
        <v>9.0016638288166941</v>
      </c>
      <c r="E5142" cm="1">
        <f t="array" ref="E5142">IFERROR(INDEX(Jesper!AI$2:AI$366,ROUNDDOWN($C5142/24,0)+1,1)*INDEX($D$3:$AA$30,INDEX(Jesper!$R$2:$R$366,ROW(INDEX(Jesper!AI$2:AI$366,ROUNDDOWN($C5142/24,0)+1,1))-1)+IF('Standard Profiles'!$G$19=$B$10,7,0)+IF('Standard Profiles'!$G$19=$B$17,14,0)+IF('Standard Profiles'!$G$19=$B$24,21,0),MOD($C5142,24)+1)/SUM(INDEX($D$3:$AA$30,INDEX(Jesper!$R$2:$R$366,ROW(INDEX(Jesper!AI$2:AI$366,ROUNDDOWN($C5142/24,0)+1,1))-1)+IF('Standard Profiles'!$G$19=$B$10,7,0)+IF('Standard Profiles'!$G$19=$B$17,14,0)+IF('Standard Profiles'!$G$19=$B$24,21,0),0)),0)</f>
        <v>0</v>
      </c>
      <c r="F5142" cm="1">
        <f t="array" ref="F5142">IFERROR(INDEX(Jesper!AJ$2:AJ$366,ROUNDDOWN($C5142/24,0)+1,1)*INDEX($D$3:$AA$30,INDEX(Jesper!$R$2:$R$366,ROW(INDEX(Jesper!AJ$2:AJ$366,ROUNDDOWN($C5142/24,0)+1,1))-1)+IF('Standard Profiles'!$G$20=$B$10,7,0)+IF('Standard Profiles'!$G$20=$B$17,14,0)+IF('Standard Profiles'!$G$20=$B$24,21,0),MOD($C5142,24)+1)/SUM(INDEX($D$3:$AA$30,INDEX(Jesper!$R$2:$R$366,ROW(INDEX(Jesper!AJ$2:AJ$366,ROUNDDOWN($C5142/24,0)+1,1))-1)+IF('Standard Profiles'!$G$20=$B$10,7,0)+IF('Standard Profiles'!$G$20=$B$17,14,0)+IF('Standard Profiles'!$G$20=$B$24,21,0),0)),0)</f>
        <v>0</v>
      </c>
      <c r="G5142" cm="1">
        <f t="array" ref="G5142">IFERROR(INDEX(Jesper!AK$2:AK$366,ROUNDDOWN($C5142/24,0)+1,1)*INDEX($D$3:$AA$30,INDEX(Jesper!$R$2:$R$366,ROW(INDEX(Jesper!AK$2:AK$366,ROUNDDOWN($C5142/24,0)+1,1))-1)+IF('Standard Profiles'!$G$21=$B$10,7,0)+IF('Standard Profiles'!$G$21=$B$17,14,0)+IF('Standard Profiles'!$G$21=$B$24,21,0),MOD($C5142,24)+1)/SUM(INDEX($D$3:$AA$30,INDEX(Jesper!$R$2:$R$366,ROW(INDEX(Jesper!AK$2:AK$366,ROUNDDOWN($C5142/24,0)+1,1))-1)+IF('Standard Profiles'!$G$21=$B$10,7,0)+IF('Standard Profiles'!$G$21=$B$17,14,0)+IF('Standard Profiles'!$G$21=$B$24,21,0),0)),0)</f>
        <v>0</v>
      </c>
      <c r="H5142" cm="1">
        <f t="array" ref="H5142">IFERROR(INDEX(Jesper!AL$2:AL$366,ROUNDDOWN($C5142/24,0)+1,1)*INDEX($D$3:$AA$30,INDEX(Jesper!$R$2:$R$366,ROW(INDEX(Jesper!AL$2:AL$366,ROUNDDOWN($C5142/24,0)+1,1))-1)+IF('Standard Profiles'!$G$22=$B$10,7,0)+IF('Standard Profiles'!$G$22=$B$17,14,0)+IF('Standard Profiles'!$G$22=$B$24,21,0),MOD($C5142,24)+1)/SUM(INDEX($D$3:$AA$30,INDEX(Jesper!$R$2:$R$366,ROW(INDEX(Jesper!AL$2:AL$366,ROUNDDOWN($C5142/24,0)+1,1))-1)+IF('Standard Profiles'!$G$22=$B$10,7,0)+IF('Standard Profiles'!$G$22=$B$17,14,0)+IF('Standard Profiles'!$G$22=$B$24,21,0),0)),0)</f>
        <v>0</v>
      </c>
      <c r="I5142">
        <f t="shared" si="573"/>
        <v>0.27004991486450081</v>
      </c>
      <c r="J5142">
        <f t="shared" si="574"/>
        <v>0.9001663828816695</v>
      </c>
      <c r="K5142">
        <f t="shared" si="575"/>
        <v>1.350249574322504</v>
      </c>
      <c r="L5142">
        <f t="shared" si="576"/>
        <v>6.4811979567480194</v>
      </c>
      <c r="M5142">
        <f t="shared" si="577"/>
        <v>0</v>
      </c>
      <c r="N5142" s="46">
        <f t="shared" si="578"/>
        <v>45504.833333320945</v>
      </c>
    </row>
    <row r="5143" spans="2:14" x14ac:dyDescent="0.3">
      <c r="B5143">
        <f t="shared" si="572"/>
        <v>3</v>
      </c>
      <c r="C5143" s="16">
        <v>5109</v>
      </c>
      <c r="D5143" cm="1">
        <f t="array" ref="D5143">IFERROR(INDEX(Jesper!AH$2:AH$366,ROUNDDOWN($C5143/24,0)+1,1)*INDEX($D$3:$AA$30,INDEX(Jesper!$R$2:$R$366,ROW(INDEX(Jesper!AH$2:AH$366,ROUNDDOWN($C5143/24,0)+1,1))-1)+IF('Standard Profiles'!$G$18=$B$10,7,0)+IF('Standard Profiles'!$G$18=$B$17,14,0)+IF('Standard Profiles'!$G$18=$B$24,21,0),MOD($C5143,24)+1)/SUM(INDEX($D$3:$AA$30,INDEX(Jesper!$R$2:$R$366,ROW(INDEX(Jesper!AH$2:AH$366,ROUNDDOWN($C5143/24,0)+1,1))-1)+IF('Standard Profiles'!$G$18=$B$10,7,0)+IF('Standard Profiles'!$G$18=$B$17,14,0)+IF('Standard Profiles'!$G$18=$B$24,21,0),0)),0)</f>
        <v>6.751247871612521</v>
      </c>
      <c r="E5143" cm="1">
        <f t="array" ref="E5143">IFERROR(INDEX(Jesper!AI$2:AI$366,ROUNDDOWN($C5143/24,0)+1,1)*INDEX($D$3:$AA$30,INDEX(Jesper!$R$2:$R$366,ROW(INDEX(Jesper!AI$2:AI$366,ROUNDDOWN($C5143/24,0)+1,1))-1)+IF('Standard Profiles'!$G$19=$B$10,7,0)+IF('Standard Profiles'!$G$19=$B$17,14,0)+IF('Standard Profiles'!$G$19=$B$24,21,0),MOD($C5143,24)+1)/SUM(INDEX($D$3:$AA$30,INDEX(Jesper!$R$2:$R$366,ROW(INDEX(Jesper!AI$2:AI$366,ROUNDDOWN($C5143/24,0)+1,1))-1)+IF('Standard Profiles'!$G$19=$B$10,7,0)+IF('Standard Profiles'!$G$19=$B$17,14,0)+IF('Standard Profiles'!$G$19=$B$24,21,0),0)),0)</f>
        <v>0</v>
      </c>
      <c r="F5143" cm="1">
        <f t="array" ref="F5143">IFERROR(INDEX(Jesper!AJ$2:AJ$366,ROUNDDOWN($C5143/24,0)+1,1)*INDEX($D$3:$AA$30,INDEX(Jesper!$R$2:$R$366,ROW(INDEX(Jesper!AJ$2:AJ$366,ROUNDDOWN($C5143/24,0)+1,1))-1)+IF('Standard Profiles'!$G$20=$B$10,7,0)+IF('Standard Profiles'!$G$20=$B$17,14,0)+IF('Standard Profiles'!$G$20=$B$24,21,0),MOD($C5143,24)+1)/SUM(INDEX($D$3:$AA$30,INDEX(Jesper!$R$2:$R$366,ROW(INDEX(Jesper!AJ$2:AJ$366,ROUNDDOWN($C5143/24,0)+1,1))-1)+IF('Standard Profiles'!$G$20=$B$10,7,0)+IF('Standard Profiles'!$G$20=$B$17,14,0)+IF('Standard Profiles'!$G$20=$B$24,21,0),0)),0)</f>
        <v>0</v>
      </c>
      <c r="G5143" cm="1">
        <f t="array" ref="G5143">IFERROR(INDEX(Jesper!AK$2:AK$366,ROUNDDOWN($C5143/24,0)+1,1)*INDEX($D$3:$AA$30,INDEX(Jesper!$R$2:$R$366,ROW(INDEX(Jesper!AK$2:AK$366,ROUNDDOWN($C5143/24,0)+1,1))-1)+IF('Standard Profiles'!$G$21=$B$10,7,0)+IF('Standard Profiles'!$G$21=$B$17,14,0)+IF('Standard Profiles'!$G$21=$B$24,21,0),MOD($C5143,24)+1)/SUM(INDEX($D$3:$AA$30,INDEX(Jesper!$R$2:$R$366,ROW(INDEX(Jesper!AK$2:AK$366,ROUNDDOWN($C5143/24,0)+1,1))-1)+IF('Standard Profiles'!$G$21=$B$10,7,0)+IF('Standard Profiles'!$G$21=$B$17,14,0)+IF('Standard Profiles'!$G$21=$B$24,21,0),0)),0)</f>
        <v>0</v>
      </c>
      <c r="H5143" cm="1">
        <f t="array" ref="H5143">IFERROR(INDEX(Jesper!AL$2:AL$366,ROUNDDOWN($C5143/24,0)+1,1)*INDEX($D$3:$AA$30,INDEX(Jesper!$R$2:$R$366,ROW(INDEX(Jesper!AL$2:AL$366,ROUNDDOWN($C5143/24,0)+1,1))-1)+IF('Standard Profiles'!$G$22=$B$10,7,0)+IF('Standard Profiles'!$G$22=$B$17,14,0)+IF('Standard Profiles'!$G$22=$B$24,21,0),MOD($C5143,24)+1)/SUM(INDEX($D$3:$AA$30,INDEX(Jesper!$R$2:$R$366,ROW(INDEX(Jesper!AL$2:AL$366,ROUNDDOWN($C5143/24,0)+1,1))-1)+IF('Standard Profiles'!$G$22=$B$10,7,0)+IF('Standard Profiles'!$G$22=$B$17,14,0)+IF('Standard Profiles'!$G$22=$B$24,21,0),0)),0)</f>
        <v>0</v>
      </c>
      <c r="I5143">
        <f t="shared" si="573"/>
        <v>0.20253743614837563</v>
      </c>
      <c r="J5143">
        <f t="shared" si="574"/>
        <v>0.67512478716125213</v>
      </c>
      <c r="K5143">
        <f t="shared" si="575"/>
        <v>1.012687180741878</v>
      </c>
      <c r="L5143">
        <f t="shared" si="576"/>
        <v>4.8608984675610154</v>
      </c>
      <c r="M5143">
        <f t="shared" si="577"/>
        <v>0</v>
      </c>
      <c r="N5143" s="46">
        <f t="shared" si="578"/>
        <v>45504.874999987609</v>
      </c>
    </row>
    <row r="5144" spans="2:14" x14ac:dyDescent="0.3">
      <c r="B5144">
        <f t="shared" si="572"/>
        <v>3</v>
      </c>
      <c r="C5144" s="16">
        <v>5110</v>
      </c>
      <c r="D5144" cm="1">
        <f t="array" ref="D5144">IFERROR(INDEX(Jesper!AH$2:AH$366,ROUNDDOWN($C5144/24,0)+1,1)*INDEX($D$3:$AA$30,INDEX(Jesper!$R$2:$R$366,ROW(INDEX(Jesper!AH$2:AH$366,ROUNDDOWN($C5144/24,0)+1,1))-1)+IF('Standard Profiles'!$G$18=$B$10,7,0)+IF('Standard Profiles'!$G$18=$B$17,14,0)+IF('Standard Profiles'!$G$18=$B$24,21,0),MOD($C5144,24)+1)/SUM(INDEX($D$3:$AA$30,INDEX(Jesper!$R$2:$R$366,ROW(INDEX(Jesper!AH$2:AH$366,ROUNDDOWN($C5144/24,0)+1,1))-1)+IF('Standard Profiles'!$G$18=$B$10,7,0)+IF('Standard Profiles'!$G$18=$B$17,14,0)+IF('Standard Profiles'!$G$18=$B$24,21,0),0)),0)</f>
        <v>6.751247871612521</v>
      </c>
      <c r="E5144" cm="1">
        <f t="array" ref="E5144">IFERROR(INDEX(Jesper!AI$2:AI$366,ROUNDDOWN($C5144/24,0)+1,1)*INDEX($D$3:$AA$30,INDEX(Jesper!$R$2:$R$366,ROW(INDEX(Jesper!AI$2:AI$366,ROUNDDOWN($C5144/24,0)+1,1))-1)+IF('Standard Profiles'!$G$19=$B$10,7,0)+IF('Standard Profiles'!$G$19=$B$17,14,0)+IF('Standard Profiles'!$G$19=$B$24,21,0),MOD($C5144,24)+1)/SUM(INDEX($D$3:$AA$30,INDEX(Jesper!$R$2:$R$366,ROW(INDEX(Jesper!AI$2:AI$366,ROUNDDOWN($C5144/24,0)+1,1))-1)+IF('Standard Profiles'!$G$19=$B$10,7,0)+IF('Standard Profiles'!$G$19=$B$17,14,0)+IF('Standard Profiles'!$G$19=$B$24,21,0),0)),0)</f>
        <v>0</v>
      </c>
      <c r="F5144" cm="1">
        <f t="array" ref="F5144">IFERROR(INDEX(Jesper!AJ$2:AJ$366,ROUNDDOWN($C5144/24,0)+1,1)*INDEX($D$3:$AA$30,INDEX(Jesper!$R$2:$R$366,ROW(INDEX(Jesper!AJ$2:AJ$366,ROUNDDOWN($C5144/24,0)+1,1))-1)+IF('Standard Profiles'!$G$20=$B$10,7,0)+IF('Standard Profiles'!$G$20=$B$17,14,0)+IF('Standard Profiles'!$G$20=$B$24,21,0),MOD($C5144,24)+1)/SUM(INDEX($D$3:$AA$30,INDEX(Jesper!$R$2:$R$366,ROW(INDEX(Jesper!AJ$2:AJ$366,ROUNDDOWN($C5144/24,0)+1,1))-1)+IF('Standard Profiles'!$G$20=$B$10,7,0)+IF('Standard Profiles'!$G$20=$B$17,14,0)+IF('Standard Profiles'!$G$20=$B$24,21,0),0)),0)</f>
        <v>0</v>
      </c>
      <c r="G5144" cm="1">
        <f t="array" ref="G5144">IFERROR(INDEX(Jesper!AK$2:AK$366,ROUNDDOWN($C5144/24,0)+1,1)*INDEX($D$3:$AA$30,INDEX(Jesper!$R$2:$R$366,ROW(INDEX(Jesper!AK$2:AK$366,ROUNDDOWN($C5144/24,0)+1,1))-1)+IF('Standard Profiles'!$G$21=$B$10,7,0)+IF('Standard Profiles'!$G$21=$B$17,14,0)+IF('Standard Profiles'!$G$21=$B$24,21,0),MOD($C5144,24)+1)/SUM(INDEX($D$3:$AA$30,INDEX(Jesper!$R$2:$R$366,ROW(INDEX(Jesper!AK$2:AK$366,ROUNDDOWN($C5144/24,0)+1,1))-1)+IF('Standard Profiles'!$G$21=$B$10,7,0)+IF('Standard Profiles'!$G$21=$B$17,14,0)+IF('Standard Profiles'!$G$21=$B$24,21,0),0)),0)</f>
        <v>0</v>
      </c>
      <c r="H5144" cm="1">
        <f t="array" ref="H5144">IFERROR(INDEX(Jesper!AL$2:AL$366,ROUNDDOWN($C5144/24,0)+1,1)*INDEX($D$3:$AA$30,INDEX(Jesper!$R$2:$R$366,ROW(INDEX(Jesper!AL$2:AL$366,ROUNDDOWN($C5144/24,0)+1,1))-1)+IF('Standard Profiles'!$G$22=$B$10,7,0)+IF('Standard Profiles'!$G$22=$B$17,14,0)+IF('Standard Profiles'!$G$22=$B$24,21,0),MOD($C5144,24)+1)/SUM(INDEX($D$3:$AA$30,INDEX(Jesper!$R$2:$R$366,ROW(INDEX(Jesper!AL$2:AL$366,ROUNDDOWN($C5144/24,0)+1,1))-1)+IF('Standard Profiles'!$G$22=$B$10,7,0)+IF('Standard Profiles'!$G$22=$B$17,14,0)+IF('Standard Profiles'!$G$22=$B$24,21,0),0)),0)</f>
        <v>0</v>
      </c>
      <c r="I5144">
        <f t="shared" si="573"/>
        <v>0.20253743614837563</v>
      </c>
      <c r="J5144">
        <f t="shared" si="574"/>
        <v>0.67512478716125213</v>
      </c>
      <c r="K5144">
        <f t="shared" si="575"/>
        <v>1.012687180741878</v>
      </c>
      <c r="L5144">
        <f t="shared" si="576"/>
        <v>4.8608984675610154</v>
      </c>
      <c r="M5144">
        <f t="shared" si="577"/>
        <v>0</v>
      </c>
      <c r="N5144" s="46">
        <f t="shared" si="578"/>
        <v>45504.916666654273</v>
      </c>
    </row>
    <row r="5145" spans="2:14" x14ac:dyDescent="0.3">
      <c r="B5145">
        <f t="shared" si="572"/>
        <v>3</v>
      </c>
      <c r="C5145" s="16">
        <v>5111</v>
      </c>
      <c r="D5145" cm="1">
        <f t="array" ref="D5145">IFERROR(INDEX(Jesper!AH$2:AH$366,ROUNDDOWN($C5145/24,0)+1,1)*INDEX($D$3:$AA$30,INDEX(Jesper!$R$2:$R$366,ROW(INDEX(Jesper!AH$2:AH$366,ROUNDDOWN($C5145/24,0)+1,1))-1)+IF('Standard Profiles'!$G$18=$B$10,7,0)+IF('Standard Profiles'!$G$18=$B$17,14,0)+IF('Standard Profiles'!$G$18=$B$24,21,0),MOD($C5145,24)+1)/SUM(INDEX($D$3:$AA$30,INDEX(Jesper!$R$2:$R$366,ROW(INDEX(Jesper!AH$2:AH$366,ROUNDDOWN($C5145/24,0)+1,1))-1)+IF('Standard Profiles'!$G$18=$B$10,7,0)+IF('Standard Profiles'!$G$18=$B$17,14,0)+IF('Standard Profiles'!$G$18=$B$24,21,0),0)),0)</f>
        <v>6.751247871612521</v>
      </c>
      <c r="E5145" cm="1">
        <f t="array" ref="E5145">IFERROR(INDEX(Jesper!AI$2:AI$366,ROUNDDOWN($C5145/24,0)+1,1)*INDEX($D$3:$AA$30,INDEX(Jesper!$R$2:$R$366,ROW(INDEX(Jesper!AI$2:AI$366,ROUNDDOWN($C5145/24,0)+1,1))-1)+IF('Standard Profiles'!$G$19=$B$10,7,0)+IF('Standard Profiles'!$G$19=$B$17,14,0)+IF('Standard Profiles'!$G$19=$B$24,21,0),MOD($C5145,24)+1)/SUM(INDEX($D$3:$AA$30,INDEX(Jesper!$R$2:$R$366,ROW(INDEX(Jesper!AI$2:AI$366,ROUNDDOWN($C5145/24,0)+1,1))-1)+IF('Standard Profiles'!$G$19=$B$10,7,0)+IF('Standard Profiles'!$G$19=$B$17,14,0)+IF('Standard Profiles'!$G$19=$B$24,21,0),0)),0)</f>
        <v>0</v>
      </c>
      <c r="F5145" cm="1">
        <f t="array" ref="F5145">IFERROR(INDEX(Jesper!AJ$2:AJ$366,ROUNDDOWN($C5145/24,0)+1,1)*INDEX($D$3:$AA$30,INDEX(Jesper!$R$2:$R$366,ROW(INDEX(Jesper!AJ$2:AJ$366,ROUNDDOWN($C5145/24,0)+1,1))-1)+IF('Standard Profiles'!$G$20=$B$10,7,0)+IF('Standard Profiles'!$G$20=$B$17,14,0)+IF('Standard Profiles'!$G$20=$B$24,21,0),MOD($C5145,24)+1)/SUM(INDEX($D$3:$AA$30,INDEX(Jesper!$R$2:$R$366,ROW(INDEX(Jesper!AJ$2:AJ$366,ROUNDDOWN($C5145/24,0)+1,1))-1)+IF('Standard Profiles'!$G$20=$B$10,7,0)+IF('Standard Profiles'!$G$20=$B$17,14,0)+IF('Standard Profiles'!$G$20=$B$24,21,0),0)),0)</f>
        <v>0</v>
      </c>
      <c r="G5145" cm="1">
        <f t="array" ref="G5145">IFERROR(INDEX(Jesper!AK$2:AK$366,ROUNDDOWN($C5145/24,0)+1,1)*INDEX($D$3:$AA$30,INDEX(Jesper!$R$2:$R$366,ROW(INDEX(Jesper!AK$2:AK$366,ROUNDDOWN($C5145/24,0)+1,1))-1)+IF('Standard Profiles'!$G$21=$B$10,7,0)+IF('Standard Profiles'!$G$21=$B$17,14,0)+IF('Standard Profiles'!$G$21=$B$24,21,0),MOD($C5145,24)+1)/SUM(INDEX($D$3:$AA$30,INDEX(Jesper!$R$2:$R$366,ROW(INDEX(Jesper!AK$2:AK$366,ROUNDDOWN($C5145/24,0)+1,1))-1)+IF('Standard Profiles'!$G$21=$B$10,7,0)+IF('Standard Profiles'!$G$21=$B$17,14,0)+IF('Standard Profiles'!$G$21=$B$24,21,0),0)),0)</f>
        <v>0</v>
      </c>
      <c r="H5145" cm="1">
        <f t="array" ref="H5145">IFERROR(INDEX(Jesper!AL$2:AL$366,ROUNDDOWN($C5145/24,0)+1,1)*INDEX($D$3:$AA$30,INDEX(Jesper!$R$2:$R$366,ROW(INDEX(Jesper!AL$2:AL$366,ROUNDDOWN($C5145/24,0)+1,1))-1)+IF('Standard Profiles'!$G$22=$B$10,7,0)+IF('Standard Profiles'!$G$22=$B$17,14,0)+IF('Standard Profiles'!$G$22=$B$24,21,0),MOD($C5145,24)+1)/SUM(INDEX($D$3:$AA$30,INDEX(Jesper!$R$2:$R$366,ROW(INDEX(Jesper!AL$2:AL$366,ROUNDDOWN($C5145/24,0)+1,1))-1)+IF('Standard Profiles'!$G$22=$B$10,7,0)+IF('Standard Profiles'!$G$22=$B$17,14,0)+IF('Standard Profiles'!$G$22=$B$24,21,0),0)),0)</f>
        <v>0</v>
      </c>
      <c r="I5145">
        <f t="shared" si="573"/>
        <v>0.20253743614837563</v>
      </c>
      <c r="J5145">
        <f t="shared" si="574"/>
        <v>0.67512478716125213</v>
      </c>
      <c r="K5145">
        <f t="shared" si="575"/>
        <v>1.012687180741878</v>
      </c>
      <c r="L5145">
        <f t="shared" si="576"/>
        <v>4.8608984675610154</v>
      </c>
      <c r="M5145">
        <f t="shared" si="577"/>
        <v>0</v>
      </c>
      <c r="N5145" s="46">
        <f t="shared" si="578"/>
        <v>45504.958333320938</v>
      </c>
    </row>
    <row r="5146" spans="2:14" x14ac:dyDescent="0.3">
      <c r="B5146">
        <f t="shared" si="572"/>
        <v>4</v>
      </c>
      <c r="C5146" s="16">
        <v>5112</v>
      </c>
      <c r="D5146" cm="1">
        <f t="array" ref="D5146">IFERROR(INDEX(Jesper!AH$2:AH$366,ROUNDDOWN($C5146/24,0)+1,1)*INDEX($D$3:$AA$30,INDEX(Jesper!$R$2:$R$366,ROW(INDEX(Jesper!AH$2:AH$366,ROUNDDOWN($C5146/24,0)+1,1))-1)+IF('Standard Profiles'!$G$18=$B$10,7,0)+IF('Standard Profiles'!$G$18=$B$17,14,0)+IF('Standard Profiles'!$G$18=$B$24,21,0),MOD($C5146,24)+1)/SUM(INDEX($D$3:$AA$30,INDEX(Jesper!$R$2:$R$366,ROW(INDEX(Jesper!AH$2:AH$366,ROUNDDOWN($C5146/24,0)+1,1))-1)+IF('Standard Profiles'!$G$18=$B$10,7,0)+IF('Standard Profiles'!$G$18=$B$17,14,0)+IF('Standard Profiles'!$G$18=$B$24,21,0),0)),0)</f>
        <v>6.7923356657162701</v>
      </c>
      <c r="E5146" cm="1">
        <f t="array" ref="E5146">IFERROR(INDEX(Jesper!AI$2:AI$366,ROUNDDOWN($C5146/24,0)+1,1)*INDEX($D$3:$AA$30,INDEX(Jesper!$R$2:$R$366,ROW(INDEX(Jesper!AI$2:AI$366,ROUNDDOWN($C5146/24,0)+1,1))-1)+IF('Standard Profiles'!$G$19=$B$10,7,0)+IF('Standard Profiles'!$G$19=$B$17,14,0)+IF('Standard Profiles'!$G$19=$B$24,21,0),MOD($C5146,24)+1)/SUM(INDEX($D$3:$AA$30,INDEX(Jesper!$R$2:$R$366,ROW(INDEX(Jesper!AI$2:AI$366,ROUNDDOWN($C5146/24,0)+1,1))-1)+IF('Standard Profiles'!$G$19=$B$10,7,0)+IF('Standard Profiles'!$G$19=$B$17,14,0)+IF('Standard Profiles'!$G$19=$B$24,21,0),0)),0)</f>
        <v>0</v>
      </c>
      <c r="F5146" cm="1">
        <f t="array" ref="F5146">IFERROR(INDEX(Jesper!AJ$2:AJ$366,ROUNDDOWN($C5146/24,0)+1,1)*INDEX($D$3:$AA$30,INDEX(Jesper!$R$2:$R$366,ROW(INDEX(Jesper!AJ$2:AJ$366,ROUNDDOWN($C5146/24,0)+1,1))-1)+IF('Standard Profiles'!$G$20=$B$10,7,0)+IF('Standard Profiles'!$G$20=$B$17,14,0)+IF('Standard Profiles'!$G$20=$B$24,21,0),MOD($C5146,24)+1)/SUM(INDEX($D$3:$AA$30,INDEX(Jesper!$R$2:$R$366,ROW(INDEX(Jesper!AJ$2:AJ$366,ROUNDDOWN($C5146/24,0)+1,1))-1)+IF('Standard Profiles'!$G$20=$B$10,7,0)+IF('Standard Profiles'!$G$20=$B$17,14,0)+IF('Standard Profiles'!$G$20=$B$24,21,0),0)),0)</f>
        <v>0</v>
      </c>
      <c r="G5146" cm="1">
        <f t="array" ref="G5146">IFERROR(INDEX(Jesper!AK$2:AK$366,ROUNDDOWN($C5146/24,0)+1,1)*INDEX($D$3:$AA$30,INDEX(Jesper!$R$2:$R$366,ROW(INDEX(Jesper!AK$2:AK$366,ROUNDDOWN($C5146/24,0)+1,1))-1)+IF('Standard Profiles'!$G$21=$B$10,7,0)+IF('Standard Profiles'!$G$21=$B$17,14,0)+IF('Standard Profiles'!$G$21=$B$24,21,0),MOD($C5146,24)+1)/SUM(INDEX($D$3:$AA$30,INDEX(Jesper!$R$2:$R$366,ROW(INDEX(Jesper!AK$2:AK$366,ROUNDDOWN($C5146/24,0)+1,1))-1)+IF('Standard Profiles'!$G$21=$B$10,7,0)+IF('Standard Profiles'!$G$21=$B$17,14,0)+IF('Standard Profiles'!$G$21=$B$24,21,0),0)),0)</f>
        <v>0</v>
      </c>
      <c r="H5146" cm="1">
        <f t="array" ref="H5146">IFERROR(INDEX(Jesper!AL$2:AL$366,ROUNDDOWN($C5146/24,0)+1,1)*INDEX($D$3:$AA$30,INDEX(Jesper!$R$2:$R$366,ROW(INDEX(Jesper!AL$2:AL$366,ROUNDDOWN($C5146/24,0)+1,1))-1)+IF('Standard Profiles'!$G$22=$B$10,7,0)+IF('Standard Profiles'!$G$22=$B$17,14,0)+IF('Standard Profiles'!$G$22=$B$24,21,0),MOD($C5146,24)+1)/SUM(INDEX($D$3:$AA$30,INDEX(Jesper!$R$2:$R$366,ROW(INDEX(Jesper!AL$2:AL$366,ROUNDDOWN($C5146/24,0)+1,1))-1)+IF('Standard Profiles'!$G$22=$B$10,7,0)+IF('Standard Profiles'!$G$22=$B$17,14,0)+IF('Standard Profiles'!$G$22=$B$24,21,0),0)),0)</f>
        <v>0</v>
      </c>
      <c r="I5146">
        <f t="shared" si="573"/>
        <v>0.20377006997148808</v>
      </c>
      <c r="J5146">
        <f t="shared" si="574"/>
        <v>0.67923356657162703</v>
      </c>
      <c r="K5146">
        <f t="shared" si="575"/>
        <v>1.0188503498574404</v>
      </c>
      <c r="L5146">
        <f t="shared" si="576"/>
        <v>4.8904816793157142</v>
      </c>
      <c r="M5146">
        <f t="shared" si="577"/>
        <v>0</v>
      </c>
      <c r="N5146" s="46">
        <f t="shared" si="578"/>
        <v>45504.999999987602</v>
      </c>
    </row>
    <row r="5147" spans="2:14" x14ac:dyDescent="0.3">
      <c r="B5147">
        <f t="shared" si="572"/>
        <v>4</v>
      </c>
      <c r="C5147" s="16">
        <v>5113</v>
      </c>
      <c r="D5147" cm="1">
        <f t="array" ref="D5147">IFERROR(INDEX(Jesper!AH$2:AH$366,ROUNDDOWN($C5147/24,0)+1,1)*INDEX($D$3:$AA$30,INDEX(Jesper!$R$2:$R$366,ROW(INDEX(Jesper!AH$2:AH$366,ROUNDDOWN($C5147/24,0)+1,1))-1)+IF('Standard Profiles'!$G$18=$B$10,7,0)+IF('Standard Profiles'!$G$18=$B$17,14,0)+IF('Standard Profiles'!$G$18=$B$24,21,0),MOD($C5147,24)+1)/SUM(INDEX($D$3:$AA$30,INDEX(Jesper!$R$2:$R$366,ROW(INDEX(Jesper!AH$2:AH$366,ROUNDDOWN($C5147/24,0)+1,1))-1)+IF('Standard Profiles'!$G$18=$B$10,7,0)+IF('Standard Profiles'!$G$18=$B$17,14,0)+IF('Standard Profiles'!$G$18=$B$24,21,0),0)),0)</f>
        <v>6.7923356657162701</v>
      </c>
      <c r="E5147" cm="1">
        <f t="array" ref="E5147">IFERROR(INDEX(Jesper!AI$2:AI$366,ROUNDDOWN($C5147/24,0)+1,1)*INDEX($D$3:$AA$30,INDEX(Jesper!$R$2:$R$366,ROW(INDEX(Jesper!AI$2:AI$366,ROUNDDOWN($C5147/24,0)+1,1))-1)+IF('Standard Profiles'!$G$19=$B$10,7,0)+IF('Standard Profiles'!$G$19=$B$17,14,0)+IF('Standard Profiles'!$G$19=$B$24,21,0),MOD($C5147,24)+1)/SUM(INDEX($D$3:$AA$30,INDEX(Jesper!$R$2:$R$366,ROW(INDEX(Jesper!AI$2:AI$366,ROUNDDOWN($C5147/24,0)+1,1))-1)+IF('Standard Profiles'!$G$19=$B$10,7,0)+IF('Standard Profiles'!$G$19=$B$17,14,0)+IF('Standard Profiles'!$G$19=$B$24,21,0),0)),0)</f>
        <v>0</v>
      </c>
      <c r="F5147" cm="1">
        <f t="array" ref="F5147">IFERROR(INDEX(Jesper!AJ$2:AJ$366,ROUNDDOWN($C5147/24,0)+1,1)*INDEX($D$3:$AA$30,INDEX(Jesper!$R$2:$R$366,ROW(INDEX(Jesper!AJ$2:AJ$366,ROUNDDOWN($C5147/24,0)+1,1))-1)+IF('Standard Profiles'!$G$20=$B$10,7,0)+IF('Standard Profiles'!$G$20=$B$17,14,0)+IF('Standard Profiles'!$G$20=$B$24,21,0),MOD($C5147,24)+1)/SUM(INDEX($D$3:$AA$30,INDEX(Jesper!$R$2:$R$366,ROW(INDEX(Jesper!AJ$2:AJ$366,ROUNDDOWN($C5147/24,0)+1,1))-1)+IF('Standard Profiles'!$G$20=$B$10,7,0)+IF('Standard Profiles'!$G$20=$B$17,14,0)+IF('Standard Profiles'!$G$20=$B$24,21,0),0)),0)</f>
        <v>0</v>
      </c>
      <c r="G5147" cm="1">
        <f t="array" ref="G5147">IFERROR(INDEX(Jesper!AK$2:AK$366,ROUNDDOWN($C5147/24,0)+1,1)*INDEX($D$3:$AA$30,INDEX(Jesper!$R$2:$R$366,ROW(INDEX(Jesper!AK$2:AK$366,ROUNDDOWN($C5147/24,0)+1,1))-1)+IF('Standard Profiles'!$G$21=$B$10,7,0)+IF('Standard Profiles'!$G$21=$B$17,14,0)+IF('Standard Profiles'!$G$21=$B$24,21,0),MOD($C5147,24)+1)/SUM(INDEX($D$3:$AA$30,INDEX(Jesper!$R$2:$R$366,ROW(INDEX(Jesper!AK$2:AK$366,ROUNDDOWN($C5147/24,0)+1,1))-1)+IF('Standard Profiles'!$G$21=$B$10,7,0)+IF('Standard Profiles'!$G$21=$B$17,14,0)+IF('Standard Profiles'!$G$21=$B$24,21,0),0)),0)</f>
        <v>0</v>
      </c>
      <c r="H5147" cm="1">
        <f t="array" ref="H5147">IFERROR(INDEX(Jesper!AL$2:AL$366,ROUNDDOWN($C5147/24,0)+1,1)*INDEX($D$3:$AA$30,INDEX(Jesper!$R$2:$R$366,ROW(INDEX(Jesper!AL$2:AL$366,ROUNDDOWN($C5147/24,0)+1,1))-1)+IF('Standard Profiles'!$G$22=$B$10,7,0)+IF('Standard Profiles'!$G$22=$B$17,14,0)+IF('Standard Profiles'!$G$22=$B$24,21,0),MOD($C5147,24)+1)/SUM(INDEX($D$3:$AA$30,INDEX(Jesper!$R$2:$R$366,ROW(INDEX(Jesper!AL$2:AL$366,ROUNDDOWN($C5147/24,0)+1,1))-1)+IF('Standard Profiles'!$G$22=$B$10,7,0)+IF('Standard Profiles'!$G$22=$B$17,14,0)+IF('Standard Profiles'!$G$22=$B$24,21,0),0)),0)</f>
        <v>0</v>
      </c>
      <c r="I5147">
        <f t="shared" si="573"/>
        <v>0.20377006997148808</v>
      </c>
      <c r="J5147">
        <f t="shared" si="574"/>
        <v>0.67923356657162703</v>
      </c>
      <c r="K5147">
        <f t="shared" si="575"/>
        <v>1.0188503498574404</v>
      </c>
      <c r="L5147">
        <f t="shared" si="576"/>
        <v>4.8904816793157142</v>
      </c>
      <c r="M5147">
        <f t="shared" si="577"/>
        <v>0</v>
      </c>
      <c r="N5147" s="46">
        <f t="shared" si="578"/>
        <v>45505.041666654266</v>
      </c>
    </row>
    <row r="5148" spans="2:14" x14ac:dyDescent="0.3">
      <c r="B5148">
        <f t="shared" si="572"/>
        <v>4</v>
      </c>
      <c r="C5148" s="16">
        <v>5114</v>
      </c>
      <c r="D5148" cm="1">
        <f t="array" ref="D5148">IFERROR(INDEX(Jesper!AH$2:AH$366,ROUNDDOWN($C5148/24,0)+1,1)*INDEX($D$3:$AA$30,INDEX(Jesper!$R$2:$R$366,ROW(INDEX(Jesper!AH$2:AH$366,ROUNDDOWN($C5148/24,0)+1,1))-1)+IF('Standard Profiles'!$G$18=$B$10,7,0)+IF('Standard Profiles'!$G$18=$B$17,14,0)+IF('Standard Profiles'!$G$18=$B$24,21,0),MOD($C5148,24)+1)/SUM(INDEX($D$3:$AA$30,INDEX(Jesper!$R$2:$R$366,ROW(INDEX(Jesper!AH$2:AH$366,ROUNDDOWN($C5148/24,0)+1,1))-1)+IF('Standard Profiles'!$G$18=$B$10,7,0)+IF('Standard Profiles'!$G$18=$B$17,14,0)+IF('Standard Profiles'!$G$18=$B$24,21,0),0)),0)</f>
        <v>6.7923356657162701</v>
      </c>
      <c r="E5148" cm="1">
        <f t="array" ref="E5148">IFERROR(INDEX(Jesper!AI$2:AI$366,ROUNDDOWN($C5148/24,0)+1,1)*INDEX($D$3:$AA$30,INDEX(Jesper!$R$2:$R$366,ROW(INDEX(Jesper!AI$2:AI$366,ROUNDDOWN($C5148/24,0)+1,1))-1)+IF('Standard Profiles'!$G$19=$B$10,7,0)+IF('Standard Profiles'!$G$19=$B$17,14,0)+IF('Standard Profiles'!$G$19=$B$24,21,0),MOD($C5148,24)+1)/SUM(INDEX($D$3:$AA$30,INDEX(Jesper!$R$2:$R$366,ROW(INDEX(Jesper!AI$2:AI$366,ROUNDDOWN($C5148/24,0)+1,1))-1)+IF('Standard Profiles'!$G$19=$B$10,7,0)+IF('Standard Profiles'!$G$19=$B$17,14,0)+IF('Standard Profiles'!$G$19=$B$24,21,0),0)),0)</f>
        <v>0</v>
      </c>
      <c r="F5148" cm="1">
        <f t="array" ref="F5148">IFERROR(INDEX(Jesper!AJ$2:AJ$366,ROUNDDOWN($C5148/24,0)+1,1)*INDEX($D$3:$AA$30,INDEX(Jesper!$R$2:$R$366,ROW(INDEX(Jesper!AJ$2:AJ$366,ROUNDDOWN($C5148/24,0)+1,1))-1)+IF('Standard Profiles'!$G$20=$B$10,7,0)+IF('Standard Profiles'!$G$20=$B$17,14,0)+IF('Standard Profiles'!$G$20=$B$24,21,0),MOD($C5148,24)+1)/SUM(INDEX($D$3:$AA$30,INDEX(Jesper!$R$2:$R$366,ROW(INDEX(Jesper!AJ$2:AJ$366,ROUNDDOWN($C5148/24,0)+1,1))-1)+IF('Standard Profiles'!$G$20=$B$10,7,0)+IF('Standard Profiles'!$G$20=$B$17,14,0)+IF('Standard Profiles'!$G$20=$B$24,21,0),0)),0)</f>
        <v>0</v>
      </c>
      <c r="G5148" cm="1">
        <f t="array" ref="G5148">IFERROR(INDEX(Jesper!AK$2:AK$366,ROUNDDOWN($C5148/24,0)+1,1)*INDEX($D$3:$AA$30,INDEX(Jesper!$R$2:$R$366,ROW(INDEX(Jesper!AK$2:AK$366,ROUNDDOWN($C5148/24,0)+1,1))-1)+IF('Standard Profiles'!$G$21=$B$10,7,0)+IF('Standard Profiles'!$G$21=$B$17,14,0)+IF('Standard Profiles'!$G$21=$B$24,21,0),MOD($C5148,24)+1)/SUM(INDEX($D$3:$AA$30,INDEX(Jesper!$R$2:$R$366,ROW(INDEX(Jesper!AK$2:AK$366,ROUNDDOWN($C5148/24,0)+1,1))-1)+IF('Standard Profiles'!$G$21=$B$10,7,0)+IF('Standard Profiles'!$G$21=$B$17,14,0)+IF('Standard Profiles'!$G$21=$B$24,21,0),0)),0)</f>
        <v>0</v>
      </c>
      <c r="H5148" cm="1">
        <f t="array" ref="H5148">IFERROR(INDEX(Jesper!AL$2:AL$366,ROUNDDOWN($C5148/24,0)+1,1)*INDEX($D$3:$AA$30,INDEX(Jesper!$R$2:$R$366,ROW(INDEX(Jesper!AL$2:AL$366,ROUNDDOWN($C5148/24,0)+1,1))-1)+IF('Standard Profiles'!$G$22=$B$10,7,0)+IF('Standard Profiles'!$G$22=$B$17,14,0)+IF('Standard Profiles'!$G$22=$B$24,21,0),MOD($C5148,24)+1)/SUM(INDEX($D$3:$AA$30,INDEX(Jesper!$R$2:$R$366,ROW(INDEX(Jesper!AL$2:AL$366,ROUNDDOWN($C5148/24,0)+1,1))-1)+IF('Standard Profiles'!$G$22=$B$10,7,0)+IF('Standard Profiles'!$G$22=$B$17,14,0)+IF('Standard Profiles'!$G$22=$B$24,21,0),0)),0)</f>
        <v>0</v>
      </c>
      <c r="I5148">
        <f t="shared" si="573"/>
        <v>0.20377006997148808</v>
      </c>
      <c r="J5148">
        <f t="shared" si="574"/>
        <v>0.67923356657162703</v>
      </c>
      <c r="K5148">
        <f t="shared" si="575"/>
        <v>1.0188503498574404</v>
      </c>
      <c r="L5148">
        <f t="shared" si="576"/>
        <v>4.8904816793157142</v>
      </c>
      <c r="M5148">
        <f t="shared" si="577"/>
        <v>0</v>
      </c>
      <c r="N5148" s="46">
        <f t="shared" si="578"/>
        <v>45505.08333332093</v>
      </c>
    </row>
    <row r="5149" spans="2:14" x14ac:dyDescent="0.3">
      <c r="B5149">
        <f t="shared" si="572"/>
        <v>4</v>
      </c>
      <c r="C5149" s="16">
        <v>5115</v>
      </c>
      <c r="D5149" cm="1">
        <f t="array" ref="D5149">IFERROR(INDEX(Jesper!AH$2:AH$366,ROUNDDOWN($C5149/24,0)+1,1)*INDEX($D$3:$AA$30,INDEX(Jesper!$R$2:$R$366,ROW(INDEX(Jesper!AH$2:AH$366,ROUNDDOWN($C5149/24,0)+1,1))-1)+IF('Standard Profiles'!$G$18=$B$10,7,0)+IF('Standard Profiles'!$G$18=$B$17,14,0)+IF('Standard Profiles'!$G$18=$B$24,21,0),MOD($C5149,24)+1)/SUM(INDEX($D$3:$AA$30,INDEX(Jesper!$R$2:$R$366,ROW(INDEX(Jesper!AH$2:AH$366,ROUNDDOWN($C5149/24,0)+1,1))-1)+IF('Standard Profiles'!$G$18=$B$10,7,0)+IF('Standard Profiles'!$G$18=$B$17,14,0)+IF('Standard Profiles'!$G$18=$B$24,21,0),0)),0)</f>
        <v>6.7923356657162701</v>
      </c>
      <c r="E5149" cm="1">
        <f t="array" ref="E5149">IFERROR(INDEX(Jesper!AI$2:AI$366,ROUNDDOWN($C5149/24,0)+1,1)*INDEX($D$3:$AA$30,INDEX(Jesper!$R$2:$R$366,ROW(INDEX(Jesper!AI$2:AI$366,ROUNDDOWN($C5149/24,0)+1,1))-1)+IF('Standard Profiles'!$G$19=$B$10,7,0)+IF('Standard Profiles'!$G$19=$B$17,14,0)+IF('Standard Profiles'!$G$19=$B$24,21,0),MOD($C5149,24)+1)/SUM(INDEX($D$3:$AA$30,INDEX(Jesper!$R$2:$R$366,ROW(INDEX(Jesper!AI$2:AI$366,ROUNDDOWN($C5149/24,0)+1,1))-1)+IF('Standard Profiles'!$G$19=$B$10,7,0)+IF('Standard Profiles'!$G$19=$B$17,14,0)+IF('Standard Profiles'!$G$19=$B$24,21,0),0)),0)</f>
        <v>0</v>
      </c>
      <c r="F5149" cm="1">
        <f t="array" ref="F5149">IFERROR(INDEX(Jesper!AJ$2:AJ$366,ROUNDDOWN($C5149/24,0)+1,1)*INDEX($D$3:$AA$30,INDEX(Jesper!$R$2:$R$366,ROW(INDEX(Jesper!AJ$2:AJ$366,ROUNDDOWN($C5149/24,0)+1,1))-1)+IF('Standard Profiles'!$G$20=$B$10,7,0)+IF('Standard Profiles'!$G$20=$B$17,14,0)+IF('Standard Profiles'!$G$20=$B$24,21,0),MOD($C5149,24)+1)/SUM(INDEX($D$3:$AA$30,INDEX(Jesper!$R$2:$R$366,ROW(INDEX(Jesper!AJ$2:AJ$366,ROUNDDOWN($C5149/24,0)+1,1))-1)+IF('Standard Profiles'!$G$20=$B$10,7,0)+IF('Standard Profiles'!$G$20=$B$17,14,0)+IF('Standard Profiles'!$G$20=$B$24,21,0),0)),0)</f>
        <v>0</v>
      </c>
      <c r="G5149" cm="1">
        <f t="array" ref="G5149">IFERROR(INDEX(Jesper!AK$2:AK$366,ROUNDDOWN($C5149/24,0)+1,1)*INDEX($D$3:$AA$30,INDEX(Jesper!$R$2:$R$366,ROW(INDEX(Jesper!AK$2:AK$366,ROUNDDOWN($C5149/24,0)+1,1))-1)+IF('Standard Profiles'!$G$21=$B$10,7,0)+IF('Standard Profiles'!$G$21=$B$17,14,0)+IF('Standard Profiles'!$G$21=$B$24,21,0),MOD($C5149,24)+1)/SUM(INDEX($D$3:$AA$30,INDEX(Jesper!$R$2:$R$366,ROW(INDEX(Jesper!AK$2:AK$366,ROUNDDOWN($C5149/24,0)+1,1))-1)+IF('Standard Profiles'!$G$21=$B$10,7,0)+IF('Standard Profiles'!$G$21=$B$17,14,0)+IF('Standard Profiles'!$G$21=$B$24,21,0),0)),0)</f>
        <v>0</v>
      </c>
      <c r="H5149" cm="1">
        <f t="array" ref="H5149">IFERROR(INDEX(Jesper!AL$2:AL$366,ROUNDDOWN($C5149/24,0)+1,1)*INDEX($D$3:$AA$30,INDEX(Jesper!$R$2:$R$366,ROW(INDEX(Jesper!AL$2:AL$366,ROUNDDOWN($C5149/24,0)+1,1))-1)+IF('Standard Profiles'!$G$22=$B$10,7,0)+IF('Standard Profiles'!$G$22=$B$17,14,0)+IF('Standard Profiles'!$G$22=$B$24,21,0),MOD($C5149,24)+1)/SUM(INDEX($D$3:$AA$30,INDEX(Jesper!$R$2:$R$366,ROW(INDEX(Jesper!AL$2:AL$366,ROUNDDOWN($C5149/24,0)+1,1))-1)+IF('Standard Profiles'!$G$22=$B$10,7,0)+IF('Standard Profiles'!$G$22=$B$17,14,0)+IF('Standard Profiles'!$G$22=$B$24,21,0),0)),0)</f>
        <v>0</v>
      </c>
      <c r="I5149">
        <f t="shared" si="573"/>
        <v>0.20377006997148808</v>
      </c>
      <c r="J5149">
        <f t="shared" si="574"/>
        <v>0.67923356657162703</v>
      </c>
      <c r="K5149">
        <f t="shared" si="575"/>
        <v>1.0188503498574404</v>
      </c>
      <c r="L5149">
        <f t="shared" si="576"/>
        <v>4.8904816793157142</v>
      </c>
      <c r="M5149">
        <f t="shared" si="577"/>
        <v>0</v>
      </c>
      <c r="N5149" s="46">
        <f t="shared" si="578"/>
        <v>45505.124999987594</v>
      </c>
    </row>
    <row r="5150" spans="2:14" x14ac:dyDescent="0.3">
      <c r="B5150">
        <f t="shared" si="572"/>
        <v>4</v>
      </c>
      <c r="C5150" s="16">
        <v>5116</v>
      </c>
      <c r="D5150" cm="1">
        <f t="array" ref="D5150">IFERROR(INDEX(Jesper!AH$2:AH$366,ROUNDDOWN($C5150/24,0)+1,1)*INDEX($D$3:$AA$30,INDEX(Jesper!$R$2:$R$366,ROW(INDEX(Jesper!AH$2:AH$366,ROUNDDOWN($C5150/24,0)+1,1))-1)+IF('Standard Profiles'!$G$18=$B$10,7,0)+IF('Standard Profiles'!$G$18=$B$17,14,0)+IF('Standard Profiles'!$G$18=$B$24,21,0),MOD($C5150,24)+1)/SUM(INDEX($D$3:$AA$30,INDEX(Jesper!$R$2:$R$366,ROW(INDEX(Jesper!AH$2:AH$366,ROUNDDOWN($C5150/24,0)+1,1))-1)+IF('Standard Profiles'!$G$18=$B$10,7,0)+IF('Standard Profiles'!$G$18=$B$17,14,0)+IF('Standard Profiles'!$G$18=$B$24,21,0),0)),0)</f>
        <v>6.7923356657162701</v>
      </c>
      <c r="E5150" cm="1">
        <f t="array" ref="E5150">IFERROR(INDEX(Jesper!AI$2:AI$366,ROUNDDOWN($C5150/24,0)+1,1)*INDEX($D$3:$AA$30,INDEX(Jesper!$R$2:$R$366,ROW(INDEX(Jesper!AI$2:AI$366,ROUNDDOWN($C5150/24,0)+1,1))-1)+IF('Standard Profiles'!$G$19=$B$10,7,0)+IF('Standard Profiles'!$G$19=$B$17,14,0)+IF('Standard Profiles'!$G$19=$B$24,21,0),MOD($C5150,24)+1)/SUM(INDEX($D$3:$AA$30,INDEX(Jesper!$R$2:$R$366,ROW(INDEX(Jesper!AI$2:AI$366,ROUNDDOWN($C5150/24,0)+1,1))-1)+IF('Standard Profiles'!$G$19=$B$10,7,0)+IF('Standard Profiles'!$G$19=$B$17,14,0)+IF('Standard Profiles'!$G$19=$B$24,21,0),0)),0)</f>
        <v>0</v>
      </c>
      <c r="F5150" cm="1">
        <f t="array" ref="F5150">IFERROR(INDEX(Jesper!AJ$2:AJ$366,ROUNDDOWN($C5150/24,0)+1,1)*INDEX($D$3:$AA$30,INDEX(Jesper!$R$2:$R$366,ROW(INDEX(Jesper!AJ$2:AJ$366,ROUNDDOWN($C5150/24,0)+1,1))-1)+IF('Standard Profiles'!$G$20=$B$10,7,0)+IF('Standard Profiles'!$G$20=$B$17,14,0)+IF('Standard Profiles'!$G$20=$B$24,21,0),MOD($C5150,24)+1)/SUM(INDEX($D$3:$AA$30,INDEX(Jesper!$R$2:$R$366,ROW(INDEX(Jesper!AJ$2:AJ$366,ROUNDDOWN($C5150/24,0)+1,1))-1)+IF('Standard Profiles'!$G$20=$B$10,7,0)+IF('Standard Profiles'!$G$20=$B$17,14,0)+IF('Standard Profiles'!$G$20=$B$24,21,0),0)),0)</f>
        <v>0</v>
      </c>
      <c r="G5150" cm="1">
        <f t="array" ref="G5150">IFERROR(INDEX(Jesper!AK$2:AK$366,ROUNDDOWN($C5150/24,0)+1,1)*INDEX($D$3:$AA$30,INDEX(Jesper!$R$2:$R$366,ROW(INDEX(Jesper!AK$2:AK$366,ROUNDDOWN($C5150/24,0)+1,1))-1)+IF('Standard Profiles'!$G$21=$B$10,7,0)+IF('Standard Profiles'!$G$21=$B$17,14,0)+IF('Standard Profiles'!$G$21=$B$24,21,0),MOD($C5150,24)+1)/SUM(INDEX($D$3:$AA$30,INDEX(Jesper!$R$2:$R$366,ROW(INDEX(Jesper!AK$2:AK$366,ROUNDDOWN($C5150/24,0)+1,1))-1)+IF('Standard Profiles'!$G$21=$B$10,7,0)+IF('Standard Profiles'!$G$21=$B$17,14,0)+IF('Standard Profiles'!$G$21=$B$24,21,0),0)),0)</f>
        <v>0</v>
      </c>
      <c r="H5150" cm="1">
        <f t="array" ref="H5150">IFERROR(INDEX(Jesper!AL$2:AL$366,ROUNDDOWN($C5150/24,0)+1,1)*INDEX($D$3:$AA$30,INDEX(Jesper!$R$2:$R$366,ROW(INDEX(Jesper!AL$2:AL$366,ROUNDDOWN($C5150/24,0)+1,1))-1)+IF('Standard Profiles'!$G$22=$B$10,7,0)+IF('Standard Profiles'!$G$22=$B$17,14,0)+IF('Standard Profiles'!$G$22=$B$24,21,0),MOD($C5150,24)+1)/SUM(INDEX($D$3:$AA$30,INDEX(Jesper!$R$2:$R$366,ROW(INDEX(Jesper!AL$2:AL$366,ROUNDDOWN($C5150/24,0)+1,1))-1)+IF('Standard Profiles'!$G$22=$B$10,7,0)+IF('Standard Profiles'!$G$22=$B$17,14,0)+IF('Standard Profiles'!$G$22=$B$24,21,0),0)),0)</f>
        <v>0</v>
      </c>
      <c r="I5150">
        <f t="shared" si="573"/>
        <v>0.20377006997148808</v>
      </c>
      <c r="J5150">
        <f t="shared" si="574"/>
        <v>0.67923356657162703</v>
      </c>
      <c r="K5150">
        <f t="shared" si="575"/>
        <v>1.0188503498574404</v>
      </c>
      <c r="L5150">
        <f t="shared" si="576"/>
        <v>4.8904816793157142</v>
      </c>
      <c r="M5150">
        <f t="shared" si="577"/>
        <v>0</v>
      </c>
      <c r="N5150" s="46">
        <f t="shared" si="578"/>
        <v>45505.166666654259</v>
      </c>
    </row>
    <row r="5151" spans="2:14" x14ac:dyDescent="0.3">
      <c r="B5151">
        <f t="shared" si="572"/>
        <v>4</v>
      </c>
      <c r="C5151" s="16">
        <v>5117</v>
      </c>
      <c r="D5151" cm="1">
        <f t="array" ref="D5151">IFERROR(INDEX(Jesper!AH$2:AH$366,ROUNDDOWN($C5151/24,0)+1,1)*INDEX($D$3:$AA$30,INDEX(Jesper!$R$2:$R$366,ROW(INDEX(Jesper!AH$2:AH$366,ROUNDDOWN($C5151/24,0)+1,1))-1)+IF('Standard Profiles'!$G$18=$B$10,7,0)+IF('Standard Profiles'!$G$18=$B$17,14,0)+IF('Standard Profiles'!$G$18=$B$24,21,0),MOD($C5151,24)+1)/SUM(INDEX($D$3:$AA$30,INDEX(Jesper!$R$2:$R$366,ROW(INDEX(Jesper!AH$2:AH$366,ROUNDDOWN($C5151/24,0)+1,1))-1)+IF('Standard Profiles'!$G$18=$B$10,7,0)+IF('Standard Profiles'!$G$18=$B$17,14,0)+IF('Standard Profiles'!$G$18=$B$24,21,0),0)),0)</f>
        <v>8.7545659691454141</v>
      </c>
      <c r="E5151" cm="1">
        <f t="array" ref="E5151">IFERROR(INDEX(Jesper!AI$2:AI$366,ROUNDDOWN($C5151/24,0)+1,1)*INDEX($D$3:$AA$30,INDEX(Jesper!$R$2:$R$366,ROW(INDEX(Jesper!AI$2:AI$366,ROUNDDOWN($C5151/24,0)+1,1))-1)+IF('Standard Profiles'!$G$19=$B$10,7,0)+IF('Standard Profiles'!$G$19=$B$17,14,0)+IF('Standard Profiles'!$G$19=$B$24,21,0),MOD($C5151,24)+1)/SUM(INDEX($D$3:$AA$30,INDEX(Jesper!$R$2:$R$366,ROW(INDEX(Jesper!AI$2:AI$366,ROUNDDOWN($C5151/24,0)+1,1))-1)+IF('Standard Profiles'!$G$19=$B$10,7,0)+IF('Standard Profiles'!$G$19=$B$17,14,0)+IF('Standard Profiles'!$G$19=$B$24,21,0),0)),0)</f>
        <v>0</v>
      </c>
      <c r="F5151" cm="1">
        <f t="array" ref="F5151">IFERROR(INDEX(Jesper!AJ$2:AJ$366,ROUNDDOWN($C5151/24,0)+1,1)*INDEX($D$3:$AA$30,INDEX(Jesper!$R$2:$R$366,ROW(INDEX(Jesper!AJ$2:AJ$366,ROUNDDOWN($C5151/24,0)+1,1))-1)+IF('Standard Profiles'!$G$20=$B$10,7,0)+IF('Standard Profiles'!$G$20=$B$17,14,0)+IF('Standard Profiles'!$G$20=$B$24,21,0),MOD($C5151,24)+1)/SUM(INDEX($D$3:$AA$30,INDEX(Jesper!$R$2:$R$366,ROW(INDEX(Jesper!AJ$2:AJ$366,ROUNDDOWN($C5151/24,0)+1,1))-1)+IF('Standard Profiles'!$G$20=$B$10,7,0)+IF('Standard Profiles'!$G$20=$B$17,14,0)+IF('Standard Profiles'!$G$20=$B$24,21,0),0)),0)</f>
        <v>0</v>
      </c>
      <c r="G5151" cm="1">
        <f t="array" ref="G5151">IFERROR(INDEX(Jesper!AK$2:AK$366,ROUNDDOWN($C5151/24,0)+1,1)*INDEX($D$3:$AA$30,INDEX(Jesper!$R$2:$R$366,ROW(INDEX(Jesper!AK$2:AK$366,ROUNDDOWN($C5151/24,0)+1,1))-1)+IF('Standard Profiles'!$G$21=$B$10,7,0)+IF('Standard Profiles'!$G$21=$B$17,14,0)+IF('Standard Profiles'!$G$21=$B$24,21,0),MOD($C5151,24)+1)/SUM(INDEX($D$3:$AA$30,INDEX(Jesper!$R$2:$R$366,ROW(INDEX(Jesper!AK$2:AK$366,ROUNDDOWN($C5151/24,0)+1,1))-1)+IF('Standard Profiles'!$G$21=$B$10,7,0)+IF('Standard Profiles'!$G$21=$B$17,14,0)+IF('Standard Profiles'!$G$21=$B$24,21,0),0)),0)</f>
        <v>0</v>
      </c>
      <c r="H5151" cm="1">
        <f t="array" ref="H5151">IFERROR(INDEX(Jesper!AL$2:AL$366,ROUNDDOWN($C5151/24,0)+1,1)*INDEX($D$3:$AA$30,INDEX(Jesper!$R$2:$R$366,ROW(INDEX(Jesper!AL$2:AL$366,ROUNDDOWN($C5151/24,0)+1,1))-1)+IF('Standard Profiles'!$G$22=$B$10,7,0)+IF('Standard Profiles'!$G$22=$B$17,14,0)+IF('Standard Profiles'!$G$22=$B$24,21,0),MOD($C5151,24)+1)/SUM(INDEX($D$3:$AA$30,INDEX(Jesper!$R$2:$R$366,ROW(INDEX(Jesper!AL$2:AL$366,ROUNDDOWN($C5151/24,0)+1,1))-1)+IF('Standard Profiles'!$G$22=$B$10,7,0)+IF('Standard Profiles'!$G$22=$B$17,14,0)+IF('Standard Profiles'!$G$22=$B$24,21,0),0)),0)</f>
        <v>0</v>
      </c>
      <c r="I5151">
        <f t="shared" si="573"/>
        <v>0.2626369790743624</v>
      </c>
      <c r="J5151">
        <f t="shared" si="574"/>
        <v>0.87545659691454147</v>
      </c>
      <c r="K5151">
        <f t="shared" si="575"/>
        <v>1.3131848953718122</v>
      </c>
      <c r="L5151">
        <f t="shared" si="576"/>
        <v>6.303287497784698</v>
      </c>
      <c r="M5151">
        <f t="shared" si="577"/>
        <v>0</v>
      </c>
      <c r="N5151" s="46">
        <f t="shared" si="578"/>
        <v>45505.208333320923</v>
      </c>
    </row>
    <row r="5152" spans="2:14" x14ac:dyDescent="0.3">
      <c r="B5152">
        <f t="shared" si="572"/>
        <v>4</v>
      </c>
      <c r="C5152" s="16">
        <v>5118</v>
      </c>
      <c r="D5152" cm="1">
        <f t="array" ref="D5152">IFERROR(INDEX(Jesper!AH$2:AH$366,ROUNDDOWN($C5152/24,0)+1,1)*INDEX($D$3:$AA$30,INDEX(Jesper!$R$2:$R$366,ROW(INDEX(Jesper!AH$2:AH$366,ROUNDDOWN($C5152/24,0)+1,1))-1)+IF('Standard Profiles'!$G$18=$B$10,7,0)+IF('Standard Profiles'!$G$18=$B$17,14,0)+IF('Standard Profiles'!$G$18=$B$24,21,0),MOD($C5152,24)+1)/SUM(INDEX($D$3:$AA$30,INDEX(Jesper!$R$2:$R$366,ROW(INDEX(Jesper!AH$2:AH$366,ROUNDDOWN($C5152/24,0)+1,1))-1)+IF('Standard Profiles'!$G$18=$B$10,7,0)+IF('Standard Profiles'!$G$18=$B$17,14,0)+IF('Standard Profiles'!$G$18=$B$24,21,0),0)),0)</f>
        <v>10.11303310228867</v>
      </c>
      <c r="E5152" cm="1">
        <f t="array" ref="E5152">IFERROR(INDEX(Jesper!AI$2:AI$366,ROUNDDOWN($C5152/24,0)+1,1)*INDEX($D$3:$AA$30,INDEX(Jesper!$R$2:$R$366,ROW(INDEX(Jesper!AI$2:AI$366,ROUNDDOWN($C5152/24,0)+1,1))-1)+IF('Standard Profiles'!$G$19=$B$10,7,0)+IF('Standard Profiles'!$G$19=$B$17,14,0)+IF('Standard Profiles'!$G$19=$B$24,21,0),MOD($C5152,24)+1)/SUM(INDEX($D$3:$AA$30,INDEX(Jesper!$R$2:$R$366,ROW(INDEX(Jesper!AI$2:AI$366,ROUNDDOWN($C5152/24,0)+1,1))-1)+IF('Standard Profiles'!$G$19=$B$10,7,0)+IF('Standard Profiles'!$G$19=$B$17,14,0)+IF('Standard Profiles'!$G$19=$B$24,21,0),0)),0)</f>
        <v>0</v>
      </c>
      <c r="F5152" cm="1">
        <f t="array" ref="F5152">IFERROR(INDEX(Jesper!AJ$2:AJ$366,ROUNDDOWN($C5152/24,0)+1,1)*INDEX($D$3:$AA$30,INDEX(Jesper!$R$2:$R$366,ROW(INDEX(Jesper!AJ$2:AJ$366,ROUNDDOWN($C5152/24,0)+1,1))-1)+IF('Standard Profiles'!$G$20=$B$10,7,0)+IF('Standard Profiles'!$G$20=$B$17,14,0)+IF('Standard Profiles'!$G$20=$B$24,21,0),MOD($C5152,24)+1)/SUM(INDEX($D$3:$AA$30,INDEX(Jesper!$R$2:$R$366,ROW(INDEX(Jesper!AJ$2:AJ$366,ROUNDDOWN($C5152/24,0)+1,1))-1)+IF('Standard Profiles'!$G$20=$B$10,7,0)+IF('Standard Profiles'!$G$20=$B$17,14,0)+IF('Standard Profiles'!$G$20=$B$24,21,0),0)),0)</f>
        <v>0</v>
      </c>
      <c r="G5152" cm="1">
        <f t="array" ref="G5152">IFERROR(INDEX(Jesper!AK$2:AK$366,ROUNDDOWN($C5152/24,0)+1,1)*INDEX($D$3:$AA$30,INDEX(Jesper!$R$2:$R$366,ROW(INDEX(Jesper!AK$2:AK$366,ROUNDDOWN($C5152/24,0)+1,1))-1)+IF('Standard Profiles'!$G$21=$B$10,7,0)+IF('Standard Profiles'!$G$21=$B$17,14,0)+IF('Standard Profiles'!$G$21=$B$24,21,0),MOD($C5152,24)+1)/SUM(INDEX($D$3:$AA$30,INDEX(Jesper!$R$2:$R$366,ROW(INDEX(Jesper!AK$2:AK$366,ROUNDDOWN($C5152/24,0)+1,1))-1)+IF('Standard Profiles'!$G$21=$B$10,7,0)+IF('Standard Profiles'!$G$21=$B$17,14,0)+IF('Standard Profiles'!$G$21=$B$24,21,0),0)),0)</f>
        <v>0</v>
      </c>
      <c r="H5152" cm="1">
        <f t="array" ref="H5152">IFERROR(INDEX(Jesper!AL$2:AL$366,ROUNDDOWN($C5152/24,0)+1,1)*INDEX($D$3:$AA$30,INDEX(Jesper!$R$2:$R$366,ROW(INDEX(Jesper!AL$2:AL$366,ROUNDDOWN($C5152/24,0)+1,1))-1)+IF('Standard Profiles'!$G$22=$B$10,7,0)+IF('Standard Profiles'!$G$22=$B$17,14,0)+IF('Standard Profiles'!$G$22=$B$24,21,0),MOD($C5152,24)+1)/SUM(INDEX($D$3:$AA$30,INDEX(Jesper!$R$2:$R$366,ROW(INDEX(Jesper!AL$2:AL$366,ROUNDDOWN($C5152/24,0)+1,1))-1)+IF('Standard Profiles'!$G$22=$B$10,7,0)+IF('Standard Profiles'!$G$22=$B$17,14,0)+IF('Standard Profiles'!$G$22=$B$24,21,0),0)),0)</f>
        <v>0</v>
      </c>
      <c r="I5152">
        <f t="shared" si="573"/>
        <v>0.30339099306866008</v>
      </c>
      <c r="J5152">
        <f t="shared" si="574"/>
        <v>1.0113033102288671</v>
      </c>
      <c r="K5152">
        <f t="shared" si="575"/>
        <v>1.5169549653433003</v>
      </c>
      <c r="L5152">
        <f t="shared" si="576"/>
        <v>7.2813838336478423</v>
      </c>
      <c r="M5152">
        <f t="shared" si="577"/>
        <v>0</v>
      </c>
      <c r="N5152" s="46">
        <f t="shared" si="578"/>
        <v>45505.249999987587</v>
      </c>
    </row>
    <row r="5153" spans="2:14" x14ac:dyDescent="0.3">
      <c r="B5153">
        <f t="shared" si="572"/>
        <v>4</v>
      </c>
      <c r="C5153" s="16">
        <v>5119</v>
      </c>
      <c r="D5153" cm="1">
        <f t="array" ref="D5153">IFERROR(INDEX(Jesper!AH$2:AH$366,ROUNDDOWN($C5153/24,0)+1,1)*INDEX($D$3:$AA$30,INDEX(Jesper!$R$2:$R$366,ROW(INDEX(Jesper!AH$2:AH$366,ROUNDDOWN($C5153/24,0)+1,1))-1)+IF('Standard Profiles'!$G$18=$B$10,7,0)+IF('Standard Profiles'!$G$18=$B$17,14,0)+IF('Standard Profiles'!$G$18=$B$24,21,0),MOD($C5153,24)+1)/SUM(INDEX($D$3:$AA$30,INDEX(Jesper!$R$2:$R$366,ROW(INDEX(Jesper!AH$2:AH$366,ROUNDDOWN($C5153/24,0)+1,1))-1)+IF('Standard Profiles'!$G$18=$B$10,7,0)+IF('Standard Profiles'!$G$18=$B$17,14,0)+IF('Standard Profiles'!$G$18=$B$24,21,0),0)),0)</f>
        <v>10.11303310228867</v>
      </c>
      <c r="E5153" cm="1">
        <f t="array" ref="E5153">IFERROR(INDEX(Jesper!AI$2:AI$366,ROUNDDOWN($C5153/24,0)+1,1)*INDEX($D$3:$AA$30,INDEX(Jesper!$R$2:$R$366,ROW(INDEX(Jesper!AI$2:AI$366,ROUNDDOWN($C5153/24,0)+1,1))-1)+IF('Standard Profiles'!$G$19=$B$10,7,0)+IF('Standard Profiles'!$G$19=$B$17,14,0)+IF('Standard Profiles'!$G$19=$B$24,21,0),MOD($C5153,24)+1)/SUM(INDEX($D$3:$AA$30,INDEX(Jesper!$R$2:$R$366,ROW(INDEX(Jesper!AI$2:AI$366,ROUNDDOWN($C5153/24,0)+1,1))-1)+IF('Standard Profiles'!$G$19=$B$10,7,0)+IF('Standard Profiles'!$G$19=$B$17,14,0)+IF('Standard Profiles'!$G$19=$B$24,21,0),0)),0)</f>
        <v>0</v>
      </c>
      <c r="F5153" cm="1">
        <f t="array" ref="F5153">IFERROR(INDEX(Jesper!AJ$2:AJ$366,ROUNDDOWN($C5153/24,0)+1,1)*INDEX($D$3:$AA$30,INDEX(Jesper!$R$2:$R$366,ROW(INDEX(Jesper!AJ$2:AJ$366,ROUNDDOWN($C5153/24,0)+1,1))-1)+IF('Standard Profiles'!$G$20=$B$10,7,0)+IF('Standard Profiles'!$G$20=$B$17,14,0)+IF('Standard Profiles'!$G$20=$B$24,21,0),MOD($C5153,24)+1)/SUM(INDEX($D$3:$AA$30,INDEX(Jesper!$R$2:$R$366,ROW(INDEX(Jesper!AJ$2:AJ$366,ROUNDDOWN($C5153/24,0)+1,1))-1)+IF('Standard Profiles'!$G$20=$B$10,7,0)+IF('Standard Profiles'!$G$20=$B$17,14,0)+IF('Standard Profiles'!$G$20=$B$24,21,0),0)),0)</f>
        <v>0</v>
      </c>
      <c r="G5153" cm="1">
        <f t="array" ref="G5153">IFERROR(INDEX(Jesper!AK$2:AK$366,ROUNDDOWN($C5153/24,0)+1,1)*INDEX($D$3:$AA$30,INDEX(Jesper!$R$2:$R$366,ROW(INDEX(Jesper!AK$2:AK$366,ROUNDDOWN($C5153/24,0)+1,1))-1)+IF('Standard Profiles'!$G$21=$B$10,7,0)+IF('Standard Profiles'!$G$21=$B$17,14,0)+IF('Standard Profiles'!$G$21=$B$24,21,0),MOD($C5153,24)+1)/SUM(INDEX($D$3:$AA$30,INDEX(Jesper!$R$2:$R$366,ROW(INDEX(Jesper!AK$2:AK$366,ROUNDDOWN($C5153/24,0)+1,1))-1)+IF('Standard Profiles'!$G$21=$B$10,7,0)+IF('Standard Profiles'!$G$21=$B$17,14,0)+IF('Standard Profiles'!$G$21=$B$24,21,0),0)),0)</f>
        <v>0</v>
      </c>
      <c r="H5153" cm="1">
        <f t="array" ref="H5153">IFERROR(INDEX(Jesper!AL$2:AL$366,ROUNDDOWN($C5153/24,0)+1,1)*INDEX($D$3:$AA$30,INDEX(Jesper!$R$2:$R$366,ROW(INDEX(Jesper!AL$2:AL$366,ROUNDDOWN($C5153/24,0)+1,1))-1)+IF('Standard Profiles'!$G$22=$B$10,7,0)+IF('Standard Profiles'!$G$22=$B$17,14,0)+IF('Standard Profiles'!$G$22=$B$24,21,0),MOD($C5153,24)+1)/SUM(INDEX($D$3:$AA$30,INDEX(Jesper!$R$2:$R$366,ROW(INDEX(Jesper!AL$2:AL$366,ROUNDDOWN($C5153/24,0)+1,1))-1)+IF('Standard Profiles'!$G$22=$B$10,7,0)+IF('Standard Profiles'!$G$22=$B$17,14,0)+IF('Standard Profiles'!$G$22=$B$24,21,0),0)),0)</f>
        <v>0</v>
      </c>
      <c r="I5153">
        <f t="shared" si="573"/>
        <v>0.30339099306866008</v>
      </c>
      <c r="J5153">
        <f t="shared" si="574"/>
        <v>1.0113033102288671</v>
      </c>
      <c r="K5153">
        <f t="shared" si="575"/>
        <v>1.5169549653433003</v>
      </c>
      <c r="L5153">
        <f t="shared" si="576"/>
        <v>7.2813838336478423</v>
      </c>
      <c r="M5153">
        <f t="shared" si="577"/>
        <v>0</v>
      </c>
      <c r="N5153" s="46">
        <f t="shared" si="578"/>
        <v>45505.291666654251</v>
      </c>
    </row>
    <row r="5154" spans="2:14" x14ac:dyDescent="0.3">
      <c r="B5154">
        <f t="shared" si="572"/>
        <v>4</v>
      </c>
      <c r="C5154" s="16">
        <v>5120</v>
      </c>
      <c r="D5154" cm="1">
        <f t="array" ref="D5154">IFERROR(INDEX(Jesper!AH$2:AH$366,ROUNDDOWN($C5154/24,0)+1,1)*INDEX($D$3:$AA$30,INDEX(Jesper!$R$2:$R$366,ROW(INDEX(Jesper!AH$2:AH$366,ROUNDDOWN($C5154/24,0)+1,1))-1)+IF('Standard Profiles'!$G$18=$B$10,7,0)+IF('Standard Profiles'!$G$18=$B$17,14,0)+IF('Standard Profiles'!$G$18=$B$24,21,0),MOD($C5154,24)+1)/SUM(INDEX($D$3:$AA$30,INDEX(Jesper!$R$2:$R$366,ROW(INDEX(Jesper!AH$2:AH$366,ROUNDDOWN($C5154/24,0)+1,1))-1)+IF('Standard Profiles'!$G$18=$B$10,7,0)+IF('Standard Profiles'!$G$18=$B$17,14,0)+IF('Standard Profiles'!$G$18=$B$24,21,0),0)),0)</f>
        <v>10.11303310228867</v>
      </c>
      <c r="E5154" cm="1">
        <f t="array" ref="E5154">IFERROR(INDEX(Jesper!AI$2:AI$366,ROUNDDOWN($C5154/24,0)+1,1)*INDEX($D$3:$AA$30,INDEX(Jesper!$R$2:$R$366,ROW(INDEX(Jesper!AI$2:AI$366,ROUNDDOWN($C5154/24,0)+1,1))-1)+IF('Standard Profiles'!$G$19=$B$10,7,0)+IF('Standard Profiles'!$G$19=$B$17,14,0)+IF('Standard Profiles'!$G$19=$B$24,21,0),MOD($C5154,24)+1)/SUM(INDEX($D$3:$AA$30,INDEX(Jesper!$R$2:$R$366,ROW(INDEX(Jesper!AI$2:AI$366,ROUNDDOWN($C5154/24,0)+1,1))-1)+IF('Standard Profiles'!$G$19=$B$10,7,0)+IF('Standard Profiles'!$G$19=$B$17,14,0)+IF('Standard Profiles'!$G$19=$B$24,21,0),0)),0)</f>
        <v>0</v>
      </c>
      <c r="F5154" cm="1">
        <f t="array" ref="F5154">IFERROR(INDEX(Jesper!AJ$2:AJ$366,ROUNDDOWN($C5154/24,0)+1,1)*INDEX($D$3:$AA$30,INDEX(Jesper!$R$2:$R$366,ROW(INDEX(Jesper!AJ$2:AJ$366,ROUNDDOWN($C5154/24,0)+1,1))-1)+IF('Standard Profiles'!$G$20=$B$10,7,0)+IF('Standard Profiles'!$G$20=$B$17,14,0)+IF('Standard Profiles'!$G$20=$B$24,21,0),MOD($C5154,24)+1)/SUM(INDEX($D$3:$AA$30,INDEX(Jesper!$R$2:$R$366,ROW(INDEX(Jesper!AJ$2:AJ$366,ROUNDDOWN($C5154/24,0)+1,1))-1)+IF('Standard Profiles'!$G$20=$B$10,7,0)+IF('Standard Profiles'!$G$20=$B$17,14,0)+IF('Standard Profiles'!$G$20=$B$24,21,0),0)),0)</f>
        <v>0</v>
      </c>
      <c r="G5154" cm="1">
        <f t="array" ref="G5154">IFERROR(INDEX(Jesper!AK$2:AK$366,ROUNDDOWN($C5154/24,0)+1,1)*INDEX($D$3:$AA$30,INDEX(Jesper!$R$2:$R$366,ROW(INDEX(Jesper!AK$2:AK$366,ROUNDDOWN($C5154/24,0)+1,1))-1)+IF('Standard Profiles'!$G$21=$B$10,7,0)+IF('Standard Profiles'!$G$21=$B$17,14,0)+IF('Standard Profiles'!$G$21=$B$24,21,0),MOD($C5154,24)+1)/SUM(INDEX($D$3:$AA$30,INDEX(Jesper!$R$2:$R$366,ROW(INDEX(Jesper!AK$2:AK$366,ROUNDDOWN($C5154/24,0)+1,1))-1)+IF('Standard Profiles'!$G$21=$B$10,7,0)+IF('Standard Profiles'!$G$21=$B$17,14,0)+IF('Standard Profiles'!$G$21=$B$24,21,0),0)),0)</f>
        <v>0</v>
      </c>
      <c r="H5154" cm="1">
        <f t="array" ref="H5154">IFERROR(INDEX(Jesper!AL$2:AL$366,ROUNDDOWN($C5154/24,0)+1,1)*INDEX($D$3:$AA$30,INDEX(Jesper!$R$2:$R$366,ROW(INDEX(Jesper!AL$2:AL$366,ROUNDDOWN($C5154/24,0)+1,1))-1)+IF('Standard Profiles'!$G$22=$B$10,7,0)+IF('Standard Profiles'!$G$22=$B$17,14,0)+IF('Standard Profiles'!$G$22=$B$24,21,0),MOD($C5154,24)+1)/SUM(INDEX($D$3:$AA$30,INDEX(Jesper!$R$2:$R$366,ROW(INDEX(Jesper!AL$2:AL$366,ROUNDDOWN($C5154/24,0)+1,1))-1)+IF('Standard Profiles'!$G$22=$B$10,7,0)+IF('Standard Profiles'!$G$22=$B$17,14,0)+IF('Standard Profiles'!$G$22=$B$24,21,0),0)),0)</f>
        <v>0</v>
      </c>
      <c r="I5154">
        <f t="shared" si="573"/>
        <v>0.30339099306866008</v>
      </c>
      <c r="J5154">
        <f t="shared" si="574"/>
        <v>1.0113033102288671</v>
      </c>
      <c r="K5154">
        <f t="shared" si="575"/>
        <v>1.5169549653433003</v>
      </c>
      <c r="L5154">
        <f t="shared" si="576"/>
        <v>7.2813838336478423</v>
      </c>
      <c r="M5154">
        <f t="shared" si="577"/>
        <v>0</v>
      </c>
      <c r="N5154" s="46">
        <f t="shared" si="578"/>
        <v>45505.333333320916</v>
      </c>
    </row>
    <row r="5155" spans="2:14" x14ac:dyDescent="0.3">
      <c r="B5155">
        <f t="shared" ref="B5155:B5218" si="579">WEEKDAY(N5155,2)</f>
        <v>4</v>
      </c>
      <c r="C5155" s="16">
        <v>5121</v>
      </c>
      <c r="D5155" cm="1">
        <f t="array" ref="D5155">IFERROR(INDEX(Jesper!AH$2:AH$366,ROUNDDOWN($C5155/24,0)+1,1)*INDEX($D$3:$AA$30,INDEX(Jesper!$R$2:$R$366,ROW(INDEX(Jesper!AH$2:AH$366,ROUNDDOWN($C5155/24,0)+1,1))-1)+IF('Standard Profiles'!$G$18=$B$10,7,0)+IF('Standard Profiles'!$G$18=$B$17,14,0)+IF('Standard Profiles'!$G$18=$B$24,21,0),MOD($C5155,24)+1)/SUM(INDEX($D$3:$AA$30,INDEX(Jesper!$R$2:$R$366,ROW(INDEX(Jesper!AH$2:AH$366,ROUNDDOWN($C5155/24,0)+1,1))-1)+IF('Standard Profiles'!$G$18=$B$10,7,0)+IF('Standard Profiles'!$G$18=$B$17,14,0)+IF('Standard Profiles'!$G$18=$B$24,21,0),0)),0)</f>
        <v>10.867737065146033</v>
      </c>
      <c r="E5155" cm="1">
        <f t="array" ref="E5155">IFERROR(INDEX(Jesper!AI$2:AI$366,ROUNDDOWN($C5155/24,0)+1,1)*INDEX($D$3:$AA$30,INDEX(Jesper!$R$2:$R$366,ROW(INDEX(Jesper!AI$2:AI$366,ROUNDDOWN($C5155/24,0)+1,1))-1)+IF('Standard Profiles'!$G$19=$B$10,7,0)+IF('Standard Profiles'!$G$19=$B$17,14,0)+IF('Standard Profiles'!$G$19=$B$24,21,0),MOD($C5155,24)+1)/SUM(INDEX($D$3:$AA$30,INDEX(Jesper!$R$2:$R$366,ROW(INDEX(Jesper!AI$2:AI$366,ROUNDDOWN($C5155/24,0)+1,1))-1)+IF('Standard Profiles'!$G$19=$B$10,7,0)+IF('Standard Profiles'!$G$19=$B$17,14,0)+IF('Standard Profiles'!$G$19=$B$24,21,0),0)),0)</f>
        <v>0</v>
      </c>
      <c r="F5155" cm="1">
        <f t="array" ref="F5155">IFERROR(INDEX(Jesper!AJ$2:AJ$366,ROUNDDOWN($C5155/24,0)+1,1)*INDEX($D$3:$AA$30,INDEX(Jesper!$R$2:$R$366,ROW(INDEX(Jesper!AJ$2:AJ$366,ROUNDDOWN($C5155/24,0)+1,1))-1)+IF('Standard Profiles'!$G$20=$B$10,7,0)+IF('Standard Profiles'!$G$20=$B$17,14,0)+IF('Standard Profiles'!$G$20=$B$24,21,0),MOD($C5155,24)+1)/SUM(INDEX($D$3:$AA$30,INDEX(Jesper!$R$2:$R$366,ROW(INDEX(Jesper!AJ$2:AJ$366,ROUNDDOWN($C5155/24,0)+1,1))-1)+IF('Standard Profiles'!$G$20=$B$10,7,0)+IF('Standard Profiles'!$G$20=$B$17,14,0)+IF('Standard Profiles'!$G$20=$B$24,21,0),0)),0)</f>
        <v>0</v>
      </c>
      <c r="G5155" cm="1">
        <f t="array" ref="G5155">IFERROR(INDEX(Jesper!AK$2:AK$366,ROUNDDOWN($C5155/24,0)+1,1)*INDEX($D$3:$AA$30,INDEX(Jesper!$R$2:$R$366,ROW(INDEX(Jesper!AK$2:AK$366,ROUNDDOWN($C5155/24,0)+1,1))-1)+IF('Standard Profiles'!$G$21=$B$10,7,0)+IF('Standard Profiles'!$G$21=$B$17,14,0)+IF('Standard Profiles'!$G$21=$B$24,21,0),MOD($C5155,24)+1)/SUM(INDEX($D$3:$AA$30,INDEX(Jesper!$R$2:$R$366,ROW(INDEX(Jesper!AK$2:AK$366,ROUNDDOWN($C5155/24,0)+1,1))-1)+IF('Standard Profiles'!$G$21=$B$10,7,0)+IF('Standard Profiles'!$G$21=$B$17,14,0)+IF('Standard Profiles'!$G$21=$B$24,21,0),0)),0)</f>
        <v>0</v>
      </c>
      <c r="H5155" cm="1">
        <f t="array" ref="H5155">IFERROR(INDEX(Jesper!AL$2:AL$366,ROUNDDOWN($C5155/24,0)+1,1)*INDEX($D$3:$AA$30,INDEX(Jesper!$R$2:$R$366,ROW(INDEX(Jesper!AL$2:AL$366,ROUNDDOWN($C5155/24,0)+1,1))-1)+IF('Standard Profiles'!$G$22=$B$10,7,0)+IF('Standard Profiles'!$G$22=$B$17,14,0)+IF('Standard Profiles'!$G$22=$B$24,21,0),MOD($C5155,24)+1)/SUM(INDEX($D$3:$AA$30,INDEX(Jesper!$R$2:$R$366,ROW(INDEX(Jesper!AL$2:AL$366,ROUNDDOWN($C5155/24,0)+1,1))-1)+IF('Standard Profiles'!$G$22=$B$10,7,0)+IF('Standard Profiles'!$G$22=$B$17,14,0)+IF('Standard Profiles'!$G$22=$B$24,21,0),0)),0)</f>
        <v>0</v>
      </c>
      <c r="I5155">
        <f t="shared" ref="I5155:I5218" si="580">IF($B5155&lt;6,AC$37*$D5155+AC$38*$E5155+AC$39*$F5155+AC$40*$G5155,AC$46*$D5155+AC$47*$E5155+AC$48*$F5155+AC$49*$G5155+AC$50*$H5155)</f>
        <v>0.32603211195438098</v>
      </c>
      <c r="J5155">
        <f t="shared" ref="J5155:J5218" si="581">IF($B5155&lt;6,AD$37*$D5155+AD$38*$E5155+AD$39*$F5155+AD$40*$G5155,AD$46*$D5155+AD$47*$E5155+AD$48*$F5155+AD$49*$G5155+AD$50*$H5155)</f>
        <v>1.0867737065146033</v>
      </c>
      <c r="K5155">
        <f t="shared" ref="K5155:K5218" si="582">IF($B5155&lt;6,AE$37*$D5155+AE$38*$E5155+AE$39*$F5155+AE$40*$G5155,AE$46*$D5155+AE$47*$E5155+AE$48*$F5155+AE$49*$G5155+AE$50*$H5155)</f>
        <v>1.6301605597719049</v>
      </c>
      <c r="L5155">
        <f t="shared" ref="L5155:L5218" si="583">IF($B5155&lt;6,AF$37*$D5155+AF$38*$E5155+AF$39*$F5155+AF$40*$G5155,AF$46*$D5155+AF$47*$E5155+AF$48*$F5155+AF$49*$G5155+AF$50*$H5155)</f>
        <v>7.8247706869051434</v>
      </c>
      <c r="M5155">
        <f t="shared" ref="M5155:M5218" si="584">IF($B5155&lt;6,AG$37*$D5155+AG$38*$E5155+AG$39*$F5155+AG$40*$G5155,AG$46*$D5155+AG$47*$E5155+AG$48*$F5155+AG$49*$G5155+AG$50*$H5155)</f>
        <v>0</v>
      </c>
      <c r="N5155" s="46">
        <f t="shared" si="578"/>
        <v>45505.37499998758</v>
      </c>
    </row>
    <row r="5156" spans="2:14" x14ac:dyDescent="0.3">
      <c r="B5156">
        <f t="shared" si="579"/>
        <v>4</v>
      </c>
      <c r="C5156" s="16">
        <v>5122</v>
      </c>
      <c r="D5156" cm="1">
        <f t="array" ref="D5156">IFERROR(INDEX(Jesper!AH$2:AH$366,ROUNDDOWN($C5156/24,0)+1,1)*INDEX($D$3:$AA$30,INDEX(Jesper!$R$2:$R$366,ROW(INDEX(Jesper!AH$2:AH$366,ROUNDDOWN($C5156/24,0)+1,1))-1)+IF('Standard Profiles'!$G$18=$B$10,7,0)+IF('Standard Profiles'!$G$18=$B$17,14,0)+IF('Standard Profiles'!$G$18=$B$24,21,0),MOD($C5156,24)+1)/SUM(INDEX($D$3:$AA$30,INDEX(Jesper!$R$2:$R$366,ROW(INDEX(Jesper!AH$2:AH$366,ROUNDDOWN($C5156/24,0)+1,1))-1)+IF('Standard Profiles'!$G$18=$B$10,7,0)+IF('Standard Profiles'!$G$18=$B$17,14,0)+IF('Standard Profiles'!$G$18=$B$24,21,0),0)),0)</f>
        <v>11.773381820574869</v>
      </c>
      <c r="E5156" cm="1">
        <f t="array" ref="E5156">IFERROR(INDEX(Jesper!AI$2:AI$366,ROUNDDOWN($C5156/24,0)+1,1)*INDEX($D$3:$AA$30,INDEX(Jesper!$R$2:$R$366,ROW(INDEX(Jesper!AI$2:AI$366,ROUNDDOWN($C5156/24,0)+1,1))-1)+IF('Standard Profiles'!$G$19=$B$10,7,0)+IF('Standard Profiles'!$G$19=$B$17,14,0)+IF('Standard Profiles'!$G$19=$B$24,21,0),MOD($C5156,24)+1)/SUM(INDEX($D$3:$AA$30,INDEX(Jesper!$R$2:$R$366,ROW(INDEX(Jesper!AI$2:AI$366,ROUNDDOWN($C5156/24,0)+1,1))-1)+IF('Standard Profiles'!$G$19=$B$10,7,0)+IF('Standard Profiles'!$G$19=$B$17,14,0)+IF('Standard Profiles'!$G$19=$B$24,21,0),0)),0)</f>
        <v>0</v>
      </c>
      <c r="F5156" cm="1">
        <f t="array" ref="F5156">IFERROR(INDEX(Jesper!AJ$2:AJ$366,ROUNDDOWN($C5156/24,0)+1,1)*INDEX($D$3:$AA$30,INDEX(Jesper!$R$2:$R$366,ROW(INDEX(Jesper!AJ$2:AJ$366,ROUNDDOWN($C5156/24,0)+1,1))-1)+IF('Standard Profiles'!$G$20=$B$10,7,0)+IF('Standard Profiles'!$G$20=$B$17,14,0)+IF('Standard Profiles'!$G$20=$B$24,21,0),MOD($C5156,24)+1)/SUM(INDEX($D$3:$AA$30,INDEX(Jesper!$R$2:$R$366,ROW(INDEX(Jesper!AJ$2:AJ$366,ROUNDDOWN($C5156/24,0)+1,1))-1)+IF('Standard Profiles'!$G$20=$B$10,7,0)+IF('Standard Profiles'!$G$20=$B$17,14,0)+IF('Standard Profiles'!$G$20=$B$24,21,0),0)),0)</f>
        <v>0</v>
      </c>
      <c r="G5156" cm="1">
        <f t="array" ref="G5156">IFERROR(INDEX(Jesper!AK$2:AK$366,ROUNDDOWN($C5156/24,0)+1,1)*INDEX($D$3:$AA$30,INDEX(Jesper!$R$2:$R$366,ROW(INDEX(Jesper!AK$2:AK$366,ROUNDDOWN($C5156/24,0)+1,1))-1)+IF('Standard Profiles'!$G$21=$B$10,7,0)+IF('Standard Profiles'!$G$21=$B$17,14,0)+IF('Standard Profiles'!$G$21=$B$24,21,0),MOD($C5156,24)+1)/SUM(INDEX($D$3:$AA$30,INDEX(Jesper!$R$2:$R$366,ROW(INDEX(Jesper!AK$2:AK$366,ROUNDDOWN($C5156/24,0)+1,1))-1)+IF('Standard Profiles'!$G$21=$B$10,7,0)+IF('Standard Profiles'!$G$21=$B$17,14,0)+IF('Standard Profiles'!$G$21=$B$24,21,0),0)),0)</f>
        <v>0</v>
      </c>
      <c r="H5156" cm="1">
        <f t="array" ref="H5156">IFERROR(INDEX(Jesper!AL$2:AL$366,ROUNDDOWN($C5156/24,0)+1,1)*INDEX($D$3:$AA$30,INDEX(Jesper!$R$2:$R$366,ROW(INDEX(Jesper!AL$2:AL$366,ROUNDDOWN($C5156/24,0)+1,1))-1)+IF('Standard Profiles'!$G$22=$B$10,7,0)+IF('Standard Profiles'!$G$22=$B$17,14,0)+IF('Standard Profiles'!$G$22=$B$24,21,0),MOD($C5156,24)+1)/SUM(INDEX($D$3:$AA$30,INDEX(Jesper!$R$2:$R$366,ROW(INDEX(Jesper!AL$2:AL$366,ROUNDDOWN($C5156/24,0)+1,1))-1)+IF('Standard Profiles'!$G$22=$B$10,7,0)+IF('Standard Profiles'!$G$22=$B$17,14,0)+IF('Standard Profiles'!$G$22=$B$24,21,0),0)),0)</f>
        <v>0</v>
      </c>
      <c r="I5156">
        <f t="shared" si="580"/>
        <v>0.35320145461724606</v>
      </c>
      <c r="J5156">
        <f t="shared" si="581"/>
        <v>1.1773381820574869</v>
      </c>
      <c r="K5156">
        <f t="shared" si="582"/>
        <v>1.7660072730862304</v>
      </c>
      <c r="L5156">
        <f t="shared" si="583"/>
        <v>8.4768349108139063</v>
      </c>
      <c r="M5156">
        <f t="shared" si="584"/>
        <v>0</v>
      </c>
      <c r="N5156" s="46">
        <f t="shared" ref="N5156:N5219" si="585">N5155+1/24</f>
        <v>45505.416666654244</v>
      </c>
    </row>
    <row r="5157" spans="2:14" x14ac:dyDescent="0.3">
      <c r="B5157">
        <f t="shared" si="579"/>
        <v>4</v>
      </c>
      <c r="C5157" s="16">
        <v>5123</v>
      </c>
      <c r="D5157" cm="1">
        <f t="array" ref="D5157">IFERROR(INDEX(Jesper!AH$2:AH$366,ROUNDDOWN($C5157/24,0)+1,1)*INDEX($D$3:$AA$30,INDEX(Jesper!$R$2:$R$366,ROW(INDEX(Jesper!AH$2:AH$366,ROUNDDOWN($C5157/24,0)+1,1))-1)+IF('Standard Profiles'!$G$18=$B$10,7,0)+IF('Standard Profiles'!$G$18=$B$17,14,0)+IF('Standard Profiles'!$G$18=$B$24,21,0),MOD($C5157,24)+1)/SUM(INDEX($D$3:$AA$30,INDEX(Jesper!$R$2:$R$366,ROW(INDEX(Jesper!AH$2:AH$366,ROUNDDOWN($C5157/24,0)+1,1))-1)+IF('Standard Profiles'!$G$18=$B$10,7,0)+IF('Standard Profiles'!$G$18=$B$17,14,0)+IF('Standard Profiles'!$G$18=$B$24,21,0),0)),0)</f>
        <v>13.58467133143254</v>
      </c>
      <c r="E5157" cm="1">
        <f t="array" ref="E5157">IFERROR(INDEX(Jesper!AI$2:AI$366,ROUNDDOWN($C5157/24,0)+1,1)*INDEX($D$3:$AA$30,INDEX(Jesper!$R$2:$R$366,ROW(INDEX(Jesper!AI$2:AI$366,ROUNDDOWN($C5157/24,0)+1,1))-1)+IF('Standard Profiles'!$G$19=$B$10,7,0)+IF('Standard Profiles'!$G$19=$B$17,14,0)+IF('Standard Profiles'!$G$19=$B$24,21,0),MOD($C5157,24)+1)/SUM(INDEX($D$3:$AA$30,INDEX(Jesper!$R$2:$R$366,ROW(INDEX(Jesper!AI$2:AI$366,ROUNDDOWN($C5157/24,0)+1,1))-1)+IF('Standard Profiles'!$G$19=$B$10,7,0)+IF('Standard Profiles'!$G$19=$B$17,14,0)+IF('Standard Profiles'!$G$19=$B$24,21,0),0)),0)</f>
        <v>0</v>
      </c>
      <c r="F5157" cm="1">
        <f t="array" ref="F5157">IFERROR(INDEX(Jesper!AJ$2:AJ$366,ROUNDDOWN($C5157/24,0)+1,1)*INDEX($D$3:$AA$30,INDEX(Jesper!$R$2:$R$366,ROW(INDEX(Jesper!AJ$2:AJ$366,ROUNDDOWN($C5157/24,0)+1,1))-1)+IF('Standard Profiles'!$G$20=$B$10,7,0)+IF('Standard Profiles'!$G$20=$B$17,14,0)+IF('Standard Profiles'!$G$20=$B$24,21,0),MOD($C5157,24)+1)/SUM(INDEX($D$3:$AA$30,INDEX(Jesper!$R$2:$R$366,ROW(INDEX(Jesper!AJ$2:AJ$366,ROUNDDOWN($C5157/24,0)+1,1))-1)+IF('Standard Profiles'!$G$20=$B$10,7,0)+IF('Standard Profiles'!$G$20=$B$17,14,0)+IF('Standard Profiles'!$G$20=$B$24,21,0),0)),0)</f>
        <v>0</v>
      </c>
      <c r="G5157" cm="1">
        <f t="array" ref="G5157">IFERROR(INDEX(Jesper!AK$2:AK$366,ROUNDDOWN($C5157/24,0)+1,1)*INDEX($D$3:$AA$30,INDEX(Jesper!$R$2:$R$366,ROW(INDEX(Jesper!AK$2:AK$366,ROUNDDOWN($C5157/24,0)+1,1))-1)+IF('Standard Profiles'!$G$21=$B$10,7,0)+IF('Standard Profiles'!$G$21=$B$17,14,0)+IF('Standard Profiles'!$G$21=$B$24,21,0),MOD($C5157,24)+1)/SUM(INDEX($D$3:$AA$30,INDEX(Jesper!$R$2:$R$366,ROW(INDEX(Jesper!AK$2:AK$366,ROUNDDOWN($C5157/24,0)+1,1))-1)+IF('Standard Profiles'!$G$21=$B$10,7,0)+IF('Standard Profiles'!$G$21=$B$17,14,0)+IF('Standard Profiles'!$G$21=$B$24,21,0),0)),0)</f>
        <v>0</v>
      </c>
      <c r="H5157" cm="1">
        <f t="array" ref="H5157">IFERROR(INDEX(Jesper!AL$2:AL$366,ROUNDDOWN($C5157/24,0)+1,1)*INDEX($D$3:$AA$30,INDEX(Jesper!$R$2:$R$366,ROW(INDEX(Jesper!AL$2:AL$366,ROUNDDOWN($C5157/24,0)+1,1))-1)+IF('Standard Profiles'!$G$22=$B$10,7,0)+IF('Standard Profiles'!$G$22=$B$17,14,0)+IF('Standard Profiles'!$G$22=$B$24,21,0),MOD($C5157,24)+1)/SUM(INDEX($D$3:$AA$30,INDEX(Jesper!$R$2:$R$366,ROW(INDEX(Jesper!AL$2:AL$366,ROUNDDOWN($C5157/24,0)+1,1))-1)+IF('Standard Profiles'!$G$22=$B$10,7,0)+IF('Standard Profiles'!$G$22=$B$17,14,0)+IF('Standard Profiles'!$G$22=$B$24,21,0),0)),0)</f>
        <v>0</v>
      </c>
      <c r="I5157">
        <f t="shared" si="580"/>
        <v>0.40754013994297617</v>
      </c>
      <c r="J5157">
        <f t="shared" si="581"/>
        <v>1.3584671331432541</v>
      </c>
      <c r="K5157">
        <f t="shared" si="582"/>
        <v>2.0377006997148808</v>
      </c>
      <c r="L5157">
        <f t="shared" si="583"/>
        <v>9.7809633586314284</v>
      </c>
      <c r="M5157">
        <f t="shared" si="584"/>
        <v>0</v>
      </c>
      <c r="N5157" s="46">
        <f t="shared" si="585"/>
        <v>45505.458333320908</v>
      </c>
    </row>
    <row r="5158" spans="2:14" x14ac:dyDescent="0.3">
      <c r="B5158">
        <f t="shared" si="579"/>
        <v>4</v>
      </c>
      <c r="C5158" s="16">
        <v>5124</v>
      </c>
      <c r="D5158" cm="1">
        <f t="array" ref="D5158">IFERROR(INDEX(Jesper!AH$2:AH$366,ROUNDDOWN($C5158/24,0)+1,1)*INDEX($D$3:$AA$30,INDEX(Jesper!$R$2:$R$366,ROW(INDEX(Jesper!AH$2:AH$366,ROUNDDOWN($C5158/24,0)+1,1))-1)+IF('Standard Profiles'!$G$18=$B$10,7,0)+IF('Standard Profiles'!$G$18=$B$17,14,0)+IF('Standard Profiles'!$G$18=$B$24,21,0),MOD($C5158,24)+1)/SUM(INDEX($D$3:$AA$30,INDEX(Jesper!$R$2:$R$366,ROW(INDEX(Jesper!AH$2:AH$366,ROUNDDOWN($C5158/24,0)+1,1))-1)+IF('Standard Profiles'!$G$18=$B$10,7,0)+IF('Standard Profiles'!$G$18=$B$17,14,0)+IF('Standard Profiles'!$G$18=$B$24,21,0),0)),0)</f>
        <v>13.58467133143254</v>
      </c>
      <c r="E5158" cm="1">
        <f t="array" ref="E5158">IFERROR(INDEX(Jesper!AI$2:AI$366,ROUNDDOWN($C5158/24,0)+1,1)*INDEX($D$3:$AA$30,INDEX(Jesper!$R$2:$R$366,ROW(INDEX(Jesper!AI$2:AI$366,ROUNDDOWN($C5158/24,0)+1,1))-1)+IF('Standard Profiles'!$G$19=$B$10,7,0)+IF('Standard Profiles'!$G$19=$B$17,14,0)+IF('Standard Profiles'!$G$19=$B$24,21,0),MOD($C5158,24)+1)/SUM(INDEX($D$3:$AA$30,INDEX(Jesper!$R$2:$R$366,ROW(INDEX(Jesper!AI$2:AI$366,ROUNDDOWN($C5158/24,0)+1,1))-1)+IF('Standard Profiles'!$G$19=$B$10,7,0)+IF('Standard Profiles'!$G$19=$B$17,14,0)+IF('Standard Profiles'!$G$19=$B$24,21,0),0)),0)</f>
        <v>0</v>
      </c>
      <c r="F5158" cm="1">
        <f t="array" ref="F5158">IFERROR(INDEX(Jesper!AJ$2:AJ$366,ROUNDDOWN($C5158/24,0)+1,1)*INDEX($D$3:$AA$30,INDEX(Jesper!$R$2:$R$366,ROW(INDEX(Jesper!AJ$2:AJ$366,ROUNDDOWN($C5158/24,0)+1,1))-1)+IF('Standard Profiles'!$G$20=$B$10,7,0)+IF('Standard Profiles'!$G$20=$B$17,14,0)+IF('Standard Profiles'!$G$20=$B$24,21,0),MOD($C5158,24)+1)/SUM(INDEX($D$3:$AA$30,INDEX(Jesper!$R$2:$R$366,ROW(INDEX(Jesper!AJ$2:AJ$366,ROUNDDOWN($C5158/24,0)+1,1))-1)+IF('Standard Profiles'!$G$20=$B$10,7,0)+IF('Standard Profiles'!$G$20=$B$17,14,0)+IF('Standard Profiles'!$G$20=$B$24,21,0),0)),0)</f>
        <v>0</v>
      </c>
      <c r="G5158" cm="1">
        <f t="array" ref="G5158">IFERROR(INDEX(Jesper!AK$2:AK$366,ROUNDDOWN($C5158/24,0)+1,1)*INDEX($D$3:$AA$30,INDEX(Jesper!$R$2:$R$366,ROW(INDEX(Jesper!AK$2:AK$366,ROUNDDOWN($C5158/24,0)+1,1))-1)+IF('Standard Profiles'!$G$21=$B$10,7,0)+IF('Standard Profiles'!$G$21=$B$17,14,0)+IF('Standard Profiles'!$G$21=$B$24,21,0),MOD($C5158,24)+1)/SUM(INDEX($D$3:$AA$30,INDEX(Jesper!$R$2:$R$366,ROW(INDEX(Jesper!AK$2:AK$366,ROUNDDOWN($C5158/24,0)+1,1))-1)+IF('Standard Profiles'!$G$21=$B$10,7,0)+IF('Standard Profiles'!$G$21=$B$17,14,0)+IF('Standard Profiles'!$G$21=$B$24,21,0),0)),0)</f>
        <v>0</v>
      </c>
      <c r="H5158" cm="1">
        <f t="array" ref="H5158">IFERROR(INDEX(Jesper!AL$2:AL$366,ROUNDDOWN($C5158/24,0)+1,1)*INDEX($D$3:$AA$30,INDEX(Jesper!$R$2:$R$366,ROW(INDEX(Jesper!AL$2:AL$366,ROUNDDOWN($C5158/24,0)+1,1))-1)+IF('Standard Profiles'!$G$22=$B$10,7,0)+IF('Standard Profiles'!$G$22=$B$17,14,0)+IF('Standard Profiles'!$G$22=$B$24,21,0),MOD($C5158,24)+1)/SUM(INDEX($D$3:$AA$30,INDEX(Jesper!$R$2:$R$366,ROW(INDEX(Jesper!AL$2:AL$366,ROUNDDOWN($C5158/24,0)+1,1))-1)+IF('Standard Profiles'!$G$22=$B$10,7,0)+IF('Standard Profiles'!$G$22=$B$17,14,0)+IF('Standard Profiles'!$G$22=$B$24,21,0),0)),0)</f>
        <v>0</v>
      </c>
      <c r="I5158">
        <f t="shared" si="580"/>
        <v>0.40754013994297617</v>
      </c>
      <c r="J5158">
        <f t="shared" si="581"/>
        <v>1.3584671331432541</v>
      </c>
      <c r="K5158">
        <f t="shared" si="582"/>
        <v>2.0377006997148808</v>
      </c>
      <c r="L5158">
        <f t="shared" si="583"/>
        <v>9.7809633586314284</v>
      </c>
      <c r="M5158">
        <f t="shared" si="584"/>
        <v>0</v>
      </c>
      <c r="N5158" s="46">
        <f t="shared" si="585"/>
        <v>45505.499999987573</v>
      </c>
    </row>
    <row r="5159" spans="2:14" x14ac:dyDescent="0.3">
      <c r="B5159">
        <f t="shared" si="579"/>
        <v>4</v>
      </c>
      <c r="C5159" s="16">
        <v>5125</v>
      </c>
      <c r="D5159" cm="1">
        <f t="array" ref="D5159">IFERROR(INDEX(Jesper!AH$2:AH$366,ROUNDDOWN($C5159/24,0)+1,1)*INDEX($D$3:$AA$30,INDEX(Jesper!$R$2:$R$366,ROW(INDEX(Jesper!AH$2:AH$366,ROUNDDOWN($C5159/24,0)+1,1))-1)+IF('Standard Profiles'!$G$18=$B$10,7,0)+IF('Standard Profiles'!$G$18=$B$17,14,0)+IF('Standard Profiles'!$G$18=$B$24,21,0),MOD($C5159,24)+1)/SUM(INDEX($D$3:$AA$30,INDEX(Jesper!$R$2:$R$366,ROW(INDEX(Jesper!AH$2:AH$366,ROUNDDOWN($C5159/24,0)+1,1))-1)+IF('Standard Profiles'!$G$18=$B$10,7,0)+IF('Standard Profiles'!$G$18=$B$17,14,0)+IF('Standard Profiles'!$G$18=$B$24,21,0),0)),0)</f>
        <v>13.58467133143254</v>
      </c>
      <c r="E5159" cm="1">
        <f t="array" ref="E5159">IFERROR(INDEX(Jesper!AI$2:AI$366,ROUNDDOWN($C5159/24,0)+1,1)*INDEX($D$3:$AA$30,INDEX(Jesper!$R$2:$R$366,ROW(INDEX(Jesper!AI$2:AI$366,ROUNDDOWN($C5159/24,0)+1,1))-1)+IF('Standard Profiles'!$G$19=$B$10,7,0)+IF('Standard Profiles'!$G$19=$B$17,14,0)+IF('Standard Profiles'!$G$19=$B$24,21,0),MOD($C5159,24)+1)/SUM(INDEX($D$3:$AA$30,INDEX(Jesper!$R$2:$R$366,ROW(INDEX(Jesper!AI$2:AI$366,ROUNDDOWN($C5159/24,0)+1,1))-1)+IF('Standard Profiles'!$G$19=$B$10,7,0)+IF('Standard Profiles'!$G$19=$B$17,14,0)+IF('Standard Profiles'!$G$19=$B$24,21,0),0)),0)</f>
        <v>0</v>
      </c>
      <c r="F5159" cm="1">
        <f t="array" ref="F5159">IFERROR(INDEX(Jesper!AJ$2:AJ$366,ROUNDDOWN($C5159/24,0)+1,1)*INDEX($D$3:$AA$30,INDEX(Jesper!$R$2:$R$366,ROW(INDEX(Jesper!AJ$2:AJ$366,ROUNDDOWN($C5159/24,0)+1,1))-1)+IF('Standard Profiles'!$G$20=$B$10,7,0)+IF('Standard Profiles'!$G$20=$B$17,14,0)+IF('Standard Profiles'!$G$20=$B$24,21,0),MOD($C5159,24)+1)/SUM(INDEX($D$3:$AA$30,INDEX(Jesper!$R$2:$R$366,ROW(INDEX(Jesper!AJ$2:AJ$366,ROUNDDOWN($C5159/24,0)+1,1))-1)+IF('Standard Profiles'!$G$20=$B$10,7,0)+IF('Standard Profiles'!$G$20=$B$17,14,0)+IF('Standard Profiles'!$G$20=$B$24,21,0),0)),0)</f>
        <v>0</v>
      </c>
      <c r="G5159" cm="1">
        <f t="array" ref="G5159">IFERROR(INDEX(Jesper!AK$2:AK$366,ROUNDDOWN($C5159/24,0)+1,1)*INDEX($D$3:$AA$30,INDEX(Jesper!$R$2:$R$366,ROW(INDEX(Jesper!AK$2:AK$366,ROUNDDOWN($C5159/24,0)+1,1))-1)+IF('Standard Profiles'!$G$21=$B$10,7,0)+IF('Standard Profiles'!$G$21=$B$17,14,0)+IF('Standard Profiles'!$G$21=$B$24,21,0),MOD($C5159,24)+1)/SUM(INDEX($D$3:$AA$30,INDEX(Jesper!$R$2:$R$366,ROW(INDEX(Jesper!AK$2:AK$366,ROUNDDOWN($C5159/24,0)+1,1))-1)+IF('Standard Profiles'!$G$21=$B$10,7,0)+IF('Standard Profiles'!$G$21=$B$17,14,0)+IF('Standard Profiles'!$G$21=$B$24,21,0),0)),0)</f>
        <v>0</v>
      </c>
      <c r="H5159" cm="1">
        <f t="array" ref="H5159">IFERROR(INDEX(Jesper!AL$2:AL$366,ROUNDDOWN($C5159/24,0)+1,1)*INDEX($D$3:$AA$30,INDEX(Jesper!$R$2:$R$366,ROW(INDEX(Jesper!AL$2:AL$366,ROUNDDOWN($C5159/24,0)+1,1))-1)+IF('Standard Profiles'!$G$22=$B$10,7,0)+IF('Standard Profiles'!$G$22=$B$17,14,0)+IF('Standard Profiles'!$G$22=$B$24,21,0),MOD($C5159,24)+1)/SUM(INDEX($D$3:$AA$30,INDEX(Jesper!$R$2:$R$366,ROW(INDEX(Jesper!AL$2:AL$366,ROUNDDOWN($C5159/24,0)+1,1))-1)+IF('Standard Profiles'!$G$22=$B$10,7,0)+IF('Standard Profiles'!$G$22=$B$17,14,0)+IF('Standard Profiles'!$G$22=$B$24,21,0),0)),0)</f>
        <v>0</v>
      </c>
      <c r="I5159">
        <f t="shared" si="580"/>
        <v>0.40754013994297617</v>
      </c>
      <c r="J5159">
        <f t="shared" si="581"/>
        <v>1.3584671331432541</v>
      </c>
      <c r="K5159">
        <f t="shared" si="582"/>
        <v>2.0377006997148808</v>
      </c>
      <c r="L5159">
        <f t="shared" si="583"/>
        <v>9.7809633586314284</v>
      </c>
      <c r="M5159">
        <f t="shared" si="584"/>
        <v>0</v>
      </c>
      <c r="N5159" s="46">
        <f t="shared" si="585"/>
        <v>45505.541666654237</v>
      </c>
    </row>
    <row r="5160" spans="2:14" x14ac:dyDescent="0.3">
      <c r="B5160">
        <f t="shared" si="579"/>
        <v>4</v>
      </c>
      <c r="C5160" s="16">
        <v>5126</v>
      </c>
      <c r="D5160" cm="1">
        <f t="array" ref="D5160">IFERROR(INDEX(Jesper!AH$2:AH$366,ROUNDDOWN($C5160/24,0)+1,1)*INDEX($D$3:$AA$30,INDEX(Jesper!$R$2:$R$366,ROW(INDEX(Jesper!AH$2:AH$366,ROUNDDOWN($C5160/24,0)+1,1))-1)+IF('Standard Profiles'!$G$18=$B$10,7,0)+IF('Standard Profiles'!$G$18=$B$17,14,0)+IF('Standard Profiles'!$G$18=$B$24,21,0),MOD($C5160,24)+1)/SUM(INDEX($D$3:$AA$30,INDEX(Jesper!$R$2:$R$366,ROW(INDEX(Jesper!AH$2:AH$366,ROUNDDOWN($C5160/24,0)+1,1))-1)+IF('Standard Profiles'!$G$18=$B$10,7,0)+IF('Standard Profiles'!$G$18=$B$17,14,0)+IF('Standard Profiles'!$G$18=$B$24,21,0),0)),0)</f>
        <v>13.58467133143254</v>
      </c>
      <c r="E5160" cm="1">
        <f t="array" ref="E5160">IFERROR(INDEX(Jesper!AI$2:AI$366,ROUNDDOWN($C5160/24,0)+1,1)*INDEX($D$3:$AA$30,INDEX(Jesper!$R$2:$R$366,ROW(INDEX(Jesper!AI$2:AI$366,ROUNDDOWN($C5160/24,0)+1,1))-1)+IF('Standard Profiles'!$G$19=$B$10,7,0)+IF('Standard Profiles'!$G$19=$B$17,14,0)+IF('Standard Profiles'!$G$19=$B$24,21,0),MOD($C5160,24)+1)/SUM(INDEX($D$3:$AA$30,INDEX(Jesper!$R$2:$R$366,ROW(INDEX(Jesper!AI$2:AI$366,ROUNDDOWN($C5160/24,0)+1,1))-1)+IF('Standard Profiles'!$G$19=$B$10,7,0)+IF('Standard Profiles'!$G$19=$B$17,14,0)+IF('Standard Profiles'!$G$19=$B$24,21,0),0)),0)</f>
        <v>0</v>
      </c>
      <c r="F5160" cm="1">
        <f t="array" ref="F5160">IFERROR(INDEX(Jesper!AJ$2:AJ$366,ROUNDDOWN($C5160/24,0)+1,1)*INDEX($D$3:$AA$30,INDEX(Jesper!$R$2:$R$366,ROW(INDEX(Jesper!AJ$2:AJ$366,ROUNDDOWN($C5160/24,0)+1,1))-1)+IF('Standard Profiles'!$G$20=$B$10,7,0)+IF('Standard Profiles'!$G$20=$B$17,14,0)+IF('Standard Profiles'!$G$20=$B$24,21,0),MOD($C5160,24)+1)/SUM(INDEX($D$3:$AA$30,INDEX(Jesper!$R$2:$R$366,ROW(INDEX(Jesper!AJ$2:AJ$366,ROUNDDOWN($C5160/24,0)+1,1))-1)+IF('Standard Profiles'!$G$20=$B$10,7,0)+IF('Standard Profiles'!$G$20=$B$17,14,0)+IF('Standard Profiles'!$G$20=$B$24,21,0),0)),0)</f>
        <v>0</v>
      </c>
      <c r="G5160" cm="1">
        <f t="array" ref="G5160">IFERROR(INDEX(Jesper!AK$2:AK$366,ROUNDDOWN($C5160/24,0)+1,1)*INDEX($D$3:$AA$30,INDEX(Jesper!$R$2:$R$366,ROW(INDEX(Jesper!AK$2:AK$366,ROUNDDOWN($C5160/24,0)+1,1))-1)+IF('Standard Profiles'!$G$21=$B$10,7,0)+IF('Standard Profiles'!$G$21=$B$17,14,0)+IF('Standard Profiles'!$G$21=$B$24,21,0),MOD($C5160,24)+1)/SUM(INDEX($D$3:$AA$30,INDEX(Jesper!$R$2:$R$366,ROW(INDEX(Jesper!AK$2:AK$366,ROUNDDOWN($C5160/24,0)+1,1))-1)+IF('Standard Profiles'!$G$21=$B$10,7,0)+IF('Standard Profiles'!$G$21=$B$17,14,0)+IF('Standard Profiles'!$G$21=$B$24,21,0),0)),0)</f>
        <v>0</v>
      </c>
      <c r="H5160" cm="1">
        <f t="array" ref="H5160">IFERROR(INDEX(Jesper!AL$2:AL$366,ROUNDDOWN($C5160/24,0)+1,1)*INDEX($D$3:$AA$30,INDEX(Jesper!$R$2:$R$366,ROW(INDEX(Jesper!AL$2:AL$366,ROUNDDOWN($C5160/24,0)+1,1))-1)+IF('Standard Profiles'!$G$22=$B$10,7,0)+IF('Standard Profiles'!$G$22=$B$17,14,0)+IF('Standard Profiles'!$G$22=$B$24,21,0),MOD($C5160,24)+1)/SUM(INDEX($D$3:$AA$30,INDEX(Jesper!$R$2:$R$366,ROW(INDEX(Jesper!AL$2:AL$366,ROUNDDOWN($C5160/24,0)+1,1))-1)+IF('Standard Profiles'!$G$22=$B$10,7,0)+IF('Standard Profiles'!$G$22=$B$17,14,0)+IF('Standard Profiles'!$G$22=$B$24,21,0),0)),0)</f>
        <v>0</v>
      </c>
      <c r="I5160">
        <f t="shared" si="580"/>
        <v>0.40754013994297617</v>
      </c>
      <c r="J5160">
        <f t="shared" si="581"/>
        <v>1.3584671331432541</v>
      </c>
      <c r="K5160">
        <f t="shared" si="582"/>
        <v>2.0377006997148808</v>
      </c>
      <c r="L5160">
        <f t="shared" si="583"/>
        <v>9.7809633586314284</v>
      </c>
      <c r="M5160">
        <f t="shared" si="584"/>
        <v>0</v>
      </c>
      <c r="N5160" s="46">
        <f t="shared" si="585"/>
        <v>45505.583333320901</v>
      </c>
    </row>
    <row r="5161" spans="2:14" x14ac:dyDescent="0.3">
      <c r="B5161">
        <f t="shared" si="579"/>
        <v>4</v>
      </c>
      <c r="C5161" s="16">
        <v>5127</v>
      </c>
      <c r="D5161" cm="1">
        <f t="array" ref="D5161">IFERROR(INDEX(Jesper!AH$2:AH$366,ROUNDDOWN($C5161/24,0)+1,1)*INDEX($D$3:$AA$30,INDEX(Jesper!$R$2:$R$366,ROW(INDEX(Jesper!AH$2:AH$366,ROUNDDOWN($C5161/24,0)+1,1))-1)+IF('Standard Profiles'!$G$18=$B$10,7,0)+IF('Standard Profiles'!$G$18=$B$17,14,0)+IF('Standard Profiles'!$G$18=$B$24,21,0),MOD($C5161,24)+1)/SUM(INDEX($D$3:$AA$30,INDEX(Jesper!$R$2:$R$366,ROW(INDEX(Jesper!AH$2:AH$366,ROUNDDOWN($C5161/24,0)+1,1))-1)+IF('Standard Profiles'!$G$18=$B$10,7,0)+IF('Standard Profiles'!$G$18=$B$17,14,0)+IF('Standard Profiles'!$G$18=$B$24,21,0),0)),0)</f>
        <v>13.58467133143254</v>
      </c>
      <c r="E5161" cm="1">
        <f t="array" ref="E5161">IFERROR(INDEX(Jesper!AI$2:AI$366,ROUNDDOWN($C5161/24,0)+1,1)*INDEX($D$3:$AA$30,INDEX(Jesper!$R$2:$R$366,ROW(INDEX(Jesper!AI$2:AI$366,ROUNDDOWN($C5161/24,0)+1,1))-1)+IF('Standard Profiles'!$G$19=$B$10,7,0)+IF('Standard Profiles'!$G$19=$B$17,14,0)+IF('Standard Profiles'!$G$19=$B$24,21,0),MOD($C5161,24)+1)/SUM(INDEX($D$3:$AA$30,INDEX(Jesper!$R$2:$R$366,ROW(INDEX(Jesper!AI$2:AI$366,ROUNDDOWN($C5161/24,0)+1,1))-1)+IF('Standard Profiles'!$G$19=$B$10,7,0)+IF('Standard Profiles'!$G$19=$B$17,14,0)+IF('Standard Profiles'!$G$19=$B$24,21,0),0)),0)</f>
        <v>0</v>
      </c>
      <c r="F5161" cm="1">
        <f t="array" ref="F5161">IFERROR(INDEX(Jesper!AJ$2:AJ$366,ROUNDDOWN($C5161/24,0)+1,1)*INDEX($D$3:$AA$30,INDEX(Jesper!$R$2:$R$366,ROW(INDEX(Jesper!AJ$2:AJ$366,ROUNDDOWN($C5161/24,0)+1,1))-1)+IF('Standard Profiles'!$G$20=$B$10,7,0)+IF('Standard Profiles'!$G$20=$B$17,14,0)+IF('Standard Profiles'!$G$20=$B$24,21,0),MOD($C5161,24)+1)/SUM(INDEX($D$3:$AA$30,INDEX(Jesper!$R$2:$R$366,ROW(INDEX(Jesper!AJ$2:AJ$366,ROUNDDOWN($C5161/24,0)+1,1))-1)+IF('Standard Profiles'!$G$20=$B$10,7,0)+IF('Standard Profiles'!$G$20=$B$17,14,0)+IF('Standard Profiles'!$G$20=$B$24,21,0),0)),0)</f>
        <v>0</v>
      </c>
      <c r="G5161" cm="1">
        <f t="array" ref="G5161">IFERROR(INDEX(Jesper!AK$2:AK$366,ROUNDDOWN($C5161/24,0)+1,1)*INDEX($D$3:$AA$30,INDEX(Jesper!$R$2:$R$366,ROW(INDEX(Jesper!AK$2:AK$366,ROUNDDOWN($C5161/24,0)+1,1))-1)+IF('Standard Profiles'!$G$21=$B$10,7,0)+IF('Standard Profiles'!$G$21=$B$17,14,0)+IF('Standard Profiles'!$G$21=$B$24,21,0),MOD($C5161,24)+1)/SUM(INDEX($D$3:$AA$30,INDEX(Jesper!$R$2:$R$366,ROW(INDEX(Jesper!AK$2:AK$366,ROUNDDOWN($C5161/24,0)+1,1))-1)+IF('Standard Profiles'!$G$21=$B$10,7,0)+IF('Standard Profiles'!$G$21=$B$17,14,0)+IF('Standard Profiles'!$G$21=$B$24,21,0),0)),0)</f>
        <v>0</v>
      </c>
      <c r="H5161" cm="1">
        <f t="array" ref="H5161">IFERROR(INDEX(Jesper!AL$2:AL$366,ROUNDDOWN($C5161/24,0)+1,1)*INDEX($D$3:$AA$30,INDEX(Jesper!$R$2:$R$366,ROW(INDEX(Jesper!AL$2:AL$366,ROUNDDOWN($C5161/24,0)+1,1))-1)+IF('Standard Profiles'!$G$22=$B$10,7,0)+IF('Standard Profiles'!$G$22=$B$17,14,0)+IF('Standard Profiles'!$G$22=$B$24,21,0),MOD($C5161,24)+1)/SUM(INDEX($D$3:$AA$30,INDEX(Jesper!$R$2:$R$366,ROW(INDEX(Jesper!AL$2:AL$366,ROUNDDOWN($C5161/24,0)+1,1))-1)+IF('Standard Profiles'!$G$22=$B$10,7,0)+IF('Standard Profiles'!$G$22=$B$17,14,0)+IF('Standard Profiles'!$G$22=$B$24,21,0),0)),0)</f>
        <v>0</v>
      </c>
      <c r="I5161">
        <f t="shared" si="580"/>
        <v>0.40754013994297617</v>
      </c>
      <c r="J5161">
        <f t="shared" si="581"/>
        <v>1.3584671331432541</v>
      </c>
      <c r="K5161">
        <f t="shared" si="582"/>
        <v>2.0377006997148808</v>
      </c>
      <c r="L5161">
        <f t="shared" si="583"/>
        <v>9.7809633586314284</v>
      </c>
      <c r="M5161">
        <f t="shared" si="584"/>
        <v>0</v>
      </c>
      <c r="N5161" s="46">
        <f t="shared" si="585"/>
        <v>45505.624999987565</v>
      </c>
    </row>
    <row r="5162" spans="2:14" x14ac:dyDescent="0.3">
      <c r="B5162">
        <f t="shared" si="579"/>
        <v>4</v>
      </c>
      <c r="C5162" s="16">
        <v>5128</v>
      </c>
      <c r="D5162" cm="1">
        <f t="array" ref="D5162">IFERROR(INDEX(Jesper!AH$2:AH$366,ROUNDDOWN($C5162/24,0)+1,1)*INDEX($D$3:$AA$30,INDEX(Jesper!$R$2:$R$366,ROW(INDEX(Jesper!AH$2:AH$366,ROUNDDOWN($C5162/24,0)+1,1))-1)+IF('Standard Profiles'!$G$18=$B$10,7,0)+IF('Standard Profiles'!$G$18=$B$17,14,0)+IF('Standard Profiles'!$G$18=$B$24,21,0),MOD($C5162,24)+1)/SUM(INDEX($D$3:$AA$30,INDEX(Jesper!$R$2:$R$366,ROW(INDEX(Jesper!AH$2:AH$366,ROUNDDOWN($C5162/24,0)+1,1))-1)+IF('Standard Profiles'!$G$18=$B$10,7,0)+IF('Standard Profiles'!$G$18=$B$17,14,0)+IF('Standard Profiles'!$G$18=$B$24,21,0),0)),0)</f>
        <v>13.58467133143254</v>
      </c>
      <c r="E5162" cm="1">
        <f t="array" ref="E5162">IFERROR(INDEX(Jesper!AI$2:AI$366,ROUNDDOWN($C5162/24,0)+1,1)*INDEX($D$3:$AA$30,INDEX(Jesper!$R$2:$R$366,ROW(INDEX(Jesper!AI$2:AI$366,ROUNDDOWN($C5162/24,0)+1,1))-1)+IF('Standard Profiles'!$G$19=$B$10,7,0)+IF('Standard Profiles'!$G$19=$B$17,14,0)+IF('Standard Profiles'!$G$19=$B$24,21,0),MOD($C5162,24)+1)/SUM(INDEX($D$3:$AA$30,INDEX(Jesper!$R$2:$R$366,ROW(INDEX(Jesper!AI$2:AI$366,ROUNDDOWN($C5162/24,0)+1,1))-1)+IF('Standard Profiles'!$G$19=$B$10,7,0)+IF('Standard Profiles'!$G$19=$B$17,14,0)+IF('Standard Profiles'!$G$19=$B$24,21,0),0)),0)</f>
        <v>0</v>
      </c>
      <c r="F5162" cm="1">
        <f t="array" ref="F5162">IFERROR(INDEX(Jesper!AJ$2:AJ$366,ROUNDDOWN($C5162/24,0)+1,1)*INDEX($D$3:$AA$30,INDEX(Jesper!$R$2:$R$366,ROW(INDEX(Jesper!AJ$2:AJ$366,ROUNDDOWN($C5162/24,0)+1,1))-1)+IF('Standard Profiles'!$G$20=$B$10,7,0)+IF('Standard Profiles'!$G$20=$B$17,14,0)+IF('Standard Profiles'!$G$20=$B$24,21,0),MOD($C5162,24)+1)/SUM(INDEX($D$3:$AA$30,INDEX(Jesper!$R$2:$R$366,ROW(INDEX(Jesper!AJ$2:AJ$366,ROUNDDOWN($C5162/24,0)+1,1))-1)+IF('Standard Profiles'!$G$20=$B$10,7,0)+IF('Standard Profiles'!$G$20=$B$17,14,0)+IF('Standard Profiles'!$G$20=$B$24,21,0),0)),0)</f>
        <v>0</v>
      </c>
      <c r="G5162" cm="1">
        <f t="array" ref="G5162">IFERROR(INDEX(Jesper!AK$2:AK$366,ROUNDDOWN($C5162/24,0)+1,1)*INDEX($D$3:$AA$30,INDEX(Jesper!$R$2:$R$366,ROW(INDEX(Jesper!AK$2:AK$366,ROUNDDOWN($C5162/24,0)+1,1))-1)+IF('Standard Profiles'!$G$21=$B$10,7,0)+IF('Standard Profiles'!$G$21=$B$17,14,0)+IF('Standard Profiles'!$G$21=$B$24,21,0),MOD($C5162,24)+1)/SUM(INDEX($D$3:$AA$30,INDEX(Jesper!$R$2:$R$366,ROW(INDEX(Jesper!AK$2:AK$366,ROUNDDOWN($C5162/24,0)+1,1))-1)+IF('Standard Profiles'!$G$21=$B$10,7,0)+IF('Standard Profiles'!$G$21=$B$17,14,0)+IF('Standard Profiles'!$G$21=$B$24,21,0),0)),0)</f>
        <v>0</v>
      </c>
      <c r="H5162" cm="1">
        <f t="array" ref="H5162">IFERROR(INDEX(Jesper!AL$2:AL$366,ROUNDDOWN($C5162/24,0)+1,1)*INDEX($D$3:$AA$30,INDEX(Jesper!$R$2:$R$366,ROW(INDEX(Jesper!AL$2:AL$366,ROUNDDOWN($C5162/24,0)+1,1))-1)+IF('Standard Profiles'!$G$22=$B$10,7,0)+IF('Standard Profiles'!$G$22=$B$17,14,0)+IF('Standard Profiles'!$G$22=$B$24,21,0),MOD($C5162,24)+1)/SUM(INDEX($D$3:$AA$30,INDEX(Jesper!$R$2:$R$366,ROW(INDEX(Jesper!AL$2:AL$366,ROUNDDOWN($C5162/24,0)+1,1))-1)+IF('Standard Profiles'!$G$22=$B$10,7,0)+IF('Standard Profiles'!$G$22=$B$17,14,0)+IF('Standard Profiles'!$G$22=$B$24,21,0),0)),0)</f>
        <v>0</v>
      </c>
      <c r="I5162">
        <f t="shared" si="580"/>
        <v>0.40754013994297617</v>
      </c>
      <c r="J5162">
        <f t="shared" si="581"/>
        <v>1.3584671331432541</v>
      </c>
      <c r="K5162">
        <f t="shared" si="582"/>
        <v>2.0377006997148808</v>
      </c>
      <c r="L5162">
        <f t="shared" si="583"/>
        <v>9.7809633586314284</v>
      </c>
      <c r="M5162">
        <f t="shared" si="584"/>
        <v>0</v>
      </c>
      <c r="N5162" s="46">
        <f t="shared" si="585"/>
        <v>45505.66666665423</v>
      </c>
    </row>
    <row r="5163" spans="2:14" x14ac:dyDescent="0.3">
      <c r="B5163">
        <f t="shared" si="579"/>
        <v>4</v>
      </c>
      <c r="C5163" s="16">
        <v>5129</v>
      </c>
      <c r="D5163" cm="1">
        <f t="array" ref="D5163">IFERROR(INDEX(Jesper!AH$2:AH$366,ROUNDDOWN($C5163/24,0)+1,1)*INDEX($D$3:$AA$30,INDEX(Jesper!$R$2:$R$366,ROW(INDEX(Jesper!AH$2:AH$366,ROUNDDOWN($C5163/24,0)+1,1))-1)+IF('Standard Profiles'!$G$18=$B$10,7,0)+IF('Standard Profiles'!$G$18=$B$17,14,0)+IF('Standard Profiles'!$G$18=$B$24,21,0),MOD($C5163,24)+1)/SUM(INDEX($D$3:$AA$30,INDEX(Jesper!$R$2:$R$366,ROW(INDEX(Jesper!AH$2:AH$366,ROUNDDOWN($C5163/24,0)+1,1))-1)+IF('Standard Profiles'!$G$18=$B$10,7,0)+IF('Standard Profiles'!$G$18=$B$17,14,0)+IF('Standard Profiles'!$G$18=$B$24,21,0),0)),0)</f>
        <v>13.58467133143254</v>
      </c>
      <c r="E5163" cm="1">
        <f t="array" ref="E5163">IFERROR(INDEX(Jesper!AI$2:AI$366,ROUNDDOWN($C5163/24,0)+1,1)*INDEX($D$3:$AA$30,INDEX(Jesper!$R$2:$R$366,ROW(INDEX(Jesper!AI$2:AI$366,ROUNDDOWN($C5163/24,0)+1,1))-1)+IF('Standard Profiles'!$G$19=$B$10,7,0)+IF('Standard Profiles'!$G$19=$B$17,14,0)+IF('Standard Profiles'!$G$19=$B$24,21,0),MOD($C5163,24)+1)/SUM(INDEX($D$3:$AA$30,INDEX(Jesper!$R$2:$R$366,ROW(INDEX(Jesper!AI$2:AI$366,ROUNDDOWN($C5163/24,0)+1,1))-1)+IF('Standard Profiles'!$G$19=$B$10,7,0)+IF('Standard Profiles'!$G$19=$B$17,14,0)+IF('Standard Profiles'!$G$19=$B$24,21,0),0)),0)</f>
        <v>0</v>
      </c>
      <c r="F5163" cm="1">
        <f t="array" ref="F5163">IFERROR(INDEX(Jesper!AJ$2:AJ$366,ROUNDDOWN($C5163/24,0)+1,1)*INDEX($D$3:$AA$30,INDEX(Jesper!$R$2:$R$366,ROW(INDEX(Jesper!AJ$2:AJ$366,ROUNDDOWN($C5163/24,0)+1,1))-1)+IF('Standard Profiles'!$G$20=$B$10,7,0)+IF('Standard Profiles'!$G$20=$B$17,14,0)+IF('Standard Profiles'!$G$20=$B$24,21,0),MOD($C5163,24)+1)/SUM(INDEX($D$3:$AA$30,INDEX(Jesper!$R$2:$R$366,ROW(INDEX(Jesper!AJ$2:AJ$366,ROUNDDOWN($C5163/24,0)+1,1))-1)+IF('Standard Profiles'!$G$20=$B$10,7,0)+IF('Standard Profiles'!$G$20=$B$17,14,0)+IF('Standard Profiles'!$G$20=$B$24,21,0),0)),0)</f>
        <v>0</v>
      </c>
      <c r="G5163" cm="1">
        <f t="array" ref="G5163">IFERROR(INDEX(Jesper!AK$2:AK$366,ROUNDDOWN($C5163/24,0)+1,1)*INDEX($D$3:$AA$30,INDEX(Jesper!$R$2:$R$366,ROW(INDEX(Jesper!AK$2:AK$366,ROUNDDOWN($C5163/24,0)+1,1))-1)+IF('Standard Profiles'!$G$21=$B$10,7,0)+IF('Standard Profiles'!$G$21=$B$17,14,0)+IF('Standard Profiles'!$G$21=$B$24,21,0),MOD($C5163,24)+1)/SUM(INDEX($D$3:$AA$30,INDEX(Jesper!$R$2:$R$366,ROW(INDEX(Jesper!AK$2:AK$366,ROUNDDOWN($C5163/24,0)+1,1))-1)+IF('Standard Profiles'!$G$21=$B$10,7,0)+IF('Standard Profiles'!$G$21=$B$17,14,0)+IF('Standard Profiles'!$G$21=$B$24,21,0),0)),0)</f>
        <v>0</v>
      </c>
      <c r="H5163" cm="1">
        <f t="array" ref="H5163">IFERROR(INDEX(Jesper!AL$2:AL$366,ROUNDDOWN($C5163/24,0)+1,1)*INDEX($D$3:$AA$30,INDEX(Jesper!$R$2:$R$366,ROW(INDEX(Jesper!AL$2:AL$366,ROUNDDOWN($C5163/24,0)+1,1))-1)+IF('Standard Profiles'!$G$22=$B$10,7,0)+IF('Standard Profiles'!$G$22=$B$17,14,0)+IF('Standard Profiles'!$G$22=$B$24,21,0),MOD($C5163,24)+1)/SUM(INDEX($D$3:$AA$30,INDEX(Jesper!$R$2:$R$366,ROW(INDEX(Jesper!AL$2:AL$366,ROUNDDOWN($C5163/24,0)+1,1))-1)+IF('Standard Profiles'!$G$22=$B$10,7,0)+IF('Standard Profiles'!$G$22=$B$17,14,0)+IF('Standard Profiles'!$G$22=$B$24,21,0),0)),0)</f>
        <v>0</v>
      </c>
      <c r="I5163">
        <f t="shared" si="580"/>
        <v>0.40754013994297617</v>
      </c>
      <c r="J5163">
        <f t="shared" si="581"/>
        <v>1.3584671331432541</v>
      </c>
      <c r="K5163">
        <f t="shared" si="582"/>
        <v>2.0377006997148808</v>
      </c>
      <c r="L5163">
        <f t="shared" si="583"/>
        <v>9.7809633586314284</v>
      </c>
      <c r="M5163">
        <f t="shared" si="584"/>
        <v>0</v>
      </c>
      <c r="N5163" s="46">
        <f t="shared" si="585"/>
        <v>45505.708333320894</v>
      </c>
    </row>
    <row r="5164" spans="2:14" x14ac:dyDescent="0.3">
      <c r="B5164">
        <f t="shared" si="579"/>
        <v>4</v>
      </c>
      <c r="C5164" s="16">
        <v>5130</v>
      </c>
      <c r="D5164" cm="1">
        <f t="array" ref="D5164">IFERROR(INDEX(Jesper!AH$2:AH$366,ROUNDDOWN($C5164/24,0)+1,1)*INDEX($D$3:$AA$30,INDEX(Jesper!$R$2:$R$366,ROW(INDEX(Jesper!AH$2:AH$366,ROUNDDOWN($C5164/24,0)+1,1))-1)+IF('Standard Profiles'!$G$18=$B$10,7,0)+IF('Standard Profiles'!$G$18=$B$17,14,0)+IF('Standard Profiles'!$G$18=$B$24,21,0),MOD($C5164,24)+1)/SUM(INDEX($D$3:$AA$30,INDEX(Jesper!$R$2:$R$366,ROW(INDEX(Jesper!AH$2:AH$366,ROUNDDOWN($C5164/24,0)+1,1))-1)+IF('Standard Profiles'!$G$18=$B$10,7,0)+IF('Standard Profiles'!$G$18=$B$17,14,0)+IF('Standard Profiles'!$G$18=$B$24,21,0),0)),0)</f>
        <v>13.58467133143254</v>
      </c>
      <c r="E5164" cm="1">
        <f t="array" ref="E5164">IFERROR(INDEX(Jesper!AI$2:AI$366,ROUNDDOWN($C5164/24,0)+1,1)*INDEX($D$3:$AA$30,INDEX(Jesper!$R$2:$R$366,ROW(INDEX(Jesper!AI$2:AI$366,ROUNDDOWN($C5164/24,0)+1,1))-1)+IF('Standard Profiles'!$G$19=$B$10,7,0)+IF('Standard Profiles'!$G$19=$B$17,14,0)+IF('Standard Profiles'!$G$19=$B$24,21,0),MOD($C5164,24)+1)/SUM(INDEX($D$3:$AA$30,INDEX(Jesper!$R$2:$R$366,ROW(INDEX(Jesper!AI$2:AI$366,ROUNDDOWN($C5164/24,0)+1,1))-1)+IF('Standard Profiles'!$G$19=$B$10,7,0)+IF('Standard Profiles'!$G$19=$B$17,14,0)+IF('Standard Profiles'!$G$19=$B$24,21,0),0)),0)</f>
        <v>0</v>
      </c>
      <c r="F5164" cm="1">
        <f t="array" ref="F5164">IFERROR(INDEX(Jesper!AJ$2:AJ$366,ROUNDDOWN($C5164/24,0)+1,1)*INDEX($D$3:$AA$30,INDEX(Jesper!$R$2:$R$366,ROW(INDEX(Jesper!AJ$2:AJ$366,ROUNDDOWN($C5164/24,0)+1,1))-1)+IF('Standard Profiles'!$G$20=$B$10,7,0)+IF('Standard Profiles'!$G$20=$B$17,14,0)+IF('Standard Profiles'!$G$20=$B$24,21,0),MOD($C5164,24)+1)/SUM(INDEX($D$3:$AA$30,INDEX(Jesper!$R$2:$R$366,ROW(INDEX(Jesper!AJ$2:AJ$366,ROUNDDOWN($C5164/24,0)+1,1))-1)+IF('Standard Profiles'!$G$20=$B$10,7,0)+IF('Standard Profiles'!$G$20=$B$17,14,0)+IF('Standard Profiles'!$G$20=$B$24,21,0),0)),0)</f>
        <v>0</v>
      </c>
      <c r="G5164" cm="1">
        <f t="array" ref="G5164">IFERROR(INDEX(Jesper!AK$2:AK$366,ROUNDDOWN($C5164/24,0)+1,1)*INDEX($D$3:$AA$30,INDEX(Jesper!$R$2:$R$366,ROW(INDEX(Jesper!AK$2:AK$366,ROUNDDOWN($C5164/24,0)+1,1))-1)+IF('Standard Profiles'!$G$21=$B$10,7,0)+IF('Standard Profiles'!$G$21=$B$17,14,0)+IF('Standard Profiles'!$G$21=$B$24,21,0),MOD($C5164,24)+1)/SUM(INDEX($D$3:$AA$30,INDEX(Jesper!$R$2:$R$366,ROW(INDEX(Jesper!AK$2:AK$366,ROUNDDOWN($C5164/24,0)+1,1))-1)+IF('Standard Profiles'!$G$21=$B$10,7,0)+IF('Standard Profiles'!$G$21=$B$17,14,0)+IF('Standard Profiles'!$G$21=$B$24,21,0),0)),0)</f>
        <v>0</v>
      </c>
      <c r="H5164" cm="1">
        <f t="array" ref="H5164">IFERROR(INDEX(Jesper!AL$2:AL$366,ROUNDDOWN($C5164/24,0)+1,1)*INDEX($D$3:$AA$30,INDEX(Jesper!$R$2:$R$366,ROW(INDEX(Jesper!AL$2:AL$366,ROUNDDOWN($C5164/24,0)+1,1))-1)+IF('Standard Profiles'!$G$22=$B$10,7,0)+IF('Standard Profiles'!$G$22=$B$17,14,0)+IF('Standard Profiles'!$G$22=$B$24,21,0),MOD($C5164,24)+1)/SUM(INDEX($D$3:$AA$30,INDEX(Jesper!$R$2:$R$366,ROW(INDEX(Jesper!AL$2:AL$366,ROUNDDOWN($C5164/24,0)+1,1))-1)+IF('Standard Profiles'!$G$22=$B$10,7,0)+IF('Standard Profiles'!$G$22=$B$17,14,0)+IF('Standard Profiles'!$G$22=$B$24,21,0),0)),0)</f>
        <v>0</v>
      </c>
      <c r="I5164">
        <f t="shared" si="580"/>
        <v>0.40754013994297617</v>
      </c>
      <c r="J5164">
        <f t="shared" si="581"/>
        <v>1.3584671331432541</v>
      </c>
      <c r="K5164">
        <f t="shared" si="582"/>
        <v>2.0377006997148808</v>
      </c>
      <c r="L5164">
        <f t="shared" si="583"/>
        <v>9.7809633586314284</v>
      </c>
      <c r="M5164">
        <f t="shared" si="584"/>
        <v>0</v>
      </c>
      <c r="N5164" s="46">
        <f t="shared" si="585"/>
        <v>45505.749999987558</v>
      </c>
    </row>
    <row r="5165" spans="2:14" x14ac:dyDescent="0.3">
      <c r="B5165">
        <f t="shared" si="579"/>
        <v>4</v>
      </c>
      <c r="C5165" s="16">
        <v>5131</v>
      </c>
      <c r="D5165" cm="1">
        <f t="array" ref="D5165">IFERROR(INDEX(Jesper!AH$2:AH$366,ROUNDDOWN($C5165/24,0)+1,1)*INDEX($D$3:$AA$30,INDEX(Jesper!$R$2:$R$366,ROW(INDEX(Jesper!AH$2:AH$366,ROUNDDOWN($C5165/24,0)+1,1))-1)+IF('Standard Profiles'!$G$18=$B$10,7,0)+IF('Standard Profiles'!$G$18=$B$17,14,0)+IF('Standard Profiles'!$G$18=$B$24,21,0),MOD($C5165,24)+1)/SUM(INDEX($D$3:$AA$30,INDEX(Jesper!$R$2:$R$366,ROW(INDEX(Jesper!AH$2:AH$366,ROUNDDOWN($C5165/24,0)+1,1))-1)+IF('Standard Profiles'!$G$18=$B$10,7,0)+IF('Standard Profiles'!$G$18=$B$17,14,0)+IF('Standard Profiles'!$G$18=$B$24,21,0),0)),0)</f>
        <v>11.32055944286045</v>
      </c>
      <c r="E5165" cm="1">
        <f t="array" ref="E5165">IFERROR(INDEX(Jesper!AI$2:AI$366,ROUNDDOWN($C5165/24,0)+1,1)*INDEX($D$3:$AA$30,INDEX(Jesper!$R$2:$R$366,ROW(INDEX(Jesper!AI$2:AI$366,ROUNDDOWN($C5165/24,0)+1,1))-1)+IF('Standard Profiles'!$G$19=$B$10,7,0)+IF('Standard Profiles'!$G$19=$B$17,14,0)+IF('Standard Profiles'!$G$19=$B$24,21,0),MOD($C5165,24)+1)/SUM(INDEX($D$3:$AA$30,INDEX(Jesper!$R$2:$R$366,ROW(INDEX(Jesper!AI$2:AI$366,ROUNDDOWN($C5165/24,0)+1,1))-1)+IF('Standard Profiles'!$G$19=$B$10,7,0)+IF('Standard Profiles'!$G$19=$B$17,14,0)+IF('Standard Profiles'!$G$19=$B$24,21,0),0)),0)</f>
        <v>0</v>
      </c>
      <c r="F5165" cm="1">
        <f t="array" ref="F5165">IFERROR(INDEX(Jesper!AJ$2:AJ$366,ROUNDDOWN($C5165/24,0)+1,1)*INDEX($D$3:$AA$30,INDEX(Jesper!$R$2:$R$366,ROW(INDEX(Jesper!AJ$2:AJ$366,ROUNDDOWN($C5165/24,0)+1,1))-1)+IF('Standard Profiles'!$G$20=$B$10,7,0)+IF('Standard Profiles'!$G$20=$B$17,14,0)+IF('Standard Profiles'!$G$20=$B$24,21,0),MOD($C5165,24)+1)/SUM(INDEX($D$3:$AA$30,INDEX(Jesper!$R$2:$R$366,ROW(INDEX(Jesper!AJ$2:AJ$366,ROUNDDOWN($C5165/24,0)+1,1))-1)+IF('Standard Profiles'!$G$20=$B$10,7,0)+IF('Standard Profiles'!$G$20=$B$17,14,0)+IF('Standard Profiles'!$G$20=$B$24,21,0),0)),0)</f>
        <v>0</v>
      </c>
      <c r="G5165" cm="1">
        <f t="array" ref="G5165">IFERROR(INDEX(Jesper!AK$2:AK$366,ROUNDDOWN($C5165/24,0)+1,1)*INDEX($D$3:$AA$30,INDEX(Jesper!$R$2:$R$366,ROW(INDEX(Jesper!AK$2:AK$366,ROUNDDOWN($C5165/24,0)+1,1))-1)+IF('Standard Profiles'!$G$21=$B$10,7,0)+IF('Standard Profiles'!$G$21=$B$17,14,0)+IF('Standard Profiles'!$G$21=$B$24,21,0),MOD($C5165,24)+1)/SUM(INDEX($D$3:$AA$30,INDEX(Jesper!$R$2:$R$366,ROW(INDEX(Jesper!AK$2:AK$366,ROUNDDOWN($C5165/24,0)+1,1))-1)+IF('Standard Profiles'!$G$21=$B$10,7,0)+IF('Standard Profiles'!$G$21=$B$17,14,0)+IF('Standard Profiles'!$G$21=$B$24,21,0),0)),0)</f>
        <v>0</v>
      </c>
      <c r="H5165" cm="1">
        <f t="array" ref="H5165">IFERROR(INDEX(Jesper!AL$2:AL$366,ROUNDDOWN($C5165/24,0)+1,1)*INDEX($D$3:$AA$30,INDEX(Jesper!$R$2:$R$366,ROW(INDEX(Jesper!AL$2:AL$366,ROUNDDOWN($C5165/24,0)+1,1))-1)+IF('Standard Profiles'!$G$22=$B$10,7,0)+IF('Standard Profiles'!$G$22=$B$17,14,0)+IF('Standard Profiles'!$G$22=$B$24,21,0),MOD($C5165,24)+1)/SUM(INDEX($D$3:$AA$30,INDEX(Jesper!$R$2:$R$366,ROW(INDEX(Jesper!AL$2:AL$366,ROUNDDOWN($C5165/24,0)+1,1))-1)+IF('Standard Profiles'!$G$22=$B$10,7,0)+IF('Standard Profiles'!$G$22=$B$17,14,0)+IF('Standard Profiles'!$G$22=$B$24,21,0),0)),0)</f>
        <v>0</v>
      </c>
      <c r="I5165">
        <f t="shared" si="580"/>
        <v>0.33961678328581346</v>
      </c>
      <c r="J5165">
        <f t="shared" si="581"/>
        <v>1.1320559442860449</v>
      </c>
      <c r="K5165">
        <f t="shared" si="582"/>
        <v>1.6980839164290675</v>
      </c>
      <c r="L5165">
        <f t="shared" si="583"/>
        <v>8.1508027988595231</v>
      </c>
      <c r="M5165">
        <f t="shared" si="584"/>
        <v>0</v>
      </c>
      <c r="N5165" s="46">
        <f t="shared" si="585"/>
        <v>45505.791666654222</v>
      </c>
    </row>
    <row r="5166" spans="2:14" x14ac:dyDescent="0.3">
      <c r="B5166">
        <f t="shared" si="579"/>
        <v>4</v>
      </c>
      <c r="C5166" s="16">
        <v>5132</v>
      </c>
      <c r="D5166" cm="1">
        <f t="array" ref="D5166">IFERROR(INDEX(Jesper!AH$2:AH$366,ROUNDDOWN($C5166/24,0)+1,1)*INDEX($D$3:$AA$30,INDEX(Jesper!$R$2:$R$366,ROW(INDEX(Jesper!AH$2:AH$366,ROUNDDOWN($C5166/24,0)+1,1))-1)+IF('Standard Profiles'!$G$18=$B$10,7,0)+IF('Standard Profiles'!$G$18=$B$17,14,0)+IF('Standard Profiles'!$G$18=$B$24,21,0),MOD($C5166,24)+1)/SUM(INDEX($D$3:$AA$30,INDEX(Jesper!$R$2:$R$366,ROW(INDEX(Jesper!AH$2:AH$366,ROUNDDOWN($C5166/24,0)+1,1))-1)+IF('Standard Profiles'!$G$18=$B$10,7,0)+IF('Standard Profiles'!$G$18=$B$17,14,0)+IF('Standard Profiles'!$G$18=$B$24,21,0),0)),0)</f>
        <v>9.0564475542883613</v>
      </c>
      <c r="E5166" cm="1">
        <f t="array" ref="E5166">IFERROR(INDEX(Jesper!AI$2:AI$366,ROUNDDOWN($C5166/24,0)+1,1)*INDEX($D$3:$AA$30,INDEX(Jesper!$R$2:$R$366,ROW(INDEX(Jesper!AI$2:AI$366,ROUNDDOWN($C5166/24,0)+1,1))-1)+IF('Standard Profiles'!$G$19=$B$10,7,0)+IF('Standard Profiles'!$G$19=$B$17,14,0)+IF('Standard Profiles'!$G$19=$B$24,21,0),MOD($C5166,24)+1)/SUM(INDEX($D$3:$AA$30,INDEX(Jesper!$R$2:$R$366,ROW(INDEX(Jesper!AI$2:AI$366,ROUNDDOWN($C5166/24,0)+1,1))-1)+IF('Standard Profiles'!$G$19=$B$10,7,0)+IF('Standard Profiles'!$G$19=$B$17,14,0)+IF('Standard Profiles'!$G$19=$B$24,21,0),0)),0)</f>
        <v>0</v>
      </c>
      <c r="F5166" cm="1">
        <f t="array" ref="F5166">IFERROR(INDEX(Jesper!AJ$2:AJ$366,ROUNDDOWN($C5166/24,0)+1,1)*INDEX($D$3:$AA$30,INDEX(Jesper!$R$2:$R$366,ROW(INDEX(Jesper!AJ$2:AJ$366,ROUNDDOWN($C5166/24,0)+1,1))-1)+IF('Standard Profiles'!$G$20=$B$10,7,0)+IF('Standard Profiles'!$G$20=$B$17,14,0)+IF('Standard Profiles'!$G$20=$B$24,21,0),MOD($C5166,24)+1)/SUM(INDEX($D$3:$AA$30,INDEX(Jesper!$R$2:$R$366,ROW(INDEX(Jesper!AJ$2:AJ$366,ROUNDDOWN($C5166/24,0)+1,1))-1)+IF('Standard Profiles'!$G$20=$B$10,7,0)+IF('Standard Profiles'!$G$20=$B$17,14,0)+IF('Standard Profiles'!$G$20=$B$24,21,0),0)),0)</f>
        <v>0</v>
      </c>
      <c r="G5166" cm="1">
        <f t="array" ref="G5166">IFERROR(INDEX(Jesper!AK$2:AK$366,ROUNDDOWN($C5166/24,0)+1,1)*INDEX($D$3:$AA$30,INDEX(Jesper!$R$2:$R$366,ROW(INDEX(Jesper!AK$2:AK$366,ROUNDDOWN($C5166/24,0)+1,1))-1)+IF('Standard Profiles'!$G$21=$B$10,7,0)+IF('Standard Profiles'!$G$21=$B$17,14,0)+IF('Standard Profiles'!$G$21=$B$24,21,0),MOD($C5166,24)+1)/SUM(INDEX($D$3:$AA$30,INDEX(Jesper!$R$2:$R$366,ROW(INDEX(Jesper!AK$2:AK$366,ROUNDDOWN($C5166/24,0)+1,1))-1)+IF('Standard Profiles'!$G$21=$B$10,7,0)+IF('Standard Profiles'!$G$21=$B$17,14,0)+IF('Standard Profiles'!$G$21=$B$24,21,0),0)),0)</f>
        <v>0</v>
      </c>
      <c r="H5166" cm="1">
        <f t="array" ref="H5166">IFERROR(INDEX(Jesper!AL$2:AL$366,ROUNDDOWN($C5166/24,0)+1,1)*INDEX($D$3:$AA$30,INDEX(Jesper!$R$2:$R$366,ROW(INDEX(Jesper!AL$2:AL$366,ROUNDDOWN($C5166/24,0)+1,1))-1)+IF('Standard Profiles'!$G$22=$B$10,7,0)+IF('Standard Profiles'!$G$22=$B$17,14,0)+IF('Standard Profiles'!$G$22=$B$24,21,0),MOD($C5166,24)+1)/SUM(INDEX($D$3:$AA$30,INDEX(Jesper!$R$2:$R$366,ROW(INDEX(Jesper!AL$2:AL$366,ROUNDDOWN($C5166/24,0)+1,1))-1)+IF('Standard Profiles'!$G$22=$B$10,7,0)+IF('Standard Profiles'!$G$22=$B$17,14,0)+IF('Standard Profiles'!$G$22=$B$24,21,0),0)),0)</f>
        <v>0</v>
      </c>
      <c r="I5166">
        <f t="shared" si="580"/>
        <v>0.27169342662865081</v>
      </c>
      <c r="J5166">
        <f t="shared" si="581"/>
        <v>0.90564475542883616</v>
      </c>
      <c r="K5166">
        <f t="shared" si="582"/>
        <v>1.3584671331432541</v>
      </c>
      <c r="L5166">
        <f t="shared" si="583"/>
        <v>6.5206422390876195</v>
      </c>
      <c r="M5166">
        <f t="shared" si="584"/>
        <v>0</v>
      </c>
      <c r="N5166" s="46">
        <f t="shared" si="585"/>
        <v>45505.833333320887</v>
      </c>
    </row>
    <row r="5167" spans="2:14" x14ac:dyDescent="0.3">
      <c r="B5167">
        <f t="shared" si="579"/>
        <v>4</v>
      </c>
      <c r="C5167" s="16">
        <v>5133</v>
      </c>
      <c r="D5167" cm="1">
        <f t="array" ref="D5167">IFERROR(INDEX(Jesper!AH$2:AH$366,ROUNDDOWN($C5167/24,0)+1,1)*INDEX($D$3:$AA$30,INDEX(Jesper!$R$2:$R$366,ROW(INDEX(Jesper!AH$2:AH$366,ROUNDDOWN($C5167/24,0)+1,1))-1)+IF('Standard Profiles'!$G$18=$B$10,7,0)+IF('Standard Profiles'!$G$18=$B$17,14,0)+IF('Standard Profiles'!$G$18=$B$24,21,0),MOD($C5167,24)+1)/SUM(INDEX($D$3:$AA$30,INDEX(Jesper!$R$2:$R$366,ROW(INDEX(Jesper!AH$2:AH$366,ROUNDDOWN($C5167/24,0)+1,1))-1)+IF('Standard Profiles'!$G$18=$B$10,7,0)+IF('Standard Profiles'!$G$18=$B$17,14,0)+IF('Standard Profiles'!$G$18=$B$24,21,0),0)),0)</f>
        <v>6.7923356657162701</v>
      </c>
      <c r="E5167" cm="1">
        <f t="array" ref="E5167">IFERROR(INDEX(Jesper!AI$2:AI$366,ROUNDDOWN($C5167/24,0)+1,1)*INDEX($D$3:$AA$30,INDEX(Jesper!$R$2:$R$366,ROW(INDEX(Jesper!AI$2:AI$366,ROUNDDOWN($C5167/24,0)+1,1))-1)+IF('Standard Profiles'!$G$19=$B$10,7,0)+IF('Standard Profiles'!$G$19=$B$17,14,0)+IF('Standard Profiles'!$G$19=$B$24,21,0),MOD($C5167,24)+1)/SUM(INDEX($D$3:$AA$30,INDEX(Jesper!$R$2:$R$366,ROW(INDEX(Jesper!AI$2:AI$366,ROUNDDOWN($C5167/24,0)+1,1))-1)+IF('Standard Profiles'!$G$19=$B$10,7,0)+IF('Standard Profiles'!$G$19=$B$17,14,0)+IF('Standard Profiles'!$G$19=$B$24,21,0),0)),0)</f>
        <v>0</v>
      </c>
      <c r="F5167" cm="1">
        <f t="array" ref="F5167">IFERROR(INDEX(Jesper!AJ$2:AJ$366,ROUNDDOWN($C5167/24,0)+1,1)*INDEX($D$3:$AA$30,INDEX(Jesper!$R$2:$R$366,ROW(INDEX(Jesper!AJ$2:AJ$366,ROUNDDOWN($C5167/24,0)+1,1))-1)+IF('Standard Profiles'!$G$20=$B$10,7,0)+IF('Standard Profiles'!$G$20=$B$17,14,0)+IF('Standard Profiles'!$G$20=$B$24,21,0),MOD($C5167,24)+1)/SUM(INDEX($D$3:$AA$30,INDEX(Jesper!$R$2:$R$366,ROW(INDEX(Jesper!AJ$2:AJ$366,ROUNDDOWN($C5167/24,0)+1,1))-1)+IF('Standard Profiles'!$G$20=$B$10,7,0)+IF('Standard Profiles'!$G$20=$B$17,14,0)+IF('Standard Profiles'!$G$20=$B$24,21,0),0)),0)</f>
        <v>0</v>
      </c>
      <c r="G5167" cm="1">
        <f t="array" ref="G5167">IFERROR(INDEX(Jesper!AK$2:AK$366,ROUNDDOWN($C5167/24,0)+1,1)*INDEX($D$3:$AA$30,INDEX(Jesper!$R$2:$R$366,ROW(INDEX(Jesper!AK$2:AK$366,ROUNDDOWN($C5167/24,0)+1,1))-1)+IF('Standard Profiles'!$G$21=$B$10,7,0)+IF('Standard Profiles'!$G$21=$B$17,14,0)+IF('Standard Profiles'!$G$21=$B$24,21,0),MOD($C5167,24)+1)/SUM(INDEX($D$3:$AA$30,INDEX(Jesper!$R$2:$R$366,ROW(INDEX(Jesper!AK$2:AK$366,ROUNDDOWN($C5167/24,0)+1,1))-1)+IF('Standard Profiles'!$G$21=$B$10,7,0)+IF('Standard Profiles'!$G$21=$B$17,14,0)+IF('Standard Profiles'!$G$21=$B$24,21,0),0)),0)</f>
        <v>0</v>
      </c>
      <c r="H5167" cm="1">
        <f t="array" ref="H5167">IFERROR(INDEX(Jesper!AL$2:AL$366,ROUNDDOWN($C5167/24,0)+1,1)*INDEX($D$3:$AA$30,INDEX(Jesper!$R$2:$R$366,ROW(INDEX(Jesper!AL$2:AL$366,ROUNDDOWN($C5167/24,0)+1,1))-1)+IF('Standard Profiles'!$G$22=$B$10,7,0)+IF('Standard Profiles'!$G$22=$B$17,14,0)+IF('Standard Profiles'!$G$22=$B$24,21,0),MOD($C5167,24)+1)/SUM(INDEX($D$3:$AA$30,INDEX(Jesper!$R$2:$R$366,ROW(INDEX(Jesper!AL$2:AL$366,ROUNDDOWN($C5167/24,0)+1,1))-1)+IF('Standard Profiles'!$G$22=$B$10,7,0)+IF('Standard Profiles'!$G$22=$B$17,14,0)+IF('Standard Profiles'!$G$22=$B$24,21,0),0)),0)</f>
        <v>0</v>
      </c>
      <c r="I5167">
        <f t="shared" si="580"/>
        <v>0.20377006997148808</v>
      </c>
      <c r="J5167">
        <f t="shared" si="581"/>
        <v>0.67923356657162703</v>
      </c>
      <c r="K5167">
        <f t="shared" si="582"/>
        <v>1.0188503498574404</v>
      </c>
      <c r="L5167">
        <f t="shared" si="583"/>
        <v>4.8904816793157142</v>
      </c>
      <c r="M5167">
        <f t="shared" si="584"/>
        <v>0</v>
      </c>
      <c r="N5167" s="46">
        <f t="shared" si="585"/>
        <v>45505.874999987551</v>
      </c>
    </row>
    <row r="5168" spans="2:14" x14ac:dyDescent="0.3">
      <c r="B5168">
        <f t="shared" si="579"/>
        <v>4</v>
      </c>
      <c r="C5168" s="16">
        <v>5134</v>
      </c>
      <c r="D5168" cm="1">
        <f t="array" ref="D5168">IFERROR(INDEX(Jesper!AH$2:AH$366,ROUNDDOWN($C5168/24,0)+1,1)*INDEX($D$3:$AA$30,INDEX(Jesper!$R$2:$R$366,ROW(INDEX(Jesper!AH$2:AH$366,ROUNDDOWN($C5168/24,0)+1,1))-1)+IF('Standard Profiles'!$G$18=$B$10,7,0)+IF('Standard Profiles'!$G$18=$B$17,14,0)+IF('Standard Profiles'!$G$18=$B$24,21,0),MOD($C5168,24)+1)/SUM(INDEX($D$3:$AA$30,INDEX(Jesper!$R$2:$R$366,ROW(INDEX(Jesper!AH$2:AH$366,ROUNDDOWN($C5168/24,0)+1,1))-1)+IF('Standard Profiles'!$G$18=$B$10,7,0)+IF('Standard Profiles'!$G$18=$B$17,14,0)+IF('Standard Profiles'!$G$18=$B$24,21,0),0)),0)</f>
        <v>6.7923356657162701</v>
      </c>
      <c r="E5168" cm="1">
        <f t="array" ref="E5168">IFERROR(INDEX(Jesper!AI$2:AI$366,ROUNDDOWN($C5168/24,0)+1,1)*INDEX($D$3:$AA$30,INDEX(Jesper!$R$2:$R$366,ROW(INDEX(Jesper!AI$2:AI$366,ROUNDDOWN($C5168/24,0)+1,1))-1)+IF('Standard Profiles'!$G$19=$B$10,7,0)+IF('Standard Profiles'!$G$19=$B$17,14,0)+IF('Standard Profiles'!$G$19=$B$24,21,0),MOD($C5168,24)+1)/SUM(INDEX($D$3:$AA$30,INDEX(Jesper!$R$2:$R$366,ROW(INDEX(Jesper!AI$2:AI$366,ROUNDDOWN($C5168/24,0)+1,1))-1)+IF('Standard Profiles'!$G$19=$B$10,7,0)+IF('Standard Profiles'!$G$19=$B$17,14,0)+IF('Standard Profiles'!$G$19=$B$24,21,0),0)),0)</f>
        <v>0</v>
      </c>
      <c r="F5168" cm="1">
        <f t="array" ref="F5168">IFERROR(INDEX(Jesper!AJ$2:AJ$366,ROUNDDOWN($C5168/24,0)+1,1)*INDEX($D$3:$AA$30,INDEX(Jesper!$R$2:$R$366,ROW(INDEX(Jesper!AJ$2:AJ$366,ROUNDDOWN($C5168/24,0)+1,1))-1)+IF('Standard Profiles'!$G$20=$B$10,7,0)+IF('Standard Profiles'!$G$20=$B$17,14,0)+IF('Standard Profiles'!$G$20=$B$24,21,0),MOD($C5168,24)+1)/SUM(INDEX($D$3:$AA$30,INDEX(Jesper!$R$2:$R$366,ROW(INDEX(Jesper!AJ$2:AJ$366,ROUNDDOWN($C5168/24,0)+1,1))-1)+IF('Standard Profiles'!$G$20=$B$10,7,0)+IF('Standard Profiles'!$G$20=$B$17,14,0)+IF('Standard Profiles'!$G$20=$B$24,21,0),0)),0)</f>
        <v>0</v>
      </c>
      <c r="G5168" cm="1">
        <f t="array" ref="G5168">IFERROR(INDEX(Jesper!AK$2:AK$366,ROUNDDOWN($C5168/24,0)+1,1)*INDEX($D$3:$AA$30,INDEX(Jesper!$R$2:$R$366,ROW(INDEX(Jesper!AK$2:AK$366,ROUNDDOWN($C5168/24,0)+1,1))-1)+IF('Standard Profiles'!$G$21=$B$10,7,0)+IF('Standard Profiles'!$G$21=$B$17,14,0)+IF('Standard Profiles'!$G$21=$B$24,21,0),MOD($C5168,24)+1)/SUM(INDEX($D$3:$AA$30,INDEX(Jesper!$R$2:$R$366,ROW(INDEX(Jesper!AK$2:AK$366,ROUNDDOWN($C5168/24,0)+1,1))-1)+IF('Standard Profiles'!$G$21=$B$10,7,0)+IF('Standard Profiles'!$G$21=$B$17,14,0)+IF('Standard Profiles'!$G$21=$B$24,21,0),0)),0)</f>
        <v>0</v>
      </c>
      <c r="H5168" cm="1">
        <f t="array" ref="H5168">IFERROR(INDEX(Jesper!AL$2:AL$366,ROUNDDOWN($C5168/24,0)+1,1)*INDEX($D$3:$AA$30,INDEX(Jesper!$R$2:$R$366,ROW(INDEX(Jesper!AL$2:AL$366,ROUNDDOWN($C5168/24,0)+1,1))-1)+IF('Standard Profiles'!$G$22=$B$10,7,0)+IF('Standard Profiles'!$G$22=$B$17,14,0)+IF('Standard Profiles'!$G$22=$B$24,21,0),MOD($C5168,24)+1)/SUM(INDEX($D$3:$AA$30,INDEX(Jesper!$R$2:$R$366,ROW(INDEX(Jesper!AL$2:AL$366,ROUNDDOWN($C5168/24,0)+1,1))-1)+IF('Standard Profiles'!$G$22=$B$10,7,0)+IF('Standard Profiles'!$G$22=$B$17,14,0)+IF('Standard Profiles'!$G$22=$B$24,21,0),0)),0)</f>
        <v>0</v>
      </c>
      <c r="I5168">
        <f t="shared" si="580"/>
        <v>0.20377006997148808</v>
      </c>
      <c r="J5168">
        <f t="shared" si="581"/>
        <v>0.67923356657162703</v>
      </c>
      <c r="K5168">
        <f t="shared" si="582"/>
        <v>1.0188503498574404</v>
      </c>
      <c r="L5168">
        <f t="shared" si="583"/>
        <v>4.8904816793157142</v>
      </c>
      <c r="M5168">
        <f t="shared" si="584"/>
        <v>0</v>
      </c>
      <c r="N5168" s="46">
        <f t="shared" si="585"/>
        <v>45505.916666654215</v>
      </c>
    </row>
    <row r="5169" spans="2:14" x14ac:dyDescent="0.3">
      <c r="B5169">
        <f t="shared" si="579"/>
        <v>4</v>
      </c>
      <c r="C5169" s="16">
        <v>5135</v>
      </c>
      <c r="D5169" cm="1">
        <f t="array" ref="D5169">IFERROR(INDEX(Jesper!AH$2:AH$366,ROUNDDOWN($C5169/24,0)+1,1)*INDEX($D$3:$AA$30,INDEX(Jesper!$R$2:$R$366,ROW(INDEX(Jesper!AH$2:AH$366,ROUNDDOWN($C5169/24,0)+1,1))-1)+IF('Standard Profiles'!$G$18=$B$10,7,0)+IF('Standard Profiles'!$G$18=$B$17,14,0)+IF('Standard Profiles'!$G$18=$B$24,21,0),MOD($C5169,24)+1)/SUM(INDEX($D$3:$AA$30,INDEX(Jesper!$R$2:$R$366,ROW(INDEX(Jesper!AH$2:AH$366,ROUNDDOWN($C5169/24,0)+1,1))-1)+IF('Standard Profiles'!$G$18=$B$10,7,0)+IF('Standard Profiles'!$G$18=$B$17,14,0)+IF('Standard Profiles'!$G$18=$B$24,21,0),0)),0)</f>
        <v>6.7923356657162701</v>
      </c>
      <c r="E5169" cm="1">
        <f t="array" ref="E5169">IFERROR(INDEX(Jesper!AI$2:AI$366,ROUNDDOWN($C5169/24,0)+1,1)*INDEX($D$3:$AA$30,INDEX(Jesper!$R$2:$R$366,ROW(INDEX(Jesper!AI$2:AI$366,ROUNDDOWN($C5169/24,0)+1,1))-1)+IF('Standard Profiles'!$G$19=$B$10,7,0)+IF('Standard Profiles'!$G$19=$B$17,14,0)+IF('Standard Profiles'!$G$19=$B$24,21,0),MOD($C5169,24)+1)/SUM(INDEX($D$3:$AA$30,INDEX(Jesper!$R$2:$R$366,ROW(INDEX(Jesper!AI$2:AI$366,ROUNDDOWN($C5169/24,0)+1,1))-1)+IF('Standard Profiles'!$G$19=$B$10,7,0)+IF('Standard Profiles'!$G$19=$B$17,14,0)+IF('Standard Profiles'!$G$19=$B$24,21,0),0)),0)</f>
        <v>0</v>
      </c>
      <c r="F5169" cm="1">
        <f t="array" ref="F5169">IFERROR(INDEX(Jesper!AJ$2:AJ$366,ROUNDDOWN($C5169/24,0)+1,1)*INDEX($D$3:$AA$30,INDEX(Jesper!$R$2:$R$366,ROW(INDEX(Jesper!AJ$2:AJ$366,ROUNDDOWN($C5169/24,0)+1,1))-1)+IF('Standard Profiles'!$G$20=$B$10,7,0)+IF('Standard Profiles'!$G$20=$B$17,14,0)+IF('Standard Profiles'!$G$20=$B$24,21,0),MOD($C5169,24)+1)/SUM(INDEX($D$3:$AA$30,INDEX(Jesper!$R$2:$R$366,ROW(INDEX(Jesper!AJ$2:AJ$366,ROUNDDOWN($C5169/24,0)+1,1))-1)+IF('Standard Profiles'!$G$20=$B$10,7,0)+IF('Standard Profiles'!$G$20=$B$17,14,0)+IF('Standard Profiles'!$G$20=$B$24,21,0),0)),0)</f>
        <v>0</v>
      </c>
      <c r="G5169" cm="1">
        <f t="array" ref="G5169">IFERROR(INDEX(Jesper!AK$2:AK$366,ROUNDDOWN($C5169/24,0)+1,1)*INDEX($D$3:$AA$30,INDEX(Jesper!$R$2:$R$366,ROW(INDEX(Jesper!AK$2:AK$366,ROUNDDOWN($C5169/24,0)+1,1))-1)+IF('Standard Profiles'!$G$21=$B$10,7,0)+IF('Standard Profiles'!$G$21=$B$17,14,0)+IF('Standard Profiles'!$G$21=$B$24,21,0),MOD($C5169,24)+1)/SUM(INDEX($D$3:$AA$30,INDEX(Jesper!$R$2:$R$366,ROW(INDEX(Jesper!AK$2:AK$366,ROUNDDOWN($C5169/24,0)+1,1))-1)+IF('Standard Profiles'!$G$21=$B$10,7,0)+IF('Standard Profiles'!$G$21=$B$17,14,0)+IF('Standard Profiles'!$G$21=$B$24,21,0),0)),0)</f>
        <v>0</v>
      </c>
      <c r="H5169" cm="1">
        <f t="array" ref="H5169">IFERROR(INDEX(Jesper!AL$2:AL$366,ROUNDDOWN($C5169/24,0)+1,1)*INDEX($D$3:$AA$30,INDEX(Jesper!$R$2:$R$366,ROW(INDEX(Jesper!AL$2:AL$366,ROUNDDOWN($C5169/24,0)+1,1))-1)+IF('Standard Profiles'!$G$22=$B$10,7,0)+IF('Standard Profiles'!$G$22=$B$17,14,0)+IF('Standard Profiles'!$G$22=$B$24,21,0),MOD($C5169,24)+1)/SUM(INDEX($D$3:$AA$30,INDEX(Jesper!$R$2:$R$366,ROW(INDEX(Jesper!AL$2:AL$366,ROUNDDOWN($C5169/24,0)+1,1))-1)+IF('Standard Profiles'!$G$22=$B$10,7,0)+IF('Standard Profiles'!$G$22=$B$17,14,0)+IF('Standard Profiles'!$G$22=$B$24,21,0),0)),0)</f>
        <v>0</v>
      </c>
      <c r="I5169">
        <f t="shared" si="580"/>
        <v>0.20377006997148808</v>
      </c>
      <c r="J5169">
        <f t="shared" si="581"/>
        <v>0.67923356657162703</v>
      </c>
      <c r="K5169">
        <f t="shared" si="582"/>
        <v>1.0188503498574404</v>
      </c>
      <c r="L5169">
        <f t="shared" si="583"/>
        <v>4.8904816793157142</v>
      </c>
      <c r="M5169">
        <f t="shared" si="584"/>
        <v>0</v>
      </c>
      <c r="N5169" s="46">
        <f t="shared" si="585"/>
        <v>45505.958333320879</v>
      </c>
    </row>
    <row r="5170" spans="2:14" x14ac:dyDescent="0.3">
      <c r="B5170">
        <f t="shared" si="579"/>
        <v>5</v>
      </c>
      <c r="C5170" s="16">
        <v>5136</v>
      </c>
      <c r="D5170" cm="1">
        <f t="array" ref="D5170">IFERROR(INDEX(Jesper!AH$2:AH$366,ROUNDDOWN($C5170/24,0)+1,1)*INDEX($D$3:$AA$30,INDEX(Jesper!$R$2:$R$366,ROW(INDEX(Jesper!AH$2:AH$366,ROUNDDOWN($C5170/24,0)+1,1))-1)+IF('Standard Profiles'!$G$18=$B$10,7,0)+IF('Standard Profiles'!$G$18=$B$17,14,0)+IF('Standard Profiles'!$G$18=$B$24,21,0),MOD($C5170,24)+1)/SUM(INDEX($D$3:$AA$30,INDEX(Jesper!$R$2:$R$366,ROW(INDEX(Jesper!AH$2:AH$366,ROUNDDOWN($C5170/24,0)+1,1))-1)+IF('Standard Profiles'!$G$18=$B$10,7,0)+IF('Standard Profiles'!$G$18=$B$17,14,0)+IF('Standard Profiles'!$G$18=$B$24,21,0),0)),0)</f>
        <v>7.4720124946827404</v>
      </c>
      <c r="E5170" cm="1">
        <f t="array" ref="E5170">IFERROR(INDEX(Jesper!AI$2:AI$366,ROUNDDOWN($C5170/24,0)+1,1)*INDEX($D$3:$AA$30,INDEX(Jesper!$R$2:$R$366,ROW(INDEX(Jesper!AI$2:AI$366,ROUNDDOWN($C5170/24,0)+1,1))-1)+IF('Standard Profiles'!$G$19=$B$10,7,0)+IF('Standard Profiles'!$G$19=$B$17,14,0)+IF('Standard Profiles'!$G$19=$B$24,21,0),MOD($C5170,24)+1)/SUM(INDEX($D$3:$AA$30,INDEX(Jesper!$R$2:$R$366,ROW(INDEX(Jesper!AI$2:AI$366,ROUNDDOWN($C5170/24,0)+1,1))-1)+IF('Standard Profiles'!$G$19=$B$10,7,0)+IF('Standard Profiles'!$G$19=$B$17,14,0)+IF('Standard Profiles'!$G$19=$B$24,21,0),0)),0)</f>
        <v>0</v>
      </c>
      <c r="F5170" cm="1">
        <f t="array" ref="F5170">IFERROR(INDEX(Jesper!AJ$2:AJ$366,ROUNDDOWN($C5170/24,0)+1,1)*INDEX($D$3:$AA$30,INDEX(Jesper!$R$2:$R$366,ROW(INDEX(Jesper!AJ$2:AJ$366,ROUNDDOWN($C5170/24,0)+1,1))-1)+IF('Standard Profiles'!$G$20=$B$10,7,0)+IF('Standard Profiles'!$G$20=$B$17,14,0)+IF('Standard Profiles'!$G$20=$B$24,21,0),MOD($C5170,24)+1)/SUM(INDEX($D$3:$AA$30,INDEX(Jesper!$R$2:$R$366,ROW(INDEX(Jesper!AJ$2:AJ$366,ROUNDDOWN($C5170/24,0)+1,1))-1)+IF('Standard Profiles'!$G$20=$B$10,7,0)+IF('Standard Profiles'!$G$20=$B$17,14,0)+IF('Standard Profiles'!$G$20=$B$24,21,0),0)),0)</f>
        <v>0</v>
      </c>
      <c r="G5170" cm="1">
        <f t="array" ref="G5170">IFERROR(INDEX(Jesper!AK$2:AK$366,ROUNDDOWN($C5170/24,0)+1,1)*INDEX($D$3:$AA$30,INDEX(Jesper!$R$2:$R$366,ROW(INDEX(Jesper!AK$2:AK$366,ROUNDDOWN($C5170/24,0)+1,1))-1)+IF('Standard Profiles'!$G$21=$B$10,7,0)+IF('Standard Profiles'!$G$21=$B$17,14,0)+IF('Standard Profiles'!$G$21=$B$24,21,0),MOD($C5170,24)+1)/SUM(INDEX($D$3:$AA$30,INDEX(Jesper!$R$2:$R$366,ROW(INDEX(Jesper!AK$2:AK$366,ROUNDDOWN($C5170/24,0)+1,1))-1)+IF('Standard Profiles'!$G$21=$B$10,7,0)+IF('Standard Profiles'!$G$21=$B$17,14,0)+IF('Standard Profiles'!$G$21=$B$24,21,0),0)),0)</f>
        <v>0</v>
      </c>
      <c r="H5170" cm="1">
        <f t="array" ref="H5170">IFERROR(INDEX(Jesper!AL$2:AL$366,ROUNDDOWN($C5170/24,0)+1,1)*INDEX($D$3:$AA$30,INDEX(Jesper!$R$2:$R$366,ROW(INDEX(Jesper!AL$2:AL$366,ROUNDDOWN($C5170/24,0)+1,1))-1)+IF('Standard Profiles'!$G$22=$B$10,7,0)+IF('Standard Profiles'!$G$22=$B$17,14,0)+IF('Standard Profiles'!$G$22=$B$24,21,0),MOD($C5170,24)+1)/SUM(INDEX($D$3:$AA$30,INDEX(Jesper!$R$2:$R$366,ROW(INDEX(Jesper!AL$2:AL$366,ROUNDDOWN($C5170/24,0)+1,1))-1)+IF('Standard Profiles'!$G$22=$B$10,7,0)+IF('Standard Profiles'!$G$22=$B$17,14,0)+IF('Standard Profiles'!$G$22=$B$24,21,0),0)),0)</f>
        <v>0</v>
      </c>
      <c r="I5170">
        <f t="shared" si="580"/>
        <v>0.22416037484048221</v>
      </c>
      <c r="J5170">
        <f t="shared" si="581"/>
        <v>0.74720124946827404</v>
      </c>
      <c r="K5170">
        <f t="shared" si="582"/>
        <v>1.1208018742024111</v>
      </c>
      <c r="L5170">
        <f t="shared" si="583"/>
        <v>5.3798489961715728</v>
      </c>
      <c r="M5170">
        <f t="shared" si="584"/>
        <v>0</v>
      </c>
      <c r="N5170" s="46">
        <f t="shared" si="585"/>
        <v>45505.999999987544</v>
      </c>
    </row>
    <row r="5171" spans="2:14" x14ac:dyDescent="0.3">
      <c r="B5171">
        <f t="shared" si="579"/>
        <v>5</v>
      </c>
      <c r="C5171" s="16">
        <v>5137</v>
      </c>
      <c r="D5171" cm="1">
        <f t="array" ref="D5171">IFERROR(INDEX(Jesper!AH$2:AH$366,ROUNDDOWN($C5171/24,0)+1,1)*INDEX($D$3:$AA$30,INDEX(Jesper!$R$2:$R$366,ROW(INDEX(Jesper!AH$2:AH$366,ROUNDDOWN($C5171/24,0)+1,1))-1)+IF('Standard Profiles'!$G$18=$B$10,7,0)+IF('Standard Profiles'!$G$18=$B$17,14,0)+IF('Standard Profiles'!$G$18=$B$24,21,0),MOD($C5171,24)+1)/SUM(INDEX($D$3:$AA$30,INDEX(Jesper!$R$2:$R$366,ROW(INDEX(Jesper!AH$2:AH$366,ROUNDDOWN($C5171/24,0)+1,1))-1)+IF('Standard Profiles'!$G$18=$B$10,7,0)+IF('Standard Profiles'!$G$18=$B$17,14,0)+IF('Standard Profiles'!$G$18=$B$24,21,0),0)),0)</f>
        <v>7.4720124946827404</v>
      </c>
      <c r="E5171" cm="1">
        <f t="array" ref="E5171">IFERROR(INDEX(Jesper!AI$2:AI$366,ROUNDDOWN($C5171/24,0)+1,1)*INDEX($D$3:$AA$30,INDEX(Jesper!$R$2:$R$366,ROW(INDEX(Jesper!AI$2:AI$366,ROUNDDOWN($C5171/24,0)+1,1))-1)+IF('Standard Profiles'!$G$19=$B$10,7,0)+IF('Standard Profiles'!$G$19=$B$17,14,0)+IF('Standard Profiles'!$G$19=$B$24,21,0),MOD($C5171,24)+1)/SUM(INDEX($D$3:$AA$30,INDEX(Jesper!$R$2:$R$366,ROW(INDEX(Jesper!AI$2:AI$366,ROUNDDOWN($C5171/24,0)+1,1))-1)+IF('Standard Profiles'!$G$19=$B$10,7,0)+IF('Standard Profiles'!$G$19=$B$17,14,0)+IF('Standard Profiles'!$G$19=$B$24,21,0),0)),0)</f>
        <v>0</v>
      </c>
      <c r="F5171" cm="1">
        <f t="array" ref="F5171">IFERROR(INDEX(Jesper!AJ$2:AJ$366,ROUNDDOWN($C5171/24,0)+1,1)*INDEX($D$3:$AA$30,INDEX(Jesper!$R$2:$R$366,ROW(INDEX(Jesper!AJ$2:AJ$366,ROUNDDOWN($C5171/24,0)+1,1))-1)+IF('Standard Profiles'!$G$20=$B$10,7,0)+IF('Standard Profiles'!$G$20=$B$17,14,0)+IF('Standard Profiles'!$G$20=$B$24,21,0),MOD($C5171,24)+1)/SUM(INDEX($D$3:$AA$30,INDEX(Jesper!$R$2:$R$366,ROW(INDEX(Jesper!AJ$2:AJ$366,ROUNDDOWN($C5171/24,0)+1,1))-1)+IF('Standard Profiles'!$G$20=$B$10,7,0)+IF('Standard Profiles'!$G$20=$B$17,14,0)+IF('Standard Profiles'!$G$20=$B$24,21,0),0)),0)</f>
        <v>0</v>
      </c>
      <c r="G5171" cm="1">
        <f t="array" ref="G5171">IFERROR(INDEX(Jesper!AK$2:AK$366,ROUNDDOWN($C5171/24,0)+1,1)*INDEX($D$3:$AA$30,INDEX(Jesper!$R$2:$R$366,ROW(INDEX(Jesper!AK$2:AK$366,ROUNDDOWN($C5171/24,0)+1,1))-1)+IF('Standard Profiles'!$G$21=$B$10,7,0)+IF('Standard Profiles'!$G$21=$B$17,14,0)+IF('Standard Profiles'!$G$21=$B$24,21,0),MOD($C5171,24)+1)/SUM(INDEX($D$3:$AA$30,INDEX(Jesper!$R$2:$R$366,ROW(INDEX(Jesper!AK$2:AK$366,ROUNDDOWN($C5171/24,0)+1,1))-1)+IF('Standard Profiles'!$G$21=$B$10,7,0)+IF('Standard Profiles'!$G$21=$B$17,14,0)+IF('Standard Profiles'!$G$21=$B$24,21,0),0)),0)</f>
        <v>0</v>
      </c>
      <c r="H5171" cm="1">
        <f t="array" ref="H5171">IFERROR(INDEX(Jesper!AL$2:AL$366,ROUNDDOWN($C5171/24,0)+1,1)*INDEX($D$3:$AA$30,INDEX(Jesper!$R$2:$R$366,ROW(INDEX(Jesper!AL$2:AL$366,ROUNDDOWN($C5171/24,0)+1,1))-1)+IF('Standard Profiles'!$G$22=$B$10,7,0)+IF('Standard Profiles'!$G$22=$B$17,14,0)+IF('Standard Profiles'!$G$22=$B$24,21,0),MOD($C5171,24)+1)/SUM(INDEX($D$3:$AA$30,INDEX(Jesper!$R$2:$R$366,ROW(INDEX(Jesper!AL$2:AL$366,ROUNDDOWN($C5171/24,0)+1,1))-1)+IF('Standard Profiles'!$G$22=$B$10,7,0)+IF('Standard Profiles'!$G$22=$B$17,14,0)+IF('Standard Profiles'!$G$22=$B$24,21,0),0)),0)</f>
        <v>0</v>
      </c>
      <c r="I5171">
        <f t="shared" si="580"/>
        <v>0.22416037484048221</v>
      </c>
      <c r="J5171">
        <f t="shared" si="581"/>
        <v>0.74720124946827404</v>
      </c>
      <c r="K5171">
        <f t="shared" si="582"/>
        <v>1.1208018742024111</v>
      </c>
      <c r="L5171">
        <f t="shared" si="583"/>
        <v>5.3798489961715728</v>
      </c>
      <c r="M5171">
        <f t="shared" si="584"/>
        <v>0</v>
      </c>
      <c r="N5171" s="46">
        <f t="shared" si="585"/>
        <v>45506.041666654208</v>
      </c>
    </row>
    <row r="5172" spans="2:14" x14ac:dyDescent="0.3">
      <c r="B5172">
        <f t="shared" si="579"/>
        <v>5</v>
      </c>
      <c r="C5172" s="16">
        <v>5138</v>
      </c>
      <c r="D5172" cm="1">
        <f t="array" ref="D5172">IFERROR(INDEX(Jesper!AH$2:AH$366,ROUNDDOWN($C5172/24,0)+1,1)*INDEX($D$3:$AA$30,INDEX(Jesper!$R$2:$R$366,ROW(INDEX(Jesper!AH$2:AH$366,ROUNDDOWN($C5172/24,0)+1,1))-1)+IF('Standard Profiles'!$G$18=$B$10,7,0)+IF('Standard Profiles'!$G$18=$B$17,14,0)+IF('Standard Profiles'!$G$18=$B$24,21,0),MOD($C5172,24)+1)/SUM(INDEX($D$3:$AA$30,INDEX(Jesper!$R$2:$R$366,ROW(INDEX(Jesper!AH$2:AH$366,ROUNDDOWN($C5172/24,0)+1,1))-1)+IF('Standard Profiles'!$G$18=$B$10,7,0)+IF('Standard Profiles'!$G$18=$B$17,14,0)+IF('Standard Profiles'!$G$18=$B$24,21,0),0)),0)</f>
        <v>7.4720124946827404</v>
      </c>
      <c r="E5172" cm="1">
        <f t="array" ref="E5172">IFERROR(INDEX(Jesper!AI$2:AI$366,ROUNDDOWN($C5172/24,0)+1,1)*INDEX($D$3:$AA$30,INDEX(Jesper!$R$2:$R$366,ROW(INDEX(Jesper!AI$2:AI$366,ROUNDDOWN($C5172/24,0)+1,1))-1)+IF('Standard Profiles'!$G$19=$B$10,7,0)+IF('Standard Profiles'!$G$19=$B$17,14,0)+IF('Standard Profiles'!$G$19=$B$24,21,0),MOD($C5172,24)+1)/SUM(INDEX($D$3:$AA$30,INDEX(Jesper!$R$2:$R$366,ROW(INDEX(Jesper!AI$2:AI$366,ROUNDDOWN($C5172/24,0)+1,1))-1)+IF('Standard Profiles'!$G$19=$B$10,7,0)+IF('Standard Profiles'!$G$19=$B$17,14,0)+IF('Standard Profiles'!$G$19=$B$24,21,0),0)),0)</f>
        <v>0</v>
      </c>
      <c r="F5172" cm="1">
        <f t="array" ref="F5172">IFERROR(INDEX(Jesper!AJ$2:AJ$366,ROUNDDOWN($C5172/24,0)+1,1)*INDEX($D$3:$AA$30,INDEX(Jesper!$R$2:$R$366,ROW(INDEX(Jesper!AJ$2:AJ$366,ROUNDDOWN($C5172/24,0)+1,1))-1)+IF('Standard Profiles'!$G$20=$B$10,7,0)+IF('Standard Profiles'!$G$20=$B$17,14,0)+IF('Standard Profiles'!$G$20=$B$24,21,0),MOD($C5172,24)+1)/SUM(INDEX($D$3:$AA$30,INDEX(Jesper!$R$2:$R$366,ROW(INDEX(Jesper!AJ$2:AJ$366,ROUNDDOWN($C5172/24,0)+1,1))-1)+IF('Standard Profiles'!$G$20=$B$10,7,0)+IF('Standard Profiles'!$G$20=$B$17,14,0)+IF('Standard Profiles'!$G$20=$B$24,21,0),0)),0)</f>
        <v>0</v>
      </c>
      <c r="G5172" cm="1">
        <f t="array" ref="G5172">IFERROR(INDEX(Jesper!AK$2:AK$366,ROUNDDOWN($C5172/24,0)+1,1)*INDEX($D$3:$AA$30,INDEX(Jesper!$R$2:$R$366,ROW(INDEX(Jesper!AK$2:AK$366,ROUNDDOWN($C5172/24,0)+1,1))-1)+IF('Standard Profiles'!$G$21=$B$10,7,0)+IF('Standard Profiles'!$G$21=$B$17,14,0)+IF('Standard Profiles'!$G$21=$B$24,21,0),MOD($C5172,24)+1)/SUM(INDEX($D$3:$AA$30,INDEX(Jesper!$R$2:$R$366,ROW(INDEX(Jesper!AK$2:AK$366,ROUNDDOWN($C5172/24,0)+1,1))-1)+IF('Standard Profiles'!$G$21=$B$10,7,0)+IF('Standard Profiles'!$G$21=$B$17,14,0)+IF('Standard Profiles'!$G$21=$B$24,21,0),0)),0)</f>
        <v>0</v>
      </c>
      <c r="H5172" cm="1">
        <f t="array" ref="H5172">IFERROR(INDEX(Jesper!AL$2:AL$366,ROUNDDOWN($C5172/24,0)+1,1)*INDEX($D$3:$AA$30,INDEX(Jesper!$R$2:$R$366,ROW(INDEX(Jesper!AL$2:AL$366,ROUNDDOWN($C5172/24,0)+1,1))-1)+IF('Standard Profiles'!$G$22=$B$10,7,0)+IF('Standard Profiles'!$G$22=$B$17,14,0)+IF('Standard Profiles'!$G$22=$B$24,21,0),MOD($C5172,24)+1)/SUM(INDEX($D$3:$AA$30,INDEX(Jesper!$R$2:$R$366,ROW(INDEX(Jesper!AL$2:AL$366,ROUNDDOWN($C5172/24,0)+1,1))-1)+IF('Standard Profiles'!$G$22=$B$10,7,0)+IF('Standard Profiles'!$G$22=$B$17,14,0)+IF('Standard Profiles'!$G$22=$B$24,21,0),0)),0)</f>
        <v>0</v>
      </c>
      <c r="I5172">
        <f t="shared" si="580"/>
        <v>0.22416037484048221</v>
      </c>
      <c r="J5172">
        <f t="shared" si="581"/>
        <v>0.74720124946827404</v>
      </c>
      <c r="K5172">
        <f t="shared" si="582"/>
        <v>1.1208018742024111</v>
      </c>
      <c r="L5172">
        <f t="shared" si="583"/>
        <v>5.3798489961715728</v>
      </c>
      <c r="M5172">
        <f t="shared" si="584"/>
        <v>0</v>
      </c>
      <c r="N5172" s="46">
        <f t="shared" si="585"/>
        <v>45506.083333320872</v>
      </c>
    </row>
    <row r="5173" spans="2:14" x14ac:dyDescent="0.3">
      <c r="B5173">
        <f t="shared" si="579"/>
        <v>5</v>
      </c>
      <c r="C5173" s="16">
        <v>5139</v>
      </c>
      <c r="D5173" cm="1">
        <f t="array" ref="D5173">IFERROR(INDEX(Jesper!AH$2:AH$366,ROUNDDOWN($C5173/24,0)+1,1)*INDEX($D$3:$AA$30,INDEX(Jesper!$R$2:$R$366,ROW(INDEX(Jesper!AH$2:AH$366,ROUNDDOWN($C5173/24,0)+1,1))-1)+IF('Standard Profiles'!$G$18=$B$10,7,0)+IF('Standard Profiles'!$G$18=$B$17,14,0)+IF('Standard Profiles'!$G$18=$B$24,21,0),MOD($C5173,24)+1)/SUM(INDEX($D$3:$AA$30,INDEX(Jesper!$R$2:$R$366,ROW(INDEX(Jesper!AH$2:AH$366,ROUNDDOWN($C5173/24,0)+1,1))-1)+IF('Standard Profiles'!$G$18=$B$10,7,0)+IF('Standard Profiles'!$G$18=$B$17,14,0)+IF('Standard Profiles'!$G$18=$B$24,21,0),0)),0)</f>
        <v>7.4720124946827404</v>
      </c>
      <c r="E5173" cm="1">
        <f t="array" ref="E5173">IFERROR(INDEX(Jesper!AI$2:AI$366,ROUNDDOWN($C5173/24,0)+1,1)*INDEX($D$3:$AA$30,INDEX(Jesper!$R$2:$R$366,ROW(INDEX(Jesper!AI$2:AI$366,ROUNDDOWN($C5173/24,0)+1,1))-1)+IF('Standard Profiles'!$G$19=$B$10,7,0)+IF('Standard Profiles'!$G$19=$B$17,14,0)+IF('Standard Profiles'!$G$19=$B$24,21,0),MOD($C5173,24)+1)/SUM(INDEX($D$3:$AA$30,INDEX(Jesper!$R$2:$R$366,ROW(INDEX(Jesper!AI$2:AI$366,ROUNDDOWN($C5173/24,0)+1,1))-1)+IF('Standard Profiles'!$G$19=$B$10,7,0)+IF('Standard Profiles'!$G$19=$B$17,14,0)+IF('Standard Profiles'!$G$19=$B$24,21,0),0)),0)</f>
        <v>0</v>
      </c>
      <c r="F5173" cm="1">
        <f t="array" ref="F5173">IFERROR(INDEX(Jesper!AJ$2:AJ$366,ROUNDDOWN($C5173/24,0)+1,1)*INDEX($D$3:$AA$30,INDEX(Jesper!$R$2:$R$366,ROW(INDEX(Jesper!AJ$2:AJ$366,ROUNDDOWN($C5173/24,0)+1,1))-1)+IF('Standard Profiles'!$G$20=$B$10,7,0)+IF('Standard Profiles'!$G$20=$B$17,14,0)+IF('Standard Profiles'!$G$20=$B$24,21,0),MOD($C5173,24)+1)/SUM(INDEX($D$3:$AA$30,INDEX(Jesper!$R$2:$R$366,ROW(INDEX(Jesper!AJ$2:AJ$366,ROUNDDOWN($C5173/24,0)+1,1))-1)+IF('Standard Profiles'!$G$20=$B$10,7,0)+IF('Standard Profiles'!$G$20=$B$17,14,0)+IF('Standard Profiles'!$G$20=$B$24,21,0),0)),0)</f>
        <v>0</v>
      </c>
      <c r="G5173" cm="1">
        <f t="array" ref="G5173">IFERROR(INDEX(Jesper!AK$2:AK$366,ROUNDDOWN($C5173/24,0)+1,1)*INDEX($D$3:$AA$30,INDEX(Jesper!$R$2:$R$366,ROW(INDEX(Jesper!AK$2:AK$366,ROUNDDOWN($C5173/24,0)+1,1))-1)+IF('Standard Profiles'!$G$21=$B$10,7,0)+IF('Standard Profiles'!$G$21=$B$17,14,0)+IF('Standard Profiles'!$G$21=$B$24,21,0),MOD($C5173,24)+1)/SUM(INDEX($D$3:$AA$30,INDEX(Jesper!$R$2:$R$366,ROW(INDEX(Jesper!AK$2:AK$366,ROUNDDOWN($C5173/24,0)+1,1))-1)+IF('Standard Profiles'!$G$21=$B$10,7,0)+IF('Standard Profiles'!$G$21=$B$17,14,0)+IF('Standard Profiles'!$G$21=$B$24,21,0),0)),0)</f>
        <v>0</v>
      </c>
      <c r="H5173" cm="1">
        <f t="array" ref="H5173">IFERROR(INDEX(Jesper!AL$2:AL$366,ROUNDDOWN($C5173/24,0)+1,1)*INDEX($D$3:$AA$30,INDEX(Jesper!$R$2:$R$366,ROW(INDEX(Jesper!AL$2:AL$366,ROUNDDOWN($C5173/24,0)+1,1))-1)+IF('Standard Profiles'!$G$22=$B$10,7,0)+IF('Standard Profiles'!$G$22=$B$17,14,0)+IF('Standard Profiles'!$G$22=$B$24,21,0),MOD($C5173,24)+1)/SUM(INDEX($D$3:$AA$30,INDEX(Jesper!$R$2:$R$366,ROW(INDEX(Jesper!AL$2:AL$366,ROUNDDOWN($C5173/24,0)+1,1))-1)+IF('Standard Profiles'!$G$22=$B$10,7,0)+IF('Standard Profiles'!$G$22=$B$17,14,0)+IF('Standard Profiles'!$G$22=$B$24,21,0),0)),0)</f>
        <v>0</v>
      </c>
      <c r="I5173">
        <f t="shared" si="580"/>
        <v>0.22416037484048221</v>
      </c>
      <c r="J5173">
        <f t="shared" si="581"/>
        <v>0.74720124946827404</v>
      </c>
      <c r="K5173">
        <f t="shared" si="582"/>
        <v>1.1208018742024111</v>
      </c>
      <c r="L5173">
        <f t="shared" si="583"/>
        <v>5.3798489961715728</v>
      </c>
      <c r="M5173">
        <f t="shared" si="584"/>
        <v>0</v>
      </c>
      <c r="N5173" s="46">
        <f t="shared" si="585"/>
        <v>45506.124999987536</v>
      </c>
    </row>
    <row r="5174" spans="2:14" x14ac:dyDescent="0.3">
      <c r="B5174">
        <f t="shared" si="579"/>
        <v>5</v>
      </c>
      <c r="C5174" s="16">
        <v>5140</v>
      </c>
      <c r="D5174" cm="1">
        <f t="array" ref="D5174">IFERROR(INDEX(Jesper!AH$2:AH$366,ROUNDDOWN($C5174/24,0)+1,1)*INDEX($D$3:$AA$30,INDEX(Jesper!$R$2:$R$366,ROW(INDEX(Jesper!AH$2:AH$366,ROUNDDOWN($C5174/24,0)+1,1))-1)+IF('Standard Profiles'!$G$18=$B$10,7,0)+IF('Standard Profiles'!$G$18=$B$17,14,0)+IF('Standard Profiles'!$G$18=$B$24,21,0),MOD($C5174,24)+1)/SUM(INDEX($D$3:$AA$30,INDEX(Jesper!$R$2:$R$366,ROW(INDEX(Jesper!AH$2:AH$366,ROUNDDOWN($C5174/24,0)+1,1))-1)+IF('Standard Profiles'!$G$18=$B$10,7,0)+IF('Standard Profiles'!$G$18=$B$17,14,0)+IF('Standard Profiles'!$G$18=$B$24,21,0),0)),0)</f>
        <v>7.4720124946827404</v>
      </c>
      <c r="E5174" cm="1">
        <f t="array" ref="E5174">IFERROR(INDEX(Jesper!AI$2:AI$366,ROUNDDOWN($C5174/24,0)+1,1)*INDEX($D$3:$AA$30,INDEX(Jesper!$R$2:$R$366,ROW(INDEX(Jesper!AI$2:AI$366,ROUNDDOWN($C5174/24,0)+1,1))-1)+IF('Standard Profiles'!$G$19=$B$10,7,0)+IF('Standard Profiles'!$G$19=$B$17,14,0)+IF('Standard Profiles'!$G$19=$B$24,21,0),MOD($C5174,24)+1)/SUM(INDEX($D$3:$AA$30,INDEX(Jesper!$R$2:$R$366,ROW(INDEX(Jesper!AI$2:AI$366,ROUNDDOWN($C5174/24,0)+1,1))-1)+IF('Standard Profiles'!$G$19=$B$10,7,0)+IF('Standard Profiles'!$G$19=$B$17,14,0)+IF('Standard Profiles'!$G$19=$B$24,21,0),0)),0)</f>
        <v>0</v>
      </c>
      <c r="F5174" cm="1">
        <f t="array" ref="F5174">IFERROR(INDEX(Jesper!AJ$2:AJ$366,ROUNDDOWN($C5174/24,0)+1,1)*INDEX($D$3:$AA$30,INDEX(Jesper!$R$2:$R$366,ROW(INDEX(Jesper!AJ$2:AJ$366,ROUNDDOWN($C5174/24,0)+1,1))-1)+IF('Standard Profiles'!$G$20=$B$10,7,0)+IF('Standard Profiles'!$G$20=$B$17,14,0)+IF('Standard Profiles'!$G$20=$B$24,21,0),MOD($C5174,24)+1)/SUM(INDEX($D$3:$AA$30,INDEX(Jesper!$R$2:$R$366,ROW(INDEX(Jesper!AJ$2:AJ$366,ROUNDDOWN($C5174/24,0)+1,1))-1)+IF('Standard Profiles'!$G$20=$B$10,7,0)+IF('Standard Profiles'!$G$20=$B$17,14,0)+IF('Standard Profiles'!$G$20=$B$24,21,0),0)),0)</f>
        <v>0</v>
      </c>
      <c r="G5174" cm="1">
        <f t="array" ref="G5174">IFERROR(INDEX(Jesper!AK$2:AK$366,ROUNDDOWN($C5174/24,0)+1,1)*INDEX($D$3:$AA$30,INDEX(Jesper!$R$2:$R$366,ROW(INDEX(Jesper!AK$2:AK$366,ROUNDDOWN($C5174/24,0)+1,1))-1)+IF('Standard Profiles'!$G$21=$B$10,7,0)+IF('Standard Profiles'!$G$21=$B$17,14,0)+IF('Standard Profiles'!$G$21=$B$24,21,0),MOD($C5174,24)+1)/SUM(INDEX($D$3:$AA$30,INDEX(Jesper!$R$2:$R$366,ROW(INDEX(Jesper!AK$2:AK$366,ROUNDDOWN($C5174/24,0)+1,1))-1)+IF('Standard Profiles'!$G$21=$B$10,7,0)+IF('Standard Profiles'!$G$21=$B$17,14,0)+IF('Standard Profiles'!$G$21=$B$24,21,0),0)),0)</f>
        <v>0</v>
      </c>
      <c r="H5174" cm="1">
        <f t="array" ref="H5174">IFERROR(INDEX(Jesper!AL$2:AL$366,ROUNDDOWN($C5174/24,0)+1,1)*INDEX($D$3:$AA$30,INDEX(Jesper!$R$2:$R$366,ROW(INDEX(Jesper!AL$2:AL$366,ROUNDDOWN($C5174/24,0)+1,1))-1)+IF('Standard Profiles'!$G$22=$B$10,7,0)+IF('Standard Profiles'!$G$22=$B$17,14,0)+IF('Standard Profiles'!$G$22=$B$24,21,0),MOD($C5174,24)+1)/SUM(INDEX($D$3:$AA$30,INDEX(Jesper!$R$2:$R$366,ROW(INDEX(Jesper!AL$2:AL$366,ROUNDDOWN($C5174/24,0)+1,1))-1)+IF('Standard Profiles'!$G$22=$B$10,7,0)+IF('Standard Profiles'!$G$22=$B$17,14,0)+IF('Standard Profiles'!$G$22=$B$24,21,0),0)),0)</f>
        <v>0</v>
      </c>
      <c r="I5174">
        <f t="shared" si="580"/>
        <v>0.22416037484048221</v>
      </c>
      <c r="J5174">
        <f t="shared" si="581"/>
        <v>0.74720124946827404</v>
      </c>
      <c r="K5174">
        <f t="shared" si="582"/>
        <v>1.1208018742024111</v>
      </c>
      <c r="L5174">
        <f t="shared" si="583"/>
        <v>5.3798489961715728</v>
      </c>
      <c r="M5174">
        <f t="shared" si="584"/>
        <v>0</v>
      </c>
      <c r="N5174" s="46">
        <f t="shared" si="585"/>
        <v>45506.166666654201</v>
      </c>
    </row>
    <row r="5175" spans="2:14" x14ac:dyDescent="0.3">
      <c r="B5175">
        <f t="shared" si="579"/>
        <v>5</v>
      </c>
      <c r="C5175" s="16">
        <v>5141</v>
      </c>
      <c r="D5175" cm="1">
        <f t="array" ref="D5175">IFERROR(INDEX(Jesper!AH$2:AH$366,ROUNDDOWN($C5175/24,0)+1,1)*INDEX($D$3:$AA$30,INDEX(Jesper!$R$2:$R$366,ROW(INDEX(Jesper!AH$2:AH$366,ROUNDDOWN($C5175/24,0)+1,1))-1)+IF('Standard Profiles'!$G$18=$B$10,7,0)+IF('Standard Profiles'!$G$18=$B$17,14,0)+IF('Standard Profiles'!$G$18=$B$24,21,0),MOD($C5175,24)+1)/SUM(INDEX($D$3:$AA$30,INDEX(Jesper!$R$2:$R$366,ROW(INDEX(Jesper!AH$2:AH$366,ROUNDDOWN($C5175/24,0)+1,1))-1)+IF('Standard Profiles'!$G$18=$B$10,7,0)+IF('Standard Profiles'!$G$18=$B$17,14,0)+IF('Standard Profiles'!$G$18=$B$24,21,0),0)),0)</f>
        <v>9.6305938820355301</v>
      </c>
      <c r="E5175" cm="1">
        <f t="array" ref="E5175">IFERROR(INDEX(Jesper!AI$2:AI$366,ROUNDDOWN($C5175/24,0)+1,1)*INDEX($D$3:$AA$30,INDEX(Jesper!$R$2:$R$366,ROW(INDEX(Jesper!AI$2:AI$366,ROUNDDOWN($C5175/24,0)+1,1))-1)+IF('Standard Profiles'!$G$19=$B$10,7,0)+IF('Standard Profiles'!$G$19=$B$17,14,0)+IF('Standard Profiles'!$G$19=$B$24,21,0),MOD($C5175,24)+1)/SUM(INDEX($D$3:$AA$30,INDEX(Jesper!$R$2:$R$366,ROW(INDEX(Jesper!AI$2:AI$366,ROUNDDOWN($C5175/24,0)+1,1))-1)+IF('Standard Profiles'!$G$19=$B$10,7,0)+IF('Standard Profiles'!$G$19=$B$17,14,0)+IF('Standard Profiles'!$G$19=$B$24,21,0),0)),0)</f>
        <v>0</v>
      </c>
      <c r="F5175" cm="1">
        <f t="array" ref="F5175">IFERROR(INDEX(Jesper!AJ$2:AJ$366,ROUNDDOWN($C5175/24,0)+1,1)*INDEX($D$3:$AA$30,INDEX(Jesper!$R$2:$R$366,ROW(INDEX(Jesper!AJ$2:AJ$366,ROUNDDOWN($C5175/24,0)+1,1))-1)+IF('Standard Profiles'!$G$20=$B$10,7,0)+IF('Standard Profiles'!$G$20=$B$17,14,0)+IF('Standard Profiles'!$G$20=$B$24,21,0),MOD($C5175,24)+1)/SUM(INDEX($D$3:$AA$30,INDEX(Jesper!$R$2:$R$366,ROW(INDEX(Jesper!AJ$2:AJ$366,ROUNDDOWN($C5175/24,0)+1,1))-1)+IF('Standard Profiles'!$G$20=$B$10,7,0)+IF('Standard Profiles'!$G$20=$B$17,14,0)+IF('Standard Profiles'!$G$20=$B$24,21,0),0)),0)</f>
        <v>0</v>
      </c>
      <c r="G5175" cm="1">
        <f t="array" ref="G5175">IFERROR(INDEX(Jesper!AK$2:AK$366,ROUNDDOWN($C5175/24,0)+1,1)*INDEX($D$3:$AA$30,INDEX(Jesper!$R$2:$R$366,ROW(INDEX(Jesper!AK$2:AK$366,ROUNDDOWN($C5175/24,0)+1,1))-1)+IF('Standard Profiles'!$G$21=$B$10,7,0)+IF('Standard Profiles'!$G$21=$B$17,14,0)+IF('Standard Profiles'!$G$21=$B$24,21,0),MOD($C5175,24)+1)/SUM(INDEX($D$3:$AA$30,INDEX(Jesper!$R$2:$R$366,ROW(INDEX(Jesper!AK$2:AK$366,ROUNDDOWN($C5175/24,0)+1,1))-1)+IF('Standard Profiles'!$G$21=$B$10,7,0)+IF('Standard Profiles'!$G$21=$B$17,14,0)+IF('Standard Profiles'!$G$21=$B$24,21,0),0)),0)</f>
        <v>0</v>
      </c>
      <c r="H5175" cm="1">
        <f t="array" ref="H5175">IFERROR(INDEX(Jesper!AL$2:AL$366,ROUNDDOWN($C5175/24,0)+1,1)*INDEX($D$3:$AA$30,INDEX(Jesper!$R$2:$R$366,ROW(INDEX(Jesper!AL$2:AL$366,ROUNDDOWN($C5175/24,0)+1,1))-1)+IF('Standard Profiles'!$G$22=$B$10,7,0)+IF('Standard Profiles'!$G$22=$B$17,14,0)+IF('Standard Profiles'!$G$22=$B$24,21,0),MOD($C5175,24)+1)/SUM(INDEX($D$3:$AA$30,INDEX(Jesper!$R$2:$R$366,ROW(INDEX(Jesper!AL$2:AL$366,ROUNDDOWN($C5175/24,0)+1,1))-1)+IF('Standard Profiles'!$G$22=$B$10,7,0)+IF('Standard Profiles'!$G$22=$B$17,14,0)+IF('Standard Profiles'!$G$22=$B$24,21,0),0)),0)</f>
        <v>0</v>
      </c>
      <c r="I5175">
        <f t="shared" si="580"/>
        <v>0.2889178164610659</v>
      </c>
      <c r="J5175">
        <f t="shared" si="581"/>
        <v>0.96305938820355308</v>
      </c>
      <c r="K5175">
        <f t="shared" si="582"/>
        <v>1.4445890823053296</v>
      </c>
      <c r="L5175">
        <f t="shared" si="583"/>
        <v>6.9340275950655812</v>
      </c>
      <c r="M5175">
        <f t="shared" si="584"/>
        <v>0</v>
      </c>
      <c r="N5175" s="46">
        <f t="shared" si="585"/>
        <v>45506.208333320865</v>
      </c>
    </row>
    <row r="5176" spans="2:14" x14ac:dyDescent="0.3">
      <c r="B5176">
        <f t="shared" si="579"/>
        <v>5</v>
      </c>
      <c r="C5176" s="16">
        <v>5142</v>
      </c>
      <c r="D5176" cm="1">
        <f t="array" ref="D5176">IFERROR(INDEX(Jesper!AH$2:AH$366,ROUNDDOWN($C5176/24,0)+1,1)*INDEX($D$3:$AA$30,INDEX(Jesper!$R$2:$R$366,ROW(INDEX(Jesper!AH$2:AH$366,ROUNDDOWN($C5176/24,0)+1,1))-1)+IF('Standard Profiles'!$G$18=$B$10,7,0)+IF('Standard Profiles'!$G$18=$B$17,14,0)+IF('Standard Profiles'!$G$18=$B$24,21,0),MOD($C5176,24)+1)/SUM(INDEX($D$3:$AA$30,INDEX(Jesper!$R$2:$R$366,ROW(INDEX(Jesper!AH$2:AH$366,ROUNDDOWN($C5176/24,0)+1,1))-1)+IF('Standard Profiles'!$G$18=$B$10,7,0)+IF('Standard Profiles'!$G$18=$B$17,14,0)+IF('Standard Profiles'!$G$18=$B$24,21,0),0)),0)</f>
        <v>11.623130547284262</v>
      </c>
      <c r="E5176" cm="1">
        <f t="array" ref="E5176">IFERROR(INDEX(Jesper!AI$2:AI$366,ROUNDDOWN($C5176/24,0)+1,1)*INDEX($D$3:$AA$30,INDEX(Jesper!$R$2:$R$366,ROW(INDEX(Jesper!AI$2:AI$366,ROUNDDOWN($C5176/24,0)+1,1))-1)+IF('Standard Profiles'!$G$19=$B$10,7,0)+IF('Standard Profiles'!$G$19=$B$17,14,0)+IF('Standard Profiles'!$G$19=$B$24,21,0),MOD($C5176,24)+1)/SUM(INDEX($D$3:$AA$30,INDEX(Jesper!$R$2:$R$366,ROW(INDEX(Jesper!AI$2:AI$366,ROUNDDOWN($C5176/24,0)+1,1))-1)+IF('Standard Profiles'!$G$19=$B$10,7,0)+IF('Standard Profiles'!$G$19=$B$17,14,0)+IF('Standard Profiles'!$G$19=$B$24,21,0),0)),0)</f>
        <v>0</v>
      </c>
      <c r="F5176" cm="1">
        <f t="array" ref="F5176">IFERROR(INDEX(Jesper!AJ$2:AJ$366,ROUNDDOWN($C5176/24,0)+1,1)*INDEX($D$3:$AA$30,INDEX(Jesper!$R$2:$R$366,ROW(INDEX(Jesper!AJ$2:AJ$366,ROUNDDOWN($C5176/24,0)+1,1))-1)+IF('Standard Profiles'!$G$20=$B$10,7,0)+IF('Standard Profiles'!$G$20=$B$17,14,0)+IF('Standard Profiles'!$G$20=$B$24,21,0),MOD($C5176,24)+1)/SUM(INDEX($D$3:$AA$30,INDEX(Jesper!$R$2:$R$366,ROW(INDEX(Jesper!AJ$2:AJ$366,ROUNDDOWN($C5176/24,0)+1,1))-1)+IF('Standard Profiles'!$G$20=$B$10,7,0)+IF('Standard Profiles'!$G$20=$B$17,14,0)+IF('Standard Profiles'!$G$20=$B$24,21,0),0)),0)</f>
        <v>0</v>
      </c>
      <c r="G5176" cm="1">
        <f t="array" ref="G5176">IFERROR(INDEX(Jesper!AK$2:AK$366,ROUNDDOWN($C5176/24,0)+1,1)*INDEX($D$3:$AA$30,INDEX(Jesper!$R$2:$R$366,ROW(INDEX(Jesper!AK$2:AK$366,ROUNDDOWN($C5176/24,0)+1,1))-1)+IF('Standard Profiles'!$G$21=$B$10,7,0)+IF('Standard Profiles'!$G$21=$B$17,14,0)+IF('Standard Profiles'!$G$21=$B$24,21,0),MOD($C5176,24)+1)/SUM(INDEX($D$3:$AA$30,INDEX(Jesper!$R$2:$R$366,ROW(INDEX(Jesper!AK$2:AK$366,ROUNDDOWN($C5176/24,0)+1,1))-1)+IF('Standard Profiles'!$G$21=$B$10,7,0)+IF('Standard Profiles'!$G$21=$B$17,14,0)+IF('Standard Profiles'!$G$21=$B$24,21,0),0)),0)</f>
        <v>0</v>
      </c>
      <c r="H5176" cm="1">
        <f t="array" ref="H5176">IFERROR(INDEX(Jesper!AL$2:AL$366,ROUNDDOWN($C5176/24,0)+1,1)*INDEX($D$3:$AA$30,INDEX(Jesper!$R$2:$R$366,ROW(INDEX(Jesper!AL$2:AL$366,ROUNDDOWN($C5176/24,0)+1,1))-1)+IF('Standard Profiles'!$G$22=$B$10,7,0)+IF('Standard Profiles'!$G$22=$B$17,14,0)+IF('Standard Profiles'!$G$22=$B$24,21,0),MOD($C5176,24)+1)/SUM(INDEX($D$3:$AA$30,INDEX(Jesper!$R$2:$R$366,ROW(INDEX(Jesper!AL$2:AL$366,ROUNDDOWN($C5176/24,0)+1,1))-1)+IF('Standard Profiles'!$G$22=$B$10,7,0)+IF('Standard Profiles'!$G$22=$B$17,14,0)+IF('Standard Profiles'!$G$22=$B$24,21,0),0)),0)</f>
        <v>0</v>
      </c>
      <c r="I5176">
        <f t="shared" si="580"/>
        <v>0.34869391641852787</v>
      </c>
      <c r="J5176">
        <f t="shared" si="581"/>
        <v>1.1623130547284262</v>
      </c>
      <c r="K5176">
        <f t="shared" si="582"/>
        <v>1.7434695820926394</v>
      </c>
      <c r="L5176">
        <f t="shared" si="583"/>
        <v>8.3686539940446689</v>
      </c>
      <c r="M5176">
        <f t="shared" si="584"/>
        <v>0</v>
      </c>
      <c r="N5176" s="46">
        <f t="shared" si="585"/>
        <v>45506.249999987529</v>
      </c>
    </row>
    <row r="5177" spans="2:14" x14ac:dyDescent="0.3">
      <c r="B5177">
        <f t="shared" si="579"/>
        <v>5</v>
      </c>
      <c r="C5177" s="16">
        <v>5143</v>
      </c>
      <c r="D5177" cm="1">
        <f t="array" ref="D5177">IFERROR(INDEX(Jesper!AH$2:AH$366,ROUNDDOWN($C5177/24,0)+1,1)*INDEX($D$3:$AA$30,INDEX(Jesper!$R$2:$R$366,ROW(INDEX(Jesper!AH$2:AH$366,ROUNDDOWN($C5177/24,0)+1,1))-1)+IF('Standard Profiles'!$G$18=$B$10,7,0)+IF('Standard Profiles'!$G$18=$B$17,14,0)+IF('Standard Profiles'!$G$18=$B$24,21,0),MOD($C5177,24)+1)/SUM(INDEX($D$3:$AA$30,INDEX(Jesper!$R$2:$R$366,ROW(INDEX(Jesper!AH$2:AH$366,ROUNDDOWN($C5177/24,0)+1,1))-1)+IF('Standard Profiles'!$G$18=$B$10,7,0)+IF('Standard Profiles'!$G$18=$B$17,14,0)+IF('Standard Profiles'!$G$18=$B$24,21,0),0)),0)</f>
        <v>11.623130547284262</v>
      </c>
      <c r="E5177" cm="1">
        <f t="array" ref="E5177">IFERROR(INDEX(Jesper!AI$2:AI$366,ROUNDDOWN($C5177/24,0)+1,1)*INDEX($D$3:$AA$30,INDEX(Jesper!$R$2:$R$366,ROW(INDEX(Jesper!AI$2:AI$366,ROUNDDOWN($C5177/24,0)+1,1))-1)+IF('Standard Profiles'!$G$19=$B$10,7,0)+IF('Standard Profiles'!$G$19=$B$17,14,0)+IF('Standard Profiles'!$G$19=$B$24,21,0),MOD($C5177,24)+1)/SUM(INDEX($D$3:$AA$30,INDEX(Jesper!$R$2:$R$366,ROW(INDEX(Jesper!AI$2:AI$366,ROUNDDOWN($C5177/24,0)+1,1))-1)+IF('Standard Profiles'!$G$19=$B$10,7,0)+IF('Standard Profiles'!$G$19=$B$17,14,0)+IF('Standard Profiles'!$G$19=$B$24,21,0),0)),0)</f>
        <v>0</v>
      </c>
      <c r="F5177" cm="1">
        <f t="array" ref="F5177">IFERROR(INDEX(Jesper!AJ$2:AJ$366,ROUNDDOWN($C5177/24,0)+1,1)*INDEX($D$3:$AA$30,INDEX(Jesper!$R$2:$R$366,ROW(INDEX(Jesper!AJ$2:AJ$366,ROUNDDOWN($C5177/24,0)+1,1))-1)+IF('Standard Profiles'!$G$20=$B$10,7,0)+IF('Standard Profiles'!$G$20=$B$17,14,0)+IF('Standard Profiles'!$G$20=$B$24,21,0),MOD($C5177,24)+1)/SUM(INDEX($D$3:$AA$30,INDEX(Jesper!$R$2:$R$366,ROW(INDEX(Jesper!AJ$2:AJ$366,ROUNDDOWN($C5177/24,0)+1,1))-1)+IF('Standard Profiles'!$G$20=$B$10,7,0)+IF('Standard Profiles'!$G$20=$B$17,14,0)+IF('Standard Profiles'!$G$20=$B$24,21,0),0)),0)</f>
        <v>0</v>
      </c>
      <c r="G5177" cm="1">
        <f t="array" ref="G5177">IFERROR(INDEX(Jesper!AK$2:AK$366,ROUNDDOWN($C5177/24,0)+1,1)*INDEX($D$3:$AA$30,INDEX(Jesper!$R$2:$R$366,ROW(INDEX(Jesper!AK$2:AK$366,ROUNDDOWN($C5177/24,0)+1,1))-1)+IF('Standard Profiles'!$G$21=$B$10,7,0)+IF('Standard Profiles'!$G$21=$B$17,14,0)+IF('Standard Profiles'!$G$21=$B$24,21,0),MOD($C5177,24)+1)/SUM(INDEX($D$3:$AA$30,INDEX(Jesper!$R$2:$R$366,ROW(INDEX(Jesper!AK$2:AK$366,ROUNDDOWN($C5177/24,0)+1,1))-1)+IF('Standard Profiles'!$G$21=$B$10,7,0)+IF('Standard Profiles'!$G$21=$B$17,14,0)+IF('Standard Profiles'!$G$21=$B$24,21,0),0)),0)</f>
        <v>0</v>
      </c>
      <c r="H5177" cm="1">
        <f t="array" ref="H5177">IFERROR(INDEX(Jesper!AL$2:AL$366,ROUNDDOWN($C5177/24,0)+1,1)*INDEX($D$3:$AA$30,INDEX(Jesper!$R$2:$R$366,ROW(INDEX(Jesper!AL$2:AL$366,ROUNDDOWN($C5177/24,0)+1,1))-1)+IF('Standard Profiles'!$G$22=$B$10,7,0)+IF('Standard Profiles'!$G$22=$B$17,14,0)+IF('Standard Profiles'!$G$22=$B$24,21,0),MOD($C5177,24)+1)/SUM(INDEX($D$3:$AA$30,INDEX(Jesper!$R$2:$R$366,ROW(INDEX(Jesper!AL$2:AL$366,ROUNDDOWN($C5177/24,0)+1,1))-1)+IF('Standard Profiles'!$G$22=$B$10,7,0)+IF('Standard Profiles'!$G$22=$B$17,14,0)+IF('Standard Profiles'!$G$22=$B$24,21,0),0)),0)</f>
        <v>0</v>
      </c>
      <c r="I5177">
        <f t="shared" si="580"/>
        <v>0.34869391641852787</v>
      </c>
      <c r="J5177">
        <f t="shared" si="581"/>
        <v>1.1623130547284262</v>
      </c>
      <c r="K5177">
        <f t="shared" si="582"/>
        <v>1.7434695820926394</v>
      </c>
      <c r="L5177">
        <f t="shared" si="583"/>
        <v>8.3686539940446689</v>
      </c>
      <c r="M5177">
        <f t="shared" si="584"/>
        <v>0</v>
      </c>
      <c r="N5177" s="46">
        <f t="shared" si="585"/>
        <v>45506.291666654193</v>
      </c>
    </row>
    <row r="5178" spans="2:14" x14ac:dyDescent="0.3">
      <c r="B5178">
        <f t="shared" si="579"/>
        <v>5</v>
      </c>
      <c r="C5178" s="16">
        <v>5144</v>
      </c>
      <c r="D5178" cm="1">
        <f t="array" ref="D5178">IFERROR(INDEX(Jesper!AH$2:AH$366,ROUNDDOWN($C5178/24,0)+1,1)*INDEX($D$3:$AA$30,INDEX(Jesper!$R$2:$R$366,ROW(INDEX(Jesper!AH$2:AH$366,ROUNDDOWN($C5178/24,0)+1,1))-1)+IF('Standard Profiles'!$G$18=$B$10,7,0)+IF('Standard Profiles'!$G$18=$B$17,14,0)+IF('Standard Profiles'!$G$18=$B$24,21,0),MOD($C5178,24)+1)/SUM(INDEX($D$3:$AA$30,INDEX(Jesper!$R$2:$R$366,ROW(INDEX(Jesper!AH$2:AH$366,ROUNDDOWN($C5178/24,0)+1,1))-1)+IF('Standard Profiles'!$G$18=$B$10,7,0)+IF('Standard Profiles'!$G$18=$B$17,14,0)+IF('Standard Profiles'!$G$18=$B$24,21,0),0)),0)</f>
        <v>11.623130547284262</v>
      </c>
      <c r="E5178" cm="1">
        <f t="array" ref="E5178">IFERROR(INDEX(Jesper!AI$2:AI$366,ROUNDDOWN($C5178/24,0)+1,1)*INDEX($D$3:$AA$30,INDEX(Jesper!$R$2:$R$366,ROW(INDEX(Jesper!AI$2:AI$366,ROUNDDOWN($C5178/24,0)+1,1))-1)+IF('Standard Profiles'!$G$19=$B$10,7,0)+IF('Standard Profiles'!$G$19=$B$17,14,0)+IF('Standard Profiles'!$G$19=$B$24,21,0),MOD($C5178,24)+1)/SUM(INDEX($D$3:$AA$30,INDEX(Jesper!$R$2:$R$366,ROW(INDEX(Jesper!AI$2:AI$366,ROUNDDOWN($C5178/24,0)+1,1))-1)+IF('Standard Profiles'!$G$19=$B$10,7,0)+IF('Standard Profiles'!$G$19=$B$17,14,0)+IF('Standard Profiles'!$G$19=$B$24,21,0),0)),0)</f>
        <v>0</v>
      </c>
      <c r="F5178" cm="1">
        <f t="array" ref="F5178">IFERROR(INDEX(Jesper!AJ$2:AJ$366,ROUNDDOWN($C5178/24,0)+1,1)*INDEX($D$3:$AA$30,INDEX(Jesper!$R$2:$R$366,ROW(INDEX(Jesper!AJ$2:AJ$366,ROUNDDOWN($C5178/24,0)+1,1))-1)+IF('Standard Profiles'!$G$20=$B$10,7,0)+IF('Standard Profiles'!$G$20=$B$17,14,0)+IF('Standard Profiles'!$G$20=$B$24,21,0),MOD($C5178,24)+1)/SUM(INDEX($D$3:$AA$30,INDEX(Jesper!$R$2:$R$366,ROW(INDEX(Jesper!AJ$2:AJ$366,ROUNDDOWN($C5178/24,0)+1,1))-1)+IF('Standard Profiles'!$G$20=$B$10,7,0)+IF('Standard Profiles'!$G$20=$B$17,14,0)+IF('Standard Profiles'!$G$20=$B$24,21,0),0)),0)</f>
        <v>0</v>
      </c>
      <c r="G5178" cm="1">
        <f t="array" ref="G5178">IFERROR(INDEX(Jesper!AK$2:AK$366,ROUNDDOWN($C5178/24,0)+1,1)*INDEX($D$3:$AA$30,INDEX(Jesper!$R$2:$R$366,ROW(INDEX(Jesper!AK$2:AK$366,ROUNDDOWN($C5178/24,0)+1,1))-1)+IF('Standard Profiles'!$G$21=$B$10,7,0)+IF('Standard Profiles'!$G$21=$B$17,14,0)+IF('Standard Profiles'!$G$21=$B$24,21,0),MOD($C5178,24)+1)/SUM(INDEX($D$3:$AA$30,INDEX(Jesper!$R$2:$R$366,ROW(INDEX(Jesper!AK$2:AK$366,ROUNDDOWN($C5178/24,0)+1,1))-1)+IF('Standard Profiles'!$G$21=$B$10,7,0)+IF('Standard Profiles'!$G$21=$B$17,14,0)+IF('Standard Profiles'!$G$21=$B$24,21,0),0)),0)</f>
        <v>0</v>
      </c>
      <c r="H5178" cm="1">
        <f t="array" ref="H5178">IFERROR(INDEX(Jesper!AL$2:AL$366,ROUNDDOWN($C5178/24,0)+1,1)*INDEX($D$3:$AA$30,INDEX(Jesper!$R$2:$R$366,ROW(INDEX(Jesper!AL$2:AL$366,ROUNDDOWN($C5178/24,0)+1,1))-1)+IF('Standard Profiles'!$G$22=$B$10,7,0)+IF('Standard Profiles'!$G$22=$B$17,14,0)+IF('Standard Profiles'!$G$22=$B$24,21,0),MOD($C5178,24)+1)/SUM(INDEX($D$3:$AA$30,INDEX(Jesper!$R$2:$R$366,ROW(INDEX(Jesper!AL$2:AL$366,ROUNDDOWN($C5178/24,0)+1,1))-1)+IF('Standard Profiles'!$G$22=$B$10,7,0)+IF('Standard Profiles'!$G$22=$B$17,14,0)+IF('Standard Profiles'!$G$22=$B$24,21,0),0)),0)</f>
        <v>0</v>
      </c>
      <c r="I5178">
        <f t="shared" si="580"/>
        <v>0.34869391641852787</v>
      </c>
      <c r="J5178">
        <f t="shared" si="581"/>
        <v>1.1623130547284262</v>
      </c>
      <c r="K5178">
        <f t="shared" si="582"/>
        <v>1.7434695820926394</v>
      </c>
      <c r="L5178">
        <f t="shared" si="583"/>
        <v>8.3686539940446689</v>
      </c>
      <c r="M5178">
        <f t="shared" si="584"/>
        <v>0</v>
      </c>
      <c r="N5178" s="46">
        <f t="shared" si="585"/>
        <v>45506.333333320857</v>
      </c>
    </row>
    <row r="5179" spans="2:14" x14ac:dyDescent="0.3">
      <c r="B5179">
        <f t="shared" si="579"/>
        <v>5</v>
      </c>
      <c r="C5179" s="16">
        <v>5145</v>
      </c>
      <c r="D5179" cm="1">
        <f t="array" ref="D5179">IFERROR(INDEX(Jesper!AH$2:AH$366,ROUNDDOWN($C5179/24,0)+1,1)*INDEX($D$3:$AA$30,INDEX(Jesper!$R$2:$R$366,ROW(INDEX(Jesper!AH$2:AH$366,ROUNDDOWN($C5179/24,0)+1,1))-1)+IF('Standard Profiles'!$G$18=$B$10,7,0)+IF('Standard Profiles'!$G$18=$B$17,14,0)+IF('Standard Profiles'!$G$18=$B$24,21,0),MOD($C5179,24)+1)/SUM(INDEX($D$3:$AA$30,INDEX(Jesper!$R$2:$R$366,ROW(INDEX(Jesper!AH$2:AH$366,ROUNDDOWN($C5179/24,0)+1,1))-1)+IF('Standard Profiles'!$G$18=$B$10,7,0)+IF('Standard Profiles'!$G$18=$B$17,14,0)+IF('Standard Profiles'!$G$18=$B$24,21,0),0)),0)</f>
        <v>12.453354157804567</v>
      </c>
      <c r="E5179" cm="1">
        <f t="array" ref="E5179">IFERROR(INDEX(Jesper!AI$2:AI$366,ROUNDDOWN($C5179/24,0)+1,1)*INDEX($D$3:$AA$30,INDEX(Jesper!$R$2:$R$366,ROW(INDEX(Jesper!AI$2:AI$366,ROUNDDOWN($C5179/24,0)+1,1))-1)+IF('Standard Profiles'!$G$19=$B$10,7,0)+IF('Standard Profiles'!$G$19=$B$17,14,0)+IF('Standard Profiles'!$G$19=$B$24,21,0),MOD($C5179,24)+1)/SUM(INDEX($D$3:$AA$30,INDEX(Jesper!$R$2:$R$366,ROW(INDEX(Jesper!AI$2:AI$366,ROUNDDOWN($C5179/24,0)+1,1))-1)+IF('Standard Profiles'!$G$19=$B$10,7,0)+IF('Standard Profiles'!$G$19=$B$17,14,0)+IF('Standard Profiles'!$G$19=$B$24,21,0),0)),0)</f>
        <v>0</v>
      </c>
      <c r="F5179" cm="1">
        <f t="array" ref="F5179">IFERROR(INDEX(Jesper!AJ$2:AJ$366,ROUNDDOWN($C5179/24,0)+1,1)*INDEX($D$3:$AA$30,INDEX(Jesper!$R$2:$R$366,ROW(INDEX(Jesper!AJ$2:AJ$366,ROUNDDOWN($C5179/24,0)+1,1))-1)+IF('Standard Profiles'!$G$20=$B$10,7,0)+IF('Standard Profiles'!$G$20=$B$17,14,0)+IF('Standard Profiles'!$G$20=$B$24,21,0),MOD($C5179,24)+1)/SUM(INDEX($D$3:$AA$30,INDEX(Jesper!$R$2:$R$366,ROW(INDEX(Jesper!AJ$2:AJ$366,ROUNDDOWN($C5179/24,0)+1,1))-1)+IF('Standard Profiles'!$G$20=$B$10,7,0)+IF('Standard Profiles'!$G$20=$B$17,14,0)+IF('Standard Profiles'!$G$20=$B$24,21,0),0)),0)</f>
        <v>0</v>
      </c>
      <c r="G5179" cm="1">
        <f t="array" ref="G5179">IFERROR(INDEX(Jesper!AK$2:AK$366,ROUNDDOWN($C5179/24,0)+1,1)*INDEX($D$3:$AA$30,INDEX(Jesper!$R$2:$R$366,ROW(INDEX(Jesper!AK$2:AK$366,ROUNDDOWN($C5179/24,0)+1,1))-1)+IF('Standard Profiles'!$G$21=$B$10,7,0)+IF('Standard Profiles'!$G$21=$B$17,14,0)+IF('Standard Profiles'!$G$21=$B$24,21,0),MOD($C5179,24)+1)/SUM(INDEX($D$3:$AA$30,INDEX(Jesper!$R$2:$R$366,ROW(INDEX(Jesper!AK$2:AK$366,ROUNDDOWN($C5179/24,0)+1,1))-1)+IF('Standard Profiles'!$G$21=$B$10,7,0)+IF('Standard Profiles'!$G$21=$B$17,14,0)+IF('Standard Profiles'!$G$21=$B$24,21,0),0)),0)</f>
        <v>0</v>
      </c>
      <c r="H5179" cm="1">
        <f t="array" ref="H5179">IFERROR(INDEX(Jesper!AL$2:AL$366,ROUNDDOWN($C5179/24,0)+1,1)*INDEX($D$3:$AA$30,INDEX(Jesper!$R$2:$R$366,ROW(INDEX(Jesper!AL$2:AL$366,ROUNDDOWN($C5179/24,0)+1,1))-1)+IF('Standard Profiles'!$G$22=$B$10,7,0)+IF('Standard Profiles'!$G$22=$B$17,14,0)+IF('Standard Profiles'!$G$22=$B$24,21,0),MOD($C5179,24)+1)/SUM(INDEX($D$3:$AA$30,INDEX(Jesper!$R$2:$R$366,ROW(INDEX(Jesper!AL$2:AL$366,ROUNDDOWN($C5179/24,0)+1,1))-1)+IF('Standard Profiles'!$G$22=$B$10,7,0)+IF('Standard Profiles'!$G$22=$B$17,14,0)+IF('Standard Profiles'!$G$22=$B$24,21,0),0)),0)</f>
        <v>0</v>
      </c>
      <c r="I5179">
        <f t="shared" si="580"/>
        <v>0.37360062473413697</v>
      </c>
      <c r="J5179">
        <f t="shared" si="581"/>
        <v>1.2453354157804568</v>
      </c>
      <c r="K5179">
        <f t="shared" si="582"/>
        <v>1.8680031236706849</v>
      </c>
      <c r="L5179">
        <f t="shared" si="583"/>
        <v>8.9664149936192885</v>
      </c>
      <c r="M5179">
        <f t="shared" si="584"/>
        <v>0</v>
      </c>
      <c r="N5179" s="46">
        <f t="shared" si="585"/>
        <v>45506.374999987522</v>
      </c>
    </row>
    <row r="5180" spans="2:14" x14ac:dyDescent="0.3">
      <c r="B5180">
        <f t="shared" si="579"/>
        <v>5</v>
      </c>
      <c r="C5180" s="16">
        <v>5146</v>
      </c>
      <c r="D5180" cm="1">
        <f t="array" ref="D5180">IFERROR(INDEX(Jesper!AH$2:AH$366,ROUNDDOWN($C5180/24,0)+1,1)*INDEX($D$3:$AA$30,INDEX(Jesper!$R$2:$R$366,ROW(INDEX(Jesper!AH$2:AH$366,ROUNDDOWN($C5180/24,0)+1,1))-1)+IF('Standard Profiles'!$G$18=$B$10,7,0)+IF('Standard Profiles'!$G$18=$B$17,14,0)+IF('Standard Profiles'!$G$18=$B$24,21,0),MOD($C5180,24)+1)/SUM(INDEX($D$3:$AA$30,INDEX(Jesper!$R$2:$R$366,ROW(INDEX(Jesper!AH$2:AH$366,ROUNDDOWN($C5180/24,0)+1,1))-1)+IF('Standard Profiles'!$G$18=$B$10,7,0)+IF('Standard Profiles'!$G$18=$B$17,14,0)+IF('Standard Profiles'!$G$18=$B$24,21,0),0)),0)</f>
        <v>12.951488324116749</v>
      </c>
      <c r="E5180" cm="1">
        <f t="array" ref="E5180">IFERROR(INDEX(Jesper!AI$2:AI$366,ROUNDDOWN($C5180/24,0)+1,1)*INDEX($D$3:$AA$30,INDEX(Jesper!$R$2:$R$366,ROW(INDEX(Jesper!AI$2:AI$366,ROUNDDOWN($C5180/24,0)+1,1))-1)+IF('Standard Profiles'!$G$19=$B$10,7,0)+IF('Standard Profiles'!$G$19=$B$17,14,0)+IF('Standard Profiles'!$G$19=$B$24,21,0),MOD($C5180,24)+1)/SUM(INDEX($D$3:$AA$30,INDEX(Jesper!$R$2:$R$366,ROW(INDEX(Jesper!AI$2:AI$366,ROUNDDOWN($C5180/24,0)+1,1))-1)+IF('Standard Profiles'!$G$19=$B$10,7,0)+IF('Standard Profiles'!$G$19=$B$17,14,0)+IF('Standard Profiles'!$G$19=$B$24,21,0),0)),0)</f>
        <v>0</v>
      </c>
      <c r="F5180" cm="1">
        <f t="array" ref="F5180">IFERROR(INDEX(Jesper!AJ$2:AJ$366,ROUNDDOWN($C5180/24,0)+1,1)*INDEX($D$3:$AA$30,INDEX(Jesper!$R$2:$R$366,ROW(INDEX(Jesper!AJ$2:AJ$366,ROUNDDOWN($C5180/24,0)+1,1))-1)+IF('Standard Profiles'!$G$20=$B$10,7,0)+IF('Standard Profiles'!$G$20=$B$17,14,0)+IF('Standard Profiles'!$G$20=$B$24,21,0),MOD($C5180,24)+1)/SUM(INDEX($D$3:$AA$30,INDEX(Jesper!$R$2:$R$366,ROW(INDEX(Jesper!AJ$2:AJ$366,ROUNDDOWN($C5180/24,0)+1,1))-1)+IF('Standard Profiles'!$G$20=$B$10,7,0)+IF('Standard Profiles'!$G$20=$B$17,14,0)+IF('Standard Profiles'!$G$20=$B$24,21,0),0)),0)</f>
        <v>0</v>
      </c>
      <c r="G5180" cm="1">
        <f t="array" ref="G5180">IFERROR(INDEX(Jesper!AK$2:AK$366,ROUNDDOWN($C5180/24,0)+1,1)*INDEX($D$3:$AA$30,INDEX(Jesper!$R$2:$R$366,ROW(INDEX(Jesper!AK$2:AK$366,ROUNDDOWN($C5180/24,0)+1,1))-1)+IF('Standard Profiles'!$G$21=$B$10,7,0)+IF('Standard Profiles'!$G$21=$B$17,14,0)+IF('Standard Profiles'!$G$21=$B$24,21,0),MOD($C5180,24)+1)/SUM(INDEX($D$3:$AA$30,INDEX(Jesper!$R$2:$R$366,ROW(INDEX(Jesper!AK$2:AK$366,ROUNDDOWN($C5180/24,0)+1,1))-1)+IF('Standard Profiles'!$G$21=$B$10,7,0)+IF('Standard Profiles'!$G$21=$B$17,14,0)+IF('Standard Profiles'!$G$21=$B$24,21,0),0)),0)</f>
        <v>0</v>
      </c>
      <c r="H5180" cm="1">
        <f t="array" ref="H5180">IFERROR(INDEX(Jesper!AL$2:AL$366,ROUNDDOWN($C5180/24,0)+1,1)*INDEX($D$3:$AA$30,INDEX(Jesper!$R$2:$R$366,ROW(INDEX(Jesper!AL$2:AL$366,ROUNDDOWN($C5180/24,0)+1,1))-1)+IF('Standard Profiles'!$G$22=$B$10,7,0)+IF('Standard Profiles'!$G$22=$B$17,14,0)+IF('Standard Profiles'!$G$22=$B$24,21,0),MOD($C5180,24)+1)/SUM(INDEX($D$3:$AA$30,INDEX(Jesper!$R$2:$R$366,ROW(INDEX(Jesper!AL$2:AL$366,ROUNDDOWN($C5180/24,0)+1,1))-1)+IF('Standard Profiles'!$G$22=$B$10,7,0)+IF('Standard Profiles'!$G$22=$B$17,14,0)+IF('Standard Profiles'!$G$22=$B$24,21,0),0)),0)</f>
        <v>0</v>
      </c>
      <c r="I5180">
        <f t="shared" si="580"/>
        <v>0.38854464972350244</v>
      </c>
      <c r="J5180">
        <f t="shared" si="581"/>
        <v>1.2951488324116749</v>
      </c>
      <c r="K5180">
        <f t="shared" si="582"/>
        <v>1.9427232486175123</v>
      </c>
      <c r="L5180">
        <f t="shared" si="583"/>
        <v>9.3250715933640596</v>
      </c>
      <c r="M5180">
        <f t="shared" si="584"/>
        <v>0</v>
      </c>
      <c r="N5180" s="46">
        <f t="shared" si="585"/>
        <v>45506.416666654186</v>
      </c>
    </row>
    <row r="5181" spans="2:14" x14ac:dyDescent="0.3">
      <c r="B5181">
        <f t="shared" si="579"/>
        <v>5</v>
      </c>
      <c r="C5181" s="16">
        <v>5147</v>
      </c>
      <c r="D5181" cm="1">
        <f t="array" ref="D5181">IFERROR(INDEX(Jesper!AH$2:AH$366,ROUNDDOWN($C5181/24,0)+1,1)*INDEX($D$3:$AA$30,INDEX(Jesper!$R$2:$R$366,ROW(INDEX(Jesper!AH$2:AH$366,ROUNDDOWN($C5181/24,0)+1,1))-1)+IF('Standard Profiles'!$G$18=$B$10,7,0)+IF('Standard Profiles'!$G$18=$B$17,14,0)+IF('Standard Profiles'!$G$18=$B$24,21,0),MOD($C5181,24)+1)/SUM(INDEX($D$3:$AA$30,INDEX(Jesper!$R$2:$R$366,ROW(INDEX(Jesper!AH$2:AH$366,ROUNDDOWN($C5181/24,0)+1,1))-1)+IF('Standard Profiles'!$G$18=$B$10,7,0)+IF('Standard Profiles'!$G$18=$B$17,14,0)+IF('Standard Profiles'!$G$18=$B$24,21,0),0)),0)</f>
        <v>14.944024989365481</v>
      </c>
      <c r="E5181" cm="1">
        <f t="array" ref="E5181">IFERROR(INDEX(Jesper!AI$2:AI$366,ROUNDDOWN($C5181/24,0)+1,1)*INDEX($D$3:$AA$30,INDEX(Jesper!$R$2:$R$366,ROW(INDEX(Jesper!AI$2:AI$366,ROUNDDOWN($C5181/24,0)+1,1))-1)+IF('Standard Profiles'!$G$19=$B$10,7,0)+IF('Standard Profiles'!$G$19=$B$17,14,0)+IF('Standard Profiles'!$G$19=$B$24,21,0),MOD($C5181,24)+1)/SUM(INDEX($D$3:$AA$30,INDEX(Jesper!$R$2:$R$366,ROW(INDEX(Jesper!AI$2:AI$366,ROUNDDOWN($C5181/24,0)+1,1))-1)+IF('Standard Profiles'!$G$19=$B$10,7,0)+IF('Standard Profiles'!$G$19=$B$17,14,0)+IF('Standard Profiles'!$G$19=$B$24,21,0),0)),0)</f>
        <v>0</v>
      </c>
      <c r="F5181" cm="1">
        <f t="array" ref="F5181">IFERROR(INDEX(Jesper!AJ$2:AJ$366,ROUNDDOWN($C5181/24,0)+1,1)*INDEX($D$3:$AA$30,INDEX(Jesper!$R$2:$R$366,ROW(INDEX(Jesper!AJ$2:AJ$366,ROUNDDOWN($C5181/24,0)+1,1))-1)+IF('Standard Profiles'!$G$20=$B$10,7,0)+IF('Standard Profiles'!$G$20=$B$17,14,0)+IF('Standard Profiles'!$G$20=$B$24,21,0),MOD($C5181,24)+1)/SUM(INDEX($D$3:$AA$30,INDEX(Jesper!$R$2:$R$366,ROW(INDEX(Jesper!AJ$2:AJ$366,ROUNDDOWN($C5181/24,0)+1,1))-1)+IF('Standard Profiles'!$G$20=$B$10,7,0)+IF('Standard Profiles'!$G$20=$B$17,14,0)+IF('Standard Profiles'!$G$20=$B$24,21,0),0)),0)</f>
        <v>0</v>
      </c>
      <c r="G5181" cm="1">
        <f t="array" ref="G5181">IFERROR(INDEX(Jesper!AK$2:AK$366,ROUNDDOWN($C5181/24,0)+1,1)*INDEX($D$3:$AA$30,INDEX(Jesper!$R$2:$R$366,ROW(INDEX(Jesper!AK$2:AK$366,ROUNDDOWN($C5181/24,0)+1,1))-1)+IF('Standard Profiles'!$G$21=$B$10,7,0)+IF('Standard Profiles'!$G$21=$B$17,14,0)+IF('Standard Profiles'!$G$21=$B$24,21,0),MOD($C5181,24)+1)/SUM(INDEX($D$3:$AA$30,INDEX(Jesper!$R$2:$R$366,ROW(INDEX(Jesper!AK$2:AK$366,ROUNDDOWN($C5181/24,0)+1,1))-1)+IF('Standard Profiles'!$G$21=$B$10,7,0)+IF('Standard Profiles'!$G$21=$B$17,14,0)+IF('Standard Profiles'!$G$21=$B$24,21,0),0)),0)</f>
        <v>0</v>
      </c>
      <c r="H5181" cm="1">
        <f t="array" ref="H5181">IFERROR(INDEX(Jesper!AL$2:AL$366,ROUNDDOWN($C5181/24,0)+1,1)*INDEX($D$3:$AA$30,INDEX(Jesper!$R$2:$R$366,ROW(INDEX(Jesper!AL$2:AL$366,ROUNDDOWN($C5181/24,0)+1,1))-1)+IF('Standard Profiles'!$G$22=$B$10,7,0)+IF('Standard Profiles'!$G$22=$B$17,14,0)+IF('Standard Profiles'!$G$22=$B$24,21,0),MOD($C5181,24)+1)/SUM(INDEX($D$3:$AA$30,INDEX(Jesper!$R$2:$R$366,ROW(INDEX(Jesper!AL$2:AL$366,ROUNDDOWN($C5181/24,0)+1,1))-1)+IF('Standard Profiles'!$G$22=$B$10,7,0)+IF('Standard Profiles'!$G$22=$B$17,14,0)+IF('Standard Profiles'!$G$22=$B$24,21,0),0)),0)</f>
        <v>0</v>
      </c>
      <c r="I5181">
        <f t="shared" si="580"/>
        <v>0.44832074968096441</v>
      </c>
      <c r="J5181">
        <f t="shared" si="581"/>
        <v>1.4944024989365481</v>
      </c>
      <c r="K5181">
        <f t="shared" si="582"/>
        <v>2.2416037484048221</v>
      </c>
      <c r="L5181">
        <f t="shared" si="583"/>
        <v>10.759697992343146</v>
      </c>
      <c r="M5181">
        <f t="shared" si="584"/>
        <v>0</v>
      </c>
      <c r="N5181" s="46">
        <f t="shared" si="585"/>
        <v>45506.45833332085</v>
      </c>
    </row>
    <row r="5182" spans="2:14" x14ac:dyDescent="0.3">
      <c r="B5182">
        <f t="shared" si="579"/>
        <v>5</v>
      </c>
      <c r="C5182" s="16">
        <v>5148</v>
      </c>
      <c r="D5182" cm="1">
        <f t="array" ref="D5182">IFERROR(INDEX(Jesper!AH$2:AH$366,ROUNDDOWN($C5182/24,0)+1,1)*INDEX($D$3:$AA$30,INDEX(Jesper!$R$2:$R$366,ROW(INDEX(Jesper!AH$2:AH$366,ROUNDDOWN($C5182/24,0)+1,1))-1)+IF('Standard Profiles'!$G$18=$B$10,7,0)+IF('Standard Profiles'!$G$18=$B$17,14,0)+IF('Standard Profiles'!$G$18=$B$24,21,0),MOD($C5182,24)+1)/SUM(INDEX($D$3:$AA$30,INDEX(Jesper!$R$2:$R$366,ROW(INDEX(Jesper!AH$2:AH$366,ROUNDDOWN($C5182/24,0)+1,1))-1)+IF('Standard Profiles'!$G$18=$B$10,7,0)+IF('Standard Profiles'!$G$18=$B$17,14,0)+IF('Standard Profiles'!$G$18=$B$24,21,0),0)),0)</f>
        <v>14.944024989365481</v>
      </c>
      <c r="E5182" cm="1">
        <f t="array" ref="E5182">IFERROR(INDEX(Jesper!AI$2:AI$366,ROUNDDOWN($C5182/24,0)+1,1)*INDEX($D$3:$AA$30,INDEX(Jesper!$R$2:$R$366,ROW(INDEX(Jesper!AI$2:AI$366,ROUNDDOWN($C5182/24,0)+1,1))-1)+IF('Standard Profiles'!$G$19=$B$10,7,0)+IF('Standard Profiles'!$G$19=$B$17,14,0)+IF('Standard Profiles'!$G$19=$B$24,21,0),MOD($C5182,24)+1)/SUM(INDEX($D$3:$AA$30,INDEX(Jesper!$R$2:$R$366,ROW(INDEX(Jesper!AI$2:AI$366,ROUNDDOWN($C5182/24,0)+1,1))-1)+IF('Standard Profiles'!$G$19=$B$10,7,0)+IF('Standard Profiles'!$G$19=$B$17,14,0)+IF('Standard Profiles'!$G$19=$B$24,21,0),0)),0)</f>
        <v>0</v>
      </c>
      <c r="F5182" cm="1">
        <f t="array" ref="F5182">IFERROR(INDEX(Jesper!AJ$2:AJ$366,ROUNDDOWN($C5182/24,0)+1,1)*INDEX($D$3:$AA$30,INDEX(Jesper!$R$2:$R$366,ROW(INDEX(Jesper!AJ$2:AJ$366,ROUNDDOWN($C5182/24,0)+1,1))-1)+IF('Standard Profiles'!$G$20=$B$10,7,0)+IF('Standard Profiles'!$G$20=$B$17,14,0)+IF('Standard Profiles'!$G$20=$B$24,21,0),MOD($C5182,24)+1)/SUM(INDEX($D$3:$AA$30,INDEX(Jesper!$R$2:$R$366,ROW(INDEX(Jesper!AJ$2:AJ$366,ROUNDDOWN($C5182/24,0)+1,1))-1)+IF('Standard Profiles'!$G$20=$B$10,7,0)+IF('Standard Profiles'!$G$20=$B$17,14,0)+IF('Standard Profiles'!$G$20=$B$24,21,0),0)),0)</f>
        <v>0</v>
      </c>
      <c r="G5182" cm="1">
        <f t="array" ref="G5182">IFERROR(INDEX(Jesper!AK$2:AK$366,ROUNDDOWN($C5182/24,0)+1,1)*INDEX($D$3:$AA$30,INDEX(Jesper!$R$2:$R$366,ROW(INDEX(Jesper!AK$2:AK$366,ROUNDDOWN($C5182/24,0)+1,1))-1)+IF('Standard Profiles'!$G$21=$B$10,7,0)+IF('Standard Profiles'!$G$21=$B$17,14,0)+IF('Standard Profiles'!$G$21=$B$24,21,0),MOD($C5182,24)+1)/SUM(INDEX($D$3:$AA$30,INDEX(Jesper!$R$2:$R$366,ROW(INDEX(Jesper!AK$2:AK$366,ROUNDDOWN($C5182/24,0)+1,1))-1)+IF('Standard Profiles'!$G$21=$B$10,7,0)+IF('Standard Profiles'!$G$21=$B$17,14,0)+IF('Standard Profiles'!$G$21=$B$24,21,0),0)),0)</f>
        <v>0</v>
      </c>
      <c r="H5182" cm="1">
        <f t="array" ref="H5182">IFERROR(INDEX(Jesper!AL$2:AL$366,ROUNDDOWN($C5182/24,0)+1,1)*INDEX($D$3:$AA$30,INDEX(Jesper!$R$2:$R$366,ROW(INDEX(Jesper!AL$2:AL$366,ROUNDDOWN($C5182/24,0)+1,1))-1)+IF('Standard Profiles'!$G$22=$B$10,7,0)+IF('Standard Profiles'!$G$22=$B$17,14,0)+IF('Standard Profiles'!$G$22=$B$24,21,0),MOD($C5182,24)+1)/SUM(INDEX($D$3:$AA$30,INDEX(Jesper!$R$2:$R$366,ROW(INDEX(Jesper!AL$2:AL$366,ROUNDDOWN($C5182/24,0)+1,1))-1)+IF('Standard Profiles'!$G$22=$B$10,7,0)+IF('Standard Profiles'!$G$22=$B$17,14,0)+IF('Standard Profiles'!$G$22=$B$24,21,0),0)),0)</f>
        <v>0</v>
      </c>
      <c r="I5182">
        <f t="shared" si="580"/>
        <v>0.44832074968096441</v>
      </c>
      <c r="J5182">
        <f t="shared" si="581"/>
        <v>1.4944024989365481</v>
      </c>
      <c r="K5182">
        <f t="shared" si="582"/>
        <v>2.2416037484048221</v>
      </c>
      <c r="L5182">
        <f t="shared" si="583"/>
        <v>10.759697992343146</v>
      </c>
      <c r="M5182">
        <f t="shared" si="584"/>
        <v>0</v>
      </c>
      <c r="N5182" s="46">
        <f t="shared" si="585"/>
        <v>45506.499999987514</v>
      </c>
    </row>
    <row r="5183" spans="2:14" x14ac:dyDescent="0.3">
      <c r="B5183">
        <f t="shared" si="579"/>
        <v>5</v>
      </c>
      <c r="C5183" s="16">
        <v>5149</v>
      </c>
      <c r="D5183" cm="1">
        <f t="array" ref="D5183">IFERROR(INDEX(Jesper!AH$2:AH$366,ROUNDDOWN($C5183/24,0)+1,1)*INDEX($D$3:$AA$30,INDEX(Jesper!$R$2:$R$366,ROW(INDEX(Jesper!AH$2:AH$366,ROUNDDOWN($C5183/24,0)+1,1))-1)+IF('Standard Profiles'!$G$18=$B$10,7,0)+IF('Standard Profiles'!$G$18=$B$17,14,0)+IF('Standard Profiles'!$G$18=$B$24,21,0),MOD($C5183,24)+1)/SUM(INDEX($D$3:$AA$30,INDEX(Jesper!$R$2:$R$366,ROW(INDEX(Jesper!AH$2:AH$366,ROUNDDOWN($C5183/24,0)+1,1))-1)+IF('Standard Profiles'!$G$18=$B$10,7,0)+IF('Standard Profiles'!$G$18=$B$17,14,0)+IF('Standard Profiles'!$G$18=$B$24,21,0),0)),0)</f>
        <v>14.944024989365481</v>
      </c>
      <c r="E5183" cm="1">
        <f t="array" ref="E5183">IFERROR(INDEX(Jesper!AI$2:AI$366,ROUNDDOWN($C5183/24,0)+1,1)*INDEX($D$3:$AA$30,INDEX(Jesper!$R$2:$R$366,ROW(INDEX(Jesper!AI$2:AI$366,ROUNDDOWN($C5183/24,0)+1,1))-1)+IF('Standard Profiles'!$G$19=$B$10,7,0)+IF('Standard Profiles'!$G$19=$B$17,14,0)+IF('Standard Profiles'!$G$19=$B$24,21,0),MOD($C5183,24)+1)/SUM(INDEX($D$3:$AA$30,INDEX(Jesper!$R$2:$R$366,ROW(INDEX(Jesper!AI$2:AI$366,ROUNDDOWN($C5183/24,0)+1,1))-1)+IF('Standard Profiles'!$G$19=$B$10,7,0)+IF('Standard Profiles'!$G$19=$B$17,14,0)+IF('Standard Profiles'!$G$19=$B$24,21,0),0)),0)</f>
        <v>0</v>
      </c>
      <c r="F5183" cm="1">
        <f t="array" ref="F5183">IFERROR(INDEX(Jesper!AJ$2:AJ$366,ROUNDDOWN($C5183/24,0)+1,1)*INDEX($D$3:$AA$30,INDEX(Jesper!$R$2:$R$366,ROW(INDEX(Jesper!AJ$2:AJ$366,ROUNDDOWN($C5183/24,0)+1,1))-1)+IF('Standard Profiles'!$G$20=$B$10,7,0)+IF('Standard Profiles'!$G$20=$B$17,14,0)+IF('Standard Profiles'!$G$20=$B$24,21,0),MOD($C5183,24)+1)/SUM(INDEX($D$3:$AA$30,INDEX(Jesper!$R$2:$R$366,ROW(INDEX(Jesper!AJ$2:AJ$366,ROUNDDOWN($C5183/24,0)+1,1))-1)+IF('Standard Profiles'!$G$20=$B$10,7,0)+IF('Standard Profiles'!$G$20=$B$17,14,0)+IF('Standard Profiles'!$G$20=$B$24,21,0),0)),0)</f>
        <v>0</v>
      </c>
      <c r="G5183" cm="1">
        <f t="array" ref="G5183">IFERROR(INDEX(Jesper!AK$2:AK$366,ROUNDDOWN($C5183/24,0)+1,1)*INDEX($D$3:$AA$30,INDEX(Jesper!$R$2:$R$366,ROW(INDEX(Jesper!AK$2:AK$366,ROUNDDOWN($C5183/24,0)+1,1))-1)+IF('Standard Profiles'!$G$21=$B$10,7,0)+IF('Standard Profiles'!$G$21=$B$17,14,0)+IF('Standard Profiles'!$G$21=$B$24,21,0),MOD($C5183,24)+1)/SUM(INDEX($D$3:$AA$30,INDEX(Jesper!$R$2:$R$366,ROW(INDEX(Jesper!AK$2:AK$366,ROUNDDOWN($C5183/24,0)+1,1))-1)+IF('Standard Profiles'!$G$21=$B$10,7,0)+IF('Standard Profiles'!$G$21=$B$17,14,0)+IF('Standard Profiles'!$G$21=$B$24,21,0),0)),0)</f>
        <v>0</v>
      </c>
      <c r="H5183" cm="1">
        <f t="array" ref="H5183">IFERROR(INDEX(Jesper!AL$2:AL$366,ROUNDDOWN($C5183/24,0)+1,1)*INDEX($D$3:$AA$30,INDEX(Jesper!$R$2:$R$366,ROW(INDEX(Jesper!AL$2:AL$366,ROUNDDOWN($C5183/24,0)+1,1))-1)+IF('Standard Profiles'!$G$22=$B$10,7,0)+IF('Standard Profiles'!$G$22=$B$17,14,0)+IF('Standard Profiles'!$G$22=$B$24,21,0),MOD($C5183,24)+1)/SUM(INDEX($D$3:$AA$30,INDEX(Jesper!$R$2:$R$366,ROW(INDEX(Jesper!AL$2:AL$366,ROUNDDOWN($C5183/24,0)+1,1))-1)+IF('Standard Profiles'!$G$22=$B$10,7,0)+IF('Standard Profiles'!$G$22=$B$17,14,0)+IF('Standard Profiles'!$G$22=$B$24,21,0),0)),0)</f>
        <v>0</v>
      </c>
      <c r="I5183">
        <f t="shared" si="580"/>
        <v>0.44832074968096441</v>
      </c>
      <c r="J5183">
        <f t="shared" si="581"/>
        <v>1.4944024989365481</v>
      </c>
      <c r="K5183">
        <f t="shared" si="582"/>
        <v>2.2416037484048221</v>
      </c>
      <c r="L5183">
        <f t="shared" si="583"/>
        <v>10.759697992343146</v>
      </c>
      <c r="M5183">
        <f t="shared" si="584"/>
        <v>0</v>
      </c>
      <c r="N5183" s="46">
        <f t="shared" si="585"/>
        <v>45506.541666654179</v>
      </c>
    </row>
    <row r="5184" spans="2:14" x14ac:dyDescent="0.3">
      <c r="B5184">
        <f t="shared" si="579"/>
        <v>5</v>
      </c>
      <c r="C5184" s="16">
        <v>5150</v>
      </c>
      <c r="D5184" cm="1">
        <f t="array" ref="D5184">IFERROR(INDEX(Jesper!AH$2:AH$366,ROUNDDOWN($C5184/24,0)+1,1)*INDEX($D$3:$AA$30,INDEX(Jesper!$R$2:$R$366,ROW(INDEX(Jesper!AH$2:AH$366,ROUNDDOWN($C5184/24,0)+1,1))-1)+IF('Standard Profiles'!$G$18=$B$10,7,0)+IF('Standard Profiles'!$G$18=$B$17,14,0)+IF('Standard Profiles'!$G$18=$B$24,21,0),MOD($C5184,24)+1)/SUM(INDEX($D$3:$AA$30,INDEX(Jesper!$R$2:$R$366,ROW(INDEX(Jesper!AH$2:AH$366,ROUNDDOWN($C5184/24,0)+1,1))-1)+IF('Standard Profiles'!$G$18=$B$10,7,0)+IF('Standard Profiles'!$G$18=$B$17,14,0)+IF('Standard Profiles'!$G$18=$B$24,21,0),0)),0)</f>
        <v>14.944024989365481</v>
      </c>
      <c r="E5184" cm="1">
        <f t="array" ref="E5184">IFERROR(INDEX(Jesper!AI$2:AI$366,ROUNDDOWN($C5184/24,0)+1,1)*INDEX($D$3:$AA$30,INDEX(Jesper!$R$2:$R$366,ROW(INDEX(Jesper!AI$2:AI$366,ROUNDDOWN($C5184/24,0)+1,1))-1)+IF('Standard Profiles'!$G$19=$B$10,7,0)+IF('Standard Profiles'!$G$19=$B$17,14,0)+IF('Standard Profiles'!$G$19=$B$24,21,0),MOD($C5184,24)+1)/SUM(INDEX($D$3:$AA$30,INDEX(Jesper!$R$2:$R$366,ROW(INDEX(Jesper!AI$2:AI$366,ROUNDDOWN($C5184/24,0)+1,1))-1)+IF('Standard Profiles'!$G$19=$B$10,7,0)+IF('Standard Profiles'!$G$19=$B$17,14,0)+IF('Standard Profiles'!$G$19=$B$24,21,0),0)),0)</f>
        <v>0</v>
      </c>
      <c r="F5184" cm="1">
        <f t="array" ref="F5184">IFERROR(INDEX(Jesper!AJ$2:AJ$366,ROUNDDOWN($C5184/24,0)+1,1)*INDEX($D$3:$AA$30,INDEX(Jesper!$R$2:$R$366,ROW(INDEX(Jesper!AJ$2:AJ$366,ROUNDDOWN($C5184/24,0)+1,1))-1)+IF('Standard Profiles'!$G$20=$B$10,7,0)+IF('Standard Profiles'!$G$20=$B$17,14,0)+IF('Standard Profiles'!$G$20=$B$24,21,0),MOD($C5184,24)+1)/SUM(INDEX($D$3:$AA$30,INDEX(Jesper!$R$2:$R$366,ROW(INDEX(Jesper!AJ$2:AJ$366,ROUNDDOWN($C5184/24,0)+1,1))-1)+IF('Standard Profiles'!$G$20=$B$10,7,0)+IF('Standard Profiles'!$G$20=$B$17,14,0)+IF('Standard Profiles'!$G$20=$B$24,21,0),0)),0)</f>
        <v>0</v>
      </c>
      <c r="G5184" cm="1">
        <f t="array" ref="G5184">IFERROR(INDEX(Jesper!AK$2:AK$366,ROUNDDOWN($C5184/24,0)+1,1)*INDEX($D$3:$AA$30,INDEX(Jesper!$R$2:$R$366,ROW(INDEX(Jesper!AK$2:AK$366,ROUNDDOWN($C5184/24,0)+1,1))-1)+IF('Standard Profiles'!$G$21=$B$10,7,0)+IF('Standard Profiles'!$G$21=$B$17,14,0)+IF('Standard Profiles'!$G$21=$B$24,21,0),MOD($C5184,24)+1)/SUM(INDEX($D$3:$AA$30,INDEX(Jesper!$R$2:$R$366,ROW(INDEX(Jesper!AK$2:AK$366,ROUNDDOWN($C5184/24,0)+1,1))-1)+IF('Standard Profiles'!$G$21=$B$10,7,0)+IF('Standard Profiles'!$G$21=$B$17,14,0)+IF('Standard Profiles'!$G$21=$B$24,21,0),0)),0)</f>
        <v>0</v>
      </c>
      <c r="H5184" cm="1">
        <f t="array" ref="H5184">IFERROR(INDEX(Jesper!AL$2:AL$366,ROUNDDOWN($C5184/24,0)+1,1)*INDEX($D$3:$AA$30,INDEX(Jesper!$R$2:$R$366,ROW(INDEX(Jesper!AL$2:AL$366,ROUNDDOWN($C5184/24,0)+1,1))-1)+IF('Standard Profiles'!$G$22=$B$10,7,0)+IF('Standard Profiles'!$G$22=$B$17,14,0)+IF('Standard Profiles'!$G$22=$B$24,21,0),MOD($C5184,24)+1)/SUM(INDEX($D$3:$AA$30,INDEX(Jesper!$R$2:$R$366,ROW(INDEX(Jesper!AL$2:AL$366,ROUNDDOWN($C5184/24,0)+1,1))-1)+IF('Standard Profiles'!$G$22=$B$10,7,0)+IF('Standard Profiles'!$G$22=$B$17,14,0)+IF('Standard Profiles'!$G$22=$B$24,21,0),0)),0)</f>
        <v>0</v>
      </c>
      <c r="I5184">
        <f t="shared" si="580"/>
        <v>0.44832074968096441</v>
      </c>
      <c r="J5184">
        <f t="shared" si="581"/>
        <v>1.4944024989365481</v>
      </c>
      <c r="K5184">
        <f t="shared" si="582"/>
        <v>2.2416037484048221</v>
      </c>
      <c r="L5184">
        <f t="shared" si="583"/>
        <v>10.759697992343146</v>
      </c>
      <c r="M5184">
        <f t="shared" si="584"/>
        <v>0</v>
      </c>
      <c r="N5184" s="46">
        <f t="shared" si="585"/>
        <v>45506.583333320843</v>
      </c>
    </row>
    <row r="5185" spans="2:14" x14ac:dyDescent="0.3">
      <c r="B5185">
        <f t="shared" si="579"/>
        <v>5</v>
      </c>
      <c r="C5185" s="16">
        <v>5151</v>
      </c>
      <c r="D5185" cm="1">
        <f t="array" ref="D5185">IFERROR(INDEX(Jesper!AH$2:AH$366,ROUNDDOWN($C5185/24,0)+1,1)*INDEX($D$3:$AA$30,INDEX(Jesper!$R$2:$R$366,ROW(INDEX(Jesper!AH$2:AH$366,ROUNDDOWN($C5185/24,0)+1,1))-1)+IF('Standard Profiles'!$G$18=$B$10,7,0)+IF('Standard Profiles'!$G$18=$B$17,14,0)+IF('Standard Profiles'!$G$18=$B$24,21,0),MOD($C5185,24)+1)/SUM(INDEX($D$3:$AA$30,INDEX(Jesper!$R$2:$R$366,ROW(INDEX(Jesper!AH$2:AH$366,ROUNDDOWN($C5185/24,0)+1,1))-1)+IF('Standard Profiles'!$G$18=$B$10,7,0)+IF('Standard Profiles'!$G$18=$B$17,14,0)+IF('Standard Profiles'!$G$18=$B$24,21,0),0)),0)</f>
        <v>12.453354157804567</v>
      </c>
      <c r="E5185" cm="1">
        <f t="array" ref="E5185">IFERROR(INDEX(Jesper!AI$2:AI$366,ROUNDDOWN($C5185/24,0)+1,1)*INDEX($D$3:$AA$30,INDEX(Jesper!$R$2:$R$366,ROW(INDEX(Jesper!AI$2:AI$366,ROUNDDOWN($C5185/24,0)+1,1))-1)+IF('Standard Profiles'!$G$19=$B$10,7,0)+IF('Standard Profiles'!$G$19=$B$17,14,0)+IF('Standard Profiles'!$G$19=$B$24,21,0),MOD($C5185,24)+1)/SUM(INDEX($D$3:$AA$30,INDEX(Jesper!$R$2:$R$366,ROW(INDEX(Jesper!AI$2:AI$366,ROUNDDOWN($C5185/24,0)+1,1))-1)+IF('Standard Profiles'!$G$19=$B$10,7,0)+IF('Standard Profiles'!$G$19=$B$17,14,0)+IF('Standard Profiles'!$G$19=$B$24,21,0),0)),0)</f>
        <v>0</v>
      </c>
      <c r="F5185" cm="1">
        <f t="array" ref="F5185">IFERROR(INDEX(Jesper!AJ$2:AJ$366,ROUNDDOWN($C5185/24,0)+1,1)*INDEX($D$3:$AA$30,INDEX(Jesper!$R$2:$R$366,ROW(INDEX(Jesper!AJ$2:AJ$366,ROUNDDOWN($C5185/24,0)+1,1))-1)+IF('Standard Profiles'!$G$20=$B$10,7,0)+IF('Standard Profiles'!$G$20=$B$17,14,0)+IF('Standard Profiles'!$G$20=$B$24,21,0),MOD($C5185,24)+1)/SUM(INDEX($D$3:$AA$30,INDEX(Jesper!$R$2:$R$366,ROW(INDEX(Jesper!AJ$2:AJ$366,ROUNDDOWN($C5185/24,0)+1,1))-1)+IF('Standard Profiles'!$G$20=$B$10,7,0)+IF('Standard Profiles'!$G$20=$B$17,14,0)+IF('Standard Profiles'!$G$20=$B$24,21,0),0)),0)</f>
        <v>0</v>
      </c>
      <c r="G5185" cm="1">
        <f t="array" ref="G5185">IFERROR(INDEX(Jesper!AK$2:AK$366,ROUNDDOWN($C5185/24,0)+1,1)*INDEX($D$3:$AA$30,INDEX(Jesper!$R$2:$R$366,ROW(INDEX(Jesper!AK$2:AK$366,ROUNDDOWN($C5185/24,0)+1,1))-1)+IF('Standard Profiles'!$G$21=$B$10,7,0)+IF('Standard Profiles'!$G$21=$B$17,14,0)+IF('Standard Profiles'!$G$21=$B$24,21,0),MOD($C5185,24)+1)/SUM(INDEX($D$3:$AA$30,INDEX(Jesper!$R$2:$R$366,ROW(INDEX(Jesper!AK$2:AK$366,ROUNDDOWN($C5185/24,0)+1,1))-1)+IF('Standard Profiles'!$G$21=$B$10,7,0)+IF('Standard Profiles'!$G$21=$B$17,14,0)+IF('Standard Profiles'!$G$21=$B$24,21,0),0)),0)</f>
        <v>0</v>
      </c>
      <c r="H5185" cm="1">
        <f t="array" ref="H5185">IFERROR(INDEX(Jesper!AL$2:AL$366,ROUNDDOWN($C5185/24,0)+1,1)*INDEX($D$3:$AA$30,INDEX(Jesper!$R$2:$R$366,ROW(INDEX(Jesper!AL$2:AL$366,ROUNDDOWN($C5185/24,0)+1,1))-1)+IF('Standard Profiles'!$G$22=$B$10,7,0)+IF('Standard Profiles'!$G$22=$B$17,14,0)+IF('Standard Profiles'!$G$22=$B$24,21,0),MOD($C5185,24)+1)/SUM(INDEX($D$3:$AA$30,INDEX(Jesper!$R$2:$R$366,ROW(INDEX(Jesper!AL$2:AL$366,ROUNDDOWN($C5185/24,0)+1,1))-1)+IF('Standard Profiles'!$G$22=$B$10,7,0)+IF('Standard Profiles'!$G$22=$B$17,14,0)+IF('Standard Profiles'!$G$22=$B$24,21,0),0)),0)</f>
        <v>0</v>
      </c>
      <c r="I5185">
        <f t="shared" si="580"/>
        <v>0.37360062473413697</v>
      </c>
      <c r="J5185">
        <f t="shared" si="581"/>
        <v>1.2453354157804568</v>
      </c>
      <c r="K5185">
        <f t="shared" si="582"/>
        <v>1.8680031236706849</v>
      </c>
      <c r="L5185">
        <f t="shared" si="583"/>
        <v>8.9664149936192885</v>
      </c>
      <c r="M5185">
        <f t="shared" si="584"/>
        <v>0</v>
      </c>
      <c r="N5185" s="46">
        <f t="shared" si="585"/>
        <v>45506.624999987507</v>
      </c>
    </row>
    <row r="5186" spans="2:14" x14ac:dyDescent="0.3">
      <c r="B5186">
        <f t="shared" si="579"/>
        <v>5</v>
      </c>
      <c r="C5186" s="16">
        <v>5152</v>
      </c>
      <c r="D5186" cm="1">
        <f t="array" ref="D5186">IFERROR(INDEX(Jesper!AH$2:AH$366,ROUNDDOWN($C5186/24,0)+1,1)*INDEX($D$3:$AA$30,INDEX(Jesper!$R$2:$R$366,ROW(INDEX(Jesper!AH$2:AH$366,ROUNDDOWN($C5186/24,0)+1,1))-1)+IF('Standard Profiles'!$G$18=$B$10,7,0)+IF('Standard Profiles'!$G$18=$B$17,14,0)+IF('Standard Profiles'!$G$18=$B$24,21,0),MOD($C5186,24)+1)/SUM(INDEX($D$3:$AA$30,INDEX(Jesper!$R$2:$R$366,ROW(INDEX(Jesper!AH$2:AH$366,ROUNDDOWN($C5186/24,0)+1,1))-1)+IF('Standard Profiles'!$G$18=$B$10,7,0)+IF('Standard Profiles'!$G$18=$B$17,14,0)+IF('Standard Profiles'!$G$18=$B$24,21,0),0)),0)</f>
        <v>11.789175269388323</v>
      </c>
      <c r="E5186" cm="1">
        <f t="array" ref="E5186">IFERROR(INDEX(Jesper!AI$2:AI$366,ROUNDDOWN($C5186/24,0)+1,1)*INDEX($D$3:$AA$30,INDEX(Jesper!$R$2:$R$366,ROW(INDEX(Jesper!AI$2:AI$366,ROUNDDOWN($C5186/24,0)+1,1))-1)+IF('Standard Profiles'!$G$19=$B$10,7,0)+IF('Standard Profiles'!$G$19=$B$17,14,0)+IF('Standard Profiles'!$G$19=$B$24,21,0),MOD($C5186,24)+1)/SUM(INDEX($D$3:$AA$30,INDEX(Jesper!$R$2:$R$366,ROW(INDEX(Jesper!AI$2:AI$366,ROUNDDOWN($C5186/24,0)+1,1))-1)+IF('Standard Profiles'!$G$19=$B$10,7,0)+IF('Standard Profiles'!$G$19=$B$17,14,0)+IF('Standard Profiles'!$G$19=$B$24,21,0),0)),0)</f>
        <v>0</v>
      </c>
      <c r="F5186" cm="1">
        <f t="array" ref="F5186">IFERROR(INDEX(Jesper!AJ$2:AJ$366,ROUNDDOWN($C5186/24,0)+1,1)*INDEX($D$3:$AA$30,INDEX(Jesper!$R$2:$R$366,ROW(INDEX(Jesper!AJ$2:AJ$366,ROUNDDOWN($C5186/24,0)+1,1))-1)+IF('Standard Profiles'!$G$20=$B$10,7,0)+IF('Standard Profiles'!$G$20=$B$17,14,0)+IF('Standard Profiles'!$G$20=$B$24,21,0),MOD($C5186,24)+1)/SUM(INDEX($D$3:$AA$30,INDEX(Jesper!$R$2:$R$366,ROW(INDEX(Jesper!AJ$2:AJ$366,ROUNDDOWN($C5186/24,0)+1,1))-1)+IF('Standard Profiles'!$G$20=$B$10,7,0)+IF('Standard Profiles'!$G$20=$B$17,14,0)+IF('Standard Profiles'!$G$20=$B$24,21,0),0)),0)</f>
        <v>0</v>
      </c>
      <c r="G5186" cm="1">
        <f t="array" ref="G5186">IFERROR(INDEX(Jesper!AK$2:AK$366,ROUNDDOWN($C5186/24,0)+1,1)*INDEX($D$3:$AA$30,INDEX(Jesper!$R$2:$R$366,ROW(INDEX(Jesper!AK$2:AK$366,ROUNDDOWN($C5186/24,0)+1,1))-1)+IF('Standard Profiles'!$G$21=$B$10,7,0)+IF('Standard Profiles'!$G$21=$B$17,14,0)+IF('Standard Profiles'!$G$21=$B$24,21,0),MOD($C5186,24)+1)/SUM(INDEX($D$3:$AA$30,INDEX(Jesper!$R$2:$R$366,ROW(INDEX(Jesper!AK$2:AK$366,ROUNDDOWN($C5186/24,0)+1,1))-1)+IF('Standard Profiles'!$G$21=$B$10,7,0)+IF('Standard Profiles'!$G$21=$B$17,14,0)+IF('Standard Profiles'!$G$21=$B$24,21,0),0)),0)</f>
        <v>0</v>
      </c>
      <c r="H5186" cm="1">
        <f t="array" ref="H5186">IFERROR(INDEX(Jesper!AL$2:AL$366,ROUNDDOWN($C5186/24,0)+1,1)*INDEX($D$3:$AA$30,INDEX(Jesper!$R$2:$R$366,ROW(INDEX(Jesper!AL$2:AL$366,ROUNDDOWN($C5186/24,0)+1,1))-1)+IF('Standard Profiles'!$G$22=$B$10,7,0)+IF('Standard Profiles'!$G$22=$B$17,14,0)+IF('Standard Profiles'!$G$22=$B$24,21,0),MOD($C5186,24)+1)/SUM(INDEX($D$3:$AA$30,INDEX(Jesper!$R$2:$R$366,ROW(INDEX(Jesper!AL$2:AL$366,ROUNDDOWN($C5186/24,0)+1,1))-1)+IF('Standard Profiles'!$G$22=$B$10,7,0)+IF('Standard Profiles'!$G$22=$B$17,14,0)+IF('Standard Profiles'!$G$22=$B$24,21,0),0)),0)</f>
        <v>0</v>
      </c>
      <c r="I5186">
        <f t="shared" si="580"/>
        <v>0.35367525808164968</v>
      </c>
      <c r="J5186">
        <f t="shared" si="581"/>
        <v>1.1789175269388323</v>
      </c>
      <c r="K5186">
        <f t="shared" si="582"/>
        <v>1.7683762904082485</v>
      </c>
      <c r="L5186">
        <f t="shared" si="583"/>
        <v>8.4882061939595932</v>
      </c>
      <c r="M5186">
        <f t="shared" si="584"/>
        <v>0</v>
      </c>
      <c r="N5186" s="46">
        <f t="shared" si="585"/>
        <v>45506.666666654171</v>
      </c>
    </row>
    <row r="5187" spans="2:14" x14ac:dyDescent="0.3">
      <c r="B5187">
        <f t="shared" si="579"/>
        <v>5</v>
      </c>
      <c r="C5187" s="16">
        <v>5153</v>
      </c>
      <c r="D5187" cm="1">
        <f t="array" ref="D5187">IFERROR(INDEX(Jesper!AH$2:AH$366,ROUNDDOWN($C5187/24,0)+1,1)*INDEX($D$3:$AA$30,INDEX(Jesper!$R$2:$R$366,ROW(INDEX(Jesper!AH$2:AH$366,ROUNDDOWN($C5187/24,0)+1,1))-1)+IF('Standard Profiles'!$G$18=$B$10,7,0)+IF('Standard Profiles'!$G$18=$B$17,14,0)+IF('Standard Profiles'!$G$18=$B$24,21,0),MOD($C5187,24)+1)/SUM(INDEX($D$3:$AA$30,INDEX(Jesper!$R$2:$R$366,ROW(INDEX(Jesper!AH$2:AH$366,ROUNDDOWN($C5187/24,0)+1,1))-1)+IF('Standard Profiles'!$G$18=$B$10,7,0)+IF('Standard Profiles'!$G$18=$B$17,14,0)+IF('Standard Profiles'!$G$18=$B$24,21,0),0)),0)</f>
        <v>11.789175269388323</v>
      </c>
      <c r="E5187" cm="1">
        <f t="array" ref="E5187">IFERROR(INDEX(Jesper!AI$2:AI$366,ROUNDDOWN($C5187/24,0)+1,1)*INDEX($D$3:$AA$30,INDEX(Jesper!$R$2:$R$366,ROW(INDEX(Jesper!AI$2:AI$366,ROUNDDOWN($C5187/24,0)+1,1))-1)+IF('Standard Profiles'!$G$19=$B$10,7,0)+IF('Standard Profiles'!$G$19=$B$17,14,0)+IF('Standard Profiles'!$G$19=$B$24,21,0),MOD($C5187,24)+1)/SUM(INDEX($D$3:$AA$30,INDEX(Jesper!$R$2:$R$366,ROW(INDEX(Jesper!AI$2:AI$366,ROUNDDOWN($C5187/24,0)+1,1))-1)+IF('Standard Profiles'!$G$19=$B$10,7,0)+IF('Standard Profiles'!$G$19=$B$17,14,0)+IF('Standard Profiles'!$G$19=$B$24,21,0),0)),0)</f>
        <v>0</v>
      </c>
      <c r="F5187" cm="1">
        <f t="array" ref="F5187">IFERROR(INDEX(Jesper!AJ$2:AJ$366,ROUNDDOWN($C5187/24,0)+1,1)*INDEX($D$3:$AA$30,INDEX(Jesper!$R$2:$R$366,ROW(INDEX(Jesper!AJ$2:AJ$366,ROUNDDOWN($C5187/24,0)+1,1))-1)+IF('Standard Profiles'!$G$20=$B$10,7,0)+IF('Standard Profiles'!$G$20=$B$17,14,0)+IF('Standard Profiles'!$G$20=$B$24,21,0),MOD($C5187,24)+1)/SUM(INDEX($D$3:$AA$30,INDEX(Jesper!$R$2:$R$366,ROW(INDEX(Jesper!AJ$2:AJ$366,ROUNDDOWN($C5187/24,0)+1,1))-1)+IF('Standard Profiles'!$G$20=$B$10,7,0)+IF('Standard Profiles'!$G$20=$B$17,14,0)+IF('Standard Profiles'!$G$20=$B$24,21,0),0)),0)</f>
        <v>0</v>
      </c>
      <c r="G5187" cm="1">
        <f t="array" ref="G5187">IFERROR(INDEX(Jesper!AK$2:AK$366,ROUNDDOWN($C5187/24,0)+1,1)*INDEX($D$3:$AA$30,INDEX(Jesper!$R$2:$R$366,ROW(INDEX(Jesper!AK$2:AK$366,ROUNDDOWN($C5187/24,0)+1,1))-1)+IF('Standard Profiles'!$G$21=$B$10,7,0)+IF('Standard Profiles'!$G$21=$B$17,14,0)+IF('Standard Profiles'!$G$21=$B$24,21,0),MOD($C5187,24)+1)/SUM(INDEX($D$3:$AA$30,INDEX(Jesper!$R$2:$R$366,ROW(INDEX(Jesper!AK$2:AK$366,ROUNDDOWN($C5187/24,0)+1,1))-1)+IF('Standard Profiles'!$G$21=$B$10,7,0)+IF('Standard Profiles'!$G$21=$B$17,14,0)+IF('Standard Profiles'!$G$21=$B$24,21,0),0)),0)</f>
        <v>0</v>
      </c>
      <c r="H5187" cm="1">
        <f t="array" ref="H5187">IFERROR(INDEX(Jesper!AL$2:AL$366,ROUNDDOWN($C5187/24,0)+1,1)*INDEX($D$3:$AA$30,INDEX(Jesper!$R$2:$R$366,ROW(INDEX(Jesper!AL$2:AL$366,ROUNDDOWN($C5187/24,0)+1,1))-1)+IF('Standard Profiles'!$G$22=$B$10,7,0)+IF('Standard Profiles'!$G$22=$B$17,14,0)+IF('Standard Profiles'!$G$22=$B$24,21,0),MOD($C5187,24)+1)/SUM(INDEX($D$3:$AA$30,INDEX(Jesper!$R$2:$R$366,ROW(INDEX(Jesper!AL$2:AL$366,ROUNDDOWN($C5187/24,0)+1,1))-1)+IF('Standard Profiles'!$G$22=$B$10,7,0)+IF('Standard Profiles'!$G$22=$B$17,14,0)+IF('Standard Profiles'!$G$22=$B$24,21,0),0)),0)</f>
        <v>0</v>
      </c>
      <c r="I5187">
        <f t="shared" si="580"/>
        <v>0.35367525808164968</v>
      </c>
      <c r="J5187">
        <f t="shared" si="581"/>
        <v>1.1789175269388323</v>
      </c>
      <c r="K5187">
        <f t="shared" si="582"/>
        <v>1.7683762904082485</v>
      </c>
      <c r="L5187">
        <f t="shared" si="583"/>
        <v>8.4882061939595932</v>
      </c>
      <c r="M5187">
        <f t="shared" si="584"/>
        <v>0</v>
      </c>
      <c r="N5187" s="46">
        <f t="shared" si="585"/>
        <v>45506.708333320836</v>
      </c>
    </row>
    <row r="5188" spans="2:14" x14ac:dyDescent="0.3">
      <c r="B5188">
        <f t="shared" si="579"/>
        <v>5</v>
      </c>
      <c r="C5188" s="16">
        <v>5154</v>
      </c>
      <c r="D5188" cm="1">
        <f t="array" ref="D5188">IFERROR(INDEX(Jesper!AH$2:AH$366,ROUNDDOWN($C5188/24,0)+1,1)*INDEX($D$3:$AA$30,INDEX(Jesper!$R$2:$R$366,ROW(INDEX(Jesper!AH$2:AH$366,ROUNDDOWN($C5188/24,0)+1,1))-1)+IF('Standard Profiles'!$G$18=$B$10,7,0)+IF('Standard Profiles'!$G$18=$B$17,14,0)+IF('Standard Profiles'!$G$18=$B$24,21,0),MOD($C5188,24)+1)/SUM(INDEX($D$3:$AA$30,INDEX(Jesper!$R$2:$R$366,ROW(INDEX(Jesper!AH$2:AH$366,ROUNDDOWN($C5188/24,0)+1,1))-1)+IF('Standard Profiles'!$G$18=$B$10,7,0)+IF('Standard Profiles'!$G$18=$B$17,14,0)+IF('Standard Profiles'!$G$18=$B$24,21,0),0)),0)</f>
        <v>11.789175269388323</v>
      </c>
      <c r="E5188" cm="1">
        <f t="array" ref="E5188">IFERROR(INDEX(Jesper!AI$2:AI$366,ROUNDDOWN($C5188/24,0)+1,1)*INDEX($D$3:$AA$30,INDEX(Jesper!$R$2:$R$366,ROW(INDEX(Jesper!AI$2:AI$366,ROUNDDOWN($C5188/24,0)+1,1))-1)+IF('Standard Profiles'!$G$19=$B$10,7,0)+IF('Standard Profiles'!$G$19=$B$17,14,0)+IF('Standard Profiles'!$G$19=$B$24,21,0),MOD($C5188,24)+1)/SUM(INDEX($D$3:$AA$30,INDEX(Jesper!$R$2:$R$366,ROW(INDEX(Jesper!AI$2:AI$366,ROUNDDOWN($C5188/24,0)+1,1))-1)+IF('Standard Profiles'!$G$19=$B$10,7,0)+IF('Standard Profiles'!$G$19=$B$17,14,0)+IF('Standard Profiles'!$G$19=$B$24,21,0),0)),0)</f>
        <v>0</v>
      </c>
      <c r="F5188" cm="1">
        <f t="array" ref="F5188">IFERROR(INDEX(Jesper!AJ$2:AJ$366,ROUNDDOWN($C5188/24,0)+1,1)*INDEX($D$3:$AA$30,INDEX(Jesper!$R$2:$R$366,ROW(INDEX(Jesper!AJ$2:AJ$366,ROUNDDOWN($C5188/24,0)+1,1))-1)+IF('Standard Profiles'!$G$20=$B$10,7,0)+IF('Standard Profiles'!$G$20=$B$17,14,0)+IF('Standard Profiles'!$G$20=$B$24,21,0),MOD($C5188,24)+1)/SUM(INDEX($D$3:$AA$30,INDEX(Jesper!$R$2:$R$366,ROW(INDEX(Jesper!AJ$2:AJ$366,ROUNDDOWN($C5188/24,0)+1,1))-1)+IF('Standard Profiles'!$G$20=$B$10,7,0)+IF('Standard Profiles'!$G$20=$B$17,14,0)+IF('Standard Profiles'!$G$20=$B$24,21,0),0)),0)</f>
        <v>0</v>
      </c>
      <c r="G5188" cm="1">
        <f t="array" ref="G5188">IFERROR(INDEX(Jesper!AK$2:AK$366,ROUNDDOWN($C5188/24,0)+1,1)*INDEX($D$3:$AA$30,INDEX(Jesper!$R$2:$R$366,ROW(INDEX(Jesper!AK$2:AK$366,ROUNDDOWN($C5188/24,0)+1,1))-1)+IF('Standard Profiles'!$G$21=$B$10,7,0)+IF('Standard Profiles'!$G$21=$B$17,14,0)+IF('Standard Profiles'!$G$21=$B$24,21,0),MOD($C5188,24)+1)/SUM(INDEX($D$3:$AA$30,INDEX(Jesper!$R$2:$R$366,ROW(INDEX(Jesper!AK$2:AK$366,ROUNDDOWN($C5188/24,0)+1,1))-1)+IF('Standard Profiles'!$G$21=$B$10,7,0)+IF('Standard Profiles'!$G$21=$B$17,14,0)+IF('Standard Profiles'!$G$21=$B$24,21,0),0)),0)</f>
        <v>0</v>
      </c>
      <c r="H5188" cm="1">
        <f t="array" ref="H5188">IFERROR(INDEX(Jesper!AL$2:AL$366,ROUNDDOWN($C5188/24,0)+1,1)*INDEX($D$3:$AA$30,INDEX(Jesper!$R$2:$R$366,ROW(INDEX(Jesper!AL$2:AL$366,ROUNDDOWN($C5188/24,0)+1,1))-1)+IF('Standard Profiles'!$G$22=$B$10,7,0)+IF('Standard Profiles'!$G$22=$B$17,14,0)+IF('Standard Profiles'!$G$22=$B$24,21,0),MOD($C5188,24)+1)/SUM(INDEX($D$3:$AA$30,INDEX(Jesper!$R$2:$R$366,ROW(INDEX(Jesper!AL$2:AL$366,ROUNDDOWN($C5188/24,0)+1,1))-1)+IF('Standard Profiles'!$G$22=$B$10,7,0)+IF('Standard Profiles'!$G$22=$B$17,14,0)+IF('Standard Profiles'!$G$22=$B$24,21,0),0)),0)</f>
        <v>0</v>
      </c>
      <c r="I5188">
        <f t="shared" si="580"/>
        <v>0.35367525808164968</v>
      </c>
      <c r="J5188">
        <f t="shared" si="581"/>
        <v>1.1789175269388323</v>
      </c>
      <c r="K5188">
        <f t="shared" si="582"/>
        <v>1.7683762904082485</v>
      </c>
      <c r="L5188">
        <f t="shared" si="583"/>
        <v>8.4882061939595932</v>
      </c>
      <c r="M5188">
        <f t="shared" si="584"/>
        <v>0</v>
      </c>
      <c r="N5188" s="46">
        <f t="shared" si="585"/>
        <v>45506.7499999875</v>
      </c>
    </row>
    <row r="5189" spans="2:14" x14ac:dyDescent="0.3">
      <c r="B5189">
        <f t="shared" si="579"/>
        <v>5</v>
      </c>
      <c r="C5189" s="16">
        <v>5155</v>
      </c>
      <c r="D5189" cm="1">
        <f t="array" ref="D5189">IFERROR(INDEX(Jesper!AH$2:AH$366,ROUNDDOWN($C5189/24,0)+1,1)*INDEX($D$3:$AA$30,INDEX(Jesper!$R$2:$R$366,ROW(INDEX(Jesper!AH$2:AH$366,ROUNDDOWN($C5189/24,0)+1,1))-1)+IF('Standard Profiles'!$G$18=$B$10,7,0)+IF('Standard Profiles'!$G$18=$B$17,14,0)+IF('Standard Profiles'!$G$18=$B$24,21,0),MOD($C5189,24)+1)/SUM(INDEX($D$3:$AA$30,INDEX(Jesper!$R$2:$R$366,ROW(INDEX(Jesper!AH$2:AH$366,ROUNDDOWN($C5189/24,0)+1,1))-1)+IF('Standard Profiles'!$G$18=$B$10,7,0)+IF('Standard Profiles'!$G$18=$B$17,14,0)+IF('Standard Profiles'!$G$18=$B$24,21,0),0)),0)</f>
        <v>11.789175269388323</v>
      </c>
      <c r="E5189" cm="1">
        <f t="array" ref="E5189">IFERROR(INDEX(Jesper!AI$2:AI$366,ROUNDDOWN($C5189/24,0)+1,1)*INDEX($D$3:$AA$30,INDEX(Jesper!$R$2:$R$366,ROW(INDEX(Jesper!AI$2:AI$366,ROUNDDOWN($C5189/24,0)+1,1))-1)+IF('Standard Profiles'!$G$19=$B$10,7,0)+IF('Standard Profiles'!$G$19=$B$17,14,0)+IF('Standard Profiles'!$G$19=$B$24,21,0),MOD($C5189,24)+1)/SUM(INDEX($D$3:$AA$30,INDEX(Jesper!$R$2:$R$366,ROW(INDEX(Jesper!AI$2:AI$366,ROUNDDOWN($C5189/24,0)+1,1))-1)+IF('Standard Profiles'!$G$19=$B$10,7,0)+IF('Standard Profiles'!$G$19=$B$17,14,0)+IF('Standard Profiles'!$G$19=$B$24,21,0),0)),0)</f>
        <v>0</v>
      </c>
      <c r="F5189" cm="1">
        <f t="array" ref="F5189">IFERROR(INDEX(Jesper!AJ$2:AJ$366,ROUNDDOWN($C5189/24,0)+1,1)*INDEX($D$3:$AA$30,INDEX(Jesper!$R$2:$R$366,ROW(INDEX(Jesper!AJ$2:AJ$366,ROUNDDOWN($C5189/24,0)+1,1))-1)+IF('Standard Profiles'!$G$20=$B$10,7,0)+IF('Standard Profiles'!$G$20=$B$17,14,0)+IF('Standard Profiles'!$G$20=$B$24,21,0),MOD($C5189,24)+1)/SUM(INDEX($D$3:$AA$30,INDEX(Jesper!$R$2:$R$366,ROW(INDEX(Jesper!AJ$2:AJ$366,ROUNDDOWN($C5189/24,0)+1,1))-1)+IF('Standard Profiles'!$G$20=$B$10,7,0)+IF('Standard Profiles'!$G$20=$B$17,14,0)+IF('Standard Profiles'!$G$20=$B$24,21,0),0)),0)</f>
        <v>0</v>
      </c>
      <c r="G5189" cm="1">
        <f t="array" ref="G5189">IFERROR(INDEX(Jesper!AK$2:AK$366,ROUNDDOWN($C5189/24,0)+1,1)*INDEX($D$3:$AA$30,INDEX(Jesper!$R$2:$R$366,ROW(INDEX(Jesper!AK$2:AK$366,ROUNDDOWN($C5189/24,0)+1,1))-1)+IF('Standard Profiles'!$G$21=$B$10,7,0)+IF('Standard Profiles'!$G$21=$B$17,14,0)+IF('Standard Profiles'!$G$21=$B$24,21,0),MOD($C5189,24)+1)/SUM(INDEX($D$3:$AA$30,INDEX(Jesper!$R$2:$R$366,ROW(INDEX(Jesper!AK$2:AK$366,ROUNDDOWN($C5189/24,0)+1,1))-1)+IF('Standard Profiles'!$G$21=$B$10,7,0)+IF('Standard Profiles'!$G$21=$B$17,14,0)+IF('Standard Profiles'!$G$21=$B$24,21,0),0)),0)</f>
        <v>0</v>
      </c>
      <c r="H5189" cm="1">
        <f t="array" ref="H5189">IFERROR(INDEX(Jesper!AL$2:AL$366,ROUNDDOWN($C5189/24,0)+1,1)*INDEX($D$3:$AA$30,INDEX(Jesper!$R$2:$R$366,ROW(INDEX(Jesper!AL$2:AL$366,ROUNDDOWN($C5189/24,0)+1,1))-1)+IF('Standard Profiles'!$G$22=$B$10,7,0)+IF('Standard Profiles'!$G$22=$B$17,14,0)+IF('Standard Profiles'!$G$22=$B$24,21,0),MOD($C5189,24)+1)/SUM(INDEX($D$3:$AA$30,INDEX(Jesper!$R$2:$R$366,ROW(INDEX(Jesper!AL$2:AL$366,ROUNDDOWN($C5189/24,0)+1,1))-1)+IF('Standard Profiles'!$G$22=$B$10,7,0)+IF('Standard Profiles'!$G$22=$B$17,14,0)+IF('Standard Profiles'!$G$22=$B$24,21,0),0)),0)</f>
        <v>0</v>
      </c>
      <c r="I5189">
        <f t="shared" si="580"/>
        <v>0.35367525808164968</v>
      </c>
      <c r="J5189">
        <f t="shared" si="581"/>
        <v>1.1789175269388323</v>
      </c>
      <c r="K5189">
        <f t="shared" si="582"/>
        <v>1.7683762904082485</v>
      </c>
      <c r="L5189">
        <f t="shared" si="583"/>
        <v>8.4882061939595932</v>
      </c>
      <c r="M5189">
        <f t="shared" si="584"/>
        <v>0</v>
      </c>
      <c r="N5189" s="46">
        <f t="shared" si="585"/>
        <v>45506.791666654164</v>
      </c>
    </row>
    <row r="5190" spans="2:14" x14ac:dyDescent="0.3">
      <c r="B5190">
        <f t="shared" si="579"/>
        <v>5</v>
      </c>
      <c r="C5190" s="16">
        <v>5156</v>
      </c>
      <c r="D5190" cm="1">
        <f t="array" ref="D5190">IFERROR(INDEX(Jesper!AH$2:AH$366,ROUNDDOWN($C5190/24,0)+1,1)*INDEX($D$3:$AA$30,INDEX(Jesper!$R$2:$R$366,ROW(INDEX(Jesper!AH$2:AH$366,ROUNDDOWN($C5190/24,0)+1,1))-1)+IF('Standard Profiles'!$G$18=$B$10,7,0)+IF('Standard Profiles'!$G$18=$B$17,14,0)+IF('Standard Profiles'!$G$18=$B$24,21,0),MOD($C5190,24)+1)/SUM(INDEX($D$3:$AA$30,INDEX(Jesper!$R$2:$R$366,ROW(INDEX(Jesper!AH$2:AH$366,ROUNDDOWN($C5190/24,0)+1,1))-1)+IF('Standard Profiles'!$G$18=$B$10,7,0)+IF('Standard Profiles'!$G$18=$B$17,14,0)+IF('Standard Profiles'!$G$18=$B$24,21,0),0)),0)</f>
        <v>9.132459715723348</v>
      </c>
      <c r="E5190" cm="1">
        <f t="array" ref="E5190">IFERROR(INDEX(Jesper!AI$2:AI$366,ROUNDDOWN($C5190/24,0)+1,1)*INDEX($D$3:$AA$30,INDEX(Jesper!$R$2:$R$366,ROW(INDEX(Jesper!AI$2:AI$366,ROUNDDOWN($C5190/24,0)+1,1))-1)+IF('Standard Profiles'!$G$19=$B$10,7,0)+IF('Standard Profiles'!$G$19=$B$17,14,0)+IF('Standard Profiles'!$G$19=$B$24,21,0),MOD($C5190,24)+1)/SUM(INDEX($D$3:$AA$30,INDEX(Jesper!$R$2:$R$366,ROW(INDEX(Jesper!AI$2:AI$366,ROUNDDOWN($C5190/24,0)+1,1))-1)+IF('Standard Profiles'!$G$19=$B$10,7,0)+IF('Standard Profiles'!$G$19=$B$17,14,0)+IF('Standard Profiles'!$G$19=$B$24,21,0),0)),0)</f>
        <v>0</v>
      </c>
      <c r="F5190" cm="1">
        <f t="array" ref="F5190">IFERROR(INDEX(Jesper!AJ$2:AJ$366,ROUNDDOWN($C5190/24,0)+1,1)*INDEX($D$3:$AA$30,INDEX(Jesper!$R$2:$R$366,ROW(INDEX(Jesper!AJ$2:AJ$366,ROUNDDOWN($C5190/24,0)+1,1))-1)+IF('Standard Profiles'!$G$20=$B$10,7,0)+IF('Standard Profiles'!$G$20=$B$17,14,0)+IF('Standard Profiles'!$G$20=$B$24,21,0),MOD($C5190,24)+1)/SUM(INDEX($D$3:$AA$30,INDEX(Jesper!$R$2:$R$366,ROW(INDEX(Jesper!AJ$2:AJ$366,ROUNDDOWN($C5190/24,0)+1,1))-1)+IF('Standard Profiles'!$G$20=$B$10,7,0)+IF('Standard Profiles'!$G$20=$B$17,14,0)+IF('Standard Profiles'!$G$20=$B$24,21,0),0)),0)</f>
        <v>0</v>
      </c>
      <c r="G5190" cm="1">
        <f t="array" ref="G5190">IFERROR(INDEX(Jesper!AK$2:AK$366,ROUNDDOWN($C5190/24,0)+1,1)*INDEX($D$3:$AA$30,INDEX(Jesper!$R$2:$R$366,ROW(INDEX(Jesper!AK$2:AK$366,ROUNDDOWN($C5190/24,0)+1,1))-1)+IF('Standard Profiles'!$G$21=$B$10,7,0)+IF('Standard Profiles'!$G$21=$B$17,14,0)+IF('Standard Profiles'!$G$21=$B$24,21,0),MOD($C5190,24)+1)/SUM(INDEX($D$3:$AA$30,INDEX(Jesper!$R$2:$R$366,ROW(INDEX(Jesper!AK$2:AK$366,ROUNDDOWN($C5190/24,0)+1,1))-1)+IF('Standard Profiles'!$G$21=$B$10,7,0)+IF('Standard Profiles'!$G$21=$B$17,14,0)+IF('Standard Profiles'!$G$21=$B$24,21,0),0)),0)</f>
        <v>0</v>
      </c>
      <c r="H5190" cm="1">
        <f t="array" ref="H5190">IFERROR(INDEX(Jesper!AL$2:AL$366,ROUNDDOWN($C5190/24,0)+1,1)*INDEX($D$3:$AA$30,INDEX(Jesper!$R$2:$R$366,ROW(INDEX(Jesper!AL$2:AL$366,ROUNDDOWN($C5190/24,0)+1,1))-1)+IF('Standard Profiles'!$G$22=$B$10,7,0)+IF('Standard Profiles'!$G$22=$B$17,14,0)+IF('Standard Profiles'!$G$22=$B$24,21,0),MOD($C5190,24)+1)/SUM(INDEX($D$3:$AA$30,INDEX(Jesper!$R$2:$R$366,ROW(INDEX(Jesper!AL$2:AL$366,ROUNDDOWN($C5190/24,0)+1,1))-1)+IF('Standard Profiles'!$G$22=$B$10,7,0)+IF('Standard Profiles'!$G$22=$B$17,14,0)+IF('Standard Profiles'!$G$22=$B$24,21,0),0)),0)</f>
        <v>0</v>
      </c>
      <c r="I5190">
        <f t="shared" si="580"/>
        <v>0.27397379147170042</v>
      </c>
      <c r="J5190">
        <f t="shared" si="581"/>
        <v>0.91324597157233489</v>
      </c>
      <c r="K5190">
        <f t="shared" si="582"/>
        <v>1.3698689573585021</v>
      </c>
      <c r="L5190">
        <f t="shared" si="583"/>
        <v>6.5753709953208102</v>
      </c>
      <c r="M5190">
        <f t="shared" si="584"/>
        <v>0</v>
      </c>
      <c r="N5190" s="46">
        <f t="shared" si="585"/>
        <v>45506.833333320828</v>
      </c>
    </row>
    <row r="5191" spans="2:14" x14ac:dyDescent="0.3">
      <c r="B5191">
        <f t="shared" si="579"/>
        <v>5</v>
      </c>
      <c r="C5191" s="16">
        <v>5157</v>
      </c>
      <c r="D5191" cm="1">
        <f t="array" ref="D5191">IFERROR(INDEX(Jesper!AH$2:AH$366,ROUNDDOWN($C5191/24,0)+1,1)*INDEX($D$3:$AA$30,INDEX(Jesper!$R$2:$R$366,ROW(INDEX(Jesper!AH$2:AH$366,ROUNDDOWN($C5191/24,0)+1,1))-1)+IF('Standard Profiles'!$G$18=$B$10,7,0)+IF('Standard Profiles'!$G$18=$B$17,14,0)+IF('Standard Profiles'!$G$18=$B$24,21,0),MOD($C5191,24)+1)/SUM(INDEX($D$3:$AA$30,INDEX(Jesper!$R$2:$R$366,ROW(INDEX(Jesper!AH$2:AH$366,ROUNDDOWN($C5191/24,0)+1,1))-1)+IF('Standard Profiles'!$G$18=$B$10,7,0)+IF('Standard Profiles'!$G$18=$B$17,14,0)+IF('Standard Profiles'!$G$18=$B$24,21,0),0)),0)</f>
        <v>3.4869391641852787</v>
      </c>
      <c r="E5191" cm="1">
        <f t="array" ref="E5191">IFERROR(INDEX(Jesper!AI$2:AI$366,ROUNDDOWN($C5191/24,0)+1,1)*INDEX($D$3:$AA$30,INDEX(Jesper!$R$2:$R$366,ROW(INDEX(Jesper!AI$2:AI$366,ROUNDDOWN($C5191/24,0)+1,1))-1)+IF('Standard Profiles'!$G$19=$B$10,7,0)+IF('Standard Profiles'!$G$19=$B$17,14,0)+IF('Standard Profiles'!$G$19=$B$24,21,0),MOD($C5191,24)+1)/SUM(INDEX($D$3:$AA$30,INDEX(Jesper!$R$2:$R$366,ROW(INDEX(Jesper!AI$2:AI$366,ROUNDDOWN($C5191/24,0)+1,1))-1)+IF('Standard Profiles'!$G$19=$B$10,7,0)+IF('Standard Profiles'!$G$19=$B$17,14,0)+IF('Standard Profiles'!$G$19=$B$24,21,0),0)),0)</f>
        <v>0</v>
      </c>
      <c r="F5191" cm="1">
        <f t="array" ref="F5191">IFERROR(INDEX(Jesper!AJ$2:AJ$366,ROUNDDOWN($C5191/24,0)+1,1)*INDEX($D$3:$AA$30,INDEX(Jesper!$R$2:$R$366,ROW(INDEX(Jesper!AJ$2:AJ$366,ROUNDDOWN($C5191/24,0)+1,1))-1)+IF('Standard Profiles'!$G$20=$B$10,7,0)+IF('Standard Profiles'!$G$20=$B$17,14,0)+IF('Standard Profiles'!$G$20=$B$24,21,0),MOD($C5191,24)+1)/SUM(INDEX($D$3:$AA$30,INDEX(Jesper!$R$2:$R$366,ROW(INDEX(Jesper!AJ$2:AJ$366,ROUNDDOWN($C5191/24,0)+1,1))-1)+IF('Standard Profiles'!$G$20=$B$10,7,0)+IF('Standard Profiles'!$G$20=$B$17,14,0)+IF('Standard Profiles'!$G$20=$B$24,21,0),0)),0)</f>
        <v>0</v>
      </c>
      <c r="G5191" cm="1">
        <f t="array" ref="G5191">IFERROR(INDEX(Jesper!AK$2:AK$366,ROUNDDOWN($C5191/24,0)+1,1)*INDEX($D$3:$AA$30,INDEX(Jesper!$R$2:$R$366,ROW(INDEX(Jesper!AK$2:AK$366,ROUNDDOWN($C5191/24,0)+1,1))-1)+IF('Standard Profiles'!$G$21=$B$10,7,0)+IF('Standard Profiles'!$G$21=$B$17,14,0)+IF('Standard Profiles'!$G$21=$B$24,21,0),MOD($C5191,24)+1)/SUM(INDEX($D$3:$AA$30,INDEX(Jesper!$R$2:$R$366,ROW(INDEX(Jesper!AK$2:AK$366,ROUNDDOWN($C5191/24,0)+1,1))-1)+IF('Standard Profiles'!$G$21=$B$10,7,0)+IF('Standard Profiles'!$G$21=$B$17,14,0)+IF('Standard Profiles'!$G$21=$B$24,21,0),0)),0)</f>
        <v>0</v>
      </c>
      <c r="H5191" cm="1">
        <f t="array" ref="H5191">IFERROR(INDEX(Jesper!AL$2:AL$366,ROUNDDOWN($C5191/24,0)+1,1)*INDEX($D$3:$AA$30,INDEX(Jesper!$R$2:$R$366,ROW(INDEX(Jesper!AL$2:AL$366,ROUNDDOWN($C5191/24,0)+1,1))-1)+IF('Standard Profiles'!$G$22=$B$10,7,0)+IF('Standard Profiles'!$G$22=$B$17,14,0)+IF('Standard Profiles'!$G$22=$B$24,21,0),MOD($C5191,24)+1)/SUM(INDEX($D$3:$AA$30,INDEX(Jesper!$R$2:$R$366,ROW(INDEX(Jesper!AL$2:AL$366,ROUNDDOWN($C5191/24,0)+1,1))-1)+IF('Standard Profiles'!$G$22=$B$10,7,0)+IF('Standard Profiles'!$G$22=$B$17,14,0)+IF('Standard Profiles'!$G$22=$B$24,21,0),0)),0)</f>
        <v>0</v>
      </c>
      <c r="I5191">
        <f t="shared" si="580"/>
        <v>0.10460817492555836</v>
      </c>
      <c r="J5191">
        <f t="shared" si="581"/>
        <v>0.34869391641852787</v>
      </c>
      <c r="K5191">
        <f t="shared" si="582"/>
        <v>0.52304087462779181</v>
      </c>
      <c r="L5191">
        <f t="shared" si="583"/>
        <v>2.5105961982134004</v>
      </c>
      <c r="M5191">
        <f t="shared" si="584"/>
        <v>0</v>
      </c>
      <c r="N5191" s="46">
        <f t="shared" si="585"/>
        <v>45506.874999987493</v>
      </c>
    </row>
    <row r="5192" spans="2:14" x14ac:dyDescent="0.3">
      <c r="B5192">
        <f t="shared" si="579"/>
        <v>5</v>
      </c>
      <c r="C5192" s="16">
        <v>5158</v>
      </c>
      <c r="D5192" cm="1">
        <f t="array" ref="D5192">IFERROR(INDEX(Jesper!AH$2:AH$366,ROUNDDOWN($C5192/24,0)+1,1)*INDEX($D$3:$AA$30,INDEX(Jesper!$R$2:$R$366,ROW(INDEX(Jesper!AH$2:AH$366,ROUNDDOWN($C5192/24,0)+1,1))-1)+IF('Standard Profiles'!$G$18=$B$10,7,0)+IF('Standard Profiles'!$G$18=$B$17,14,0)+IF('Standard Profiles'!$G$18=$B$24,21,0),MOD($C5192,24)+1)/SUM(INDEX($D$3:$AA$30,INDEX(Jesper!$R$2:$R$366,ROW(INDEX(Jesper!AH$2:AH$366,ROUNDDOWN($C5192/24,0)+1,1))-1)+IF('Standard Profiles'!$G$18=$B$10,7,0)+IF('Standard Profiles'!$G$18=$B$17,14,0)+IF('Standard Profiles'!$G$18=$B$24,21,0),0)),0)</f>
        <v>3.4869391641852787</v>
      </c>
      <c r="E5192" cm="1">
        <f t="array" ref="E5192">IFERROR(INDEX(Jesper!AI$2:AI$366,ROUNDDOWN($C5192/24,0)+1,1)*INDEX($D$3:$AA$30,INDEX(Jesper!$R$2:$R$366,ROW(INDEX(Jesper!AI$2:AI$366,ROUNDDOWN($C5192/24,0)+1,1))-1)+IF('Standard Profiles'!$G$19=$B$10,7,0)+IF('Standard Profiles'!$G$19=$B$17,14,0)+IF('Standard Profiles'!$G$19=$B$24,21,0),MOD($C5192,24)+1)/SUM(INDEX($D$3:$AA$30,INDEX(Jesper!$R$2:$R$366,ROW(INDEX(Jesper!AI$2:AI$366,ROUNDDOWN($C5192/24,0)+1,1))-1)+IF('Standard Profiles'!$G$19=$B$10,7,0)+IF('Standard Profiles'!$G$19=$B$17,14,0)+IF('Standard Profiles'!$G$19=$B$24,21,0),0)),0)</f>
        <v>0</v>
      </c>
      <c r="F5192" cm="1">
        <f t="array" ref="F5192">IFERROR(INDEX(Jesper!AJ$2:AJ$366,ROUNDDOWN($C5192/24,0)+1,1)*INDEX($D$3:$AA$30,INDEX(Jesper!$R$2:$R$366,ROW(INDEX(Jesper!AJ$2:AJ$366,ROUNDDOWN($C5192/24,0)+1,1))-1)+IF('Standard Profiles'!$G$20=$B$10,7,0)+IF('Standard Profiles'!$G$20=$B$17,14,0)+IF('Standard Profiles'!$G$20=$B$24,21,0),MOD($C5192,24)+1)/SUM(INDEX($D$3:$AA$30,INDEX(Jesper!$R$2:$R$366,ROW(INDEX(Jesper!AJ$2:AJ$366,ROUNDDOWN($C5192/24,0)+1,1))-1)+IF('Standard Profiles'!$G$20=$B$10,7,0)+IF('Standard Profiles'!$G$20=$B$17,14,0)+IF('Standard Profiles'!$G$20=$B$24,21,0),0)),0)</f>
        <v>0</v>
      </c>
      <c r="G5192" cm="1">
        <f t="array" ref="G5192">IFERROR(INDEX(Jesper!AK$2:AK$366,ROUNDDOWN($C5192/24,0)+1,1)*INDEX($D$3:$AA$30,INDEX(Jesper!$R$2:$R$366,ROW(INDEX(Jesper!AK$2:AK$366,ROUNDDOWN($C5192/24,0)+1,1))-1)+IF('Standard Profiles'!$G$21=$B$10,7,0)+IF('Standard Profiles'!$G$21=$B$17,14,0)+IF('Standard Profiles'!$G$21=$B$24,21,0),MOD($C5192,24)+1)/SUM(INDEX($D$3:$AA$30,INDEX(Jesper!$R$2:$R$366,ROW(INDEX(Jesper!AK$2:AK$366,ROUNDDOWN($C5192/24,0)+1,1))-1)+IF('Standard Profiles'!$G$21=$B$10,7,0)+IF('Standard Profiles'!$G$21=$B$17,14,0)+IF('Standard Profiles'!$G$21=$B$24,21,0),0)),0)</f>
        <v>0</v>
      </c>
      <c r="H5192" cm="1">
        <f t="array" ref="H5192">IFERROR(INDEX(Jesper!AL$2:AL$366,ROUNDDOWN($C5192/24,0)+1,1)*INDEX($D$3:$AA$30,INDEX(Jesper!$R$2:$R$366,ROW(INDEX(Jesper!AL$2:AL$366,ROUNDDOWN($C5192/24,0)+1,1))-1)+IF('Standard Profiles'!$G$22=$B$10,7,0)+IF('Standard Profiles'!$G$22=$B$17,14,0)+IF('Standard Profiles'!$G$22=$B$24,21,0),MOD($C5192,24)+1)/SUM(INDEX($D$3:$AA$30,INDEX(Jesper!$R$2:$R$366,ROW(INDEX(Jesper!AL$2:AL$366,ROUNDDOWN($C5192/24,0)+1,1))-1)+IF('Standard Profiles'!$G$22=$B$10,7,0)+IF('Standard Profiles'!$G$22=$B$17,14,0)+IF('Standard Profiles'!$G$22=$B$24,21,0),0)),0)</f>
        <v>0</v>
      </c>
      <c r="I5192">
        <f t="shared" si="580"/>
        <v>0.10460817492555836</v>
      </c>
      <c r="J5192">
        <f t="shared" si="581"/>
        <v>0.34869391641852787</v>
      </c>
      <c r="K5192">
        <f t="shared" si="582"/>
        <v>0.52304087462779181</v>
      </c>
      <c r="L5192">
        <f t="shared" si="583"/>
        <v>2.5105961982134004</v>
      </c>
      <c r="M5192">
        <f t="shared" si="584"/>
        <v>0</v>
      </c>
      <c r="N5192" s="46">
        <f t="shared" si="585"/>
        <v>45506.916666654157</v>
      </c>
    </row>
    <row r="5193" spans="2:14" x14ac:dyDescent="0.3">
      <c r="B5193">
        <f t="shared" si="579"/>
        <v>5</v>
      </c>
      <c r="C5193" s="16">
        <v>5159</v>
      </c>
      <c r="D5193" cm="1">
        <f t="array" ref="D5193">IFERROR(INDEX(Jesper!AH$2:AH$366,ROUNDDOWN($C5193/24,0)+1,1)*INDEX($D$3:$AA$30,INDEX(Jesper!$R$2:$R$366,ROW(INDEX(Jesper!AH$2:AH$366,ROUNDDOWN($C5193/24,0)+1,1))-1)+IF('Standard Profiles'!$G$18=$B$10,7,0)+IF('Standard Profiles'!$G$18=$B$17,14,0)+IF('Standard Profiles'!$G$18=$B$24,21,0),MOD($C5193,24)+1)/SUM(INDEX($D$3:$AA$30,INDEX(Jesper!$R$2:$R$366,ROW(INDEX(Jesper!AH$2:AH$366,ROUNDDOWN($C5193/24,0)+1,1))-1)+IF('Standard Profiles'!$G$18=$B$10,7,0)+IF('Standard Profiles'!$G$18=$B$17,14,0)+IF('Standard Profiles'!$G$18=$B$24,21,0),0)),0)</f>
        <v>3.4869391641852787</v>
      </c>
      <c r="E5193" cm="1">
        <f t="array" ref="E5193">IFERROR(INDEX(Jesper!AI$2:AI$366,ROUNDDOWN($C5193/24,0)+1,1)*INDEX($D$3:$AA$30,INDEX(Jesper!$R$2:$R$366,ROW(INDEX(Jesper!AI$2:AI$366,ROUNDDOWN($C5193/24,0)+1,1))-1)+IF('Standard Profiles'!$G$19=$B$10,7,0)+IF('Standard Profiles'!$G$19=$B$17,14,0)+IF('Standard Profiles'!$G$19=$B$24,21,0),MOD($C5193,24)+1)/SUM(INDEX($D$3:$AA$30,INDEX(Jesper!$R$2:$R$366,ROW(INDEX(Jesper!AI$2:AI$366,ROUNDDOWN($C5193/24,0)+1,1))-1)+IF('Standard Profiles'!$G$19=$B$10,7,0)+IF('Standard Profiles'!$G$19=$B$17,14,0)+IF('Standard Profiles'!$G$19=$B$24,21,0),0)),0)</f>
        <v>0</v>
      </c>
      <c r="F5193" cm="1">
        <f t="array" ref="F5193">IFERROR(INDEX(Jesper!AJ$2:AJ$366,ROUNDDOWN($C5193/24,0)+1,1)*INDEX($D$3:$AA$30,INDEX(Jesper!$R$2:$R$366,ROW(INDEX(Jesper!AJ$2:AJ$366,ROUNDDOWN($C5193/24,0)+1,1))-1)+IF('Standard Profiles'!$G$20=$B$10,7,0)+IF('Standard Profiles'!$G$20=$B$17,14,0)+IF('Standard Profiles'!$G$20=$B$24,21,0),MOD($C5193,24)+1)/SUM(INDEX($D$3:$AA$30,INDEX(Jesper!$R$2:$R$366,ROW(INDEX(Jesper!AJ$2:AJ$366,ROUNDDOWN($C5193/24,0)+1,1))-1)+IF('Standard Profiles'!$G$20=$B$10,7,0)+IF('Standard Profiles'!$G$20=$B$17,14,0)+IF('Standard Profiles'!$G$20=$B$24,21,0),0)),0)</f>
        <v>0</v>
      </c>
      <c r="G5193" cm="1">
        <f t="array" ref="G5193">IFERROR(INDEX(Jesper!AK$2:AK$366,ROUNDDOWN($C5193/24,0)+1,1)*INDEX($D$3:$AA$30,INDEX(Jesper!$R$2:$R$366,ROW(INDEX(Jesper!AK$2:AK$366,ROUNDDOWN($C5193/24,0)+1,1))-1)+IF('Standard Profiles'!$G$21=$B$10,7,0)+IF('Standard Profiles'!$G$21=$B$17,14,0)+IF('Standard Profiles'!$G$21=$B$24,21,0),MOD($C5193,24)+1)/SUM(INDEX($D$3:$AA$30,INDEX(Jesper!$R$2:$R$366,ROW(INDEX(Jesper!AK$2:AK$366,ROUNDDOWN($C5193/24,0)+1,1))-1)+IF('Standard Profiles'!$G$21=$B$10,7,0)+IF('Standard Profiles'!$G$21=$B$17,14,0)+IF('Standard Profiles'!$G$21=$B$24,21,0),0)),0)</f>
        <v>0</v>
      </c>
      <c r="H5193" cm="1">
        <f t="array" ref="H5193">IFERROR(INDEX(Jesper!AL$2:AL$366,ROUNDDOWN($C5193/24,0)+1,1)*INDEX($D$3:$AA$30,INDEX(Jesper!$R$2:$R$366,ROW(INDEX(Jesper!AL$2:AL$366,ROUNDDOWN($C5193/24,0)+1,1))-1)+IF('Standard Profiles'!$G$22=$B$10,7,0)+IF('Standard Profiles'!$G$22=$B$17,14,0)+IF('Standard Profiles'!$G$22=$B$24,21,0),MOD($C5193,24)+1)/SUM(INDEX($D$3:$AA$30,INDEX(Jesper!$R$2:$R$366,ROW(INDEX(Jesper!AL$2:AL$366,ROUNDDOWN($C5193/24,0)+1,1))-1)+IF('Standard Profiles'!$G$22=$B$10,7,0)+IF('Standard Profiles'!$G$22=$B$17,14,0)+IF('Standard Profiles'!$G$22=$B$24,21,0),0)),0)</f>
        <v>0</v>
      </c>
      <c r="I5193">
        <f t="shared" si="580"/>
        <v>0.10460817492555836</v>
      </c>
      <c r="J5193">
        <f t="shared" si="581"/>
        <v>0.34869391641852787</v>
      </c>
      <c r="K5193">
        <f t="shared" si="582"/>
        <v>0.52304087462779181</v>
      </c>
      <c r="L5193">
        <f t="shared" si="583"/>
        <v>2.5105961982134004</v>
      </c>
      <c r="M5193">
        <f t="shared" si="584"/>
        <v>0</v>
      </c>
      <c r="N5193" s="46">
        <f t="shared" si="585"/>
        <v>45506.958333320821</v>
      </c>
    </row>
    <row r="5194" spans="2:14" x14ac:dyDescent="0.3">
      <c r="B5194">
        <f t="shared" si="579"/>
        <v>6</v>
      </c>
      <c r="C5194" s="16">
        <v>5160</v>
      </c>
      <c r="D5194" cm="1">
        <f t="array" ref="D5194">IFERROR(INDEX(Jesper!AH$2:AH$366,ROUNDDOWN($C5194/24,0)+1,1)*INDEX($D$3:$AA$30,INDEX(Jesper!$R$2:$R$366,ROW(INDEX(Jesper!AH$2:AH$366,ROUNDDOWN($C5194/24,0)+1,1))-1)+IF('Standard Profiles'!$G$18=$B$10,7,0)+IF('Standard Profiles'!$G$18=$B$17,14,0)+IF('Standard Profiles'!$G$18=$B$24,21,0),MOD($C5194,24)+1)/SUM(INDEX($D$3:$AA$30,INDEX(Jesper!$R$2:$R$366,ROW(INDEX(Jesper!AH$2:AH$366,ROUNDDOWN($C5194/24,0)+1,1))-1)+IF('Standard Profiles'!$G$18=$B$10,7,0)+IF('Standard Profiles'!$G$18=$B$17,14,0)+IF('Standard Profiles'!$G$18=$B$24,21,0),0)),0)</f>
        <v>3.4498578180992729</v>
      </c>
      <c r="E5194" cm="1">
        <f t="array" ref="E5194">IFERROR(INDEX(Jesper!AI$2:AI$366,ROUNDDOWN($C5194/24,0)+1,1)*INDEX($D$3:$AA$30,INDEX(Jesper!$R$2:$R$366,ROW(INDEX(Jesper!AI$2:AI$366,ROUNDDOWN($C5194/24,0)+1,1))-1)+IF('Standard Profiles'!$G$19=$B$10,7,0)+IF('Standard Profiles'!$G$19=$B$17,14,0)+IF('Standard Profiles'!$G$19=$B$24,21,0),MOD($C5194,24)+1)/SUM(INDEX($D$3:$AA$30,INDEX(Jesper!$R$2:$R$366,ROW(INDEX(Jesper!AI$2:AI$366,ROUNDDOWN($C5194/24,0)+1,1))-1)+IF('Standard Profiles'!$G$19=$B$10,7,0)+IF('Standard Profiles'!$G$19=$B$17,14,0)+IF('Standard Profiles'!$G$19=$B$24,21,0),0)),0)</f>
        <v>0.53532119197485939</v>
      </c>
      <c r="F5194" cm="1">
        <f t="array" ref="F5194">IFERROR(INDEX(Jesper!AJ$2:AJ$366,ROUNDDOWN($C5194/24,0)+1,1)*INDEX($D$3:$AA$30,INDEX(Jesper!$R$2:$R$366,ROW(INDEX(Jesper!AJ$2:AJ$366,ROUNDDOWN($C5194/24,0)+1,1))-1)+IF('Standard Profiles'!$G$20=$B$10,7,0)+IF('Standard Profiles'!$G$20=$B$17,14,0)+IF('Standard Profiles'!$G$20=$B$24,21,0),MOD($C5194,24)+1)/SUM(INDEX($D$3:$AA$30,INDEX(Jesper!$R$2:$R$366,ROW(INDEX(Jesper!AJ$2:AJ$366,ROUNDDOWN($C5194/24,0)+1,1))-1)+IF('Standard Profiles'!$G$20=$B$10,7,0)+IF('Standard Profiles'!$G$20=$B$17,14,0)+IF('Standard Profiles'!$G$20=$B$24,21,0),0)),0)</f>
        <v>0</v>
      </c>
      <c r="G5194" cm="1">
        <f t="array" ref="G5194">IFERROR(INDEX(Jesper!AK$2:AK$366,ROUNDDOWN($C5194/24,0)+1,1)*INDEX($D$3:$AA$30,INDEX(Jesper!$R$2:$R$366,ROW(INDEX(Jesper!AK$2:AK$366,ROUNDDOWN($C5194/24,0)+1,1))-1)+IF('Standard Profiles'!$G$21=$B$10,7,0)+IF('Standard Profiles'!$G$21=$B$17,14,0)+IF('Standard Profiles'!$G$21=$B$24,21,0),MOD($C5194,24)+1)/SUM(INDEX($D$3:$AA$30,INDEX(Jesper!$R$2:$R$366,ROW(INDEX(Jesper!AK$2:AK$366,ROUNDDOWN($C5194/24,0)+1,1))-1)+IF('Standard Profiles'!$G$21=$B$10,7,0)+IF('Standard Profiles'!$G$21=$B$17,14,0)+IF('Standard Profiles'!$G$21=$B$24,21,0),0)),0)</f>
        <v>0</v>
      </c>
      <c r="H5194" cm="1">
        <f t="array" ref="H5194">IFERROR(INDEX(Jesper!AL$2:AL$366,ROUNDDOWN($C5194/24,0)+1,1)*INDEX($D$3:$AA$30,INDEX(Jesper!$R$2:$R$366,ROW(INDEX(Jesper!AL$2:AL$366,ROUNDDOWN($C5194/24,0)+1,1))-1)+IF('Standard Profiles'!$G$22=$B$10,7,0)+IF('Standard Profiles'!$G$22=$B$17,14,0)+IF('Standard Profiles'!$G$22=$B$24,21,0),MOD($C5194,24)+1)/SUM(INDEX($D$3:$AA$30,INDEX(Jesper!$R$2:$R$366,ROW(INDEX(Jesper!AL$2:AL$366,ROUNDDOWN($C5194/24,0)+1,1))-1)+IF('Standard Profiles'!$G$22=$B$10,7,0)+IF('Standard Profiles'!$G$22=$B$17,14,0)+IF('Standard Profiles'!$G$22=$B$24,21,0),0)),0)</f>
        <v>0</v>
      </c>
      <c r="I5194">
        <f t="shared" si="580"/>
        <v>4.8227134412149507E-2</v>
      </c>
      <c r="J5194">
        <f t="shared" si="581"/>
        <v>0.16075711470716506</v>
      </c>
      <c r="K5194">
        <f t="shared" si="582"/>
        <v>0.24113567206074757</v>
      </c>
      <c r="L5194">
        <f t="shared" si="583"/>
        <v>3.5350590888940703</v>
      </c>
      <c r="M5194">
        <f t="shared" si="584"/>
        <v>0</v>
      </c>
      <c r="N5194" s="46">
        <f t="shared" si="585"/>
        <v>45506.999999987485</v>
      </c>
    </row>
    <row r="5195" spans="2:14" x14ac:dyDescent="0.3">
      <c r="B5195">
        <f t="shared" si="579"/>
        <v>6</v>
      </c>
      <c r="C5195" s="16">
        <v>5161</v>
      </c>
      <c r="D5195" cm="1">
        <f t="array" ref="D5195">IFERROR(INDEX(Jesper!AH$2:AH$366,ROUNDDOWN($C5195/24,0)+1,1)*INDEX($D$3:$AA$30,INDEX(Jesper!$R$2:$R$366,ROW(INDEX(Jesper!AH$2:AH$366,ROUNDDOWN($C5195/24,0)+1,1))-1)+IF('Standard Profiles'!$G$18=$B$10,7,0)+IF('Standard Profiles'!$G$18=$B$17,14,0)+IF('Standard Profiles'!$G$18=$B$24,21,0),MOD($C5195,24)+1)/SUM(INDEX($D$3:$AA$30,INDEX(Jesper!$R$2:$R$366,ROW(INDEX(Jesper!AH$2:AH$366,ROUNDDOWN($C5195/24,0)+1,1))-1)+IF('Standard Profiles'!$G$18=$B$10,7,0)+IF('Standard Profiles'!$G$18=$B$17,14,0)+IF('Standard Profiles'!$G$18=$B$24,21,0),0)),0)</f>
        <v>6.7354366924795341</v>
      </c>
      <c r="E5195" cm="1">
        <f t="array" ref="E5195">IFERROR(INDEX(Jesper!AI$2:AI$366,ROUNDDOWN($C5195/24,0)+1,1)*INDEX($D$3:$AA$30,INDEX(Jesper!$R$2:$R$366,ROW(INDEX(Jesper!AI$2:AI$366,ROUNDDOWN($C5195/24,0)+1,1))-1)+IF('Standard Profiles'!$G$19=$B$10,7,0)+IF('Standard Profiles'!$G$19=$B$17,14,0)+IF('Standard Profiles'!$G$19=$B$24,21,0),MOD($C5195,24)+1)/SUM(INDEX($D$3:$AA$30,INDEX(Jesper!$R$2:$R$366,ROW(INDEX(Jesper!AI$2:AI$366,ROUNDDOWN($C5195/24,0)+1,1))-1)+IF('Standard Profiles'!$G$19=$B$10,7,0)+IF('Standard Profiles'!$G$19=$B$17,14,0)+IF('Standard Profiles'!$G$19=$B$24,21,0),0)),0)</f>
        <v>1.0451508986175826</v>
      </c>
      <c r="F5195" cm="1">
        <f t="array" ref="F5195">IFERROR(INDEX(Jesper!AJ$2:AJ$366,ROUNDDOWN($C5195/24,0)+1,1)*INDEX($D$3:$AA$30,INDEX(Jesper!$R$2:$R$366,ROW(INDEX(Jesper!AJ$2:AJ$366,ROUNDDOWN($C5195/24,0)+1,1))-1)+IF('Standard Profiles'!$G$20=$B$10,7,0)+IF('Standard Profiles'!$G$20=$B$17,14,0)+IF('Standard Profiles'!$G$20=$B$24,21,0),MOD($C5195,24)+1)/SUM(INDEX($D$3:$AA$30,INDEX(Jesper!$R$2:$R$366,ROW(INDEX(Jesper!AJ$2:AJ$366,ROUNDDOWN($C5195/24,0)+1,1))-1)+IF('Standard Profiles'!$G$20=$B$10,7,0)+IF('Standard Profiles'!$G$20=$B$17,14,0)+IF('Standard Profiles'!$G$20=$B$24,21,0),0)),0)</f>
        <v>0</v>
      </c>
      <c r="G5195" cm="1">
        <f t="array" ref="G5195">IFERROR(INDEX(Jesper!AK$2:AK$366,ROUNDDOWN($C5195/24,0)+1,1)*INDEX($D$3:$AA$30,INDEX(Jesper!$R$2:$R$366,ROW(INDEX(Jesper!AK$2:AK$366,ROUNDDOWN($C5195/24,0)+1,1))-1)+IF('Standard Profiles'!$G$21=$B$10,7,0)+IF('Standard Profiles'!$G$21=$B$17,14,0)+IF('Standard Profiles'!$G$21=$B$24,21,0),MOD($C5195,24)+1)/SUM(INDEX($D$3:$AA$30,INDEX(Jesper!$R$2:$R$366,ROW(INDEX(Jesper!AK$2:AK$366,ROUNDDOWN($C5195/24,0)+1,1))-1)+IF('Standard Profiles'!$G$21=$B$10,7,0)+IF('Standard Profiles'!$G$21=$B$17,14,0)+IF('Standard Profiles'!$G$21=$B$24,21,0),0)),0)</f>
        <v>0</v>
      </c>
      <c r="H5195" cm="1">
        <f t="array" ref="H5195">IFERROR(INDEX(Jesper!AL$2:AL$366,ROUNDDOWN($C5195/24,0)+1,1)*INDEX($D$3:$AA$30,INDEX(Jesper!$R$2:$R$366,ROW(INDEX(Jesper!AL$2:AL$366,ROUNDDOWN($C5195/24,0)+1,1))-1)+IF('Standard Profiles'!$G$22=$B$10,7,0)+IF('Standard Profiles'!$G$22=$B$17,14,0)+IF('Standard Profiles'!$G$22=$B$24,21,0),MOD($C5195,24)+1)/SUM(INDEX($D$3:$AA$30,INDEX(Jesper!$R$2:$R$366,ROW(INDEX(Jesper!AL$2:AL$366,ROUNDDOWN($C5195/24,0)+1,1))-1)+IF('Standard Profiles'!$G$22=$B$10,7,0)+IF('Standard Profiles'!$G$22=$B$17,14,0)+IF('Standard Profiles'!$G$22=$B$24,21,0),0)),0)</f>
        <v>0</v>
      </c>
      <c r="I5195">
        <f t="shared" si="580"/>
        <v>9.4157738614196657E-2</v>
      </c>
      <c r="J5195">
        <f t="shared" si="581"/>
        <v>0.31385912871398891</v>
      </c>
      <c r="K5195">
        <f t="shared" si="582"/>
        <v>0.47078869307098331</v>
      </c>
      <c r="L5195">
        <f t="shared" si="583"/>
        <v>6.901782030697948</v>
      </c>
      <c r="M5195">
        <f t="shared" si="584"/>
        <v>0</v>
      </c>
      <c r="N5195" s="46">
        <f t="shared" si="585"/>
        <v>45507.04166665415</v>
      </c>
    </row>
    <row r="5196" spans="2:14" x14ac:dyDescent="0.3">
      <c r="B5196">
        <f t="shared" si="579"/>
        <v>6</v>
      </c>
      <c r="C5196" s="16">
        <v>5162</v>
      </c>
      <c r="D5196" cm="1">
        <f t="array" ref="D5196">IFERROR(INDEX(Jesper!AH$2:AH$366,ROUNDDOWN($C5196/24,0)+1,1)*INDEX($D$3:$AA$30,INDEX(Jesper!$R$2:$R$366,ROW(INDEX(Jesper!AH$2:AH$366,ROUNDDOWN($C5196/24,0)+1,1))-1)+IF('Standard Profiles'!$G$18=$B$10,7,0)+IF('Standard Profiles'!$G$18=$B$17,14,0)+IF('Standard Profiles'!$G$18=$B$24,21,0),MOD($C5196,24)+1)/SUM(INDEX($D$3:$AA$30,INDEX(Jesper!$R$2:$R$366,ROW(INDEX(Jesper!AH$2:AH$366,ROUNDDOWN($C5196/24,0)+1,1))-1)+IF('Standard Profiles'!$G$18=$B$10,7,0)+IF('Standard Profiles'!$G$18=$B$17,14,0)+IF('Standard Profiles'!$G$18=$B$24,21,0),0)),0)</f>
        <v>6.7354366924795341</v>
      </c>
      <c r="E5196" cm="1">
        <f t="array" ref="E5196">IFERROR(INDEX(Jesper!AI$2:AI$366,ROUNDDOWN($C5196/24,0)+1,1)*INDEX($D$3:$AA$30,INDEX(Jesper!$R$2:$R$366,ROW(INDEX(Jesper!AI$2:AI$366,ROUNDDOWN($C5196/24,0)+1,1))-1)+IF('Standard Profiles'!$G$19=$B$10,7,0)+IF('Standard Profiles'!$G$19=$B$17,14,0)+IF('Standard Profiles'!$G$19=$B$24,21,0),MOD($C5196,24)+1)/SUM(INDEX($D$3:$AA$30,INDEX(Jesper!$R$2:$R$366,ROW(INDEX(Jesper!AI$2:AI$366,ROUNDDOWN($C5196/24,0)+1,1))-1)+IF('Standard Profiles'!$G$19=$B$10,7,0)+IF('Standard Profiles'!$G$19=$B$17,14,0)+IF('Standard Profiles'!$G$19=$B$24,21,0),0)),0)</f>
        <v>1.0451508986175826</v>
      </c>
      <c r="F5196" cm="1">
        <f t="array" ref="F5196">IFERROR(INDEX(Jesper!AJ$2:AJ$366,ROUNDDOWN($C5196/24,0)+1,1)*INDEX($D$3:$AA$30,INDEX(Jesper!$R$2:$R$366,ROW(INDEX(Jesper!AJ$2:AJ$366,ROUNDDOWN($C5196/24,0)+1,1))-1)+IF('Standard Profiles'!$G$20=$B$10,7,0)+IF('Standard Profiles'!$G$20=$B$17,14,0)+IF('Standard Profiles'!$G$20=$B$24,21,0),MOD($C5196,24)+1)/SUM(INDEX($D$3:$AA$30,INDEX(Jesper!$R$2:$R$366,ROW(INDEX(Jesper!AJ$2:AJ$366,ROUNDDOWN($C5196/24,0)+1,1))-1)+IF('Standard Profiles'!$G$20=$B$10,7,0)+IF('Standard Profiles'!$G$20=$B$17,14,0)+IF('Standard Profiles'!$G$20=$B$24,21,0),0)),0)</f>
        <v>0</v>
      </c>
      <c r="G5196" cm="1">
        <f t="array" ref="G5196">IFERROR(INDEX(Jesper!AK$2:AK$366,ROUNDDOWN($C5196/24,0)+1,1)*INDEX($D$3:$AA$30,INDEX(Jesper!$R$2:$R$366,ROW(INDEX(Jesper!AK$2:AK$366,ROUNDDOWN($C5196/24,0)+1,1))-1)+IF('Standard Profiles'!$G$21=$B$10,7,0)+IF('Standard Profiles'!$G$21=$B$17,14,0)+IF('Standard Profiles'!$G$21=$B$24,21,0),MOD($C5196,24)+1)/SUM(INDEX($D$3:$AA$30,INDEX(Jesper!$R$2:$R$366,ROW(INDEX(Jesper!AK$2:AK$366,ROUNDDOWN($C5196/24,0)+1,1))-1)+IF('Standard Profiles'!$G$21=$B$10,7,0)+IF('Standard Profiles'!$G$21=$B$17,14,0)+IF('Standard Profiles'!$G$21=$B$24,21,0),0)),0)</f>
        <v>0</v>
      </c>
      <c r="H5196" cm="1">
        <f t="array" ref="H5196">IFERROR(INDEX(Jesper!AL$2:AL$366,ROUNDDOWN($C5196/24,0)+1,1)*INDEX($D$3:$AA$30,INDEX(Jesper!$R$2:$R$366,ROW(INDEX(Jesper!AL$2:AL$366,ROUNDDOWN($C5196/24,0)+1,1))-1)+IF('Standard Profiles'!$G$22=$B$10,7,0)+IF('Standard Profiles'!$G$22=$B$17,14,0)+IF('Standard Profiles'!$G$22=$B$24,21,0),MOD($C5196,24)+1)/SUM(INDEX($D$3:$AA$30,INDEX(Jesper!$R$2:$R$366,ROW(INDEX(Jesper!AL$2:AL$366,ROUNDDOWN($C5196/24,0)+1,1))-1)+IF('Standard Profiles'!$G$22=$B$10,7,0)+IF('Standard Profiles'!$G$22=$B$17,14,0)+IF('Standard Profiles'!$G$22=$B$24,21,0),0)),0)</f>
        <v>0</v>
      </c>
      <c r="I5196">
        <f t="shared" si="580"/>
        <v>9.4157738614196657E-2</v>
      </c>
      <c r="J5196">
        <f t="shared" si="581"/>
        <v>0.31385912871398891</v>
      </c>
      <c r="K5196">
        <f t="shared" si="582"/>
        <v>0.47078869307098331</v>
      </c>
      <c r="L5196">
        <f t="shared" si="583"/>
        <v>6.901782030697948</v>
      </c>
      <c r="M5196">
        <f t="shared" si="584"/>
        <v>0</v>
      </c>
      <c r="N5196" s="46">
        <f t="shared" si="585"/>
        <v>45507.083333320814</v>
      </c>
    </row>
    <row r="5197" spans="2:14" x14ac:dyDescent="0.3">
      <c r="B5197">
        <f t="shared" si="579"/>
        <v>6</v>
      </c>
      <c r="C5197" s="16">
        <v>5163</v>
      </c>
      <c r="D5197" cm="1">
        <f t="array" ref="D5197">IFERROR(INDEX(Jesper!AH$2:AH$366,ROUNDDOWN($C5197/24,0)+1,1)*INDEX($D$3:$AA$30,INDEX(Jesper!$R$2:$R$366,ROW(INDEX(Jesper!AH$2:AH$366,ROUNDDOWN($C5197/24,0)+1,1))-1)+IF('Standard Profiles'!$G$18=$B$10,7,0)+IF('Standard Profiles'!$G$18=$B$17,14,0)+IF('Standard Profiles'!$G$18=$B$24,21,0),MOD($C5197,24)+1)/SUM(INDEX($D$3:$AA$30,INDEX(Jesper!$R$2:$R$366,ROW(INDEX(Jesper!AH$2:AH$366,ROUNDDOWN($C5197/24,0)+1,1))-1)+IF('Standard Profiles'!$G$18=$B$10,7,0)+IF('Standard Profiles'!$G$18=$B$17,14,0)+IF('Standard Profiles'!$G$18=$B$24,21,0),0)),0)</f>
        <v>6.7354366924795341</v>
      </c>
      <c r="E5197" cm="1">
        <f t="array" ref="E5197">IFERROR(INDEX(Jesper!AI$2:AI$366,ROUNDDOWN($C5197/24,0)+1,1)*INDEX($D$3:$AA$30,INDEX(Jesper!$R$2:$R$366,ROW(INDEX(Jesper!AI$2:AI$366,ROUNDDOWN($C5197/24,0)+1,1))-1)+IF('Standard Profiles'!$G$19=$B$10,7,0)+IF('Standard Profiles'!$G$19=$B$17,14,0)+IF('Standard Profiles'!$G$19=$B$24,21,0),MOD($C5197,24)+1)/SUM(INDEX($D$3:$AA$30,INDEX(Jesper!$R$2:$R$366,ROW(INDEX(Jesper!AI$2:AI$366,ROUNDDOWN($C5197/24,0)+1,1))-1)+IF('Standard Profiles'!$G$19=$B$10,7,0)+IF('Standard Profiles'!$G$19=$B$17,14,0)+IF('Standard Profiles'!$G$19=$B$24,21,0),0)),0)</f>
        <v>1.0451508986175826</v>
      </c>
      <c r="F5197" cm="1">
        <f t="array" ref="F5197">IFERROR(INDEX(Jesper!AJ$2:AJ$366,ROUNDDOWN($C5197/24,0)+1,1)*INDEX($D$3:$AA$30,INDEX(Jesper!$R$2:$R$366,ROW(INDEX(Jesper!AJ$2:AJ$366,ROUNDDOWN($C5197/24,0)+1,1))-1)+IF('Standard Profiles'!$G$20=$B$10,7,0)+IF('Standard Profiles'!$G$20=$B$17,14,0)+IF('Standard Profiles'!$G$20=$B$24,21,0),MOD($C5197,24)+1)/SUM(INDEX($D$3:$AA$30,INDEX(Jesper!$R$2:$R$366,ROW(INDEX(Jesper!AJ$2:AJ$366,ROUNDDOWN($C5197/24,0)+1,1))-1)+IF('Standard Profiles'!$G$20=$B$10,7,0)+IF('Standard Profiles'!$G$20=$B$17,14,0)+IF('Standard Profiles'!$G$20=$B$24,21,0),0)),0)</f>
        <v>0</v>
      </c>
      <c r="G5197" cm="1">
        <f t="array" ref="G5197">IFERROR(INDEX(Jesper!AK$2:AK$366,ROUNDDOWN($C5197/24,0)+1,1)*INDEX($D$3:$AA$30,INDEX(Jesper!$R$2:$R$366,ROW(INDEX(Jesper!AK$2:AK$366,ROUNDDOWN($C5197/24,0)+1,1))-1)+IF('Standard Profiles'!$G$21=$B$10,7,0)+IF('Standard Profiles'!$G$21=$B$17,14,0)+IF('Standard Profiles'!$G$21=$B$24,21,0),MOD($C5197,24)+1)/SUM(INDEX($D$3:$AA$30,INDEX(Jesper!$R$2:$R$366,ROW(INDEX(Jesper!AK$2:AK$366,ROUNDDOWN($C5197/24,0)+1,1))-1)+IF('Standard Profiles'!$G$21=$B$10,7,0)+IF('Standard Profiles'!$G$21=$B$17,14,0)+IF('Standard Profiles'!$G$21=$B$24,21,0),0)),0)</f>
        <v>0</v>
      </c>
      <c r="H5197" cm="1">
        <f t="array" ref="H5197">IFERROR(INDEX(Jesper!AL$2:AL$366,ROUNDDOWN($C5197/24,0)+1,1)*INDEX($D$3:$AA$30,INDEX(Jesper!$R$2:$R$366,ROW(INDEX(Jesper!AL$2:AL$366,ROUNDDOWN($C5197/24,0)+1,1))-1)+IF('Standard Profiles'!$G$22=$B$10,7,0)+IF('Standard Profiles'!$G$22=$B$17,14,0)+IF('Standard Profiles'!$G$22=$B$24,21,0),MOD($C5197,24)+1)/SUM(INDEX($D$3:$AA$30,INDEX(Jesper!$R$2:$R$366,ROW(INDEX(Jesper!AL$2:AL$366,ROUNDDOWN($C5197/24,0)+1,1))-1)+IF('Standard Profiles'!$G$22=$B$10,7,0)+IF('Standard Profiles'!$G$22=$B$17,14,0)+IF('Standard Profiles'!$G$22=$B$24,21,0),0)),0)</f>
        <v>0</v>
      </c>
      <c r="I5197">
        <f t="shared" si="580"/>
        <v>9.4157738614196657E-2</v>
      </c>
      <c r="J5197">
        <f t="shared" si="581"/>
        <v>0.31385912871398891</v>
      </c>
      <c r="K5197">
        <f t="shared" si="582"/>
        <v>0.47078869307098331</v>
      </c>
      <c r="L5197">
        <f t="shared" si="583"/>
        <v>6.901782030697948</v>
      </c>
      <c r="M5197">
        <f t="shared" si="584"/>
        <v>0</v>
      </c>
      <c r="N5197" s="46">
        <f t="shared" si="585"/>
        <v>45507.124999987478</v>
      </c>
    </row>
    <row r="5198" spans="2:14" x14ac:dyDescent="0.3">
      <c r="B5198">
        <f t="shared" si="579"/>
        <v>6</v>
      </c>
      <c r="C5198" s="16">
        <v>5164</v>
      </c>
      <c r="D5198" cm="1">
        <f t="array" ref="D5198">IFERROR(INDEX(Jesper!AH$2:AH$366,ROUNDDOWN($C5198/24,0)+1,1)*INDEX($D$3:$AA$30,INDEX(Jesper!$R$2:$R$366,ROW(INDEX(Jesper!AH$2:AH$366,ROUNDDOWN($C5198/24,0)+1,1))-1)+IF('Standard Profiles'!$G$18=$B$10,7,0)+IF('Standard Profiles'!$G$18=$B$17,14,0)+IF('Standard Profiles'!$G$18=$B$24,21,0),MOD($C5198,24)+1)/SUM(INDEX($D$3:$AA$30,INDEX(Jesper!$R$2:$R$366,ROW(INDEX(Jesper!AH$2:AH$366,ROUNDDOWN($C5198/24,0)+1,1))-1)+IF('Standard Profiles'!$G$18=$B$10,7,0)+IF('Standard Profiles'!$G$18=$B$17,14,0)+IF('Standard Profiles'!$G$18=$B$24,21,0),0)),0)</f>
        <v>6.7354366924795341</v>
      </c>
      <c r="E5198" cm="1">
        <f t="array" ref="E5198">IFERROR(INDEX(Jesper!AI$2:AI$366,ROUNDDOWN($C5198/24,0)+1,1)*INDEX($D$3:$AA$30,INDEX(Jesper!$R$2:$R$366,ROW(INDEX(Jesper!AI$2:AI$366,ROUNDDOWN($C5198/24,0)+1,1))-1)+IF('Standard Profiles'!$G$19=$B$10,7,0)+IF('Standard Profiles'!$G$19=$B$17,14,0)+IF('Standard Profiles'!$G$19=$B$24,21,0),MOD($C5198,24)+1)/SUM(INDEX($D$3:$AA$30,INDEX(Jesper!$R$2:$R$366,ROW(INDEX(Jesper!AI$2:AI$366,ROUNDDOWN($C5198/24,0)+1,1))-1)+IF('Standard Profiles'!$G$19=$B$10,7,0)+IF('Standard Profiles'!$G$19=$B$17,14,0)+IF('Standard Profiles'!$G$19=$B$24,21,0),0)),0)</f>
        <v>1.0451508986175826</v>
      </c>
      <c r="F5198" cm="1">
        <f t="array" ref="F5198">IFERROR(INDEX(Jesper!AJ$2:AJ$366,ROUNDDOWN($C5198/24,0)+1,1)*INDEX($D$3:$AA$30,INDEX(Jesper!$R$2:$R$366,ROW(INDEX(Jesper!AJ$2:AJ$366,ROUNDDOWN($C5198/24,0)+1,1))-1)+IF('Standard Profiles'!$G$20=$B$10,7,0)+IF('Standard Profiles'!$G$20=$B$17,14,0)+IF('Standard Profiles'!$G$20=$B$24,21,0),MOD($C5198,24)+1)/SUM(INDEX($D$3:$AA$30,INDEX(Jesper!$R$2:$R$366,ROW(INDEX(Jesper!AJ$2:AJ$366,ROUNDDOWN($C5198/24,0)+1,1))-1)+IF('Standard Profiles'!$G$20=$B$10,7,0)+IF('Standard Profiles'!$G$20=$B$17,14,0)+IF('Standard Profiles'!$G$20=$B$24,21,0),0)),0)</f>
        <v>0</v>
      </c>
      <c r="G5198" cm="1">
        <f t="array" ref="G5198">IFERROR(INDEX(Jesper!AK$2:AK$366,ROUNDDOWN($C5198/24,0)+1,1)*INDEX($D$3:$AA$30,INDEX(Jesper!$R$2:$R$366,ROW(INDEX(Jesper!AK$2:AK$366,ROUNDDOWN($C5198/24,0)+1,1))-1)+IF('Standard Profiles'!$G$21=$B$10,7,0)+IF('Standard Profiles'!$G$21=$B$17,14,0)+IF('Standard Profiles'!$G$21=$B$24,21,0),MOD($C5198,24)+1)/SUM(INDEX($D$3:$AA$30,INDEX(Jesper!$R$2:$R$366,ROW(INDEX(Jesper!AK$2:AK$366,ROUNDDOWN($C5198/24,0)+1,1))-1)+IF('Standard Profiles'!$G$21=$B$10,7,0)+IF('Standard Profiles'!$G$21=$B$17,14,0)+IF('Standard Profiles'!$G$21=$B$24,21,0),0)),0)</f>
        <v>0</v>
      </c>
      <c r="H5198" cm="1">
        <f t="array" ref="H5198">IFERROR(INDEX(Jesper!AL$2:AL$366,ROUNDDOWN($C5198/24,0)+1,1)*INDEX($D$3:$AA$30,INDEX(Jesper!$R$2:$R$366,ROW(INDEX(Jesper!AL$2:AL$366,ROUNDDOWN($C5198/24,0)+1,1))-1)+IF('Standard Profiles'!$G$22=$B$10,7,0)+IF('Standard Profiles'!$G$22=$B$17,14,0)+IF('Standard Profiles'!$G$22=$B$24,21,0),MOD($C5198,24)+1)/SUM(INDEX($D$3:$AA$30,INDEX(Jesper!$R$2:$R$366,ROW(INDEX(Jesper!AL$2:AL$366,ROUNDDOWN($C5198/24,0)+1,1))-1)+IF('Standard Profiles'!$G$22=$B$10,7,0)+IF('Standard Profiles'!$G$22=$B$17,14,0)+IF('Standard Profiles'!$G$22=$B$24,21,0),0)),0)</f>
        <v>0</v>
      </c>
      <c r="I5198">
        <f t="shared" si="580"/>
        <v>9.4157738614196657E-2</v>
      </c>
      <c r="J5198">
        <f t="shared" si="581"/>
        <v>0.31385912871398891</v>
      </c>
      <c r="K5198">
        <f t="shared" si="582"/>
        <v>0.47078869307098331</v>
      </c>
      <c r="L5198">
        <f t="shared" si="583"/>
        <v>6.901782030697948</v>
      </c>
      <c r="M5198">
        <f t="shared" si="584"/>
        <v>0</v>
      </c>
      <c r="N5198" s="46">
        <f t="shared" si="585"/>
        <v>45507.166666654142</v>
      </c>
    </row>
    <row r="5199" spans="2:14" x14ac:dyDescent="0.3">
      <c r="B5199">
        <f t="shared" si="579"/>
        <v>6</v>
      </c>
      <c r="C5199" s="16">
        <v>5165</v>
      </c>
      <c r="D5199" cm="1">
        <f t="array" ref="D5199">IFERROR(INDEX(Jesper!AH$2:AH$366,ROUNDDOWN($C5199/24,0)+1,1)*INDEX($D$3:$AA$30,INDEX(Jesper!$R$2:$R$366,ROW(INDEX(Jesper!AH$2:AH$366,ROUNDDOWN($C5199/24,0)+1,1))-1)+IF('Standard Profiles'!$G$18=$B$10,7,0)+IF('Standard Profiles'!$G$18=$B$17,14,0)+IF('Standard Profiles'!$G$18=$B$24,21,0),MOD($C5199,24)+1)/SUM(INDEX($D$3:$AA$30,INDEX(Jesper!$R$2:$R$366,ROW(INDEX(Jesper!AH$2:AH$366,ROUNDDOWN($C5199/24,0)+1,1))-1)+IF('Standard Profiles'!$G$18=$B$10,7,0)+IF('Standard Profiles'!$G$18=$B$17,14,0)+IF('Standard Profiles'!$G$18=$B$24,21,0),0)),0)</f>
        <v>8.3782261296696632</v>
      </c>
      <c r="E5199" cm="1">
        <f t="array" ref="E5199">IFERROR(INDEX(Jesper!AI$2:AI$366,ROUNDDOWN($C5199/24,0)+1,1)*INDEX($D$3:$AA$30,INDEX(Jesper!$R$2:$R$366,ROW(INDEX(Jesper!AI$2:AI$366,ROUNDDOWN($C5199/24,0)+1,1))-1)+IF('Standard Profiles'!$G$19=$B$10,7,0)+IF('Standard Profiles'!$G$19=$B$17,14,0)+IF('Standard Profiles'!$G$19=$B$24,21,0),MOD($C5199,24)+1)/SUM(INDEX($D$3:$AA$30,INDEX(Jesper!$R$2:$R$366,ROW(INDEX(Jesper!AI$2:AI$366,ROUNDDOWN($C5199/24,0)+1,1))-1)+IF('Standard Profiles'!$G$19=$B$10,7,0)+IF('Standard Profiles'!$G$19=$B$17,14,0)+IF('Standard Profiles'!$G$19=$B$24,21,0),0)),0)</f>
        <v>1.3000657519389442</v>
      </c>
      <c r="F5199" cm="1">
        <f t="array" ref="F5199">IFERROR(INDEX(Jesper!AJ$2:AJ$366,ROUNDDOWN($C5199/24,0)+1,1)*INDEX($D$3:$AA$30,INDEX(Jesper!$R$2:$R$366,ROW(INDEX(Jesper!AJ$2:AJ$366,ROUNDDOWN($C5199/24,0)+1,1))-1)+IF('Standard Profiles'!$G$20=$B$10,7,0)+IF('Standard Profiles'!$G$20=$B$17,14,0)+IF('Standard Profiles'!$G$20=$B$24,21,0),MOD($C5199,24)+1)/SUM(INDEX($D$3:$AA$30,INDEX(Jesper!$R$2:$R$366,ROW(INDEX(Jesper!AJ$2:AJ$366,ROUNDDOWN($C5199/24,0)+1,1))-1)+IF('Standard Profiles'!$G$20=$B$10,7,0)+IF('Standard Profiles'!$G$20=$B$17,14,0)+IF('Standard Profiles'!$G$20=$B$24,21,0),0)),0)</f>
        <v>0</v>
      </c>
      <c r="G5199" cm="1">
        <f t="array" ref="G5199">IFERROR(INDEX(Jesper!AK$2:AK$366,ROUNDDOWN($C5199/24,0)+1,1)*INDEX($D$3:$AA$30,INDEX(Jesper!$R$2:$R$366,ROW(INDEX(Jesper!AK$2:AK$366,ROUNDDOWN($C5199/24,0)+1,1))-1)+IF('Standard Profiles'!$G$21=$B$10,7,0)+IF('Standard Profiles'!$G$21=$B$17,14,0)+IF('Standard Profiles'!$G$21=$B$24,21,0),MOD($C5199,24)+1)/SUM(INDEX($D$3:$AA$30,INDEX(Jesper!$R$2:$R$366,ROW(INDEX(Jesper!AK$2:AK$366,ROUNDDOWN($C5199/24,0)+1,1))-1)+IF('Standard Profiles'!$G$21=$B$10,7,0)+IF('Standard Profiles'!$G$21=$B$17,14,0)+IF('Standard Profiles'!$G$21=$B$24,21,0),0)),0)</f>
        <v>0</v>
      </c>
      <c r="H5199" cm="1">
        <f t="array" ref="H5199">IFERROR(INDEX(Jesper!AL$2:AL$366,ROUNDDOWN($C5199/24,0)+1,1)*INDEX($D$3:$AA$30,INDEX(Jesper!$R$2:$R$366,ROW(INDEX(Jesper!AL$2:AL$366,ROUNDDOWN($C5199/24,0)+1,1))-1)+IF('Standard Profiles'!$G$22=$B$10,7,0)+IF('Standard Profiles'!$G$22=$B$17,14,0)+IF('Standard Profiles'!$G$22=$B$24,21,0),MOD($C5199,24)+1)/SUM(INDEX($D$3:$AA$30,INDEX(Jesper!$R$2:$R$366,ROW(INDEX(Jesper!AL$2:AL$366,ROUNDDOWN($C5199/24,0)+1,1))-1)+IF('Standard Profiles'!$G$22=$B$10,7,0)+IF('Standard Profiles'!$G$22=$B$17,14,0)+IF('Standard Profiles'!$G$22=$B$24,21,0),0)),0)</f>
        <v>0</v>
      </c>
      <c r="I5199">
        <f t="shared" si="580"/>
        <v>0.11712304071522023</v>
      </c>
      <c r="J5199">
        <f t="shared" si="581"/>
        <v>0.39041013571740085</v>
      </c>
      <c r="K5199">
        <f t="shared" si="582"/>
        <v>0.5856152035761012</v>
      </c>
      <c r="L5199">
        <f t="shared" si="583"/>
        <v>8.5851435015998856</v>
      </c>
      <c r="M5199">
        <f t="shared" si="584"/>
        <v>0</v>
      </c>
      <c r="N5199" s="46">
        <f t="shared" si="585"/>
        <v>45507.208333320807</v>
      </c>
    </row>
    <row r="5200" spans="2:14" x14ac:dyDescent="0.3">
      <c r="B5200">
        <f t="shared" si="579"/>
        <v>6</v>
      </c>
      <c r="C5200" s="16">
        <v>5166</v>
      </c>
      <c r="D5200" cm="1">
        <f t="array" ref="D5200">IFERROR(INDEX(Jesper!AH$2:AH$366,ROUNDDOWN($C5200/24,0)+1,1)*INDEX($D$3:$AA$30,INDEX(Jesper!$R$2:$R$366,ROW(INDEX(Jesper!AH$2:AH$366,ROUNDDOWN($C5200/24,0)+1,1))-1)+IF('Standard Profiles'!$G$18=$B$10,7,0)+IF('Standard Profiles'!$G$18=$B$17,14,0)+IF('Standard Profiles'!$G$18=$B$24,21,0),MOD($C5200,24)+1)/SUM(INDEX($D$3:$AA$30,INDEX(Jesper!$R$2:$R$366,ROW(INDEX(Jesper!AH$2:AH$366,ROUNDDOWN($C5200/24,0)+1,1))-1)+IF('Standard Profiles'!$G$18=$B$10,7,0)+IF('Standard Profiles'!$G$18=$B$17,14,0)+IF('Standard Profiles'!$G$18=$B$24,21,0),0)),0)</f>
        <v>10.513852398016832</v>
      </c>
      <c r="E5200" cm="1">
        <f t="array" ref="E5200">IFERROR(INDEX(Jesper!AI$2:AI$366,ROUNDDOWN($C5200/24,0)+1,1)*INDEX($D$3:$AA$30,INDEX(Jesper!$R$2:$R$366,ROW(INDEX(Jesper!AI$2:AI$366,ROUNDDOWN($C5200/24,0)+1,1))-1)+IF('Standard Profiles'!$G$19=$B$10,7,0)+IF('Standard Profiles'!$G$19=$B$17,14,0)+IF('Standard Profiles'!$G$19=$B$24,21,0),MOD($C5200,24)+1)/SUM(INDEX($D$3:$AA$30,INDEX(Jesper!$R$2:$R$366,ROW(INDEX(Jesper!AI$2:AI$366,ROUNDDOWN($C5200/24,0)+1,1))-1)+IF('Standard Profiles'!$G$19=$B$10,7,0)+IF('Standard Profiles'!$G$19=$B$17,14,0)+IF('Standard Profiles'!$G$19=$B$24,21,0),0)),0)</f>
        <v>1.6314550612567142</v>
      </c>
      <c r="F5200" cm="1">
        <f t="array" ref="F5200">IFERROR(INDEX(Jesper!AJ$2:AJ$366,ROUNDDOWN($C5200/24,0)+1,1)*INDEX($D$3:$AA$30,INDEX(Jesper!$R$2:$R$366,ROW(INDEX(Jesper!AJ$2:AJ$366,ROUNDDOWN($C5200/24,0)+1,1))-1)+IF('Standard Profiles'!$G$20=$B$10,7,0)+IF('Standard Profiles'!$G$20=$B$17,14,0)+IF('Standard Profiles'!$G$20=$B$24,21,0),MOD($C5200,24)+1)/SUM(INDEX($D$3:$AA$30,INDEX(Jesper!$R$2:$R$366,ROW(INDEX(Jesper!AJ$2:AJ$366,ROUNDDOWN($C5200/24,0)+1,1))-1)+IF('Standard Profiles'!$G$20=$B$10,7,0)+IF('Standard Profiles'!$G$20=$B$17,14,0)+IF('Standard Profiles'!$G$20=$B$24,21,0),0)),0)</f>
        <v>0</v>
      </c>
      <c r="G5200" cm="1">
        <f t="array" ref="G5200">IFERROR(INDEX(Jesper!AK$2:AK$366,ROUNDDOWN($C5200/24,0)+1,1)*INDEX($D$3:$AA$30,INDEX(Jesper!$R$2:$R$366,ROW(INDEX(Jesper!AK$2:AK$366,ROUNDDOWN($C5200/24,0)+1,1))-1)+IF('Standard Profiles'!$G$21=$B$10,7,0)+IF('Standard Profiles'!$G$21=$B$17,14,0)+IF('Standard Profiles'!$G$21=$B$24,21,0),MOD($C5200,24)+1)/SUM(INDEX($D$3:$AA$30,INDEX(Jesper!$R$2:$R$366,ROW(INDEX(Jesper!AK$2:AK$366,ROUNDDOWN($C5200/24,0)+1,1))-1)+IF('Standard Profiles'!$G$21=$B$10,7,0)+IF('Standard Profiles'!$G$21=$B$17,14,0)+IF('Standard Profiles'!$G$21=$B$24,21,0),0)),0)</f>
        <v>0</v>
      </c>
      <c r="H5200" cm="1">
        <f t="array" ref="H5200">IFERROR(INDEX(Jesper!AL$2:AL$366,ROUNDDOWN($C5200/24,0)+1,1)*INDEX($D$3:$AA$30,INDEX(Jesper!$R$2:$R$366,ROW(INDEX(Jesper!AL$2:AL$366,ROUNDDOWN($C5200/24,0)+1,1))-1)+IF('Standard Profiles'!$G$22=$B$10,7,0)+IF('Standard Profiles'!$G$22=$B$17,14,0)+IF('Standard Profiles'!$G$22=$B$24,21,0),MOD($C5200,24)+1)/SUM(INDEX($D$3:$AA$30,INDEX(Jesper!$R$2:$R$366,ROW(INDEX(Jesper!AL$2:AL$366,ROUNDDOWN($C5200/24,0)+1,1))-1)+IF('Standard Profiles'!$G$22=$B$10,7,0)+IF('Standard Profiles'!$G$22=$B$17,14,0)+IF('Standard Profiles'!$G$22=$B$24,21,0),0)),0)</f>
        <v>0</v>
      </c>
      <c r="I5200">
        <f t="shared" si="580"/>
        <v>0.14697793344655088</v>
      </c>
      <c r="J5200">
        <f t="shared" si="581"/>
        <v>0.48992644482183628</v>
      </c>
      <c r="K5200">
        <f t="shared" si="582"/>
        <v>0.7348896672327544</v>
      </c>
      <c r="L5200">
        <f t="shared" si="583"/>
        <v>10.773513413772404</v>
      </c>
      <c r="M5200">
        <f t="shared" si="584"/>
        <v>0</v>
      </c>
      <c r="N5200" s="46">
        <f t="shared" si="585"/>
        <v>45507.249999987471</v>
      </c>
    </row>
    <row r="5201" spans="2:14" x14ac:dyDescent="0.3">
      <c r="B5201">
        <f t="shared" si="579"/>
        <v>6</v>
      </c>
      <c r="C5201" s="16">
        <v>5167</v>
      </c>
      <c r="D5201" cm="1">
        <f t="array" ref="D5201">IFERROR(INDEX(Jesper!AH$2:AH$366,ROUNDDOWN($C5201/24,0)+1,1)*INDEX($D$3:$AA$30,INDEX(Jesper!$R$2:$R$366,ROW(INDEX(Jesper!AH$2:AH$366,ROUNDDOWN($C5201/24,0)+1,1))-1)+IF('Standard Profiles'!$G$18=$B$10,7,0)+IF('Standard Profiles'!$G$18=$B$17,14,0)+IF('Standard Profiles'!$G$18=$B$24,21,0),MOD($C5201,24)+1)/SUM(INDEX($D$3:$AA$30,INDEX(Jesper!$R$2:$R$366,ROW(INDEX(Jesper!AH$2:AH$366,ROUNDDOWN($C5201/24,0)+1,1))-1)+IF('Standard Profiles'!$G$18=$B$10,7,0)+IF('Standard Profiles'!$G$18=$B$17,14,0)+IF('Standard Profiles'!$G$18=$B$24,21,0),0)),0)</f>
        <v>11.992362891487948</v>
      </c>
      <c r="E5201" cm="1">
        <f t="array" ref="E5201">IFERROR(INDEX(Jesper!AI$2:AI$366,ROUNDDOWN($C5201/24,0)+1,1)*INDEX($D$3:$AA$30,INDEX(Jesper!$R$2:$R$366,ROW(INDEX(Jesper!AI$2:AI$366,ROUNDDOWN($C5201/24,0)+1,1))-1)+IF('Standard Profiles'!$G$19=$B$10,7,0)+IF('Standard Profiles'!$G$19=$B$17,14,0)+IF('Standard Profiles'!$G$19=$B$24,21,0),MOD($C5201,24)+1)/SUM(INDEX($D$3:$AA$30,INDEX(Jesper!$R$2:$R$366,ROW(INDEX(Jesper!AI$2:AI$366,ROUNDDOWN($C5201/24,0)+1,1))-1)+IF('Standard Profiles'!$G$19=$B$10,7,0)+IF('Standard Profiles'!$G$19=$B$17,14,0)+IF('Standard Profiles'!$G$19=$B$24,21,0),0)),0)</f>
        <v>1.8608784292459395</v>
      </c>
      <c r="F5201" cm="1">
        <f t="array" ref="F5201">IFERROR(INDEX(Jesper!AJ$2:AJ$366,ROUNDDOWN($C5201/24,0)+1,1)*INDEX($D$3:$AA$30,INDEX(Jesper!$R$2:$R$366,ROW(INDEX(Jesper!AJ$2:AJ$366,ROUNDDOWN($C5201/24,0)+1,1))-1)+IF('Standard Profiles'!$G$20=$B$10,7,0)+IF('Standard Profiles'!$G$20=$B$17,14,0)+IF('Standard Profiles'!$G$20=$B$24,21,0),MOD($C5201,24)+1)/SUM(INDEX($D$3:$AA$30,INDEX(Jesper!$R$2:$R$366,ROW(INDEX(Jesper!AJ$2:AJ$366,ROUNDDOWN($C5201/24,0)+1,1))-1)+IF('Standard Profiles'!$G$20=$B$10,7,0)+IF('Standard Profiles'!$G$20=$B$17,14,0)+IF('Standard Profiles'!$G$20=$B$24,21,0),0)),0)</f>
        <v>0</v>
      </c>
      <c r="G5201" cm="1">
        <f t="array" ref="G5201">IFERROR(INDEX(Jesper!AK$2:AK$366,ROUNDDOWN($C5201/24,0)+1,1)*INDEX($D$3:$AA$30,INDEX(Jesper!$R$2:$R$366,ROW(INDEX(Jesper!AK$2:AK$366,ROUNDDOWN($C5201/24,0)+1,1))-1)+IF('Standard Profiles'!$G$21=$B$10,7,0)+IF('Standard Profiles'!$G$21=$B$17,14,0)+IF('Standard Profiles'!$G$21=$B$24,21,0),MOD($C5201,24)+1)/SUM(INDEX($D$3:$AA$30,INDEX(Jesper!$R$2:$R$366,ROW(INDEX(Jesper!AK$2:AK$366,ROUNDDOWN($C5201/24,0)+1,1))-1)+IF('Standard Profiles'!$G$21=$B$10,7,0)+IF('Standard Profiles'!$G$21=$B$17,14,0)+IF('Standard Profiles'!$G$21=$B$24,21,0),0)),0)</f>
        <v>0</v>
      </c>
      <c r="H5201" cm="1">
        <f t="array" ref="H5201">IFERROR(INDEX(Jesper!AL$2:AL$366,ROUNDDOWN($C5201/24,0)+1,1)*INDEX($D$3:$AA$30,INDEX(Jesper!$R$2:$R$366,ROW(INDEX(Jesper!AL$2:AL$366,ROUNDDOWN($C5201/24,0)+1,1))-1)+IF('Standard Profiles'!$G$22=$B$10,7,0)+IF('Standard Profiles'!$G$22=$B$17,14,0)+IF('Standard Profiles'!$G$22=$B$24,21,0),MOD($C5201,24)+1)/SUM(INDEX($D$3:$AA$30,INDEX(Jesper!$R$2:$R$366,ROW(INDEX(Jesper!AL$2:AL$366,ROUNDDOWN($C5201/24,0)+1,1))-1)+IF('Standard Profiles'!$G$22=$B$10,7,0)+IF('Standard Profiles'!$G$22=$B$17,14,0)+IF('Standard Profiles'!$G$22=$B$24,21,0),0)),0)</f>
        <v>0</v>
      </c>
      <c r="I5201">
        <f t="shared" si="580"/>
        <v>0.16764670533747206</v>
      </c>
      <c r="J5201">
        <f t="shared" si="581"/>
        <v>0.55882235112490697</v>
      </c>
      <c r="K5201">
        <f t="shared" si="582"/>
        <v>0.83823352668736051</v>
      </c>
      <c r="L5201">
        <f t="shared" si="583"/>
        <v>12.288538737584149</v>
      </c>
      <c r="M5201">
        <f t="shared" si="584"/>
        <v>0</v>
      </c>
      <c r="N5201" s="46">
        <f t="shared" si="585"/>
        <v>45507.291666654135</v>
      </c>
    </row>
    <row r="5202" spans="2:14" x14ac:dyDescent="0.3">
      <c r="B5202">
        <f t="shared" si="579"/>
        <v>6</v>
      </c>
      <c r="C5202" s="16">
        <v>5168</v>
      </c>
      <c r="D5202" cm="1">
        <f t="array" ref="D5202">IFERROR(INDEX(Jesper!AH$2:AH$366,ROUNDDOWN($C5202/24,0)+1,1)*INDEX($D$3:$AA$30,INDEX(Jesper!$R$2:$R$366,ROW(INDEX(Jesper!AH$2:AH$366,ROUNDDOWN($C5202/24,0)+1,1))-1)+IF('Standard Profiles'!$G$18=$B$10,7,0)+IF('Standard Profiles'!$G$18=$B$17,14,0)+IF('Standard Profiles'!$G$18=$B$24,21,0),MOD($C5202,24)+1)/SUM(INDEX($D$3:$AA$30,INDEX(Jesper!$R$2:$R$366,ROW(INDEX(Jesper!AH$2:AH$366,ROUNDDOWN($C5202/24,0)+1,1))-1)+IF('Standard Profiles'!$G$18=$B$10,7,0)+IF('Standard Profiles'!$G$18=$B$17,14,0)+IF('Standard Profiles'!$G$18=$B$24,21,0),0)),0)</f>
        <v>11.992362891487948</v>
      </c>
      <c r="E5202" cm="1">
        <f t="array" ref="E5202">IFERROR(INDEX(Jesper!AI$2:AI$366,ROUNDDOWN($C5202/24,0)+1,1)*INDEX($D$3:$AA$30,INDEX(Jesper!$R$2:$R$366,ROW(INDEX(Jesper!AI$2:AI$366,ROUNDDOWN($C5202/24,0)+1,1))-1)+IF('Standard Profiles'!$G$19=$B$10,7,0)+IF('Standard Profiles'!$G$19=$B$17,14,0)+IF('Standard Profiles'!$G$19=$B$24,21,0),MOD($C5202,24)+1)/SUM(INDEX($D$3:$AA$30,INDEX(Jesper!$R$2:$R$366,ROW(INDEX(Jesper!AI$2:AI$366,ROUNDDOWN($C5202/24,0)+1,1))-1)+IF('Standard Profiles'!$G$19=$B$10,7,0)+IF('Standard Profiles'!$G$19=$B$17,14,0)+IF('Standard Profiles'!$G$19=$B$24,21,0),0)),0)</f>
        <v>1.8608784292459395</v>
      </c>
      <c r="F5202" cm="1">
        <f t="array" ref="F5202">IFERROR(INDEX(Jesper!AJ$2:AJ$366,ROUNDDOWN($C5202/24,0)+1,1)*INDEX($D$3:$AA$30,INDEX(Jesper!$R$2:$R$366,ROW(INDEX(Jesper!AJ$2:AJ$366,ROUNDDOWN($C5202/24,0)+1,1))-1)+IF('Standard Profiles'!$G$20=$B$10,7,0)+IF('Standard Profiles'!$G$20=$B$17,14,0)+IF('Standard Profiles'!$G$20=$B$24,21,0),MOD($C5202,24)+1)/SUM(INDEX($D$3:$AA$30,INDEX(Jesper!$R$2:$R$366,ROW(INDEX(Jesper!AJ$2:AJ$366,ROUNDDOWN($C5202/24,0)+1,1))-1)+IF('Standard Profiles'!$G$20=$B$10,7,0)+IF('Standard Profiles'!$G$20=$B$17,14,0)+IF('Standard Profiles'!$G$20=$B$24,21,0),0)),0)</f>
        <v>0</v>
      </c>
      <c r="G5202" cm="1">
        <f t="array" ref="G5202">IFERROR(INDEX(Jesper!AK$2:AK$366,ROUNDDOWN($C5202/24,0)+1,1)*INDEX($D$3:$AA$30,INDEX(Jesper!$R$2:$R$366,ROW(INDEX(Jesper!AK$2:AK$366,ROUNDDOWN($C5202/24,0)+1,1))-1)+IF('Standard Profiles'!$G$21=$B$10,7,0)+IF('Standard Profiles'!$G$21=$B$17,14,0)+IF('Standard Profiles'!$G$21=$B$24,21,0),MOD($C5202,24)+1)/SUM(INDEX($D$3:$AA$30,INDEX(Jesper!$R$2:$R$366,ROW(INDEX(Jesper!AK$2:AK$366,ROUNDDOWN($C5202/24,0)+1,1))-1)+IF('Standard Profiles'!$G$21=$B$10,7,0)+IF('Standard Profiles'!$G$21=$B$17,14,0)+IF('Standard Profiles'!$G$21=$B$24,21,0),0)),0)</f>
        <v>0</v>
      </c>
      <c r="H5202" cm="1">
        <f t="array" ref="H5202">IFERROR(INDEX(Jesper!AL$2:AL$366,ROUNDDOWN($C5202/24,0)+1,1)*INDEX($D$3:$AA$30,INDEX(Jesper!$R$2:$R$366,ROW(INDEX(Jesper!AL$2:AL$366,ROUNDDOWN($C5202/24,0)+1,1))-1)+IF('Standard Profiles'!$G$22=$B$10,7,0)+IF('Standard Profiles'!$G$22=$B$17,14,0)+IF('Standard Profiles'!$G$22=$B$24,21,0),MOD($C5202,24)+1)/SUM(INDEX($D$3:$AA$30,INDEX(Jesper!$R$2:$R$366,ROW(INDEX(Jesper!AL$2:AL$366,ROUNDDOWN($C5202/24,0)+1,1))-1)+IF('Standard Profiles'!$G$22=$B$10,7,0)+IF('Standard Profiles'!$G$22=$B$17,14,0)+IF('Standard Profiles'!$G$22=$B$24,21,0),0)),0)</f>
        <v>0</v>
      </c>
      <c r="I5202">
        <f t="shared" si="580"/>
        <v>0.16764670533747206</v>
      </c>
      <c r="J5202">
        <f t="shared" si="581"/>
        <v>0.55882235112490697</v>
      </c>
      <c r="K5202">
        <f t="shared" si="582"/>
        <v>0.83823352668736051</v>
      </c>
      <c r="L5202">
        <f t="shared" si="583"/>
        <v>12.288538737584149</v>
      </c>
      <c r="M5202">
        <f t="shared" si="584"/>
        <v>0</v>
      </c>
      <c r="N5202" s="46">
        <f t="shared" si="585"/>
        <v>45507.333333320799</v>
      </c>
    </row>
    <row r="5203" spans="2:14" x14ac:dyDescent="0.3">
      <c r="B5203">
        <f t="shared" si="579"/>
        <v>6</v>
      </c>
      <c r="C5203" s="16">
        <v>5169</v>
      </c>
      <c r="D5203" cm="1">
        <f t="array" ref="D5203">IFERROR(INDEX(Jesper!AH$2:AH$366,ROUNDDOWN($C5203/24,0)+1,1)*INDEX($D$3:$AA$30,INDEX(Jesper!$R$2:$R$366,ROW(INDEX(Jesper!AH$2:AH$366,ROUNDDOWN($C5203/24,0)+1,1))-1)+IF('Standard Profiles'!$G$18=$B$10,7,0)+IF('Standard Profiles'!$G$18=$B$17,14,0)+IF('Standard Profiles'!$G$18=$B$24,21,0),MOD($C5203,24)+1)/SUM(INDEX($D$3:$AA$30,INDEX(Jesper!$R$2:$R$366,ROW(INDEX(Jesper!AH$2:AH$366,ROUNDDOWN($C5203/24,0)+1,1))-1)+IF('Standard Profiles'!$G$18=$B$10,7,0)+IF('Standard Profiles'!$G$18=$B$17,14,0)+IF('Standard Profiles'!$G$18=$B$24,21,0),0)),0)</f>
        <v>11.992362891487948</v>
      </c>
      <c r="E5203" cm="1">
        <f t="array" ref="E5203">IFERROR(INDEX(Jesper!AI$2:AI$366,ROUNDDOWN($C5203/24,0)+1,1)*INDEX($D$3:$AA$30,INDEX(Jesper!$R$2:$R$366,ROW(INDEX(Jesper!AI$2:AI$366,ROUNDDOWN($C5203/24,0)+1,1))-1)+IF('Standard Profiles'!$G$19=$B$10,7,0)+IF('Standard Profiles'!$G$19=$B$17,14,0)+IF('Standard Profiles'!$G$19=$B$24,21,0),MOD($C5203,24)+1)/SUM(INDEX($D$3:$AA$30,INDEX(Jesper!$R$2:$R$366,ROW(INDEX(Jesper!AI$2:AI$366,ROUNDDOWN($C5203/24,0)+1,1))-1)+IF('Standard Profiles'!$G$19=$B$10,7,0)+IF('Standard Profiles'!$G$19=$B$17,14,0)+IF('Standard Profiles'!$G$19=$B$24,21,0),0)),0)</f>
        <v>1.8608784292459395</v>
      </c>
      <c r="F5203" cm="1">
        <f t="array" ref="F5203">IFERROR(INDEX(Jesper!AJ$2:AJ$366,ROUNDDOWN($C5203/24,0)+1,1)*INDEX($D$3:$AA$30,INDEX(Jesper!$R$2:$R$366,ROW(INDEX(Jesper!AJ$2:AJ$366,ROUNDDOWN($C5203/24,0)+1,1))-1)+IF('Standard Profiles'!$G$20=$B$10,7,0)+IF('Standard Profiles'!$G$20=$B$17,14,0)+IF('Standard Profiles'!$G$20=$B$24,21,0),MOD($C5203,24)+1)/SUM(INDEX($D$3:$AA$30,INDEX(Jesper!$R$2:$R$366,ROW(INDEX(Jesper!AJ$2:AJ$366,ROUNDDOWN($C5203/24,0)+1,1))-1)+IF('Standard Profiles'!$G$20=$B$10,7,0)+IF('Standard Profiles'!$G$20=$B$17,14,0)+IF('Standard Profiles'!$G$20=$B$24,21,0),0)),0)</f>
        <v>0</v>
      </c>
      <c r="G5203" cm="1">
        <f t="array" ref="G5203">IFERROR(INDEX(Jesper!AK$2:AK$366,ROUNDDOWN($C5203/24,0)+1,1)*INDEX($D$3:$AA$30,INDEX(Jesper!$R$2:$R$366,ROW(INDEX(Jesper!AK$2:AK$366,ROUNDDOWN($C5203/24,0)+1,1))-1)+IF('Standard Profiles'!$G$21=$B$10,7,0)+IF('Standard Profiles'!$G$21=$B$17,14,0)+IF('Standard Profiles'!$G$21=$B$24,21,0),MOD($C5203,24)+1)/SUM(INDEX($D$3:$AA$30,INDEX(Jesper!$R$2:$R$366,ROW(INDEX(Jesper!AK$2:AK$366,ROUNDDOWN($C5203/24,0)+1,1))-1)+IF('Standard Profiles'!$G$21=$B$10,7,0)+IF('Standard Profiles'!$G$21=$B$17,14,0)+IF('Standard Profiles'!$G$21=$B$24,21,0),0)),0)</f>
        <v>0</v>
      </c>
      <c r="H5203" cm="1">
        <f t="array" ref="H5203">IFERROR(INDEX(Jesper!AL$2:AL$366,ROUNDDOWN($C5203/24,0)+1,1)*INDEX($D$3:$AA$30,INDEX(Jesper!$R$2:$R$366,ROW(INDEX(Jesper!AL$2:AL$366,ROUNDDOWN($C5203/24,0)+1,1))-1)+IF('Standard Profiles'!$G$22=$B$10,7,0)+IF('Standard Profiles'!$G$22=$B$17,14,0)+IF('Standard Profiles'!$G$22=$B$24,21,0),MOD($C5203,24)+1)/SUM(INDEX($D$3:$AA$30,INDEX(Jesper!$R$2:$R$366,ROW(INDEX(Jesper!AL$2:AL$366,ROUNDDOWN($C5203/24,0)+1,1))-1)+IF('Standard Profiles'!$G$22=$B$10,7,0)+IF('Standard Profiles'!$G$22=$B$17,14,0)+IF('Standard Profiles'!$G$22=$B$24,21,0),0)),0)</f>
        <v>0</v>
      </c>
      <c r="I5203">
        <f t="shared" si="580"/>
        <v>0.16764670533747206</v>
      </c>
      <c r="J5203">
        <f t="shared" si="581"/>
        <v>0.55882235112490697</v>
      </c>
      <c r="K5203">
        <f t="shared" si="582"/>
        <v>0.83823352668736051</v>
      </c>
      <c r="L5203">
        <f t="shared" si="583"/>
        <v>12.288538737584149</v>
      </c>
      <c r="M5203">
        <f t="shared" si="584"/>
        <v>0</v>
      </c>
      <c r="N5203" s="46">
        <f t="shared" si="585"/>
        <v>45507.374999987464</v>
      </c>
    </row>
    <row r="5204" spans="2:14" x14ac:dyDescent="0.3">
      <c r="B5204">
        <f t="shared" si="579"/>
        <v>6</v>
      </c>
      <c r="C5204" s="16">
        <v>5170</v>
      </c>
      <c r="D5204" cm="1">
        <f t="array" ref="D5204">IFERROR(INDEX(Jesper!AH$2:AH$366,ROUNDDOWN($C5204/24,0)+1,1)*INDEX($D$3:$AA$30,INDEX(Jesper!$R$2:$R$366,ROW(INDEX(Jesper!AH$2:AH$366,ROUNDDOWN($C5204/24,0)+1,1))-1)+IF('Standard Profiles'!$G$18=$B$10,7,0)+IF('Standard Profiles'!$G$18=$B$17,14,0)+IF('Standard Profiles'!$G$18=$B$24,21,0),MOD($C5204,24)+1)/SUM(INDEX($D$3:$AA$30,INDEX(Jesper!$R$2:$R$366,ROW(INDEX(Jesper!AH$2:AH$366,ROUNDDOWN($C5204/24,0)+1,1))-1)+IF('Standard Profiles'!$G$18=$B$10,7,0)+IF('Standard Profiles'!$G$18=$B$17,14,0)+IF('Standard Profiles'!$G$18=$B$24,21,0),0)),0)</f>
        <v>11.992362891487948</v>
      </c>
      <c r="E5204" cm="1">
        <f t="array" ref="E5204">IFERROR(INDEX(Jesper!AI$2:AI$366,ROUNDDOWN($C5204/24,0)+1,1)*INDEX($D$3:$AA$30,INDEX(Jesper!$R$2:$R$366,ROW(INDEX(Jesper!AI$2:AI$366,ROUNDDOWN($C5204/24,0)+1,1))-1)+IF('Standard Profiles'!$G$19=$B$10,7,0)+IF('Standard Profiles'!$G$19=$B$17,14,0)+IF('Standard Profiles'!$G$19=$B$24,21,0),MOD($C5204,24)+1)/SUM(INDEX($D$3:$AA$30,INDEX(Jesper!$R$2:$R$366,ROW(INDEX(Jesper!AI$2:AI$366,ROUNDDOWN($C5204/24,0)+1,1))-1)+IF('Standard Profiles'!$G$19=$B$10,7,0)+IF('Standard Profiles'!$G$19=$B$17,14,0)+IF('Standard Profiles'!$G$19=$B$24,21,0),0)),0)</f>
        <v>1.8608784292459395</v>
      </c>
      <c r="F5204" cm="1">
        <f t="array" ref="F5204">IFERROR(INDEX(Jesper!AJ$2:AJ$366,ROUNDDOWN($C5204/24,0)+1,1)*INDEX($D$3:$AA$30,INDEX(Jesper!$R$2:$R$366,ROW(INDEX(Jesper!AJ$2:AJ$366,ROUNDDOWN($C5204/24,0)+1,1))-1)+IF('Standard Profiles'!$G$20=$B$10,7,0)+IF('Standard Profiles'!$G$20=$B$17,14,0)+IF('Standard Profiles'!$G$20=$B$24,21,0),MOD($C5204,24)+1)/SUM(INDEX($D$3:$AA$30,INDEX(Jesper!$R$2:$R$366,ROW(INDEX(Jesper!AJ$2:AJ$366,ROUNDDOWN($C5204/24,0)+1,1))-1)+IF('Standard Profiles'!$G$20=$B$10,7,0)+IF('Standard Profiles'!$G$20=$B$17,14,0)+IF('Standard Profiles'!$G$20=$B$24,21,0),0)),0)</f>
        <v>0</v>
      </c>
      <c r="G5204" cm="1">
        <f t="array" ref="G5204">IFERROR(INDEX(Jesper!AK$2:AK$366,ROUNDDOWN($C5204/24,0)+1,1)*INDEX($D$3:$AA$30,INDEX(Jesper!$R$2:$R$366,ROW(INDEX(Jesper!AK$2:AK$366,ROUNDDOWN($C5204/24,0)+1,1))-1)+IF('Standard Profiles'!$G$21=$B$10,7,0)+IF('Standard Profiles'!$G$21=$B$17,14,0)+IF('Standard Profiles'!$G$21=$B$24,21,0),MOD($C5204,24)+1)/SUM(INDEX($D$3:$AA$30,INDEX(Jesper!$R$2:$R$366,ROW(INDEX(Jesper!AK$2:AK$366,ROUNDDOWN($C5204/24,0)+1,1))-1)+IF('Standard Profiles'!$G$21=$B$10,7,0)+IF('Standard Profiles'!$G$21=$B$17,14,0)+IF('Standard Profiles'!$G$21=$B$24,21,0),0)),0)</f>
        <v>0</v>
      </c>
      <c r="H5204" cm="1">
        <f t="array" ref="H5204">IFERROR(INDEX(Jesper!AL$2:AL$366,ROUNDDOWN($C5204/24,0)+1,1)*INDEX($D$3:$AA$30,INDEX(Jesper!$R$2:$R$366,ROW(INDEX(Jesper!AL$2:AL$366,ROUNDDOWN($C5204/24,0)+1,1))-1)+IF('Standard Profiles'!$G$22=$B$10,7,0)+IF('Standard Profiles'!$G$22=$B$17,14,0)+IF('Standard Profiles'!$G$22=$B$24,21,0),MOD($C5204,24)+1)/SUM(INDEX($D$3:$AA$30,INDEX(Jesper!$R$2:$R$366,ROW(INDEX(Jesper!AL$2:AL$366,ROUNDDOWN($C5204/24,0)+1,1))-1)+IF('Standard Profiles'!$G$22=$B$10,7,0)+IF('Standard Profiles'!$G$22=$B$17,14,0)+IF('Standard Profiles'!$G$22=$B$24,21,0),0)),0)</f>
        <v>0</v>
      </c>
      <c r="I5204">
        <f t="shared" si="580"/>
        <v>0.16764670533747206</v>
      </c>
      <c r="J5204">
        <f t="shared" si="581"/>
        <v>0.55882235112490697</v>
      </c>
      <c r="K5204">
        <f t="shared" si="582"/>
        <v>0.83823352668736051</v>
      </c>
      <c r="L5204">
        <f t="shared" si="583"/>
        <v>12.288538737584149</v>
      </c>
      <c r="M5204">
        <f t="shared" si="584"/>
        <v>0</v>
      </c>
      <c r="N5204" s="46">
        <f t="shared" si="585"/>
        <v>45507.416666654128</v>
      </c>
    </row>
    <row r="5205" spans="2:14" x14ac:dyDescent="0.3">
      <c r="B5205">
        <f t="shared" si="579"/>
        <v>6</v>
      </c>
      <c r="C5205" s="16">
        <v>5171</v>
      </c>
      <c r="D5205" cm="1">
        <f t="array" ref="D5205">IFERROR(INDEX(Jesper!AH$2:AH$366,ROUNDDOWN($C5205/24,0)+1,1)*INDEX($D$3:$AA$30,INDEX(Jesper!$R$2:$R$366,ROW(INDEX(Jesper!AH$2:AH$366,ROUNDDOWN($C5205/24,0)+1,1))-1)+IF('Standard Profiles'!$G$18=$B$10,7,0)+IF('Standard Profiles'!$G$18=$B$17,14,0)+IF('Standard Profiles'!$G$18=$B$24,21,0),MOD($C5205,24)+1)/SUM(INDEX($D$3:$AA$30,INDEX(Jesper!$R$2:$R$366,ROW(INDEX(Jesper!AH$2:AH$366,ROUNDDOWN($C5205/24,0)+1,1))-1)+IF('Standard Profiles'!$G$18=$B$10,7,0)+IF('Standard Profiles'!$G$18=$B$17,14,0)+IF('Standard Profiles'!$G$18=$B$24,21,0),0)),0)</f>
        <v>11.992362891487948</v>
      </c>
      <c r="E5205" cm="1">
        <f t="array" ref="E5205">IFERROR(INDEX(Jesper!AI$2:AI$366,ROUNDDOWN($C5205/24,0)+1,1)*INDEX($D$3:$AA$30,INDEX(Jesper!$R$2:$R$366,ROW(INDEX(Jesper!AI$2:AI$366,ROUNDDOWN($C5205/24,0)+1,1))-1)+IF('Standard Profiles'!$G$19=$B$10,7,0)+IF('Standard Profiles'!$G$19=$B$17,14,0)+IF('Standard Profiles'!$G$19=$B$24,21,0),MOD($C5205,24)+1)/SUM(INDEX($D$3:$AA$30,INDEX(Jesper!$R$2:$R$366,ROW(INDEX(Jesper!AI$2:AI$366,ROUNDDOWN($C5205/24,0)+1,1))-1)+IF('Standard Profiles'!$G$19=$B$10,7,0)+IF('Standard Profiles'!$G$19=$B$17,14,0)+IF('Standard Profiles'!$G$19=$B$24,21,0),0)),0)</f>
        <v>1.8608784292459395</v>
      </c>
      <c r="F5205" cm="1">
        <f t="array" ref="F5205">IFERROR(INDEX(Jesper!AJ$2:AJ$366,ROUNDDOWN($C5205/24,0)+1,1)*INDEX($D$3:$AA$30,INDEX(Jesper!$R$2:$R$366,ROW(INDEX(Jesper!AJ$2:AJ$366,ROUNDDOWN($C5205/24,0)+1,1))-1)+IF('Standard Profiles'!$G$20=$B$10,7,0)+IF('Standard Profiles'!$G$20=$B$17,14,0)+IF('Standard Profiles'!$G$20=$B$24,21,0),MOD($C5205,24)+1)/SUM(INDEX($D$3:$AA$30,INDEX(Jesper!$R$2:$R$366,ROW(INDEX(Jesper!AJ$2:AJ$366,ROUNDDOWN($C5205/24,0)+1,1))-1)+IF('Standard Profiles'!$G$20=$B$10,7,0)+IF('Standard Profiles'!$G$20=$B$17,14,0)+IF('Standard Profiles'!$G$20=$B$24,21,0),0)),0)</f>
        <v>0</v>
      </c>
      <c r="G5205" cm="1">
        <f t="array" ref="G5205">IFERROR(INDEX(Jesper!AK$2:AK$366,ROUNDDOWN($C5205/24,0)+1,1)*INDEX($D$3:$AA$30,INDEX(Jesper!$R$2:$R$366,ROW(INDEX(Jesper!AK$2:AK$366,ROUNDDOWN($C5205/24,0)+1,1))-1)+IF('Standard Profiles'!$G$21=$B$10,7,0)+IF('Standard Profiles'!$G$21=$B$17,14,0)+IF('Standard Profiles'!$G$21=$B$24,21,0),MOD($C5205,24)+1)/SUM(INDEX($D$3:$AA$30,INDEX(Jesper!$R$2:$R$366,ROW(INDEX(Jesper!AK$2:AK$366,ROUNDDOWN($C5205/24,0)+1,1))-1)+IF('Standard Profiles'!$G$21=$B$10,7,0)+IF('Standard Profiles'!$G$21=$B$17,14,0)+IF('Standard Profiles'!$G$21=$B$24,21,0),0)),0)</f>
        <v>0</v>
      </c>
      <c r="H5205" cm="1">
        <f t="array" ref="H5205">IFERROR(INDEX(Jesper!AL$2:AL$366,ROUNDDOWN($C5205/24,0)+1,1)*INDEX($D$3:$AA$30,INDEX(Jesper!$R$2:$R$366,ROW(INDEX(Jesper!AL$2:AL$366,ROUNDDOWN($C5205/24,0)+1,1))-1)+IF('Standard Profiles'!$G$22=$B$10,7,0)+IF('Standard Profiles'!$G$22=$B$17,14,0)+IF('Standard Profiles'!$G$22=$B$24,21,0),MOD($C5205,24)+1)/SUM(INDEX($D$3:$AA$30,INDEX(Jesper!$R$2:$R$366,ROW(INDEX(Jesper!AL$2:AL$366,ROUNDDOWN($C5205/24,0)+1,1))-1)+IF('Standard Profiles'!$G$22=$B$10,7,0)+IF('Standard Profiles'!$G$22=$B$17,14,0)+IF('Standard Profiles'!$G$22=$B$24,21,0),0)),0)</f>
        <v>0</v>
      </c>
      <c r="I5205">
        <f t="shared" si="580"/>
        <v>0.16764670533747206</v>
      </c>
      <c r="J5205">
        <f t="shared" si="581"/>
        <v>0.55882235112490697</v>
      </c>
      <c r="K5205">
        <f t="shared" si="582"/>
        <v>0.83823352668736051</v>
      </c>
      <c r="L5205">
        <f t="shared" si="583"/>
        <v>12.288538737584149</v>
      </c>
      <c r="M5205">
        <f t="shared" si="584"/>
        <v>0</v>
      </c>
      <c r="N5205" s="46">
        <f t="shared" si="585"/>
        <v>45507.458333320792</v>
      </c>
    </row>
    <row r="5206" spans="2:14" x14ac:dyDescent="0.3">
      <c r="B5206">
        <f t="shared" si="579"/>
        <v>6</v>
      </c>
      <c r="C5206" s="16">
        <v>5172</v>
      </c>
      <c r="D5206" cm="1">
        <f t="array" ref="D5206">IFERROR(INDEX(Jesper!AH$2:AH$366,ROUNDDOWN($C5206/24,0)+1,1)*INDEX($D$3:$AA$30,INDEX(Jesper!$R$2:$R$366,ROW(INDEX(Jesper!AH$2:AH$366,ROUNDDOWN($C5206/24,0)+1,1))-1)+IF('Standard Profiles'!$G$18=$B$10,7,0)+IF('Standard Profiles'!$G$18=$B$17,14,0)+IF('Standard Profiles'!$G$18=$B$24,21,0),MOD($C5206,24)+1)/SUM(INDEX($D$3:$AA$30,INDEX(Jesper!$R$2:$R$366,ROW(INDEX(Jesper!AH$2:AH$366,ROUNDDOWN($C5206/24,0)+1,1))-1)+IF('Standard Profiles'!$G$18=$B$10,7,0)+IF('Standard Profiles'!$G$18=$B$17,14,0)+IF('Standard Profiles'!$G$18=$B$24,21,0),0)),0)</f>
        <v>11.992362891487948</v>
      </c>
      <c r="E5206" cm="1">
        <f t="array" ref="E5206">IFERROR(INDEX(Jesper!AI$2:AI$366,ROUNDDOWN($C5206/24,0)+1,1)*INDEX($D$3:$AA$30,INDEX(Jesper!$R$2:$R$366,ROW(INDEX(Jesper!AI$2:AI$366,ROUNDDOWN($C5206/24,0)+1,1))-1)+IF('Standard Profiles'!$G$19=$B$10,7,0)+IF('Standard Profiles'!$G$19=$B$17,14,0)+IF('Standard Profiles'!$G$19=$B$24,21,0),MOD($C5206,24)+1)/SUM(INDEX($D$3:$AA$30,INDEX(Jesper!$R$2:$R$366,ROW(INDEX(Jesper!AI$2:AI$366,ROUNDDOWN($C5206/24,0)+1,1))-1)+IF('Standard Profiles'!$G$19=$B$10,7,0)+IF('Standard Profiles'!$G$19=$B$17,14,0)+IF('Standard Profiles'!$G$19=$B$24,21,0),0)),0)</f>
        <v>1.8608784292459395</v>
      </c>
      <c r="F5206" cm="1">
        <f t="array" ref="F5206">IFERROR(INDEX(Jesper!AJ$2:AJ$366,ROUNDDOWN($C5206/24,0)+1,1)*INDEX($D$3:$AA$30,INDEX(Jesper!$R$2:$R$366,ROW(INDEX(Jesper!AJ$2:AJ$366,ROUNDDOWN($C5206/24,0)+1,1))-1)+IF('Standard Profiles'!$G$20=$B$10,7,0)+IF('Standard Profiles'!$G$20=$B$17,14,0)+IF('Standard Profiles'!$G$20=$B$24,21,0),MOD($C5206,24)+1)/SUM(INDEX($D$3:$AA$30,INDEX(Jesper!$R$2:$R$366,ROW(INDEX(Jesper!AJ$2:AJ$366,ROUNDDOWN($C5206/24,0)+1,1))-1)+IF('Standard Profiles'!$G$20=$B$10,7,0)+IF('Standard Profiles'!$G$20=$B$17,14,0)+IF('Standard Profiles'!$G$20=$B$24,21,0),0)),0)</f>
        <v>0</v>
      </c>
      <c r="G5206" cm="1">
        <f t="array" ref="G5206">IFERROR(INDEX(Jesper!AK$2:AK$366,ROUNDDOWN($C5206/24,0)+1,1)*INDEX($D$3:$AA$30,INDEX(Jesper!$R$2:$R$366,ROW(INDEX(Jesper!AK$2:AK$366,ROUNDDOWN($C5206/24,0)+1,1))-1)+IF('Standard Profiles'!$G$21=$B$10,7,0)+IF('Standard Profiles'!$G$21=$B$17,14,0)+IF('Standard Profiles'!$G$21=$B$24,21,0),MOD($C5206,24)+1)/SUM(INDEX($D$3:$AA$30,INDEX(Jesper!$R$2:$R$366,ROW(INDEX(Jesper!AK$2:AK$366,ROUNDDOWN($C5206/24,0)+1,1))-1)+IF('Standard Profiles'!$G$21=$B$10,7,0)+IF('Standard Profiles'!$G$21=$B$17,14,0)+IF('Standard Profiles'!$G$21=$B$24,21,0),0)),0)</f>
        <v>0</v>
      </c>
      <c r="H5206" cm="1">
        <f t="array" ref="H5206">IFERROR(INDEX(Jesper!AL$2:AL$366,ROUNDDOWN($C5206/24,0)+1,1)*INDEX($D$3:$AA$30,INDEX(Jesper!$R$2:$R$366,ROW(INDEX(Jesper!AL$2:AL$366,ROUNDDOWN($C5206/24,0)+1,1))-1)+IF('Standard Profiles'!$G$22=$B$10,7,0)+IF('Standard Profiles'!$G$22=$B$17,14,0)+IF('Standard Profiles'!$G$22=$B$24,21,0),MOD($C5206,24)+1)/SUM(INDEX($D$3:$AA$30,INDEX(Jesper!$R$2:$R$366,ROW(INDEX(Jesper!AL$2:AL$366,ROUNDDOWN($C5206/24,0)+1,1))-1)+IF('Standard Profiles'!$G$22=$B$10,7,0)+IF('Standard Profiles'!$G$22=$B$17,14,0)+IF('Standard Profiles'!$G$22=$B$24,21,0),0)),0)</f>
        <v>0</v>
      </c>
      <c r="I5206">
        <f t="shared" si="580"/>
        <v>0.16764670533747206</v>
      </c>
      <c r="J5206">
        <f t="shared" si="581"/>
        <v>0.55882235112490697</v>
      </c>
      <c r="K5206">
        <f t="shared" si="582"/>
        <v>0.83823352668736051</v>
      </c>
      <c r="L5206">
        <f t="shared" si="583"/>
        <v>12.288538737584149</v>
      </c>
      <c r="M5206">
        <f t="shared" si="584"/>
        <v>0</v>
      </c>
      <c r="N5206" s="46">
        <f t="shared" si="585"/>
        <v>45507.499999987456</v>
      </c>
    </row>
    <row r="5207" spans="2:14" x14ac:dyDescent="0.3">
      <c r="B5207">
        <f t="shared" si="579"/>
        <v>6</v>
      </c>
      <c r="C5207" s="16">
        <v>5173</v>
      </c>
      <c r="D5207" cm="1">
        <f t="array" ref="D5207">IFERROR(INDEX(Jesper!AH$2:AH$366,ROUNDDOWN($C5207/24,0)+1,1)*INDEX($D$3:$AA$30,INDEX(Jesper!$R$2:$R$366,ROW(INDEX(Jesper!AH$2:AH$366,ROUNDDOWN($C5207/24,0)+1,1))-1)+IF('Standard Profiles'!$G$18=$B$10,7,0)+IF('Standard Profiles'!$G$18=$B$17,14,0)+IF('Standard Profiles'!$G$18=$B$24,21,0),MOD($C5207,24)+1)/SUM(INDEX($D$3:$AA$30,INDEX(Jesper!$R$2:$R$366,ROW(INDEX(Jesper!AH$2:AH$366,ROUNDDOWN($C5207/24,0)+1,1))-1)+IF('Standard Profiles'!$G$18=$B$10,7,0)+IF('Standard Profiles'!$G$18=$B$17,14,0)+IF('Standard Profiles'!$G$18=$B$24,21,0),0)),0)</f>
        <v>11.992362891487948</v>
      </c>
      <c r="E5207" cm="1">
        <f t="array" ref="E5207">IFERROR(INDEX(Jesper!AI$2:AI$366,ROUNDDOWN($C5207/24,0)+1,1)*INDEX($D$3:$AA$30,INDEX(Jesper!$R$2:$R$366,ROW(INDEX(Jesper!AI$2:AI$366,ROUNDDOWN($C5207/24,0)+1,1))-1)+IF('Standard Profiles'!$G$19=$B$10,7,0)+IF('Standard Profiles'!$G$19=$B$17,14,0)+IF('Standard Profiles'!$G$19=$B$24,21,0),MOD($C5207,24)+1)/SUM(INDEX($D$3:$AA$30,INDEX(Jesper!$R$2:$R$366,ROW(INDEX(Jesper!AI$2:AI$366,ROUNDDOWN($C5207/24,0)+1,1))-1)+IF('Standard Profiles'!$G$19=$B$10,7,0)+IF('Standard Profiles'!$G$19=$B$17,14,0)+IF('Standard Profiles'!$G$19=$B$24,21,0),0)),0)</f>
        <v>1.8608784292459395</v>
      </c>
      <c r="F5207" cm="1">
        <f t="array" ref="F5207">IFERROR(INDEX(Jesper!AJ$2:AJ$366,ROUNDDOWN($C5207/24,0)+1,1)*INDEX($D$3:$AA$30,INDEX(Jesper!$R$2:$R$366,ROW(INDEX(Jesper!AJ$2:AJ$366,ROUNDDOWN($C5207/24,0)+1,1))-1)+IF('Standard Profiles'!$G$20=$B$10,7,0)+IF('Standard Profiles'!$G$20=$B$17,14,0)+IF('Standard Profiles'!$G$20=$B$24,21,0),MOD($C5207,24)+1)/SUM(INDEX($D$3:$AA$30,INDEX(Jesper!$R$2:$R$366,ROW(INDEX(Jesper!AJ$2:AJ$366,ROUNDDOWN($C5207/24,0)+1,1))-1)+IF('Standard Profiles'!$G$20=$B$10,7,0)+IF('Standard Profiles'!$G$20=$B$17,14,0)+IF('Standard Profiles'!$G$20=$B$24,21,0),0)),0)</f>
        <v>0</v>
      </c>
      <c r="G5207" cm="1">
        <f t="array" ref="G5207">IFERROR(INDEX(Jesper!AK$2:AK$366,ROUNDDOWN($C5207/24,0)+1,1)*INDEX($D$3:$AA$30,INDEX(Jesper!$R$2:$R$366,ROW(INDEX(Jesper!AK$2:AK$366,ROUNDDOWN($C5207/24,0)+1,1))-1)+IF('Standard Profiles'!$G$21=$B$10,7,0)+IF('Standard Profiles'!$G$21=$B$17,14,0)+IF('Standard Profiles'!$G$21=$B$24,21,0),MOD($C5207,24)+1)/SUM(INDEX($D$3:$AA$30,INDEX(Jesper!$R$2:$R$366,ROW(INDEX(Jesper!AK$2:AK$366,ROUNDDOWN($C5207/24,0)+1,1))-1)+IF('Standard Profiles'!$G$21=$B$10,7,0)+IF('Standard Profiles'!$G$21=$B$17,14,0)+IF('Standard Profiles'!$G$21=$B$24,21,0),0)),0)</f>
        <v>0</v>
      </c>
      <c r="H5207" cm="1">
        <f t="array" ref="H5207">IFERROR(INDEX(Jesper!AL$2:AL$366,ROUNDDOWN($C5207/24,0)+1,1)*INDEX($D$3:$AA$30,INDEX(Jesper!$R$2:$R$366,ROW(INDEX(Jesper!AL$2:AL$366,ROUNDDOWN($C5207/24,0)+1,1))-1)+IF('Standard Profiles'!$G$22=$B$10,7,0)+IF('Standard Profiles'!$G$22=$B$17,14,0)+IF('Standard Profiles'!$G$22=$B$24,21,0),MOD($C5207,24)+1)/SUM(INDEX($D$3:$AA$30,INDEX(Jesper!$R$2:$R$366,ROW(INDEX(Jesper!AL$2:AL$366,ROUNDDOWN($C5207/24,0)+1,1))-1)+IF('Standard Profiles'!$G$22=$B$10,7,0)+IF('Standard Profiles'!$G$22=$B$17,14,0)+IF('Standard Profiles'!$G$22=$B$24,21,0),0)),0)</f>
        <v>0</v>
      </c>
      <c r="I5207">
        <f t="shared" si="580"/>
        <v>0.16764670533747206</v>
      </c>
      <c r="J5207">
        <f t="shared" si="581"/>
        <v>0.55882235112490697</v>
      </c>
      <c r="K5207">
        <f t="shared" si="582"/>
        <v>0.83823352668736051</v>
      </c>
      <c r="L5207">
        <f t="shared" si="583"/>
        <v>12.288538737584149</v>
      </c>
      <c r="M5207">
        <f t="shared" si="584"/>
        <v>0</v>
      </c>
      <c r="N5207" s="46">
        <f t="shared" si="585"/>
        <v>45507.54166665412</v>
      </c>
    </row>
    <row r="5208" spans="2:14" x14ac:dyDescent="0.3">
      <c r="B5208">
        <f t="shared" si="579"/>
        <v>6</v>
      </c>
      <c r="C5208" s="16">
        <v>5174</v>
      </c>
      <c r="D5208" cm="1">
        <f t="array" ref="D5208">IFERROR(INDEX(Jesper!AH$2:AH$366,ROUNDDOWN($C5208/24,0)+1,1)*INDEX($D$3:$AA$30,INDEX(Jesper!$R$2:$R$366,ROW(INDEX(Jesper!AH$2:AH$366,ROUNDDOWN($C5208/24,0)+1,1))-1)+IF('Standard Profiles'!$G$18=$B$10,7,0)+IF('Standard Profiles'!$G$18=$B$17,14,0)+IF('Standard Profiles'!$G$18=$B$24,21,0),MOD($C5208,24)+1)/SUM(INDEX($D$3:$AA$30,INDEX(Jesper!$R$2:$R$366,ROW(INDEX(Jesper!AH$2:AH$366,ROUNDDOWN($C5208/24,0)+1,1))-1)+IF('Standard Profiles'!$G$18=$B$10,7,0)+IF('Standard Profiles'!$G$18=$B$17,14,0)+IF('Standard Profiles'!$G$18=$B$24,21,0),0)),0)</f>
        <v>11.992362891487948</v>
      </c>
      <c r="E5208" cm="1">
        <f t="array" ref="E5208">IFERROR(INDEX(Jesper!AI$2:AI$366,ROUNDDOWN($C5208/24,0)+1,1)*INDEX($D$3:$AA$30,INDEX(Jesper!$R$2:$R$366,ROW(INDEX(Jesper!AI$2:AI$366,ROUNDDOWN($C5208/24,0)+1,1))-1)+IF('Standard Profiles'!$G$19=$B$10,7,0)+IF('Standard Profiles'!$G$19=$B$17,14,0)+IF('Standard Profiles'!$G$19=$B$24,21,0),MOD($C5208,24)+1)/SUM(INDEX($D$3:$AA$30,INDEX(Jesper!$R$2:$R$366,ROW(INDEX(Jesper!AI$2:AI$366,ROUNDDOWN($C5208/24,0)+1,1))-1)+IF('Standard Profiles'!$G$19=$B$10,7,0)+IF('Standard Profiles'!$G$19=$B$17,14,0)+IF('Standard Profiles'!$G$19=$B$24,21,0),0)),0)</f>
        <v>1.8608784292459395</v>
      </c>
      <c r="F5208" cm="1">
        <f t="array" ref="F5208">IFERROR(INDEX(Jesper!AJ$2:AJ$366,ROUNDDOWN($C5208/24,0)+1,1)*INDEX($D$3:$AA$30,INDEX(Jesper!$R$2:$R$366,ROW(INDEX(Jesper!AJ$2:AJ$366,ROUNDDOWN($C5208/24,0)+1,1))-1)+IF('Standard Profiles'!$G$20=$B$10,7,0)+IF('Standard Profiles'!$G$20=$B$17,14,0)+IF('Standard Profiles'!$G$20=$B$24,21,0),MOD($C5208,24)+1)/SUM(INDEX($D$3:$AA$30,INDEX(Jesper!$R$2:$R$366,ROW(INDEX(Jesper!AJ$2:AJ$366,ROUNDDOWN($C5208/24,0)+1,1))-1)+IF('Standard Profiles'!$G$20=$B$10,7,0)+IF('Standard Profiles'!$G$20=$B$17,14,0)+IF('Standard Profiles'!$G$20=$B$24,21,0),0)),0)</f>
        <v>0</v>
      </c>
      <c r="G5208" cm="1">
        <f t="array" ref="G5208">IFERROR(INDEX(Jesper!AK$2:AK$366,ROUNDDOWN($C5208/24,0)+1,1)*INDEX($D$3:$AA$30,INDEX(Jesper!$R$2:$R$366,ROW(INDEX(Jesper!AK$2:AK$366,ROUNDDOWN($C5208/24,0)+1,1))-1)+IF('Standard Profiles'!$G$21=$B$10,7,0)+IF('Standard Profiles'!$G$21=$B$17,14,0)+IF('Standard Profiles'!$G$21=$B$24,21,0),MOD($C5208,24)+1)/SUM(INDEX($D$3:$AA$30,INDEX(Jesper!$R$2:$R$366,ROW(INDEX(Jesper!AK$2:AK$366,ROUNDDOWN($C5208/24,0)+1,1))-1)+IF('Standard Profiles'!$G$21=$B$10,7,0)+IF('Standard Profiles'!$G$21=$B$17,14,0)+IF('Standard Profiles'!$G$21=$B$24,21,0),0)),0)</f>
        <v>0</v>
      </c>
      <c r="H5208" cm="1">
        <f t="array" ref="H5208">IFERROR(INDEX(Jesper!AL$2:AL$366,ROUNDDOWN($C5208/24,0)+1,1)*INDEX($D$3:$AA$30,INDEX(Jesper!$R$2:$R$366,ROW(INDEX(Jesper!AL$2:AL$366,ROUNDDOWN($C5208/24,0)+1,1))-1)+IF('Standard Profiles'!$G$22=$B$10,7,0)+IF('Standard Profiles'!$G$22=$B$17,14,0)+IF('Standard Profiles'!$G$22=$B$24,21,0),MOD($C5208,24)+1)/SUM(INDEX($D$3:$AA$30,INDEX(Jesper!$R$2:$R$366,ROW(INDEX(Jesper!AL$2:AL$366,ROUNDDOWN($C5208/24,0)+1,1))-1)+IF('Standard Profiles'!$G$22=$B$10,7,0)+IF('Standard Profiles'!$G$22=$B$17,14,0)+IF('Standard Profiles'!$G$22=$B$24,21,0),0)),0)</f>
        <v>0</v>
      </c>
      <c r="I5208">
        <f t="shared" si="580"/>
        <v>0.16764670533747206</v>
      </c>
      <c r="J5208">
        <f t="shared" si="581"/>
        <v>0.55882235112490697</v>
      </c>
      <c r="K5208">
        <f t="shared" si="582"/>
        <v>0.83823352668736051</v>
      </c>
      <c r="L5208">
        <f t="shared" si="583"/>
        <v>12.288538737584149</v>
      </c>
      <c r="M5208">
        <f t="shared" si="584"/>
        <v>0</v>
      </c>
      <c r="N5208" s="46">
        <f t="shared" si="585"/>
        <v>45507.583333320785</v>
      </c>
    </row>
    <row r="5209" spans="2:14" x14ac:dyDescent="0.3">
      <c r="B5209">
        <f t="shared" si="579"/>
        <v>6</v>
      </c>
      <c r="C5209" s="16">
        <v>5175</v>
      </c>
      <c r="D5209" cm="1">
        <f t="array" ref="D5209">IFERROR(INDEX(Jesper!AH$2:AH$366,ROUNDDOWN($C5209/24,0)+1,1)*INDEX($D$3:$AA$30,INDEX(Jesper!$R$2:$R$366,ROW(INDEX(Jesper!AH$2:AH$366,ROUNDDOWN($C5209/24,0)+1,1))-1)+IF('Standard Profiles'!$G$18=$B$10,7,0)+IF('Standard Profiles'!$G$18=$B$17,14,0)+IF('Standard Profiles'!$G$18=$B$24,21,0),MOD($C5209,24)+1)/SUM(INDEX($D$3:$AA$30,INDEX(Jesper!$R$2:$R$366,ROW(INDEX(Jesper!AH$2:AH$366,ROUNDDOWN($C5209/24,0)+1,1))-1)+IF('Standard Profiles'!$G$18=$B$10,7,0)+IF('Standard Profiles'!$G$18=$B$17,14,0)+IF('Standard Profiles'!$G$18=$B$24,21,0),0)),0)</f>
        <v>10.842410285454857</v>
      </c>
      <c r="E5209" cm="1">
        <f t="array" ref="E5209">IFERROR(INDEX(Jesper!AI$2:AI$366,ROUNDDOWN($C5209/24,0)+1,1)*INDEX($D$3:$AA$30,INDEX(Jesper!$R$2:$R$366,ROW(INDEX(Jesper!AI$2:AI$366,ROUNDDOWN($C5209/24,0)+1,1))-1)+IF('Standard Profiles'!$G$19=$B$10,7,0)+IF('Standard Profiles'!$G$19=$B$17,14,0)+IF('Standard Profiles'!$G$19=$B$24,21,0),MOD($C5209,24)+1)/SUM(INDEX($D$3:$AA$30,INDEX(Jesper!$R$2:$R$366,ROW(INDEX(Jesper!AI$2:AI$366,ROUNDDOWN($C5209/24,0)+1,1))-1)+IF('Standard Profiles'!$G$19=$B$10,7,0)+IF('Standard Profiles'!$G$19=$B$17,14,0)+IF('Standard Profiles'!$G$19=$B$24,21,0),0)),0)</f>
        <v>1.6824380319209864</v>
      </c>
      <c r="F5209" cm="1">
        <f t="array" ref="F5209">IFERROR(INDEX(Jesper!AJ$2:AJ$366,ROUNDDOWN($C5209/24,0)+1,1)*INDEX($D$3:$AA$30,INDEX(Jesper!$R$2:$R$366,ROW(INDEX(Jesper!AJ$2:AJ$366,ROUNDDOWN($C5209/24,0)+1,1))-1)+IF('Standard Profiles'!$G$20=$B$10,7,0)+IF('Standard Profiles'!$G$20=$B$17,14,0)+IF('Standard Profiles'!$G$20=$B$24,21,0),MOD($C5209,24)+1)/SUM(INDEX($D$3:$AA$30,INDEX(Jesper!$R$2:$R$366,ROW(INDEX(Jesper!AJ$2:AJ$366,ROUNDDOWN($C5209/24,0)+1,1))-1)+IF('Standard Profiles'!$G$20=$B$10,7,0)+IF('Standard Profiles'!$G$20=$B$17,14,0)+IF('Standard Profiles'!$G$20=$B$24,21,0),0)),0)</f>
        <v>0</v>
      </c>
      <c r="G5209" cm="1">
        <f t="array" ref="G5209">IFERROR(INDEX(Jesper!AK$2:AK$366,ROUNDDOWN($C5209/24,0)+1,1)*INDEX($D$3:$AA$30,INDEX(Jesper!$R$2:$R$366,ROW(INDEX(Jesper!AK$2:AK$366,ROUNDDOWN($C5209/24,0)+1,1))-1)+IF('Standard Profiles'!$G$21=$B$10,7,0)+IF('Standard Profiles'!$G$21=$B$17,14,0)+IF('Standard Profiles'!$G$21=$B$24,21,0),MOD($C5209,24)+1)/SUM(INDEX($D$3:$AA$30,INDEX(Jesper!$R$2:$R$366,ROW(INDEX(Jesper!AK$2:AK$366,ROUNDDOWN($C5209/24,0)+1,1))-1)+IF('Standard Profiles'!$G$21=$B$10,7,0)+IF('Standard Profiles'!$G$21=$B$17,14,0)+IF('Standard Profiles'!$G$21=$B$24,21,0),0)),0)</f>
        <v>0</v>
      </c>
      <c r="H5209" cm="1">
        <f t="array" ref="H5209">IFERROR(INDEX(Jesper!AL$2:AL$366,ROUNDDOWN($C5209/24,0)+1,1)*INDEX($D$3:$AA$30,INDEX(Jesper!$R$2:$R$366,ROW(INDEX(Jesper!AL$2:AL$366,ROUNDDOWN($C5209/24,0)+1,1))-1)+IF('Standard Profiles'!$G$22=$B$10,7,0)+IF('Standard Profiles'!$G$22=$B$17,14,0)+IF('Standard Profiles'!$G$22=$B$24,21,0),MOD($C5209,24)+1)/SUM(INDEX($D$3:$AA$30,INDEX(Jesper!$R$2:$R$366,ROW(INDEX(Jesper!AL$2:AL$366,ROUNDDOWN($C5209/24,0)+1,1))-1)+IF('Standard Profiles'!$G$22=$B$10,7,0)+IF('Standard Profiles'!$G$22=$B$17,14,0)+IF('Standard Profiles'!$G$22=$B$24,21,0),0)),0)</f>
        <v>0</v>
      </c>
      <c r="I5209">
        <f t="shared" si="580"/>
        <v>0.15157099386675557</v>
      </c>
      <c r="J5209">
        <f t="shared" si="581"/>
        <v>0.50523664622251863</v>
      </c>
      <c r="K5209">
        <f t="shared" si="582"/>
        <v>0.75785496933377794</v>
      </c>
      <c r="L5209">
        <f t="shared" si="583"/>
        <v>11.110185707952791</v>
      </c>
      <c r="M5209">
        <f t="shared" si="584"/>
        <v>0</v>
      </c>
      <c r="N5209" s="46">
        <f t="shared" si="585"/>
        <v>45507.624999987449</v>
      </c>
    </row>
    <row r="5210" spans="2:14" x14ac:dyDescent="0.3">
      <c r="B5210">
        <f t="shared" si="579"/>
        <v>6</v>
      </c>
      <c r="C5210" s="16">
        <v>5176</v>
      </c>
      <c r="D5210" cm="1">
        <f t="array" ref="D5210">IFERROR(INDEX(Jesper!AH$2:AH$366,ROUNDDOWN($C5210/24,0)+1,1)*INDEX($D$3:$AA$30,INDEX(Jesper!$R$2:$R$366,ROW(INDEX(Jesper!AH$2:AH$366,ROUNDDOWN($C5210/24,0)+1,1))-1)+IF('Standard Profiles'!$G$18=$B$10,7,0)+IF('Standard Profiles'!$G$18=$B$17,14,0)+IF('Standard Profiles'!$G$18=$B$24,21,0),MOD($C5210,24)+1)/SUM(INDEX($D$3:$AA$30,INDEX(Jesper!$R$2:$R$366,ROW(INDEX(Jesper!AH$2:AH$366,ROUNDDOWN($C5210/24,0)+1,1))-1)+IF('Standard Profiles'!$G$18=$B$10,7,0)+IF('Standard Profiles'!$G$18=$B$17,14,0)+IF('Standard Profiles'!$G$18=$B$24,21,0),0)),0)</f>
        <v>9.8567366231407814</v>
      </c>
      <c r="E5210" cm="1">
        <f t="array" ref="E5210">IFERROR(INDEX(Jesper!AI$2:AI$366,ROUNDDOWN($C5210/24,0)+1,1)*INDEX($D$3:$AA$30,INDEX(Jesper!$R$2:$R$366,ROW(INDEX(Jesper!AI$2:AI$366,ROUNDDOWN($C5210/24,0)+1,1))-1)+IF('Standard Profiles'!$G$19=$B$10,7,0)+IF('Standard Profiles'!$G$19=$B$17,14,0)+IF('Standard Profiles'!$G$19=$B$24,21,0),MOD($C5210,24)+1)/SUM(INDEX($D$3:$AA$30,INDEX(Jesper!$R$2:$R$366,ROW(INDEX(Jesper!AI$2:AI$366,ROUNDDOWN($C5210/24,0)+1,1))-1)+IF('Standard Profiles'!$G$19=$B$10,7,0)+IF('Standard Profiles'!$G$19=$B$17,14,0)+IF('Standard Profiles'!$G$19=$B$24,21,0),0)),0)</f>
        <v>1.5294891199281695</v>
      </c>
      <c r="F5210" cm="1">
        <f t="array" ref="F5210">IFERROR(INDEX(Jesper!AJ$2:AJ$366,ROUNDDOWN($C5210/24,0)+1,1)*INDEX($D$3:$AA$30,INDEX(Jesper!$R$2:$R$366,ROW(INDEX(Jesper!AJ$2:AJ$366,ROUNDDOWN($C5210/24,0)+1,1))-1)+IF('Standard Profiles'!$G$20=$B$10,7,0)+IF('Standard Profiles'!$G$20=$B$17,14,0)+IF('Standard Profiles'!$G$20=$B$24,21,0),MOD($C5210,24)+1)/SUM(INDEX($D$3:$AA$30,INDEX(Jesper!$R$2:$R$366,ROW(INDEX(Jesper!AJ$2:AJ$366,ROUNDDOWN($C5210/24,0)+1,1))-1)+IF('Standard Profiles'!$G$20=$B$10,7,0)+IF('Standard Profiles'!$G$20=$B$17,14,0)+IF('Standard Profiles'!$G$20=$B$24,21,0),0)),0)</f>
        <v>0</v>
      </c>
      <c r="G5210" cm="1">
        <f t="array" ref="G5210">IFERROR(INDEX(Jesper!AK$2:AK$366,ROUNDDOWN($C5210/24,0)+1,1)*INDEX($D$3:$AA$30,INDEX(Jesper!$R$2:$R$366,ROW(INDEX(Jesper!AK$2:AK$366,ROUNDDOWN($C5210/24,0)+1,1))-1)+IF('Standard Profiles'!$G$21=$B$10,7,0)+IF('Standard Profiles'!$G$21=$B$17,14,0)+IF('Standard Profiles'!$G$21=$B$24,21,0),MOD($C5210,24)+1)/SUM(INDEX($D$3:$AA$30,INDEX(Jesper!$R$2:$R$366,ROW(INDEX(Jesper!AK$2:AK$366,ROUNDDOWN($C5210/24,0)+1,1))-1)+IF('Standard Profiles'!$G$21=$B$10,7,0)+IF('Standard Profiles'!$G$21=$B$17,14,0)+IF('Standard Profiles'!$G$21=$B$24,21,0),0)),0)</f>
        <v>0</v>
      </c>
      <c r="H5210" cm="1">
        <f t="array" ref="H5210">IFERROR(INDEX(Jesper!AL$2:AL$366,ROUNDDOWN($C5210/24,0)+1,1)*INDEX($D$3:$AA$30,INDEX(Jesper!$R$2:$R$366,ROW(INDEX(Jesper!AL$2:AL$366,ROUNDDOWN($C5210/24,0)+1,1))-1)+IF('Standard Profiles'!$G$22=$B$10,7,0)+IF('Standard Profiles'!$G$22=$B$17,14,0)+IF('Standard Profiles'!$G$22=$B$24,21,0),MOD($C5210,24)+1)/SUM(INDEX($D$3:$AA$30,INDEX(Jesper!$R$2:$R$366,ROW(INDEX(Jesper!AL$2:AL$366,ROUNDDOWN($C5210/24,0)+1,1))-1)+IF('Standard Profiles'!$G$22=$B$10,7,0)+IF('Standard Profiles'!$G$22=$B$17,14,0)+IF('Standard Profiles'!$G$22=$B$24,21,0),0)),0)</f>
        <v>0</v>
      </c>
      <c r="I5210">
        <f t="shared" si="580"/>
        <v>0.13779181260614143</v>
      </c>
      <c r="J5210">
        <f t="shared" si="581"/>
        <v>0.45930604202047148</v>
      </c>
      <c r="K5210">
        <f t="shared" si="582"/>
        <v>0.6889590630307072</v>
      </c>
      <c r="L5210">
        <f t="shared" si="583"/>
        <v>10.100168825411631</v>
      </c>
      <c r="M5210">
        <f t="shared" si="584"/>
        <v>0</v>
      </c>
      <c r="N5210" s="46">
        <f t="shared" si="585"/>
        <v>45507.666666654113</v>
      </c>
    </row>
    <row r="5211" spans="2:14" x14ac:dyDescent="0.3">
      <c r="B5211">
        <f t="shared" si="579"/>
        <v>6</v>
      </c>
      <c r="C5211" s="16">
        <v>5177</v>
      </c>
      <c r="D5211" cm="1">
        <f t="array" ref="D5211">IFERROR(INDEX(Jesper!AH$2:AH$366,ROUNDDOWN($C5211/24,0)+1,1)*INDEX($D$3:$AA$30,INDEX(Jesper!$R$2:$R$366,ROW(INDEX(Jesper!AH$2:AH$366,ROUNDDOWN($C5211/24,0)+1,1))-1)+IF('Standard Profiles'!$G$18=$B$10,7,0)+IF('Standard Profiles'!$G$18=$B$17,14,0)+IF('Standard Profiles'!$G$18=$B$24,21,0),MOD($C5211,24)+1)/SUM(INDEX($D$3:$AA$30,INDEX(Jesper!$R$2:$R$366,ROW(INDEX(Jesper!AH$2:AH$366,ROUNDDOWN($C5211/24,0)+1,1))-1)+IF('Standard Profiles'!$G$18=$B$10,7,0)+IF('Standard Profiles'!$G$18=$B$17,14,0)+IF('Standard Profiles'!$G$18=$B$24,21,0),0)),0)</f>
        <v>8.8710629608267038</v>
      </c>
      <c r="E5211" cm="1">
        <f t="array" ref="E5211">IFERROR(INDEX(Jesper!AI$2:AI$366,ROUNDDOWN($C5211/24,0)+1,1)*INDEX($D$3:$AA$30,INDEX(Jesper!$R$2:$R$366,ROW(INDEX(Jesper!AI$2:AI$366,ROUNDDOWN($C5211/24,0)+1,1))-1)+IF('Standard Profiles'!$G$19=$B$10,7,0)+IF('Standard Profiles'!$G$19=$B$17,14,0)+IF('Standard Profiles'!$G$19=$B$24,21,0),MOD($C5211,24)+1)/SUM(INDEX($D$3:$AA$30,INDEX(Jesper!$R$2:$R$366,ROW(INDEX(Jesper!AI$2:AI$366,ROUNDDOWN($C5211/24,0)+1,1))-1)+IF('Standard Profiles'!$G$19=$B$10,7,0)+IF('Standard Profiles'!$G$19=$B$17,14,0)+IF('Standard Profiles'!$G$19=$B$24,21,0),0)),0)</f>
        <v>1.3765402079353526</v>
      </c>
      <c r="F5211" cm="1">
        <f t="array" ref="F5211">IFERROR(INDEX(Jesper!AJ$2:AJ$366,ROUNDDOWN($C5211/24,0)+1,1)*INDEX($D$3:$AA$30,INDEX(Jesper!$R$2:$R$366,ROW(INDEX(Jesper!AJ$2:AJ$366,ROUNDDOWN($C5211/24,0)+1,1))-1)+IF('Standard Profiles'!$G$20=$B$10,7,0)+IF('Standard Profiles'!$G$20=$B$17,14,0)+IF('Standard Profiles'!$G$20=$B$24,21,0),MOD($C5211,24)+1)/SUM(INDEX($D$3:$AA$30,INDEX(Jesper!$R$2:$R$366,ROW(INDEX(Jesper!AJ$2:AJ$366,ROUNDDOWN($C5211/24,0)+1,1))-1)+IF('Standard Profiles'!$G$20=$B$10,7,0)+IF('Standard Profiles'!$G$20=$B$17,14,0)+IF('Standard Profiles'!$G$20=$B$24,21,0),0)),0)</f>
        <v>0</v>
      </c>
      <c r="G5211" cm="1">
        <f t="array" ref="G5211">IFERROR(INDEX(Jesper!AK$2:AK$366,ROUNDDOWN($C5211/24,0)+1,1)*INDEX($D$3:$AA$30,INDEX(Jesper!$R$2:$R$366,ROW(INDEX(Jesper!AK$2:AK$366,ROUNDDOWN($C5211/24,0)+1,1))-1)+IF('Standard Profiles'!$G$21=$B$10,7,0)+IF('Standard Profiles'!$G$21=$B$17,14,0)+IF('Standard Profiles'!$G$21=$B$24,21,0),MOD($C5211,24)+1)/SUM(INDEX($D$3:$AA$30,INDEX(Jesper!$R$2:$R$366,ROW(INDEX(Jesper!AK$2:AK$366,ROUNDDOWN($C5211/24,0)+1,1))-1)+IF('Standard Profiles'!$G$21=$B$10,7,0)+IF('Standard Profiles'!$G$21=$B$17,14,0)+IF('Standard Profiles'!$G$21=$B$24,21,0),0)),0)</f>
        <v>0</v>
      </c>
      <c r="H5211" cm="1">
        <f t="array" ref="H5211">IFERROR(INDEX(Jesper!AL$2:AL$366,ROUNDDOWN($C5211/24,0)+1,1)*INDEX($D$3:$AA$30,INDEX(Jesper!$R$2:$R$366,ROW(INDEX(Jesper!AL$2:AL$366,ROUNDDOWN($C5211/24,0)+1,1))-1)+IF('Standard Profiles'!$G$22=$B$10,7,0)+IF('Standard Profiles'!$G$22=$B$17,14,0)+IF('Standard Profiles'!$G$22=$B$24,21,0),MOD($C5211,24)+1)/SUM(INDEX($D$3:$AA$30,INDEX(Jesper!$R$2:$R$366,ROW(INDEX(Jesper!AL$2:AL$366,ROUNDDOWN($C5211/24,0)+1,1))-1)+IF('Standard Profiles'!$G$22=$B$10,7,0)+IF('Standard Profiles'!$G$22=$B$17,14,0)+IF('Standard Profiles'!$G$22=$B$24,21,0),0)),0)</f>
        <v>0</v>
      </c>
      <c r="I5211">
        <f t="shared" si="580"/>
        <v>0.1240126313455273</v>
      </c>
      <c r="J5211">
        <f t="shared" si="581"/>
        <v>0.41337543781842434</v>
      </c>
      <c r="K5211">
        <f t="shared" si="582"/>
        <v>0.62006315672763657</v>
      </c>
      <c r="L5211">
        <f t="shared" si="583"/>
        <v>9.0901519428704685</v>
      </c>
      <c r="M5211">
        <f t="shared" si="584"/>
        <v>0</v>
      </c>
      <c r="N5211" s="46">
        <f t="shared" si="585"/>
        <v>45507.708333320777</v>
      </c>
    </row>
    <row r="5212" spans="2:14" x14ac:dyDescent="0.3">
      <c r="B5212">
        <f t="shared" si="579"/>
        <v>6</v>
      </c>
      <c r="C5212" s="16">
        <v>5178</v>
      </c>
      <c r="D5212" cm="1">
        <f t="array" ref="D5212">IFERROR(INDEX(Jesper!AH$2:AH$366,ROUNDDOWN($C5212/24,0)+1,1)*INDEX($D$3:$AA$30,INDEX(Jesper!$R$2:$R$366,ROW(INDEX(Jesper!AH$2:AH$366,ROUNDDOWN($C5212/24,0)+1,1))-1)+IF('Standard Profiles'!$G$18=$B$10,7,0)+IF('Standard Profiles'!$G$18=$B$17,14,0)+IF('Standard Profiles'!$G$18=$B$24,21,0),MOD($C5212,24)+1)/SUM(INDEX($D$3:$AA$30,INDEX(Jesper!$R$2:$R$366,ROW(INDEX(Jesper!AH$2:AH$366,ROUNDDOWN($C5212/24,0)+1,1))-1)+IF('Standard Profiles'!$G$18=$B$10,7,0)+IF('Standard Profiles'!$G$18=$B$17,14,0)+IF('Standard Profiles'!$G$18=$B$24,21,0),0)),0)</f>
        <v>8.5425050733886749</v>
      </c>
      <c r="E5212" cm="1">
        <f t="array" ref="E5212">IFERROR(INDEX(Jesper!AI$2:AI$366,ROUNDDOWN($C5212/24,0)+1,1)*INDEX($D$3:$AA$30,INDEX(Jesper!$R$2:$R$366,ROW(INDEX(Jesper!AI$2:AI$366,ROUNDDOWN($C5212/24,0)+1,1))-1)+IF('Standard Profiles'!$G$19=$B$10,7,0)+IF('Standard Profiles'!$G$19=$B$17,14,0)+IF('Standard Profiles'!$G$19=$B$24,21,0),MOD($C5212,24)+1)/SUM(INDEX($D$3:$AA$30,INDEX(Jesper!$R$2:$R$366,ROW(INDEX(Jesper!AI$2:AI$366,ROUNDDOWN($C5212/24,0)+1,1))-1)+IF('Standard Profiles'!$G$19=$B$10,7,0)+IF('Standard Profiles'!$G$19=$B$17,14,0)+IF('Standard Profiles'!$G$19=$B$24,21,0),0)),0)</f>
        <v>1.3255572372710802</v>
      </c>
      <c r="F5212" cm="1">
        <f t="array" ref="F5212">IFERROR(INDEX(Jesper!AJ$2:AJ$366,ROUNDDOWN($C5212/24,0)+1,1)*INDEX($D$3:$AA$30,INDEX(Jesper!$R$2:$R$366,ROW(INDEX(Jesper!AJ$2:AJ$366,ROUNDDOWN($C5212/24,0)+1,1))-1)+IF('Standard Profiles'!$G$20=$B$10,7,0)+IF('Standard Profiles'!$G$20=$B$17,14,0)+IF('Standard Profiles'!$G$20=$B$24,21,0),MOD($C5212,24)+1)/SUM(INDEX($D$3:$AA$30,INDEX(Jesper!$R$2:$R$366,ROW(INDEX(Jesper!AJ$2:AJ$366,ROUNDDOWN($C5212/24,0)+1,1))-1)+IF('Standard Profiles'!$G$20=$B$10,7,0)+IF('Standard Profiles'!$G$20=$B$17,14,0)+IF('Standard Profiles'!$G$20=$B$24,21,0),0)),0)</f>
        <v>0</v>
      </c>
      <c r="G5212" cm="1">
        <f t="array" ref="G5212">IFERROR(INDEX(Jesper!AK$2:AK$366,ROUNDDOWN($C5212/24,0)+1,1)*INDEX($D$3:$AA$30,INDEX(Jesper!$R$2:$R$366,ROW(INDEX(Jesper!AK$2:AK$366,ROUNDDOWN($C5212/24,0)+1,1))-1)+IF('Standard Profiles'!$G$21=$B$10,7,0)+IF('Standard Profiles'!$G$21=$B$17,14,0)+IF('Standard Profiles'!$G$21=$B$24,21,0),MOD($C5212,24)+1)/SUM(INDEX($D$3:$AA$30,INDEX(Jesper!$R$2:$R$366,ROW(INDEX(Jesper!AK$2:AK$366,ROUNDDOWN($C5212/24,0)+1,1))-1)+IF('Standard Profiles'!$G$21=$B$10,7,0)+IF('Standard Profiles'!$G$21=$B$17,14,0)+IF('Standard Profiles'!$G$21=$B$24,21,0),0)),0)</f>
        <v>0</v>
      </c>
      <c r="H5212" cm="1">
        <f t="array" ref="H5212">IFERROR(INDEX(Jesper!AL$2:AL$366,ROUNDDOWN($C5212/24,0)+1,1)*INDEX($D$3:$AA$30,INDEX(Jesper!$R$2:$R$366,ROW(INDEX(Jesper!AL$2:AL$366,ROUNDDOWN($C5212/24,0)+1,1))-1)+IF('Standard Profiles'!$G$22=$B$10,7,0)+IF('Standard Profiles'!$G$22=$B$17,14,0)+IF('Standard Profiles'!$G$22=$B$24,21,0),MOD($C5212,24)+1)/SUM(INDEX($D$3:$AA$30,INDEX(Jesper!$R$2:$R$366,ROW(INDEX(Jesper!AL$2:AL$366,ROUNDDOWN($C5212/24,0)+1,1))-1)+IF('Standard Profiles'!$G$22=$B$10,7,0)+IF('Standard Profiles'!$G$22=$B$17,14,0)+IF('Standard Profiles'!$G$22=$B$24,21,0),0)),0)</f>
        <v>0</v>
      </c>
      <c r="I5212">
        <f t="shared" si="580"/>
        <v>0.11941957092532257</v>
      </c>
      <c r="J5212">
        <f t="shared" si="581"/>
        <v>0.39806523641774194</v>
      </c>
      <c r="K5212">
        <f t="shared" si="582"/>
        <v>0.59709785462661291</v>
      </c>
      <c r="L5212">
        <f t="shared" si="583"/>
        <v>8.7534796486900781</v>
      </c>
      <c r="M5212">
        <f t="shared" si="584"/>
        <v>0</v>
      </c>
      <c r="N5212" s="46">
        <f t="shared" si="585"/>
        <v>45507.749999987442</v>
      </c>
    </row>
    <row r="5213" spans="2:14" x14ac:dyDescent="0.3">
      <c r="B5213">
        <f t="shared" si="579"/>
        <v>6</v>
      </c>
      <c r="C5213" s="16">
        <v>5179</v>
      </c>
      <c r="D5213" cm="1">
        <f t="array" ref="D5213">IFERROR(INDEX(Jesper!AH$2:AH$366,ROUNDDOWN($C5213/24,0)+1,1)*INDEX($D$3:$AA$30,INDEX(Jesper!$R$2:$R$366,ROW(INDEX(Jesper!AH$2:AH$366,ROUNDDOWN($C5213/24,0)+1,1))-1)+IF('Standard Profiles'!$G$18=$B$10,7,0)+IF('Standard Profiles'!$G$18=$B$17,14,0)+IF('Standard Profiles'!$G$18=$B$24,21,0),MOD($C5213,24)+1)/SUM(INDEX($D$3:$AA$30,INDEX(Jesper!$R$2:$R$366,ROW(INDEX(Jesper!AH$2:AH$366,ROUNDDOWN($C5213/24,0)+1,1))-1)+IF('Standard Profiles'!$G$18=$B$10,7,0)+IF('Standard Profiles'!$G$18=$B$17,14,0)+IF('Standard Profiles'!$G$18=$B$24,21,0),0)),0)</f>
        <v>6.8997156361985459</v>
      </c>
      <c r="E5213" cm="1">
        <f t="array" ref="E5213">IFERROR(INDEX(Jesper!AI$2:AI$366,ROUNDDOWN($C5213/24,0)+1,1)*INDEX($D$3:$AA$30,INDEX(Jesper!$R$2:$R$366,ROW(INDEX(Jesper!AI$2:AI$366,ROUNDDOWN($C5213/24,0)+1,1))-1)+IF('Standard Profiles'!$G$19=$B$10,7,0)+IF('Standard Profiles'!$G$19=$B$17,14,0)+IF('Standard Profiles'!$G$19=$B$24,21,0),MOD($C5213,24)+1)/SUM(INDEX($D$3:$AA$30,INDEX(Jesper!$R$2:$R$366,ROW(INDEX(Jesper!AI$2:AI$366,ROUNDDOWN($C5213/24,0)+1,1))-1)+IF('Standard Profiles'!$G$19=$B$10,7,0)+IF('Standard Profiles'!$G$19=$B$17,14,0)+IF('Standard Profiles'!$G$19=$B$24,21,0),0)),0)</f>
        <v>1.0706423839497188</v>
      </c>
      <c r="F5213" cm="1">
        <f t="array" ref="F5213">IFERROR(INDEX(Jesper!AJ$2:AJ$366,ROUNDDOWN($C5213/24,0)+1,1)*INDEX($D$3:$AA$30,INDEX(Jesper!$R$2:$R$366,ROW(INDEX(Jesper!AJ$2:AJ$366,ROUNDDOWN($C5213/24,0)+1,1))-1)+IF('Standard Profiles'!$G$20=$B$10,7,0)+IF('Standard Profiles'!$G$20=$B$17,14,0)+IF('Standard Profiles'!$G$20=$B$24,21,0),MOD($C5213,24)+1)/SUM(INDEX($D$3:$AA$30,INDEX(Jesper!$R$2:$R$366,ROW(INDEX(Jesper!AJ$2:AJ$366,ROUNDDOWN($C5213/24,0)+1,1))-1)+IF('Standard Profiles'!$G$20=$B$10,7,0)+IF('Standard Profiles'!$G$20=$B$17,14,0)+IF('Standard Profiles'!$G$20=$B$24,21,0),0)),0)</f>
        <v>0</v>
      </c>
      <c r="G5213" cm="1">
        <f t="array" ref="G5213">IFERROR(INDEX(Jesper!AK$2:AK$366,ROUNDDOWN($C5213/24,0)+1,1)*INDEX($D$3:$AA$30,INDEX(Jesper!$R$2:$R$366,ROW(INDEX(Jesper!AK$2:AK$366,ROUNDDOWN($C5213/24,0)+1,1))-1)+IF('Standard Profiles'!$G$21=$B$10,7,0)+IF('Standard Profiles'!$G$21=$B$17,14,0)+IF('Standard Profiles'!$G$21=$B$24,21,0),MOD($C5213,24)+1)/SUM(INDEX($D$3:$AA$30,INDEX(Jesper!$R$2:$R$366,ROW(INDEX(Jesper!AK$2:AK$366,ROUNDDOWN($C5213/24,0)+1,1))-1)+IF('Standard Profiles'!$G$21=$B$10,7,0)+IF('Standard Profiles'!$G$21=$B$17,14,0)+IF('Standard Profiles'!$G$21=$B$24,21,0),0)),0)</f>
        <v>0</v>
      </c>
      <c r="H5213" cm="1">
        <f t="array" ref="H5213">IFERROR(INDEX(Jesper!AL$2:AL$366,ROUNDDOWN($C5213/24,0)+1,1)*INDEX($D$3:$AA$30,INDEX(Jesper!$R$2:$R$366,ROW(INDEX(Jesper!AL$2:AL$366,ROUNDDOWN($C5213/24,0)+1,1))-1)+IF('Standard Profiles'!$G$22=$B$10,7,0)+IF('Standard Profiles'!$G$22=$B$17,14,0)+IF('Standard Profiles'!$G$22=$B$24,21,0),MOD($C5213,24)+1)/SUM(INDEX($D$3:$AA$30,INDEX(Jesper!$R$2:$R$366,ROW(INDEX(Jesper!AL$2:AL$366,ROUNDDOWN($C5213/24,0)+1,1))-1)+IF('Standard Profiles'!$G$22=$B$10,7,0)+IF('Standard Profiles'!$G$22=$B$17,14,0)+IF('Standard Profiles'!$G$22=$B$24,21,0),0)),0)</f>
        <v>0</v>
      </c>
      <c r="I5213">
        <f t="shared" si="580"/>
        <v>9.6454268824299014E-2</v>
      </c>
      <c r="J5213">
        <f t="shared" si="581"/>
        <v>0.32151422941433011</v>
      </c>
      <c r="K5213">
        <f t="shared" si="582"/>
        <v>0.48227134412149514</v>
      </c>
      <c r="L5213">
        <f t="shared" si="583"/>
        <v>7.0701181777881406</v>
      </c>
      <c r="M5213">
        <f t="shared" si="584"/>
        <v>0</v>
      </c>
      <c r="N5213" s="46">
        <f t="shared" si="585"/>
        <v>45507.791666654106</v>
      </c>
    </row>
    <row r="5214" spans="2:14" x14ac:dyDescent="0.3">
      <c r="B5214">
        <f t="shared" si="579"/>
        <v>6</v>
      </c>
      <c r="C5214" s="16">
        <v>5180</v>
      </c>
      <c r="D5214" cm="1">
        <f t="array" ref="D5214">IFERROR(INDEX(Jesper!AH$2:AH$366,ROUNDDOWN($C5214/24,0)+1,1)*INDEX($D$3:$AA$30,INDEX(Jesper!$R$2:$R$366,ROW(INDEX(Jesper!AH$2:AH$366,ROUNDDOWN($C5214/24,0)+1,1))-1)+IF('Standard Profiles'!$G$18=$B$10,7,0)+IF('Standard Profiles'!$G$18=$B$17,14,0)+IF('Standard Profiles'!$G$18=$B$24,21,0),MOD($C5214,24)+1)/SUM(INDEX($D$3:$AA$30,INDEX(Jesper!$R$2:$R$366,ROW(INDEX(Jesper!AH$2:AH$366,ROUNDDOWN($C5214/24,0)+1,1))-1)+IF('Standard Profiles'!$G$18=$B$10,7,0)+IF('Standard Profiles'!$G$18=$B$17,14,0)+IF('Standard Profiles'!$G$18=$B$24,21,0),0)),0)</f>
        <v>5.0926472552894033</v>
      </c>
      <c r="E5214" cm="1">
        <f t="array" ref="E5214">IFERROR(INDEX(Jesper!AI$2:AI$366,ROUNDDOWN($C5214/24,0)+1,1)*INDEX($D$3:$AA$30,INDEX(Jesper!$R$2:$R$366,ROW(INDEX(Jesper!AI$2:AI$366,ROUNDDOWN($C5214/24,0)+1,1))-1)+IF('Standard Profiles'!$G$19=$B$10,7,0)+IF('Standard Profiles'!$G$19=$B$17,14,0)+IF('Standard Profiles'!$G$19=$B$24,21,0),MOD($C5214,24)+1)/SUM(INDEX($D$3:$AA$30,INDEX(Jesper!$R$2:$R$366,ROW(INDEX(Jesper!AI$2:AI$366,ROUNDDOWN($C5214/24,0)+1,1))-1)+IF('Standard Profiles'!$G$19=$B$10,7,0)+IF('Standard Profiles'!$G$19=$B$17,14,0)+IF('Standard Profiles'!$G$19=$B$24,21,0),0)),0)</f>
        <v>0.79023604529622093</v>
      </c>
      <c r="F5214" cm="1">
        <f t="array" ref="F5214">IFERROR(INDEX(Jesper!AJ$2:AJ$366,ROUNDDOWN($C5214/24,0)+1,1)*INDEX($D$3:$AA$30,INDEX(Jesper!$R$2:$R$366,ROW(INDEX(Jesper!AJ$2:AJ$366,ROUNDDOWN($C5214/24,0)+1,1))-1)+IF('Standard Profiles'!$G$20=$B$10,7,0)+IF('Standard Profiles'!$G$20=$B$17,14,0)+IF('Standard Profiles'!$G$20=$B$24,21,0),MOD($C5214,24)+1)/SUM(INDEX($D$3:$AA$30,INDEX(Jesper!$R$2:$R$366,ROW(INDEX(Jesper!AJ$2:AJ$366,ROUNDDOWN($C5214/24,0)+1,1))-1)+IF('Standard Profiles'!$G$20=$B$10,7,0)+IF('Standard Profiles'!$G$20=$B$17,14,0)+IF('Standard Profiles'!$G$20=$B$24,21,0),0)),0)</f>
        <v>0</v>
      </c>
      <c r="G5214" cm="1">
        <f t="array" ref="G5214">IFERROR(INDEX(Jesper!AK$2:AK$366,ROUNDDOWN($C5214/24,0)+1,1)*INDEX($D$3:$AA$30,INDEX(Jesper!$R$2:$R$366,ROW(INDEX(Jesper!AK$2:AK$366,ROUNDDOWN($C5214/24,0)+1,1))-1)+IF('Standard Profiles'!$G$21=$B$10,7,0)+IF('Standard Profiles'!$G$21=$B$17,14,0)+IF('Standard Profiles'!$G$21=$B$24,21,0),MOD($C5214,24)+1)/SUM(INDEX($D$3:$AA$30,INDEX(Jesper!$R$2:$R$366,ROW(INDEX(Jesper!AK$2:AK$366,ROUNDDOWN($C5214/24,0)+1,1))-1)+IF('Standard Profiles'!$G$21=$B$10,7,0)+IF('Standard Profiles'!$G$21=$B$17,14,0)+IF('Standard Profiles'!$G$21=$B$24,21,0),0)),0)</f>
        <v>0</v>
      </c>
      <c r="H5214" cm="1">
        <f t="array" ref="H5214">IFERROR(INDEX(Jesper!AL$2:AL$366,ROUNDDOWN($C5214/24,0)+1,1)*INDEX($D$3:$AA$30,INDEX(Jesper!$R$2:$R$366,ROW(INDEX(Jesper!AL$2:AL$366,ROUNDDOWN($C5214/24,0)+1,1))-1)+IF('Standard Profiles'!$G$22=$B$10,7,0)+IF('Standard Profiles'!$G$22=$B$17,14,0)+IF('Standard Profiles'!$G$22=$B$24,21,0),MOD($C5214,24)+1)/SUM(INDEX($D$3:$AA$30,INDEX(Jesper!$R$2:$R$366,ROW(INDEX(Jesper!AL$2:AL$366,ROUNDDOWN($C5214/24,0)+1,1))-1)+IF('Standard Profiles'!$G$22=$B$10,7,0)+IF('Standard Profiles'!$G$22=$B$17,14,0)+IF('Standard Profiles'!$G$22=$B$24,21,0),0)),0)</f>
        <v>0</v>
      </c>
      <c r="I5214">
        <f t="shared" si="580"/>
        <v>7.1192436513173071E-2</v>
      </c>
      <c r="J5214">
        <f t="shared" si="581"/>
        <v>0.23730812171057694</v>
      </c>
      <c r="K5214">
        <f t="shared" si="582"/>
        <v>0.35596218256586543</v>
      </c>
      <c r="L5214">
        <f t="shared" si="583"/>
        <v>5.2184205597960087</v>
      </c>
      <c r="M5214">
        <f t="shared" si="584"/>
        <v>0</v>
      </c>
      <c r="N5214" s="46">
        <f t="shared" si="585"/>
        <v>45507.83333332077</v>
      </c>
    </row>
    <row r="5215" spans="2:14" x14ac:dyDescent="0.3">
      <c r="B5215">
        <f t="shared" si="579"/>
        <v>6</v>
      </c>
      <c r="C5215" s="16">
        <v>5181</v>
      </c>
      <c r="D5215" cm="1">
        <f t="array" ref="D5215">IFERROR(INDEX(Jesper!AH$2:AH$366,ROUNDDOWN($C5215/24,0)+1,1)*INDEX($D$3:$AA$30,INDEX(Jesper!$R$2:$R$366,ROW(INDEX(Jesper!AH$2:AH$366,ROUNDDOWN($C5215/24,0)+1,1))-1)+IF('Standard Profiles'!$G$18=$B$10,7,0)+IF('Standard Profiles'!$G$18=$B$17,14,0)+IF('Standard Profiles'!$G$18=$B$24,21,0),MOD($C5215,24)+1)/SUM(INDEX($D$3:$AA$30,INDEX(Jesper!$R$2:$R$366,ROW(INDEX(Jesper!AH$2:AH$366,ROUNDDOWN($C5215/24,0)+1,1))-1)+IF('Standard Profiles'!$G$18=$B$10,7,0)+IF('Standard Profiles'!$G$18=$B$17,14,0)+IF('Standard Profiles'!$G$18=$B$24,21,0),0)),0)</f>
        <v>5.0926472552894033</v>
      </c>
      <c r="E5215" cm="1">
        <f t="array" ref="E5215">IFERROR(INDEX(Jesper!AI$2:AI$366,ROUNDDOWN($C5215/24,0)+1,1)*INDEX($D$3:$AA$30,INDEX(Jesper!$R$2:$R$366,ROW(INDEX(Jesper!AI$2:AI$366,ROUNDDOWN($C5215/24,0)+1,1))-1)+IF('Standard Profiles'!$G$19=$B$10,7,0)+IF('Standard Profiles'!$G$19=$B$17,14,0)+IF('Standard Profiles'!$G$19=$B$24,21,0),MOD($C5215,24)+1)/SUM(INDEX($D$3:$AA$30,INDEX(Jesper!$R$2:$R$366,ROW(INDEX(Jesper!AI$2:AI$366,ROUNDDOWN($C5215/24,0)+1,1))-1)+IF('Standard Profiles'!$G$19=$B$10,7,0)+IF('Standard Profiles'!$G$19=$B$17,14,0)+IF('Standard Profiles'!$G$19=$B$24,21,0),0)),0)</f>
        <v>0.79023604529622093</v>
      </c>
      <c r="F5215" cm="1">
        <f t="array" ref="F5215">IFERROR(INDEX(Jesper!AJ$2:AJ$366,ROUNDDOWN($C5215/24,0)+1,1)*INDEX($D$3:$AA$30,INDEX(Jesper!$R$2:$R$366,ROW(INDEX(Jesper!AJ$2:AJ$366,ROUNDDOWN($C5215/24,0)+1,1))-1)+IF('Standard Profiles'!$G$20=$B$10,7,0)+IF('Standard Profiles'!$G$20=$B$17,14,0)+IF('Standard Profiles'!$G$20=$B$24,21,0),MOD($C5215,24)+1)/SUM(INDEX($D$3:$AA$30,INDEX(Jesper!$R$2:$R$366,ROW(INDEX(Jesper!AJ$2:AJ$366,ROUNDDOWN($C5215/24,0)+1,1))-1)+IF('Standard Profiles'!$G$20=$B$10,7,0)+IF('Standard Profiles'!$G$20=$B$17,14,0)+IF('Standard Profiles'!$G$20=$B$24,21,0),0)),0)</f>
        <v>0</v>
      </c>
      <c r="G5215" cm="1">
        <f t="array" ref="G5215">IFERROR(INDEX(Jesper!AK$2:AK$366,ROUNDDOWN($C5215/24,0)+1,1)*INDEX($D$3:$AA$30,INDEX(Jesper!$R$2:$R$366,ROW(INDEX(Jesper!AK$2:AK$366,ROUNDDOWN($C5215/24,0)+1,1))-1)+IF('Standard Profiles'!$G$21=$B$10,7,0)+IF('Standard Profiles'!$G$21=$B$17,14,0)+IF('Standard Profiles'!$G$21=$B$24,21,0),MOD($C5215,24)+1)/SUM(INDEX($D$3:$AA$30,INDEX(Jesper!$R$2:$R$366,ROW(INDEX(Jesper!AK$2:AK$366,ROUNDDOWN($C5215/24,0)+1,1))-1)+IF('Standard Profiles'!$G$21=$B$10,7,0)+IF('Standard Profiles'!$G$21=$B$17,14,0)+IF('Standard Profiles'!$G$21=$B$24,21,0),0)),0)</f>
        <v>0</v>
      </c>
      <c r="H5215" cm="1">
        <f t="array" ref="H5215">IFERROR(INDEX(Jesper!AL$2:AL$366,ROUNDDOWN($C5215/24,0)+1,1)*INDEX($D$3:$AA$30,INDEX(Jesper!$R$2:$R$366,ROW(INDEX(Jesper!AL$2:AL$366,ROUNDDOWN($C5215/24,0)+1,1))-1)+IF('Standard Profiles'!$G$22=$B$10,7,0)+IF('Standard Profiles'!$G$22=$B$17,14,0)+IF('Standard Profiles'!$G$22=$B$24,21,0),MOD($C5215,24)+1)/SUM(INDEX($D$3:$AA$30,INDEX(Jesper!$R$2:$R$366,ROW(INDEX(Jesper!AL$2:AL$366,ROUNDDOWN($C5215/24,0)+1,1))-1)+IF('Standard Profiles'!$G$22=$B$10,7,0)+IF('Standard Profiles'!$G$22=$B$17,14,0)+IF('Standard Profiles'!$G$22=$B$24,21,0),0)),0)</f>
        <v>0</v>
      </c>
      <c r="I5215">
        <f t="shared" si="580"/>
        <v>7.1192436513173071E-2</v>
      </c>
      <c r="J5215">
        <f t="shared" si="581"/>
        <v>0.23730812171057694</v>
      </c>
      <c r="K5215">
        <f t="shared" si="582"/>
        <v>0.35596218256586543</v>
      </c>
      <c r="L5215">
        <f t="shared" si="583"/>
        <v>5.2184205597960087</v>
      </c>
      <c r="M5215">
        <f t="shared" si="584"/>
        <v>0</v>
      </c>
      <c r="N5215" s="46">
        <f t="shared" si="585"/>
        <v>45507.874999987434</v>
      </c>
    </row>
    <row r="5216" spans="2:14" x14ac:dyDescent="0.3">
      <c r="B5216">
        <f t="shared" si="579"/>
        <v>6</v>
      </c>
      <c r="C5216" s="16">
        <v>5182</v>
      </c>
      <c r="D5216" cm="1">
        <f t="array" ref="D5216">IFERROR(INDEX(Jesper!AH$2:AH$366,ROUNDDOWN($C5216/24,0)+1,1)*INDEX($D$3:$AA$30,INDEX(Jesper!$R$2:$R$366,ROW(INDEX(Jesper!AH$2:AH$366,ROUNDDOWN($C5216/24,0)+1,1))-1)+IF('Standard Profiles'!$G$18=$B$10,7,0)+IF('Standard Profiles'!$G$18=$B$17,14,0)+IF('Standard Profiles'!$G$18=$B$24,21,0),MOD($C5216,24)+1)/SUM(INDEX($D$3:$AA$30,INDEX(Jesper!$R$2:$R$366,ROW(INDEX(Jesper!AH$2:AH$366,ROUNDDOWN($C5216/24,0)+1,1))-1)+IF('Standard Profiles'!$G$18=$B$10,7,0)+IF('Standard Profiles'!$G$18=$B$17,14,0)+IF('Standard Profiles'!$G$18=$B$24,21,0),0)),0)</f>
        <v>5.0926472552894033</v>
      </c>
      <c r="E5216" cm="1">
        <f t="array" ref="E5216">IFERROR(INDEX(Jesper!AI$2:AI$366,ROUNDDOWN($C5216/24,0)+1,1)*INDEX($D$3:$AA$30,INDEX(Jesper!$R$2:$R$366,ROW(INDEX(Jesper!AI$2:AI$366,ROUNDDOWN($C5216/24,0)+1,1))-1)+IF('Standard Profiles'!$G$19=$B$10,7,0)+IF('Standard Profiles'!$G$19=$B$17,14,0)+IF('Standard Profiles'!$G$19=$B$24,21,0),MOD($C5216,24)+1)/SUM(INDEX($D$3:$AA$30,INDEX(Jesper!$R$2:$R$366,ROW(INDEX(Jesper!AI$2:AI$366,ROUNDDOWN($C5216/24,0)+1,1))-1)+IF('Standard Profiles'!$G$19=$B$10,7,0)+IF('Standard Profiles'!$G$19=$B$17,14,0)+IF('Standard Profiles'!$G$19=$B$24,21,0),0)),0)</f>
        <v>0.79023604529622093</v>
      </c>
      <c r="F5216" cm="1">
        <f t="array" ref="F5216">IFERROR(INDEX(Jesper!AJ$2:AJ$366,ROUNDDOWN($C5216/24,0)+1,1)*INDEX($D$3:$AA$30,INDEX(Jesper!$R$2:$R$366,ROW(INDEX(Jesper!AJ$2:AJ$366,ROUNDDOWN($C5216/24,0)+1,1))-1)+IF('Standard Profiles'!$G$20=$B$10,7,0)+IF('Standard Profiles'!$G$20=$B$17,14,0)+IF('Standard Profiles'!$G$20=$B$24,21,0),MOD($C5216,24)+1)/SUM(INDEX($D$3:$AA$30,INDEX(Jesper!$R$2:$R$366,ROW(INDEX(Jesper!AJ$2:AJ$366,ROUNDDOWN($C5216/24,0)+1,1))-1)+IF('Standard Profiles'!$G$20=$B$10,7,0)+IF('Standard Profiles'!$G$20=$B$17,14,0)+IF('Standard Profiles'!$G$20=$B$24,21,0),0)),0)</f>
        <v>0</v>
      </c>
      <c r="G5216" cm="1">
        <f t="array" ref="G5216">IFERROR(INDEX(Jesper!AK$2:AK$366,ROUNDDOWN($C5216/24,0)+1,1)*INDEX($D$3:$AA$30,INDEX(Jesper!$R$2:$R$366,ROW(INDEX(Jesper!AK$2:AK$366,ROUNDDOWN($C5216/24,0)+1,1))-1)+IF('Standard Profiles'!$G$21=$B$10,7,0)+IF('Standard Profiles'!$G$21=$B$17,14,0)+IF('Standard Profiles'!$G$21=$B$24,21,0),MOD($C5216,24)+1)/SUM(INDEX($D$3:$AA$30,INDEX(Jesper!$R$2:$R$366,ROW(INDEX(Jesper!AK$2:AK$366,ROUNDDOWN($C5216/24,0)+1,1))-1)+IF('Standard Profiles'!$G$21=$B$10,7,0)+IF('Standard Profiles'!$G$21=$B$17,14,0)+IF('Standard Profiles'!$G$21=$B$24,21,0),0)),0)</f>
        <v>0</v>
      </c>
      <c r="H5216" cm="1">
        <f t="array" ref="H5216">IFERROR(INDEX(Jesper!AL$2:AL$366,ROUNDDOWN($C5216/24,0)+1,1)*INDEX($D$3:$AA$30,INDEX(Jesper!$R$2:$R$366,ROW(INDEX(Jesper!AL$2:AL$366,ROUNDDOWN($C5216/24,0)+1,1))-1)+IF('Standard Profiles'!$G$22=$B$10,7,0)+IF('Standard Profiles'!$G$22=$B$17,14,0)+IF('Standard Profiles'!$G$22=$B$24,21,0),MOD($C5216,24)+1)/SUM(INDEX($D$3:$AA$30,INDEX(Jesper!$R$2:$R$366,ROW(INDEX(Jesper!AL$2:AL$366,ROUNDDOWN($C5216/24,0)+1,1))-1)+IF('Standard Profiles'!$G$22=$B$10,7,0)+IF('Standard Profiles'!$G$22=$B$17,14,0)+IF('Standard Profiles'!$G$22=$B$24,21,0),0)),0)</f>
        <v>0</v>
      </c>
      <c r="I5216">
        <f t="shared" si="580"/>
        <v>7.1192436513173071E-2</v>
      </c>
      <c r="J5216">
        <f t="shared" si="581"/>
        <v>0.23730812171057694</v>
      </c>
      <c r="K5216">
        <f t="shared" si="582"/>
        <v>0.35596218256586543</v>
      </c>
      <c r="L5216">
        <f t="shared" si="583"/>
        <v>5.2184205597960087</v>
      </c>
      <c r="M5216">
        <f t="shared" si="584"/>
        <v>0</v>
      </c>
      <c r="N5216" s="46">
        <f t="shared" si="585"/>
        <v>45507.916666654099</v>
      </c>
    </row>
    <row r="5217" spans="2:14" x14ac:dyDescent="0.3">
      <c r="B5217">
        <f t="shared" si="579"/>
        <v>6</v>
      </c>
      <c r="C5217" s="16">
        <v>5183</v>
      </c>
      <c r="D5217" cm="1">
        <f t="array" ref="D5217">IFERROR(INDEX(Jesper!AH$2:AH$366,ROUNDDOWN($C5217/24,0)+1,1)*INDEX($D$3:$AA$30,INDEX(Jesper!$R$2:$R$366,ROW(INDEX(Jesper!AH$2:AH$366,ROUNDDOWN($C5217/24,0)+1,1))-1)+IF('Standard Profiles'!$G$18=$B$10,7,0)+IF('Standard Profiles'!$G$18=$B$17,14,0)+IF('Standard Profiles'!$G$18=$B$24,21,0),MOD($C5217,24)+1)/SUM(INDEX($D$3:$AA$30,INDEX(Jesper!$R$2:$R$366,ROW(INDEX(Jesper!AH$2:AH$366,ROUNDDOWN($C5217/24,0)+1,1))-1)+IF('Standard Profiles'!$G$18=$B$10,7,0)+IF('Standard Profiles'!$G$18=$B$17,14,0)+IF('Standard Profiles'!$G$18=$B$24,21,0),0)),0)</f>
        <v>5.0926472552894033</v>
      </c>
      <c r="E5217" cm="1">
        <f t="array" ref="E5217">IFERROR(INDEX(Jesper!AI$2:AI$366,ROUNDDOWN($C5217/24,0)+1,1)*INDEX($D$3:$AA$30,INDEX(Jesper!$R$2:$R$366,ROW(INDEX(Jesper!AI$2:AI$366,ROUNDDOWN($C5217/24,0)+1,1))-1)+IF('Standard Profiles'!$G$19=$B$10,7,0)+IF('Standard Profiles'!$G$19=$B$17,14,0)+IF('Standard Profiles'!$G$19=$B$24,21,0),MOD($C5217,24)+1)/SUM(INDEX($D$3:$AA$30,INDEX(Jesper!$R$2:$R$366,ROW(INDEX(Jesper!AI$2:AI$366,ROUNDDOWN($C5217/24,0)+1,1))-1)+IF('Standard Profiles'!$G$19=$B$10,7,0)+IF('Standard Profiles'!$G$19=$B$17,14,0)+IF('Standard Profiles'!$G$19=$B$24,21,0),0)),0)</f>
        <v>0.79023604529622093</v>
      </c>
      <c r="F5217" cm="1">
        <f t="array" ref="F5217">IFERROR(INDEX(Jesper!AJ$2:AJ$366,ROUNDDOWN($C5217/24,0)+1,1)*INDEX($D$3:$AA$30,INDEX(Jesper!$R$2:$R$366,ROW(INDEX(Jesper!AJ$2:AJ$366,ROUNDDOWN($C5217/24,0)+1,1))-1)+IF('Standard Profiles'!$G$20=$B$10,7,0)+IF('Standard Profiles'!$G$20=$B$17,14,0)+IF('Standard Profiles'!$G$20=$B$24,21,0),MOD($C5217,24)+1)/SUM(INDEX($D$3:$AA$30,INDEX(Jesper!$R$2:$R$366,ROW(INDEX(Jesper!AJ$2:AJ$366,ROUNDDOWN($C5217/24,0)+1,1))-1)+IF('Standard Profiles'!$G$20=$B$10,7,0)+IF('Standard Profiles'!$G$20=$B$17,14,0)+IF('Standard Profiles'!$G$20=$B$24,21,0),0)),0)</f>
        <v>0</v>
      </c>
      <c r="G5217" cm="1">
        <f t="array" ref="G5217">IFERROR(INDEX(Jesper!AK$2:AK$366,ROUNDDOWN($C5217/24,0)+1,1)*INDEX($D$3:$AA$30,INDEX(Jesper!$R$2:$R$366,ROW(INDEX(Jesper!AK$2:AK$366,ROUNDDOWN($C5217/24,0)+1,1))-1)+IF('Standard Profiles'!$G$21=$B$10,7,0)+IF('Standard Profiles'!$G$21=$B$17,14,0)+IF('Standard Profiles'!$G$21=$B$24,21,0),MOD($C5217,24)+1)/SUM(INDEX($D$3:$AA$30,INDEX(Jesper!$R$2:$R$366,ROW(INDEX(Jesper!AK$2:AK$366,ROUNDDOWN($C5217/24,0)+1,1))-1)+IF('Standard Profiles'!$G$21=$B$10,7,0)+IF('Standard Profiles'!$G$21=$B$17,14,0)+IF('Standard Profiles'!$G$21=$B$24,21,0),0)),0)</f>
        <v>0</v>
      </c>
      <c r="H5217" cm="1">
        <f t="array" ref="H5217">IFERROR(INDEX(Jesper!AL$2:AL$366,ROUNDDOWN($C5217/24,0)+1,1)*INDEX($D$3:$AA$30,INDEX(Jesper!$R$2:$R$366,ROW(INDEX(Jesper!AL$2:AL$366,ROUNDDOWN($C5217/24,0)+1,1))-1)+IF('Standard Profiles'!$G$22=$B$10,7,0)+IF('Standard Profiles'!$G$22=$B$17,14,0)+IF('Standard Profiles'!$G$22=$B$24,21,0),MOD($C5217,24)+1)/SUM(INDEX($D$3:$AA$30,INDEX(Jesper!$R$2:$R$366,ROW(INDEX(Jesper!AL$2:AL$366,ROUNDDOWN($C5217/24,0)+1,1))-1)+IF('Standard Profiles'!$G$22=$B$10,7,0)+IF('Standard Profiles'!$G$22=$B$17,14,0)+IF('Standard Profiles'!$G$22=$B$24,21,0),0)),0)</f>
        <v>0</v>
      </c>
      <c r="I5217">
        <f t="shared" si="580"/>
        <v>7.1192436513173071E-2</v>
      </c>
      <c r="J5217">
        <f t="shared" si="581"/>
        <v>0.23730812171057694</v>
      </c>
      <c r="K5217">
        <f t="shared" si="582"/>
        <v>0.35596218256586543</v>
      </c>
      <c r="L5217">
        <f t="shared" si="583"/>
        <v>5.2184205597960087</v>
      </c>
      <c r="M5217">
        <f t="shared" si="584"/>
        <v>0</v>
      </c>
      <c r="N5217" s="46">
        <f t="shared" si="585"/>
        <v>45507.958333320763</v>
      </c>
    </row>
    <row r="5218" spans="2:14" x14ac:dyDescent="0.3">
      <c r="B5218">
        <f t="shared" si="579"/>
        <v>7</v>
      </c>
      <c r="C5218" s="16">
        <v>5184</v>
      </c>
      <c r="D5218" cm="1">
        <f t="array" ref="D5218">IFERROR(INDEX(Jesper!AH$2:AH$366,ROUNDDOWN($C5218/24,0)+1,1)*INDEX($D$3:$AA$30,INDEX(Jesper!$R$2:$R$366,ROW(INDEX(Jesper!AH$2:AH$366,ROUNDDOWN($C5218/24,0)+1,1))-1)+IF('Standard Profiles'!$G$18=$B$10,7,0)+IF('Standard Profiles'!$G$18=$B$17,14,0)+IF('Standard Profiles'!$G$18=$B$24,21,0),MOD($C5218,24)+1)/SUM(INDEX($D$3:$AA$30,INDEX(Jesper!$R$2:$R$366,ROW(INDEX(Jesper!AH$2:AH$366,ROUNDDOWN($C5218/24,0)+1,1))-1)+IF('Standard Profiles'!$G$18=$B$10,7,0)+IF('Standard Profiles'!$G$18=$B$17,14,0)+IF('Standard Profiles'!$G$18=$B$24,21,0),0)),0)</f>
        <v>5.7778127807342781</v>
      </c>
      <c r="E5218" cm="1">
        <f t="array" ref="E5218">IFERROR(INDEX(Jesper!AI$2:AI$366,ROUNDDOWN($C5218/24,0)+1,1)*INDEX($D$3:$AA$30,INDEX(Jesper!$R$2:$R$366,ROW(INDEX(Jesper!AI$2:AI$366,ROUNDDOWN($C5218/24,0)+1,1))-1)+IF('Standard Profiles'!$G$19=$B$10,7,0)+IF('Standard Profiles'!$G$19=$B$17,14,0)+IF('Standard Profiles'!$G$19=$B$24,21,0),MOD($C5218,24)+1)/SUM(INDEX($D$3:$AA$30,INDEX(Jesper!$R$2:$R$366,ROW(INDEX(Jesper!AI$2:AI$366,ROUNDDOWN($C5218/24,0)+1,1))-1)+IF('Standard Profiles'!$G$19=$B$10,7,0)+IF('Standard Profiles'!$G$19=$B$17,14,0)+IF('Standard Profiles'!$G$19=$B$24,21,0),0)),0)</f>
        <v>0.89272640519289781</v>
      </c>
      <c r="F5218" cm="1">
        <f t="array" ref="F5218">IFERROR(INDEX(Jesper!AJ$2:AJ$366,ROUNDDOWN($C5218/24,0)+1,1)*INDEX($D$3:$AA$30,INDEX(Jesper!$R$2:$R$366,ROW(INDEX(Jesper!AJ$2:AJ$366,ROUNDDOWN($C5218/24,0)+1,1))-1)+IF('Standard Profiles'!$G$20=$B$10,7,0)+IF('Standard Profiles'!$G$20=$B$17,14,0)+IF('Standard Profiles'!$G$20=$B$24,21,0),MOD($C5218,24)+1)/SUM(INDEX($D$3:$AA$30,INDEX(Jesper!$R$2:$R$366,ROW(INDEX(Jesper!AJ$2:AJ$366,ROUNDDOWN($C5218/24,0)+1,1))-1)+IF('Standard Profiles'!$G$20=$B$10,7,0)+IF('Standard Profiles'!$G$20=$B$17,14,0)+IF('Standard Profiles'!$G$20=$B$24,21,0),0)),0)</f>
        <v>0</v>
      </c>
      <c r="G5218" cm="1">
        <f t="array" ref="G5218">IFERROR(INDEX(Jesper!AK$2:AK$366,ROUNDDOWN($C5218/24,0)+1,1)*INDEX($D$3:$AA$30,INDEX(Jesper!$R$2:$R$366,ROW(INDEX(Jesper!AK$2:AK$366,ROUNDDOWN($C5218/24,0)+1,1))-1)+IF('Standard Profiles'!$G$21=$B$10,7,0)+IF('Standard Profiles'!$G$21=$B$17,14,0)+IF('Standard Profiles'!$G$21=$B$24,21,0),MOD($C5218,24)+1)/SUM(INDEX($D$3:$AA$30,INDEX(Jesper!$R$2:$R$366,ROW(INDEX(Jesper!AK$2:AK$366,ROUNDDOWN($C5218/24,0)+1,1))-1)+IF('Standard Profiles'!$G$21=$B$10,7,0)+IF('Standard Profiles'!$G$21=$B$17,14,0)+IF('Standard Profiles'!$G$21=$B$24,21,0),0)),0)</f>
        <v>0</v>
      </c>
      <c r="H5218" cm="1">
        <f t="array" ref="H5218">IFERROR(INDEX(Jesper!AL$2:AL$366,ROUNDDOWN($C5218/24,0)+1,1)*INDEX($D$3:$AA$30,INDEX(Jesper!$R$2:$R$366,ROW(INDEX(Jesper!AL$2:AL$366,ROUNDDOWN($C5218/24,0)+1,1))-1)+IF('Standard Profiles'!$G$22=$B$10,7,0)+IF('Standard Profiles'!$G$22=$B$17,14,0)+IF('Standard Profiles'!$G$22=$B$24,21,0),MOD($C5218,24)+1)/SUM(INDEX($D$3:$AA$30,INDEX(Jesper!$R$2:$R$366,ROW(INDEX(Jesper!AL$2:AL$366,ROUNDDOWN($C5218/24,0)+1,1))-1)+IF('Standard Profiles'!$G$22=$B$10,7,0)+IF('Standard Profiles'!$G$22=$B$17,14,0)+IF('Standard Profiles'!$G$22=$B$24,21,0),0)),0)</f>
        <v>0</v>
      </c>
      <c r="I5218">
        <f t="shared" si="580"/>
        <v>8.0425802269630448E-2</v>
      </c>
      <c r="J5218">
        <f t="shared" si="581"/>
        <v>0.26808600756543488</v>
      </c>
      <c r="K5218">
        <f t="shared" si="582"/>
        <v>0.40212901134815232</v>
      </c>
      <c r="L5218">
        <f t="shared" si="583"/>
        <v>5.9198983647439585</v>
      </c>
      <c r="M5218">
        <f t="shared" si="584"/>
        <v>0</v>
      </c>
      <c r="N5218" s="46">
        <f t="shared" si="585"/>
        <v>45507.999999987427</v>
      </c>
    </row>
    <row r="5219" spans="2:14" x14ac:dyDescent="0.3">
      <c r="B5219">
        <f t="shared" ref="B5219:B5282" si="586">WEEKDAY(N5219,2)</f>
        <v>7</v>
      </c>
      <c r="C5219" s="16">
        <v>5185</v>
      </c>
      <c r="D5219" cm="1">
        <f t="array" ref="D5219">IFERROR(INDEX(Jesper!AH$2:AH$366,ROUNDDOWN($C5219/24,0)+1,1)*INDEX($D$3:$AA$30,INDEX(Jesper!$R$2:$R$366,ROW(INDEX(Jesper!AH$2:AH$366,ROUNDDOWN($C5219/24,0)+1,1))-1)+IF('Standard Profiles'!$G$18=$B$10,7,0)+IF('Standard Profiles'!$G$18=$B$17,14,0)+IF('Standard Profiles'!$G$18=$B$24,21,0),MOD($C5219,24)+1)/SUM(INDEX($D$3:$AA$30,INDEX(Jesper!$R$2:$R$366,ROW(INDEX(Jesper!AH$2:AH$366,ROUNDDOWN($C5219/24,0)+1,1))-1)+IF('Standard Profiles'!$G$18=$B$10,7,0)+IF('Standard Profiles'!$G$18=$B$17,14,0)+IF('Standard Profiles'!$G$18=$B$24,21,0),0)),0)</f>
        <v>6.7097180679494848</v>
      </c>
      <c r="E5219" cm="1">
        <f t="array" ref="E5219">IFERROR(INDEX(Jesper!AI$2:AI$366,ROUNDDOWN($C5219/24,0)+1,1)*INDEX($D$3:$AA$30,INDEX(Jesper!$R$2:$R$366,ROW(INDEX(Jesper!AI$2:AI$366,ROUNDDOWN($C5219/24,0)+1,1))-1)+IF('Standard Profiles'!$G$19=$B$10,7,0)+IF('Standard Profiles'!$G$19=$B$17,14,0)+IF('Standard Profiles'!$G$19=$B$24,21,0),MOD($C5219,24)+1)/SUM(INDEX($D$3:$AA$30,INDEX(Jesper!$R$2:$R$366,ROW(INDEX(Jesper!AI$2:AI$366,ROUNDDOWN($C5219/24,0)+1,1))-1)+IF('Standard Profiles'!$G$19=$B$10,7,0)+IF('Standard Profiles'!$G$19=$B$17,14,0)+IF('Standard Profiles'!$G$19=$B$24,21,0),0)),0)</f>
        <v>1.03671453506272</v>
      </c>
      <c r="F5219" cm="1">
        <f t="array" ref="F5219">IFERROR(INDEX(Jesper!AJ$2:AJ$366,ROUNDDOWN($C5219/24,0)+1,1)*INDEX($D$3:$AA$30,INDEX(Jesper!$R$2:$R$366,ROW(INDEX(Jesper!AJ$2:AJ$366,ROUNDDOWN($C5219/24,0)+1,1))-1)+IF('Standard Profiles'!$G$20=$B$10,7,0)+IF('Standard Profiles'!$G$20=$B$17,14,0)+IF('Standard Profiles'!$G$20=$B$24,21,0),MOD($C5219,24)+1)/SUM(INDEX($D$3:$AA$30,INDEX(Jesper!$R$2:$R$366,ROW(INDEX(Jesper!AJ$2:AJ$366,ROUNDDOWN($C5219/24,0)+1,1))-1)+IF('Standard Profiles'!$G$20=$B$10,7,0)+IF('Standard Profiles'!$G$20=$B$17,14,0)+IF('Standard Profiles'!$G$20=$B$24,21,0),0)),0)</f>
        <v>0</v>
      </c>
      <c r="G5219" cm="1">
        <f t="array" ref="G5219">IFERROR(INDEX(Jesper!AK$2:AK$366,ROUNDDOWN($C5219/24,0)+1,1)*INDEX($D$3:$AA$30,INDEX(Jesper!$R$2:$R$366,ROW(INDEX(Jesper!AK$2:AK$366,ROUNDDOWN($C5219/24,0)+1,1))-1)+IF('Standard Profiles'!$G$21=$B$10,7,0)+IF('Standard Profiles'!$G$21=$B$17,14,0)+IF('Standard Profiles'!$G$21=$B$24,21,0),MOD($C5219,24)+1)/SUM(INDEX($D$3:$AA$30,INDEX(Jesper!$R$2:$R$366,ROW(INDEX(Jesper!AK$2:AK$366,ROUNDDOWN($C5219/24,0)+1,1))-1)+IF('Standard Profiles'!$G$21=$B$10,7,0)+IF('Standard Profiles'!$G$21=$B$17,14,0)+IF('Standard Profiles'!$G$21=$B$24,21,0),0)),0)</f>
        <v>0</v>
      </c>
      <c r="H5219" cm="1">
        <f t="array" ref="H5219">IFERROR(INDEX(Jesper!AL$2:AL$366,ROUNDDOWN($C5219/24,0)+1,1)*INDEX($D$3:$AA$30,INDEX(Jesper!$R$2:$R$366,ROW(INDEX(Jesper!AL$2:AL$366,ROUNDDOWN($C5219/24,0)+1,1))-1)+IF('Standard Profiles'!$G$22=$B$10,7,0)+IF('Standard Profiles'!$G$22=$B$17,14,0)+IF('Standard Profiles'!$G$22=$B$24,21,0),MOD($C5219,24)+1)/SUM(INDEX($D$3:$AA$30,INDEX(Jesper!$R$2:$R$366,ROW(INDEX(Jesper!AL$2:AL$366,ROUNDDOWN($C5219/24,0)+1,1))-1)+IF('Standard Profiles'!$G$22=$B$10,7,0)+IF('Standard Profiles'!$G$22=$B$17,14,0)+IF('Standard Profiles'!$G$22=$B$24,21,0),0)),0)</f>
        <v>0</v>
      </c>
      <c r="I5219">
        <f t="shared" ref="I5219:I5282" si="587">IF($B5219&lt;6,AC$37*$D5219+AC$38*$E5219+AC$39*$F5219+AC$40*$G5219,AC$46*$D5219+AC$47*$E5219+AC$48*$F5219+AC$49*$G5219+AC$50*$H5219)</f>
        <v>9.3397705861506336E-2</v>
      </c>
      <c r="J5219">
        <f t="shared" ref="J5219:J5282" si="588">IF($B5219&lt;6,AD$37*$D5219+AD$38*$E5219+AD$39*$F5219+AD$40*$G5219,AD$46*$D5219+AD$47*$E5219+AD$48*$F5219+AD$49*$G5219+AD$50*$H5219)</f>
        <v>0.31132568620502116</v>
      </c>
      <c r="K5219">
        <f t="shared" ref="K5219:K5282" si="589">IF($B5219&lt;6,AE$37*$D5219+AE$38*$E5219+AE$39*$F5219+AE$40*$G5219,AE$46*$D5219+AE$47*$E5219+AE$48*$F5219+AE$49*$G5219+AE$50*$H5219)</f>
        <v>0.46698852930753171</v>
      </c>
      <c r="L5219">
        <f t="shared" ref="L5219:L5282" si="590">IF($B5219&lt;6,AF$37*$D5219+AF$38*$E5219+AF$39*$F5219+AF$40*$G5219,AF$46*$D5219+AF$47*$E5219+AF$48*$F5219+AF$49*$G5219+AF$50*$H5219)</f>
        <v>6.8747206816381459</v>
      </c>
      <c r="M5219">
        <f t="shared" ref="M5219:M5282" si="591">IF($B5219&lt;6,AG$37*$D5219+AG$38*$E5219+AG$39*$F5219+AG$40*$G5219,AG$46*$D5219+AG$47*$E5219+AG$48*$F5219+AG$49*$G5219+AG$50*$H5219)</f>
        <v>0</v>
      </c>
      <c r="N5219" s="46">
        <f t="shared" si="585"/>
        <v>45508.041666654091</v>
      </c>
    </row>
    <row r="5220" spans="2:14" x14ac:dyDescent="0.3">
      <c r="B5220">
        <f t="shared" si="586"/>
        <v>7</v>
      </c>
      <c r="C5220" s="16">
        <v>5186</v>
      </c>
      <c r="D5220" cm="1">
        <f t="array" ref="D5220">IFERROR(INDEX(Jesper!AH$2:AH$366,ROUNDDOWN($C5220/24,0)+1,1)*INDEX($D$3:$AA$30,INDEX(Jesper!$R$2:$R$366,ROW(INDEX(Jesper!AH$2:AH$366,ROUNDDOWN($C5220/24,0)+1,1))-1)+IF('Standard Profiles'!$G$18=$B$10,7,0)+IF('Standard Profiles'!$G$18=$B$17,14,0)+IF('Standard Profiles'!$G$18=$B$24,21,0),MOD($C5220,24)+1)/SUM(INDEX($D$3:$AA$30,INDEX(Jesper!$R$2:$R$366,ROW(INDEX(Jesper!AH$2:AH$366,ROUNDDOWN($C5220/24,0)+1,1))-1)+IF('Standard Profiles'!$G$18=$B$10,7,0)+IF('Standard Profiles'!$G$18=$B$17,14,0)+IF('Standard Profiles'!$G$18=$B$24,21,0),0)),0)</f>
        <v>6.7097180679494848</v>
      </c>
      <c r="E5220" cm="1">
        <f t="array" ref="E5220">IFERROR(INDEX(Jesper!AI$2:AI$366,ROUNDDOWN($C5220/24,0)+1,1)*INDEX($D$3:$AA$30,INDEX(Jesper!$R$2:$R$366,ROW(INDEX(Jesper!AI$2:AI$366,ROUNDDOWN($C5220/24,0)+1,1))-1)+IF('Standard Profiles'!$G$19=$B$10,7,0)+IF('Standard Profiles'!$G$19=$B$17,14,0)+IF('Standard Profiles'!$G$19=$B$24,21,0),MOD($C5220,24)+1)/SUM(INDEX($D$3:$AA$30,INDEX(Jesper!$R$2:$R$366,ROW(INDEX(Jesper!AI$2:AI$366,ROUNDDOWN($C5220/24,0)+1,1))-1)+IF('Standard Profiles'!$G$19=$B$10,7,0)+IF('Standard Profiles'!$G$19=$B$17,14,0)+IF('Standard Profiles'!$G$19=$B$24,21,0),0)),0)</f>
        <v>1.03671453506272</v>
      </c>
      <c r="F5220" cm="1">
        <f t="array" ref="F5220">IFERROR(INDEX(Jesper!AJ$2:AJ$366,ROUNDDOWN($C5220/24,0)+1,1)*INDEX($D$3:$AA$30,INDEX(Jesper!$R$2:$R$366,ROW(INDEX(Jesper!AJ$2:AJ$366,ROUNDDOWN($C5220/24,0)+1,1))-1)+IF('Standard Profiles'!$G$20=$B$10,7,0)+IF('Standard Profiles'!$G$20=$B$17,14,0)+IF('Standard Profiles'!$G$20=$B$24,21,0),MOD($C5220,24)+1)/SUM(INDEX($D$3:$AA$30,INDEX(Jesper!$R$2:$R$366,ROW(INDEX(Jesper!AJ$2:AJ$366,ROUNDDOWN($C5220/24,0)+1,1))-1)+IF('Standard Profiles'!$G$20=$B$10,7,0)+IF('Standard Profiles'!$G$20=$B$17,14,0)+IF('Standard Profiles'!$G$20=$B$24,21,0),0)),0)</f>
        <v>0</v>
      </c>
      <c r="G5220" cm="1">
        <f t="array" ref="G5220">IFERROR(INDEX(Jesper!AK$2:AK$366,ROUNDDOWN($C5220/24,0)+1,1)*INDEX($D$3:$AA$30,INDEX(Jesper!$R$2:$R$366,ROW(INDEX(Jesper!AK$2:AK$366,ROUNDDOWN($C5220/24,0)+1,1))-1)+IF('Standard Profiles'!$G$21=$B$10,7,0)+IF('Standard Profiles'!$G$21=$B$17,14,0)+IF('Standard Profiles'!$G$21=$B$24,21,0),MOD($C5220,24)+1)/SUM(INDEX($D$3:$AA$30,INDEX(Jesper!$R$2:$R$366,ROW(INDEX(Jesper!AK$2:AK$366,ROUNDDOWN($C5220/24,0)+1,1))-1)+IF('Standard Profiles'!$G$21=$B$10,7,0)+IF('Standard Profiles'!$G$21=$B$17,14,0)+IF('Standard Profiles'!$G$21=$B$24,21,0),0)),0)</f>
        <v>0</v>
      </c>
      <c r="H5220" cm="1">
        <f t="array" ref="H5220">IFERROR(INDEX(Jesper!AL$2:AL$366,ROUNDDOWN($C5220/24,0)+1,1)*INDEX($D$3:$AA$30,INDEX(Jesper!$R$2:$R$366,ROW(INDEX(Jesper!AL$2:AL$366,ROUNDDOWN($C5220/24,0)+1,1))-1)+IF('Standard Profiles'!$G$22=$B$10,7,0)+IF('Standard Profiles'!$G$22=$B$17,14,0)+IF('Standard Profiles'!$G$22=$B$24,21,0),MOD($C5220,24)+1)/SUM(INDEX($D$3:$AA$30,INDEX(Jesper!$R$2:$R$366,ROW(INDEX(Jesper!AL$2:AL$366,ROUNDDOWN($C5220/24,0)+1,1))-1)+IF('Standard Profiles'!$G$22=$B$10,7,0)+IF('Standard Profiles'!$G$22=$B$17,14,0)+IF('Standard Profiles'!$G$22=$B$24,21,0),0)),0)</f>
        <v>0</v>
      </c>
      <c r="I5220">
        <f t="shared" si="587"/>
        <v>9.3397705861506336E-2</v>
      </c>
      <c r="J5220">
        <f t="shared" si="588"/>
        <v>0.31132568620502116</v>
      </c>
      <c r="K5220">
        <f t="shared" si="589"/>
        <v>0.46698852930753171</v>
      </c>
      <c r="L5220">
        <f t="shared" si="590"/>
        <v>6.8747206816381459</v>
      </c>
      <c r="M5220">
        <f t="shared" si="591"/>
        <v>0</v>
      </c>
      <c r="N5220" s="46">
        <f t="shared" ref="N5220:N5283" si="592">N5219+1/24</f>
        <v>45508.083333320756</v>
      </c>
    </row>
    <row r="5221" spans="2:14" x14ac:dyDescent="0.3">
      <c r="B5221">
        <f t="shared" si="586"/>
        <v>7</v>
      </c>
      <c r="C5221" s="16">
        <v>5187</v>
      </c>
      <c r="D5221" cm="1">
        <f t="array" ref="D5221">IFERROR(INDEX(Jesper!AH$2:AH$366,ROUNDDOWN($C5221/24,0)+1,1)*INDEX($D$3:$AA$30,INDEX(Jesper!$R$2:$R$366,ROW(INDEX(Jesper!AH$2:AH$366,ROUNDDOWN($C5221/24,0)+1,1))-1)+IF('Standard Profiles'!$G$18=$B$10,7,0)+IF('Standard Profiles'!$G$18=$B$17,14,0)+IF('Standard Profiles'!$G$18=$B$24,21,0),MOD($C5221,24)+1)/SUM(INDEX($D$3:$AA$30,INDEX(Jesper!$R$2:$R$366,ROW(INDEX(Jesper!AH$2:AH$366,ROUNDDOWN($C5221/24,0)+1,1))-1)+IF('Standard Profiles'!$G$18=$B$10,7,0)+IF('Standard Profiles'!$G$18=$B$17,14,0)+IF('Standard Profiles'!$G$18=$B$24,21,0),0)),0)</f>
        <v>6.7097180679494848</v>
      </c>
      <c r="E5221" cm="1">
        <f t="array" ref="E5221">IFERROR(INDEX(Jesper!AI$2:AI$366,ROUNDDOWN($C5221/24,0)+1,1)*INDEX($D$3:$AA$30,INDEX(Jesper!$R$2:$R$366,ROW(INDEX(Jesper!AI$2:AI$366,ROUNDDOWN($C5221/24,0)+1,1))-1)+IF('Standard Profiles'!$G$19=$B$10,7,0)+IF('Standard Profiles'!$G$19=$B$17,14,0)+IF('Standard Profiles'!$G$19=$B$24,21,0),MOD($C5221,24)+1)/SUM(INDEX($D$3:$AA$30,INDEX(Jesper!$R$2:$R$366,ROW(INDEX(Jesper!AI$2:AI$366,ROUNDDOWN($C5221/24,0)+1,1))-1)+IF('Standard Profiles'!$G$19=$B$10,7,0)+IF('Standard Profiles'!$G$19=$B$17,14,0)+IF('Standard Profiles'!$G$19=$B$24,21,0),0)),0)</f>
        <v>1.03671453506272</v>
      </c>
      <c r="F5221" cm="1">
        <f t="array" ref="F5221">IFERROR(INDEX(Jesper!AJ$2:AJ$366,ROUNDDOWN($C5221/24,0)+1,1)*INDEX($D$3:$AA$30,INDEX(Jesper!$R$2:$R$366,ROW(INDEX(Jesper!AJ$2:AJ$366,ROUNDDOWN($C5221/24,0)+1,1))-1)+IF('Standard Profiles'!$G$20=$B$10,7,0)+IF('Standard Profiles'!$G$20=$B$17,14,0)+IF('Standard Profiles'!$G$20=$B$24,21,0),MOD($C5221,24)+1)/SUM(INDEX($D$3:$AA$30,INDEX(Jesper!$R$2:$R$366,ROW(INDEX(Jesper!AJ$2:AJ$366,ROUNDDOWN($C5221/24,0)+1,1))-1)+IF('Standard Profiles'!$G$20=$B$10,7,0)+IF('Standard Profiles'!$G$20=$B$17,14,0)+IF('Standard Profiles'!$G$20=$B$24,21,0),0)),0)</f>
        <v>0</v>
      </c>
      <c r="G5221" cm="1">
        <f t="array" ref="G5221">IFERROR(INDEX(Jesper!AK$2:AK$366,ROUNDDOWN($C5221/24,0)+1,1)*INDEX($D$3:$AA$30,INDEX(Jesper!$R$2:$R$366,ROW(INDEX(Jesper!AK$2:AK$366,ROUNDDOWN($C5221/24,0)+1,1))-1)+IF('Standard Profiles'!$G$21=$B$10,7,0)+IF('Standard Profiles'!$G$21=$B$17,14,0)+IF('Standard Profiles'!$G$21=$B$24,21,0),MOD($C5221,24)+1)/SUM(INDEX($D$3:$AA$30,INDEX(Jesper!$R$2:$R$366,ROW(INDEX(Jesper!AK$2:AK$366,ROUNDDOWN($C5221/24,0)+1,1))-1)+IF('Standard Profiles'!$G$21=$B$10,7,0)+IF('Standard Profiles'!$G$21=$B$17,14,0)+IF('Standard Profiles'!$G$21=$B$24,21,0),0)),0)</f>
        <v>0</v>
      </c>
      <c r="H5221" cm="1">
        <f t="array" ref="H5221">IFERROR(INDEX(Jesper!AL$2:AL$366,ROUNDDOWN($C5221/24,0)+1,1)*INDEX($D$3:$AA$30,INDEX(Jesper!$R$2:$R$366,ROW(INDEX(Jesper!AL$2:AL$366,ROUNDDOWN($C5221/24,0)+1,1))-1)+IF('Standard Profiles'!$G$22=$B$10,7,0)+IF('Standard Profiles'!$G$22=$B$17,14,0)+IF('Standard Profiles'!$G$22=$B$24,21,0),MOD($C5221,24)+1)/SUM(INDEX($D$3:$AA$30,INDEX(Jesper!$R$2:$R$366,ROW(INDEX(Jesper!AL$2:AL$366,ROUNDDOWN($C5221/24,0)+1,1))-1)+IF('Standard Profiles'!$G$22=$B$10,7,0)+IF('Standard Profiles'!$G$22=$B$17,14,0)+IF('Standard Profiles'!$G$22=$B$24,21,0),0)),0)</f>
        <v>0</v>
      </c>
      <c r="I5221">
        <f t="shared" si="587"/>
        <v>9.3397705861506336E-2</v>
      </c>
      <c r="J5221">
        <f t="shared" si="588"/>
        <v>0.31132568620502116</v>
      </c>
      <c r="K5221">
        <f t="shared" si="589"/>
        <v>0.46698852930753171</v>
      </c>
      <c r="L5221">
        <f t="shared" si="590"/>
        <v>6.8747206816381459</v>
      </c>
      <c r="M5221">
        <f t="shared" si="591"/>
        <v>0</v>
      </c>
      <c r="N5221" s="46">
        <f t="shared" si="592"/>
        <v>45508.12499998742</v>
      </c>
    </row>
    <row r="5222" spans="2:14" x14ac:dyDescent="0.3">
      <c r="B5222">
        <f t="shared" si="586"/>
        <v>7</v>
      </c>
      <c r="C5222" s="16">
        <v>5188</v>
      </c>
      <c r="D5222" cm="1">
        <f t="array" ref="D5222">IFERROR(INDEX(Jesper!AH$2:AH$366,ROUNDDOWN($C5222/24,0)+1,1)*INDEX($D$3:$AA$30,INDEX(Jesper!$R$2:$R$366,ROW(INDEX(Jesper!AH$2:AH$366,ROUNDDOWN($C5222/24,0)+1,1))-1)+IF('Standard Profiles'!$G$18=$B$10,7,0)+IF('Standard Profiles'!$G$18=$B$17,14,0)+IF('Standard Profiles'!$G$18=$B$24,21,0),MOD($C5222,24)+1)/SUM(INDEX($D$3:$AA$30,INDEX(Jesper!$R$2:$R$366,ROW(INDEX(Jesper!AH$2:AH$366,ROUNDDOWN($C5222/24,0)+1,1))-1)+IF('Standard Profiles'!$G$18=$B$10,7,0)+IF('Standard Profiles'!$G$18=$B$17,14,0)+IF('Standard Profiles'!$G$18=$B$24,21,0),0)),0)</f>
        <v>6.7097180679494848</v>
      </c>
      <c r="E5222" cm="1">
        <f t="array" ref="E5222">IFERROR(INDEX(Jesper!AI$2:AI$366,ROUNDDOWN($C5222/24,0)+1,1)*INDEX($D$3:$AA$30,INDEX(Jesper!$R$2:$R$366,ROW(INDEX(Jesper!AI$2:AI$366,ROUNDDOWN($C5222/24,0)+1,1))-1)+IF('Standard Profiles'!$G$19=$B$10,7,0)+IF('Standard Profiles'!$G$19=$B$17,14,0)+IF('Standard Profiles'!$G$19=$B$24,21,0),MOD($C5222,24)+1)/SUM(INDEX($D$3:$AA$30,INDEX(Jesper!$R$2:$R$366,ROW(INDEX(Jesper!AI$2:AI$366,ROUNDDOWN($C5222/24,0)+1,1))-1)+IF('Standard Profiles'!$G$19=$B$10,7,0)+IF('Standard Profiles'!$G$19=$B$17,14,0)+IF('Standard Profiles'!$G$19=$B$24,21,0),0)),0)</f>
        <v>1.03671453506272</v>
      </c>
      <c r="F5222" cm="1">
        <f t="array" ref="F5222">IFERROR(INDEX(Jesper!AJ$2:AJ$366,ROUNDDOWN($C5222/24,0)+1,1)*INDEX($D$3:$AA$30,INDEX(Jesper!$R$2:$R$366,ROW(INDEX(Jesper!AJ$2:AJ$366,ROUNDDOWN($C5222/24,0)+1,1))-1)+IF('Standard Profiles'!$G$20=$B$10,7,0)+IF('Standard Profiles'!$G$20=$B$17,14,0)+IF('Standard Profiles'!$G$20=$B$24,21,0),MOD($C5222,24)+1)/SUM(INDEX($D$3:$AA$30,INDEX(Jesper!$R$2:$R$366,ROW(INDEX(Jesper!AJ$2:AJ$366,ROUNDDOWN($C5222/24,0)+1,1))-1)+IF('Standard Profiles'!$G$20=$B$10,7,0)+IF('Standard Profiles'!$G$20=$B$17,14,0)+IF('Standard Profiles'!$G$20=$B$24,21,0),0)),0)</f>
        <v>0</v>
      </c>
      <c r="G5222" cm="1">
        <f t="array" ref="G5222">IFERROR(INDEX(Jesper!AK$2:AK$366,ROUNDDOWN($C5222/24,0)+1,1)*INDEX($D$3:$AA$30,INDEX(Jesper!$R$2:$R$366,ROW(INDEX(Jesper!AK$2:AK$366,ROUNDDOWN($C5222/24,0)+1,1))-1)+IF('Standard Profiles'!$G$21=$B$10,7,0)+IF('Standard Profiles'!$G$21=$B$17,14,0)+IF('Standard Profiles'!$G$21=$B$24,21,0),MOD($C5222,24)+1)/SUM(INDEX($D$3:$AA$30,INDEX(Jesper!$R$2:$R$366,ROW(INDEX(Jesper!AK$2:AK$366,ROUNDDOWN($C5222/24,0)+1,1))-1)+IF('Standard Profiles'!$G$21=$B$10,7,0)+IF('Standard Profiles'!$G$21=$B$17,14,0)+IF('Standard Profiles'!$G$21=$B$24,21,0),0)),0)</f>
        <v>0</v>
      </c>
      <c r="H5222" cm="1">
        <f t="array" ref="H5222">IFERROR(INDEX(Jesper!AL$2:AL$366,ROUNDDOWN($C5222/24,0)+1,1)*INDEX($D$3:$AA$30,INDEX(Jesper!$R$2:$R$366,ROW(INDEX(Jesper!AL$2:AL$366,ROUNDDOWN($C5222/24,0)+1,1))-1)+IF('Standard Profiles'!$G$22=$B$10,7,0)+IF('Standard Profiles'!$G$22=$B$17,14,0)+IF('Standard Profiles'!$G$22=$B$24,21,0),MOD($C5222,24)+1)/SUM(INDEX($D$3:$AA$30,INDEX(Jesper!$R$2:$R$366,ROW(INDEX(Jesper!AL$2:AL$366,ROUNDDOWN($C5222/24,0)+1,1))-1)+IF('Standard Profiles'!$G$22=$B$10,7,0)+IF('Standard Profiles'!$G$22=$B$17,14,0)+IF('Standard Profiles'!$G$22=$B$24,21,0),0)),0)</f>
        <v>0</v>
      </c>
      <c r="I5222">
        <f t="shared" si="587"/>
        <v>9.3397705861506336E-2</v>
      </c>
      <c r="J5222">
        <f t="shared" si="588"/>
        <v>0.31132568620502116</v>
      </c>
      <c r="K5222">
        <f t="shared" si="589"/>
        <v>0.46698852930753171</v>
      </c>
      <c r="L5222">
        <f t="shared" si="590"/>
        <v>6.8747206816381459</v>
      </c>
      <c r="M5222">
        <f t="shared" si="591"/>
        <v>0</v>
      </c>
      <c r="N5222" s="46">
        <f t="shared" si="592"/>
        <v>45508.166666654084</v>
      </c>
    </row>
    <row r="5223" spans="2:14" x14ac:dyDescent="0.3">
      <c r="B5223">
        <f t="shared" si="586"/>
        <v>7</v>
      </c>
      <c r="C5223" s="16">
        <v>5189</v>
      </c>
      <c r="D5223" cm="1">
        <f t="array" ref="D5223">IFERROR(INDEX(Jesper!AH$2:AH$366,ROUNDDOWN($C5223/24,0)+1,1)*INDEX($D$3:$AA$30,INDEX(Jesper!$R$2:$R$366,ROW(INDEX(Jesper!AH$2:AH$366,ROUNDDOWN($C5223/24,0)+1,1))-1)+IF('Standard Profiles'!$G$18=$B$10,7,0)+IF('Standard Profiles'!$G$18=$B$17,14,0)+IF('Standard Profiles'!$G$18=$B$24,21,0),MOD($C5223,24)+1)/SUM(INDEX($D$3:$AA$30,INDEX(Jesper!$R$2:$R$366,ROW(INDEX(Jesper!AH$2:AH$366,ROUNDDOWN($C5223/24,0)+1,1))-1)+IF('Standard Profiles'!$G$18=$B$10,7,0)+IF('Standard Profiles'!$G$18=$B$17,14,0)+IF('Standard Profiles'!$G$18=$B$24,21,0),0)),0)</f>
        <v>8.3871475849368551</v>
      </c>
      <c r="E5223" cm="1">
        <f t="array" ref="E5223">IFERROR(INDEX(Jesper!AI$2:AI$366,ROUNDDOWN($C5223/24,0)+1,1)*INDEX($D$3:$AA$30,INDEX(Jesper!$R$2:$R$366,ROW(INDEX(Jesper!AI$2:AI$366,ROUNDDOWN($C5223/24,0)+1,1))-1)+IF('Standard Profiles'!$G$19=$B$10,7,0)+IF('Standard Profiles'!$G$19=$B$17,14,0)+IF('Standard Profiles'!$G$19=$B$24,21,0),MOD($C5223,24)+1)/SUM(INDEX($D$3:$AA$30,INDEX(Jesper!$R$2:$R$366,ROW(INDEX(Jesper!AI$2:AI$366,ROUNDDOWN($C5223/24,0)+1,1))-1)+IF('Standard Profiles'!$G$19=$B$10,7,0)+IF('Standard Profiles'!$G$19=$B$17,14,0)+IF('Standard Profiles'!$G$19=$B$24,21,0),0)),0)</f>
        <v>1.2958931688284001</v>
      </c>
      <c r="F5223" cm="1">
        <f t="array" ref="F5223">IFERROR(INDEX(Jesper!AJ$2:AJ$366,ROUNDDOWN($C5223/24,0)+1,1)*INDEX($D$3:$AA$30,INDEX(Jesper!$R$2:$R$366,ROW(INDEX(Jesper!AJ$2:AJ$366,ROUNDDOWN($C5223/24,0)+1,1))-1)+IF('Standard Profiles'!$G$20=$B$10,7,0)+IF('Standard Profiles'!$G$20=$B$17,14,0)+IF('Standard Profiles'!$G$20=$B$24,21,0),MOD($C5223,24)+1)/SUM(INDEX($D$3:$AA$30,INDEX(Jesper!$R$2:$R$366,ROW(INDEX(Jesper!AJ$2:AJ$366,ROUNDDOWN($C5223/24,0)+1,1))-1)+IF('Standard Profiles'!$G$20=$B$10,7,0)+IF('Standard Profiles'!$G$20=$B$17,14,0)+IF('Standard Profiles'!$G$20=$B$24,21,0),0)),0)</f>
        <v>0</v>
      </c>
      <c r="G5223" cm="1">
        <f t="array" ref="G5223">IFERROR(INDEX(Jesper!AK$2:AK$366,ROUNDDOWN($C5223/24,0)+1,1)*INDEX($D$3:$AA$30,INDEX(Jesper!$R$2:$R$366,ROW(INDEX(Jesper!AK$2:AK$366,ROUNDDOWN($C5223/24,0)+1,1))-1)+IF('Standard Profiles'!$G$21=$B$10,7,0)+IF('Standard Profiles'!$G$21=$B$17,14,0)+IF('Standard Profiles'!$G$21=$B$24,21,0),MOD($C5223,24)+1)/SUM(INDEX($D$3:$AA$30,INDEX(Jesper!$R$2:$R$366,ROW(INDEX(Jesper!AK$2:AK$366,ROUNDDOWN($C5223/24,0)+1,1))-1)+IF('Standard Profiles'!$G$21=$B$10,7,0)+IF('Standard Profiles'!$G$21=$B$17,14,0)+IF('Standard Profiles'!$G$21=$B$24,21,0),0)),0)</f>
        <v>0</v>
      </c>
      <c r="H5223" cm="1">
        <f t="array" ref="H5223">IFERROR(INDEX(Jesper!AL$2:AL$366,ROUNDDOWN($C5223/24,0)+1,1)*INDEX($D$3:$AA$30,INDEX(Jesper!$R$2:$R$366,ROW(INDEX(Jesper!AL$2:AL$366,ROUNDDOWN($C5223/24,0)+1,1))-1)+IF('Standard Profiles'!$G$22=$B$10,7,0)+IF('Standard Profiles'!$G$22=$B$17,14,0)+IF('Standard Profiles'!$G$22=$B$24,21,0),MOD($C5223,24)+1)/SUM(INDEX($D$3:$AA$30,INDEX(Jesper!$R$2:$R$366,ROW(INDEX(Jesper!AL$2:AL$366,ROUNDDOWN($C5223/24,0)+1,1))-1)+IF('Standard Profiles'!$G$22=$B$10,7,0)+IF('Standard Profiles'!$G$22=$B$17,14,0)+IF('Standard Profiles'!$G$22=$B$24,21,0),0)),0)</f>
        <v>0</v>
      </c>
      <c r="I5223">
        <f t="shared" si="587"/>
        <v>0.11674713232688293</v>
      </c>
      <c r="J5223">
        <f t="shared" si="588"/>
        <v>0.38915710775627643</v>
      </c>
      <c r="K5223">
        <f t="shared" si="589"/>
        <v>0.5837356616344147</v>
      </c>
      <c r="L5223">
        <f t="shared" si="590"/>
        <v>8.5934008520476812</v>
      </c>
      <c r="M5223">
        <f t="shared" si="591"/>
        <v>0</v>
      </c>
      <c r="N5223" s="46">
        <f t="shared" si="592"/>
        <v>45508.208333320748</v>
      </c>
    </row>
    <row r="5224" spans="2:14" x14ac:dyDescent="0.3">
      <c r="B5224">
        <f t="shared" si="586"/>
        <v>7</v>
      </c>
      <c r="C5224" s="16">
        <v>5190</v>
      </c>
      <c r="D5224" cm="1">
        <f t="array" ref="D5224">IFERROR(INDEX(Jesper!AH$2:AH$366,ROUNDDOWN($C5224/24,0)+1,1)*INDEX($D$3:$AA$30,INDEX(Jesper!$R$2:$R$366,ROW(INDEX(Jesper!AH$2:AH$366,ROUNDDOWN($C5224/24,0)+1,1))-1)+IF('Standard Profiles'!$G$18=$B$10,7,0)+IF('Standard Profiles'!$G$18=$B$17,14,0)+IF('Standard Profiles'!$G$18=$B$24,21,0),MOD($C5224,24)+1)/SUM(INDEX($D$3:$AA$30,INDEX(Jesper!$R$2:$R$366,ROW(INDEX(Jesper!AH$2:AH$366,ROUNDDOWN($C5224/24,0)+1,1))-1)+IF('Standard Profiles'!$G$18=$B$10,7,0)+IF('Standard Profiles'!$G$18=$B$17,14,0)+IF('Standard Profiles'!$G$18=$B$24,21,0),0)),0)</f>
        <v>9.8781960444811858</v>
      </c>
      <c r="E5224" cm="1">
        <f t="array" ref="E5224">IFERROR(INDEX(Jesper!AI$2:AI$366,ROUNDDOWN($C5224/24,0)+1,1)*INDEX($D$3:$AA$30,INDEX(Jesper!$R$2:$R$366,ROW(INDEX(Jesper!AI$2:AI$366,ROUNDDOWN($C5224/24,0)+1,1))-1)+IF('Standard Profiles'!$G$19=$B$10,7,0)+IF('Standard Profiles'!$G$19=$B$17,14,0)+IF('Standard Profiles'!$G$19=$B$24,21,0),MOD($C5224,24)+1)/SUM(INDEX($D$3:$AA$30,INDEX(Jesper!$R$2:$R$366,ROW(INDEX(Jesper!AI$2:AI$366,ROUNDDOWN($C5224/24,0)+1,1))-1)+IF('Standard Profiles'!$G$19=$B$10,7,0)+IF('Standard Profiles'!$G$19=$B$17,14,0)+IF('Standard Profiles'!$G$19=$B$24,21,0),0)),0)</f>
        <v>1.5262741766201156</v>
      </c>
      <c r="F5224" cm="1">
        <f t="array" ref="F5224">IFERROR(INDEX(Jesper!AJ$2:AJ$366,ROUNDDOWN($C5224/24,0)+1,1)*INDEX($D$3:$AA$30,INDEX(Jesper!$R$2:$R$366,ROW(INDEX(Jesper!AJ$2:AJ$366,ROUNDDOWN($C5224/24,0)+1,1))-1)+IF('Standard Profiles'!$G$20=$B$10,7,0)+IF('Standard Profiles'!$G$20=$B$17,14,0)+IF('Standard Profiles'!$G$20=$B$24,21,0),MOD($C5224,24)+1)/SUM(INDEX($D$3:$AA$30,INDEX(Jesper!$R$2:$R$366,ROW(INDEX(Jesper!AJ$2:AJ$366,ROUNDDOWN($C5224/24,0)+1,1))-1)+IF('Standard Profiles'!$G$20=$B$10,7,0)+IF('Standard Profiles'!$G$20=$B$17,14,0)+IF('Standard Profiles'!$G$20=$B$24,21,0),0)),0)</f>
        <v>0</v>
      </c>
      <c r="G5224" cm="1">
        <f t="array" ref="G5224">IFERROR(INDEX(Jesper!AK$2:AK$366,ROUNDDOWN($C5224/24,0)+1,1)*INDEX($D$3:$AA$30,INDEX(Jesper!$R$2:$R$366,ROW(INDEX(Jesper!AK$2:AK$366,ROUNDDOWN($C5224/24,0)+1,1))-1)+IF('Standard Profiles'!$G$21=$B$10,7,0)+IF('Standard Profiles'!$G$21=$B$17,14,0)+IF('Standard Profiles'!$G$21=$B$24,21,0),MOD($C5224,24)+1)/SUM(INDEX($D$3:$AA$30,INDEX(Jesper!$R$2:$R$366,ROW(INDEX(Jesper!AK$2:AK$366,ROUNDDOWN($C5224/24,0)+1,1))-1)+IF('Standard Profiles'!$G$21=$B$10,7,0)+IF('Standard Profiles'!$G$21=$B$17,14,0)+IF('Standard Profiles'!$G$21=$B$24,21,0),0)),0)</f>
        <v>0</v>
      </c>
      <c r="H5224" cm="1">
        <f t="array" ref="H5224">IFERROR(INDEX(Jesper!AL$2:AL$366,ROUNDDOWN($C5224/24,0)+1,1)*INDEX($D$3:$AA$30,INDEX(Jesper!$R$2:$R$366,ROW(INDEX(Jesper!AL$2:AL$366,ROUNDDOWN($C5224/24,0)+1,1))-1)+IF('Standard Profiles'!$G$22=$B$10,7,0)+IF('Standard Profiles'!$G$22=$B$17,14,0)+IF('Standard Profiles'!$G$22=$B$24,21,0),MOD($C5224,24)+1)/SUM(INDEX($D$3:$AA$30,INDEX(Jesper!$R$2:$R$366,ROW(INDEX(Jesper!AL$2:AL$366,ROUNDDOWN($C5224/24,0)+1,1))-1)+IF('Standard Profiles'!$G$22=$B$10,7,0)+IF('Standard Profiles'!$G$22=$B$17,14,0)+IF('Standard Profiles'!$G$22=$B$24,21,0),0)),0)</f>
        <v>0</v>
      </c>
      <c r="I5224">
        <f t="shared" si="587"/>
        <v>0.13750217807388432</v>
      </c>
      <c r="J5224">
        <f t="shared" si="588"/>
        <v>0.45834059357961443</v>
      </c>
      <c r="K5224">
        <f t="shared" si="589"/>
        <v>0.6875108903694217</v>
      </c>
      <c r="L5224">
        <f t="shared" si="590"/>
        <v>10.121116559078381</v>
      </c>
      <c r="M5224">
        <f t="shared" si="591"/>
        <v>0</v>
      </c>
      <c r="N5224" s="46">
        <f t="shared" si="592"/>
        <v>45508.249999987413</v>
      </c>
    </row>
    <row r="5225" spans="2:14" x14ac:dyDescent="0.3">
      <c r="B5225">
        <f t="shared" si="586"/>
        <v>7</v>
      </c>
      <c r="C5225" s="16">
        <v>5191</v>
      </c>
      <c r="D5225" cm="1">
        <f t="array" ref="D5225">IFERROR(INDEX(Jesper!AH$2:AH$366,ROUNDDOWN($C5225/24,0)+1,1)*INDEX($D$3:$AA$30,INDEX(Jesper!$R$2:$R$366,ROW(INDEX(Jesper!AH$2:AH$366,ROUNDDOWN($C5225/24,0)+1,1))-1)+IF('Standard Profiles'!$G$18=$B$10,7,0)+IF('Standard Profiles'!$G$18=$B$17,14,0)+IF('Standard Profiles'!$G$18=$B$24,21,0),MOD($C5225,24)+1)/SUM(INDEX($D$3:$AA$30,INDEX(Jesper!$R$2:$R$366,ROW(INDEX(Jesper!AH$2:AH$366,ROUNDDOWN($C5225/24,0)+1,1))-1)+IF('Standard Profiles'!$G$18=$B$10,7,0)+IF('Standard Profiles'!$G$18=$B$17,14,0)+IF('Standard Profiles'!$G$18=$B$24,21,0),0)),0)</f>
        <v>11.742006618911599</v>
      </c>
      <c r="E5225" cm="1">
        <f t="array" ref="E5225">IFERROR(INDEX(Jesper!AI$2:AI$366,ROUNDDOWN($C5225/24,0)+1,1)*INDEX($D$3:$AA$30,INDEX(Jesper!$R$2:$R$366,ROW(INDEX(Jesper!AI$2:AI$366,ROUNDDOWN($C5225/24,0)+1,1))-1)+IF('Standard Profiles'!$G$19=$B$10,7,0)+IF('Standard Profiles'!$G$19=$B$17,14,0)+IF('Standard Profiles'!$G$19=$B$24,21,0),MOD($C5225,24)+1)/SUM(INDEX($D$3:$AA$30,INDEX(Jesper!$R$2:$R$366,ROW(INDEX(Jesper!AI$2:AI$366,ROUNDDOWN($C5225/24,0)+1,1))-1)+IF('Standard Profiles'!$G$19=$B$10,7,0)+IF('Standard Profiles'!$G$19=$B$17,14,0)+IF('Standard Profiles'!$G$19=$B$24,21,0),0)),0)</f>
        <v>1.8142504363597602</v>
      </c>
      <c r="F5225" cm="1">
        <f t="array" ref="F5225">IFERROR(INDEX(Jesper!AJ$2:AJ$366,ROUNDDOWN($C5225/24,0)+1,1)*INDEX($D$3:$AA$30,INDEX(Jesper!$R$2:$R$366,ROW(INDEX(Jesper!AJ$2:AJ$366,ROUNDDOWN($C5225/24,0)+1,1))-1)+IF('Standard Profiles'!$G$20=$B$10,7,0)+IF('Standard Profiles'!$G$20=$B$17,14,0)+IF('Standard Profiles'!$G$20=$B$24,21,0),MOD($C5225,24)+1)/SUM(INDEX($D$3:$AA$30,INDEX(Jesper!$R$2:$R$366,ROW(INDEX(Jesper!AJ$2:AJ$366,ROUNDDOWN($C5225/24,0)+1,1))-1)+IF('Standard Profiles'!$G$20=$B$10,7,0)+IF('Standard Profiles'!$G$20=$B$17,14,0)+IF('Standard Profiles'!$G$20=$B$24,21,0),0)),0)</f>
        <v>0</v>
      </c>
      <c r="G5225" cm="1">
        <f t="array" ref="G5225">IFERROR(INDEX(Jesper!AK$2:AK$366,ROUNDDOWN($C5225/24,0)+1,1)*INDEX($D$3:$AA$30,INDEX(Jesper!$R$2:$R$366,ROW(INDEX(Jesper!AK$2:AK$366,ROUNDDOWN($C5225/24,0)+1,1))-1)+IF('Standard Profiles'!$G$21=$B$10,7,0)+IF('Standard Profiles'!$G$21=$B$17,14,0)+IF('Standard Profiles'!$G$21=$B$24,21,0),MOD($C5225,24)+1)/SUM(INDEX($D$3:$AA$30,INDEX(Jesper!$R$2:$R$366,ROW(INDEX(Jesper!AK$2:AK$366,ROUNDDOWN($C5225/24,0)+1,1))-1)+IF('Standard Profiles'!$G$21=$B$10,7,0)+IF('Standard Profiles'!$G$21=$B$17,14,0)+IF('Standard Profiles'!$G$21=$B$24,21,0),0)),0)</f>
        <v>0</v>
      </c>
      <c r="H5225" cm="1">
        <f t="array" ref="H5225">IFERROR(INDEX(Jesper!AL$2:AL$366,ROUNDDOWN($C5225/24,0)+1,1)*INDEX($D$3:$AA$30,INDEX(Jesper!$R$2:$R$366,ROW(INDEX(Jesper!AL$2:AL$366,ROUNDDOWN($C5225/24,0)+1,1))-1)+IF('Standard Profiles'!$G$22=$B$10,7,0)+IF('Standard Profiles'!$G$22=$B$17,14,0)+IF('Standard Profiles'!$G$22=$B$24,21,0),MOD($C5225,24)+1)/SUM(INDEX($D$3:$AA$30,INDEX(Jesper!$R$2:$R$366,ROW(INDEX(Jesper!AL$2:AL$366,ROUNDDOWN($C5225/24,0)+1,1))-1)+IF('Standard Profiles'!$G$22=$B$10,7,0)+IF('Standard Profiles'!$G$22=$B$17,14,0)+IF('Standard Profiles'!$G$22=$B$24,21,0),0)),0)</f>
        <v>0</v>
      </c>
      <c r="I5225">
        <f t="shared" si="587"/>
        <v>0.16344598525763609</v>
      </c>
      <c r="J5225">
        <f t="shared" si="588"/>
        <v>0.54481995085878709</v>
      </c>
      <c r="K5225">
        <f t="shared" si="589"/>
        <v>0.81722992628818059</v>
      </c>
      <c r="L5225">
        <f t="shared" si="590"/>
        <v>12.030761192866755</v>
      </c>
      <c r="M5225">
        <f t="shared" si="591"/>
        <v>0</v>
      </c>
      <c r="N5225" s="46">
        <f t="shared" si="592"/>
        <v>45508.291666654077</v>
      </c>
    </row>
    <row r="5226" spans="2:14" x14ac:dyDescent="0.3">
      <c r="B5226">
        <f t="shared" si="586"/>
        <v>7</v>
      </c>
      <c r="C5226" s="16">
        <v>5192</v>
      </c>
      <c r="D5226" cm="1">
        <f t="array" ref="D5226">IFERROR(INDEX(Jesper!AH$2:AH$366,ROUNDDOWN($C5226/24,0)+1,1)*INDEX($D$3:$AA$30,INDEX(Jesper!$R$2:$R$366,ROW(INDEX(Jesper!AH$2:AH$366,ROUNDDOWN($C5226/24,0)+1,1))-1)+IF('Standard Profiles'!$G$18=$B$10,7,0)+IF('Standard Profiles'!$G$18=$B$17,14,0)+IF('Standard Profiles'!$G$18=$B$24,21,0),MOD($C5226,24)+1)/SUM(INDEX($D$3:$AA$30,INDEX(Jesper!$R$2:$R$366,ROW(INDEX(Jesper!AH$2:AH$366,ROUNDDOWN($C5226/24,0)+1,1))-1)+IF('Standard Profiles'!$G$18=$B$10,7,0)+IF('Standard Profiles'!$G$18=$B$17,14,0)+IF('Standard Profiles'!$G$18=$B$24,21,0),0)),0)</f>
        <v>11.742006618911599</v>
      </c>
      <c r="E5226" cm="1">
        <f t="array" ref="E5226">IFERROR(INDEX(Jesper!AI$2:AI$366,ROUNDDOWN($C5226/24,0)+1,1)*INDEX($D$3:$AA$30,INDEX(Jesper!$R$2:$R$366,ROW(INDEX(Jesper!AI$2:AI$366,ROUNDDOWN($C5226/24,0)+1,1))-1)+IF('Standard Profiles'!$G$19=$B$10,7,0)+IF('Standard Profiles'!$G$19=$B$17,14,0)+IF('Standard Profiles'!$G$19=$B$24,21,0),MOD($C5226,24)+1)/SUM(INDEX($D$3:$AA$30,INDEX(Jesper!$R$2:$R$366,ROW(INDEX(Jesper!AI$2:AI$366,ROUNDDOWN($C5226/24,0)+1,1))-1)+IF('Standard Profiles'!$G$19=$B$10,7,0)+IF('Standard Profiles'!$G$19=$B$17,14,0)+IF('Standard Profiles'!$G$19=$B$24,21,0),0)),0)</f>
        <v>1.8142504363597602</v>
      </c>
      <c r="F5226" cm="1">
        <f t="array" ref="F5226">IFERROR(INDEX(Jesper!AJ$2:AJ$366,ROUNDDOWN($C5226/24,0)+1,1)*INDEX($D$3:$AA$30,INDEX(Jesper!$R$2:$R$366,ROW(INDEX(Jesper!AJ$2:AJ$366,ROUNDDOWN($C5226/24,0)+1,1))-1)+IF('Standard Profiles'!$G$20=$B$10,7,0)+IF('Standard Profiles'!$G$20=$B$17,14,0)+IF('Standard Profiles'!$G$20=$B$24,21,0),MOD($C5226,24)+1)/SUM(INDEX($D$3:$AA$30,INDEX(Jesper!$R$2:$R$366,ROW(INDEX(Jesper!AJ$2:AJ$366,ROUNDDOWN($C5226/24,0)+1,1))-1)+IF('Standard Profiles'!$G$20=$B$10,7,0)+IF('Standard Profiles'!$G$20=$B$17,14,0)+IF('Standard Profiles'!$G$20=$B$24,21,0),0)),0)</f>
        <v>0</v>
      </c>
      <c r="G5226" cm="1">
        <f t="array" ref="G5226">IFERROR(INDEX(Jesper!AK$2:AK$366,ROUNDDOWN($C5226/24,0)+1,1)*INDEX($D$3:$AA$30,INDEX(Jesper!$R$2:$R$366,ROW(INDEX(Jesper!AK$2:AK$366,ROUNDDOWN($C5226/24,0)+1,1))-1)+IF('Standard Profiles'!$G$21=$B$10,7,0)+IF('Standard Profiles'!$G$21=$B$17,14,0)+IF('Standard Profiles'!$G$21=$B$24,21,0),MOD($C5226,24)+1)/SUM(INDEX($D$3:$AA$30,INDEX(Jesper!$R$2:$R$366,ROW(INDEX(Jesper!AK$2:AK$366,ROUNDDOWN($C5226/24,0)+1,1))-1)+IF('Standard Profiles'!$G$21=$B$10,7,0)+IF('Standard Profiles'!$G$21=$B$17,14,0)+IF('Standard Profiles'!$G$21=$B$24,21,0),0)),0)</f>
        <v>0</v>
      </c>
      <c r="H5226" cm="1">
        <f t="array" ref="H5226">IFERROR(INDEX(Jesper!AL$2:AL$366,ROUNDDOWN($C5226/24,0)+1,1)*INDEX($D$3:$AA$30,INDEX(Jesper!$R$2:$R$366,ROW(INDEX(Jesper!AL$2:AL$366,ROUNDDOWN($C5226/24,0)+1,1))-1)+IF('Standard Profiles'!$G$22=$B$10,7,0)+IF('Standard Profiles'!$G$22=$B$17,14,0)+IF('Standard Profiles'!$G$22=$B$24,21,0),MOD($C5226,24)+1)/SUM(INDEX($D$3:$AA$30,INDEX(Jesper!$R$2:$R$366,ROW(INDEX(Jesper!AL$2:AL$366,ROUNDDOWN($C5226/24,0)+1,1))-1)+IF('Standard Profiles'!$G$22=$B$10,7,0)+IF('Standard Profiles'!$G$22=$B$17,14,0)+IF('Standard Profiles'!$G$22=$B$24,21,0),0)),0)</f>
        <v>0</v>
      </c>
      <c r="I5226">
        <f t="shared" si="587"/>
        <v>0.16344598525763609</v>
      </c>
      <c r="J5226">
        <f t="shared" si="588"/>
        <v>0.54481995085878709</v>
      </c>
      <c r="K5226">
        <f t="shared" si="589"/>
        <v>0.81722992628818059</v>
      </c>
      <c r="L5226">
        <f t="shared" si="590"/>
        <v>12.030761192866755</v>
      </c>
      <c r="M5226">
        <f t="shared" si="591"/>
        <v>0</v>
      </c>
      <c r="N5226" s="46">
        <f t="shared" si="592"/>
        <v>45508.333333320741</v>
      </c>
    </row>
    <row r="5227" spans="2:14" x14ac:dyDescent="0.3">
      <c r="B5227">
        <f t="shared" si="586"/>
        <v>7</v>
      </c>
      <c r="C5227" s="16">
        <v>5193</v>
      </c>
      <c r="D5227" cm="1">
        <f t="array" ref="D5227">IFERROR(INDEX(Jesper!AH$2:AH$366,ROUNDDOWN($C5227/24,0)+1,1)*INDEX($D$3:$AA$30,INDEX(Jesper!$R$2:$R$366,ROW(INDEX(Jesper!AH$2:AH$366,ROUNDDOWN($C5227/24,0)+1,1))-1)+IF('Standard Profiles'!$G$18=$B$10,7,0)+IF('Standard Profiles'!$G$18=$B$17,14,0)+IF('Standard Profiles'!$G$18=$B$24,21,0),MOD($C5227,24)+1)/SUM(INDEX($D$3:$AA$30,INDEX(Jesper!$R$2:$R$366,ROW(INDEX(Jesper!AH$2:AH$366,ROUNDDOWN($C5227/24,0)+1,1))-1)+IF('Standard Profiles'!$G$18=$B$10,7,0)+IF('Standard Profiles'!$G$18=$B$17,14,0)+IF('Standard Profiles'!$G$18=$B$24,21,0),0)),0)</f>
        <v>11.742006618911599</v>
      </c>
      <c r="E5227" cm="1">
        <f t="array" ref="E5227">IFERROR(INDEX(Jesper!AI$2:AI$366,ROUNDDOWN($C5227/24,0)+1,1)*INDEX($D$3:$AA$30,INDEX(Jesper!$R$2:$R$366,ROW(INDEX(Jesper!AI$2:AI$366,ROUNDDOWN($C5227/24,0)+1,1))-1)+IF('Standard Profiles'!$G$19=$B$10,7,0)+IF('Standard Profiles'!$G$19=$B$17,14,0)+IF('Standard Profiles'!$G$19=$B$24,21,0),MOD($C5227,24)+1)/SUM(INDEX($D$3:$AA$30,INDEX(Jesper!$R$2:$R$366,ROW(INDEX(Jesper!AI$2:AI$366,ROUNDDOWN($C5227/24,0)+1,1))-1)+IF('Standard Profiles'!$G$19=$B$10,7,0)+IF('Standard Profiles'!$G$19=$B$17,14,0)+IF('Standard Profiles'!$G$19=$B$24,21,0),0)),0)</f>
        <v>1.8142504363597602</v>
      </c>
      <c r="F5227" cm="1">
        <f t="array" ref="F5227">IFERROR(INDEX(Jesper!AJ$2:AJ$366,ROUNDDOWN($C5227/24,0)+1,1)*INDEX($D$3:$AA$30,INDEX(Jesper!$R$2:$R$366,ROW(INDEX(Jesper!AJ$2:AJ$366,ROUNDDOWN($C5227/24,0)+1,1))-1)+IF('Standard Profiles'!$G$20=$B$10,7,0)+IF('Standard Profiles'!$G$20=$B$17,14,0)+IF('Standard Profiles'!$G$20=$B$24,21,0),MOD($C5227,24)+1)/SUM(INDEX($D$3:$AA$30,INDEX(Jesper!$R$2:$R$366,ROW(INDEX(Jesper!AJ$2:AJ$366,ROUNDDOWN($C5227/24,0)+1,1))-1)+IF('Standard Profiles'!$G$20=$B$10,7,0)+IF('Standard Profiles'!$G$20=$B$17,14,0)+IF('Standard Profiles'!$G$20=$B$24,21,0),0)),0)</f>
        <v>0</v>
      </c>
      <c r="G5227" cm="1">
        <f t="array" ref="G5227">IFERROR(INDEX(Jesper!AK$2:AK$366,ROUNDDOWN($C5227/24,0)+1,1)*INDEX($D$3:$AA$30,INDEX(Jesper!$R$2:$R$366,ROW(INDEX(Jesper!AK$2:AK$366,ROUNDDOWN($C5227/24,0)+1,1))-1)+IF('Standard Profiles'!$G$21=$B$10,7,0)+IF('Standard Profiles'!$G$21=$B$17,14,0)+IF('Standard Profiles'!$G$21=$B$24,21,0),MOD($C5227,24)+1)/SUM(INDEX($D$3:$AA$30,INDEX(Jesper!$R$2:$R$366,ROW(INDEX(Jesper!AK$2:AK$366,ROUNDDOWN($C5227/24,0)+1,1))-1)+IF('Standard Profiles'!$G$21=$B$10,7,0)+IF('Standard Profiles'!$G$21=$B$17,14,0)+IF('Standard Profiles'!$G$21=$B$24,21,0),0)),0)</f>
        <v>0</v>
      </c>
      <c r="H5227" cm="1">
        <f t="array" ref="H5227">IFERROR(INDEX(Jesper!AL$2:AL$366,ROUNDDOWN($C5227/24,0)+1,1)*INDEX($D$3:$AA$30,INDEX(Jesper!$R$2:$R$366,ROW(INDEX(Jesper!AL$2:AL$366,ROUNDDOWN($C5227/24,0)+1,1))-1)+IF('Standard Profiles'!$G$22=$B$10,7,0)+IF('Standard Profiles'!$G$22=$B$17,14,0)+IF('Standard Profiles'!$G$22=$B$24,21,0),MOD($C5227,24)+1)/SUM(INDEX($D$3:$AA$30,INDEX(Jesper!$R$2:$R$366,ROW(INDEX(Jesper!AL$2:AL$366,ROUNDDOWN($C5227/24,0)+1,1))-1)+IF('Standard Profiles'!$G$22=$B$10,7,0)+IF('Standard Profiles'!$G$22=$B$17,14,0)+IF('Standard Profiles'!$G$22=$B$24,21,0),0)),0)</f>
        <v>0</v>
      </c>
      <c r="I5227">
        <f t="shared" si="587"/>
        <v>0.16344598525763609</v>
      </c>
      <c r="J5227">
        <f t="shared" si="588"/>
        <v>0.54481995085878709</v>
      </c>
      <c r="K5227">
        <f t="shared" si="589"/>
        <v>0.81722992628818059</v>
      </c>
      <c r="L5227">
        <f t="shared" si="590"/>
        <v>12.030761192866755</v>
      </c>
      <c r="M5227">
        <f t="shared" si="591"/>
        <v>0</v>
      </c>
      <c r="N5227" s="46">
        <f t="shared" si="592"/>
        <v>45508.374999987405</v>
      </c>
    </row>
    <row r="5228" spans="2:14" x14ac:dyDescent="0.3">
      <c r="B5228">
        <f t="shared" si="586"/>
        <v>7</v>
      </c>
      <c r="C5228" s="16">
        <v>5194</v>
      </c>
      <c r="D5228" cm="1">
        <f t="array" ref="D5228">IFERROR(INDEX(Jesper!AH$2:AH$366,ROUNDDOWN($C5228/24,0)+1,1)*INDEX($D$3:$AA$30,INDEX(Jesper!$R$2:$R$366,ROW(INDEX(Jesper!AH$2:AH$366,ROUNDDOWN($C5228/24,0)+1,1))-1)+IF('Standard Profiles'!$G$18=$B$10,7,0)+IF('Standard Profiles'!$G$18=$B$17,14,0)+IF('Standard Profiles'!$G$18=$B$24,21,0),MOD($C5228,24)+1)/SUM(INDEX($D$3:$AA$30,INDEX(Jesper!$R$2:$R$366,ROW(INDEX(Jesper!AH$2:AH$366,ROUNDDOWN($C5228/24,0)+1,1))-1)+IF('Standard Profiles'!$G$18=$B$10,7,0)+IF('Standard Profiles'!$G$18=$B$17,14,0)+IF('Standard Profiles'!$G$18=$B$24,21,0),0)),0)</f>
        <v>11.742006618911599</v>
      </c>
      <c r="E5228" cm="1">
        <f t="array" ref="E5228">IFERROR(INDEX(Jesper!AI$2:AI$366,ROUNDDOWN($C5228/24,0)+1,1)*INDEX($D$3:$AA$30,INDEX(Jesper!$R$2:$R$366,ROW(INDEX(Jesper!AI$2:AI$366,ROUNDDOWN($C5228/24,0)+1,1))-1)+IF('Standard Profiles'!$G$19=$B$10,7,0)+IF('Standard Profiles'!$G$19=$B$17,14,0)+IF('Standard Profiles'!$G$19=$B$24,21,0),MOD($C5228,24)+1)/SUM(INDEX($D$3:$AA$30,INDEX(Jesper!$R$2:$R$366,ROW(INDEX(Jesper!AI$2:AI$366,ROUNDDOWN($C5228/24,0)+1,1))-1)+IF('Standard Profiles'!$G$19=$B$10,7,0)+IF('Standard Profiles'!$G$19=$B$17,14,0)+IF('Standard Profiles'!$G$19=$B$24,21,0),0)),0)</f>
        <v>1.8142504363597602</v>
      </c>
      <c r="F5228" cm="1">
        <f t="array" ref="F5228">IFERROR(INDEX(Jesper!AJ$2:AJ$366,ROUNDDOWN($C5228/24,0)+1,1)*INDEX($D$3:$AA$30,INDEX(Jesper!$R$2:$R$366,ROW(INDEX(Jesper!AJ$2:AJ$366,ROUNDDOWN($C5228/24,0)+1,1))-1)+IF('Standard Profiles'!$G$20=$B$10,7,0)+IF('Standard Profiles'!$G$20=$B$17,14,0)+IF('Standard Profiles'!$G$20=$B$24,21,0),MOD($C5228,24)+1)/SUM(INDEX($D$3:$AA$30,INDEX(Jesper!$R$2:$R$366,ROW(INDEX(Jesper!AJ$2:AJ$366,ROUNDDOWN($C5228/24,0)+1,1))-1)+IF('Standard Profiles'!$G$20=$B$10,7,0)+IF('Standard Profiles'!$G$20=$B$17,14,0)+IF('Standard Profiles'!$G$20=$B$24,21,0),0)),0)</f>
        <v>0</v>
      </c>
      <c r="G5228" cm="1">
        <f t="array" ref="G5228">IFERROR(INDEX(Jesper!AK$2:AK$366,ROUNDDOWN($C5228/24,0)+1,1)*INDEX($D$3:$AA$30,INDEX(Jesper!$R$2:$R$366,ROW(INDEX(Jesper!AK$2:AK$366,ROUNDDOWN($C5228/24,0)+1,1))-1)+IF('Standard Profiles'!$G$21=$B$10,7,0)+IF('Standard Profiles'!$G$21=$B$17,14,0)+IF('Standard Profiles'!$G$21=$B$24,21,0),MOD($C5228,24)+1)/SUM(INDEX($D$3:$AA$30,INDEX(Jesper!$R$2:$R$366,ROW(INDEX(Jesper!AK$2:AK$366,ROUNDDOWN($C5228/24,0)+1,1))-1)+IF('Standard Profiles'!$G$21=$B$10,7,0)+IF('Standard Profiles'!$G$21=$B$17,14,0)+IF('Standard Profiles'!$G$21=$B$24,21,0),0)),0)</f>
        <v>0</v>
      </c>
      <c r="H5228" cm="1">
        <f t="array" ref="H5228">IFERROR(INDEX(Jesper!AL$2:AL$366,ROUNDDOWN($C5228/24,0)+1,1)*INDEX($D$3:$AA$30,INDEX(Jesper!$R$2:$R$366,ROW(INDEX(Jesper!AL$2:AL$366,ROUNDDOWN($C5228/24,0)+1,1))-1)+IF('Standard Profiles'!$G$22=$B$10,7,0)+IF('Standard Profiles'!$G$22=$B$17,14,0)+IF('Standard Profiles'!$G$22=$B$24,21,0),MOD($C5228,24)+1)/SUM(INDEX($D$3:$AA$30,INDEX(Jesper!$R$2:$R$366,ROW(INDEX(Jesper!AL$2:AL$366,ROUNDDOWN($C5228/24,0)+1,1))-1)+IF('Standard Profiles'!$G$22=$B$10,7,0)+IF('Standard Profiles'!$G$22=$B$17,14,0)+IF('Standard Profiles'!$G$22=$B$24,21,0),0)),0)</f>
        <v>0</v>
      </c>
      <c r="I5228">
        <f t="shared" si="587"/>
        <v>0.16344598525763609</v>
      </c>
      <c r="J5228">
        <f t="shared" si="588"/>
        <v>0.54481995085878709</v>
      </c>
      <c r="K5228">
        <f t="shared" si="589"/>
        <v>0.81722992628818059</v>
      </c>
      <c r="L5228">
        <f t="shared" si="590"/>
        <v>12.030761192866755</v>
      </c>
      <c r="M5228">
        <f t="shared" si="591"/>
        <v>0</v>
      </c>
      <c r="N5228" s="46">
        <f t="shared" si="592"/>
        <v>45508.41666665407</v>
      </c>
    </row>
    <row r="5229" spans="2:14" x14ac:dyDescent="0.3">
      <c r="B5229">
        <f t="shared" si="586"/>
        <v>7</v>
      </c>
      <c r="C5229" s="16">
        <v>5195</v>
      </c>
      <c r="D5229" cm="1">
        <f t="array" ref="D5229">IFERROR(INDEX(Jesper!AH$2:AH$366,ROUNDDOWN($C5229/24,0)+1,1)*INDEX($D$3:$AA$30,INDEX(Jesper!$R$2:$R$366,ROW(INDEX(Jesper!AH$2:AH$366,ROUNDDOWN($C5229/24,0)+1,1))-1)+IF('Standard Profiles'!$G$18=$B$10,7,0)+IF('Standard Profiles'!$G$18=$B$17,14,0)+IF('Standard Profiles'!$G$18=$B$24,21,0),MOD($C5229,24)+1)/SUM(INDEX($D$3:$AA$30,INDEX(Jesper!$R$2:$R$366,ROW(INDEX(Jesper!AH$2:AH$366,ROUNDDOWN($C5229/24,0)+1,1))-1)+IF('Standard Profiles'!$G$18=$B$10,7,0)+IF('Standard Profiles'!$G$18=$B$17,14,0)+IF('Standard Profiles'!$G$18=$B$24,21,0),0)),0)</f>
        <v>11.742006618911599</v>
      </c>
      <c r="E5229" cm="1">
        <f t="array" ref="E5229">IFERROR(INDEX(Jesper!AI$2:AI$366,ROUNDDOWN($C5229/24,0)+1,1)*INDEX($D$3:$AA$30,INDEX(Jesper!$R$2:$R$366,ROW(INDEX(Jesper!AI$2:AI$366,ROUNDDOWN($C5229/24,0)+1,1))-1)+IF('Standard Profiles'!$G$19=$B$10,7,0)+IF('Standard Profiles'!$G$19=$B$17,14,0)+IF('Standard Profiles'!$G$19=$B$24,21,0),MOD($C5229,24)+1)/SUM(INDEX($D$3:$AA$30,INDEX(Jesper!$R$2:$R$366,ROW(INDEX(Jesper!AI$2:AI$366,ROUNDDOWN($C5229/24,0)+1,1))-1)+IF('Standard Profiles'!$G$19=$B$10,7,0)+IF('Standard Profiles'!$G$19=$B$17,14,0)+IF('Standard Profiles'!$G$19=$B$24,21,0),0)),0)</f>
        <v>1.8142504363597602</v>
      </c>
      <c r="F5229" cm="1">
        <f t="array" ref="F5229">IFERROR(INDEX(Jesper!AJ$2:AJ$366,ROUNDDOWN($C5229/24,0)+1,1)*INDEX($D$3:$AA$30,INDEX(Jesper!$R$2:$R$366,ROW(INDEX(Jesper!AJ$2:AJ$366,ROUNDDOWN($C5229/24,0)+1,1))-1)+IF('Standard Profiles'!$G$20=$B$10,7,0)+IF('Standard Profiles'!$G$20=$B$17,14,0)+IF('Standard Profiles'!$G$20=$B$24,21,0),MOD($C5229,24)+1)/SUM(INDEX($D$3:$AA$30,INDEX(Jesper!$R$2:$R$366,ROW(INDEX(Jesper!AJ$2:AJ$366,ROUNDDOWN($C5229/24,0)+1,1))-1)+IF('Standard Profiles'!$G$20=$B$10,7,0)+IF('Standard Profiles'!$G$20=$B$17,14,0)+IF('Standard Profiles'!$G$20=$B$24,21,0),0)),0)</f>
        <v>0</v>
      </c>
      <c r="G5229" cm="1">
        <f t="array" ref="G5229">IFERROR(INDEX(Jesper!AK$2:AK$366,ROUNDDOWN($C5229/24,0)+1,1)*INDEX($D$3:$AA$30,INDEX(Jesper!$R$2:$R$366,ROW(INDEX(Jesper!AK$2:AK$366,ROUNDDOWN($C5229/24,0)+1,1))-1)+IF('Standard Profiles'!$G$21=$B$10,7,0)+IF('Standard Profiles'!$G$21=$B$17,14,0)+IF('Standard Profiles'!$G$21=$B$24,21,0),MOD($C5229,24)+1)/SUM(INDEX($D$3:$AA$30,INDEX(Jesper!$R$2:$R$366,ROW(INDEX(Jesper!AK$2:AK$366,ROUNDDOWN($C5229/24,0)+1,1))-1)+IF('Standard Profiles'!$G$21=$B$10,7,0)+IF('Standard Profiles'!$G$21=$B$17,14,0)+IF('Standard Profiles'!$G$21=$B$24,21,0),0)),0)</f>
        <v>0</v>
      </c>
      <c r="H5229" cm="1">
        <f t="array" ref="H5229">IFERROR(INDEX(Jesper!AL$2:AL$366,ROUNDDOWN($C5229/24,0)+1,1)*INDEX($D$3:$AA$30,INDEX(Jesper!$R$2:$R$366,ROW(INDEX(Jesper!AL$2:AL$366,ROUNDDOWN($C5229/24,0)+1,1))-1)+IF('Standard Profiles'!$G$22=$B$10,7,0)+IF('Standard Profiles'!$G$22=$B$17,14,0)+IF('Standard Profiles'!$G$22=$B$24,21,0),MOD($C5229,24)+1)/SUM(INDEX($D$3:$AA$30,INDEX(Jesper!$R$2:$R$366,ROW(INDEX(Jesper!AL$2:AL$366,ROUNDDOWN($C5229/24,0)+1,1))-1)+IF('Standard Profiles'!$G$22=$B$10,7,0)+IF('Standard Profiles'!$G$22=$B$17,14,0)+IF('Standard Profiles'!$G$22=$B$24,21,0),0)),0)</f>
        <v>0</v>
      </c>
      <c r="I5229">
        <f t="shared" si="587"/>
        <v>0.16344598525763609</v>
      </c>
      <c r="J5229">
        <f t="shared" si="588"/>
        <v>0.54481995085878709</v>
      </c>
      <c r="K5229">
        <f t="shared" si="589"/>
        <v>0.81722992628818059</v>
      </c>
      <c r="L5229">
        <f t="shared" si="590"/>
        <v>12.030761192866755</v>
      </c>
      <c r="M5229">
        <f t="shared" si="591"/>
        <v>0</v>
      </c>
      <c r="N5229" s="46">
        <f t="shared" si="592"/>
        <v>45508.458333320734</v>
      </c>
    </row>
    <row r="5230" spans="2:14" x14ac:dyDescent="0.3">
      <c r="B5230">
        <f t="shared" si="586"/>
        <v>7</v>
      </c>
      <c r="C5230" s="16">
        <v>5196</v>
      </c>
      <c r="D5230" cm="1">
        <f t="array" ref="D5230">IFERROR(INDEX(Jesper!AH$2:AH$366,ROUNDDOWN($C5230/24,0)+1,1)*INDEX($D$3:$AA$30,INDEX(Jesper!$R$2:$R$366,ROW(INDEX(Jesper!AH$2:AH$366,ROUNDDOWN($C5230/24,0)+1,1))-1)+IF('Standard Profiles'!$G$18=$B$10,7,0)+IF('Standard Profiles'!$G$18=$B$17,14,0)+IF('Standard Profiles'!$G$18=$B$24,21,0),MOD($C5230,24)+1)/SUM(INDEX($D$3:$AA$30,INDEX(Jesper!$R$2:$R$366,ROW(INDEX(Jesper!AH$2:AH$366,ROUNDDOWN($C5230/24,0)+1,1))-1)+IF('Standard Profiles'!$G$18=$B$10,7,0)+IF('Standard Profiles'!$G$18=$B$17,14,0)+IF('Standard Profiles'!$G$18=$B$24,21,0),0)),0)</f>
        <v>11.742006618911599</v>
      </c>
      <c r="E5230" cm="1">
        <f t="array" ref="E5230">IFERROR(INDEX(Jesper!AI$2:AI$366,ROUNDDOWN($C5230/24,0)+1,1)*INDEX($D$3:$AA$30,INDEX(Jesper!$R$2:$R$366,ROW(INDEX(Jesper!AI$2:AI$366,ROUNDDOWN($C5230/24,0)+1,1))-1)+IF('Standard Profiles'!$G$19=$B$10,7,0)+IF('Standard Profiles'!$G$19=$B$17,14,0)+IF('Standard Profiles'!$G$19=$B$24,21,0),MOD($C5230,24)+1)/SUM(INDEX($D$3:$AA$30,INDEX(Jesper!$R$2:$R$366,ROW(INDEX(Jesper!AI$2:AI$366,ROUNDDOWN($C5230/24,0)+1,1))-1)+IF('Standard Profiles'!$G$19=$B$10,7,0)+IF('Standard Profiles'!$G$19=$B$17,14,0)+IF('Standard Profiles'!$G$19=$B$24,21,0),0)),0)</f>
        <v>1.8142504363597602</v>
      </c>
      <c r="F5230" cm="1">
        <f t="array" ref="F5230">IFERROR(INDEX(Jesper!AJ$2:AJ$366,ROUNDDOWN($C5230/24,0)+1,1)*INDEX($D$3:$AA$30,INDEX(Jesper!$R$2:$R$366,ROW(INDEX(Jesper!AJ$2:AJ$366,ROUNDDOWN($C5230/24,0)+1,1))-1)+IF('Standard Profiles'!$G$20=$B$10,7,0)+IF('Standard Profiles'!$G$20=$B$17,14,0)+IF('Standard Profiles'!$G$20=$B$24,21,0),MOD($C5230,24)+1)/SUM(INDEX($D$3:$AA$30,INDEX(Jesper!$R$2:$R$366,ROW(INDEX(Jesper!AJ$2:AJ$366,ROUNDDOWN($C5230/24,0)+1,1))-1)+IF('Standard Profiles'!$G$20=$B$10,7,0)+IF('Standard Profiles'!$G$20=$B$17,14,0)+IF('Standard Profiles'!$G$20=$B$24,21,0),0)),0)</f>
        <v>0</v>
      </c>
      <c r="G5230" cm="1">
        <f t="array" ref="G5230">IFERROR(INDEX(Jesper!AK$2:AK$366,ROUNDDOWN($C5230/24,0)+1,1)*INDEX($D$3:$AA$30,INDEX(Jesper!$R$2:$R$366,ROW(INDEX(Jesper!AK$2:AK$366,ROUNDDOWN($C5230/24,0)+1,1))-1)+IF('Standard Profiles'!$G$21=$B$10,7,0)+IF('Standard Profiles'!$G$21=$B$17,14,0)+IF('Standard Profiles'!$G$21=$B$24,21,0),MOD($C5230,24)+1)/SUM(INDEX($D$3:$AA$30,INDEX(Jesper!$R$2:$R$366,ROW(INDEX(Jesper!AK$2:AK$366,ROUNDDOWN($C5230/24,0)+1,1))-1)+IF('Standard Profiles'!$G$21=$B$10,7,0)+IF('Standard Profiles'!$G$21=$B$17,14,0)+IF('Standard Profiles'!$G$21=$B$24,21,0),0)),0)</f>
        <v>0</v>
      </c>
      <c r="H5230" cm="1">
        <f t="array" ref="H5230">IFERROR(INDEX(Jesper!AL$2:AL$366,ROUNDDOWN($C5230/24,0)+1,1)*INDEX($D$3:$AA$30,INDEX(Jesper!$R$2:$R$366,ROW(INDEX(Jesper!AL$2:AL$366,ROUNDDOWN($C5230/24,0)+1,1))-1)+IF('Standard Profiles'!$G$22=$B$10,7,0)+IF('Standard Profiles'!$G$22=$B$17,14,0)+IF('Standard Profiles'!$G$22=$B$24,21,0),MOD($C5230,24)+1)/SUM(INDEX($D$3:$AA$30,INDEX(Jesper!$R$2:$R$366,ROW(INDEX(Jesper!AL$2:AL$366,ROUNDDOWN($C5230/24,0)+1,1))-1)+IF('Standard Profiles'!$G$22=$B$10,7,0)+IF('Standard Profiles'!$G$22=$B$17,14,0)+IF('Standard Profiles'!$G$22=$B$24,21,0),0)),0)</f>
        <v>0</v>
      </c>
      <c r="I5230">
        <f t="shared" si="587"/>
        <v>0.16344598525763609</v>
      </c>
      <c r="J5230">
        <f t="shared" si="588"/>
        <v>0.54481995085878709</v>
      </c>
      <c r="K5230">
        <f t="shared" si="589"/>
        <v>0.81722992628818059</v>
      </c>
      <c r="L5230">
        <f t="shared" si="590"/>
        <v>12.030761192866755</v>
      </c>
      <c r="M5230">
        <f t="shared" si="591"/>
        <v>0</v>
      </c>
      <c r="N5230" s="46">
        <f t="shared" si="592"/>
        <v>45508.499999987398</v>
      </c>
    </row>
    <row r="5231" spans="2:14" x14ac:dyDescent="0.3">
      <c r="B5231">
        <f t="shared" si="586"/>
        <v>7</v>
      </c>
      <c r="C5231" s="16">
        <v>5197</v>
      </c>
      <c r="D5231" cm="1">
        <f t="array" ref="D5231">IFERROR(INDEX(Jesper!AH$2:AH$366,ROUNDDOWN($C5231/24,0)+1,1)*INDEX($D$3:$AA$30,INDEX(Jesper!$R$2:$R$366,ROW(INDEX(Jesper!AH$2:AH$366,ROUNDDOWN($C5231/24,0)+1,1))-1)+IF('Standard Profiles'!$G$18=$B$10,7,0)+IF('Standard Profiles'!$G$18=$B$17,14,0)+IF('Standard Profiles'!$G$18=$B$24,21,0),MOD($C5231,24)+1)/SUM(INDEX($D$3:$AA$30,INDEX(Jesper!$R$2:$R$366,ROW(INDEX(Jesper!AH$2:AH$366,ROUNDDOWN($C5231/24,0)+1,1))-1)+IF('Standard Profiles'!$G$18=$B$10,7,0)+IF('Standard Profiles'!$G$18=$B$17,14,0)+IF('Standard Profiles'!$G$18=$B$24,21,0),0)),0)</f>
        <v>11.742006618911599</v>
      </c>
      <c r="E5231" cm="1">
        <f t="array" ref="E5231">IFERROR(INDEX(Jesper!AI$2:AI$366,ROUNDDOWN($C5231/24,0)+1,1)*INDEX($D$3:$AA$30,INDEX(Jesper!$R$2:$R$366,ROW(INDEX(Jesper!AI$2:AI$366,ROUNDDOWN($C5231/24,0)+1,1))-1)+IF('Standard Profiles'!$G$19=$B$10,7,0)+IF('Standard Profiles'!$G$19=$B$17,14,0)+IF('Standard Profiles'!$G$19=$B$24,21,0),MOD($C5231,24)+1)/SUM(INDEX($D$3:$AA$30,INDEX(Jesper!$R$2:$R$366,ROW(INDEX(Jesper!AI$2:AI$366,ROUNDDOWN($C5231/24,0)+1,1))-1)+IF('Standard Profiles'!$G$19=$B$10,7,0)+IF('Standard Profiles'!$G$19=$B$17,14,0)+IF('Standard Profiles'!$G$19=$B$24,21,0),0)),0)</f>
        <v>1.8142504363597602</v>
      </c>
      <c r="F5231" cm="1">
        <f t="array" ref="F5231">IFERROR(INDEX(Jesper!AJ$2:AJ$366,ROUNDDOWN($C5231/24,0)+1,1)*INDEX($D$3:$AA$30,INDEX(Jesper!$R$2:$R$366,ROW(INDEX(Jesper!AJ$2:AJ$366,ROUNDDOWN($C5231/24,0)+1,1))-1)+IF('Standard Profiles'!$G$20=$B$10,7,0)+IF('Standard Profiles'!$G$20=$B$17,14,0)+IF('Standard Profiles'!$G$20=$B$24,21,0),MOD($C5231,24)+1)/SUM(INDEX($D$3:$AA$30,INDEX(Jesper!$R$2:$R$366,ROW(INDEX(Jesper!AJ$2:AJ$366,ROUNDDOWN($C5231/24,0)+1,1))-1)+IF('Standard Profiles'!$G$20=$B$10,7,0)+IF('Standard Profiles'!$G$20=$B$17,14,0)+IF('Standard Profiles'!$G$20=$B$24,21,0),0)),0)</f>
        <v>0</v>
      </c>
      <c r="G5231" cm="1">
        <f t="array" ref="G5231">IFERROR(INDEX(Jesper!AK$2:AK$366,ROUNDDOWN($C5231/24,0)+1,1)*INDEX($D$3:$AA$30,INDEX(Jesper!$R$2:$R$366,ROW(INDEX(Jesper!AK$2:AK$366,ROUNDDOWN($C5231/24,0)+1,1))-1)+IF('Standard Profiles'!$G$21=$B$10,7,0)+IF('Standard Profiles'!$G$21=$B$17,14,0)+IF('Standard Profiles'!$G$21=$B$24,21,0),MOD($C5231,24)+1)/SUM(INDEX($D$3:$AA$30,INDEX(Jesper!$R$2:$R$366,ROW(INDEX(Jesper!AK$2:AK$366,ROUNDDOWN($C5231/24,0)+1,1))-1)+IF('Standard Profiles'!$G$21=$B$10,7,0)+IF('Standard Profiles'!$G$21=$B$17,14,0)+IF('Standard Profiles'!$G$21=$B$24,21,0),0)),0)</f>
        <v>0</v>
      </c>
      <c r="H5231" cm="1">
        <f t="array" ref="H5231">IFERROR(INDEX(Jesper!AL$2:AL$366,ROUNDDOWN($C5231/24,0)+1,1)*INDEX($D$3:$AA$30,INDEX(Jesper!$R$2:$R$366,ROW(INDEX(Jesper!AL$2:AL$366,ROUNDDOWN($C5231/24,0)+1,1))-1)+IF('Standard Profiles'!$G$22=$B$10,7,0)+IF('Standard Profiles'!$G$22=$B$17,14,0)+IF('Standard Profiles'!$G$22=$B$24,21,0),MOD($C5231,24)+1)/SUM(INDEX($D$3:$AA$30,INDEX(Jesper!$R$2:$R$366,ROW(INDEX(Jesper!AL$2:AL$366,ROUNDDOWN($C5231/24,0)+1,1))-1)+IF('Standard Profiles'!$G$22=$B$10,7,0)+IF('Standard Profiles'!$G$22=$B$17,14,0)+IF('Standard Profiles'!$G$22=$B$24,21,0),0)),0)</f>
        <v>0</v>
      </c>
      <c r="I5231">
        <f t="shared" si="587"/>
        <v>0.16344598525763609</v>
      </c>
      <c r="J5231">
        <f t="shared" si="588"/>
        <v>0.54481995085878709</v>
      </c>
      <c r="K5231">
        <f t="shared" si="589"/>
        <v>0.81722992628818059</v>
      </c>
      <c r="L5231">
        <f t="shared" si="590"/>
        <v>12.030761192866755</v>
      </c>
      <c r="M5231">
        <f t="shared" si="591"/>
        <v>0</v>
      </c>
      <c r="N5231" s="46">
        <f t="shared" si="592"/>
        <v>45508.541666654062</v>
      </c>
    </row>
    <row r="5232" spans="2:14" x14ac:dyDescent="0.3">
      <c r="B5232">
        <f t="shared" si="586"/>
        <v>7</v>
      </c>
      <c r="C5232" s="16">
        <v>5198</v>
      </c>
      <c r="D5232" cm="1">
        <f t="array" ref="D5232">IFERROR(INDEX(Jesper!AH$2:AH$366,ROUNDDOWN($C5232/24,0)+1,1)*INDEX($D$3:$AA$30,INDEX(Jesper!$R$2:$R$366,ROW(INDEX(Jesper!AH$2:AH$366,ROUNDDOWN($C5232/24,0)+1,1))-1)+IF('Standard Profiles'!$G$18=$B$10,7,0)+IF('Standard Profiles'!$G$18=$B$17,14,0)+IF('Standard Profiles'!$G$18=$B$24,21,0),MOD($C5232,24)+1)/SUM(INDEX($D$3:$AA$30,INDEX(Jesper!$R$2:$R$366,ROW(INDEX(Jesper!AH$2:AH$366,ROUNDDOWN($C5232/24,0)+1,1))-1)+IF('Standard Profiles'!$G$18=$B$10,7,0)+IF('Standard Profiles'!$G$18=$B$17,14,0)+IF('Standard Profiles'!$G$18=$B$24,21,0),0)),0)</f>
        <v>11.742006618911599</v>
      </c>
      <c r="E5232" cm="1">
        <f t="array" ref="E5232">IFERROR(INDEX(Jesper!AI$2:AI$366,ROUNDDOWN($C5232/24,0)+1,1)*INDEX($D$3:$AA$30,INDEX(Jesper!$R$2:$R$366,ROW(INDEX(Jesper!AI$2:AI$366,ROUNDDOWN($C5232/24,0)+1,1))-1)+IF('Standard Profiles'!$G$19=$B$10,7,0)+IF('Standard Profiles'!$G$19=$B$17,14,0)+IF('Standard Profiles'!$G$19=$B$24,21,0),MOD($C5232,24)+1)/SUM(INDEX($D$3:$AA$30,INDEX(Jesper!$R$2:$R$366,ROW(INDEX(Jesper!AI$2:AI$366,ROUNDDOWN($C5232/24,0)+1,1))-1)+IF('Standard Profiles'!$G$19=$B$10,7,0)+IF('Standard Profiles'!$G$19=$B$17,14,0)+IF('Standard Profiles'!$G$19=$B$24,21,0),0)),0)</f>
        <v>1.8142504363597602</v>
      </c>
      <c r="F5232" cm="1">
        <f t="array" ref="F5232">IFERROR(INDEX(Jesper!AJ$2:AJ$366,ROUNDDOWN($C5232/24,0)+1,1)*INDEX($D$3:$AA$30,INDEX(Jesper!$R$2:$R$366,ROW(INDEX(Jesper!AJ$2:AJ$366,ROUNDDOWN($C5232/24,0)+1,1))-1)+IF('Standard Profiles'!$G$20=$B$10,7,0)+IF('Standard Profiles'!$G$20=$B$17,14,0)+IF('Standard Profiles'!$G$20=$B$24,21,0),MOD($C5232,24)+1)/SUM(INDEX($D$3:$AA$30,INDEX(Jesper!$R$2:$R$366,ROW(INDEX(Jesper!AJ$2:AJ$366,ROUNDDOWN($C5232/24,0)+1,1))-1)+IF('Standard Profiles'!$G$20=$B$10,7,0)+IF('Standard Profiles'!$G$20=$B$17,14,0)+IF('Standard Profiles'!$G$20=$B$24,21,0),0)),0)</f>
        <v>0</v>
      </c>
      <c r="G5232" cm="1">
        <f t="array" ref="G5232">IFERROR(INDEX(Jesper!AK$2:AK$366,ROUNDDOWN($C5232/24,0)+1,1)*INDEX($D$3:$AA$30,INDEX(Jesper!$R$2:$R$366,ROW(INDEX(Jesper!AK$2:AK$366,ROUNDDOWN($C5232/24,0)+1,1))-1)+IF('Standard Profiles'!$G$21=$B$10,7,0)+IF('Standard Profiles'!$G$21=$B$17,14,0)+IF('Standard Profiles'!$G$21=$B$24,21,0),MOD($C5232,24)+1)/SUM(INDEX($D$3:$AA$30,INDEX(Jesper!$R$2:$R$366,ROW(INDEX(Jesper!AK$2:AK$366,ROUNDDOWN($C5232/24,0)+1,1))-1)+IF('Standard Profiles'!$G$21=$B$10,7,0)+IF('Standard Profiles'!$G$21=$B$17,14,0)+IF('Standard Profiles'!$G$21=$B$24,21,0),0)),0)</f>
        <v>0</v>
      </c>
      <c r="H5232" cm="1">
        <f t="array" ref="H5232">IFERROR(INDEX(Jesper!AL$2:AL$366,ROUNDDOWN($C5232/24,0)+1,1)*INDEX($D$3:$AA$30,INDEX(Jesper!$R$2:$R$366,ROW(INDEX(Jesper!AL$2:AL$366,ROUNDDOWN($C5232/24,0)+1,1))-1)+IF('Standard Profiles'!$G$22=$B$10,7,0)+IF('Standard Profiles'!$G$22=$B$17,14,0)+IF('Standard Profiles'!$G$22=$B$24,21,0),MOD($C5232,24)+1)/SUM(INDEX($D$3:$AA$30,INDEX(Jesper!$R$2:$R$366,ROW(INDEX(Jesper!AL$2:AL$366,ROUNDDOWN($C5232/24,0)+1,1))-1)+IF('Standard Profiles'!$G$22=$B$10,7,0)+IF('Standard Profiles'!$G$22=$B$17,14,0)+IF('Standard Profiles'!$G$22=$B$24,21,0),0)),0)</f>
        <v>0</v>
      </c>
      <c r="I5232">
        <f t="shared" si="587"/>
        <v>0.16344598525763609</v>
      </c>
      <c r="J5232">
        <f t="shared" si="588"/>
        <v>0.54481995085878709</v>
      </c>
      <c r="K5232">
        <f t="shared" si="589"/>
        <v>0.81722992628818059</v>
      </c>
      <c r="L5232">
        <f t="shared" si="590"/>
        <v>12.030761192866755</v>
      </c>
      <c r="M5232">
        <f t="shared" si="591"/>
        <v>0</v>
      </c>
      <c r="N5232" s="46">
        <f t="shared" si="592"/>
        <v>45508.583333320727</v>
      </c>
    </row>
    <row r="5233" spans="2:14" x14ac:dyDescent="0.3">
      <c r="B5233">
        <f t="shared" si="586"/>
        <v>7</v>
      </c>
      <c r="C5233" s="16">
        <v>5199</v>
      </c>
      <c r="D5233" cm="1">
        <f t="array" ref="D5233">IFERROR(INDEX(Jesper!AH$2:AH$366,ROUNDDOWN($C5233/24,0)+1,1)*INDEX($D$3:$AA$30,INDEX(Jesper!$R$2:$R$366,ROW(INDEX(Jesper!AH$2:AH$366,ROUNDDOWN($C5233/24,0)+1,1))-1)+IF('Standard Profiles'!$G$18=$B$10,7,0)+IF('Standard Profiles'!$G$18=$B$17,14,0)+IF('Standard Profiles'!$G$18=$B$24,21,0),MOD($C5233,24)+1)/SUM(INDEX($D$3:$AA$30,INDEX(Jesper!$R$2:$R$366,ROW(INDEX(Jesper!AH$2:AH$366,ROUNDDOWN($C5233/24,0)+1,1))-1)+IF('Standard Profiles'!$G$18=$B$10,7,0)+IF('Standard Profiles'!$G$18=$B$17,14,0)+IF('Standard Profiles'!$G$18=$B$24,21,0),0)),0)</f>
        <v>10.43733921681031</v>
      </c>
      <c r="E5233" cm="1">
        <f t="array" ref="E5233">IFERROR(INDEX(Jesper!AI$2:AI$366,ROUNDDOWN($C5233/24,0)+1,1)*INDEX($D$3:$AA$30,INDEX(Jesper!$R$2:$R$366,ROW(INDEX(Jesper!AI$2:AI$366,ROUNDDOWN($C5233/24,0)+1,1))-1)+IF('Standard Profiles'!$G$19=$B$10,7,0)+IF('Standard Profiles'!$G$19=$B$17,14,0)+IF('Standard Profiles'!$G$19=$B$24,21,0),MOD($C5233,24)+1)/SUM(INDEX($D$3:$AA$30,INDEX(Jesper!$R$2:$R$366,ROW(INDEX(Jesper!AI$2:AI$366,ROUNDDOWN($C5233/24,0)+1,1))-1)+IF('Standard Profiles'!$G$19=$B$10,7,0)+IF('Standard Profiles'!$G$19=$B$17,14,0)+IF('Standard Profiles'!$G$19=$B$24,21,0),0)),0)</f>
        <v>1.612667054542009</v>
      </c>
      <c r="F5233" cm="1">
        <f t="array" ref="F5233">IFERROR(INDEX(Jesper!AJ$2:AJ$366,ROUNDDOWN($C5233/24,0)+1,1)*INDEX($D$3:$AA$30,INDEX(Jesper!$R$2:$R$366,ROW(INDEX(Jesper!AJ$2:AJ$366,ROUNDDOWN($C5233/24,0)+1,1))-1)+IF('Standard Profiles'!$G$20=$B$10,7,0)+IF('Standard Profiles'!$G$20=$B$17,14,0)+IF('Standard Profiles'!$G$20=$B$24,21,0),MOD($C5233,24)+1)/SUM(INDEX($D$3:$AA$30,INDEX(Jesper!$R$2:$R$366,ROW(INDEX(Jesper!AJ$2:AJ$366,ROUNDDOWN($C5233/24,0)+1,1))-1)+IF('Standard Profiles'!$G$20=$B$10,7,0)+IF('Standard Profiles'!$G$20=$B$17,14,0)+IF('Standard Profiles'!$G$20=$B$24,21,0),0)),0)</f>
        <v>0</v>
      </c>
      <c r="G5233" cm="1">
        <f t="array" ref="G5233">IFERROR(INDEX(Jesper!AK$2:AK$366,ROUNDDOWN($C5233/24,0)+1,1)*INDEX($D$3:$AA$30,INDEX(Jesper!$R$2:$R$366,ROW(INDEX(Jesper!AK$2:AK$366,ROUNDDOWN($C5233/24,0)+1,1))-1)+IF('Standard Profiles'!$G$21=$B$10,7,0)+IF('Standard Profiles'!$G$21=$B$17,14,0)+IF('Standard Profiles'!$G$21=$B$24,21,0),MOD($C5233,24)+1)/SUM(INDEX($D$3:$AA$30,INDEX(Jesper!$R$2:$R$366,ROW(INDEX(Jesper!AK$2:AK$366,ROUNDDOWN($C5233/24,0)+1,1))-1)+IF('Standard Profiles'!$G$21=$B$10,7,0)+IF('Standard Profiles'!$G$21=$B$17,14,0)+IF('Standard Profiles'!$G$21=$B$24,21,0),0)),0)</f>
        <v>0</v>
      </c>
      <c r="H5233" cm="1">
        <f t="array" ref="H5233">IFERROR(INDEX(Jesper!AL$2:AL$366,ROUNDDOWN($C5233/24,0)+1,1)*INDEX($D$3:$AA$30,INDEX(Jesper!$R$2:$R$366,ROW(INDEX(Jesper!AL$2:AL$366,ROUNDDOWN($C5233/24,0)+1,1))-1)+IF('Standard Profiles'!$G$22=$B$10,7,0)+IF('Standard Profiles'!$G$22=$B$17,14,0)+IF('Standard Profiles'!$G$22=$B$24,21,0),MOD($C5233,24)+1)/SUM(INDEX($D$3:$AA$30,INDEX(Jesper!$R$2:$R$366,ROW(INDEX(Jesper!AL$2:AL$366,ROUNDDOWN($C5233/24,0)+1,1))-1)+IF('Standard Profiles'!$G$22=$B$10,7,0)+IF('Standard Profiles'!$G$22=$B$17,14,0)+IF('Standard Profiles'!$G$22=$B$24,21,0),0)),0)</f>
        <v>0</v>
      </c>
      <c r="I5233">
        <f t="shared" si="587"/>
        <v>0.14528532022900986</v>
      </c>
      <c r="J5233">
        <f t="shared" si="588"/>
        <v>0.48428440076336626</v>
      </c>
      <c r="K5233">
        <f t="shared" si="589"/>
        <v>0.72642660114504942</v>
      </c>
      <c r="L5233">
        <f t="shared" si="590"/>
        <v>10.694009949214893</v>
      </c>
      <c r="M5233">
        <f t="shared" si="591"/>
        <v>0</v>
      </c>
      <c r="N5233" s="46">
        <f t="shared" si="592"/>
        <v>45508.624999987391</v>
      </c>
    </row>
    <row r="5234" spans="2:14" x14ac:dyDescent="0.3">
      <c r="B5234">
        <f t="shared" si="586"/>
        <v>7</v>
      </c>
      <c r="C5234" s="16">
        <v>5200</v>
      </c>
      <c r="D5234" cm="1">
        <f t="array" ref="D5234">IFERROR(INDEX(Jesper!AH$2:AH$366,ROUNDDOWN($C5234/24,0)+1,1)*INDEX($D$3:$AA$30,INDEX(Jesper!$R$2:$R$366,ROW(INDEX(Jesper!AH$2:AH$366,ROUNDDOWN($C5234/24,0)+1,1))-1)+IF('Standard Profiles'!$G$18=$B$10,7,0)+IF('Standard Profiles'!$G$18=$B$17,14,0)+IF('Standard Profiles'!$G$18=$B$24,21,0),MOD($C5234,24)+1)/SUM(INDEX($D$3:$AA$30,INDEX(Jesper!$R$2:$R$366,ROW(INDEX(Jesper!AH$2:AH$366,ROUNDDOWN($C5234/24,0)+1,1))-1)+IF('Standard Profiles'!$G$18=$B$10,7,0)+IF('Standard Profiles'!$G$18=$B$17,14,0)+IF('Standard Profiles'!$G$18=$B$24,21,0),0)),0)</f>
        <v>10.250958159367267</v>
      </c>
      <c r="E5234" cm="1">
        <f t="array" ref="E5234">IFERROR(INDEX(Jesper!AI$2:AI$366,ROUNDDOWN($C5234/24,0)+1,1)*INDEX($D$3:$AA$30,INDEX(Jesper!$R$2:$R$366,ROW(INDEX(Jesper!AI$2:AI$366,ROUNDDOWN($C5234/24,0)+1,1))-1)+IF('Standard Profiles'!$G$19=$B$10,7,0)+IF('Standard Profiles'!$G$19=$B$17,14,0)+IF('Standard Profiles'!$G$19=$B$24,21,0),MOD($C5234,24)+1)/SUM(INDEX($D$3:$AA$30,INDEX(Jesper!$R$2:$R$366,ROW(INDEX(Jesper!AI$2:AI$366,ROUNDDOWN($C5234/24,0)+1,1))-1)+IF('Standard Profiles'!$G$19=$B$10,7,0)+IF('Standard Profiles'!$G$19=$B$17,14,0)+IF('Standard Profiles'!$G$19=$B$24,21,0),0)),0)</f>
        <v>1.5838694285680444</v>
      </c>
      <c r="F5234" cm="1">
        <f t="array" ref="F5234">IFERROR(INDEX(Jesper!AJ$2:AJ$366,ROUNDDOWN($C5234/24,0)+1,1)*INDEX($D$3:$AA$30,INDEX(Jesper!$R$2:$R$366,ROW(INDEX(Jesper!AJ$2:AJ$366,ROUNDDOWN($C5234/24,0)+1,1))-1)+IF('Standard Profiles'!$G$20=$B$10,7,0)+IF('Standard Profiles'!$G$20=$B$17,14,0)+IF('Standard Profiles'!$G$20=$B$24,21,0),MOD($C5234,24)+1)/SUM(INDEX($D$3:$AA$30,INDEX(Jesper!$R$2:$R$366,ROW(INDEX(Jesper!AJ$2:AJ$366,ROUNDDOWN($C5234/24,0)+1,1))-1)+IF('Standard Profiles'!$G$20=$B$10,7,0)+IF('Standard Profiles'!$G$20=$B$17,14,0)+IF('Standard Profiles'!$G$20=$B$24,21,0),0)),0)</f>
        <v>0</v>
      </c>
      <c r="G5234" cm="1">
        <f t="array" ref="G5234">IFERROR(INDEX(Jesper!AK$2:AK$366,ROUNDDOWN($C5234/24,0)+1,1)*INDEX($D$3:$AA$30,INDEX(Jesper!$R$2:$R$366,ROW(INDEX(Jesper!AK$2:AK$366,ROUNDDOWN($C5234/24,0)+1,1))-1)+IF('Standard Profiles'!$G$21=$B$10,7,0)+IF('Standard Profiles'!$G$21=$B$17,14,0)+IF('Standard Profiles'!$G$21=$B$24,21,0),MOD($C5234,24)+1)/SUM(INDEX($D$3:$AA$30,INDEX(Jesper!$R$2:$R$366,ROW(INDEX(Jesper!AK$2:AK$366,ROUNDDOWN($C5234/24,0)+1,1))-1)+IF('Standard Profiles'!$G$21=$B$10,7,0)+IF('Standard Profiles'!$G$21=$B$17,14,0)+IF('Standard Profiles'!$G$21=$B$24,21,0),0)),0)</f>
        <v>0</v>
      </c>
      <c r="H5234" cm="1">
        <f t="array" ref="H5234">IFERROR(INDEX(Jesper!AL$2:AL$366,ROUNDDOWN($C5234/24,0)+1,1)*INDEX($D$3:$AA$30,INDEX(Jesper!$R$2:$R$366,ROW(INDEX(Jesper!AL$2:AL$366,ROUNDDOWN($C5234/24,0)+1,1))-1)+IF('Standard Profiles'!$G$22=$B$10,7,0)+IF('Standard Profiles'!$G$22=$B$17,14,0)+IF('Standard Profiles'!$G$22=$B$24,21,0),MOD($C5234,24)+1)/SUM(INDEX($D$3:$AA$30,INDEX(Jesper!$R$2:$R$366,ROW(INDEX(Jesper!AL$2:AL$366,ROUNDDOWN($C5234/24,0)+1,1))-1)+IF('Standard Profiles'!$G$22=$B$10,7,0)+IF('Standard Profiles'!$G$22=$B$17,14,0)+IF('Standard Profiles'!$G$22=$B$24,21,0),0)),0)</f>
        <v>0</v>
      </c>
      <c r="I5234">
        <f t="shared" si="587"/>
        <v>0.14269093951063466</v>
      </c>
      <c r="J5234">
        <f t="shared" si="588"/>
        <v>0.47563646503544893</v>
      </c>
      <c r="K5234">
        <f t="shared" si="589"/>
        <v>0.71345469755317337</v>
      </c>
      <c r="L5234">
        <f t="shared" si="590"/>
        <v>10.503045485836054</v>
      </c>
      <c r="M5234">
        <f t="shared" si="591"/>
        <v>0</v>
      </c>
      <c r="N5234" s="46">
        <f t="shared" si="592"/>
        <v>45508.666666654055</v>
      </c>
    </row>
    <row r="5235" spans="2:14" x14ac:dyDescent="0.3">
      <c r="B5235">
        <f t="shared" si="586"/>
        <v>7</v>
      </c>
      <c r="C5235" s="16">
        <v>5201</v>
      </c>
      <c r="D5235" cm="1">
        <f t="array" ref="D5235">IFERROR(INDEX(Jesper!AH$2:AH$366,ROUNDDOWN($C5235/24,0)+1,1)*INDEX($D$3:$AA$30,INDEX(Jesper!$R$2:$R$366,ROW(INDEX(Jesper!AH$2:AH$366,ROUNDDOWN($C5235/24,0)+1,1))-1)+IF('Standard Profiles'!$G$18=$B$10,7,0)+IF('Standard Profiles'!$G$18=$B$17,14,0)+IF('Standard Profiles'!$G$18=$B$24,21,0),MOD($C5235,24)+1)/SUM(INDEX($D$3:$AA$30,INDEX(Jesper!$R$2:$R$366,ROW(INDEX(Jesper!AH$2:AH$366,ROUNDDOWN($C5235/24,0)+1,1))-1)+IF('Standard Profiles'!$G$18=$B$10,7,0)+IF('Standard Profiles'!$G$18=$B$17,14,0)+IF('Standard Profiles'!$G$18=$B$24,21,0),0)),0)</f>
        <v>8.7599096998229395</v>
      </c>
      <c r="E5235" cm="1">
        <f t="array" ref="E5235">IFERROR(INDEX(Jesper!AI$2:AI$366,ROUNDDOWN($C5235/24,0)+1,1)*INDEX($D$3:$AA$30,INDEX(Jesper!$R$2:$R$366,ROW(INDEX(Jesper!AI$2:AI$366,ROUNDDOWN($C5235/24,0)+1,1))-1)+IF('Standard Profiles'!$G$19=$B$10,7,0)+IF('Standard Profiles'!$G$19=$B$17,14,0)+IF('Standard Profiles'!$G$19=$B$24,21,0),MOD($C5235,24)+1)/SUM(INDEX($D$3:$AA$30,INDEX(Jesper!$R$2:$R$366,ROW(INDEX(Jesper!AI$2:AI$366,ROUNDDOWN($C5235/24,0)+1,1))-1)+IF('Standard Profiles'!$G$19=$B$10,7,0)+IF('Standard Profiles'!$G$19=$B$17,14,0)+IF('Standard Profiles'!$G$19=$B$24,21,0),0)),0)</f>
        <v>1.3534884207763291</v>
      </c>
      <c r="F5235" cm="1">
        <f t="array" ref="F5235">IFERROR(INDEX(Jesper!AJ$2:AJ$366,ROUNDDOWN($C5235/24,0)+1,1)*INDEX($D$3:$AA$30,INDEX(Jesper!$R$2:$R$366,ROW(INDEX(Jesper!AJ$2:AJ$366,ROUNDDOWN($C5235/24,0)+1,1))-1)+IF('Standard Profiles'!$G$20=$B$10,7,0)+IF('Standard Profiles'!$G$20=$B$17,14,0)+IF('Standard Profiles'!$G$20=$B$24,21,0),MOD($C5235,24)+1)/SUM(INDEX($D$3:$AA$30,INDEX(Jesper!$R$2:$R$366,ROW(INDEX(Jesper!AJ$2:AJ$366,ROUNDDOWN($C5235/24,0)+1,1))-1)+IF('Standard Profiles'!$G$20=$B$10,7,0)+IF('Standard Profiles'!$G$20=$B$17,14,0)+IF('Standard Profiles'!$G$20=$B$24,21,0),0)),0)</f>
        <v>0</v>
      </c>
      <c r="G5235" cm="1">
        <f t="array" ref="G5235">IFERROR(INDEX(Jesper!AK$2:AK$366,ROUNDDOWN($C5235/24,0)+1,1)*INDEX($D$3:$AA$30,INDEX(Jesper!$R$2:$R$366,ROW(INDEX(Jesper!AK$2:AK$366,ROUNDDOWN($C5235/24,0)+1,1))-1)+IF('Standard Profiles'!$G$21=$B$10,7,0)+IF('Standard Profiles'!$G$21=$B$17,14,0)+IF('Standard Profiles'!$G$21=$B$24,21,0),MOD($C5235,24)+1)/SUM(INDEX($D$3:$AA$30,INDEX(Jesper!$R$2:$R$366,ROW(INDEX(Jesper!AK$2:AK$366,ROUNDDOWN($C5235/24,0)+1,1))-1)+IF('Standard Profiles'!$G$21=$B$10,7,0)+IF('Standard Profiles'!$G$21=$B$17,14,0)+IF('Standard Profiles'!$G$21=$B$24,21,0),0)),0)</f>
        <v>0</v>
      </c>
      <c r="H5235" cm="1">
        <f t="array" ref="H5235">IFERROR(INDEX(Jesper!AL$2:AL$366,ROUNDDOWN($C5235/24,0)+1,1)*INDEX($D$3:$AA$30,INDEX(Jesper!$R$2:$R$366,ROW(INDEX(Jesper!AL$2:AL$366,ROUNDDOWN($C5235/24,0)+1,1))-1)+IF('Standard Profiles'!$G$22=$B$10,7,0)+IF('Standard Profiles'!$G$22=$B$17,14,0)+IF('Standard Profiles'!$G$22=$B$24,21,0),MOD($C5235,24)+1)/SUM(INDEX($D$3:$AA$30,INDEX(Jesper!$R$2:$R$366,ROW(INDEX(Jesper!AL$2:AL$366,ROUNDDOWN($C5235/24,0)+1,1))-1)+IF('Standard Profiles'!$G$22=$B$10,7,0)+IF('Standard Profiles'!$G$22=$B$17,14,0)+IF('Standard Profiles'!$G$22=$B$24,21,0),0)),0)</f>
        <v>0</v>
      </c>
      <c r="I5235">
        <f t="shared" si="587"/>
        <v>0.12193589376363329</v>
      </c>
      <c r="J5235">
        <f t="shared" si="588"/>
        <v>0.40645297921211099</v>
      </c>
      <c r="K5235">
        <f t="shared" si="589"/>
        <v>0.60967946881816648</v>
      </c>
      <c r="L5235">
        <f t="shared" si="590"/>
        <v>8.9753297788053583</v>
      </c>
      <c r="M5235">
        <f t="shared" si="591"/>
        <v>0</v>
      </c>
      <c r="N5235" s="46">
        <f t="shared" si="592"/>
        <v>45508.708333320719</v>
      </c>
    </row>
    <row r="5236" spans="2:14" x14ac:dyDescent="0.3">
      <c r="B5236">
        <f t="shared" si="586"/>
        <v>7</v>
      </c>
      <c r="C5236" s="16">
        <v>5202</v>
      </c>
      <c r="D5236" cm="1">
        <f t="array" ref="D5236">IFERROR(INDEX(Jesper!AH$2:AH$366,ROUNDDOWN($C5236/24,0)+1,1)*INDEX($D$3:$AA$30,INDEX(Jesper!$R$2:$R$366,ROW(INDEX(Jesper!AH$2:AH$366,ROUNDDOWN($C5236/24,0)+1,1))-1)+IF('Standard Profiles'!$G$18=$B$10,7,0)+IF('Standard Profiles'!$G$18=$B$17,14,0)+IF('Standard Profiles'!$G$18=$B$24,21,0),MOD($C5236,24)+1)/SUM(INDEX($D$3:$AA$30,INDEX(Jesper!$R$2:$R$366,ROW(INDEX(Jesper!AH$2:AH$366,ROUNDDOWN($C5236/24,0)+1,1))-1)+IF('Standard Profiles'!$G$18=$B$10,7,0)+IF('Standard Profiles'!$G$18=$B$17,14,0)+IF('Standard Profiles'!$G$18=$B$24,21,0),0)),0)</f>
        <v>8.2007665274938155</v>
      </c>
      <c r="E5236" cm="1">
        <f t="array" ref="E5236">IFERROR(INDEX(Jesper!AI$2:AI$366,ROUNDDOWN($C5236/24,0)+1,1)*INDEX($D$3:$AA$30,INDEX(Jesper!$R$2:$R$366,ROW(INDEX(Jesper!AI$2:AI$366,ROUNDDOWN($C5236/24,0)+1,1))-1)+IF('Standard Profiles'!$G$19=$B$10,7,0)+IF('Standard Profiles'!$G$19=$B$17,14,0)+IF('Standard Profiles'!$G$19=$B$24,21,0),MOD($C5236,24)+1)/SUM(INDEX($D$3:$AA$30,INDEX(Jesper!$R$2:$R$366,ROW(INDEX(Jesper!AI$2:AI$366,ROUNDDOWN($C5236/24,0)+1,1))-1)+IF('Standard Profiles'!$G$19=$B$10,7,0)+IF('Standard Profiles'!$G$19=$B$17,14,0)+IF('Standard Profiles'!$G$19=$B$24,21,0),0)),0)</f>
        <v>1.2670955428544357</v>
      </c>
      <c r="F5236" cm="1">
        <f t="array" ref="F5236">IFERROR(INDEX(Jesper!AJ$2:AJ$366,ROUNDDOWN($C5236/24,0)+1,1)*INDEX($D$3:$AA$30,INDEX(Jesper!$R$2:$R$366,ROW(INDEX(Jesper!AJ$2:AJ$366,ROUNDDOWN($C5236/24,0)+1,1))-1)+IF('Standard Profiles'!$G$20=$B$10,7,0)+IF('Standard Profiles'!$G$20=$B$17,14,0)+IF('Standard Profiles'!$G$20=$B$24,21,0),MOD($C5236,24)+1)/SUM(INDEX($D$3:$AA$30,INDEX(Jesper!$R$2:$R$366,ROW(INDEX(Jesper!AJ$2:AJ$366,ROUNDDOWN($C5236/24,0)+1,1))-1)+IF('Standard Profiles'!$G$20=$B$10,7,0)+IF('Standard Profiles'!$G$20=$B$17,14,0)+IF('Standard Profiles'!$G$20=$B$24,21,0),0)),0)</f>
        <v>0</v>
      </c>
      <c r="G5236" cm="1">
        <f t="array" ref="G5236">IFERROR(INDEX(Jesper!AK$2:AK$366,ROUNDDOWN($C5236/24,0)+1,1)*INDEX($D$3:$AA$30,INDEX(Jesper!$R$2:$R$366,ROW(INDEX(Jesper!AK$2:AK$366,ROUNDDOWN($C5236/24,0)+1,1))-1)+IF('Standard Profiles'!$G$21=$B$10,7,0)+IF('Standard Profiles'!$G$21=$B$17,14,0)+IF('Standard Profiles'!$G$21=$B$24,21,0),MOD($C5236,24)+1)/SUM(INDEX($D$3:$AA$30,INDEX(Jesper!$R$2:$R$366,ROW(INDEX(Jesper!AK$2:AK$366,ROUNDDOWN($C5236/24,0)+1,1))-1)+IF('Standard Profiles'!$G$21=$B$10,7,0)+IF('Standard Profiles'!$G$21=$B$17,14,0)+IF('Standard Profiles'!$G$21=$B$24,21,0),0)),0)</f>
        <v>0</v>
      </c>
      <c r="H5236" cm="1">
        <f t="array" ref="H5236">IFERROR(INDEX(Jesper!AL$2:AL$366,ROUNDDOWN($C5236/24,0)+1,1)*INDEX($D$3:$AA$30,INDEX(Jesper!$R$2:$R$366,ROW(INDEX(Jesper!AL$2:AL$366,ROUNDDOWN($C5236/24,0)+1,1))-1)+IF('Standard Profiles'!$G$22=$B$10,7,0)+IF('Standard Profiles'!$G$22=$B$17,14,0)+IF('Standard Profiles'!$G$22=$B$24,21,0),MOD($C5236,24)+1)/SUM(INDEX($D$3:$AA$30,INDEX(Jesper!$R$2:$R$366,ROW(INDEX(Jesper!AL$2:AL$366,ROUNDDOWN($C5236/24,0)+1,1))-1)+IF('Standard Profiles'!$G$22=$B$10,7,0)+IF('Standard Profiles'!$G$22=$B$17,14,0)+IF('Standard Profiles'!$G$22=$B$24,21,0),0)),0)</f>
        <v>0</v>
      </c>
      <c r="I5236">
        <f t="shared" si="587"/>
        <v>0.11415275160850775</v>
      </c>
      <c r="J5236">
        <f t="shared" si="588"/>
        <v>0.38050917202835921</v>
      </c>
      <c r="K5236">
        <f t="shared" si="589"/>
        <v>0.57076375804253887</v>
      </c>
      <c r="L5236">
        <f t="shared" si="590"/>
        <v>8.4024363886688462</v>
      </c>
      <c r="M5236">
        <f t="shared" si="591"/>
        <v>0</v>
      </c>
      <c r="N5236" s="46">
        <f t="shared" si="592"/>
        <v>45508.749999987383</v>
      </c>
    </row>
    <row r="5237" spans="2:14" x14ac:dyDescent="0.3">
      <c r="B5237">
        <f t="shared" si="586"/>
        <v>7</v>
      </c>
      <c r="C5237" s="16">
        <v>5203</v>
      </c>
      <c r="D5237" cm="1">
        <f t="array" ref="D5237">IFERROR(INDEX(Jesper!AH$2:AH$366,ROUNDDOWN($C5237/24,0)+1,1)*INDEX($D$3:$AA$30,INDEX(Jesper!$R$2:$R$366,ROW(INDEX(Jesper!AH$2:AH$366,ROUNDDOWN($C5237/24,0)+1,1))-1)+IF('Standard Profiles'!$G$18=$B$10,7,0)+IF('Standard Profiles'!$G$18=$B$17,14,0)+IF('Standard Profiles'!$G$18=$B$24,21,0),MOD($C5237,24)+1)/SUM(INDEX($D$3:$AA$30,INDEX(Jesper!$R$2:$R$366,ROW(INDEX(Jesper!AH$2:AH$366,ROUNDDOWN($C5237/24,0)+1,1))-1)+IF('Standard Profiles'!$G$18=$B$10,7,0)+IF('Standard Profiles'!$G$18=$B$17,14,0)+IF('Standard Profiles'!$G$18=$B$24,21,0),0)),0)</f>
        <v>6.896099125392527</v>
      </c>
      <c r="E5237" cm="1">
        <f t="array" ref="E5237">IFERROR(INDEX(Jesper!AI$2:AI$366,ROUNDDOWN($C5237/24,0)+1,1)*INDEX($D$3:$AA$30,INDEX(Jesper!$R$2:$R$366,ROW(INDEX(Jesper!AI$2:AI$366,ROUNDDOWN($C5237/24,0)+1,1))-1)+IF('Standard Profiles'!$G$19=$B$10,7,0)+IF('Standard Profiles'!$G$19=$B$17,14,0)+IF('Standard Profiles'!$G$19=$B$24,21,0),MOD($C5237,24)+1)/SUM(INDEX($D$3:$AA$30,INDEX(Jesper!$R$2:$R$366,ROW(INDEX(Jesper!AI$2:AI$366,ROUNDDOWN($C5237/24,0)+1,1))-1)+IF('Standard Profiles'!$G$19=$B$10,7,0)+IF('Standard Profiles'!$G$19=$B$17,14,0)+IF('Standard Profiles'!$G$19=$B$24,21,0),0)),0)</f>
        <v>1.0655121610366847</v>
      </c>
      <c r="F5237" cm="1">
        <f t="array" ref="F5237">IFERROR(INDEX(Jesper!AJ$2:AJ$366,ROUNDDOWN($C5237/24,0)+1,1)*INDEX($D$3:$AA$30,INDEX(Jesper!$R$2:$R$366,ROW(INDEX(Jesper!AJ$2:AJ$366,ROUNDDOWN($C5237/24,0)+1,1))-1)+IF('Standard Profiles'!$G$20=$B$10,7,0)+IF('Standard Profiles'!$G$20=$B$17,14,0)+IF('Standard Profiles'!$G$20=$B$24,21,0),MOD($C5237,24)+1)/SUM(INDEX($D$3:$AA$30,INDEX(Jesper!$R$2:$R$366,ROW(INDEX(Jesper!AJ$2:AJ$366,ROUNDDOWN($C5237/24,0)+1,1))-1)+IF('Standard Profiles'!$G$20=$B$10,7,0)+IF('Standard Profiles'!$G$20=$B$17,14,0)+IF('Standard Profiles'!$G$20=$B$24,21,0),0)),0)</f>
        <v>0</v>
      </c>
      <c r="G5237" cm="1">
        <f t="array" ref="G5237">IFERROR(INDEX(Jesper!AK$2:AK$366,ROUNDDOWN($C5237/24,0)+1,1)*INDEX($D$3:$AA$30,INDEX(Jesper!$R$2:$R$366,ROW(INDEX(Jesper!AK$2:AK$366,ROUNDDOWN($C5237/24,0)+1,1))-1)+IF('Standard Profiles'!$G$21=$B$10,7,0)+IF('Standard Profiles'!$G$21=$B$17,14,0)+IF('Standard Profiles'!$G$21=$B$24,21,0),MOD($C5237,24)+1)/SUM(INDEX($D$3:$AA$30,INDEX(Jesper!$R$2:$R$366,ROW(INDEX(Jesper!AK$2:AK$366,ROUNDDOWN($C5237/24,0)+1,1))-1)+IF('Standard Profiles'!$G$21=$B$10,7,0)+IF('Standard Profiles'!$G$21=$B$17,14,0)+IF('Standard Profiles'!$G$21=$B$24,21,0),0)),0)</f>
        <v>0</v>
      </c>
      <c r="H5237" cm="1">
        <f t="array" ref="H5237">IFERROR(INDEX(Jesper!AL$2:AL$366,ROUNDDOWN($C5237/24,0)+1,1)*INDEX($D$3:$AA$30,INDEX(Jesper!$R$2:$R$366,ROW(INDEX(Jesper!AL$2:AL$366,ROUNDDOWN($C5237/24,0)+1,1))-1)+IF('Standard Profiles'!$G$22=$B$10,7,0)+IF('Standard Profiles'!$G$22=$B$17,14,0)+IF('Standard Profiles'!$G$22=$B$24,21,0),MOD($C5237,24)+1)/SUM(INDEX($D$3:$AA$30,INDEX(Jesper!$R$2:$R$366,ROW(INDEX(Jesper!AL$2:AL$366,ROUNDDOWN($C5237/24,0)+1,1))-1)+IF('Standard Profiles'!$G$22=$B$10,7,0)+IF('Standard Profiles'!$G$22=$B$17,14,0)+IF('Standard Profiles'!$G$22=$B$24,21,0),0)),0)</f>
        <v>0</v>
      </c>
      <c r="I5237">
        <f t="shared" si="587"/>
        <v>9.5992086579881522E-2</v>
      </c>
      <c r="J5237">
        <f t="shared" si="588"/>
        <v>0.31997362193293843</v>
      </c>
      <c r="K5237">
        <f t="shared" si="589"/>
        <v>0.47996043289940771</v>
      </c>
      <c r="L5237">
        <f t="shared" si="590"/>
        <v>7.0656851450169844</v>
      </c>
      <c r="M5237">
        <f t="shared" si="591"/>
        <v>0</v>
      </c>
      <c r="N5237" s="46">
        <f t="shared" si="592"/>
        <v>45508.791666654048</v>
      </c>
    </row>
    <row r="5238" spans="2:14" x14ac:dyDescent="0.3">
      <c r="B5238">
        <f t="shared" si="586"/>
        <v>7</v>
      </c>
      <c r="C5238" s="16">
        <v>5204</v>
      </c>
      <c r="D5238" cm="1">
        <f t="array" ref="D5238">IFERROR(INDEX(Jesper!AH$2:AH$366,ROUNDDOWN($C5238/24,0)+1,1)*INDEX($D$3:$AA$30,INDEX(Jesper!$R$2:$R$366,ROW(INDEX(Jesper!AH$2:AH$366,ROUNDDOWN($C5238/24,0)+1,1))-1)+IF('Standard Profiles'!$G$18=$B$10,7,0)+IF('Standard Profiles'!$G$18=$B$17,14,0)+IF('Standard Profiles'!$G$18=$B$24,21,0),MOD($C5238,24)+1)/SUM(INDEX($D$3:$AA$30,INDEX(Jesper!$R$2:$R$366,ROW(INDEX(Jesper!AH$2:AH$366,ROUNDDOWN($C5238/24,0)+1,1))-1)+IF('Standard Profiles'!$G$18=$B$10,7,0)+IF('Standard Profiles'!$G$18=$B$17,14,0)+IF('Standard Profiles'!$G$18=$B$24,21,0),0)),0)</f>
        <v>5.7778127807342781</v>
      </c>
      <c r="E5238" cm="1">
        <f t="array" ref="E5238">IFERROR(INDEX(Jesper!AI$2:AI$366,ROUNDDOWN($C5238/24,0)+1,1)*INDEX($D$3:$AA$30,INDEX(Jesper!$R$2:$R$366,ROW(INDEX(Jesper!AI$2:AI$366,ROUNDDOWN($C5238/24,0)+1,1))-1)+IF('Standard Profiles'!$G$19=$B$10,7,0)+IF('Standard Profiles'!$G$19=$B$17,14,0)+IF('Standard Profiles'!$G$19=$B$24,21,0),MOD($C5238,24)+1)/SUM(INDEX($D$3:$AA$30,INDEX(Jesper!$R$2:$R$366,ROW(INDEX(Jesper!AI$2:AI$366,ROUNDDOWN($C5238/24,0)+1,1))-1)+IF('Standard Profiles'!$G$19=$B$10,7,0)+IF('Standard Profiles'!$G$19=$B$17,14,0)+IF('Standard Profiles'!$G$19=$B$24,21,0),0)),0)</f>
        <v>0.89272640519289781</v>
      </c>
      <c r="F5238" cm="1">
        <f t="array" ref="F5238">IFERROR(INDEX(Jesper!AJ$2:AJ$366,ROUNDDOWN($C5238/24,0)+1,1)*INDEX($D$3:$AA$30,INDEX(Jesper!$R$2:$R$366,ROW(INDEX(Jesper!AJ$2:AJ$366,ROUNDDOWN($C5238/24,0)+1,1))-1)+IF('Standard Profiles'!$G$20=$B$10,7,0)+IF('Standard Profiles'!$G$20=$B$17,14,0)+IF('Standard Profiles'!$G$20=$B$24,21,0),MOD($C5238,24)+1)/SUM(INDEX($D$3:$AA$30,INDEX(Jesper!$R$2:$R$366,ROW(INDEX(Jesper!AJ$2:AJ$366,ROUNDDOWN($C5238/24,0)+1,1))-1)+IF('Standard Profiles'!$G$20=$B$10,7,0)+IF('Standard Profiles'!$G$20=$B$17,14,0)+IF('Standard Profiles'!$G$20=$B$24,21,0),0)),0)</f>
        <v>0</v>
      </c>
      <c r="G5238" cm="1">
        <f t="array" ref="G5238">IFERROR(INDEX(Jesper!AK$2:AK$366,ROUNDDOWN($C5238/24,0)+1,1)*INDEX($D$3:$AA$30,INDEX(Jesper!$R$2:$R$366,ROW(INDEX(Jesper!AK$2:AK$366,ROUNDDOWN($C5238/24,0)+1,1))-1)+IF('Standard Profiles'!$G$21=$B$10,7,0)+IF('Standard Profiles'!$G$21=$B$17,14,0)+IF('Standard Profiles'!$G$21=$B$24,21,0),MOD($C5238,24)+1)/SUM(INDEX($D$3:$AA$30,INDEX(Jesper!$R$2:$R$366,ROW(INDEX(Jesper!AK$2:AK$366,ROUNDDOWN($C5238/24,0)+1,1))-1)+IF('Standard Profiles'!$G$21=$B$10,7,0)+IF('Standard Profiles'!$G$21=$B$17,14,0)+IF('Standard Profiles'!$G$21=$B$24,21,0),0)),0)</f>
        <v>0</v>
      </c>
      <c r="H5238" cm="1">
        <f t="array" ref="H5238">IFERROR(INDEX(Jesper!AL$2:AL$366,ROUNDDOWN($C5238/24,0)+1,1)*INDEX($D$3:$AA$30,INDEX(Jesper!$R$2:$R$366,ROW(INDEX(Jesper!AL$2:AL$366,ROUNDDOWN($C5238/24,0)+1,1))-1)+IF('Standard Profiles'!$G$22=$B$10,7,0)+IF('Standard Profiles'!$G$22=$B$17,14,0)+IF('Standard Profiles'!$G$22=$B$24,21,0),MOD($C5238,24)+1)/SUM(INDEX($D$3:$AA$30,INDEX(Jesper!$R$2:$R$366,ROW(INDEX(Jesper!AL$2:AL$366,ROUNDDOWN($C5238/24,0)+1,1))-1)+IF('Standard Profiles'!$G$22=$B$10,7,0)+IF('Standard Profiles'!$G$22=$B$17,14,0)+IF('Standard Profiles'!$G$22=$B$24,21,0),0)),0)</f>
        <v>0</v>
      </c>
      <c r="I5238">
        <f t="shared" si="587"/>
        <v>8.0425802269630448E-2</v>
      </c>
      <c r="J5238">
        <f t="shared" si="588"/>
        <v>0.26808600756543488</v>
      </c>
      <c r="K5238">
        <f t="shared" si="589"/>
        <v>0.40212901134815232</v>
      </c>
      <c r="L5238">
        <f t="shared" si="590"/>
        <v>5.9198983647439585</v>
      </c>
      <c r="M5238">
        <f t="shared" si="591"/>
        <v>0</v>
      </c>
      <c r="N5238" s="46">
        <f t="shared" si="592"/>
        <v>45508.833333320712</v>
      </c>
    </row>
    <row r="5239" spans="2:14" x14ac:dyDescent="0.3">
      <c r="B5239">
        <f t="shared" si="586"/>
        <v>7</v>
      </c>
      <c r="C5239" s="16">
        <v>5205</v>
      </c>
      <c r="D5239" cm="1">
        <f t="array" ref="D5239">IFERROR(INDEX(Jesper!AH$2:AH$366,ROUNDDOWN($C5239/24,0)+1,1)*INDEX($D$3:$AA$30,INDEX(Jesper!$R$2:$R$366,ROW(INDEX(Jesper!AH$2:AH$366,ROUNDDOWN($C5239/24,0)+1,1))-1)+IF('Standard Profiles'!$G$18=$B$10,7,0)+IF('Standard Profiles'!$G$18=$B$17,14,0)+IF('Standard Profiles'!$G$18=$B$24,21,0),MOD($C5239,24)+1)/SUM(INDEX($D$3:$AA$30,INDEX(Jesper!$R$2:$R$366,ROW(INDEX(Jesper!AH$2:AH$366,ROUNDDOWN($C5239/24,0)+1,1))-1)+IF('Standard Profiles'!$G$18=$B$10,7,0)+IF('Standard Profiles'!$G$18=$B$17,14,0)+IF('Standard Profiles'!$G$18=$B$24,21,0),0)),0)</f>
        <v>5.0322885509621145</v>
      </c>
      <c r="E5239" cm="1">
        <f t="array" ref="E5239">IFERROR(INDEX(Jesper!AI$2:AI$366,ROUNDDOWN($C5239/24,0)+1,1)*INDEX($D$3:$AA$30,INDEX(Jesper!$R$2:$R$366,ROW(INDEX(Jesper!AI$2:AI$366,ROUNDDOWN($C5239/24,0)+1,1))-1)+IF('Standard Profiles'!$G$19=$B$10,7,0)+IF('Standard Profiles'!$G$19=$B$17,14,0)+IF('Standard Profiles'!$G$19=$B$24,21,0),MOD($C5239,24)+1)/SUM(INDEX($D$3:$AA$30,INDEX(Jesper!$R$2:$R$366,ROW(INDEX(Jesper!AI$2:AI$366,ROUNDDOWN($C5239/24,0)+1,1))-1)+IF('Standard Profiles'!$G$19=$B$10,7,0)+IF('Standard Profiles'!$G$19=$B$17,14,0)+IF('Standard Profiles'!$G$19=$B$24,21,0),0)),0)</f>
        <v>0.77753590129704009</v>
      </c>
      <c r="F5239" cm="1">
        <f t="array" ref="F5239">IFERROR(INDEX(Jesper!AJ$2:AJ$366,ROUNDDOWN($C5239/24,0)+1,1)*INDEX($D$3:$AA$30,INDEX(Jesper!$R$2:$R$366,ROW(INDEX(Jesper!AJ$2:AJ$366,ROUNDDOWN($C5239/24,0)+1,1))-1)+IF('Standard Profiles'!$G$20=$B$10,7,0)+IF('Standard Profiles'!$G$20=$B$17,14,0)+IF('Standard Profiles'!$G$20=$B$24,21,0),MOD($C5239,24)+1)/SUM(INDEX($D$3:$AA$30,INDEX(Jesper!$R$2:$R$366,ROW(INDEX(Jesper!AJ$2:AJ$366,ROUNDDOWN($C5239/24,0)+1,1))-1)+IF('Standard Profiles'!$G$20=$B$10,7,0)+IF('Standard Profiles'!$G$20=$B$17,14,0)+IF('Standard Profiles'!$G$20=$B$24,21,0),0)),0)</f>
        <v>0</v>
      </c>
      <c r="G5239" cm="1">
        <f t="array" ref="G5239">IFERROR(INDEX(Jesper!AK$2:AK$366,ROUNDDOWN($C5239/24,0)+1,1)*INDEX($D$3:$AA$30,INDEX(Jesper!$R$2:$R$366,ROW(INDEX(Jesper!AK$2:AK$366,ROUNDDOWN($C5239/24,0)+1,1))-1)+IF('Standard Profiles'!$G$21=$B$10,7,0)+IF('Standard Profiles'!$G$21=$B$17,14,0)+IF('Standard Profiles'!$G$21=$B$24,21,0),MOD($C5239,24)+1)/SUM(INDEX($D$3:$AA$30,INDEX(Jesper!$R$2:$R$366,ROW(INDEX(Jesper!AK$2:AK$366,ROUNDDOWN($C5239/24,0)+1,1))-1)+IF('Standard Profiles'!$G$21=$B$10,7,0)+IF('Standard Profiles'!$G$21=$B$17,14,0)+IF('Standard Profiles'!$G$21=$B$24,21,0),0)),0)</f>
        <v>0</v>
      </c>
      <c r="H5239" cm="1">
        <f t="array" ref="H5239">IFERROR(INDEX(Jesper!AL$2:AL$366,ROUNDDOWN($C5239/24,0)+1,1)*INDEX($D$3:$AA$30,INDEX(Jesper!$R$2:$R$366,ROW(INDEX(Jesper!AL$2:AL$366,ROUNDDOWN($C5239/24,0)+1,1))-1)+IF('Standard Profiles'!$G$22=$B$10,7,0)+IF('Standard Profiles'!$G$22=$B$17,14,0)+IF('Standard Profiles'!$G$22=$B$24,21,0),MOD($C5239,24)+1)/SUM(INDEX($D$3:$AA$30,INDEX(Jesper!$R$2:$R$366,ROW(INDEX(Jesper!AL$2:AL$366,ROUNDDOWN($C5239/24,0)+1,1))-1)+IF('Standard Profiles'!$G$22=$B$10,7,0)+IF('Standard Profiles'!$G$22=$B$17,14,0)+IF('Standard Profiles'!$G$22=$B$24,21,0),0)),0)</f>
        <v>0</v>
      </c>
      <c r="I5239">
        <f t="shared" si="587"/>
        <v>7.0048279396129759E-2</v>
      </c>
      <c r="J5239">
        <f t="shared" si="588"/>
        <v>0.23349426465376588</v>
      </c>
      <c r="K5239">
        <f t="shared" si="589"/>
        <v>0.35024139698064882</v>
      </c>
      <c r="L5239">
        <f t="shared" si="590"/>
        <v>5.1560405112286105</v>
      </c>
      <c r="M5239">
        <f t="shared" si="591"/>
        <v>0</v>
      </c>
      <c r="N5239" s="46">
        <f t="shared" si="592"/>
        <v>45508.874999987376</v>
      </c>
    </row>
    <row r="5240" spans="2:14" x14ac:dyDescent="0.3">
      <c r="B5240">
        <f t="shared" si="586"/>
        <v>7</v>
      </c>
      <c r="C5240" s="16">
        <v>5206</v>
      </c>
      <c r="D5240" cm="1">
        <f t="array" ref="D5240">IFERROR(INDEX(Jesper!AH$2:AH$366,ROUNDDOWN($C5240/24,0)+1,1)*INDEX($D$3:$AA$30,INDEX(Jesper!$R$2:$R$366,ROW(INDEX(Jesper!AH$2:AH$366,ROUNDDOWN($C5240/24,0)+1,1))-1)+IF('Standard Profiles'!$G$18=$B$10,7,0)+IF('Standard Profiles'!$G$18=$B$17,14,0)+IF('Standard Profiles'!$G$18=$B$24,21,0),MOD($C5240,24)+1)/SUM(INDEX($D$3:$AA$30,INDEX(Jesper!$R$2:$R$366,ROW(INDEX(Jesper!AH$2:AH$366,ROUNDDOWN($C5240/24,0)+1,1))-1)+IF('Standard Profiles'!$G$18=$B$10,7,0)+IF('Standard Profiles'!$G$18=$B$17,14,0)+IF('Standard Profiles'!$G$18=$B$24,21,0),0)),0)</f>
        <v>5.0322885509621145</v>
      </c>
      <c r="E5240" cm="1">
        <f t="array" ref="E5240">IFERROR(INDEX(Jesper!AI$2:AI$366,ROUNDDOWN($C5240/24,0)+1,1)*INDEX($D$3:$AA$30,INDEX(Jesper!$R$2:$R$366,ROW(INDEX(Jesper!AI$2:AI$366,ROUNDDOWN($C5240/24,0)+1,1))-1)+IF('Standard Profiles'!$G$19=$B$10,7,0)+IF('Standard Profiles'!$G$19=$B$17,14,0)+IF('Standard Profiles'!$G$19=$B$24,21,0),MOD($C5240,24)+1)/SUM(INDEX($D$3:$AA$30,INDEX(Jesper!$R$2:$R$366,ROW(INDEX(Jesper!AI$2:AI$366,ROUNDDOWN($C5240/24,0)+1,1))-1)+IF('Standard Profiles'!$G$19=$B$10,7,0)+IF('Standard Profiles'!$G$19=$B$17,14,0)+IF('Standard Profiles'!$G$19=$B$24,21,0),0)),0)</f>
        <v>0.77753590129704009</v>
      </c>
      <c r="F5240" cm="1">
        <f t="array" ref="F5240">IFERROR(INDEX(Jesper!AJ$2:AJ$366,ROUNDDOWN($C5240/24,0)+1,1)*INDEX($D$3:$AA$30,INDEX(Jesper!$R$2:$R$366,ROW(INDEX(Jesper!AJ$2:AJ$366,ROUNDDOWN($C5240/24,0)+1,1))-1)+IF('Standard Profiles'!$G$20=$B$10,7,0)+IF('Standard Profiles'!$G$20=$B$17,14,0)+IF('Standard Profiles'!$G$20=$B$24,21,0),MOD($C5240,24)+1)/SUM(INDEX($D$3:$AA$30,INDEX(Jesper!$R$2:$R$366,ROW(INDEX(Jesper!AJ$2:AJ$366,ROUNDDOWN($C5240/24,0)+1,1))-1)+IF('Standard Profiles'!$G$20=$B$10,7,0)+IF('Standard Profiles'!$G$20=$B$17,14,0)+IF('Standard Profiles'!$G$20=$B$24,21,0),0)),0)</f>
        <v>0</v>
      </c>
      <c r="G5240" cm="1">
        <f t="array" ref="G5240">IFERROR(INDEX(Jesper!AK$2:AK$366,ROUNDDOWN($C5240/24,0)+1,1)*INDEX($D$3:$AA$30,INDEX(Jesper!$R$2:$R$366,ROW(INDEX(Jesper!AK$2:AK$366,ROUNDDOWN($C5240/24,0)+1,1))-1)+IF('Standard Profiles'!$G$21=$B$10,7,0)+IF('Standard Profiles'!$G$21=$B$17,14,0)+IF('Standard Profiles'!$G$21=$B$24,21,0),MOD($C5240,24)+1)/SUM(INDEX($D$3:$AA$30,INDEX(Jesper!$R$2:$R$366,ROW(INDEX(Jesper!AK$2:AK$366,ROUNDDOWN($C5240/24,0)+1,1))-1)+IF('Standard Profiles'!$G$21=$B$10,7,0)+IF('Standard Profiles'!$G$21=$B$17,14,0)+IF('Standard Profiles'!$G$21=$B$24,21,0),0)),0)</f>
        <v>0</v>
      </c>
      <c r="H5240" cm="1">
        <f t="array" ref="H5240">IFERROR(INDEX(Jesper!AL$2:AL$366,ROUNDDOWN($C5240/24,0)+1,1)*INDEX($D$3:$AA$30,INDEX(Jesper!$R$2:$R$366,ROW(INDEX(Jesper!AL$2:AL$366,ROUNDDOWN($C5240/24,0)+1,1))-1)+IF('Standard Profiles'!$G$22=$B$10,7,0)+IF('Standard Profiles'!$G$22=$B$17,14,0)+IF('Standard Profiles'!$G$22=$B$24,21,0),MOD($C5240,24)+1)/SUM(INDEX($D$3:$AA$30,INDEX(Jesper!$R$2:$R$366,ROW(INDEX(Jesper!AL$2:AL$366,ROUNDDOWN($C5240/24,0)+1,1))-1)+IF('Standard Profiles'!$G$22=$B$10,7,0)+IF('Standard Profiles'!$G$22=$B$17,14,0)+IF('Standard Profiles'!$G$22=$B$24,21,0),0)),0)</f>
        <v>0</v>
      </c>
      <c r="I5240">
        <f t="shared" si="587"/>
        <v>7.0048279396129759E-2</v>
      </c>
      <c r="J5240">
        <f t="shared" si="588"/>
        <v>0.23349426465376588</v>
      </c>
      <c r="K5240">
        <f t="shared" si="589"/>
        <v>0.35024139698064882</v>
      </c>
      <c r="L5240">
        <f t="shared" si="590"/>
        <v>5.1560405112286105</v>
      </c>
      <c r="M5240">
        <f t="shared" si="591"/>
        <v>0</v>
      </c>
      <c r="N5240" s="46">
        <f t="shared" si="592"/>
        <v>45508.91666665404</v>
      </c>
    </row>
    <row r="5241" spans="2:14" x14ac:dyDescent="0.3">
      <c r="B5241">
        <f t="shared" si="586"/>
        <v>7</v>
      </c>
      <c r="C5241" s="16">
        <v>5207</v>
      </c>
      <c r="D5241" cm="1">
        <f t="array" ref="D5241">IFERROR(INDEX(Jesper!AH$2:AH$366,ROUNDDOWN($C5241/24,0)+1,1)*INDEX($D$3:$AA$30,INDEX(Jesper!$R$2:$R$366,ROW(INDEX(Jesper!AH$2:AH$366,ROUNDDOWN($C5241/24,0)+1,1))-1)+IF('Standard Profiles'!$G$18=$B$10,7,0)+IF('Standard Profiles'!$G$18=$B$17,14,0)+IF('Standard Profiles'!$G$18=$B$24,21,0),MOD($C5241,24)+1)/SUM(INDEX($D$3:$AA$30,INDEX(Jesper!$R$2:$R$366,ROW(INDEX(Jesper!AH$2:AH$366,ROUNDDOWN($C5241/24,0)+1,1))-1)+IF('Standard Profiles'!$G$18=$B$10,7,0)+IF('Standard Profiles'!$G$18=$B$17,14,0)+IF('Standard Profiles'!$G$18=$B$24,21,0),0)),0)</f>
        <v>5.0322885509621145</v>
      </c>
      <c r="E5241" cm="1">
        <f t="array" ref="E5241">IFERROR(INDEX(Jesper!AI$2:AI$366,ROUNDDOWN($C5241/24,0)+1,1)*INDEX($D$3:$AA$30,INDEX(Jesper!$R$2:$R$366,ROW(INDEX(Jesper!AI$2:AI$366,ROUNDDOWN($C5241/24,0)+1,1))-1)+IF('Standard Profiles'!$G$19=$B$10,7,0)+IF('Standard Profiles'!$G$19=$B$17,14,0)+IF('Standard Profiles'!$G$19=$B$24,21,0),MOD($C5241,24)+1)/SUM(INDEX($D$3:$AA$30,INDEX(Jesper!$R$2:$R$366,ROW(INDEX(Jesper!AI$2:AI$366,ROUNDDOWN($C5241/24,0)+1,1))-1)+IF('Standard Profiles'!$G$19=$B$10,7,0)+IF('Standard Profiles'!$G$19=$B$17,14,0)+IF('Standard Profiles'!$G$19=$B$24,21,0),0)),0)</f>
        <v>0.77753590129704009</v>
      </c>
      <c r="F5241" cm="1">
        <f t="array" ref="F5241">IFERROR(INDEX(Jesper!AJ$2:AJ$366,ROUNDDOWN($C5241/24,0)+1,1)*INDEX($D$3:$AA$30,INDEX(Jesper!$R$2:$R$366,ROW(INDEX(Jesper!AJ$2:AJ$366,ROUNDDOWN($C5241/24,0)+1,1))-1)+IF('Standard Profiles'!$G$20=$B$10,7,0)+IF('Standard Profiles'!$G$20=$B$17,14,0)+IF('Standard Profiles'!$G$20=$B$24,21,0),MOD($C5241,24)+1)/SUM(INDEX($D$3:$AA$30,INDEX(Jesper!$R$2:$R$366,ROW(INDEX(Jesper!AJ$2:AJ$366,ROUNDDOWN($C5241/24,0)+1,1))-1)+IF('Standard Profiles'!$G$20=$B$10,7,0)+IF('Standard Profiles'!$G$20=$B$17,14,0)+IF('Standard Profiles'!$G$20=$B$24,21,0),0)),0)</f>
        <v>0</v>
      </c>
      <c r="G5241" cm="1">
        <f t="array" ref="G5241">IFERROR(INDEX(Jesper!AK$2:AK$366,ROUNDDOWN($C5241/24,0)+1,1)*INDEX($D$3:$AA$30,INDEX(Jesper!$R$2:$R$366,ROW(INDEX(Jesper!AK$2:AK$366,ROUNDDOWN($C5241/24,0)+1,1))-1)+IF('Standard Profiles'!$G$21=$B$10,7,0)+IF('Standard Profiles'!$G$21=$B$17,14,0)+IF('Standard Profiles'!$G$21=$B$24,21,0),MOD($C5241,24)+1)/SUM(INDEX($D$3:$AA$30,INDEX(Jesper!$R$2:$R$366,ROW(INDEX(Jesper!AK$2:AK$366,ROUNDDOWN($C5241/24,0)+1,1))-1)+IF('Standard Profiles'!$G$21=$B$10,7,0)+IF('Standard Profiles'!$G$21=$B$17,14,0)+IF('Standard Profiles'!$G$21=$B$24,21,0),0)),0)</f>
        <v>0</v>
      </c>
      <c r="H5241" cm="1">
        <f t="array" ref="H5241">IFERROR(INDEX(Jesper!AL$2:AL$366,ROUNDDOWN($C5241/24,0)+1,1)*INDEX($D$3:$AA$30,INDEX(Jesper!$R$2:$R$366,ROW(INDEX(Jesper!AL$2:AL$366,ROUNDDOWN($C5241/24,0)+1,1))-1)+IF('Standard Profiles'!$G$22=$B$10,7,0)+IF('Standard Profiles'!$G$22=$B$17,14,0)+IF('Standard Profiles'!$G$22=$B$24,21,0),MOD($C5241,24)+1)/SUM(INDEX($D$3:$AA$30,INDEX(Jesper!$R$2:$R$366,ROW(INDEX(Jesper!AL$2:AL$366,ROUNDDOWN($C5241/24,0)+1,1))-1)+IF('Standard Profiles'!$G$22=$B$10,7,0)+IF('Standard Profiles'!$G$22=$B$17,14,0)+IF('Standard Profiles'!$G$22=$B$24,21,0),0)),0)</f>
        <v>0</v>
      </c>
      <c r="I5241">
        <f t="shared" si="587"/>
        <v>7.0048279396129759E-2</v>
      </c>
      <c r="J5241">
        <f t="shared" si="588"/>
        <v>0.23349426465376588</v>
      </c>
      <c r="K5241">
        <f t="shared" si="589"/>
        <v>0.35024139698064882</v>
      </c>
      <c r="L5241">
        <f t="shared" si="590"/>
        <v>5.1560405112286105</v>
      </c>
      <c r="M5241">
        <f t="shared" si="591"/>
        <v>0</v>
      </c>
      <c r="N5241" s="46">
        <f t="shared" si="592"/>
        <v>45508.958333320705</v>
      </c>
    </row>
    <row r="5242" spans="2:14" x14ac:dyDescent="0.3">
      <c r="B5242">
        <f t="shared" si="586"/>
        <v>1</v>
      </c>
      <c r="C5242" s="16">
        <v>5208</v>
      </c>
      <c r="D5242" cm="1">
        <f t="array" ref="D5242">IFERROR(INDEX(Jesper!AH$2:AH$366,ROUNDDOWN($C5242/24,0)+1,1)*INDEX($D$3:$AA$30,INDEX(Jesper!$R$2:$R$366,ROW(INDEX(Jesper!AH$2:AH$366,ROUNDDOWN($C5242/24,0)+1,1))-1)+IF('Standard Profiles'!$G$18=$B$10,7,0)+IF('Standard Profiles'!$G$18=$B$17,14,0)+IF('Standard Profiles'!$G$18=$B$24,21,0),MOD($C5242,24)+1)/SUM(INDEX($D$3:$AA$30,INDEX(Jesper!$R$2:$R$366,ROW(INDEX(Jesper!AH$2:AH$366,ROUNDDOWN($C5242/24,0)+1,1))-1)+IF('Standard Profiles'!$G$18=$B$10,7,0)+IF('Standard Profiles'!$G$18=$B$17,14,0)+IF('Standard Profiles'!$G$18=$B$24,21,0),0)),0)</f>
        <v>2.3693451061089159</v>
      </c>
      <c r="E5242" cm="1">
        <f t="array" ref="E5242">IFERROR(INDEX(Jesper!AI$2:AI$366,ROUNDDOWN($C5242/24,0)+1,1)*INDEX($D$3:$AA$30,INDEX(Jesper!$R$2:$R$366,ROW(INDEX(Jesper!AI$2:AI$366,ROUNDDOWN($C5242/24,0)+1,1))-1)+IF('Standard Profiles'!$G$19=$B$10,7,0)+IF('Standard Profiles'!$G$19=$B$17,14,0)+IF('Standard Profiles'!$G$19=$B$24,21,0),MOD($C5242,24)+1)/SUM(INDEX($D$3:$AA$30,INDEX(Jesper!$R$2:$R$366,ROW(INDEX(Jesper!AI$2:AI$366,ROUNDDOWN($C5242/24,0)+1,1))-1)+IF('Standard Profiles'!$G$19=$B$10,7,0)+IF('Standard Profiles'!$G$19=$B$17,14,0)+IF('Standard Profiles'!$G$19=$B$24,21,0),0)),0)</f>
        <v>0</v>
      </c>
      <c r="F5242" cm="1">
        <f t="array" ref="F5242">IFERROR(INDEX(Jesper!AJ$2:AJ$366,ROUNDDOWN($C5242/24,0)+1,1)*INDEX($D$3:$AA$30,INDEX(Jesper!$R$2:$R$366,ROW(INDEX(Jesper!AJ$2:AJ$366,ROUNDDOWN($C5242/24,0)+1,1))-1)+IF('Standard Profiles'!$G$20=$B$10,7,0)+IF('Standard Profiles'!$G$20=$B$17,14,0)+IF('Standard Profiles'!$G$20=$B$24,21,0),MOD($C5242,24)+1)/SUM(INDEX($D$3:$AA$30,INDEX(Jesper!$R$2:$R$366,ROW(INDEX(Jesper!AJ$2:AJ$366,ROUNDDOWN($C5242/24,0)+1,1))-1)+IF('Standard Profiles'!$G$20=$B$10,7,0)+IF('Standard Profiles'!$G$20=$B$17,14,0)+IF('Standard Profiles'!$G$20=$B$24,21,0),0)),0)</f>
        <v>0</v>
      </c>
      <c r="G5242" cm="1">
        <f t="array" ref="G5242">IFERROR(INDEX(Jesper!AK$2:AK$366,ROUNDDOWN($C5242/24,0)+1,1)*INDEX($D$3:$AA$30,INDEX(Jesper!$R$2:$R$366,ROW(INDEX(Jesper!AK$2:AK$366,ROUNDDOWN($C5242/24,0)+1,1))-1)+IF('Standard Profiles'!$G$21=$B$10,7,0)+IF('Standard Profiles'!$G$21=$B$17,14,0)+IF('Standard Profiles'!$G$21=$B$24,21,0),MOD($C5242,24)+1)/SUM(INDEX($D$3:$AA$30,INDEX(Jesper!$R$2:$R$366,ROW(INDEX(Jesper!AK$2:AK$366,ROUNDDOWN($C5242/24,0)+1,1))-1)+IF('Standard Profiles'!$G$21=$B$10,7,0)+IF('Standard Profiles'!$G$21=$B$17,14,0)+IF('Standard Profiles'!$G$21=$B$24,21,0),0)),0)</f>
        <v>0</v>
      </c>
      <c r="H5242" cm="1">
        <f t="array" ref="H5242">IFERROR(INDEX(Jesper!AL$2:AL$366,ROUNDDOWN($C5242/24,0)+1,1)*INDEX($D$3:$AA$30,INDEX(Jesper!$R$2:$R$366,ROW(INDEX(Jesper!AL$2:AL$366,ROUNDDOWN($C5242/24,0)+1,1))-1)+IF('Standard Profiles'!$G$22=$B$10,7,0)+IF('Standard Profiles'!$G$22=$B$17,14,0)+IF('Standard Profiles'!$G$22=$B$24,21,0),MOD($C5242,24)+1)/SUM(INDEX($D$3:$AA$30,INDEX(Jesper!$R$2:$R$366,ROW(INDEX(Jesper!AL$2:AL$366,ROUNDDOWN($C5242/24,0)+1,1))-1)+IF('Standard Profiles'!$G$22=$B$10,7,0)+IF('Standard Profiles'!$G$22=$B$17,14,0)+IF('Standard Profiles'!$G$22=$B$24,21,0),0)),0)</f>
        <v>0</v>
      </c>
      <c r="I5242">
        <f t="shared" si="587"/>
        <v>7.108035318326747E-2</v>
      </c>
      <c r="J5242">
        <f t="shared" si="588"/>
        <v>0.2369345106108916</v>
      </c>
      <c r="K5242">
        <f t="shared" si="589"/>
        <v>0.35540176591633738</v>
      </c>
      <c r="L5242">
        <f t="shared" si="590"/>
        <v>1.7059284763984195</v>
      </c>
      <c r="M5242">
        <f t="shared" si="591"/>
        <v>0</v>
      </c>
      <c r="N5242" s="46">
        <f t="shared" si="592"/>
        <v>45508.999999987369</v>
      </c>
    </row>
    <row r="5243" spans="2:14" x14ac:dyDescent="0.3">
      <c r="B5243">
        <f t="shared" si="586"/>
        <v>1</v>
      </c>
      <c r="C5243" s="16">
        <v>5209</v>
      </c>
      <c r="D5243" cm="1">
        <f t="array" ref="D5243">IFERROR(INDEX(Jesper!AH$2:AH$366,ROUNDDOWN($C5243/24,0)+1,1)*INDEX($D$3:$AA$30,INDEX(Jesper!$R$2:$R$366,ROW(INDEX(Jesper!AH$2:AH$366,ROUNDDOWN($C5243/24,0)+1,1))-1)+IF('Standard Profiles'!$G$18=$B$10,7,0)+IF('Standard Profiles'!$G$18=$B$17,14,0)+IF('Standard Profiles'!$G$18=$B$24,21,0),MOD($C5243,24)+1)/SUM(INDEX($D$3:$AA$30,INDEX(Jesper!$R$2:$R$366,ROW(INDEX(Jesper!AH$2:AH$366,ROUNDDOWN($C5243/24,0)+1,1))-1)+IF('Standard Profiles'!$G$18=$B$10,7,0)+IF('Standard Profiles'!$G$18=$B$17,14,0)+IF('Standard Profiles'!$G$18=$B$24,21,0),0)),0)</f>
        <v>2.3693451061089159</v>
      </c>
      <c r="E5243" cm="1">
        <f t="array" ref="E5243">IFERROR(INDEX(Jesper!AI$2:AI$366,ROUNDDOWN($C5243/24,0)+1,1)*INDEX($D$3:$AA$30,INDEX(Jesper!$R$2:$R$366,ROW(INDEX(Jesper!AI$2:AI$366,ROUNDDOWN($C5243/24,0)+1,1))-1)+IF('Standard Profiles'!$G$19=$B$10,7,0)+IF('Standard Profiles'!$G$19=$B$17,14,0)+IF('Standard Profiles'!$G$19=$B$24,21,0),MOD($C5243,24)+1)/SUM(INDEX($D$3:$AA$30,INDEX(Jesper!$R$2:$R$366,ROW(INDEX(Jesper!AI$2:AI$366,ROUNDDOWN($C5243/24,0)+1,1))-1)+IF('Standard Profiles'!$G$19=$B$10,7,0)+IF('Standard Profiles'!$G$19=$B$17,14,0)+IF('Standard Profiles'!$G$19=$B$24,21,0),0)),0)</f>
        <v>0</v>
      </c>
      <c r="F5243" cm="1">
        <f t="array" ref="F5243">IFERROR(INDEX(Jesper!AJ$2:AJ$366,ROUNDDOWN($C5243/24,0)+1,1)*INDEX($D$3:$AA$30,INDEX(Jesper!$R$2:$R$366,ROW(INDEX(Jesper!AJ$2:AJ$366,ROUNDDOWN($C5243/24,0)+1,1))-1)+IF('Standard Profiles'!$G$20=$B$10,7,0)+IF('Standard Profiles'!$G$20=$B$17,14,0)+IF('Standard Profiles'!$G$20=$B$24,21,0),MOD($C5243,24)+1)/SUM(INDEX($D$3:$AA$30,INDEX(Jesper!$R$2:$R$366,ROW(INDEX(Jesper!AJ$2:AJ$366,ROUNDDOWN($C5243/24,0)+1,1))-1)+IF('Standard Profiles'!$G$20=$B$10,7,0)+IF('Standard Profiles'!$G$20=$B$17,14,0)+IF('Standard Profiles'!$G$20=$B$24,21,0),0)),0)</f>
        <v>0</v>
      </c>
      <c r="G5243" cm="1">
        <f t="array" ref="G5243">IFERROR(INDEX(Jesper!AK$2:AK$366,ROUNDDOWN($C5243/24,0)+1,1)*INDEX($D$3:$AA$30,INDEX(Jesper!$R$2:$R$366,ROW(INDEX(Jesper!AK$2:AK$366,ROUNDDOWN($C5243/24,0)+1,1))-1)+IF('Standard Profiles'!$G$21=$B$10,7,0)+IF('Standard Profiles'!$G$21=$B$17,14,0)+IF('Standard Profiles'!$G$21=$B$24,21,0),MOD($C5243,24)+1)/SUM(INDEX($D$3:$AA$30,INDEX(Jesper!$R$2:$R$366,ROW(INDEX(Jesper!AK$2:AK$366,ROUNDDOWN($C5243/24,0)+1,1))-1)+IF('Standard Profiles'!$G$21=$B$10,7,0)+IF('Standard Profiles'!$G$21=$B$17,14,0)+IF('Standard Profiles'!$G$21=$B$24,21,0),0)),0)</f>
        <v>0</v>
      </c>
      <c r="H5243" cm="1">
        <f t="array" ref="H5243">IFERROR(INDEX(Jesper!AL$2:AL$366,ROUNDDOWN($C5243/24,0)+1,1)*INDEX($D$3:$AA$30,INDEX(Jesper!$R$2:$R$366,ROW(INDEX(Jesper!AL$2:AL$366,ROUNDDOWN($C5243/24,0)+1,1))-1)+IF('Standard Profiles'!$G$22=$B$10,7,0)+IF('Standard Profiles'!$G$22=$B$17,14,0)+IF('Standard Profiles'!$G$22=$B$24,21,0),MOD($C5243,24)+1)/SUM(INDEX($D$3:$AA$30,INDEX(Jesper!$R$2:$R$366,ROW(INDEX(Jesper!AL$2:AL$366,ROUNDDOWN($C5243/24,0)+1,1))-1)+IF('Standard Profiles'!$G$22=$B$10,7,0)+IF('Standard Profiles'!$G$22=$B$17,14,0)+IF('Standard Profiles'!$G$22=$B$24,21,0),0)),0)</f>
        <v>0</v>
      </c>
      <c r="I5243">
        <f t="shared" si="587"/>
        <v>7.108035318326747E-2</v>
      </c>
      <c r="J5243">
        <f t="shared" si="588"/>
        <v>0.2369345106108916</v>
      </c>
      <c r="K5243">
        <f t="shared" si="589"/>
        <v>0.35540176591633738</v>
      </c>
      <c r="L5243">
        <f t="shared" si="590"/>
        <v>1.7059284763984195</v>
      </c>
      <c r="M5243">
        <f t="shared" si="591"/>
        <v>0</v>
      </c>
      <c r="N5243" s="46">
        <f t="shared" si="592"/>
        <v>45509.041666654033</v>
      </c>
    </row>
    <row r="5244" spans="2:14" x14ac:dyDescent="0.3">
      <c r="B5244">
        <f t="shared" si="586"/>
        <v>1</v>
      </c>
      <c r="C5244" s="16">
        <v>5210</v>
      </c>
      <c r="D5244" cm="1">
        <f t="array" ref="D5244">IFERROR(INDEX(Jesper!AH$2:AH$366,ROUNDDOWN($C5244/24,0)+1,1)*INDEX($D$3:$AA$30,INDEX(Jesper!$R$2:$R$366,ROW(INDEX(Jesper!AH$2:AH$366,ROUNDDOWN($C5244/24,0)+1,1))-1)+IF('Standard Profiles'!$G$18=$B$10,7,0)+IF('Standard Profiles'!$G$18=$B$17,14,0)+IF('Standard Profiles'!$G$18=$B$24,21,0),MOD($C5244,24)+1)/SUM(INDEX($D$3:$AA$30,INDEX(Jesper!$R$2:$R$366,ROW(INDEX(Jesper!AH$2:AH$366,ROUNDDOWN($C5244/24,0)+1,1))-1)+IF('Standard Profiles'!$G$18=$B$10,7,0)+IF('Standard Profiles'!$G$18=$B$17,14,0)+IF('Standard Profiles'!$G$18=$B$24,21,0),0)),0)</f>
        <v>2.3693451061089159</v>
      </c>
      <c r="E5244" cm="1">
        <f t="array" ref="E5244">IFERROR(INDEX(Jesper!AI$2:AI$366,ROUNDDOWN($C5244/24,0)+1,1)*INDEX($D$3:$AA$30,INDEX(Jesper!$R$2:$R$366,ROW(INDEX(Jesper!AI$2:AI$366,ROUNDDOWN($C5244/24,0)+1,1))-1)+IF('Standard Profiles'!$G$19=$B$10,7,0)+IF('Standard Profiles'!$G$19=$B$17,14,0)+IF('Standard Profiles'!$G$19=$B$24,21,0),MOD($C5244,24)+1)/SUM(INDEX($D$3:$AA$30,INDEX(Jesper!$R$2:$R$366,ROW(INDEX(Jesper!AI$2:AI$366,ROUNDDOWN($C5244/24,0)+1,1))-1)+IF('Standard Profiles'!$G$19=$B$10,7,0)+IF('Standard Profiles'!$G$19=$B$17,14,0)+IF('Standard Profiles'!$G$19=$B$24,21,0),0)),0)</f>
        <v>0</v>
      </c>
      <c r="F5244" cm="1">
        <f t="array" ref="F5244">IFERROR(INDEX(Jesper!AJ$2:AJ$366,ROUNDDOWN($C5244/24,0)+1,1)*INDEX($D$3:$AA$30,INDEX(Jesper!$R$2:$R$366,ROW(INDEX(Jesper!AJ$2:AJ$366,ROUNDDOWN($C5244/24,0)+1,1))-1)+IF('Standard Profiles'!$G$20=$B$10,7,0)+IF('Standard Profiles'!$G$20=$B$17,14,0)+IF('Standard Profiles'!$G$20=$B$24,21,0),MOD($C5244,24)+1)/SUM(INDEX($D$3:$AA$30,INDEX(Jesper!$R$2:$R$366,ROW(INDEX(Jesper!AJ$2:AJ$366,ROUNDDOWN($C5244/24,0)+1,1))-1)+IF('Standard Profiles'!$G$20=$B$10,7,0)+IF('Standard Profiles'!$G$20=$B$17,14,0)+IF('Standard Profiles'!$G$20=$B$24,21,0),0)),0)</f>
        <v>0</v>
      </c>
      <c r="G5244" cm="1">
        <f t="array" ref="G5244">IFERROR(INDEX(Jesper!AK$2:AK$366,ROUNDDOWN($C5244/24,0)+1,1)*INDEX($D$3:$AA$30,INDEX(Jesper!$R$2:$R$366,ROW(INDEX(Jesper!AK$2:AK$366,ROUNDDOWN($C5244/24,0)+1,1))-1)+IF('Standard Profiles'!$G$21=$B$10,7,0)+IF('Standard Profiles'!$G$21=$B$17,14,0)+IF('Standard Profiles'!$G$21=$B$24,21,0),MOD($C5244,24)+1)/SUM(INDEX($D$3:$AA$30,INDEX(Jesper!$R$2:$R$366,ROW(INDEX(Jesper!AK$2:AK$366,ROUNDDOWN($C5244/24,0)+1,1))-1)+IF('Standard Profiles'!$G$21=$B$10,7,0)+IF('Standard Profiles'!$G$21=$B$17,14,0)+IF('Standard Profiles'!$G$21=$B$24,21,0),0)),0)</f>
        <v>0</v>
      </c>
      <c r="H5244" cm="1">
        <f t="array" ref="H5244">IFERROR(INDEX(Jesper!AL$2:AL$366,ROUNDDOWN($C5244/24,0)+1,1)*INDEX($D$3:$AA$30,INDEX(Jesper!$R$2:$R$366,ROW(INDEX(Jesper!AL$2:AL$366,ROUNDDOWN($C5244/24,0)+1,1))-1)+IF('Standard Profiles'!$G$22=$B$10,7,0)+IF('Standard Profiles'!$G$22=$B$17,14,0)+IF('Standard Profiles'!$G$22=$B$24,21,0),MOD($C5244,24)+1)/SUM(INDEX($D$3:$AA$30,INDEX(Jesper!$R$2:$R$366,ROW(INDEX(Jesper!AL$2:AL$366,ROUNDDOWN($C5244/24,0)+1,1))-1)+IF('Standard Profiles'!$G$22=$B$10,7,0)+IF('Standard Profiles'!$G$22=$B$17,14,0)+IF('Standard Profiles'!$G$22=$B$24,21,0),0)),0)</f>
        <v>0</v>
      </c>
      <c r="I5244">
        <f t="shared" si="587"/>
        <v>7.108035318326747E-2</v>
      </c>
      <c r="J5244">
        <f t="shared" si="588"/>
        <v>0.2369345106108916</v>
      </c>
      <c r="K5244">
        <f t="shared" si="589"/>
        <v>0.35540176591633738</v>
      </c>
      <c r="L5244">
        <f t="shared" si="590"/>
        <v>1.7059284763984195</v>
      </c>
      <c r="M5244">
        <f t="shared" si="591"/>
        <v>0</v>
      </c>
      <c r="N5244" s="46">
        <f t="shared" si="592"/>
        <v>45509.083333320697</v>
      </c>
    </row>
    <row r="5245" spans="2:14" x14ac:dyDescent="0.3">
      <c r="B5245">
        <f t="shared" si="586"/>
        <v>1</v>
      </c>
      <c r="C5245" s="16">
        <v>5211</v>
      </c>
      <c r="D5245" cm="1">
        <f t="array" ref="D5245">IFERROR(INDEX(Jesper!AH$2:AH$366,ROUNDDOWN($C5245/24,0)+1,1)*INDEX($D$3:$AA$30,INDEX(Jesper!$R$2:$R$366,ROW(INDEX(Jesper!AH$2:AH$366,ROUNDDOWN($C5245/24,0)+1,1))-1)+IF('Standard Profiles'!$G$18=$B$10,7,0)+IF('Standard Profiles'!$G$18=$B$17,14,0)+IF('Standard Profiles'!$G$18=$B$24,21,0),MOD($C5245,24)+1)/SUM(INDEX($D$3:$AA$30,INDEX(Jesper!$R$2:$R$366,ROW(INDEX(Jesper!AH$2:AH$366,ROUNDDOWN($C5245/24,0)+1,1))-1)+IF('Standard Profiles'!$G$18=$B$10,7,0)+IF('Standard Profiles'!$G$18=$B$17,14,0)+IF('Standard Profiles'!$G$18=$B$24,21,0),0)),0)</f>
        <v>2.3693451061089159</v>
      </c>
      <c r="E5245" cm="1">
        <f t="array" ref="E5245">IFERROR(INDEX(Jesper!AI$2:AI$366,ROUNDDOWN($C5245/24,0)+1,1)*INDEX($D$3:$AA$30,INDEX(Jesper!$R$2:$R$366,ROW(INDEX(Jesper!AI$2:AI$366,ROUNDDOWN($C5245/24,0)+1,1))-1)+IF('Standard Profiles'!$G$19=$B$10,7,0)+IF('Standard Profiles'!$G$19=$B$17,14,0)+IF('Standard Profiles'!$G$19=$B$24,21,0),MOD($C5245,24)+1)/SUM(INDEX($D$3:$AA$30,INDEX(Jesper!$R$2:$R$366,ROW(INDEX(Jesper!AI$2:AI$366,ROUNDDOWN($C5245/24,0)+1,1))-1)+IF('Standard Profiles'!$G$19=$B$10,7,0)+IF('Standard Profiles'!$G$19=$B$17,14,0)+IF('Standard Profiles'!$G$19=$B$24,21,0),0)),0)</f>
        <v>0</v>
      </c>
      <c r="F5245" cm="1">
        <f t="array" ref="F5245">IFERROR(INDEX(Jesper!AJ$2:AJ$366,ROUNDDOWN($C5245/24,0)+1,1)*INDEX($D$3:$AA$30,INDEX(Jesper!$R$2:$R$366,ROW(INDEX(Jesper!AJ$2:AJ$366,ROUNDDOWN($C5245/24,0)+1,1))-1)+IF('Standard Profiles'!$G$20=$B$10,7,0)+IF('Standard Profiles'!$G$20=$B$17,14,0)+IF('Standard Profiles'!$G$20=$B$24,21,0),MOD($C5245,24)+1)/SUM(INDEX($D$3:$AA$30,INDEX(Jesper!$R$2:$R$366,ROW(INDEX(Jesper!AJ$2:AJ$366,ROUNDDOWN($C5245/24,0)+1,1))-1)+IF('Standard Profiles'!$G$20=$B$10,7,0)+IF('Standard Profiles'!$G$20=$B$17,14,0)+IF('Standard Profiles'!$G$20=$B$24,21,0),0)),0)</f>
        <v>0</v>
      </c>
      <c r="G5245" cm="1">
        <f t="array" ref="G5245">IFERROR(INDEX(Jesper!AK$2:AK$366,ROUNDDOWN($C5245/24,0)+1,1)*INDEX($D$3:$AA$30,INDEX(Jesper!$R$2:$R$366,ROW(INDEX(Jesper!AK$2:AK$366,ROUNDDOWN($C5245/24,0)+1,1))-1)+IF('Standard Profiles'!$G$21=$B$10,7,0)+IF('Standard Profiles'!$G$21=$B$17,14,0)+IF('Standard Profiles'!$G$21=$B$24,21,0),MOD($C5245,24)+1)/SUM(INDEX($D$3:$AA$30,INDEX(Jesper!$R$2:$R$366,ROW(INDEX(Jesper!AK$2:AK$366,ROUNDDOWN($C5245/24,0)+1,1))-1)+IF('Standard Profiles'!$G$21=$B$10,7,0)+IF('Standard Profiles'!$G$21=$B$17,14,0)+IF('Standard Profiles'!$G$21=$B$24,21,0),0)),0)</f>
        <v>0</v>
      </c>
      <c r="H5245" cm="1">
        <f t="array" ref="H5245">IFERROR(INDEX(Jesper!AL$2:AL$366,ROUNDDOWN($C5245/24,0)+1,1)*INDEX($D$3:$AA$30,INDEX(Jesper!$R$2:$R$366,ROW(INDEX(Jesper!AL$2:AL$366,ROUNDDOWN($C5245/24,0)+1,1))-1)+IF('Standard Profiles'!$G$22=$B$10,7,0)+IF('Standard Profiles'!$G$22=$B$17,14,0)+IF('Standard Profiles'!$G$22=$B$24,21,0),MOD($C5245,24)+1)/SUM(INDEX($D$3:$AA$30,INDEX(Jesper!$R$2:$R$366,ROW(INDEX(Jesper!AL$2:AL$366,ROUNDDOWN($C5245/24,0)+1,1))-1)+IF('Standard Profiles'!$G$22=$B$10,7,0)+IF('Standard Profiles'!$G$22=$B$17,14,0)+IF('Standard Profiles'!$G$22=$B$24,21,0),0)),0)</f>
        <v>0</v>
      </c>
      <c r="I5245">
        <f t="shared" si="587"/>
        <v>7.108035318326747E-2</v>
      </c>
      <c r="J5245">
        <f t="shared" si="588"/>
        <v>0.2369345106108916</v>
      </c>
      <c r="K5245">
        <f t="shared" si="589"/>
        <v>0.35540176591633738</v>
      </c>
      <c r="L5245">
        <f t="shared" si="590"/>
        <v>1.7059284763984195</v>
      </c>
      <c r="M5245">
        <f t="shared" si="591"/>
        <v>0</v>
      </c>
      <c r="N5245" s="46">
        <f t="shared" si="592"/>
        <v>45509.124999987362</v>
      </c>
    </row>
    <row r="5246" spans="2:14" x14ac:dyDescent="0.3">
      <c r="B5246">
        <f t="shared" si="586"/>
        <v>1</v>
      </c>
      <c r="C5246" s="16">
        <v>5212</v>
      </c>
      <c r="D5246" cm="1">
        <f t="array" ref="D5246">IFERROR(INDEX(Jesper!AH$2:AH$366,ROUNDDOWN($C5246/24,0)+1,1)*INDEX($D$3:$AA$30,INDEX(Jesper!$R$2:$R$366,ROW(INDEX(Jesper!AH$2:AH$366,ROUNDDOWN($C5246/24,0)+1,1))-1)+IF('Standard Profiles'!$G$18=$B$10,7,0)+IF('Standard Profiles'!$G$18=$B$17,14,0)+IF('Standard Profiles'!$G$18=$B$24,21,0),MOD($C5246,24)+1)/SUM(INDEX($D$3:$AA$30,INDEX(Jesper!$R$2:$R$366,ROW(INDEX(Jesper!AH$2:AH$366,ROUNDDOWN($C5246/24,0)+1,1))-1)+IF('Standard Profiles'!$G$18=$B$10,7,0)+IF('Standard Profiles'!$G$18=$B$17,14,0)+IF('Standard Profiles'!$G$18=$B$24,21,0),0)),0)</f>
        <v>2.3693451061089159</v>
      </c>
      <c r="E5246" cm="1">
        <f t="array" ref="E5246">IFERROR(INDEX(Jesper!AI$2:AI$366,ROUNDDOWN($C5246/24,0)+1,1)*INDEX($D$3:$AA$30,INDEX(Jesper!$R$2:$R$366,ROW(INDEX(Jesper!AI$2:AI$366,ROUNDDOWN($C5246/24,0)+1,1))-1)+IF('Standard Profiles'!$G$19=$B$10,7,0)+IF('Standard Profiles'!$G$19=$B$17,14,0)+IF('Standard Profiles'!$G$19=$B$24,21,0),MOD($C5246,24)+1)/SUM(INDEX($D$3:$AA$30,INDEX(Jesper!$R$2:$R$366,ROW(INDEX(Jesper!AI$2:AI$366,ROUNDDOWN($C5246/24,0)+1,1))-1)+IF('Standard Profiles'!$G$19=$B$10,7,0)+IF('Standard Profiles'!$G$19=$B$17,14,0)+IF('Standard Profiles'!$G$19=$B$24,21,0),0)),0)</f>
        <v>0</v>
      </c>
      <c r="F5246" cm="1">
        <f t="array" ref="F5246">IFERROR(INDEX(Jesper!AJ$2:AJ$366,ROUNDDOWN($C5246/24,0)+1,1)*INDEX($D$3:$AA$30,INDEX(Jesper!$R$2:$R$366,ROW(INDEX(Jesper!AJ$2:AJ$366,ROUNDDOWN($C5246/24,0)+1,1))-1)+IF('Standard Profiles'!$G$20=$B$10,7,0)+IF('Standard Profiles'!$G$20=$B$17,14,0)+IF('Standard Profiles'!$G$20=$B$24,21,0),MOD($C5246,24)+1)/SUM(INDEX($D$3:$AA$30,INDEX(Jesper!$R$2:$R$366,ROW(INDEX(Jesper!AJ$2:AJ$366,ROUNDDOWN($C5246/24,0)+1,1))-1)+IF('Standard Profiles'!$G$20=$B$10,7,0)+IF('Standard Profiles'!$G$20=$B$17,14,0)+IF('Standard Profiles'!$G$20=$B$24,21,0),0)),0)</f>
        <v>0</v>
      </c>
      <c r="G5246" cm="1">
        <f t="array" ref="G5246">IFERROR(INDEX(Jesper!AK$2:AK$366,ROUNDDOWN($C5246/24,0)+1,1)*INDEX($D$3:$AA$30,INDEX(Jesper!$R$2:$R$366,ROW(INDEX(Jesper!AK$2:AK$366,ROUNDDOWN($C5246/24,0)+1,1))-1)+IF('Standard Profiles'!$G$21=$B$10,7,0)+IF('Standard Profiles'!$G$21=$B$17,14,0)+IF('Standard Profiles'!$G$21=$B$24,21,0),MOD($C5246,24)+1)/SUM(INDEX($D$3:$AA$30,INDEX(Jesper!$R$2:$R$366,ROW(INDEX(Jesper!AK$2:AK$366,ROUNDDOWN($C5246/24,0)+1,1))-1)+IF('Standard Profiles'!$G$21=$B$10,7,0)+IF('Standard Profiles'!$G$21=$B$17,14,0)+IF('Standard Profiles'!$G$21=$B$24,21,0),0)),0)</f>
        <v>0</v>
      </c>
      <c r="H5246" cm="1">
        <f t="array" ref="H5246">IFERROR(INDEX(Jesper!AL$2:AL$366,ROUNDDOWN($C5246/24,0)+1,1)*INDEX($D$3:$AA$30,INDEX(Jesper!$R$2:$R$366,ROW(INDEX(Jesper!AL$2:AL$366,ROUNDDOWN($C5246/24,0)+1,1))-1)+IF('Standard Profiles'!$G$22=$B$10,7,0)+IF('Standard Profiles'!$G$22=$B$17,14,0)+IF('Standard Profiles'!$G$22=$B$24,21,0),MOD($C5246,24)+1)/SUM(INDEX($D$3:$AA$30,INDEX(Jesper!$R$2:$R$366,ROW(INDEX(Jesper!AL$2:AL$366,ROUNDDOWN($C5246/24,0)+1,1))-1)+IF('Standard Profiles'!$G$22=$B$10,7,0)+IF('Standard Profiles'!$G$22=$B$17,14,0)+IF('Standard Profiles'!$G$22=$B$24,21,0),0)),0)</f>
        <v>0</v>
      </c>
      <c r="I5246">
        <f t="shared" si="587"/>
        <v>7.108035318326747E-2</v>
      </c>
      <c r="J5246">
        <f t="shared" si="588"/>
        <v>0.2369345106108916</v>
      </c>
      <c r="K5246">
        <f t="shared" si="589"/>
        <v>0.35540176591633738</v>
      </c>
      <c r="L5246">
        <f t="shared" si="590"/>
        <v>1.7059284763984195</v>
      </c>
      <c r="M5246">
        <f t="shared" si="591"/>
        <v>0</v>
      </c>
      <c r="N5246" s="46">
        <f t="shared" si="592"/>
        <v>45509.166666654026</v>
      </c>
    </row>
    <row r="5247" spans="2:14" x14ac:dyDescent="0.3">
      <c r="B5247">
        <f t="shared" si="586"/>
        <v>1</v>
      </c>
      <c r="C5247" s="16">
        <v>5213</v>
      </c>
      <c r="D5247" cm="1">
        <f t="array" ref="D5247">IFERROR(INDEX(Jesper!AH$2:AH$366,ROUNDDOWN($C5247/24,0)+1,1)*INDEX($D$3:$AA$30,INDEX(Jesper!$R$2:$R$366,ROW(INDEX(Jesper!AH$2:AH$366,ROUNDDOWN($C5247/24,0)+1,1))-1)+IF('Standard Profiles'!$G$18=$B$10,7,0)+IF('Standard Profiles'!$G$18=$B$17,14,0)+IF('Standard Profiles'!$G$18=$B$24,21,0),MOD($C5247,24)+1)/SUM(INDEX($D$3:$AA$30,INDEX(Jesper!$R$2:$R$366,ROW(INDEX(Jesper!AH$2:AH$366,ROUNDDOWN($C5247/24,0)+1,1))-1)+IF('Standard Profiles'!$G$18=$B$10,7,0)+IF('Standard Profiles'!$G$18=$B$17,14,0)+IF('Standard Profiles'!$G$18=$B$24,21,0),0)),0)</f>
        <v>10.267162126471968</v>
      </c>
      <c r="E5247" cm="1">
        <f t="array" ref="E5247">IFERROR(INDEX(Jesper!AI$2:AI$366,ROUNDDOWN($C5247/24,0)+1,1)*INDEX($D$3:$AA$30,INDEX(Jesper!$R$2:$R$366,ROW(INDEX(Jesper!AI$2:AI$366,ROUNDDOWN($C5247/24,0)+1,1))-1)+IF('Standard Profiles'!$G$19=$B$10,7,0)+IF('Standard Profiles'!$G$19=$B$17,14,0)+IF('Standard Profiles'!$G$19=$B$24,21,0),MOD($C5247,24)+1)/SUM(INDEX($D$3:$AA$30,INDEX(Jesper!$R$2:$R$366,ROW(INDEX(Jesper!AI$2:AI$366,ROUNDDOWN($C5247/24,0)+1,1))-1)+IF('Standard Profiles'!$G$19=$B$10,7,0)+IF('Standard Profiles'!$G$19=$B$17,14,0)+IF('Standard Profiles'!$G$19=$B$24,21,0),0)),0)</f>
        <v>0</v>
      </c>
      <c r="F5247" cm="1">
        <f t="array" ref="F5247">IFERROR(INDEX(Jesper!AJ$2:AJ$366,ROUNDDOWN($C5247/24,0)+1,1)*INDEX($D$3:$AA$30,INDEX(Jesper!$R$2:$R$366,ROW(INDEX(Jesper!AJ$2:AJ$366,ROUNDDOWN($C5247/24,0)+1,1))-1)+IF('Standard Profiles'!$G$20=$B$10,7,0)+IF('Standard Profiles'!$G$20=$B$17,14,0)+IF('Standard Profiles'!$G$20=$B$24,21,0),MOD($C5247,24)+1)/SUM(INDEX($D$3:$AA$30,INDEX(Jesper!$R$2:$R$366,ROW(INDEX(Jesper!AJ$2:AJ$366,ROUNDDOWN($C5247/24,0)+1,1))-1)+IF('Standard Profiles'!$G$20=$B$10,7,0)+IF('Standard Profiles'!$G$20=$B$17,14,0)+IF('Standard Profiles'!$G$20=$B$24,21,0),0)),0)</f>
        <v>0</v>
      </c>
      <c r="G5247" cm="1">
        <f t="array" ref="G5247">IFERROR(INDEX(Jesper!AK$2:AK$366,ROUNDDOWN($C5247/24,0)+1,1)*INDEX($D$3:$AA$30,INDEX(Jesper!$R$2:$R$366,ROW(INDEX(Jesper!AK$2:AK$366,ROUNDDOWN($C5247/24,0)+1,1))-1)+IF('Standard Profiles'!$G$21=$B$10,7,0)+IF('Standard Profiles'!$G$21=$B$17,14,0)+IF('Standard Profiles'!$G$21=$B$24,21,0),MOD($C5247,24)+1)/SUM(INDEX($D$3:$AA$30,INDEX(Jesper!$R$2:$R$366,ROW(INDEX(Jesper!AK$2:AK$366,ROUNDDOWN($C5247/24,0)+1,1))-1)+IF('Standard Profiles'!$G$21=$B$10,7,0)+IF('Standard Profiles'!$G$21=$B$17,14,0)+IF('Standard Profiles'!$G$21=$B$24,21,0),0)),0)</f>
        <v>0</v>
      </c>
      <c r="H5247" cm="1">
        <f t="array" ref="H5247">IFERROR(INDEX(Jesper!AL$2:AL$366,ROUNDDOWN($C5247/24,0)+1,1)*INDEX($D$3:$AA$30,INDEX(Jesper!$R$2:$R$366,ROW(INDEX(Jesper!AL$2:AL$366,ROUNDDOWN($C5247/24,0)+1,1))-1)+IF('Standard Profiles'!$G$22=$B$10,7,0)+IF('Standard Profiles'!$G$22=$B$17,14,0)+IF('Standard Profiles'!$G$22=$B$24,21,0),MOD($C5247,24)+1)/SUM(INDEX($D$3:$AA$30,INDEX(Jesper!$R$2:$R$366,ROW(INDEX(Jesper!AL$2:AL$366,ROUNDDOWN($C5247/24,0)+1,1))-1)+IF('Standard Profiles'!$G$22=$B$10,7,0)+IF('Standard Profiles'!$G$22=$B$17,14,0)+IF('Standard Profiles'!$G$22=$B$24,21,0),0)),0)</f>
        <v>0</v>
      </c>
      <c r="I5247">
        <f t="shared" si="587"/>
        <v>0.30801486379415904</v>
      </c>
      <c r="J5247">
        <f t="shared" si="588"/>
        <v>1.0267162126471969</v>
      </c>
      <c r="K5247">
        <f t="shared" si="589"/>
        <v>1.5400743189707951</v>
      </c>
      <c r="L5247">
        <f t="shared" si="590"/>
        <v>7.3923567310598166</v>
      </c>
      <c r="M5247">
        <f t="shared" si="591"/>
        <v>0</v>
      </c>
      <c r="N5247" s="46">
        <f t="shared" si="592"/>
        <v>45509.20833332069</v>
      </c>
    </row>
    <row r="5248" spans="2:14" x14ac:dyDescent="0.3">
      <c r="B5248">
        <f t="shared" si="586"/>
        <v>1</v>
      </c>
      <c r="C5248" s="16">
        <v>5214</v>
      </c>
      <c r="D5248" cm="1">
        <f t="array" ref="D5248">IFERROR(INDEX(Jesper!AH$2:AH$366,ROUNDDOWN($C5248/24,0)+1,1)*INDEX($D$3:$AA$30,INDEX(Jesper!$R$2:$R$366,ROW(INDEX(Jesper!AH$2:AH$366,ROUNDDOWN($C5248/24,0)+1,1))-1)+IF('Standard Profiles'!$G$18=$B$10,7,0)+IF('Standard Profiles'!$G$18=$B$17,14,0)+IF('Standard Profiles'!$G$18=$B$24,21,0),MOD($C5248,24)+1)/SUM(INDEX($D$3:$AA$30,INDEX(Jesper!$R$2:$R$366,ROW(INDEX(Jesper!AH$2:AH$366,ROUNDDOWN($C5248/24,0)+1,1))-1)+IF('Standard Profiles'!$G$18=$B$10,7,0)+IF('Standard Profiles'!$G$18=$B$17,14,0)+IF('Standard Profiles'!$G$18=$B$24,21,0),0)),0)</f>
        <v>11.649280105035505</v>
      </c>
      <c r="E5248" cm="1">
        <f t="array" ref="E5248">IFERROR(INDEX(Jesper!AI$2:AI$366,ROUNDDOWN($C5248/24,0)+1,1)*INDEX($D$3:$AA$30,INDEX(Jesper!$R$2:$R$366,ROW(INDEX(Jesper!AI$2:AI$366,ROUNDDOWN($C5248/24,0)+1,1))-1)+IF('Standard Profiles'!$G$19=$B$10,7,0)+IF('Standard Profiles'!$G$19=$B$17,14,0)+IF('Standard Profiles'!$G$19=$B$24,21,0),MOD($C5248,24)+1)/SUM(INDEX($D$3:$AA$30,INDEX(Jesper!$R$2:$R$366,ROW(INDEX(Jesper!AI$2:AI$366,ROUNDDOWN($C5248/24,0)+1,1))-1)+IF('Standard Profiles'!$G$19=$B$10,7,0)+IF('Standard Profiles'!$G$19=$B$17,14,0)+IF('Standard Profiles'!$G$19=$B$24,21,0),0)),0)</f>
        <v>0</v>
      </c>
      <c r="F5248" cm="1">
        <f t="array" ref="F5248">IFERROR(INDEX(Jesper!AJ$2:AJ$366,ROUNDDOWN($C5248/24,0)+1,1)*INDEX($D$3:$AA$30,INDEX(Jesper!$R$2:$R$366,ROW(INDEX(Jesper!AJ$2:AJ$366,ROUNDDOWN($C5248/24,0)+1,1))-1)+IF('Standard Profiles'!$G$20=$B$10,7,0)+IF('Standard Profiles'!$G$20=$B$17,14,0)+IF('Standard Profiles'!$G$20=$B$24,21,0),MOD($C5248,24)+1)/SUM(INDEX($D$3:$AA$30,INDEX(Jesper!$R$2:$R$366,ROW(INDEX(Jesper!AJ$2:AJ$366,ROUNDDOWN($C5248/24,0)+1,1))-1)+IF('Standard Profiles'!$G$20=$B$10,7,0)+IF('Standard Profiles'!$G$20=$B$17,14,0)+IF('Standard Profiles'!$G$20=$B$24,21,0),0)),0)</f>
        <v>0</v>
      </c>
      <c r="G5248" cm="1">
        <f t="array" ref="G5248">IFERROR(INDEX(Jesper!AK$2:AK$366,ROUNDDOWN($C5248/24,0)+1,1)*INDEX($D$3:$AA$30,INDEX(Jesper!$R$2:$R$366,ROW(INDEX(Jesper!AK$2:AK$366,ROUNDDOWN($C5248/24,0)+1,1))-1)+IF('Standard Profiles'!$G$21=$B$10,7,0)+IF('Standard Profiles'!$G$21=$B$17,14,0)+IF('Standard Profiles'!$G$21=$B$24,21,0),MOD($C5248,24)+1)/SUM(INDEX($D$3:$AA$30,INDEX(Jesper!$R$2:$R$366,ROW(INDEX(Jesper!AK$2:AK$366,ROUNDDOWN($C5248/24,0)+1,1))-1)+IF('Standard Profiles'!$G$21=$B$10,7,0)+IF('Standard Profiles'!$G$21=$B$17,14,0)+IF('Standard Profiles'!$G$21=$B$24,21,0),0)),0)</f>
        <v>0</v>
      </c>
      <c r="H5248" cm="1">
        <f t="array" ref="H5248">IFERROR(INDEX(Jesper!AL$2:AL$366,ROUNDDOWN($C5248/24,0)+1,1)*INDEX($D$3:$AA$30,INDEX(Jesper!$R$2:$R$366,ROW(INDEX(Jesper!AL$2:AL$366,ROUNDDOWN($C5248/24,0)+1,1))-1)+IF('Standard Profiles'!$G$22=$B$10,7,0)+IF('Standard Profiles'!$G$22=$B$17,14,0)+IF('Standard Profiles'!$G$22=$B$24,21,0),MOD($C5248,24)+1)/SUM(INDEX($D$3:$AA$30,INDEX(Jesper!$R$2:$R$366,ROW(INDEX(Jesper!AL$2:AL$366,ROUNDDOWN($C5248/24,0)+1,1))-1)+IF('Standard Profiles'!$G$22=$B$10,7,0)+IF('Standard Profiles'!$G$22=$B$17,14,0)+IF('Standard Profiles'!$G$22=$B$24,21,0),0)),0)</f>
        <v>0</v>
      </c>
      <c r="I5248">
        <f t="shared" si="587"/>
        <v>0.34947840315106515</v>
      </c>
      <c r="J5248">
        <f t="shared" si="588"/>
        <v>1.1649280105035504</v>
      </c>
      <c r="K5248">
        <f t="shared" si="589"/>
        <v>1.7473920157553258</v>
      </c>
      <c r="L5248">
        <f t="shared" si="590"/>
        <v>8.3874816756255637</v>
      </c>
      <c r="M5248">
        <f t="shared" si="591"/>
        <v>0</v>
      </c>
      <c r="N5248" s="46">
        <f t="shared" si="592"/>
        <v>45509.249999987354</v>
      </c>
    </row>
    <row r="5249" spans="2:14" x14ac:dyDescent="0.3">
      <c r="B5249">
        <f t="shared" si="586"/>
        <v>1</v>
      </c>
      <c r="C5249" s="16">
        <v>5215</v>
      </c>
      <c r="D5249" cm="1">
        <f t="array" ref="D5249">IFERROR(INDEX(Jesper!AH$2:AH$366,ROUNDDOWN($C5249/24,0)+1,1)*INDEX($D$3:$AA$30,INDEX(Jesper!$R$2:$R$366,ROW(INDEX(Jesper!AH$2:AH$366,ROUNDDOWN($C5249/24,0)+1,1))-1)+IF('Standard Profiles'!$G$18=$B$10,7,0)+IF('Standard Profiles'!$G$18=$B$17,14,0)+IF('Standard Profiles'!$G$18=$B$24,21,0),MOD($C5249,24)+1)/SUM(INDEX($D$3:$AA$30,INDEX(Jesper!$R$2:$R$366,ROW(INDEX(Jesper!AH$2:AH$366,ROUNDDOWN($C5249/24,0)+1,1))-1)+IF('Standard Profiles'!$G$18=$B$10,7,0)+IF('Standard Profiles'!$G$18=$B$17,14,0)+IF('Standard Profiles'!$G$18=$B$24,21,0),0)),0)</f>
        <v>11.649280105035505</v>
      </c>
      <c r="E5249" cm="1">
        <f t="array" ref="E5249">IFERROR(INDEX(Jesper!AI$2:AI$366,ROUNDDOWN($C5249/24,0)+1,1)*INDEX($D$3:$AA$30,INDEX(Jesper!$R$2:$R$366,ROW(INDEX(Jesper!AI$2:AI$366,ROUNDDOWN($C5249/24,0)+1,1))-1)+IF('Standard Profiles'!$G$19=$B$10,7,0)+IF('Standard Profiles'!$G$19=$B$17,14,0)+IF('Standard Profiles'!$G$19=$B$24,21,0),MOD($C5249,24)+1)/SUM(INDEX($D$3:$AA$30,INDEX(Jesper!$R$2:$R$366,ROW(INDEX(Jesper!AI$2:AI$366,ROUNDDOWN($C5249/24,0)+1,1))-1)+IF('Standard Profiles'!$G$19=$B$10,7,0)+IF('Standard Profiles'!$G$19=$B$17,14,0)+IF('Standard Profiles'!$G$19=$B$24,21,0),0)),0)</f>
        <v>0</v>
      </c>
      <c r="F5249" cm="1">
        <f t="array" ref="F5249">IFERROR(INDEX(Jesper!AJ$2:AJ$366,ROUNDDOWN($C5249/24,0)+1,1)*INDEX($D$3:$AA$30,INDEX(Jesper!$R$2:$R$366,ROW(INDEX(Jesper!AJ$2:AJ$366,ROUNDDOWN($C5249/24,0)+1,1))-1)+IF('Standard Profiles'!$G$20=$B$10,7,0)+IF('Standard Profiles'!$G$20=$B$17,14,0)+IF('Standard Profiles'!$G$20=$B$24,21,0),MOD($C5249,24)+1)/SUM(INDEX($D$3:$AA$30,INDEX(Jesper!$R$2:$R$366,ROW(INDEX(Jesper!AJ$2:AJ$366,ROUNDDOWN($C5249/24,0)+1,1))-1)+IF('Standard Profiles'!$G$20=$B$10,7,0)+IF('Standard Profiles'!$G$20=$B$17,14,0)+IF('Standard Profiles'!$G$20=$B$24,21,0),0)),0)</f>
        <v>0</v>
      </c>
      <c r="G5249" cm="1">
        <f t="array" ref="G5249">IFERROR(INDEX(Jesper!AK$2:AK$366,ROUNDDOWN($C5249/24,0)+1,1)*INDEX($D$3:$AA$30,INDEX(Jesper!$R$2:$R$366,ROW(INDEX(Jesper!AK$2:AK$366,ROUNDDOWN($C5249/24,0)+1,1))-1)+IF('Standard Profiles'!$G$21=$B$10,7,0)+IF('Standard Profiles'!$G$21=$B$17,14,0)+IF('Standard Profiles'!$G$21=$B$24,21,0),MOD($C5249,24)+1)/SUM(INDEX($D$3:$AA$30,INDEX(Jesper!$R$2:$R$366,ROW(INDEX(Jesper!AK$2:AK$366,ROUNDDOWN($C5249/24,0)+1,1))-1)+IF('Standard Profiles'!$G$21=$B$10,7,0)+IF('Standard Profiles'!$G$21=$B$17,14,0)+IF('Standard Profiles'!$G$21=$B$24,21,0),0)),0)</f>
        <v>0</v>
      </c>
      <c r="H5249" cm="1">
        <f t="array" ref="H5249">IFERROR(INDEX(Jesper!AL$2:AL$366,ROUNDDOWN($C5249/24,0)+1,1)*INDEX($D$3:$AA$30,INDEX(Jesper!$R$2:$R$366,ROW(INDEX(Jesper!AL$2:AL$366,ROUNDDOWN($C5249/24,0)+1,1))-1)+IF('Standard Profiles'!$G$22=$B$10,7,0)+IF('Standard Profiles'!$G$22=$B$17,14,0)+IF('Standard Profiles'!$G$22=$B$24,21,0),MOD($C5249,24)+1)/SUM(INDEX($D$3:$AA$30,INDEX(Jesper!$R$2:$R$366,ROW(INDEX(Jesper!AL$2:AL$366,ROUNDDOWN($C5249/24,0)+1,1))-1)+IF('Standard Profiles'!$G$22=$B$10,7,0)+IF('Standard Profiles'!$G$22=$B$17,14,0)+IF('Standard Profiles'!$G$22=$B$24,21,0),0)),0)</f>
        <v>0</v>
      </c>
      <c r="I5249">
        <f t="shared" si="587"/>
        <v>0.34947840315106515</v>
      </c>
      <c r="J5249">
        <f t="shared" si="588"/>
        <v>1.1649280105035504</v>
      </c>
      <c r="K5249">
        <f t="shared" si="589"/>
        <v>1.7473920157553258</v>
      </c>
      <c r="L5249">
        <f t="shared" si="590"/>
        <v>8.3874816756255637</v>
      </c>
      <c r="M5249">
        <f t="shared" si="591"/>
        <v>0</v>
      </c>
      <c r="N5249" s="46">
        <f t="shared" si="592"/>
        <v>45509.291666654019</v>
      </c>
    </row>
    <row r="5250" spans="2:14" x14ac:dyDescent="0.3">
      <c r="B5250">
        <f t="shared" si="586"/>
        <v>1</v>
      </c>
      <c r="C5250" s="16">
        <v>5216</v>
      </c>
      <c r="D5250" cm="1">
        <f t="array" ref="D5250">IFERROR(INDEX(Jesper!AH$2:AH$366,ROUNDDOWN($C5250/24,0)+1,1)*INDEX($D$3:$AA$30,INDEX(Jesper!$R$2:$R$366,ROW(INDEX(Jesper!AH$2:AH$366,ROUNDDOWN($C5250/24,0)+1,1))-1)+IF('Standard Profiles'!$G$18=$B$10,7,0)+IF('Standard Profiles'!$G$18=$B$17,14,0)+IF('Standard Profiles'!$G$18=$B$24,21,0),MOD($C5250,24)+1)/SUM(INDEX($D$3:$AA$30,INDEX(Jesper!$R$2:$R$366,ROW(INDEX(Jesper!AH$2:AH$366,ROUNDDOWN($C5250/24,0)+1,1))-1)+IF('Standard Profiles'!$G$18=$B$10,7,0)+IF('Standard Profiles'!$G$18=$B$17,14,0)+IF('Standard Profiles'!$G$18=$B$24,21,0),0)),0)</f>
        <v>11.649280105035505</v>
      </c>
      <c r="E5250" cm="1">
        <f t="array" ref="E5250">IFERROR(INDEX(Jesper!AI$2:AI$366,ROUNDDOWN($C5250/24,0)+1,1)*INDEX($D$3:$AA$30,INDEX(Jesper!$R$2:$R$366,ROW(INDEX(Jesper!AI$2:AI$366,ROUNDDOWN($C5250/24,0)+1,1))-1)+IF('Standard Profiles'!$G$19=$B$10,7,0)+IF('Standard Profiles'!$G$19=$B$17,14,0)+IF('Standard Profiles'!$G$19=$B$24,21,0),MOD($C5250,24)+1)/SUM(INDEX($D$3:$AA$30,INDEX(Jesper!$R$2:$R$366,ROW(INDEX(Jesper!AI$2:AI$366,ROUNDDOWN($C5250/24,0)+1,1))-1)+IF('Standard Profiles'!$G$19=$B$10,7,0)+IF('Standard Profiles'!$G$19=$B$17,14,0)+IF('Standard Profiles'!$G$19=$B$24,21,0),0)),0)</f>
        <v>0</v>
      </c>
      <c r="F5250" cm="1">
        <f t="array" ref="F5250">IFERROR(INDEX(Jesper!AJ$2:AJ$366,ROUNDDOWN($C5250/24,0)+1,1)*INDEX($D$3:$AA$30,INDEX(Jesper!$R$2:$R$366,ROW(INDEX(Jesper!AJ$2:AJ$366,ROUNDDOWN($C5250/24,0)+1,1))-1)+IF('Standard Profiles'!$G$20=$B$10,7,0)+IF('Standard Profiles'!$G$20=$B$17,14,0)+IF('Standard Profiles'!$G$20=$B$24,21,0),MOD($C5250,24)+1)/SUM(INDEX($D$3:$AA$30,INDEX(Jesper!$R$2:$R$366,ROW(INDEX(Jesper!AJ$2:AJ$366,ROUNDDOWN($C5250/24,0)+1,1))-1)+IF('Standard Profiles'!$G$20=$B$10,7,0)+IF('Standard Profiles'!$G$20=$B$17,14,0)+IF('Standard Profiles'!$G$20=$B$24,21,0),0)),0)</f>
        <v>0</v>
      </c>
      <c r="G5250" cm="1">
        <f t="array" ref="G5250">IFERROR(INDEX(Jesper!AK$2:AK$366,ROUNDDOWN($C5250/24,0)+1,1)*INDEX($D$3:$AA$30,INDEX(Jesper!$R$2:$R$366,ROW(INDEX(Jesper!AK$2:AK$366,ROUNDDOWN($C5250/24,0)+1,1))-1)+IF('Standard Profiles'!$G$21=$B$10,7,0)+IF('Standard Profiles'!$G$21=$B$17,14,0)+IF('Standard Profiles'!$G$21=$B$24,21,0),MOD($C5250,24)+1)/SUM(INDEX($D$3:$AA$30,INDEX(Jesper!$R$2:$R$366,ROW(INDEX(Jesper!AK$2:AK$366,ROUNDDOWN($C5250/24,0)+1,1))-1)+IF('Standard Profiles'!$G$21=$B$10,7,0)+IF('Standard Profiles'!$G$21=$B$17,14,0)+IF('Standard Profiles'!$G$21=$B$24,21,0),0)),0)</f>
        <v>0</v>
      </c>
      <c r="H5250" cm="1">
        <f t="array" ref="H5250">IFERROR(INDEX(Jesper!AL$2:AL$366,ROUNDDOWN($C5250/24,0)+1,1)*INDEX($D$3:$AA$30,INDEX(Jesper!$R$2:$R$366,ROW(INDEX(Jesper!AL$2:AL$366,ROUNDDOWN($C5250/24,0)+1,1))-1)+IF('Standard Profiles'!$G$22=$B$10,7,0)+IF('Standard Profiles'!$G$22=$B$17,14,0)+IF('Standard Profiles'!$G$22=$B$24,21,0),MOD($C5250,24)+1)/SUM(INDEX($D$3:$AA$30,INDEX(Jesper!$R$2:$R$366,ROW(INDEX(Jesper!AL$2:AL$366,ROUNDDOWN($C5250/24,0)+1,1))-1)+IF('Standard Profiles'!$G$22=$B$10,7,0)+IF('Standard Profiles'!$G$22=$B$17,14,0)+IF('Standard Profiles'!$G$22=$B$24,21,0),0)),0)</f>
        <v>0</v>
      </c>
      <c r="I5250">
        <f t="shared" si="587"/>
        <v>0.34947840315106515</v>
      </c>
      <c r="J5250">
        <f t="shared" si="588"/>
        <v>1.1649280105035504</v>
      </c>
      <c r="K5250">
        <f t="shared" si="589"/>
        <v>1.7473920157553258</v>
      </c>
      <c r="L5250">
        <f t="shared" si="590"/>
        <v>8.3874816756255637</v>
      </c>
      <c r="M5250">
        <f t="shared" si="591"/>
        <v>0</v>
      </c>
      <c r="N5250" s="46">
        <f t="shared" si="592"/>
        <v>45509.333333320683</v>
      </c>
    </row>
    <row r="5251" spans="2:14" x14ac:dyDescent="0.3">
      <c r="B5251">
        <f t="shared" si="586"/>
        <v>1</v>
      </c>
      <c r="C5251" s="16">
        <v>5217</v>
      </c>
      <c r="D5251" cm="1">
        <f t="array" ref="D5251">IFERROR(INDEX(Jesper!AH$2:AH$366,ROUNDDOWN($C5251/24,0)+1,1)*INDEX($D$3:$AA$30,INDEX(Jesper!$R$2:$R$366,ROW(INDEX(Jesper!AH$2:AH$366,ROUNDDOWN($C5251/24,0)+1,1))-1)+IF('Standard Profiles'!$G$18=$B$10,7,0)+IF('Standard Profiles'!$G$18=$B$17,14,0)+IF('Standard Profiles'!$G$18=$B$24,21,0),MOD($C5251,24)+1)/SUM(INDEX($D$3:$AA$30,INDEX(Jesper!$R$2:$R$366,ROW(INDEX(Jesper!AH$2:AH$366,ROUNDDOWN($C5251/24,0)+1,1))-1)+IF('Standard Profiles'!$G$18=$B$10,7,0)+IF('Standard Profiles'!$G$18=$B$17,14,0)+IF('Standard Profiles'!$G$18=$B$24,21,0),0)),0)</f>
        <v>12.439061807071809</v>
      </c>
      <c r="E5251" cm="1">
        <f t="array" ref="E5251">IFERROR(INDEX(Jesper!AI$2:AI$366,ROUNDDOWN($C5251/24,0)+1,1)*INDEX($D$3:$AA$30,INDEX(Jesper!$R$2:$R$366,ROW(INDEX(Jesper!AI$2:AI$366,ROUNDDOWN($C5251/24,0)+1,1))-1)+IF('Standard Profiles'!$G$19=$B$10,7,0)+IF('Standard Profiles'!$G$19=$B$17,14,0)+IF('Standard Profiles'!$G$19=$B$24,21,0),MOD($C5251,24)+1)/SUM(INDEX($D$3:$AA$30,INDEX(Jesper!$R$2:$R$366,ROW(INDEX(Jesper!AI$2:AI$366,ROUNDDOWN($C5251/24,0)+1,1))-1)+IF('Standard Profiles'!$G$19=$B$10,7,0)+IF('Standard Profiles'!$G$19=$B$17,14,0)+IF('Standard Profiles'!$G$19=$B$24,21,0),0)),0)</f>
        <v>0</v>
      </c>
      <c r="F5251" cm="1">
        <f t="array" ref="F5251">IFERROR(INDEX(Jesper!AJ$2:AJ$366,ROUNDDOWN($C5251/24,0)+1,1)*INDEX($D$3:$AA$30,INDEX(Jesper!$R$2:$R$366,ROW(INDEX(Jesper!AJ$2:AJ$366,ROUNDDOWN($C5251/24,0)+1,1))-1)+IF('Standard Profiles'!$G$20=$B$10,7,0)+IF('Standard Profiles'!$G$20=$B$17,14,0)+IF('Standard Profiles'!$G$20=$B$24,21,0),MOD($C5251,24)+1)/SUM(INDEX($D$3:$AA$30,INDEX(Jesper!$R$2:$R$366,ROW(INDEX(Jesper!AJ$2:AJ$366,ROUNDDOWN($C5251/24,0)+1,1))-1)+IF('Standard Profiles'!$G$20=$B$10,7,0)+IF('Standard Profiles'!$G$20=$B$17,14,0)+IF('Standard Profiles'!$G$20=$B$24,21,0),0)),0)</f>
        <v>0</v>
      </c>
      <c r="G5251" cm="1">
        <f t="array" ref="G5251">IFERROR(INDEX(Jesper!AK$2:AK$366,ROUNDDOWN($C5251/24,0)+1,1)*INDEX($D$3:$AA$30,INDEX(Jesper!$R$2:$R$366,ROW(INDEX(Jesper!AK$2:AK$366,ROUNDDOWN($C5251/24,0)+1,1))-1)+IF('Standard Profiles'!$G$21=$B$10,7,0)+IF('Standard Profiles'!$G$21=$B$17,14,0)+IF('Standard Profiles'!$G$21=$B$24,21,0),MOD($C5251,24)+1)/SUM(INDEX($D$3:$AA$30,INDEX(Jesper!$R$2:$R$366,ROW(INDEX(Jesper!AK$2:AK$366,ROUNDDOWN($C5251/24,0)+1,1))-1)+IF('Standard Profiles'!$G$21=$B$10,7,0)+IF('Standard Profiles'!$G$21=$B$17,14,0)+IF('Standard Profiles'!$G$21=$B$24,21,0),0)),0)</f>
        <v>0</v>
      </c>
      <c r="H5251" cm="1">
        <f t="array" ref="H5251">IFERROR(INDEX(Jesper!AL$2:AL$366,ROUNDDOWN($C5251/24,0)+1,1)*INDEX($D$3:$AA$30,INDEX(Jesper!$R$2:$R$366,ROW(INDEX(Jesper!AL$2:AL$366,ROUNDDOWN($C5251/24,0)+1,1))-1)+IF('Standard Profiles'!$G$22=$B$10,7,0)+IF('Standard Profiles'!$G$22=$B$17,14,0)+IF('Standard Profiles'!$G$22=$B$24,21,0),MOD($C5251,24)+1)/SUM(INDEX($D$3:$AA$30,INDEX(Jesper!$R$2:$R$366,ROW(INDEX(Jesper!AL$2:AL$366,ROUNDDOWN($C5251/24,0)+1,1))-1)+IF('Standard Profiles'!$G$22=$B$10,7,0)+IF('Standard Profiles'!$G$22=$B$17,14,0)+IF('Standard Profiles'!$G$22=$B$24,21,0),0)),0)</f>
        <v>0</v>
      </c>
      <c r="I5251">
        <f t="shared" si="587"/>
        <v>0.37317185421215426</v>
      </c>
      <c r="J5251">
        <f t="shared" si="588"/>
        <v>1.243906180707181</v>
      </c>
      <c r="K5251">
        <f t="shared" si="589"/>
        <v>1.8658592710607713</v>
      </c>
      <c r="L5251">
        <f t="shared" si="590"/>
        <v>8.9561245010917023</v>
      </c>
      <c r="M5251">
        <f t="shared" si="591"/>
        <v>0</v>
      </c>
      <c r="N5251" s="46">
        <f t="shared" si="592"/>
        <v>45509.374999987347</v>
      </c>
    </row>
    <row r="5252" spans="2:14" x14ac:dyDescent="0.3">
      <c r="B5252">
        <f t="shared" si="586"/>
        <v>1</v>
      </c>
      <c r="C5252" s="16">
        <v>5218</v>
      </c>
      <c r="D5252" cm="1">
        <f t="array" ref="D5252">IFERROR(INDEX(Jesper!AH$2:AH$366,ROUNDDOWN($C5252/24,0)+1,1)*INDEX($D$3:$AA$30,INDEX(Jesper!$R$2:$R$366,ROW(INDEX(Jesper!AH$2:AH$366,ROUNDDOWN($C5252/24,0)+1,1))-1)+IF('Standard Profiles'!$G$18=$B$10,7,0)+IF('Standard Profiles'!$G$18=$B$17,14,0)+IF('Standard Profiles'!$G$18=$B$24,21,0),MOD($C5252,24)+1)/SUM(INDEX($D$3:$AA$30,INDEX(Jesper!$R$2:$R$366,ROW(INDEX(Jesper!AH$2:AH$366,ROUNDDOWN($C5252/24,0)+1,1))-1)+IF('Standard Profiles'!$G$18=$B$10,7,0)+IF('Standard Profiles'!$G$18=$B$17,14,0)+IF('Standard Profiles'!$G$18=$B$24,21,0),0)),0)</f>
        <v>12.439061807071809</v>
      </c>
      <c r="E5252" cm="1">
        <f t="array" ref="E5252">IFERROR(INDEX(Jesper!AI$2:AI$366,ROUNDDOWN($C5252/24,0)+1,1)*INDEX($D$3:$AA$30,INDEX(Jesper!$R$2:$R$366,ROW(INDEX(Jesper!AI$2:AI$366,ROUNDDOWN($C5252/24,0)+1,1))-1)+IF('Standard Profiles'!$G$19=$B$10,7,0)+IF('Standard Profiles'!$G$19=$B$17,14,0)+IF('Standard Profiles'!$G$19=$B$24,21,0),MOD($C5252,24)+1)/SUM(INDEX($D$3:$AA$30,INDEX(Jesper!$R$2:$R$366,ROW(INDEX(Jesper!AI$2:AI$366,ROUNDDOWN($C5252/24,0)+1,1))-1)+IF('Standard Profiles'!$G$19=$B$10,7,0)+IF('Standard Profiles'!$G$19=$B$17,14,0)+IF('Standard Profiles'!$G$19=$B$24,21,0),0)),0)</f>
        <v>0</v>
      </c>
      <c r="F5252" cm="1">
        <f t="array" ref="F5252">IFERROR(INDEX(Jesper!AJ$2:AJ$366,ROUNDDOWN($C5252/24,0)+1,1)*INDEX($D$3:$AA$30,INDEX(Jesper!$R$2:$R$366,ROW(INDEX(Jesper!AJ$2:AJ$366,ROUNDDOWN($C5252/24,0)+1,1))-1)+IF('Standard Profiles'!$G$20=$B$10,7,0)+IF('Standard Profiles'!$G$20=$B$17,14,0)+IF('Standard Profiles'!$G$20=$B$24,21,0),MOD($C5252,24)+1)/SUM(INDEX($D$3:$AA$30,INDEX(Jesper!$R$2:$R$366,ROW(INDEX(Jesper!AJ$2:AJ$366,ROUNDDOWN($C5252/24,0)+1,1))-1)+IF('Standard Profiles'!$G$20=$B$10,7,0)+IF('Standard Profiles'!$G$20=$B$17,14,0)+IF('Standard Profiles'!$G$20=$B$24,21,0),0)),0)</f>
        <v>0</v>
      </c>
      <c r="G5252" cm="1">
        <f t="array" ref="G5252">IFERROR(INDEX(Jesper!AK$2:AK$366,ROUNDDOWN($C5252/24,0)+1,1)*INDEX($D$3:$AA$30,INDEX(Jesper!$R$2:$R$366,ROW(INDEX(Jesper!AK$2:AK$366,ROUNDDOWN($C5252/24,0)+1,1))-1)+IF('Standard Profiles'!$G$21=$B$10,7,0)+IF('Standard Profiles'!$G$21=$B$17,14,0)+IF('Standard Profiles'!$G$21=$B$24,21,0),MOD($C5252,24)+1)/SUM(INDEX($D$3:$AA$30,INDEX(Jesper!$R$2:$R$366,ROW(INDEX(Jesper!AK$2:AK$366,ROUNDDOWN($C5252/24,0)+1,1))-1)+IF('Standard Profiles'!$G$21=$B$10,7,0)+IF('Standard Profiles'!$G$21=$B$17,14,0)+IF('Standard Profiles'!$G$21=$B$24,21,0),0)),0)</f>
        <v>0</v>
      </c>
      <c r="H5252" cm="1">
        <f t="array" ref="H5252">IFERROR(INDEX(Jesper!AL$2:AL$366,ROUNDDOWN($C5252/24,0)+1,1)*INDEX($D$3:$AA$30,INDEX(Jesper!$R$2:$R$366,ROW(INDEX(Jesper!AL$2:AL$366,ROUNDDOWN($C5252/24,0)+1,1))-1)+IF('Standard Profiles'!$G$22=$B$10,7,0)+IF('Standard Profiles'!$G$22=$B$17,14,0)+IF('Standard Profiles'!$G$22=$B$24,21,0),MOD($C5252,24)+1)/SUM(INDEX($D$3:$AA$30,INDEX(Jesper!$R$2:$R$366,ROW(INDEX(Jesper!AL$2:AL$366,ROUNDDOWN($C5252/24,0)+1,1))-1)+IF('Standard Profiles'!$G$22=$B$10,7,0)+IF('Standard Profiles'!$G$22=$B$17,14,0)+IF('Standard Profiles'!$G$22=$B$24,21,0),0)),0)</f>
        <v>0</v>
      </c>
      <c r="I5252">
        <f t="shared" si="587"/>
        <v>0.37317185421215426</v>
      </c>
      <c r="J5252">
        <f t="shared" si="588"/>
        <v>1.243906180707181</v>
      </c>
      <c r="K5252">
        <f t="shared" si="589"/>
        <v>1.8658592710607713</v>
      </c>
      <c r="L5252">
        <f t="shared" si="590"/>
        <v>8.9561245010917023</v>
      </c>
      <c r="M5252">
        <f t="shared" si="591"/>
        <v>0</v>
      </c>
      <c r="N5252" s="46">
        <f t="shared" si="592"/>
        <v>45509.416666654011</v>
      </c>
    </row>
    <row r="5253" spans="2:14" x14ac:dyDescent="0.3">
      <c r="B5253">
        <f t="shared" si="586"/>
        <v>1</v>
      </c>
      <c r="C5253" s="16">
        <v>5219</v>
      </c>
      <c r="D5253" cm="1">
        <f t="array" ref="D5253">IFERROR(INDEX(Jesper!AH$2:AH$366,ROUNDDOWN($C5253/24,0)+1,1)*INDEX($D$3:$AA$30,INDEX(Jesper!$R$2:$R$366,ROW(INDEX(Jesper!AH$2:AH$366,ROUNDDOWN($C5253/24,0)+1,1))-1)+IF('Standard Profiles'!$G$18=$B$10,7,0)+IF('Standard Profiles'!$G$18=$B$17,14,0)+IF('Standard Profiles'!$G$18=$B$24,21,0),MOD($C5253,24)+1)/SUM(INDEX($D$3:$AA$30,INDEX(Jesper!$R$2:$R$366,ROW(INDEX(Jesper!AH$2:AH$366,ROUNDDOWN($C5253/24,0)+1,1))-1)+IF('Standard Profiles'!$G$18=$B$10,7,0)+IF('Standard Profiles'!$G$18=$B$17,14,0)+IF('Standard Profiles'!$G$18=$B$24,21,0),0)),0)</f>
        <v>15.795634040726107</v>
      </c>
      <c r="E5253" cm="1">
        <f t="array" ref="E5253">IFERROR(INDEX(Jesper!AI$2:AI$366,ROUNDDOWN($C5253/24,0)+1,1)*INDEX($D$3:$AA$30,INDEX(Jesper!$R$2:$R$366,ROW(INDEX(Jesper!AI$2:AI$366,ROUNDDOWN($C5253/24,0)+1,1))-1)+IF('Standard Profiles'!$G$19=$B$10,7,0)+IF('Standard Profiles'!$G$19=$B$17,14,0)+IF('Standard Profiles'!$G$19=$B$24,21,0),MOD($C5253,24)+1)/SUM(INDEX($D$3:$AA$30,INDEX(Jesper!$R$2:$R$366,ROW(INDEX(Jesper!AI$2:AI$366,ROUNDDOWN($C5253/24,0)+1,1))-1)+IF('Standard Profiles'!$G$19=$B$10,7,0)+IF('Standard Profiles'!$G$19=$B$17,14,0)+IF('Standard Profiles'!$G$19=$B$24,21,0),0)),0)</f>
        <v>0</v>
      </c>
      <c r="F5253" cm="1">
        <f t="array" ref="F5253">IFERROR(INDEX(Jesper!AJ$2:AJ$366,ROUNDDOWN($C5253/24,0)+1,1)*INDEX($D$3:$AA$30,INDEX(Jesper!$R$2:$R$366,ROW(INDEX(Jesper!AJ$2:AJ$366,ROUNDDOWN($C5253/24,0)+1,1))-1)+IF('Standard Profiles'!$G$20=$B$10,7,0)+IF('Standard Profiles'!$G$20=$B$17,14,0)+IF('Standard Profiles'!$G$20=$B$24,21,0),MOD($C5253,24)+1)/SUM(INDEX($D$3:$AA$30,INDEX(Jesper!$R$2:$R$366,ROW(INDEX(Jesper!AJ$2:AJ$366,ROUNDDOWN($C5253/24,0)+1,1))-1)+IF('Standard Profiles'!$G$20=$B$10,7,0)+IF('Standard Profiles'!$G$20=$B$17,14,0)+IF('Standard Profiles'!$G$20=$B$24,21,0),0)),0)</f>
        <v>0</v>
      </c>
      <c r="G5253" cm="1">
        <f t="array" ref="G5253">IFERROR(INDEX(Jesper!AK$2:AK$366,ROUNDDOWN($C5253/24,0)+1,1)*INDEX($D$3:$AA$30,INDEX(Jesper!$R$2:$R$366,ROW(INDEX(Jesper!AK$2:AK$366,ROUNDDOWN($C5253/24,0)+1,1))-1)+IF('Standard Profiles'!$G$21=$B$10,7,0)+IF('Standard Profiles'!$G$21=$B$17,14,0)+IF('Standard Profiles'!$G$21=$B$24,21,0),MOD($C5253,24)+1)/SUM(INDEX($D$3:$AA$30,INDEX(Jesper!$R$2:$R$366,ROW(INDEX(Jesper!AK$2:AK$366,ROUNDDOWN($C5253/24,0)+1,1))-1)+IF('Standard Profiles'!$G$21=$B$10,7,0)+IF('Standard Profiles'!$G$21=$B$17,14,0)+IF('Standard Profiles'!$G$21=$B$24,21,0),0)),0)</f>
        <v>0</v>
      </c>
      <c r="H5253" cm="1">
        <f t="array" ref="H5253">IFERROR(INDEX(Jesper!AL$2:AL$366,ROUNDDOWN($C5253/24,0)+1,1)*INDEX($D$3:$AA$30,INDEX(Jesper!$R$2:$R$366,ROW(INDEX(Jesper!AL$2:AL$366,ROUNDDOWN($C5253/24,0)+1,1))-1)+IF('Standard Profiles'!$G$22=$B$10,7,0)+IF('Standard Profiles'!$G$22=$B$17,14,0)+IF('Standard Profiles'!$G$22=$B$24,21,0),MOD($C5253,24)+1)/SUM(INDEX($D$3:$AA$30,INDEX(Jesper!$R$2:$R$366,ROW(INDEX(Jesper!AL$2:AL$366,ROUNDDOWN($C5253/24,0)+1,1))-1)+IF('Standard Profiles'!$G$22=$B$10,7,0)+IF('Standard Profiles'!$G$22=$B$17,14,0)+IF('Standard Profiles'!$G$22=$B$24,21,0),0)),0)</f>
        <v>0</v>
      </c>
      <c r="I5253">
        <f t="shared" si="587"/>
        <v>0.4738690212217832</v>
      </c>
      <c r="J5253">
        <f t="shared" si="588"/>
        <v>1.5795634040726108</v>
      </c>
      <c r="K5253">
        <f t="shared" si="589"/>
        <v>2.3693451061089159</v>
      </c>
      <c r="L5253">
        <f t="shared" si="590"/>
        <v>11.372856509322796</v>
      </c>
      <c r="M5253">
        <f t="shared" si="591"/>
        <v>0</v>
      </c>
      <c r="N5253" s="46">
        <f t="shared" si="592"/>
        <v>45509.458333320676</v>
      </c>
    </row>
    <row r="5254" spans="2:14" x14ac:dyDescent="0.3">
      <c r="B5254">
        <f t="shared" si="586"/>
        <v>1</v>
      </c>
      <c r="C5254" s="16">
        <v>5220</v>
      </c>
      <c r="D5254" cm="1">
        <f t="array" ref="D5254">IFERROR(INDEX(Jesper!AH$2:AH$366,ROUNDDOWN($C5254/24,0)+1,1)*INDEX($D$3:$AA$30,INDEX(Jesper!$R$2:$R$366,ROW(INDEX(Jesper!AH$2:AH$366,ROUNDDOWN($C5254/24,0)+1,1))-1)+IF('Standard Profiles'!$G$18=$B$10,7,0)+IF('Standard Profiles'!$G$18=$B$17,14,0)+IF('Standard Profiles'!$G$18=$B$24,21,0),MOD($C5254,24)+1)/SUM(INDEX($D$3:$AA$30,INDEX(Jesper!$R$2:$R$366,ROW(INDEX(Jesper!AH$2:AH$366,ROUNDDOWN($C5254/24,0)+1,1))-1)+IF('Standard Profiles'!$G$18=$B$10,7,0)+IF('Standard Profiles'!$G$18=$B$17,14,0)+IF('Standard Profiles'!$G$18=$B$24,21,0),0)),0)</f>
        <v>15.795634040726107</v>
      </c>
      <c r="E5254" cm="1">
        <f t="array" ref="E5254">IFERROR(INDEX(Jesper!AI$2:AI$366,ROUNDDOWN($C5254/24,0)+1,1)*INDEX($D$3:$AA$30,INDEX(Jesper!$R$2:$R$366,ROW(INDEX(Jesper!AI$2:AI$366,ROUNDDOWN($C5254/24,0)+1,1))-1)+IF('Standard Profiles'!$G$19=$B$10,7,0)+IF('Standard Profiles'!$G$19=$B$17,14,0)+IF('Standard Profiles'!$G$19=$B$24,21,0),MOD($C5254,24)+1)/SUM(INDEX($D$3:$AA$30,INDEX(Jesper!$R$2:$R$366,ROW(INDEX(Jesper!AI$2:AI$366,ROUNDDOWN($C5254/24,0)+1,1))-1)+IF('Standard Profiles'!$G$19=$B$10,7,0)+IF('Standard Profiles'!$G$19=$B$17,14,0)+IF('Standard Profiles'!$G$19=$B$24,21,0),0)),0)</f>
        <v>0</v>
      </c>
      <c r="F5254" cm="1">
        <f t="array" ref="F5254">IFERROR(INDEX(Jesper!AJ$2:AJ$366,ROUNDDOWN($C5254/24,0)+1,1)*INDEX($D$3:$AA$30,INDEX(Jesper!$R$2:$R$366,ROW(INDEX(Jesper!AJ$2:AJ$366,ROUNDDOWN($C5254/24,0)+1,1))-1)+IF('Standard Profiles'!$G$20=$B$10,7,0)+IF('Standard Profiles'!$G$20=$B$17,14,0)+IF('Standard Profiles'!$G$20=$B$24,21,0),MOD($C5254,24)+1)/SUM(INDEX($D$3:$AA$30,INDEX(Jesper!$R$2:$R$366,ROW(INDEX(Jesper!AJ$2:AJ$366,ROUNDDOWN($C5254/24,0)+1,1))-1)+IF('Standard Profiles'!$G$20=$B$10,7,0)+IF('Standard Profiles'!$G$20=$B$17,14,0)+IF('Standard Profiles'!$G$20=$B$24,21,0),0)),0)</f>
        <v>0</v>
      </c>
      <c r="G5254" cm="1">
        <f t="array" ref="G5254">IFERROR(INDEX(Jesper!AK$2:AK$366,ROUNDDOWN($C5254/24,0)+1,1)*INDEX($D$3:$AA$30,INDEX(Jesper!$R$2:$R$366,ROW(INDEX(Jesper!AK$2:AK$366,ROUNDDOWN($C5254/24,0)+1,1))-1)+IF('Standard Profiles'!$G$21=$B$10,7,0)+IF('Standard Profiles'!$G$21=$B$17,14,0)+IF('Standard Profiles'!$G$21=$B$24,21,0),MOD($C5254,24)+1)/SUM(INDEX($D$3:$AA$30,INDEX(Jesper!$R$2:$R$366,ROW(INDEX(Jesper!AK$2:AK$366,ROUNDDOWN($C5254/24,0)+1,1))-1)+IF('Standard Profiles'!$G$21=$B$10,7,0)+IF('Standard Profiles'!$G$21=$B$17,14,0)+IF('Standard Profiles'!$G$21=$B$24,21,0),0)),0)</f>
        <v>0</v>
      </c>
      <c r="H5254" cm="1">
        <f t="array" ref="H5254">IFERROR(INDEX(Jesper!AL$2:AL$366,ROUNDDOWN($C5254/24,0)+1,1)*INDEX($D$3:$AA$30,INDEX(Jesper!$R$2:$R$366,ROW(INDEX(Jesper!AL$2:AL$366,ROUNDDOWN($C5254/24,0)+1,1))-1)+IF('Standard Profiles'!$G$22=$B$10,7,0)+IF('Standard Profiles'!$G$22=$B$17,14,0)+IF('Standard Profiles'!$G$22=$B$24,21,0),MOD($C5254,24)+1)/SUM(INDEX($D$3:$AA$30,INDEX(Jesper!$R$2:$R$366,ROW(INDEX(Jesper!AL$2:AL$366,ROUNDDOWN($C5254/24,0)+1,1))-1)+IF('Standard Profiles'!$G$22=$B$10,7,0)+IF('Standard Profiles'!$G$22=$B$17,14,0)+IF('Standard Profiles'!$G$22=$B$24,21,0),0)),0)</f>
        <v>0</v>
      </c>
      <c r="I5254">
        <f t="shared" si="587"/>
        <v>0.4738690212217832</v>
      </c>
      <c r="J5254">
        <f t="shared" si="588"/>
        <v>1.5795634040726108</v>
      </c>
      <c r="K5254">
        <f t="shared" si="589"/>
        <v>2.3693451061089159</v>
      </c>
      <c r="L5254">
        <f t="shared" si="590"/>
        <v>11.372856509322796</v>
      </c>
      <c r="M5254">
        <f t="shared" si="591"/>
        <v>0</v>
      </c>
      <c r="N5254" s="46">
        <f t="shared" si="592"/>
        <v>45509.49999998734</v>
      </c>
    </row>
    <row r="5255" spans="2:14" x14ac:dyDescent="0.3">
      <c r="B5255">
        <f t="shared" si="586"/>
        <v>1</v>
      </c>
      <c r="C5255" s="16">
        <v>5221</v>
      </c>
      <c r="D5255" cm="1">
        <f t="array" ref="D5255">IFERROR(INDEX(Jesper!AH$2:AH$366,ROUNDDOWN($C5255/24,0)+1,1)*INDEX($D$3:$AA$30,INDEX(Jesper!$R$2:$R$366,ROW(INDEX(Jesper!AH$2:AH$366,ROUNDDOWN($C5255/24,0)+1,1))-1)+IF('Standard Profiles'!$G$18=$B$10,7,0)+IF('Standard Profiles'!$G$18=$B$17,14,0)+IF('Standard Profiles'!$G$18=$B$24,21,0),MOD($C5255,24)+1)/SUM(INDEX($D$3:$AA$30,INDEX(Jesper!$R$2:$R$366,ROW(INDEX(Jesper!AH$2:AH$366,ROUNDDOWN($C5255/24,0)+1,1))-1)+IF('Standard Profiles'!$G$18=$B$10,7,0)+IF('Standard Profiles'!$G$18=$B$17,14,0)+IF('Standard Profiles'!$G$18=$B$24,21,0),0)),0)</f>
        <v>10.464607551981045</v>
      </c>
      <c r="E5255" cm="1">
        <f t="array" ref="E5255">IFERROR(INDEX(Jesper!AI$2:AI$366,ROUNDDOWN($C5255/24,0)+1,1)*INDEX($D$3:$AA$30,INDEX(Jesper!$R$2:$R$366,ROW(INDEX(Jesper!AI$2:AI$366,ROUNDDOWN($C5255/24,0)+1,1))-1)+IF('Standard Profiles'!$G$19=$B$10,7,0)+IF('Standard Profiles'!$G$19=$B$17,14,0)+IF('Standard Profiles'!$G$19=$B$24,21,0),MOD($C5255,24)+1)/SUM(INDEX($D$3:$AA$30,INDEX(Jesper!$R$2:$R$366,ROW(INDEX(Jesper!AI$2:AI$366,ROUNDDOWN($C5255/24,0)+1,1))-1)+IF('Standard Profiles'!$G$19=$B$10,7,0)+IF('Standard Profiles'!$G$19=$B$17,14,0)+IF('Standard Profiles'!$G$19=$B$24,21,0),0)),0)</f>
        <v>0</v>
      </c>
      <c r="F5255" cm="1">
        <f t="array" ref="F5255">IFERROR(INDEX(Jesper!AJ$2:AJ$366,ROUNDDOWN($C5255/24,0)+1,1)*INDEX($D$3:$AA$30,INDEX(Jesper!$R$2:$R$366,ROW(INDEX(Jesper!AJ$2:AJ$366,ROUNDDOWN($C5255/24,0)+1,1))-1)+IF('Standard Profiles'!$G$20=$B$10,7,0)+IF('Standard Profiles'!$G$20=$B$17,14,0)+IF('Standard Profiles'!$G$20=$B$24,21,0),MOD($C5255,24)+1)/SUM(INDEX($D$3:$AA$30,INDEX(Jesper!$R$2:$R$366,ROW(INDEX(Jesper!AJ$2:AJ$366,ROUNDDOWN($C5255/24,0)+1,1))-1)+IF('Standard Profiles'!$G$20=$B$10,7,0)+IF('Standard Profiles'!$G$20=$B$17,14,0)+IF('Standard Profiles'!$G$20=$B$24,21,0),0)),0)</f>
        <v>0</v>
      </c>
      <c r="G5255" cm="1">
        <f t="array" ref="G5255">IFERROR(INDEX(Jesper!AK$2:AK$366,ROUNDDOWN($C5255/24,0)+1,1)*INDEX($D$3:$AA$30,INDEX(Jesper!$R$2:$R$366,ROW(INDEX(Jesper!AK$2:AK$366,ROUNDDOWN($C5255/24,0)+1,1))-1)+IF('Standard Profiles'!$G$21=$B$10,7,0)+IF('Standard Profiles'!$G$21=$B$17,14,0)+IF('Standard Profiles'!$G$21=$B$24,21,0),MOD($C5255,24)+1)/SUM(INDEX($D$3:$AA$30,INDEX(Jesper!$R$2:$R$366,ROW(INDEX(Jesper!AK$2:AK$366,ROUNDDOWN($C5255/24,0)+1,1))-1)+IF('Standard Profiles'!$G$21=$B$10,7,0)+IF('Standard Profiles'!$G$21=$B$17,14,0)+IF('Standard Profiles'!$G$21=$B$24,21,0),0)),0)</f>
        <v>0</v>
      </c>
      <c r="H5255" cm="1">
        <f t="array" ref="H5255">IFERROR(INDEX(Jesper!AL$2:AL$366,ROUNDDOWN($C5255/24,0)+1,1)*INDEX($D$3:$AA$30,INDEX(Jesper!$R$2:$R$366,ROW(INDEX(Jesper!AL$2:AL$366,ROUNDDOWN($C5255/24,0)+1,1))-1)+IF('Standard Profiles'!$G$22=$B$10,7,0)+IF('Standard Profiles'!$G$22=$B$17,14,0)+IF('Standard Profiles'!$G$22=$B$24,21,0),MOD($C5255,24)+1)/SUM(INDEX($D$3:$AA$30,INDEX(Jesper!$R$2:$R$366,ROW(INDEX(Jesper!AL$2:AL$366,ROUNDDOWN($C5255/24,0)+1,1))-1)+IF('Standard Profiles'!$G$22=$B$10,7,0)+IF('Standard Profiles'!$G$22=$B$17,14,0)+IF('Standard Profiles'!$G$22=$B$24,21,0),0)),0)</f>
        <v>0</v>
      </c>
      <c r="I5255">
        <f t="shared" si="587"/>
        <v>0.31393822655943132</v>
      </c>
      <c r="J5255">
        <f t="shared" si="588"/>
        <v>1.0464607551981044</v>
      </c>
      <c r="K5255">
        <f t="shared" si="589"/>
        <v>1.5696911327971568</v>
      </c>
      <c r="L5255">
        <f t="shared" si="590"/>
        <v>7.5345174374263522</v>
      </c>
      <c r="M5255">
        <f t="shared" si="591"/>
        <v>0</v>
      </c>
      <c r="N5255" s="46">
        <f t="shared" si="592"/>
        <v>45509.541666654004</v>
      </c>
    </row>
    <row r="5256" spans="2:14" x14ac:dyDescent="0.3">
      <c r="B5256">
        <f t="shared" si="586"/>
        <v>1</v>
      </c>
      <c r="C5256" s="16">
        <v>5222</v>
      </c>
      <c r="D5256" cm="1">
        <f t="array" ref="D5256">IFERROR(INDEX(Jesper!AH$2:AH$366,ROUNDDOWN($C5256/24,0)+1,1)*INDEX($D$3:$AA$30,INDEX(Jesper!$R$2:$R$366,ROW(INDEX(Jesper!AH$2:AH$366,ROUNDDOWN($C5256/24,0)+1,1))-1)+IF('Standard Profiles'!$G$18=$B$10,7,0)+IF('Standard Profiles'!$G$18=$B$17,14,0)+IF('Standard Profiles'!$G$18=$B$24,21,0),MOD($C5256,24)+1)/SUM(INDEX($D$3:$AA$30,INDEX(Jesper!$R$2:$R$366,ROW(INDEX(Jesper!AH$2:AH$366,ROUNDDOWN($C5256/24,0)+1,1))-1)+IF('Standard Profiles'!$G$18=$B$10,7,0)+IF('Standard Profiles'!$G$18=$B$17,14,0)+IF('Standard Profiles'!$G$18=$B$24,21,0),0)),0)</f>
        <v>15.795634040726107</v>
      </c>
      <c r="E5256" cm="1">
        <f t="array" ref="E5256">IFERROR(INDEX(Jesper!AI$2:AI$366,ROUNDDOWN($C5256/24,0)+1,1)*INDEX($D$3:$AA$30,INDEX(Jesper!$R$2:$R$366,ROW(INDEX(Jesper!AI$2:AI$366,ROUNDDOWN($C5256/24,0)+1,1))-1)+IF('Standard Profiles'!$G$19=$B$10,7,0)+IF('Standard Profiles'!$G$19=$B$17,14,0)+IF('Standard Profiles'!$G$19=$B$24,21,0),MOD($C5256,24)+1)/SUM(INDEX($D$3:$AA$30,INDEX(Jesper!$R$2:$R$366,ROW(INDEX(Jesper!AI$2:AI$366,ROUNDDOWN($C5256/24,0)+1,1))-1)+IF('Standard Profiles'!$G$19=$B$10,7,0)+IF('Standard Profiles'!$G$19=$B$17,14,0)+IF('Standard Profiles'!$G$19=$B$24,21,0),0)),0)</f>
        <v>0</v>
      </c>
      <c r="F5256" cm="1">
        <f t="array" ref="F5256">IFERROR(INDEX(Jesper!AJ$2:AJ$366,ROUNDDOWN($C5256/24,0)+1,1)*INDEX($D$3:$AA$30,INDEX(Jesper!$R$2:$R$366,ROW(INDEX(Jesper!AJ$2:AJ$366,ROUNDDOWN($C5256/24,0)+1,1))-1)+IF('Standard Profiles'!$G$20=$B$10,7,0)+IF('Standard Profiles'!$G$20=$B$17,14,0)+IF('Standard Profiles'!$G$20=$B$24,21,0),MOD($C5256,24)+1)/SUM(INDEX($D$3:$AA$30,INDEX(Jesper!$R$2:$R$366,ROW(INDEX(Jesper!AJ$2:AJ$366,ROUNDDOWN($C5256/24,0)+1,1))-1)+IF('Standard Profiles'!$G$20=$B$10,7,0)+IF('Standard Profiles'!$G$20=$B$17,14,0)+IF('Standard Profiles'!$G$20=$B$24,21,0),0)),0)</f>
        <v>0</v>
      </c>
      <c r="G5256" cm="1">
        <f t="array" ref="G5256">IFERROR(INDEX(Jesper!AK$2:AK$366,ROUNDDOWN($C5256/24,0)+1,1)*INDEX($D$3:$AA$30,INDEX(Jesper!$R$2:$R$366,ROW(INDEX(Jesper!AK$2:AK$366,ROUNDDOWN($C5256/24,0)+1,1))-1)+IF('Standard Profiles'!$G$21=$B$10,7,0)+IF('Standard Profiles'!$G$21=$B$17,14,0)+IF('Standard Profiles'!$G$21=$B$24,21,0),MOD($C5256,24)+1)/SUM(INDEX($D$3:$AA$30,INDEX(Jesper!$R$2:$R$366,ROW(INDEX(Jesper!AK$2:AK$366,ROUNDDOWN($C5256/24,0)+1,1))-1)+IF('Standard Profiles'!$G$21=$B$10,7,0)+IF('Standard Profiles'!$G$21=$B$17,14,0)+IF('Standard Profiles'!$G$21=$B$24,21,0),0)),0)</f>
        <v>0</v>
      </c>
      <c r="H5256" cm="1">
        <f t="array" ref="H5256">IFERROR(INDEX(Jesper!AL$2:AL$366,ROUNDDOWN($C5256/24,0)+1,1)*INDEX($D$3:$AA$30,INDEX(Jesper!$R$2:$R$366,ROW(INDEX(Jesper!AL$2:AL$366,ROUNDDOWN($C5256/24,0)+1,1))-1)+IF('Standard Profiles'!$G$22=$B$10,7,0)+IF('Standard Profiles'!$G$22=$B$17,14,0)+IF('Standard Profiles'!$G$22=$B$24,21,0),MOD($C5256,24)+1)/SUM(INDEX($D$3:$AA$30,INDEX(Jesper!$R$2:$R$366,ROW(INDEX(Jesper!AL$2:AL$366,ROUNDDOWN($C5256/24,0)+1,1))-1)+IF('Standard Profiles'!$G$22=$B$10,7,0)+IF('Standard Profiles'!$G$22=$B$17,14,0)+IF('Standard Profiles'!$G$22=$B$24,21,0),0)),0)</f>
        <v>0</v>
      </c>
      <c r="I5256">
        <f t="shared" si="587"/>
        <v>0.4738690212217832</v>
      </c>
      <c r="J5256">
        <f t="shared" si="588"/>
        <v>1.5795634040726108</v>
      </c>
      <c r="K5256">
        <f t="shared" si="589"/>
        <v>2.3693451061089159</v>
      </c>
      <c r="L5256">
        <f t="shared" si="590"/>
        <v>11.372856509322796</v>
      </c>
      <c r="M5256">
        <f t="shared" si="591"/>
        <v>0</v>
      </c>
      <c r="N5256" s="46">
        <f t="shared" si="592"/>
        <v>45509.583333320668</v>
      </c>
    </row>
    <row r="5257" spans="2:14" x14ac:dyDescent="0.3">
      <c r="B5257">
        <f t="shared" si="586"/>
        <v>1</v>
      </c>
      <c r="C5257" s="16">
        <v>5223</v>
      </c>
      <c r="D5257" cm="1">
        <f t="array" ref="D5257">IFERROR(INDEX(Jesper!AH$2:AH$366,ROUNDDOWN($C5257/24,0)+1,1)*INDEX($D$3:$AA$30,INDEX(Jesper!$R$2:$R$366,ROW(INDEX(Jesper!AH$2:AH$366,ROUNDDOWN($C5257/24,0)+1,1))-1)+IF('Standard Profiles'!$G$18=$B$10,7,0)+IF('Standard Profiles'!$G$18=$B$17,14,0)+IF('Standard Profiles'!$G$18=$B$24,21,0),MOD($C5257,24)+1)/SUM(INDEX($D$3:$AA$30,INDEX(Jesper!$R$2:$R$366,ROW(INDEX(Jesper!AH$2:AH$366,ROUNDDOWN($C5257/24,0)+1,1))-1)+IF('Standard Profiles'!$G$18=$B$10,7,0)+IF('Standard Profiles'!$G$18=$B$17,14,0)+IF('Standard Profiles'!$G$18=$B$24,21,0),0)),0)</f>
        <v>15.795634040726107</v>
      </c>
      <c r="E5257" cm="1">
        <f t="array" ref="E5257">IFERROR(INDEX(Jesper!AI$2:AI$366,ROUNDDOWN($C5257/24,0)+1,1)*INDEX($D$3:$AA$30,INDEX(Jesper!$R$2:$R$366,ROW(INDEX(Jesper!AI$2:AI$366,ROUNDDOWN($C5257/24,0)+1,1))-1)+IF('Standard Profiles'!$G$19=$B$10,7,0)+IF('Standard Profiles'!$G$19=$B$17,14,0)+IF('Standard Profiles'!$G$19=$B$24,21,0),MOD($C5257,24)+1)/SUM(INDEX($D$3:$AA$30,INDEX(Jesper!$R$2:$R$366,ROW(INDEX(Jesper!AI$2:AI$366,ROUNDDOWN($C5257/24,0)+1,1))-1)+IF('Standard Profiles'!$G$19=$B$10,7,0)+IF('Standard Profiles'!$G$19=$B$17,14,0)+IF('Standard Profiles'!$G$19=$B$24,21,0),0)),0)</f>
        <v>0</v>
      </c>
      <c r="F5257" cm="1">
        <f t="array" ref="F5257">IFERROR(INDEX(Jesper!AJ$2:AJ$366,ROUNDDOWN($C5257/24,0)+1,1)*INDEX($D$3:$AA$30,INDEX(Jesper!$R$2:$R$366,ROW(INDEX(Jesper!AJ$2:AJ$366,ROUNDDOWN($C5257/24,0)+1,1))-1)+IF('Standard Profiles'!$G$20=$B$10,7,0)+IF('Standard Profiles'!$G$20=$B$17,14,0)+IF('Standard Profiles'!$G$20=$B$24,21,0),MOD($C5257,24)+1)/SUM(INDEX($D$3:$AA$30,INDEX(Jesper!$R$2:$R$366,ROW(INDEX(Jesper!AJ$2:AJ$366,ROUNDDOWN($C5257/24,0)+1,1))-1)+IF('Standard Profiles'!$G$20=$B$10,7,0)+IF('Standard Profiles'!$G$20=$B$17,14,0)+IF('Standard Profiles'!$G$20=$B$24,21,0),0)),0)</f>
        <v>0</v>
      </c>
      <c r="G5257" cm="1">
        <f t="array" ref="G5257">IFERROR(INDEX(Jesper!AK$2:AK$366,ROUNDDOWN($C5257/24,0)+1,1)*INDEX($D$3:$AA$30,INDEX(Jesper!$R$2:$R$366,ROW(INDEX(Jesper!AK$2:AK$366,ROUNDDOWN($C5257/24,0)+1,1))-1)+IF('Standard Profiles'!$G$21=$B$10,7,0)+IF('Standard Profiles'!$G$21=$B$17,14,0)+IF('Standard Profiles'!$G$21=$B$24,21,0),MOD($C5257,24)+1)/SUM(INDEX($D$3:$AA$30,INDEX(Jesper!$R$2:$R$366,ROW(INDEX(Jesper!AK$2:AK$366,ROUNDDOWN($C5257/24,0)+1,1))-1)+IF('Standard Profiles'!$G$21=$B$10,7,0)+IF('Standard Profiles'!$G$21=$B$17,14,0)+IF('Standard Profiles'!$G$21=$B$24,21,0),0)),0)</f>
        <v>0</v>
      </c>
      <c r="H5257" cm="1">
        <f t="array" ref="H5257">IFERROR(INDEX(Jesper!AL$2:AL$366,ROUNDDOWN($C5257/24,0)+1,1)*INDEX($D$3:$AA$30,INDEX(Jesper!$R$2:$R$366,ROW(INDEX(Jesper!AL$2:AL$366,ROUNDDOWN($C5257/24,0)+1,1))-1)+IF('Standard Profiles'!$G$22=$B$10,7,0)+IF('Standard Profiles'!$G$22=$B$17,14,0)+IF('Standard Profiles'!$G$22=$B$24,21,0),MOD($C5257,24)+1)/SUM(INDEX($D$3:$AA$30,INDEX(Jesper!$R$2:$R$366,ROW(INDEX(Jesper!AL$2:AL$366,ROUNDDOWN($C5257/24,0)+1,1))-1)+IF('Standard Profiles'!$G$22=$B$10,7,0)+IF('Standard Profiles'!$G$22=$B$17,14,0)+IF('Standard Profiles'!$G$22=$B$24,21,0),0)),0)</f>
        <v>0</v>
      </c>
      <c r="I5257">
        <f t="shared" si="587"/>
        <v>0.4738690212217832</v>
      </c>
      <c r="J5257">
        <f t="shared" si="588"/>
        <v>1.5795634040726108</v>
      </c>
      <c r="K5257">
        <f t="shared" si="589"/>
        <v>2.3693451061089159</v>
      </c>
      <c r="L5257">
        <f t="shared" si="590"/>
        <v>11.372856509322796</v>
      </c>
      <c r="M5257">
        <f t="shared" si="591"/>
        <v>0</v>
      </c>
      <c r="N5257" s="46">
        <f t="shared" si="592"/>
        <v>45509.624999987333</v>
      </c>
    </row>
    <row r="5258" spans="2:14" x14ac:dyDescent="0.3">
      <c r="B5258">
        <f t="shared" si="586"/>
        <v>1</v>
      </c>
      <c r="C5258" s="16">
        <v>5224</v>
      </c>
      <c r="D5258" cm="1">
        <f t="array" ref="D5258">IFERROR(INDEX(Jesper!AH$2:AH$366,ROUNDDOWN($C5258/24,0)+1,1)*INDEX($D$3:$AA$30,INDEX(Jesper!$R$2:$R$366,ROW(INDEX(Jesper!AH$2:AH$366,ROUNDDOWN($C5258/24,0)+1,1))-1)+IF('Standard Profiles'!$G$18=$B$10,7,0)+IF('Standard Profiles'!$G$18=$B$17,14,0)+IF('Standard Profiles'!$G$18=$B$24,21,0),MOD($C5258,24)+1)/SUM(INDEX($D$3:$AA$30,INDEX(Jesper!$R$2:$R$366,ROW(INDEX(Jesper!AH$2:AH$366,ROUNDDOWN($C5258/24,0)+1,1))-1)+IF('Standard Profiles'!$G$18=$B$10,7,0)+IF('Standard Profiles'!$G$18=$B$17,14,0)+IF('Standard Profiles'!$G$18=$B$24,21,0),0)),0)</f>
        <v>15.795634040726107</v>
      </c>
      <c r="E5258" cm="1">
        <f t="array" ref="E5258">IFERROR(INDEX(Jesper!AI$2:AI$366,ROUNDDOWN($C5258/24,0)+1,1)*INDEX($D$3:$AA$30,INDEX(Jesper!$R$2:$R$366,ROW(INDEX(Jesper!AI$2:AI$366,ROUNDDOWN($C5258/24,0)+1,1))-1)+IF('Standard Profiles'!$G$19=$B$10,7,0)+IF('Standard Profiles'!$G$19=$B$17,14,0)+IF('Standard Profiles'!$G$19=$B$24,21,0),MOD($C5258,24)+1)/SUM(INDEX($D$3:$AA$30,INDEX(Jesper!$R$2:$R$366,ROW(INDEX(Jesper!AI$2:AI$366,ROUNDDOWN($C5258/24,0)+1,1))-1)+IF('Standard Profiles'!$G$19=$B$10,7,0)+IF('Standard Profiles'!$G$19=$B$17,14,0)+IF('Standard Profiles'!$G$19=$B$24,21,0),0)),0)</f>
        <v>0</v>
      </c>
      <c r="F5258" cm="1">
        <f t="array" ref="F5258">IFERROR(INDEX(Jesper!AJ$2:AJ$366,ROUNDDOWN($C5258/24,0)+1,1)*INDEX($D$3:$AA$30,INDEX(Jesper!$R$2:$R$366,ROW(INDEX(Jesper!AJ$2:AJ$366,ROUNDDOWN($C5258/24,0)+1,1))-1)+IF('Standard Profiles'!$G$20=$B$10,7,0)+IF('Standard Profiles'!$G$20=$B$17,14,0)+IF('Standard Profiles'!$G$20=$B$24,21,0),MOD($C5258,24)+1)/SUM(INDEX($D$3:$AA$30,INDEX(Jesper!$R$2:$R$366,ROW(INDEX(Jesper!AJ$2:AJ$366,ROUNDDOWN($C5258/24,0)+1,1))-1)+IF('Standard Profiles'!$G$20=$B$10,7,0)+IF('Standard Profiles'!$G$20=$B$17,14,0)+IF('Standard Profiles'!$G$20=$B$24,21,0),0)),0)</f>
        <v>0</v>
      </c>
      <c r="G5258" cm="1">
        <f t="array" ref="G5258">IFERROR(INDEX(Jesper!AK$2:AK$366,ROUNDDOWN($C5258/24,0)+1,1)*INDEX($D$3:$AA$30,INDEX(Jesper!$R$2:$R$366,ROW(INDEX(Jesper!AK$2:AK$366,ROUNDDOWN($C5258/24,0)+1,1))-1)+IF('Standard Profiles'!$G$21=$B$10,7,0)+IF('Standard Profiles'!$G$21=$B$17,14,0)+IF('Standard Profiles'!$G$21=$B$24,21,0),MOD($C5258,24)+1)/SUM(INDEX($D$3:$AA$30,INDEX(Jesper!$R$2:$R$366,ROW(INDEX(Jesper!AK$2:AK$366,ROUNDDOWN($C5258/24,0)+1,1))-1)+IF('Standard Profiles'!$G$21=$B$10,7,0)+IF('Standard Profiles'!$G$21=$B$17,14,0)+IF('Standard Profiles'!$G$21=$B$24,21,0),0)),0)</f>
        <v>0</v>
      </c>
      <c r="H5258" cm="1">
        <f t="array" ref="H5258">IFERROR(INDEX(Jesper!AL$2:AL$366,ROUNDDOWN($C5258/24,0)+1,1)*INDEX($D$3:$AA$30,INDEX(Jesper!$R$2:$R$366,ROW(INDEX(Jesper!AL$2:AL$366,ROUNDDOWN($C5258/24,0)+1,1))-1)+IF('Standard Profiles'!$G$22=$B$10,7,0)+IF('Standard Profiles'!$G$22=$B$17,14,0)+IF('Standard Profiles'!$G$22=$B$24,21,0),MOD($C5258,24)+1)/SUM(INDEX($D$3:$AA$30,INDEX(Jesper!$R$2:$R$366,ROW(INDEX(Jesper!AL$2:AL$366,ROUNDDOWN($C5258/24,0)+1,1))-1)+IF('Standard Profiles'!$G$22=$B$10,7,0)+IF('Standard Profiles'!$G$22=$B$17,14,0)+IF('Standard Profiles'!$G$22=$B$24,21,0),0)),0)</f>
        <v>0</v>
      </c>
      <c r="I5258">
        <f t="shared" si="587"/>
        <v>0.4738690212217832</v>
      </c>
      <c r="J5258">
        <f t="shared" si="588"/>
        <v>1.5795634040726108</v>
      </c>
      <c r="K5258">
        <f t="shared" si="589"/>
        <v>2.3693451061089159</v>
      </c>
      <c r="L5258">
        <f t="shared" si="590"/>
        <v>11.372856509322796</v>
      </c>
      <c r="M5258">
        <f t="shared" si="591"/>
        <v>0</v>
      </c>
      <c r="N5258" s="46">
        <f t="shared" si="592"/>
        <v>45509.666666653997</v>
      </c>
    </row>
    <row r="5259" spans="2:14" x14ac:dyDescent="0.3">
      <c r="B5259">
        <f t="shared" si="586"/>
        <v>1</v>
      </c>
      <c r="C5259" s="16">
        <v>5225</v>
      </c>
      <c r="D5259" cm="1">
        <f t="array" ref="D5259">IFERROR(INDEX(Jesper!AH$2:AH$366,ROUNDDOWN($C5259/24,0)+1,1)*INDEX($D$3:$AA$30,INDEX(Jesper!$R$2:$R$366,ROW(INDEX(Jesper!AH$2:AH$366,ROUNDDOWN($C5259/24,0)+1,1))-1)+IF('Standard Profiles'!$G$18=$B$10,7,0)+IF('Standard Profiles'!$G$18=$B$17,14,0)+IF('Standard Profiles'!$G$18=$B$24,21,0),MOD($C5259,24)+1)/SUM(INDEX($D$3:$AA$30,INDEX(Jesper!$R$2:$R$366,ROW(INDEX(Jesper!AH$2:AH$366,ROUNDDOWN($C5259/24,0)+1,1))-1)+IF('Standard Profiles'!$G$18=$B$10,7,0)+IF('Standard Profiles'!$G$18=$B$17,14,0)+IF('Standard Profiles'!$G$18=$B$24,21,0),0)),0)</f>
        <v>15.795634040726107</v>
      </c>
      <c r="E5259" cm="1">
        <f t="array" ref="E5259">IFERROR(INDEX(Jesper!AI$2:AI$366,ROUNDDOWN($C5259/24,0)+1,1)*INDEX($D$3:$AA$30,INDEX(Jesper!$R$2:$R$366,ROW(INDEX(Jesper!AI$2:AI$366,ROUNDDOWN($C5259/24,0)+1,1))-1)+IF('Standard Profiles'!$G$19=$B$10,7,0)+IF('Standard Profiles'!$G$19=$B$17,14,0)+IF('Standard Profiles'!$G$19=$B$24,21,0),MOD($C5259,24)+1)/SUM(INDEX($D$3:$AA$30,INDEX(Jesper!$R$2:$R$366,ROW(INDEX(Jesper!AI$2:AI$366,ROUNDDOWN($C5259/24,0)+1,1))-1)+IF('Standard Profiles'!$G$19=$B$10,7,0)+IF('Standard Profiles'!$G$19=$B$17,14,0)+IF('Standard Profiles'!$G$19=$B$24,21,0),0)),0)</f>
        <v>0</v>
      </c>
      <c r="F5259" cm="1">
        <f t="array" ref="F5259">IFERROR(INDEX(Jesper!AJ$2:AJ$366,ROUNDDOWN($C5259/24,0)+1,1)*INDEX($D$3:$AA$30,INDEX(Jesper!$R$2:$R$366,ROW(INDEX(Jesper!AJ$2:AJ$366,ROUNDDOWN($C5259/24,0)+1,1))-1)+IF('Standard Profiles'!$G$20=$B$10,7,0)+IF('Standard Profiles'!$G$20=$B$17,14,0)+IF('Standard Profiles'!$G$20=$B$24,21,0),MOD($C5259,24)+1)/SUM(INDEX($D$3:$AA$30,INDEX(Jesper!$R$2:$R$366,ROW(INDEX(Jesper!AJ$2:AJ$366,ROUNDDOWN($C5259/24,0)+1,1))-1)+IF('Standard Profiles'!$G$20=$B$10,7,0)+IF('Standard Profiles'!$G$20=$B$17,14,0)+IF('Standard Profiles'!$G$20=$B$24,21,0),0)),0)</f>
        <v>0</v>
      </c>
      <c r="G5259" cm="1">
        <f t="array" ref="G5259">IFERROR(INDEX(Jesper!AK$2:AK$366,ROUNDDOWN($C5259/24,0)+1,1)*INDEX($D$3:$AA$30,INDEX(Jesper!$R$2:$R$366,ROW(INDEX(Jesper!AK$2:AK$366,ROUNDDOWN($C5259/24,0)+1,1))-1)+IF('Standard Profiles'!$G$21=$B$10,7,0)+IF('Standard Profiles'!$G$21=$B$17,14,0)+IF('Standard Profiles'!$G$21=$B$24,21,0),MOD($C5259,24)+1)/SUM(INDEX($D$3:$AA$30,INDEX(Jesper!$R$2:$R$366,ROW(INDEX(Jesper!AK$2:AK$366,ROUNDDOWN($C5259/24,0)+1,1))-1)+IF('Standard Profiles'!$G$21=$B$10,7,0)+IF('Standard Profiles'!$G$21=$B$17,14,0)+IF('Standard Profiles'!$G$21=$B$24,21,0),0)),0)</f>
        <v>0</v>
      </c>
      <c r="H5259" cm="1">
        <f t="array" ref="H5259">IFERROR(INDEX(Jesper!AL$2:AL$366,ROUNDDOWN($C5259/24,0)+1,1)*INDEX($D$3:$AA$30,INDEX(Jesper!$R$2:$R$366,ROW(INDEX(Jesper!AL$2:AL$366,ROUNDDOWN($C5259/24,0)+1,1))-1)+IF('Standard Profiles'!$G$22=$B$10,7,0)+IF('Standard Profiles'!$G$22=$B$17,14,0)+IF('Standard Profiles'!$G$22=$B$24,21,0),MOD($C5259,24)+1)/SUM(INDEX($D$3:$AA$30,INDEX(Jesper!$R$2:$R$366,ROW(INDEX(Jesper!AL$2:AL$366,ROUNDDOWN($C5259/24,0)+1,1))-1)+IF('Standard Profiles'!$G$22=$B$10,7,0)+IF('Standard Profiles'!$G$22=$B$17,14,0)+IF('Standard Profiles'!$G$22=$B$24,21,0),0)),0)</f>
        <v>0</v>
      </c>
      <c r="I5259">
        <f t="shared" si="587"/>
        <v>0.4738690212217832</v>
      </c>
      <c r="J5259">
        <f t="shared" si="588"/>
        <v>1.5795634040726108</v>
      </c>
      <c r="K5259">
        <f t="shared" si="589"/>
        <v>2.3693451061089159</v>
      </c>
      <c r="L5259">
        <f t="shared" si="590"/>
        <v>11.372856509322796</v>
      </c>
      <c r="M5259">
        <f t="shared" si="591"/>
        <v>0</v>
      </c>
      <c r="N5259" s="46">
        <f t="shared" si="592"/>
        <v>45509.708333320661</v>
      </c>
    </row>
    <row r="5260" spans="2:14" x14ac:dyDescent="0.3">
      <c r="B5260">
        <f t="shared" si="586"/>
        <v>1</v>
      </c>
      <c r="C5260" s="16">
        <v>5226</v>
      </c>
      <c r="D5260" cm="1">
        <f t="array" ref="D5260">IFERROR(INDEX(Jesper!AH$2:AH$366,ROUNDDOWN($C5260/24,0)+1,1)*INDEX($D$3:$AA$30,INDEX(Jesper!$R$2:$R$366,ROW(INDEX(Jesper!AH$2:AH$366,ROUNDDOWN($C5260/24,0)+1,1))-1)+IF('Standard Profiles'!$G$18=$B$10,7,0)+IF('Standard Profiles'!$G$18=$B$17,14,0)+IF('Standard Profiles'!$G$18=$B$24,21,0),MOD($C5260,24)+1)/SUM(INDEX($D$3:$AA$30,INDEX(Jesper!$R$2:$R$366,ROW(INDEX(Jesper!AH$2:AH$366,ROUNDDOWN($C5260/24,0)+1,1))-1)+IF('Standard Profiles'!$G$18=$B$10,7,0)+IF('Standard Profiles'!$G$18=$B$17,14,0)+IF('Standard Profiles'!$G$18=$B$24,21,0),0)),0)</f>
        <v>15.795634040726107</v>
      </c>
      <c r="E5260" cm="1">
        <f t="array" ref="E5260">IFERROR(INDEX(Jesper!AI$2:AI$366,ROUNDDOWN($C5260/24,0)+1,1)*INDEX($D$3:$AA$30,INDEX(Jesper!$R$2:$R$366,ROW(INDEX(Jesper!AI$2:AI$366,ROUNDDOWN($C5260/24,0)+1,1))-1)+IF('Standard Profiles'!$G$19=$B$10,7,0)+IF('Standard Profiles'!$G$19=$B$17,14,0)+IF('Standard Profiles'!$G$19=$B$24,21,0),MOD($C5260,24)+1)/SUM(INDEX($D$3:$AA$30,INDEX(Jesper!$R$2:$R$366,ROW(INDEX(Jesper!AI$2:AI$366,ROUNDDOWN($C5260/24,0)+1,1))-1)+IF('Standard Profiles'!$G$19=$B$10,7,0)+IF('Standard Profiles'!$G$19=$B$17,14,0)+IF('Standard Profiles'!$G$19=$B$24,21,0),0)),0)</f>
        <v>0</v>
      </c>
      <c r="F5260" cm="1">
        <f t="array" ref="F5260">IFERROR(INDEX(Jesper!AJ$2:AJ$366,ROUNDDOWN($C5260/24,0)+1,1)*INDEX($D$3:$AA$30,INDEX(Jesper!$R$2:$R$366,ROW(INDEX(Jesper!AJ$2:AJ$366,ROUNDDOWN($C5260/24,0)+1,1))-1)+IF('Standard Profiles'!$G$20=$B$10,7,0)+IF('Standard Profiles'!$G$20=$B$17,14,0)+IF('Standard Profiles'!$G$20=$B$24,21,0),MOD($C5260,24)+1)/SUM(INDEX($D$3:$AA$30,INDEX(Jesper!$R$2:$R$366,ROW(INDEX(Jesper!AJ$2:AJ$366,ROUNDDOWN($C5260/24,0)+1,1))-1)+IF('Standard Profiles'!$G$20=$B$10,7,0)+IF('Standard Profiles'!$G$20=$B$17,14,0)+IF('Standard Profiles'!$G$20=$B$24,21,0),0)),0)</f>
        <v>0</v>
      </c>
      <c r="G5260" cm="1">
        <f t="array" ref="G5260">IFERROR(INDEX(Jesper!AK$2:AK$366,ROUNDDOWN($C5260/24,0)+1,1)*INDEX($D$3:$AA$30,INDEX(Jesper!$R$2:$R$366,ROW(INDEX(Jesper!AK$2:AK$366,ROUNDDOWN($C5260/24,0)+1,1))-1)+IF('Standard Profiles'!$G$21=$B$10,7,0)+IF('Standard Profiles'!$G$21=$B$17,14,0)+IF('Standard Profiles'!$G$21=$B$24,21,0),MOD($C5260,24)+1)/SUM(INDEX($D$3:$AA$30,INDEX(Jesper!$R$2:$R$366,ROW(INDEX(Jesper!AK$2:AK$366,ROUNDDOWN($C5260/24,0)+1,1))-1)+IF('Standard Profiles'!$G$21=$B$10,7,0)+IF('Standard Profiles'!$G$21=$B$17,14,0)+IF('Standard Profiles'!$G$21=$B$24,21,0),0)),0)</f>
        <v>0</v>
      </c>
      <c r="H5260" cm="1">
        <f t="array" ref="H5260">IFERROR(INDEX(Jesper!AL$2:AL$366,ROUNDDOWN($C5260/24,0)+1,1)*INDEX($D$3:$AA$30,INDEX(Jesper!$R$2:$R$366,ROW(INDEX(Jesper!AL$2:AL$366,ROUNDDOWN($C5260/24,0)+1,1))-1)+IF('Standard Profiles'!$G$22=$B$10,7,0)+IF('Standard Profiles'!$G$22=$B$17,14,0)+IF('Standard Profiles'!$G$22=$B$24,21,0),MOD($C5260,24)+1)/SUM(INDEX($D$3:$AA$30,INDEX(Jesper!$R$2:$R$366,ROW(INDEX(Jesper!AL$2:AL$366,ROUNDDOWN($C5260/24,0)+1,1))-1)+IF('Standard Profiles'!$G$22=$B$10,7,0)+IF('Standard Profiles'!$G$22=$B$17,14,0)+IF('Standard Profiles'!$G$22=$B$24,21,0),0)),0)</f>
        <v>0</v>
      </c>
      <c r="I5260">
        <f t="shared" si="587"/>
        <v>0.4738690212217832</v>
      </c>
      <c r="J5260">
        <f t="shared" si="588"/>
        <v>1.5795634040726108</v>
      </c>
      <c r="K5260">
        <f t="shared" si="589"/>
        <v>2.3693451061089159</v>
      </c>
      <c r="L5260">
        <f t="shared" si="590"/>
        <v>11.372856509322796</v>
      </c>
      <c r="M5260">
        <f t="shared" si="591"/>
        <v>0</v>
      </c>
      <c r="N5260" s="46">
        <f t="shared" si="592"/>
        <v>45509.749999987325</v>
      </c>
    </row>
    <row r="5261" spans="2:14" x14ac:dyDescent="0.3">
      <c r="B5261">
        <f t="shared" si="586"/>
        <v>1</v>
      </c>
      <c r="C5261" s="16">
        <v>5227</v>
      </c>
      <c r="D5261" cm="1">
        <f t="array" ref="D5261">IFERROR(INDEX(Jesper!AH$2:AH$366,ROUNDDOWN($C5261/24,0)+1,1)*INDEX($D$3:$AA$30,INDEX(Jesper!$R$2:$R$366,ROW(INDEX(Jesper!AH$2:AH$366,ROUNDDOWN($C5261/24,0)+1,1))-1)+IF('Standard Profiles'!$G$18=$B$10,7,0)+IF('Standard Profiles'!$G$18=$B$17,14,0)+IF('Standard Profiles'!$G$18=$B$24,21,0),MOD($C5261,24)+1)/SUM(INDEX($D$3:$AA$30,INDEX(Jesper!$R$2:$R$366,ROW(INDEX(Jesper!AH$2:AH$366,ROUNDDOWN($C5261/24,0)+1,1))-1)+IF('Standard Profiles'!$G$18=$B$10,7,0)+IF('Standard Profiles'!$G$18=$B$17,14,0)+IF('Standard Profiles'!$G$18=$B$24,21,0),0)),0)</f>
        <v>13.228843509108115</v>
      </c>
      <c r="E5261" cm="1">
        <f t="array" ref="E5261">IFERROR(INDEX(Jesper!AI$2:AI$366,ROUNDDOWN($C5261/24,0)+1,1)*INDEX($D$3:$AA$30,INDEX(Jesper!$R$2:$R$366,ROW(INDEX(Jesper!AI$2:AI$366,ROUNDDOWN($C5261/24,0)+1,1))-1)+IF('Standard Profiles'!$G$19=$B$10,7,0)+IF('Standard Profiles'!$G$19=$B$17,14,0)+IF('Standard Profiles'!$G$19=$B$24,21,0),MOD($C5261,24)+1)/SUM(INDEX($D$3:$AA$30,INDEX(Jesper!$R$2:$R$366,ROW(INDEX(Jesper!AI$2:AI$366,ROUNDDOWN($C5261/24,0)+1,1))-1)+IF('Standard Profiles'!$G$19=$B$10,7,0)+IF('Standard Profiles'!$G$19=$B$17,14,0)+IF('Standard Profiles'!$G$19=$B$24,21,0),0)),0)</f>
        <v>0</v>
      </c>
      <c r="F5261" cm="1">
        <f t="array" ref="F5261">IFERROR(INDEX(Jesper!AJ$2:AJ$366,ROUNDDOWN($C5261/24,0)+1,1)*INDEX($D$3:$AA$30,INDEX(Jesper!$R$2:$R$366,ROW(INDEX(Jesper!AJ$2:AJ$366,ROUNDDOWN($C5261/24,0)+1,1))-1)+IF('Standard Profiles'!$G$20=$B$10,7,0)+IF('Standard Profiles'!$G$20=$B$17,14,0)+IF('Standard Profiles'!$G$20=$B$24,21,0),MOD($C5261,24)+1)/SUM(INDEX($D$3:$AA$30,INDEX(Jesper!$R$2:$R$366,ROW(INDEX(Jesper!AJ$2:AJ$366,ROUNDDOWN($C5261/24,0)+1,1))-1)+IF('Standard Profiles'!$G$20=$B$10,7,0)+IF('Standard Profiles'!$G$20=$B$17,14,0)+IF('Standard Profiles'!$G$20=$B$24,21,0),0)),0)</f>
        <v>0</v>
      </c>
      <c r="G5261" cm="1">
        <f t="array" ref="G5261">IFERROR(INDEX(Jesper!AK$2:AK$366,ROUNDDOWN($C5261/24,0)+1,1)*INDEX($D$3:$AA$30,INDEX(Jesper!$R$2:$R$366,ROW(INDEX(Jesper!AK$2:AK$366,ROUNDDOWN($C5261/24,0)+1,1))-1)+IF('Standard Profiles'!$G$21=$B$10,7,0)+IF('Standard Profiles'!$G$21=$B$17,14,0)+IF('Standard Profiles'!$G$21=$B$24,21,0),MOD($C5261,24)+1)/SUM(INDEX($D$3:$AA$30,INDEX(Jesper!$R$2:$R$366,ROW(INDEX(Jesper!AK$2:AK$366,ROUNDDOWN($C5261/24,0)+1,1))-1)+IF('Standard Profiles'!$G$21=$B$10,7,0)+IF('Standard Profiles'!$G$21=$B$17,14,0)+IF('Standard Profiles'!$G$21=$B$24,21,0),0)),0)</f>
        <v>0</v>
      </c>
      <c r="H5261" cm="1">
        <f t="array" ref="H5261">IFERROR(INDEX(Jesper!AL$2:AL$366,ROUNDDOWN($C5261/24,0)+1,1)*INDEX($D$3:$AA$30,INDEX(Jesper!$R$2:$R$366,ROW(INDEX(Jesper!AL$2:AL$366,ROUNDDOWN($C5261/24,0)+1,1))-1)+IF('Standard Profiles'!$G$22=$B$10,7,0)+IF('Standard Profiles'!$G$22=$B$17,14,0)+IF('Standard Profiles'!$G$22=$B$24,21,0),MOD($C5261,24)+1)/SUM(INDEX($D$3:$AA$30,INDEX(Jesper!$R$2:$R$366,ROW(INDEX(Jesper!AL$2:AL$366,ROUNDDOWN($C5261/24,0)+1,1))-1)+IF('Standard Profiles'!$G$22=$B$10,7,0)+IF('Standard Profiles'!$G$22=$B$17,14,0)+IF('Standard Profiles'!$G$22=$B$24,21,0),0)),0)</f>
        <v>0</v>
      </c>
      <c r="I5261">
        <f t="shared" si="587"/>
        <v>0.39686530527324343</v>
      </c>
      <c r="J5261">
        <f t="shared" si="588"/>
        <v>1.3228843509108117</v>
      </c>
      <c r="K5261">
        <f t="shared" si="589"/>
        <v>1.9843265263662171</v>
      </c>
      <c r="L5261">
        <f t="shared" si="590"/>
        <v>9.5247673265578428</v>
      </c>
      <c r="M5261">
        <f t="shared" si="591"/>
        <v>0</v>
      </c>
      <c r="N5261" s="46">
        <f t="shared" si="592"/>
        <v>45509.79166665399</v>
      </c>
    </row>
    <row r="5262" spans="2:14" x14ac:dyDescent="0.3">
      <c r="B5262">
        <f t="shared" si="586"/>
        <v>1</v>
      </c>
      <c r="C5262" s="16">
        <v>5228</v>
      </c>
      <c r="D5262" cm="1">
        <f t="array" ref="D5262">IFERROR(INDEX(Jesper!AH$2:AH$366,ROUNDDOWN($C5262/24,0)+1,1)*INDEX($D$3:$AA$30,INDEX(Jesper!$R$2:$R$366,ROW(INDEX(Jesper!AH$2:AH$366,ROUNDDOWN($C5262/24,0)+1,1))-1)+IF('Standard Profiles'!$G$18=$B$10,7,0)+IF('Standard Profiles'!$G$18=$B$17,14,0)+IF('Standard Profiles'!$G$18=$B$24,21,0),MOD($C5262,24)+1)/SUM(INDEX($D$3:$AA$30,INDEX(Jesper!$R$2:$R$366,ROW(INDEX(Jesper!AH$2:AH$366,ROUNDDOWN($C5262/24,0)+1,1))-1)+IF('Standard Profiles'!$G$18=$B$10,7,0)+IF('Standard Profiles'!$G$18=$B$17,14,0)+IF('Standard Profiles'!$G$18=$B$24,21,0),0)),0)</f>
        <v>10.859498402999197</v>
      </c>
      <c r="E5262" cm="1">
        <f t="array" ref="E5262">IFERROR(INDEX(Jesper!AI$2:AI$366,ROUNDDOWN($C5262/24,0)+1,1)*INDEX($D$3:$AA$30,INDEX(Jesper!$R$2:$R$366,ROW(INDEX(Jesper!AI$2:AI$366,ROUNDDOWN($C5262/24,0)+1,1))-1)+IF('Standard Profiles'!$G$19=$B$10,7,0)+IF('Standard Profiles'!$G$19=$B$17,14,0)+IF('Standard Profiles'!$G$19=$B$24,21,0),MOD($C5262,24)+1)/SUM(INDEX($D$3:$AA$30,INDEX(Jesper!$R$2:$R$366,ROW(INDEX(Jesper!AI$2:AI$366,ROUNDDOWN($C5262/24,0)+1,1))-1)+IF('Standard Profiles'!$G$19=$B$10,7,0)+IF('Standard Profiles'!$G$19=$B$17,14,0)+IF('Standard Profiles'!$G$19=$B$24,21,0),0)),0)</f>
        <v>0</v>
      </c>
      <c r="F5262" cm="1">
        <f t="array" ref="F5262">IFERROR(INDEX(Jesper!AJ$2:AJ$366,ROUNDDOWN($C5262/24,0)+1,1)*INDEX($D$3:$AA$30,INDEX(Jesper!$R$2:$R$366,ROW(INDEX(Jesper!AJ$2:AJ$366,ROUNDDOWN($C5262/24,0)+1,1))-1)+IF('Standard Profiles'!$G$20=$B$10,7,0)+IF('Standard Profiles'!$G$20=$B$17,14,0)+IF('Standard Profiles'!$G$20=$B$24,21,0),MOD($C5262,24)+1)/SUM(INDEX($D$3:$AA$30,INDEX(Jesper!$R$2:$R$366,ROW(INDEX(Jesper!AJ$2:AJ$366,ROUNDDOWN($C5262/24,0)+1,1))-1)+IF('Standard Profiles'!$G$20=$B$10,7,0)+IF('Standard Profiles'!$G$20=$B$17,14,0)+IF('Standard Profiles'!$G$20=$B$24,21,0),0)),0)</f>
        <v>0</v>
      </c>
      <c r="G5262" cm="1">
        <f t="array" ref="G5262">IFERROR(INDEX(Jesper!AK$2:AK$366,ROUNDDOWN($C5262/24,0)+1,1)*INDEX($D$3:$AA$30,INDEX(Jesper!$R$2:$R$366,ROW(INDEX(Jesper!AK$2:AK$366,ROUNDDOWN($C5262/24,0)+1,1))-1)+IF('Standard Profiles'!$G$21=$B$10,7,0)+IF('Standard Profiles'!$G$21=$B$17,14,0)+IF('Standard Profiles'!$G$21=$B$24,21,0),MOD($C5262,24)+1)/SUM(INDEX($D$3:$AA$30,INDEX(Jesper!$R$2:$R$366,ROW(INDEX(Jesper!AK$2:AK$366,ROUNDDOWN($C5262/24,0)+1,1))-1)+IF('Standard Profiles'!$G$21=$B$10,7,0)+IF('Standard Profiles'!$G$21=$B$17,14,0)+IF('Standard Profiles'!$G$21=$B$24,21,0),0)),0)</f>
        <v>0</v>
      </c>
      <c r="H5262" cm="1">
        <f t="array" ref="H5262">IFERROR(INDEX(Jesper!AL$2:AL$366,ROUNDDOWN($C5262/24,0)+1,1)*INDEX($D$3:$AA$30,INDEX(Jesper!$R$2:$R$366,ROW(INDEX(Jesper!AL$2:AL$366,ROUNDDOWN($C5262/24,0)+1,1))-1)+IF('Standard Profiles'!$G$22=$B$10,7,0)+IF('Standard Profiles'!$G$22=$B$17,14,0)+IF('Standard Profiles'!$G$22=$B$24,21,0),MOD($C5262,24)+1)/SUM(INDEX($D$3:$AA$30,INDEX(Jesper!$R$2:$R$366,ROW(INDEX(Jesper!AL$2:AL$366,ROUNDDOWN($C5262/24,0)+1,1))-1)+IF('Standard Profiles'!$G$22=$B$10,7,0)+IF('Standard Profiles'!$G$22=$B$17,14,0)+IF('Standard Profiles'!$G$22=$B$24,21,0),0)),0)</f>
        <v>0</v>
      </c>
      <c r="I5262">
        <f t="shared" si="587"/>
        <v>0.32578495208997588</v>
      </c>
      <c r="J5262">
        <f t="shared" si="588"/>
        <v>1.0859498402999197</v>
      </c>
      <c r="K5262">
        <f t="shared" si="589"/>
        <v>1.6289247604498795</v>
      </c>
      <c r="L5262">
        <f t="shared" si="590"/>
        <v>7.8188388501594215</v>
      </c>
      <c r="M5262">
        <f t="shared" si="591"/>
        <v>0</v>
      </c>
      <c r="N5262" s="46">
        <f t="shared" si="592"/>
        <v>45509.833333320654</v>
      </c>
    </row>
    <row r="5263" spans="2:14" x14ac:dyDescent="0.3">
      <c r="B5263">
        <f t="shared" si="586"/>
        <v>1</v>
      </c>
      <c r="C5263" s="16">
        <v>5229</v>
      </c>
      <c r="D5263" cm="1">
        <f t="array" ref="D5263">IFERROR(INDEX(Jesper!AH$2:AH$366,ROUNDDOWN($C5263/24,0)+1,1)*INDEX($D$3:$AA$30,INDEX(Jesper!$R$2:$R$366,ROW(INDEX(Jesper!AH$2:AH$366,ROUNDDOWN($C5263/24,0)+1,1))-1)+IF('Standard Profiles'!$G$18=$B$10,7,0)+IF('Standard Profiles'!$G$18=$B$17,14,0)+IF('Standard Profiles'!$G$18=$B$24,21,0),MOD($C5263,24)+1)/SUM(INDEX($D$3:$AA$30,INDEX(Jesper!$R$2:$R$366,ROW(INDEX(Jesper!AH$2:AH$366,ROUNDDOWN($C5263/24,0)+1,1))-1)+IF('Standard Profiles'!$G$18=$B$10,7,0)+IF('Standard Profiles'!$G$18=$B$17,14,0)+IF('Standard Profiles'!$G$18=$B$24,21,0),0)),0)</f>
        <v>7.8978170203630533</v>
      </c>
      <c r="E5263" cm="1">
        <f t="array" ref="E5263">IFERROR(INDEX(Jesper!AI$2:AI$366,ROUNDDOWN($C5263/24,0)+1,1)*INDEX($D$3:$AA$30,INDEX(Jesper!$R$2:$R$366,ROW(INDEX(Jesper!AI$2:AI$366,ROUNDDOWN($C5263/24,0)+1,1))-1)+IF('Standard Profiles'!$G$19=$B$10,7,0)+IF('Standard Profiles'!$G$19=$B$17,14,0)+IF('Standard Profiles'!$G$19=$B$24,21,0),MOD($C5263,24)+1)/SUM(INDEX($D$3:$AA$30,INDEX(Jesper!$R$2:$R$366,ROW(INDEX(Jesper!AI$2:AI$366,ROUNDDOWN($C5263/24,0)+1,1))-1)+IF('Standard Profiles'!$G$19=$B$10,7,0)+IF('Standard Profiles'!$G$19=$B$17,14,0)+IF('Standard Profiles'!$G$19=$B$24,21,0),0)),0)</f>
        <v>0</v>
      </c>
      <c r="F5263" cm="1">
        <f t="array" ref="F5263">IFERROR(INDEX(Jesper!AJ$2:AJ$366,ROUNDDOWN($C5263/24,0)+1,1)*INDEX($D$3:$AA$30,INDEX(Jesper!$R$2:$R$366,ROW(INDEX(Jesper!AJ$2:AJ$366,ROUNDDOWN($C5263/24,0)+1,1))-1)+IF('Standard Profiles'!$G$20=$B$10,7,0)+IF('Standard Profiles'!$G$20=$B$17,14,0)+IF('Standard Profiles'!$G$20=$B$24,21,0),MOD($C5263,24)+1)/SUM(INDEX($D$3:$AA$30,INDEX(Jesper!$R$2:$R$366,ROW(INDEX(Jesper!AJ$2:AJ$366,ROUNDDOWN($C5263/24,0)+1,1))-1)+IF('Standard Profiles'!$G$20=$B$10,7,0)+IF('Standard Profiles'!$G$20=$B$17,14,0)+IF('Standard Profiles'!$G$20=$B$24,21,0),0)),0)</f>
        <v>0</v>
      </c>
      <c r="G5263" cm="1">
        <f t="array" ref="G5263">IFERROR(INDEX(Jesper!AK$2:AK$366,ROUNDDOWN($C5263/24,0)+1,1)*INDEX($D$3:$AA$30,INDEX(Jesper!$R$2:$R$366,ROW(INDEX(Jesper!AK$2:AK$366,ROUNDDOWN($C5263/24,0)+1,1))-1)+IF('Standard Profiles'!$G$21=$B$10,7,0)+IF('Standard Profiles'!$G$21=$B$17,14,0)+IF('Standard Profiles'!$G$21=$B$24,21,0),MOD($C5263,24)+1)/SUM(INDEX($D$3:$AA$30,INDEX(Jesper!$R$2:$R$366,ROW(INDEX(Jesper!AK$2:AK$366,ROUNDDOWN($C5263/24,0)+1,1))-1)+IF('Standard Profiles'!$G$21=$B$10,7,0)+IF('Standard Profiles'!$G$21=$B$17,14,0)+IF('Standard Profiles'!$G$21=$B$24,21,0),0)),0)</f>
        <v>0</v>
      </c>
      <c r="H5263" cm="1">
        <f t="array" ref="H5263">IFERROR(INDEX(Jesper!AL$2:AL$366,ROUNDDOWN($C5263/24,0)+1,1)*INDEX($D$3:$AA$30,INDEX(Jesper!$R$2:$R$366,ROW(INDEX(Jesper!AL$2:AL$366,ROUNDDOWN($C5263/24,0)+1,1))-1)+IF('Standard Profiles'!$G$22=$B$10,7,0)+IF('Standard Profiles'!$G$22=$B$17,14,0)+IF('Standard Profiles'!$G$22=$B$24,21,0),MOD($C5263,24)+1)/SUM(INDEX($D$3:$AA$30,INDEX(Jesper!$R$2:$R$366,ROW(INDEX(Jesper!AL$2:AL$366,ROUNDDOWN($C5263/24,0)+1,1))-1)+IF('Standard Profiles'!$G$22=$B$10,7,0)+IF('Standard Profiles'!$G$22=$B$17,14,0)+IF('Standard Profiles'!$G$22=$B$24,21,0),0)),0)</f>
        <v>0</v>
      </c>
      <c r="I5263">
        <f t="shared" si="587"/>
        <v>0.2369345106108916</v>
      </c>
      <c r="J5263">
        <f t="shared" si="588"/>
        <v>0.78978170203630538</v>
      </c>
      <c r="K5263">
        <f t="shared" si="589"/>
        <v>1.184672553054458</v>
      </c>
      <c r="L5263">
        <f t="shared" si="590"/>
        <v>5.686428254661398</v>
      </c>
      <c r="M5263">
        <f t="shared" si="591"/>
        <v>0</v>
      </c>
      <c r="N5263" s="46">
        <f t="shared" si="592"/>
        <v>45509.874999987318</v>
      </c>
    </row>
    <row r="5264" spans="2:14" x14ac:dyDescent="0.3">
      <c r="B5264">
        <f t="shared" si="586"/>
        <v>1</v>
      </c>
      <c r="C5264" s="16">
        <v>5230</v>
      </c>
      <c r="D5264" cm="1">
        <f t="array" ref="D5264">IFERROR(INDEX(Jesper!AH$2:AH$366,ROUNDDOWN($C5264/24,0)+1,1)*INDEX($D$3:$AA$30,INDEX(Jesper!$R$2:$R$366,ROW(INDEX(Jesper!AH$2:AH$366,ROUNDDOWN($C5264/24,0)+1,1))-1)+IF('Standard Profiles'!$G$18=$B$10,7,0)+IF('Standard Profiles'!$G$18=$B$17,14,0)+IF('Standard Profiles'!$G$18=$B$24,21,0),MOD($C5264,24)+1)/SUM(INDEX($D$3:$AA$30,INDEX(Jesper!$R$2:$R$366,ROW(INDEX(Jesper!AH$2:AH$366,ROUNDDOWN($C5264/24,0)+1,1))-1)+IF('Standard Profiles'!$G$18=$B$10,7,0)+IF('Standard Profiles'!$G$18=$B$17,14,0)+IF('Standard Profiles'!$G$18=$B$24,21,0),0)),0)</f>
        <v>7.5029261693449012</v>
      </c>
      <c r="E5264" cm="1">
        <f t="array" ref="E5264">IFERROR(INDEX(Jesper!AI$2:AI$366,ROUNDDOWN($C5264/24,0)+1,1)*INDEX($D$3:$AA$30,INDEX(Jesper!$R$2:$R$366,ROW(INDEX(Jesper!AI$2:AI$366,ROUNDDOWN($C5264/24,0)+1,1))-1)+IF('Standard Profiles'!$G$19=$B$10,7,0)+IF('Standard Profiles'!$G$19=$B$17,14,0)+IF('Standard Profiles'!$G$19=$B$24,21,0),MOD($C5264,24)+1)/SUM(INDEX($D$3:$AA$30,INDEX(Jesper!$R$2:$R$366,ROW(INDEX(Jesper!AI$2:AI$366,ROUNDDOWN($C5264/24,0)+1,1))-1)+IF('Standard Profiles'!$G$19=$B$10,7,0)+IF('Standard Profiles'!$G$19=$B$17,14,0)+IF('Standard Profiles'!$G$19=$B$24,21,0),0)),0)</f>
        <v>0</v>
      </c>
      <c r="F5264" cm="1">
        <f t="array" ref="F5264">IFERROR(INDEX(Jesper!AJ$2:AJ$366,ROUNDDOWN($C5264/24,0)+1,1)*INDEX($D$3:$AA$30,INDEX(Jesper!$R$2:$R$366,ROW(INDEX(Jesper!AJ$2:AJ$366,ROUNDDOWN($C5264/24,0)+1,1))-1)+IF('Standard Profiles'!$G$20=$B$10,7,0)+IF('Standard Profiles'!$G$20=$B$17,14,0)+IF('Standard Profiles'!$G$20=$B$24,21,0),MOD($C5264,24)+1)/SUM(INDEX($D$3:$AA$30,INDEX(Jesper!$R$2:$R$366,ROW(INDEX(Jesper!AJ$2:AJ$366,ROUNDDOWN($C5264/24,0)+1,1))-1)+IF('Standard Profiles'!$G$20=$B$10,7,0)+IF('Standard Profiles'!$G$20=$B$17,14,0)+IF('Standard Profiles'!$G$20=$B$24,21,0),0)),0)</f>
        <v>0</v>
      </c>
      <c r="G5264" cm="1">
        <f t="array" ref="G5264">IFERROR(INDEX(Jesper!AK$2:AK$366,ROUNDDOWN($C5264/24,0)+1,1)*INDEX($D$3:$AA$30,INDEX(Jesper!$R$2:$R$366,ROW(INDEX(Jesper!AK$2:AK$366,ROUNDDOWN($C5264/24,0)+1,1))-1)+IF('Standard Profiles'!$G$21=$B$10,7,0)+IF('Standard Profiles'!$G$21=$B$17,14,0)+IF('Standard Profiles'!$G$21=$B$24,21,0),MOD($C5264,24)+1)/SUM(INDEX($D$3:$AA$30,INDEX(Jesper!$R$2:$R$366,ROW(INDEX(Jesper!AK$2:AK$366,ROUNDDOWN($C5264/24,0)+1,1))-1)+IF('Standard Profiles'!$G$21=$B$10,7,0)+IF('Standard Profiles'!$G$21=$B$17,14,0)+IF('Standard Profiles'!$G$21=$B$24,21,0),0)),0)</f>
        <v>0</v>
      </c>
      <c r="H5264" cm="1">
        <f t="array" ref="H5264">IFERROR(INDEX(Jesper!AL$2:AL$366,ROUNDDOWN($C5264/24,0)+1,1)*INDEX($D$3:$AA$30,INDEX(Jesper!$R$2:$R$366,ROW(INDEX(Jesper!AL$2:AL$366,ROUNDDOWN($C5264/24,0)+1,1))-1)+IF('Standard Profiles'!$G$22=$B$10,7,0)+IF('Standard Profiles'!$G$22=$B$17,14,0)+IF('Standard Profiles'!$G$22=$B$24,21,0),MOD($C5264,24)+1)/SUM(INDEX($D$3:$AA$30,INDEX(Jesper!$R$2:$R$366,ROW(INDEX(Jesper!AL$2:AL$366,ROUNDDOWN($C5264/24,0)+1,1))-1)+IF('Standard Profiles'!$G$22=$B$10,7,0)+IF('Standard Profiles'!$G$22=$B$17,14,0)+IF('Standard Profiles'!$G$22=$B$24,21,0),0)),0)</f>
        <v>0</v>
      </c>
      <c r="I5264">
        <f t="shared" si="587"/>
        <v>0.22508778508034702</v>
      </c>
      <c r="J5264">
        <f t="shared" si="588"/>
        <v>0.75029261693449012</v>
      </c>
      <c r="K5264">
        <f t="shared" si="589"/>
        <v>1.1254389254017352</v>
      </c>
      <c r="L5264">
        <f t="shared" si="590"/>
        <v>5.4021068419283287</v>
      </c>
      <c r="M5264">
        <f t="shared" si="591"/>
        <v>0</v>
      </c>
      <c r="N5264" s="46">
        <f t="shared" si="592"/>
        <v>45509.916666653982</v>
      </c>
    </row>
    <row r="5265" spans="2:14" x14ac:dyDescent="0.3">
      <c r="B5265">
        <f t="shared" si="586"/>
        <v>1</v>
      </c>
      <c r="C5265" s="16">
        <v>5231</v>
      </c>
      <c r="D5265" cm="1">
        <f t="array" ref="D5265">IFERROR(INDEX(Jesper!AH$2:AH$366,ROUNDDOWN($C5265/24,0)+1,1)*INDEX($D$3:$AA$30,INDEX(Jesper!$R$2:$R$366,ROW(INDEX(Jesper!AH$2:AH$366,ROUNDDOWN($C5265/24,0)+1,1))-1)+IF('Standard Profiles'!$G$18=$B$10,7,0)+IF('Standard Profiles'!$G$18=$B$17,14,0)+IF('Standard Profiles'!$G$18=$B$24,21,0),MOD($C5265,24)+1)/SUM(INDEX($D$3:$AA$30,INDEX(Jesper!$R$2:$R$366,ROW(INDEX(Jesper!AH$2:AH$366,ROUNDDOWN($C5265/24,0)+1,1))-1)+IF('Standard Profiles'!$G$18=$B$10,7,0)+IF('Standard Profiles'!$G$18=$B$17,14,0)+IF('Standard Profiles'!$G$18=$B$24,21,0),0)),0)</f>
        <v>7.5029261693449012</v>
      </c>
      <c r="E5265" cm="1">
        <f t="array" ref="E5265">IFERROR(INDEX(Jesper!AI$2:AI$366,ROUNDDOWN($C5265/24,0)+1,1)*INDEX($D$3:$AA$30,INDEX(Jesper!$R$2:$R$366,ROW(INDEX(Jesper!AI$2:AI$366,ROUNDDOWN($C5265/24,0)+1,1))-1)+IF('Standard Profiles'!$G$19=$B$10,7,0)+IF('Standard Profiles'!$G$19=$B$17,14,0)+IF('Standard Profiles'!$G$19=$B$24,21,0),MOD($C5265,24)+1)/SUM(INDEX($D$3:$AA$30,INDEX(Jesper!$R$2:$R$366,ROW(INDEX(Jesper!AI$2:AI$366,ROUNDDOWN($C5265/24,0)+1,1))-1)+IF('Standard Profiles'!$G$19=$B$10,7,0)+IF('Standard Profiles'!$G$19=$B$17,14,0)+IF('Standard Profiles'!$G$19=$B$24,21,0),0)),0)</f>
        <v>0</v>
      </c>
      <c r="F5265" cm="1">
        <f t="array" ref="F5265">IFERROR(INDEX(Jesper!AJ$2:AJ$366,ROUNDDOWN($C5265/24,0)+1,1)*INDEX($D$3:$AA$30,INDEX(Jesper!$R$2:$R$366,ROW(INDEX(Jesper!AJ$2:AJ$366,ROUNDDOWN($C5265/24,0)+1,1))-1)+IF('Standard Profiles'!$G$20=$B$10,7,0)+IF('Standard Profiles'!$G$20=$B$17,14,0)+IF('Standard Profiles'!$G$20=$B$24,21,0),MOD($C5265,24)+1)/SUM(INDEX($D$3:$AA$30,INDEX(Jesper!$R$2:$R$366,ROW(INDEX(Jesper!AJ$2:AJ$366,ROUNDDOWN($C5265/24,0)+1,1))-1)+IF('Standard Profiles'!$G$20=$B$10,7,0)+IF('Standard Profiles'!$G$20=$B$17,14,0)+IF('Standard Profiles'!$G$20=$B$24,21,0),0)),0)</f>
        <v>0</v>
      </c>
      <c r="G5265" cm="1">
        <f t="array" ref="G5265">IFERROR(INDEX(Jesper!AK$2:AK$366,ROUNDDOWN($C5265/24,0)+1,1)*INDEX($D$3:$AA$30,INDEX(Jesper!$R$2:$R$366,ROW(INDEX(Jesper!AK$2:AK$366,ROUNDDOWN($C5265/24,0)+1,1))-1)+IF('Standard Profiles'!$G$21=$B$10,7,0)+IF('Standard Profiles'!$G$21=$B$17,14,0)+IF('Standard Profiles'!$G$21=$B$24,21,0),MOD($C5265,24)+1)/SUM(INDEX($D$3:$AA$30,INDEX(Jesper!$R$2:$R$366,ROW(INDEX(Jesper!AK$2:AK$366,ROUNDDOWN($C5265/24,0)+1,1))-1)+IF('Standard Profiles'!$G$21=$B$10,7,0)+IF('Standard Profiles'!$G$21=$B$17,14,0)+IF('Standard Profiles'!$G$21=$B$24,21,0),0)),0)</f>
        <v>0</v>
      </c>
      <c r="H5265" cm="1">
        <f t="array" ref="H5265">IFERROR(INDEX(Jesper!AL$2:AL$366,ROUNDDOWN($C5265/24,0)+1,1)*INDEX($D$3:$AA$30,INDEX(Jesper!$R$2:$R$366,ROW(INDEX(Jesper!AL$2:AL$366,ROUNDDOWN($C5265/24,0)+1,1))-1)+IF('Standard Profiles'!$G$22=$B$10,7,0)+IF('Standard Profiles'!$G$22=$B$17,14,0)+IF('Standard Profiles'!$G$22=$B$24,21,0),MOD($C5265,24)+1)/SUM(INDEX($D$3:$AA$30,INDEX(Jesper!$R$2:$R$366,ROW(INDEX(Jesper!AL$2:AL$366,ROUNDDOWN($C5265/24,0)+1,1))-1)+IF('Standard Profiles'!$G$22=$B$10,7,0)+IF('Standard Profiles'!$G$22=$B$17,14,0)+IF('Standard Profiles'!$G$22=$B$24,21,0),0)),0)</f>
        <v>0</v>
      </c>
      <c r="I5265">
        <f t="shared" si="587"/>
        <v>0.22508778508034702</v>
      </c>
      <c r="J5265">
        <f t="shared" si="588"/>
        <v>0.75029261693449012</v>
      </c>
      <c r="K5265">
        <f t="shared" si="589"/>
        <v>1.1254389254017352</v>
      </c>
      <c r="L5265">
        <f t="shared" si="590"/>
        <v>5.4021068419283287</v>
      </c>
      <c r="M5265">
        <f t="shared" si="591"/>
        <v>0</v>
      </c>
      <c r="N5265" s="46">
        <f t="shared" si="592"/>
        <v>45509.958333320646</v>
      </c>
    </row>
    <row r="5266" spans="2:14" x14ac:dyDescent="0.3">
      <c r="B5266">
        <f t="shared" si="586"/>
        <v>2</v>
      </c>
      <c r="C5266" s="16">
        <v>5232</v>
      </c>
      <c r="D5266" cm="1">
        <f t="array" ref="D5266">IFERROR(INDEX(Jesper!AH$2:AH$366,ROUNDDOWN($C5266/24,0)+1,1)*INDEX($D$3:$AA$30,INDEX(Jesper!$R$2:$R$366,ROW(INDEX(Jesper!AH$2:AH$366,ROUNDDOWN($C5266/24,0)+1,1))-1)+IF('Standard Profiles'!$G$18=$B$10,7,0)+IF('Standard Profiles'!$G$18=$B$17,14,0)+IF('Standard Profiles'!$G$18=$B$24,21,0),MOD($C5266,24)+1)/SUM(INDEX($D$3:$AA$30,INDEX(Jesper!$R$2:$R$366,ROW(INDEX(Jesper!AH$2:AH$366,ROUNDDOWN($C5266/24,0)+1,1))-1)+IF('Standard Profiles'!$G$18=$B$10,7,0)+IF('Standard Profiles'!$G$18=$B$17,14,0)+IF('Standard Profiles'!$G$18=$B$24,21,0),0)),0)</f>
        <v>7.0379441489490517</v>
      </c>
      <c r="E5266" cm="1">
        <f t="array" ref="E5266">IFERROR(INDEX(Jesper!AI$2:AI$366,ROUNDDOWN($C5266/24,0)+1,1)*INDEX($D$3:$AA$30,INDEX(Jesper!$R$2:$R$366,ROW(INDEX(Jesper!AI$2:AI$366,ROUNDDOWN($C5266/24,0)+1,1))-1)+IF('Standard Profiles'!$G$19=$B$10,7,0)+IF('Standard Profiles'!$G$19=$B$17,14,0)+IF('Standard Profiles'!$G$19=$B$24,21,0),MOD($C5266,24)+1)/SUM(INDEX($D$3:$AA$30,INDEX(Jesper!$R$2:$R$366,ROW(INDEX(Jesper!AI$2:AI$366,ROUNDDOWN($C5266/24,0)+1,1))-1)+IF('Standard Profiles'!$G$19=$B$10,7,0)+IF('Standard Profiles'!$G$19=$B$17,14,0)+IF('Standard Profiles'!$G$19=$B$24,21,0),0)),0)</f>
        <v>0</v>
      </c>
      <c r="F5266" cm="1">
        <f t="array" ref="F5266">IFERROR(INDEX(Jesper!AJ$2:AJ$366,ROUNDDOWN($C5266/24,0)+1,1)*INDEX($D$3:$AA$30,INDEX(Jesper!$R$2:$R$366,ROW(INDEX(Jesper!AJ$2:AJ$366,ROUNDDOWN($C5266/24,0)+1,1))-1)+IF('Standard Profiles'!$G$20=$B$10,7,0)+IF('Standard Profiles'!$G$20=$B$17,14,0)+IF('Standard Profiles'!$G$20=$B$24,21,0),MOD($C5266,24)+1)/SUM(INDEX($D$3:$AA$30,INDEX(Jesper!$R$2:$R$366,ROW(INDEX(Jesper!AJ$2:AJ$366,ROUNDDOWN($C5266/24,0)+1,1))-1)+IF('Standard Profiles'!$G$20=$B$10,7,0)+IF('Standard Profiles'!$G$20=$B$17,14,0)+IF('Standard Profiles'!$G$20=$B$24,21,0),0)),0)</f>
        <v>0</v>
      </c>
      <c r="G5266" cm="1">
        <f t="array" ref="G5266">IFERROR(INDEX(Jesper!AK$2:AK$366,ROUNDDOWN($C5266/24,0)+1,1)*INDEX($D$3:$AA$30,INDEX(Jesper!$R$2:$R$366,ROW(INDEX(Jesper!AK$2:AK$366,ROUNDDOWN($C5266/24,0)+1,1))-1)+IF('Standard Profiles'!$G$21=$B$10,7,0)+IF('Standard Profiles'!$G$21=$B$17,14,0)+IF('Standard Profiles'!$G$21=$B$24,21,0),MOD($C5266,24)+1)/SUM(INDEX($D$3:$AA$30,INDEX(Jesper!$R$2:$R$366,ROW(INDEX(Jesper!AK$2:AK$366,ROUNDDOWN($C5266/24,0)+1,1))-1)+IF('Standard Profiles'!$G$21=$B$10,7,0)+IF('Standard Profiles'!$G$21=$B$17,14,0)+IF('Standard Profiles'!$G$21=$B$24,21,0),0)),0)</f>
        <v>0</v>
      </c>
      <c r="H5266" cm="1">
        <f t="array" ref="H5266">IFERROR(INDEX(Jesper!AL$2:AL$366,ROUNDDOWN($C5266/24,0)+1,1)*INDEX($D$3:$AA$30,INDEX(Jesper!$R$2:$R$366,ROW(INDEX(Jesper!AL$2:AL$366,ROUNDDOWN($C5266/24,0)+1,1))-1)+IF('Standard Profiles'!$G$22=$B$10,7,0)+IF('Standard Profiles'!$G$22=$B$17,14,0)+IF('Standard Profiles'!$G$22=$B$24,21,0),MOD($C5266,24)+1)/SUM(INDEX($D$3:$AA$30,INDEX(Jesper!$R$2:$R$366,ROW(INDEX(Jesper!AL$2:AL$366,ROUNDDOWN($C5266/24,0)+1,1))-1)+IF('Standard Profiles'!$G$22=$B$10,7,0)+IF('Standard Profiles'!$G$22=$B$17,14,0)+IF('Standard Profiles'!$G$22=$B$24,21,0),0)),0)</f>
        <v>0</v>
      </c>
      <c r="I5266">
        <f t="shared" si="587"/>
        <v>0.21113832446847156</v>
      </c>
      <c r="J5266">
        <f t="shared" si="588"/>
        <v>0.70379441489490524</v>
      </c>
      <c r="K5266">
        <f t="shared" si="589"/>
        <v>1.0556916223423578</v>
      </c>
      <c r="L5266">
        <f t="shared" si="590"/>
        <v>5.0673197872433171</v>
      </c>
      <c r="M5266">
        <f t="shared" si="591"/>
        <v>0</v>
      </c>
      <c r="N5266" s="46">
        <f t="shared" si="592"/>
        <v>45509.999999987311</v>
      </c>
    </row>
    <row r="5267" spans="2:14" x14ac:dyDescent="0.3">
      <c r="B5267">
        <f t="shared" si="586"/>
        <v>2</v>
      </c>
      <c r="C5267" s="16">
        <v>5233</v>
      </c>
      <c r="D5267" cm="1">
        <f t="array" ref="D5267">IFERROR(INDEX(Jesper!AH$2:AH$366,ROUNDDOWN($C5267/24,0)+1,1)*INDEX($D$3:$AA$30,INDEX(Jesper!$R$2:$R$366,ROW(INDEX(Jesper!AH$2:AH$366,ROUNDDOWN($C5267/24,0)+1,1))-1)+IF('Standard Profiles'!$G$18=$B$10,7,0)+IF('Standard Profiles'!$G$18=$B$17,14,0)+IF('Standard Profiles'!$G$18=$B$24,21,0),MOD($C5267,24)+1)/SUM(INDEX($D$3:$AA$30,INDEX(Jesper!$R$2:$R$366,ROW(INDEX(Jesper!AH$2:AH$366,ROUNDDOWN($C5267/24,0)+1,1))-1)+IF('Standard Profiles'!$G$18=$B$10,7,0)+IF('Standard Profiles'!$G$18=$B$17,14,0)+IF('Standard Profiles'!$G$18=$B$24,21,0),0)),0)</f>
        <v>7.0379441489490517</v>
      </c>
      <c r="E5267" cm="1">
        <f t="array" ref="E5267">IFERROR(INDEX(Jesper!AI$2:AI$366,ROUNDDOWN($C5267/24,0)+1,1)*INDEX($D$3:$AA$30,INDEX(Jesper!$R$2:$R$366,ROW(INDEX(Jesper!AI$2:AI$366,ROUNDDOWN($C5267/24,0)+1,1))-1)+IF('Standard Profiles'!$G$19=$B$10,7,0)+IF('Standard Profiles'!$G$19=$B$17,14,0)+IF('Standard Profiles'!$G$19=$B$24,21,0),MOD($C5267,24)+1)/SUM(INDEX($D$3:$AA$30,INDEX(Jesper!$R$2:$R$366,ROW(INDEX(Jesper!AI$2:AI$366,ROUNDDOWN($C5267/24,0)+1,1))-1)+IF('Standard Profiles'!$G$19=$B$10,7,0)+IF('Standard Profiles'!$G$19=$B$17,14,0)+IF('Standard Profiles'!$G$19=$B$24,21,0),0)),0)</f>
        <v>0</v>
      </c>
      <c r="F5267" cm="1">
        <f t="array" ref="F5267">IFERROR(INDEX(Jesper!AJ$2:AJ$366,ROUNDDOWN($C5267/24,0)+1,1)*INDEX($D$3:$AA$30,INDEX(Jesper!$R$2:$R$366,ROW(INDEX(Jesper!AJ$2:AJ$366,ROUNDDOWN($C5267/24,0)+1,1))-1)+IF('Standard Profiles'!$G$20=$B$10,7,0)+IF('Standard Profiles'!$G$20=$B$17,14,0)+IF('Standard Profiles'!$G$20=$B$24,21,0),MOD($C5267,24)+1)/SUM(INDEX($D$3:$AA$30,INDEX(Jesper!$R$2:$R$366,ROW(INDEX(Jesper!AJ$2:AJ$366,ROUNDDOWN($C5267/24,0)+1,1))-1)+IF('Standard Profiles'!$G$20=$B$10,7,0)+IF('Standard Profiles'!$G$20=$B$17,14,0)+IF('Standard Profiles'!$G$20=$B$24,21,0),0)),0)</f>
        <v>0</v>
      </c>
      <c r="G5267" cm="1">
        <f t="array" ref="G5267">IFERROR(INDEX(Jesper!AK$2:AK$366,ROUNDDOWN($C5267/24,0)+1,1)*INDEX($D$3:$AA$30,INDEX(Jesper!$R$2:$R$366,ROW(INDEX(Jesper!AK$2:AK$366,ROUNDDOWN($C5267/24,0)+1,1))-1)+IF('Standard Profiles'!$G$21=$B$10,7,0)+IF('Standard Profiles'!$G$21=$B$17,14,0)+IF('Standard Profiles'!$G$21=$B$24,21,0),MOD($C5267,24)+1)/SUM(INDEX($D$3:$AA$30,INDEX(Jesper!$R$2:$R$366,ROW(INDEX(Jesper!AK$2:AK$366,ROUNDDOWN($C5267/24,0)+1,1))-1)+IF('Standard Profiles'!$G$21=$B$10,7,0)+IF('Standard Profiles'!$G$21=$B$17,14,0)+IF('Standard Profiles'!$G$21=$B$24,21,0),0)),0)</f>
        <v>0</v>
      </c>
      <c r="H5267" cm="1">
        <f t="array" ref="H5267">IFERROR(INDEX(Jesper!AL$2:AL$366,ROUNDDOWN($C5267/24,0)+1,1)*INDEX($D$3:$AA$30,INDEX(Jesper!$R$2:$R$366,ROW(INDEX(Jesper!AL$2:AL$366,ROUNDDOWN($C5267/24,0)+1,1))-1)+IF('Standard Profiles'!$G$22=$B$10,7,0)+IF('Standard Profiles'!$G$22=$B$17,14,0)+IF('Standard Profiles'!$G$22=$B$24,21,0),MOD($C5267,24)+1)/SUM(INDEX($D$3:$AA$30,INDEX(Jesper!$R$2:$R$366,ROW(INDEX(Jesper!AL$2:AL$366,ROUNDDOWN($C5267/24,0)+1,1))-1)+IF('Standard Profiles'!$G$22=$B$10,7,0)+IF('Standard Profiles'!$G$22=$B$17,14,0)+IF('Standard Profiles'!$G$22=$B$24,21,0),0)),0)</f>
        <v>0</v>
      </c>
      <c r="I5267">
        <f t="shared" si="587"/>
        <v>0.21113832446847156</v>
      </c>
      <c r="J5267">
        <f t="shared" si="588"/>
        <v>0.70379441489490524</v>
      </c>
      <c r="K5267">
        <f t="shared" si="589"/>
        <v>1.0556916223423578</v>
      </c>
      <c r="L5267">
        <f t="shared" si="590"/>
        <v>5.0673197872433171</v>
      </c>
      <c r="M5267">
        <f t="shared" si="591"/>
        <v>0</v>
      </c>
      <c r="N5267" s="46">
        <f t="shared" si="592"/>
        <v>45510.041666653975</v>
      </c>
    </row>
    <row r="5268" spans="2:14" x14ac:dyDescent="0.3">
      <c r="B5268">
        <f t="shared" si="586"/>
        <v>2</v>
      </c>
      <c r="C5268" s="16">
        <v>5234</v>
      </c>
      <c r="D5268" cm="1">
        <f t="array" ref="D5268">IFERROR(INDEX(Jesper!AH$2:AH$366,ROUNDDOWN($C5268/24,0)+1,1)*INDEX($D$3:$AA$30,INDEX(Jesper!$R$2:$R$366,ROW(INDEX(Jesper!AH$2:AH$366,ROUNDDOWN($C5268/24,0)+1,1))-1)+IF('Standard Profiles'!$G$18=$B$10,7,0)+IF('Standard Profiles'!$G$18=$B$17,14,0)+IF('Standard Profiles'!$G$18=$B$24,21,0),MOD($C5268,24)+1)/SUM(INDEX($D$3:$AA$30,INDEX(Jesper!$R$2:$R$366,ROW(INDEX(Jesper!AH$2:AH$366,ROUNDDOWN($C5268/24,0)+1,1))-1)+IF('Standard Profiles'!$G$18=$B$10,7,0)+IF('Standard Profiles'!$G$18=$B$17,14,0)+IF('Standard Profiles'!$G$18=$B$24,21,0),0)),0)</f>
        <v>7.0379441489490517</v>
      </c>
      <c r="E5268" cm="1">
        <f t="array" ref="E5268">IFERROR(INDEX(Jesper!AI$2:AI$366,ROUNDDOWN($C5268/24,0)+1,1)*INDEX($D$3:$AA$30,INDEX(Jesper!$R$2:$R$366,ROW(INDEX(Jesper!AI$2:AI$366,ROUNDDOWN($C5268/24,0)+1,1))-1)+IF('Standard Profiles'!$G$19=$B$10,7,0)+IF('Standard Profiles'!$G$19=$B$17,14,0)+IF('Standard Profiles'!$G$19=$B$24,21,0),MOD($C5268,24)+1)/SUM(INDEX($D$3:$AA$30,INDEX(Jesper!$R$2:$R$366,ROW(INDEX(Jesper!AI$2:AI$366,ROUNDDOWN($C5268/24,0)+1,1))-1)+IF('Standard Profiles'!$G$19=$B$10,7,0)+IF('Standard Profiles'!$G$19=$B$17,14,0)+IF('Standard Profiles'!$G$19=$B$24,21,0),0)),0)</f>
        <v>0</v>
      </c>
      <c r="F5268" cm="1">
        <f t="array" ref="F5268">IFERROR(INDEX(Jesper!AJ$2:AJ$366,ROUNDDOWN($C5268/24,0)+1,1)*INDEX($D$3:$AA$30,INDEX(Jesper!$R$2:$R$366,ROW(INDEX(Jesper!AJ$2:AJ$366,ROUNDDOWN($C5268/24,0)+1,1))-1)+IF('Standard Profiles'!$G$20=$B$10,7,0)+IF('Standard Profiles'!$G$20=$B$17,14,0)+IF('Standard Profiles'!$G$20=$B$24,21,0),MOD($C5268,24)+1)/SUM(INDEX($D$3:$AA$30,INDEX(Jesper!$R$2:$R$366,ROW(INDEX(Jesper!AJ$2:AJ$366,ROUNDDOWN($C5268/24,0)+1,1))-1)+IF('Standard Profiles'!$G$20=$B$10,7,0)+IF('Standard Profiles'!$G$20=$B$17,14,0)+IF('Standard Profiles'!$G$20=$B$24,21,0),0)),0)</f>
        <v>0</v>
      </c>
      <c r="G5268" cm="1">
        <f t="array" ref="G5268">IFERROR(INDEX(Jesper!AK$2:AK$366,ROUNDDOWN($C5268/24,0)+1,1)*INDEX($D$3:$AA$30,INDEX(Jesper!$R$2:$R$366,ROW(INDEX(Jesper!AK$2:AK$366,ROUNDDOWN($C5268/24,0)+1,1))-1)+IF('Standard Profiles'!$G$21=$B$10,7,0)+IF('Standard Profiles'!$G$21=$B$17,14,0)+IF('Standard Profiles'!$G$21=$B$24,21,0),MOD($C5268,24)+1)/SUM(INDEX($D$3:$AA$30,INDEX(Jesper!$R$2:$R$366,ROW(INDEX(Jesper!AK$2:AK$366,ROUNDDOWN($C5268/24,0)+1,1))-1)+IF('Standard Profiles'!$G$21=$B$10,7,0)+IF('Standard Profiles'!$G$21=$B$17,14,0)+IF('Standard Profiles'!$G$21=$B$24,21,0),0)),0)</f>
        <v>0</v>
      </c>
      <c r="H5268" cm="1">
        <f t="array" ref="H5268">IFERROR(INDEX(Jesper!AL$2:AL$366,ROUNDDOWN($C5268/24,0)+1,1)*INDEX($D$3:$AA$30,INDEX(Jesper!$R$2:$R$366,ROW(INDEX(Jesper!AL$2:AL$366,ROUNDDOWN($C5268/24,0)+1,1))-1)+IF('Standard Profiles'!$G$22=$B$10,7,0)+IF('Standard Profiles'!$G$22=$B$17,14,0)+IF('Standard Profiles'!$G$22=$B$24,21,0),MOD($C5268,24)+1)/SUM(INDEX($D$3:$AA$30,INDEX(Jesper!$R$2:$R$366,ROW(INDEX(Jesper!AL$2:AL$366,ROUNDDOWN($C5268/24,0)+1,1))-1)+IF('Standard Profiles'!$G$22=$B$10,7,0)+IF('Standard Profiles'!$G$22=$B$17,14,0)+IF('Standard Profiles'!$G$22=$B$24,21,0),0)),0)</f>
        <v>0</v>
      </c>
      <c r="I5268">
        <f t="shared" si="587"/>
        <v>0.21113832446847156</v>
      </c>
      <c r="J5268">
        <f t="shared" si="588"/>
        <v>0.70379441489490524</v>
      </c>
      <c r="K5268">
        <f t="shared" si="589"/>
        <v>1.0556916223423578</v>
      </c>
      <c r="L5268">
        <f t="shared" si="590"/>
        <v>5.0673197872433171</v>
      </c>
      <c r="M5268">
        <f t="shared" si="591"/>
        <v>0</v>
      </c>
      <c r="N5268" s="46">
        <f t="shared" si="592"/>
        <v>45510.083333320639</v>
      </c>
    </row>
    <row r="5269" spans="2:14" x14ac:dyDescent="0.3">
      <c r="B5269">
        <f t="shared" si="586"/>
        <v>2</v>
      </c>
      <c r="C5269" s="16">
        <v>5235</v>
      </c>
      <c r="D5269" cm="1">
        <f t="array" ref="D5269">IFERROR(INDEX(Jesper!AH$2:AH$366,ROUNDDOWN($C5269/24,0)+1,1)*INDEX($D$3:$AA$30,INDEX(Jesper!$R$2:$R$366,ROW(INDEX(Jesper!AH$2:AH$366,ROUNDDOWN($C5269/24,0)+1,1))-1)+IF('Standard Profiles'!$G$18=$B$10,7,0)+IF('Standard Profiles'!$G$18=$B$17,14,0)+IF('Standard Profiles'!$G$18=$B$24,21,0),MOD($C5269,24)+1)/SUM(INDEX($D$3:$AA$30,INDEX(Jesper!$R$2:$R$366,ROW(INDEX(Jesper!AH$2:AH$366,ROUNDDOWN($C5269/24,0)+1,1))-1)+IF('Standard Profiles'!$G$18=$B$10,7,0)+IF('Standard Profiles'!$G$18=$B$17,14,0)+IF('Standard Profiles'!$G$18=$B$24,21,0),0)),0)</f>
        <v>7.0379441489490517</v>
      </c>
      <c r="E5269" cm="1">
        <f t="array" ref="E5269">IFERROR(INDEX(Jesper!AI$2:AI$366,ROUNDDOWN($C5269/24,0)+1,1)*INDEX($D$3:$AA$30,INDEX(Jesper!$R$2:$R$366,ROW(INDEX(Jesper!AI$2:AI$366,ROUNDDOWN($C5269/24,0)+1,1))-1)+IF('Standard Profiles'!$G$19=$B$10,7,0)+IF('Standard Profiles'!$G$19=$B$17,14,0)+IF('Standard Profiles'!$G$19=$B$24,21,0),MOD($C5269,24)+1)/SUM(INDEX($D$3:$AA$30,INDEX(Jesper!$R$2:$R$366,ROW(INDEX(Jesper!AI$2:AI$366,ROUNDDOWN($C5269/24,0)+1,1))-1)+IF('Standard Profiles'!$G$19=$B$10,7,0)+IF('Standard Profiles'!$G$19=$B$17,14,0)+IF('Standard Profiles'!$G$19=$B$24,21,0),0)),0)</f>
        <v>0</v>
      </c>
      <c r="F5269" cm="1">
        <f t="array" ref="F5269">IFERROR(INDEX(Jesper!AJ$2:AJ$366,ROUNDDOWN($C5269/24,0)+1,1)*INDEX($D$3:$AA$30,INDEX(Jesper!$R$2:$R$366,ROW(INDEX(Jesper!AJ$2:AJ$366,ROUNDDOWN($C5269/24,0)+1,1))-1)+IF('Standard Profiles'!$G$20=$B$10,7,0)+IF('Standard Profiles'!$G$20=$B$17,14,0)+IF('Standard Profiles'!$G$20=$B$24,21,0),MOD($C5269,24)+1)/SUM(INDEX($D$3:$AA$30,INDEX(Jesper!$R$2:$R$366,ROW(INDEX(Jesper!AJ$2:AJ$366,ROUNDDOWN($C5269/24,0)+1,1))-1)+IF('Standard Profiles'!$G$20=$B$10,7,0)+IF('Standard Profiles'!$G$20=$B$17,14,0)+IF('Standard Profiles'!$G$20=$B$24,21,0),0)),0)</f>
        <v>0</v>
      </c>
      <c r="G5269" cm="1">
        <f t="array" ref="G5269">IFERROR(INDEX(Jesper!AK$2:AK$366,ROUNDDOWN($C5269/24,0)+1,1)*INDEX($D$3:$AA$30,INDEX(Jesper!$R$2:$R$366,ROW(INDEX(Jesper!AK$2:AK$366,ROUNDDOWN($C5269/24,0)+1,1))-1)+IF('Standard Profiles'!$G$21=$B$10,7,0)+IF('Standard Profiles'!$G$21=$B$17,14,0)+IF('Standard Profiles'!$G$21=$B$24,21,0),MOD($C5269,24)+1)/SUM(INDEX($D$3:$AA$30,INDEX(Jesper!$R$2:$R$366,ROW(INDEX(Jesper!AK$2:AK$366,ROUNDDOWN($C5269/24,0)+1,1))-1)+IF('Standard Profiles'!$G$21=$B$10,7,0)+IF('Standard Profiles'!$G$21=$B$17,14,0)+IF('Standard Profiles'!$G$21=$B$24,21,0),0)),0)</f>
        <v>0</v>
      </c>
      <c r="H5269" cm="1">
        <f t="array" ref="H5269">IFERROR(INDEX(Jesper!AL$2:AL$366,ROUNDDOWN($C5269/24,0)+1,1)*INDEX($D$3:$AA$30,INDEX(Jesper!$R$2:$R$366,ROW(INDEX(Jesper!AL$2:AL$366,ROUNDDOWN($C5269/24,0)+1,1))-1)+IF('Standard Profiles'!$G$22=$B$10,7,0)+IF('Standard Profiles'!$G$22=$B$17,14,0)+IF('Standard Profiles'!$G$22=$B$24,21,0),MOD($C5269,24)+1)/SUM(INDEX($D$3:$AA$30,INDEX(Jesper!$R$2:$R$366,ROW(INDEX(Jesper!AL$2:AL$366,ROUNDDOWN($C5269/24,0)+1,1))-1)+IF('Standard Profiles'!$G$22=$B$10,7,0)+IF('Standard Profiles'!$G$22=$B$17,14,0)+IF('Standard Profiles'!$G$22=$B$24,21,0),0)),0)</f>
        <v>0</v>
      </c>
      <c r="I5269">
        <f t="shared" si="587"/>
        <v>0.21113832446847156</v>
      </c>
      <c r="J5269">
        <f t="shared" si="588"/>
        <v>0.70379441489490524</v>
      </c>
      <c r="K5269">
        <f t="shared" si="589"/>
        <v>1.0556916223423578</v>
      </c>
      <c r="L5269">
        <f t="shared" si="590"/>
        <v>5.0673197872433171</v>
      </c>
      <c r="M5269">
        <f t="shared" si="591"/>
        <v>0</v>
      </c>
      <c r="N5269" s="46">
        <f t="shared" si="592"/>
        <v>45510.124999987303</v>
      </c>
    </row>
    <row r="5270" spans="2:14" x14ac:dyDescent="0.3">
      <c r="B5270">
        <f t="shared" si="586"/>
        <v>2</v>
      </c>
      <c r="C5270" s="16">
        <v>5236</v>
      </c>
      <c r="D5270" cm="1">
        <f t="array" ref="D5270">IFERROR(INDEX(Jesper!AH$2:AH$366,ROUNDDOWN($C5270/24,0)+1,1)*INDEX($D$3:$AA$30,INDEX(Jesper!$R$2:$R$366,ROW(INDEX(Jesper!AH$2:AH$366,ROUNDDOWN($C5270/24,0)+1,1))-1)+IF('Standard Profiles'!$G$18=$B$10,7,0)+IF('Standard Profiles'!$G$18=$B$17,14,0)+IF('Standard Profiles'!$G$18=$B$24,21,0),MOD($C5270,24)+1)/SUM(INDEX($D$3:$AA$30,INDEX(Jesper!$R$2:$R$366,ROW(INDEX(Jesper!AH$2:AH$366,ROUNDDOWN($C5270/24,0)+1,1))-1)+IF('Standard Profiles'!$G$18=$B$10,7,0)+IF('Standard Profiles'!$G$18=$B$17,14,0)+IF('Standard Profiles'!$G$18=$B$24,21,0),0)),0)</f>
        <v>7.0379441489490517</v>
      </c>
      <c r="E5270" cm="1">
        <f t="array" ref="E5270">IFERROR(INDEX(Jesper!AI$2:AI$366,ROUNDDOWN($C5270/24,0)+1,1)*INDEX($D$3:$AA$30,INDEX(Jesper!$R$2:$R$366,ROW(INDEX(Jesper!AI$2:AI$366,ROUNDDOWN($C5270/24,0)+1,1))-1)+IF('Standard Profiles'!$G$19=$B$10,7,0)+IF('Standard Profiles'!$G$19=$B$17,14,0)+IF('Standard Profiles'!$G$19=$B$24,21,0),MOD($C5270,24)+1)/SUM(INDEX($D$3:$AA$30,INDEX(Jesper!$R$2:$R$366,ROW(INDEX(Jesper!AI$2:AI$366,ROUNDDOWN($C5270/24,0)+1,1))-1)+IF('Standard Profiles'!$G$19=$B$10,7,0)+IF('Standard Profiles'!$G$19=$B$17,14,0)+IF('Standard Profiles'!$G$19=$B$24,21,0),0)),0)</f>
        <v>0</v>
      </c>
      <c r="F5270" cm="1">
        <f t="array" ref="F5270">IFERROR(INDEX(Jesper!AJ$2:AJ$366,ROUNDDOWN($C5270/24,0)+1,1)*INDEX($D$3:$AA$30,INDEX(Jesper!$R$2:$R$366,ROW(INDEX(Jesper!AJ$2:AJ$366,ROUNDDOWN($C5270/24,0)+1,1))-1)+IF('Standard Profiles'!$G$20=$B$10,7,0)+IF('Standard Profiles'!$G$20=$B$17,14,0)+IF('Standard Profiles'!$G$20=$B$24,21,0),MOD($C5270,24)+1)/SUM(INDEX($D$3:$AA$30,INDEX(Jesper!$R$2:$R$366,ROW(INDEX(Jesper!AJ$2:AJ$366,ROUNDDOWN($C5270/24,0)+1,1))-1)+IF('Standard Profiles'!$G$20=$B$10,7,0)+IF('Standard Profiles'!$G$20=$B$17,14,0)+IF('Standard Profiles'!$G$20=$B$24,21,0),0)),0)</f>
        <v>0</v>
      </c>
      <c r="G5270" cm="1">
        <f t="array" ref="G5270">IFERROR(INDEX(Jesper!AK$2:AK$366,ROUNDDOWN($C5270/24,0)+1,1)*INDEX($D$3:$AA$30,INDEX(Jesper!$R$2:$R$366,ROW(INDEX(Jesper!AK$2:AK$366,ROUNDDOWN($C5270/24,0)+1,1))-1)+IF('Standard Profiles'!$G$21=$B$10,7,0)+IF('Standard Profiles'!$G$21=$B$17,14,0)+IF('Standard Profiles'!$G$21=$B$24,21,0),MOD($C5270,24)+1)/SUM(INDEX($D$3:$AA$30,INDEX(Jesper!$R$2:$R$366,ROW(INDEX(Jesper!AK$2:AK$366,ROUNDDOWN($C5270/24,0)+1,1))-1)+IF('Standard Profiles'!$G$21=$B$10,7,0)+IF('Standard Profiles'!$G$21=$B$17,14,0)+IF('Standard Profiles'!$G$21=$B$24,21,0),0)),0)</f>
        <v>0</v>
      </c>
      <c r="H5270" cm="1">
        <f t="array" ref="H5270">IFERROR(INDEX(Jesper!AL$2:AL$366,ROUNDDOWN($C5270/24,0)+1,1)*INDEX($D$3:$AA$30,INDEX(Jesper!$R$2:$R$366,ROW(INDEX(Jesper!AL$2:AL$366,ROUNDDOWN($C5270/24,0)+1,1))-1)+IF('Standard Profiles'!$G$22=$B$10,7,0)+IF('Standard Profiles'!$G$22=$B$17,14,0)+IF('Standard Profiles'!$G$22=$B$24,21,0),MOD($C5270,24)+1)/SUM(INDEX($D$3:$AA$30,INDEX(Jesper!$R$2:$R$366,ROW(INDEX(Jesper!AL$2:AL$366,ROUNDDOWN($C5270/24,0)+1,1))-1)+IF('Standard Profiles'!$G$22=$B$10,7,0)+IF('Standard Profiles'!$G$22=$B$17,14,0)+IF('Standard Profiles'!$G$22=$B$24,21,0),0)),0)</f>
        <v>0</v>
      </c>
      <c r="I5270">
        <f t="shared" si="587"/>
        <v>0.21113832446847156</v>
      </c>
      <c r="J5270">
        <f t="shared" si="588"/>
        <v>0.70379441489490524</v>
      </c>
      <c r="K5270">
        <f t="shared" si="589"/>
        <v>1.0556916223423578</v>
      </c>
      <c r="L5270">
        <f t="shared" si="590"/>
        <v>5.0673197872433171</v>
      </c>
      <c r="M5270">
        <f t="shared" si="591"/>
        <v>0</v>
      </c>
      <c r="N5270" s="46">
        <f t="shared" si="592"/>
        <v>45510.166666653968</v>
      </c>
    </row>
    <row r="5271" spans="2:14" x14ac:dyDescent="0.3">
      <c r="B5271">
        <f t="shared" si="586"/>
        <v>2</v>
      </c>
      <c r="C5271" s="16">
        <v>5237</v>
      </c>
      <c r="D5271" cm="1">
        <f t="array" ref="D5271">IFERROR(INDEX(Jesper!AH$2:AH$366,ROUNDDOWN($C5271/24,0)+1,1)*INDEX($D$3:$AA$30,INDEX(Jesper!$R$2:$R$366,ROW(INDEX(Jesper!AH$2:AH$366,ROUNDDOWN($C5271/24,0)+1,1))-1)+IF('Standard Profiles'!$G$18=$B$10,7,0)+IF('Standard Profiles'!$G$18=$B$17,14,0)+IF('Standard Profiles'!$G$18=$B$24,21,0),MOD($C5271,24)+1)/SUM(INDEX($D$3:$AA$30,INDEX(Jesper!$R$2:$R$366,ROW(INDEX(Jesper!AH$2:AH$366,ROUNDDOWN($C5271/24,0)+1,1))-1)+IF('Standard Profiles'!$G$18=$B$10,7,0)+IF('Standard Profiles'!$G$18=$B$17,14,0)+IF('Standard Profiles'!$G$18=$B$24,21,0),0)),0)</f>
        <v>9.1493273936337669</v>
      </c>
      <c r="E5271" cm="1">
        <f t="array" ref="E5271">IFERROR(INDEX(Jesper!AI$2:AI$366,ROUNDDOWN($C5271/24,0)+1,1)*INDEX($D$3:$AA$30,INDEX(Jesper!$R$2:$R$366,ROW(INDEX(Jesper!AI$2:AI$366,ROUNDDOWN($C5271/24,0)+1,1))-1)+IF('Standard Profiles'!$G$19=$B$10,7,0)+IF('Standard Profiles'!$G$19=$B$17,14,0)+IF('Standard Profiles'!$G$19=$B$24,21,0),MOD($C5271,24)+1)/SUM(INDEX($D$3:$AA$30,INDEX(Jesper!$R$2:$R$366,ROW(INDEX(Jesper!AI$2:AI$366,ROUNDDOWN($C5271/24,0)+1,1))-1)+IF('Standard Profiles'!$G$19=$B$10,7,0)+IF('Standard Profiles'!$G$19=$B$17,14,0)+IF('Standard Profiles'!$G$19=$B$24,21,0),0)),0)</f>
        <v>0</v>
      </c>
      <c r="F5271" cm="1">
        <f t="array" ref="F5271">IFERROR(INDEX(Jesper!AJ$2:AJ$366,ROUNDDOWN($C5271/24,0)+1,1)*INDEX($D$3:$AA$30,INDEX(Jesper!$R$2:$R$366,ROW(INDEX(Jesper!AJ$2:AJ$366,ROUNDDOWN($C5271/24,0)+1,1))-1)+IF('Standard Profiles'!$G$20=$B$10,7,0)+IF('Standard Profiles'!$G$20=$B$17,14,0)+IF('Standard Profiles'!$G$20=$B$24,21,0),MOD($C5271,24)+1)/SUM(INDEX($D$3:$AA$30,INDEX(Jesper!$R$2:$R$366,ROW(INDEX(Jesper!AJ$2:AJ$366,ROUNDDOWN($C5271/24,0)+1,1))-1)+IF('Standard Profiles'!$G$20=$B$10,7,0)+IF('Standard Profiles'!$G$20=$B$17,14,0)+IF('Standard Profiles'!$G$20=$B$24,21,0),0)),0)</f>
        <v>0</v>
      </c>
      <c r="G5271" cm="1">
        <f t="array" ref="G5271">IFERROR(INDEX(Jesper!AK$2:AK$366,ROUNDDOWN($C5271/24,0)+1,1)*INDEX($D$3:$AA$30,INDEX(Jesper!$R$2:$R$366,ROW(INDEX(Jesper!AK$2:AK$366,ROUNDDOWN($C5271/24,0)+1,1))-1)+IF('Standard Profiles'!$G$21=$B$10,7,0)+IF('Standard Profiles'!$G$21=$B$17,14,0)+IF('Standard Profiles'!$G$21=$B$24,21,0),MOD($C5271,24)+1)/SUM(INDEX($D$3:$AA$30,INDEX(Jesper!$R$2:$R$366,ROW(INDEX(Jesper!AK$2:AK$366,ROUNDDOWN($C5271/24,0)+1,1))-1)+IF('Standard Profiles'!$G$21=$B$10,7,0)+IF('Standard Profiles'!$G$21=$B$17,14,0)+IF('Standard Profiles'!$G$21=$B$24,21,0),0)),0)</f>
        <v>0</v>
      </c>
      <c r="H5271" cm="1">
        <f t="array" ref="H5271">IFERROR(INDEX(Jesper!AL$2:AL$366,ROUNDDOWN($C5271/24,0)+1,1)*INDEX($D$3:$AA$30,INDEX(Jesper!$R$2:$R$366,ROW(INDEX(Jesper!AL$2:AL$366,ROUNDDOWN($C5271/24,0)+1,1))-1)+IF('Standard Profiles'!$G$22=$B$10,7,0)+IF('Standard Profiles'!$G$22=$B$17,14,0)+IF('Standard Profiles'!$G$22=$B$24,21,0),MOD($C5271,24)+1)/SUM(INDEX($D$3:$AA$30,INDEX(Jesper!$R$2:$R$366,ROW(INDEX(Jesper!AL$2:AL$366,ROUNDDOWN($C5271/24,0)+1,1))-1)+IF('Standard Profiles'!$G$22=$B$10,7,0)+IF('Standard Profiles'!$G$22=$B$17,14,0)+IF('Standard Profiles'!$G$22=$B$24,21,0),0)),0)</f>
        <v>0</v>
      </c>
      <c r="I5271">
        <f t="shared" si="587"/>
        <v>0.27447982180901298</v>
      </c>
      <c r="J5271">
        <f t="shared" si="588"/>
        <v>0.91493273936337671</v>
      </c>
      <c r="K5271">
        <f t="shared" si="589"/>
        <v>1.3723991090450649</v>
      </c>
      <c r="L5271">
        <f t="shared" si="590"/>
        <v>6.5875157234163115</v>
      </c>
      <c r="M5271">
        <f t="shared" si="591"/>
        <v>0</v>
      </c>
      <c r="N5271" s="46">
        <f t="shared" si="592"/>
        <v>45510.208333320632</v>
      </c>
    </row>
    <row r="5272" spans="2:14" x14ac:dyDescent="0.3">
      <c r="B5272">
        <f t="shared" si="586"/>
        <v>2</v>
      </c>
      <c r="C5272" s="16">
        <v>5238</v>
      </c>
      <c r="D5272" cm="1">
        <f t="array" ref="D5272">IFERROR(INDEX(Jesper!AH$2:AH$366,ROUNDDOWN($C5272/24,0)+1,1)*INDEX($D$3:$AA$30,INDEX(Jesper!$R$2:$R$366,ROW(INDEX(Jesper!AH$2:AH$366,ROUNDDOWN($C5272/24,0)+1,1))-1)+IF('Standard Profiles'!$G$18=$B$10,7,0)+IF('Standard Profiles'!$G$18=$B$17,14,0)+IF('Standard Profiles'!$G$18=$B$24,21,0),MOD($C5272,24)+1)/SUM(INDEX($D$3:$AA$30,INDEX(Jesper!$R$2:$R$366,ROW(INDEX(Jesper!AH$2:AH$366,ROUNDDOWN($C5272/24,0)+1,1))-1)+IF('Standard Profiles'!$G$18=$B$10,7,0)+IF('Standard Profiles'!$G$18=$B$17,14,0)+IF('Standard Profiles'!$G$18=$B$24,21,0),0)),0)</f>
        <v>10.205019015976124</v>
      </c>
      <c r="E5272" cm="1">
        <f t="array" ref="E5272">IFERROR(INDEX(Jesper!AI$2:AI$366,ROUNDDOWN($C5272/24,0)+1,1)*INDEX($D$3:$AA$30,INDEX(Jesper!$R$2:$R$366,ROW(INDEX(Jesper!AI$2:AI$366,ROUNDDOWN($C5272/24,0)+1,1))-1)+IF('Standard Profiles'!$G$19=$B$10,7,0)+IF('Standard Profiles'!$G$19=$B$17,14,0)+IF('Standard Profiles'!$G$19=$B$24,21,0),MOD($C5272,24)+1)/SUM(INDEX($D$3:$AA$30,INDEX(Jesper!$R$2:$R$366,ROW(INDEX(Jesper!AI$2:AI$366,ROUNDDOWN($C5272/24,0)+1,1))-1)+IF('Standard Profiles'!$G$19=$B$10,7,0)+IF('Standard Profiles'!$G$19=$B$17,14,0)+IF('Standard Profiles'!$G$19=$B$24,21,0),0)),0)</f>
        <v>0</v>
      </c>
      <c r="F5272" cm="1">
        <f t="array" ref="F5272">IFERROR(INDEX(Jesper!AJ$2:AJ$366,ROUNDDOWN($C5272/24,0)+1,1)*INDEX($D$3:$AA$30,INDEX(Jesper!$R$2:$R$366,ROW(INDEX(Jesper!AJ$2:AJ$366,ROUNDDOWN($C5272/24,0)+1,1))-1)+IF('Standard Profiles'!$G$20=$B$10,7,0)+IF('Standard Profiles'!$G$20=$B$17,14,0)+IF('Standard Profiles'!$G$20=$B$24,21,0),MOD($C5272,24)+1)/SUM(INDEX($D$3:$AA$30,INDEX(Jesper!$R$2:$R$366,ROW(INDEX(Jesper!AJ$2:AJ$366,ROUNDDOWN($C5272/24,0)+1,1))-1)+IF('Standard Profiles'!$G$20=$B$10,7,0)+IF('Standard Profiles'!$G$20=$B$17,14,0)+IF('Standard Profiles'!$G$20=$B$24,21,0),0)),0)</f>
        <v>0</v>
      </c>
      <c r="G5272" cm="1">
        <f t="array" ref="G5272">IFERROR(INDEX(Jesper!AK$2:AK$366,ROUNDDOWN($C5272/24,0)+1,1)*INDEX($D$3:$AA$30,INDEX(Jesper!$R$2:$R$366,ROW(INDEX(Jesper!AK$2:AK$366,ROUNDDOWN($C5272/24,0)+1,1))-1)+IF('Standard Profiles'!$G$21=$B$10,7,0)+IF('Standard Profiles'!$G$21=$B$17,14,0)+IF('Standard Profiles'!$G$21=$B$24,21,0),MOD($C5272,24)+1)/SUM(INDEX($D$3:$AA$30,INDEX(Jesper!$R$2:$R$366,ROW(INDEX(Jesper!AK$2:AK$366,ROUNDDOWN($C5272/24,0)+1,1))-1)+IF('Standard Profiles'!$G$21=$B$10,7,0)+IF('Standard Profiles'!$G$21=$B$17,14,0)+IF('Standard Profiles'!$G$21=$B$24,21,0),0)),0)</f>
        <v>0</v>
      </c>
      <c r="H5272" cm="1">
        <f t="array" ref="H5272">IFERROR(INDEX(Jesper!AL$2:AL$366,ROUNDDOWN($C5272/24,0)+1,1)*INDEX($D$3:$AA$30,INDEX(Jesper!$R$2:$R$366,ROW(INDEX(Jesper!AL$2:AL$366,ROUNDDOWN($C5272/24,0)+1,1))-1)+IF('Standard Profiles'!$G$22=$B$10,7,0)+IF('Standard Profiles'!$G$22=$B$17,14,0)+IF('Standard Profiles'!$G$22=$B$24,21,0),MOD($C5272,24)+1)/SUM(INDEX($D$3:$AA$30,INDEX(Jesper!$R$2:$R$366,ROW(INDEX(Jesper!AL$2:AL$366,ROUNDDOWN($C5272/24,0)+1,1))-1)+IF('Standard Profiles'!$G$22=$B$10,7,0)+IF('Standard Profiles'!$G$22=$B$17,14,0)+IF('Standard Profiles'!$G$22=$B$24,21,0),0)),0)</f>
        <v>0</v>
      </c>
      <c r="I5272">
        <f t="shared" si="587"/>
        <v>0.30615057047928368</v>
      </c>
      <c r="J5272">
        <f t="shared" si="588"/>
        <v>1.0205019015976124</v>
      </c>
      <c r="K5272">
        <f t="shared" si="589"/>
        <v>1.5307528523964185</v>
      </c>
      <c r="L5272">
        <f t="shared" si="590"/>
        <v>7.3476136915028087</v>
      </c>
      <c r="M5272">
        <f t="shared" si="591"/>
        <v>0</v>
      </c>
      <c r="N5272" s="46">
        <f t="shared" si="592"/>
        <v>45510.249999987296</v>
      </c>
    </row>
    <row r="5273" spans="2:14" x14ac:dyDescent="0.3">
      <c r="B5273">
        <f t="shared" si="586"/>
        <v>2</v>
      </c>
      <c r="C5273" s="16">
        <v>5239</v>
      </c>
      <c r="D5273" cm="1">
        <f t="array" ref="D5273">IFERROR(INDEX(Jesper!AH$2:AH$366,ROUNDDOWN($C5273/24,0)+1,1)*INDEX($D$3:$AA$30,INDEX(Jesper!$R$2:$R$366,ROW(INDEX(Jesper!AH$2:AH$366,ROUNDDOWN($C5273/24,0)+1,1))-1)+IF('Standard Profiles'!$G$18=$B$10,7,0)+IF('Standard Profiles'!$G$18=$B$17,14,0)+IF('Standard Profiles'!$G$18=$B$24,21,0),MOD($C5273,24)+1)/SUM(INDEX($D$3:$AA$30,INDEX(Jesper!$R$2:$R$366,ROW(INDEX(Jesper!AH$2:AH$366,ROUNDDOWN($C5273/24,0)+1,1))-1)+IF('Standard Profiles'!$G$18=$B$10,7,0)+IF('Standard Profiles'!$G$18=$B$17,14,0)+IF('Standard Profiles'!$G$18=$B$24,21,0),0)),0)</f>
        <v>10.556916223423576</v>
      </c>
      <c r="E5273" cm="1">
        <f t="array" ref="E5273">IFERROR(INDEX(Jesper!AI$2:AI$366,ROUNDDOWN($C5273/24,0)+1,1)*INDEX($D$3:$AA$30,INDEX(Jesper!$R$2:$R$366,ROW(INDEX(Jesper!AI$2:AI$366,ROUNDDOWN($C5273/24,0)+1,1))-1)+IF('Standard Profiles'!$G$19=$B$10,7,0)+IF('Standard Profiles'!$G$19=$B$17,14,0)+IF('Standard Profiles'!$G$19=$B$24,21,0),MOD($C5273,24)+1)/SUM(INDEX($D$3:$AA$30,INDEX(Jesper!$R$2:$R$366,ROW(INDEX(Jesper!AI$2:AI$366,ROUNDDOWN($C5273/24,0)+1,1))-1)+IF('Standard Profiles'!$G$19=$B$10,7,0)+IF('Standard Profiles'!$G$19=$B$17,14,0)+IF('Standard Profiles'!$G$19=$B$24,21,0),0)),0)</f>
        <v>0</v>
      </c>
      <c r="F5273" cm="1">
        <f t="array" ref="F5273">IFERROR(INDEX(Jesper!AJ$2:AJ$366,ROUNDDOWN($C5273/24,0)+1,1)*INDEX($D$3:$AA$30,INDEX(Jesper!$R$2:$R$366,ROW(INDEX(Jesper!AJ$2:AJ$366,ROUNDDOWN($C5273/24,0)+1,1))-1)+IF('Standard Profiles'!$G$20=$B$10,7,0)+IF('Standard Profiles'!$G$20=$B$17,14,0)+IF('Standard Profiles'!$G$20=$B$24,21,0),MOD($C5273,24)+1)/SUM(INDEX($D$3:$AA$30,INDEX(Jesper!$R$2:$R$366,ROW(INDEX(Jesper!AJ$2:AJ$366,ROUNDDOWN($C5273/24,0)+1,1))-1)+IF('Standard Profiles'!$G$20=$B$10,7,0)+IF('Standard Profiles'!$G$20=$B$17,14,0)+IF('Standard Profiles'!$G$20=$B$24,21,0),0)),0)</f>
        <v>0</v>
      </c>
      <c r="G5273" cm="1">
        <f t="array" ref="G5273">IFERROR(INDEX(Jesper!AK$2:AK$366,ROUNDDOWN($C5273/24,0)+1,1)*INDEX($D$3:$AA$30,INDEX(Jesper!$R$2:$R$366,ROW(INDEX(Jesper!AK$2:AK$366,ROUNDDOWN($C5273/24,0)+1,1))-1)+IF('Standard Profiles'!$G$21=$B$10,7,0)+IF('Standard Profiles'!$G$21=$B$17,14,0)+IF('Standard Profiles'!$G$21=$B$24,21,0),MOD($C5273,24)+1)/SUM(INDEX($D$3:$AA$30,INDEX(Jesper!$R$2:$R$366,ROW(INDEX(Jesper!AK$2:AK$366,ROUNDDOWN($C5273/24,0)+1,1))-1)+IF('Standard Profiles'!$G$21=$B$10,7,0)+IF('Standard Profiles'!$G$21=$B$17,14,0)+IF('Standard Profiles'!$G$21=$B$24,21,0),0)),0)</f>
        <v>0</v>
      </c>
      <c r="H5273" cm="1">
        <f t="array" ref="H5273">IFERROR(INDEX(Jesper!AL$2:AL$366,ROUNDDOWN($C5273/24,0)+1,1)*INDEX($D$3:$AA$30,INDEX(Jesper!$R$2:$R$366,ROW(INDEX(Jesper!AL$2:AL$366,ROUNDDOWN($C5273/24,0)+1,1))-1)+IF('Standard Profiles'!$G$22=$B$10,7,0)+IF('Standard Profiles'!$G$22=$B$17,14,0)+IF('Standard Profiles'!$G$22=$B$24,21,0),MOD($C5273,24)+1)/SUM(INDEX($D$3:$AA$30,INDEX(Jesper!$R$2:$R$366,ROW(INDEX(Jesper!AL$2:AL$366,ROUNDDOWN($C5273/24,0)+1,1))-1)+IF('Standard Profiles'!$G$22=$B$10,7,0)+IF('Standard Profiles'!$G$22=$B$17,14,0)+IF('Standard Profiles'!$G$22=$B$24,21,0),0)),0)</f>
        <v>0</v>
      </c>
      <c r="I5273">
        <f t="shared" si="587"/>
        <v>0.31670748670270726</v>
      </c>
      <c r="J5273">
        <f t="shared" si="588"/>
        <v>1.0556916223423576</v>
      </c>
      <c r="K5273">
        <f t="shared" si="589"/>
        <v>1.5835374335135364</v>
      </c>
      <c r="L5273">
        <f t="shared" si="590"/>
        <v>7.6009796808649739</v>
      </c>
      <c r="M5273">
        <f t="shared" si="591"/>
        <v>0</v>
      </c>
      <c r="N5273" s="46">
        <f t="shared" si="592"/>
        <v>45510.29166665396</v>
      </c>
    </row>
    <row r="5274" spans="2:14" x14ac:dyDescent="0.3">
      <c r="B5274">
        <f t="shared" si="586"/>
        <v>2</v>
      </c>
      <c r="C5274" s="16">
        <v>5240</v>
      </c>
      <c r="D5274" cm="1">
        <f t="array" ref="D5274">IFERROR(INDEX(Jesper!AH$2:AH$366,ROUNDDOWN($C5274/24,0)+1,1)*INDEX($D$3:$AA$30,INDEX(Jesper!$R$2:$R$366,ROW(INDEX(Jesper!AH$2:AH$366,ROUNDDOWN($C5274/24,0)+1,1))-1)+IF('Standard Profiles'!$G$18=$B$10,7,0)+IF('Standard Profiles'!$G$18=$B$17,14,0)+IF('Standard Profiles'!$G$18=$B$24,21,0),MOD($C5274,24)+1)/SUM(INDEX($D$3:$AA$30,INDEX(Jesper!$R$2:$R$366,ROW(INDEX(Jesper!AH$2:AH$366,ROUNDDOWN($C5274/24,0)+1,1))-1)+IF('Standard Profiles'!$G$18=$B$10,7,0)+IF('Standard Profiles'!$G$18=$B$17,14,0)+IF('Standard Profiles'!$G$18=$B$24,21,0),0)),0)</f>
        <v>10.556916223423576</v>
      </c>
      <c r="E5274" cm="1">
        <f t="array" ref="E5274">IFERROR(INDEX(Jesper!AI$2:AI$366,ROUNDDOWN($C5274/24,0)+1,1)*INDEX($D$3:$AA$30,INDEX(Jesper!$R$2:$R$366,ROW(INDEX(Jesper!AI$2:AI$366,ROUNDDOWN($C5274/24,0)+1,1))-1)+IF('Standard Profiles'!$G$19=$B$10,7,0)+IF('Standard Profiles'!$G$19=$B$17,14,0)+IF('Standard Profiles'!$G$19=$B$24,21,0),MOD($C5274,24)+1)/SUM(INDEX($D$3:$AA$30,INDEX(Jesper!$R$2:$R$366,ROW(INDEX(Jesper!AI$2:AI$366,ROUNDDOWN($C5274/24,0)+1,1))-1)+IF('Standard Profiles'!$G$19=$B$10,7,0)+IF('Standard Profiles'!$G$19=$B$17,14,0)+IF('Standard Profiles'!$G$19=$B$24,21,0),0)),0)</f>
        <v>0</v>
      </c>
      <c r="F5274" cm="1">
        <f t="array" ref="F5274">IFERROR(INDEX(Jesper!AJ$2:AJ$366,ROUNDDOWN($C5274/24,0)+1,1)*INDEX($D$3:$AA$30,INDEX(Jesper!$R$2:$R$366,ROW(INDEX(Jesper!AJ$2:AJ$366,ROUNDDOWN($C5274/24,0)+1,1))-1)+IF('Standard Profiles'!$G$20=$B$10,7,0)+IF('Standard Profiles'!$G$20=$B$17,14,0)+IF('Standard Profiles'!$G$20=$B$24,21,0),MOD($C5274,24)+1)/SUM(INDEX($D$3:$AA$30,INDEX(Jesper!$R$2:$R$366,ROW(INDEX(Jesper!AJ$2:AJ$366,ROUNDDOWN($C5274/24,0)+1,1))-1)+IF('Standard Profiles'!$G$20=$B$10,7,0)+IF('Standard Profiles'!$G$20=$B$17,14,0)+IF('Standard Profiles'!$G$20=$B$24,21,0),0)),0)</f>
        <v>0</v>
      </c>
      <c r="G5274" cm="1">
        <f t="array" ref="G5274">IFERROR(INDEX(Jesper!AK$2:AK$366,ROUNDDOWN($C5274/24,0)+1,1)*INDEX($D$3:$AA$30,INDEX(Jesper!$R$2:$R$366,ROW(INDEX(Jesper!AK$2:AK$366,ROUNDDOWN($C5274/24,0)+1,1))-1)+IF('Standard Profiles'!$G$21=$B$10,7,0)+IF('Standard Profiles'!$G$21=$B$17,14,0)+IF('Standard Profiles'!$G$21=$B$24,21,0),MOD($C5274,24)+1)/SUM(INDEX($D$3:$AA$30,INDEX(Jesper!$R$2:$R$366,ROW(INDEX(Jesper!AK$2:AK$366,ROUNDDOWN($C5274/24,0)+1,1))-1)+IF('Standard Profiles'!$G$21=$B$10,7,0)+IF('Standard Profiles'!$G$21=$B$17,14,0)+IF('Standard Profiles'!$G$21=$B$24,21,0),0)),0)</f>
        <v>0</v>
      </c>
      <c r="H5274" cm="1">
        <f t="array" ref="H5274">IFERROR(INDEX(Jesper!AL$2:AL$366,ROUNDDOWN($C5274/24,0)+1,1)*INDEX($D$3:$AA$30,INDEX(Jesper!$R$2:$R$366,ROW(INDEX(Jesper!AL$2:AL$366,ROUNDDOWN($C5274/24,0)+1,1))-1)+IF('Standard Profiles'!$G$22=$B$10,7,0)+IF('Standard Profiles'!$G$22=$B$17,14,0)+IF('Standard Profiles'!$G$22=$B$24,21,0),MOD($C5274,24)+1)/SUM(INDEX($D$3:$AA$30,INDEX(Jesper!$R$2:$R$366,ROW(INDEX(Jesper!AL$2:AL$366,ROUNDDOWN($C5274/24,0)+1,1))-1)+IF('Standard Profiles'!$G$22=$B$10,7,0)+IF('Standard Profiles'!$G$22=$B$17,14,0)+IF('Standard Profiles'!$G$22=$B$24,21,0),0)),0)</f>
        <v>0</v>
      </c>
      <c r="I5274">
        <f t="shared" si="587"/>
        <v>0.31670748670270726</v>
      </c>
      <c r="J5274">
        <f t="shared" si="588"/>
        <v>1.0556916223423576</v>
      </c>
      <c r="K5274">
        <f t="shared" si="589"/>
        <v>1.5835374335135364</v>
      </c>
      <c r="L5274">
        <f t="shared" si="590"/>
        <v>7.6009796808649739</v>
      </c>
      <c r="M5274">
        <f t="shared" si="591"/>
        <v>0</v>
      </c>
      <c r="N5274" s="46">
        <f t="shared" si="592"/>
        <v>45510.333333320625</v>
      </c>
    </row>
    <row r="5275" spans="2:14" x14ac:dyDescent="0.3">
      <c r="B5275">
        <f t="shared" si="586"/>
        <v>2</v>
      </c>
      <c r="C5275" s="16">
        <v>5241</v>
      </c>
      <c r="D5275" cm="1">
        <f t="array" ref="D5275">IFERROR(INDEX(Jesper!AH$2:AH$366,ROUNDDOWN($C5275/24,0)+1,1)*INDEX($D$3:$AA$30,INDEX(Jesper!$R$2:$R$366,ROW(INDEX(Jesper!AH$2:AH$366,ROUNDDOWN($C5275/24,0)+1,1))-1)+IF('Standard Profiles'!$G$18=$B$10,7,0)+IF('Standard Profiles'!$G$18=$B$17,14,0)+IF('Standard Profiles'!$G$18=$B$24,21,0),MOD($C5275,24)+1)/SUM(INDEX($D$3:$AA$30,INDEX(Jesper!$R$2:$R$366,ROW(INDEX(Jesper!AH$2:AH$366,ROUNDDOWN($C5275/24,0)+1,1))-1)+IF('Standard Profiles'!$G$18=$B$10,7,0)+IF('Standard Profiles'!$G$18=$B$17,14,0)+IF('Standard Profiles'!$G$18=$B$24,21,0),0)),0)</f>
        <v>11.436659242042207</v>
      </c>
      <c r="E5275" cm="1">
        <f t="array" ref="E5275">IFERROR(INDEX(Jesper!AI$2:AI$366,ROUNDDOWN($C5275/24,0)+1,1)*INDEX($D$3:$AA$30,INDEX(Jesper!$R$2:$R$366,ROW(INDEX(Jesper!AI$2:AI$366,ROUNDDOWN($C5275/24,0)+1,1))-1)+IF('Standard Profiles'!$G$19=$B$10,7,0)+IF('Standard Profiles'!$G$19=$B$17,14,0)+IF('Standard Profiles'!$G$19=$B$24,21,0),MOD($C5275,24)+1)/SUM(INDEX($D$3:$AA$30,INDEX(Jesper!$R$2:$R$366,ROW(INDEX(Jesper!AI$2:AI$366,ROUNDDOWN($C5275/24,0)+1,1))-1)+IF('Standard Profiles'!$G$19=$B$10,7,0)+IF('Standard Profiles'!$G$19=$B$17,14,0)+IF('Standard Profiles'!$G$19=$B$24,21,0),0)),0)</f>
        <v>0</v>
      </c>
      <c r="F5275" cm="1">
        <f t="array" ref="F5275">IFERROR(INDEX(Jesper!AJ$2:AJ$366,ROUNDDOWN($C5275/24,0)+1,1)*INDEX($D$3:$AA$30,INDEX(Jesper!$R$2:$R$366,ROW(INDEX(Jesper!AJ$2:AJ$366,ROUNDDOWN($C5275/24,0)+1,1))-1)+IF('Standard Profiles'!$G$20=$B$10,7,0)+IF('Standard Profiles'!$G$20=$B$17,14,0)+IF('Standard Profiles'!$G$20=$B$24,21,0),MOD($C5275,24)+1)/SUM(INDEX($D$3:$AA$30,INDEX(Jesper!$R$2:$R$366,ROW(INDEX(Jesper!AJ$2:AJ$366,ROUNDDOWN($C5275/24,0)+1,1))-1)+IF('Standard Profiles'!$G$20=$B$10,7,0)+IF('Standard Profiles'!$G$20=$B$17,14,0)+IF('Standard Profiles'!$G$20=$B$24,21,0),0)),0)</f>
        <v>0</v>
      </c>
      <c r="G5275" cm="1">
        <f t="array" ref="G5275">IFERROR(INDEX(Jesper!AK$2:AK$366,ROUNDDOWN($C5275/24,0)+1,1)*INDEX($D$3:$AA$30,INDEX(Jesper!$R$2:$R$366,ROW(INDEX(Jesper!AK$2:AK$366,ROUNDDOWN($C5275/24,0)+1,1))-1)+IF('Standard Profiles'!$G$21=$B$10,7,0)+IF('Standard Profiles'!$G$21=$B$17,14,0)+IF('Standard Profiles'!$G$21=$B$24,21,0),MOD($C5275,24)+1)/SUM(INDEX($D$3:$AA$30,INDEX(Jesper!$R$2:$R$366,ROW(INDEX(Jesper!AK$2:AK$366,ROUNDDOWN($C5275/24,0)+1,1))-1)+IF('Standard Profiles'!$G$21=$B$10,7,0)+IF('Standard Profiles'!$G$21=$B$17,14,0)+IF('Standard Profiles'!$G$21=$B$24,21,0),0)),0)</f>
        <v>0</v>
      </c>
      <c r="H5275" cm="1">
        <f t="array" ref="H5275">IFERROR(INDEX(Jesper!AL$2:AL$366,ROUNDDOWN($C5275/24,0)+1,1)*INDEX($D$3:$AA$30,INDEX(Jesper!$R$2:$R$366,ROW(INDEX(Jesper!AL$2:AL$366,ROUNDDOWN($C5275/24,0)+1,1))-1)+IF('Standard Profiles'!$G$22=$B$10,7,0)+IF('Standard Profiles'!$G$22=$B$17,14,0)+IF('Standard Profiles'!$G$22=$B$24,21,0),MOD($C5275,24)+1)/SUM(INDEX($D$3:$AA$30,INDEX(Jesper!$R$2:$R$366,ROW(INDEX(Jesper!AL$2:AL$366,ROUNDDOWN($C5275/24,0)+1,1))-1)+IF('Standard Profiles'!$G$22=$B$10,7,0)+IF('Standard Profiles'!$G$22=$B$17,14,0)+IF('Standard Profiles'!$G$22=$B$24,21,0),0)),0)</f>
        <v>0</v>
      </c>
      <c r="I5275">
        <f t="shared" si="587"/>
        <v>0.34309977726126623</v>
      </c>
      <c r="J5275">
        <f t="shared" si="588"/>
        <v>1.1436659242042209</v>
      </c>
      <c r="K5275">
        <f t="shared" si="589"/>
        <v>1.715498886306331</v>
      </c>
      <c r="L5275">
        <f t="shared" si="590"/>
        <v>8.234394654270389</v>
      </c>
      <c r="M5275">
        <f t="shared" si="591"/>
        <v>0</v>
      </c>
      <c r="N5275" s="46">
        <f t="shared" si="592"/>
        <v>45510.374999987289</v>
      </c>
    </row>
    <row r="5276" spans="2:14" x14ac:dyDescent="0.3">
      <c r="B5276">
        <f t="shared" si="586"/>
        <v>2</v>
      </c>
      <c r="C5276" s="16">
        <v>5242</v>
      </c>
      <c r="D5276" cm="1">
        <f t="array" ref="D5276">IFERROR(INDEX(Jesper!AH$2:AH$366,ROUNDDOWN($C5276/24,0)+1,1)*INDEX($D$3:$AA$30,INDEX(Jesper!$R$2:$R$366,ROW(INDEX(Jesper!AH$2:AH$366,ROUNDDOWN($C5276/24,0)+1,1))-1)+IF('Standard Profiles'!$G$18=$B$10,7,0)+IF('Standard Profiles'!$G$18=$B$17,14,0)+IF('Standard Profiles'!$G$18=$B$24,21,0),MOD($C5276,24)+1)/SUM(INDEX($D$3:$AA$30,INDEX(Jesper!$R$2:$R$366,ROW(INDEX(Jesper!AH$2:AH$366,ROUNDDOWN($C5276/24,0)+1,1))-1)+IF('Standard Profiles'!$G$18=$B$10,7,0)+IF('Standard Profiles'!$G$18=$B$17,14,0)+IF('Standard Profiles'!$G$18=$B$24,21,0),0)),0)</f>
        <v>11.964505053213387</v>
      </c>
      <c r="E5276" cm="1">
        <f t="array" ref="E5276">IFERROR(INDEX(Jesper!AI$2:AI$366,ROUNDDOWN($C5276/24,0)+1,1)*INDEX($D$3:$AA$30,INDEX(Jesper!$R$2:$R$366,ROW(INDEX(Jesper!AI$2:AI$366,ROUNDDOWN($C5276/24,0)+1,1))-1)+IF('Standard Profiles'!$G$19=$B$10,7,0)+IF('Standard Profiles'!$G$19=$B$17,14,0)+IF('Standard Profiles'!$G$19=$B$24,21,0),MOD($C5276,24)+1)/SUM(INDEX($D$3:$AA$30,INDEX(Jesper!$R$2:$R$366,ROW(INDEX(Jesper!AI$2:AI$366,ROUNDDOWN($C5276/24,0)+1,1))-1)+IF('Standard Profiles'!$G$19=$B$10,7,0)+IF('Standard Profiles'!$G$19=$B$17,14,0)+IF('Standard Profiles'!$G$19=$B$24,21,0),0)),0)</f>
        <v>0</v>
      </c>
      <c r="F5276" cm="1">
        <f t="array" ref="F5276">IFERROR(INDEX(Jesper!AJ$2:AJ$366,ROUNDDOWN($C5276/24,0)+1,1)*INDEX($D$3:$AA$30,INDEX(Jesper!$R$2:$R$366,ROW(INDEX(Jesper!AJ$2:AJ$366,ROUNDDOWN($C5276/24,0)+1,1))-1)+IF('Standard Profiles'!$G$20=$B$10,7,0)+IF('Standard Profiles'!$G$20=$B$17,14,0)+IF('Standard Profiles'!$G$20=$B$24,21,0),MOD($C5276,24)+1)/SUM(INDEX($D$3:$AA$30,INDEX(Jesper!$R$2:$R$366,ROW(INDEX(Jesper!AJ$2:AJ$366,ROUNDDOWN($C5276/24,0)+1,1))-1)+IF('Standard Profiles'!$G$20=$B$10,7,0)+IF('Standard Profiles'!$G$20=$B$17,14,0)+IF('Standard Profiles'!$G$20=$B$24,21,0),0)),0)</f>
        <v>0</v>
      </c>
      <c r="G5276" cm="1">
        <f t="array" ref="G5276">IFERROR(INDEX(Jesper!AK$2:AK$366,ROUNDDOWN($C5276/24,0)+1,1)*INDEX($D$3:$AA$30,INDEX(Jesper!$R$2:$R$366,ROW(INDEX(Jesper!AK$2:AK$366,ROUNDDOWN($C5276/24,0)+1,1))-1)+IF('Standard Profiles'!$G$21=$B$10,7,0)+IF('Standard Profiles'!$G$21=$B$17,14,0)+IF('Standard Profiles'!$G$21=$B$24,21,0),MOD($C5276,24)+1)/SUM(INDEX($D$3:$AA$30,INDEX(Jesper!$R$2:$R$366,ROW(INDEX(Jesper!AK$2:AK$366,ROUNDDOWN($C5276/24,0)+1,1))-1)+IF('Standard Profiles'!$G$21=$B$10,7,0)+IF('Standard Profiles'!$G$21=$B$17,14,0)+IF('Standard Profiles'!$G$21=$B$24,21,0),0)),0)</f>
        <v>0</v>
      </c>
      <c r="H5276" cm="1">
        <f t="array" ref="H5276">IFERROR(INDEX(Jesper!AL$2:AL$366,ROUNDDOWN($C5276/24,0)+1,1)*INDEX($D$3:$AA$30,INDEX(Jesper!$R$2:$R$366,ROW(INDEX(Jesper!AL$2:AL$366,ROUNDDOWN($C5276/24,0)+1,1))-1)+IF('Standard Profiles'!$G$22=$B$10,7,0)+IF('Standard Profiles'!$G$22=$B$17,14,0)+IF('Standard Profiles'!$G$22=$B$24,21,0),MOD($C5276,24)+1)/SUM(INDEX($D$3:$AA$30,INDEX(Jesper!$R$2:$R$366,ROW(INDEX(Jesper!AL$2:AL$366,ROUNDDOWN($C5276/24,0)+1,1))-1)+IF('Standard Profiles'!$G$22=$B$10,7,0)+IF('Standard Profiles'!$G$22=$B$17,14,0)+IF('Standard Profiles'!$G$22=$B$24,21,0),0)),0)</f>
        <v>0</v>
      </c>
      <c r="I5276">
        <f t="shared" si="587"/>
        <v>0.3589351515964016</v>
      </c>
      <c r="J5276">
        <f t="shared" si="588"/>
        <v>1.1964505053213388</v>
      </c>
      <c r="K5276">
        <f t="shared" si="589"/>
        <v>1.7946757579820078</v>
      </c>
      <c r="L5276">
        <f t="shared" si="590"/>
        <v>8.614443638313638</v>
      </c>
      <c r="M5276">
        <f t="shared" si="591"/>
        <v>0</v>
      </c>
      <c r="N5276" s="46">
        <f t="shared" si="592"/>
        <v>45510.416666653953</v>
      </c>
    </row>
    <row r="5277" spans="2:14" x14ac:dyDescent="0.3">
      <c r="B5277">
        <f t="shared" si="586"/>
        <v>2</v>
      </c>
      <c r="C5277" s="16">
        <v>5243</v>
      </c>
      <c r="D5277" cm="1">
        <f t="array" ref="D5277">IFERROR(INDEX(Jesper!AH$2:AH$366,ROUNDDOWN($C5277/24,0)+1,1)*INDEX($D$3:$AA$30,INDEX(Jesper!$R$2:$R$366,ROW(INDEX(Jesper!AH$2:AH$366,ROUNDDOWN($C5277/24,0)+1,1))-1)+IF('Standard Profiles'!$G$18=$B$10,7,0)+IF('Standard Profiles'!$G$18=$B$17,14,0)+IF('Standard Profiles'!$G$18=$B$24,21,0),MOD($C5277,24)+1)/SUM(INDEX($D$3:$AA$30,INDEX(Jesper!$R$2:$R$366,ROW(INDEX(Jesper!AH$2:AH$366,ROUNDDOWN($C5277/24,0)+1,1))-1)+IF('Standard Profiles'!$G$18=$B$10,7,0)+IF('Standard Profiles'!$G$18=$B$17,14,0)+IF('Standard Profiles'!$G$18=$B$24,21,0),0)),0)</f>
        <v>14.075888297898103</v>
      </c>
      <c r="E5277" cm="1">
        <f t="array" ref="E5277">IFERROR(INDEX(Jesper!AI$2:AI$366,ROUNDDOWN($C5277/24,0)+1,1)*INDEX($D$3:$AA$30,INDEX(Jesper!$R$2:$R$366,ROW(INDEX(Jesper!AI$2:AI$366,ROUNDDOWN($C5277/24,0)+1,1))-1)+IF('Standard Profiles'!$G$19=$B$10,7,0)+IF('Standard Profiles'!$G$19=$B$17,14,0)+IF('Standard Profiles'!$G$19=$B$24,21,0),MOD($C5277,24)+1)/SUM(INDEX($D$3:$AA$30,INDEX(Jesper!$R$2:$R$366,ROW(INDEX(Jesper!AI$2:AI$366,ROUNDDOWN($C5277/24,0)+1,1))-1)+IF('Standard Profiles'!$G$19=$B$10,7,0)+IF('Standard Profiles'!$G$19=$B$17,14,0)+IF('Standard Profiles'!$G$19=$B$24,21,0),0)),0)</f>
        <v>0</v>
      </c>
      <c r="F5277" cm="1">
        <f t="array" ref="F5277">IFERROR(INDEX(Jesper!AJ$2:AJ$366,ROUNDDOWN($C5277/24,0)+1,1)*INDEX($D$3:$AA$30,INDEX(Jesper!$R$2:$R$366,ROW(INDEX(Jesper!AJ$2:AJ$366,ROUNDDOWN($C5277/24,0)+1,1))-1)+IF('Standard Profiles'!$G$20=$B$10,7,0)+IF('Standard Profiles'!$G$20=$B$17,14,0)+IF('Standard Profiles'!$G$20=$B$24,21,0),MOD($C5277,24)+1)/SUM(INDEX($D$3:$AA$30,INDEX(Jesper!$R$2:$R$366,ROW(INDEX(Jesper!AJ$2:AJ$366,ROUNDDOWN($C5277/24,0)+1,1))-1)+IF('Standard Profiles'!$G$20=$B$10,7,0)+IF('Standard Profiles'!$G$20=$B$17,14,0)+IF('Standard Profiles'!$G$20=$B$24,21,0),0)),0)</f>
        <v>0</v>
      </c>
      <c r="G5277" cm="1">
        <f t="array" ref="G5277">IFERROR(INDEX(Jesper!AK$2:AK$366,ROUNDDOWN($C5277/24,0)+1,1)*INDEX($D$3:$AA$30,INDEX(Jesper!$R$2:$R$366,ROW(INDEX(Jesper!AK$2:AK$366,ROUNDDOWN($C5277/24,0)+1,1))-1)+IF('Standard Profiles'!$G$21=$B$10,7,0)+IF('Standard Profiles'!$G$21=$B$17,14,0)+IF('Standard Profiles'!$G$21=$B$24,21,0),MOD($C5277,24)+1)/SUM(INDEX($D$3:$AA$30,INDEX(Jesper!$R$2:$R$366,ROW(INDEX(Jesper!AK$2:AK$366,ROUNDDOWN($C5277/24,0)+1,1))-1)+IF('Standard Profiles'!$G$21=$B$10,7,0)+IF('Standard Profiles'!$G$21=$B$17,14,0)+IF('Standard Profiles'!$G$21=$B$24,21,0),0)),0)</f>
        <v>0</v>
      </c>
      <c r="H5277" cm="1">
        <f t="array" ref="H5277">IFERROR(INDEX(Jesper!AL$2:AL$366,ROUNDDOWN($C5277/24,0)+1,1)*INDEX($D$3:$AA$30,INDEX(Jesper!$R$2:$R$366,ROW(INDEX(Jesper!AL$2:AL$366,ROUNDDOWN($C5277/24,0)+1,1))-1)+IF('Standard Profiles'!$G$22=$B$10,7,0)+IF('Standard Profiles'!$G$22=$B$17,14,0)+IF('Standard Profiles'!$G$22=$B$24,21,0),MOD($C5277,24)+1)/SUM(INDEX($D$3:$AA$30,INDEX(Jesper!$R$2:$R$366,ROW(INDEX(Jesper!AL$2:AL$366,ROUNDDOWN($C5277/24,0)+1,1))-1)+IF('Standard Profiles'!$G$22=$B$10,7,0)+IF('Standard Profiles'!$G$22=$B$17,14,0)+IF('Standard Profiles'!$G$22=$B$24,21,0),0)),0)</f>
        <v>0</v>
      </c>
      <c r="I5277">
        <f t="shared" si="587"/>
        <v>0.42227664893694311</v>
      </c>
      <c r="J5277">
        <f t="shared" si="588"/>
        <v>1.4075888297898105</v>
      </c>
      <c r="K5277">
        <f t="shared" si="589"/>
        <v>2.1113832446847156</v>
      </c>
      <c r="L5277">
        <f t="shared" si="590"/>
        <v>10.134639574486634</v>
      </c>
      <c r="M5277">
        <f t="shared" si="591"/>
        <v>0</v>
      </c>
      <c r="N5277" s="46">
        <f t="shared" si="592"/>
        <v>45510.458333320617</v>
      </c>
    </row>
    <row r="5278" spans="2:14" x14ac:dyDescent="0.3">
      <c r="B5278">
        <f t="shared" si="586"/>
        <v>2</v>
      </c>
      <c r="C5278" s="16">
        <v>5244</v>
      </c>
      <c r="D5278" cm="1">
        <f t="array" ref="D5278">IFERROR(INDEX(Jesper!AH$2:AH$366,ROUNDDOWN($C5278/24,0)+1,1)*INDEX($D$3:$AA$30,INDEX(Jesper!$R$2:$R$366,ROW(INDEX(Jesper!AH$2:AH$366,ROUNDDOWN($C5278/24,0)+1,1))-1)+IF('Standard Profiles'!$G$18=$B$10,7,0)+IF('Standard Profiles'!$G$18=$B$17,14,0)+IF('Standard Profiles'!$G$18=$B$24,21,0),MOD($C5278,24)+1)/SUM(INDEX($D$3:$AA$30,INDEX(Jesper!$R$2:$R$366,ROW(INDEX(Jesper!AH$2:AH$366,ROUNDDOWN($C5278/24,0)+1,1))-1)+IF('Standard Profiles'!$G$18=$B$10,7,0)+IF('Standard Profiles'!$G$18=$B$17,14,0)+IF('Standard Profiles'!$G$18=$B$24,21,0),0)),0)</f>
        <v>14.075888297898103</v>
      </c>
      <c r="E5278" cm="1">
        <f t="array" ref="E5278">IFERROR(INDEX(Jesper!AI$2:AI$366,ROUNDDOWN($C5278/24,0)+1,1)*INDEX($D$3:$AA$30,INDEX(Jesper!$R$2:$R$366,ROW(INDEX(Jesper!AI$2:AI$366,ROUNDDOWN($C5278/24,0)+1,1))-1)+IF('Standard Profiles'!$G$19=$B$10,7,0)+IF('Standard Profiles'!$G$19=$B$17,14,0)+IF('Standard Profiles'!$G$19=$B$24,21,0),MOD($C5278,24)+1)/SUM(INDEX($D$3:$AA$30,INDEX(Jesper!$R$2:$R$366,ROW(INDEX(Jesper!AI$2:AI$366,ROUNDDOWN($C5278/24,0)+1,1))-1)+IF('Standard Profiles'!$G$19=$B$10,7,0)+IF('Standard Profiles'!$G$19=$B$17,14,0)+IF('Standard Profiles'!$G$19=$B$24,21,0),0)),0)</f>
        <v>0</v>
      </c>
      <c r="F5278" cm="1">
        <f t="array" ref="F5278">IFERROR(INDEX(Jesper!AJ$2:AJ$366,ROUNDDOWN($C5278/24,0)+1,1)*INDEX($D$3:$AA$30,INDEX(Jesper!$R$2:$R$366,ROW(INDEX(Jesper!AJ$2:AJ$366,ROUNDDOWN($C5278/24,0)+1,1))-1)+IF('Standard Profiles'!$G$20=$B$10,7,0)+IF('Standard Profiles'!$G$20=$B$17,14,0)+IF('Standard Profiles'!$G$20=$B$24,21,0),MOD($C5278,24)+1)/SUM(INDEX($D$3:$AA$30,INDEX(Jesper!$R$2:$R$366,ROW(INDEX(Jesper!AJ$2:AJ$366,ROUNDDOWN($C5278/24,0)+1,1))-1)+IF('Standard Profiles'!$G$20=$B$10,7,0)+IF('Standard Profiles'!$G$20=$B$17,14,0)+IF('Standard Profiles'!$G$20=$B$24,21,0),0)),0)</f>
        <v>0</v>
      </c>
      <c r="G5278" cm="1">
        <f t="array" ref="G5278">IFERROR(INDEX(Jesper!AK$2:AK$366,ROUNDDOWN($C5278/24,0)+1,1)*INDEX($D$3:$AA$30,INDEX(Jesper!$R$2:$R$366,ROW(INDEX(Jesper!AK$2:AK$366,ROUNDDOWN($C5278/24,0)+1,1))-1)+IF('Standard Profiles'!$G$21=$B$10,7,0)+IF('Standard Profiles'!$G$21=$B$17,14,0)+IF('Standard Profiles'!$G$21=$B$24,21,0),MOD($C5278,24)+1)/SUM(INDEX($D$3:$AA$30,INDEX(Jesper!$R$2:$R$366,ROW(INDEX(Jesper!AK$2:AK$366,ROUNDDOWN($C5278/24,0)+1,1))-1)+IF('Standard Profiles'!$G$21=$B$10,7,0)+IF('Standard Profiles'!$G$21=$B$17,14,0)+IF('Standard Profiles'!$G$21=$B$24,21,0),0)),0)</f>
        <v>0</v>
      </c>
      <c r="H5278" cm="1">
        <f t="array" ref="H5278">IFERROR(INDEX(Jesper!AL$2:AL$366,ROUNDDOWN($C5278/24,0)+1,1)*INDEX($D$3:$AA$30,INDEX(Jesper!$R$2:$R$366,ROW(INDEX(Jesper!AL$2:AL$366,ROUNDDOWN($C5278/24,0)+1,1))-1)+IF('Standard Profiles'!$G$22=$B$10,7,0)+IF('Standard Profiles'!$G$22=$B$17,14,0)+IF('Standard Profiles'!$G$22=$B$24,21,0),MOD($C5278,24)+1)/SUM(INDEX($D$3:$AA$30,INDEX(Jesper!$R$2:$R$366,ROW(INDEX(Jesper!AL$2:AL$366,ROUNDDOWN($C5278/24,0)+1,1))-1)+IF('Standard Profiles'!$G$22=$B$10,7,0)+IF('Standard Profiles'!$G$22=$B$17,14,0)+IF('Standard Profiles'!$G$22=$B$24,21,0),0)),0)</f>
        <v>0</v>
      </c>
      <c r="I5278">
        <f t="shared" si="587"/>
        <v>0.42227664893694311</v>
      </c>
      <c r="J5278">
        <f t="shared" si="588"/>
        <v>1.4075888297898105</v>
      </c>
      <c r="K5278">
        <f t="shared" si="589"/>
        <v>2.1113832446847156</v>
      </c>
      <c r="L5278">
        <f t="shared" si="590"/>
        <v>10.134639574486634</v>
      </c>
      <c r="M5278">
        <f t="shared" si="591"/>
        <v>0</v>
      </c>
      <c r="N5278" s="46">
        <f t="shared" si="592"/>
        <v>45510.499999987282</v>
      </c>
    </row>
    <row r="5279" spans="2:14" x14ac:dyDescent="0.3">
      <c r="B5279">
        <f t="shared" si="586"/>
        <v>2</v>
      </c>
      <c r="C5279" s="16">
        <v>5245</v>
      </c>
      <c r="D5279" cm="1">
        <f t="array" ref="D5279">IFERROR(INDEX(Jesper!AH$2:AH$366,ROUNDDOWN($C5279/24,0)+1,1)*INDEX($D$3:$AA$30,INDEX(Jesper!$R$2:$R$366,ROW(INDEX(Jesper!AH$2:AH$366,ROUNDDOWN($C5279/24,0)+1,1))-1)+IF('Standard Profiles'!$G$18=$B$10,7,0)+IF('Standard Profiles'!$G$18=$B$17,14,0)+IF('Standard Profiles'!$G$18=$B$24,21,0),MOD($C5279,24)+1)/SUM(INDEX($D$3:$AA$30,INDEX(Jesper!$R$2:$R$366,ROW(INDEX(Jesper!AH$2:AH$366,ROUNDDOWN($C5279/24,0)+1,1))-1)+IF('Standard Profiles'!$G$18=$B$10,7,0)+IF('Standard Profiles'!$G$18=$B$17,14,0)+IF('Standard Profiles'!$G$18=$B$24,21,0),0)),0)</f>
        <v>14.075888297898103</v>
      </c>
      <c r="E5279" cm="1">
        <f t="array" ref="E5279">IFERROR(INDEX(Jesper!AI$2:AI$366,ROUNDDOWN($C5279/24,0)+1,1)*INDEX($D$3:$AA$30,INDEX(Jesper!$R$2:$R$366,ROW(INDEX(Jesper!AI$2:AI$366,ROUNDDOWN($C5279/24,0)+1,1))-1)+IF('Standard Profiles'!$G$19=$B$10,7,0)+IF('Standard Profiles'!$G$19=$B$17,14,0)+IF('Standard Profiles'!$G$19=$B$24,21,0),MOD($C5279,24)+1)/SUM(INDEX($D$3:$AA$30,INDEX(Jesper!$R$2:$R$366,ROW(INDEX(Jesper!AI$2:AI$366,ROUNDDOWN($C5279/24,0)+1,1))-1)+IF('Standard Profiles'!$G$19=$B$10,7,0)+IF('Standard Profiles'!$G$19=$B$17,14,0)+IF('Standard Profiles'!$G$19=$B$24,21,0),0)),0)</f>
        <v>0</v>
      </c>
      <c r="F5279" cm="1">
        <f t="array" ref="F5279">IFERROR(INDEX(Jesper!AJ$2:AJ$366,ROUNDDOWN($C5279/24,0)+1,1)*INDEX($D$3:$AA$30,INDEX(Jesper!$R$2:$R$366,ROW(INDEX(Jesper!AJ$2:AJ$366,ROUNDDOWN($C5279/24,0)+1,1))-1)+IF('Standard Profiles'!$G$20=$B$10,7,0)+IF('Standard Profiles'!$G$20=$B$17,14,0)+IF('Standard Profiles'!$G$20=$B$24,21,0),MOD($C5279,24)+1)/SUM(INDEX($D$3:$AA$30,INDEX(Jesper!$R$2:$R$366,ROW(INDEX(Jesper!AJ$2:AJ$366,ROUNDDOWN($C5279/24,0)+1,1))-1)+IF('Standard Profiles'!$G$20=$B$10,7,0)+IF('Standard Profiles'!$G$20=$B$17,14,0)+IF('Standard Profiles'!$G$20=$B$24,21,0),0)),0)</f>
        <v>0</v>
      </c>
      <c r="G5279" cm="1">
        <f t="array" ref="G5279">IFERROR(INDEX(Jesper!AK$2:AK$366,ROUNDDOWN($C5279/24,0)+1,1)*INDEX($D$3:$AA$30,INDEX(Jesper!$R$2:$R$366,ROW(INDEX(Jesper!AK$2:AK$366,ROUNDDOWN($C5279/24,0)+1,1))-1)+IF('Standard Profiles'!$G$21=$B$10,7,0)+IF('Standard Profiles'!$G$21=$B$17,14,0)+IF('Standard Profiles'!$G$21=$B$24,21,0),MOD($C5279,24)+1)/SUM(INDEX($D$3:$AA$30,INDEX(Jesper!$R$2:$R$366,ROW(INDEX(Jesper!AK$2:AK$366,ROUNDDOWN($C5279/24,0)+1,1))-1)+IF('Standard Profiles'!$G$21=$B$10,7,0)+IF('Standard Profiles'!$G$21=$B$17,14,0)+IF('Standard Profiles'!$G$21=$B$24,21,0),0)),0)</f>
        <v>0</v>
      </c>
      <c r="H5279" cm="1">
        <f t="array" ref="H5279">IFERROR(INDEX(Jesper!AL$2:AL$366,ROUNDDOWN($C5279/24,0)+1,1)*INDEX($D$3:$AA$30,INDEX(Jesper!$R$2:$R$366,ROW(INDEX(Jesper!AL$2:AL$366,ROUNDDOWN($C5279/24,0)+1,1))-1)+IF('Standard Profiles'!$G$22=$B$10,7,0)+IF('Standard Profiles'!$G$22=$B$17,14,0)+IF('Standard Profiles'!$G$22=$B$24,21,0),MOD($C5279,24)+1)/SUM(INDEX($D$3:$AA$30,INDEX(Jesper!$R$2:$R$366,ROW(INDEX(Jesper!AL$2:AL$366,ROUNDDOWN($C5279/24,0)+1,1))-1)+IF('Standard Profiles'!$G$22=$B$10,7,0)+IF('Standard Profiles'!$G$22=$B$17,14,0)+IF('Standard Profiles'!$G$22=$B$24,21,0),0)),0)</f>
        <v>0</v>
      </c>
      <c r="I5279">
        <f t="shared" si="587"/>
        <v>0.42227664893694311</v>
      </c>
      <c r="J5279">
        <f t="shared" si="588"/>
        <v>1.4075888297898105</v>
      </c>
      <c r="K5279">
        <f t="shared" si="589"/>
        <v>2.1113832446847156</v>
      </c>
      <c r="L5279">
        <f t="shared" si="590"/>
        <v>10.134639574486634</v>
      </c>
      <c r="M5279">
        <f t="shared" si="591"/>
        <v>0</v>
      </c>
      <c r="N5279" s="46">
        <f t="shared" si="592"/>
        <v>45510.541666653946</v>
      </c>
    </row>
    <row r="5280" spans="2:14" x14ac:dyDescent="0.3">
      <c r="B5280">
        <f t="shared" si="586"/>
        <v>2</v>
      </c>
      <c r="C5280" s="16">
        <v>5246</v>
      </c>
      <c r="D5280" cm="1">
        <f t="array" ref="D5280">IFERROR(INDEX(Jesper!AH$2:AH$366,ROUNDDOWN($C5280/24,0)+1,1)*INDEX($D$3:$AA$30,INDEX(Jesper!$R$2:$R$366,ROW(INDEX(Jesper!AH$2:AH$366,ROUNDDOWN($C5280/24,0)+1,1))-1)+IF('Standard Profiles'!$G$18=$B$10,7,0)+IF('Standard Profiles'!$G$18=$B$17,14,0)+IF('Standard Profiles'!$G$18=$B$24,21,0),MOD($C5280,24)+1)/SUM(INDEX($D$3:$AA$30,INDEX(Jesper!$R$2:$R$366,ROW(INDEX(Jesper!AH$2:AH$366,ROUNDDOWN($C5280/24,0)+1,1))-1)+IF('Standard Profiles'!$G$18=$B$10,7,0)+IF('Standard Profiles'!$G$18=$B$17,14,0)+IF('Standard Profiles'!$G$18=$B$24,21,0),0)),0)</f>
        <v>14.075888297898103</v>
      </c>
      <c r="E5280" cm="1">
        <f t="array" ref="E5280">IFERROR(INDEX(Jesper!AI$2:AI$366,ROUNDDOWN($C5280/24,0)+1,1)*INDEX($D$3:$AA$30,INDEX(Jesper!$R$2:$R$366,ROW(INDEX(Jesper!AI$2:AI$366,ROUNDDOWN($C5280/24,0)+1,1))-1)+IF('Standard Profiles'!$G$19=$B$10,7,0)+IF('Standard Profiles'!$G$19=$B$17,14,0)+IF('Standard Profiles'!$G$19=$B$24,21,0),MOD($C5280,24)+1)/SUM(INDEX($D$3:$AA$30,INDEX(Jesper!$R$2:$R$366,ROW(INDEX(Jesper!AI$2:AI$366,ROUNDDOWN($C5280/24,0)+1,1))-1)+IF('Standard Profiles'!$G$19=$B$10,7,0)+IF('Standard Profiles'!$G$19=$B$17,14,0)+IF('Standard Profiles'!$G$19=$B$24,21,0),0)),0)</f>
        <v>0</v>
      </c>
      <c r="F5280" cm="1">
        <f t="array" ref="F5280">IFERROR(INDEX(Jesper!AJ$2:AJ$366,ROUNDDOWN($C5280/24,0)+1,1)*INDEX($D$3:$AA$30,INDEX(Jesper!$R$2:$R$366,ROW(INDEX(Jesper!AJ$2:AJ$366,ROUNDDOWN($C5280/24,0)+1,1))-1)+IF('Standard Profiles'!$G$20=$B$10,7,0)+IF('Standard Profiles'!$G$20=$B$17,14,0)+IF('Standard Profiles'!$G$20=$B$24,21,0),MOD($C5280,24)+1)/SUM(INDEX($D$3:$AA$30,INDEX(Jesper!$R$2:$R$366,ROW(INDEX(Jesper!AJ$2:AJ$366,ROUNDDOWN($C5280/24,0)+1,1))-1)+IF('Standard Profiles'!$G$20=$B$10,7,0)+IF('Standard Profiles'!$G$20=$B$17,14,0)+IF('Standard Profiles'!$G$20=$B$24,21,0),0)),0)</f>
        <v>0</v>
      </c>
      <c r="G5280" cm="1">
        <f t="array" ref="G5280">IFERROR(INDEX(Jesper!AK$2:AK$366,ROUNDDOWN($C5280/24,0)+1,1)*INDEX($D$3:$AA$30,INDEX(Jesper!$R$2:$R$366,ROW(INDEX(Jesper!AK$2:AK$366,ROUNDDOWN($C5280/24,0)+1,1))-1)+IF('Standard Profiles'!$G$21=$B$10,7,0)+IF('Standard Profiles'!$G$21=$B$17,14,0)+IF('Standard Profiles'!$G$21=$B$24,21,0),MOD($C5280,24)+1)/SUM(INDEX($D$3:$AA$30,INDEX(Jesper!$R$2:$R$366,ROW(INDEX(Jesper!AK$2:AK$366,ROUNDDOWN($C5280/24,0)+1,1))-1)+IF('Standard Profiles'!$G$21=$B$10,7,0)+IF('Standard Profiles'!$G$21=$B$17,14,0)+IF('Standard Profiles'!$G$21=$B$24,21,0),0)),0)</f>
        <v>0</v>
      </c>
      <c r="H5280" cm="1">
        <f t="array" ref="H5280">IFERROR(INDEX(Jesper!AL$2:AL$366,ROUNDDOWN($C5280/24,0)+1,1)*INDEX($D$3:$AA$30,INDEX(Jesper!$R$2:$R$366,ROW(INDEX(Jesper!AL$2:AL$366,ROUNDDOWN($C5280/24,0)+1,1))-1)+IF('Standard Profiles'!$G$22=$B$10,7,0)+IF('Standard Profiles'!$G$22=$B$17,14,0)+IF('Standard Profiles'!$G$22=$B$24,21,0),MOD($C5280,24)+1)/SUM(INDEX($D$3:$AA$30,INDEX(Jesper!$R$2:$R$366,ROW(INDEX(Jesper!AL$2:AL$366,ROUNDDOWN($C5280/24,0)+1,1))-1)+IF('Standard Profiles'!$G$22=$B$10,7,0)+IF('Standard Profiles'!$G$22=$B$17,14,0)+IF('Standard Profiles'!$G$22=$B$24,21,0),0)),0)</f>
        <v>0</v>
      </c>
      <c r="I5280">
        <f t="shared" si="587"/>
        <v>0.42227664893694311</v>
      </c>
      <c r="J5280">
        <f t="shared" si="588"/>
        <v>1.4075888297898105</v>
      </c>
      <c r="K5280">
        <f t="shared" si="589"/>
        <v>2.1113832446847156</v>
      </c>
      <c r="L5280">
        <f t="shared" si="590"/>
        <v>10.134639574486634</v>
      </c>
      <c r="M5280">
        <f t="shared" si="591"/>
        <v>0</v>
      </c>
      <c r="N5280" s="46">
        <f t="shared" si="592"/>
        <v>45510.58333332061</v>
      </c>
    </row>
    <row r="5281" spans="2:14" x14ac:dyDescent="0.3">
      <c r="B5281">
        <f t="shared" si="586"/>
        <v>2</v>
      </c>
      <c r="C5281" s="16">
        <v>5247</v>
      </c>
      <c r="D5281" cm="1">
        <f t="array" ref="D5281">IFERROR(INDEX(Jesper!AH$2:AH$366,ROUNDDOWN($C5281/24,0)+1,1)*INDEX($D$3:$AA$30,INDEX(Jesper!$R$2:$R$366,ROW(INDEX(Jesper!AH$2:AH$366,ROUNDDOWN($C5281/24,0)+1,1))-1)+IF('Standard Profiles'!$G$18=$B$10,7,0)+IF('Standard Profiles'!$G$18=$B$17,14,0)+IF('Standard Profiles'!$G$18=$B$24,21,0),MOD($C5281,24)+1)/SUM(INDEX($D$3:$AA$30,INDEX(Jesper!$R$2:$R$366,ROW(INDEX(Jesper!AH$2:AH$366,ROUNDDOWN($C5281/24,0)+1,1))-1)+IF('Standard Profiles'!$G$18=$B$10,7,0)+IF('Standard Profiles'!$G$18=$B$17,14,0)+IF('Standard Profiles'!$G$18=$B$24,21,0),0)),0)</f>
        <v>14.075888297898103</v>
      </c>
      <c r="E5281" cm="1">
        <f t="array" ref="E5281">IFERROR(INDEX(Jesper!AI$2:AI$366,ROUNDDOWN($C5281/24,0)+1,1)*INDEX($D$3:$AA$30,INDEX(Jesper!$R$2:$R$366,ROW(INDEX(Jesper!AI$2:AI$366,ROUNDDOWN($C5281/24,0)+1,1))-1)+IF('Standard Profiles'!$G$19=$B$10,7,0)+IF('Standard Profiles'!$G$19=$B$17,14,0)+IF('Standard Profiles'!$G$19=$B$24,21,0),MOD($C5281,24)+1)/SUM(INDEX($D$3:$AA$30,INDEX(Jesper!$R$2:$R$366,ROW(INDEX(Jesper!AI$2:AI$366,ROUNDDOWN($C5281/24,0)+1,1))-1)+IF('Standard Profiles'!$G$19=$B$10,7,0)+IF('Standard Profiles'!$G$19=$B$17,14,0)+IF('Standard Profiles'!$G$19=$B$24,21,0),0)),0)</f>
        <v>0</v>
      </c>
      <c r="F5281" cm="1">
        <f t="array" ref="F5281">IFERROR(INDEX(Jesper!AJ$2:AJ$366,ROUNDDOWN($C5281/24,0)+1,1)*INDEX($D$3:$AA$30,INDEX(Jesper!$R$2:$R$366,ROW(INDEX(Jesper!AJ$2:AJ$366,ROUNDDOWN($C5281/24,0)+1,1))-1)+IF('Standard Profiles'!$G$20=$B$10,7,0)+IF('Standard Profiles'!$G$20=$B$17,14,0)+IF('Standard Profiles'!$G$20=$B$24,21,0),MOD($C5281,24)+1)/SUM(INDEX($D$3:$AA$30,INDEX(Jesper!$R$2:$R$366,ROW(INDEX(Jesper!AJ$2:AJ$366,ROUNDDOWN($C5281/24,0)+1,1))-1)+IF('Standard Profiles'!$G$20=$B$10,7,0)+IF('Standard Profiles'!$G$20=$B$17,14,0)+IF('Standard Profiles'!$G$20=$B$24,21,0),0)),0)</f>
        <v>0</v>
      </c>
      <c r="G5281" cm="1">
        <f t="array" ref="G5281">IFERROR(INDEX(Jesper!AK$2:AK$366,ROUNDDOWN($C5281/24,0)+1,1)*INDEX($D$3:$AA$30,INDEX(Jesper!$R$2:$R$366,ROW(INDEX(Jesper!AK$2:AK$366,ROUNDDOWN($C5281/24,0)+1,1))-1)+IF('Standard Profiles'!$G$21=$B$10,7,0)+IF('Standard Profiles'!$G$21=$B$17,14,0)+IF('Standard Profiles'!$G$21=$B$24,21,0),MOD($C5281,24)+1)/SUM(INDEX($D$3:$AA$30,INDEX(Jesper!$R$2:$R$366,ROW(INDEX(Jesper!AK$2:AK$366,ROUNDDOWN($C5281/24,0)+1,1))-1)+IF('Standard Profiles'!$G$21=$B$10,7,0)+IF('Standard Profiles'!$G$21=$B$17,14,0)+IF('Standard Profiles'!$G$21=$B$24,21,0),0)),0)</f>
        <v>0</v>
      </c>
      <c r="H5281" cm="1">
        <f t="array" ref="H5281">IFERROR(INDEX(Jesper!AL$2:AL$366,ROUNDDOWN($C5281/24,0)+1,1)*INDEX($D$3:$AA$30,INDEX(Jesper!$R$2:$R$366,ROW(INDEX(Jesper!AL$2:AL$366,ROUNDDOWN($C5281/24,0)+1,1))-1)+IF('Standard Profiles'!$G$22=$B$10,7,0)+IF('Standard Profiles'!$G$22=$B$17,14,0)+IF('Standard Profiles'!$G$22=$B$24,21,0),MOD($C5281,24)+1)/SUM(INDEX($D$3:$AA$30,INDEX(Jesper!$R$2:$R$366,ROW(INDEX(Jesper!AL$2:AL$366,ROUNDDOWN($C5281/24,0)+1,1))-1)+IF('Standard Profiles'!$G$22=$B$10,7,0)+IF('Standard Profiles'!$G$22=$B$17,14,0)+IF('Standard Profiles'!$G$22=$B$24,21,0),0)),0)</f>
        <v>0</v>
      </c>
      <c r="I5281">
        <f t="shared" si="587"/>
        <v>0.42227664893694311</v>
      </c>
      <c r="J5281">
        <f t="shared" si="588"/>
        <v>1.4075888297898105</v>
      </c>
      <c r="K5281">
        <f t="shared" si="589"/>
        <v>2.1113832446847156</v>
      </c>
      <c r="L5281">
        <f t="shared" si="590"/>
        <v>10.134639574486634</v>
      </c>
      <c r="M5281">
        <f t="shared" si="591"/>
        <v>0</v>
      </c>
      <c r="N5281" s="46">
        <f t="shared" si="592"/>
        <v>45510.624999987274</v>
      </c>
    </row>
    <row r="5282" spans="2:14" x14ac:dyDescent="0.3">
      <c r="B5282">
        <f t="shared" si="586"/>
        <v>2</v>
      </c>
      <c r="C5282" s="16">
        <v>5248</v>
      </c>
      <c r="D5282" cm="1">
        <f t="array" ref="D5282">IFERROR(INDEX(Jesper!AH$2:AH$366,ROUNDDOWN($C5282/24,0)+1,1)*INDEX($D$3:$AA$30,INDEX(Jesper!$R$2:$R$366,ROW(INDEX(Jesper!AH$2:AH$366,ROUNDDOWN($C5282/24,0)+1,1))-1)+IF('Standard Profiles'!$G$18=$B$10,7,0)+IF('Standard Profiles'!$G$18=$B$17,14,0)+IF('Standard Profiles'!$G$18=$B$24,21,0),MOD($C5282,24)+1)/SUM(INDEX($D$3:$AA$30,INDEX(Jesper!$R$2:$R$366,ROW(INDEX(Jesper!AH$2:AH$366,ROUNDDOWN($C5282/24,0)+1,1))-1)+IF('Standard Profiles'!$G$18=$B$10,7,0)+IF('Standard Profiles'!$G$18=$B$17,14,0)+IF('Standard Profiles'!$G$18=$B$24,21,0),0)),0)</f>
        <v>14.075888297898103</v>
      </c>
      <c r="E5282" cm="1">
        <f t="array" ref="E5282">IFERROR(INDEX(Jesper!AI$2:AI$366,ROUNDDOWN($C5282/24,0)+1,1)*INDEX($D$3:$AA$30,INDEX(Jesper!$R$2:$R$366,ROW(INDEX(Jesper!AI$2:AI$366,ROUNDDOWN($C5282/24,0)+1,1))-1)+IF('Standard Profiles'!$G$19=$B$10,7,0)+IF('Standard Profiles'!$G$19=$B$17,14,0)+IF('Standard Profiles'!$G$19=$B$24,21,0),MOD($C5282,24)+1)/SUM(INDEX($D$3:$AA$30,INDEX(Jesper!$R$2:$R$366,ROW(INDEX(Jesper!AI$2:AI$366,ROUNDDOWN($C5282/24,0)+1,1))-1)+IF('Standard Profiles'!$G$19=$B$10,7,0)+IF('Standard Profiles'!$G$19=$B$17,14,0)+IF('Standard Profiles'!$G$19=$B$24,21,0),0)),0)</f>
        <v>0</v>
      </c>
      <c r="F5282" cm="1">
        <f t="array" ref="F5282">IFERROR(INDEX(Jesper!AJ$2:AJ$366,ROUNDDOWN($C5282/24,0)+1,1)*INDEX($D$3:$AA$30,INDEX(Jesper!$R$2:$R$366,ROW(INDEX(Jesper!AJ$2:AJ$366,ROUNDDOWN($C5282/24,0)+1,1))-1)+IF('Standard Profiles'!$G$20=$B$10,7,0)+IF('Standard Profiles'!$G$20=$B$17,14,0)+IF('Standard Profiles'!$G$20=$B$24,21,0),MOD($C5282,24)+1)/SUM(INDEX($D$3:$AA$30,INDEX(Jesper!$R$2:$R$366,ROW(INDEX(Jesper!AJ$2:AJ$366,ROUNDDOWN($C5282/24,0)+1,1))-1)+IF('Standard Profiles'!$G$20=$B$10,7,0)+IF('Standard Profiles'!$G$20=$B$17,14,0)+IF('Standard Profiles'!$G$20=$B$24,21,0),0)),0)</f>
        <v>0</v>
      </c>
      <c r="G5282" cm="1">
        <f t="array" ref="G5282">IFERROR(INDEX(Jesper!AK$2:AK$366,ROUNDDOWN($C5282/24,0)+1,1)*INDEX($D$3:$AA$30,INDEX(Jesper!$R$2:$R$366,ROW(INDEX(Jesper!AK$2:AK$366,ROUNDDOWN($C5282/24,0)+1,1))-1)+IF('Standard Profiles'!$G$21=$B$10,7,0)+IF('Standard Profiles'!$G$21=$B$17,14,0)+IF('Standard Profiles'!$G$21=$B$24,21,0),MOD($C5282,24)+1)/SUM(INDEX($D$3:$AA$30,INDEX(Jesper!$R$2:$R$366,ROW(INDEX(Jesper!AK$2:AK$366,ROUNDDOWN($C5282/24,0)+1,1))-1)+IF('Standard Profiles'!$G$21=$B$10,7,0)+IF('Standard Profiles'!$G$21=$B$17,14,0)+IF('Standard Profiles'!$G$21=$B$24,21,0),0)),0)</f>
        <v>0</v>
      </c>
      <c r="H5282" cm="1">
        <f t="array" ref="H5282">IFERROR(INDEX(Jesper!AL$2:AL$366,ROUNDDOWN($C5282/24,0)+1,1)*INDEX($D$3:$AA$30,INDEX(Jesper!$R$2:$R$366,ROW(INDEX(Jesper!AL$2:AL$366,ROUNDDOWN($C5282/24,0)+1,1))-1)+IF('Standard Profiles'!$G$22=$B$10,7,0)+IF('Standard Profiles'!$G$22=$B$17,14,0)+IF('Standard Profiles'!$G$22=$B$24,21,0),MOD($C5282,24)+1)/SUM(INDEX($D$3:$AA$30,INDEX(Jesper!$R$2:$R$366,ROW(INDEX(Jesper!AL$2:AL$366,ROUNDDOWN($C5282/24,0)+1,1))-1)+IF('Standard Profiles'!$G$22=$B$10,7,0)+IF('Standard Profiles'!$G$22=$B$17,14,0)+IF('Standard Profiles'!$G$22=$B$24,21,0),0)),0)</f>
        <v>0</v>
      </c>
      <c r="I5282">
        <f t="shared" si="587"/>
        <v>0.42227664893694311</v>
      </c>
      <c r="J5282">
        <f t="shared" si="588"/>
        <v>1.4075888297898105</v>
      </c>
      <c r="K5282">
        <f t="shared" si="589"/>
        <v>2.1113832446847156</v>
      </c>
      <c r="L5282">
        <f t="shared" si="590"/>
        <v>10.134639574486634</v>
      </c>
      <c r="M5282">
        <f t="shared" si="591"/>
        <v>0</v>
      </c>
      <c r="N5282" s="46">
        <f t="shared" si="592"/>
        <v>45510.666666653939</v>
      </c>
    </row>
    <row r="5283" spans="2:14" x14ac:dyDescent="0.3">
      <c r="B5283">
        <f t="shared" ref="B5283:B5346" si="593">WEEKDAY(N5283,2)</f>
        <v>2</v>
      </c>
      <c r="C5283" s="16">
        <v>5249</v>
      </c>
      <c r="D5283" cm="1">
        <f t="array" ref="D5283">IFERROR(INDEX(Jesper!AH$2:AH$366,ROUNDDOWN($C5283/24,0)+1,1)*INDEX($D$3:$AA$30,INDEX(Jesper!$R$2:$R$366,ROW(INDEX(Jesper!AH$2:AH$366,ROUNDDOWN($C5283/24,0)+1,1))-1)+IF('Standard Profiles'!$G$18=$B$10,7,0)+IF('Standard Profiles'!$G$18=$B$17,14,0)+IF('Standard Profiles'!$G$18=$B$24,21,0),MOD($C5283,24)+1)/SUM(INDEX($D$3:$AA$30,INDEX(Jesper!$R$2:$R$366,ROW(INDEX(Jesper!AH$2:AH$366,ROUNDDOWN($C5283/24,0)+1,1))-1)+IF('Standard Profiles'!$G$18=$B$10,7,0)+IF('Standard Profiles'!$G$18=$B$17,14,0)+IF('Standard Profiles'!$G$18=$B$24,21,0),0)),0)</f>
        <v>14.075888297898103</v>
      </c>
      <c r="E5283" cm="1">
        <f t="array" ref="E5283">IFERROR(INDEX(Jesper!AI$2:AI$366,ROUNDDOWN($C5283/24,0)+1,1)*INDEX($D$3:$AA$30,INDEX(Jesper!$R$2:$R$366,ROW(INDEX(Jesper!AI$2:AI$366,ROUNDDOWN($C5283/24,0)+1,1))-1)+IF('Standard Profiles'!$G$19=$B$10,7,0)+IF('Standard Profiles'!$G$19=$B$17,14,0)+IF('Standard Profiles'!$G$19=$B$24,21,0),MOD($C5283,24)+1)/SUM(INDEX($D$3:$AA$30,INDEX(Jesper!$R$2:$R$366,ROW(INDEX(Jesper!AI$2:AI$366,ROUNDDOWN($C5283/24,0)+1,1))-1)+IF('Standard Profiles'!$G$19=$B$10,7,0)+IF('Standard Profiles'!$G$19=$B$17,14,0)+IF('Standard Profiles'!$G$19=$B$24,21,0),0)),0)</f>
        <v>0</v>
      </c>
      <c r="F5283" cm="1">
        <f t="array" ref="F5283">IFERROR(INDEX(Jesper!AJ$2:AJ$366,ROUNDDOWN($C5283/24,0)+1,1)*INDEX($D$3:$AA$30,INDEX(Jesper!$R$2:$R$366,ROW(INDEX(Jesper!AJ$2:AJ$366,ROUNDDOWN($C5283/24,0)+1,1))-1)+IF('Standard Profiles'!$G$20=$B$10,7,0)+IF('Standard Profiles'!$G$20=$B$17,14,0)+IF('Standard Profiles'!$G$20=$B$24,21,0),MOD($C5283,24)+1)/SUM(INDEX($D$3:$AA$30,INDEX(Jesper!$R$2:$R$366,ROW(INDEX(Jesper!AJ$2:AJ$366,ROUNDDOWN($C5283/24,0)+1,1))-1)+IF('Standard Profiles'!$G$20=$B$10,7,0)+IF('Standard Profiles'!$G$20=$B$17,14,0)+IF('Standard Profiles'!$G$20=$B$24,21,0),0)),0)</f>
        <v>0</v>
      </c>
      <c r="G5283" cm="1">
        <f t="array" ref="G5283">IFERROR(INDEX(Jesper!AK$2:AK$366,ROUNDDOWN($C5283/24,0)+1,1)*INDEX($D$3:$AA$30,INDEX(Jesper!$R$2:$R$366,ROW(INDEX(Jesper!AK$2:AK$366,ROUNDDOWN($C5283/24,0)+1,1))-1)+IF('Standard Profiles'!$G$21=$B$10,7,0)+IF('Standard Profiles'!$G$21=$B$17,14,0)+IF('Standard Profiles'!$G$21=$B$24,21,0),MOD($C5283,24)+1)/SUM(INDEX($D$3:$AA$30,INDEX(Jesper!$R$2:$R$366,ROW(INDEX(Jesper!AK$2:AK$366,ROUNDDOWN($C5283/24,0)+1,1))-1)+IF('Standard Profiles'!$G$21=$B$10,7,0)+IF('Standard Profiles'!$G$21=$B$17,14,0)+IF('Standard Profiles'!$G$21=$B$24,21,0),0)),0)</f>
        <v>0</v>
      </c>
      <c r="H5283" cm="1">
        <f t="array" ref="H5283">IFERROR(INDEX(Jesper!AL$2:AL$366,ROUNDDOWN($C5283/24,0)+1,1)*INDEX($D$3:$AA$30,INDEX(Jesper!$R$2:$R$366,ROW(INDEX(Jesper!AL$2:AL$366,ROUNDDOWN($C5283/24,0)+1,1))-1)+IF('Standard Profiles'!$G$22=$B$10,7,0)+IF('Standard Profiles'!$G$22=$B$17,14,0)+IF('Standard Profiles'!$G$22=$B$24,21,0),MOD($C5283,24)+1)/SUM(INDEX($D$3:$AA$30,INDEX(Jesper!$R$2:$R$366,ROW(INDEX(Jesper!AL$2:AL$366,ROUNDDOWN($C5283/24,0)+1,1))-1)+IF('Standard Profiles'!$G$22=$B$10,7,0)+IF('Standard Profiles'!$G$22=$B$17,14,0)+IF('Standard Profiles'!$G$22=$B$24,21,0),0)),0)</f>
        <v>0</v>
      </c>
      <c r="I5283">
        <f t="shared" ref="I5283:I5346" si="594">IF($B5283&lt;6,AC$37*$D5283+AC$38*$E5283+AC$39*$F5283+AC$40*$G5283,AC$46*$D5283+AC$47*$E5283+AC$48*$F5283+AC$49*$G5283+AC$50*$H5283)</f>
        <v>0.42227664893694311</v>
      </c>
      <c r="J5283">
        <f t="shared" ref="J5283:J5346" si="595">IF($B5283&lt;6,AD$37*$D5283+AD$38*$E5283+AD$39*$F5283+AD$40*$G5283,AD$46*$D5283+AD$47*$E5283+AD$48*$F5283+AD$49*$G5283+AD$50*$H5283)</f>
        <v>1.4075888297898105</v>
      </c>
      <c r="K5283">
        <f t="shared" ref="K5283:K5346" si="596">IF($B5283&lt;6,AE$37*$D5283+AE$38*$E5283+AE$39*$F5283+AE$40*$G5283,AE$46*$D5283+AE$47*$E5283+AE$48*$F5283+AE$49*$G5283+AE$50*$H5283)</f>
        <v>2.1113832446847156</v>
      </c>
      <c r="L5283">
        <f t="shared" ref="L5283:L5346" si="597">IF($B5283&lt;6,AF$37*$D5283+AF$38*$E5283+AF$39*$F5283+AF$40*$G5283,AF$46*$D5283+AF$47*$E5283+AF$48*$F5283+AF$49*$G5283+AF$50*$H5283)</f>
        <v>10.134639574486634</v>
      </c>
      <c r="M5283">
        <f t="shared" ref="M5283:M5346" si="598">IF($B5283&lt;6,AG$37*$D5283+AG$38*$E5283+AG$39*$F5283+AG$40*$G5283,AG$46*$D5283+AG$47*$E5283+AG$48*$F5283+AG$49*$G5283+AG$50*$H5283)</f>
        <v>0</v>
      </c>
      <c r="N5283" s="46">
        <f t="shared" si="592"/>
        <v>45510.708333320603</v>
      </c>
    </row>
    <row r="5284" spans="2:14" x14ac:dyDescent="0.3">
      <c r="B5284">
        <f t="shared" si="593"/>
        <v>2</v>
      </c>
      <c r="C5284" s="16">
        <v>5250</v>
      </c>
      <c r="D5284" cm="1">
        <f t="array" ref="D5284">IFERROR(INDEX(Jesper!AH$2:AH$366,ROUNDDOWN($C5284/24,0)+1,1)*INDEX($D$3:$AA$30,INDEX(Jesper!$R$2:$R$366,ROW(INDEX(Jesper!AH$2:AH$366,ROUNDDOWN($C5284/24,0)+1,1))-1)+IF('Standard Profiles'!$G$18=$B$10,7,0)+IF('Standard Profiles'!$G$18=$B$17,14,0)+IF('Standard Profiles'!$G$18=$B$24,21,0),MOD($C5284,24)+1)/SUM(INDEX($D$3:$AA$30,INDEX(Jesper!$R$2:$R$366,ROW(INDEX(Jesper!AH$2:AH$366,ROUNDDOWN($C5284/24,0)+1,1))-1)+IF('Standard Profiles'!$G$18=$B$10,7,0)+IF('Standard Profiles'!$G$18=$B$17,14,0)+IF('Standard Profiles'!$G$18=$B$24,21,0),0)),0)</f>
        <v>14.075888297898103</v>
      </c>
      <c r="E5284" cm="1">
        <f t="array" ref="E5284">IFERROR(INDEX(Jesper!AI$2:AI$366,ROUNDDOWN($C5284/24,0)+1,1)*INDEX($D$3:$AA$30,INDEX(Jesper!$R$2:$R$366,ROW(INDEX(Jesper!AI$2:AI$366,ROUNDDOWN($C5284/24,0)+1,1))-1)+IF('Standard Profiles'!$G$19=$B$10,7,0)+IF('Standard Profiles'!$G$19=$B$17,14,0)+IF('Standard Profiles'!$G$19=$B$24,21,0),MOD($C5284,24)+1)/SUM(INDEX($D$3:$AA$30,INDEX(Jesper!$R$2:$R$366,ROW(INDEX(Jesper!AI$2:AI$366,ROUNDDOWN($C5284/24,0)+1,1))-1)+IF('Standard Profiles'!$G$19=$B$10,7,0)+IF('Standard Profiles'!$G$19=$B$17,14,0)+IF('Standard Profiles'!$G$19=$B$24,21,0),0)),0)</f>
        <v>0</v>
      </c>
      <c r="F5284" cm="1">
        <f t="array" ref="F5284">IFERROR(INDEX(Jesper!AJ$2:AJ$366,ROUNDDOWN($C5284/24,0)+1,1)*INDEX($D$3:$AA$30,INDEX(Jesper!$R$2:$R$366,ROW(INDEX(Jesper!AJ$2:AJ$366,ROUNDDOWN($C5284/24,0)+1,1))-1)+IF('Standard Profiles'!$G$20=$B$10,7,0)+IF('Standard Profiles'!$G$20=$B$17,14,0)+IF('Standard Profiles'!$G$20=$B$24,21,0),MOD($C5284,24)+1)/SUM(INDEX($D$3:$AA$30,INDEX(Jesper!$R$2:$R$366,ROW(INDEX(Jesper!AJ$2:AJ$366,ROUNDDOWN($C5284/24,0)+1,1))-1)+IF('Standard Profiles'!$G$20=$B$10,7,0)+IF('Standard Profiles'!$G$20=$B$17,14,0)+IF('Standard Profiles'!$G$20=$B$24,21,0),0)),0)</f>
        <v>0</v>
      </c>
      <c r="G5284" cm="1">
        <f t="array" ref="G5284">IFERROR(INDEX(Jesper!AK$2:AK$366,ROUNDDOWN($C5284/24,0)+1,1)*INDEX($D$3:$AA$30,INDEX(Jesper!$R$2:$R$366,ROW(INDEX(Jesper!AK$2:AK$366,ROUNDDOWN($C5284/24,0)+1,1))-1)+IF('Standard Profiles'!$G$21=$B$10,7,0)+IF('Standard Profiles'!$G$21=$B$17,14,0)+IF('Standard Profiles'!$G$21=$B$24,21,0),MOD($C5284,24)+1)/SUM(INDEX($D$3:$AA$30,INDEX(Jesper!$R$2:$R$366,ROW(INDEX(Jesper!AK$2:AK$366,ROUNDDOWN($C5284/24,0)+1,1))-1)+IF('Standard Profiles'!$G$21=$B$10,7,0)+IF('Standard Profiles'!$G$21=$B$17,14,0)+IF('Standard Profiles'!$G$21=$B$24,21,0),0)),0)</f>
        <v>0</v>
      </c>
      <c r="H5284" cm="1">
        <f t="array" ref="H5284">IFERROR(INDEX(Jesper!AL$2:AL$366,ROUNDDOWN($C5284/24,0)+1,1)*INDEX($D$3:$AA$30,INDEX(Jesper!$R$2:$R$366,ROW(INDEX(Jesper!AL$2:AL$366,ROUNDDOWN($C5284/24,0)+1,1))-1)+IF('Standard Profiles'!$G$22=$B$10,7,0)+IF('Standard Profiles'!$G$22=$B$17,14,0)+IF('Standard Profiles'!$G$22=$B$24,21,0),MOD($C5284,24)+1)/SUM(INDEX($D$3:$AA$30,INDEX(Jesper!$R$2:$R$366,ROW(INDEX(Jesper!AL$2:AL$366,ROUNDDOWN($C5284/24,0)+1,1))-1)+IF('Standard Profiles'!$G$22=$B$10,7,0)+IF('Standard Profiles'!$G$22=$B$17,14,0)+IF('Standard Profiles'!$G$22=$B$24,21,0),0)),0)</f>
        <v>0</v>
      </c>
      <c r="I5284">
        <f t="shared" si="594"/>
        <v>0.42227664893694311</v>
      </c>
      <c r="J5284">
        <f t="shared" si="595"/>
        <v>1.4075888297898105</v>
      </c>
      <c r="K5284">
        <f t="shared" si="596"/>
        <v>2.1113832446847156</v>
      </c>
      <c r="L5284">
        <f t="shared" si="597"/>
        <v>10.134639574486634</v>
      </c>
      <c r="M5284">
        <f t="shared" si="598"/>
        <v>0</v>
      </c>
      <c r="N5284" s="46">
        <f t="shared" ref="N5284:N5347" si="599">N5283+1/24</f>
        <v>45510.749999987267</v>
      </c>
    </row>
    <row r="5285" spans="2:14" x14ac:dyDescent="0.3">
      <c r="B5285">
        <f t="shared" si="593"/>
        <v>2</v>
      </c>
      <c r="C5285" s="16">
        <v>5251</v>
      </c>
      <c r="D5285" cm="1">
        <f t="array" ref="D5285">IFERROR(INDEX(Jesper!AH$2:AH$366,ROUNDDOWN($C5285/24,0)+1,1)*INDEX($D$3:$AA$30,INDEX(Jesper!$R$2:$R$366,ROW(INDEX(Jesper!AH$2:AH$366,ROUNDDOWN($C5285/24,0)+1,1))-1)+IF('Standard Profiles'!$G$18=$B$10,7,0)+IF('Standard Profiles'!$G$18=$B$17,14,0)+IF('Standard Profiles'!$G$18=$B$24,21,0),MOD($C5285,24)+1)/SUM(INDEX($D$3:$AA$30,INDEX(Jesper!$R$2:$R$366,ROW(INDEX(Jesper!AH$2:AH$366,ROUNDDOWN($C5285/24,0)+1,1))-1)+IF('Standard Profiles'!$G$18=$B$10,7,0)+IF('Standard Profiles'!$G$18=$B$17,14,0)+IF('Standard Profiles'!$G$18=$B$24,21,0),0)),0)</f>
        <v>11.788556449489661</v>
      </c>
      <c r="E5285" cm="1">
        <f t="array" ref="E5285">IFERROR(INDEX(Jesper!AI$2:AI$366,ROUNDDOWN($C5285/24,0)+1,1)*INDEX($D$3:$AA$30,INDEX(Jesper!$R$2:$R$366,ROW(INDEX(Jesper!AI$2:AI$366,ROUNDDOWN($C5285/24,0)+1,1))-1)+IF('Standard Profiles'!$G$19=$B$10,7,0)+IF('Standard Profiles'!$G$19=$B$17,14,0)+IF('Standard Profiles'!$G$19=$B$24,21,0),MOD($C5285,24)+1)/SUM(INDEX($D$3:$AA$30,INDEX(Jesper!$R$2:$R$366,ROW(INDEX(Jesper!AI$2:AI$366,ROUNDDOWN($C5285/24,0)+1,1))-1)+IF('Standard Profiles'!$G$19=$B$10,7,0)+IF('Standard Profiles'!$G$19=$B$17,14,0)+IF('Standard Profiles'!$G$19=$B$24,21,0),0)),0)</f>
        <v>0</v>
      </c>
      <c r="F5285" cm="1">
        <f t="array" ref="F5285">IFERROR(INDEX(Jesper!AJ$2:AJ$366,ROUNDDOWN($C5285/24,0)+1,1)*INDEX($D$3:$AA$30,INDEX(Jesper!$R$2:$R$366,ROW(INDEX(Jesper!AJ$2:AJ$366,ROUNDDOWN($C5285/24,0)+1,1))-1)+IF('Standard Profiles'!$G$20=$B$10,7,0)+IF('Standard Profiles'!$G$20=$B$17,14,0)+IF('Standard Profiles'!$G$20=$B$24,21,0),MOD($C5285,24)+1)/SUM(INDEX($D$3:$AA$30,INDEX(Jesper!$R$2:$R$366,ROW(INDEX(Jesper!AJ$2:AJ$366,ROUNDDOWN($C5285/24,0)+1,1))-1)+IF('Standard Profiles'!$G$20=$B$10,7,0)+IF('Standard Profiles'!$G$20=$B$17,14,0)+IF('Standard Profiles'!$G$20=$B$24,21,0),0)),0)</f>
        <v>0</v>
      </c>
      <c r="G5285" cm="1">
        <f t="array" ref="G5285">IFERROR(INDEX(Jesper!AK$2:AK$366,ROUNDDOWN($C5285/24,0)+1,1)*INDEX($D$3:$AA$30,INDEX(Jesper!$R$2:$R$366,ROW(INDEX(Jesper!AK$2:AK$366,ROUNDDOWN($C5285/24,0)+1,1))-1)+IF('Standard Profiles'!$G$21=$B$10,7,0)+IF('Standard Profiles'!$G$21=$B$17,14,0)+IF('Standard Profiles'!$G$21=$B$24,21,0),MOD($C5285,24)+1)/SUM(INDEX($D$3:$AA$30,INDEX(Jesper!$R$2:$R$366,ROW(INDEX(Jesper!AK$2:AK$366,ROUNDDOWN($C5285/24,0)+1,1))-1)+IF('Standard Profiles'!$G$21=$B$10,7,0)+IF('Standard Profiles'!$G$21=$B$17,14,0)+IF('Standard Profiles'!$G$21=$B$24,21,0),0)),0)</f>
        <v>0</v>
      </c>
      <c r="H5285" cm="1">
        <f t="array" ref="H5285">IFERROR(INDEX(Jesper!AL$2:AL$366,ROUNDDOWN($C5285/24,0)+1,1)*INDEX($D$3:$AA$30,INDEX(Jesper!$R$2:$R$366,ROW(INDEX(Jesper!AL$2:AL$366,ROUNDDOWN($C5285/24,0)+1,1))-1)+IF('Standard Profiles'!$G$22=$B$10,7,0)+IF('Standard Profiles'!$G$22=$B$17,14,0)+IF('Standard Profiles'!$G$22=$B$24,21,0),MOD($C5285,24)+1)/SUM(INDEX($D$3:$AA$30,INDEX(Jesper!$R$2:$R$366,ROW(INDEX(Jesper!AL$2:AL$366,ROUNDDOWN($C5285/24,0)+1,1))-1)+IF('Standard Profiles'!$G$22=$B$10,7,0)+IF('Standard Profiles'!$G$22=$B$17,14,0)+IF('Standard Profiles'!$G$22=$B$24,21,0),0)),0)</f>
        <v>0</v>
      </c>
      <c r="I5285">
        <f t="shared" si="594"/>
        <v>0.35365669348468981</v>
      </c>
      <c r="J5285">
        <f t="shared" si="595"/>
        <v>1.1788556449489662</v>
      </c>
      <c r="K5285">
        <f t="shared" si="596"/>
        <v>1.7682834674234491</v>
      </c>
      <c r="L5285">
        <f t="shared" si="597"/>
        <v>8.487760643632555</v>
      </c>
      <c r="M5285">
        <f t="shared" si="598"/>
        <v>0</v>
      </c>
      <c r="N5285" s="46">
        <f t="shared" si="599"/>
        <v>45510.791666653931</v>
      </c>
    </row>
    <row r="5286" spans="2:14" x14ac:dyDescent="0.3">
      <c r="B5286">
        <f t="shared" si="593"/>
        <v>2</v>
      </c>
      <c r="C5286" s="16">
        <v>5252</v>
      </c>
      <c r="D5286" cm="1">
        <f t="array" ref="D5286">IFERROR(INDEX(Jesper!AH$2:AH$366,ROUNDDOWN($C5286/24,0)+1,1)*INDEX($D$3:$AA$30,INDEX(Jesper!$R$2:$R$366,ROW(INDEX(Jesper!AH$2:AH$366,ROUNDDOWN($C5286/24,0)+1,1))-1)+IF('Standard Profiles'!$G$18=$B$10,7,0)+IF('Standard Profiles'!$G$18=$B$17,14,0)+IF('Standard Profiles'!$G$18=$B$24,21,0),MOD($C5286,24)+1)/SUM(INDEX($D$3:$AA$30,INDEX(Jesper!$R$2:$R$366,ROW(INDEX(Jesper!AH$2:AH$366,ROUNDDOWN($C5286/24,0)+1,1))-1)+IF('Standard Profiles'!$G$18=$B$10,7,0)+IF('Standard Profiles'!$G$18=$B$17,14,0)+IF('Standard Profiles'!$G$18=$B$24,21,0),0)),0)</f>
        <v>9.6771732048049444</v>
      </c>
      <c r="E5286" cm="1">
        <f t="array" ref="E5286">IFERROR(INDEX(Jesper!AI$2:AI$366,ROUNDDOWN($C5286/24,0)+1,1)*INDEX($D$3:$AA$30,INDEX(Jesper!$R$2:$R$366,ROW(INDEX(Jesper!AI$2:AI$366,ROUNDDOWN($C5286/24,0)+1,1))-1)+IF('Standard Profiles'!$G$19=$B$10,7,0)+IF('Standard Profiles'!$G$19=$B$17,14,0)+IF('Standard Profiles'!$G$19=$B$24,21,0),MOD($C5286,24)+1)/SUM(INDEX($D$3:$AA$30,INDEX(Jesper!$R$2:$R$366,ROW(INDEX(Jesper!AI$2:AI$366,ROUNDDOWN($C5286/24,0)+1,1))-1)+IF('Standard Profiles'!$G$19=$B$10,7,0)+IF('Standard Profiles'!$G$19=$B$17,14,0)+IF('Standard Profiles'!$G$19=$B$24,21,0),0)),0)</f>
        <v>0</v>
      </c>
      <c r="F5286" cm="1">
        <f t="array" ref="F5286">IFERROR(INDEX(Jesper!AJ$2:AJ$366,ROUNDDOWN($C5286/24,0)+1,1)*INDEX($D$3:$AA$30,INDEX(Jesper!$R$2:$R$366,ROW(INDEX(Jesper!AJ$2:AJ$366,ROUNDDOWN($C5286/24,0)+1,1))-1)+IF('Standard Profiles'!$G$20=$B$10,7,0)+IF('Standard Profiles'!$G$20=$B$17,14,0)+IF('Standard Profiles'!$G$20=$B$24,21,0),MOD($C5286,24)+1)/SUM(INDEX($D$3:$AA$30,INDEX(Jesper!$R$2:$R$366,ROW(INDEX(Jesper!AJ$2:AJ$366,ROUNDDOWN($C5286/24,0)+1,1))-1)+IF('Standard Profiles'!$G$20=$B$10,7,0)+IF('Standard Profiles'!$G$20=$B$17,14,0)+IF('Standard Profiles'!$G$20=$B$24,21,0),0)),0)</f>
        <v>0</v>
      </c>
      <c r="G5286" cm="1">
        <f t="array" ref="G5286">IFERROR(INDEX(Jesper!AK$2:AK$366,ROUNDDOWN($C5286/24,0)+1,1)*INDEX($D$3:$AA$30,INDEX(Jesper!$R$2:$R$366,ROW(INDEX(Jesper!AK$2:AK$366,ROUNDDOWN($C5286/24,0)+1,1))-1)+IF('Standard Profiles'!$G$21=$B$10,7,0)+IF('Standard Profiles'!$G$21=$B$17,14,0)+IF('Standard Profiles'!$G$21=$B$24,21,0),MOD($C5286,24)+1)/SUM(INDEX($D$3:$AA$30,INDEX(Jesper!$R$2:$R$366,ROW(INDEX(Jesper!AK$2:AK$366,ROUNDDOWN($C5286/24,0)+1,1))-1)+IF('Standard Profiles'!$G$21=$B$10,7,0)+IF('Standard Profiles'!$G$21=$B$17,14,0)+IF('Standard Profiles'!$G$21=$B$24,21,0),0)),0)</f>
        <v>0</v>
      </c>
      <c r="H5286" cm="1">
        <f t="array" ref="H5286">IFERROR(INDEX(Jesper!AL$2:AL$366,ROUNDDOWN($C5286/24,0)+1,1)*INDEX($D$3:$AA$30,INDEX(Jesper!$R$2:$R$366,ROW(INDEX(Jesper!AL$2:AL$366,ROUNDDOWN($C5286/24,0)+1,1))-1)+IF('Standard Profiles'!$G$22=$B$10,7,0)+IF('Standard Profiles'!$G$22=$B$17,14,0)+IF('Standard Profiles'!$G$22=$B$24,21,0),MOD($C5286,24)+1)/SUM(INDEX($D$3:$AA$30,INDEX(Jesper!$R$2:$R$366,ROW(INDEX(Jesper!AL$2:AL$366,ROUNDDOWN($C5286/24,0)+1,1))-1)+IF('Standard Profiles'!$G$22=$B$10,7,0)+IF('Standard Profiles'!$G$22=$B$17,14,0)+IF('Standard Profiles'!$G$22=$B$24,21,0),0)),0)</f>
        <v>0</v>
      </c>
      <c r="I5286">
        <f t="shared" si="594"/>
        <v>0.2903151961441483</v>
      </c>
      <c r="J5286">
        <f t="shared" si="595"/>
        <v>0.96771732048049453</v>
      </c>
      <c r="K5286">
        <f t="shared" si="596"/>
        <v>1.4515759807207416</v>
      </c>
      <c r="L5286">
        <f t="shared" si="597"/>
        <v>6.9675647074595597</v>
      </c>
      <c r="M5286">
        <f t="shared" si="598"/>
        <v>0</v>
      </c>
      <c r="N5286" s="46">
        <f t="shared" si="599"/>
        <v>45510.833333320596</v>
      </c>
    </row>
    <row r="5287" spans="2:14" x14ac:dyDescent="0.3">
      <c r="B5287">
        <f t="shared" si="593"/>
        <v>2</v>
      </c>
      <c r="C5287" s="16">
        <v>5253</v>
      </c>
      <c r="D5287" cm="1">
        <f t="array" ref="D5287">IFERROR(INDEX(Jesper!AH$2:AH$366,ROUNDDOWN($C5287/24,0)+1,1)*INDEX($D$3:$AA$30,INDEX(Jesper!$R$2:$R$366,ROW(INDEX(Jesper!AH$2:AH$366,ROUNDDOWN($C5287/24,0)+1,1))-1)+IF('Standard Profiles'!$G$18=$B$10,7,0)+IF('Standard Profiles'!$G$18=$B$17,14,0)+IF('Standard Profiles'!$G$18=$B$24,21,0),MOD($C5287,24)+1)/SUM(INDEX($D$3:$AA$30,INDEX(Jesper!$R$2:$R$366,ROW(INDEX(Jesper!AH$2:AH$366,ROUNDDOWN($C5287/24,0)+1,1))-1)+IF('Standard Profiles'!$G$18=$B$10,7,0)+IF('Standard Profiles'!$G$18=$B$17,14,0)+IF('Standard Profiles'!$G$18=$B$24,21,0),0)),0)</f>
        <v>7.0379441489490517</v>
      </c>
      <c r="E5287" cm="1">
        <f t="array" ref="E5287">IFERROR(INDEX(Jesper!AI$2:AI$366,ROUNDDOWN($C5287/24,0)+1,1)*INDEX($D$3:$AA$30,INDEX(Jesper!$R$2:$R$366,ROW(INDEX(Jesper!AI$2:AI$366,ROUNDDOWN($C5287/24,0)+1,1))-1)+IF('Standard Profiles'!$G$19=$B$10,7,0)+IF('Standard Profiles'!$G$19=$B$17,14,0)+IF('Standard Profiles'!$G$19=$B$24,21,0),MOD($C5287,24)+1)/SUM(INDEX($D$3:$AA$30,INDEX(Jesper!$R$2:$R$366,ROW(INDEX(Jesper!AI$2:AI$366,ROUNDDOWN($C5287/24,0)+1,1))-1)+IF('Standard Profiles'!$G$19=$B$10,7,0)+IF('Standard Profiles'!$G$19=$B$17,14,0)+IF('Standard Profiles'!$G$19=$B$24,21,0),0)),0)</f>
        <v>0</v>
      </c>
      <c r="F5287" cm="1">
        <f t="array" ref="F5287">IFERROR(INDEX(Jesper!AJ$2:AJ$366,ROUNDDOWN($C5287/24,0)+1,1)*INDEX($D$3:$AA$30,INDEX(Jesper!$R$2:$R$366,ROW(INDEX(Jesper!AJ$2:AJ$366,ROUNDDOWN($C5287/24,0)+1,1))-1)+IF('Standard Profiles'!$G$20=$B$10,7,0)+IF('Standard Profiles'!$G$20=$B$17,14,0)+IF('Standard Profiles'!$G$20=$B$24,21,0),MOD($C5287,24)+1)/SUM(INDEX($D$3:$AA$30,INDEX(Jesper!$R$2:$R$366,ROW(INDEX(Jesper!AJ$2:AJ$366,ROUNDDOWN($C5287/24,0)+1,1))-1)+IF('Standard Profiles'!$G$20=$B$10,7,0)+IF('Standard Profiles'!$G$20=$B$17,14,0)+IF('Standard Profiles'!$G$20=$B$24,21,0),0)),0)</f>
        <v>0</v>
      </c>
      <c r="G5287" cm="1">
        <f t="array" ref="G5287">IFERROR(INDEX(Jesper!AK$2:AK$366,ROUNDDOWN($C5287/24,0)+1,1)*INDEX($D$3:$AA$30,INDEX(Jesper!$R$2:$R$366,ROW(INDEX(Jesper!AK$2:AK$366,ROUNDDOWN($C5287/24,0)+1,1))-1)+IF('Standard Profiles'!$G$21=$B$10,7,0)+IF('Standard Profiles'!$G$21=$B$17,14,0)+IF('Standard Profiles'!$G$21=$B$24,21,0),MOD($C5287,24)+1)/SUM(INDEX($D$3:$AA$30,INDEX(Jesper!$R$2:$R$366,ROW(INDEX(Jesper!AK$2:AK$366,ROUNDDOWN($C5287/24,0)+1,1))-1)+IF('Standard Profiles'!$G$21=$B$10,7,0)+IF('Standard Profiles'!$G$21=$B$17,14,0)+IF('Standard Profiles'!$G$21=$B$24,21,0),0)),0)</f>
        <v>0</v>
      </c>
      <c r="H5287" cm="1">
        <f t="array" ref="H5287">IFERROR(INDEX(Jesper!AL$2:AL$366,ROUNDDOWN($C5287/24,0)+1,1)*INDEX($D$3:$AA$30,INDEX(Jesper!$R$2:$R$366,ROW(INDEX(Jesper!AL$2:AL$366,ROUNDDOWN($C5287/24,0)+1,1))-1)+IF('Standard Profiles'!$G$22=$B$10,7,0)+IF('Standard Profiles'!$G$22=$B$17,14,0)+IF('Standard Profiles'!$G$22=$B$24,21,0),MOD($C5287,24)+1)/SUM(INDEX($D$3:$AA$30,INDEX(Jesper!$R$2:$R$366,ROW(INDEX(Jesper!AL$2:AL$366,ROUNDDOWN($C5287/24,0)+1,1))-1)+IF('Standard Profiles'!$G$22=$B$10,7,0)+IF('Standard Profiles'!$G$22=$B$17,14,0)+IF('Standard Profiles'!$G$22=$B$24,21,0),0)),0)</f>
        <v>0</v>
      </c>
      <c r="I5287">
        <f t="shared" si="594"/>
        <v>0.21113832446847156</v>
      </c>
      <c r="J5287">
        <f t="shared" si="595"/>
        <v>0.70379441489490524</v>
      </c>
      <c r="K5287">
        <f t="shared" si="596"/>
        <v>1.0556916223423578</v>
      </c>
      <c r="L5287">
        <f t="shared" si="597"/>
        <v>5.0673197872433171</v>
      </c>
      <c r="M5287">
        <f t="shared" si="598"/>
        <v>0</v>
      </c>
      <c r="N5287" s="46">
        <f t="shared" si="599"/>
        <v>45510.87499998726</v>
      </c>
    </row>
    <row r="5288" spans="2:14" x14ac:dyDescent="0.3">
      <c r="B5288">
        <f t="shared" si="593"/>
        <v>2</v>
      </c>
      <c r="C5288" s="16">
        <v>5254</v>
      </c>
      <c r="D5288" cm="1">
        <f t="array" ref="D5288">IFERROR(INDEX(Jesper!AH$2:AH$366,ROUNDDOWN($C5288/24,0)+1,1)*INDEX($D$3:$AA$30,INDEX(Jesper!$R$2:$R$366,ROW(INDEX(Jesper!AH$2:AH$366,ROUNDDOWN($C5288/24,0)+1,1))-1)+IF('Standard Profiles'!$G$18=$B$10,7,0)+IF('Standard Profiles'!$G$18=$B$17,14,0)+IF('Standard Profiles'!$G$18=$B$24,21,0),MOD($C5288,24)+1)/SUM(INDEX($D$3:$AA$30,INDEX(Jesper!$R$2:$R$366,ROW(INDEX(Jesper!AH$2:AH$366,ROUNDDOWN($C5288/24,0)+1,1))-1)+IF('Standard Profiles'!$G$18=$B$10,7,0)+IF('Standard Profiles'!$G$18=$B$17,14,0)+IF('Standard Profiles'!$G$18=$B$24,21,0),0)),0)</f>
        <v>7.0379441489490517</v>
      </c>
      <c r="E5288" cm="1">
        <f t="array" ref="E5288">IFERROR(INDEX(Jesper!AI$2:AI$366,ROUNDDOWN($C5288/24,0)+1,1)*INDEX($D$3:$AA$30,INDEX(Jesper!$R$2:$R$366,ROW(INDEX(Jesper!AI$2:AI$366,ROUNDDOWN($C5288/24,0)+1,1))-1)+IF('Standard Profiles'!$G$19=$B$10,7,0)+IF('Standard Profiles'!$G$19=$B$17,14,0)+IF('Standard Profiles'!$G$19=$B$24,21,0),MOD($C5288,24)+1)/SUM(INDEX($D$3:$AA$30,INDEX(Jesper!$R$2:$R$366,ROW(INDEX(Jesper!AI$2:AI$366,ROUNDDOWN($C5288/24,0)+1,1))-1)+IF('Standard Profiles'!$G$19=$B$10,7,0)+IF('Standard Profiles'!$G$19=$B$17,14,0)+IF('Standard Profiles'!$G$19=$B$24,21,0),0)),0)</f>
        <v>0</v>
      </c>
      <c r="F5288" cm="1">
        <f t="array" ref="F5288">IFERROR(INDEX(Jesper!AJ$2:AJ$366,ROUNDDOWN($C5288/24,0)+1,1)*INDEX($D$3:$AA$30,INDEX(Jesper!$R$2:$R$366,ROW(INDEX(Jesper!AJ$2:AJ$366,ROUNDDOWN($C5288/24,0)+1,1))-1)+IF('Standard Profiles'!$G$20=$B$10,7,0)+IF('Standard Profiles'!$G$20=$B$17,14,0)+IF('Standard Profiles'!$G$20=$B$24,21,0),MOD($C5288,24)+1)/SUM(INDEX($D$3:$AA$30,INDEX(Jesper!$R$2:$R$366,ROW(INDEX(Jesper!AJ$2:AJ$366,ROUNDDOWN($C5288/24,0)+1,1))-1)+IF('Standard Profiles'!$G$20=$B$10,7,0)+IF('Standard Profiles'!$G$20=$B$17,14,0)+IF('Standard Profiles'!$G$20=$B$24,21,0),0)),0)</f>
        <v>0</v>
      </c>
      <c r="G5288" cm="1">
        <f t="array" ref="G5288">IFERROR(INDEX(Jesper!AK$2:AK$366,ROUNDDOWN($C5288/24,0)+1,1)*INDEX($D$3:$AA$30,INDEX(Jesper!$R$2:$R$366,ROW(INDEX(Jesper!AK$2:AK$366,ROUNDDOWN($C5288/24,0)+1,1))-1)+IF('Standard Profiles'!$G$21=$B$10,7,0)+IF('Standard Profiles'!$G$21=$B$17,14,0)+IF('Standard Profiles'!$G$21=$B$24,21,0),MOD($C5288,24)+1)/SUM(INDEX($D$3:$AA$30,INDEX(Jesper!$R$2:$R$366,ROW(INDEX(Jesper!AK$2:AK$366,ROUNDDOWN($C5288/24,0)+1,1))-1)+IF('Standard Profiles'!$G$21=$B$10,7,0)+IF('Standard Profiles'!$G$21=$B$17,14,0)+IF('Standard Profiles'!$G$21=$B$24,21,0),0)),0)</f>
        <v>0</v>
      </c>
      <c r="H5288" cm="1">
        <f t="array" ref="H5288">IFERROR(INDEX(Jesper!AL$2:AL$366,ROUNDDOWN($C5288/24,0)+1,1)*INDEX($D$3:$AA$30,INDEX(Jesper!$R$2:$R$366,ROW(INDEX(Jesper!AL$2:AL$366,ROUNDDOWN($C5288/24,0)+1,1))-1)+IF('Standard Profiles'!$G$22=$B$10,7,0)+IF('Standard Profiles'!$G$22=$B$17,14,0)+IF('Standard Profiles'!$G$22=$B$24,21,0),MOD($C5288,24)+1)/SUM(INDEX($D$3:$AA$30,INDEX(Jesper!$R$2:$R$366,ROW(INDEX(Jesper!AL$2:AL$366,ROUNDDOWN($C5288/24,0)+1,1))-1)+IF('Standard Profiles'!$G$22=$B$10,7,0)+IF('Standard Profiles'!$G$22=$B$17,14,0)+IF('Standard Profiles'!$G$22=$B$24,21,0),0)),0)</f>
        <v>0</v>
      </c>
      <c r="I5288">
        <f t="shared" si="594"/>
        <v>0.21113832446847156</v>
      </c>
      <c r="J5288">
        <f t="shared" si="595"/>
        <v>0.70379441489490524</v>
      </c>
      <c r="K5288">
        <f t="shared" si="596"/>
        <v>1.0556916223423578</v>
      </c>
      <c r="L5288">
        <f t="shared" si="597"/>
        <v>5.0673197872433171</v>
      </c>
      <c r="M5288">
        <f t="shared" si="598"/>
        <v>0</v>
      </c>
      <c r="N5288" s="46">
        <f t="shared" si="599"/>
        <v>45510.916666653924</v>
      </c>
    </row>
    <row r="5289" spans="2:14" x14ac:dyDescent="0.3">
      <c r="B5289">
        <f t="shared" si="593"/>
        <v>2</v>
      </c>
      <c r="C5289" s="16">
        <v>5255</v>
      </c>
      <c r="D5289" cm="1">
        <f t="array" ref="D5289">IFERROR(INDEX(Jesper!AH$2:AH$366,ROUNDDOWN($C5289/24,0)+1,1)*INDEX($D$3:$AA$30,INDEX(Jesper!$R$2:$R$366,ROW(INDEX(Jesper!AH$2:AH$366,ROUNDDOWN($C5289/24,0)+1,1))-1)+IF('Standard Profiles'!$G$18=$B$10,7,0)+IF('Standard Profiles'!$G$18=$B$17,14,0)+IF('Standard Profiles'!$G$18=$B$24,21,0),MOD($C5289,24)+1)/SUM(INDEX($D$3:$AA$30,INDEX(Jesper!$R$2:$R$366,ROW(INDEX(Jesper!AH$2:AH$366,ROUNDDOWN($C5289/24,0)+1,1))-1)+IF('Standard Profiles'!$G$18=$B$10,7,0)+IF('Standard Profiles'!$G$18=$B$17,14,0)+IF('Standard Profiles'!$G$18=$B$24,21,0),0)),0)</f>
        <v>7.0379441489490517</v>
      </c>
      <c r="E5289" cm="1">
        <f t="array" ref="E5289">IFERROR(INDEX(Jesper!AI$2:AI$366,ROUNDDOWN($C5289/24,0)+1,1)*INDEX($D$3:$AA$30,INDEX(Jesper!$R$2:$R$366,ROW(INDEX(Jesper!AI$2:AI$366,ROUNDDOWN($C5289/24,0)+1,1))-1)+IF('Standard Profiles'!$G$19=$B$10,7,0)+IF('Standard Profiles'!$G$19=$B$17,14,0)+IF('Standard Profiles'!$G$19=$B$24,21,0),MOD($C5289,24)+1)/SUM(INDEX($D$3:$AA$30,INDEX(Jesper!$R$2:$R$366,ROW(INDEX(Jesper!AI$2:AI$366,ROUNDDOWN($C5289/24,0)+1,1))-1)+IF('Standard Profiles'!$G$19=$B$10,7,0)+IF('Standard Profiles'!$G$19=$B$17,14,0)+IF('Standard Profiles'!$G$19=$B$24,21,0),0)),0)</f>
        <v>0</v>
      </c>
      <c r="F5289" cm="1">
        <f t="array" ref="F5289">IFERROR(INDEX(Jesper!AJ$2:AJ$366,ROUNDDOWN($C5289/24,0)+1,1)*INDEX($D$3:$AA$30,INDEX(Jesper!$R$2:$R$366,ROW(INDEX(Jesper!AJ$2:AJ$366,ROUNDDOWN($C5289/24,0)+1,1))-1)+IF('Standard Profiles'!$G$20=$B$10,7,0)+IF('Standard Profiles'!$G$20=$B$17,14,0)+IF('Standard Profiles'!$G$20=$B$24,21,0),MOD($C5289,24)+1)/SUM(INDEX($D$3:$AA$30,INDEX(Jesper!$R$2:$R$366,ROW(INDEX(Jesper!AJ$2:AJ$366,ROUNDDOWN($C5289/24,0)+1,1))-1)+IF('Standard Profiles'!$G$20=$B$10,7,0)+IF('Standard Profiles'!$G$20=$B$17,14,0)+IF('Standard Profiles'!$G$20=$B$24,21,0),0)),0)</f>
        <v>0</v>
      </c>
      <c r="G5289" cm="1">
        <f t="array" ref="G5289">IFERROR(INDEX(Jesper!AK$2:AK$366,ROUNDDOWN($C5289/24,0)+1,1)*INDEX($D$3:$AA$30,INDEX(Jesper!$R$2:$R$366,ROW(INDEX(Jesper!AK$2:AK$366,ROUNDDOWN($C5289/24,0)+1,1))-1)+IF('Standard Profiles'!$G$21=$B$10,7,0)+IF('Standard Profiles'!$G$21=$B$17,14,0)+IF('Standard Profiles'!$G$21=$B$24,21,0),MOD($C5289,24)+1)/SUM(INDEX($D$3:$AA$30,INDEX(Jesper!$R$2:$R$366,ROW(INDEX(Jesper!AK$2:AK$366,ROUNDDOWN($C5289/24,0)+1,1))-1)+IF('Standard Profiles'!$G$21=$B$10,7,0)+IF('Standard Profiles'!$G$21=$B$17,14,0)+IF('Standard Profiles'!$G$21=$B$24,21,0),0)),0)</f>
        <v>0</v>
      </c>
      <c r="H5289" cm="1">
        <f t="array" ref="H5289">IFERROR(INDEX(Jesper!AL$2:AL$366,ROUNDDOWN($C5289/24,0)+1,1)*INDEX($D$3:$AA$30,INDEX(Jesper!$R$2:$R$366,ROW(INDEX(Jesper!AL$2:AL$366,ROUNDDOWN($C5289/24,0)+1,1))-1)+IF('Standard Profiles'!$G$22=$B$10,7,0)+IF('Standard Profiles'!$G$22=$B$17,14,0)+IF('Standard Profiles'!$G$22=$B$24,21,0),MOD($C5289,24)+1)/SUM(INDEX($D$3:$AA$30,INDEX(Jesper!$R$2:$R$366,ROW(INDEX(Jesper!AL$2:AL$366,ROUNDDOWN($C5289/24,0)+1,1))-1)+IF('Standard Profiles'!$G$22=$B$10,7,0)+IF('Standard Profiles'!$G$22=$B$17,14,0)+IF('Standard Profiles'!$G$22=$B$24,21,0),0)),0)</f>
        <v>0</v>
      </c>
      <c r="I5289">
        <f t="shared" si="594"/>
        <v>0.21113832446847156</v>
      </c>
      <c r="J5289">
        <f t="shared" si="595"/>
        <v>0.70379441489490524</v>
      </c>
      <c r="K5289">
        <f t="shared" si="596"/>
        <v>1.0556916223423578</v>
      </c>
      <c r="L5289">
        <f t="shared" si="597"/>
        <v>5.0673197872433171</v>
      </c>
      <c r="M5289">
        <f t="shared" si="598"/>
        <v>0</v>
      </c>
      <c r="N5289" s="46">
        <f t="shared" si="599"/>
        <v>45510.958333320588</v>
      </c>
    </row>
    <row r="5290" spans="2:14" x14ac:dyDescent="0.3">
      <c r="B5290">
        <f t="shared" si="593"/>
        <v>3</v>
      </c>
      <c r="C5290" s="16">
        <v>5256</v>
      </c>
      <c r="D5290" cm="1">
        <f t="array" ref="D5290">IFERROR(INDEX(Jesper!AH$2:AH$366,ROUNDDOWN($C5290/24,0)+1,1)*INDEX($D$3:$AA$30,INDEX(Jesper!$R$2:$R$366,ROW(INDEX(Jesper!AH$2:AH$366,ROUNDDOWN($C5290/24,0)+1,1))-1)+IF('Standard Profiles'!$G$18=$B$10,7,0)+IF('Standard Profiles'!$G$18=$B$17,14,0)+IF('Standard Profiles'!$G$18=$B$24,21,0),MOD($C5290,24)+1)/SUM(INDEX($D$3:$AA$30,INDEX(Jesper!$R$2:$R$366,ROW(INDEX(Jesper!AH$2:AH$366,ROUNDDOWN($C5290/24,0)+1,1))-1)+IF('Standard Profiles'!$G$18=$B$10,7,0)+IF('Standard Profiles'!$G$18=$B$17,14,0)+IF('Standard Profiles'!$G$18=$B$24,21,0),0)),0)</f>
        <v>6.1344334793851738</v>
      </c>
      <c r="E5290" cm="1">
        <f t="array" ref="E5290">IFERROR(INDEX(Jesper!AI$2:AI$366,ROUNDDOWN($C5290/24,0)+1,1)*INDEX($D$3:$AA$30,INDEX(Jesper!$R$2:$R$366,ROW(INDEX(Jesper!AI$2:AI$366,ROUNDDOWN($C5290/24,0)+1,1))-1)+IF('Standard Profiles'!$G$19=$B$10,7,0)+IF('Standard Profiles'!$G$19=$B$17,14,0)+IF('Standard Profiles'!$G$19=$B$24,21,0),MOD($C5290,24)+1)/SUM(INDEX($D$3:$AA$30,INDEX(Jesper!$R$2:$R$366,ROW(INDEX(Jesper!AI$2:AI$366,ROUNDDOWN($C5290/24,0)+1,1))-1)+IF('Standard Profiles'!$G$19=$B$10,7,0)+IF('Standard Profiles'!$G$19=$B$17,14,0)+IF('Standard Profiles'!$G$19=$B$24,21,0),0)),0)</f>
        <v>0</v>
      </c>
      <c r="F5290" cm="1">
        <f t="array" ref="F5290">IFERROR(INDEX(Jesper!AJ$2:AJ$366,ROUNDDOWN($C5290/24,0)+1,1)*INDEX($D$3:$AA$30,INDEX(Jesper!$R$2:$R$366,ROW(INDEX(Jesper!AJ$2:AJ$366,ROUNDDOWN($C5290/24,0)+1,1))-1)+IF('Standard Profiles'!$G$20=$B$10,7,0)+IF('Standard Profiles'!$G$20=$B$17,14,0)+IF('Standard Profiles'!$G$20=$B$24,21,0),MOD($C5290,24)+1)/SUM(INDEX($D$3:$AA$30,INDEX(Jesper!$R$2:$R$366,ROW(INDEX(Jesper!AJ$2:AJ$366,ROUNDDOWN($C5290/24,0)+1,1))-1)+IF('Standard Profiles'!$G$20=$B$10,7,0)+IF('Standard Profiles'!$G$20=$B$17,14,0)+IF('Standard Profiles'!$G$20=$B$24,21,0),0)),0)</f>
        <v>0</v>
      </c>
      <c r="G5290" cm="1">
        <f t="array" ref="G5290">IFERROR(INDEX(Jesper!AK$2:AK$366,ROUNDDOWN($C5290/24,0)+1,1)*INDEX($D$3:$AA$30,INDEX(Jesper!$R$2:$R$366,ROW(INDEX(Jesper!AK$2:AK$366,ROUNDDOWN($C5290/24,0)+1,1))-1)+IF('Standard Profiles'!$G$21=$B$10,7,0)+IF('Standard Profiles'!$G$21=$B$17,14,0)+IF('Standard Profiles'!$G$21=$B$24,21,0),MOD($C5290,24)+1)/SUM(INDEX($D$3:$AA$30,INDEX(Jesper!$R$2:$R$366,ROW(INDEX(Jesper!AK$2:AK$366,ROUNDDOWN($C5290/24,0)+1,1))-1)+IF('Standard Profiles'!$G$21=$B$10,7,0)+IF('Standard Profiles'!$G$21=$B$17,14,0)+IF('Standard Profiles'!$G$21=$B$24,21,0),0)),0)</f>
        <v>0</v>
      </c>
      <c r="H5290" cm="1">
        <f t="array" ref="H5290">IFERROR(INDEX(Jesper!AL$2:AL$366,ROUNDDOWN($C5290/24,0)+1,1)*INDEX($D$3:$AA$30,INDEX(Jesper!$R$2:$R$366,ROW(INDEX(Jesper!AL$2:AL$366,ROUNDDOWN($C5290/24,0)+1,1))-1)+IF('Standard Profiles'!$G$22=$B$10,7,0)+IF('Standard Profiles'!$G$22=$B$17,14,0)+IF('Standard Profiles'!$G$22=$B$24,21,0),MOD($C5290,24)+1)/SUM(INDEX($D$3:$AA$30,INDEX(Jesper!$R$2:$R$366,ROW(INDEX(Jesper!AL$2:AL$366,ROUNDDOWN($C5290/24,0)+1,1))-1)+IF('Standard Profiles'!$G$22=$B$10,7,0)+IF('Standard Profiles'!$G$22=$B$17,14,0)+IF('Standard Profiles'!$G$22=$B$24,21,0),0)),0)</f>
        <v>0</v>
      </c>
      <c r="I5290">
        <f t="shared" si="594"/>
        <v>0.1840330043815552</v>
      </c>
      <c r="J5290">
        <f t="shared" si="595"/>
        <v>0.6134433479385174</v>
      </c>
      <c r="K5290">
        <f t="shared" si="596"/>
        <v>0.92016502190777605</v>
      </c>
      <c r="L5290">
        <f t="shared" si="597"/>
        <v>4.4167921051573247</v>
      </c>
      <c r="M5290">
        <f t="shared" si="598"/>
        <v>0</v>
      </c>
      <c r="N5290" s="46">
        <f t="shared" si="599"/>
        <v>45510.999999987253</v>
      </c>
    </row>
    <row r="5291" spans="2:14" x14ac:dyDescent="0.3">
      <c r="B5291">
        <f t="shared" si="593"/>
        <v>3</v>
      </c>
      <c r="C5291" s="16">
        <v>5257</v>
      </c>
      <c r="D5291" cm="1">
        <f t="array" ref="D5291">IFERROR(INDEX(Jesper!AH$2:AH$366,ROUNDDOWN($C5291/24,0)+1,1)*INDEX($D$3:$AA$30,INDEX(Jesper!$R$2:$R$366,ROW(INDEX(Jesper!AH$2:AH$366,ROUNDDOWN($C5291/24,0)+1,1))-1)+IF('Standard Profiles'!$G$18=$B$10,7,0)+IF('Standard Profiles'!$G$18=$B$17,14,0)+IF('Standard Profiles'!$G$18=$B$24,21,0),MOD($C5291,24)+1)/SUM(INDEX($D$3:$AA$30,INDEX(Jesper!$R$2:$R$366,ROW(INDEX(Jesper!AH$2:AH$366,ROUNDDOWN($C5291/24,0)+1,1))-1)+IF('Standard Profiles'!$G$18=$B$10,7,0)+IF('Standard Profiles'!$G$18=$B$17,14,0)+IF('Standard Profiles'!$G$18=$B$24,21,0),0)),0)</f>
        <v>6.9012376643083204</v>
      </c>
      <c r="E5291" cm="1">
        <f t="array" ref="E5291">IFERROR(INDEX(Jesper!AI$2:AI$366,ROUNDDOWN($C5291/24,0)+1,1)*INDEX($D$3:$AA$30,INDEX(Jesper!$R$2:$R$366,ROW(INDEX(Jesper!AI$2:AI$366,ROUNDDOWN($C5291/24,0)+1,1))-1)+IF('Standard Profiles'!$G$19=$B$10,7,0)+IF('Standard Profiles'!$G$19=$B$17,14,0)+IF('Standard Profiles'!$G$19=$B$24,21,0),MOD($C5291,24)+1)/SUM(INDEX($D$3:$AA$30,INDEX(Jesper!$R$2:$R$366,ROW(INDEX(Jesper!AI$2:AI$366,ROUNDDOWN($C5291/24,0)+1,1))-1)+IF('Standard Profiles'!$G$19=$B$10,7,0)+IF('Standard Profiles'!$G$19=$B$17,14,0)+IF('Standard Profiles'!$G$19=$B$24,21,0),0)),0)</f>
        <v>0</v>
      </c>
      <c r="F5291" cm="1">
        <f t="array" ref="F5291">IFERROR(INDEX(Jesper!AJ$2:AJ$366,ROUNDDOWN($C5291/24,0)+1,1)*INDEX($D$3:$AA$30,INDEX(Jesper!$R$2:$R$366,ROW(INDEX(Jesper!AJ$2:AJ$366,ROUNDDOWN($C5291/24,0)+1,1))-1)+IF('Standard Profiles'!$G$20=$B$10,7,0)+IF('Standard Profiles'!$G$20=$B$17,14,0)+IF('Standard Profiles'!$G$20=$B$24,21,0),MOD($C5291,24)+1)/SUM(INDEX($D$3:$AA$30,INDEX(Jesper!$R$2:$R$366,ROW(INDEX(Jesper!AJ$2:AJ$366,ROUNDDOWN($C5291/24,0)+1,1))-1)+IF('Standard Profiles'!$G$20=$B$10,7,0)+IF('Standard Profiles'!$G$20=$B$17,14,0)+IF('Standard Profiles'!$G$20=$B$24,21,0),0)),0)</f>
        <v>0</v>
      </c>
      <c r="G5291" cm="1">
        <f t="array" ref="G5291">IFERROR(INDEX(Jesper!AK$2:AK$366,ROUNDDOWN($C5291/24,0)+1,1)*INDEX($D$3:$AA$30,INDEX(Jesper!$R$2:$R$366,ROW(INDEX(Jesper!AK$2:AK$366,ROUNDDOWN($C5291/24,0)+1,1))-1)+IF('Standard Profiles'!$G$21=$B$10,7,0)+IF('Standard Profiles'!$G$21=$B$17,14,0)+IF('Standard Profiles'!$G$21=$B$24,21,0),MOD($C5291,24)+1)/SUM(INDEX($D$3:$AA$30,INDEX(Jesper!$R$2:$R$366,ROW(INDEX(Jesper!AK$2:AK$366,ROUNDDOWN($C5291/24,0)+1,1))-1)+IF('Standard Profiles'!$G$21=$B$10,7,0)+IF('Standard Profiles'!$G$21=$B$17,14,0)+IF('Standard Profiles'!$G$21=$B$24,21,0),0)),0)</f>
        <v>0</v>
      </c>
      <c r="H5291" cm="1">
        <f t="array" ref="H5291">IFERROR(INDEX(Jesper!AL$2:AL$366,ROUNDDOWN($C5291/24,0)+1,1)*INDEX($D$3:$AA$30,INDEX(Jesper!$R$2:$R$366,ROW(INDEX(Jesper!AL$2:AL$366,ROUNDDOWN($C5291/24,0)+1,1))-1)+IF('Standard Profiles'!$G$22=$B$10,7,0)+IF('Standard Profiles'!$G$22=$B$17,14,0)+IF('Standard Profiles'!$G$22=$B$24,21,0),MOD($C5291,24)+1)/SUM(INDEX($D$3:$AA$30,INDEX(Jesper!$R$2:$R$366,ROW(INDEX(Jesper!AL$2:AL$366,ROUNDDOWN($C5291/24,0)+1,1))-1)+IF('Standard Profiles'!$G$22=$B$10,7,0)+IF('Standard Profiles'!$G$22=$B$17,14,0)+IF('Standard Profiles'!$G$22=$B$24,21,0),0)),0)</f>
        <v>0</v>
      </c>
      <c r="I5291">
        <f t="shared" si="594"/>
        <v>0.20703712992924961</v>
      </c>
      <c r="J5291">
        <f t="shared" si="595"/>
        <v>0.69012376643083206</v>
      </c>
      <c r="K5291">
        <f t="shared" si="596"/>
        <v>1.0351856496462479</v>
      </c>
      <c r="L5291">
        <f t="shared" si="597"/>
        <v>4.9688911183019906</v>
      </c>
      <c r="M5291">
        <f t="shared" si="598"/>
        <v>0</v>
      </c>
      <c r="N5291" s="46">
        <f t="shared" si="599"/>
        <v>45511.041666653917</v>
      </c>
    </row>
    <row r="5292" spans="2:14" x14ac:dyDescent="0.3">
      <c r="B5292">
        <f t="shared" si="593"/>
        <v>3</v>
      </c>
      <c r="C5292" s="16">
        <v>5258</v>
      </c>
      <c r="D5292" cm="1">
        <f t="array" ref="D5292">IFERROR(INDEX(Jesper!AH$2:AH$366,ROUNDDOWN($C5292/24,0)+1,1)*INDEX($D$3:$AA$30,INDEX(Jesper!$R$2:$R$366,ROW(INDEX(Jesper!AH$2:AH$366,ROUNDDOWN($C5292/24,0)+1,1))-1)+IF('Standard Profiles'!$G$18=$B$10,7,0)+IF('Standard Profiles'!$G$18=$B$17,14,0)+IF('Standard Profiles'!$G$18=$B$24,21,0),MOD($C5292,24)+1)/SUM(INDEX($D$3:$AA$30,INDEX(Jesper!$R$2:$R$366,ROW(INDEX(Jesper!AH$2:AH$366,ROUNDDOWN($C5292/24,0)+1,1))-1)+IF('Standard Profiles'!$G$18=$B$10,7,0)+IF('Standard Profiles'!$G$18=$B$17,14,0)+IF('Standard Profiles'!$G$18=$B$24,21,0),0)),0)</f>
        <v>6.9012376643083204</v>
      </c>
      <c r="E5292" cm="1">
        <f t="array" ref="E5292">IFERROR(INDEX(Jesper!AI$2:AI$366,ROUNDDOWN($C5292/24,0)+1,1)*INDEX($D$3:$AA$30,INDEX(Jesper!$R$2:$R$366,ROW(INDEX(Jesper!AI$2:AI$366,ROUNDDOWN($C5292/24,0)+1,1))-1)+IF('Standard Profiles'!$G$19=$B$10,7,0)+IF('Standard Profiles'!$G$19=$B$17,14,0)+IF('Standard Profiles'!$G$19=$B$24,21,0),MOD($C5292,24)+1)/SUM(INDEX($D$3:$AA$30,INDEX(Jesper!$R$2:$R$366,ROW(INDEX(Jesper!AI$2:AI$366,ROUNDDOWN($C5292/24,0)+1,1))-1)+IF('Standard Profiles'!$G$19=$B$10,7,0)+IF('Standard Profiles'!$G$19=$B$17,14,0)+IF('Standard Profiles'!$G$19=$B$24,21,0),0)),0)</f>
        <v>0</v>
      </c>
      <c r="F5292" cm="1">
        <f t="array" ref="F5292">IFERROR(INDEX(Jesper!AJ$2:AJ$366,ROUNDDOWN($C5292/24,0)+1,1)*INDEX($D$3:$AA$30,INDEX(Jesper!$R$2:$R$366,ROW(INDEX(Jesper!AJ$2:AJ$366,ROUNDDOWN($C5292/24,0)+1,1))-1)+IF('Standard Profiles'!$G$20=$B$10,7,0)+IF('Standard Profiles'!$G$20=$B$17,14,0)+IF('Standard Profiles'!$G$20=$B$24,21,0),MOD($C5292,24)+1)/SUM(INDEX($D$3:$AA$30,INDEX(Jesper!$R$2:$R$366,ROW(INDEX(Jesper!AJ$2:AJ$366,ROUNDDOWN($C5292/24,0)+1,1))-1)+IF('Standard Profiles'!$G$20=$B$10,7,0)+IF('Standard Profiles'!$G$20=$B$17,14,0)+IF('Standard Profiles'!$G$20=$B$24,21,0),0)),0)</f>
        <v>0</v>
      </c>
      <c r="G5292" cm="1">
        <f t="array" ref="G5292">IFERROR(INDEX(Jesper!AK$2:AK$366,ROUNDDOWN($C5292/24,0)+1,1)*INDEX($D$3:$AA$30,INDEX(Jesper!$R$2:$R$366,ROW(INDEX(Jesper!AK$2:AK$366,ROUNDDOWN($C5292/24,0)+1,1))-1)+IF('Standard Profiles'!$G$21=$B$10,7,0)+IF('Standard Profiles'!$G$21=$B$17,14,0)+IF('Standard Profiles'!$G$21=$B$24,21,0),MOD($C5292,24)+1)/SUM(INDEX($D$3:$AA$30,INDEX(Jesper!$R$2:$R$366,ROW(INDEX(Jesper!AK$2:AK$366,ROUNDDOWN($C5292/24,0)+1,1))-1)+IF('Standard Profiles'!$G$21=$B$10,7,0)+IF('Standard Profiles'!$G$21=$B$17,14,0)+IF('Standard Profiles'!$G$21=$B$24,21,0),0)),0)</f>
        <v>0</v>
      </c>
      <c r="H5292" cm="1">
        <f t="array" ref="H5292">IFERROR(INDEX(Jesper!AL$2:AL$366,ROUNDDOWN($C5292/24,0)+1,1)*INDEX($D$3:$AA$30,INDEX(Jesper!$R$2:$R$366,ROW(INDEX(Jesper!AL$2:AL$366,ROUNDDOWN($C5292/24,0)+1,1))-1)+IF('Standard Profiles'!$G$22=$B$10,7,0)+IF('Standard Profiles'!$G$22=$B$17,14,0)+IF('Standard Profiles'!$G$22=$B$24,21,0),MOD($C5292,24)+1)/SUM(INDEX($D$3:$AA$30,INDEX(Jesper!$R$2:$R$366,ROW(INDEX(Jesper!AL$2:AL$366,ROUNDDOWN($C5292/24,0)+1,1))-1)+IF('Standard Profiles'!$G$22=$B$10,7,0)+IF('Standard Profiles'!$G$22=$B$17,14,0)+IF('Standard Profiles'!$G$22=$B$24,21,0),0)),0)</f>
        <v>0</v>
      </c>
      <c r="I5292">
        <f t="shared" si="594"/>
        <v>0.20703712992924961</v>
      </c>
      <c r="J5292">
        <f t="shared" si="595"/>
        <v>0.69012376643083206</v>
      </c>
      <c r="K5292">
        <f t="shared" si="596"/>
        <v>1.0351856496462479</v>
      </c>
      <c r="L5292">
        <f t="shared" si="597"/>
        <v>4.9688911183019906</v>
      </c>
      <c r="M5292">
        <f t="shared" si="598"/>
        <v>0</v>
      </c>
      <c r="N5292" s="46">
        <f t="shared" si="599"/>
        <v>45511.083333320581</v>
      </c>
    </row>
    <row r="5293" spans="2:14" x14ac:dyDescent="0.3">
      <c r="B5293">
        <f t="shared" si="593"/>
        <v>3</v>
      </c>
      <c r="C5293" s="16">
        <v>5259</v>
      </c>
      <c r="D5293" cm="1">
        <f t="array" ref="D5293">IFERROR(INDEX(Jesper!AH$2:AH$366,ROUNDDOWN($C5293/24,0)+1,1)*INDEX($D$3:$AA$30,INDEX(Jesper!$R$2:$R$366,ROW(INDEX(Jesper!AH$2:AH$366,ROUNDDOWN($C5293/24,0)+1,1))-1)+IF('Standard Profiles'!$G$18=$B$10,7,0)+IF('Standard Profiles'!$G$18=$B$17,14,0)+IF('Standard Profiles'!$G$18=$B$24,21,0),MOD($C5293,24)+1)/SUM(INDEX($D$3:$AA$30,INDEX(Jesper!$R$2:$R$366,ROW(INDEX(Jesper!AH$2:AH$366,ROUNDDOWN($C5293/24,0)+1,1))-1)+IF('Standard Profiles'!$G$18=$B$10,7,0)+IF('Standard Profiles'!$G$18=$B$17,14,0)+IF('Standard Profiles'!$G$18=$B$24,21,0),0)),0)</f>
        <v>6.9012376643083204</v>
      </c>
      <c r="E5293" cm="1">
        <f t="array" ref="E5293">IFERROR(INDEX(Jesper!AI$2:AI$366,ROUNDDOWN($C5293/24,0)+1,1)*INDEX($D$3:$AA$30,INDEX(Jesper!$R$2:$R$366,ROW(INDEX(Jesper!AI$2:AI$366,ROUNDDOWN($C5293/24,0)+1,1))-1)+IF('Standard Profiles'!$G$19=$B$10,7,0)+IF('Standard Profiles'!$G$19=$B$17,14,0)+IF('Standard Profiles'!$G$19=$B$24,21,0),MOD($C5293,24)+1)/SUM(INDEX($D$3:$AA$30,INDEX(Jesper!$R$2:$R$366,ROW(INDEX(Jesper!AI$2:AI$366,ROUNDDOWN($C5293/24,0)+1,1))-1)+IF('Standard Profiles'!$G$19=$B$10,7,0)+IF('Standard Profiles'!$G$19=$B$17,14,0)+IF('Standard Profiles'!$G$19=$B$24,21,0),0)),0)</f>
        <v>0</v>
      </c>
      <c r="F5293" cm="1">
        <f t="array" ref="F5293">IFERROR(INDEX(Jesper!AJ$2:AJ$366,ROUNDDOWN($C5293/24,0)+1,1)*INDEX($D$3:$AA$30,INDEX(Jesper!$R$2:$R$366,ROW(INDEX(Jesper!AJ$2:AJ$366,ROUNDDOWN($C5293/24,0)+1,1))-1)+IF('Standard Profiles'!$G$20=$B$10,7,0)+IF('Standard Profiles'!$G$20=$B$17,14,0)+IF('Standard Profiles'!$G$20=$B$24,21,0),MOD($C5293,24)+1)/SUM(INDEX($D$3:$AA$30,INDEX(Jesper!$R$2:$R$366,ROW(INDEX(Jesper!AJ$2:AJ$366,ROUNDDOWN($C5293/24,0)+1,1))-1)+IF('Standard Profiles'!$G$20=$B$10,7,0)+IF('Standard Profiles'!$G$20=$B$17,14,0)+IF('Standard Profiles'!$G$20=$B$24,21,0),0)),0)</f>
        <v>0</v>
      </c>
      <c r="G5293" cm="1">
        <f t="array" ref="G5293">IFERROR(INDEX(Jesper!AK$2:AK$366,ROUNDDOWN($C5293/24,0)+1,1)*INDEX($D$3:$AA$30,INDEX(Jesper!$R$2:$R$366,ROW(INDEX(Jesper!AK$2:AK$366,ROUNDDOWN($C5293/24,0)+1,1))-1)+IF('Standard Profiles'!$G$21=$B$10,7,0)+IF('Standard Profiles'!$G$21=$B$17,14,0)+IF('Standard Profiles'!$G$21=$B$24,21,0),MOD($C5293,24)+1)/SUM(INDEX($D$3:$AA$30,INDEX(Jesper!$R$2:$R$366,ROW(INDEX(Jesper!AK$2:AK$366,ROUNDDOWN($C5293/24,0)+1,1))-1)+IF('Standard Profiles'!$G$21=$B$10,7,0)+IF('Standard Profiles'!$G$21=$B$17,14,0)+IF('Standard Profiles'!$G$21=$B$24,21,0),0)),0)</f>
        <v>0</v>
      </c>
      <c r="H5293" cm="1">
        <f t="array" ref="H5293">IFERROR(INDEX(Jesper!AL$2:AL$366,ROUNDDOWN($C5293/24,0)+1,1)*INDEX($D$3:$AA$30,INDEX(Jesper!$R$2:$R$366,ROW(INDEX(Jesper!AL$2:AL$366,ROUNDDOWN($C5293/24,0)+1,1))-1)+IF('Standard Profiles'!$G$22=$B$10,7,0)+IF('Standard Profiles'!$G$22=$B$17,14,0)+IF('Standard Profiles'!$G$22=$B$24,21,0),MOD($C5293,24)+1)/SUM(INDEX($D$3:$AA$30,INDEX(Jesper!$R$2:$R$366,ROW(INDEX(Jesper!AL$2:AL$366,ROUNDDOWN($C5293/24,0)+1,1))-1)+IF('Standard Profiles'!$G$22=$B$10,7,0)+IF('Standard Profiles'!$G$22=$B$17,14,0)+IF('Standard Profiles'!$G$22=$B$24,21,0),0)),0)</f>
        <v>0</v>
      </c>
      <c r="I5293">
        <f t="shared" si="594"/>
        <v>0.20703712992924961</v>
      </c>
      <c r="J5293">
        <f t="shared" si="595"/>
        <v>0.69012376643083206</v>
      </c>
      <c r="K5293">
        <f t="shared" si="596"/>
        <v>1.0351856496462479</v>
      </c>
      <c r="L5293">
        <f t="shared" si="597"/>
        <v>4.9688911183019906</v>
      </c>
      <c r="M5293">
        <f t="shared" si="598"/>
        <v>0</v>
      </c>
      <c r="N5293" s="46">
        <f t="shared" si="599"/>
        <v>45511.124999987245</v>
      </c>
    </row>
    <row r="5294" spans="2:14" x14ac:dyDescent="0.3">
      <c r="B5294">
        <f t="shared" si="593"/>
        <v>3</v>
      </c>
      <c r="C5294" s="16">
        <v>5260</v>
      </c>
      <c r="D5294" cm="1">
        <f t="array" ref="D5294">IFERROR(INDEX(Jesper!AH$2:AH$366,ROUNDDOWN($C5294/24,0)+1,1)*INDEX($D$3:$AA$30,INDEX(Jesper!$R$2:$R$366,ROW(INDEX(Jesper!AH$2:AH$366,ROUNDDOWN($C5294/24,0)+1,1))-1)+IF('Standard Profiles'!$G$18=$B$10,7,0)+IF('Standard Profiles'!$G$18=$B$17,14,0)+IF('Standard Profiles'!$G$18=$B$24,21,0),MOD($C5294,24)+1)/SUM(INDEX($D$3:$AA$30,INDEX(Jesper!$R$2:$R$366,ROW(INDEX(Jesper!AH$2:AH$366,ROUNDDOWN($C5294/24,0)+1,1))-1)+IF('Standard Profiles'!$G$18=$B$10,7,0)+IF('Standard Profiles'!$G$18=$B$17,14,0)+IF('Standard Profiles'!$G$18=$B$24,21,0),0)),0)</f>
        <v>6.9012376643083204</v>
      </c>
      <c r="E5294" cm="1">
        <f t="array" ref="E5294">IFERROR(INDEX(Jesper!AI$2:AI$366,ROUNDDOWN($C5294/24,0)+1,1)*INDEX($D$3:$AA$30,INDEX(Jesper!$R$2:$R$366,ROW(INDEX(Jesper!AI$2:AI$366,ROUNDDOWN($C5294/24,0)+1,1))-1)+IF('Standard Profiles'!$G$19=$B$10,7,0)+IF('Standard Profiles'!$G$19=$B$17,14,0)+IF('Standard Profiles'!$G$19=$B$24,21,0),MOD($C5294,24)+1)/SUM(INDEX($D$3:$AA$30,INDEX(Jesper!$R$2:$R$366,ROW(INDEX(Jesper!AI$2:AI$366,ROUNDDOWN($C5294/24,0)+1,1))-1)+IF('Standard Profiles'!$G$19=$B$10,7,0)+IF('Standard Profiles'!$G$19=$B$17,14,0)+IF('Standard Profiles'!$G$19=$B$24,21,0),0)),0)</f>
        <v>0</v>
      </c>
      <c r="F5294" cm="1">
        <f t="array" ref="F5294">IFERROR(INDEX(Jesper!AJ$2:AJ$366,ROUNDDOWN($C5294/24,0)+1,1)*INDEX($D$3:$AA$30,INDEX(Jesper!$R$2:$R$366,ROW(INDEX(Jesper!AJ$2:AJ$366,ROUNDDOWN($C5294/24,0)+1,1))-1)+IF('Standard Profiles'!$G$20=$B$10,7,0)+IF('Standard Profiles'!$G$20=$B$17,14,0)+IF('Standard Profiles'!$G$20=$B$24,21,0),MOD($C5294,24)+1)/SUM(INDEX($D$3:$AA$30,INDEX(Jesper!$R$2:$R$366,ROW(INDEX(Jesper!AJ$2:AJ$366,ROUNDDOWN($C5294/24,0)+1,1))-1)+IF('Standard Profiles'!$G$20=$B$10,7,0)+IF('Standard Profiles'!$G$20=$B$17,14,0)+IF('Standard Profiles'!$G$20=$B$24,21,0),0)),0)</f>
        <v>0</v>
      </c>
      <c r="G5294" cm="1">
        <f t="array" ref="G5294">IFERROR(INDEX(Jesper!AK$2:AK$366,ROUNDDOWN($C5294/24,0)+1,1)*INDEX($D$3:$AA$30,INDEX(Jesper!$R$2:$R$366,ROW(INDEX(Jesper!AK$2:AK$366,ROUNDDOWN($C5294/24,0)+1,1))-1)+IF('Standard Profiles'!$G$21=$B$10,7,0)+IF('Standard Profiles'!$G$21=$B$17,14,0)+IF('Standard Profiles'!$G$21=$B$24,21,0),MOD($C5294,24)+1)/SUM(INDEX($D$3:$AA$30,INDEX(Jesper!$R$2:$R$366,ROW(INDEX(Jesper!AK$2:AK$366,ROUNDDOWN($C5294/24,0)+1,1))-1)+IF('Standard Profiles'!$G$21=$B$10,7,0)+IF('Standard Profiles'!$G$21=$B$17,14,0)+IF('Standard Profiles'!$G$21=$B$24,21,0),0)),0)</f>
        <v>0</v>
      </c>
      <c r="H5294" cm="1">
        <f t="array" ref="H5294">IFERROR(INDEX(Jesper!AL$2:AL$366,ROUNDDOWN($C5294/24,0)+1,1)*INDEX($D$3:$AA$30,INDEX(Jesper!$R$2:$R$366,ROW(INDEX(Jesper!AL$2:AL$366,ROUNDDOWN($C5294/24,0)+1,1))-1)+IF('Standard Profiles'!$G$22=$B$10,7,0)+IF('Standard Profiles'!$G$22=$B$17,14,0)+IF('Standard Profiles'!$G$22=$B$24,21,0),MOD($C5294,24)+1)/SUM(INDEX($D$3:$AA$30,INDEX(Jesper!$R$2:$R$366,ROW(INDEX(Jesper!AL$2:AL$366,ROUNDDOWN($C5294/24,0)+1,1))-1)+IF('Standard Profiles'!$G$22=$B$10,7,0)+IF('Standard Profiles'!$G$22=$B$17,14,0)+IF('Standard Profiles'!$G$22=$B$24,21,0),0)),0)</f>
        <v>0</v>
      </c>
      <c r="I5294">
        <f t="shared" si="594"/>
        <v>0.20703712992924961</v>
      </c>
      <c r="J5294">
        <f t="shared" si="595"/>
        <v>0.69012376643083206</v>
      </c>
      <c r="K5294">
        <f t="shared" si="596"/>
        <v>1.0351856496462479</v>
      </c>
      <c r="L5294">
        <f t="shared" si="597"/>
        <v>4.9688911183019906</v>
      </c>
      <c r="M5294">
        <f t="shared" si="598"/>
        <v>0</v>
      </c>
      <c r="N5294" s="46">
        <f t="shared" si="599"/>
        <v>45511.166666653909</v>
      </c>
    </row>
    <row r="5295" spans="2:14" x14ac:dyDescent="0.3">
      <c r="B5295">
        <f t="shared" si="593"/>
        <v>3</v>
      </c>
      <c r="C5295" s="16">
        <v>5261</v>
      </c>
      <c r="D5295" cm="1">
        <f t="array" ref="D5295">IFERROR(INDEX(Jesper!AH$2:AH$366,ROUNDDOWN($C5295/24,0)+1,1)*INDEX($D$3:$AA$30,INDEX(Jesper!$R$2:$R$366,ROW(INDEX(Jesper!AH$2:AH$366,ROUNDDOWN($C5295/24,0)+1,1))-1)+IF('Standard Profiles'!$G$18=$B$10,7,0)+IF('Standard Profiles'!$G$18=$B$17,14,0)+IF('Standard Profiles'!$G$18=$B$24,21,0),MOD($C5295,24)+1)/SUM(INDEX($D$3:$AA$30,INDEX(Jesper!$R$2:$R$366,ROW(INDEX(Jesper!AH$2:AH$366,ROUNDDOWN($C5295/24,0)+1,1))-1)+IF('Standard Profiles'!$G$18=$B$10,7,0)+IF('Standard Profiles'!$G$18=$B$17,14,0)+IF('Standard Profiles'!$G$18=$B$24,21,0),0)),0)</f>
        <v>8.8949285451085007</v>
      </c>
      <c r="E5295" cm="1">
        <f t="array" ref="E5295">IFERROR(INDEX(Jesper!AI$2:AI$366,ROUNDDOWN($C5295/24,0)+1,1)*INDEX($D$3:$AA$30,INDEX(Jesper!$R$2:$R$366,ROW(INDEX(Jesper!AI$2:AI$366,ROUNDDOWN($C5295/24,0)+1,1))-1)+IF('Standard Profiles'!$G$19=$B$10,7,0)+IF('Standard Profiles'!$G$19=$B$17,14,0)+IF('Standard Profiles'!$G$19=$B$24,21,0),MOD($C5295,24)+1)/SUM(INDEX($D$3:$AA$30,INDEX(Jesper!$R$2:$R$366,ROW(INDEX(Jesper!AI$2:AI$366,ROUNDDOWN($C5295/24,0)+1,1))-1)+IF('Standard Profiles'!$G$19=$B$10,7,0)+IF('Standard Profiles'!$G$19=$B$17,14,0)+IF('Standard Profiles'!$G$19=$B$24,21,0),0)),0)</f>
        <v>0</v>
      </c>
      <c r="F5295" cm="1">
        <f t="array" ref="F5295">IFERROR(INDEX(Jesper!AJ$2:AJ$366,ROUNDDOWN($C5295/24,0)+1,1)*INDEX($D$3:$AA$30,INDEX(Jesper!$R$2:$R$366,ROW(INDEX(Jesper!AJ$2:AJ$366,ROUNDDOWN($C5295/24,0)+1,1))-1)+IF('Standard Profiles'!$G$20=$B$10,7,0)+IF('Standard Profiles'!$G$20=$B$17,14,0)+IF('Standard Profiles'!$G$20=$B$24,21,0),MOD($C5295,24)+1)/SUM(INDEX($D$3:$AA$30,INDEX(Jesper!$R$2:$R$366,ROW(INDEX(Jesper!AJ$2:AJ$366,ROUNDDOWN($C5295/24,0)+1,1))-1)+IF('Standard Profiles'!$G$20=$B$10,7,0)+IF('Standard Profiles'!$G$20=$B$17,14,0)+IF('Standard Profiles'!$G$20=$B$24,21,0),0)),0)</f>
        <v>0</v>
      </c>
      <c r="G5295" cm="1">
        <f t="array" ref="G5295">IFERROR(INDEX(Jesper!AK$2:AK$366,ROUNDDOWN($C5295/24,0)+1,1)*INDEX($D$3:$AA$30,INDEX(Jesper!$R$2:$R$366,ROW(INDEX(Jesper!AK$2:AK$366,ROUNDDOWN($C5295/24,0)+1,1))-1)+IF('Standard Profiles'!$G$21=$B$10,7,0)+IF('Standard Profiles'!$G$21=$B$17,14,0)+IF('Standard Profiles'!$G$21=$B$24,21,0),MOD($C5295,24)+1)/SUM(INDEX($D$3:$AA$30,INDEX(Jesper!$R$2:$R$366,ROW(INDEX(Jesper!AK$2:AK$366,ROUNDDOWN($C5295/24,0)+1,1))-1)+IF('Standard Profiles'!$G$21=$B$10,7,0)+IF('Standard Profiles'!$G$21=$B$17,14,0)+IF('Standard Profiles'!$G$21=$B$24,21,0),0)),0)</f>
        <v>0</v>
      </c>
      <c r="H5295" cm="1">
        <f t="array" ref="H5295">IFERROR(INDEX(Jesper!AL$2:AL$366,ROUNDDOWN($C5295/24,0)+1,1)*INDEX($D$3:$AA$30,INDEX(Jesper!$R$2:$R$366,ROW(INDEX(Jesper!AL$2:AL$366,ROUNDDOWN($C5295/24,0)+1,1))-1)+IF('Standard Profiles'!$G$22=$B$10,7,0)+IF('Standard Profiles'!$G$22=$B$17,14,0)+IF('Standard Profiles'!$G$22=$B$24,21,0),MOD($C5295,24)+1)/SUM(INDEX($D$3:$AA$30,INDEX(Jesper!$R$2:$R$366,ROW(INDEX(Jesper!AL$2:AL$366,ROUNDDOWN($C5295/24,0)+1,1))-1)+IF('Standard Profiles'!$G$22=$B$10,7,0)+IF('Standard Profiles'!$G$22=$B$17,14,0)+IF('Standard Profiles'!$G$22=$B$24,21,0),0)),0)</f>
        <v>0</v>
      </c>
      <c r="I5295">
        <f t="shared" si="594"/>
        <v>0.26684785635325503</v>
      </c>
      <c r="J5295">
        <f t="shared" si="595"/>
        <v>0.88949285451085014</v>
      </c>
      <c r="K5295">
        <f t="shared" si="596"/>
        <v>1.3342392817662752</v>
      </c>
      <c r="L5295">
        <f t="shared" si="597"/>
        <v>6.4043485524781198</v>
      </c>
      <c r="M5295">
        <f t="shared" si="598"/>
        <v>0</v>
      </c>
      <c r="N5295" s="46">
        <f t="shared" si="599"/>
        <v>45511.208333320574</v>
      </c>
    </row>
    <row r="5296" spans="2:14" x14ac:dyDescent="0.3">
      <c r="B5296">
        <f t="shared" si="593"/>
        <v>3</v>
      </c>
      <c r="C5296" s="16">
        <v>5262</v>
      </c>
      <c r="D5296" cm="1">
        <f t="array" ref="D5296">IFERROR(INDEX(Jesper!AH$2:AH$366,ROUNDDOWN($C5296/24,0)+1,1)*INDEX($D$3:$AA$30,INDEX(Jesper!$R$2:$R$366,ROW(INDEX(Jesper!AH$2:AH$366,ROUNDDOWN($C5296/24,0)+1,1))-1)+IF('Standard Profiles'!$G$18=$B$10,7,0)+IF('Standard Profiles'!$G$18=$B$17,14,0)+IF('Standard Profiles'!$G$18=$B$24,21,0),MOD($C5296,24)+1)/SUM(INDEX($D$3:$AA$30,INDEX(Jesper!$R$2:$R$366,ROW(INDEX(Jesper!AH$2:AH$366,ROUNDDOWN($C5296/24,0)+1,1))-1)+IF('Standard Profiles'!$G$18=$B$10,7,0)+IF('Standard Profiles'!$G$18=$B$17,14,0)+IF('Standard Profiles'!$G$18=$B$24,21,0),0)),0)</f>
        <v>10.275176077970167</v>
      </c>
      <c r="E5296" cm="1">
        <f t="array" ref="E5296">IFERROR(INDEX(Jesper!AI$2:AI$366,ROUNDDOWN($C5296/24,0)+1,1)*INDEX($D$3:$AA$30,INDEX(Jesper!$R$2:$R$366,ROW(INDEX(Jesper!AI$2:AI$366,ROUNDDOWN($C5296/24,0)+1,1))-1)+IF('Standard Profiles'!$G$19=$B$10,7,0)+IF('Standard Profiles'!$G$19=$B$17,14,0)+IF('Standard Profiles'!$G$19=$B$24,21,0),MOD($C5296,24)+1)/SUM(INDEX($D$3:$AA$30,INDEX(Jesper!$R$2:$R$366,ROW(INDEX(Jesper!AI$2:AI$366,ROUNDDOWN($C5296/24,0)+1,1))-1)+IF('Standard Profiles'!$G$19=$B$10,7,0)+IF('Standard Profiles'!$G$19=$B$17,14,0)+IF('Standard Profiles'!$G$19=$B$24,21,0),0)),0)</f>
        <v>0</v>
      </c>
      <c r="F5296" cm="1">
        <f t="array" ref="F5296">IFERROR(INDEX(Jesper!AJ$2:AJ$366,ROUNDDOWN($C5296/24,0)+1,1)*INDEX($D$3:$AA$30,INDEX(Jesper!$R$2:$R$366,ROW(INDEX(Jesper!AJ$2:AJ$366,ROUNDDOWN($C5296/24,0)+1,1))-1)+IF('Standard Profiles'!$G$20=$B$10,7,0)+IF('Standard Profiles'!$G$20=$B$17,14,0)+IF('Standard Profiles'!$G$20=$B$24,21,0),MOD($C5296,24)+1)/SUM(INDEX($D$3:$AA$30,INDEX(Jesper!$R$2:$R$366,ROW(INDEX(Jesper!AJ$2:AJ$366,ROUNDDOWN($C5296/24,0)+1,1))-1)+IF('Standard Profiles'!$G$20=$B$10,7,0)+IF('Standard Profiles'!$G$20=$B$17,14,0)+IF('Standard Profiles'!$G$20=$B$24,21,0),0)),0)</f>
        <v>0</v>
      </c>
      <c r="G5296" cm="1">
        <f t="array" ref="G5296">IFERROR(INDEX(Jesper!AK$2:AK$366,ROUNDDOWN($C5296/24,0)+1,1)*INDEX($D$3:$AA$30,INDEX(Jesper!$R$2:$R$366,ROW(INDEX(Jesper!AK$2:AK$366,ROUNDDOWN($C5296/24,0)+1,1))-1)+IF('Standard Profiles'!$G$21=$B$10,7,0)+IF('Standard Profiles'!$G$21=$B$17,14,0)+IF('Standard Profiles'!$G$21=$B$24,21,0),MOD($C5296,24)+1)/SUM(INDEX($D$3:$AA$30,INDEX(Jesper!$R$2:$R$366,ROW(INDEX(Jesper!AK$2:AK$366,ROUNDDOWN($C5296/24,0)+1,1))-1)+IF('Standard Profiles'!$G$21=$B$10,7,0)+IF('Standard Profiles'!$G$21=$B$17,14,0)+IF('Standard Profiles'!$G$21=$B$24,21,0),0)),0)</f>
        <v>0</v>
      </c>
      <c r="H5296" cm="1">
        <f t="array" ref="H5296">IFERROR(INDEX(Jesper!AL$2:AL$366,ROUNDDOWN($C5296/24,0)+1,1)*INDEX($D$3:$AA$30,INDEX(Jesper!$R$2:$R$366,ROW(INDEX(Jesper!AL$2:AL$366,ROUNDDOWN($C5296/24,0)+1,1))-1)+IF('Standard Profiles'!$G$22=$B$10,7,0)+IF('Standard Profiles'!$G$22=$B$17,14,0)+IF('Standard Profiles'!$G$22=$B$24,21,0),MOD($C5296,24)+1)/SUM(INDEX($D$3:$AA$30,INDEX(Jesper!$R$2:$R$366,ROW(INDEX(Jesper!AL$2:AL$366,ROUNDDOWN($C5296/24,0)+1,1))-1)+IF('Standard Profiles'!$G$22=$B$10,7,0)+IF('Standard Profiles'!$G$22=$B$17,14,0)+IF('Standard Profiles'!$G$22=$B$24,21,0),0)),0)</f>
        <v>0</v>
      </c>
      <c r="I5296">
        <f t="shared" si="594"/>
        <v>0.30825528233910499</v>
      </c>
      <c r="J5296">
        <f t="shared" si="595"/>
        <v>1.0275176077970167</v>
      </c>
      <c r="K5296">
        <f t="shared" si="596"/>
        <v>1.5412764116955251</v>
      </c>
      <c r="L5296">
        <f t="shared" si="597"/>
        <v>7.3981267761385201</v>
      </c>
      <c r="M5296">
        <f t="shared" si="598"/>
        <v>0</v>
      </c>
      <c r="N5296" s="46">
        <f t="shared" si="599"/>
        <v>45511.249999987238</v>
      </c>
    </row>
    <row r="5297" spans="2:14" x14ac:dyDescent="0.3">
      <c r="B5297">
        <f t="shared" si="593"/>
        <v>3</v>
      </c>
      <c r="C5297" s="16">
        <v>5263</v>
      </c>
      <c r="D5297" cm="1">
        <f t="array" ref="D5297">IFERROR(INDEX(Jesper!AH$2:AH$366,ROUNDDOWN($C5297/24,0)+1,1)*INDEX($D$3:$AA$30,INDEX(Jesper!$R$2:$R$366,ROW(INDEX(Jesper!AH$2:AH$366,ROUNDDOWN($C5297/24,0)+1,1))-1)+IF('Standard Profiles'!$G$18=$B$10,7,0)+IF('Standard Profiles'!$G$18=$B$17,14,0)+IF('Standard Profiles'!$G$18=$B$24,21,0),MOD($C5297,24)+1)/SUM(INDEX($D$3:$AA$30,INDEX(Jesper!$R$2:$R$366,ROW(INDEX(Jesper!AH$2:AH$366,ROUNDDOWN($C5297/24,0)+1,1))-1)+IF('Standard Profiles'!$G$18=$B$10,7,0)+IF('Standard Profiles'!$G$18=$B$17,14,0)+IF('Standard Profiles'!$G$18=$B$24,21,0),0)),0)</f>
        <v>10.275176077970167</v>
      </c>
      <c r="E5297" cm="1">
        <f t="array" ref="E5297">IFERROR(INDEX(Jesper!AI$2:AI$366,ROUNDDOWN($C5297/24,0)+1,1)*INDEX($D$3:$AA$30,INDEX(Jesper!$R$2:$R$366,ROW(INDEX(Jesper!AI$2:AI$366,ROUNDDOWN($C5297/24,0)+1,1))-1)+IF('Standard Profiles'!$G$19=$B$10,7,0)+IF('Standard Profiles'!$G$19=$B$17,14,0)+IF('Standard Profiles'!$G$19=$B$24,21,0),MOD($C5297,24)+1)/SUM(INDEX($D$3:$AA$30,INDEX(Jesper!$R$2:$R$366,ROW(INDEX(Jesper!AI$2:AI$366,ROUNDDOWN($C5297/24,0)+1,1))-1)+IF('Standard Profiles'!$G$19=$B$10,7,0)+IF('Standard Profiles'!$G$19=$B$17,14,0)+IF('Standard Profiles'!$G$19=$B$24,21,0),0)),0)</f>
        <v>0</v>
      </c>
      <c r="F5297" cm="1">
        <f t="array" ref="F5297">IFERROR(INDEX(Jesper!AJ$2:AJ$366,ROUNDDOWN($C5297/24,0)+1,1)*INDEX($D$3:$AA$30,INDEX(Jesper!$R$2:$R$366,ROW(INDEX(Jesper!AJ$2:AJ$366,ROUNDDOWN($C5297/24,0)+1,1))-1)+IF('Standard Profiles'!$G$20=$B$10,7,0)+IF('Standard Profiles'!$G$20=$B$17,14,0)+IF('Standard Profiles'!$G$20=$B$24,21,0),MOD($C5297,24)+1)/SUM(INDEX($D$3:$AA$30,INDEX(Jesper!$R$2:$R$366,ROW(INDEX(Jesper!AJ$2:AJ$366,ROUNDDOWN($C5297/24,0)+1,1))-1)+IF('Standard Profiles'!$G$20=$B$10,7,0)+IF('Standard Profiles'!$G$20=$B$17,14,0)+IF('Standard Profiles'!$G$20=$B$24,21,0),0)),0)</f>
        <v>0</v>
      </c>
      <c r="G5297" cm="1">
        <f t="array" ref="G5297">IFERROR(INDEX(Jesper!AK$2:AK$366,ROUNDDOWN($C5297/24,0)+1,1)*INDEX($D$3:$AA$30,INDEX(Jesper!$R$2:$R$366,ROW(INDEX(Jesper!AK$2:AK$366,ROUNDDOWN($C5297/24,0)+1,1))-1)+IF('Standard Profiles'!$G$21=$B$10,7,0)+IF('Standard Profiles'!$G$21=$B$17,14,0)+IF('Standard Profiles'!$G$21=$B$24,21,0),MOD($C5297,24)+1)/SUM(INDEX($D$3:$AA$30,INDEX(Jesper!$R$2:$R$366,ROW(INDEX(Jesper!AK$2:AK$366,ROUNDDOWN($C5297/24,0)+1,1))-1)+IF('Standard Profiles'!$G$21=$B$10,7,0)+IF('Standard Profiles'!$G$21=$B$17,14,0)+IF('Standard Profiles'!$G$21=$B$24,21,0),0)),0)</f>
        <v>0</v>
      </c>
      <c r="H5297" cm="1">
        <f t="array" ref="H5297">IFERROR(INDEX(Jesper!AL$2:AL$366,ROUNDDOWN($C5297/24,0)+1,1)*INDEX($D$3:$AA$30,INDEX(Jesper!$R$2:$R$366,ROW(INDEX(Jesper!AL$2:AL$366,ROUNDDOWN($C5297/24,0)+1,1))-1)+IF('Standard Profiles'!$G$22=$B$10,7,0)+IF('Standard Profiles'!$G$22=$B$17,14,0)+IF('Standard Profiles'!$G$22=$B$24,21,0),MOD($C5297,24)+1)/SUM(INDEX($D$3:$AA$30,INDEX(Jesper!$R$2:$R$366,ROW(INDEX(Jesper!AL$2:AL$366,ROUNDDOWN($C5297/24,0)+1,1))-1)+IF('Standard Profiles'!$G$22=$B$10,7,0)+IF('Standard Profiles'!$G$22=$B$17,14,0)+IF('Standard Profiles'!$G$22=$B$24,21,0),0)),0)</f>
        <v>0</v>
      </c>
      <c r="I5297">
        <f t="shared" si="594"/>
        <v>0.30825528233910499</v>
      </c>
      <c r="J5297">
        <f t="shared" si="595"/>
        <v>1.0275176077970167</v>
      </c>
      <c r="K5297">
        <f t="shared" si="596"/>
        <v>1.5412764116955251</v>
      </c>
      <c r="L5297">
        <f t="shared" si="597"/>
        <v>7.3981267761385201</v>
      </c>
      <c r="M5297">
        <f t="shared" si="598"/>
        <v>0</v>
      </c>
      <c r="N5297" s="46">
        <f t="shared" si="599"/>
        <v>45511.291666653902</v>
      </c>
    </row>
    <row r="5298" spans="2:14" x14ac:dyDescent="0.3">
      <c r="B5298">
        <f t="shared" si="593"/>
        <v>3</v>
      </c>
      <c r="C5298" s="16">
        <v>5264</v>
      </c>
      <c r="D5298" cm="1">
        <f t="array" ref="D5298">IFERROR(INDEX(Jesper!AH$2:AH$366,ROUNDDOWN($C5298/24,0)+1,1)*INDEX($D$3:$AA$30,INDEX(Jesper!$R$2:$R$366,ROW(INDEX(Jesper!AH$2:AH$366,ROUNDDOWN($C5298/24,0)+1,1))-1)+IF('Standard Profiles'!$G$18=$B$10,7,0)+IF('Standard Profiles'!$G$18=$B$17,14,0)+IF('Standard Profiles'!$G$18=$B$24,21,0),MOD($C5298,24)+1)/SUM(INDEX($D$3:$AA$30,INDEX(Jesper!$R$2:$R$366,ROW(INDEX(Jesper!AH$2:AH$366,ROUNDDOWN($C5298/24,0)+1,1))-1)+IF('Standard Profiles'!$G$18=$B$10,7,0)+IF('Standard Profiles'!$G$18=$B$17,14,0)+IF('Standard Profiles'!$G$18=$B$24,21,0),0)),0)</f>
        <v>10.275176077970167</v>
      </c>
      <c r="E5298" cm="1">
        <f t="array" ref="E5298">IFERROR(INDEX(Jesper!AI$2:AI$366,ROUNDDOWN($C5298/24,0)+1,1)*INDEX($D$3:$AA$30,INDEX(Jesper!$R$2:$R$366,ROW(INDEX(Jesper!AI$2:AI$366,ROUNDDOWN($C5298/24,0)+1,1))-1)+IF('Standard Profiles'!$G$19=$B$10,7,0)+IF('Standard Profiles'!$G$19=$B$17,14,0)+IF('Standard Profiles'!$G$19=$B$24,21,0),MOD($C5298,24)+1)/SUM(INDEX($D$3:$AA$30,INDEX(Jesper!$R$2:$R$366,ROW(INDEX(Jesper!AI$2:AI$366,ROUNDDOWN($C5298/24,0)+1,1))-1)+IF('Standard Profiles'!$G$19=$B$10,7,0)+IF('Standard Profiles'!$G$19=$B$17,14,0)+IF('Standard Profiles'!$G$19=$B$24,21,0),0)),0)</f>
        <v>0</v>
      </c>
      <c r="F5298" cm="1">
        <f t="array" ref="F5298">IFERROR(INDEX(Jesper!AJ$2:AJ$366,ROUNDDOWN($C5298/24,0)+1,1)*INDEX($D$3:$AA$30,INDEX(Jesper!$R$2:$R$366,ROW(INDEX(Jesper!AJ$2:AJ$366,ROUNDDOWN($C5298/24,0)+1,1))-1)+IF('Standard Profiles'!$G$20=$B$10,7,0)+IF('Standard Profiles'!$G$20=$B$17,14,0)+IF('Standard Profiles'!$G$20=$B$24,21,0),MOD($C5298,24)+1)/SUM(INDEX($D$3:$AA$30,INDEX(Jesper!$R$2:$R$366,ROW(INDEX(Jesper!AJ$2:AJ$366,ROUNDDOWN($C5298/24,0)+1,1))-1)+IF('Standard Profiles'!$G$20=$B$10,7,0)+IF('Standard Profiles'!$G$20=$B$17,14,0)+IF('Standard Profiles'!$G$20=$B$24,21,0),0)),0)</f>
        <v>0</v>
      </c>
      <c r="G5298" cm="1">
        <f t="array" ref="G5298">IFERROR(INDEX(Jesper!AK$2:AK$366,ROUNDDOWN($C5298/24,0)+1,1)*INDEX($D$3:$AA$30,INDEX(Jesper!$R$2:$R$366,ROW(INDEX(Jesper!AK$2:AK$366,ROUNDDOWN($C5298/24,0)+1,1))-1)+IF('Standard Profiles'!$G$21=$B$10,7,0)+IF('Standard Profiles'!$G$21=$B$17,14,0)+IF('Standard Profiles'!$G$21=$B$24,21,0),MOD($C5298,24)+1)/SUM(INDEX($D$3:$AA$30,INDEX(Jesper!$R$2:$R$366,ROW(INDEX(Jesper!AK$2:AK$366,ROUNDDOWN($C5298/24,0)+1,1))-1)+IF('Standard Profiles'!$G$21=$B$10,7,0)+IF('Standard Profiles'!$G$21=$B$17,14,0)+IF('Standard Profiles'!$G$21=$B$24,21,0),0)),0)</f>
        <v>0</v>
      </c>
      <c r="H5298" cm="1">
        <f t="array" ref="H5298">IFERROR(INDEX(Jesper!AL$2:AL$366,ROUNDDOWN($C5298/24,0)+1,1)*INDEX($D$3:$AA$30,INDEX(Jesper!$R$2:$R$366,ROW(INDEX(Jesper!AL$2:AL$366,ROUNDDOWN($C5298/24,0)+1,1))-1)+IF('Standard Profiles'!$G$22=$B$10,7,0)+IF('Standard Profiles'!$G$22=$B$17,14,0)+IF('Standard Profiles'!$G$22=$B$24,21,0),MOD($C5298,24)+1)/SUM(INDEX($D$3:$AA$30,INDEX(Jesper!$R$2:$R$366,ROW(INDEX(Jesper!AL$2:AL$366,ROUNDDOWN($C5298/24,0)+1,1))-1)+IF('Standard Profiles'!$G$22=$B$10,7,0)+IF('Standard Profiles'!$G$22=$B$17,14,0)+IF('Standard Profiles'!$G$22=$B$24,21,0),0)),0)</f>
        <v>0</v>
      </c>
      <c r="I5298">
        <f t="shared" si="594"/>
        <v>0.30825528233910499</v>
      </c>
      <c r="J5298">
        <f t="shared" si="595"/>
        <v>1.0275176077970167</v>
      </c>
      <c r="K5298">
        <f t="shared" si="596"/>
        <v>1.5412764116955251</v>
      </c>
      <c r="L5298">
        <f t="shared" si="597"/>
        <v>7.3981267761385201</v>
      </c>
      <c r="M5298">
        <f t="shared" si="598"/>
        <v>0</v>
      </c>
      <c r="N5298" s="46">
        <f t="shared" si="599"/>
        <v>45511.333333320566</v>
      </c>
    </row>
    <row r="5299" spans="2:14" x14ac:dyDescent="0.3">
      <c r="B5299">
        <f t="shared" si="593"/>
        <v>3</v>
      </c>
      <c r="C5299" s="16">
        <v>5265</v>
      </c>
      <c r="D5299" cm="1">
        <f t="array" ref="D5299">IFERROR(INDEX(Jesper!AH$2:AH$366,ROUNDDOWN($C5299/24,0)+1,1)*INDEX($D$3:$AA$30,INDEX(Jesper!$R$2:$R$366,ROW(INDEX(Jesper!AH$2:AH$366,ROUNDDOWN($C5299/24,0)+1,1))-1)+IF('Standard Profiles'!$G$18=$B$10,7,0)+IF('Standard Profiles'!$G$18=$B$17,14,0)+IF('Standard Profiles'!$G$18=$B$24,21,0),MOD($C5299,24)+1)/SUM(INDEX($D$3:$AA$30,INDEX(Jesper!$R$2:$R$366,ROW(INDEX(Jesper!AH$2:AH$366,ROUNDDOWN($C5299/24,0)+1,1))-1)+IF('Standard Profiles'!$G$18=$B$10,7,0)+IF('Standard Profiles'!$G$18=$B$17,14,0)+IF('Standard Profiles'!$G$18=$B$24,21,0),0)),0)</f>
        <v>11.041980262893313</v>
      </c>
      <c r="E5299" cm="1">
        <f t="array" ref="E5299">IFERROR(INDEX(Jesper!AI$2:AI$366,ROUNDDOWN($C5299/24,0)+1,1)*INDEX($D$3:$AA$30,INDEX(Jesper!$R$2:$R$366,ROW(INDEX(Jesper!AI$2:AI$366,ROUNDDOWN($C5299/24,0)+1,1))-1)+IF('Standard Profiles'!$G$19=$B$10,7,0)+IF('Standard Profiles'!$G$19=$B$17,14,0)+IF('Standard Profiles'!$G$19=$B$24,21,0),MOD($C5299,24)+1)/SUM(INDEX($D$3:$AA$30,INDEX(Jesper!$R$2:$R$366,ROW(INDEX(Jesper!AI$2:AI$366,ROUNDDOWN($C5299/24,0)+1,1))-1)+IF('Standard Profiles'!$G$19=$B$10,7,0)+IF('Standard Profiles'!$G$19=$B$17,14,0)+IF('Standard Profiles'!$G$19=$B$24,21,0),0)),0)</f>
        <v>0</v>
      </c>
      <c r="F5299" cm="1">
        <f t="array" ref="F5299">IFERROR(INDEX(Jesper!AJ$2:AJ$366,ROUNDDOWN($C5299/24,0)+1,1)*INDEX($D$3:$AA$30,INDEX(Jesper!$R$2:$R$366,ROW(INDEX(Jesper!AJ$2:AJ$366,ROUNDDOWN($C5299/24,0)+1,1))-1)+IF('Standard Profiles'!$G$20=$B$10,7,0)+IF('Standard Profiles'!$G$20=$B$17,14,0)+IF('Standard Profiles'!$G$20=$B$24,21,0),MOD($C5299,24)+1)/SUM(INDEX($D$3:$AA$30,INDEX(Jesper!$R$2:$R$366,ROW(INDEX(Jesper!AJ$2:AJ$366,ROUNDDOWN($C5299/24,0)+1,1))-1)+IF('Standard Profiles'!$G$20=$B$10,7,0)+IF('Standard Profiles'!$G$20=$B$17,14,0)+IF('Standard Profiles'!$G$20=$B$24,21,0),0)),0)</f>
        <v>0</v>
      </c>
      <c r="G5299" cm="1">
        <f t="array" ref="G5299">IFERROR(INDEX(Jesper!AK$2:AK$366,ROUNDDOWN($C5299/24,0)+1,1)*INDEX($D$3:$AA$30,INDEX(Jesper!$R$2:$R$366,ROW(INDEX(Jesper!AK$2:AK$366,ROUNDDOWN($C5299/24,0)+1,1))-1)+IF('Standard Profiles'!$G$21=$B$10,7,0)+IF('Standard Profiles'!$G$21=$B$17,14,0)+IF('Standard Profiles'!$G$21=$B$24,21,0),MOD($C5299,24)+1)/SUM(INDEX($D$3:$AA$30,INDEX(Jesper!$R$2:$R$366,ROW(INDEX(Jesper!AK$2:AK$366,ROUNDDOWN($C5299/24,0)+1,1))-1)+IF('Standard Profiles'!$G$21=$B$10,7,0)+IF('Standard Profiles'!$G$21=$B$17,14,0)+IF('Standard Profiles'!$G$21=$B$24,21,0),0)),0)</f>
        <v>0</v>
      </c>
      <c r="H5299" cm="1">
        <f t="array" ref="H5299">IFERROR(INDEX(Jesper!AL$2:AL$366,ROUNDDOWN($C5299/24,0)+1,1)*INDEX($D$3:$AA$30,INDEX(Jesper!$R$2:$R$366,ROW(INDEX(Jesper!AL$2:AL$366,ROUNDDOWN($C5299/24,0)+1,1))-1)+IF('Standard Profiles'!$G$22=$B$10,7,0)+IF('Standard Profiles'!$G$22=$B$17,14,0)+IF('Standard Profiles'!$G$22=$B$24,21,0),MOD($C5299,24)+1)/SUM(INDEX($D$3:$AA$30,INDEX(Jesper!$R$2:$R$366,ROW(INDEX(Jesper!AL$2:AL$366,ROUNDDOWN($C5299/24,0)+1,1))-1)+IF('Standard Profiles'!$G$22=$B$10,7,0)+IF('Standard Profiles'!$G$22=$B$17,14,0)+IF('Standard Profiles'!$G$22=$B$24,21,0),0)),0)</f>
        <v>0</v>
      </c>
      <c r="I5299">
        <f t="shared" si="594"/>
        <v>0.33125940788679936</v>
      </c>
      <c r="J5299">
        <f t="shared" si="595"/>
        <v>1.1041980262893314</v>
      </c>
      <c r="K5299">
        <f t="shared" si="596"/>
        <v>1.6562970394339969</v>
      </c>
      <c r="L5299">
        <f t="shared" si="597"/>
        <v>7.9502257892831851</v>
      </c>
      <c r="M5299">
        <f t="shared" si="598"/>
        <v>0</v>
      </c>
      <c r="N5299" s="46">
        <f t="shared" si="599"/>
        <v>45511.374999987231</v>
      </c>
    </row>
    <row r="5300" spans="2:14" x14ac:dyDescent="0.3">
      <c r="B5300">
        <f t="shared" si="593"/>
        <v>3</v>
      </c>
      <c r="C5300" s="16">
        <v>5266</v>
      </c>
      <c r="D5300" cm="1">
        <f t="array" ref="D5300">IFERROR(INDEX(Jesper!AH$2:AH$366,ROUNDDOWN($C5300/24,0)+1,1)*INDEX($D$3:$AA$30,INDEX(Jesper!$R$2:$R$366,ROW(INDEX(Jesper!AH$2:AH$366,ROUNDDOWN($C5300/24,0)+1,1))-1)+IF('Standard Profiles'!$G$18=$B$10,7,0)+IF('Standard Profiles'!$G$18=$B$17,14,0)+IF('Standard Profiles'!$G$18=$B$24,21,0),MOD($C5300,24)+1)/SUM(INDEX($D$3:$AA$30,INDEX(Jesper!$R$2:$R$366,ROW(INDEX(Jesper!AH$2:AH$366,ROUNDDOWN($C5300/24,0)+1,1))-1)+IF('Standard Profiles'!$G$18=$B$10,7,0)+IF('Standard Profiles'!$G$18=$B$17,14,0)+IF('Standard Profiles'!$G$18=$B$24,21,0),0)),0)</f>
        <v>11.962145284801089</v>
      </c>
      <c r="E5300" cm="1">
        <f t="array" ref="E5300">IFERROR(INDEX(Jesper!AI$2:AI$366,ROUNDDOWN($C5300/24,0)+1,1)*INDEX($D$3:$AA$30,INDEX(Jesper!$R$2:$R$366,ROW(INDEX(Jesper!AI$2:AI$366,ROUNDDOWN($C5300/24,0)+1,1))-1)+IF('Standard Profiles'!$G$19=$B$10,7,0)+IF('Standard Profiles'!$G$19=$B$17,14,0)+IF('Standard Profiles'!$G$19=$B$24,21,0),MOD($C5300,24)+1)/SUM(INDEX($D$3:$AA$30,INDEX(Jesper!$R$2:$R$366,ROW(INDEX(Jesper!AI$2:AI$366,ROUNDDOWN($C5300/24,0)+1,1))-1)+IF('Standard Profiles'!$G$19=$B$10,7,0)+IF('Standard Profiles'!$G$19=$B$17,14,0)+IF('Standard Profiles'!$G$19=$B$24,21,0),0)),0)</f>
        <v>0</v>
      </c>
      <c r="F5300" cm="1">
        <f t="array" ref="F5300">IFERROR(INDEX(Jesper!AJ$2:AJ$366,ROUNDDOWN($C5300/24,0)+1,1)*INDEX($D$3:$AA$30,INDEX(Jesper!$R$2:$R$366,ROW(INDEX(Jesper!AJ$2:AJ$366,ROUNDDOWN($C5300/24,0)+1,1))-1)+IF('Standard Profiles'!$G$20=$B$10,7,0)+IF('Standard Profiles'!$G$20=$B$17,14,0)+IF('Standard Profiles'!$G$20=$B$24,21,0),MOD($C5300,24)+1)/SUM(INDEX($D$3:$AA$30,INDEX(Jesper!$R$2:$R$366,ROW(INDEX(Jesper!AJ$2:AJ$366,ROUNDDOWN($C5300/24,0)+1,1))-1)+IF('Standard Profiles'!$G$20=$B$10,7,0)+IF('Standard Profiles'!$G$20=$B$17,14,0)+IF('Standard Profiles'!$G$20=$B$24,21,0),0)),0)</f>
        <v>0</v>
      </c>
      <c r="G5300" cm="1">
        <f t="array" ref="G5300">IFERROR(INDEX(Jesper!AK$2:AK$366,ROUNDDOWN($C5300/24,0)+1,1)*INDEX($D$3:$AA$30,INDEX(Jesper!$R$2:$R$366,ROW(INDEX(Jesper!AK$2:AK$366,ROUNDDOWN($C5300/24,0)+1,1))-1)+IF('Standard Profiles'!$G$21=$B$10,7,0)+IF('Standard Profiles'!$G$21=$B$17,14,0)+IF('Standard Profiles'!$G$21=$B$24,21,0),MOD($C5300,24)+1)/SUM(INDEX($D$3:$AA$30,INDEX(Jesper!$R$2:$R$366,ROW(INDEX(Jesper!AK$2:AK$366,ROUNDDOWN($C5300/24,0)+1,1))-1)+IF('Standard Profiles'!$G$21=$B$10,7,0)+IF('Standard Profiles'!$G$21=$B$17,14,0)+IF('Standard Profiles'!$G$21=$B$24,21,0),0)),0)</f>
        <v>0</v>
      </c>
      <c r="H5300" cm="1">
        <f t="array" ref="H5300">IFERROR(INDEX(Jesper!AL$2:AL$366,ROUNDDOWN($C5300/24,0)+1,1)*INDEX($D$3:$AA$30,INDEX(Jesper!$R$2:$R$366,ROW(INDEX(Jesper!AL$2:AL$366,ROUNDDOWN($C5300/24,0)+1,1))-1)+IF('Standard Profiles'!$G$22=$B$10,7,0)+IF('Standard Profiles'!$G$22=$B$17,14,0)+IF('Standard Profiles'!$G$22=$B$24,21,0),MOD($C5300,24)+1)/SUM(INDEX($D$3:$AA$30,INDEX(Jesper!$R$2:$R$366,ROW(INDEX(Jesper!AL$2:AL$366,ROUNDDOWN($C5300/24,0)+1,1))-1)+IF('Standard Profiles'!$G$22=$B$10,7,0)+IF('Standard Profiles'!$G$22=$B$17,14,0)+IF('Standard Profiles'!$G$22=$B$24,21,0),0)),0)</f>
        <v>0</v>
      </c>
      <c r="I5300">
        <f t="shared" si="594"/>
        <v>0.35886435854403265</v>
      </c>
      <c r="J5300">
        <f t="shared" si="595"/>
        <v>1.1962145284801089</v>
      </c>
      <c r="K5300">
        <f t="shared" si="596"/>
        <v>1.7943217927201633</v>
      </c>
      <c r="L5300">
        <f t="shared" si="597"/>
        <v>8.6127446050567844</v>
      </c>
      <c r="M5300">
        <f t="shared" si="598"/>
        <v>0</v>
      </c>
      <c r="N5300" s="46">
        <f t="shared" si="599"/>
        <v>45511.416666653895</v>
      </c>
    </row>
    <row r="5301" spans="2:14" x14ac:dyDescent="0.3">
      <c r="B5301">
        <f t="shared" si="593"/>
        <v>3</v>
      </c>
      <c r="C5301" s="16">
        <v>5267</v>
      </c>
      <c r="D5301" cm="1">
        <f t="array" ref="D5301">IFERROR(INDEX(Jesper!AH$2:AH$366,ROUNDDOWN($C5301/24,0)+1,1)*INDEX($D$3:$AA$30,INDEX(Jesper!$R$2:$R$366,ROW(INDEX(Jesper!AH$2:AH$366,ROUNDDOWN($C5301/24,0)+1,1))-1)+IF('Standard Profiles'!$G$18=$B$10,7,0)+IF('Standard Profiles'!$G$18=$B$17,14,0)+IF('Standard Profiles'!$G$18=$B$24,21,0),MOD($C5301,24)+1)/SUM(INDEX($D$3:$AA$30,INDEX(Jesper!$R$2:$R$366,ROW(INDEX(Jesper!AH$2:AH$366,ROUNDDOWN($C5301/24,0)+1,1))-1)+IF('Standard Profiles'!$G$18=$B$10,7,0)+IF('Standard Profiles'!$G$18=$B$17,14,0)+IF('Standard Profiles'!$G$18=$B$24,21,0),0)),0)</f>
        <v>13.802475328616641</v>
      </c>
      <c r="E5301" cm="1">
        <f t="array" ref="E5301">IFERROR(INDEX(Jesper!AI$2:AI$366,ROUNDDOWN($C5301/24,0)+1,1)*INDEX($D$3:$AA$30,INDEX(Jesper!$R$2:$R$366,ROW(INDEX(Jesper!AI$2:AI$366,ROUNDDOWN($C5301/24,0)+1,1))-1)+IF('Standard Profiles'!$G$19=$B$10,7,0)+IF('Standard Profiles'!$G$19=$B$17,14,0)+IF('Standard Profiles'!$G$19=$B$24,21,0),MOD($C5301,24)+1)/SUM(INDEX($D$3:$AA$30,INDEX(Jesper!$R$2:$R$366,ROW(INDEX(Jesper!AI$2:AI$366,ROUNDDOWN($C5301/24,0)+1,1))-1)+IF('Standard Profiles'!$G$19=$B$10,7,0)+IF('Standard Profiles'!$G$19=$B$17,14,0)+IF('Standard Profiles'!$G$19=$B$24,21,0),0)),0)</f>
        <v>0</v>
      </c>
      <c r="F5301" cm="1">
        <f t="array" ref="F5301">IFERROR(INDEX(Jesper!AJ$2:AJ$366,ROUNDDOWN($C5301/24,0)+1,1)*INDEX($D$3:$AA$30,INDEX(Jesper!$R$2:$R$366,ROW(INDEX(Jesper!AJ$2:AJ$366,ROUNDDOWN($C5301/24,0)+1,1))-1)+IF('Standard Profiles'!$G$20=$B$10,7,0)+IF('Standard Profiles'!$G$20=$B$17,14,0)+IF('Standard Profiles'!$G$20=$B$24,21,0),MOD($C5301,24)+1)/SUM(INDEX($D$3:$AA$30,INDEX(Jesper!$R$2:$R$366,ROW(INDEX(Jesper!AJ$2:AJ$366,ROUNDDOWN($C5301/24,0)+1,1))-1)+IF('Standard Profiles'!$G$20=$B$10,7,0)+IF('Standard Profiles'!$G$20=$B$17,14,0)+IF('Standard Profiles'!$G$20=$B$24,21,0),0)),0)</f>
        <v>0</v>
      </c>
      <c r="G5301" cm="1">
        <f t="array" ref="G5301">IFERROR(INDEX(Jesper!AK$2:AK$366,ROUNDDOWN($C5301/24,0)+1,1)*INDEX($D$3:$AA$30,INDEX(Jesper!$R$2:$R$366,ROW(INDEX(Jesper!AK$2:AK$366,ROUNDDOWN($C5301/24,0)+1,1))-1)+IF('Standard Profiles'!$G$21=$B$10,7,0)+IF('Standard Profiles'!$G$21=$B$17,14,0)+IF('Standard Profiles'!$G$21=$B$24,21,0),MOD($C5301,24)+1)/SUM(INDEX($D$3:$AA$30,INDEX(Jesper!$R$2:$R$366,ROW(INDEX(Jesper!AK$2:AK$366,ROUNDDOWN($C5301/24,0)+1,1))-1)+IF('Standard Profiles'!$G$21=$B$10,7,0)+IF('Standard Profiles'!$G$21=$B$17,14,0)+IF('Standard Profiles'!$G$21=$B$24,21,0),0)),0)</f>
        <v>0</v>
      </c>
      <c r="H5301" cm="1">
        <f t="array" ref="H5301">IFERROR(INDEX(Jesper!AL$2:AL$366,ROUNDDOWN($C5301/24,0)+1,1)*INDEX($D$3:$AA$30,INDEX(Jesper!$R$2:$R$366,ROW(INDEX(Jesper!AL$2:AL$366,ROUNDDOWN($C5301/24,0)+1,1))-1)+IF('Standard Profiles'!$G$22=$B$10,7,0)+IF('Standard Profiles'!$G$22=$B$17,14,0)+IF('Standard Profiles'!$G$22=$B$24,21,0),MOD($C5301,24)+1)/SUM(INDEX($D$3:$AA$30,INDEX(Jesper!$R$2:$R$366,ROW(INDEX(Jesper!AL$2:AL$366,ROUNDDOWN($C5301/24,0)+1,1))-1)+IF('Standard Profiles'!$G$22=$B$10,7,0)+IF('Standard Profiles'!$G$22=$B$17,14,0)+IF('Standard Profiles'!$G$22=$B$24,21,0),0)),0)</f>
        <v>0</v>
      </c>
      <c r="I5301">
        <f t="shared" si="594"/>
        <v>0.41407425985849922</v>
      </c>
      <c r="J5301">
        <f t="shared" si="595"/>
        <v>1.3802475328616641</v>
      </c>
      <c r="K5301">
        <f t="shared" si="596"/>
        <v>2.0703712992924959</v>
      </c>
      <c r="L5301">
        <f t="shared" si="597"/>
        <v>9.9377822366039812</v>
      </c>
      <c r="M5301">
        <f t="shared" si="598"/>
        <v>0</v>
      </c>
      <c r="N5301" s="46">
        <f t="shared" si="599"/>
        <v>45511.458333320559</v>
      </c>
    </row>
    <row r="5302" spans="2:14" x14ac:dyDescent="0.3">
      <c r="B5302">
        <f t="shared" si="593"/>
        <v>3</v>
      </c>
      <c r="C5302" s="16">
        <v>5268</v>
      </c>
      <c r="D5302" cm="1">
        <f t="array" ref="D5302">IFERROR(INDEX(Jesper!AH$2:AH$366,ROUNDDOWN($C5302/24,0)+1,1)*INDEX($D$3:$AA$30,INDEX(Jesper!$R$2:$R$366,ROW(INDEX(Jesper!AH$2:AH$366,ROUNDDOWN($C5302/24,0)+1,1))-1)+IF('Standard Profiles'!$G$18=$B$10,7,0)+IF('Standard Profiles'!$G$18=$B$17,14,0)+IF('Standard Profiles'!$G$18=$B$24,21,0),MOD($C5302,24)+1)/SUM(INDEX($D$3:$AA$30,INDEX(Jesper!$R$2:$R$366,ROW(INDEX(Jesper!AH$2:AH$366,ROUNDDOWN($C5302/24,0)+1,1))-1)+IF('Standard Profiles'!$G$18=$B$10,7,0)+IF('Standard Profiles'!$G$18=$B$17,14,0)+IF('Standard Profiles'!$G$18=$B$24,21,0),0)),0)</f>
        <v>13.802475328616641</v>
      </c>
      <c r="E5302" cm="1">
        <f t="array" ref="E5302">IFERROR(INDEX(Jesper!AI$2:AI$366,ROUNDDOWN($C5302/24,0)+1,1)*INDEX($D$3:$AA$30,INDEX(Jesper!$R$2:$R$366,ROW(INDEX(Jesper!AI$2:AI$366,ROUNDDOWN($C5302/24,0)+1,1))-1)+IF('Standard Profiles'!$G$19=$B$10,7,0)+IF('Standard Profiles'!$G$19=$B$17,14,0)+IF('Standard Profiles'!$G$19=$B$24,21,0),MOD($C5302,24)+1)/SUM(INDEX($D$3:$AA$30,INDEX(Jesper!$R$2:$R$366,ROW(INDEX(Jesper!AI$2:AI$366,ROUNDDOWN($C5302/24,0)+1,1))-1)+IF('Standard Profiles'!$G$19=$B$10,7,0)+IF('Standard Profiles'!$G$19=$B$17,14,0)+IF('Standard Profiles'!$G$19=$B$24,21,0),0)),0)</f>
        <v>0</v>
      </c>
      <c r="F5302" cm="1">
        <f t="array" ref="F5302">IFERROR(INDEX(Jesper!AJ$2:AJ$366,ROUNDDOWN($C5302/24,0)+1,1)*INDEX($D$3:$AA$30,INDEX(Jesper!$R$2:$R$366,ROW(INDEX(Jesper!AJ$2:AJ$366,ROUNDDOWN($C5302/24,0)+1,1))-1)+IF('Standard Profiles'!$G$20=$B$10,7,0)+IF('Standard Profiles'!$G$20=$B$17,14,0)+IF('Standard Profiles'!$G$20=$B$24,21,0),MOD($C5302,24)+1)/SUM(INDEX($D$3:$AA$30,INDEX(Jesper!$R$2:$R$366,ROW(INDEX(Jesper!AJ$2:AJ$366,ROUNDDOWN($C5302/24,0)+1,1))-1)+IF('Standard Profiles'!$G$20=$B$10,7,0)+IF('Standard Profiles'!$G$20=$B$17,14,0)+IF('Standard Profiles'!$G$20=$B$24,21,0),0)),0)</f>
        <v>0</v>
      </c>
      <c r="G5302" cm="1">
        <f t="array" ref="G5302">IFERROR(INDEX(Jesper!AK$2:AK$366,ROUNDDOWN($C5302/24,0)+1,1)*INDEX($D$3:$AA$30,INDEX(Jesper!$R$2:$R$366,ROW(INDEX(Jesper!AK$2:AK$366,ROUNDDOWN($C5302/24,0)+1,1))-1)+IF('Standard Profiles'!$G$21=$B$10,7,0)+IF('Standard Profiles'!$G$21=$B$17,14,0)+IF('Standard Profiles'!$G$21=$B$24,21,0),MOD($C5302,24)+1)/SUM(INDEX($D$3:$AA$30,INDEX(Jesper!$R$2:$R$366,ROW(INDEX(Jesper!AK$2:AK$366,ROUNDDOWN($C5302/24,0)+1,1))-1)+IF('Standard Profiles'!$G$21=$B$10,7,0)+IF('Standard Profiles'!$G$21=$B$17,14,0)+IF('Standard Profiles'!$G$21=$B$24,21,0),0)),0)</f>
        <v>0</v>
      </c>
      <c r="H5302" cm="1">
        <f t="array" ref="H5302">IFERROR(INDEX(Jesper!AL$2:AL$366,ROUNDDOWN($C5302/24,0)+1,1)*INDEX($D$3:$AA$30,INDEX(Jesper!$R$2:$R$366,ROW(INDEX(Jesper!AL$2:AL$366,ROUNDDOWN($C5302/24,0)+1,1))-1)+IF('Standard Profiles'!$G$22=$B$10,7,0)+IF('Standard Profiles'!$G$22=$B$17,14,0)+IF('Standard Profiles'!$G$22=$B$24,21,0),MOD($C5302,24)+1)/SUM(INDEX($D$3:$AA$30,INDEX(Jesper!$R$2:$R$366,ROW(INDEX(Jesper!AL$2:AL$366,ROUNDDOWN($C5302/24,0)+1,1))-1)+IF('Standard Profiles'!$G$22=$B$10,7,0)+IF('Standard Profiles'!$G$22=$B$17,14,0)+IF('Standard Profiles'!$G$22=$B$24,21,0),0)),0)</f>
        <v>0</v>
      </c>
      <c r="I5302">
        <f t="shared" si="594"/>
        <v>0.41407425985849922</v>
      </c>
      <c r="J5302">
        <f t="shared" si="595"/>
        <v>1.3802475328616641</v>
      </c>
      <c r="K5302">
        <f t="shared" si="596"/>
        <v>2.0703712992924959</v>
      </c>
      <c r="L5302">
        <f t="shared" si="597"/>
        <v>9.9377822366039812</v>
      </c>
      <c r="M5302">
        <f t="shared" si="598"/>
        <v>0</v>
      </c>
      <c r="N5302" s="46">
        <f t="shared" si="599"/>
        <v>45511.499999987223</v>
      </c>
    </row>
    <row r="5303" spans="2:14" x14ac:dyDescent="0.3">
      <c r="B5303">
        <f t="shared" si="593"/>
        <v>3</v>
      </c>
      <c r="C5303" s="16">
        <v>5269</v>
      </c>
      <c r="D5303" cm="1">
        <f t="array" ref="D5303">IFERROR(INDEX(Jesper!AH$2:AH$366,ROUNDDOWN($C5303/24,0)+1,1)*INDEX($D$3:$AA$30,INDEX(Jesper!$R$2:$R$366,ROW(INDEX(Jesper!AH$2:AH$366,ROUNDDOWN($C5303/24,0)+1,1))-1)+IF('Standard Profiles'!$G$18=$B$10,7,0)+IF('Standard Profiles'!$G$18=$B$17,14,0)+IF('Standard Profiles'!$G$18=$B$24,21,0),MOD($C5303,24)+1)/SUM(INDEX($D$3:$AA$30,INDEX(Jesper!$R$2:$R$366,ROW(INDEX(Jesper!AH$2:AH$366,ROUNDDOWN($C5303/24,0)+1,1))-1)+IF('Standard Profiles'!$G$18=$B$10,7,0)+IF('Standard Profiles'!$G$18=$B$17,14,0)+IF('Standard Profiles'!$G$18=$B$24,21,0),0)),0)</f>
        <v>13.802475328616641</v>
      </c>
      <c r="E5303" cm="1">
        <f t="array" ref="E5303">IFERROR(INDEX(Jesper!AI$2:AI$366,ROUNDDOWN($C5303/24,0)+1,1)*INDEX($D$3:$AA$30,INDEX(Jesper!$R$2:$R$366,ROW(INDEX(Jesper!AI$2:AI$366,ROUNDDOWN($C5303/24,0)+1,1))-1)+IF('Standard Profiles'!$G$19=$B$10,7,0)+IF('Standard Profiles'!$G$19=$B$17,14,0)+IF('Standard Profiles'!$G$19=$B$24,21,0),MOD($C5303,24)+1)/SUM(INDEX($D$3:$AA$30,INDEX(Jesper!$R$2:$R$366,ROW(INDEX(Jesper!AI$2:AI$366,ROUNDDOWN($C5303/24,0)+1,1))-1)+IF('Standard Profiles'!$G$19=$B$10,7,0)+IF('Standard Profiles'!$G$19=$B$17,14,0)+IF('Standard Profiles'!$G$19=$B$24,21,0),0)),0)</f>
        <v>0</v>
      </c>
      <c r="F5303" cm="1">
        <f t="array" ref="F5303">IFERROR(INDEX(Jesper!AJ$2:AJ$366,ROUNDDOWN($C5303/24,0)+1,1)*INDEX($D$3:$AA$30,INDEX(Jesper!$R$2:$R$366,ROW(INDEX(Jesper!AJ$2:AJ$366,ROUNDDOWN($C5303/24,0)+1,1))-1)+IF('Standard Profiles'!$G$20=$B$10,7,0)+IF('Standard Profiles'!$G$20=$B$17,14,0)+IF('Standard Profiles'!$G$20=$B$24,21,0),MOD($C5303,24)+1)/SUM(INDEX($D$3:$AA$30,INDEX(Jesper!$R$2:$R$366,ROW(INDEX(Jesper!AJ$2:AJ$366,ROUNDDOWN($C5303/24,0)+1,1))-1)+IF('Standard Profiles'!$G$20=$B$10,7,0)+IF('Standard Profiles'!$G$20=$B$17,14,0)+IF('Standard Profiles'!$G$20=$B$24,21,0),0)),0)</f>
        <v>0</v>
      </c>
      <c r="G5303" cm="1">
        <f t="array" ref="G5303">IFERROR(INDEX(Jesper!AK$2:AK$366,ROUNDDOWN($C5303/24,0)+1,1)*INDEX($D$3:$AA$30,INDEX(Jesper!$R$2:$R$366,ROW(INDEX(Jesper!AK$2:AK$366,ROUNDDOWN($C5303/24,0)+1,1))-1)+IF('Standard Profiles'!$G$21=$B$10,7,0)+IF('Standard Profiles'!$G$21=$B$17,14,0)+IF('Standard Profiles'!$G$21=$B$24,21,0),MOD($C5303,24)+1)/SUM(INDEX($D$3:$AA$30,INDEX(Jesper!$R$2:$R$366,ROW(INDEX(Jesper!AK$2:AK$366,ROUNDDOWN($C5303/24,0)+1,1))-1)+IF('Standard Profiles'!$G$21=$B$10,7,0)+IF('Standard Profiles'!$G$21=$B$17,14,0)+IF('Standard Profiles'!$G$21=$B$24,21,0),0)),0)</f>
        <v>0</v>
      </c>
      <c r="H5303" cm="1">
        <f t="array" ref="H5303">IFERROR(INDEX(Jesper!AL$2:AL$366,ROUNDDOWN($C5303/24,0)+1,1)*INDEX($D$3:$AA$30,INDEX(Jesper!$R$2:$R$366,ROW(INDEX(Jesper!AL$2:AL$366,ROUNDDOWN($C5303/24,0)+1,1))-1)+IF('Standard Profiles'!$G$22=$B$10,7,0)+IF('Standard Profiles'!$G$22=$B$17,14,0)+IF('Standard Profiles'!$G$22=$B$24,21,0),MOD($C5303,24)+1)/SUM(INDEX($D$3:$AA$30,INDEX(Jesper!$R$2:$R$366,ROW(INDEX(Jesper!AL$2:AL$366,ROUNDDOWN($C5303/24,0)+1,1))-1)+IF('Standard Profiles'!$G$22=$B$10,7,0)+IF('Standard Profiles'!$G$22=$B$17,14,0)+IF('Standard Profiles'!$G$22=$B$24,21,0),0)),0)</f>
        <v>0</v>
      </c>
      <c r="I5303">
        <f t="shared" si="594"/>
        <v>0.41407425985849922</v>
      </c>
      <c r="J5303">
        <f t="shared" si="595"/>
        <v>1.3802475328616641</v>
      </c>
      <c r="K5303">
        <f t="shared" si="596"/>
        <v>2.0703712992924959</v>
      </c>
      <c r="L5303">
        <f t="shared" si="597"/>
        <v>9.9377822366039812</v>
      </c>
      <c r="M5303">
        <f t="shared" si="598"/>
        <v>0</v>
      </c>
      <c r="N5303" s="46">
        <f t="shared" si="599"/>
        <v>45511.541666653888</v>
      </c>
    </row>
    <row r="5304" spans="2:14" x14ac:dyDescent="0.3">
      <c r="B5304">
        <f t="shared" si="593"/>
        <v>3</v>
      </c>
      <c r="C5304" s="16">
        <v>5270</v>
      </c>
      <c r="D5304" cm="1">
        <f t="array" ref="D5304">IFERROR(INDEX(Jesper!AH$2:AH$366,ROUNDDOWN($C5304/24,0)+1,1)*INDEX($D$3:$AA$30,INDEX(Jesper!$R$2:$R$366,ROW(INDEX(Jesper!AH$2:AH$366,ROUNDDOWN($C5304/24,0)+1,1))-1)+IF('Standard Profiles'!$G$18=$B$10,7,0)+IF('Standard Profiles'!$G$18=$B$17,14,0)+IF('Standard Profiles'!$G$18=$B$24,21,0),MOD($C5304,24)+1)/SUM(INDEX($D$3:$AA$30,INDEX(Jesper!$R$2:$R$366,ROW(INDEX(Jesper!AH$2:AH$366,ROUNDDOWN($C5304/24,0)+1,1))-1)+IF('Standard Profiles'!$G$18=$B$10,7,0)+IF('Standard Profiles'!$G$18=$B$17,14,0)+IF('Standard Profiles'!$G$18=$B$24,21,0),0)),0)</f>
        <v>13.802475328616641</v>
      </c>
      <c r="E5304" cm="1">
        <f t="array" ref="E5304">IFERROR(INDEX(Jesper!AI$2:AI$366,ROUNDDOWN($C5304/24,0)+1,1)*INDEX($D$3:$AA$30,INDEX(Jesper!$R$2:$R$366,ROW(INDEX(Jesper!AI$2:AI$366,ROUNDDOWN($C5304/24,0)+1,1))-1)+IF('Standard Profiles'!$G$19=$B$10,7,0)+IF('Standard Profiles'!$G$19=$B$17,14,0)+IF('Standard Profiles'!$G$19=$B$24,21,0),MOD($C5304,24)+1)/SUM(INDEX($D$3:$AA$30,INDEX(Jesper!$R$2:$R$366,ROW(INDEX(Jesper!AI$2:AI$366,ROUNDDOWN($C5304/24,0)+1,1))-1)+IF('Standard Profiles'!$G$19=$B$10,7,0)+IF('Standard Profiles'!$G$19=$B$17,14,0)+IF('Standard Profiles'!$G$19=$B$24,21,0),0)),0)</f>
        <v>0</v>
      </c>
      <c r="F5304" cm="1">
        <f t="array" ref="F5304">IFERROR(INDEX(Jesper!AJ$2:AJ$366,ROUNDDOWN($C5304/24,0)+1,1)*INDEX($D$3:$AA$30,INDEX(Jesper!$R$2:$R$366,ROW(INDEX(Jesper!AJ$2:AJ$366,ROUNDDOWN($C5304/24,0)+1,1))-1)+IF('Standard Profiles'!$G$20=$B$10,7,0)+IF('Standard Profiles'!$G$20=$B$17,14,0)+IF('Standard Profiles'!$G$20=$B$24,21,0),MOD($C5304,24)+1)/SUM(INDEX($D$3:$AA$30,INDEX(Jesper!$R$2:$R$366,ROW(INDEX(Jesper!AJ$2:AJ$366,ROUNDDOWN($C5304/24,0)+1,1))-1)+IF('Standard Profiles'!$G$20=$B$10,7,0)+IF('Standard Profiles'!$G$20=$B$17,14,0)+IF('Standard Profiles'!$G$20=$B$24,21,0),0)),0)</f>
        <v>0</v>
      </c>
      <c r="G5304" cm="1">
        <f t="array" ref="G5304">IFERROR(INDEX(Jesper!AK$2:AK$366,ROUNDDOWN($C5304/24,0)+1,1)*INDEX($D$3:$AA$30,INDEX(Jesper!$R$2:$R$366,ROW(INDEX(Jesper!AK$2:AK$366,ROUNDDOWN($C5304/24,0)+1,1))-1)+IF('Standard Profiles'!$G$21=$B$10,7,0)+IF('Standard Profiles'!$G$21=$B$17,14,0)+IF('Standard Profiles'!$G$21=$B$24,21,0),MOD($C5304,24)+1)/SUM(INDEX($D$3:$AA$30,INDEX(Jesper!$R$2:$R$366,ROW(INDEX(Jesper!AK$2:AK$366,ROUNDDOWN($C5304/24,0)+1,1))-1)+IF('Standard Profiles'!$G$21=$B$10,7,0)+IF('Standard Profiles'!$G$21=$B$17,14,0)+IF('Standard Profiles'!$G$21=$B$24,21,0),0)),0)</f>
        <v>0</v>
      </c>
      <c r="H5304" cm="1">
        <f t="array" ref="H5304">IFERROR(INDEX(Jesper!AL$2:AL$366,ROUNDDOWN($C5304/24,0)+1,1)*INDEX($D$3:$AA$30,INDEX(Jesper!$R$2:$R$366,ROW(INDEX(Jesper!AL$2:AL$366,ROUNDDOWN($C5304/24,0)+1,1))-1)+IF('Standard Profiles'!$G$22=$B$10,7,0)+IF('Standard Profiles'!$G$22=$B$17,14,0)+IF('Standard Profiles'!$G$22=$B$24,21,0),MOD($C5304,24)+1)/SUM(INDEX($D$3:$AA$30,INDEX(Jesper!$R$2:$R$366,ROW(INDEX(Jesper!AL$2:AL$366,ROUNDDOWN($C5304/24,0)+1,1))-1)+IF('Standard Profiles'!$G$22=$B$10,7,0)+IF('Standard Profiles'!$G$22=$B$17,14,0)+IF('Standard Profiles'!$G$22=$B$24,21,0),0)),0)</f>
        <v>0</v>
      </c>
      <c r="I5304">
        <f t="shared" si="594"/>
        <v>0.41407425985849922</v>
      </c>
      <c r="J5304">
        <f t="shared" si="595"/>
        <v>1.3802475328616641</v>
      </c>
      <c r="K5304">
        <f t="shared" si="596"/>
        <v>2.0703712992924959</v>
      </c>
      <c r="L5304">
        <f t="shared" si="597"/>
        <v>9.9377822366039812</v>
      </c>
      <c r="M5304">
        <f t="shared" si="598"/>
        <v>0</v>
      </c>
      <c r="N5304" s="46">
        <f t="shared" si="599"/>
        <v>45511.583333320552</v>
      </c>
    </row>
    <row r="5305" spans="2:14" x14ac:dyDescent="0.3">
      <c r="B5305">
        <f t="shared" si="593"/>
        <v>3</v>
      </c>
      <c r="C5305" s="16">
        <v>5271</v>
      </c>
      <c r="D5305" cm="1">
        <f t="array" ref="D5305">IFERROR(INDEX(Jesper!AH$2:AH$366,ROUNDDOWN($C5305/24,0)+1,1)*INDEX($D$3:$AA$30,INDEX(Jesper!$R$2:$R$366,ROW(INDEX(Jesper!AH$2:AH$366,ROUNDDOWN($C5305/24,0)+1,1))-1)+IF('Standard Profiles'!$G$18=$B$10,7,0)+IF('Standard Profiles'!$G$18=$B$17,14,0)+IF('Standard Profiles'!$G$18=$B$24,21,0),MOD($C5305,24)+1)/SUM(INDEX($D$3:$AA$30,INDEX(Jesper!$R$2:$R$366,ROW(INDEX(Jesper!AH$2:AH$366,ROUNDDOWN($C5305/24,0)+1,1))-1)+IF('Standard Profiles'!$G$18=$B$10,7,0)+IF('Standard Profiles'!$G$18=$B$17,14,0)+IF('Standard Profiles'!$G$18=$B$24,21,0),0)),0)</f>
        <v>13.802475328616641</v>
      </c>
      <c r="E5305" cm="1">
        <f t="array" ref="E5305">IFERROR(INDEX(Jesper!AI$2:AI$366,ROUNDDOWN($C5305/24,0)+1,1)*INDEX($D$3:$AA$30,INDEX(Jesper!$R$2:$R$366,ROW(INDEX(Jesper!AI$2:AI$366,ROUNDDOWN($C5305/24,0)+1,1))-1)+IF('Standard Profiles'!$G$19=$B$10,7,0)+IF('Standard Profiles'!$G$19=$B$17,14,0)+IF('Standard Profiles'!$G$19=$B$24,21,0),MOD($C5305,24)+1)/SUM(INDEX($D$3:$AA$30,INDEX(Jesper!$R$2:$R$366,ROW(INDEX(Jesper!AI$2:AI$366,ROUNDDOWN($C5305/24,0)+1,1))-1)+IF('Standard Profiles'!$G$19=$B$10,7,0)+IF('Standard Profiles'!$G$19=$B$17,14,0)+IF('Standard Profiles'!$G$19=$B$24,21,0),0)),0)</f>
        <v>0</v>
      </c>
      <c r="F5305" cm="1">
        <f t="array" ref="F5305">IFERROR(INDEX(Jesper!AJ$2:AJ$366,ROUNDDOWN($C5305/24,0)+1,1)*INDEX($D$3:$AA$30,INDEX(Jesper!$R$2:$R$366,ROW(INDEX(Jesper!AJ$2:AJ$366,ROUNDDOWN($C5305/24,0)+1,1))-1)+IF('Standard Profiles'!$G$20=$B$10,7,0)+IF('Standard Profiles'!$G$20=$B$17,14,0)+IF('Standard Profiles'!$G$20=$B$24,21,0),MOD($C5305,24)+1)/SUM(INDEX($D$3:$AA$30,INDEX(Jesper!$R$2:$R$366,ROW(INDEX(Jesper!AJ$2:AJ$366,ROUNDDOWN($C5305/24,0)+1,1))-1)+IF('Standard Profiles'!$G$20=$B$10,7,0)+IF('Standard Profiles'!$G$20=$B$17,14,0)+IF('Standard Profiles'!$G$20=$B$24,21,0),0)),0)</f>
        <v>0</v>
      </c>
      <c r="G5305" cm="1">
        <f t="array" ref="G5305">IFERROR(INDEX(Jesper!AK$2:AK$366,ROUNDDOWN($C5305/24,0)+1,1)*INDEX($D$3:$AA$30,INDEX(Jesper!$R$2:$R$366,ROW(INDEX(Jesper!AK$2:AK$366,ROUNDDOWN($C5305/24,0)+1,1))-1)+IF('Standard Profiles'!$G$21=$B$10,7,0)+IF('Standard Profiles'!$G$21=$B$17,14,0)+IF('Standard Profiles'!$G$21=$B$24,21,0),MOD($C5305,24)+1)/SUM(INDEX($D$3:$AA$30,INDEX(Jesper!$R$2:$R$366,ROW(INDEX(Jesper!AK$2:AK$366,ROUNDDOWN($C5305/24,0)+1,1))-1)+IF('Standard Profiles'!$G$21=$B$10,7,0)+IF('Standard Profiles'!$G$21=$B$17,14,0)+IF('Standard Profiles'!$G$21=$B$24,21,0),0)),0)</f>
        <v>0</v>
      </c>
      <c r="H5305" cm="1">
        <f t="array" ref="H5305">IFERROR(INDEX(Jesper!AL$2:AL$366,ROUNDDOWN($C5305/24,0)+1,1)*INDEX($D$3:$AA$30,INDEX(Jesper!$R$2:$R$366,ROW(INDEX(Jesper!AL$2:AL$366,ROUNDDOWN($C5305/24,0)+1,1))-1)+IF('Standard Profiles'!$G$22=$B$10,7,0)+IF('Standard Profiles'!$G$22=$B$17,14,0)+IF('Standard Profiles'!$G$22=$B$24,21,0),MOD($C5305,24)+1)/SUM(INDEX($D$3:$AA$30,INDEX(Jesper!$R$2:$R$366,ROW(INDEX(Jesper!AL$2:AL$366,ROUNDDOWN($C5305/24,0)+1,1))-1)+IF('Standard Profiles'!$G$22=$B$10,7,0)+IF('Standard Profiles'!$G$22=$B$17,14,0)+IF('Standard Profiles'!$G$22=$B$24,21,0),0)),0)</f>
        <v>0</v>
      </c>
      <c r="I5305">
        <f t="shared" si="594"/>
        <v>0.41407425985849922</v>
      </c>
      <c r="J5305">
        <f t="shared" si="595"/>
        <v>1.3802475328616641</v>
      </c>
      <c r="K5305">
        <f t="shared" si="596"/>
        <v>2.0703712992924959</v>
      </c>
      <c r="L5305">
        <f t="shared" si="597"/>
        <v>9.9377822366039812</v>
      </c>
      <c r="M5305">
        <f t="shared" si="598"/>
        <v>0</v>
      </c>
      <c r="N5305" s="46">
        <f t="shared" si="599"/>
        <v>45511.624999987216</v>
      </c>
    </row>
    <row r="5306" spans="2:14" x14ac:dyDescent="0.3">
      <c r="B5306">
        <f t="shared" si="593"/>
        <v>3</v>
      </c>
      <c r="C5306" s="16">
        <v>5272</v>
      </c>
      <c r="D5306" cm="1">
        <f t="array" ref="D5306">IFERROR(INDEX(Jesper!AH$2:AH$366,ROUNDDOWN($C5306/24,0)+1,1)*INDEX($D$3:$AA$30,INDEX(Jesper!$R$2:$R$366,ROW(INDEX(Jesper!AH$2:AH$366,ROUNDDOWN($C5306/24,0)+1,1))-1)+IF('Standard Profiles'!$G$18=$B$10,7,0)+IF('Standard Profiles'!$G$18=$B$17,14,0)+IF('Standard Profiles'!$G$18=$B$24,21,0),MOD($C5306,24)+1)/SUM(INDEX($D$3:$AA$30,INDEX(Jesper!$R$2:$R$366,ROW(INDEX(Jesper!AH$2:AH$366,ROUNDDOWN($C5306/24,0)+1,1))-1)+IF('Standard Profiles'!$G$18=$B$10,7,0)+IF('Standard Profiles'!$G$18=$B$17,14,0)+IF('Standard Profiles'!$G$18=$B$24,21,0),0)),0)</f>
        <v>13.802475328616641</v>
      </c>
      <c r="E5306" cm="1">
        <f t="array" ref="E5306">IFERROR(INDEX(Jesper!AI$2:AI$366,ROUNDDOWN($C5306/24,0)+1,1)*INDEX($D$3:$AA$30,INDEX(Jesper!$R$2:$R$366,ROW(INDEX(Jesper!AI$2:AI$366,ROUNDDOWN($C5306/24,0)+1,1))-1)+IF('Standard Profiles'!$G$19=$B$10,7,0)+IF('Standard Profiles'!$G$19=$B$17,14,0)+IF('Standard Profiles'!$G$19=$B$24,21,0),MOD($C5306,24)+1)/SUM(INDEX($D$3:$AA$30,INDEX(Jesper!$R$2:$R$366,ROW(INDEX(Jesper!AI$2:AI$366,ROUNDDOWN($C5306/24,0)+1,1))-1)+IF('Standard Profiles'!$G$19=$B$10,7,0)+IF('Standard Profiles'!$G$19=$B$17,14,0)+IF('Standard Profiles'!$G$19=$B$24,21,0),0)),0)</f>
        <v>0</v>
      </c>
      <c r="F5306" cm="1">
        <f t="array" ref="F5306">IFERROR(INDEX(Jesper!AJ$2:AJ$366,ROUNDDOWN($C5306/24,0)+1,1)*INDEX($D$3:$AA$30,INDEX(Jesper!$R$2:$R$366,ROW(INDEX(Jesper!AJ$2:AJ$366,ROUNDDOWN($C5306/24,0)+1,1))-1)+IF('Standard Profiles'!$G$20=$B$10,7,0)+IF('Standard Profiles'!$G$20=$B$17,14,0)+IF('Standard Profiles'!$G$20=$B$24,21,0),MOD($C5306,24)+1)/SUM(INDEX($D$3:$AA$30,INDEX(Jesper!$R$2:$R$366,ROW(INDEX(Jesper!AJ$2:AJ$366,ROUNDDOWN($C5306/24,0)+1,1))-1)+IF('Standard Profiles'!$G$20=$B$10,7,0)+IF('Standard Profiles'!$G$20=$B$17,14,0)+IF('Standard Profiles'!$G$20=$B$24,21,0),0)),0)</f>
        <v>0</v>
      </c>
      <c r="G5306" cm="1">
        <f t="array" ref="G5306">IFERROR(INDEX(Jesper!AK$2:AK$366,ROUNDDOWN($C5306/24,0)+1,1)*INDEX($D$3:$AA$30,INDEX(Jesper!$R$2:$R$366,ROW(INDEX(Jesper!AK$2:AK$366,ROUNDDOWN($C5306/24,0)+1,1))-1)+IF('Standard Profiles'!$G$21=$B$10,7,0)+IF('Standard Profiles'!$G$21=$B$17,14,0)+IF('Standard Profiles'!$G$21=$B$24,21,0),MOD($C5306,24)+1)/SUM(INDEX($D$3:$AA$30,INDEX(Jesper!$R$2:$R$366,ROW(INDEX(Jesper!AK$2:AK$366,ROUNDDOWN($C5306/24,0)+1,1))-1)+IF('Standard Profiles'!$G$21=$B$10,7,0)+IF('Standard Profiles'!$G$21=$B$17,14,0)+IF('Standard Profiles'!$G$21=$B$24,21,0),0)),0)</f>
        <v>0</v>
      </c>
      <c r="H5306" cm="1">
        <f t="array" ref="H5306">IFERROR(INDEX(Jesper!AL$2:AL$366,ROUNDDOWN($C5306/24,0)+1,1)*INDEX($D$3:$AA$30,INDEX(Jesper!$R$2:$R$366,ROW(INDEX(Jesper!AL$2:AL$366,ROUNDDOWN($C5306/24,0)+1,1))-1)+IF('Standard Profiles'!$G$22=$B$10,7,0)+IF('Standard Profiles'!$G$22=$B$17,14,0)+IF('Standard Profiles'!$G$22=$B$24,21,0),MOD($C5306,24)+1)/SUM(INDEX($D$3:$AA$30,INDEX(Jesper!$R$2:$R$366,ROW(INDEX(Jesper!AL$2:AL$366,ROUNDDOWN($C5306/24,0)+1,1))-1)+IF('Standard Profiles'!$G$22=$B$10,7,0)+IF('Standard Profiles'!$G$22=$B$17,14,0)+IF('Standard Profiles'!$G$22=$B$24,21,0),0)),0)</f>
        <v>0</v>
      </c>
      <c r="I5306">
        <f t="shared" si="594"/>
        <v>0.41407425985849922</v>
      </c>
      <c r="J5306">
        <f t="shared" si="595"/>
        <v>1.3802475328616641</v>
      </c>
      <c r="K5306">
        <f t="shared" si="596"/>
        <v>2.0703712992924959</v>
      </c>
      <c r="L5306">
        <f t="shared" si="597"/>
        <v>9.9377822366039812</v>
      </c>
      <c r="M5306">
        <f t="shared" si="598"/>
        <v>0</v>
      </c>
      <c r="N5306" s="46">
        <f t="shared" si="599"/>
        <v>45511.66666665388</v>
      </c>
    </row>
    <row r="5307" spans="2:14" x14ac:dyDescent="0.3">
      <c r="B5307">
        <f t="shared" si="593"/>
        <v>3</v>
      </c>
      <c r="C5307" s="16">
        <v>5273</v>
      </c>
      <c r="D5307" cm="1">
        <f t="array" ref="D5307">IFERROR(INDEX(Jesper!AH$2:AH$366,ROUNDDOWN($C5307/24,0)+1,1)*INDEX($D$3:$AA$30,INDEX(Jesper!$R$2:$R$366,ROW(INDEX(Jesper!AH$2:AH$366,ROUNDDOWN($C5307/24,0)+1,1))-1)+IF('Standard Profiles'!$G$18=$B$10,7,0)+IF('Standard Profiles'!$G$18=$B$17,14,0)+IF('Standard Profiles'!$G$18=$B$24,21,0),MOD($C5307,24)+1)/SUM(INDEX($D$3:$AA$30,INDEX(Jesper!$R$2:$R$366,ROW(INDEX(Jesper!AH$2:AH$366,ROUNDDOWN($C5307/24,0)+1,1))-1)+IF('Standard Profiles'!$G$18=$B$10,7,0)+IF('Standard Profiles'!$G$18=$B$17,14,0)+IF('Standard Profiles'!$G$18=$B$24,21,0),0)),0)</f>
        <v>13.802475328616641</v>
      </c>
      <c r="E5307" cm="1">
        <f t="array" ref="E5307">IFERROR(INDEX(Jesper!AI$2:AI$366,ROUNDDOWN($C5307/24,0)+1,1)*INDEX($D$3:$AA$30,INDEX(Jesper!$R$2:$R$366,ROW(INDEX(Jesper!AI$2:AI$366,ROUNDDOWN($C5307/24,0)+1,1))-1)+IF('Standard Profiles'!$G$19=$B$10,7,0)+IF('Standard Profiles'!$G$19=$B$17,14,0)+IF('Standard Profiles'!$G$19=$B$24,21,0),MOD($C5307,24)+1)/SUM(INDEX($D$3:$AA$30,INDEX(Jesper!$R$2:$R$366,ROW(INDEX(Jesper!AI$2:AI$366,ROUNDDOWN($C5307/24,0)+1,1))-1)+IF('Standard Profiles'!$G$19=$B$10,7,0)+IF('Standard Profiles'!$G$19=$B$17,14,0)+IF('Standard Profiles'!$G$19=$B$24,21,0),0)),0)</f>
        <v>0</v>
      </c>
      <c r="F5307" cm="1">
        <f t="array" ref="F5307">IFERROR(INDEX(Jesper!AJ$2:AJ$366,ROUNDDOWN($C5307/24,0)+1,1)*INDEX($D$3:$AA$30,INDEX(Jesper!$R$2:$R$366,ROW(INDEX(Jesper!AJ$2:AJ$366,ROUNDDOWN($C5307/24,0)+1,1))-1)+IF('Standard Profiles'!$G$20=$B$10,7,0)+IF('Standard Profiles'!$G$20=$B$17,14,0)+IF('Standard Profiles'!$G$20=$B$24,21,0),MOD($C5307,24)+1)/SUM(INDEX($D$3:$AA$30,INDEX(Jesper!$R$2:$R$366,ROW(INDEX(Jesper!AJ$2:AJ$366,ROUNDDOWN($C5307/24,0)+1,1))-1)+IF('Standard Profiles'!$G$20=$B$10,7,0)+IF('Standard Profiles'!$G$20=$B$17,14,0)+IF('Standard Profiles'!$G$20=$B$24,21,0),0)),0)</f>
        <v>0</v>
      </c>
      <c r="G5307" cm="1">
        <f t="array" ref="G5307">IFERROR(INDEX(Jesper!AK$2:AK$366,ROUNDDOWN($C5307/24,0)+1,1)*INDEX($D$3:$AA$30,INDEX(Jesper!$R$2:$R$366,ROW(INDEX(Jesper!AK$2:AK$366,ROUNDDOWN($C5307/24,0)+1,1))-1)+IF('Standard Profiles'!$G$21=$B$10,7,0)+IF('Standard Profiles'!$G$21=$B$17,14,0)+IF('Standard Profiles'!$G$21=$B$24,21,0),MOD($C5307,24)+1)/SUM(INDEX($D$3:$AA$30,INDEX(Jesper!$R$2:$R$366,ROW(INDEX(Jesper!AK$2:AK$366,ROUNDDOWN($C5307/24,0)+1,1))-1)+IF('Standard Profiles'!$G$21=$B$10,7,0)+IF('Standard Profiles'!$G$21=$B$17,14,0)+IF('Standard Profiles'!$G$21=$B$24,21,0),0)),0)</f>
        <v>0</v>
      </c>
      <c r="H5307" cm="1">
        <f t="array" ref="H5307">IFERROR(INDEX(Jesper!AL$2:AL$366,ROUNDDOWN($C5307/24,0)+1,1)*INDEX($D$3:$AA$30,INDEX(Jesper!$R$2:$R$366,ROW(INDEX(Jesper!AL$2:AL$366,ROUNDDOWN($C5307/24,0)+1,1))-1)+IF('Standard Profiles'!$G$22=$B$10,7,0)+IF('Standard Profiles'!$G$22=$B$17,14,0)+IF('Standard Profiles'!$G$22=$B$24,21,0),MOD($C5307,24)+1)/SUM(INDEX($D$3:$AA$30,INDEX(Jesper!$R$2:$R$366,ROW(INDEX(Jesper!AL$2:AL$366,ROUNDDOWN($C5307/24,0)+1,1))-1)+IF('Standard Profiles'!$G$22=$B$10,7,0)+IF('Standard Profiles'!$G$22=$B$17,14,0)+IF('Standard Profiles'!$G$22=$B$24,21,0),0)),0)</f>
        <v>0</v>
      </c>
      <c r="I5307">
        <f t="shared" si="594"/>
        <v>0.41407425985849922</v>
      </c>
      <c r="J5307">
        <f t="shared" si="595"/>
        <v>1.3802475328616641</v>
      </c>
      <c r="K5307">
        <f t="shared" si="596"/>
        <v>2.0703712992924959</v>
      </c>
      <c r="L5307">
        <f t="shared" si="597"/>
        <v>9.9377822366039812</v>
      </c>
      <c r="M5307">
        <f t="shared" si="598"/>
        <v>0</v>
      </c>
      <c r="N5307" s="46">
        <f t="shared" si="599"/>
        <v>45511.708333320545</v>
      </c>
    </row>
    <row r="5308" spans="2:14" x14ac:dyDescent="0.3">
      <c r="B5308">
        <f t="shared" si="593"/>
        <v>3</v>
      </c>
      <c r="C5308" s="16">
        <v>5274</v>
      </c>
      <c r="D5308" cm="1">
        <f t="array" ref="D5308">IFERROR(INDEX(Jesper!AH$2:AH$366,ROUNDDOWN($C5308/24,0)+1,1)*INDEX($D$3:$AA$30,INDEX(Jesper!$R$2:$R$366,ROW(INDEX(Jesper!AH$2:AH$366,ROUNDDOWN($C5308/24,0)+1,1))-1)+IF('Standard Profiles'!$G$18=$B$10,7,0)+IF('Standard Profiles'!$G$18=$B$17,14,0)+IF('Standard Profiles'!$G$18=$B$24,21,0),MOD($C5308,24)+1)/SUM(INDEX($D$3:$AA$30,INDEX(Jesper!$R$2:$R$366,ROW(INDEX(Jesper!AH$2:AH$366,ROUNDDOWN($C5308/24,0)+1,1))-1)+IF('Standard Profiles'!$G$18=$B$10,7,0)+IF('Standard Profiles'!$G$18=$B$17,14,0)+IF('Standard Profiles'!$G$18=$B$24,21,0),0)),0)</f>
        <v>13.802475328616641</v>
      </c>
      <c r="E5308" cm="1">
        <f t="array" ref="E5308">IFERROR(INDEX(Jesper!AI$2:AI$366,ROUNDDOWN($C5308/24,0)+1,1)*INDEX($D$3:$AA$30,INDEX(Jesper!$R$2:$R$366,ROW(INDEX(Jesper!AI$2:AI$366,ROUNDDOWN($C5308/24,0)+1,1))-1)+IF('Standard Profiles'!$G$19=$B$10,7,0)+IF('Standard Profiles'!$G$19=$B$17,14,0)+IF('Standard Profiles'!$G$19=$B$24,21,0),MOD($C5308,24)+1)/SUM(INDEX($D$3:$AA$30,INDEX(Jesper!$R$2:$R$366,ROW(INDEX(Jesper!AI$2:AI$366,ROUNDDOWN($C5308/24,0)+1,1))-1)+IF('Standard Profiles'!$G$19=$B$10,7,0)+IF('Standard Profiles'!$G$19=$B$17,14,0)+IF('Standard Profiles'!$G$19=$B$24,21,0),0)),0)</f>
        <v>0</v>
      </c>
      <c r="F5308" cm="1">
        <f t="array" ref="F5308">IFERROR(INDEX(Jesper!AJ$2:AJ$366,ROUNDDOWN($C5308/24,0)+1,1)*INDEX($D$3:$AA$30,INDEX(Jesper!$R$2:$R$366,ROW(INDEX(Jesper!AJ$2:AJ$366,ROUNDDOWN($C5308/24,0)+1,1))-1)+IF('Standard Profiles'!$G$20=$B$10,7,0)+IF('Standard Profiles'!$G$20=$B$17,14,0)+IF('Standard Profiles'!$G$20=$B$24,21,0),MOD($C5308,24)+1)/SUM(INDEX($D$3:$AA$30,INDEX(Jesper!$R$2:$R$366,ROW(INDEX(Jesper!AJ$2:AJ$366,ROUNDDOWN($C5308/24,0)+1,1))-1)+IF('Standard Profiles'!$G$20=$B$10,7,0)+IF('Standard Profiles'!$G$20=$B$17,14,0)+IF('Standard Profiles'!$G$20=$B$24,21,0),0)),0)</f>
        <v>0</v>
      </c>
      <c r="G5308" cm="1">
        <f t="array" ref="G5308">IFERROR(INDEX(Jesper!AK$2:AK$366,ROUNDDOWN($C5308/24,0)+1,1)*INDEX($D$3:$AA$30,INDEX(Jesper!$R$2:$R$366,ROW(INDEX(Jesper!AK$2:AK$366,ROUNDDOWN($C5308/24,0)+1,1))-1)+IF('Standard Profiles'!$G$21=$B$10,7,0)+IF('Standard Profiles'!$G$21=$B$17,14,0)+IF('Standard Profiles'!$G$21=$B$24,21,0),MOD($C5308,24)+1)/SUM(INDEX($D$3:$AA$30,INDEX(Jesper!$R$2:$R$366,ROW(INDEX(Jesper!AK$2:AK$366,ROUNDDOWN($C5308/24,0)+1,1))-1)+IF('Standard Profiles'!$G$21=$B$10,7,0)+IF('Standard Profiles'!$G$21=$B$17,14,0)+IF('Standard Profiles'!$G$21=$B$24,21,0),0)),0)</f>
        <v>0</v>
      </c>
      <c r="H5308" cm="1">
        <f t="array" ref="H5308">IFERROR(INDEX(Jesper!AL$2:AL$366,ROUNDDOWN($C5308/24,0)+1,1)*INDEX($D$3:$AA$30,INDEX(Jesper!$R$2:$R$366,ROW(INDEX(Jesper!AL$2:AL$366,ROUNDDOWN($C5308/24,0)+1,1))-1)+IF('Standard Profiles'!$G$22=$B$10,7,0)+IF('Standard Profiles'!$G$22=$B$17,14,0)+IF('Standard Profiles'!$G$22=$B$24,21,0),MOD($C5308,24)+1)/SUM(INDEX($D$3:$AA$30,INDEX(Jesper!$R$2:$R$366,ROW(INDEX(Jesper!AL$2:AL$366,ROUNDDOWN($C5308/24,0)+1,1))-1)+IF('Standard Profiles'!$G$22=$B$10,7,0)+IF('Standard Profiles'!$G$22=$B$17,14,0)+IF('Standard Profiles'!$G$22=$B$24,21,0),0)),0)</f>
        <v>0</v>
      </c>
      <c r="I5308">
        <f t="shared" si="594"/>
        <v>0.41407425985849922</v>
      </c>
      <c r="J5308">
        <f t="shared" si="595"/>
        <v>1.3802475328616641</v>
      </c>
      <c r="K5308">
        <f t="shared" si="596"/>
        <v>2.0703712992924959</v>
      </c>
      <c r="L5308">
        <f t="shared" si="597"/>
        <v>9.9377822366039812</v>
      </c>
      <c r="M5308">
        <f t="shared" si="598"/>
        <v>0</v>
      </c>
      <c r="N5308" s="46">
        <f t="shared" si="599"/>
        <v>45511.749999987209</v>
      </c>
    </row>
    <row r="5309" spans="2:14" x14ac:dyDescent="0.3">
      <c r="B5309">
        <f t="shared" si="593"/>
        <v>3</v>
      </c>
      <c r="C5309" s="16">
        <v>5275</v>
      </c>
      <c r="D5309" cm="1">
        <f t="array" ref="D5309">IFERROR(INDEX(Jesper!AH$2:AH$366,ROUNDDOWN($C5309/24,0)+1,1)*INDEX($D$3:$AA$30,INDEX(Jesper!$R$2:$R$366,ROW(INDEX(Jesper!AH$2:AH$366,ROUNDDOWN($C5309/24,0)+1,1))-1)+IF('Standard Profiles'!$G$18=$B$10,7,0)+IF('Standard Profiles'!$G$18=$B$17,14,0)+IF('Standard Profiles'!$G$18=$B$24,21,0),MOD($C5309,24)+1)/SUM(INDEX($D$3:$AA$30,INDEX(Jesper!$R$2:$R$366,ROW(INDEX(Jesper!AH$2:AH$366,ROUNDDOWN($C5309/24,0)+1,1))-1)+IF('Standard Profiles'!$G$18=$B$10,7,0)+IF('Standard Profiles'!$G$18=$B$17,14,0)+IF('Standard Profiles'!$G$18=$B$24,21,0),0)),0)</f>
        <v>11.5020627738472</v>
      </c>
      <c r="E5309" cm="1">
        <f t="array" ref="E5309">IFERROR(INDEX(Jesper!AI$2:AI$366,ROUNDDOWN($C5309/24,0)+1,1)*INDEX($D$3:$AA$30,INDEX(Jesper!$R$2:$R$366,ROW(INDEX(Jesper!AI$2:AI$366,ROUNDDOWN($C5309/24,0)+1,1))-1)+IF('Standard Profiles'!$G$19=$B$10,7,0)+IF('Standard Profiles'!$G$19=$B$17,14,0)+IF('Standard Profiles'!$G$19=$B$24,21,0),MOD($C5309,24)+1)/SUM(INDEX($D$3:$AA$30,INDEX(Jesper!$R$2:$R$366,ROW(INDEX(Jesper!AI$2:AI$366,ROUNDDOWN($C5309/24,0)+1,1))-1)+IF('Standard Profiles'!$G$19=$B$10,7,0)+IF('Standard Profiles'!$G$19=$B$17,14,0)+IF('Standard Profiles'!$G$19=$B$24,21,0),0)),0)</f>
        <v>0</v>
      </c>
      <c r="F5309" cm="1">
        <f t="array" ref="F5309">IFERROR(INDEX(Jesper!AJ$2:AJ$366,ROUNDDOWN($C5309/24,0)+1,1)*INDEX($D$3:$AA$30,INDEX(Jesper!$R$2:$R$366,ROW(INDEX(Jesper!AJ$2:AJ$366,ROUNDDOWN($C5309/24,0)+1,1))-1)+IF('Standard Profiles'!$G$20=$B$10,7,0)+IF('Standard Profiles'!$G$20=$B$17,14,0)+IF('Standard Profiles'!$G$20=$B$24,21,0),MOD($C5309,24)+1)/SUM(INDEX($D$3:$AA$30,INDEX(Jesper!$R$2:$R$366,ROW(INDEX(Jesper!AJ$2:AJ$366,ROUNDDOWN($C5309/24,0)+1,1))-1)+IF('Standard Profiles'!$G$20=$B$10,7,0)+IF('Standard Profiles'!$G$20=$B$17,14,0)+IF('Standard Profiles'!$G$20=$B$24,21,0),0)),0)</f>
        <v>0</v>
      </c>
      <c r="G5309" cm="1">
        <f t="array" ref="G5309">IFERROR(INDEX(Jesper!AK$2:AK$366,ROUNDDOWN($C5309/24,0)+1,1)*INDEX($D$3:$AA$30,INDEX(Jesper!$R$2:$R$366,ROW(INDEX(Jesper!AK$2:AK$366,ROUNDDOWN($C5309/24,0)+1,1))-1)+IF('Standard Profiles'!$G$21=$B$10,7,0)+IF('Standard Profiles'!$G$21=$B$17,14,0)+IF('Standard Profiles'!$G$21=$B$24,21,0),MOD($C5309,24)+1)/SUM(INDEX($D$3:$AA$30,INDEX(Jesper!$R$2:$R$366,ROW(INDEX(Jesper!AK$2:AK$366,ROUNDDOWN($C5309/24,0)+1,1))-1)+IF('Standard Profiles'!$G$21=$B$10,7,0)+IF('Standard Profiles'!$G$21=$B$17,14,0)+IF('Standard Profiles'!$G$21=$B$24,21,0),0)),0)</f>
        <v>0</v>
      </c>
      <c r="H5309" cm="1">
        <f t="array" ref="H5309">IFERROR(INDEX(Jesper!AL$2:AL$366,ROUNDDOWN($C5309/24,0)+1,1)*INDEX($D$3:$AA$30,INDEX(Jesper!$R$2:$R$366,ROW(INDEX(Jesper!AL$2:AL$366,ROUNDDOWN($C5309/24,0)+1,1))-1)+IF('Standard Profiles'!$G$22=$B$10,7,0)+IF('Standard Profiles'!$G$22=$B$17,14,0)+IF('Standard Profiles'!$G$22=$B$24,21,0),MOD($C5309,24)+1)/SUM(INDEX($D$3:$AA$30,INDEX(Jesper!$R$2:$R$366,ROW(INDEX(Jesper!AL$2:AL$366,ROUNDDOWN($C5309/24,0)+1,1))-1)+IF('Standard Profiles'!$G$22=$B$10,7,0)+IF('Standard Profiles'!$G$22=$B$17,14,0)+IF('Standard Profiles'!$G$22=$B$24,21,0),0)),0)</f>
        <v>0</v>
      </c>
      <c r="I5309">
        <f t="shared" si="594"/>
        <v>0.34506188321541598</v>
      </c>
      <c r="J5309">
        <f t="shared" si="595"/>
        <v>1.1502062773847201</v>
      </c>
      <c r="K5309">
        <f t="shared" si="596"/>
        <v>1.7253094160770799</v>
      </c>
      <c r="L5309">
        <f t="shared" si="597"/>
        <v>8.2814851971699834</v>
      </c>
      <c r="M5309">
        <f t="shared" si="598"/>
        <v>0</v>
      </c>
      <c r="N5309" s="46">
        <f t="shared" si="599"/>
        <v>45511.791666653873</v>
      </c>
    </row>
    <row r="5310" spans="2:14" x14ac:dyDescent="0.3">
      <c r="B5310">
        <f t="shared" si="593"/>
        <v>3</v>
      </c>
      <c r="C5310" s="16">
        <v>5276</v>
      </c>
      <c r="D5310" cm="1">
        <f t="array" ref="D5310">IFERROR(INDEX(Jesper!AH$2:AH$366,ROUNDDOWN($C5310/24,0)+1,1)*INDEX($D$3:$AA$30,INDEX(Jesper!$R$2:$R$366,ROW(INDEX(Jesper!AH$2:AH$366,ROUNDDOWN($C5310/24,0)+1,1))-1)+IF('Standard Profiles'!$G$18=$B$10,7,0)+IF('Standard Profiles'!$G$18=$B$17,14,0)+IF('Standard Profiles'!$G$18=$B$24,21,0),MOD($C5310,24)+1)/SUM(INDEX($D$3:$AA$30,INDEX(Jesper!$R$2:$R$366,ROW(INDEX(Jesper!AH$2:AH$366,ROUNDDOWN($C5310/24,0)+1,1))-1)+IF('Standard Profiles'!$G$18=$B$10,7,0)+IF('Standard Profiles'!$G$18=$B$17,14,0)+IF('Standard Profiles'!$G$18=$B$24,21,0),0)),0)</f>
        <v>9.2016502190777612</v>
      </c>
      <c r="E5310" cm="1">
        <f t="array" ref="E5310">IFERROR(INDEX(Jesper!AI$2:AI$366,ROUNDDOWN($C5310/24,0)+1,1)*INDEX($D$3:$AA$30,INDEX(Jesper!$R$2:$R$366,ROW(INDEX(Jesper!AI$2:AI$366,ROUNDDOWN($C5310/24,0)+1,1))-1)+IF('Standard Profiles'!$G$19=$B$10,7,0)+IF('Standard Profiles'!$G$19=$B$17,14,0)+IF('Standard Profiles'!$G$19=$B$24,21,0),MOD($C5310,24)+1)/SUM(INDEX($D$3:$AA$30,INDEX(Jesper!$R$2:$R$366,ROW(INDEX(Jesper!AI$2:AI$366,ROUNDDOWN($C5310/24,0)+1,1))-1)+IF('Standard Profiles'!$G$19=$B$10,7,0)+IF('Standard Profiles'!$G$19=$B$17,14,0)+IF('Standard Profiles'!$G$19=$B$24,21,0),0)),0)</f>
        <v>0</v>
      </c>
      <c r="F5310" cm="1">
        <f t="array" ref="F5310">IFERROR(INDEX(Jesper!AJ$2:AJ$366,ROUNDDOWN($C5310/24,0)+1,1)*INDEX($D$3:$AA$30,INDEX(Jesper!$R$2:$R$366,ROW(INDEX(Jesper!AJ$2:AJ$366,ROUNDDOWN($C5310/24,0)+1,1))-1)+IF('Standard Profiles'!$G$20=$B$10,7,0)+IF('Standard Profiles'!$G$20=$B$17,14,0)+IF('Standard Profiles'!$G$20=$B$24,21,0),MOD($C5310,24)+1)/SUM(INDEX($D$3:$AA$30,INDEX(Jesper!$R$2:$R$366,ROW(INDEX(Jesper!AJ$2:AJ$366,ROUNDDOWN($C5310/24,0)+1,1))-1)+IF('Standard Profiles'!$G$20=$B$10,7,0)+IF('Standard Profiles'!$G$20=$B$17,14,0)+IF('Standard Profiles'!$G$20=$B$24,21,0),0)),0)</f>
        <v>0</v>
      </c>
      <c r="G5310" cm="1">
        <f t="array" ref="G5310">IFERROR(INDEX(Jesper!AK$2:AK$366,ROUNDDOWN($C5310/24,0)+1,1)*INDEX($D$3:$AA$30,INDEX(Jesper!$R$2:$R$366,ROW(INDEX(Jesper!AK$2:AK$366,ROUNDDOWN($C5310/24,0)+1,1))-1)+IF('Standard Profiles'!$G$21=$B$10,7,0)+IF('Standard Profiles'!$G$21=$B$17,14,0)+IF('Standard Profiles'!$G$21=$B$24,21,0),MOD($C5310,24)+1)/SUM(INDEX($D$3:$AA$30,INDEX(Jesper!$R$2:$R$366,ROW(INDEX(Jesper!AK$2:AK$366,ROUNDDOWN($C5310/24,0)+1,1))-1)+IF('Standard Profiles'!$G$21=$B$10,7,0)+IF('Standard Profiles'!$G$21=$B$17,14,0)+IF('Standard Profiles'!$G$21=$B$24,21,0),0)),0)</f>
        <v>0</v>
      </c>
      <c r="H5310" cm="1">
        <f t="array" ref="H5310">IFERROR(INDEX(Jesper!AL$2:AL$366,ROUNDDOWN($C5310/24,0)+1,1)*INDEX($D$3:$AA$30,INDEX(Jesper!$R$2:$R$366,ROW(INDEX(Jesper!AL$2:AL$366,ROUNDDOWN($C5310/24,0)+1,1))-1)+IF('Standard Profiles'!$G$22=$B$10,7,0)+IF('Standard Profiles'!$G$22=$B$17,14,0)+IF('Standard Profiles'!$G$22=$B$24,21,0),MOD($C5310,24)+1)/SUM(INDEX($D$3:$AA$30,INDEX(Jesper!$R$2:$R$366,ROW(INDEX(Jesper!AL$2:AL$366,ROUNDDOWN($C5310/24,0)+1,1))-1)+IF('Standard Profiles'!$G$22=$B$10,7,0)+IF('Standard Profiles'!$G$22=$B$17,14,0)+IF('Standard Profiles'!$G$22=$B$24,21,0),0)),0)</f>
        <v>0</v>
      </c>
      <c r="I5310">
        <f t="shared" si="594"/>
        <v>0.27604950657233285</v>
      </c>
      <c r="J5310">
        <f t="shared" si="595"/>
        <v>0.92016502190777616</v>
      </c>
      <c r="K5310">
        <f t="shared" si="596"/>
        <v>1.3802475328616641</v>
      </c>
      <c r="L5310">
        <f t="shared" si="597"/>
        <v>6.6251881577359875</v>
      </c>
      <c r="M5310">
        <f t="shared" si="598"/>
        <v>0</v>
      </c>
      <c r="N5310" s="46">
        <f t="shared" si="599"/>
        <v>45511.833333320537</v>
      </c>
    </row>
    <row r="5311" spans="2:14" x14ac:dyDescent="0.3">
      <c r="B5311">
        <f t="shared" si="593"/>
        <v>3</v>
      </c>
      <c r="C5311" s="16">
        <v>5277</v>
      </c>
      <c r="D5311" cm="1">
        <f t="array" ref="D5311">IFERROR(INDEX(Jesper!AH$2:AH$366,ROUNDDOWN($C5311/24,0)+1,1)*INDEX($D$3:$AA$30,INDEX(Jesper!$R$2:$R$366,ROW(INDEX(Jesper!AH$2:AH$366,ROUNDDOWN($C5311/24,0)+1,1))-1)+IF('Standard Profiles'!$G$18=$B$10,7,0)+IF('Standard Profiles'!$G$18=$B$17,14,0)+IF('Standard Profiles'!$G$18=$B$24,21,0),MOD($C5311,24)+1)/SUM(INDEX($D$3:$AA$30,INDEX(Jesper!$R$2:$R$366,ROW(INDEX(Jesper!AH$2:AH$366,ROUNDDOWN($C5311/24,0)+1,1))-1)+IF('Standard Profiles'!$G$18=$B$10,7,0)+IF('Standard Profiles'!$G$18=$B$17,14,0)+IF('Standard Profiles'!$G$18=$B$24,21,0),0)),0)</f>
        <v>6.9012376643083204</v>
      </c>
      <c r="E5311" cm="1">
        <f t="array" ref="E5311">IFERROR(INDEX(Jesper!AI$2:AI$366,ROUNDDOWN($C5311/24,0)+1,1)*INDEX($D$3:$AA$30,INDEX(Jesper!$R$2:$R$366,ROW(INDEX(Jesper!AI$2:AI$366,ROUNDDOWN($C5311/24,0)+1,1))-1)+IF('Standard Profiles'!$G$19=$B$10,7,0)+IF('Standard Profiles'!$G$19=$B$17,14,0)+IF('Standard Profiles'!$G$19=$B$24,21,0),MOD($C5311,24)+1)/SUM(INDEX($D$3:$AA$30,INDEX(Jesper!$R$2:$R$366,ROW(INDEX(Jesper!AI$2:AI$366,ROUNDDOWN($C5311/24,0)+1,1))-1)+IF('Standard Profiles'!$G$19=$B$10,7,0)+IF('Standard Profiles'!$G$19=$B$17,14,0)+IF('Standard Profiles'!$G$19=$B$24,21,0),0)),0)</f>
        <v>0</v>
      </c>
      <c r="F5311" cm="1">
        <f t="array" ref="F5311">IFERROR(INDEX(Jesper!AJ$2:AJ$366,ROUNDDOWN($C5311/24,0)+1,1)*INDEX($D$3:$AA$30,INDEX(Jesper!$R$2:$R$366,ROW(INDEX(Jesper!AJ$2:AJ$366,ROUNDDOWN($C5311/24,0)+1,1))-1)+IF('Standard Profiles'!$G$20=$B$10,7,0)+IF('Standard Profiles'!$G$20=$B$17,14,0)+IF('Standard Profiles'!$G$20=$B$24,21,0),MOD($C5311,24)+1)/SUM(INDEX($D$3:$AA$30,INDEX(Jesper!$R$2:$R$366,ROW(INDEX(Jesper!AJ$2:AJ$366,ROUNDDOWN($C5311/24,0)+1,1))-1)+IF('Standard Profiles'!$G$20=$B$10,7,0)+IF('Standard Profiles'!$G$20=$B$17,14,0)+IF('Standard Profiles'!$G$20=$B$24,21,0),0)),0)</f>
        <v>0</v>
      </c>
      <c r="G5311" cm="1">
        <f t="array" ref="G5311">IFERROR(INDEX(Jesper!AK$2:AK$366,ROUNDDOWN($C5311/24,0)+1,1)*INDEX($D$3:$AA$30,INDEX(Jesper!$R$2:$R$366,ROW(INDEX(Jesper!AK$2:AK$366,ROUNDDOWN($C5311/24,0)+1,1))-1)+IF('Standard Profiles'!$G$21=$B$10,7,0)+IF('Standard Profiles'!$G$21=$B$17,14,0)+IF('Standard Profiles'!$G$21=$B$24,21,0),MOD($C5311,24)+1)/SUM(INDEX($D$3:$AA$30,INDEX(Jesper!$R$2:$R$366,ROW(INDEX(Jesper!AK$2:AK$366,ROUNDDOWN($C5311/24,0)+1,1))-1)+IF('Standard Profiles'!$G$21=$B$10,7,0)+IF('Standard Profiles'!$G$21=$B$17,14,0)+IF('Standard Profiles'!$G$21=$B$24,21,0),0)),0)</f>
        <v>0</v>
      </c>
      <c r="H5311" cm="1">
        <f t="array" ref="H5311">IFERROR(INDEX(Jesper!AL$2:AL$366,ROUNDDOWN($C5311/24,0)+1,1)*INDEX($D$3:$AA$30,INDEX(Jesper!$R$2:$R$366,ROW(INDEX(Jesper!AL$2:AL$366,ROUNDDOWN($C5311/24,0)+1,1))-1)+IF('Standard Profiles'!$G$22=$B$10,7,0)+IF('Standard Profiles'!$G$22=$B$17,14,0)+IF('Standard Profiles'!$G$22=$B$24,21,0),MOD($C5311,24)+1)/SUM(INDEX($D$3:$AA$30,INDEX(Jesper!$R$2:$R$366,ROW(INDEX(Jesper!AL$2:AL$366,ROUNDDOWN($C5311/24,0)+1,1))-1)+IF('Standard Profiles'!$G$22=$B$10,7,0)+IF('Standard Profiles'!$G$22=$B$17,14,0)+IF('Standard Profiles'!$G$22=$B$24,21,0),0)),0)</f>
        <v>0</v>
      </c>
      <c r="I5311">
        <f t="shared" si="594"/>
        <v>0.20703712992924961</v>
      </c>
      <c r="J5311">
        <f t="shared" si="595"/>
        <v>0.69012376643083206</v>
      </c>
      <c r="K5311">
        <f t="shared" si="596"/>
        <v>1.0351856496462479</v>
      </c>
      <c r="L5311">
        <f t="shared" si="597"/>
        <v>4.9688911183019906</v>
      </c>
      <c r="M5311">
        <f t="shared" si="598"/>
        <v>0</v>
      </c>
      <c r="N5311" s="46">
        <f t="shared" si="599"/>
        <v>45511.874999987202</v>
      </c>
    </row>
    <row r="5312" spans="2:14" x14ac:dyDescent="0.3">
      <c r="B5312">
        <f t="shared" si="593"/>
        <v>3</v>
      </c>
      <c r="C5312" s="16">
        <v>5278</v>
      </c>
      <c r="D5312" cm="1">
        <f t="array" ref="D5312">IFERROR(INDEX(Jesper!AH$2:AH$366,ROUNDDOWN($C5312/24,0)+1,1)*INDEX($D$3:$AA$30,INDEX(Jesper!$R$2:$R$366,ROW(INDEX(Jesper!AH$2:AH$366,ROUNDDOWN($C5312/24,0)+1,1))-1)+IF('Standard Profiles'!$G$18=$B$10,7,0)+IF('Standard Profiles'!$G$18=$B$17,14,0)+IF('Standard Profiles'!$G$18=$B$24,21,0),MOD($C5312,24)+1)/SUM(INDEX($D$3:$AA$30,INDEX(Jesper!$R$2:$R$366,ROW(INDEX(Jesper!AH$2:AH$366,ROUNDDOWN($C5312/24,0)+1,1))-1)+IF('Standard Profiles'!$G$18=$B$10,7,0)+IF('Standard Profiles'!$G$18=$B$17,14,0)+IF('Standard Profiles'!$G$18=$B$24,21,0),0)),0)</f>
        <v>6.9012376643083204</v>
      </c>
      <c r="E5312" cm="1">
        <f t="array" ref="E5312">IFERROR(INDEX(Jesper!AI$2:AI$366,ROUNDDOWN($C5312/24,0)+1,1)*INDEX($D$3:$AA$30,INDEX(Jesper!$R$2:$R$366,ROW(INDEX(Jesper!AI$2:AI$366,ROUNDDOWN($C5312/24,0)+1,1))-1)+IF('Standard Profiles'!$G$19=$B$10,7,0)+IF('Standard Profiles'!$G$19=$B$17,14,0)+IF('Standard Profiles'!$G$19=$B$24,21,0),MOD($C5312,24)+1)/SUM(INDEX($D$3:$AA$30,INDEX(Jesper!$R$2:$R$366,ROW(INDEX(Jesper!AI$2:AI$366,ROUNDDOWN($C5312/24,0)+1,1))-1)+IF('Standard Profiles'!$G$19=$B$10,7,0)+IF('Standard Profiles'!$G$19=$B$17,14,0)+IF('Standard Profiles'!$G$19=$B$24,21,0),0)),0)</f>
        <v>0</v>
      </c>
      <c r="F5312" cm="1">
        <f t="array" ref="F5312">IFERROR(INDEX(Jesper!AJ$2:AJ$366,ROUNDDOWN($C5312/24,0)+1,1)*INDEX($D$3:$AA$30,INDEX(Jesper!$R$2:$R$366,ROW(INDEX(Jesper!AJ$2:AJ$366,ROUNDDOWN($C5312/24,0)+1,1))-1)+IF('Standard Profiles'!$G$20=$B$10,7,0)+IF('Standard Profiles'!$G$20=$B$17,14,0)+IF('Standard Profiles'!$G$20=$B$24,21,0),MOD($C5312,24)+1)/SUM(INDEX($D$3:$AA$30,INDEX(Jesper!$R$2:$R$366,ROW(INDEX(Jesper!AJ$2:AJ$366,ROUNDDOWN($C5312/24,0)+1,1))-1)+IF('Standard Profiles'!$G$20=$B$10,7,0)+IF('Standard Profiles'!$G$20=$B$17,14,0)+IF('Standard Profiles'!$G$20=$B$24,21,0),0)),0)</f>
        <v>0</v>
      </c>
      <c r="G5312" cm="1">
        <f t="array" ref="G5312">IFERROR(INDEX(Jesper!AK$2:AK$366,ROUNDDOWN($C5312/24,0)+1,1)*INDEX($D$3:$AA$30,INDEX(Jesper!$R$2:$R$366,ROW(INDEX(Jesper!AK$2:AK$366,ROUNDDOWN($C5312/24,0)+1,1))-1)+IF('Standard Profiles'!$G$21=$B$10,7,0)+IF('Standard Profiles'!$G$21=$B$17,14,0)+IF('Standard Profiles'!$G$21=$B$24,21,0),MOD($C5312,24)+1)/SUM(INDEX($D$3:$AA$30,INDEX(Jesper!$R$2:$R$366,ROW(INDEX(Jesper!AK$2:AK$366,ROUNDDOWN($C5312/24,0)+1,1))-1)+IF('Standard Profiles'!$G$21=$B$10,7,0)+IF('Standard Profiles'!$G$21=$B$17,14,0)+IF('Standard Profiles'!$G$21=$B$24,21,0),0)),0)</f>
        <v>0</v>
      </c>
      <c r="H5312" cm="1">
        <f t="array" ref="H5312">IFERROR(INDEX(Jesper!AL$2:AL$366,ROUNDDOWN($C5312/24,0)+1,1)*INDEX($D$3:$AA$30,INDEX(Jesper!$R$2:$R$366,ROW(INDEX(Jesper!AL$2:AL$366,ROUNDDOWN($C5312/24,0)+1,1))-1)+IF('Standard Profiles'!$G$22=$B$10,7,0)+IF('Standard Profiles'!$G$22=$B$17,14,0)+IF('Standard Profiles'!$G$22=$B$24,21,0),MOD($C5312,24)+1)/SUM(INDEX($D$3:$AA$30,INDEX(Jesper!$R$2:$R$366,ROW(INDEX(Jesper!AL$2:AL$366,ROUNDDOWN($C5312/24,0)+1,1))-1)+IF('Standard Profiles'!$G$22=$B$10,7,0)+IF('Standard Profiles'!$G$22=$B$17,14,0)+IF('Standard Profiles'!$G$22=$B$24,21,0),0)),0)</f>
        <v>0</v>
      </c>
      <c r="I5312">
        <f t="shared" si="594"/>
        <v>0.20703712992924961</v>
      </c>
      <c r="J5312">
        <f t="shared" si="595"/>
        <v>0.69012376643083206</v>
      </c>
      <c r="K5312">
        <f t="shared" si="596"/>
        <v>1.0351856496462479</v>
      </c>
      <c r="L5312">
        <f t="shared" si="597"/>
        <v>4.9688911183019906</v>
      </c>
      <c r="M5312">
        <f t="shared" si="598"/>
        <v>0</v>
      </c>
      <c r="N5312" s="46">
        <f t="shared" si="599"/>
        <v>45511.916666653866</v>
      </c>
    </row>
    <row r="5313" spans="2:14" x14ac:dyDescent="0.3">
      <c r="B5313">
        <f t="shared" si="593"/>
        <v>3</v>
      </c>
      <c r="C5313" s="16">
        <v>5279</v>
      </c>
      <c r="D5313" cm="1">
        <f t="array" ref="D5313">IFERROR(INDEX(Jesper!AH$2:AH$366,ROUNDDOWN($C5313/24,0)+1,1)*INDEX($D$3:$AA$30,INDEX(Jesper!$R$2:$R$366,ROW(INDEX(Jesper!AH$2:AH$366,ROUNDDOWN($C5313/24,0)+1,1))-1)+IF('Standard Profiles'!$G$18=$B$10,7,0)+IF('Standard Profiles'!$G$18=$B$17,14,0)+IF('Standard Profiles'!$G$18=$B$24,21,0),MOD($C5313,24)+1)/SUM(INDEX($D$3:$AA$30,INDEX(Jesper!$R$2:$R$366,ROW(INDEX(Jesper!AH$2:AH$366,ROUNDDOWN($C5313/24,0)+1,1))-1)+IF('Standard Profiles'!$G$18=$B$10,7,0)+IF('Standard Profiles'!$G$18=$B$17,14,0)+IF('Standard Profiles'!$G$18=$B$24,21,0),0)),0)</f>
        <v>6.9012376643083204</v>
      </c>
      <c r="E5313" cm="1">
        <f t="array" ref="E5313">IFERROR(INDEX(Jesper!AI$2:AI$366,ROUNDDOWN($C5313/24,0)+1,1)*INDEX($D$3:$AA$30,INDEX(Jesper!$R$2:$R$366,ROW(INDEX(Jesper!AI$2:AI$366,ROUNDDOWN($C5313/24,0)+1,1))-1)+IF('Standard Profiles'!$G$19=$B$10,7,0)+IF('Standard Profiles'!$G$19=$B$17,14,0)+IF('Standard Profiles'!$G$19=$B$24,21,0),MOD($C5313,24)+1)/SUM(INDEX($D$3:$AA$30,INDEX(Jesper!$R$2:$R$366,ROW(INDEX(Jesper!AI$2:AI$366,ROUNDDOWN($C5313/24,0)+1,1))-1)+IF('Standard Profiles'!$G$19=$B$10,7,0)+IF('Standard Profiles'!$G$19=$B$17,14,0)+IF('Standard Profiles'!$G$19=$B$24,21,0),0)),0)</f>
        <v>0</v>
      </c>
      <c r="F5313" cm="1">
        <f t="array" ref="F5313">IFERROR(INDEX(Jesper!AJ$2:AJ$366,ROUNDDOWN($C5313/24,0)+1,1)*INDEX($D$3:$AA$30,INDEX(Jesper!$R$2:$R$366,ROW(INDEX(Jesper!AJ$2:AJ$366,ROUNDDOWN($C5313/24,0)+1,1))-1)+IF('Standard Profiles'!$G$20=$B$10,7,0)+IF('Standard Profiles'!$G$20=$B$17,14,0)+IF('Standard Profiles'!$G$20=$B$24,21,0),MOD($C5313,24)+1)/SUM(INDEX($D$3:$AA$30,INDEX(Jesper!$R$2:$R$366,ROW(INDEX(Jesper!AJ$2:AJ$366,ROUNDDOWN($C5313/24,0)+1,1))-1)+IF('Standard Profiles'!$G$20=$B$10,7,0)+IF('Standard Profiles'!$G$20=$B$17,14,0)+IF('Standard Profiles'!$G$20=$B$24,21,0),0)),0)</f>
        <v>0</v>
      </c>
      <c r="G5313" cm="1">
        <f t="array" ref="G5313">IFERROR(INDEX(Jesper!AK$2:AK$366,ROUNDDOWN($C5313/24,0)+1,1)*INDEX($D$3:$AA$30,INDEX(Jesper!$R$2:$R$366,ROW(INDEX(Jesper!AK$2:AK$366,ROUNDDOWN($C5313/24,0)+1,1))-1)+IF('Standard Profiles'!$G$21=$B$10,7,0)+IF('Standard Profiles'!$G$21=$B$17,14,0)+IF('Standard Profiles'!$G$21=$B$24,21,0),MOD($C5313,24)+1)/SUM(INDEX($D$3:$AA$30,INDEX(Jesper!$R$2:$R$366,ROW(INDEX(Jesper!AK$2:AK$366,ROUNDDOWN($C5313/24,0)+1,1))-1)+IF('Standard Profiles'!$G$21=$B$10,7,0)+IF('Standard Profiles'!$G$21=$B$17,14,0)+IF('Standard Profiles'!$G$21=$B$24,21,0),0)),0)</f>
        <v>0</v>
      </c>
      <c r="H5313" cm="1">
        <f t="array" ref="H5313">IFERROR(INDEX(Jesper!AL$2:AL$366,ROUNDDOWN($C5313/24,0)+1,1)*INDEX($D$3:$AA$30,INDEX(Jesper!$R$2:$R$366,ROW(INDEX(Jesper!AL$2:AL$366,ROUNDDOWN($C5313/24,0)+1,1))-1)+IF('Standard Profiles'!$G$22=$B$10,7,0)+IF('Standard Profiles'!$G$22=$B$17,14,0)+IF('Standard Profiles'!$G$22=$B$24,21,0),MOD($C5313,24)+1)/SUM(INDEX($D$3:$AA$30,INDEX(Jesper!$R$2:$R$366,ROW(INDEX(Jesper!AL$2:AL$366,ROUNDDOWN($C5313/24,0)+1,1))-1)+IF('Standard Profiles'!$G$22=$B$10,7,0)+IF('Standard Profiles'!$G$22=$B$17,14,0)+IF('Standard Profiles'!$G$22=$B$24,21,0),0)),0)</f>
        <v>0</v>
      </c>
      <c r="I5313">
        <f t="shared" si="594"/>
        <v>0.20703712992924961</v>
      </c>
      <c r="J5313">
        <f t="shared" si="595"/>
        <v>0.69012376643083206</v>
      </c>
      <c r="K5313">
        <f t="shared" si="596"/>
        <v>1.0351856496462479</v>
      </c>
      <c r="L5313">
        <f t="shared" si="597"/>
        <v>4.9688911183019906</v>
      </c>
      <c r="M5313">
        <f t="shared" si="598"/>
        <v>0</v>
      </c>
      <c r="N5313" s="46">
        <f t="shared" si="599"/>
        <v>45511.95833332053</v>
      </c>
    </row>
    <row r="5314" spans="2:14" x14ac:dyDescent="0.3">
      <c r="B5314">
        <f t="shared" si="593"/>
        <v>4</v>
      </c>
      <c r="C5314" s="16">
        <v>5280</v>
      </c>
      <c r="D5314" cm="1">
        <f t="array" ref="D5314">IFERROR(INDEX(Jesper!AH$2:AH$366,ROUNDDOWN($C5314/24,0)+1,1)*INDEX($D$3:$AA$30,INDEX(Jesper!$R$2:$R$366,ROW(INDEX(Jesper!AH$2:AH$366,ROUNDDOWN($C5314/24,0)+1,1))-1)+IF('Standard Profiles'!$G$18=$B$10,7,0)+IF('Standard Profiles'!$G$18=$B$17,14,0)+IF('Standard Profiles'!$G$18=$B$24,21,0),MOD($C5314,24)+1)/SUM(INDEX($D$3:$AA$30,INDEX(Jesper!$R$2:$R$366,ROW(INDEX(Jesper!AH$2:AH$366,ROUNDDOWN($C5314/24,0)+1,1))-1)+IF('Standard Profiles'!$G$18=$B$10,7,0)+IF('Standard Profiles'!$G$18=$B$17,14,0)+IF('Standard Profiles'!$G$18=$B$24,21,0),0)),0)</f>
        <v>6.828428631586438</v>
      </c>
      <c r="E5314" cm="1">
        <f t="array" ref="E5314">IFERROR(INDEX(Jesper!AI$2:AI$366,ROUNDDOWN($C5314/24,0)+1,1)*INDEX($D$3:$AA$30,INDEX(Jesper!$R$2:$R$366,ROW(INDEX(Jesper!AI$2:AI$366,ROUNDDOWN($C5314/24,0)+1,1))-1)+IF('Standard Profiles'!$G$19=$B$10,7,0)+IF('Standard Profiles'!$G$19=$B$17,14,0)+IF('Standard Profiles'!$G$19=$B$24,21,0),MOD($C5314,24)+1)/SUM(INDEX($D$3:$AA$30,INDEX(Jesper!$R$2:$R$366,ROW(INDEX(Jesper!AI$2:AI$366,ROUNDDOWN($C5314/24,0)+1,1))-1)+IF('Standard Profiles'!$G$19=$B$10,7,0)+IF('Standard Profiles'!$G$19=$B$17,14,0)+IF('Standard Profiles'!$G$19=$B$24,21,0),0)),0)</f>
        <v>0</v>
      </c>
      <c r="F5314" cm="1">
        <f t="array" ref="F5314">IFERROR(INDEX(Jesper!AJ$2:AJ$366,ROUNDDOWN($C5314/24,0)+1,1)*INDEX($D$3:$AA$30,INDEX(Jesper!$R$2:$R$366,ROW(INDEX(Jesper!AJ$2:AJ$366,ROUNDDOWN($C5314/24,0)+1,1))-1)+IF('Standard Profiles'!$G$20=$B$10,7,0)+IF('Standard Profiles'!$G$20=$B$17,14,0)+IF('Standard Profiles'!$G$20=$B$24,21,0),MOD($C5314,24)+1)/SUM(INDEX($D$3:$AA$30,INDEX(Jesper!$R$2:$R$366,ROW(INDEX(Jesper!AJ$2:AJ$366,ROUNDDOWN($C5314/24,0)+1,1))-1)+IF('Standard Profiles'!$G$20=$B$10,7,0)+IF('Standard Profiles'!$G$20=$B$17,14,0)+IF('Standard Profiles'!$G$20=$B$24,21,0),0)),0)</f>
        <v>0</v>
      </c>
      <c r="G5314" cm="1">
        <f t="array" ref="G5314">IFERROR(INDEX(Jesper!AK$2:AK$366,ROUNDDOWN($C5314/24,0)+1,1)*INDEX($D$3:$AA$30,INDEX(Jesper!$R$2:$R$366,ROW(INDEX(Jesper!AK$2:AK$366,ROUNDDOWN($C5314/24,0)+1,1))-1)+IF('Standard Profiles'!$G$21=$B$10,7,0)+IF('Standard Profiles'!$G$21=$B$17,14,0)+IF('Standard Profiles'!$G$21=$B$24,21,0),MOD($C5314,24)+1)/SUM(INDEX($D$3:$AA$30,INDEX(Jesper!$R$2:$R$366,ROW(INDEX(Jesper!AK$2:AK$366,ROUNDDOWN($C5314/24,0)+1,1))-1)+IF('Standard Profiles'!$G$21=$B$10,7,0)+IF('Standard Profiles'!$G$21=$B$17,14,0)+IF('Standard Profiles'!$G$21=$B$24,21,0),0)),0)</f>
        <v>0</v>
      </c>
      <c r="H5314" cm="1">
        <f t="array" ref="H5314">IFERROR(INDEX(Jesper!AL$2:AL$366,ROUNDDOWN($C5314/24,0)+1,1)*INDEX($D$3:$AA$30,INDEX(Jesper!$R$2:$R$366,ROW(INDEX(Jesper!AL$2:AL$366,ROUNDDOWN($C5314/24,0)+1,1))-1)+IF('Standard Profiles'!$G$22=$B$10,7,0)+IF('Standard Profiles'!$G$22=$B$17,14,0)+IF('Standard Profiles'!$G$22=$B$24,21,0),MOD($C5314,24)+1)/SUM(INDEX($D$3:$AA$30,INDEX(Jesper!$R$2:$R$366,ROW(INDEX(Jesper!AL$2:AL$366,ROUNDDOWN($C5314/24,0)+1,1))-1)+IF('Standard Profiles'!$G$22=$B$10,7,0)+IF('Standard Profiles'!$G$22=$B$17,14,0)+IF('Standard Profiles'!$G$22=$B$24,21,0),0)),0)</f>
        <v>0</v>
      </c>
      <c r="I5314">
        <f t="shared" si="594"/>
        <v>0.20485285894759314</v>
      </c>
      <c r="J5314">
        <f t="shared" si="595"/>
        <v>0.68284286315864384</v>
      </c>
      <c r="K5314">
        <f t="shared" si="596"/>
        <v>1.0242642947379657</v>
      </c>
      <c r="L5314">
        <f t="shared" si="597"/>
        <v>4.916468614742235</v>
      </c>
      <c r="M5314">
        <f t="shared" si="598"/>
        <v>0</v>
      </c>
      <c r="N5314" s="46">
        <f t="shared" si="599"/>
        <v>45511.999999987194</v>
      </c>
    </row>
    <row r="5315" spans="2:14" x14ac:dyDescent="0.3">
      <c r="B5315">
        <f t="shared" si="593"/>
        <v>4</v>
      </c>
      <c r="C5315" s="16">
        <v>5281</v>
      </c>
      <c r="D5315" cm="1">
        <f t="array" ref="D5315">IFERROR(INDEX(Jesper!AH$2:AH$366,ROUNDDOWN($C5315/24,0)+1,1)*INDEX($D$3:$AA$30,INDEX(Jesper!$R$2:$R$366,ROW(INDEX(Jesper!AH$2:AH$366,ROUNDDOWN($C5315/24,0)+1,1))-1)+IF('Standard Profiles'!$G$18=$B$10,7,0)+IF('Standard Profiles'!$G$18=$B$17,14,0)+IF('Standard Profiles'!$G$18=$B$24,21,0),MOD($C5315,24)+1)/SUM(INDEX($D$3:$AA$30,INDEX(Jesper!$R$2:$R$366,ROW(INDEX(Jesper!AH$2:AH$366,ROUNDDOWN($C5315/24,0)+1,1))-1)+IF('Standard Profiles'!$G$18=$B$10,7,0)+IF('Standard Profiles'!$G$18=$B$17,14,0)+IF('Standard Profiles'!$G$18=$B$24,21,0),0)),0)</f>
        <v>6.828428631586438</v>
      </c>
      <c r="E5315" cm="1">
        <f t="array" ref="E5315">IFERROR(INDEX(Jesper!AI$2:AI$366,ROUNDDOWN($C5315/24,0)+1,1)*INDEX($D$3:$AA$30,INDEX(Jesper!$R$2:$R$366,ROW(INDEX(Jesper!AI$2:AI$366,ROUNDDOWN($C5315/24,0)+1,1))-1)+IF('Standard Profiles'!$G$19=$B$10,7,0)+IF('Standard Profiles'!$G$19=$B$17,14,0)+IF('Standard Profiles'!$G$19=$B$24,21,0),MOD($C5315,24)+1)/SUM(INDEX($D$3:$AA$30,INDEX(Jesper!$R$2:$R$366,ROW(INDEX(Jesper!AI$2:AI$366,ROUNDDOWN($C5315/24,0)+1,1))-1)+IF('Standard Profiles'!$G$19=$B$10,7,0)+IF('Standard Profiles'!$G$19=$B$17,14,0)+IF('Standard Profiles'!$G$19=$B$24,21,0),0)),0)</f>
        <v>0</v>
      </c>
      <c r="F5315" cm="1">
        <f t="array" ref="F5315">IFERROR(INDEX(Jesper!AJ$2:AJ$366,ROUNDDOWN($C5315/24,0)+1,1)*INDEX($D$3:$AA$30,INDEX(Jesper!$R$2:$R$366,ROW(INDEX(Jesper!AJ$2:AJ$366,ROUNDDOWN($C5315/24,0)+1,1))-1)+IF('Standard Profiles'!$G$20=$B$10,7,0)+IF('Standard Profiles'!$G$20=$B$17,14,0)+IF('Standard Profiles'!$G$20=$B$24,21,0),MOD($C5315,24)+1)/SUM(INDEX($D$3:$AA$30,INDEX(Jesper!$R$2:$R$366,ROW(INDEX(Jesper!AJ$2:AJ$366,ROUNDDOWN($C5315/24,0)+1,1))-1)+IF('Standard Profiles'!$G$20=$B$10,7,0)+IF('Standard Profiles'!$G$20=$B$17,14,0)+IF('Standard Profiles'!$G$20=$B$24,21,0),0)),0)</f>
        <v>0</v>
      </c>
      <c r="G5315" cm="1">
        <f t="array" ref="G5315">IFERROR(INDEX(Jesper!AK$2:AK$366,ROUNDDOWN($C5315/24,0)+1,1)*INDEX($D$3:$AA$30,INDEX(Jesper!$R$2:$R$366,ROW(INDEX(Jesper!AK$2:AK$366,ROUNDDOWN($C5315/24,0)+1,1))-1)+IF('Standard Profiles'!$G$21=$B$10,7,0)+IF('Standard Profiles'!$G$21=$B$17,14,0)+IF('Standard Profiles'!$G$21=$B$24,21,0),MOD($C5315,24)+1)/SUM(INDEX($D$3:$AA$30,INDEX(Jesper!$R$2:$R$366,ROW(INDEX(Jesper!AK$2:AK$366,ROUNDDOWN($C5315/24,0)+1,1))-1)+IF('Standard Profiles'!$G$21=$B$10,7,0)+IF('Standard Profiles'!$G$21=$B$17,14,0)+IF('Standard Profiles'!$G$21=$B$24,21,0),0)),0)</f>
        <v>0</v>
      </c>
      <c r="H5315" cm="1">
        <f t="array" ref="H5315">IFERROR(INDEX(Jesper!AL$2:AL$366,ROUNDDOWN($C5315/24,0)+1,1)*INDEX($D$3:$AA$30,INDEX(Jesper!$R$2:$R$366,ROW(INDEX(Jesper!AL$2:AL$366,ROUNDDOWN($C5315/24,0)+1,1))-1)+IF('Standard Profiles'!$G$22=$B$10,7,0)+IF('Standard Profiles'!$G$22=$B$17,14,0)+IF('Standard Profiles'!$G$22=$B$24,21,0),MOD($C5315,24)+1)/SUM(INDEX($D$3:$AA$30,INDEX(Jesper!$R$2:$R$366,ROW(INDEX(Jesper!AL$2:AL$366,ROUNDDOWN($C5315/24,0)+1,1))-1)+IF('Standard Profiles'!$G$22=$B$10,7,0)+IF('Standard Profiles'!$G$22=$B$17,14,0)+IF('Standard Profiles'!$G$22=$B$24,21,0),0)),0)</f>
        <v>0</v>
      </c>
      <c r="I5315">
        <f t="shared" si="594"/>
        <v>0.20485285894759314</v>
      </c>
      <c r="J5315">
        <f t="shared" si="595"/>
        <v>0.68284286315864384</v>
      </c>
      <c r="K5315">
        <f t="shared" si="596"/>
        <v>1.0242642947379657</v>
      </c>
      <c r="L5315">
        <f t="shared" si="597"/>
        <v>4.916468614742235</v>
      </c>
      <c r="M5315">
        <f t="shared" si="598"/>
        <v>0</v>
      </c>
      <c r="N5315" s="46">
        <f t="shared" si="599"/>
        <v>45512.041666653859</v>
      </c>
    </row>
    <row r="5316" spans="2:14" x14ac:dyDescent="0.3">
      <c r="B5316">
        <f t="shared" si="593"/>
        <v>4</v>
      </c>
      <c r="C5316" s="16">
        <v>5282</v>
      </c>
      <c r="D5316" cm="1">
        <f t="array" ref="D5316">IFERROR(INDEX(Jesper!AH$2:AH$366,ROUNDDOWN($C5316/24,0)+1,1)*INDEX($D$3:$AA$30,INDEX(Jesper!$R$2:$R$366,ROW(INDEX(Jesper!AH$2:AH$366,ROUNDDOWN($C5316/24,0)+1,1))-1)+IF('Standard Profiles'!$G$18=$B$10,7,0)+IF('Standard Profiles'!$G$18=$B$17,14,0)+IF('Standard Profiles'!$G$18=$B$24,21,0),MOD($C5316,24)+1)/SUM(INDEX($D$3:$AA$30,INDEX(Jesper!$R$2:$R$366,ROW(INDEX(Jesper!AH$2:AH$366,ROUNDDOWN($C5316/24,0)+1,1))-1)+IF('Standard Profiles'!$G$18=$B$10,7,0)+IF('Standard Profiles'!$G$18=$B$17,14,0)+IF('Standard Profiles'!$G$18=$B$24,21,0),0)),0)</f>
        <v>6.828428631586438</v>
      </c>
      <c r="E5316" cm="1">
        <f t="array" ref="E5316">IFERROR(INDEX(Jesper!AI$2:AI$366,ROUNDDOWN($C5316/24,0)+1,1)*INDEX($D$3:$AA$30,INDEX(Jesper!$R$2:$R$366,ROW(INDEX(Jesper!AI$2:AI$366,ROUNDDOWN($C5316/24,0)+1,1))-1)+IF('Standard Profiles'!$G$19=$B$10,7,0)+IF('Standard Profiles'!$G$19=$B$17,14,0)+IF('Standard Profiles'!$G$19=$B$24,21,0),MOD($C5316,24)+1)/SUM(INDEX($D$3:$AA$30,INDEX(Jesper!$R$2:$R$366,ROW(INDEX(Jesper!AI$2:AI$366,ROUNDDOWN($C5316/24,0)+1,1))-1)+IF('Standard Profiles'!$G$19=$B$10,7,0)+IF('Standard Profiles'!$G$19=$B$17,14,0)+IF('Standard Profiles'!$G$19=$B$24,21,0),0)),0)</f>
        <v>0</v>
      </c>
      <c r="F5316" cm="1">
        <f t="array" ref="F5316">IFERROR(INDEX(Jesper!AJ$2:AJ$366,ROUNDDOWN($C5316/24,0)+1,1)*INDEX($D$3:$AA$30,INDEX(Jesper!$R$2:$R$366,ROW(INDEX(Jesper!AJ$2:AJ$366,ROUNDDOWN($C5316/24,0)+1,1))-1)+IF('Standard Profiles'!$G$20=$B$10,7,0)+IF('Standard Profiles'!$G$20=$B$17,14,0)+IF('Standard Profiles'!$G$20=$B$24,21,0),MOD($C5316,24)+1)/SUM(INDEX($D$3:$AA$30,INDEX(Jesper!$R$2:$R$366,ROW(INDEX(Jesper!AJ$2:AJ$366,ROUNDDOWN($C5316/24,0)+1,1))-1)+IF('Standard Profiles'!$G$20=$B$10,7,0)+IF('Standard Profiles'!$G$20=$B$17,14,0)+IF('Standard Profiles'!$G$20=$B$24,21,0),0)),0)</f>
        <v>0</v>
      </c>
      <c r="G5316" cm="1">
        <f t="array" ref="G5316">IFERROR(INDEX(Jesper!AK$2:AK$366,ROUNDDOWN($C5316/24,0)+1,1)*INDEX($D$3:$AA$30,INDEX(Jesper!$R$2:$R$366,ROW(INDEX(Jesper!AK$2:AK$366,ROUNDDOWN($C5316/24,0)+1,1))-1)+IF('Standard Profiles'!$G$21=$B$10,7,0)+IF('Standard Profiles'!$G$21=$B$17,14,0)+IF('Standard Profiles'!$G$21=$B$24,21,0),MOD($C5316,24)+1)/SUM(INDEX($D$3:$AA$30,INDEX(Jesper!$R$2:$R$366,ROW(INDEX(Jesper!AK$2:AK$366,ROUNDDOWN($C5316/24,0)+1,1))-1)+IF('Standard Profiles'!$G$21=$B$10,7,0)+IF('Standard Profiles'!$G$21=$B$17,14,0)+IF('Standard Profiles'!$G$21=$B$24,21,0),0)),0)</f>
        <v>0</v>
      </c>
      <c r="H5316" cm="1">
        <f t="array" ref="H5316">IFERROR(INDEX(Jesper!AL$2:AL$366,ROUNDDOWN($C5316/24,0)+1,1)*INDEX($D$3:$AA$30,INDEX(Jesper!$R$2:$R$366,ROW(INDEX(Jesper!AL$2:AL$366,ROUNDDOWN($C5316/24,0)+1,1))-1)+IF('Standard Profiles'!$G$22=$B$10,7,0)+IF('Standard Profiles'!$G$22=$B$17,14,0)+IF('Standard Profiles'!$G$22=$B$24,21,0),MOD($C5316,24)+1)/SUM(INDEX($D$3:$AA$30,INDEX(Jesper!$R$2:$R$366,ROW(INDEX(Jesper!AL$2:AL$366,ROUNDDOWN($C5316/24,0)+1,1))-1)+IF('Standard Profiles'!$G$22=$B$10,7,0)+IF('Standard Profiles'!$G$22=$B$17,14,0)+IF('Standard Profiles'!$G$22=$B$24,21,0),0)),0)</f>
        <v>0</v>
      </c>
      <c r="I5316">
        <f t="shared" si="594"/>
        <v>0.20485285894759314</v>
      </c>
      <c r="J5316">
        <f t="shared" si="595"/>
        <v>0.68284286315864384</v>
      </c>
      <c r="K5316">
        <f t="shared" si="596"/>
        <v>1.0242642947379657</v>
      </c>
      <c r="L5316">
        <f t="shared" si="597"/>
        <v>4.916468614742235</v>
      </c>
      <c r="M5316">
        <f t="shared" si="598"/>
        <v>0</v>
      </c>
      <c r="N5316" s="46">
        <f t="shared" si="599"/>
        <v>45512.083333320523</v>
      </c>
    </row>
    <row r="5317" spans="2:14" x14ac:dyDescent="0.3">
      <c r="B5317">
        <f t="shared" si="593"/>
        <v>4</v>
      </c>
      <c r="C5317" s="16">
        <v>5283</v>
      </c>
      <c r="D5317" cm="1">
        <f t="array" ref="D5317">IFERROR(INDEX(Jesper!AH$2:AH$366,ROUNDDOWN($C5317/24,0)+1,1)*INDEX($D$3:$AA$30,INDEX(Jesper!$R$2:$R$366,ROW(INDEX(Jesper!AH$2:AH$366,ROUNDDOWN($C5317/24,0)+1,1))-1)+IF('Standard Profiles'!$G$18=$B$10,7,0)+IF('Standard Profiles'!$G$18=$B$17,14,0)+IF('Standard Profiles'!$G$18=$B$24,21,0),MOD($C5317,24)+1)/SUM(INDEX($D$3:$AA$30,INDEX(Jesper!$R$2:$R$366,ROW(INDEX(Jesper!AH$2:AH$366,ROUNDDOWN($C5317/24,0)+1,1))-1)+IF('Standard Profiles'!$G$18=$B$10,7,0)+IF('Standard Profiles'!$G$18=$B$17,14,0)+IF('Standard Profiles'!$G$18=$B$24,21,0),0)),0)</f>
        <v>6.828428631586438</v>
      </c>
      <c r="E5317" cm="1">
        <f t="array" ref="E5317">IFERROR(INDEX(Jesper!AI$2:AI$366,ROUNDDOWN($C5317/24,0)+1,1)*INDEX($D$3:$AA$30,INDEX(Jesper!$R$2:$R$366,ROW(INDEX(Jesper!AI$2:AI$366,ROUNDDOWN($C5317/24,0)+1,1))-1)+IF('Standard Profiles'!$G$19=$B$10,7,0)+IF('Standard Profiles'!$G$19=$B$17,14,0)+IF('Standard Profiles'!$G$19=$B$24,21,0),MOD($C5317,24)+1)/SUM(INDEX($D$3:$AA$30,INDEX(Jesper!$R$2:$R$366,ROW(INDEX(Jesper!AI$2:AI$366,ROUNDDOWN($C5317/24,0)+1,1))-1)+IF('Standard Profiles'!$G$19=$B$10,7,0)+IF('Standard Profiles'!$G$19=$B$17,14,0)+IF('Standard Profiles'!$G$19=$B$24,21,0),0)),0)</f>
        <v>0</v>
      </c>
      <c r="F5317" cm="1">
        <f t="array" ref="F5317">IFERROR(INDEX(Jesper!AJ$2:AJ$366,ROUNDDOWN($C5317/24,0)+1,1)*INDEX($D$3:$AA$30,INDEX(Jesper!$R$2:$R$366,ROW(INDEX(Jesper!AJ$2:AJ$366,ROUNDDOWN($C5317/24,0)+1,1))-1)+IF('Standard Profiles'!$G$20=$B$10,7,0)+IF('Standard Profiles'!$G$20=$B$17,14,0)+IF('Standard Profiles'!$G$20=$B$24,21,0),MOD($C5317,24)+1)/SUM(INDEX($D$3:$AA$30,INDEX(Jesper!$R$2:$R$366,ROW(INDEX(Jesper!AJ$2:AJ$366,ROUNDDOWN($C5317/24,0)+1,1))-1)+IF('Standard Profiles'!$G$20=$B$10,7,0)+IF('Standard Profiles'!$G$20=$B$17,14,0)+IF('Standard Profiles'!$G$20=$B$24,21,0),0)),0)</f>
        <v>0</v>
      </c>
      <c r="G5317" cm="1">
        <f t="array" ref="G5317">IFERROR(INDEX(Jesper!AK$2:AK$366,ROUNDDOWN($C5317/24,0)+1,1)*INDEX($D$3:$AA$30,INDEX(Jesper!$R$2:$R$366,ROW(INDEX(Jesper!AK$2:AK$366,ROUNDDOWN($C5317/24,0)+1,1))-1)+IF('Standard Profiles'!$G$21=$B$10,7,0)+IF('Standard Profiles'!$G$21=$B$17,14,0)+IF('Standard Profiles'!$G$21=$B$24,21,0),MOD($C5317,24)+1)/SUM(INDEX($D$3:$AA$30,INDEX(Jesper!$R$2:$R$366,ROW(INDEX(Jesper!AK$2:AK$366,ROUNDDOWN($C5317/24,0)+1,1))-1)+IF('Standard Profiles'!$G$21=$B$10,7,0)+IF('Standard Profiles'!$G$21=$B$17,14,0)+IF('Standard Profiles'!$G$21=$B$24,21,0),0)),0)</f>
        <v>0</v>
      </c>
      <c r="H5317" cm="1">
        <f t="array" ref="H5317">IFERROR(INDEX(Jesper!AL$2:AL$366,ROUNDDOWN($C5317/24,0)+1,1)*INDEX($D$3:$AA$30,INDEX(Jesper!$R$2:$R$366,ROW(INDEX(Jesper!AL$2:AL$366,ROUNDDOWN($C5317/24,0)+1,1))-1)+IF('Standard Profiles'!$G$22=$B$10,7,0)+IF('Standard Profiles'!$G$22=$B$17,14,0)+IF('Standard Profiles'!$G$22=$B$24,21,0),MOD($C5317,24)+1)/SUM(INDEX($D$3:$AA$30,INDEX(Jesper!$R$2:$R$366,ROW(INDEX(Jesper!AL$2:AL$366,ROUNDDOWN($C5317/24,0)+1,1))-1)+IF('Standard Profiles'!$G$22=$B$10,7,0)+IF('Standard Profiles'!$G$22=$B$17,14,0)+IF('Standard Profiles'!$G$22=$B$24,21,0),0)),0)</f>
        <v>0</v>
      </c>
      <c r="I5317">
        <f t="shared" si="594"/>
        <v>0.20485285894759314</v>
      </c>
      <c r="J5317">
        <f t="shared" si="595"/>
        <v>0.68284286315864384</v>
      </c>
      <c r="K5317">
        <f t="shared" si="596"/>
        <v>1.0242642947379657</v>
      </c>
      <c r="L5317">
        <f t="shared" si="597"/>
        <v>4.916468614742235</v>
      </c>
      <c r="M5317">
        <f t="shared" si="598"/>
        <v>0</v>
      </c>
      <c r="N5317" s="46">
        <f t="shared" si="599"/>
        <v>45512.124999987187</v>
      </c>
    </row>
    <row r="5318" spans="2:14" x14ac:dyDescent="0.3">
      <c r="B5318">
        <f t="shared" si="593"/>
        <v>4</v>
      </c>
      <c r="C5318" s="16">
        <v>5284</v>
      </c>
      <c r="D5318" cm="1">
        <f t="array" ref="D5318">IFERROR(INDEX(Jesper!AH$2:AH$366,ROUNDDOWN($C5318/24,0)+1,1)*INDEX($D$3:$AA$30,INDEX(Jesper!$R$2:$R$366,ROW(INDEX(Jesper!AH$2:AH$366,ROUNDDOWN($C5318/24,0)+1,1))-1)+IF('Standard Profiles'!$G$18=$B$10,7,0)+IF('Standard Profiles'!$G$18=$B$17,14,0)+IF('Standard Profiles'!$G$18=$B$24,21,0),MOD($C5318,24)+1)/SUM(INDEX($D$3:$AA$30,INDEX(Jesper!$R$2:$R$366,ROW(INDEX(Jesper!AH$2:AH$366,ROUNDDOWN($C5318/24,0)+1,1))-1)+IF('Standard Profiles'!$G$18=$B$10,7,0)+IF('Standard Profiles'!$G$18=$B$17,14,0)+IF('Standard Profiles'!$G$18=$B$24,21,0),0)),0)</f>
        <v>6.828428631586438</v>
      </c>
      <c r="E5318" cm="1">
        <f t="array" ref="E5318">IFERROR(INDEX(Jesper!AI$2:AI$366,ROUNDDOWN($C5318/24,0)+1,1)*INDEX($D$3:$AA$30,INDEX(Jesper!$R$2:$R$366,ROW(INDEX(Jesper!AI$2:AI$366,ROUNDDOWN($C5318/24,0)+1,1))-1)+IF('Standard Profiles'!$G$19=$B$10,7,0)+IF('Standard Profiles'!$G$19=$B$17,14,0)+IF('Standard Profiles'!$G$19=$B$24,21,0),MOD($C5318,24)+1)/SUM(INDEX($D$3:$AA$30,INDEX(Jesper!$R$2:$R$366,ROW(INDEX(Jesper!AI$2:AI$366,ROUNDDOWN($C5318/24,0)+1,1))-1)+IF('Standard Profiles'!$G$19=$B$10,7,0)+IF('Standard Profiles'!$G$19=$B$17,14,0)+IF('Standard Profiles'!$G$19=$B$24,21,0),0)),0)</f>
        <v>0</v>
      </c>
      <c r="F5318" cm="1">
        <f t="array" ref="F5318">IFERROR(INDEX(Jesper!AJ$2:AJ$366,ROUNDDOWN($C5318/24,0)+1,1)*INDEX($D$3:$AA$30,INDEX(Jesper!$R$2:$R$366,ROW(INDEX(Jesper!AJ$2:AJ$366,ROUNDDOWN($C5318/24,0)+1,1))-1)+IF('Standard Profiles'!$G$20=$B$10,7,0)+IF('Standard Profiles'!$G$20=$B$17,14,0)+IF('Standard Profiles'!$G$20=$B$24,21,0),MOD($C5318,24)+1)/SUM(INDEX($D$3:$AA$30,INDEX(Jesper!$R$2:$R$366,ROW(INDEX(Jesper!AJ$2:AJ$366,ROUNDDOWN($C5318/24,0)+1,1))-1)+IF('Standard Profiles'!$G$20=$B$10,7,0)+IF('Standard Profiles'!$G$20=$B$17,14,0)+IF('Standard Profiles'!$G$20=$B$24,21,0),0)),0)</f>
        <v>0</v>
      </c>
      <c r="G5318" cm="1">
        <f t="array" ref="G5318">IFERROR(INDEX(Jesper!AK$2:AK$366,ROUNDDOWN($C5318/24,0)+1,1)*INDEX($D$3:$AA$30,INDEX(Jesper!$R$2:$R$366,ROW(INDEX(Jesper!AK$2:AK$366,ROUNDDOWN($C5318/24,0)+1,1))-1)+IF('Standard Profiles'!$G$21=$B$10,7,0)+IF('Standard Profiles'!$G$21=$B$17,14,0)+IF('Standard Profiles'!$G$21=$B$24,21,0),MOD($C5318,24)+1)/SUM(INDEX($D$3:$AA$30,INDEX(Jesper!$R$2:$R$366,ROW(INDEX(Jesper!AK$2:AK$366,ROUNDDOWN($C5318/24,0)+1,1))-1)+IF('Standard Profiles'!$G$21=$B$10,7,0)+IF('Standard Profiles'!$G$21=$B$17,14,0)+IF('Standard Profiles'!$G$21=$B$24,21,0),0)),0)</f>
        <v>0</v>
      </c>
      <c r="H5318" cm="1">
        <f t="array" ref="H5318">IFERROR(INDEX(Jesper!AL$2:AL$366,ROUNDDOWN($C5318/24,0)+1,1)*INDEX($D$3:$AA$30,INDEX(Jesper!$R$2:$R$366,ROW(INDEX(Jesper!AL$2:AL$366,ROUNDDOWN($C5318/24,0)+1,1))-1)+IF('Standard Profiles'!$G$22=$B$10,7,0)+IF('Standard Profiles'!$G$22=$B$17,14,0)+IF('Standard Profiles'!$G$22=$B$24,21,0),MOD($C5318,24)+1)/SUM(INDEX($D$3:$AA$30,INDEX(Jesper!$R$2:$R$366,ROW(INDEX(Jesper!AL$2:AL$366,ROUNDDOWN($C5318/24,0)+1,1))-1)+IF('Standard Profiles'!$G$22=$B$10,7,0)+IF('Standard Profiles'!$G$22=$B$17,14,0)+IF('Standard Profiles'!$G$22=$B$24,21,0),0)),0)</f>
        <v>0</v>
      </c>
      <c r="I5318">
        <f t="shared" si="594"/>
        <v>0.20485285894759314</v>
      </c>
      <c r="J5318">
        <f t="shared" si="595"/>
        <v>0.68284286315864384</v>
      </c>
      <c r="K5318">
        <f t="shared" si="596"/>
        <v>1.0242642947379657</v>
      </c>
      <c r="L5318">
        <f t="shared" si="597"/>
        <v>4.916468614742235</v>
      </c>
      <c r="M5318">
        <f t="shared" si="598"/>
        <v>0</v>
      </c>
      <c r="N5318" s="46">
        <f t="shared" si="599"/>
        <v>45512.166666653851</v>
      </c>
    </row>
    <row r="5319" spans="2:14" x14ac:dyDescent="0.3">
      <c r="B5319">
        <f t="shared" si="593"/>
        <v>4</v>
      </c>
      <c r="C5319" s="16">
        <v>5285</v>
      </c>
      <c r="D5319" cm="1">
        <f t="array" ref="D5319">IFERROR(INDEX(Jesper!AH$2:AH$366,ROUNDDOWN($C5319/24,0)+1,1)*INDEX($D$3:$AA$30,INDEX(Jesper!$R$2:$R$366,ROW(INDEX(Jesper!AH$2:AH$366,ROUNDDOWN($C5319/24,0)+1,1))-1)+IF('Standard Profiles'!$G$18=$B$10,7,0)+IF('Standard Profiles'!$G$18=$B$17,14,0)+IF('Standard Profiles'!$G$18=$B$24,21,0),MOD($C5319,24)+1)/SUM(INDEX($D$3:$AA$30,INDEX(Jesper!$R$2:$R$366,ROW(INDEX(Jesper!AH$2:AH$366,ROUNDDOWN($C5319/24,0)+1,1))-1)+IF('Standard Profiles'!$G$18=$B$10,7,0)+IF('Standard Profiles'!$G$18=$B$17,14,0)+IF('Standard Profiles'!$G$18=$B$24,21,0),0)),0)</f>
        <v>8.8010857918225209</v>
      </c>
      <c r="E5319" cm="1">
        <f t="array" ref="E5319">IFERROR(INDEX(Jesper!AI$2:AI$366,ROUNDDOWN($C5319/24,0)+1,1)*INDEX($D$3:$AA$30,INDEX(Jesper!$R$2:$R$366,ROW(INDEX(Jesper!AI$2:AI$366,ROUNDDOWN($C5319/24,0)+1,1))-1)+IF('Standard Profiles'!$G$19=$B$10,7,0)+IF('Standard Profiles'!$G$19=$B$17,14,0)+IF('Standard Profiles'!$G$19=$B$24,21,0),MOD($C5319,24)+1)/SUM(INDEX($D$3:$AA$30,INDEX(Jesper!$R$2:$R$366,ROW(INDEX(Jesper!AI$2:AI$366,ROUNDDOWN($C5319/24,0)+1,1))-1)+IF('Standard Profiles'!$G$19=$B$10,7,0)+IF('Standard Profiles'!$G$19=$B$17,14,0)+IF('Standard Profiles'!$G$19=$B$24,21,0),0)),0)</f>
        <v>0</v>
      </c>
      <c r="F5319" cm="1">
        <f t="array" ref="F5319">IFERROR(INDEX(Jesper!AJ$2:AJ$366,ROUNDDOWN($C5319/24,0)+1,1)*INDEX($D$3:$AA$30,INDEX(Jesper!$R$2:$R$366,ROW(INDEX(Jesper!AJ$2:AJ$366,ROUNDDOWN($C5319/24,0)+1,1))-1)+IF('Standard Profiles'!$G$20=$B$10,7,0)+IF('Standard Profiles'!$G$20=$B$17,14,0)+IF('Standard Profiles'!$G$20=$B$24,21,0),MOD($C5319,24)+1)/SUM(INDEX($D$3:$AA$30,INDEX(Jesper!$R$2:$R$366,ROW(INDEX(Jesper!AJ$2:AJ$366,ROUNDDOWN($C5319/24,0)+1,1))-1)+IF('Standard Profiles'!$G$20=$B$10,7,0)+IF('Standard Profiles'!$G$20=$B$17,14,0)+IF('Standard Profiles'!$G$20=$B$24,21,0),0)),0)</f>
        <v>0</v>
      </c>
      <c r="G5319" cm="1">
        <f t="array" ref="G5319">IFERROR(INDEX(Jesper!AK$2:AK$366,ROUNDDOWN($C5319/24,0)+1,1)*INDEX($D$3:$AA$30,INDEX(Jesper!$R$2:$R$366,ROW(INDEX(Jesper!AK$2:AK$366,ROUNDDOWN($C5319/24,0)+1,1))-1)+IF('Standard Profiles'!$G$21=$B$10,7,0)+IF('Standard Profiles'!$G$21=$B$17,14,0)+IF('Standard Profiles'!$G$21=$B$24,21,0),MOD($C5319,24)+1)/SUM(INDEX($D$3:$AA$30,INDEX(Jesper!$R$2:$R$366,ROW(INDEX(Jesper!AK$2:AK$366,ROUNDDOWN($C5319/24,0)+1,1))-1)+IF('Standard Profiles'!$G$21=$B$10,7,0)+IF('Standard Profiles'!$G$21=$B$17,14,0)+IF('Standard Profiles'!$G$21=$B$24,21,0),0)),0)</f>
        <v>0</v>
      </c>
      <c r="H5319" cm="1">
        <f t="array" ref="H5319">IFERROR(INDEX(Jesper!AL$2:AL$366,ROUNDDOWN($C5319/24,0)+1,1)*INDEX($D$3:$AA$30,INDEX(Jesper!$R$2:$R$366,ROW(INDEX(Jesper!AL$2:AL$366,ROUNDDOWN($C5319/24,0)+1,1))-1)+IF('Standard Profiles'!$G$22=$B$10,7,0)+IF('Standard Profiles'!$G$22=$B$17,14,0)+IF('Standard Profiles'!$G$22=$B$24,21,0),MOD($C5319,24)+1)/SUM(INDEX($D$3:$AA$30,INDEX(Jesper!$R$2:$R$366,ROW(INDEX(Jesper!AL$2:AL$366,ROUNDDOWN($C5319/24,0)+1,1))-1)+IF('Standard Profiles'!$G$22=$B$10,7,0)+IF('Standard Profiles'!$G$22=$B$17,14,0)+IF('Standard Profiles'!$G$22=$B$24,21,0),0)),0)</f>
        <v>0</v>
      </c>
      <c r="I5319">
        <f t="shared" si="594"/>
        <v>0.26403257375467559</v>
      </c>
      <c r="J5319">
        <f t="shared" si="595"/>
        <v>0.88010857918225216</v>
      </c>
      <c r="K5319">
        <f t="shared" si="596"/>
        <v>1.3201628687733782</v>
      </c>
      <c r="L5319">
        <f t="shared" si="597"/>
        <v>6.3367817701122151</v>
      </c>
      <c r="M5319">
        <f t="shared" si="598"/>
        <v>0</v>
      </c>
      <c r="N5319" s="46">
        <f t="shared" si="599"/>
        <v>45512.208333320516</v>
      </c>
    </row>
    <row r="5320" spans="2:14" x14ac:dyDescent="0.3">
      <c r="B5320">
        <f t="shared" si="593"/>
        <v>4</v>
      </c>
      <c r="C5320" s="16">
        <v>5286</v>
      </c>
      <c r="D5320" cm="1">
        <f t="array" ref="D5320">IFERROR(INDEX(Jesper!AH$2:AH$366,ROUNDDOWN($C5320/24,0)+1,1)*INDEX($D$3:$AA$30,INDEX(Jesper!$R$2:$R$366,ROW(INDEX(Jesper!AH$2:AH$366,ROUNDDOWN($C5320/24,0)+1,1))-1)+IF('Standard Profiles'!$G$18=$B$10,7,0)+IF('Standard Profiles'!$G$18=$B$17,14,0)+IF('Standard Profiles'!$G$18=$B$24,21,0),MOD($C5320,24)+1)/SUM(INDEX($D$3:$AA$30,INDEX(Jesper!$R$2:$R$366,ROW(INDEX(Jesper!AH$2:AH$366,ROUNDDOWN($C5320/24,0)+1,1))-1)+IF('Standard Profiles'!$G$18=$B$10,7,0)+IF('Standard Profiles'!$G$18=$B$17,14,0)+IF('Standard Profiles'!$G$18=$B$24,21,0),0)),0)</f>
        <v>10.166771518139809</v>
      </c>
      <c r="E5320" cm="1">
        <f t="array" ref="E5320">IFERROR(INDEX(Jesper!AI$2:AI$366,ROUNDDOWN($C5320/24,0)+1,1)*INDEX($D$3:$AA$30,INDEX(Jesper!$R$2:$R$366,ROW(INDEX(Jesper!AI$2:AI$366,ROUNDDOWN($C5320/24,0)+1,1))-1)+IF('Standard Profiles'!$G$19=$B$10,7,0)+IF('Standard Profiles'!$G$19=$B$17,14,0)+IF('Standard Profiles'!$G$19=$B$24,21,0),MOD($C5320,24)+1)/SUM(INDEX($D$3:$AA$30,INDEX(Jesper!$R$2:$R$366,ROW(INDEX(Jesper!AI$2:AI$366,ROUNDDOWN($C5320/24,0)+1,1))-1)+IF('Standard Profiles'!$G$19=$B$10,7,0)+IF('Standard Profiles'!$G$19=$B$17,14,0)+IF('Standard Profiles'!$G$19=$B$24,21,0),0)),0)</f>
        <v>0</v>
      </c>
      <c r="F5320" cm="1">
        <f t="array" ref="F5320">IFERROR(INDEX(Jesper!AJ$2:AJ$366,ROUNDDOWN($C5320/24,0)+1,1)*INDEX($D$3:$AA$30,INDEX(Jesper!$R$2:$R$366,ROW(INDEX(Jesper!AJ$2:AJ$366,ROUNDDOWN($C5320/24,0)+1,1))-1)+IF('Standard Profiles'!$G$20=$B$10,7,0)+IF('Standard Profiles'!$G$20=$B$17,14,0)+IF('Standard Profiles'!$G$20=$B$24,21,0),MOD($C5320,24)+1)/SUM(INDEX($D$3:$AA$30,INDEX(Jesper!$R$2:$R$366,ROW(INDEX(Jesper!AJ$2:AJ$366,ROUNDDOWN($C5320/24,0)+1,1))-1)+IF('Standard Profiles'!$G$20=$B$10,7,0)+IF('Standard Profiles'!$G$20=$B$17,14,0)+IF('Standard Profiles'!$G$20=$B$24,21,0),0)),0)</f>
        <v>0</v>
      </c>
      <c r="G5320" cm="1">
        <f t="array" ref="G5320">IFERROR(INDEX(Jesper!AK$2:AK$366,ROUNDDOWN($C5320/24,0)+1,1)*INDEX($D$3:$AA$30,INDEX(Jesper!$R$2:$R$366,ROW(INDEX(Jesper!AK$2:AK$366,ROUNDDOWN($C5320/24,0)+1,1))-1)+IF('Standard Profiles'!$G$21=$B$10,7,0)+IF('Standard Profiles'!$G$21=$B$17,14,0)+IF('Standard Profiles'!$G$21=$B$24,21,0),MOD($C5320,24)+1)/SUM(INDEX($D$3:$AA$30,INDEX(Jesper!$R$2:$R$366,ROW(INDEX(Jesper!AK$2:AK$366,ROUNDDOWN($C5320/24,0)+1,1))-1)+IF('Standard Profiles'!$G$21=$B$10,7,0)+IF('Standard Profiles'!$G$21=$B$17,14,0)+IF('Standard Profiles'!$G$21=$B$24,21,0),0)),0)</f>
        <v>0</v>
      </c>
      <c r="H5320" cm="1">
        <f t="array" ref="H5320">IFERROR(INDEX(Jesper!AL$2:AL$366,ROUNDDOWN($C5320/24,0)+1,1)*INDEX($D$3:$AA$30,INDEX(Jesper!$R$2:$R$366,ROW(INDEX(Jesper!AL$2:AL$366,ROUNDDOWN($C5320/24,0)+1,1))-1)+IF('Standard Profiles'!$G$22=$B$10,7,0)+IF('Standard Profiles'!$G$22=$B$17,14,0)+IF('Standard Profiles'!$G$22=$B$24,21,0),MOD($C5320,24)+1)/SUM(INDEX($D$3:$AA$30,INDEX(Jesper!$R$2:$R$366,ROW(INDEX(Jesper!AL$2:AL$366,ROUNDDOWN($C5320/24,0)+1,1))-1)+IF('Standard Profiles'!$G$22=$B$10,7,0)+IF('Standard Profiles'!$G$22=$B$17,14,0)+IF('Standard Profiles'!$G$22=$B$24,21,0),0)),0)</f>
        <v>0</v>
      </c>
      <c r="I5320">
        <f t="shared" si="594"/>
        <v>0.30500314554419428</v>
      </c>
      <c r="J5320">
        <f t="shared" si="595"/>
        <v>1.016677151813981</v>
      </c>
      <c r="K5320">
        <f t="shared" si="596"/>
        <v>1.5250157277209713</v>
      </c>
      <c r="L5320">
        <f t="shared" si="597"/>
        <v>7.3200754930606626</v>
      </c>
      <c r="M5320">
        <f t="shared" si="598"/>
        <v>0</v>
      </c>
      <c r="N5320" s="46">
        <f t="shared" si="599"/>
        <v>45512.24999998718</v>
      </c>
    </row>
    <row r="5321" spans="2:14" x14ac:dyDescent="0.3">
      <c r="B5321">
        <f t="shared" si="593"/>
        <v>4</v>
      </c>
      <c r="C5321" s="16">
        <v>5287</v>
      </c>
      <c r="D5321" cm="1">
        <f t="array" ref="D5321">IFERROR(INDEX(Jesper!AH$2:AH$366,ROUNDDOWN($C5321/24,0)+1,1)*INDEX($D$3:$AA$30,INDEX(Jesper!$R$2:$R$366,ROW(INDEX(Jesper!AH$2:AH$366,ROUNDDOWN($C5321/24,0)+1,1))-1)+IF('Standard Profiles'!$G$18=$B$10,7,0)+IF('Standard Profiles'!$G$18=$B$17,14,0)+IF('Standard Profiles'!$G$18=$B$24,21,0),MOD($C5321,24)+1)/SUM(INDEX($D$3:$AA$30,INDEX(Jesper!$R$2:$R$366,ROW(INDEX(Jesper!AH$2:AH$366,ROUNDDOWN($C5321/24,0)+1,1))-1)+IF('Standard Profiles'!$G$18=$B$10,7,0)+IF('Standard Profiles'!$G$18=$B$17,14,0)+IF('Standard Profiles'!$G$18=$B$24,21,0),0)),0)</f>
        <v>10.166771518139809</v>
      </c>
      <c r="E5321" cm="1">
        <f t="array" ref="E5321">IFERROR(INDEX(Jesper!AI$2:AI$366,ROUNDDOWN($C5321/24,0)+1,1)*INDEX($D$3:$AA$30,INDEX(Jesper!$R$2:$R$366,ROW(INDEX(Jesper!AI$2:AI$366,ROUNDDOWN($C5321/24,0)+1,1))-1)+IF('Standard Profiles'!$G$19=$B$10,7,0)+IF('Standard Profiles'!$G$19=$B$17,14,0)+IF('Standard Profiles'!$G$19=$B$24,21,0),MOD($C5321,24)+1)/SUM(INDEX($D$3:$AA$30,INDEX(Jesper!$R$2:$R$366,ROW(INDEX(Jesper!AI$2:AI$366,ROUNDDOWN($C5321/24,0)+1,1))-1)+IF('Standard Profiles'!$G$19=$B$10,7,0)+IF('Standard Profiles'!$G$19=$B$17,14,0)+IF('Standard Profiles'!$G$19=$B$24,21,0),0)),0)</f>
        <v>0</v>
      </c>
      <c r="F5321" cm="1">
        <f t="array" ref="F5321">IFERROR(INDEX(Jesper!AJ$2:AJ$366,ROUNDDOWN($C5321/24,0)+1,1)*INDEX($D$3:$AA$30,INDEX(Jesper!$R$2:$R$366,ROW(INDEX(Jesper!AJ$2:AJ$366,ROUNDDOWN($C5321/24,0)+1,1))-1)+IF('Standard Profiles'!$G$20=$B$10,7,0)+IF('Standard Profiles'!$G$20=$B$17,14,0)+IF('Standard Profiles'!$G$20=$B$24,21,0),MOD($C5321,24)+1)/SUM(INDEX($D$3:$AA$30,INDEX(Jesper!$R$2:$R$366,ROW(INDEX(Jesper!AJ$2:AJ$366,ROUNDDOWN($C5321/24,0)+1,1))-1)+IF('Standard Profiles'!$G$20=$B$10,7,0)+IF('Standard Profiles'!$G$20=$B$17,14,0)+IF('Standard Profiles'!$G$20=$B$24,21,0),0)),0)</f>
        <v>0</v>
      </c>
      <c r="G5321" cm="1">
        <f t="array" ref="G5321">IFERROR(INDEX(Jesper!AK$2:AK$366,ROUNDDOWN($C5321/24,0)+1,1)*INDEX($D$3:$AA$30,INDEX(Jesper!$R$2:$R$366,ROW(INDEX(Jesper!AK$2:AK$366,ROUNDDOWN($C5321/24,0)+1,1))-1)+IF('Standard Profiles'!$G$21=$B$10,7,0)+IF('Standard Profiles'!$G$21=$B$17,14,0)+IF('Standard Profiles'!$G$21=$B$24,21,0),MOD($C5321,24)+1)/SUM(INDEX($D$3:$AA$30,INDEX(Jesper!$R$2:$R$366,ROW(INDEX(Jesper!AK$2:AK$366,ROUNDDOWN($C5321/24,0)+1,1))-1)+IF('Standard Profiles'!$G$21=$B$10,7,0)+IF('Standard Profiles'!$G$21=$B$17,14,0)+IF('Standard Profiles'!$G$21=$B$24,21,0),0)),0)</f>
        <v>0</v>
      </c>
      <c r="H5321" cm="1">
        <f t="array" ref="H5321">IFERROR(INDEX(Jesper!AL$2:AL$366,ROUNDDOWN($C5321/24,0)+1,1)*INDEX($D$3:$AA$30,INDEX(Jesper!$R$2:$R$366,ROW(INDEX(Jesper!AL$2:AL$366,ROUNDDOWN($C5321/24,0)+1,1))-1)+IF('Standard Profiles'!$G$22=$B$10,7,0)+IF('Standard Profiles'!$G$22=$B$17,14,0)+IF('Standard Profiles'!$G$22=$B$24,21,0),MOD($C5321,24)+1)/SUM(INDEX($D$3:$AA$30,INDEX(Jesper!$R$2:$R$366,ROW(INDEX(Jesper!AL$2:AL$366,ROUNDDOWN($C5321/24,0)+1,1))-1)+IF('Standard Profiles'!$G$22=$B$10,7,0)+IF('Standard Profiles'!$G$22=$B$17,14,0)+IF('Standard Profiles'!$G$22=$B$24,21,0),0)),0)</f>
        <v>0</v>
      </c>
      <c r="I5321">
        <f t="shared" si="594"/>
        <v>0.30500314554419428</v>
      </c>
      <c r="J5321">
        <f t="shared" si="595"/>
        <v>1.016677151813981</v>
      </c>
      <c r="K5321">
        <f t="shared" si="596"/>
        <v>1.5250157277209713</v>
      </c>
      <c r="L5321">
        <f t="shared" si="597"/>
        <v>7.3200754930606626</v>
      </c>
      <c r="M5321">
        <f t="shared" si="598"/>
        <v>0</v>
      </c>
      <c r="N5321" s="46">
        <f t="shared" si="599"/>
        <v>45512.291666653844</v>
      </c>
    </row>
    <row r="5322" spans="2:14" x14ac:dyDescent="0.3">
      <c r="B5322">
        <f t="shared" si="593"/>
        <v>4</v>
      </c>
      <c r="C5322" s="16">
        <v>5288</v>
      </c>
      <c r="D5322" cm="1">
        <f t="array" ref="D5322">IFERROR(INDEX(Jesper!AH$2:AH$366,ROUNDDOWN($C5322/24,0)+1,1)*INDEX($D$3:$AA$30,INDEX(Jesper!$R$2:$R$366,ROW(INDEX(Jesper!AH$2:AH$366,ROUNDDOWN($C5322/24,0)+1,1))-1)+IF('Standard Profiles'!$G$18=$B$10,7,0)+IF('Standard Profiles'!$G$18=$B$17,14,0)+IF('Standard Profiles'!$G$18=$B$24,21,0),MOD($C5322,24)+1)/SUM(INDEX($D$3:$AA$30,INDEX(Jesper!$R$2:$R$366,ROW(INDEX(Jesper!AH$2:AH$366,ROUNDDOWN($C5322/24,0)+1,1))-1)+IF('Standard Profiles'!$G$18=$B$10,7,0)+IF('Standard Profiles'!$G$18=$B$17,14,0)+IF('Standard Profiles'!$G$18=$B$24,21,0),0)),0)</f>
        <v>10.166771518139809</v>
      </c>
      <c r="E5322" cm="1">
        <f t="array" ref="E5322">IFERROR(INDEX(Jesper!AI$2:AI$366,ROUNDDOWN($C5322/24,0)+1,1)*INDEX($D$3:$AA$30,INDEX(Jesper!$R$2:$R$366,ROW(INDEX(Jesper!AI$2:AI$366,ROUNDDOWN($C5322/24,0)+1,1))-1)+IF('Standard Profiles'!$G$19=$B$10,7,0)+IF('Standard Profiles'!$G$19=$B$17,14,0)+IF('Standard Profiles'!$G$19=$B$24,21,0),MOD($C5322,24)+1)/SUM(INDEX($D$3:$AA$30,INDEX(Jesper!$R$2:$R$366,ROW(INDEX(Jesper!AI$2:AI$366,ROUNDDOWN($C5322/24,0)+1,1))-1)+IF('Standard Profiles'!$G$19=$B$10,7,0)+IF('Standard Profiles'!$G$19=$B$17,14,0)+IF('Standard Profiles'!$G$19=$B$24,21,0),0)),0)</f>
        <v>0</v>
      </c>
      <c r="F5322" cm="1">
        <f t="array" ref="F5322">IFERROR(INDEX(Jesper!AJ$2:AJ$366,ROUNDDOWN($C5322/24,0)+1,1)*INDEX($D$3:$AA$30,INDEX(Jesper!$R$2:$R$366,ROW(INDEX(Jesper!AJ$2:AJ$366,ROUNDDOWN($C5322/24,0)+1,1))-1)+IF('Standard Profiles'!$G$20=$B$10,7,0)+IF('Standard Profiles'!$G$20=$B$17,14,0)+IF('Standard Profiles'!$G$20=$B$24,21,0),MOD($C5322,24)+1)/SUM(INDEX($D$3:$AA$30,INDEX(Jesper!$R$2:$R$366,ROW(INDEX(Jesper!AJ$2:AJ$366,ROUNDDOWN($C5322/24,0)+1,1))-1)+IF('Standard Profiles'!$G$20=$B$10,7,0)+IF('Standard Profiles'!$G$20=$B$17,14,0)+IF('Standard Profiles'!$G$20=$B$24,21,0),0)),0)</f>
        <v>0</v>
      </c>
      <c r="G5322" cm="1">
        <f t="array" ref="G5322">IFERROR(INDEX(Jesper!AK$2:AK$366,ROUNDDOWN($C5322/24,0)+1,1)*INDEX($D$3:$AA$30,INDEX(Jesper!$R$2:$R$366,ROW(INDEX(Jesper!AK$2:AK$366,ROUNDDOWN($C5322/24,0)+1,1))-1)+IF('Standard Profiles'!$G$21=$B$10,7,0)+IF('Standard Profiles'!$G$21=$B$17,14,0)+IF('Standard Profiles'!$G$21=$B$24,21,0),MOD($C5322,24)+1)/SUM(INDEX($D$3:$AA$30,INDEX(Jesper!$R$2:$R$366,ROW(INDEX(Jesper!AK$2:AK$366,ROUNDDOWN($C5322/24,0)+1,1))-1)+IF('Standard Profiles'!$G$21=$B$10,7,0)+IF('Standard Profiles'!$G$21=$B$17,14,0)+IF('Standard Profiles'!$G$21=$B$24,21,0),0)),0)</f>
        <v>0</v>
      </c>
      <c r="H5322" cm="1">
        <f t="array" ref="H5322">IFERROR(INDEX(Jesper!AL$2:AL$366,ROUNDDOWN($C5322/24,0)+1,1)*INDEX($D$3:$AA$30,INDEX(Jesper!$R$2:$R$366,ROW(INDEX(Jesper!AL$2:AL$366,ROUNDDOWN($C5322/24,0)+1,1))-1)+IF('Standard Profiles'!$G$22=$B$10,7,0)+IF('Standard Profiles'!$G$22=$B$17,14,0)+IF('Standard Profiles'!$G$22=$B$24,21,0),MOD($C5322,24)+1)/SUM(INDEX($D$3:$AA$30,INDEX(Jesper!$R$2:$R$366,ROW(INDEX(Jesper!AL$2:AL$366,ROUNDDOWN($C5322/24,0)+1,1))-1)+IF('Standard Profiles'!$G$22=$B$10,7,0)+IF('Standard Profiles'!$G$22=$B$17,14,0)+IF('Standard Profiles'!$G$22=$B$24,21,0),0)),0)</f>
        <v>0</v>
      </c>
      <c r="I5322">
        <f t="shared" si="594"/>
        <v>0.30500314554419428</v>
      </c>
      <c r="J5322">
        <f t="shared" si="595"/>
        <v>1.016677151813981</v>
      </c>
      <c r="K5322">
        <f t="shared" si="596"/>
        <v>1.5250157277209713</v>
      </c>
      <c r="L5322">
        <f t="shared" si="597"/>
        <v>7.3200754930606626</v>
      </c>
      <c r="M5322">
        <f t="shared" si="598"/>
        <v>0</v>
      </c>
      <c r="N5322" s="46">
        <f t="shared" si="599"/>
        <v>45512.333333320508</v>
      </c>
    </row>
    <row r="5323" spans="2:14" x14ac:dyDescent="0.3">
      <c r="B5323">
        <f t="shared" si="593"/>
        <v>4</v>
      </c>
      <c r="C5323" s="16">
        <v>5289</v>
      </c>
      <c r="D5323" cm="1">
        <f t="array" ref="D5323">IFERROR(INDEX(Jesper!AH$2:AH$366,ROUNDDOWN($C5323/24,0)+1,1)*INDEX($D$3:$AA$30,INDEX(Jesper!$R$2:$R$366,ROW(INDEX(Jesper!AH$2:AH$366,ROUNDDOWN($C5323/24,0)+1,1))-1)+IF('Standard Profiles'!$G$18=$B$10,7,0)+IF('Standard Profiles'!$G$18=$B$17,14,0)+IF('Standard Profiles'!$G$18=$B$24,21,0),MOD($C5323,24)+1)/SUM(INDEX($D$3:$AA$30,INDEX(Jesper!$R$2:$R$366,ROW(INDEX(Jesper!AH$2:AH$366,ROUNDDOWN($C5323/24,0)+1,1))-1)+IF('Standard Profiles'!$G$18=$B$10,7,0)+IF('Standard Profiles'!$G$18=$B$17,14,0)+IF('Standard Profiles'!$G$18=$B$24,21,0),0)),0)</f>
        <v>10.925485810538301</v>
      </c>
      <c r="E5323" cm="1">
        <f t="array" ref="E5323">IFERROR(INDEX(Jesper!AI$2:AI$366,ROUNDDOWN($C5323/24,0)+1,1)*INDEX($D$3:$AA$30,INDEX(Jesper!$R$2:$R$366,ROW(INDEX(Jesper!AI$2:AI$366,ROUNDDOWN($C5323/24,0)+1,1))-1)+IF('Standard Profiles'!$G$19=$B$10,7,0)+IF('Standard Profiles'!$G$19=$B$17,14,0)+IF('Standard Profiles'!$G$19=$B$24,21,0),MOD($C5323,24)+1)/SUM(INDEX($D$3:$AA$30,INDEX(Jesper!$R$2:$R$366,ROW(INDEX(Jesper!AI$2:AI$366,ROUNDDOWN($C5323/24,0)+1,1))-1)+IF('Standard Profiles'!$G$19=$B$10,7,0)+IF('Standard Profiles'!$G$19=$B$17,14,0)+IF('Standard Profiles'!$G$19=$B$24,21,0),0)),0)</f>
        <v>0</v>
      </c>
      <c r="F5323" cm="1">
        <f t="array" ref="F5323">IFERROR(INDEX(Jesper!AJ$2:AJ$366,ROUNDDOWN($C5323/24,0)+1,1)*INDEX($D$3:$AA$30,INDEX(Jesper!$R$2:$R$366,ROW(INDEX(Jesper!AJ$2:AJ$366,ROUNDDOWN($C5323/24,0)+1,1))-1)+IF('Standard Profiles'!$G$20=$B$10,7,0)+IF('Standard Profiles'!$G$20=$B$17,14,0)+IF('Standard Profiles'!$G$20=$B$24,21,0),MOD($C5323,24)+1)/SUM(INDEX($D$3:$AA$30,INDEX(Jesper!$R$2:$R$366,ROW(INDEX(Jesper!AJ$2:AJ$366,ROUNDDOWN($C5323/24,0)+1,1))-1)+IF('Standard Profiles'!$G$20=$B$10,7,0)+IF('Standard Profiles'!$G$20=$B$17,14,0)+IF('Standard Profiles'!$G$20=$B$24,21,0),0)),0)</f>
        <v>0</v>
      </c>
      <c r="G5323" cm="1">
        <f t="array" ref="G5323">IFERROR(INDEX(Jesper!AK$2:AK$366,ROUNDDOWN($C5323/24,0)+1,1)*INDEX($D$3:$AA$30,INDEX(Jesper!$R$2:$R$366,ROW(INDEX(Jesper!AK$2:AK$366,ROUNDDOWN($C5323/24,0)+1,1))-1)+IF('Standard Profiles'!$G$21=$B$10,7,0)+IF('Standard Profiles'!$G$21=$B$17,14,0)+IF('Standard Profiles'!$G$21=$B$24,21,0),MOD($C5323,24)+1)/SUM(INDEX($D$3:$AA$30,INDEX(Jesper!$R$2:$R$366,ROW(INDEX(Jesper!AK$2:AK$366,ROUNDDOWN($C5323/24,0)+1,1))-1)+IF('Standard Profiles'!$G$21=$B$10,7,0)+IF('Standard Profiles'!$G$21=$B$17,14,0)+IF('Standard Profiles'!$G$21=$B$24,21,0),0)),0)</f>
        <v>0</v>
      </c>
      <c r="H5323" cm="1">
        <f t="array" ref="H5323">IFERROR(INDEX(Jesper!AL$2:AL$366,ROUNDDOWN($C5323/24,0)+1,1)*INDEX($D$3:$AA$30,INDEX(Jesper!$R$2:$R$366,ROW(INDEX(Jesper!AL$2:AL$366,ROUNDDOWN($C5323/24,0)+1,1))-1)+IF('Standard Profiles'!$G$22=$B$10,7,0)+IF('Standard Profiles'!$G$22=$B$17,14,0)+IF('Standard Profiles'!$G$22=$B$24,21,0),MOD($C5323,24)+1)/SUM(INDEX($D$3:$AA$30,INDEX(Jesper!$R$2:$R$366,ROW(INDEX(Jesper!AL$2:AL$366,ROUNDDOWN($C5323/24,0)+1,1))-1)+IF('Standard Profiles'!$G$22=$B$10,7,0)+IF('Standard Profiles'!$G$22=$B$17,14,0)+IF('Standard Profiles'!$G$22=$B$24,21,0),0)),0)</f>
        <v>0</v>
      </c>
      <c r="I5323">
        <f t="shared" si="594"/>
        <v>0.32776457431614903</v>
      </c>
      <c r="J5323">
        <f t="shared" si="595"/>
        <v>1.0925485810538302</v>
      </c>
      <c r="K5323">
        <f t="shared" si="596"/>
        <v>1.6388228715807451</v>
      </c>
      <c r="L5323">
        <f t="shared" si="597"/>
        <v>7.8663497835875766</v>
      </c>
      <c r="M5323">
        <f t="shared" si="598"/>
        <v>0</v>
      </c>
      <c r="N5323" s="46">
        <f t="shared" si="599"/>
        <v>45512.374999987172</v>
      </c>
    </row>
    <row r="5324" spans="2:14" x14ac:dyDescent="0.3">
      <c r="B5324">
        <f t="shared" si="593"/>
        <v>4</v>
      </c>
      <c r="C5324" s="16">
        <v>5290</v>
      </c>
      <c r="D5324" cm="1">
        <f t="array" ref="D5324">IFERROR(INDEX(Jesper!AH$2:AH$366,ROUNDDOWN($C5324/24,0)+1,1)*INDEX($D$3:$AA$30,INDEX(Jesper!$R$2:$R$366,ROW(INDEX(Jesper!AH$2:AH$366,ROUNDDOWN($C5324/24,0)+1,1))-1)+IF('Standard Profiles'!$G$18=$B$10,7,0)+IF('Standard Profiles'!$G$18=$B$17,14,0)+IF('Standard Profiles'!$G$18=$B$24,21,0),MOD($C5324,24)+1)/SUM(INDEX($D$3:$AA$30,INDEX(Jesper!$R$2:$R$366,ROW(INDEX(Jesper!AH$2:AH$366,ROUNDDOWN($C5324/24,0)+1,1))-1)+IF('Standard Profiles'!$G$18=$B$10,7,0)+IF('Standard Profiles'!$G$18=$B$17,14,0)+IF('Standard Profiles'!$G$18=$B$24,21,0),0)),0)</f>
        <v>11.835942961416494</v>
      </c>
      <c r="E5324" cm="1">
        <f t="array" ref="E5324">IFERROR(INDEX(Jesper!AI$2:AI$366,ROUNDDOWN($C5324/24,0)+1,1)*INDEX($D$3:$AA$30,INDEX(Jesper!$R$2:$R$366,ROW(INDEX(Jesper!AI$2:AI$366,ROUNDDOWN($C5324/24,0)+1,1))-1)+IF('Standard Profiles'!$G$19=$B$10,7,0)+IF('Standard Profiles'!$G$19=$B$17,14,0)+IF('Standard Profiles'!$G$19=$B$24,21,0),MOD($C5324,24)+1)/SUM(INDEX($D$3:$AA$30,INDEX(Jesper!$R$2:$R$366,ROW(INDEX(Jesper!AI$2:AI$366,ROUNDDOWN($C5324/24,0)+1,1))-1)+IF('Standard Profiles'!$G$19=$B$10,7,0)+IF('Standard Profiles'!$G$19=$B$17,14,0)+IF('Standard Profiles'!$G$19=$B$24,21,0),0)),0)</f>
        <v>0</v>
      </c>
      <c r="F5324" cm="1">
        <f t="array" ref="F5324">IFERROR(INDEX(Jesper!AJ$2:AJ$366,ROUNDDOWN($C5324/24,0)+1,1)*INDEX($D$3:$AA$30,INDEX(Jesper!$R$2:$R$366,ROW(INDEX(Jesper!AJ$2:AJ$366,ROUNDDOWN($C5324/24,0)+1,1))-1)+IF('Standard Profiles'!$G$20=$B$10,7,0)+IF('Standard Profiles'!$G$20=$B$17,14,0)+IF('Standard Profiles'!$G$20=$B$24,21,0),MOD($C5324,24)+1)/SUM(INDEX($D$3:$AA$30,INDEX(Jesper!$R$2:$R$366,ROW(INDEX(Jesper!AJ$2:AJ$366,ROUNDDOWN($C5324/24,0)+1,1))-1)+IF('Standard Profiles'!$G$20=$B$10,7,0)+IF('Standard Profiles'!$G$20=$B$17,14,0)+IF('Standard Profiles'!$G$20=$B$24,21,0),0)),0)</f>
        <v>0</v>
      </c>
      <c r="G5324" cm="1">
        <f t="array" ref="G5324">IFERROR(INDEX(Jesper!AK$2:AK$366,ROUNDDOWN($C5324/24,0)+1,1)*INDEX($D$3:$AA$30,INDEX(Jesper!$R$2:$R$366,ROW(INDEX(Jesper!AK$2:AK$366,ROUNDDOWN($C5324/24,0)+1,1))-1)+IF('Standard Profiles'!$G$21=$B$10,7,0)+IF('Standard Profiles'!$G$21=$B$17,14,0)+IF('Standard Profiles'!$G$21=$B$24,21,0),MOD($C5324,24)+1)/SUM(INDEX($D$3:$AA$30,INDEX(Jesper!$R$2:$R$366,ROW(INDEX(Jesper!AK$2:AK$366,ROUNDDOWN($C5324/24,0)+1,1))-1)+IF('Standard Profiles'!$G$21=$B$10,7,0)+IF('Standard Profiles'!$G$21=$B$17,14,0)+IF('Standard Profiles'!$G$21=$B$24,21,0),0)),0)</f>
        <v>0</v>
      </c>
      <c r="H5324" cm="1">
        <f t="array" ref="H5324">IFERROR(INDEX(Jesper!AL$2:AL$366,ROUNDDOWN($C5324/24,0)+1,1)*INDEX($D$3:$AA$30,INDEX(Jesper!$R$2:$R$366,ROW(INDEX(Jesper!AL$2:AL$366,ROUNDDOWN($C5324/24,0)+1,1))-1)+IF('Standard Profiles'!$G$22=$B$10,7,0)+IF('Standard Profiles'!$G$22=$B$17,14,0)+IF('Standard Profiles'!$G$22=$B$24,21,0),MOD($C5324,24)+1)/SUM(INDEX($D$3:$AA$30,INDEX(Jesper!$R$2:$R$366,ROW(INDEX(Jesper!AL$2:AL$366,ROUNDDOWN($C5324/24,0)+1,1))-1)+IF('Standard Profiles'!$G$22=$B$10,7,0)+IF('Standard Profiles'!$G$22=$B$17,14,0)+IF('Standard Profiles'!$G$22=$B$24,21,0),0)),0)</f>
        <v>0</v>
      </c>
      <c r="I5324">
        <f t="shared" si="594"/>
        <v>0.35507828884249482</v>
      </c>
      <c r="J5324">
        <f t="shared" si="595"/>
        <v>1.1835942961416495</v>
      </c>
      <c r="K5324">
        <f t="shared" si="596"/>
        <v>1.7753914442124741</v>
      </c>
      <c r="L5324">
        <f t="shared" si="597"/>
        <v>8.5218789322198756</v>
      </c>
      <c r="M5324">
        <f t="shared" si="598"/>
        <v>0</v>
      </c>
      <c r="N5324" s="46">
        <f t="shared" si="599"/>
        <v>45512.416666653837</v>
      </c>
    </row>
    <row r="5325" spans="2:14" x14ac:dyDescent="0.3">
      <c r="B5325">
        <f t="shared" si="593"/>
        <v>4</v>
      </c>
      <c r="C5325" s="16">
        <v>5291</v>
      </c>
      <c r="D5325" cm="1">
        <f t="array" ref="D5325">IFERROR(INDEX(Jesper!AH$2:AH$366,ROUNDDOWN($C5325/24,0)+1,1)*INDEX($D$3:$AA$30,INDEX(Jesper!$R$2:$R$366,ROW(INDEX(Jesper!AH$2:AH$366,ROUNDDOWN($C5325/24,0)+1,1))-1)+IF('Standard Profiles'!$G$18=$B$10,7,0)+IF('Standard Profiles'!$G$18=$B$17,14,0)+IF('Standard Profiles'!$G$18=$B$24,21,0),MOD($C5325,24)+1)/SUM(INDEX($D$3:$AA$30,INDEX(Jesper!$R$2:$R$366,ROW(INDEX(Jesper!AH$2:AH$366,ROUNDDOWN($C5325/24,0)+1,1))-1)+IF('Standard Profiles'!$G$18=$B$10,7,0)+IF('Standard Profiles'!$G$18=$B$17,14,0)+IF('Standard Profiles'!$G$18=$B$24,21,0),0)),0)</f>
        <v>13.656857263172876</v>
      </c>
      <c r="E5325" cm="1">
        <f t="array" ref="E5325">IFERROR(INDEX(Jesper!AI$2:AI$366,ROUNDDOWN($C5325/24,0)+1,1)*INDEX($D$3:$AA$30,INDEX(Jesper!$R$2:$R$366,ROW(INDEX(Jesper!AI$2:AI$366,ROUNDDOWN($C5325/24,0)+1,1))-1)+IF('Standard Profiles'!$G$19=$B$10,7,0)+IF('Standard Profiles'!$G$19=$B$17,14,0)+IF('Standard Profiles'!$G$19=$B$24,21,0),MOD($C5325,24)+1)/SUM(INDEX($D$3:$AA$30,INDEX(Jesper!$R$2:$R$366,ROW(INDEX(Jesper!AI$2:AI$366,ROUNDDOWN($C5325/24,0)+1,1))-1)+IF('Standard Profiles'!$G$19=$B$10,7,0)+IF('Standard Profiles'!$G$19=$B$17,14,0)+IF('Standard Profiles'!$G$19=$B$24,21,0),0)),0)</f>
        <v>0</v>
      </c>
      <c r="F5325" cm="1">
        <f t="array" ref="F5325">IFERROR(INDEX(Jesper!AJ$2:AJ$366,ROUNDDOWN($C5325/24,0)+1,1)*INDEX($D$3:$AA$30,INDEX(Jesper!$R$2:$R$366,ROW(INDEX(Jesper!AJ$2:AJ$366,ROUNDDOWN($C5325/24,0)+1,1))-1)+IF('Standard Profiles'!$G$20=$B$10,7,0)+IF('Standard Profiles'!$G$20=$B$17,14,0)+IF('Standard Profiles'!$G$20=$B$24,21,0),MOD($C5325,24)+1)/SUM(INDEX($D$3:$AA$30,INDEX(Jesper!$R$2:$R$366,ROW(INDEX(Jesper!AJ$2:AJ$366,ROUNDDOWN($C5325/24,0)+1,1))-1)+IF('Standard Profiles'!$G$20=$B$10,7,0)+IF('Standard Profiles'!$G$20=$B$17,14,0)+IF('Standard Profiles'!$G$20=$B$24,21,0),0)),0)</f>
        <v>0</v>
      </c>
      <c r="G5325" cm="1">
        <f t="array" ref="G5325">IFERROR(INDEX(Jesper!AK$2:AK$366,ROUNDDOWN($C5325/24,0)+1,1)*INDEX($D$3:$AA$30,INDEX(Jesper!$R$2:$R$366,ROW(INDEX(Jesper!AK$2:AK$366,ROUNDDOWN($C5325/24,0)+1,1))-1)+IF('Standard Profiles'!$G$21=$B$10,7,0)+IF('Standard Profiles'!$G$21=$B$17,14,0)+IF('Standard Profiles'!$G$21=$B$24,21,0),MOD($C5325,24)+1)/SUM(INDEX($D$3:$AA$30,INDEX(Jesper!$R$2:$R$366,ROW(INDEX(Jesper!AK$2:AK$366,ROUNDDOWN($C5325/24,0)+1,1))-1)+IF('Standard Profiles'!$G$21=$B$10,7,0)+IF('Standard Profiles'!$G$21=$B$17,14,0)+IF('Standard Profiles'!$G$21=$B$24,21,0),0)),0)</f>
        <v>0</v>
      </c>
      <c r="H5325" cm="1">
        <f t="array" ref="H5325">IFERROR(INDEX(Jesper!AL$2:AL$366,ROUNDDOWN($C5325/24,0)+1,1)*INDEX($D$3:$AA$30,INDEX(Jesper!$R$2:$R$366,ROW(INDEX(Jesper!AL$2:AL$366,ROUNDDOWN($C5325/24,0)+1,1))-1)+IF('Standard Profiles'!$G$22=$B$10,7,0)+IF('Standard Profiles'!$G$22=$B$17,14,0)+IF('Standard Profiles'!$G$22=$B$24,21,0),MOD($C5325,24)+1)/SUM(INDEX($D$3:$AA$30,INDEX(Jesper!$R$2:$R$366,ROW(INDEX(Jesper!AL$2:AL$366,ROUNDDOWN($C5325/24,0)+1,1))-1)+IF('Standard Profiles'!$G$22=$B$10,7,0)+IF('Standard Profiles'!$G$22=$B$17,14,0)+IF('Standard Profiles'!$G$22=$B$24,21,0),0)),0)</f>
        <v>0</v>
      </c>
      <c r="I5325">
        <f t="shared" si="594"/>
        <v>0.40970571789518628</v>
      </c>
      <c r="J5325">
        <f t="shared" si="595"/>
        <v>1.3656857263172877</v>
      </c>
      <c r="K5325">
        <f t="shared" si="596"/>
        <v>2.0485285894759313</v>
      </c>
      <c r="L5325">
        <f t="shared" si="597"/>
        <v>9.8329372294844699</v>
      </c>
      <c r="M5325">
        <f t="shared" si="598"/>
        <v>0</v>
      </c>
      <c r="N5325" s="46">
        <f t="shared" si="599"/>
        <v>45512.458333320501</v>
      </c>
    </row>
    <row r="5326" spans="2:14" x14ac:dyDescent="0.3">
      <c r="B5326">
        <f t="shared" si="593"/>
        <v>4</v>
      </c>
      <c r="C5326" s="16">
        <v>5292</v>
      </c>
      <c r="D5326" cm="1">
        <f t="array" ref="D5326">IFERROR(INDEX(Jesper!AH$2:AH$366,ROUNDDOWN($C5326/24,0)+1,1)*INDEX($D$3:$AA$30,INDEX(Jesper!$R$2:$R$366,ROW(INDEX(Jesper!AH$2:AH$366,ROUNDDOWN($C5326/24,0)+1,1))-1)+IF('Standard Profiles'!$G$18=$B$10,7,0)+IF('Standard Profiles'!$G$18=$B$17,14,0)+IF('Standard Profiles'!$G$18=$B$24,21,0),MOD($C5326,24)+1)/SUM(INDEX($D$3:$AA$30,INDEX(Jesper!$R$2:$R$366,ROW(INDEX(Jesper!AH$2:AH$366,ROUNDDOWN($C5326/24,0)+1,1))-1)+IF('Standard Profiles'!$G$18=$B$10,7,0)+IF('Standard Profiles'!$G$18=$B$17,14,0)+IF('Standard Profiles'!$G$18=$B$24,21,0),0)),0)</f>
        <v>13.656857263172876</v>
      </c>
      <c r="E5326" cm="1">
        <f t="array" ref="E5326">IFERROR(INDEX(Jesper!AI$2:AI$366,ROUNDDOWN($C5326/24,0)+1,1)*INDEX($D$3:$AA$30,INDEX(Jesper!$R$2:$R$366,ROW(INDEX(Jesper!AI$2:AI$366,ROUNDDOWN($C5326/24,0)+1,1))-1)+IF('Standard Profiles'!$G$19=$B$10,7,0)+IF('Standard Profiles'!$G$19=$B$17,14,0)+IF('Standard Profiles'!$G$19=$B$24,21,0),MOD($C5326,24)+1)/SUM(INDEX($D$3:$AA$30,INDEX(Jesper!$R$2:$R$366,ROW(INDEX(Jesper!AI$2:AI$366,ROUNDDOWN($C5326/24,0)+1,1))-1)+IF('Standard Profiles'!$G$19=$B$10,7,0)+IF('Standard Profiles'!$G$19=$B$17,14,0)+IF('Standard Profiles'!$G$19=$B$24,21,0),0)),0)</f>
        <v>0</v>
      </c>
      <c r="F5326" cm="1">
        <f t="array" ref="F5326">IFERROR(INDEX(Jesper!AJ$2:AJ$366,ROUNDDOWN($C5326/24,0)+1,1)*INDEX($D$3:$AA$30,INDEX(Jesper!$R$2:$R$366,ROW(INDEX(Jesper!AJ$2:AJ$366,ROUNDDOWN($C5326/24,0)+1,1))-1)+IF('Standard Profiles'!$G$20=$B$10,7,0)+IF('Standard Profiles'!$G$20=$B$17,14,0)+IF('Standard Profiles'!$G$20=$B$24,21,0),MOD($C5326,24)+1)/SUM(INDEX($D$3:$AA$30,INDEX(Jesper!$R$2:$R$366,ROW(INDEX(Jesper!AJ$2:AJ$366,ROUNDDOWN($C5326/24,0)+1,1))-1)+IF('Standard Profiles'!$G$20=$B$10,7,0)+IF('Standard Profiles'!$G$20=$B$17,14,0)+IF('Standard Profiles'!$G$20=$B$24,21,0),0)),0)</f>
        <v>0</v>
      </c>
      <c r="G5326" cm="1">
        <f t="array" ref="G5326">IFERROR(INDEX(Jesper!AK$2:AK$366,ROUNDDOWN($C5326/24,0)+1,1)*INDEX($D$3:$AA$30,INDEX(Jesper!$R$2:$R$366,ROW(INDEX(Jesper!AK$2:AK$366,ROUNDDOWN($C5326/24,0)+1,1))-1)+IF('Standard Profiles'!$G$21=$B$10,7,0)+IF('Standard Profiles'!$G$21=$B$17,14,0)+IF('Standard Profiles'!$G$21=$B$24,21,0),MOD($C5326,24)+1)/SUM(INDEX($D$3:$AA$30,INDEX(Jesper!$R$2:$R$366,ROW(INDEX(Jesper!AK$2:AK$366,ROUNDDOWN($C5326/24,0)+1,1))-1)+IF('Standard Profiles'!$G$21=$B$10,7,0)+IF('Standard Profiles'!$G$21=$B$17,14,0)+IF('Standard Profiles'!$G$21=$B$24,21,0),0)),0)</f>
        <v>0</v>
      </c>
      <c r="H5326" cm="1">
        <f t="array" ref="H5326">IFERROR(INDEX(Jesper!AL$2:AL$366,ROUNDDOWN($C5326/24,0)+1,1)*INDEX($D$3:$AA$30,INDEX(Jesper!$R$2:$R$366,ROW(INDEX(Jesper!AL$2:AL$366,ROUNDDOWN($C5326/24,0)+1,1))-1)+IF('Standard Profiles'!$G$22=$B$10,7,0)+IF('Standard Profiles'!$G$22=$B$17,14,0)+IF('Standard Profiles'!$G$22=$B$24,21,0),MOD($C5326,24)+1)/SUM(INDEX($D$3:$AA$30,INDEX(Jesper!$R$2:$R$366,ROW(INDEX(Jesper!AL$2:AL$366,ROUNDDOWN($C5326/24,0)+1,1))-1)+IF('Standard Profiles'!$G$22=$B$10,7,0)+IF('Standard Profiles'!$G$22=$B$17,14,0)+IF('Standard Profiles'!$G$22=$B$24,21,0),0)),0)</f>
        <v>0</v>
      </c>
      <c r="I5326">
        <f t="shared" si="594"/>
        <v>0.40970571789518628</v>
      </c>
      <c r="J5326">
        <f t="shared" si="595"/>
        <v>1.3656857263172877</v>
      </c>
      <c r="K5326">
        <f t="shared" si="596"/>
        <v>2.0485285894759313</v>
      </c>
      <c r="L5326">
        <f t="shared" si="597"/>
        <v>9.8329372294844699</v>
      </c>
      <c r="M5326">
        <f t="shared" si="598"/>
        <v>0</v>
      </c>
      <c r="N5326" s="46">
        <f t="shared" si="599"/>
        <v>45512.499999987165</v>
      </c>
    </row>
    <row r="5327" spans="2:14" x14ac:dyDescent="0.3">
      <c r="B5327">
        <f t="shared" si="593"/>
        <v>4</v>
      </c>
      <c r="C5327" s="16">
        <v>5293</v>
      </c>
      <c r="D5327" cm="1">
        <f t="array" ref="D5327">IFERROR(INDEX(Jesper!AH$2:AH$366,ROUNDDOWN($C5327/24,0)+1,1)*INDEX($D$3:$AA$30,INDEX(Jesper!$R$2:$R$366,ROW(INDEX(Jesper!AH$2:AH$366,ROUNDDOWN($C5327/24,0)+1,1))-1)+IF('Standard Profiles'!$G$18=$B$10,7,0)+IF('Standard Profiles'!$G$18=$B$17,14,0)+IF('Standard Profiles'!$G$18=$B$24,21,0),MOD($C5327,24)+1)/SUM(INDEX($D$3:$AA$30,INDEX(Jesper!$R$2:$R$366,ROW(INDEX(Jesper!AH$2:AH$366,ROUNDDOWN($C5327/24,0)+1,1))-1)+IF('Standard Profiles'!$G$18=$B$10,7,0)+IF('Standard Profiles'!$G$18=$B$17,14,0)+IF('Standard Profiles'!$G$18=$B$24,21,0),0)),0)</f>
        <v>13.656857263172876</v>
      </c>
      <c r="E5327" cm="1">
        <f t="array" ref="E5327">IFERROR(INDEX(Jesper!AI$2:AI$366,ROUNDDOWN($C5327/24,0)+1,1)*INDEX($D$3:$AA$30,INDEX(Jesper!$R$2:$R$366,ROW(INDEX(Jesper!AI$2:AI$366,ROUNDDOWN($C5327/24,0)+1,1))-1)+IF('Standard Profiles'!$G$19=$B$10,7,0)+IF('Standard Profiles'!$G$19=$B$17,14,0)+IF('Standard Profiles'!$G$19=$B$24,21,0),MOD($C5327,24)+1)/SUM(INDEX($D$3:$AA$30,INDEX(Jesper!$R$2:$R$366,ROW(INDEX(Jesper!AI$2:AI$366,ROUNDDOWN($C5327/24,0)+1,1))-1)+IF('Standard Profiles'!$G$19=$B$10,7,0)+IF('Standard Profiles'!$G$19=$B$17,14,0)+IF('Standard Profiles'!$G$19=$B$24,21,0),0)),0)</f>
        <v>0</v>
      </c>
      <c r="F5327" cm="1">
        <f t="array" ref="F5327">IFERROR(INDEX(Jesper!AJ$2:AJ$366,ROUNDDOWN($C5327/24,0)+1,1)*INDEX($D$3:$AA$30,INDEX(Jesper!$R$2:$R$366,ROW(INDEX(Jesper!AJ$2:AJ$366,ROUNDDOWN($C5327/24,0)+1,1))-1)+IF('Standard Profiles'!$G$20=$B$10,7,0)+IF('Standard Profiles'!$G$20=$B$17,14,0)+IF('Standard Profiles'!$G$20=$B$24,21,0),MOD($C5327,24)+1)/SUM(INDEX($D$3:$AA$30,INDEX(Jesper!$R$2:$R$366,ROW(INDEX(Jesper!AJ$2:AJ$366,ROUNDDOWN($C5327/24,0)+1,1))-1)+IF('Standard Profiles'!$G$20=$B$10,7,0)+IF('Standard Profiles'!$G$20=$B$17,14,0)+IF('Standard Profiles'!$G$20=$B$24,21,0),0)),0)</f>
        <v>0</v>
      </c>
      <c r="G5327" cm="1">
        <f t="array" ref="G5327">IFERROR(INDEX(Jesper!AK$2:AK$366,ROUNDDOWN($C5327/24,0)+1,1)*INDEX($D$3:$AA$30,INDEX(Jesper!$R$2:$R$366,ROW(INDEX(Jesper!AK$2:AK$366,ROUNDDOWN($C5327/24,0)+1,1))-1)+IF('Standard Profiles'!$G$21=$B$10,7,0)+IF('Standard Profiles'!$G$21=$B$17,14,0)+IF('Standard Profiles'!$G$21=$B$24,21,0),MOD($C5327,24)+1)/SUM(INDEX($D$3:$AA$30,INDEX(Jesper!$R$2:$R$366,ROW(INDEX(Jesper!AK$2:AK$366,ROUNDDOWN($C5327/24,0)+1,1))-1)+IF('Standard Profiles'!$G$21=$B$10,7,0)+IF('Standard Profiles'!$G$21=$B$17,14,0)+IF('Standard Profiles'!$G$21=$B$24,21,0),0)),0)</f>
        <v>0</v>
      </c>
      <c r="H5327" cm="1">
        <f t="array" ref="H5327">IFERROR(INDEX(Jesper!AL$2:AL$366,ROUNDDOWN($C5327/24,0)+1,1)*INDEX($D$3:$AA$30,INDEX(Jesper!$R$2:$R$366,ROW(INDEX(Jesper!AL$2:AL$366,ROUNDDOWN($C5327/24,0)+1,1))-1)+IF('Standard Profiles'!$G$22=$B$10,7,0)+IF('Standard Profiles'!$G$22=$B$17,14,0)+IF('Standard Profiles'!$G$22=$B$24,21,0),MOD($C5327,24)+1)/SUM(INDEX($D$3:$AA$30,INDEX(Jesper!$R$2:$R$366,ROW(INDEX(Jesper!AL$2:AL$366,ROUNDDOWN($C5327/24,0)+1,1))-1)+IF('Standard Profiles'!$G$22=$B$10,7,0)+IF('Standard Profiles'!$G$22=$B$17,14,0)+IF('Standard Profiles'!$G$22=$B$24,21,0),0)),0)</f>
        <v>0</v>
      </c>
      <c r="I5327">
        <f t="shared" si="594"/>
        <v>0.40970571789518628</v>
      </c>
      <c r="J5327">
        <f t="shared" si="595"/>
        <v>1.3656857263172877</v>
      </c>
      <c r="K5327">
        <f t="shared" si="596"/>
        <v>2.0485285894759313</v>
      </c>
      <c r="L5327">
        <f t="shared" si="597"/>
        <v>9.8329372294844699</v>
      </c>
      <c r="M5327">
        <f t="shared" si="598"/>
        <v>0</v>
      </c>
      <c r="N5327" s="46">
        <f t="shared" si="599"/>
        <v>45512.541666653829</v>
      </c>
    </row>
    <row r="5328" spans="2:14" x14ac:dyDescent="0.3">
      <c r="B5328">
        <f t="shared" si="593"/>
        <v>4</v>
      </c>
      <c r="C5328" s="16">
        <v>5294</v>
      </c>
      <c r="D5328" cm="1">
        <f t="array" ref="D5328">IFERROR(INDEX(Jesper!AH$2:AH$366,ROUNDDOWN($C5328/24,0)+1,1)*INDEX($D$3:$AA$30,INDEX(Jesper!$R$2:$R$366,ROW(INDEX(Jesper!AH$2:AH$366,ROUNDDOWN($C5328/24,0)+1,1))-1)+IF('Standard Profiles'!$G$18=$B$10,7,0)+IF('Standard Profiles'!$G$18=$B$17,14,0)+IF('Standard Profiles'!$G$18=$B$24,21,0),MOD($C5328,24)+1)/SUM(INDEX($D$3:$AA$30,INDEX(Jesper!$R$2:$R$366,ROW(INDEX(Jesper!AH$2:AH$366,ROUNDDOWN($C5328/24,0)+1,1))-1)+IF('Standard Profiles'!$G$18=$B$10,7,0)+IF('Standard Profiles'!$G$18=$B$17,14,0)+IF('Standard Profiles'!$G$18=$B$24,21,0),0)),0)</f>
        <v>13.656857263172876</v>
      </c>
      <c r="E5328" cm="1">
        <f t="array" ref="E5328">IFERROR(INDEX(Jesper!AI$2:AI$366,ROUNDDOWN($C5328/24,0)+1,1)*INDEX($D$3:$AA$30,INDEX(Jesper!$R$2:$R$366,ROW(INDEX(Jesper!AI$2:AI$366,ROUNDDOWN($C5328/24,0)+1,1))-1)+IF('Standard Profiles'!$G$19=$B$10,7,0)+IF('Standard Profiles'!$G$19=$B$17,14,0)+IF('Standard Profiles'!$G$19=$B$24,21,0),MOD($C5328,24)+1)/SUM(INDEX($D$3:$AA$30,INDEX(Jesper!$R$2:$R$366,ROW(INDEX(Jesper!AI$2:AI$366,ROUNDDOWN($C5328/24,0)+1,1))-1)+IF('Standard Profiles'!$G$19=$B$10,7,0)+IF('Standard Profiles'!$G$19=$B$17,14,0)+IF('Standard Profiles'!$G$19=$B$24,21,0),0)),0)</f>
        <v>0</v>
      </c>
      <c r="F5328" cm="1">
        <f t="array" ref="F5328">IFERROR(INDEX(Jesper!AJ$2:AJ$366,ROUNDDOWN($C5328/24,0)+1,1)*INDEX($D$3:$AA$30,INDEX(Jesper!$R$2:$R$366,ROW(INDEX(Jesper!AJ$2:AJ$366,ROUNDDOWN($C5328/24,0)+1,1))-1)+IF('Standard Profiles'!$G$20=$B$10,7,0)+IF('Standard Profiles'!$G$20=$B$17,14,0)+IF('Standard Profiles'!$G$20=$B$24,21,0),MOD($C5328,24)+1)/SUM(INDEX($D$3:$AA$30,INDEX(Jesper!$R$2:$R$366,ROW(INDEX(Jesper!AJ$2:AJ$366,ROUNDDOWN($C5328/24,0)+1,1))-1)+IF('Standard Profiles'!$G$20=$B$10,7,0)+IF('Standard Profiles'!$G$20=$B$17,14,0)+IF('Standard Profiles'!$G$20=$B$24,21,0),0)),0)</f>
        <v>0</v>
      </c>
      <c r="G5328" cm="1">
        <f t="array" ref="G5328">IFERROR(INDEX(Jesper!AK$2:AK$366,ROUNDDOWN($C5328/24,0)+1,1)*INDEX($D$3:$AA$30,INDEX(Jesper!$R$2:$R$366,ROW(INDEX(Jesper!AK$2:AK$366,ROUNDDOWN($C5328/24,0)+1,1))-1)+IF('Standard Profiles'!$G$21=$B$10,7,0)+IF('Standard Profiles'!$G$21=$B$17,14,0)+IF('Standard Profiles'!$G$21=$B$24,21,0),MOD($C5328,24)+1)/SUM(INDEX($D$3:$AA$30,INDEX(Jesper!$R$2:$R$366,ROW(INDEX(Jesper!AK$2:AK$366,ROUNDDOWN($C5328/24,0)+1,1))-1)+IF('Standard Profiles'!$G$21=$B$10,7,0)+IF('Standard Profiles'!$G$21=$B$17,14,0)+IF('Standard Profiles'!$G$21=$B$24,21,0),0)),0)</f>
        <v>0</v>
      </c>
      <c r="H5328" cm="1">
        <f t="array" ref="H5328">IFERROR(INDEX(Jesper!AL$2:AL$366,ROUNDDOWN($C5328/24,0)+1,1)*INDEX($D$3:$AA$30,INDEX(Jesper!$R$2:$R$366,ROW(INDEX(Jesper!AL$2:AL$366,ROUNDDOWN($C5328/24,0)+1,1))-1)+IF('Standard Profiles'!$G$22=$B$10,7,0)+IF('Standard Profiles'!$G$22=$B$17,14,0)+IF('Standard Profiles'!$G$22=$B$24,21,0),MOD($C5328,24)+1)/SUM(INDEX($D$3:$AA$30,INDEX(Jesper!$R$2:$R$366,ROW(INDEX(Jesper!AL$2:AL$366,ROUNDDOWN($C5328/24,0)+1,1))-1)+IF('Standard Profiles'!$G$22=$B$10,7,0)+IF('Standard Profiles'!$G$22=$B$17,14,0)+IF('Standard Profiles'!$G$22=$B$24,21,0),0)),0)</f>
        <v>0</v>
      </c>
      <c r="I5328">
        <f t="shared" si="594"/>
        <v>0.40970571789518628</v>
      </c>
      <c r="J5328">
        <f t="shared" si="595"/>
        <v>1.3656857263172877</v>
      </c>
      <c r="K5328">
        <f t="shared" si="596"/>
        <v>2.0485285894759313</v>
      </c>
      <c r="L5328">
        <f t="shared" si="597"/>
        <v>9.8329372294844699</v>
      </c>
      <c r="M5328">
        <f t="shared" si="598"/>
        <v>0</v>
      </c>
      <c r="N5328" s="46">
        <f t="shared" si="599"/>
        <v>45512.583333320494</v>
      </c>
    </row>
    <row r="5329" spans="2:14" x14ac:dyDescent="0.3">
      <c r="B5329">
        <f t="shared" si="593"/>
        <v>4</v>
      </c>
      <c r="C5329" s="16">
        <v>5295</v>
      </c>
      <c r="D5329" cm="1">
        <f t="array" ref="D5329">IFERROR(INDEX(Jesper!AH$2:AH$366,ROUNDDOWN($C5329/24,0)+1,1)*INDEX($D$3:$AA$30,INDEX(Jesper!$R$2:$R$366,ROW(INDEX(Jesper!AH$2:AH$366,ROUNDDOWN($C5329/24,0)+1,1))-1)+IF('Standard Profiles'!$G$18=$B$10,7,0)+IF('Standard Profiles'!$G$18=$B$17,14,0)+IF('Standard Profiles'!$G$18=$B$24,21,0),MOD($C5329,24)+1)/SUM(INDEX($D$3:$AA$30,INDEX(Jesper!$R$2:$R$366,ROW(INDEX(Jesper!AH$2:AH$366,ROUNDDOWN($C5329/24,0)+1,1))-1)+IF('Standard Profiles'!$G$18=$B$10,7,0)+IF('Standard Profiles'!$G$18=$B$17,14,0)+IF('Standard Profiles'!$G$18=$B$24,21,0),0)),0)</f>
        <v>13.656857263172876</v>
      </c>
      <c r="E5329" cm="1">
        <f t="array" ref="E5329">IFERROR(INDEX(Jesper!AI$2:AI$366,ROUNDDOWN($C5329/24,0)+1,1)*INDEX($D$3:$AA$30,INDEX(Jesper!$R$2:$R$366,ROW(INDEX(Jesper!AI$2:AI$366,ROUNDDOWN($C5329/24,0)+1,1))-1)+IF('Standard Profiles'!$G$19=$B$10,7,0)+IF('Standard Profiles'!$G$19=$B$17,14,0)+IF('Standard Profiles'!$G$19=$B$24,21,0),MOD($C5329,24)+1)/SUM(INDEX($D$3:$AA$30,INDEX(Jesper!$R$2:$R$366,ROW(INDEX(Jesper!AI$2:AI$366,ROUNDDOWN($C5329/24,0)+1,1))-1)+IF('Standard Profiles'!$G$19=$B$10,7,0)+IF('Standard Profiles'!$G$19=$B$17,14,0)+IF('Standard Profiles'!$G$19=$B$24,21,0),0)),0)</f>
        <v>0</v>
      </c>
      <c r="F5329" cm="1">
        <f t="array" ref="F5329">IFERROR(INDEX(Jesper!AJ$2:AJ$366,ROUNDDOWN($C5329/24,0)+1,1)*INDEX($D$3:$AA$30,INDEX(Jesper!$R$2:$R$366,ROW(INDEX(Jesper!AJ$2:AJ$366,ROUNDDOWN($C5329/24,0)+1,1))-1)+IF('Standard Profiles'!$G$20=$B$10,7,0)+IF('Standard Profiles'!$G$20=$B$17,14,0)+IF('Standard Profiles'!$G$20=$B$24,21,0),MOD($C5329,24)+1)/SUM(INDEX($D$3:$AA$30,INDEX(Jesper!$R$2:$R$366,ROW(INDEX(Jesper!AJ$2:AJ$366,ROUNDDOWN($C5329/24,0)+1,1))-1)+IF('Standard Profiles'!$G$20=$B$10,7,0)+IF('Standard Profiles'!$G$20=$B$17,14,0)+IF('Standard Profiles'!$G$20=$B$24,21,0),0)),0)</f>
        <v>0</v>
      </c>
      <c r="G5329" cm="1">
        <f t="array" ref="G5329">IFERROR(INDEX(Jesper!AK$2:AK$366,ROUNDDOWN($C5329/24,0)+1,1)*INDEX($D$3:$AA$30,INDEX(Jesper!$R$2:$R$366,ROW(INDEX(Jesper!AK$2:AK$366,ROUNDDOWN($C5329/24,0)+1,1))-1)+IF('Standard Profiles'!$G$21=$B$10,7,0)+IF('Standard Profiles'!$G$21=$B$17,14,0)+IF('Standard Profiles'!$G$21=$B$24,21,0),MOD($C5329,24)+1)/SUM(INDEX($D$3:$AA$30,INDEX(Jesper!$R$2:$R$366,ROW(INDEX(Jesper!AK$2:AK$366,ROUNDDOWN($C5329/24,0)+1,1))-1)+IF('Standard Profiles'!$G$21=$B$10,7,0)+IF('Standard Profiles'!$G$21=$B$17,14,0)+IF('Standard Profiles'!$G$21=$B$24,21,0),0)),0)</f>
        <v>0</v>
      </c>
      <c r="H5329" cm="1">
        <f t="array" ref="H5329">IFERROR(INDEX(Jesper!AL$2:AL$366,ROUNDDOWN($C5329/24,0)+1,1)*INDEX($D$3:$AA$30,INDEX(Jesper!$R$2:$R$366,ROW(INDEX(Jesper!AL$2:AL$366,ROUNDDOWN($C5329/24,0)+1,1))-1)+IF('Standard Profiles'!$G$22=$B$10,7,0)+IF('Standard Profiles'!$G$22=$B$17,14,0)+IF('Standard Profiles'!$G$22=$B$24,21,0),MOD($C5329,24)+1)/SUM(INDEX($D$3:$AA$30,INDEX(Jesper!$R$2:$R$366,ROW(INDEX(Jesper!AL$2:AL$366,ROUNDDOWN($C5329/24,0)+1,1))-1)+IF('Standard Profiles'!$G$22=$B$10,7,0)+IF('Standard Profiles'!$G$22=$B$17,14,0)+IF('Standard Profiles'!$G$22=$B$24,21,0),0)),0)</f>
        <v>0</v>
      </c>
      <c r="I5329">
        <f t="shared" si="594"/>
        <v>0.40970571789518628</v>
      </c>
      <c r="J5329">
        <f t="shared" si="595"/>
        <v>1.3656857263172877</v>
      </c>
      <c r="K5329">
        <f t="shared" si="596"/>
        <v>2.0485285894759313</v>
      </c>
      <c r="L5329">
        <f t="shared" si="597"/>
        <v>9.8329372294844699</v>
      </c>
      <c r="M5329">
        <f t="shared" si="598"/>
        <v>0</v>
      </c>
      <c r="N5329" s="46">
        <f t="shared" si="599"/>
        <v>45512.624999987158</v>
      </c>
    </row>
    <row r="5330" spans="2:14" x14ac:dyDescent="0.3">
      <c r="B5330">
        <f t="shared" si="593"/>
        <v>4</v>
      </c>
      <c r="C5330" s="16">
        <v>5296</v>
      </c>
      <c r="D5330" cm="1">
        <f t="array" ref="D5330">IFERROR(INDEX(Jesper!AH$2:AH$366,ROUNDDOWN($C5330/24,0)+1,1)*INDEX($D$3:$AA$30,INDEX(Jesper!$R$2:$R$366,ROW(INDEX(Jesper!AH$2:AH$366,ROUNDDOWN($C5330/24,0)+1,1))-1)+IF('Standard Profiles'!$G$18=$B$10,7,0)+IF('Standard Profiles'!$G$18=$B$17,14,0)+IF('Standard Profiles'!$G$18=$B$24,21,0),MOD($C5330,24)+1)/SUM(INDEX($D$3:$AA$30,INDEX(Jesper!$R$2:$R$366,ROW(INDEX(Jesper!AH$2:AH$366,ROUNDDOWN($C5330/24,0)+1,1))-1)+IF('Standard Profiles'!$G$18=$B$10,7,0)+IF('Standard Profiles'!$G$18=$B$17,14,0)+IF('Standard Profiles'!$G$18=$B$24,21,0),0)),0)</f>
        <v>13.656857263172876</v>
      </c>
      <c r="E5330" cm="1">
        <f t="array" ref="E5330">IFERROR(INDEX(Jesper!AI$2:AI$366,ROUNDDOWN($C5330/24,0)+1,1)*INDEX($D$3:$AA$30,INDEX(Jesper!$R$2:$R$366,ROW(INDEX(Jesper!AI$2:AI$366,ROUNDDOWN($C5330/24,0)+1,1))-1)+IF('Standard Profiles'!$G$19=$B$10,7,0)+IF('Standard Profiles'!$G$19=$B$17,14,0)+IF('Standard Profiles'!$G$19=$B$24,21,0),MOD($C5330,24)+1)/SUM(INDEX($D$3:$AA$30,INDEX(Jesper!$R$2:$R$366,ROW(INDEX(Jesper!AI$2:AI$366,ROUNDDOWN($C5330/24,0)+1,1))-1)+IF('Standard Profiles'!$G$19=$B$10,7,0)+IF('Standard Profiles'!$G$19=$B$17,14,0)+IF('Standard Profiles'!$G$19=$B$24,21,0),0)),0)</f>
        <v>0</v>
      </c>
      <c r="F5330" cm="1">
        <f t="array" ref="F5330">IFERROR(INDEX(Jesper!AJ$2:AJ$366,ROUNDDOWN($C5330/24,0)+1,1)*INDEX($D$3:$AA$30,INDEX(Jesper!$R$2:$R$366,ROW(INDEX(Jesper!AJ$2:AJ$366,ROUNDDOWN($C5330/24,0)+1,1))-1)+IF('Standard Profiles'!$G$20=$B$10,7,0)+IF('Standard Profiles'!$G$20=$B$17,14,0)+IF('Standard Profiles'!$G$20=$B$24,21,0),MOD($C5330,24)+1)/SUM(INDEX($D$3:$AA$30,INDEX(Jesper!$R$2:$R$366,ROW(INDEX(Jesper!AJ$2:AJ$366,ROUNDDOWN($C5330/24,0)+1,1))-1)+IF('Standard Profiles'!$G$20=$B$10,7,0)+IF('Standard Profiles'!$G$20=$B$17,14,0)+IF('Standard Profiles'!$G$20=$B$24,21,0),0)),0)</f>
        <v>0</v>
      </c>
      <c r="G5330" cm="1">
        <f t="array" ref="G5330">IFERROR(INDEX(Jesper!AK$2:AK$366,ROUNDDOWN($C5330/24,0)+1,1)*INDEX($D$3:$AA$30,INDEX(Jesper!$R$2:$R$366,ROW(INDEX(Jesper!AK$2:AK$366,ROUNDDOWN($C5330/24,0)+1,1))-1)+IF('Standard Profiles'!$G$21=$B$10,7,0)+IF('Standard Profiles'!$G$21=$B$17,14,0)+IF('Standard Profiles'!$G$21=$B$24,21,0),MOD($C5330,24)+1)/SUM(INDEX($D$3:$AA$30,INDEX(Jesper!$R$2:$R$366,ROW(INDEX(Jesper!AK$2:AK$366,ROUNDDOWN($C5330/24,0)+1,1))-1)+IF('Standard Profiles'!$G$21=$B$10,7,0)+IF('Standard Profiles'!$G$21=$B$17,14,0)+IF('Standard Profiles'!$G$21=$B$24,21,0),0)),0)</f>
        <v>0</v>
      </c>
      <c r="H5330" cm="1">
        <f t="array" ref="H5330">IFERROR(INDEX(Jesper!AL$2:AL$366,ROUNDDOWN($C5330/24,0)+1,1)*INDEX($D$3:$AA$30,INDEX(Jesper!$R$2:$R$366,ROW(INDEX(Jesper!AL$2:AL$366,ROUNDDOWN($C5330/24,0)+1,1))-1)+IF('Standard Profiles'!$G$22=$B$10,7,0)+IF('Standard Profiles'!$G$22=$B$17,14,0)+IF('Standard Profiles'!$G$22=$B$24,21,0),MOD($C5330,24)+1)/SUM(INDEX($D$3:$AA$30,INDEX(Jesper!$R$2:$R$366,ROW(INDEX(Jesper!AL$2:AL$366,ROUNDDOWN($C5330/24,0)+1,1))-1)+IF('Standard Profiles'!$G$22=$B$10,7,0)+IF('Standard Profiles'!$G$22=$B$17,14,0)+IF('Standard Profiles'!$G$22=$B$24,21,0),0)),0)</f>
        <v>0</v>
      </c>
      <c r="I5330">
        <f t="shared" si="594"/>
        <v>0.40970571789518628</v>
      </c>
      <c r="J5330">
        <f t="shared" si="595"/>
        <v>1.3656857263172877</v>
      </c>
      <c r="K5330">
        <f t="shared" si="596"/>
        <v>2.0485285894759313</v>
      </c>
      <c r="L5330">
        <f t="shared" si="597"/>
        <v>9.8329372294844699</v>
      </c>
      <c r="M5330">
        <f t="shared" si="598"/>
        <v>0</v>
      </c>
      <c r="N5330" s="46">
        <f t="shared" si="599"/>
        <v>45512.666666653822</v>
      </c>
    </row>
    <row r="5331" spans="2:14" x14ac:dyDescent="0.3">
      <c r="B5331">
        <f t="shared" si="593"/>
        <v>4</v>
      </c>
      <c r="C5331" s="16">
        <v>5297</v>
      </c>
      <c r="D5331" cm="1">
        <f t="array" ref="D5331">IFERROR(INDEX(Jesper!AH$2:AH$366,ROUNDDOWN($C5331/24,0)+1,1)*INDEX($D$3:$AA$30,INDEX(Jesper!$R$2:$R$366,ROW(INDEX(Jesper!AH$2:AH$366,ROUNDDOWN($C5331/24,0)+1,1))-1)+IF('Standard Profiles'!$G$18=$B$10,7,0)+IF('Standard Profiles'!$G$18=$B$17,14,0)+IF('Standard Profiles'!$G$18=$B$24,21,0),MOD($C5331,24)+1)/SUM(INDEX($D$3:$AA$30,INDEX(Jesper!$R$2:$R$366,ROW(INDEX(Jesper!AH$2:AH$366,ROUNDDOWN($C5331/24,0)+1,1))-1)+IF('Standard Profiles'!$G$18=$B$10,7,0)+IF('Standard Profiles'!$G$18=$B$17,14,0)+IF('Standard Profiles'!$G$18=$B$24,21,0),0)),0)</f>
        <v>13.656857263172876</v>
      </c>
      <c r="E5331" cm="1">
        <f t="array" ref="E5331">IFERROR(INDEX(Jesper!AI$2:AI$366,ROUNDDOWN($C5331/24,0)+1,1)*INDEX($D$3:$AA$30,INDEX(Jesper!$R$2:$R$366,ROW(INDEX(Jesper!AI$2:AI$366,ROUNDDOWN($C5331/24,0)+1,1))-1)+IF('Standard Profiles'!$G$19=$B$10,7,0)+IF('Standard Profiles'!$G$19=$B$17,14,0)+IF('Standard Profiles'!$G$19=$B$24,21,0),MOD($C5331,24)+1)/SUM(INDEX($D$3:$AA$30,INDEX(Jesper!$R$2:$R$366,ROW(INDEX(Jesper!AI$2:AI$366,ROUNDDOWN($C5331/24,0)+1,1))-1)+IF('Standard Profiles'!$G$19=$B$10,7,0)+IF('Standard Profiles'!$G$19=$B$17,14,0)+IF('Standard Profiles'!$G$19=$B$24,21,0),0)),0)</f>
        <v>0</v>
      </c>
      <c r="F5331" cm="1">
        <f t="array" ref="F5331">IFERROR(INDEX(Jesper!AJ$2:AJ$366,ROUNDDOWN($C5331/24,0)+1,1)*INDEX($D$3:$AA$30,INDEX(Jesper!$R$2:$R$366,ROW(INDEX(Jesper!AJ$2:AJ$366,ROUNDDOWN($C5331/24,0)+1,1))-1)+IF('Standard Profiles'!$G$20=$B$10,7,0)+IF('Standard Profiles'!$G$20=$B$17,14,0)+IF('Standard Profiles'!$G$20=$B$24,21,0),MOD($C5331,24)+1)/SUM(INDEX($D$3:$AA$30,INDEX(Jesper!$R$2:$R$366,ROW(INDEX(Jesper!AJ$2:AJ$366,ROUNDDOWN($C5331/24,0)+1,1))-1)+IF('Standard Profiles'!$G$20=$B$10,7,0)+IF('Standard Profiles'!$G$20=$B$17,14,0)+IF('Standard Profiles'!$G$20=$B$24,21,0),0)),0)</f>
        <v>0</v>
      </c>
      <c r="G5331" cm="1">
        <f t="array" ref="G5331">IFERROR(INDEX(Jesper!AK$2:AK$366,ROUNDDOWN($C5331/24,0)+1,1)*INDEX($D$3:$AA$30,INDEX(Jesper!$R$2:$R$366,ROW(INDEX(Jesper!AK$2:AK$366,ROUNDDOWN($C5331/24,0)+1,1))-1)+IF('Standard Profiles'!$G$21=$B$10,7,0)+IF('Standard Profiles'!$G$21=$B$17,14,0)+IF('Standard Profiles'!$G$21=$B$24,21,0),MOD($C5331,24)+1)/SUM(INDEX($D$3:$AA$30,INDEX(Jesper!$R$2:$R$366,ROW(INDEX(Jesper!AK$2:AK$366,ROUNDDOWN($C5331/24,0)+1,1))-1)+IF('Standard Profiles'!$G$21=$B$10,7,0)+IF('Standard Profiles'!$G$21=$B$17,14,0)+IF('Standard Profiles'!$G$21=$B$24,21,0),0)),0)</f>
        <v>0</v>
      </c>
      <c r="H5331" cm="1">
        <f t="array" ref="H5331">IFERROR(INDEX(Jesper!AL$2:AL$366,ROUNDDOWN($C5331/24,0)+1,1)*INDEX($D$3:$AA$30,INDEX(Jesper!$R$2:$R$366,ROW(INDEX(Jesper!AL$2:AL$366,ROUNDDOWN($C5331/24,0)+1,1))-1)+IF('Standard Profiles'!$G$22=$B$10,7,0)+IF('Standard Profiles'!$G$22=$B$17,14,0)+IF('Standard Profiles'!$G$22=$B$24,21,0),MOD($C5331,24)+1)/SUM(INDEX($D$3:$AA$30,INDEX(Jesper!$R$2:$R$366,ROW(INDEX(Jesper!AL$2:AL$366,ROUNDDOWN($C5331/24,0)+1,1))-1)+IF('Standard Profiles'!$G$22=$B$10,7,0)+IF('Standard Profiles'!$G$22=$B$17,14,0)+IF('Standard Profiles'!$G$22=$B$24,21,0),0)),0)</f>
        <v>0</v>
      </c>
      <c r="I5331">
        <f t="shared" si="594"/>
        <v>0.40970571789518628</v>
      </c>
      <c r="J5331">
        <f t="shared" si="595"/>
        <v>1.3656857263172877</v>
      </c>
      <c r="K5331">
        <f t="shared" si="596"/>
        <v>2.0485285894759313</v>
      </c>
      <c r="L5331">
        <f t="shared" si="597"/>
        <v>9.8329372294844699</v>
      </c>
      <c r="M5331">
        <f t="shared" si="598"/>
        <v>0</v>
      </c>
      <c r="N5331" s="46">
        <f t="shared" si="599"/>
        <v>45512.708333320486</v>
      </c>
    </row>
    <row r="5332" spans="2:14" x14ac:dyDescent="0.3">
      <c r="B5332">
        <f t="shared" si="593"/>
        <v>4</v>
      </c>
      <c r="C5332" s="16">
        <v>5298</v>
      </c>
      <c r="D5332" cm="1">
        <f t="array" ref="D5332">IFERROR(INDEX(Jesper!AH$2:AH$366,ROUNDDOWN($C5332/24,0)+1,1)*INDEX($D$3:$AA$30,INDEX(Jesper!$R$2:$R$366,ROW(INDEX(Jesper!AH$2:AH$366,ROUNDDOWN($C5332/24,0)+1,1))-1)+IF('Standard Profiles'!$G$18=$B$10,7,0)+IF('Standard Profiles'!$G$18=$B$17,14,0)+IF('Standard Profiles'!$G$18=$B$24,21,0),MOD($C5332,24)+1)/SUM(INDEX($D$3:$AA$30,INDEX(Jesper!$R$2:$R$366,ROW(INDEX(Jesper!AH$2:AH$366,ROUNDDOWN($C5332/24,0)+1,1))-1)+IF('Standard Profiles'!$G$18=$B$10,7,0)+IF('Standard Profiles'!$G$18=$B$17,14,0)+IF('Standard Profiles'!$G$18=$B$24,21,0),0)),0)</f>
        <v>13.656857263172876</v>
      </c>
      <c r="E5332" cm="1">
        <f t="array" ref="E5332">IFERROR(INDEX(Jesper!AI$2:AI$366,ROUNDDOWN($C5332/24,0)+1,1)*INDEX($D$3:$AA$30,INDEX(Jesper!$R$2:$R$366,ROW(INDEX(Jesper!AI$2:AI$366,ROUNDDOWN($C5332/24,0)+1,1))-1)+IF('Standard Profiles'!$G$19=$B$10,7,0)+IF('Standard Profiles'!$G$19=$B$17,14,0)+IF('Standard Profiles'!$G$19=$B$24,21,0),MOD($C5332,24)+1)/SUM(INDEX($D$3:$AA$30,INDEX(Jesper!$R$2:$R$366,ROW(INDEX(Jesper!AI$2:AI$366,ROUNDDOWN($C5332/24,0)+1,1))-1)+IF('Standard Profiles'!$G$19=$B$10,7,0)+IF('Standard Profiles'!$G$19=$B$17,14,0)+IF('Standard Profiles'!$G$19=$B$24,21,0),0)),0)</f>
        <v>0</v>
      </c>
      <c r="F5332" cm="1">
        <f t="array" ref="F5332">IFERROR(INDEX(Jesper!AJ$2:AJ$366,ROUNDDOWN($C5332/24,0)+1,1)*INDEX($D$3:$AA$30,INDEX(Jesper!$R$2:$R$366,ROW(INDEX(Jesper!AJ$2:AJ$366,ROUNDDOWN($C5332/24,0)+1,1))-1)+IF('Standard Profiles'!$G$20=$B$10,7,0)+IF('Standard Profiles'!$G$20=$B$17,14,0)+IF('Standard Profiles'!$G$20=$B$24,21,0),MOD($C5332,24)+1)/SUM(INDEX($D$3:$AA$30,INDEX(Jesper!$R$2:$R$366,ROW(INDEX(Jesper!AJ$2:AJ$366,ROUNDDOWN($C5332/24,0)+1,1))-1)+IF('Standard Profiles'!$G$20=$B$10,7,0)+IF('Standard Profiles'!$G$20=$B$17,14,0)+IF('Standard Profiles'!$G$20=$B$24,21,0),0)),0)</f>
        <v>0</v>
      </c>
      <c r="G5332" cm="1">
        <f t="array" ref="G5332">IFERROR(INDEX(Jesper!AK$2:AK$366,ROUNDDOWN($C5332/24,0)+1,1)*INDEX($D$3:$AA$30,INDEX(Jesper!$R$2:$R$366,ROW(INDEX(Jesper!AK$2:AK$366,ROUNDDOWN($C5332/24,0)+1,1))-1)+IF('Standard Profiles'!$G$21=$B$10,7,0)+IF('Standard Profiles'!$G$21=$B$17,14,0)+IF('Standard Profiles'!$G$21=$B$24,21,0),MOD($C5332,24)+1)/SUM(INDEX($D$3:$AA$30,INDEX(Jesper!$R$2:$R$366,ROW(INDEX(Jesper!AK$2:AK$366,ROUNDDOWN($C5332/24,0)+1,1))-1)+IF('Standard Profiles'!$G$21=$B$10,7,0)+IF('Standard Profiles'!$G$21=$B$17,14,0)+IF('Standard Profiles'!$G$21=$B$24,21,0),0)),0)</f>
        <v>0</v>
      </c>
      <c r="H5332" cm="1">
        <f t="array" ref="H5332">IFERROR(INDEX(Jesper!AL$2:AL$366,ROUNDDOWN($C5332/24,0)+1,1)*INDEX($D$3:$AA$30,INDEX(Jesper!$R$2:$R$366,ROW(INDEX(Jesper!AL$2:AL$366,ROUNDDOWN($C5332/24,0)+1,1))-1)+IF('Standard Profiles'!$G$22=$B$10,7,0)+IF('Standard Profiles'!$G$22=$B$17,14,0)+IF('Standard Profiles'!$G$22=$B$24,21,0),MOD($C5332,24)+1)/SUM(INDEX($D$3:$AA$30,INDEX(Jesper!$R$2:$R$366,ROW(INDEX(Jesper!AL$2:AL$366,ROUNDDOWN($C5332/24,0)+1,1))-1)+IF('Standard Profiles'!$G$22=$B$10,7,0)+IF('Standard Profiles'!$G$22=$B$17,14,0)+IF('Standard Profiles'!$G$22=$B$24,21,0),0)),0)</f>
        <v>0</v>
      </c>
      <c r="I5332">
        <f t="shared" si="594"/>
        <v>0.40970571789518628</v>
      </c>
      <c r="J5332">
        <f t="shared" si="595"/>
        <v>1.3656857263172877</v>
      </c>
      <c r="K5332">
        <f t="shared" si="596"/>
        <v>2.0485285894759313</v>
      </c>
      <c r="L5332">
        <f t="shared" si="597"/>
        <v>9.8329372294844699</v>
      </c>
      <c r="M5332">
        <f t="shared" si="598"/>
        <v>0</v>
      </c>
      <c r="N5332" s="46">
        <f t="shared" si="599"/>
        <v>45512.749999987151</v>
      </c>
    </row>
    <row r="5333" spans="2:14" x14ac:dyDescent="0.3">
      <c r="B5333">
        <f t="shared" si="593"/>
        <v>4</v>
      </c>
      <c r="C5333" s="16">
        <v>5299</v>
      </c>
      <c r="D5333" cm="1">
        <f t="array" ref="D5333">IFERROR(INDEX(Jesper!AH$2:AH$366,ROUNDDOWN($C5333/24,0)+1,1)*INDEX($D$3:$AA$30,INDEX(Jesper!$R$2:$R$366,ROW(INDEX(Jesper!AH$2:AH$366,ROUNDDOWN($C5333/24,0)+1,1))-1)+IF('Standard Profiles'!$G$18=$B$10,7,0)+IF('Standard Profiles'!$G$18=$B$17,14,0)+IF('Standard Profiles'!$G$18=$B$24,21,0),MOD($C5333,24)+1)/SUM(INDEX($D$3:$AA$30,INDEX(Jesper!$R$2:$R$366,ROW(INDEX(Jesper!AH$2:AH$366,ROUNDDOWN($C5333/24,0)+1,1))-1)+IF('Standard Profiles'!$G$18=$B$10,7,0)+IF('Standard Profiles'!$G$18=$B$17,14,0)+IF('Standard Profiles'!$G$18=$B$24,21,0),0)),0)</f>
        <v>11.380714385977399</v>
      </c>
      <c r="E5333" cm="1">
        <f t="array" ref="E5333">IFERROR(INDEX(Jesper!AI$2:AI$366,ROUNDDOWN($C5333/24,0)+1,1)*INDEX($D$3:$AA$30,INDEX(Jesper!$R$2:$R$366,ROW(INDEX(Jesper!AI$2:AI$366,ROUNDDOWN($C5333/24,0)+1,1))-1)+IF('Standard Profiles'!$G$19=$B$10,7,0)+IF('Standard Profiles'!$G$19=$B$17,14,0)+IF('Standard Profiles'!$G$19=$B$24,21,0),MOD($C5333,24)+1)/SUM(INDEX($D$3:$AA$30,INDEX(Jesper!$R$2:$R$366,ROW(INDEX(Jesper!AI$2:AI$366,ROUNDDOWN($C5333/24,0)+1,1))-1)+IF('Standard Profiles'!$G$19=$B$10,7,0)+IF('Standard Profiles'!$G$19=$B$17,14,0)+IF('Standard Profiles'!$G$19=$B$24,21,0),0)),0)</f>
        <v>0</v>
      </c>
      <c r="F5333" cm="1">
        <f t="array" ref="F5333">IFERROR(INDEX(Jesper!AJ$2:AJ$366,ROUNDDOWN($C5333/24,0)+1,1)*INDEX($D$3:$AA$30,INDEX(Jesper!$R$2:$R$366,ROW(INDEX(Jesper!AJ$2:AJ$366,ROUNDDOWN($C5333/24,0)+1,1))-1)+IF('Standard Profiles'!$G$20=$B$10,7,0)+IF('Standard Profiles'!$G$20=$B$17,14,0)+IF('Standard Profiles'!$G$20=$B$24,21,0),MOD($C5333,24)+1)/SUM(INDEX($D$3:$AA$30,INDEX(Jesper!$R$2:$R$366,ROW(INDEX(Jesper!AJ$2:AJ$366,ROUNDDOWN($C5333/24,0)+1,1))-1)+IF('Standard Profiles'!$G$20=$B$10,7,0)+IF('Standard Profiles'!$G$20=$B$17,14,0)+IF('Standard Profiles'!$G$20=$B$24,21,0),0)),0)</f>
        <v>0</v>
      </c>
      <c r="G5333" cm="1">
        <f t="array" ref="G5333">IFERROR(INDEX(Jesper!AK$2:AK$366,ROUNDDOWN($C5333/24,0)+1,1)*INDEX($D$3:$AA$30,INDEX(Jesper!$R$2:$R$366,ROW(INDEX(Jesper!AK$2:AK$366,ROUNDDOWN($C5333/24,0)+1,1))-1)+IF('Standard Profiles'!$G$21=$B$10,7,0)+IF('Standard Profiles'!$G$21=$B$17,14,0)+IF('Standard Profiles'!$G$21=$B$24,21,0),MOD($C5333,24)+1)/SUM(INDEX($D$3:$AA$30,INDEX(Jesper!$R$2:$R$366,ROW(INDEX(Jesper!AK$2:AK$366,ROUNDDOWN($C5333/24,0)+1,1))-1)+IF('Standard Profiles'!$G$21=$B$10,7,0)+IF('Standard Profiles'!$G$21=$B$17,14,0)+IF('Standard Profiles'!$G$21=$B$24,21,0),0)),0)</f>
        <v>0</v>
      </c>
      <c r="H5333" cm="1">
        <f t="array" ref="H5333">IFERROR(INDEX(Jesper!AL$2:AL$366,ROUNDDOWN($C5333/24,0)+1,1)*INDEX($D$3:$AA$30,INDEX(Jesper!$R$2:$R$366,ROW(INDEX(Jesper!AL$2:AL$366,ROUNDDOWN($C5333/24,0)+1,1))-1)+IF('Standard Profiles'!$G$22=$B$10,7,0)+IF('Standard Profiles'!$G$22=$B$17,14,0)+IF('Standard Profiles'!$G$22=$B$24,21,0),MOD($C5333,24)+1)/SUM(INDEX($D$3:$AA$30,INDEX(Jesper!$R$2:$R$366,ROW(INDEX(Jesper!AL$2:AL$366,ROUNDDOWN($C5333/24,0)+1,1))-1)+IF('Standard Profiles'!$G$22=$B$10,7,0)+IF('Standard Profiles'!$G$22=$B$17,14,0)+IF('Standard Profiles'!$G$22=$B$24,21,0),0)),0)</f>
        <v>0</v>
      </c>
      <c r="I5333">
        <f t="shared" si="594"/>
        <v>0.34142143157932192</v>
      </c>
      <c r="J5333">
        <f t="shared" si="595"/>
        <v>1.13807143859774</v>
      </c>
      <c r="K5333">
        <f t="shared" si="596"/>
        <v>1.7071071578966097</v>
      </c>
      <c r="L5333">
        <f t="shared" si="597"/>
        <v>8.194114357903727</v>
      </c>
      <c r="M5333">
        <f t="shared" si="598"/>
        <v>0</v>
      </c>
      <c r="N5333" s="46">
        <f t="shared" si="599"/>
        <v>45512.791666653815</v>
      </c>
    </row>
    <row r="5334" spans="2:14" x14ac:dyDescent="0.3">
      <c r="B5334">
        <f t="shared" si="593"/>
        <v>4</v>
      </c>
      <c r="C5334" s="16">
        <v>5300</v>
      </c>
      <c r="D5334" cm="1">
        <f t="array" ref="D5334">IFERROR(INDEX(Jesper!AH$2:AH$366,ROUNDDOWN($C5334/24,0)+1,1)*INDEX($D$3:$AA$30,INDEX(Jesper!$R$2:$R$366,ROW(INDEX(Jesper!AH$2:AH$366,ROUNDDOWN($C5334/24,0)+1,1))-1)+IF('Standard Profiles'!$G$18=$B$10,7,0)+IF('Standard Profiles'!$G$18=$B$17,14,0)+IF('Standard Profiles'!$G$18=$B$24,21,0),MOD($C5334,24)+1)/SUM(INDEX($D$3:$AA$30,INDEX(Jesper!$R$2:$R$366,ROW(INDEX(Jesper!AH$2:AH$366,ROUNDDOWN($C5334/24,0)+1,1))-1)+IF('Standard Profiles'!$G$18=$B$10,7,0)+IF('Standard Profiles'!$G$18=$B$17,14,0)+IF('Standard Profiles'!$G$18=$B$24,21,0),0)),0)</f>
        <v>9.1045715087819197</v>
      </c>
      <c r="E5334" cm="1">
        <f t="array" ref="E5334">IFERROR(INDEX(Jesper!AI$2:AI$366,ROUNDDOWN($C5334/24,0)+1,1)*INDEX($D$3:$AA$30,INDEX(Jesper!$R$2:$R$366,ROW(INDEX(Jesper!AI$2:AI$366,ROUNDDOWN($C5334/24,0)+1,1))-1)+IF('Standard Profiles'!$G$19=$B$10,7,0)+IF('Standard Profiles'!$G$19=$B$17,14,0)+IF('Standard Profiles'!$G$19=$B$24,21,0),MOD($C5334,24)+1)/SUM(INDEX($D$3:$AA$30,INDEX(Jesper!$R$2:$R$366,ROW(INDEX(Jesper!AI$2:AI$366,ROUNDDOWN($C5334/24,0)+1,1))-1)+IF('Standard Profiles'!$G$19=$B$10,7,0)+IF('Standard Profiles'!$G$19=$B$17,14,0)+IF('Standard Profiles'!$G$19=$B$24,21,0),0)),0)</f>
        <v>0</v>
      </c>
      <c r="F5334" cm="1">
        <f t="array" ref="F5334">IFERROR(INDEX(Jesper!AJ$2:AJ$366,ROUNDDOWN($C5334/24,0)+1,1)*INDEX($D$3:$AA$30,INDEX(Jesper!$R$2:$R$366,ROW(INDEX(Jesper!AJ$2:AJ$366,ROUNDDOWN($C5334/24,0)+1,1))-1)+IF('Standard Profiles'!$G$20=$B$10,7,0)+IF('Standard Profiles'!$G$20=$B$17,14,0)+IF('Standard Profiles'!$G$20=$B$24,21,0),MOD($C5334,24)+1)/SUM(INDEX($D$3:$AA$30,INDEX(Jesper!$R$2:$R$366,ROW(INDEX(Jesper!AJ$2:AJ$366,ROUNDDOWN($C5334/24,0)+1,1))-1)+IF('Standard Profiles'!$G$20=$B$10,7,0)+IF('Standard Profiles'!$G$20=$B$17,14,0)+IF('Standard Profiles'!$G$20=$B$24,21,0),0)),0)</f>
        <v>0</v>
      </c>
      <c r="G5334" cm="1">
        <f t="array" ref="G5334">IFERROR(INDEX(Jesper!AK$2:AK$366,ROUNDDOWN($C5334/24,0)+1,1)*INDEX($D$3:$AA$30,INDEX(Jesper!$R$2:$R$366,ROW(INDEX(Jesper!AK$2:AK$366,ROUNDDOWN($C5334/24,0)+1,1))-1)+IF('Standard Profiles'!$G$21=$B$10,7,0)+IF('Standard Profiles'!$G$21=$B$17,14,0)+IF('Standard Profiles'!$G$21=$B$24,21,0),MOD($C5334,24)+1)/SUM(INDEX($D$3:$AA$30,INDEX(Jesper!$R$2:$R$366,ROW(INDEX(Jesper!AK$2:AK$366,ROUNDDOWN($C5334/24,0)+1,1))-1)+IF('Standard Profiles'!$G$21=$B$10,7,0)+IF('Standard Profiles'!$G$21=$B$17,14,0)+IF('Standard Profiles'!$G$21=$B$24,21,0),0)),0)</f>
        <v>0</v>
      </c>
      <c r="H5334" cm="1">
        <f t="array" ref="H5334">IFERROR(INDEX(Jesper!AL$2:AL$366,ROUNDDOWN($C5334/24,0)+1,1)*INDEX($D$3:$AA$30,INDEX(Jesper!$R$2:$R$366,ROW(INDEX(Jesper!AL$2:AL$366,ROUNDDOWN($C5334/24,0)+1,1))-1)+IF('Standard Profiles'!$G$22=$B$10,7,0)+IF('Standard Profiles'!$G$22=$B$17,14,0)+IF('Standard Profiles'!$G$22=$B$24,21,0),MOD($C5334,24)+1)/SUM(INDEX($D$3:$AA$30,INDEX(Jesper!$R$2:$R$366,ROW(INDEX(Jesper!AL$2:AL$366,ROUNDDOWN($C5334/24,0)+1,1))-1)+IF('Standard Profiles'!$G$22=$B$10,7,0)+IF('Standard Profiles'!$G$22=$B$17,14,0)+IF('Standard Profiles'!$G$22=$B$24,21,0),0)),0)</f>
        <v>0</v>
      </c>
      <c r="I5334">
        <f t="shared" si="594"/>
        <v>0.27313714526345756</v>
      </c>
      <c r="J5334">
        <f t="shared" si="595"/>
        <v>0.91045715087819201</v>
      </c>
      <c r="K5334">
        <f t="shared" si="596"/>
        <v>1.3656857263172879</v>
      </c>
      <c r="L5334">
        <f t="shared" si="597"/>
        <v>6.5552914863229823</v>
      </c>
      <c r="M5334">
        <f t="shared" si="598"/>
        <v>0</v>
      </c>
      <c r="N5334" s="46">
        <f t="shared" si="599"/>
        <v>45512.833333320479</v>
      </c>
    </row>
    <row r="5335" spans="2:14" x14ac:dyDescent="0.3">
      <c r="B5335">
        <f t="shared" si="593"/>
        <v>4</v>
      </c>
      <c r="C5335" s="16">
        <v>5301</v>
      </c>
      <c r="D5335" cm="1">
        <f t="array" ref="D5335">IFERROR(INDEX(Jesper!AH$2:AH$366,ROUNDDOWN($C5335/24,0)+1,1)*INDEX($D$3:$AA$30,INDEX(Jesper!$R$2:$R$366,ROW(INDEX(Jesper!AH$2:AH$366,ROUNDDOWN($C5335/24,0)+1,1))-1)+IF('Standard Profiles'!$G$18=$B$10,7,0)+IF('Standard Profiles'!$G$18=$B$17,14,0)+IF('Standard Profiles'!$G$18=$B$24,21,0),MOD($C5335,24)+1)/SUM(INDEX($D$3:$AA$30,INDEX(Jesper!$R$2:$R$366,ROW(INDEX(Jesper!AH$2:AH$366,ROUNDDOWN($C5335/24,0)+1,1))-1)+IF('Standard Profiles'!$G$18=$B$10,7,0)+IF('Standard Profiles'!$G$18=$B$17,14,0)+IF('Standard Profiles'!$G$18=$B$24,21,0),0)),0)</f>
        <v>6.828428631586438</v>
      </c>
      <c r="E5335" cm="1">
        <f t="array" ref="E5335">IFERROR(INDEX(Jesper!AI$2:AI$366,ROUNDDOWN($C5335/24,0)+1,1)*INDEX($D$3:$AA$30,INDEX(Jesper!$R$2:$R$366,ROW(INDEX(Jesper!AI$2:AI$366,ROUNDDOWN($C5335/24,0)+1,1))-1)+IF('Standard Profiles'!$G$19=$B$10,7,0)+IF('Standard Profiles'!$G$19=$B$17,14,0)+IF('Standard Profiles'!$G$19=$B$24,21,0),MOD($C5335,24)+1)/SUM(INDEX($D$3:$AA$30,INDEX(Jesper!$R$2:$R$366,ROW(INDEX(Jesper!AI$2:AI$366,ROUNDDOWN($C5335/24,0)+1,1))-1)+IF('Standard Profiles'!$G$19=$B$10,7,0)+IF('Standard Profiles'!$G$19=$B$17,14,0)+IF('Standard Profiles'!$G$19=$B$24,21,0),0)),0)</f>
        <v>0</v>
      </c>
      <c r="F5335" cm="1">
        <f t="array" ref="F5335">IFERROR(INDEX(Jesper!AJ$2:AJ$366,ROUNDDOWN($C5335/24,0)+1,1)*INDEX($D$3:$AA$30,INDEX(Jesper!$R$2:$R$366,ROW(INDEX(Jesper!AJ$2:AJ$366,ROUNDDOWN($C5335/24,0)+1,1))-1)+IF('Standard Profiles'!$G$20=$B$10,7,0)+IF('Standard Profiles'!$G$20=$B$17,14,0)+IF('Standard Profiles'!$G$20=$B$24,21,0),MOD($C5335,24)+1)/SUM(INDEX($D$3:$AA$30,INDEX(Jesper!$R$2:$R$366,ROW(INDEX(Jesper!AJ$2:AJ$366,ROUNDDOWN($C5335/24,0)+1,1))-1)+IF('Standard Profiles'!$G$20=$B$10,7,0)+IF('Standard Profiles'!$G$20=$B$17,14,0)+IF('Standard Profiles'!$G$20=$B$24,21,0),0)),0)</f>
        <v>0</v>
      </c>
      <c r="G5335" cm="1">
        <f t="array" ref="G5335">IFERROR(INDEX(Jesper!AK$2:AK$366,ROUNDDOWN($C5335/24,0)+1,1)*INDEX($D$3:$AA$30,INDEX(Jesper!$R$2:$R$366,ROW(INDEX(Jesper!AK$2:AK$366,ROUNDDOWN($C5335/24,0)+1,1))-1)+IF('Standard Profiles'!$G$21=$B$10,7,0)+IF('Standard Profiles'!$G$21=$B$17,14,0)+IF('Standard Profiles'!$G$21=$B$24,21,0),MOD($C5335,24)+1)/SUM(INDEX($D$3:$AA$30,INDEX(Jesper!$R$2:$R$366,ROW(INDEX(Jesper!AK$2:AK$366,ROUNDDOWN($C5335/24,0)+1,1))-1)+IF('Standard Profiles'!$G$21=$B$10,7,0)+IF('Standard Profiles'!$G$21=$B$17,14,0)+IF('Standard Profiles'!$G$21=$B$24,21,0),0)),0)</f>
        <v>0</v>
      </c>
      <c r="H5335" cm="1">
        <f t="array" ref="H5335">IFERROR(INDEX(Jesper!AL$2:AL$366,ROUNDDOWN($C5335/24,0)+1,1)*INDEX($D$3:$AA$30,INDEX(Jesper!$R$2:$R$366,ROW(INDEX(Jesper!AL$2:AL$366,ROUNDDOWN($C5335/24,0)+1,1))-1)+IF('Standard Profiles'!$G$22=$B$10,7,0)+IF('Standard Profiles'!$G$22=$B$17,14,0)+IF('Standard Profiles'!$G$22=$B$24,21,0),MOD($C5335,24)+1)/SUM(INDEX($D$3:$AA$30,INDEX(Jesper!$R$2:$R$366,ROW(INDEX(Jesper!AL$2:AL$366,ROUNDDOWN($C5335/24,0)+1,1))-1)+IF('Standard Profiles'!$G$22=$B$10,7,0)+IF('Standard Profiles'!$G$22=$B$17,14,0)+IF('Standard Profiles'!$G$22=$B$24,21,0),0)),0)</f>
        <v>0</v>
      </c>
      <c r="I5335">
        <f t="shared" si="594"/>
        <v>0.20485285894759314</v>
      </c>
      <c r="J5335">
        <f t="shared" si="595"/>
        <v>0.68284286315864384</v>
      </c>
      <c r="K5335">
        <f t="shared" si="596"/>
        <v>1.0242642947379657</v>
      </c>
      <c r="L5335">
        <f t="shared" si="597"/>
        <v>4.916468614742235</v>
      </c>
      <c r="M5335">
        <f t="shared" si="598"/>
        <v>0</v>
      </c>
      <c r="N5335" s="46">
        <f t="shared" si="599"/>
        <v>45512.874999987143</v>
      </c>
    </row>
    <row r="5336" spans="2:14" x14ac:dyDescent="0.3">
      <c r="B5336">
        <f t="shared" si="593"/>
        <v>4</v>
      </c>
      <c r="C5336" s="16">
        <v>5302</v>
      </c>
      <c r="D5336" cm="1">
        <f t="array" ref="D5336">IFERROR(INDEX(Jesper!AH$2:AH$366,ROUNDDOWN($C5336/24,0)+1,1)*INDEX($D$3:$AA$30,INDEX(Jesper!$R$2:$R$366,ROW(INDEX(Jesper!AH$2:AH$366,ROUNDDOWN($C5336/24,0)+1,1))-1)+IF('Standard Profiles'!$G$18=$B$10,7,0)+IF('Standard Profiles'!$G$18=$B$17,14,0)+IF('Standard Profiles'!$G$18=$B$24,21,0),MOD($C5336,24)+1)/SUM(INDEX($D$3:$AA$30,INDEX(Jesper!$R$2:$R$366,ROW(INDEX(Jesper!AH$2:AH$366,ROUNDDOWN($C5336/24,0)+1,1))-1)+IF('Standard Profiles'!$G$18=$B$10,7,0)+IF('Standard Profiles'!$G$18=$B$17,14,0)+IF('Standard Profiles'!$G$18=$B$24,21,0),0)),0)</f>
        <v>6.828428631586438</v>
      </c>
      <c r="E5336" cm="1">
        <f t="array" ref="E5336">IFERROR(INDEX(Jesper!AI$2:AI$366,ROUNDDOWN($C5336/24,0)+1,1)*INDEX($D$3:$AA$30,INDEX(Jesper!$R$2:$R$366,ROW(INDEX(Jesper!AI$2:AI$366,ROUNDDOWN($C5336/24,0)+1,1))-1)+IF('Standard Profiles'!$G$19=$B$10,7,0)+IF('Standard Profiles'!$G$19=$B$17,14,0)+IF('Standard Profiles'!$G$19=$B$24,21,0),MOD($C5336,24)+1)/SUM(INDEX($D$3:$AA$30,INDEX(Jesper!$R$2:$R$366,ROW(INDEX(Jesper!AI$2:AI$366,ROUNDDOWN($C5336/24,0)+1,1))-1)+IF('Standard Profiles'!$G$19=$B$10,7,0)+IF('Standard Profiles'!$G$19=$B$17,14,0)+IF('Standard Profiles'!$G$19=$B$24,21,0),0)),0)</f>
        <v>0</v>
      </c>
      <c r="F5336" cm="1">
        <f t="array" ref="F5336">IFERROR(INDEX(Jesper!AJ$2:AJ$366,ROUNDDOWN($C5336/24,0)+1,1)*INDEX($D$3:$AA$30,INDEX(Jesper!$R$2:$R$366,ROW(INDEX(Jesper!AJ$2:AJ$366,ROUNDDOWN($C5336/24,0)+1,1))-1)+IF('Standard Profiles'!$G$20=$B$10,7,0)+IF('Standard Profiles'!$G$20=$B$17,14,0)+IF('Standard Profiles'!$G$20=$B$24,21,0),MOD($C5336,24)+1)/SUM(INDEX($D$3:$AA$30,INDEX(Jesper!$R$2:$R$366,ROW(INDEX(Jesper!AJ$2:AJ$366,ROUNDDOWN($C5336/24,0)+1,1))-1)+IF('Standard Profiles'!$G$20=$B$10,7,0)+IF('Standard Profiles'!$G$20=$B$17,14,0)+IF('Standard Profiles'!$G$20=$B$24,21,0),0)),0)</f>
        <v>0</v>
      </c>
      <c r="G5336" cm="1">
        <f t="array" ref="G5336">IFERROR(INDEX(Jesper!AK$2:AK$366,ROUNDDOWN($C5336/24,0)+1,1)*INDEX($D$3:$AA$30,INDEX(Jesper!$R$2:$R$366,ROW(INDEX(Jesper!AK$2:AK$366,ROUNDDOWN($C5336/24,0)+1,1))-1)+IF('Standard Profiles'!$G$21=$B$10,7,0)+IF('Standard Profiles'!$G$21=$B$17,14,0)+IF('Standard Profiles'!$G$21=$B$24,21,0),MOD($C5336,24)+1)/SUM(INDEX($D$3:$AA$30,INDEX(Jesper!$R$2:$R$366,ROW(INDEX(Jesper!AK$2:AK$366,ROUNDDOWN($C5336/24,0)+1,1))-1)+IF('Standard Profiles'!$G$21=$B$10,7,0)+IF('Standard Profiles'!$G$21=$B$17,14,0)+IF('Standard Profiles'!$G$21=$B$24,21,0),0)),0)</f>
        <v>0</v>
      </c>
      <c r="H5336" cm="1">
        <f t="array" ref="H5336">IFERROR(INDEX(Jesper!AL$2:AL$366,ROUNDDOWN($C5336/24,0)+1,1)*INDEX($D$3:$AA$30,INDEX(Jesper!$R$2:$R$366,ROW(INDEX(Jesper!AL$2:AL$366,ROUNDDOWN($C5336/24,0)+1,1))-1)+IF('Standard Profiles'!$G$22=$B$10,7,0)+IF('Standard Profiles'!$G$22=$B$17,14,0)+IF('Standard Profiles'!$G$22=$B$24,21,0),MOD($C5336,24)+1)/SUM(INDEX($D$3:$AA$30,INDEX(Jesper!$R$2:$R$366,ROW(INDEX(Jesper!AL$2:AL$366,ROUNDDOWN($C5336/24,0)+1,1))-1)+IF('Standard Profiles'!$G$22=$B$10,7,0)+IF('Standard Profiles'!$G$22=$B$17,14,0)+IF('Standard Profiles'!$G$22=$B$24,21,0),0)),0)</f>
        <v>0</v>
      </c>
      <c r="I5336">
        <f t="shared" si="594"/>
        <v>0.20485285894759314</v>
      </c>
      <c r="J5336">
        <f t="shared" si="595"/>
        <v>0.68284286315864384</v>
      </c>
      <c r="K5336">
        <f t="shared" si="596"/>
        <v>1.0242642947379657</v>
      </c>
      <c r="L5336">
        <f t="shared" si="597"/>
        <v>4.916468614742235</v>
      </c>
      <c r="M5336">
        <f t="shared" si="598"/>
        <v>0</v>
      </c>
      <c r="N5336" s="46">
        <f t="shared" si="599"/>
        <v>45512.916666653808</v>
      </c>
    </row>
    <row r="5337" spans="2:14" x14ac:dyDescent="0.3">
      <c r="B5337">
        <f t="shared" si="593"/>
        <v>4</v>
      </c>
      <c r="C5337" s="16">
        <v>5303</v>
      </c>
      <c r="D5337" cm="1">
        <f t="array" ref="D5337">IFERROR(INDEX(Jesper!AH$2:AH$366,ROUNDDOWN($C5337/24,0)+1,1)*INDEX($D$3:$AA$30,INDEX(Jesper!$R$2:$R$366,ROW(INDEX(Jesper!AH$2:AH$366,ROUNDDOWN($C5337/24,0)+1,1))-1)+IF('Standard Profiles'!$G$18=$B$10,7,0)+IF('Standard Profiles'!$G$18=$B$17,14,0)+IF('Standard Profiles'!$G$18=$B$24,21,0),MOD($C5337,24)+1)/SUM(INDEX($D$3:$AA$30,INDEX(Jesper!$R$2:$R$366,ROW(INDEX(Jesper!AH$2:AH$366,ROUNDDOWN($C5337/24,0)+1,1))-1)+IF('Standard Profiles'!$G$18=$B$10,7,0)+IF('Standard Profiles'!$G$18=$B$17,14,0)+IF('Standard Profiles'!$G$18=$B$24,21,0),0)),0)</f>
        <v>6.828428631586438</v>
      </c>
      <c r="E5337" cm="1">
        <f t="array" ref="E5337">IFERROR(INDEX(Jesper!AI$2:AI$366,ROUNDDOWN($C5337/24,0)+1,1)*INDEX($D$3:$AA$30,INDEX(Jesper!$R$2:$R$366,ROW(INDEX(Jesper!AI$2:AI$366,ROUNDDOWN($C5337/24,0)+1,1))-1)+IF('Standard Profiles'!$G$19=$B$10,7,0)+IF('Standard Profiles'!$G$19=$B$17,14,0)+IF('Standard Profiles'!$G$19=$B$24,21,0),MOD($C5337,24)+1)/SUM(INDEX($D$3:$AA$30,INDEX(Jesper!$R$2:$R$366,ROW(INDEX(Jesper!AI$2:AI$366,ROUNDDOWN($C5337/24,0)+1,1))-1)+IF('Standard Profiles'!$G$19=$B$10,7,0)+IF('Standard Profiles'!$G$19=$B$17,14,0)+IF('Standard Profiles'!$G$19=$B$24,21,0),0)),0)</f>
        <v>0</v>
      </c>
      <c r="F5337" cm="1">
        <f t="array" ref="F5337">IFERROR(INDEX(Jesper!AJ$2:AJ$366,ROUNDDOWN($C5337/24,0)+1,1)*INDEX($D$3:$AA$30,INDEX(Jesper!$R$2:$R$366,ROW(INDEX(Jesper!AJ$2:AJ$366,ROUNDDOWN($C5337/24,0)+1,1))-1)+IF('Standard Profiles'!$G$20=$B$10,7,0)+IF('Standard Profiles'!$G$20=$B$17,14,0)+IF('Standard Profiles'!$G$20=$B$24,21,0),MOD($C5337,24)+1)/SUM(INDEX($D$3:$AA$30,INDEX(Jesper!$R$2:$R$366,ROW(INDEX(Jesper!AJ$2:AJ$366,ROUNDDOWN($C5337/24,0)+1,1))-1)+IF('Standard Profiles'!$G$20=$B$10,7,0)+IF('Standard Profiles'!$G$20=$B$17,14,0)+IF('Standard Profiles'!$G$20=$B$24,21,0),0)),0)</f>
        <v>0</v>
      </c>
      <c r="G5337" cm="1">
        <f t="array" ref="G5337">IFERROR(INDEX(Jesper!AK$2:AK$366,ROUNDDOWN($C5337/24,0)+1,1)*INDEX($D$3:$AA$30,INDEX(Jesper!$R$2:$R$366,ROW(INDEX(Jesper!AK$2:AK$366,ROUNDDOWN($C5337/24,0)+1,1))-1)+IF('Standard Profiles'!$G$21=$B$10,7,0)+IF('Standard Profiles'!$G$21=$B$17,14,0)+IF('Standard Profiles'!$G$21=$B$24,21,0),MOD($C5337,24)+1)/SUM(INDEX($D$3:$AA$30,INDEX(Jesper!$R$2:$R$366,ROW(INDEX(Jesper!AK$2:AK$366,ROUNDDOWN($C5337/24,0)+1,1))-1)+IF('Standard Profiles'!$G$21=$B$10,7,0)+IF('Standard Profiles'!$G$21=$B$17,14,0)+IF('Standard Profiles'!$G$21=$B$24,21,0),0)),0)</f>
        <v>0</v>
      </c>
      <c r="H5337" cm="1">
        <f t="array" ref="H5337">IFERROR(INDEX(Jesper!AL$2:AL$366,ROUNDDOWN($C5337/24,0)+1,1)*INDEX($D$3:$AA$30,INDEX(Jesper!$R$2:$R$366,ROW(INDEX(Jesper!AL$2:AL$366,ROUNDDOWN($C5337/24,0)+1,1))-1)+IF('Standard Profiles'!$G$22=$B$10,7,0)+IF('Standard Profiles'!$G$22=$B$17,14,0)+IF('Standard Profiles'!$G$22=$B$24,21,0),MOD($C5337,24)+1)/SUM(INDEX($D$3:$AA$30,INDEX(Jesper!$R$2:$R$366,ROW(INDEX(Jesper!AL$2:AL$366,ROUNDDOWN($C5337/24,0)+1,1))-1)+IF('Standard Profiles'!$G$22=$B$10,7,0)+IF('Standard Profiles'!$G$22=$B$17,14,0)+IF('Standard Profiles'!$G$22=$B$24,21,0),0)),0)</f>
        <v>0</v>
      </c>
      <c r="I5337">
        <f t="shared" si="594"/>
        <v>0.20485285894759314</v>
      </c>
      <c r="J5337">
        <f t="shared" si="595"/>
        <v>0.68284286315864384</v>
      </c>
      <c r="K5337">
        <f t="shared" si="596"/>
        <v>1.0242642947379657</v>
      </c>
      <c r="L5337">
        <f t="shared" si="597"/>
        <v>4.916468614742235</v>
      </c>
      <c r="M5337">
        <f t="shared" si="598"/>
        <v>0</v>
      </c>
      <c r="N5337" s="46">
        <f t="shared" si="599"/>
        <v>45512.958333320472</v>
      </c>
    </row>
    <row r="5338" spans="2:14" x14ac:dyDescent="0.3">
      <c r="B5338">
        <f t="shared" si="593"/>
        <v>5</v>
      </c>
      <c r="C5338" s="16">
        <v>5304</v>
      </c>
      <c r="D5338" cm="1">
        <f t="array" ref="D5338">IFERROR(INDEX(Jesper!AH$2:AH$366,ROUNDDOWN($C5338/24,0)+1,1)*INDEX($D$3:$AA$30,INDEX(Jesper!$R$2:$R$366,ROW(INDEX(Jesper!AH$2:AH$366,ROUNDDOWN($C5338/24,0)+1,1))-1)+IF('Standard Profiles'!$G$18=$B$10,7,0)+IF('Standard Profiles'!$G$18=$B$17,14,0)+IF('Standard Profiles'!$G$18=$B$24,21,0),MOD($C5338,24)+1)/SUM(INDEX($D$3:$AA$30,INDEX(Jesper!$R$2:$R$366,ROW(INDEX(Jesper!AH$2:AH$366,ROUNDDOWN($C5338/24,0)+1,1))-1)+IF('Standard Profiles'!$G$18=$B$10,7,0)+IF('Standard Profiles'!$G$18=$B$17,14,0)+IF('Standard Profiles'!$G$18=$B$24,21,0),0)),0)</f>
        <v>7.5905862841092162</v>
      </c>
      <c r="E5338" cm="1">
        <f t="array" ref="E5338">IFERROR(INDEX(Jesper!AI$2:AI$366,ROUNDDOWN($C5338/24,0)+1,1)*INDEX($D$3:$AA$30,INDEX(Jesper!$R$2:$R$366,ROW(INDEX(Jesper!AI$2:AI$366,ROUNDDOWN($C5338/24,0)+1,1))-1)+IF('Standard Profiles'!$G$19=$B$10,7,0)+IF('Standard Profiles'!$G$19=$B$17,14,0)+IF('Standard Profiles'!$G$19=$B$24,21,0),MOD($C5338,24)+1)/SUM(INDEX($D$3:$AA$30,INDEX(Jesper!$R$2:$R$366,ROW(INDEX(Jesper!AI$2:AI$366,ROUNDDOWN($C5338/24,0)+1,1))-1)+IF('Standard Profiles'!$G$19=$B$10,7,0)+IF('Standard Profiles'!$G$19=$B$17,14,0)+IF('Standard Profiles'!$G$19=$B$24,21,0),0)),0)</f>
        <v>0</v>
      </c>
      <c r="F5338" cm="1">
        <f t="array" ref="F5338">IFERROR(INDEX(Jesper!AJ$2:AJ$366,ROUNDDOWN($C5338/24,0)+1,1)*INDEX($D$3:$AA$30,INDEX(Jesper!$R$2:$R$366,ROW(INDEX(Jesper!AJ$2:AJ$366,ROUNDDOWN($C5338/24,0)+1,1))-1)+IF('Standard Profiles'!$G$20=$B$10,7,0)+IF('Standard Profiles'!$G$20=$B$17,14,0)+IF('Standard Profiles'!$G$20=$B$24,21,0),MOD($C5338,24)+1)/SUM(INDEX($D$3:$AA$30,INDEX(Jesper!$R$2:$R$366,ROW(INDEX(Jesper!AJ$2:AJ$366,ROUNDDOWN($C5338/24,0)+1,1))-1)+IF('Standard Profiles'!$G$20=$B$10,7,0)+IF('Standard Profiles'!$G$20=$B$17,14,0)+IF('Standard Profiles'!$G$20=$B$24,21,0),0)),0)</f>
        <v>0</v>
      </c>
      <c r="G5338" cm="1">
        <f t="array" ref="G5338">IFERROR(INDEX(Jesper!AK$2:AK$366,ROUNDDOWN($C5338/24,0)+1,1)*INDEX($D$3:$AA$30,INDEX(Jesper!$R$2:$R$366,ROW(INDEX(Jesper!AK$2:AK$366,ROUNDDOWN($C5338/24,0)+1,1))-1)+IF('Standard Profiles'!$G$21=$B$10,7,0)+IF('Standard Profiles'!$G$21=$B$17,14,0)+IF('Standard Profiles'!$G$21=$B$24,21,0),MOD($C5338,24)+1)/SUM(INDEX($D$3:$AA$30,INDEX(Jesper!$R$2:$R$366,ROW(INDEX(Jesper!AK$2:AK$366,ROUNDDOWN($C5338/24,0)+1,1))-1)+IF('Standard Profiles'!$G$21=$B$10,7,0)+IF('Standard Profiles'!$G$21=$B$17,14,0)+IF('Standard Profiles'!$G$21=$B$24,21,0),0)),0)</f>
        <v>0</v>
      </c>
      <c r="H5338" cm="1">
        <f t="array" ref="H5338">IFERROR(INDEX(Jesper!AL$2:AL$366,ROUNDDOWN($C5338/24,0)+1,1)*INDEX($D$3:$AA$30,INDEX(Jesper!$R$2:$R$366,ROW(INDEX(Jesper!AL$2:AL$366,ROUNDDOWN($C5338/24,0)+1,1))-1)+IF('Standard Profiles'!$G$22=$B$10,7,0)+IF('Standard Profiles'!$G$22=$B$17,14,0)+IF('Standard Profiles'!$G$22=$B$24,21,0),MOD($C5338,24)+1)/SUM(INDEX($D$3:$AA$30,INDEX(Jesper!$R$2:$R$366,ROW(INDEX(Jesper!AL$2:AL$366,ROUNDDOWN($C5338/24,0)+1,1))-1)+IF('Standard Profiles'!$G$22=$B$10,7,0)+IF('Standard Profiles'!$G$22=$B$17,14,0)+IF('Standard Profiles'!$G$22=$B$24,21,0),0)),0)</f>
        <v>0</v>
      </c>
      <c r="I5338">
        <f t="shared" si="594"/>
        <v>0.22771758852327648</v>
      </c>
      <c r="J5338">
        <f t="shared" si="595"/>
        <v>0.75905862841092164</v>
      </c>
      <c r="K5338">
        <f t="shared" si="596"/>
        <v>1.1385879426163823</v>
      </c>
      <c r="L5338">
        <f t="shared" si="597"/>
        <v>5.4652221245586352</v>
      </c>
      <c r="M5338">
        <f t="shared" si="598"/>
        <v>0</v>
      </c>
      <c r="N5338" s="46">
        <f t="shared" si="599"/>
        <v>45512.999999987136</v>
      </c>
    </row>
    <row r="5339" spans="2:14" x14ac:dyDescent="0.3">
      <c r="B5339">
        <f t="shared" si="593"/>
        <v>5</v>
      </c>
      <c r="C5339" s="16">
        <v>5305</v>
      </c>
      <c r="D5339" cm="1">
        <f t="array" ref="D5339">IFERROR(INDEX(Jesper!AH$2:AH$366,ROUNDDOWN($C5339/24,0)+1,1)*INDEX($D$3:$AA$30,INDEX(Jesper!$R$2:$R$366,ROW(INDEX(Jesper!AH$2:AH$366,ROUNDDOWN($C5339/24,0)+1,1))-1)+IF('Standard Profiles'!$G$18=$B$10,7,0)+IF('Standard Profiles'!$G$18=$B$17,14,0)+IF('Standard Profiles'!$G$18=$B$24,21,0),MOD($C5339,24)+1)/SUM(INDEX($D$3:$AA$30,INDEX(Jesper!$R$2:$R$366,ROW(INDEX(Jesper!AH$2:AH$366,ROUNDDOWN($C5339/24,0)+1,1))-1)+IF('Standard Profiles'!$G$18=$B$10,7,0)+IF('Standard Profiles'!$G$18=$B$17,14,0)+IF('Standard Profiles'!$G$18=$B$24,21,0),0)),0)</f>
        <v>7.5905862841092162</v>
      </c>
      <c r="E5339" cm="1">
        <f t="array" ref="E5339">IFERROR(INDEX(Jesper!AI$2:AI$366,ROUNDDOWN($C5339/24,0)+1,1)*INDEX($D$3:$AA$30,INDEX(Jesper!$R$2:$R$366,ROW(INDEX(Jesper!AI$2:AI$366,ROUNDDOWN($C5339/24,0)+1,1))-1)+IF('Standard Profiles'!$G$19=$B$10,7,0)+IF('Standard Profiles'!$G$19=$B$17,14,0)+IF('Standard Profiles'!$G$19=$B$24,21,0),MOD($C5339,24)+1)/SUM(INDEX($D$3:$AA$30,INDEX(Jesper!$R$2:$R$366,ROW(INDEX(Jesper!AI$2:AI$366,ROUNDDOWN($C5339/24,0)+1,1))-1)+IF('Standard Profiles'!$G$19=$B$10,7,0)+IF('Standard Profiles'!$G$19=$B$17,14,0)+IF('Standard Profiles'!$G$19=$B$24,21,0),0)),0)</f>
        <v>0</v>
      </c>
      <c r="F5339" cm="1">
        <f t="array" ref="F5339">IFERROR(INDEX(Jesper!AJ$2:AJ$366,ROUNDDOWN($C5339/24,0)+1,1)*INDEX($D$3:$AA$30,INDEX(Jesper!$R$2:$R$366,ROW(INDEX(Jesper!AJ$2:AJ$366,ROUNDDOWN($C5339/24,0)+1,1))-1)+IF('Standard Profiles'!$G$20=$B$10,7,0)+IF('Standard Profiles'!$G$20=$B$17,14,0)+IF('Standard Profiles'!$G$20=$B$24,21,0),MOD($C5339,24)+1)/SUM(INDEX($D$3:$AA$30,INDEX(Jesper!$R$2:$R$366,ROW(INDEX(Jesper!AJ$2:AJ$366,ROUNDDOWN($C5339/24,0)+1,1))-1)+IF('Standard Profiles'!$G$20=$B$10,7,0)+IF('Standard Profiles'!$G$20=$B$17,14,0)+IF('Standard Profiles'!$G$20=$B$24,21,0),0)),0)</f>
        <v>0</v>
      </c>
      <c r="G5339" cm="1">
        <f t="array" ref="G5339">IFERROR(INDEX(Jesper!AK$2:AK$366,ROUNDDOWN($C5339/24,0)+1,1)*INDEX($D$3:$AA$30,INDEX(Jesper!$R$2:$R$366,ROW(INDEX(Jesper!AK$2:AK$366,ROUNDDOWN($C5339/24,0)+1,1))-1)+IF('Standard Profiles'!$G$21=$B$10,7,0)+IF('Standard Profiles'!$G$21=$B$17,14,0)+IF('Standard Profiles'!$G$21=$B$24,21,0),MOD($C5339,24)+1)/SUM(INDEX($D$3:$AA$30,INDEX(Jesper!$R$2:$R$366,ROW(INDEX(Jesper!AK$2:AK$366,ROUNDDOWN($C5339/24,0)+1,1))-1)+IF('Standard Profiles'!$G$21=$B$10,7,0)+IF('Standard Profiles'!$G$21=$B$17,14,0)+IF('Standard Profiles'!$G$21=$B$24,21,0),0)),0)</f>
        <v>0</v>
      </c>
      <c r="H5339" cm="1">
        <f t="array" ref="H5339">IFERROR(INDEX(Jesper!AL$2:AL$366,ROUNDDOWN($C5339/24,0)+1,1)*INDEX($D$3:$AA$30,INDEX(Jesper!$R$2:$R$366,ROW(INDEX(Jesper!AL$2:AL$366,ROUNDDOWN($C5339/24,0)+1,1))-1)+IF('Standard Profiles'!$G$22=$B$10,7,0)+IF('Standard Profiles'!$G$22=$B$17,14,0)+IF('Standard Profiles'!$G$22=$B$24,21,0),MOD($C5339,24)+1)/SUM(INDEX($D$3:$AA$30,INDEX(Jesper!$R$2:$R$366,ROW(INDEX(Jesper!AL$2:AL$366,ROUNDDOWN($C5339/24,0)+1,1))-1)+IF('Standard Profiles'!$G$22=$B$10,7,0)+IF('Standard Profiles'!$G$22=$B$17,14,0)+IF('Standard Profiles'!$G$22=$B$24,21,0),0)),0)</f>
        <v>0</v>
      </c>
      <c r="I5339">
        <f t="shared" si="594"/>
        <v>0.22771758852327648</v>
      </c>
      <c r="J5339">
        <f t="shared" si="595"/>
        <v>0.75905862841092164</v>
      </c>
      <c r="K5339">
        <f t="shared" si="596"/>
        <v>1.1385879426163823</v>
      </c>
      <c r="L5339">
        <f t="shared" si="597"/>
        <v>5.4652221245586352</v>
      </c>
      <c r="M5339">
        <f t="shared" si="598"/>
        <v>0</v>
      </c>
      <c r="N5339" s="46">
        <f t="shared" si="599"/>
        <v>45513.0416666538</v>
      </c>
    </row>
    <row r="5340" spans="2:14" x14ac:dyDescent="0.3">
      <c r="B5340">
        <f t="shared" si="593"/>
        <v>5</v>
      </c>
      <c r="C5340" s="16">
        <v>5306</v>
      </c>
      <c r="D5340" cm="1">
        <f t="array" ref="D5340">IFERROR(INDEX(Jesper!AH$2:AH$366,ROUNDDOWN($C5340/24,0)+1,1)*INDEX($D$3:$AA$30,INDEX(Jesper!$R$2:$R$366,ROW(INDEX(Jesper!AH$2:AH$366,ROUNDDOWN($C5340/24,0)+1,1))-1)+IF('Standard Profiles'!$G$18=$B$10,7,0)+IF('Standard Profiles'!$G$18=$B$17,14,0)+IF('Standard Profiles'!$G$18=$B$24,21,0),MOD($C5340,24)+1)/SUM(INDEX($D$3:$AA$30,INDEX(Jesper!$R$2:$R$366,ROW(INDEX(Jesper!AH$2:AH$366,ROUNDDOWN($C5340/24,0)+1,1))-1)+IF('Standard Profiles'!$G$18=$B$10,7,0)+IF('Standard Profiles'!$G$18=$B$17,14,0)+IF('Standard Profiles'!$G$18=$B$24,21,0),0)),0)</f>
        <v>7.5905862841092162</v>
      </c>
      <c r="E5340" cm="1">
        <f t="array" ref="E5340">IFERROR(INDEX(Jesper!AI$2:AI$366,ROUNDDOWN($C5340/24,0)+1,1)*INDEX($D$3:$AA$30,INDEX(Jesper!$R$2:$R$366,ROW(INDEX(Jesper!AI$2:AI$366,ROUNDDOWN($C5340/24,0)+1,1))-1)+IF('Standard Profiles'!$G$19=$B$10,7,0)+IF('Standard Profiles'!$G$19=$B$17,14,0)+IF('Standard Profiles'!$G$19=$B$24,21,0),MOD($C5340,24)+1)/SUM(INDEX($D$3:$AA$30,INDEX(Jesper!$R$2:$R$366,ROW(INDEX(Jesper!AI$2:AI$366,ROUNDDOWN($C5340/24,0)+1,1))-1)+IF('Standard Profiles'!$G$19=$B$10,7,0)+IF('Standard Profiles'!$G$19=$B$17,14,0)+IF('Standard Profiles'!$G$19=$B$24,21,0),0)),0)</f>
        <v>0</v>
      </c>
      <c r="F5340" cm="1">
        <f t="array" ref="F5340">IFERROR(INDEX(Jesper!AJ$2:AJ$366,ROUNDDOWN($C5340/24,0)+1,1)*INDEX($D$3:$AA$30,INDEX(Jesper!$R$2:$R$366,ROW(INDEX(Jesper!AJ$2:AJ$366,ROUNDDOWN($C5340/24,0)+1,1))-1)+IF('Standard Profiles'!$G$20=$B$10,7,0)+IF('Standard Profiles'!$G$20=$B$17,14,0)+IF('Standard Profiles'!$G$20=$B$24,21,0),MOD($C5340,24)+1)/SUM(INDEX($D$3:$AA$30,INDEX(Jesper!$R$2:$R$366,ROW(INDEX(Jesper!AJ$2:AJ$366,ROUNDDOWN($C5340/24,0)+1,1))-1)+IF('Standard Profiles'!$G$20=$B$10,7,0)+IF('Standard Profiles'!$G$20=$B$17,14,0)+IF('Standard Profiles'!$G$20=$B$24,21,0),0)),0)</f>
        <v>0</v>
      </c>
      <c r="G5340" cm="1">
        <f t="array" ref="G5340">IFERROR(INDEX(Jesper!AK$2:AK$366,ROUNDDOWN($C5340/24,0)+1,1)*INDEX($D$3:$AA$30,INDEX(Jesper!$R$2:$R$366,ROW(INDEX(Jesper!AK$2:AK$366,ROUNDDOWN($C5340/24,0)+1,1))-1)+IF('Standard Profiles'!$G$21=$B$10,7,0)+IF('Standard Profiles'!$G$21=$B$17,14,0)+IF('Standard Profiles'!$G$21=$B$24,21,0),MOD($C5340,24)+1)/SUM(INDEX($D$3:$AA$30,INDEX(Jesper!$R$2:$R$366,ROW(INDEX(Jesper!AK$2:AK$366,ROUNDDOWN($C5340/24,0)+1,1))-1)+IF('Standard Profiles'!$G$21=$B$10,7,0)+IF('Standard Profiles'!$G$21=$B$17,14,0)+IF('Standard Profiles'!$G$21=$B$24,21,0),0)),0)</f>
        <v>0</v>
      </c>
      <c r="H5340" cm="1">
        <f t="array" ref="H5340">IFERROR(INDEX(Jesper!AL$2:AL$366,ROUNDDOWN($C5340/24,0)+1,1)*INDEX($D$3:$AA$30,INDEX(Jesper!$R$2:$R$366,ROW(INDEX(Jesper!AL$2:AL$366,ROUNDDOWN($C5340/24,0)+1,1))-1)+IF('Standard Profiles'!$G$22=$B$10,7,0)+IF('Standard Profiles'!$G$22=$B$17,14,0)+IF('Standard Profiles'!$G$22=$B$24,21,0),MOD($C5340,24)+1)/SUM(INDEX($D$3:$AA$30,INDEX(Jesper!$R$2:$R$366,ROW(INDEX(Jesper!AL$2:AL$366,ROUNDDOWN($C5340/24,0)+1,1))-1)+IF('Standard Profiles'!$G$22=$B$10,7,0)+IF('Standard Profiles'!$G$22=$B$17,14,0)+IF('Standard Profiles'!$G$22=$B$24,21,0),0)),0)</f>
        <v>0</v>
      </c>
      <c r="I5340">
        <f t="shared" si="594"/>
        <v>0.22771758852327648</v>
      </c>
      <c r="J5340">
        <f t="shared" si="595"/>
        <v>0.75905862841092164</v>
      </c>
      <c r="K5340">
        <f t="shared" si="596"/>
        <v>1.1385879426163823</v>
      </c>
      <c r="L5340">
        <f t="shared" si="597"/>
        <v>5.4652221245586352</v>
      </c>
      <c r="M5340">
        <f t="shared" si="598"/>
        <v>0</v>
      </c>
      <c r="N5340" s="46">
        <f t="shared" si="599"/>
        <v>45513.083333320465</v>
      </c>
    </row>
    <row r="5341" spans="2:14" x14ac:dyDescent="0.3">
      <c r="B5341">
        <f t="shared" si="593"/>
        <v>5</v>
      </c>
      <c r="C5341" s="16">
        <v>5307</v>
      </c>
      <c r="D5341" cm="1">
        <f t="array" ref="D5341">IFERROR(INDEX(Jesper!AH$2:AH$366,ROUNDDOWN($C5341/24,0)+1,1)*INDEX($D$3:$AA$30,INDEX(Jesper!$R$2:$R$366,ROW(INDEX(Jesper!AH$2:AH$366,ROUNDDOWN($C5341/24,0)+1,1))-1)+IF('Standard Profiles'!$G$18=$B$10,7,0)+IF('Standard Profiles'!$G$18=$B$17,14,0)+IF('Standard Profiles'!$G$18=$B$24,21,0),MOD($C5341,24)+1)/SUM(INDEX($D$3:$AA$30,INDEX(Jesper!$R$2:$R$366,ROW(INDEX(Jesper!AH$2:AH$366,ROUNDDOWN($C5341/24,0)+1,1))-1)+IF('Standard Profiles'!$G$18=$B$10,7,0)+IF('Standard Profiles'!$G$18=$B$17,14,0)+IF('Standard Profiles'!$G$18=$B$24,21,0),0)),0)</f>
        <v>7.5905862841092162</v>
      </c>
      <c r="E5341" cm="1">
        <f t="array" ref="E5341">IFERROR(INDEX(Jesper!AI$2:AI$366,ROUNDDOWN($C5341/24,0)+1,1)*INDEX($D$3:$AA$30,INDEX(Jesper!$R$2:$R$366,ROW(INDEX(Jesper!AI$2:AI$366,ROUNDDOWN($C5341/24,0)+1,1))-1)+IF('Standard Profiles'!$G$19=$B$10,7,0)+IF('Standard Profiles'!$G$19=$B$17,14,0)+IF('Standard Profiles'!$G$19=$B$24,21,0),MOD($C5341,24)+1)/SUM(INDEX($D$3:$AA$30,INDEX(Jesper!$R$2:$R$366,ROW(INDEX(Jesper!AI$2:AI$366,ROUNDDOWN($C5341/24,0)+1,1))-1)+IF('Standard Profiles'!$G$19=$B$10,7,0)+IF('Standard Profiles'!$G$19=$B$17,14,0)+IF('Standard Profiles'!$G$19=$B$24,21,0),0)),0)</f>
        <v>0</v>
      </c>
      <c r="F5341" cm="1">
        <f t="array" ref="F5341">IFERROR(INDEX(Jesper!AJ$2:AJ$366,ROUNDDOWN($C5341/24,0)+1,1)*INDEX($D$3:$AA$30,INDEX(Jesper!$R$2:$R$366,ROW(INDEX(Jesper!AJ$2:AJ$366,ROUNDDOWN($C5341/24,0)+1,1))-1)+IF('Standard Profiles'!$G$20=$B$10,7,0)+IF('Standard Profiles'!$G$20=$B$17,14,0)+IF('Standard Profiles'!$G$20=$B$24,21,0),MOD($C5341,24)+1)/SUM(INDEX($D$3:$AA$30,INDEX(Jesper!$R$2:$R$366,ROW(INDEX(Jesper!AJ$2:AJ$366,ROUNDDOWN($C5341/24,0)+1,1))-1)+IF('Standard Profiles'!$G$20=$B$10,7,0)+IF('Standard Profiles'!$G$20=$B$17,14,0)+IF('Standard Profiles'!$G$20=$B$24,21,0),0)),0)</f>
        <v>0</v>
      </c>
      <c r="G5341" cm="1">
        <f t="array" ref="G5341">IFERROR(INDEX(Jesper!AK$2:AK$366,ROUNDDOWN($C5341/24,0)+1,1)*INDEX($D$3:$AA$30,INDEX(Jesper!$R$2:$R$366,ROW(INDEX(Jesper!AK$2:AK$366,ROUNDDOWN($C5341/24,0)+1,1))-1)+IF('Standard Profiles'!$G$21=$B$10,7,0)+IF('Standard Profiles'!$G$21=$B$17,14,0)+IF('Standard Profiles'!$G$21=$B$24,21,0),MOD($C5341,24)+1)/SUM(INDEX($D$3:$AA$30,INDEX(Jesper!$R$2:$R$366,ROW(INDEX(Jesper!AK$2:AK$366,ROUNDDOWN($C5341/24,0)+1,1))-1)+IF('Standard Profiles'!$G$21=$B$10,7,0)+IF('Standard Profiles'!$G$21=$B$17,14,0)+IF('Standard Profiles'!$G$21=$B$24,21,0),0)),0)</f>
        <v>0</v>
      </c>
      <c r="H5341" cm="1">
        <f t="array" ref="H5341">IFERROR(INDEX(Jesper!AL$2:AL$366,ROUNDDOWN($C5341/24,0)+1,1)*INDEX($D$3:$AA$30,INDEX(Jesper!$R$2:$R$366,ROW(INDEX(Jesper!AL$2:AL$366,ROUNDDOWN($C5341/24,0)+1,1))-1)+IF('Standard Profiles'!$G$22=$B$10,7,0)+IF('Standard Profiles'!$G$22=$B$17,14,0)+IF('Standard Profiles'!$G$22=$B$24,21,0),MOD($C5341,24)+1)/SUM(INDEX($D$3:$AA$30,INDEX(Jesper!$R$2:$R$366,ROW(INDEX(Jesper!AL$2:AL$366,ROUNDDOWN($C5341/24,0)+1,1))-1)+IF('Standard Profiles'!$G$22=$B$10,7,0)+IF('Standard Profiles'!$G$22=$B$17,14,0)+IF('Standard Profiles'!$G$22=$B$24,21,0),0)),0)</f>
        <v>0</v>
      </c>
      <c r="I5341">
        <f t="shared" si="594"/>
        <v>0.22771758852327648</v>
      </c>
      <c r="J5341">
        <f t="shared" si="595"/>
        <v>0.75905862841092164</v>
      </c>
      <c r="K5341">
        <f t="shared" si="596"/>
        <v>1.1385879426163823</v>
      </c>
      <c r="L5341">
        <f t="shared" si="597"/>
        <v>5.4652221245586352</v>
      </c>
      <c r="M5341">
        <f t="shared" si="598"/>
        <v>0</v>
      </c>
      <c r="N5341" s="46">
        <f t="shared" si="599"/>
        <v>45513.124999987129</v>
      </c>
    </row>
    <row r="5342" spans="2:14" x14ac:dyDescent="0.3">
      <c r="B5342">
        <f t="shared" si="593"/>
        <v>5</v>
      </c>
      <c r="C5342" s="16">
        <v>5308</v>
      </c>
      <c r="D5342" cm="1">
        <f t="array" ref="D5342">IFERROR(INDEX(Jesper!AH$2:AH$366,ROUNDDOWN($C5342/24,0)+1,1)*INDEX($D$3:$AA$30,INDEX(Jesper!$R$2:$R$366,ROW(INDEX(Jesper!AH$2:AH$366,ROUNDDOWN($C5342/24,0)+1,1))-1)+IF('Standard Profiles'!$G$18=$B$10,7,0)+IF('Standard Profiles'!$G$18=$B$17,14,0)+IF('Standard Profiles'!$G$18=$B$24,21,0),MOD($C5342,24)+1)/SUM(INDEX($D$3:$AA$30,INDEX(Jesper!$R$2:$R$366,ROW(INDEX(Jesper!AH$2:AH$366,ROUNDDOWN($C5342/24,0)+1,1))-1)+IF('Standard Profiles'!$G$18=$B$10,7,0)+IF('Standard Profiles'!$G$18=$B$17,14,0)+IF('Standard Profiles'!$G$18=$B$24,21,0),0)),0)</f>
        <v>7.5905862841092162</v>
      </c>
      <c r="E5342" cm="1">
        <f t="array" ref="E5342">IFERROR(INDEX(Jesper!AI$2:AI$366,ROUNDDOWN($C5342/24,0)+1,1)*INDEX($D$3:$AA$30,INDEX(Jesper!$R$2:$R$366,ROW(INDEX(Jesper!AI$2:AI$366,ROUNDDOWN($C5342/24,0)+1,1))-1)+IF('Standard Profiles'!$G$19=$B$10,7,0)+IF('Standard Profiles'!$G$19=$B$17,14,0)+IF('Standard Profiles'!$G$19=$B$24,21,0),MOD($C5342,24)+1)/SUM(INDEX($D$3:$AA$30,INDEX(Jesper!$R$2:$R$366,ROW(INDEX(Jesper!AI$2:AI$366,ROUNDDOWN($C5342/24,0)+1,1))-1)+IF('Standard Profiles'!$G$19=$B$10,7,0)+IF('Standard Profiles'!$G$19=$B$17,14,0)+IF('Standard Profiles'!$G$19=$B$24,21,0),0)),0)</f>
        <v>0</v>
      </c>
      <c r="F5342" cm="1">
        <f t="array" ref="F5342">IFERROR(INDEX(Jesper!AJ$2:AJ$366,ROUNDDOWN($C5342/24,0)+1,1)*INDEX($D$3:$AA$30,INDEX(Jesper!$R$2:$R$366,ROW(INDEX(Jesper!AJ$2:AJ$366,ROUNDDOWN($C5342/24,0)+1,1))-1)+IF('Standard Profiles'!$G$20=$B$10,7,0)+IF('Standard Profiles'!$G$20=$B$17,14,0)+IF('Standard Profiles'!$G$20=$B$24,21,0),MOD($C5342,24)+1)/SUM(INDEX($D$3:$AA$30,INDEX(Jesper!$R$2:$R$366,ROW(INDEX(Jesper!AJ$2:AJ$366,ROUNDDOWN($C5342/24,0)+1,1))-1)+IF('Standard Profiles'!$G$20=$B$10,7,0)+IF('Standard Profiles'!$G$20=$B$17,14,0)+IF('Standard Profiles'!$G$20=$B$24,21,0),0)),0)</f>
        <v>0</v>
      </c>
      <c r="G5342" cm="1">
        <f t="array" ref="G5342">IFERROR(INDEX(Jesper!AK$2:AK$366,ROUNDDOWN($C5342/24,0)+1,1)*INDEX($D$3:$AA$30,INDEX(Jesper!$R$2:$R$366,ROW(INDEX(Jesper!AK$2:AK$366,ROUNDDOWN($C5342/24,0)+1,1))-1)+IF('Standard Profiles'!$G$21=$B$10,7,0)+IF('Standard Profiles'!$G$21=$B$17,14,0)+IF('Standard Profiles'!$G$21=$B$24,21,0),MOD($C5342,24)+1)/SUM(INDEX($D$3:$AA$30,INDEX(Jesper!$R$2:$R$366,ROW(INDEX(Jesper!AK$2:AK$366,ROUNDDOWN($C5342/24,0)+1,1))-1)+IF('Standard Profiles'!$G$21=$B$10,7,0)+IF('Standard Profiles'!$G$21=$B$17,14,0)+IF('Standard Profiles'!$G$21=$B$24,21,0),0)),0)</f>
        <v>0</v>
      </c>
      <c r="H5342" cm="1">
        <f t="array" ref="H5342">IFERROR(INDEX(Jesper!AL$2:AL$366,ROUNDDOWN($C5342/24,0)+1,1)*INDEX($D$3:$AA$30,INDEX(Jesper!$R$2:$R$366,ROW(INDEX(Jesper!AL$2:AL$366,ROUNDDOWN($C5342/24,0)+1,1))-1)+IF('Standard Profiles'!$G$22=$B$10,7,0)+IF('Standard Profiles'!$G$22=$B$17,14,0)+IF('Standard Profiles'!$G$22=$B$24,21,0),MOD($C5342,24)+1)/SUM(INDEX($D$3:$AA$30,INDEX(Jesper!$R$2:$R$366,ROW(INDEX(Jesper!AL$2:AL$366,ROUNDDOWN($C5342/24,0)+1,1))-1)+IF('Standard Profiles'!$G$22=$B$10,7,0)+IF('Standard Profiles'!$G$22=$B$17,14,0)+IF('Standard Profiles'!$G$22=$B$24,21,0),0)),0)</f>
        <v>0</v>
      </c>
      <c r="I5342">
        <f t="shared" si="594"/>
        <v>0.22771758852327648</v>
      </c>
      <c r="J5342">
        <f t="shared" si="595"/>
        <v>0.75905862841092164</v>
      </c>
      <c r="K5342">
        <f t="shared" si="596"/>
        <v>1.1385879426163823</v>
      </c>
      <c r="L5342">
        <f t="shared" si="597"/>
        <v>5.4652221245586352</v>
      </c>
      <c r="M5342">
        <f t="shared" si="598"/>
        <v>0</v>
      </c>
      <c r="N5342" s="46">
        <f t="shared" si="599"/>
        <v>45513.166666653793</v>
      </c>
    </row>
    <row r="5343" spans="2:14" x14ac:dyDescent="0.3">
      <c r="B5343">
        <f t="shared" si="593"/>
        <v>5</v>
      </c>
      <c r="C5343" s="16">
        <v>5309</v>
      </c>
      <c r="D5343" cm="1">
        <f t="array" ref="D5343">IFERROR(INDEX(Jesper!AH$2:AH$366,ROUNDDOWN($C5343/24,0)+1,1)*INDEX($D$3:$AA$30,INDEX(Jesper!$R$2:$R$366,ROW(INDEX(Jesper!AH$2:AH$366,ROUNDDOWN($C5343/24,0)+1,1))-1)+IF('Standard Profiles'!$G$18=$B$10,7,0)+IF('Standard Profiles'!$G$18=$B$17,14,0)+IF('Standard Profiles'!$G$18=$B$24,21,0),MOD($C5343,24)+1)/SUM(INDEX($D$3:$AA$30,INDEX(Jesper!$R$2:$R$366,ROW(INDEX(Jesper!AH$2:AH$366,ROUNDDOWN($C5343/24,0)+1,1))-1)+IF('Standard Profiles'!$G$18=$B$10,7,0)+IF('Standard Profiles'!$G$18=$B$17,14,0)+IF('Standard Profiles'!$G$18=$B$24,21,0),0)),0)</f>
        <v>9.7834223217407672</v>
      </c>
      <c r="E5343" cm="1">
        <f t="array" ref="E5343">IFERROR(INDEX(Jesper!AI$2:AI$366,ROUNDDOWN($C5343/24,0)+1,1)*INDEX($D$3:$AA$30,INDEX(Jesper!$R$2:$R$366,ROW(INDEX(Jesper!AI$2:AI$366,ROUNDDOWN($C5343/24,0)+1,1))-1)+IF('Standard Profiles'!$G$19=$B$10,7,0)+IF('Standard Profiles'!$G$19=$B$17,14,0)+IF('Standard Profiles'!$G$19=$B$24,21,0),MOD($C5343,24)+1)/SUM(INDEX($D$3:$AA$30,INDEX(Jesper!$R$2:$R$366,ROW(INDEX(Jesper!AI$2:AI$366,ROUNDDOWN($C5343/24,0)+1,1))-1)+IF('Standard Profiles'!$G$19=$B$10,7,0)+IF('Standard Profiles'!$G$19=$B$17,14,0)+IF('Standard Profiles'!$G$19=$B$24,21,0),0)),0)</f>
        <v>0</v>
      </c>
      <c r="F5343" cm="1">
        <f t="array" ref="F5343">IFERROR(INDEX(Jesper!AJ$2:AJ$366,ROUNDDOWN($C5343/24,0)+1,1)*INDEX($D$3:$AA$30,INDEX(Jesper!$R$2:$R$366,ROW(INDEX(Jesper!AJ$2:AJ$366,ROUNDDOWN($C5343/24,0)+1,1))-1)+IF('Standard Profiles'!$G$20=$B$10,7,0)+IF('Standard Profiles'!$G$20=$B$17,14,0)+IF('Standard Profiles'!$G$20=$B$24,21,0),MOD($C5343,24)+1)/SUM(INDEX($D$3:$AA$30,INDEX(Jesper!$R$2:$R$366,ROW(INDEX(Jesper!AJ$2:AJ$366,ROUNDDOWN($C5343/24,0)+1,1))-1)+IF('Standard Profiles'!$G$20=$B$10,7,0)+IF('Standard Profiles'!$G$20=$B$17,14,0)+IF('Standard Profiles'!$G$20=$B$24,21,0),0)),0)</f>
        <v>0</v>
      </c>
      <c r="G5343" cm="1">
        <f t="array" ref="G5343">IFERROR(INDEX(Jesper!AK$2:AK$366,ROUNDDOWN($C5343/24,0)+1,1)*INDEX($D$3:$AA$30,INDEX(Jesper!$R$2:$R$366,ROW(INDEX(Jesper!AK$2:AK$366,ROUNDDOWN($C5343/24,0)+1,1))-1)+IF('Standard Profiles'!$G$21=$B$10,7,0)+IF('Standard Profiles'!$G$21=$B$17,14,0)+IF('Standard Profiles'!$G$21=$B$24,21,0),MOD($C5343,24)+1)/SUM(INDEX($D$3:$AA$30,INDEX(Jesper!$R$2:$R$366,ROW(INDEX(Jesper!AK$2:AK$366,ROUNDDOWN($C5343/24,0)+1,1))-1)+IF('Standard Profiles'!$G$21=$B$10,7,0)+IF('Standard Profiles'!$G$21=$B$17,14,0)+IF('Standard Profiles'!$G$21=$B$24,21,0),0)),0)</f>
        <v>0</v>
      </c>
      <c r="H5343" cm="1">
        <f t="array" ref="H5343">IFERROR(INDEX(Jesper!AL$2:AL$366,ROUNDDOWN($C5343/24,0)+1,1)*INDEX($D$3:$AA$30,INDEX(Jesper!$R$2:$R$366,ROW(INDEX(Jesper!AL$2:AL$366,ROUNDDOWN($C5343/24,0)+1,1))-1)+IF('Standard Profiles'!$G$22=$B$10,7,0)+IF('Standard Profiles'!$G$22=$B$17,14,0)+IF('Standard Profiles'!$G$22=$B$24,21,0),MOD($C5343,24)+1)/SUM(INDEX($D$3:$AA$30,INDEX(Jesper!$R$2:$R$366,ROW(INDEX(Jesper!AL$2:AL$366,ROUNDDOWN($C5343/24,0)+1,1))-1)+IF('Standard Profiles'!$G$22=$B$10,7,0)+IF('Standard Profiles'!$G$22=$B$17,14,0)+IF('Standard Profiles'!$G$22=$B$24,21,0),0)),0)</f>
        <v>0</v>
      </c>
      <c r="I5343">
        <f t="shared" si="594"/>
        <v>0.29350266965222299</v>
      </c>
      <c r="J5343">
        <f t="shared" si="595"/>
        <v>0.97834223217407679</v>
      </c>
      <c r="K5343">
        <f t="shared" si="596"/>
        <v>1.4675133482611151</v>
      </c>
      <c r="L5343">
        <f t="shared" si="597"/>
        <v>7.0440640716533522</v>
      </c>
      <c r="M5343">
        <f t="shared" si="598"/>
        <v>0</v>
      </c>
      <c r="N5343" s="46">
        <f t="shared" si="599"/>
        <v>45513.208333320457</v>
      </c>
    </row>
    <row r="5344" spans="2:14" x14ac:dyDescent="0.3">
      <c r="B5344">
        <f t="shared" si="593"/>
        <v>5</v>
      </c>
      <c r="C5344" s="16">
        <v>5310</v>
      </c>
      <c r="D5344" cm="1">
        <f t="array" ref="D5344">IFERROR(INDEX(Jesper!AH$2:AH$366,ROUNDDOWN($C5344/24,0)+1,1)*INDEX($D$3:$AA$30,INDEX(Jesper!$R$2:$R$366,ROW(INDEX(Jesper!AH$2:AH$366,ROUNDDOWN($C5344/24,0)+1,1))-1)+IF('Standard Profiles'!$G$18=$B$10,7,0)+IF('Standard Profiles'!$G$18=$B$17,14,0)+IF('Standard Profiles'!$G$18=$B$24,21,0),MOD($C5344,24)+1)/SUM(INDEX($D$3:$AA$30,INDEX(Jesper!$R$2:$R$366,ROW(INDEX(Jesper!AH$2:AH$366,ROUNDDOWN($C5344/24,0)+1,1))-1)+IF('Standard Profiles'!$G$18=$B$10,7,0)+IF('Standard Profiles'!$G$18=$B$17,14,0)+IF('Standard Profiles'!$G$18=$B$24,21,0),0)),0)</f>
        <v>11.807578664169894</v>
      </c>
      <c r="E5344" cm="1">
        <f t="array" ref="E5344">IFERROR(INDEX(Jesper!AI$2:AI$366,ROUNDDOWN($C5344/24,0)+1,1)*INDEX($D$3:$AA$30,INDEX(Jesper!$R$2:$R$366,ROW(INDEX(Jesper!AI$2:AI$366,ROUNDDOWN($C5344/24,0)+1,1))-1)+IF('Standard Profiles'!$G$19=$B$10,7,0)+IF('Standard Profiles'!$G$19=$B$17,14,0)+IF('Standard Profiles'!$G$19=$B$24,21,0),MOD($C5344,24)+1)/SUM(INDEX($D$3:$AA$30,INDEX(Jesper!$R$2:$R$366,ROW(INDEX(Jesper!AI$2:AI$366,ROUNDDOWN($C5344/24,0)+1,1))-1)+IF('Standard Profiles'!$G$19=$B$10,7,0)+IF('Standard Profiles'!$G$19=$B$17,14,0)+IF('Standard Profiles'!$G$19=$B$24,21,0),0)),0)</f>
        <v>0</v>
      </c>
      <c r="F5344" cm="1">
        <f t="array" ref="F5344">IFERROR(INDEX(Jesper!AJ$2:AJ$366,ROUNDDOWN($C5344/24,0)+1,1)*INDEX($D$3:$AA$30,INDEX(Jesper!$R$2:$R$366,ROW(INDEX(Jesper!AJ$2:AJ$366,ROUNDDOWN($C5344/24,0)+1,1))-1)+IF('Standard Profiles'!$G$20=$B$10,7,0)+IF('Standard Profiles'!$G$20=$B$17,14,0)+IF('Standard Profiles'!$G$20=$B$24,21,0),MOD($C5344,24)+1)/SUM(INDEX($D$3:$AA$30,INDEX(Jesper!$R$2:$R$366,ROW(INDEX(Jesper!AJ$2:AJ$366,ROUNDDOWN($C5344/24,0)+1,1))-1)+IF('Standard Profiles'!$G$20=$B$10,7,0)+IF('Standard Profiles'!$G$20=$B$17,14,0)+IF('Standard Profiles'!$G$20=$B$24,21,0),0)),0)</f>
        <v>0</v>
      </c>
      <c r="G5344" cm="1">
        <f t="array" ref="G5344">IFERROR(INDEX(Jesper!AK$2:AK$366,ROUNDDOWN($C5344/24,0)+1,1)*INDEX($D$3:$AA$30,INDEX(Jesper!$R$2:$R$366,ROW(INDEX(Jesper!AK$2:AK$366,ROUNDDOWN($C5344/24,0)+1,1))-1)+IF('Standard Profiles'!$G$21=$B$10,7,0)+IF('Standard Profiles'!$G$21=$B$17,14,0)+IF('Standard Profiles'!$G$21=$B$24,21,0),MOD($C5344,24)+1)/SUM(INDEX($D$3:$AA$30,INDEX(Jesper!$R$2:$R$366,ROW(INDEX(Jesper!AK$2:AK$366,ROUNDDOWN($C5344/24,0)+1,1))-1)+IF('Standard Profiles'!$G$21=$B$10,7,0)+IF('Standard Profiles'!$G$21=$B$17,14,0)+IF('Standard Profiles'!$G$21=$B$24,21,0),0)),0)</f>
        <v>0</v>
      </c>
      <c r="H5344" cm="1">
        <f t="array" ref="H5344">IFERROR(INDEX(Jesper!AL$2:AL$366,ROUNDDOWN($C5344/24,0)+1,1)*INDEX($D$3:$AA$30,INDEX(Jesper!$R$2:$R$366,ROW(INDEX(Jesper!AL$2:AL$366,ROUNDDOWN($C5344/24,0)+1,1))-1)+IF('Standard Profiles'!$G$22=$B$10,7,0)+IF('Standard Profiles'!$G$22=$B$17,14,0)+IF('Standard Profiles'!$G$22=$B$24,21,0),MOD($C5344,24)+1)/SUM(INDEX($D$3:$AA$30,INDEX(Jesper!$R$2:$R$366,ROW(INDEX(Jesper!AL$2:AL$366,ROUNDDOWN($C5344/24,0)+1,1))-1)+IF('Standard Profiles'!$G$22=$B$10,7,0)+IF('Standard Profiles'!$G$22=$B$17,14,0)+IF('Standard Profiles'!$G$22=$B$24,21,0),0)),0)</f>
        <v>0</v>
      </c>
      <c r="I5344">
        <f t="shared" si="594"/>
        <v>0.3542273599250968</v>
      </c>
      <c r="J5344">
        <f t="shared" si="595"/>
        <v>1.1807578664169893</v>
      </c>
      <c r="K5344">
        <f t="shared" si="596"/>
        <v>1.7711367996254841</v>
      </c>
      <c r="L5344">
        <f t="shared" si="597"/>
        <v>8.501456638202324</v>
      </c>
      <c r="M5344">
        <f t="shared" si="598"/>
        <v>0</v>
      </c>
      <c r="N5344" s="46">
        <f t="shared" si="599"/>
        <v>45513.249999987122</v>
      </c>
    </row>
    <row r="5345" spans="2:14" x14ac:dyDescent="0.3">
      <c r="B5345">
        <f t="shared" si="593"/>
        <v>5</v>
      </c>
      <c r="C5345" s="16">
        <v>5311</v>
      </c>
      <c r="D5345" cm="1">
        <f t="array" ref="D5345">IFERROR(INDEX(Jesper!AH$2:AH$366,ROUNDDOWN($C5345/24,0)+1,1)*INDEX($D$3:$AA$30,INDEX(Jesper!$R$2:$R$366,ROW(INDEX(Jesper!AH$2:AH$366,ROUNDDOWN($C5345/24,0)+1,1))-1)+IF('Standard Profiles'!$G$18=$B$10,7,0)+IF('Standard Profiles'!$G$18=$B$17,14,0)+IF('Standard Profiles'!$G$18=$B$24,21,0),MOD($C5345,24)+1)/SUM(INDEX($D$3:$AA$30,INDEX(Jesper!$R$2:$R$366,ROW(INDEX(Jesper!AH$2:AH$366,ROUNDDOWN($C5345/24,0)+1,1))-1)+IF('Standard Profiles'!$G$18=$B$10,7,0)+IF('Standard Profiles'!$G$18=$B$17,14,0)+IF('Standard Profiles'!$G$18=$B$24,21,0),0)),0)</f>
        <v>11.807578664169894</v>
      </c>
      <c r="E5345" cm="1">
        <f t="array" ref="E5345">IFERROR(INDEX(Jesper!AI$2:AI$366,ROUNDDOWN($C5345/24,0)+1,1)*INDEX($D$3:$AA$30,INDEX(Jesper!$R$2:$R$366,ROW(INDEX(Jesper!AI$2:AI$366,ROUNDDOWN($C5345/24,0)+1,1))-1)+IF('Standard Profiles'!$G$19=$B$10,7,0)+IF('Standard Profiles'!$G$19=$B$17,14,0)+IF('Standard Profiles'!$G$19=$B$24,21,0),MOD($C5345,24)+1)/SUM(INDEX($D$3:$AA$30,INDEX(Jesper!$R$2:$R$366,ROW(INDEX(Jesper!AI$2:AI$366,ROUNDDOWN($C5345/24,0)+1,1))-1)+IF('Standard Profiles'!$G$19=$B$10,7,0)+IF('Standard Profiles'!$G$19=$B$17,14,0)+IF('Standard Profiles'!$G$19=$B$24,21,0),0)),0)</f>
        <v>0</v>
      </c>
      <c r="F5345" cm="1">
        <f t="array" ref="F5345">IFERROR(INDEX(Jesper!AJ$2:AJ$366,ROUNDDOWN($C5345/24,0)+1,1)*INDEX($D$3:$AA$30,INDEX(Jesper!$R$2:$R$366,ROW(INDEX(Jesper!AJ$2:AJ$366,ROUNDDOWN($C5345/24,0)+1,1))-1)+IF('Standard Profiles'!$G$20=$B$10,7,0)+IF('Standard Profiles'!$G$20=$B$17,14,0)+IF('Standard Profiles'!$G$20=$B$24,21,0),MOD($C5345,24)+1)/SUM(INDEX($D$3:$AA$30,INDEX(Jesper!$R$2:$R$366,ROW(INDEX(Jesper!AJ$2:AJ$366,ROUNDDOWN($C5345/24,0)+1,1))-1)+IF('Standard Profiles'!$G$20=$B$10,7,0)+IF('Standard Profiles'!$G$20=$B$17,14,0)+IF('Standard Profiles'!$G$20=$B$24,21,0),0)),0)</f>
        <v>0</v>
      </c>
      <c r="G5345" cm="1">
        <f t="array" ref="G5345">IFERROR(INDEX(Jesper!AK$2:AK$366,ROUNDDOWN($C5345/24,0)+1,1)*INDEX($D$3:$AA$30,INDEX(Jesper!$R$2:$R$366,ROW(INDEX(Jesper!AK$2:AK$366,ROUNDDOWN($C5345/24,0)+1,1))-1)+IF('Standard Profiles'!$G$21=$B$10,7,0)+IF('Standard Profiles'!$G$21=$B$17,14,0)+IF('Standard Profiles'!$G$21=$B$24,21,0),MOD($C5345,24)+1)/SUM(INDEX($D$3:$AA$30,INDEX(Jesper!$R$2:$R$366,ROW(INDEX(Jesper!AK$2:AK$366,ROUNDDOWN($C5345/24,0)+1,1))-1)+IF('Standard Profiles'!$G$21=$B$10,7,0)+IF('Standard Profiles'!$G$21=$B$17,14,0)+IF('Standard Profiles'!$G$21=$B$24,21,0),0)),0)</f>
        <v>0</v>
      </c>
      <c r="H5345" cm="1">
        <f t="array" ref="H5345">IFERROR(INDEX(Jesper!AL$2:AL$366,ROUNDDOWN($C5345/24,0)+1,1)*INDEX($D$3:$AA$30,INDEX(Jesper!$R$2:$R$366,ROW(INDEX(Jesper!AL$2:AL$366,ROUNDDOWN($C5345/24,0)+1,1))-1)+IF('Standard Profiles'!$G$22=$B$10,7,0)+IF('Standard Profiles'!$G$22=$B$17,14,0)+IF('Standard Profiles'!$G$22=$B$24,21,0),MOD($C5345,24)+1)/SUM(INDEX($D$3:$AA$30,INDEX(Jesper!$R$2:$R$366,ROW(INDEX(Jesper!AL$2:AL$366,ROUNDDOWN($C5345/24,0)+1,1))-1)+IF('Standard Profiles'!$G$22=$B$10,7,0)+IF('Standard Profiles'!$G$22=$B$17,14,0)+IF('Standard Profiles'!$G$22=$B$24,21,0),0)),0)</f>
        <v>0</v>
      </c>
      <c r="I5345">
        <f t="shared" si="594"/>
        <v>0.3542273599250968</v>
      </c>
      <c r="J5345">
        <f t="shared" si="595"/>
        <v>1.1807578664169893</v>
      </c>
      <c r="K5345">
        <f t="shared" si="596"/>
        <v>1.7711367996254841</v>
      </c>
      <c r="L5345">
        <f t="shared" si="597"/>
        <v>8.501456638202324</v>
      </c>
      <c r="M5345">
        <f t="shared" si="598"/>
        <v>0</v>
      </c>
      <c r="N5345" s="46">
        <f t="shared" si="599"/>
        <v>45513.291666653786</v>
      </c>
    </row>
    <row r="5346" spans="2:14" x14ac:dyDescent="0.3">
      <c r="B5346">
        <f t="shared" si="593"/>
        <v>5</v>
      </c>
      <c r="C5346" s="16">
        <v>5312</v>
      </c>
      <c r="D5346" cm="1">
        <f t="array" ref="D5346">IFERROR(INDEX(Jesper!AH$2:AH$366,ROUNDDOWN($C5346/24,0)+1,1)*INDEX($D$3:$AA$30,INDEX(Jesper!$R$2:$R$366,ROW(INDEX(Jesper!AH$2:AH$366,ROUNDDOWN($C5346/24,0)+1,1))-1)+IF('Standard Profiles'!$G$18=$B$10,7,0)+IF('Standard Profiles'!$G$18=$B$17,14,0)+IF('Standard Profiles'!$G$18=$B$24,21,0),MOD($C5346,24)+1)/SUM(INDEX($D$3:$AA$30,INDEX(Jesper!$R$2:$R$366,ROW(INDEX(Jesper!AH$2:AH$366,ROUNDDOWN($C5346/24,0)+1,1))-1)+IF('Standard Profiles'!$G$18=$B$10,7,0)+IF('Standard Profiles'!$G$18=$B$17,14,0)+IF('Standard Profiles'!$G$18=$B$24,21,0),0)),0)</f>
        <v>11.807578664169894</v>
      </c>
      <c r="E5346" cm="1">
        <f t="array" ref="E5346">IFERROR(INDEX(Jesper!AI$2:AI$366,ROUNDDOWN($C5346/24,0)+1,1)*INDEX($D$3:$AA$30,INDEX(Jesper!$R$2:$R$366,ROW(INDEX(Jesper!AI$2:AI$366,ROUNDDOWN($C5346/24,0)+1,1))-1)+IF('Standard Profiles'!$G$19=$B$10,7,0)+IF('Standard Profiles'!$G$19=$B$17,14,0)+IF('Standard Profiles'!$G$19=$B$24,21,0),MOD($C5346,24)+1)/SUM(INDEX($D$3:$AA$30,INDEX(Jesper!$R$2:$R$366,ROW(INDEX(Jesper!AI$2:AI$366,ROUNDDOWN($C5346/24,0)+1,1))-1)+IF('Standard Profiles'!$G$19=$B$10,7,0)+IF('Standard Profiles'!$G$19=$B$17,14,0)+IF('Standard Profiles'!$G$19=$B$24,21,0),0)),0)</f>
        <v>0</v>
      </c>
      <c r="F5346" cm="1">
        <f t="array" ref="F5346">IFERROR(INDEX(Jesper!AJ$2:AJ$366,ROUNDDOWN($C5346/24,0)+1,1)*INDEX($D$3:$AA$30,INDEX(Jesper!$R$2:$R$366,ROW(INDEX(Jesper!AJ$2:AJ$366,ROUNDDOWN($C5346/24,0)+1,1))-1)+IF('Standard Profiles'!$G$20=$B$10,7,0)+IF('Standard Profiles'!$G$20=$B$17,14,0)+IF('Standard Profiles'!$G$20=$B$24,21,0),MOD($C5346,24)+1)/SUM(INDEX($D$3:$AA$30,INDEX(Jesper!$R$2:$R$366,ROW(INDEX(Jesper!AJ$2:AJ$366,ROUNDDOWN($C5346/24,0)+1,1))-1)+IF('Standard Profiles'!$G$20=$B$10,7,0)+IF('Standard Profiles'!$G$20=$B$17,14,0)+IF('Standard Profiles'!$G$20=$B$24,21,0),0)),0)</f>
        <v>0</v>
      </c>
      <c r="G5346" cm="1">
        <f t="array" ref="G5346">IFERROR(INDEX(Jesper!AK$2:AK$366,ROUNDDOWN($C5346/24,0)+1,1)*INDEX($D$3:$AA$30,INDEX(Jesper!$R$2:$R$366,ROW(INDEX(Jesper!AK$2:AK$366,ROUNDDOWN($C5346/24,0)+1,1))-1)+IF('Standard Profiles'!$G$21=$B$10,7,0)+IF('Standard Profiles'!$G$21=$B$17,14,0)+IF('Standard Profiles'!$G$21=$B$24,21,0),MOD($C5346,24)+1)/SUM(INDEX($D$3:$AA$30,INDEX(Jesper!$R$2:$R$366,ROW(INDEX(Jesper!AK$2:AK$366,ROUNDDOWN($C5346/24,0)+1,1))-1)+IF('Standard Profiles'!$G$21=$B$10,7,0)+IF('Standard Profiles'!$G$21=$B$17,14,0)+IF('Standard Profiles'!$G$21=$B$24,21,0),0)),0)</f>
        <v>0</v>
      </c>
      <c r="H5346" cm="1">
        <f t="array" ref="H5346">IFERROR(INDEX(Jesper!AL$2:AL$366,ROUNDDOWN($C5346/24,0)+1,1)*INDEX($D$3:$AA$30,INDEX(Jesper!$R$2:$R$366,ROW(INDEX(Jesper!AL$2:AL$366,ROUNDDOWN($C5346/24,0)+1,1))-1)+IF('Standard Profiles'!$G$22=$B$10,7,0)+IF('Standard Profiles'!$G$22=$B$17,14,0)+IF('Standard Profiles'!$G$22=$B$24,21,0),MOD($C5346,24)+1)/SUM(INDEX($D$3:$AA$30,INDEX(Jesper!$R$2:$R$366,ROW(INDEX(Jesper!AL$2:AL$366,ROUNDDOWN($C5346/24,0)+1,1))-1)+IF('Standard Profiles'!$G$22=$B$10,7,0)+IF('Standard Profiles'!$G$22=$B$17,14,0)+IF('Standard Profiles'!$G$22=$B$24,21,0),0)),0)</f>
        <v>0</v>
      </c>
      <c r="I5346">
        <f t="shared" si="594"/>
        <v>0.3542273599250968</v>
      </c>
      <c r="J5346">
        <f t="shared" si="595"/>
        <v>1.1807578664169893</v>
      </c>
      <c r="K5346">
        <f t="shared" si="596"/>
        <v>1.7711367996254841</v>
      </c>
      <c r="L5346">
        <f t="shared" si="597"/>
        <v>8.501456638202324</v>
      </c>
      <c r="M5346">
        <f t="shared" si="598"/>
        <v>0</v>
      </c>
      <c r="N5346" s="46">
        <f t="shared" si="599"/>
        <v>45513.33333332045</v>
      </c>
    </row>
    <row r="5347" spans="2:14" x14ac:dyDescent="0.3">
      <c r="B5347">
        <f t="shared" ref="B5347:B5410" si="600">WEEKDAY(N5347,2)</f>
        <v>5</v>
      </c>
      <c r="C5347" s="16">
        <v>5313</v>
      </c>
      <c r="D5347" cm="1">
        <f t="array" ref="D5347">IFERROR(INDEX(Jesper!AH$2:AH$366,ROUNDDOWN($C5347/24,0)+1,1)*INDEX($D$3:$AA$30,INDEX(Jesper!$R$2:$R$366,ROW(INDEX(Jesper!AH$2:AH$366,ROUNDDOWN($C5347/24,0)+1,1))-1)+IF('Standard Profiles'!$G$18=$B$10,7,0)+IF('Standard Profiles'!$G$18=$B$17,14,0)+IF('Standard Profiles'!$G$18=$B$24,21,0),MOD($C5347,24)+1)/SUM(INDEX($D$3:$AA$30,INDEX(Jesper!$R$2:$R$366,ROW(INDEX(Jesper!AH$2:AH$366,ROUNDDOWN($C5347/24,0)+1,1))-1)+IF('Standard Profiles'!$G$18=$B$10,7,0)+IF('Standard Profiles'!$G$18=$B$17,14,0)+IF('Standard Profiles'!$G$18=$B$24,21,0),0)),0)</f>
        <v>12.650977140182027</v>
      </c>
      <c r="E5347" cm="1">
        <f t="array" ref="E5347">IFERROR(INDEX(Jesper!AI$2:AI$366,ROUNDDOWN($C5347/24,0)+1,1)*INDEX($D$3:$AA$30,INDEX(Jesper!$R$2:$R$366,ROW(INDEX(Jesper!AI$2:AI$366,ROUNDDOWN($C5347/24,0)+1,1))-1)+IF('Standard Profiles'!$G$19=$B$10,7,0)+IF('Standard Profiles'!$G$19=$B$17,14,0)+IF('Standard Profiles'!$G$19=$B$24,21,0),MOD($C5347,24)+1)/SUM(INDEX($D$3:$AA$30,INDEX(Jesper!$R$2:$R$366,ROW(INDEX(Jesper!AI$2:AI$366,ROUNDDOWN($C5347/24,0)+1,1))-1)+IF('Standard Profiles'!$G$19=$B$10,7,0)+IF('Standard Profiles'!$G$19=$B$17,14,0)+IF('Standard Profiles'!$G$19=$B$24,21,0),0)),0)</f>
        <v>0</v>
      </c>
      <c r="F5347" cm="1">
        <f t="array" ref="F5347">IFERROR(INDEX(Jesper!AJ$2:AJ$366,ROUNDDOWN($C5347/24,0)+1,1)*INDEX($D$3:$AA$30,INDEX(Jesper!$R$2:$R$366,ROW(INDEX(Jesper!AJ$2:AJ$366,ROUNDDOWN($C5347/24,0)+1,1))-1)+IF('Standard Profiles'!$G$20=$B$10,7,0)+IF('Standard Profiles'!$G$20=$B$17,14,0)+IF('Standard Profiles'!$G$20=$B$24,21,0),MOD($C5347,24)+1)/SUM(INDEX($D$3:$AA$30,INDEX(Jesper!$R$2:$R$366,ROW(INDEX(Jesper!AJ$2:AJ$366,ROUNDDOWN($C5347/24,0)+1,1))-1)+IF('Standard Profiles'!$G$20=$B$10,7,0)+IF('Standard Profiles'!$G$20=$B$17,14,0)+IF('Standard Profiles'!$G$20=$B$24,21,0),0)),0)</f>
        <v>0</v>
      </c>
      <c r="G5347" cm="1">
        <f t="array" ref="G5347">IFERROR(INDEX(Jesper!AK$2:AK$366,ROUNDDOWN($C5347/24,0)+1,1)*INDEX($D$3:$AA$30,INDEX(Jesper!$R$2:$R$366,ROW(INDEX(Jesper!AK$2:AK$366,ROUNDDOWN($C5347/24,0)+1,1))-1)+IF('Standard Profiles'!$G$21=$B$10,7,0)+IF('Standard Profiles'!$G$21=$B$17,14,0)+IF('Standard Profiles'!$G$21=$B$24,21,0),MOD($C5347,24)+1)/SUM(INDEX($D$3:$AA$30,INDEX(Jesper!$R$2:$R$366,ROW(INDEX(Jesper!AK$2:AK$366,ROUNDDOWN($C5347/24,0)+1,1))-1)+IF('Standard Profiles'!$G$21=$B$10,7,0)+IF('Standard Profiles'!$G$21=$B$17,14,0)+IF('Standard Profiles'!$G$21=$B$24,21,0),0)),0)</f>
        <v>0</v>
      </c>
      <c r="H5347" cm="1">
        <f t="array" ref="H5347">IFERROR(INDEX(Jesper!AL$2:AL$366,ROUNDDOWN($C5347/24,0)+1,1)*INDEX($D$3:$AA$30,INDEX(Jesper!$R$2:$R$366,ROW(INDEX(Jesper!AL$2:AL$366,ROUNDDOWN($C5347/24,0)+1,1))-1)+IF('Standard Profiles'!$G$22=$B$10,7,0)+IF('Standard Profiles'!$G$22=$B$17,14,0)+IF('Standard Profiles'!$G$22=$B$24,21,0),MOD($C5347,24)+1)/SUM(INDEX($D$3:$AA$30,INDEX(Jesper!$R$2:$R$366,ROW(INDEX(Jesper!AL$2:AL$366,ROUNDDOWN($C5347/24,0)+1,1))-1)+IF('Standard Profiles'!$G$22=$B$10,7,0)+IF('Standard Profiles'!$G$22=$B$17,14,0)+IF('Standard Profiles'!$G$22=$B$24,21,0),0)),0)</f>
        <v>0</v>
      </c>
      <c r="I5347">
        <f t="shared" ref="I5347:I5410" si="601">IF($B5347&lt;6,AC$37*$D5347+AC$38*$E5347+AC$39*$F5347+AC$40*$G5347,AC$46*$D5347+AC$47*$E5347+AC$48*$F5347+AC$49*$G5347+AC$50*$H5347)</f>
        <v>0.37952931420546082</v>
      </c>
      <c r="J5347">
        <f t="shared" ref="J5347:J5410" si="602">IF($B5347&lt;6,AD$37*$D5347+AD$38*$E5347+AD$39*$F5347+AD$40*$G5347,AD$46*$D5347+AD$47*$E5347+AD$48*$F5347+AD$49*$G5347+AD$50*$H5347)</f>
        <v>1.2650977140182027</v>
      </c>
      <c r="K5347">
        <f t="shared" ref="K5347:K5410" si="603">IF($B5347&lt;6,AE$37*$D5347+AE$38*$E5347+AE$39*$F5347+AE$40*$G5347,AE$46*$D5347+AE$47*$E5347+AE$48*$F5347+AE$49*$G5347+AE$50*$H5347)</f>
        <v>1.8976465710273041</v>
      </c>
      <c r="L5347">
        <f t="shared" ref="L5347:L5410" si="604">IF($B5347&lt;6,AF$37*$D5347+AF$38*$E5347+AF$39*$F5347+AF$40*$G5347,AF$46*$D5347+AF$47*$E5347+AF$48*$F5347+AF$49*$G5347+AF$50*$H5347)</f>
        <v>9.1087035409310584</v>
      </c>
      <c r="M5347">
        <f t="shared" ref="M5347:M5410" si="605">IF($B5347&lt;6,AG$37*$D5347+AG$38*$E5347+AG$39*$F5347+AG$40*$G5347,AG$46*$D5347+AG$47*$E5347+AG$48*$F5347+AG$49*$G5347+AG$50*$H5347)</f>
        <v>0</v>
      </c>
      <c r="N5347" s="46">
        <f t="shared" si="599"/>
        <v>45513.374999987114</v>
      </c>
    </row>
    <row r="5348" spans="2:14" x14ac:dyDescent="0.3">
      <c r="B5348">
        <f t="shared" si="600"/>
        <v>5</v>
      </c>
      <c r="C5348" s="16">
        <v>5314</v>
      </c>
      <c r="D5348" cm="1">
        <f t="array" ref="D5348">IFERROR(INDEX(Jesper!AH$2:AH$366,ROUNDDOWN($C5348/24,0)+1,1)*INDEX($D$3:$AA$30,INDEX(Jesper!$R$2:$R$366,ROW(INDEX(Jesper!AH$2:AH$366,ROUNDDOWN($C5348/24,0)+1,1))-1)+IF('Standard Profiles'!$G$18=$B$10,7,0)+IF('Standard Profiles'!$G$18=$B$17,14,0)+IF('Standard Profiles'!$G$18=$B$24,21,0),MOD($C5348,24)+1)/SUM(INDEX($D$3:$AA$30,INDEX(Jesper!$R$2:$R$366,ROW(INDEX(Jesper!AH$2:AH$366,ROUNDDOWN($C5348/24,0)+1,1))-1)+IF('Standard Profiles'!$G$18=$B$10,7,0)+IF('Standard Profiles'!$G$18=$B$17,14,0)+IF('Standard Profiles'!$G$18=$B$24,21,0),0)),0)</f>
        <v>13.157016225789308</v>
      </c>
      <c r="E5348" cm="1">
        <f t="array" ref="E5348">IFERROR(INDEX(Jesper!AI$2:AI$366,ROUNDDOWN($C5348/24,0)+1,1)*INDEX($D$3:$AA$30,INDEX(Jesper!$R$2:$R$366,ROW(INDEX(Jesper!AI$2:AI$366,ROUNDDOWN($C5348/24,0)+1,1))-1)+IF('Standard Profiles'!$G$19=$B$10,7,0)+IF('Standard Profiles'!$G$19=$B$17,14,0)+IF('Standard Profiles'!$G$19=$B$24,21,0),MOD($C5348,24)+1)/SUM(INDEX($D$3:$AA$30,INDEX(Jesper!$R$2:$R$366,ROW(INDEX(Jesper!AI$2:AI$366,ROUNDDOWN($C5348/24,0)+1,1))-1)+IF('Standard Profiles'!$G$19=$B$10,7,0)+IF('Standard Profiles'!$G$19=$B$17,14,0)+IF('Standard Profiles'!$G$19=$B$24,21,0),0)),0)</f>
        <v>0</v>
      </c>
      <c r="F5348" cm="1">
        <f t="array" ref="F5348">IFERROR(INDEX(Jesper!AJ$2:AJ$366,ROUNDDOWN($C5348/24,0)+1,1)*INDEX($D$3:$AA$30,INDEX(Jesper!$R$2:$R$366,ROW(INDEX(Jesper!AJ$2:AJ$366,ROUNDDOWN($C5348/24,0)+1,1))-1)+IF('Standard Profiles'!$G$20=$B$10,7,0)+IF('Standard Profiles'!$G$20=$B$17,14,0)+IF('Standard Profiles'!$G$20=$B$24,21,0),MOD($C5348,24)+1)/SUM(INDEX($D$3:$AA$30,INDEX(Jesper!$R$2:$R$366,ROW(INDEX(Jesper!AJ$2:AJ$366,ROUNDDOWN($C5348/24,0)+1,1))-1)+IF('Standard Profiles'!$G$20=$B$10,7,0)+IF('Standard Profiles'!$G$20=$B$17,14,0)+IF('Standard Profiles'!$G$20=$B$24,21,0),0)),0)</f>
        <v>0</v>
      </c>
      <c r="G5348" cm="1">
        <f t="array" ref="G5348">IFERROR(INDEX(Jesper!AK$2:AK$366,ROUNDDOWN($C5348/24,0)+1,1)*INDEX($D$3:$AA$30,INDEX(Jesper!$R$2:$R$366,ROW(INDEX(Jesper!AK$2:AK$366,ROUNDDOWN($C5348/24,0)+1,1))-1)+IF('Standard Profiles'!$G$21=$B$10,7,0)+IF('Standard Profiles'!$G$21=$B$17,14,0)+IF('Standard Profiles'!$G$21=$B$24,21,0),MOD($C5348,24)+1)/SUM(INDEX($D$3:$AA$30,INDEX(Jesper!$R$2:$R$366,ROW(INDEX(Jesper!AK$2:AK$366,ROUNDDOWN($C5348/24,0)+1,1))-1)+IF('Standard Profiles'!$G$21=$B$10,7,0)+IF('Standard Profiles'!$G$21=$B$17,14,0)+IF('Standard Profiles'!$G$21=$B$24,21,0),0)),0)</f>
        <v>0</v>
      </c>
      <c r="H5348" cm="1">
        <f t="array" ref="H5348">IFERROR(INDEX(Jesper!AL$2:AL$366,ROUNDDOWN($C5348/24,0)+1,1)*INDEX($D$3:$AA$30,INDEX(Jesper!$R$2:$R$366,ROW(INDEX(Jesper!AL$2:AL$366,ROUNDDOWN($C5348/24,0)+1,1))-1)+IF('Standard Profiles'!$G$22=$B$10,7,0)+IF('Standard Profiles'!$G$22=$B$17,14,0)+IF('Standard Profiles'!$G$22=$B$24,21,0),MOD($C5348,24)+1)/SUM(INDEX($D$3:$AA$30,INDEX(Jesper!$R$2:$R$366,ROW(INDEX(Jesper!AL$2:AL$366,ROUNDDOWN($C5348/24,0)+1,1))-1)+IF('Standard Profiles'!$G$22=$B$10,7,0)+IF('Standard Profiles'!$G$22=$B$17,14,0)+IF('Standard Profiles'!$G$22=$B$24,21,0),0)),0)</f>
        <v>0</v>
      </c>
      <c r="I5348">
        <f t="shared" si="601"/>
        <v>0.3947104867736792</v>
      </c>
      <c r="J5348">
        <f t="shared" si="602"/>
        <v>1.3157016225789309</v>
      </c>
      <c r="K5348">
        <f t="shared" si="603"/>
        <v>1.9735524338683961</v>
      </c>
      <c r="L5348">
        <f t="shared" si="604"/>
        <v>9.4730516825683004</v>
      </c>
      <c r="M5348">
        <f t="shared" si="605"/>
        <v>0</v>
      </c>
      <c r="N5348" s="46">
        <f t="shared" ref="N5348:N5411" si="606">N5347+1/24</f>
        <v>45513.416666653779</v>
      </c>
    </row>
    <row r="5349" spans="2:14" x14ac:dyDescent="0.3">
      <c r="B5349">
        <f t="shared" si="600"/>
        <v>5</v>
      </c>
      <c r="C5349" s="16">
        <v>5315</v>
      </c>
      <c r="D5349" cm="1">
        <f t="array" ref="D5349">IFERROR(INDEX(Jesper!AH$2:AH$366,ROUNDDOWN($C5349/24,0)+1,1)*INDEX($D$3:$AA$30,INDEX(Jesper!$R$2:$R$366,ROW(INDEX(Jesper!AH$2:AH$366,ROUNDDOWN($C5349/24,0)+1,1))-1)+IF('Standard Profiles'!$G$18=$B$10,7,0)+IF('Standard Profiles'!$G$18=$B$17,14,0)+IF('Standard Profiles'!$G$18=$B$24,21,0),MOD($C5349,24)+1)/SUM(INDEX($D$3:$AA$30,INDEX(Jesper!$R$2:$R$366,ROW(INDEX(Jesper!AH$2:AH$366,ROUNDDOWN($C5349/24,0)+1,1))-1)+IF('Standard Profiles'!$G$18=$B$10,7,0)+IF('Standard Profiles'!$G$18=$B$17,14,0)+IF('Standard Profiles'!$G$18=$B$24,21,0),0)),0)</f>
        <v>15.181172568218432</v>
      </c>
      <c r="E5349" cm="1">
        <f t="array" ref="E5349">IFERROR(INDEX(Jesper!AI$2:AI$366,ROUNDDOWN($C5349/24,0)+1,1)*INDEX($D$3:$AA$30,INDEX(Jesper!$R$2:$R$366,ROW(INDEX(Jesper!AI$2:AI$366,ROUNDDOWN($C5349/24,0)+1,1))-1)+IF('Standard Profiles'!$G$19=$B$10,7,0)+IF('Standard Profiles'!$G$19=$B$17,14,0)+IF('Standard Profiles'!$G$19=$B$24,21,0),MOD($C5349,24)+1)/SUM(INDEX($D$3:$AA$30,INDEX(Jesper!$R$2:$R$366,ROW(INDEX(Jesper!AI$2:AI$366,ROUNDDOWN($C5349/24,0)+1,1))-1)+IF('Standard Profiles'!$G$19=$B$10,7,0)+IF('Standard Profiles'!$G$19=$B$17,14,0)+IF('Standard Profiles'!$G$19=$B$24,21,0),0)),0)</f>
        <v>0</v>
      </c>
      <c r="F5349" cm="1">
        <f t="array" ref="F5349">IFERROR(INDEX(Jesper!AJ$2:AJ$366,ROUNDDOWN($C5349/24,0)+1,1)*INDEX($D$3:$AA$30,INDEX(Jesper!$R$2:$R$366,ROW(INDEX(Jesper!AJ$2:AJ$366,ROUNDDOWN($C5349/24,0)+1,1))-1)+IF('Standard Profiles'!$G$20=$B$10,7,0)+IF('Standard Profiles'!$G$20=$B$17,14,0)+IF('Standard Profiles'!$G$20=$B$24,21,0),MOD($C5349,24)+1)/SUM(INDEX($D$3:$AA$30,INDEX(Jesper!$R$2:$R$366,ROW(INDEX(Jesper!AJ$2:AJ$366,ROUNDDOWN($C5349/24,0)+1,1))-1)+IF('Standard Profiles'!$G$20=$B$10,7,0)+IF('Standard Profiles'!$G$20=$B$17,14,0)+IF('Standard Profiles'!$G$20=$B$24,21,0),0)),0)</f>
        <v>0</v>
      </c>
      <c r="G5349" cm="1">
        <f t="array" ref="G5349">IFERROR(INDEX(Jesper!AK$2:AK$366,ROUNDDOWN($C5349/24,0)+1,1)*INDEX($D$3:$AA$30,INDEX(Jesper!$R$2:$R$366,ROW(INDEX(Jesper!AK$2:AK$366,ROUNDDOWN($C5349/24,0)+1,1))-1)+IF('Standard Profiles'!$G$21=$B$10,7,0)+IF('Standard Profiles'!$G$21=$B$17,14,0)+IF('Standard Profiles'!$G$21=$B$24,21,0),MOD($C5349,24)+1)/SUM(INDEX($D$3:$AA$30,INDEX(Jesper!$R$2:$R$366,ROW(INDEX(Jesper!AK$2:AK$366,ROUNDDOWN($C5349/24,0)+1,1))-1)+IF('Standard Profiles'!$G$21=$B$10,7,0)+IF('Standard Profiles'!$G$21=$B$17,14,0)+IF('Standard Profiles'!$G$21=$B$24,21,0),0)),0)</f>
        <v>0</v>
      </c>
      <c r="H5349" cm="1">
        <f t="array" ref="H5349">IFERROR(INDEX(Jesper!AL$2:AL$366,ROUNDDOWN($C5349/24,0)+1,1)*INDEX($D$3:$AA$30,INDEX(Jesper!$R$2:$R$366,ROW(INDEX(Jesper!AL$2:AL$366,ROUNDDOWN($C5349/24,0)+1,1))-1)+IF('Standard Profiles'!$G$22=$B$10,7,0)+IF('Standard Profiles'!$G$22=$B$17,14,0)+IF('Standard Profiles'!$G$22=$B$24,21,0),MOD($C5349,24)+1)/SUM(INDEX($D$3:$AA$30,INDEX(Jesper!$R$2:$R$366,ROW(INDEX(Jesper!AL$2:AL$366,ROUNDDOWN($C5349/24,0)+1,1))-1)+IF('Standard Profiles'!$G$22=$B$10,7,0)+IF('Standard Profiles'!$G$22=$B$17,14,0)+IF('Standard Profiles'!$G$22=$B$24,21,0),0)),0)</f>
        <v>0</v>
      </c>
      <c r="I5349">
        <f t="shared" si="601"/>
        <v>0.45543517704655295</v>
      </c>
      <c r="J5349">
        <f t="shared" si="602"/>
        <v>1.5181172568218433</v>
      </c>
      <c r="K5349">
        <f t="shared" si="603"/>
        <v>2.2771758852327646</v>
      </c>
      <c r="L5349">
        <f t="shared" si="604"/>
        <v>10.93044424911727</v>
      </c>
      <c r="M5349">
        <f t="shared" si="605"/>
        <v>0</v>
      </c>
      <c r="N5349" s="46">
        <f t="shared" si="606"/>
        <v>45513.458333320443</v>
      </c>
    </row>
    <row r="5350" spans="2:14" x14ac:dyDescent="0.3">
      <c r="B5350">
        <f t="shared" si="600"/>
        <v>5</v>
      </c>
      <c r="C5350" s="16">
        <v>5316</v>
      </c>
      <c r="D5350" cm="1">
        <f t="array" ref="D5350">IFERROR(INDEX(Jesper!AH$2:AH$366,ROUNDDOWN($C5350/24,0)+1,1)*INDEX($D$3:$AA$30,INDEX(Jesper!$R$2:$R$366,ROW(INDEX(Jesper!AH$2:AH$366,ROUNDDOWN($C5350/24,0)+1,1))-1)+IF('Standard Profiles'!$G$18=$B$10,7,0)+IF('Standard Profiles'!$G$18=$B$17,14,0)+IF('Standard Profiles'!$G$18=$B$24,21,0),MOD($C5350,24)+1)/SUM(INDEX($D$3:$AA$30,INDEX(Jesper!$R$2:$R$366,ROW(INDEX(Jesper!AH$2:AH$366,ROUNDDOWN($C5350/24,0)+1,1))-1)+IF('Standard Profiles'!$G$18=$B$10,7,0)+IF('Standard Profiles'!$G$18=$B$17,14,0)+IF('Standard Profiles'!$G$18=$B$24,21,0),0)),0)</f>
        <v>15.181172568218432</v>
      </c>
      <c r="E5350" cm="1">
        <f t="array" ref="E5350">IFERROR(INDEX(Jesper!AI$2:AI$366,ROUNDDOWN($C5350/24,0)+1,1)*INDEX($D$3:$AA$30,INDEX(Jesper!$R$2:$R$366,ROW(INDEX(Jesper!AI$2:AI$366,ROUNDDOWN($C5350/24,0)+1,1))-1)+IF('Standard Profiles'!$G$19=$B$10,7,0)+IF('Standard Profiles'!$G$19=$B$17,14,0)+IF('Standard Profiles'!$G$19=$B$24,21,0),MOD($C5350,24)+1)/SUM(INDEX($D$3:$AA$30,INDEX(Jesper!$R$2:$R$366,ROW(INDEX(Jesper!AI$2:AI$366,ROUNDDOWN($C5350/24,0)+1,1))-1)+IF('Standard Profiles'!$G$19=$B$10,7,0)+IF('Standard Profiles'!$G$19=$B$17,14,0)+IF('Standard Profiles'!$G$19=$B$24,21,0),0)),0)</f>
        <v>0</v>
      </c>
      <c r="F5350" cm="1">
        <f t="array" ref="F5350">IFERROR(INDEX(Jesper!AJ$2:AJ$366,ROUNDDOWN($C5350/24,0)+1,1)*INDEX($D$3:$AA$30,INDEX(Jesper!$R$2:$R$366,ROW(INDEX(Jesper!AJ$2:AJ$366,ROUNDDOWN($C5350/24,0)+1,1))-1)+IF('Standard Profiles'!$G$20=$B$10,7,0)+IF('Standard Profiles'!$G$20=$B$17,14,0)+IF('Standard Profiles'!$G$20=$B$24,21,0),MOD($C5350,24)+1)/SUM(INDEX($D$3:$AA$30,INDEX(Jesper!$R$2:$R$366,ROW(INDEX(Jesper!AJ$2:AJ$366,ROUNDDOWN($C5350/24,0)+1,1))-1)+IF('Standard Profiles'!$G$20=$B$10,7,0)+IF('Standard Profiles'!$G$20=$B$17,14,0)+IF('Standard Profiles'!$G$20=$B$24,21,0),0)),0)</f>
        <v>0</v>
      </c>
      <c r="G5350" cm="1">
        <f t="array" ref="G5350">IFERROR(INDEX(Jesper!AK$2:AK$366,ROUNDDOWN($C5350/24,0)+1,1)*INDEX($D$3:$AA$30,INDEX(Jesper!$R$2:$R$366,ROW(INDEX(Jesper!AK$2:AK$366,ROUNDDOWN($C5350/24,0)+1,1))-1)+IF('Standard Profiles'!$G$21=$B$10,7,0)+IF('Standard Profiles'!$G$21=$B$17,14,0)+IF('Standard Profiles'!$G$21=$B$24,21,0),MOD($C5350,24)+1)/SUM(INDEX($D$3:$AA$30,INDEX(Jesper!$R$2:$R$366,ROW(INDEX(Jesper!AK$2:AK$366,ROUNDDOWN($C5350/24,0)+1,1))-1)+IF('Standard Profiles'!$G$21=$B$10,7,0)+IF('Standard Profiles'!$G$21=$B$17,14,0)+IF('Standard Profiles'!$G$21=$B$24,21,0),0)),0)</f>
        <v>0</v>
      </c>
      <c r="H5350" cm="1">
        <f t="array" ref="H5350">IFERROR(INDEX(Jesper!AL$2:AL$366,ROUNDDOWN($C5350/24,0)+1,1)*INDEX($D$3:$AA$30,INDEX(Jesper!$R$2:$R$366,ROW(INDEX(Jesper!AL$2:AL$366,ROUNDDOWN($C5350/24,0)+1,1))-1)+IF('Standard Profiles'!$G$22=$B$10,7,0)+IF('Standard Profiles'!$G$22=$B$17,14,0)+IF('Standard Profiles'!$G$22=$B$24,21,0),MOD($C5350,24)+1)/SUM(INDEX($D$3:$AA$30,INDEX(Jesper!$R$2:$R$366,ROW(INDEX(Jesper!AL$2:AL$366,ROUNDDOWN($C5350/24,0)+1,1))-1)+IF('Standard Profiles'!$G$22=$B$10,7,0)+IF('Standard Profiles'!$G$22=$B$17,14,0)+IF('Standard Profiles'!$G$22=$B$24,21,0),0)),0)</f>
        <v>0</v>
      </c>
      <c r="I5350">
        <f t="shared" si="601"/>
        <v>0.45543517704655295</v>
      </c>
      <c r="J5350">
        <f t="shared" si="602"/>
        <v>1.5181172568218433</v>
      </c>
      <c r="K5350">
        <f t="shared" si="603"/>
        <v>2.2771758852327646</v>
      </c>
      <c r="L5350">
        <f t="shared" si="604"/>
        <v>10.93044424911727</v>
      </c>
      <c r="M5350">
        <f t="shared" si="605"/>
        <v>0</v>
      </c>
      <c r="N5350" s="46">
        <f t="shared" si="606"/>
        <v>45513.499999987107</v>
      </c>
    </row>
    <row r="5351" spans="2:14" x14ac:dyDescent="0.3">
      <c r="B5351">
        <f t="shared" si="600"/>
        <v>5</v>
      </c>
      <c r="C5351" s="16">
        <v>5317</v>
      </c>
      <c r="D5351" cm="1">
        <f t="array" ref="D5351">IFERROR(INDEX(Jesper!AH$2:AH$366,ROUNDDOWN($C5351/24,0)+1,1)*INDEX($D$3:$AA$30,INDEX(Jesper!$R$2:$R$366,ROW(INDEX(Jesper!AH$2:AH$366,ROUNDDOWN($C5351/24,0)+1,1))-1)+IF('Standard Profiles'!$G$18=$B$10,7,0)+IF('Standard Profiles'!$G$18=$B$17,14,0)+IF('Standard Profiles'!$G$18=$B$24,21,0),MOD($C5351,24)+1)/SUM(INDEX($D$3:$AA$30,INDEX(Jesper!$R$2:$R$366,ROW(INDEX(Jesper!AH$2:AH$366,ROUNDDOWN($C5351/24,0)+1,1))-1)+IF('Standard Profiles'!$G$18=$B$10,7,0)+IF('Standard Profiles'!$G$18=$B$17,14,0)+IF('Standard Profiles'!$G$18=$B$24,21,0),0)),0)</f>
        <v>15.181172568218432</v>
      </c>
      <c r="E5351" cm="1">
        <f t="array" ref="E5351">IFERROR(INDEX(Jesper!AI$2:AI$366,ROUNDDOWN($C5351/24,0)+1,1)*INDEX($D$3:$AA$30,INDEX(Jesper!$R$2:$R$366,ROW(INDEX(Jesper!AI$2:AI$366,ROUNDDOWN($C5351/24,0)+1,1))-1)+IF('Standard Profiles'!$G$19=$B$10,7,0)+IF('Standard Profiles'!$G$19=$B$17,14,0)+IF('Standard Profiles'!$G$19=$B$24,21,0),MOD($C5351,24)+1)/SUM(INDEX($D$3:$AA$30,INDEX(Jesper!$R$2:$R$366,ROW(INDEX(Jesper!AI$2:AI$366,ROUNDDOWN($C5351/24,0)+1,1))-1)+IF('Standard Profiles'!$G$19=$B$10,7,0)+IF('Standard Profiles'!$G$19=$B$17,14,0)+IF('Standard Profiles'!$G$19=$B$24,21,0),0)),0)</f>
        <v>0</v>
      </c>
      <c r="F5351" cm="1">
        <f t="array" ref="F5351">IFERROR(INDEX(Jesper!AJ$2:AJ$366,ROUNDDOWN($C5351/24,0)+1,1)*INDEX($D$3:$AA$30,INDEX(Jesper!$R$2:$R$366,ROW(INDEX(Jesper!AJ$2:AJ$366,ROUNDDOWN($C5351/24,0)+1,1))-1)+IF('Standard Profiles'!$G$20=$B$10,7,0)+IF('Standard Profiles'!$G$20=$B$17,14,0)+IF('Standard Profiles'!$G$20=$B$24,21,0),MOD($C5351,24)+1)/SUM(INDEX($D$3:$AA$30,INDEX(Jesper!$R$2:$R$366,ROW(INDEX(Jesper!AJ$2:AJ$366,ROUNDDOWN($C5351/24,0)+1,1))-1)+IF('Standard Profiles'!$G$20=$B$10,7,0)+IF('Standard Profiles'!$G$20=$B$17,14,0)+IF('Standard Profiles'!$G$20=$B$24,21,0),0)),0)</f>
        <v>0</v>
      </c>
      <c r="G5351" cm="1">
        <f t="array" ref="G5351">IFERROR(INDEX(Jesper!AK$2:AK$366,ROUNDDOWN($C5351/24,0)+1,1)*INDEX($D$3:$AA$30,INDEX(Jesper!$R$2:$R$366,ROW(INDEX(Jesper!AK$2:AK$366,ROUNDDOWN($C5351/24,0)+1,1))-1)+IF('Standard Profiles'!$G$21=$B$10,7,0)+IF('Standard Profiles'!$G$21=$B$17,14,0)+IF('Standard Profiles'!$G$21=$B$24,21,0),MOD($C5351,24)+1)/SUM(INDEX($D$3:$AA$30,INDEX(Jesper!$R$2:$R$366,ROW(INDEX(Jesper!AK$2:AK$366,ROUNDDOWN($C5351/24,0)+1,1))-1)+IF('Standard Profiles'!$G$21=$B$10,7,0)+IF('Standard Profiles'!$G$21=$B$17,14,0)+IF('Standard Profiles'!$G$21=$B$24,21,0),0)),0)</f>
        <v>0</v>
      </c>
      <c r="H5351" cm="1">
        <f t="array" ref="H5351">IFERROR(INDEX(Jesper!AL$2:AL$366,ROUNDDOWN($C5351/24,0)+1,1)*INDEX($D$3:$AA$30,INDEX(Jesper!$R$2:$R$366,ROW(INDEX(Jesper!AL$2:AL$366,ROUNDDOWN($C5351/24,0)+1,1))-1)+IF('Standard Profiles'!$G$22=$B$10,7,0)+IF('Standard Profiles'!$G$22=$B$17,14,0)+IF('Standard Profiles'!$G$22=$B$24,21,0),MOD($C5351,24)+1)/SUM(INDEX($D$3:$AA$30,INDEX(Jesper!$R$2:$R$366,ROW(INDEX(Jesper!AL$2:AL$366,ROUNDDOWN($C5351/24,0)+1,1))-1)+IF('Standard Profiles'!$G$22=$B$10,7,0)+IF('Standard Profiles'!$G$22=$B$17,14,0)+IF('Standard Profiles'!$G$22=$B$24,21,0),0)),0)</f>
        <v>0</v>
      </c>
      <c r="I5351">
        <f t="shared" si="601"/>
        <v>0.45543517704655295</v>
      </c>
      <c r="J5351">
        <f t="shared" si="602"/>
        <v>1.5181172568218433</v>
      </c>
      <c r="K5351">
        <f t="shared" si="603"/>
        <v>2.2771758852327646</v>
      </c>
      <c r="L5351">
        <f t="shared" si="604"/>
        <v>10.93044424911727</v>
      </c>
      <c r="M5351">
        <f t="shared" si="605"/>
        <v>0</v>
      </c>
      <c r="N5351" s="46">
        <f t="shared" si="606"/>
        <v>45513.541666653771</v>
      </c>
    </row>
    <row r="5352" spans="2:14" x14ac:dyDescent="0.3">
      <c r="B5352">
        <f t="shared" si="600"/>
        <v>5</v>
      </c>
      <c r="C5352" s="16">
        <v>5318</v>
      </c>
      <c r="D5352" cm="1">
        <f t="array" ref="D5352">IFERROR(INDEX(Jesper!AH$2:AH$366,ROUNDDOWN($C5352/24,0)+1,1)*INDEX($D$3:$AA$30,INDEX(Jesper!$R$2:$R$366,ROW(INDEX(Jesper!AH$2:AH$366,ROUNDDOWN($C5352/24,0)+1,1))-1)+IF('Standard Profiles'!$G$18=$B$10,7,0)+IF('Standard Profiles'!$G$18=$B$17,14,0)+IF('Standard Profiles'!$G$18=$B$24,21,0),MOD($C5352,24)+1)/SUM(INDEX($D$3:$AA$30,INDEX(Jesper!$R$2:$R$366,ROW(INDEX(Jesper!AH$2:AH$366,ROUNDDOWN($C5352/24,0)+1,1))-1)+IF('Standard Profiles'!$G$18=$B$10,7,0)+IF('Standard Profiles'!$G$18=$B$17,14,0)+IF('Standard Profiles'!$G$18=$B$24,21,0),0)),0)</f>
        <v>15.181172568218432</v>
      </c>
      <c r="E5352" cm="1">
        <f t="array" ref="E5352">IFERROR(INDEX(Jesper!AI$2:AI$366,ROUNDDOWN($C5352/24,0)+1,1)*INDEX($D$3:$AA$30,INDEX(Jesper!$R$2:$R$366,ROW(INDEX(Jesper!AI$2:AI$366,ROUNDDOWN($C5352/24,0)+1,1))-1)+IF('Standard Profiles'!$G$19=$B$10,7,0)+IF('Standard Profiles'!$G$19=$B$17,14,0)+IF('Standard Profiles'!$G$19=$B$24,21,0),MOD($C5352,24)+1)/SUM(INDEX($D$3:$AA$30,INDEX(Jesper!$R$2:$R$366,ROW(INDEX(Jesper!AI$2:AI$366,ROUNDDOWN($C5352/24,0)+1,1))-1)+IF('Standard Profiles'!$G$19=$B$10,7,0)+IF('Standard Profiles'!$G$19=$B$17,14,0)+IF('Standard Profiles'!$G$19=$B$24,21,0),0)),0)</f>
        <v>0</v>
      </c>
      <c r="F5352" cm="1">
        <f t="array" ref="F5352">IFERROR(INDEX(Jesper!AJ$2:AJ$366,ROUNDDOWN($C5352/24,0)+1,1)*INDEX($D$3:$AA$30,INDEX(Jesper!$R$2:$R$366,ROW(INDEX(Jesper!AJ$2:AJ$366,ROUNDDOWN($C5352/24,0)+1,1))-1)+IF('Standard Profiles'!$G$20=$B$10,7,0)+IF('Standard Profiles'!$G$20=$B$17,14,0)+IF('Standard Profiles'!$G$20=$B$24,21,0),MOD($C5352,24)+1)/SUM(INDEX($D$3:$AA$30,INDEX(Jesper!$R$2:$R$366,ROW(INDEX(Jesper!AJ$2:AJ$366,ROUNDDOWN($C5352/24,0)+1,1))-1)+IF('Standard Profiles'!$G$20=$B$10,7,0)+IF('Standard Profiles'!$G$20=$B$17,14,0)+IF('Standard Profiles'!$G$20=$B$24,21,0),0)),0)</f>
        <v>0</v>
      </c>
      <c r="G5352" cm="1">
        <f t="array" ref="G5352">IFERROR(INDEX(Jesper!AK$2:AK$366,ROUNDDOWN($C5352/24,0)+1,1)*INDEX($D$3:$AA$30,INDEX(Jesper!$R$2:$R$366,ROW(INDEX(Jesper!AK$2:AK$366,ROUNDDOWN($C5352/24,0)+1,1))-1)+IF('Standard Profiles'!$G$21=$B$10,7,0)+IF('Standard Profiles'!$G$21=$B$17,14,0)+IF('Standard Profiles'!$G$21=$B$24,21,0),MOD($C5352,24)+1)/SUM(INDEX($D$3:$AA$30,INDEX(Jesper!$R$2:$R$366,ROW(INDEX(Jesper!AK$2:AK$366,ROUNDDOWN($C5352/24,0)+1,1))-1)+IF('Standard Profiles'!$G$21=$B$10,7,0)+IF('Standard Profiles'!$G$21=$B$17,14,0)+IF('Standard Profiles'!$G$21=$B$24,21,0),0)),0)</f>
        <v>0</v>
      </c>
      <c r="H5352" cm="1">
        <f t="array" ref="H5352">IFERROR(INDEX(Jesper!AL$2:AL$366,ROUNDDOWN($C5352/24,0)+1,1)*INDEX($D$3:$AA$30,INDEX(Jesper!$R$2:$R$366,ROW(INDEX(Jesper!AL$2:AL$366,ROUNDDOWN($C5352/24,0)+1,1))-1)+IF('Standard Profiles'!$G$22=$B$10,7,0)+IF('Standard Profiles'!$G$22=$B$17,14,0)+IF('Standard Profiles'!$G$22=$B$24,21,0),MOD($C5352,24)+1)/SUM(INDEX($D$3:$AA$30,INDEX(Jesper!$R$2:$R$366,ROW(INDEX(Jesper!AL$2:AL$366,ROUNDDOWN($C5352/24,0)+1,1))-1)+IF('Standard Profiles'!$G$22=$B$10,7,0)+IF('Standard Profiles'!$G$22=$B$17,14,0)+IF('Standard Profiles'!$G$22=$B$24,21,0),0)),0)</f>
        <v>0</v>
      </c>
      <c r="I5352">
        <f t="shared" si="601"/>
        <v>0.45543517704655295</v>
      </c>
      <c r="J5352">
        <f t="shared" si="602"/>
        <v>1.5181172568218433</v>
      </c>
      <c r="K5352">
        <f t="shared" si="603"/>
        <v>2.2771758852327646</v>
      </c>
      <c r="L5352">
        <f t="shared" si="604"/>
        <v>10.93044424911727</v>
      </c>
      <c r="M5352">
        <f t="shared" si="605"/>
        <v>0</v>
      </c>
      <c r="N5352" s="46">
        <f t="shared" si="606"/>
        <v>45513.583333320435</v>
      </c>
    </row>
    <row r="5353" spans="2:14" x14ac:dyDescent="0.3">
      <c r="B5353">
        <f t="shared" si="600"/>
        <v>5</v>
      </c>
      <c r="C5353" s="16">
        <v>5319</v>
      </c>
      <c r="D5353" cm="1">
        <f t="array" ref="D5353">IFERROR(INDEX(Jesper!AH$2:AH$366,ROUNDDOWN($C5353/24,0)+1,1)*INDEX($D$3:$AA$30,INDEX(Jesper!$R$2:$R$366,ROW(INDEX(Jesper!AH$2:AH$366,ROUNDDOWN($C5353/24,0)+1,1))-1)+IF('Standard Profiles'!$G$18=$B$10,7,0)+IF('Standard Profiles'!$G$18=$B$17,14,0)+IF('Standard Profiles'!$G$18=$B$24,21,0),MOD($C5353,24)+1)/SUM(INDEX($D$3:$AA$30,INDEX(Jesper!$R$2:$R$366,ROW(INDEX(Jesper!AH$2:AH$366,ROUNDDOWN($C5353/24,0)+1,1))-1)+IF('Standard Profiles'!$G$18=$B$10,7,0)+IF('Standard Profiles'!$G$18=$B$17,14,0)+IF('Standard Profiles'!$G$18=$B$24,21,0),0)),0)</f>
        <v>12.650977140182027</v>
      </c>
      <c r="E5353" cm="1">
        <f t="array" ref="E5353">IFERROR(INDEX(Jesper!AI$2:AI$366,ROUNDDOWN($C5353/24,0)+1,1)*INDEX($D$3:$AA$30,INDEX(Jesper!$R$2:$R$366,ROW(INDEX(Jesper!AI$2:AI$366,ROUNDDOWN($C5353/24,0)+1,1))-1)+IF('Standard Profiles'!$G$19=$B$10,7,0)+IF('Standard Profiles'!$G$19=$B$17,14,0)+IF('Standard Profiles'!$G$19=$B$24,21,0),MOD($C5353,24)+1)/SUM(INDEX($D$3:$AA$30,INDEX(Jesper!$R$2:$R$366,ROW(INDEX(Jesper!AI$2:AI$366,ROUNDDOWN($C5353/24,0)+1,1))-1)+IF('Standard Profiles'!$G$19=$B$10,7,0)+IF('Standard Profiles'!$G$19=$B$17,14,0)+IF('Standard Profiles'!$G$19=$B$24,21,0),0)),0)</f>
        <v>0</v>
      </c>
      <c r="F5353" cm="1">
        <f t="array" ref="F5353">IFERROR(INDEX(Jesper!AJ$2:AJ$366,ROUNDDOWN($C5353/24,0)+1,1)*INDEX($D$3:$AA$30,INDEX(Jesper!$R$2:$R$366,ROW(INDEX(Jesper!AJ$2:AJ$366,ROUNDDOWN($C5353/24,0)+1,1))-1)+IF('Standard Profiles'!$G$20=$B$10,7,0)+IF('Standard Profiles'!$G$20=$B$17,14,0)+IF('Standard Profiles'!$G$20=$B$24,21,0),MOD($C5353,24)+1)/SUM(INDEX($D$3:$AA$30,INDEX(Jesper!$R$2:$R$366,ROW(INDEX(Jesper!AJ$2:AJ$366,ROUNDDOWN($C5353/24,0)+1,1))-1)+IF('Standard Profiles'!$G$20=$B$10,7,0)+IF('Standard Profiles'!$G$20=$B$17,14,0)+IF('Standard Profiles'!$G$20=$B$24,21,0),0)),0)</f>
        <v>0</v>
      </c>
      <c r="G5353" cm="1">
        <f t="array" ref="G5353">IFERROR(INDEX(Jesper!AK$2:AK$366,ROUNDDOWN($C5353/24,0)+1,1)*INDEX($D$3:$AA$30,INDEX(Jesper!$R$2:$R$366,ROW(INDEX(Jesper!AK$2:AK$366,ROUNDDOWN($C5353/24,0)+1,1))-1)+IF('Standard Profiles'!$G$21=$B$10,7,0)+IF('Standard Profiles'!$G$21=$B$17,14,0)+IF('Standard Profiles'!$G$21=$B$24,21,0),MOD($C5353,24)+1)/SUM(INDEX($D$3:$AA$30,INDEX(Jesper!$R$2:$R$366,ROW(INDEX(Jesper!AK$2:AK$366,ROUNDDOWN($C5353/24,0)+1,1))-1)+IF('Standard Profiles'!$G$21=$B$10,7,0)+IF('Standard Profiles'!$G$21=$B$17,14,0)+IF('Standard Profiles'!$G$21=$B$24,21,0),0)),0)</f>
        <v>0</v>
      </c>
      <c r="H5353" cm="1">
        <f t="array" ref="H5353">IFERROR(INDEX(Jesper!AL$2:AL$366,ROUNDDOWN($C5353/24,0)+1,1)*INDEX($D$3:$AA$30,INDEX(Jesper!$R$2:$R$366,ROW(INDEX(Jesper!AL$2:AL$366,ROUNDDOWN($C5353/24,0)+1,1))-1)+IF('Standard Profiles'!$G$22=$B$10,7,0)+IF('Standard Profiles'!$G$22=$B$17,14,0)+IF('Standard Profiles'!$G$22=$B$24,21,0),MOD($C5353,24)+1)/SUM(INDEX($D$3:$AA$30,INDEX(Jesper!$R$2:$R$366,ROW(INDEX(Jesper!AL$2:AL$366,ROUNDDOWN($C5353/24,0)+1,1))-1)+IF('Standard Profiles'!$G$22=$B$10,7,0)+IF('Standard Profiles'!$G$22=$B$17,14,0)+IF('Standard Profiles'!$G$22=$B$24,21,0),0)),0)</f>
        <v>0</v>
      </c>
      <c r="I5353">
        <f t="shared" si="601"/>
        <v>0.37952931420546082</v>
      </c>
      <c r="J5353">
        <f t="shared" si="602"/>
        <v>1.2650977140182027</v>
      </c>
      <c r="K5353">
        <f t="shared" si="603"/>
        <v>1.8976465710273041</v>
      </c>
      <c r="L5353">
        <f t="shared" si="604"/>
        <v>9.1087035409310584</v>
      </c>
      <c r="M5353">
        <f t="shared" si="605"/>
        <v>0</v>
      </c>
      <c r="N5353" s="46">
        <f t="shared" si="606"/>
        <v>45513.6249999871</v>
      </c>
    </row>
    <row r="5354" spans="2:14" x14ac:dyDescent="0.3">
      <c r="B5354">
        <f t="shared" si="600"/>
        <v>5</v>
      </c>
      <c r="C5354" s="16">
        <v>5320</v>
      </c>
      <c r="D5354" cm="1">
        <f t="array" ref="D5354">IFERROR(INDEX(Jesper!AH$2:AH$366,ROUNDDOWN($C5354/24,0)+1,1)*INDEX($D$3:$AA$30,INDEX(Jesper!$R$2:$R$366,ROW(INDEX(Jesper!AH$2:AH$366,ROUNDDOWN($C5354/24,0)+1,1))-1)+IF('Standard Profiles'!$G$18=$B$10,7,0)+IF('Standard Profiles'!$G$18=$B$17,14,0)+IF('Standard Profiles'!$G$18=$B$24,21,0),MOD($C5354,24)+1)/SUM(INDEX($D$3:$AA$30,INDEX(Jesper!$R$2:$R$366,ROW(INDEX(Jesper!AH$2:AH$366,ROUNDDOWN($C5354/24,0)+1,1))-1)+IF('Standard Profiles'!$G$18=$B$10,7,0)+IF('Standard Profiles'!$G$18=$B$17,14,0)+IF('Standard Profiles'!$G$18=$B$24,21,0),0)),0)</f>
        <v>11.976258359372322</v>
      </c>
      <c r="E5354" cm="1">
        <f t="array" ref="E5354">IFERROR(INDEX(Jesper!AI$2:AI$366,ROUNDDOWN($C5354/24,0)+1,1)*INDEX($D$3:$AA$30,INDEX(Jesper!$R$2:$R$366,ROW(INDEX(Jesper!AI$2:AI$366,ROUNDDOWN($C5354/24,0)+1,1))-1)+IF('Standard Profiles'!$G$19=$B$10,7,0)+IF('Standard Profiles'!$G$19=$B$17,14,0)+IF('Standard Profiles'!$G$19=$B$24,21,0),MOD($C5354,24)+1)/SUM(INDEX($D$3:$AA$30,INDEX(Jesper!$R$2:$R$366,ROW(INDEX(Jesper!AI$2:AI$366,ROUNDDOWN($C5354/24,0)+1,1))-1)+IF('Standard Profiles'!$G$19=$B$10,7,0)+IF('Standard Profiles'!$G$19=$B$17,14,0)+IF('Standard Profiles'!$G$19=$B$24,21,0),0)),0)</f>
        <v>0</v>
      </c>
      <c r="F5354" cm="1">
        <f t="array" ref="F5354">IFERROR(INDEX(Jesper!AJ$2:AJ$366,ROUNDDOWN($C5354/24,0)+1,1)*INDEX($D$3:$AA$30,INDEX(Jesper!$R$2:$R$366,ROW(INDEX(Jesper!AJ$2:AJ$366,ROUNDDOWN($C5354/24,0)+1,1))-1)+IF('Standard Profiles'!$G$20=$B$10,7,0)+IF('Standard Profiles'!$G$20=$B$17,14,0)+IF('Standard Profiles'!$G$20=$B$24,21,0),MOD($C5354,24)+1)/SUM(INDEX($D$3:$AA$30,INDEX(Jesper!$R$2:$R$366,ROW(INDEX(Jesper!AJ$2:AJ$366,ROUNDDOWN($C5354/24,0)+1,1))-1)+IF('Standard Profiles'!$G$20=$B$10,7,0)+IF('Standard Profiles'!$G$20=$B$17,14,0)+IF('Standard Profiles'!$G$20=$B$24,21,0),0)),0)</f>
        <v>0</v>
      </c>
      <c r="G5354" cm="1">
        <f t="array" ref="G5354">IFERROR(INDEX(Jesper!AK$2:AK$366,ROUNDDOWN($C5354/24,0)+1,1)*INDEX($D$3:$AA$30,INDEX(Jesper!$R$2:$R$366,ROW(INDEX(Jesper!AK$2:AK$366,ROUNDDOWN($C5354/24,0)+1,1))-1)+IF('Standard Profiles'!$G$21=$B$10,7,0)+IF('Standard Profiles'!$G$21=$B$17,14,0)+IF('Standard Profiles'!$G$21=$B$24,21,0),MOD($C5354,24)+1)/SUM(INDEX($D$3:$AA$30,INDEX(Jesper!$R$2:$R$366,ROW(INDEX(Jesper!AK$2:AK$366,ROUNDDOWN($C5354/24,0)+1,1))-1)+IF('Standard Profiles'!$G$21=$B$10,7,0)+IF('Standard Profiles'!$G$21=$B$17,14,0)+IF('Standard Profiles'!$G$21=$B$24,21,0),0)),0)</f>
        <v>0</v>
      </c>
      <c r="H5354" cm="1">
        <f t="array" ref="H5354">IFERROR(INDEX(Jesper!AL$2:AL$366,ROUNDDOWN($C5354/24,0)+1,1)*INDEX($D$3:$AA$30,INDEX(Jesper!$R$2:$R$366,ROW(INDEX(Jesper!AL$2:AL$366,ROUNDDOWN($C5354/24,0)+1,1))-1)+IF('Standard Profiles'!$G$22=$B$10,7,0)+IF('Standard Profiles'!$G$22=$B$17,14,0)+IF('Standard Profiles'!$G$22=$B$24,21,0),MOD($C5354,24)+1)/SUM(INDEX($D$3:$AA$30,INDEX(Jesper!$R$2:$R$366,ROW(INDEX(Jesper!AL$2:AL$366,ROUNDDOWN($C5354/24,0)+1,1))-1)+IF('Standard Profiles'!$G$22=$B$10,7,0)+IF('Standard Profiles'!$G$22=$B$17,14,0)+IF('Standard Profiles'!$G$22=$B$24,21,0),0)),0)</f>
        <v>0</v>
      </c>
      <c r="I5354">
        <f t="shared" si="601"/>
        <v>0.35928775078116965</v>
      </c>
      <c r="J5354">
        <f t="shared" si="602"/>
        <v>1.1976258359372323</v>
      </c>
      <c r="K5354">
        <f t="shared" si="603"/>
        <v>1.7964387539058482</v>
      </c>
      <c r="L5354">
        <f t="shared" si="604"/>
        <v>8.6229060187480719</v>
      </c>
      <c r="M5354">
        <f t="shared" si="605"/>
        <v>0</v>
      </c>
      <c r="N5354" s="46">
        <f t="shared" si="606"/>
        <v>45513.666666653764</v>
      </c>
    </row>
    <row r="5355" spans="2:14" x14ac:dyDescent="0.3">
      <c r="B5355">
        <f t="shared" si="600"/>
        <v>5</v>
      </c>
      <c r="C5355" s="16">
        <v>5321</v>
      </c>
      <c r="D5355" cm="1">
        <f t="array" ref="D5355">IFERROR(INDEX(Jesper!AH$2:AH$366,ROUNDDOWN($C5355/24,0)+1,1)*INDEX($D$3:$AA$30,INDEX(Jesper!$R$2:$R$366,ROW(INDEX(Jesper!AH$2:AH$366,ROUNDDOWN($C5355/24,0)+1,1))-1)+IF('Standard Profiles'!$G$18=$B$10,7,0)+IF('Standard Profiles'!$G$18=$B$17,14,0)+IF('Standard Profiles'!$G$18=$B$24,21,0),MOD($C5355,24)+1)/SUM(INDEX($D$3:$AA$30,INDEX(Jesper!$R$2:$R$366,ROW(INDEX(Jesper!AH$2:AH$366,ROUNDDOWN($C5355/24,0)+1,1))-1)+IF('Standard Profiles'!$G$18=$B$10,7,0)+IF('Standard Profiles'!$G$18=$B$17,14,0)+IF('Standard Profiles'!$G$18=$B$24,21,0),0)),0)</f>
        <v>11.976258359372322</v>
      </c>
      <c r="E5355" cm="1">
        <f t="array" ref="E5355">IFERROR(INDEX(Jesper!AI$2:AI$366,ROUNDDOWN($C5355/24,0)+1,1)*INDEX($D$3:$AA$30,INDEX(Jesper!$R$2:$R$366,ROW(INDEX(Jesper!AI$2:AI$366,ROUNDDOWN($C5355/24,0)+1,1))-1)+IF('Standard Profiles'!$G$19=$B$10,7,0)+IF('Standard Profiles'!$G$19=$B$17,14,0)+IF('Standard Profiles'!$G$19=$B$24,21,0),MOD($C5355,24)+1)/SUM(INDEX($D$3:$AA$30,INDEX(Jesper!$R$2:$R$366,ROW(INDEX(Jesper!AI$2:AI$366,ROUNDDOWN($C5355/24,0)+1,1))-1)+IF('Standard Profiles'!$G$19=$B$10,7,0)+IF('Standard Profiles'!$G$19=$B$17,14,0)+IF('Standard Profiles'!$G$19=$B$24,21,0),0)),0)</f>
        <v>0</v>
      </c>
      <c r="F5355" cm="1">
        <f t="array" ref="F5355">IFERROR(INDEX(Jesper!AJ$2:AJ$366,ROUNDDOWN($C5355/24,0)+1,1)*INDEX($D$3:$AA$30,INDEX(Jesper!$R$2:$R$366,ROW(INDEX(Jesper!AJ$2:AJ$366,ROUNDDOWN($C5355/24,0)+1,1))-1)+IF('Standard Profiles'!$G$20=$B$10,7,0)+IF('Standard Profiles'!$G$20=$B$17,14,0)+IF('Standard Profiles'!$G$20=$B$24,21,0),MOD($C5355,24)+1)/SUM(INDEX($D$3:$AA$30,INDEX(Jesper!$R$2:$R$366,ROW(INDEX(Jesper!AJ$2:AJ$366,ROUNDDOWN($C5355/24,0)+1,1))-1)+IF('Standard Profiles'!$G$20=$B$10,7,0)+IF('Standard Profiles'!$G$20=$B$17,14,0)+IF('Standard Profiles'!$G$20=$B$24,21,0),0)),0)</f>
        <v>0</v>
      </c>
      <c r="G5355" cm="1">
        <f t="array" ref="G5355">IFERROR(INDEX(Jesper!AK$2:AK$366,ROUNDDOWN($C5355/24,0)+1,1)*INDEX($D$3:$AA$30,INDEX(Jesper!$R$2:$R$366,ROW(INDEX(Jesper!AK$2:AK$366,ROUNDDOWN($C5355/24,0)+1,1))-1)+IF('Standard Profiles'!$G$21=$B$10,7,0)+IF('Standard Profiles'!$G$21=$B$17,14,0)+IF('Standard Profiles'!$G$21=$B$24,21,0),MOD($C5355,24)+1)/SUM(INDEX($D$3:$AA$30,INDEX(Jesper!$R$2:$R$366,ROW(INDEX(Jesper!AK$2:AK$366,ROUNDDOWN($C5355/24,0)+1,1))-1)+IF('Standard Profiles'!$G$21=$B$10,7,0)+IF('Standard Profiles'!$G$21=$B$17,14,0)+IF('Standard Profiles'!$G$21=$B$24,21,0),0)),0)</f>
        <v>0</v>
      </c>
      <c r="H5355" cm="1">
        <f t="array" ref="H5355">IFERROR(INDEX(Jesper!AL$2:AL$366,ROUNDDOWN($C5355/24,0)+1,1)*INDEX($D$3:$AA$30,INDEX(Jesper!$R$2:$R$366,ROW(INDEX(Jesper!AL$2:AL$366,ROUNDDOWN($C5355/24,0)+1,1))-1)+IF('Standard Profiles'!$G$22=$B$10,7,0)+IF('Standard Profiles'!$G$22=$B$17,14,0)+IF('Standard Profiles'!$G$22=$B$24,21,0),MOD($C5355,24)+1)/SUM(INDEX($D$3:$AA$30,INDEX(Jesper!$R$2:$R$366,ROW(INDEX(Jesper!AL$2:AL$366,ROUNDDOWN($C5355/24,0)+1,1))-1)+IF('Standard Profiles'!$G$22=$B$10,7,0)+IF('Standard Profiles'!$G$22=$B$17,14,0)+IF('Standard Profiles'!$G$22=$B$24,21,0),0)),0)</f>
        <v>0</v>
      </c>
      <c r="I5355">
        <f t="shared" si="601"/>
        <v>0.35928775078116965</v>
      </c>
      <c r="J5355">
        <f t="shared" si="602"/>
        <v>1.1976258359372323</v>
      </c>
      <c r="K5355">
        <f t="shared" si="603"/>
        <v>1.7964387539058482</v>
      </c>
      <c r="L5355">
        <f t="shared" si="604"/>
        <v>8.6229060187480719</v>
      </c>
      <c r="M5355">
        <f t="shared" si="605"/>
        <v>0</v>
      </c>
      <c r="N5355" s="46">
        <f t="shared" si="606"/>
        <v>45513.708333320428</v>
      </c>
    </row>
    <row r="5356" spans="2:14" x14ac:dyDescent="0.3">
      <c r="B5356">
        <f t="shared" si="600"/>
        <v>5</v>
      </c>
      <c r="C5356" s="16">
        <v>5322</v>
      </c>
      <c r="D5356" cm="1">
        <f t="array" ref="D5356">IFERROR(INDEX(Jesper!AH$2:AH$366,ROUNDDOWN($C5356/24,0)+1,1)*INDEX($D$3:$AA$30,INDEX(Jesper!$R$2:$R$366,ROW(INDEX(Jesper!AH$2:AH$366,ROUNDDOWN($C5356/24,0)+1,1))-1)+IF('Standard Profiles'!$G$18=$B$10,7,0)+IF('Standard Profiles'!$G$18=$B$17,14,0)+IF('Standard Profiles'!$G$18=$B$24,21,0),MOD($C5356,24)+1)/SUM(INDEX($D$3:$AA$30,INDEX(Jesper!$R$2:$R$366,ROW(INDEX(Jesper!AH$2:AH$366,ROUNDDOWN($C5356/24,0)+1,1))-1)+IF('Standard Profiles'!$G$18=$B$10,7,0)+IF('Standard Profiles'!$G$18=$B$17,14,0)+IF('Standard Profiles'!$G$18=$B$24,21,0),0)),0)</f>
        <v>11.976258359372322</v>
      </c>
      <c r="E5356" cm="1">
        <f t="array" ref="E5356">IFERROR(INDEX(Jesper!AI$2:AI$366,ROUNDDOWN($C5356/24,0)+1,1)*INDEX($D$3:$AA$30,INDEX(Jesper!$R$2:$R$366,ROW(INDEX(Jesper!AI$2:AI$366,ROUNDDOWN($C5356/24,0)+1,1))-1)+IF('Standard Profiles'!$G$19=$B$10,7,0)+IF('Standard Profiles'!$G$19=$B$17,14,0)+IF('Standard Profiles'!$G$19=$B$24,21,0),MOD($C5356,24)+1)/SUM(INDEX($D$3:$AA$30,INDEX(Jesper!$R$2:$R$366,ROW(INDEX(Jesper!AI$2:AI$366,ROUNDDOWN($C5356/24,0)+1,1))-1)+IF('Standard Profiles'!$G$19=$B$10,7,0)+IF('Standard Profiles'!$G$19=$B$17,14,0)+IF('Standard Profiles'!$G$19=$B$24,21,0),0)),0)</f>
        <v>0</v>
      </c>
      <c r="F5356" cm="1">
        <f t="array" ref="F5356">IFERROR(INDEX(Jesper!AJ$2:AJ$366,ROUNDDOWN($C5356/24,0)+1,1)*INDEX($D$3:$AA$30,INDEX(Jesper!$R$2:$R$366,ROW(INDEX(Jesper!AJ$2:AJ$366,ROUNDDOWN($C5356/24,0)+1,1))-1)+IF('Standard Profiles'!$G$20=$B$10,7,0)+IF('Standard Profiles'!$G$20=$B$17,14,0)+IF('Standard Profiles'!$G$20=$B$24,21,0),MOD($C5356,24)+1)/SUM(INDEX($D$3:$AA$30,INDEX(Jesper!$R$2:$R$366,ROW(INDEX(Jesper!AJ$2:AJ$366,ROUNDDOWN($C5356/24,0)+1,1))-1)+IF('Standard Profiles'!$G$20=$B$10,7,0)+IF('Standard Profiles'!$G$20=$B$17,14,0)+IF('Standard Profiles'!$G$20=$B$24,21,0),0)),0)</f>
        <v>0</v>
      </c>
      <c r="G5356" cm="1">
        <f t="array" ref="G5356">IFERROR(INDEX(Jesper!AK$2:AK$366,ROUNDDOWN($C5356/24,0)+1,1)*INDEX($D$3:$AA$30,INDEX(Jesper!$R$2:$R$366,ROW(INDEX(Jesper!AK$2:AK$366,ROUNDDOWN($C5356/24,0)+1,1))-1)+IF('Standard Profiles'!$G$21=$B$10,7,0)+IF('Standard Profiles'!$G$21=$B$17,14,0)+IF('Standard Profiles'!$G$21=$B$24,21,0),MOD($C5356,24)+1)/SUM(INDEX($D$3:$AA$30,INDEX(Jesper!$R$2:$R$366,ROW(INDEX(Jesper!AK$2:AK$366,ROUNDDOWN($C5356/24,0)+1,1))-1)+IF('Standard Profiles'!$G$21=$B$10,7,0)+IF('Standard Profiles'!$G$21=$B$17,14,0)+IF('Standard Profiles'!$G$21=$B$24,21,0),0)),0)</f>
        <v>0</v>
      </c>
      <c r="H5356" cm="1">
        <f t="array" ref="H5356">IFERROR(INDEX(Jesper!AL$2:AL$366,ROUNDDOWN($C5356/24,0)+1,1)*INDEX($D$3:$AA$30,INDEX(Jesper!$R$2:$R$366,ROW(INDEX(Jesper!AL$2:AL$366,ROUNDDOWN($C5356/24,0)+1,1))-1)+IF('Standard Profiles'!$G$22=$B$10,7,0)+IF('Standard Profiles'!$G$22=$B$17,14,0)+IF('Standard Profiles'!$G$22=$B$24,21,0),MOD($C5356,24)+1)/SUM(INDEX($D$3:$AA$30,INDEX(Jesper!$R$2:$R$366,ROW(INDEX(Jesper!AL$2:AL$366,ROUNDDOWN($C5356/24,0)+1,1))-1)+IF('Standard Profiles'!$G$22=$B$10,7,0)+IF('Standard Profiles'!$G$22=$B$17,14,0)+IF('Standard Profiles'!$G$22=$B$24,21,0),0)),0)</f>
        <v>0</v>
      </c>
      <c r="I5356">
        <f t="shared" si="601"/>
        <v>0.35928775078116965</v>
      </c>
      <c r="J5356">
        <f t="shared" si="602"/>
        <v>1.1976258359372323</v>
      </c>
      <c r="K5356">
        <f t="shared" si="603"/>
        <v>1.7964387539058482</v>
      </c>
      <c r="L5356">
        <f t="shared" si="604"/>
        <v>8.6229060187480719</v>
      </c>
      <c r="M5356">
        <f t="shared" si="605"/>
        <v>0</v>
      </c>
      <c r="N5356" s="46">
        <f t="shared" si="606"/>
        <v>45513.749999987092</v>
      </c>
    </row>
    <row r="5357" spans="2:14" x14ac:dyDescent="0.3">
      <c r="B5357">
        <f t="shared" si="600"/>
        <v>5</v>
      </c>
      <c r="C5357" s="16">
        <v>5323</v>
      </c>
      <c r="D5357" cm="1">
        <f t="array" ref="D5357">IFERROR(INDEX(Jesper!AH$2:AH$366,ROUNDDOWN($C5357/24,0)+1,1)*INDEX($D$3:$AA$30,INDEX(Jesper!$R$2:$R$366,ROW(INDEX(Jesper!AH$2:AH$366,ROUNDDOWN($C5357/24,0)+1,1))-1)+IF('Standard Profiles'!$G$18=$B$10,7,0)+IF('Standard Profiles'!$G$18=$B$17,14,0)+IF('Standard Profiles'!$G$18=$B$24,21,0),MOD($C5357,24)+1)/SUM(INDEX($D$3:$AA$30,INDEX(Jesper!$R$2:$R$366,ROW(INDEX(Jesper!AH$2:AH$366,ROUNDDOWN($C5357/24,0)+1,1))-1)+IF('Standard Profiles'!$G$18=$B$10,7,0)+IF('Standard Profiles'!$G$18=$B$17,14,0)+IF('Standard Profiles'!$G$18=$B$24,21,0),0)),0)</f>
        <v>11.976258359372322</v>
      </c>
      <c r="E5357" cm="1">
        <f t="array" ref="E5357">IFERROR(INDEX(Jesper!AI$2:AI$366,ROUNDDOWN($C5357/24,0)+1,1)*INDEX($D$3:$AA$30,INDEX(Jesper!$R$2:$R$366,ROW(INDEX(Jesper!AI$2:AI$366,ROUNDDOWN($C5357/24,0)+1,1))-1)+IF('Standard Profiles'!$G$19=$B$10,7,0)+IF('Standard Profiles'!$G$19=$B$17,14,0)+IF('Standard Profiles'!$G$19=$B$24,21,0),MOD($C5357,24)+1)/SUM(INDEX($D$3:$AA$30,INDEX(Jesper!$R$2:$R$366,ROW(INDEX(Jesper!AI$2:AI$366,ROUNDDOWN($C5357/24,0)+1,1))-1)+IF('Standard Profiles'!$G$19=$B$10,7,0)+IF('Standard Profiles'!$G$19=$B$17,14,0)+IF('Standard Profiles'!$G$19=$B$24,21,0),0)),0)</f>
        <v>0</v>
      </c>
      <c r="F5357" cm="1">
        <f t="array" ref="F5357">IFERROR(INDEX(Jesper!AJ$2:AJ$366,ROUNDDOWN($C5357/24,0)+1,1)*INDEX($D$3:$AA$30,INDEX(Jesper!$R$2:$R$366,ROW(INDEX(Jesper!AJ$2:AJ$366,ROUNDDOWN($C5357/24,0)+1,1))-1)+IF('Standard Profiles'!$G$20=$B$10,7,0)+IF('Standard Profiles'!$G$20=$B$17,14,0)+IF('Standard Profiles'!$G$20=$B$24,21,0),MOD($C5357,24)+1)/SUM(INDEX($D$3:$AA$30,INDEX(Jesper!$R$2:$R$366,ROW(INDEX(Jesper!AJ$2:AJ$366,ROUNDDOWN($C5357/24,0)+1,1))-1)+IF('Standard Profiles'!$G$20=$B$10,7,0)+IF('Standard Profiles'!$G$20=$B$17,14,0)+IF('Standard Profiles'!$G$20=$B$24,21,0),0)),0)</f>
        <v>0</v>
      </c>
      <c r="G5357" cm="1">
        <f t="array" ref="G5357">IFERROR(INDEX(Jesper!AK$2:AK$366,ROUNDDOWN($C5357/24,0)+1,1)*INDEX($D$3:$AA$30,INDEX(Jesper!$R$2:$R$366,ROW(INDEX(Jesper!AK$2:AK$366,ROUNDDOWN($C5357/24,0)+1,1))-1)+IF('Standard Profiles'!$G$21=$B$10,7,0)+IF('Standard Profiles'!$G$21=$B$17,14,0)+IF('Standard Profiles'!$G$21=$B$24,21,0),MOD($C5357,24)+1)/SUM(INDEX($D$3:$AA$30,INDEX(Jesper!$R$2:$R$366,ROW(INDEX(Jesper!AK$2:AK$366,ROUNDDOWN($C5357/24,0)+1,1))-1)+IF('Standard Profiles'!$G$21=$B$10,7,0)+IF('Standard Profiles'!$G$21=$B$17,14,0)+IF('Standard Profiles'!$G$21=$B$24,21,0),0)),0)</f>
        <v>0</v>
      </c>
      <c r="H5357" cm="1">
        <f t="array" ref="H5357">IFERROR(INDEX(Jesper!AL$2:AL$366,ROUNDDOWN($C5357/24,0)+1,1)*INDEX($D$3:$AA$30,INDEX(Jesper!$R$2:$R$366,ROW(INDEX(Jesper!AL$2:AL$366,ROUNDDOWN($C5357/24,0)+1,1))-1)+IF('Standard Profiles'!$G$22=$B$10,7,0)+IF('Standard Profiles'!$G$22=$B$17,14,0)+IF('Standard Profiles'!$G$22=$B$24,21,0),MOD($C5357,24)+1)/SUM(INDEX($D$3:$AA$30,INDEX(Jesper!$R$2:$R$366,ROW(INDEX(Jesper!AL$2:AL$366,ROUNDDOWN($C5357/24,0)+1,1))-1)+IF('Standard Profiles'!$G$22=$B$10,7,0)+IF('Standard Profiles'!$G$22=$B$17,14,0)+IF('Standard Profiles'!$G$22=$B$24,21,0),0)),0)</f>
        <v>0</v>
      </c>
      <c r="I5357">
        <f t="shared" si="601"/>
        <v>0.35928775078116965</v>
      </c>
      <c r="J5357">
        <f t="shared" si="602"/>
        <v>1.1976258359372323</v>
      </c>
      <c r="K5357">
        <f t="shared" si="603"/>
        <v>1.7964387539058482</v>
      </c>
      <c r="L5357">
        <f t="shared" si="604"/>
        <v>8.6229060187480719</v>
      </c>
      <c r="M5357">
        <f t="shared" si="605"/>
        <v>0</v>
      </c>
      <c r="N5357" s="46">
        <f t="shared" si="606"/>
        <v>45513.791666653757</v>
      </c>
    </row>
    <row r="5358" spans="2:14" x14ac:dyDescent="0.3">
      <c r="B5358">
        <f t="shared" si="600"/>
        <v>5</v>
      </c>
      <c r="C5358" s="16">
        <v>5324</v>
      </c>
      <c r="D5358" cm="1">
        <f t="array" ref="D5358">IFERROR(INDEX(Jesper!AH$2:AH$366,ROUNDDOWN($C5358/24,0)+1,1)*INDEX($D$3:$AA$30,INDEX(Jesper!$R$2:$R$366,ROW(INDEX(Jesper!AH$2:AH$366,ROUNDDOWN($C5358/24,0)+1,1))-1)+IF('Standard Profiles'!$G$18=$B$10,7,0)+IF('Standard Profiles'!$G$18=$B$17,14,0)+IF('Standard Profiles'!$G$18=$B$24,21,0),MOD($C5358,24)+1)/SUM(INDEX($D$3:$AA$30,INDEX(Jesper!$R$2:$R$366,ROW(INDEX(Jesper!AH$2:AH$366,ROUNDDOWN($C5358/24,0)+1,1))-1)+IF('Standard Profiles'!$G$18=$B$10,7,0)+IF('Standard Profiles'!$G$18=$B$17,14,0)+IF('Standard Profiles'!$G$18=$B$24,21,0),0)),0)</f>
        <v>9.2773832361334865</v>
      </c>
      <c r="E5358" cm="1">
        <f t="array" ref="E5358">IFERROR(INDEX(Jesper!AI$2:AI$366,ROUNDDOWN($C5358/24,0)+1,1)*INDEX($D$3:$AA$30,INDEX(Jesper!$R$2:$R$366,ROW(INDEX(Jesper!AI$2:AI$366,ROUNDDOWN($C5358/24,0)+1,1))-1)+IF('Standard Profiles'!$G$19=$B$10,7,0)+IF('Standard Profiles'!$G$19=$B$17,14,0)+IF('Standard Profiles'!$G$19=$B$24,21,0),MOD($C5358,24)+1)/SUM(INDEX($D$3:$AA$30,INDEX(Jesper!$R$2:$R$366,ROW(INDEX(Jesper!AI$2:AI$366,ROUNDDOWN($C5358/24,0)+1,1))-1)+IF('Standard Profiles'!$G$19=$B$10,7,0)+IF('Standard Profiles'!$G$19=$B$17,14,0)+IF('Standard Profiles'!$G$19=$B$24,21,0),0)),0)</f>
        <v>0</v>
      </c>
      <c r="F5358" cm="1">
        <f t="array" ref="F5358">IFERROR(INDEX(Jesper!AJ$2:AJ$366,ROUNDDOWN($C5358/24,0)+1,1)*INDEX($D$3:$AA$30,INDEX(Jesper!$R$2:$R$366,ROW(INDEX(Jesper!AJ$2:AJ$366,ROUNDDOWN($C5358/24,0)+1,1))-1)+IF('Standard Profiles'!$G$20=$B$10,7,0)+IF('Standard Profiles'!$G$20=$B$17,14,0)+IF('Standard Profiles'!$G$20=$B$24,21,0),MOD($C5358,24)+1)/SUM(INDEX($D$3:$AA$30,INDEX(Jesper!$R$2:$R$366,ROW(INDEX(Jesper!AJ$2:AJ$366,ROUNDDOWN($C5358/24,0)+1,1))-1)+IF('Standard Profiles'!$G$20=$B$10,7,0)+IF('Standard Profiles'!$G$20=$B$17,14,0)+IF('Standard Profiles'!$G$20=$B$24,21,0),0)),0)</f>
        <v>0</v>
      </c>
      <c r="G5358" cm="1">
        <f t="array" ref="G5358">IFERROR(INDEX(Jesper!AK$2:AK$366,ROUNDDOWN($C5358/24,0)+1,1)*INDEX($D$3:$AA$30,INDEX(Jesper!$R$2:$R$366,ROW(INDEX(Jesper!AK$2:AK$366,ROUNDDOWN($C5358/24,0)+1,1))-1)+IF('Standard Profiles'!$G$21=$B$10,7,0)+IF('Standard Profiles'!$G$21=$B$17,14,0)+IF('Standard Profiles'!$G$21=$B$24,21,0),MOD($C5358,24)+1)/SUM(INDEX($D$3:$AA$30,INDEX(Jesper!$R$2:$R$366,ROW(INDEX(Jesper!AK$2:AK$366,ROUNDDOWN($C5358/24,0)+1,1))-1)+IF('Standard Profiles'!$G$21=$B$10,7,0)+IF('Standard Profiles'!$G$21=$B$17,14,0)+IF('Standard Profiles'!$G$21=$B$24,21,0),0)),0)</f>
        <v>0</v>
      </c>
      <c r="H5358" cm="1">
        <f t="array" ref="H5358">IFERROR(INDEX(Jesper!AL$2:AL$366,ROUNDDOWN($C5358/24,0)+1,1)*INDEX($D$3:$AA$30,INDEX(Jesper!$R$2:$R$366,ROW(INDEX(Jesper!AL$2:AL$366,ROUNDDOWN($C5358/24,0)+1,1))-1)+IF('Standard Profiles'!$G$22=$B$10,7,0)+IF('Standard Profiles'!$G$22=$B$17,14,0)+IF('Standard Profiles'!$G$22=$B$24,21,0),MOD($C5358,24)+1)/SUM(INDEX($D$3:$AA$30,INDEX(Jesper!$R$2:$R$366,ROW(INDEX(Jesper!AL$2:AL$366,ROUNDDOWN($C5358/24,0)+1,1))-1)+IF('Standard Profiles'!$G$22=$B$10,7,0)+IF('Standard Profiles'!$G$22=$B$17,14,0)+IF('Standard Profiles'!$G$22=$B$24,21,0),0)),0)</f>
        <v>0</v>
      </c>
      <c r="I5358">
        <f t="shared" si="601"/>
        <v>0.27832149708400461</v>
      </c>
      <c r="J5358">
        <f t="shared" si="602"/>
        <v>0.92773832361334874</v>
      </c>
      <c r="K5358">
        <f t="shared" si="603"/>
        <v>1.3916074854200229</v>
      </c>
      <c r="L5358">
        <f t="shared" si="604"/>
        <v>6.6797159300161102</v>
      </c>
      <c r="M5358">
        <f t="shared" si="605"/>
        <v>0</v>
      </c>
      <c r="N5358" s="46">
        <f t="shared" si="606"/>
        <v>45513.833333320421</v>
      </c>
    </row>
    <row r="5359" spans="2:14" x14ac:dyDescent="0.3">
      <c r="B5359">
        <f t="shared" si="600"/>
        <v>5</v>
      </c>
      <c r="C5359" s="16">
        <v>5325</v>
      </c>
      <c r="D5359" cm="1">
        <f t="array" ref="D5359">IFERROR(INDEX(Jesper!AH$2:AH$366,ROUNDDOWN($C5359/24,0)+1,1)*INDEX($D$3:$AA$30,INDEX(Jesper!$R$2:$R$366,ROW(INDEX(Jesper!AH$2:AH$366,ROUNDDOWN($C5359/24,0)+1,1))-1)+IF('Standard Profiles'!$G$18=$B$10,7,0)+IF('Standard Profiles'!$G$18=$B$17,14,0)+IF('Standard Profiles'!$G$18=$B$24,21,0),MOD($C5359,24)+1)/SUM(INDEX($D$3:$AA$30,INDEX(Jesper!$R$2:$R$366,ROW(INDEX(Jesper!AH$2:AH$366,ROUNDDOWN($C5359/24,0)+1,1))-1)+IF('Standard Profiles'!$G$18=$B$10,7,0)+IF('Standard Profiles'!$G$18=$B$17,14,0)+IF('Standard Profiles'!$G$18=$B$24,21,0),0)),0)</f>
        <v>3.5422735992509673</v>
      </c>
      <c r="E5359" cm="1">
        <f t="array" ref="E5359">IFERROR(INDEX(Jesper!AI$2:AI$366,ROUNDDOWN($C5359/24,0)+1,1)*INDEX($D$3:$AA$30,INDEX(Jesper!$R$2:$R$366,ROW(INDEX(Jesper!AI$2:AI$366,ROUNDDOWN($C5359/24,0)+1,1))-1)+IF('Standard Profiles'!$G$19=$B$10,7,0)+IF('Standard Profiles'!$G$19=$B$17,14,0)+IF('Standard Profiles'!$G$19=$B$24,21,0),MOD($C5359,24)+1)/SUM(INDEX($D$3:$AA$30,INDEX(Jesper!$R$2:$R$366,ROW(INDEX(Jesper!AI$2:AI$366,ROUNDDOWN($C5359/24,0)+1,1))-1)+IF('Standard Profiles'!$G$19=$B$10,7,0)+IF('Standard Profiles'!$G$19=$B$17,14,0)+IF('Standard Profiles'!$G$19=$B$24,21,0),0)),0)</f>
        <v>0</v>
      </c>
      <c r="F5359" cm="1">
        <f t="array" ref="F5359">IFERROR(INDEX(Jesper!AJ$2:AJ$366,ROUNDDOWN($C5359/24,0)+1,1)*INDEX($D$3:$AA$30,INDEX(Jesper!$R$2:$R$366,ROW(INDEX(Jesper!AJ$2:AJ$366,ROUNDDOWN($C5359/24,0)+1,1))-1)+IF('Standard Profiles'!$G$20=$B$10,7,0)+IF('Standard Profiles'!$G$20=$B$17,14,0)+IF('Standard Profiles'!$G$20=$B$24,21,0),MOD($C5359,24)+1)/SUM(INDEX($D$3:$AA$30,INDEX(Jesper!$R$2:$R$366,ROW(INDEX(Jesper!AJ$2:AJ$366,ROUNDDOWN($C5359/24,0)+1,1))-1)+IF('Standard Profiles'!$G$20=$B$10,7,0)+IF('Standard Profiles'!$G$20=$B$17,14,0)+IF('Standard Profiles'!$G$20=$B$24,21,0),0)),0)</f>
        <v>0</v>
      </c>
      <c r="G5359" cm="1">
        <f t="array" ref="G5359">IFERROR(INDEX(Jesper!AK$2:AK$366,ROUNDDOWN($C5359/24,0)+1,1)*INDEX($D$3:$AA$30,INDEX(Jesper!$R$2:$R$366,ROW(INDEX(Jesper!AK$2:AK$366,ROUNDDOWN($C5359/24,0)+1,1))-1)+IF('Standard Profiles'!$G$21=$B$10,7,0)+IF('Standard Profiles'!$G$21=$B$17,14,0)+IF('Standard Profiles'!$G$21=$B$24,21,0),MOD($C5359,24)+1)/SUM(INDEX($D$3:$AA$30,INDEX(Jesper!$R$2:$R$366,ROW(INDEX(Jesper!AK$2:AK$366,ROUNDDOWN($C5359/24,0)+1,1))-1)+IF('Standard Profiles'!$G$21=$B$10,7,0)+IF('Standard Profiles'!$G$21=$B$17,14,0)+IF('Standard Profiles'!$G$21=$B$24,21,0),0)),0)</f>
        <v>0</v>
      </c>
      <c r="H5359" cm="1">
        <f t="array" ref="H5359">IFERROR(INDEX(Jesper!AL$2:AL$366,ROUNDDOWN($C5359/24,0)+1,1)*INDEX($D$3:$AA$30,INDEX(Jesper!$R$2:$R$366,ROW(INDEX(Jesper!AL$2:AL$366,ROUNDDOWN($C5359/24,0)+1,1))-1)+IF('Standard Profiles'!$G$22=$B$10,7,0)+IF('Standard Profiles'!$G$22=$B$17,14,0)+IF('Standard Profiles'!$G$22=$B$24,21,0),MOD($C5359,24)+1)/SUM(INDEX($D$3:$AA$30,INDEX(Jesper!$R$2:$R$366,ROW(INDEX(Jesper!AL$2:AL$366,ROUNDDOWN($C5359/24,0)+1,1))-1)+IF('Standard Profiles'!$G$22=$B$10,7,0)+IF('Standard Profiles'!$G$22=$B$17,14,0)+IF('Standard Profiles'!$G$22=$B$24,21,0),0)),0)</f>
        <v>0</v>
      </c>
      <c r="I5359">
        <f t="shared" si="601"/>
        <v>0.10626820797752902</v>
      </c>
      <c r="J5359">
        <f t="shared" si="602"/>
        <v>0.35422735992509674</v>
      </c>
      <c r="K5359">
        <f t="shared" si="603"/>
        <v>0.53134103988764503</v>
      </c>
      <c r="L5359">
        <f t="shared" si="604"/>
        <v>2.5504369914606966</v>
      </c>
      <c r="M5359">
        <f t="shared" si="605"/>
        <v>0</v>
      </c>
      <c r="N5359" s="46">
        <f t="shared" si="606"/>
        <v>45513.874999987085</v>
      </c>
    </row>
    <row r="5360" spans="2:14" x14ac:dyDescent="0.3">
      <c r="B5360">
        <f t="shared" si="600"/>
        <v>5</v>
      </c>
      <c r="C5360" s="16">
        <v>5326</v>
      </c>
      <c r="D5360" cm="1">
        <f t="array" ref="D5360">IFERROR(INDEX(Jesper!AH$2:AH$366,ROUNDDOWN($C5360/24,0)+1,1)*INDEX($D$3:$AA$30,INDEX(Jesper!$R$2:$R$366,ROW(INDEX(Jesper!AH$2:AH$366,ROUNDDOWN($C5360/24,0)+1,1))-1)+IF('Standard Profiles'!$G$18=$B$10,7,0)+IF('Standard Profiles'!$G$18=$B$17,14,0)+IF('Standard Profiles'!$G$18=$B$24,21,0),MOD($C5360,24)+1)/SUM(INDEX($D$3:$AA$30,INDEX(Jesper!$R$2:$R$366,ROW(INDEX(Jesper!AH$2:AH$366,ROUNDDOWN($C5360/24,0)+1,1))-1)+IF('Standard Profiles'!$G$18=$B$10,7,0)+IF('Standard Profiles'!$G$18=$B$17,14,0)+IF('Standard Profiles'!$G$18=$B$24,21,0),0)),0)</f>
        <v>3.5422735992509673</v>
      </c>
      <c r="E5360" cm="1">
        <f t="array" ref="E5360">IFERROR(INDEX(Jesper!AI$2:AI$366,ROUNDDOWN($C5360/24,0)+1,1)*INDEX($D$3:$AA$30,INDEX(Jesper!$R$2:$R$366,ROW(INDEX(Jesper!AI$2:AI$366,ROUNDDOWN($C5360/24,0)+1,1))-1)+IF('Standard Profiles'!$G$19=$B$10,7,0)+IF('Standard Profiles'!$G$19=$B$17,14,0)+IF('Standard Profiles'!$G$19=$B$24,21,0),MOD($C5360,24)+1)/SUM(INDEX($D$3:$AA$30,INDEX(Jesper!$R$2:$R$366,ROW(INDEX(Jesper!AI$2:AI$366,ROUNDDOWN($C5360/24,0)+1,1))-1)+IF('Standard Profiles'!$G$19=$B$10,7,0)+IF('Standard Profiles'!$G$19=$B$17,14,0)+IF('Standard Profiles'!$G$19=$B$24,21,0),0)),0)</f>
        <v>0</v>
      </c>
      <c r="F5360" cm="1">
        <f t="array" ref="F5360">IFERROR(INDEX(Jesper!AJ$2:AJ$366,ROUNDDOWN($C5360/24,0)+1,1)*INDEX($D$3:$AA$30,INDEX(Jesper!$R$2:$R$366,ROW(INDEX(Jesper!AJ$2:AJ$366,ROUNDDOWN($C5360/24,0)+1,1))-1)+IF('Standard Profiles'!$G$20=$B$10,7,0)+IF('Standard Profiles'!$G$20=$B$17,14,0)+IF('Standard Profiles'!$G$20=$B$24,21,0),MOD($C5360,24)+1)/SUM(INDEX($D$3:$AA$30,INDEX(Jesper!$R$2:$R$366,ROW(INDEX(Jesper!AJ$2:AJ$366,ROUNDDOWN($C5360/24,0)+1,1))-1)+IF('Standard Profiles'!$G$20=$B$10,7,0)+IF('Standard Profiles'!$G$20=$B$17,14,0)+IF('Standard Profiles'!$G$20=$B$24,21,0),0)),0)</f>
        <v>0</v>
      </c>
      <c r="G5360" cm="1">
        <f t="array" ref="G5360">IFERROR(INDEX(Jesper!AK$2:AK$366,ROUNDDOWN($C5360/24,0)+1,1)*INDEX($D$3:$AA$30,INDEX(Jesper!$R$2:$R$366,ROW(INDEX(Jesper!AK$2:AK$366,ROUNDDOWN($C5360/24,0)+1,1))-1)+IF('Standard Profiles'!$G$21=$B$10,7,0)+IF('Standard Profiles'!$G$21=$B$17,14,0)+IF('Standard Profiles'!$G$21=$B$24,21,0),MOD($C5360,24)+1)/SUM(INDEX($D$3:$AA$30,INDEX(Jesper!$R$2:$R$366,ROW(INDEX(Jesper!AK$2:AK$366,ROUNDDOWN($C5360/24,0)+1,1))-1)+IF('Standard Profiles'!$G$21=$B$10,7,0)+IF('Standard Profiles'!$G$21=$B$17,14,0)+IF('Standard Profiles'!$G$21=$B$24,21,0),0)),0)</f>
        <v>0</v>
      </c>
      <c r="H5360" cm="1">
        <f t="array" ref="H5360">IFERROR(INDEX(Jesper!AL$2:AL$366,ROUNDDOWN($C5360/24,0)+1,1)*INDEX($D$3:$AA$30,INDEX(Jesper!$R$2:$R$366,ROW(INDEX(Jesper!AL$2:AL$366,ROUNDDOWN($C5360/24,0)+1,1))-1)+IF('Standard Profiles'!$G$22=$B$10,7,0)+IF('Standard Profiles'!$G$22=$B$17,14,0)+IF('Standard Profiles'!$G$22=$B$24,21,0),MOD($C5360,24)+1)/SUM(INDEX($D$3:$AA$30,INDEX(Jesper!$R$2:$R$366,ROW(INDEX(Jesper!AL$2:AL$366,ROUNDDOWN($C5360/24,0)+1,1))-1)+IF('Standard Profiles'!$G$22=$B$10,7,0)+IF('Standard Profiles'!$G$22=$B$17,14,0)+IF('Standard Profiles'!$G$22=$B$24,21,0),0)),0)</f>
        <v>0</v>
      </c>
      <c r="I5360">
        <f t="shared" si="601"/>
        <v>0.10626820797752902</v>
      </c>
      <c r="J5360">
        <f t="shared" si="602"/>
        <v>0.35422735992509674</v>
      </c>
      <c r="K5360">
        <f t="shared" si="603"/>
        <v>0.53134103988764503</v>
      </c>
      <c r="L5360">
        <f t="shared" si="604"/>
        <v>2.5504369914606966</v>
      </c>
      <c r="M5360">
        <f t="shared" si="605"/>
        <v>0</v>
      </c>
      <c r="N5360" s="46">
        <f t="shared" si="606"/>
        <v>45513.916666653749</v>
      </c>
    </row>
    <row r="5361" spans="2:14" x14ac:dyDescent="0.3">
      <c r="B5361">
        <f t="shared" si="600"/>
        <v>5</v>
      </c>
      <c r="C5361" s="16">
        <v>5327</v>
      </c>
      <c r="D5361" cm="1">
        <f t="array" ref="D5361">IFERROR(INDEX(Jesper!AH$2:AH$366,ROUNDDOWN($C5361/24,0)+1,1)*INDEX($D$3:$AA$30,INDEX(Jesper!$R$2:$R$366,ROW(INDEX(Jesper!AH$2:AH$366,ROUNDDOWN($C5361/24,0)+1,1))-1)+IF('Standard Profiles'!$G$18=$B$10,7,0)+IF('Standard Profiles'!$G$18=$B$17,14,0)+IF('Standard Profiles'!$G$18=$B$24,21,0),MOD($C5361,24)+1)/SUM(INDEX($D$3:$AA$30,INDEX(Jesper!$R$2:$R$366,ROW(INDEX(Jesper!AH$2:AH$366,ROUNDDOWN($C5361/24,0)+1,1))-1)+IF('Standard Profiles'!$G$18=$B$10,7,0)+IF('Standard Profiles'!$G$18=$B$17,14,0)+IF('Standard Profiles'!$G$18=$B$24,21,0),0)),0)</f>
        <v>3.5422735992509673</v>
      </c>
      <c r="E5361" cm="1">
        <f t="array" ref="E5361">IFERROR(INDEX(Jesper!AI$2:AI$366,ROUNDDOWN($C5361/24,0)+1,1)*INDEX($D$3:$AA$30,INDEX(Jesper!$R$2:$R$366,ROW(INDEX(Jesper!AI$2:AI$366,ROUNDDOWN($C5361/24,0)+1,1))-1)+IF('Standard Profiles'!$G$19=$B$10,7,0)+IF('Standard Profiles'!$G$19=$B$17,14,0)+IF('Standard Profiles'!$G$19=$B$24,21,0),MOD($C5361,24)+1)/SUM(INDEX($D$3:$AA$30,INDEX(Jesper!$R$2:$R$366,ROW(INDEX(Jesper!AI$2:AI$366,ROUNDDOWN($C5361/24,0)+1,1))-1)+IF('Standard Profiles'!$G$19=$B$10,7,0)+IF('Standard Profiles'!$G$19=$B$17,14,0)+IF('Standard Profiles'!$G$19=$B$24,21,0),0)),0)</f>
        <v>0</v>
      </c>
      <c r="F5361" cm="1">
        <f t="array" ref="F5361">IFERROR(INDEX(Jesper!AJ$2:AJ$366,ROUNDDOWN($C5361/24,0)+1,1)*INDEX($D$3:$AA$30,INDEX(Jesper!$R$2:$R$366,ROW(INDEX(Jesper!AJ$2:AJ$366,ROUNDDOWN($C5361/24,0)+1,1))-1)+IF('Standard Profiles'!$G$20=$B$10,7,0)+IF('Standard Profiles'!$G$20=$B$17,14,0)+IF('Standard Profiles'!$G$20=$B$24,21,0),MOD($C5361,24)+1)/SUM(INDEX($D$3:$AA$30,INDEX(Jesper!$R$2:$R$366,ROW(INDEX(Jesper!AJ$2:AJ$366,ROUNDDOWN($C5361/24,0)+1,1))-1)+IF('Standard Profiles'!$G$20=$B$10,7,0)+IF('Standard Profiles'!$G$20=$B$17,14,0)+IF('Standard Profiles'!$G$20=$B$24,21,0),0)),0)</f>
        <v>0</v>
      </c>
      <c r="G5361" cm="1">
        <f t="array" ref="G5361">IFERROR(INDEX(Jesper!AK$2:AK$366,ROUNDDOWN($C5361/24,0)+1,1)*INDEX($D$3:$AA$30,INDEX(Jesper!$R$2:$R$366,ROW(INDEX(Jesper!AK$2:AK$366,ROUNDDOWN($C5361/24,0)+1,1))-1)+IF('Standard Profiles'!$G$21=$B$10,7,0)+IF('Standard Profiles'!$G$21=$B$17,14,0)+IF('Standard Profiles'!$G$21=$B$24,21,0),MOD($C5361,24)+1)/SUM(INDEX($D$3:$AA$30,INDEX(Jesper!$R$2:$R$366,ROW(INDEX(Jesper!AK$2:AK$366,ROUNDDOWN($C5361/24,0)+1,1))-1)+IF('Standard Profiles'!$G$21=$B$10,7,0)+IF('Standard Profiles'!$G$21=$B$17,14,0)+IF('Standard Profiles'!$G$21=$B$24,21,0),0)),0)</f>
        <v>0</v>
      </c>
      <c r="H5361" cm="1">
        <f t="array" ref="H5361">IFERROR(INDEX(Jesper!AL$2:AL$366,ROUNDDOWN($C5361/24,0)+1,1)*INDEX($D$3:$AA$30,INDEX(Jesper!$R$2:$R$366,ROW(INDEX(Jesper!AL$2:AL$366,ROUNDDOWN($C5361/24,0)+1,1))-1)+IF('Standard Profiles'!$G$22=$B$10,7,0)+IF('Standard Profiles'!$G$22=$B$17,14,0)+IF('Standard Profiles'!$G$22=$B$24,21,0),MOD($C5361,24)+1)/SUM(INDEX($D$3:$AA$30,INDEX(Jesper!$R$2:$R$366,ROW(INDEX(Jesper!AL$2:AL$366,ROUNDDOWN($C5361/24,0)+1,1))-1)+IF('Standard Profiles'!$G$22=$B$10,7,0)+IF('Standard Profiles'!$G$22=$B$17,14,0)+IF('Standard Profiles'!$G$22=$B$24,21,0),0)),0)</f>
        <v>0</v>
      </c>
      <c r="I5361">
        <f t="shared" si="601"/>
        <v>0.10626820797752902</v>
      </c>
      <c r="J5361">
        <f t="shared" si="602"/>
        <v>0.35422735992509674</v>
      </c>
      <c r="K5361">
        <f t="shared" si="603"/>
        <v>0.53134103988764503</v>
      </c>
      <c r="L5361">
        <f t="shared" si="604"/>
        <v>2.5504369914606966</v>
      </c>
      <c r="M5361">
        <f t="shared" si="605"/>
        <v>0</v>
      </c>
      <c r="N5361" s="46">
        <f t="shared" si="606"/>
        <v>45513.958333320414</v>
      </c>
    </row>
    <row r="5362" spans="2:14" x14ac:dyDescent="0.3">
      <c r="B5362">
        <f t="shared" si="600"/>
        <v>6</v>
      </c>
      <c r="C5362" s="16">
        <v>5328</v>
      </c>
      <c r="D5362" cm="1">
        <f t="array" ref="D5362">IFERROR(INDEX(Jesper!AH$2:AH$366,ROUNDDOWN($C5362/24,0)+1,1)*INDEX($D$3:$AA$30,INDEX(Jesper!$R$2:$R$366,ROW(INDEX(Jesper!AH$2:AH$366,ROUNDDOWN($C5362/24,0)+1,1))-1)+IF('Standard Profiles'!$G$18=$B$10,7,0)+IF('Standard Profiles'!$G$18=$B$17,14,0)+IF('Standard Profiles'!$G$18=$B$24,21,0),MOD($C5362,24)+1)/SUM(INDEX($D$3:$AA$30,INDEX(Jesper!$R$2:$R$366,ROW(INDEX(Jesper!AH$2:AH$366,ROUNDDOWN($C5362/24,0)+1,1))-1)+IF('Standard Profiles'!$G$18=$B$10,7,0)+IF('Standard Profiles'!$G$18=$B$17,14,0)+IF('Standard Profiles'!$G$18=$B$24,21,0),0)),0)</f>
        <v>3.4317847273991733</v>
      </c>
      <c r="E5362" cm="1">
        <f t="array" ref="E5362">IFERROR(INDEX(Jesper!AI$2:AI$366,ROUNDDOWN($C5362/24,0)+1,1)*INDEX($D$3:$AA$30,INDEX(Jesper!$R$2:$R$366,ROW(INDEX(Jesper!AI$2:AI$366,ROUNDDOWN($C5362/24,0)+1,1))-1)+IF('Standard Profiles'!$G$19=$B$10,7,0)+IF('Standard Profiles'!$G$19=$B$17,14,0)+IF('Standard Profiles'!$G$19=$B$24,21,0),MOD($C5362,24)+1)/SUM(INDEX($D$3:$AA$30,INDEX(Jesper!$R$2:$R$366,ROW(INDEX(Jesper!AI$2:AI$366,ROUNDDOWN($C5362/24,0)+1,1))-1)+IF('Standard Profiles'!$G$19=$B$10,7,0)+IF('Standard Profiles'!$G$19=$B$17,14,0)+IF('Standard Profiles'!$G$19=$B$24,21,0),0)),0)</f>
        <v>0.52567157253531105</v>
      </c>
      <c r="F5362" cm="1">
        <f t="array" ref="F5362">IFERROR(INDEX(Jesper!AJ$2:AJ$366,ROUNDDOWN($C5362/24,0)+1,1)*INDEX($D$3:$AA$30,INDEX(Jesper!$R$2:$R$366,ROW(INDEX(Jesper!AJ$2:AJ$366,ROUNDDOWN($C5362/24,0)+1,1))-1)+IF('Standard Profiles'!$G$20=$B$10,7,0)+IF('Standard Profiles'!$G$20=$B$17,14,0)+IF('Standard Profiles'!$G$20=$B$24,21,0),MOD($C5362,24)+1)/SUM(INDEX($D$3:$AA$30,INDEX(Jesper!$R$2:$R$366,ROW(INDEX(Jesper!AJ$2:AJ$366,ROUNDDOWN($C5362/24,0)+1,1))-1)+IF('Standard Profiles'!$G$20=$B$10,7,0)+IF('Standard Profiles'!$G$20=$B$17,14,0)+IF('Standard Profiles'!$G$20=$B$24,21,0),0)),0)</f>
        <v>0</v>
      </c>
      <c r="G5362" cm="1">
        <f t="array" ref="G5362">IFERROR(INDEX(Jesper!AK$2:AK$366,ROUNDDOWN($C5362/24,0)+1,1)*INDEX($D$3:$AA$30,INDEX(Jesper!$R$2:$R$366,ROW(INDEX(Jesper!AK$2:AK$366,ROUNDDOWN($C5362/24,0)+1,1))-1)+IF('Standard Profiles'!$G$21=$B$10,7,0)+IF('Standard Profiles'!$G$21=$B$17,14,0)+IF('Standard Profiles'!$G$21=$B$24,21,0),MOD($C5362,24)+1)/SUM(INDEX($D$3:$AA$30,INDEX(Jesper!$R$2:$R$366,ROW(INDEX(Jesper!AK$2:AK$366,ROUNDDOWN($C5362/24,0)+1,1))-1)+IF('Standard Profiles'!$G$21=$B$10,7,0)+IF('Standard Profiles'!$G$21=$B$17,14,0)+IF('Standard Profiles'!$G$21=$B$24,21,0),0)),0)</f>
        <v>0</v>
      </c>
      <c r="H5362" cm="1">
        <f t="array" ref="H5362">IFERROR(INDEX(Jesper!AL$2:AL$366,ROUNDDOWN($C5362/24,0)+1,1)*INDEX($D$3:$AA$30,INDEX(Jesper!$R$2:$R$366,ROW(INDEX(Jesper!AL$2:AL$366,ROUNDDOWN($C5362/24,0)+1,1))-1)+IF('Standard Profiles'!$G$22=$B$10,7,0)+IF('Standard Profiles'!$G$22=$B$17,14,0)+IF('Standard Profiles'!$G$22=$B$24,21,0),MOD($C5362,24)+1)/SUM(INDEX($D$3:$AA$30,INDEX(Jesper!$R$2:$R$366,ROW(INDEX(Jesper!AL$2:AL$366,ROUNDDOWN($C5362/24,0)+1,1))-1)+IF('Standard Profiles'!$G$22=$B$10,7,0)+IF('Standard Profiles'!$G$22=$B$17,14,0)+IF('Standard Profiles'!$G$22=$B$24,21,0),0)),0)</f>
        <v>0</v>
      </c>
      <c r="I5362">
        <f t="shared" si="601"/>
        <v>4.7357799327505515E-2</v>
      </c>
      <c r="J5362">
        <f t="shared" si="602"/>
        <v>0.15785933109168507</v>
      </c>
      <c r="K5362">
        <f t="shared" si="603"/>
        <v>0.23678899663752759</v>
      </c>
      <c r="L5362">
        <f t="shared" si="604"/>
        <v>3.5154501728777663</v>
      </c>
      <c r="M5362">
        <f t="shared" si="605"/>
        <v>0</v>
      </c>
      <c r="N5362" s="46">
        <f t="shared" si="606"/>
        <v>45513.999999987078</v>
      </c>
    </row>
    <row r="5363" spans="2:14" x14ac:dyDescent="0.3">
      <c r="B5363">
        <f t="shared" si="600"/>
        <v>6</v>
      </c>
      <c r="C5363" s="16">
        <v>5329</v>
      </c>
      <c r="D5363" cm="1">
        <f t="array" ref="D5363">IFERROR(INDEX(Jesper!AH$2:AH$366,ROUNDDOWN($C5363/24,0)+1,1)*INDEX($D$3:$AA$30,INDEX(Jesper!$R$2:$R$366,ROW(INDEX(Jesper!AH$2:AH$366,ROUNDDOWN($C5363/24,0)+1,1))-1)+IF('Standard Profiles'!$G$18=$B$10,7,0)+IF('Standard Profiles'!$G$18=$B$17,14,0)+IF('Standard Profiles'!$G$18=$B$24,21,0),MOD($C5363,24)+1)/SUM(INDEX($D$3:$AA$30,INDEX(Jesper!$R$2:$R$366,ROW(INDEX(Jesper!AH$2:AH$366,ROUNDDOWN($C5363/24,0)+1,1))-1)+IF('Standard Profiles'!$G$18=$B$10,7,0)+IF('Standard Profiles'!$G$18=$B$17,14,0)+IF('Standard Profiles'!$G$18=$B$24,21,0),0)),0)</f>
        <v>6.7001511344460054</v>
      </c>
      <c r="E5363" cm="1">
        <f t="array" ref="E5363">IFERROR(INDEX(Jesper!AI$2:AI$366,ROUNDDOWN($C5363/24,0)+1,1)*INDEX($D$3:$AA$30,INDEX(Jesper!$R$2:$R$366,ROW(INDEX(Jesper!AI$2:AI$366,ROUNDDOWN($C5363/24,0)+1,1))-1)+IF('Standard Profiles'!$G$19=$B$10,7,0)+IF('Standard Profiles'!$G$19=$B$17,14,0)+IF('Standard Profiles'!$G$19=$B$24,21,0),MOD($C5363,24)+1)/SUM(INDEX($D$3:$AA$30,INDEX(Jesper!$R$2:$R$366,ROW(INDEX(Jesper!AI$2:AI$366,ROUNDDOWN($C5363/24,0)+1,1))-1)+IF('Standard Profiles'!$G$19=$B$10,7,0)+IF('Standard Profiles'!$G$19=$B$17,14,0)+IF('Standard Profiles'!$G$19=$B$24,21,0),0)),0)</f>
        <v>1.0263111654260837</v>
      </c>
      <c r="F5363" cm="1">
        <f t="array" ref="F5363">IFERROR(INDEX(Jesper!AJ$2:AJ$366,ROUNDDOWN($C5363/24,0)+1,1)*INDEX($D$3:$AA$30,INDEX(Jesper!$R$2:$R$366,ROW(INDEX(Jesper!AJ$2:AJ$366,ROUNDDOWN($C5363/24,0)+1,1))-1)+IF('Standard Profiles'!$G$20=$B$10,7,0)+IF('Standard Profiles'!$G$20=$B$17,14,0)+IF('Standard Profiles'!$G$20=$B$24,21,0),MOD($C5363,24)+1)/SUM(INDEX($D$3:$AA$30,INDEX(Jesper!$R$2:$R$366,ROW(INDEX(Jesper!AJ$2:AJ$366,ROUNDDOWN($C5363/24,0)+1,1))-1)+IF('Standard Profiles'!$G$20=$B$10,7,0)+IF('Standard Profiles'!$G$20=$B$17,14,0)+IF('Standard Profiles'!$G$20=$B$24,21,0),0)),0)</f>
        <v>0</v>
      </c>
      <c r="G5363" cm="1">
        <f t="array" ref="G5363">IFERROR(INDEX(Jesper!AK$2:AK$366,ROUNDDOWN($C5363/24,0)+1,1)*INDEX($D$3:$AA$30,INDEX(Jesper!$R$2:$R$366,ROW(INDEX(Jesper!AK$2:AK$366,ROUNDDOWN($C5363/24,0)+1,1))-1)+IF('Standard Profiles'!$G$21=$B$10,7,0)+IF('Standard Profiles'!$G$21=$B$17,14,0)+IF('Standard Profiles'!$G$21=$B$24,21,0),MOD($C5363,24)+1)/SUM(INDEX($D$3:$AA$30,INDEX(Jesper!$R$2:$R$366,ROW(INDEX(Jesper!AK$2:AK$366,ROUNDDOWN($C5363/24,0)+1,1))-1)+IF('Standard Profiles'!$G$21=$B$10,7,0)+IF('Standard Profiles'!$G$21=$B$17,14,0)+IF('Standard Profiles'!$G$21=$B$24,21,0),0)),0)</f>
        <v>0</v>
      </c>
      <c r="H5363" cm="1">
        <f t="array" ref="H5363">IFERROR(INDEX(Jesper!AL$2:AL$366,ROUNDDOWN($C5363/24,0)+1,1)*INDEX($D$3:$AA$30,INDEX(Jesper!$R$2:$R$366,ROW(INDEX(Jesper!AL$2:AL$366,ROUNDDOWN($C5363/24,0)+1,1))-1)+IF('Standard Profiles'!$G$22=$B$10,7,0)+IF('Standard Profiles'!$G$22=$B$17,14,0)+IF('Standard Profiles'!$G$22=$B$24,21,0),MOD($C5363,24)+1)/SUM(INDEX($D$3:$AA$30,INDEX(Jesper!$R$2:$R$366,ROW(INDEX(Jesper!AL$2:AL$366,ROUNDDOWN($C5363/24,0)+1,1))-1)+IF('Standard Profiles'!$G$22=$B$10,7,0)+IF('Standard Profiles'!$G$22=$B$17,14,0)+IF('Standard Profiles'!$G$22=$B$24,21,0),0)),0)</f>
        <v>0</v>
      </c>
      <c r="I5363">
        <f t="shared" si="601"/>
        <v>9.2460465353701254E-2</v>
      </c>
      <c r="J5363">
        <f t="shared" si="602"/>
        <v>0.30820155117900422</v>
      </c>
      <c r="K5363">
        <f t="shared" si="603"/>
        <v>0.46230232676850636</v>
      </c>
      <c r="L5363">
        <f t="shared" si="604"/>
        <v>6.8634979565708774</v>
      </c>
      <c r="M5363">
        <f t="shared" si="605"/>
        <v>0</v>
      </c>
      <c r="N5363" s="46">
        <f t="shared" si="606"/>
        <v>45514.041666653742</v>
      </c>
    </row>
    <row r="5364" spans="2:14" x14ac:dyDescent="0.3">
      <c r="B5364">
        <f t="shared" si="600"/>
        <v>6</v>
      </c>
      <c r="C5364" s="16">
        <v>5330</v>
      </c>
      <c r="D5364" cm="1">
        <f t="array" ref="D5364">IFERROR(INDEX(Jesper!AH$2:AH$366,ROUNDDOWN($C5364/24,0)+1,1)*INDEX($D$3:$AA$30,INDEX(Jesper!$R$2:$R$366,ROW(INDEX(Jesper!AH$2:AH$366,ROUNDDOWN($C5364/24,0)+1,1))-1)+IF('Standard Profiles'!$G$18=$B$10,7,0)+IF('Standard Profiles'!$G$18=$B$17,14,0)+IF('Standard Profiles'!$G$18=$B$24,21,0),MOD($C5364,24)+1)/SUM(INDEX($D$3:$AA$30,INDEX(Jesper!$R$2:$R$366,ROW(INDEX(Jesper!AH$2:AH$366,ROUNDDOWN($C5364/24,0)+1,1))-1)+IF('Standard Profiles'!$G$18=$B$10,7,0)+IF('Standard Profiles'!$G$18=$B$17,14,0)+IF('Standard Profiles'!$G$18=$B$24,21,0),0)),0)</f>
        <v>6.7001511344460054</v>
      </c>
      <c r="E5364" cm="1">
        <f t="array" ref="E5364">IFERROR(INDEX(Jesper!AI$2:AI$366,ROUNDDOWN($C5364/24,0)+1,1)*INDEX($D$3:$AA$30,INDEX(Jesper!$R$2:$R$366,ROW(INDEX(Jesper!AI$2:AI$366,ROUNDDOWN($C5364/24,0)+1,1))-1)+IF('Standard Profiles'!$G$19=$B$10,7,0)+IF('Standard Profiles'!$G$19=$B$17,14,0)+IF('Standard Profiles'!$G$19=$B$24,21,0),MOD($C5364,24)+1)/SUM(INDEX($D$3:$AA$30,INDEX(Jesper!$R$2:$R$366,ROW(INDEX(Jesper!AI$2:AI$366,ROUNDDOWN($C5364/24,0)+1,1))-1)+IF('Standard Profiles'!$G$19=$B$10,7,0)+IF('Standard Profiles'!$G$19=$B$17,14,0)+IF('Standard Profiles'!$G$19=$B$24,21,0),0)),0)</f>
        <v>1.0263111654260837</v>
      </c>
      <c r="F5364" cm="1">
        <f t="array" ref="F5364">IFERROR(INDEX(Jesper!AJ$2:AJ$366,ROUNDDOWN($C5364/24,0)+1,1)*INDEX($D$3:$AA$30,INDEX(Jesper!$R$2:$R$366,ROW(INDEX(Jesper!AJ$2:AJ$366,ROUNDDOWN($C5364/24,0)+1,1))-1)+IF('Standard Profiles'!$G$20=$B$10,7,0)+IF('Standard Profiles'!$G$20=$B$17,14,0)+IF('Standard Profiles'!$G$20=$B$24,21,0),MOD($C5364,24)+1)/SUM(INDEX($D$3:$AA$30,INDEX(Jesper!$R$2:$R$366,ROW(INDEX(Jesper!AJ$2:AJ$366,ROUNDDOWN($C5364/24,0)+1,1))-1)+IF('Standard Profiles'!$G$20=$B$10,7,0)+IF('Standard Profiles'!$G$20=$B$17,14,0)+IF('Standard Profiles'!$G$20=$B$24,21,0),0)),0)</f>
        <v>0</v>
      </c>
      <c r="G5364" cm="1">
        <f t="array" ref="G5364">IFERROR(INDEX(Jesper!AK$2:AK$366,ROUNDDOWN($C5364/24,0)+1,1)*INDEX($D$3:$AA$30,INDEX(Jesper!$R$2:$R$366,ROW(INDEX(Jesper!AK$2:AK$366,ROUNDDOWN($C5364/24,0)+1,1))-1)+IF('Standard Profiles'!$G$21=$B$10,7,0)+IF('Standard Profiles'!$G$21=$B$17,14,0)+IF('Standard Profiles'!$G$21=$B$24,21,0),MOD($C5364,24)+1)/SUM(INDEX($D$3:$AA$30,INDEX(Jesper!$R$2:$R$366,ROW(INDEX(Jesper!AK$2:AK$366,ROUNDDOWN($C5364/24,0)+1,1))-1)+IF('Standard Profiles'!$G$21=$B$10,7,0)+IF('Standard Profiles'!$G$21=$B$17,14,0)+IF('Standard Profiles'!$G$21=$B$24,21,0),0)),0)</f>
        <v>0</v>
      </c>
      <c r="H5364" cm="1">
        <f t="array" ref="H5364">IFERROR(INDEX(Jesper!AL$2:AL$366,ROUNDDOWN($C5364/24,0)+1,1)*INDEX($D$3:$AA$30,INDEX(Jesper!$R$2:$R$366,ROW(INDEX(Jesper!AL$2:AL$366,ROUNDDOWN($C5364/24,0)+1,1))-1)+IF('Standard Profiles'!$G$22=$B$10,7,0)+IF('Standard Profiles'!$G$22=$B$17,14,0)+IF('Standard Profiles'!$G$22=$B$24,21,0),MOD($C5364,24)+1)/SUM(INDEX($D$3:$AA$30,INDEX(Jesper!$R$2:$R$366,ROW(INDEX(Jesper!AL$2:AL$366,ROUNDDOWN($C5364/24,0)+1,1))-1)+IF('Standard Profiles'!$G$22=$B$10,7,0)+IF('Standard Profiles'!$G$22=$B$17,14,0)+IF('Standard Profiles'!$G$22=$B$24,21,0),0)),0)</f>
        <v>0</v>
      </c>
      <c r="I5364">
        <f t="shared" si="601"/>
        <v>9.2460465353701254E-2</v>
      </c>
      <c r="J5364">
        <f t="shared" si="602"/>
        <v>0.30820155117900422</v>
      </c>
      <c r="K5364">
        <f t="shared" si="603"/>
        <v>0.46230232676850636</v>
      </c>
      <c r="L5364">
        <f t="shared" si="604"/>
        <v>6.8634979565708774</v>
      </c>
      <c r="M5364">
        <f t="shared" si="605"/>
        <v>0</v>
      </c>
      <c r="N5364" s="46">
        <f t="shared" si="606"/>
        <v>45514.083333320406</v>
      </c>
    </row>
    <row r="5365" spans="2:14" x14ac:dyDescent="0.3">
      <c r="B5365">
        <f t="shared" si="600"/>
        <v>6</v>
      </c>
      <c r="C5365" s="16">
        <v>5331</v>
      </c>
      <c r="D5365" cm="1">
        <f t="array" ref="D5365">IFERROR(INDEX(Jesper!AH$2:AH$366,ROUNDDOWN($C5365/24,0)+1,1)*INDEX($D$3:$AA$30,INDEX(Jesper!$R$2:$R$366,ROW(INDEX(Jesper!AH$2:AH$366,ROUNDDOWN($C5365/24,0)+1,1))-1)+IF('Standard Profiles'!$G$18=$B$10,7,0)+IF('Standard Profiles'!$G$18=$B$17,14,0)+IF('Standard Profiles'!$G$18=$B$24,21,0),MOD($C5365,24)+1)/SUM(INDEX($D$3:$AA$30,INDEX(Jesper!$R$2:$R$366,ROW(INDEX(Jesper!AH$2:AH$366,ROUNDDOWN($C5365/24,0)+1,1))-1)+IF('Standard Profiles'!$G$18=$B$10,7,0)+IF('Standard Profiles'!$G$18=$B$17,14,0)+IF('Standard Profiles'!$G$18=$B$24,21,0),0)),0)</f>
        <v>6.7001511344460054</v>
      </c>
      <c r="E5365" cm="1">
        <f t="array" ref="E5365">IFERROR(INDEX(Jesper!AI$2:AI$366,ROUNDDOWN($C5365/24,0)+1,1)*INDEX($D$3:$AA$30,INDEX(Jesper!$R$2:$R$366,ROW(INDEX(Jesper!AI$2:AI$366,ROUNDDOWN($C5365/24,0)+1,1))-1)+IF('Standard Profiles'!$G$19=$B$10,7,0)+IF('Standard Profiles'!$G$19=$B$17,14,0)+IF('Standard Profiles'!$G$19=$B$24,21,0),MOD($C5365,24)+1)/SUM(INDEX($D$3:$AA$30,INDEX(Jesper!$R$2:$R$366,ROW(INDEX(Jesper!AI$2:AI$366,ROUNDDOWN($C5365/24,0)+1,1))-1)+IF('Standard Profiles'!$G$19=$B$10,7,0)+IF('Standard Profiles'!$G$19=$B$17,14,0)+IF('Standard Profiles'!$G$19=$B$24,21,0),0)),0)</f>
        <v>1.0263111654260837</v>
      </c>
      <c r="F5365" cm="1">
        <f t="array" ref="F5365">IFERROR(INDEX(Jesper!AJ$2:AJ$366,ROUNDDOWN($C5365/24,0)+1,1)*INDEX($D$3:$AA$30,INDEX(Jesper!$R$2:$R$366,ROW(INDEX(Jesper!AJ$2:AJ$366,ROUNDDOWN($C5365/24,0)+1,1))-1)+IF('Standard Profiles'!$G$20=$B$10,7,0)+IF('Standard Profiles'!$G$20=$B$17,14,0)+IF('Standard Profiles'!$G$20=$B$24,21,0),MOD($C5365,24)+1)/SUM(INDEX($D$3:$AA$30,INDEX(Jesper!$R$2:$R$366,ROW(INDEX(Jesper!AJ$2:AJ$366,ROUNDDOWN($C5365/24,0)+1,1))-1)+IF('Standard Profiles'!$G$20=$B$10,7,0)+IF('Standard Profiles'!$G$20=$B$17,14,0)+IF('Standard Profiles'!$G$20=$B$24,21,0),0)),0)</f>
        <v>0</v>
      </c>
      <c r="G5365" cm="1">
        <f t="array" ref="G5365">IFERROR(INDEX(Jesper!AK$2:AK$366,ROUNDDOWN($C5365/24,0)+1,1)*INDEX($D$3:$AA$30,INDEX(Jesper!$R$2:$R$366,ROW(INDEX(Jesper!AK$2:AK$366,ROUNDDOWN($C5365/24,0)+1,1))-1)+IF('Standard Profiles'!$G$21=$B$10,7,0)+IF('Standard Profiles'!$G$21=$B$17,14,0)+IF('Standard Profiles'!$G$21=$B$24,21,0),MOD($C5365,24)+1)/SUM(INDEX($D$3:$AA$30,INDEX(Jesper!$R$2:$R$366,ROW(INDEX(Jesper!AK$2:AK$366,ROUNDDOWN($C5365/24,0)+1,1))-1)+IF('Standard Profiles'!$G$21=$B$10,7,0)+IF('Standard Profiles'!$G$21=$B$17,14,0)+IF('Standard Profiles'!$G$21=$B$24,21,0),0)),0)</f>
        <v>0</v>
      </c>
      <c r="H5365" cm="1">
        <f t="array" ref="H5365">IFERROR(INDEX(Jesper!AL$2:AL$366,ROUNDDOWN($C5365/24,0)+1,1)*INDEX($D$3:$AA$30,INDEX(Jesper!$R$2:$R$366,ROW(INDEX(Jesper!AL$2:AL$366,ROUNDDOWN($C5365/24,0)+1,1))-1)+IF('Standard Profiles'!$G$22=$B$10,7,0)+IF('Standard Profiles'!$G$22=$B$17,14,0)+IF('Standard Profiles'!$G$22=$B$24,21,0),MOD($C5365,24)+1)/SUM(INDEX($D$3:$AA$30,INDEX(Jesper!$R$2:$R$366,ROW(INDEX(Jesper!AL$2:AL$366,ROUNDDOWN($C5365/24,0)+1,1))-1)+IF('Standard Profiles'!$G$22=$B$10,7,0)+IF('Standard Profiles'!$G$22=$B$17,14,0)+IF('Standard Profiles'!$G$22=$B$24,21,0),0)),0)</f>
        <v>0</v>
      </c>
      <c r="I5365">
        <f t="shared" si="601"/>
        <v>9.2460465353701254E-2</v>
      </c>
      <c r="J5365">
        <f t="shared" si="602"/>
        <v>0.30820155117900422</v>
      </c>
      <c r="K5365">
        <f t="shared" si="603"/>
        <v>0.46230232676850636</v>
      </c>
      <c r="L5365">
        <f t="shared" si="604"/>
        <v>6.8634979565708774</v>
      </c>
      <c r="M5365">
        <f t="shared" si="605"/>
        <v>0</v>
      </c>
      <c r="N5365" s="46">
        <f t="shared" si="606"/>
        <v>45514.124999987071</v>
      </c>
    </row>
    <row r="5366" spans="2:14" x14ac:dyDescent="0.3">
      <c r="B5366">
        <f t="shared" si="600"/>
        <v>6</v>
      </c>
      <c r="C5366" s="16">
        <v>5332</v>
      </c>
      <c r="D5366" cm="1">
        <f t="array" ref="D5366">IFERROR(INDEX(Jesper!AH$2:AH$366,ROUNDDOWN($C5366/24,0)+1,1)*INDEX($D$3:$AA$30,INDEX(Jesper!$R$2:$R$366,ROW(INDEX(Jesper!AH$2:AH$366,ROUNDDOWN($C5366/24,0)+1,1))-1)+IF('Standard Profiles'!$G$18=$B$10,7,0)+IF('Standard Profiles'!$G$18=$B$17,14,0)+IF('Standard Profiles'!$G$18=$B$24,21,0),MOD($C5366,24)+1)/SUM(INDEX($D$3:$AA$30,INDEX(Jesper!$R$2:$R$366,ROW(INDEX(Jesper!AH$2:AH$366,ROUNDDOWN($C5366/24,0)+1,1))-1)+IF('Standard Profiles'!$G$18=$B$10,7,0)+IF('Standard Profiles'!$G$18=$B$17,14,0)+IF('Standard Profiles'!$G$18=$B$24,21,0),0)),0)</f>
        <v>6.7001511344460054</v>
      </c>
      <c r="E5366" cm="1">
        <f t="array" ref="E5366">IFERROR(INDEX(Jesper!AI$2:AI$366,ROUNDDOWN($C5366/24,0)+1,1)*INDEX($D$3:$AA$30,INDEX(Jesper!$R$2:$R$366,ROW(INDEX(Jesper!AI$2:AI$366,ROUNDDOWN($C5366/24,0)+1,1))-1)+IF('Standard Profiles'!$G$19=$B$10,7,0)+IF('Standard Profiles'!$G$19=$B$17,14,0)+IF('Standard Profiles'!$G$19=$B$24,21,0),MOD($C5366,24)+1)/SUM(INDEX($D$3:$AA$30,INDEX(Jesper!$R$2:$R$366,ROW(INDEX(Jesper!AI$2:AI$366,ROUNDDOWN($C5366/24,0)+1,1))-1)+IF('Standard Profiles'!$G$19=$B$10,7,0)+IF('Standard Profiles'!$G$19=$B$17,14,0)+IF('Standard Profiles'!$G$19=$B$24,21,0),0)),0)</f>
        <v>1.0263111654260837</v>
      </c>
      <c r="F5366" cm="1">
        <f t="array" ref="F5366">IFERROR(INDEX(Jesper!AJ$2:AJ$366,ROUNDDOWN($C5366/24,0)+1,1)*INDEX($D$3:$AA$30,INDEX(Jesper!$R$2:$R$366,ROW(INDEX(Jesper!AJ$2:AJ$366,ROUNDDOWN($C5366/24,0)+1,1))-1)+IF('Standard Profiles'!$G$20=$B$10,7,0)+IF('Standard Profiles'!$G$20=$B$17,14,0)+IF('Standard Profiles'!$G$20=$B$24,21,0),MOD($C5366,24)+1)/SUM(INDEX($D$3:$AA$30,INDEX(Jesper!$R$2:$R$366,ROW(INDEX(Jesper!AJ$2:AJ$366,ROUNDDOWN($C5366/24,0)+1,1))-1)+IF('Standard Profiles'!$G$20=$B$10,7,0)+IF('Standard Profiles'!$G$20=$B$17,14,0)+IF('Standard Profiles'!$G$20=$B$24,21,0),0)),0)</f>
        <v>0</v>
      </c>
      <c r="G5366" cm="1">
        <f t="array" ref="G5366">IFERROR(INDEX(Jesper!AK$2:AK$366,ROUNDDOWN($C5366/24,0)+1,1)*INDEX($D$3:$AA$30,INDEX(Jesper!$R$2:$R$366,ROW(INDEX(Jesper!AK$2:AK$366,ROUNDDOWN($C5366/24,0)+1,1))-1)+IF('Standard Profiles'!$G$21=$B$10,7,0)+IF('Standard Profiles'!$G$21=$B$17,14,0)+IF('Standard Profiles'!$G$21=$B$24,21,0),MOD($C5366,24)+1)/SUM(INDEX($D$3:$AA$30,INDEX(Jesper!$R$2:$R$366,ROW(INDEX(Jesper!AK$2:AK$366,ROUNDDOWN($C5366/24,0)+1,1))-1)+IF('Standard Profiles'!$G$21=$B$10,7,0)+IF('Standard Profiles'!$G$21=$B$17,14,0)+IF('Standard Profiles'!$G$21=$B$24,21,0),0)),0)</f>
        <v>0</v>
      </c>
      <c r="H5366" cm="1">
        <f t="array" ref="H5366">IFERROR(INDEX(Jesper!AL$2:AL$366,ROUNDDOWN($C5366/24,0)+1,1)*INDEX($D$3:$AA$30,INDEX(Jesper!$R$2:$R$366,ROW(INDEX(Jesper!AL$2:AL$366,ROUNDDOWN($C5366/24,0)+1,1))-1)+IF('Standard Profiles'!$G$22=$B$10,7,0)+IF('Standard Profiles'!$G$22=$B$17,14,0)+IF('Standard Profiles'!$G$22=$B$24,21,0),MOD($C5366,24)+1)/SUM(INDEX($D$3:$AA$30,INDEX(Jesper!$R$2:$R$366,ROW(INDEX(Jesper!AL$2:AL$366,ROUNDDOWN($C5366/24,0)+1,1))-1)+IF('Standard Profiles'!$G$22=$B$10,7,0)+IF('Standard Profiles'!$G$22=$B$17,14,0)+IF('Standard Profiles'!$G$22=$B$24,21,0),0)),0)</f>
        <v>0</v>
      </c>
      <c r="I5366">
        <f t="shared" si="601"/>
        <v>9.2460465353701254E-2</v>
      </c>
      <c r="J5366">
        <f t="shared" si="602"/>
        <v>0.30820155117900422</v>
      </c>
      <c r="K5366">
        <f t="shared" si="603"/>
        <v>0.46230232676850636</v>
      </c>
      <c r="L5366">
        <f t="shared" si="604"/>
        <v>6.8634979565708774</v>
      </c>
      <c r="M5366">
        <f t="shared" si="605"/>
        <v>0</v>
      </c>
      <c r="N5366" s="46">
        <f t="shared" si="606"/>
        <v>45514.166666653735</v>
      </c>
    </row>
    <row r="5367" spans="2:14" x14ac:dyDescent="0.3">
      <c r="B5367">
        <f t="shared" si="600"/>
        <v>6</v>
      </c>
      <c r="C5367" s="16">
        <v>5333</v>
      </c>
      <c r="D5367" cm="1">
        <f t="array" ref="D5367">IFERROR(INDEX(Jesper!AH$2:AH$366,ROUNDDOWN($C5367/24,0)+1,1)*INDEX($D$3:$AA$30,INDEX(Jesper!$R$2:$R$366,ROW(INDEX(Jesper!AH$2:AH$366,ROUNDDOWN($C5367/24,0)+1,1))-1)+IF('Standard Profiles'!$G$18=$B$10,7,0)+IF('Standard Profiles'!$G$18=$B$17,14,0)+IF('Standard Profiles'!$G$18=$B$24,21,0),MOD($C5367,24)+1)/SUM(INDEX($D$3:$AA$30,INDEX(Jesper!$R$2:$R$366,ROW(INDEX(Jesper!AH$2:AH$366,ROUNDDOWN($C5367/24,0)+1,1))-1)+IF('Standard Profiles'!$G$18=$B$10,7,0)+IF('Standard Profiles'!$G$18=$B$17,14,0)+IF('Standard Profiles'!$G$18=$B$24,21,0),0)),0)</f>
        <v>8.3343343379694215</v>
      </c>
      <c r="E5367" cm="1">
        <f t="array" ref="E5367">IFERROR(INDEX(Jesper!AI$2:AI$366,ROUNDDOWN($C5367/24,0)+1,1)*INDEX($D$3:$AA$30,INDEX(Jesper!$R$2:$R$366,ROW(INDEX(Jesper!AI$2:AI$366,ROUNDDOWN($C5367/24,0)+1,1))-1)+IF('Standard Profiles'!$G$19=$B$10,7,0)+IF('Standard Profiles'!$G$19=$B$17,14,0)+IF('Standard Profiles'!$G$19=$B$24,21,0),MOD($C5367,24)+1)/SUM(INDEX($D$3:$AA$30,INDEX(Jesper!$R$2:$R$366,ROW(INDEX(Jesper!AI$2:AI$366,ROUNDDOWN($C5367/24,0)+1,1))-1)+IF('Standard Profiles'!$G$19=$B$10,7,0)+IF('Standard Profiles'!$G$19=$B$17,14,0)+IF('Standard Profiles'!$G$19=$B$24,21,0),0)),0)</f>
        <v>1.2766309618714697</v>
      </c>
      <c r="F5367" cm="1">
        <f t="array" ref="F5367">IFERROR(INDEX(Jesper!AJ$2:AJ$366,ROUNDDOWN($C5367/24,0)+1,1)*INDEX($D$3:$AA$30,INDEX(Jesper!$R$2:$R$366,ROW(INDEX(Jesper!AJ$2:AJ$366,ROUNDDOWN($C5367/24,0)+1,1))-1)+IF('Standard Profiles'!$G$20=$B$10,7,0)+IF('Standard Profiles'!$G$20=$B$17,14,0)+IF('Standard Profiles'!$G$20=$B$24,21,0),MOD($C5367,24)+1)/SUM(INDEX($D$3:$AA$30,INDEX(Jesper!$R$2:$R$366,ROW(INDEX(Jesper!AJ$2:AJ$366,ROUNDDOWN($C5367/24,0)+1,1))-1)+IF('Standard Profiles'!$G$20=$B$10,7,0)+IF('Standard Profiles'!$G$20=$B$17,14,0)+IF('Standard Profiles'!$G$20=$B$24,21,0),0)),0)</f>
        <v>0</v>
      </c>
      <c r="G5367" cm="1">
        <f t="array" ref="G5367">IFERROR(INDEX(Jesper!AK$2:AK$366,ROUNDDOWN($C5367/24,0)+1,1)*INDEX($D$3:$AA$30,INDEX(Jesper!$R$2:$R$366,ROW(INDEX(Jesper!AK$2:AK$366,ROUNDDOWN($C5367/24,0)+1,1))-1)+IF('Standard Profiles'!$G$21=$B$10,7,0)+IF('Standard Profiles'!$G$21=$B$17,14,0)+IF('Standard Profiles'!$G$21=$B$24,21,0),MOD($C5367,24)+1)/SUM(INDEX($D$3:$AA$30,INDEX(Jesper!$R$2:$R$366,ROW(INDEX(Jesper!AK$2:AK$366,ROUNDDOWN($C5367/24,0)+1,1))-1)+IF('Standard Profiles'!$G$21=$B$10,7,0)+IF('Standard Profiles'!$G$21=$B$17,14,0)+IF('Standard Profiles'!$G$21=$B$24,21,0),0)),0)</f>
        <v>0</v>
      </c>
      <c r="H5367" cm="1">
        <f t="array" ref="H5367">IFERROR(INDEX(Jesper!AL$2:AL$366,ROUNDDOWN($C5367/24,0)+1,1)*INDEX($D$3:$AA$30,INDEX(Jesper!$R$2:$R$366,ROW(INDEX(Jesper!AL$2:AL$366,ROUNDDOWN($C5367/24,0)+1,1))-1)+IF('Standard Profiles'!$G$22=$B$10,7,0)+IF('Standard Profiles'!$G$22=$B$17,14,0)+IF('Standard Profiles'!$G$22=$B$24,21,0),MOD($C5367,24)+1)/SUM(INDEX($D$3:$AA$30,INDEX(Jesper!$R$2:$R$366,ROW(INDEX(Jesper!AL$2:AL$366,ROUNDDOWN($C5367/24,0)+1,1))-1)+IF('Standard Profiles'!$G$22=$B$10,7,0)+IF('Standard Profiles'!$G$22=$B$17,14,0)+IF('Standard Profiles'!$G$22=$B$24,21,0),0)),0)</f>
        <v>0</v>
      </c>
      <c r="I5367">
        <f t="shared" si="601"/>
        <v>0.1150117983667991</v>
      </c>
      <c r="J5367">
        <f t="shared" si="602"/>
        <v>0.38337266122266372</v>
      </c>
      <c r="K5367">
        <f t="shared" si="603"/>
        <v>0.57505899183399556</v>
      </c>
      <c r="L5367">
        <f t="shared" si="604"/>
        <v>8.5375218484174322</v>
      </c>
      <c r="M5367">
        <f t="shared" si="605"/>
        <v>0</v>
      </c>
      <c r="N5367" s="46">
        <f t="shared" si="606"/>
        <v>45514.208333320399</v>
      </c>
    </row>
    <row r="5368" spans="2:14" x14ac:dyDescent="0.3">
      <c r="B5368">
        <f t="shared" si="600"/>
        <v>6</v>
      </c>
      <c r="C5368" s="16">
        <v>5334</v>
      </c>
      <c r="D5368" cm="1">
        <f t="array" ref="D5368">IFERROR(INDEX(Jesper!AH$2:AH$366,ROUNDDOWN($C5368/24,0)+1,1)*INDEX($D$3:$AA$30,INDEX(Jesper!$R$2:$R$366,ROW(INDEX(Jesper!AH$2:AH$366,ROUNDDOWN($C5368/24,0)+1,1))-1)+IF('Standard Profiles'!$G$18=$B$10,7,0)+IF('Standard Profiles'!$G$18=$B$17,14,0)+IF('Standard Profiles'!$G$18=$B$24,21,0),MOD($C5368,24)+1)/SUM(INDEX($D$3:$AA$30,INDEX(Jesper!$R$2:$R$366,ROW(INDEX(Jesper!AH$2:AH$366,ROUNDDOWN($C5368/24,0)+1,1))-1)+IF('Standard Profiles'!$G$18=$B$10,7,0)+IF('Standard Profiles'!$G$18=$B$17,14,0)+IF('Standard Profiles'!$G$18=$B$24,21,0),0)),0)</f>
        <v>10.458772502549861</v>
      </c>
      <c r="E5368" cm="1">
        <f t="array" ref="E5368">IFERROR(INDEX(Jesper!AI$2:AI$366,ROUNDDOWN($C5368/24,0)+1,1)*INDEX($D$3:$AA$30,INDEX(Jesper!$R$2:$R$366,ROW(INDEX(Jesper!AI$2:AI$366,ROUNDDOWN($C5368/24,0)+1,1))-1)+IF('Standard Profiles'!$G$19=$B$10,7,0)+IF('Standard Profiles'!$G$19=$B$17,14,0)+IF('Standard Profiles'!$G$19=$B$24,21,0),MOD($C5368,24)+1)/SUM(INDEX($D$3:$AA$30,INDEX(Jesper!$R$2:$R$366,ROW(INDEX(Jesper!AI$2:AI$366,ROUNDDOWN($C5368/24,0)+1,1))-1)+IF('Standard Profiles'!$G$19=$B$10,7,0)+IF('Standard Profiles'!$G$19=$B$17,14,0)+IF('Standard Profiles'!$G$19=$B$24,21,0),0)),0)</f>
        <v>1.6020466972504721</v>
      </c>
      <c r="F5368" cm="1">
        <f t="array" ref="F5368">IFERROR(INDEX(Jesper!AJ$2:AJ$366,ROUNDDOWN($C5368/24,0)+1,1)*INDEX($D$3:$AA$30,INDEX(Jesper!$R$2:$R$366,ROW(INDEX(Jesper!AJ$2:AJ$366,ROUNDDOWN($C5368/24,0)+1,1))-1)+IF('Standard Profiles'!$G$20=$B$10,7,0)+IF('Standard Profiles'!$G$20=$B$17,14,0)+IF('Standard Profiles'!$G$20=$B$24,21,0),MOD($C5368,24)+1)/SUM(INDEX($D$3:$AA$30,INDEX(Jesper!$R$2:$R$366,ROW(INDEX(Jesper!AJ$2:AJ$366,ROUNDDOWN($C5368/24,0)+1,1))-1)+IF('Standard Profiles'!$G$20=$B$10,7,0)+IF('Standard Profiles'!$G$20=$B$17,14,0)+IF('Standard Profiles'!$G$20=$B$24,21,0),0)),0)</f>
        <v>0</v>
      </c>
      <c r="G5368" cm="1">
        <f t="array" ref="G5368">IFERROR(INDEX(Jesper!AK$2:AK$366,ROUNDDOWN($C5368/24,0)+1,1)*INDEX($D$3:$AA$30,INDEX(Jesper!$R$2:$R$366,ROW(INDEX(Jesper!AK$2:AK$366,ROUNDDOWN($C5368/24,0)+1,1))-1)+IF('Standard Profiles'!$G$21=$B$10,7,0)+IF('Standard Profiles'!$G$21=$B$17,14,0)+IF('Standard Profiles'!$G$21=$B$24,21,0),MOD($C5368,24)+1)/SUM(INDEX($D$3:$AA$30,INDEX(Jesper!$R$2:$R$366,ROW(INDEX(Jesper!AK$2:AK$366,ROUNDDOWN($C5368/24,0)+1,1))-1)+IF('Standard Profiles'!$G$21=$B$10,7,0)+IF('Standard Profiles'!$G$21=$B$17,14,0)+IF('Standard Profiles'!$G$21=$B$24,21,0),0)),0)</f>
        <v>0</v>
      </c>
      <c r="H5368" cm="1">
        <f t="array" ref="H5368">IFERROR(INDEX(Jesper!AL$2:AL$366,ROUNDDOWN($C5368/24,0)+1,1)*INDEX($D$3:$AA$30,INDEX(Jesper!$R$2:$R$366,ROW(INDEX(Jesper!AL$2:AL$366,ROUNDDOWN($C5368/24,0)+1,1))-1)+IF('Standard Profiles'!$G$22=$B$10,7,0)+IF('Standard Profiles'!$G$22=$B$17,14,0)+IF('Standard Profiles'!$G$22=$B$24,21,0),MOD($C5368,24)+1)/SUM(INDEX($D$3:$AA$30,INDEX(Jesper!$R$2:$R$366,ROW(INDEX(Jesper!AL$2:AL$366,ROUNDDOWN($C5368/24,0)+1,1))-1)+IF('Standard Profiles'!$G$22=$B$10,7,0)+IF('Standard Profiles'!$G$22=$B$17,14,0)+IF('Standard Profiles'!$G$22=$B$24,21,0),0)),0)</f>
        <v>0</v>
      </c>
      <c r="I5368">
        <f t="shared" si="601"/>
        <v>0.14432853128382636</v>
      </c>
      <c r="J5368">
        <f t="shared" si="602"/>
        <v>0.48109510427942126</v>
      </c>
      <c r="K5368">
        <f t="shared" si="603"/>
        <v>0.72164265641913183</v>
      </c>
      <c r="L5368">
        <f t="shared" si="604"/>
        <v>10.713752907817954</v>
      </c>
      <c r="M5368">
        <f t="shared" si="605"/>
        <v>0</v>
      </c>
      <c r="N5368" s="46">
        <f t="shared" si="606"/>
        <v>45514.249999987063</v>
      </c>
    </row>
    <row r="5369" spans="2:14" x14ac:dyDescent="0.3">
      <c r="B5369">
        <f t="shared" si="600"/>
        <v>6</v>
      </c>
      <c r="C5369" s="16">
        <v>5335</v>
      </c>
      <c r="D5369" cm="1">
        <f t="array" ref="D5369">IFERROR(INDEX(Jesper!AH$2:AH$366,ROUNDDOWN($C5369/24,0)+1,1)*INDEX($D$3:$AA$30,INDEX(Jesper!$R$2:$R$366,ROW(INDEX(Jesper!AH$2:AH$366,ROUNDDOWN($C5369/24,0)+1,1))-1)+IF('Standard Profiles'!$G$18=$B$10,7,0)+IF('Standard Profiles'!$G$18=$B$17,14,0)+IF('Standard Profiles'!$G$18=$B$24,21,0),MOD($C5369,24)+1)/SUM(INDEX($D$3:$AA$30,INDEX(Jesper!$R$2:$R$366,ROW(INDEX(Jesper!AH$2:AH$366,ROUNDDOWN($C5369/24,0)+1,1))-1)+IF('Standard Profiles'!$G$18=$B$10,7,0)+IF('Standard Profiles'!$G$18=$B$17,14,0)+IF('Standard Profiles'!$G$18=$B$24,21,0),0)),0)</f>
        <v>11.929537385720936</v>
      </c>
      <c r="E5369" cm="1">
        <f t="array" ref="E5369">IFERROR(INDEX(Jesper!AI$2:AI$366,ROUNDDOWN($C5369/24,0)+1,1)*INDEX($D$3:$AA$30,INDEX(Jesper!$R$2:$R$366,ROW(INDEX(Jesper!AI$2:AI$366,ROUNDDOWN($C5369/24,0)+1,1))-1)+IF('Standard Profiles'!$G$19=$B$10,7,0)+IF('Standard Profiles'!$G$19=$B$17,14,0)+IF('Standard Profiles'!$G$19=$B$24,21,0),MOD($C5369,24)+1)/SUM(INDEX($D$3:$AA$30,INDEX(Jesper!$R$2:$R$366,ROW(INDEX(Jesper!AI$2:AI$366,ROUNDDOWN($C5369/24,0)+1,1))-1)+IF('Standard Profiles'!$G$19=$B$10,7,0)+IF('Standard Profiles'!$G$19=$B$17,14,0)+IF('Standard Profiles'!$G$19=$B$24,21,0),0)),0)</f>
        <v>1.8273345140513197</v>
      </c>
      <c r="F5369" cm="1">
        <f t="array" ref="F5369">IFERROR(INDEX(Jesper!AJ$2:AJ$366,ROUNDDOWN($C5369/24,0)+1,1)*INDEX($D$3:$AA$30,INDEX(Jesper!$R$2:$R$366,ROW(INDEX(Jesper!AJ$2:AJ$366,ROUNDDOWN($C5369/24,0)+1,1))-1)+IF('Standard Profiles'!$G$20=$B$10,7,0)+IF('Standard Profiles'!$G$20=$B$17,14,0)+IF('Standard Profiles'!$G$20=$B$24,21,0),MOD($C5369,24)+1)/SUM(INDEX($D$3:$AA$30,INDEX(Jesper!$R$2:$R$366,ROW(INDEX(Jesper!AJ$2:AJ$366,ROUNDDOWN($C5369/24,0)+1,1))-1)+IF('Standard Profiles'!$G$20=$B$10,7,0)+IF('Standard Profiles'!$G$20=$B$17,14,0)+IF('Standard Profiles'!$G$20=$B$24,21,0),0)),0)</f>
        <v>0</v>
      </c>
      <c r="G5369" cm="1">
        <f t="array" ref="G5369">IFERROR(INDEX(Jesper!AK$2:AK$366,ROUNDDOWN($C5369/24,0)+1,1)*INDEX($D$3:$AA$30,INDEX(Jesper!$R$2:$R$366,ROW(INDEX(Jesper!AK$2:AK$366,ROUNDDOWN($C5369/24,0)+1,1))-1)+IF('Standard Profiles'!$G$21=$B$10,7,0)+IF('Standard Profiles'!$G$21=$B$17,14,0)+IF('Standard Profiles'!$G$21=$B$24,21,0),MOD($C5369,24)+1)/SUM(INDEX($D$3:$AA$30,INDEX(Jesper!$R$2:$R$366,ROW(INDEX(Jesper!AK$2:AK$366,ROUNDDOWN($C5369/24,0)+1,1))-1)+IF('Standard Profiles'!$G$21=$B$10,7,0)+IF('Standard Profiles'!$G$21=$B$17,14,0)+IF('Standard Profiles'!$G$21=$B$24,21,0),0)),0)</f>
        <v>0</v>
      </c>
      <c r="H5369" cm="1">
        <f t="array" ref="H5369">IFERROR(INDEX(Jesper!AL$2:AL$366,ROUNDDOWN($C5369/24,0)+1,1)*INDEX($D$3:$AA$30,INDEX(Jesper!$R$2:$R$366,ROW(INDEX(Jesper!AL$2:AL$366,ROUNDDOWN($C5369/24,0)+1,1))-1)+IF('Standard Profiles'!$G$22=$B$10,7,0)+IF('Standard Profiles'!$G$22=$B$17,14,0)+IF('Standard Profiles'!$G$22=$B$24,21,0),MOD($C5369,24)+1)/SUM(INDEX($D$3:$AA$30,INDEX(Jesper!$R$2:$R$366,ROW(INDEX(Jesper!AL$2:AL$366,ROUNDDOWN($C5369/24,0)+1,1))-1)+IF('Standard Profiles'!$G$22=$B$10,7,0)+IF('Standard Profiles'!$G$22=$B$17,14,0)+IF('Standard Profiles'!$G$22=$B$24,21,0),0)),0)</f>
        <v>0</v>
      </c>
      <c r="I5369">
        <f t="shared" si="601"/>
        <v>0.16462473099561442</v>
      </c>
      <c r="J5369">
        <f t="shared" si="602"/>
        <v>0.54874910331871485</v>
      </c>
      <c r="K5369">
        <f t="shared" si="603"/>
        <v>0.82312365497807227</v>
      </c>
      <c r="L5369">
        <f t="shared" si="604"/>
        <v>12.220374410479854</v>
      </c>
      <c r="M5369">
        <f t="shared" si="605"/>
        <v>0</v>
      </c>
      <c r="N5369" s="46">
        <f t="shared" si="606"/>
        <v>45514.291666653728</v>
      </c>
    </row>
    <row r="5370" spans="2:14" x14ac:dyDescent="0.3">
      <c r="B5370">
        <f t="shared" si="600"/>
        <v>6</v>
      </c>
      <c r="C5370" s="16">
        <v>5336</v>
      </c>
      <c r="D5370" cm="1">
        <f t="array" ref="D5370">IFERROR(INDEX(Jesper!AH$2:AH$366,ROUNDDOWN($C5370/24,0)+1,1)*INDEX($D$3:$AA$30,INDEX(Jesper!$R$2:$R$366,ROW(INDEX(Jesper!AH$2:AH$366,ROUNDDOWN($C5370/24,0)+1,1))-1)+IF('Standard Profiles'!$G$18=$B$10,7,0)+IF('Standard Profiles'!$G$18=$B$17,14,0)+IF('Standard Profiles'!$G$18=$B$24,21,0),MOD($C5370,24)+1)/SUM(INDEX($D$3:$AA$30,INDEX(Jesper!$R$2:$R$366,ROW(INDEX(Jesper!AH$2:AH$366,ROUNDDOWN($C5370/24,0)+1,1))-1)+IF('Standard Profiles'!$G$18=$B$10,7,0)+IF('Standard Profiles'!$G$18=$B$17,14,0)+IF('Standard Profiles'!$G$18=$B$24,21,0),0)),0)</f>
        <v>11.929537385720936</v>
      </c>
      <c r="E5370" cm="1">
        <f t="array" ref="E5370">IFERROR(INDEX(Jesper!AI$2:AI$366,ROUNDDOWN($C5370/24,0)+1,1)*INDEX($D$3:$AA$30,INDEX(Jesper!$R$2:$R$366,ROW(INDEX(Jesper!AI$2:AI$366,ROUNDDOWN($C5370/24,0)+1,1))-1)+IF('Standard Profiles'!$G$19=$B$10,7,0)+IF('Standard Profiles'!$G$19=$B$17,14,0)+IF('Standard Profiles'!$G$19=$B$24,21,0),MOD($C5370,24)+1)/SUM(INDEX($D$3:$AA$30,INDEX(Jesper!$R$2:$R$366,ROW(INDEX(Jesper!AI$2:AI$366,ROUNDDOWN($C5370/24,0)+1,1))-1)+IF('Standard Profiles'!$G$19=$B$10,7,0)+IF('Standard Profiles'!$G$19=$B$17,14,0)+IF('Standard Profiles'!$G$19=$B$24,21,0),0)),0)</f>
        <v>1.8273345140513197</v>
      </c>
      <c r="F5370" cm="1">
        <f t="array" ref="F5370">IFERROR(INDEX(Jesper!AJ$2:AJ$366,ROUNDDOWN($C5370/24,0)+1,1)*INDEX($D$3:$AA$30,INDEX(Jesper!$R$2:$R$366,ROW(INDEX(Jesper!AJ$2:AJ$366,ROUNDDOWN($C5370/24,0)+1,1))-1)+IF('Standard Profiles'!$G$20=$B$10,7,0)+IF('Standard Profiles'!$G$20=$B$17,14,0)+IF('Standard Profiles'!$G$20=$B$24,21,0),MOD($C5370,24)+1)/SUM(INDEX($D$3:$AA$30,INDEX(Jesper!$R$2:$R$366,ROW(INDEX(Jesper!AJ$2:AJ$366,ROUNDDOWN($C5370/24,0)+1,1))-1)+IF('Standard Profiles'!$G$20=$B$10,7,0)+IF('Standard Profiles'!$G$20=$B$17,14,0)+IF('Standard Profiles'!$G$20=$B$24,21,0),0)),0)</f>
        <v>0</v>
      </c>
      <c r="G5370" cm="1">
        <f t="array" ref="G5370">IFERROR(INDEX(Jesper!AK$2:AK$366,ROUNDDOWN($C5370/24,0)+1,1)*INDEX($D$3:$AA$30,INDEX(Jesper!$R$2:$R$366,ROW(INDEX(Jesper!AK$2:AK$366,ROUNDDOWN($C5370/24,0)+1,1))-1)+IF('Standard Profiles'!$G$21=$B$10,7,0)+IF('Standard Profiles'!$G$21=$B$17,14,0)+IF('Standard Profiles'!$G$21=$B$24,21,0),MOD($C5370,24)+1)/SUM(INDEX($D$3:$AA$30,INDEX(Jesper!$R$2:$R$366,ROW(INDEX(Jesper!AK$2:AK$366,ROUNDDOWN($C5370/24,0)+1,1))-1)+IF('Standard Profiles'!$G$21=$B$10,7,0)+IF('Standard Profiles'!$G$21=$B$17,14,0)+IF('Standard Profiles'!$G$21=$B$24,21,0),0)),0)</f>
        <v>0</v>
      </c>
      <c r="H5370" cm="1">
        <f t="array" ref="H5370">IFERROR(INDEX(Jesper!AL$2:AL$366,ROUNDDOWN($C5370/24,0)+1,1)*INDEX($D$3:$AA$30,INDEX(Jesper!$R$2:$R$366,ROW(INDEX(Jesper!AL$2:AL$366,ROUNDDOWN($C5370/24,0)+1,1))-1)+IF('Standard Profiles'!$G$22=$B$10,7,0)+IF('Standard Profiles'!$G$22=$B$17,14,0)+IF('Standard Profiles'!$G$22=$B$24,21,0),MOD($C5370,24)+1)/SUM(INDEX($D$3:$AA$30,INDEX(Jesper!$R$2:$R$366,ROW(INDEX(Jesper!AL$2:AL$366,ROUNDDOWN($C5370/24,0)+1,1))-1)+IF('Standard Profiles'!$G$22=$B$10,7,0)+IF('Standard Profiles'!$G$22=$B$17,14,0)+IF('Standard Profiles'!$G$22=$B$24,21,0),0)),0)</f>
        <v>0</v>
      </c>
      <c r="I5370">
        <f t="shared" si="601"/>
        <v>0.16462473099561442</v>
      </c>
      <c r="J5370">
        <f t="shared" si="602"/>
        <v>0.54874910331871485</v>
      </c>
      <c r="K5370">
        <f t="shared" si="603"/>
        <v>0.82312365497807227</v>
      </c>
      <c r="L5370">
        <f t="shared" si="604"/>
        <v>12.220374410479854</v>
      </c>
      <c r="M5370">
        <f t="shared" si="605"/>
        <v>0</v>
      </c>
      <c r="N5370" s="46">
        <f t="shared" si="606"/>
        <v>45514.333333320392</v>
      </c>
    </row>
    <row r="5371" spans="2:14" x14ac:dyDescent="0.3">
      <c r="B5371">
        <f t="shared" si="600"/>
        <v>6</v>
      </c>
      <c r="C5371" s="16">
        <v>5337</v>
      </c>
      <c r="D5371" cm="1">
        <f t="array" ref="D5371">IFERROR(INDEX(Jesper!AH$2:AH$366,ROUNDDOWN($C5371/24,0)+1,1)*INDEX($D$3:$AA$30,INDEX(Jesper!$R$2:$R$366,ROW(INDEX(Jesper!AH$2:AH$366,ROUNDDOWN($C5371/24,0)+1,1))-1)+IF('Standard Profiles'!$G$18=$B$10,7,0)+IF('Standard Profiles'!$G$18=$B$17,14,0)+IF('Standard Profiles'!$G$18=$B$24,21,0),MOD($C5371,24)+1)/SUM(INDEX($D$3:$AA$30,INDEX(Jesper!$R$2:$R$366,ROW(INDEX(Jesper!AH$2:AH$366,ROUNDDOWN($C5371/24,0)+1,1))-1)+IF('Standard Profiles'!$G$18=$B$10,7,0)+IF('Standard Profiles'!$G$18=$B$17,14,0)+IF('Standard Profiles'!$G$18=$B$24,21,0),0)),0)</f>
        <v>11.929537385720936</v>
      </c>
      <c r="E5371" cm="1">
        <f t="array" ref="E5371">IFERROR(INDEX(Jesper!AI$2:AI$366,ROUNDDOWN($C5371/24,0)+1,1)*INDEX($D$3:$AA$30,INDEX(Jesper!$R$2:$R$366,ROW(INDEX(Jesper!AI$2:AI$366,ROUNDDOWN($C5371/24,0)+1,1))-1)+IF('Standard Profiles'!$G$19=$B$10,7,0)+IF('Standard Profiles'!$G$19=$B$17,14,0)+IF('Standard Profiles'!$G$19=$B$24,21,0),MOD($C5371,24)+1)/SUM(INDEX($D$3:$AA$30,INDEX(Jesper!$R$2:$R$366,ROW(INDEX(Jesper!AI$2:AI$366,ROUNDDOWN($C5371/24,0)+1,1))-1)+IF('Standard Profiles'!$G$19=$B$10,7,0)+IF('Standard Profiles'!$G$19=$B$17,14,0)+IF('Standard Profiles'!$G$19=$B$24,21,0),0)),0)</f>
        <v>1.8273345140513197</v>
      </c>
      <c r="F5371" cm="1">
        <f t="array" ref="F5371">IFERROR(INDEX(Jesper!AJ$2:AJ$366,ROUNDDOWN($C5371/24,0)+1,1)*INDEX($D$3:$AA$30,INDEX(Jesper!$R$2:$R$366,ROW(INDEX(Jesper!AJ$2:AJ$366,ROUNDDOWN($C5371/24,0)+1,1))-1)+IF('Standard Profiles'!$G$20=$B$10,7,0)+IF('Standard Profiles'!$G$20=$B$17,14,0)+IF('Standard Profiles'!$G$20=$B$24,21,0),MOD($C5371,24)+1)/SUM(INDEX($D$3:$AA$30,INDEX(Jesper!$R$2:$R$366,ROW(INDEX(Jesper!AJ$2:AJ$366,ROUNDDOWN($C5371/24,0)+1,1))-1)+IF('Standard Profiles'!$G$20=$B$10,7,0)+IF('Standard Profiles'!$G$20=$B$17,14,0)+IF('Standard Profiles'!$G$20=$B$24,21,0),0)),0)</f>
        <v>0</v>
      </c>
      <c r="G5371" cm="1">
        <f t="array" ref="G5371">IFERROR(INDEX(Jesper!AK$2:AK$366,ROUNDDOWN($C5371/24,0)+1,1)*INDEX($D$3:$AA$30,INDEX(Jesper!$R$2:$R$366,ROW(INDEX(Jesper!AK$2:AK$366,ROUNDDOWN($C5371/24,0)+1,1))-1)+IF('Standard Profiles'!$G$21=$B$10,7,0)+IF('Standard Profiles'!$G$21=$B$17,14,0)+IF('Standard Profiles'!$G$21=$B$24,21,0),MOD($C5371,24)+1)/SUM(INDEX($D$3:$AA$30,INDEX(Jesper!$R$2:$R$366,ROW(INDEX(Jesper!AK$2:AK$366,ROUNDDOWN($C5371/24,0)+1,1))-1)+IF('Standard Profiles'!$G$21=$B$10,7,0)+IF('Standard Profiles'!$G$21=$B$17,14,0)+IF('Standard Profiles'!$G$21=$B$24,21,0),0)),0)</f>
        <v>0</v>
      </c>
      <c r="H5371" cm="1">
        <f t="array" ref="H5371">IFERROR(INDEX(Jesper!AL$2:AL$366,ROUNDDOWN($C5371/24,0)+1,1)*INDEX($D$3:$AA$30,INDEX(Jesper!$R$2:$R$366,ROW(INDEX(Jesper!AL$2:AL$366,ROUNDDOWN($C5371/24,0)+1,1))-1)+IF('Standard Profiles'!$G$22=$B$10,7,0)+IF('Standard Profiles'!$G$22=$B$17,14,0)+IF('Standard Profiles'!$G$22=$B$24,21,0),MOD($C5371,24)+1)/SUM(INDEX($D$3:$AA$30,INDEX(Jesper!$R$2:$R$366,ROW(INDEX(Jesper!AL$2:AL$366,ROUNDDOWN($C5371/24,0)+1,1))-1)+IF('Standard Profiles'!$G$22=$B$10,7,0)+IF('Standard Profiles'!$G$22=$B$17,14,0)+IF('Standard Profiles'!$G$22=$B$24,21,0),0)),0)</f>
        <v>0</v>
      </c>
      <c r="I5371">
        <f t="shared" si="601"/>
        <v>0.16462473099561442</v>
      </c>
      <c r="J5371">
        <f t="shared" si="602"/>
        <v>0.54874910331871485</v>
      </c>
      <c r="K5371">
        <f t="shared" si="603"/>
        <v>0.82312365497807227</v>
      </c>
      <c r="L5371">
        <f t="shared" si="604"/>
        <v>12.220374410479854</v>
      </c>
      <c r="M5371">
        <f t="shared" si="605"/>
        <v>0</v>
      </c>
      <c r="N5371" s="46">
        <f t="shared" si="606"/>
        <v>45514.374999987056</v>
      </c>
    </row>
    <row r="5372" spans="2:14" x14ac:dyDescent="0.3">
      <c r="B5372">
        <f t="shared" si="600"/>
        <v>6</v>
      </c>
      <c r="C5372" s="16">
        <v>5338</v>
      </c>
      <c r="D5372" cm="1">
        <f t="array" ref="D5372">IFERROR(INDEX(Jesper!AH$2:AH$366,ROUNDDOWN($C5372/24,0)+1,1)*INDEX($D$3:$AA$30,INDEX(Jesper!$R$2:$R$366,ROW(INDEX(Jesper!AH$2:AH$366,ROUNDDOWN($C5372/24,0)+1,1))-1)+IF('Standard Profiles'!$G$18=$B$10,7,0)+IF('Standard Profiles'!$G$18=$B$17,14,0)+IF('Standard Profiles'!$G$18=$B$24,21,0),MOD($C5372,24)+1)/SUM(INDEX($D$3:$AA$30,INDEX(Jesper!$R$2:$R$366,ROW(INDEX(Jesper!AH$2:AH$366,ROUNDDOWN($C5372/24,0)+1,1))-1)+IF('Standard Profiles'!$G$18=$B$10,7,0)+IF('Standard Profiles'!$G$18=$B$17,14,0)+IF('Standard Profiles'!$G$18=$B$24,21,0),0)),0)</f>
        <v>11.929537385720936</v>
      </c>
      <c r="E5372" cm="1">
        <f t="array" ref="E5372">IFERROR(INDEX(Jesper!AI$2:AI$366,ROUNDDOWN($C5372/24,0)+1,1)*INDEX($D$3:$AA$30,INDEX(Jesper!$R$2:$R$366,ROW(INDEX(Jesper!AI$2:AI$366,ROUNDDOWN($C5372/24,0)+1,1))-1)+IF('Standard Profiles'!$G$19=$B$10,7,0)+IF('Standard Profiles'!$G$19=$B$17,14,0)+IF('Standard Profiles'!$G$19=$B$24,21,0),MOD($C5372,24)+1)/SUM(INDEX($D$3:$AA$30,INDEX(Jesper!$R$2:$R$366,ROW(INDEX(Jesper!AI$2:AI$366,ROUNDDOWN($C5372/24,0)+1,1))-1)+IF('Standard Profiles'!$G$19=$B$10,7,0)+IF('Standard Profiles'!$G$19=$B$17,14,0)+IF('Standard Profiles'!$G$19=$B$24,21,0),0)),0)</f>
        <v>1.8273345140513197</v>
      </c>
      <c r="F5372" cm="1">
        <f t="array" ref="F5372">IFERROR(INDEX(Jesper!AJ$2:AJ$366,ROUNDDOWN($C5372/24,0)+1,1)*INDEX($D$3:$AA$30,INDEX(Jesper!$R$2:$R$366,ROW(INDEX(Jesper!AJ$2:AJ$366,ROUNDDOWN($C5372/24,0)+1,1))-1)+IF('Standard Profiles'!$G$20=$B$10,7,0)+IF('Standard Profiles'!$G$20=$B$17,14,0)+IF('Standard Profiles'!$G$20=$B$24,21,0),MOD($C5372,24)+1)/SUM(INDEX($D$3:$AA$30,INDEX(Jesper!$R$2:$R$366,ROW(INDEX(Jesper!AJ$2:AJ$366,ROUNDDOWN($C5372/24,0)+1,1))-1)+IF('Standard Profiles'!$G$20=$B$10,7,0)+IF('Standard Profiles'!$G$20=$B$17,14,0)+IF('Standard Profiles'!$G$20=$B$24,21,0),0)),0)</f>
        <v>0</v>
      </c>
      <c r="G5372" cm="1">
        <f t="array" ref="G5372">IFERROR(INDEX(Jesper!AK$2:AK$366,ROUNDDOWN($C5372/24,0)+1,1)*INDEX($D$3:$AA$30,INDEX(Jesper!$R$2:$R$366,ROW(INDEX(Jesper!AK$2:AK$366,ROUNDDOWN($C5372/24,0)+1,1))-1)+IF('Standard Profiles'!$G$21=$B$10,7,0)+IF('Standard Profiles'!$G$21=$B$17,14,0)+IF('Standard Profiles'!$G$21=$B$24,21,0),MOD($C5372,24)+1)/SUM(INDEX($D$3:$AA$30,INDEX(Jesper!$R$2:$R$366,ROW(INDEX(Jesper!AK$2:AK$366,ROUNDDOWN($C5372/24,0)+1,1))-1)+IF('Standard Profiles'!$G$21=$B$10,7,0)+IF('Standard Profiles'!$G$21=$B$17,14,0)+IF('Standard Profiles'!$G$21=$B$24,21,0),0)),0)</f>
        <v>0</v>
      </c>
      <c r="H5372" cm="1">
        <f t="array" ref="H5372">IFERROR(INDEX(Jesper!AL$2:AL$366,ROUNDDOWN($C5372/24,0)+1,1)*INDEX($D$3:$AA$30,INDEX(Jesper!$R$2:$R$366,ROW(INDEX(Jesper!AL$2:AL$366,ROUNDDOWN($C5372/24,0)+1,1))-1)+IF('Standard Profiles'!$G$22=$B$10,7,0)+IF('Standard Profiles'!$G$22=$B$17,14,0)+IF('Standard Profiles'!$G$22=$B$24,21,0),MOD($C5372,24)+1)/SUM(INDEX($D$3:$AA$30,INDEX(Jesper!$R$2:$R$366,ROW(INDEX(Jesper!AL$2:AL$366,ROUNDDOWN($C5372/24,0)+1,1))-1)+IF('Standard Profiles'!$G$22=$B$10,7,0)+IF('Standard Profiles'!$G$22=$B$17,14,0)+IF('Standard Profiles'!$G$22=$B$24,21,0),0)),0)</f>
        <v>0</v>
      </c>
      <c r="I5372">
        <f t="shared" si="601"/>
        <v>0.16462473099561442</v>
      </c>
      <c r="J5372">
        <f t="shared" si="602"/>
        <v>0.54874910331871485</v>
      </c>
      <c r="K5372">
        <f t="shared" si="603"/>
        <v>0.82312365497807227</v>
      </c>
      <c r="L5372">
        <f t="shared" si="604"/>
        <v>12.220374410479854</v>
      </c>
      <c r="M5372">
        <f t="shared" si="605"/>
        <v>0</v>
      </c>
      <c r="N5372" s="46">
        <f t="shared" si="606"/>
        <v>45514.41666665372</v>
      </c>
    </row>
    <row r="5373" spans="2:14" x14ac:dyDescent="0.3">
      <c r="B5373">
        <f t="shared" si="600"/>
        <v>6</v>
      </c>
      <c r="C5373" s="16">
        <v>5339</v>
      </c>
      <c r="D5373" cm="1">
        <f t="array" ref="D5373">IFERROR(INDEX(Jesper!AH$2:AH$366,ROUNDDOWN($C5373/24,0)+1,1)*INDEX($D$3:$AA$30,INDEX(Jesper!$R$2:$R$366,ROW(INDEX(Jesper!AH$2:AH$366,ROUNDDOWN($C5373/24,0)+1,1))-1)+IF('Standard Profiles'!$G$18=$B$10,7,0)+IF('Standard Profiles'!$G$18=$B$17,14,0)+IF('Standard Profiles'!$G$18=$B$24,21,0),MOD($C5373,24)+1)/SUM(INDEX($D$3:$AA$30,INDEX(Jesper!$R$2:$R$366,ROW(INDEX(Jesper!AH$2:AH$366,ROUNDDOWN($C5373/24,0)+1,1))-1)+IF('Standard Profiles'!$G$18=$B$10,7,0)+IF('Standard Profiles'!$G$18=$B$17,14,0)+IF('Standard Profiles'!$G$18=$B$24,21,0),0)),0)</f>
        <v>11.929537385720936</v>
      </c>
      <c r="E5373" cm="1">
        <f t="array" ref="E5373">IFERROR(INDEX(Jesper!AI$2:AI$366,ROUNDDOWN($C5373/24,0)+1,1)*INDEX($D$3:$AA$30,INDEX(Jesper!$R$2:$R$366,ROW(INDEX(Jesper!AI$2:AI$366,ROUNDDOWN($C5373/24,0)+1,1))-1)+IF('Standard Profiles'!$G$19=$B$10,7,0)+IF('Standard Profiles'!$G$19=$B$17,14,0)+IF('Standard Profiles'!$G$19=$B$24,21,0),MOD($C5373,24)+1)/SUM(INDEX($D$3:$AA$30,INDEX(Jesper!$R$2:$R$366,ROW(INDEX(Jesper!AI$2:AI$366,ROUNDDOWN($C5373/24,0)+1,1))-1)+IF('Standard Profiles'!$G$19=$B$10,7,0)+IF('Standard Profiles'!$G$19=$B$17,14,0)+IF('Standard Profiles'!$G$19=$B$24,21,0),0)),0)</f>
        <v>1.8273345140513197</v>
      </c>
      <c r="F5373" cm="1">
        <f t="array" ref="F5373">IFERROR(INDEX(Jesper!AJ$2:AJ$366,ROUNDDOWN($C5373/24,0)+1,1)*INDEX($D$3:$AA$30,INDEX(Jesper!$R$2:$R$366,ROW(INDEX(Jesper!AJ$2:AJ$366,ROUNDDOWN($C5373/24,0)+1,1))-1)+IF('Standard Profiles'!$G$20=$B$10,7,0)+IF('Standard Profiles'!$G$20=$B$17,14,0)+IF('Standard Profiles'!$G$20=$B$24,21,0),MOD($C5373,24)+1)/SUM(INDEX($D$3:$AA$30,INDEX(Jesper!$R$2:$R$366,ROW(INDEX(Jesper!AJ$2:AJ$366,ROUNDDOWN($C5373/24,0)+1,1))-1)+IF('Standard Profiles'!$G$20=$B$10,7,0)+IF('Standard Profiles'!$G$20=$B$17,14,0)+IF('Standard Profiles'!$G$20=$B$24,21,0),0)),0)</f>
        <v>0</v>
      </c>
      <c r="G5373" cm="1">
        <f t="array" ref="G5373">IFERROR(INDEX(Jesper!AK$2:AK$366,ROUNDDOWN($C5373/24,0)+1,1)*INDEX($D$3:$AA$30,INDEX(Jesper!$R$2:$R$366,ROW(INDEX(Jesper!AK$2:AK$366,ROUNDDOWN($C5373/24,0)+1,1))-1)+IF('Standard Profiles'!$G$21=$B$10,7,0)+IF('Standard Profiles'!$G$21=$B$17,14,0)+IF('Standard Profiles'!$G$21=$B$24,21,0),MOD($C5373,24)+1)/SUM(INDEX($D$3:$AA$30,INDEX(Jesper!$R$2:$R$366,ROW(INDEX(Jesper!AK$2:AK$366,ROUNDDOWN($C5373/24,0)+1,1))-1)+IF('Standard Profiles'!$G$21=$B$10,7,0)+IF('Standard Profiles'!$G$21=$B$17,14,0)+IF('Standard Profiles'!$G$21=$B$24,21,0),0)),0)</f>
        <v>0</v>
      </c>
      <c r="H5373" cm="1">
        <f t="array" ref="H5373">IFERROR(INDEX(Jesper!AL$2:AL$366,ROUNDDOWN($C5373/24,0)+1,1)*INDEX($D$3:$AA$30,INDEX(Jesper!$R$2:$R$366,ROW(INDEX(Jesper!AL$2:AL$366,ROUNDDOWN($C5373/24,0)+1,1))-1)+IF('Standard Profiles'!$G$22=$B$10,7,0)+IF('Standard Profiles'!$G$22=$B$17,14,0)+IF('Standard Profiles'!$G$22=$B$24,21,0),MOD($C5373,24)+1)/SUM(INDEX($D$3:$AA$30,INDEX(Jesper!$R$2:$R$366,ROW(INDEX(Jesper!AL$2:AL$366,ROUNDDOWN($C5373/24,0)+1,1))-1)+IF('Standard Profiles'!$G$22=$B$10,7,0)+IF('Standard Profiles'!$G$22=$B$17,14,0)+IF('Standard Profiles'!$G$22=$B$24,21,0),0)),0)</f>
        <v>0</v>
      </c>
      <c r="I5373">
        <f t="shared" si="601"/>
        <v>0.16462473099561442</v>
      </c>
      <c r="J5373">
        <f t="shared" si="602"/>
        <v>0.54874910331871485</v>
      </c>
      <c r="K5373">
        <f t="shared" si="603"/>
        <v>0.82312365497807227</v>
      </c>
      <c r="L5373">
        <f t="shared" si="604"/>
        <v>12.220374410479854</v>
      </c>
      <c r="M5373">
        <f t="shared" si="605"/>
        <v>0</v>
      </c>
      <c r="N5373" s="46">
        <f t="shared" si="606"/>
        <v>45514.458333320385</v>
      </c>
    </row>
    <row r="5374" spans="2:14" x14ac:dyDescent="0.3">
      <c r="B5374">
        <f t="shared" si="600"/>
        <v>6</v>
      </c>
      <c r="C5374" s="16">
        <v>5340</v>
      </c>
      <c r="D5374" cm="1">
        <f t="array" ref="D5374">IFERROR(INDEX(Jesper!AH$2:AH$366,ROUNDDOWN($C5374/24,0)+1,1)*INDEX($D$3:$AA$30,INDEX(Jesper!$R$2:$R$366,ROW(INDEX(Jesper!AH$2:AH$366,ROUNDDOWN($C5374/24,0)+1,1))-1)+IF('Standard Profiles'!$G$18=$B$10,7,0)+IF('Standard Profiles'!$G$18=$B$17,14,0)+IF('Standard Profiles'!$G$18=$B$24,21,0),MOD($C5374,24)+1)/SUM(INDEX($D$3:$AA$30,INDEX(Jesper!$R$2:$R$366,ROW(INDEX(Jesper!AH$2:AH$366,ROUNDDOWN($C5374/24,0)+1,1))-1)+IF('Standard Profiles'!$G$18=$B$10,7,0)+IF('Standard Profiles'!$G$18=$B$17,14,0)+IF('Standard Profiles'!$G$18=$B$24,21,0),0)),0)</f>
        <v>11.929537385720936</v>
      </c>
      <c r="E5374" cm="1">
        <f t="array" ref="E5374">IFERROR(INDEX(Jesper!AI$2:AI$366,ROUNDDOWN($C5374/24,0)+1,1)*INDEX($D$3:$AA$30,INDEX(Jesper!$R$2:$R$366,ROW(INDEX(Jesper!AI$2:AI$366,ROUNDDOWN($C5374/24,0)+1,1))-1)+IF('Standard Profiles'!$G$19=$B$10,7,0)+IF('Standard Profiles'!$G$19=$B$17,14,0)+IF('Standard Profiles'!$G$19=$B$24,21,0),MOD($C5374,24)+1)/SUM(INDEX($D$3:$AA$30,INDEX(Jesper!$R$2:$R$366,ROW(INDEX(Jesper!AI$2:AI$366,ROUNDDOWN($C5374/24,0)+1,1))-1)+IF('Standard Profiles'!$G$19=$B$10,7,0)+IF('Standard Profiles'!$G$19=$B$17,14,0)+IF('Standard Profiles'!$G$19=$B$24,21,0),0)),0)</f>
        <v>1.8273345140513197</v>
      </c>
      <c r="F5374" cm="1">
        <f t="array" ref="F5374">IFERROR(INDEX(Jesper!AJ$2:AJ$366,ROUNDDOWN($C5374/24,0)+1,1)*INDEX($D$3:$AA$30,INDEX(Jesper!$R$2:$R$366,ROW(INDEX(Jesper!AJ$2:AJ$366,ROUNDDOWN($C5374/24,0)+1,1))-1)+IF('Standard Profiles'!$G$20=$B$10,7,0)+IF('Standard Profiles'!$G$20=$B$17,14,0)+IF('Standard Profiles'!$G$20=$B$24,21,0),MOD($C5374,24)+1)/SUM(INDEX($D$3:$AA$30,INDEX(Jesper!$R$2:$R$366,ROW(INDEX(Jesper!AJ$2:AJ$366,ROUNDDOWN($C5374/24,0)+1,1))-1)+IF('Standard Profiles'!$G$20=$B$10,7,0)+IF('Standard Profiles'!$G$20=$B$17,14,0)+IF('Standard Profiles'!$G$20=$B$24,21,0),0)),0)</f>
        <v>0</v>
      </c>
      <c r="G5374" cm="1">
        <f t="array" ref="G5374">IFERROR(INDEX(Jesper!AK$2:AK$366,ROUNDDOWN($C5374/24,0)+1,1)*INDEX($D$3:$AA$30,INDEX(Jesper!$R$2:$R$366,ROW(INDEX(Jesper!AK$2:AK$366,ROUNDDOWN($C5374/24,0)+1,1))-1)+IF('Standard Profiles'!$G$21=$B$10,7,0)+IF('Standard Profiles'!$G$21=$B$17,14,0)+IF('Standard Profiles'!$G$21=$B$24,21,0),MOD($C5374,24)+1)/SUM(INDEX($D$3:$AA$30,INDEX(Jesper!$R$2:$R$366,ROW(INDEX(Jesper!AK$2:AK$366,ROUNDDOWN($C5374/24,0)+1,1))-1)+IF('Standard Profiles'!$G$21=$B$10,7,0)+IF('Standard Profiles'!$G$21=$B$17,14,0)+IF('Standard Profiles'!$G$21=$B$24,21,0),0)),0)</f>
        <v>0</v>
      </c>
      <c r="H5374" cm="1">
        <f t="array" ref="H5374">IFERROR(INDEX(Jesper!AL$2:AL$366,ROUNDDOWN($C5374/24,0)+1,1)*INDEX($D$3:$AA$30,INDEX(Jesper!$R$2:$R$366,ROW(INDEX(Jesper!AL$2:AL$366,ROUNDDOWN($C5374/24,0)+1,1))-1)+IF('Standard Profiles'!$G$22=$B$10,7,0)+IF('Standard Profiles'!$G$22=$B$17,14,0)+IF('Standard Profiles'!$G$22=$B$24,21,0),MOD($C5374,24)+1)/SUM(INDEX($D$3:$AA$30,INDEX(Jesper!$R$2:$R$366,ROW(INDEX(Jesper!AL$2:AL$366,ROUNDDOWN($C5374/24,0)+1,1))-1)+IF('Standard Profiles'!$G$22=$B$10,7,0)+IF('Standard Profiles'!$G$22=$B$17,14,0)+IF('Standard Profiles'!$G$22=$B$24,21,0),0)),0)</f>
        <v>0</v>
      </c>
      <c r="I5374">
        <f t="shared" si="601"/>
        <v>0.16462473099561442</v>
      </c>
      <c r="J5374">
        <f t="shared" si="602"/>
        <v>0.54874910331871485</v>
      </c>
      <c r="K5374">
        <f t="shared" si="603"/>
        <v>0.82312365497807227</v>
      </c>
      <c r="L5374">
        <f t="shared" si="604"/>
        <v>12.220374410479854</v>
      </c>
      <c r="M5374">
        <f t="shared" si="605"/>
        <v>0</v>
      </c>
      <c r="N5374" s="46">
        <f t="shared" si="606"/>
        <v>45514.499999987049</v>
      </c>
    </row>
    <row r="5375" spans="2:14" x14ac:dyDescent="0.3">
      <c r="B5375">
        <f t="shared" si="600"/>
        <v>6</v>
      </c>
      <c r="C5375" s="16">
        <v>5341</v>
      </c>
      <c r="D5375" cm="1">
        <f t="array" ref="D5375">IFERROR(INDEX(Jesper!AH$2:AH$366,ROUNDDOWN($C5375/24,0)+1,1)*INDEX($D$3:$AA$30,INDEX(Jesper!$R$2:$R$366,ROW(INDEX(Jesper!AH$2:AH$366,ROUNDDOWN($C5375/24,0)+1,1))-1)+IF('Standard Profiles'!$G$18=$B$10,7,0)+IF('Standard Profiles'!$G$18=$B$17,14,0)+IF('Standard Profiles'!$G$18=$B$24,21,0),MOD($C5375,24)+1)/SUM(INDEX($D$3:$AA$30,INDEX(Jesper!$R$2:$R$366,ROW(INDEX(Jesper!AH$2:AH$366,ROUNDDOWN($C5375/24,0)+1,1))-1)+IF('Standard Profiles'!$G$18=$B$10,7,0)+IF('Standard Profiles'!$G$18=$B$17,14,0)+IF('Standard Profiles'!$G$18=$B$24,21,0),0)),0)</f>
        <v>11.929537385720936</v>
      </c>
      <c r="E5375" cm="1">
        <f t="array" ref="E5375">IFERROR(INDEX(Jesper!AI$2:AI$366,ROUNDDOWN($C5375/24,0)+1,1)*INDEX($D$3:$AA$30,INDEX(Jesper!$R$2:$R$366,ROW(INDEX(Jesper!AI$2:AI$366,ROUNDDOWN($C5375/24,0)+1,1))-1)+IF('Standard Profiles'!$G$19=$B$10,7,0)+IF('Standard Profiles'!$G$19=$B$17,14,0)+IF('Standard Profiles'!$G$19=$B$24,21,0),MOD($C5375,24)+1)/SUM(INDEX($D$3:$AA$30,INDEX(Jesper!$R$2:$R$366,ROW(INDEX(Jesper!AI$2:AI$366,ROUNDDOWN($C5375/24,0)+1,1))-1)+IF('Standard Profiles'!$G$19=$B$10,7,0)+IF('Standard Profiles'!$G$19=$B$17,14,0)+IF('Standard Profiles'!$G$19=$B$24,21,0),0)),0)</f>
        <v>1.8273345140513197</v>
      </c>
      <c r="F5375" cm="1">
        <f t="array" ref="F5375">IFERROR(INDEX(Jesper!AJ$2:AJ$366,ROUNDDOWN($C5375/24,0)+1,1)*INDEX($D$3:$AA$30,INDEX(Jesper!$R$2:$R$366,ROW(INDEX(Jesper!AJ$2:AJ$366,ROUNDDOWN($C5375/24,0)+1,1))-1)+IF('Standard Profiles'!$G$20=$B$10,7,0)+IF('Standard Profiles'!$G$20=$B$17,14,0)+IF('Standard Profiles'!$G$20=$B$24,21,0),MOD($C5375,24)+1)/SUM(INDEX($D$3:$AA$30,INDEX(Jesper!$R$2:$R$366,ROW(INDEX(Jesper!AJ$2:AJ$366,ROUNDDOWN($C5375/24,0)+1,1))-1)+IF('Standard Profiles'!$G$20=$B$10,7,0)+IF('Standard Profiles'!$G$20=$B$17,14,0)+IF('Standard Profiles'!$G$20=$B$24,21,0),0)),0)</f>
        <v>0</v>
      </c>
      <c r="G5375" cm="1">
        <f t="array" ref="G5375">IFERROR(INDEX(Jesper!AK$2:AK$366,ROUNDDOWN($C5375/24,0)+1,1)*INDEX($D$3:$AA$30,INDEX(Jesper!$R$2:$R$366,ROW(INDEX(Jesper!AK$2:AK$366,ROUNDDOWN($C5375/24,0)+1,1))-1)+IF('Standard Profiles'!$G$21=$B$10,7,0)+IF('Standard Profiles'!$G$21=$B$17,14,0)+IF('Standard Profiles'!$G$21=$B$24,21,0),MOD($C5375,24)+1)/SUM(INDEX($D$3:$AA$30,INDEX(Jesper!$R$2:$R$366,ROW(INDEX(Jesper!AK$2:AK$366,ROUNDDOWN($C5375/24,0)+1,1))-1)+IF('Standard Profiles'!$G$21=$B$10,7,0)+IF('Standard Profiles'!$G$21=$B$17,14,0)+IF('Standard Profiles'!$G$21=$B$24,21,0),0)),0)</f>
        <v>0</v>
      </c>
      <c r="H5375" cm="1">
        <f t="array" ref="H5375">IFERROR(INDEX(Jesper!AL$2:AL$366,ROUNDDOWN($C5375/24,0)+1,1)*INDEX($D$3:$AA$30,INDEX(Jesper!$R$2:$R$366,ROW(INDEX(Jesper!AL$2:AL$366,ROUNDDOWN($C5375/24,0)+1,1))-1)+IF('Standard Profiles'!$G$22=$B$10,7,0)+IF('Standard Profiles'!$G$22=$B$17,14,0)+IF('Standard Profiles'!$G$22=$B$24,21,0),MOD($C5375,24)+1)/SUM(INDEX($D$3:$AA$30,INDEX(Jesper!$R$2:$R$366,ROW(INDEX(Jesper!AL$2:AL$366,ROUNDDOWN($C5375/24,0)+1,1))-1)+IF('Standard Profiles'!$G$22=$B$10,7,0)+IF('Standard Profiles'!$G$22=$B$17,14,0)+IF('Standard Profiles'!$G$22=$B$24,21,0),0)),0)</f>
        <v>0</v>
      </c>
      <c r="I5375">
        <f t="shared" si="601"/>
        <v>0.16462473099561442</v>
      </c>
      <c r="J5375">
        <f t="shared" si="602"/>
        <v>0.54874910331871485</v>
      </c>
      <c r="K5375">
        <f t="shared" si="603"/>
        <v>0.82312365497807227</v>
      </c>
      <c r="L5375">
        <f t="shared" si="604"/>
        <v>12.220374410479854</v>
      </c>
      <c r="M5375">
        <f t="shared" si="605"/>
        <v>0</v>
      </c>
      <c r="N5375" s="46">
        <f t="shared" si="606"/>
        <v>45514.541666653713</v>
      </c>
    </row>
    <row r="5376" spans="2:14" x14ac:dyDescent="0.3">
      <c r="B5376">
        <f t="shared" si="600"/>
        <v>6</v>
      </c>
      <c r="C5376" s="16">
        <v>5342</v>
      </c>
      <c r="D5376" cm="1">
        <f t="array" ref="D5376">IFERROR(INDEX(Jesper!AH$2:AH$366,ROUNDDOWN($C5376/24,0)+1,1)*INDEX($D$3:$AA$30,INDEX(Jesper!$R$2:$R$366,ROW(INDEX(Jesper!AH$2:AH$366,ROUNDDOWN($C5376/24,0)+1,1))-1)+IF('Standard Profiles'!$G$18=$B$10,7,0)+IF('Standard Profiles'!$G$18=$B$17,14,0)+IF('Standard Profiles'!$G$18=$B$24,21,0),MOD($C5376,24)+1)/SUM(INDEX($D$3:$AA$30,INDEX(Jesper!$R$2:$R$366,ROW(INDEX(Jesper!AH$2:AH$366,ROUNDDOWN($C5376/24,0)+1,1))-1)+IF('Standard Profiles'!$G$18=$B$10,7,0)+IF('Standard Profiles'!$G$18=$B$17,14,0)+IF('Standard Profiles'!$G$18=$B$24,21,0),0)),0)</f>
        <v>11.929537385720936</v>
      </c>
      <c r="E5376" cm="1">
        <f t="array" ref="E5376">IFERROR(INDEX(Jesper!AI$2:AI$366,ROUNDDOWN($C5376/24,0)+1,1)*INDEX($D$3:$AA$30,INDEX(Jesper!$R$2:$R$366,ROW(INDEX(Jesper!AI$2:AI$366,ROUNDDOWN($C5376/24,0)+1,1))-1)+IF('Standard Profiles'!$G$19=$B$10,7,0)+IF('Standard Profiles'!$G$19=$B$17,14,0)+IF('Standard Profiles'!$G$19=$B$24,21,0),MOD($C5376,24)+1)/SUM(INDEX($D$3:$AA$30,INDEX(Jesper!$R$2:$R$366,ROW(INDEX(Jesper!AI$2:AI$366,ROUNDDOWN($C5376/24,0)+1,1))-1)+IF('Standard Profiles'!$G$19=$B$10,7,0)+IF('Standard Profiles'!$G$19=$B$17,14,0)+IF('Standard Profiles'!$G$19=$B$24,21,0),0)),0)</f>
        <v>1.8273345140513197</v>
      </c>
      <c r="F5376" cm="1">
        <f t="array" ref="F5376">IFERROR(INDEX(Jesper!AJ$2:AJ$366,ROUNDDOWN($C5376/24,0)+1,1)*INDEX($D$3:$AA$30,INDEX(Jesper!$R$2:$R$366,ROW(INDEX(Jesper!AJ$2:AJ$366,ROUNDDOWN($C5376/24,0)+1,1))-1)+IF('Standard Profiles'!$G$20=$B$10,7,0)+IF('Standard Profiles'!$G$20=$B$17,14,0)+IF('Standard Profiles'!$G$20=$B$24,21,0),MOD($C5376,24)+1)/SUM(INDEX($D$3:$AA$30,INDEX(Jesper!$R$2:$R$366,ROW(INDEX(Jesper!AJ$2:AJ$366,ROUNDDOWN($C5376/24,0)+1,1))-1)+IF('Standard Profiles'!$G$20=$B$10,7,0)+IF('Standard Profiles'!$G$20=$B$17,14,0)+IF('Standard Profiles'!$G$20=$B$24,21,0),0)),0)</f>
        <v>0</v>
      </c>
      <c r="G5376" cm="1">
        <f t="array" ref="G5376">IFERROR(INDEX(Jesper!AK$2:AK$366,ROUNDDOWN($C5376/24,0)+1,1)*INDEX($D$3:$AA$30,INDEX(Jesper!$R$2:$R$366,ROW(INDEX(Jesper!AK$2:AK$366,ROUNDDOWN($C5376/24,0)+1,1))-1)+IF('Standard Profiles'!$G$21=$B$10,7,0)+IF('Standard Profiles'!$G$21=$B$17,14,0)+IF('Standard Profiles'!$G$21=$B$24,21,0),MOD($C5376,24)+1)/SUM(INDEX($D$3:$AA$30,INDEX(Jesper!$R$2:$R$366,ROW(INDEX(Jesper!AK$2:AK$366,ROUNDDOWN($C5376/24,0)+1,1))-1)+IF('Standard Profiles'!$G$21=$B$10,7,0)+IF('Standard Profiles'!$G$21=$B$17,14,0)+IF('Standard Profiles'!$G$21=$B$24,21,0),0)),0)</f>
        <v>0</v>
      </c>
      <c r="H5376" cm="1">
        <f t="array" ref="H5376">IFERROR(INDEX(Jesper!AL$2:AL$366,ROUNDDOWN($C5376/24,0)+1,1)*INDEX($D$3:$AA$30,INDEX(Jesper!$R$2:$R$366,ROW(INDEX(Jesper!AL$2:AL$366,ROUNDDOWN($C5376/24,0)+1,1))-1)+IF('Standard Profiles'!$G$22=$B$10,7,0)+IF('Standard Profiles'!$G$22=$B$17,14,0)+IF('Standard Profiles'!$G$22=$B$24,21,0),MOD($C5376,24)+1)/SUM(INDEX($D$3:$AA$30,INDEX(Jesper!$R$2:$R$366,ROW(INDEX(Jesper!AL$2:AL$366,ROUNDDOWN($C5376/24,0)+1,1))-1)+IF('Standard Profiles'!$G$22=$B$10,7,0)+IF('Standard Profiles'!$G$22=$B$17,14,0)+IF('Standard Profiles'!$G$22=$B$24,21,0),0)),0)</f>
        <v>0</v>
      </c>
      <c r="I5376">
        <f t="shared" si="601"/>
        <v>0.16462473099561442</v>
      </c>
      <c r="J5376">
        <f t="shared" si="602"/>
        <v>0.54874910331871485</v>
      </c>
      <c r="K5376">
        <f t="shared" si="603"/>
        <v>0.82312365497807227</v>
      </c>
      <c r="L5376">
        <f t="shared" si="604"/>
        <v>12.220374410479854</v>
      </c>
      <c r="M5376">
        <f t="shared" si="605"/>
        <v>0</v>
      </c>
      <c r="N5376" s="46">
        <f t="shared" si="606"/>
        <v>45514.583333320377</v>
      </c>
    </row>
    <row r="5377" spans="2:14" x14ac:dyDescent="0.3">
      <c r="B5377">
        <f t="shared" si="600"/>
        <v>6</v>
      </c>
      <c r="C5377" s="16">
        <v>5343</v>
      </c>
      <c r="D5377" cm="1">
        <f t="array" ref="D5377">IFERROR(INDEX(Jesper!AH$2:AH$366,ROUNDDOWN($C5377/24,0)+1,1)*INDEX($D$3:$AA$30,INDEX(Jesper!$R$2:$R$366,ROW(INDEX(Jesper!AH$2:AH$366,ROUNDDOWN($C5377/24,0)+1,1))-1)+IF('Standard Profiles'!$G$18=$B$10,7,0)+IF('Standard Profiles'!$G$18=$B$17,14,0)+IF('Standard Profiles'!$G$18=$B$24,21,0),MOD($C5377,24)+1)/SUM(INDEX($D$3:$AA$30,INDEX(Jesper!$R$2:$R$366,ROW(INDEX(Jesper!AH$2:AH$366,ROUNDDOWN($C5377/24,0)+1,1))-1)+IF('Standard Profiles'!$G$18=$B$10,7,0)+IF('Standard Profiles'!$G$18=$B$17,14,0)+IF('Standard Profiles'!$G$18=$B$24,21,0),0)),0)</f>
        <v>10.785609143254545</v>
      </c>
      <c r="E5377" cm="1">
        <f t="array" ref="E5377">IFERROR(INDEX(Jesper!AI$2:AI$366,ROUNDDOWN($C5377/24,0)+1,1)*INDEX($D$3:$AA$30,INDEX(Jesper!$R$2:$R$366,ROW(INDEX(Jesper!AI$2:AI$366,ROUNDDOWN($C5377/24,0)+1,1))-1)+IF('Standard Profiles'!$G$19=$B$10,7,0)+IF('Standard Profiles'!$G$19=$B$17,14,0)+IF('Standard Profiles'!$G$19=$B$24,21,0),MOD($C5377,24)+1)/SUM(INDEX($D$3:$AA$30,INDEX(Jesper!$R$2:$R$366,ROW(INDEX(Jesper!AI$2:AI$366,ROUNDDOWN($C5377/24,0)+1,1))-1)+IF('Standard Profiles'!$G$19=$B$10,7,0)+IF('Standard Profiles'!$G$19=$B$17,14,0)+IF('Standard Profiles'!$G$19=$B$24,21,0),0)),0)</f>
        <v>1.6521106565395491</v>
      </c>
      <c r="F5377" cm="1">
        <f t="array" ref="F5377">IFERROR(INDEX(Jesper!AJ$2:AJ$366,ROUNDDOWN($C5377/24,0)+1,1)*INDEX($D$3:$AA$30,INDEX(Jesper!$R$2:$R$366,ROW(INDEX(Jesper!AJ$2:AJ$366,ROUNDDOWN($C5377/24,0)+1,1))-1)+IF('Standard Profiles'!$G$20=$B$10,7,0)+IF('Standard Profiles'!$G$20=$B$17,14,0)+IF('Standard Profiles'!$G$20=$B$24,21,0),MOD($C5377,24)+1)/SUM(INDEX($D$3:$AA$30,INDEX(Jesper!$R$2:$R$366,ROW(INDEX(Jesper!AJ$2:AJ$366,ROUNDDOWN($C5377/24,0)+1,1))-1)+IF('Standard Profiles'!$G$20=$B$10,7,0)+IF('Standard Profiles'!$G$20=$B$17,14,0)+IF('Standard Profiles'!$G$20=$B$24,21,0),0)),0)</f>
        <v>0</v>
      </c>
      <c r="G5377" cm="1">
        <f t="array" ref="G5377">IFERROR(INDEX(Jesper!AK$2:AK$366,ROUNDDOWN($C5377/24,0)+1,1)*INDEX($D$3:$AA$30,INDEX(Jesper!$R$2:$R$366,ROW(INDEX(Jesper!AK$2:AK$366,ROUNDDOWN($C5377/24,0)+1,1))-1)+IF('Standard Profiles'!$G$21=$B$10,7,0)+IF('Standard Profiles'!$G$21=$B$17,14,0)+IF('Standard Profiles'!$G$21=$B$24,21,0),MOD($C5377,24)+1)/SUM(INDEX($D$3:$AA$30,INDEX(Jesper!$R$2:$R$366,ROW(INDEX(Jesper!AK$2:AK$366,ROUNDDOWN($C5377/24,0)+1,1))-1)+IF('Standard Profiles'!$G$21=$B$10,7,0)+IF('Standard Profiles'!$G$21=$B$17,14,0)+IF('Standard Profiles'!$G$21=$B$24,21,0),0)),0)</f>
        <v>0</v>
      </c>
      <c r="H5377" cm="1">
        <f t="array" ref="H5377">IFERROR(INDEX(Jesper!AL$2:AL$366,ROUNDDOWN($C5377/24,0)+1,1)*INDEX($D$3:$AA$30,INDEX(Jesper!$R$2:$R$366,ROW(INDEX(Jesper!AL$2:AL$366,ROUNDDOWN($C5377/24,0)+1,1))-1)+IF('Standard Profiles'!$G$22=$B$10,7,0)+IF('Standard Profiles'!$G$22=$B$17,14,0)+IF('Standard Profiles'!$G$22=$B$24,21,0),MOD($C5377,24)+1)/SUM(INDEX($D$3:$AA$30,INDEX(Jesper!$R$2:$R$366,ROW(INDEX(Jesper!AL$2:AL$366,ROUNDDOWN($C5377/24,0)+1,1))-1)+IF('Standard Profiles'!$G$22=$B$10,7,0)+IF('Standard Profiles'!$G$22=$B$17,14,0)+IF('Standard Profiles'!$G$22=$B$24,21,0),0)),0)</f>
        <v>0</v>
      </c>
      <c r="I5377">
        <f t="shared" si="601"/>
        <v>0.14883879788644591</v>
      </c>
      <c r="J5377">
        <f t="shared" si="602"/>
        <v>0.49612932628815309</v>
      </c>
      <c r="K5377">
        <f t="shared" si="603"/>
        <v>0.74419398943222959</v>
      </c>
      <c r="L5377">
        <f t="shared" si="604"/>
        <v>11.048557686187266</v>
      </c>
      <c r="M5377">
        <f t="shared" si="605"/>
        <v>0</v>
      </c>
      <c r="N5377" s="46">
        <f t="shared" si="606"/>
        <v>45514.624999987042</v>
      </c>
    </row>
    <row r="5378" spans="2:14" x14ac:dyDescent="0.3">
      <c r="B5378">
        <f t="shared" si="600"/>
        <v>6</v>
      </c>
      <c r="C5378" s="16">
        <v>5344</v>
      </c>
      <c r="D5378" cm="1">
        <f t="array" ref="D5378">IFERROR(INDEX(Jesper!AH$2:AH$366,ROUNDDOWN($C5378/24,0)+1,1)*INDEX($D$3:$AA$30,INDEX(Jesper!$R$2:$R$366,ROW(INDEX(Jesper!AH$2:AH$366,ROUNDDOWN($C5378/24,0)+1,1))-1)+IF('Standard Profiles'!$G$18=$B$10,7,0)+IF('Standard Profiles'!$G$18=$B$17,14,0)+IF('Standard Profiles'!$G$18=$B$24,21,0),MOD($C5378,24)+1)/SUM(INDEX($D$3:$AA$30,INDEX(Jesper!$R$2:$R$366,ROW(INDEX(Jesper!AH$2:AH$366,ROUNDDOWN($C5378/24,0)+1,1))-1)+IF('Standard Profiles'!$G$18=$B$10,7,0)+IF('Standard Profiles'!$G$18=$B$17,14,0)+IF('Standard Profiles'!$G$18=$B$24,21,0),0)),0)</f>
        <v>9.8050992211404964</v>
      </c>
      <c r="E5378" cm="1">
        <f t="array" ref="E5378">IFERROR(INDEX(Jesper!AI$2:AI$366,ROUNDDOWN($C5378/24,0)+1,1)*INDEX($D$3:$AA$30,INDEX(Jesper!$R$2:$R$366,ROW(INDEX(Jesper!AI$2:AI$366,ROUNDDOWN($C5378/24,0)+1,1))-1)+IF('Standard Profiles'!$G$19=$B$10,7,0)+IF('Standard Profiles'!$G$19=$B$17,14,0)+IF('Standard Profiles'!$G$19=$B$24,21,0),MOD($C5378,24)+1)/SUM(INDEX($D$3:$AA$30,INDEX(Jesper!$R$2:$R$366,ROW(INDEX(Jesper!AI$2:AI$366,ROUNDDOWN($C5378/24,0)+1,1))-1)+IF('Standard Profiles'!$G$19=$B$10,7,0)+IF('Standard Profiles'!$G$19=$B$17,14,0)+IF('Standard Profiles'!$G$19=$B$24,21,0),0)),0)</f>
        <v>1.5019187786723176</v>
      </c>
      <c r="F5378" cm="1">
        <f t="array" ref="F5378">IFERROR(INDEX(Jesper!AJ$2:AJ$366,ROUNDDOWN($C5378/24,0)+1,1)*INDEX($D$3:$AA$30,INDEX(Jesper!$R$2:$R$366,ROW(INDEX(Jesper!AJ$2:AJ$366,ROUNDDOWN($C5378/24,0)+1,1))-1)+IF('Standard Profiles'!$G$20=$B$10,7,0)+IF('Standard Profiles'!$G$20=$B$17,14,0)+IF('Standard Profiles'!$G$20=$B$24,21,0),MOD($C5378,24)+1)/SUM(INDEX($D$3:$AA$30,INDEX(Jesper!$R$2:$R$366,ROW(INDEX(Jesper!AJ$2:AJ$366,ROUNDDOWN($C5378/24,0)+1,1))-1)+IF('Standard Profiles'!$G$20=$B$10,7,0)+IF('Standard Profiles'!$G$20=$B$17,14,0)+IF('Standard Profiles'!$G$20=$B$24,21,0),0)),0)</f>
        <v>0</v>
      </c>
      <c r="G5378" cm="1">
        <f t="array" ref="G5378">IFERROR(INDEX(Jesper!AK$2:AK$366,ROUNDDOWN($C5378/24,0)+1,1)*INDEX($D$3:$AA$30,INDEX(Jesper!$R$2:$R$366,ROW(INDEX(Jesper!AK$2:AK$366,ROUNDDOWN($C5378/24,0)+1,1))-1)+IF('Standard Profiles'!$G$21=$B$10,7,0)+IF('Standard Profiles'!$G$21=$B$17,14,0)+IF('Standard Profiles'!$G$21=$B$24,21,0),MOD($C5378,24)+1)/SUM(INDEX($D$3:$AA$30,INDEX(Jesper!$R$2:$R$366,ROW(INDEX(Jesper!AK$2:AK$366,ROUNDDOWN($C5378/24,0)+1,1))-1)+IF('Standard Profiles'!$G$21=$B$10,7,0)+IF('Standard Profiles'!$G$21=$B$17,14,0)+IF('Standard Profiles'!$G$21=$B$24,21,0),0)),0)</f>
        <v>0</v>
      </c>
      <c r="H5378" cm="1">
        <f t="array" ref="H5378">IFERROR(INDEX(Jesper!AL$2:AL$366,ROUNDDOWN($C5378/24,0)+1,1)*INDEX($D$3:$AA$30,INDEX(Jesper!$R$2:$R$366,ROW(INDEX(Jesper!AL$2:AL$366,ROUNDDOWN($C5378/24,0)+1,1))-1)+IF('Standard Profiles'!$G$22=$B$10,7,0)+IF('Standard Profiles'!$G$22=$B$17,14,0)+IF('Standard Profiles'!$G$22=$B$24,21,0),MOD($C5378,24)+1)/SUM(INDEX($D$3:$AA$30,INDEX(Jesper!$R$2:$R$366,ROW(INDEX(Jesper!AL$2:AL$366,ROUNDDOWN($C5378/24,0)+1,1))-1)+IF('Standard Profiles'!$G$22=$B$10,7,0)+IF('Standard Profiles'!$G$22=$B$17,14,0)+IF('Standard Profiles'!$G$22=$B$24,21,0),0)),0)</f>
        <v>0</v>
      </c>
      <c r="I5378">
        <f t="shared" si="601"/>
        <v>0.1353079980785872</v>
      </c>
      <c r="J5378">
        <f t="shared" si="602"/>
        <v>0.45102666026195742</v>
      </c>
      <c r="K5378">
        <f t="shared" si="603"/>
        <v>0.67653999039293611</v>
      </c>
      <c r="L5378">
        <f t="shared" si="604"/>
        <v>10.044143351079333</v>
      </c>
      <c r="M5378">
        <f t="shared" si="605"/>
        <v>0</v>
      </c>
      <c r="N5378" s="46">
        <f t="shared" si="606"/>
        <v>45514.666666653706</v>
      </c>
    </row>
    <row r="5379" spans="2:14" x14ac:dyDescent="0.3">
      <c r="B5379">
        <f t="shared" si="600"/>
        <v>6</v>
      </c>
      <c r="C5379" s="16">
        <v>5345</v>
      </c>
      <c r="D5379" cm="1">
        <f t="array" ref="D5379">IFERROR(INDEX(Jesper!AH$2:AH$366,ROUNDDOWN($C5379/24,0)+1,1)*INDEX($D$3:$AA$30,INDEX(Jesper!$R$2:$R$366,ROW(INDEX(Jesper!AH$2:AH$366,ROUNDDOWN($C5379/24,0)+1,1))-1)+IF('Standard Profiles'!$G$18=$B$10,7,0)+IF('Standard Profiles'!$G$18=$B$17,14,0)+IF('Standard Profiles'!$G$18=$B$24,21,0),MOD($C5379,24)+1)/SUM(INDEX($D$3:$AA$30,INDEX(Jesper!$R$2:$R$366,ROW(INDEX(Jesper!AH$2:AH$366,ROUNDDOWN($C5379/24,0)+1,1))-1)+IF('Standard Profiles'!$G$18=$B$10,7,0)+IF('Standard Profiles'!$G$18=$B$17,14,0)+IF('Standard Profiles'!$G$18=$B$24,21,0),0)),0)</f>
        <v>8.8245892990264476</v>
      </c>
      <c r="E5379" cm="1">
        <f t="array" ref="E5379">IFERROR(INDEX(Jesper!AI$2:AI$366,ROUNDDOWN($C5379/24,0)+1,1)*INDEX($D$3:$AA$30,INDEX(Jesper!$R$2:$R$366,ROW(INDEX(Jesper!AI$2:AI$366,ROUNDDOWN($C5379/24,0)+1,1))-1)+IF('Standard Profiles'!$G$19=$B$10,7,0)+IF('Standard Profiles'!$G$19=$B$17,14,0)+IF('Standard Profiles'!$G$19=$B$24,21,0),MOD($C5379,24)+1)/SUM(INDEX($D$3:$AA$30,INDEX(Jesper!$R$2:$R$366,ROW(INDEX(Jesper!AI$2:AI$366,ROUNDDOWN($C5379/24,0)+1,1))-1)+IF('Standard Profiles'!$G$19=$B$10,7,0)+IF('Standard Profiles'!$G$19=$B$17,14,0)+IF('Standard Profiles'!$G$19=$B$24,21,0),0)),0)</f>
        <v>1.3517269008050858</v>
      </c>
      <c r="F5379" cm="1">
        <f t="array" ref="F5379">IFERROR(INDEX(Jesper!AJ$2:AJ$366,ROUNDDOWN($C5379/24,0)+1,1)*INDEX($D$3:$AA$30,INDEX(Jesper!$R$2:$R$366,ROW(INDEX(Jesper!AJ$2:AJ$366,ROUNDDOWN($C5379/24,0)+1,1))-1)+IF('Standard Profiles'!$G$20=$B$10,7,0)+IF('Standard Profiles'!$G$20=$B$17,14,0)+IF('Standard Profiles'!$G$20=$B$24,21,0),MOD($C5379,24)+1)/SUM(INDEX($D$3:$AA$30,INDEX(Jesper!$R$2:$R$366,ROW(INDEX(Jesper!AJ$2:AJ$366,ROUNDDOWN($C5379/24,0)+1,1))-1)+IF('Standard Profiles'!$G$20=$B$10,7,0)+IF('Standard Profiles'!$G$20=$B$17,14,0)+IF('Standard Profiles'!$G$20=$B$24,21,0),0)),0)</f>
        <v>0</v>
      </c>
      <c r="G5379" cm="1">
        <f t="array" ref="G5379">IFERROR(INDEX(Jesper!AK$2:AK$366,ROUNDDOWN($C5379/24,0)+1,1)*INDEX($D$3:$AA$30,INDEX(Jesper!$R$2:$R$366,ROW(INDEX(Jesper!AK$2:AK$366,ROUNDDOWN($C5379/24,0)+1,1))-1)+IF('Standard Profiles'!$G$21=$B$10,7,0)+IF('Standard Profiles'!$G$21=$B$17,14,0)+IF('Standard Profiles'!$G$21=$B$24,21,0),MOD($C5379,24)+1)/SUM(INDEX($D$3:$AA$30,INDEX(Jesper!$R$2:$R$366,ROW(INDEX(Jesper!AK$2:AK$366,ROUNDDOWN($C5379/24,0)+1,1))-1)+IF('Standard Profiles'!$G$21=$B$10,7,0)+IF('Standard Profiles'!$G$21=$B$17,14,0)+IF('Standard Profiles'!$G$21=$B$24,21,0),0)),0)</f>
        <v>0</v>
      </c>
      <c r="H5379" cm="1">
        <f t="array" ref="H5379">IFERROR(INDEX(Jesper!AL$2:AL$366,ROUNDDOWN($C5379/24,0)+1,1)*INDEX($D$3:$AA$30,INDEX(Jesper!$R$2:$R$366,ROW(INDEX(Jesper!AL$2:AL$366,ROUNDDOWN($C5379/24,0)+1,1))-1)+IF('Standard Profiles'!$G$22=$B$10,7,0)+IF('Standard Profiles'!$G$22=$B$17,14,0)+IF('Standard Profiles'!$G$22=$B$24,21,0),MOD($C5379,24)+1)/SUM(INDEX($D$3:$AA$30,INDEX(Jesper!$R$2:$R$366,ROW(INDEX(Jesper!AL$2:AL$366,ROUNDDOWN($C5379/24,0)+1,1))-1)+IF('Standard Profiles'!$G$22=$B$10,7,0)+IF('Standard Profiles'!$G$22=$B$17,14,0)+IF('Standard Profiles'!$G$22=$B$24,21,0),0)),0)</f>
        <v>0</v>
      </c>
      <c r="I5379">
        <f t="shared" si="601"/>
        <v>0.12177719827072848</v>
      </c>
      <c r="J5379">
        <f t="shared" si="602"/>
        <v>0.40592399423576164</v>
      </c>
      <c r="K5379">
        <f t="shared" si="603"/>
        <v>0.60888599135364252</v>
      </c>
      <c r="L5379">
        <f t="shared" si="604"/>
        <v>9.0397290159714014</v>
      </c>
      <c r="M5379">
        <f t="shared" si="605"/>
        <v>0</v>
      </c>
      <c r="N5379" s="46">
        <f t="shared" si="606"/>
        <v>45514.70833332037</v>
      </c>
    </row>
    <row r="5380" spans="2:14" x14ac:dyDescent="0.3">
      <c r="B5380">
        <f t="shared" si="600"/>
        <v>6</v>
      </c>
      <c r="C5380" s="16">
        <v>5346</v>
      </c>
      <c r="D5380" cm="1">
        <f t="array" ref="D5380">IFERROR(INDEX(Jesper!AH$2:AH$366,ROUNDDOWN($C5380/24,0)+1,1)*INDEX($D$3:$AA$30,INDEX(Jesper!$R$2:$R$366,ROW(INDEX(Jesper!AH$2:AH$366,ROUNDDOWN($C5380/24,0)+1,1))-1)+IF('Standard Profiles'!$G$18=$B$10,7,0)+IF('Standard Profiles'!$G$18=$B$17,14,0)+IF('Standard Profiles'!$G$18=$B$24,21,0),MOD($C5380,24)+1)/SUM(INDEX($D$3:$AA$30,INDEX(Jesper!$R$2:$R$366,ROW(INDEX(Jesper!AH$2:AH$366,ROUNDDOWN($C5380/24,0)+1,1))-1)+IF('Standard Profiles'!$G$18=$B$10,7,0)+IF('Standard Profiles'!$G$18=$B$17,14,0)+IF('Standard Profiles'!$G$18=$B$24,21,0),0)),0)</f>
        <v>8.4977526583217617</v>
      </c>
      <c r="E5380" cm="1">
        <f t="array" ref="E5380">IFERROR(INDEX(Jesper!AI$2:AI$366,ROUNDDOWN($C5380/24,0)+1,1)*INDEX($D$3:$AA$30,INDEX(Jesper!$R$2:$R$366,ROW(INDEX(Jesper!AI$2:AI$366,ROUNDDOWN($C5380/24,0)+1,1))-1)+IF('Standard Profiles'!$G$19=$B$10,7,0)+IF('Standard Profiles'!$G$19=$B$17,14,0)+IF('Standard Profiles'!$G$19=$B$24,21,0),MOD($C5380,24)+1)/SUM(INDEX($D$3:$AA$30,INDEX(Jesper!$R$2:$R$366,ROW(INDEX(Jesper!AI$2:AI$366,ROUNDDOWN($C5380/24,0)+1,1))-1)+IF('Standard Profiles'!$G$19=$B$10,7,0)+IF('Standard Profiles'!$G$19=$B$17,14,0)+IF('Standard Profiles'!$G$19=$B$24,21,0),0)),0)</f>
        <v>1.3016629415160086</v>
      </c>
      <c r="F5380" cm="1">
        <f t="array" ref="F5380">IFERROR(INDEX(Jesper!AJ$2:AJ$366,ROUNDDOWN($C5380/24,0)+1,1)*INDEX($D$3:$AA$30,INDEX(Jesper!$R$2:$R$366,ROW(INDEX(Jesper!AJ$2:AJ$366,ROUNDDOWN($C5380/24,0)+1,1))-1)+IF('Standard Profiles'!$G$20=$B$10,7,0)+IF('Standard Profiles'!$G$20=$B$17,14,0)+IF('Standard Profiles'!$G$20=$B$24,21,0),MOD($C5380,24)+1)/SUM(INDEX($D$3:$AA$30,INDEX(Jesper!$R$2:$R$366,ROW(INDEX(Jesper!AJ$2:AJ$366,ROUNDDOWN($C5380/24,0)+1,1))-1)+IF('Standard Profiles'!$G$20=$B$10,7,0)+IF('Standard Profiles'!$G$20=$B$17,14,0)+IF('Standard Profiles'!$G$20=$B$24,21,0),0)),0)</f>
        <v>0</v>
      </c>
      <c r="G5380" cm="1">
        <f t="array" ref="G5380">IFERROR(INDEX(Jesper!AK$2:AK$366,ROUNDDOWN($C5380/24,0)+1,1)*INDEX($D$3:$AA$30,INDEX(Jesper!$R$2:$R$366,ROW(INDEX(Jesper!AK$2:AK$366,ROUNDDOWN($C5380/24,0)+1,1))-1)+IF('Standard Profiles'!$G$21=$B$10,7,0)+IF('Standard Profiles'!$G$21=$B$17,14,0)+IF('Standard Profiles'!$G$21=$B$24,21,0),MOD($C5380,24)+1)/SUM(INDEX($D$3:$AA$30,INDEX(Jesper!$R$2:$R$366,ROW(INDEX(Jesper!AK$2:AK$366,ROUNDDOWN($C5380/24,0)+1,1))-1)+IF('Standard Profiles'!$G$21=$B$10,7,0)+IF('Standard Profiles'!$G$21=$B$17,14,0)+IF('Standard Profiles'!$G$21=$B$24,21,0),0)),0)</f>
        <v>0</v>
      </c>
      <c r="H5380" cm="1">
        <f t="array" ref="H5380">IFERROR(INDEX(Jesper!AL$2:AL$366,ROUNDDOWN($C5380/24,0)+1,1)*INDEX($D$3:$AA$30,INDEX(Jesper!$R$2:$R$366,ROW(INDEX(Jesper!AL$2:AL$366,ROUNDDOWN($C5380/24,0)+1,1))-1)+IF('Standard Profiles'!$G$22=$B$10,7,0)+IF('Standard Profiles'!$G$22=$B$17,14,0)+IF('Standard Profiles'!$G$22=$B$24,21,0),MOD($C5380,24)+1)/SUM(INDEX($D$3:$AA$30,INDEX(Jesper!$R$2:$R$366,ROW(INDEX(Jesper!AL$2:AL$366,ROUNDDOWN($C5380/24,0)+1,1))-1)+IF('Standard Profiles'!$G$22=$B$10,7,0)+IF('Standard Profiles'!$G$22=$B$17,14,0)+IF('Standard Profiles'!$G$22=$B$24,21,0),0)),0)</f>
        <v>0</v>
      </c>
      <c r="I5380">
        <f t="shared" si="601"/>
        <v>0.11726693166810891</v>
      </c>
      <c r="J5380">
        <f t="shared" si="602"/>
        <v>0.39088977222702975</v>
      </c>
      <c r="K5380">
        <f t="shared" si="603"/>
        <v>0.58633465834054466</v>
      </c>
      <c r="L5380">
        <f t="shared" si="604"/>
        <v>8.7049242376020874</v>
      </c>
      <c r="M5380">
        <f t="shared" si="605"/>
        <v>0</v>
      </c>
      <c r="N5380" s="46">
        <f t="shared" si="606"/>
        <v>45514.749999987034</v>
      </c>
    </row>
    <row r="5381" spans="2:14" x14ac:dyDescent="0.3">
      <c r="B5381">
        <f t="shared" si="600"/>
        <v>6</v>
      </c>
      <c r="C5381" s="16">
        <v>5347</v>
      </c>
      <c r="D5381" cm="1">
        <f t="array" ref="D5381">IFERROR(INDEX(Jesper!AH$2:AH$366,ROUNDDOWN($C5381/24,0)+1,1)*INDEX($D$3:$AA$30,INDEX(Jesper!$R$2:$R$366,ROW(INDEX(Jesper!AH$2:AH$366,ROUNDDOWN($C5381/24,0)+1,1))-1)+IF('Standard Profiles'!$G$18=$B$10,7,0)+IF('Standard Profiles'!$G$18=$B$17,14,0)+IF('Standard Profiles'!$G$18=$B$24,21,0),MOD($C5381,24)+1)/SUM(INDEX($D$3:$AA$30,INDEX(Jesper!$R$2:$R$366,ROW(INDEX(Jesper!AH$2:AH$366,ROUNDDOWN($C5381/24,0)+1,1))-1)+IF('Standard Profiles'!$G$18=$B$10,7,0)+IF('Standard Profiles'!$G$18=$B$17,14,0)+IF('Standard Profiles'!$G$18=$B$24,21,0),0)),0)</f>
        <v>6.8635694547983466</v>
      </c>
      <c r="E5381" cm="1">
        <f t="array" ref="E5381">IFERROR(INDEX(Jesper!AI$2:AI$366,ROUNDDOWN($C5381/24,0)+1,1)*INDEX($D$3:$AA$30,INDEX(Jesper!$R$2:$R$366,ROW(INDEX(Jesper!AI$2:AI$366,ROUNDDOWN($C5381/24,0)+1,1))-1)+IF('Standard Profiles'!$G$19=$B$10,7,0)+IF('Standard Profiles'!$G$19=$B$17,14,0)+IF('Standard Profiles'!$G$19=$B$24,21,0),MOD($C5381,24)+1)/SUM(INDEX($D$3:$AA$30,INDEX(Jesper!$R$2:$R$366,ROW(INDEX(Jesper!AI$2:AI$366,ROUNDDOWN($C5381/24,0)+1,1))-1)+IF('Standard Profiles'!$G$19=$B$10,7,0)+IF('Standard Profiles'!$G$19=$B$17,14,0)+IF('Standard Profiles'!$G$19=$B$24,21,0),0)),0)</f>
        <v>1.0513431450706221</v>
      </c>
      <c r="F5381" cm="1">
        <f t="array" ref="F5381">IFERROR(INDEX(Jesper!AJ$2:AJ$366,ROUNDDOWN($C5381/24,0)+1,1)*INDEX($D$3:$AA$30,INDEX(Jesper!$R$2:$R$366,ROW(INDEX(Jesper!AJ$2:AJ$366,ROUNDDOWN($C5381/24,0)+1,1))-1)+IF('Standard Profiles'!$G$20=$B$10,7,0)+IF('Standard Profiles'!$G$20=$B$17,14,0)+IF('Standard Profiles'!$G$20=$B$24,21,0),MOD($C5381,24)+1)/SUM(INDEX($D$3:$AA$30,INDEX(Jesper!$R$2:$R$366,ROW(INDEX(Jesper!AJ$2:AJ$366,ROUNDDOWN($C5381/24,0)+1,1))-1)+IF('Standard Profiles'!$G$20=$B$10,7,0)+IF('Standard Profiles'!$G$20=$B$17,14,0)+IF('Standard Profiles'!$G$20=$B$24,21,0),0)),0)</f>
        <v>0</v>
      </c>
      <c r="G5381" cm="1">
        <f t="array" ref="G5381">IFERROR(INDEX(Jesper!AK$2:AK$366,ROUNDDOWN($C5381/24,0)+1,1)*INDEX($D$3:$AA$30,INDEX(Jesper!$R$2:$R$366,ROW(INDEX(Jesper!AK$2:AK$366,ROUNDDOWN($C5381/24,0)+1,1))-1)+IF('Standard Profiles'!$G$21=$B$10,7,0)+IF('Standard Profiles'!$G$21=$B$17,14,0)+IF('Standard Profiles'!$G$21=$B$24,21,0),MOD($C5381,24)+1)/SUM(INDEX($D$3:$AA$30,INDEX(Jesper!$R$2:$R$366,ROW(INDEX(Jesper!AK$2:AK$366,ROUNDDOWN($C5381/24,0)+1,1))-1)+IF('Standard Profiles'!$G$21=$B$10,7,0)+IF('Standard Profiles'!$G$21=$B$17,14,0)+IF('Standard Profiles'!$G$21=$B$24,21,0),0)),0)</f>
        <v>0</v>
      </c>
      <c r="H5381" cm="1">
        <f t="array" ref="H5381">IFERROR(INDEX(Jesper!AL$2:AL$366,ROUNDDOWN($C5381/24,0)+1,1)*INDEX($D$3:$AA$30,INDEX(Jesper!$R$2:$R$366,ROW(INDEX(Jesper!AL$2:AL$366,ROUNDDOWN($C5381/24,0)+1,1))-1)+IF('Standard Profiles'!$G$22=$B$10,7,0)+IF('Standard Profiles'!$G$22=$B$17,14,0)+IF('Standard Profiles'!$G$22=$B$24,21,0),MOD($C5381,24)+1)/SUM(INDEX($D$3:$AA$30,INDEX(Jesper!$R$2:$R$366,ROW(INDEX(Jesper!AL$2:AL$366,ROUNDDOWN($C5381/24,0)+1,1))-1)+IF('Standard Profiles'!$G$22=$B$10,7,0)+IF('Standard Profiles'!$G$22=$B$17,14,0)+IF('Standard Profiles'!$G$22=$B$24,21,0),0)),0)</f>
        <v>0</v>
      </c>
      <c r="I5381">
        <f t="shared" si="601"/>
        <v>9.471559865501103E-2</v>
      </c>
      <c r="J5381">
        <f t="shared" si="602"/>
        <v>0.31571866218337014</v>
      </c>
      <c r="K5381">
        <f t="shared" si="603"/>
        <v>0.47357799327505518</v>
      </c>
      <c r="L5381">
        <f t="shared" si="604"/>
        <v>7.0309003457555326</v>
      </c>
      <c r="M5381">
        <f t="shared" si="605"/>
        <v>0</v>
      </c>
      <c r="N5381" s="46">
        <f t="shared" si="606"/>
        <v>45514.791666653698</v>
      </c>
    </row>
    <row r="5382" spans="2:14" x14ac:dyDescent="0.3">
      <c r="B5382">
        <f t="shared" si="600"/>
        <v>6</v>
      </c>
      <c r="C5382" s="16">
        <v>5348</v>
      </c>
      <c r="D5382" cm="1">
        <f t="array" ref="D5382">IFERROR(INDEX(Jesper!AH$2:AH$366,ROUNDDOWN($C5382/24,0)+1,1)*INDEX($D$3:$AA$30,INDEX(Jesper!$R$2:$R$366,ROW(INDEX(Jesper!AH$2:AH$366,ROUNDDOWN($C5382/24,0)+1,1))-1)+IF('Standard Profiles'!$G$18=$B$10,7,0)+IF('Standard Profiles'!$G$18=$B$17,14,0)+IF('Standard Profiles'!$G$18=$B$24,21,0),MOD($C5382,24)+1)/SUM(INDEX($D$3:$AA$30,INDEX(Jesper!$R$2:$R$366,ROW(INDEX(Jesper!AH$2:AH$366,ROUNDDOWN($C5382/24,0)+1,1))-1)+IF('Standard Profiles'!$G$18=$B$10,7,0)+IF('Standard Profiles'!$G$18=$B$17,14,0)+IF('Standard Profiles'!$G$18=$B$24,21,0),0)),0)</f>
        <v>5.0659679309225893</v>
      </c>
      <c r="E5382" cm="1">
        <f t="array" ref="E5382">IFERROR(INDEX(Jesper!AI$2:AI$366,ROUNDDOWN($C5382/24,0)+1,1)*INDEX($D$3:$AA$30,INDEX(Jesper!$R$2:$R$366,ROW(INDEX(Jesper!AI$2:AI$366,ROUNDDOWN($C5382/24,0)+1,1))-1)+IF('Standard Profiles'!$G$19=$B$10,7,0)+IF('Standard Profiles'!$G$19=$B$17,14,0)+IF('Standard Profiles'!$G$19=$B$24,21,0),MOD($C5382,24)+1)/SUM(INDEX($D$3:$AA$30,INDEX(Jesper!$R$2:$R$366,ROW(INDEX(Jesper!AI$2:AI$366,ROUNDDOWN($C5382/24,0)+1,1))-1)+IF('Standard Profiles'!$G$19=$B$10,7,0)+IF('Standard Profiles'!$G$19=$B$17,14,0)+IF('Standard Profiles'!$G$19=$B$24,21,0),0)),0)</f>
        <v>0.77599136898069732</v>
      </c>
      <c r="F5382" cm="1">
        <f t="array" ref="F5382">IFERROR(INDEX(Jesper!AJ$2:AJ$366,ROUNDDOWN($C5382/24,0)+1,1)*INDEX($D$3:$AA$30,INDEX(Jesper!$R$2:$R$366,ROW(INDEX(Jesper!AJ$2:AJ$366,ROUNDDOWN($C5382/24,0)+1,1))-1)+IF('Standard Profiles'!$G$20=$B$10,7,0)+IF('Standard Profiles'!$G$20=$B$17,14,0)+IF('Standard Profiles'!$G$20=$B$24,21,0),MOD($C5382,24)+1)/SUM(INDEX($D$3:$AA$30,INDEX(Jesper!$R$2:$R$366,ROW(INDEX(Jesper!AJ$2:AJ$366,ROUNDDOWN($C5382/24,0)+1,1))-1)+IF('Standard Profiles'!$G$20=$B$10,7,0)+IF('Standard Profiles'!$G$20=$B$17,14,0)+IF('Standard Profiles'!$G$20=$B$24,21,0),0)),0)</f>
        <v>0</v>
      </c>
      <c r="G5382" cm="1">
        <f t="array" ref="G5382">IFERROR(INDEX(Jesper!AK$2:AK$366,ROUNDDOWN($C5382/24,0)+1,1)*INDEX($D$3:$AA$30,INDEX(Jesper!$R$2:$R$366,ROW(INDEX(Jesper!AK$2:AK$366,ROUNDDOWN($C5382/24,0)+1,1))-1)+IF('Standard Profiles'!$G$21=$B$10,7,0)+IF('Standard Profiles'!$G$21=$B$17,14,0)+IF('Standard Profiles'!$G$21=$B$24,21,0),MOD($C5382,24)+1)/SUM(INDEX($D$3:$AA$30,INDEX(Jesper!$R$2:$R$366,ROW(INDEX(Jesper!AK$2:AK$366,ROUNDDOWN($C5382/24,0)+1,1))-1)+IF('Standard Profiles'!$G$21=$B$10,7,0)+IF('Standard Profiles'!$G$21=$B$17,14,0)+IF('Standard Profiles'!$G$21=$B$24,21,0),0)),0)</f>
        <v>0</v>
      </c>
      <c r="H5382" cm="1">
        <f t="array" ref="H5382">IFERROR(INDEX(Jesper!AL$2:AL$366,ROUNDDOWN($C5382/24,0)+1,1)*INDEX($D$3:$AA$30,INDEX(Jesper!$R$2:$R$366,ROW(INDEX(Jesper!AL$2:AL$366,ROUNDDOWN($C5382/24,0)+1,1))-1)+IF('Standard Profiles'!$G$22=$B$10,7,0)+IF('Standard Profiles'!$G$22=$B$17,14,0)+IF('Standard Profiles'!$G$22=$B$24,21,0),MOD($C5382,24)+1)/SUM(INDEX($D$3:$AA$30,INDEX(Jesper!$R$2:$R$366,ROW(INDEX(Jesper!AL$2:AL$366,ROUNDDOWN($C5382/24,0)+1,1))-1)+IF('Standard Profiles'!$G$22=$B$10,7,0)+IF('Standard Profiles'!$G$22=$B$17,14,0)+IF('Standard Profiles'!$G$22=$B$24,21,0),0)),0)</f>
        <v>0</v>
      </c>
      <c r="I5382">
        <f t="shared" si="601"/>
        <v>6.9909132340603378E-2</v>
      </c>
      <c r="J5382">
        <f t="shared" si="602"/>
        <v>0.23303044113534463</v>
      </c>
      <c r="K5382">
        <f t="shared" si="603"/>
        <v>0.34954566170301693</v>
      </c>
      <c r="L5382">
        <f t="shared" si="604"/>
        <v>5.1894740647243216</v>
      </c>
      <c r="M5382">
        <f t="shared" si="605"/>
        <v>0</v>
      </c>
      <c r="N5382" s="46">
        <f t="shared" si="606"/>
        <v>45514.833333320363</v>
      </c>
    </row>
    <row r="5383" spans="2:14" x14ac:dyDescent="0.3">
      <c r="B5383">
        <f t="shared" si="600"/>
        <v>6</v>
      </c>
      <c r="C5383" s="16">
        <v>5349</v>
      </c>
      <c r="D5383" cm="1">
        <f t="array" ref="D5383">IFERROR(INDEX(Jesper!AH$2:AH$366,ROUNDDOWN($C5383/24,0)+1,1)*INDEX($D$3:$AA$30,INDEX(Jesper!$R$2:$R$366,ROW(INDEX(Jesper!AH$2:AH$366,ROUNDDOWN($C5383/24,0)+1,1))-1)+IF('Standard Profiles'!$G$18=$B$10,7,0)+IF('Standard Profiles'!$G$18=$B$17,14,0)+IF('Standard Profiles'!$G$18=$B$24,21,0),MOD($C5383,24)+1)/SUM(INDEX($D$3:$AA$30,INDEX(Jesper!$R$2:$R$366,ROW(INDEX(Jesper!AH$2:AH$366,ROUNDDOWN($C5383/24,0)+1,1))-1)+IF('Standard Profiles'!$G$18=$B$10,7,0)+IF('Standard Profiles'!$G$18=$B$17,14,0)+IF('Standard Profiles'!$G$18=$B$24,21,0),0)),0)</f>
        <v>5.0659679309225893</v>
      </c>
      <c r="E5383" cm="1">
        <f t="array" ref="E5383">IFERROR(INDEX(Jesper!AI$2:AI$366,ROUNDDOWN($C5383/24,0)+1,1)*INDEX($D$3:$AA$30,INDEX(Jesper!$R$2:$R$366,ROW(INDEX(Jesper!AI$2:AI$366,ROUNDDOWN($C5383/24,0)+1,1))-1)+IF('Standard Profiles'!$G$19=$B$10,7,0)+IF('Standard Profiles'!$G$19=$B$17,14,0)+IF('Standard Profiles'!$G$19=$B$24,21,0),MOD($C5383,24)+1)/SUM(INDEX($D$3:$AA$30,INDEX(Jesper!$R$2:$R$366,ROW(INDEX(Jesper!AI$2:AI$366,ROUNDDOWN($C5383/24,0)+1,1))-1)+IF('Standard Profiles'!$G$19=$B$10,7,0)+IF('Standard Profiles'!$G$19=$B$17,14,0)+IF('Standard Profiles'!$G$19=$B$24,21,0),0)),0)</f>
        <v>0.77599136898069732</v>
      </c>
      <c r="F5383" cm="1">
        <f t="array" ref="F5383">IFERROR(INDEX(Jesper!AJ$2:AJ$366,ROUNDDOWN($C5383/24,0)+1,1)*INDEX($D$3:$AA$30,INDEX(Jesper!$R$2:$R$366,ROW(INDEX(Jesper!AJ$2:AJ$366,ROUNDDOWN($C5383/24,0)+1,1))-1)+IF('Standard Profiles'!$G$20=$B$10,7,0)+IF('Standard Profiles'!$G$20=$B$17,14,0)+IF('Standard Profiles'!$G$20=$B$24,21,0),MOD($C5383,24)+1)/SUM(INDEX($D$3:$AA$30,INDEX(Jesper!$R$2:$R$366,ROW(INDEX(Jesper!AJ$2:AJ$366,ROUNDDOWN($C5383/24,0)+1,1))-1)+IF('Standard Profiles'!$G$20=$B$10,7,0)+IF('Standard Profiles'!$G$20=$B$17,14,0)+IF('Standard Profiles'!$G$20=$B$24,21,0),0)),0)</f>
        <v>0</v>
      </c>
      <c r="G5383" cm="1">
        <f t="array" ref="G5383">IFERROR(INDEX(Jesper!AK$2:AK$366,ROUNDDOWN($C5383/24,0)+1,1)*INDEX($D$3:$AA$30,INDEX(Jesper!$R$2:$R$366,ROW(INDEX(Jesper!AK$2:AK$366,ROUNDDOWN($C5383/24,0)+1,1))-1)+IF('Standard Profiles'!$G$21=$B$10,7,0)+IF('Standard Profiles'!$G$21=$B$17,14,0)+IF('Standard Profiles'!$G$21=$B$24,21,0),MOD($C5383,24)+1)/SUM(INDEX($D$3:$AA$30,INDEX(Jesper!$R$2:$R$366,ROW(INDEX(Jesper!AK$2:AK$366,ROUNDDOWN($C5383/24,0)+1,1))-1)+IF('Standard Profiles'!$G$21=$B$10,7,0)+IF('Standard Profiles'!$G$21=$B$17,14,0)+IF('Standard Profiles'!$G$21=$B$24,21,0),0)),0)</f>
        <v>0</v>
      </c>
      <c r="H5383" cm="1">
        <f t="array" ref="H5383">IFERROR(INDEX(Jesper!AL$2:AL$366,ROUNDDOWN($C5383/24,0)+1,1)*INDEX($D$3:$AA$30,INDEX(Jesper!$R$2:$R$366,ROW(INDEX(Jesper!AL$2:AL$366,ROUNDDOWN($C5383/24,0)+1,1))-1)+IF('Standard Profiles'!$G$22=$B$10,7,0)+IF('Standard Profiles'!$G$22=$B$17,14,0)+IF('Standard Profiles'!$G$22=$B$24,21,0),MOD($C5383,24)+1)/SUM(INDEX($D$3:$AA$30,INDEX(Jesper!$R$2:$R$366,ROW(INDEX(Jesper!AL$2:AL$366,ROUNDDOWN($C5383/24,0)+1,1))-1)+IF('Standard Profiles'!$G$22=$B$10,7,0)+IF('Standard Profiles'!$G$22=$B$17,14,0)+IF('Standard Profiles'!$G$22=$B$24,21,0),0)),0)</f>
        <v>0</v>
      </c>
      <c r="I5383">
        <f t="shared" si="601"/>
        <v>6.9909132340603378E-2</v>
      </c>
      <c r="J5383">
        <f t="shared" si="602"/>
        <v>0.23303044113534463</v>
      </c>
      <c r="K5383">
        <f t="shared" si="603"/>
        <v>0.34954566170301693</v>
      </c>
      <c r="L5383">
        <f t="shared" si="604"/>
        <v>5.1894740647243216</v>
      </c>
      <c r="M5383">
        <f t="shared" si="605"/>
        <v>0</v>
      </c>
      <c r="N5383" s="46">
        <f t="shared" si="606"/>
        <v>45514.874999987027</v>
      </c>
    </row>
    <row r="5384" spans="2:14" x14ac:dyDescent="0.3">
      <c r="B5384">
        <f t="shared" si="600"/>
        <v>6</v>
      </c>
      <c r="C5384" s="16">
        <v>5350</v>
      </c>
      <c r="D5384" cm="1">
        <f t="array" ref="D5384">IFERROR(INDEX(Jesper!AH$2:AH$366,ROUNDDOWN($C5384/24,0)+1,1)*INDEX($D$3:$AA$30,INDEX(Jesper!$R$2:$R$366,ROW(INDEX(Jesper!AH$2:AH$366,ROUNDDOWN($C5384/24,0)+1,1))-1)+IF('Standard Profiles'!$G$18=$B$10,7,0)+IF('Standard Profiles'!$G$18=$B$17,14,0)+IF('Standard Profiles'!$G$18=$B$24,21,0),MOD($C5384,24)+1)/SUM(INDEX($D$3:$AA$30,INDEX(Jesper!$R$2:$R$366,ROW(INDEX(Jesper!AH$2:AH$366,ROUNDDOWN($C5384/24,0)+1,1))-1)+IF('Standard Profiles'!$G$18=$B$10,7,0)+IF('Standard Profiles'!$G$18=$B$17,14,0)+IF('Standard Profiles'!$G$18=$B$24,21,0),0)),0)</f>
        <v>5.0659679309225893</v>
      </c>
      <c r="E5384" cm="1">
        <f t="array" ref="E5384">IFERROR(INDEX(Jesper!AI$2:AI$366,ROUNDDOWN($C5384/24,0)+1,1)*INDEX($D$3:$AA$30,INDEX(Jesper!$R$2:$R$366,ROW(INDEX(Jesper!AI$2:AI$366,ROUNDDOWN($C5384/24,0)+1,1))-1)+IF('Standard Profiles'!$G$19=$B$10,7,0)+IF('Standard Profiles'!$G$19=$B$17,14,0)+IF('Standard Profiles'!$G$19=$B$24,21,0),MOD($C5384,24)+1)/SUM(INDEX($D$3:$AA$30,INDEX(Jesper!$R$2:$R$366,ROW(INDEX(Jesper!AI$2:AI$366,ROUNDDOWN($C5384/24,0)+1,1))-1)+IF('Standard Profiles'!$G$19=$B$10,7,0)+IF('Standard Profiles'!$G$19=$B$17,14,0)+IF('Standard Profiles'!$G$19=$B$24,21,0),0)),0)</f>
        <v>0.77599136898069732</v>
      </c>
      <c r="F5384" cm="1">
        <f t="array" ref="F5384">IFERROR(INDEX(Jesper!AJ$2:AJ$366,ROUNDDOWN($C5384/24,0)+1,1)*INDEX($D$3:$AA$30,INDEX(Jesper!$R$2:$R$366,ROW(INDEX(Jesper!AJ$2:AJ$366,ROUNDDOWN($C5384/24,0)+1,1))-1)+IF('Standard Profiles'!$G$20=$B$10,7,0)+IF('Standard Profiles'!$G$20=$B$17,14,0)+IF('Standard Profiles'!$G$20=$B$24,21,0),MOD($C5384,24)+1)/SUM(INDEX($D$3:$AA$30,INDEX(Jesper!$R$2:$R$366,ROW(INDEX(Jesper!AJ$2:AJ$366,ROUNDDOWN($C5384/24,0)+1,1))-1)+IF('Standard Profiles'!$G$20=$B$10,7,0)+IF('Standard Profiles'!$G$20=$B$17,14,0)+IF('Standard Profiles'!$G$20=$B$24,21,0),0)),0)</f>
        <v>0</v>
      </c>
      <c r="G5384" cm="1">
        <f t="array" ref="G5384">IFERROR(INDEX(Jesper!AK$2:AK$366,ROUNDDOWN($C5384/24,0)+1,1)*INDEX($D$3:$AA$30,INDEX(Jesper!$R$2:$R$366,ROW(INDEX(Jesper!AK$2:AK$366,ROUNDDOWN($C5384/24,0)+1,1))-1)+IF('Standard Profiles'!$G$21=$B$10,7,0)+IF('Standard Profiles'!$G$21=$B$17,14,0)+IF('Standard Profiles'!$G$21=$B$24,21,0),MOD($C5384,24)+1)/SUM(INDEX($D$3:$AA$30,INDEX(Jesper!$R$2:$R$366,ROW(INDEX(Jesper!AK$2:AK$366,ROUNDDOWN($C5384/24,0)+1,1))-1)+IF('Standard Profiles'!$G$21=$B$10,7,0)+IF('Standard Profiles'!$G$21=$B$17,14,0)+IF('Standard Profiles'!$G$21=$B$24,21,0),0)),0)</f>
        <v>0</v>
      </c>
      <c r="H5384" cm="1">
        <f t="array" ref="H5384">IFERROR(INDEX(Jesper!AL$2:AL$366,ROUNDDOWN($C5384/24,0)+1,1)*INDEX($D$3:$AA$30,INDEX(Jesper!$R$2:$R$366,ROW(INDEX(Jesper!AL$2:AL$366,ROUNDDOWN($C5384/24,0)+1,1))-1)+IF('Standard Profiles'!$G$22=$B$10,7,0)+IF('Standard Profiles'!$G$22=$B$17,14,0)+IF('Standard Profiles'!$G$22=$B$24,21,0),MOD($C5384,24)+1)/SUM(INDEX($D$3:$AA$30,INDEX(Jesper!$R$2:$R$366,ROW(INDEX(Jesper!AL$2:AL$366,ROUNDDOWN($C5384/24,0)+1,1))-1)+IF('Standard Profiles'!$G$22=$B$10,7,0)+IF('Standard Profiles'!$G$22=$B$17,14,0)+IF('Standard Profiles'!$G$22=$B$24,21,0),0)),0)</f>
        <v>0</v>
      </c>
      <c r="I5384">
        <f t="shared" si="601"/>
        <v>6.9909132340603378E-2</v>
      </c>
      <c r="J5384">
        <f t="shared" si="602"/>
        <v>0.23303044113534463</v>
      </c>
      <c r="K5384">
        <f t="shared" si="603"/>
        <v>0.34954566170301693</v>
      </c>
      <c r="L5384">
        <f t="shared" si="604"/>
        <v>5.1894740647243216</v>
      </c>
      <c r="M5384">
        <f t="shared" si="605"/>
        <v>0</v>
      </c>
      <c r="N5384" s="46">
        <f t="shared" si="606"/>
        <v>45514.916666653691</v>
      </c>
    </row>
    <row r="5385" spans="2:14" x14ac:dyDescent="0.3">
      <c r="B5385">
        <f t="shared" si="600"/>
        <v>6</v>
      </c>
      <c r="C5385" s="16">
        <v>5351</v>
      </c>
      <c r="D5385" cm="1">
        <f t="array" ref="D5385">IFERROR(INDEX(Jesper!AH$2:AH$366,ROUNDDOWN($C5385/24,0)+1,1)*INDEX($D$3:$AA$30,INDEX(Jesper!$R$2:$R$366,ROW(INDEX(Jesper!AH$2:AH$366,ROUNDDOWN($C5385/24,0)+1,1))-1)+IF('Standard Profiles'!$G$18=$B$10,7,0)+IF('Standard Profiles'!$G$18=$B$17,14,0)+IF('Standard Profiles'!$G$18=$B$24,21,0),MOD($C5385,24)+1)/SUM(INDEX($D$3:$AA$30,INDEX(Jesper!$R$2:$R$366,ROW(INDEX(Jesper!AH$2:AH$366,ROUNDDOWN($C5385/24,0)+1,1))-1)+IF('Standard Profiles'!$G$18=$B$10,7,0)+IF('Standard Profiles'!$G$18=$B$17,14,0)+IF('Standard Profiles'!$G$18=$B$24,21,0),0)),0)</f>
        <v>5.0659679309225893</v>
      </c>
      <c r="E5385" cm="1">
        <f t="array" ref="E5385">IFERROR(INDEX(Jesper!AI$2:AI$366,ROUNDDOWN($C5385/24,0)+1,1)*INDEX($D$3:$AA$30,INDEX(Jesper!$R$2:$R$366,ROW(INDEX(Jesper!AI$2:AI$366,ROUNDDOWN($C5385/24,0)+1,1))-1)+IF('Standard Profiles'!$G$19=$B$10,7,0)+IF('Standard Profiles'!$G$19=$B$17,14,0)+IF('Standard Profiles'!$G$19=$B$24,21,0),MOD($C5385,24)+1)/SUM(INDEX($D$3:$AA$30,INDEX(Jesper!$R$2:$R$366,ROW(INDEX(Jesper!AI$2:AI$366,ROUNDDOWN($C5385/24,0)+1,1))-1)+IF('Standard Profiles'!$G$19=$B$10,7,0)+IF('Standard Profiles'!$G$19=$B$17,14,0)+IF('Standard Profiles'!$G$19=$B$24,21,0),0)),0)</f>
        <v>0.77599136898069732</v>
      </c>
      <c r="F5385" cm="1">
        <f t="array" ref="F5385">IFERROR(INDEX(Jesper!AJ$2:AJ$366,ROUNDDOWN($C5385/24,0)+1,1)*INDEX($D$3:$AA$30,INDEX(Jesper!$R$2:$R$366,ROW(INDEX(Jesper!AJ$2:AJ$366,ROUNDDOWN($C5385/24,0)+1,1))-1)+IF('Standard Profiles'!$G$20=$B$10,7,0)+IF('Standard Profiles'!$G$20=$B$17,14,0)+IF('Standard Profiles'!$G$20=$B$24,21,0),MOD($C5385,24)+1)/SUM(INDEX($D$3:$AA$30,INDEX(Jesper!$R$2:$R$366,ROW(INDEX(Jesper!AJ$2:AJ$366,ROUNDDOWN($C5385/24,0)+1,1))-1)+IF('Standard Profiles'!$G$20=$B$10,7,0)+IF('Standard Profiles'!$G$20=$B$17,14,0)+IF('Standard Profiles'!$G$20=$B$24,21,0),0)),0)</f>
        <v>0</v>
      </c>
      <c r="G5385" cm="1">
        <f t="array" ref="G5385">IFERROR(INDEX(Jesper!AK$2:AK$366,ROUNDDOWN($C5385/24,0)+1,1)*INDEX($D$3:$AA$30,INDEX(Jesper!$R$2:$R$366,ROW(INDEX(Jesper!AK$2:AK$366,ROUNDDOWN($C5385/24,0)+1,1))-1)+IF('Standard Profiles'!$G$21=$B$10,7,0)+IF('Standard Profiles'!$G$21=$B$17,14,0)+IF('Standard Profiles'!$G$21=$B$24,21,0),MOD($C5385,24)+1)/SUM(INDEX($D$3:$AA$30,INDEX(Jesper!$R$2:$R$366,ROW(INDEX(Jesper!AK$2:AK$366,ROUNDDOWN($C5385/24,0)+1,1))-1)+IF('Standard Profiles'!$G$21=$B$10,7,0)+IF('Standard Profiles'!$G$21=$B$17,14,0)+IF('Standard Profiles'!$G$21=$B$24,21,0),0)),0)</f>
        <v>0</v>
      </c>
      <c r="H5385" cm="1">
        <f t="array" ref="H5385">IFERROR(INDEX(Jesper!AL$2:AL$366,ROUNDDOWN($C5385/24,0)+1,1)*INDEX($D$3:$AA$30,INDEX(Jesper!$R$2:$R$366,ROW(INDEX(Jesper!AL$2:AL$366,ROUNDDOWN($C5385/24,0)+1,1))-1)+IF('Standard Profiles'!$G$22=$B$10,7,0)+IF('Standard Profiles'!$G$22=$B$17,14,0)+IF('Standard Profiles'!$G$22=$B$24,21,0),MOD($C5385,24)+1)/SUM(INDEX($D$3:$AA$30,INDEX(Jesper!$R$2:$R$366,ROW(INDEX(Jesper!AL$2:AL$366,ROUNDDOWN($C5385/24,0)+1,1))-1)+IF('Standard Profiles'!$G$22=$B$10,7,0)+IF('Standard Profiles'!$G$22=$B$17,14,0)+IF('Standard Profiles'!$G$22=$B$24,21,0),0)),0)</f>
        <v>0</v>
      </c>
      <c r="I5385">
        <f t="shared" si="601"/>
        <v>6.9909132340603378E-2</v>
      </c>
      <c r="J5385">
        <f t="shared" si="602"/>
        <v>0.23303044113534463</v>
      </c>
      <c r="K5385">
        <f t="shared" si="603"/>
        <v>0.34954566170301693</v>
      </c>
      <c r="L5385">
        <f t="shared" si="604"/>
        <v>5.1894740647243216</v>
      </c>
      <c r="M5385">
        <f t="shared" si="605"/>
        <v>0</v>
      </c>
      <c r="N5385" s="46">
        <f t="shared" si="606"/>
        <v>45514.958333320355</v>
      </c>
    </row>
    <row r="5386" spans="2:14" x14ac:dyDescent="0.3">
      <c r="B5386">
        <f t="shared" si="600"/>
        <v>7</v>
      </c>
      <c r="C5386" s="16">
        <v>5352</v>
      </c>
      <c r="D5386" cm="1">
        <f t="array" ref="D5386">IFERROR(INDEX(Jesper!AH$2:AH$366,ROUNDDOWN($C5386/24,0)+1,1)*INDEX($D$3:$AA$30,INDEX(Jesper!$R$2:$R$366,ROW(INDEX(Jesper!AH$2:AH$366,ROUNDDOWN($C5386/24,0)+1,1))-1)+IF('Standard Profiles'!$G$18=$B$10,7,0)+IF('Standard Profiles'!$G$18=$B$17,14,0)+IF('Standard Profiles'!$G$18=$B$24,21,0),MOD($C5386,24)+1)/SUM(INDEX($D$3:$AA$30,INDEX(Jesper!$R$2:$R$366,ROW(INDEX(Jesper!AH$2:AH$366,ROUNDDOWN($C5386/24,0)+1,1))-1)+IF('Standard Profiles'!$G$18=$B$10,7,0)+IF('Standard Profiles'!$G$18=$B$17,14,0)+IF('Standard Profiles'!$G$18=$B$24,21,0),0)),0)</f>
        <v>5.6666331612836833</v>
      </c>
      <c r="E5386" cm="1">
        <f t="array" ref="E5386">IFERROR(INDEX(Jesper!AI$2:AI$366,ROUNDDOWN($C5386/24,0)+1,1)*INDEX($D$3:$AA$30,INDEX(Jesper!$R$2:$R$366,ROW(INDEX(Jesper!AI$2:AI$366,ROUNDDOWN($C5386/24,0)+1,1))-1)+IF('Standard Profiles'!$G$19=$B$10,7,0)+IF('Standard Profiles'!$G$19=$B$17,14,0)+IF('Standard Profiles'!$G$19=$B$24,21,0),MOD($C5386,24)+1)/SUM(INDEX($D$3:$AA$30,INDEX(Jesper!$R$2:$R$366,ROW(INDEX(Jesper!AI$2:AI$366,ROUNDDOWN($C5386/24,0)+1,1))-1)+IF('Standard Profiles'!$G$19=$B$10,7,0)+IF('Standard Profiles'!$G$19=$B$17,14,0)+IF('Standard Profiles'!$G$19=$B$24,21,0),0)),0)</f>
        <v>0.83336516837212038</v>
      </c>
      <c r="F5386" cm="1">
        <f t="array" ref="F5386">IFERROR(INDEX(Jesper!AJ$2:AJ$366,ROUNDDOWN($C5386/24,0)+1,1)*INDEX($D$3:$AA$30,INDEX(Jesper!$R$2:$R$366,ROW(INDEX(Jesper!AJ$2:AJ$366,ROUNDDOWN($C5386/24,0)+1,1))-1)+IF('Standard Profiles'!$G$20=$B$10,7,0)+IF('Standard Profiles'!$G$20=$B$17,14,0)+IF('Standard Profiles'!$G$20=$B$24,21,0),MOD($C5386,24)+1)/SUM(INDEX($D$3:$AA$30,INDEX(Jesper!$R$2:$R$366,ROW(INDEX(Jesper!AJ$2:AJ$366,ROUNDDOWN($C5386/24,0)+1,1))-1)+IF('Standard Profiles'!$G$20=$B$10,7,0)+IF('Standard Profiles'!$G$20=$B$17,14,0)+IF('Standard Profiles'!$G$20=$B$24,21,0),0)),0)</f>
        <v>0</v>
      </c>
      <c r="G5386" cm="1">
        <f t="array" ref="G5386">IFERROR(INDEX(Jesper!AK$2:AK$366,ROUNDDOWN($C5386/24,0)+1,1)*INDEX($D$3:$AA$30,INDEX(Jesper!$R$2:$R$366,ROW(INDEX(Jesper!AK$2:AK$366,ROUNDDOWN($C5386/24,0)+1,1))-1)+IF('Standard Profiles'!$G$21=$B$10,7,0)+IF('Standard Profiles'!$G$21=$B$17,14,0)+IF('Standard Profiles'!$G$21=$B$24,21,0),MOD($C5386,24)+1)/SUM(INDEX($D$3:$AA$30,INDEX(Jesper!$R$2:$R$366,ROW(INDEX(Jesper!AK$2:AK$366,ROUNDDOWN($C5386/24,0)+1,1))-1)+IF('Standard Profiles'!$G$21=$B$10,7,0)+IF('Standard Profiles'!$G$21=$B$17,14,0)+IF('Standard Profiles'!$G$21=$B$24,21,0),0)),0)</f>
        <v>0</v>
      </c>
      <c r="H5386" cm="1">
        <f t="array" ref="H5386">IFERROR(INDEX(Jesper!AL$2:AL$366,ROUNDDOWN($C5386/24,0)+1,1)*INDEX($D$3:$AA$30,INDEX(Jesper!$R$2:$R$366,ROW(INDEX(Jesper!AL$2:AL$366,ROUNDDOWN($C5386/24,0)+1,1))-1)+IF('Standard Profiles'!$G$22=$B$10,7,0)+IF('Standard Profiles'!$G$22=$B$17,14,0)+IF('Standard Profiles'!$G$22=$B$24,21,0),MOD($C5386,24)+1)/SUM(INDEX($D$3:$AA$30,INDEX(Jesper!$R$2:$R$366,ROW(INDEX(Jesper!AL$2:AL$366,ROUNDDOWN($C5386/24,0)+1,1))-1)+IF('Standard Profiles'!$G$22=$B$10,7,0)+IF('Standard Profiles'!$G$22=$B$17,14,0)+IF('Standard Profiles'!$G$22=$B$24,21,0),0)),0)</f>
        <v>0</v>
      </c>
      <c r="I5386">
        <f t="shared" si="601"/>
        <v>7.5077943096587441E-2</v>
      </c>
      <c r="J5386">
        <f t="shared" si="602"/>
        <v>0.25025981032195815</v>
      </c>
      <c r="K5386">
        <f t="shared" si="603"/>
        <v>0.37538971548293726</v>
      </c>
      <c r="L5386">
        <f t="shared" si="604"/>
        <v>5.7992708607543211</v>
      </c>
      <c r="M5386">
        <f t="shared" si="605"/>
        <v>0</v>
      </c>
      <c r="N5386" s="46">
        <f t="shared" si="606"/>
        <v>45514.99999998702</v>
      </c>
    </row>
    <row r="5387" spans="2:14" x14ac:dyDescent="0.3">
      <c r="B5387">
        <f t="shared" si="600"/>
        <v>7</v>
      </c>
      <c r="C5387" s="16">
        <v>5353</v>
      </c>
      <c r="D5387" cm="1">
        <f t="array" ref="D5387">IFERROR(INDEX(Jesper!AH$2:AH$366,ROUNDDOWN($C5387/24,0)+1,1)*INDEX($D$3:$AA$30,INDEX(Jesper!$R$2:$R$366,ROW(INDEX(Jesper!AH$2:AH$366,ROUNDDOWN($C5387/24,0)+1,1))-1)+IF('Standard Profiles'!$G$18=$B$10,7,0)+IF('Standard Profiles'!$G$18=$B$17,14,0)+IF('Standard Profiles'!$G$18=$B$24,21,0),MOD($C5387,24)+1)/SUM(INDEX($D$3:$AA$30,INDEX(Jesper!$R$2:$R$366,ROW(INDEX(Jesper!AH$2:AH$366,ROUNDDOWN($C5387/24,0)+1,1))-1)+IF('Standard Profiles'!$G$18=$B$10,7,0)+IF('Standard Profiles'!$G$18=$B$17,14,0)+IF('Standard Profiles'!$G$18=$B$24,21,0),0)),0)</f>
        <v>6.5806062518133102</v>
      </c>
      <c r="E5387" cm="1">
        <f t="array" ref="E5387">IFERROR(INDEX(Jesper!AI$2:AI$366,ROUNDDOWN($C5387/24,0)+1,1)*INDEX($D$3:$AA$30,INDEX(Jesper!$R$2:$R$366,ROW(INDEX(Jesper!AI$2:AI$366,ROUNDDOWN($C5387/24,0)+1,1))-1)+IF('Standard Profiles'!$G$19=$B$10,7,0)+IF('Standard Profiles'!$G$19=$B$17,14,0)+IF('Standard Profiles'!$G$19=$B$24,21,0),MOD($C5387,24)+1)/SUM(INDEX($D$3:$AA$30,INDEX(Jesper!$R$2:$R$366,ROW(INDEX(Jesper!AI$2:AI$366,ROUNDDOWN($C5387/24,0)+1,1))-1)+IF('Standard Profiles'!$G$19=$B$10,7,0)+IF('Standard Profiles'!$G$19=$B$17,14,0)+IF('Standard Profiles'!$G$19=$B$24,21,0),0)),0)</f>
        <v>0.96777890520633347</v>
      </c>
      <c r="F5387" cm="1">
        <f t="array" ref="F5387">IFERROR(INDEX(Jesper!AJ$2:AJ$366,ROUNDDOWN($C5387/24,0)+1,1)*INDEX($D$3:$AA$30,INDEX(Jesper!$R$2:$R$366,ROW(INDEX(Jesper!AJ$2:AJ$366,ROUNDDOWN($C5387/24,0)+1,1))-1)+IF('Standard Profiles'!$G$20=$B$10,7,0)+IF('Standard Profiles'!$G$20=$B$17,14,0)+IF('Standard Profiles'!$G$20=$B$24,21,0),MOD($C5387,24)+1)/SUM(INDEX($D$3:$AA$30,INDEX(Jesper!$R$2:$R$366,ROW(INDEX(Jesper!AJ$2:AJ$366,ROUNDDOWN($C5387/24,0)+1,1))-1)+IF('Standard Profiles'!$G$20=$B$10,7,0)+IF('Standard Profiles'!$G$20=$B$17,14,0)+IF('Standard Profiles'!$G$20=$B$24,21,0),0)),0)</f>
        <v>0</v>
      </c>
      <c r="G5387" cm="1">
        <f t="array" ref="G5387">IFERROR(INDEX(Jesper!AK$2:AK$366,ROUNDDOWN($C5387/24,0)+1,1)*INDEX($D$3:$AA$30,INDEX(Jesper!$R$2:$R$366,ROW(INDEX(Jesper!AK$2:AK$366,ROUNDDOWN($C5387/24,0)+1,1))-1)+IF('Standard Profiles'!$G$21=$B$10,7,0)+IF('Standard Profiles'!$G$21=$B$17,14,0)+IF('Standard Profiles'!$G$21=$B$24,21,0),MOD($C5387,24)+1)/SUM(INDEX($D$3:$AA$30,INDEX(Jesper!$R$2:$R$366,ROW(INDEX(Jesper!AK$2:AK$366,ROUNDDOWN($C5387/24,0)+1,1))-1)+IF('Standard Profiles'!$G$21=$B$10,7,0)+IF('Standard Profiles'!$G$21=$B$17,14,0)+IF('Standard Profiles'!$G$21=$B$24,21,0),0)),0)</f>
        <v>0</v>
      </c>
      <c r="H5387" cm="1">
        <f t="array" ref="H5387">IFERROR(INDEX(Jesper!AL$2:AL$366,ROUNDDOWN($C5387/24,0)+1,1)*INDEX($D$3:$AA$30,INDEX(Jesper!$R$2:$R$366,ROW(INDEX(Jesper!AL$2:AL$366,ROUNDDOWN($C5387/24,0)+1,1))-1)+IF('Standard Profiles'!$G$22=$B$10,7,0)+IF('Standard Profiles'!$G$22=$B$17,14,0)+IF('Standard Profiles'!$G$22=$B$24,21,0),MOD($C5387,24)+1)/SUM(INDEX($D$3:$AA$30,INDEX(Jesper!$R$2:$R$366,ROW(INDEX(Jesper!AL$2:AL$366,ROUNDDOWN($C5387/24,0)+1,1))-1)+IF('Standard Profiles'!$G$22=$B$10,7,0)+IF('Standard Profiles'!$G$22=$B$17,14,0)+IF('Standard Profiles'!$G$22=$B$24,21,0),0)),0)</f>
        <v>0</v>
      </c>
      <c r="I5387">
        <f t="shared" si="601"/>
        <v>8.7187288757327369E-2</v>
      </c>
      <c r="J5387">
        <f t="shared" si="602"/>
        <v>0.2906242958577579</v>
      </c>
      <c r="K5387">
        <f t="shared" si="603"/>
        <v>0.43593644378663687</v>
      </c>
      <c r="L5387">
        <f t="shared" si="604"/>
        <v>6.7346371286179219</v>
      </c>
      <c r="M5387">
        <f t="shared" si="605"/>
        <v>0</v>
      </c>
      <c r="N5387" s="46">
        <f t="shared" si="606"/>
        <v>45515.041666653684</v>
      </c>
    </row>
    <row r="5388" spans="2:14" x14ac:dyDescent="0.3">
      <c r="B5388">
        <f t="shared" si="600"/>
        <v>7</v>
      </c>
      <c r="C5388" s="16">
        <v>5354</v>
      </c>
      <c r="D5388" cm="1">
        <f t="array" ref="D5388">IFERROR(INDEX(Jesper!AH$2:AH$366,ROUNDDOWN($C5388/24,0)+1,1)*INDEX($D$3:$AA$30,INDEX(Jesper!$R$2:$R$366,ROW(INDEX(Jesper!AH$2:AH$366,ROUNDDOWN($C5388/24,0)+1,1))-1)+IF('Standard Profiles'!$G$18=$B$10,7,0)+IF('Standard Profiles'!$G$18=$B$17,14,0)+IF('Standard Profiles'!$G$18=$B$24,21,0),MOD($C5388,24)+1)/SUM(INDEX($D$3:$AA$30,INDEX(Jesper!$R$2:$R$366,ROW(INDEX(Jesper!AH$2:AH$366,ROUNDDOWN($C5388/24,0)+1,1))-1)+IF('Standard Profiles'!$G$18=$B$10,7,0)+IF('Standard Profiles'!$G$18=$B$17,14,0)+IF('Standard Profiles'!$G$18=$B$24,21,0),0)),0)</f>
        <v>6.5806062518133102</v>
      </c>
      <c r="E5388" cm="1">
        <f t="array" ref="E5388">IFERROR(INDEX(Jesper!AI$2:AI$366,ROUNDDOWN($C5388/24,0)+1,1)*INDEX($D$3:$AA$30,INDEX(Jesper!$R$2:$R$366,ROW(INDEX(Jesper!AI$2:AI$366,ROUNDDOWN($C5388/24,0)+1,1))-1)+IF('Standard Profiles'!$G$19=$B$10,7,0)+IF('Standard Profiles'!$G$19=$B$17,14,0)+IF('Standard Profiles'!$G$19=$B$24,21,0),MOD($C5388,24)+1)/SUM(INDEX($D$3:$AA$30,INDEX(Jesper!$R$2:$R$366,ROW(INDEX(Jesper!AI$2:AI$366,ROUNDDOWN($C5388/24,0)+1,1))-1)+IF('Standard Profiles'!$G$19=$B$10,7,0)+IF('Standard Profiles'!$G$19=$B$17,14,0)+IF('Standard Profiles'!$G$19=$B$24,21,0),0)),0)</f>
        <v>0.96777890520633347</v>
      </c>
      <c r="F5388" cm="1">
        <f t="array" ref="F5388">IFERROR(INDEX(Jesper!AJ$2:AJ$366,ROUNDDOWN($C5388/24,0)+1,1)*INDEX($D$3:$AA$30,INDEX(Jesper!$R$2:$R$366,ROW(INDEX(Jesper!AJ$2:AJ$366,ROUNDDOWN($C5388/24,0)+1,1))-1)+IF('Standard Profiles'!$G$20=$B$10,7,0)+IF('Standard Profiles'!$G$20=$B$17,14,0)+IF('Standard Profiles'!$G$20=$B$24,21,0),MOD($C5388,24)+1)/SUM(INDEX($D$3:$AA$30,INDEX(Jesper!$R$2:$R$366,ROW(INDEX(Jesper!AJ$2:AJ$366,ROUNDDOWN($C5388/24,0)+1,1))-1)+IF('Standard Profiles'!$G$20=$B$10,7,0)+IF('Standard Profiles'!$G$20=$B$17,14,0)+IF('Standard Profiles'!$G$20=$B$24,21,0),0)),0)</f>
        <v>0</v>
      </c>
      <c r="G5388" cm="1">
        <f t="array" ref="G5388">IFERROR(INDEX(Jesper!AK$2:AK$366,ROUNDDOWN($C5388/24,0)+1,1)*INDEX($D$3:$AA$30,INDEX(Jesper!$R$2:$R$366,ROW(INDEX(Jesper!AK$2:AK$366,ROUNDDOWN($C5388/24,0)+1,1))-1)+IF('Standard Profiles'!$G$21=$B$10,7,0)+IF('Standard Profiles'!$G$21=$B$17,14,0)+IF('Standard Profiles'!$G$21=$B$24,21,0),MOD($C5388,24)+1)/SUM(INDEX($D$3:$AA$30,INDEX(Jesper!$R$2:$R$366,ROW(INDEX(Jesper!AK$2:AK$366,ROUNDDOWN($C5388/24,0)+1,1))-1)+IF('Standard Profiles'!$G$21=$B$10,7,0)+IF('Standard Profiles'!$G$21=$B$17,14,0)+IF('Standard Profiles'!$G$21=$B$24,21,0),0)),0)</f>
        <v>0</v>
      </c>
      <c r="H5388" cm="1">
        <f t="array" ref="H5388">IFERROR(INDEX(Jesper!AL$2:AL$366,ROUNDDOWN($C5388/24,0)+1,1)*INDEX($D$3:$AA$30,INDEX(Jesper!$R$2:$R$366,ROW(INDEX(Jesper!AL$2:AL$366,ROUNDDOWN($C5388/24,0)+1,1))-1)+IF('Standard Profiles'!$G$22=$B$10,7,0)+IF('Standard Profiles'!$G$22=$B$17,14,0)+IF('Standard Profiles'!$G$22=$B$24,21,0),MOD($C5388,24)+1)/SUM(INDEX($D$3:$AA$30,INDEX(Jesper!$R$2:$R$366,ROW(INDEX(Jesper!AL$2:AL$366,ROUNDDOWN($C5388/24,0)+1,1))-1)+IF('Standard Profiles'!$G$22=$B$10,7,0)+IF('Standard Profiles'!$G$22=$B$17,14,0)+IF('Standard Profiles'!$G$22=$B$24,21,0),0)),0)</f>
        <v>0</v>
      </c>
      <c r="I5388">
        <f t="shared" si="601"/>
        <v>8.7187288757327369E-2</v>
      </c>
      <c r="J5388">
        <f t="shared" si="602"/>
        <v>0.2906242958577579</v>
      </c>
      <c r="K5388">
        <f t="shared" si="603"/>
        <v>0.43593644378663687</v>
      </c>
      <c r="L5388">
        <f t="shared" si="604"/>
        <v>6.7346371286179219</v>
      </c>
      <c r="M5388">
        <f t="shared" si="605"/>
        <v>0</v>
      </c>
      <c r="N5388" s="46">
        <f t="shared" si="606"/>
        <v>45515.083333320348</v>
      </c>
    </row>
    <row r="5389" spans="2:14" x14ac:dyDescent="0.3">
      <c r="B5389">
        <f t="shared" si="600"/>
        <v>7</v>
      </c>
      <c r="C5389" s="16">
        <v>5355</v>
      </c>
      <c r="D5389" cm="1">
        <f t="array" ref="D5389">IFERROR(INDEX(Jesper!AH$2:AH$366,ROUNDDOWN($C5389/24,0)+1,1)*INDEX($D$3:$AA$30,INDEX(Jesper!$R$2:$R$366,ROW(INDEX(Jesper!AH$2:AH$366,ROUNDDOWN($C5389/24,0)+1,1))-1)+IF('Standard Profiles'!$G$18=$B$10,7,0)+IF('Standard Profiles'!$G$18=$B$17,14,0)+IF('Standard Profiles'!$G$18=$B$24,21,0),MOD($C5389,24)+1)/SUM(INDEX($D$3:$AA$30,INDEX(Jesper!$R$2:$R$366,ROW(INDEX(Jesper!AH$2:AH$366,ROUNDDOWN($C5389/24,0)+1,1))-1)+IF('Standard Profiles'!$G$18=$B$10,7,0)+IF('Standard Profiles'!$G$18=$B$17,14,0)+IF('Standard Profiles'!$G$18=$B$24,21,0),0)),0)</f>
        <v>6.5806062518133102</v>
      </c>
      <c r="E5389" cm="1">
        <f t="array" ref="E5389">IFERROR(INDEX(Jesper!AI$2:AI$366,ROUNDDOWN($C5389/24,0)+1,1)*INDEX($D$3:$AA$30,INDEX(Jesper!$R$2:$R$366,ROW(INDEX(Jesper!AI$2:AI$366,ROUNDDOWN($C5389/24,0)+1,1))-1)+IF('Standard Profiles'!$G$19=$B$10,7,0)+IF('Standard Profiles'!$G$19=$B$17,14,0)+IF('Standard Profiles'!$G$19=$B$24,21,0),MOD($C5389,24)+1)/SUM(INDEX($D$3:$AA$30,INDEX(Jesper!$R$2:$R$366,ROW(INDEX(Jesper!AI$2:AI$366,ROUNDDOWN($C5389/24,0)+1,1))-1)+IF('Standard Profiles'!$G$19=$B$10,7,0)+IF('Standard Profiles'!$G$19=$B$17,14,0)+IF('Standard Profiles'!$G$19=$B$24,21,0),0)),0)</f>
        <v>0.96777890520633347</v>
      </c>
      <c r="F5389" cm="1">
        <f t="array" ref="F5389">IFERROR(INDEX(Jesper!AJ$2:AJ$366,ROUNDDOWN($C5389/24,0)+1,1)*INDEX($D$3:$AA$30,INDEX(Jesper!$R$2:$R$366,ROW(INDEX(Jesper!AJ$2:AJ$366,ROUNDDOWN($C5389/24,0)+1,1))-1)+IF('Standard Profiles'!$G$20=$B$10,7,0)+IF('Standard Profiles'!$G$20=$B$17,14,0)+IF('Standard Profiles'!$G$20=$B$24,21,0),MOD($C5389,24)+1)/SUM(INDEX($D$3:$AA$30,INDEX(Jesper!$R$2:$R$366,ROW(INDEX(Jesper!AJ$2:AJ$366,ROUNDDOWN($C5389/24,0)+1,1))-1)+IF('Standard Profiles'!$G$20=$B$10,7,0)+IF('Standard Profiles'!$G$20=$B$17,14,0)+IF('Standard Profiles'!$G$20=$B$24,21,0),0)),0)</f>
        <v>0</v>
      </c>
      <c r="G5389" cm="1">
        <f t="array" ref="G5389">IFERROR(INDEX(Jesper!AK$2:AK$366,ROUNDDOWN($C5389/24,0)+1,1)*INDEX($D$3:$AA$30,INDEX(Jesper!$R$2:$R$366,ROW(INDEX(Jesper!AK$2:AK$366,ROUNDDOWN($C5389/24,0)+1,1))-1)+IF('Standard Profiles'!$G$21=$B$10,7,0)+IF('Standard Profiles'!$G$21=$B$17,14,0)+IF('Standard Profiles'!$G$21=$B$24,21,0),MOD($C5389,24)+1)/SUM(INDEX($D$3:$AA$30,INDEX(Jesper!$R$2:$R$366,ROW(INDEX(Jesper!AK$2:AK$366,ROUNDDOWN($C5389/24,0)+1,1))-1)+IF('Standard Profiles'!$G$21=$B$10,7,0)+IF('Standard Profiles'!$G$21=$B$17,14,0)+IF('Standard Profiles'!$G$21=$B$24,21,0),0)),0)</f>
        <v>0</v>
      </c>
      <c r="H5389" cm="1">
        <f t="array" ref="H5389">IFERROR(INDEX(Jesper!AL$2:AL$366,ROUNDDOWN($C5389/24,0)+1,1)*INDEX($D$3:$AA$30,INDEX(Jesper!$R$2:$R$366,ROW(INDEX(Jesper!AL$2:AL$366,ROUNDDOWN($C5389/24,0)+1,1))-1)+IF('Standard Profiles'!$G$22=$B$10,7,0)+IF('Standard Profiles'!$G$22=$B$17,14,0)+IF('Standard Profiles'!$G$22=$B$24,21,0),MOD($C5389,24)+1)/SUM(INDEX($D$3:$AA$30,INDEX(Jesper!$R$2:$R$366,ROW(INDEX(Jesper!AL$2:AL$366,ROUNDDOWN($C5389/24,0)+1,1))-1)+IF('Standard Profiles'!$G$22=$B$10,7,0)+IF('Standard Profiles'!$G$22=$B$17,14,0)+IF('Standard Profiles'!$G$22=$B$24,21,0),0)),0)</f>
        <v>0</v>
      </c>
      <c r="I5389">
        <f t="shared" si="601"/>
        <v>8.7187288757327369E-2</v>
      </c>
      <c r="J5389">
        <f t="shared" si="602"/>
        <v>0.2906242958577579</v>
      </c>
      <c r="K5389">
        <f t="shared" si="603"/>
        <v>0.43593644378663687</v>
      </c>
      <c r="L5389">
        <f t="shared" si="604"/>
        <v>6.7346371286179219</v>
      </c>
      <c r="M5389">
        <f t="shared" si="605"/>
        <v>0</v>
      </c>
      <c r="N5389" s="46">
        <f t="shared" si="606"/>
        <v>45515.124999987012</v>
      </c>
    </row>
    <row r="5390" spans="2:14" x14ac:dyDescent="0.3">
      <c r="B5390">
        <f t="shared" si="600"/>
        <v>7</v>
      </c>
      <c r="C5390" s="16">
        <v>5356</v>
      </c>
      <c r="D5390" cm="1">
        <f t="array" ref="D5390">IFERROR(INDEX(Jesper!AH$2:AH$366,ROUNDDOWN($C5390/24,0)+1,1)*INDEX($D$3:$AA$30,INDEX(Jesper!$R$2:$R$366,ROW(INDEX(Jesper!AH$2:AH$366,ROUNDDOWN($C5390/24,0)+1,1))-1)+IF('Standard Profiles'!$G$18=$B$10,7,0)+IF('Standard Profiles'!$G$18=$B$17,14,0)+IF('Standard Profiles'!$G$18=$B$24,21,0),MOD($C5390,24)+1)/SUM(INDEX($D$3:$AA$30,INDEX(Jesper!$R$2:$R$366,ROW(INDEX(Jesper!AH$2:AH$366,ROUNDDOWN($C5390/24,0)+1,1))-1)+IF('Standard Profiles'!$G$18=$B$10,7,0)+IF('Standard Profiles'!$G$18=$B$17,14,0)+IF('Standard Profiles'!$G$18=$B$24,21,0),0)),0)</f>
        <v>6.5806062518133102</v>
      </c>
      <c r="E5390" cm="1">
        <f t="array" ref="E5390">IFERROR(INDEX(Jesper!AI$2:AI$366,ROUNDDOWN($C5390/24,0)+1,1)*INDEX($D$3:$AA$30,INDEX(Jesper!$R$2:$R$366,ROW(INDEX(Jesper!AI$2:AI$366,ROUNDDOWN($C5390/24,0)+1,1))-1)+IF('Standard Profiles'!$G$19=$B$10,7,0)+IF('Standard Profiles'!$G$19=$B$17,14,0)+IF('Standard Profiles'!$G$19=$B$24,21,0),MOD($C5390,24)+1)/SUM(INDEX($D$3:$AA$30,INDEX(Jesper!$R$2:$R$366,ROW(INDEX(Jesper!AI$2:AI$366,ROUNDDOWN($C5390/24,0)+1,1))-1)+IF('Standard Profiles'!$G$19=$B$10,7,0)+IF('Standard Profiles'!$G$19=$B$17,14,0)+IF('Standard Profiles'!$G$19=$B$24,21,0),0)),0)</f>
        <v>0.96777890520633347</v>
      </c>
      <c r="F5390" cm="1">
        <f t="array" ref="F5390">IFERROR(INDEX(Jesper!AJ$2:AJ$366,ROUNDDOWN($C5390/24,0)+1,1)*INDEX($D$3:$AA$30,INDEX(Jesper!$R$2:$R$366,ROW(INDEX(Jesper!AJ$2:AJ$366,ROUNDDOWN($C5390/24,0)+1,1))-1)+IF('Standard Profiles'!$G$20=$B$10,7,0)+IF('Standard Profiles'!$G$20=$B$17,14,0)+IF('Standard Profiles'!$G$20=$B$24,21,0),MOD($C5390,24)+1)/SUM(INDEX($D$3:$AA$30,INDEX(Jesper!$R$2:$R$366,ROW(INDEX(Jesper!AJ$2:AJ$366,ROUNDDOWN($C5390/24,0)+1,1))-1)+IF('Standard Profiles'!$G$20=$B$10,7,0)+IF('Standard Profiles'!$G$20=$B$17,14,0)+IF('Standard Profiles'!$G$20=$B$24,21,0),0)),0)</f>
        <v>0</v>
      </c>
      <c r="G5390" cm="1">
        <f t="array" ref="G5390">IFERROR(INDEX(Jesper!AK$2:AK$366,ROUNDDOWN($C5390/24,0)+1,1)*INDEX($D$3:$AA$30,INDEX(Jesper!$R$2:$R$366,ROW(INDEX(Jesper!AK$2:AK$366,ROUNDDOWN($C5390/24,0)+1,1))-1)+IF('Standard Profiles'!$G$21=$B$10,7,0)+IF('Standard Profiles'!$G$21=$B$17,14,0)+IF('Standard Profiles'!$G$21=$B$24,21,0),MOD($C5390,24)+1)/SUM(INDEX($D$3:$AA$30,INDEX(Jesper!$R$2:$R$366,ROW(INDEX(Jesper!AK$2:AK$366,ROUNDDOWN($C5390/24,0)+1,1))-1)+IF('Standard Profiles'!$G$21=$B$10,7,0)+IF('Standard Profiles'!$G$21=$B$17,14,0)+IF('Standard Profiles'!$G$21=$B$24,21,0),0)),0)</f>
        <v>0</v>
      </c>
      <c r="H5390" cm="1">
        <f t="array" ref="H5390">IFERROR(INDEX(Jesper!AL$2:AL$366,ROUNDDOWN($C5390/24,0)+1,1)*INDEX($D$3:$AA$30,INDEX(Jesper!$R$2:$R$366,ROW(INDEX(Jesper!AL$2:AL$366,ROUNDDOWN($C5390/24,0)+1,1))-1)+IF('Standard Profiles'!$G$22=$B$10,7,0)+IF('Standard Profiles'!$G$22=$B$17,14,0)+IF('Standard Profiles'!$G$22=$B$24,21,0),MOD($C5390,24)+1)/SUM(INDEX($D$3:$AA$30,INDEX(Jesper!$R$2:$R$366,ROW(INDEX(Jesper!AL$2:AL$366,ROUNDDOWN($C5390/24,0)+1,1))-1)+IF('Standard Profiles'!$G$22=$B$10,7,0)+IF('Standard Profiles'!$G$22=$B$17,14,0)+IF('Standard Profiles'!$G$22=$B$24,21,0),0)),0)</f>
        <v>0</v>
      </c>
      <c r="I5390">
        <f t="shared" si="601"/>
        <v>8.7187288757327369E-2</v>
      </c>
      <c r="J5390">
        <f t="shared" si="602"/>
        <v>0.2906242958577579</v>
      </c>
      <c r="K5390">
        <f t="shared" si="603"/>
        <v>0.43593644378663687</v>
      </c>
      <c r="L5390">
        <f t="shared" si="604"/>
        <v>6.7346371286179219</v>
      </c>
      <c r="M5390">
        <f t="shared" si="605"/>
        <v>0</v>
      </c>
      <c r="N5390" s="46">
        <f t="shared" si="606"/>
        <v>45515.166666653677</v>
      </c>
    </row>
    <row r="5391" spans="2:14" x14ac:dyDescent="0.3">
      <c r="B5391">
        <f t="shared" si="600"/>
        <v>7</v>
      </c>
      <c r="C5391" s="16">
        <v>5357</v>
      </c>
      <c r="D5391" cm="1">
        <f t="array" ref="D5391">IFERROR(INDEX(Jesper!AH$2:AH$366,ROUNDDOWN($C5391/24,0)+1,1)*INDEX($D$3:$AA$30,INDEX(Jesper!$R$2:$R$366,ROW(INDEX(Jesper!AH$2:AH$366,ROUNDDOWN($C5391/24,0)+1,1))-1)+IF('Standard Profiles'!$G$18=$B$10,7,0)+IF('Standard Profiles'!$G$18=$B$17,14,0)+IF('Standard Profiles'!$G$18=$B$24,21,0),MOD($C5391,24)+1)/SUM(INDEX($D$3:$AA$30,INDEX(Jesper!$R$2:$R$366,ROW(INDEX(Jesper!AH$2:AH$366,ROUNDDOWN($C5391/24,0)+1,1))-1)+IF('Standard Profiles'!$G$18=$B$10,7,0)+IF('Standard Profiles'!$G$18=$B$17,14,0)+IF('Standard Profiles'!$G$18=$B$24,21,0),0)),0)</f>
        <v>8.2257578147666379</v>
      </c>
      <c r="E5391" cm="1">
        <f t="array" ref="E5391">IFERROR(INDEX(Jesper!AI$2:AI$366,ROUNDDOWN($C5391/24,0)+1,1)*INDEX($D$3:$AA$30,INDEX(Jesper!$R$2:$R$366,ROW(INDEX(Jesper!AI$2:AI$366,ROUNDDOWN($C5391/24,0)+1,1))-1)+IF('Standard Profiles'!$G$19=$B$10,7,0)+IF('Standard Profiles'!$G$19=$B$17,14,0)+IF('Standard Profiles'!$G$19=$B$24,21,0),MOD($C5391,24)+1)/SUM(INDEX($D$3:$AA$30,INDEX(Jesper!$R$2:$R$366,ROW(INDEX(Jesper!AI$2:AI$366,ROUNDDOWN($C5391/24,0)+1,1))-1)+IF('Standard Profiles'!$G$19=$B$10,7,0)+IF('Standard Profiles'!$G$19=$B$17,14,0)+IF('Standard Profiles'!$G$19=$B$24,21,0),0)),0)</f>
        <v>1.2097236315079167</v>
      </c>
      <c r="F5391" cm="1">
        <f t="array" ref="F5391">IFERROR(INDEX(Jesper!AJ$2:AJ$366,ROUNDDOWN($C5391/24,0)+1,1)*INDEX($D$3:$AA$30,INDEX(Jesper!$R$2:$R$366,ROW(INDEX(Jesper!AJ$2:AJ$366,ROUNDDOWN($C5391/24,0)+1,1))-1)+IF('Standard Profiles'!$G$20=$B$10,7,0)+IF('Standard Profiles'!$G$20=$B$17,14,0)+IF('Standard Profiles'!$G$20=$B$24,21,0),MOD($C5391,24)+1)/SUM(INDEX($D$3:$AA$30,INDEX(Jesper!$R$2:$R$366,ROW(INDEX(Jesper!AJ$2:AJ$366,ROUNDDOWN($C5391/24,0)+1,1))-1)+IF('Standard Profiles'!$G$20=$B$10,7,0)+IF('Standard Profiles'!$G$20=$B$17,14,0)+IF('Standard Profiles'!$G$20=$B$24,21,0),0)),0)</f>
        <v>0</v>
      </c>
      <c r="G5391" cm="1">
        <f t="array" ref="G5391">IFERROR(INDEX(Jesper!AK$2:AK$366,ROUNDDOWN($C5391/24,0)+1,1)*INDEX($D$3:$AA$30,INDEX(Jesper!$R$2:$R$366,ROW(INDEX(Jesper!AK$2:AK$366,ROUNDDOWN($C5391/24,0)+1,1))-1)+IF('Standard Profiles'!$G$21=$B$10,7,0)+IF('Standard Profiles'!$G$21=$B$17,14,0)+IF('Standard Profiles'!$G$21=$B$24,21,0),MOD($C5391,24)+1)/SUM(INDEX($D$3:$AA$30,INDEX(Jesper!$R$2:$R$366,ROW(INDEX(Jesper!AK$2:AK$366,ROUNDDOWN($C5391/24,0)+1,1))-1)+IF('Standard Profiles'!$G$21=$B$10,7,0)+IF('Standard Profiles'!$G$21=$B$17,14,0)+IF('Standard Profiles'!$G$21=$B$24,21,0),0)),0)</f>
        <v>0</v>
      </c>
      <c r="H5391" cm="1">
        <f t="array" ref="H5391">IFERROR(INDEX(Jesper!AL$2:AL$366,ROUNDDOWN($C5391/24,0)+1,1)*INDEX($D$3:$AA$30,INDEX(Jesper!$R$2:$R$366,ROW(INDEX(Jesper!AL$2:AL$366,ROUNDDOWN($C5391/24,0)+1,1))-1)+IF('Standard Profiles'!$G$22=$B$10,7,0)+IF('Standard Profiles'!$G$22=$B$17,14,0)+IF('Standard Profiles'!$G$22=$B$24,21,0),MOD($C5391,24)+1)/SUM(INDEX($D$3:$AA$30,INDEX(Jesper!$R$2:$R$366,ROW(INDEX(Jesper!AL$2:AL$366,ROUNDDOWN($C5391/24,0)+1,1))-1)+IF('Standard Profiles'!$G$22=$B$10,7,0)+IF('Standard Profiles'!$G$22=$B$17,14,0)+IF('Standard Profiles'!$G$22=$B$24,21,0),0)),0)</f>
        <v>0</v>
      </c>
      <c r="I5391">
        <f t="shared" si="601"/>
        <v>0.10898411094665919</v>
      </c>
      <c r="J5391">
        <f t="shared" si="602"/>
        <v>0.36328036982219736</v>
      </c>
      <c r="K5391">
        <f t="shared" si="603"/>
        <v>0.54492055473329604</v>
      </c>
      <c r="L5391">
        <f t="shared" si="604"/>
        <v>8.4182964107724025</v>
      </c>
      <c r="M5391">
        <f t="shared" si="605"/>
        <v>0</v>
      </c>
      <c r="N5391" s="46">
        <f t="shared" si="606"/>
        <v>45515.208333320341</v>
      </c>
    </row>
    <row r="5392" spans="2:14" x14ac:dyDescent="0.3">
      <c r="B5392">
        <f t="shared" si="600"/>
        <v>7</v>
      </c>
      <c r="C5392" s="16">
        <v>5358</v>
      </c>
      <c r="D5392" cm="1">
        <f t="array" ref="D5392">IFERROR(INDEX(Jesper!AH$2:AH$366,ROUNDDOWN($C5392/24,0)+1,1)*INDEX($D$3:$AA$30,INDEX(Jesper!$R$2:$R$366,ROW(INDEX(Jesper!AH$2:AH$366,ROUNDDOWN($C5392/24,0)+1,1))-1)+IF('Standard Profiles'!$G$18=$B$10,7,0)+IF('Standard Profiles'!$G$18=$B$17,14,0)+IF('Standard Profiles'!$G$18=$B$24,21,0),MOD($C5392,24)+1)/SUM(INDEX($D$3:$AA$30,INDEX(Jesper!$R$2:$R$366,ROW(INDEX(Jesper!AH$2:AH$366,ROUNDDOWN($C5392/24,0)+1,1))-1)+IF('Standard Profiles'!$G$18=$B$10,7,0)+IF('Standard Profiles'!$G$18=$B$17,14,0)+IF('Standard Profiles'!$G$18=$B$24,21,0),0)),0)</f>
        <v>9.6881147596140398</v>
      </c>
      <c r="E5392" cm="1">
        <f t="array" ref="E5392">IFERROR(INDEX(Jesper!AI$2:AI$366,ROUNDDOWN($C5392/24,0)+1,1)*INDEX($D$3:$AA$30,INDEX(Jesper!$R$2:$R$366,ROW(INDEX(Jesper!AI$2:AI$366,ROUNDDOWN($C5392/24,0)+1,1))-1)+IF('Standard Profiles'!$G$19=$B$10,7,0)+IF('Standard Profiles'!$G$19=$B$17,14,0)+IF('Standard Profiles'!$G$19=$B$24,21,0),MOD($C5392,24)+1)/SUM(INDEX($D$3:$AA$30,INDEX(Jesper!$R$2:$R$366,ROW(INDEX(Jesper!AI$2:AI$366,ROUNDDOWN($C5392/24,0)+1,1))-1)+IF('Standard Profiles'!$G$19=$B$10,7,0)+IF('Standard Profiles'!$G$19=$B$17,14,0)+IF('Standard Profiles'!$G$19=$B$24,21,0),0)),0)</f>
        <v>1.4247856104426577</v>
      </c>
      <c r="F5392" cm="1">
        <f t="array" ref="F5392">IFERROR(INDEX(Jesper!AJ$2:AJ$366,ROUNDDOWN($C5392/24,0)+1,1)*INDEX($D$3:$AA$30,INDEX(Jesper!$R$2:$R$366,ROW(INDEX(Jesper!AJ$2:AJ$366,ROUNDDOWN($C5392/24,0)+1,1))-1)+IF('Standard Profiles'!$G$20=$B$10,7,0)+IF('Standard Profiles'!$G$20=$B$17,14,0)+IF('Standard Profiles'!$G$20=$B$24,21,0),MOD($C5392,24)+1)/SUM(INDEX($D$3:$AA$30,INDEX(Jesper!$R$2:$R$366,ROW(INDEX(Jesper!AJ$2:AJ$366,ROUNDDOWN($C5392/24,0)+1,1))-1)+IF('Standard Profiles'!$G$20=$B$10,7,0)+IF('Standard Profiles'!$G$20=$B$17,14,0)+IF('Standard Profiles'!$G$20=$B$24,21,0),0)),0)</f>
        <v>0</v>
      </c>
      <c r="G5392" cm="1">
        <f t="array" ref="G5392">IFERROR(INDEX(Jesper!AK$2:AK$366,ROUNDDOWN($C5392/24,0)+1,1)*INDEX($D$3:$AA$30,INDEX(Jesper!$R$2:$R$366,ROW(INDEX(Jesper!AK$2:AK$366,ROUNDDOWN($C5392/24,0)+1,1))-1)+IF('Standard Profiles'!$G$21=$B$10,7,0)+IF('Standard Profiles'!$G$21=$B$17,14,0)+IF('Standard Profiles'!$G$21=$B$24,21,0),MOD($C5392,24)+1)/SUM(INDEX($D$3:$AA$30,INDEX(Jesper!$R$2:$R$366,ROW(INDEX(Jesper!AK$2:AK$366,ROUNDDOWN($C5392/24,0)+1,1))-1)+IF('Standard Profiles'!$G$21=$B$10,7,0)+IF('Standard Profiles'!$G$21=$B$17,14,0)+IF('Standard Profiles'!$G$21=$B$24,21,0),0)),0)</f>
        <v>0</v>
      </c>
      <c r="H5392" cm="1">
        <f t="array" ref="H5392">IFERROR(INDEX(Jesper!AL$2:AL$366,ROUNDDOWN($C5392/24,0)+1,1)*INDEX($D$3:$AA$30,INDEX(Jesper!$R$2:$R$366,ROW(INDEX(Jesper!AL$2:AL$366,ROUNDDOWN($C5392/24,0)+1,1))-1)+IF('Standard Profiles'!$G$22=$B$10,7,0)+IF('Standard Profiles'!$G$22=$B$17,14,0)+IF('Standard Profiles'!$G$22=$B$24,21,0),MOD($C5392,24)+1)/SUM(INDEX($D$3:$AA$30,INDEX(Jesper!$R$2:$R$366,ROW(INDEX(Jesper!AL$2:AL$366,ROUNDDOWN($C5392/24,0)+1,1))-1)+IF('Standard Profiles'!$G$22=$B$10,7,0)+IF('Standard Profiles'!$G$22=$B$17,14,0)+IF('Standard Profiles'!$G$22=$B$24,21,0),0)),0)</f>
        <v>0</v>
      </c>
      <c r="I5392">
        <f t="shared" si="601"/>
        <v>0.12835906400384306</v>
      </c>
      <c r="J5392">
        <f t="shared" si="602"/>
        <v>0.42786354667947696</v>
      </c>
      <c r="K5392">
        <f t="shared" si="603"/>
        <v>0.64179532001921547</v>
      </c>
      <c r="L5392">
        <f t="shared" si="604"/>
        <v>9.9148824393541624</v>
      </c>
      <c r="M5392">
        <f t="shared" si="605"/>
        <v>0</v>
      </c>
      <c r="N5392" s="46">
        <f t="shared" si="606"/>
        <v>45515.249999987005</v>
      </c>
    </row>
    <row r="5393" spans="2:14" x14ac:dyDescent="0.3">
      <c r="B5393">
        <f t="shared" si="600"/>
        <v>7</v>
      </c>
      <c r="C5393" s="16">
        <v>5359</v>
      </c>
      <c r="D5393" cm="1">
        <f t="array" ref="D5393">IFERROR(INDEX(Jesper!AH$2:AH$366,ROUNDDOWN($C5393/24,0)+1,1)*INDEX($D$3:$AA$30,INDEX(Jesper!$R$2:$R$366,ROW(INDEX(Jesper!AH$2:AH$366,ROUNDDOWN($C5393/24,0)+1,1))-1)+IF('Standard Profiles'!$G$18=$B$10,7,0)+IF('Standard Profiles'!$G$18=$B$17,14,0)+IF('Standard Profiles'!$G$18=$B$24,21,0),MOD($C5393,24)+1)/SUM(INDEX($D$3:$AA$30,INDEX(Jesper!$R$2:$R$366,ROW(INDEX(Jesper!AH$2:AH$366,ROUNDDOWN($C5393/24,0)+1,1))-1)+IF('Standard Profiles'!$G$18=$B$10,7,0)+IF('Standard Profiles'!$G$18=$B$17,14,0)+IF('Standard Profiles'!$G$18=$B$24,21,0),0)),0)</f>
        <v>11.516060940673293</v>
      </c>
      <c r="E5393" cm="1">
        <f t="array" ref="E5393">IFERROR(INDEX(Jesper!AI$2:AI$366,ROUNDDOWN($C5393/24,0)+1,1)*INDEX($D$3:$AA$30,INDEX(Jesper!$R$2:$R$366,ROW(INDEX(Jesper!AI$2:AI$366,ROUNDDOWN($C5393/24,0)+1,1))-1)+IF('Standard Profiles'!$G$19=$B$10,7,0)+IF('Standard Profiles'!$G$19=$B$17,14,0)+IF('Standard Profiles'!$G$19=$B$24,21,0),MOD($C5393,24)+1)/SUM(INDEX($D$3:$AA$30,INDEX(Jesper!$R$2:$R$366,ROW(INDEX(Jesper!AI$2:AI$366,ROUNDDOWN($C5393/24,0)+1,1))-1)+IF('Standard Profiles'!$G$19=$B$10,7,0)+IF('Standard Profiles'!$G$19=$B$17,14,0)+IF('Standard Profiles'!$G$19=$B$24,21,0),0)),0)</f>
        <v>1.6936130841110835</v>
      </c>
      <c r="F5393" cm="1">
        <f t="array" ref="F5393">IFERROR(INDEX(Jesper!AJ$2:AJ$366,ROUNDDOWN($C5393/24,0)+1,1)*INDEX($D$3:$AA$30,INDEX(Jesper!$R$2:$R$366,ROW(INDEX(Jesper!AJ$2:AJ$366,ROUNDDOWN($C5393/24,0)+1,1))-1)+IF('Standard Profiles'!$G$20=$B$10,7,0)+IF('Standard Profiles'!$G$20=$B$17,14,0)+IF('Standard Profiles'!$G$20=$B$24,21,0),MOD($C5393,24)+1)/SUM(INDEX($D$3:$AA$30,INDEX(Jesper!$R$2:$R$366,ROW(INDEX(Jesper!AJ$2:AJ$366,ROUNDDOWN($C5393/24,0)+1,1))-1)+IF('Standard Profiles'!$G$20=$B$10,7,0)+IF('Standard Profiles'!$G$20=$B$17,14,0)+IF('Standard Profiles'!$G$20=$B$24,21,0),0)),0)</f>
        <v>0</v>
      </c>
      <c r="G5393" cm="1">
        <f t="array" ref="G5393">IFERROR(INDEX(Jesper!AK$2:AK$366,ROUNDDOWN($C5393/24,0)+1,1)*INDEX($D$3:$AA$30,INDEX(Jesper!$R$2:$R$366,ROW(INDEX(Jesper!AK$2:AK$366,ROUNDDOWN($C5393/24,0)+1,1))-1)+IF('Standard Profiles'!$G$21=$B$10,7,0)+IF('Standard Profiles'!$G$21=$B$17,14,0)+IF('Standard Profiles'!$G$21=$B$24,21,0),MOD($C5393,24)+1)/SUM(INDEX($D$3:$AA$30,INDEX(Jesper!$R$2:$R$366,ROW(INDEX(Jesper!AK$2:AK$366,ROUNDDOWN($C5393/24,0)+1,1))-1)+IF('Standard Profiles'!$G$21=$B$10,7,0)+IF('Standard Profiles'!$G$21=$B$17,14,0)+IF('Standard Profiles'!$G$21=$B$24,21,0),0)),0)</f>
        <v>0</v>
      </c>
      <c r="H5393" cm="1">
        <f t="array" ref="H5393">IFERROR(INDEX(Jesper!AL$2:AL$366,ROUNDDOWN($C5393/24,0)+1,1)*INDEX($D$3:$AA$30,INDEX(Jesper!$R$2:$R$366,ROW(INDEX(Jesper!AL$2:AL$366,ROUNDDOWN($C5393/24,0)+1,1))-1)+IF('Standard Profiles'!$G$22=$B$10,7,0)+IF('Standard Profiles'!$G$22=$B$17,14,0)+IF('Standard Profiles'!$G$22=$B$24,21,0),MOD($C5393,24)+1)/SUM(INDEX($D$3:$AA$30,INDEX(Jesper!$R$2:$R$366,ROW(INDEX(Jesper!AL$2:AL$366,ROUNDDOWN($C5393/24,0)+1,1))-1)+IF('Standard Profiles'!$G$22=$B$10,7,0)+IF('Standard Profiles'!$G$22=$B$17,14,0)+IF('Standard Profiles'!$G$22=$B$24,21,0),0)),0)</f>
        <v>0</v>
      </c>
      <c r="I5393">
        <f t="shared" si="601"/>
        <v>0.15257775532532286</v>
      </c>
      <c r="J5393">
        <f t="shared" si="602"/>
        <v>0.50859251775107628</v>
      </c>
      <c r="K5393">
        <f t="shared" si="603"/>
        <v>0.76288877662661447</v>
      </c>
      <c r="L5393">
        <f t="shared" si="604"/>
        <v>11.785614975081364</v>
      </c>
      <c r="M5393">
        <f t="shared" si="605"/>
        <v>0</v>
      </c>
      <c r="N5393" s="46">
        <f t="shared" si="606"/>
        <v>45515.291666653669</v>
      </c>
    </row>
    <row r="5394" spans="2:14" x14ac:dyDescent="0.3">
      <c r="B5394">
        <f t="shared" si="600"/>
        <v>7</v>
      </c>
      <c r="C5394" s="16">
        <v>5360</v>
      </c>
      <c r="D5394" cm="1">
        <f t="array" ref="D5394">IFERROR(INDEX(Jesper!AH$2:AH$366,ROUNDDOWN($C5394/24,0)+1,1)*INDEX($D$3:$AA$30,INDEX(Jesper!$R$2:$R$366,ROW(INDEX(Jesper!AH$2:AH$366,ROUNDDOWN($C5394/24,0)+1,1))-1)+IF('Standard Profiles'!$G$18=$B$10,7,0)+IF('Standard Profiles'!$G$18=$B$17,14,0)+IF('Standard Profiles'!$G$18=$B$24,21,0),MOD($C5394,24)+1)/SUM(INDEX($D$3:$AA$30,INDEX(Jesper!$R$2:$R$366,ROW(INDEX(Jesper!AH$2:AH$366,ROUNDDOWN($C5394/24,0)+1,1))-1)+IF('Standard Profiles'!$G$18=$B$10,7,0)+IF('Standard Profiles'!$G$18=$B$17,14,0)+IF('Standard Profiles'!$G$18=$B$24,21,0),0)),0)</f>
        <v>11.516060940673293</v>
      </c>
      <c r="E5394" cm="1">
        <f t="array" ref="E5394">IFERROR(INDEX(Jesper!AI$2:AI$366,ROUNDDOWN($C5394/24,0)+1,1)*INDEX($D$3:$AA$30,INDEX(Jesper!$R$2:$R$366,ROW(INDEX(Jesper!AI$2:AI$366,ROUNDDOWN($C5394/24,0)+1,1))-1)+IF('Standard Profiles'!$G$19=$B$10,7,0)+IF('Standard Profiles'!$G$19=$B$17,14,0)+IF('Standard Profiles'!$G$19=$B$24,21,0),MOD($C5394,24)+1)/SUM(INDEX($D$3:$AA$30,INDEX(Jesper!$R$2:$R$366,ROW(INDEX(Jesper!AI$2:AI$366,ROUNDDOWN($C5394/24,0)+1,1))-1)+IF('Standard Profiles'!$G$19=$B$10,7,0)+IF('Standard Profiles'!$G$19=$B$17,14,0)+IF('Standard Profiles'!$G$19=$B$24,21,0),0)),0)</f>
        <v>1.6936130841110835</v>
      </c>
      <c r="F5394" cm="1">
        <f t="array" ref="F5394">IFERROR(INDEX(Jesper!AJ$2:AJ$366,ROUNDDOWN($C5394/24,0)+1,1)*INDEX($D$3:$AA$30,INDEX(Jesper!$R$2:$R$366,ROW(INDEX(Jesper!AJ$2:AJ$366,ROUNDDOWN($C5394/24,0)+1,1))-1)+IF('Standard Profiles'!$G$20=$B$10,7,0)+IF('Standard Profiles'!$G$20=$B$17,14,0)+IF('Standard Profiles'!$G$20=$B$24,21,0),MOD($C5394,24)+1)/SUM(INDEX($D$3:$AA$30,INDEX(Jesper!$R$2:$R$366,ROW(INDEX(Jesper!AJ$2:AJ$366,ROUNDDOWN($C5394/24,0)+1,1))-1)+IF('Standard Profiles'!$G$20=$B$10,7,0)+IF('Standard Profiles'!$G$20=$B$17,14,0)+IF('Standard Profiles'!$G$20=$B$24,21,0),0)),0)</f>
        <v>0</v>
      </c>
      <c r="G5394" cm="1">
        <f t="array" ref="G5394">IFERROR(INDEX(Jesper!AK$2:AK$366,ROUNDDOWN($C5394/24,0)+1,1)*INDEX($D$3:$AA$30,INDEX(Jesper!$R$2:$R$366,ROW(INDEX(Jesper!AK$2:AK$366,ROUNDDOWN($C5394/24,0)+1,1))-1)+IF('Standard Profiles'!$G$21=$B$10,7,0)+IF('Standard Profiles'!$G$21=$B$17,14,0)+IF('Standard Profiles'!$G$21=$B$24,21,0),MOD($C5394,24)+1)/SUM(INDEX($D$3:$AA$30,INDEX(Jesper!$R$2:$R$366,ROW(INDEX(Jesper!AK$2:AK$366,ROUNDDOWN($C5394/24,0)+1,1))-1)+IF('Standard Profiles'!$G$21=$B$10,7,0)+IF('Standard Profiles'!$G$21=$B$17,14,0)+IF('Standard Profiles'!$G$21=$B$24,21,0),0)),0)</f>
        <v>0</v>
      </c>
      <c r="H5394" cm="1">
        <f t="array" ref="H5394">IFERROR(INDEX(Jesper!AL$2:AL$366,ROUNDDOWN($C5394/24,0)+1,1)*INDEX($D$3:$AA$30,INDEX(Jesper!$R$2:$R$366,ROW(INDEX(Jesper!AL$2:AL$366,ROUNDDOWN($C5394/24,0)+1,1))-1)+IF('Standard Profiles'!$G$22=$B$10,7,0)+IF('Standard Profiles'!$G$22=$B$17,14,0)+IF('Standard Profiles'!$G$22=$B$24,21,0),MOD($C5394,24)+1)/SUM(INDEX($D$3:$AA$30,INDEX(Jesper!$R$2:$R$366,ROW(INDEX(Jesper!AL$2:AL$366,ROUNDDOWN($C5394/24,0)+1,1))-1)+IF('Standard Profiles'!$G$22=$B$10,7,0)+IF('Standard Profiles'!$G$22=$B$17,14,0)+IF('Standard Profiles'!$G$22=$B$24,21,0),0)),0)</f>
        <v>0</v>
      </c>
      <c r="I5394">
        <f t="shared" si="601"/>
        <v>0.15257775532532286</v>
      </c>
      <c r="J5394">
        <f t="shared" si="602"/>
        <v>0.50859251775107628</v>
      </c>
      <c r="K5394">
        <f t="shared" si="603"/>
        <v>0.76288877662661447</v>
      </c>
      <c r="L5394">
        <f t="shared" si="604"/>
        <v>11.785614975081364</v>
      </c>
      <c r="M5394">
        <f t="shared" si="605"/>
        <v>0</v>
      </c>
      <c r="N5394" s="46">
        <f t="shared" si="606"/>
        <v>45515.333333320334</v>
      </c>
    </row>
    <row r="5395" spans="2:14" x14ac:dyDescent="0.3">
      <c r="B5395">
        <f t="shared" si="600"/>
        <v>7</v>
      </c>
      <c r="C5395" s="16">
        <v>5361</v>
      </c>
      <c r="D5395" cm="1">
        <f t="array" ref="D5395">IFERROR(INDEX(Jesper!AH$2:AH$366,ROUNDDOWN($C5395/24,0)+1,1)*INDEX($D$3:$AA$30,INDEX(Jesper!$R$2:$R$366,ROW(INDEX(Jesper!AH$2:AH$366,ROUNDDOWN($C5395/24,0)+1,1))-1)+IF('Standard Profiles'!$G$18=$B$10,7,0)+IF('Standard Profiles'!$G$18=$B$17,14,0)+IF('Standard Profiles'!$G$18=$B$24,21,0),MOD($C5395,24)+1)/SUM(INDEX($D$3:$AA$30,INDEX(Jesper!$R$2:$R$366,ROW(INDEX(Jesper!AH$2:AH$366,ROUNDDOWN($C5395/24,0)+1,1))-1)+IF('Standard Profiles'!$G$18=$B$10,7,0)+IF('Standard Profiles'!$G$18=$B$17,14,0)+IF('Standard Profiles'!$G$18=$B$24,21,0),0)),0)</f>
        <v>11.516060940673293</v>
      </c>
      <c r="E5395" cm="1">
        <f t="array" ref="E5395">IFERROR(INDEX(Jesper!AI$2:AI$366,ROUNDDOWN($C5395/24,0)+1,1)*INDEX($D$3:$AA$30,INDEX(Jesper!$R$2:$R$366,ROW(INDEX(Jesper!AI$2:AI$366,ROUNDDOWN($C5395/24,0)+1,1))-1)+IF('Standard Profiles'!$G$19=$B$10,7,0)+IF('Standard Profiles'!$G$19=$B$17,14,0)+IF('Standard Profiles'!$G$19=$B$24,21,0),MOD($C5395,24)+1)/SUM(INDEX($D$3:$AA$30,INDEX(Jesper!$R$2:$R$366,ROW(INDEX(Jesper!AI$2:AI$366,ROUNDDOWN($C5395/24,0)+1,1))-1)+IF('Standard Profiles'!$G$19=$B$10,7,0)+IF('Standard Profiles'!$G$19=$B$17,14,0)+IF('Standard Profiles'!$G$19=$B$24,21,0),0)),0)</f>
        <v>1.6936130841110835</v>
      </c>
      <c r="F5395" cm="1">
        <f t="array" ref="F5395">IFERROR(INDEX(Jesper!AJ$2:AJ$366,ROUNDDOWN($C5395/24,0)+1,1)*INDEX($D$3:$AA$30,INDEX(Jesper!$R$2:$R$366,ROW(INDEX(Jesper!AJ$2:AJ$366,ROUNDDOWN($C5395/24,0)+1,1))-1)+IF('Standard Profiles'!$G$20=$B$10,7,0)+IF('Standard Profiles'!$G$20=$B$17,14,0)+IF('Standard Profiles'!$G$20=$B$24,21,0),MOD($C5395,24)+1)/SUM(INDEX($D$3:$AA$30,INDEX(Jesper!$R$2:$R$366,ROW(INDEX(Jesper!AJ$2:AJ$366,ROUNDDOWN($C5395/24,0)+1,1))-1)+IF('Standard Profiles'!$G$20=$B$10,7,0)+IF('Standard Profiles'!$G$20=$B$17,14,0)+IF('Standard Profiles'!$G$20=$B$24,21,0),0)),0)</f>
        <v>0</v>
      </c>
      <c r="G5395" cm="1">
        <f t="array" ref="G5395">IFERROR(INDEX(Jesper!AK$2:AK$366,ROUNDDOWN($C5395/24,0)+1,1)*INDEX($D$3:$AA$30,INDEX(Jesper!$R$2:$R$366,ROW(INDEX(Jesper!AK$2:AK$366,ROUNDDOWN($C5395/24,0)+1,1))-1)+IF('Standard Profiles'!$G$21=$B$10,7,0)+IF('Standard Profiles'!$G$21=$B$17,14,0)+IF('Standard Profiles'!$G$21=$B$24,21,0),MOD($C5395,24)+1)/SUM(INDEX($D$3:$AA$30,INDEX(Jesper!$R$2:$R$366,ROW(INDEX(Jesper!AK$2:AK$366,ROUNDDOWN($C5395/24,0)+1,1))-1)+IF('Standard Profiles'!$G$21=$B$10,7,0)+IF('Standard Profiles'!$G$21=$B$17,14,0)+IF('Standard Profiles'!$G$21=$B$24,21,0),0)),0)</f>
        <v>0</v>
      </c>
      <c r="H5395" cm="1">
        <f t="array" ref="H5395">IFERROR(INDEX(Jesper!AL$2:AL$366,ROUNDDOWN($C5395/24,0)+1,1)*INDEX($D$3:$AA$30,INDEX(Jesper!$R$2:$R$366,ROW(INDEX(Jesper!AL$2:AL$366,ROUNDDOWN($C5395/24,0)+1,1))-1)+IF('Standard Profiles'!$G$22=$B$10,7,0)+IF('Standard Profiles'!$G$22=$B$17,14,0)+IF('Standard Profiles'!$G$22=$B$24,21,0),MOD($C5395,24)+1)/SUM(INDEX($D$3:$AA$30,INDEX(Jesper!$R$2:$R$366,ROW(INDEX(Jesper!AL$2:AL$366,ROUNDDOWN($C5395/24,0)+1,1))-1)+IF('Standard Profiles'!$G$22=$B$10,7,0)+IF('Standard Profiles'!$G$22=$B$17,14,0)+IF('Standard Profiles'!$G$22=$B$24,21,0),0)),0)</f>
        <v>0</v>
      </c>
      <c r="I5395">
        <f t="shared" si="601"/>
        <v>0.15257775532532286</v>
      </c>
      <c r="J5395">
        <f t="shared" si="602"/>
        <v>0.50859251775107628</v>
      </c>
      <c r="K5395">
        <f t="shared" si="603"/>
        <v>0.76288877662661447</v>
      </c>
      <c r="L5395">
        <f t="shared" si="604"/>
        <v>11.785614975081364</v>
      </c>
      <c r="M5395">
        <f t="shared" si="605"/>
        <v>0</v>
      </c>
      <c r="N5395" s="46">
        <f t="shared" si="606"/>
        <v>45515.374999986998</v>
      </c>
    </row>
    <row r="5396" spans="2:14" x14ac:dyDescent="0.3">
      <c r="B5396">
        <f t="shared" si="600"/>
        <v>7</v>
      </c>
      <c r="C5396" s="16">
        <v>5362</v>
      </c>
      <c r="D5396" cm="1">
        <f t="array" ref="D5396">IFERROR(INDEX(Jesper!AH$2:AH$366,ROUNDDOWN($C5396/24,0)+1,1)*INDEX($D$3:$AA$30,INDEX(Jesper!$R$2:$R$366,ROW(INDEX(Jesper!AH$2:AH$366,ROUNDDOWN($C5396/24,0)+1,1))-1)+IF('Standard Profiles'!$G$18=$B$10,7,0)+IF('Standard Profiles'!$G$18=$B$17,14,0)+IF('Standard Profiles'!$G$18=$B$24,21,0),MOD($C5396,24)+1)/SUM(INDEX($D$3:$AA$30,INDEX(Jesper!$R$2:$R$366,ROW(INDEX(Jesper!AH$2:AH$366,ROUNDDOWN($C5396/24,0)+1,1))-1)+IF('Standard Profiles'!$G$18=$B$10,7,0)+IF('Standard Profiles'!$G$18=$B$17,14,0)+IF('Standard Profiles'!$G$18=$B$24,21,0),0)),0)</f>
        <v>11.516060940673293</v>
      </c>
      <c r="E5396" cm="1">
        <f t="array" ref="E5396">IFERROR(INDEX(Jesper!AI$2:AI$366,ROUNDDOWN($C5396/24,0)+1,1)*INDEX($D$3:$AA$30,INDEX(Jesper!$R$2:$R$366,ROW(INDEX(Jesper!AI$2:AI$366,ROUNDDOWN($C5396/24,0)+1,1))-1)+IF('Standard Profiles'!$G$19=$B$10,7,0)+IF('Standard Profiles'!$G$19=$B$17,14,0)+IF('Standard Profiles'!$G$19=$B$24,21,0),MOD($C5396,24)+1)/SUM(INDEX($D$3:$AA$30,INDEX(Jesper!$R$2:$R$366,ROW(INDEX(Jesper!AI$2:AI$366,ROUNDDOWN($C5396/24,0)+1,1))-1)+IF('Standard Profiles'!$G$19=$B$10,7,0)+IF('Standard Profiles'!$G$19=$B$17,14,0)+IF('Standard Profiles'!$G$19=$B$24,21,0),0)),0)</f>
        <v>1.6936130841110835</v>
      </c>
      <c r="F5396" cm="1">
        <f t="array" ref="F5396">IFERROR(INDEX(Jesper!AJ$2:AJ$366,ROUNDDOWN($C5396/24,0)+1,1)*INDEX($D$3:$AA$30,INDEX(Jesper!$R$2:$R$366,ROW(INDEX(Jesper!AJ$2:AJ$366,ROUNDDOWN($C5396/24,0)+1,1))-1)+IF('Standard Profiles'!$G$20=$B$10,7,0)+IF('Standard Profiles'!$G$20=$B$17,14,0)+IF('Standard Profiles'!$G$20=$B$24,21,0),MOD($C5396,24)+1)/SUM(INDEX($D$3:$AA$30,INDEX(Jesper!$R$2:$R$366,ROW(INDEX(Jesper!AJ$2:AJ$366,ROUNDDOWN($C5396/24,0)+1,1))-1)+IF('Standard Profiles'!$G$20=$B$10,7,0)+IF('Standard Profiles'!$G$20=$B$17,14,0)+IF('Standard Profiles'!$G$20=$B$24,21,0),0)),0)</f>
        <v>0</v>
      </c>
      <c r="G5396" cm="1">
        <f t="array" ref="G5396">IFERROR(INDEX(Jesper!AK$2:AK$366,ROUNDDOWN($C5396/24,0)+1,1)*INDEX($D$3:$AA$30,INDEX(Jesper!$R$2:$R$366,ROW(INDEX(Jesper!AK$2:AK$366,ROUNDDOWN($C5396/24,0)+1,1))-1)+IF('Standard Profiles'!$G$21=$B$10,7,0)+IF('Standard Profiles'!$G$21=$B$17,14,0)+IF('Standard Profiles'!$G$21=$B$24,21,0),MOD($C5396,24)+1)/SUM(INDEX($D$3:$AA$30,INDEX(Jesper!$R$2:$R$366,ROW(INDEX(Jesper!AK$2:AK$366,ROUNDDOWN($C5396/24,0)+1,1))-1)+IF('Standard Profiles'!$G$21=$B$10,7,0)+IF('Standard Profiles'!$G$21=$B$17,14,0)+IF('Standard Profiles'!$G$21=$B$24,21,0),0)),0)</f>
        <v>0</v>
      </c>
      <c r="H5396" cm="1">
        <f t="array" ref="H5396">IFERROR(INDEX(Jesper!AL$2:AL$366,ROUNDDOWN($C5396/24,0)+1,1)*INDEX($D$3:$AA$30,INDEX(Jesper!$R$2:$R$366,ROW(INDEX(Jesper!AL$2:AL$366,ROUNDDOWN($C5396/24,0)+1,1))-1)+IF('Standard Profiles'!$G$22=$B$10,7,0)+IF('Standard Profiles'!$G$22=$B$17,14,0)+IF('Standard Profiles'!$G$22=$B$24,21,0),MOD($C5396,24)+1)/SUM(INDEX($D$3:$AA$30,INDEX(Jesper!$R$2:$R$366,ROW(INDEX(Jesper!AL$2:AL$366,ROUNDDOWN($C5396/24,0)+1,1))-1)+IF('Standard Profiles'!$G$22=$B$10,7,0)+IF('Standard Profiles'!$G$22=$B$17,14,0)+IF('Standard Profiles'!$G$22=$B$24,21,0),0)),0)</f>
        <v>0</v>
      </c>
      <c r="I5396">
        <f t="shared" si="601"/>
        <v>0.15257775532532286</v>
      </c>
      <c r="J5396">
        <f t="shared" si="602"/>
        <v>0.50859251775107628</v>
      </c>
      <c r="K5396">
        <f t="shared" si="603"/>
        <v>0.76288877662661447</v>
      </c>
      <c r="L5396">
        <f t="shared" si="604"/>
        <v>11.785614975081364</v>
      </c>
      <c r="M5396">
        <f t="shared" si="605"/>
        <v>0</v>
      </c>
      <c r="N5396" s="46">
        <f t="shared" si="606"/>
        <v>45515.416666653662</v>
      </c>
    </row>
    <row r="5397" spans="2:14" x14ac:dyDescent="0.3">
      <c r="B5397">
        <f t="shared" si="600"/>
        <v>7</v>
      </c>
      <c r="C5397" s="16">
        <v>5363</v>
      </c>
      <c r="D5397" cm="1">
        <f t="array" ref="D5397">IFERROR(INDEX(Jesper!AH$2:AH$366,ROUNDDOWN($C5397/24,0)+1,1)*INDEX($D$3:$AA$30,INDEX(Jesper!$R$2:$R$366,ROW(INDEX(Jesper!AH$2:AH$366,ROUNDDOWN($C5397/24,0)+1,1))-1)+IF('Standard Profiles'!$G$18=$B$10,7,0)+IF('Standard Profiles'!$G$18=$B$17,14,0)+IF('Standard Profiles'!$G$18=$B$24,21,0),MOD($C5397,24)+1)/SUM(INDEX($D$3:$AA$30,INDEX(Jesper!$R$2:$R$366,ROW(INDEX(Jesper!AH$2:AH$366,ROUNDDOWN($C5397/24,0)+1,1))-1)+IF('Standard Profiles'!$G$18=$B$10,7,0)+IF('Standard Profiles'!$G$18=$B$17,14,0)+IF('Standard Profiles'!$G$18=$B$24,21,0),0)),0)</f>
        <v>11.516060940673293</v>
      </c>
      <c r="E5397" cm="1">
        <f t="array" ref="E5397">IFERROR(INDEX(Jesper!AI$2:AI$366,ROUNDDOWN($C5397/24,0)+1,1)*INDEX($D$3:$AA$30,INDEX(Jesper!$R$2:$R$366,ROW(INDEX(Jesper!AI$2:AI$366,ROUNDDOWN($C5397/24,0)+1,1))-1)+IF('Standard Profiles'!$G$19=$B$10,7,0)+IF('Standard Profiles'!$G$19=$B$17,14,0)+IF('Standard Profiles'!$G$19=$B$24,21,0),MOD($C5397,24)+1)/SUM(INDEX($D$3:$AA$30,INDEX(Jesper!$R$2:$R$366,ROW(INDEX(Jesper!AI$2:AI$366,ROUNDDOWN($C5397/24,0)+1,1))-1)+IF('Standard Profiles'!$G$19=$B$10,7,0)+IF('Standard Profiles'!$G$19=$B$17,14,0)+IF('Standard Profiles'!$G$19=$B$24,21,0),0)),0)</f>
        <v>1.6936130841110835</v>
      </c>
      <c r="F5397" cm="1">
        <f t="array" ref="F5397">IFERROR(INDEX(Jesper!AJ$2:AJ$366,ROUNDDOWN($C5397/24,0)+1,1)*INDEX($D$3:$AA$30,INDEX(Jesper!$R$2:$R$366,ROW(INDEX(Jesper!AJ$2:AJ$366,ROUNDDOWN($C5397/24,0)+1,1))-1)+IF('Standard Profiles'!$G$20=$B$10,7,0)+IF('Standard Profiles'!$G$20=$B$17,14,0)+IF('Standard Profiles'!$G$20=$B$24,21,0),MOD($C5397,24)+1)/SUM(INDEX($D$3:$AA$30,INDEX(Jesper!$R$2:$R$366,ROW(INDEX(Jesper!AJ$2:AJ$366,ROUNDDOWN($C5397/24,0)+1,1))-1)+IF('Standard Profiles'!$G$20=$B$10,7,0)+IF('Standard Profiles'!$G$20=$B$17,14,0)+IF('Standard Profiles'!$G$20=$B$24,21,0),0)),0)</f>
        <v>0</v>
      </c>
      <c r="G5397" cm="1">
        <f t="array" ref="G5397">IFERROR(INDEX(Jesper!AK$2:AK$366,ROUNDDOWN($C5397/24,0)+1,1)*INDEX($D$3:$AA$30,INDEX(Jesper!$R$2:$R$366,ROW(INDEX(Jesper!AK$2:AK$366,ROUNDDOWN($C5397/24,0)+1,1))-1)+IF('Standard Profiles'!$G$21=$B$10,7,0)+IF('Standard Profiles'!$G$21=$B$17,14,0)+IF('Standard Profiles'!$G$21=$B$24,21,0),MOD($C5397,24)+1)/SUM(INDEX($D$3:$AA$30,INDEX(Jesper!$R$2:$R$366,ROW(INDEX(Jesper!AK$2:AK$366,ROUNDDOWN($C5397/24,0)+1,1))-1)+IF('Standard Profiles'!$G$21=$B$10,7,0)+IF('Standard Profiles'!$G$21=$B$17,14,0)+IF('Standard Profiles'!$G$21=$B$24,21,0),0)),0)</f>
        <v>0</v>
      </c>
      <c r="H5397" cm="1">
        <f t="array" ref="H5397">IFERROR(INDEX(Jesper!AL$2:AL$366,ROUNDDOWN($C5397/24,0)+1,1)*INDEX($D$3:$AA$30,INDEX(Jesper!$R$2:$R$366,ROW(INDEX(Jesper!AL$2:AL$366,ROUNDDOWN($C5397/24,0)+1,1))-1)+IF('Standard Profiles'!$G$22=$B$10,7,0)+IF('Standard Profiles'!$G$22=$B$17,14,0)+IF('Standard Profiles'!$G$22=$B$24,21,0),MOD($C5397,24)+1)/SUM(INDEX($D$3:$AA$30,INDEX(Jesper!$R$2:$R$366,ROW(INDEX(Jesper!AL$2:AL$366,ROUNDDOWN($C5397/24,0)+1,1))-1)+IF('Standard Profiles'!$G$22=$B$10,7,0)+IF('Standard Profiles'!$G$22=$B$17,14,0)+IF('Standard Profiles'!$G$22=$B$24,21,0),0)),0)</f>
        <v>0</v>
      </c>
      <c r="I5397">
        <f t="shared" si="601"/>
        <v>0.15257775532532286</v>
      </c>
      <c r="J5397">
        <f t="shared" si="602"/>
        <v>0.50859251775107628</v>
      </c>
      <c r="K5397">
        <f t="shared" si="603"/>
        <v>0.76288877662661447</v>
      </c>
      <c r="L5397">
        <f t="shared" si="604"/>
        <v>11.785614975081364</v>
      </c>
      <c r="M5397">
        <f t="shared" si="605"/>
        <v>0</v>
      </c>
      <c r="N5397" s="46">
        <f t="shared" si="606"/>
        <v>45515.458333320326</v>
      </c>
    </row>
    <row r="5398" spans="2:14" x14ac:dyDescent="0.3">
      <c r="B5398">
        <f t="shared" si="600"/>
        <v>7</v>
      </c>
      <c r="C5398" s="16">
        <v>5364</v>
      </c>
      <c r="D5398" cm="1">
        <f t="array" ref="D5398">IFERROR(INDEX(Jesper!AH$2:AH$366,ROUNDDOWN($C5398/24,0)+1,1)*INDEX($D$3:$AA$30,INDEX(Jesper!$R$2:$R$366,ROW(INDEX(Jesper!AH$2:AH$366,ROUNDDOWN($C5398/24,0)+1,1))-1)+IF('Standard Profiles'!$G$18=$B$10,7,0)+IF('Standard Profiles'!$G$18=$B$17,14,0)+IF('Standard Profiles'!$G$18=$B$24,21,0),MOD($C5398,24)+1)/SUM(INDEX($D$3:$AA$30,INDEX(Jesper!$R$2:$R$366,ROW(INDEX(Jesper!AH$2:AH$366,ROUNDDOWN($C5398/24,0)+1,1))-1)+IF('Standard Profiles'!$G$18=$B$10,7,0)+IF('Standard Profiles'!$G$18=$B$17,14,0)+IF('Standard Profiles'!$G$18=$B$24,21,0),0)),0)</f>
        <v>11.516060940673293</v>
      </c>
      <c r="E5398" cm="1">
        <f t="array" ref="E5398">IFERROR(INDEX(Jesper!AI$2:AI$366,ROUNDDOWN($C5398/24,0)+1,1)*INDEX($D$3:$AA$30,INDEX(Jesper!$R$2:$R$366,ROW(INDEX(Jesper!AI$2:AI$366,ROUNDDOWN($C5398/24,0)+1,1))-1)+IF('Standard Profiles'!$G$19=$B$10,7,0)+IF('Standard Profiles'!$G$19=$B$17,14,0)+IF('Standard Profiles'!$G$19=$B$24,21,0),MOD($C5398,24)+1)/SUM(INDEX($D$3:$AA$30,INDEX(Jesper!$R$2:$R$366,ROW(INDEX(Jesper!AI$2:AI$366,ROUNDDOWN($C5398/24,0)+1,1))-1)+IF('Standard Profiles'!$G$19=$B$10,7,0)+IF('Standard Profiles'!$G$19=$B$17,14,0)+IF('Standard Profiles'!$G$19=$B$24,21,0),0)),0)</f>
        <v>1.6936130841110835</v>
      </c>
      <c r="F5398" cm="1">
        <f t="array" ref="F5398">IFERROR(INDEX(Jesper!AJ$2:AJ$366,ROUNDDOWN($C5398/24,0)+1,1)*INDEX($D$3:$AA$30,INDEX(Jesper!$R$2:$R$366,ROW(INDEX(Jesper!AJ$2:AJ$366,ROUNDDOWN($C5398/24,0)+1,1))-1)+IF('Standard Profiles'!$G$20=$B$10,7,0)+IF('Standard Profiles'!$G$20=$B$17,14,0)+IF('Standard Profiles'!$G$20=$B$24,21,0),MOD($C5398,24)+1)/SUM(INDEX($D$3:$AA$30,INDEX(Jesper!$R$2:$R$366,ROW(INDEX(Jesper!AJ$2:AJ$366,ROUNDDOWN($C5398/24,0)+1,1))-1)+IF('Standard Profiles'!$G$20=$B$10,7,0)+IF('Standard Profiles'!$G$20=$B$17,14,0)+IF('Standard Profiles'!$G$20=$B$24,21,0),0)),0)</f>
        <v>0</v>
      </c>
      <c r="G5398" cm="1">
        <f t="array" ref="G5398">IFERROR(INDEX(Jesper!AK$2:AK$366,ROUNDDOWN($C5398/24,0)+1,1)*INDEX($D$3:$AA$30,INDEX(Jesper!$R$2:$R$366,ROW(INDEX(Jesper!AK$2:AK$366,ROUNDDOWN($C5398/24,0)+1,1))-1)+IF('Standard Profiles'!$G$21=$B$10,7,0)+IF('Standard Profiles'!$G$21=$B$17,14,0)+IF('Standard Profiles'!$G$21=$B$24,21,0),MOD($C5398,24)+1)/SUM(INDEX($D$3:$AA$30,INDEX(Jesper!$R$2:$R$366,ROW(INDEX(Jesper!AK$2:AK$366,ROUNDDOWN($C5398/24,0)+1,1))-1)+IF('Standard Profiles'!$G$21=$B$10,7,0)+IF('Standard Profiles'!$G$21=$B$17,14,0)+IF('Standard Profiles'!$G$21=$B$24,21,0),0)),0)</f>
        <v>0</v>
      </c>
      <c r="H5398" cm="1">
        <f t="array" ref="H5398">IFERROR(INDEX(Jesper!AL$2:AL$366,ROUNDDOWN($C5398/24,0)+1,1)*INDEX($D$3:$AA$30,INDEX(Jesper!$R$2:$R$366,ROW(INDEX(Jesper!AL$2:AL$366,ROUNDDOWN($C5398/24,0)+1,1))-1)+IF('Standard Profiles'!$G$22=$B$10,7,0)+IF('Standard Profiles'!$G$22=$B$17,14,0)+IF('Standard Profiles'!$G$22=$B$24,21,0),MOD($C5398,24)+1)/SUM(INDEX($D$3:$AA$30,INDEX(Jesper!$R$2:$R$366,ROW(INDEX(Jesper!AL$2:AL$366,ROUNDDOWN($C5398/24,0)+1,1))-1)+IF('Standard Profiles'!$G$22=$B$10,7,0)+IF('Standard Profiles'!$G$22=$B$17,14,0)+IF('Standard Profiles'!$G$22=$B$24,21,0),0)),0)</f>
        <v>0</v>
      </c>
      <c r="I5398">
        <f t="shared" si="601"/>
        <v>0.15257775532532286</v>
      </c>
      <c r="J5398">
        <f t="shared" si="602"/>
        <v>0.50859251775107628</v>
      </c>
      <c r="K5398">
        <f t="shared" si="603"/>
        <v>0.76288877662661447</v>
      </c>
      <c r="L5398">
        <f t="shared" si="604"/>
        <v>11.785614975081364</v>
      </c>
      <c r="M5398">
        <f t="shared" si="605"/>
        <v>0</v>
      </c>
      <c r="N5398" s="46">
        <f t="shared" si="606"/>
        <v>45515.499999986991</v>
      </c>
    </row>
    <row r="5399" spans="2:14" x14ac:dyDescent="0.3">
      <c r="B5399">
        <f t="shared" si="600"/>
        <v>7</v>
      </c>
      <c r="C5399" s="16">
        <v>5365</v>
      </c>
      <c r="D5399" cm="1">
        <f t="array" ref="D5399">IFERROR(INDEX(Jesper!AH$2:AH$366,ROUNDDOWN($C5399/24,0)+1,1)*INDEX($D$3:$AA$30,INDEX(Jesper!$R$2:$R$366,ROW(INDEX(Jesper!AH$2:AH$366,ROUNDDOWN($C5399/24,0)+1,1))-1)+IF('Standard Profiles'!$G$18=$B$10,7,0)+IF('Standard Profiles'!$G$18=$B$17,14,0)+IF('Standard Profiles'!$G$18=$B$24,21,0),MOD($C5399,24)+1)/SUM(INDEX($D$3:$AA$30,INDEX(Jesper!$R$2:$R$366,ROW(INDEX(Jesper!AH$2:AH$366,ROUNDDOWN($C5399/24,0)+1,1))-1)+IF('Standard Profiles'!$G$18=$B$10,7,0)+IF('Standard Profiles'!$G$18=$B$17,14,0)+IF('Standard Profiles'!$G$18=$B$24,21,0),0)),0)</f>
        <v>11.516060940673293</v>
      </c>
      <c r="E5399" cm="1">
        <f t="array" ref="E5399">IFERROR(INDEX(Jesper!AI$2:AI$366,ROUNDDOWN($C5399/24,0)+1,1)*INDEX($D$3:$AA$30,INDEX(Jesper!$R$2:$R$366,ROW(INDEX(Jesper!AI$2:AI$366,ROUNDDOWN($C5399/24,0)+1,1))-1)+IF('Standard Profiles'!$G$19=$B$10,7,0)+IF('Standard Profiles'!$G$19=$B$17,14,0)+IF('Standard Profiles'!$G$19=$B$24,21,0),MOD($C5399,24)+1)/SUM(INDEX($D$3:$AA$30,INDEX(Jesper!$R$2:$R$366,ROW(INDEX(Jesper!AI$2:AI$366,ROUNDDOWN($C5399/24,0)+1,1))-1)+IF('Standard Profiles'!$G$19=$B$10,7,0)+IF('Standard Profiles'!$G$19=$B$17,14,0)+IF('Standard Profiles'!$G$19=$B$24,21,0),0)),0)</f>
        <v>1.6936130841110835</v>
      </c>
      <c r="F5399" cm="1">
        <f t="array" ref="F5399">IFERROR(INDEX(Jesper!AJ$2:AJ$366,ROUNDDOWN($C5399/24,0)+1,1)*INDEX($D$3:$AA$30,INDEX(Jesper!$R$2:$R$366,ROW(INDEX(Jesper!AJ$2:AJ$366,ROUNDDOWN($C5399/24,0)+1,1))-1)+IF('Standard Profiles'!$G$20=$B$10,7,0)+IF('Standard Profiles'!$G$20=$B$17,14,0)+IF('Standard Profiles'!$G$20=$B$24,21,0),MOD($C5399,24)+1)/SUM(INDEX($D$3:$AA$30,INDEX(Jesper!$R$2:$R$366,ROW(INDEX(Jesper!AJ$2:AJ$366,ROUNDDOWN($C5399/24,0)+1,1))-1)+IF('Standard Profiles'!$G$20=$B$10,7,0)+IF('Standard Profiles'!$G$20=$B$17,14,0)+IF('Standard Profiles'!$G$20=$B$24,21,0),0)),0)</f>
        <v>0</v>
      </c>
      <c r="G5399" cm="1">
        <f t="array" ref="G5399">IFERROR(INDEX(Jesper!AK$2:AK$366,ROUNDDOWN($C5399/24,0)+1,1)*INDEX($D$3:$AA$30,INDEX(Jesper!$R$2:$R$366,ROW(INDEX(Jesper!AK$2:AK$366,ROUNDDOWN($C5399/24,0)+1,1))-1)+IF('Standard Profiles'!$G$21=$B$10,7,0)+IF('Standard Profiles'!$G$21=$B$17,14,0)+IF('Standard Profiles'!$G$21=$B$24,21,0),MOD($C5399,24)+1)/SUM(INDEX($D$3:$AA$30,INDEX(Jesper!$R$2:$R$366,ROW(INDEX(Jesper!AK$2:AK$366,ROUNDDOWN($C5399/24,0)+1,1))-1)+IF('Standard Profiles'!$G$21=$B$10,7,0)+IF('Standard Profiles'!$G$21=$B$17,14,0)+IF('Standard Profiles'!$G$21=$B$24,21,0),0)),0)</f>
        <v>0</v>
      </c>
      <c r="H5399" cm="1">
        <f t="array" ref="H5399">IFERROR(INDEX(Jesper!AL$2:AL$366,ROUNDDOWN($C5399/24,0)+1,1)*INDEX($D$3:$AA$30,INDEX(Jesper!$R$2:$R$366,ROW(INDEX(Jesper!AL$2:AL$366,ROUNDDOWN($C5399/24,0)+1,1))-1)+IF('Standard Profiles'!$G$22=$B$10,7,0)+IF('Standard Profiles'!$G$22=$B$17,14,0)+IF('Standard Profiles'!$G$22=$B$24,21,0),MOD($C5399,24)+1)/SUM(INDEX($D$3:$AA$30,INDEX(Jesper!$R$2:$R$366,ROW(INDEX(Jesper!AL$2:AL$366,ROUNDDOWN($C5399/24,0)+1,1))-1)+IF('Standard Profiles'!$G$22=$B$10,7,0)+IF('Standard Profiles'!$G$22=$B$17,14,0)+IF('Standard Profiles'!$G$22=$B$24,21,0),0)),0)</f>
        <v>0</v>
      </c>
      <c r="I5399">
        <f t="shared" si="601"/>
        <v>0.15257775532532286</v>
      </c>
      <c r="J5399">
        <f t="shared" si="602"/>
        <v>0.50859251775107628</v>
      </c>
      <c r="K5399">
        <f t="shared" si="603"/>
        <v>0.76288877662661447</v>
      </c>
      <c r="L5399">
        <f t="shared" si="604"/>
        <v>11.785614975081364</v>
      </c>
      <c r="M5399">
        <f t="shared" si="605"/>
        <v>0</v>
      </c>
      <c r="N5399" s="46">
        <f t="shared" si="606"/>
        <v>45515.541666653655</v>
      </c>
    </row>
    <row r="5400" spans="2:14" x14ac:dyDescent="0.3">
      <c r="B5400">
        <f t="shared" si="600"/>
        <v>7</v>
      </c>
      <c r="C5400" s="16">
        <v>5366</v>
      </c>
      <c r="D5400" cm="1">
        <f t="array" ref="D5400">IFERROR(INDEX(Jesper!AH$2:AH$366,ROUNDDOWN($C5400/24,0)+1,1)*INDEX($D$3:$AA$30,INDEX(Jesper!$R$2:$R$366,ROW(INDEX(Jesper!AH$2:AH$366,ROUNDDOWN($C5400/24,0)+1,1))-1)+IF('Standard Profiles'!$G$18=$B$10,7,0)+IF('Standard Profiles'!$G$18=$B$17,14,0)+IF('Standard Profiles'!$G$18=$B$24,21,0),MOD($C5400,24)+1)/SUM(INDEX($D$3:$AA$30,INDEX(Jesper!$R$2:$R$366,ROW(INDEX(Jesper!AH$2:AH$366,ROUNDDOWN($C5400/24,0)+1,1))-1)+IF('Standard Profiles'!$G$18=$B$10,7,0)+IF('Standard Profiles'!$G$18=$B$17,14,0)+IF('Standard Profiles'!$G$18=$B$24,21,0),0)),0)</f>
        <v>11.516060940673293</v>
      </c>
      <c r="E5400" cm="1">
        <f t="array" ref="E5400">IFERROR(INDEX(Jesper!AI$2:AI$366,ROUNDDOWN($C5400/24,0)+1,1)*INDEX($D$3:$AA$30,INDEX(Jesper!$R$2:$R$366,ROW(INDEX(Jesper!AI$2:AI$366,ROUNDDOWN($C5400/24,0)+1,1))-1)+IF('Standard Profiles'!$G$19=$B$10,7,0)+IF('Standard Profiles'!$G$19=$B$17,14,0)+IF('Standard Profiles'!$G$19=$B$24,21,0),MOD($C5400,24)+1)/SUM(INDEX($D$3:$AA$30,INDEX(Jesper!$R$2:$R$366,ROW(INDEX(Jesper!AI$2:AI$366,ROUNDDOWN($C5400/24,0)+1,1))-1)+IF('Standard Profiles'!$G$19=$B$10,7,0)+IF('Standard Profiles'!$G$19=$B$17,14,0)+IF('Standard Profiles'!$G$19=$B$24,21,0),0)),0)</f>
        <v>1.6936130841110835</v>
      </c>
      <c r="F5400" cm="1">
        <f t="array" ref="F5400">IFERROR(INDEX(Jesper!AJ$2:AJ$366,ROUNDDOWN($C5400/24,0)+1,1)*INDEX($D$3:$AA$30,INDEX(Jesper!$R$2:$R$366,ROW(INDEX(Jesper!AJ$2:AJ$366,ROUNDDOWN($C5400/24,0)+1,1))-1)+IF('Standard Profiles'!$G$20=$B$10,7,0)+IF('Standard Profiles'!$G$20=$B$17,14,0)+IF('Standard Profiles'!$G$20=$B$24,21,0),MOD($C5400,24)+1)/SUM(INDEX($D$3:$AA$30,INDEX(Jesper!$R$2:$R$366,ROW(INDEX(Jesper!AJ$2:AJ$366,ROUNDDOWN($C5400/24,0)+1,1))-1)+IF('Standard Profiles'!$G$20=$B$10,7,0)+IF('Standard Profiles'!$G$20=$B$17,14,0)+IF('Standard Profiles'!$G$20=$B$24,21,0),0)),0)</f>
        <v>0</v>
      </c>
      <c r="G5400" cm="1">
        <f t="array" ref="G5400">IFERROR(INDEX(Jesper!AK$2:AK$366,ROUNDDOWN($C5400/24,0)+1,1)*INDEX($D$3:$AA$30,INDEX(Jesper!$R$2:$R$366,ROW(INDEX(Jesper!AK$2:AK$366,ROUNDDOWN($C5400/24,0)+1,1))-1)+IF('Standard Profiles'!$G$21=$B$10,7,0)+IF('Standard Profiles'!$G$21=$B$17,14,0)+IF('Standard Profiles'!$G$21=$B$24,21,0),MOD($C5400,24)+1)/SUM(INDEX($D$3:$AA$30,INDEX(Jesper!$R$2:$R$366,ROW(INDEX(Jesper!AK$2:AK$366,ROUNDDOWN($C5400/24,0)+1,1))-1)+IF('Standard Profiles'!$G$21=$B$10,7,0)+IF('Standard Profiles'!$G$21=$B$17,14,0)+IF('Standard Profiles'!$G$21=$B$24,21,0),0)),0)</f>
        <v>0</v>
      </c>
      <c r="H5400" cm="1">
        <f t="array" ref="H5400">IFERROR(INDEX(Jesper!AL$2:AL$366,ROUNDDOWN($C5400/24,0)+1,1)*INDEX($D$3:$AA$30,INDEX(Jesper!$R$2:$R$366,ROW(INDEX(Jesper!AL$2:AL$366,ROUNDDOWN($C5400/24,0)+1,1))-1)+IF('Standard Profiles'!$G$22=$B$10,7,0)+IF('Standard Profiles'!$G$22=$B$17,14,0)+IF('Standard Profiles'!$G$22=$B$24,21,0),MOD($C5400,24)+1)/SUM(INDEX($D$3:$AA$30,INDEX(Jesper!$R$2:$R$366,ROW(INDEX(Jesper!AL$2:AL$366,ROUNDDOWN($C5400/24,0)+1,1))-1)+IF('Standard Profiles'!$G$22=$B$10,7,0)+IF('Standard Profiles'!$G$22=$B$17,14,0)+IF('Standard Profiles'!$G$22=$B$24,21,0),0)),0)</f>
        <v>0</v>
      </c>
      <c r="I5400">
        <f t="shared" si="601"/>
        <v>0.15257775532532286</v>
      </c>
      <c r="J5400">
        <f t="shared" si="602"/>
        <v>0.50859251775107628</v>
      </c>
      <c r="K5400">
        <f t="shared" si="603"/>
        <v>0.76288877662661447</v>
      </c>
      <c r="L5400">
        <f t="shared" si="604"/>
        <v>11.785614975081364</v>
      </c>
      <c r="M5400">
        <f t="shared" si="605"/>
        <v>0</v>
      </c>
      <c r="N5400" s="46">
        <f t="shared" si="606"/>
        <v>45515.583333320319</v>
      </c>
    </row>
    <row r="5401" spans="2:14" x14ac:dyDescent="0.3">
      <c r="B5401">
        <f t="shared" si="600"/>
        <v>7</v>
      </c>
      <c r="C5401" s="16">
        <v>5367</v>
      </c>
      <c r="D5401" cm="1">
        <f t="array" ref="D5401">IFERROR(INDEX(Jesper!AH$2:AH$366,ROUNDDOWN($C5401/24,0)+1,1)*INDEX($D$3:$AA$30,INDEX(Jesper!$R$2:$R$366,ROW(INDEX(Jesper!AH$2:AH$366,ROUNDDOWN($C5401/24,0)+1,1))-1)+IF('Standard Profiles'!$G$18=$B$10,7,0)+IF('Standard Profiles'!$G$18=$B$17,14,0)+IF('Standard Profiles'!$G$18=$B$24,21,0),MOD($C5401,24)+1)/SUM(INDEX($D$3:$AA$30,INDEX(Jesper!$R$2:$R$366,ROW(INDEX(Jesper!AH$2:AH$366,ROUNDDOWN($C5401/24,0)+1,1))-1)+IF('Standard Profiles'!$G$18=$B$10,7,0)+IF('Standard Profiles'!$G$18=$B$17,14,0)+IF('Standard Profiles'!$G$18=$B$24,21,0),0)),0)</f>
        <v>10.236498613931817</v>
      </c>
      <c r="E5401" cm="1">
        <f t="array" ref="E5401">IFERROR(INDEX(Jesper!AI$2:AI$366,ROUNDDOWN($C5401/24,0)+1,1)*INDEX($D$3:$AA$30,INDEX(Jesper!$R$2:$R$366,ROW(INDEX(Jesper!AI$2:AI$366,ROUNDDOWN($C5401/24,0)+1,1))-1)+IF('Standard Profiles'!$G$19=$B$10,7,0)+IF('Standard Profiles'!$G$19=$B$17,14,0)+IF('Standard Profiles'!$G$19=$B$24,21,0),MOD($C5401,24)+1)/SUM(INDEX($D$3:$AA$30,INDEX(Jesper!$R$2:$R$366,ROW(INDEX(Jesper!AI$2:AI$366,ROUNDDOWN($C5401/24,0)+1,1))-1)+IF('Standard Profiles'!$G$19=$B$10,7,0)+IF('Standard Profiles'!$G$19=$B$17,14,0)+IF('Standard Profiles'!$G$19=$B$24,21,0),0)),0)</f>
        <v>1.5054338525431854</v>
      </c>
      <c r="F5401" cm="1">
        <f t="array" ref="F5401">IFERROR(INDEX(Jesper!AJ$2:AJ$366,ROUNDDOWN($C5401/24,0)+1,1)*INDEX($D$3:$AA$30,INDEX(Jesper!$R$2:$R$366,ROW(INDEX(Jesper!AJ$2:AJ$366,ROUNDDOWN($C5401/24,0)+1,1))-1)+IF('Standard Profiles'!$G$20=$B$10,7,0)+IF('Standard Profiles'!$G$20=$B$17,14,0)+IF('Standard Profiles'!$G$20=$B$24,21,0),MOD($C5401,24)+1)/SUM(INDEX($D$3:$AA$30,INDEX(Jesper!$R$2:$R$366,ROW(INDEX(Jesper!AJ$2:AJ$366,ROUNDDOWN($C5401/24,0)+1,1))-1)+IF('Standard Profiles'!$G$20=$B$10,7,0)+IF('Standard Profiles'!$G$20=$B$17,14,0)+IF('Standard Profiles'!$G$20=$B$24,21,0),0)),0)</f>
        <v>0</v>
      </c>
      <c r="G5401" cm="1">
        <f t="array" ref="G5401">IFERROR(INDEX(Jesper!AK$2:AK$366,ROUNDDOWN($C5401/24,0)+1,1)*INDEX($D$3:$AA$30,INDEX(Jesper!$R$2:$R$366,ROW(INDEX(Jesper!AK$2:AK$366,ROUNDDOWN($C5401/24,0)+1,1))-1)+IF('Standard Profiles'!$G$21=$B$10,7,0)+IF('Standard Profiles'!$G$21=$B$17,14,0)+IF('Standard Profiles'!$G$21=$B$24,21,0),MOD($C5401,24)+1)/SUM(INDEX($D$3:$AA$30,INDEX(Jesper!$R$2:$R$366,ROW(INDEX(Jesper!AK$2:AK$366,ROUNDDOWN($C5401/24,0)+1,1))-1)+IF('Standard Profiles'!$G$21=$B$10,7,0)+IF('Standard Profiles'!$G$21=$B$17,14,0)+IF('Standard Profiles'!$G$21=$B$24,21,0),0)),0)</f>
        <v>0</v>
      </c>
      <c r="H5401" cm="1">
        <f t="array" ref="H5401">IFERROR(INDEX(Jesper!AL$2:AL$366,ROUNDDOWN($C5401/24,0)+1,1)*INDEX($D$3:$AA$30,INDEX(Jesper!$R$2:$R$366,ROW(INDEX(Jesper!AL$2:AL$366,ROUNDDOWN($C5401/24,0)+1,1))-1)+IF('Standard Profiles'!$G$22=$B$10,7,0)+IF('Standard Profiles'!$G$22=$B$17,14,0)+IF('Standard Profiles'!$G$22=$B$24,21,0),MOD($C5401,24)+1)/SUM(INDEX($D$3:$AA$30,INDEX(Jesper!$R$2:$R$366,ROW(INDEX(Jesper!AL$2:AL$366,ROUNDDOWN($C5401/24,0)+1,1))-1)+IF('Standard Profiles'!$G$22=$B$10,7,0)+IF('Standard Profiles'!$G$22=$B$17,14,0)+IF('Standard Profiles'!$G$22=$B$24,21,0),0)),0)</f>
        <v>0</v>
      </c>
      <c r="I5401">
        <f t="shared" si="601"/>
        <v>0.135624671400287</v>
      </c>
      <c r="J5401">
        <f t="shared" si="602"/>
        <v>0.45208223800095676</v>
      </c>
      <c r="K5401">
        <f t="shared" si="603"/>
        <v>0.67812335700143511</v>
      </c>
      <c r="L5401">
        <f t="shared" si="604"/>
        <v>10.476102200072324</v>
      </c>
      <c r="M5401">
        <f t="shared" si="605"/>
        <v>0</v>
      </c>
      <c r="N5401" s="46">
        <f t="shared" si="606"/>
        <v>45515.624999986983</v>
      </c>
    </row>
    <row r="5402" spans="2:14" x14ac:dyDescent="0.3">
      <c r="B5402">
        <f t="shared" si="600"/>
        <v>7</v>
      </c>
      <c r="C5402" s="16">
        <v>5368</v>
      </c>
      <c r="D5402" cm="1">
        <f t="array" ref="D5402">IFERROR(INDEX(Jesper!AH$2:AH$366,ROUNDDOWN($C5402/24,0)+1,1)*INDEX($D$3:$AA$30,INDEX(Jesper!$R$2:$R$366,ROW(INDEX(Jesper!AH$2:AH$366,ROUNDDOWN($C5402/24,0)+1,1))-1)+IF('Standard Profiles'!$G$18=$B$10,7,0)+IF('Standard Profiles'!$G$18=$B$17,14,0)+IF('Standard Profiles'!$G$18=$B$24,21,0),MOD($C5402,24)+1)/SUM(INDEX($D$3:$AA$30,INDEX(Jesper!$R$2:$R$366,ROW(INDEX(Jesper!AH$2:AH$366,ROUNDDOWN($C5402/24,0)+1,1))-1)+IF('Standard Profiles'!$G$18=$B$10,7,0)+IF('Standard Profiles'!$G$18=$B$17,14,0)+IF('Standard Profiles'!$G$18=$B$24,21,0),0)),0)</f>
        <v>10.05370399582589</v>
      </c>
      <c r="E5402" cm="1">
        <f t="array" ref="E5402">IFERROR(INDEX(Jesper!AI$2:AI$366,ROUNDDOWN($C5402/24,0)+1,1)*INDEX($D$3:$AA$30,INDEX(Jesper!$R$2:$R$366,ROW(INDEX(Jesper!AI$2:AI$366,ROUNDDOWN($C5402/24,0)+1,1))-1)+IF('Standard Profiles'!$G$19=$B$10,7,0)+IF('Standard Profiles'!$G$19=$B$17,14,0)+IF('Standard Profiles'!$G$19=$B$24,21,0),MOD($C5402,24)+1)/SUM(INDEX($D$3:$AA$30,INDEX(Jesper!$R$2:$R$366,ROW(INDEX(Jesper!AI$2:AI$366,ROUNDDOWN($C5402/24,0)+1,1))-1)+IF('Standard Profiles'!$G$19=$B$10,7,0)+IF('Standard Profiles'!$G$19=$B$17,14,0)+IF('Standard Profiles'!$G$19=$B$24,21,0),0)),0)</f>
        <v>1.4785511051763427</v>
      </c>
      <c r="F5402" cm="1">
        <f t="array" ref="F5402">IFERROR(INDEX(Jesper!AJ$2:AJ$366,ROUNDDOWN($C5402/24,0)+1,1)*INDEX($D$3:$AA$30,INDEX(Jesper!$R$2:$R$366,ROW(INDEX(Jesper!AJ$2:AJ$366,ROUNDDOWN($C5402/24,0)+1,1))-1)+IF('Standard Profiles'!$G$20=$B$10,7,0)+IF('Standard Profiles'!$G$20=$B$17,14,0)+IF('Standard Profiles'!$G$20=$B$24,21,0),MOD($C5402,24)+1)/SUM(INDEX($D$3:$AA$30,INDEX(Jesper!$R$2:$R$366,ROW(INDEX(Jesper!AJ$2:AJ$366,ROUNDDOWN($C5402/24,0)+1,1))-1)+IF('Standard Profiles'!$G$20=$B$10,7,0)+IF('Standard Profiles'!$G$20=$B$17,14,0)+IF('Standard Profiles'!$G$20=$B$24,21,0),0)),0)</f>
        <v>0</v>
      </c>
      <c r="G5402" cm="1">
        <f t="array" ref="G5402">IFERROR(INDEX(Jesper!AK$2:AK$366,ROUNDDOWN($C5402/24,0)+1,1)*INDEX($D$3:$AA$30,INDEX(Jesper!$R$2:$R$366,ROW(INDEX(Jesper!AK$2:AK$366,ROUNDDOWN($C5402/24,0)+1,1))-1)+IF('Standard Profiles'!$G$21=$B$10,7,0)+IF('Standard Profiles'!$G$21=$B$17,14,0)+IF('Standard Profiles'!$G$21=$B$24,21,0),MOD($C5402,24)+1)/SUM(INDEX($D$3:$AA$30,INDEX(Jesper!$R$2:$R$366,ROW(INDEX(Jesper!AK$2:AK$366,ROUNDDOWN($C5402/24,0)+1,1))-1)+IF('Standard Profiles'!$G$21=$B$10,7,0)+IF('Standard Profiles'!$G$21=$B$17,14,0)+IF('Standard Profiles'!$G$21=$B$24,21,0),0)),0)</f>
        <v>0</v>
      </c>
      <c r="H5402" cm="1">
        <f t="array" ref="H5402">IFERROR(INDEX(Jesper!AL$2:AL$366,ROUNDDOWN($C5402/24,0)+1,1)*INDEX($D$3:$AA$30,INDEX(Jesper!$R$2:$R$366,ROW(INDEX(Jesper!AL$2:AL$366,ROUNDDOWN($C5402/24,0)+1,1))-1)+IF('Standard Profiles'!$G$22=$B$10,7,0)+IF('Standard Profiles'!$G$22=$B$17,14,0)+IF('Standard Profiles'!$G$22=$B$24,21,0),MOD($C5402,24)+1)/SUM(INDEX($D$3:$AA$30,INDEX(Jesper!$R$2:$R$366,ROW(INDEX(Jesper!AL$2:AL$366,ROUNDDOWN($C5402/24,0)+1,1))-1)+IF('Standard Profiles'!$G$22=$B$10,7,0)+IF('Standard Profiles'!$G$22=$B$17,14,0)+IF('Standard Profiles'!$G$22=$B$24,21,0),0)),0)</f>
        <v>0</v>
      </c>
      <c r="I5402">
        <f t="shared" si="601"/>
        <v>0.13320280226813902</v>
      </c>
      <c r="J5402">
        <f t="shared" si="602"/>
        <v>0.44400934089379679</v>
      </c>
      <c r="K5402">
        <f t="shared" si="603"/>
        <v>0.66601401134069516</v>
      </c>
      <c r="L5402">
        <f t="shared" si="604"/>
        <v>10.289028946499602</v>
      </c>
      <c r="M5402">
        <f t="shared" si="605"/>
        <v>0</v>
      </c>
      <c r="N5402" s="46">
        <f t="shared" si="606"/>
        <v>45515.666666653648</v>
      </c>
    </row>
    <row r="5403" spans="2:14" x14ac:dyDescent="0.3">
      <c r="B5403">
        <f t="shared" si="600"/>
        <v>7</v>
      </c>
      <c r="C5403" s="16">
        <v>5369</v>
      </c>
      <c r="D5403" cm="1">
        <f t="array" ref="D5403">IFERROR(INDEX(Jesper!AH$2:AH$366,ROUNDDOWN($C5403/24,0)+1,1)*INDEX($D$3:$AA$30,INDEX(Jesper!$R$2:$R$366,ROW(INDEX(Jesper!AH$2:AH$366,ROUNDDOWN($C5403/24,0)+1,1))-1)+IF('Standard Profiles'!$G$18=$B$10,7,0)+IF('Standard Profiles'!$G$18=$B$17,14,0)+IF('Standard Profiles'!$G$18=$B$24,21,0),MOD($C5403,24)+1)/SUM(INDEX($D$3:$AA$30,INDEX(Jesper!$R$2:$R$366,ROW(INDEX(Jesper!AH$2:AH$366,ROUNDDOWN($C5403/24,0)+1,1))-1)+IF('Standard Profiles'!$G$18=$B$10,7,0)+IF('Standard Profiles'!$G$18=$B$17,14,0)+IF('Standard Profiles'!$G$18=$B$24,21,0),0)),0)</f>
        <v>8.5913470509784897</v>
      </c>
      <c r="E5403" cm="1">
        <f t="array" ref="E5403">IFERROR(INDEX(Jesper!AI$2:AI$366,ROUNDDOWN($C5403/24,0)+1,1)*INDEX($D$3:$AA$30,INDEX(Jesper!$R$2:$R$366,ROW(INDEX(Jesper!AI$2:AI$366,ROUNDDOWN($C5403/24,0)+1,1))-1)+IF('Standard Profiles'!$G$19=$B$10,7,0)+IF('Standard Profiles'!$G$19=$B$17,14,0)+IF('Standard Profiles'!$G$19=$B$24,21,0),MOD($C5403,24)+1)/SUM(INDEX($D$3:$AA$30,INDEX(Jesper!$R$2:$R$366,ROW(INDEX(Jesper!AI$2:AI$366,ROUNDDOWN($C5403/24,0)+1,1))-1)+IF('Standard Profiles'!$G$19=$B$10,7,0)+IF('Standard Profiles'!$G$19=$B$17,14,0)+IF('Standard Profiles'!$G$19=$B$24,21,0),0)),0)</f>
        <v>1.2634891262416021</v>
      </c>
      <c r="F5403" cm="1">
        <f t="array" ref="F5403">IFERROR(INDEX(Jesper!AJ$2:AJ$366,ROUNDDOWN($C5403/24,0)+1,1)*INDEX($D$3:$AA$30,INDEX(Jesper!$R$2:$R$366,ROW(INDEX(Jesper!AJ$2:AJ$366,ROUNDDOWN($C5403/24,0)+1,1))-1)+IF('Standard Profiles'!$G$20=$B$10,7,0)+IF('Standard Profiles'!$G$20=$B$17,14,0)+IF('Standard Profiles'!$G$20=$B$24,21,0),MOD($C5403,24)+1)/SUM(INDEX($D$3:$AA$30,INDEX(Jesper!$R$2:$R$366,ROW(INDEX(Jesper!AJ$2:AJ$366,ROUNDDOWN($C5403/24,0)+1,1))-1)+IF('Standard Profiles'!$G$20=$B$10,7,0)+IF('Standard Profiles'!$G$20=$B$17,14,0)+IF('Standard Profiles'!$G$20=$B$24,21,0),0)),0)</f>
        <v>0</v>
      </c>
      <c r="G5403" cm="1">
        <f t="array" ref="G5403">IFERROR(INDEX(Jesper!AK$2:AK$366,ROUNDDOWN($C5403/24,0)+1,1)*INDEX($D$3:$AA$30,INDEX(Jesper!$R$2:$R$366,ROW(INDEX(Jesper!AK$2:AK$366,ROUNDDOWN($C5403/24,0)+1,1))-1)+IF('Standard Profiles'!$G$21=$B$10,7,0)+IF('Standard Profiles'!$G$21=$B$17,14,0)+IF('Standard Profiles'!$G$21=$B$24,21,0),MOD($C5403,24)+1)/SUM(INDEX($D$3:$AA$30,INDEX(Jesper!$R$2:$R$366,ROW(INDEX(Jesper!AK$2:AK$366,ROUNDDOWN($C5403/24,0)+1,1))-1)+IF('Standard Profiles'!$G$21=$B$10,7,0)+IF('Standard Profiles'!$G$21=$B$17,14,0)+IF('Standard Profiles'!$G$21=$B$24,21,0),0)),0)</f>
        <v>0</v>
      </c>
      <c r="H5403" cm="1">
        <f t="array" ref="H5403">IFERROR(INDEX(Jesper!AL$2:AL$366,ROUNDDOWN($C5403/24,0)+1,1)*INDEX($D$3:$AA$30,INDEX(Jesper!$R$2:$R$366,ROW(INDEX(Jesper!AL$2:AL$366,ROUNDDOWN($C5403/24,0)+1,1))-1)+IF('Standard Profiles'!$G$22=$B$10,7,0)+IF('Standard Profiles'!$G$22=$B$17,14,0)+IF('Standard Profiles'!$G$22=$B$24,21,0),MOD($C5403,24)+1)/SUM(INDEX($D$3:$AA$30,INDEX(Jesper!$R$2:$R$366,ROW(INDEX(Jesper!AL$2:AL$366,ROUNDDOWN($C5403/24,0)+1,1))-1)+IF('Standard Profiles'!$G$22=$B$10,7,0)+IF('Standard Profiles'!$G$22=$B$17,14,0)+IF('Standard Profiles'!$G$22=$B$24,21,0),0)),0)</f>
        <v>0</v>
      </c>
      <c r="I5403">
        <f t="shared" si="601"/>
        <v>0.11382784921095518</v>
      </c>
      <c r="J5403">
        <f t="shared" si="602"/>
        <v>0.3794261640365173</v>
      </c>
      <c r="K5403">
        <f t="shared" si="603"/>
        <v>0.56913924605477595</v>
      </c>
      <c r="L5403">
        <f t="shared" si="604"/>
        <v>8.7924429179178443</v>
      </c>
      <c r="M5403">
        <f t="shared" si="605"/>
        <v>0</v>
      </c>
      <c r="N5403" s="46">
        <f t="shared" si="606"/>
        <v>45515.708333320312</v>
      </c>
    </row>
    <row r="5404" spans="2:14" x14ac:dyDescent="0.3">
      <c r="B5404">
        <f t="shared" si="600"/>
        <v>7</v>
      </c>
      <c r="C5404" s="16">
        <v>5370</v>
      </c>
      <c r="D5404" cm="1">
        <f t="array" ref="D5404">IFERROR(INDEX(Jesper!AH$2:AH$366,ROUNDDOWN($C5404/24,0)+1,1)*INDEX($D$3:$AA$30,INDEX(Jesper!$R$2:$R$366,ROW(INDEX(Jesper!AH$2:AH$366,ROUNDDOWN($C5404/24,0)+1,1))-1)+IF('Standard Profiles'!$G$18=$B$10,7,0)+IF('Standard Profiles'!$G$18=$B$17,14,0)+IF('Standard Profiles'!$G$18=$B$24,21,0),MOD($C5404,24)+1)/SUM(INDEX($D$3:$AA$30,INDEX(Jesper!$R$2:$R$366,ROW(INDEX(Jesper!AH$2:AH$366,ROUNDDOWN($C5404/24,0)+1,1))-1)+IF('Standard Profiles'!$G$18=$B$10,7,0)+IF('Standard Profiles'!$G$18=$B$17,14,0)+IF('Standard Profiles'!$G$18=$B$24,21,0),0)),0)</f>
        <v>8.0429631966607129</v>
      </c>
      <c r="E5404" cm="1">
        <f t="array" ref="E5404">IFERROR(INDEX(Jesper!AI$2:AI$366,ROUNDDOWN($C5404/24,0)+1,1)*INDEX($D$3:$AA$30,INDEX(Jesper!$R$2:$R$366,ROW(INDEX(Jesper!AI$2:AI$366,ROUNDDOWN($C5404/24,0)+1,1))-1)+IF('Standard Profiles'!$G$19=$B$10,7,0)+IF('Standard Profiles'!$G$19=$B$17,14,0)+IF('Standard Profiles'!$G$19=$B$24,21,0),MOD($C5404,24)+1)/SUM(INDEX($D$3:$AA$30,INDEX(Jesper!$R$2:$R$366,ROW(INDEX(Jesper!AI$2:AI$366,ROUNDDOWN($C5404/24,0)+1,1))-1)+IF('Standard Profiles'!$G$19=$B$10,7,0)+IF('Standard Profiles'!$G$19=$B$17,14,0)+IF('Standard Profiles'!$G$19=$B$24,21,0),0)),0)</f>
        <v>1.1828408841410742</v>
      </c>
      <c r="F5404" cm="1">
        <f t="array" ref="F5404">IFERROR(INDEX(Jesper!AJ$2:AJ$366,ROUNDDOWN($C5404/24,0)+1,1)*INDEX($D$3:$AA$30,INDEX(Jesper!$R$2:$R$366,ROW(INDEX(Jesper!AJ$2:AJ$366,ROUNDDOWN($C5404/24,0)+1,1))-1)+IF('Standard Profiles'!$G$20=$B$10,7,0)+IF('Standard Profiles'!$G$20=$B$17,14,0)+IF('Standard Profiles'!$G$20=$B$24,21,0),MOD($C5404,24)+1)/SUM(INDEX($D$3:$AA$30,INDEX(Jesper!$R$2:$R$366,ROW(INDEX(Jesper!AJ$2:AJ$366,ROUNDDOWN($C5404/24,0)+1,1))-1)+IF('Standard Profiles'!$G$20=$B$10,7,0)+IF('Standard Profiles'!$G$20=$B$17,14,0)+IF('Standard Profiles'!$G$20=$B$24,21,0),0)),0)</f>
        <v>0</v>
      </c>
      <c r="G5404" cm="1">
        <f t="array" ref="G5404">IFERROR(INDEX(Jesper!AK$2:AK$366,ROUNDDOWN($C5404/24,0)+1,1)*INDEX($D$3:$AA$30,INDEX(Jesper!$R$2:$R$366,ROW(INDEX(Jesper!AK$2:AK$366,ROUNDDOWN($C5404/24,0)+1,1))-1)+IF('Standard Profiles'!$G$21=$B$10,7,0)+IF('Standard Profiles'!$G$21=$B$17,14,0)+IF('Standard Profiles'!$G$21=$B$24,21,0),MOD($C5404,24)+1)/SUM(INDEX($D$3:$AA$30,INDEX(Jesper!$R$2:$R$366,ROW(INDEX(Jesper!AK$2:AK$366,ROUNDDOWN($C5404/24,0)+1,1))-1)+IF('Standard Profiles'!$G$21=$B$10,7,0)+IF('Standard Profiles'!$G$21=$B$17,14,0)+IF('Standard Profiles'!$G$21=$B$24,21,0),0)),0)</f>
        <v>0</v>
      </c>
      <c r="H5404" cm="1">
        <f t="array" ref="H5404">IFERROR(INDEX(Jesper!AL$2:AL$366,ROUNDDOWN($C5404/24,0)+1,1)*INDEX($D$3:$AA$30,INDEX(Jesper!$R$2:$R$366,ROW(INDEX(Jesper!AL$2:AL$366,ROUNDDOWN($C5404/24,0)+1,1))-1)+IF('Standard Profiles'!$G$22=$B$10,7,0)+IF('Standard Profiles'!$G$22=$B$17,14,0)+IF('Standard Profiles'!$G$22=$B$24,21,0),MOD($C5404,24)+1)/SUM(INDEX($D$3:$AA$30,INDEX(Jesper!$R$2:$R$366,ROW(INDEX(Jesper!AL$2:AL$366,ROUNDDOWN($C5404/24,0)+1,1))-1)+IF('Standard Profiles'!$G$22=$B$10,7,0)+IF('Standard Profiles'!$G$22=$B$17,14,0)+IF('Standard Profiles'!$G$22=$B$24,21,0),0)),0)</f>
        <v>0</v>
      </c>
      <c r="I5404">
        <f t="shared" si="601"/>
        <v>0.10656224181451122</v>
      </c>
      <c r="J5404">
        <f t="shared" si="602"/>
        <v>0.35520747271503744</v>
      </c>
      <c r="K5404">
        <f t="shared" si="603"/>
        <v>0.53281120907255619</v>
      </c>
      <c r="L5404">
        <f t="shared" si="604"/>
        <v>8.2312231571996826</v>
      </c>
      <c r="M5404">
        <f t="shared" si="605"/>
        <v>0</v>
      </c>
      <c r="N5404" s="46">
        <f t="shared" si="606"/>
        <v>45515.749999986976</v>
      </c>
    </row>
    <row r="5405" spans="2:14" x14ac:dyDescent="0.3">
      <c r="B5405">
        <f t="shared" si="600"/>
        <v>7</v>
      </c>
      <c r="C5405" s="16">
        <v>5371</v>
      </c>
      <c r="D5405" cm="1">
        <f t="array" ref="D5405">IFERROR(INDEX(Jesper!AH$2:AH$366,ROUNDDOWN($C5405/24,0)+1,1)*INDEX($D$3:$AA$30,INDEX(Jesper!$R$2:$R$366,ROW(INDEX(Jesper!AH$2:AH$366,ROUNDDOWN($C5405/24,0)+1,1))-1)+IF('Standard Profiles'!$G$18=$B$10,7,0)+IF('Standard Profiles'!$G$18=$B$17,14,0)+IF('Standard Profiles'!$G$18=$B$24,21,0),MOD($C5405,24)+1)/SUM(INDEX($D$3:$AA$30,INDEX(Jesper!$R$2:$R$366,ROW(INDEX(Jesper!AH$2:AH$366,ROUNDDOWN($C5405/24,0)+1,1))-1)+IF('Standard Profiles'!$G$18=$B$10,7,0)+IF('Standard Profiles'!$G$18=$B$17,14,0)+IF('Standard Profiles'!$G$18=$B$24,21,0),0)),0)</f>
        <v>6.7634008699192369</v>
      </c>
      <c r="E5405" cm="1">
        <f t="array" ref="E5405">IFERROR(INDEX(Jesper!AI$2:AI$366,ROUNDDOWN($C5405/24,0)+1,1)*INDEX($D$3:$AA$30,INDEX(Jesper!$R$2:$R$366,ROW(INDEX(Jesper!AI$2:AI$366,ROUNDDOWN($C5405/24,0)+1,1))-1)+IF('Standard Profiles'!$G$19=$B$10,7,0)+IF('Standard Profiles'!$G$19=$B$17,14,0)+IF('Standard Profiles'!$G$19=$B$24,21,0),MOD($C5405,24)+1)/SUM(INDEX($D$3:$AA$30,INDEX(Jesper!$R$2:$R$366,ROW(INDEX(Jesper!AI$2:AI$366,ROUNDDOWN($C5405/24,0)+1,1))-1)+IF('Standard Profiles'!$G$19=$B$10,7,0)+IF('Standard Profiles'!$G$19=$B$17,14,0)+IF('Standard Profiles'!$G$19=$B$24,21,0),0)),0)</f>
        <v>0.99466165257317607</v>
      </c>
      <c r="F5405" cm="1">
        <f t="array" ref="F5405">IFERROR(INDEX(Jesper!AJ$2:AJ$366,ROUNDDOWN($C5405/24,0)+1,1)*INDEX($D$3:$AA$30,INDEX(Jesper!$R$2:$R$366,ROW(INDEX(Jesper!AJ$2:AJ$366,ROUNDDOWN($C5405/24,0)+1,1))-1)+IF('Standard Profiles'!$G$20=$B$10,7,0)+IF('Standard Profiles'!$G$20=$B$17,14,0)+IF('Standard Profiles'!$G$20=$B$24,21,0),MOD($C5405,24)+1)/SUM(INDEX($D$3:$AA$30,INDEX(Jesper!$R$2:$R$366,ROW(INDEX(Jesper!AJ$2:AJ$366,ROUNDDOWN($C5405/24,0)+1,1))-1)+IF('Standard Profiles'!$G$20=$B$10,7,0)+IF('Standard Profiles'!$G$20=$B$17,14,0)+IF('Standard Profiles'!$G$20=$B$24,21,0),0)),0)</f>
        <v>0</v>
      </c>
      <c r="G5405" cm="1">
        <f t="array" ref="G5405">IFERROR(INDEX(Jesper!AK$2:AK$366,ROUNDDOWN($C5405/24,0)+1,1)*INDEX($D$3:$AA$30,INDEX(Jesper!$R$2:$R$366,ROW(INDEX(Jesper!AK$2:AK$366,ROUNDDOWN($C5405/24,0)+1,1))-1)+IF('Standard Profiles'!$G$21=$B$10,7,0)+IF('Standard Profiles'!$G$21=$B$17,14,0)+IF('Standard Profiles'!$G$21=$B$24,21,0),MOD($C5405,24)+1)/SUM(INDEX($D$3:$AA$30,INDEX(Jesper!$R$2:$R$366,ROW(INDEX(Jesper!AK$2:AK$366,ROUNDDOWN($C5405/24,0)+1,1))-1)+IF('Standard Profiles'!$G$21=$B$10,7,0)+IF('Standard Profiles'!$G$21=$B$17,14,0)+IF('Standard Profiles'!$G$21=$B$24,21,0),0)),0)</f>
        <v>0</v>
      </c>
      <c r="H5405" cm="1">
        <f t="array" ref="H5405">IFERROR(INDEX(Jesper!AL$2:AL$366,ROUNDDOWN($C5405/24,0)+1,1)*INDEX($D$3:$AA$30,INDEX(Jesper!$R$2:$R$366,ROW(INDEX(Jesper!AL$2:AL$366,ROUNDDOWN($C5405/24,0)+1,1))-1)+IF('Standard Profiles'!$G$22=$B$10,7,0)+IF('Standard Profiles'!$G$22=$B$17,14,0)+IF('Standard Profiles'!$G$22=$B$24,21,0),MOD($C5405,24)+1)/SUM(INDEX($D$3:$AA$30,INDEX(Jesper!$R$2:$R$366,ROW(INDEX(Jesper!AL$2:AL$366,ROUNDDOWN($C5405/24,0)+1,1))-1)+IF('Standard Profiles'!$G$22=$B$10,7,0)+IF('Standard Profiles'!$G$22=$B$17,14,0)+IF('Standard Profiles'!$G$22=$B$24,21,0),0)),0)</f>
        <v>0</v>
      </c>
      <c r="I5405">
        <f t="shared" si="601"/>
        <v>8.9609157889475349E-2</v>
      </c>
      <c r="J5405">
        <f t="shared" si="602"/>
        <v>0.29869719296491787</v>
      </c>
      <c r="K5405">
        <f t="shared" si="603"/>
        <v>0.44804578944737677</v>
      </c>
      <c r="L5405">
        <f t="shared" si="604"/>
        <v>6.9217103821906427</v>
      </c>
      <c r="M5405">
        <f t="shared" si="605"/>
        <v>0</v>
      </c>
      <c r="N5405" s="46">
        <f t="shared" si="606"/>
        <v>45515.79166665364</v>
      </c>
    </row>
    <row r="5406" spans="2:14" x14ac:dyDescent="0.3">
      <c r="B5406">
        <f t="shared" si="600"/>
        <v>7</v>
      </c>
      <c r="C5406" s="16">
        <v>5372</v>
      </c>
      <c r="D5406" cm="1">
        <f t="array" ref="D5406">IFERROR(INDEX(Jesper!AH$2:AH$366,ROUNDDOWN($C5406/24,0)+1,1)*INDEX($D$3:$AA$30,INDEX(Jesper!$R$2:$R$366,ROW(INDEX(Jesper!AH$2:AH$366,ROUNDDOWN($C5406/24,0)+1,1))-1)+IF('Standard Profiles'!$G$18=$B$10,7,0)+IF('Standard Profiles'!$G$18=$B$17,14,0)+IF('Standard Profiles'!$G$18=$B$24,21,0),MOD($C5406,24)+1)/SUM(INDEX($D$3:$AA$30,INDEX(Jesper!$R$2:$R$366,ROW(INDEX(Jesper!AH$2:AH$366,ROUNDDOWN($C5406/24,0)+1,1))-1)+IF('Standard Profiles'!$G$18=$B$10,7,0)+IF('Standard Profiles'!$G$18=$B$17,14,0)+IF('Standard Profiles'!$G$18=$B$24,21,0),0)),0)</f>
        <v>5.6666331612836833</v>
      </c>
      <c r="E5406" cm="1">
        <f t="array" ref="E5406">IFERROR(INDEX(Jesper!AI$2:AI$366,ROUNDDOWN($C5406/24,0)+1,1)*INDEX($D$3:$AA$30,INDEX(Jesper!$R$2:$R$366,ROW(INDEX(Jesper!AI$2:AI$366,ROUNDDOWN($C5406/24,0)+1,1))-1)+IF('Standard Profiles'!$G$19=$B$10,7,0)+IF('Standard Profiles'!$G$19=$B$17,14,0)+IF('Standard Profiles'!$G$19=$B$24,21,0),MOD($C5406,24)+1)/SUM(INDEX($D$3:$AA$30,INDEX(Jesper!$R$2:$R$366,ROW(INDEX(Jesper!AI$2:AI$366,ROUNDDOWN($C5406/24,0)+1,1))-1)+IF('Standard Profiles'!$G$19=$B$10,7,0)+IF('Standard Profiles'!$G$19=$B$17,14,0)+IF('Standard Profiles'!$G$19=$B$24,21,0),0)),0)</f>
        <v>0.83336516837212038</v>
      </c>
      <c r="F5406" cm="1">
        <f t="array" ref="F5406">IFERROR(INDEX(Jesper!AJ$2:AJ$366,ROUNDDOWN($C5406/24,0)+1,1)*INDEX($D$3:$AA$30,INDEX(Jesper!$R$2:$R$366,ROW(INDEX(Jesper!AJ$2:AJ$366,ROUNDDOWN($C5406/24,0)+1,1))-1)+IF('Standard Profiles'!$G$20=$B$10,7,0)+IF('Standard Profiles'!$G$20=$B$17,14,0)+IF('Standard Profiles'!$G$20=$B$24,21,0),MOD($C5406,24)+1)/SUM(INDEX($D$3:$AA$30,INDEX(Jesper!$R$2:$R$366,ROW(INDEX(Jesper!AJ$2:AJ$366,ROUNDDOWN($C5406/24,0)+1,1))-1)+IF('Standard Profiles'!$G$20=$B$10,7,0)+IF('Standard Profiles'!$G$20=$B$17,14,0)+IF('Standard Profiles'!$G$20=$B$24,21,0),0)),0)</f>
        <v>0</v>
      </c>
      <c r="G5406" cm="1">
        <f t="array" ref="G5406">IFERROR(INDEX(Jesper!AK$2:AK$366,ROUNDDOWN($C5406/24,0)+1,1)*INDEX($D$3:$AA$30,INDEX(Jesper!$R$2:$R$366,ROW(INDEX(Jesper!AK$2:AK$366,ROUNDDOWN($C5406/24,0)+1,1))-1)+IF('Standard Profiles'!$G$21=$B$10,7,0)+IF('Standard Profiles'!$G$21=$B$17,14,0)+IF('Standard Profiles'!$G$21=$B$24,21,0),MOD($C5406,24)+1)/SUM(INDEX($D$3:$AA$30,INDEX(Jesper!$R$2:$R$366,ROW(INDEX(Jesper!AK$2:AK$366,ROUNDDOWN($C5406/24,0)+1,1))-1)+IF('Standard Profiles'!$G$21=$B$10,7,0)+IF('Standard Profiles'!$G$21=$B$17,14,0)+IF('Standard Profiles'!$G$21=$B$24,21,0),0)),0)</f>
        <v>0</v>
      </c>
      <c r="H5406" cm="1">
        <f t="array" ref="H5406">IFERROR(INDEX(Jesper!AL$2:AL$366,ROUNDDOWN($C5406/24,0)+1,1)*INDEX($D$3:$AA$30,INDEX(Jesper!$R$2:$R$366,ROW(INDEX(Jesper!AL$2:AL$366,ROUNDDOWN($C5406/24,0)+1,1))-1)+IF('Standard Profiles'!$G$22=$B$10,7,0)+IF('Standard Profiles'!$G$22=$B$17,14,0)+IF('Standard Profiles'!$G$22=$B$24,21,0),MOD($C5406,24)+1)/SUM(INDEX($D$3:$AA$30,INDEX(Jesper!$R$2:$R$366,ROW(INDEX(Jesper!AL$2:AL$366,ROUNDDOWN($C5406/24,0)+1,1))-1)+IF('Standard Profiles'!$G$22=$B$10,7,0)+IF('Standard Profiles'!$G$22=$B$17,14,0)+IF('Standard Profiles'!$G$22=$B$24,21,0),0)),0)</f>
        <v>0</v>
      </c>
      <c r="I5406">
        <f t="shared" si="601"/>
        <v>7.5077943096587441E-2</v>
      </c>
      <c r="J5406">
        <f t="shared" si="602"/>
        <v>0.25025981032195815</v>
      </c>
      <c r="K5406">
        <f t="shared" si="603"/>
        <v>0.37538971548293726</v>
      </c>
      <c r="L5406">
        <f t="shared" si="604"/>
        <v>5.7992708607543211</v>
      </c>
      <c r="M5406">
        <f t="shared" si="605"/>
        <v>0</v>
      </c>
      <c r="N5406" s="46">
        <f t="shared" si="606"/>
        <v>45515.833333320305</v>
      </c>
    </row>
    <row r="5407" spans="2:14" x14ac:dyDescent="0.3">
      <c r="B5407">
        <f t="shared" si="600"/>
        <v>7</v>
      </c>
      <c r="C5407" s="16">
        <v>5373</v>
      </c>
      <c r="D5407" cm="1">
        <f t="array" ref="D5407">IFERROR(INDEX(Jesper!AH$2:AH$366,ROUNDDOWN($C5407/24,0)+1,1)*INDEX($D$3:$AA$30,INDEX(Jesper!$R$2:$R$366,ROW(INDEX(Jesper!AH$2:AH$366,ROUNDDOWN($C5407/24,0)+1,1))-1)+IF('Standard Profiles'!$G$18=$B$10,7,0)+IF('Standard Profiles'!$G$18=$B$17,14,0)+IF('Standard Profiles'!$G$18=$B$24,21,0),MOD($C5407,24)+1)/SUM(INDEX($D$3:$AA$30,INDEX(Jesper!$R$2:$R$366,ROW(INDEX(Jesper!AH$2:AH$366,ROUNDDOWN($C5407/24,0)+1,1))-1)+IF('Standard Profiles'!$G$18=$B$10,7,0)+IF('Standard Profiles'!$G$18=$B$17,14,0)+IF('Standard Profiles'!$G$18=$B$24,21,0),0)),0)</f>
        <v>4.9354546888599833</v>
      </c>
      <c r="E5407" cm="1">
        <f t="array" ref="E5407">IFERROR(INDEX(Jesper!AI$2:AI$366,ROUNDDOWN($C5407/24,0)+1,1)*INDEX($D$3:$AA$30,INDEX(Jesper!$R$2:$R$366,ROW(INDEX(Jesper!AI$2:AI$366,ROUNDDOWN($C5407/24,0)+1,1))-1)+IF('Standard Profiles'!$G$19=$B$10,7,0)+IF('Standard Profiles'!$G$19=$B$17,14,0)+IF('Standard Profiles'!$G$19=$B$24,21,0),MOD($C5407,24)+1)/SUM(INDEX($D$3:$AA$30,INDEX(Jesper!$R$2:$R$366,ROW(INDEX(Jesper!AI$2:AI$366,ROUNDDOWN($C5407/24,0)+1,1))-1)+IF('Standard Profiles'!$G$19=$B$10,7,0)+IF('Standard Profiles'!$G$19=$B$17,14,0)+IF('Standard Profiles'!$G$19=$B$24,21,0),0)),0)</f>
        <v>0.7258341789047501</v>
      </c>
      <c r="F5407" cm="1">
        <f t="array" ref="F5407">IFERROR(INDEX(Jesper!AJ$2:AJ$366,ROUNDDOWN($C5407/24,0)+1,1)*INDEX($D$3:$AA$30,INDEX(Jesper!$R$2:$R$366,ROW(INDEX(Jesper!AJ$2:AJ$366,ROUNDDOWN($C5407/24,0)+1,1))-1)+IF('Standard Profiles'!$G$20=$B$10,7,0)+IF('Standard Profiles'!$G$20=$B$17,14,0)+IF('Standard Profiles'!$G$20=$B$24,21,0),MOD($C5407,24)+1)/SUM(INDEX($D$3:$AA$30,INDEX(Jesper!$R$2:$R$366,ROW(INDEX(Jesper!AJ$2:AJ$366,ROUNDDOWN($C5407/24,0)+1,1))-1)+IF('Standard Profiles'!$G$20=$B$10,7,0)+IF('Standard Profiles'!$G$20=$B$17,14,0)+IF('Standard Profiles'!$G$20=$B$24,21,0),0)),0)</f>
        <v>0</v>
      </c>
      <c r="G5407" cm="1">
        <f t="array" ref="G5407">IFERROR(INDEX(Jesper!AK$2:AK$366,ROUNDDOWN($C5407/24,0)+1,1)*INDEX($D$3:$AA$30,INDEX(Jesper!$R$2:$R$366,ROW(INDEX(Jesper!AK$2:AK$366,ROUNDDOWN($C5407/24,0)+1,1))-1)+IF('Standard Profiles'!$G$21=$B$10,7,0)+IF('Standard Profiles'!$G$21=$B$17,14,0)+IF('Standard Profiles'!$G$21=$B$24,21,0),MOD($C5407,24)+1)/SUM(INDEX($D$3:$AA$30,INDEX(Jesper!$R$2:$R$366,ROW(INDEX(Jesper!AK$2:AK$366,ROUNDDOWN($C5407/24,0)+1,1))-1)+IF('Standard Profiles'!$G$21=$B$10,7,0)+IF('Standard Profiles'!$G$21=$B$17,14,0)+IF('Standard Profiles'!$G$21=$B$24,21,0),0)),0)</f>
        <v>0</v>
      </c>
      <c r="H5407" cm="1">
        <f t="array" ref="H5407">IFERROR(INDEX(Jesper!AL$2:AL$366,ROUNDDOWN($C5407/24,0)+1,1)*INDEX($D$3:$AA$30,INDEX(Jesper!$R$2:$R$366,ROW(INDEX(Jesper!AL$2:AL$366,ROUNDDOWN($C5407/24,0)+1,1))-1)+IF('Standard Profiles'!$G$22=$B$10,7,0)+IF('Standard Profiles'!$G$22=$B$17,14,0)+IF('Standard Profiles'!$G$22=$B$24,21,0),MOD($C5407,24)+1)/SUM(INDEX($D$3:$AA$30,INDEX(Jesper!$R$2:$R$366,ROW(INDEX(Jesper!AL$2:AL$366,ROUNDDOWN($C5407/24,0)+1,1))-1)+IF('Standard Profiles'!$G$22=$B$10,7,0)+IF('Standard Profiles'!$G$22=$B$17,14,0)+IF('Standard Profiles'!$G$22=$B$24,21,0),0)),0)</f>
        <v>0</v>
      </c>
      <c r="I5407">
        <f t="shared" si="601"/>
        <v>6.539046656799552E-2</v>
      </c>
      <c r="J5407">
        <f t="shared" si="602"/>
        <v>0.21796822189331844</v>
      </c>
      <c r="K5407">
        <f t="shared" si="603"/>
        <v>0.32695233283997766</v>
      </c>
      <c r="L5407">
        <f t="shared" si="604"/>
        <v>5.0509778464634421</v>
      </c>
      <c r="M5407">
        <f t="shared" si="605"/>
        <v>0</v>
      </c>
      <c r="N5407" s="46">
        <f t="shared" si="606"/>
        <v>45515.874999986969</v>
      </c>
    </row>
    <row r="5408" spans="2:14" x14ac:dyDescent="0.3">
      <c r="B5408">
        <f t="shared" si="600"/>
        <v>7</v>
      </c>
      <c r="C5408" s="16">
        <v>5374</v>
      </c>
      <c r="D5408" cm="1">
        <f t="array" ref="D5408">IFERROR(INDEX(Jesper!AH$2:AH$366,ROUNDDOWN($C5408/24,0)+1,1)*INDEX($D$3:$AA$30,INDEX(Jesper!$R$2:$R$366,ROW(INDEX(Jesper!AH$2:AH$366,ROUNDDOWN($C5408/24,0)+1,1))-1)+IF('Standard Profiles'!$G$18=$B$10,7,0)+IF('Standard Profiles'!$G$18=$B$17,14,0)+IF('Standard Profiles'!$G$18=$B$24,21,0),MOD($C5408,24)+1)/SUM(INDEX($D$3:$AA$30,INDEX(Jesper!$R$2:$R$366,ROW(INDEX(Jesper!AH$2:AH$366,ROUNDDOWN($C5408/24,0)+1,1))-1)+IF('Standard Profiles'!$G$18=$B$10,7,0)+IF('Standard Profiles'!$G$18=$B$17,14,0)+IF('Standard Profiles'!$G$18=$B$24,21,0),0)),0)</f>
        <v>4.9354546888599833</v>
      </c>
      <c r="E5408" cm="1">
        <f t="array" ref="E5408">IFERROR(INDEX(Jesper!AI$2:AI$366,ROUNDDOWN($C5408/24,0)+1,1)*INDEX($D$3:$AA$30,INDEX(Jesper!$R$2:$R$366,ROW(INDEX(Jesper!AI$2:AI$366,ROUNDDOWN($C5408/24,0)+1,1))-1)+IF('Standard Profiles'!$G$19=$B$10,7,0)+IF('Standard Profiles'!$G$19=$B$17,14,0)+IF('Standard Profiles'!$G$19=$B$24,21,0),MOD($C5408,24)+1)/SUM(INDEX($D$3:$AA$30,INDEX(Jesper!$R$2:$R$366,ROW(INDEX(Jesper!AI$2:AI$366,ROUNDDOWN($C5408/24,0)+1,1))-1)+IF('Standard Profiles'!$G$19=$B$10,7,0)+IF('Standard Profiles'!$G$19=$B$17,14,0)+IF('Standard Profiles'!$G$19=$B$24,21,0),0)),0)</f>
        <v>0.7258341789047501</v>
      </c>
      <c r="F5408" cm="1">
        <f t="array" ref="F5408">IFERROR(INDEX(Jesper!AJ$2:AJ$366,ROUNDDOWN($C5408/24,0)+1,1)*INDEX($D$3:$AA$30,INDEX(Jesper!$R$2:$R$366,ROW(INDEX(Jesper!AJ$2:AJ$366,ROUNDDOWN($C5408/24,0)+1,1))-1)+IF('Standard Profiles'!$G$20=$B$10,7,0)+IF('Standard Profiles'!$G$20=$B$17,14,0)+IF('Standard Profiles'!$G$20=$B$24,21,0),MOD($C5408,24)+1)/SUM(INDEX($D$3:$AA$30,INDEX(Jesper!$R$2:$R$366,ROW(INDEX(Jesper!AJ$2:AJ$366,ROUNDDOWN($C5408/24,0)+1,1))-1)+IF('Standard Profiles'!$G$20=$B$10,7,0)+IF('Standard Profiles'!$G$20=$B$17,14,0)+IF('Standard Profiles'!$G$20=$B$24,21,0),0)),0)</f>
        <v>0</v>
      </c>
      <c r="G5408" cm="1">
        <f t="array" ref="G5408">IFERROR(INDEX(Jesper!AK$2:AK$366,ROUNDDOWN($C5408/24,0)+1,1)*INDEX($D$3:$AA$30,INDEX(Jesper!$R$2:$R$366,ROW(INDEX(Jesper!AK$2:AK$366,ROUNDDOWN($C5408/24,0)+1,1))-1)+IF('Standard Profiles'!$G$21=$B$10,7,0)+IF('Standard Profiles'!$G$21=$B$17,14,0)+IF('Standard Profiles'!$G$21=$B$24,21,0),MOD($C5408,24)+1)/SUM(INDEX($D$3:$AA$30,INDEX(Jesper!$R$2:$R$366,ROW(INDEX(Jesper!AK$2:AK$366,ROUNDDOWN($C5408/24,0)+1,1))-1)+IF('Standard Profiles'!$G$21=$B$10,7,0)+IF('Standard Profiles'!$G$21=$B$17,14,0)+IF('Standard Profiles'!$G$21=$B$24,21,0),0)),0)</f>
        <v>0</v>
      </c>
      <c r="H5408" cm="1">
        <f t="array" ref="H5408">IFERROR(INDEX(Jesper!AL$2:AL$366,ROUNDDOWN($C5408/24,0)+1,1)*INDEX($D$3:$AA$30,INDEX(Jesper!$R$2:$R$366,ROW(INDEX(Jesper!AL$2:AL$366,ROUNDDOWN($C5408/24,0)+1,1))-1)+IF('Standard Profiles'!$G$22=$B$10,7,0)+IF('Standard Profiles'!$G$22=$B$17,14,0)+IF('Standard Profiles'!$G$22=$B$24,21,0),MOD($C5408,24)+1)/SUM(INDEX($D$3:$AA$30,INDEX(Jesper!$R$2:$R$366,ROW(INDEX(Jesper!AL$2:AL$366,ROUNDDOWN($C5408/24,0)+1,1))-1)+IF('Standard Profiles'!$G$22=$B$10,7,0)+IF('Standard Profiles'!$G$22=$B$17,14,0)+IF('Standard Profiles'!$G$22=$B$24,21,0),0)),0)</f>
        <v>0</v>
      </c>
      <c r="I5408">
        <f t="shared" si="601"/>
        <v>6.539046656799552E-2</v>
      </c>
      <c r="J5408">
        <f t="shared" si="602"/>
        <v>0.21796822189331844</v>
      </c>
      <c r="K5408">
        <f t="shared" si="603"/>
        <v>0.32695233283997766</v>
      </c>
      <c r="L5408">
        <f t="shared" si="604"/>
        <v>5.0509778464634421</v>
      </c>
      <c r="M5408">
        <f t="shared" si="605"/>
        <v>0</v>
      </c>
      <c r="N5408" s="46">
        <f t="shared" si="606"/>
        <v>45515.916666653633</v>
      </c>
    </row>
    <row r="5409" spans="2:14" x14ac:dyDescent="0.3">
      <c r="B5409">
        <f t="shared" si="600"/>
        <v>7</v>
      </c>
      <c r="C5409" s="16">
        <v>5375</v>
      </c>
      <c r="D5409" cm="1">
        <f t="array" ref="D5409">IFERROR(INDEX(Jesper!AH$2:AH$366,ROUNDDOWN($C5409/24,0)+1,1)*INDEX($D$3:$AA$30,INDEX(Jesper!$R$2:$R$366,ROW(INDEX(Jesper!AH$2:AH$366,ROUNDDOWN($C5409/24,0)+1,1))-1)+IF('Standard Profiles'!$G$18=$B$10,7,0)+IF('Standard Profiles'!$G$18=$B$17,14,0)+IF('Standard Profiles'!$G$18=$B$24,21,0),MOD($C5409,24)+1)/SUM(INDEX($D$3:$AA$30,INDEX(Jesper!$R$2:$R$366,ROW(INDEX(Jesper!AH$2:AH$366,ROUNDDOWN($C5409/24,0)+1,1))-1)+IF('Standard Profiles'!$G$18=$B$10,7,0)+IF('Standard Profiles'!$G$18=$B$17,14,0)+IF('Standard Profiles'!$G$18=$B$24,21,0),0)),0)</f>
        <v>4.9354546888599833</v>
      </c>
      <c r="E5409" cm="1">
        <f t="array" ref="E5409">IFERROR(INDEX(Jesper!AI$2:AI$366,ROUNDDOWN($C5409/24,0)+1,1)*INDEX($D$3:$AA$30,INDEX(Jesper!$R$2:$R$366,ROW(INDEX(Jesper!AI$2:AI$366,ROUNDDOWN($C5409/24,0)+1,1))-1)+IF('Standard Profiles'!$G$19=$B$10,7,0)+IF('Standard Profiles'!$G$19=$B$17,14,0)+IF('Standard Profiles'!$G$19=$B$24,21,0),MOD($C5409,24)+1)/SUM(INDEX($D$3:$AA$30,INDEX(Jesper!$R$2:$R$366,ROW(INDEX(Jesper!AI$2:AI$366,ROUNDDOWN($C5409/24,0)+1,1))-1)+IF('Standard Profiles'!$G$19=$B$10,7,0)+IF('Standard Profiles'!$G$19=$B$17,14,0)+IF('Standard Profiles'!$G$19=$B$24,21,0),0)),0)</f>
        <v>0.7258341789047501</v>
      </c>
      <c r="F5409" cm="1">
        <f t="array" ref="F5409">IFERROR(INDEX(Jesper!AJ$2:AJ$366,ROUNDDOWN($C5409/24,0)+1,1)*INDEX($D$3:$AA$30,INDEX(Jesper!$R$2:$R$366,ROW(INDEX(Jesper!AJ$2:AJ$366,ROUNDDOWN($C5409/24,0)+1,1))-1)+IF('Standard Profiles'!$G$20=$B$10,7,0)+IF('Standard Profiles'!$G$20=$B$17,14,0)+IF('Standard Profiles'!$G$20=$B$24,21,0),MOD($C5409,24)+1)/SUM(INDEX($D$3:$AA$30,INDEX(Jesper!$R$2:$R$366,ROW(INDEX(Jesper!AJ$2:AJ$366,ROUNDDOWN($C5409/24,0)+1,1))-1)+IF('Standard Profiles'!$G$20=$B$10,7,0)+IF('Standard Profiles'!$G$20=$B$17,14,0)+IF('Standard Profiles'!$G$20=$B$24,21,0),0)),0)</f>
        <v>0</v>
      </c>
      <c r="G5409" cm="1">
        <f t="array" ref="G5409">IFERROR(INDEX(Jesper!AK$2:AK$366,ROUNDDOWN($C5409/24,0)+1,1)*INDEX($D$3:$AA$30,INDEX(Jesper!$R$2:$R$366,ROW(INDEX(Jesper!AK$2:AK$366,ROUNDDOWN($C5409/24,0)+1,1))-1)+IF('Standard Profiles'!$G$21=$B$10,7,0)+IF('Standard Profiles'!$G$21=$B$17,14,0)+IF('Standard Profiles'!$G$21=$B$24,21,0),MOD($C5409,24)+1)/SUM(INDEX($D$3:$AA$30,INDEX(Jesper!$R$2:$R$366,ROW(INDEX(Jesper!AK$2:AK$366,ROUNDDOWN($C5409/24,0)+1,1))-1)+IF('Standard Profiles'!$G$21=$B$10,7,0)+IF('Standard Profiles'!$G$21=$B$17,14,0)+IF('Standard Profiles'!$G$21=$B$24,21,0),0)),0)</f>
        <v>0</v>
      </c>
      <c r="H5409" cm="1">
        <f t="array" ref="H5409">IFERROR(INDEX(Jesper!AL$2:AL$366,ROUNDDOWN($C5409/24,0)+1,1)*INDEX($D$3:$AA$30,INDEX(Jesper!$R$2:$R$366,ROW(INDEX(Jesper!AL$2:AL$366,ROUNDDOWN($C5409/24,0)+1,1))-1)+IF('Standard Profiles'!$G$22=$B$10,7,0)+IF('Standard Profiles'!$G$22=$B$17,14,0)+IF('Standard Profiles'!$G$22=$B$24,21,0),MOD($C5409,24)+1)/SUM(INDEX($D$3:$AA$30,INDEX(Jesper!$R$2:$R$366,ROW(INDEX(Jesper!AL$2:AL$366,ROUNDDOWN($C5409/24,0)+1,1))-1)+IF('Standard Profiles'!$G$22=$B$10,7,0)+IF('Standard Profiles'!$G$22=$B$17,14,0)+IF('Standard Profiles'!$G$22=$B$24,21,0),0)),0)</f>
        <v>0</v>
      </c>
      <c r="I5409">
        <f t="shared" si="601"/>
        <v>6.539046656799552E-2</v>
      </c>
      <c r="J5409">
        <f t="shared" si="602"/>
        <v>0.21796822189331844</v>
      </c>
      <c r="K5409">
        <f t="shared" si="603"/>
        <v>0.32695233283997766</v>
      </c>
      <c r="L5409">
        <f t="shared" si="604"/>
        <v>5.0509778464634421</v>
      </c>
      <c r="M5409">
        <f t="shared" si="605"/>
        <v>0</v>
      </c>
      <c r="N5409" s="46">
        <f t="shared" si="606"/>
        <v>45515.958333320297</v>
      </c>
    </row>
    <row r="5410" spans="2:14" x14ac:dyDescent="0.3">
      <c r="B5410">
        <f t="shared" si="600"/>
        <v>1</v>
      </c>
      <c r="C5410" s="16">
        <v>5376</v>
      </c>
      <c r="D5410" cm="1">
        <f t="array" ref="D5410">IFERROR(INDEX(Jesper!AH$2:AH$366,ROUNDDOWN($C5410/24,0)+1,1)*INDEX($D$3:$AA$30,INDEX(Jesper!$R$2:$R$366,ROW(INDEX(Jesper!AH$2:AH$366,ROUNDDOWN($C5410/24,0)+1,1))-1)+IF('Standard Profiles'!$G$18=$B$10,7,0)+IF('Standard Profiles'!$G$18=$B$17,14,0)+IF('Standard Profiles'!$G$18=$B$24,21,0),MOD($C5410,24)+1)/SUM(INDEX($D$3:$AA$30,INDEX(Jesper!$R$2:$R$366,ROW(INDEX(Jesper!AH$2:AH$366,ROUNDDOWN($C5410/24,0)+1,1))-1)+IF('Standard Profiles'!$G$18=$B$10,7,0)+IF('Standard Profiles'!$G$18=$B$17,14,0)+IF('Standard Profiles'!$G$18=$B$24,21,0),0)),0)</f>
        <v>2.3181953484734237</v>
      </c>
      <c r="E5410" cm="1">
        <f t="array" ref="E5410">IFERROR(INDEX(Jesper!AI$2:AI$366,ROUNDDOWN($C5410/24,0)+1,1)*INDEX($D$3:$AA$30,INDEX(Jesper!$R$2:$R$366,ROW(INDEX(Jesper!AI$2:AI$366,ROUNDDOWN($C5410/24,0)+1,1))-1)+IF('Standard Profiles'!$G$19=$B$10,7,0)+IF('Standard Profiles'!$G$19=$B$17,14,0)+IF('Standard Profiles'!$G$19=$B$24,21,0),MOD($C5410,24)+1)/SUM(INDEX($D$3:$AA$30,INDEX(Jesper!$R$2:$R$366,ROW(INDEX(Jesper!AI$2:AI$366,ROUNDDOWN($C5410/24,0)+1,1))-1)+IF('Standard Profiles'!$G$19=$B$10,7,0)+IF('Standard Profiles'!$G$19=$B$17,14,0)+IF('Standard Profiles'!$G$19=$B$24,21,0),0)),0)</f>
        <v>0</v>
      </c>
      <c r="F5410" cm="1">
        <f t="array" ref="F5410">IFERROR(INDEX(Jesper!AJ$2:AJ$366,ROUNDDOWN($C5410/24,0)+1,1)*INDEX($D$3:$AA$30,INDEX(Jesper!$R$2:$R$366,ROW(INDEX(Jesper!AJ$2:AJ$366,ROUNDDOWN($C5410/24,0)+1,1))-1)+IF('Standard Profiles'!$G$20=$B$10,7,0)+IF('Standard Profiles'!$G$20=$B$17,14,0)+IF('Standard Profiles'!$G$20=$B$24,21,0),MOD($C5410,24)+1)/SUM(INDEX($D$3:$AA$30,INDEX(Jesper!$R$2:$R$366,ROW(INDEX(Jesper!AJ$2:AJ$366,ROUNDDOWN($C5410/24,0)+1,1))-1)+IF('Standard Profiles'!$G$20=$B$10,7,0)+IF('Standard Profiles'!$G$20=$B$17,14,0)+IF('Standard Profiles'!$G$20=$B$24,21,0),0)),0)</f>
        <v>0</v>
      </c>
      <c r="G5410" cm="1">
        <f t="array" ref="G5410">IFERROR(INDEX(Jesper!AK$2:AK$366,ROUNDDOWN($C5410/24,0)+1,1)*INDEX($D$3:$AA$30,INDEX(Jesper!$R$2:$R$366,ROW(INDEX(Jesper!AK$2:AK$366,ROUNDDOWN($C5410/24,0)+1,1))-1)+IF('Standard Profiles'!$G$21=$B$10,7,0)+IF('Standard Profiles'!$G$21=$B$17,14,0)+IF('Standard Profiles'!$G$21=$B$24,21,0),MOD($C5410,24)+1)/SUM(INDEX($D$3:$AA$30,INDEX(Jesper!$R$2:$R$366,ROW(INDEX(Jesper!AK$2:AK$366,ROUNDDOWN($C5410/24,0)+1,1))-1)+IF('Standard Profiles'!$G$21=$B$10,7,0)+IF('Standard Profiles'!$G$21=$B$17,14,0)+IF('Standard Profiles'!$G$21=$B$24,21,0),0)),0)</f>
        <v>0</v>
      </c>
      <c r="H5410" cm="1">
        <f t="array" ref="H5410">IFERROR(INDEX(Jesper!AL$2:AL$366,ROUNDDOWN($C5410/24,0)+1,1)*INDEX($D$3:$AA$30,INDEX(Jesper!$R$2:$R$366,ROW(INDEX(Jesper!AL$2:AL$366,ROUNDDOWN($C5410/24,0)+1,1))-1)+IF('Standard Profiles'!$G$22=$B$10,7,0)+IF('Standard Profiles'!$G$22=$B$17,14,0)+IF('Standard Profiles'!$G$22=$B$24,21,0),MOD($C5410,24)+1)/SUM(INDEX($D$3:$AA$30,INDEX(Jesper!$R$2:$R$366,ROW(INDEX(Jesper!AL$2:AL$366,ROUNDDOWN($C5410/24,0)+1,1))-1)+IF('Standard Profiles'!$G$22=$B$10,7,0)+IF('Standard Profiles'!$G$22=$B$17,14,0)+IF('Standard Profiles'!$G$22=$B$24,21,0),0)),0)</f>
        <v>0</v>
      </c>
      <c r="I5410">
        <f t="shared" si="601"/>
        <v>6.9545860454202704E-2</v>
      </c>
      <c r="J5410">
        <f t="shared" si="602"/>
        <v>0.23181953484734238</v>
      </c>
      <c r="K5410">
        <f t="shared" si="603"/>
        <v>0.34772930227101356</v>
      </c>
      <c r="L5410">
        <f t="shared" si="604"/>
        <v>1.669100650900865</v>
      </c>
      <c r="M5410">
        <f t="shared" si="605"/>
        <v>0</v>
      </c>
      <c r="N5410" s="46">
        <f t="shared" si="606"/>
        <v>45515.999999986961</v>
      </c>
    </row>
    <row r="5411" spans="2:14" x14ac:dyDescent="0.3">
      <c r="B5411">
        <f t="shared" ref="B5411:B5474" si="607">WEEKDAY(N5411,2)</f>
        <v>1</v>
      </c>
      <c r="C5411" s="16">
        <v>5377</v>
      </c>
      <c r="D5411" cm="1">
        <f t="array" ref="D5411">IFERROR(INDEX(Jesper!AH$2:AH$366,ROUNDDOWN($C5411/24,0)+1,1)*INDEX($D$3:$AA$30,INDEX(Jesper!$R$2:$R$366,ROW(INDEX(Jesper!AH$2:AH$366,ROUNDDOWN($C5411/24,0)+1,1))-1)+IF('Standard Profiles'!$G$18=$B$10,7,0)+IF('Standard Profiles'!$G$18=$B$17,14,0)+IF('Standard Profiles'!$G$18=$B$24,21,0),MOD($C5411,24)+1)/SUM(INDEX($D$3:$AA$30,INDEX(Jesper!$R$2:$R$366,ROW(INDEX(Jesper!AH$2:AH$366,ROUNDDOWN($C5411/24,0)+1,1))-1)+IF('Standard Profiles'!$G$18=$B$10,7,0)+IF('Standard Profiles'!$G$18=$B$17,14,0)+IF('Standard Profiles'!$G$18=$B$24,21,0),0)),0)</f>
        <v>2.3181953484734237</v>
      </c>
      <c r="E5411" cm="1">
        <f t="array" ref="E5411">IFERROR(INDEX(Jesper!AI$2:AI$366,ROUNDDOWN($C5411/24,0)+1,1)*INDEX($D$3:$AA$30,INDEX(Jesper!$R$2:$R$366,ROW(INDEX(Jesper!AI$2:AI$366,ROUNDDOWN($C5411/24,0)+1,1))-1)+IF('Standard Profiles'!$G$19=$B$10,7,0)+IF('Standard Profiles'!$G$19=$B$17,14,0)+IF('Standard Profiles'!$G$19=$B$24,21,0),MOD($C5411,24)+1)/SUM(INDEX($D$3:$AA$30,INDEX(Jesper!$R$2:$R$366,ROW(INDEX(Jesper!AI$2:AI$366,ROUNDDOWN($C5411/24,0)+1,1))-1)+IF('Standard Profiles'!$G$19=$B$10,7,0)+IF('Standard Profiles'!$G$19=$B$17,14,0)+IF('Standard Profiles'!$G$19=$B$24,21,0),0)),0)</f>
        <v>0</v>
      </c>
      <c r="F5411" cm="1">
        <f t="array" ref="F5411">IFERROR(INDEX(Jesper!AJ$2:AJ$366,ROUNDDOWN($C5411/24,0)+1,1)*INDEX($D$3:$AA$30,INDEX(Jesper!$R$2:$R$366,ROW(INDEX(Jesper!AJ$2:AJ$366,ROUNDDOWN($C5411/24,0)+1,1))-1)+IF('Standard Profiles'!$G$20=$B$10,7,0)+IF('Standard Profiles'!$G$20=$B$17,14,0)+IF('Standard Profiles'!$G$20=$B$24,21,0),MOD($C5411,24)+1)/SUM(INDEX($D$3:$AA$30,INDEX(Jesper!$R$2:$R$366,ROW(INDEX(Jesper!AJ$2:AJ$366,ROUNDDOWN($C5411/24,0)+1,1))-1)+IF('Standard Profiles'!$G$20=$B$10,7,0)+IF('Standard Profiles'!$G$20=$B$17,14,0)+IF('Standard Profiles'!$G$20=$B$24,21,0),0)),0)</f>
        <v>0</v>
      </c>
      <c r="G5411" cm="1">
        <f t="array" ref="G5411">IFERROR(INDEX(Jesper!AK$2:AK$366,ROUNDDOWN($C5411/24,0)+1,1)*INDEX($D$3:$AA$30,INDEX(Jesper!$R$2:$R$366,ROW(INDEX(Jesper!AK$2:AK$366,ROUNDDOWN($C5411/24,0)+1,1))-1)+IF('Standard Profiles'!$G$21=$B$10,7,0)+IF('Standard Profiles'!$G$21=$B$17,14,0)+IF('Standard Profiles'!$G$21=$B$24,21,0),MOD($C5411,24)+1)/SUM(INDEX($D$3:$AA$30,INDEX(Jesper!$R$2:$R$366,ROW(INDEX(Jesper!AK$2:AK$366,ROUNDDOWN($C5411/24,0)+1,1))-1)+IF('Standard Profiles'!$G$21=$B$10,7,0)+IF('Standard Profiles'!$G$21=$B$17,14,0)+IF('Standard Profiles'!$G$21=$B$24,21,0),0)),0)</f>
        <v>0</v>
      </c>
      <c r="H5411" cm="1">
        <f t="array" ref="H5411">IFERROR(INDEX(Jesper!AL$2:AL$366,ROUNDDOWN($C5411/24,0)+1,1)*INDEX($D$3:$AA$30,INDEX(Jesper!$R$2:$R$366,ROW(INDEX(Jesper!AL$2:AL$366,ROUNDDOWN($C5411/24,0)+1,1))-1)+IF('Standard Profiles'!$G$22=$B$10,7,0)+IF('Standard Profiles'!$G$22=$B$17,14,0)+IF('Standard Profiles'!$G$22=$B$24,21,0),MOD($C5411,24)+1)/SUM(INDEX($D$3:$AA$30,INDEX(Jesper!$R$2:$R$366,ROW(INDEX(Jesper!AL$2:AL$366,ROUNDDOWN($C5411/24,0)+1,1))-1)+IF('Standard Profiles'!$G$22=$B$10,7,0)+IF('Standard Profiles'!$G$22=$B$17,14,0)+IF('Standard Profiles'!$G$22=$B$24,21,0),0)),0)</f>
        <v>0</v>
      </c>
      <c r="I5411">
        <f t="shared" ref="I5411:I5474" si="608">IF($B5411&lt;6,AC$37*$D5411+AC$38*$E5411+AC$39*$F5411+AC$40*$G5411,AC$46*$D5411+AC$47*$E5411+AC$48*$F5411+AC$49*$G5411+AC$50*$H5411)</f>
        <v>6.9545860454202704E-2</v>
      </c>
      <c r="J5411">
        <f t="shared" ref="J5411:J5474" si="609">IF($B5411&lt;6,AD$37*$D5411+AD$38*$E5411+AD$39*$F5411+AD$40*$G5411,AD$46*$D5411+AD$47*$E5411+AD$48*$F5411+AD$49*$G5411+AD$50*$H5411)</f>
        <v>0.23181953484734238</v>
      </c>
      <c r="K5411">
        <f t="shared" ref="K5411:K5474" si="610">IF($B5411&lt;6,AE$37*$D5411+AE$38*$E5411+AE$39*$F5411+AE$40*$G5411,AE$46*$D5411+AE$47*$E5411+AE$48*$F5411+AE$49*$G5411+AE$50*$H5411)</f>
        <v>0.34772930227101356</v>
      </c>
      <c r="L5411">
        <f t="shared" ref="L5411:L5474" si="611">IF($B5411&lt;6,AF$37*$D5411+AF$38*$E5411+AF$39*$F5411+AF$40*$G5411,AF$46*$D5411+AF$47*$E5411+AF$48*$F5411+AF$49*$G5411+AF$50*$H5411)</f>
        <v>1.669100650900865</v>
      </c>
      <c r="M5411">
        <f t="shared" ref="M5411:M5474" si="612">IF($B5411&lt;6,AG$37*$D5411+AG$38*$E5411+AG$39*$F5411+AG$40*$G5411,AG$46*$D5411+AG$47*$E5411+AG$48*$F5411+AG$49*$G5411+AG$50*$H5411)</f>
        <v>0</v>
      </c>
      <c r="N5411" s="46">
        <f t="shared" si="606"/>
        <v>45516.041666653626</v>
      </c>
    </row>
    <row r="5412" spans="2:14" x14ac:dyDescent="0.3">
      <c r="B5412">
        <f t="shared" si="607"/>
        <v>1</v>
      </c>
      <c r="C5412" s="16">
        <v>5378</v>
      </c>
      <c r="D5412" cm="1">
        <f t="array" ref="D5412">IFERROR(INDEX(Jesper!AH$2:AH$366,ROUNDDOWN($C5412/24,0)+1,1)*INDEX($D$3:$AA$30,INDEX(Jesper!$R$2:$R$366,ROW(INDEX(Jesper!AH$2:AH$366,ROUNDDOWN($C5412/24,0)+1,1))-1)+IF('Standard Profiles'!$G$18=$B$10,7,0)+IF('Standard Profiles'!$G$18=$B$17,14,0)+IF('Standard Profiles'!$G$18=$B$24,21,0),MOD($C5412,24)+1)/SUM(INDEX($D$3:$AA$30,INDEX(Jesper!$R$2:$R$366,ROW(INDEX(Jesper!AH$2:AH$366,ROUNDDOWN($C5412/24,0)+1,1))-1)+IF('Standard Profiles'!$G$18=$B$10,7,0)+IF('Standard Profiles'!$G$18=$B$17,14,0)+IF('Standard Profiles'!$G$18=$B$24,21,0),0)),0)</f>
        <v>2.3181953484734237</v>
      </c>
      <c r="E5412" cm="1">
        <f t="array" ref="E5412">IFERROR(INDEX(Jesper!AI$2:AI$366,ROUNDDOWN($C5412/24,0)+1,1)*INDEX($D$3:$AA$30,INDEX(Jesper!$R$2:$R$366,ROW(INDEX(Jesper!AI$2:AI$366,ROUNDDOWN($C5412/24,0)+1,1))-1)+IF('Standard Profiles'!$G$19=$B$10,7,0)+IF('Standard Profiles'!$G$19=$B$17,14,0)+IF('Standard Profiles'!$G$19=$B$24,21,0),MOD($C5412,24)+1)/SUM(INDEX($D$3:$AA$30,INDEX(Jesper!$R$2:$R$366,ROW(INDEX(Jesper!AI$2:AI$366,ROUNDDOWN($C5412/24,0)+1,1))-1)+IF('Standard Profiles'!$G$19=$B$10,7,0)+IF('Standard Profiles'!$G$19=$B$17,14,0)+IF('Standard Profiles'!$G$19=$B$24,21,0),0)),0)</f>
        <v>0</v>
      </c>
      <c r="F5412" cm="1">
        <f t="array" ref="F5412">IFERROR(INDEX(Jesper!AJ$2:AJ$366,ROUNDDOWN($C5412/24,0)+1,1)*INDEX($D$3:$AA$30,INDEX(Jesper!$R$2:$R$366,ROW(INDEX(Jesper!AJ$2:AJ$366,ROUNDDOWN($C5412/24,0)+1,1))-1)+IF('Standard Profiles'!$G$20=$B$10,7,0)+IF('Standard Profiles'!$G$20=$B$17,14,0)+IF('Standard Profiles'!$G$20=$B$24,21,0),MOD($C5412,24)+1)/SUM(INDEX($D$3:$AA$30,INDEX(Jesper!$R$2:$R$366,ROW(INDEX(Jesper!AJ$2:AJ$366,ROUNDDOWN($C5412/24,0)+1,1))-1)+IF('Standard Profiles'!$G$20=$B$10,7,0)+IF('Standard Profiles'!$G$20=$B$17,14,0)+IF('Standard Profiles'!$G$20=$B$24,21,0),0)),0)</f>
        <v>0</v>
      </c>
      <c r="G5412" cm="1">
        <f t="array" ref="G5412">IFERROR(INDEX(Jesper!AK$2:AK$366,ROUNDDOWN($C5412/24,0)+1,1)*INDEX($D$3:$AA$30,INDEX(Jesper!$R$2:$R$366,ROW(INDEX(Jesper!AK$2:AK$366,ROUNDDOWN($C5412/24,0)+1,1))-1)+IF('Standard Profiles'!$G$21=$B$10,7,0)+IF('Standard Profiles'!$G$21=$B$17,14,0)+IF('Standard Profiles'!$G$21=$B$24,21,0),MOD($C5412,24)+1)/SUM(INDEX($D$3:$AA$30,INDEX(Jesper!$R$2:$R$366,ROW(INDEX(Jesper!AK$2:AK$366,ROUNDDOWN($C5412/24,0)+1,1))-1)+IF('Standard Profiles'!$G$21=$B$10,7,0)+IF('Standard Profiles'!$G$21=$B$17,14,0)+IF('Standard Profiles'!$G$21=$B$24,21,0),0)),0)</f>
        <v>0</v>
      </c>
      <c r="H5412" cm="1">
        <f t="array" ref="H5412">IFERROR(INDEX(Jesper!AL$2:AL$366,ROUNDDOWN($C5412/24,0)+1,1)*INDEX($D$3:$AA$30,INDEX(Jesper!$R$2:$R$366,ROW(INDEX(Jesper!AL$2:AL$366,ROUNDDOWN($C5412/24,0)+1,1))-1)+IF('Standard Profiles'!$G$22=$B$10,7,0)+IF('Standard Profiles'!$G$22=$B$17,14,0)+IF('Standard Profiles'!$G$22=$B$24,21,0),MOD($C5412,24)+1)/SUM(INDEX($D$3:$AA$30,INDEX(Jesper!$R$2:$R$366,ROW(INDEX(Jesper!AL$2:AL$366,ROUNDDOWN($C5412/24,0)+1,1))-1)+IF('Standard Profiles'!$G$22=$B$10,7,0)+IF('Standard Profiles'!$G$22=$B$17,14,0)+IF('Standard Profiles'!$G$22=$B$24,21,0),0)),0)</f>
        <v>0</v>
      </c>
      <c r="I5412">
        <f t="shared" si="608"/>
        <v>6.9545860454202704E-2</v>
      </c>
      <c r="J5412">
        <f t="shared" si="609"/>
        <v>0.23181953484734238</v>
      </c>
      <c r="K5412">
        <f t="shared" si="610"/>
        <v>0.34772930227101356</v>
      </c>
      <c r="L5412">
        <f t="shared" si="611"/>
        <v>1.669100650900865</v>
      </c>
      <c r="M5412">
        <f t="shared" si="612"/>
        <v>0</v>
      </c>
      <c r="N5412" s="46">
        <f t="shared" ref="N5412:N5475" si="613">N5411+1/24</f>
        <v>45516.08333332029</v>
      </c>
    </row>
    <row r="5413" spans="2:14" x14ac:dyDescent="0.3">
      <c r="B5413">
        <f t="shared" si="607"/>
        <v>1</v>
      </c>
      <c r="C5413" s="16">
        <v>5379</v>
      </c>
      <c r="D5413" cm="1">
        <f t="array" ref="D5413">IFERROR(INDEX(Jesper!AH$2:AH$366,ROUNDDOWN($C5413/24,0)+1,1)*INDEX($D$3:$AA$30,INDEX(Jesper!$R$2:$R$366,ROW(INDEX(Jesper!AH$2:AH$366,ROUNDDOWN($C5413/24,0)+1,1))-1)+IF('Standard Profiles'!$G$18=$B$10,7,0)+IF('Standard Profiles'!$G$18=$B$17,14,0)+IF('Standard Profiles'!$G$18=$B$24,21,0),MOD($C5413,24)+1)/SUM(INDEX($D$3:$AA$30,INDEX(Jesper!$R$2:$R$366,ROW(INDEX(Jesper!AH$2:AH$366,ROUNDDOWN($C5413/24,0)+1,1))-1)+IF('Standard Profiles'!$G$18=$B$10,7,0)+IF('Standard Profiles'!$G$18=$B$17,14,0)+IF('Standard Profiles'!$G$18=$B$24,21,0),0)),0)</f>
        <v>2.3181953484734237</v>
      </c>
      <c r="E5413" cm="1">
        <f t="array" ref="E5413">IFERROR(INDEX(Jesper!AI$2:AI$366,ROUNDDOWN($C5413/24,0)+1,1)*INDEX($D$3:$AA$30,INDEX(Jesper!$R$2:$R$366,ROW(INDEX(Jesper!AI$2:AI$366,ROUNDDOWN($C5413/24,0)+1,1))-1)+IF('Standard Profiles'!$G$19=$B$10,7,0)+IF('Standard Profiles'!$G$19=$B$17,14,0)+IF('Standard Profiles'!$G$19=$B$24,21,0),MOD($C5413,24)+1)/SUM(INDEX($D$3:$AA$30,INDEX(Jesper!$R$2:$R$366,ROW(INDEX(Jesper!AI$2:AI$366,ROUNDDOWN($C5413/24,0)+1,1))-1)+IF('Standard Profiles'!$G$19=$B$10,7,0)+IF('Standard Profiles'!$G$19=$B$17,14,0)+IF('Standard Profiles'!$G$19=$B$24,21,0),0)),0)</f>
        <v>0</v>
      </c>
      <c r="F5413" cm="1">
        <f t="array" ref="F5413">IFERROR(INDEX(Jesper!AJ$2:AJ$366,ROUNDDOWN($C5413/24,0)+1,1)*INDEX($D$3:$AA$30,INDEX(Jesper!$R$2:$R$366,ROW(INDEX(Jesper!AJ$2:AJ$366,ROUNDDOWN($C5413/24,0)+1,1))-1)+IF('Standard Profiles'!$G$20=$B$10,7,0)+IF('Standard Profiles'!$G$20=$B$17,14,0)+IF('Standard Profiles'!$G$20=$B$24,21,0),MOD($C5413,24)+1)/SUM(INDEX($D$3:$AA$30,INDEX(Jesper!$R$2:$R$366,ROW(INDEX(Jesper!AJ$2:AJ$366,ROUNDDOWN($C5413/24,0)+1,1))-1)+IF('Standard Profiles'!$G$20=$B$10,7,0)+IF('Standard Profiles'!$G$20=$B$17,14,0)+IF('Standard Profiles'!$G$20=$B$24,21,0),0)),0)</f>
        <v>0</v>
      </c>
      <c r="G5413" cm="1">
        <f t="array" ref="G5413">IFERROR(INDEX(Jesper!AK$2:AK$366,ROUNDDOWN($C5413/24,0)+1,1)*INDEX($D$3:$AA$30,INDEX(Jesper!$R$2:$R$366,ROW(INDEX(Jesper!AK$2:AK$366,ROUNDDOWN($C5413/24,0)+1,1))-1)+IF('Standard Profiles'!$G$21=$B$10,7,0)+IF('Standard Profiles'!$G$21=$B$17,14,0)+IF('Standard Profiles'!$G$21=$B$24,21,0),MOD($C5413,24)+1)/SUM(INDEX($D$3:$AA$30,INDEX(Jesper!$R$2:$R$366,ROW(INDEX(Jesper!AK$2:AK$366,ROUNDDOWN($C5413/24,0)+1,1))-1)+IF('Standard Profiles'!$G$21=$B$10,7,0)+IF('Standard Profiles'!$G$21=$B$17,14,0)+IF('Standard Profiles'!$G$21=$B$24,21,0),0)),0)</f>
        <v>0</v>
      </c>
      <c r="H5413" cm="1">
        <f t="array" ref="H5413">IFERROR(INDEX(Jesper!AL$2:AL$366,ROUNDDOWN($C5413/24,0)+1,1)*INDEX($D$3:$AA$30,INDEX(Jesper!$R$2:$R$366,ROW(INDEX(Jesper!AL$2:AL$366,ROUNDDOWN($C5413/24,0)+1,1))-1)+IF('Standard Profiles'!$G$22=$B$10,7,0)+IF('Standard Profiles'!$G$22=$B$17,14,0)+IF('Standard Profiles'!$G$22=$B$24,21,0),MOD($C5413,24)+1)/SUM(INDEX($D$3:$AA$30,INDEX(Jesper!$R$2:$R$366,ROW(INDEX(Jesper!AL$2:AL$366,ROUNDDOWN($C5413/24,0)+1,1))-1)+IF('Standard Profiles'!$G$22=$B$10,7,0)+IF('Standard Profiles'!$G$22=$B$17,14,0)+IF('Standard Profiles'!$G$22=$B$24,21,0),0)),0)</f>
        <v>0</v>
      </c>
      <c r="I5413">
        <f t="shared" si="608"/>
        <v>6.9545860454202704E-2</v>
      </c>
      <c r="J5413">
        <f t="shared" si="609"/>
        <v>0.23181953484734238</v>
      </c>
      <c r="K5413">
        <f t="shared" si="610"/>
        <v>0.34772930227101356</v>
      </c>
      <c r="L5413">
        <f t="shared" si="611"/>
        <v>1.669100650900865</v>
      </c>
      <c r="M5413">
        <f t="shared" si="612"/>
        <v>0</v>
      </c>
      <c r="N5413" s="46">
        <f t="shared" si="613"/>
        <v>45516.124999986954</v>
      </c>
    </row>
    <row r="5414" spans="2:14" x14ac:dyDescent="0.3">
      <c r="B5414">
        <f t="shared" si="607"/>
        <v>1</v>
      </c>
      <c r="C5414" s="16">
        <v>5380</v>
      </c>
      <c r="D5414" cm="1">
        <f t="array" ref="D5414">IFERROR(INDEX(Jesper!AH$2:AH$366,ROUNDDOWN($C5414/24,0)+1,1)*INDEX($D$3:$AA$30,INDEX(Jesper!$R$2:$R$366,ROW(INDEX(Jesper!AH$2:AH$366,ROUNDDOWN($C5414/24,0)+1,1))-1)+IF('Standard Profiles'!$G$18=$B$10,7,0)+IF('Standard Profiles'!$G$18=$B$17,14,0)+IF('Standard Profiles'!$G$18=$B$24,21,0),MOD($C5414,24)+1)/SUM(INDEX($D$3:$AA$30,INDEX(Jesper!$R$2:$R$366,ROW(INDEX(Jesper!AH$2:AH$366,ROUNDDOWN($C5414/24,0)+1,1))-1)+IF('Standard Profiles'!$G$18=$B$10,7,0)+IF('Standard Profiles'!$G$18=$B$17,14,0)+IF('Standard Profiles'!$G$18=$B$24,21,0),0)),0)</f>
        <v>2.3181953484734237</v>
      </c>
      <c r="E5414" cm="1">
        <f t="array" ref="E5414">IFERROR(INDEX(Jesper!AI$2:AI$366,ROUNDDOWN($C5414/24,0)+1,1)*INDEX($D$3:$AA$30,INDEX(Jesper!$R$2:$R$366,ROW(INDEX(Jesper!AI$2:AI$366,ROUNDDOWN($C5414/24,0)+1,1))-1)+IF('Standard Profiles'!$G$19=$B$10,7,0)+IF('Standard Profiles'!$G$19=$B$17,14,0)+IF('Standard Profiles'!$G$19=$B$24,21,0),MOD($C5414,24)+1)/SUM(INDEX($D$3:$AA$30,INDEX(Jesper!$R$2:$R$366,ROW(INDEX(Jesper!AI$2:AI$366,ROUNDDOWN($C5414/24,0)+1,1))-1)+IF('Standard Profiles'!$G$19=$B$10,7,0)+IF('Standard Profiles'!$G$19=$B$17,14,0)+IF('Standard Profiles'!$G$19=$B$24,21,0),0)),0)</f>
        <v>0</v>
      </c>
      <c r="F5414" cm="1">
        <f t="array" ref="F5414">IFERROR(INDEX(Jesper!AJ$2:AJ$366,ROUNDDOWN($C5414/24,0)+1,1)*INDEX($D$3:$AA$30,INDEX(Jesper!$R$2:$R$366,ROW(INDEX(Jesper!AJ$2:AJ$366,ROUNDDOWN($C5414/24,0)+1,1))-1)+IF('Standard Profiles'!$G$20=$B$10,7,0)+IF('Standard Profiles'!$G$20=$B$17,14,0)+IF('Standard Profiles'!$G$20=$B$24,21,0),MOD($C5414,24)+1)/SUM(INDEX($D$3:$AA$30,INDEX(Jesper!$R$2:$R$366,ROW(INDEX(Jesper!AJ$2:AJ$366,ROUNDDOWN($C5414/24,0)+1,1))-1)+IF('Standard Profiles'!$G$20=$B$10,7,0)+IF('Standard Profiles'!$G$20=$B$17,14,0)+IF('Standard Profiles'!$G$20=$B$24,21,0),0)),0)</f>
        <v>0</v>
      </c>
      <c r="G5414" cm="1">
        <f t="array" ref="G5414">IFERROR(INDEX(Jesper!AK$2:AK$366,ROUNDDOWN($C5414/24,0)+1,1)*INDEX($D$3:$AA$30,INDEX(Jesper!$R$2:$R$366,ROW(INDEX(Jesper!AK$2:AK$366,ROUNDDOWN($C5414/24,0)+1,1))-1)+IF('Standard Profiles'!$G$21=$B$10,7,0)+IF('Standard Profiles'!$G$21=$B$17,14,0)+IF('Standard Profiles'!$G$21=$B$24,21,0),MOD($C5414,24)+1)/SUM(INDEX($D$3:$AA$30,INDEX(Jesper!$R$2:$R$366,ROW(INDEX(Jesper!AK$2:AK$366,ROUNDDOWN($C5414/24,0)+1,1))-1)+IF('Standard Profiles'!$G$21=$B$10,7,0)+IF('Standard Profiles'!$G$21=$B$17,14,0)+IF('Standard Profiles'!$G$21=$B$24,21,0),0)),0)</f>
        <v>0</v>
      </c>
      <c r="H5414" cm="1">
        <f t="array" ref="H5414">IFERROR(INDEX(Jesper!AL$2:AL$366,ROUNDDOWN($C5414/24,0)+1,1)*INDEX($D$3:$AA$30,INDEX(Jesper!$R$2:$R$366,ROW(INDEX(Jesper!AL$2:AL$366,ROUNDDOWN($C5414/24,0)+1,1))-1)+IF('Standard Profiles'!$G$22=$B$10,7,0)+IF('Standard Profiles'!$G$22=$B$17,14,0)+IF('Standard Profiles'!$G$22=$B$24,21,0),MOD($C5414,24)+1)/SUM(INDEX($D$3:$AA$30,INDEX(Jesper!$R$2:$R$366,ROW(INDEX(Jesper!AL$2:AL$366,ROUNDDOWN($C5414/24,0)+1,1))-1)+IF('Standard Profiles'!$G$22=$B$10,7,0)+IF('Standard Profiles'!$G$22=$B$17,14,0)+IF('Standard Profiles'!$G$22=$B$24,21,0),0)),0)</f>
        <v>0</v>
      </c>
      <c r="I5414">
        <f t="shared" si="608"/>
        <v>6.9545860454202704E-2</v>
      </c>
      <c r="J5414">
        <f t="shared" si="609"/>
        <v>0.23181953484734238</v>
      </c>
      <c r="K5414">
        <f t="shared" si="610"/>
        <v>0.34772930227101356</v>
      </c>
      <c r="L5414">
        <f t="shared" si="611"/>
        <v>1.669100650900865</v>
      </c>
      <c r="M5414">
        <f t="shared" si="612"/>
        <v>0</v>
      </c>
      <c r="N5414" s="46">
        <f t="shared" si="613"/>
        <v>45516.166666653618</v>
      </c>
    </row>
    <row r="5415" spans="2:14" x14ac:dyDescent="0.3">
      <c r="B5415">
        <f t="shared" si="607"/>
        <v>1</v>
      </c>
      <c r="C5415" s="16">
        <v>5381</v>
      </c>
      <c r="D5415" cm="1">
        <f t="array" ref="D5415">IFERROR(INDEX(Jesper!AH$2:AH$366,ROUNDDOWN($C5415/24,0)+1,1)*INDEX($D$3:$AA$30,INDEX(Jesper!$R$2:$R$366,ROW(INDEX(Jesper!AH$2:AH$366,ROUNDDOWN($C5415/24,0)+1,1))-1)+IF('Standard Profiles'!$G$18=$B$10,7,0)+IF('Standard Profiles'!$G$18=$B$17,14,0)+IF('Standard Profiles'!$G$18=$B$24,21,0),MOD($C5415,24)+1)/SUM(INDEX($D$3:$AA$30,INDEX(Jesper!$R$2:$R$366,ROW(INDEX(Jesper!AH$2:AH$366,ROUNDDOWN($C5415/24,0)+1,1))-1)+IF('Standard Profiles'!$G$18=$B$10,7,0)+IF('Standard Profiles'!$G$18=$B$17,14,0)+IF('Standard Profiles'!$G$18=$B$24,21,0),0)),0)</f>
        <v>10.04551317671817</v>
      </c>
      <c r="E5415" cm="1">
        <f t="array" ref="E5415">IFERROR(INDEX(Jesper!AI$2:AI$366,ROUNDDOWN($C5415/24,0)+1,1)*INDEX($D$3:$AA$30,INDEX(Jesper!$R$2:$R$366,ROW(INDEX(Jesper!AI$2:AI$366,ROUNDDOWN($C5415/24,0)+1,1))-1)+IF('Standard Profiles'!$G$19=$B$10,7,0)+IF('Standard Profiles'!$G$19=$B$17,14,0)+IF('Standard Profiles'!$G$19=$B$24,21,0),MOD($C5415,24)+1)/SUM(INDEX($D$3:$AA$30,INDEX(Jesper!$R$2:$R$366,ROW(INDEX(Jesper!AI$2:AI$366,ROUNDDOWN($C5415/24,0)+1,1))-1)+IF('Standard Profiles'!$G$19=$B$10,7,0)+IF('Standard Profiles'!$G$19=$B$17,14,0)+IF('Standard Profiles'!$G$19=$B$24,21,0),0)),0)</f>
        <v>0</v>
      </c>
      <c r="F5415" cm="1">
        <f t="array" ref="F5415">IFERROR(INDEX(Jesper!AJ$2:AJ$366,ROUNDDOWN($C5415/24,0)+1,1)*INDEX($D$3:$AA$30,INDEX(Jesper!$R$2:$R$366,ROW(INDEX(Jesper!AJ$2:AJ$366,ROUNDDOWN($C5415/24,0)+1,1))-1)+IF('Standard Profiles'!$G$20=$B$10,7,0)+IF('Standard Profiles'!$G$20=$B$17,14,0)+IF('Standard Profiles'!$G$20=$B$24,21,0),MOD($C5415,24)+1)/SUM(INDEX($D$3:$AA$30,INDEX(Jesper!$R$2:$R$366,ROW(INDEX(Jesper!AJ$2:AJ$366,ROUNDDOWN($C5415/24,0)+1,1))-1)+IF('Standard Profiles'!$G$20=$B$10,7,0)+IF('Standard Profiles'!$G$20=$B$17,14,0)+IF('Standard Profiles'!$G$20=$B$24,21,0),0)),0)</f>
        <v>0</v>
      </c>
      <c r="G5415" cm="1">
        <f t="array" ref="G5415">IFERROR(INDEX(Jesper!AK$2:AK$366,ROUNDDOWN($C5415/24,0)+1,1)*INDEX($D$3:$AA$30,INDEX(Jesper!$R$2:$R$366,ROW(INDEX(Jesper!AK$2:AK$366,ROUNDDOWN($C5415/24,0)+1,1))-1)+IF('Standard Profiles'!$G$21=$B$10,7,0)+IF('Standard Profiles'!$G$21=$B$17,14,0)+IF('Standard Profiles'!$G$21=$B$24,21,0),MOD($C5415,24)+1)/SUM(INDEX($D$3:$AA$30,INDEX(Jesper!$R$2:$R$366,ROW(INDEX(Jesper!AK$2:AK$366,ROUNDDOWN($C5415/24,0)+1,1))-1)+IF('Standard Profiles'!$G$21=$B$10,7,0)+IF('Standard Profiles'!$G$21=$B$17,14,0)+IF('Standard Profiles'!$G$21=$B$24,21,0),0)),0)</f>
        <v>0</v>
      </c>
      <c r="H5415" cm="1">
        <f t="array" ref="H5415">IFERROR(INDEX(Jesper!AL$2:AL$366,ROUNDDOWN($C5415/24,0)+1,1)*INDEX($D$3:$AA$30,INDEX(Jesper!$R$2:$R$366,ROW(INDEX(Jesper!AL$2:AL$366,ROUNDDOWN($C5415/24,0)+1,1))-1)+IF('Standard Profiles'!$G$22=$B$10,7,0)+IF('Standard Profiles'!$G$22=$B$17,14,0)+IF('Standard Profiles'!$G$22=$B$24,21,0),MOD($C5415,24)+1)/SUM(INDEX($D$3:$AA$30,INDEX(Jesper!$R$2:$R$366,ROW(INDEX(Jesper!AL$2:AL$366,ROUNDDOWN($C5415/24,0)+1,1))-1)+IF('Standard Profiles'!$G$22=$B$10,7,0)+IF('Standard Profiles'!$G$22=$B$17,14,0)+IF('Standard Profiles'!$G$22=$B$24,21,0),0)),0)</f>
        <v>0</v>
      </c>
      <c r="I5415">
        <f t="shared" si="608"/>
        <v>0.3013653953015451</v>
      </c>
      <c r="J5415">
        <f t="shared" si="609"/>
        <v>1.004551317671817</v>
      </c>
      <c r="K5415">
        <f t="shared" si="610"/>
        <v>1.5068269765077256</v>
      </c>
      <c r="L5415">
        <f t="shared" si="611"/>
        <v>7.232769487237082</v>
      </c>
      <c r="M5415">
        <f t="shared" si="612"/>
        <v>0</v>
      </c>
      <c r="N5415" s="46">
        <f t="shared" si="613"/>
        <v>45516.208333320283</v>
      </c>
    </row>
    <row r="5416" spans="2:14" x14ac:dyDescent="0.3">
      <c r="B5416">
        <f t="shared" si="607"/>
        <v>1</v>
      </c>
      <c r="C5416" s="16">
        <v>5382</v>
      </c>
      <c r="D5416" cm="1">
        <f t="array" ref="D5416">IFERROR(INDEX(Jesper!AH$2:AH$366,ROUNDDOWN($C5416/24,0)+1,1)*INDEX($D$3:$AA$30,INDEX(Jesper!$R$2:$R$366,ROW(INDEX(Jesper!AH$2:AH$366,ROUNDDOWN($C5416/24,0)+1,1))-1)+IF('Standard Profiles'!$G$18=$B$10,7,0)+IF('Standard Profiles'!$G$18=$B$17,14,0)+IF('Standard Profiles'!$G$18=$B$24,21,0),MOD($C5416,24)+1)/SUM(INDEX($D$3:$AA$30,INDEX(Jesper!$R$2:$R$366,ROW(INDEX(Jesper!AH$2:AH$366,ROUNDDOWN($C5416/24,0)+1,1))-1)+IF('Standard Profiles'!$G$18=$B$10,7,0)+IF('Standard Profiles'!$G$18=$B$17,14,0)+IF('Standard Profiles'!$G$18=$B$24,21,0),0)),0)</f>
        <v>11.397793796661</v>
      </c>
      <c r="E5416" cm="1">
        <f t="array" ref="E5416">IFERROR(INDEX(Jesper!AI$2:AI$366,ROUNDDOWN($C5416/24,0)+1,1)*INDEX($D$3:$AA$30,INDEX(Jesper!$R$2:$R$366,ROW(INDEX(Jesper!AI$2:AI$366,ROUNDDOWN($C5416/24,0)+1,1))-1)+IF('Standard Profiles'!$G$19=$B$10,7,0)+IF('Standard Profiles'!$G$19=$B$17,14,0)+IF('Standard Profiles'!$G$19=$B$24,21,0),MOD($C5416,24)+1)/SUM(INDEX($D$3:$AA$30,INDEX(Jesper!$R$2:$R$366,ROW(INDEX(Jesper!AI$2:AI$366,ROUNDDOWN($C5416/24,0)+1,1))-1)+IF('Standard Profiles'!$G$19=$B$10,7,0)+IF('Standard Profiles'!$G$19=$B$17,14,0)+IF('Standard Profiles'!$G$19=$B$24,21,0),0)),0)</f>
        <v>0</v>
      </c>
      <c r="F5416" cm="1">
        <f t="array" ref="F5416">IFERROR(INDEX(Jesper!AJ$2:AJ$366,ROUNDDOWN($C5416/24,0)+1,1)*INDEX($D$3:$AA$30,INDEX(Jesper!$R$2:$R$366,ROW(INDEX(Jesper!AJ$2:AJ$366,ROUNDDOWN($C5416/24,0)+1,1))-1)+IF('Standard Profiles'!$G$20=$B$10,7,0)+IF('Standard Profiles'!$G$20=$B$17,14,0)+IF('Standard Profiles'!$G$20=$B$24,21,0),MOD($C5416,24)+1)/SUM(INDEX($D$3:$AA$30,INDEX(Jesper!$R$2:$R$366,ROW(INDEX(Jesper!AJ$2:AJ$366,ROUNDDOWN($C5416/24,0)+1,1))-1)+IF('Standard Profiles'!$G$20=$B$10,7,0)+IF('Standard Profiles'!$G$20=$B$17,14,0)+IF('Standard Profiles'!$G$20=$B$24,21,0),0)),0)</f>
        <v>0</v>
      </c>
      <c r="G5416" cm="1">
        <f t="array" ref="G5416">IFERROR(INDEX(Jesper!AK$2:AK$366,ROUNDDOWN($C5416/24,0)+1,1)*INDEX($D$3:$AA$30,INDEX(Jesper!$R$2:$R$366,ROW(INDEX(Jesper!AK$2:AK$366,ROUNDDOWN($C5416/24,0)+1,1))-1)+IF('Standard Profiles'!$G$21=$B$10,7,0)+IF('Standard Profiles'!$G$21=$B$17,14,0)+IF('Standard Profiles'!$G$21=$B$24,21,0),MOD($C5416,24)+1)/SUM(INDEX($D$3:$AA$30,INDEX(Jesper!$R$2:$R$366,ROW(INDEX(Jesper!AK$2:AK$366,ROUNDDOWN($C5416/24,0)+1,1))-1)+IF('Standard Profiles'!$G$21=$B$10,7,0)+IF('Standard Profiles'!$G$21=$B$17,14,0)+IF('Standard Profiles'!$G$21=$B$24,21,0),0)),0)</f>
        <v>0</v>
      </c>
      <c r="H5416" cm="1">
        <f t="array" ref="H5416">IFERROR(INDEX(Jesper!AL$2:AL$366,ROUNDDOWN($C5416/24,0)+1,1)*INDEX($D$3:$AA$30,INDEX(Jesper!$R$2:$R$366,ROW(INDEX(Jesper!AL$2:AL$366,ROUNDDOWN($C5416/24,0)+1,1))-1)+IF('Standard Profiles'!$G$22=$B$10,7,0)+IF('Standard Profiles'!$G$22=$B$17,14,0)+IF('Standard Profiles'!$G$22=$B$24,21,0),MOD($C5416,24)+1)/SUM(INDEX($D$3:$AA$30,INDEX(Jesper!$R$2:$R$366,ROW(INDEX(Jesper!AL$2:AL$366,ROUNDDOWN($C5416/24,0)+1,1))-1)+IF('Standard Profiles'!$G$22=$B$10,7,0)+IF('Standard Profiles'!$G$22=$B$17,14,0)+IF('Standard Profiles'!$G$22=$B$24,21,0),0)),0)</f>
        <v>0</v>
      </c>
      <c r="I5416">
        <f t="shared" si="608"/>
        <v>0.34193381389983002</v>
      </c>
      <c r="J5416">
        <f t="shared" si="609"/>
        <v>1.1397793796661</v>
      </c>
      <c r="K5416">
        <f t="shared" si="610"/>
        <v>1.7096690694991501</v>
      </c>
      <c r="L5416">
        <f t="shared" si="611"/>
        <v>8.2064115335959205</v>
      </c>
      <c r="M5416">
        <f t="shared" si="612"/>
        <v>0</v>
      </c>
      <c r="N5416" s="46">
        <f t="shared" si="613"/>
        <v>45516.249999986947</v>
      </c>
    </row>
    <row r="5417" spans="2:14" x14ac:dyDescent="0.3">
      <c r="B5417">
        <f t="shared" si="607"/>
        <v>1</v>
      </c>
      <c r="C5417" s="16">
        <v>5383</v>
      </c>
      <c r="D5417" cm="1">
        <f t="array" ref="D5417">IFERROR(INDEX(Jesper!AH$2:AH$366,ROUNDDOWN($C5417/24,0)+1,1)*INDEX($D$3:$AA$30,INDEX(Jesper!$R$2:$R$366,ROW(INDEX(Jesper!AH$2:AH$366,ROUNDDOWN($C5417/24,0)+1,1))-1)+IF('Standard Profiles'!$G$18=$B$10,7,0)+IF('Standard Profiles'!$G$18=$B$17,14,0)+IF('Standard Profiles'!$G$18=$B$24,21,0),MOD($C5417,24)+1)/SUM(INDEX($D$3:$AA$30,INDEX(Jesper!$R$2:$R$366,ROW(INDEX(Jesper!AH$2:AH$366,ROUNDDOWN($C5417/24,0)+1,1))-1)+IF('Standard Profiles'!$G$18=$B$10,7,0)+IF('Standard Profiles'!$G$18=$B$17,14,0)+IF('Standard Profiles'!$G$18=$B$24,21,0),0)),0)</f>
        <v>11.397793796661</v>
      </c>
      <c r="E5417" cm="1">
        <f t="array" ref="E5417">IFERROR(INDEX(Jesper!AI$2:AI$366,ROUNDDOWN($C5417/24,0)+1,1)*INDEX($D$3:$AA$30,INDEX(Jesper!$R$2:$R$366,ROW(INDEX(Jesper!AI$2:AI$366,ROUNDDOWN($C5417/24,0)+1,1))-1)+IF('Standard Profiles'!$G$19=$B$10,7,0)+IF('Standard Profiles'!$G$19=$B$17,14,0)+IF('Standard Profiles'!$G$19=$B$24,21,0),MOD($C5417,24)+1)/SUM(INDEX($D$3:$AA$30,INDEX(Jesper!$R$2:$R$366,ROW(INDEX(Jesper!AI$2:AI$366,ROUNDDOWN($C5417/24,0)+1,1))-1)+IF('Standard Profiles'!$G$19=$B$10,7,0)+IF('Standard Profiles'!$G$19=$B$17,14,0)+IF('Standard Profiles'!$G$19=$B$24,21,0),0)),0)</f>
        <v>0</v>
      </c>
      <c r="F5417" cm="1">
        <f t="array" ref="F5417">IFERROR(INDEX(Jesper!AJ$2:AJ$366,ROUNDDOWN($C5417/24,0)+1,1)*INDEX($D$3:$AA$30,INDEX(Jesper!$R$2:$R$366,ROW(INDEX(Jesper!AJ$2:AJ$366,ROUNDDOWN($C5417/24,0)+1,1))-1)+IF('Standard Profiles'!$G$20=$B$10,7,0)+IF('Standard Profiles'!$G$20=$B$17,14,0)+IF('Standard Profiles'!$G$20=$B$24,21,0),MOD($C5417,24)+1)/SUM(INDEX($D$3:$AA$30,INDEX(Jesper!$R$2:$R$366,ROW(INDEX(Jesper!AJ$2:AJ$366,ROUNDDOWN($C5417/24,0)+1,1))-1)+IF('Standard Profiles'!$G$20=$B$10,7,0)+IF('Standard Profiles'!$G$20=$B$17,14,0)+IF('Standard Profiles'!$G$20=$B$24,21,0),0)),0)</f>
        <v>0</v>
      </c>
      <c r="G5417" cm="1">
        <f t="array" ref="G5417">IFERROR(INDEX(Jesper!AK$2:AK$366,ROUNDDOWN($C5417/24,0)+1,1)*INDEX($D$3:$AA$30,INDEX(Jesper!$R$2:$R$366,ROW(INDEX(Jesper!AK$2:AK$366,ROUNDDOWN($C5417/24,0)+1,1))-1)+IF('Standard Profiles'!$G$21=$B$10,7,0)+IF('Standard Profiles'!$G$21=$B$17,14,0)+IF('Standard Profiles'!$G$21=$B$24,21,0),MOD($C5417,24)+1)/SUM(INDEX($D$3:$AA$30,INDEX(Jesper!$R$2:$R$366,ROW(INDEX(Jesper!AK$2:AK$366,ROUNDDOWN($C5417/24,0)+1,1))-1)+IF('Standard Profiles'!$G$21=$B$10,7,0)+IF('Standard Profiles'!$G$21=$B$17,14,0)+IF('Standard Profiles'!$G$21=$B$24,21,0),0)),0)</f>
        <v>0</v>
      </c>
      <c r="H5417" cm="1">
        <f t="array" ref="H5417">IFERROR(INDEX(Jesper!AL$2:AL$366,ROUNDDOWN($C5417/24,0)+1,1)*INDEX($D$3:$AA$30,INDEX(Jesper!$R$2:$R$366,ROW(INDEX(Jesper!AL$2:AL$366,ROUNDDOWN($C5417/24,0)+1,1))-1)+IF('Standard Profiles'!$G$22=$B$10,7,0)+IF('Standard Profiles'!$G$22=$B$17,14,0)+IF('Standard Profiles'!$G$22=$B$24,21,0),MOD($C5417,24)+1)/SUM(INDEX($D$3:$AA$30,INDEX(Jesper!$R$2:$R$366,ROW(INDEX(Jesper!AL$2:AL$366,ROUNDDOWN($C5417/24,0)+1,1))-1)+IF('Standard Profiles'!$G$22=$B$10,7,0)+IF('Standard Profiles'!$G$22=$B$17,14,0)+IF('Standard Profiles'!$G$22=$B$24,21,0),0)),0)</f>
        <v>0</v>
      </c>
      <c r="I5417">
        <f t="shared" si="608"/>
        <v>0.34193381389983002</v>
      </c>
      <c r="J5417">
        <f t="shared" si="609"/>
        <v>1.1397793796661</v>
      </c>
      <c r="K5417">
        <f t="shared" si="610"/>
        <v>1.7096690694991501</v>
      </c>
      <c r="L5417">
        <f t="shared" si="611"/>
        <v>8.2064115335959205</v>
      </c>
      <c r="M5417">
        <f t="shared" si="612"/>
        <v>0</v>
      </c>
      <c r="N5417" s="46">
        <f t="shared" si="613"/>
        <v>45516.291666653611</v>
      </c>
    </row>
    <row r="5418" spans="2:14" x14ac:dyDescent="0.3">
      <c r="B5418">
        <f t="shared" si="607"/>
        <v>1</v>
      </c>
      <c r="C5418" s="16">
        <v>5384</v>
      </c>
      <c r="D5418" cm="1">
        <f t="array" ref="D5418">IFERROR(INDEX(Jesper!AH$2:AH$366,ROUNDDOWN($C5418/24,0)+1,1)*INDEX($D$3:$AA$30,INDEX(Jesper!$R$2:$R$366,ROW(INDEX(Jesper!AH$2:AH$366,ROUNDDOWN($C5418/24,0)+1,1))-1)+IF('Standard Profiles'!$G$18=$B$10,7,0)+IF('Standard Profiles'!$G$18=$B$17,14,0)+IF('Standard Profiles'!$G$18=$B$24,21,0),MOD($C5418,24)+1)/SUM(INDEX($D$3:$AA$30,INDEX(Jesper!$R$2:$R$366,ROW(INDEX(Jesper!AH$2:AH$366,ROUNDDOWN($C5418/24,0)+1,1))-1)+IF('Standard Profiles'!$G$18=$B$10,7,0)+IF('Standard Profiles'!$G$18=$B$17,14,0)+IF('Standard Profiles'!$G$18=$B$24,21,0),0)),0)</f>
        <v>11.397793796661</v>
      </c>
      <c r="E5418" cm="1">
        <f t="array" ref="E5418">IFERROR(INDEX(Jesper!AI$2:AI$366,ROUNDDOWN($C5418/24,0)+1,1)*INDEX($D$3:$AA$30,INDEX(Jesper!$R$2:$R$366,ROW(INDEX(Jesper!AI$2:AI$366,ROUNDDOWN($C5418/24,0)+1,1))-1)+IF('Standard Profiles'!$G$19=$B$10,7,0)+IF('Standard Profiles'!$G$19=$B$17,14,0)+IF('Standard Profiles'!$G$19=$B$24,21,0),MOD($C5418,24)+1)/SUM(INDEX($D$3:$AA$30,INDEX(Jesper!$R$2:$R$366,ROW(INDEX(Jesper!AI$2:AI$366,ROUNDDOWN($C5418/24,0)+1,1))-1)+IF('Standard Profiles'!$G$19=$B$10,7,0)+IF('Standard Profiles'!$G$19=$B$17,14,0)+IF('Standard Profiles'!$G$19=$B$24,21,0),0)),0)</f>
        <v>0</v>
      </c>
      <c r="F5418" cm="1">
        <f t="array" ref="F5418">IFERROR(INDEX(Jesper!AJ$2:AJ$366,ROUNDDOWN($C5418/24,0)+1,1)*INDEX($D$3:$AA$30,INDEX(Jesper!$R$2:$R$366,ROW(INDEX(Jesper!AJ$2:AJ$366,ROUNDDOWN($C5418/24,0)+1,1))-1)+IF('Standard Profiles'!$G$20=$B$10,7,0)+IF('Standard Profiles'!$G$20=$B$17,14,0)+IF('Standard Profiles'!$G$20=$B$24,21,0),MOD($C5418,24)+1)/SUM(INDEX($D$3:$AA$30,INDEX(Jesper!$R$2:$R$366,ROW(INDEX(Jesper!AJ$2:AJ$366,ROUNDDOWN($C5418/24,0)+1,1))-1)+IF('Standard Profiles'!$G$20=$B$10,7,0)+IF('Standard Profiles'!$G$20=$B$17,14,0)+IF('Standard Profiles'!$G$20=$B$24,21,0),0)),0)</f>
        <v>0</v>
      </c>
      <c r="G5418" cm="1">
        <f t="array" ref="G5418">IFERROR(INDEX(Jesper!AK$2:AK$366,ROUNDDOWN($C5418/24,0)+1,1)*INDEX($D$3:$AA$30,INDEX(Jesper!$R$2:$R$366,ROW(INDEX(Jesper!AK$2:AK$366,ROUNDDOWN($C5418/24,0)+1,1))-1)+IF('Standard Profiles'!$G$21=$B$10,7,0)+IF('Standard Profiles'!$G$21=$B$17,14,0)+IF('Standard Profiles'!$G$21=$B$24,21,0),MOD($C5418,24)+1)/SUM(INDEX($D$3:$AA$30,INDEX(Jesper!$R$2:$R$366,ROW(INDEX(Jesper!AK$2:AK$366,ROUNDDOWN($C5418/24,0)+1,1))-1)+IF('Standard Profiles'!$G$21=$B$10,7,0)+IF('Standard Profiles'!$G$21=$B$17,14,0)+IF('Standard Profiles'!$G$21=$B$24,21,0),0)),0)</f>
        <v>0</v>
      </c>
      <c r="H5418" cm="1">
        <f t="array" ref="H5418">IFERROR(INDEX(Jesper!AL$2:AL$366,ROUNDDOWN($C5418/24,0)+1,1)*INDEX($D$3:$AA$30,INDEX(Jesper!$R$2:$R$366,ROW(INDEX(Jesper!AL$2:AL$366,ROUNDDOWN($C5418/24,0)+1,1))-1)+IF('Standard Profiles'!$G$22=$B$10,7,0)+IF('Standard Profiles'!$G$22=$B$17,14,0)+IF('Standard Profiles'!$G$22=$B$24,21,0),MOD($C5418,24)+1)/SUM(INDEX($D$3:$AA$30,INDEX(Jesper!$R$2:$R$366,ROW(INDEX(Jesper!AL$2:AL$366,ROUNDDOWN($C5418/24,0)+1,1))-1)+IF('Standard Profiles'!$G$22=$B$10,7,0)+IF('Standard Profiles'!$G$22=$B$17,14,0)+IF('Standard Profiles'!$G$22=$B$24,21,0),0)),0)</f>
        <v>0</v>
      </c>
      <c r="I5418">
        <f t="shared" si="608"/>
        <v>0.34193381389983002</v>
      </c>
      <c r="J5418">
        <f t="shared" si="609"/>
        <v>1.1397793796661</v>
      </c>
      <c r="K5418">
        <f t="shared" si="610"/>
        <v>1.7096690694991501</v>
      </c>
      <c r="L5418">
        <f t="shared" si="611"/>
        <v>8.2064115335959205</v>
      </c>
      <c r="M5418">
        <f t="shared" si="612"/>
        <v>0</v>
      </c>
      <c r="N5418" s="46">
        <f t="shared" si="613"/>
        <v>45516.333333320275</v>
      </c>
    </row>
    <row r="5419" spans="2:14" x14ac:dyDescent="0.3">
      <c r="B5419">
        <f t="shared" si="607"/>
        <v>1</v>
      </c>
      <c r="C5419" s="16">
        <v>5385</v>
      </c>
      <c r="D5419" cm="1">
        <f t="array" ref="D5419">IFERROR(INDEX(Jesper!AH$2:AH$366,ROUNDDOWN($C5419/24,0)+1,1)*INDEX($D$3:$AA$30,INDEX(Jesper!$R$2:$R$366,ROW(INDEX(Jesper!AH$2:AH$366,ROUNDDOWN($C5419/24,0)+1,1))-1)+IF('Standard Profiles'!$G$18=$B$10,7,0)+IF('Standard Profiles'!$G$18=$B$17,14,0)+IF('Standard Profiles'!$G$18=$B$24,21,0),MOD($C5419,24)+1)/SUM(INDEX($D$3:$AA$30,INDEX(Jesper!$R$2:$R$366,ROW(INDEX(Jesper!AH$2:AH$366,ROUNDDOWN($C5419/24,0)+1,1))-1)+IF('Standard Profiles'!$G$18=$B$10,7,0)+IF('Standard Profiles'!$G$18=$B$17,14,0)+IF('Standard Profiles'!$G$18=$B$24,21,0),0)),0)</f>
        <v>12.170525579485476</v>
      </c>
      <c r="E5419" cm="1">
        <f t="array" ref="E5419">IFERROR(INDEX(Jesper!AI$2:AI$366,ROUNDDOWN($C5419/24,0)+1,1)*INDEX($D$3:$AA$30,INDEX(Jesper!$R$2:$R$366,ROW(INDEX(Jesper!AI$2:AI$366,ROUNDDOWN($C5419/24,0)+1,1))-1)+IF('Standard Profiles'!$G$19=$B$10,7,0)+IF('Standard Profiles'!$G$19=$B$17,14,0)+IF('Standard Profiles'!$G$19=$B$24,21,0),MOD($C5419,24)+1)/SUM(INDEX($D$3:$AA$30,INDEX(Jesper!$R$2:$R$366,ROW(INDEX(Jesper!AI$2:AI$366,ROUNDDOWN($C5419/24,0)+1,1))-1)+IF('Standard Profiles'!$G$19=$B$10,7,0)+IF('Standard Profiles'!$G$19=$B$17,14,0)+IF('Standard Profiles'!$G$19=$B$24,21,0),0)),0)</f>
        <v>0</v>
      </c>
      <c r="F5419" cm="1">
        <f t="array" ref="F5419">IFERROR(INDEX(Jesper!AJ$2:AJ$366,ROUNDDOWN($C5419/24,0)+1,1)*INDEX($D$3:$AA$30,INDEX(Jesper!$R$2:$R$366,ROW(INDEX(Jesper!AJ$2:AJ$366,ROUNDDOWN($C5419/24,0)+1,1))-1)+IF('Standard Profiles'!$G$20=$B$10,7,0)+IF('Standard Profiles'!$G$20=$B$17,14,0)+IF('Standard Profiles'!$G$20=$B$24,21,0),MOD($C5419,24)+1)/SUM(INDEX($D$3:$AA$30,INDEX(Jesper!$R$2:$R$366,ROW(INDEX(Jesper!AJ$2:AJ$366,ROUNDDOWN($C5419/24,0)+1,1))-1)+IF('Standard Profiles'!$G$20=$B$10,7,0)+IF('Standard Profiles'!$G$20=$B$17,14,0)+IF('Standard Profiles'!$G$20=$B$24,21,0),0)),0)</f>
        <v>0</v>
      </c>
      <c r="G5419" cm="1">
        <f t="array" ref="G5419">IFERROR(INDEX(Jesper!AK$2:AK$366,ROUNDDOWN($C5419/24,0)+1,1)*INDEX($D$3:$AA$30,INDEX(Jesper!$R$2:$R$366,ROW(INDEX(Jesper!AK$2:AK$366,ROUNDDOWN($C5419/24,0)+1,1))-1)+IF('Standard Profiles'!$G$21=$B$10,7,0)+IF('Standard Profiles'!$G$21=$B$17,14,0)+IF('Standard Profiles'!$G$21=$B$24,21,0),MOD($C5419,24)+1)/SUM(INDEX($D$3:$AA$30,INDEX(Jesper!$R$2:$R$366,ROW(INDEX(Jesper!AK$2:AK$366,ROUNDDOWN($C5419/24,0)+1,1))-1)+IF('Standard Profiles'!$G$21=$B$10,7,0)+IF('Standard Profiles'!$G$21=$B$17,14,0)+IF('Standard Profiles'!$G$21=$B$24,21,0),0)),0)</f>
        <v>0</v>
      </c>
      <c r="H5419" cm="1">
        <f t="array" ref="H5419">IFERROR(INDEX(Jesper!AL$2:AL$366,ROUNDDOWN($C5419/24,0)+1,1)*INDEX($D$3:$AA$30,INDEX(Jesper!$R$2:$R$366,ROW(INDEX(Jesper!AL$2:AL$366,ROUNDDOWN($C5419/24,0)+1,1))-1)+IF('Standard Profiles'!$G$22=$B$10,7,0)+IF('Standard Profiles'!$G$22=$B$17,14,0)+IF('Standard Profiles'!$G$22=$B$24,21,0),MOD($C5419,24)+1)/SUM(INDEX($D$3:$AA$30,INDEX(Jesper!$R$2:$R$366,ROW(INDEX(Jesper!AL$2:AL$366,ROUNDDOWN($C5419/24,0)+1,1))-1)+IF('Standard Profiles'!$G$22=$B$10,7,0)+IF('Standard Profiles'!$G$22=$B$17,14,0)+IF('Standard Profiles'!$G$22=$B$24,21,0),0)),0)</f>
        <v>0</v>
      </c>
      <c r="I5419">
        <f t="shared" si="608"/>
        <v>0.36511576738456425</v>
      </c>
      <c r="J5419">
        <f t="shared" si="609"/>
        <v>1.2170525579485476</v>
      </c>
      <c r="K5419">
        <f t="shared" si="610"/>
        <v>1.8255788369228214</v>
      </c>
      <c r="L5419">
        <f t="shared" si="611"/>
        <v>8.7627784172295424</v>
      </c>
      <c r="M5419">
        <f t="shared" si="612"/>
        <v>0</v>
      </c>
      <c r="N5419" s="46">
        <f t="shared" si="613"/>
        <v>45516.37499998694</v>
      </c>
    </row>
    <row r="5420" spans="2:14" x14ac:dyDescent="0.3">
      <c r="B5420">
        <f t="shared" si="607"/>
        <v>1</v>
      </c>
      <c r="C5420" s="16">
        <v>5386</v>
      </c>
      <c r="D5420" cm="1">
        <f t="array" ref="D5420">IFERROR(INDEX(Jesper!AH$2:AH$366,ROUNDDOWN($C5420/24,0)+1,1)*INDEX($D$3:$AA$30,INDEX(Jesper!$R$2:$R$366,ROW(INDEX(Jesper!AH$2:AH$366,ROUNDDOWN($C5420/24,0)+1,1))-1)+IF('Standard Profiles'!$G$18=$B$10,7,0)+IF('Standard Profiles'!$G$18=$B$17,14,0)+IF('Standard Profiles'!$G$18=$B$24,21,0),MOD($C5420,24)+1)/SUM(INDEX($D$3:$AA$30,INDEX(Jesper!$R$2:$R$366,ROW(INDEX(Jesper!AH$2:AH$366,ROUNDDOWN($C5420/24,0)+1,1))-1)+IF('Standard Profiles'!$G$18=$B$10,7,0)+IF('Standard Profiles'!$G$18=$B$17,14,0)+IF('Standard Profiles'!$G$18=$B$24,21,0),0)),0)</f>
        <v>12.170525579485476</v>
      </c>
      <c r="E5420" cm="1">
        <f t="array" ref="E5420">IFERROR(INDEX(Jesper!AI$2:AI$366,ROUNDDOWN($C5420/24,0)+1,1)*INDEX($D$3:$AA$30,INDEX(Jesper!$R$2:$R$366,ROW(INDEX(Jesper!AI$2:AI$366,ROUNDDOWN($C5420/24,0)+1,1))-1)+IF('Standard Profiles'!$G$19=$B$10,7,0)+IF('Standard Profiles'!$G$19=$B$17,14,0)+IF('Standard Profiles'!$G$19=$B$24,21,0),MOD($C5420,24)+1)/SUM(INDEX($D$3:$AA$30,INDEX(Jesper!$R$2:$R$366,ROW(INDEX(Jesper!AI$2:AI$366,ROUNDDOWN($C5420/24,0)+1,1))-1)+IF('Standard Profiles'!$G$19=$B$10,7,0)+IF('Standard Profiles'!$G$19=$B$17,14,0)+IF('Standard Profiles'!$G$19=$B$24,21,0),0)),0)</f>
        <v>0</v>
      </c>
      <c r="F5420" cm="1">
        <f t="array" ref="F5420">IFERROR(INDEX(Jesper!AJ$2:AJ$366,ROUNDDOWN($C5420/24,0)+1,1)*INDEX($D$3:$AA$30,INDEX(Jesper!$R$2:$R$366,ROW(INDEX(Jesper!AJ$2:AJ$366,ROUNDDOWN($C5420/24,0)+1,1))-1)+IF('Standard Profiles'!$G$20=$B$10,7,0)+IF('Standard Profiles'!$G$20=$B$17,14,0)+IF('Standard Profiles'!$G$20=$B$24,21,0),MOD($C5420,24)+1)/SUM(INDEX($D$3:$AA$30,INDEX(Jesper!$R$2:$R$366,ROW(INDEX(Jesper!AJ$2:AJ$366,ROUNDDOWN($C5420/24,0)+1,1))-1)+IF('Standard Profiles'!$G$20=$B$10,7,0)+IF('Standard Profiles'!$G$20=$B$17,14,0)+IF('Standard Profiles'!$G$20=$B$24,21,0),0)),0)</f>
        <v>0</v>
      </c>
      <c r="G5420" cm="1">
        <f t="array" ref="G5420">IFERROR(INDEX(Jesper!AK$2:AK$366,ROUNDDOWN($C5420/24,0)+1,1)*INDEX($D$3:$AA$30,INDEX(Jesper!$R$2:$R$366,ROW(INDEX(Jesper!AK$2:AK$366,ROUNDDOWN($C5420/24,0)+1,1))-1)+IF('Standard Profiles'!$G$21=$B$10,7,0)+IF('Standard Profiles'!$G$21=$B$17,14,0)+IF('Standard Profiles'!$G$21=$B$24,21,0),MOD($C5420,24)+1)/SUM(INDEX($D$3:$AA$30,INDEX(Jesper!$R$2:$R$366,ROW(INDEX(Jesper!AK$2:AK$366,ROUNDDOWN($C5420/24,0)+1,1))-1)+IF('Standard Profiles'!$G$21=$B$10,7,0)+IF('Standard Profiles'!$G$21=$B$17,14,0)+IF('Standard Profiles'!$G$21=$B$24,21,0),0)),0)</f>
        <v>0</v>
      </c>
      <c r="H5420" cm="1">
        <f t="array" ref="H5420">IFERROR(INDEX(Jesper!AL$2:AL$366,ROUNDDOWN($C5420/24,0)+1,1)*INDEX($D$3:$AA$30,INDEX(Jesper!$R$2:$R$366,ROW(INDEX(Jesper!AL$2:AL$366,ROUNDDOWN($C5420/24,0)+1,1))-1)+IF('Standard Profiles'!$G$22=$B$10,7,0)+IF('Standard Profiles'!$G$22=$B$17,14,0)+IF('Standard Profiles'!$G$22=$B$24,21,0),MOD($C5420,24)+1)/SUM(INDEX($D$3:$AA$30,INDEX(Jesper!$R$2:$R$366,ROW(INDEX(Jesper!AL$2:AL$366,ROUNDDOWN($C5420/24,0)+1,1))-1)+IF('Standard Profiles'!$G$22=$B$10,7,0)+IF('Standard Profiles'!$G$22=$B$17,14,0)+IF('Standard Profiles'!$G$22=$B$24,21,0),0)),0)</f>
        <v>0</v>
      </c>
      <c r="I5420">
        <f t="shared" si="608"/>
        <v>0.36511576738456425</v>
      </c>
      <c r="J5420">
        <f t="shared" si="609"/>
        <v>1.2170525579485476</v>
      </c>
      <c r="K5420">
        <f t="shared" si="610"/>
        <v>1.8255788369228214</v>
      </c>
      <c r="L5420">
        <f t="shared" si="611"/>
        <v>8.7627784172295424</v>
      </c>
      <c r="M5420">
        <f t="shared" si="612"/>
        <v>0</v>
      </c>
      <c r="N5420" s="46">
        <f t="shared" si="613"/>
        <v>45516.416666653604</v>
      </c>
    </row>
    <row r="5421" spans="2:14" x14ac:dyDescent="0.3">
      <c r="B5421">
        <f t="shared" si="607"/>
        <v>1</v>
      </c>
      <c r="C5421" s="16">
        <v>5387</v>
      </c>
      <c r="D5421" cm="1">
        <f t="array" ref="D5421">IFERROR(INDEX(Jesper!AH$2:AH$366,ROUNDDOWN($C5421/24,0)+1,1)*INDEX($D$3:$AA$30,INDEX(Jesper!$R$2:$R$366,ROW(INDEX(Jesper!AH$2:AH$366,ROUNDDOWN($C5421/24,0)+1,1))-1)+IF('Standard Profiles'!$G$18=$B$10,7,0)+IF('Standard Profiles'!$G$18=$B$17,14,0)+IF('Standard Profiles'!$G$18=$B$24,21,0),MOD($C5421,24)+1)/SUM(INDEX($D$3:$AA$30,INDEX(Jesper!$R$2:$R$366,ROW(INDEX(Jesper!AH$2:AH$366,ROUNDDOWN($C5421/24,0)+1,1))-1)+IF('Standard Profiles'!$G$18=$B$10,7,0)+IF('Standard Profiles'!$G$18=$B$17,14,0)+IF('Standard Profiles'!$G$18=$B$24,21,0),0)),0)</f>
        <v>15.454635656489494</v>
      </c>
      <c r="E5421" cm="1">
        <f t="array" ref="E5421">IFERROR(INDEX(Jesper!AI$2:AI$366,ROUNDDOWN($C5421/24,0)+1,1)*INDEX($D$3:$AA$30,INDEX(Jesper!$R$2:$R$366,ROW(INDEX(Jesper!AI$2:AI$366,ROUNDDOWN($C5421/24,0)+1,1))-1)+IF('Standard Profiles'!$G$19=$B$10,7,0)+IF('Standard Profiles'!$G$19=$B$17,14,0)+IF('Standard Profiles'!$G$19=$B$24,21,0),MOD($C5421,24)+1)/SUM(INDEX($D$3:$AA$30,INDEX(Jesper!$R$2:$R$366,ROW(INDEX(Jesper!AI$2:AI$366,ROUNDDOWN($C5421/24,0)+1,1))-1)+IF('Standard Profiles'!$G$19=$B$10,7,0)+IF('Standard Profiles'!$G$19=$B$17,14,0)+IF('Standard Profiles'!$G$19=$B$24,21,0),0)),0)</f>
        <v>0</v>
      </c>
      <c r="F5421" cm="1">
        <f t="array" ref="F5421">IFERROR(INDEX(Jesper!AJ$2:AJ$366,ROUNDDOWN($C5421/24,0)+1,1)*INDEX($D$3:$AA$30,INDEX(Jesper!$R$2:$R$366,ROW(INDEX(Jesper!AJ$2:AJ$366,ROUNDDOWN($C5421/24,0)+1,1))-1)+IF('Standard Profiles'!$G$20=$B$10,7,0)+IF('Standard Profiles'!$G$20=$B$17,14,0)+IF('Standard Profiles'!$G$20=$B$24,21,0),MOD($C5421,24)+1)/SUM(INDEX($D$3:$AA$30,INDEX(Jesper!$R$2:$R$366,ROW(INDEX(Jesper!AJ$2:AJ$366,ROUNDDOWN($C5421/24,0)+1,1))-1)+IF('Standard Profiles'!$G$20=$B$10,7,0)+IF('Standard Profiles'!$G$20=$B$17,14,0)+IF('Standard Profiles'!$G$20=$B$24,21,0),0)),0)</f>
        <v>0</v>
      </c>
      <c r="G5421" cm="1">
        <f t="array" ref="G5421">IFERROR(INDEX(Jesper!AK$2:AK$366,ROUNDDOWN($C5421/24,0)+1,1)*INDEX($D$3:$AA$30,INDEX(Jesper!$R$2:$R$366,ROW(INDEX(Jesper!AK$2:AK$366,ROUNDDOWN($C5421/24,0)+1,1))-1)+IF('Standard Profiles'!$G$21=$B$10,7,0)+IF('Standard Profiles'!$G$21=$B$17,14,0)+IF('Standard Profiles'!$G$21=$B$24,21,0),MOD($C5421,24)+1)/SUM(INDEX($D$3:$AA$30,INDEX(Jesper!$R$2:$R$366,ROW(INDEX(Jesper!AK$2:AK$366,ROUNDDOWN($C5421/24,0)+1,1))-1)+IF('Standard Profiles'!$G$21=$B$10,7,0)+IF('Standard Profiles'!$G$21=$B$17,14,0)+IF('Standard Profiles'!$G$21=$B$24,21,0),0)),0)</f>
        <v>0</v>
      </c>
      <c r="H5421" cm="1">
        <f t="array" ref="H5421">IFERROR(INDEX(Jesper!AL$2:AL$366,ROUNDDOWN($C5421/24,0)+1,1)*INDEX($D$3:$AA$30,INDEX(Jesper!$R$2:$R$366,ROW(INDEX(Jesper!AL$2:AL$366,ROUNDDOWN($C5421/24,0)+1,1))-1)+IF('Standard Profiles'!$G$22=$B$10,7,0)+IF('Standard Profiles'!$G$22=$B$17,14,0)+IF('Standard Profiles'!$G$22=$B$24,21,0),MOD($C5421,24)+1)/SUM(INDEX($D$3:$AA$30,INDEX(Jesper!$R$2:$R$366,ROW(INDEX(Jesper!AL$2:AL$366,ROUNDDOWN($C5421/24,0)+1,1))-1)+IF('Standard Profiles'!$G$22=$B$10,7,0)+IF('Standard Profiles'!$G$22=$B$17,14,0)+IF('Standard Profiles'!$G$22=$B$24,21,0),0)),0)</f>
        <v>0</v>
      </c>
      <c r="I5421">
        <f t="shared" si="608"/>
        <v>0.46363906969468477</v>
      </c>
      <c r="J5421">
        <f t="shared" si="609"/>
        <v>1.5454635656489495</v>
      </c>
      <c r="K5421">
        <f t="shared" si="610"/>
        <v>2.3181953484734241</v>
      </c>
      <c r="L5421">
        <f t="shared" si="611"/>
        <v>11.127337672672436</v>
      </c>
      <c r="M5421">
        <f t="shared" si="612"/>
        <v>0</v>
      </c>
      <c r="N5421" s="46">
        <f t="shared" si="613"/>
        <v>45516.458333320268</v>
      </c>
    </row>
    <row r="5422" spans="2:14" x14ac:dyDescent="0.3">
      <c r="B5422">
        <f t="shared" si="607"/>
        <v>1</v>
      </c>
      <c r="C5422" s="16">
        <v>5388</v>
      </c>
      <c r="D5422" cm="1">
        <f t="array" ref="D5422">IFERROR(INDEX(Jesper!AH$2:AH$366,ROUNDDOWN($C5422/24,0)+1,1)*INDEX($D$3:$AA$30,INDEX(Jesper!$R$2:$R$366,ROW(INDEX(Jesper!AH$2:AH$366,ROUNDDOWN($C5422/24,0)+1,1))-1)+IF('Standard Profiles'!$G$18=$B$10,7,0)+IF('Standard Profiles'!$G$18=$B$17,14,0)+IF('Standard Profiles'!$G$18=$B$24,21,0),MOD($C5422,24)+1)/SUM(INDEX($D$3:$AA$30,INDEX(Jesper!$R$2:$R$366,ROW(INDEX(Jesper!AH$2:AH$366,ROUNDDOWN($C5422/24,0)+1,1))-1)+IF('Standard Profiles'!$G$18=$B$10,7,0)+IF('Standard Profiles'!$G$18=$B$17,14,0)+IF('Standard Profiles'!$G$18=$B$24,21,0),0)),0)</f>
        <v>15.454635656489494</v>
      </c>
      <c r="E5422" cm="1">
        <f t="array" ref="E5422">IFERROR(INDEX(Jesper!AI$2:AI$366,ROUNDDOWN($C5422/24,0)+1,1)*INDEX($D$3:$AA$30,INDEX(Jesper!$R$2:$R$366,ROW(INDEX(Jesper!AI$2:AI$366,ROUNDDOWN($C5422/24,0)+1,1))-1)+IF('Standard Profiles'!$G$19=$B$10,7,0)+IF('Standard Profiles'!$G$19=$B$17,14,0)+IF('Standard Profiles'!$G$19=$B$24,21,0),MOD($C5422,24)+1)/SUM(INDEX($D$3:$AA$30,INDEX(Jesper!$R$2:$R$366,ROW(INDEX(Jesper!AI$2:AI$366,ROUNDDOWN($C5422/24,0)+1,1))-1)+IF('Standard Profiles'!$G$19=$B$10,7,0)+IF('Standard Profiles'!$G$19=$B$17,14,0)+IF('Standard Profiles'!$G$19=$B$24,21,0),0)),0)</f>
        <v>0</v>
      </c>
      <c r="F5422" cm="1">
        <f t="array" ref="F5422">IFERROR(INDEX(Jesper!AJ$2:AJ$366,ROUNDDOWN($C5422/24,0)+1,1)*INDEX($D$3:$AA$30,INDEX(Jesper!$R$2:$R$366,ROW(INDEX(Jesper!AJ$2:AJ$366,ROUNDDOWN($C5422/24,0)+1,1))-1)+IF('Standard Profiles'!$G$20=$B$10,7,0)+IF('Standard Profiles'!$G$20=$B$17,14,0)+IF('Standard Profiles'!$G$20=$B$24,21,0),MOD($C5422,24)+1)/SUM(INDEX($D$3:$AA$30,INDEX(Jesper!$R$2:$R$366,ROW(INDEX(Jesper!AJ$2:AJ$366,ROUNDDOWN($C5422/24,0)+1,1))-1)+IF('Standard Profiles'!$G$20=$B$10,7,0)+IF('Standard Profiles'!$G$20=$B$17,14,0)+IF('Standard Profiles'!$G$20=$B$24,21,0),0)),0)</f>
        <v>0</v>
      </c>
      <c r="G5422" cm="1">
        <f t="array" ref="G5422">IFERROR(INDEX(Jesper!AK$2:AK$366,ROUNDDOWN($C5422/24,0)+1,1)*INDEX($D$3:$AA$30,INDEX(Jesper!$R$2:$R$366,ROW(INDEX(Jesper!AK$2:AK$366,ROUNDDOWN($C5422/24,0)+1,1))-1)+IF('Standard Profiles'!$G$21=$B$10,7,0)+IF('Standard Profiles'!$G$21=$B$17,14,0)+IF('Standard Profiles'!$G$21=$B$24,21,0),MOD($C5422,24)+1)/SUM(INDEX($D$3:$AA$30,INDEX(Jesper!$R$2:$R$366,ROW(INDEX(Jesper!AK$2:AK$366,ROUNDDOWN($C5422/24,0)+1,1))-1)+IF('Standard Profiles'!$G$21=$B$10,7,0)+IF('Standard Profiles'!$G$21=$B$17,14,0)+IF('Standard Profiles'!$G$21=$B$24,21,0),0)),0)</f>
        <v>0</v>
      </c>
      <c r="H5422" cm="1">
        <f t="array" ref="H5422">IFERROR(INDEX(Jesper!AL$2:AL$366,ROUNDDOWN($C5422/24,0)+1,1)*INDEX($D$3:$AA$30,INDEX(Jesper!$R$2:$R$366,ROW(INDEX(Jesper!AL$2:AL$366,ROUNDDOWN($C5422/24,0)+1,1))-1)+IF('Standard Profiles'!$G$22=$B$10,7,0)+IF('Standard Profiles'!$G$22=$B$17,14,0)+IF('Standard Profiles'!$G$22=$B$24,21,0),MOD($C5422,24)+1)/SUM(INDEX($D$3:$AA$30,INDEX(Jesper!$R$2:$R$366,ROW(INDEX(Jesper!AL$2:AL$366,ROUNDDOWN($C5422/24,0)+1,1))-1)+IF('Standard Profiles'!$G$22=$B$10,7,0)+IF('Standard Profiles'!$G$22=$B$17,14,0)+IF('Standard Profiles'!$G$22=$B$24,21,0),0)),0)</f>
        <v>0</v>
      </c>
      <c r="I5422">
        <f t="shared" si="608"/>
        <v>0.46363906969468477</v>
      </c>
      <c r="J5422">
        <f t="shared" si="609"/>
        <v>1.5454635656489495</v>
      </c>
      <c r="K5422">
        <f t="shared" si="610"/>
        <v>2.3181953484734241</v>
      </c>
      <c r="L5422">
        <f t="shared" si="611"/>
        <v>11.127337672672436</v>
      </c>
      <c r="M5422">
        <f t="shared" si="612"/>
        <v>0</v>
      </c>
      <c r="N5422" s="46">
        <f t="shared" si="613"/>
        <v>45516.499999986932</v>
      </c>
    </row>
    <row r="5423" spans="2:14" x14ac:dyDescent="0.3">
      <c r="B5423">
        <f t="shared" si="607"/>
        <v>1</v>
      </c>
      <c r="C5423" s="16">
        <v>5389</v>
      </c>
      <c r="D5423" cm="1">
        <f t="array" ref="D5423">IFERROR(INDEX(Jesper!AH$2:AH$366,ROUNDDOWN($C5423/24,0)+1,1)*INDEX($D$3:$AA$30,INDEX(Jesper!$R$2:$R$366,ROW(INDEX(Jesper!AH$2:AH$366,ROUNDDOWN($C5423/24,0)+1,1))-1)+IF('Standard Profiles'!$G$18=$B$10,7,0)+IF('Standard Profiles'!$G$18=$B$17,14,0)+IF('Standard Profiles'!$G$18=$B$24,21,0),MOD($C5423,24)+1)/SUM(INDEX($D$3:$AA$30,INDEX(Jesper!$R$2:$R$366,ROW(INDEX(Jesper!AH$2:AH$366,ROUNDDOWN($C5423/24,0)+1,1))-1)+IF('Standard Profiles'!$G$18=$B$10,7,0)+IF('Standard Profiles'!$G$18=$B$17,14,0)+IF('Standard Profiles'!$G$18=$B$24,21,0),0)),0)</f>
        <v>10.238696122424289</v>
      </c>
      <c r="E5423" cm="1">
        <f t="array" ref="E5423">IFERROR(INDEX(Jesper!AI$2:AI$366,ROUNDDOWN($C5423/24,0)+1,1)*INDEX($D$3:$AA$30,INDEX(Jesper!$R$2:$R$366,ROW(INDEX(Jesper!AI$2:AI$366,ROUNDDOWN($C5423/24,0)+1,1))-1)+IF('Standard Profiles'!$G$19=$B$10,7,0)+IF('Standard Profiles'!$G$19=$B$17,14,0)+IF('Standard Profiles'!$G$19=$B$24,21,0),MOD($C5423,24)+1)/SUM(INDEX($D$3:$AA$30,INDEX(Jesper!$R$2:$R$366,ROW(INDEX(Jesper!AI$2:AI$366,ROUNDDOWN($C5423/24,0)+1,1))-1)+IF('Standard Profiles'!$G$19=$B$10,7,0)+IF('Standard Profiles'!$G$19=$B$17,14,0)+IF('Standard Profiles'!$G$19=$B$24,21,0),0)),0)</f>
        <v>0</v>
      </c>
      <c r="F5423" cm="1">
        <f t="array" ref="F5423">IFERROR(INDEX(Jesper!AJ$2:AJ$366,ROUNDDOWN($C5423/24,0)+1,1)*INDEX($D$3:$AA$30,INDEX(Jesper!$R$2:$R$366,ROW(INDEX(Jesper!AJ$2:AJ$366,ROUNDDOWN($C5423/24,0)+1,1))-1)+IF('Standard Profiles'!$G$20=$B$10,7,0)+IF('Standard Profiles'!$G$20=$B$17,14,0)+IF('Standard Profiles'!$G$20=$B$24,21,0),MOD($C5423,24)+1)/SUM(INDEX($D$3:$AA$30,INDEX(Jesper!$R$2:$R$366,ROW(INDEX(Jesper!AJ$2:AJ$366,ROUNDDOWN($C5423/24,0)+1,1))-1)+IF('Standard Profiles'!$G$20=$B$10,7,0)+IF('Standard Profiles'!$G$20=$B$17,14,0)+IF('Standard Profiles'!$G$20=$B$24,21,0),0)),0)</f>
        <v>0</v>
      </c>
      <c r="G5423" cm="1">
        <f t="array" ref="G5423">IFERROR(INDEX(Jesper!AK$2:AK$366,ROUNDDOWN($C5423/24,0)+1,1)*INDEX($D$3:$AA$30,INDEX(Jesper!$R$2:$R$366,ROW(INDEX(Jesper!AK$2:AK$366,ROUNDDOWN($C5423/24,0)+1,1))-1)+IF('Standard Profiles'!$G$21=$B$10,7,0)+IF('Standard Profiles'!$G$21=$B$17,14,0)+IF('Standard Profiles'!$G$21=$B$24,21,0),MOD($C5423,24)+1)/SUM(INDEX($D$3:$AA$30,INDEX(Jesper!$R$2:$R$366,ROW(INDEX(Jesper!AK$2:AK$366,ROUNDDOWN($C5423/24,0)+1,1))-1)+IF('Standard Profiles'!$G$21=$B$10,7,0)+IF('Standard Profiles'!$G$21=$B$17,14,0)+IF('Standard Profiles'!$G$21=$B$24,21,0),0)),0)</f>
        <v>0</v>
      </c>
      <c r="H5423" cm="1">
        <f t="array" ref="H5423">IFERROR(INDEX(Jesper!AL$2:AL$366,ROUNDDOWN($C5423/24,0)+1,1)*INDEX($D$3:$AA$30,INDEX(Jesper!$R$2:$R$366,ROW(INDEX(Jesper!AL$2:AL$366,ROUNDDOWN($C5423/24,0)+1,1))-1)+IF('Standard Profiles'!$G$22=$B$10,7,0)+IF('Standard Profiles'!$G$22=$B$17,14,0)+IF('Standard Profiles'!$G$22=$B$24,21,0),MOD($C5423,24)+1)/SUM(INDEX($D$3:$AA$30,INDEX(Jesper!$R$2:$R$366,ROW(INDEX(Jesper!AL$2:AL$366,ROUNDDOWN($C5423/24,0)+1,1))-1)+IF('Standard Profiles'!$G$22=$B$10,7,0)+IF('Standard Profiles'!$G$22=$B$17,14,0)+IF('Standard Profiles'!$G$22=$B$24,21,0),0)),0)</f>
        <v>0</v>
      </c>
      <c r="I5423">
        <f t="shared" si="608"/>
        <v>0.30716088367272865</v>
      </c>
      <c r="J5423">
        <f t="shared" si="609"/>
        <v>1.0238696122424289</v>
      </c>
      <c r="K5423">
        <f t="shared" si="610"/>
        <v>1.5358044183636432</v>
      </c>
      <c r="L5423">
        <f t="shared" si="611"/>
        <v>7.3718612081454875</v>
      </c>
      <c r="M5423">
        <f t="shared" si="612"/>
        <v>0</v>
      </c>
      <c r="N5423" s="46">
        <f t="shared" si="613"/>
        <v>45516.541666653597</v>
      </c>
    </row>
    <row r="5424" spans="2:14" x14ac:dyDescent="0.3">
      <c r="B5424">
        <f t="shared" si="607"/>
        <v>1</v>
      </c>
      <c r="C5424" s="16">
        <v>5390</v>
      </c>
      <c r="D5424" cm="1">
        <f t="array" ref="D5424">IFERROR(INDEX(Jesper!AH$2:AH$366,ROUNDDOWN($C5424/24,0)+1,1)*INDEX($D$3:$AA$30,INDEX(Jesper!$R$2:$R$366,ROW(INDEX(Jesper!AH$2:AH$366,ROUNDDOWN($C5424/24,0)+1,1))-1)+IF('Standard Profiles'!$G$18=$B$10,7,0)+IF('Standard Profiles'!$G$18=$B$17,14,0)+IF('Standard Profiles'!$G$18=$B$24,21,0),MOD($C5424,24)+1)/SUM(INDEX($D$3:$AA$30,INDEX(Jesper!$R$2:$R$366,ROW(INDEX(Jesper!AH$2:AH$366,ROUNDDOWN($C5424/24,0)+1,1))-1)+IF('Standard Profiles'!$G$18=$B$10,7,0)+IF('Standard Profiles'!$G$18=$B$17,14,0)+IF('Standard Profiles'!$G$18=$B$24,21,0),0)),0)</f>
        <v>15.454635656489494</v>
      </c>
      <c r="E5424" cm="1">
        <f t="array" ref="E5424">IFERROR(INDEX(Jesper!AI$2:AI$366,ROUNDDOWN($C5424/24,0)+1,1)*INDEX($D$3:$AA$30,INDEX(Jesper!$R$2:$R$366,ROW(INDEX(Jesper!AI$2:AI$366,ROUNDDOWN($C5424/24,0)+1,1))-1)+IF('Standard Profiles'!$G$19=$B$10,7,0)+IF('Standard Profiles'!$G$19=$B$17,14,0)+IF('Standard Profiles'!$G$19=$B$24,21,0),MOD($C5424,24)+1)/SUM(INDEX($D$3:$AA$30,INDEX(Jesper!$R$2:$R$366,ROW(INDEX(Jesper!AI$2:AI$366,ROUNDDOWN($C5424/24,0)+1,1))-1)+IF('Standard Profiles'!$G$19=$B$10,7,0)+IF('Standard Profiles'!$G$19=$B$17,14,0)+IF('Standard Profiles'!$G$19=$B$24,21,0),0)),0)</f>
        <v>0</v>
      </c>
      <c r="F5424" cm="1">
        <f t="array" ref="F5424">IFERROR(INDEX(Jesper!AJ$2:AJ$366,ROUNDDOWN($C5424/24,0)+1,1)*INDEX($D$3:$AA$30,INDEX(Jesper!$R$2:$R$366,ROW(INDEX(Jesper!AJ$2:AJ$366,ROUNDDOWN($C5424/24,0)+1,1))-1)+IF('Standard Profiles'!$G$20=$B$10,7,0)+IF('Standard Profiles'!$G$20=$B$17,14,0)+IF('Standard Profiles'!$G$20=$B$24,21,0),MOD($C5424,24)+1)/SUM(INDEX($D$3:$AA$30,INDEX(Jesper!$R$2:$R$366,ROW(INDEX(Jesper!AJ$2:AJ$366,ROUNDDOWN($C5424/24,0)+1,1))-1)+IF('Standard Profiles'!$G$20=$B$10,7,0)+IF('Standard Profiles'!$G$20=$B$17,14,0)+IF('Standard Profiles'!$G$20=$B$24,21,0),0)),0)</f>
        <v>0</v>
      </c>
      <c r="G5424" cm="1">
        <f t="array" ref="G5424">IFERROR(INDEX(Jesper!AK$2:AK$366,ROUNDDOWN($C5424/24,0)+1,1)*INDEX($D$3:$AA$30,INDEX(Jesper!$R$2:$R$366,ROW(INDEX(Jesper!AK$2:AK$366,ROUNDDOWN($C5424/24,0)+1,1))-1)+IF('Standard Profiles'!$G$21=$B$10,7,0)+IF('Standard Profiles'!$G$21=$B$17,14,0)+IF('Standard Profiles'!$G$21=$B$24,21,0),MOD($C5424,24)+1)/SUM(INDEX($D$3:$AA$30,INDEX(Jesper!$R$2:$R$366,ROW(INDEX(Jesper!AK$2:AK$366,ROUNDDOWN($C5424/24,0)+1,1))-1)+IF('Standard Profiles'!$G$21=$B$10,7,0)+IF('Standard Profiles'!$G$21=$B$17,14,0)+IF('Standard Profiles'!$G$21=$B$24,21,0),0)),0)</f>
        <v>0</v>
      </c>
      <c r="H5424" cm="1">
        <f t="array" ref="H5424">IFERROR(INDEX(Jesper!AL$2:AL$366,ROUNDDOWN($C5424/24,0)+1,1)*INDEX($D$3:$AA$30,INDEX(Jesper!$R$2:$R$366,ROW(INDEX(Jesper!AL$2:AL$366,ROUNDDOWN($C5424/24,0)+1,1))-1)+IF('Standard Profiles'!$G$22=$B$10,7,0)+IF('Standard Profiles'!$G$22=$B$17,14,0)+IF('Standard Profiles'!$G$22=$B$24,21,0),MOD($C5424,24)+1)/SUM(INDEX($D$3:$AA$30,INDEX(Jesper!$R$2:$R$366,ROW(INDEX(Jesper!AL$2:AL$366,ROUNDDOWN($C5424/24,0)+1,1))-1)+IF('Standard Profiles'!$G$22=$B$10,7,0)+IF('Standard Profiles'!$G$22=$B$17,14,0)+IF('Standard Profiles'!$G$22=$B$24,21,0),0)),0)</f>
        <v>0</v>
      </c>
      <c r="I5424">
        <f t="shared" si="608"/>
        <v>0.46363906969468477</v>
      </c>
      <c r="J5424">
        <f t="shared" si="609"/>
        <v>1.5454635656489495</v>
      </c>
      <c r="K5424">
        <f t="shared" si="610"/>
        <v>2.3181953484734241</v>
      </c>
      <c r="L5424">
        <f t="shared" si="611"/>
        <v>11.127337672672436</v>
      </c>
      <c r="M5424">
        <f t="shared" si="612"/>
        <v>0</v>
      </c>
      <c r="N5424" s="46">
        <f t="shared" si="613"/>
        <v>45516.583333320261</v>
      </c>
    </row>
    <row r="5425" spans="2:14" x14ac:dyDescent="0.3">
      <c r="B5425">
        <f t="shared" si="607"/>
        <v>1</v>
      </c>
      <c r="C5425" s="16">
        <v>5391</v>
      </c>
      <c r="D5425" cm="1">
        <f t="array" ref="D5425">IFERROR(INDEX(Jesper!AH$2:AH$366,ROUNDDOWN($C5425/24,0)+1,1)*INDEX($D$3:$AA$30,INDEX(Jesper!$R$2:$R$366,ROW(INDEX(Jesper!AH$2:AH$366,ROUNDDOWN($C5425/24,0)+1,1))-1)+IF('Standard Profiles'!$G$18=$B$10,7,0)+IF('Standard Profiles'!$G$18=$B$17,14,0)+IF('Standard Profiles'!$G$18=$B$24,21,0),MOD($C5425,24)+1)/SUM(INDEX($D$3:$AA$30,INDEX(Jesper!$R$2:$R$366,ROW(INDEX(Jesper!AH$2:AH$366,ROUNDDOWN($C5425/24,0)+1,1))-1)+IF('Standard Profiles'!$G$18=$B$10,7,0)+IF('Standard Profiles'!$G$18=$B$17,14,0)+IF('Standard Profiles'!$G$18=$B$24,21,0),0)),0)</f>
        <v>15.454635656489494</v>
      </c>
      <c r="E5425" cm="1">
        <f t="array" ref="E5425">IFERROR(INDEX(Jesper!AI$2:AI$366,ROUNDDOWN($C5425/24,0)+1,1)*INDEX($D$3:$AA$30,INDEX(Jesper!$R$2:$R$366,ROW(INDEX(Jesper!AI$2:AI$366,ROUNDDOWN($C5425/24,0)+1,1))-1)+IF('Standard Profiles'!$G$19=$B$10,7,0)+IF('Standard Profiles'!$G$19=$B$17,14,0)+IF('Standard Profiles'!$G$19=$B$24,21,0),MOD($C5425,24)+1)/SUM(INDEX($D$3:$AA$30,INDEX(Jesper!$R$2:$R$366,ROW(INDEX(Jesper!AI$2:AI$366,ROUNDDOWN($C5425/24,0)+1,1))-1)+IF('Standard Profiles'!$G$19=$B$10,7,0)+IF('Standard Profiles'!$G$19=$B$17,14,0)+IF('Standard Profiles'!$G$19=$B$24,21,0),0)),0)</f>
        <v>0</v>
      </c>
      <c r="F5425" cm="1">
        <f t="array" ref="F5425">IFERROR(INDEX(Jesper!AJ$2:AJ$366,ROUNDDOWN($C5425/24,0)+1,1)*INDEX($D$3:$AA$30,INDEX(Jesper!$R$2:$R$366,ROW(INDEX(Jesper!AJ$2:AJ$366,ROUNDDOWN($C5425/24,0)+1,1))-1)+IF('Standard Profiles'!$G$20=$B$10,7,0)+IF('Standard Profiles'!$G$20=$B$17,14,0)+IF('Standard Profiles'!$G$20=$B$24,21,0),MOD($C5425,24)+1)/SUM(INDEX($D$3:$AA$30,INDEX(Jesper!$R$2:$R$366,ROW(INDEX(Jesper!AJ$2:AJ$366,ROUNDDOWN($C5425/24,0)+1,1))-1)+IF('Standard Profiles'!$G$20=$B$10,7,0)+IF('Standard Profiles'!$G$20=$B$17,14,0)+IF('Standard Profiles'!$G$20=$B$24,21,0),0)),0)</f>
        <v>0</v>
      </c>
      <c r="G5425" cm="1">
        <f t="array" ref="G5425">IFERROR(INDEX(Jesper!AK$2:AK$366,ROUNDDOWN($C5425/24,0)+1,1)*INDEX($D$3:$AA$30,INDEX(Jesper!$R$2:$R$366,ROW(INDEX(Jesper!AK$2:AK$366,ROUNDDOWN($C5425/24,0)+1,1))-1)+IF('Standard Profiles'!$G$21=$B$10,7,0)+IF('Standard Profiles'!$G$21=$B$17,14,0)+IF('Standard Profiles'!$G$21=$B$24,21,0),MOD($C5425,24)+1)/SUM(INDEX($D$3:$AA$30,INDEX(Jesper!$R$2:$R$366,ROW(INDEX(Jesper!AK$2:AK$366,ROUNDDOWN($C5425/24,0)+1,1))-1)+IF('Standard Profiles'!$G$21=$B$10,7,0)+IF('Standard Profiles'!$G$21=$B$17,14,0)+IF('Standard Profiles'!$G$21=$B$24,21,0),0)),0)</f>
        <v>0</v>
      </c>
      <c r="H5425" cm="1">
        <f t="array" ref="H5425">IFERROR(INDEX(Jesper!AL$2:AL$366,ROUNDDOWN($C5425/24,0)+1,1)*INDEX($D$3:$AA$30,INDEX(Jesper!$R$2:$R$366,ROW(INDEX(Jesper!AL$2:AL$366,ROUNDDOWN($C5425/24,0)+1,1))-1)+IF('Standard Profiles'!$G$22=$B$10,7,0)+IF('Standard Profiles'!$G$22=$B$17,14,0)+IF('Standard Profiles'!$G$22=$B$24,21,0),MOD($C5425,24)+1)/SUM(INDEX($D$3:$AA$30,INDEX(Jesper!$R$2:$R$366,ROW(INDEX(Jesper!AL$2:AL$366,ROUNDDOWN($C5425/24,0)+1,1))-1)+IF('Standard Profiles'!$G$22=$B$10,7,0)+IF('Standard Profiles'!$G$22=$B$17,14,0)+IF('Standard Profiles'!$G$22=$B$24,21,0),0)),0)</f>
        <v>0</v>
      </c>
      <c r="I5425">
        <f t="shared" si="608"/>
        <v>0.46363906969468477</v>
      </c>
      <c r="J5425">
        <f t="shared" si="609"/>
        <v>1.5454635656489495</v>
      </c>
      <c r="K5425">
        <f t="shared" si="610"/>
        <v>2.3181953484734241</v>
      </c>
      <c r="L5425">
        <f t="shared" si="611"/>
        <v>11.127337672672436</v>
      </c>
      <c r="M5425">
        <f t="shared" si="612"/>
        <v>0</v>
      </c>
      <c r="N5425" s="46">
        <f t="shared" si="613"/>
        <v>45516.624999986925</v>
      </c>
    </row>
    <row r="5426" spans="2:14" x14ac:dyDescent="0.3">
      <c r="B5426">
        <f t="shared" si="607"/>
        <v>1</v>
      </c>
      <c r="C5426" s="16">
        <v>5392</v>
      </c>
      <c r="D5426" cm="1">
        <f t="array" ref="D5426">IFERROR(INDEX(Jesper!AH$2:AH$366,ROUNDDOWN($C5426/24,0)+1,1)*INDEX($D$3:$AA$30,INDEX(Jesper!$R$2:$R$366,ROW(INDEX(Jesper!AH$2:AH$366,ROUNDDOWN($C5426/24,0)+1,1))-1)+IF('Standard Profiles'!$G$18=$B$10,7,0)+IF('Standard Profiles'!$G$18=$B$17,14,0)+IF('Standard Profiles'!$G$18=$B$24,21,0),MOD($C5426,24)+1)/SUM(INDEX($D$3:$AA$30,INDEX(Jesper!$R$2:$R$366,ROW(INDEX(Jesper!AH$2:AH$366,ROUNDDOWN($C5426/24,0)+1,1))-1)+IF('Standard Profiles'!$G$18=$B$10,7,0)+IF('Standard Profiles'!$G$18=$B$17,14,0)+IF('Standard Profiles'!$G$18=$B$24,21,0),0)),0)</f>
        <v>15.454635656489494</v>
      </c>
      <c r="E5426" cm="1">
        <f t="array" ref="E5426">IFERROR(INDEX(Jesper!AI$2:AI$366,ROUNDDOWN($C5426/24,0)+1,1)*INDEX($D$3:$AA$30,INDEX(Jesper!$R$2:$R$366,ROW(INDEX(Jesper!AI$2:AI$366,ROUNDDOWN($C5426/24,0)+1,1))-1)+IF('Standard Profiles'!$G$19=$B$10,7,0)+IF('Standard Profiles'!$G$19=$B$17,14,0)+IF('Standard Profiles'!$G$19=$B$24,21,0),MOD($C5426,24)+1)/SUM(INDEX($D$3:$AA$30,INDEX(Jesper!$R$2:$R$366,ROW(INDEX(Jesper!AI$2:AI$366,ROUNDDOWN($C5426/24,0)+1,1))-1)+IF('Standard Profiles'!$G$19=$B$10,7,0)+IF('Standard Profiles'!$G$19=$B$17,14,0)+IF('Standard Profiles'!$G$19=$B$24,21,0),0)),0)</f>
        <v>0</v>
      </c>
      <c r="F5426" cm="1">
        <f t="array" ref="F5426">IFERROR(INDEX(Jesper!AJ$2:AJ$366,ROUNDDOWN($C5426/24,0)+1,1)*INDEX($D$3:$AA$30,INDEX(Jesper!$R$2:$R$366,ROW(INDEX(Jesper!AJ$2:AJ$366,ROUNDDOWN($C5426/24,0)+1,1))-1)+IF('Standard Profiles'!$G$20=$B$10,7,0)+IF('Standard Profiles'!$G$20=$B$17,14,0)+IF('Standard Profiles'!$G$20=$B$24,21,0),MOD($C5426,24)+1)/SUM(INDEX($D$3:$AA$30,INDEX(Jesper!$R$2:$R$366,ROW(INDEX(Jesper!AJ$2:AJ$366,ROUNDDOWN($C5426/24,0)+1,1))-1)+IF('Standard Profiles'!$G$20=$B$10,7,0)+IF('Standard Profiles'!$G$20=$B$17,14,0)+IF('Standard Profiles'!$G$20=$B$24,21,0),0)),0)</f>
        <v>0</v>
      </c>
      <c r="G5426" cm="1">
        <f t="array" ref="G5426">IFERROR(INDEX(Jesper!AK$2:AK$366,ROUNDDOWN($C5426/24,0)+1,1)*INDEX($D$3:$AA$30,INDEX(Jesper!$R$2:$R$366,ROW(INDEX(Jesper!AK$2:AK$366,ROUNDDOWN($C5426/24,0)+1,1))-1)+IF('Standard Profiles'!$G$21=$B$10,7,0)+IF('Standard Profiles'!$G$21=$B$17,14,0)+IF('Standard Profiles'!$G$21=$B$24,21,0),MOD($C5426,24)+1)/SUM(INDEX($D$3:$AA$30,INDEX(Jesper!$R$2:$R$366,ROW(INDEX(Jesper!AK$2:AK$366,ROUNDDOWN($C5426/24,0)+1,1))-1)+IF('Standard Profiles'!$G$21=$B$10,7,0)+IF('Standard Profiles'!$G$21=$B$17,14,0)+IF('Standard Profiles'!$G$21=$B$24,21,0),0)),0)</f>
        <v>0</v>
      </c>
      <c r="H5426" cm="1">
        <f t="array" ref="H5426">IFERROR(INDEX(Jesper!AL$2:AL$366,ROUNDDOWN($C5426/24,0)+1,1)*INDEX($D$3:$AA$30,INDEX(Jesper!$R$2:$R$366,ROW(INDEX(Jesper!AL$2:AL$366,ROUNDDOWN($C5426/24,0)+1,1))-1)+IF('Standard Profiles'!$G$22=$B$10,7,0)+IF('Standard Profiles'!$G$22=$B$17,14,0)+IF('Standard Profiles'!$G$22=$B$24,21,0),MOD($C5426,24)+1)/SUM(INDEX($D$3:$AA$30,INDEX(Jesper!$R$2:$R$366,ROW(INDEX(Jesper!AL$2:AL$366,ROUNDDOWN($C5426/24,0)+1,1))-1)+IF('Standard Profiles'!$G$22=$B$10,7,0)+IF('Standard Profiles'!$G$22=$B$17,14,0)+IF('Standard Profiles'!$G$22=$B$24,21,0),0)),0)</f>
        <v>0</v>
      </c>
      <c r="I5426">
        <f t="shared" si="608"/>
        <v>0.46363906969468477</v>
      </c>
      <c r="J5426">
        <f t="shared" si="609"/>
        <v>1.5454635656489495</v>
      </c>
      <c r="K5426">
        <f t="shared" si="610"/>
        <v>2.3181953484734241</v>
      </c>
      <c r="L5426">
        <f t="shared" si="611"/>
        <v>11.127337672672436</v>
      </c>
      <c r="M5426">
        <f t="shared" si="612"/>
        <v>0</v>
      </c>
      <c r="N5426" s="46">
        <f t="shared" si="613"/>
        <v>45516.666666653589</v>
      </c>
    </row>
    <row r="5427" spans="2:14" x14ac:dyDescent="0.3">
      <c r="B5427">
        <f t="shared" si="607"/>
        <v>1</v>
      </c>
      <c r="C5427" s="16">
        <v>5393</v>
      </c>
      <c r="D5427" cm="1">
        <f t="array" ref="D5427">IFERROR(INDEX(Jesper!AH$2:AH$366,ROUNDDOWN($C5427/24,0)+1,1)*INDEX($D$3:$AA$30,INDEX(Jesper!$R$2:$R$366,ROW(INDEX(Jesper!AH$2:AH$366,ROUNDDOWN($C5427/24,0)+1,1))-1)+IF('Standard Profiles'!$G$18=$B$10,7,0)+IF('Standard Profiles'!$G$18=$B$17,14,0)+IF('Standard Profiles'!$G$18=$B$24,21,0),MOD($C5427,24)+1)/SUM(INDEX($D$3:$AA$30,INDEX(Jesper!$R$2:$R$366,ROW(INDEX(Jesper!AH$2:AH$366,ROUNDDOWN($C5427/24,0)+1,1))-1)+IF('Standard Profiles'!$G$18=$B$10,7,0)+IF('Standard Profiles'!$G$18=$B$17,14,0)+IF('Standard Profiles'!$G$18=$B$24,21,0),0)),0)</f>
        <v>15.454635656489494</v>
      </c>
      <c r="E5427" cm="1">
        <f t="array" ref="E5427">IFERROR(INDEX(Jesper!AI$2:AI$366,ROUNDDOWN($C5427/24,0)+1,1)*INDEX($D$3:$AA$30,INDEX(Jesper!$R$2:$R$366,ROW(INDEX(Jesper!AI$2:AI$366,ROUNDDOWN($C5427/24,0)+1,1))-1)+IF('Standard Profiles'!$G$19=$B$10,7,0)+IF('Standard Profiles'!$G$19=$B$17,14,0)+IF('Standard Profiles'!$G$19=$B$24,21,0),MOD($C5427,24)+1)/SUM(INDEX($D$3:$AA$30,INDEX(Jesper!$R$2:$R$366,ROW(INDEX(Jesper!AI$2:AI$366,ROUNDDOWN($C5427/24,0)+1,1))-1)+IF('Standard Profiles'!$G$19=$B$10,7,0)+IF('Standard Profiles'!$G$19=$B$17,14,0)+IF('Standard Profiles'!$G$19=$B$24,21,0),0)),0)</f>
        <v>0</v>
      </c>
      <c r="F5427" cm="1">
        <f t="array" ref="F5427">IFERROR(INDEX(Jesper!AJ$2:AJ$366,ROUNDDOWN($C5427/24,0)+1,1)*INDEX($D$3:$AA$30,INDEX(Jesper!$R$2:$R$366,ROW(INDEX(Jesper!AJ$2:AJ$366,ROUNDDOWN($C5427/24,0)+1,1))-1)+IF('Standard Profiles'!$G$20=$B$10,7,0)+IF('Standard Profiles'!$G$20=$B$17,14,0)+IF('Standard Profiles'!$G$20=$B$24,21,0),MOD($C5427,24)+1)/SUM(INDEX($D$3:$AA$30,INDEX(Jesper!$R$2:$R$366,ROW(INDEX(Jesper!AJ$2:AJ$366,ROUNDDOWN($C5427/24,0)+1,1))-1)+IF('Standard Profiles'!$G$20=$B$10,7,0)+IF('Standard Profiles'!$G$20=$B$17,14,0)+IF('Standard Profiles'!$G$20=$B$24,21,0),0)),0)</f>
        <v>0</v>
      </c>
      <c r="G5427" cm="1">
        <f t="array" ref="G5427">IFERROR(INDEX(Jesper!AK$2:AK$366,ROUNDDOWN($C5427/24,0)+1,1)*INDEX($D$3:$AA$30,INDEX(Jesper!$R$2:$R$366,ROW(INDEX(Jesper!AK$2:AK$366,ROUNDDOWN($C5427/24,0)+1,1))-1)+IF('Standard Profiles'!$G$21=$B$10,7,0)+IF('Standard Profiles'!$G$21=$B$17,14,0)+IF('Standard Profiles'!$G$21=$B$24,21,0),MOD($C5427,24)+1)/SUM(INDEX($D$3:$AA$30,INDEX(Jesper!$R$2:$R$366,ROW(INDEX(Jesper!AK$2:AK$366,ROUNDDOWN($C5427/24,0)+1,1))-1)+IF('Standard Profiles'!$G$21=$B$10,7,0)+IF('Standard Profiles'!$G$21=$B$17,14,0)+IF('Standard Profiles'!$G$21=$B$24,21,0),0)),0)</f>
        <v>0</v>
      </c>
      <c r="H5427" cm="1">
        <f t="array" ref="H5427">IFERROR(INDEX(Jesper!AL$2:AL$366,ROUNDDOWN($C5427/24,0)+1,1)*INDEX($D$3:$AA$30,INDEX(Jesper!$R$2:$R$366,ROW(INDEX(Jesper!AL$2:AL$366,ROUNDDOWN($C5427/24,0)+1,1))-1)+IF('Standard Profiles'!$G$22=$B$10,7,0)+IF('Standard Profiles'!$G$22=$B$17,14,0)+IF('Standard Profiles'!$G$22=$B$24,21,0),MOD($C5427,24)+1)/SUM(INDEX($D$3:$AA$30,INDEX(Jesper!$R$2:$R$366,ROW(INDEX(Jesper!AL$2:AL$366,ROUNDDOWN($C5427/24,0)+1,1))-1)+IF('Standard Profiles'!$G$22=$B$10,7,0)+IF('Standard Profiles'!$G$22=$B$17,14,0)+IF('Standard Profiles'!$G$22=$B$24,21,0),0)),0)</f>
        <v>0</v>
      </c>
      <c r="I5427">
        <f t="shared" si="608"/>
        <v>0.46363906969468477</v>
      </c>
      <c r="J5427">
        <f t="shared" si="609"/>
        <v>1.5454635656489495</v>
      </c>
      <c r="K5427">
        <f t="shared" si="610"/>
        <v>2.3181953484734241</v>
      </c>
      <c r="L5427">
        <f t="shared" si="611"/>
        <v>11.127337672672436</v>
      </c>
      <c r="M5427">
        <f t="shared" si="612"/>
        <v>0</v>
      </c>
      <c r="N5427" s="46">
        <f t="shared" si="613"/>
        <v>45516.708333320254</v>
      </c>
    </row>
    <row r="5428" spans="2:14" x14ac:dyDescent="0.3">
      <c r="B5428">
        <f t="shared" si="607"/>
        <v>1</v>
      </c>
      <c r="C5428" s="16">
        <v>5394</v>
      </c>
      <c r="D5428" cm="1">
        <f t="array" ref="D5428">IFERROR(INDEX(Jesper!AH$2:AH$366,ROUNDDOWN($C5428/24,0)+1,1)*INDEX($D$3:$AA$30,INDEX(Jesper!$R$2:$R$366,ROW(INDEX(Jesper!AH$2:AH$366,ROUNDDOWN($C5428/24,0)+1,1))-1)+IF('Standard Profiles'!$G$18=$B$10,7,0)+IF('Standard Profiles'!$G$18=$B$17,14,0)+IF('Standard Profiles'!$G$18=$B$24,21,0),MOD($C5428,24)+1)/SUM(INDEX($D$3:$AA$30,INDEX(Jesper!$R$2:$R$366,ROW(INDEX(Jesper!AH$2:AH$366,ROUNDDOWN($C5428/24,0)+1,1))-1)+IF('Standard Profiles'!$G$18=$B$10,7,0)+IF('Standard Profiles'!$G$18=$B$17,14,0)+IF('Standard Profiles'!$G$18=$B$24,21,0),0)),0)</f>
        <v>15.454635656489494</v>
      </c>
      <c r="E5428" cm="1">
        <f t="array" ref="E5428">IFERROR(INDEX(Jesper!AI$2:AI$366,ROUNDDOWN($C5428/24,0)+1,1)*INDEX($D$3:$AA$30,INDEX(Jesper!$R$2:$R$366,ROW(INDEX(Jesper!AI$2:AI$366,ROUNDDOWN($C5428/24,0)+1,1))-1)+IF('Standard Profiles'!$G$19=$B$10,7,0)+IF('Standard Profiles'!$G$19=$B$17,14,0)+IF('Standard Profiles'!$G$19=$B$24,21,0),MOD($C5428,24)+1)/SUM(INDEX($D$3:$AA$30,INDEX(Jesper!$R$2:$R$366,ROW(INDEX(Jesper!AI$2:AI$366,ROUNDDOWN($C5428/24,0)+1,1))-1)+IF('Standard Profiles'!$G$19=$B$10,7,0)+IF('Standard Profiles'!$G$19=$B$17,14,0)+IF('Standard Profiles'!$G$19=$B$24,21,0),0)),0)</f>
        <v>0</v>
      </c>
      <c r="F5428" cm="1">
        <f t="array" ref="F5428">IFERROR(INDEX(Jesper!AJ$2:AJ$366,ROUNDDOWN($C5428/24,0)+1,1)*INDEX($D$3:$AA$30,INDEX(Jesper!$R$2:$R$366,ROW(INDEX(Jesper!AJ$2:AJ$366,ROUNDDOWN($C5428/24,0)+1,1))-1)+IF('Standard Profiles'!$G$20=$B$10,7,0)+IF('Standard Profiles'!$G$20=$B$17,14,0)+IF('Standard Profiles'!$G$20=$B$24,21,0),MOD($C5428,24)+1)/SUM(INDEX($D$3:$AA$30,INDEX(Jesper!$R$2:$R$366,ROW(INDEX(Jesper!AJ$2:AJ$366,ROUNDDOWN($C5428/24,0)+1,1))-1)+IF('Standard Profiles'!$G$20=$B$10,7,0)+IF('Standard Profiles'!$G$20=$B$17,14,0)+IF('Standard Profiles'!$G$20=$B$24,21,0),0)),0)</f>
        <v>0</v>
      </c>
      <c r="G5428" cm="1">
        <f t="array" ref="G5428">IFERROR(INDEX(Jesper!AK$2:AK$366,ROUNDDOWN($C5428/24,0)+1,1)*INDEX($D$3:$AA$30,INDEX(Jesper!$R$2:$R$366,ROW(INDEX(Jesper!AK$2:AK$366,ROUNDDOWN($C5428/24,0)+1,1))-1)+IF('Standard Profiles'!$G$21=$B$10,7,0)+IF('Standard Profiles'!$G$21=$B$17,14,0)+IF('Standard Profiles'!$G$21=$B$24,21,0),MOD($C5428,24)+1)/SUM(INDEX($D$3:$AA$30,INDEX(Jesper!$R$2:$R$366,ROW(INDEX(Jesper!AK$2:AK$366,ROUNDDOWN($C5428/24,0)+1,1))-1)+IF('Standard Profiles'!$G$21=$B$10,7,0)+IF('Standard Profiles'!$G$21=$B$17,14,0)+IF('Standard Profiles'!$G$21=$B$24,21,0),0)),0)</f>
        <v>0</v>
      </c>
      <c r="H5428" cm="1">
        <f t="array" ref="H5428">IFERROR(INDEX(Jesper!AL$2:AL$366,ROUNDDOWN($C5428/24,0)+1,1)*INDEX($D$3:$AA$30,INDEX(Jesper!$R$2:$R$366,ROW(INDEX(Jesper!AL$2:AL$366,ROUNDDOWN($C5428/24,0)+1,1))-1)+IF('Standard Profiles'!$G$22=$B$10,7,0)+IF('Standard Profiles'!$G$22=$B$17,14,0)+IF('Standard Profiles'!$G$22=$B$24,21,0),MOD($C5428,24)+1)/SUM(INDEX($D$3:$AA$30,INDEX(Jesper!$R$2:$R$366,ROW(INDEX(Jesper!AL$2:AL$366,ROUNDDOWN($C5428/24,0)+1,1))-1)+IF('Standard Profiles'!$G$22=$B$10,7,0)+IF('Standard Profiles'!$G$22=$B$17,14,0)+IF('Standard Profiles'!$G$22=$B$24,21,0),0)),0)</f>
        <v>0</v>
      </c>
      <c r="I5428">
        <f t="shared" si="608"/>
        <v>0.46363906969468477</v>
      </c>
      <c r="J5428">
        <f t="shared" si="609"/>
        <v>1.5454635656489495</v>
      </c>
      <c r="K5428">
        <f t="shared" si="610"/>
        <v>2.3181953484734241</v>
      </c>
      <c r="L5428">
        <f t="shared" si="611"/>
        <v>11.127337672672436</v>
      </c>
      <c r="M5428">
        <f t="shared" si="612"/>
        <v>0</v>
      </c>
      <c r="N5428" s="46">
        <f t="shared" si="613"/>
        <v>45516.749999986918</v>
      </c>
    </row>
    <row r="5429" spans="2:14" x14ac:dyDescent="0.3">
      <c r="B5429">
        <f t="shared" si="607"/>
        <v>1</v>
      </c>
      <c r="C5429" s="16">
        <v>5395</v>
      </c>
      <c r="D5429" cm="1">
        <f t="array" ref="D5429">IFERROR(INDEX(Jesper!AH$2:AH$366,ROUNDDOWN($C5429/24,0)+1,1)*INDEX($D$3:$AA$30,INDEX(Jesper!$R$2:$R$366,ROW(INDEX(Jesper!AH$2:AH$366,ROUNDDOWN($C5429/24,0)+1,1))-1)+IF('Standard Profiles'!$G$18=$B$10,7,0)+IF('Standard Profiles'!$G$18=$B$17,14,0)+IF('Standard Profiles'!$G$18=$B$24,21,0),MOD($C5429,24)+1)/SUM(INDEX($D$3:$AA$30,INDEX(Jesper!$R$2:$R$366,ROW(INDEX(Jesper!AH$2:AH$366,ROUNDDOWN($C5429/24,0)+1,1))-1)+IF('Standard Profiles'!$G$18=$B$10,7,0)+IF('Standard Profiles'!$G$18=$B$17,14,0)+IF('Standard Profiles'!$G$18=$B$24,21,0),0)),0)</f>
        <v>12.94325736230995</v>
      </c>
      <c r="E5429" cm="1">
        <f t="array" ref="E5429">IFERROR(INDEX(Jesper!AI$2:AI$366,ROUNDDOWN($C5429/24,0)+1,1)*INDEX($D$3:$AA$30,INDEX(Jesper!$R$2:$R$366,ROW(INDEX(Jesper!AI$2:AI$366,ROUNDDOWN($C5429/24,0)+1,1))-1)+IF('Standard Profiles'!$G$19=$B$10,7,0)+IF('Standard Profiles'!$G$19=$B$17,14,0)+IF('Standard Profiles'!$G$19=$B$24,21,0),MOD($C5429,24)+1)/SUM(INDEX($D$3:$AA$30,INDEX(Jesper!$R$2:$R$366,ROW(INDEX(Jesper!AI$2:AI$366,ROUNDDOWN($C5429/24,0)+1,1))-1)+IF('Standard Profiles'!$G$19=$B$10,7,0)+IF('Standard Profiles'!$G$19=$B$17,14,0)+IF('Standard Profiles'!$G$19=$B$24,21,0),0)),0)</f>
        <v>0</v>
      </c>
      <c r="F5429" cm="1">
        <f t="array" ref="F5429">IFERROR(INDEX(Jesper!AJ$2:AJ$366,ROUNDDOWN($C5429/24,0)+1,1)*INDEX($D$3:$AA$30,INDEX(Jesper!$R$2:$R$366,ROW(INDEX(Jesper!AJ$2:AJ$366,ROUNDDOWN($C5429/24,0)+1,1))-1)+IF('Standard Profiles'!$G$20=$B$10,7,0)+IF('Standard Profiles'!$G$20=$B$17,14,0)+IF('Standard Profiles'!$G$20=$B$24,21,0),MOD($C5429,24)+1)/SUM(INDEX($D$3:$AA$30,INDEX(Jesper!$R$2:$R$366,ROW(INDEX(Jesper!AJ$2:AJ$366,ROUNDDOWN($C5429/24,0)+1,1))-1)+IF('Standard Profiles'!$G$20=$B$10,7,0)+IF('Standard Profiles'!$G$20=$B$17,14,0)+IF('Standard Profiles'!$G$20=$B$24,21,0),0)),0)</f>
        <v>0</v>
      </c>
      <c r="G5429" cm="1">
        <f t="array" ref="G5429">IFERROR(INDEX(Jesper!AK$2:AK$366,ROUNDDOWN($C5429/24,0)+1,1)*INDEX($D$3:$AA$30,INDEX(Jesper!$R$2:$R$366,ROW(INDEX(Jesper!AK$2:AK$366,ROUNDDOWN($C5429/24,0)+1,1))-1)+IF('Standard Profiles'!$G$21=$B$10,7,0)+IF('Standard Profiles'!$G$21=$B$17,14,0)+IF('Standard Profiles'!$G$21=$B$24,21,0),MOD($C5429,24)+1)/SUM(INDEX($D$3:$AA$30,INDEX(Jesper!$R$2:$R$366,ROW(INDEX(Jesper!AK$2:AK$366,ROUNDDOWN($C5429/24,0)+1,1))-1)+IF('Standard Profiles'!$G$21=$B$10,7,0)+IF('Standard Profiles'!$G$21=$B$17,14,0)+IF('Standard Profiles'!$G$21=$B$24,21,0),0)),0)</f>
        <v>0</v>
      </c>
      <c r="H5429" cm="1">
        <f t="array" ref="H5429">IFERROR(INDEX(Jesper!AL$2:AL$366,ROUNDDOWN($C5429/24,0)+1,1)*INDEX($D$3:$AA$30,INDEX(Jesper!$R$2:$R$366,ROW(INDEX(Jesper!AL$2:AL$366,ROUNDDOWN($C5429/24,0)+1,1))-1)+IF('Standard Profiles'!$G$22=$B$10,7,0)+IF('Standard Profiles'!$G$22=$B$17,14,0)+IF('Standard Profiles'!$G$22=$B$24,21,0),MOD($C5429,24)+1)/SUM(INDEX($D$3:$AA$30,INDEX(Jesper!$R$2:$R$366,ROW(INDEX(Jesper!AL$2:AL$366,ROUNDDOWN($C5429/24,0)+1,1))-1)+IF('Standard Profiles'!$G$22=$B$10,7,0)+IF('Standard Profiles'!$G$22=$B$17,14,0)+IF('Standard Profiles'!$G$22=$B$24,21,0),0)),0)</f>
        <v>0</v>
      </c>
      <c r="I5429">
        <f t="shared" si="608"/>
        <v>0.38829772086929848</v>
      </c>
      <c r="J5429">
        <f t="shared" si="609"/>
        <v>1.294325736230995</v>
      </c>
      <c r="K5429">
        <f t="shared" si="610"/>
        <v>1.9414886043464925</v>
      </c>
      <c r="L5429">
        <f t="shared" si="611"/>
        <v>9.3191453008631644</v>
      </c>
      <c r="M5429">
        <f t="shared" si="612"/>
        <v>0</v>
      </c>
      <c r="N5429" s="46">
        <f t="shared" si="613"/>
        <v>45516.791666653582</v>
      </c>
    </row>
    <row r="5430" spans="2:14" x14ac:dyDescent="0.3">
      <c r="B5430">
        <f t="shared" si="607"/>
        <v>1</v>
      </c>
      <c r="C5430" s="16">
        <v>5396</v>
      </c>
      <c r="D5430" cm="1">
        <f t="array" ref="D5430">IFERROR(INDEX(Jesper!AH$2:AH$366,ROUNDDOWN($C5430/24,0)+1,1)*INDEX($D$3:$AA$30,INDEX(Jesper!$R$2:$R$366,ROW(INDEX(Jesper!AH$2:AH$366,ROUNDDOWN($C5430/24,0)+1,1))-1)+IF('Standard Profiles'!$G$18=$B$10,7,0)+IF('Standard Profiles'!$G$18=$B$17,14,0)+IF('Standard Profiles'!$G$18=$B$24,21,0),MOD($C5430,24)+1)/SUM(INDEX($D$3:$AA$30,INDEX(Jesper!$R$2:$R$366,ROW(INDEX(Jesper!AH$2:AH$366,ROUNDDOWN($C5430/24,0)+1,1))-1)+IF('Standard Profiles'!$G$18=$B$10,7,0)+IF('Standard Profiles'!$G$18=$B$17,14,0)+IF('Standard Profiles'!$G$18=$B$24,21,0),0)),0)</f>
        <v>10.625062013836526</v>
      </c>
      <c r="E5430" cm="1">
        <f t="array" ref="E5430">IFERROR(INDEX(Jesper!AI$2:AI$366,ROUNDDOWN($C5430/24,0)+1,1)*INDEX($D$3:$AA$30,INDEX(Jesper!$R$2:$R$366,ROW(INDEX(Jesper!AI$2:AI$366,ROUNDDOWN($C5430/24,0)+1,1))-1)+IF('Standard Profiles'!$G$19=$B$10,7,0)+IF('Standard Profiles'!$G$19=$B$17,14,0)+IF('Standard Profiles'!$G$19=$B$24,21,0),MOD($C5430,24)+1)/SUM(INDEX($D$3:$AA$30,INDEX(Jesper!$R$2:$R$366,ROW(INDEX(Jesper!AI$2:AI$366,ROUNDDOWN($C5430/24,0)+1,1))-1)+IF('Standard Profiles'!$G$19=$B$10,7,0)+IF('Standard Profiles'!$G$19=$B$17,14,0)+IF('Standard Profiles'!$G$19=$B$24,21,0),0)),0)</f>
        <v>0</v>
      </c>
      <c r="F5430" cm="1">
        <f t="array" ref="F5430">IFERROR(INDEX(Jesper!AJ$2:AJ$366,ROUNDDOWN($C5430/24,0)+1,1)*INDEX($D$3:$AA$30,INDEX(Jesper!$R$2:$R$366,ROW(INDEX(Jesper!AJ$2:AJ$366,ROUNDDOWN($C5430/24,0)+1,1))-1)+IF('Standard Profiles'!$G$20=$B$10,7,0)+IF('Standard Profiles'!$G$20=$B$17,14,0)+IF('Standard Profiles'!$G$20=$B$24,21,0),MOD($C5430,24)+1)/SUM(INDEX($D$3:$AA$30,INDEX(Jesper!$R$2:$R$366,ROW(INDEX(Jesper!AJ$2:AJ$366,ROUNDDOWN($C5430/24,0)+1,1))-1)+IF('Standard Profiles'!$G$20=$B$10,7,0)+IF('Standard Profiles'!$G$20=$B$17,14,0)+IF('Standard Profiles'!$G$20=$B$24,21,0),0)),0)</f>
        <v>0</v>
      </c>
      <c r="G5430" cm="1">
        <f t="array" ref="G5430">IFERROR(INDEX(Jesper!AK$2:AK$366,ROUNDDOWN($C5430/24,0)+1,1)*INDEX($D$3:$AA$30,INDEX(Jesper!$R$2:$R$366,ROW(INDEX(Jesper!AK$2:AK$366,ROUNDDOWN($C5430/24,0)+1,1))-1)+IF('Standard Profiles'!$G$21=$B$10,7,0)+IF('Standard Profiles'!$G$21=$B$17,14,0)+IF('Standard Profiles'!$G$21=$B$24,21,0),MOD($C5430,24)+1)/SUM(INDEX($D$3:$AA$30,INDEX(Jesper!$R$2:$R$366,ROW(INDEX(Jesper!AK$2:AK$366,ROUNDDOWN($C5430/24,0)+1,1))-1)+IF('Standard Profiles'!$G$21=$B$10,7,0)+IF('Standard Profiles'!$G$21=$B$17,14,0)+IF('Standard Profiles'!$G$21=$B$24,21,0),0)),0)</f>
        <v>0</v>
      </c>
      <c r="H5430" cm="1">
        <f t="array" ref="H5430">IFERROR(INDEX(Jesper!AL$2:AL$366,ROUNDDOWN($C5430/24,0)+1,1)*INDEX($D$3:$AA$30,INDEX(Jesper!$R$2:$R$366,ROW(INDEX(Jesper!AL$2:AL$366,ROUNDDOWN($C5430/24,0)+1,1))-1)+IF('Standard Profiles'!$G$22=$B$10,7,0)+IF('Standard Profiles'!$G$22=$B$17,14,0)+IF('Standard Profiles'!$G$22=$B$24,21,0),MOD($C5430,24)+1)/SUM(INDEX($D$3:$AA$30,INDEX(Jesper!$R$2:$R$366,ROW(INDEX(Jesper!AL$2:AL$366,ROUNDDOWN($C5430/24,0)+1,1))-1)+IF('Standard Profiles'!$G$22=$B$10,7,0)+IF('Standard Profiles'!$G$22=$B$17,14,0)+IF('Standard Profiles'!$G$22=$B$24,21,0),0)),0)</f>
        <v>0</v>
      </c>
      <c r="I5430">
        <f t="shared" si="608"/>
        <v>0.31875186041509579</v>
      </c>
      <c r="J5430">
        <f t="shared" si="609"/>
        <v>1.0625062013836526</v>
      </c>
      <c r="K5430">
        <f t="shared" si="610"/>
        <v>1.593759302075479</v>
      </c>
      <c r="L5430">
        <f t="shared" si="611"/>
        <v>7.6500446499622985</v>
      </c>
      <c r="M5430">
        <f t="shared" si="612"/>
        <v>0</v>
      </c>
      <c r="N5430" s="46">
        <f t="shared" si="613"/>
        <v>45516.833333320246</v>
      </c>
    </row>
    <row r="5431" spans="2:14" x14ac:dyDescent="0.3">
      <c r="B5431">
        <f t="shared" si="607"/>
        <v>1</v>
      </c>
      <c r="C5431" s="16">
        <v>5397</v>
      </c>
      <c r="D5431" cm="1">
        <f t="array" ref="D5431">IFERROR(INDEX(Jesper!AH$2:AH$366,ROUNDDOWN($C5431/24,0)+1,1)*INDEX($D$3:$AA$30,INDEX(Jesper!$R$2:$R$366,ROW(INDEX(Jesper!AH$2:AH$366,ROUNDDOWN($C5431/24,0)+1,1))-1)+IF('Standard Profiles'!$G$18=$B$10,7,0)+IF('Standard Profiles'!$G$18=$B$17,14,0)+IF('Standard Profiles'!$G$18=$B$24,21,0),MOD($C5431,24)+1)/SUM(INDEX($D$3:$AA$30,INDEX(Jesper!$R$2:$R$366,ROW(INDEX(Jesper!AH$2:AH$366,ROUNDDOWN($C5431/24,0)+1,1))-1)+IF('Standard Profiles'!$G$18=$B$10,7,0)+IF('Standard Profiles'!$G$18=$B$17,14,0)+IF('Standard Profiles'!$G$18=$B$24,21,0),0)),0)</f>
        <v>7.7273178282447468</v>
      </c>
      <c r="E5431" cm="1">
        <f t="array" ref="E5431">IFERROR(INDEX(Jesper!AI$2:AI$366,ROUNDDOWN($C5431/24,0)+1,1)*INDEX($D$3:$AA$30,INDEX(Jesper!$R$2:$R$366,ROW(INDEX(Jesper!AI$2:AI$366,ROUNDDOWN($C5431/24,0)+1,1))-1)+IF('Standard Profiles'!$G$19=$B$10,7,0)+IF('Standard Profiles'!$G$19=$B$17,14,0)+IF('Standard Profiles'!$G$19=$B$24,21,0),MOD($C5431,24)+1)/SUM(INDEX($D$3:$AA$30,INDEX(Jesper!$R$2:$R$366,ROW(INDEX(Jesper!AI$2:AI$366,ROUNDDOWN($C5431/24,0)+1,1))-1)+IF('Standard Profiles'!$G$19=$B$10,7,0)+IF('Standard Profiles'!$G$19=$B$17,14,0)+IF('Standard Profiles'!$G$19=$B$24,21,0),0)),0)</f>
        <v>0</v>
      </c>
      <c r="F5431" cm="1">
        <f t="array" ref="F5431">IFERROR(INDEX(Jesper!AJ$2:AJ$366,ROUNDDOWN($C5431/24,0)+1,1)*INDEX($D$3:$AA$30,INDEX(Jesper!$R$2:$R$366,ROW(INDEX(Jesper!AJ$2:AJ$366,ROUNDDOWN($C5431/24,0)+1,1))-1)+IF('Standard Profiles'!$G$20=$B$10,7,0)+IF('Standard Profiles'!$G$20=$B$17,14,0)+IF('Standard Profiles'!$G$20=$B$24,21,0),MOD($C5431,24)+1)/SUM(INDEX($D$3:$AA$30,INDEX(Jesper!$R$2:$R$366,ROW(INDEX(Jesper!AJ$2:AJ$366,ROUNDDOWN($C5431/24,0)+1,1))-1)+IF('Standard Profiles'!$G$20=$B$10,7,0)+IF('Standard Profiles'!$G$20=$B$17,14,0)+IF('Standard Profiles'!$G$20=$B$24,21,0),0)),0)</f>
        <v>0</v>
      </c>
      <c r="G5431" cm="1">
        <f t="array" ref="G5431">IFERROR(INDEX(Jesper!AK$2:AK$366,ROUNDDOWN($C5431/24,0)+1,1)*INDEX($D$3:$AA$30,INDEX(Jesper!$R$2:$R$366,ROW(INDEX(Jesper!AK$2:AK$366,ROUNDDOWN($C5431/24,0)+1,1))-1)+IF('Standard Profiles'!$G$21=$B$10,7,0)+IF('Standard Profiles'!$G$21=$B$17,14,0)+IF('Standard Profiles'!$G$21=$B$24,21,0),MOD($C5431,24)+1)/SUM(INDEX($D$3:$AA$30,INDEX(Jesper!$R$2:$R$366,ROW(INDEX(Jesper!AK$2:AK$366,ROUNDDOWN($C5431/24,0)+1,1))-1)+IF('Standard Profiles'!$G$21=$B$10,7,0)+IF('Standard Profiles'!$G$21=$B$17,14,0)+IF('Standard Profiles'!$G$21=$B$24,21,0),0)),0)</f>
        <v>0</v>
      </c>
      <c r="H5431" cm="1">
        <f t="array" ref="H5431">IFERROR(INDEX(Jesper!AL$2:AL$366,ROUNDDOWN($C5431/24,0)+1,1)*INDEX($D$3:$AA$30,INDEX(Jesper!$R$2:$R$366,ROW(INDEX(Jesper!AL$2:AL$366,ROUNDDOWN($C5431/24,0)+1,1))-1)+IF('Standard Profiles'!$G$22=$B$10,7,0)+IF('Standard Profiles'!$G$22=$B$17,14,0)+IF('Standard Profiles'!$G$22=$B$24,21,0),MOD($C5431,24)+1)/SUM(INDEX($D$3:$AA$30,INDEX(Jesper!$R$2:$R$366,ROW(INDEX(Jesper!AL$2:AL$366,ROUNDDOWN($C5431/24,0)+1,1))-1)+IF('Standard Profiles'!$G$22=$B$10,7,0)+IF('Standard Profiles'!$G$22=$B$17,14,0)+IF('Standard Profiles'!$G$22=$B$24,21,0),0)),0)</f>
        <v>0</v>
      </c>
      <c r="I5431">
        <f t="shared" si="608"/>
        <v>0.23181953484734238</v>
      </c>
      <c r="J5431">
        <f t="shared" si="609"/>
        <v>0.77273178282447474</v>
      </c>
      <c r="K5431">
        <f t="shared" si="610"/>
        <v>1.1590976742367121</v>
      </c>
      <c r="L5431">
        <f t="shared" si="611"/>
        <v>5.5636688363362179</v>
      </c>
      <c r="M5431">
        <f t="shared" si="612"/>
        <v>0</v>
      </c>
      <c r="N5431" s="46">
        <f t="shared" si="613"/>
        <v>45516.874999986911</v>
      </c>
    </row>
    <row r="5432" spans="2:14" x14ac:dyDescent="0.3">
      <c r="B5432">
        <f t="shared" si="607"/>
        <v>1</v>
      </c>
      <c r="C5432" s="16">
        <v>5398</v>
      </c>
      <c r="D5432" cm="1">
        <f t="array" ref="D5432">IFERROR(INDEX(Jesper!AH$2:AH$366,ROUNDDOWN($C5432/24,0)+1,1)*INDEX($D$3:$AA$30,INDEX(Jesper!$R$2:$R$366,ROW(INDEX(Jesper!AH$2:AH$366,ROUNDDOWN($C5432/24,0)+1,1))-1)+IF('Standard Profiles'!$G$18=$B$10,7,0)+IF('Standard Profiles'!$G$18=$B$17,14,0)+IF('Standard Profiles'!$G$18=$B$24,21,0),MOD($C5432,24)+1)/SUM(INDEX($D$3:$AA$30,INDEX(Jesper!$R$2:$R$366,ROW(INDEX(Jesper!AH$2:AH$366,ROUNDDOWN($C5432/24,0)+1,1))-1)+IF('Standard Profiles'!$G$18=$B$10,7,0)+IF('Standard Profiles'!$G$18=$B$17,14,0)+IF('Standard Profiles'!$G$18=$B$24,21,0),0)),0)</f>
        <v>7.3409519368325089</v>
      </c>
      <c r="E5432" cm="1">
        <f t="array" ref="E5432">IFERROR(INDEX(Jesper!AI$2:AI$366,ROUNDDOWN($C5432/24,0)+1,1)*INDEX($D$3:$AA$30,INDEX(Jesper!$R$2:$R$366,ROW(INDEX(Jesper!AI$2:AI$366,ROUNDDOWN($C5432/24,0)+1,1))-1)+IF('Standard Profiles'!$G$19=$B$10,7,0)+IF('Standard Profiles'!$G$19=$B$17,14,0)+IF('Standard Profiles'!$G$19=$B$24,21,0),MOD($C5432,24)+1)/SUM(INDEX($D$3:$AA$30,INDEX(Jesper!$R$2:$R$366,ROW(INDEX(Jesper!AI$2:AI$366,ROUNDDOWN($C5432/24,0)+1,1))-1)+IF('Standard Profiles'!$G$19=$B$10,7,0)+IF('Standard Profiles'!$G$19=$B$17,14,0)+IF('Standard Profiles'!$G$19=$B$24,21,0),0)),0)</f>
        <v>0</v>
      </c>
      <c r="F5432" cm="1">
        <f t="array" ref="F5432">IFERROR(INDEX(Jesper!AJ$2:AJ$366,ROUNDDOWN($C5432/24,0)+1,1)*INDEX($D$3:$AA$30,INDEX(Jesper!$R$2:$R$366,ROW(INDEX(Jesper!AJ$2:AJ$366,ROUNDDOWN($C5432/24,0)+1,1))-1)+IF('Standard Profiles'!$G$20=$B$10,7,0)+IF('Standard Profiles'!$G$20=$B$17,14,0)+IF('Standard Profiles'!$G$20=$B$24,21,0),MOD($C5432,24)+1)/SUM(INDEX($D$3:$AA$30,INDEX(Jesper!$R$2:$R$366,ROW(INDEX(Jesper!AJ$2:AJ$366,ROUNDDOWN($C5432/24,0)+1,1))-1)+IF('Standard Profiles'!$G$20=$B$10,7,0)+IF('Standard Profiles'!$G$20=$B$17,14,0)+IF('Standard Profiles'!$G$20=$B$24,21,0),0)),0)</f>
        <v>0</v>
      </c>
      <c r="G5432" cm="1">
        <f t="array" ref="G5432">IFERROR(INDEX(Jesper!AK$2:AK$366,ROUNDDOWN($C5432/24,0)+1,1)*INDEX($D$3:$AA$30,INDEX(Jesper!$R$2:$R$366,ROW(INDEX(Jesper!AK$2:AK$366,ROUNDDOWN($C5432/24,0)+1,1))-1)+IF('Standard Profiles'!$G$21=$B$10,7,0)+IF('Standard Profiles'!$G$21=$B$17,14,0)+IF('Standard Profiles'!$G$21=$B$24,21,0),MOD($C5432,24)+1)/SUM(INDEX($D$3:$AA$30,INDEX(Jesper!$R$2:$R$366,ROW(INDEX(Jesper!AK$2:AK$366,ROUNDDOWN($C5432/24,0)+1,1))-1)+IF('Standard Profiles'!$G$21=$B$10,7,0)+IF('Standard Profiles'!$G$21=$B$17,14,0)+IF('Standard Profiles'!$G$21=$B$24,21,0),0)),0)</f>
        <v>0</v>
      </c>
      <c r="H5432" cm="1">
        <f t="array" ref="H5432">IFERROR(INDEX(Jesper!AL$2:AL$366,ROUNDDOWN($C5432/24,0)+1,1)*INDEX($D$3:$AA$30,INDEX(Jesper!$R$2:$R$366,ROW(INDEX(Jesper!AL$2:AL$366,ROUNDDOWN($C5432/24,0)+1,1))-1)+IF('Standard Profiles'!$G$22=$B$10,7,0)+IF('Standard Profiles'!$G$22=$B$17,14,0)+IF('Standard Profiles'!$G$22=$B$24,21,0),MOD($C5432,24)+1)/SUM(INDEX($D$3:$AA$30,INDEX(Jesper!$R$2:$R$366,ROW(INDEX(Jesper!AL$2:AL$366,ROUNDDOWN($C5432/24,0)+1,1))-1)+IF('Standard Profiles'!$G$22=$B$10,7,0)+IF('Standard Profiles'!$G$22=$B$17,14,0)+IF('Standard Profiles'!$G$22=$B$24,21,0),0)),0)</f>
        <v>0</v>
      </c>
      <c r="I5432">
        <f t="shared" si="608"/>
        <v>0.22022855810497527</v>
      </c>
      <c r="J5432">
        <f t="shared" si="609"/>
        <v>0.73409519368325094</v>
      </c>
      <c r="K5432">
        <f t="shared" si="610"/>
        <v>1.1011427905248763</v>
      </c>
      <c r="L5432">
        <f t="shared" si="611"/>
        <v>5.285485394519406</v>
      </c>
      <c r="M5432">
        <f t="shared" si="612"/>
        <v>0</v>
      </c>
      <c r="N5432" s="46">
        <f t="shared" si="613"/>
        <v>45516.916666653575</v>
      </c>
    </row>
    <row r="5433" spans="2:14" x14ac:dyDescent="0.3">
      <c r="B5433">
        <f t="shared" si="607"/>
        <v>1</v>
      </c>
      <c r="C5433" s="16">
        <v>5399</v>
      </c>
      <c r="D5433" cm="1">
        <f t="array" ref="D5433">IFERROR(INDEX(Jesper!AH$2:AH$366,ROUNDDOWN($C5433/24,0)+1,1)*INDEX($D$3:$AA$30,INDEX(Jesper!$R$2:$R$366,ROW(INDEX(Jesper!AH$2:AH$366,ROUNDDOWN($C5433/24,0)+1,1))-1)+IF('Standard Profiles'!$G$18=$B$10,7,0)+IF('Standard Profiles'!$G$18=$B$17,14,0)+IF('Standard Profiles'!$G$18=$B$24,21,0),MOD($C5433,24)+1)/SUM(INDEX($D$3:$AA$30,INDEX(Jesper!$R$2:$R$366,ROW(INDEX(Jesper!AH$2:AH$366,ROUNDDOWN($C5433/24,0)+1,1))-1)+IF('Standard Profiles'!$G$18=$B$10,7,0)+IF('Standard Profiles'!$G$18=$B$17,14,0)+IF('Standard Profiles'!$G$18=$B$24,21,0),0)),0)</f>
        <v>7.3409519368325089</v>
      </c>
      <c r="E5433" cm="1">
        <f t="array" ref="E5433">IFERROR(INDEX(Jesper!AI$2:AI$366,ROUNDDOWN($C5433/24,0)+1,1)*INDEX($D$3:$AA$30,INDEX(Jesper!$R$2:$R$366,ROW(INDEX(Jesper!AI$2:AI$366,ROUNDDOWN($C5433/24,0)+1,1))-1)+IF('Standard Profiles'!$G$19=$B$10,7,0)+IF('Standard Profiles'!$G$19=$B$17,14,0)+IF('Standard Profiles'!$G$19=$B$24,21,0),MOD($C5433,24)+1)/SUM(INDEX($D$3:$AA$30,INDEX(Jesper!$R$2:$R$366,ROW(INDEX(Jesper!AI$2:AI$366,ROUNDDOWN($C5433/24,0)+1,1))-1)+IF('Standard Profiles'!$G$19=$B$10,7,0)+IF('Standard Profiles'!$G$19=$B$17,14,0)+IF('Standard Profiles'!$G$19=$B$24,21,0),0)),0)</f>
        <v>0</v>
      </c>
      <c r="F5433" cm="1">
        <f t="array" ref="F5433">IFERROR(INDEX(Jesper!AJ$2:AJ$366,ROUNDDOWN($C5433/24,0)+1,1)*INDEX($D$3:$AA$30,INDEX(Jesper!$R$2:$R$366,ROW(INDEX(Jesper!AJ$2:AJ$366,ROUNDDOWN($C5433/24,0)+1,1))-1)+IF('Standard Profiles'!$G$20=$B$10,7,0)+IF('Standard Profiles'!$G$20=$B$17,14,0)+IF('Standard Profiles'!$G$20=$B$24,21,0),MOD($C5433,24)+1)/SUM(INDEX($D$3:$AA$30,INDEX(Jesper!$R$2:$R$366,ROW(INDEX(Jesper!AJ$2:AJ$366,ROUNDDOWN($C5433/24,0)+1,1))-1)+IF('Standard Profiles'!$G$20=$B$10,7,0)+IF('Standard Profiles'!$G$20=$B$17,14,0)+IF('Standard Profiles'!$G$20=$B$24,21,0),0)),0)</f>
        <v>0</v>
      </c>
      <c r="G5433" cm="1">
        <f t="array" ref="G5433">IFERROR(INDEX(Jesper!AK$2:AK$366,ROUNDDOWN($C5433/24,0)+1,1)*INDEX($D$3:$AA$30,INDEX(Jesper!$R$2:$R$366,ROW(INDEX(Jesper!AK$2:AK$366,ROUNDDOWN($C5433/24,0)+1,1))-1)+IF('Standard Profiles'!$G$21=$B$10,7,0)+IF('Standard Profiles'!$G$21=$B$17,14,0)+IF('Standard Profiles'!$G$21=$B$24,21,0),MOD($C5433,24)+1)/SUM(INDEX($D$3:$AA$30,INDEX(Jesper!$R$2:$R$366,ROW(INDEX(Jesper!AK$2:AK$366,ROUNDDOWN($C5433/24,0)+1,1))-1)+IF('Standard Profiles'!$G$21=$B$10,7,0)+IF('Standard Profiles'!$G$21=$B$17,14,0)+IF('Standard Profiles'!$G$21=$B$24,21,0),0)),0)</f>
        <v>0</v>
      </c>
      <c r="H5433" cm="1">
        <f t="array" ref="H5433">IFERROR(INDEX(Jesper!AL$2:AL$366,ROUNDDOWN($C5433/24,0)+1,1)*INDEX($D$3:$AA$30,INDEX(Jesper!$R$2:$R$366,ROW(INDEX(Jesper!AL$2:AL$366,ROUNDDOWN($C5433/24,0)+1,1))-1)+IF('Standard Profiles'!$G$22=$B$10,7,0)+IF('Standard Profiles'!$G$22=$B$17,14,0)+IF('Standard Profiles'!$G$22=$B$24,21,0),MOD($C5433,24)+1)/SUM(INDEX($D$3:$AA$30,INDEX(Jesper!$R$2:$R$366,ROW(INDEX(Jesper!AL$2:AL$366,ROUNDDOWN($C5433/24,0)+1,1))-1)+IF('Standard Profiles'!$G$22=$B$10,7,0)+IF('Standard Profiles'!$G$22=$B$17,14,0)+IF('Standard Profiles'!$G$22=$B$24,21,0),0)),0)</f>
        <v>0</v>
      </c>
      <c r="I5433">
        <f t="shared" si="608"/>
        <v>0.22022855810497527</v>
      </c>
      <c r="J5433">
        <f t="shared" si="609"/>
        <v>0.73409519368325094</v>
      </c>
      <c r="K5433">
        <f t="shared" si="610"/>
        <v>1.1011427905248763</v>
      </c>
      <c r="L5433">
        <f t="shared" si="611"/>
        <v>5.285485394519406</v>
      </c>
      <c r="M5433">
        <f t="shared" si="612"/>
        <v>0</v>
      </c>
      <c r="N5433" s="46">
        <f t="shared" si="613"/>
        <v>45516.958333320239</v>
      </c>
    </row>
    <row r="5434" spans="2:14" x14ac:dyDescent="0.3">
      <c r="B5434">
        <f t="shared" si="607"/>
        <v>2</v>
      </c>
      <c r="C5434" s="16">
        <v>5400</v>
      </c>
      <c r="D5434" cm="1">
        <f t="array" ref="D5434">IFERROR(INDEX(Jesper!AH$2:AH$366,ROUNDDOWN($C5434/24,0)+1,1)*INDEX($D$3:$AA$30,INDEX(Jesper!$R$2:$R$366,ROW(INDEX(Jesper!AH$2:AH$366,ROUNDDOWN($C5434/24,0)+1,1))-1)+IF('Standard Profiles'!$G$18=$B$10,7,0)+IF('Standard Profiles'!$G$18=$B$17,14,0)+IF('Standard Profiles'!$G$18=$B$24,21,0),MOD($C5434,24)+1)/SUM(INDEX($D$3:$AA$30,INDEX(Jesper!$R$2:$R$366,ROW(INDEX(Jesper!AH$2:AH$366,ROUNDDOWN($C5434/24,0)+1,1))-1)+IF('Standard Profiles'!$G$18=$B$10,7,0)+IF('Standard Profiles'!$G$18=$B$17,14,0)+IF('Standard Profiles'!$G$18=$B$24,21,0),0)),0)</f>
        <v>6.8061498767863027</v>
      </c>
      <c r="E5434" cm="1">
        <f t="array" ref="E5434">IFERROR(INDEX(Jesper!AI$2:AI$366,ROUNDDOWN($C5434/24,0)+1,1)*INDEX($D$3:$AA$30,INDEX(Jesper!$R$2:$R$366,ROW(INDEX(Jesper!AI$2:AI$366,ROUNDDOWN($C5434/24,0)+1,1))-1)+IF('Standard Profiles'!$G$19=$B$10,7,0)+IF('Standard Profiles'!$G$19=$B$17,14,0)+IF('Standard Profiles'!$G$19=$B$24,21,0),MOD($C5434,24)+1)/SUM(INDEX($D$3:$AA$30,INDEX(Jesper!$R$2:$R$366,ROW(INDEX(Jesper!AI$2:AI$366,ROUNDDOWN($C5434/24,0)+1,1))-1)+IF('Standard Profiles'!$G$19=$B$10,7,0)+IF('Standard Profiles'!$G$19=$B$17,14,0)+IF('Standard Profiles'!$G$19=$B$24,21,0),0)),0)</f>
        <v>0</v>
      </c>
      <c r="F5434" cm="1">
        <f t="array" ref="F5434">IFERROR(INDEX(Jesper!AJ$2:AJ$366,ROUNDDOWN($C5434/24,0)+1,1)*INDEX($D$3:$AA$30,INDEX(Jesper!$R$2:$R$366,ROW(INDEX(Jesper!AJ$2:AJ$366,ROUNDDOWN($C5434/24,0)+1,1))-1)+IF('Standard Profiles'!$G$20=$B$10,7,0)+IF('Standard Profiles'!$G$20=$B$17,14,0)+IF('Standard Profiles'!$G$20=$B$24,21,0),MOD($C5434,24)+1)/SUM(INDEX($D$3:$AA$30,INDEX(Jesper!$R$2:$R$366,ROW(INDEX(Jesper!AJ$2:AJ$366,ROUNDDOWN($C5434/24,0)+1,1))-1)+IF('Standard Profiles'!$G$20=$B$10,7,0)+IF('Standard Profiles'!$G$20=$B$17,14,0)+IF('Standard Profiles'!$G$20=$B$24,21,0),0)),0)</f>
        <v>0</v>
      </c>
      <c r="G5434" cm="1">
        <f t="array" ref="G5434">IFERROR(INDEX(Jesper!AK$2:AK$366,ROUNDDOWN($C5434/24,0)+1,1)*INDEX($D$3:$AA$30,INDEX(Jesper!$R$2:$R$366,ROW(INDEX(Jesper!AK$2:AK$366,ROUNDDOWN($C5434/24,0)+1,1))-1)+IF('Standard Profiles'!$G$21=$B$10,7,0)+IF('Standard Profiles'!$G$21=$B$17,14,0)+IF('Standard Profiles'!$G$21=$B$24,21,0),MOD($C5434,24)+1)/SUM(INDEX($D$3:$AA$30,INDEX(Jesper!$R$2:$R$366,ROW(INDEX(Jesper!AK$2:AK$366,ROUNDDOWN($C5434/24,0)+1,1))-1)+IF('Standard Profiles'!$G$21=$B$10,7,0)+IF('Standard Profiles'!$G$21=$B$17,14,0)+IF('Standard Profiles'!$G$21=$B$24,21,0),0)),0)</f>
        <v>0</v>
      </c>
      <c r="H5434" cm="1">
        <f t="array" ref="H5434">IFERROR(INDEX(Jesper!AL$2:AL$366,ROUNDDOWN($C5434/24,0)+1,1)*INDEX($D$3:$AA$30,INDEX(Jesper!$R$2:$R$366,ROW(INDEX(Jesper!AL$2:AL$366,ROUNDDOWN($C5434/24,0)+1,1))-1)+IF('Standard Profiles'!$G$22=$B$10,7,0)+IF('Standard Profiles'!$G$22=$B$17,14,0)+IF('Standard Profiles'!$G$22=$B$24,21,0),MOD($C5434,24)+1)/SUM(INDEX($D$3:$AA$30,INDEX(Jesper!$R$2:$R$366,ROW(INDEX(Jesper!AL$2:AL$366,ROUNDDOWN($C5434/24,0)+1,1))-1)+IF('Standard Profiles'!$G$22=$B$10,7,0)+IF('Standard Profiles'!$G$22=$B$17,14,0)+IF('Standard Profiles'!$G$22=$B$24,21,0),0)),0)</f>
        <v>0</v>
      </c>
      <c r="I5434">
        <f t="shared" si="608"/>
        <v>0.20418449630358906</v>
      </c>
      <c r="J5434">
        <f t="shared" si="609"/>
        <v>0.68061498767863027</v>
      </c>
      <c r="K5434">
        <f t="shared" si="610"/>
        <v>1.0209224815179454</v>
      </c>
      <c r="L5434">
        <f t="shared" si="611"/>
        <v>4.9004279112861377</v>
      </c>
      <c r="M5434">
        <f t="shared" si="612"/>
        <v>0</v>
      </c>
      <c r="N5434" s="46">
        <f t="shared" si="613"/>
        <v>45516.999999986903</v>
      </c>
    </row>
    <row r="5435" spans="2:14" x14ac:dyDescent="0.3">
      <c r="B5435">
        <f t="shared" si="607"/>
        <v>2</v>
      </c>
      <c r="C5435" s="16">
        <v>5401</v>
      </c>
      <c r="D5435" cm="1">
        <f t="array" ref="D5435">IFERROR(INDEX(Jesper!AH$2:AH$366,ROUNDDOWN($C5435/24,0)+1,1)*INDEX($D$3:$AA$30,INDEX(Jesper!$R$2:$R$366,ROW(INDEX(Jesper!AH$2:AH$366,ROUNDDOWN($C5435/24,0)+1,1))-1)+IF('Standard Profiles'!$G$18=$B$10,7,0)+IF('Standard Profiles'!$G$18=$B$17,14,0)+IF('Standard Profiles'!$G$18=$B$24,21,0),MOD($C5435,24)+1)/SUM(INDEX($D$3:$AA$30,INDEX(Jesper!$R$2:$R$366,ROW(INDEX(Jesper!AH$2:AH$366,ROUNDDOWN($C5435/24,0)+1,1))-1)+IF('Standard Profiles'!$G$18=$B$10,7,0)+IF('Standard Profiles'!$G$18=$B$17,14,0)+IF('Standard Profiles'!$G$18=$B$24,21,0),0)),0)</f>
        <v>6.8061498767863027</v>
      </c>
      <c r="E5435" cm="1">
        <f t="array" ref="E5435">IFERROR(INDEX(Jesper!AI$2:AI$366,ROUNDDOWN($C5435/24,0)+1,1)*INDEX($D$3:$AA$30,INDEX(Jesper!$R$2:$R$366,ROW(INDEX(Jesper!AI$2:AI$366,ROUNDDOWN($C5435/24,0)+1,1))-1)+IF('Standard Profiles'!$G$19=$B$10,7,0)+IF('Standard Profiles'!$G$19=$B$17,14,0)+IF('Standard Profiles'!$G$19=$B$24,21,0),MOD($C5435,24)+1)/SUM(INDEX($D$3:$AA$30,INDEX(Jesper!$R$2:$R$366,ROW(INDEX(Jesper!AI$2:AI$366,ROUNDDOWN($C5435/24,0)+1,1))-1)+IF('Standard Profiles'!$G$19=$B$10,7,0)+IF('Standard Profiles'!$G$19=$B$17,14,0)+IF('Standard Profiles'!$G$19=$B$24,21,0),0)),0)</f>
        <v>0</v>
      </c>
      <c r="F5435" cm="1">
        <f t="array" ref="F5435">IFERROR(INDEX(Jesper!AJ$2:AJ$366,ROUNDDOWN($C5435/24,0)+1,1)*INDEX($D$3:$AA$30,INDEX(Jesper!$R$2:$R$366,ROW(INDEX(Jesper!AJ$2:AJ$366,ROUNDDOWN($C5435/24,0)+1,1))-1)+IF('Standard Profiles'!$G$20=$B$10,7,0)+IF('Standard Profiles'!$G$20=$B$17,14,0)+IF('Standard Profiles'!$G$20=$B$24,21,0),MOD($C5435,24)+1)/SUM(INDEX($D$3:$AA$30,INDEX(Jesper!$R$2:$R$366,ROW(INDEX(Jesper!AJ$2:AJ$366,ROUNDDOWN($C5435/24,0)+1,1))-1)+IF('Standard Profiles'!$G$20=$B$10,7,0)+IF('Standard Profiles'!$G$20=$B$17,14,0)+IF('Standard Profiles'!$G$20=$B$24,21,0),0)),0)</f>
        <v>0</v>
      </c>
      <c r="G5435" cm="1">
        <f t="array" ref="G5435">IFERROR(INDEX(Jesper!AK$2:AK$366,ROUNDDOWN($C5435/24,0)+1,1)*INDEX($D$3:$AA$30,INDEX(Jesper!$R$2:$R$366,ROW(INDEX(Jesper!AK$2:AK$366,ROUNDDOWN($C5435/24,0)+1,1))-1)+IF('Standard Profiles'!$G$21=$B$10,7,0)+IF('Standard Profiles'!$G$21=$B$17,14,0)+IF('Standard Profiles'!$G$21=$B$24,21,0),MOD($C5435,24)+1)/SUM(INDEX($D$3:$AA$30,INDEX(Jesper!$R$2:$R$366,ROW(INDEX(Jesper!AK$2:AK$366,ROUNDDOWN($C5435/24,0)+1,1))-1)+IF('Standard Profiles'!$G$21=$B$10,7,0)+IF('Standard Profiles'!$G$21=$B$17,14,0)+IF('Standard Profiles'!$G$21=$B$24,21,0),0)),0)</f>
        <v>0</v>
      </c>
      <c r="H5435" cm="1">
        <f t="array" ref="H5435">IFERROR(INDEX(Jesper!AL$2:AL$366,ROUNDDOWN($C5435/24,0)+1,1)*INDEX($D$3:$AA$30,INDEX(Jesper!$R$2:$R$366,ROW(INDEX(Jesper!AL$2:AL$366,ROUNDDOWN($C5435/24,0)+1,1))-1)+IF('Standard Profiles'!$G$22=$B$10,7,0)+IF('Standard Profiles'!$G$22=$B$17,14,0)+IF('Standard Profiles'!$G$22=$B$24,21,0),MOD($C5435,24)+1)/SUM(INDEX($D$3:$AA$30,INDEX(Jesper!$R$2:$R$366,ROW(INDEX(Jesper!AL$2:AL$366,ROUNDDOWN($C5435/24,0)+1,1))-1)+IF('Standard Profiles'!$G$22=$B$10,7,0)+IF('Standard Profiles'!$G$22=$B$17,14,0)+IF('Standard Profiles'!$G$22=$B$24,21,0),0)),0)</f>
        <v>0</v>
      </c>
      <c r="I5435">
        <f t="shared" si="608"/>
        <v>0.20418449630358906</v>
      </c>
      <c r="J5435">
        <f t="shared" si="609"/>
        <v>0.68061498767863027</v>
      </c>
      <c r="K5435">
        <f t="shared" si="610"/>
        <v>1.0209224815179454</v>
      </c>
      <c r="L5435">
        <f t="shared" si="611"/>
        <v>4.9004279112861377</v>
      </c>
      <c r="M5435">
        <f t="shared" si="612"/>
        <v>0</v>
      </c>
      <c r="N5435" s="46">
        <f t="shared" si="613"/>
        <v>45517.041666653568</v>
      </c>
    </row>
    <row r="5436" spans="2:14" x14ac:dyDescent="0.3">
      <c r="B5436">
        <f t="shared" si="607"/>
        <v>2</v>
      </c>
      <c r="C5436" s="16">
        <v>5402</v>
      </c>
      <c r="D5436" cm="1">
        <f t="array" ref="D5436">IFERROR(INDEX(Jesper!AH$2:AH$366,ROUNDDOWN($C5436/24,0)+1,1)*INDEX($D$3:$AA$30,INDEX(Jesper!$R$2:$R$366,ROW(INDEX(Jesper!AH$2:AH$366,ROUNDDOWN($C5436/24,0)+1,1))-1)+IF('Standard Profiles'!$G$18=$B$10,7,0)+IF('Standard Profiles'!$G$18=$B$17,14,0)+IF('Standard Profiles'!$G$18=$B$24,21,0),MOD($C5436,24)+1)/SUM(INDEX($D$3:$AA$30,INDEX(Jesper!$R$2:$R$366,ROW(INDEX(Jesper!AH$2:AH$366,ROUNDDOWN($C5436/24,0)+1,1))-1)+IF('Standard Profiles'!$G$18=$B$10,7,0)+IF('Standard Profiles'!$G$18=$B$17,14,0)+IF('Standard Profiles'!$G$18=$B$24,21,0),0)),0)</f>
        <v>6.8061498767863027</v>
      </c>
      <c r="E5436" cm="1">
        <f t="array" ref="E5436">IFERROR(INDEX(Jesper!AI$2:AI$366,ROUNDDOWN($C5436/24,0)+1,1)*INDEX($D$3:$AA$30,INDEX(Jesper!$R$2:$R$366,ROW(INDEX(Jesper!AI$2:AI$366,ROUNDDOWN($C5436/24,0)+1,1))-1)+IF('Standard Profiles'!$G$19=$B$10,7,0)+IF('Standard Profiles'!$G$19=$B$17,14,0)+IF('Standard Profiles'!$G$19=$B$24,21,0),MOD($C5436,24)+1)/SUM(INDEX($D$3:$AA$30,INDEX(Jesper!$R$2:$R$366,ROW(INDEX(Jesper!AI$2:AI$366,ROUNDDOWN($C5436/24,0)+1,1))-1)+IF('Standard Profiles'!$G$19=$B$10,7,0)+IF('Standard Profiles'!$G$19=$B$17,14,0)+IF('Standard Profiles'!$G$19=$B$24,21,0),0)),0)</f>
        <v>0</v>
      </c>
      <c r="F5436" cm="1">
        <f t="array" ref="F5436">IFERROR(INDEX(Jesper!AJ$2:AJ$366,ROUNDDOWN($C5436/24,0)+1,1)*INDEX($D$3:$AA$30,INDEX(Jesper!$R$2:$R$366,ROW(INDEX(Jesper!AJ$2:AJ$366,ROUNDDOWN($C5436/24,0)+1,1))-1)+IF('Standard Profiles'!$G$20=$B$10,7,0)+IF('Standard Profiles'!$G$20=$B$17,14,0)+IF('Standard Profiles'!$G$20=$B$24,21,0),MOD($C5436,24)+1)/SUM(INDEX($D$3:$AA$30,INDEX(Jesper!$R$2:$R$366,ROW(INDEX(Jesper!AJ$2:AJ$366,ROUNDDOWN($C5436/24,0)+1,1))-1)+IF('Standard Profiles'!$G$20=$B$10,7,0)+IF('Standard Profiles'!$G$20=$B$17,14,0)+IF('Standard Profiles'!$G$20=$B$24,21,0),0)),0)</f>
        <v>0</v>
      </c>
      <c r="G5436" cm="1">
        <f t="array" ref="G5436">IFERROR(INDEX(Jesper!AK$2:AK$366,ROUNDDOWN($C5436/24,0)+1,1)*INDEX($D$3:$AA$30,INDEX(Jesper!$R$2:$R$366,ROW(INDEX(Jesper!AK$2:AK$366,ROUNDDOWN($C5436/24,0)+1,1))-1)+IF('Standard Profiles'!$G$21=$B$10,7,0)+IF('Standard Profiles'!$G$21=$B$17,14,0)+IF('Standard Profiles'!$G$21=$B$24,21,0),MOD($C5436,24)+1)/SUM(INDEX($D$3:$AA$30,INDEX(Jesper!$R$2:$R$366,ROW(INDEX(Jesper!AK$2:AK$366,ROUNDDOWN($C5436/24,0)+1,1))-1)+IF('Standard Profiles'!$G$21=$B$10,7,0)+IF('Standard Profiles'!$G$21=$B$17,14,0)+IF('Standard Profiles'!$G$21=$B$24,21,0),0)),0)</f>
        <v>0</v>
      </c>
      <c r="H5436" cm="1">
        <f t="array" ref="H5436">IFERROR(INDEX(Jesper!AL$2:AL$366,ROUNDDOWN($C5436/24,0)+1,1)*INDEX($D$3:$AA$30,INDEX(Jesper!$R$2:$R$366,ROW(INDEX(Jesper!AL$2:AL$366,ROUNDDOWN($C5436/24,0)+1,1))-1)+IF('Standard Profiles'!$G$22=$B$10,7,0)+IF('Standard Profiles'!$G$22=$B$17,14,0)+IF('Standard Profiles'!$G$22=$B$24,21,0),MOD($C5436,24)+1)/SUM(INDEX($D$3:$AA$30,INDEX(Jesper!$R$2:$R$366,ROW(INDEX(Jesper!AL$2:AL$366,ROUNDDOWN($C5436/24,0)+1,1))-1)+IF('Standard Profiles'!$G$22=$B$10,7,0)+IF('Standard Profiles'!$G$22=$B$17,14,0)+IF('Standard Profiles'!$G$22=$B$24,21,0),0)),0)</f>
        <v>0</v>
      </c>
      <c r="I5436">
        <f t="shared" si="608"/>
        <v>0.20418449630358906</v>
      </c>
      <c r="J5436">
        <f t="shared" si="609"/>
        <v>0.68061498767863027</v>
      </c>
      <c r="K5436">
        <f t="shared" si="610"/>
        <v>1.0209224815179454</v>
      </c>
      <c r="L5436">
        <f t="shared" si="611"/>
        <v>4.9004279112861377</v>
      </c>
      <c r="M5436">
        <f t="shared" si="612"/>
        <v>0</v>
      </c>
      <c r="N5436" s="46">
        <f t="shared" si="613"/>
        <v>45517.083333320232</v>
      </c>
    </row>
    <row r="5437" spans="2:14" x14ac:dyDescent="0.3">
      <c r="B5437">
        <f t="shared" si="607"/>
        <v>2</v>
      </c>
      <c r="C5437" s="16">
        <v>5403</v>
      </c>
      <c r="D5437" cm="1">
        <f t="array" ref="D5437">IFERROR(INDEX(Jesper!AH$2:AH$366,ROUNDDOWN($C5437/24,0)+1,1)*INDEX($D$3:$AA$30,INDEX(Jesper!$R$2:$R$366,ROW(INDEX(Jesper!AH$2:AH$366,ROUNDDOWN($C5437/24,0)+1,1))-1)+IF('Standard Profiles'!$G$18=$B$10,7,0)+IF('Standard Profiles'!$G$18=$B$17,14,0)+IF('Standard Profiles'!$G$18=$B$24,21,0),MOD($C5437,24)+1)/SUM(INDEX($D$3:$AA$30,INDEX(Jesper!$R$2:$R$366,ROW(INDEX(Jesper!AH$2:AH$366,ROUNDDOWN($C5437/24,0)+1,1))-1)+IF('Standard Profiles'!$G$18=$B$10,7,0)+IF('Standard Profiles'!$G$18=$B$17,14,0)+IF('Standard Profiles'!$G$18=$B$24,21,0),0)),0)</f>
        <v>6.8061498767863027</v>
      </c>
      <c r="E5437" cm="1">
        <f t="array" ref="E5437">IFERROR(INDEX(Jesper!AI$2:AI$366,ROUNDDOWN($C5437/24,0)+1,1)*INDEX($D$3:$AA$30,INDEX(Jesper!$R$2:$R$366,ROW(INDEX(Jesper!AI$2:AI$366,ROUNDDOWN($C5437/24,0)+1,1))-1)+IF('Standard Profiles'!$G$19=$B$10,7,0)+IF('Standard Profiles'!$G$19=$B$17,14,0)+IF('Standard Profiles'!$G$19=$B$24,21,0),MOD($C5437,24)+1)/SUM(INDEX($D$3:$AA$30,INDEX(Jesper!$R$2:$R$366,ROW(INDEX(Jesper!AI$2:AI$366,ROUNDDOWN($C5437/24,0)+1,1))-1)+IF('Standard Profiles'!$G$19=$B$10,7,0)+IF('Standard Profiles'!$G$19=$B$17,14,0)+IF('Standard Profiles'!$G$19=$B$24,21,0),0)),0)</f>
        <v>0</v>
      </c>
      <c r="F5437" cm="1">
        <f t="array" ref="F5437">IFERROR(INDEX(Jesper!AJ$2:AJ$366,ROUNDDOWN($C5437/24,0)+1,1)*INDEX($D$3:$AA$30,INDEX(Jesper!$R$2:$R$366,ROW(INDEX(Jesper!AJ$2:AJ$366,ROUNDDOWN($C5437/24,0)+1,1))-1)+IF('Standard Profiles'!$G$20=$B$10,7,0)+IF('Standard Profiles'!$G$20=$B$17,14,0)+IF('Standard Profiles'!$G$20=$B$24,21,0),MOD($C5437,24)+1)/SUM(INDEX($D$3:$AA$30,INDEX(Jesper!$R$2:$R$366,ROW(INDEX(Jesper!AJ$2:AJ$366,ROUNDDOWN($C5437/24,0)+1,1))-1)+IF('Standard Profiles'!$G$20=$B$10,7,0)+IF('Standard Profiles'!$G$20=$B$17,14,0)+IF('Standard Profiles'!$G$20=$B$24,21,0),0)),0)</f>
        <v>0</v>
      </c>
      <c r="G5437" cm="1">
        <f t="array" ref="G5437">IFERROR(INDEX(Jesper!AK$2:AK$366,ROUNDDOWN($C5437/24,0)+1,1)*INDEX($D$3:$AA$30,INDEX(Jesper!$R$2:$R$366,ROW(INDEX(Jesper!AK$2:AK$366,ROUNDDOWN($C5437/24,0)+1,1))-1)+IF('Standard Profiles'!$G$21=$B$10,7,0)+IF('Standard Profiles'!$G$21=$B$17,14,0)+IF('Standard Profiles'!$G$21=$B$24,21,0),MOD($C5437,24)+1)/SUM(INDEX($D$3:$AA$30,INDEX(Jesper!$R$2:$R$366,ROW(INDEX(Jesper!AK$2:AK$366,ROUNDDOWN($C5437/24,0)+1,1))-1)+IF('Standard Profiles'!$G$21=$B$10,7,0)+IF('Standard Profiles'!$G$21=$B$17,14,0)+IF('Standard Profiles'!$G$21=$B$24,21,0),0)),0)</f>
        <v>0</v>
      </c>
      <c r="H5437" cm="1">
        <f t="array" ref="H5437">IFERROR(INDEX(Jesper!AL$2:AL$366,ROUNDDOWN($C5437/24,0)+1,1)*INDEX($D$3:$AA$30,INDEX(Jesper!$R$2:$R$366,ROW(INDEX(Jesper!AL$2:AL$366,ROUNDDOWN($C5437/24,0)+1,1))-1)+IF('Standard Profiles'!$G$22=$B$10,7,0)+IF('Standard Profiles'!$G$22=$B$17,14,0)+IF('Standard Profiles'!$G$22=$B$24,21,0),MOD($C5437,24)+1)/SUM(INDEX($D$3:$AA$30,INDEX(Jesper!$R$2:$R$366,ROW(INDEX(Jesper!AL$2:AL$366,ROUNDDOWN($C5437/24,0)+1,1))-1)+IF('Standard Profiles'!$G$22=$B$10,7,0)+IF('Standard Profiles'!$G$22=$B$17,14,0)+IF('Standard Profiles'!$G$22=$B$24,21,0),0)),0)</f>
        <v>0</v>
      </c>
      <c r="I5437">
        <f t="shared" si="608"/>
        <v>0.20418449630358906</v>
      </c>
      <c r="J5437">
        <f t="shared" si="609"/>
        <v>0.68061498767863027</v>
      </c>
      <c r="K5437">
        <f t="shared" si="610"/>
        <v>1.0209224815179454</v>
      </c>
      <c r="L5437">
        <f t="shared" si="611"/>
        <v>4.9004279112861377</v>
      </c>
      <c r="M5437">
        <f t="shared" si="612"/>
        <v>0</v>
      </c>
      <c r="N5437" s="46">
        <f t="shared" si="613"/>
        <v>45517.124999986896</v>
      </c>
    </row>
    <row r="5438" spans="2:14" x14ac:dyDescent="0.3">
      <c r="B5438">
        <f t="shared" si="607"/>
        <v>2</v>
      </c>
      <c r="C5438" s="16">
        <v>5404</v>
      </c>
      <c r="D5438" cm="1">
        <f t="array" ref="D5438">IFERROR(INDEX(Jesper!AH$2:AH$366,ROUNDDOWN($C5438/24,0)+1,1)*INDEX($D$3:$AA$30,INDEX(Jesper!$R$2:$R$366,ROW(INDEX(Jesper!AH$2:AH$366,ROUNDDOWN($C5438/24,0)+1,1))-1)+IF('Standard Profiles'!$G$18=$B$10,7,0)+IF('Standard Profiles'!$G$18=$B$17,14,0)+IF('Standard Profiles'!$G$18=$B$24,21,0),MOD($C5438,24)+1)/SUM(INDEX($D$3:$AA$30,INDEX(Jesper!$R$2:$R$366,ROW(INDEX(Jesper!AH$2:AH$366,ROUNDDOWN($C5438/24,0)+1,1))-1)+IF('Standard Profiles'!$G$18=$B$10,7,0)+IF('Standard Profiles'!$G$18=$B$17,14,0)+IF('Standard Profiles'!$G$18=$B$24,21,0),0)),0)</f>
        <v>6.8061498767863027</v>
      </c>
      <c r="E5438" cm="1">
        <f t="array" ref="E5438">IFERROR(INDEX(Jesper!AI$2:AI$366,ROUNDDOWN($C5438/24,0)+1,1)*INDEX($D$3:$AA$30,INDEX(Jesper!$R$2:$R$366,ROW(INDEX(Jesper!AI$2:AI$366,ROUNDDOWN($C5438/24,0)+1,1))-1)+IF('Standard Profiles'!$G$19=$B$10,7,0)+IF('Standard Profiles'!$G$19=$B$17,14,0)+IF('Standard Profiles'!$G$19=$B$24,21,0),MOD($C5438,24)+1)/SUM(INDEX($D$3:$AA$30,INDEX(Jesper!$R$2:$R$366,ROW(INDEX(Jesper!AI$2:AI$366,ROUNDDOWN($C5438/24,0)+1,1))-1)+IF('Standard Profiles'!$G$19=$B$10,7,0)+IF('Standard Profiles'!$G$19=$B$17,14,0)+IF('Standard Profiles'!$G$19=$B$24,21,0),0)),0)</f>
        <v>0</v>
      </c>
      <c r="F5438" cm="1">
        <f t="array" ref="F5438">IFERROR(INDEX(Jesper!AJ$2:AJ$366,ROUNDDOWN($C5438/24,0)+1,1)*INDEX($D$3:$AA$30,INDEX(Jesper!$R$2:$R$366,ROW(INDEX(Jesper!AJ$2:AJ$366,ROUNDDOWN($C5438/24,0)+1,1))-1)+IF('Standard Profiles'!$G$20=$B$10,7,0)+IF('Standard Profiles'!$G$20=$B$17,14,0)+IF('Standard Profiles'!$G$20=$B$24,21,0),MOD($C5438,24)+1)/SUM(INDEX($D$3:$AA$30,INDEX(Jesper!$R$2:$R$366,ROW(INDEX(Jesper!AJ$2:AJ$366,ROUNDDOWN($C5438/24,0)+1,1))-1)+IF('Standard Profiles'!$G$20=$B$10,7,0)+IF('Standard Profiles'!$G$20=$B$17,14,0)+IF('Standard Profiles'!$G$20=$B$24,21,0),0)),0)</f>
        <v>0</v>
      </c>
      <c r="G5438" cm="1">
        <f t="array" ref="G5438">IFERROR(INDEX(Jesper!AK$2:AK$366,ROUNDDOWN($C5438/24,0)+1,1)*INDEX($D$3:$AA$30,INDEX(Jesper!$R$2:$R$366,ROW(INDEX(Jesper!AK$2:AK$366,ROUNDDOWN($C5438/24,0)+1,1))-1)+IF('Standard Profiles'!$G$21=$B$10,7,0)+IF('Standard Profiles'!$G$21=$B$17,14,0)+IF('Standard Profiles'!$G$21=$B$24,21,0),MOD($C5438,24)+1)/SUM(INDEX($D$3:$AA$30,INDEX(Jesper!$R$2:$R$366,ROW(INDEX(Jesper!AK$2:AK$366,ROUNDDOWN($C5438/24,0)+1,1))-1)+IF('Standard Profiles'!$G$21=$B$10,7,0)+IF('Standard Profiles'!$G$21=$B$17,14,0)+IF('Standard Profiles'!$G$21=$B$24,21,0),0)),0)</f>
        <v>0</v>
      </c>
      <c r="H5438" cm="1">
        <f t="array" ref="H5438">IFERROR(INDEX(Jesper!AL$2:AL$366,ROUNDDOWN($C5438/24,0)+1,1)*INDEX($D$3:$AA$30,INDEX(Jesper!$R$2:$R$366,ROW(INDEX(Jesper!AL$2:AL$366,ROUNDDOWN($C5438/24,0)+1,1))-1)+IF('Standard Profiles'!$G$22=$B$10,7,0)+IF('Standard Profiles'!$G$22=$B$17,14,0)+IF('Standard Profiles'!$G$22=$B$24,21,0),MOD($C5438,24)+1)/SUM(INDEX($D$3:$AA$30,INDEX(Jesper!$R$2:$R$366,ROW(INDEX(Jesper!AL$2:AL$366,ROUNDDOWN($C5438/24,0)+1,1))-1)+IF('Standard Profiles'!$G$22=$B$10,7,0)+IF('Standard Profiles'!$G$22=$B$17,14,0)+IF('Standard Profiles'!$G$22=$B$24,21,0),0)),0)</f>
        <v>0</v>
      </c>
      <c r="I5438">
        <f t="shared" si="608"/>
        <v>0.20418449630358906</v>
      </c>
      <c r="J5438">
        <f t="shared" si="609"/>
        <v>0.68061498767863027</v>
      </c>
      <c r="K5438">
        <f t="shared" si="610"/>
        <v>1.0209224815179454</v>
      </c>
      <c r="L5438">
        <f t="shared" si="611"/>
        <v>4.9004279112861377</v>
      </c>
      <c r="M5438">
        <f t="shared" si="612"/>
        <v>0</v>
      </c>
      <c r="N5438" s="46">
        <f t="shared" si="613"/>
        <v>45517.16666665356</v>
      </c>
    </row>
    <row r="5439" spans="2:14" x14ac:dyDescent="0.3">
      <c r="B5439">
        <f t="shared" si="607"/>
        <v>2</v>
      </c>
      <c r="C5439" s="16">
        <v>5405</v>
      </c>
      <c r="D5439" cm="1">
        <f t="array" ref="D5439">IFERROR(INDEX(Jesper!AH$2:AH$366,ROUNDDOWN($C5439/24,0)+1,1)*INDEX($D$3:$AA$30,INDEX(Jesper!$R$2:$R$366,ROW(INDEX(Jesper!AH$2:AH$366,ROUNDDOWN($C5439/24,0)+1,1))-1)+IF('Standard Profiles'!$G$18=$B$10,7,0)+IF('Standard Profiles'!$G$18=$B$17,14,0)+IF('Standard Profiles'!$G$18=$B$24,21,0),MOD($C5439,24)+1)/SUM(INDEX($D$3:$AA$30,INDEX(Jesper!$R$2:$R$366,ROW(INDEX(Jesper!AH$2:AH$366,ROUNDDOWN($C5439/24,0)+1,1))-1)+IF('Standard Profiles'!$G$18=$B$10,7,0)+IF('Standard Profiles'!$G$18=$B$17,14,0)+IF('Standard Profiles'!$G$18=$B$24,21,0),0)),0)</f>
        <v>8.8479948398221939</v>
      </c>
      <c r="E5439" cm="1">
        <f t="array" ref="E5439">IFERROR(INDEX(Jesper!AI$2:AI$366,ROUNDDOWN($C5439/24,0)+1,1)*INDEX($D$3:$AA$30,INDEX(Jesper!$R$2:$R$366,ROW(INDEX(Jesper!AI$2:AI$366,ROUNDDOWN($C5439/24,0)+1,1))-1)+IF('Standard Profiles'!$G$19=$B$10,7,0)+IF('Standard Profiles'!$G$19=$B$17,14,0)+IF('Standard Profiles'!$G$19=$B$24,21,0),MOD($C5439,24)+1)/SUM(INDEX($D$3:$AA$30,INDEX(Jesper!$R$2:$R$366,ROW(INDEX(Jesper!AI$2:AI$366,ROUNDDOWN($C5439/24,0)+1,1))-1)+IF('Standard Profiles'!$G$19=$B$10,7,0)+IF('Standard Profiles'!$G$19=$B$17,14,0)+IF('Standard Profiles'!$G$19=$B$24,21,0),0)),0)</f>
        <v>0</v>
      </c>
      <c r="F5439" cm="1">
        <f t="array" ref="F5439">IFERROR(INDEX(Jesper!AJ$2:AJ$366,ROUNDDOWN($C5439/24,0)+1,1)*INDEX($D$3:$AA$30,INDEX(Jesper!$R$2:$R$366,ROW(INDEX(Jesper!AJ$2:AJ$366,ROUNDDOWN($C5439/24,0)+1,1))-1)+IF('Standard Profiles'!$G$20=$B$10,7,0)+IF('Standard Profiles'!$G$20=$B$17,14,0)+IF('Standard Profiles'!$G$20=$B$24,21,0),MOD($C5439,24)+1)/SUM(INDEX($D$3:$AA$30,INDEX(Jesper!$R$2:$R$366,ROW(INDEX(Jesper!AJ$2:AJ$366,ROUNDDOWN($C5439/24,0)+1,1))-1)+IF('Standard Profiles'!$G$20=$B$10,7,0)+IF('Standard Profiles'!$G$20=$B$17,14,0)+IF('Standard Profiles'!$G$20=$B$24,21,0),0)),0)</f>
        <v>0</v>
      </c>
      <c r="G5439" cm="1">
        <f t="array" ref="G5439">IFERROR(INDEX(Jesper!AK$2:AK$366,ROUNDDOWN($C5439/24,0)+1,1)*INDEX($D$3:$AA$30,INDEX(Jesper!$R$2:$R$366,ROW(INDEX(Jesper!AK$2:AK$366,ROUNDDOWN($C5439/24,0)+1,1))-1)+IF('Standard Profiles'!$G$21=$B$10,7,0)+IF('Standard Profiles'!$G$21=$B$17,14,0)+IF('Standard Profiles'!$G$21=$B$24,21,0),MOD($C5439,24)+1)/SUM(INDEX($D$3:$AA$30,INDEX(Jesper!$R$2:$R$366,ROW(INDEX(Jesper!AK$2:AK$366,ROUNDDOWN($C5439/24,0)+1,1))-1)+IF('Standard Profiles'!$G$21=$B$10,7,0)+IF('Standard Profiles'!$G$21=$B$17,14,0)+IF('Standard Profiles'!$G$21=$B$24,21,0),0)),0)</f>
        <v>0</v>
      </c>
      <c r="H5439" cm="1">
        <f t="array" ref="H5439">IFERROR(INDEX(Jesper!AL$2:AL$366,ROUNDDOWN($C5439/24,0)+1,1)*INDEX($D$3:$AA$30,INDEX(Jesper!$R$2:$R$366,ROW(INDEX(Jesper!AL$2:AL$366,ROUNDDOWN($C5439/24,0)+1,1))-1)+IF('Standard Profiles'!$G$22=$B$10,7,0)+IF('Standard Profiles'!$G$22=$B$17,14,0)+IF('Standard Profiles'!$G$22=$B$24,21,0),MOD($C5439,24)+1)/SUM(INDEX($D$3:$AA$30,INDEX(Jesper!$R$2:$R$366,ROW(INDEX(Jesper!AL$2:AL$366,ROUNDDOWN($C5439/24,0)+1,1))-1)+IF('Standard Profiles'!$G$22=$B$10,7,0)+IF('Standard Profiles'!$G$22=$B$17,14,0)+IF('Standard Profiles'!$G$22=$B$24,21,0),0)),0)</f>
        <v>0</v>
      </c>
      <c r="I5439">
        <f t="shared" si="608"/>
        <v>0.26543984519466579</v>
      </c>
      <c r="J5439">
        <f t="shared" si="609"/>
        <v>0.88479948398221941</v>
      </c>
      <c r="K5439">
        <f t="shared" si="610"/>
        <v>1.327199225973329</v>
      </c>
      <c r="L5439">
        <f t="shared" si="611"/>
        <v>6.370556284671979</v>
      </c>
      <c r="M5439">
        <f t="shared" si="612"/>
        <v>0</v>
      </c>
      <c r="N5439" s="46">
        <f t="shared" si="613"/>
        <v>45517.208333320224</v>
      </c>
    </row>
    <row r="5440" spans="2:14" x14ac:dyDescent="0.3">
      <c r="B5440">
        <f t="shared" si="607"/>
        <v>2</v>
      </c>
      <c r="C5440" s="16">
        <v>5406</v>
      </c>
      <c r="D5440" cm="1">
        <f t="array" ref="D5440">IFERROR(INDEX(Jesper!AH$2:AH$366,ROUNDDOWN($C5440/24,0)+1,1)*INDEX($D$3:$AA$30,INDEX(Jesper!$R$2:$R$366,ROW(INDEX(Jesper!AH$2:AH$366,ROUNDDOWN($C5440/24,0)+1,1))-1)+IF('Standard Profiles'!$G$18=$B$10,7,0)+IF('Standard Profiles'!$G$18=$B$17,14,0)+IF('Standard Profiles'!$G$18=$B$24,21,0),MOD($C5440,24)+1)/SUM(INDEX($D$3:$AA$30,INDEX(Jesper!$R$2:$R$366,ROW(INDEX(Jesper!AH$2:AH$366,ROUNDDOWN($C5440/24,0)+1,1))-1)+IF('Standard Profiles'!$G$18=$B$10,7,0)+IF('Standard Profiles'!$G$18=$B$17,14,0)+IF('Standard Profiles'!$G$18=$B$24,21,0),0)),0)</f>
        <v>9.8689173213401382</v>
      </c>
      <c r="E5440" cm="1">
        <f t="array" ref="E5440">IFERROR(INDEX(Jesper!AI$2:AI$366,ROUNDDOWN($C5440/24,0)+1,1)*INDEX($D$3:$AA$30,INDEX(Jesper!$R$2:$R$366,ROW(INDEX(Jesper!AI$2:AI$366,ROUNDDOWN($C5440/24,0)+1,1))-1)+IF('Standard Profiles'!$G$19=$B$10,7,0)+IF('Standard Profiles'!$G$19=$B$17,14,0)+IF('Standard Profiles'!$G$19=$B$24,21,0),MOD($C5440,24)+1)/SUM(INDEX($D$3:$AA$30,INDEX(Jesper!$R$2:$R$366,ROW(INDEX(Jesper!AI$2:AI$366,ROUNDDOWN($C5440/24,0)+1,1))-1)+IF('Standard Profiles'!$G$19=$B$10,7,0)+IF('Standard Profiles'!$G$19=$B$17,14,0)+IF('Standard Profiles'!$G$19=$B$24,21,0),0)),0)</f>
        <v>0</v>
      </c>
      <c r="F5440" cm="1">
        <f t="array" ref="F5440">IFERROR(INDEX(Jesper!AJ$2:AJ$366,ROUNDDOWN($C5440/24,0)+1,1)*INDEX($D$3:$AA$30,INDEX(Jesper!$R$2:$R$366,ROW(INDEX(Jesper!AJ$2:AJ$366,ROUNDDOWN($C5440/24,0)+1,1))-1)+IF('Standard Profiles'!$G$20=$B$10,7,0)+IF('Standard Profiles'!$G$20=$B$17,14,0)+IF('Standard Profiles'!$G$20=$B$24,21,0),MOD($C5440,24)+1)/SUM(INDEX($D$3:$AA$30,INDEX(Jesper!$R$2:$R$366,ROW(INDEX(Jesper!AJ$2:AJ$366,ROUNDDOWN($C5440/24,0)+1,1))-1)+IF('Standard Profiles'!$G$20=$B$10,7,0)+IF('Standard Profiles'!$G$20=$B$17,14,0)+IF('Standard Profiles'!$G$20=$B$24,21,0),0)),0)</f>
        <v>0</v>
      </c>
      <c r="G5440" cm="1">
        <f t="array" ref="G5440">IFERROR(INDEX(Jesper!AK$2:AK$366,ROUNDDOWN($C5440/24,0)+1,1)*INDEX($D$3:$AA$30,INDEX(Jesper!$R$2:$R$366,ROW(INDEX(Jesper!AK$2:AK$366,ROUNDDOWN($C5440/24,0)+1,1))-1)+IF('Standard Profiles'!$G$21=$B$10,7,0)+IF('Standard Profiles'!$G$21=$B$17,14,0)+IF('Standard Profiles'!$G$21=$B$24,21,0),MOD($C5440,24)+1)/SUM(INDEX($D$3:$AA$30,INDEX(Jesper!$R$2:$R$366,ROW(INDEX(Jesper!AK$2:AK$366,ROUNDDOWN($C5440/24,0)+1,1))-1)+IF('Standard Profiles'!$G$21=$B$10,7,0)+IF('Standard Profiles'!$G$21=$B$17,14,0)+IF('Standard Profiles'!$G$21=$B$24,21,0),0)),0)</f>
        <v>0</v>
      </c>
      <c r="H5440" cm="1">
        <f t="array" ref="H5440">IFERROR(INDEX(Jesper!AL$2:AL$366,ROUNDDOWN($C5440/24,0)+1,1)*INDEX($D$3:$AA$30,INDEX(Jesper!$R$2:$R$366,ROW(INDEX(Jesper!AL$2:AL$366,ROUNDDOWN($C5440/24,0)+1,1))-1)+IF('Standard Profiles'!$G$22=$B$10,7,0)+IF('Standard Profiles'!$G$22=$B$17,14,0)+IF('Standard Profiles'!$G$22=$B$24,21,0),MOD($C5440,24)+1)/SUM(INDEX($D$3:$AA$30,INDEX(Jesper!$R$2:$R$366,ROW(INDEX(Jesper!AL$2:AL$366,ROUNDDOWN($C5440/24,0)+1,1))-1)+IF('Standard Profiles'!$G$22=$B$10,7,0)+IF('Standard Profiles'!$G$22=$B$17,14,0)+IF('Standard Profiles'!$G$22=$B$24,21,0),0)),0)</f>
        <v>0</v>
      </c>
      <c r="I5440">
        <f t="shared" si="608"/>
        <v>0.29606751964020411</v>
      </c>
      <c r="J5440">
        <f t="shared" si="609"/>
        <v>0.98689173213401382</v>
      </c>
      <c r="K5440">
        <f t="shared" si="610"/>
        <v>1.4803375982010207</v>
      </c>
      <c r="L5440">
        <f t="shared" si="611"/>
        <v>7.1056204713648992</v>
      </c>
      <c r="M5440">
        <f t="shared" si="612"/>
        <v>0</v>
      </c>
      <c r="N5440" s="46">
        <f t="shared" si="613"/>
        <v>45517.249999986889</v>
      </c>
    </row>
    <row r="5441" spans="2:14" x14ac:dyDescent="0.3">
      <c r="B5441">
        <f t="shared" si="607"/>
        <v>2</v>
      </c>
      <c r="C5441" s="16">
        <v>5407</v>
      </c>
      <c r="D5441" cm="1">
        <f t="array" ref="D5441">IFERROR(INDEX(Jesper!AH$2:AH$366,ROUNDDOWN($C5441/24,0)+1,1)*INDEX($D$3:$AA$30,INDEX(Jesper!$R$2:$R$366,ROW(INDEX(Jesper!AH$2:AH$366,ROUNDDOWN($C5441/24,0)+1,1))-1)+IF('Standard Profiles'!$G$18=$B$10,7,0)+IF('Standard Profiles'!$G$18=$B$17,14,0)+IF('Standard Profiles'!$G$18=$B$24,21,0),MOD($C5441,24)+1)/SUM(INDEX($D$3:$AA$30,INDEX(Jesper!$R$2:$R$366,ROW(INDEX(Jesper!AH$2:AH$366,ROUNDDOWN($C5441/24,0)+1,1))-1)+IF('Standard Profiles'!$G$18=$B$10,7,0)+IF('Standard Profiles'!$G$18=$B$17,14,0)+IF('Standard Profiles'!$G$18=$B$24,21,0),0)),0)</f>
        <v>10.209224815179454</v>
      </c>
      <c r="E5441" cm="1">
        <f t="array" ref="E5441">IFERROR(INDEX(Jesper!AI$2:AI$366,ROUNDDOWN($C5441/24,0)+1,1)*INDEX($D$3:$AA$30,INDEX(Jesper!$R$2:$R$366,ROW(INDEX(Jesper!AI$2:AI$366,ROUNDDOWN($C5441/24,0)+1,1))-1)+IF('Standard Profiles'!$G$19=$B$10,7,0)+IF('Standard Profiles'!$G$19=$B$17,14,0)+IF('Standard Profiles'!$G$19=$B$24,21,0),MOD($C5441,24)+1)/SUM(INDEX($D$3:$AA$30,INDEX(Jesper!$R$2:$R$366,ROW(INDEX(Jesper!AI$2:AI$366,ROUNDDOWN($C5441/24,0)+1,1))-1)+IF('Standard Profiles'!$G$19=$B$10,7,0)+IF('Standard Profiles'!$G$19=$B$17,14,0)+IF('Standard Profiles'!$G$19=$B$24,21,0),0)),0)</f>
        <v>0</v>
      </c>
      <c r="F5441" cm="1">
        <f t="array" ref="F5441">IFERROR(INDEX(Jesper!AJ$2:AJ$366,ROUNDDOWN($C5441/24,0)+1,1)*INDEX($D$3:$AA$30,INDEX(Jesper!$R$2:$R$366,ROW(INDEX(Jesper!AJ$2:AJ$366,ROUNDDOWN($C5441/24,0)+1,1))-1)+IF('Standard Profiles'!$G$20=$B$10,7,0)+IF('Standard Profiles'!$G$20=$B$17,14,0)+IF('Standard Profiles'!$G$20=$B$24,21,0),MOD($C5441,24)+1)/SUM(INDEX($D$3:$AA$30,INDEX(Jesper!$R$2:$R$366,ROW(INDEX(Jesper!AJ$2:AJ$366,ROUNDDOWN($C5441/24,0)+1,1))-1)+IF('Standard Profiles'!$G$20=$B$10,7,0)+IF('Standard Profiles'!$G$20=$B$17,14,0)+IF('Standard Profiles'!$G$20=$B$24,21,0),0)),0)</f>
        <v>0</v>
      </c>
      <c r="G5441" cm="1">
        <f t="array" ref="G5441">IFERROR(INDEX(Jesper!AK$2:AK$366,ROUNDDOWN($C5441/24,0)+1,1)*INDEX($D$3:$AA$30,INDEX(Jesper!$R$2:$R$366,ROW(INDEX(Jesper!AK$2:AK$366,ROUNDDOWN($C5441/24,0)+1,1))-1)+IF('Standard Profiles'!$G$21=$B$10,7,0)+IF('Standard Profiles'!$G$21=$B$17,14,0)+IF('Standard Profiles'!$G$21=$B$24,21,0),MOD($C5441,24)+1)/SUM(INDEX($D$3:$AA$30,INDEX(Jesper!$R$2:$R$366,ROW(INDEX(Jesper!AK$2:AK$366,ROUNDDOWN($C5441/24,0)+1,1))-1)+IF('Standard Profiles'!$G$21=$B$10,7,0)+IF('Standard Profiles'!$G$21=$B$17,14,0)+IF('Standard Profiles'!$G$21=$B$24,21,0),0)),0)</f>
        <v>0</v>
      </c>
      <c r="H5441" cm="1">
        <f t="array" ref="H5441">IFERROR(INDEX(Jesper!AL$2:AL$366,ROUNDDOWN($C5441/24,0)+1,1)*INDEX($D$3:$AA$30,INDEX(Jesper!$R$2:$R$366,ROW(INDEX(Jesper!AL$2:AL$366,ROUNDDOWN($C5441/24,0)+1,1))-1)+IF('Standard Profiles'!$G$22=$B$10,7,0)+IF('Standard Profiles'!$G$22=$B$17,14,0)+IF('Standard Profiles'!$G$22=$B$24,21,0),MOD($C5441,24)+1)/SUM(INDEX($D$3:$AA$30,INDEX(Jesper!$R$2:$R$366,ROW(INDEX(Jesper!AL$2:AL$366,ROUNDDOWN($C5441/24,0)+1,1))-1)+IF('Standard Profiles'!$G$22=$B$10,7,0)+IF('Standard Profiles'!$G$22=$B$17,14,0)+IF('Standard Profiles'!$G$22=$B$24,21,0),0)),0)</f>
        <v>0</v>
      </c>
      <c r="I5441">
        <f t="shared" si="608"/>
        <v>0.30627674445538361</v>
      </c>
      <c r="J5441">
        <f t="shared" si="609"/>
        <v>1.0209224815179454</v>
      </c>
      <c r="K5441">
        <f t="shared" si="610"/>
        <v>1.531383722276918</v>
      </c>
      <c r="L5441">
        <f t="shared" si="611"/>
        <v>7.3506418669292062</v>
      </c>
      <c r="M5441">
        <f t="shared" si="612"/>
        <v>0</v>
      </c>
      <c r="N5441" s="46">
        <f t="shared" si="613"/>
        <v>45517.291666653553</v>
      </c>
    </row>
    <row r="5442" spans="2:14" x14ac:dyDescent="0.3">
      <c r="B5442">
        <f t="shared" si="607"/>
        <v>2</v>
      </c>
      <c r="C5442" s="16">
        <v>5408</v>
      </c>
      <c r="D5442" cm="1">
        <f t="array" ref="D5442">IFERROR(INDEX(Jesper!AH$2:AH$366,ROUNDDOWN($C5442/24,0)+1,1)*INDEX($D$3:$AA$30,INDEX(Jesper!$R$2:$R$366,ROW(INDEX(Jesper!AH$2:AH$366,ROUNDDOWN($C5442/24,0)+1,1))-1)+IF('Standard Profiles'!$G$18=$B$10,7,0)+IF('Standard Profiles'!$G$18=$B$17,14,0)+IF('Standard Profiles'!$G$18=$B$24,21,0),MOD($C5442,24)+1)/SUM(INDEX($D$3:$AA$30,INDEX(Jesper!$R$2:$R$366,ROW(INDEX(Jesper!AH$2:AH$366,ROUNDDOWN($C5442/24,0)+1,1))-1)+IF('Standard Profiles'!$G$18=$B$10,7,0)+IF('Standard Profiles'!$G$18=$B$17,14,0)+IF('Standard Profiles'!$G$18=$B$24,21,0),0)),0)</f>
        <v>10.209224815179454</v>
      </c>
      <c r="E5442" cm="1">
        <f t="array" ref="E5442">IFERROR(INDEX(Jesper!AI$2:AI$366,ROUNDDOWN($C5442/24,0)+1,1)*INDEX($D$3:$AA$30,INDEX(Jesper!$R$2:$R$366,ROW(INDEX(Jesper!AI$2:AI$366,ROUNDDOWN($C5442/24,0)+1,1))-1)+IF('Standard Profiles'!$G$19=$B$10,7,0)+IF('Standard Profiles'!$G$19=$B$17,14,0)+IF('Standard Profiles'!$G$19=$B$24,21,0),MOD($C5442,24)+1)/SUM(INDEX($D$3:$AA$30,INDEX(Jesper!$R$2:$R$366,ROW(INDEX(Jesper!AI$2:AI$366,ROUNDDOWN($C5442/24,0)+1,1))-1)+IF('Standard Profiles'!$G$19=$B$10,7,0)+IF('Standard Profiles'!$G$19=$B$17,14,0)+IF('Standard Profiles'!$G$19=$B$24,21,0),0)),0)</f>
        <v>0</v>
      </c>
      <c r="F5442" cm="1">
        <f t="array" ref="F5442">IFERROR(INDEX(Jesper!AJ$2:AJ$366,ROUNDDOWN($C5442/24,0)+1,1)*INDEX($D$3:$AA$30,INDEX(Jesper!$R$2:$R$366,ROW(INDEX(Jesper!AJ$2:AJ$366,ROUNDDOWN($C5442/24,0)+1,1))-1)+IF('Standard Profiles'!$G$20=$B$10,7,0)+IF('Standard Profiles'!$G$20=$B$17,14,0)+IF('Standard Profiles'!$G$20=$B$24,21,0),MOD($C5442,24)+1)/SUM(INDEX($D$3:$AA$30,INDEX(Jesper!$R$2:$R$366,ROW(INDEX(Jesper!AJ$2:AJ$366,ROUNDDOWN($C5442/24,0)+1,1))-1)+IF('Standard Profiles'!$G$20=$B$10,7,0)+IF('Standard Profiles'!$G$20=$B$17,14,0)+IF('Standard Profiles'!$G$20=$B$24,21,0),0)),0)</f>
        <v>0</v>
      </c>
      <c r="G5442" cm="1">
        <f t="array" ref="G5442">IFERROR(INDEX(Jesper!AK$2:AK$366,ROUNDDOWN($C5442/24,0)+1,1)*INDEX($D$3:$AA$30,INDEX(Jesper!$R$2:$R$366,ROW(INDEX(Jesper!AK$2:AK$366,ROUNDDOWN($C5442/24,0)+1,1))-1)+IF('Standard Profiles'!$G$21=$B$10,7,0)+IF('Standard Profiles'!$G$21=$B$17,14,0)+IF('Standard Profiles'!$G$21=$B$24,21,0),MOD($C5442,24)+1)/SUM(INDEX($D$3:$AA$30,INDEX(Jesper!$R$2:$R$366,ROW(INDEX(Jesper!AK$2:AK$366,ROUNDDOWN($C5442/24,0)+1,1))-1)+IF('Standard Profiles'!$G$21=$B$10,7,0)+IF('Standard Profiles'!$G$21=$B$17,14,0)+IF('Standard Profiles'!$G$21=$B$24,21,0),0)),0)</f>
        <v>0</v>
      </c>
      <c r="H5442" cm="1">
        <f t="array" ref="H5442">IFERROR(INDEX(Jesper!AL$2:AL$366,ROUNDDOWN($C5442/24,0)+1,1)*INDEX($D$3:$AA$30,INDEX(Jesper!$R$2:$R$366,ROW(INDEX(Jesper!AL$2:AL$366,ROUNDDOWN($C5442/24,0)+1,1))-1)+IF('Standard Profiles'!$G$22=$B$10,7,0)+IF('Standard Profiles'!$G$22=$B$17,14,0)+IF('Standard Profiles'!$G$22=$B$24,21,0),MOD($C5442,24)+1)/SUM(INDEX($D$3:$AA$30,INDEX(Jesper!$R$2:$R$366,ROW(INDEX(Jesper!AL$2:AL$366,ROUNDDOWN($C5442/24,0)+1,1))-1)+IF('Standard Profiles'!$G$22=$B$10,7,0)+IF('Standard Profiles'!$G$22=$B$17,14,0)+IF('Standard Profiles'!$G$22=$B$24,21,0),0)),0)</f>
        <v>0</v>
      </c>
      <c r="I5442">
        <f t="shared" si="608"/>
        <v>0.30627674445538361</v>
      </c>
      <c r="J5442">
        <f t="shared" si="609"/>
        <v>1.0209224815179454</v>
      </c>
      <c r="K5442">
        <f t="shared" si="610"/>
        <v>1.531383722276918</v>
      </c>
      <c r="L5442">
        <f t="shared" si="611"/>
        <v>7.3506418669292062</v>
      </c>
      <c r="M5442">
        <f t="shared" si="612"/>
        <v>0</v>
      </c>
      <c r="N5442" s="46">
        <f t="shared" si="613"/>
        <v>45517.333333320217</v>
      </c>
    </row>
    <row r="5443" spans="2:14" x14ac:dyDescent="0.3">
      <c r="B5443">
        <f t="shared" si="607"/>
        <v>2</v>
      </c>
      <c r="C5443" s="16">
        <v>5409</v>
      </c>
      <c r="D5443" cm="1">
        <f t="array" ref="D5443">IFERROR(INDEX(Jesper!AH$2:AH$366,ROUNDDOWN($C5443/24,0)+1,1)*INDEX($D$3:$AA$30,INDEX(Jesper!$R$2:$R$366,ROW(INDEX(Jesper!AH$2:AH$366,ROUNDDOWN($C5443/24,0)+1,1))-1)+IF('Standard Profiles'!$G$18=$B$10,7,0)+IF('Standard Profiles'!$G$18=$B$17,14,0)+IF('Standard Profiles'!$G$18=$B$24,21,0),MOD($C5443,24)+1)/SUM(INDEX($D$3:$AA$30,INDEX(Jesper!$R$2:$R$366,ROW(INDEX(Jesper!AH$2:AH$366,ROUNDDOWN($C5443/24,0)+1,1))-1)+IF('Standard Profiles'!$G$18=$B$10,7,0)+IF('Standard Profiles'!$G$18=$B$17,14,0)+IF('Standard Profiles'!$G$18=$B$24,21,0),0)),0)</f>
        <v>11.059993549777742</v>
      </c>
      <c r="E5443" cm="1">
        <f t="array" ref="E5443">IFERROR(INDEX(Jesper!AI$2:AI$366,ROUNDDOWN($C5443/24,0)+1,1)*INDEX($D$3:$AA$30,INDEX(Jesper!$R$2:$R$366,ROW(INDEX(Jesper!AI$2:AI$366,ROUNDDOWN($C5443/24,0)+1,1))-1)+IF('Standard Profiles'!$G$19=$B$10,7,0)+IF('Standard Profiles'!$G$19=$B$17,14,0)+IF('Standard Profiles'!$G$19=$B$24,21,0),MOD($C5443,24)+1)/SUM(INDEX($D$3:$AA$30,INDEX(Jesper!$R$2:$R$366,ROW(INDEX(Jesper!AI$2:AI$366,ROUNDDOWN($C5443/24,0)+1,1))-1)+IF('Standard Profiles'!$G$19=$B$10,7,0)+IF('Standard Profiles'!$G$19=$B$17,14,0)+IF('Standard Profiles'!$G$19=$B$24,21,0),0)),0)</f>
        <v>0</v>
      </c>
      <c r="F5443" cm="1">
        <f t="array" ref="F5443">IFERROR(INDEX(Jesper!AJ$2:AJ$366,ROUNDDOWN($C5443/24,0)+1,1)*INDEX($D$3:$AA$30,INDEX(Jesper!$R$2:$R$366,ROW(INDEX(Jesper!AJ$2:AJ$366,ROUNDDOWN($C5443/24,0)+1,1))-1)+IF('Standard Profiles'!$G$20=$B$10,7,0)+IF('Standard Profiles'!$G$20=$B$17,14,0)+IF('Standard Profiles'!$G$20=$B$24,21,0),MOD($C5443,24)+1)/SUM(INDEX($D$3:$AA$30,INDEX(Jesper!$R$2:$R$366,ROW(INDEX(Jesper!AJ$2:AJ$366,ROUNDDOWN($C5443/24,0)+1,1))-1)+IF('Standard Profiles'!$G$20=$B$10,7,0)+IF('Standard Profiles'!$G$20=$B$17,14,0)+IF('Standard Profiles'!$G$20=$B$24,21,0),0)),0)</f>
        <v>0</v>
      </c>
      <c r="G5443" cm="1">
        <f t="array" ref="G5443">IFERROR(INDEX(Jesper!AK$2:AK$366,ROUNDDOWN($C5443/24,0)+1,1)*INDEX($D$3:$AA$30,INDEX(Jesper!$R$2:$R$366,ROW(INDEX(Jesper!AK$2:AK$366,ROUNDDOWN($C5443/24,0)+1,1))-1)+IF('Standard Profiles'!$G$21=$B$10,7,0)+IF('Standard Profiles'!$G$21=$B$17,14,0)+IF('Standard Profiles'!$G$21=$B$24,21,0),MOD($C5443,24)+1)/SUM(INDEX($D$3:$AA$30,INDEX(Jesper!$R$2:$R$366,ROW(INDEX(Jesper!AK$2:AK$366,ROUNDDOWN($C5443/24,0)+1,1))-1)+IF('Standard Profiles'!$G$21=$B$10,7,0)+IF('Standard Profiles'!$G$21=$B$17,14,0)+IF('Standard Profiles'!$G$21=$B$24,21,0),0)),0)</f>
        <v>0</v>
      </c>
      <c r="H5443" cm="1">
        <f t="array" ref="H5443">IFERROR(INDEX(Jesper!AL$2:AL$366,ROUNDDOWN($C5443/24,0)+1,1)*INDEX($D$3:$AA$30,INDEX(Jesper!$R$2:$R$366,ROW(INDEX(Jesper!AL$2:AL$366,ROUNDDOWN($C5443/24,0)+1,1))-1)+IF('Standard Profiles'!$G$22=$B$10,7,0)+IF('Standard Profiles'!$G$22=$B$17,14,0)+IF('Standard Profiles'!$G$22=$B$24,21,0),MOD($C5443,24)+1)/SUM(INDEX($D$3:$AA$30,INDEX(Jesper!$R$2:$R$366,ROW(INDEX(Jesper!AL$2:AL$366,ROUNDDOWN($C5443/24,0)+1,1))-1)+IF('Standard Profiles'!$G$22=$B$10,7,0)+IF('Standard Profiles'!$G$22=$B$17,14,0)+IF('Standard Profiles'!$G$22=$B$24,21,0),0)),0)</f>
        <v>0</v>
      </c>
      <c r="I5443">
        <f t="shared" si="608"/>
        <v>0.33179980649333224</v>
      </c>
      <c r="J5443">
        <f t="shared" si="609"/>
        <v>1.1059993549777742</v>
      </c>
      <c r="K5443">
        <f t="shared" si="610"/>
        <v>1.6589990324666612</v>
      </c>
      <c r="L5443">
        <f t="shared" si="611"/>
        <v>7.9631953558399742</v>
      </c>
      <c r="M5443">
        <f t="shared" si="612"/>
        <v>0</v>
      </c>
      <c r="N5443" s="46">
        <f t="shared" si="613"/>
        <v>45517.374999986881</v>
      </c>
    </row>
    <row r="5444" spans="2:14" x14ac:dyDescent="0.3">
      <c r="B5444">
        <f t="shared" si="607"/>
        <v>2</v>
      </c>
      <c r="C5444" s="16">
        <v>5410</v>
      </c>
      <c r="D5444" cm="1">
        <f t="array" ref="D5444">IFERROR(INDEX(Jesper!AH$2:AH$366,ROUNDDOWN($C5444/24,0)+1,1)*INDEX($D$3:$AA$30,INDEX(Jesper!$R$2:$R$366,ROW(INDEX(Jesper!AH$2:AH$366,ROUNDDOWN($C5444/24,0)+1,1))-1)+IF('Standard Profiles'!$G$18=$B$10,7,0)+IF('Standard Profiles'!$G$18=$B$17,14,0)+IF('Standard Profiles'!$G$18=$B$24,21,0),MOD($C5444,24)+1)/SUM(INDEX($D$3:$AA$30,INDEX(Jesper!$R$2:$R$366,ROW(INDEX(Jesper!AH$2:AH$366,ROUNDDOWN($C5444/24,0)+1,1))-1)+IF('Standard Profiles'!$G$18=$B$10,7,0)+IF('Standard Profiles'!$G$18=$B$17,14,0)+IF('Standard Profiles'!$G$18=$B$24,21,0),0)),0)</f>
        <v>11.570454790536715</v>
      </c>
      <c r="E5444" cm="1">
        <f t="array" ref="E5444">IFERROR(INDEX(Jesper!AI$2:AI$366,ROUNDDOWN($C5444/24,0)+1,1)*INDEX($D$3:$AA$30,INDEX(Jesper!$R$2:$R$366,ROW(INDEX(Jesper!AI$2:AI$366,ROUNDDOWN($C5444/24,0)+1,1))-1)+IF('Standard Profiles'!$G$19=$B$10,7,0)+IF('Standard Profiles'!$G$19=$B$17,14,0)+IF('Standard Profiles'!$G$19=$B$24,21,0),MOD($C5444,24)+1)/SUM(INDEX($D$3:$AA$30,INDEX(Jesper!$R$2:$R$366,ROW(INDEX(Jesper!AI$2:AI$366,ROUNDDOWN($C5444/24,0)+1,1))-1)+IF('Standard Profiles'!$G$19=$B$10,7,0)+IF('Standard Profiles'!$G$19=$B$17,14,0)+IF('Standard Profiles'!$G$19=$B$24,21,0),0)),0)</f>
        <v>0</v>
      </c>
      <c r="F5444" cm="1">
        <f t="array" ref="F5444">IFERROR(INDEX(Jesper!AJ$2:AJ$366,ROUNDDOWN($C5444/24,0)+1,1)*INDEX($D$3:$AA$30,INDEX(Jesper!$R$2:$R$366,ROW(INDEX(Jesper!AJ$2:AJ$366,ROUNDDOWN($C5444/24,0)+1,1))-1)+IF('Standard Profiles'!$G$20=$B$10,7,0)+IF('Standard Profiles'!$G$20=$B$17,14,0)+IF('Standard Profiles'!$G$20=$B$24,21,0),MOD($C5444,24)+1)/SUM(INDEX($D$3:$AA$30,INDEX(Jesper!$R$2:$R$366,ROW(INDEX(Jesper!AJ$2:AJ$366,ROUNDDOWN($C5444/24,0)+1,1))-1)+IF('Standard Profiles'!$G$20=$B$10,7,0)+IF('Standard Profiles'!$G$20=$B$17,14,0)+IF('Standard Profiles'!$G$20=$B$24,21,0),0)),0)</f>
        <v>0</v>
      </c>
      <c r="G5444" cm="1">
        <f t="array" ref="G5444">IFERROR(INDEX(Jesper!AK$2:AK$366,ROUNDDOWN($C5444/24,0)+1,1)*INDEX($D$3:$AA$30,INDEX(Jesper!$R$2:$R$366,ROW(INDEX(Jesper!AK$2:AK$366,ROUNDDOWN($C5444/24,0)+1,1))-1)+IF('Standard Profiles'!$G$21=$B$10,7,0)+IF('Standard Profiles'!$G$21=$B$17,14,0)+IF('Standard Profiles'!$G$21=$B$24,21,0),MOD($C5444,24)+1)/SUM(INDEX($D$3:$AA$30,INDEX(Jesper!$R$2:$R$366,ROW(INDEX(Jesper!AK$2:AK$366,ROUNDDOWN($C5444/24,0)+1,1))-1)+IF('Standard Profiles'!$G$21=$B$10,7,0)+IF('Standard Profiles'!$G$21=$B$17,14,0)+IF('Standard Profiles'!$G$21=$B$24,21,0),0)),0)</f>
        <v>0</v>
      </c>
      <c r="H5444" cm="1">
        <f t="array" ref="H5444">IFERROR(INDEX(Jesper!AL$2:AL$366,ROUNDDOWN($C5444/24,0)+1,1)*INDEX($D$3:$AA$30,INDEX(Jesper!$R$2:$R$366,ROW(INDEX(Jesper!AL$2:AL$366,ROUNDDOWN($C5444/24,0)+1,1))-1)+IF('Standard Profiles'!$G$22=$B$10,7,0)+IF('Standard Profiles'!$G$22=$B$17,14,0)+IF('Standard Profiles'!$G$22=$B$24,21,0),MOD($C5444,24)+1)/SUM(INDEX($D$3:$AA$30,INDEX(Jesper!$R$2:$R$366,ROW(INDEX(Jesper!AL$2:AL$366,ROUNDDOWN($C5444/24,0)+1,1))-1)+IF('Standard Profiles'!$G$22=$B$10,7,0)+IF('Standard Profiles'!$G$22=$B$17,14,0)+IF('Standard Profiles'!$G$22=$B$24,21,0),0)),0)</f>
        <v>0</v>
      </c>
      <c r="I5444">
        <f t="shared" si="608"/>
        <v>0.34711364371610143</v>
      </c>
      <c r="J5444">
        <f t="shared" si="609"/>
        <v>1.1570454790536715</v>
      </c>
      <c r="K5444">
        <f t="shared" si="610"/>
        <v>1.7355682185805072</v>
      </c>
      <c r="L5444">
        <f t="shared" si="611"/>
        <v>8.3307274491864352</v>
      </c>
      <c r="M5444">
        <f t="shared" si="612"/>
        <v>0</v>
      </c>
      <c r="N5444" s="46">
        <f t="shared" si="613"/>
        <v>45517.416666653546</v>
      </c>
    </row>
    <row r="5445" spans="2:14" x14ac:dyDescent="0.3">
      <c r="B5445">
        <f t="shared" si="607"/>
        <v>2</v>
      </c>
      <c r="C5445" s="16">
        <v>5411</v>
      </c>
      <c r="D5445" cm="1">
        <f t="array" ref="D5445">IFERROR(INDEX(Jesper!AH$2:AH$366,ROUNDDOWN($C5445/24,0)+1,1)*INDEX($D$3:$AA$30,INDEX(Jesper!$R$2:$R$366,ROW(INDEX(Jesper!AH$2:AH$366,ROUNDDOWN($C5445/24,0)+1,1))-1)+IF('Standard Profiles'!$G$18=$B$10,7,0)+IF('Standard Profiles'!$G$18=$B$17,14,0)+IF('Standard Profiles'!$G$18=$B$24,21,0),MOD($C5445,24)+1)/SUM(INDEX($D$3:$AA$30,INDEX(Jesper!$R$2:$R$366,ROW(INDEX(Jesper!AH$2:AH$366,ROUNDDOWN($C5445/24,0)+1,1))-1)+IF('Standard Profiles'!$G$18=$B$10,7,0)+IF('Standard Profiles'!$G$18=$B$17,14,0)+IF('Standard Profiles'!$G$18=$B$24,21,0),0)),0)</f>
        <v>13.612299753572605</v>
      </c>
      <c r="E5445" cm="1">
        <f t="array" ref="E5445">IFERROR(INDEX(Jesper!AI$2:AI$366,ROUNDDOWN($C5445/24,0)+1,1)*INDEX($D$3:$AA$30,INDEX(Jesper!$R$2:$R$366,ROW(INDEX(Jesper!AI$2:AI$366,ROUNDDOWN($C5445/24,0)+1,1))-1)+IF('Standard Profiles'!$G$19=$B$10,7,0)+IF('Standard Profiles'!$G$19=$B$17,14,0)+IF('Standard Profiles'!$G$19=$B$24,21,0),MOD($C5445,24)+1)/SUM(INDEX($D$3:$AA$30,INDEX(Jesper!$R$2:$R$366,ROW(INDEX(Jesper!AI$2:AI$366,ROUNDDOWN($C5445/24,0)+1,1))-1)+IF('Standard Profiles'!$G$19=$B$10,7,0)+IF('Standard Profiles'!$G$19=$B$17,14,0)+IF('Standard Profiles'!$G$19=$B$24,21,0),0)),0)</f>
        <v>0</v>
      </c>
      <c r="F5445" cm="1">
        <f t="array" ref="F5445">IFERROR(INDEX(Jesper!AJ$2:AJ$366,ROUNDDOWN($C5445/24,0)+1,1)*INDEX($D$3:$AA$30,INDEX(Jesper!$R$2:$R$366,ROW(INDEX(Jesper!AJ$2:AJ$366,ROUNDDOWN($C5445/24,0)+1,1))-1)+IF('Standard Profiles'!$G$20=$B$10,7,0)+IF('Standard Profiles'!$G$20=$B$17,14,0)+IF('Standard Profiles'!$G$20=$B$24,21,0),MOD($C5445,24)+1)/SUM(INDEX($D$3:$AA$30,INDEX(Jesper!$R$2:$R$366,ROW(INDEX(Jesper!AJ$2:AJ$366,ROUNDDOWN($C5445/24,0)+1,1))-1)+IF('Standard Profiles'!$G$20=$B$10,7,0)+IF('Standard Profiles'!$G$20=$B$17,14,0)+IF('Standard Profiles'!$G$20=$B$24,21,0),0)),0)</f>
        <v>0</v>
      </c>
      <c r="G5445" cm="1">
        <f t="array" ref="G5445">IFERROR(INDEX(Jesper!AK$2:AK$366,ROUNDDOWN($C5445/24,0)+1,1)*INDEX($D$3:$AA$30,INDEX(Jesper!$R$2:$R$366,ROW(INDEX(Jesper!AK$2:AK$366,ROUNDDOWN($C5445/24,0)+1,1))-1)+IF('Standard Profiles'!$G$21=$B$10,7,0)+IF('Standard Profiles'!$G$21=$B$17,14,0)+IF('Standard Profiles'!$G$21=$B$24,21,0),MOD($C5445,24)+1)/SUM(INDEX($D$3:$AA$30,INDEX(Jesper!$R$2:$R$366,ROW(INDEX(Jesper!AK$2:AK$366,ROUNDDOWN($C5445/24,0)+1,1))-1)+IF('Standard Profiles'!$G$21=$B$10,7,0)+IF('Standard Profiles'!$G$21=$B$17,14,0)+IF('Standard Profiles'!$G$21=$B$24,21,0),0)),0)</f>
        <v>0</v>
      </c>
      <c r="H5445" cm="1">
        <f t="array" ref="H5445">IFERROR(INDEX(Jesper!AL$2:AL$366,ROUNDDOWN($C5445/24,0)+1,1)*INDEX($D$3:$AA$30,INDEX(Jesper!$R$2:$R$366,ROW(INDEX(Jesper!AL$2:AL$366,ROUNDDOWN($C5445/24,0)+1,1))-1)+IF('Standard Profiles'!$G$22=$B$10,7,0)+IF('Standard Profiles'!$G$22=$B$17,14,0)+IF('Standard Profiles'!$G$22=$B$24,21,0),MOD($C5445,24)+1)/SUM(INDEX($D$3:$AA$30,INDEX(Jesper!$R$2:$R$366,ROW(INDEX(Jesper!AL$2:AL$366,ROUNDDOWN($C5445/24,0)+1,1))-1)+IF('Standard Profiles'!$G$22=$B$10,7,0)+IF('Standard Profiles'!$G$22=$B$17,14,0)+IF('Standard Profiles'!$G$22=$B$24,21,0),0)),0)</f>
        <v>0</v>
      </c>
      <c r="I5445">
        <f t="shared" si="608"/>
        <v>0.40836899260717813</v>
      </c>
      <c r="J5445">
        <f t="shared" si="609"/>
        <v>1.3612299753572605</v>
      </c>
      <c r="K5445">
        <f t="shared" si="610"/>
        <v>2.0418449630358908</v>
      </c>
      <c r="L5445">
        <f t="shared" si="611"/>
        <v>9.8008558225722755</v>
      </c>
      <c r="M5445">
        <f t="shared" si="612"/>
        <v>0</v>
      </c>
      <c r="N5445" s="46">
        <f t="shared" si="613"/>
        <v>45517.45833332021</v>
      </c>
    </row>
    <row r="5446" spans="2:14" x14ac:dyDescent="0.3">
      <c r="B5446">
        <f t="shared" si="607"/>
        <v>2</v>
      </c>
      <c r="C5446" s="16">
        <v>5412</v>
      </c>
      <c r="D5446" cm="1">
        <f t="array" ref="D5446">IFERROR(INDEX(Jesper!AH$2:AH$366,ROUNDDOWN($C5446/24,0)+1,1)*INDEX($D$3:$AA$30,INDEX(Jesper!$R$2:$R$366,ROW(INDEX(Jesper!AH$2:AH$366,ROUNDDOWN($C5446/24,0)+1,1))-1)+IF('Standard Profiles'!$G$18=$B$10,7,0)+IF('Standard Profiles'!$G$18=$B$17,14,0)+IF('Standard Profiles'!$G$18=$B$24,21,0),MOD($C5446,24)+1)/SUM(INDEX($D$3:$AA$30,INDEX(Jesper!$R$2:$R$366,ROW(INDEX(Jesper!AH$2:AH$366,ROUNDDOWN($C5446/24,0)+1,1))-1)+IF('Standard Profiles'!$G$18=$B$10,7,0)+IF('Standard Profiles'!$G$18=$B$17,14,0)+IF('Standard Profiles'!$G$18=$B$24,21,0),0)),0)</f>
        <v>13.612299753572605</v>
      </c>
      <c r="E5446" cm="1">
        <f t="array" ref="E5446">IFERROR(INDEX(Jesper!AI$2:AI$366,ROUNDDOWN($C5446/24,0)+1,1)*INDEX($D$3:$AA$30,INDEX(Jesper!$R$2:$R$366,ROW(INDEX(Jesper!AI$2:AI$366,ROUNDDOWN($C5446/24,0)+1,1))-1)+IF('Standard Profiles'!$G$19=$B$10,7,0)+IF('Standard Profiles'!$G$19=$B$17,14,0)+IF('Standard Profiles'!$G$19=$B$24,21,0),MOD($C5446,24)+1)/SUM(INDEX($D$3:$AA$30,INDEX(Jesper!$R$2:$R$366,ROW(INDEX(Jesper!AI$2:AI$366,ROUNDDOWN($C5446/24,0)+1,1))-1)+IF('Standard Profiles'!$G$19=$B$10,7,0)+IF('Standard Profiles'!$G$19=$B$17,14,0)+IF('Standard Profiles'!$G$19=$B$24,21,0),0)),0)</f>
        <v>0</v>
      </c>
      <c r="F5446" cm="1">
        <f t="array" ref="F5446">IFERROR(INDEX(Jesper!AJ$2:AJ$366,ROUNDDOWN($C5446/24,0)+1,1)*INDEX($D$3:$AA$30,INDEX(Jesper!$R$2:$R$366,ROW(INDEX(Jesper!AJ$2:AJ$366,ROUNDDOWN($C5446/24,0)+1,1))-1)+IF('Standard Profiles'!$G$20=$B$10,7,0)+IF('Standard Profiles'!$G$20=$B$17,14,0)+IF('Standard Profiles'!$G$20=$B$24,21,0),MOD($C5446,24)+1)/SUM(INDEX($D$3:$AA$30,INDEX(Jesper!$R$2:$R$366,ROW(INDEX(Jesper!AJ$2:AJ$366,ROUNDDOWN($C5446/24,0)+1,1))-1)+IF('Standard Profiles'!$G$20=$B$10,7,0)+IF('Standard Profiles'!$G$20=$B$17,14,0)+IF('Standard Profiles'!$G$20=$B$24,21,0),0)),0)</f>
        <v>0</v>
      </c>
      <c r="G5446" cm="1">
        <f t="array" ref="G5446">IFERROR(INDEX(Jesper!AK$2:AK$366,ROUNDDOWN($C5446/24,0)+1,1)*INDEX($D$3:$AA$30,INDEX(Jesper!$R$2:$R$366,ROW(INDEX(Jesper!AK$2:AK$366,ROUNDDOWN($C5446/24,0)+1,1))-1)+IF('Standard Profiles'!$G$21=$B$10,7,0)+IF('Standard Profiles'!$G$21=$B$17,14,0)+IF('Standard Profiles'!$G$21=$B$24,21,0),MOD($C5446,24)+1)/SUM(INDEX($D$3:$AA$30,INDEX(Jesper!$R$2:$R$366,ROW(INDEX(Jesper!AK$2:AK$366,ROUNDDOWN($C5446/24,0)+1,1))-1)+IF('Standard Profiles'!$G$21=$B$10,7,0)+IF('Standard Profiles'!$G$21=$B$17,14,0)+IF('Standard Profiles'!$G$21=$B$24,21,0),0)),0)</f>
        <v>0</v>
      </c>
      <c r="H5446" cm="1">
        <f t="array" ref="H5446">IFERROR(INDEX(Jesper!AL$2:AL$366,ROUNDDOWN($C5446/24,0)+1,1)*INDEX($D$3:$AA$30,INDEX(Jesper!$R$2:$R$366,ROW(INDEX(Jesper!AL$2:AL$366,ROUNDDOWN($C5446/24,0)+1,1))-1)+IF('Standard Profiles'!$G$22=$B$10,7,0)+IF('Standard Profiles'!$G$22=$B$17,14,0)+IF('Standard Profiles'!$G$22=$B$24,21,0),MOD($C5446,24)+1)/SUM(INDEX($D$3:$AA$30,INDEX(Jesper!$R$2:$R$366,ROW(INDEX(Jesper!AL$2:AL$366,ROUNDDOWN($C5446/24,0)+1,1))-1)+IF('Standard Profiles'!$G$22=$B$10,7,0)+IF('Standard Profiles'!$G$22=$B$17,14,0)+IF('Standard Profiles'!$G$22=$B$24,21,0),0)),0)</f>
        <v>0</v>
      </c>
      <c r="I5446">
        <f t="shared" si="608"/>
        <v>0.40836899260717813</v>
      </c>
      <c r="J5446">
        <f t="shared" si="609"/>
        <v>1.3612299753572605</v>
      </c>
      <c r="K5446">
        <f t="shared" si="610"/>
        <v>2.0418449630358908</v>
      </c>
      <c r="L5446">
        <f t="shared" si="611"/>
        <v>9.8008558225722755</v>
      </c>
      <c r="M5446">
        <f t="shared" si="612"/>
        <v>0</v>
      </c>
      <c r="N5446" s="46">
        <f t="shared" si="613"/>
        <v>45517.499999986874</v>
      </c>
    </row>
    <row r="5447" spans="2:14" x14ac:dyDescent="0.3">
      <c r="B5447">
        <f t="shared" si="607"/>
        <v>2</v>
      </c>
      <c r="C5447" s="16">
        <v>5413</v>
      </c>
      <c r="D5447" cm="1">
        <f t="array" ref="D5447">IFERROR(INDEX(Jesper!AH$2:AH$366,ROUNDDOWN($C5447/24,0)+1,1)*INDEX($D$3:$AA$30,INDEX(Jesper!$R$2:$R$366,ROW(INDEX(Jesper!AH$2:AH$366,ROUNDDOWN($C5447/24,0)+1,1))-1)+IF('Standard Profiles'!$G$18=$B$10,7,0)+IF('Standard Profiles'!$G$18=$B$17,14,0)+IF('Standard Profiles'!$G$18=$B$24,21,0),MOD($C5447,24)+1)/SUM(INDEX($D$3:$AA$30,INDEX(Jesper!$R$2:$R$366,ROW(INDEX(Jesper!AH$2:AH$366,ROUNDDOWN($C5447/24,0)+1,1))-1)+IF('Standard Profiles'!$G$18=$B$10,7,0)+IF('Standard Profiles'!$G$18=$B$17,14,0)+IF('Standard Profiles'!$G$18=$B$24,21,0),0)),0)</f>
        <v>13.612299753572605</v>
      </c>
      <c r="E5447" cm="1">
        <f t="array" ref="E5447">IFERROR(INDEX(Jesper!AI$2:AI$366,ROUNDDOWN($C5447/24,0)+1,1)*INDEX($D$3:$AA$30,INDEX(Jesper!$R$2:$R$366,ROW(INDEX(Jesper!AI$2:AI$366,ROUNDDOWN($C5447/24,0)+1,1))-1)+IF('Standard Profiles'!$G$19=$B$10,7,0)+IF('Standard Profiles'!$G$19=$B$17,14,0)+IF('Standard Profiles'!$G$19=$B$24,21,0),MOD($C5447,24)+1)/SUM(INDEX($D$3:$AA$30,INDEX(Jesper!$R$2:$R$366,ROW(INDEX(Jesper!AI$2:AI$366,ROUNDDOWN($C5447/24,0)+1,1))-1)+IF('Standard Profiles'!$G$19=$B$10,7,0)+IF('Standard Profiles'!$G$19=$B$17,14,0)+IF('Standard Profiles'!$G$19=$B$24,21,0),0)),0)</f>
        <v>0</v>
      </c>
      <c r="F5447" cm="1">
        <f t="array" ref="F5447">IFERROR(INDEX(Jesper!AJ$2:AJ$366,ROUNDDOWN($C5447/24,0)+1,1)*INDEX($D$3:$AA$30,INDEX(Jesper!$R$2:$R$366,ROW(INDEX(Jesper!AJ$2:AJ$366,ROUNDDOWN($C5447/24,0)+1,1))-1)+IF('Standard Profiles'!$G$20=$B$10,7,0)+IF('Standard Profiles'!$G$20=$B$17,14,0)+IF('Standard Profiles'!$G$20=$B$24,21,0),MOD($C5447,24)+1)/SUM(INDEX($D$3:$AA$30,INDEX(Jesper!$R$2:$R$366,ROW(INDEX(Jesper!AJ$2:AJ$366,ROUNDDOWN($C5447/24,0)+1,1))-1)+IF('Standard Profiles'!$G$20=$B$10,7,0)+IF('Standard Profiles'!$G$20=$B$17,14,0)+IF('Standard Profiles'!$G$20=$B$24,21,0),0)),0)</f>
        <v>0</v>
      </c>
      <c r="G5447" cm="1">
        <f t="array" ref="G5447">IFERROR(INDEX(Jesper!AK$2:AK$366,ROUNDDOWN($C5447/24,0)+1,1)*INDEX($D$3:$AA$30,INDEX(Jesper!$R$2:$R$366,ROW(INDEX(Jesper!AK$2:AK$366,ROUNDDOWN($C5447/24,0)+1,1))-1)+IF('Standard Profiles'!$G$21=$B$10,7,0)+IF('Standard Profiles'!$G$21=$B$17,14,0)+IF('Standard Profiles'!$G$21=$B$24,21,0),MOD($C5447,24)+1)/SUM(INDEX($D$3:$AA$30,INDEX(Jesper!$R$2:$R$366,ROW(INDEX(Jesper!AK$2:AK$366,ROUNDDOWN($C5447/24,0)+1,1))-1)+IF('Standard Profiles'!$G$21=$B$10,7,0)+IF('Standard Profiles'!$G$21=$B$17,14,0)+IF('Standard Profiles'!$G$21=$B$24,21,0),0)),0)</f>
        <v>0</v>
      </c>
      <c r="H5447" cm="1">
        <f t="array" ref="H5447">IFERROR(INDEX(Jesper!AL$2:AL$366,ROUNDDOWN($C5447/24,0)+1,1)*INDEX($D$3:$AA$30,INDEX(Jesper!$R$2:$R$366,ROW(INDEX(Jesper!AL$2:AL$366,ROUNDDOWN($C5447/24,0)+1,1))-1)+IF('Standard Profiles'!$G$22=$B$10,7,0)+IF('Standard Profiles'!$G$22=$B$17,14,0)+IF('Standard Profiles'!$G$22=$B$24,21,0),MOD($C5447,24)+1)/SUM(INDEX($D$3:$AA$30,INDEX(Jesper!$R$2:$R$366,ROW(INDEX(Jesper!AL$2:AL$366,ROUNDDOWN($C5447/24,0)+1,1))-1)+IF('Standard Profiles'!$G$22=$B$10,7,0)+IF('Standard Profiles'!$G$22=$B$17,14,0)+IF('Standard Profiles'!$G$22=$B$24,21,0),0)),0)</f>
        <v>0</v>
      </c>
      <c r="I5447">
        <f t="shared" si="608"/>
        <v>0.40836899260717813</v>
      </c>
      <c r="J5447">
        <f t="shared" si="609"/>
        <v>1.3612299753572605</v>
      </c>
      <c r="K5447">
        <f t="shared" si="610"/>
        <v>2.0418449630358908</v>
      </c>
      <c r="L5447">
        <f t="shared" si="611"/>
        <v>9.8008558225722755</v>
      </c>
      <c r="M5447">
        <f t="shared" si="612"/>
        <v>0</v>
      </c>
      <c r="N5447" s="46">
        <f t="shared" si="613"/>
        <v>45517.541666653538</v>
      </c>
    </row>
    <row r="5448" spans="2:14" x14ac:dyDescent="0.3">
      <c r="B5448">
        <f t="shared" si="607"/>
        <v>2</v>
      </c>
      <c r="C5448" s="16">
        <v>5414</v>
      </c>
      <c r="D5448" cm="1">
        <f t="array" ref="D5448">IFERROR(INDEX(Jesper!AH$2:AH$366,ROUNDDOWN($C5448/24,0)+1,1)*INDEX($D$3:$AA$30,INDEX(Jesper!$R$2:$R$366,ROW(INDEX(Jesper!AH$2:AH$366,ROUNDDOWN($C5448/24,0)+1,1))-1)+IF('Standard Profiles'!$G$18=$B$10,7,0)+IF('Standard Profiles'!$G$18=$B$17,14,0)+IF('Standard Profiles'!$G$18=$B$24,21,0),MOD($C5448,24)+1)/SUM(INDEX($D$3:$AA$30,INDEX(Jesper!$R$2:$R$366,ROW(INDEX(Jesper!AH$2:AH$366,ROUNDDOWN($C5448/24,0)+1,1))-1)+IF('Standard Profiles'!$G$18=$B$10,7,0)+IF('Standard Profiles'!$G$18=$B$17,14,0)+IF('Standard Profiles'!$G$18=$B$24,21,0),0)),0)</f>
        <v>13.612299753572605</v>
      </c>
      <c r="E5448" cm="1">
        <f t="array" ref="E5448">IFERROR(INDEX(Jesper!AI$2:AI$366,ROUNDDOWN($C5448/24,0)+1,1)*INDEX($D$3:$AA$30,INDEX(Jesper!$R$2:$R$366,ROW(INDEX(Jesper!AI$2:AI$366,ROUNDDOWN($C5448/24,0)+1,1))-1)+IF('Standard Profiles'!$G$19=$B$10,7,0)+IF('Standard Profiles'!$G$19=$B$17,14,0)+IF('Standard Profiles'!$G$19=$B$24,21,0),MOD($C5448,24)+1)/SUM(INDEX($D$3:$AA$30,INDEX(Jesper!$R$2:$R$366,ROW(INDEX(Jesper!AI$2:AI$366,ROUNDDOWN($C5448/24,0)+1,1))-1)+IF('Standard Profiles'!$G$19=$B$10,7,0)+IF('Standard Profiles'!$G$19=$B$17,14,0)+IF('Standard Profiles'!$G$19=$B$24,21,0),0)),0)</f>
        <v>0</v>
      </c>
      <c r="F5448" cm="1">
        <f t="array" ref="F5448">IFERROR(INDEX(Jesper!AJ$2:AJ$366,ROUNDDOWN($C5448/24,0)+1,1)*INDEX($D$3:$AA$30,INDEX(Jesper!$R$2:$R$366,ROW(INDEX(Jesper!AJ$2:AJ$366,ROUNDDOWN($C5448/24,0)+1,1))-1)+IF('Standard Profiles'!$G$20=$B$10,7,0)+IF('Standard Profiles'!$G$20=$B$17,14,0)+IF('Standard Profiles'!$G$20=$B$24,21,0),MOD($C5448,24)+1)/SUM(INDEX($D$3:$AA$30,INDEX(Jesper!$R$2:$R$366,ROW(INDEX(Jesper!AJ$2:AJ$366,ROUNDDOWN($C5448/24,0)+1,1))-1)+IF('Standard Profiles'!$G$20=$B$10,7,0)+IF('Standard Profiles'!$G$20=$B$17,14,0)+IF('Standard Profiles'!$G$20=$B$24,21,0),0)),0)</f>
        <v>0</v>
      </c>
      <c r="G5448" cm="1">
        <f t="array" ref="G5448">IFERROR(INDEX(Jesper!AK$2:AK$366,ROUNDDOWN($C5448/24,0)+1,1)*INDEX($D$3:$AA$30,INDEX(Jesper!$R$2:$R$366,ROW(INDEX(Jesper!AK$2:AK$366,ROUNDDOWN($C5448/24,0)+1,1))-1)+IF('Standard Profiles'!$G$21=$B$10,7,0)+IF('Standard Profiles'!$G$21=$B$17,14,0)+IF('Standard Profiles'!$G$21=$B$24,21,0),MOD($C5448,24)+1)/SUM(INDEX($D$3:$AA$30,INDEX(Jesper!$R$2:$R$366,ROW(INDEX(Jesper!AK$2:AK$366,ROUNDDOWN($C5448/24,0)+1,1))-1)+IF('Standard Profiles'!$G$21=$B$10,7,0)+IF('Standard Profiles'!$G$21=$B$17,14,0)+IF('Standard Profiles'!$G$21=$B$24,21,0),0)),0)</f>
        <v>0</v>
      </c>
      <c r="H5448" cm="1">
        <f t="array" ref="H5448">IFERROR(INDEX(Jesper!AL$2:AL$366,ROUNDDOWN($C5448/24,0)+1,1)*INDEX($D$3:$AA$30,INDEX(Jesper!$R$2:$R$366,ROW(INDEX(Jesper!AL$2:AL$366,ROUNDDOWN($C5448/24,0)+1,1))-1)+IF('Standard Profiles'!$G$22=$B$10,7,0)+IF('Standard Profiles'!$G$22=$B$17,14,0)+IF('Standard Profiles'!$G$22=$B$24,21,0),MOD($C5448,24)+1)/SUM(INDEX($D$3:$AA$30,INDEX(Jesper!$R$2:$R$366,ROW(INDEX(Jesper!AL$2:AL$366,ROUNDDOWN($C5448/24,0)+1,1))-1)+IF('Standard Profiles'!$G$22=$B$10,7,0)+IF('Standard Profiles'!$G$22=$B$17,14,0)+IF('Standard Profiles'!$G$22=$B$24,21,0),0)),0)</f>
        <v>0</v>
      </c>
      <c r="I5448">
        <f t="shared" si="608"/>
        <v>0.40836899260717813</v>
      </c>
      <c r="J5448">
        <f t="shared" si="609"/>
        <v>1.3612299753572605</v>
      </c>
      <c r="K5448">
        <f t="shared" si="610"/>
        <v>2.0418449630358908</v>
      </c>
      <c r="L5448">
        <f t="shared" si="611"/>
        <v>9.8008558225722755</v>
      </c>
      <c r="M5448">
        <f t="shared" si="612"/>
        <v>0</v>
      </c>
      <c r="N5448" s="46">
        <f t="shared" si="613"/>
        <v>45517.583333320203</v>
      </c>
    </row>
    <row r="5449" spans="2:14" x14ac:dyDescent="0.3">
      <c r="B5449">
        <f t="shared" si="607"/>
        <v>2</v>
      </c>
      <c r="C5449" s="16">
        <v>5415</v>
      </c>
      <c r="D5449" cm="1">
        <f t="array" ref="D5449">IFERROR(INDEX(Jesper!AH$2:AH$366,ROUNDDOWN($C5449/24,0)+1,1)*INDEX($D$3:$AA$30,INDEX(Jesper!$R$2:$R$366,ROW(INDEX(Jesper!AH$2:AH$366,ROUNDDOWN($C5449/24,0)+1,1))-1)+IF('Standard Profiles'!$G$18=$B$10,7,0)+IF('Standard Profiles'!$G$18=$B$17,14,0)+IF('Standard Profiles'!$G$18=$B$24,21,0),MOD($C5449,24)+1)/SUM(INDEX($D$3:$AA$30,INDEX(Jesper!$R$2:$R$366,ROW(INDEX(Jesper!AH$2:AH$366,ROUNDDOWN($C5449/24,0)+1,1))-1)+IF('Standard Profiles'!$G$18=$B$10,7,0)+IF('Standard Profiles'!$G$18=$B$17,14,0)+IF('Standard Profiles'!$G$18=$B$24,21,0),0)),0)</f>
        <v>13.612299753572605</v>
      </c>
      <c r="E5449" cm="1">
        <f t="array" ref="E5449">IFERROR(INDEX(Jesper!AI$2:AI$366,ROUNDDOWN($C5449/24,0)+1,1)*INDEX($D$3:$AA$30,INDEX(Jesper!$R$2:$R$366,ROW(INDEX(Jesper!AI$2:AI$366,ROUNDDOWN($C5449/24,0)+1,1))-1)+IF('Standard Profiles'!$G$19=$B$10,7,0)+IF('Standard Profiles'!$G$19=$B$17,14,0)+IF('Standard Profiles'!$G$19=$B$24,21,0),MOD($C5449,24)+1)/SUM(INDEX($D$3:$AA$30,INDEX(Jesper!$R$2:$R$366,ROW(INDEX(Jesper!AI$2:AI$366,ROUNDDOWN($C5449/24,0)+1,1))-1)+IF('Standard Profiles'!$G$19=$B$10,7,0)+IF('Standard Profiles'!$G$19=$B$17,14,0)+IF('Standard Profiles'!$G$19=$B$24,21,0),0)),0)</f>
        <v>0</v>
      </c>
      <c r="F5449" cm="1">
        <f t="array" ref="F5449">IFERROR(INDEX(Jesper!AJ$2:AJ$366,ROUNDDOWN($C5449/24,0)+1,1)*INDEX($D$3:$AA$30,INDEX(Jesper!$R$2:$R$366,ROW(INDEX(Jesper!AJ$2:AJ$366,ROUNDDOWN($C5449/24,0)+1,1))-1)+IF('Standard Profiles'!$G$20=$B$10,7,0)+IF('Standard Profiles'!$G$20=$B$17,14,0)+IF('Standard Profiles'!$G$20=$B$24,21,0),MOD($C5449,24)+1)/SUM(INDEX($D$3:$AA$30,INDEX(Jesper!$R$2:$R$366,ROW(INDEX(Jesper!AJ$2:AJ$366,ROUNDDOWN($C5449/24,0)+1,1))-1)+IF('Standard Profiles'!$G$20=$B$10,7,0)+IF('Standard Profiles'!$G$20=$B$17,14,0)+IF('Standard Profiles'!$G$20=$B$24,21,0),0)),0)</f>
        <v>0</v>
      </c>
      <c r="G5449" cm="1">
        <f t="array" ref="G5449">IFERROR(INDEX(Jesper!AK$2:AK$366,ROUNDDOWN($C5449/24,0)+1,1)*INDEX($D$3:$AA$30,INDEX(Jesper!$R$2:$R$366,ROW(INDEX(Jesper!AK$2:AK$366,ROUNDDOWN($C5449/24,0)+1,1))-1)+IF('Standard Profiles'!$G$21=$B$10,7,0)+IF('Standard Profiles'!$G$21=$B$17,14,0)+IF('Standard Profiles'!$G$21=$B$24,21,0),MOD($C5449,24)+1)/SUM(INDEX($D$3:$AA$30,INDEX(Jesper!$R$2:$R$366,ROW(INDEX(Jesper!AK$2:AK$366,ROUNDDOWN($C5449/24,0)+1,1))-1)+IF('Standard Profiles'!$G$21=$B$10,7,0)+IF('Standard Profiles'!$G$21=$B$17,14,0)+IF('Standard Profiles'!$G$21=$B$24,21,0),0)),0)</f>
        <v>0</v>
      </c>
      <c r="H5449" cm="1">
        <f t="array" ref="H5449">IFERROR(INDEX(Jesper!AL$2:AL$366,ROUNDDOWN($C5449/24,0)+1,1)*INDEX($D$3:$AA$30,INDEX(Jesper!$R$2:$R$366,ROW(INDEX(Jesper!AL$2:AL$366,ROUNDDOWN($C5449/24,0)+1,1))-1)+IF('Standard Profiles'!$G$22=$B$10,7,0)+IF('Standard Profiles'!$G$22=$B$17,14,0)+IF('Standard Profiles'!$G$22=$B$24,21,0),MOD($C5449,24)+1)/SUM(INDEX($D$3:$AA$30,INDEX(Jesper!$R$2:$R$366,ROW(INDEX(Jesper!AL$2:AL$366,ROUNDDOWN($C5449/24,0)+1,1))-1)+IF('Standard Profiles'!$G$22=$B$10,7,0)+IF('Standard Profiles'!$G$22=$B$17,14,0)+IF('Standard Profiles'!$G$22=$B$24,21,0),0)),0)</f>
        <v>0</v>
      </c>
      <c r="I5449">
        <f t="shared" si="608"/>
        <v>0.40836899260717813</v>
      </c>
      <c r="J5449">
        <f t="shared" si="609"/>
        <v>1.3612299753572605</v>
      </c>
      <c r="K5449">
        <f t="shared" si="610"/>
        <v>2.0418449630358908</v>
      </c>
      <c r="L5449">
        <f t="shared" si="611"/>
        <v>9.8008558225722755</v>
      </c>
      <c r="M5449">
        <f t="shared" si="612"/>
        <v>0</v>
      </c>
      <c r="N5449" s="46">
        <f t="shared" si="613"/>
        <v>45517.624999986867</v>
      </c>
    </row>
    <row r="5450" spans="2:14" x14ac:dyDescent="0.3">
      <c r="B5450">
        <f t="shared" si="607"/>
        <v>2</v>
      </c>
      <c r="C5450" s="16">
        <v>5416</v>
      </c>
      <c r="D5450" cm="1">
        <f t="array" ref="D5450">IFERROR(INDEX(Jesper!AH$2:AH$366,ROUNDDOWN($C5450/24,0)+1,1)*INDEX($D$3:$AA$30,INDEX(Jesper!$R$2:$R$366,ROW(INDEX(Jesper!AH$2:AH$366,ROUNDDOWN($C5450/24,0)+1,1))-1)+IF('Standard Profiles'!$G$18=$B$10,7,0)+IF('Standard Profiles'!$G$18=$B$17,14,0)+IF('Standard Profiles'!$G$18=$B$24,21,0),MOD($C5450,24)+1)/SUM(INDEX($D$3:$AA$30,INDEX(Jesper!$R$2:$R$366,ROW(INDEX(Jesper!AH$2:AH$366,ROUNDDOWN($C5450/24,0)+1,1))-1)+IF('Standard Profiles'!$G$18=$B$10,7,0)+IF('Standard Profiles'!$G$18=$B$17,14,0)+IF('Standard Profiles'!$G$18=$B$24,21,0),0)),0)</f>
        <v>13.612299753572605</v>
      </c>
      <c r="E5450" cm="1">
        <f t="array" ref="E5450">IFERROR(INDEX(Jesper!AI$2:AI$366,ROUNDDOWN($C5450/24,0)+1,1)*INDEX($D$3:$AA$30,INDEX(Jesper!$R$2:$R$366,ROW(INDEX(Jesper!AI$2:AI$366,ROUNDDOWN($C5450/24,0)+1,1))-1)+IF('Standard Profiles'!$G$19=$B$10,7,0)+IF('Standard Profiles'!$G$19=$B$17,14,0)+IF('Standard Profiles'!$G$19=$B$24,21,0),MOD($C5450,24)+1)/SUM(INDEX($D$3:$AA$30,INDEX(Jesper!$R$2:$R$366,ROW(INDEX(Jesper!AI$2:AI$366,ROUNDDOWN($C5450/24,0)+1,1))-1)+IF('Standard Profiles'!$G$19=$B$10,7,0)+IF('Standard Profiles'!$G$19=$B$17,14,0)+IF('Standard Profiles'!$G$19=$B$24,21,0),0)),0)</f>
        <v>0</v>
      </c>
      <c r="F5450" cm="1">
        <f t="array" ref="F5450">IFERROR(INDEX(Jesper!AJ$2:AJ$366,ROUNDDOWN($C5450/24,0)+1,1)*INDEX($D$3:$AA$30,INDEX(Jesper!$R$2:$R$366,ROW(INDEX(Jesper!AJ$2:AJ$366,ROUNDDOWN($C5450/24,0)+1,1))-1)+IF('Standard Profiles'!$G$20=$B$10,7,0)+IF('Standard Profiles'!$G$20=$B$17,14,0)+IF('Standard Profiles'!$G$20=$B$24,21,0),MOD($C5450,24)+1)/SUM(INDEX($D$3:$AA$30,INDEX(Jesper!$R$2:$R$366,ROW(INDEX(Jesper!AJ$2:AJ$366,ROUNDDOWN($C5450/24,0)+1,1))-1)+IF('Standard Profiles'!$G$20=$B$10,7,0)+IF('Standard Profiles'!$G$20=$B$17,14,0)+IF('Standard Profiles'!$G$20=$B$24,21,0),0)),0)</f>
        <v>0</v>
      </c>
      <c r="G5450" cm="1">
        <f t="array" ref="G5450">IFERROR(INDEX(Jesper!AK$2:AK$366,ROUNDDOWN($C5450/24,0)+1,1)*INDEX($D$3:$AA$30,INDEX(Jesper!$R$2:$R$366,ROW(INDEX(Jesper!AK$2:AK$366,ROUNDDOWN($C5450/24,0)+1,1))-1)+IF('Standard Profiles'!$G$21=$B$10,7,0)+IF('Standard Profiles'!$G$21=$B$17,14,0)+IF('Standard Profiles'!$G$21=$B$24,21,0),MOD($C5450,24)+1)/SUM(INDEX($D$3:$AA$30,INDEX(Jesper!$R$2:$R$366,ROW(INDEX(Jesper!AK$2:AK$366,ROUNDDOWN($C5450/24,0)+1,1))-1)+IF('Standard Profiles'!$G$21=$B$10,7,0)+IF('Standard Profiles'!$G$21=$B$17,14,0)+IF('Standard Profiles'!$G$21=$B$24,21,0),0)),0)</f>
        <v>0</v>
      </c>
      <c r="H5450" cm="1">
        <f t="array" ref="H5450">IFERROR(INDEX(Jesper!AL$2:AL$366,ROUNDDOWN($C5450/24,0)+1,1)*INDEX($D$3:$AA$30,INDEX(Jesper!$R$2:$R$366,ROW(INDEX(Jesper!AL$2:AL$366,ROUNDDOWN($C5450/24,0)+1,1))-1)+IF('Standard Profiles'!$G$22=$B$10,7,0)+IF('Standard Profiles'!$G$22=$B$17,14,0)+IF('Standard Profiles'!$G$22=$B$24,21,0),MOD($C5450,24)+1)/SUM(INDEX($D$3:$AA$30,INDEX(Jesper!$R$2:$R$366,ROW(INDEX(Jesper!AL$2:AL$366,ROUNDDOWN($C5450/24,0)+1,1))-1)+IF('Standard Profiles'!$G$22=$B$10,7,0)+IF('Standard Profiles'!$G$22=$B$17,14,0)+IF('Standard Profiles'!$G$22=$B$24,21,0),0)),0)</f>
        <v>0</v>
      </c>
      <c r="I5450">
        <f t="shared" si="608"/>
        <v>0.40836899260717813</v>
      </c>
      <c r="J5450">
        <f t="shared" si="609"/>
        <v>1.3612299753572605</v>
      </c>
      <c r="K5450">
        <f t="shared" si="610"/>
        <v>2.0418449630358908</v>
      </c>
      <c r="L5450">
        <f t="shared" si="611"/>
        <v>9.8008558225722755</v>
      </c>
      <c r="M5450">
        <f t="shared" si="612"/>
        <v>0</v>
      </c>
      <c r="N5450" s="46">
        <f t="shared" si="613"/>
        <v>45517.666666653531</v>
      </c>
    </row>
    <row r="5451" spans="2:14" x14ac:dyDescent="0.3">
      <c r="B5451">
        <f t="shared" si="607"/>
        <v>2</v>
      </c>
      <c r="C5451" s="16">
        <v>5417</v>
      </c>
      <c r="D5451" cm="1">
        <f t="array" ref="D5451">IFERROR(INDEX(Jesper!AH$2:AH$366,ROUNDDOWN($C5451/24,0)+1,1)*INDEX($D$3:$AA$30,INDEX(Jesper!$R$2:$R$366,ROW(INDEX(Jesper!AH$2:AH$366,ROUNDDOWN($C5451/24,0)+1,1))-1)+IF('Standard Profiles'!$G$18=$B$10,7,0)+IF('Standard Profiles'!$G$18=$B$17,14,0)+IF('Standard Profiles'!$G$18=$B$24,21,0),MOD($C5451,24)+1)/SUM(INDEX($D$3:$AA$30,INDEX(Jesper!$R$2:$R$366,ROW(INDEX(Jesper!AH$2:AH$366,ROUNDDOWN($C5451/24,0)+1,1))-1)+IF('Standard Profiles'!$G$18=$B$10,7,0)+IF('Standard Profiles'!$G$18=$B$17,14,0)+IF('Standard Profiles'!$G$18=$B$24,21,0),0)),0)</f>
        <v>13.612299753572605</v>
      </c>
      <c r="E5451" cm="1">
        <f t="array" ref="E5451">IFERROR(INDEX(Jesper!AI$2:AI$366,ROUNDDOWN($C5451/24,0)+1,1)*INDEX($D$3:$AA$30,INDEX(Jesper!$R$2:$R$366,ROW(INDEX(Jesper!AI$2:AI$366,ROUNDDOWN($C5451/24,0)+1,1))-1)+IF('Standard Profiles'!$G$19=$B$10,7,0)+IF('Standard Profiles'!$G$19=$B$17,14,0)+IF('Standard Profiles'!$G$19=$B$24,21,0),MOD($C5451,24)+1)/SUM(INDEX($D$3:$AA$30,INDEX(Jesper!$R$2:$R$366,ROW(INDEX(Jesper!AI$2:AI$366,ROUNDDOWN($C5451/24,0)+1,1))-1)+IF('Standard Profiles'!$G$19=$B$10,7,0)+IF('Standard Profiles'!$G$19=$B$17,14,0)+IF('Standard Profiles'!$G$19=$B$24,21,0),0)),0)</f>
        <v>0</v>
      </c>
      <c r="F5451" cm="1">
        <f t="array" ref="F5451">IFERROR(INDEX(Jesper!AJ$2:AJ$366,ROUNDDOWN($C5451/24,0)+1,1)*INDEX($D$3:$AA$30,INDEX(Jesper!$R$2:$R$366,ROW(INDEX(Jesper!AJ$2:AJ$366,ROUNDDOWN($C5451/24,0)+1,1))-1)+IF('Standard Profiles'!$G$20=$B$10,7,0)+IF('Standard Profiles'!$G$20=$B$17,14,0)+IF('Standard Profiles'!$G$20=$B$24,21,0),MOD($C5451,24)+1)/SUM(INDEX($D$3:$AA$30,INDEX(Jesper!$R$2:$R$366,ROW(INDEX(Jesper!AJ$2:AJ$366,ROUNDDOWN($C5451/24,0)+1,1))-1)+IF('Standard Profiles'!$G$20=$B$10,7,0)+IF('Standard Profiles'!$G$20=$B$17,14,0)+IF('Standard Profiles'!$G$20=$B$24,21,0),0)),0)</f>
        <v>0</v>
      </c>
      <c r="G5451" cm="1">
        <f t="array" ref="G5451">IFERROR(INDEX(Jesper!AK$2:AK$366,ROUNDDOWN($C5451/24,0)+1,1)*INDEX($D$3:$AA$30,INDEX(Jesper!$R$2:$R$366,ROW(INDEX(Jesper!AK$2:AK$366,ROUNDDOWN($C5451/24,0)+1,1))-1)+IF('Standard Profiles'!$G$21=$B$10,7,0)+IF('Standard Profiles'!$G$21=$B$17,14,0)+IF('Standard Profiles'!$G$21=$B$24,21,0),MOD($C5451,24)+1)/SUM(INDEX($D$3:$AA$30,INDEX(Jesper!$R$2:$R$366,ROW(INDEX(Jesper!AK$2:AK$366,ROUNDDOWN($C5451/24,0)+1,1))-1)+IF('Standard Profiles'!$G$21=$B$10,7,0)+IF('Standard Profiles'!$G$21=$B$17,14,0)+IF('Standard Profiles'!$G$21=$B$24,21,0),0)),0)</f>
        <v>0</v>
      </c>
      <c r="H5451" cm="1">
        <f t="array" ref="H5451">IFERROR(INDEX(Jesper!AL$2:AL$366,ROUNDDOWN($C5451/24,0)+1,1)*INDEX($D$3:$AA$30,INDEX(Jesper!$R$2:$R$366,ROW(INDEX(Jesper!AL$2:AL$366,ROUNDDOWN($C5451/24,0)+1,1))-1)+IF('Standard Profiles'!$G$22=$B$10,7,0)+IF('Standard Profiles'!$G$22=$B$17,14,0)+IF('Standard Profiles'!$G$22=$B$24,21,0),MOD($C5451,24)+1)/SUM(INDEX($D$3:$AA$30,INDEX(Jesper!$R$2:$R$366,ROW(INDEX(Jesper!AL$2:AL$366,ROUNDDOWN($C5451/24,0)+1,1))-1)+IF('Standard Profiles'!$G$22=$B$10,7,0)+IF('Standard Profiles'!$G$22=$B$17,14,0)+IF('Standard Profiles'!$G$22=$B$24,21,0),0)),0)</f>
        <v>0</v>
      </c>
      <c r="I5451">
        <f t="shared" si="608"/>
        <v>0.40836899260717813</v>
      </c>
      <c r="J5451">
        <f t="shared" si="609"/>
        <v>1.3612299753572605</v>
      </c>
      <c r="K5451">
        <f t="shared" si="610"/>
        <v>2.0418449630358908</v>
      </c>
      <c r="L5451">
        <f t="shared" si="611"/>
        <v>9.8008558225722755</v>
      </c>
      <c r="M5451">
        <f t="shared" si="612"/>
        <v>0</v>
      </c>
      <c r="N5451" s="46">
        <f t="shared" si="613"/>
        <v>45517.708333320195</v>
      </c>
    </row>
    <row r="5452" spans="2:14" x14ac:dyDescent="0.3">
      <c r="B5452">
        <f t="shared" si="607"/>
        <v>2</v>
      </c>
      <c r="C5452" s="16">
        <v>5418</v>
      </c>
      <c r="D5452" cm="1">
        <f t="array" ref="D5452">IFERROR(INDEX(Jesper!AH$2:AH$366,ROUNDDOWN($C5452/24,0)+1,1)*INDEX($D$3:$AA$30,INDEX(Jesper!$R$2:$R$366,ROW(INDEX(Jesper!AH$2:AH$366,ROUNDDOWN($C5452/24,0)+1,1))-1)+IF('Standard Profiles'!$G$18=$B$10,7,0)+IF('Standard Profiles'!$G$18=$B$17,14,0)+IF('Standard Profiles'!$G$18=$B$24,21,0),MOD($C5452,24)+1)/SUM(INDEX($D$3:$AA$30,INDEX(Jesper!$R$2:$R$366,ROW(INDEX(Jesper!AH$2:AH$366,ROUNDDOWN($C5452/24,0)+1,1))-1)+IF('Standard Profiles'!$G$18=$B$10,7,0)+IF('Standard Profiles'!$G$18=$B$17,14,0)+IF('Standard Profiles'!$G$18=$B$24,21,0),0)),0)</f>
        <v>13.612299753572605</v>
      </c>
      <c r="E5452" cm="1">
        <f t="array" ref="E5452">IFERROR(INDEX(Jesper!AI$2:AI$366,ROUNDDOWN($C5452/24,0)+1,1)*INDEX($D$3:$AA$30,INDEX(Jesper!$R$2:$R$366,ROW(INDEX(Jesper!AI$2:AI$366,ROUNDDOWN($C5452/24,0)+1,1))-1)+IF('Standard Profiles'!$G$19=$B$10,7,0)+IF('Standard Profiles'!$G$19=$B$17,14,0)+IF('Standard Profiles'!$G$19=$B$24,21,0),MOD($C5452,24)+1)/SUM(INDEX($D$3:$AA$30,INDEX(Jesper!$R$2:$R$366,ROW(INDEX(Jesper!AI$2:AI$366,ROUNDDOWN($C5452/24,0)+1,1))-1)+IF('Standard Profiles'!$G$19=$B$10,7,0)+IF('Standard Profiles'!$G$19=$B$17,14,0)+IF('Standard Profiles'!$G$19=$B$24,21,0),0)),0)</f>
        <v>0</v>
      </c>
      <c r="F5452" cm="1">
        <f t="array" ref="F5452">IFERROR(INDEX(Jesper!AJ$2:AJ$366,ROUNDDOWN($C5452/24,0)+1,1)*INDEX($D$3:$AA$30,INDEX(Jesper!$R$2:$R$366,ROW(INDEX(Jesper!AJ$2:AJ$366,ROUNDDOWN($C5452/24,0)+1,1))-1)+IF('Standard Profiles'!$G$20=$B$10,7,0)+IF('Standard Profiles'!$G$20=$B$17,14,0)+IF('Standard Profiles'!$G$20=$B$24,21,0),MOD($C5452,24)+1)/SUM(INDEX($D$3:$AA$30,INDEX(Jesper!$R$2:$R$366,ROW(INDEX(Jesper!AJ$2:AJ$366,ROUNDDOWN($C5452/24,0)+1,1))-1)+IF('Standard Profiles'!$G$20=$B$10,7,0)+IF('Standard Profiles'!$G$20=$B$17,14,0)+IF('Standard Profiles'!$G$20=$B$24,21,0),0)),0)</f>
        <v>0</v>
      </c>
      <c r="G5452" cm="1">
        <f t="array" ref="G5452">IFERROR(INDEX(Jesper!AK$2:AK$366,ROUNDDOWN($C5452/24,0)+1,1)*INDEX($D$3:$AA$30,INDEX(Jesper!$R$2:$R$366,ROW(INDEX(Jesper!AK$2:AK$366,ROUNDDOWN($C5452/24,0)+1,1))-1)+IF('Standard Profiles'!$G$21=$B$10,7,0)+IF('Standard Profiles'!$G$21=$B$17,14,0)+IF('Standard Profiles'!$G$21=$B$24,21,0),MOD($C5452,24)+1)/SUM(INDEX($D$3:$AA$30,INDEX(Jesper!$R$2:$R$366,ROW(INDEX(Jesper!AK$2:AK$366,ROUNDDOWN($C5452/24,0)+1,1))-1)+IF('Standard Profiles'!$G$21=$B$10,7,0)+IF('Standard Profiles'!$G$21=$B$17,14,0)+IF('Standard Profiles'!$G$21=$B$24,21,0),0)),0)</f>
        <v>0</v>
      </c>
      <c r="H5452" cm="1">
        <f t="array" ref="H5452">IFERROR(INDEX(Jesper!AL$2:AL$366,ROUNDDOWN($C5452/24,0)+1,1)*INDEX($D$3:$AA$30,INDEX(Jesper!$R$2:$R$366,ROW(INDEX(Jesper!AL$2:AL$366,ROUNDDOWN($C5452/24,0)+1,1))-1)+IF('Standard Profiles'!$G$22=$B$10,7,0)+IF('Standard Profiles'!$G$22=$B$17,14,0)+IF('Standard Profiles'!$G$22=$B$24,21,0),MOD($C5452,24)+1)/SUM(INDEX($D$3:$AA$30,INDEX(Jesper!$R$2:$R$366,ROW(INDEX(Jesper!AL$2:AL$366,ROUNDDOWN($C5452/24,0)+1,1))-1)+IF('Standard Profiles'!$G$22=$B$10,7,0)+IF('Standard Profiles'!$G$22=$B$17,14,0)+IF('Standard Profiles'!$G$22=$B$24,21,0),0)),0)</f>
        <v>0</v>
      </c>
      <c r="I5452">
        <f t="shared" si="608"/>
        <v>0.40836899260717813</v>
      </c>
      <c r="J5452">
        <f t="shared" si="609"/>
        <v>1.3612299753572605</v>
      </c>
      <c r="K5452">
        <f t="shared" si="610"/>
        <v>2.0418449630358908</v>
      </c>
      <c r="L5452">
        <f t="shared" si="611"/>
        <v>9.8008558225722755</v>
      </c>
      <c r="M5452">
        <f t="shared" si="612"/>
        <v>0</v>
      </c>
      <c r="N5452" s="46">
        <f t="shared" si="613"/>
        <v>45517.74999998686</v>
      </c>
    </row>
    <row r="5453" spans="2:14" x14ac:dyDescent="0.3">
      <c r="B5453">
        <f t="shared" si="607"/>
        <v>2</v>
      </c>
      <c r="C5453" s="16">
        <v>5419</v>
      </c>
      <c r="D5453" cm="1">
        <f t="array" ref="D5453">IFERROR(INDEX(Jesper!AH$2:AH$366,ROUNDDOWN($C5453/24,0)+1,1)*INDEX($D$3:$AA$30,INDEX(Jesper!$R$2:$R$366,ROW(INDEX(Jesper!AH$2:AH$366,ROUNDDOWN($C5453/24,0)+1,1))-1)+IF('Standard Profiles'!$G$18=$B$10,7,0)+IF('Standard Profiles'!$G$18=$B$17,14,0)+IF('Standard Profiles'!$G$18=$B$24,21,0),MOD($C5453,24)+1)/SUM(INDEX($D$3:$AA$30,INDEX(Jesper!$R$2:$R$366,ROW(INDEX(Jesper!AH$2:AH$366,ROUNDDOWN($C5453/24,0)+1,1))-1)+IF('Standard Profiles'!$G$18=$B$10,7,0)+IF('Standard Profiles'!$G$18=$B$17,14,0)+IF('Standard Profiles'!$G$18=$B$24,21,0),0)),0)</f>
        <v>11.400301043617059</v>
      </c>
      <c r="E5453" cm="1">
        <f t="array" ref="E5453">IFERROR(INDEX(Jesper!AI$2:AI$366,ROUNDDOWN($C5453/24,0)+1,1)*INDEX($D$3:$AA$30,INDEX(Jesper!$R$2:$R$366,ROW(INDEX(Jesper!AI$2:AI$366,ROUNDDOWN($C5453/24,0)+1,1))-1)+IF('Standard Profiles'!$G$19=$B$10,7,0)+IF('Standard Profiles'!$G$19=$B$17,14,0)+IF('Standard Profiles'!$G$19=$B$24,21,0),MOD($C5453,24)+1)/SUM(INDEX($D$3:$AA$30,INDEX(Jesper!$R$2:$R$366,ROW(INDEX(Jesper!AI$2:AI$366,ROUNDDOWN($C5453/24,0)+1,1))-1)+IF('Standard Profiles'!$G$19=$B$10,7,0)+IF('Standard Profiles'!$G$19=$B$17,14,0)+IF('Standard Profiles'!$G$19=$B$24,21,0),0)),0)</f>
        <v>0</v>
      </c>
      <c r="F5453" cm="1">
        <f t="array" ref="F5453">IFERROR(INDEX(Jesper!AJ$2:AJ$366,ROUNDDOWN($C5453/24,0)+1,1)*INDEX($D$3:$AA$30,INDEX(Jesper!$R$2:$R$366,ROW(INDEX(Jesper!AJ$2:AJ$366,ROUNDDOWN($C5453/24,0)+1,1))-1)+IF('Standard Profiles'!$G$20=$B$10,7,0)+IF('Standard Profiles'!$G$20=$B$17,14,0)+IF('Standard Profiles'!$G$20=$B$24,21,0),MOD($C5453,24)+1)/SUM(INDEX($D$3:$AA$30,INDEX(Jesper!$R$2:$R$366,ROW(INDEX(Jesper!AJ$2:AJ$366,ROUNDDOWN($C5453/24,0)+1,1))-1)+IF('Standard Profiles'!$G$20=$B$10,7,0)+IF('Standard Profiles'!$G$20=$B$17,14,0)+IF('Standard Profiles'!$G$20=$B$24,21,0),0)),0)</f>
        <v>0</v>
      </c>
      <c r="G5453" cm="1">
        <f t="array" ref="G5453">IFERROR(INDEX(Jesper!AK$2:AK$366,ROUNDDOWN($C5453/24,0)+1,1)*INDEX($D$3:$AA$30,INDEX(Jesper!$R$2:$R$366,ROW(INDEX(Jesper!AK$2:AK$366,ROUNDDOWN($C5453/24,0)+1,1))-1)+IF('Standard Profiles'!$G$21=$B$10,7,0)+IF('Standard Profiles'!$G$21=$B$17,14,0)+IF('Standard Profiles'!$G$21=$B$24,21,0),MOD($C5453,24)+1)/SUM(INDEX($D$3:$AA$30,INDEX(Jesper!$R$2:$R$366,ROW(INDEX(Jesper!AK$2:AK$366,ROUNDDOWN($C5453/24,0)+1,1))-1)+IF('Standard Profiles'!$G$21=$B$10,7,0)+IF('Standard Profiles'!$G$21=$B$17,14,0)+IF('Standard Profiles'!$G$21=$B$24,21,0),0)),0)</f>
        <v>0</v>
      </c>
      <c r="H5453" cm="1">
        <f t="array" ref="H5453">IFERROR(INDEX(Jesper!AL$2:AL$366,ROUNDDOWN($C5453/24,0)+1,1)*INDEX($D$3:$AA$30,INDEX(Jesper!$R$2:$R$366,ROW(INDEX(Jesper!AL$2:AL$366,ROUNDDOWN($C5453/24,0)+1,1))-1)+IF('Standard Profiles'!$G$22=$B$10,7,0)+IF('Standard Profiles'!$G$22=$B$17,14,0)+IF('Standard Profiles'!$G$22=$B$24,21,0),MOD($C5453,24)+1)/SUM(INDEX($D$3:$AA$30,INDEX(Jesper!$R$2:$R$366,ROW(INDEX(Jesper!AL$2:AL$366,ROUNDDOWN($C5453/24,0)+1,1))-1)+IF('Standard Profiles'!$G$22=$B$10,7,0)+IF('Standard Profiles'!$G$22=$B$17,14,0)+IF('Standard Profiles'!$G$22=$B$24,21,0),0)),0)</f>
        <v>0</v>
      </c>
      <c r="I5453">
        <f t="shared" si="608"/>
        <v>0.34200903130851174</v>
      </c>
      <c r="J5453">
        <f t="shared" si="609"/>
        <v>1.140030104361706</v>
      </c>
      <c r="K5453">
        <f t="shared" si="610"/>
        <v>1.7100451565425587</v>
      </c>
      <c r="L5453">
        <f t="shared" si="611"/>
        <v>8.208216751404283</v>
      </c>
      <c r="M5453">
        <f t="shared" si="612"/>
        <v>0</v>
      </c>
      <c r="N5453" s="46">
        <f t="shared" si="613"/>
        <v>45517.791666653524</v>
      </c>
    </row>
    <row r="5454" spans="2:14" x14ac:dyDescent="0.3">
      <c r="B5454">
        <f t="shared" si="607"/>
        <v>2</v>
      </c>
      <c r="C5454" s="16">
        <v>5420</v>
      </c>
      <c r="D5454" cm="1">
        <f t="array" ref="D5454">IFERROR(INDEX(Jesper!AH$2:AH$366,ROUNDDOWN($C5454/24,0)+1,1)*INDEX($D$3:$AA$30,INDEX(Jesper!$R$2:$R$366,ROW(INDEX(Jesper!AH$2:AH$366,ROUNDDOWN($C5454/24,0)+1,1))-1)+IF('Standard Profiles'!$G$18=$B$10,7,0)+IF('Standard Profiles'!$G$18=$B$17,14,0)+IF('Standard Profiles'!$G$18=$B$24,21,0),MOD($C5454,24)+1)/SUM(INDEX($D$3:$AA$30,INDEX(Jesper!$R$2:$R$366,ROW(INDEX(Jesper!AH$2:AH$366,ROUNDDOWN($C5454/24,0)+1,1))-1)+IF('Standard Profiles'!$G$18=$B$10,7,0)+IF('Standard Profiles'!$G$18=$B$17,14,0)+IF('Standard Profiles'!$G$18=$B$24,21,0),0)),0)</f>
        <v>9.3584560805811652</v>
      </c>
      <c r="E5454" cm="1">
        <f t="array" ref="E5454">IFERROR(INDEX(Jesper!AI$2:AI$366,ROUNDDOWN($C5454/24,0)+1,1)*INDEX($D$3:$AA$30,INDEX(Jesper!$R$2:$R$366,ROW(INDEX(Jesper!AI$2:AI$366,ROUNDDOWN($C5454/24,0)+1,1))-1)+IF('Standard Profiles'!$G$19=$B$10,7,0)+IF('Standard Profiles'!$G$19=$B$17,14,0)+IF('Standard Profiles'!$G$19=$B$24,21,0),MOD($C5454,24)+1)/SUM(INDEX($D$3:$AA$30,INDEX(Jesper!$R$2:$R$366,ROW(INDEX(Jesper!AI$2:AI$366,ROUNDDOWN($C5454/24,0)+1,1))-1)+IF('Standard Profiles'!$G$19=$B$10,7,0)+IF('Standard Profiles'!$G$19=$B$17,14,0)+IF('Standard Profiles'!$G$19=$B$24,21,0),0)),0)</f>
        <v>0</v>
      </c>
      <c r="F5454" cm="1">
        <f t="array" ref="F5454">IFERROR(INDEX(Jesper!AJ$2:AJ$366,ROUNDDOWN($C5454/24,0)+1,1)*INDEX($D$3:$AA$30,INDEX(Jesper!$R$2:$R$366,ROW(INDEX(Jesper!AJ$2:AJ$366,ROUNDDOWN($C5454/24,0)+1,1))-1)+IF('Standard Profiles'!$G$20=$B$10,7,0)+IF('Standard Profiles'!$G$20=$B$17,14,0)+IF('Standard Profiles'!$G$20=$B$24,21,0),MOD($C5454,24)+1)/SUM(INDEX($D$3:$AA$30,INDEX(Jesper!$R$2:$R$366,ROW(INDEX(Jesper!AJ$2:AJ$366,ROUNDDOWN($C5454/24,0)+1,1))-1)+IF('Standard Profiles'!$G$20=$B$10,7,0)+IF('Standard Profiles'!$G$20=$B$17,14,0)+IF('Standard Profiles'!$G$20=$B$24,21,0),0)),0)</f>
        <v>0</v>
      </c>
      <c r="G5454" cm="1">
        <f t="array" ref="G5454">IFERROR(INDEX(Jesper!AK$2:AK$366,ROUNDDOWN($C5454/24,0)+1,1)*INDEX($D$3:$AA$30,INDEX(Jesper!$R$2:$R$366,ROW(INDEX(Jesper!AK$2:AK$366,ROUNDDOWN($C5454/24,0)+1,1))-1)+IF('Standard Profiles'!$G$21=$B$10,7,0)+IF('Standard Profiles'!$G$21=$B$17,14,0)+IF('Standard Profiles'!$G$21=$B$24,21,0),MOD($C5454,24)+1)/SUM(INDEX($D$3:$AA$30,INDEX(Jesper!$R$2:$R$366,ROW(INDEX(Jesper!AK$2:AK$366,ROUNDDOWN($C5454/24,0)+1,1))-1)+IF('Standard Profiles'!$G$21=$B$10,7,0)+IF('Standard Profiles'!$G$21=$B$17,14,0)+IF('Standard Profiles'!$G$21=$B$24,21,0),0)),0)</f>
        <v>0</v>
      </c>
      <c r="H5454" cm="1">
        <f t="array" ref="H5454">IFERROR(INDEX(Jesper!AL$2:AL$366,ROUNDDOWN($C5454/24,0)+1,1)*INDEX($D$3:$AA$30,INDEX(Jesper!$R$2:$R$366,ROW(INDEX(Jesper!AL$2:AL$366,ROUNDDOWN($C5454/24,0)+1,1))-1)+IF('Standard Profiles'!$G$22=$B$10,7,0)+IF('Standard Profiles'!$G$22=$B$17,14,0)+IF('Standard Profiles'!$G$22=$B$24,21,0),MOD($C5454,24)+1)/SUM(INDEX($D$3:$AA$30,INDEX(Jesper!$R$2:$R$366,ROW(INDEX(Jesper!AL$2:AL$366,ROUNDDOWN($C5454/24,0)+1,1))-1)+IF('Standard Profiles'!$G$22=$B$10,7,0)+IF('Standard Profiles'!$G$22=$B$17,14,0)+IF('Standard Profiles'!$G$22=$B$24,21,0),0)),0)</f>
        <v>0</v>
      </c>
      <c r="I5454">
        <f t="shared" si="608"/>
        <v>0.28075368241743492</v>
      </c>
      <c r="J5454">
        <f t="shared" si="609"/>
        <v>0.93584560805811656</v>
      </c>
      <c r="K5454">
        <f t="shared" si="610"/>
        <v>1.4037684120871747</v>
      </c>
      <c r="L5454">
        <f t="shared" si="611"/>
        <v>6.7380883780184391</v>
      </c>
      <c r="M5454">
        <f t="shared" si="612"/>
        <v>0</v>
      </c>
      <c r="N5454" s="46">
        <f t="shared" si="613"/>
        <v>45517.833333320188</v>
      </c>
    </row>
    <row r="5455" spans="2:14" x14ac:dyDescent="0.3">
      <c r="B5455">
        <f t="shared" si="607"/>
        <v>2</v>
      </c>
      <c r="C5455" s="16">
        <v>5421</v>
      </c>
      <c r="D5455" cm="1">
        <f t="array" ref="D5455">IFERROR(INDEX(Jesper!AH$2:AH$366,ROUNDDOWN($C5455/24,0)+1,1)*INDEX($D$3:$AA$30,INDEX(Jesper!$R$2:$R$366,ROW(INDEX(Jesper!AH$2:AH$366,ROUNDDOWN($C5455/24,0)+1,1))-1)+IF('Standard Profiles'!$G$18=$B$10,7,0)+IF('Standard Profiles'!$G$18=$B$17,14,0)+IF('Standard Profiles'!$G$18=$B$24,21,0),MOD($C5455,24)+1)/SUM(INDEX($D$3:$AA$30,INDEX(Jesper!$R$2:$R$366,ROW(INDEX(Jesper!AH$2:AH$366,ROUNDDOWN($C5455/24,0)+1,1))-1)+IF('Standard Profiles'!$G$18=$B$10,7,0)+IF('Standard Profiles'!$G$18=$B$17,14,0)+IF('Standard Profiles'!$G$18=$B$24,21,0),0)),0)</f>
        <v>6.8061498767863027</v>
      </c>
      <c r="E5455" cm="1">
        <f t="array" ref="E5455">IFERROR(INDEX(Jesper!AI$2:AI$366,ROUNDDOWN($C5455/24,0)+1,1)*INDEX($D$3:$AA$30,INDEX(Jesper!$R$2:$R$366,ROW(INDEX(Jesper!AI$2:AI$366,ROUNDDOWN($C5455/24,0)+1,1))-1)+IF('Standard Profiles'!$G$19=$B$10,7,0)+IF('Standard Profiles'!$G$19=$B$17,14,0)+IF('Standard Profiles'!$G$19=$B$24,21,0),MOD($C5455,24)+1)/SUM(INDEX($D$3:$AA$30,INDEX(Jesper!$R$2:$R$366,ROW(INDEX(Jesper!AI$2:AI$366,ROUNDDOWN($C5455/24,0)+1,1))-1)+IF('Standard Profiles'!$G$19=$B$10,7,0)+IF('Standard Profiles'!$G$19=$B$17,14,0)+IF('Standard Profiles'!$G$19=$B$24,21,0),0)),0)</f>
        <v>0</v>
      </c>
      <c r="F5455" cm="1">
        <f t="array" ref="F5455">IFERROR(INDEX(Jesper!AJ$2:AJ$366,ROUNDDOWN($C5455/24,0)+1,1)*INDEX($D$3:$AA$30,INDEX(Jesper!$R$2:$R$366,ROW(INDEX(Jesper!AJ$2:AJ$366,ROUNDDOWN($C5455/24,0)+1,1))-1)+IF('Standard Profiles'!$G$20=$B$10,7,0)+IF('Standard Profiles'!$G$20=$B$17,14,0)+IF('Standard Profiles'!$G$20=$B$24,21,0),MOD($C5455,24)+1)/SUM(INDEX($D$3:$AA$30,INDEX(Jesper!$R$2:$R$366,ROW(INDEX(Jesper!AJ$2:AJ$366,ROUNDDOWN($C5455/24,0)+1,1))-1)+IF('Standard Profiles'!$G$20=$B$10,7,0)+IF('Standard Profiles'!$G$20=$B$17,14,0)+IF('Standard Profiles'!$G$20=$B$24,21,0),0)),0)</f>
        <v>0</v>
      </c>
      <c r="G5455" cm="1">
        <f t="array" ref="G5455">IFERROR(INDEX(Jesper!AK$2:AK$366,ROUNDDOWN($C5455/24,0)+1,1)*INDEX($D$3:$AA$30,INDEX(Jesper!$R$2:$R$366,ROW(INDEX(Jesper!AK$2:AK$366,ROUNDDOWN($C5455/24,0)+1,1))-1)+IF('Standard Profiles'!$G$21=$B$10,7,0)+IF('Standard Profiles'!$G$21=$B$17,14,0)+IF('Standard Profiles'!$G$21=$B$24,21,0),MOD($C5455,24)+1)/SUM(INDEX($D$3:$AA$30,INDEX(Jesper!$R$2:$R$366,ROW(INDEX(Jesper!AK$2:AK$366,ROUNDDOWN($C5455/24,0)+1,1))-1)+IF('Standard Profiles'!$G$21=$B$10,7,0)+IF('Standard Profiles'!$G$21=$B$17,14,0)+IF('Standard Profiles'!$G$21=$B$24,21,0),0)),0)</f>
        <v>0</v>
      </c>
      <c r="H5455" cm="1">
        <f t="array" ref="H5455">IFERROR(INDEX(Jesper!AL$2:AL$366,ROUNDDOWN($C5455/24,0)+1,1)*INDEX($D$3:$AA$30,INDEX(Jesper!$R$2:$R$366,ROW(INDEX(Jesper!AL$2:AL$366,ROUNDDOWN($C5455/24,0)+1,1))-1)+IF('Standard Profiles'!$G$22=$B$10,7,0)+IF('Standard Profiles'!$G$22=$B$17,14,0)+IF('Standard Profiles'!$G$22=$B$24,21,0),MOD($C5455,24)+1)/SUM(INDEX($D$3:$AA$30,INDEX(Jesper!$R$2:$R$366,ROW(INDEX(Jesper!AL$2:AL$366,ROUNDDOWN($C5455/24,0)+1,1))-1)+IF('Standard Profiles'!$G$22=$B$10,7,0)+IF('Standard Profiles'!$G$22=$B$17,14,0)+IF('Standard Profiles'!$G$22=$B$24,21,0),0)),0)</f>
        <v>0</v>
      </c>
      <c r="I5455">
        <f t="shared" si="608"/>
        <v>0.20418449630358906</v>
      </c>
      <c r="J5455">
        <f t="shared" si="609"/>
        <v>0.68061498767863027</v>
      </c>
      <c r="K5455">
        <f t="shared" si="610"/>
        <v>1.0209224815179454</v>
      </c>
      <c r="L5455">
        <f t="shared" si="611"/>
        <v>4.9004279112861377</v>
      </c>
      <c r="M5455">
        <f t="shared" si="612"/>
        <v>0</v>
      </c>
      <c r="N5455" s="46">
        <f t="shared" si="613"/>
        <v>45517.874999986852</v>
      </c>
    </row>
    <row r="5456" spans="2:14" x14ac:dyDescent="0.3">
      <c r="B5456">
        <f t="shared" si="607"/>
        <v>2</v>
      </c>
      <c r="C5456" s="16">
        <v>5422</v>
      </c>
      <c r="D5456" cm="1">
        <f t="array" ref="D5456">IFERROR(INDEX(Jesper!AH$2:AH$366,ROUNDDOWN($C5456/24,0)+1,1)*INDEX($D$3:$AA$30,INDEX(Jesper!$R$2:$R$366,ROW(INDEX(Jesper!AH$2:AH$366,ROUNDDOWN($C5456/24,0)+1,1))-1)+IF('Standard Profiles'!$G$18=$B$10,7,0)+IF('Standard Profiles'!$G$18=$B$17,14,0)+IF('Standard Profiles'!$G$18=$B$24,21,0),MOD($C5456,24)+1)/SUM(INDEX($D$3:$AA$30,INDEX(Jesper!$R$2:$R$366,ROW(INDEX(Jesper!AH$2:AH$366,ROUNDDOWN($C5456/24,0)+1,1))-1)+IF('Standard Profiles'!$G$18=$B$10,7,0)+IF('Standard Profiles'!$G$18=$B$17,14,0)+IF('Standard Profiles'!$G$18=$B$24,21,0),0)),0)</f>
        <v>6.8061498767863027</v>
      </c>
      <c r="E5456" cm="1">
        <f t="array" ref="E5456">IFERROR(INDEX(Jesper!AI$2:AI$366,ROUNDDOWN($C5456/24,0)+1,1)*INDEX($D$3:$AA$30,INDEX(Jesper!$R$2:$R$366,ROW(INDEX(Jesper!AI$2:AI$366,ROUNDDOWN($C5456/24,0)+1,1))-1)+IF('Standard Profiles'!$G$19=$B$10,7,0)+IF('Standard Profiles'!$G$19=$B$17,14,0)+IF('Standard Profiles'!$G$19=$B$24,21,0),MOD($C5456,24)+1)/SUM(INDEX($D$3:$AA$30,INDEX(Jesper!$R$2:$R$366,ROW(INDEX(Jesper!AI$2:AI$366,ROUNDDOWN($C5456/24,0)+1,1))-1)+IF('Standard Profiles'!$G$19=$B$10,7,0)+IF('Standard Profiles'!$G$19=$B$17,14,0)+IF('Standard Profiles'!$G$19=$B$24,21,0),0)),0)</f>
        <v>0</v>
      </c>
      <c r="F5456" cm="1">
        <f t="array" ref="F5456">IFERROR(INDEX(Jesper!AJ$2:AJ$366,ROUNDDOWN($C5456/24,0)+1,1)*INDEX($D$3:$AA$30,INDEX(Jesper!$R$2:$R$366,ROW(INDEX(Jesper!AJ$2:AJ$366,ROUNDDOWN($C5456/24,0)+1,1))-1)+IF('Standard Profiles'!$G$20=$B$10,7,0)+IF('Standard Profiles'!$G$20=$B$17,14,0)+IF('Standard Profiles'!$G$20=$B$24,21,0),MOD($C5456,24)+1)/SUM(INDEX($D$3:$AA$30,INDEX(Jesper!$R$2:$R$366,ROW(INDEX(Jesper!AJ$2:AJ$366,ROUNDDOWN($C5456/24,0)+1,1))-1)+IF('Standard Profiles'!$G$20=$B$10,7,0)+IF('Standard Profiles'!$G$20=$B$17,14,0)+IF('Standard Profiles'!$G$20=$B$24,21,0),0)),0)</f>
        <v>0</v>
      </c>
      <c r="G5456" cm="1">
        <f t="array" ref="G5456">IFERROR(INDEX(Jesper!AK$2:AK$366,ROUNDDOWN($C5456/24,0)+1,1)*INDEX($D$3:$AA$30,INDEX(Jesper!$R$2:$R$366,ROW(INDEX(Jesper!AK$2:AK$366,ROUNDDOWN($C5456/24,0)+1,1))-1)+IF('Standard Profiles'!$G$21=$B$10,7,0)+IF('Standard Profiles'!$G$21=$B$17,14,0)+IF('Standard Profiles'!$G$21=$B$24,21,0),MOD($C5456,24)+1)/SUM(INDEX($D$3:$AA$30,INDEX(Jesper!$R$2:$R$366,ROW(INDEX(Jesper!AK$2:AK$366,ROUNDDOWN($C5456/24,0)+1,1))-1)+IF('Standard Profiles'!$G$21=$B$10,7,0)+IF('Standard Profiles'!$G$21=$B$17,14,0)+IF('Standard Profiles'!$G$21=$B$24,21,0),0)),0)</f>
        <v>0</v>
      </c>
      <c r="H5456" cm="1">
        <f t="array" ref="H5456">IFERROR(INDEX(Jesper!AL$2:AL$366,ROUNDDOWN($C5456/24,0)+1,1)*INDEX($D$3:$AA$30,INDEX(Jesper!$R$2:$R$366,ROW(INDEX(Jesper!AL$2:AL$366,ROUNDDOWN($C5456/24,0)+1,1))-1)+IF('Standard Profiles'!$G$22=$B$10,7,0)+IF('Standard Profiles'!$G$22=$B$17,14,0)+IF('Standard Profiles'!$G$22=$B$24,21,0),MOD($C5456,24)+1)/SUM(INDEX($D$3:$AA$30,INDEX(Jesper!$R$2:$R$366,ROW(INDEX(Jesper!AL$2:AL$366,ROUNDDOWN($C5456/24,0)+1,1))-1)+IF('Standard Profiles'!$G$22=$B$10,7,0)+IF('Standard Profiles'!$G$22=$B$17,14,0)+IF('Standard Profiles'!$G$22=$B$24,21,0),0)),0)</f>
        <v>0</v>
      </c>
      <c r="I5456">
        <f t="shared" si="608"/>
        <v>0.20418449630358906</v>
      </c>
      <c r="J5456">
        <f t="shared" si="609"/>
        <v>0.68061498767863027</v>
      </c>
      <c r="K5456">
        <f t="shared" si="610"/>
        <v>1.0209224815179454</v>
      </c>
      <c r="L5456">
        <f t="shared" si="611"/>
        <v>4.9004279112861377</v>
      </c>
      <c r="M5456">
        <f t="shared" si="612"/>
        <v>0</v>
      </c>
      <c r="N5456" s="46">
        <f t="shared" si="613"/>
        <v>45517.916666653517</v>
      </c>
    </row>
    <row r="5457" spans="2:14" x14ac:dyDescent="0.3">
      <c r="B5457">
        <f t="shared" si="607"/>
        <v>2</v>
      </c>
      <c r="C5457" s="16">
        <v>5423</v>
      </c>
      <c r="D5457" cm="1">
        <f t="array" ref="D5457">IFERROR(INDEX(Jesper!AH$2:AH$366,ROUNDDOWN($C5457/24,0)+1,1)*INDEX($D$3:$AA$30,INDEX(Jesper!$R$2:$R$366,ROW(INDEX(Jesper!AH$2:AH$366,ROUNDDOWN($C5457/24,0)+1,1))-1)+IF('Standard Profiles'!$G$18=$B$10,7,0)+IF('Standard Profiles'!$G$18=$B$17,14,0)+IF('Standard Profiles'!$G$18=$B$24,21,0),MOD($C5457,24)+1)/SUM(INDEX($D$3:$AA$30,INDEX(Jesper!$R$2:$R$366,ROW(INDEX(Jesper!AH$2:AH$366,ROUNDDOWN($C5457/24,0)+1,1))-1)+IF('Standard Profiles'!$G$18=$B$10,7,0)+IF('Standard Profiles'!$G$18=$B$17,14,0)+IF('Standard Profiles'!$G$18=$B$24,21,0),0)),0)</f>
        <v>6.8061498767863027</v>
      </c>
      <c r="E5457" cm="1">
        <f t="array" ref="E5457">IFERROR(INDEX(Jesper!AI$2:AI$366,ROUNDDOWN($C5457/24,0)+1,1)*INDEX($D$3:$AA$30,INDEX(Jesper!$R$2:$R$366,ROW(INDEX(Jesper!AI$2:AI$366,ROUNDDOWN($C5457/24,0)+1,1))-1)+IF('Standard Profiles'!$G$19=$B$10,7,0)+IF('Standard Profiles'!$G$19=$B$17,14,0)+IF('Standard Profiles'!$G$19=$B$24,21,0),MOD($C5457,24)+1)/SUM(INDEX($D$3:$AA$30,INDEX(Jesper!$R$2:$R$366,ROW(INDEX(Jesper!AI$2:AI$366,ROUNDDOWN($C5457/24,0)+1,1))-1)+IF('Standard Profiles'!$G$19=$B$10,7,0)+IF('Standard Profiles'!$G$19=$B$17,14,0)+IF('Standard Profiles'!$G$19=$B$24,21,0),0)),0)</f>
        <v>0</v>
      </c>
      <c r="F5457" cm="1">
        <f t="array" ref="F5457">IFERROR(INDEX(Jesper!AJ$2:AJ$366,ROUNDDOWN($C5457/24,0)+1,1)*INDEX($D$3:$AA$30,INDEX(Jesper!$R$2:$R$366,ROW(INDEX(Jesper!AJ$2:AJ$366,ROUNDDOWN($C5457/24,0)+1,1))-1)+IF('Standard Profiles'!$G$20=$B$10,7,0)+IF('Standard Profiles'!$G$20=$B$17,14,0)+IF('Standard Profiles'!$G$20=$B$24,21,0),MOD($C5457,24)+1)/SUM(INDEX($D$3:$AA$30,INDEX(Jesper!$R$2:$R$366,ROW(INDEX(Jesper!AJ$2:AJ$366,ROUNDDOWN($C5457/24,0)+1,1))-1)+IF('Standard Profiles'!$G$20=$B$10,7,0)+IF('Standard Profiles'!$G$20=$B$17,14,0)+IF('Standard Profiles'!$G$20=$B$24,21,0),0)),0)</f>
        <v>0</v>
      </c>
      <c r="G5457" cm="1">
        <f t="array" ref="G5457">IFERROR(INDEX(Jesper!AK$2:AK$366,ROUNDDOWN($C5457/24,0)+1,1)*INDEX($D$3:$AA$30,INDEX(Jesper!$R$2:$R$366,ROW(INDEX(Jesper!AK$2:AK$366,ROUNDDOWN($C5457/24,0)+1,1))-1)+IF('Standard Profiles'!$G$21=$B$10,7,0)+IF('Standard Profiles'!$G$21=$B$17,14,0)+IF('Standard Profiles'!$G$21=$B$24,21,0),MOD($C5457,24)+1)/SUM(INDEX($D$3:$AA$30,INDEX(Jesper!$R$2:$R$366,ROW(INDEX(Jesper!AK$2:AK$366,ROUNDDOWN($C5457/24,0)+1,1))-1)+IF('Standard Profiles'!$G$21=$B$10,7,0)+IF('Standard Profiles'!$G$21=$B$17,14,0)+IF('Standard Profiles'!$G$21=$B$24,21,0),0)),0)</f>
        <v>0</v>
      </c>
      <c r="H5457" cm="1">
        <f t="array" ref="H5457">IFERROR(INDEX(Jesper!AL$2:AL$366,ROUNDDOWN($C5457/24,0)+1,1)*INDEX($D$3:$AA$30,INDEX(Jesper!$R$2:$R$366,ROW(INDEX(Jesper!AL$2:AL$366,ROUNDDOWN($C5457/24,0)+1,1))-1)+IF('Standard Profiles'!$G$22=$B$10,7,0)+IF('Standard Profiles'!$G$22=$B$17,14,0)+IF('Standard Profiles'!$G$22=$B$24,21,0),MOD($C5457,24)+1)/SUM(INDEX($D$3:$AA$30,INDEX(Jesper!$R$2:$R$366,ROW(INDEX(Jesper!AL$2:AL$366,ROUNDDOWN($C5457/24,0)+1,1))-1)+IF('Standard Profiles'!$G$22=$B$10,7,0)+IF('Standard Profiles'!$G$22=$B$17,14,0)+IF('Standard Profiles'!$G$22=$B$24,21,0),0)),0)</f>
        <v>0</v>
      </c>
      <c r="I5457">
        <f t="shared" si="608"/>
        <v>0.20418449630358906</v>
      </c>
      <c r="J5457">
        <f t="shared" si="609"/>
        <v>0.68061498767863027</v>
      </c>
      <c r="K5457">
        <f t="shared" si="610"/>
        <v>1.0209224815179454</v>
      </c>
      <c r="L5457">
        <f t="shared" si="611"/>
        <v>4.9004279112861377</v>
      </c>
      <c r="M5457">
        <f t="shared" si="612"/>
        <v>0</v>
      </c>
      <c r="N5457" s="46">
        <f t="shared" si="613"/>
        <v>45517.958333320181</v>
      </c>
    </row>
    <row r="5458" spans="2:14" x14ac:dyDescent="0.3">
      <c r="B5458">
        <f t="shared" si="607"/>
        <v>3</v>
      </c>
      <c r="C5458" s="16">
        <v>5424</v>
      </c>
      <c r="D5458" cm="1">
        <f t="array" ref="D5458">IFERROR(INDEX(Jesper!AH$2:AH$366,ROUNDDOWN($C5458/24,0)+1,1)*INDEX($D$3:$AA$30,INDEX(Jesper!$R$2:$R$366,ROW(INDEX(Jesper!AH$2:AH$366,ROUNDDOWN($C5458/24,0)+1,1))-1)+IF('Standard Profiles'!$G$18=$B$10,7,0)+IF('Standard Profiles'!$G$18=$B$17,14,0)+IF('Standard Profiles'!$G$18=$B$24,21,0),MOD($C5458,24)+1)/SUM(INDEX($D$3:$AA$30,INDEX(Jesper!$R$2:$R$366,ROW(INDEX(Jesper!AH$2:AH$366,ROUNDDOWN($C5458/24,0)+1,1))-1)+IF('Standard Profiles'!$G$18=$B$10,7,0)+IF('Standard Profiles'!$G$18=$B$17,14,0)+IF('Standard Profiles'!$G$18=$B$24,21,0),0)),0)</f>
        <v>6.0838622082846747</v>
      </c>
      <c r="E5458" cm="1">
        <f t="array" ref="E5458">IFERROR(INDEX(Jesper!AI$2:AI$366,ROUNDDOWN($C5458/24,0)+1,1)*INDEX($D$3:$AA$30,INDEX(Jesper!$R$2:$R$366,ROW(INDEX(Jesper!AI$2:AI$366,ROUNDDOWN($C5458/24,0)+1,1))-1)+IF('Standard Profiles'!$G$19=$B$10,7,0)+IF('Standard Profiles'!$G$19=$B$17,14,0)+IF('Standard Profiles'!$G$19=$B$24,21,0),MOD($C5458,24)+1)/SUM(INDEX($D$3:$AA$30,INDEX(Jesper!$R$2:$R$366,ROW(INDEX(Jesper!AI$2:AI$366,ROUNDDOWN($C5458/24,0)+1,1))-1)+IF('Standard Profiles'!$G$19=$B$10,7,0)+IF('Standard Profiles'!$G$19=$B$17,14,0)+IF('Standard Profiles'!$G$19=$B$24,21,0),0)),0)</f>
        <v>0</v>
      </c>
      <c r="F5458" cm="1">
        <f t="array" ref="F5458">IFERROR(INDEX(Jesper!AJ$2:AJ$366,ROUNDDOWN($C5458/24,0)+1,1)*INDEX($D$3:$AA$30,INDEX(Jesper!$R$2:$R$366,ROW(INDEX(Jesper!AJ$2:AJ$366,ROUNDDOWN($C5458/24,0)+1,1))-1)+IF('Standard Profiles'!$G$20=$B$10,7,0)+IF('Standard Profiles'!$G$20=$B$17,14,0)+IF('Standard Profiles'!$G$20=$B$24,21,0),MOD($C5458,24)+1)/SUM(INDEX($D$3:$AA$30,INDEX(Jesper!$R$2:$R$366,ROW(INDEX(Jesper!AJ$2:AJ$366,ROUNDDOWN($C5458/24,0)+1,1))-1)+IF('Standard Profiles'!$G$20=$B$10,7,0)+IF('Standard Profiles'!$G$20=$B$17,14,0)+IF('Standard Profiles'!$G$20=$B$24,21,0),0)),0)</f>
        <v>0</v>
      </c>
      <c r="G5458" cm="1">
        <f t="array" ref="G5458">IFERROR(INDEX(Jesper!AK$2:AK$366,ROUNDDOWN($C5458/24,0)+1,1)*INDEX($D$3:$AA$30,INDEX(Jesper!$R$2:$R$366,ROW(INDEX(Jesper!AK$2:AK$366,ROUNDDOWN($C5458/24,0)+1,1))-1)+IF('Standard Profiles'!$G$21=$B$10,7,0)+IF('Standard Profiles'!$G$21=$B$17,14,0)+IF('Standard Profiles'!$G$21=$B$24,21,0),MOD($C5458,24)+1)/SUM(INDEX($D$3:$AA$30,INDEX(Jesper!$R$2:$R$366,ROW(INDEX(Jesper!AK$2:AK$366,ROUNDDOWN($C5458/24,0)+1,1))-1)+IF('Standard Profiles'!$G$21=$B$10,7,0)+IF('Standard Profiles'!$G$21=$B$17,14,0)+IF('Standard Profiles'!$G$21=$B$24,21,0),0)),0)</f>
        <v>0</v>
      </c>
      <c r="H5458" cm="1">
        <f t="array" ref="H5458">IFERROR(INDEX(Jesper!AL$2:AL$366,ROUNDDOWN($C5458/24,0)+1,1)*INDEX($D$3:$AA$30,INDEX(Jesper!$R$2:$R$366,ROW(INDEX(Jesper!AL$2:AL$366,ROUNDDOWN($C5458/24,0)+1,1))-1)+IF('Standard Profiles'!$G$22=$B$10,7,0)+IF('Standard Profiles'!$G$22=$B$17,14,0)+IF('Standard Profiles'!$G$22=$B$24,21,0),MOD($C5458,24)+1)/SUM(INDEX($D$3:$AA$30,INDEX(Jesper!$R$2:$R$366,ROW(INDEX(Jesper!AL$2:AL$366,ROUNDDOWN($C5458/24,0)+1,1))-1)+IF('Standard Profiles'!$G$22=$B$10,7,0)+IF('Standard Profiles'!$G$22=$B$17,14,0)+IF('Standard Profiles'!$G$22=$B$24,21,0),0)),0)</f>
        <v>0</v>
      </c>
      <c r="I5458">
        <f t="shared" si="608"/>
        <v>0.18251586624854024</v>
      </c>
      <c r="J5458">
        <f t="shared" si="609"/>
        <v>0.60838622082846749</v>
      </c>
      <c r="K5458">
        <f t="shared" si="610"/>
        <v>0.91257933124270119</v>
      </c>
      <c r="L5458">
        <f t="shared" si="611"/>
        <v>4.380380789964966</v>
      </c>
      <c r="M5458">
        <f t="shared" si="612"/>
        <v>0</v>
      </c>
      <c r="N5458" s="46">
        <f t="shared" si="613"/>
        <v>45517.999999986845</v>
      </c>
    </row>
    <row r="5459" spans="2:14" x14ac:dyDescent="0.3">
      <c r="B5459">
        <f t="shared" si="607"/>
        <v>3</v>
      </c>
      <c r="C5459" s="16">
        <v>5425</v>
      </c>
      <c r="D5459" cm="1">
        <f t="array" ref="D5459">IFERROR(INDEX(Jesper!AH$2:AH$366,ROUNDDOWN($C5459/24,0)+1,1)*INDEX($D$3:$AA$30,INDEX(Jesper!$R$2:$R$366,ROW(INDEX(Jesper!AH$2:AH$366,ROUNDDOWN($C5459/24,0)+1,1))-1)+IF('Standard Profiles'!$G$18=$B$10,7,0)+IF('Standard Profiles'!$G$18=$B$17,14,0)+IF('Standard Profiles'!$G$18=$B$24,21,0),MOD($C5459,24)+1)/SUM(INDEX($D$3:$AA$30,INDEX(Jesper!$R$2:$R$366,ROW(INDEX(Jesper!AH$2:AH$366,ROUNDDOWN($C5459/24,0)+1,1))-1)+IF('Standard Profiles'!$G$18=$B$10,7,0)+IF('Standard Profiles'!$G$18=$B$17,14,0)+IF('Standard Profiles'!$G$18=$B$24,21,0),0)),0)</f>
        <v>6.8443449843202586</v>
      </c>
      <c r="E5459" cm="1">
        <f t="array" ref="E5459">IFERROR(INDEX(Jesper!AI$2:AI$366,ROUNDDOWN($C5459/24,0)+1,1)*INDEX($D$3:$AA$30,INDEX(Jesper!$R$2:$R$366,ROW(INDEX(Jesper!AI$2:AI$366,ROUNDDOWN($C5459/24,0)+1,1))-1)+IF('Standard Profiles'!$G$19=$B$10,7,0)+IF('Standard Profiles'!$G$19=$B$17,14,0)+IF('Standard Profiles'!$G$19=$B$24,21,0),MOD($C5459,24)+1)/SUM(INDEX($D$3:$AA$30,INDEX(Jesper!$R$2:$R$366,ROW(INDEX(Jesper!AI$2:AI$366,ROUNDDOWN($C5459/24,0)+1,1))-1)+IF('Standard Profiles'!$G$19=$B$10,7,0)+IF('Standard Profiles'!$G$19=$B$17,14,0)+IF('Standard Profiles'!$G$19=$B$24,21,0),0)),0)</f>
        <v>0</v>
      </c>
      <c r="F5459" cm="1">
        <f t="array" ref="F5459">IFERROR(INDEX(Jesper!AJ$2:AJ$366,ROUNDDOWN($C5459/24,0)+1,1)*INDEX($D$3:$AA$30,INDEX(Jesper!$R$2:$R$366,ROW(INDEX(Jesper!AJ$2:AJ$366,ROUNDDOWN($C5459/24,0)+1,1))-1)+IF('Standard Profiles'!$G$20=$B$10,7,0)+IF('Standard Profiles'!$G$20=$B$17,14,0)+IF('Standard Profiles'!$G$20=$B$24,21,0),MOD($C5459,24)+1)/SUM(INDEX($D$3:$AA$30,INDEX(Jesper!$R$2:$R$366,ROW(INDEX(Jesper!AJ$2:AJ$366,ROUNDDOWN($C5459/24,0)+1,1))-1)+IF('Standard Profiles'!$G$20=$B$10,7,0)+IF('Standard Profiles'!$G$20=$B$17,14,0)+IF('Standard Profiles'!$G$20=$B$24,21,0),0)),0)</f>
        <v>0</v>
      </c>
      <c r="G5459" cm="1">
        <f t="array" ref="G5459">IFERROR(INDEX(Jesper!AK$2:AK$366,ROUNDDOWN($C5459/24,0)+1,1)*INDEX($D$3:$AA$30,INDEX(Jesper!$R$2:$R$366,ROW(INDEX(Jesper!AK$2:AK$366,ROUNDDOWN($C5459/24,0)+1,1))-1)+IF('Standard Profiles'!$G$21=$B$10,7,0)+IF('Standard Profiles'!$G$21=$B$17,14,0)+IF('Standard Profiles'!$G$21=$B$24,21,0),MOD($C5459,24)+1)/SUM(INDEX($D$3:$AA$30,INDEX(Jesper!$R$2:$R$366,ROW(INDEX(Jesper!AK$2:AK$366,ROUNDDOWN($C5459/24,0)+1,1))-1)+IF('Standard Profiles'!$G$21=$B$10,7,0)+IF('Standard Profiles'!$G$21=$B$17,14,0)+IF('Standard Profiles'!$G$21=$B$24,21,0),0)),0)</f>
        <v>0</v>
      </c>
      <c r="H5459" cm="1">
        <f t="array" ref="H5459">IFERROR(INDEX(Jesper!AL$2:AL$366,ROUNDDOWN($C5459/24,0)+1,1)*INDEX($D$3:$AA$30,INDEX(Jesper!$R$2:$R$366,ROW(INDEX(Jesper!AL$2:AL$366,ROUNDDOWN($C5459/24,0)+1,1))-1)+IF('Standard Profiles'!$G$22=$B$10,7,0)+IF('Standard Profiles'!$G$22=$B$17,14,0)+IF('Standard Profiles'!$G$22=$B$24,21,0),MOD($C5459,24)+1)/SUM(INDEX($D$3:$AA$30,INDEX(Jesper!$R$2:$R$366,ROW(INDEX(Jesper!AL$2:AL$366,ROUNDDOWN($C5459/24,0)+1,1))-1)+IF('Standard Profiles'!$G$22=$B$10,7,0)+IF('Standard Profiles'!$G$22=$B$17,14,0)+IF('Standard Profiles'!$G$22=$B$24,21,0),0)),0)</f>
        <v>0</v>
      </c>
      <c r="I5459">
        <f t="shared" si="608"/>
        <v>0.20533034952960774</v>
      </c>
      <c r="J5459">
        <f t="shared" si="609"/>
        <v>0.68443449843202586</v>
      </c>
      <c r="K5459">
        <f t="shared" si="610"/>
        <v>1.0266517476480388</v>
      </c>
      <c r="L5459">
        <f t="shared" si="611"/>
        <v>4.927928388710586</v>
      </c>
      <c r="M5459">
        <f t="shared" si="612"/>
        <v>0</v>
      </c>
      <c r="N5459" s="46">
        <f t="shared" si="613"/>
        <v>45518.041666653509</v>
      </c>
    </row>
    <row r="5460" spans="2:14" x14ac:dyDescent="0.3">
      <c r="B5460">
        <f t="shared" si="607"/>
        <v>3</v>
      </c>
      <c r="C5460" s="16">
        <v>5426</v>
      </c>
      <c r="D5460" cm="1">
        <f t="array" ref="D5460">IFERROR(INDEX(Jesper!AH$2:AH$366,ROUNDDOWN($C5460/24,0)+1,1)*INDEX($D$3:$AA$30,INDEX(Jesper!$R$2:$R$366,ROW(INDEX(Jesper!AH$2:AH$366,ROUNDDOWN($C5460/24,0)+1,1))-1)+IF('Standard Profiles'!$G$18=$B$10,7,0)+IF('Standard Profiles'!$G$18=$B$17,14,0)+IF('Standard Profiles'!$G$18=$B$24,21,0),MOD($C5460,24)+1)/SUM(INDEX($D$3:$AA$30,INDEX(Jesper!$R$2:$R$366,ROW(INDEX(Jesper!AH$2:AH$366,ROUNDDOWN($C5460/24,0)+1,1))-1)+IF('Standard Profiles'!$G$18=$B$10,7,0)+IF('Standard Profiles'!$G$18=$B$17,14,0)+IF('Standard Profiles'!$G$18=$B$24,21,0),0)),0)</f>
        <v>6.8443449843202586</v>
      </c>
      <c r="E5460" cm="1">
        <f t="array" ref="E5460">IFERROR(INDEX(Jesper!AI$2:AI$366,ROUNDDOWN($C5460/24,0)+1,1)*INDEX($D$3:$AA$30,INDEX(Jesper!$R$2:$R$366,ROW(INDEX(Jesper!AI$2:AI$366,ROUNDDOWN($C5460/24,0)+1,1))-1)+IF('Standard Profiles'!$G$19=$B$10,7,0)+IF('Standard Profiles'!$G$19=$B$17,14,0)+IF('Standard Profiles'!$G$19=$B$24,21,0),MOD($C5460,24)+1)/SUM(INDEX($D$3:$AA$30,INDEX(Jesper!$R$2:$R$366,ROW(INDEX(Jesper!AI$2:AI$366,ROUNDDOWN($C5460/24,0)+1,1))-1)+IF('Standard Profiles'!$G$19=$B$10,7,0)+IF('Standard Profiles'!$G$19=$B$17,14,0)+IF('Standard Profiles'!$G$19=$B$24,21,0),0)),0)</f>
        <v>0</v>
      </c>
      <c r="F5460" cm="1">
        <f t="array" ref="F5460">IFERROR(INDEX(Jesper!AJ$2:AJ$366,ROUNDDOWN($C5460/24,0)+1,1)*INDEX($D$3:$AA$30,INDEX(Jesper!$R$2:$R$366,ROW(INDEX(Jesper!AJ$2:AJ$366,ROUNDDOWN($C5460/24,0)+1,1))-1)+IF('Standard Profiles'!$G$20=$B$10,7,0)+IF('Standard Profiles'!$G$20=$B$17,14,0)+IF('Standard Profiles'!$G$20=$B$24,21,0),MOD($C5460,24)+1)/SUM(INDEX($D$3:$AA$30,INDEX(Jesper!$R$2:$R$366,ROW(INDEX(Jesper!AJ$2:AJ$366,ROUNDDOWN($C5460/24,0)+1,1))-1)+IF('Standard Profiles'!$G$20=$B$10,7,0)+IF('Standard Profiles'!$G$20=$B$17,14,0)+IF('Standard Profiles'!$G$20=$B$24,21,0),0)),0)</f>
        <v>0</v>
      </c>
      <c r="G5460" cm="1">
        <f t="array" ref="G5460">IFERROR(INDEX(Jesper!AK$2:AK$366,ROUNDDOWN($C5460/24,0)+1,1)*INDEX($D$3:$AA$30,INDEX(Jesper!$R$2:$R$366,ROW(INDEX(Jesper!AK$2:AK$366,ROUNDDOWN($C5460/24,0)+1,1))-1)+IF('Standard Profiles'!$G$21=$B$10,7,0)+IF('Standard Profiles'!$G$21=$B$17,14,0)+IF('Standard Profiles'!$G$21=$B$24,21,0),MOD($C5460,24)+1)/SUM(INDEX($D$3:$AA$30,INDEX(Jesper!$R$2:$R$366,ROW(INDEX(Jesper!AK$2:AK$366,ROUNDDOWN($C5460/24,0)+1,1))-1)+IF('Standard Profiles'!$G$21=$B$10,7,0)+IF('Standard Profiles'!$G$21=$B$17,14,0)+IF('Standard Profiles'!$G$21=$B$24,21,0),0)),0)</f>
        <v>0</v>
      </c>
      <c r="H5460" cm="1">
        <f t="array" ref="H5460">IFERROR(INDEX(Jesper!AL$2:AL$366,ROUNDDOWN($C5460/24,0)+1,1)*INDEX($D$3:$AA$30,INDEX(Jesper!$R$2:$R$366,ROW(INDEX(Jesper!AL$2:AL$366,ROUNDDOWN($C5460/24,0)+1,1))-1)+IF('Standard Profiles'!$G$22=$B$10,7,0)+IF('Standard Profiles'!$G$22=$B$17,14,0)+IF('Standard Profiles'!$G$22=$B$24,21,0),MOD($C5460,24)+1)/SUM(INDEX($D$3:$AA$30,INDEX(Jesper!$R$2:$R$366,ROW(INDEX(Jesper!AL$2:AL$366,ROUNDDOWN($C5460/24,0)+1,1))-1)+IF('Standard Profiles'!$G$22=$B$10,7,0)+IF('Standard Profiles'!$G$22=$B$17,14,0)+IF('Standard Profiles'!$G$22=$B$24,21,0),0)),0)</f>
        <v>0</v>
      </c>
      <c r="I5460">
        <f t="shared" si="608"/>
        <v>0.20533034952960774</v>
      </c>
      <c r="J5460">
        <f t="shared" si="609"/>
        <v>0.68443449843202586</v>
      </c>
      <c r="K5460">
        <f t="shared" si="610"/>
        <v>1.0266517476480388</v>
      </c>
      <c r="L5460">
        <f t="shared" si="611"/>
        <v>4.927928388710586</v>
      </c>
      <c r="M5460">
        <f t="shared" si="612"/>
        <v>0</v>
      </c>
      <c r="N5460" s="46">
        <f t="shared" si="613"/>
        <v>45518.083333320174</v>
      </c>
    </row>
    <row r="5461" spans="2:14" x14ac:dyDescent="0.3">
      <c r="B5461">
        <f t="shared" si="607"/>
        <v>3</v>
      </c>
      <c r="C5461" s="16">
        <v>5427</v>
      </c>
      <c r="D5461" cm="1">
        <f t="array" ref="D5461">IFERROR(INDEX(Jesper!AH$2:AH$366,ROUNDDOWN($C5461/24,0)+1,1)*INDEX($D$3:$AA$30,INDEX(Jesper!$R$2:$R$366,ROW(INDEX(Jesper!AH$2:AH$366,ROUNDDOWN($C5461/24,0)+1,1))-1)+IF('Standard Profiles'!$G$18=$B$10,7,0)+IF('Standard Profiles'!$G$18=$B$17,14,0)+IF('Standard Profiles'!$G$18=$B$24,21,0),MOD($C5461,24)+1)/SUM(INDEX($D$3:$AA$30,INDEX(Jesper!$R$2:$R$366,ROW(INDEX(Jesper!AH$2:AH$366,ROUNDDOWN($C5461/24,0)+1,1))-1)+IF('Standard Profiles'!$G$18=$B$10,7,0)+IF('Standard Profiles'!$G$18=$B$17,14,0)+IF('Standard Profiles'!$G$18=$B$24,21,0),0)),0)</f>
        <v>6.8443449843202586</v>
      </c>
      <c r="E5461" cm="1">
        <f t="array" ref="E5461">IFERROR(INDEX(Jesper!AI$2:AI$366,ROUNDDOWN($C5461/24,0)+1,1)*INDEX($D$3:$AA$30,INDEX(Jesper!$R$2:$R$366,ROW(INDEX(Jesper!AI$2:AI$366,ROUNDDOWN($C5461/24,0)+1,1))-1)+IF('Standard Profiles'!$G$19=$B$10,7,0)+IF('Standard Profiles'!$G$19=$B$17,14,0)+IF('Standard Profiles'!$G$19=$B$24,21,0),MOD($C5461,24)+1)/SUM(INDEX($D$3:$AA$30,INDEX(Jesper!$R$2:$R$366,ROW(INDEX(Jesper!AI$2:AI$366,ROUNDDOWN($C5461/24,0)+1,1))-1)+IF('Standard Profiles'!$G$19=$B$10,7,0)+IF('Standard Profiles'!$G$19=$B$17,14,0)+IF('Standard Profiles'!$G$19=$B$24,21,0),0)),0)</f>
        <v>0</v>
      </c>
      <c r="F5461" cm="1">
        <f t="array" ref="F5461">IFERROR(INDEX(Jesper!AJ$2:AJ$366,ROUNDDOWN($C5461/24,0)+1,1)*INDEX($D$3:$AA$30,INDEX(Jesper!$R$2:$R$366,ROW(INDEX(Jesper!AJ$2:AJ$366,ROUNDDOWN($C5461/24,0)+1,1))-1)+IF('Standard Profiles'!$G$20=$B$10,7,0)+IF('Standard Profiles'!$G$20=$B$17,14,0)+IF('Standard Profiles'!$G$20=$B$24,21,0),MOD($C5461,24)+1)/SUM(INDEX($D$3:$AA$30,INDEX(Jesper!$R$2:$R$366,ROW(INDEX(Jesper!AJ$2:AJ$366,ROUNDDOWN($C5461/24,0)+1,1))-1)+IF('Standard Profiles'!$G$20=$B$10,7,0)+IF('Standard Profiles'!$G$20=$B$17,14,0)+IF('Standard Profiles'!$G$20=$B$24,21,0),0)),0)</f>
        <v>0</v>
      </c>
      <c r="G5461" cm="1">
        <f t="array" ref="G5461">IFERROR(INDEX(Jesper!AK$2:AK$366,ROUNDDOWN($C5461/24,0)+1,1)*INDEX($D$3:$AA$30,INDEX(Jesper!$R$2:$R$366,ROW(INDEX(Jesper!AK$2:AK$366,ROUNDDOWN($C5461/24,0)+1,1))-1)+IF('Standard Profiles'!$G$21=$B$10,7,0)+IF('Standard Profiles'!$G$21=$B$17,14,0)+IF('Standard Profiles'!$G$21=$B$24,21,0),MOD($C5461,24)+1)/SUM(INDEX($D$3:$AA$30,INDEX(Jesper!$R$2:$R$366,ROW(INDEX(Jesper!AK$2:AK$366,ROUNDDOWN($C5461/24,0)+1,1))-1)+IF('Standard Profiles'!$G$21=$B$10,7,0)+IF('Standard Profiles'!$G$21=$B$17,14,0)+IF('Standard Profiles'!$G$21=$B$24,21,0),0)),0)</f>
        <v>0</v>
      </c>
      <c r="H5461" cm="1">
        <f t="array" ref="H5461">IFERROR(INDEX(Jesper!AL$2:AL$366,ROUNDDOWN($C5461/24,0)+1,1)*INDEX($D$3:$AA$30,INDEX(Jesper!$R$2:$R$366,ROW(INDEX(Jesper!AL$2:AL$366,ROUNDDOWN($C5461/24,0)+1,1))-1)+IF('Standard Profiles'!$G$22=$B$10,7,0)+IF('Standard Profiles'!$G$22=$B$17,14,0)+IF('Standard Profiles'!$G$22=$B$24,21,0),MOD($C5461,24)+1)/SUM(INDEX($D$3:$AA$30,INDEX(Jesper!$R$2:$R$366,ROW(INDEX(Jesper!AL$2:AL$366,ROUNDDOWN($C5461/24,0)+1,1))-1)+IF('Standard Profiles'!$G$22=$B$10,7,0)+IF('Standard Profiles'!$G$22=$B$17,14,0)+IF('Standard Profiles'!$G$22=$B$24,21,0),0)),0)</f>
        <v>0</v>
      </c>
      <c r="I5461">
        <f t="shared" si="608"/>
        <v>0.20533034952960774</v>
      </c>
      <c r="J5461">
        <f t="shared" si="609"/>
        <v>0.68443449843202586</v>
      </c>
      <c r="K5461">
        <f t="shared" si="610"/>
        <v>1.0266517476480388</v>
      </c>
      <c r="L5461">
        <f t="shared" si="611"/>
        <v>4.927928388710586</v>
      </c>
      <c r="M5461">
        <f t="shared" si="612"/>
        <v>0</v>
      </c>
      <c r="N5461" s="46">
        <f t="shared" si="613"/>
        <v>45518.124999986838</v>
      </c>
    </row>
    <row r="5462" spans="2:14" x14ac:dyDescent="0.3">
      <c r="B5462">
        <f t="shared" si="607"/>
        <v>3</v>
      </c>
      <c r="C5462" s="16">
        <v>5428</v>
      </c>
      <c r="D5462" cm="1">
        <f t="array" ref="D5462">IFERROR(INDEX(Jesper!AH$2:AH$366,ROUNDDOWN($C5462/24,0)+1,1)*INDEX($D$3:$AA$30,INDEX(Jesper!$R$2:$R$366,ROW(INDEX(Jesper!AH$2:AH$366,ROUNDDOWN($C5462/24,0)+1,1))-1)+IF('Standard Profiles'!$G$18=$B$10,7,0)+IF('Standard Profiles'!$G$18=$B$17,14,0)+IF('Standard Profiles'!$G$18=$B$24,21,0),MOD($C5462,24)+1)/SUM(INDEX($D$3:$AA$30,INDEX(Jesper!$R$2:$R$366,ROW(INDEX(Jesper!AH$2:AH$366,ROUNDDOWN($C5462/24,0)+1,1))-1)+IF('Standard Profiles'!$G$18=$B$10,7,0)+IF('Standard Profiles'!$G$18=$B$17,14,0)+IF('Standard Profiles'!$G$18=$B$24,21,0),0)),0)</f>
        <v>6.8443449843202586</v>
      </c>
      <c r="E5462" cm="1">
        <f t="array" ref="E5462">IFERROR(INDEX(Jesper!AI$2:AI$366,ROUNDDOWN($C5462/24,0)+1,1)*INDEX($D$3:$AA$30,INDEX(Jesper!$R$2:$R$366,ROW(INDEX(Jesper!AI$2:AI$366,ROUNDDOWN($C5462/24,0)+1,1))-1)+IF('Standard Profiles'!$G$19=$B$10,7,0)+IF('Standard Profiles'!$G$19=$B$17,14,0)+IF('Standard Profiles'!$G$19=$B$24,21,0),MOD($C5462,24)+1)/SUM(INDEX($D$3:$AA$30,INDEX(Jesper!$R$2:$R$366,ROW(INDEX(Jesper!AI$2:AI$366,ROUNDDOWN($C5462/24,0)+1,1))-1)+IF('Standard Profiles'!$G$19=$B$10,7,0)+IF('Standard Profiles'!$G$19=$B$17,14,0)+IF('Standard Profiles'!$G$19=$B$24,21,0),0)),0)</f>
        <v>0</v>
      </c>
      <c r="F5462" cm="1">
        <f t="array" ref="F5462">IFERROR(INDEX(Jesper!AJ$2:AJ$366,ROUNDDOWN($C5462/24,0)+1,1)*INDEX($D$3:$AA$30,INDEX(Jesper!$R$2:$R$366,ROW(INDEX(Jesper!AJ$2:AJ$366,ROUNDDOWN($C5462/24,0)+1,1))-1)+IF('Standard Profiles'!$G$20=$B$10,7,0)+IF('Standard Profiles'!$G$20=$B$17,14,0)+IF('Standard Profiles'!$G$20=$B$24,21,0),MOD($C5462,24)+1)/SUM(INDEX($D$3:$AA$30,INDEX(Jesper!$R$2:$R$366,ROW(INDEX(Jesper!AJ$2:AJ$366,ROUNDDOWN($C5462/24,0)+1,1))-1)+IF('Standard Profiles'!$G$20=$B$10,7,0)+IF('Standard Profiles'!$G$20=$B$17,14,0)+IF('Standard Profiles'!$G$20=$B$24,21,0),0)),0)</f>
        <v>0</v>
      </c>
      <c r="G5462" cm="1">
        <f t="array" ref="G5462">IFERROR(INDEX(Jesper!AK$2:AK$366,ROUNDDOWN($C5462/24,0)+1,1)*INDEX($D$3:$AA$30,INDEX(Jesper!$R$2:$R$366,ROW(INDEX(Jesper!AK$2:AK$366,ROUNDDOWN($C5462/24,0)+1,1))-1)+IF('Standard Profiles'!$G$21=$B$10,7,0)+IF('Standard Profiles'!$G$21=$B$17,14,0)+IF('Standard Profiles'!$G$21=$B$24,21,0),MOD($C5462,24)+1)/SUM(INDEX($D$3:$AA$30,INDEX(Jesper!$R$2:$R$366,ROW(INDEX(Jesper!AK$2:AK$366,ROUNDDOWN($C5462/24,0)+1,1))-1)+IF('Standard Profiles'!$G$21=$B$10,7,0)+IF('Standard Profiles'!$G$21=$B$17,14,0)+IF('Standard Profiles'!$G$21=$B$24,21,0),0)),0)</f>
        <v>0</v>
      </c>
      <c r="H5462" cm="1">
        <f t="array" ref="H5462">IFERROR(INDEX(Jesper!AL$2:AL$366,ROUNDDOWN($C5462/24,0)+1,1)*INDEX($D$3:$AA$30,INDEX(Jesper!$R$2:$R$366,ROW(INDEX(Jesper!AL$2:AL$366,ROUNDDOWN($C5462/24,0)+1,1))-1)+IF('Standard Profiles'!$G$22=$B$10,7,0)+IF('Standard Profiles'!$G$22=$B$17,14,0)+IF('Standard Profiles'!$G$22=$B$24,21,0),MOD($C5462,24)+1)/SUM(INDEX($D$3:$AA$30,INDEX(Jesper!$R$2:$R$366,ROW(INDEX(Jesper!AL$2:AL$366,ROUNDDOWN($C5462/24,0)+1,1))-1)+IF('Standard Profiles'!$G$22=$B$10,7,0)+IF('Standard Profiles'!$G$22=$B$17,14,0)+IF('Standard Profiles'!$G$22=$B$24,21,0),0)),0)</f>
        <v>0</v>
      </c>
      <c r="I5462">
        <f t="shared" si="608"/>
        <v>0.20533034952960774</v>
      </c>
      <c r="J5462">
        <f t="shared" si="609"/>
        <v>0.68443449843202586</v>
      </c>
      <c r="K5462">
        <f t="shared" si="610"/>
        <v>1.0266517476480388</v>
      </c>
      <c r="L5462">
        <f t="shared" si="611"/>
        <v>4.927928388710586</v>
      </c>
      <c r="M5462">
        <f t="shared" si="612"/>
        <v>0</v>
      </c>
      <c r="N5462" s="46">
        <f t="shared" si="613"/>
        <v>45518.166666653502</v>
      </c>
    </row>
    <row r="5463" spans="2:14" x14ac:dyDescent="0.3">
      <c r="B5463">
        <f t="shared" si="607"/>
        <v>3</v>
      </c>
      <c r="C5463" s="16">
        <v>5429</v>
      </c>
      <c r="D5463" cm="1">
        <f t="array" ref="D5463">IFERROR(INDEX(Jesper!AH$2:AH$366,ROUNDDOWN($C5463/24,0)+1,1)*INDEX($D$3:$AA$30,INDEX(Jesper!$R$2:$R$366,ROW(INDEX(Jesper!AH$2:AH$366,ROUNDDOWN($C5463/24,0)+1,1))-1)+IF('Standard Profiles'!$G$18=$B$10,7,0)+IF('Standard Profiles'!$G$18=$B$17,14,0)+IF('Standard Profiles'!$G$18=$B$24,21,0),MOD($C5463,24)+1)/SUM(INDEX($D$3:$AA$30,INDEX(Jesper!$R$2:$R$366,ROW(INDEX(Jesper!AH$2:AH$366,ROUNDDOWN($C5463/24,0)+1,1))-1)+IF('Standard Profiles'!$G$18=$B$10,7,0)+IF('Standard Profiles'!$G$18=$B$17,14,0)+IF('Standard Profiles'!$G$18=$B$24,21,0),0)),0)</f>
        <v>8.8216002020127764</v>
      </c>
      <c r="E5463" cm="1">
        <f t="array" ref="E5463">IFERROR(INDEX(Jesper!AI$2:AI$366,ROUNDDOWN($C5463/24,0)+1,1)*INDEX($D$3:$AA$30,INDEX(Jesper!$R$2:$R$366,ROW(INDEX(Jesper!AI$2:AI$366,ROUNDDOWN($C5463/24,0)+1,1))-1)+IF('Standard Profiles'!$G$19=$B$10,7,0)+IF('Standard Profiles'!$G$19=$B$17,14,0)+IF('Standard Profiles'!$G$19=$B$24,21,0),MOD($C5463,24)+1)/SUM(INDEX($D$3:$AA$30,INDEX(Jesper!$R$2:$R$366,ROW(INDEX(Jesper!AI$2:AI$366,ROUNDDOWN($C5463/24,0)+1,1))-1)+IF('Standard Profiles'!$G$19=$B$10,7,0)+IF('Standard Profiles'!$G$19=$B$17,14,0)+IF('Standard Profiles'!$G$19=$B$24,21,0),0)),0)</f>
        <v>0</v>
      </c>
      <c r="F5463" cm="1">
        <f t="array" ref="F5463">IFERROR(INDEX(Jesper!AJ$2:AJ$366,ROUNDDOWN($C5463/24,0)+1,1)*INDEX($D$3:$AA$30,INDEX(Jesper!$R$2:$R$366,ROW(INDEX(Jesper!AJ$2:AJ$366,ROUNDDOWN($C5463/24,0)+1,1))-1)+IF('Standard Profiles'!$G$20=$B$10,7,0)+IF('Standard Profiles'!$G$20=$B$17,14,0)+IF('Standard Profiles'!$G$20=$B$24,21,0),MOD($C5463,24)+1)/SUM(INDEX($D$3:$AA$30,INDEX(Jesper!$R$2:$R$366,ROW(INDEX(Jesper!AJ$2:AJ$366,ROUNDDOWN($C5463/24,0)+1,1))-1)+IF('Standard Profiles'!$G$20=$B$10,7,0)+IF('Standard Profiles'!$G$20=$B$17,14,0)+IF('Standard Profiles'!$G$20=$B$24,21,0),0)),0)</f>
        <v>0</v>
      </c>
      <c r="G5463" cm="1">
        <f t="array" ref="G5463">IFERROR(INDEX(Jesper!AK$2:AK$366,ROUNDDOWN($C5463/24,0)+1,1)*INDEX($D$3:$AA$30,INDEX(Jesper!$R$2:$R$366,ROW(INDEX(Jesper!AK$2:AK$366,ROUNDDOWN($C5463/24,0)+1,1))-1)+IF('Standard Profiles'!$G$21=$B$10,7,0)+IF('Standard Profiles'!$G$21=$B$17,14,0)+IF('Standard Profiles'!$G$21=$B$24,21,0),MOD($C5463,24)+1)/SUM(INDEX($D$3:$AA$30,INDEX(Jesper!$R$2:$R$366,ROW(INDEX(Jesper!AK$2:AK$366,ROUNDDOWN($C5463/24,0)+1,1))-1)+IF('Standard Profiles'!$G$21=$B$10,7,0)+IF('Standard Profiles'!$G$21=$B$17,14,0)+IF('Standard Profiles'!$G$21=$B$24,21,0),0)),0)</f>
        <v>0</v>
      </c>
      <c r="H5463" cm="1">
        <f t="array" ref="H5463">IFERROR(INDEX(Jesper!AL$2:AL$366,ROUNDDOWN($C5463/24,0)+1,1)*INDEX($D$3:$AA$30,INDEX(Jesper!$R$2:$R$366,ROW(INDEX(Jesper!AL$2:AL$366,ROUNDDOWN($C5463/24,0)+1,1))-1)+IF('Standard Profiles'!$G$22=$B$10,7,0)+IF('Standard Profiles'!$G$22=$B$17,14,0)+IF('Standard Profiles'!$G$22=$B$24,21,0),MOD($C5463,24)+1)/SUM(INDEX($D$3:$AA$30,INDEX(Jesper!$R$2:$R$366,ROW(INDEX(Jesper!AL$2:AL$366,ROUNDDOWN($C5463/24,0)+1,1))-1)+IF('Standard Profiles'!$G$22=$B$10,7,0)+IF('Standard Profiles'!$G$22=$B$17,14,0)+IF('Standard Profiles'!$G$22=$B$24,21,0),0)),0)</f>
        <v>0</v>
      </c>
      <c r="I5463">
        <f t="shared" si="608"/>
        <v>0.2646480060603833</v>
      </c>
      <c r="J5463">
        <f t="shared" si="609"/>
        <v>0.88216002020127771</v>
      </c>
      <c r="K5463">
        <f t="shared" si="610"/>
        <v>1.3232400303019165</v>
      </c>
      <c r="L5463">
        <f t="shared" si="611"/>
        <v>6.3515521454491983</v>
      </c>
      <c r="M5463">
        <f t="shared" si="612"/>
        <v>0</v>
      </c>
      <c r="N5463" s="46">
        <f t="shared" si="613"/>
        <v>45518.208333320166</v>
      </c>
    </row>
    <row r="5464" spans="2:14" x14ac:dyDescent="0.3">
      <c r="B5464">
        <f t="shared" si="607"/>
        <v>3</v>
      </c>
      <c r="C5464" s="16">
        <v>5430</v>
      </c>
      <c r="D5464" cm="1">
        <f t="array" ref="D5464">IFERROR(INDEX(Jesper!AH$2:AH$366,ROUNDDOWN($C5464/24,0)+1,1)*INDEX($D$3:$AA$30,INDEX(Jesper!$R$2:$R$366,ROW(INDEX(Jesper!AH$2:AH$366,ROUNDDOWN($C5464/24,0)+1,1))-1)+IF('Standard Profiles'!$G$18=$B$10,7,0)+IF('Standard Profiles'!$G$18=$B$17,14,0)+IF('Standard Profiles'!$G$18=$B$24,21,0),MOD($C5464,24)+1)/SUM(INDEX($D$3:$AA$30,INDEX(Jesper!$R$2:$R$366,ROW(INDEX(Jesper!AH$2:AH$366,ROUNDDOWN($C5464/24,0)+1,1))-1)+IF('Standard Profiles'!$G$18=$B$10,7,0)+IF('Standard Profiles'!$G$18=$B$17,14,0)+IF('Standard Profiles'!$G$18=$B$24,21,0),0)),0)</f>
        <v>10.19046919887683</v>
      </c>
      <c r="E5464" cm="1">
        <f t="array" ref="E5464">IFERROR(INDEX(Jesper!AI$2:AI$366,ROUNDDOWN($C5464/24,0)+1,1)*INDEX($D$3:$AA$30,INDEX(Jesper!$R$2:$R$366,ROW(INDEX(Jesper!AI$2:AI$366,ROUNDDOWN($C5464/24,0)+1,1))-1)+IF('Standard Profiles'!$G$19=$B$10,7,0)+IF('Standard Profiles'!$G$19=$B$17,14,0)+IF('Standard Profiles'!$G$19=$B$24,21,0),MOD($C5464,24)+1)/SUM(INDEX($D$3:$AA$30,INDEX(Jesper!$R$2:$R$366,ROW(INDEX(Jesper!AI$2:AI$366,ROUNDDOWN($C5464/24,0)+1,1))-1)+IF('Standard Profiles'!$G$19=$B$10,7,0)+IF('Standard Profiles'!$G$19=$B$17,14,0)+IF('Standard Profiles'!$G$19=$B$24,21,0),0)),0)</f>
        <v>0</v>
      </c>
      <c r="F5464" cm="1">
        <f t="array" ref="F5464">IFERROR(INDEX(Jesper!AJ$2:AJ$366,ROUNDDOWN($C5464/24,0)+1,1)*INDEX($D$3:$AA$30,INDEX(Jesper!$R$2:$R$366,ROW(INDEX(Jesper!AJ$2:AJ$366,ROUNDDOWN($C5464/24,0)+1,1))-1)+IF('Standard Profiles'!$G$20=$B$10,7,0)+IF('Standard Profiles'!$G$20=$B$17,14,0)+IF('Standard Profiles'!$G$20=$B$24,21,0),MOD($C5464,24)+1)/SUM(INDEX($D$3:$AA$30,INDEX(Jesper!$R$2:$R$366,ROW(INDEX(Jesper!AJ$2:AJ$366,ROUNDDOWN($C5464/24,0)+1,1))-1)+IF('Standard Profiles'!$G$20=$B$10,7,0)+IF('Standard Profiles'!$G$20=$B$17,14,0)+IF('Standard Profiles'!$G$20=$B$24,21,0),0)),0)</f>
        <v>0</v>
      </c>
      <c r="G5464" cm="1">
        <f t="array" ref="G5464">IFERROR(INDEX(Jesper!AK$2:AK$366,ROUNDDOWN($C5464/24,0)+1,1)*INDEX($D$3:$AA$30,INDEX(Jesper!$R$2:$R$366,ROW(INDEX(Jesper!AK$2:AK$366,ROUNDDOWN($C5464/24,0)+1,1))-1)+IF('Standard Profiles'!$G$21=$B$10,7,0)+IF('Standard Profiles'!$G$21=$B$17,14,0)+IF('Standard Profiles'!$G$21=$B$24,21,0),MOD($C5464,24)+1)/SUM(INDEX($D$3:$AA$30,INDEX(Jesper!$R$2:$R$366,ROW(INDEX(Jesper!AK$2:AK$366,ROUNDDOWN($C5464/24,0)+1,1))-1)+IF('Standard Profiles'!$G$21=$B$10,7,0)+IF('Standard Profiles'!$G$21=$B$17,14,0)+IF('Standard Profiles'!$G$21=$B$24,21,0),0)),0)</f>
        <v>0</v>
      </c>
      <c r="H5464" cm="1">
        <f t="array" ref="H5464">IFERROR(INDEX(Jesper!AL$2:AL$366,ROUNDDOWN($C5464/24,0)+1,1)*INDEX($D$3:$AA$30,INDEX(Jesper!$R$2:$R$366,ROW(INDEX(Jesper!AL$2:AL$366,ROUNDDOWN($C5464/24,0)+1,1))-1)+IF('Standard Profiles'!$G$22=$B$10,7,0)+IF('Standard Profiles'!$G$22=$B$17,14,0)+IF('Standard Profiles'!$G$22=$B$24,21,0),MOD($C5464,24)+1)/SUM(INDEX($D$3:$AA$30,INDEX(Jesper!$R$2:$R$366,ROW(INDEX(Jesper!AL$2:AL$366,ROUNDDOWN($C5464/24,0)+1,1))-1)+IF('Standard Profiles'!$G$22=$B$10,7,0)+IF('Standard Profiles'!$G$22=$B$17,14,0)+IF('Standard Profiles'!$G$22=$B$24,21,0),0)),0)</f>
        <v>0</v>
      </c>
      <c r="I5464">
        <f t="shared" si="608"/>
        <v>0.3057140759663049</v>
      </c>
      <c r="J5464">
        <f t="shared" si="609"/>
        <v>1.019046919887683</v>
      </c>
      <c r="K5464">
        <f t="shared" si="610"/>
        <v>1.5285703798315244</v>
      </c>
      <c r="L5464">
        <f t="shared" si="611"/>
        <v>7.3371378231913171</v>
      </c>
      <c r="M5464">
        <f t="shared" si="612"/>
        <v>0</v>
      </c>
      <c r="N5464" s="46">
        <f t="shared" si="613"/>
        <v>45518.249999986831</v>
      </c>
    </row>
    <row r="5465" spans="2:14" x14ac:dyDescent="0.3">
      <c r="B5465">
        <f t="shared" si="607"/>
        <v>3</v>
      </c>
      <c r="C5465" s="16">
        <v>5431</v>
      </c>
      <c r="D5465" cm="1">
        <f t="array" ref="D5465">IFERROR(INDEX(Jesper!AH$2:AH$366,ROUNDDOWN($C5465/24,0)+1,1)*INDEX($D$3:$AA$30,INDEX(Jesper!$R$2:$R$366,ROW(INDEX(Jesper!AH$2:AH$366,ROUNDDOWN($C5465/24,0)+1,1))-1)+IF('Standard Profiles'!$G$18=$B$10,7,0)+IF('Standard Profiles'!$G$18=$B$17,14,0)+IF('Standard Profiles'!$G$18=$B$24,21,0),MOD($C5465,24)+1)/SUM(INDEX($D$3:$AA$30,INDEX(Jesper!$R$2:$R$366,ROW(INDEX(Jesper!AH$2:AH$366,ROUNDDOWN($C5465/24,0)+1,1))-1)+IF('Standard Profiles'!$G$18=$B$10,7,0)+IF('Standard Profiles'!$G$18=$B$17,14,0)+IF('Standard Profiles'!$G$18=$B$24,21,0),0)),0)</f>
        <v>10.19046919887683</v>
      </c>
      <c r="E5465" cm="1">
        <f t="array" ref="E5465">IFERROR(INDEX(Jesper!AI$2:AI$366,ROUNDDOWN($C5465/24,0)+1,1)*INDEX($D$3:$AA$30,INDEX(Jesper!$R$2:$R$366,ROW(INDEX(Jesper!AI$2:AI$366,ROUNDDOWN($C5465/24,0)+1,1))-1)+IF('Standard Profiles'!$G$19=$B$10,7,0)+IF('Standard Profiles'!$G$19=$B$17,14,0)+IF('Standard Profiles'!$G$19=$B$24,21,0),MOD($C5465,24)+1)/SUM(INDEX($D$3:$AA$30,INDEX(Jesper!$R$2:$R$366,ROW(INDEX(Jesper!AI$2:AI$366,ROUNDDOWN($C5465/24,0)+1,1))-1)+IF('Standard Profiles'!$G$19=$B$10,7,0)+IF('Standard Profiles'!$G$19=$B$17,14,0)+IF('Standard Profiles'!$G$19=$B$24,21,0),0)),0)</f>
        <v>0</v>
      </c>
      <c r="F5465" cm="1">
        <f t="array" ref="F5465">IFERROR(INDEX(Jesper!AJ$2:AJ$366,ROUNDDOWN($C5465/24,0)+1,1)*INDEX($D$3:$AA$30,INDEX(Jesper!$R$2:$R$366,ROW(INDEX(Jesper!AJ$2:AJ$366,ROUNDDOWN($C5465/24,0)+1,1))-1)+IF('Standard Profiles'!$G$20=$B$10,7,0)+IF('Standard Profiles'!$G$20=$B$17,14,0)+IF('Standard Profiles'!$G$20=$B$24,21,0),MOD($C5465,24)+1)/SUM(INDEX($D$3:$AA$30,INDEX(Jesper!$R$2:$R$366,ROW(INDEX(Jesper!AJ$2:AJ$366,ROUNDDOWN($C5465/24,0)+1,1))-1)+IF('Standard Profiles'!$G$20=$B$10,7,0)+IF('Standard Profiles'!$G$20=$B$17,14,0)+IF('Standard Profiles'!$G$20=$B$24,21,0),0)),0)</f>
        <v>0</v>
      </c>
      <c r="G5465" cm="1">
        <f t="array" ref="G5465">IFERROR(INDEX(Jesper!AK$2:AK$366,ROUNDDOWN($C5465/24,0)+1,1)*INDEX($D$3:$AA$30,INDEX(Jesper!$R$2:$R$366,ROW(INDEX(Jesper!AK$2:AK$366,ROUNDDOWN($C5465/24,0)+1,1))-1)+IF('Standard Profiles'!$G$21=$B$10,7,0)+IF('Standard Profiles'!$G$21=$B$17,14,0)+IF('Standard Profiles'!$G$21=$B$24,21,0),MOD($C5465,24)+1)/SUM(INDEX($D$3:$AA$30,INDEX(Jesper!$R$2:$R$366,ROW(INDEX(Jesper!AK$2:AK$366,ROUNDDOWN($C5465/24,0)+1,1))-1)+IF('Standard Profiles'!$G$21=$B$10,7,0)+IF('Standard Profiles'!$G$21=$B$17,14,0)+IF('Standard Profiles'!$G$21=$B$24,21,0),0)),0)</f>
        <v>0</v>
      </c>
      <c r="H5465" cm="1">
        <f t="array" ref="H5465">IFERROR(INDEX(Jesper!AL$2:AL$366,ROUNDDOWN($C5465/24,0)+1,1)*INDEX($D$3:$AA$30,INDEX(Jesper!$R$2:$R$366,ROW(INDEX(Jesper!AL$2:AL$366,ROUNDDOWN($C5465/24,0)+1,1))-1)+IF('Standard Profiles'!$G$22=$B$10,7,0)+IF('Standard Profiles'!$G$22=$B$17,14,0)+IF('Standard Profiles'!$G$22=$B$24,21,0),MOD($C5465,24)+1)/SUM(INDEX($D$3:$AA$30,INDEX(Jesper!$R$2:$R$366,ROW(INDEX(Jesper!AL$2:AL$366,ROUNDDOWN($C5465/24,0)+1,1))-1)+IF('Standard Profiles'!$G$22=$B$10,7,0)+IF('Standard Profiles'!$G$22=$B$17,14,0)+IF('Standard Profiles'!$G$22=$B$24,21,0),0)),0)</f>
        <v>0</v>
      </c>
      <c r="I5465">
        <f t="shared" si="608"/>
        <v>0.3057140759663049</v>
      </c>
      <c r="J5465">
        <f t="shared" si="609"/>
        <v>1.019046919887683</v>
      </c>
      <c r="K5465">
        <f t="shared" si="610"/>
        <v>1.5285703798315244</v>
      </c>
      <c r="L5465">
        <f t="shared" si="611"/>
        <v>7.3371378231913171</v>
      </c>
      <c r="M5465">
        <f t="shared" si="612"/>
        <v>0</v>
      </c>
      <c r="N5465" s="46">
        <f t="shared" si="613"/>
        <v>45518.291666653495</v>
      </c>
    </row>
    <row r="5466" spans="2:14" x14ac:dyDescent="0.3">
      <c r="B5466">
        <f t="shared" si="607"/>
        <v>3</v>
      </c>
      <c r="C5466" s="16">
        <v>5432</v>
      </c>
      <c r="D5466" cm="1">
        <f t="array" ref="D5466">IFERROR(INDEX(Jesper!AH$2:AH$366,ROUNDDOWN($C5466/24,0)+1,1)*INDEX($D$3:$AA$30,INDEX(Jesper!$R$2:$R$366,ROW(INDEX(Jesper!AH$2:AH$366,ROUNDDOWN($C5466/24,0)+1,1))-1)+IF('Standard Profiles'!$G$18=$B$10,7,0)+IF('Standard Profiles'!$G$18=$B$17,14,0)+IF('Standard Profiles'!$G$18=$B$24,21,0),MOD($C5466,24)+1)/SUM(INDEX($D$3:$AA$30,INDEX(Jesper!$R$2:$R$366,ROW(INDEX(Jesper!AH$2:AH$366,ROUNDDOWN($C5466/24,0)+1,1))-1)+IF('Standard Profiles'!$G$18=$B$10,7,0)+IF('Standard Profiles'!$G$18=$B$17,14,0)+IF('Standard Profiles'!$G$18=$B$24,21,0),0)),0)</f>
        <v>10.19046919887683</v>
      </c>
      <c r="E5466" cm="1">
        <f t="array" ref="E5466">IFERROR(INDEX(Jesper!AI$2:AI$366,ROUNDDOWN($C5466/24,0)+1,1)*INDEX($D$3:$AA$30,INDEX(Jesper!$R$2:$R$366,ROW(INDEX(Jesper!AI$2:AI$366,ROUNDDOWN($C5466/24,0)+1,1))-1)+IF('Standard Profiles'!$G$19=$B$10,7,0)+IF('Standard Profiles'!$G$19=$B$17,14,0)+IF('Standard Profiles'!$G$19=$B$24,21,0),MOD($C5466,24)+1)/SUM(INDEX($D$3:$AA$30,INDEX(Jesper!$R$2:$R$366,ROW(INDEX(Jesper!AI$2:AI$366,ROUNDDOWN($C5466/24,0)+1,1))-1)+IF('Standard Profiles'!$G$19=$B$10,7,0)+IF('Standard Profiles'!$G$19=$B$17,14,0)+IF('Standard Profiles'!$G$19=$B$24,21,0),0)),0)</f>
        <v>0</v>
      </c>
      <c r="F5466" cm="1">
        <f t="array" ref="F5466">IFERROR(INDEX(Jesper!AJ$2:AJ$366,ROUNDDOWN($C5466/24,0)+1,1)*INDEX($D$3:$AA$30,INDEX(Jesper!$R$2:$R$366,ROW(INDEX(Jesper!AJ$2:AJ$366,ROUNDDOWN($C5466/24,0)+1,1))-1)+IF('Standard Profiles'!$G$20=$B$10,7,0)+IF('Standard Profiles'!$G$20=$B$17,14,0)+IF('Standard Profiles'!$G$20=$B$24,21,0),MOD($C5466,24)+1)/SUM(INDEX($D$3:$AA$30,INDEX(Jesper!$R$2:$R$366,ROW(INDEX(Jesper!AJ$2:AJ$366,ROUNDDOWN($C5466/24,0)+1,1))-1)+IF('Standard Profiles'!$G$20=$B$10,7,0)+IF('Standard Profiles'!$G$20=$B$17,14,0)+IF('Standard Profiles'!$G$20=$B$24,21,0),0)),0)</f>
        <v>0</v>
      </c>
      <c r="G5466" cm="1">
        <f t="array" ref="G5466">IFERROR(INDEX(Jesper!AK$2:AK$366,ROUNDDOWN($C5466/24,0)+1,1)*INDEX($D$3:$AA$30,INDEX(Jesper!$R$2:$R$366,ROW(INDEX(Jesper!AK$2:AK$366,ROUNDDOWN($C5466/24,0)+1,1))-1)+IF('Standard Profiles'!$G$21=$B$10,7,0)+IF('Standard Profiles'!$G$21=$B$17,14,0)+IF('Standard Profiles'!$G$21=$B$24,21,0),MOD($C5466,24)+1)/SUM(INDEX($D$3:$AA$30,INDEX(Jesper!$R$2:$R$366,ROW(INDEX(Jesper!AK$2:AK$366,ROUNDDOWN($C5466/24,0)+1,1))-1)+IF('Standard Profiles'!$G$21=$B$10,7,0)+IF('Standard Profiles'!$G$21=$B$17,14,0)+IF('Standard Profiles'!$G$21=$B$24,21,0),0)),0)</f>
        <v>0</v>
      </c>
      <c r="H5466" cm="1">
        <f t="array" ref="H5466">IFERROR(INDEX(Jesper!AL$2:AL$366,ROUNDDOWN($C5466/24,0)+1,1)*INDEX($D$3:$AA$30,INDEX(Jesper!$R$2:$R$366,ROW(INDEX(Jesper!AL$2:AL$366,ROUNDDOWN($C5466/24,0)+1,1))-1)+IF('Standard Profiles'!$G$22=$B$10,7,0)+IF('Standard Profiles'!$G$22=$B$17,14,0)+IF('Standard Profiles'!$G$22=$B$24,21,0),MOD($C5466,24)+1)/SUM(INDEX($D$3:$AA$30,INDEX(Jesper!$R$2:$R$366,ROW(INDEX(Jesper!AL$2:AL$366,ROUNDDOWN($C5466/24,0)+1,1))-1)+IF('Standard Profiles'!$G$22=$B$10,7,0)+IF('Standard Profiles'!$G$22=$B$17,14,0)+IF('Standard Profiles'!$G$22=$B$24,21,0),0)),0)</f>
        <v>0</v>
      </c>
      <c r="I5466">
        <f t="shared" si="608"/>
        <v>0.3057140759663049</v>
      </c>
      <c r="J5466">
        <f t="shared" si="609"/>
        <v>1.019046919887683</v>
      </c>
      <c r="K5466">
        <f t="shared" si="610"/>
        <v>1.5285703798315244</v>
      </c>
      <c r="L5466">
        <f t="shared" si="611"/>
        <v>7.3371378231913171</v>
      </c>
      <c r="M5466">
        <f t="shared" si="612"/>
        <v>0</v>
      </c>
      <c r="N5466" s="46">
        <f t="shared" si="613"/>
        <v>45518.333333320159</v>
      </c>
    </row>
    <row r="5467" spans="2:14" x14ac:dyDescent="0.3">
      <c r="B5467">
        <f t="shared" si="607"/>
        <v>3</v>
      </c>
      <c r="C5467" s="16">
        <v>5433</v>
      </c>
      <c r="D5467" cm="1">
        <f t="array" ref="D5467">IFERROR(INDEX(Jesper!AH$2:AH$366,ROUNDDOWN($C5467/24,0)+1,1)*INDEX($D$3:$AA$30,INDEX(Jesper!$R$2:$R$366,ROW(INDEX(Jesper!AH$2:AH$366,ROUNDDOWN($C5467/24,0)+1,1))-1)+IF('Standard Profiles'!$G$18=$B$10,7,0)+IF('Standard Profiles'!$G$18=$B$17,14,0)+IF('Standard Profiles'!$G$18=$B$24,21,0),MOD($C5467,24)+1)/SUM(INDEX($D$3:$AA$30,INDEX(Jesper!$R$2:$R$366,ROW(INDEX(Jesper!AH$2:AH$366,ROUNDDOWN($C5467/24,0)+1,1))-1)+IF('Standard Profiles'!$G$18=$B$10,7,0)+IF('Standard Profiles'!$G$18=$B$17,14,0)+IF('Standard Profiles'!$G$18=$B$24,21,0),0)),0)</f>
        <v>10.950951974912414</v>
      </c>
      <c r="E5467" cm="1">
        <f t="array" ref="E5467">IFERROR(INDEX(Jesper!AI$2:AI$366,ROUNDDOWN($C5467/24,0)+1,1)*INDEX($D$3:$AA$30,INDEX(Jesper!$R$2:$R$366,ROW(INDEX(Jesper!AI$2:AI$366,ROUNDDOWN($C5467/24,0)+1,1))-1)+IF('Standard Profiles'!$G$19=$B$10,7,0)+IF('Standard Profiles'!$G$19=$B$17,14,0)+IF('Standard Profiles'!$G$19=$B$24,21,0),MOD($C5467,24)+1)/SUM(INDEX($D$3:$AA$30,INDEX(Jesper!$R$2:$R$366,ROW(INDEX(Jesper!AI$2:AI$366,ROUNDDOWN($C5467/24,0)+1,1))-1)+IF('Standard Profiles'!$G$19=$B$10,7,0)+IF('Standard Profiles'!$G$19=$B$17,14,0)+IF('Standard Profiles'!$G$19=$B$24,21,0),0)),0)</f>
        <v>0</v>
      </c>
      <c r="F5467" cm="1">
        <f t="array" ref="F5467">IFERROR(INDEX(Jesper!AJ$2:AJ$366,ROUNDDOWN($C5467/24,0)+1,1)*INDEX($D$3:$AA$30,INDEX(Jesper!$R$2:$R$366,ROW(INDEX(Jesper!AJ$2:AJ$366,ROUNDDOWN($C5467/24,0)+1,1))-1)+IF('Standard Profiles'!$G$20=$B$10,7,0)+IF('Standard Profiles'!$G$20=$B$17,14,0)+IF('Standard Profiles'!$G$20=$B$24,21,0),MOD($C5467,24)+1)/SUM(INDEX($D$3:$AA$30,INDEX(Jesper!$R$2:$R$366,ROW(INDEX(Jesper!AJ$2:AJ$366,ROUNDDOWN($C5467/24,0)+1,1))-1)+IF('Standard Profiles'!$G$20=$B$10,7,0)+IF('Standard Profiles'!$G$20=$B$17,14,0)+IF('Standard Profiles'!$G$20=$B$24,21,0),0)),0)</f>
        <v>0</v>
      </c>
      <c r="G5467" cm="1">
        <f t="array" ref="G5467">IFERROR(INDEX(Jesper!AK$2:AK$366,ROUNDDOWN($C5467/24,0)+1,1)*INDEX($D$3:$AA$30,INDEX(Jesper!$R$2:$R$366,ROW(INDEX(Jesper!AK$2:AK$366,ROUNDDOWN($C5467/24,0)+1,1))-1)+IF('Standard Profiles'!$G$21=$B$10,7,0)+IF('Standard Profiles'!$G$21=$B$17,14,0)+IF('Standard Profiles'!$G$21=$B$24,21,0),MOD($C5467,24)+1)/SUM(INDEX($D$3:$AA$30,INDEX(Jesper!$R$2:$R$366,ROW(INDEX(Jesper!AK$2:AK$366,ROUNDDOWN($C5467/24,0)+1,1))-1)+IF('Standard Profiles'!$G$21=$B$10,7,0)+IF('Standard Profiles'!$G$21=$B$17,14,0)+IF('Standard Profiles'!$G$21=$B$24,21,0),0)),0)</f>
        <v>0</v>
      </c>
      <c r="H5467" cm="1">
        <f t="array" ref="H5467">IFERROR(INDEX(Jesper!AL$2:AL$366,ROUNDDOWN($C5467/24,0)+1,1)*INDEX($D$3:$AA$30,INDEX(Jesper!$R$2:$R$366,ROW(INDEX(Jesper!AL$2:AL$366,ROUNDDOWN($C5467/24,0)+1,1))-1)+IF('Standard Profiles'!$G$22=$B$10,7,0)+IF('Standard Profiles'!$G$22=$B$17,14,0)+IF('Standard Profiles'!$G$22=$B$24,21,0),MOD($C5467,24)+1)/SUM(INDEX($D$3:$AA$30,INDEX(Jesper!$R$2:$R$366,ROW(INDEX(Jesper!AL$2:AL$366,ROUNDDOWN($C5467/24,0)+1,1))-1)+IF('Standard Profiles'!$G$22=$B$10,7,0)+IF('Standard Profiles'!$G$22=$B$17,14,0)+IF('Standard Profiles'!$G$22=$B$24,21,0),0)),0)</f>
        <v>0</v>
      </c>
      <c r="I5467">
        <f t="shared" si="608"/>
        <v>0.3285285592473724</v>
      </c>
      <c r="J5467">
        <f t="shared" si="609"/>
        <v>1.0950951974912415</v>
      </c>
      <c r="K5467">
        <f t="shared" si="610"/>
        <v>1.6426427962368619</v>
      </c>
      <c r="L5467">
        <f t="shared" si="611"/>
        <v>7.884685421936938</v>
      </c>
      <c r="M5467">
        <f t="shared" si="612"/>
        <v>0</v>
      </c>
      <c r="N5467" s="46">
        <f t="shared" si="613"/>
        <v>45518.374999986823</v>
      </c>
    </row>
    <row r="5468" spans="2:14" x14ac:dyDescent="0.3">
      <c r="B5468">
        <f t="shared" si="607"/>
        <v>3</v>
      </c>
      <c r="C5468" s="16">
        <v>5434</v>
      </c>
      <c r="D5468" cm="1">
        <f t="array" ref="D5468">IFERROR(INDEX(Jesper!AH$2:AH$366,ROUNDDOWN($C5468/24,0)+1,1)*INDEX($D$3:$AA$30,INDEX(Jesper!$R$2:$R$366,ROW(INDEX(Jesper!AH$2:AH$366,ROUNDDOWN($C5468/24,0)+1,1))-1)+IF('Standard Profiles'!$G$18=$B$10,7,0)+IF('Standard Profiles'!$G$18=$B$17,14,0)+IF('Standard Profiles'!$G$18=$B$24,21,0),MOD($C5468,24)+1)/SUM(INDEX($D$3:$AA$30,INDEX(Jesper!$R$2:$R$366,ROW(INDEX(Jesper!AH$2:AH$366,ROUNDDOWN($C5468/24,0)+1,1))-1)+IF('Standard Profiles'!$G$18=$B$10,7,0)+IF('Standard Profiles'!$G$18=$B$17,14,0)+IF('Standard Profiles'!$G$18=$B$24,21,0),0)),0)</f>
        <v>11.863531306155116</v>
      </c>
      <c r="E5468" cm="1">
        <f t="array" ref="E5468">IFERROR(INDEX(Jesper!AI$2:AI$366,ROUNDDOWN($C5468/24,0)+1,1)*INDEX($D$3:$AA$30,INDEX(Jesper!$R$2:$R$366,ROW(INDEX(Jesper!AI$2:AI$366,ROUNDDOWN($C5468/24,0)+1,1))-1)+IF('Standard Profiles'!$G$19=$B$10,7,0)+IF('Standard Profiles'!$G$19=$B$17,14,0)+IF('Standard Profiles'!$G$19=$B$24,21,0),MOD($C5468,24)+1)/SUM(INDEX($D$3:$AA$30,INDEX(Jesper!$R$2:$R$366,ROW(INDEX(Jesper!AI$2:AI$366,ROUNDDOWN($C5468/24,0)+1,1))-1)+IF('Standard Profiles'!$G$19=$B$10,7,0)+IF('Standard Profiles'!$G$19=$B$17,14,0)+IF('Standard Profiles'!$G$19=$B$24,21,0),0)),0)</f>
        <v>0</v>
      </c>
      <c r="F5468" cm="1">
        <f t="array" ref="F5468">IFERROR(INDEX(Jesper!AJ$2:AJ$366,ROUNDDOWN($C5468/24,0)+1,1)*INDEX($D$3:$AA$30,INDEX(Jesper!$R$2:$R$366,ROW(INDEX(Jesper!AJ$2:AJ$366,ROUNDDOWN($C5468/24,0)+1,1))-1)+IF('Standard Profiles'!$G$20=$B$10,7,0)+IF('Standard Profiles'!$G$20=$B$17,14,0)+IF('Standard Profiles'!$G$20=$B$24,21,0),MOD($C5468,24)+1)/SUM(INDEX($D$3:$AA$30,INDEX(Jesper!$R$2:$R$366,ROW(INDEX(Jesper!AJ$2:AJ$366,ROUNDDOWN($C5468/24,0)+1,1))-1)+IF('Standard Profiles'!$G$20=$B$10,7,0)+IF('Standard Profiles'!$G$20=$B$17,14,0)+IF('Standard Profiles'!$G$20=$B$24,21,0),0)),0)</f>
        <v>0</v>
      </c>
      <c r="G5468" cm="1">
        <f t="array" ref="G5468">IFERROR(INDEX(Jesper!AK$2:AK$366,ROUNDDOWN($C5468/24,0)+1,1)*INDEX($D$3:$AA$30,INDEX(Jesper!$R$2:$R$366,ROW(INDEX(Jesper!AK$2:AK$366,ROUNDDOWN($C5468/24,0)+1,1))-1)+IF('Standard Profiles'!$G$21=$B$10,7,0)+IF('Standard Profiles'!$G$21=$B$17,14,0)+IF('Standard Profiles'!$G$21=$B$24,21,0),MOD($C5468,24)+1)/SUM(INDEX($D$3:$AA$30,INDEX(Jesper!$R$2:$R$366,ROW(INDEX(Jesper!AK$2:AK$366,ROUNDDOWN($C5468/24,0)+1,1))-1)+IF('Standard Profiles'!$G$21=$B$10,7,0)+IF('Standard Profiles'!$G$21=$B$17,14,0)+IF('Standard Profiles'!$G$21=$B$24,21,0),0)),0)</f>
        <v>0</v>
      </c>
      <c r="H5468" cm="1">
        <f t="array" ref="H5468">IFERROR(INDEX(Jesper!AL$2:AL$366,ROUNDDOWN($C5468/24,0)+1,1)*INDEX($D$3:$AA$30,INDEX(Jesper!$R$2:$R$366,ROW(INDEX(Jesper!AL$2:AL$366,ROUNDDOWN($C5468/24,0)+1,1))-1)+IF('Standard Profiles'!$G$22=$B$10,7,0)+IF('Standard Profiles'!$G$22=$B$17,14,0)+IF('Standard Profiles'!$G$22=$B$24,21,0),MOD($C5468,24)+1)/SUM(INDEX($D$3:$AA$30,INDEX(Jesper!$R$2:$R$366,ROW(INDEX(Jesper!AL$2:AL$366,ROUNDDOWN($C5468/24,0)+1,1))-1)+IF('Standard Profiles'!$G$22=$B$10,7,0)+IF('Standard Profiles'!$G$22=$B$17,14,0)+IF('Standard Profiles'!$G$22=$B$24,21,0),0)),0)</f>
        <v>0</v>
      </c>
      <c r="I5468">
        <f t="shared" si="608"/>
        <v>0.35590593918465346</v>
      </c>
      <c r="J5468">
        <f t="shared" si="609"/>
        <v>1.1863531306155115</v>
      </c>
      <c r="K5468">
        <f t="shared" si="610"/>
        <v>1.7795296959232674</v>
      </c>
      <c r="L5468">
        <f t="shared" si="611"/>
        <v>8.5417425404316827</v>
      </c>
      <c r="M5468">
        <f t="shared" si="612"/>
        <v>0</v>
      </c>
      <c r="N5468" s="46">
        <f t="shared" si="613"/>
        <v>45518.416666653487</v>
      </c>
    </row>
    <row r="5469" spans="2:14" x14ac:dyDescent="0.3">
      <c r="B5469">
        <f t="shared" si="607"/>
        <v>3</v>
      </c>
      <c r="C5469" s="16">
        <v>5435</v>
      </c>
      <c r="D5469" cm="1">
        <f t="array" ref="D5469">IFERROR(INDEX(Jesper!AH$2:AH$366,ROUNDDOWN($C5469/24,0)+1,1)*INDEX($D$3:$AA$30,INDEX(Jesper!$R$2:$R$366,ROW(INDEX(Jesper!AH$2:AH$366,ROUNDDOWN($C5469/24,0)+1,1))-1)+IF('Standard Profiles'!$G$18=$B$10,7,0)+IF('Standard Profiles'!$G$18=$B$17,14,0)+IF('Standard Profiles'!$G$18=$B$24,21,0),MOD($C5469,24)+1)/SUM(INDEX($D$3:$AA$30,INDEX(Jesper!$R$2:$R$366,ROW(INDEX(Jesper!AH$2:AH$366,ROUNDDOWN($C5469/24,0)+1,1))-1)+IF('Standard Profiles'!$G$18=$B$10,7,0)+IF('Standard Profiles'!$G$18=$B$17,14,0)+IF('Standard Profiles'!$G$18=$B$24,21,0),0)),0)</f>
        <v>13.688689968640517</v>
      </c>
      <c r="E5469" cm="1">
        <f t="array" ref="E5469">IFERROR(INDEX(Jesper!AI$2:AI$366,ROUNDDOWN($C5469/24,0)+1,1)*INDEX($D$3:$AA$30,INDEX(Jesper!$R$2:$R$366,ROW(INDEX(Jesper!AI$2:AI$366,ROUNDDOWN($C5469/24,0)+1,1))-1)+IF('Standard Profiles'!$G$19=$B$10,7,0)+IF('Standard Profiles'!$G$19=$B$17,14,0)+IF('Standard Profiles'!$G$19=$B$24,21,0),MOD($C5469,24)+1)/SUM(INDEX($D$3:$AA$30,INDEX(Jesper!$R$2:$R$366,ROW(INDEX(Jesper!AI$2:AI$366,ROUNDDOWN($C5469/24,0)+1,1))-1)+IF('Standard Profiles'!$G$19=$B$10,7,0)+IF('Standard Profiles'!$G$19=$B$17,14,0)+IF('Standard Profiles'!$G$19=$B$24,21,0),0)),0)</f>
        <v>0</v>
      </c>
      <c r="F5469" cm="1">
        <f t="array" ref="F5469">IFERROR(INDEX(Jesper!AJ$2:AJ$366,ROUNDDOWN($C5469/24,0)+1,1)*INDEX($D$3:$AA$30,INDEX(Jesper!$R$2:$R$366,ROW(INDEX(Jesper!AJ$2:AJ$366,ROUNDDOWN($C5469/24,0)+1,1))-1)+IF('Standard Profiles'!$G$20=$B$10,7,0)+IF('Standard Profiles'!$G$20=$B$17,14,0)+IF('Standard Profiles'!$G$20=$B$24,21,0),MOD($C5469,24)+1)/SUM(INDEX($D$3:$AA$30,INDEX(Jesper!$R$2:$R$366,ROW(INDEX(Jesper!AJ$2:AJ$366,ROUNDDOWN($C5469/24,0)+1,1))-1)+IF('Standard Profiles'!$G$20=$B$10,7,0)+IF('Standard Profiles'!$G$20=$B$17,14,0)+IF('Standard Profiles'!$G$20=$B$24,21,0),0)),0)</f>
        <v>0</v>
      </c>
      <c r="G5469" cm="1">
        <f t="array" ref="G5469">IFERROR(INDEX(Jesper!AK$2:AK$366,ROUNDDOWN($C5469/24,0)+1,1)*INDEX($D$3:$AA$30,INDEX(Jesper!$R$2:$R$366,ROW(INDEX(Jesper!AK$2:AK$366,ROUNDDOWN($C5469/24,0)+1,1))-1)+IF('Standard Profiles'!$G$21=$B$10,7,0)+IF('Standard Profiles'!$G$21=$B$17,14,0)+IF('Standard Profiles'!$G$21=$B$24,21,0),MOD($C5469,24)+1)/SUM(INDEX($D$3:$AA$30,INDEX(Jesper!$R$2:$R$366,ROW(INDEX(Jesper!AK$2:AK$366,ROUNDDOWN($C5469/24,0)+1,1))-1)+IF('Standard Profiles'!$G$21=$B$10,7,0)+IF('Standard Profiles'!$G$21=$B$17,14,0)+IF('Standard Profiles'!$G$21=$B$24,21,0),0)),0)</f>
        <v>0</v>
      </c>
      <c r="H5469" cm="1">
        <f t="array" ref="H5469">IFERROR(INDEX(Jesper!AL$2:AL$366,ROUNDDOWN($C5469/24,0)+1,1)*INDEX($D$3:$AA$30,INDEX(Jesper!$R$2:$R$366,ROW(INDEX(Jesper!AL$2:AL$366,ROUNDDOWN($C5469/24,0)+1,1))-1)+IF('Standard Profiles'!$G$22=$B$10,7,0)+IF('Standard Profiles'!$G$22=$B$17,14,0)+IF('Standard Profiles'!$G$22=$B$24,21,0),MOD($C5469,24)+1)/SUM(INDEX($D$3:$AA$30,INDEX(Jesper!$R$2:$R$366,ROW(INDEX(Jesper!AL$2:AL$366,ROUNDDOWN($C5469/24,0)+1,1))-1)+IF('Standard Profiles'!$G$22=$B$10,7,0)+IF('Standard Profiles'!$G$22=$B$17,14,0)+IF('Standard Profiles'!$G$22=$B$24,21,0),0)),0)</f>
        <v>0</v>
      </c>
      <c r="I5469">
        <f t="shared" si="608"/>
        <v>0.41066069905921548</v>
      </c>
      <c r="J5469">
        <f t="shared" si="609"/>
        <v>1.3688689968640517</v>
      </c>
      <c r="K5469">
        <f t="shared" si="610"/>
        <v>2.0533034952960776</v>
      </c>
      <c r="L5469">
        <f t="shared" si="611"/>
        <v>9.8558567774211721</v>
      </c>
      <c r="M5469">
        <f t="shared" si="612"/>
        <v>0</v>
      </c>
      <c r="N5469" s="46">
        <f t="shared" si="613"/>
        <v>45518.458333320152</v>
      </c>
    </row>
    <row r="5470" spans="2:14" x14ac:dyDescent="0.3">
      <c r="B5470">
        <f t="shared" si="607"/>
        <v>3</v>
      </c>
      <c r="C5470" s="16">
        <v>5436</v>
      </c>
      <c r="D5470" cm="1">
        <f t="array" ref="D5470">IFERROR(INDEX(Jesper!AH$2:AH$366,ROUNDDOWN($C5470/24,0)+1,1)*INDEX($D$3:$AA$30,INDEX(Jesper!$R$2:$R$366,ROW(INDEX(Jesper!AH$2:AH$366,ROUNDDOWN($C5470/24,0)+1,1))-1)+IF('Standard Profiles'!$G$18=$B$10,7,0)+IF('Standard Profiles'!$G$18=$B$17,14,0)+IF('Standard Profiles'!$G$18=$B$24,21,0),MOD($C5470,24)+1)/SUM(INDEX($D$3:$AA$30,INDEX(Jesper!$R$2:$R$366,ROW(INDEX(Jesper!AH$2:AH$366,ROUNDDOWN($C5470/24,0)+1,1))-1)+IF('Standard Profiles'!$G$18=$B$10,7,0)+IF('Standard Profiles'!$G$18=$B$17,14,0)+IF('Standard Profiles'!$G$18=$B$24,21,0),0)),0)</f>
        <v>13.688689968640517</v>
      </c>
      <c r="E5470" cm="1">
        <f t="array" ref="E5470">IFERROR(INDEX(Jesper!AI$2:AI$366,ROUNDDOWN($C5470/24,0)+1,1)*INDEX($D$3:$AA$30,INDEX(Jesper!$R$2:$R$366,ROW(INDEX(Jesper!AI$2:AI$366,ROUNDDOWN($C5470/24,0)+1,1))-1)+IF('Standard Profiles'!$G$19=$B$10,7,0)+IF('Standard Profiles'!$G$19=$B$17,14,0)+IF('Standard Profiles'!$G$19=$B$24,21,0),MOD($C5470,24)+1)/SUM(INDEX($D$3:$AA$30,INDEX(Jesper!$R$2:$R$366,ROW(INDEX(Jesper!AI$2:AI$366,ROUNDDOWN($C5470/24,0)+1,1))-1)+IF('Standard Profiles'!$G$19=$B$10,7,0)+IF('Standard Profiles'!$G$19=$B$17,14,0)+IF('Standard Profiles'!$G$19=$B$24,21,0),0)),0)</f>
        <v>0</v>
      </c>
      <c r="F5470" cm="1">
        <f t="array" ref="F5470">IFERROR(INDEX(Jesper!AJ$2:AJ$366,ROUNDDOWN($C5470/24,0)+1,1)*INDEX($D$3:$AA$30,INDEX(Jesper!$R$2:$R$366,ROW(INDEX(Jesper!AJ$2:AJ$366,ROUNDDOWN($C5470/24,0)+1,1))-1)+IF('Standard Profiles'!$G$20=$B$10,7,0)+IF('Standard Profiles'!$G$20=$B$17,14,0)+IF('Standard Profiles'!$G$20=$B$24,21,0),MOD($C5470,24)+1)/SUM(INDEX($D$3:$AA$30,INDEX(Jesper!$R$2:$R$366,ROW(INDEX(Jesper!AJ$2:AJ$366,ROUNDDOWN($C5470/24,0)+1,1))-1)+IF('Standard Profiles'!$G$20=$B$10,7,0)+IF('Standard Profiles'!$G$20=$B$17,14,0)+IF('Standard Profiles'!$G$20=$B$24,21,0),0)),0)</f>
        <v>0</v>
      </c>
      <c r="G5470" cm="1">
        <f t="array" ref="G5470">IFERROR(INDEX(Jesper!AK$2:AK$366,ROUNDDOWN($C5470/24,0)+1,1)*INDEX($D$3:$AA$30,INDEX(Jesper!$R$2:$R$366,ROW(INDEX(Jesper!AK$2:AK$366,ROUNDDOWN($C5470/24,0)+1,1))-1)+IF('Standard Profiles'!$G$21=$B$10,7,0)+IF('Standard Profiles'!$G$21=$B$17,14,0)+IF('Standard Profiles'!$G$21=$B$24,21,0),MOD($C5470,24)+1)/SUM(INDEX($D$3:$AA$30,INDEX(Jesper!$R$2:$R$366,ROW(INDEX(Jesper!AK$2:AK$366,ROUNDDOWN($C5470/24,0)+1,1))-1)+IF('Standard Profiles'!$G$21=$B$10,7,0)+IF('Standard Profiles'!$G$21=$B$17,14,0)+IF('Standard Profiles'!$G$21=$B$24,21,0),0)),0)</f>
        <v>0</v>
      </c>
      <c r="H5470" cm="1">
        <f t="array" ref="H5470">IFERROR(INDEX(Jesper!AL$2:AL$366,ROUNDDOWN($C5470/24,0)+1,1)*INDEX($D$3:$AA$30,INDEX(Jesper!$R$2:$R$366,ROW(INDEX(Jesper!AL$2:AL$366,ROUNDDOWN($C5470/24,0)+1,1))-1)+IF('Standard Profiles'!$G$22=$B$10,7,0)+IF('Standard Profiles'!$G$22=$B$17,14,0)+IF('Standard Profiles'!$G$22=$B$24,21,0),MOD($C5470,24)+1)/SUM(INDEX($D$3:$AA$30,INDEX(Jesper!$R$2:$R$366,ROW(INDEX(Jesper!AL$2:AL$366,ROUNDDOWN($C5470/24,0)+1,1))-1)+IF('Standard Profiles'!$G$22=$B$10,7,0)+IF('Standard Profiles'!$G$22=$B$17,14,0)+IF('Standard Profiles'!$G$22=$B$24,21,0),0)),0)</f>
        <v>0</v>
      </c>
      <c r="I5470">
        <f t="shared" si="608"/>
        <v>0.41066069905921548</v>
      </c>
      <c r="J5470">
        <f t="shared" si="609"/>
        <v>1.3688689968640517</v>
      </c>
      <c r="K5470">
        <f t="shared" si="610"/>
        <v>2.0533034952960776</v>
      </c>
      <c r="L5470">
        <f t="shared" si="611"/>
        <v>9.8558567774211721</v>
      </c>
      <c r="M5470">
        <f t="shared" si="612"/>
        <v>0</v>
      </c>
      <c r="N5470" s="46">
        <f t="shared" si="613"/>
        <v>45518.499999986816</v>
      </c>
    </row>
    <row r="5471" spans="2:14" x14ac:dyDescent="0.3">
      <c r="B5471">
        <f t="shared" si="607"/>
        <v>3</v>
      </c>
      <c r="C5471" s="16">
        <v>5437</v>
      </c>
      <c r="D5471" cm="1">
        <f t="array" ref="D5471">IFERROR(INDEX(Jesper!AH$2:AH$366,ROUNDDOWN($C5471/24,0)+1,1)*INDEX($D$3:$AA$30,INDEX(Jesper!$R$2:$R$366,ROW(INDEX(Jesper!AH$2:AH$366,ROUNDDOWN($C5471/24,0)+1,1))-1)+IF('Standard Profiles'!$G$18=$B$10,7,0)+IF('Standard Profiles'!$G$18=$B$17,14,0)+IF('Standard Profiles'!$G$18=$B$24,21,0),MOD($C5471,24)+1)/SUM(INDEX($D$3:$AA$30,INDEX(Jesper!$R$2:$R$366,ROW(INDEX(Jesper!AH$2:AH$366,ROUNDDOWN($C5471/24,0)+1,1))-1)+IF('Standard Profiles'!$G$18=$B$10,7,0)+IF('Standard Profiles'!$G$18=$B$17,14,0)+IF('Standard Profiles'!$G$18=$B$24,21,0),0)),0)</f>
        <v>13.688689968640517</v>
      </c>
      <c r="E5471" cm="1">
        <f t="array" ref="E5471">IFERROR(INDEX(Jesper!AI$2:AI$366,ROUNDDOWN($C5471/24,0)+1,1)*INDEX($D$3:$AA$30,INDEX(Jesper!$R$2:$R$366,ROW(INDEX(Jesper!AI$2:AI$366,ROUNDDOWN($C5471/24,0)+1,1))-1)+IF('Standard Profiles'!$G$19=$B$10,7,0)+IF('Standard Profiles'!$G$19=$B$17,14,0)+IF('Standard Profiles'!$G$19=$B$24,21,0),MOD($C5471,24)+1)/SUM(INDEX($D$3:$AA$30,INDEX(Jesper!$R$2:$R$366,ROW(INDEX(Jesper!AI$2:AI$366,ROUNDDOWN($C5471/24,0)+1,1))-1)+IF('Standard Profiles'!$G$19=$B$10,7,0)+IF('Standard Profiles'!$G$19=$B$17,14,0)+IF('Standard Profiles'!$G$19=$B$24,21,0),0)),0)</f>
        <v>0</v>
      </c>
      <c r="F5471" cm="1">
        <f t="array" ref="F5471">IFERROR(INDEX(Jesper!AJ$2:AJ$366,ROUNDDOWN($C5471/24,0)+1,1)*INDEX($D$3:$AA$30,INDEX(Jesper!$R$2:$R$366,ROW(INDEX(Jesper!AJ$2:AJ$366,ROUNDDOWN($C5471/24,0)+1,1))-1)+IF('Standard Profiles'!$G$20=$B$10,7,0)+IF('Standard Profiles'!$G$20=$B$17,14,0)+IF('Standard Profiles'!$G$20=$B$24,21,0),MOD($C5471,24)+1)/SUM(INDEX($D$3:$AA$30,INDEX(Jesper!$R$2:$R$366,ROW(INDEX(Jesper!AJ$2:AJ$366,ROUNDDOWN($C5471/24,0)+1,1))-1)+IF('Standard Profiles'!$G$20=$B$10,7,0)+IF('Standard Profiles'!$G$20=$B$17,14,0)+IF('Standard Profiles'!$G$20=$B$24,21,0),0)),0)</f>
        <v>0</v>
      </c>
      <c r="G5471" cm="1">
        <f t="array" ref="G5471">IFERROR(INDEX(Jesper!AK$2:AK$366,ROUNDDOWN($C5471/24,0)+1,1)*INDEX($D$3:$AA$30,INDEX(Jesper!$R$2:$R$366,ROW(INDEX(Jesper!AK$2:AK$366,ROUNDDOWN($C5471/24,0)+1,1))-1)+IF('Standard Profiles'!$G$21=$B$10,7,0)+IF('Standard Profiles'!$G$21=$B$17,14,0)+IF('Standard Profiles'!$G$21=$B$24,21,0),MOD($C5471,24)+1)/SUM(INDEX($D$3:$AA$30,INDEX(Jesper!$R$2:$R$366,ROW(INDEX(Jesper!AK$2:AK$366,ROUNDDOWN($C5471/24,0)+1,1))-1)+IF('Standard Profiles'!$G$21=$B$10,7,0)+IF('Standard Profiles'!$G$21=$B$17,14,0)+IF('Standard Profiles'!$G$21=$B$24,21,0),0)),0)</f>
        <v>0</v>
      </c>
      <c r="H5471" cm="1">
        <f t="array" ref="H5471">IFERROR(INDEX(Jesper!AL$2:AL$366,ROUNDDOWN($C5471/24,0)+1,1)*INDEX($D$3:$AA$30,INDEX(Jesper!$R$2:$R$366,ROW(INDEX(Jesper!AL$2:AL$366,ROUNDDOWN($C5471/24,0)+1,1))-1)+IF('Standard Profiles'!$G$22=$B$10,7,0)+IF('Standard Profiles'!$G$22=$B$17,14,0)+IF('Standard Profiles'!$G$22=$B$24,21,0),MOD($C5471,24)+1)/SUM(INDEX($D$3:$AA$30,INDEX(Jesper!$R$2:$R$366,ROW(INDEX(Jesper!AL$2:AL$366,ROUNDDOWN($C5471/24,0)+1,1))-1)+IF('Standard Profiles'!$G$22=$B$10,7,0)+IF('Standard Profiles'!$G$22=$B$17,14,0)+IF('Standard Profiles'!$G$22=$B$24,21,0),0)),0)</f>
        <v>0</v>
      </c>
      <c r="I5471">
        <f t="shared" si="608"/>
        <v>0.41066069905921548</v>
      </c>
      <c r="J5471">
        <f t="shared" si="609"/>
        <v>1.3688689968640517</v>
      </c>
      <c r="K5471">
        <f t="shared" si="610"/>
        <v>2.0533034952960776</v>
      </c>
      <c r="L5471">
        <f t="shared" si="611"/>
        <v>9.8558567774211721</v>
      </c>
      <c r="M5471">
        <f t="shared" si="612"/>
        <v>0</v>
      </c>
      <c r="N5471" s="46">
        <f t="shared" si="613"/>
        <v>45518.54166665348</v>
      </c>
    </row>
    <row r="5472" spans="2:14" x14ac:dyDescent="0.3">
      <c r="B5472">
        <f t="shared" si="607"/>
        <v>3</v>
      </c>
      <c r="C5472" s="16">
        <v>5438</v>
      </c>
      <c r="D5472" cm="1">
        <f t="array" ref="D5472">IFERROR(INDEX(Jesper!AH$2:AH$366,ROUNDDOWN($C5472/24,0)+1,1)*INDEX($D$3:$AA$30,INDEX(Jesper!$R$2:$R$366,ROW(INDEX(Jesper!AH$2:AH$366,ROUNDDOWN($C5472/24,0)+1,1))-1)+IF('Standard Profiles'!$G$18=$B$10,7,0)+IF('Standard Profiles'!$G$18=$B$17,14,0)+IF('Standard Profiles'!$G$18=$B$24,21,0),MOD($C5472,24)+1)/SUM(INDEX($D$3:$AA$30,INDEX(Jesper!$R$2:$R$366,ROW(INDEX(Jesper!AH$2:AH$366,ROUNDDOWN($C5472/24,0)+1,1))-1)+IF('Standard Profiles'!$G$18=$B$10,7,0)+IF('Standard Profiles'!$G$18=$B$17,14,0)+IF('Standard Profiles'!$G$18=$B$24,21,0),0)),0)</f>
        <v>13.688689968640517</v>
      </c>
      <c r="E5472" cm="1">
        <f t="array" ref="E5472">IFERROR(INDEX(Jesper!AI$2:AI$366,ROUNDDOWN($C5472/24,0)+1,1)*INDEX($D$3:$AA$30,INDEX(Jesper!$R$2:$R$366,ROW(INDEX(Jesper!AI$2:AI$366,ROUNDDOWN($C5472/24,0)+1,1))-1)+IF('Standard Profiles'!$G$19=$B$10,7,0)+IF('Standard Profiles'!$G$19=$B$17,14,0)+IF('Standard Profiles'!$G$19=$B$24,21,0),MOD($C5472,24)+1)/SUM(INDEX($D$3:$AA$30,INDEX(Jesper!$R$2:$R$366,ROW(INDEX(Jesper!AI$2:AI$366,ROUNDDOWN($C5472/24,0)+1,1))-1)+IF('Standard Profiles'!$G$19=$B$10,7,0)+IF('Standard Profiles'!$G$19=$B$17,14,0)+IF('Standard Profiles'!$G$19=$B$24,21,0),0)),0)</f>
        <v>0</v>
      </c>
      <c r="F5472" cm="1">
        <f t="array" ref="F5472">IFERROR(INDEX(Jesper!AJ$2:AJ$366,ROUNDDOWN($C5472/24,0)+1,1)*INDEX($D$3:$AA$30,INDEX(Jesper!$R$2:$R$366,ROW(INDEX(Jesper!AJ$2:AJ$366,ROUNDDOWN($C5472/24,0)+1,1))-1)+IF('Standard Profiles'!$G$20=$B$10,7,0)+IF('Standard Profiles'!$G$20=$B$17,14,0)+IF('Standard Profiles'!$G$20=$B$24,21,0),MOD($C5472,24)+1)/SUM(INDEX($D$3:$AA$30,INDEX(Jesper!$R$2:$R$366,ROW(INDEX(Jesper!AJ$2:AJ$366,ROUNDDOWN($C5472/24,0)+1,1))-1)+IF('Standard Profiles'!$G$20=$B$10,7,0)+IF('Standard Profiles'!$G$20=$B$17,14,0)+IF('Standard Profiles'!$G$20=$B$24,21,0),0)),0)</f>
        <v>0</v>
      </c>
      <c r="G5472" cm="1">
        <f t="array" ref="G5472">IFERROR(INDEX(Jesper!AK$2:AK$366,ROUNDDOWN($C5472/24,0)+1,1)*INDEX($D$3:$AA$30,INDEX(Jesper!$R$2:$R$366,ROW(INDEX(Jesper!AK$2:AK$366,ROUNDDOWN($C5472/24,0)+1,1))-1)+IF('Standard Profiles'!$G$21=$B$10,7,0)+IF('Standard Profiles'!$G$21=$B$17,14,0)+IF('Standard Profiles'!$G$21=$B$24,21,0),MOD($C5472,24)+1)/SUM(INDEX($D$3:$AA$30,INDEX(Jesper!$R$2:$R$366,ROW(INDEX(Jesper!AK$2:AK$366,ROUNDDOWN($C5472/24,0)+1,1))-1)+IF('Standard Profiles'!$G$21=$B$10,7,0)+IF('Standard Profiles'!$G$21=$B$17,14,0)+IF('Standard Profiles'!$G$21=$B$24,21,0),0)),0)</f>
        <v>0</v>
      </c>
      <c r="H5472" cm="1">
        <f t="array" ref="H5472">IFERROR(INDEX(Jesper!AL$2:AL$366,ROUNDDOWN($C5472/24,0)+1,1)*INDEX($D$3:$AA$30,INDEX(Jesper!$R$2:$R$366,ROW(INDEX(Jesper!AL$2:AL$366,ROUNDDOWN($C5472/24,0)+1,1))-1)+IF('Standard Profiles'!$G$22=$B$10,7,0)+IF('Standard Profiles'!$G$22=$B$17,14,0)+IF('Standard Profiles'!$G$22=$B$24,21,0),MOD($C5472,24)+1)/SUM(INDEX($D$3:$AA$30,INDEX(Jesper!$R$2:$R$366,ROW(INDEX(Jesper!AL$2:AL$366,ROUNDDOWN($C5472/24,0)+1,1))-1)+IF('Standard Profiles'!$G$22=$B$10,7,0)+IF('Standard Profiles'!$G$22=$B$17,14,0)+IF('Standard Profiles'!$G$22=$B$24,21,0),0)),0)</f>
        <v>0</v>
      </c>
      <c r="I5472">
        <f t="shared" si="608"/>
        <v>0.41066069905921548</v>
      </c>
      <c r="J5472">
        <f t="shared" si="609"/>
        <v>1.3688689968640517</v>
      </c>
      <c r="K5472">
        <f t="shared" si="610"/>
        <v>2.0533034952960776</v>
      </c>
      <c r="L5472">
        <f t="shared" si="611"/>
        <v>9.8558567774211721</v>
      </c>
      <c r="M5472">
        <f t="shared" si="612"/>
        <v>0</v>
      </c>
      <c r="N5472" s="46">
        <f t="shared" si="613"/>
        <v>45518.583333320144</v>
      </c>
    </row>
    <row r="5473" spans="2:14" x14ac:dyDescent="0.3">
      <c r="B5473">
        <f t="shared" si="607"/>
        <v>3</v>
      </c>
      <c r="C5473" s="16">
        <v>5439</v>
      </c>
      <c r="D5473" cm="1">
        <f t="array" ref="D5473">IFERROR(INDEX(Jesper!AH$2:AH$366,ROUNDDOWN($C5473/24,0)+1,1)*INDEX($D$3:$AA$30,INDEX(Jesper!$R$2:$R$366,ROW(INDEX(Jesper!AH$2:AH$366,ROUNDDOWN($C5473/24,0)+1,1))-1)+IF('Standard Profiles'!$G$18=$B$10,7,0)+IF('Standard Profiles'!$G$18=$B$17,14,0)+IF('Standard Profiles'!$G$18=$B$24,21,0),MOD($C5473,24)+1)/SUM(INDEX($D$3:$AA$30,INDEX(Jesper!$R$2:$R$366,ROW(INDEX(Jesper!AH$2:AH$366,ROUNDDOWN($C5473/24,0)+1,1))-1)+IF('Standard Profiles'!$G$18=$B$10,7,0)+IF('Standard Profiles'!$G$18=$B$17,14,0)+IF('Standard Profiles'!$G$18=$B$24,21,0),0)),0)</f>
        <v>13.688689968640517</v>
      </c>
      <c r="E5473" cm="1">
        <f t="array" ref="E5473">IFERROR(INDEX(Jesper!AI$2:AI$366,ROUNDDOWN($C5473/24,0)+1,1)*INDEX($D$3:$AA$30,INDEX(Jesper!$R$2:$R$366,ROW(INDEX(Jesper!AI$2:AI$366,ROUNDDOWN($C5473/24,0)+1,1))-1)+IF('Standard Profiles'!$G$19=$B$10,7,0)+IF('Standard Profiles'!$G$19=$B$17,14,0)+IF('Standard Profiles'!$G$19=$B$24,21,0),MOD($C5473,24)+1)/SUM(INDEX($D$3:$AA$30,INDEX(Jesper!$R$2:$R$366,ROW(INDEX(Jesper!AI$2:AI$366,ROUNDDOWN($C5473/24,0)+1,1))-1)+IF('Standard Profiles'!$G$19=$B$10,7,0)+IF('Standard Profiles'!$G$19=$B$17,14,0)+IF('Standard Profiles'!$G$19=$B$24,21,0),0)),0)</f>
        <v>0</v>
      </c>
      <c r="F5473" cm="1">
        <f t="array" ref="F5473">IFERROR(INDEX(Jesper!AJ$2:AJ$366,ROUNDDOWN($C5473/24,0)+1,1)*INDEX($D$3:$AA$30,INDEX(Jesper!$R$2:$R$366,ROW(INDEX(Jesper!AJ$2:AJ$366,ROUNDDOWN($C5473/24,0)+1,1))-1)+IF('Standard Profiles'!$G$20=$B$10,7,0)+IF('Standard Profiles'!$G$20=$B$17,14,0)+IF('Standard Profiles'!$G$20=$B$24,21,0),MOD($C5473,24)+1)/SUM(INDEX($D$3:$AA$30,INDEX(Jesper!$R$2:$R$366,ROW(INDEX(Jesper!AJ$2:AJ$366,ROUNDDOWN($C5473/24,0)+1,1))-1)+IF('Standard Profiles'!$G$20=$B$10,7,0)+IF('Standard Profiles'!$G$20=$B$17,14,0)+IF('Standard Profiles'!$G$20=$B$24,21,0),0)),0)</f>
        <v>0</v>
      </c>
      <c r="G5473" cm="1">
        <f t="array" ref="G5473">IFERROR(INDEX(Jesper!AK$2:AK$366,ROUNDDOWN($C5473/24,0)+1,1)*INDEX($D$3:$AA$30,INDEX(Jesper!$R$2:$R$366,ROW(INDEX(Jesper!AK$2:AK$366,ROUNDDOWN($C5473/24,0)+1,1))-1)+IF('Standard Profiles'!$G$21=$B$10,7,0)+IF('Standard Profiles'!$G$21=$B$17,14,0)+IF('Standard Profiles'!$G$21=$B$24,21,0),MOD($C5473,24)+1)/SUM(INDEX($D$3:$AA$30,INDEX(Jesper!$R$2:$R$366,ROW(INDEX(Jesper!AK$2:AK$366,ROUNDDOWN($C5473/24,0)+1,1))-1)+IF('Standard Profiles'!$G$21=$B$10,7,0)+IF('Standard Profiles'!$G$21=$B$17,14,0)+IF('Standard Profiles'!$G$21=$B$24,21,0),0)),0)</f>
        <v>0</v>
      </c>
      <c r="H5473" cm="1">
        <f t="array" ref="H5473">IFERROR(INDEX(Jesper!AL$2:AL$366,ROUNDDOWN($C5473/24,0)+1,1)*INDEX($D$3:$AA$30,INDEX(Jesper!$R$2:$R$366,ROW(INDEX(Jesper!AL$2:AL$366,ROUNDDOWN($C5473/24,0)+1,1))-1)+IF('Standard Profiles'!$G$22=$B$10,7,0)+IF('Standard Profiles'!$G$22=$B$17,14,0)+IF('Standard Profiles'!$G$22=$B$24,21,0),MOD($C5473,24)+1)/SUM(INDEX($D$3:$AA$30,INDEX(Jesper!$R$2:$R$366,ROW(INDEX(Jesper!AL$2:AL$366,ROUNDDOWN($C5473/24,0)+1,1))-1)+IF('Standard Profiles'!$G$22=$B$10,7,0)+IF('Standard Profiles'!$G$22=$B$17,14,0)+IF('Standard Profiles'!$G$22=$B$24,21,0),0)),0)</f>
        <v>0</v>
      </c>
      <c r="I5473">
        <f t="shared" si="608"/>
        <v>0.41066069905921548</v>
      </c>
      <c r="J5473">
        <f t="shared" si="609"/>
        <v>1.3688689968640517</v>
      </c>
      <c r="K5473">
        <f t="shared" si="610"/>
        <v>2.0533034952960776</v>
      </c>
      <c r="L5473">
        <f t="shared" si="611"/>
        <v>9.8558567774211721</v>
      </c>
      <c r="M5473">
        <f t="shared" si="612"/>
        <v>0</v>
      </c>
      <c r="N5473" s="46">
        <f t="shared" si="613"/>
        <v>45518.624999986809</v>
      </c>
    </row>
    <row r="5474" spans="2:14" x14ac:dyDescent="0.3">
      <c r="B5474">
        <f t="shared" si="607"/>
        <v>3</v>
      </c>
      <c r="C5474" s="16">
        <v>5440</v>
      </c>
      <c r="D5474" cm="1">
        <f t="array" ref="D5474">IFERROR(INDEX(Jesper!AH$2:AH$366,ROUNDDOWN($C5474/24,0)+1,1)*INDEX($D$3:$AA$30,INDEX(Jesper!$R$2:$R$366,ROW(INDEX(Jesper!AH$2:AH$366,ROUNDDOWN($C5474/24,0)+1,1))-1)+IF('Standard Profiles'!$G$18=$B$10,7,0)+IF('Standard Profiles'!$G$18=$B$17,14,0)+IF('Standard Profiles'!$G$18=$B$24,21,0),MOD($C5474,24)+1)/SUM(INDEX($D$3:$AA$30,INDEX(Jesper!$R$2:$R$366,ROW(INDEX(Jesper!AH$2:AH$366,ROUNDDOWN($C5474/24,0)+1,1))-1)+IF('Standard Profiles'!$G$18=$B$10,7,0)+IF('Standard Profiles'!$G$18=$B$17,14,0)+IF('Standard Profiles'!$G$18=$B$24,21,0),0)),0)</f>
        <v>13.688689968640517</v>
      </c>
      <c r="E5474" cm="1">
        <f t="array" ref="E5474">IFERROR(INDEX(Jesper!AI$2:AI$366,ROUNDDOWN($C5474/24,0)+1,1)*INDEX($D$3:$AA$30,INDEX(Jesper!$R$2:$R$366,ROW(INDEX(Jesper!AI$2:AI$366,ROUNDDOWN($C5474/24,0)+1,1))-1)+IF('Standard Profiles'!$G$19=$B$10,7,0)+IF('Standard Profiles'!$G$19=$B$17,14,0)+IF('Standard Profiles'!$G$19=$B$24,21,0),MOD($C5474,24)+1)/SUM(INDEX($D$3:$AA$30,INDEX(Jesper!$R$2:$R$366,ROW(INDEX(Jesper!AI$2:AI$366,ROUNDDOWN($C5474/24,0)+1,1))-1)+IF('Standard Profiles'!$G$19=$B$10,7,0)+IF('Standard Profiles'!$G$19=$B$17,14,0)+IF('Standard Profiles'!$G$19=$B$24,21,0),0)),0)</f>
        <v>0</v>
      </c>
      <c r="F5474" cm="1">
        <f t="array" ref="F5474">IFERROR(INDEX(Jesper!AJ$2:AJ$366,ROUNDDOWN($C5474/24,0)+1,1)*INDEX($D$3:$AA$30,INDEX(Jesper!$R$2:$R$366,ROW(INDEX(Jesper!AJ$2:AJ$366,ROUNDDOWN($C5474/24,0)+1,1))-1)+IF('Standard Profiles'!$G$20=$B$10,7,0)+IF('Standard Profiles'!$G$20=$B$17,14,0)+IF('Standard Profiles'!$G$20=$B$24,21,0),MOD($C5474,24)+1)/SUM(INDEX($D$3:$AA$30,INDEX(Jesper!$R$2:$R$366,ROW(INDEX(Jesper!AJ$2:AJ$366,ROUNDDOWN($C5474/24,0)+1,1))-1)+IF('Standard Profiles'!$G$20=$B$10,7,0)+IF('Standard Profiles'!$G$20=$B$17,14,0)+IF('Standard Profiles'!$G$20=$B$24,21,0),0)),0)</f>
        <v>0</v>
      </c>
      <c r="G5474" cm="1">
        <f t="array" ref="G5474">IFERROR(INDEX(Jesper!AK$2:AK$366,ROUNDDOWN($C5474/24,0)+1,1)*INDEX($D$3:$AA$30,INDEX(Jesper!$R$2:$R$366,ROW(INDEX(Jesper!AK$2:AK$366,ROUNDDOWN($C5474/24,0)+1,1))-1)+IF('Standard Profiles'!$G$21=$B$10,7,0)+IF('Standard Profiles'!$G$21=$B$17,14,0)+IF('Standard Profiles'!$G$21=$B$24,21,0),MOD($C5474,24)+1)/SUM(INDEX($D$3:$AA$30,INDEX(Jesper!$R$2:$R$366,ROW(INDEX(Jesper!AK$2:AK$366,ROUNDDOWN($C5474/24,0)+1,1))-1)+IF('Standard Profiles'!$G$21=$B$10,7,0)+IF('Standard Profiles'!$G$21=$B$17,14,0)+IF('Standard Profiles'!$G$21=$B$24,21,0),0)),0)</f>
        <v>0</v>
      </c>
      <c r="H5474" cm="1">
        <f t="array" ref="H5474">IFERROR(INDEX(Jesper!AL$2:AL$366,ROUNDDOWN($C5474/24,0)+1,1)*INDEX($D$3:$AA$30,INDEX(Jesper!$R$2:$R$366,ROW(INDEX(Jesper!AL$2:AL$366,ROUNDDOWN($C5474/24,0)+1,1))-1)+IF('Standard Profiles'!$G$22=$B$10,7,0)+IF('Standard Profiles'!$G$22=$B$17,14,0)+IF('Standard Profiles'!$G$22=$B$24,21,0),MOD($C5474,24)+1)/SUM(INDEX($D$3:$AA$30,INDEX(Jesper!$R$2:$R$366,ROW(INDEX(Jesper!AL$2:AL$366,ROUNDDOWN($C5474/24,0)+1,1))-1)+IF('Standard Profiles'!$G$22=$B$10,7,0)+IF('Standard Profiles'!$G$22=$B$17,14,0)+IF('Standard Profiles'!$G$22=$B$24,21,0),0)),0)</f>
        <v>0</v>
      </c>
      <c r="I5474">
        <f t="shared" si="608"/>
        <v>0.41066069905921548</v>
      </c>
      <c r="J5474">
        <f t="shared" si="609"/>
        <v>1.3688689968640517</v>
      </c>
      <c r="K5474">
        <f t="shared" si="610"/>
        <v>2.0533034952960776</v>
      </c>
      <c r="L5474">
        <f t="shared" si="611"/>
        <v>9.8558567774211721</v>
      </c>
      <c r="M5474">
        <f t="shared" si="612"/>
        <v>0</v>
      </c>
      <c r="N5474" s="46">
        <f t="shared" si="613"/>
        <v>45518.666666653473</v>
      </c>
    </row>
    <row r="5475" spans="2:14" x14ac:dyDescent="0.3">
      <c r="B5475">
        <f t="shared" ref="B5475:B5538" si="614">WEEKDAY(N5475,2)</f>
        <v>3</v>
      </c>
      <c r="C5475" s="16">
        <v>5441</v>
      </c>
      <c r="D5475" cm="1">
        <f t="array" ref="D5475">IFERROR(INDEX(Jesper!AH$2:AH$366,ROUNDDOWN($C5475/24,0)+1,1)*INDEX($D$3:$AA$30,INDEX(Jesper!$R$2:$R$366,ROW(INDEX(Jesper!AH$2:AH$366,ROUNDDOWN($C5475/24,0)+1,1))-1)+IF('Standard Profiles'!$G$18=$B$10,7,0)+IF('Standard Profiles'!$G$18=$B$17,14,0)+IF('Standard Profiles'!$G$18=$B$24,21,0),MOD($C5475,24)+1)/SUM(INDEX($D$3:$AA$30,INDEX(Jesper!$R$2:$R$366,ROW(INDEX(Jesper!AH$2:AH$366,ROUNDDOWN($C5475/24,0)+1,1))-1)+IF('Standard Profiles'!$G$18=$B$10,7,0)+IF('Standard Profiles'!$G$18=$B$17,14,0)+IF('Standard Profiles'!$G$18=$B$24,21,0),0)),0)</f>
        <v>13.688689968640517</v>
      </c>
      <c r="E5475" cm="1">
        <f t="array" ref="E5475">IFERROR(INDEX(Jesper!AI$2:AI$366,ROUNDDOWN($C5475/24,0)+1,1)*INDEX($D$3:$AA$30,INDEX(Jesper!$R$2:$R$366,ROW(INDEX(Jesper!AI$2:AI$366,ROUNDDOWN($C5475/24,0)+1,1))-1)+IF('Standard Profiles'!$G$19=$B$10,7,0)+IF('Standard Profiles'!$G$19=$B$17,14,0)+IF('Standard Profiles'!$G$19=$B$24,21,0),MOD($C5475,24)+1)/SUM(INDEX($D$3:$AA$30,INDEX(Jesper!$R$2:$R$366,ROW(INDEX(Jesper!AI$2:AI$366,ROUNDDOWN($C5475/24,0)+1,1))-1)+IF('Standard Profiles'!$G$19=$B$10,7,0)+IF('Standard Profiles'!$G$19=$B$17,14,0)+IF('Standard Profiles'!$G$19=$B$24,21,0),0)),0)</f>
        <v>0</v>
      </c>
      <c r="F5475" cm="1">
        <f t="array" ref="F5475">IFERROR(INDEX(Jesper!AJ$2:AJ$366,ROUNDDOWN($C5475/24,0)+1,1)*INDEX($D$3:$AA$30,INDEX(Jesper!$R$2:$R$366,ROW(INDEX(Jesper!AJ$2:AJ$366,ROUNDDOWN($C5475/24,0)+1,1))-1)+IF('Standard Profiles'!$G$20=$B$10,7,0)+IF('Standard Profiles'!$G$20=$B$17,14,0)+IF('Standard Profiles'!$G$20=$B$24,21,0),MOD($C5475,24)+1)/SUM(INDEX($D$3:$AA$30,INDEX(Jesper!$R$2:$R$366,ROW(INDEX(Jesper!AJ$2:AJ$366,ROUNDDOWN($C5475/24,0)+1,1))-1)+IF('Standard Profiles'!$G$20=$B$10,7,0)+IF('Standard Profiles'!$G$20=$B$17,14,0)+IF('Standard Profiles'!$G$20=$B$24,21,0),0)),0)</f>
        <v>0</v>
      </c>
      <c r="G5475" cm="1">
        <f t="array" ref="G5475">IFERROR(INDEX(Jesper!AK$2:AK$366,ROUNDDOWN($C5475/24,0)+1,1)*INDEX($D$3:$AA$30,INDEX(Jesper!$R$2:$R$366,ROW(INDEX(Jesper!AK$2:AK$366,ROUNDDOWN($C5475/24,0)+1,1))-1)+IF('Standard Profiles'!$G$21=$B$10,7,0)+IF('Standard Profiles'!$G$21=$B$17,14,0)+IF('Standard Profiles'!$G$21=$B$24,21,0),MOD($C5475,24)+1)/SUM(INDEX($D$3:$AA$30,INDEX(Jesper!$R$2:$R$366,ROW(INDEX(Jesper!AK$2:AK$366,ROUNDDOWN($C5475/24,0)+1,1))-1)+IF('Standard Profiles'!$G$21=$B$10,7,0)+IF('Standard Profiles'!$G$21=$B$17,14,0)+IF('Standard Profiles'!$G$21=$B$24,21,0),0)),0)</f>
        <v>0</v>
      </c>
      <c r="H5475" cm="1">
        <f t="array" ref="H5475">IFERROR(INDEX(Jesper!AL$2:AL$366,ROUNDDOWN($C5475/24,0)+1,1)*INDEX($D$3:$AA$30,INDEX(Jesper!$R$2:$R$366,ROW(INDEX(Jesper!AL$2:AL$366,ROUNDDOWN($C5475/24,0)+1,1))-1)+IF('Standard Profiles'!$G$22=$B$10,7,0)+IF('Standard Profiles'!$G$22=$B$17,14,0)+IF('Standard Profiles'!$G$22=$B$24,21,0),MOD($C5475,24)+1)/SUM(INDEX($D$3:$AA$30,INDEX(Jesper!$R$2:$R$366,ROW(INDEX(Jesper!AL$2:AL$366,ROUNDDOWN($C5475/24,0)+1,1))-1)+IF('Standard Profiles'!$G$22=$B$10,7,0)+IF('Standard Profiles'!$G$22=$B$17,14,0)+IF('Standard Profiles'!$G$22=$B$24,21,0),0)),0)</f>
        <v>0</v>
      </c>
      <c r="I5475">
        <f t="shared" ref="I5475:I5538" si="615">IF($B5475&lt;6,AC$37*$D5475+AC$38*$E5475+AC$39*$F5475+AC$40*$G5475,AC$46*$D5475+AC$47*$E5475+AC$48*$F5475+AC$49*$G5475+AC$50*$H5475)</f>
        <v>0.41066069905921548</v>
      </c>
      <c r="J5475">
        <f t="shared" ref="J5475:J5538" si="616">IF($B5475&lt;6,AD$37*$D5475+AD$38*$E5475+AD$39*$F5475+AD$40*$G5475,AD$46*$D5475+AD$47*$E5475+AD$48*$F5475+AD$49*$G5475+AD$50*$H5475)</f>
        <v>1.3688689968640517</v>
      </c>
      <c r="K5475">
        <f t="shared" ref="K5475:K5538" si="617">IF($B5475&lt;6,AE$37*$D5475+AE$38*$E5475+AE$39*$F5475+AE$40*$G5475,AE$46*$D5475+AE$47*$E5475+AE$48*$F5475+AE$49*$G5475+AE$50*$H5475)</f>
        <v>2.0533034952960776</v>
      </c>
      <c r="L5475">
        <f t="shared" ref="L5475:L5538" si="618">IF($B5475&lt;6,AF$37*$D5475+AF$38*$E5475+AF$39*$F5475+AF$40*$G5475,AF$46*$D5475+AF$47*$E5475+AF$48*$F5475+AF$49*$G5475+AF$50*$H5475)</f>
        <v>9.8558567774211721</v>
      </c>
      <c r="M5475">
        <f t="shared" ref="M5475:M5538" si="619">IF($B5475&lt;6,AG$37*$D5475+AG$38*$E5475+AG$39*$F5475+AG$40*$G5475,AG$46*$D5475+AG$47*$E5475+AG$48*$F5475+AG$49*$G5475+AG$50*$H5475)</f>
        <v>0</v>
      </c>
      <c r="N5475" s="46">
        <f t="shared" si="613"/>
        <v>45518.708333320137</v>
      </c>
    </row>
    <row r="5476" spans="2:14" x14ac:dyDescent="0.3">
      <c r="B5476">
        <f t="shared" si="614"/>
        <v>3</v>
      </c>
      <c r="C5476" s="16">
        <v>5442</v>
      </c>
      <c r="D5476" cm="1">
        <f t="array" ref="D5476">IFERROR(INDEX(Jesper!AH$2:AH$366,ROUNDDOWN($C5476/24,0)+1,1)*INDEX($D$3:$AA$30,INDEX(Jesper!$R$2:$R$366,ROW(INDEX(Jesper!AH$2:AH$366,ROUNDDOWN($C5476/24,0)+1,1))-1)+IF('Standard Profiles'!$G$18=$B$10,7,0)+IF('Standard Profiles'!$G$18=$B$17,14,0)+IF('Standard Profiles'!$G$18=$B$24,21,0),MOD($C5476,24)+1)/SUM(INDEX($D$3:$AA$30,INDEX(Jesper!$R$2:$R$366,ROW(INDEX(Jesper!AH$2:AH$366,ROUNDDOWN($C5476/24,0)+1,1))-1)+IF('Standard Profiles'!$G$18=$B$10,7,0)+IF('Standard Profiles'!$G$18=$B$17,14,0)+IF('Standard Profiles'!$G$18=$B$24,21,0),0)),0)</f>
        <v>13.688689968640517</v>
      </c>
      <c r="E5476" cm="1">
        <f t="array" ref="E5476">IFERROR(INDEX(Jesper!AI$2:AI$366,ROUNDDOWN($C5476/24,0)+1,1)*INDEX($D$3:$AA$30,INDEX(Jesper!$R$2:$R$366,ROW(INDEX(Jesper!AI$2:AI$366,ROUNDDOWN($C5476/24,0)+1,1))-1)+IF('Standard Profiles'!$G$19=$B$10,7,0)+IF('Standard Profiles'!$G$19=$B$17,14,0)+IF('Standard Profiles'!$G$19=$B$24,21,0),MOD($C5476,24)+1)/SUM(INDEX($D$3:$AA$30,INDEX(Jesper!$R$2:$R$366,ROW(INDEX(Jesper!AI$2:AI$366,ROUNDDOWN($C5476/24,0)+1,1))-1)+IF('Standard Profiles'!$G$19=$B$10,7,0)+IF('Standard Profiles'!$G$19=$B$17,14,0)+IF('Standard Profiles'!$G$19=$B$24,21,0),0)),0)</f>
        <v>0</v>
      </c>
      <c r="F5476" cm="1">
        <f t="array" ref="F5476">IFERROR(INDEX(Jesper!AJ$2:AJ$366,ROUNDDOWN($C5476/24,0)+1,1)*INDEX($D$3:$AA$30,INDEX(Jesper!$R$2:$R$366,ROW(INDEX(Jesper!AJ$2:AJ$366,ROUNDDOWN($C5476/24,0)+1,1))-1)+IF('Standard Profiles'!$G$20=$B$10,7,0)+IF('Standard Profiles'!$G$20=$B$17,14,0)+IF('Standard Profiles'!$G$20=$B$24,21,0),MOD($C5476,24)+1)/SUM(INDEX($D$3:$AA$30,INDEX(Jesper!$R$2:$R$366,ROW(INDEX(Jesper!AJ$2:AJ$366,ROUNDDOWN($C5476/24,0)+1,1))-1)+IF('Standard Profiles'!$G$20=$B$10,7,0)+IF('Standard Profiles'!$G$20=$B$17,14,0)+IF('Standard Profiles'!$G$20=$B$24,21,0),0)),0)</f>
        <v>0</v>
      </c>
      <c r="G5476" cm="1">
        <f t="array" ref="G5476">IFERROR(INDEX(Jesper!AK$2:AK$366,ROUNDDOWN($C5476/24,0)+1,1)*INDEX($D$3:$AA$30,INDEX(Jesper!$R$2:$R$366,ROW(INDEX(Jesper!AK$2:AK$366,ROUNDDOWN($C5476/24,0)+1,1))-1)+IF('Standard Profiles'!$G$21=$B$10,7,0)+IF('Standard Profiles'!$G$21=$B$17,14,0)+IF('Standard Profiles'!$G$21=$B$24,21,0),MOD($C5476,24)+1)/SUM(INDEX($D$3:$AA$30,INDEX(Jesper!$R$2:$R$366,ROW(INDEX(Jesper!AK$2:AK$366,ROUNDDOWN($C5476/24,0)+1,1))-1)+IF('Standard Profiles'!$G$21=$B$10,7,0)+IF('Standard Profiles'!$G$21=$B$17,14,0)+IF('Standard Profiles'!$G$21=$B$24,21,0),0)),0)</f>
        <v>0</v>
      </c>
      <c r="H5476" cm="1">
        <f t="array" ref="H5476">IFERROR(INDEX(Jesper!AL$2:AL$366,ROUNDDOWN($C5476/24,0)+1,1)*INDEX($D$3:$AA$30,INDEX(Jesper!$R$2:$R$366,ROW(INDEX(Jesper!AL$2:AL$366,ROUNDDOWN($C5476/24,0)+1,1))-1)+IF('Standard Profiles'!$G$22=$B$10,7,0)+IF('Standard Profiles'!$G$22=$B$17,14,0)+IF('Standard Profiles'!$G$22=$B$24,21,0),MOD($C5476,24)+1)/SUM(INDEX($D$3:$AA$30,INDEX(Jesper!$R$2:$R$366,ROW(INDEX(Jesper!AL$2:AL$366,ROUNDDOWN($C5476/24,0)+1,1))-1)+IF('Standard Profiles'!$G$22=$B$10,7,0)+IF('Standard Profiles'!$G$22=$B$17,14,0)+IF('Standard Profiles'!$G$22=$B$24,21,0),0)),0)</f>
        <v>0</v>
      </c>
      <c r="I5476">
        <f t="shared" si="615"/>
        <v>0.41066069905921548</v>
      </c>
      <c r="J5476">
        <f t="shared" si="616"/>
        <v>1.3688689968640517</v>
      </c>
      <c r="K5476">
        <f t="shared" si="617"/>
        <v>2.0533034952960776</v>
      </c>
      <c r="L5476">
        <f t="shared" si="618"/>
        <v>9.8558567774211721</v>
      </c>
      <c r="M5476">
        <f t="shared" si="619"/>
        <v>0</v>
      </c>
      <c r="N5476" s="46">
        <f t="shared" ref="N5476:N5539" si="620">N5475+1/24</f>
        <v>45518.749999986801</v>
      </c>
    </row>
    <row r="5477" spans="2:14" x14ac:dyDescent="0.3">
      <c r="B5477">
        <f t="shared" si="614"/>
        <v>3</v>
      </c>
      <c r="C5477" s="16">
        <v>5443</v>
      </c>
      <c r="D5477" cm="1">
        <f t="array" ref="D5477">IFERROR(INDEX(Jesper!AH$2:AH$366,ROUNDDOWN($C5477/24,0)+1,1)*INDEX($D$3:$AA$30,INDEX(Jesper!$R$2:$R$366,ROW(INDEX(Jesper!AH$2:AH$366,ROUNDDOWN($C5477/24,0)+1,1))-1)+IF('Standard Profiles'!$G$18=$B$10,7,0)+IF('Standard Profiles'!$G$18=$B$17,14,0)+IF('Standard Profiles'!$G$18=$B$24,21,0),MOD($C5477,24)+1)/SUM(INDEX($D$3:$AA$30,INDEX(Jesper!$R$2:$R$366,ROW(INDEX(Jesper!AH$2:AH$366,ROUNDDOWN($C5477/24,0)+1,1))-1)+IF('Standard Profiles'!$G$18=$B$10,7,0)+IF('Standard Profiles'!$G$18=$B$17,14,0)+IF('Standard Profiles'!$G$18=$B$24,21,0),0)),0)</f>
        <v>11.407241640533764</v>
      </c>
      <c r="E5477" cm="1">
        <f t="array" ref="E5477">IFERROR(INDEX(Jesper!AI$2:AI$366,ROUNDDOWN($C5477/24,0)+1,1)*INDEX($D$3:$AA$30,INDEX(Jesper!$R$2:$R$366,ROW(INDEX(Jesper!AI$2:AI$366,ROUNDDOWN($C5477/24,0)+1,1))-1)+IF('Standard Profiles'!$G$19=$B$10,7,0)+IF('Standard Profiles'!$G$19=$B$17,14,0)+IF('Standard Profiles'!$G$19=$B$24,21,0),MOD($C5477,24)+1)/SUM(INDEX($D$3:$AA$30,INDEX(Jesper!$R$2:$R$366,ROW(INDEX(Jesper!AI$2:AI$366,ROUNDDOWN($C5477/24,0)+1,1))-1)+IF('Standard Profiles'!$G$19=$B$10,7,0)+IF('Standard Profiles'!$G$19=$B$17,14,0)+IF('Standard Profiles'!$G$19=$B$24,21,0),0)),0)</f>
        <v>0</v>
      </c>
      <c r="F5477" cm="1">
        <f t="array" ref="F5477">IFERROR(INDEX(Jesper!AJ$2:AJ$366,ROUNDDOWN($C5477/24,0)+1,1)*INDEX($D$3:$AA$30,INDEX(Jesper!$R$2:$R$366,ROW(INDEX(Jesper!AJ$2:AJ$366,ROUNDDOWN($C5477/24,0)+1,1))-1)+IF('Standard Profiles'!$G$20=$B$10,7,0)+IF('Standard Profiles'!$G$20=$B$17,14,0)+IF('Standard Profiles'!$G$20=$B$24,21,0),MOD($C5477,24)+1)/SUM(INDEX($D$3:$AA$30,INDEX(Jesper!$R$2:$R$366,ROW(INDEX(Jesper!AJ$2:AJ$366,ROUNDDOWN($C5477/24,0)+1,1))-1)+IF('Standard Profiles'!$G$20=$B$10,7,0)+IF('Standard Profiles'!$G$20=$B$17,14,0)+IF('Standard Profiles'!$G$20=$B$24,21,0),0)),0)</f>
        <v>0</v>
      </c>
      <c r="G5477" cm="1">
        <f t="array" ref="G5477">IFERROR(INDEX(Jesper!AK$2:AK$366,ROUNDDOWN($C5477/24,0)+1,1)*INDEX($D$3:$AA$30,INDEX(Jesper!$R$2:$R$366,ROW(INDEX(Jesper!AK$2:AK$366,ROUNDDOWN($C5477/24,0)+1,1))-1)+IF('Standard Profiles'!$G$21=$B$10,7,0)+IF('Standard Profiles'!$G$21=$B$17,14,0)+IF('Standard Profiles'!$G$21=$B$24,21,0),MOD($C5477,24)+1)/SUM(INDEX($D$3:$AA$30,INDEX(Jesper!$R$2:$R$366,ROW(INDEX(Jesper!AK$2:AK$366,ROUNDDOWN($C5477/24,0)+1,1))-1)+IF('Standard Profiles'!$G$21=$B$10,7,0)+IF('Standard Profiles'!$G$21=$B$17,14,0)+IF('Standard Profiles'!$G$21=$B$24,21,0),0)),0)</f>
        <v>0</v>
      </c>
      <c r="H5477" cm="1">
        <f t="array" ref="H5477">IFERROR(INDEX(Jesper!AL$2:AL$366,ROUNDDOWN($C5477/24,0)+1,1)*INDEX($D$3:$AA$30,INDEX(Jesper!$R$2:$R$366,ROW(INDEX(Jesper!AL$2:AL$366,ROUNDDOWN($C5477/24,0)+1,1))-1)+IF('Standard Profiles'!$G$22=$B$10,7,0)+IF('Standard Profiles'!$G$22=$B$17,14,0)+IF('Standard Profiles'!$G$22=$B$24,21,0),MOD($C5477,24)+1)/SUM(INDEX($D$3:$AA$30,INDEX(Jesper!$R$2:$R$366,ROW(INDEX(Jesper!AL$2:AL$366,ROUNDDOWN($C5477/24,0)+1,1))-1)+IF('Standard Profiles'!$G$22=$B$10,7,0)+IF('Standard Profiles'!$G$22=$B$17,14,0)+IF('Standard Profiles'!$G$22=$B$24,21,0),0)),0)</f>
        <v>0</v>
      </c>
      <c r="I5477">
        <f t="shared" si="615"/>
        <v>0.34221724921601288</v>
      </c>
      <c r="J5477">
        <f t="shared" si="616"/>
        <v>1.1407241640533765</v>
      </c>
      <c r="K5477">
        <f t="shared" si="617"/>
        <v>1.7110862460800644</v>
      </c>
      <c r="L5477">
        <f t="shared" si="618"/>
        <v>8.2132139811843103</v>
      </c>
      <c r="M5477">
        <f t="shared" si="619"/>
        <v>0</v>
      </c>
      <c r="N5477" s="46">
        <f t="shared" si="620"/>
        <v>45518.791666653466</v>
      </c>
    </row>
    <row r="5478" spans="2:14" x14ac:dyDescent="0.3">
      <c r="B5478">
        <f t="shared" si="614"/>
        <v>3</v>
      </c>
      <c r="C5478" s="16">
        <v>5444</v>
      </c>
      <c r="D5478" cm="1">
        <f t="array" ref="D5478">IFERROR(INDEX(Jesper!AH$2:AH$366,ROUNDDOWN($C5478/24,0)+1,1)*INDEX($D$3:$AA$30,INDEX(Jesper!$R$2:$R$366,ROW(INDEX(Jesper!AH$2:AH$366,ROUNDDOWN($C5478/24,0)+1,1))-1)+IF('Standard Profiles'!$G$18=$B$10,7,0)+IF('Standard Profiles'!$G$18=$B$17,14,0)+IF('Standard Profiles'!$G$18=$B$24,21,0),MOD($C5478,24)+1)/SUM(INDEX($D$3:$AA$30,INDEX(Jesper!$R$2:$R$366,ROW(INDEX(Jesper!AH$2:AH$366,ROUNDDOWN($C5478/24,0)+1,1))-1)+IF('Standard Profiles'!$G$18=$B$10,7,0)+IF('Standard Profiles'!$G$18=$B$17,14,0)+IF('Standard Profiles'!$G$18=$B$24,21,0),0)),0)</f>
        <v>9.1257933124270121</v>
      </c>
      <c r="E5478" cm="1">
        <f t="array" ref="E5478">IFERROR(INDEX(Jesper!AI$2:AI$366,ROUNDDOWN($C5478/24,0)+1,1)*INDEX($D$3:$AA$30,INDEX(Jesper!$R$2:$R$366,ROW(INDEX(Jesper!AI$2:AI$366,ROUNDDOWN($C5478/24,0)+1,1))-1)+IF('Standard Profiles'!$G$19=$B$10,7,0)+IF('Standard Profiles'!$G$19=$B$17,14,0)+IF('Standard Profiles'!$G$19=$B$24,21,0),MOD($C5478,24)+1)/SUM(INDEX($D$3:$AA$30,INDEX(Jesper!$R$2:$R$366,ROW(INDEX(Jesper!AI$2:AI$366,ROUNDDOWN($C5478/24,0)+1,1))-1)+IF('Standard Profiles'!$G$19=$B$10,7,0)+IF('Standard Profiles'!$G$19=$B$17,14,0)+IF('Standard Profiles'!$G$19=$B$24,21,0),0)),0)</f>
        <v>0</v>
      </c>
      <c r="F5478" cm="1">
        <f t="array" ref="F5478">IFERROR(INDEX(Jesper!AJ$2:AJ$366,ROUNDDOWN($C5478/24,0)+1,1)*INDEX($D$3:$AA$30,INDEX(Jesper!$R$2:$R$366,ROW(INDEX(Jesper!AJ$2:AJ$366,ROUNDDOWN($C5478/24,0)+1,1))-1)+IF('Standard Profiles'!$G$20=$B$10,7,0)+IF('Standard Profiles'!$G$20=$B$17,14,0)+IF('Standard Profiles'!$G$20=$B$24,21,0),MOD($C5478,24)+1)/SUM(INDEX($D$3:$AA$30,INDEX(Jesper!$R$2:$R$366,ROW(INDEX(Jesper!AJ$2:AJ$366,ROUNDDOWN($C5478/24,0)+1,1))-1)+IF('Standard Profiles'!$G$20=$B$10,7,0)+IF('Standard Profiles'!$G$20=$B$17,14,0)+IF('Standard Profiles'!$G$20=$B$24,21,0),0)),0)</f>
        <v>0</v>
      </c>
      <c r="G5478" cm="1">
        <f t="array" ref="G5478">IFERROR(INDEX(Jesper!AK$2:AK$366,ROUNDDOWN($C5478/24,0)+1,1)*INDEX($D$3:$AA$30,INDEX(Jesper!$R$2:$R$366,ROW(INDEX(Jesper!AK$2:AK$366,ROUNDDOWN($C5478/24,0)+1,1))-1)+IF('Standard Profiles'!$G$21=$B$10,7,0)+IF('Standard Profiles'!$G$21=$B$17,14,0)+IF('Standard Profiles'!$G$21=$B$24,21,0),MOD($C5478,24)+1)/SUM(INDEX($D$3:$AA$30,INDEX(Jesper!$R$2:$R$366,ROW(INDEX(Jesper!AK$2:AK$366,ROUNDDOWN($C5478/24,0)+1,1))-1)+IF('Standard Profiles'!$G$21=$B$10,7,0)+IF('Standard Profiles'!$G$21=$B$17,14,0)+IF('Standard Profiles'!$G$21=$B$24,21,0),0)),0)</f>
        <v>0</v>
      </c>
      <c r="H5478" cm="1">
        <f t="array" ref="H5478">IFERROR(INDEX(Jesper!AL$2:AL$366,ROUNDDOWN($C5478/24,0)+1,1)*INDEX($D$3:$AA$30,INDEX(Jesper!$R$2:$R$366,ROW(INDEX(Jesper!AL$2:AL$366,ROUNDDOWN($C5478/24,0)+1,1))-1)+IF('Standard Profiles'!$G$22=$B$10,7,0)+IF('Standard Profiles'!$G$22=$B$17,14,0)+IF('Standard Profiles'!$G$22=$B$24,21,0),MOD($C5478,24)+1)/SUM(INDEX($D$3:$AA$30,INDEX(Jesper!$R$2:$R$366,ROW(INDEX(Jesper!AL$2:AL$366,ROUNDDOWN($C5478/24,0)+1,1))-1)+IF('Standard Profiles'!$G$22=$B$10,7,0)+IF('Standard Profiles'!$G$22=$B$17,14,0)+IF('Standard Profiles'!$G$22=$B$24,21,0),0)),0)</f>
        <v>0</v>
      </c>
      <c r="I5478">
        <f t="shared" si="615"/>
        <v>0.27377379937281038</v>
      </c>
      <c r="J5478">
        <f t="shared" si="616"/>
        <v>0.9125793312427013</v>
      </c>
      <c r="K5478">
        <f t="shared" si="617"/>
        <v>1.3688689968640517</v>
      </c>
      <c r="L5478">
        <f t="shared" si="618"/>
        <v>6.5705711849474486</v>
      </c>
      <c r="M5478">
        <f t="shared" si="619"/>
        <v>0</v>
      </c>
      <c r="N5478" s="46">
        <f t="shared" si="620"/>
        <v>45518.83333332013</v>
      </c>
    </row>
    <row r="5479" spans="2:14" x14ac:dyDescent="0.3">
      <c r="B5479">
        <f t="shared" si="614"/>
        <v>3</v>
      </c>
      <c r="C5479" s="16">
        <v>5445</v>
      </c>
      <c r="D5479" cm="1">
        <f t="array" ref="D5479">IFERROR(INDEX(Jesper!AH$2:AH$366,ROUNDDOWN($C5479/24,0)+1,1)*INDEX($D$3:$AA$30,INDEX(Jesper!$R$2:$R$366,ROW(INDEX(Jesper!AH$2:AH$366,ROUNDDOWN($C5479/24,0)+1,1))-1)+IF('Standard Profiles'!$G$18=$B$10,7,0)+IF('Standard Profiles'!$G$18=$B$17,14,0)+IF('Standard Profiles'!$G$18=$B$24,21,0),MOD($C5479,24)+1)/SUM(INDEX($D$3:$AA$30,INDEX(Jesper!$R$2:$R$366,ROW(INDEX(Jesper!AH$2:AH$366,ROUNDDOWN($C5479/24,0)+1,1))-1)+IF('Standard Profiles'!$G$18=$B$10,7,0)+IF('Standard Profiles'!$G$18=$B$17,14,0)+IF('Standard Profiles'!$G$18=$B$24,21,0),0)),0)</f>
        <v>6.8443449843202586</v>
      </c>
      <c r="E5479" cm="1">
        <f t="array" ref="E5479">IFERROR(INDEX(Jesper!AI$2:AI$366,ROUNDDOWN($C5479/24,0)+1,1)*INDEX($D$3:$AA$30,INDEX(Jesper!$R$2:$R$366,ROW(INDEX(Jesper!AI$2:AI$366,ROUNDDOWN($C5479/24,0)+1,1))-1)+IF('Standard Profiles'!$G$19=$B$10,7,0)+IF('Standard Profiles'!$G$19=$B$17,14,0)+IF('Standard Profiles'!$G$19=$B$24,21,0),MOD($C5479,24)+1)/SUM(INDEX($D$3:$AA$30,INDEX(Jesper!$R$2:$R$366,ROW(INDEX(Jesper!AI$2:AI$366,ROUNDDOWN($C5479/24,0)+1,1))-1)+IF('Standard Profiles'!$G$19=$B$10,7,0)+IF('Standard Profiles'!$G$19=$B$17,14,0)+IF('Standard Profiles'!$G$19=$B$24,21,0),0)),0)</f>
        <v>0</v>
      </c>
      <c r="F5479" cm="1">
        <f t="array" ref="F5479">IFERROR(INDEX(Jesper!AJ$2:AJ$366,ROUNDDOWN($C5479/24,0)+1,1)*INDEX($D$3:$AA$30,INDEX(Jesper!$R$2:$R$366,ROW(INDEX(Jesper!AJ$2:AJ$366,ROUNDDOWN($C5479/24,0)+1,1))-1)+IF('Standard Profiles'!$G$20=$B$10,7,0)+IF('Standard Profiles'!$G$20=$B$17,14,0)+IF('Standard Profiles'!$G$20=$B$24,21,0),MOD($C5479,24)+1)/SUM(INDEX($D$3:$AA$30,INDEX(Jesper!$R$2:$R$366,ROW(INDEX(Jesper!AJ$2:AJ$366,ROUNDDOWN($C5479/24,0)+1,1))-1)+IF('Standard Profiles'!$G$20=$B$10,7,0)+IF('Standard Profiles'!$G$20=$B$17,14,0)+IF('Standard Profiles'!$G$20=$B$24,21,0),0)),0)</f>
        <v>0</v>
      </c>
      <c r="G5479" cm="1">
        <f t="array" ref="G5479">IFERROR(INDEX(Jesper!AK$2:AK$366,ROUNDDOWN($C5479/24,0)+1,1)*INDEX($D$3:$AA$30,INDEX(Jesper!$R$2:$R$366,ROW(INDEX(Jesper!AK$2:AK$366,ROUNDDOWN($C5479/24,0)+1,1))-1)+IF('Standard Profiles'!$G$21=$B$10,7,0)+IF('Standard Profiles'!$G$21=$B$17,14,0)+IF('Standard Profiles'!$G$21=$B$24,21,0),MOD($C5479,24)+1)/SUM(INDEX($D$3:$AA$30,INDEX(Jesper!$R$2:$R$366,ROW(INDEX(Jesper!AK$2:AK$366,ROUNDDOWN($C5479/24,0)+1,1))-1)+IF('Standard Profiles'!$G$21=$B$10,7,0)+IF('Standard Profiles'!$G$21=$B$17,14,0)+IF('Standard Profiles'!$G$21=$B$24,21,0),0)),0)</f>
        <v>0</v>
      </c>
      <c r="H5479" cm="1">
        <f t="array" ref="H5479">IFERROR(INDEX(Jesper!AL$2:AL$366,ROUNDDOWN($C5479/24,0)+1,1)*INDEX($D$3:$AA$30,INDEX(Jesper!$R$2:$R$366,ROW(INDEX(Jesper!AL$2:AL$366,ROUNDDOWN($C5479/24,0)+1,1))-1)+IF('Standard Profiles'!$G$22=$B$10,7,0)+IF('Standard Profiles'!$G$22=$B$17,14,0)+IF('Standard Profiles'!$G$22=$B$24,21,0),MOD($C5479,24)+1)/SUM(INDEX($D$3:$AA$30,INDEX(Jesper!$R$2:$R$366,ROW(INDEX(Jesper!AL$2:AL$366,ROUNDDOWN($C5479/24,0)+1,1))-1)+IF('Standard Profiles'!$G$22=$B$10,7,0)+IF('Standard Profiles'!$G$22=$B$17,14,0)+IF('Standard Profiles'!$G$22=$B$24,21,0),0)),0)</f>
        <v>0</v>
      </c>
      <c r="I5479">
        <f t="shared" si="615"/>
        <v>0.20533034952960774</v>
      </c>
      <c r="J5479">
        <f t="shared" si="616"/>
        <v>0.68443449843202586</v>
      </c>
      <c r="K5479">
        <f t="shared" si="617"/>
        <v>1.0266517476480388</v>
      </c>
      <c r="L5479">
        <f t="shared" si="618"/>
        <v>4.927928388710586</v>
      </c>
      <c r="M5479">
        <f t="shared" si="619"/>
        <v>0</v>
      </c>
      <c r="N5479" s="46">
        <f t="shared" si="620"/>
        <v>45518.874999986794</v>
      </c>
    </row>
    <row r="5480" spans="2:14" x14ac:dyDescent="0.3">
      <c r="B5480">
        <f t="shared" si="614"/>
        <v>3</v>
      </c>
      <c r="C5480" s="16">
        <v>5446</v>
      </c>
      <c r="D5480" cm="1">
        <f t="array" ref="D5480">IFERROR(INDEX(Jesper!AH$2:AH$366,ROUNDDOWN($C5480/24,0)+1,1)*INDEX($D$3:$AA$30,INDEX(Jesper!$R$2:$R$366,ROW(INDEX(Jesper!AH$2:AH$366,ROUNDDOWN($C5480/24,0)+1,1))-1)+IF('Standard Profiles'!$G$18=$B$10,7,0)+IF('Standard Profiles'!$G$18=$B$17,14,0)+IF('Standard Profiles'!$G$18=$B$24,21,0),MOD($C5480,24)+1)/SUM(INDEX($D$3:$AA$30,INDEX(Jesper!$R$2:$R$366,ROW(INDEX(Jesper!AH$2:AH$366,ROUNDDOWN($C5480/24,0)+1,1))-1)+IF('Standard Profiles'!$G$18=$B$10,7,0)+IF('Standard Profiles'!$G$18=$B$17,14,0)+IF('Standard Profiles'!$G$18=$B$24,21,0),0)),0)</f>
        <v>6.8443449843202586</v>
      </c>
      <c r="E5480" cm="1">
        <f t="array" ref="E5480">IFERROR(INDEX(Jesper!AI$2:AI$366,ROUNDDOWN($C5480/24,0)+1,1)*INDEX($D$3:$AA$30,INDEX(Jesper!$R$2:$R$366,ROW(INDEX(Jesper!AI$2:AI$366,ROUNDDOWN($C5480/24,0)+1,1))-1)+IF('Standard Profiles'!$G$19=$B$10,7,0)+IF('Standard Profiles'!$G$19=$B$17,14,0)+IF('Standard Profiles'!$G$19=$B$24,21,0),MOD($C5480,24)+1)/SUM(INDEX($D$3:$AA$30,INDEX(Jesper!$R$2:$R$366,ROW(INDEX(Jesper!AI$2:AI$366,ROUNDDOWN($C5480/24,0)+1,1))-1)+IF('Standard Profiles'!$G$19=$B$10,7,0)+IF('Standard Profiles'!$G$19=$B$17,14,0)+IF('Standard Profiles'!$G$19=$B$24,21,0),0)),0)</f>
        <v>0</v>
      </c>
      <c r="F5480" cm="1">
        <f t="array" ref="F5480">IFERROR(INDEX(Jesper!AJ$2:AJ$366,ROUNDDOWN($C5480/24,0)+1,1)*INDEX($D$3:$AA$30,INDEX(Jesper!$R$2:$R$366,ROW(INDEX(Jesper!AJ$2:AJ$366,ROUNDDOWN($C5480/24,0)+1,1))-1)+IF('Standard Profiles'!$G$20=$B$10,7,0)+IF('Standard Profiles'!$G$20=$B$17,14,0)+IF('Standard Profiles'!$G$20=$B$24,21,0),MOD($C5480,24)+1)/SUM(INDEX($D$3:$AA$30,INDEX(Jesper!$R$2:$R$366,ROW(INDEX(Jesper!AJ$2:AJ$366,ROUNDDOWN($C5480/24,0)+1,1))-1)+IF('Standard Profiles'!$G$20=$B$10,7,0)+IF('Standard Profiles'!$G$20=$B$17,14,0)+IF('Standard Profiles'!$G$20=$B$24,21,0),0)),0)</f>
        <v>0</v>
      </c>
      <c r="G5480" cm="1">
        <f t="array" ref="G5480">IFERROR(INDEX(Jesper!AK$2:AK$366,ROUNDDOWN($C5480/24,0)+1,1)*INDEX($D$3:$AA$30,INDEX(Jesper!$R$2:$R$366,ROW(INDEX(Jesper!AK$2:AK$366,ROUNDDOWN($C5480/24,0)+1,1))-1)+IF('Standard Profiles'!$G$21=$B$10,7,0)+IF('Standard Profiles'!$G$21=$B$17,14,0)+IF('Standard Profiles'!$G$21=$B$24,21,0),MOD($C5480,24)+1)/SUM(INDEX($D$3:$AA$30,INDEX(Jesper!$R$2:$R$366,ROW(INDEX(Jesper!AK$2:AK$366,ROUNDDOWN($C5480/24,0)+1,1))-1)+IF('Standard Profiles'!$G$21=$B$10,7,0)+IF('Standard Profiles'!$G$21=$B$17,14,0)+IF('Standard Profiles'!$G$21=$B$24,21,0),0)),0)</f>
        <v>0</v>
      </c>
      <c r="H5480" cm="1">
        <f t="array" ref="H5480">IFERROR(INDEX(Jesper!AL$2:AL$366,ROUNDDOWN($C5480/24,0)+1,1)*INDEX($D$3:$AA$30,INDEX(Jesper!$R$2:$R$366,ROW(INDEX(Jesper!AL$2:AL$366,ROUNDDOWN($C5480/24,0)+1,1))-1)+IF('Standard Profiles'!$G$22=$B$10,7,0)+IF('Standard Profiles'!$G$22=$B$17,14,0)+IF('Standard Profiles'!$G$22=$B$24,21,0),MOD($C5480,24)+1)/SUM(INDEX($D$3:$AA$30,INDEX(Jesper!$R$2:$R$366,ROW(INDEX(Jesper!AL$2:AL$366,ROUNDDOWN($C5480/24,0)+1,1))-1)+IF('Standard Profiles'!$G$22=$B$10,7,0)+IF('Standard Profiles'!$G$22=$B$17,14,0)+IF('Standard Profiles'!$G$22=$B$24,21,0),0)),0)</f>
        <v>0</v>
      </c>
      <c r="I5480">
        <f t="shared" si="615"/>
        <v>0.20533034952960774</v>
      </c>
      <c r="J5480">
        <f t="shared" si="616"/>
        <v>0.68443449843202586</v>
      </c>
      <c r="K5480">
        <f t="shared" si="617"/>
        <v>1.0266517476480388</v>
      </c>
      <c r="L5480">
        <f t="shared" si="618"/>
        <v>4.927928388710586</v>
      </c>
      <c r="M5480">
        <f t="shared" si="619"/>
        <v>0</v>
      </c>
      <c r="N5480" s="46">
        <f t="shared" si="620"/>
        <v>45518.916666653458</v>
      </c>
    </row>
    <row r="5481" spans="2:14" x14ac:dyDescent="0.3">
      <c r="B5481">
        <f t="shared" si="614"/>
        <v>3</v>
      </c>
      <c r="C5481" s="16">
        <v>5447</v>
      </c>
      <c r="D5481" cm="1">
        <f t="array" ref="D5481">IFERROR(INDEX(Jesper!AH$2:AH$366,ROUNDDOWN($C5481/24,0)+1,1)*INDEX($D$3:$AA$30,INDEX(Jesper!$R$2:$R$366,ROW(INDEX(Jesper!AH$2:AH$366,ROUNDDOWN($C5481/24,0)+1,1))-1)+IF('Standard Profiles'!$G$18=$B$10,7,0)+IF('Standard Profiles'!$G$18=$B$17,14,0)+IF('Standard Profiles'!$G$18=$B$24,21,0),MOD($C5481,24)+1)/SUM(INDEX($D$3:$AA$30,INDEX(Jesper!$R$2:$R$366,ROW(INDEX(Jesper!AH$2:AH$366,ROUNDDOWN($C5481/24,0)+1,1))-1)+IF('Standard Profiles'!$G$18=$B$10,7,0)+IF('Standard Profiles'!$G$18=$B$17,14,0)+IF('Standard Profiles'!$G$18=$B$24,21,0),0)),0)</f>
        <v>6.8443449843202586</v>
      </c>
      <c r="E5481" cm="1">
        <f t="array" ref="E5481">IFERROR(INDEX(Jesper!AI$2:AI$366,ROUNDDOWN($C5481/24,0)+1,1)*INDEX($D$3:$AA$30,INDEX(Jesper!$R$2:$R$366,ROW(INDEX(Jesper!AI$2:AI$366,ROUNDDOWN($C5481/24,0)+1,1))-1)+IF('Standard Profiles'!$G$19=$B$10,7,0)+IF('Standard Profiles'!$G$19=$B$17,14,0)+IF('Standard Profiles'!$G$19=$B$24,21,0),MOD($C5481,24)+1)/SUM(INDEX($D$3:$AA$30,INDEX(Jesper!$R$2:$R$366,ROW(INDEX(Jesper!AI$2:AI$366,ROUNDDOWN($C5481/24,0)+1,1))-1)+IF('Standard Profiles'!$G$19=$B$10,7,0)+IF('Standard Profiles'!$G$19=$B$17,14,0)+IF('Standard Profiles'!$G$19=$B$24,21,0),0)),0)</f>
        <v>0</v>
      </c>
      <c r="F5481" cm="1">
        <f t="array" ref="F5481">IFERROR(INDEX(Jesper!AJ$2:AJ$366,ROUNDDOWN($C5481/24,0)+1,1)*INDEX($D$3:$AA$30,INDEX(Jesper!$R$2:$R$366,ROW(INDEX(Jesper!AJ$2:AJ$366,ROUNDDOWN($C5481/24,0)+1,1))-1)+IF('Standard Profiles'!$G$20=$B$10,7,0)+IF('Standard Profiles'!$G$20=$B$17,14,0)+IF('Standard Profiles'!$G$20=$B$24,21,0),MOD($C5481,24)+1)/SUM(INDEX($D$3:$AA$30,INDEX(Jesper!$R$2:$R$366,ROW(INDEX(Jesper!AJ$2:AJ$366,ROUNDDOWN($C5481/24,0)+1,1))-1)+IF('Standard Profiles'!$G$20=$B$10,7,0)+IF('Standard Profiles'!$G$20=$B$17,14,0)+IF('Standard Profiles'!$G$20=$B$24,21,0),0)),0)</f>
        <v>0</v>
      </c>
      <c r="G5481" cm="1">
        <f t="array" ref="G5481">IFERROR(INDEX(Jesper!AK$2:AK$366,ROUNDDOWN($C5481/24,0)+1,1)*INDEX($D$3:$AA$30,INDEX(Jesper!$R$2:$R$366,ROW(INDEX(Jesper!AK$2:AK$366,ROUNDDOWN($C5481/24,0)+1,1))-1)+IF('Standard Profiles'!$G$21=$B$10,7,0)+IF('Standard Profiles'!$G$21=$B$17,14,0)+IF('Standard Profiles'!$G$21=$B$24,21,0),MOD($C5481,24)+1)/SUM(INDEX($D$3:$AA$30,INDEX(Jesper!$R$2:$R$366,ROW(INDEX(Jesper!AK$2:AK$366,ROUNDDOWN($C5481/24,0)+1,1))-1)+IF('Standard Profiles'!$G$21=$B$10,7,0)+IF('Standard Profiles'!$G$21=$B$17,14,0)+IF('Standard Profiles'!$G$21=$B$24,21,0),0)),0)</f>
        <v>0</v>
      </c>
      <c r="H5481" cm="1">
        <f t="array" ref="H5481">IFERROR(INDEX(Jesper!AL$2:AL$366,ROUNDDOWN($C5481/24,0)+1,1)*INDEX($D$3:$AA$30,INDEX(Jesper!$R$2:$R$366,ROW(INDEX(Jesper!AL$2:AL$366,ROUNDDOWN($C5481/24,0)+1,1))-1)+IF('Standard Profiles'!$G$22=$B$10,7,0)+IF('Standard Profiles'!$G$22=$B$17,14,0)+IF('Standard Profiles'!$G$22=$B$24,21,0),MOD($C5481,24)+1)/SUM(INDEX($D$3:$AA$30,INDEX(Jesper!$R$2:$R$366,ROW(INDEX(Jesper!AL$2:AL$366,ROUNDDOWN($C5481/24,0)+1,1))-1)+IF('Standard Profiles'!$G$22=$B$10,7,0)+IF('Standard Profiles'!$G$22=$B$17,14,0)+IF('Standard Profiles'!$G$22=$B$24,21,0),0)),0)</f>
        <v>0</v>
      </c>
      <c r="I5481">
        <f t="shared" si="615"/>
        <v>0.20533034952960774</v>
      </c>
      <c r="J5481">
        <f t="shared" si="616"/>
        <v>0.68443449843202586</v>
      </c>
      <c r="K5481">
        <f t="shared" si="617"/>
        <v>1.0266517476480388</v>
      </c>
      <c r="L5481">
        <f t="shared" si="618"/>
        <v>4.927928388710586</v>
      </c>
      <c r="M5481">
        <f t="shared" si="619"/>
        <v>0</v>
      </c>
      <c r="N5481" s="46">
        <f t="shared" si="620"/>
        <v>45518.958333320123</v>
      </c>
    </row>
    <row r="5482" spans="2:14" x14ac:dyDescent="0.3">
      <c r="B5482">
        <f t="shared" si="614"/>
        <v>4</v>
      </c>
      <c r="C5482" s="16">
        <v>5448</v>
      </c>
      <c r="D5482" cm="1">
        <f t="array" ref="D5482">IFERROR(INDEX(Jesper!AH$2:AH$366,ROUNDDOWN($C5482/24,0)+1,1)*INDEX($D$3:$AA$30,INDEX(Jesper!$R$2:$R$366,ROW(INDEX(Jesper!AH$2:AH$366,ROUNDDOWN($C5482/24,0)+1,1))-1)+IF('Standard Profiles'!$G$18=$B$10,7,0)+IF('Standard Profiles'!$G$18=$B$17,14,0)+IF('Standard Profiles'!$G$18=$B$24,21,0),MOD($C5482,24)+1)/SUM(INDEX($D$3:$AA$30,INDEX(Jesper!$R$2:$R$366,ROW(INDEX(Jesper!AH$2:AH$366,ROUNDDOWN($C5482/24,0)+1,1))-1)+IF('Standard Profiles'!$G$18=$B$10,7,0)+IF('Standard Profiles'!$G$18=$B$17,14,0)+IF('Standard Profiles'!$G$18=$B$24,21,0),0)),0)</f>
        <v>6.9521759431413059</v>
      </c>
      <c r="E5482" cm="1">
        <f t="array" ref="E5482">IFERROR(INDEX(Jesper!AI$2:AI$366,ROUNDDOWN($C5482/24,0)+1,1)*INDEX($D$3:$AA$30,INDEX(Jesper!$R$2:$R$366,ROW(INDEX(Jesper!AI$2:AI$366,ROUNDDOWN($C5482/24,0)+1,1))-1)+IF('Standard Profiles'!$G$19=$B$10,7,0)+IF('Standard Profiles'!$G$19=$B$17,14,0)+IF('Standard Profiles'!$G$19=$B$24,21,0),MOD($C5482,24)+1)/SUM(INDEX($D$3:$AA$30,INDEX(Jesper!$R$2:$R$366,ROW(INDEX(Jesper!AI$2:AI$366,ROUNDDOWN($C5482/24,0)+1,1))-1)+IF('Standard Profiles'!$G$19=$B$10,7,0)+IF('Standard Profiles'!$G$19=$B$17,14,0)+IF('Standard Profiles'!$G$19=$B$24,21,0),0)),0)</f>
        <v>0</v>
      </c>
      <c r="F5482" cm="1">
        <f t="array" ref="F5482">IFERROR(INDEX(Jesper!AJ$2:AJ$366,ROUNDDOWN($C5482/24,0)+1,1)*INDEX($D$3:$AA$30,INDEX(Jesper!$R$2:$R$366,ROW(INDEX(Jesper!AJ$2:AJ$366,ROUNDDOWN($C5482/24,0)+1,1))-1)+IF('Standard Profiles'!$G$20=$B$10,7,0)+IF('Standard Profiles'!$G$20=$B$17,14,0)+IF('Standard Profiles'!$G$20=$B$24,21,0),MOD($C5482,24)+1)/SUM(INDEX($D$3:$AA$30,INDEX(Jesper!$R$2:$R$366,ROW(INDEX(Jesper!AJ$2:AJ$366,ROUNDDOWN($C5482/24,0)+1,1))-1)+IF('Standard Profiles'!$G$20=$B$10,7,0)+IF('Standard Profiles'!$G$20=$B$17,14,0)+IF('Standard Profiles'!$G$20=$B$24,21,0),0)),0)</f>
        <v>0</v>
      </c>
      <c r="G5482" cm="1">
        <f t="array" ref="G5482">IFERROR(INDEX(Jesper!AK$2:AK$366,ROUNDDOWN($C5482/24,0)+1,1)*INDEX($D$3:$AA$30,INDEX(Jesper!$R$2:$R$366,ROW(INDEX(Jesper!AK$2:AK$366,ROUNDDOWN($C5482/24,0)+1,1))-1)+IF('Standard Profiles'!$G$21=$B$10,7,0)+IF('Standard Profiles'!$G$21=$B$17,14,0)+IF('Standard Profiles'!$G$21=$B$24,21,0),MOD($C5482,24)+1)/SUM(INDEX($D$3:$AA$30,INDEX(Jesper!$R$2:$R$366,ROW(INDEX(Jesper!AK$2:AK$366,ROUNDDOWN($C5482/24,0)+1,1))-1)+IF('Standard Profiles'!$G$21=$B$10,7,0)+IF('Standard Profiles'!$G$21=$B$17,14,0)+IF('Standard Profiles'!$G$21=$B$24,21,0),0)),0)</f>
        <v>0</v>
      </c>
      <c r="H5482" cm="1">
        <f t="array" ref="H5482">IFERROR(INDEX(Jesper!AL$2:AL$366,ROUNDDOWN($C5482/24,0)+1,1)*INDEX($D$3:$AA$30,INDEX(Jesper!$R$2:$R$366,ROW(INDEX(Jesper!AL$2:AL$366,ROUNDDOWN($C5482/24,0)+1,1))-1)+IF('Standard Profiles'!$G$22=$B$10,7,0)+IF('Standard Profiles'!$G$22=$B$17,14,0)+IF('Standard Profiles'!$G$22=$B$24,21,0),MOD($C5482,24)+1)/SUM(INDEX($D$3:$AA$30,INDEX(Jesper!$R$2:$R$366,ROW(INDEX(Jesper!AL$2:AL$366,ROUNDDOWN($C5482/24,0)+1,1))-1)+IF('Standard Profiles'!$G$22=$B$10,7,0)+IF('Standard Profiles'!$G$22=$B$17,14,0)+IF('Standard Profiles'!$G$22=$B$24,21,0),0)),0)</f>
        <v>0</v>
      </c>
      <c r="I5482">
        <f t="shared" si="615"/>
        <v>0.20856527829423918</v>
      </c>
      <c r="J5482">
        <f t="shared" si="616"/>
        <v>0.69521759431413066</v>
      </c>
      <c r="K5482">
        <f t="shared" si="617"/>
        <v>1.0428263914711959</v>
      </c>
      <c r="L5482">
        <f t="shared" si="618"/>
        <v>5.0055666790617401</v>
      </c>
      <c r="M5482">
        <f t="shared" si="619"/>
        <v>0</v>
      </c>
      <c r="N5482" s="46">
        <f t="shared" si="620"/>
        <v>45518.999999986787</v>
      </c>
    </row>
    <row r="5483" spans="2:14" x14ac:dyDescent="0.3">
      <c r="B5483">
        <f t="shared" si="614"/>
        <v>4</v>
      </c>
      <c r="C5483" s="16">
        <v>5449</v>
      </c>
      <c r="D5483" cm="1">
        <f t="array" ref="D5483">IFERROR(INDEX(Jesper!AH$2:AH$366,ROUNDDOWN($C5483/24,0)+1,1)*INDEX($D$3:$AA$30,INDEX(Jesper!$R$2:$R$366,ROW(INDEX(Jesper!AH$2:AH$366,ROUNDDOWN($C5483/24,0)+1,1))-1)+IF('Standard Profiles'!$G$18=$B$10,7,0)+IF('Standard Profiles'!$G$18=$B$17,14,0)+IF('Standard Profiles'!$G$18=$B$24,21,0),MOD($C5483,24)+1)/SUM(INDEX($D$3:$AA$30,INDEX(Jesper!$R$2:$R$366,ROW(INDEX(Jesper!AH$2:AH$366,ROUNDDOWN($C5483/24,0)+1,1))-1)+IF('Standard Profiles'!$G$18=$B$10,7,0)+IF('Standard Profiles'!$G$18=$B$17,14,0)+IF('Standard Profiles'!$G$18=$B$24,21,0),0)),0)</f>
        <v>6.9521759431413059</v>
      </c>
      <c r="E5483" cm="1">
        <f t="array" ref="E5483">IFERROR(INDEX(Jesper!AI$2:AI$366,ROUNDDOWN($C5483/24,0)+1,1)*INDEX($D$3:$AA$30,INDEX(Jesper!$R$2:$R$366,ROW(INDEX(Jesper!AI$2:AI$366,ROUNDDOWN($C5483/24,0)+1,1))-1)+IF('Standard Profiles'!$G$19=$B$10,7,0)+IF('Standard Profiles'!$G$19=$B$17,14,0)+IF('Standard Profiles'!$G$19=$B$24,21,0),MOD($C5483,24)+1)/SUM(INDEX($D$3:$AA$30,INDEX(Jesper!$R$2:$R$366,ROW(INDEX(Jesper!AI$2:AI$366,ROUNDDOWN($C5483/24,0)+1,1))-1)+IF('Standard Profiles'!$G$19=$B$10,7,0)+IF('Standard Profiles'!$G$19=$B$17,14,0)+IF('Standard Profiles'!$G$19=$B$24,21,0),0)),0)</f>
        <v>0</v>
      </c>
      <c r="F5483" cm="1">
        <f t="array" ref="F5483">IFERROR(INDEX(Jesper!AJ$2:AJ$366,ROUNDDOWN($C5483/24,0)+1,1)*INDEX($D$3:$AA$30,INDEX(Jesper!$R$2:$R$366,ROW(INDEX(Jesper!AJ$2:AJ$366,ROUNDDOWN($C5483/24,0)+1,1))-1)+IF('Standard Profiles'!$G$20=$B$10,7,0)+IF('Standard Profiles'!$G$20=$B$17,14,0)+IF('Standard Profiles'!$G$20=$B$24,21,0),MOD($C5483,24)+1)/SUM(INDEX($D$3:$AA$30,INDEX(Jesper!$R$2:$R$366,ROW(INDEX(Jesper!AJ$2:AJ$366,ROUNDDOWN($C5483/24,0)+1,1))-1)+IF('Standard Profiles'!$G$20=$B$10,7,0)+IF('Standard Profiles'!$G$20=$B$17,14,0)+IF('Standard Profiles'!$G$20=$B$24,21,0),0)),0)</f>
        <v>0</v>
      </c>
      <c r="G5483" cm="1">
        <f t="array" ref="G5483">IFERROR(INDEX(Jesper!AK$2:AK$366,ROUNDDOWN($C5483/24,0)+1,1)*INDEX($D$3:$AA$30,INDEX(Jesper!$R$2:$R$366,ROW(INDEX(Jesper!AK$2:AK$366,ROUNDDOWN($C5483/24,0)+1,1))-1)+IF('Standard Profiles'!$G$21=$B$10,7,0)+IF('Standard Profiles'!$G$21=$B$17,14,0)+IF('Standard Profiles'!$G$21=$B$24,21,0),MOD($C5483,24)+1)/SUM(INDEX($D$3:$AA$30,INDEX(Jesper!$R$2:$R$366,ROW(INDEX(Jesper!AK$2:AK$366,ROUNDDOWN($C5483/24,0)+1,1))-1)+IF('Standard Profiles'!$G$21=$B$10,7,0)+IF('Standard Profiles'!$G$21=$B$17,14,0)+IF('Standard Profiles'!$G$21=$B$24,21,0),0)),0)</f>
        <v>0</v>
      </c>
      <c r="H5483" cm="1">
        <f t="array" ref="H5483">IFERROR(INDEX(Jesper!AL$2:AL$366,ROUNDDOWN($C5483/24,0)+1,1)*INDEX($D$3:$AA$30,INDEX(Jesper!$R$2:$R$366,ROW(INDEX(Jesper!AL$2:AL$366,ROUNDDOWN($C5483/24,0)+1,1))-1)+IF('Standard Profiles'!$G$22=$B$10,7,0)+IF('Standard Profiles'!$G$22=$B$17,14,0)+IF('Standard Profiles'!$G$22=$B$24,21,0),MOD($C5483,24)+1)/SUM(INDEX($D$3:$AA$30,INDEX(Jesper!$R$2:$R$366,ROW(INDEX(Jesper!AL$2:AL$366,ROUNDDOWN($C5483/24,0)+1,1))-1)+IF('Standard Profiles'!$G$22=$B$10,7,0)+IF('Standard Profiles'!$G$22=$B$17,14,0)+IF('Standard Profiles'!$G$22=$B$24,21,0),0)),0)</f>
        <v>0</v>
      </c>
      <c r="I5483">
        <f t="shared" si="615"/>
        <v>0.20856527829423918</v>
      </c>
      <c r="J5483">
        <f t="shared" si="616"/>
        <v>0.69521759431413066</v>
      </c>
      <c r="K5483">
        <f t="shared" si="617"/>
        <v>1.0428263914711959</v>
      </c>
      <c r="L5483">
        <f t="shared" si="618"/>
        <v>5.0055666790617401</v>
      </c>
      <c r="M5483">
        <f t="shared" si="619"/>
        <v>0</v>
      </c>
      <c r="N5483" s="46">
        <f t="shared" si="620"/>
        <v>45519.041666653451</v>
      </c>
    </row>
    <row r="5484" spans="2:14" x14ac:dyDescent="0.3">
      <c r="B5484">
        <f t="shared" si="614"/>
        <v>4</v>
      </c>
      <c r="C5484" s="16">
        <v>5450</v>
      </c>
      <c r="D5484" cm="1">
        <f t="array" ref="D5484">IFERROR(INDEX(Jesper!AH$2:AH$366,ROUNDDOWN($C5484/24,0)+1,1)*INDEX($D$3:$AA$30,INDEX(Jesper!$R$2:$R$366,ROW(INDEX(Jesper!AH$2:AH$366,ROUNDDOWN($C5484/24,0)+1,1))-1)+IF('Standard Profiles'!$G$18=$B$10,7,0)+IF('Standard Profiles'!$G$18=$B$17,14,0)+IF('Standard Profiles'!$G$18=$B$24,21,0),MOD($C5484,24)+1)/SUM(INDEX($D$3:$AA$30,INDEX(Jesper!$R$2:$R$366,ROW(INDEX(Jesper!AH$2:AH$366,ROUNDDOWN($C5484/24,0)+1,1))-1)+IF('Standard Profiles'!$G$18=$B$10,7,0)+IF('Standard Profiles'!$G$18=$B$17,14,0)+IF('Standard Profiles'!$G$18=$B$24,21,0),0)),0)</f>
        <v>6.9521759431413059</v>
      </c>
      <c r="E5484" cm="1">
        <f t="array" ref="E5484">IFERROR(INDEX(Jesper!AI$2:AI$366,ROUNDDOWN($C5484/24,0)+1,1)*INDEX($D$3:$AA$30,INDEX(Jesper!$R$2:$R$366,ROW(INDEX(Jesper!AI$2:AI$366,ROUNDDOWN($C5484/24,0)+1,1))-1)+IF('Standard Profiles'!$G$19=$B$10,7,0)+IF('Standard Profiles'!$G$19=$B$17,14,0)+IF('Standard Profiles'!$G$19=$B$24,21,0),MOD($C5484,24)+1)/SUM(INDEX($D$3:$AA$30,INDEX(Jesper!$R$2:$R$366,ROW(INDEX(Jesper!AI$2:AI$366,ROUNDDOWN($C5484/24,0)+1,1))-1)+IF('Standard Profiles'!$G$19=$B$10,7,0)+IF('Standard Profiles'!$G$19=$B$17,14,0)+IF('Standard Profiles'!$G$19=$B$24,21,0),0)),0)</f>
        <v>0</v>
      </c>
      <c r="F5484" cm="1">
        <f t="array" ref="F5484">IFERROR(INDEX(Jesper!AJ$2:AJ$366,ROUNDDOWN($C5484/24,0)+1,1)*INDEX($D$3:$AA$30,INDEX(Jesper!$R$2:$R$366,ROW(INDEX(Jesper!AJ$2:AJ$366,ROUNDDOWN($C5484/24,0)+1,1))-1)+IF('Standard Profiles'!$G$20=$B$10,7,0)+IF('Standard Profiles'!$G$20=$B$17,14,0)+IF('Standard Profiles'!$G$20=$B$24,21,0),MOD($C5484,24)+1)/SUM(INDEX($D$3:$AA$30,INDEX(Jesper!$R$2:$R$366,ROW(INDEX(Jesper!AJ$2:AJ$366,ROUNDDOWN($C5484/24,0)+1,1))-1)+IF('Standard Profiles'!$G$20=$B$10,7,0)+IF('Standard Profiles'!$G$20=$B$17,14,0)+IF('Standard Profiles'!$G$20=$B$24,21,0),0)),0)</f>
        <v>0</v>
      </c>
      <c r="G5484" cm="1">
        <f t="array" ref="G5484">IFERROR(INDEX(Jesper!AK$2:AK$366,ROUNDDOWN($C5484/24,0)+1,1)*INDEX($D$3:$AA$30,INDEX(Jesper!$R$2:$R$366,ROW(INDEX(Jesper!AK$2:AK$366,ROUNDDOWN($C5484/24,0)+1,1))-1)+IF('Standard Profiles'!$G$21=$B$10,7,0)+IF('Standard Profiles'!$G$21=$B$17,14,0)+IF('Standard Profiles'!$G$21=$B$24,21,0),MOD($C5484,24)+1)/SUM(INDEX($D$3:$AA$30,INDEX(Jesper!$R$2:$R$366,ROW(INDEX(Jesper!AK$2:AK$366,ROUNDDOWN($C5484/24,0)+1,1))-1)+IF('Standard Profiles'!$G$21=$B$10,7,0)+IF('Standard Profiles'!$G$21=$B$17,14,0)+IF('Standard Profiles'!$G$21=$B$24,21,0),0)),0)</f>
        <v>0</v>
      </c>
      <c r="H5484" cm="1">
        <f t="array" ref="H5484">IFERROR(INDEX(Jesper!AL$2:AL$366,ROUNDDOWN($C5484/24,0)+1,1)*INDEX($D$3:$AA$30,INDEX(Jesper!$R$2:$R$366,ROW(INDEX(Jesper!AL$2:AL$366,ROUNDDOWN($C5484/24,0)+1,1))-1)+IF('Standard Profiles'!$G$22=$B$10,7,0)+IF('Standard Profiles'!$G$22=$B$17,14,0)+IF('Standard Profiles'!$G$22=$B$24,21,0),MOD($C5484,24)+1)/SUM(INDEX($D$3:$AA$30,INDEX(Jesper!$R$2:$R$366,ROW(INDEX(Jesper!AL$2:AL$366,ROUNDDOWN($C5484/24,0)+1,1))-1)+IF('Standard Profiles'!$G$22=$B$10,7,0)+IF('Standard Profiles'!$G$22=$B$17,14,0)+IF('Standard Profiles'!$G$22=$B$24,21,0),0)),0)</f>
        <v>0</v>
      </c>
      <c r="I5484">
        <f t="shared" si="615"/>
        <v>0.20856527829423918</v>
      </c>
      <c r="J5484">
        <f t="shared" si="616"/>
        <v>0.69521759431413066</v>
      </c>
      <c r="K5484">
        <f t="shared" si="617"/>
        <v>1.0428263914711959</v>
      </c>
      <c r="L5484">
        <f t="shared" si="618"/>
        <v>5.0055666790617401</v>
      </c>
      <c r="M5484">
        <f t="shared" si="619"/>
        <v>0</v>
      </c>
      <c r="N5484" s="46">
        <f t="shared" si="620"/>
        <v>45519.083333320115</v>
      </c>
    </row>
    <row r="5485" spans="2:14" x14ac:dyDescent="0.3">
      <c r="B5485">
        <f t="shared" si="614"/>
        <v>4</v>
      </c>
      <c r="C5485" s="16">
        <v>5451</v>
      </c>
      <c r="D5485" cm="1">
        <f t="array" ref="D5485">IFERROR(INDEX(Jesper!AH$2:AH$366,ROUNDDOWN($C5485/24,0)+1,1)*INDEX($D$3:$AA$30,INDEX(Jesper!$R$2:$R$366,ROW(INDEX(Jesper!AH$2:AH$366,ROUNDDOWN($C5485/24,0)+1,1))-1)+IF('Standard Profiles'!$G$18=$B$10,7,0)+IF('Standard Profiles'!$G$18=$B$17,14,0)+IF('Standard Profiles'!$G$18=$B$24,21,0),MOD($C5485,24)+1)/SUM(INDEX($D$3:$AA$30,INDEX(Jesper!$R$2:$R$366,ROW(INDEX(Jesper!AH$2:AH$366,ROUNDDOWN($C5485/24,0)+1,1))-1)+IF('Standard Profiles'!$G$18=$B$10,7,0)+IF('Standard Profiles'!$G$18=$B$17,14,0)+IF('Standard Profiles'!$G$18=$B$24,21,0),0)),0)</f>
        <v>6.9521759431413059</v>
      </c>
      <c r="E5485" cm="1">
        <f t="array" ref="E5485">IFERROR(INDEX(Jesper!AI$2:AI$366,ROUNDDOWN($C5485/24,0)+1,1)*INDEX($D$3:$AA$30,INDEX(Jesper!$R$2:$R$366,ROW(INDEX(Jesper!AI$2:AI$366,ROUNDDOWN($C5485/24,0)+1,1))-1)+IF('Standard Profiles'!$G$19=$B$10,7,0)+IF('Standard Profiles'!$G$19=$B$17,14,0)+IF('Standard Profiles'!$G$19=$B$24,21,0),MOD($C5485,24)+1)/SUM(INDEX($D$3:$AA$30,INDEX(Jesper!$R$2:$R$366,ROW(INDEX(Jesper!AI$2:AI$366,ROUNDDOWN($C5485/24,0)+1,1))-1)+IF('Standard Profiles'!$G$19=$B$10,7,0)+IF('Standard Profiles'!$G$19=$B$17,14,0)+IF('Standard Profiles'!$G$19=$B$24,21,0),0)),0)</f>
        <v>0</v>
      </c>
      <c r="F5485" cm="1">
        <f t="array" ref="F5485">IFERROR(INDEX(Jesper!AJ$2:AJ$366,ROUNDDOWN($C5485/24,0)+1,1)*INDEX($D$3:$AA$30,INDEX(Jesper!$R$2:$R$366,ROW(INDEX(Jesper!AJ$2:AJ$366,ROUNDDOWN($C5485/24,0)+1,1))-1)+IF('Standard Profiles'!$G$20=$B$10,7,0)+IF('Standard Profiles'!$G$20=$B$17,14,0)+IF('Standard Profiles'!$G$20=$B$24,21,0),MOD($C5485,24)+1)/SUM(INDEX($D$3:$AA$30,INDEX(Jesper!$R$2:$R$366,ROW(INDEX(Jesper!AJ$2:AJ$366,ROUNDDOWN($C5485/24,0)+1,1))-1)+IF('Standard Profiles'!$G$20=$B$10,7,0)+IF('Standard Profiles'!$G$20=$B$17,14,0)+IF('Standard Profiles'!$G$20=$B$24,21,0),0)),0)</f>
        <v>0</v>
      </c>
      <c r="G5485" cm="1">
        <f t="array" ref="G5485">IFERROR(INDEX(Jesper!AK$2:AK$366,ROUNDDOWN($C5485/24,0)+1,1)*INDEX($D$3:$AA$30,INDEX(Jesper!$R$2:$R$366,ROW(INDEX(Jesper!AK$2:AK$366,ROUNDDOWN($C5485/24,0)+1,1))-1)+IF('Standard Profiles'!$G$21=$B$10,7,0)+IF('Standard Profiles'!$G$21=$B$17,14,0)+IF('Standard Profiles'!$G$21=$B$24,21,0),MOD($C5485,24)+1)/SUM(INDEX($D$3:$AA$30,INDEX(Jesper!$R$2:$R$366,ROW(INDEX(Jesper!AK$2:AK$366,ROUNDDOWN($C5485/24,0)+1,1))-1)+IF('Standard Profiles'!$G$21=$B$10,7,0)+IF('Standard Profiles'!$G$21=$B$17,14,0)+IF('Standard Profiles'!$G$21=$B$24,21,0),0)),0)</f>
        <v>0</v>
      </c>
      <c r="H5485" cm="1">
        <f t="array" ref="H5485">IFERROR(INDEX(Jesper!AL$2:AL$366,ROUNDDOWN($C5485/24,0)+1,1)*INDEX($D$3:$AA$30,INDEX(Jesper!$R$2:$R$366,ROW(INDEX(Jesper!AL$2:AL$366,ROUNDDOWN($C5485/24,0)+1,1))-1)+IF('Standard Profiles'!$G$22=$B$10,7,0)+IF('Standard Profiles'!$G$22=$B$17,14,0)+IF('Standard Profiles'!$G$22=$B$24,21,0),MOD($C5485,24)+1)/SUM(INDEX($D$3:$AA$30,INDEX(Jesper!$R$2:$R$366,ROW(INDEX(Jesper!AL$2:AL$366,ROUNDDOWN($C5485/24,0)+1,1))-1)+IF('Standard Profiles'!$G$22=$B$10,7,0)+IF('Standard Profiles'!$G$22=$B$17,14,0)+IF('Standard Profiles'!$G$22=$B$24,21,0),0)),0)</f>
        <v>0</v>
      </c>
      <c r="I5485">
        <f t="shared" si="615"/>
        <v>0.20856527829423918</v>
      </c>
      <c r="J5485">
        <f t="shared" si="616"/>
        <v>0.69521759431413066</v>
      </c>
      <c r="K5485">
        <f t="shared" si="617"/>
        <v>1.0428263914711959</v>
      </c>
      <c r="L5485">
        <f t="shared" si="618"/>
        <v>5.0055666790617401</v>
      </c>
      <c r="M5485">
        <f t="shared" si="619"/>
        <v>0</v>
      </c>
      <c r="N5485" s="46">
        <f t="shared" si="620"/>
        <v>45519.12499998678</v>
      </c>
    </row>
    <row r="5486" spans="2:14" x14ac:dyDescent="0.3">
      <c r="B5486">
        <f t="shared" si="614"/>
        <v>4</v>
      </c>
      <c r="C5486" s="16">
        <v>5452</v>
      </c>
      <c r="D5486" cm="1">
        <f t="array" ref="D5486">IFERROR(INDEX(Jesper!AH$2:AH$366,ROUNDDOWN($C5486/24,0)+1,1)*INDEX($D$3:$AA$30,INDEX(Jesper!$R$2:$R$366,ROW(INDEX(Jesper!AH$2:AH$366,ROUNDDOWN($C5486/24,0)+1,1))-1)+IF('Standard Profiles'!$G$18=$B$10,7,0)+IF('Standard Profiles'!$G$18=$B$17,14,0)+IF('Standard Profiles'!$G$18=$B$24,21,0),MOD($C5486,24)+1)/SUM(INDEX($D$3:$AA$30,INDEX(Jesper!$R$2:$R$366,ROW(INDEX(Jesper!AH$2:AH$366,ROUNDDOWN($C5486/24,0)+1,1))-1)+IF('Standard Profiles'!$G$18=$B$10,7,0)+IF('Standard Profiles'!$G$18=$B$17,14,0)+IF('Standard Profiles'!$G$18=$B$24,21,0),0)),0)</f>
        <v>6.9521759431413059</v>
      </c>
      <c r="E5486" cm="1">
        <f t="array" ref="E5486">IFERROR(INDEX(Jesper!AI$2:AI$366,ROUNDDOWN($C5486/24,0)+1,1)*INDEX($D$3:$AA$30,INDEX(Jesper!$R$2:$R$366,ROW(INDEX(Jesper!AI$2:AI$366,ROUNDDOWN($C5486/24,0)+1,1))-1)+IF('Standard Profiles'!$G$19=$B$10,7,0)+IF('Standard Profiles'!$G$19=$B$17,14,0)+IF('Standard Profiles'!$G$19=$B$24,21,0),MOD($C5486,24)+1)/SUM(INDEX($D$3:$AA$30,INDEX(Jesper!$R$2:$R$366,ROW(INDEX(Jesper!AI$2:AI$366,ROUNDDOWN($C5486/24,0)+1,1))-1)+IF('Standard Profiles'!$G$19=$B$10,7,0)+IF('Standard Profiles'!$G$19=$B$17,14,0)+IF('Standard Profiles'!$G$19=$B$24,21,0),0)),0)</f>
        <v>0</v>
      </c>
      <c r="F5486" cm="1">
        <f t="array" ref="F5486">IFERROR(INDEX(Jesper!AJ$2:AJ$366,ROUNDDOWN($C5486/24,0)+1,1)*INDEX($D$3:$AA$30,INDEX(Jesper!$R$2:$R$366,ROW(INDEX(Jesper!AJ$2:AJ$366,ROUNDDOWN($C5486/24,0)+1,1))-1)+IF('Standard Profiles'!$G$20=$B$10,7,0)+IF('Standard Profiles'!$G$20=$B$17,14,0)+IF('Standard Profiles'!$G$20=$B$24,21,0),MOD($C5486,24)+1)/SUM(INDEX($D$3:$AA$30,INDEX(Jesper!$R$2:$R$366,ROW(INDEX(Jesper!AJ$2:AJ$366,ROUNDDOWN($C5486/24,0)+1,1))-1)+IF('Standard Profiles'!$G$20=$B$10,7,0)+IF('Standard Profiles'!$G$20=$B$17,14,0)+IF('Standard Profiles'!$G$20=$B$24,21,0),0)),0)</f>
        <v>0</v>
      </c>
      <c r="G5486" cm="1">
        <f t="array" ref="G5486">IFERROR(INDEX(Jesper!AK$2:AK$366,ROUNDDOWN($C5486/24,0)+1,1)*INDEX($D$3:$AA$30,INDEX(Jesper!$R$2:$R$366,ROW(INDEX(Jesper!AK$2:AK$366,ROUNDDOWN($C5486/24,0)+1,1))-1)+IF('Standard Profiles'!$G$21=$B$10,7,0)+IF('Standard Profiles'!$G$21=$B$17,14,0)+IF('Standard Profiles'!$G$21=$B$24,21,0),MOD($C5486,24)+1)/SUM(INDEX($D$3:$AA$30,INDEX(Jesper!$R$2:$R$366,ROW(INDEX(Jesper!AK$2:AK$366,ROUNDDOWN($C5486/24,0)+1,1))-1)+IF('Standard Profiles'!$G$21=$B$10,7,0)+IF('Standard Profiles'!$G$21=$B$17,14,0)+IF('Standard Profiles'!$G$21=$B$24,21,0),0)),0)</f>
        <v>0</v>
      </c>
      <c r="H5486" cm="1">
        <f t="array" ref="H5486">IFERROR(INDEX(Jesper!AL$2:AL$366,ROUNDDOWN($C5486/24,0)+1,1)*INDEX($D$3:$AA$30,INDEX(Jesper!$R$2:$R$366,ROW(INDEX(Jesper!AL$2:AL$366,ROUNDDOWN($C5486/24,0)+1,1))-1)+IF('Standard Profiles'!$G$22=$B$10,7,0)+IF('Standard Profiles'!$G$22=$B$17,14,0)+IF('Standard Profiles'!$G$22=$B$24,21,0),MOD($C5486,24)+1)/SUM(INDEX($D$3:$AA$30,INDEX(Jesper!$R$2:$R$366,ROW(INDEX(Jesper!AL$2:AL$366,ROUNDDOWN($C5486/24,0)+1,1))-1)+IF('Standard Profiles'!$G$22=$B$10,7,0)+IF('Standard Profiles'!$G$22=$B$17,14,0)+IF('Standard Profiles'!$G$22=$B$24,21,0),0)),0)</f>
        <v>0</v>
      </c>
      <c r="I5486">
        <f t="shared" si="615"/>
        <v>0.20856527829423918</v>
      </c>
      <c r="J5486">
        <f t="shared" si="616"/>
        <v>0.69521759431413066</v>
      </c>
      <c r="K5486">
        <f t="shared" si="617"/>
        <v>1.0428263914711959</v>
      </c>
      <c r="L5486">
        <f t="shared" si="618"/>
        <v>5.0055666790617401</v>
      </c>
      <c r="M5486">
        <f t="shared" si="619"/>
        <v>0</v>
      </c>
      <c r="N5486" s="46">
        <f t="shared" si="620"/>
        <v>45519.166666653444</v>
      </c>
    </row>
    <row r="5487" spans="2:14" x14ac:dyDescent="0.3">
      <c r="B5487">
        <f t="shared" si="614"/>
        <v>4</v>
      </c>
      <c r="C5487" s="16">
        <v>5453</v>
      </c>
      <c r="D5487" cm="1">
        <f t="array" ref="D5487">IFERROR(INDEX(Jesper!AH$2:AH$366,ROUNDDOWN($C5487/24,0)+1,1)*INDEX($D$3:$AA$30,INDEX(Jesper!$R$2:$R$366,ROW(INDEX(Jesper!AH$2:AH$366,ROUNDDOWN($C5487/24,0)+1,1))-1)+IF('Standard Profiles'!$G$18=$B$10,7,0)+IF('Standard Profiles'!$G$18=$B$17,14,0)+IF('Standard Profiles'!$G$18=$B$24,21,0),MOD($C5487,24)+1)/SUM(INDEX($D$3:$AA$30,INDEX(Jesper!$R$2:$R$366,ROW(INDEX(Jesper!AH$2:AH$366,ROUNDDOWN($C5487/24,0)+1,1))-1)+IF('Standard Profiles'!$G$18=$B$10,7,0)+IF('Standard Profiles'!$G$18=$B$17,14,0)+IF('Standard Profiles'!$G$18=$B$24,21,0),0)),0)</f>
        <v>8.9605823267154605</v>
      </c>
      <c r="E5487" cm="1">
        <f t="array" ref="E5487">IFERROR(INDEX(Jesper!AI$2:AI$366,ROUNDDOWN($C5487/24,0)+1,1)*INDEX($D$3:$AA$30,INDEX(Jesper!$R$2:$R$366,ROW(INDEX(Jesper!AI$2:AI$366,ROUNDDOWN($C5487/24,0)+1,1))-1)+IF('Standard Profiles'!$G$19=$B$10,7,0)+IF('Standard Profiles'!$G$19=$B$17,14,0)+IF('Standard Profiles'!$G$19=$B$24,21,0),MOD($C5487,24)+1)/SUM(INDEX($D$3:$AA$30,INDEX(Jesper!$R$2:$R$366,ROW(INDEX(Jesper!AI$2:AI$366,ROUNDDOWN($C5487/24,0)+1,1))-1)+IF('Standard Profiles'!$G$19=$B$10,7,0)+IF('Standard Profiles'!$G$19=$B$17,14,0)+IF('Standard Profiles'!$G$19=$B$24,21,0),0)),0)</f>
        <v>0</v>
      </c>
      <c r="F5487" cm="1">
        <f t="array" ref="F5487">IFERROR(INDEX(Jesper!AJ$2:AJ$366,ROUNDDOWN($C5487/24,0)+1,1)*INDEX($D$3:$AA$30,INDEX(Jesper!$R$2:$R$366,ROW(INDEX(Jesper!AJ$2:AJ$366,ROUNDDOWN($C5487/24,0)+1,1))-1)+IF('Standard Profiles'!$G$20=$B$10,7,0)+IF('Standard Profiles'!$G$20=$B$17,14,0)+IF('Standard Profiles'!$G$20=$B$24,21,0),MOD($C5487,24)+1)/SUM(INDEX($D$3:$AA$30,INDEX(Jesper!$R$2:$R$366,ROW(INDEX(Jesper!AJ$2:AJ$366,ROUNDDOWN($C5487/24,0)+1,1))-1)+IF('Standard Profiles'!$G$20=$B$10,7,0)+IF('Standard Profiles'!$G$20=$B$17,14,0)+IF('Standard Profiles'!$G$20=$B$24,21,0),0)),0)</f>
        <v>0</v>
      </c>
      <c r="G5487" cm="1">
        <f t="array" ref="G5487">IFERROR(INDEX(Jesper!AK$2:AK$366,ROUNDDOWN($C5487/24,0)+1,1)*INDEX($D$3:$AA$30,INDEX(Jesper!$R$2:$R$366,ROW(INDEX(Jesper!AK$2:AK$366,ROUNDDOWN($C5487/24,0)+1,1))-1)+IF('Standard Profiles'!$G$21=$B$10,7,0)+IF('Standard Profiles'!$G$21=$B$17,14,0)+IF('Standard Profiles'!$G$21=$B$24,21,0),MOD($C5487,24)+1)/SUM(INDEX($D$3:$AA$30,INDEX(Jesper!$R$2:$R$366,ROW(INDEX(Jesper!AK$2:AK$366,ROUNDDOWN($C5487/24,0)+1,1))-1)+IF('Standard Profiles'!$G$21=$B$10,7,0)+IF('Standard Profiles'!$G$21=$B$17,14,0)+IF('Standard Profiles'!$G$21=$B$24,21,0),0)),0)</f>
        <v>0</v>
      </c>
      <c r="H5487" cm="1">
        <f t="array" ref="H5487">IFERROR(INDEX(Jesper!AL$2:AL$366,ROUNDDOWN($C5487/24,0)+1,1)*INDEX($D$3:$AA$30,INDEX(Jesper!$R$2:$R$366,ROW(INDEX(Jesper!AL$2:AL$366,ROUNDDOWN($C5487/24,0)+1,1))-1)+IF('Standard Profiles'!$G$22=$B$10,7,0)+IF('Standard Profiles'!$G$22=$B$17,14,0)+IF('Standard Profiles'!$G$22=$B$24,21,0),MOD($C5487,24)+1)/SUM(INDEX($D$3:$AA$30,INDEX(Jesper!$R$2:$R$366,ROW(INDEX(Jesper!AL$2:AL$366,ROUNDDOWN($C5487/24,0)+1,1))-1)+IF('Standard Profiles'!$G$22=$B$10,7,0)+IF('Standard Profiles'!$G$22=$B$17,14,0)+IF('Standard Profiles'!$G$22=$B$24,21,0),0)),0)</f>
        <v>0</v>
      </c>
      <c r="I5487">
        <f t="shared" si="615"/>
        <v>0.26881746980146382</v>
      </c>
      <c r="J5487">
        <f t="shared" si="616"/>
        <v>0.89605823267154605</v>
      </c>
      <c r="K5487">
        <f t="shared" si="617"/>
        <v>1.3440873490073191</v>
      </c>
      <c r="L5487">
        <f t="shared" si="618"/>
        <v>6.4516192752351316</v>
      </c>
      <c r="M5487">
        <f t="shared" si="619"/>
        <v>0</v>
      </c>
      <c r="N5487" s="46">
        <f t="shared" si="620"/>
        <v>45519.208333320108</v>
      </c>
    </row>
    <row r="5488" spans="2:14" x14ac:dyDescent="0.3">
      <c r="B5488">
        <f t="shared" si="614"/>
        <v>4</v>
      </c>
      <c r="C5488" s="16">
        <v>5454</v>
      </c>
      <c r="D5488" cm="1">
        <f t="array" ref="D5488">IFERROR(INDEX(Jesper!AH$2:AH$366,ROUNDDOWN($C5488/24,0)+1,1)*INDEX($D$3:$AA$30,INDEX(Jesper!$R$2:$R$366,ROW(INDEX(Jesper!AH$2:AH$366,ROUNDDOWN($C5488/24,0)+1,1))-1)+IF('Standard Profiles'!$G$18=$B$10,7,0)+IF('Standard Profiles'!$G$18=$B$17,14,0)+IF('Standard Profiles'!$G$18=$B$24,21,0),MOD($C5488,24)+1)/SUM(INDEX($D$3:$AA$30,INDEX(Jesper!$R$2:$R$366,ROW(INDEX(Jesper!AH$2:AH$366,ROUNDDOWN($C5488/24,0)+1,1))-1)+IF('Standard Profiles'!$G$18=$B$10,7,0)+IF('Standard Profiles'!$G$18=$B$17,14,0)+IF('Standard Profiles'!$G$18=$B$24,21,0),0)),0)</f>
        <v>10.351017515343722</v>
      </c>
      <c r="E5488" cm="1">
        <f t="array" ref="E5488">IFERROR(INDEX(Jesper!AI$2:AI$366,ROUNDDOWN($C5488/24,0)+1,1)*INDEX($D$3:$AA$30,INDEX(Jesper!$R$2:$R$366,ROW(INDEX(Jesper!AI$2:AI$366,ROUNDDOWN($C5488/24,0)+1,1))-1)+IF('Standard Profiles'!$G$19=$B$10,7,0)+IF('Standard Profiles'!$G$19=$B$17,14,0)+IF('Standard Profiles'!$G$19=$B$24,21,0),MOD($C5488,24)+1)/SUM(INDEX($D$3:$AA$30,INDEX(Jesper!$R$2:$R$366,ROW(INDEX(Jesper!AI$2:AI$366,ROUNDDOWN($C5488/24,0)+1,1))-1)+IF('Standard Profiles'!$G$19=$B$10,7,0)+IF('Standard Profiles'!$G$19=$B$17,14,0)+IF('Standard Profiles'!$G$19=$B$24,21,0),0)),0)</f>
        <v>0</v>
      </c>
      <c r="F5488" cm="1">
        <f t="array" ref="F5488">IFERROR(INDEX(Jesper!AJ$2:AJ$366,ROUNDDOWN($C5488/24,0)+1,1)*INDEX($D$3:$AA$30,INDEX(Jesper!$R$2:$R$366,ROW(INDEX(Jesper!AJ$2:AJ$366,ROUNDDOWN($C5488/24,0)+1,1))-1)+IF('Standard Profiles'!$G$20=$B$10,7,0)+IF('Standard Profiles'!$G$20=$B$17,14,0)+IF('Standard Profiles'!$G$20=$B$24,21,0),MOD($C5488,24)+1)/SUM(INDEX($D$3:$AA$30,INDEX(Jesper!$R$2:$R$366,ROW(INDEX(Jesper!AJ$2:AJ$366,ROUNDDOWN($C5488/24,0)+1,1))-1)+IF('Standard Profiles'!$G$20=$B$10,7,0)+IF('Standard Profiles'!$G$20=$B$17,14,0)+IF('Standard Profiles'!$G$20=$B$24,21,0),0)),0)</f>
        <v>0</v>
      </c>
      <c r="G5488" cm="1">
        <f t="array" ref="G5488">IFERROR(INDEX(Jesper!AK$2:AK$366,ROUNDDOWN($C5488/24,0)+1,1)*INDEX($D$3:$AA$30,INDEX(Jesper!$R$2:$R$366,ROW(INDEX(Jesper!AK$2:AK$366,ROUNDDOWN($C5488/24,0)+1,1))-1)+IF('Standard Profiles'!$G$21=$B$10,7,0)+IF('Standard Profiles'!$G$21=$B$17,14,0)+IF('Standard Profiles'!$G$21=$B$24,21,0),MOD($C5488,24)+1)/SUM(INDEX($D$3:$AA$30,INDEX(Jesper!$R$2:$R$366,ROW(INDEX(Jesper!AK$2:AK$366,ROUNDDOWN($C5488/24,0)+1,1))-1)+IF('Standard Profiles'!$G$21=$B$10,7,0)+IF('Standard Profiles'!$G$21=$B$17,14,0)+IF('Standard Profiles'!$G$21=$B$24,21,0),0)),0)</f>
        <v>0</v>
      </c>
      <c r="H5488" cm="1">
        <f t="array" ref="H5488">IFERROR(INDEX(Jesper!AL$2:AL$366,ROUNDDOWN($C5488/24,0)+1,1)*INDEX($D$3:$AA$30,INDEX(Jesper!$R$2:$R$366,ROW(INDEX(Jesper!AL$2:AL$366,ROUNDDOWN($C5488/24,0)+1,1))-1)+IF('Standard Profiles'!$G$22=$B$10,7,0)+IF('Standard Profiles'!$G$22=$B$17,14,0)+IF('Standard Profiles'!$G$22=$B$24,21,0),MOD($C5488,24)+1)/SUM(INDEX($D$3:$AA$30,INDEX(Jesper!$R$2:$R$366,ROW(INDEX(Jesper!AL$2:AL$366,ROUNDDOWN($C5488/24,0)+1,1))-1)+IF('Standard Profiles'!$G$22=$B$10,7,0)+IF('Standard Profiles'!$G$22=$B$17,14,0)+IF('Standard Profiles'!$G$22=$B$24,21,0),0)),0)</f>
        <v>0</v>
      </c>
      <c r="I5488">
        <f t="shared" si="615"/>
        <v>0.31053052546031162</v>
      </c>
      <c r="J5488">
        <f t="shared" si="616"/>
        <v>1.0351017515343723</v>
      </c>
      <c r="K5488">
        <f t="shared" si="617"/>
        <v>1.5526526273015582</v>
      </c>
      <c r="L5488">
        <f t="shared" si="618"/>
        <v>7.4527326110474794</v>
      </c>
      <c r="M5488">
        <f t="shared" si="619"/>
        <v>0</v>
      </c>
      <c r="N5488" s="46">
        <f t="shared" si="620"/>
        <v>45519.249999986772</v>
      </c>
    </row>
    <row r="5489" spans="2:14" x14ac:dyDescent="0.3">
      <c r="B5489">
        <f t="shared" si="614"/>
        <v>4</v>
      </c>
      <c r="C5489" s="16">
        <v>5455</v>
      </c>
      <c r="D5489" cm="1">
        <f t="array" ref="D5489">IFERROR(INDEX(Jesper!AH$2:AH$366,ROUNDDOWN($C5489/24,0)+1,1)*INDEX($D$3:$AA$30,INDEX(Jesper!$R$2:$R$366,ROW(INDEX(Jesper!AH$2:AH$366,ROUNDDOWN($C5489/24,0)+1,1))-1)+IF('Standard Profiles'!$G$18=$B$10,7,0)+IF('Standard Profiles'!$G$18=$B$17,14,0)+IF('Standard Profiles'!$G$18=$B$24,21,0),MOD($C5489,24)+1)/SUM(INDEX($D$3:$AA$30,INDEX(Jesper!$R$2:$R$366,ROW(INDEX(Jesper!AH$2:AH$366,ROUNDDOWN($C5489/24,0)+1,1))-1)+IF('Standard Profiles'!$G$18=$B$10,7,0)+IF('Standard Profiles'!$G$18=$B$17,14,0)+IF('Standard Profiles'!$G$18=$B$24,21,0),0)),0)</f>
        <v>10.351017515343722</v>
      </c>
      <c r="E5489" cm="1">
        <f t="array" ref="E5489">IFERROR(INDEX(Jesper!AI$2:AI$366,ROUNDDOWN($C5489/24,0)+1,1)*INDEX($D$3:$AA$30,INDEX(Jesper!$R$2:$R$366,ROW(INDEX(Jesper!AI$2:AI$366,ROUNDDOWN($C5489/24,0)+1,1))-1)+IF('Standard Profiles'!$G$19=$B$10,7,0)+IF('Standard Profiles'!$G$19=$B$17,14,0)+IF('Standard Profiles'!$G$19=$B$24,21,0),MOD($C5489,24)+1)/SUM(INDEX($D$3:$AA$30,INDEX(Jesper!$R$2:$R$366,ROW(INDEX(Jesper!AI$2:AI$366,ROUNDDOWN($C5489/24,0)+1,1))-1)+IF('Standard Profiles'!$G$19=$B$10,7,0)+IF('Standard Profiles'!$G$19=$B$17,14,0)+IF('Standard Profiles'!$G$19=$B$24,21,0),0)),0)</f>
        <v>0</v>
      </c>
      <c r="F5489" cm="1">
        <f t="array" ref="F5489">IFERROR(INDEX(Jesper!AJ$2:AJ$366,ROUNDDOWN($C5489/24,0)+1,1)*INDEX($D$3:$AA$30,INDEX(Jesper!$R$2:$R$366,ROW(INDEX(Jesper!AJ$2:AJ$366,ROUNDDOWN($C5489/24,0)+1,1))-1)+IF('Standard Profiles'!$G$20=$B$10,7,0)+IF('Standard Profiles'!$G$20=$B$17,14,0)+IF('Standard Profiles'!$G$20=$B$24,21,0),MOD($C5489,24)+1)/SUM(INDEX($D$3:$AA$30,INDEX(Jesper!$R$2:$R$366,ROW(INDEX(Jesper!AJ$2:AJ$366,ROUNDDOWN($C5489/24,0)+1,1))-1)+IF('Standard Profiles'!$G$20=$B$10,7,0)+IF('Standard Profiles'!$G$20=$B$17,14,0)+IF('Standard Profiles'!$G$20=$B$24,21,0),0)),0)</f>
        <v>0</v>
      </c>
      <c r="G5489" cm="1">
        <f t="array" ref="G5489">IFERROR(INDEX(Jesper!AK$2:AK$366,ROUNDDOWN($C5489/24,0)+1,1)*INDEX($D$3:$AA$30,INDEX(Jesper!$R$2:$R$366,ROW(INDEX(Jesper!AK$2:AK$366,ROUNDDOWN($C5489/24,0)+1,1))-1)+IF('Standard Profiles'!$G$21=$B$10,7,0)+IF('Standard Profiles'!$G$21=$B$17,14,0)+IF('Standard Profiles'!$G$21=$B$24,21,0),MOD($C5489,24)+1)/SUM(INDEX($D$3:$AA$30,INDEX(Jesper!$R$2:$R$366,ROW(INDEX(Jesper!AK$2:AK$366,ROUNDDOWN($C5489/24,0)+1,1))-1)+IF('Standard Profiles'!$G$21=$B$10,7,0)+IF('Standard Profiles'!$G$21=$B$17,14,0)+IF('Standard Profiles'!$G$21=$B$24,21,0),0)),0)</f>
        <v>0</v>
      </c>
      <c r="H5489" cm="1">
        <f t="array" ref="H5489">IFERROR(INDEX(Jesper!AL$2:AL$366,ROUNDDOWN($C5489/24,0)+1,1)*INDEX($D$3:$AA$30,INDEX(Jesper!$R$2:$R$366,ROW(INDEX(Jesper!AL$2:AL$366,ROUNDDOWN($C5489/24,0)+1,1))-1)+IF('Standard Profiles'!$G$22=$B$10,7,0)+IF('Standard Profiles'!$G$22=$B$17,14,0)+IF('Standard Profiles'!$G$22=$B$24,21,0),MOD($C5489,24)+1)/SUM(INDEX($D$3:$AA$30,INDEX(Jesper!$R$2:$R$366,ROW(INDEX(Jesper!AL$2:AL$366,ROUNDDOWN($C5489/24,0)+1,1))-1)+IF('Standard Profiles'!$G$22=$B$10,7,0)+IF('Standard Profiles'!$G$22=$B$17,14,0)+IF('Standard Profiles'!$G$22=$B$24,21,0),0)),0)</f>
        <v>0</v>
      </c>
      <c r="I5489">
        <f t="shared" si="615"/>
        <v>0.31053052546031162</v>
      </c>
      <c r="J5489">
        <f t="shared" si="616"/>
        <v>1.0351017515343723</v>
      </c>
      <c r="K5489">
        <f t="shared" si="617"/>
        <v>1.5526526273015582</v>
      </c>
      <c r="L5489">
        <f t="shared" si="618"/>
        <v>7.4527326110474794</v>
      </c>
      <c r="M5489">
        <f t="shared" si="619"/>
        <v>0</v>
      </c>
      <c r="N5489" s="46">
        <f t="shared" si="620"/>
        <v>45519.291666653437</v>
      </c>
    </row>
    <row r="5490" spans="2:14" x14ac:dyDescent="0.3">
      <c r="B5490">
        <f t="shared" si="614"/>
        <v>4</v>
      </c>
      <c r="C5490" s="16">
        <v>5456</v>
      </c>
      <c r="D5490" cm="1">
        <f t="array" ref="D5490">IFERROR(INDEX(Jesper!AH$2:AH$366,ROUNDDOWN($C5490/24,0)+1,1)*INDEX($D$3:$AA$30,INDEX(Jesper!$R$2:$R$366,ROW(INDEX(Jesper!AH$2:AH$366,ROUNDDOWN($C5490/24,0)+1,1))-1)+IF('Standard Profiles'!$G$18=$B$10,7,0)+IF('Standard Profiles'!$G$18=$B$17,14,0)+IF('Standard Profiles'!$G$18=$B$24,21,0),MOD($C5490,24)+1)/SUM(INDEX($D$3:$AA$30,INDEX(Jesper!$R$2:$R$366,ROW(INDEX(Jesper!AH$2:AH$366,ROUNDDOWN($C5490/24,0)+1,1))-1)+IF('Standard Profiles'!$G$18=$B$10,7,0)+IF('Standard Profiles'!$G$18=$B$17,14,0)+IF('Standard Profiles'!$G$18=$B$24,21,0),0)),0)</f>
        <v>10.351017515343722</v>
      </c>
      <c r="E5490" cm="1">
        <f t="array" ref="E5490">IFERROR(INDEX(Jesper!AI$2:AI$366,ROUNDDOWN($C5490/24,0)+1,1)*INDEX($D$3:$AA$30,INDEX(Jesper!$R$2:$R$366,ROW(INDEX(Jesper!AI$2:AI$366,ROUNDDOWN($C5490/24,0)+1,1))-1)+IF('Standard Profiles'!$G$19=$B$10,7,0)+IF('Standard Profiles'!$G$19=$B$17,14,0)+IF('Standard Profiles'!$G$19=$B$24,21,0),MOD($C5490,24)+1)/SUM(INDEX($D$3:$AA$30,INDEX(Jesper!$R$2:$R$366,ROW(INDEX(Jesper!AI$2:AI$366,ROUNDDOWN($C5490/24,0)+1,1))-1)+IF('Standard Profiles'!$G$19=$B$10,7,0)+IF('Standard Profiles'!$G$19=$B$17,14,0)+IF('Standard Profiles'!$G$19=$B$24,21,0),0)),0)</f>
        <v>0</v>
      </c>
      <c r="F5490" cm="1">
        <f t="array" ref="F5490">IFERROR(INDEX(Jesper!AJ$2:AJ$366,ROUNDDOWN($C5490/24,0)+1,1)*INDEX($D$3:$AA$30,INDEX(Jesper!$R$2:$R$366,ROW(INDEX(Jesper!AJ$2:AJ$366,ROUNDDOWN($C5490/24,0)+1,1))-1)+IF('Standard Profiles'!$G$20=$B$10,7,0)+IF('Standard Profiles'!$G$20=$B$17,14,0)+IF('Standard Profiles'!$G$20=$B$24,21,0),MOD($C5490,24)+1)/SUM(INDEX($D$3:$AA$30,INDEX(Jesper!$R$2:$R$366,ROW(INDEX(Jesper!AJ$2:AJ$366,ROUNDDOWN($C5490/24,0)+1,1))-1)+IF('Standard Profiles'!$G$20=$B$10,7,0)+IF('Standard Profiles'!$G$20=$B$17,14,0)+IF('Standard Profiles'!$G$20=$B$24,21,0),0)),0)</f>
        <v>0</v>
      </c>
      <c r="G5490" cm="1">
        <f t="array" ref="G5490">IFERROR(INDEX(Jesper!AK$2:AK$366,ROUNDDOWN($C5490/24,0)+1,1)*INDEX($D$3:$AA$30,INDEX(Jesper!$R$2:$R$366,ROW(INDEX(Jesper!AK$2:AK$366,ROUNDDOWN($C5490/24,0)+1,1))-1)+IF('Standard Profiles'!$G$21=$B$10,7,0)+IF('Standard Profiles'!$G$21=$B$17,14,0)+IF('Standard Profiles'!$G$21=$B$24,21,0),MOD($C5490,24)+1)/SUM(INDEX($D$3:$AA$30,INDEX(Jesper!$R$2:$R$366,ROW(INDEX(Jesper!AK$2:AK$366,ROUNDDOWN($C5490/24,0)+1,1))-1)+IF('Standard Profiles'!$G$21=$B$10,7,0)+IF('Standard Profiles'!$G$21=$B$17,14,0)+IF('Standard Profiles'!$G$21=$B$24,21,0),0)),0)</f>
        <v>0</v>
      </c>
      <c r="H5490" cm="1">
        <f t="array" ref="H5490">IFERROR(INDEX(Jesper!AL$2:AL$366,ROUNDDOWN($C5490/24,0)+1,1)*INDEX($D$3:$AA$30,INDEX(Jesper!$R$2:$R$366,ROW(INDEX(Jesper!AL$2:AL$366,ROUNDDOWN($C5490/24,0)+1,1))-1)+IF('Standard Profiles'!$G$22=$B$10,7,0)+IF('Standard Profiles'!$G$22=$B$17,14,0)+IF('Standard Profiles'!$G$22=$B$24,21,0),MOD($C5490,24)+1)/SUM(INDEX($D$3:$AA$30,INDEX(Jesper!$R$2:$R$366,ROW(INDEX(Jesper!AL$2:AL$366,ROUNDDOWN($C5490/24,0)+1,1))-1)+IF('Standard Profiles'!$G$22=$B$10,7,0)+IF('Standard Profiles'!$G$22=$B$17,14,0)+IF('Standard Profiles'!$G$22=$B$24,21,0),0)),0)</f>
        <v>0</v>
      </c>
      <c r="I5490">
        <f t="shared" si="615"/>
        <v>0.31053052546031162</v>
      </c>
      <c r="J5490">
        <f t="shared" si="616"/>
        <v>1.0351017515343723</v>
      </c>
      <c r="K5490">
        <f t="shared" si="617"/>
        <v>1.5526526273015582</v>
      </c>
      <c r="L5490">
        <f t="shared" si="618"/>
        <v>7.4527326110474794</v>
      </c>
      <c r="M5490">
        <f t="shared" si="619"/>
        <v>0</v>
      </c>
      <c r="N5490" s="46">
        <f t="shared" si="620"/>
        <v>45519.333333320101</v>
      </c>
    </row>
    <row r="5491" spans="2:14" x14ac:dyDescent="0.3">
      <c r="B5491">
        <f t="shared" si="614"/>
        <v>4</v>
      </c>
      <c r="C5491" s="16">
        <v>5457</v>
      </c>
      <c r="D5491" cm="1">
        <f t="array" ref="D5491">IFERROR(INDEX(Jesper!AH$2:AH$366,ROUNDDOWN($C5491/24,0)+1,1)*INDEX($D$3:$AA$30,INDEX(Jesper!$R$2:$R$366,ROW(INDEX(Jesper!AH$2:AH$366,ROUNDDOWN($C5491/24,0)+1,1))-1)+IF('Standard Profiles'!$G$18=$B$10,7,0)+IF('Standard Profiles'!$G$18=$B$17,14,0)+IF('Standard Profiles'!$G$18=$B$24,21,0),MOD($C5491,24)+1)/SUM(INDEX($D$3:$AA$30,INDEX(Jesper!$R$2:$R$366,ROW(INDEX(Jesper!AH$2:AH$366,ROUNDDOWN($C5491/24,0)+1,1))-1)+IF('Standard Profiles'!$G$18=$B$10,7,0)+IF('Standard Profiles'!$G$18=$B$17,14,0)+IF('Standard Profiles'!$G$18=$B$24,21,0),0)),0)</f>
        <v>11.123481509026089</v>
      </c>
      <c r="E5491" cm="1">
        <f t="array" ref="E5491">IFERROR(INDEX(Jesper!AI$2:AI$366,ROUNDDOWN($C5491/24,0)+1,1)*INDEX($D$3:$AA$30,INDEX(Jesper!$R$2:$R$366,ROW(INDEX(Jesper!AI$2:AI$366,ROUNDDOWN($C5491/24,0)+1,1))-1)+IF('Standard Profiles'!$G$19=$B$10,7,0)+IF('Standard Profiles'!$G$19=$B$17,14,0)+IF('Standard Profiles'!$G$19=$B$24,21,0),MOD($C5491,24)+1)/SUM(INDEX($D$3:$AA$30,INDEX(Jesper!$R$2:$R$366,ROW(INDEX(Jesper!AI$2:AI$366,ROUNDDOWN($C5491/24,0)+1,1))-1)+IF('Standard Profiles'!$G$19=$B$10,7,0)+IF('Standard Profiles'!$G$19=$B$17,14,0)+IF('Standard Profiles'!$G$19=$B$24,21,0),0)),0)</f>
        <v>0</v>
      </c>
      <c r="F5491" cm="1">
        <f t="array" ref="F5491">IFERROR(INDEX(Jesper!AJ$2:AJ$366,ROUNDDOWN($C5491/24,0)+1,1)*INDEX($D$3:$AA$30,INDEX(Jesper!$R$2:$R$366,ROW(INDEX(Jesper!AJ$2:AJ$366,ROUNDDOWN($C5491/24,0)+1,1))-1)+IF('Standard Profiles'!$G$20=$B$10,7,0)+IF('Standard Profiles'!$G$20=$B$17,14,0)+IF('Standard Profiles'!$G$20=$B$24,21,0),MOD($C5491,24)+1)/SUM(INDEX($D$3:$AA$30,INDEX(Jesper!$R$2:$R$366,ROW(INDEX(Jesper!AJ$2:AJ$366,ROUNDDOWN($C5491/24,0)+1,1))-1)+IF('Standard Profiles'!$G$20=$B$10,7,0)+IF('Standard Profiles'!$G$20=$B$17,14,0)+IF('Standard Profiles'!$G$20=$B$24,21,0),0)),0)</f>
        <v>0</v>
      </c>
      <c r="G5491" cm="1">
        <f t="array" ref="G5491">IFERROR(INDEX(Jesper!AK$2:AK$366,ROUNDDOWN($C5491/24,0)+1,1)*INDEX($D$3:$AA$30,INDEX(Jesper!$R$2:$R$366,ROW(INDEX(Jesper!AK$2:AK$366,ROUNDDOWN($C5491/24,0)+1,1))-1)+IF('Standard Profiles'!$G$21=$B$10,7,0)+IF('Standard Profiles'!$G$21=$B$17,14,0)+IF('Standard Profiles'!$G$21=$B$24,21,0),MOD($C5491,24)+1)/SUM(INDEX($D$3:$AA$30,INDEX(Jesper!$R$2:$R$366,ROW(INDEX(Jesper!AK$2:AK$366,ROUNDDOWN($C5491/24,0)+1,1))-1)+IF('Standard Profiles'!$G$21=$B$10,7,0)+IF('Standard Profiles'!$G$21=$B$17,14,0)+IF('Standard Profiles'!$G$21=$B$24,21,0),0)),0)</f>
        <v>0</v>
      </c>
      <c r="H5491" cm="1">
        <f t="array" ref="H5491">IFERROR(INDEX(Jesper!AL$2:AL$366,ROUNDDOWN($C5491/24,0)+1,1)*INDEX($D$3:$AA$30,INDEX(Jesper!$R$2:$R$366,ROW(INDEX(Jesper!AL$2:AL$366,ROUNDDOWN($C5491/24,0)+1,1))-1)+IF('Standard Profiles'!$G$22=$B$10,7,0)+IF('Standard Profiles'!$G$22=$B$17,14,0)+IF('Standard Profiles'!$G$22=$B$24,21,0),MOD($C5491,24)+1)/SUM(INDEX($D$3:$AA$30,INDEX(Jesper!$R$2:$R$366,ROW(INDEX(Jesper!AL$2:AL$366,ROUNDDOWN($C5491/24,0)+1,1))-1)+IF('Standard Profiles'!$G$22=$B$10,7,0)+IF('Standard Profiles'!$G$22=$B$17,14,0)+IF('Standard Profiles'!$G$22=$B$24,21,0),0)),0)</f>
        <v>0</v>
      </c>
      <c r="I5491">
        <f t="shared" si="615"/>
        <v>0.33370444527078263</v>
      </c>
      <c r="J5491">
        <f t="shared" si="616"/>
        <v>1.112348150902609</v>
      </c>
      <c r="K5491">
        <f t="shared" si="617"/>
        <v>1.6685222263539132</v>
      </c>
      <c r="L5491">
        <f t="shared" si="618"/>
        <v>8.0089066864987828</v>
      </c>
      <c r="M5491">
        <f t="shared" si="619"/>
        <v>0</v>
      </c>
      <c r="N5491" s="46">
        <f t="shared" si="620"/>
        <v>45519.374999986765</v>
      </c>
    </row>
    <row r="5492" spans="2:14" x14ac:dyDescent="0.3">
      <c r="B5492">
        <f t="shared" si="614"/>
        <v>4</v>
      </c>
      <c r="C5492" s="16">
        <v>5458</v>
      </c>
      <c r="D5492" cm="1">
        <f t="array" ref="D5492">IFERROR(INDEX(Jesper!AH$2:AH$366,ROUNDDOWN($C5492/24,0)+1,1)*INDEX($D$3:$AA$30,INDEX(Jesper!$R$2:$R$366,ROW(INDEX(Jesper!AH$2:AH$366,ROUNDDOWN($C5492/24,0)+1,1))-1)+IF('Standard Profiles'!$G$18=$B$10,7,0)+IF('Standard Profiles'!$G$18=$B$17,14,0)+IF('Standard Profiles'!$G$18=$B$24,21,0),MOD($C5492,24)+1)/SUM(INDEX($D$3:$AA$30,INDEX(Jesper!$R$2:$R$366,ROW(INDEX(Jesper!AH$2:AH$366,ROUNDDOWN($C5492/24,0)+1,1))-1)+IF('Standard Profiles'!$G$18=$B$10,7,0)+IF('Standard Profiles'!$G$18=$B$17,14,0)+IF('Standard Profiles'!$G$18=$B$24,21,0),0)),0)</f>
        <v>12.050438301444929</v>
      </c>
      <c r="E5492" cm="1">
        <f t="array" ref="E5492">IFERROR(INDEX(Jesper!AI$2:AI$366,ROUNDDOWN($C5492/24,0)+1,1)*INDEX($D$3:$AA$30,INDEX(Jesper!$R$2:$R$366,ROW(INDEX(Jesper!AI$2:AI$366,ROUNDDOWN($C5492/24,0)+1,1))-1)+IF('Standard Profiles'!$G$19=$B$10,7,0)+IF('Standard Profiles'!$G$19=$B$17,14,0)+IF('Standard Profiles'!$G$19=$B$24,21,0),MOD($C5492,24)+1)/SUM(INDEX($D$3:$AA$30,INDEX(Jesper!$R$2:$R$366,ROW(INDEX(Jesper!AI$2:AI$366,ROUNDDOWN($C5492/24,0)+1,1))-1)+IF('Standard Profiles'!$G$19=$B$10,7,0)+IF('Standard Profiles'!$G$19=$B$17,14,0)+IF('Standard Profiles'!$G$19=$B$24,21,0),0)),0)</f>
        <v>0</v>
      </c>
      <c r="F5492" cm="1">
        <f t="array" ref="F5492">IFERROR(INDEX(Jesper!AJ$2:AJ$366,ROUNDDOWN($C5492/24,0)+1,1)*INDEX($D$3:$AA$30,INDEX(Jesper!$R$2:$R$366,ROW(INDEX(Jesper!AJ$2:AJ$366,ROUNDDOWN($C5492/24,0)+1,1))-1)+IF('Standard Profiles'!$G$20=$B$10,7,0)+IF('Standard Profiles'!$G$20=$B$17,14,0)+IF('Standard Profiles'!$G$20=$B$24,21,0),MOD($C5492,24)+1)/SUM(INDEX($D$3:$AA$30,INDEX(Jesper!$R$2:$R$366,ROW(INDEX(Jesper!AJ$2:AJ$366,ROUNDDOWN($C5492/24,0)+1,1))-1)+IF('Standard Profiles'!$G$20=$B$10,7,0)+IF('Standard Profiles'!$G$20=$B$17,14,0)+IF('Standard Profiles'!$G$20=$B$24,21,0),0)),0)</f>
        <v>0</v>
      </c>
      <c r="G5492" cm="1">
        <f t="array" ref="G5492">IFERROR(INDEX(Jesper!AK$2:AK$366,ROUNDDOWN($C5492/24,0)+1,1)*INDEX($D$3:$AA$30,INDEX(Jesper!$R$2:$R$366,ROW(INDEX(Jesper!AK$2:AK$366,ROUNDDOWN($C5492/24,0)+1,1))-1)+IF('Standard Profiles'!$G$21=$B$10,7,0)+IF('Standard Profiles'!$G$21=$B$17,14,0)+IF('Standard Profiles'!$G$21=$B$24,21,0),MOD($C5492,24)+1)/SUM(INDEX($D$3:$AA$30,INDEX(Jesper!$R$2:$R$366,ROW(INDEX(Jesper!AK$2:AK$366,ROUNDDOWN($C5492/24,0)+1,1))-1)+IF('Standard Profiles'!$G$21=$B$10,7,0)+IF('Standard Profiles'!$G$21=$B$17,14,0)+IF('Standard Profiles'!$G$21=$B$24,21,0),0)),0)</f>
        <v>0</v>
      </c>
      <c r="H5492" cm="1">
        <f t="array" ref="H5492">IFERROR(INDEX(Jesper!AL$2:AL$366,ROUNDDOWN($C5492/24,0)+1,1)*INDEX($D$3:$AA$30,INDEX(Jesper!$R$2:$R$366,ROW(INDEX(Jesper!AL$2:AL$366,ROUNDDOWN($C5492/24,0)+1,1))-1)+IF('Standard Profiles'!$G$22=$B$10,7,0)+IF('Standard Profiles'!$G$22=$B$17,14,0)+IF('Standard Profiles'!$G$22=$B$24,21,0),MOD($C5492,24)+1)/SUM(INDEX($D$3:$AA$30,INDEX(Jesper!$R$2:$R$366,ROW(INDEX(Jesper!AL$2:AL$366,ROUNDDOWN($C5492/24,0)+1,1))-1)+IF('Standard Profiles'!$G$22=$B$10,7,0)+IF('Standard Profiles'!$G$22=$B$17,14,0)+IF('Standard Profiles'!$G$22=$B$24,21,0),0)),0)</f>
        <v>0</v>
      </c>
      <c r="I5492">
        <f t="shared" si="615"/>
        <v>0.36151314904334786</v>
      </c>
      <c r="J5492">
        <f t="shared" si="616"/>
        <v>1.205043830144493</v>
      </c>
      <c r="K5492">
        <f t="shared" si="617"/>
        <v>1.8075657452167393</v>
      </c>
      <c r="L5492">
        <f t="shared" si="618"/>
        <v>8.6763155770403486</v>
      </c>
      <c r="M5492">
        <f t="shared" si="619"/>
        <v>0</v>
      </c>
      <c r="N5492" s="46">
        <f t="shared" si="620"/>
        <v>45519.416666653429</v>
      </c>
    </row>
    <row r="5493" spans="2:14" x14ac:dyDescent="0.3">
      <c r="B5493">
        <f t="shared" si="614"/>
        <v>4</v>
      </c>
      <c r="C5493" s="16">
        <v>5459</v>
      </c>
      <c r="D5493" cm="1">
        <f t="array" ref="D5493">IFERROR(INDEX(Jesper!AH$2:AH$366,ROUNDDOWN($C5493/24,0)+1,1)*INDEX($D$3:$AA$30,INDEX(Jesper!$R$2:$R$366,ROW(INDEX(Jesper!AH$2:AH$366,ROUNDDOWN($C5493/24,0)+1,1))-1)+IF('Standard Profiles'!$G$18=$B$10,7,0)+IF('Standard Profiles'!$G$18=$B$17,14,0)+IF('Standard Profiles'!$G$18=$B$24,21,0),MOD($C5493,24)+1)/SUM(INDEX($D$3:$AA$30,INDEX(Jesper!$R$2:$R$366,ROW(INDEX(Jesper!AH$2:AH$366,ROUNDDOWN($C5493/24,0)+1,1))-1)+IF('Standard Profiles'!$G$18=$B$10,7,0)+IF('Standard Profiles'!$G$18=$B$17,14,0)+IF('Standard Profiles'!$G$18=$B$24,21,0),0)),0)</f>
        <v>13.904351886282612</v>
      </c>
      <c r="E5493" cm="1">
        <f t="array" ref="E5493">IFERROR(INDEX(Jesper!AI$2:AI$366,ROUNDDOWN($C5493/24,0)+1,1)*INDEX($D$3:$AA$30,INDEX(Jesper!$R$2:$R$366,ROW(INDEX(Jesper!AI$2:AI$366,ROUNDDOWN($C5493/24,0)+1,1))-1)+IF('Standard Profiles'!$G$19=$B$10,7,0)+IF('Standard Profiles'!$G$19=$B$17,14,0)+IF('Standard Profiles'!$G$19=$B$24,21,0),MOD($C5493,24)+1)/SUM(INDEX($D$3:$AA$30,INDEX(Jesper!$R$2:$R$366,ROW(INDEX(Jesper!AI$2:AI$366,ROUNDDOWN($C5493/24,0)+1,1))-1)+IF('Standard Profiles'!$G$19=$B$10,7,0)+IF('Standard Profiles'!$G$19=$B$17,14,0)+IF('Standard Profiles'!$G$19=$B$24,21,0),0)),0)</f>
        <v>0</v>
      </c>
      <c r="F5493" cm="1">
        <f t="array" ref="F5493">IFERROR(INDEX(Jesper!AJ$2:AJ$366,ROUNDDOWN($C5493/24,0)+1,1)*INDEX($D$3:$AA$30,INDEX(Jesper!$R$2:$R$366,ROW(INDEX(Jesper!AJ$2:AJ$366,ROUNDDOWN($C5493/24,0)+1,1))-1)+IF('Standard Profiles'!$G$20=$B$10,7,0)+IF('Standard Profiles'!$G$20=$B$17,14,0)+IF('Standard Profiles'!$G$20=$B$24,21,0),MOD($C5493,24)+1)/SUM(INDEX($D$3:$AA$30,INDEX(Jesper!$R$2:$R$366,ROW(INDEX(Jesper!AJ$2:AJ$366,ROUNDDOWN($C5493/24,0)+1,1))-1)+IF('Standard Profiles'!$G$20=$B$10,7,0)+IF('Standard Profiles'!$G$20=$B$17,14,0)+IF('Standard Profiles'!$G$20=$B$24,21,0),0)),0)</f>
        <v>0</v>
      </c>
      <c r="G5493" cm="1">
        <f t="array" ref="G5493">IFERROR(INDEX(Jesper!AK$2:AK$366,ROUNDDOWN($C5493/24,0)+1,1)*INDEX($D$3:$AA$30,INDEX(Jesper!$R$2:$R$366,ROW(INDEX(Jesper!AK$2:AK$366,ROUNDDOWN($C5493/24,0)+1,1))-1)+IF('Standard Profiles'!$G$21=$B$10,7,0)+IF('Standard Profiles'!$G$21=$B$17,14,0)+IF('Standard Profiles'!$G$21=$B$24,21,0),MOD($C5493,24)+1)/SUM(INDEX($D$3:$AA$30,INDEX(Jesper!$R$2:$R$366,ROW(INDEX(Jesper!AK$2:AK$366,ROUNDDOWN($C5493/24,0)+1,1))-1)+IF('Standard Profiles'!$G$21=$B$10,7,0)+IF('Standard Profiles'!$G$21=$B$17,14,0)+IF('Standard Profiles'!$G$21=$B$24,21,0),0)),0)</f>
        <v>0</v>
      </c>
      <c r="H5493" cm="1">
        <f t="array" ref="H5493">IFERROR(INDEX(Jesper!AL$2:AL$366,ROUNDDOWN($C5493/24,0)+1,1)*INDEX($D$3:$AA$30,INDEX(Jesper!$R$2:$R$366,ROW(INDEX(Jesper!AL$2:AL$366,ROUNDDOWN($C5493/24,0)+1,1))-1)+IF('Standard Profiles'!$G$22=$B$10,7,0)+IF('Standard Profiles'!$G$22=$B$17,14,0)+IF('Standard Profiles'!$G$22=$B$24,21,0),MOD($C5493,24)+1)/SUM(INDEX($D$3:$AA$30,INDEX(Jesper!$R$2:$R$366,ROW(INDEX(Jesper!AL$2:AL$366,ROUNDDOWN($C5493/24,0)+1,1))-1)+IF('Standard Profiles'!$G$22=$B$10,7,0)+IF('Standard Profiles'!$G$22=$B$17,14,0)+IF('Standard Profiles'!$G$22=$B$24,21,0),0)),0)</f>
        <v>0</v>
      </c>
      <c r="I5493">
        <f t="shared" si="615"/>
        <v>0.41713055658847836</v>
      </c>
      <c r="J5493">
        <f t="shared" si="616"/>
        <v>1.3904351886282613</v>
      </c>
      <c r="K5493">
        <f t="shared" si="617"/>
        <v>2.0856527829423919</v>
      </c>
      <c r="L5493">
        <f t="shared" si="618"/>
        <v>10.01113335812348</v>
      </c>
      <c r="M5493">
        <f t="shared" si="619"/>
        <v>0</v>
      </c>
      <c r="N5493" s="46">
        <f t="shared" si="620"/>
        <v>45519.458333320094</v>
      </c>
    </row>
    <row r="5494" spans="2:14" x14ac:dyDescent="0.3">
      <c r="B5494">
        <f t="shared" si="614"/>
        <v>4</v>
      </c>
      <c r="C5494" s="16">
        <v>5460</v>
      </c>
      <c r="D5494" cm="1">
        <f t="array" ref="D5494">IFERROR(INDEX(Jesper!AH$2:AH$366,ROUNDDOWN($C5494/24,0)+1,1)*INDEX($D$3:$AA$30,INDEX(Jesper!$R$2:$R$366,ROW(INDEX(Jesper!AH$2:AH$366,ROUNDDOWN($C5494/24,0)+1,1))-1)+IF('Standard Profiles'!$G$18=$B$10,7,0)+IF('Standard Profiles'!$G$18=$B$17,14,0)+IF('Standard Profiles'!$G$18=$B$24,21,0),MOD($C5494,24)+1)/SUM(INDEX($D$3:$AA$30,INDEX(Jesper!$R$2:$R$366,ROW(INDEX(Jesper!AH$2:AH$366,ROUNDDOWN($C5494/24,0)+1,1))-1)+IF('Standard Profiles'!$G$18=$B$10,7,0)+IF('Standard Profiles'!$G$18=$B$17,14,0)+IF('Standard Profiles'!$G$18=$B$24,21,0),0)),0)</f>
        <v>13.904351886282612</v>
      </c>
      <c r="E5494" cm="1">
        <f t="array" ref="E5494">IFERROR(INDEX(Jesper!AI$2:AI$366,ROUNDDOWN($C5494/24,0)+1,1)*INDEX($D$3:$AA$30,INDEX(Jesper!$R$2:$R$366,ROW(INDEX(Jesper!AI$2:AI$366,ROUNDDOWN($C5494/24,0)+1,1))-1)+IF('Standard Profiles'!$G$19=$B$10,7,0)+IF('Standard Profiles'!$G$19=$B$17,14,0)+IF('Standard Profiles'!$G$19=$B$24,21,0),MOD($C5494,24)+1)/SUM(INDEX($D$3:$AA$30,INDEX(Jesper!$R$2:$R$366,ROW(INDEX(Jesper!AI$2:AI$366,ROUNDDOWN($C5494/24,0)+1,1))-1)+IF('Standard Profiles'!$G$19=$B$10,7,0)+IF('Standard Profiles'!$G$19=$B$17,14,0)+IF('Standard Profiles'!$G$19=$B$24,21,0),0)),0)</f>
        <v>0</v>
      </c>
      <c r="F5494" cm="1">
        <f t="array" ref="F5494">IFERROR(INDEX(Jesper!AJ$2:AJ$366,ROUNDDOWN($C5494/24,0)+1,1)*INDEX($D$3:$AA$30,INDEX(Jesper!$R$2:$R$366,ROW(INDEX(Jesper!AJ$2:AJ$366,ROUNDDOWN($C5494/24,0)+1,1))-1)+IF('Standard Profiles'!$G$20=$B$10,7,0)+IF('Standard Profiles'!$G$20=$B$17,14,0)+IF('Standard Profiles'!$G$20=$B$24,21,0),MOD($C5494,24)+1)/SUM(INDEX($D$3:$AA$30,INDEX(Jesper!$R$2:$R$366,ROW(INDEX(Jesper!AJ$2:AJ$366,ROUNDDOWN($C5494/24,0)+1,1))-1)+IF('Standard Profiles'!$G$20=$B$10,7,0)+IF('Standard Profiles'!$G$20=$B$17,14,0)+IF('Standard Profiles'!$G$20=$B$24,21,0),0)),0)</f>
        <v>0</v>
      </c>
      <c r="G5494" cm="1">
        <f t="array" ref="G5494">IFERROR(INDEX(Jesper!AK$2:AK$366,ROUNDDOWN($C5494/24,0)+1,1)*INDEX($D$3:$AA$30,INDEX(Jesper!$R$2:$R$366,ROW(INDEX(Jesper!AK$2:AK$366,ROUNDDOWN($C5494/24,0)+1,1))-1)+IF('Standard Profiles'!$G$21=$B$10,7,0)+IF('Standard Profiles'!$G$21=$B$17,14,0)+IF('Standard Profiles'!$G$21=$B$24,21,0),MOD($C5494,24)+1)/SUM(INDEX($D$3:$AA$30,INDEX(Jesper!$R$2:$R$366,ROW(INDEX(Jesper!AK$2:AK$366,ROUNDDOWN($C5494/24,0)+1,1))-1)+IF('Standard Profiles'!$G$21=$B$10,7,0)+IF('Standard Profiles'!$G$21=$B$17,14,0)+IF('Standard Profiles'!$G$21=$B$24,21,0),0)),0)</f>
        <v>0</v>
      </c>
      <c r="H5494" cm="1">
        <f t="array" ref="H5494">IFERROR(INDEX(Jesper!AL$2:AL$366,ROUNDDOWN($C5494/24,0)+1,1)*INDEX($D$3:$AA$30,INDEX(Jesper!$R$2:$R$366,ROW(INDEX(Jesper!AL$2:AL$366,ROUNDDOWN($C5494/24,0)+1,1))-1)+IF('Standard Profiles'!$G$22=$B$10,7,0)+IF('Standard Profiles'!$G$22=$B$17,14,0)+IF('Standard Profiles'!$G$22=$B$24,21,0),MOD($C5494,24)+1)/SUM(INDEX($D$3:$AA$30,INDEX(Jesper!$R$2:$R$366,ROW(INDEX(Jesper!AL$2:AL$366,ROUNDDOWN($C5494/24,0)+1,1))-1)+IF('Standard Profiles'!$G$22=$B$10,7,0)+IF('Standard Profiles'!$G$22=$B$17,14,0)+IF('Standard Profiles'!$G$22=$B$24,21,0),0)),0)</f>
        <v>0</v>
      </c>
      <c r="I5494">
        <f t="shared" si="615"/>
        <v>0.41713055658847836</v>
      </c>
      <c r="J5494">
        <f t="shared" si="616"/>
        <v>1.3904351886282613</v>
      </c>
      <c r="K5494">
        <f t="shared" si="617"/>
        <v>2.0856527829423919</v>
      </c>
      <c r="L5494">
        <f t="shared" si="618"/>
        <v>10.01113335812348</v>
      </c>
      <c r="M5494">
        <f t="shared" si="619"/>
        <v>0</v>
      </c>
      <c r="N5494" s="46">
        <f t="shared" si="620"/>
        <v>45519.499999986758</v>
      </c>
    </row>
    <row r="5495" spans="2:14" x14ac:dyDescent="0.3">
      <c r="B5495">
        <f t="shared" si="614"/>
        <v>4</v>
      </c>
      <c r="C5495" s="16">
        <v>5461</v>
      </c>
      <c r="D5495" cm="1">
        <f t="array" ref="D5495">IFERROR(INDEX(Jesper!AH$2:AH$366,ROUNDDOWN($C5495/24,0)+1,1)*INDEX($D$3:$AA$30,INDEX(Jesper!$R$2:$R$366,ROW(INDEX(Jesper!AH$2:AH$366,ROUNDDOWN($C5495/24,0)+1,1))-1)+IF('Standard Profiles'!$G$18=$B$10,7,0)+IF('Standard Profiles'!$G$18=$B$17,14,0)+IF('Standard Profiles'!$G$18=$B$24,21,0),MOD($C5495,24)+1)/SUM(INDEX($D$3:$AA$30,INDEX(Jesper!$R$2:$R$366,ROW(INDEX(Jesper!AH$2:AH$366,ROUNDDOWN($C5495/24,0)+1,1))-1)+IF('Standard Profiles'!$G$18=$B$10,7,0)+IF('Standard Profiles'!$G$18=$B$17,14,0)+IF('Standard Profiles'!$G$18=$B$24,21,0),0)),0)</f>
        <v>13.904351886282612</v>
      </c>
      <c r="E5495" cm="1">
        <f t="array" ref="E5495">IFERROR(INDEX(Jesper!AI$2:AI$366,ROUNDDOWN($C5495/24,0)+1,1)*INDEX($D$3:$AA$30,INDEX(Jesper!$R$2:$R$366,ROW(INDEX(Jesper!AI$2:AI$366,ROUNDDOWN($C5495/24,0)+1,1))-1)+IF('Standard Profiles'!$G$19=$B$10,7,0)+IF('Standard Profiles'!$G$19=$B$17,14,0)+IF('Standard Profiles'!$G$19=$B$24,21,0),MOD($C5495,24)+1)/SUM(INDEX($D$3:$AA$30,INDEX(Jesper!$R$2:$R$366,ROW(INDEX(Jesper!AI$2:AI$366,ROUNDDOWN($C5495/24,0)+1,1))-1)+IF('Standard Profiles'!$G$19=$B$10,7,0)+IF('Standard Profiles'!$G$19=$B$17,14,0)+IF('Standard Profiles'!$G$19=$B$24,21,0),0)),0)</f>
        <v>0</v>
      </c>
      <c r="F5495" cm="1">
        <f t="array" ref="F5495">IFERROR(INDEX(Jesper!AJ$2:AJ$366,ROUNDDOWN($C5495/24,0)+1,1)*INDEX($D$3:$AA$30,INDEX(Jesper!$R$2:$R$366,ROW(INDEX(Jesper!AJ$2:AJ$366,ROUNDDOWN($C5495/24,0)+1,1))-1)+IF('Standard Profiles'!$G$20=$B$10,7,0)+IF('Standard Profiles'!$G$20=$B$17,14,0)+IF('Standard Profiles'!$G$20=$B$24,21,0),MOD($C5495,24)+1)/SUM(INDEX($D$3:$AA$30,INDEX(Jesper!$R$2:$R$366,ROW(INDEX(Jesper!AJ$2:AJ$366,ROUNDDOWN($C5495/24,0)+1,1))-1)+IF('Standard Profiles'!$G$20=$B$10,7,0)+IF('Standard Profiles'!$G$20=$B$17,14,0)+IF('Standard Profiles'!$G$20=$B$24,21,0),0)),0)</f>
        <v>0</v>
      </c>
      <c r="G5495" cm="1">
        <f t="array" ref="G5495">IFERROR(INDEX(Jesper!AK$2:AK$366,ROUNDDOWN($C5495/24,0)+1,1)*INDEX($D$3:$AA$30,INDEX(Jesper!$R$2:$R$366,ROW(INDEX(Jesper!AK$2:AK$366,ROUNDDOWN($C5495/24,0)+1,1))-1)+IF('Standard Profiles'!$G$21=$B$10,7,0)+IF('Standard Profiles'!$G$21=$B$17,14,0)+IF('Standard Profiles'!$G$21=$B$24,21,0),MOD($C5495,24)+1)/SUM(INDEX($D$3:$AA$30,INDEX(Jesper!$R$2:$R$366,ROW(INDEX(Jesper!AK$2:AK$366,ROUNDDOWN($C5495/24,0)+1,1))-1)+IF('Standard Profiles'!$G$21=$B$10,7,0)+IF('Standard Profiles'!$G$21=$B$17,14,0)+IF('Standard Profiles'!$G$21=$B$24,21,0),0)),0)</f>
        <v>0</v>
      </c>
      <c r="H5495" cm="1">
        <f t="array" ref="H5495">IFERROR(INDEX(Jesper!AL$2:AL$366,ROUNDDOWN($C5495/24,0)+1,1)*INDEX($D$3:$AA$30,INDEX(Jesper!$R$2:$R$366,ROW(INDEX(Jesper!AL$2:AL$366,ROUNDDOWN($C5495/24,0)+1,1))-1)+IF('Standard Profiles'!$G$22=$B$10,7,0)+IF('Standard Profiles'!$G$22=$B$17,14,0)+IF('Standard Profiles'!$G$22=$B$24,21,0),MOD($C5495,24)+1)/SUM(INDEX($D$3:$AA$30,INDEX(Jesper!$R$2:$R$366,ROW(INDEX(Jesper!AL$2:AL$366,ROUNDDOWN($C5495/24,0)+1,1))-1)+IF('Standard Profiles'!$G$22=$B$10,7,0)+IF('Standard Profiles'!$G$22=$B$17,14,0)+IF('Standard Profiles'!$G$22=$B$24,21,0),0)),0)</f>
        <v>0</v>
      </c>
      <c r="I5495">
        <f t="shared" si="615"/>
        <v>0.41713055658847836</v>
      </c>
      <c r="J5495">
        <f t="shared" si="616"/>
        <v>1.3904351886282613</v>
      </c>
      <c r="K5495">
        <f t="shared" si="617"/>
        <v>2.0856527829423919</v>
      </c>
      <c r="L5495">
        <f t="shared" si="618"/>
        <v>10.01113335812348</v>
      </c>
      <c r="M5495">
        <f t="shared" si="619"/>
        <v>0</v>
      </c>
      <c r="N5495" s="46">
        <f t="shared" si="620"/>
        <v>45519.541666653422</v>
      </c>
    </row>
    <row r="5496" spans="2:14" x14ac:dyDescent="0.3">
      <c r="B5496">
        <f t="shared" si="614"/>
        <v>4</v>
      </c>
      <c r="C5496" s="16">
        <v>5462</v>
      </c>
      <c r="D5496" cm="1">
        <f t="array" ref="D5496">IFERROR(INDEX(Jesper!AH$2:AH$366,ROUNDDOWN($C5496/24,0)+1,1)*INDEX($D$3:$AA$30,INDEX(Jesper!$R$2:$R$366,ROW(INDEX(Jesper!AH$2:AH$366,ROUNDDOWN($C5496/24,0)+1,1))-1)+IF('Standard Profiles'!$G$18=$B$10,7,0)+IF('Standard Profiles'!$G$18=$B$17,14,0)+IF('Standard Profiles'!$G$18=$B$24,21,0),MOD($C5496,24)+1)/SUM(INDEX($D$3:$AA$30,INDEX(Jesper!$R$2:$R$366,ROW(INDEX(Jesper!AH$2:AH$366,ROUNDDOWN($C5496/24,0)+1,1))-1)+IF('Standard Profiles'!$G$18=$B$10,7,0)+IF('Standard Profiles'!$G$18=$B$17,14,0)+IF('Standard Profiles'!$G$18=$B$24,21,0),0)),0)</f>
        <v>13.904351886282612</v>
      </c>
      <c r="E5496" cm="1">
        <f t="array" ref="E5496">IFERROR(INDEX(Jesper!AI$2:AI$366,ROUNDDOWN($C5496/24,0)+1,1)*INDEX($D$3:$AA$30,INDEX(Jesper!$R$2:$R$366,ROW(INDEX(Jesper!AI$2:AI$366,ROUNDDOWN($C5496/24,0)+1,1))-1)+IF('Standard Profiles'!$G$19=$B$10,7,0)+IF('Standard Profiles'!$G$19=$B$17,14,0)+IF('Standard Profiles'!$G$19=$B$24,21,0),MOD($C5496,24)+1)/SUM(INDEX($D$3:$AA$30,INDEX(Jesper!$R$2:$R$366,ROW(INDEX(Jesper!AI$2:AI$366,ROUNDDOWN($C5496/24,0)+1,1))-1)+IF('Standard Profiles'!$G$19=$B$10,7,0)+IF('Standard Profiles'!$G$19=$B$17,14,0)+IF('Standard Profiles'!$G$19=$B$24,21,0),0)),0)</f>
        <v>0</v>
      </c>
      <c r="F5496" cm="1">
        <f t="array" ref="F5496">IFERROR(INDEX(Jesper!AJ$2:AJ$366,ROUNDDOWN($C5496/24,0)+1,1)*INDEX($D$3:$AA$30,INDEX(Jesper!$R$2:$R$366,ROW(INDEX(Jesper!AJ$2:AJ$366,ROUNDDOWN($C5496/24,0)+1,1))-1)+IF('Standard Profiles'!$G$20=$B$10,7,0)+IF('Standard Profiles'!$G$20=$B$17,14,0)+IF('Standard Profiles'!$G$20=$B$24,21,0),MOD($C5496,24)+1)/SUM(INDEX($D$3:$AA$30,INDEX(Jesper!$R$2:$R$366,ROW(INDEX(Jesper!AJ$2:AJ$366,ROUNDDOWN($C5496/24,0)+1,1))-1)+IF('Standard Profiles'!$G$20=$B$10,7,0)+IF('Standard Profiles'!$G$20=$B$17,14,0)+IF('Standard Profiles'!$G$20=$B$24,21,0),0)),0)</f>
        <v>0</v>
      </c>
      <c r="G5496" cm="1">
        <f t="array" ref="G5496">IFERROR(INDEX(Jesper!AK$2:AK$366,ROUNDDOWN($C5496/24,0)+1,1)*INDEX($D$3:$AA$30,INDEX(Jesper!$R$2:$R$366,ROW(INDEX(Jesper!AK$2:AK$366,ROUNDDOWN($C5496/24,0)+1,1))-1)+IF('Standard Profiles'!$G$21=$B$10,7,0)+IF('Standard Profiles'!$G$21=$B$17,14,0)+IF('Standard Profiles'!$G$21=$B$24,21,0),MOD($C5496,24)+1)/SUM(INDEX($D$3:$AA$30,INDEX(Jesper!$R$2:$R$366,ROW(INDEX(Jesper!AK$2:AK$366,ROUNDDOWN($C5496/24,0)+1,1))-1)+IF('Standard Profiles'!$G$21=$B$10,7,0)+IF('Standard Profiles'!$G$21=$B$17,14,0)+IF('Standard Profiles'!$G$21=$B$24,21,0),0)),0)</f>
        <v>0</v>
      </c>
      <c r="H5496" cm="1">
        <f t="array" ref="H5496">IFERROR(INDEX(Jesper!AL$2:AL$366,ROUNDDOWN($C5496/24,0)+1,1)*INDEX($D$3:$AA$30,INDEX(Jesper!$R$2:$R$366,ROW(INDEX(Jesper!AL$2:AL$366,ROUNDDOWN($C5496/24,0)+1,1))-1)+IF('Standard Profiles'!$G$22=$B$10,7,0)+IF('Standard Profiles'!$G$22=$B$17,14,0)+IF('Standard Profiles'!$G$22=$B$24,21,0),MOD($C5496,24)+1)/SUM(INDEX($D$3:$AA$30,INDEX(Jesper!$R$2:$R$366,ROW(INDEX(Jesper!AL$2:AL$366,ROUNDDOWN($C5496/24,0)+1,1))-1)+IF('Standard Profiles'!$G$22=$B$10,7,0)+IF('Standard Profiles'!$G$22=$B$17,14,0)+IF('Standard Profiles'!$G$22=$B$24,21,0),0)),0)</f>
        <v>0</v>
      </c>
      <c r="I5496">
        <f t="shared" si="615"/>
        <v>0.41713055658847836</v>
      </c>
      <c r="J5496">
        <f t="shared" si="616"/>
        <v>1.3904351886282613</v>
      </c>
      <c r="K5496">
        <f t="shared" si="617"/>
        <v>2.0856527829423919</v>
      </c>
      <c r="L5496">
        <f t="shared" si="618"/>
        <v>10.01113335812348</v>
      </c>
      <c r="M5496">
        <f t="shared" si="619"/>
        <v>0</v>
      </c>
      <c r="N5496" s="46">
        <f t="shared" si="620"/>
        <v>45519.583333320086</v>
      </c>
    </row>
    <row r="5497" spans="2:14" x14ac:dyDescent="0.3">
      <c r="B5497">
        <f t="shared" si="614"/>
        <v>4</v>
      </c>
      <c r="C5497" s="16">
        <v>5463</v>
      </c>
      <c r="D5497" cm="1">
        <f t="array" ref="D5497">IFERROR(INDEX(Jesper!AH$2:AH$366,ROUNDDOWN($C5497/24,0)+1,1)*INDEX($D$3:$AA$30,INDEX(Jesper!$R$2:$R$366,ROW(INDEX(Jesper!AH$2:AH$366,ROUNDDOWN($C5497/24,0)+1,1))-1)+IF('Standard Profiles'!$G$18=$B$10,7,0)+IF('Standard Profiles'!$G$18=$B$17,14,0)+IF('Standard Profiles'!$G$18=$B$24,21,0),MOD($C5497,24)+1)/SUM(INDEX($D$3:$AA$30,INDEX(Jesper!$R$2:$R$366,ROW(INDEX(Jesper!AH$2:AH$366,ROUNDDOWN($C5497/24,0)+1,1))-1)+IF('Standard Profiles'!$G$18=$B$10,7,0)+IF('Standard Profiles'!$G$18=$B$17,14,0)+IF('Standard Profiles'!$G$18=$B$24,21,0),0)),0)</f>
        <v>13.904351886282612</v>
      </c>
      <c r="E5497" cm="1">
        <f t="array" ref="E5497">IFERROR(INDEX(Jesper!AI$2:AI$366,ROUNDDOWN($C5497/24,0)+1,1)*INDEX($D$3:$AA$30,INDEX(Jesper!$R$2:$R$366,ROW(INDEX(Jesper!AI$2:AI$366,ROUNDDOWN($C5497/24,0)+1,1))-1)+IF('Standard Profiles'!$G$19=$B$10,7,0)+IF('Standard Profiles'!$G$19=$B$17,14,0)+IF('Standard Profiles'!$G$19=$B$24,21,0),MOD($C5497,24)+1)/SUM(INDEX($D$3:$AA$30,INDEX(Jesper!$R$2:$R$366,ROW(INDEX(Jesper!AI$2:AI$366,ROUNDDOWN($C5497/24,0)+1,1))-1)+IF('Standard Profiles'!$G$19=$B$10,7,0)+IF('Standard Profiles'!$G$19=$B$17,14,0)+IF('Standard Profiles'!$G$19=$B$24,21,0),0)),0)</f>
        <v>0</v>
      </c>
      <c r="F5497" cm="1">
        <f t="array" ref="F5497">IFERROR(INDEX(Jesper!AJ$2:AJ$366,ROUNDDOWN($C5497/24,0)+1,1)*INDEX($D$3:$AA$30,INDEX(Jesper!$R$2:$R$366,ROW(INDEX(Jesper!AJ$2:AJ$366,ROUNDDOWN($C5497/24,0)+1,1))-1)+IF('Standard Profiles'!$G$20=$B$10,7,0)+IF('Standard Profiles'!$G$20=$B$17,14,0)+IF('Standard Profiles'!$G$20=$B$24,21,0),MOD($C5497,24)+1)/SUM(INDEX($D$3:$AA$30,INDEX(Jesper!$R$2:$R$366,ROW(INDEX(Jesper!AJ$2:AJ$366,ROUNDDOWN($C5497/24,0)+1,1))-1)+IF('Standard Profiles'!$G$20=$B$10,7,0)+IF('Standard Profiles'!$G$20=$B$17,14,0)+IF('Standard Profiles'!$G$20=$B$24,21,0),0)),0)</f>
        <v>0</v>
      </c>
      <c r="G5497" cm="1">
        <f t="array" ref="G5497">IFERROR(INDEX(Jesper!AK$2:AK$366,ROUNDDOWN($C5497/24,0)+1,1)*INDEX($D$3:$AA$30,INDEX(Jesper!$R$2:$R$366,ROW(INDEX(Jesper!AK$2:AK$366,ROUNDDOWN($C5497/24,0)+1,1))-1)+IF('Standard Profiles'!$G$21=$B$10,7,0)+IF('Standard Profiles'!$G$21=$B$17,14,0)+IF('Standard Profiles'!$G$21=$B$24,21,0),MOD($C5497,24)+1)/SUM(INDEX($D$3:$AA$30,INDEX(Jesper!$R$2:$R$366,ROW(INDEX(Jesper!AK$2:AK$366,ROUNDDOWN($C5497/24,0)+1,1))-1)+IF('Standard Profiles'!$G$21=$B$10,7,0)+IF('Standard Profiles'!$G$21=$B$17,14,0)+IF('Standard Profiles'!$G$21=$B$24,21,0),0)),0)</f>
        <v>0</v>
      </c>
      <c r="H5497" cm="1">
        <f t="array" ref="H5497">IFERROR(INDEX(Jesper!AL$2:AL$366,ROUNDDOWN($C5497/24,0)+1,1)*INDEX($D$3:$AA$30,INDEX(Jesper!$R$2:$R$366,ROW(INDEX(Jesper!AL$2:AL$366,ROUNDDOWN($C5497/24,0)+1,1))-1)+IF('Standard Profiles'!$G$22=$B$10,7,0)+IF('Standard Profiles'!$G$22=$B$17,14,0)+IF('Standard Profiles'!$G$22=$B$24,21,0),MOD($C5497,24)+1)/SUM(INDEX($D$3:$AA$30,INDEX(Jesper!$R$2:$R$366,ROW(INDEX(Jesper!AL$2:AL$366,ROUNDDOWN($C5497/24,0)+1,1))-1)+IF('Standard Profiles'!$G$22=$B$10,7,0)+IF('Standard Profiles'!$G$22=$B$17,14,0)+IF('Standard Profiles'!$G$22=$B$24,21,0),0)),0)</f>
        <v>0</v>
      </c>
      <c r="I5497">
        <f t="shared" si="615"/>
        <v>0.41713055658847836</v>
      </c>
      <c r="J5497">
        <f t="shared" si="616"/>
        <v>1.3904351886282613</v>
      </c>
      <c r="K5497">
        <f t="shared" si="617"/>
        <v>2.0856527829423919</v>
      </c>
      <c r="L5497">
        <f t="shared" si="618"/>
        <v>10.01113335812348</v>
      </c>
      <c r="M5497">
        <f t="shared" si="619"/>
        <v>0</v>
      </c>
      <c r="N5497" s="46">
        <f t="shared" si="620"/>
        <v>45519.62499998675</v>
      </c>
    </row>
    <row r="5498" spans="2:14" x14ac:dyDescent="0.3">
      <c r="B5498">
        <f t="shared" si="614"/>
        <v>4</v>
      </c>
      <c r="C5498" s="16">
        <v>5464</v>
      </c>
      <c r="D5498" cm="1">
        <f t="array" ref="D5498">IFERROR(INDEX(Jesper!AH$2:AH$366,ROUNDDOWN($C5498/24,0)+1,1)*INDEX($D$3:$AA$30,INDEX(Jesper!$R$2:$R$366,ROW(INDEX(Jesper!AH$2:AH$366,ROUNDDOWN($C5498/24,0)+1,1))-1)+IF('Standard Profiles'!$G$18=$B$10,7,0)+IF('Standard Profiles'!$G$18=$B$17,14,0)+IF('Standard Profiles'!$G$18=$B$24,21,0),MOD($C5498,24)+1)/SUM(INDEX($D$3:$AA$30,INDEX(Jesper!$R$2:$R$366,ROW(INDEX(Jesper!AH$2:AH$366,ROUNDDOWN($C5498/24,0)+1,1))-1)+IF('Standard Profiles'!$G$18=$B$10,7,0)+IF('Standard Profiles'!$G$18=$B$17,14,0)+IF('Standard Profiles'!$G$18=$B$24,21,0),0)),0)</f>
        <v>13.904351886282612</v>
      </c>
      <c r="E5498" cm="1">
        <f t="array" ref="E5498">IFERROR(INDEX(Jesper!AI$2:AI$366,ROUNDDOWN($C5498/24,0)+1,1)*INDEX($D$3:$AA$30,INDEX(Jesper!$R$2:$R$366,ROW(INDEX(Jesper!AI$2:AI$366,ROUNDDOWN($C5498/24,0)+1,1))-1)+IF('Standard Profiles'!$G$19=$B$10,7,0)+IF('Standard Profiles'!$G$19=$B$17,14,0)+IF('Standard Profiles'!$G$19=$B$24,21,0),MOD($C5498,24)+1)/SUM(INDEX($D$3:$AA$30,INDEX(Jesper!$R$2:$R$366,ROW(INDEX(Jesper!AI$2:AI$366,ROUNDDOWN($C5498/24,0)+1,1))-1)+IF('Standard Profiles'!$G$19=$B$10,7,0)+IF('Standard Profiles'!$G$19=$B$17,14,0)+IF('Standard Profiles'!$G$19=$B$24,21,0),0)),0)</f>
        <v>0</v>
      </c>
      <c r="F5498" cm="1">
        <f t="array" ref="F5498">IFERROR(INDEX(Jesper!AJ$2:AJ$366,ROUNDDOWN($C5498/24,0)+1,1)*INDEX($D$3:$AA$30,INDEX(Jesper!$R$2:$R$366,ROW(INDEX(Jesper!AJ$2:AJ$366,ROUNDDOWN($C5498/24,0)+1,1))-1)+IF('Standard Profiles'!$G$20=$B$10,7,0)+IF('Standard Profiles'!$G$20=$B$17,14,0)+IF('Standard Profiles'!$G$20=$B$24,21,0),MOD($C5498,24)+1)/SUM(INDEX($D$3:$AA$30,INDEX(Jesper!$R$2:$R$366,ROW(INDEX(Jesper!AJ$2:AJ$366,ROUNDDOWN($C5498/24,0)+1,1))-1)+IF('Standard Profiles'!$G$20=$B$10,7,0)+IF('Standard Profiles'!$G$20=$B$17,14,0)+IF('Standard Profiles'!$G$20=$B$24,21,0),0)),0)</f>
        <v>0</v>
      </c>
      <c r="G5498" cm="1">
        <f t="array" ref="G5498">IFERROR(INDEX(Jesper!AK$2:AK$366,ROUNDDOWN($C5498/24,0)+1,1)*INDEX($D$3:$AA$30,INDEX(Jesper!$R$2:$R$366,ROW(INDEX(Jesper!AK$2:AK$366,ROUNDDOWN($C5498/24,0)+1,1))-1)+IF('Standard Profiles'!$G$21=$B$10,7,0)+IF('Standard Profiles'!$G$21=$B$17,14,0)+IF('Standard Profiles'!$G$21=$B$24,21,0),MOD($C5498,24)+1)/SUM(INDEX($D$3:$AA$30,INDEX(Jesper!$R$2:$R$366,ROW(INDEX(Jesper!AK$2:AK$366,ROUNDDOWN($C5498/24,0)+1,1))-1)+IF('Standard Profiles'!$G$21=$B$10,7,0)+IF('Standard Profiles'!$G$21=$B$17,14,0)+IF('Standard Profiles'!$G$21=$B$24,21,0),0)),0)</f>
        <v>0</v>
      </c>
      <c r="H5498" cm="1">
        <f t="array" ref="H5498">IFERROR(INDEX(Jesper!AL$2:AL$366,ROUNDDOWN($C5498/24,0)+1,1)*INDEX($D$3:$AA$30,INDEX(Jesper!$R$2:$R$366,ROW(INDEX(Jesper!AL$2:AL$366,ROUNDDOWN($C5498/24,0)+1,1))-1)+IF('Standard Profiles'!$G$22=$B$10,7,0)+IF('Standard Profiles'!$G$22=$B$17,14,0)+IF('Standard Profiles'!$G$22=$B$24,21,0),MOD($C5498,24)+1)/SUM(INDEX($D$3:$AA$30,INDEX(Jesper!$R$2:$R$366,ROW(INDEX(Jesper!AL$2:AL$366,ROUNDDOWN($C5498/24,0)+1,1))-1)+IF('Standard Profiles'!$G$22=$B$10,7,0)+IF('Standard Profiles'!$G$22=$B$17,14,0)+IF('Standard Profiles'!$G$22=$B$24,21,0),0)),0)</f>
        <v>0</v>
      </c>
      <c r="I5498">
        <f t="shared" si="615"/>
        <v>0.41713055658847836</v>
      </c>
      <c r="J5498">
        <f t="shared" si="616"/>
        <v>1.3904351886282613</v>
      </c>
      <c r="K5498">
        <f t="shared" si="617"/>
        <v>2.0856527829423919</v>
      </c>
      <c r="L5498">
        <f t="shared" si="618"/>
        <v>10.01113335812348</v>
      </c>
      <c r="M5498">
        <f t="shared" si="619"/>
        <v>0</v>
      </c>
      <c r="N5498" s="46">
        <f t="shared" si="620"/>
        <v>45519.666666653415</v>
      </c>
    </row>
    <row r="5499" spans="2:14" x14ac:dyDescent="0.3">
      <c r="B5499">
        <f t="shared" si="614"/>
        <v>4</v>
      </c>
      <c r="C5499" s="16">
        <v>5465</v>
      </c>
      <c r="D5499" cm="1">
        <f t="array" ref="D5499">IFERROR(INDEX(Jesper!AH$2:AH$366,ROUNDDOWN($C5499/24,0)+1,1)*INDEX($D$3:$AA$30,INDEX(Jesper!$R$2:$R$366,ROW(INDEX(Jesper!AH$2:AH$366,ROUNDDOWN($C5499/24,0)+1,1))-1)+IF('Standard Profiles'!$G$18=$B$10,7,0)+IF('Standard Profiles'!$G$18=$B$17,14,0)+IF('Standard Profiles'!$G$18=$B$24,21,0),MOD($C5499,24)+1)/SUM(INDEX($D$3:$AA$30,INDEX(Jesper!$R$2:$R$366,ROW(INDEX(Jesper!AH$2:AH$366,ROUNDDOWN($C5499/24,0)+1,1))-1)+IF('Standard Profiles'!$G$18=$B$10,7,0)+IF('Standard Profiles'!$G$18=$B$17,14,0)+IF('Standard Profiles'!$G$18=$B$24,21,0),0)),0)</f>
        <v>13.904351886282612</v>
      </c>
      <c r="E5499" cm="1">
        <f t="array" ref="E5499">IFERROR(INDEX(Jesper!AI$2:AI$366,ROUNDDOWN($C5499/24,0)+1,1)*INDEX($D$3:$AA$30,INDEX(Jesper!$R$2:$R$366,ROW(INDEX(Jesper!AI$2:AI$366,ROUNDDOWN($C5499/24,0)+1,1))-1)+IF('Standard Profiles'!$G$19=$B$10,7,0)+IF('Standard Profiles'!$G$19=$B$17,14,0)+IF('Standard Profiles'!$G$19=$B$24,21,0),MOD($C5499,24)+1)/SUM(INDEX($D$3:$AA$30,INDEX(Jesper!$R$2:$R$366,ROW(INDEX(Jesper!AI$2:AI$366,ROUNDDOWN($C5499/24,0)+1,1))-1)+IF('Standard Profiles'!$G$19=$B$10,7,0)+IF('Standard Profiles'!$G$19=$B$17,14,0)+IF('Standard Profiles'!$G$19=$B$24,21,0),0)),0)</f>
        <v>0</v>
      </c>
      <c r="F5499" cm="1">
        <f t="array" ref="F5499">IFERROR(INDEX(Jesper!AJ$2:AJ$366,ROUNDDOWN($C5499/24,0)+1,1)*INDEX($D$3:$AA$30,INDEX(Jesper!$R$2:$R$366,ROW(INDEX(Jesper!AJ$2:AJ$366,ROUNDDOWN($C5499/24,0)+1,1))-1)+IF('Standard Profiles'!$G$20=$B$10,7,0)+IF('Standard Profiles'!$G$20=$B$17,14,0)+IF('Standard Profiles'!$G$20=$B$24,21,0),MOD($C5499,24)+1)/SUM(INDEX($D$3:$AA$30,INDEX(Jesper!$R$2:$R$366,ROW(INDEX(Jesper!AJ$2:AJ$366,ROUNDDOWN($C5499/24,0)+1,1))-1)+IF('Standard Profiles'!$G$20=$B$10,7,0)+IF('Standard Profiles'!$G$20=$B$17,14,0)+IF('Standard Profiles'!$G$20=$B$24,21,0),0)),0)</f>
        <v>0</v>
      </c>
      <c r="G5499" cm="1">
        <f t="array" ref="G5499">IFERROR(INDEX(Jesper!AK$2:AK$366,ROUNDDOWN($C5499/24,0)+1,1)*INDEX($D$3:$AA$30,INDEX(Jesper!$R$2:$R$366,ROW(INDEX(Jesper!AK$2:AK$366,ROUNDDOWN($C5499/24,0)+1,1))-1)+IF('Standard Profiles'!$G$21=$B$10,7,0)+IF('Standard Profiles'!$G$21=$B$17,14,0)+IF('Standard Profiles'!$G$21=$B$24,21,0),MOD($C5499,24)+1)/SUM(INDEX($D$3:$AA$30,INDEX(Jesper!$R$2:$R$366,ROW(INDEX(Jesper!AK$2:AK$366,ROUNDDOWN($C5499/24,0)+1,1))-1)+IF('Standard Profiles'!$G$21=$B$10,7,0)+IF('Standard Profiles'!$G$21=$B$17,14,0)+IF('Standard Profiles'!$G$21=$B$24,21,0),0)),0)</f>
        <v>0</v>
      </c>
      <c r="H5499" cm="1">
        <f t="array" ref="H5499">IFERROR(INDEX(Jesper!AL$2:AL$366,ROUNDDOWN($C5499/24,0)+1,1)*INDEX($D$3:$AA$30,INDEX(Jesper!$R$2:$R$366,ROW(INDEX(Jesper!AL$2:AL$366,ROUNDDOWN($C5499/24,0)+1,1))-1)+IF('Standard Profiles'!$G$22=$B$10,7,0)+IF('Standard Profiles'!$G$22=$B$17,14,0)+IF('Standard Profiles'!$G$22=$B$24,21,0),MOD($C5499,24)+1)/SUM(INDEX($D$3:$AA$30,INDEX(Jesper!$R$2:$R$366,ROW(INDEX(Jesper!AL$2:AL$366,ROUNDDOWN($C5499/24,0)+1,1))-1)+IF('Standard Profiles'!$G$22=$B$10,7,0)+IF('Standard Profiles'!$G$22=$B$17,14,0)+IF('Standard Profiles'!$G$22=$B$24,21,0),0)),0)</f>
        <v>0</v>
      </c>
      <c r="I5499">
        <f t="shared" si="615"/>
        <v>0.41713055658847836</v>
      </c>
      <c r="J5499">
        <f t="shared" si="616"/>
        <v>1.3904351886282613</v>
      </c>
      <c r="K5499">
        <f t="shared" si="617"/>
        <v>2.0856527829423919</v>
      </c>
      <c r="L5499">
        <f t="shared" si="618"/>
        <v>10.01113335812348</v>
      </c>
      <c r="M5499">
        <f t="shared" si="619"/>
        <v>0</v>
      </c>
      <c r="N5499" s="46">
        <f t="shared" si="620"/>
        <v>45519.708333320079</v>
      </c>
    </row>
    <row r="5500" spans="2:14" x14ac:dyDescent="0.3">
      <c r="B5500">
        <f t="shared" si="614"/>
        <v>4</v>
      </c>
      <c r="C5500" s="16">
        <v>5466</v>
      </c>
      <c r="D5500" cm="1">
        <f t="array" ref="D5500">IFERROR(INDEX(Jesper!AH$2:AH$366,ROUNDDOWN($C5500/24,0)+1,1)*INDEX($D$3:$AA$30,INDEX(Jesper!$R$2:$R$366,ROW(INDEX(Jesper!AH$2:AH$366,ROUNDDOWN($C5500/24,0)+1,1))-1)+IF('Standard Profiles'!$G$18=$B$10,7,0)+IF('Standard Profiles'!$G$18=$B$17,14,0)+IF('Standard Profiles'!$G$18=$B$24,21,0),MOD($C5500,24)+1)/SUM(INDEX($D$3:$AA$30,INDEX(Jesper!$R$2:$R$366,ROW(INDEX(Jesper!AH$2:AH$366,ROUNDDOWN($C5500/24,0)+1,1))-1)+IF('Standard Profiles'!$G$18=$B$10,7,0)+IF('Standard Profiles'!$G$18=$B$17,14,0)+IF('Standard Profiles'!$G$18=$B$24,21,0),0)),0)</f>
        <v>13.904351886282612</v>
      </c>
      <c r="E5500" cm="1">
        <f t="array" ref="E5500">IFERROR(INDEX(Jesper!AI$2:AI$366,ROUNDDOWN($C5500/24,0)+1,1)*INDEX($D$3:$AA$30,INDEX(Jesper!$R$2:$R$366,ROW(INDEX(Jesper!AI$2:AI$366,ROUNDDOWN($C5500/24,0)+1,1))-1)+IF('Standard Profiles'!$G$19=$B$10,7,0)+IF('Standard Profiles'!$G$19=$B$17,14,0)+IF('Standard Profiles'!$G$19=$B$24,21,0),MOD($C5500,24)+1)/SUM(INDEX($D$3:$AA$30,INDEX(Jesper!$R$2:$R$366,ROW(INDEX(Jesper!AI$2:AI$366,ROUNDDOWN($C5500/24,0)+1,1))-1)+IF('Standard Profiles'!$G$19=$B$10,7,0)+IF('Standard Profiles'!$G$19=$B$17,14,0)+IF('Standard Profiles'!$G$19=$B$24,21,0),0)),0)</f>
        <v>0</v>
      </c>
      <c r="F5500" cm="1">
        <f t="array" ref="F5500">IFERROR(INDEX(Jesper!AJ$2:AJ$366,ROUNDDOWN($C5500/24,0)+1,1)*INDEX($D$3:$AA$30,INDEX(Jesper!$R$2:$R$366,ROW(INDEX(Jesper!AJ$2:AJ$366,ROUNDDOWN($C5500/24,0)+1,1))-1)+IF('Standard Profiles'!$G$20=$B$10,7,0)+IF('Standard Profiles'!$G$20=$B$17,14,0)+IF('Standard Profiles'!$G$20=$B$24,21,0),MOD($C5500,24)+1)/SUM(INDEX($D$3:$AA$30,INDEX(Jesper!$R$2:$R$366,ROW(INDEX(Jesper!AJ$2:AJ$366,ROUNDDOWN($C5500/24,0)+1,1))-1)+IF('Standard Profiles'!$G$20=$B$10,7,0)+IF('Standard Profiles'!$G$20=$B$17,14,0)+IF('Standard Profiles'!$G$20=$B$24,21,0),0)),0)</f>
        <v>0</v>
      </c>
      <c r="G5500" cm="1">
        <f t="array" ref="G5500">IFERROR(INDEX(Jesper!AK$2:AK$366,ROUNDDOWN($C5500/24,0)+1,1)*INDEX($D$3:$AA$30,INDEX(Jesper!$R$2:$R$366,ROW(INDEX(Jesper!AK$2:AK$366,ROUNDDOWN($C5500/24,0)+1,1))-1)+IF('Standard Profiles'!$G$21=$B$10,7,0)+IF('Standard Profiles'!$G$21=$B$17,14,0)+IF('Standard Profiles'!$G$21=$B$24,21,0),MOD($C5500,24)+1)/SUM(INDEX($D$3:$AA$30,INDEX(Jesper!$R$2:$R$366,ROW(INDEX(Jesper!AK$2:AK$366,ROUNDDOWN($C5500/24,0)+1,1))-1)+IF('Standard Profiles'!$G$21=$B$10,7,0)+IF('Standard Profiles'!$G$21=$B$17,14,0)+IF('Standard Profiles'!$G$21=$B$24,21,0),0)),0)</f>
        <v>0</v>
      </c>
      <c r="H5500" cm="1">
        <f t="array" ref="H5500">IFERROR(INDEX(Jesper!AL$2:AL$366,ROUNDDOWN($C5500/24,0)+1,1)*INDEX($D$3:$AA$30,INDEX(Jesper!$R$2:$R$366,ROW(INDEX(Jesper!AL$2:AL$366,ROUNDDOWN($C5500/24,0)+1,1))-1)+IF('Standard Profiles'!$G$22=$B$10,7,0)+IF('Standard Profiles'!$G$22=$B$17,14,0)+IF('Standard Profiles'!$G$22=$B$24,21,0),MOD($C5500,24)+1)/SUM(INDEX($D$3:$AA$30,INDEX(Jesper!$R$2:$R$366,ROW(INDEX(Jesper!AL$2:AL$366,ROUNDDOWN($C5500/24,0)+1,1))-1)+IF('Standard Profiles'!$G$22=$B$10,7,0)+IF('Standard Profiles'!$G$22=$B$17,14,0)+IF('Standard Profiles'!$G$22=$B$24,21,0),0)),0)</f>
        <v>0</v>
      </c>
      <c r="I5500">
        <f t="shared" si="615"/>
        <v>0.41713055658847836</v>
      </c>
      <c r="J5500">
        <f t="shared" si="616"/>
        <v>1.3904351886282613</v>
      </c>
      <c r="K5500">
        <f t="shared" si="617"/>
        <v>2.0856527829423919</v>
      </c>
      <c r="L5500">
        <f t="shared" si="618"/>
        <v>10.01113335812348</v>
      </c>
      <c r="M5500">
        <f t="shared" si="619"/>
        <v>0</v>
      </c>
      <c r="N5500" s="46">
        <f t="shared" si="620"/>
        <v>45519.749999986743</v>
      </c>
    </row>
    <row r="5501" spans="2:14" x14ac:dyDescent="0.3">
      <c r="B5501">
        <f t="shared" si="614"/>
        <v>4</v>
      </c>
      <c r="C5501" s="16">
        <v>5467</v>
      </c>
      <c r="D5501" cm="1">
        <f t="array" ref="D5501">IFERROR(INDEX(Jesper!AH$2:AH$366,ROUNDDOWN($C5501/24,0)+1,1)*INDEX($D$3:$AA$30,INDEX(Jesper!$R$2:$R$366,ROW(INDEX(Jesper!AH$2:AH$366,ROUNDDOWN($C5501/24,0)+1,1))-1)+IF('Standard Profiles'!$G$18=$B$10,7,0)+IF('Standard Profiles'!$G$18=$B$17,14,0)+IF('Standard Profiles'!$G$18=$B$24,21,0),MOD($C5501,24)+1)/SUM(INDEX($D$3:$AA$30,INDEX(Jesper!$R$2:$R$366,ROW(INDEX(Jesper!AH$2:AH$366,ROUNDDOWN($C5501/24,0)+1,1))-1)+IF('Standard Profiles'!$G$18=$B$10,7,0)+IF('Standard Profiles'!$G$18=$B$17,14,0)+IF('Standard Profiles'!$G$18=$B$24,21,0),0)),0)</f>
        <v>11.58695990523551</v>
      </c>
      <c r="E5501" cm="1">
        <f t="array" ref="E5501">IFERROR(INDEX(Jesper!AI$2:AI$366,ROUNDDOWN($C5501/24,0)+1,1)*INDEX($D$3:$AA$30,INDEX(Jesper!$R$2:$R$366,ROW(INDEX(Jesper!AI$2:AI$366,ROUNDDOWN($C5501/24,0)+1,1))-1)+IF('Standard Profiles'!$G$19=$B$10,7,0)+IF('Standard Profiles'!$G$19=$B$17,14,0)+IF('Standard Profiles'!$G$19=$B$24,21,0),MOD($C5501,24)+1)/SUM(INDEX($D$3:$AA$30,INDEX(Jesper!$R$2:$R$366,ROW(INDEX(Jesper!AI$2:AI$366,ROUNDDOWN($C5501/24,0)+1,1))-1)+IF('Standard Profiles'!$G$19=$B$10,7,0)+IF('Standard Profiles'!$G$19=$B$17,14,0)+IF('Standard Profiles'!$G$19=$B$24,21,0),0)),0)</f>
        <v>0</v>
      </c>
      <c r="F5501" cm="1">
        <f t="array" ref="F5501">IFERROR(INDEX(Jesper!AJ$2:AJ$366,ROUNDDOWN($C5501/24,0)+1,1)*INDEX($D$3:$AA$30,INDEX(Jesper!$R$2:$R$366,ROW(INDEX(Jesper!AJ$2:AJ$366,ROUNDDOWN($C5501/24,0)+1,1))-1)+IF('Standard Profiles'!$G$20=$B$10,7,0)+IF('Standard Profiles'!$G$20=$B$17,14,0)+IF('Standard Profiles'!$G$20=$B$24,21,0),MOD($C5501,24)+1)/SUM(INDEX($D$3:$AA$30,INDEX(Jesper!$R$2:$R$366,ROW(INDEX(Jesper!AJ$2:AJ$366,ROUNDDOWN($C5501/24,0)+1,1))-1)+IF('Standard Profiles'!$G$20=$B$10,7,0)+IF('Standard Profiles'!$G$20=$B$17,14,0)+IF('Standard Profiles'!$G$20=$B$24,21,0),0)),0)</f>
        <v>0</v>
      </c>
      <c r="G5501" cm="1">
        <f t="array" ref="G5501">IFERROR(INDEX(Jesper!AK$2:AK$366,ROUNDDOWN($C5501/24,0)+1,1)*INDEX($D$3:$AA$30,INDEX(Jesper!$R$2:$R$366,ROW(INDEX(Jesper!AK$2:AK$366,ROUNDDOWN($C5501/24,0)+1,1))-1)+IF('Standard Profiles'!$G$21=$B$10,7,0)+IF('Standard Profiles'!$G$21=$B$17,14,0)+IF('Standard Profiles'!$G$21=$B$24,21,0),MOD($C5501,24)+1)/SUM(INDEX($D$3:$AA$30,INDEX(Jesper!$R$2:$R$366,ROW(INDEX(Jesper!AK$2:AK$366,ROUNDDOWN($C5501/24,0)+1,1))-1)+IF('Standard Profiles'!$G$21=$B$10,7,0)+IF('Standard Profiles'!$G$21=$B$17,14,0)+IF('Standard Profiles'!$G$21=$B$24,21,0),0)),0)</f>
        <v>0</v>
      </c>
      <c r="H5501" cm="1">
        <f t="array" ref="H5501">IFERROR(INDEX(Jesper!AL$2:AL$366,ROUNDDOWN($C5501/24,0)+1,1)*INDEX($D$3:$AA$30,INDEX(Jesper!$R$2:$R$366,ROW(INDEX(Jesper!AL$2:AL$366,ROUNDDOWN($C5501/24,0)+1,1))-1)+IF('Standard Profiles'!$G$22=$B$10,7,0)+IF('Standard Profiles'!$G$22=$B$17,14,0)+IF('Standard Profiles'!$G$22=$B$24,21,0),MOD($C5501,24)+1)/SUM(INDEX($D$3:$AA$30,INDEX(Jesper!$R$2:$R$366,ROW(INDEX(Jesper!AL$2:AL$366,ROUNDDOWN($C5501/24,0)+1,1))-1)+IF('Standard Profiles'!$G$22=$B$10,7,0)+IF('Standard Profiles'!$G$22=$B$17,14,0)+IF('Standard Profiles'!$G$22=$B$24,21,0),0)),0)</f>
        <v>0</v>
      </c>
      <c r="I5501">
        <f t="shared" si="615"/>
        <v>0.34760879715706527</v>
      </c>
      <c r="J5501">
        <f t="shared" si="616"/>
        <v>1.158695990523551</v>
      </c>
      <c r="K5501">
        <f t="shared" si="617"/>
        <v>1.7380439857853265</v>
      </c>
      <c r="L5501">
        <f t="shared" si="618"/>
        <v>8.3426111317695675</v>
      </c>
      <c r="M5501">
        <f t="shared" si="619"/>
        <v>0</v>
      </c>
      <c r="N5501" s="46">
        <f t="shared" si="620"/>
        <v>45519.791666653407</v>
      </c>
    </row>
    <row r="5502" spans="2:14" x14ac:dyDescent="0.3">
      <c r="B5502">
        <f t="shared" si="614"/>
        <v>4</v>
      </c>
      <c r="C5502" s="16">
        <v>5468</v>
      </c>
      <c r="D5502" cm="1">
        <f t="array" ref="D5502">IFERROR(INDEX(Jesper!AH$2:AH$366,ROUNDDOWN($C5502/24,0)+1,1)*INDEX($D$3:$AA$30,INDEX(Jesper!$R$2:$R$366,ROW(INDEX(Jesper!AH$2:AH$366,ROUNDDOWN($C5502/24,0)+1,1))-1)+IF('Standard Profiles'!$G$18=$B$10,7,0)+IF('Standard Profiles'!$G$18=$B$17,14,0)+IF('Standard Profiles'!$G$18=$B$24,21,0),MOD($C5502,24)+1)/SUM(INDEX($D$3:$AA$30,INDEX(Jesper!$R$2:$R$366,ROW(INDEX(Jesper!AH$2:AH$366,ROUNDDOWN($C5502/24,0)+1,1))-1)+IF('Standard Profiles'!$G$18=$B$10,7,0)+IF('Standard Profiles'!$G$18=$B$17,14,0)+IF('Standard Profiles'!$G$18=$B$24,21,0),0)),0)</f>
        <v>9.2695679241884079</v>
      </c>
      <c r="E5502" cm="1">
        <f t="array" ref="E5502">IFERROR(INDEX(Jesper!AI$2:AI$366,ROUNDDOWN($C5502/24,0)+1,1)*INDEX($D$3:$AA$30,INDEX(Jesper!$R$2:$R$366,ROW(INDEX(Jesper!AI$2:AI$366,ROUNDDOWN($C5502/24,0)+1,1))-1)+IF('Standard Profiles'!$G$19=$B$10,7,0)+IF('Standard Profiles'!$G$19=$B$17,14,0)+IF('Standard Profiles'!$G$19=$B$24,21,0),MOD($C5502,24)+1)/SUM(INDEX($D$3:$AA$30,INDEX(Jesper!$R$2:$R$366,ROW(INDEX(Jesper!AI$2:AI$366,ROUNDDOWN($C5502/24,0)+1,1))-1)+IF('Standard Profiles'!$G$19=$B$10,7,0)+IF('Standard Profiles'!$G$19=$B$17,14,0)+IF('Standard Profiles'!$G$19=$B$24,21,0),0)),0)</f>
        <v>0</v>
      </c>
      <c r="F5502" cm="1">
        <f t="array" ref="F5502">IFERROR(INDEX(Jesper!AJ$2:AJ$366,ROUNDDOWN($C5502/24,0)+1,1)*INDEX($D$3:$AA$30,INDEX(Jesper!$R$2:$R$366,ROW(INDEX(Jesper!AJ$2:AJ$366,ROUNDDOWN($C5502/24,0)+1,1))-1)+IF('Standard Profiles'!$G$20=$B$10,7,0)+IF('Standard Profiles'!$G$20=$B$17,14,0)+IF('Standard Profiles'!$G$20=$B$24,21,0),MOD($C5502,24)+1)/SUM(INDEX($D$3:$AA$30,INDEX(Jesper!$R$2:$R$366,ROW(INDEX(Jesper!AJ$2:AJ$366,ROUNDDOWN($C5502/24,0)+1,1))-1)+IF('Standard Profiles'!$G$20=$B$10,7,0)+IF('Standard Profiles'!$G$20=$B$17,14,0)+IF('Standard Profiles'!$G$20=$B$24,21,0),0)),0)</f>
        <v>0</v>
      </c>
      <c r="G5502" cm="1">
        <f t="array" ref="G5502">IFERROR(INDEX(Jesper!AK$2:AK$366,ROUNDDOWN($C5502/24,0)+1,1)*INDEX($D$3:$AA$30,INDEX(Jesper!$R$2:$R$366,ROW(INDEX(Jesper!AK$2:AK$366,ROUNDDOWN($C5502/24,0)+1,1))-1)+IF('Standard Profiles'!$G$21=$B$10,7,0)+IF('Standard Profiles'!$G$21=$B$17,14,0)+IF('Standard Profiles'!$G$21=$B$24,21,0),MOD($C5502,24)+1)/SUM(INDEX($D$3:$AA$30,INDEX(Jesper!$R$2:$R$366,ROW(INDEX(Jesper!AK$2:AK$366,ROUNDDOWN($C5502/24,0)+1,1))-1)+IF('Standard Profiles'!$G$21=$B$10,7,0)+IF('Standard Profiles'!$G$21=$B$17,14,0)+IF('Standard Profiles'!$G$21=$B$24,21,0),0)),0)</f>
        <v>0</v>
      </c>
      <c r="H5502" cm="1">
        <f t="array" ref="H5502">IFERROR(INDEX(Jesper!AL$2:AL$366,ROUNDDOWN($C5502/24,0)+1,1)*INDEX($D$3:$AA$30,INDEX(Jesper!$R$2:$R$366,ROW(INDEX(Jesper!AL$2:AL$366,ROUNDDOWN($C5502/24,0)+1,1))-1)+IF('Standard Profiles'!$G$22=$B$10,7,0)+IF('Standard Profiles'!$G$22=$B$17,14,0)+IF('Standard Profiles'!$G$22=$B$24,21,0),MOD($C5502,24)+1)/SUM(INDEX($D$3:$AA$30,INDEX(Jesper!$R$2:$R$366,ROW(INDEX(Jesper!AL$2:AL$366,ROUNDDOWN($C5502/24,0)+1,1))-1)+IF('Standard Profiles'!$G$22=$B$10,7,0)+IF('Standard Profiles'!$G$22=$B$17,14,0)+IF('Standard Profiles'!$G$22=$B$24,21,0),0)),0)</f>
        <v>0</v>
      </c>
      <c r="I5502">
        <f t="shared" si="615"/>
        <v>0.27808703772565224</v>
      </c>
      <c r="J5502">
        <f t="shared" si="616"/>
        <v>0.92695679241884088</v>
      </c>
      <c r="K5502">
        <f t="shared" si="617"/>
        <v>1.3904351886282611</v>
      </c>
      <c r="L5502">
        <f t="shared" si="618"/>
        <v>6.6740889054156538</v>
      </c>
      <c r="M5502">
        <f t="shared" si="619"/>
        <v>0</v>
      </c>
      <c r="N5502" s="46">
        <f t="shared" si="620"/>
        <v>45519.833333320072</v>
      </c>
    </row>
    <row r="5503" spans="2:14" x14ac:dyDescent="0.3">
      <c r="B5503">
        <f t="shared" si="614"/>
        <v>4</v>
      </c>
      <c r="C5503" s="16">
        <v>5469</v>
      </c>
      <c r="D5503" cm="1">
        <f t="array" ref="D5503">IFERROR(INDEX(Jesper!AH$2:AH$366,ROUNDDOWN($C5503/24,0)+1,1)*INDEX($D$3:$AA$30,INDEX(Jesper!$R$2:$R$366,ROW(INDEX(Jesper!AH$2:AH$366,ROUNDDOWN($C5503/24,0)+1,1))-1)+IF('Standard Profiles'!$G$18=$B$10,7,0)+IF('Standard Profiles'!$G$18=$B$17,14,0)+IF('Standard Profiles'!$G$18=$B$24,21,0),MOD($C5503,24)+1)/SUM(INDEX($D$3:$AA$30,INDEX(Jesper!$R$2:$R$366,ROW(INDEX(Jesper!AH$2:AH$366,ROUNDDOWN($C5503/24,0)+1,1))-1)+IF('Standard Profiles'!$G$18=$B$10,7,0)+IF('Standard Profiles'!$G$18=$B$17,14,0)+IF('Standard Profiles'!$G$18=$B$24,21,0),0)),0)</f>
        <v>6.9521759431413059</v>
      </c>
      <c r="E5503" cm="1">
        <f t="array" ref="E5503">IFERROR(INDEX(Jesper!AI$2:AI$366,ROUNDDOWN($C5503/24,0)+1,1)*INDEX($D$3:$AA$30,INDEX(Jesper!$R$2:$R$366,ROW(INDEX(Jesper!AI$2:AI$366,ROUNDDOWN($C5503/24,0)+1,1))-1)+IF('Standard Profiles'!$G$19=$B$10,7,0)+IF('Standard Profiles'!$G$19=$B$17,14,0)+IF('Standard Profiles'!$G$19=$B$24,21,0),MOD($C5503,24)+1)/SUM(INDEX($D$3:$AA$30,INDEX(Jesper!$R$2:$R$366,ROW(INDEX(Jesper!AI$2:AI$366,ROUNDDOWN($C5503/24,0)+1,1))-1)+IF('Standard Profiles'!$G$19=$B$10,7,0)+IF('Standard Profiles'!$G$19=$B$17,14,0)+IF('Standard Profiles'!$G$19=$B$24,21,0),0)),0)</f>
        <v>0</v>
      </c>
      <c r="F5503" cm="1">
        <f t="array" ref="F5503">IFERROR(INDEX(Jesper!AJ$2:AJ$366,ROUNDDOWN($C5503/24,0)+1,1)*INDEX($D$3:$AA$30,INDEX(Jesper!$R$2:$R$366,ROW(INDEX(Jesper!AJ$2:AJ$366,ROUNDDOWN($C5503/24,0)+1,1))-1)+IF('Standard Profiles'!$G$20=$B$10,7,0)+IF('Standard Profiles'!$G$20=$B$17,14,0)+IF('Standard Profiles'!$G$20=$B$24,21,0),MOD($C5503,24)+1)/SUM(INDEX($D$3:$AA$30,INDEX(Jesper!$R$2:$R$366,ROW(INDEX(Jesper!AJ$2:AJ$366,ROUNDDOWN($C5503/24,0)+1,1))-1)+IF('Standard Profiles'!$G$20=$B$10,7,0)+IF('Standard Profiles'!$G$20=$B$17,14,0)+IF('Standard Profiles'!$G$20=$B$24,21,0),0)),0)</f>
        <v>0</v>
      </c>
      <c r="G5503" cm="1">
        <f t="array" ref="G5503">IFERROR(INDEX(Jesper!AK$2:AK$366,ROUNDDOWN($C5503/24,0)+1,1)*INDEX($D$3:$AA$30,INDEX(Jesper!$R$2:$R$366,ROW(INDEX(Jesper!AK$2:AK$366,ROUNDDOWN($C5503/24,0)+1,1))-1)+IF('Standard Profiles'!$G$21=$B$10,7,0)+IF('Standard Profiles'!$G$21=$B$17,14,0)+IF('Standard Profiles'!$G$21=$B$24,21,0),MOD($C5503,24)+1)/SUM(INDEX($D$3:$AA$30,INDEX(Jesper!$R$2:$R$366,ROW(INDEX(Jesper!AK$2:AK$366,ROUNDDOWN($C5503/24,0)+1,1))-1)+IF('Standard Profiles'!$G$21=$B$10,7,0)+IF('Standard Profiles'!$G$21=$B$17,14,0)+IF('Standard Profiles'!$G$21=$B$24,21,0),0)),0)</f>
        <v>0</v>
      </c>
      <c r="H5503" cm="1">
        <f t="array" ref="H5503">IFERROR(INDEX(Jesper!AL$2:AL$366,ROUNDDOWN($C5503/24,0)+1,1)*INDEX($D$3:$AA$30,INDEX(Jesper!$R$2:$R$366,ROW(INDEX(Jesper!AL$2:AL$366,ROUNDDOWN($C5503/24,0)+1,1))-1)+IF('Standard Profiles'!$G$22=$B$10,7,0)+IF('Standard Profiles'!$G$22=$B$17,14,0)+IF('Standard Profiles'!$G$22=$B$24,21,0),MOD($C5503,24)+1)/SUM(INDEX($D$3:$AA$30,INDEX(Jesper!$R$2:$R$366,ROW(INDEX(Jesper!AL$2:AL$366,ROUNDDOWN($C5503/24,0)+1,1))-1)+IF('Standard Profiles'!$G$22=$B$10,7,0)+IF('Standard Profiles'!$G$22=$B$17,14,0)+IF('Standard Profiles'!$G$22=$B$24,21,0),0)),0)</f>
        <v>0</v>
      </c>
      <c r="I5503">
        <f t="shared" si="615"/>
        <v>0.20856527829423918</v>
      </c>
      <c r="J5503">
        <f t="shared" si="616"/>
        <v>0.69521759431413066</v>
      </c>
      <c r="K5503">
        <f t="shared" si="617"/>
        <v>1.0428263914711959</v>
      </c>
      <c r="L5503">
        <f t="shared" si="618"/>
        <v>5.0055666790617401</v>
      </c>
      <c r="M5503">
        <f t="shared" si="619"/>
        <v>0</v>
      </c>
      <c r="N5503" s="46">
        <f t="shared" si="620"/>
        <v>45519.874999986736</v>
      </c>
    </row>
    <row r="5504" spans="2:14" x14ac:dyDescent="0.3">
      <c r="B5504">
        <f t="shared" si="614"/>
        <v>4</v>
      </c>
      <c r="C5504" s="16">
        <v>5470</v>
      </c>
      <c r="D5504" cm="1">
        <f t="array" ref="D5504">IFERROR(INDEX(Jesper!AH$2:AH$366,ROUNDDOWN($C5504/24,0)+1,1)*INDEX($D$3:$AA$30,INDEX(Jesper!$R$2:$R$366,ROW(INDEX(Jesper!AH$2:AH$366,ROUNDDOWN($C5504/24,0)+1,1))-1)+IF('Standard Profiles'!$G$18=$B$10,7,0)+IF('Standard Profiles'!$G$18=$B$17,14,0)+IF('Standard Profiles'!$G$18=$B$24,21,0),MOD($C5504,24)+1)/SUM(INDEX($D$3:$AA$30,INDEX(Jesper!$R$2:$R$366,ROW(INDEX(Jesper!AH$2:AH$366,ROUNDDOWN($C5504/24,0)+1,1))-1)+IF('Standard Profiles'!$G$18=$B$10,7,0)+IF('Standard Profiles'!$G$18=$B$17,14,0)+IF('Standard Profiles'!$G$18=$B$24,21,0),0)),0)</f>
        <v>6.9521759431413059</v>
      </c>
      <c r="E5504" cm="1">
        <f t="array" ref="E5504">IFERROR(INDEX(Jesper!AI$2:AI$366,ROUNDDOWN($C5504/24,0)+1,1)*INDEX($D$3:$AA$30,INDEX(Jesper!$R$2:$R$366,ROW(INDEX(Jesper!AI$2:AI$366,ROUNDDOWN($C5504/24,0)+1,1))-1)+IF('Standard Profiles'!$G$19=$B$10,7,0)+IF('Standard Profiles'!$G$19=$B$17,14,0)+IF('Standard Profiles'!$G$19=$B$24,21,0),MOD($C5504,24)+1)/SUM(INDEX($D$3:$AA$30,INDEX(Jesper!$R$2:$R$366,ROW(INDEX(Jesper!AI$2:AI$366,ROUNDDOWN($C5504/24,0)+1,1))-1)+IF('Standard Profiles'!$G$19=$B$10,7,0)+IF('Standard Profiles'!$G$19=$B$17,14,0)+IF('Standard Profiles'!$G$19=$B$24,21,0),0)),0)</f>
        <v>0</v>
      </c>
      <c r="F5504" cm="1">
        <f t="array" ref="F5504">IFERROR(INDEX(Jesper!AJ$2:AJ$366,ROUNDDOWN($C5504/24,0)+1,1)*INDEX($D$3:$AA$30,INDEX(Jesper!$R$2:$R$366,ROW(INDEX(Jesper!AJ$2:AJ$366,ROUNDDOWN($C5504/24,0)+1,1))-1)+IF('Standard Profiles'!$G$20=$B$10,7,0)+IF('Standard Profiles'!$G$20=$B$17,14,0)+IF('Standard Profiles'!$G$20=$B$24,21,0),MOD($C5504,24)+1)/SUM(INDEX($D$3:$AA$30,INDEX(Jesper!$R$2:$R$366,ROW(INDEX(Jesper!AJ$2:AJ$366,ROUNDDOWN($C5504/24,0)+1,1))-1)+IF('Standard Profiles'!$G$20=$B$10,7,0)+IF('Standard Profiles'!$G$20=$B$17,14,0)+IF('Standard Profiles'!$G$20=$B$24,21,0),0)),0)</f>
        <v>0</v>
      </c>
      <c r="G5504" cm="1">
        <f t="array" ref="G5504">IFERROR(INDEX(Jesper!AK$2:AK$366,ROUNDDOWN($C5504/24,0)+1,1)*INDEX($D$3:$AA$30,INDEX(Jesper!$R$2:$R$366,ROW(INDEX(Jesper!AK$2:AK$366,ROUNDDOWN($C5504/24,0)+1,1))-1)+IF('Standard Profiles'!$G$21=$B$10,7,0)+IF('Standard Profiles'!$G$21=$B$17,14,0)+IF('Standard Profiles'!$G$21=$B$24,21,0),MOD($C5504,24)+1)/SUM(INDEX($D$3:$AA$30,INDEX(Jesper!$R$2:$R$366,ROW(INDEX(Jesper!AK$2:AK$366,ROUNDDOWN($C5504/24,0)+1,1))-1)+IF('Standard Profiles'!$G$21=$B$10,7,0)+IF('Standard Profiles'!$G$21=$B$17,14,0)+IF('Standard Profiles'!$G$21=$B$24,21,0),0)),0)</f>
        <v>0</v>
      </c>
      <c r="H5504" cm="1">
        <f t="array" ref="H5504">IFERROR(INDEX(Jesper!AL$2:AL$366,ROUNDDOWN($C5504/24,0)+1,1)*INDEX($D$3:$AA$30,INDEX(Jesper!$R$2:$R$366,ROW(INDEX(Jesper!AL$2:AL$366,ROUNDDOWN($C5504/24,0)+1,1))-1)+IF('Standard Profiles'!$G$22=$B$10,7,0)+IF('Standard Profiles'!$G$22=$B$17,14,0)+IF('Standard Profiles'!$G$22=$B$24,21,0),MOD($C5504,24)+1)/SUM(INDEX($D$3:$AA$30,INDEX(Jesper!$R$2:$R$366,ROW(INDEX(Jesper!AL$2:AL$366,ROUNDDOWN($C5504/24,0)+1,1))-1)+IF('Standard Profiles'!$G$22=$B$10,7,0)+IF('Standard Profiles'!$G$22=$B$17,14,0)+IF('Standard Profiles'!$G$22=$B$24,21,0),0)),0)</f>
        <v>0</v>
      </c>
      <c r="I5504">
        <f t="shared" si="615"/>
        <v>0.20856527829423918</v>
      </c>
      <c r="J5504">
        <f t="shared" si="616"/>
        <v>0.69521759431413066</v>
      </c>
      <c r="K5504">
        <f t="shared" si="617"/>
        <v>1.0428263914711959</v>
      </c>
      <c r="L5504">
        <f t="shared" si="618"/>
        <v>5.0055666790617401</v>
      </c>
      <c r="M5504">
        <f t="shared" si="619"/>
        <v>0</v>
      </c>
      <c r="N5504" s="46">
        <f t="shared" si="620"/>
        <v>45519.9166666534</v>
      </c>
    </row>
    <row r="5505" spans="2:14" x14ac:dyDescent="0.3">
      <c r="B5505">
        <f t="shared" si="614"/>
        <v>4</v>
      </c>
      <c r="C5505" s="16">
        <v>5471</v>
      </c>
      <c r="D5505" cm="1">
        <f t="array" ref="D5505">IFERROR(INDEX(Jesper!AH$2:AH$366,ROUNDDOWN($C5505/24,0)+1,1)*INDEX($D$3:$AA$30,INDEX(Jesper!$R$2:$R$366,ROW(INDEX(Jesper!AH$2:AH$366,ROUNDDOWN($C5505/24,0)+1,1))-1)+IF('Standard Profiles'!$G$18=$B$10,7,0)+IF('Standard Profiles'!$G$18=$B$17,14,0)+IF('Standard Profiles'!$G$18=$B$24,21,0),MOD($C5505,24)+1)/SUM(INDEX($D$3:$AA$30,INDEX(Jesper!$R$2:$R$366,ROW(INDEX(Jesper!AH$2:AH$366,ROUNDDOWN($C5505/24,0)+1,1))-1)+IF('Standard Profiles'!$G$18=$B$10,7,0)+IF('Standard Profiles'!$G$18=$B$17,14,0)+IF('Standard Profiles'!$G$18=$B$24,21,0),0)),0)</f>
        <v>6.9521759431413059</v>
      </c>
      <c r="E5505" cm="1">
        <f t="array" ref="E5505">IFERROR(INDEX(Jesper!AI$2:AI$366,ROUNDDOWN($C5505/24,0)+1,1)*INDEX($D$3:$AA$30,INDEX(Jesper!$R$2:$R$366,ROW(INDEX(Jesper!AI$2:AI$366,ROUNDDOWN($C5505/24,0)+1,1))-1)+IF('Standard Profiles'!$G$19=$B$10,7,0)+IF('Standard Profiles'!$G$19=$B$17,14,0)+IF('Standard Profiles'!$G$19=$B$24,21,0),MOD($C5505,24)+1)/SUM(INDEX($D$3:$AA$30,INDEX(Jesper!$R$2:$R$366,ROW(INDEX(Jesper!AI$2:AI$366,ROUNDDOWN($C5505/24,0)+1,1))-1)+IF('Standard Profiles'!$G$19=$B$10,7,0)+IF('Standard Profiles'!$G$19=$B$17,14,0)+IF('Standard Profiles'!$G$19=$B$24,21,0),0)),0)</f>
        <v>0</v>
      </c>
      <c r="F5505" cm="1">
        <f t="array" ref="F5505">IFERROR(INDEX(Jesper!AJ$2:AJ$366,ROUNDDOWN($C5505/24,0)+1,1)*INDEX($D$3:$AA$30,INDEX(Jesper!$R$2:$R$366,ROW(INDEX(Jesper!AJ$2:AJ$366,ROUNDDOWN($C5505/24,0)+1,1))-1)+IF('Standard Profiles'!$G$20=$B$10,7,0)+IF('Standard Profiles'!$G$20=$B$17,14,0)+IF('Standard Profiles'!$G$20=$B$24,21,0),MOD($C5505,24)+1)/SUM(INDEX($D$3:$AA$30,INDEX(Jesper!$R$2:$R$366,ROW(INDEX(Jesper!AJ$2:AJ$366,ROUNDDOWN($C5505/24,0)+1,1))-1)+IF('Standard Profiles'!$G$20=$B$10,7,0)+IF('Standard Profiles'!$G$20=$B$17,14,0)+IF('Standard Profiles'!$G$20=$B$24,21,0),0)),0)</f>
        <v>0</v>
      </c>
      <c r="G5505" cm="1">
        <f t="array" ref="G5505">IFERROR(INDEX(Jesper!AK$2:AK$366,ROUNDDOWN($C5505/24,0)+1,1)*INDEX($D$3:$AA$30,INDEX(Jesper!$R$2:$R$366,ROW(INDEX(Jesper!AK$2:AK$366,ROUNDDOWN($C5505/24,0)+1,1))-1)+IF('Standard Profiles'!$G$21=$B$10,7,0)+IF('Standard Profiles'!$G$21=$B$17,14,0)+IF('Standard Profiles'!$G$21=$B$24,21,0),MOD($C5505,24)+1)/SUM(INDEX($D$3:$AA$30,INDEX(Jesper!$R$2:$R$366,ROW(INDEX(Jesper!AK$2:AK$366,ROUNDDOWN($C5505/24,0)+1,1))-1)+IF('Standard Profiles'!$G$21=$B$10,7,0)+IF('Standard Profiles'!$G$21=$B$17,14,0)+IF('Standard Profiles'!$G$21=$B$24,21,0),0)),0)</f>
        <v>0</v>
      </c>
      <c r="H5505" cm="1">
        <f t="array" ref="H5505">IFERROR(INDEX(Jesper!AL$2:AL$366,ROUNDDOWN($C5505/24,0)+1,1)*INDEX($D$3:$AA$30,INDEX(Jesper!$R$2:$R$366,ROW(INDEX(Jesper!AL$2:AL$366,ROUNDDOWN($C5505/24,0)+1,1))-1)+IF('Standard Profiles'!$G$22=$B$10,7,0)+IF('Standard Profiles'!$G$22=$B$17,14,0)+IF('Standard Profiles'!$G$22=$B$24,21,0),MOD($C5505,24)+1)/SUM(INDEX($D$3:$AA$30,INDEX(Jesper!$R$2:$R$366,ROW(INDEX(Jesper!AL$2:AL$366,ROUNDDOWN($C5505/24,0)+1,1))-1)+IF('Standard Profiles'!$G$22=$B$10,7,0)+IF('Standard Profiles'!$G$22=$B$17,14,0)+IF('Standard Profiles'!$G$22=$B$24,21,0),0)),0)</f>
        <v>0</v>
      </c>
      <c r="I5505">
        <f t="shared" si="615"/>
        <v>0.20856527829423918</v>
      </c>
      <c r="J5505">
        <f t="shared" si="616"/>
        <v>0.69521759431413066</v>
      </c>
      <c r="K5505">
        <f t="shared" si="617"/>
        <v>1.0428263914711959</v>
      </c>
      <c r="L5505">
        <f t="shared" si="618"/>
        <v>5.0055666790617401</v>
      </c>
      <c r="M5505">
        <f t="shared" si="619"/>
        <v>0</v>
      </c>
      <c r="N5505" s="46">
        <f t="shared" si="620"/>
        <v>45519.958333320064</v>
      </c>
    </row>
    <row r="5506" spans="2:14" x14ac:dyDescent="0.3">
      <c r="B5506">
        <f t="shared" si="614"/>
        <v>5</v>
      </c>
      <c r="C5506" s="16">
        <v>5472</v>
      </c>
      <c r="D5506" cm="1">
        <f t="array" ref="D5506">IFERROR(INDEX(Jesper!AH$2:AH$366,ROUNDDOWN($C5506/24,0)+1,1)*INDEX($D$3:$AA$30,INDEX(Jesper!$R$2:$R$366,ROW(INDEX(Jesper!AH$2:AH$366,ROUNDDOWN($C5506/24,0)+1,1))-1)+IF('Standard Profiles'!$G$18=$B$10,7,0)+IF('Standard Profiles'!$G$18=$B$17,14,0)+IF('Standard Profiles'!$G$18=$B$24,21,0),MOD($C5506,24)+1)/SUM(INDEX($D$3:$AA$30,INDEX(Jesper!$R$2:$R$366,ROW(INDEX(Jesper!AH$2:AH$366,ROUNDDOWN($C5506/24,0)+1,1))-1)+IF('Standard Profiles'!$G$18=$B$10,7,0)+IF('Standard Profiles'!$G$18=$B$17,14,0)+IF('Standard Profiles'!$G$18=$B$24,21,0),0)),0)</f>
        <v>7.5567080585587956</v>
      </c>
      <c r="E5506" cm="1">
        <f t="array" ref="E5506">IFERROR(INDEX(Jesper!AI$2:AI$366,ROUNDDOWN($C5506/24,0)+1,1)*INDEX($D$3:$AA$30,INDEX(Jesper!$R$2:$R$366,ROW(INDEX(Jesper!AI$2:AI$366,ROUNDDOWN($C5506/24,0)+1,1))-1)+IF('Standard Profiles'!$G$19=$B$10,7,0)+IF('Standard Profiles'!$G$19=$B$17,14,0)+IF('Standard Profiles'!$G$19=$B$24,21,0),MOD($C5506,24)+1)/SUM(INDEX($D$3:$AA$30,INDEX(Jesper!$R$2:$R$366,ROW(INDEX(Jesper!AI$2:AI$366,ROUNDDOWN($C5506/24,0)+1,1))-1)+IF('Standard Profiles'!$G$19=$B$10,7,0)+IF('Standard Profiles'!$G$19=$B$17,14,0)+IF('Standard Profiles'!$G$19=$B$24,21,0),0)),0)</f>
        <v>0</v>
      </c>
      <c r="F5506" cm="1">
        <f t="array" ref="F5506">IFERROR(INDEX(Jesper!AJ$2:AJ$366,ROUNDDOWN($C5506/24,0)+1,1)*INDEX($D$3:$AA$30,INDEX(Jesper!$R$2:$R$366,ROW(INDEX(Jesper!AJ$2:AJ$366,ROUNDDOWN($C5506/24,0)+1,1))-1)+IF('Standard Profiles'!$G$20=$B$10,7,0)+IF('Standard Profiles'!$G$20=$B$17,14,0)+IF('Standard Profiles'!$G$20=$B$24,21,0),MOD($C5506,24)+1)/SUM(INDEX($D$3:$AA$30,INDEX(Jesper!$R$2:$R$366,ROW(INDEX(Jesper!AJ$2:AJ$366,ROUNDDOWN($C5506/24,0)+1,1))-1)+IF('Standard Profiles'!$G$20=$B$10,7,0)+IF('Standard Profiles'!$G$20=$B$17,14,0)+IF('Standard Profiles'!$G$20=$B$24,21,0),0)),0)</f>
        <v>0</v>
      </c>
      <c r="G5506" cm="1">
        <f t="array" ref="G5506">IFERROR(INDEX(Jesper!AK$2:AK$366,ROUNDDOWN($C5506/24,0)+1,1)*INDEX($D$3:$AA$30,INDEX(Jesper!$R$2:$R$366,ROW(INDEX(Jesper!AK$2:AK$366,ROUNDDOWN($C5506/24,0)+1,1))-1)+IF('Standard Profiles'!$G$21=$B$10,7,0)+IF('Standard Profiles'!$G$21=$B$17,14,0)+IF('Standard Profiles'!$G$21=$B$24,21,0),MOD($C5506,24)+1)/SUM(INDEX($D$3:$AA$30,INDEX(Jesper!$R$2:$R$366,ROW(INDEX(Jesper!AK$2:AK$366,ROUNDDOWN($C5506/24,0)+1,1))-1)+IF('Standard Profiles'!$G$21=$B$10,7,0)+IF('Standard Profiles'!$G$21=$B$17,14,0)+IF('Standard Profiles'!$G$21=$B$24,21,0),0)),0)</f>
        <v>0</v>
      </c>
      <c r="H5506" cm="1">
        <f t="array" ref="H5506">IFERROR(INDEX(Jesper!AL$2:AL$366,ROUNDDOWN($C5506/24,0)+1,1)*INDEX($D$3:$AA$30,INDEX(Jesper!$R$2:$R$366,ROW(INDEX(Jesper!AL$2:AL$366,ROUNDDOWN($C5506/24,0)+1,1))-1)+IF('Standard Profiles'!$G$22=$B$10,7,0)+IF('Standard Profiles'!$G$22=$B$17,14,0)+IF('Standard Profiles'!$G$22=$B$24,21,0),MOD($C5506,24)+1)/SUM(INDEX($D$3:$AA$30,INDEX(Jesper!$R$2:$R$366,ROW(INDEX(Jesper!AL$2:AL$366,ROUNDDOWN($C5506/24,0)+1,1))-1)+IF('Standard Profiles'!$G$22=$B$10,7,0)+IF('Standard Profiles'!$G$22=$B$17,14,0)+IF('Standard Profiles'!$G$22=$B$24,21,0),0)),0)</f>
        <v>0</v>
      </c>
      <c r="I5506">
        <f t="shared" si="615"/>
        <v>0.22670124175676387</v>
      </c>
      <c r="J5506">
        <f t="shared" si="616"/>
        <v>0.75567080585587965</v>
      </c>
      <c r="K5506">
        <f t="shared" si="617"/>
        <v>1.1335062087838192</v>
      </c>
      <c r="L5506">
        <f t="shared" si="618"/>
        <v>5.4408298021623329</v>
      </c>
      <c r="M5506">
        <f t="shared" si="619"/>
        <v>0</v>
      </c>
      <c r="N5506" s="46">
        <f t="shared" si="620"/>
        <v>45519.999999986729</v>
      </c>
    </row>
    <row r="5507" spans="2:14" x14ac:dyDescent="0.3">
      <c r="B5507">
        <f t="shared" si="614"/>
        <v>5</v>
      </c>
      <c r="C5507" s="16">
        <v>5473</v>
      </c>
      <c r="D5507" cm="1">
        <f t="array" ref="D5507">IFERROR(INDEX(Jesper!AH$2:AH$366,ROUNDDOWN($C5507/24,0)+1,1)*INDEX($D$3:$AA$30,INDEX(Jesper!$R$2:$R$366,ROW(INDEX(Jesper!AH$2:AH$366,ROUNDDOWN($C5507/24,0)+1,1))-1)+IF('Standard Profiles'!$G$18=$B$10,7,0)+IF('Standard Profiles'!$G$18=$B$17,14,0)+IF('Standard Profiles'!$G$18=$B$24,21,0),MOD($C5507,24)+1)/SUM(INDEX($D$3:$AA$30,INDEX(Jesper!$R$2:$R$366,ROW(INDEX(Jesper!AH$2:AH$366,ROUNDDOWN($C5507/24,0)+1,1))-1)+IF('Standard Profiles'!$G$18=$B$10,7,0)+IF('Standard Profiles'!$G$18=$B$17,14,0)+IF('Standard Profiles'!$G$18=$B$24,21,0),0)),0)</f>
        <v>7.5567080585587956</v>
      </c>
      <c r="E5507" cm="1">
        <f t="array" ref="E5507">IFERROR(INDEX(Jesper!AI$2:AI$366,ROUNDDOWN($C5507/24,0)+1,1)*INDEX($D$3:$AA$30,INDEX(Jesper!$R$2:$R$366,ROW(INDEX(Jesper!AI$2:AI$366,ROUNDDOWN($C5507/24,0)+1,1))-1)+IF('Standard Profiles'!$G$19=$B$10,7,0)+IF('Standard Profiles'!$G$19=$B$17,14,0)+IF('Standard Profiles'!$G$19=$B$24,21,0),MOD($C5507,24)+1)/SUM(INDEX($D$3:$AA$30,INDEX(Jesper!$R$2:$R$366,ROW(INDEX(Jesper!AI$2:AI$366,ROUNDDOWN($C5507/24,0)+1,1))-1)+IF('Standard Profiles'!$G$19=$B$10,7,0)+IF('Standard Profiles'!$G$19=$B$17,14,0)+IF('Standard Profiles'!$G$19=$B$24,21,0),0)),0)</f>
        <v>0</v>
      </c>
      <c r="F5507" cm="1">
        <f t="array" ref="F5507">IFERROR(INDEX(Jesper!AJ$2:AJ$366,ROUNDDOWN($C5507/24,0)+1,1)*INDEX($D$3:$AA$30,INDEX(Jesper!$R$2:$R$366,ROW(INDEX(Jesper!AJ$2:AJ$366,ROUNDDOWN($C5507/24,0)+1,1))-1)+IF('Standard Profiles'!$G$20=$B$10,7,0)+IF('Standard Profiles'!$G$20=$B$17,14,0)+IF('Standard Profiles'!$G$20=$B$24,21,0),MOD($C5507,24)+1)/SUM(INDEX($D$3:$AA$30,INDEX(Jesper!$R$2:$R$366,ROW(INDEX(Jesper!AJ$2:AJ$366,ROUNDDOWN($C5507/24,0)+1,1))-1)+IF('Standard Profiles'!$G$20=$B$10,7,0)+IF('Standard Profiles'!$G$20=$B$17,14,0)+IF('Standard Profiles'!$G$20=$B$24,21,0),0)),0)</f>
        <v>0</v>
      </c>
      <c r="G5507" cm="1">
        <f t="array" ref="G5507">IFERROR(INDEX(Jesper!AK$2:AK$366,ROUNDDOWN($C5507/24,0)+1,1)*INDEX($D$3:$AA$30,INDEX(Jesper!$R$2:$R$366,ROW(INDEX(Jesper!AK$2:AK$366,ROUNDDOWN($C5507/24,0)+1,1))-1)+IF('Standard Profiles'!$G$21=$B$10,7,0)+IF('Standard Profiles'!$G$21=$B$17,14,0)+IF('Standard Profiles'!$G$21=$B$24,21,0),MOD($C5507,24)+1)/SUM(INDEX($D$3:$AA$30,INDEX(Jesper!$R$2:$R$366,ROW(INDEX(Jesper!AK$2:AK$366,ROUNDDOWN($C5507/24,0)+1,1))-1)+IF('Standard Profiles'!$G$21=$B$10,7,0)+IF('Standard Profiles'!$G$21=$B$17,14,0)+IF('Standard Profiles'!$G$21=$B$24,21,0),0)),0)</f>
        <v>0</v>
      </c>
      <c r="H5507" cm="1">
        <f t="array" ref="H5507">IFERROR(INDEX(Jesper!AL$2:AL$366,ROUNDDOWN($C5507/24,0)+1,1)*INDEX($D$3:$AA$30,INDEX(Jesper!$R$2:$R$366,ROW(INDEX(Jesper!AL$2:AL$366,ROUNDDOWN($C5507/24,0)+1,1))-1)+IF('Standard Profiles'!$G$22=$B$10,7,0)+IF('Standard Profiles'!$G$22=$B$17,14,0)+IF('Standard Profiles'!$G$22=$B$24,21,0),MOD($C5507,24)+1)/SUM(INDEX($D$3:$AA$30,INDEX(Jesper!$R$2:$R$366,ROW(INDEX(Jesper!AL$2:AL$366,ROUNDDOWN($C5507/24,0)+1,1))-1)+IF('Standard Profiles'!$G$22=$B$10,7,0)+IF('Standard Profiles'!$G$22=$B$17,14,0)+IF('Standard Profiles'!$G$22=$B$24,21,0),0)),0)</f>
        <v>0</v>
      </c>
      <c r="I5507">
        <f t="shared" si="615"/>
        <v>0.22670124175676387</v>
      </c>
      <c r="J5507">
        <f t="shared" si="616"/>
        <v>0.75567080585587965</v>
      </c>
      <c r="K5507">
        <f t="shared" si="617"/>
        <v>1.1335062087838192</v>
      </c>
      <c r="L5507">
        <f t="shared" si="618"/>
        <v>5.4408298021623329</v>
      </c>
      <c r="M5507">
        <f t="shared" si="619"/>
        <v>0</v>
      </c>
      <c r="N5507" s="46">
        <f t="shared" si="620"/>
        <v>45520.041666653393</v>
      </c>
    </row>
    <row r="5508" spans="2:14" x14ac:dyDescent="0.3">
      <c r="B5508">
        <f t="shared" si="614"/>
        <v>5</v>
      </c>
      <c r="C5508" s="16">
        <v>5474</v>
      </c>
      <c r="D5508" cm="1">
        <f t="array" ref="D5508">IFERROR(INDEX(Jesper!AH$2:AH$366,ROUNDDOWN($C5508/24,0)+1,1)*INDEX($D$3:$AA$30,INDEX(Jesper!$R$2:$R$366,ROW(INDEX(Jesper!AH$2:AH$366,ROUNDDOWN($C5508/24,0)+1,1))-1)+IF('Standard Profiles'!$G$18=$B$10,7,0)+IF('Standard Profiles'!$G$18=$B$17,14,0)+IF('Standard Profiles'!$G$18=$B$24,21,0),MOD($C5508,24)+1)/SUM(INDEX($D$3:$AA$30,INDEX(Jesper!$R$2:$R$366,ROW(INDEX(Jesper!AH$2:AH$366,ROUNDDOWN($C5508/24,0)+1,1))-1)+IF('Standard Profiles'!$G$18=$B$10,7,0)+IF('Standard Profiles'!$G$18=$B$17,14,0)+IF('Standard Profiles'!$G$18=$B$24,21,0),0)),0)</f>
        <v>7.5567080585587956</v>
      </c>
      <c r="E5508" cm="1">
        <f t="array" ref="E5508">IFERROR(INDEX(Jesper!AI$2:AI$366,ROUNDDOWN($C5508/24,0)+1,1)*INDEX($D$3:$AA$30,INDEX(Jesper!$R$2:$R$366,ROW(INDEX(Jesper!AI$2:AI$366,ROUNDDOWN($C5508/24,0)+1,1))-1)+IF('Standard Profiles'!$G$19=$B$10,7,0)+IF('Standard Profiles'!$G$19=$B$17,14,0)+IF('Standard Profiles'!$G$19=$B$24,21,0),MOD($C5508,24)+1)/SUM(INDEX($D$3:$AA$30,INDEX(Jesper!$R$2:$R$366,ROW(INDEX(Jesper!AI$2:AI$366,ROUNDDOWN($C5508/24,0)+1,1))-1)+IF('Standard Profiles'!$G$19=$B$10,7,0)+IF('Standard Profiles'!$G$19=$B$17,14,0)+IF('Standard Profiles'!$G$19=$B$24,21,0),0)),0)</f>
        <v>0</v>
      </c>
      <c r="F5508" cm="1">
        <f t="array" ref="F5508">IFERROR(INDEX(Jesper!AJ$2:AJ$366,ROUNDDOWN($C5508/24,0)+1,1)*INDEX($D$3:$AA$30,INDEX(Jesper!$R$2:$R$366,ROW(INDEX(Jesper!AJ$2:AJ$366,ROUNDDOWN($C5508/24,0)+1,1))-1)+IF('Standard Profiles'!$G$20=$B$10,7,0)+IF('Standard Profiles'!$G$20=$B$17,14,0)+IF('Standard Profiles'!$G$20=$B$24,21,0),MOD($C5508,24)+1)/SUM(INDEX($D$3:$AA$30,INDEX(Jesper!$R$2:$R$366,ROW(INDEX(Jesper!AJ$2:AJ$366,ROUNDDOWN($C5508/24,0)+1,1))-1)+IF('Standard Profiles'!$G$20=$B$10,7,0)+IF('Standard Profiles'!$G$20=$B$17,14,0)+IF('Standard Profiles'!$G$20=$B$24,21,0),0)),0)</f>
        <v>0</v>
      </c>
      <c r="G5508" cm="1">
        <f t="array" ref="G5508">IFERROR(INDEX(Jesper!AK$2:AK$366,ROUNDDOWN($C5508/24,0)+1,1)*INDEX($D$3:$AA$30,INDEX(Jesper!$R$2:$R$366,ROW(INDEX(Jesper!AK$2:AK$366,ROUNDDOWN($C5508/24,0)+1,1))-1)+IF('Standard Profiles'!$G$21=$B$10,7,0)+IF('Standard Profiles'!$G$21=$B$17,14,0)+IF('Standard Profiles'!$G$21=$B$24,21,0),MOD($C5508,24)+1)/SUM(INDEX($D$3:$AA$30,INDEX(Jesper!$R$2:$R$366,ROW(INDEX(Jesper!AK$2:AK$366,ROUNDDOWN($C5508/24,0)+1,1))-1)+IF('Standard Profiles'!$G$21=$B$10,7,0)+IF('Standard Profiles'!$G$21=$B$17,14,0)+IF('Standard Profiles'!$G$21=$B$24,21,0),0)),0)</f>
        <v>0</v>
      </c>
      <c r="H5508" cm="1">
        <f t="array" ref="H5508">IFERROR(INDEX(Jesper!AL$2:AL$366,ROUNDDOWN($C5508/24,0)+1,1)*INDEX($D$3:$AA$30,INDEX(Jesper!$R$2:$R$366,ROW(INDEX(Jesper!AL$2:AL$366,ROUNDDOWN($C5508/24,0)+1,1))-1)+IF('Standard Profiles'!$G$22=$B$10,7,0)+IF('Standard Profiles'!$G$22=$B$17,14,0)+IF('Standard Profiles'!$G$22=$B$24,21,0),MOD($C5508,24)+1)/SUM(INDEX($D$3:$AA$30,INDEX(Jesper!$R$2:$R$366,ROW(INDEX(Jesper!AL$2:AL$366,ROUNDDOWN($C5508/24,0)+1,1))-1)+IF('Standard Profiles'!$G$22=$B$10,7,0)+IF('Standard Profiles'!$G$22=$B$17,14,0)+IF('Standard Profiles'!$G$22=$B$24,21,0),0)),0)</f>
        <v>0</v>
      </c>
      <c r="I5508">
        <f t="shared" si="615"/>
        <v>0.22670124175676387</v>
      </c>
      <c r="J5508">
        <f t="shared" si="616"/>
        <v>0.75567080585587965</v>
      </c>
      <c r="K5508">
        <f t="shared" si="617"/>
        <v>1.1335062087838192</v>
      </c>
      <c r="L5508">
        <f t="shared" si="618"/>
        <v>5.4408298021623329</v>
      </c>
      <c r="M5508">
        <f t="shared" si="619"/>
        <v>0</v>
      </c>
      <c r="N5508" s="46">
        <f t="shared" si="620"/>
        <v>45520.083333320057</v>
      </c>
    </row>
    <row r="5509" spans="2:14" x14ac:dyDescent="0.3">
      <c r="B5509">
        <f t="shared" si="614"/>
        <v>5</v>
      </c>
      <c r="C5509" s="16">
        <v>5475</v>
      </c>
      <c r="D5509" cm="1">
        <f t="array" ref="D5509">IFERROR(INDEX(Jesper!AH$2:AH$366,ROUNDDOWN($C5509/24,0)+1,1)*INDEX($D$3:$AA$30,INDEX(Jesper!$R$2:$R$366,ROW(INDEX(Jesper!AH$2:AH$366,ROUNDDOWN($C5509/24,0)+1,1))-1)+IF('Standard Profiles'!$G$18=$B$10,7,0)+IF('Standard Profiles'!$G$18=$B$17,14,0)+IF('Standard Profiles'!$G$18=$B$24,21,0),MOD($C5509,24)+1)/SUM(INDEX($D$3:$AA$30,INDEX(Jesper!$R$2:$R$366,ROW(INDEX(Jesper!AH$2:AH$366,ROUNDDOWN($C5509/24,0)+1,1))-1)+IF('Standard Profiles'!$G$18=$B$10,7,0)+IF('Standard Profiles'!$G$18=$B$17,14,0)+IF('Standard Profiles'!$G$18=$B$24,21,0),0)),0)</f>
        <v>7.5567080585587956</v>
      </c>
      <c r="E5509" cm="1">
        <f t="array" ref="E5509">IFERROR(INDEX(Jesper!AI$2:AI$366,ROUNDDOWN($C5509/24,0)+1,1)*INDEX($D$3:$AA$30,INDEX(Jesper!$R$2:$R$366,ROW(INDEX(Jesper!AI$2:AI$366,ROUNDDOWN($C5509/24,0)+1,1))-1)+IF('Standard Profiles'!$G$19=$B$10,7,0)+IF('Standard Profiles'!$G$19=$B$17,14,0)+IF('Standard Profiles'!$G$19=$B$24,21,0),MOD($C5509,24)+1)/SUM(INDEX($D$3:$AA$30,INDEX(Jesper!$R$2:$R$366,ROW(INDEX(Jesper!AI$2:AI$366,ROUNDDOWN($C5509/24,0)+1,1))-1)+IF('Standard Profiles'!$G$19=$B$10,7,0)+IF('Standard Profiles'!$G$19=$B$17,14,0)+IF('Standard Profiles'!$G$19=$B$24,21,0),0)),0)</f>
        <v>0</v>
      </c>
      <c r="F5509" cm="1">
        <f t="array" ref="F5509">IFERROR(INDEX(Jesper!AJ$2:AJ$366,ROUNDDOWN($C5509/24,0)+1,1)*INDEX($D$3:$AA$30,INDEX(Jesper!$R$2:$R$366,ROW(INDEX(Jesper!AJ$2:AJ$366,ROUNDDOWN($C5509/24,0)+1,1))-1)+IF('Standard Profiles'!$G$20=$B$10,7,0)+IF('Standard Profiles'!$G$20=$B$17,14,0)+IF('Standard Profiles'!$G$20=$B$24,21,0),MOD($C5509,24)+1)/SUM(INDEX($D$3:$AA$30,INDEX(Jesper!$R$2:$R$366,ROW(INDEX(Jesper!AJ$2:AJ$366,ROUNDDOWN($C5509/24,0)+1,1))-1)+IF('Standard Profiles'!$G$20=$B$10,7,0)+IF('Standard Profiles'!$G$20=$B$17,14,0)+IF('Standard Profiles'!$G$20=$B$24,21,0),0)),0)</f>
        <v>0</v>
      </c>
      <c r="G5509" cm="1">
        <f t="array" ref="G5509">IFERROR(INDEX(Jesper!AK$2:AK$366,ROUNDDOWN($C5509/24,0)+1,1)*INDEX($D$3:$AA$30,INDEX(Jesper!$R$2:$R$366,ROW(INDEX(Jesper!AK$2:AK$366,ROUNDDOWN($C5509/24,0)+1,1))-1)+IF('Standard Profiles'!$G$21=$B$10,7,0)+IF('Standard Profiles'!$G$21=$B$17,14,0)+IF('Standard Profiles'!$G$21=$B$24,21,0),MOD($C5509,24)+1)/SUM(INDEX($D$3:$AA$30,INDEX(Jesper!$R$2:$R$366,ROW(INDEX(Jesper!AK$2:AK$366,ROUNDDOWN($C5509/24,0)+1,1))-1)+IF('Standard Profiles'!$G$21=$B$10,7,0)+IF('Standard Profiles'!$G$21=$B$17,14,0)+IF('Standard Profiles'!$G$21=$B$24,21,0),0)),0)</f>
        <v>0</v>
      </c>
      <c r="H5509" cm="1">
        <f t="array" ref="H5509">IFERROR(INDEX(Jesper!AL$2:AL$366,ROUNDDOWN($C5509/24,0)+1,1)*INDEX($D$3:$AA$30,INDEX(Jesper!$R$2:$R$366,ROW(INDEX(Jesper!AL$2:AL$366,ROUNDDOWN($C5509/24,0)+1,1))-1)+IF('Standard Profiles'!$G$22=$B$10,7,0)+IF('Standard Profiles'!$G$22=$B$17,14,0)+IF('Standard Profiles'!$G$22=$B$24,21,0),MOD($C5509,24)+1)/SUM(INDEX($D$3:$AA$30,INDEX(Jesper!$R$2:$R$366,ROW(INDEX(Jesper!AL$2:AL$366,ROUNDDOWN($C5509/24,0)+1,1))-1)+IF('Standard Profiles'!$G$22=$B$10,7,0)+IF('Standard Profiles'!$G$22=$B$17,14,0)+IF('Standard Profiles'!$G$22=$B$24,21,0),0)),0)</f>
        <v>0</v>
      </c>
      <c r="I5509">
        <f t="shared" si="615"/>
        <v>0.22670124175676387</v>
      </c>
      <c r="J5509">
        <f t="shared" si="616"/>
        <v>0.75567080585587965</v>
      </c>
      <c r="K5509">
        <f t="shared" si="617"/>
        <v>1.1335062087838192</v>
      </c>
      <c r="L5509">
        <f t="shared" si="618"/>
        <v>5.4408298021623329</v>
      </c>
      <c r="M5509">
        <f t="shared" si="619"/>
        <v>0</v>
      </c>
      <c r="N5509" s="46">
        <f t="shared" si="620"/>
        <v>45520.124999986721</v>
      </c>
    </row>
    <row r="5510" spans="2:14" x14ac:dyDescent="0.3">
      <c r="B5510">
        <f t="shared" si="614"/>
        <v>5</v>
      </c>
      <c r="C5510" s="16">
        <v>5476</v>
      </c>
      <c r="D5510" cm="1">
        <f t="array" ref="D5510">IFERROR(INDEX(Jesper!AH$2:AH$366,ROUNDDOWN($C5510/24,0)+1,1)*INDEX($D$3:$AA$30,INDEX(Jesper!$R$2:$R$366,ROW(INDEX(Jesper!AH$2:AH$366,ROUNDDOWN($C5510/24,0)+1,1))-1)+IF('Standard Profiles'!$G$18=$B$10,7,0)+IF('Standard Profiles'!$G$18=$B$17,14,0)+IF('Standard Profiles'!$G$18=$B$24,21,0),MOD($C5510,24)+1)/SUM(INDEX($D$3:$AA$30,INDEX(Jesper!$R$2:$R$366,ROW(INDEX(Jesper!AH$2:AH$366,ROUNDDOWN($C5510/24,0)+1,1))-1)+IF('Standard Profiles'!$G$18=$B$10,7,0)+IF('Standard Profiles'!$G$18=$B$17,14,0)+IF('Standard Profiles'!$G$18=$B$24,21,0),0)),0)</f>
        <v>7.5567080585587956</v>
      </c>
      <c r="E5510" cm="1">
        <f t="array" ref="E5510">IFERROR(INDEX(Jesper!AI$2:AI$366,ROUNDDOWN($C5510/24,0)+1,1)*INDEX($D$3:$AA$30,INDEX(Jesper!$R$2:$R$366,ROW(INDEX(Jesper!AI$2:AI$366,ROUNDDOWN($C5510/24,0)+1,1))-1)+IF('Standard Profiles'!$G$19=$B$10,7,0)+IF('Standard Profiles'!$G$19=$B$17,14,0)+IF('Standard Profiles'!$G$19=$B$24,21,0),MOD($C5510,24)+1)/SUM(INDEX($D$3:$AA$30,INDEX(Jesper!$R$2:$R$366,ROW(INDEX(Jesper!AI$2:AI$366,ROUNDDOWN($C5510/24,0)+1,1))-1)+IF('Standard Profiles'!$G$19=$B$10,7,0)+IF('Standard Profiles'!$G$19=$B$17,14,0)+IF('Standard Profiles'!$G$19=$B$24,21,0),0)),0)</f>
        <v>0</v>
      </c>
      <c r="F5510" cm="1">
        <f t="array" ref="F5510">IFERROR(INDEX(Jesper!AJ$2:AJ$366,ROUNDDOWN($C5510/24,0)+1,1)*INDEX($D$3:$AA$30,INDEX(Jesper!$R$2:$R$366,ROW(INDEX(Jesper!AJ$2:AJ$366,ROUNDDOWN($C5510/24,0)+1,1))-1)+IF('Standard Profiles'!$G$20=$B$10,7,0)+IF('Standard Profiles'!$G$20=$B$17,14,0)+IF('Standard Profiles'!$G$20=$B$24,21,0),MOD($C5510,24)+1)/SUM(INDEX($D$3:$AA$30,INDEX(Jesper!$R$2:$R$366,ROW(INDEX(Jesper!AJ$2:AJ$366,ROUNDDOWN($C5510/24,0)+1,1))-1)+IF('Standard Profiles'!$G$20=$B$10,7,0)+IF('Standard Profiles'!$G$20=$B$17,14,0)+IF('Standard Profiles'!$G$20=$B$24,21,0),0)),0)</f>
        <v>0</v>
      </c>
      <c r="G5510" cm="1">
        <f t="array" ref="G5510">IFERROR(INDEX(Jesper!AK$2:AK$366,ROUNDDOWN($C5510/24,0)+1,1)*INDEX($D$3:$AA$30,INDEX(Jesper!$R$2:$R$366,ROW(INDEX(Jesper!AK$2:AK$366,ROUNDDOWN($C5510/24,0)+1,1))-1)+IF('Standard Profiles'!$G$21=$B$10,7,0)+IF('Standard Profiles'!$G$21=$B$17,14,0)+IF('Standard Profiles'!$G$21=$B$24,21,0),MOD($C5510,24)+1)/SUM(INDEX($D$3:$AA$30,INDEX(Jesper!$R$2:$R$366,ROW(INDEX(Jesper!AK$2:AK$366,ROUNDDOWN($C5510/24,0)+1,1))-1)+IF('Standard Profiles'!$G$21=$B$10,7,0)+IF('Standard Profiles'!$G$21=$B$17,14,0)+IF('Standard Profiles'!$G$21=$B$24,21,0),0)),0)</f>
        <v>0</v>
      </c>
      <c r="H5510" cm="1">
        <f t="array" ref="H5510">IFERROR(INDEX(Jesper!AL$2:AL$366,ROUNDDOWN($C5510/24,0)+1,1)*INDEX($D$3:$AA$30,INDEX(Jesper!$R$2:$R$366,ROW(INDEX(Jesper!AL$2:AL$366,ROUNDDOWN($C5510/24,0)+1,1))-1)+IF('Standard Profiles'!$G$22=$B$10,7,0)+IF('Standard Profiles'!$G$22=$B$17,14,0)+IF('Standard Profiles'!$G$22=$B$24,21,0),MOD($C5510,24)+1)/SUM(INDEX($D$3:$AA$30,INDEX(Jesper!$R$2:$R$366,ROW(INDEX(Jesper!AL$2:AL$366,ROUNDDOWN($C5510/24,0)+1,1))-1)+IF('Standard Profiles'!$G$22=$B$10,7,0)+IF('Standard Profiles'!$G$22=$B$17,14,0)+IF('Standard Profiles'!$G$22=$B$24,21,0),0)),0)</f>
        <v>0</v>
      </c>
      <c r="I5510">
        <f t="shared" si="615"/>
        <v>0.22670124175676387</v>
      </c>
      <c r="J5510">
        <f t="shared" si="616"/>
        <v>0.75567080585587965</v>
      </c>
      <c r="K5510">
        <f t="shared" si="617"/>
        <v>1.1335062087838192</v>
      </c>
      <c r="L5510">
        <f t="shared" si="618"/>
        <v>5.4408298021623329</v>
      </c>
      <c r="M5510">
        <f t="shared" si="619"/>
        <v>0</v>
      </c>
      <c r="N5510" s="46">
        <f t="shared" si="620"/>
        <v>45520.166666653386</v>
      </c>
    </row>
    <row r="5511" spans="2:14" x14ac:dyDescent="0.3">
      <c r="B5511">
        <f t="shared" si="614"/>
        <v>5</v>
      </c>
      <c r="C5511" s="16">
        <v>5477</v>
      </c>
      <c r="D5511" cm="1">
        <f t="array" ref="D5511">IFERROR(INDEX(Jesper!AH$2:AH$366,ROUNDDOWN($C5511/24,0)+1,1)*INDEX($D$3:$AA$30,INDEX(Jesper!$R$2:$R$366,ROW(INDEX(Jesper!AH$2:AH$366,ROUNDDOWN($C5511/24,0)+1,1))-1)+IF('Standard Profiles'!$G$18=$B$10,7,0)+IF('Standard Profiles'!$G$18=$B$17,14,0)+IF('Standard Profiles'!$G$18=$B$24,21,0),MOD($C5511,24)+1)/SUM(INDEX($D$3:$AA$30,INDEX(Jesper!$R$2:$R$366,ROW(INDEX(Jesper!AH$2:AH$366,ROUNDDOWN($C5511/24,0)+1,1))-1)+IF('Standard Profiles'!$G$18=$B$10,7,0)+IF('Standard Profiles'!$G$18=$B$17,14,0)+IF('Standard Profiles'!$G$18=$B$24,21,0),0)),0)</f>
        <v>9.7397570532535571</v>
      </c>
      <c r="E5511" cm="1">
        <f t="array" ref="E5511">IFERROR(INDEX(Jesper!AI$2:AI$366,ROUNDDOWN($C5511/24,0)+1,1)*INDEX($D$3:$AA$30,INDEX(Jesper!$R$2:$R$366,ROW(INDEX(Jesper!AI$2:AI$366,ROUNDDOWN($C5511/24,0)+1,1))-1)+IF('Standard Profiles'!$G$19=$B$10,7,0)+IF('Standard Profiles'!$G$19=$B$17,14,0)+IF('Standard Profiles'!$G$19=$B$24,21,0),MOD($C5511,24)+1)/SUM(INDEX($D$3:$AA$30,INDEX(Jesper!$R$2:$R$366,ROW(INDEX(Jesper!AI$2:AI$366,ROUNDDOWN($C5511/24,0)+1,1))-1)+IF('Standard Profiles'!$G$19=$B$10,7,0)+IF('Standard Profiles'!$G$19=$B$17,14,0)+IF('Standard Profiles'!$G$19=$B$24,21,0),0)),0)</f>
        <v>0</v>
      </c>
      <c r="F5511" cm="1">
        <f t="array" ref="F5511">IFERROR(INDEX(Jesper!AJ$2:AJ$366,ROUNDDOWN($C5511/24,0)+1,1)*INDEX($D$3:$AA$30,INDEX(Jesper!$R$2:$R$366,ROW(INDEX(Jesper!AJ$2:AJ$366,ROUNDDOWN($C5511/24,0)+1,1))-1)+IF('Standard Profiles'!$G$20=$B$10,7,0)+IF('Standard Profiles'!$G$20=$B$17,14,0)+IF('Standard Profiles'!$G$20=$B$24,21,0),MOD($C5511,24)+1)/SUM(INDEX($D$3:$AA$30,INDEX(Jesper!$R$2:$R$366,ROW(INDEX(Jesper!AJ$2:AJ$366,ROUNDDOWN($C5511/24,0)+1,1))-1)+IF('Standard Profiles'!$G$20=$B$10,7,0)+IF('Standard Profiles'!$G$20=$B$17,14,0)+IF('Standard Profiles'!$G$20=$B$24,21,0),0)),0)</f>
        <v>0</v>
      </c>
      <c r="G5511" cm="1">
        <f t="array" ref="G5511">IFERROR(INDEX(Jesper!AK$2:AK$366,ROUNDDOWN($C5511/24,0)+1,1)*INDEX($D$3:$AA$30,INDEX(Jesper!$R$2:$R$366,ROW(INDEX(Jesper!AK$2:AK$366,ROUNDDOWN($C5511/24,0)+1,1))-1)+IF('Standard Profiles'!$G$21=$B$10,7,0)+IF('Standard Profiles'!$G$21=$B$17,14,0)+IF('Standard Profiles'!$G$21=$B$24,21,0),MOD($C5511,24)+1)/SUM(INDEX($D$3:$AA$30,INDEX(Jesper!$R$2:$R$366,ROW(INDEX(Jesper!AK$2:AK$366,ROUNDDOWN($C5511/24,0)+1,1))-1)+IF('Standard Profiles'!$G$21=$B$10,7,0)+IF('Standard Profiles'!$G$21=$B$17,14,0)+IF('Standard Profiles'!$G$21=$B$24,21,0),0)),0)</f>
        <v>0</v>
      </c>
      <c r="H5511" cm="1">
        <f t="array" ref="H5511">IFERROR(INDEX(Jesper!AL$2:AL$366,ROUNDDOWN($C5511/24,0)+1,1)*INDEX($D$3:$AA$30,INDEX(Jesper!$R$2:$R$366,ROW(INDEX(Jesper!AL$2:AL$366,ROUNDDOWN($C5511/24,0)+1,1))-1)+IF('Standard Profiles'!$G$22=$B$10,7,0)+IF('Standard Profiles'!$G$22=$B$17,14,0)+IF('Standard Profiles'!$G$22=$B$24,21,0),MOD($C5511,24)+1)/SUM(INDEX($D$3:$AA$30,INDEX(Jesper!$R$2:$R$366,ROW(INDEX(Jesper!AL$2:AL$366,ROUNDDOWN($C5511/24,0)+1,1))-1)+IF('Standard Profiles'!$G$22=$B$10,7,0)+IF('Standard Profiles'!$G$22=$B$17,14,0)+IF('Standard Profiles'!$G$22=$B$24,21,0),0)),0)</f>
        <v>0</v>
      </c>
      <c r="I5511">
        <f t="shared" si="615"/>
        <v>0.29219271159760668</v>
      </c>
      <c r="J5511">
        <f t="shared" si="616"/>
        <v>0.97397570532535571</v>
      </c>
      <c r="K5511">
        <f t="shared" si="617"/>
        <v>1.4609635579880336</v>
      </c>
      <c r="L5511">
        <f t="shared" si="618"/>
        <v>7.0126250783425608</v>
      </c>
      <c r="M5511">
        <f t="shared" si="619"/>
        <v>0</v>
      </c>
      <c r="N5511" s="46">
        <f t="shared" si="620"/>
        <v>45520.20833332005</v>
      </c>
    </row>
    <row r="5512" spans="2:14" x14ac:dyDescent="0.3">
      <c r="B5512">
        <f t="shared" si="614"/>
        <v>5</v>
      </c>
      <c r="C5512" s="16">
        <v>5478</v>
      </c>
      <c r="D5512" cm="1">
        <f t="array" ref="D5512">IFERROR(INDEX(Jesper!AH$2:AH$366,ROUNDDOWN($C5512/24,0)+1,1)*INDEX($D$3:$AA$30,INDEX(Jesper!$R$2:$R$366,ROW(INDEX(Jesper!AH$2:AH$366,ROUNDDOWN($C5512/24,0)+1,1))-1)+IF('Standard Profiles'!$G$18=$B$10,7,0)+IF('Standard Profiles'!$G$18=$B$17,14,0)+IF('Standard Profiles'!$G$18=$B$24,21,0),MOD($C5512,24)+1)/SUM(INDEX($D$3:$AA$30,INDEX(Jesper!$R$2:$R$366,ROW(INDEX(Jesper!AH$2:AH$366,ROUNDDOWN($C5512/24,0)+1,1))-1)+IF('Standard Profiles'!$G$18=$B$10,7,0)+IF('Standard Profiles'!$G$18=$B$17,14,0)+IF('Standard Profiles'!$G$18=$B$24,21,0),0)),0)</f>
        <v>11.75487920220257</v>
      </c>
      <c r="E5512" cm="1">
        <f t="array" ref="E5512">IFERROR(INDEX(Jesper!AI$2:AI$366,ROUNDDOWN($C5512/24,0)+1,1)*INDEX($D$3:$AA$30,INDEX(Jesper!$R$2:$R$366,ROW(INDEX(Jesper!AI$2:AI$366,ROUNDDOWN($C5512/24,0)+1,1))-1)+IF('Standard Profiles'!$G$19=$B$10,7,0)+IF('Standard Profiles'!$G$19=$B$17,14,0)+IF('Standard Profiles'!$G$19=$B$24,21,0),MOD($C5512,24)+1)/SUM(INDEX($D$3:$AA$30,INDEX(Jesper!$R$2:$R$366,ROW(INDEX(Jesper!AI$2:AI$366,ROUNDDOWN($C5512/24,0)+1,1))-1)+IF('Standard Profiles'!$G$19=$B$10,7,0)+IF('Standard Profiles'!$G$19=$B$17,14,0)+IF('Standard Profiles'!$G$19=$B$24,21,0),0)),0)</f>
        <v>0</v>
      </c>
      <c r="F5512" cm="1">
        <f t="array" ref="F5512">IFERROR(INDEX(Jesper!AJ$2:AJ$366,ROUNDDOWN($C5512/24,0)+1,1)*INDEX($D$3:$AA$30,INDEX(Jesper!$R$2:$R$366,ROW(INDEX(Jesper!AJ$2:AJ$366,ROUNDDOWN($C5512/24,0)+1,1))-1)+IF('Standard Profiles'!$G$20=$B$10,7,0)+IF('Standard Profiles'!$G$20=$B$17,14,0)+IF('Standard Profiles'!$G$20=$B$24,21,0),MOD($C5512,24)+1)/SUM(INDEX($D$3:$AA$30,INDEX(Jesper!$R$2:$R$366,ROW(INDEX(Jesper!AJ$2:AJ$366,ROUNDDOWN($C5512/24,0)+1,1))-1)+IF('Standard Profiles'!$G$20=$B$10,7,0)+IF('Standard Profiles'!$G$20=$B$17,14,0)+IF('Standard Profiles'!$G$20=$B$24,21,0),0)),0)</f>
        <v>0</v>
      </c>
      <c r="G5512" cm="1">
        <f t="array" ref="G5512">IFERROR(INDEX(Jesper!AK$2:AK$366,ROUNDDOWN($C5512/24,0)+1,1)*INDEX($D$3:$AA$30,INDEX(Jesper!$R$2:$R$366,ROW(INDEX(Jesper!AK$2:AK$366,ROUNDDOWN($C5512/24,0)+1,1))-1)+IF('Standard Profiles'!$G$21=$B$10,7,0)+IF('Standard Profiles'!$G$21=$B$17,14,0)+IF('Standard Profiles'!$G$21=$B$24,21,0),MOD($C5512,24)+1)/SUM(INDEX($D$3:$AA$30,INDEX(Jesper!$R$2:$R$366,ROW(INDEX(Jesper!AK$2:AK$366,ROUNDDOWN($C5512/24,0)+1,1))-1)+IF('Standard Profiles'!$G$21=$B$10,7,0)+IF('Standard Profiles'!$G$21=$B$17,14,0)+IF('Standard Profiles'!$G$21=$B$24,21,0),0)),0)</f>
        <v>0</v>
      </c>
      <c r="H5512" cm="1">
        <f t="array" ref="H5512">IFERROR(INDEX(Jesper!AL$2:AL$366,ROUNDDOWN($C5512/24,0)+1,1)*INDEX($D$3:$AA$30,INDEX(Jesper!$R$2:$R$366,ROW(INDEX(Jesper!AL$2:AL$366,ROUNDDOWN($C5512/24,0)+1,1))-1)+IF('Standard Profiles'!$G$22=$B$10,7,0)+IF('Standard Profiles'!$G$22=$B$17,14,0)+IF('Standard Profiles'!$G$22=$B$24,21,0),MOD($C5512,24)+1)/SUM(INDEX($D$3:$AA$30,INDEX(Jesper!$R$2:$R$366,ROW(INDEX(Jesper!AL$2:AL$366,ROUNDDOWN($C5512/24,0)+1,1))-1)+IF('Standard Profiles'!$G$22=$B$10,7,0)+IF('Standard Profiles'!$G$22=$B$17,14,0)+IF('Standard Profiles'!$G$22=$B$24,21,0),0)),0)</f>
        <v>0</v>
      </c>
      <c r="I5512">
        <f t="shared" si="615"/>
        <v>0.35264637606607707</v>
      </c>
      <c r="J5512">
        <f t="shared" si="616"/>
        <v>1.1754879202202571</v>
      </c>
      <c r="K5512">
        <f t="shared" si="617"/>
        <v>1.7632318803303855</v>
      </c>
      <c r="L5512">
        <f t="shared" si="618"/>
        <v>8.4635130255858506</v>
      </c>
      <c r="M5512">
        <f t="shared" si="619"/>
        <v>0</v>
      </c>
      <c r="N5512" s="46">
        <f t="shared" si="620"/>
        <v>45520.249999986714</v>
      </c>
    </row>
    <row r="5513" spans="2:14" x14ac:dyDescent="0.3">
      <c r="B5513">
        <f t="shared" si="614"/>
        <v>5</v>
      </c>
      <c r="C5513" s="16">
        <v>5479</v>
      </c>
      <c r="D5513" cm="1">
        <f t="array" ref="D5513">IFERROR(INDEX(Jesper!AH$2:AH$366,ROUNDDOWN($C5513/24,0)+1,1)*INDEX($D$3:$AA$30,INDEX(Jesper!$R$2:$R$366,ROW(INDEX(Jesper!AH$2:AH$366,ROUNDDOWN($C5513/24,0)+1,1))-1)+IF('Standard Profiles'!$G$18=$B$10,7,0)+IF('Standard Profiles'!$G$18=$B$17,14,0)+IF('Standard Profiles'!$G$18=$B$24,21,0),MOD($C5513,24)+1)/SUM(INDEX($D$3:$AA$30,INDEX(Jesper!$R$2:$R$366,ROW(INDEX(Jesper!AH$2:AH$366,ROUNDDOWN($C5513/24,0)+1,1))-1)+IF('Standard Profiles'!$G$18=$B$10,7,0)+IF('Standard Profiles'!$G$18=$B$17,14,0)+IF('Standard Profiles'!$G$18=$B$24,21,0),0)),0)</f>
        <v>11.75487920220257</v>
      </c>
      <c r="E5513" cm="1">
        <f t="array" ref="E5513">IFERROR(INDEX(Jesper!AI$2:AI$366,ROUNDDOWN($C5513/24,0)+1,1)*INDEX($D$3:$AA$30,INDEX(Jesper!$R$2:$R$366,ROW(INDEX(Jesper!AI$2:AI$366,ROUNDDOWN($C5513/24,0)+1,1))-1)+IF('Standard Profiles'!$G$19=$B$10,7,0)+IF('Standard Profiles'!$G$19=$B$17,14,0)+IF('Standard Profiles'!$G$19=$B$24,21,0),MOD($C5513,24)+1)/SUM(INDEX($D$3:$AA$30,INDEX(Jesper!$R$2:$R$366,ROW(INDEX(Jesper!AI$2:AI$366,ROUNDDOWN($C5513/24,0)+1,1))-1)+IF('Standard Profiles'!$G$19=$B$10,7,0)+IF('Standard Profiles'!$G$19=$B$17,14,0)+IF('Standard Profiles'!$G$19=$B$24,21,0),0)),0)</f>
        <v>0</v>
      </c>
      <c r="F5513" cm="1">
        <f t="array" ref="F5513">IFERROR(INDEX(Jesper!AJ$2:AJ$366,ROUNDDOWN($C5513/24,0)+1,1)*INDEX($D$3:$AA$30,INDEX(Jesper!$R$2:$R$366,ROW(INDEX(Jesper!AJ$2:AJ$366,ROUNDDOWN($C5513/24,0)+1,1))-1)+IF('Standard Profiles'!$G$20=$B$10,7,0)+IF('Standard Profiles'!$G$20=$B$17,14,0)+IF('Standard Profiles'!$G$20=$B$24,21,0),MOD($C5513,24)+1)/SUM(INDEX($D$3:$AA$30,INDEX(Jesper!$R$2:$R$366,ROW(INDEX(Jesper!AJ$2:AJ$366,ROUNDDOWN($C5513/24,0)+1,1))-1)+IF('Standard Profiles'!$G$20=$B$10,7,0)+IF('Standard Profiles'!$G$20=$B$17,14,0)+IF('Standard Profiles'!$G$20=$B$24,21,0),0)),0)</f>
        <v>0</v>
      </c>
      <c r="G5513" cm="1">
        <f t="array" ref="G5513">IFERROR(INDEX(Jesper!AK$2:AK$366,ROUNDDOWN($C5513/24,0)+1,1)*INDEX($D$3:$AA$30,INDEX(Jesper!$R$2:$R$366,ROW(INDEX(Jesper!AK$2:AK$366,ROUNDDOWN($C5513/24,0)+1,1))-1)+IF('Standard Profiles'!$G$21=$B$10,7,0)+IF('Standard Profiles'!$G$21=$B$17,14,0)+IF('Standard Profiles'!$G$21=$B$24,21,0),MOD($C5513,24)+1)/SUM(INDEX($D$3:$AA$30,INDEX(Jesper!$R$2:$R$366,ROW(INDEX(Jesper!AK$2:AK$366,ROUNDDOWN($C5513/24,0)+1,1))-1)+IF('Standard Profiles'!$G$21=$B$10,7,0)+IF('Standard Profiles'!$G$21=$B$17,14,0)+IF('Standard Profiles'!$G$21=$B$24,21,0),0)),0)</f>
        <v>0</v>
      </c>
      <c r="H5513" cm="1">
        <f t="array" ref="H5513">IFERROR(INDEX(Jesper!AL$2:AL$366,ROUNDDOWN($C5513/24,0)+1,1)*INDEX($D$3:$AA$30,INDEX(Jesper!$R$2:$R$366,ROW(INDEX(Jesper!AL$2:AL$366,ROUNDDOWN($C5513/24,0)+1,1))-1)+IF('Standard Profiles'!$G$22=$B$10,7,0)+IF('Standard Profiles'!$G$22=$B$17,14,0)+IF('Standard Profiles'!$G$22=$B$24,21,0),MOD($C5513,24)+1)/SUM(INDEX($D$3:$AA$30,INDEX(Jesper!$R$2:$R$366,ROW(INDEX(Jesper!AL$2:AL$366,ROUNDDOWN($C5513/24,0)+1,1))-1)+IF('Standard Profiles'!$G$22=$B$10,7,0)+IF('Standard Profiles'!$G$22=$B$17,14,0)+IF('Standard Profiles'!$G$22=$B$24,21,0),0)),0)</f>
        <v>0</v>
      </c>
      <c r="I5513">
        <f t="shared" si="615"/>
        <v>0.35264637606607707</v>
      </c>
      <c r="J5513">
        <f t="shared" si="616"/>
        <v>1.1754879202202571</v>
      </c>
      <c r="K5513">
        <f t="shared" si="617"/>
        <v>1.7632318803303855</v>
      </c>
      <c r="L5513">
        <f t="shared" si="618"/>
        <v>8.4635130255858506</v>
      </c>
      <c r="M5513">
        <f t="shared" si="619"/>
        <v>0</v>
      </c>
      <c r="N5513" s="46">
        <f t="shared" si="620"/>
        <v>45520.291666653378</v>
      </c>
    </row>
    <row r="5514" spans="2:14" x14ac:dyDescent="0.3">
      <c r="B5514">
        <f t="shared" si="614"/>
        <v>5</v>
      </c>
      <c r="C5514" s="16">
        <v>5480</v>
      </c>
      <c r="D5514" cm="1">
        <f t="array" ref="D5514">IFERROR(INDEX(Jesper!AH$2:AH$366,ROUNDDOWN($C5514/24,0)+1,1)*INDEX($D$3:$AA$30,INDEX(Jesper!$R$2:$R$366,ROW(INDEX(Jesper!AH$2:AH$366,ROUNDDOWN($C5514/24,0)+1,1))-1)+IF('Standard Profiles'!$G$18=$B$10,7,0)+IF('Standard Profiles'!$G$18=$B$17,14,0)+IF('Standard Profiles'!$G$18=$B$24,21,0),MOD($C5514,24)+1)/SUM(INDEX($D$3:$AA$30,INDEX(Jesper!$R$2:$R$366,ROW(INDEX(Jesper!AH$2:AH$366,ROUNDDOWN($C5514/24,0)+1,1))-1)+IF('Standard Profiles'!$G$18=$B$10,7,0)+IF('Standard Profiles'!$G$18=$B$17,14,0)+IF('Standard Profiles'!$G$18=$B$24,21,0),0)),0)</f>
        <v>11.75487920220257</v>
      </c>
      <c r="E5514" cm="1">
        <f t="array" ref="E5514">IFERROR(INDEX(Jesper!AI$2:AI$366,ROUNDDOWN($C5514/24,0)+1,1)*INDEX($D$3:$AA$30,INDEX(Jesper!$R$2:$R$366,ROW(INDEX(Jesper!AI$2:AI$366,ROUNDDOWN($C5514/24,0)+1,1))-1)+IF('Standard Profiles'!$G$19=$B$10,7,0)+IF('Standard Profiles'!$G$19=$B$17,14,0)+IF('Standard Profiles'!$G$19=$B$24,21,0),MOD($C5514,24)+1)/SUM(INDEX($D$3:$AA$30,INDEX(Jesper!$R$2:$R$366,ROW(INDEX(Jesper!AI$2:AI$366,ROUNDDOWN($C5514/24,0)+1,1))-1)+IF('Standard Profiles'!$G$19=$B$10,7,0)+IF('Standard Profiles'!$G$19=$B$17,14,0)+IF('Standard Profiles'!$G$19=$B$24,21,0),0)),0)</f>
        <v>0</v>
      </c>
      <c r="F5514" cm="1">
        <f t="array" ref="F5514">IFERROR(INDEX(Jesper!AJ$2:AJ$366,ROUNDDOWN($C5514/24,0)+1,1)*INDEX($D$3:$AA$30,INDEX(Jesper!$R$2:$R$366,ROW(INDEX(Jesper!AJ$2:AJ$366,ROUNDDOWN($C5514/24,0)+1,1))-1)+IF('Standard Profiles'!$G$20=$B$10,7,0)+IF('Standard Profiles'!$G$20=$B$17,14,0)+IF('Standard Profiles'!$G$20=$B$24,21,0),MOD($C5514,24)+1)/SUM(INDEX($D$3:$AA$30,INDEX(Jesper!$R$2:$R$366,ROW(INDEX(Jesper!AJ$2:AJ$366,ROUNDDOWN($C5514/24,0)+1,1))-1)+IF('Standard Profiles'!$G$20=$B$10,7,0)+IF('Standard Profiles'!$G$20=$B$17,14,0)+IF('Standard Profiles'!$G$20=$B$24,21,0),0)),0)</f>
        <v>0</v>
      </c>
      <c r="G5514" cm="1">
        <f t="array" ref="G5514">IFERROR(INDEX(Jesper!AK$2:AK$366,ROUNDDOWN($C5514/24,0)+1,1)*INDEX($D$3:$AA$30,INDEX(Jesper!$R$2:$R$366,ROW(INDEX(Jesper!AK$2:AK$366,ROUNDDOWN($C5514/24,0)+1,1))-1)+IF('Standard Profiles'!$G$21=$B$10,7,0)+IF('Standard Profiles'!$G$21=$B$17,14,0)+IF('Standard Profiles'!$G$21=$B$24,21,0),MOD($C5514,24)+1)/SUM(INDEX($D$3:$AA$30,INDEX(Jesper!$R$2:$R$366,ROW(INDEX(Jesper!AK$2:AK$366,ROUNDDOWN($C5514/24,0)+1,1))-1)+IF('Standard Profiles'!$G$21=$B$10,7,0)+IF('Standard Profiles'!$G$21=$B$17,14,0)+IF('Standard Profiles'!$G$21=$B$24,21,0),0)),0)</f>
        <v>0</v>
      </c>
      <c r="H5514" cm="1">
        <f t="array" ref="H5514">IFERROR(INDEX(Jesper!AL$2:AL$366,ROUNDDOWN($C5514/24,0)+1,1)*INDEX($D$3:$AA$30,INDEX(Jesper!$R$2:$R$366,ROW(INDEX(Jesper!AL$2:AL$366,ROUNDDOWN($C5514/24,0)+1,1))-1)+IF('Standard Profiles'!$G$22=$B$10,7,0)+IF('Standard Profiles'!$G$22=$B$17,14,0)+IF('Standard Profiles'!$G$22=$B$24,21,0),MOD($C5514,24)+1)/SUM(INDEX($D$3:$AA$30,INDEX(Jesper!$R$2:$R$366,ROW(INDEX(Jesper!AL$2:AL$366,ROUNDDOWN($C5514/24,0)+1,1))-1)+IF('Standard Profiles'!$G$22=$B$10,7,0)+IF('Standard Profiles'!$G$22=$B$17,14,0)+IF('Standard Profiles'!$G$22=$B$24,21,0),0)),0)</f>
        <v>0</v>
      </c>
      <c r="I5514">
        <f t="shared" si="615"/>
        <v>0.35264637606607707</v>
      </c>
      <c r="J5514">
        <f t="shared" si="616"/>
        <v>1.1754879202202571</v>
      </c>
      <c r="K5514">
        <f t="shared" si="617"/>
        <v>1.7632318803303855</v>
      </c>
      <c r="L5514">
        <f t="shared" si="618"/>
        <v>8.4635130255858506</v>
      </c>
      <c r="M5514">
        <f t="shared" si="619"/>
        <v>0</v>
      </c>
      <c r="N5514" s="46">
        <f t="shared" si="620"/>
        <v>45520.333333320043</v>
      </c>
    </row>
    <row r="5515" spans="2:14" x14ac:dyDescent="0.3">
      <c r="B5515">
        <f t="shared" si="614"/>
        <v>5</v>
      </c>
      <c r="C5515" s="16">
        <v>5481</v>
      </c>
      <c r="D5515" cm="1">
        <f t="array" ref="D5515">IFERROR(INDEX(Jesper!AH$2:AH$366,ROUNDDOWN($C5515/24,0)+1,1)*INDEX($D$3:$AA$30,INDEX(Jesper!$R$2:$R$366,ROW(INDEX(Jesper!AH$2:AH$366,ROUNDDOWN($C5515/24,0)+1,1))-1)+IF('Standard Profiles'!$G$18=$B$10,7,0)+IF('Standard Profiles'!$G$18=$B$17,14,0)+IF('Standard Profiles'!$G$18=$B$24,21,0),MOD($C5515,24)+1)/SUM(INDEX($D$3:$AA$30,INDEX(Jesper!$R$2:$R$366,ROW(INDEX(Jesper!AH$2:AH$366,ROUNDDOWN($C5515/24,0)+1,1))-1)+IF('Standard Profiles'!$G$18=$B$10,7,0)+IF('Standard Profiles'!$G$18=$B$17,14,0)+IF('Standard Profiles'!$G$18=$B$24,21,0),0)),0)</f>
        <v>12.594513430931325</v>
      </c>
      <c r="E5515" cm="1">
        <f t="array" ref="E5515">IFERROR(INDEX(Jesper!AI$2:AI$366,ROUNDDOWN($C5515/24,0)+1,1)*INDEX($D$3:$AA$30,INDEX(Jesper!$R$2:$R$366,ROW(INDEX(Jesper!AI$2:AI$366,ROUNDDOWN($C5515/24,0)+1,1))-1)+IF('Standard Profiles'!$G$19=$B$10,7,0)+IF('Standard Profiles'!$G$19=$B$17,14,0)+IF('Standard Profiles'!$G$19=$B$24,21,0),MOD($C5515,24)+1)/SUM(INDEX($D$3:$AA$30,INDEX(Jesper!$R$2:$R$366,ROW(INDEX(Jesper!AI$2:AI$366,ROUNDDOWN($C5515/24,0)+1,1))-1)+IF('Standard Profiles'!$G$19=$B$10,7,0)+IF('Standard Profiles'!$G$19=$B$17,14,0)+IF('Standard Profiles'!$G$19=$B$24,21,0),0)),0)</f>
        <v>0</v>
      </c>
      <c r="F5515" cm="1">
        <f t="array" ref="F5515">IFERROR(INDEX(Jesper!AJ$2:AJ$366,ROUNDDOWN($C5515/24,0)+1,1)*INDEX($D$3:$AA$30,INDEX(Jesper!$R$2:$R$366,ROW(INDEX(Jesper!AJ$2:AJ$366,ROUNDDOWN($C5515/24,0)+1,1))-1)+IF('Standard Profiles'!$G$20=$B$10,7,0)+IF('Standard Profiles'!$G$20=$B$17,14,0)+IF('Standard Profiles'!$G$20=$B$24,21,0),MOD($C5515,24)+1)/SUM(INDEX($D$3:$AA$30,INDEX(Jesper!$R$2:$R$366,ROW(INDEX(Jesper!AJ$2:AJ$366,ROUNDDOWN($C5515/24,0)+1,1))-1)+IF('Standard Profiles'!$G$20=$B$10,7,0)+IF('Standard Profiles'!$G$20=$B$17,14,0)+IF('Standard Profiles'!$G$20=$B$24,21,0),0)),0)</f>
        <v>0</v>
      </c>
      <c r="G5515" cm="1">
        <f t="array" ref="G5515">IFERROR(INDEX(Jesper!AK$2:AK$366,ROUNDDOWN($C5515/24,0)+1,1)*INDEX($D$3:$AA$30,INDEX(Jesper!$R$2:$R$366,ROW(INDEX(Jesper!AK$2:AK$366,ROUNDDOWN($C5515/24,0)+1,1))-1)+IF('Standard Profiles'!$G$21=$B$10,7,0)+IF('Standard Profiles'!$G$21=$B$17,14,0)+IF('Standard Profiles'!$G$21=$B$24,21,0),MOD($C5515,24)+1)/SUM(INDEX($D$3:$AA$30,INDEX(Jesper!$R$2:$R$366,ROW(INDEX(Jesper!AK$2:AK$366,ROUNDDOWN($C5515/24,0)+1,1))-1)+IF('Standard Profiles'!$G$21=$B$10,7,0)+IF('Standard Profiles'!$G$21=$B$17,14,0)+IF('Standard Profiles'!$G$21=$B$24,21,0),0)),0)</f>
        <v>0</v>
      </c>
      <c r="H5515" cm="1">
        <f t="array" ref="H5515">IFERROR(INDEX(Jesper!AL$2:AL$366,ROUNDDOWN($C5515/24,0)+1,1)*INDEX($D$3:$AA$30,INDEX(Jesper!$R$2:$R$366,ROW(INDEX(Jesper!AL$2:AL$366,ROUNDDOWN($C5515/24,0)+1,1))-1)+IF('Standard Profiles'!$G$22=$B$10,7,0)+IF('Standard Profiles'!$G$22=$B$17,14,0)+IF('Standard Profiles'!$G$22=$B$24,21,0),MOD($C5515,24)+1)/SUM(INDEX($D$3:$AA$30,INDEX(Jesper!$R$2:$R$366,ROW(INDEX(Jesper!AL$2:AL$366,ROUNDDOWN($C5515/24,0)+1,1))-1)+IF('Standard Profiles'!$G$22=$B$10,7,0)+IF('Standard Profiles'!$G$22=$B$17,14,0)+IF('Standard Profiles'!$G$22=$B$24,21,0),0)),0)</f>
        <v>0</v>
      </c>
      <c r="I5515">
        <f t="shared" si="615"/>
        <v>0.37783540292793977</v>
      </c>
      <c r="J5515">
        <f t="shared" si="616"/>
        <v>1.2594513430931327</v>
      </c>
      <c r="K5515">
        <f t="shared" si="617"/>
        <v>1.8891770146396987</v>
      </c>
      <c r="L5515">
        <f t="shared" si="618"/>
        <v>9.068049670270554</v>
      </c>
      <c r="M5515">
        <f t="shared" si="619"/>
        <v>0</v>
      </c>
      <c r="N5515" s="46">
        <f t="shared" si="620"/>
        <v>45520.374999986707</v>
      </c>
    </row>
    <row r="5516" spans="2:14" x14ac:dyDescent="0.3">
      <c r="B5516">
        <f t="shared" si="614"/>
        <v>5</v>
      </c>
      <c r="C5516" s="16">
        <v>5482</v>
      </c>
      <c r="D5516" cm="1">
        <f t="array" ref="D5516">IFERROR(INDEX(Jesper!AH$2:AH$366,ROUNDDOWN($C5516/24,0)+1,1)*INDEX($D$3:$AA$30,INDEX(Jesper!$R$2:$R$366,ROW(INDEX(Jesper!AH$2:AH$366,ROUNDDOWN($C5516/24,0)+1,1))-1)+IF('Standard Profiles'!$G$18=$B$10,7,0)+IF('Standard Profiles'!$G$18=$B$17,14,0)+IF('Standard Profiles'!$G$18=$B$24,21,0),MOD($C5516,24)+1)/SUM(INDEX($D$3:$AA$30,INDEX(Jesper!$R$2:$R$366,ROW(INDEX(Jesper!AH$2:AH$366,ROUNDDOWN($C5516/24,0)+1,1))-1)+IF('Standard Profiles'!$G$18=$B$10,7,0)+IF('Standard Profiles'!$G$18=$B$17,14,0)+IF('Standard Profiles'!$G$18=$B$24,21,0),0)),0)</f>
        <v>13.098293968168578</v>
      </c>
      <c r="E5516" cm="1">
        <f t="array" ref="E5516">IFERROR(INDEX(Jesper!AI$2:AI$366,ROUNDDOWN($C5516/24,0)+1,1)*INDEX($D$3:$AA$30,INDEX(Jesper!$R$2:$R$366,ROW(INDEX(Jesper!AI$2:AI$366,ROUNDDOWN($C5516/24,0)+1,1))-1)+IF('Standard Profiles'!$G$19=$B$10,7,0)+IF('Standard Profiles'!$G$19=$B$17,14,0)+IF('Standard Profiles'!$G$19=$B$24,21,0),MOD($C5516,24)+1)/SUM(INDEX($D$3:$AA$30,INDEX(Jesper!$R$2:$R$366,ROW(INDEX(Jesper!AI$2:AI$366,ROUNDDOWN($C5516/24,0)+1,1))-1)+IF('Standard Profiles'!$G$19=$B$10,7,0)+IF('Standard Profiles'!$G$19=$B$17,14,0)+IF('Standard Profiles'!$G$19=$B$24,21,0),0)),0)</f>
        <v>0</v>
      </c>
      <c r="F5516" cm="1">
        <f t="array" ref="F5516">IFERROR(INDEX(Jesper!AJ$2:AJ$366,ROUNDDOWN($C5516/24,0)+1,1)*INDEX($D$3:$AA$30,INDEX(Jesper!$R$2:$R$366,ROW(INDEX(Jesper!AJ$2:AJ$366,ROUNDDOWN($C5516/24,0)+1,1))-1)+IF('Standard Profiles'!$G$20=$B$10,7,0)+IF('Standard Profiles'!$G$20=$B$17,14,0)+IF('Standard Profiles'!$G$20=$B$24,21,0),MOD($C5516,24)+1)/SUM(INDEX($D$3:$AA$30,INDEX(Jesper!$R$2:$R$366,ROW(INDEX(Jesper!AJ$2:AJ$366,ROUNDDOWN($C5516/24,0)+1,1))-1)+IF('Standard Profiles'!$G$20=$B$10,7,0)+IF('Standard Profiles'!$G$20=$B$17,14,0)+IF('Standard Profiles'!$G$20=$B$24,21,0),0)),0)</f>
        <v>0</v>
      </c>
      <c r="G5516" cm="1">
        <f t="array" ref="G5516">IFERROR(INDEX(Jesper!AK$2:AK$366,ROUNDDOWN($C5516/24,0)+1,1)*INDEX($D$3:$AA$30,INDEX(Jesper!$R$2:$R$366,ROW(INDEX(Jesper!AK$2:AK$366,ROUNDDOWN($C5516/24,0)+1,1))-1)+IF('Standard Profiles'!$G$21=$B$10,7,0)+IF('Standard Profiles'!$G$21=$B$17,14,0)+IF('Standard Profiles'!$G$21=$B$24,21,0),MOD($C5516,24)+1)/SUM(INDEX($D$3:$AA$30,INDEX(Jesper!$R$2:$R$366,ROW(INDEX(Jesper!AK$2:AK$366,ROUNDDOWN($C5516/24,0)+1,1))-1)+IF('Standard Profiles'!$G$21=$B$10,7,0)+IF('Standard Profiles'!$G$21=$B$17,14,0)+IF('Standard Profiles'!$G$21=$B$24,21,0),0)),0)</f>
        <v>0</v>
      </c>
      <c r="H5516" cm="1">
        <f t="array" ref="H5516">IFERROR(INDEX(Jesper!AL$2:AL$366,ROUNDDOWN($C5516/24,0)+1,1)*INDEX($D$3:$AA$30,INDEX(Jesper!$R$2:$R$366,ROW(INDEX(Jesper!AL$2:AL$366,ROUNDDOWN($C5516/24,0)+1,1))-1)+IF('Standard Profiles'!$G$22=$B$10,7,0)+IF('Standard Profiles'!$G$22=$B$17,14,0)+IF('Standard Profiles'!$G$22=$B$24,21,0),MOD($C5516,24)+1)/SUM(INDEX($D$3:$AA$30,INDEX(Jesper!$R$2:$R$366,ROW(INDEX(Jesper!AL$2:AL$366,ROUNDDOWN($C5516/24,0)+1,1))-1)+IF('Standard Profiles'!$G$22=$B$10,7,0)+IF('Standard Profiles'!$G$22=$B$17,14,0)+IF('Standard Profiles'!$G$22=$B$24,21,0),0)),0)</f>
        <v>0</v>
      </c>
      <c r="I5516">
        <f t="shared" si="615"/>
        <v>0.39294881904505735</v>
      </c>
      <c r="J5516">
        <f t="shared" si="616"/>
        <v>1.3098293968168579</v>
      </c>
      <c r="K5516">
        <f t="shared" si="617"/>
        <v>1.9647440952252866</v>
      </c>
      <c r="L5516">
        <f t="shared" si="618"/>
        <v>9.430771657081376</v>
      </c>
      <c r="M5516">
        <f t="shared" si="619"/>
        <v>0</v>
      </c>
      <c r="N5516" s="46">
        <f t="shared" si="620"/>
        <v>45520.416666653371</v>
      </c>
    </row>
    <row r="5517" spans="2:14" x14ac:dyDescent="0.3">
      <c r="B5517">
        <f t="shared" si="614"/>
        <v>5</v>
      </c>
      <c r="C5517" s="16">
        <v>5483</v>
      </c>
      <c r="D5517" cm="1">
        <f t="array" ref="D5517">IFERROR(INDEX(Jesper!AH$2:AH$366,ROUNDDOWN($C5517/24,0)+1,1)*INDEX($D$3:$AA$30,INDEX(Jesper!$R$2:$R$366,ROW(INDEX(Jesper!AH$2:AH$366,ROUNDDOWN($C5517/24,0)+1,1))-1)+IF('Standard Profiles'!$G$18=$B$10,7,0)+IF('Standard Profiles'!$G$18=$B$17,14,0)+IF('Standard Profiles'!$G$18=$B$24,21,0),MOD($C5517,24)+1)/SUM(INDEX($D$3:$AA$30,INDEX(Jesper!$R$2:$R$366,ROW(INDEX(Jesper!AH$2:AH$366,ROUNDDOWN($C5517/24,0)+1,1))-1)+IF('Standard Profiles'!$G$18=$B$10,7,0)+IF('Standard Profiles'!$G$18=$B$17,14,0)+IF('Standard Profiles'!$G$18=$B$24,21,0),0)),0)</f>
        <v>15.113416117117591</v>
      </c>
      <c r="E5517" cm="1">
        <f t="array" ref="E5517">IFERROR(INDEX(Jesper!AI$2:AI$366,ROUNDDOWN($C5517/24,0)+1,1)*INDEX($D$3:$AA$30,INDEX(Jesper!$R$2:$R$366,ROW(INDEX(Jesper!AI$2:AI$366,ROUNDDOWN($C5517/24,0)+1,1))-1)+IF('Standard Profiles'!$G$19=$B$10,7,0)+IF('Standard Profiles'!$G$19=$B$17,14,0)+IF('Standard Profiles'!$G$19=$B$24,21,0),MOD($C5517,24)+1)/SUM(INDEX($D$3:$AA$30,INDEX(Jesper!$R$2:$R$366,ROW(INDEX(Jesper!AI$2:AI$366,ROUNDDOWN($C5517/24,0)+1,1))-1)+IF('Standard Profiles'!$G$19=$B$10,7,0)+IF('Standard Profiles'!$G$19=$B$17,14,0)+IF('Standard Profiles'!$G$19=$B$24,21,0),0)),0)</f>
        <v>0</v>
      </c>
      <c r="F5517" cm="1">
        <f t="array" ref="F5517">IFERROR(INDEX(Jesper!AJ$2:AJ$366,ROUNDDOWN($C5517/24,0)+1,1)*INDEX($D$3:$AA$30,INDEX(Jesper!$R$2:$R$366,ROW(INDEX(Jesper!AJ$2:AJ$366,ROUNDDOWN($C5517/24,0)+1,1))-1)+IF('Standard Profiles'!$G$20=$B$10,7,0)+IF('Standard Profiles'!$G$20=$B$17,14,0)+IF('Standard Profiles'!$G$20=$B$24,21,0),MOD($C5517,24)+1)/SUM(INDEX($D$3:$AA$30,INDEX(Jesper!$R$2:$R$366,ROW(INDEX(Jesper!AJ$2:AJ$366,ROUNDDOWN($C5517/24,0)+1,1))-1)+IF('Standard Profiles'!$G$20=$B$10,7,0)+IF('Standard Profiles'!$G$20=$B$17,14,0)+IF('Standard Profiles'!$G$20=$B$24,21,0),0)),0)</f>
        <v>0</v>
      </c>
      <c r="G5517" cm="1">
        <f t="array" ref="G5517">IFERROR(INDEX(Jesper!AK$2:AK$366,ROUNDDOWN($C5517/24,0)+1,1)*INDEX($D$3:$AA$30,INDEX(Jesper!$R$2:$R$366,ROW(INDEX(Jesper!AK$2:AK$366,ROUNDDOWN($C5517/24,0)+1,1))-1)+IF('Standard Profiles'!$G$21=$B$10,7,0)+IF('Standard Profiles'!$G$21=$B$17,14,0)+IF('Standard Profiles'!$G$21=$B$24,21,0),MOD($C5517,24)+1)/SUM(INDEX($D$3:$AA$30,INDEX(Jesper!$R$2:$R$366,ROW(INDEX(Jesper!AK$2:AK$366,ROUNDDOWN($C5517/24,0)+1,1))-1)+IF('Standard Profiles'!$G$21=$B$10,7,0)+IF('Standard Profiles'!$G$21=$B$17,14,0)+IF('Standard Profiles'!$G$21=$B$24,21,0),0)),0)</f>
        <v>0</v>
      </c>
      <c r="H5517" cm="1">
        <f t="array" ref="H5517">IFERROR(INDEX(Jesper!AL$2:AL$366,ROUNDDOWN($C5517/24,0)+1,1)*INDEX($D$3:$AA$30,INDEX(Jesper!$R$2:$R$366,ROW(INDEX(Jesper!AL$2:AL$366,ROUNDDOWN($C5517/24,0)+1,1))-1)+IF('Standard Profiles'!$G$22=$B$10,7,0)+IF('Standard Profiles'!$G$22=$B$17,14,0)+IF('Standard Profiles'!$G$22=$B$24,21,0),MOD($C5517,24)+1)/SUM(INDEX($D$3:$AA$30,INDEX(Jesper!$R$2:$R$366,ROW(INDEX(Jesper!AL$2:AL$366,ROUNDDOWN($C5517/24,0)+1,1))-1)+IF('Standard Profiles'!$G$22=$B$10,7,0)+IF('Standard Profiles'!$G$22=$B$17,14,0)+IF('Standard Profiles'!$G$22=$B$24,21,0),0)),0)</f>
        <v>0</v>
      </c>
      <c r="I5517">
        <f t="shared" si="615"/>
        <v>0.45340248351352774</v>
      </c>
      <c r="J5517">
        <f t="shared" si="616"/>
        <v>1.5113416117117593</v>
      </c>
      <c r="K5517">
        <f t="shared" si="617"/>
        <v>2.2670124175676385</v>
      </c>
      <c r="L5517">
        <f t="shared" si="618"/>
        <v>10.881659604324666</v>
      </c>
      <c r="M5517">
        <f t="shared" si="619"/>
        <v>0</v>
      </c>
      <c r="N5517" s="46">
        <f t="shared" si="620"/>
        <v>45520.458333320035</v>
      </c>
    </row>
    <row r="5518" spans="2:14" x14ac:dyDescent="0.3">
      <c r="B5518">
        <f t="shared" si="614"/>
        <v>5</v>
      </c>
      <c r="C5518" s="16">
        <v>5484</v>
      </c>
      <c r="D5518" cm="1">
        <f t="array" ref="D5518">IFERROR(INDEX(Jesper!AH$2:AH$366,ROUNDDOWN($C5518/24,0)+1,1)*INDEX($D$3:$AA$30,INDEX(Jesper!$R$2:$R$366,ROW(INDEX(Jesper!AH$2:AH$366,ROUNDDOWN($C5518/24,0)+1,1))-1)+IF('Standard Profiles'!$G$18=$B$10,7,0)+IF('Standard Profiles'!$G$18=$B$17,14,0)+IF('Standard Profiles'!$G$18=$B$24,21,0),MOD($C5518,24)+1)/SUM(INDEX($D$3:$AA$30,INDEX(Jesper!$R$2:$R$366,ROW(INDEX(Jesper!AH$2:AH$366,ROUNDDOWN($C5518/24,0)+1,1))-1)+IF('Standard Profiles'!$G$18=$B$10,7,0)+IF('Standard Profiles'!$G$18=$B$17,14,0)+IF('Standard Profiles'!$G$18=$B$24,21,0),0)),0)</f>
        <v>15.113416117117591</v>
      </c>
      <c r="E5518" cm="1">
        <f t="array" ref="E5518">IFERROR(INDEX(Jesper!AI$2:AI$366,ROUNDDOWN($C5518/24,0)+1,1)*INDEX($D$3:$AA$30,INDEX(Jesper!$R$2:$R$366,ROW(INDEX(Jesper!AI$2:AI$366,ROUNDDOWN($C5518/24,0)+1,1))-1)+IF('Standard Profiles'!$G$19=$B$10,7,0)+IF('Standard Profiles'!$G$19=$B$17,14,0)+IF('Standard Profiles'!$G$19=$B$24,21,0),MOD($C5518,24)+1)/SUM(INDEX($D$3:$AA$30,INDEX(Jesper!$R$2:$R$366,ROW(INDEX(Jesper!AI$2:AI$366,ROUNDDOWN($C5518/24,0)+1,1))-1)+IF('Standard Profiles'!$G$19=$B$10,7,0)+IF('Standard Profiles'!$G$19=$B$17,14,0)+IF('Standard Profiles'!$G$19=$B$24,21,0),0)),0)</f>
        <v>0</v>
      </c>
      <c r="F5518" cm="1">
        <f t="array" ref="F5518">IFERROR(INDEX(Jesper!AJ$2:AJ$366,ROUNDDOWN($C5518/24,0)+1,1)*INDEX($D$3:$AA$30,INDEX(Jesper!$R$2:$R$366,ROW(INDEX(Jesper!AJ$2:AJ$366,ROUNDDOWN($C5518/24,0)+1,1))-1)+IF('Standard Profiles'!$G$20=$B$10,7,0)+IF('Standard Profiles'!$G$20=$B$17,14,0)+IF('Standard Profiles'!$G$20=$B$24,21,0),MOD($C5518,24)+1)/SUM(INDEX($D$3:$AA$30,INDEX(Jesper!$R$2:$R$366,ROW(INDEX(Jesper!AJ$2:AJ$366,ROUNDDOWN($C5518/24,0)+1,1))-1)+IF('Standard Profiles'!$G$20=$B$10,7,0)+IF('Standard Profiles'!$G$20=$B$17,14,0)+IF('Standard Profiles'!$G$20=$B$24,21,0),0)),0)</f>
        <v>0</v>
      </c>
      <c r="G5518" cm="1">
        <f t="array" ref="G5518">IFERROR(INDEX(Jesper!AK$2:AK$366,ROUNDDOWN($C5518/24,0)+1,1)*INDEX($D$3:$AA$30,INDEX(Jesper!$R$2:$R$366,ROW(INDEX(Jesper!AK$2:AK$366,ROUNDDOWN($C5518/24,0)+1,1))-1)+IF('Standard Profiles'!$G$21=$B$10,7,0)+IF('Standard Profiles'!$G$21=$B$17,14,0)+IF('Standard Profiles'!$G$21=$B$24,21,0),MOD($C5518,24)+1)/SUM(INDEX($D$3:$AA$30,INDEX(Jesper!$R$2:$R$366,ROW(INDEX(Jesper!AK$2:AK$366,ROUNDDOWN($C5518/24,0)+1,1))-1)+IF('Standard Profiles'!$G$21=$B$10,7,0)+IF('Standard Profiles'!$G$21=$B$17,14,0)+IF('Standard Profiles'!$G$21=$B$24,21,0),0)),0)</f>
        <v>0</v>
      </c>
      <c r="H5518" cm="1">
        <f t="array" ref="H5518">IFERROR(INDEX(Jesper!AL$2:AL$366,ROUNDDOWN($C5518/24,0)+1,1)*INDEX($D$3:$AA$30,INDEX(Jesper!$R$2:$R$366,ROW(INDEX(Jesper!AL$2:AL$366,ROUNDDOWN($C5518/24,0)+1,1))-1)+IF('Standard Profiles'!$G$22=$B$10,7,0)+IF('Standard Profiles'!$G$22=$B$17,14,0)+IF('Standard Profiles'!$G$22=$B$24,21,0),MOD($C5518,24)+1)/SUM(INDEX($D$3:$AA$30,INDEX(Jesper!$R$2:$R$366,ROW(INDEX(Jesper!AL$2:AL$366,ROUNDDOWN($C5518/24,0)+1,1))-1)+IF('Standard Profiles'!$G$22=$B$10,7,0)+IF('Standard Profiles'!$G$22=$B$17,14,0)+IF('Standard Profiles'!$G$22=$B$24,21,0),0)),0)</f>
        <v>0</v>
      </c>
      <c r="I5518">
        <f t="shared" si="615"/>
        <v>0.45340248351352774</v>
      </c>
      <c r="J5518">
        <f t="shared" si="616"/>
        <v>1.5113416117117593</v>
      </c>
      <c r="K5518">
        <f t="shared" si="617"/>
        <v>2.2670124175676385</v>
      </c>
      <c r="L5518">
        <f t="shared" si="618"/>
        <v>10.881659604324666</v>
      </c>
      <c r="M5518">
        <f t="shared" si="619"/>
        <v>0</v>
      </c>
      <c r="N5518" s="46">
        <f t="shared" si="620"/>
        <v>45520.4999999867</v>
      </c>
    </row>
    <row r="5519" spans="2:14" x14ac:dyDescent="0.3">
      <c r="B5519">
        <f t="shared" si="614"/>
        <v>5</v>
      </c>
      <c r="C5519" s="16">
        <v>5485</v>
      </c>
      <c r="D5519" cm="1">
        <f t="array" ref="D5519">IFERROR(INDEX(Jesper!AH$2:AH$366,ROUNDDOWN($C5519/24,0)+1,1)*INDEX($D$3:$AA$30,INDEX(Jesper!$R$2:$R$366,ROW(INDEX(Jesper!AH$2:AH$366,ROUNDDOWN($C5519/24,0)+1,1))-1)+IF('Standard Profiles'!$G$18=$B$10,7,0)+IF('Standard Profiles'!$G$18=$B$17,14,0)+IF('Standard Profiles'!$G$18=$B$24,21,0),MOD($C5519,24)+1)/SUM(INDEX($D$3:$AA$30,INDEX(Jesper!$R$2:$R$366,ROW(INDEX(Jesper!AH$2:AH$366,ROUNDDOWN($C5519/24,0)+1,1))-1)+IF('Standard Profiles'!$G$18=$B$10,7,0)+IF('Standard Profiles'!$G$18=$B$17,14,0)+IF('Standard Profiles'!$G$18=$B$24,21,0),0)),0)</f>
        <v>15.113416117117591</v>
      </c>
      <c r="E5519" cm="1">
        <f t="array" ref="E5519">IFERROR(INDEX(Jesper!AI$2:AI$366,ROUNDDOWN($C5519/24,0)+1,1)*INDEX($D$3:$AA$30,INDEX(Jesper!$R$2:$R$366,ROW(INDEX(Jesper!AI$2:AI$366,ROUNDDOWN($C5519/24,0)+1,1))-1)+IF('Standard Profiles'!$G$19=$B$10,7,0)+IF('Standard Profiles'!$G$19=$B$17,14,0)+IF('Standard Profiles'!$G$19=$B$24,21,0),MOD($C5519,24)+1)/SUM(INDEX($D$3:$AA$30,INDEX(Jesper!$R$2:$R$366,ROW(INDEX(Jesper!AI$2:AI$366,ROUNDDOWN($C5519/24,0)+1,1))-1)+IF('Standard Profiles'!$G$19=$B$10,7,0)+IF('Standard Profiles'!$G$19=$B$17,14,0)+IF('Standard Profiles'!$G$19=$B$24,21,0),0)),0)</f>
        <v>0</v>
      </c>
      <c r="F5519" cm="1">
        <f t="array" ref="F5519">IFERROR(INDEX(Jesper!AJ$2:AJ$366,ROUNDDOWN($C5519/24,0)+1,1)*INDEX($D$3:$AA$30,INDEX(Jesper!$R$2:$R$366,ROW(INDEX(Jesper!AJ$2:AJ$366,ROUNDDOWN($C5519/24,0)+1,1))-1)+IF('Standard Profiles'!$G$20=$B$10,7,0)+IF('Standard Profiles'!$G$20=$B$17,14,0)+IF('Standard Profiles'!$G$20=$B$24,21,0),MOD($C5519,24)+1)/SUM(INDEX($D$3:$AA$30,INDEX(Jesper!$R$2:$R$366,ROW(INDEX(Jesper!AJ$2:AJ$366,ROUNDDOWN($C5519/24,0)+1,1))-1)+IF('Standard Profiles'!$G$20=$B$10,7,0)+IF('Standard Profiles'!$G$20=$B$17,14,0)+IF('Standard Profiles'!$G$20=$B$24,21,0),0)),0)</f>
        <v>0</v>
      </c>
      <c r="G5519" cm="1">
        <f t="array" ref="G5519">IFERROR(INDEX(Jesper!AK$2:AK$366,ROUNDDOWN($C5519/24,0)+1,1)*INDEX($D$3:$AA$30,INDEX(Jesper!$R$2:$R$366,ROW(INDEX(Jesper!AK$2:AK$366,ROUNDDOWN($C5519/24,0)+1,1))-1)+IF('Standard Profiles'!$G$21=$B$10,7,0)+IF('Standard Profiles'!$G$21=$B$17,14,0)+IF('Standard Profiles'!$G$21=$B$24,21,0),MOD($C5519,24)+1)/SUM(INDEX($D$3:$AA$30,INDEX(Jesper!$R$2:$R$366,ROW(INDEX(Jesper!AK$2:AK$366,ROUNDDOWN($C5519/24,0)+1,1))-1)+IF('Standard Profiles'!$G$21=$B$10,7,0)+IF('Standard Profiles'!$G$21=$B$17,14,0)+IF('Standard Profiles'!$G$21=$B$24,21,0),0)),0)</f>
        <v>0</v>
      </c>
      <c r="H5519" cm="1">
        <f t="array" ref="H5519">IFERROR(INDEX(Jesper!AL$2:AL$366,ROUNDDOWN($C5519/24,0)+1,1)*INDEX($D$3:$AA$30,INDEX(Jesper!$R$2:$R$366,ROW(INDEX(Jesper!AL$2:AL$366,ROUNDDOWN($C5519/24,0)+1,1))-1)+IF('Standard Profiles'!$G$22=$B$10,7,0)+IF('Standard Profiles'!$G$22=$B$17,14,0)+IF('Standard Profiles'!$G$22=$B$24,21,0),MOD($C5519,24)+1)/SUM(INDEX($D$3:$AA$30,INDEX(Jesper!$R$2:$R$366,ROW(INDEX(Jesper!AL$2:AL$366,ROUNDDOWN($C5519/24,0)+1,1))-1)+IF('Standard Profiles'!$G$22=$B$10,7,0)+IF('Standard Profiles'!$G$22=$B$17,14,0)+IF('Standard Profiles'!$G$22=$B$24,21,0),0)),0)</f>
        <v>0</v>
      </c>
      <c r="I5519">
        <f t="shared" si="615"/>
        <v>0.45340248351352774</v>
      </c>
      <c r="J5519">
        <f t="shared" si="616"/>
        <v>1.5113416117117593</v>
      </c>
      <c r="K5519">
        <f t="shared" si="617"/>
        <v>2.2670124175676385</v>
      </c>
      <c r="L5519">
        <f t="shared" si="618"/>
        <v>10.881659604324666</v>
      </c>
      <c r="M5519">
        <f t="shared" si="619"/>
        <v>0</v>
      </c>
      <c r="N5519" s="46">
        <f t="shared" si="620"/>
        <v>45520.541666653364</v>
      </c>
    </row>
    <row r="5520" spans="2:14" x14ac:dyDescent="0.3">
      <c r="B5520">
        <f t="shared" si="614"/>
        <v>5</v>
      </c>
      <c r="C5520" s="16">
        <v>5486</v>
      </c>
      <c r="D5520" cm="1">
        <f t="array" ref="D5520">IFERROR(INDEX(Jesper!AH$2:AH$366,ROUNDDOWN($C5520/24,0)+1,1)*INDEX($D$3:$AA$30,INDEX(Jesper!$R$2:$R$366,ROW(INDEX(Jesper!AH$2:AH$366,ROUNDDOWN($C5520/24,0)+1,1))-1)+IF('Standard Profiles'!$G$18=$B$10,7,0)+IF('Standard Profiles'!$G$18=$B$17,14,0)+IF('Standard Profiles'!$G$18=$B$24,21,0),MOD($C5520,24)+1)/SUM(INDEX($D$3:$AA$30,INDEX(Jesper!$R$2:$R$366,ROW(INDEX(Jesper!AH$2:AH$366,ROUNDDOWN($C5520/24,0)+1,1))-1)+IF('Standard Profiles'!$G$18=$B$10,7,0)+IF('Standard Profiles'!$G$18=$B$17,14,0)+IF('Standard Profiles'!$G$18=$B$24,21,0),0)),0)</f>
        <v>15.113416117117591</v>
      </c>
      <c r="E5520" cm="1">
        <f t="array" ref="E5520">IFERROR(INDEX(Jesper!AI$2:AI$366,ROUNDDOWN($C5520/24,0)+1,1)*INDEX($D$3:$AA$30,INDEX(Jesper!$R$2:$R$366,ROW(INDEX(Jesper!AI$2:AI$366,ROUNDDOWN($C5520/24,0)+1,1))-1)+IF('Standard Profiles'!$G$19=$B$10,7,0)+IF('Standard Profiles'!$G$19=$B$17,14,0)+IF('Standard Profiles'!$G$19=$B$24,21,0),MOD($C5520,24)+1)/SUM(INDEX($D$3:$AA$30,INDEX(Jesper!$R$2:$R$366,ROW(INDEX(Jesper!AI$2:AI$366,ROUNDDOWN($C5520/24,0)+1,1))-1)+IF('Standard Profiles'!$G$19=$B$10,7,0)+IF('Standard Profiles'!$G$19=$B$17,14,0)+IF('Standard Profiles'!$G$19=$B$24,21,0),0)),0)</f>
        <v>0</v>
      </c>
      <c r="F5520" cm="1">
        <f t="array" ref="F5520">IFERROR(INDEX(Jesper!AJ$2:AJ$366,ROUNDDOWN($C5520/24,0)+1,1)*INDEX($D$3:$AA$30,INDEX(Jesper!$R$2:$R$366,ROW(INDEX(Jesper!AJ$2:AJ$366,ROUNDDOWN($C5520/24,0)+1,1))-1)+IF('Standard Profiles'!$G$20=$B$10,7,0)+IF('Standard Profiles'!$G$20=$B$17,14,0)+IF('Standard Profiles'!$G$20=$B$24,21,0),MOD($C5520,24)+1)/SUM(INDEX($D$3:$AA$30,INDEX(Jesper!$R$2:$R$366,ROW(INDEX(Jesper!AJ$2:AJ$366,ROUNDDOWN($C5520/24,0)+1,1))-1)+IF('Standard Profiles'!$G$20=$B$10,7,0)+IF('Standard Profiles'!$G$20=$B$17,14,0)+IF('Standard Profiles'!$G$20=$B$24,21,0),0)),0)</f>
        <v>0</v>
      </c>
      <c r="G5520" cm="1">
        <f t="array" ref="G5520">IFERROR(INDEX(Jesper!AK$2:AK$366,ROUNDDOWN($C5520/24,0)+1,1)*INDEX($D$3:$AA$30,INDEX(Jesper!$R$2:$R$366,ROW(INDEX(Jesper!AK$2:AK$366,ROUNDDOWN($C5520/24,0)+1,1))-1)+IF('Standard Profiles'!$G$21=$B$10,7,0)+IF('Standard Profiles'!$G$21=$B$17,14,0)+IF('Standard Profiles'!$G$21=$B$24,21,0),MOD($C5520,24)+1)/SUM(INDEX($D$3:$AA$30,INDEX(Jesper!$R$2:$R$366,ROW(INDEX(Jesper!AK$2:AK$366,ROUNDDOWN($C5520/24,0)+1,1))-1)+IF('Standard Profiles'!$G$21=$B$10,7,0)+IF('Standard Profiles'!$G$21=$B$17,14,0)+IF('Standard Profiles'!$G$21=$B$24,21,0),0)),0)</f>
        <v>0</v>
      </c>
      <c r="H5520" cm="1">
        <f t="array" ref="H5520">IFERROR(INDEX(Jesper!AL$2:AL$366,ROUNDDOWN($C5520/24,0)+1,1)*INDEX($D$3:$AA$30,INDEX(Jesper!$R$2:$R$366,ROW(INDEX(Jesper!AL$2:AL$366,ROUNDDOWN($C5520/24,0)+1,1))-1)+IF('Standard Profiles'!$G$22=$B$10,7,0)+IF('Standard Profiles'!$G$22=$B$17,14,0)+IF('Standard Profiles'!$G$22=$B$24,21,0),MOD($C5520,24)+1)/SUM(INDEX($D$3:$AA$30,INDEX(Jesper!$R$2:$R$366,ROW(INDEX(Jesper!AL$2:AL$366,ROUNDDOWN($C5520/24,0)+1,1))-1)+IF('Standard Profiles'!$G$22=$B$10,7,0)+IF('Standard Profiles'!$G$22=$B$17,14,0)+IF('Standard Profiles'!$G$22=$B$24,21,0),0)),0)</f>
        <v>0</v>
      </c>
      <c r="I5520">
        <f t="shared" si="615"/>
        <v>0.45340248351352774</v>
      </c>
      <c r="J5520">
        <f t="shared" si="616"/>
        <v>1.5113416117117593</v>
      </c>
      <c r="K5520">
        <f t="shared" si="617"/>
        <v>2.2670124175676385</v>
      </c>
      <c r="L5520">
        <f t="shared" si="618"/>
        <v>10.881659604324666</v>
      </c>
      <c r="M5520">
        <f t="shared" si="619"/>
        <v>0</v>
      </c>
      <c r="N5520" s="46">
        <f t="shared" si="620"/>
        <v>45520.583333320028</v>
      </c>
    </row>
    <row r="5521" spans="2:14" x14ac:dyDescent="0.3">
      <c r="B5521">
        <f t="shared" si="614"/>
        <v>5</v>
      </c>
      <c r="C5521" s="16">
        <v>5487</v>
      </c>
      <c r="D5521" cm="1">
        <f t="array" ref="D5521">IFERROR(INDEX(Jesper!AH$2:AH$366,ROUNDDOWN($C5521/24,0)+1,1)*INDEX($D$3:$AA$30,INDEX(Jesper!$R$2:$R$366,ROW(INDEX(Jesper!AH$2:AH$366,ROUNDDOWN($C5521/24,0)+1,1))-1)+IF('Standard Profiles'!$G$18=$B$10,7,0)+IF('Standard Profiles'!$G$18=$B$17,14,0)+IF('Standard Profiles'!$G$18=$B$24,21,0),MOD($C5521,24)+1)/SUM(INDEX($D$3:$AA$30,INDEX(Jesper!$R$2:$R$366,ROW(INDEX(Jesper!AH$2:AH$366,ROUNDDOWN($C5521/24,0)+1,1))-1)+IF('Standard Profiles'!$G$18=$B$10,7,0)+IF('Standard Profiles'!$G$18=$B$17,14,0)+IF('Standard Profiles'!$G$18=$B$24,21,0),0)),0)</f>
        <v>12.594513430931325</v>
      </c>
      <c r="E5521" cm="1">
        <f t="array" ref="E5521">IFERROR(INDEX(Jesper!AI$2:AI$366,ROUNDDOWN($C5521/24,0)+1,1)*INDEX($D$3:$AA$30,INDEX(Jesper!$R$2:$R$366,ROW(INDEX(Jesper!AI$2:AI$366,ROUNDDOWN($C5521/24,0)+1,1))-1)+IF('Standard Profiles'!$G$19=$B$10,7,0)+IF('Standard Profiles'!$G$19=$B$17,14,0)+IF('Standard Profiles'!$G$19=$B$24,21,0),MOD($C5521,24)+1)/SUM(INDEX($D$3:$AA$30,INDEX(Jesper!$R$2:$R$366,ROW(INDEX(Jesper!AI$2:AI$366,ROUNDDOWN($C5521/24,0)+1,1))-1)+IF('Standard Profiles'!$G$19=$B$10,7,0)+IF('Standard Profiles'!$G$19=$B$17,14,0)+IF('Standard Profiles'!$G$19=$B$24,21,0),0)),0)</f>
        <v>0</v>
      </c>
      <c r="F5521" cm="1">
        <f t="array" ref="F5521">IFERROR(INDEX(Jesper!AJ$2:AJ$366,ROUNDDOWN($C5521/24,0)+1,1)*INDEX($D$3:$AA$30,INDEX(Jesper!$R$2:$R$366,ROW(INDEX(Jesper!AJ$2:AJ$366,ROUNDDOWN($C5521/24,0)+1,1))-1)+IF('Standard Profiles'!$G$20=$B$10,7,0)+IF('Standard Profiles'!$G$20=$B$17,14,0)+IF('Standard Profiles'!$G$20=$B$24,21,0),MOD($C5521,24)+1)/SUM(INDEX($D$3:$AA$30,INDEX(Jesper!$R$2:$R$366,ROW(INDEX(Jesper!AJ$2:AJ$366,ROUNDDOWN($C5521/24,0)+1,1))-1)+IF('Standard Profiles'!$G$20=$B$10,7,0)+IF('Standard Profiles'!$G$20=$B$17,14,0)+IF('Standard Profiles'!$G$20=$B$24,21,0),0)),0)</f>
        <v>0</v>
      </c>
      <c r="G5521" cm="1">
        <f t="array" ref="G5521">IFERROR(INDEX(Jesper!AK$2:AK$366,ROUNDDOWN($C5521/24,0)+1,1)*INDEX($D$3:$AA$30,INDEX(Jesper!$R$2:$R$366,ROW(INDEX(Jesper!AK$2:AK$366,ROUNDDOWN($C5521/24,0)+1,1))-1)+IF('Standard Profiles'!$G$21=$B$10,7,0)+IF('Standard Profiles'!$G$21=$B$17,14,0)+IF('Standard Profiles'!$G$21=$B$24,21,0),MOD($C5521,24)+1)/SUM(INDEX($D$3:$AA$30,INDEX(Jesper!$R$2:$R$366,ROW(INDEX(Jesper!AK$2:AK$366,ROUNDDOWN($C5521/24,0)+1,1))-1)+IF('Standard Profiles'!$G$21=$B$10,7,0)+IF('Standard Profiles'!$G$21=$B$17,14,0)+IF('Standard Profiles'!$G$21=$B$24,21,0),0)),0)</f>
        <v>0</v>
      </c>
      <c r="H5521" cm="1">
        <f t="array" ref="H5521">IFERROR(INDEX(Jesper!AL$2:AL$366,ROUNDDOWN($C5521/24,0)+1,1)*INDEX($D$3:$AA$30,INDEX(Jesper!$R$2:$R$366,ROW(INDEX(Jesper!AL$2:AL$366,ROUNDDOWN($C5521/24,0)+1,1))-1)+IF('Standard Profiles'!$G$22=$B$10,7,0)+IF('Standard Profiles'!$G$22=$B$17,14,0)+IF('Standard Profiles'!$G$22=$B$24,21,0),MOD($C5521,24)+1)/SUM(INDEX($D$3:$AA$30,INDEX(Jesper!$R$2:$R$366,ROW(INDEX(Jesper!AL$2:AL$366,ROUNDDOWN($C5521/24,0)+1,1))-1)+IF('Standard Profiles'!$G$22=$B$10,7,0)+IF('Standard Profiles'!$G$22=$B$17,14,0)+IF('Standard Profiles'!$G$22=$B$24,21,0),0)),0)</f>
        <v>0</v>
      </c>
      <c r="I5521">
        <f t="shared" si="615"/>
        <v>0.37783540292793977</v>
      </c>
      <c r="J5521">
        <f t="shared" si="616"/>
        <v>1.2594513430931327</v>
      </c>
      <c r="K5521">
        <f t="shared" si="617"/>
        <v>1.8891770146396987</v>
      </c>
      <c r="L5521">
        <f t="shared" si="618"/>
        <v>9.068049670270554</v>
      </c>
      <c r="M5521">
        <f t="shared" si="619"/>
        <v>0</v>
      </c>
      <c r="N5521" s="46">
        <f t="shared" si="620"/>
        <v>45520.624999986692</v>
      </c>
    </row>
    <row r="5522" spans="2:14" x14ac:dyDescent="0.3">
      <c r="B5522">
        <f t="shared" si="614"/>
        <v>5</v>
      </c>
      <c r="C5522" s="16">
        <v>5488</v>
      </c>
      <c r="D5522" cm="1">
        <f t="array" ref="D5522">IFERROR(INDEX(Jesper!AH$2:AH$366,ROUNDDOWN($C5522/24,0)+1,1)*INDEX($D$3:$AA$30,INDEX(Jesper!$R$2:$R$366,ROW(INDEX(Jesper!AH$2:AH$366,ROUNDDOWN($C5522/24,0)+1,1))-1)+IF('Standard Profiles'!$G$18=$B$10,7,0)+IF('Standard Profiles'!$G$18=$B$17,14,0)+IF('Standard Profiles'!$G$18=$B$24,21,0),MOD($C5522,24)+1)/SUM(INDEX($D$3:$AA$30,INDEX(Jesper!$R$2:$R$366,ROW(INDEX(Jesper!AH$2:AH$366,ROUNDDOWN($C5522/24,0)+1,1))-1)+IF('Standard Profiles'!$G$18=$B$10,7,0)+IF('Standard Profiles'!$G$18=$B$17,14,0)+IF('Standard Profiles'!$G$18=$B$24,21,0),0)),0)</f>
        <v>11.922806047948322</v>
      </c>
      <c r="E5522" cm="1">
        <f t="array" ref="E5522">IFERROR(INDEX(Jesper!AI$2:AI$366,ROUNDDOWN($C5522/24,0)+1,1)*INDEX($D$3:$AA$30,INDEX(Jesper!$R$2:$R$366,ROW(INDEX(Jesper!AI$2:AI$366,ROUNDDOWN($C5522/24,0)+1,1))-1)+IF('Standard Profiles'!$G$19=$B$10,7,0)+IF('Standard Profiles'!$G$19=$B$17,14,0)+IF('Standard Profiles'!$G$19=$B$24,21,0),MOD($C5522,24)+1)/SUM(INDEX($D$3:$AA$30,INDEX(Jesper!$R$2:$R$366,ROW(INDEX(Jesper!AI$2:AI$366,ROUNDDOWN($C5522/24,0)+1,1))-1)+IF('Standard Profiles'!$G$19=$B$10,7,0)+IF('Standard Profiles'!$G$19=$B$17,14,0)+IF('Standard Profiles'!$G$19=$B$24,21,0),0)),0)</f>
        <v>0</v>
      </c>
      <c r="F5522" cm="1">
        <f t="array" ref="F5522">IFERROR(INDEX(Jesper!AJ$2:AJ$366,ROUNDDOWN($C5522/24,0)+1,1)*INDEX($D$3:$AA$30,INDEX(Jesper!$R$2:$R$366,ROW(INDEX(Jesper!AJ$2:AJ$366,ROUNDDOWN($C5522/24,0)+1,1))-1)+IF('Standard Profiles'!$G$20=$B$10,7,0)+IF('Standard Profiles'!$G$20=$B$17,14,0)+IF('Standard Profiles'!$G$20=$B$24,21,0),MOD($C5522,24)+1)/SUM(INDEX($D$3:$AA$30,INDEX(Jesper!$R$2:$R$366,ROW(INDEX(Jesper!AJ$2:AJ$366,ROUNDDOWN($C5522/24,0)+1,1))-1)+IF('Standard Profiles'!$G$20=$B$10,7,0)+IF('Standard Profiles'!$G$20=$B$17,14,0)+IF('Standard Profiles'!$G$20=$B$24,21,0),0)),0)</f>
        <v>0</v>
      </c>
      <c r="G5522" cm="1">
        <f t="array" ref="G5522">IFERROR(INDEX(Jesper!AK$2:AK$366,ROUNDDOWN($C5522/24,0)+1,1)*INDEX($D$3:$AA$30,INDEX(Jesper!$R$2:$R$366,ROW(INDEX(Jesper!AK$2:AK$366,ROUNDDOWN($C5522/24,0)+1,1))-1)+IF('Standard Profiles'!$G$21=$B$10,7,0)+IF('Standard Profiles'!$G$21=$B$17,14,0)+IF('Standard Profiles'!$G$21=$B$24,21,0),MOD($C5522,24)+1)/SUM(INDEX($D$3:$AA$30,INDEX(Jesper!$R$2:$R$366,ROW(INDEX(Jesper!AK$2:AK$366,ROUNDDOWN($C5522/24,0)+1,1))-1)+IF('Standard Profiles'!$G$21=$B$10,7,0)+IF('Standard Profiles'!$G$21=$B$17,14,0)+IF('Standard Profiles'!$G$21=$B$24,21,0),0)),0)</f>
        <v>0</v>
      </c>
      <c r="H5522" cm="1">
        <f t="array" ref="H5522">IFERROR(INDEX(Jesper!AL$2:AL$366,ROUNDDOWN($C5522/24,0)+1,1)*INDEX($D$3:$AA$30,INDEX(Jesper!$R$2:$R$366,ROW(INDEX(Jesper!AL$2:AL$366,ROUNDDOWN($C5522/24,0)+1,1))-1)+IF('Standard Profiles'!$G$22=$B$10,7,0)+IF('Standard Profiles'!$G$22=$B$17,14,0)+IF('Standard Profiles'!$G$22=$B$24,21,0),MOD($C5522,24)+1)/SUM(INDEX($D$3:$AA$30,INDEX(Jesper!$R$2:$R$366,ROW(INDEX(Jesper!AL$2:AL$366,ROUNDDOWN($C5522/24,0)+1,1))-1)+IF('Standard Profiles'!$G$22=$B$10,7,0)+IF('Standard Profiles'!$G$22=$B$17,14,0)+IF('Standard Profiles'!$G$22=$B$24,21,0),0)),0)</f>
        <v>0</v>
      </c>
      <c r="I5522">
        <f t="shared" si="615"/>
        <v>0.35768418143844966</v>
      </c>
      <c r="J5522">
        <f t="shared" si="616"/>
        <v>1.1922806047948322</v>
      </c>
      <c r="K5522">
        <f t="shared" si="617"/>
        <v>1.7884209071922483</v>
      </c>
      <c r="L5522">
        <f t="shared" si="618"/>
        <v>8.5844203545227913</v>
      </c>
      <c r="M5522">
        <f t="shared" si="619"/>
        <v>0</v>
      </c>
      <c r="N5522" s="46">
        <f t="shared" si="620"/>
        <v>45520.666666653357</v>
      </c>
    </row>
    <row r="5523" spans="2:14" x14ac:dyDescent="0.3">
      <c r="B5523">
        <f t="shared" si="614"/>
        <v>5</v>
      </c>
      <c r="C5523" s="16">
        <v>5489</v>
      </c>
      <c r="D5523" cm="1">
        <f t="array" ref="D5523">IFERROR(INDEX(Jesper!AH$2:AH$366,ROUNDDOWN($C5523/24,0)+1,1)*INDEX($D$3:$AA$30,INDEX(Jesper!$R$2:$R$366,ROW(INDEX(Jesper!AH$2:AH$366,ROUNDDOWN($C5523/24,0)+1,1))-1)+IF('Standard Profiles'!$G$18=$B$10,7,0)+IF('Standard Profiles'!$G$18=$B$17,14,0)+IF('Standard Profiles'!$G$18=$B$24,21,0),MOD($C5523,24)+1)/SUM(INDEX($D$3:$AA$30,INDEX(Jesper!$R$2:$R$366,ROW(INDEX(Jesper!AH$2:AH$366,ROUNDDOWN($C5523/24,0)+1,1))-1)+IF('Standard Profiles'!$G$18=$B$10,7,0)+IF('Standard Profiles'!$G$18=$B$17,14,0)+IF('Standard Profiles'!$G$18=$B$24,21,0),0)),0)</f>
        <v>11.922806047948322</v>
      </c>
      <c r="E5523" cm="1">
        <f t="array" ref="E5523">IFERROR(INDEX(Jesper!AI$2:AI$366,ROUNDDOWN($C5523/24,0)+1,1)*INDEX($D$3:$AA$30,INDEX(Jesper!$R$2:$R$366,ROW(INDEX(Jesper!AI$2:AI$366,ROUNDDOWN($C5523/24,0)+1,1))-1)+IF('Standard Profiles'!$G$19=$B$10,7,0)+IF('Standard Profiles'!$G$19=$B$17,14,0)+IF('Standard Profiles'!$G$19=$B$24,21,0),MOD($C5523,24)+1)/SUM(INDEX($D$3:$AA$30,INDEX(Jesper!$R$2:$R$366,ROW(INDEX(Jesper!AI$2:AI$366,ROUNDDOWN($C5523/24,0)+1,1))-1)+IF('Standard Profiles'!$G$19=$B$10,7,0)+IF('Standard Profiles'!$G$19=$B$17,14,0)+IF('Standard Profiles'!$G$19=$B$24,21,0),0)),0)</f>
        <v>0</v>
      </c>
      <c r="F5523" cm="1">
        <f t="array" ref="F5523">IFERROR(INDEX(Jesper!AJ$2:AJ$366,ROUNDDOWN($C5523/24,0)+1,1)*INDEX($D$3:$AA$30,INDEX(Jesper!$R$2:$R$366,ROW(INDEX(Jesper!AJ$2:AJ$366,ROUNDDOWN($C5523/24,0)+1,1))-1)+IF('Standard Profiles'!$G$20=$B$10,7,0)+IF('Standard Profiles'!$G$20=$B$17,14,0)+IF('Standard Profiles'!$G$20=$B$24,21,0),MOD($C5523,24)+1)/SUM(INDEX($D$3:$AA$30,INDEX(Jesper!$R$2:$R$366,ROW(INDEX(Jesper!AJ$2:AJ$366,ROUNDDOWN($C5523/24,0)+1,1))-1)+IF('Standard Profiles'!$G$20=$B$10,7,0)+IF('Standard Profiles'!$G$20=$B$17,14,0)+IF('Standard Profiles'!$G$20=$B$24,21,0),0)),0)</f>
        <v>0</v>
      </c>
      <c r="G5523" cm="1">
        <f t="array" ref="G5523">IFERROR(INDEX(Jesper!AK$2:AK$366,ROUNDDOWN($C5523/24,0)+1,1)*INDEX($D$3:$AA$30,INDEX(Jesper!$R$2:$R$366,ROW(INDEX(Jesper!AK$2:AK$366,ROUNDDOWN($C5523/24,0)+1,1))-1)+IF('Standard Profiles'!$G$21=$B$10,7,0)+IF('Standard Profiles'!$G$21=$B$17,14,0)+IF('Standard Profiles'!$G$21=$B$24,21,0),MOD($C5523,24)+1)/SUM(INDEX($D$3:$AA$30,INDEX(Jesper!$R$2:$R$366,ROW(INDEX(Jesper!AK$2:AK$366,ROUNDDOWN($C5523/24,0)+1,1))-1)+IF('Standard Profiles'!$G$21=$B$10,7,0)+IF('Standard Profiles'!$G$21=$B$17,14,0)+IF('Standard Profiles'!$G$21=$B$24,21,0),0)),0)</f>
        <v>0</v>
      </c>
      <c r="H5523" cm="1">
        <f t="array" ref="H5523">IFERROR(INDEX(Jesper!AL$2:AL$366,ROUNDDOWN($C5523/24,0)+1,1)*INDEX($D$3:$AA$30,INDEX(Jesper!$R$2:$R$366,ROW(INDEX(Jesper!AL$2:AL$366,ROUNDDOWN($C5523/24,0)+1,1))-1)+IF('Standard Profiles'!$G$22=$B$10,7,0)+IF('Standard Profiles'!$G$22=$B$17,14,0)+IF('Standard Profiles'!$G$22=$B$24,21,0),MOD($C5523,24)+1)/SUM(INDEX($D$3:$AA$30,INDEX(Jesper!$R$2:$R$366,ROW(INDEX(Jesper!AL$2:AL$366,ROUNDDOWN($C5523/24,0)+1,1))-1)+IF('Standard Profiles'!$G$22=$B$10,7,0)+IF('Standard Profiles'!$G$22=$B$17,14,0)+IF('Standard Profiles'!$G$22=$B$24,21,0),0)),0)</f>
        <v>0</v>
      </c>
      <c r="I5523">
        <f t="shared" si="615"/>
        <v>0.35768418143844966</v>
      </c>
      <c r="J5523">
        <f t="shared" si="616"/>
        <v>1.1922806047948322</v>
      </c>
      <c r="K5523">
        <f t="shared" si="617"/>
        <v>1.7884209071922483</v>
      </c>
      <c r="L5523">
        <f t="shared" si="618"/>
        <v>8.5844203545227913</v>
      </c>
      <c r="M5523">
        <f t="shared" si="619"/>
        <v>0</v>
      </c>
      <c r="N5523" s="46">
        <f t="shared" si="620"/>
        <v>45520.708333320021</v>
      </c>
    </row>
    <row r="5524" spans="2:14" x14ac:dyDescent="0.3">
      <c r="B5524">
        <f t="shared" si="614"/>
        <v>5</v>
      </c>
      <c r="C5524" s="16">
        <v>5490</v>
      </c>
      <c r="D5524" cm="1">
        <f t="array" ref="D5524">IFERROR(INDEX(Jesper!AH$2:AH$366,ROUNDDOWN($C5524/24,0)+1,1)*INDEX($D$3:$AA$30,INDEX(Jesper!$R$2:$R$366,ROW(INDEX(Jesper!AH$2:AH$366,ROUNDDOWN($C5524/24,0)+1,1))-1)+IF('Standard Profiles'!$G$18=$B$10,7,0)+IF('Standard Profiles'!$G$18=$B$17,14,0)+IF('Standard Profiles'!$G$18=$B$24,21,0),MOD($C5524,24)+1)/SUM(INDEX($D$3:$AA$30,INDEX(Jesper!$R$2:$R$366,ROW(INDEX(Jesper!AH$2:AH$366,ROUNDDOWN($C5524/24,0)+1,1))-1)+IF('Standard Profiles'!$G$18=$B$10,7,0)+IF('Standard Profiles'!$G$18=$B$17,14,0)+IF('Standard Profiles'!$G$18=$B$24,21,0),0)),0)</f>
        <v>11.922806047948322</v>
      </c>
      <c r="E5524" cm="1">
        <f t="array" ref="E5524">IFERROR(INDEX(Jesper!AI$2:AI$366,ROUNDDOWN($C5524/24,0)+1,1)*INDEX($D$3:$AA$30,INDEX(Jesper!$R$2:$R$366,ROW(INDEX(Jesper!AI$2:AI$366,ROUNDDOWN($C5524/24,0)+1,1))-1)+IF('Standard Profiles'!$G$19=$B$10,7,0)+IF('Standard Profiles'!$G$19=$B$17,14,0)+IF('Standard Profiles'!$G$19=$B$24,21,0),MOD($C5524,24)+1)/SUM(INDEX($D$3:$AA$30,INDEX(Jesper!$R$2:$R$366,ROW(INDEX(Jesper!AI$2:AI$366,ROUNDDOWN($C5524/24,0)+1,1))-1)+IF('Standard Profiles'!$G$19=$B$10,7,0)+IF('Standard Profiles'!$G$19=$B$17,14,0)+IF('Standard Profiles'!$G$19=$B$24,21,0),0)),0)</f>
        <v>0</v>
      </c>
      <c r="F5524" cm="1">
        <f t="array" ref="F5524">IFERROR(INDEX(Jesper!AJ$2:AJ$366,ROUNDDOWN($C5524/24,0)+1,1)*INDEX($D$3:$AA$30,INDEX(Jesper!$R$2:$R$366,ROW(INDEX(Jesper!AJ$2:AJ$366,ROUNDDOWN($C5524/24,0)+1,1))-1)+IF('Standard Profiles'!$G$20=$B$10,7,0)+IF('Standard Profiles'!$G$20=$B$17,14,0)+IF('Standard Profiles'!$G$20=$B$24,21,0),MOD($C5524,24)+1)/SUM(INDEX($D$3:$AA$30,INDEX(Jesper!$R$2:$R$366,ROW(INDEX(Jesper!AJ$2:AJ$366,ROUNDDOWN($C5524/24,0)+1,1))-1)+IF('Standard Profiles'!$G$20=$B$10,7,0)+IF('Standard Profiles'!$G$20=$B$17,14,0)+IF('Standard Profiles'!$G$20=$B$24,21,0),0)),0)</f>
        <v>0</v>
      </c>
      <c r="G5524" cm="1">
        <f t="array" ref="G5524">IFERROR(INDEX(Jesper!AK$2:AK$366,ROUNDDOWN($C5524/24,0)+1,1)*INDEX($D$3:$AA$30,INDEX(Jesper!$R$2:$R$366,ROW(INDEX(Jesper!AK$2:AK$366,ROUNDDOWN($C5524/24,0)+1,1))-1)+IF('Standard Profiles'!$G$21=$B$10,7,0)+IF('Standard Profiles'!$G$21=$B$17,14,0)+IF('Standard Profiles'!$G$21=$B$24,21,0),MOD($C5524,24)+1)/SUM(INDEX($D$3:$AA$30,INDEX(Jesper!$R$2:$R$366,ROW(INDEX(Jesper!AK$2:AK$366,ROUNDDOWN($C5524/24,0)+1,1))-1)+IF('Standard Profiles'!$G$21=$B$10,7,0)+IF('Standard Profiles'!$G$21=$B$17,14,0)+IF('Standard Profiles'!$G$21=$B$24,21,0),0)),0)</f>
        <v>0</v>
      </c>
      <c r="H5524" cm="1">
        <f t="array" ref="H5524">IFERROR(INDEX(Jesper!AL$2:AL$366,ROUNDDOWN($C5524/24,0)+1,1)*INDEX($D$3:$AA$30,INDEX(Jesper!$R$2:$R$366,ROW(INDEX(Jesper!AL$2:AL$366,ROUNDDOWN($C5524/24,0)+1,1))-1)+IF('Standard Profiles'!$G$22=$B$10,7,0)+IF('Standard Profiles'!$G$22=$B$17,14,0)+IF('Standard Profiles'!$G$22=$B$24,21,0),MOD($C5524,24)+1)/SUM(INDEX($D$3:$AA$30,INDEX(Jesper!$R$2:$R$366,ROW(INDEX(Jesper!AL$2:AL$366,ROUNDDOWN($C5524/24,0)+1,1))-1)+IF('Standard Profiles'!$G$22=$B$10,7,0)+IF('Standard Profiles'!$G$22=$B$17,14,0)+IF('Standard Profiles'!$G$22=$B$24,21,0),0)),0)</f>
        <v>0</v>
      </c>
      <c r="I5524">
        <f t="shared" si="615"/>
        <v>0.35768418143844966</v>
      </c>
      <c r="J5524">
        <f t="shared" si="616"/>
        <v>1.1922806047948322</v>
      </c>
      <c r="K5524">
        <f t="shared" si="617"/>
        <v>1.7884209071922483</v>
      </c>
      <c r="L5524">
        <f t="shared" si="618"/>
        <v>8.5844203545227913</v>
      </c>
      <c r="M5524">
        <f t="shared" si="619"/>
        <v>0</v>
      </c>
      <c r="N5524" s="46">
        <f t="shared" si="620"/>
        <v>45520.749999986685</v>
      </c>
    </row>
    <row r="5525" spans="2:14" x14ac:dyDescent="0.3">
      <c r="B5525">
        <f t="shared" si="614"/>
        <v>5</v>
      </c>
      <c r="C5525" s="16">
        <v>5491</v>
      </c>
      <c r="D5525" cm="1">
        <f t="array" ref="D5525">IFERROR(INDEX(Jesper!AH$2:AH$366,ROUNDDOWN($C5525/24,0)+1,1)*INDEX($D$3:$AA$30,INDEX(Jesper!$R$2:$R$366,ROW(INDEX(Jesper!AH$2:AH$366,ROUNDDOWN($C5525/24,0)+1,1))-1)+IF('Standard Profiles'!$G$18=$B$10,7,0)+IF('Standard Profiles'!$G$18=$B$17,14,0)+IF('Standard Profiles'!$G$18=$B$24,21,0),MOD($C5525,24)+1)/SUM(INDEX($D$3:$AA$30,INDEX(Jesper!$R$2:$R$366,ROW(INDEX(Jesper!AH$2:AH$366,ROUNDDOWN($C5525/24,0)+1,1))-1)+IF('Standard Profiles'!$G$18=$B$10,7,0)+IF('Standard Profiles'!$G$18=$B$17,14,0)+IF('Standard Profiles'!$G$18=$B$24,21,0),0)),0)</f>
        <v>11.922806047948322</v>
      </c>
      <c r="E5525" cm="1">
        <f t="array" ref="E5525">IFERROR(INDEX(Jesper!AI$2:AI$366,ROUNDDOWN($C5525/24,0)+1,1)*INDEX($D$3:$AA$30,INDEX(Jesper!$R$2:$R$366,ROW(INDEX(Jesper!AI$2:AI$366,ROUNDDOWN($C5525/24,0)+1,1))-1)+IF('Standard Profiles'!$G$19=$B$10,7,0)+IF('Standard Profiles'!$G$19=$B$17,14,0)+IF('Standard Profiles'!$G$19=$B$24,21,0),MOD($C5525,24)+1)/SUM(INDEX($D$3:$AA$30,INDEX(Jesper!$R$2:$R$366,ROW(INDEX(Jesper!AI$2:AI$366,ROUNDDOWN($C5525/24,0)+1,1))-1)+IF('Standard Profiles'!$G$19=$B$10,7,0)+IF('Standard Profiles'!$G$19=$B$17,14,0)+IF('Standard Profiles'!$G$19=$B$24,21,0),0)),0)</f>
        <v>0</v>
      </c>
      <c r="F5525" cm="1">
        <f t="array" ref="F5525">IFERROR(INDEX(Jesper!AJ$2:AJ$366,ROUNDDOWN($C5525/24,0)+1,1)*INDEX($D$3:$AA$30,INDEX(Jesper!$R$2:$R$366,ROW(INDEX(Jesper!AJ$2:AJ$366,ROUNDDOWN($C5525/24,0)+1,1))-1)+IF('Standard Profiles'!$G$20=$B$10,7,0)+IF('Standard Profiles'!$G$20=$B$17,14,0)+IF('Standard Profiles'!$G$20=$B$24,21,0),MOD($C5525,24)+1)/SUM(INDEX($D$3:$AA$30,INDEX(Jesper!$R$2:$R$366,ROW(INDEX(Jesper!AJ$2:AJ$366,ROUNDDOWN($C5525/24,0)+1,1))-1)+IF('Standard Profiles'!$G$20=$B$10,7,0)+IF('Standard Profiles'!$G$20=$B$17,14,0)+IF('Standard Profiles'!$G$20=$B$24,21,0),0)),0)</f>
        <v>0</v>
      </c>
      <c r="G5525" cm="1">
        <f t="array" ref="G5525">IFERROR(INDEX(Jesper!AK$2:AK$366,ROUNDDOWN($C5525/24,0)+1,1)*INDEX($D$3:$AA$30,INDEX(Jesper!$R$2:$R$366,ROW(INDEX(Jesper!AK$2:AK$366,ROUNDDOWN($C5525/24,0)+1,1))-1)+IF('Standard Profiles'!$G$21=$B$10,7,0)+IF('Standard Profiles'!$G$21=$B$17,14,0)+IF('Standard Profiles'!$G$21=$B$24,21,0),MOD($C5525,24)+1)/SUM(INDEX($D$3:$AA$30,INDEX(Jesper!$R$2:$R$366,ROW(INDEX(Jesper!AK$2:AK$366,ROUNDDOWN($C5525/24,0)+1,1))-1)+IF('Standard Profiles'!$G$21=$B$10,7,0)+IF('Standard Profiles'!$G$21=$B$17,14,0)+IF('Standard Profiles'!$G$21=$B$24,21,0),0)),0)</f>
        <v>0</v>
      </c>
      <c r="H5525" cm="1">
        <f t="array" ref="H5525">IFERROR(INDEX(Jesper!AL$2:AL$366,ROUNDDOWN($C5525/24,0)+1,1)*INDEX($D$3:$AA$30,INDEX(Jesper!$R$2:$R$366,ROW(INDEX(Jesper!AL$2:AL$366,ROUNDDOWN($C5525/24,0)+1,1))-1)+IF('Standard Profiles'!$G$22=$B$10,7,0)+IF('Standard Profiles'!$G$22=$B$17,14,0)+IF('Standard Profiles'!$G$22=$B$24,21,0),MOD($C5525,24)+1)/SUM(INDEX($D$3:$AA$30,INDEX(Jesper!$R$2:$R$366,ROW(INDEX(Jesper!AL$2:AL$366,ROUNDDOWN($C5525/24,0)+1,1))-1)+IF('Standard Profiles'!$G$22=$B$10,7,0)+IF('Standard Profiles'!$G$22=$B$17,14,0)+IF('Standard Profiles'!$G$22=$B$24,21,0),0)),0)</f>
        <v>0</v>
      </c>
      <c r="I5525">
        <f t="shared" si="615"/>
        <v>0.35768418143844966</v>
      </c>
      <c r="J5525">
        <f t="shared" si="616"/>
        <v>1.1922806047948322</v>
      </c>
      <c r="K5525">
        <f t="shared" si="617"/>
        <v>1.7884209071922483</v>
      </c>
      <c r="L5525">
        <f t="shared" si="618"/>
        <v>8.5844203545227913</v>
      </c>
      <c r="M5525">
        <f t="shared" si="619"/>
        <v>0</v>
      </c>
      <c r="N5525" s="46">
        <f t="shared" si="620"/>
        <v>45520.791666653349</v>
      </c>
    </row>
    <row r="5526" spans="2:14" x14ac:dyDescent="0.3">
      <c r="B5526">
        <f t="shared" si="614"/>
        <v>5</v>
      </c>
      <c r="C5526" s="16">
        <v>5492</v>
      </c>
      <c r="D5526" cm="1">
        <f t="array" ref="D5526">IFERROR(INDEX(Jesper!AH$2:AH$366,ROUNDDOWN($C5526/24,0)+1,1)*INDEX($D$3:$AA$30,INDEX(Jesper!$R$2:$R$366,ROW(INDEX(Jesper!AH$2:AH$366,ROUNDDOWN($C5526/24,0)+1,1))-1)+IF('Standard Profiles'!$G$18=$B$10,7,0)+IF('Standard Profiles'!$G$18=$B$17,14,0)+IF('Standard Profiles'!$G$18=$B$24,21,0),MOD($C5526,24)+1)/SUM(INDEX($D$3:$AA$30,INDEX(Jesper!$R$2:$R$366,ROW(INDEX(Jesper!AH$2:AH$366,ROUNDDOWN($C5526/24,0)+1,1))-1)+IF('Standard Profiles'!$G$18=$B$10,7,0)+IF('Standard Profiles'!$G$18=$B$17,14,0)+IF('Standard Profiles'!$G$18=$B$24,21,0),0)),0)</f>
        <v>9.2359765160163043</v>
      </c>
      <c r="E5526" cm="1">
        <f t="array" ref="E5526">IFERROR(INDEX(Jesper!AI$2:AI$366,ROUNDDOWN($C5526/24,0)+1,1)*INDEX($D$3:$AA$30,INDEX(Jesper!$R$2:$R$366,ROW(INDEX(Jesper!AI$2:AI$366,ROUNDDOWN($C5526/24,0)+1,1))-1)+IF('Standard Profiles'!$G$19=$B$10,7,0)+IF('Standard Profiles'!$G$19=$B$17,14,0)+IF('Standard Profiles'!$G$19=$B$24,21,0),MOD($C5526,24)+1)/SUM(INDEX($D$3:$AA$30,INDEX(Jesper!$R$2:$R$366,ROW(INDEX(Jesper!AI$2:AI$366,ROUNDDOWN($C5526/24,0)+1,1))-1)+IF('Standard Profiles'!$G$19=$B$10,7,0)+IF('Standard Profiles'!$G$19=$B$17,14,0)+IF('Standard Profiles'!$G$19=$B$24,21,0),0)),0)</f>
        <v>0</v>
      </c>
      <c r="F5526" cm="1">
        <f t="array" ref="F5526">IFERROR(INDEX(Jesper!AJ$2:AJ$366,ROUNDDOWN($C5526/24,0)+1,1)*INDEX($D$3:$AA$30,INDEX(Jesper!$R$2:$R$366,ROW(INDEX(Jesper!AJ$2:AJ$366,ROUNDDOWN($C5526/24,0)+1,1))-1)+IF('Standard Profiles'!$G$20=$B$10,7,0)+IF('Standard Profiles'!$G$20=$B$17,14,0)+IF('Standard Profiles'!$G$20=$B$24,21,0),MOD($C5526,24)+1)/SUM(INDEX($D$3:$AA$30,INDEX(Jesper!$R$2:$R$366,ROW(INDEX(Jesper!AJ$2:AJ$366,ROUNDDOWN($C5526/24,0)+1,1))-1)+IF('Standard Profiles'!$G$20=$B$10,7,0)+IF('Standard Profiles'!$G$20=$B$17,14,0)+IF('Standard Profiles'!$G$20=$B$24,21,0),0)),0)</f>
        <v>0</v>
      </c>
      <c r="G5526" cm="1">
        <f t="array" ref="G5526">IFERROR(INDEX(Jesper!AK$2:AK$366,ROUNDDOWN($C5526/24,0)+1,1)*INDEX($D$3:$AA$30,INDEX(Jesper!$R$2:$R$366,ROW(INDEX(Jesper!AK$2:AK$366,ROUNDDOWN($C5526/24,0)+1,1))-1)+IF('Standard Profiles'!$G$21=$B$10,7,0)+IF('Standard Profiles'!$G$21=$B$17,14,0)+IF('Standard Profiles'!$G$21=$B$24,21,0),MOD($C5526,24)+1)/SUM(INDEX($D$3:$AA$30,INDEX(Jesper!$R$2:$R$366,ROW(INDEX(Jesper!AK$2:AK$366,ROUNDDOWN($C5526/24,0)+1,1))-1)+IF('Standard Profiles'!$G$21=$B$10,7,0)+IF('Standard Profiles'!$G$21=$B$17,14,0)+IF('Standard Profiles'!$G$21=$B$24,21,0),0)),0)</f>
        <v>0</v>
      </c>
      <c r="H5526" cm="1">
        <f t="array" ref="H5526">IFERROR(INDEX(Jesper!AL$2:AL$366,ROUNDDOWN($C5526/24,0)+1,1)*INDEX($D$3:$AA$30,INDEX(Jesper!$R$2:$R$366,ROW(INDEX(Jesper!AL$2:AL$366,ROUNDDOWN($C5526/24,0)+1,1))-1)+IF('Standard Profiles'!$G$22=$B$10,7,0)+IF('Standard Profiles'!$G$22=$B$17,14,0)+IF('Standard Profiles'!$G$22=$B$24,21,0),MOD($C5526,24)+1)/SUM(INDEX($D$3:$AA$30,INDEX(Jesper!$R$2:$R$366,ROW(INDEX(Jesper!AL$2:AL$366,ROUNDDOWN($C5526/24,0)+1,1))-1)+IF('Standard Profiles'!$G$22=$B$10,7,0)+IF('Standard Profiles'!$G$22=$B$17,14,0)+IF('Standard Profiles'!$G$22=$B$24,21,0),0)),0)</f>
        <v>0</v>
      </c>
      <c r="I5526">
        <f t="shared" si="615"/>
        <v>0.2770792954804891</v>
      </c>
      <c r="J5526">
        <f t="shared" si="616"/>
        <v>0.92359765160163043</v>
      </c>
      <c r="K5526">
        <f t="shared" si="617"/>
        <v>1.3853964774024456</v>
      </c>
      <c r="L5526">
        <f t="shared" si="618"/>
        <v>6.6499030915317388</v>
      </c>
      <c r="M5526">
        <f t="shared" si="619"/>
        <v>0</v>
      </c>
      <c r="N5526" s="46">
        <f t="shared" si="620"/>
        <v>45520.833333320013</v>
      </c>
    </row>
    <row r="5527" spans="2:14" x14ac:dyDescent="0.3">
      <c r="B5527">
        <f t="shared" si="614"/>
        <v>5</v>
      </c>
      <c r="C5527" s="16">
        <v>5493</v>
      </c>
      <c r="D5527" cm="1">
        <f t="array" ref="D5527">IFERROR(INDEX(Jesper!AH$2:AH$366,ROUNDDOWN($C5527/24,0)+1,1)*INDEX($D$3:$AA$30,INDEX(Jesper!$R$2:$R$366,ROW(INDEX(Jesper!AH$2:AH$366,ROUNDDOWN($C5527/24,0)+1,1))-1)+IF('Standard Profiles'!$G$18=$B$10,7,0)+IF('Standard Profiles'!$G$18=$B$17,14,0)+IF('Standard Profiles'!$G$18=$B$24,21,0),MOD($C5527,24)+1)/SUM(INDEX($D$3:$AA$30,INDEX(Jesper!$R$2:$R$366,ROW(INDEX(Jesper!AH$2:AH$366,ROUNDDOWN($C5527/24,0)+1,1))-1)+IF('Standard Profiles'!$G$18=$B$10,7,0)+IF('Standard Profiles'!$G$18=$B$17,14,0)+IF('Standard Profiles'!$G$18=$B$24,21,0),0)),0)</f>
        <v>3.5264637606607714</v>
      </c>
      <c r="E5527" cm="1">
        <f t="array" ref="E5527">IFERROR(INDEX(Jesper!AI$2:AI$366,ROUNDDOWN($C5527/24,0)+1,1)*INDEX($D$3:$AA$30,INDEX(Jesper!$R$2:$R$366,ROW(INDEX(Jesper!AI$2:AI$366,ROUNDDOWN($C5527/24,0)+1,1))-1)+IF('Standard Profiles'!$G$19=$B$10,7,0)+IF('Standard Profiles'!$G$19=$B$17,14,0)+IF('Standard Profiles'!$G$19=$B$24,21,0),MOD($C5527,24)+1)/SUM(INDEX($D$3:$AA$30,INDEX(Jesper!$R$2:$R$366,ROW(INDEX(Jesper!AI$2:AI$366,ROUNDDOWN($C5527/24,0)+1,1))-1)+IF('Standard Profiles'!$G$19=$B$10,7,0)+IF('Standard Profiles'!$G$19=$B$17,14,0)+IF('Standard Profiles'!$G$19=$B$24,21,0),0)),0)</f>
        <v>0</v>
      </c>
      <c r="F5527" cm="1">
        <f t="array" ref="F5527">IFERROR(INDEX(Jesper!AJ$2:AJ$366,ROUNDDOWN($C5527/24,0)+1,1)*INDEX($D$3:$AA$30,INDEX(Jesper!$R$2:$R$366,ROW(INDEX(Jesper!AJ$2:AJ$366,ROUNDDOWN($C5527/24,0)+1,1))-1)+IF('Standard Profiles'!$G$20=$B$10,7,0)+IF('Standard Profiles'!$G$20=$B$17,14,0)+IF('Standard Profiles'!$G$20=$B$24,21,0),MOD($C5527,24)+1)/SUM(INDEX($D$3:$AA$30,INDEX(Jesper!$R$2:$R$366,ROW(INDEX(Jesper!AJ$2:AJ$366,ROUNDDOWN($C5527/24,0)+1,1))-1)+IF('Standard Profiles'!$G$20=$B$10,7,0)+IF('Standard Profiles'!$G$20=$B$17,14,0)+IF('Standard Profiles'!$G$20=$B$24,21,0),0)),0)</f>
        <v>0</v>
      </c>
      <c r="G5527" cm="1">
        <f t="array" ref="G5527">IFERROR(INDEX(Jesper!AK$2:AK$366,ROUNDDOWN($C5527/24,0)+1,1)*INDEX($D$3:$AA$30,INDEX(Jesper!$R$2:$R$366,ROW(INDEX(Jesper!AK$2:AK$366,ROUNDDOWN($C5527/24,0)+1,1))-1)+IF('Standard Profiles'!$G$21=$B$10,7,0)+IF('Standard Profiles'!$G$21=$B$17,14,0)+IF('Standard Profiles'!$G$21=$B$24,21,0),MOD($C5527,24)+1)/SUM(INDEX($D$3:$AA$30,INDEX(Jesper!$R$2:$R$366,ROW(INDEX(Jesper!AK$2:AK$366,ROUNDDOWN($C5527/24,0)+1,1))-1)+IF('Standard Profiles'!$G$21=$B$10,7,0)+IF('Standard Profiles'!$G$21=$B$17,14,0)+IF('Standard Profiles'!$G$21=$B$24,21,0),0)),0)</f>
        <v>0</v>
      </c>
      <c r="H5527" cm="1">
        <f t="array" ref="H5527">IFERROR(INDEX(Jesper!AL$2:AL$366,ROUNDDOWN($C5527/24,0)+1,1)*INDEX($D$3:$AA$30,INDEX(Jesper!$R$2:$R$366,ROW(INDEX(Jesper!AL$2:AL$366,ROUNDDOWN($C5527/24,0)+1,1))-1)+IF('Standard Profiles'!$G$22=$B$10,7,0)+IF('Standard Profiles'!$G$22=$B$17,14,0)+IF('Standard Profiles'!$G$22=$B$24,21,0),MOD($C5527,24)+1)/SUM(INDEX($D$3:$AA$30,INDEX(Jesper!$R$2:$R$366,ROW(INDEX(Jesper!AL$2:AL$366,ROUNDDOWN($C5527/24,0)+1,1))-1)+IF('Standard Profiles'!$G$22=$B$10,7,0)+IF('Standard Profiles'!$G$22=$B$17,14,0)+IF('Standard Profiles'!$G$22=$B$24,21,0),0)),0)</f>
        <v>0</v>
      </c>
      <c r="I5527">
        <f t="shared" si="615"/>
        <v>0.10579391281982314</v>
      </c>
      <c r="J5527">
        <f t="shared" si="616"/>
        <v>0.35264637606607718</v>
      </c>
      <c r="K5527">
        <f t="shared" si="617"/>
        <v>0.52896956409911566</v>
      </c>
      <c r="L5527">
        <f t="shared" si="618"/>
        <v>2.5390539076757555</v>
      </c>
      <c r="M5527">
        <f t="shared" si="619"/>
        <v>0</v>
      </c>
      <c r="N5527" s="46">
        <f t="shared" si="620"/>
        <v>45520.874999986678</v>
      </c>
    </row>
    <row r="5528" spans="2:14" x14ac:dyDescent="0.3">
      <c r="B5528">
        <f t="shared" si="614"/>
        <v>5</v>
      </c>
      <c r="C5528" s="16">
        <v>5494</v>
      </c>
      <c r="D5528" cm="1">
        <f t="array" ref="D5528">IFERROR(INDEX(Jesper!AH$2:AH$366,ROUNDDOWN($C5528/24,0)+1,1)*INDEX($D$3:$AA$30,INDEX(Jesper!$R$2:$R$366,ROW(INDEX(Jesper!AH$2:AH$366,ROUNDDOWN($C5528/24,0)+1,1))-1)+IF('Standard Profiles'!$G$18=$B$10,7,0)+IF('Standard Profiles'!$G$18=$B$17,14,0)+IF('Standard Profiles'!$G$18=$B$24,21,0),MOD($C5528,24)+1)/SUM(INDEX($D$3:$AA$30,INDEX(Jesper!$R$2:$R$366,ROW(INDEX(Jesper!AH$2:AH$366,ROUNDDOWN($C5528/24,0)+1,1))-1)+IF('Standard Profiles'!$G$18=$B$10,7,0)+IF('Standard Profiles'!$G$18=$B$17,14,0)+IF('Standard Profiles'!$G$18=$B$24,21,0),0)),0)</f>
        <v>3.5264637606607714</v>
      </c>
      <c r="E5528" cm="1">
        <f t="array" ref="E5528">IFERROR(INDEX(Jesper!AI$2:AI$366,ROUNDDOWN($C5528/24,0)+1,1)*INDEX($D$3:$AA$30,INDEX(Jesper!$R$2:$R$366,ROW(INDEX(Jesper!AI$2:AI$366,ROUNDDOWN($C5528/24,0)+1,1))-1)+IF('Standard Profiles'!$G$19=$B$10,7,0)+IF('Standard Profiles'!$G$19=$B$17,14,0)+IF('Standard Profiles'!$G$19=$B$24,21,0),MOD($C5528,24)+1)/SUM(INDEX($D$3:$AA$30,INDEX(Jesper!$R$2:$R$366,ROW(INDEX(Jesper!AI$2:AI$366,ROUNDDOWN($C5528/24,0)+1,1))-1)+IF('Standard Profiles'!$G$19=$B$10,7,0)+IF('Standard Profiles'!$G$19=$B$17,14,0)+IF('Standard Profiles'!$G$19=$B$24,21,0),0)),0)</f>
        <v>0</v>
      </c>
      <c r="F5528" cm="1">
        <f t="array" ref="F5528">IFERROR(INDEX(Jesper!AJ$2:AJ$366,ROUNDDOWN($C5528/24,0)+1,1)*INDEX($D$3:$AA$30,INDEX(Jesper!$R$2:$R$366,ROW(INDEX(Jesper!AJ$2:AJ$366,ROUNDDOWN($C5528/24,0)+1,1))-1)+IF('Standard Profiles'!$G$20=$B$10,7,0)+IF('Standard Profiles'!$G$20=$B$17,14,0)+IF('Standard Profiles'!$G$20=$B$24,21,0),MOD($C5528,24)+1)/SUM(INDEX($D$3:$AA$30,INDEX(Jesper!$R$2:$R$366,ROW(INDEX(Jesper!AJ$2:AJ$366,ROUNDDOWN($C5528/24,0)+1,1))-1)+IF('Standard Profiles'!$G$20=$B$10,7,0)+IF('Standard Profiles'!$G$20=$B$17,14,0)+IF('Standard Profiles'!$G$20=$B$24,21,0),0)),0)</f>
        <v>0</v>
      </c>
      <c r="G5528" cm="1">
        <f t="array" ref="G5528">IFERROR(INDEX(Jesper!AK$2:AK$366,ROUNDDOWN($C5528/24,0)+1,1)*INDEX($D$3:$AA$30,INDEX(Jesper!$R$2:$R$366,ROW(INDEX(Jesper!AK$2:AK$366,ROUNDDOWN($C5528/24,0)+1,1))-1)+IF('Standard Profiles'!$G$21=$B$10,7,0)+IF('Standard Profiles'!$G$21=$B$17,14,0)+IF('Standard Profiles'!$G$21=$B$24,21,0),MOD($C5528,24)+1)/SUM(INDEX($D$3:$AA$30,INDEX(Jesper!$R$2:$R$366,ROW(INDEX(Jesper!AK$2:AK$366,ROUNDDOWN($C5528/24,0)+1,1))-1)+IF('Standard Profiles'!$G$21=$B$10,7,0)+IF('Standard Profiles'!$G$21=$B$17,14,0)+IF('Standard Profiles'!$G$21=$B$24,21,0),0)),0)</f>
        <v>0</v>
      </c>
      <c r="H5528" cm="1">
        <f t="array" ref="H5528">IFERROR(INDEX(Jesper!AL$2:AL$366,ROUNDDOWN($C5528/24,0)+1,1)*INDEX($D$3:$AA$30,INDEX(Jesper!$R$2:$R$366,ROW(INDEX(Jesper!AL$2:AL$366,ROUNDDOWN($C5528/24,0)+1,1))-1)+IF('Standard Profiles'!$G$22=$B$10,7,0)+IF('Standard Profiles'!$G$22=$B$17,14,0)+IF('Standard Profiles'!$G$22=$B$24,21,0),MOD($C5528,24)+1)/SUM(INDEX($D$3:$AA$30,INDEX(Jesper!$R$2:$R$366,ROW(INDEX(Jesper!AL$2:AL$366,ROUNDDOWN($C5528/24,0)+1,1))-1)+IF('Standard Profiles'!$G$22=$B$10,7,0)+IF('Standard Profiles'!$G$22=$B$17,14,0)+IF('Standard Profiles'!$G$22=$B$24,21,0),0)),0)</f>
        <v>0</v>
      </c>
      <c r="I5528">
        <f t="shared" si="615"/>
        <v>0.10579391281982314</v>
      </c>
      <c r="J5528">
        <f t="shared" si="616"/>
        <v>0.35264637606607718</v>
      </c>
      <c r="K5528">
        <f t="shared" si="617"/>
        <v>0.52896956409911566</v>
      </c>
      <c r="L5528">
        <f t="shared" si="618"/>
        <v>2.5390539076757555</v>
      </c>
      <c r="M5528">
        <f t="shared" si="619"/>
        <v>0</v>
      </c>
      <c r="N5528" s="46">
        <f t="shared" si="620"/>
        <v>45520.916666653342</v>
      </c>
    </row>
    <row r="5529" spans="2:14" x14ac:dyDescent="0.3">
      <c r="B5529">
        <f t="shared" si="614"/>
        <v>5</v>
      </c>
      <c r="C5529" s="16">
        <v>5495</v>
      </c>
      <c r="D5529" cm="1">
        <f t="array" ref="D5529">IFERROR(INDEX(Jesper!AH$2:AH$366,ROUNDDOWN($C5529/24,0)+1,1)*INDEX($D$3:$AA$30,INDEX(Jesper!$R$2:$R$366,ROW(INDEX(Jesper!AH$2:AH$366,ROUNDDOWN($C5529/24,0)+1,1))-1)+IF('Standard Profiles'!$G$18=$B$10,7,0)+IF('Standard Profiles'!$G$18=$B$17,14,0)+IF('Standard Profiles'!$G$18=$B$24,21,0),MOD($C5529,24)+1)/SUM(INDEX($D$3:$AA$30,INDEX(Jesper!$R$2:$R$366,ROW(INDEX(Jesper!AH$2:AH$366,ROUNDDOWN($C5529/24,0)+1,1))-1)+IF('Standard Profiles'!$G$18=$B$10,7,0)+IF('Standard Profiles'!$G$18=$B$17,14,0)+IF('Standard Profiles'!$G$18=$B$24,21,0),0)),0)</f>
        <v>3.5264637606607714</v>
      </c>
      <c r="E5529" cm="1">
        <f t="array" ref="E5529">IFERROR(INDEX(Jesper!AI$2:AI$366,ROUNDDOWN($C5529/24,0)+1,1)*INDEX($D$3:$AA$30,INDEX(Jesper!$R$2:$R$366,ROW(INDEX(Jesper!AI$2:AI$366,ROUNDDOWN($C5529/24,0)+1,1))-1)+IF('Standard Profiles'!$G$19=$B$10,7,0)+IF('Standard Profiles'!$G$19=$B$17,14,0)+IF('Standard Profiles'!$G$19=$B$24,21,0),MOD($C5529,24)+1)/SUM(INDEX($D$3:$AA$30,INDEX(Jesper!$R$2:$R$366,ROW(INDEX(Jesper!AI$2:AI$366,ROUNDDOWN($C5529/24,0)+1,1))-1)+IF('Standard Profiles'!$G$19=$B$10,7,0)+IF('Standard Profiles'!$G$19=$B$17,14,0)+IF('Standard Profiles'!$G$19=$B$24,21,0),0)),0)</f>
        <v>0</v>
      </c>
      <c r="F5529" cm="1">
        <f t="array" ref="F5529">IFERROR(INDEX(Jesper!AJ$2:AJ$366,ROUNDDOWN($C5529/24,0)+1,1)*INDEX($D$3:$AA$30,INDEX(Jesper!$R$2:$R$366,ROW(INDEX(Jesper!AJ$2:AJ$366,ROUNDDOWN($C5529/24,0)+1,1))-1)+IF('Standard Profiles'!$G$20=$B$10,7,0)+IF('Standard Profiles'!$G$20=$B$17,14,0)+IF('Standard Profiles'!$G$20=$B$24,21,0),MOD($C5529,24)+1)/SUM(INDEX($D$3:$AA$30,INDEX(Jesper!$R$2:$R$366,ROW(INDEX(Jesper!AJ$2:AJ$366,ROUNDDOWN($C5529/24,0)+1,1))-1)+IF('Standard Profiles'!$G$20=$B$10,7,0)+IF('Standard Profiles'!$G$20=$B$17,14,0)+IF('Standard Profiles'!$G$20=$B$24,21,0),0)),0)</f>
        <v>0</v>
      </c>
      <c r="G5529" cm="1">
        <f t="array" ref="G5529">IFERROR(INDEX(Jesper!AK$2:AK$366,ROUNDDOWN($C5529/24,0)+1,1)*INDEX($D$3:$AA$30,INDEX(Jesper!$R$2:$R$366,ROW(INDEX(Jesper!AK$2:AK$366,ROUNDDOWN($C5529/24,0)+1,1))-1)+IF('Standard Profiles'!$G$21=$B$10,7,0)+IF('Standard Profiles'!$G$21=$B$17,14,0)+IF('Standard Profiles'!$G$21=$B$24,21,0),MOD($C5529,24)+1)/SUM(INDEX($D$3:$AA$30,INDEX(Jesper!$R$2:$R$366,ROW(INDEX(Jesper!AK$2:AK$366,ROUNDDOWN($C5529/24,0)+1,1))-1)+IF('Standard Profiles'!$G$21=$B$10,7,0)+IF('Standard Profiles'!$G$21=$B$17,14,0)+IF('Standard Profiles'!$G$21=$B$24,21,0),0)),0)</f>
        <v>0</v>
      </c>
      <c r="H5529" cm="1">
        <f t="array" ref="H5529">IFERROR(INDEX(Jesper!AL$2:AL$366,ROUNDDOWN($C5529/24,0)+1,1)*INDEX($D$3:$AA$30,INDEX(Jesper!$R$2:$R$366,ROW(INDEX(Jesper!AL$2:AL$366,ROUNDDOWN($C5529/24,0)+1,1))-1)+IF('Standard Profiles'!$G$22=$B$10,7,0)+IF('Standard Profiles'!$G$22=$B$17,14,0)+IF('Standard Profiles'!$G$22=$B$24,21,0),MOD($C5529,24)+1)/SUM(INDEX($D$3:$AA$30,INDEX(Jesper!$R$2:$R$366,ROW(INDEX(Jesper!AL$2:AL$366,ROUNDDOWN($C5529/24,0)+1,1))-1)+IF('Standard Profiles'!$G$22=$B$10,7,0)+IF('Standard Profiles'!$G$22=$B$17,14,0)+IF('Standard Profiles'!$G$22=$B$24,21,0),0)),0)</f>
        <v>0</v>
      </c>
      <c r="I5529">
        <f t="shared" si="615"/>
        <v>0.10579391281982314</v>
      </c>
      <c r="J5529">
        <f t="shared" si="616"/>
        <v>0.35264637606607718</v>
      </c>
      <c r="K5529">
        <f t="shared" si="617"/>
        <v>0.52896956409911566</v>
      </c>
      <c r="L5529">
        <f t="shared" si="618"/>
        <v>2.5390539076757555</v>
      </c>
      <c r="M5529">
        <f t="shared" si="619"/>
        <v>0</v>
      </c>
      <c r="N5529" s="46">
        <f t="shared" si="620"/>
        <v>45520.958333320006</v>
      </c>
    </row>
    <row r="5530" spans="2:14" x14ac:dyDescent="0.3">
      <c r="B5530">
        <f t="shared" si="614"/>
        <v>6</v>
      </c>
      <c r="C5530" s="16">
        <v>5496</v>
      </c>
      <c r="D5530" cm="1">
        <f t="array" ref="D5530">IFERROR(INDEX(Jesper!AH$2:AH$366,ROUNDDOWN($C5530/24,0)+1,1)*INDEX($D$3:$AA$30,INDEX(Jesper!$R$2:$R$366,ROW(INDEX(Jesper!AH$2:AH$366,ROUNDDOWN($C5530/24,0)+1,1))-1)+IF('Standard Profiles'!$G$18=$B$10,7,0)+IF('Standard Profiles'!$G$18=$B$17,14,0)+IF('Standard Profiles'!$G$18=$B$24,21,0),MOD($C5530,24)+1)/SUM(INDEX($D$3:$AA$30,INDEX(Jesper!$R$2:$R$366,ROW(INDEX(Jesper!AH$2:AH$366,ROUNDDOWN($C5530/24,0)+1,1))-1)+IF('Standard Profiles'!$G$18=$B$10,7,0)+IF('Standard Profiles'!$G$18=$B$17,14,0)+IF('Standard Profiles'!$G$18=$B$24,21,0),0)),0)</f>
        <v>3.2329807296980757</v>
      </c>
      <c r="E5530" cm="1">
        <f t="array" ref="E5530">IFERROR(INDEX(Jesper!AI$2:AI$366,ROUNDDOWN($C5530/24,0)+1,1)*INDEX($D$3:$AA$30,INDEX(Jesper!$R$2:$R$366,ROW(INDEX(Jesper!AI$2:AI$366,ROUNDDOWN($C5530/24,0)+1,1))-1)+IF('Standard Profiles'!$G$19=$B$10,7,0)+IF('Standard Profiles'!$G$19=$B$17,14,0)+IF('Standard Profiles'!$G$19=$B$24,21,0),MOD($C5530,24)+1)/SUM(INDEX($D$3:$AA$30,INDEX(Jesper!$R$2:$R$366,ROW(INDEX(Jesper!AI$2:AI$366,ROUNDDOWN($C5530/24,0)+1,1))-1)+IF('Standard Profiles'!$G$19=$B$10,7,0)+IF('Standard Profiles'!$G$19=$B$17,14,0)+IF('Standard Profiles'!$G$19=$B$24,21,0),0)),0)</f>
        <v>0.45017656793110739</v>
      </c>
      <c r="F5530" cm="1">
        <f t="array" ref="F5530">IFERROR(INDEX(Jesper!AJ$2:AJ$366,ROUNDDOWN($C5530/24,0)+1,1)*INDEX($D$3:$AA$30,INDEX(Jesper!$R$2:$R$366,ROW(INDEX(Jesper!AJ$2:AJ$366,ROUNDDOWN($C5530/24,0)+1,1))-1)+IF('Standard Profiles'!$G$20=$B$10,7,0)+IF('Standard Profiles'!$G$20=$B$17,14,0)+IF('Standard Profiles'!$G$20=$B$24,21,0),MOD($C5530,24)+1)/SUM(INDEX($D$3:$AA$30,INDEX(Jesper!$R$2:$R$366,ROW(INDEX(Jesper!AJ$2:AJ$366,ROUNDDOWN($C5530/24,0)+1,1))-1)+IF('Standard Profiles'!$G$20=$B$10,7,0)+IF('Standard Profiles'!$G$20=$B$17,14,0)+IF('Standard Profiles'!$G$20=$B$24,21,0),0)),0)</f>
        <v>0</v>
      </c>
      <c r="G5530" cm="1">
        <f t="array" ref="G5530">IFERROR(INDEX(Jesper!AK$2:AK$366,ROUNDDOWN($C5530/24,0)+1,1)*INDEX($D$3:$AA$30,INDEX(Jesper!$R$2:$R$366,ROW(INDEX(Jesper!AK$2:AK$366,ROUNDDOWN($C5530/24,0)+1,1))-1)+IF('Standard Profiles'!$G$21=$B$10,7,0)+IF('Standard Profiles'!$G$21=$B$17,14,0)+IF('Standard Profiles'!$G$21=$B$24,21,0),MOD($C5530,24)+1)/SUM(INDEX($D$3:$AA$30,INDEX(Jesper!$R$2:$R$366,ROW(INDEX(Jesper!AK$2:AK$366,ROUNDDOWN($C5530/24,0)+1,1))-1)+IF('Standard Profiles'!$G$21=$B$10,7,0)+IF('Standard Profiles'!$G$21=$B$17,14,0)+IF('Standard Profiles'!$G$21=$B$24,21,0),0)),0)</f>
        <v>0</v>
      </c>
      <c r="H5530" cm="1">
        <f t="array" ref="H5530">IFERROR(INDEX(Jesper!AL$2:AL$366,ROUNDDOWN($C5530/24,0)+1,1)*INDEX($D$3:$AA$30,INDEX(Jesper!$R$2:$R$366,ROW(INDEX(Jesper!AL$2:AL$366,ROUNDDOWN($C5530/24,0)+1,1))-1)+IF('Standard Profiles'!$G$22=$B$10,7,0)+IF('Standard Profiles'!$G$22=$B$17,14,0)+IF('Standard Profiles'!$G$22=$B$24,21,0),MOD($C5530,24)+1)/SUM(INDEX($D$3:$AA$30,INDEX(Jesper!$R$2:$R$366,ROW(INDEX(Jesper!AL$2:AL$366,ROUNDDOWN($C5530/24,0)+1,1))-1)+IF('Standard Profiles'!$G$22=$B$10,7,0)+IF('Standard Profiles'!$G$22=$B$17,14,0)+IF('Standard Profiles'!$G$22=$B$24,21,0),0)),0)</f>
        <v>0</v>
      </c>
      <c r="I5530">
        <f t="shared" si="615"/>
        <v>4.0556447561361036E-2</v>
      </c>
      <c r="J5530">
        <f t="shared" si="616"/>
        <v>0.13518815853787014</v>
      </c>
      <c r="K5530">
        <f t="shared" si="617"/>
        <v>0.20278223780680521</v>
      </c>
      <c r="L5530">
        <f t="shared" si="618"/>
        <v>3.3046304537231466</v>
      </c>
      <c r="M5530">
        <f t="shared" si="619"/>
        <v>0</v>
      </c>
      <c r="N5530" s="46">
        <f t="shared" si="620"/>
        <v>45520.99999998667</v>
      </c>
    </row>
    <row r="5531" spans="2:14" x14ac:dyDescent="0.3">
      <c r="B5531">
        <f t="shared" si="614"/>
        <v>6</v>
      </c>
      <c r="C5531" s="16">
        <v>5497</v>
      </c>
      <c r="D5531" cm="1">
        <f t="array" ref="D5531">IFERROR(INDEX(Jesper!AH$2:AH$366,ROUNDDOWN($C5531/24,0)+1,1)*INDEX($D$3:$AA$30,INDEX(Jesper!$R$2:$R$366,ROW(INDEX(Jesper!AH$2:AH$366,ROUNDDOWN($C5531/24,0)+1,1))-1)+IF('Standard Profiles'!$G$18=$B$10,7,0)+IF('Standard Profiles'!$G$18=$B$17,14,0)+IF('Standard Profiles'!$G$18=$B$24,21,0),MOD($C5531,24)+1)/SUM(INDEX($D$3:$AA$30,INDEX(Jesper!$R$2:$R$366,ROW(INDEX(Jesper!AH$2:AH$366,ROUNDDOWN($C5531/24,0)+1,1))-1)+IF('Standard Profiles'!$G$18=$B$10,7,0)+IF('Standard Profiles'!$G$18=$B$17,14,0)+IF('Standard Profiles'!$G$18=$B$24,21,0),0)),0)</f>
        <v>6.3120099960771965</v>
      </c>
      <c r="E5531" cm="1">
        <f t="array" ref="E5531">IFERROR(INDEX(Jesper!AI$2:AI$366,ROUNDDOWN($C5531/24,0)+1,1)*INDEX($D$3:$AA$30,INDEX(Jesper!$R$2:$R$366,ROW(INDEX(Jesper!AI$2:AI$366,ROUNDDOWN($C5531/24,0)+1,1))-1)+IF('Standard Profiles'!$G$19=$B$10,7,0)+IF('Standard Profiles'!$G$19=$B$17,14,0)+IF('Standard Profiles'!$G$19=$B$24,21,0),MOD($C5531,24)+1)/SUM(INDEX($D$3:$AA$30,INDEX(Jesper!$R$2:$R$366,ROW(INDEX(Jesper!AI$2:AI$366,ROUNDDOWN($C5531/24,0)+1,1))-1)+IF('Standard Profiles'!$G$19=$B$10,7,0)+IF('Standard Profiles'!$G$19=$B$17,14,0)+IF('Standard Profiles'!$G$19=$B$24,21,0),0)),0)</f>
        <v>0.878916156436924</v>
      </c>
      <c r="F5531" cm="1">
        <f t="array" ref="F5531">IFERROR(INDEX(Jesper!AJ$2:AJ$366,ROUNDDOWN($C5531/24,0)+1,1)*INDEX($D$3:$AA$30,INDEX(Jesper!$R$2:$R$366,ROW(INDEX(Jesper!AJ$2:AJ$366,ROUNDDOWN($C5531/24,0)+1,1))-1)+IF('Standard Profiles'!$G$20=$B$10,7,0)+IF('Standard Profiles'!$G$20=$B$17,14,0)+IF('Standard Profiles'!$G$20=$B$24,21,0),MOD($C5531,24)+1)/SUM(INDEX($D$3:$AA$30,INDEX(Jesper!$R$2:$R$366,ROW(INDEX(Jesper!AJ$2:AJ$366,ROUNDDOWN($C5531/24,0)+1,1))-1)+IF('Standard Profiles'!$G$20=$B$10,7,0)+IF('Standard Profiles'!$G$20=$B$17,14,0)+IF('Standard Profiles'!$G$20=$B$24,21,0),0)),0)</f>
        <v>0</v>
      </c>
      <c r="G5531" cm="1">
        <f t="array" ref="G5531">IFERROR(INDEX(Jesper!AK$2:AK$366,ROUNDDOWN($C5531/24,0)+1,1)*INDEX($D$3:$AA$30,INDEX(Jesper!$R$2:$R$366,ROW(INDEX(Jesper!AK$2:AK$366,ROUNDDOWN($C5531/24,0)+1,1))-1)+IF('Standard Profiles'!$G$21=$B$10,7,0)+IF('Standard Profiles'!$G$21=$B$17,14,0)+IF('Standard Profiles'!$G$21=$B$24,21,0),MOD($C5531,24)+1)/SUM(INDEX($D$3:$AA$30,INDEX(Jesper!$R$2:$R$366,ROW(INDEX(Jesper!AK$2:AK$366,ROUNDDOWN($C5531/24,0)+1,1))-1)+IF('Standard Profiles'!$G$21=$B$10,7,0)+IF('Standard Profiles'!$G$21=$B$17,14,0)+IF('Standard Profiles'!$G$21=$B$24,21,0),0)),0)</f>
        <v>0</v>
      </c>
      <c r="H5531" cm="1">
        <f t="array" ref="H5531">IFERROR(INDEX(Jesper!AL$2:AL$366,ROUNDDOWN($C5531/24,0)+1,1)*INDEX($D$3:$AA$30,INDEX(Jesper!$R$2:$R$366,ROW(INDEX(Jesper!AL$2:AL$366,ROUNDDOWN($C5531/24,0)+1,1))-1)+IF('Standard Profiles'!$G$22=$B$10,7,0)+IF('Standard Profiles'!$G$22=$B$17,14,0)+IF('Standard Profiles'!$G$22=$B$24,21,0),MOD($C5531,24)+1)/SUM(INDEX($D$3:$AA$30,INDEX(Jesper!$R$2:$R$366,ROW(INDEX(Jesper!AL$2:AL$366,ROUNDDOWN($C5531/24,0)+1,1))-1)+IF('Standard Profiles'!$G$22=$B$10,7,0)+IF('Standard Profiles'!$G$22=$B$17,14,0)+IF('Standard Profiles'!$G$22=$B$24,21,0),0)),0)</f>
        <v>0</v>
      </c>
      <c r="I5531">
        <f t="shared" si="615"/>
        <v>7.9181635715038223E-2</v>
      </c>
      <c r="J5531">
        <f t="shared" si="616"/>
        <v>0.26393878571679408</v>
      </c>
      <c r="K5531">
        <f t="shared" si="617"/>
        <v>0.39590817857519112</v>
      </c>
      <c r="L5531">
        <f t="shared" si="618"/>
        <v>6.4518975525070967</v>
      </c>
      <c r="M5531">
        <f t="shared" si="619"/>
        <v>0</v>
      </c>
      <c r="N5531" s="46">
        <f t="shared" si="620"/>
        <v>45521.041666653335</v>
      </c>
    </row>
    <row r="5532" spans="2:14" x14ac:dyDescent="0.3">
      <c r="B5532">
        <f t="shared" si="614"/>
        <v>6</v>
      </c>
      <c r="C5532" s="16">
        <v>5498</v>
      </c>
      <c r="D5532" cm="1">
        <f t="array" ref="D5532">IFERROR(INDEX(Jesper!AH$2:AH$366,ROUNDDOWN($C5532/24,0)+1,1)*INDEX($D$3:$AA$30,INDEX(Jesper!$R$2:$R$366,ROW(INDEX(Jesper!AH$2:AH$366,ROUNDDOWN($C5532/24,0)+1,1))-1)+IF('Standard Profiles'!$G$18=$B$10,7,0)+IF('Standard Profiles'!$G$18=$B$17,14,0)+IF('Standard Profiles'!$G$18=$B$24,21,0),MOD($C5532,24)+1)/SUM(INDEX($D$3:$AA$30,INDEX(Jesper!$R$2:$R$366,ROW(INDEX(Jesper!AH$2:AH$366,ROUNDDOWN($C5532/24,0)+1,1))-1)+IF('Standard Profiles'!$G$18=$B$10,7,0)+IF('Standard Profiles'!$G$18=$B$17,14,0)+IF('Standard Profiles'!$G$18=$B$24,21,0),0)),0)</f>
        <v>6.3120099960771965</v>
      </c>
      <c r="E5532" cm="1">
        <f t="array" ref="E5532">IFERROR(INDEX(Jesper!AI$2:AI$366,ROUNDDOWN($C5532/24,0)+1,1)*INDEX($D$3:$AA$30,INDEX(Jesper!$R$2:$R$366,ROW(INDEX(Jesper!AI$2:AI$366,ROUNDDOWN($C5532/24,0)+1,1))-1)+IF('Standard Profiles'!$G$19=$B$10,7,0)+IF('Standard Profiles'!$G$19=$B$17,14,0)+IF('Standard Profiles'!$G$19=$B$24,21,0),MOD($C5532,24)+1)/SUM(INDEX($D$3:$AA$30,INDEX(Jesper!$R$2:$R$366,ROW(INDEX(Jesper!AI$2:AI$366,ROUNDDOWN($C5532/24,0)+1,1))-1)+IF('Standard Profiles'!$G$19=$B$10,7,0)+IF('Standard Profiles'!$G$19=$B$17,14,0)+IF('Standard Profiles'!$G$19=$B$24,21,0),0)),0)</f>
        <v>0.878916156436924</v>
      </c>
      <c r="F5532" cm="1">
        <f t="array" ref="F5532">IFERROR(INDEX(Jesper!AJ$2:AJ$366,ROUNDDOWN($C5532/24,0)+1,1)*INDEX($D$3:$AA$30,INDEX(Jesper!$R$2:$R$366,ROW(INDEX(Jesper!AJ$2:AJ$366,ROUNDDOWN($C5532/24,0)+1,1))-1)+IF('Standard Profiles'!$G$20=$B$10,7,0)+IF('Standard Profiles'!$G$20=$B$17,14,0)+IF('Standard Profiles'!$G$20=$B$24,21,0),MOD($C5532,24)+1)/SUM(INDEX($D$3:$AA$30,INDEX(Jesper!$R$2:$R$366,ROW(INDEX(Jesper!AJ$2:AJ$366,ROUNDDOWN($C5532/24,0)+1,1))-1)+IF('Standard Profiles'!$G$20=$B$10,7,0)+IF('Standard Profiles'!$G$20=$B$17,14,0)+IF('Standard Profiles'!$G$20=$B$24,21,0),0)),0)</f>
        <v>0</v>
      </c>
      <c r="G5532" cm="1">
        <f t="array" ref="G5532">IFERROR(INDEX(Jesper!AK$2:AK$366,ROUNDDOWN($C5532/24,0)+1,1)*INDEX($D$3:$AA$30,INDEX(Jesper!$R$2:$R$366,ROW(INDEX(Jesper!AK$2:AK$366,ROUNDDOWN($C5532/24,0)+1,1))-1)+IF('Standard Profiles'!$G$21=$B$10,7,0)+IF('Standard Profiles'!$G$21=$B$17,14,0)+IF('Standard Profiles'!$G$21=$B$24,21,0),MOD($C5532,24)+1)/SUM(INDEX($D$3:$AA$30,INDEX(Jesper!$R$2:$R$366,ROW(INDEX(Jesper!AK$2:AK$366,ROUNDDOWN($C5532/24,0)+1,1))-1)+IF('Standard Profiles'!$G$21=$B$10,7,0)+IF('Standard Profiles'!$G$21=$B$17,14,0)+IF('Standard Profiles'!$G$21=$B$24,21,0),0)),0)</f>
        <v>0</v>
      </c>
      <c r="H5532" cm="1">
        <f t="array" ref="H5532">IFERROR(INDEX(Jesper!AL$2:AL$366,ROUNDDOWN($C5532/24,0)+1,1)*INDEX($D$3:$AA$30,INDEX(Jesper!$R$2:$R$366,ROW(INDEX(Jesper!AL$2:AL$366,ROUNDDOWN($C5532/24,0)+1,1))-1)+IF('Standard Profiles'!$G$22=$B$10,7,0)+IF('Standard Profiles'!$G$22=$B$17,14,0)+IF('Standard Profiles'!$G$22=$B$24,21,0),MOD($C5532,24)+1)/SUM(INDEX($D$3:$AA$30,INDEX(Jesper!$R$2:$R$366,ROW(INDEX(Jesper!AL$2:AL$366,ROUNDDOWN($C5532/24,0)+1,1))-1)+IF('Standard Profiles'!$G$22=$B$10,7,0)+IF('Standard Profiles'!$G$22=$B$17,14,0)+IF('Standard Profiles'!$G$22=$B$24,21,0),0)),0)</f>
        <v>0</v>
      </c>
      <c r="I5532">
        <f t="shared" si="615"/>
        <v>7.9181635715038223E-2</v>
      </c>
      <c r="J5532">
        <f t="shared" si="616"/>
        <v>0.26393878571679408</v>
      </c>
      <c r="K5532">
        <f t="shared" si="617"/>
        <v>0.39590817857519112</v>
      </c>
      <c r="L5532">
        <f t="shared" si="618"/>
        <v>6.4518975525070967</v>
      </c>
      <c r="M5532">
        <f t="shared" si="619"/>
        <v>0</v>
      </c>
      <c r="N5532" s="46">
        <f t="shared" si="620"/>
        <v>45521.083333319999</v>
      </c>
    </row>
    <row r="5533" spans="2:14" x14ac:dyDescent="0.3">
      <c r="B5533">
        <f t="shared" si="614"/>
        <v>6</v>
      </c>
      <c r="C5533" s="16">
        <v>5499</v>
      </c>
      <c r="D5533" cm="1">
        <f t="array" ref="D5533">IFERROR(INDEX(Jesper!AH$2:AH$366,ROUNDDOWN($C5533/24,0)+1,1)*INDEX($D$3:$AA$30,INDEX(Jesper!$R$2:$R$366,ROW(INDEX(Jesper!AH$2:AH$366,ROUNDDOWN($C5533/24,0)+1,1))-1)+IF('Standard Profiles'!$G$18=$B$10,7,0)+IF('Standard Profiles'!$G$18=$B$17,14,0)+IF('Standard Profiles'!$G$18=$B$24,21,0),MOD($C5533,24)+1)/SUM(INDEX($D$3:$AA$30,INDEX(Jesper!$R$2:$R$366,ROW(INDEX(Jesper!AH$2:AH$366,ROUNDDOWN($C5533/24,0)+1,1))-1)+IF('Standard Profiles'!$G$18=$B$10,7,0)+IF('Standard Profiles'!$G$18=$B$17,14,0)+IF('Standard Profiles'!$G$18=$B$24,21,0),0)),0)</f>
        <v>6.3120099960771965</v>
      </c>
      <c r="E5533" cm="1">
        <f t="array" ref="E5533">IFERROR(INDEX(Jesper!AI$2:AI$366,ROUNDDOWN($C5533/24,0)+1,1)*INDEX($D$3:$AA$30,INDEX(Jesper!$R$2:$R$366,ROW(INDEX(Jesper!AI$2:AI$366,ROUNDDOWN($C5533/24,0)+1,1))-1)+IF('Standard Profiles'!$G$19=$B$10,7,0)+IF('Standard Profiles'!$G$19=$B$17,14,0)+IF('Standard Profiles'!$G$19=$B$24,21,0),MOD($C5533,24)+1)/SUM(INDEX($D$3:$AA$30,INDEX(Jesper!$R$2:$R$366,ROW(INDEX(Jesper!AI$2:AI$366,ROUNDDOWN($C5533/24,0)+1,1))-1)+IF('Standard Profiles'!$G$19=$B$10,7,0)+IF('Standard Profiles'!$G$19=$B$17,14,0)+IF('Standard Profiles'!$G$19=$B$24,21,0),0)),0)</f>
        <v>0.878916156436924</v>
      </c>
      <c r="F5533" cm="1">
        <f t="array" ref="F5533">IFERROR(INDEX(Jesper!AJ$2:AJ$366,ROUNDDOWN($C5533/24,0)+1,1)*INDEX($D$3:$AA$30,INDEX(Jesper!$R$2:$R$366,ROW(INDEX(Jesper!AJ$2:AJ$366,ROUNDDOWN($C5533/24,0)+1,1))-1)+IF('Standard Profiles'!$G$20=$B$10,7,0)+IF('Standard Profiles'!$G$20=$B$17,14,0)+IF('Standard Profiles'!$G$20=$B$24,21,0),MOD($C5533,24)+1)/SUM(INDEX($D$3:$AA$30,INDEX(Jesper!$R$2:$R$366,ROW(INDEX(Jesper!AJ$2:AJ$366,ROUNDDOWN($C5533/24,0)+1,1))-1)+IF('Standard Profiles'!$G$20=$B$10,7,0)+IF('Standard Profiles'!$G$20=$B$17,14,0)+IF('Standard Profiles'!$G$20=$B$24,21,0),0)),0)</f>
        <v>0</v>
      </c>
      <c r="G5533" cm="1">
        <f t="array" ref="G5533">IFERROR(INDEX(Jesper!AK$2:AK$366,ROUNDDOWN($C5533/24,0)+1,1)*INDEX($D$3:$AA$30,INDEX(Jesper!$R$2:$R$366,ROW(INDEX(Jesper!AK$2:AK$366,ROUNDDOWN($C5533/24,0)+1,1))-1)+IF('Standard Profiles'!$G$21=$B$10,7,0)+IF('Standard Profiles'!$G$21=$B$17,14,0)+IF('Standard Profiles'!$G$21=$B$24,21,0),MOD($C5533,24)+1)/SUM(INDEX($D$3:$AA$30,INDEX(Jesper!$R$2:$R$366,ROW(INDEX(Jesper!AK$2:AK$366,ROUNDDOWN($C5533/24,0)+1,1))-1)+IF('Standard Profiles'!$G$21=$B$10,7,0)+IF('Standard Profiles'!$G$21=$B$17,14,0)+IF('Standard Profiles'!$G$21=$B$24,21,0),0)),0)</f>
        <v>0</v>
      </c>
      <c r="H5533" cm="1">
        <f t="array" ref="H5533">IFERROR(INDEX(Jesper!AL$2:AL$366,ROUNDDOWN($C5533/24,0)+1,1)*INDEX($D$3:$AA$30,INDEX(Jesper!$R$2:$R$366,ROW(INDEX(Jesper!AL$2:AL$366,ROUNDDOWN($C5533/24,0)+1,1))-1)+IF('Standard Profiles'!$G$22=$B$10,7,0)+IF('Standard Profiles'!$G$22=$B$17,14,0)+IF('Standard Profiles'!$G$22=$B$24,21,0),MOD($C5533,24)+1)/SUM(INDEX($D$3:$AA$30,INDEX(Jesper!$R$2:$R$366,ROW(INDEX(Jesper!AL$2:AL$366,ROUNDDOWN($C5533/24,0)+1,1))-1)+IF('Standard Profiles'!$G$22=$B$10,7,0)+IF('Standard Profiles'!$G$22=$B$17,14,0)+IF('Standard Profiles'!$G$22=$B$24,21,0),0)),0)</f>
        <v>0</v>
      </c>
      <c r="I5533">
        <f t="shared" si="615"/>
        <v>7.9181635715038223E-2</v>
      </c>
      <c r="J5533">
        <f t="shared" si="616"/>
        <v>0.26393878571679408</v>
      </c>
      <c r="K5533">
        <f t="shared" si="617"/>
        <v>0.39590817857519112</v>
      </c>
      <c r="L5533">
        <f t="shared" si="618"/>
        <v>6.4518975525070967</v>
      </c>
      <c r="M5533">
        <f t="shared" si="619"/>
        <v>0</v>
      </c>
      <c r="N5533" s="46">
        <f t="shared" si="620"/>
        <v>45521.124999986663</v>
      </c>
    </row>
    <row r="5534" spans="2:14" x14ac:dyDescent="0.3">
      <c r="B5534">
        <f t="shared" si="614"/>
        <v>6</v>
      </c>
      <c r="C5534" s="16">
        <v>5500</v>
      </c>
      <c r="D5534" cm="1">
        <f t="array" ref="D5534">IFERROR(INDEX(Jesper!AH$2:AH$366,ROUNDDOWN($C5534/24,0)+1,1)*INDEX($D$3:$AA$30,INDEX(Jesper!$R$2:$R$366,ROW(INDEX(Jesper!AH$2:AH$366,ROUNDDOWN($C5534/24,0)+1,1))-1)+IF('Standard Profiles'!$G$18=$B$10,7,0)+IF('Standard Profiles'!$G$18=$B$17,14,0)+IF('Standard Profiles'!$G$18=$B$24,21,0),MOD($C5534,24)+1)/SUM(INDEX($D$3:$AA$30,INDEX(Jesper!$R$2:$R$366,ROW(INDEX(Jesper!AH$2:AH$366,ROUNDDOWN($C5534/24,0)+1,1))-1)+IF('Standard Profiles'!$G$18=$B$10,7,0)+IF('Standard Profiles'!$G$18=$B$17,14,0)+IF('Standard Profiles'!$G$18=$B$24,21,0),0)),0)</f>
        <v>6.3120099960771965</v>
      </c>
      <c r="E5534" cm="1">
        <f t="array" ref="E5534">IFERROR(INDEX(Jesper!AI$2:AI$366,ROUNDDOWN($C5534/24,0)+1,1)*INDEX($D$3:$AA$30,INDEX(Jesper!$R$2:$R$366,ROW(INDEX(Jesper!AI$2:AI$366,ROUNDDOWN($C5534/24,0)+1,1))-1)+IF('Standard Profiles'!$G$19=$B$10,7,0)+IF('Standard Profiles'!$G$19=$B$17,14,0)+IF('Standard Profiles'!$G$19=$B$24,21,0),MOD($C5534,24)+1)/SUM(INDEX($D$3:$AA$30,INDEX(Jesper!$R$2:$R$366,ROW(INDEX(Jesper!AI$2:AI$366,ROUNDDOWN($C5534/24,0)+1,1))-1)+IF('Standard Profiles'!$G$19=$B$10,7,0)+IF('Standard Profiles'!$G$19=$B$17,14,0)+IF('Standard Profiles'!$G$19=$B$24,21,0),0)),0)</f>
        <v>0.878916156436924</v>
      </c>
      <c r="F5534" cm="1">
        <f t="array" ref="F5534">IFERROR(INDEX(Jesper!AJ$2:AJ$366,ROUNDDOWN($C5534/24,0)+1,1)*INDEX($D$3:$AA$30,INDEX(Jesper!$R$2:$R$366,ROW(INDEX(Jesper!AJ$2:AJ$366,ROUNDDOWN($C5534/24,0)+1,1))-1)+IF('Standard Profiles'!$G$20=$B$10,7,0)+IF('Standard Profiles'!$G$20=$B$17,14,0)+IF('Standard Profiles'!$G$20=$B$24,21,0),MOD($C5534,24)+1)/SUM(INDEX($D$3:$AA$30,INDEX(Jesper!$R$2:$R$366,ROW(INDEX(Jesper!AJ$2:AJ$366,ROUNDDOWN($C5534/24,0)+1,1))-1)+IF('Standard Profiles'!$G$20=$B$10,7,0)+IF('Standard Profiles'!$G$20=$B$17,14,0)+IF('Standard Profiles'!$G$20=$B$24,21,0),0)),0)</f>
        <v>0</v>
      </c>
      <c r="G5534" cm="1">
        <f t="array" ref="G5534">IFERROR(INDEX(Jesper!AK$2:AK$366,ROUNDDOWN($C5534/24,0)+1,1)*INDEX($D$3:$AA$30,INDEX(Jesper!$R$2:$R$366,ROW(INDEX(Jesper!AK$2:AK$366,ROUNDDOWN($C5534/24,0)+1,1))-1)+IF('Standard Profiles'!$G$21=$B$10,7,0)+IF('Standard Profiles'!$G$21=$B$17,14,0)+IF('Standard Profiles'!$G$21=$B$24,21,0),MOD($C5534,24)+1)/SUM(INDEX($D$3:$AA$30,INDEX(Jesper!$R$2:$R$366,ROW(INDEX(Jesper!AK$2:AK$366,ROUNDDOWN($C5534/24,0)+1,1))-1)+IF('Standard Profiles'!$G$21=$B$10,7,0)+IF('Standard Profiles'!$G$21=$B$17,14,0)+IF('Standard Profiles'!$G$21=$B$24,21,0),0)),0)</f>
        <v>0</v>
      </c>
      <c r="H5534" cm="1">
        <f t="array" ref="H5534">IFERROR(INDEX(Jesper!AL$2:AL$366,ROUNDDOWN($C5534/24,0)+1,1)*INDEX($D$3:$AA$30,INDEX(Jesper!$R$2:$R$366,ROW(INDEX(Jesper!AL$2:AL$366,ROUNDDOWN($C5534/24,0)+1,1))-1)+IF('Standard Profiles'!$G$22=$B$10,7,0)+IF('Standard Profiles'!$G$22=$B$17,14,0)+IF('Standard Profiles'!$G$22=$B$24,21,0),MOD($C5534,24)+1)/SUM(INDEX($D$3:$AA$30,INDEX(Jesper!$R$2:$R$366,ROW(INDEX(Jesper!AL$2:AL$366,ROUNDDOWN($C5534/24,0)+1,1))-1)+IF('Standard Profiles'!$G$22=$B$10,7,0)+IF('Standard Profiles'!$G$22=$B$17,14,0)+IF('Standard Profiles'!$G$22=$B$24,21,0),0)),0)</f>
        <v>0</v>
      </c>
      <c r="I5534">
        <f t="shared" si="615"/>
        <v>7.9181635715038223E-2</v>
      </c>
      <c r="J5534">
        <f t="shared" si="616"/>
        <v>0.26393878571679408</v>
      </c>
      <c r="K5534">
        <f t="shared" si="617"/>
        <v>0.39590817857519112</v>
      </c>
      <c r="L5534">
        <f t="shared" si="618"/>
        <v>6.4518975525070967</v>
      </c>
      <c r="M5534">
        <f t="shared" si="619"/>
        <v>0</v>
      </c>
      <c r="N5534" s="46">
        <f t="shared" si="620"/>
        <v>45521.166666653327</v>
      </c>
    </row>
    <row r="5535" spans="2:14" x14ac:dyDescent="0.3">
      <c r="B5535">
        <f t="shared" si="614"/>
        <v>6</v>
      </c>
      <c r="C5535" s="16">
        <v>5501</v>
      </c>
      <c r="D5535" cm="1">
        <f t="array" ref="D5535">IFERROR(INDEX(Jesper!AH$2:AH$366,ROUNDDOWN($C5535/24,0)+1,1)*INDEX($D$3:$AA$30,INDEX(Jesper!$R$2:$R$366,ROW(INDEX(Jesper!AH$2:AH$366,ROUNDDOWN($C5535/24,0)+1,1))-1)+IF('Standard Profiles'!$G$18=$B$10,7,0)+IF('Standard Profiles'!$G$18=$B$17,14,0)+IF('Standard Profiles'!$G$18=$B$24,21,0),MOD($C5535,24)+1)/SUM(INDEX($D$3:$AA$30,INDEX(Jesper!$R$2:$R$366,ROW(INDEX(Jesper!AH$2:AH$366,ROUNDDOWN($C5535/24,0)+1,1))-1)+IF('Standard Profiles'!$G$18=$B$10,7,0)+IF('Standard Profiles'!$G$18=$B$17,14,0)+IF('Standard Profiles'!$G$18=$B$24,21,0),0)),0)</f>
        <v>7.8515246292667564</v>
      </c>
      <c r="E5535" cm="1">
        <f t="array" ref="E5535">IFERROR(INDEX(Jesper!AI$2:AI$366,ROUNDDOWN($C5535/24,0)+1,1)*INDEX($D$3:$AA$30,INDEX(Jesper!$R$2:$R$366,ROW(INDEX(Jesper!AI$2:AI$366,ROUNDDOWN($C5535/24,0)+1,1))-1)+IF('Standard Profiles'!$G$19=$B$10,7,0)+IF('Standard Profiles'!$G$19=$B$17,14,0)+IF('Standard Profiles'!$G$19=$B$24,21,0),MOD($C5535,24)+1)/SUM(INDEX($D$3:$AA$30,INDEX(Jesper!$R$2:$R$366,ROW(INDEX(Jesper!AI$2:AI$366,ROUNDDOWN($C5535/24,0)+1,1))-1)+IF('Standard Profiles'!$G$19=$B$10,7,0)+IF('Standard Profiles'!$G$19=$B$17,14,0)+IF('Standard Profiles'!$G$19=$B$24,21,0),0)),0)</f>
        <v>1.0932859506898325</v>
      </c>
      <c r="F5535" cm="1">
        <f t="array" ref="F5535">IFERROR(INDEX(Jesper!AJ$2:AJ$366,ROUNDDOWN($C5535/24,0)+1,1)*INDEX($D$3:$AA$30,INDEX(Jesper!$R$2:$R$366,ROW(INDEX(Jesper!AJ$2:AJ$366,ROUNDDOWN($C5535/24,0)+1,1))-1)+IF('Standard Profiles'!$G$20=$B$10,7,0)+IF('Standard Profiles'!$G$20=$B$17,14,0)+IF('Standard Profiles'!$G$20=$B$24,21,0),MOD($C5535,24)+1)/SUM(INDEX($D$3:$AA$30,INDEX(Jesper!$R$2:$R$366,ROW(INDEX(Jesper!AJ$2:AJ$366,ROUNDDOWN($C5535/24,0)+1,1))-1)+IF('Standard Profiles'!$G$20=$B$10,7,0)+IF('Standard Profiles'!$G$20=$B$17,14,0)+IF('Standard Profiles'!$G$20=$B$24,21,0),0)),0)</f>
        <v>0</v>
      </c>
      <c r="G5535" cm="1">
        <f t="array" ref="G5535">IFERROR(INDEX(Jesper!AK$2:AK$366,ROUNDDOWN($C5535/24,0)+1,1)*INDEX($D$3:$AA$30,INDEX(Jesper!$R$2:$R$366,ROW(INDEX(Jesper!AK$2:AK$366,ROUNDDOWN($C5535/24,0)+1,1))-1)+IF('Standard Profiles'!$G$21=$B$10,7,0)+IF('Standard Profiles'!$G$21=$B$17,14,0)+IF('Standard Profiles'!$G$21=$B$24,21,0),MOD($C5535,24)+1)/SUM(INDEX($D$3:$AA$30,INDEX(Jesper!$R$2:$R$366,ROW(INDEX(Jesper!AK$2:AK$366,ROUNDDOWN($C5535/24,0)+1,1))-1)+IF('Standard Profiles'!$G$21=$B$10,7,0)+IF('Standard Profiles'!$G$21=$B$17,14,0)+IF('Standard Profiles'!$G$21=$B$24,21,0),0)),0)</f>
        <v>0</v>
      </c>
      <c r="H5535" cm="1">
        <f t="array" ref="H5535">IFERROR(INDEX(Jesper!AL$2:AL$366,ROUNDDOWN($C5535/24,0)+1,1)*INDEX($D$3:$AA$30,INDEX(Jesper!$R$2:$R$366,ROW(INDEX(Jesper!AL$2:AL$366,ROUNDDOWN($C5535/24,0)+1,1))-1)+IF('Standard Profiles'!$G$22=$B$10,7,0)+IF('Standard Profiles'!$G$22=$B$17,14,0)+IF('Standard Profiles'!$G$22=$B$24,21,0),MOD($C5535,24)+1)/SUM(INDEX($D$3:$AA$30,INDEX(Jesper!$R$2:$R$366,ROW(INDEX(Jesper!AL$2:AL$366,ROUNDDOWN($C5535/24,0)+1,1))-1)+IF('Standard Profiles'!$G$22=$B$10,7,0)+IF('Standard Profiles'!$G$22=$B$17,14,0)+IF('Standard Profiles'!$G$22=$B$24,21,0),0)),0)</f>
        <v>0</v>
      </c>
      <c r="I5535">
        <f t="shared" si="615"/>
        <v>9.8494229791876831E-2</v>
      </c>
      <c r="J5535">
        <f t="shared" si="616"/>
        <v>0.3283140993062561</v>
      </c>
      <c r="K5535">
        <f t="shared" si="617"/>
        <v>0.49247114895938421</v>
      </c>
      <c r="L5535">
        <f t="shared" si="618"/>
        <v>8.0255311018990714</v>
      </c>
      <c r="M5535">
        <f t="shared" si="619"/>
        <v>0</v>
      </c>
      <c r="N5535" s="46">
        <f t="shared" si="620"/>
        <v>45521.208333319992</v>
      </c>
    </row>
    <row r="5536" spans="2:14" x14ac:dyDescent="0.3">
      <c r="B5536">
        <f t="shared" si="614"/>
        <v>6</v>
      </c>
      <c r="C5536" s="16">
        <v>5502</v>
      </c>
      <c r="D5536" cm="1">
        <f t="array" ref="D5536">IFERROR(INDEX(Jesper!AH$2:AH$366,ROUNDDOWN($C5536/24,0)+1,1)*INDEX($D$3:$AA$30,INDEX(Jesper!$R$2:$R$366,ROW(INDEX(Jesper!AH$2:AH$366,ROUNDDOWN($C5536/24,0)+1,1))-1)+IF('Standard Profiles'!$G$18=$B$10,7,0)+IF('Standard Profiles'!$G$18=$B$17,14,0)+IF('Standard Profiles'!$G$18=$B$24,21,0),MOD($C5536,24)+1)/SUM(INDEX($D$3:$AA$30,INDEX(Jesper!$R$2:$R$366,ROW(INDEX(Jesper!AH$2:AH$366,ROUNDDOWN($C5536/24,0)+1,1))-1)+IF('Standard Profiles'!$G$18=$B$10,7,0)+IF('Standard Profiles'!$G$18=$B$17,14,0)+IF('Standard Profiles'!$G$18=$B$24,21,0),0)),0)</f>
        <v>9.8528936524131829</v>
      </c>
      <c r="E5536" cm="1">
        <f t="array" ref="E5536">IFERROR(INDEX(Jesper!AI$2:AI$366,ROUNDDOWN($C5536/24,0)+1,1)*INDEX($D$3:$AA$30,INDEX(Jesper!$R$2:$R$366,ROW(INDEX(Jesper!AI$2:AI$366,ROUNDDOWN($C5536/24,0)+1,1))-1)+IF('Standard Profiles'!$G$19=$B$10,7,0)+IF('Standard Profiles'!$G$19=$B$17,14,0)+IF('Standard Profiles'!$G$19=$B$24,21,0),MOD($C5536,24)+1)/SUM(INDEX($D$3:$AA$30,INDEX(Jesper!$R$2:$R$366,ROW(INDEX(Jesper!AI$2:AI$366,ROUNDDOWN($C5536/24,0)+1,1))-1)+IF('Standard Profiles'!$G$19=$B$10,7,0)+IF('Standard Profiles'!$G$19=$B$17,14,0)+IF('Standard Profiles'!$G$19=$B$24,21,0),0)),0)</f>
        <v>1.3719666832186133</v>
      </c>
      <c r="F5536" cm="1">
        <f t="array" ref="F5536">IFERROR(INDEX(Jesper!AJ$2:AJ$366,ROUNDDOWN($C5536/24,0)+1,1)*INDEX($D$3:$AA$30,INDEX(Jesper!$R$2:$R$366,ROW(INDEX(Jesper!AJ$2:AJ$366,ROUNDDOWN($C5536/24,0)+1,1))-1)+IF('Standard Profiles'!$G$20=$B$10,7,0)+IF('Standard Profiles'!$G$20=$B$17,14,0)+IF('Standard Profiles'!$G$20=$B$24,21,0),MOD($C5536,24)+1)/SUM(INDEX($D$3:$AA$30,INDEX(Jesper!$R$2:$R$366,ROW(INDEX(Jesper!AJ$2:AJ$366,ROUNDDOWN($C5536/24,0)+1,1))-1)+IF('Standard Profiles'!$G$20=$B$10,7,0)+IF('Standard Profiles'!$G$20=$B$17,14,0)+IF('Standard Profiles'!$G$20=$B$24,21,0),0)),0)</f>
        <v>0</v>
      </c>
      <c r="G5536" cm="1">
        <f t="array" ref="G5536">IFERROR(INDEX(Jesper!AK$2:AK$366,ROUNDDOWN($C5536/24,0)+1,1)*INDEX($D$3:$AA$30,INDEX(Jesper!$R$2:$R$366,ROW(INDEX(Jesper!AK$2:AK$366,ROUNDDOWN($C5536/24,0)+1,1))-1)+IF('Standard Profiles'!$G$21=$B$10,7,0)+IF('Standard Profiles'!$G$21=$B$17,14,0)+IF('Standard Profiles'!$G$21=$B$24,21,0),MOD($C5536,24)+1)/SUM(INDEX($D$3:$AA$30,INDEX(Jesper!$R$2:$R$366,ROW(INDEX(Jesper!AK$2:AK$366,ROUNDDOWN($C5536/24,0)+1,1))-1)+IF('Standard Profiles'!$G$21=$B$10,7,0)+IF('Standard Profiles'!$G$21=$B$17,14,0)+IF('Standard Profiles'!$G$21=$B$24,21,0),0)),0)</f>
        <v>0</v>
      </c>
      <c r="H5536" cm="1">
        <f t="array" ref="H5536">IFERROR(INDEX(Jesper!AL$2:AL$366,ROUNDDOWN($C5536/24,0)+1,1)*INDEX($D$3:$AA$30,INDEX(Jesper!$R$2:$R$366,ROW(INDEX(Jesper!AL$2:AL$366,ROUNDDOWN($C5536/24,0)+1,1))-1)+IF('Standard Profiles'!$G$22=$B$10,7,0)+IF('Standard Profiles'!$G$22=$B$17,14,0)+IF('Standard Profiles'!$G$22=$B$24,21,0),MOD($C5536,24)+1)/SUM(INDEX($D$3:$AA$30,INDEX(Jesper!$R$2:$R$366,ROW(INDEX(Jesper!AL$2:AL$366,ROUNDDOWN($C5536/24,0)+1,1))-1)+IF('Standard Profiles'!$G$22=$B$10,7,0)+IF('Standard Profiles'!$G$22=$B$17,14,0)+IF('Standard Profiles'!$G$22=$B$24,21,0),0)),0)</f>
        <v>0</v>
      </c>
      <c r="I5536">
        <f t="shared" si="615"/>
        <v>0.12360060209176699</v>
      </c>
      <c r="J5536">
        <f t="shared" si="616"/>
        <v>0.41200200697255668</v>
      </c>
      <c r="K5536">
        <f t="shared" si="617"/>
        <v>0.61800301045883499</v>
      </c>
      <c r="L5536">
        <f t="shared" si="618"/>
        <v>10.071254716108637</v>
      </c>
      <c r="M5536">
        <f t="shared" si="619"/>
        <v>0</v>
      </c>
      <c r="N5536" s="46">
        <f t="shared" si="620"/>
        <v>45521.249999986656</v>
      </c>
    </row>
    <row r="5537" spans="2:14" x14ac:dyDescent="0.3">
      <c r="B5537">
        <f t="shared" si="614"/>
        <v>6</v>
      </c>
      <c r="C5537" s="16">
        <v>5503</v>
      </c>
      <c r="D5537" cm="1">
        <f t="array" ref="D5537">IFERROR(INDEX(Jesper!AH$2:AH$366,ROUNDDOWN($C5537/24,0)+1,1)*INDEX($D$3:$AA$30,INDEX(Jesper!$R$2:$R$366,ROW(INDEX(Jesper!AH$2:AH$366,ROUNDDOWN($C5537/24,0)+1,1))-1)+IF('Standard Profiles'!$G$18=$B$10,7,0)+IF('Standard Profiles'!$G$18=$B$17,14,0)+IF('Standard Profiles'!$G$18=$B$24,21,0),MOD($C5537,24)+1)/SUM(INDEX($D$3:$AA$30,INDEX(Jesper!$R$2:$R$366,ROW(INDEX(Jesper!AH$2:AH$366,ROUNDDOWN($C5537/24,0)+1,1))-1)+IF('Standard Profiles'!$G$18=$B$10,7,0)+IF('Standard Profiles'!$G$18=$B$17,14,0)+IF('Standard Profiles'!$G$18=$B$24,21,0),0)),0)</f>
        <v>11.238456822283787</v>
      </c>
      <c r="E5537" cm="1">
        <f t="array" ref="E5537">IFERROR(INDEX(Jesper!AI$2:AI$366,ROUNDDOWN($C5537/24,0)+1,1)*INDEX($D$3:$AA$30,INDEX(Jesper!$R$2:$R$366,ROW(INDEX(Jesper!AI$2:AI$366,ROUNDDOWN($C5537/24,0)+1,1))-1)+IF('Standard Profiles'!$G$19=$B$10,7,0)+IF('Standard Profiles'!$G$19=$B$17,14,0)+IF('Standard Profiles'!$G$19=$B$24,21,0),MOD($C5537,24)+1)/SUM(INDEX($D$3:$AA$30,INDEX(Jesper!$R$2:$R$366,ROW(INDEX(Jesper!AI$2:AI$366,ROUNDDOWN($C5537/24,0)+1,1))-1)+IF('Standard Profiles'!$G$19=$B$10,7,0)+IF('Standard Profiles'!$G$19=$B$17,14,0)+IF('Standard Profiles'!$G$19=$B$24,21,0),0)),0)</f>
        <v>1.5648994980462307</v>
      </c>
      <c r="F5537" cm="1">
        <f t="array" ref="F5537">IFERROR(INDEX(Jesper!AJ$2:AJ$366,ROUNDDOWN($C5537/24,0)+1,1)*INDEX($D$3:$AA$30,INDEX(Jesper!$R$2:$R$366,ROW(INDEX(Jesper!AJ$2:AJ$366,ROUNDDOWN($C5537/24,0)+1,1))-1)+IF('Standard Profiles'!$G$20=$B$10,7,0)+IF('Standard Profiles'!$G$20=$B$17,14,0)+IF('Standard Profiles'!$G$20=$B$24,21,0),MOD($C5537,24)+1)/SUM(INDEX($D$3:$AA$30,INDEX(Jesper!$R$2:$R$366,ROW(INDEX(Jesper!AJ$2:AJ$366,ROUNDDOWN($C5537/24,0)+1,1))-1)+IF('Standard Profiles'!$G$20=$B$10,7,0)+IF('Standard Profiles'!$G$20=$B$17,14,0)+IF('Standard Profiles'!$G$20=$B$24,21,0),0)),0)</f>
        <v>0</v>
      </c>
      <c r="G5537" cm="1">
        <f t="array" ref="G5537">IFERROR(INDEX(Jesper!AK$2:AK$366,ROUNDDOWN($C5537/24,0)+1,1)*INDEX($D$3:$AA$30,INDEX(Jesper!$R$2:$R$366,ROW(INDEX(Jesper!AK$2:AK$366,ROUNDDOWN($C5537/24,0)+1,1))-1)+IF('Standard Profiles'!$G$21=$B$10,7,0)+IF('Standard Profiles'!$G$21=$B$17,14,0)+IF('Standard Profiles'!$G$21=$B$24,21,0),MOD($C5537,24)+1)/SUM(INDEX($D$3:$AA$30,INDEX(Jesper!$R$2:$R$366,ROW(INDEX(Jesper!AK$2:AK$366,ROUNDDOWN($C5537/24,0)+1,1))-1)+IF('Standard Profiles'!$G$21=$B$10,7,0)+IF('Standard Profiles'!$G$21=$B$17,14,0)+IF('Standard Profiles'!$G$21=$B$24,21,0),0)),0)</f>
        <v>0</v>
      </c>
      <c r="H5537" cm="1">
        <f t="array" ref="H5537">IFERROR(INDEX(Jesper!AL$2:AL$366,ROUNDDOWN($C5537/24,0)+1,1)*INDEX($D$3:$AA$30,INDEX(Jesper!$R$2:$R$366,ROW(INDEX(Jesper!AL$2:AL$366,ROUNDDOWN($C5537/24,0)+1,1))-1)+IF('Standard Profiles'!$G$22=$B$10,7,0)+IF('Standard Profiles'!$G$22=$B$17,14,0)+IF('Standard Profiles'!$G$22=$B$24,21,0),MOD($C5537,24)+1)/SUM(INDEX($D$3:$AA$30,INDEX(Jesper!$R$2:$R$366,ROW(INDEX(Jesper!AL$2:AL$366,ROUNDDOWN($C5537/24,0)+1,1))-1)+IF('Standard Profiles'!$G$22=$B$10,7,0)+IF('Standard Profiles'!$G$22=$B$17,14,0)+IF('Standard Profiles'!$G$22=$B$24,21,0),0)),0)</f>
        <v>0</v>
      </c>
      <c r="I5537">
        <f t="shared" si="615"/>
        <v>0.14098193676092172</v>
      </c>
      <c r="J5537">
        <f t="shared" si="616"/>
        <v>0.4699397892030725</v>
      </c>
      <c r="K5537">
        <f t="shared" si="617"/>
        <v>0.70490968380460872</v>
      </c>
      <c r="L5537">
        <f t="shared" si="618"/>
        <v>11.487524910561415</v>
      </c>
      <c r="M5537">
        <f t="shared" si="619"/>
        <v>0</v>
      </c>
      <c r="N5537" s="46">
        <f t="shared" si="620"/>
        <v>45521.29166665332</v>
      </c>
    </row>
    <row r="5538" spans="2:14" x14ac:dyDescent="0.3">
      <c r="B5538">
        <f t="shared" si="614"/>
        <v>6</v>
      </c>
      <c r="C5538" s="16">
        <v>5504</v>
      </c>
      <c r="D5538" cm="1">
        <f t="array" ref="D5538">IFERROR(INDEX(Jesper!AH$2:AH$366,ROUNDDOWN($C5538/24,0)+1,1)*INDEX($D$3:$AA$30,INDEX(Jesper!$R$2:$R$366,ROW(INDEX(Jesper!AH$2:AH$366,ROUNDDOWN($C5538/24,0)+1,1))-1)+IF('Standard Profiles'!$G$18=$B$10,7,0)+IF('Standard Profiles'!$G$18=$B$17,14,0)+IF('Standard Profiles'!$G$18=$B$24,21,0),MOD($C5538,24)+1)/SUM(INDEX($D$3:$AA$30,INDEX(Jesper!$R$2:$R$366,ROW(INDEX(Jesper!AH$2:AH$366,ROUNDDOWN($C5538/24,0)+1,1))-1)+IF('Standard Profiles'!$G$18=$B$10,7,0)+IF('Standard Profiles'!$G$18=$B$17,14,0)+IF('Standard Profiles'!$G$18=$B$24,21,0),0)),0)</f>
        <v>11.238456822283787</v>
      </c>
      <c r="E5538" cm="1">
        <f t="array" ref="E5538">IFERROR(INDEX(Jesper!AI$2:AI$366,ROUNDDOWN($C5538/24,0)+1,1)*INDEX($D$3:$AA$30,INDEX(Jesper!$R$2:$R$366,ROW(INDEX(Jesper!AI$2:AI$366,ROUNDDOWN($C5538/24,0)+1,1))-1)+IF('Standard Profiles'!$G$19=$B$10,7,0)+IF('Standard Profiles'!$G$19=$B$17,14,0)+IF('Standard Profiles'!$G$19=$B$24,21,0),MOD($C5538,24)+1)/SUM(INDEX($D$3:$AA$30,INDEX(Jesper!$R$2:$R$366,ROW(INDEX(Jesper!AI$2:AI$366,ROUNDDOWN($C5538/24,0)+1,1))-1)+IF('Standard Profiles'!$G$19=$B$10,7,0)+IF('Standard Profiles'!$G$19=$B$17,14,0)+IF('Standard Profiles'!$G$19=$B$24,21,0),0)),0)</f>
        <v>1.5648994980462307</v>
      </c>
      <c r="F5538" cm="1">
        <f t="array" ref="F5538">IFERROR(INDEX(Jesper!AJ$2:AJ$366,ROUNDDOWN($C5538/24,0)+1,1)*INDEX($D$3:$AA$30,INDEX(Jesper!$R$2:$R$366,ROW(INDEX(Jesper!AJ$2:AJ$366,ROUNDDOWN($C5538/24,0)+1,1))-1)+IF('Standard Profiles'!$G$20=$B$10,7,0)+IF('Standard Profiles'!$G$20=$B$17,14,0)+IF('Standard Profiles'!$G$20=$B$24,21,0),MOD($C5538,24)+1)/SUM(INDEX($D$3:$AA$30,INDEX(Jesper!$R$2:$R$366,ROW(INDEX(Jesper!AJ$2:AJ$366,ROUNDDOWN($C5538/24,0)+1,1))-1)+IF('Standard Profiles'!$G$20=$B$10,7,0)+IF('Standard Profiles'!$G$20=$B$17,14,0)+IF('Standard Profiles'!$G$20=$B$24,21,0),0)),0)</f>
        <v>0</v>
      </c>
      <c r="G5538" cm="1">
        <f t="array" ref="G5538">IFERROR(INDEX(Jesper!AK$2:AK$366,ROUNDDOWN($C5538/24,0)+1,1)*INDEX($D$3:$AA$30,INDEX(Jesper!$R$2:$R$366,ROW(INDEX(Jesper!AK$2:AK$366,ROUNDDOWN($C5538/24,0)+1,1))-1)+IF('Standard Profiles'!$G$21=$B$10,7,0)+IF('Standard Profiles'!$G$21=$B$17,14,0)+IF('Standard Profiles'!$G$21=$B$24,21,0),MOD($C5538,24)+1)/SUM(INDEX($D$3:$AA$30,INDEX(Jesper!$R$2:$R$366,ROW(INDEX(Jesper!AK$2:AK$366,ROUNDDOWN($C5538/24,0)+1,1))-1)+IF('Standard Profiles'!$G$21=$B$10,7,0)+IF('Standard Profiles'!$G$21=$B$17,14,0)+IF('Standard Profiles'!$G$21=$B$24,21,0),0)),0)</f>
        <v>0</v>
      </c>
      <c r="H5538" cm="1">
        <f t="array" ref="H5538">IFERROR(INDEX(Jesper!AL$2:AL$366,ROUNDDOWN($C5538/24,0)+1,1)*INDEX($D$3:$AA$30,INDEX(Jesper!$R$2:$R$366,ROW(INDEX(Jesper!AL$2:AL$366,ROUNDDOWN($C5538/24,0)+1,1))-1)+IF('Standard Profiles'!$G$22=$B$10,7,0)+IF('Standard Profiles'!$G$22=$B$17,14,0)+IF('Standard Profiles'!$G$22=$B$24,21,0),MOD($C5538,24)+1)/SUM(INDEX($D$3:$AA$30,INDEX(Jesper!$R$2:$R$366,ROW(INDEX(Jesper!AL$2:AL$366,ROUNDDOWN($C5538/24,0)+1,1))-1)+IF('Standard Profiles'!$G$22=$B$10,7,0)+IF('Standard Profiles'!$G$22=$B$17,14,0)+IF('Standard Profiles'!$G$22=$B$24,21,0),0)),0)</f>
        <v>0</v>
      </c>
      <c r="I5538">
        <f t="shared" si="615"/>
        <v>0.14098193676092172</v>
      </c>
      <c r="J5538">
        <f t="shared" si="616"/>
        <v>0.4699397892030725</v>
      </c>
      <c r="K5538">
        <f t="shared" si="617"/>
        <v>0.70490968380460872</v>
      </c>
      <c r="L5538">
        <f t="shared" si="618"/>
        <v>11.487524910561415</v>
      </c>
      <c r="M5538">
        <f t="shared" si="619"/>
        <v>0</v>
      </c>
      <c r="N5538" s="46">
        <f t="shared" si="620"/>
        <v>45521.333333319984</v>
      </c>
    </row>
    <row r="5539" spans="2:14" x14ac:dyDescent="0.3">
      <c r="B5539">
        <f t="shared" ref="B5539:B5602" si="621">WEEKDAY(N5539,2)</f>
        <v>6</v>
      </c>
      <c r="C5539" s="16">
        <v>5505</v>
      </c>
      <c r="D5539" cm="1">
        <f t="array" ref="D5539">IFERROR(INDEX(Jesper!AH$2:AH$366,ROUNDDOWN($C5539/24,0)+1,1)*INDEX($D$3:$AA$30,INDEX(Jesper!$R$2:$R$366,ROW(INDEX(Jesper!AH$2:AH$366,ROUNDDOWN($C5539/24,0)+1,1))-1)+IF('Standard Profiles'!$G$18=$B$10,7,0)+IF('Standard Profiles'!$G$18=$B$17,14,0)+IF('Standard Profiles'!$G$18=$B$24,21,0),MOD($C5539,24)+1)/SUM(INDEX($D$3:$AA$30,INDEX(Jesper!$R$2:$R$366,ROW(INDEX(Jesper!AH$2:AH$366,ROUNDDOWN($C5539/24,0)+1,1))-1)+IF('Standard Profiles'!$G$18=$B$10,7,0)+IF('Standard Profiles'!$G$18=$B$17,14,0)+IF('Standard Profiles'!$G$18=$B$24,21,0),0)),0)</f>
        <v>11.238456822283787</v>
      </c>
      <c r="E5539" cm="1">
        <f t="array" ref="E5539">IFERROR(INDEX(Jesper!AI$2:AI$366,ROUNDDOWN($C5539/24,0)+1,1)*INDEX($D$3:$AA$30,INDEX(Jesper!$R$2:$R$366,ROW(INDEX(Jesper!AI$2:AI$366,ROUNDDOWN($C5539/24,0)+1,1))-1)+IF('Standard Profiles'!$G$19=$B$10,7,0)+IF('Standard Profiles'!$G$19=$B$17,14,0)+IF('Standard Profiles'!$G$19=$B$24,21,0),MOD($C5539,24)+1)/SUM(INDEX($D$3:$AA$30,INDEX(Jesper!$R$2:$R$366,ROW(INDEX(Jesper!AI$2:AI$366,ROUNDDOWN($C5539/24,0)+1,1))-1)+IF('Standard Profiles'!$G$19=$B$10,7,0)+IF('Standard Profiles'!$G$19=$B$17,14,0)+IF('Standard Profiles'!$G$19=$B$24,21,0),0)),0)</f>
        <v>1.5648994980462307</v>
      </c>
      <c r="F5539" cm="1">
        <f t="array" ref="F5539">IFERROR(INDEX(Jesper!AJ$2:AJ$366,ROUNDDOWN($C5539/24,0)+1,1)*INDEX($D$3:$AA$30,INDEX(Jesper!$R$2:$R$366,ROW(INDEX(Jesper!AJ$2:AJ$366,ROUNDDOWN($C5539/24,0)+1,1))-1)+IF('Standard Profiles'!$G$20=$B$10,7,0)+IF('Standard Profiles'!$G$20=$B$17,14,0)+IF('Standard Profiles'!$G$20=$B$24,21,0),MOD($C5539,24)+1)/SUM(INDEX($D$3:$AA$30,INDEX(Jesper!$R$2:$R$366,ROW(INDEX(Jesper!AJ$2:AJ$366,ROUNDDOWN($C5539/24,0)+1,1))-1)+IF('Standard Profiles'!$G$20=$B$10,7,0)+IF('Standard Profiles'!$G$20=$B$17,14,0)+IF('Standard Profiles'!$G$20=$B$24,21,0),0)),0)</f>
        <v>0</v>
      </c>
      <c r="G5539" cm="1">
        <f t="array" ref="G5539">IFERROR(INDEX(Jesper!AK$2:AK$366,ROUNDDOWN($C5539/24,0)+1,1)*INDEX($D$3:$AA$30,INDEX(Jesper!$R$2:$R$366,ROW(INDEX(Jesper!AK$2:AK$366,ROUNDDOWN($C5539/24,0)+1,1))-1)+IF('Standard Profiles'!$G$21=$B$10,7,0)+IF('Standard Profiles'!$G$21=$B$17,14,0)+IF('Standard Profiles'!$G$21=$B$24,21,0),MOD($C5539,24)+1)/SUM(INDEX($D$3:$AA$30,INDEX(Jesper!$R$2:$R$366,ROW(INDEX(Jesper!AK$2:AK$366,ROUNDDOWN($C5539/24,0)+1,1))-1)+IF('Standard Profiles'!$G$21=$B$10,7,0)+IF('Standard Profiles'!$G$21=$B$17,14,0)+IF('Standard Profiles'!$G$21=$B$24,21,0),0)),0)</f>
        <v>0</v>
      </c>
      <c r="H5539" cm="1">
        <f t="array" ref="H5539">IFERROR(INDEX(Jesper!AL$2:AL$366,ROUNDDOWN($C5539/24,0)+1,1)*INDEX($D$3:$AA$30,INDEX(Jesper!$R$2:$R$366,ROW(INDEX(Jesper!AL$2:AL$366,ROUNDDOWN($C5539/24,0)+1,1))-1)+IF('Standard Profiles'!$G$22=$B$10,7,0)+IF('Standard Profiles'!$G$22=$B$17,14,0)+IF('Standard Profiles'!$G$22=$B$24,21,0),MOD($C5539,24)+1)/SUM(INDEX($D$3:$AA$30,INDEX(Jesper!$R$2:$R$366,ROW(INDEX(Jesper!AL$2:AL$366,ROUNDDOWN($C5539/24,0)+1,1))-1)+IF('Standard Profiles'!$G$22=$B$10,7,0)+IF('Standard Profiles'!$G$22=$B$17,14,0)+IF('Standard Profiles'!$G$22=$B$24,21,0),0)),0)</f>
        <v>0</v>
      </c>
      <c r="I5539">
        <f t="shared" ref="I5539:I5602" si="622">IF($B5539&lt;6,AC$37*$D5539+AC$38*$E5539+AC$39*$F5539+AC$40*$G5539,AC$46*$D5539+AC$47*$E5539+AC$48*$F5539+AC$49*$G5539+AC$50*$H5539)</f>
        <v>0.14098193676092172</v>
      </c>
      <c r="J5539">
        <f t="shared" ref="J5539:J5602" si="623">IF($B5539&lt;6,AD$37*$D5539+AD$38*$E5539+AD$39*$F5539+AD$40*$G5539,AD$46*$D5539+AD$47*$E5539+AD$48*$F5539+AD$49*$G5539+AD$50*$H5539)</f>
        <v>0.4699397892030725</v>
      </c>
      <c r="K5539">
        <f t="shared" ref="K5539:K5602" si="624">IF($B5539&lt;6,AE$37*$D5539+AE$38*$E5539+AE$39*$F5539+AE$40*$G5539,AE$46*$D5539+AE$47*$E5539+AE$48*$F5539+AE$49*$G5539+AE$50*$H5539)</f>
        <v>0.70490968380460872</v>
      </c>
      <c r="L5539">
        <f t="shared" ref="L5539:L5602" si="625">IF($B5539&lt;6,AF$37*$D5539+AF$38*$E5539+AF$39*$F5539+AF$40*$G5539,AF$46*$D5539+AF$47*$E5539+AF$48*$F5539+AF$49*$G5539+AF$50*$H5539)</f>
        <v>11.487524910561415</v>
      </c>
      <c r="M5539">
        <f t="shared" ref="M5539:M5602" si="626">IF($B5539&lt;6,AG$37*$D5539+AG$38*$E5539+AG$39*$F5539+AG$40*$G5539,AG$46*$D5539+AG$47*$E5539+AG$48*$F5539+AG$49*$G5539+AG$50*$H5539)</f>
        <v>0</v>
      </c>
      <c r="N5539" s="46">
        <f t="shared" si="620"/>
        <v>45521.374999986649</v>
      </c>
    </row>
    <row r="5540" spans="2:14" x14ac:dyDescent="0.3">
      <c r="B5540">
        <f t="shared" si="621"/>
        <v>6</v>
      </c>
      <c r="C5540" s="16">
        <v>5506</v>
      </c>
      <c r="D5540" cm="1">
        <f t="array" ref="D5540">IFERROR(INDEX(Jesper!AH$2:AH$366,ROUNDDOWN($C5540/24,0)+1,1)*INDEX($D$3:$AA$30,INDEX(Jesper!$R$2:$R$366,ROW(INDEX(Jesper!AH$2:AH$366,ROUNDDOWN($C5540/24,0)+1,1))-1)+IF('Standard Profiles'!$G$18=$B$10,7,0)+IF('Standard Profiles'!$G$18=$B$17,14,0)+IF('Standard Profiles'!$G$18=$B$24,21,0),MOD($C5540,24)+1)/SUM(INDEX($D$3:$AA$30,INDEX(Jesper!$R$2:$R$366,ROW(INDEX(Jesper!AH$2:AH$366,ROUNDDOWN($C5540/24,0)+1,1))-1)+IF('Standard Profiles'!$G$18=$B$10,7,0)+IF('Standard Profiles'!$G$18=$B$17,14,0)+IF('Standard Profiles'!$G$18=$B$24,21,0),0)),0)</f>
        <v>11.238456822283787</v>
      </c>
      <c r="E5540" cm="1">
        <f t="array" ref="E5540">IFERROR(INDEX(Jesper!AI$2:AI$366,ROUNDDOWN($C5540/24,0)+1,1)*INDEX($D$3:$AA$30,INDEX(Jesper!$R$2:$R$366,ROW(INDEX(Jesper!AI$2:AI$366,ROUNDDOWN($C5540/24,0)+1,1))-1)+IF('Standard Profiles'!$G$19=$B$10,7,0)+IF('Standard Profiles'!$G$19=$B$17,14,0)+IF('Standard Profiles'!$G$19=$B$24,21,0),MOD($C5540,24)+1)/SUM(INDEX($D$3:$AA$30,INDEX(Jesper!$R$2:$R$366,ROW(INDEX(Jesper!AI$2:AI$366,ROUNDDOWN($C5540/24,0)+1,1))-1)+IF('Standard Profiles'!$G$19=$B$10,7,0)+IF('Standard Profiles'!$G$19=$B$17,14,0)+IF('Standard Profiles'!$G$19=$B$24,21,0),0)),0)</f>
        <v>1.5648994980462307</v>
      </c>
      <c r="F5540" cm="1">
        <f t="array" ref="F5540">IFERROR(INDEX(Jesper!AJ$2:AJ$366,ROUNDDOWN($C5540/24,0)+1,1)*INDEX($D$3:$AA$30,INDEX(Jesper!$R$2:$R$366,ROW(INDEX(Jesper!AJ$2:AJ$366,ROUNDDOWN($C5540/24,0)+1,1))-1)+IF('Standard Profiles'!$G$20=$B$10,7,0)+IF('Standard Profiles'!$G$20=$B$17,14,0)+IF('Standard Profiles'!$G$20=$B$24,21,0),MOD($C5540,24)+1)/SUM(INDEX($D$3:$AA$30,INDEX(Jesper!$R$2:$R$366,ROW(INDEX(Jesper!AJ$2:AJ$366,ROUNDDOWN($C5540/24,0)+1,1))-1)+IF('Standard Profiles'!$G$20=$B$10,7,0)+IF('Standard Profiles'!$G$20=$B$17,14,0)+IF('Standard Profiles'!$G$20=$B$24,21,0),0)),0)</f>
        <v>0</v>
      </c>
      <c r="G5540" cm="1">
        <f t="array" ref="G5540">IFERROR(INDEX(Jesper!AK$2:AK$366,ROUNDDOWN($C5540/24,0)+1,1)*INDEX($D$3:$AA$30,INDEX(Jesper!$R$2:$R$366,ROW(INDEX(Jesper!AK$2:AK$366,ROUNDDOWN($C5540/24,0)+1,1))-1)+IF('Standard Profiles'!$G$21=$B$10,7,0)+IF('Standard Profiles'!$G$21=$B$17,14,0)+IF('Standard Profiles'!$G$21=$B$24,21,0),MOD($C5540,24)+1)/SUM(INDEX($D$3:$AA$30,INDEX(Jesper!$R$2:$R$366,ROW(INDEX(Jesper!AK$2:AK$366,ROUNDDOWN($C5540/24,0)+1,1))-1)+IF('Standard Profiles'!$G$21=$B$10,7,0)+IF('Standard Profiles'!$G$21=$B$17,14,0)+IF('Standard Profiles'!$G$21=$B$24,21,0),0)),0)</f>
        <v>0</v>
      </c>
      <c r="H5540" cm="1">
        <f t="array" ref="H5540">IFERROR(INDEX(Jesper!AL$2:AL$366,ROUNDDOWN($C5540/24,0)+1,1)*INDEX($D$3:$AA$30,INDEX(Jesper!$R$2:$R$366,ROW(INDEX(Jesper!AL$2:AL$366,ROUNDDOWN($C5540/24,0)+1,1))-1)+IF('Standard Profiles'!$G$22=$B$10,7,0)+IF('Standard Profiles'!$G$22=$B$17,14,0)+IF('Standard Profiles'!$G$22=$B$24,21,0),MOD($C5540,24)+1)/SUM(INDEX($D$3:$AA$30,INDEX(Jesper!$R$2:$R$366,ROW(INDEX(Jesper!AL$2:AL$366,ROUNDDOWN($C5540/24,0)+1,1))-1)+IF('Standard Profiles'!$G$22=$B$10,7,0)+IF('Standard Profiles'!$G$22=$B$17,14,0)+IF('Standard Profiles'!$G$22=$B$24,21,0),0)),0)</f>
        <v>0</v>
      </c>
      <c r="I5540">
        <f t="shared" si="622"/>
        <v>0.14098193676092172</v>
      </c>
      <c r="J5540">
        <f t="shared" si="623"/>
        <v>0.4699397892030725</v>
      </c>
      <c r="K5540">
        <f t="shared" si="624"/>
        <v>0.70490968380460872</v>
      </c>
      <c r="L5540">
        <f t="shared" si="625"/>
        <v>11.487524910561415</v>
      </c>
      <c r="M5540">
        <f t="shared" si="626"/>
        <v>0</v>
      </c>
      <c r="N5540" s="46">
        <f t="shared" ref="N5540:N5603" si="627">N5539+1/24</f>
        <v>45521.416666653313</v>
      </c>
    </row>
    <row r="5541" spans="2:14" x14ac:dyDescent="0.3">
      <c r="B5541">
        <f t="shared" si="621"/>
        <v>6</v>
      </c>
      <c r="C5541" s="16">
        <v>5507</v>
      </c>
      <c r="D5541" cm="1">
        <f t="array" ref="D5541">IFERROR(INDEX(Jesper!AH$2:AH$366,ROUNDDOWN($C5541/24,0)+1,1)*INDEX($D$3:$AA$30,INDEX(Jesper!$R$2:$R$366,ROW(INDEX(Jesper!AH$2:AH$366,ROUNDDOWN($C5541/24,0)+1,1))-1)+IF('Standard Profiles'!$G$18=$B$10,7,0)+IF('Standard Profiles'!$G$18=$B$17,14,0)+IF('Standard Profiles'!$G$18=$B$24,21,0),MOD($C5541,24)+1)/SUM(INDEX($D$3:$AA$30,INDEX(Jesper!$R$2:$R$366,ROW(INDEX(Jesper!AH$2:AH$366,ROUNDDOWN($C5541/24,0)+1,1))-1)+IF('Standard Profiles'!$G$18=$B$10,7,0)+IF('Standard Profiles'!$G$18=$B$17,14,0)+IF('Standard Profiles'!$G$18=$B$24,21,0),0)),0)</f>
        <v>11.238456822283787</v>
      </c>
      <c r="E5541" cm="1">
        <f t="array" ref="E5541">IFERROR(INDEX(Jesper!AI$2:AI$366,ROUNDDOWN($C5541/24,0)+1,1)*INDEX($D$3:$AA$30,INDEX(Jesper!$R$2:$R$366,ROW(INDEX(Jesper!AI$2:AI$366,ROUNDDOWN($C5541/24,0)+1,1))-1)+IF('Standard Profiles'!$G$19=$B$10,7,0)+IF('Standard Profiles'!$G$19=$B$17,14,0)+IF('Standard Profiles'!$G$19=$B$24,21,0),MOD($C5541,24)+1)/SUM(INDEX($D$3:$AA$30,INDEX(Jesper!$R$2:$R$366,ROW(INDEX(Jesper!AI$2:AI$366,ROUNDDOWN($C5541/24,0)+1,1))-1)+IF('Standard Profiles'!$G$19=$B$10,7,0)+IF('Standard Profiles'!$G$19=$B$17,14,0)+IF('Standard Profiles'!$G$19=$B$24,21,0),0)),0)</f>
        <v>1.5648994980462307</v>
      </c>
      <c r="F5541" cm="1">
        <f t="array" ref="F5541">IFERROR(INDEX(Jesper!AJ$2:AJ$366,ROUNDDOWN($C5541/24,0)+1,1)*INDEX($D$3:$AA$30,INDEX(Jesper!$R$2:$R$366,ROW(INDEX(Jesper!AJ$2:AJ$366,ROUNDDOWN($C5541/24,0)+1,1))-1)+IF('Standard Profiles'!$G$20=$B$10,7,0)+IF('Standard Profiles'!$G$20=$B$17,14,0)+IF('Standard Profiles'!$G$20=$B$24,21,0),MOD($C5541,24)+1)/SUM(INDEX($D$3:$AA$30,INDEX(Jesper!$R$2:$R$366,ROW(INDEX(Jesper!AJ$2:AJ$366,ROUNDDOWN($C5541/24,0)+1,1))-1)+IF('Standard Profiles'!$G$20=$B$10,7,0)+IF('Standard Profiles'!$G$20=$B$17,14,0)+IF('Standard Profiles'!$G$20=$B$24,21,0),0)),0)</f>
        <v>0</v>
      </c>
      <c r="G5541" cm="1">
        <f t="array" ref="G5541">IFERROR(INDEX(Jesper!AK$2:AK$366,ROUNDDOWN($C5541/24,0)+1,1)*INDEX($D$3:$AA$30,INDEX(Jesper!$R$2:$R$366,ROW(INDEX(Jesper!AK$2:AK$366,ROUNDDOWN($C5541/24,0)+1,1))-1)+IF('Standard Profiles'!$G$21=$B$10,7,0)+IF('Standard Profiles'!$G$21=$B$17,14,0)+IF('Standard Profiles'!$G$21=$B$24,21,0),MOD($C5541,24)+1)/SUM(INDEX($D$3:$AA$30,INDEX(Jesper!$R$2:$R$366,ROW(INDEX(Jesper!AK$2:AK$366,ROUNDDOWN($C5541/24,0)+1,1))-1)+IF('Standard Profiles'!$G$21=$B$10,7,0)+IF('Standard Profiles'!$G$21=$B$17,14,0)+IF('Standard Profiles'!$G$21=$B$24,21,0),0)),0)</f>
        <v>0</v>
      </c>
      <c r="H5541" cm="1">
        <f t="array" ref="H5541">IFERROR(INDEX(Jesper!AL$2:AL$366,ROUNDDOWN($C5541/24,0)+1,1)*INDEX($D$3:$AA$30,INDEX(Jesper!$R$2:$R$366,ROW(INDEX(Jesper!AL$2:AL$366,ROUNDDOWN($C5541/24,0)+1,1))-1)+IF('Standard Profiles'!$G$22=$B$10,7,0)+IF('Standard Profiles'!$G$22=$B$17,14,0)+IF('Standard Profiles'!$G$22=$B$24,21,0),MOD($C5541,24)+1)/SUM(INDEX($D$3:$AA$30,INDEX(Jesper!$R$2:$R$366,ROW(INDEX(Jesper!AL$2:AL$366,ROUNDDOWN($C5541/24,0)+1,1))-1)+IF('Standard Profiles'!$G$22=$B$10,7,0)+IF('Standard Profiles'!$G$22=$B$17,14,0)+IF('Standard Profiles'!$G$22=$B$24,21,0),0)),0)</f>
        <v>0</v>
      </c>
      <c r="I5541">
        <f t="shared" si="622"/>
        <v>0.14098193676092172</v>
      </c>
      <c r="J5541">
        <f t="shared" si="623"/>
        <v>0.4699397892030725</v>
      </c>
      <c r="K5541">
        <f t="shared" si="624"/>
        <v>0.70490968380460872</v>
      </c>
      <c r="L5541">
        <f t="shared" si="625"/>
        <v>11.487524910561415</v>
      </c>
      <c r="M5541">
        <f t="shared" si="626"/>
        <v>0</v>
      </c>
      <c r="N5541" s="46">
        <f t="shared" si="627"/>
        <v>45521.458333319977</v>
      </c>
    </row>
    <row r="5542" spans="2:14" x14ac:dyDescent="0.3">
      <c r="B5542">
        <f t="shared" si="621"/>
        <v>6</v>
      </c>
      <c r="C5542" s="16">
        <v>5508</v>
      </c>
      <c r="D5542" cm="1">
        <f t="array" ref="D5542">IFERROR(INDEX(Jesper!AH$2:AH$366,ROUNDDOWN($C5542/24,0)+1,1)*INDEX($D$3:$AA$30,INDEX(Jesper!$R$2:$R$366,ROW(INDEX(Jesper!AH$2:AH$366,ROUNDDOWN($C5542/24,0)+1,1))-1)+IF('Standard Profiles'!$G$18=$B$10,7,0)+IF('Standard Profiles'!$G$18=$B$17,14,0)+IF('Standard Profiles'!$G$18=$B$24,21,0),MOD($C5542,24)+1)/SUM(INDEX($D$3:$AA$30,INDEX(Jesper!$R$2:$R$366,ROW(INDEX(Jesper!AH$2:AH$366,ROUNDDOWN($C5542/24,0)+1,1))-1)+IF('Standard Profiles'!$G$18=$B$10,7,0)+IF('Standard Profiles'!$G$18=$B$17,14,0)+IF('Standard Profiles'!$G$18=$B$24,21,0),0)),0)</f>
        <v>11.238456822283787</v>
      </c>
      <c r="E5542" cm="1">
        <f t="array" ref="E5542">IFERROR(INDEX(Jesper!AI$2:AI$366,ROUNDDOWN($C5542/24,0)+1,1)*INDEX($D$3:$AA$30,INDEX(Jesper!$R$2:$R$366,ROW(INDEX(Jesper!AI$2:AI$366,ROUNDDOWN($C5542/24,0)+1,1))-1)+IF('Standard Profiles'!$G$19=$B$10,7,0)+IF('Standard Profiles'!$G$19=$B$17,14,0)+IF('Standard Profiles'!$G$19=$B$24,21,0),MOD($C5542,24)+1)/SUM(INDEX($D$3:$AA$30,INDEX(Jesper!$R$2:$R$366,ROW(INDEX(Jesper!AI$2:AI$366,ROUNDDOWN($C5542/24,0)+1,1))-1)+IF('Standard Profiles'!$G$19=$B$10,7,0)+IF('Standard Profiles'!$G$19=$B$17,14,0)+IF('Standard Profiles'!$G$19=$B$24,21,0),0)),0)</f>
        <v>1.5648994980462307</v>
      </c>
      <c r="F5542" cm="1">
        <f t="array" ref="F5542">IFERROR(INDEX(Jesper!AJ$2:AJ$366,ROUNDDOWN($C5542/24,0)+1,1)*INDEX($D$3:$AA$30,INDEX(Jesper!$R$2:$R$366,ROW(INDEX(Jesper!AJ$2:AJ$366,ROUNDDOWN($C5542/24,0)+1,1))-1)+IF('Standard Profiles'!$G$20=$B$10,7,0)+IF('Standard Profiles'!$G$20=$B$17,14,0)+IF('Standard Profiles'!$G$20=$B$24,21,0),MOD($C5542,24)+1)/SUM(INDEX($D$3:$AA$30,INDEX(Jesper!$R$2:$R$366,ROW(INDEX(Jesper!AJ$2:AJ$366,ROUNDDOWN($C5542/24,0)+1,1))-1)+IF('Standard Profiles'!$G$20=$B$10,7,0)+IF('Standard Profiles'!$G$20=$B$17,14,0)+IF('Standard Profiles'!$G$20=$B$24,21,0),0)),0)</f>
        <v>0</v>
      </c>
      <c r="G5542" cm="1">
        <f t="array" ref="G5542">IFERROR(INDEX(Jesper!AK$2:AK$366,ROUNDDOWN($C5542/24,0)+1,1)*INDEX($D$3:$AA$30,INDEX(Jesper!$R$2:$R$366,ROW(INDEX(Jesper!AK$2:AK$366,ROUNDDOWN($C5542/24,0)+1,1))-1)+IF('Standard Profiles'!$G$21=$B$10,7,0)+IF('Standard Profiles'!$G$21=$B$17,14,0)+IF('Standard Profiles'!$G$21=$B$24,21,0),MOD($C5542,24)+1)/SUM(INDEX($D$3:$AA$30,INDEX(Jesper!$R$2:$R$366,ROW(INDEX(Jesper!AK$2:AK$366,ROUNDDOWN($C5542/24,0)+1,1))-1)+IF('Standard Profiles'!$G$21=$B$10,7,0)+IF('Standard Profiles'!$G$21=$B$17,14,0)+IF('Standard Profiles'!$G$21=$B$24,21,0),0)),0)</f>
        <v>0</v>
      </c>
      <c r="H5542" cm="1">
        <f t="array" ref="H5542">IFERROR(INDEX(Jesper!AL$2:AL$366,ROUNDDOWN($C5542/24,0)+1,1)*INDEX($D$3:$AA$30,INDEX(Jesper!$R$2:$R$366,ROW(INDEX(Jesper!AL$2:AL$366,ROUNDDOWN($C5542/24,0)+1,1))-1)+IF('Standard Profiles'!$G$22=$B$10,7,0)+IF('Standard Profiles'!$G$22=$B$17,14,0)+IF('Standard Profiles'!$G$22=$B$24,21,0),MOD($C5542,24)+1)/SUM(INDEX($D$3:$AA$30,INDEX(Jesper!$R$2:$R$366,ROW(INDEX(Jesper!AL$2:AL$366,ROUNDDOWN($C5542/24,0)+1,1))-1)+IF('Standard Profiles'!$G$22=$B$10,7,0)+IF('Standard Profiles'!$G$22=$B$17,14,0)+IF('Standard Profiles'!$G$22=$B$24,21,0),0)),0)</f>
        <v>0</v>
      </c>
      <c r="I5542">
        <f t="shared" si="622"/>
        <v>0.14098193676092172</v>
      </c>
      <c r="J5542">
        <f t="shared" si="623"/>
        <v>0.4699397892030725</v>
      </c>
      <c r="K5542">
        <f t="shared" si="624"/>
        <v>0.70490968380460872</v>
      </c>
      <c r="L5542">
        <f t="shared" si="625"/>
        <v>11.487524910561415</v>
      </c>
      <c r="M5542">
        <f t="shared" si="626"/>
        <v>0</v>
      </c>
      <c r="N5542" s="46">
        <f t="shared" si="627"/>
        <v>45521.499999986641</v>
      </c>
    </row>
    <row r="5543" spans="2:14" x14ac:dyDescent="0.3">
      <c r="B5543">
        <f t="shared" si="621"/>
        <v>6</v>
      </c>
      <c r="C5543" s="16">
        <v>5509</v>
      </c>
      <c r="D5543" cm="1">
        <f t="array" ref="D5543">IFERROR(INDEX(Jesper!AH$2:AH$366,ROUNDDOWN($C5543/24,0)+1,1)*INDEX($D$3:$AA$30,INDEX(Jesper!$R$2:$R$366,ROW(INDEX(Jesper!AH$2:AH$366,ROUNDDOWN($C5543/24,0)+1,1))-1)+IF('Standard Profiles'!$G$18=$B$10,7,0)+IF('Standard Profiles'!$G$18=$B$17,14,0)+IF('Standard Profiles'!$G$18=$B$24,21,0),MOD($C5543,24)+1)/SUM(INDEX($D$3:$AA$30,INDEX(Jesper!$R$2:$R$366,ROW(INDEX(Jesper!AH$2:AH$366,ROUNDDOWN($C5543/24,0)+1,1))-1)+IF('Standard Profiles'!$G$18=$B$10,7,0)+IF('Standard Profiles'!$G$18=$B$17,14,0)+IF('Standard Profiles'!$G$18=$B$24,21,0),0)),0)</f>
        <v>11.238456822283787</v>
      </c>
      <c r="E5543" cm="1">
        <f t="array" ref="E5543">IFERROR(INDEX(Jesper!AI$2:AI$366,ROUNDDOWN($C5543/24,0)+1,1)*INDEX($D$3:$AA$30,INDEX(Jesper!$R$2:$R$366,ROW(INDEX(Jesper!AI$2:AI$366,ROUNDDOWN($C5543/24,0)+1,1))-1)+IF('Standard Profiles'!$G$19=$B$10,7,0)+IF('Standard Profiles'!$G$19=$B$17,14,0)+IF('Standard Profiles'!$G$19=$B$24,21,0),MOD($C5543,24)+1)/SUM(INDEX($D$3:$AA$30,INDEX(Jesper!$R$2:$R$366,ROW(INDEX(Jesper!AI$2:AI$366,ROUNDDOWN($C5543/24,0)+1,1))-1)+IF('Standard Profiles'!$G$19=$B$10,7,0)+IF('Standard Profiles'!$G$19=$B$17,14,0)+IF('Standard Profiles'!$G$19=$B$24,21,0),0)),0)</f>
        <v>1.5648994980462307</v>
      </c>
      <c r="F5543" cm="1">
        <f t="array" ref="F5543">IFERROR(INDEX(Jesper!AJ$2:AJ$366,ROUNDDOWN($C5543/24,0)+1,1)*INDEX($D$3:$AA$30,INDEX(Jesper!$R$2:$R$366,ROW(INDEX(Jesper!AJ$2:AJ$366,ROUNDDOWN($C5543/24,0)+1,1))-1)+IF('Standard Profiles'!$G$20=$B$10,7,0)+IF('Standard Profiles'!$G$20=$B$17,14,0)+IF('Standard Profiles'!$G$20=$B$24,21,0),MOD($C5543,24)+1)/SUM(INDEX($D$3:$AA$30,INDEX(Jesper!$R$2:$R$366,ROW(INDEX(Jesper!AJ$2:AJ$366,ROUNDDOWN($C5543/24,0)+1,1))-1)+IF('Standard Profiles'!$G$20=$B$10,7,0)+IF('Standard Profiles'!$G$20=$B$17,14,0)+IF('Standard Profiles'!$G$20=$B$24,21,0),0)),0)</f>
        <v>0</v>
      </c>
      <c r="G5543" cm="1">
        <f t="array" ref="G5543">IFERROR(INDEX(Jesper!AK$2:AK$366,ROUNDDOWN($C5543/24,0)+1,1)*INDEX($D$3:$AA$30,INDEX(Jesper!$R$2:$R$366,ROW(INDEX(Jesper!AK$2:AK$366,ROUNDDOWN($C5543/24,0)+1,1))-1)+IF('Standard Profiles'!$G$21=$B$10,7,0)+IF('Standard Profiles'!$G$21=$B$17,14,0)+IF('Standard Profiles'!$G$21=$B$24,21,0),MOD($C5543,24)+1)/SUM(INDEX($D$3:$AA$30,INDEX(Jesper!$R$2:$R$366,ROW(INDEX(Jesper!AK$2:AK$366,ROUNDDOWN($C5543/24,0)+1,1))-1)+IF('Standard Profiles'!$G$21=$B$10,7,0)+IF('Standard Profiles'!$G$21=$B$17,14,0)+IF('Standard Profiles'!$G$21=$B$24,21,0),0)),0)</f>
        <v>0</v>
      </c>
      <c r="H5543" cm="1">
        <f t="array" ref="H5543">IFERROR(INDEX(Jesper!AL$2:AL$366,ROUNDDOWN($C5543/24,0)+1,1)*INDEX($D$3:$AA$30,INDEX(Jesper!$R$2:$R$366,ROW(INDEX(Jesper!AL$2:AL$366,ROUNDDOWN($C5543/24,0)+1,1))-1)+IF('Standard Profiles'!$G$22=$B$10,7,0)+IF('Standard Profiles'!$G$22=$B$17,14,0)+IF('Standard Profiles'!$G$22=$B$24,21,0),MOD($C5543,24)+1)/SUM(INDEX($D$3:$AA$30,INDEX(Jesper!$R$2:$R$366,ROW(INDEX(Jesper!AL$2:AL$366,ROUNDDOWN($C5543/24,0)+1,1))-1)+IF('Standard Profiles'!$G$22=$B$10,7,0)+IF('Standard Profiles'!$G$22=$B$17,14,0)+IF('Standard Profiles'!$G$22=$B$24,21,0),0)),0)</f>
        <v>0</v>
      </c>
      <c r="I5543">
        <f t="shared" si="622"/>
        <v>0.14098193676092172</v>
      </c>
      <c r="J5543">
        <f t="shared" si="623"/>
        <v>0.4699397892030725</v>
      </c>
      <c r="K5543">
        <f t="shared" si="624"/>
        <v>0.70490968380460872</v>
      </c>
      <c r="L5543">
        <f t="shared" si="625"/>
        <v>11.487524910561415</v>
      </c>
      <c r="M5543">
        <f t="shared" si="626"/>
        <v>0</v>
      </c>
      <c r="N5543" s="46">
        <f t="shared" si="627"/>
        <v>45521.541666653306</v>
      </c>
    </row>
    <row r="5544" spans="2:14" x14ac:dyDescent="0.3">
      <c r="B5544">
        <f t="shared" si="621"/>
        <v>6</v>
      </c>
      <c r="C5544" s="16">
        <v>5510</v>
      </c>
      <c r="D5544" cm="1">
        <f t="array" ref="D5544">IFERROR(INDEX(Jesper!AH$2:AH$366,ROUNDDOWN($C5544/24,0)+1,1)*INDEX($D$3:$AA$30,INDEX(Jesper!$R$2:$R$366,ROW(INDEX(Jesper!AH$2:AH$366,ROUNDDOWN($C5544/24,0)+1,1))-1)+IF('Standard Profiles'!$G$18=$B$10,7,0)+IF('Standard Profiles'!$G$18=$B$17,14,0)+IF('Standard Profiles'!$G$18=$B$24,21,0),MOD($C5544,24)+1)/SUM(INDEX($D$3:$AA$30,INDEX(Jesper!$R$2:$R$366,ROW(INDEX(Jesper!AH$2:AH$366,ROUNDDOWN($C5544/24,0)+1,1))-1)+IF('Standard Profiles'!$G$18=$B$10,7,0)+IF('Standard Profiles'!$G$18=$B$17,14,0)+IF('Standard Profiles'!$G$18=$B$24,21,0),0)),0)</f>
        <v>11.238456822283787</v>
      </c>
      <c r="E5544" cm="1">
        <f t="array" ref="E5544">IFERROR(INDEX(Jesper!AI$2:AI$366,ROUNDDOWN($C5544/24,0)+1,1)*INDEX($D$3:$AA$30,INDEX(Jesper!$R$2:$R$366,ROW(INDEX(Jesper!AI$2:AI$366,ROUNDDOWN($C5544/24,0)+1,1))-1)+IF('Standard Profiles'!$G$19=$B$10,7,0)+IF('Standard Profiles'!$G$19=$B$17,14,0)+IF('Standard Profiles'!$G$19=$B$24,21,0),MOD($C5544,24)+1)/SUM(INDEX($D$3:$AA$30,INDEX(Jesper!$R$2:$R$366,ROW(INDEX(Jesper!AI$2:AI$366,ROUNDDOWN($C5544/24,0)+1,1))-1)+IF('Standard Profiles'!$G$19=$B$10,7,0)+IF('Standard Profiles'!$G$19=$B$17,14,0)+IF('Standard Profiles'!$G$19=$B$24,21,0),0)),0)</f>
        <v>1.5648994980462307</v>
      </c>
      <c r="F5544" cm="1">
        <f t="array" ref="F5544">IFERROR(INDEX(Jesper!AJ$2:AJ$366,ROUNDDOWN($C5544/24,0)+1,1)*INDEX($D$3:$AA$30,INDEX(Jesper!$R$2:$R$366,ROW(INDEX(Jesper!AJ$2:AJ$366,ROUNDDOWN($C5544/24,0)+1,1))-1)+IF('Standard Profiles'!$G$20=$B$10,7,0)+IF('Standard Profiles'!$G$20=$B$17,14,0)+IF('Standard Profiles'!$G$20=$B$24,21,0),MOD($C5544,24)+1)/SUM(INDEX($D$3:$AA$30,INDEX(Jesper!$R$2:$R$366,ROW(INDEX(Jesper!AJ$2:AJ$366,ROUNDDOWN($C5544/24,0)+1,1))-1)+IF('Standard Profiles'!$G$20=$B$10,7,0)+IF('Standard Profiles'!$G$20=$B$17,14,0)+IF('Standard Profiles'!$G$20=$B$24,21,0),0)),0)</f>
        <v>0</v>
      </c>
      <c r="G5544" cm="1">
        <f t="array" ref="G5544">IFERROR(INDEX(Jesper!AK$2:AK$366,ROUNDDOWN($C5544/24,0)+1,1)*INDEX($D$3:$AA$30,INDEX(Jesper!$R$2:$R$366,ROW(INDEX(Jesper!AK$2:AK$366,ROUNDDOWN($C5544/24,0)+1,1))-1)+IF('Standard Profiles'!$G$21=$B$10,7,0)+IF('Standard Profiles'!$G$21=$B$17,14,0)+IF('Standard Profiles'!$G$21=$B$24,21,0),MOD($C5544,24)+1)/SUM(INDEX($D$3:$AA$30,INDEX(Jesper!$R$2:$R$366,ROW(INDEX(Jesper!AK$2:AK$366,ROUNDDOWN($C5544/24,0)+1,1))-1)+IF('Standard Profiles'!$G$21=$B$10,7,0)+IF('Standard Profiles'!$G$21=$B$17,14,0)+IF('Standard Profiles'!$G$21=$B$24,21,0),0)),0)</f>
        <v>0</v>
      </c>
      <c r="H5544" cm="1">
        <f t="array" ref="H5544">IFERROR(INDEX(Jesper!AL$2:AL$366,ROUNDDOWN($C5544/24,0)+1,1)*INDEX($D$3:$AA$30,INDEX(Jesper!$R$2:$R$366,ROW(INDEX(Jesper!AL$2:AL$366,ROUNDDOWN($C5544/24,0)+1,1))-1)+IF('Standard Profiles'!$G$22=$B$10,7,0)+IF('Standard Profiles'!$G$22=$B$17,14,0)+IF('Standard Profiles'!$G$22=$B$24,21,0),MOD($C5544,24)+1)/SUM(INDEX($D$3:$AA$30,INDEX(Jesper!$R$2:$R$366,ROW(INDEX(Jesper!AL$2:AL$366,ROUNDDOWN($C5544/24,0)+1,1))-1)+IF('Standard Profiles'!$G$22=$B$10,7,0)+IF('Standard Profiles'!$G$22=$B$17,14,0)+IF('Standard Profiles'!$G$22=$B$24,21,0),0)),0)</f>
        <v>0</v>
      </c>
      <c r="I5544">
        <f t="shared" si="622"/>
        <v>0.14098193676092172</v>
      </c>
      <c r="J5544">
        <f t="shared" si="623"/>
        <v>0.4699397892030725</v>
      </c>
      <c r="K5544">
        <f t="shared" si="624"/>
        <v>0.70490968380460872</v>
      </c>
      <c r="L5544">
        <f t="shared" si="625"/>
        <v>11.487524910561415</v>
      </c>
      <c r="M5544">
        <f t="shared" si="626"/>
        <v>0</v>
      </c>
      <c r="N5544" s="46">
        <f t="shared" si="627"/>
        <v>45521.58333331997</v>
      </c>
    </row>
    <row r="5545" spans="2:14" x14ac:dyDescent="0.3">
      <c r="B5545">
        <f t="shared" si="621"/>
        <v>6</v>
      </c>
      <c r="C5545" s="16">
        <v>5511</v>
      </c>
      <c r="D5545" cm="1">
        <f t="array" ref="D5545">IFERROR(INDEX(Jesper!AH$2:AH$366,ROUNDDOWN($C5545/24,0)+1,1)*INDEX($D$3:$AA$30,INDEX(Jesper!$R$2:$R$366,ROW(INDEX(Jesper!AH$2:AH$366,ROUNDDOWN($C5545/24,0)+1,1))-1)+IF('Standard Profiles'!$G$18=$B$10,7,0)+IF('Standard Profiles'!$G$18=$B$17,14,0)+IF('Standard Profiles'!$G$18=$B$24,21,0),MOD($C5545,24)+1)/SUM(INDEX($D$3:$AA$30,INDEX(Jesper!$R$2:$R$366,ROW(INDEX(Jesper!AH$2:AH$366,ROUNDDOWN($C5545/24,0)+1,1))-1)+IF('Standard Profiles'!$G$18=$B$10,7,0)+IF('Standard Profiles'!$G$18=$B$17,14,0)+IF('Standard Profiles'!$G$18=$B$24,21,0),0)),0)</f>
        <v>10.160796579051095</v>
      </c>
      <c r="E5545" cm="1">
        <f t="array" ref="E5545">IFERROR(INDEX(Jesper!AI$2:AI$366,ROUNDDOWN($C5545/24,0)+1,1)*INDEX($D$3:$AA$30,INDEX(Jesper!$R$2:$R$366,ROW(INDEX(Jesper!AI$2:AI$366,ROUNDDOWN($C5545/24,0)+1,1))-1)+IF('Standard Profiles'!$G$19=$B$10,7,0)+IF('Standard Profiles'!$G$19=$B$17,14,0)+IF('Standard Profiles'!$G$19=$B$24,21,0),MOD($C5545,24)+1)/SUM(INDEX($D$3:$AA$30,INDEX(Jesper!$R$2:$R$366,ROW(INDEX(Jesper!AI$2:AI$366,ROUNDDOWN($C5545/24,0)+1,1))-1)+IF('Standard Profiles'!$G$19=$B$10,7,0)+IF('Standard Profiles'!$G$19=$B$17,14,0)+IF('Standard Profiles'!$G$19=$B$24,21,0),0)),0)</f>
        <v>1.4148406420691946</v>
      </c>
      <c r="F5545" cm="1">
        <f t="array" ref="F5545">IFERROR(INDEX(Jesper!AJ$2:AJ$366,ROUNDDOWN($C5545/24,0)+1,1)*INDEX($D$3:$AA$30,INDEX(Jesper!$R$2:$R$366,ROW(INDEX(Jesper!AJ$2:AJ$366,ROUNDDOWN($C5545/24,0)+1,1))-1)+IF('Standard Profiles'!$G$20=$B$10,7,0)+IF('Standard Profiles'!$G$20=$B$17,14,0)+IF('Standard Profiles'!$G$20=$B$24,21,0),MOD($C5545,24)+1)/SUM(INDEX($D$3:$AA$30,INDEX(Jesper!$R$2:$R$366,ROW(INDEX(Jesper!AJ$2:AJ$366,ROUNDDOWN($C5545/24,0)+1,1))-1)+IF('Standard Profiles'!$G$20=$B$10,7,0)+IF('Standard Profiles'!$G$20=$B$17,14,0)+IF('Standard Profiles'!$G$20=$B$24,21,0),0)),0)</f>
        <v>0</v>
      </c>
      <c r="G5545" cm="1">
        <f t="array" ref="G5545">IFERROR(INDEX(Jesper!AK$2:AK$366,ROUNDDOWN($C5545/24,0)+1,1)*INDEX($D$3:$AA$30,INDEX(Jesper!$R$2:$R$366,ROW(INDEX(Jesper!AK$2:AK$366,ROUNDDOWN($C5545/24,0)+1,1))-1)+IF('Standard Profiles'!$G$21=$B$10,7,0)+IF('Standard Profiles'!$G$21=$B$17,14,0)+IF('Standard Profiles'!$G$21=$B$24,21,0),MOD($C5545,24)+1)/SUM(INDEX($D$3:$AA$30,INDEX(Jesper!$R$2:$R$366,ROW(INDEX(Jesper!AK$2:AK$366,ROUNDDOWN($C5545/24,0)+1,1))-1)+IF('Standard Profiles'!$G$21=$B$10,7,0)+IF('Standard Profiles'!$G$21=$B$17,14,0)+IF('Standard Profiles'!$G$21=$B$24,21,0),0)),0)</f>
        <v>0</v>
      </c>
      <c r="H5545" cm="1">
        <f t="array" ref="H5545">IFERROR(INDEX(Jesper!AL$2:AL$366,ROUNDDOWN($C5545/24,0)+1,1)*INDEX($D$3:$AA$30,INDEX(Jesper!$R$2:$R$366,ROW(INDEX(Jesper!AL$2:AL$366,ROUNDDOWN($C5545/24,0)+1,1))-1)+IF('Standard Profiles'!$G$22=$B$10,7,0)+IF('Standard Profiles'!$G$22=$B$17,14,0)+IF('Standard Profiles'!$G$22=$B$24,21,0),MOD($C5545,24)+1)/SUM(INDEX($D$3:$AA$30,INDEX(Jesper!$R$2:$R$366,ROW(INDEX(Jesper!AL$2:AL$366,ROUNDDOWN($C5545/24,0)+1,1))-1)+IF('Standard Profiles'!$G$22=$B$10,7,0)+IF('Standard Profiles'!$G$22=$B$17,14,0)+IF('Standard Profiles'!$G$22=$B$24,21,0),0)),0)</f>
        <v>0</v>
      </c>
      <c r="I5545">
        <f t="shared" si="622"/>
        <v>0.12746312090713469</v>
      </c>
      <c r="J5545">
        <f t="shared" si="623"/>
        <v>0.42487706969044897</v>
      </c>
      <c r="K5545">
        <f t="shared" si="624"/>
        <v>0.63731560453567349</v>
      </c>
      <c r="L5545">
        <f t="shared" si="625"/>
        <v>10.385981425987032</v>
      </c>
      <c r="M5545">
        <f t="shared" si="626"/>
        <v>0</v>
      </c>
      <c r="N5545" s="46">
        <f t="shared" si="627"/>
        <v>45521.624999986634</v>
      </c>
    </row>
    <row r="5546" spans="2:14" x14ac:dyDescent="0.3">
      <c r="B5546">
        <f t="shared" si="621"/>
        <v>6</v>
      </c>
      <c r="C5546" s="16">
        <v>5512</v>
      </c>
      <c r="D5546" cm="1">
        <f t="array" ref="D5546">IFERROR(INDEX(Jesper!AH$2:AH$366,ROUNDDOWN($C5546/24,0)+1,1)*INDEX($D$3:$AA$30,INDEX(Jesper!$R$2:$R$366,ROW(INDEX(Jesper!AH$2:AH$366,ROUNDDOWN($C5546/24,0)+1,1))-1)+IF('Standard Profiles'!$G$18=$B$10,7,0)+IF('Standard Profiles'!$G$18=$B$17,14,0)+IF('Standard Profiles'!$G$18=$B$24,21,0),MOD($C5546,24)+1)/SUM(INDEX($D$3:$AA$30,INDEX(Jesper!$R$2:$R$366,ROW(INDEX(Jesper!AH$2:AH$366,ROUNDDOWN($C5546/24,0)+1,1))-1)+IF('Standard Profiles'!$G$18=$B$10,7,0)+IF('Standard Profiles'!$G$18=$B$17,14,0)+IF('Standard Profiles'!$G$18=$B$24,21,0),0)),0)</f>
        <v>9.2370877991373597</v>
      </c>
      <c r="E5546" cm="1">
        <f t="array" ref="E5546">IFERROR(INDEX(Jesper!AI$2:AI$366,ROUNDDOWN($C5546/24,0)+1,1)*INDEX($D$3:$AA$30,INDEX(Jesper!$R$2:$R$366,ROW(INDEX(Jesper!AI$2:AI$366,ROUNDDOWN($C5546/24,0)+1,1))-1)+IF('Standard Profiles'!$G$19=$B$10,7,0)+IF('Standard Profiles'!$G$19=$B$17,14,0)+IF('Standard Profiles'!$G$19=$B$24,21,0),MOD($C5546,24)+1)/SUM(INDEX($D$3:$AA$30,INDEX(Jesper!$R$2:$R$366,ROW(INDEX(Jesper!AI$2:AI$366,ROUNDDOWN($C5546/24,0)+1,1))-1)+IF('Standard Profiles'!$G$19=$B$10,7,0)+IF('Standard Profiles'!$G$19=$B$17,14,0)+IF('Standard Profiles'!$G$19=$B$24,21,0),0)),0)</f>
        <v>1.28621876551745</v>
      </c>
      <c r="F5546" cm="1">
        <f t="array" ref="F5546">IFERROR(INDEX(Jesper!AJ$2:AJ$366,ROUNDDOWN($C5546/24,0)+1,1)*INDEX($D$3:$AA$30,INDEX(Jesper!$R$2:$R$366,ROW(INDEX(Jesper!AJ$2:AJ$366,ROUNDDOWN($C5546/24,0)+1,1))-1)+IF('Standard Profiles'!$G$20=$B$10,7,0)+IF('Standard Profiles'!$G$20=$B$17,14,0)+IF('Standard Profiles'!$G$20=$B$24,21,0),MOD($C5546,24)+1)/SUM(INDEX($D$3:$AA$30,INDEX(Jesper!$R$2:$R$366,ROW(INDEX(Jesper!AJ$2:AJ$366,ROUNDDOWN($C5546/24,0)+1,1))-1)+IF('Standard Profiles'!$G$20=$B$10,7,0)+IF('Standard Profiles'!$G$20=$B$17,14,0)+IF('Standard Profiles'!$G$20=$B$24,21,0),0)),0)</f>
        <v>0</v>
      </c>
      <c r="G5546" cm="1">
        <f t="array" ref="G5546">IFERROR(INDEX(Jesper!AK$2:AK$366,ROUNDDOWN($C5546/24,0)+1,1)*INDEX($D$3:$AA$30,INDEX(Jesper!$R$2:$R$366,ROW(INDEX(Jesper!AK$2:AK$366,ROUNDDOWN($C5546/24,0)+1,1))-1)+IF('Standard Profiles'!$G$21=$B$10,7,0)+IF('Standard Profiles'!$G$21=$B$17,14,0)+IF('Standard Profiles'!$G$21=$B$24,21,0),MOD($C5546,24)+1)/SUM(INDEX($D$3:$AA$30,INDEX(Jesper!$R$2:$R$366,ROW(INDEX(Jesper!AK$2:AK$366,ROUNDDOWN($C5546/24,0)+1,1))-1)+IF('Standard Profiles'!$G$21=$B$10,7,0)+IF('Standard Profiles'!$G$21=$B$17,14,0)+IF('Standard Profiles'!$G$21=$B$24,21,0),0)),0)</f>
        <v>0</v>
      </c>
      <c r="H5546" cm="1">
        <f t="array" ref="H5546">IFERROR(INDEX(Jesper!AL$2:AL$366,ROUNDDOWN($C5546/24,0)+1,1)*INDEX($D$3:$AA$30,INDEX(Jesper!$R$2:$R$366,ROW(INDEX(Jesper!AL$2:AL$366,ROUNDDOWN($C5546/24,0)+1,1))-1)+IF('Standard Profiles'!$G$22=$B$10,7,0)+IF('Standard Profiles'!$G$22=$B$17,14,0)+IF('Standard Profiles'!$G$22=$B$24,21,0),MOD($C5546,24)+1)/SUM(INDEX($D$3:$AA$30,INDEX(Jesper!$R$2:$R$366,ROW(INDEX(Jesper!AL$2:AL$366,ROUNDDOWN($C5546/24,0)+1,1))-1)+IF('Standard Profiles'!$G$22=$B$10,7,0)+IF('Standard Profiles'!$G$22=$B$17,14,0)+IF('Standard Profiles'!$G$22=$B$24,21,0),0)),0)</f>
        <v>0</v>
      </c>
      <c r="I5546">
        <f t="shared" si="622"/>
        <v>0.11587556446103156</v>
      </c>
      <c r="J5546">
        <f t="shared" si="623"/>
        <v>0.38625188153677192</v>
      </c>
      <c r="K5546">
        <f t="shared" si="624"/>
        <v>0.57937782230515789</v>
      </c>
      <c r="L5546">
        <f t="shared" si="625"/>
        <v>9.4418012963518478</v>
      </c>
      <c r="M5546">
        <f t="shared" si="626"/>
        <v>0</v>
      </c>
      <c r="N5546" s="46">
        <f t="shared" si="627"/>
        <v>45521.666666653298</v>
      </c>
    </row>
    <row r="5547" spans="2:14" x14ac:dyDescent="0.3">
      <c r="B5547">
        <f t="shared" si="621"/>
        <v>6</v>
      </c>
      <c r="C5547" s="16">
        <v>5513</v>
      </c>
      <c r="D5547" cm="1">
        <f t="array" ref="D5547">IFERROR(INDEX(Jesper!AH$2:AH$366,ROUNDDOWN($C5547/24,0)+1,1)*INDEX($D$3:$AA$30,INDEX(Jesper!$R$2:$R$366,ROW(INDEX(Jesper!AH$2:AH$366,ROUNDDOWN($C5547/24,0)+1,1))-1)+IF('Standard Profiles'!$G$18=$B$10,7,0)+IF('Standard Profiles'!$G$18=$B$17,14,0)+IF('Standard Profiles'!$G$18=$B$24,21,0),MOD($C5547,24)+1)/SUM(INDEX($D$3:$AA$30,INDEX(Jesper!$R$2:$R$366,ROW(INDEX(Jesper!AH$2:AH$366,ROUNDDOWN($C5547/24,0)+1,1))-1)+IF('Standard Profiles'!$G$18=$B$10,7,0)+IF('Standard Profiles'!$G$18=$B$17,14,0)+IF('Standard Profiles'!$G$18=$B$24,21,0),0)),0)</f>
        <v>8.3133790192236248</v>
      </c>
      <c r="E5547" cm="1">
        <f t="array" ref="E5547">IFERROR(INDEX(Jesper!AI$2:AI$366,ROUNDDOWN($C5547/24,0)+1,1)*INDEX($D$3:$AA$30,INDEX(Jesper!$R$2:$R$366,ROW(INDEX(Jesper!AI$2:AI$366,ROUNDDOWN($C5547/24,0)+1,1))-1)+IF('Standard Profiles'!$G$19=$B$10,7,0)+IF('Standard Profiles'!$G$19=$B$17,14,0)+IF('Standard Profiles'!$G$19=$B$24,21,0),MOD($C5547,24)+1)/SUM(INDEX($D$3:$AA$30,INDEX(Jesper!$R$2:$R$366,ROW(INDEX(Jesper!AI$2:AI$366,ROUNDDOWN($C5547/24,0)+1,1))-1)+IF('Standard Profiles'!$G$19=$B$10,7,0)+IF('Standard Profiles'!$G$19=$B$17,14,0)+IF('Standard Profiles'!$G$19=$B$24,21,0),0)),0)</f>
        <v>1.1575968889657049</v>
      </c>
      <c r="F5547" cm="1">
        <f t="array" ref="F5547">IFERROR(INDEX(Jesper!AJ$2:AJ$366,ROUNDDOWN($C5547/24,0)+1,1)*INDEX($D$3:$AA$30,INDEX(Jesper!$R$2:$R$366,ROW(INDEX(Jesper!AJ$2:AJ$366,ROUNDDOWN($C5547/24,0)+1,1))-1)+IF('Standard Profiles'!$G$20=$B$10,7,0)+IF('Standard Profiles'!$G$20=$B$17,14,0)+IF('Standard Profiles'!$G$20=$B$24,21,0),MOD($C5547,24)+1)/SUM(INDEX($D$3:$AA$30,INDEX(Jesper!$R$2:$R$366,ROW(INDEX(Jesper!AJ$2:AJ$366,ROUNDDOWN($C5547/24,0)+1,1))-1)+IF('Standard Profiles'!$G$20=$B$10,7,0)+IF('Standard Profiles'!$G$20=$B$17,14,0)+IF('Standard Profiles'!$G$20=$B$24,21,0),0)),0)</f>
        <v>0</v>
      </c>
      <c r="G5547" cm="1">
        <f t="array" ref="G5547">IFERROR(INDEX(Jesper!AK$2:AK$366,ROUNDDOWN($C5547/24,0)+1,1)*INDEX($D$3:$AA$30,INDEX(Jesper!$R$2:$R$366,ROW(INDEX(Jesper!AK$2:AK$366,ROUNDDOWN($C5547/24,0)+1,1))-1)+IF('Standard Profiles'!$G$21=$B$10,7,0)+IF('Standard Profiles'!$G$21=$B$17,14,0)+IF('Standard Profiles'!$G$21=$B$24,21,0),MOD($C5547,24)+1)/SUM(INDEX($D$3:$AA$30,INDEX(Jesper!$R$2:$R$366,ROW(INDEX(Jesper!AK$2:AK$366,ROUNDDOWN($C5547/24,0)+1,1))-1)+IF('Standard Profiles'!$G$21=$B$10,7,0)+IF('Standard Profiles'!$G$21=$B$17,14,0)+IF('Standard Profiles'!$G$21=$B$24,21,0),0)),0)</f>
        <v>0</v>
      </c>
      <c r="H5547" cm="1">
        <f t="array" ref="H5547">IFERROR(INDEX(Jesper!AL$2:AL$366,ROUNDDOWN($C5547/24,0)+1,1)*INDEX($D$3:$AA$30,INDEX(Jesper!$R$2:$R$366,ROW(INDEX(Jesper!AL$2:AL$366,ROUNDDOWN($C5547/24,0)+1,1))-1)+IF('Standard Profiles'!$G$22=$B$10,7,0)+IF('Standard Profiles'!$G$22=$B$17,14,0)+IF('Standard Profiles'!$G$22=$B$24,21,0),MOD($C5547,24)+1)/SUM(INDEX($D$3:$AA$30,INDEX(Jesper!$R$2:$R$366,ROW(INDEX(Jesper!AL$2:AL$366,ROUNDDOWN($C5547/24,0)+1,1))-1)+IF('Standard Profiles'!$G$22=$B$10,7,0)+IF('Standard Profiles'!$G$22=$B$17,14,0)+IF('Standard Profiles'!$G$22=$B$24,21,0),0)),0)</f>
        <v>0</v>
      </c>
      <c r="I5547">
        <f t="shared" si="622"/>
        <v>0.10428800801492839</v>
      </c>
      <c r="J5547">
        <f t="shared" si="623"/>
        <v>0.34762669338309471</v>
      </c>
      <c r="K5547">
        <f t="shared" si="624"/>
        <v>0.52144004007464206</v>
      </c>
      <c r="L5547">
        <f t="shared" si="625"/>
        <v>8.4976211667166641</v>
      </c>
      <c r="M5547">
        <f t="shared" si="626"/>
        <v>0</v>
      </c>
      <c r="N5547" s="46">
        <f t="shared" si="627"/>
        <v>45521.708333319963</v>
      </c>
    </row>
    <row r="5548" spans="2:14" x14ac:dyDescent="0.3">
      <c r="B5548">
        <f t="shared" si="621"/>
        <v>6</v>
      </c>
      <c r="C5548" s="16">
        <v>5514</v>
      </c>
      <c r="D5548" cm="1">
        <f t="array" ref="D5548">IFERROR(INDEX(Jesper!AH$2:AH$366,ROUNDDOWN($C5548/24,0)+1,1)*INDEX($D$3:$AA$30,INDEX(Jesper!$R$2:$R$366,ROW(INDEX(Jesper!AH$2:AH$366,ROUNDDOWN($C5548/24,0)+1,1))-1)+IF('Standard Profiles'!$G$18=$B$10,7,0)+IF('Standard Profiles'!$G$18=$B$17,14,0)+IF('Standard Profiles'!$G$18=$B$24,21,0),MOD($C5548,24)+1)/SUM(INDEX($D$3:$AA$30,INDEX(Jesper!$R$2:$R$366,ROW(INDEX(Jesper!AH$2:AH$366,ROUNDDOWN($C5548/24,0)+1,1))-1)+IF('Standard Profiles'!$G$18=$B$10,7,0)+IF('Standard Profiles'!$G$18=$B$17,14,0)+IF('Standard Profiles'!$G$18=$B$24,21,0),0)),0)</f>
        <v>8.0054760925857114</v>
      </c>
      <c r="E5548" cm="1">
        <f t="array" ref="E5548">IFERROR(INDEX(Jesper!AI$2:AI$366,ROUNDDOWN($C5548/24,0)+1,1)*INDEX($D$3:$AA$30,INDEX(Jesper!$R$2:$R$366,ROW(INDEX(Jesper!AI$2:AI$366,ROUNDDOWN($C5548/24,0)+1,1))-1)+IF('Standard Profiles'!$G$19=$B$10,7,0)+IF('Standard Profiles'!$G$19=$B$17,14,0)+IF('Standard Profiles'!$G$19=$B$24,21,0),MOD($C5548,24)+1)/SUM(INDEX($D$3:$AA$30,INDEX(Jesper!$R$2:$R$366,ROW(INDEX(Jesper!AI$2:AI$366,ROUNDDOWN($C5548/24,0)+1,1))-1)+IF('Standard Profiles'!$G$19=$B$10,7,0)+IF('Standard Profiles'!$G$19=$B$17,14,0)+IF('Standard Profiles'!$G$19=$B$24,21,0),0)),0)</f>
        <v>1.1147229301151231</v>
      </c>
      <c r="F5548" cm="1">
        <f t="array" ref="F5548">IFERROR(INDEX(Jesper!AJ$2:AJ$366,ROUNDDOWN($C5548/24,0)+1,1)*INDEX($D$3:$AA$30,INDEX(Jesper!$R$2:$R$366,ROW(INDEX(Jesper!AJ$2:AJ$366,ROUNDDOWN($C5548/24,0)+1,1))-1)+IF('Standard Profiles'!$G$20=$B$10,7,0)+IF('Standard Profiles'!$G$20=$B$17,14,0)+IF('Standard Profiles'!$G$20=$B$24,21,0),MOD($C5548,24)+1)/SUM(INDEX($D$3:$AA$30,INDEX(Jesper!$R$2:$R$366,ROW(INDEX(Jesper!AJ$2:AJ$366,ROUNDDOWN($C5548/24,0)+1,1))-1)+IF('Standard Profiles'!$G$20=$B$10,7,0)+IF('Standard Profiles'!$G$20=$B$17,14,0)+IF('Standard Profiles'!$G$20=$B$24,21,0),0)),0)</f>
        <v>0</v>
      </c>
      <c r="G5548" cm="1">
        <f t="array" ref="G5548">IFERROR(INDEX(Jesper!AK$2:AK$366,ROUNDDOWN($C5548/24,0)+1,1)*INDEX($D$3:$AA$30,INDEX(Jesper!$R$2:$R$366,ROW(INDEX(Jesper!AK$2:AK$366,ROUNDDOWN($C5548/24,0)+1,1))-1)+IF('Standard Profiles'!$G$21=$B$10,7,0)+IF('Standard Profiles'!$G$21=$B$17,14,0)+IF('Standard Profiles'!$G$21=$B$24,21,0),MOD($C5548,24)+1)/SUM(INDEX($D$3:$AA$30,INDEX(Jesper!$R$2:$R$366,ROW(INDEX(Jesper!AK$2:AK$366,ROUNDDOWN($C5548/24,0)+1,1))-1)+IF('Standard Profiles'!$G$21=$B$10,7,0)+IF('Standard Profiles'!$G$21=$B$17,14,0)+IF('Standard Profiles'!$G$21=$B$24,21,0),0)),0)</f>
        <v>0</v>
      </c>
      <c r="H5548" cm="1">
        <f t="array" ref="H5548">IFERROR(INDEX(Jesper!AL$2:AL$366,ROUNDDOWN($C5548/24,0)+1,1)*INDEX($D$3:$AA$30,INDEX(Jesper!$R$2:$R$366,ROW(INDEX(Jesper!AL$2:AL$366,ROUNDDOWN($C5548/24,0)+1,1))-1)+IF('Standard Profiles'!$G$22=$B$10,7,0)+IF('Standard Profiles'!$G$22=$B$17,14,0)+IF('Standard Profiles'!$G$22=$B$24,21,0),MOD($C5548,24)+1)/SUM(INDEX($D$3:$AA$30,INDEX(Jesper!$R$2:$R$366,ROW(INDEX(Jesper!AL$2:AL$366,ROUNDDOWN($C5548/24,0)+1,1))-1)+IF('Standard Profiles'!$G$22=$B$10,7,0)+IF('Standard Profiles'!$G$22=$B$17,14,0)+IF('Standard Profiles'!$G$22=$B$24,21,0),0)),0)</f>
        <v>0</v>
      </c>
      <c r="I5548">
        <f t="shared" si="622"/>
        <v>0.10042548919956067</v>
      </c>
      <c r="J5548">
        <f t="shared" si="623"/>
        <v>0.33475163066520225</v>
      </c>
      <c r="K5548">
        <f t="shared" si="624"/>
        <v>0.50212744599780346</v>
      </c>
      <c r="L5548">
        <f t="shared" si="625"/>
        <v>8.1828944568382678</v>
      </c>
      <c r="M5548">
        <f t="shared" si="626"/>
        <v>0</v>
      </c>
      <c r="N5548" s="46">
        <f t="shared" si="627"/>
        <v>45521.749999986627</v>
      </c>
    </row>
    <row r="5549" spans="2:14" x14ac:dyDescent="0.3">
      <c r="B5549">
        <f t="shared" si="621"/>
        <v>6</v>
      </c>
      <c r="C5549" s="16">
        <v>5515</v>
      </c>
      <c r="D5549" cm="1">
        <f t="array" ref="D5549">IFERROR(INDEX(Jesper!AH$2:AH$366,ROUNDDOWN($C5549/24,0)+1,1)*INDEX($D$3:$AA$30,INDEX(Jesper!$R$2:$R$366,ROW(INDEX(Jesper!AH$2:AH$366,ROUNDDOWN($C5549/24,0)+1,1))-1)+IF('Standard Profiles'!$G$18=$B$10,7,0)+IF('Standard Profiles'!$G$18=$B$17,14,0)+IF('Standard Profiles'!$G$18=$B$24,21,0),MOD($C5549,24)+1)/SUM(INDEX($D$3:$AA$30,INDEX(Jesper!$R$2:$R$366,ROW(INDEX(Jesper!AH$2:AH$366,ROUNDDOWN($C5549/24,0)+1,1))-1)+IF('Standard Profiles'!$G$18=$B$10,7,0)+IF('Standard Profiles'!$G$18=$B$17,14,0)+IF('Standard Profiles'!$G$18=$B$24,21,0),0)),0)</f>
        <v>6.4659614593961514</v>
      </c>
      <c r="E5549" cm="1">
        <f t="array" ref="E5549">IFERROR(INDEX(Jesper!AI$2:AI$366,ROUNDDOWN($C5549/24,0)+1,1)*INDEX($D$3:$AA$30,INDEX(Jesper!$R$2:$R$366,ROW(INDEX(Jesper!AI$2:AI$366,ROUNDDOWN($C5549/24,0)+1,1))-1)+IF('Standard Profiles'!$G$19=$B$10,7,0)+IF('Standard Profiles'!$G$19=$B$17,14,0)+IF('Standard Profiles'!$G$19=$B$24,21,0),MOD($C5549,24)+1)/SUM(INDEX($D$3:$AA$30,INDEX(Jesper!$R$2:$R$366,ROW(INDEX(Jesper!AI$2:AI$366,ROUNDDOWN($C5549/24,0)+1,1))-1)+IF('Standard Profiles'!$G$19=$B$10,7,0)+IF('Standard Profiles'!$G$19=$B$17,14,0)+IF('Standard Profiles'!$G$19=$B$24,21,0),0)),0)</f>
        <v>0.90035313586221477</v>
      </c>
      <c r="F5549" cm="1">
        <f t="array" ref="F5549">IFERROR(INDEX(Jesper!AJ$2:AJ$366,ROUNDDOWN($C5549/24,0)+1,1)*INDEX($D$3:$AA$30,INDEX(Jesper!$R$2:$R$366,ROW(INDEX(Jesper!AJ$2:AJ$366,ROUNDDOWN($C5549/24,0)+1,1))-1)+IF('Standard Profiles'!$G$20=$B$10,7,0)+IF('Standard Profiles'!$G$20=$B$17,14,0)+IF('Standard Profiles'!$G$20=$B$24,21,0),MOD($C5549,24)+1)/SUM(INDEX($D$3:$AA$30,INDEX(Jesper!$R$2:$R$366,ROW(INDEX(Jesper!AJ$2:AJ$366,ROUNDDOWN($C5549/24,0)+1,1))-1)+IF('Standard Profiles'!$G$20=$B$10,7,0)+IF('Standard Profiles'!$G$20=$B$17,14,0)+IF('Standard Profiles'!$G$20=$B$24,21,0),0)),0)</f>
        <v>0</v>
      </c>
      <c r="G5549" cm="1">
        <f t="array" ref="G5549">IFERROR(INDEX(Jesper!AK$2:AK$366,ROUNDDOWN($C5549/24,0)+1,1)*INDEX($D$3:$AA$30,INDEX(Jesper!$R$2:$R$366,ROW(INDEX(Jesper!AK$2:AK$366,ROUNDDOWN($C5549/24,0)+1,1))-1)+IF('Standard Profiles'!$G$21=$B$10,7,0)+IF('Standard Profiles'!$G$21=$B$17,14,0)+IF('Standard Profiles'!$G$21=$B$24,21,0),MOD($C5549,24)+1)/SUM(INDEX($D$3:$AA$30,INDEX(Jesper!$R$2:$R$366,ROW(INDEX(Jesper!AK$2:AK$366,ROUNDDOWN($C5549/24,0)+1,1))-1)+IF('Standard Profiles'!$G$21=$B$10,7,0)+IF('Standard Profiles'!$G$21=$B$17,14,0)+IF('Standard Profiles'!$G$21=$B$24,21,0),0)),0)</f>
        <v>0</v>
      </c>
      <c r="H5549" cm="1">
        <f t="array" ref="H5549">IFERROR(INDEX(Jesper!AL$2:AL$366,ROUNDDOWN($C5549/24,0)+1,1)*INDEX($D$3:$AA$30,INDEX(Jesper!$R$2:$R$366,ROW(INDEX(Jesper!AL$2:AL$366,ROUNDDOWN($C5549/24,0)+1,1))-1)+IF('Standard Profiles'!$G$22=$B$10,7,0)+IF('Standard Profiles'!$G$22=$B$17,14,0)+IF('Standard Profiles'!$G$22=$B$24,21,0),MOD($C5549,24)+1)/SUM(INDEX($D$3:$AA$30,INDEX(Jesper!$R$2:$R$366,ROW(INDEX(Jesper!AL$2:AL$366,ROUNDDOWN($C5549/24,0)+1,1))-1)+IF('Standard Profiles'!$G$22=$B$10,7,0)+IF('Standard Profiles'!$G$22=$B$17,14,0)+IF('Standard Profiles'!$G$22=$B$24,21,0),0)),0)</f>
        <v>0</v>
      </c>
      <c r="I5549">
        <f t="shared" si="622"/>
        <v>8.1112895122722073E-2</v>
      </c>
      <c r="J5549">
        <f t="shared" si="623"/>
        <v>0.27037631707574028</v>
      </c>
      <c r="K5549">
        <f t="shared" si="624"/>
        <v>0.40556447561361042</v>
      </c>
      <c r="L5549">
        <f t="shared" si="625"/>
        <v>6.6092609074462931</v>
      </c>
      <c r="M5549">
        <f t="shared" si="626"/>
        <v>0</v>
      </c>
      <c r="N5549" s="46">
        <f t="shared" si="627"/>
        <v>45521.791666653291</v>
      </c>
    </row>
    <row r="5550" spans="2:14" x14ac:dyDescent="0.3">
      <c r="B5550">
        <f t="shared" si="621"/>
        <v>6</v>
      </c>
      <c r="C5550" s="16">
        <v>5516</v>
      </c>
      <c r="D5550" cm="1">
        <f t="array" ref="D5550">IFERROR(INDEX(Jesper!AH$2:AH$366,ROUNDDOWN($C5550/24,0)+1,1)*INDEX($D$3:$AA$30,INDEX(Jesper!$R$2:$R$366,ROW(INDEX(Jesper!AH$2:AH$366,ROUNDDOWN($C5550/24,0)+1,1))-1)+IF('Standard Profiles'!$G$18=$B$10,7,0)+IF('Standard Profiles'!$G$18=$B$17,14,0)+IF('Standard Profiles'!$G$18=$B$24,21,0),MOD($C5550,24)+1)/SUM(INDEX($D$3:$AA$30,INDEX(Jesper!$R$2:$R$366,ROW(INDEX(Jesper!AH$2:AH$366,ROUNDDOWN($C5550/24,0)+1,1))-1)+IF('Standard Profiles'!$G$18=$B$10,7,0)+IF('Standard Profiles'!$G$18=$B$17,14,0)+IF('Standard Profiles'!$G$18=$B$24,21,0),0)),0)</f>
        <v>4.7724953628876357</v>
      </c>
      <c r="E5550" cm="1">
        <f t="array" ref="E5550">IFERROR(INDEX(Jesper!AI$2:AI$366,ROUNDDOWN($C5550/24,0)+1,1)*INDEX($D$3:$AA$30,INDEX(Jesper!$R$2:$R$366,ROW(INDEX(Jesper!AI$2:AI$366,ROUNDDOWN($C5550/24,0)+1,1))-1)+IF('Standard Profiles'!$G$19=$B$10,7,0)+IF('Standard Profiles'!$G$19=$B$17,14,0)+IF('Standard Profiles'!$G$19=$B$24,21,0),MOD($C5550,24)+1)/SUM(INDEX($D$3:$AA$30,INDEX(Jesper!$R$2:$R$366,ROW(INDEX(Jesper!AI$2:AI$366,ROUNDDOWN($C5550/24,0)+1,1))-1)+IF('Standard Profiles'!$G$19=$B$10,7,0)+IF('Standard Profiles'!$G$19=$B$17,14,0)+IF('Standard Profiles'!$G$19=$B$24,21,0),0)),0)</f>
        <v>0.66454636218401564</v>
      </c>
      <c r="F5550" cm="1">
        <f t="array" ref="F5550">IFERROR(INDEX(Jesper!AJ$2:AJ$366,ROUNDDOWN($C5550/24,0)+1,1)*INDEX($D$3:$AA$30,INDEX(Jesper!$R$2:$R$366,ROW(INDEX(Jesper!AJ$2:AJ$366,ROUNDDOWN($C5550/24,0)+1,1))-1)+IF('Standard Profiles'!$G$20=$B$10,7,0)+IF('Standard Profiles'!$G$20=$B$17,14,0)+IF('Standard Profiles'!$G$20=$B$24,21,0),MOD($C5550,24)+1)/SUM(INDEX($D$3:$AA$30,INDEX(Jesper!$R$2:$R$366,ROW(INDEX(Jesper!AJ$2:AJ$366,ROUNDDOWN($C5550/24,0)+1,1))-1)+IF('Standard Profiles'!$G$20=$B$10,7,0)+IF('Standard Profiles'!$G$20=$B$17,14,0)+IF('Standard Profiles'!$G$20=$B$24,21,0),0)),0)</f>
        <v>0</v>
      </c>
      <c r="G5550" cm="1">
        <f t="array" ref="G5550">IFERROR(INDEX(Jesper!AK$2:AK$366,ROUNDDOWN($C5550/24,0)+1,1)*INDEX($D$3:$AA$30,INDEX(Jesper!$R$2:$R$366,ROW(INDEX(Jesper!AK$2:AK$366,ROUNDDOWN($C5550/24,0)+1,1))-1)+IF('Standard Profiles'!$G$21=$B$10,7,0)+IF('Standard Profiles'!$G$21=$B$17,14,0)+IF('Standard Profiles'!$G$21=$B$24,21,0),MOD($C5550,24)+1)/SUM(INDEX($D$3:$AA$30,INDEX(Jesper!$R$2:$R$366,ROW(INDEX(Jesper!AK$2:AK$366,ROUNDDOWN($C5550/24,0)+1,1))-1)+IF('Standard Profiles'!$G$21=$B$10,7,0)+IF('Standard Profiles'!$G$21=$B$17,14,0)+IF('Standard Profiles'!$G$21=$B$24,21,0),0)),0)</f>
        <v>0</v>
      </c>
      <c r="H5550" cm="1">
        <f t="array" ref="H5550">IFERROR(INDEX(Jesper!AL$2:AL$366,ROUNDDOWN($C5550/24,0)+1,1)*INDEX($D$3:$AA$30,INDEX(Jesper!$R$2:$R$366,ROW(INDEX(Jesper!AL$2:AL$366,ROUNDDOWN($C5550/24,0)+1,1))-1)+IF('Standard Profiles'!$G$22=$B$10,7,0)+IF('Standard Profiles'!$G$22=$B$17,14,0)+IF('Standard Profiles'!$G$22=$B$24,21,0),MOD($C5550,24)+1)/SUM(INDEX($D$3:$AA$30,INDEX(Jesper!$R$2:$R$366,ROW(INDEX(Jesper!AL$2:AL$366,ROUNDDOWN($C5550/24,0)+1,1))-1)+IF('Standard Profiles'!$G$22=$B$10,7,0)+IF('Standard Profiles'!$G$22=$B$17,14,0)+IF('Standard Profiles'!$G$22=$B$24,21,0),0)),0)</f>
        <v>0</v>
      </c>
      <c r="I5550">
        <f t="shared" si="622"/>
        <v>5.9869041638199623E-2</v>
      </c>
      <c r="J5550">
        <f t="shared" si="623"/>
        <v>0.19956347212733211</v>
      </c>
      <c r="K5550">
        <f t="shared" si="624"/>
        <v>0.29934520819099814</v>
      </c>
      <c r="L5550">
        <f t="shared" si="625"/>
        <v>4.8782640031151212</v>
      </c>
      <c r="M5550">
        <f t="shared" si="626"/>
        <v>0</v>
      </c>
      <c r="N5550" s="46">
        <f t="shared" si="627"/>
        <v>45521.833333319955</v>
      </c>
    </row>
    <row r="5551" spans="2:14" x14ac:dyDescent="0.3">
      <c r="B5551">
        <f t="shared" si="621"/>
        <v>6</v>
      </c>
      <c r="C5551" s="16">
        <v>5517</v>
      </c>
      <c r="D5551" cm="1">
        <f t="array" ref="D5551">IFERROR(INDEX(Jesper!AH$2:AH$366,ROUNDDOWN($C5551/24,0)+1,1)*INDEX($D$3:$AA$30,INDEX(Jesper!$R$2:$R$366,ROW(INDEX(Jesper!AH$2:AH$366,ROUNDDOWN($C5551/24,0)+1,1))-1)+IF('Standard Profiles'!$G$18=$B$10,7,0)+IF('Standard Profiles'!$G$18=$B$17,14,0)+IF('Standard Profiles'!$G$18=$B$24,21,0),MOD($C5551,24)+1)/SUM(INDEX($D$3:$AA$30,INDEX(Jesper!$R$2:$R$366,ROW(INDEX(Jesper!AH$2:AH$366,ROUNDDOWN($C5551/24,0)+1,1))-1)+IF('Standard Profiles'!$G$18=$B$10,7,0)+IF('Standard Profiles'!$G$18=$B$17,14,0)+IF('Standard Profiles'!$G$18=$B$24,21,0),0)),0)</f>
        <v>4.7724953628876357</v>
      </c>
      <c r="E5551" cm="1">
        <f t="array" ref="E5551">IFERROR(INDEX(Jesper!AI$2:AI$366,ROUNDDOWN($C5551/24,0)+1,1)*INDEX($D$3:$AA$30,INDEX(Jesper!$R$2:$R$366,ROW(INDEX(Jesper!AI$2:AI$366,ROUNDDOWN($C5551/24,0)+1,1))-1)+IF('Standard Profiles'!$G$19=$B$10,7,0)+IF('Standard Profiles'!$G$19=$B$17,14,0)+IF('Standard Profiles'!$G$19=$B$24,21,0),MOD($C5551,24)+1)/SUM(INDEX($D$3:$AA$30,INDEX(Jesper!$R$2:$R$366,ROW(INDEX(Jesper!AI$2:AI$366,ROUNDDOWN($C5551/24,0)+1,1))-1)+IF('Standard Profiles'!$G$19=$B$10,7,0)+IF('Standard Profiles'!$G$19=$B$17,14,0)+IF('Standard Profiles'!$G$19=$B$24,21,0),0)),0)</f>
        <v>0.66454636218401564</v>
      </c>
      <c r="F5551" cm="1">
        <f t="array" ref="F5551">IFERROR(INDEX(Jesper!AJ$2:AJ$366,ROUNDDOWN($C5551/24,0)+1,1)*INDEX($D$3:$AA$30,INDEX(Jesper!$R$2:$R$366,ROW(INDEX(Jesper!AJ$2:AJ$366,ROUNDDOWN($C5551/24,0)+1,1))-1)+IF('Standard Profiles'!$G$20=$B$10,7,0)+IF('Standard Profiles'!$G$20=$B$17,14,0)+IF('Standard Profiles'!$G$20=$B$24,21,0),MOD($C5551,24)+1)/SUM(INDEX($D$3:$AA$30,INDEX(Jesper!$R$2:$R$366,ROW(INDEX(Jesper!AJ$2:AJ$366,ROUNDDOWN($C5551/24,0)+1,1))-1)+IF('Standard Profiles'!$G$20=$B$10,7,0)+IF('Standard Profiles'!$G$20=$B$17,14,0)+IF('Standard Profiles'!$G$20=$B$24,21,0),0)),0)</f>
        <v>0</v>
      </c>
      <c r="G5551" cm="1">
        <f t="array" ref="G5551">IFERROR(INDEX(Jesper!AK$2:AK$366,ROUNDDOWN($C5551/24,0)+1,1)*INDEX($D$3:$AA$30,INDEX(Jesper!$R$2:$R$366,ROW(INDEX(Jesper!AK$2:AK$366,ROUNDDOWN($C5551/24,0)+1,1))-1)+IF('Standard Profiles'!$G$21=$B$10,7,0)+IF('Standard Profiles'!$G$21=$B$17,14,0)+IF('Standard Profiles'!$G$21=$B$24,21,0),MOD($C5551,24)+1)/SUM(INDEX($D$3:$AA$30,INDEX(Jesper!$R$2:$R$366,ROW(INDEX(Jesper!AK$2:AK$366,ROUNDDOWN($C5551/24,0)+1,1))-1)+IF('Standard Profiles'!$G$21=$B$10,7,0)+IF('Standard Profiles'!$G$21=$B$17,14,0)+IF('Standard Profiles'!$G$21=$B$24,21,0),0)),0)</f>
        <v>0</v>
      </c>
      <c r="H5551" cm="1">
        <f t="array" ref="H5551">IFERROR(INDEX(Jesper!AL$2:AL$366,ROUNDDOWN($C5551/24,0)+1,1)*INDEX($D$3:$AA$30,INDEX(Jesper!$R$2:$R$366,ROW(INDEX(Jesper!AL$2:AL$366,ROUNDDOWN($C5551/24,0)+1,1))-1)+IF('Standard Profiles'!$G$22=$B$10,7,0)+IF('Standard Profiles'!$G$22=$B$17,14,0)+IF('Standard Profiles'!$G$22=$B$24,21,0),MOD($C5551,24)+1)/SUM(INDEX($D$3:$AA$30,INDEX(Jesper!$R$2:$R$366,ROW(INDEX(Jesper!AL$2:AL$366,ROUNDDOWN($C5551/24,0)+1,1))-1)+IF('Standard Profiles'!$G$22=$B$10,7,0)+IF('Standard Profiles'!$G$22=$B$17,14,0)+IF('Standard Profiles'!$G$22=$B$24,21,0),0)),0)</f>
        <v>0</v>
      </c>
      <c r="I5551">
        <f t="shared" si="622"/>
        <v>5.9869041638199623E-2</v>
      </c>
      <c r="J5551">
        <f t="shared" si="623"/>
        <v>0.19956347212733211</v>
      </c>
      <c r="K5551">
        <f t="shared" si="624"/>
        <v>0.29934520819099814</v>
      </c>
      <c r="L5551">
        <f t="shared" si="625"/>
        <v>4.8782640031151212</v>
      </c>
      <c r="M5551">
        <f t="shared" si="626"/>
        <v>0</v>
      </c>
      <c r="N5551" s="46">
        <f t="shared" si="627"/>
        <v>45521.87499998662</v>
      </c>
    </row>
    <row r="5552" spans="2:14" x14ac:dyDescent="0.3">
      <c r="B5552">
        <f t="shared" si="621"/>
        <v>6</v>
      </c>
      <c r="C5552" s="16">
        <v>5518</v>
      </c>
      <c r="D5552" cm="1">
        <f t="array" ref="D5552">IFERROR(INDEX(Jesper!AH$2:AH$366,ROUNDDOWN($C5552/24,0)+1,1)*INDEX($D$3:$AA$30,INDEX(Jesper!$R$2:$R$366,ROW(INDEX(Jesper!AH$2:AH$366,ROUNDDOWN($C5552/24,0)+1,1))-1)+IF('Standard Profiles'!$G$18=$B$10,7,0)+IF('Standard Profiles'!$G$18=$B$17,14,0)+IF('Standard Profiles'!$G$18=$B$24,21,0),MOD($C5552,24)+1)/SUM(INDEX($D$3:$AA$30,INDEX(Jesper!$R$2:$R$366,ROW(INDEX(Jesper!AH$2:AH$366,ROUNDDOWN($C5552/24,0)+1,1))-1)+IF('Standard Profiles'!$G$18=$B$10,7,0)+IF('Standard Profiles'!$G$18=$B$17,14,0)+IF('Standard Profiles'!$G$18=$B$24,21,0),0)),0)</f>
        <v>4.7724953628876357</v>
      </c>
      <c r="E5552" cm="1">
        <f t="array" ref="E5552">IFERROR(INDEX(Jesper!AI$2:AI$366,ROUNDDOWN($C5552/24,0)+1,1)*INDEX($D$3:$AA$30,INDEX(Jesper!$R$2:$R$366,ROW(INDEX(Jesper!AI$2:AI$366,ROUNDDOWN($C5552/24,0)+1,1))-1)+IF('Standard Profiles'!$G$19=$B$10,7,0)+IF('Standard Profiles'!$G$19=$B$17,14,0)+IF('Standard Profiles'!$G$19=$B$24,21,0),MOD($C5552,24)+1)/SUM(INDEX($D$3:$AA$30,INDEX(Jesper!$R$2:$R$366,ROW(INDEX(Jesper!AI$2:AI$366,ROUNDDOWN($C5552/24,0)+1,1))-1)+IF('Standard Profiles'!$G$19=$B$10,7,0)+IF('Standard Profiles'!$G$19=$B$17,14,0)+IF('Standard Profiles'!$G$19=$B$24,21,0),0)),0)</f>
        <v>0.66454636218401564</v>
      </c>
      <c r="F5552" cm="1">
        <f t="array" ref="F5552">IFERROR(INDEX(Jesper!AJ$2:AJ$366,ROUNDDOWN($C5552/24,0)+1,1)*INDEX($D$3:$AA$30,INDEX(Jesper!$R$2:$R$366,ROW(INDEX(Jesper!AJ$2:AJ$366,ROUNDDOWN($C5552/24,0)+1,1))-1)+IF('Standard Profiles'!$G$20=$B$10,7,0)+IF('Standard Profiles'!$G$20=$B$17,14,0)+IF('Standard Profiles'!$G$20=$B$24,21,0),MOD($C5552,24)+1)/SUM(INDEX($D$3:$AA$30,INDEX(Jesper!$R$2:$R$366,ROW(INDEX(Jesper!AJ$2:AJ$366,ROUNDDOWN($C5552/24,0)+1,1))-1)+IF('Standard Profiles'!$G$20=$B$10,7,0)+IF('Standard Profiles'!$G$20=$B$17,14,0)+IF('Standard Profiles'!$G$20=$B$24,21,0),0)),0)</f>
        <v>0</v>
      </c>
      <c r="G5552" cm="1">
        <f t="array" ref="G5552">IFERROR(INDEX(Jesper!AK$2:AK$366,ROUNDDOWN($C5552/24,0)+1,1)*INDEX($D$3:$AA$30,INDEX(Jesper!$R$2:$R$366,ROW(INDEX(Jesper!AK$2:AK$366,ROUNDDOWN($C5552/24,0)+1,1))-1)+IF('Standard Profiles'!$G$21=$B$10,7,0)+IF('Standard Profiles'!$G$21=$B$17,14,0)+IF('Standard Profiles'!$G$21=$B$24,21,0),MOD($C5552,24)+1)/SUM(INDEX($D$3:$AA$30,INDEX(Jesper!$R$2:$R$366,ROW(INDEX(Jesper!AK$2:AK$366,ROUNDDOWN($C5552/24,0)+1,1))-1)+IF('Standard Profiles'!$G$21=$B$10,7,0)+IF('Standard Profiles'!$G$21=$B$17,14,0)+IF('Standard Profiles'!$G$21=$B$24,21,0),0)),0)</f>
        <v>0</v>
      </c>
      <c r="H5552" cm="1">
        <f t="array" ref="H5552">IFERROR(INDEX(Jesper!AL$2:AL$366,ROUNDDOWN($C5552/24,0)+1,1)*INDEX($D$3:$AA$30,INDEX(Jesper!$R$2:$R$366,ROW(INDEX(Jesper!AL$2:AL$366,ROUNDDOWN($C5552/24,0)+1,1))-1)+IF('Standard Profiles'!$G$22=$B$10,7,0)+IF('Standard Profiles'!$G$22=$B$17,14,0)+IF('Standard Profiles'!$G$22=$B$24,21,0),MOD($C5552,24)+1)/SUM(INDEX($D$3:$AA$30,INDEX(Jesper!$R$2:$R$366,ROW(INDEX(Jesper!AL$2:AL$366,ROUNDDOWN($C5552/24,0)+1,1))-1)+IF('Standard Profiles'!$G$22=$B$10,7,0)+IF('Standard Profiles'!$G$22=$B$17,14,0)+IF('Standard Profiles'!$G$22=$B$24,21,0),0)),0)</f>
        <v>0</v>
      </c>
      <c r="I5552">
        <f t="shared" si="622"/>
        <v>5.9869041638199623E-2</v>
      </c>
      <c r="J5552">
        <f t="shared" si="623"/>
        <v>0.19956347212733211</v>
      </c>
      <c r="K5552">
        <f t="shared" si="624"/>
        <v>0.29934520819099814</v>
      </c>
      <c r="L5552">
        <f t="shared" si="625"/>
        <v>4.8782640031151212</v>
      </c>
      <c r="M5552">
        <f t="shared" si="626"/>
        <v>0</v>
      </c>
      <c r="N5552" s="46">
        <f t="shared" si="627"/>
        <v>45521.916666653284</v>
      </c>
    </row>
    <row r="5553" spans="2:14" x14ac:dyDescent="0.3">
      <c r="B5553">
        <f t="shared" si="621"/>
        <v>6</v>
      </c>
      <c r="C5553" s="16">
        <v>5519</v>
      </c>
      <c r="D5553" cm="1">
        <f t="array" ref="D5553">IFERROR(INDEX(Jesper!AH$2:AH$366,ROUNDDOWN($C5553/24,0)+1,1)*INDEX($D$3:$AA$30,INDEX(Jesper!$R$2:$R$366,ROW(INDEX(Jesper!AH$2:AH$366,ROUNDDOWN($C5553/24,0)+1,1))-1)+IF('Standard Profiles'!$G$18=$B$10,7,0)+IF('Standard Profiles'!$G$18=$B$17,14,0)+IF('Standard Profiles'!$G$18=$B$24,21,0),MOD($C5553,24)+1)/SUM(INDEX($D$3:$AA$30,INDEX(Jesper!$R$2:$R$366,ROW(INDEX(Jesper!AH$2:AH$366,ROUNDDOWN($C5553/24,0)+1,1))-1)+IF('Standard Profiles'!$G$18=$B$10,7,0)+IF('Standard Profiles'!$G$18=$B$17,14,0)+IF('Standard Profiles'!$G$18=$B$24,21,0),0)),0)</f>
        <v>4.7724953628876357</v>
      </c>
      <c r="E5553" cm="1">
        <f t="array" ref="E5553">IFERROR(INDEX(Jesper!AI$2:AI$366,ROUNDDOWN($C5553/24,0)+1,1)*INDEX($D$3:$AA$30,INDEX(Jesper!$R$2:$R$366,ROW(INDEX(Jesper!AI$2:AI$366,ROUNDDOWN($C5553/24,0)+1,1))-1)+IF('Standard Profiles'!$G$19=$B$10,7,0)+IF('Standard Profiles'!$G$19=$B$17,14,0)+IF('Standard Profiles'!$G$19=$B$24,21,0),MOD($C5553,24)+1)/SUM(INDEX($D$3:$AA$30,INDEX(Jesper!$R$2:$R$366,ROW(INDEX(Jesper!AI$2:AI$366,ROUNDDOWN($C5553/24,0)+1,1))-1)+IF('Standard Profiles'!$G$19=$B$10,7,0)+IF('Standard Profiles'!$G$19=$B$17,14,0)+IF('Standard Profiles'!$G$19=$B$24,21,0),0)),0)</f>
        <v>0.66454636218401564</v>
      </c>
      <c r="F5553" cm="1">
        <f t="array" ref="F5553">IFERROR(INDEX(Jesper!AJ$2:AJ$366,ROUNDDOWN($C5553/24,0)+1,1)*INDEX($D$3:$AA$30,INDEX(Jesper!$R$2:$R$366,ROW(INDEX(Jesper!AJ$2:AJ$366,ROUNDDOWN($C5553/24,0)+1,1))-1)+IF('Standard Profiles'!$G$20=$B$10,7,0)+IF('Standard Profiles'!$G$20=$B$17,14,0)+IF('Standard Profiles'!$G$20=$B$24,21,0),MOD($C5553,24)+1)/SUM(INDEX($D$3:$AA$30,INDEX(Jesper!$R$2:$R$366,ROW(INDEX(Jesper!AJ$2:AJ$366,ROUNDDOWN($C5553/24,0)+1,1))-1)+IF('Standard Profiles'!$G$20=$B$10,7,0)+IF('Standard Profiles'!$G$20=$B$17,14,0)+IF('Standard Profiles'!$G$20=$B$24,21,0),0)),0)</f>
        <v>0</v>
      </c>
      <c r="G5553" cm="1">
        <f t="array" ref="G5553">IFERROR(INDEX(Jesper!AK$2:AK$366,ROUNDDOWN($C5553/24,0)+1,1)*INDEX($D$3:$AA$30,INDEX(Jesper!$R$2:$R$366,ROW(INDEX(Jesper!AK$2:AK$366,ROUNDDOWN($C5553/24,0)+1,1))-1)+IF('Standard Profiles'!$G$21=$B$10,7,0)+IF('Standard Profiles'!$G$21=$B$17,14,0)+IF('Standard Profiles'!$G$21=$B$24,21,0),MOD($C5553,24)+1)/SUM(INDEX($D$3:$AA$30,INDEX(Jesper!$R$2:$R$366,ROW(INDEX(Jesper!AK$2:AK$366,ROUNDDOWN($C5553/24,0)+1,1))-1)+IF('Standard Profiles'!$G$21=$B$10,7,0)+IF('Standard Profiles'!$G$21=$B$17,14,0)+IF('Standard Profiles'!$G$21=$B$24,21,0),0)),0)</f>
        <v>0</v>
      </c>
      <c r="H5553" cm="1">
        <f t="array" ref="H5553">IFERROR(INDEX(Jesper!AL$2:AL$366,ROUNDDOWN($C5553/24,0)+1,1)*INDEX($D$3:$AA$30,INDEX(Jesper!$R$2:$R$366,ROW(INDEX(Jesper!AL$2:AL$366,ROUNDDOWN($C5553/24,0)+1,1))-1)+IF('Standard Profiles'!$G$22=$B$10,7,0)+IF('Standard Profiles'!$G$22=$B$17,14,0)+IF('Standard Profiles'!$G$22=$B$24,21,0),MOD($C5553,24)+1)/SUM(INDEX($D$3:$AA$30,INDEX(Jesper!$R$2:$R$366,ROW(INDEX(Jesper!AL$2:AL$366,ROUNDDOWN($C5553/24,0)+1,1))-1)+IF('Standard Profiles'!$G$22=$B$10,7,0)+IF('Standard Profiles'!$G$22=$B$17,14,0)+IF('Standard Profiles'!$G$22=$B$24,21,0),0)),0)</f>
        <v>0</v>
      </c>
      <c r="I5553">
        <f t="shared" si="622"/>
        <v>5.9869041638199623E-2</v>
      </c>
      <c r="J5553">
        <f t="shared" si="623"/>
        <v>0.19956347212733211</v>
      </c>
      <c r="K5553">
        <f t="shared" si="624"/>
        <v>0.29934520819099814</v>
      </c>
      <c r="L5553">
        <f t="shared" si="625"/>
        <v>4.8782640031151212</v>
      </c>
      <c r="M5553">
        <f t="shared" si="626"/>
        <v>0</v>
      </c>
      <c r="N5553" s="46">
        <f t="shared" si="627"/>
        <v>45521.958333319948</v>
      </c>
    </row>
    <row r="5554" spans="2:14" x14ac:dyDescent="0.3">
      <c r="B5554">
        <f t="shared" si="621"/>
        <v>7</v>
      </c>
      <c r="C5554" s="16">
        <v>5520</v>
      </c>
      <c r="D5554" cm="1">
        <f t="array" ref="D5554">IFERROR(INDEX(Jesper!AH$2:AH$366,ROUNDDOWN($C5554/24,0)+1,1)*INDEX($D$3:$AA$30,INDEX(Jesper!$R$2:$R$366,ROW(INDEX(Jesper!AH$2:AH$366,ROUNDDOWN($C5554/24,0)+1,1))-1)+IF('Standard Profiles'!$G$18=$B$10,7,0)+IF('Standard Profiles'!$G$18=$B$17,14,0)+IF('Standard Profiles'!$G$18=$B$24,21,0),MOD($C5554,24)+1)/SUM(INDEX($D$3:$AA$30,INDEX(Jesper!$R$2:$R$366,ROW(INDEX(Jesper!AH$2:AH$366,ROUNDDOWN($C5554/24,0)+1,1))-1)+IF('Standard Profiles'!$G$18=$B$10,7,0)+IF('Standard Profiles'!$G$18=$B$17,14,0)+IF('Standard Profiles'!$G$18=$B$24,21,0),0)),0)</f>
        <v>5.3867713148759435</v>
      </c>
      <c r="E5554" cm="1">
        <f t="array" ref="E5554">IFERROR(INDEX(Jesper!AI$2:AI$366,ROUNDDOWN($C5554/24,0)+1,1)*INDEX($D$3:$AA$30,INDEX(Jesper!$R$2:$R$366,ROW(INDEX(Jesper!AI$2:AI$366,ROUNDDOWN($C5554/24,0)+1,1))-1)+IF('Standard Profiles'!$G$19=$B$10,7,0)+IF('Standard Profiles'!$G$19=$B$17,14,0)+IF('Standard Profiles'!$G$19=$B$24,21,0),MOD($C5554,24)+1)/SUM(INDEX($D$3:$AA$30,INDEX(Jesper!$R$2:$R$366,ROW(INDEX(Jesper!AI$2:AI$366,ROUNDDOWN($C5554/24,0)+1,1))-1)+IF('Standard Profiles'!$G$19=$B$10,7,0)+IF('Standard Profiles'!$G$19=$B$17,14,0)+IF('Standard Profiles'!$G$19=$B$24,21,0),0)),0)</f>
        <v>0.74815844920752772</v>
      </c>
      <c r="F5554" cm="1">
        <f t="array" ref="F5554">IFERROR(INDEX(Jesper!AJ$2:AJ$366,ROUNDDOWN($C5554/24,0)+1,1)*INDEX($D$3:$AA$30,INDEX(Jesper!$R$2:$R$366,ROW(INDEX(Jesper!AJ$2:AJ$366,ROUNDDOWN($C5554/24,0)+1,1))-1)+IF('Standard Profiles'!$G$20=$B$10,7,0)+IF('Standard Profiles'!$G$20=$B$17,14,0)+IF('Standard Profiles'!$G$20=$B$24,21,0),MOD($C5554,24)+1)/SUM(INDEX($D$3:$AA$30,INDEX(Jesper!$R$2:$R$366,ROW(INDEX(Jesper!AJ$2:AJ$366,ROUNDDOWN($C5554/24,0)+1,1))-1)+IF('Standard Profiles'!$G$20=$B$10,7,0)+IF('Standard Profiles'!$G$20=$B$17,14,0)+IF('Standard Profiles'!$G$20=$B$24,21,0),0)),0)</f>
        <v>0</v>
      </c>
      <c r="G5554" cm="1">
        <f t="array" ref="G5554">IFERROR(INDEX(Jesper!AK$2:AK$366,ROUNDDOWN($C5554/24,0)+1,1)*INDEX($D$3:$AA$30,INDEX(Jesper!$R$2:$R$366,ROW(INDEX(Jesper!AK$2:AK$366,ROUNDDOWN($C5554/24,0)+1,1))-1)+IF('Standard Profiles'!$G$21=$B$10,7,0)+IF('Standard Profiles'!$G$21=$B$17,14,0)+IF('Standard Profiles'!$G$21=$B$24,21,0),MOD($C5554,24)+1)/SUM(INDEX($D$3:$AA$30,INDEX(Jesper!$R$2:$R$366,ROW(INDEX(Jesper!AK$2:AK$366,ROUNDDOWN($C5554/24,0)+1,1))-1)+IF('Standard Profiles'!$G$21=$B$10,7,0)+IF('Standard Profiles'!$G$21=$B$17,14,0)+IF('Standard Profiles'!$G$21=$B$24,21,0),0)),0)</f>
        <v>0</v>
      </c>
      <c r="H5554" cm="1">
        <f t="array" ref="H5554">IFERROR(INDEX(Jesper!AL$2:AL$366,ROUNDDOWN($C5554/24,0)+1,1)*INDEX($D$3:$AA$30,INDEX(Jesper!$R$2:$R$366,ROW(INDEX(Jesper!AL$2:AL$366,ROUNDDOWN($C5554/24,0)+1,1))-1)+IF('Standard Profiles'!$G$22=$B$10,7,0)+IF('Standard Profiles'!$G$22=$B$17,14,0)+IF('Standard Profiles'!$G$22=$B$24,21,0),MOD($C5554,24)+1)/SUM(INDEX($D$3:$AA$30,INDEX(Jesper!$R$2:$R$366,ROW(INDEX(Jesper!AL$2:AL$366,ROUNDDOWN($C5554/24,0)+1,1))-1)+IF('Standard Profiles'!$G$22=$B$10,7,0)+IF('Standard Profiles'!$G$22=$B$17,14,0)+IF('Standard Profiles'!$G$22=$B$24,21,0),0)),0)</f>
        <v>0</v>
      </c>
      <c r="I5554">
        <f t="shared" si="622"/>
        <v>6.7401662090768283E-2</v>
      </c>
      <c r="J5554">
        <f t="shared" si="623"/>
        <v>0.22467220696922763</v>
      </c>
      <c r="K5554">
        <f t="shared" si="624"/>
        <v>0.33700831045384144</v>
      </c>
      <c r="L5554">
        <f t="shared" si="625"/>
        <v>5.5058475845696337</v>
      </c>
      <c r="M5554">
        <f t="shared" si="626"/>
        <v>0</v>
      </c>
      <c r="N5554" s="46">
        <f t="shared" si="627"/>
        <v>45521.999999986612</v>
      </c>
    </row>
    <row r="5555" spans="2:14" x14ac:dyDescent="0.3">
      <c r="B5555">
        <f t="shared" si="621"/>
        <v>7</v>
      </c>
      <c r="C5555" s="16">
        <v>5521</v>
      </c>
      <c r="D5555" cm="1">
        <f t="array" ref="D5555">IFERROR(INDEX(Jesper!AH$2:AH$366,ROUNDDOWN($C5555/24,0)+1,1)*INDEX($D$3:$AA$30,INDEX(Jesper!$R$2:$R$366,ROW(INDEX(Jesper!AH$2:AH$366,ROUNDDOWN($C5555/24,0)+1,1))-1)+IF('Standard Profiles'!$G$18=$B$10,7,0)+IF('Standard Profiles'!$G$18=$B$17,14,0)+IF('Standard Profiles'!$G$18=$B$24,21,0),MOD($C5555,24)+1)/SUM(INDEX($D$3:$AA$30,INDEX(Jesper!$R$2:$R$366,ROW(INDEX(Jesper!AH$2:AH$366,ROUNDDOWN($C5555/24,0)+1,1))-1)+IF('Standard Profiles'!$G$18=$B$10,7,0)+IF('Standard Profiles'!$G$18=$B$17,14,0)+IF('Standard Profiles'!$G$18=$B$24,21,0),0)),0)</f>
        <v>6.2556053979204505</v>
      </c>
      <c r="E5555" cm="1">
        <f t="array" ref="E5555">IFERROR(INDEX(Jesper!AI$2:AI$366,ROUNDDOWN($C5555/24,0)+1,1)*INDEX($D$3:$AA$30,INDEX(Jesper!$R$2:$R$366,ROW(INDEX(Jesper!AI$2:AI$366,ROUNDDOWN($C5555/24,0)+1,1))-1)+IF('Standard Profiles'!$G$19=$B$10,7,0)+IF('Standard Profiles'!$G$19=$B$17,14,0)+IF('Standard Profiles'!$G$19=$B$24,21,0),MOD($C5555,24)+1)/SUM(INDEX($D$3:$AA$30,INDEX(Jesper!$R$2:$R$366,ROW(INDEX(Jesper!AI$2:AI$366,ROUNDDOWN($C5555/24,0)+1,1))-1)+IF('Standard Profiles'!$G$19=$B$10,7,0)+IF('Standard Profiles'!$G$19=$B$17,14,0)+IF('Standard Profiles'!$G$19=$B$24,21,0),0)),0)</f>
        <v>0.86882916682164502</v>
      </c>
      <c r="F5555" cm="1">
        <f t="array" ref="F5555">IFERROR(INDEX(Jesper!AJ$2:AJ$366,ROUNDDOWN($C5555/24,0)+1,1)*INDEX($D$3:$AA$30,INDEX(Jesper!$R$2:$R$366,ROW(INDEX(Jesper!AJ$2:AJ$366,ROUNDDOWN($C5555/24,0)+1,1))-1)+IF('Standard Profiles'!$G$20=$B$10,7,0)+IF('Standard Profiles'!$G$20=$B$17,14,0)+IF('Standard Profiles'!$G$20=$B$24,21,0),MOD($C5555,24)+1)/SUM(INDEX($D$3:$AA$30,INDEX(Jesper!$R$2:$R$366,ROW(INDEX(Jesper!AJ$2:AJ$366,ROUNDDOWN($C5555/24,0)+1,1))-1)+IF('Standard Profiles'!$G$20=$B$10,7,0)+IF('Standard Profiles'!$G$20=$B$17,14,0)+IF('Standard Profiles'!$G$20=$B$24,21,0),0)),0)</f>
        <v>0</v>
      </c>
      <c r="G5555" cm="1">
        <f t="array" ref="G5555">IFERROR(INDEX(Jesper!AK$2:AK$366,ROUNDDOWN($C5555/24,0)+1,1)*INDEX($D$3:$AA$30,INDEX(Jesper!$R$2:$R$366,ROW(INDEX(Jesper!AK$2:AK$366,ROUNDDOWN($C5555/24,0)+1,1))-1)+IF('Standard Profiles'!$G$21=$B$10,7,0)+IF('Standard Profiles'!$G$21=$B$17,14,0)+IF('Standard Profiles'!$G$21=$B$24,21,0),MOD($C5555,24)+1)/SUM(INDEX($D$3:$AA$30,INDEX(Jesper!$R$2:$R$366,ROW(INDEX(Jesper!AK$2:AK$366,ROUNDDOWN($C5555/24,0)+1,1))-1)+IF('Standard Profiles'!$G$21=$B$10,7,0)+IF('Standard Profiles'!$G$21=$B$17,14,0)+IF('Standard Profiles'!$G$21=$B$24,21,0),0)),0)</f>
        <v>0</v>
      </c>
      <c r="H5555" cm="1">
        <f t="array" ref="H5555">IFERROR(INDEX(Jesper!AL$2:AL$366,ROUNDDOWN($C5555/24,0)+1,1)*INDEX($D$3:$AA$30,INDEX(Jesper!$R$2:$R$366,ROW(INDEX(Jesper!AL$2:AL$366,ROUNDDOWN($C5555/24,0)+1,1))-1)+IF('Standard Profiles'!$G$22=$B$10,7,0)+IF('Standard Profiles'!$G$22=$B$17,14,0)+IF('Standard Profiles'!$G$22=$B$24,21,0),MOD($C5555,24)+1)/SUM(INDEX($D$3:$AA$30,INDEX(Jesper!$R$2:$R$366,ROW(INDEX(Jesper!AL$2:AL$366,ROUNDDOWN($C5555/24,0)+1,1))-1)+IF('Standard Profiles'!$G$22=$B$10,7,0)+IF('Standard Profiles'!$G$22=$B$17,14,0)+IF('Standard Profiles'!$G$22=$B$24,21,0),0)),0)</f>
        <v>0</v>
      </c>
      <c r="I5555">
        <f t="shared" si="622"/>
        <v>7.8272897911859929E-2</v>
      </c>
      <c r="J5555">
        <f t="shared" si="623"/>
        <v>0.26090965970619978</v>
      </c>
      <c r="K5555">
        <f t="shared" si="624"/>
        <v>0.3913644895592997</v>
      </c>
      <c r="L5555">
        <f t="shared" si="625"/>
        <v>6.3938875175647363</v>
      </c>
      <c r="M5555">
        <f t="shared" si="626"/>
        <v>0</v>
      </c>
      <c r="N5555" s="46">
        <f t="shared" si="627"/>
        <v>45522.041666653276</v>
      </c>
    </row>
    <row r="5556" spans="2:14" x14ac:dyDescent="0.3">
      <c r="B5556">
        <f t="shared" si="621"/>
        <v>7</v>
      </c>
      <c r="C5556" s="16">
        <v>5522</v>
      </c>
      <c r="D5556" cm="1">
        <f t="array" ref="D5556">IFERROR(INDEX(Jesper!AH$2:AH$366,ROUNDDOWN($C5556/24,0)+1,1)*INDEX($D$3:$AA$30,INDEX(Jesper!$R$2:$R$366,ROW(INDEX(Jesper!AH$2:AH$366,ROUNDDOWN($C5556/24,0)+1,1))-1)+IF('Standard Profiles'!$G$18=$B$10,7,0)+IF('Standard Profiles'!$G$18=$B$17,14,0)+IF('Standard Profiles'!$G$18=$B$24,21,0),MOD($C5556,24)+1)/SUM(INDEX($D$3:$AA$30,INDEX(Jesper!$R$2:$R$366,ROW(INDEX(Jesper!AH$2:AH$366,ROUNDDOWN($C5556/24,0)+1,1))-1)+IF('Standard Profiles'!$G$18=$B$10,7,0)+IF('Standard Profiles'!$G$18=$B$17,14,0)+IF('Standard Profiles'!$G$18=$B$24,21,0),0)),0)</f>
        <v>6.2556053979204505</v>
      </c>
      <c r="E5556" cm="1">
        <f t="array" ref="E5556">IFERROR(INDEX(Jesper!AI$2:AI$366,ROUNDDOWN($C5556/24,0)+1,1)*INDEX($D$3:$AA$30,INDEX(Jesper!$R$2:$R$366,ROW(INDEX(Jesper!AI$2:AI$366,ROUNDDOWN($C5556/24,0)+1,1))-1)+IF('Standard Profiles'!$G$19=$B$10,7,0)+IF('Standard Profiles'!$G$19=$B$17,14,0)+IF('Standard Profiles'!$G$19=$B$24,21,0),MOD($C5556,24)+1)/SUM(INDEX($D$3:$AA$30,INDEX(Jesper!$R$2:$R$366,ROW(INDEX(Jesper!AI$2:AI$366,ROUNDDOWN($C5556/24,0)+1,1))-1)+IF('Standard Profiles'!$G$19=$B$10,7,0)+IF('Standard Profiles'!$G$19=$B$17,14,0)+IF('Standard Profiles'!$G$19=$B$24,21,0),0)),0)</f>
        <v>0.86882916682164502</v>
      </c>
      <c r="F5556" cm="1">
        <f t="array" ref="F5556">IFERROR(INDEX(Jesper!AJ$2:AJ$366,ROUNDDOWN($C5556/24,0)+1,1)*INDEX($D$3:$AA$30,INDEX(Jesper!$R$2:$R$366,ROW(INDEX(Jesper!AJ$2:AJ$366,ROUNDDOWN($C5556/24,0)+1,1))-1)+IF('Standard Profiles'!$G$20=$B$10,7,0)+IF('Standard Profiles'!$G$20=$B$17,14,0)+IF('Standard Profiles'!$G$20=$B$24,21,0),MOD($C5556,24)+1)/SUM(INDEX($D$3:$AA$30,INDEX(Jesper!$R$2:$R$366,ROW(INDEX(Jesper!AJ$2:AJ$366,ROUNDDOWN($C5556/24,0)+1,1))-1)+IF('Standard Profiles'!$G$20=$B$10,7,0)+IF('Standard Profiles'!$G$20=$B$17,14,0)+IF('Standard Profiles'!$G$20=$B$24,21,0),0)),0)</f>
        <v>0</v>
      </c>
      <c r="G5556" cm="1">
        <f t="array" ref="G5556">IFERROR(INDEX(Jesper!AK$2:AK$366,ROUNDDOWN($C5556/24,0)+1,1)*INDEX($D$3:$AA$30,INDEX(Jesper!$R$2:$R$366,ROW(INDEX(Jesper!AK$2:AK$366,ROUNDDOWN($C5556/24,0)+1,1))-1)+IF('Standard Profiles'!$G$21=$B$10,7,0)+IF('Standard Profiles'!$G$21=$B$17,14,0)+IF('Standard Profiles'!$G$21=$B$24,21,0),MOD($C5556,24)+1)/SUM(INDEX($D$3:$AA$30,INDEX(Jesper!$R$2:$R$366,ROW(INDEX(Jesper!AK$2:AK$366,ROUNDDOWN($C5556/24,0)+1,1))-1)+IF('Standard Profiles'!$G$21=$B$10,7,0)+IF('Standard Profiles'!$G$21=$B$17,14,0)+IF('Standard Profiles'!$G$21=$B$24,21,0),0)),0)</f>
        <v>0</v>
      </c>
      <c r="H5556" cm="1">
        <f t="array" ref="H5556">IFERROR(INDEX(Jesper!AL$2:AL$366,ROUNDDOWN($C5556/24,0)+1,1)*INDEX($D$3:$AA$30,INDEX(Jesper!$R$2:$R$366,ROW(INDEX(Jesper!AL$2:AL$366,ROUNDDOWN($C5556/24,0)+1,1))-1)+IF('Standard Profiles'!$G$22=$B$10,7,0)+IF('Standard Profiles'!$G$22=$B$17,14,0)+IF('Standard Profiles'!$G$22=$B$24,21,0),MOD($C5556,24)+1)/SUM(INDEX($D$3:$AA$30,INDEX(Jesper!$R$2:$R$366,ROW(INDEX(Jesper!AL$2:AL$366,ROUNDDOWN($C5556/24,0)+1,1))-1)+IF('Standard Profiles'!$G$22=$B$10,7,0)+IF('Standard Profiles'!$G$22=$B$17,14,0)+IF('Standard Profiles'!$G$22=$B$24,21,0),0)),0)</f>
        <v>0</v>
      </c>
      <c r="I5556">
        <f t="shared" si="622"/>
        <v>7.8272897911859929E-2</v>
      </c>
      <c r="J5556">
        <f t="shared" si="623"/>
        <v>0.26090965970619978</v>
      </c>
      <c r="K5556">
        <f t="shared" si="624"/>
        <v>0.3913644895592997</v>
      </c>
      <c r="L5556">
        <f t="shared" si="625"/>
        <v>6.3938875175647363</v>
      </c>
      <c r="M5556">
        <f t="shared" si="626"/>
        <v>0</v>
      </c>
      <c r="N5556" s="46">
        <f t="shared" si="627"/>
        <v>45522.083333319941</v>
      </c>
    </row>
    <row r="5557" spans="2:14" x14ac:dyDescent="0.3">
      <c r="B5557">
        <f t="shared" si="621"/>
        <v>7</v>
      </c>
      <c r="C5557" s="16">
        <v>5523</v>
      </c>
      <c r="D5557" cm="1">
        <f t="array" ref="D5557">IFERROR(INDEX(Jesper!AH$2:AH$366,ROUNDDOWN($C5557/24,0)+1,1)*INDEX($D$3:$AA$30,INDEX(Jesper!$R$2:$R$366,ROW(INDEX(Jesper!AH$2:AH$366,ROUNDDOWN($C5557/24,0)+1,1))-1)+IF('Standard Profiles'!$G$18=$B$10,7,0)+IF('Standard Profiles'!$G$18=$B$17,14,0)+IF('Standard Profiles'!$G$18=$B$24,21,0),MOD($C5557,24)+1)/SUM(INDEX($D$3:$AA$30,INDEX(Jesper!$R$2:$R$366,ROW(INDEX(Jesper!AH$2:AH$366,ROUNDDOWN($C5557/24,0)+1,1))-1)+IF('Standard Profiles'!$G$18=$B$10,7,0)+IF('Standard Profiles'!$G$18=$B$17,14,0)+IF('Standard Profiles'!$G$18=$B$24,21,0),0)),0)</f>
        <v>6.2556053979204505</v>
      </c>
      <c r="E5557" cm="1">
        <f t="array" ref="E5557">IFERROR(INDEX(Jesper!AI$2:AI$366,ROUNDDOWN($C5557/24,0)+1,1)*INDEX($D$3:$AA$30,INDEX(Jesper!$R$2:$R$366,ROW(INDEX(Jesper!AI$2:AI$366,ROUNDDOWN($C5557/24,0)+1,1))-1)+IF('Standard Profiles'!$G$19=$B$10,7,0)+IF('Standard Profiles'!$G$19=$B$17,14,0)+IF('Standard Profiles'!$G$19=$B$24,21,0),MOD($C5557,24)+1)/SUM(INDEX($D$3:$AA$30,INDEX(Jesper!$R$2:$R$366,ROW(INDEX(Jesper!AI$2:AI$366,ROUNDDOWN($C5557/24,0)+1,1))-1)+IF('Standard Profiles'!$G$19=$B$10,7,0)+IF('Standard Profiles'!$G$19=$B$17,14,0)+IF('Standard Profiles'!$G$19=$B$24,21,0),0)),0)</f>
        <v>0.86882916682164502</v>
      </c>
      <c r="F5557" cm="1">
        <f t="array" ref="F5557">IFERROR(INDEX(Jesper!AJ$2:AJ$366,ROUNDDOWN($C5557/24,0)+1,1)*INDEX($D$3:$AA$30,INDEX(Jesper!$R$2:$R$366,ROW(INDEX(Jesper!AJ$2:AJ$366,ROUNDDOWN($C5557/24,0)+1,1))-1)+IF('Standard Profiles'!$G$20=$B$10,7,0)+IF('Standard Profiles'!$G$20=$B$17,14,0)+IF('Standard Profiles'!$G$20=$B$24,21,0),MOD($C5557,24)+1)/SUM(INDEX($D$3:$AA$30,INDEX(Jesper!$R$2:$R$366,ROW(INDEX(Jesper!AJ$2:AJ$366,ROUNDDOWN($C5557/24,0)+1,1))-1)+IF('Standard Profiles'!$G$20=$B$10,7,0)+IF('Standard Profiles'!$G$20=$B$17,14,0)+IF('Standard Profiles'!$G$20=$B$24,21,0),0)),0)</f>
        <v>0</v>
      </c>
      <c r="G5557" cm="1">
        <f t="array" ref="G5557">IFERROR(INDEX(Jesper!AK$2:AK$366,ROUNDDOWN($C5557/24,0)+1,1)*INDEX($D$3:$AA$30,INDEX(Jesper!$R$2:$R$366,ROW(INDEX(Jesper!AK$2:AK$366,ROUNDDOWN($C5557/24,0)+1,1))-1)+IF('Standard Profiles'!$G$21=$B$10,7,0)+IF('Standard Profiles'!$G$21=$B$17,14,0)+IF('Standard Profiles'!$G$21=$B$24,21,0),MOD($C5557,24)+1)/SUM(INDEX($D$3:$AA$30,INDEX(Jesper!$R$2:$R$366,ROW(INDEX(Jesper!AK$2:AK$366,ROUNDDOWN($C5557/24,0)+1,1))-1)+IF('Standard Profiles'!$G$21=$B$10,7,0)+IF('Standard Profiles'!$G$21=$B$17,14,0)+IF('Standard Profiles'!$G$21=$B$24,21,0),0)),0)</f>
        <v>0</v>
      </c>
      <c r="H5557" cm="1">
        <f t="array" ref="H5557">IFERROR(INDEX(Jesper!AL$2:AL$366,ROUNDDOWN($C5557/24,0)+1,1)*INDEX($D$3:$AA$30,INDEX(Jesper!$R$2:$R$366,ROW(INDEX(Jesper!AL$2:AL$366,ROUNDDOWN($C5557/24,0)+1,1))-1)+IF('Standard Profiles'!$G$22=$B$10,7,0)+IF('Standard Profiles'!$G$22=$B$17,14,0)+IF('Standard Profiles'!$G$22=$B$24,21,0),MOD($C5557,24)+1)/SUM(INDEX($D$3:$AA$30,INDEX(Jesper!$R$2:$R$366,ROW(INDEX(Jesper!AL$2:AL$366,ROUNDDOWN($C5557/24,0)+1,1))-1)+IF('Standard Profiles'!$G$22=$B$10,7,0)+IF('Standard Profiles'!$G$22=$B$17,14,0)+IF('Standard Profiles'!$G$22=$B$24,21,0),0)),0)</f>
        <v>0</v>
      </c>
      <c r="I5557">
        <f t="shared" si="622"/>
        <v>7.8272897911859929E-2</v>
      </c>
      <c r="J5557">
        <f t="shared" si="623"/>
        <v>0.26090965970619978</v>
      </c>
      <c r="K5557">
        <f t="shared" si="624"/>
        <v>0.3913644895592997</v>
      </c>
      <c r="L5557">
        <f t="shared" si="625"/>
        <v>6.3938875175647363</v>
      </c>
      <c r="M5557">
        <f t="shared" si="626"/>
        <v>0</v>
      </c>
      <c r="N5557" s="46">
        <f t="shared" si="627"/>
        <v>45522.124999986605</v>
      </c>
    </row>
    <row r="5558" spans="2:14" x14ac:dyDescent="0.3">
      <c r="B5558">
        <f t="shared" si="621"/>
        <v>7</v>
      </c>
      <c r="C5558" s="16">
        <v>5524</v>
      </c>
      <c r="D5558" cm="1">
        <f t="array" ref="D5558">IFERROR(INDEX(Jesper!AH$2:AH$366,ROUNDDOWN($C5558/24,0)+1,1)*INDEX($D$3:$AA$30,INDEX(Jesper!$R$2:$R$366,ROW(INDEX(Jesper!AH$2:AH$366,ROUNDDOWN($C5558/24,0)+1,1))-1)+IF('Standard Profiles'!$G$18=$B$10,7,0)+IF('Standard Profiles'!$G$18=$B$17,14,0)+IF('Standard Profiles'!$G$18=$B$24,21,0),MOD($C5558,24)+1)/SUM(INDEX($D$3:$AA$30,INDEX(Jesper!$R$2:$R$366,ROW(INDEX(Jesper!AH$2:AH$366,ROUNDDOWN($C5558/24,0)+1,1))-1)+IF('Standard Profiles'!$G$18=$B$10,7,0)+IF('Standard Profiles'!$G$18=$B$17,14,0)+IF('Standard Profiles'!$G$18=$B$24,21,0),0)),0)</f>
        <v>6.2556053979204505</v>
      </c>
      <c r="E5558" cm="1">
        <f t="array" ref="E5558">IFERROR(INDEX(Jesper!AI$2:AI$366,ROUNDDOWN($C5558/24,0)+1,1)*INDEX($D$3:$AA$30,INDEX(Jesper!$R$2:$R$366,ROW(INDEX(Jesper!AI$2:AI$366,ROUNDDOWN($C5558/24,0)+1,1))-1)+IF('Standard Profiles'!$G$19=$B$10,7,0)+IF('Standard Profiles'!$G$19=$B$17,14,0)+IF('Standard Profiles'!$G$19=$B$24,21,0),MOD($C5558,24)+1)/SUM(INDEX($D$3:$AA$30,INDEX(Jesper!$R$2:$R$366,ROW(INDEX(Jesper!AI$2:AI$366,ROUNDDOWN($C5558/24,0)+1,1))-1)+IF('Standard Profiles'!$G$19=$B$10,7,0)+IF('Standard Profiles'!$G$19=$B$17,14,0)+IF('Standard Profiles'!$G$19=$B$24,21,0),0)),0)</f>
        <v>0.86882916682164502</v>
      </c>
      <c r="F5558" cm="1">
        <f t="array" ref="F5558">IFERROR(INDEX(Jesper!AJ$2:AJ$366,ROUNDDOWN($C5558/24,0)+1,1)*INDEX($D$3:$AA$30,INDEX(Jesper!$R$2:$R$366,ROW(INDEX(Jesper!AJ$2:AJ$366,ROUNDDOWN($C5558/24,0)+1,1))-1)+IF('Standard Profiles'!$G$20=$B$10,7,0)+IF('Standard Profiles'!$G$20=$B$17,14,0)+IF('Standard Profiles'!$G$20=$B$24,21,0),MOD($C5558,24)+1)/SUM(INDEX($D$3:$AA$30,INDEX(Jesper!$R$2:$R$366,ROW(INDEX(Jesper!AJ$2:AJ$366,ROUNDDOWN($C5558/24,0)+1,1))-1)+IF('Standard Profiles'!$G$20=$B$10,7,0)+IF('Standard Profiles'!$G$20=$B$17,14,0)+IF('Standard Profiles'!$G$20=$B$24,21,0),0)),0)</f>
        <v>0</v>
      </c>
      <c r="G5558" cm="1">
        <f t="array" ref="G5558">IFERROR(INDEX(Jesper!AK$2:AK$366,ROUNDDOWN($C5558/24,0)+1,1)*INDEX($D$3:$AA$30,INDEX(Jesper!$R$2:$R$366,ROW(INDEX(Jesper!AK$2:AK$366,ROUNDDOWN($C5558/24,0)+1,1))-1)+IF('Standard Profiles'!$G$21=$B$10,7,0)+IF('Standard Profiles'!$G$21=$B$17,14,0)+IF('Standard Profiles'!$G$21=$B$24,21,0),MOD($C5558,24)+1)/SUM(INDEX($D$3:$AA$30,INDEX(Jesper!$R$2:$R$366,ROW(INDEX(Jesper!AK$2:AK$366,ROUNDDOWN($C5558/24,0)+1,1))-1)+IF('Standard Profiles'!$G$21=$B$10,7,0)+IF('Standard Profiles'!$G$21=$B$17,14,0)+IF('Standard Profiles'!$G$21=$B$24,21,0),0)),0)</f>
        <v>0</v>
      </c>
      <c r="H5558" cm="1">
        <f t="array" ref="H5558">IFERROR(INDEX(Jesper!AL$2:AL$366,ROUNDDOWN($C5558/24,0)+1,1)*INDEX($D$3:$AA$30,INDEX(Jesper!$R$2:$R$366,ROW(INDEX(Jesper!AL$2:AL$366,ROUNDDOWN($C5558/24,0)+1,1))-1)+IF('Standard Profiles'!$G$22=$B$10,7,0)+IF('Standard Profiles'!$G$22=$B$17,14,0)+IF('Standard Profiles'!$G$22=$B$24,21,0),MOD($C5558,24)+1)/SUM(INDEX($D$3:$AA$30,INDEX(Jesper!$R$2:$R$366,ROW(INDEX(Jesper!AL$2:AL$366,ROUNDDOWN($C5558/24,0)+1,1))-1)+IF('Standard Profiles'!$G$22=$B$10,7,0)+IF('Standard Profiles'!$G$22=$B$17,14,0)+IF('Standard Profiles'!$G$22=$B$24,21,0),0)),0)</f>
        <v>0</v>
      </c>
      <c r="I5558">
        <f t="shared" si="622"/>
        <v>7.8272897911859929E-2</v>
      </c>
      <c r="J5558">
        <f t="shared" si="623"/>
        <v>0.26090965970619978</v>
      </c>
      <c r="K5558">
        <f t="shared" si="624"/>
        <v>0.3913644895592997</v>
      </c>
      <c r="L5558">
        <f t="shared" si="625"/>
        <v>6.3938875175647363</v>
      </c>
      <c r="M5558">
        <f t="shared" si="626"/>
        <v>0</v>
      </c>
      <c r="N5558" s="46">
        <f t="shared" si="627"/>
        <v>45522.166666653269</v>
      </c>
    </row>
    <row r="5559" spans="2:14" x14ac:dyDescent="0.3">
      <c r="B5559">
        <f t="shared" si="621"/>
        <v>7</v>
      </c>
      <c r="C5559" s="16">
        <v>5525</v>
      </c>
      <c r="D5559" cm="1">
        <f t="array" ref="D5559">IFERROR(INDEX(Jesper!AH$2:AH$366,ROUNDDOWN($C5559/24,0)+1,1)*INDEX($D$3:$AA$30,INDEX(Jesper!$R$2:$R$366,ROW(INDEX(Jesper!AH$2:AH$366,ROUNDDOWN($C5559/24,0)+1,1))-1)+IF('Standard Profiles'!$G$18=$B$10,7,0)+IF('Standard Profiles'!$G$18=$B$17,14,0)+IF('Standard Profiles'!$G$18=$B$24,21,0),MOD($C5559,24)+1)/SUM(INDEX($D$3:$AA$30,INDEX(Jesper!$R$2:$R$366,ROW(INDEX(Jesper!AH$2:AH$366,ROUNDDOWN($C5559/24,0)+1,1))-1)+IF('Standard Profiles'!$G$18=$B$10,7,0)+IF('Standard Profiles'!$G$18=$B$17,14,0)+IF('Standard Profiles'!$G$18=$B$24,21,0),0)),0)</f>
        <v>7.8195067474005624</v>
      </c>
      <c r="E5559" cm="1">
        <f t="array" ref="E5559">IFERROR(INDEX(Jesper!AI$2:AI$366,ROUNDDOWN($C5559/24,0)+1,1)*INDEX($D$3:$AA$30,INDEX(Jesper!$R$2:$R$366,ROW(INDEX(Jesper!AI$2:AI$366,ROUNDDOWN($C5559/24,0)+1,1))-1)+IF('Standard Profiles'!$G$19=$B$10,7,0)+IF('Standard Profiles'!$G$19=$B$17,14,0)+IF('Standard Profiles'!$G$19=$B$24,21,0),MOD($C5559,24)+1)/SUM(INDEX($D$3:$AA$30,INDEX(Jesper!$R$2:$R$366,ROW(INDEX(Jesper!AI$2:AI$366,ROUNDDOWN($C5559/24,0)+1,1))-1)+IF('Standard Profiles'!$G$19=$B$10,7,0)+IF('Standard Profiles'!$G$19=$B$17,14,0)+IF('Standard Profiles'!$G$19=$B$24,21,0),0)),0)</f>
        <v>1.0860364585270563</v>
      </c>
      <c r="F5559" cm="1">
        <f t="array" ref="F5559">IFERROR(INDEX(Jesper!AJ$2:AJ$366,ROUNDDOWN($C5559/24,0)+1,1)*INDEX($D$3:$AA$30,INDEX(Jesper!$R$2:$R$366,ROW(INDEX(Jesper!AJ$2:AJ$366,ROUNDDOWN($C5559/24,0)+1,1))-1)+IF('Standard Profiles'!$G$20=$B$10,7,0)+IF('Standard Profiles'!$G$20=$B$17,14,0)+IF('Standard Profiles'!$G$20=$B$24,21,0),MOD($C5559,24)+1)/SUM(INDEX($D$3:$AA$30,INDEX(Jesper!$R$2:$R$366,ROW(INDEX(Jesper!AJ$2:AJ$366,ROUNDDOWN($C5559/24,0)+1,1))-1)+IF('Standard Profiles'!$G$20=$B$10,7,0)+IF('Standard Profiles'!$G$20=$B$17,14,0)+IF('Standard Profiles'!$G$20=$B$24,21,0),0)),0)</f>
        <v>0</v>
      </c>
      <c r="G5559" cm="1">
        <f t="array" ref="G5559">IFERROR(INDEX(Jesper!AK$2:AK$366,ROUNDDOWN($C5559/24,0)+1,1)*INDEX($D$3:$AA$30,INDEX(Jesper!$R$2:$R$366,ROW(INDEX(Jesper!AK$2:AK$366,ROUNDDOWN($C5559/24,0)+1,1))-1)+IF('Standard Profiles'!$G$21=$B$10,7,0)+IF('Standard Profiles'!$G$21=$B$17,14,0)+IF('Standard Profiles'!$G$21=$B$24,21,0),MOD($C5559,24)+1)/SUM(INDEX($D$3:$AA$30,INDEX(Jesper!$R$2:$R$366,ROW(INDEX(Jesper!AK$2:AK$366,ROUNDDOWN($C5559/24,0)+1,1))-1)+IF('Standard Profiles'!$G$21=$B$10,7,0)+IF('Standard Profiles'!$G$21=$B$17,14,0)+IF('Standard Profiles'!$G$21=$B$24,21,0),0)),0)</f>
        <v>0</v>
      </c>
      <c r="H5559" cm="1">
        <f t="array" ref="H5559">IFERROR(INDEX(Jesper!AL$2:AL$366,ROUNDDOWN($C5559/24,0)+1,1)*INDEX($D$3:$AA$30,INDEX(Jesper!$R$2:$R$366,ROW(INDEX(Jesper!AL$2:AL$366,ROUNDDOWN($C5559/24,0)+1,1))-1)+IF('Standard Profiles'!$G$22=$B$10,7,0)+IF('Standard Profiles'!$G$22=$B$17,14,0)+IF('Standard Profiles'!$G$22=$B$24,21,0),MOD($C5559,24)+1)/SUM(INDEX($D$3:$AA$30,INDEX(Jesper!$R$2:$R$366,ROW(INDEX(Jesper!AL$2:AL$366,ROUNDDOWN($C5559/24,0)+1,1))-1)+IF('Standard Profiles'!$G$22=$B$10,7,0)+IF('Standard Profiles'!$G$22=$B$17,14,0)+IF('Standard Profiles'!$G$22=$B$24,21,0),0)),0)</f>
        <v>0</v>
      </c>
      <c r="I5559">
        <f t="shared" si="622"/>
        <v>9.7841122389824925E-2</v>
      </c>
      <c r="J5559">
        <f t="shared" si="623"/>
        <v>0.32613707463274977</v>
      </c>
      <c r="K5559">
        <f t="shared" si="624"/>
        <v>0.48920561194912465</v>
      </c>
      <c r="L5559">
        <f t="shared" si="625"/>
        <v>7.9923593969559192</v>
      </c>
      <c r="M5559">
        <f t="shared" si="626"/>
        <v>0</v>
      </c>
      <c r="N5559" s="46">
        <f t="shared" si="627"/>
        <v>45522.208333319933</v>
      </c>
    </row>
    <row r="5560" spans="2:14" x14ac:dyDescent="0.3">
      <c r="B5560">
        <f t="shared" si="621"/>
        <v>7</v>
      </c>
      <c r="C5560" s="16">
        <v>5526</v>
      </c>
      <c r="D5560" cm="1">
        <f t="array" ref="D5560">IFERROR(INDEX(Jesper!AH$2:AH$366,ROUNDDOWN($C5560/24,0)+1,1)*INDEX($D$3:$AA$30,INDEX(Jesper!$R$2:$R$366,ROW(INDEX(Jesper!AH$2:AH$366,ROUNDDOWN($C5560/24,0)+1,1))-1)+IF('Standard Profiles'!$G$18=$B$10,7,0)+IF('Standard Profiles'!$G$18=$B$17,14,0)+IF('Standard Profiles'!$G$18=$B$24,21,0),MOD($C5560,24)+1)/SUM(INDEX($D$3:$AA$30,INDEX(Jesper!$R$2:$R$366,ROW(INDEX(Jesper!AH$2:AH$366,ROUNDDOWN($C5560/24,0)+1,1))-1)+IF('Standard Profiles'!$G$18=$B$10,7,0)+IF('Standard Profiles'!$G$18=$B$17,14,0)+IF('Standard Profiles'!$G$18=$B$24,21,0),0)),0)</f>
        <v>9.2096412802717751</v>
      </c>
      <c r="E5560" cm="1">
        <f t="array" ref="E5560">IFERROR(INDEX(Jesper!AI$2:AI$366,ROUNDDOWN($C5560/24,0)+1,1)*INDEX($D$3:$AA$30,INDEX(Jesper!$R$2:$R$366,ROW(INDEX(Jesper!AI$2:AI$366,ROUNDDOWN($C5560/24,0)+1,1))-1)+IF('Standard Profiles'!$G$19=$B$10,7,0)+IF('Standard Profiles'!$G$19=$B$17,14,0)+IF('Standard Profiles'!$G$19=$B$24,21,0),MOD($C5560,24)+1)/SUM(INDEX($D$3:$AA$30,INDEX(Jesper!$R$2:$R$366,ROW(INDEX(Jesper!AI$2:AI$366,ROUNDDOWN($C5560/24,0)+1,1))-1)+IF('Standard Profiles'!$G$19=$B$10,7,0)+IF('Standard Profiles'!$G$19=$B$17,14,0)+IF('Standard Profiles'!$G$19=$B$24,21,0),0)),0)</f>
        <v>1.2791096067096441</v>
      </c>
      <c r="F5560" cm="1">
        <f t="array" ref="F5560">IFERROR(INDEX(Jesper!AJ$2:AJ$366,ROUNDDOWN($C5560/24,0)+1,1)*INDEX($D$3:$AA$30,INDEX(Jesper!$R$2:$R$366,ROW(INDEX(Jesper!AJ$2:AJ$366,ROUNDDOWN($C5560/24,0)+1,1))-1)+IF('Standard Profiles'!$G$20=$B$10,7,0)+IF('Standard Profiles'!$G$20=$B$17,14,0)+IF('Standard Profiles'!$G$20=$B$24,21,0),MOD($C5560,24)+1)/SUM(INDEX($D$3:$AA$30,INDEX(Jesper!$R$2:$R$366,ROW(INDEX(Jesper!AJ$2:AJ$366,ROUNDDOWN($C5560/24,0)+1,1))-1)+IF('Standard Profiles'!$G$20=$B$10,7,0)+IF('Standard Profiles'!$G$20=$B$17,14,0)+IF('Standard Profiles'!$G$20=$B$24,21,0),0)),0)</f>
        <v>0</v>
      </c>
      <c r="G5560" cm="1">
        <f t="array" ref="G5560">IFERROR(INDEX(Jesper!AK$2:AK$366,ROUNDDOWN($C5560/24,0)+1,1)*INDEX($D$3:$AA$30,INDEX(Jesper!$R$2:$R$366,ROW(INDEX(Jesper!AK$2:AK$366,ROUNDDOWN($C5560/24,0)+1,1))-1)+IF('Standard Profiles'!$G$21=$B$10,7,0)+IF('Standard Profiles'!$G$21=$B$17,14,0)+IF('Standard Profiles'!$G$21=$B$24,21,0),MOD($C5560,24)+1)/SUM(INDEX($D$3:$AA$30,INDEX(Jesper!$R$2:$R$366,ROW(INDEX(Jesper!AK$2:AK$366,ROUNDDOWN($C5560/24,0)+1,1))-1)+IF('Standard Profiles'!$G$21=$B$10,7,0)+IF('Standard Profiles'!$G$21=$B$17,14,0)+IF('Standard Profiles'!$G$21=$B$24,21,0),0)),0)</f>
        <v>0</v>
      </c>
      <c r="H5560" cm="1">
        <f t="array" ref="H5560">IFERROR(INDEX(Jesper!AL$2:AL$366,ROUNDDOWN($C5560/24,0)+1,1)*INDEX($D$3:$AA$30,INDEX(Jesper!$R$2:$R$366,ROW(INDEX(Jesper!AL$2:AL$366,ROUNDDOWN($C5560/24,0)+1,1))-1)+IF('Standard Profiles'!$G$22=$B$10,7,0)+IF('Standard Profiles'!$G$22=$B$17,14,0)+IF('Standard Profiles'!$G$22=$B$24,21,0),MOD($C5560,24)+1)/SUM(INDEX($D$3:$AA$30,INDEX(Jesper!$R$2:$R$366,ROW(INDEX(Jesper!AL$2:AL$366,ROUNDDOWN($C5560/24,0)+1,1))-1)+IF('Standard Profiles'!$G$22=$B$10,7,0)+IF('Standard Profiles'!$G$22=$B$17,14,0)+IF('Standard Profiles'!$G$22=$B$24,21,0),0)),0)</f>
        <v>0</v>
      </c>
      <c r="I5560">
        <f t="shared" si="622"/>
        <v>0.11523509970357157</v>
      </c>
      <c r="J5560">
        <f t="shared" si="623"/>
        <v>0.38411699901190527</v>
      </c>
      <c r="K5560">
        <f t="shared" si="624"/>
        <v>0.57617549851785799</v>
      </c>
      <c r="L5560">
        <f t="shared" si="625"/>
        <v>9.4132232897480854</v>
      </c>
      <c r="M5560">
        <f t="shared" si="626"/>
        <v>0</v>
      </c>
      <c r="N5560" s="46">
        <f t="shared" si="627"/>
        <v>45522.249999986598</v>
      </c>
    </row>
    <row r="5561" spans="2:14" x14ac:dyDescent="0.3">
      <c r="B5561">
        <f t="shared" si="621"/>
        <v>7</v>
      </c>
      <c r="C5561" s="16">
        <v>5527</v>
      </c>
      <c r="D5561" cm="1">
        <f t="array" ref="D5561">IFERROR(INDEX(Jesper!AH$2:AH$366,ROUNDDOWN($C5561/24,0)+1,1)*INDEX($D$3:$AA$30,INDEX(Jesper!$R$2:$R$366,ROW(INDEX(Jesper!AH$2:AH$366,ROUNDDOWN($C5561/24,0)+1,1))-1)+IF('Standard Profiles'!$G$18=$B$10,7,0)+IF('Standard Profiles'!$G$18=$B$17,14,0)+IF('Standard Profiles'!$G$18=$B$24,21,0),MOD($C5561,24)+1)/SUM(INDEX($D$3:$AA$30,INDEX(Jesper!$R$2:$R$366,ROW(INDEX(Jesper!AH$2:AH$366,ROUNDDOWN($C5561/24,0)+1,1))-1)+IF('Standard Profiles'!$G$18=$B$10,7,0)+IF('Standard Profiles'!$G$18=$B$17,14,0)+IF('Standard Profiles'!$G$18=$B$24,21,0),0)),0)</f>
        <v>10.947309446360789</v>
      </c>
      <c r="E5561" cm="1">
        <f t="array" ref="E5561">IFERROR(INDEX(Jesper!AI$2:AI$366,ROUNDDOWN($C5561/24,0)+1,1)*INDEX($D$3:$AA$30,INDEX(Jesper!$R$2:$R$366,ROW(INDEX(Jesper!AI$2:AI$366,ROUNDDOWN($C5561/24,0)+1,1))-1)+IF('Standard Profiles'!$G$19=$B$10,7,0)+IF('Standard Profiles'!$G$19=$B$17,14,0)+IF('Standard Profiles'!$G$19=$B$24,21,0),MOD($C5561,24)+1)/SUM(INDEX($D$3:$AA$30,INDEX(Jesper!$R$2:$R$366,ROW(INDEX(Jesper!AI$2:AI$366,ROUNDDOWN($C5561/24,0)+1,1))-1)+IF('Standard Profiles'!$G$19=$B$10,7,0)+IF('Standard Profiles'!$G$19=$B$17,14,0)+IF('Standard Profiles'!$G$19=$B$24,21,0),0)),0)</f>
        <v>1.5204510419378789</v>
      </c>
      <c r="F5561" cm="1">
        <f t="array" ref="F5561">IFERROR(INDEX(Jesper!AJ$2:AJ$366,ROUNDDOWN($C5561/24,0)+1,1)*INDEX($D$3:$AA$30,INDEX(Jesper!$R$2:$R$366,ROW(INDEX(Jesper!AJ$2:AJ$366,ROUNDDOWN($C5561/24,0)+1,1))-1)+IF('Standard Profiles'!$G$20=$B$10,7,0)+IF('Standard Profiles'!$G$20=$B$17,14,0)+IF('Standard Profiles'!$G$20=$B$24,21,0),MOD($C5561,24)+1)/SUM(INDEX($D$3:$AA$30,INDEX(Jesper!$R$2:$R$366,ROW(INDEX(Jesper!AJ$2:AJ$366,ROUNDDOWN($C5561/24,0)+1,1))-1)+IF('Standard Profiles'!$G$20=$B$10,7,0)+IF('Standard Profiles'!$G$20=$B$17,14,0)+IF('Standard Profiles'!$G$20=$B$24,21,0),0)),0)</f>
        <v>0</v>
      </c>
      <c r="G5561" cm="1">
        <f t="array" ref="G5561">IFERROR(INDEX(Jesper!AK$2:AK$366,ROUNDDOWN($C5561/24,0)+1,1)*INDEX($D$3:$AA$30,INDEX(Jesper!$R$2:$R$366,ROW(INDEX(Jesper!AK$2:AK$366,ROUNDDOWN($C5561/24,0)+1,1))-1)+IF('Standard Profiles'!$G$21=$B$10,7,0)+IF('Standard Profiles'!$G$21=$B$17,14,0)+IF('Standard Profiles'!$G$21=$B$24,21,0),MOD($C5561,24)+1)/SUM(INDEX($D$3:$AA$30,INDEX(Jesper!$R$2:$R$366,ROW(INDEX(Jesper!AK$2:AK$366,ROUNDDOWN($C5561/24,0)+1,1))-1)+IF('Standard Profiles'!$G$21=$B$10,7,0)+IF('Standard Profiles'!$G$21=$B$17,14,0)+IF('Standard Profiles'!$G$21=$B$24,21,0),0)),0)</f>
        <v>0</v>
      </c>
      <c r="H5561" cm="1">
        <f t="array" ref="H5561">IFERROR(INDEX(Jesper!AL$2:AL$366,ROUNDDOWN($C5561/24,0)+1,1)*INDEX($D$3:$AA$30,INDEX(Jesper!$R$2:$R$366,ROW(INDEX(Jesper!AL$2:AL$366,ROUNDDOWN($C5561/24,0)+1,1))-1)+IF('Standard Profiles'!$G$22=$B$10,7,0)+IF('Standard Profiles'!$G$22=$B$17,14,0)+IF('Standard Profiles'!$G$22=$B$24,21,0),MOD($C5561,24)+1)/SUM(INDEX($D$3:$AA$30,INDEX(Jesper!$R$2:$R$366,ROW(INDEX(Jesper!AL$2:AL$366,ROUNDDOWN($C5561/24,0)+1,1))-1)+IF('Standard Profiles'!$G$22=$B$10,7,0)+IF('Standard Profiles'!$G$22=$B$17,14,0)+IF('Standard Profiles'!$G$22=$B$24,21,0),0)),0)</f>
        <v>0</v>
      </c>
      <c r="I5561">
        <f t="shared" si="622"/>
        <v>0.13697757134575489</v>
      </c>
      <c r="J5561">
        <f t="shared" si="623"/>
        <v>0.45659190448584969</v>
      </c>
      <c r="K5561">
        <f t="shared" si="624"/>
        <v>0.68488785672877461</v>
      </c>
      <c r="L5561">
        <f t="shared" si="625"/>
        <v>11.189303155738289</v>
      </c>
      <c r="M5561">
        <f t="shared" si="626"/>
        <v>0</v>
      </c>
      <c r="N5561" s="46">
        <f t="shared" si="627"/>
        <v>45522.291666653262</v>
      </c>
    </row>
    <row r="5562" spans="2:14" x14ac:dyDescent="0.3">
      <c r="B5562">
        <f t="shared" si="621"/>
        <v>7</v>
      </c>
      <c r="C5562" s="16">
        <v>5528</v>
      </c>
      <c r="D5562" cm="1">
        <f t="array" ref="D5562">IFERROR(INDEX(Jesper!AH$2:AH$366,ROUNDDOWN($C5562/24,0)+1,1)*INDEX($D$3:$AA$30,INDEX(Jesper!$R$2:$R$366,ROW(INDEX(Jesper!AH$2:AH$366,ROUNDDOWN($C5562/24,0)+1,1))-1)+IF('Standard Profiles'!$G$18=$B$10,7,0)+IF('Standard Profiles'!$G$18=$B$17,14,0)+IF('Standard Profiles'!$G$18=$B$24,21,0),MOD($C5562,24)+1)/SUM(INDEX($D$3:$AA$30,INDEX(Jesper!$R$2:$R$366,ROW(INDEX(Jesper!AH$2:AH$366,ROUNDDOWN($C5562/24,0)+1,1))-1)+IF('Standard Profiles'!$G$18=$B$10,7,0)+IF('Standard Profiles'!$G$18=$B$17,14,0)+IF('Standard Profiles'!$G$18=$B$24,21,0),0)),0)</f>
        <v>10.947309446360789</v>
      </c>
      <c r="E5562" cm="1">
        <f t="array" ref="E5562">IFERROR(INDEX(Jesper!AI$2:AI$366,ROUNDDOWN($C5562/24,0)+1,1)*INDEX($D$3:$AA$30,INDEX(Jesper!$R$2:$R$366,ROW(INDEX(Jesper!AI$2:AI$366,ROUNDDOWN($C5562/24,0)+1,1))-1)+IF('Standard Profiles'!$G$19=$B$10,7,0)+IF('Standard Profiles'!$G$19=$B$17,14,0)+IF('Standard Profiles'!$G$19=$B$24,21,0),MOD($C5562,24)+1)/SUM(INDEX($D$3:$AA$30,INDEX(Jesper!$R$2:$R$366,ROW(INDEX(Jesper!AI$2:AI$366,ROUNDDOWN($C5562/24,0)+1,1))-1)+IF('Standard Profiles'!$G$19=$B$10,7,0)+IF('Standard Profiles'!$G$19=$B$17,14,0)+IF('Standard Profiles'!$G$19=$B$24,21,0),0)),0)</f>
        <v>1.5204510419378789</v>
      </c>
      <c r="F5562" cm="1">
        <f t="array" ref="F5562">IFERROR(INDEX(Jesper!AJ$2:AJ$366,ROUNDDOWN($C5562/24,0)+1,1)*INDEX($D$3:$AA$30,INDEX(Jesper!$R$2:$R$366,ROW(INDEX(Jesper!AJ$2:AJ$366,ROUNDDOWN($C5562/24,0)+1,1))-1)+IF('Standard Profiles'!$G$20=$B$10,7,0)+IF('Standard Profiles'!$G$20=$B$17,14,0)+IF('Standard Profiles'!$G$20=$B$24,21,0),MOD($C5562,24)+1)/SUM(INDEX($D$3:$AA$30,INDEX(Jesper!$R$2:$R$366,ROW(INDEX(Jesper!AJ$2:AJ$366,ROUNDDOWN($C5562/24,0)+1,1))-1)+IF('Standard Profiles'!$G$20=$B$10,7,0)+IF('Standard Profiles'!$G$20=$B$17,14,0)+IF('Standard Profiles'!$G$20=$B$24,21,0),0)),0)</f>
        <v>0</v>
      </c>
      <c r="G5562" cm="1">
        <f t="array" ref="G5562">IFERROR(INDEX(Jesper!AK$2:AK$366,ROUNDDOWN($C5562/24,0)+1,1)*INDEX($D$3:$AA$30,INDEX(Jesper!$R$2:$R$366,ROW(INDEX(Jesper!AK$2:AK$366,ROUNDDOWN($C5562/24,0)+1,1))-1)+IF('Standard Profiles'!$G$21=$B$10,7,0)+IF('Standard Profiles'!$G$21=$B$17,14,0)+IF('Standard Profiles'!$G$21=$B$24,21,0),MOD($C5562,24)+1)/SUM(INDEX($D$3:$AA$30,INDEX(Jesper!$R$2:$R$366,ROW(INDEX(Jesper!AK$2:AK$366,ROUNDDOWN($C5562/24,0)+1,1))-1)+IF('Standard Profiles'!$G$21=$B$10,7,0)+IF('Standard Profiles'!$G$21=$B$17,14,0)+IF('Standard Profiles'!$G$21=$B$24,21,0),0)),0)</f>
        <v>0</v>
      </c>
      <c r="H5562" cm="1">
        <f t="array" ref="H5562">IFERROR(INDEX(Jesper!AL$2:AL$366,ROUNDDOWN($C5562/24,0)+1,1)*INDEX($D$3:$AA$30,INDEX(Jesper!$R$2:$R$366,ROW(INDEX(Jesper!AL$2:AL$366,ROUNDDOWN($C5562/24,0)+1,1))-1)+IF('Standard Profiles'!$G$22=$B$10,7,0)+IF('Standard Profiles'!$G$22=$B$17,14,0)+IF('Standard Profiles'!$G$22=$B$24,21,0),MOD($C5562,24)+1)/SUM(INDEX($D$3:$AA$30,INDEX(Jesper!$R$2:$R$366,ROW(INDEX(Jesper!AL$2:AL$366,ROUNDDOWN($C5562/24,0)+1,1))-1)+IF('Standard Profiles'!$G$22=$B$10,7,0)+IF('Standard Profiles'!$G$22=$B$17,14,0)+IF('Standard Profiles'!$G$22=$B$24,21,0),0)),0)</f>
        <v>0</v>
      </c>
      <c r="I5562">
        <f t="shared" si="622"/>
        <v>0.13697757134575489</v>
      </c>
      <c r="J5562">
        <f t="shared" si="623"/>
        <v>0.45659190448584969</v>
      </c>
      <c r="K5562">
        <f t="shared" si="624"/>
        <v>0.68488785672877461</v>
      </c>
      <c r="L5562">
        <f t="shared" si="625"/>
        <v>11.189303155738289</v>
      </c>
      <c r="M5562">
        <f t="shared" si="626"/>
        <v>0</v>
      </c>
      <c r="N5562" s="46">
        <f t="shared" si="627"/>
        <v>45522.333333319926</v>
      </c>
    </row>
    <row r="5563" spans="2:14" x14ac:dyDescent="0.3">
      <c r="B5563">
        <f t="shared" si="621"/>
        <v>7</v>
      </c>
      <c r="C5563" s="16">
        <v>5529</v>
      </c>
      <c r="D5563" cm="1">
        <f t="array" ref="D5563">IFERROR(INDEX(Jesper!AH$2:AH$366,ROUNDDOWN($C5563/24,0)+1,1)*INDEX($D$3:$AA$30,INDEX(Jesper!$R$2:$R$366,ROW(INDEX(Jesper!AH$2:AH$366,ROUNDDOWN($C5563/24,0)+1,1))-1)+IF('Standard Profiles'!$G$18=$B$10,7,0)+IF('Standard Profiles'!$G$18=$B$17,14,0)+IF('Standard Profiles'!$G$18=$B$24,21,0),MOD($C5563,24)+1)/SUM(INDEX($D$3:$AA$30,INDEX(Jesper!$R$2:$R$366,ROW(INDEX(Jesper!AH$2:AH$366,ROUNDDOWN($C5563/24,0)+1,1))-1)+IF('Standard Profiles'!$G$18=$B$10,7,0)+IF('Standard Profiles'!$G$18=$B$17,14,0)+IF('Standard Profiles'!$G$18=$B$24,21,0),0)),0)</f>
        <v>10.947309446360789</v>
      </c>
      <c r="E5563" cm="1">
        <f t="array" ref="E5563">IFERROR(INDEX(Jesper!AI$2:AI$366,ROUNDDOWN($C5563/24,0)+1,1)*INDEX($D$3:$AA$30,INDEX(Jesper!$R$2:$R$366,ROW(INDEX(Jesper!AI$2:AI$366,ROUNDDOWN($C5563/24,0)+1,1))-1)+IF('Standard Profiles'!$G$19=$B$10,7,0)+IF('Standard Profiles'!$G$19=$B$17,14,0)+IF('Standard Profiles'!$G$19=$B$24,21,0),MOD($C5563,24)+1)/SUM(INDEX($D$3:$AA$30,INDEX(Jesper!$R$2:$R$366,ROW(INDEX(Jesper!AI$2:AI$366,ROUNDDOWN($C5563/24,0)+1,1))-1)+IF('Standard Profiles'!$G$19=$B$10,7,0)+IF('Standard Profiles'!$G$19=$B$17,14,0)+IF('Standard Profiles'!$G$19=$B$24,21,0),0)),0)</f>
        <v>1.5204510419378789</v>
      </c>
      <c r="F5563" cm="1">
        <f t="array" ref="F5563">IFERROR(INDEX(Jesper!AJ$2:AJ$366,ROUNDDOWN($C5563/24,0)+1,1)*INDEX($D$3:$AA$30,INDEX(Jesper!$R$2:$R$366,ROW(INDEX(Jesper!AJ$2:AJ$366,ROUNDDOWN($C5563/24,0)+1,1))-1)+IF('Standard Profiles'!$G$20=$B$10,7,0)+IF('Standard Profiles'!$G$20=$B$17,14,0)+IF('Standard Profiles'!$G$20=$B$24,21,0),MOD($C5563,24)+1)/SUM(INDEX($D$3:$AA$30,INDEX(Jesper!$R$2:$R$366,ROW(INDEX(Jesper!AJ$2:AJ$366,ROUNDDOWN($C5563/24,0)+1,1))-1)+IF('Standard Profiles'!$G$20=$B$10,7,0)+IF('Standard Profiles'!$G$20=$B$17,14,0)+IF('Standard Profiles'!$G$20=$B$24,21,0),0)),0)</f>
        <v>0</v>
      </c>
      <c r="G5563" cm="1">
        <f t="array" ref="G5563">IFERROR(INDEX(Jesper!AK$2:AK$366,ROUNDDOWN($C5563/24,0)+1,1)*INDEX($D$3:$AA$30,INDEX(Jesper!$R$2:$R$366,ROW(INDEX(Jesper!AK$2:AK$366,ROUNDDOWN($C5563/24,0)+1,1))-1)+IF('Standard Profiles'!$G$21=$B$10,7,0)+IF('Standard Profiles'!$G$21=$B$17,14,0)+IF('Standard Profiles'!$G$21=$B$24,21,0),MOD($C5563,24)+1)/SUM(INDEX($D$3:$AA$30,INDEX(Jesper!$R$2:$R$366,ROW(INDEX(Jesper!AK$2:AK$366,ROUNDDOWN($C5563/24,0)+1,1))-1)+IF('Standard Profiles'!$G$21=$B$10,7,0)+IF('Standard Profiles'!$G$21=$B$17,14,0)+IF('Standard Profiles'!$G$21=$B$24,21,0),0)),0)</f>
        <v>0</v>
      </c>
      <c r="H5563" cm="1">
        <f t="array" ref="H5563">IFERROR(INDEX(Jesper!AL$2:AL$366,ROUNDDOWN($C5563/24,0)+1,1)*INDEX($D$3:$AA$30,INDEX(Jesper!$R$2:$R$366,ROW(INDEX(Jesper!AL$2:AL$366,ROUNDDOWN($C5563/24,0)+1,1))-1)+IF('Standard Profiles'!$G$22=$B$10,7,0)+IF('Standard Profiles'!$G$22=$B$17,14,0)+IF('Standard Profiles'!$G$22=$B$24,21,0),MOD($C5563,24)+1)/SUM(INDEX($D$3:$AA$30,INDEX(Jesper!$R$2:$R$366,ROW(INDEX(Jesper!AL$2:AL$366,ROUNDDOWN($C5563/24,0)+1,1))-1)+IF('Standard Profiles'!$G$22=$B$10,7,0)+IF('Standard Profiles'!$G$22=$B$17,14,0)+IF('Standard Profiles'!$G$22=$B$24,21,0),0)),0)</f>
        <v>0</v>
      </c>
      <c r="I5563">
        <f t="shared" si="622"/>
        <v>0.13697757134575489</v>
      </c>
      <c r="J5563">
        <f t="shared" si="623"/>
        <v>0.45659190448584969</v>
      </c>
      <c r="K5563">
        <f t="shared" si="624"/>
        <v>0.68488785672877461</v>
      </c>
      <c r="L5563">
        <f t="shared" si="625"/>
        <v>11.189303155738289</v>
      </c>
      <c r="M5563">
        <f t="shared" si="626"/>
        <v>0</v>
      </c>
      <c r="N5563" s="46">
        <f t="shared" si="627"/>
        <v>45522.37499998659</v>
      </c>
    </row>
    <row r="5564" spans="2:14" x14ac:dyDescent="0.3">
      <c r="B5564">
        <f t="shared" si="621"/>
        <v>7</v>
      </c>
      <c r="C5564" s="16">
        <v>5530</v>
      </c>
      <c r="D5564" cm="1">
        <f t="array" ref="D5564">IFERROR(INDEX(Jesper!AH$2:AH$366,ROUNDDOWN($C5564/24,0)+1,1)*INDEX($D$3:$AA$30,INDEX(Jesper!$R$2:$R$366,ROW(INDEX(Jesper!AH$2:AH$366,ROUNDDOWN($C5564/24,0)+1,1))-1)+IF('Standard Profiles'!$G$18=$B$10,7,0)+IF('Standard Profiles'!$G$18=$B$17,14,0)+IF('Standard Profiles'!$G$18=$B$24,21,0),MOD($C5564,24)+1)/SUM(INDEX($D$3:$AA$30,INDEX(Jesper!$R$2:$R$366,ROW(INDEX(Jesper!AH$2:AH$366,ROUNDDOWN($C5564/24,0)+1,1))-1)+IF('Standard Profiles'!$G$18=$B$10,7,0)+IF('Standard Profiles'!$G$18=$B$17,14,0)+IF('Standard Profiles'!$G$18=$B$24,21,0),0)),0)</f>
        <v>10.947309446360789</v>
      </c>
      <c r="E5564" cm="1">
        <f t="array" ref="E5564">IFERROR(INDEX(Jesper!AI$2:AI$366,ROUNDDOWN($C5564/24,0)+1,1)*INDEX($D$3:$AA$30,INDEX(Jesper!$R$2:$R$366,ROW(INDEX(Jesper!AI$2:AI$366,ROUNDDOWN($C5564/24,0)+1,1))-1)+IF('Standard Profiles'!$G$19=$B$10,7,0)+IF('Standard Profiles'!$G$19=$B$17,14,0)+IF('Standard Profiles'!$G$19=$B$24,21,0),MOD($C5564,24)+1)/SUM(INDEX($D$3:$AA$30,INDEX(Jesper!$R$2:$R$366,ROW(INDEX(Jesper!AI$2:AI$366,ROUNDDOWN($C5564/24,0)+1,1))-1)+IF('Standard Profiles'!$G$19=$B$10,7,0)+IF('Standard Profiles'!$G$19=$B$17,14,0)+IF('Standard Profiles'!$G$19=$B$24,21,0),0)),0)</f>
        <v>1.5204510419378789</v>
      </c>
      <c r="F5564" cm="1">
        <f t="array" ref="F5564">IFERROR(INDEX(Jesper!AJ$2:AJ$366,ROUNDDOWN($C5564/24,0)+1,1)*INDEX($D$3:$AA$30,INDEX(Jesper!$R$2:$R$366,ROW(INDEX(Jesper!AJ$2:AJ$366,ROUNDDOWN($C5564/24,0)+1,1))-1)+IF('Standard Profiles'!$G$20=$B$10,7,0)+IF('Standard Profiles'!$G$20=$B$17,14,0)+IF('Standard Profiles'!$G$20=$B$24,21,0),MOD($C5564,24)+1)/SUM(INDEX($D$3:$AA$30,INDEX(Jesper!$R$2:$R$366,ROW(INDEX(Jesper!AJ$2:AJ$366,ROUNDDOWN($C5564/24,0)+1,1))-1)+IF('Standard Profiles'!$G$20=$B$10,7,0)+IF('Standard Profiles'!$G$20=$B$17,14,0)+IF('Standard Profiles'!$G$20=$B$24,21,0),0)),0)</f>
        <v>0</v>
      </c>
      <c r="G5564" cm="1">
        <f t="array" ref="G5564">IFERROR(INDEX(Jesper!AK$2:AK$366,ROUNDDOWN($C5564/24,0)+1,1)*INDEX($D$3:$AA$30,INDEX(Jesper!$R$2:$R$366,ROW(INDEX(Jesper!AK$2:AK$366,ROUNDDOWN($C5564/24,0)+1,1))-1)+IF('Standard Profiles'!$G$21=$B$10,7,0)+IF('Standard Profiles'!$G$21=$B$17,14,0)+IF('Standard Profiles'!$G$21=$B$24,21,0),MOD($C5564,24)+1)/SUM(INDEX($D$3:$AA$30,INDEX(Jesper!$R$2:$R$366,ROW(INDEX(Jesper!AK$2:AK$366,ROUNDDOWN($C5564/24,0)+1,1))-1)+IF('Standard Profiles'!$G$21=$B$10,7,0)+IF('Standard Profiles'!$G$21=$B$17,14,0)+IF('Standard Profiles'!$G$21=$B$24,21,0),0)),0)</f>
        <v>0</v>
      </c>
      <c r="H5564" cm="1">
        <f t="array" ref="H5564">IFERROR(INDEX(Jesper!AL$2:AL$366,ROUNDDOWN($C5564/24,0)+1,1)*INDEX($D$3:$AA$30,INDEX(Jesper!$R$2:$R$366,ROW(INDEX(Jesper!AL$2:AL$366,ROUNDDOWN($C5564/24,0)+1,1))-1)+IF('Standard Profiles'!$G$22=$B$10,7,0)+IF('Standard Profiles'!$G$22=$B$17,14,0)+IF('Standard Profiles'!$G$22=$B$24,21,0),MOD($C5564,24)+1)/SUM(INDEX($D$3:$AA$30,INDEX(Jesper!$R$2:$R$366,ROW(INDEX(Jesper!AL$2:AL$366,ROUNDDOWN($C5564/24,0)+1,1))-1)+IF('Standard Profiles'!$G$22=$B$10,7,0)+IF('Standard Profiles'!$G$22=$B$17,14,0)+IF('Standard Profiles'!$G$22=$B$24,21,0),0)),0)</f>
        <v>0</v>
      </c>
      <c r="I5564">
        <f t="shared" si="622"/>
        <v>0.13697757134575489</v>
      </c>
      <c r="J5564">
        <f t="shared" si="623"/>
        <v>0.45659190448584969</v>
      </c>
      <c r="K5564">
        <f t="shared" si="624"/>
        <v>0.68488785672877461</v>
      </c>
      <c r="L5564">
        <f t="shared" si="625"/>
        <v>11.189303155738289</v>
      </c>
      <c r="M5564">
        <f t="shared" si="626"/>
        <v>0</v>
      </c>
      <c r="N5564" s="46">
        <f t="shared" si="627"/>
        <v>45522.416666653255</v>
      </c>
    </row>
    <row r="5565" spans="2:14" x14ac:dyDescent="0.3">
      <c r="B5565">
        <f t="shared" si="621"/>
        <v>7</v>
      </c>
      <c r="C5565" s="16">
        <v>5531</v>
      </c>
      <c r="D5565" cm="1">
        <f t="array" ref="D5565">IFERROR(INDEX(Jesper!AH$2:AH$366,ROUNDDOWN($C5565/24,0)+1,1)*INDEX($D$3:$AA$30,INDEX(Jesper!$R$2:$R$366,ROW(INDEX(Jesper!AH$2:AH$366,ROUNDDOWN($C5565/24,0)+1,1))-1)+IF('Standard Profiles'!$G$18=$B$10,7,0)+IF('Standard Profiles'!$G$18=$B$17,14,0)+IF('Standard Profiles'!$G$18=$B$24,21,0),MOD($C5565,24)+1)/SUM(INDEX($D$3:$AA$30,INDEX(Jesper!$R$2:$R$366,ROW(INDEX(Jesper!AH$2:AH$366,ROUNDDOWN($C5565/24,0)+1,1))-1)+IF('Standard Profiles'!$G$18=$B$10,7,0)+IF('Standard Profiles'!$G$18=$B$17,14,0)+IF('Standard Profiles'!$G$18=$B$24,21,0),0)),0)</f>
        <v>10.947309446360789</v>
      </c>
      <c r="E5565" cm="1">
        <f t="array" ref="E5565">IFERROR(INDEX(Jesper!AI$2:AI$366,ROUNDDOWN($C5565/24,0)+1,1)*INDEX($D$3:$AA$30,INDEX(Jesper!$R$2:$R$366,ROW(INDEX(Jesper!AI$2:AI$366,ROUNDDOWN($C5565/24,0)+1,1))-1)+IF('Standard Profiles'!$G$19=$B$10,7,0)+IF('Standard Profiles'!$G$19=$B$17,14,0)+IF('Standard Profiles'!$G$19=$B$24,21,0),MOD($C5565,24)+1)/SUM(INDEX($D$3:$AA$30,INDEX(Jesper!$R$2:$R$366,ROW(INDEX(Jesper!AI$2:AI$366,ROUNDDOWN($C5565/24,0)+1,1))-1)+IF('Standard Profiles'!$G$19=$B$10,7,0)+IF('Standard Profiles'!$G$19=$B$17,14,0)+IF('Standard Profiles'!$G$19=$B$24,21,0),0)),0)</f>
        <v>1.5204510419378789</v>
      </c>
      <c r="F5565" cm="1">
        <f t="array" ref="F5565">IFERROR(INDEX(Jesper!AJ$2:AJ$366,ROUNDDOWN($C5565/24,0)+1,1)*INDEX($D$3:$AA$30,INDEX(Jesper!$R$2:$R$366,ROW(INDEX(Jesper!AJ$2:AJ$366,ROUNDDOWN($C5565/24,0)+1,1))-1)+IF('Standard Profiles'!$G$20=$B$10,7,0)+IF('Standard Profiles'!$G$20=$B$17,14,0)+IF('Standard Profiles'!$G$20=$B$24,21,0),MOD($C5565,24)+1)/SUM(INDEX($D$3:$AA$30,INDEX(Jesper!$R$2:$R$366,ROW(INDEX(Jesper!AJ$2:AJ$366,ROUNDDOWN($C5565/24,0)+1,1))-1)+IF('Standard Profiles'!$G$20=$B$10,7,0)+IF('Standard Profiles'!$G$20=$B$17,14,0)+IF('Standard Profiles'!$G$20=$B$24,21,0),0)),0)</f>
        <v>0</v>
      </c>
      <c r="G5565" cm="1">
        <f t="array" ref="G5565">IFERROR(INDEX(Jesper!AK$2:AK$366,ROUNDDOWN($C5565/24,0)+1,1)*INDEX($D$3:$AA$30,INDEX(Jesper!$R$2:$R$366,ROW(INDEX(Jesper!AK$2:AK$366,ROUNDDOWN($C5565/24,0)+1,1))-1)+IF('Standard Profiles'!$G$21=$B$10,7,0)+IF('Standard Profiles'!$G$21=$B$17,14,0)+IF('Standard Profiles'!$G$21=$B$24,21,0),MOD($C5565,24)+1)/SUM(INDEX($D$3:$AA$30,INDEX(Jesper!$R$2:$R$366,ROW(INDEX(Jesper!AK$2:AK$366,ROUNDDOWN($C5565/24,0)+1,1))-1)+IF('Standard Profiles'!$G$21=$B$10,7,0)+IF('Standard Profiles'!$G$21=$B$17,14,0)+IF('Standard Profiles'!$G$21=$B$24,21,0),0)),0)</f>
        <v>0</v>
      </c>
      <c r="H5565" cm="1">
        <f t="array" ref="H5565">IFERROR(INDEX(Jesper!AL$2:AL$366,ROUNDDOWN($C5565/24,0)+1,1)*INDEX($D$3:$AA$30,INDEX(Jesper!$R$2:$R$366,ROW(INDEX(Jesper!AL$2:AL$366,ROUNDDOWN($C5565/24,0)+1,1))-1)+IF('Standard Profiles'!$G$22=$B$10,7,0)+IF('Standard Profiles'!$G$22=$B$17,14,0)+IF('Standard Profiles'!$G$22=$B$24,21,0),MOD($C5565,24)+1)/SUM(INDEX($D$3:$AA$30,INDEX(Jesper!$R$2:$R$366,ROW(INDEX(Jesper!AL$2:AL$366,ROUNDDOWN($C5565/24,0)+1,1))-1)+IF('Standard Profiles'!$G$22=$B$10,7,0)+IF('Standard Profiles'!$G$22=$B$17,14,0)+IF('Standard Profiles'!$G$22=$B$24,21,0),0)),0)</f>
        <v>0</v>
      </c>
      <c r="I5565">
        <f t="shared" si="622"/>
        <v>0.13697757134575489</v>
      </c>
      <c r="J5565">
        <f t="shared" si="623"/>
        <v>0.45659190448584969</v>
      </c>
      <c r="K5565">
        <f t="shared" si="624"/>
        <v>0.68488785672877461</v>
      </c>
      <c r="L5565">
        <f t="shared" si="625"/>
        <v>11.189303155738289</v>
      </c>
      <c r="M5565">
        <f t="shared" si="626"/>
        <v>0</v>
      </c>
      <c r="N5565" s="46">
        <f t="shared" si="627"/>
        <v>45522.458333319919</v>
      </c>
    </row>
    <row r="5566" spans="2:14" x14ac:dyDescent="0.3">
      <c r="B5566">
        <f t="shared" si="621"/>
        <v>7</v>
      </c>
      <c r="C5566" s="16">
        <v>5532</v>
      </c>
      <c r="D5566" cm="1">
        <f t="array" ref="D5566">IFERROR(INDEX(Jesper!AH$2:AH$366,ROUNDDOWN($C5566/24,0)+1,1)*INDEX($D$3:$AA$30,INDEX(Jesper!$R$2:$R$366,ROW(INDEX(Jesper!AH$2:AH$366,ROUNDDOWN($C5566/24,0)+1,1))-1)+IF('Standard Profiles'!$G$18=$B$10,7,0)+IF('Standard Profiles'!$G$18=$B$17,14,0)+IF('Standard Profiles'!$G$18=$B$24,21,0),MOD($C5566,24)+1)/SUM(INDEX($D$3:$AA$30,INDEX(Jesper!$R$2:$R$366,ROW(INDEX(Jesper!AH$2:AH$366,ROUNDDOWN($C5566/24,0)+1,1))-1)+IF('Standard Profiles'!$G$18=$B$10,7,0)+IF('Standard Profiles'!$G$18=$B$17,14,0)+IF('Standard Profiles'!$G$18=$B$24,21,0),0)),0)</f>
        <v>10.947309446360789</v>
      </c>
      <c r="E5566" cm="1">
        <f t="array" ref="E5566">IFERROR(INDEX(Jesper!AI$2:AI$366,ROUNDDOWN($C5566/24,0)+1,1)*INDEX($D$3:$AA$30,INDEX(Jesper!$R$2:$R$366,ROW(INDEX(Jesper!AI$2:AI$366,ROUNDDOWN($C5566/24,0)+1,1))-1)+IF('Standard Profiles'!$G$19=$B$10,7,0)+IF('Standard Profiles'!$G$19=$B$17,14,0)+IF('Standard Profiles'!$G$19=$B$24,21,0),MOD($C5566,24)+1)/SUM(INDEX($D$3:$AA$30,INDEX(Jesper!$R$2:$R$366,ROW(INDEX(Jesper!AI$2:AI$366,ROUNDDOWN($C5566/24,0)+1,1))-1)+IF('Standard Profiles'!$G$19=$B$10,7,0)+IF('Standard Profiles'!$G$19=$B$17,14,0)+IF('Standard Profiles'!$G$19=$B$24,21,0),0)),0)</f>
        <v>1.5204510419378789</v>
      </c>
      <c r="F5566" cm="1">
        <f t="array" ref="F5566">IFERROR(INDEX(Jesper!AJ$2:AJ$366,ROUNDDOWN($C5566/24,0)+1,1)*INDEX($D$3:$AA$30,INDEX(Jesper!$R$2:$R$366,ROW(INDEX(Jesper!AJ$2:AJ$366,ROUNDDOWN($C5566/24,0)+1,1))-1)+IF('Standard Profiles'!$G$20=$B$10,7,0)+IF('Standard Profiles'!$G$20=$B$17,14,0)+IF('Standard Profiles'!$G$20=$B$24,21,0),MOD($C5566,24)+1)/SUM(INDEX($D$3:$AA$30,INDEX(Jesper!$R$2:$R$366,ROW(INDEX(Jesper!AJ$2:AJ$366,ROUNDDOWN($C5566/24,0)+1,1))-1)+IF('Standard Profiles'!$G$20=$B$10,7,0)+IF('Standard Profiles'!$G$20=$B$17,14,0)+IF('Standard Profiles'!$G$20=$B$24,21,0),0)),0)</f>
        <v>0</v>
      </c>
      <c r="G5566" cm="1">
        <f t="array" ref="G5566">IFERROR(INDEX(Jesper!AK$2:AK$366,ROUNDDOWN($C5566/24,0)+1,1)*INDEX($D$3:$AA$30,INDEX(Jesper!$R$2:$R$366,ROW(INDEX(Jesper!AK$2:AK$366,ROUNDDOWN($C5566/24,0)+1,1))-1)+IF('Standard Profiles'!$G$21=$B$10,7,0)+IF('Standard Profiles'!$G$21=$B$17,14,0)+IF('Standard Profiles'!$G$21=$B$24,21,0),MOD($C5566,24)+1)/SUM(INDEX($D$3:$AA$30,INDEX(Jesper!$R$2:$R$366,ROW(INDEX(Jesper!AK$2:AK$366,ROUNDDOWN($C5566/24,0)+1,1))-1)+IF('Standard Profiles'!$G$21=$B$10,7,0)+IF('Standard Profiles'!$G$21=$B$17,14,0)+IF('Standard Profiles'!$G$21=$B$24,21,0),0)),0)</f>
        <v>0</v>
      </c>
      <c r="H5566" cm="1">
        <f t="array" ref="H5566">IFERROR(INDEX(Jesper!AL$2:AL$366,ROUNDDOWN($C5566/24,0)+1,1)*INDEX($D$3:$AA$30,INDEX(Jesper!$R$2:$R$366,ROW(INDEX(Jesper!AL$2:AL$366,ROUNDDOWN($C5566/24,0)+1,1))-1)+IF('Standard Profiles'!$G$22=$B$10,7,0)+IF('Standard Profiles'!$G$22=$B$17,14,0)+IF('Standard Profiles'!$G$22=$B$24,21,0),MOD($C5566,24)+1)/SUM(INDEX($D$3:$AA$30,INDEX(Jesper!$R$2:$R$366,ROW(INDEX(Jesper!AL$2:AL$366,ROUNDDOWN($C5566/24,0)+1,1))-1)+IF('Standard Profiles'!$G$22=$B$10,7,0)+IF('Standard Profiles'!$G$22=$B$17,14,0)+IF('Standard Profiles'!$G$22=$B$24,21,0),0)),0)</f>
        <v>0</v>
      </c>
      <c r="I5566">
        <f t="shared" si="622"/>
        <v>0.13697757134575489</v>
      </c>
      <c r="J5566">
        <f t="shared" si="623"/>
        <v>0.45659190448584969</v>
      </c>
      <c r="K5566">
        <f t="shared" si="624"/>
        <v>0.68488785672877461</v>
      </c>
      <c r="L5566">
        <f t="shared" si="625"/>
        <v>11.189303155738289</v>
      </c>
      <c r="M5566">
        <f t="shared" si="626"/>
        <v>0</v>
      </c>
      <c r="N5566" s="46">
        <f t="shared" si="627"/>
        <v>45522.499999986583</v>
      </c>
    </row>
    <row r="5567" spans="2:14" x14ac:dyDescent="0.3">
      <c r="B5567">
        <f t="shared" si="621"/>
        <v>7</v>
      </c>
      <c r="C5567" s="16">
        <v>5533</v>
      </c>
      <c r="D5567" cm="1">
        <f t="array" ref="D5567">IFERROR(INDEX(Jesper!AH$2:AH$366,ROUNDDOWN($C5567/24,0)+1,1)*INDEX($D$3:$AA$30,INDEX(Jesper!$R$2:$R$366,ROW(INDEX(Jesper!AH$2:AH$366,ROUNDDOWN($C5567/24,0)+1,1))-1)+IF('Standard Profiles'!$G$18=$B$10,7,0)+IF('Standard Profiles'!$G$18=$B$17,14,0)+IF('Standard Profiles'!$G$18=$B$24,21,0),MOD($C5567,24)+1)/SUM(INDEX($D$3:$AA$30,INDEX(Jesper!$R$2:$R$366,ROW(INDEX(Jesper!AH$2:AH$366,ROUNDDOWN($C5567/24,0)+1,1))-1)+IF('Standard Profiles'!$G$18=$B$10,7,0)+IF('Standard Profiles'!$G$18=$B$17,14,0)+IF('Standard Profiles'!$G$18=$B$24,21,0),0)),0)</f>
        <v>10.947309446360789</v>
      </c>
      <c r="E5567" cm="1">
        <f t="array" ref="E5567">IFERROR(INDEX(Jesper!AI$2:AI$366,ROUNDDOWN($C5567/24,0)+1,1)*INDEX($D$3:$AA$30,INDEX(Jesper!$R$2:$R$366,ROW(INDEX(Jesper!AI$2:AI$366,ROUNDDOWN($C5567/24,0)+1,1))-1)+IF('Standard Profiles'!$G$19=$B$10,7,0)+IF('Standard Profiles'!$G$19=$B$17,14,0)+IF('Standard Profiles'!$G$19=$B$24,21,0),MOD($C5567,24)+1)/SUM(INDEX($D$3:$AA$30,INDEX(Jesper!$R$2:$R$366,ROW(INDEX(Jesper!AI$2:AI$366,ROUNDDOWN($C5567/24,0)+1,1))-1)+IF('Standard Profiles'!$G$19=$B$10,7,0)+IF('Standard Profiles'!$G$19=$B$17,14,0)+IF('Standard Profiles'!$G$19=$B$24,21,0),0)),0)</f>
        <v>1.5204510419378789</v>
      </c>
      <c r="F5567" cm="1">
        <f t="array" ref="F5567">IFERROR(INDEX(Jesper!AJ$2:AJ$366,ROUNDDOWN($C5567/24,0)+1,1)*INDEX($D$3:$AA$30,INDEX(Jesper!$R$2:$R$366,ROW(INDEX(Jesper!AJ$2:AJ$366,ROUNDDOWN($C5567/24,0)+1,1))-1)+IF('Standard Profiles'!$G$20=$B$10,7,0)+IF('Standard Profiles'!$G$20=$B$17,14,0)+IF('Standard Profiles'!$G$20=$B$24,21,0),MOD($C5567,24)+1)/SUM(INDEX($D$3:$AA$30,INDEX(Jesper!$R$2:$R$366,ROW(INDEX(Jesper!AJ$2:AJ$366,ROUNDDOWN($C5567/24,0)+1,1))-1)+IF('Standard Profiles'!$G$20=$B$10,7,0)+IF('Standard Profiles'!$G$20=$B$17,14,0)+IF('Standard Profiles'!$G$20=$B$24,21,0),0)),0)</f>
        <v>0</v>
      </c>
      <c r="G5567" cm="1">
        <f t="array" ref="G5567">IFERROR(INDEX(Jesper!AK$2:AK$366,ROUNDDOWN($C5567/24,0)+1,1)*INDEX($D$3:$AA$30,INDEX(Jesper!$R$2:$R$366,ROW(INDEX(Jesper!AK$2:AK$366,ROUNDDOWN($C5567/24,0)+1,1))-1)+IF('Standard Profiles'!$G$21=$B$10,7,0)+IF('Standard Profiles'!$G$21=$B$17,14,0)+IF('Standard Profiles'!$G$21=$B$24,21,0),MOD($C5567,24)+1)/SUM(INDEX($D$3:$AA$30,INDEX(Jesper!$R$2:$R$366,ROW(INDEX(Jesper!AK$2:AK$366,ROUNDDOWN($C5567/24,0)+1,1))-1)+IF('Standard Profiles'!$G$21=$B$10,7,0)+IF('Standard Profiles'!$G$21=$B$17,14,0)+IF('Standard Profiles'!$G$21=$B$24,21,0),0)),0)</f>
        <v>0</v>
      </c>
      <c r="H5567" cm="1">
        <f t="array" ref="H5567">IFERROR(INDEX(Jesper!AL$2:AL$366,ROUNDDOWN($C5567/24,0)+1,1)*INDEX($D$3:$AA$30,INDEX(Jesper!$R$2:$R$366,ROW(INDEX(Jesper!AL$2:AL$366,ROUNDDOWN($C5567/24,0)+1,1))-1)+IF('Standard Profiles'!$G$22=$B$10,7,0)+IF('Standard Profiles'!$G$22=$B$17,14,0)+IF('Standard Profiles'!$G$22=$B$24,21,0),MOD($C5567,24)+1)/SUM(INDEX($D$3:$AA$30,INDEX(Jesper!$R$2:$R$366,ROW(INDEX(Jesper!AL$2:AL$366,ROUNDDOWN($C5567/24,0)+1,1))-1)+IF('Standard Profiles'!$G$22=$B$10,7,0)+IF('Standard Profiles'!$G$22=$B$17,14,0)+IF('Standard Profiles'!$G$22=$B$24,21,0),0)),0)</f>
        <v>0</v>
      </c>
      <c r="I5567">
        <f t="shared" si="622"/>
        <v>0.13697757134575489</v>
      </c>
      <c r="J5567">
        <f t="shared" si="623"/>
        <v>0.45659190448584969</v>
      </c>
      <c r="K5567">
        <f t="shared" si="624"/>
        <v>0.68488785672877461</v>
      </c>
      <c r="L5567">
        <f t="shared" si="625"/>
        <v>11.189303155738289</v>
      </c>
      <c r="M5567">
        <f t="shared" si="626"/>
        <v>0</v>
      </c>
      <c r="N5567" s="46">
        <f t="shared" si="627"/>
        <v>45522.541666653247</v>
      </c>
    </row>
    <row r="5568" spans="2:14" x14ac:dyDescent="0.3">
      <c r="B5568">
        <f t="shared" si="621"/>
        <v>7</v>
      </c>
      <c r="C5568" s="16">
        <v>5534</v>
      </c>
      <c r="D5568" cm="1">
        <f t="array" ref="D5568">IFERROR(INDEX(Jesper!AH$2:AH$366,ROUNDDOWN($C5568/24,0)+1,1)*INDEX($D$3:$AA$30,INDEX(Jesper!$R$2:$R$366,ROW(INDEX(Jesper!AH$2:AH$366,ROUNDDOWN($C5568/24,0)+1,1))-1)+IF('Standard Profiles'!$G$18=$B$10,7,0)+IF('Standard Profiles'!$G$18=$B$17,14,0)+IF('Standard Profiles'!$G$18=$B$24,21,0),MOD($C5568,24)+1)/SUM(INDEX($D$3:$AA$30,INDEX(Jesper!$R$2:$R$366,ROW(INDEX(Jesper!AH$2:AH$366,ROUNDDOWN($C5568/24,0)+1,1))-1)+IF('Standard Profiles'!$G$18=$B$10,7,0)+IF('Standard Profiles'!$G$18=$B$17,14,0)+IF('Standard Profiles'!$G$18=$B$24,21,0),0)),0)</f>
        <v>10.947309446360789</v>
      </c>
      <c r="E5568" cm="1">
        <f t="array" ref="E5568">IFERROR(INDEX(Jesper!AI$2:AI$366,ROUNDDOWN($C5568/24,0)+1,1)*INDEX($D$3:$AA$30,INDEX(Jesper!$R$2:$R$366,ROW(INDEX(Jesper!AI$2:AI$366,ROUNDDOWN($C5568/24,0)+1,1))-1)+IF('Standard Profiles'!$G$19=$B$10,7,0)+IF('Standard Profiles'!$G$19=$B$17,14,0)+IF('Standard Profiles'!$G$19=$B$24,21,0),MOD($C5568,24)+1)/SUM(INDEX($D$3:$AA$30,INDEX(Jesper!$R$2:$R$366,ROW(INDEX(Jesper!AI$2:AI$366,ROUNDDOWN($C5568/24,0)+1,1))-1)+IF('Standard Profiles'!$G$19=$B$10,7,0)+IF('Standard Profiles'!$G$19=$B$17,14,0)+IF('Standard Profiles'!$G$19=$B$24,21,0),0)),0)</f>
        <v>1.5204510419378789</v>
      </c>
      <c r="F5568" cm="1">
        <f t="array" ref="F5568">IFERROR(INDEX(Jesper!AJ$2:AJ$366,ROUNDDOWN($C5568/24,0)+1,1)*INDEX($D$3:$AA$30,INDEX(Jesper!$R$2:$R$366,ROW(INDEX(Jesper!AJ$2:AJ$366,ROUNDDOWN($C5568/24,0)+1,1))-1)+IF('Standard Profiles'!$G$20=$B$10,7,0)+IF('Standard Profiles'!$G$20=$B$17,14,0)+IF('Standard Profiles'!$G$20=$B$24,21,0),MOD($C5568,24)+1)/SUM(INDEX($D$3:$AA$30,INDEX(Jesper!$R$2:$R$366,ROW(INDEX(Jesper!AJ$2:AJ$366,ROUNDDOWN($C5568/24,0)+1,1))-1)+IF('Standard Profiles'!$G$20=$B$10,7,0)+IF('Standard Profiles'!$G$20=$B$17,14,0)+IF('Standard Profiles'!$G$20=$B$24,21,0),0)),0)</f>
        <v>0</v>
      </c>
      <c r="G5568" cm="1">
        <f t="array" ref="G5568">IFERROR(INDEX(Jesper!AK$2:AK$366,ROUNDDOWN($C5568/24,0)+1,1)*INDEX($D$3:$AA$30,INDEX(Jesper!$R$2:$R$366,ROW(INDEX(Jesper!AK$2:AK$366,ROUNDDOWN($C5568/24,0)+1,1))-1)+IF('Standard Profiles'!$G$21=$B$10,7,0)+IF('Standard Profiles'!$G$21=$B$17,14,0)+IF('Standard Profiles'!$G$21=$B$24,21,0),MOD($C5568,24)+1)/SUM(INDEX($D$3:$AA$30,INDEX(Jesper!$R$2:$R$366,ROW(INDEX(Jesper!AK$2:AK$366,ROUNDDOWN($C5568/24,0)+1,1))-1)+IF('Standard Profiles'!$G$21=$B$10,7,0)+IF('Standard Profiles'!$G$21=$B$17,14,0)+IF('Standard Profiles'!$G$21=$B$24,21,0),0)),0)</f>
        <v>0</v>
      </c>
      <c r="H5568" cm="1">
        <f t="array" ref="H5568">IFERROR(INDEX(Jesper!AL$2:AL$366,ROUNDDOWN($C5568/24,0)+1,1)*INDEX($D$3:$AA$30,INDEX(Jesper!$R$2:$R$366,ROW(INDEX(Jesper!AL$2:AL$366,ROUNDDOWN($C5568/24,0)+1,1))-1)+IF('Standard Profiles'!$G$22=$B$10,7,0)+IF('Standard Profiles'!$G$22=$B$17,14,0)+IF('Standard Profiles'!$G$22=$B$24,21,0),MOD($C5568,24)+1)/SUM(INDEX($D$3:$AA$30,INDEX(Jesper!$R$2:$R$366,ROW(INDEX(Jesper!AL$2:AL$366,ROUNDDOWN($C5568/24,0)+1,1))-1)+IF('Standard Profiles'!$G$22=$B$10,7,0)+IF('Standard Profiles'!$G$22=$B$17,14,0)+IF('Standard Profiles'!$G$22=$B$24,21,0),0)),0)</f>
        <v>0</v>
      </c>
      <c r="I5568">
        <f t="shared" si="622"/>
        <v>0.13697757134575489</v>
      </c>
      <c r="J5568">
        <f t="shared" si="623"/>
        <v>0.45659190448584969</v>
      </c>
      <c r="K5568">
        <f t="shared" si="624"/>
        <v>0.68488785672877461</v>
      </c>
      <c r="L5568">
        <f t="shared" si="625"/>
        <v>11.189303155738289</v>
      </c>
      <c r="M5568">
        <f t="shared" si="626"/>
        <v>0</v>
      </c>
      <c r="N5568" s="46">
        <f t="shared" si="627"/>
        <v>45522.583333319912</v>
      </c>
    </row>
    <row r="5569" spans="2:14" x14ac:dyDescent="0.3">
      <c r="B5569">
        <f t="shared" si="621"/>
        <v>7</v>
      </c>
      <c r="C5569" s="16">
        <v>5535</v>
      </c>
      <c r="D5569" cm="1">
        <f t="array" ref="D5569">IFERROR(INDEX(Jesper!AH$2:AH$366,ROUNDDOWN($C5569/24,0)+1,1)*INDEX($D$3:$AA$30,INDEX(Jesper!$R$2:$R$366,ROW(INDEX(Jesper!AH$2:AH$366,ROUNDDOWN($C5569/24,0)+1,1))-1)+IF('Standard Profiles'!$G$18=$B$10,7,0)+IF('Standard Profiles'!$G$18=$B$17,14,0)+IF('Standard Profiles'!$G$18=$B$24,21,0),MOD($C5569,24)+1)/SUM(INDEX($D$3:$AA$30,INDEX(Jesper!$R$2:$R$366,ROW(INDEX(Jesper!AH$2:AH$366,ROUNDDOWN($C5569/24,0)+1,1))-1)+IF('Standard Profiles'!$G$18=$B$10,7,0)+IF('Standard Profiles'!$G$18=$B$17,14,0)+IF('Standard Profiles'!$G$18=$B$24,21,0),0)),0)</f>
        <v>9.7309417300984791</v>
      </c>
      <c r="E5569" cm="1">
        <f t="array" ref="E5569">IFERROR(INDEX(Jesper!AI$2:AI$366,ROUNDDOWN($C5569/24,0)+1,1)*INDEX($D$3:$AA$30,INDEX(Jesper!$R$2:$R$366,ROW(INDEX(Jesper!AI$2:AI$366,ROUNDDOWN($C5569/24,0)+1,1))-1)+IF('Standard Profiles'!$G$19=$B$10,7,0)+IF('Standard Profiles'!$G$19=$B$17,14,0)+IF('Standard Profiles'!$G$19=$B$24,21,0),MOD($C5569,24)+1)/SUM(INDEX($D$3:$AA$30,INDEX(Jesper!$R$2:$R$366,ROW(INDEX(Jesper!AI$2:AI$366,ROUNDDOWN($C5569/24,0)+1,1))-1)+IF('Standard Profiles'!$G$19=$B$10,7,0)+IF('Standard Profiles'!$G$19=$B$17,14,0)+IF('Standard Profiles'!$G$19=$B$24,21,0),0)),0)</f>
        <v>1.3515120372781146</v>
      </c>
      <c r="F5569" cm="1">
        <f t="array" ref="F5569">IFERROR(INDEX(Jesper!AJ$2:AJ$366,ROUNDDOWN($C5569/24,0)+1,1)*INDEX($D$3:$AA$30,INDEX(Jesper!$R$2:$R$366,ROW(INDEX(Jesper!AJ$2:AJ$366,ROUNDDOWN($C5569/24,0)+1,1))-1)+IF('Standard Profiles'!$G$20=$B$10,7,0)+IF('Standard Profiles'!$G$20=$B$17,14,0)+IF('Standard Profiles'!$G$20=$B$24,21,0),MOD($C5569,24)+1)/SUM(INDEX($D$3:$AA$30,INDEX(Jesper!$R$2:$R$366,ROW(INDEX(Jesper!AJ$2:AJ$366,ROUNDDOWN($C5569/24,0)+1,1))-1)+IF('Standard Profiles'!$G$20=$B$10,7,0)+IF('Standard Profiles'!$G$20=$B$17,14,0)+IF('Standard Profiles'!$G$20=$B$24,21,0),0)),0)</f>
        <v>0</v>
      </c>
      <c r="G5569" cm="1">
        <f t="array" ref="G5569">IFERROR(INDEX(Jesper!AK$2:AK$366,ROUNDDOWN($C5569/24,0)+1,1)*INDEX($D$3:$AA$30,INDEX(Jesper!$R$2:$R$366,ROW(INDEX(Jesper!AK$2:AK$366,ROUNDDOWN($C5569/24,0)+1,1))-1)+IF('Standard Profiles'!$G$21=$B$10,7,0)+IF('Standard Profiles'!$G$21=$B$17,14,0)+IF('Standard Profiles'!$G$21=$B$24,21,0),MOD($C5569,24)+1)/SUM(INDEX($D$3:$AA$30,INDEX(Jesper!$R$2:$R$366,ROW(INDEX(Jesper!AK$2:AK$366,ROUNDDOWN($C5569/24,0)+1,1))-1)+IF('Standard Profiles'!$G$21=$B$10,7,0)+IF('Standard Profiles'!$G$21=$B$17,14,0)+IF('Standard Profiles'!$G$21=$B$24,21,0),0)),0)</f>
        <v>0</v>
      </c>
      <c r="H5569" cm="1">
        <f t="array" ref="H5569">IFERROR(INDEX(Jesper!AL$2:AL$366,ROUNDDOWN($C5569/24,0)+1,1)*INDEX($D$3:$AA$30,INDEX(Jesper!$R$2:$R$366,ROW(INDEX(Jesper!AL$2:AL$366,ROUNDDOWN($C5569/24,0)+1,1))-1)+IF('Standard Profiles'!$G$22=$B$10,7,0)+IF('Standard Profiles'!$G$22=$B$17,14,0)+IF('Standard Profiles'!$G$22=$B$24,21,0),MOD($C5569,24)+1)/SUM(INDEX($D$3:$AA$30,INDEX(Jesper!$R$2:$R$366,ROW(INDEX(Jesper!AL$2:AL$366,ROUNDDOWN($C5569/24,0)+1,1))-1)+IF('Standard Profiles'!$G$22=$B$10,7,0)+IF('Standard Profiles'!$G$22=$B$17,14,0)+IF('Standard Profiles'!$G$22=$B$24,21,0),0)),0)</f>
        <v>0</v>
      </c>
      <c r="I5569">
        <f t="shared" si="622"/>
        <v>0.12175784119622658</v>
      </c>
      <c r="J5569">
        <f t="shared" si="623"/>
        <v>0.40585947065408862</v>
      </c>
      <c r="K5569">
        <f t="shared" si="624"/>
        <v>0.60878920598113295</v>
      </c>
      <c r="L5569">
        <f t="shared" si="625"/>
        <v>9.9460472495451455</v>
      </c>
      <c r="M5569">
        <f t="shared" si="626"/>
        <v>0</v>
      </c>
      <c r="N5569" s="46">
        <f t="shared" si="627"/>
        <v>45522.624999986576</v>
      </c>
    </row>
    <row r="5570" spans="2:14" x14ac:dyDescent="0.3">
      <c r="B5570">
        <f t="shared" si="621"/>
        <v>7</v>
      </c>
      <c r="C5570" s="16">
        <v>5536</v>
      </c>
      <c r="D5570" cm="1">
        <f t="array" ref="D5570">IFERROR(INDEX(Jesper!AH$2:AH$366,ROUNDDOWN($C5570/24,0)+1,1)*INDEX($D$3:$AA$30,INDEX(Jesper!$R$2:$R$366,ROW(INDEX(Jesper!AH$2:AH$366,ROUNDDOWN($C5570/24,0)+1,1))-1)+IF('Standard Profiles'!$G$18=$B$10,7,0)+IF('Standard Profiles'!$G$18=$B$17,14,0)+IF('Standard Profiles'!$G$18=$B$24,21,0),MOD($C5570,24)+1)/SUM(INDEX($D$3:$AA$30,INDEX(Jesper!$R$2:$R$366,ROW(INDEX(Jesper!AH$2:AH$366,ROUNDDOWN($C5570/24,0)+1,1))-1)+IF('Standard Profiles'!$G$18=$B$10,7,0)+IF('Standard Profiles'!$G$18=$B$17,14,0)+IF('Standard Profiles'!$G$18=$B$24,21,0),0)),0)</f>
        <v>9.5571749134895754</v>
      </c>
      <c r="E5570" cm="1">
        <f t="array" ref="E5570">IFERROR(INDEX(Jesper!AI$2:AI$366,ROUNDDOWN($C5570/24,0)+1,1)*INDEX($D$3:$AA$30,INDEX(Jesper!$R$2:$R$366,ROW(INDEX(Jesper!AI$2:AI$366,ROUNDDOWN($C5570/24,0)+1,1))-1)+IF('Standard Profiles'!$G$19=$B$10,7,0)+IF('Standard Profiles'!$G$19=$B$17,14,0)+IF('Standard Profiles'!$G$19=$B$24,21,0),MOD($C5570,24)+1)/SUM(INDEX($D$3:$AA$30,INDEX(Jesper!$R$2:$R$366,ROW(INDEX(Jesper!AI$2:AI$366,ROUNDDOWN($C5570/24,0)+1,1))-1)+IF('Standard Profiles'!$G$19=$B$10,7,0)+IF('Standard Profiles'!$G$19=$B$17,14,0)+IF('Standard Profiles'!$G$19=$B$24,21,0),0)),0)</f>
        <v>1.3273778937552911</v>
      </c>
      <c r="F5570" cm="1">
        <f t="array" ref="F5570">IFERROR(INDEX(Jesper!AJ$2:AJ$366,ROUNDDOWN($C5570/24,0)+1,1)*INDEX($D$3:$AA$30,INDEX(Jesper!$R$2:$R$366,ROW(INDEX(Jesper!AJ$2:AJ$366,ROUNDDOWN($C5570/24,0)+1,1))-1)+IF('Standard Profiles'!$G$20=$B$10,7,0)+IF('Standard Profiles'!$G$20=$B$17,14,0)+IF('Standard Profiles'!$G$20=$B$24,21,0),MOD($C5570,24)+1)/SUM(INDEX($D$3:$AA$30,INDEX(Jesper!$R$2:$R$366,ROW(INDEX(Jesper!AJ$2:AJ$366,ROUNDDOWN($C5570/24,0)+1,1))-1)+IF('Standard Profiles'!$G$20=$B$10,7,0)+IF('Standard Profiles'!$G$20=$B$17,14,0)+IF('Standard Profiles'!$G$20=$B$24,21,0),0)),0)</f>
        <v>0</v>
      </c>
      <c r="G5570" cm="1">
        <f t="array" ref="G5570">IFERROR(INDEX(Jesper!AK$2:AK$366,ROUNDDOWN($C5570/24,0)+1,1)*INDEX($D$3:$AA$30,INDEX(Jesper!$R$2:$R$366,ROW(INDEX(Jesper!AK$2:AK$366,ROUNDDOWN($C5570/24,0)+1,1))-1)+IF('Standard Profiles'!$G$21=$B$10,7,0)+IF('Standard Profiles'!$G$21=$B$17,14,0)+IF('Standard Profiles'!$G$21=$B$24,21,0),MOD($C5570,24)+1)/SUM(INDEX($D$3:$AA$30,INDEX(Jesper!$R$2:$R$366,ROW(INDEX(Jesper!AK$2:AK$366,ROUNDDOWN($C5570/24,0)+1,1))-1)+IF('Standard Profiles'!$G$21=$B$10,7,0)+IF('Standard Profiles'!$G$21=$B$17,14,0)+IF('Standard Profiles'!$G$21=$B$24,21,0),0)),0)</f>
        <v>0</v>
      </c>
      <c r="H5570" cm="1">
        <f t="array" ref="H5570">IFERROR(INDEX(Jesper!AL$2:AL$366,ROUNDDOWN($C5570/24,0)+1,1)*INDEX($D$3:$AA$30,INDEX(Jesper!$R$2:$R$366,ROW(INDEX(Jesper!AL$2:AL$366,ROUNDDOWN($C5570/24,0)+1,1))-1)+IF('Standard Profiles'!$G$22=$B$10,7,0)+IF('Standard Profiles'!$G$22=$B$17,14,0)+IF('Standard Profiles'!$G$22=$B$24,21,0),MOD($C5570,24)+1)/SUM(INDEX($D$3:$AA$30,INDEX(Jesper!$R$2:$R$366,ROW(INDEX(Jesper!AL$2:AL$366,ROUNDDOWN($C5570/24,0)+1,1))-1)+IF('Standard Profiles'!$G$22=$B$10,7,0)+IF('Standard Profiles'!$G$22=$B$17,14,0)+IF('Standard Profiles'!$G$22=$B$24,21,0),0)),0)</f>
        <v>0</v>
      </c>
      <c r="I5570">
        <f t="shared" si="622"/>
        <v>0.11958359403200824</v>
      </c>
      <c r="J5570">
        <f t="shared" si="623"/>
        <v>0.39861198010669419</v>
      </c>
      <c r="K5570">
        <f t="shared" si="624"/>
        <v>0.59791797016004133</v>
      </c>
      <c r="L5570">
        <f t="shared" si="625"/>
        <v>9.7684392629461225</v>
      </c>
      <c r="M5570">
        <f t="shared" si="626"/>
        <v>0</v>
      </c>
      <c r="N5570" s="46">
        <f t="shared" si="627"/>
        <v>45522.66666665324</v>
      </c>
    </row>
    <row r="5571" spans="2:14" x14ac:dyDescent="0.3">
      <c r="B5571">
        <f t="shared" si="621"/>
        <v>7</v>
      </c>
      <c r="C5571" s="16">
        <v>5537</v>
      </c>
      <c r="D5571" cm="1">
        <f t="array" ref="D5571">IFERROR(INDEX(Jesper!AH$2:AH$366,ROUNDDOWN($C5571/24,0)+1,1)*INDEX($D$3:$AA$30,INDEX(Jesper!$R$2:$R$366,ROW(INDEX(Jesper!AH$2:AH$366,ROUNDDOWN($C5571/24,0)+1,1))-1)+IF('Standard Profiles'!$G$18=$B$10,7,0)+IF('Standard Profiles'!$G$18=$B$17,14,0)+IF('Standard Profiles'!$G$18=$B$24,21,0),MOD($C5571,24)+1)/SUM(INDEX($D$3:$AA$30,INDEX(Jesper!$R$2:$R$366,ROW(INDEX(Jesper!AH$2:AH$366,ROUNDDOWN($C5571/24,0)+1,1))-1)+IF('Standard Profiles'!$G$18=$B$10,7,0)+IF('Standard Profiles'!$G$18=$B$17,14,0)+IF('Standard Profiles'!$G$18=$B$24,21,0),0)),0)</f>
        <v>8.1670403806183671</v>
      </c>
      <c r="E5571" cm="1">
        <f t="array" ref="E5571">IFERROR(INDEX(Jesper!AI$2:AI$366,ROUNDDOWN($C5571/24,0)+1,1)*INDEX($D$3:$AA$30,INDEX(Jesper!$R$2:$R$366,ROW(INDEX(Jesper!AI$2:AI$366,ROUNDDOWN($C5571/24,0)+1,1))-1)+IF('Standard Profiles'!$G$19=$B$10,7,0)+IF('Standard Profiles'!$G$19=$B$17,14,0)+IF('Standard Profiles'!$G$19=$B$24,21,0),MOD($C5571,24)+1)/SUM(INDEX($D$3:$AA$30,INDEX(Jesper!$R$2:$R$366,ROW(INDEX(Jesper!AI$2:AI$366,ROUNDDOWN($C5571/24,0)+1,1))-1)+IF('Standard Profiles'!$G$19=$B$10,7,0)+IF('Standard Profiles'!$G$19=$B$17,14,0)+IF('Standard Profiles'!$G$19=$B$24,21,0),0)),0)</f>
        <v>1.1343047455727036</v>
      </c>
      <c r="F5571" cm="1">
        <f t="array" ref="F5571">IFERROR(INDEX(Jesper!AJ$2:AJ$366,ROUNDDOWN($C5571/24,0)+1,1)*INDEX($D$3:$AA$30,INDEX(Jesper!$R$2:$R$366,ROW(INDEX(Jesper!AJ$2:AJ$366,ROUNDDOWN($C5571/24,0)+1,1))-1)+IF('Standard Profiles'!$G$20=$B$10,7,0)+IF('Standard Profiles'!$G$20=$B$17,14,0)+IF('Standard Profiles'!$G$20=$B$24,21,0),MOD($C5571,24)+1)/SUM(INDEX($D$3:$AA$30,INDEX(Jesper!$R$2:$R$366,ROW(INDEX(Jesper!AJ$2:AJ$366,ROUNDDOWN($C5571/24,0)+1,1))-1)+IF('Standard Profiles'!$G$20=$B$10,7,0)+IF('Standard Profiles'!$G$20=$B$17,14,0)+IF('Standard Profiles'!$G$20=$B$24,21,0),0)),0)</f>
        <v>0</v>
      </c>
      <c r="G5571" cm="1">
        <f t="array" ref="G5571">IFERROR(INDEX(Jesper!AK$2:AK$366,ROUNDDOWN($C5571/24,0)+1,1)*INDEX($D$3:$AA$30,INDEX(Jesper!$R$2:$R$366,ROW(INDEX(Jesper!AK$2:AK$366,ROUNDDOWN($C5571/24,0)+1,1))-1)+IF('Standard Profiles'!$G$21=$B$10,7,0)+IF('Standard Profiles'!$G$21=$B$17,14,0)+IF('Standard Profiles'!$G$21=$B$24,21,0),MOD($C5571,24)+1)/SUM(INDEX($D$3:$AA$30,INDEX(Jesper!$R$2:$R$366,ROW(INDEX(Jesper!AK$2:AK$366,ROUNDDOWN($C5571/24,0)+1,1))-1)+IF('Standard Profiles'!$G$21=$B$10,7,0)+IF('Standard Profiles'!$G$21=$B$17,14,0)+IF('Standard Profiles'!$G$21=$B$24,21,0),0)),0)</f>
        <v>0</v>
      </c>
      <c r="H5571" cm="1">
        <f t="array" ref="H5571">IFERROR(INDEX(Jesper!AL$2:AL$366,ROUNDDOWN($C5571/24,0)+1,1)*INDEX($D$3:$AA$30,INDEX(Jesper!$R$2:$R$366,ROW(INDEX(Jesper!AL$2:AL$366,ROUNDDOWN($C5571/24,0)+1,1))-1)+IF('Standard Profiles'!$G$22=$B$10,7,0)+IF('Standard Profiles'!$G$22=$B$17,14,0)+IF('Standard Profiles'!$G$22=$B$24,21,0),MOD($C5571,24)+1)/SUM(INDEX($D$3:$AA$30,INDEX(Jesper!$R$2:$R$366,ROW(INDEX(Jesper!AL$2:AL$366,ROUNDDOWN($C5571/24,0)+1,1))-1)+IF('Standard Profiles'!$G$22=$B$10,7,0)+IF('Standard Profiles'!$G$22=$B$17,14,0)+IF('Standard Profiles'!$G$22=$B$24,21,0),0)),0)</f>
        <v>0</v>
      </c>
      <c r="I5571">
        <f t="shared" si="622"/>
        <v>0.10218961671826161</v>
      </c>
      <c r="J5571">
        <f t="shared" si="623"/>
        <v>0.34063205572753874</v>
      </c>
      <c r="K5571">
        <f t="shared" si="624"/>
        <v>0.51094808359130806</v>
      </c>
      <c r="L5571">
        <f t="shared" si="625"/>
        <v>8.3475753701539617</v>
      </c>
      <c r="M5571">
        <f t="shared" si="626"/>
        <v>0</v>
      </c>
      <c r="N5571" s="46">
        <f t="shared" si="627"/>
        <v>45522.708333319904</v>
      </c>
    </row>
    <row r="5572" spans="2:14" x14ac:dyDescent="0.3">
      <c r="B5572">
        <f t="shared" si="621"/>
        <v>7</v>
      </c>
      <c r="C5572" s="16">
        <v>5538</v>
      </c>
      <c r="D5572" cm="1">
        <f t="array" ref="D5572">IFERROR(INDEX(Jesper!AH$2:AH$366,ROUNDDOWN($C5572/24,0)+1,1)*INDEX($D$3:$AA$30,INDEX(Jesper!$R$2:$R$366,ROW(INDEX(Jesper!AH$2:AH$366,ROUNDDOWN($C5572/24,0)+1,1))-1)+IF('Standard Profiles'!$G$18=$B$10,7,0)+IF('Standard Profiles'!$G$18=$B$17,14,0)+IF('Standard Profiles'!$G$18=$B$24,21,0),MOD($C5572,24)+1)/SUM(INDEX($D$3:$AA$30,INDEX(Jesper!$R$2:$R$366,ROW(INDEX(Jesper!AH$2:AH$366,ROUNDDOWN($C5572/24,0)+1,1))-1)+IF('Standard Profiles'!$G$18=$B$10,7,0)+IF('Standard Profiles'!$G$18=$B$17,14,0)+IF('Standard Profiles'!$G$18=$B$24,21,0),0)),0)</f>
        <v>7.6457399307916614</v>
      </c>
      <c r="E5572" cm="1">
        <f t="array" ref="E5572">IFERROR(INDEX(Jesper!AI$2:AI$366,ROUNDDOWN($C5572/24,0)+1,1)*INDEX($D$3:$AA$30,INDEX(Jesper!$R$2:$R$366,ROW(INDEX(Jesper!AI$2:AI$366,ROUNDDOWN($C5572/24,0)+1,1))-1)+IF('Standard Profiles'!$G$19=$B$10,7,0)+IF('Standard Profiles'!$G$19=$B$17,14,0)+IF('Standard Profiles'!$G$19=$B$24,21,0),MOD($C5572,24)+1)/SUM(INDEX($D$3:$AA$30,INDEX(Jesper!$R$2:$R$366,ROW(INDEX(Jesper!AI$2:AI$366,ROUNDDOWN($C5572/24,0)+1,1))-1)+IF('Standard Profiles'!$G$19=$B$10,7,0)+IF('Standard Profiles'!$G$19=$B$17,14,0)+IF('Standard Profiles'!$G$19=$B$24,21,0),0)),0)</f>
        <v>1.061902315004233</v>
      </c>
      <c r="F5572" cm="1">
        <f t="array" ref="F5572">IFERROR(INDEX(Jesper!AJ$2:AJ$366,ROUNDDOWN($C5572/24,0)+1,1)*INDEX($D$3:$AA$30,INDEX(Jesper!$R$2:$R$366,ROW(INDEX(Jesper!AJ$2:AJ$366,ROUNDDOWN($C5572/24,0)+1,1))-1)+IF('Standard Profiles'!$G$20=$B$10,7,0)+IF('Standard Profiles'!$G$20=$B$17,14,0)+IF('Standard Profiles'!$G$20=$B$24,21,0),MOD($C5572,24)+1)/SUM(INDEX($D$3:$AA$30,INDEX(Jesper!$R$2:$R$366,ROW(INDEX(Jesper!AJ$2:AJ$366,ROUNDDOWN($C5572/24,0)+1,1))-1)+IF('Standard Profiles'!$G$20=$B$10,7,0)+IF('Standard Profiles'!$G$20=$B$17,14,0)+IF('Standard Profiles'!$G$20=$B$24,21,0),0)),0)</f>
        <v>0</v>
      </c>
      <c r="G5572" cm="1">
        <f t="array" ref="G5572">IFERROR(INDEX(Jesper!AK$2:AK$366,ROUNDDOWN($C5572/24,0)+1,1)*INDEX($D$3:$AA$30,INDEX(Jesper!$R$2:$R$366,ROW(INDEX(Jesper!AK$2:AK$366,ROUNDDOWN($C5572/24,0)+1,1))-1)+IF('Standard Profiles'!$G$21=$B$10,7,0)+IF('Standard Profiles'!$G$21=$B$17,14,0)+IF('Standard Profiles'!$G$21=$B$24,21,0),MOD($C5572,24)+1)/SUM(INDEX($D$3:$AA$30,INDEX(Jesper!$R$2:$R$366,ROW(INDEX(Jesper!AK$2:AK$366,ROUNDDOWN($C5572/24,0)+1,1))-1)+IF('Standard Profiles'!$G$21=$B$10,7,0)+IF('Standard Profiles'!$G$21=$B$17,14,0)+IF('Standard Profiles'!$G$21=$B$24,21,0),0)),0)</f>
        <v>0</v>
      </c>
      <c r="H5572" cm="1">
        <f t="array" ref="H5572">IFERROR(INDEX(Jesper!AL$2:AL$366,ROUNDDOWN($C5572/24,0)+1,1)*INDEX($D$3:$AA$30,INDEX(Jesper!$R$2:$R$366,ROW(INDEX(Jesper!AL$2:AL$366,ROUNDDOWN($C5572/24,0)+1,1))-1)+IF('Standard Profiles'!$G$22=$B$10,7,0)+IF('Standard Profiles'!$G$22=$B$17,14,0)+IF('Standard Profiles'!$G$22=$B$24,21,0),MOD($C5572,24)+1)/SUM(INDEX($D$3:$AA$30,INDEX(Jesper!$R$2:$R$366,ROW(INDEX(Jesper!AL$2:AL$366,ROUNDDOWN($C5572/24,0)+1,1))-1)+IF('Standard Profiles'!$G$22=$B$10,7,0)+IF('Standard Profiles'!$G$22=$B$17,14,0)+IF('Standard Profiles'!$G$22=$B$24,21,0),0)),0)</f>
        <v>0</v>
      </c>
      <c r="I5572">
        <f t="shared" si="622"/>
        <v>9.5666875225606601E-2</v>
      </c>
      <c r="J5572">
        <f t="shared" si="623"/>
        <v>0.31888958408535539</v>
      </c>
      <c r="K5572">
        <f t="shared" si="624"/>
        <v>0.47833437612803309</v>
      </c>
      <c r="L5572">
        <f t="shared" si="625"/>
        <v>7.8147514103568998</v>
      </c>
      <c r="M5572">
        <f t="shared" si="626"/>
        <v>0</v>
      </c>
      <c r="N5572" s="46">
        <f t="shared" si="627"/>
        <v>45522.749999986569</v>
      </c>
    </row>
    <row r="5573" spans="2:14" x14ac:dyDescent="0.3">
      <c r="B5573">
        <f t="shared" si="621"/>
        <v>7</v>
      </c>
      <c r="C5573" s="16">
        <v>5539</v>
      </c>
      <c r="D5573" cm="1">
        <f t="array" ref="D5573">IFERROR(INDEX(Jesper!AH$2:AH$366,ROUNDDOWN($C5573/24,0)+1,1)*INDEX($D$3:$AA$30,INDEX(Jesper!$R$2:$R$366,ROW(INDEX(Jesper!AH$2:AH$366,ROUNDDOWN($C5573/24,0)+1,1))-1)+IF('Standard Profiles'!$G$18=$B$10,7,0)+IF('Standard Profiles'!$G$18=$B$17,14,0)+IF('Standard Profiles'!$G$18=$B$24,21,0),MOD($C5573,24)+1)/SUM(INDEX($D$3:$AA$30,INDEX(Jesper!$R$2:$R$366,ROW(INDEX(Jesper!AH$2:AH$366,ROUNDDOWN($C5573/24,0)+1,1))-1)+IF('Standard Profiles'!$G$18=$B$10,7,0)+IF('Standard Profiles'!$G$18=$B$17,14,0)+IF('Standard Profiles'!$G$18=$B$24,21,0),0)),0)</f>
        <v>6.4293722145293524</v>
      </c>
      <c r="E5573" cm="1">
        <f t="array" ref="E5573">IFERROR(INDEX(Jesper!AI$2:AI$366,ROUNDDOWN($C5573/24,0)+1,1)*INDEX($D$3:$AA$30,INDEX(Jesper!$R$2:$R$366,ROW(INDEX(Jesper!AI$2:AI$366,ROUNDDOWN($C5573/24,0)+1,1))-1)+IF('Standard Profiles'!$G$19=$B$10,7,0)+IF('Standard Profiles'!$G$19=$B$17,14,0)+IF('Standard Profiles'!$G$19=$B$24,21,0),MOD($C5573,24)+1)/SUM(INDEX($D$3:$AA$30,INDEX(Jesper!$R$2:$R$366,ROW(INDEX(Jesper!AI$2:AI$366,ROUNDDOWN($C5573/24,0)+1,1))-1)+IF('Standard Profiles'!$G$19=$B$10,7,0)+IF('Standard Profiles'!$G$19=$B$17,14,0)+IF('Standard Profiles'!$G$19=$B$24,21,0),0)),0)</f>
        <v>0.89296331034446863</v>
      </c>
      <c r="F5573" cm="1">
        <f t="array" ref="F5573">IFERROR(INDEX(Jesper!AJ$2:AJ$366,ROUNDDOWN($C5573/24,0)+1,1)*INDEX($D$3:$AA$30,INDEX(Jesper!$R$2:$R$366,ROW(INDEX(Jesper!AJ$2:AJ$366,ROUNDDOWN($C5573/24,0)+1,1))-1)+IF('Standard Profiles'!$G$20=$B$10,7,0)+IF('Standard Profiles'!$G$20=$B$17,14,0)+IF('Standard Profiles'!$G$20=$B$24,21,0),MOD($C5573,24)+1)/SUM(INDEX($D$3:$AA$30,INDEX(Jesper!$R$2:$R$366,ROW(INDEX(Jesper!AJ$2:AJ$366,ROUNDDOWN($C5573/24,0)+1,1))-1)+IF('Standard Profiles'!$G$20=$B$10,7,0)+IF('Standard Profiles'!$G$20=$B$17,14,0)+IF('Standard Profiles'!$G$20=$B$24,21,0),0)),0)</f>
        <v>0</v>
      </c>
      <c r="G5573" cm="1">
        <f t="array" ref="G5573">IFERROR(INDEX(Jesper!AK$2:AK$366,ROUNDDOWN($C5573/24,0)+1,1)*INDEX($D$3:$AA$30,INDEX(Jesper!$R$2:$R$366,ROW(INDEX(Jesper!AK$2:AK$366,ROUNDDOWN($C5573/24,0)+1,1))-1)+IF('Standard Profiles'!$G$21=$B$10,7,0)+IF('Standard Profiles'!$G$21=$B$17,14,0)+IF('Standard Profiles'!$G$21=$B$24,21,0),MOD($C5573,24)+1)/SUM(INDEX($D$3:$AA$30,INDEX(Jesper!$R$2:$R$366,ROW(INDEX(Jesper!AK$2:AK$366,ROUNDDOWN($C5573/24,0)+1,1))-1)+IF('Standard Profiles'!$G$21=$B$10,7,0)+IF('Standard Profiles'!$G$21=$B$17,14,0)+IF('Standard Profiles'!$G$21=$B$24,21,0),0)),0)</f>
        <v>0</v>
      </c>
      <c r="H5573" cm="1">
        <f t="array" ref="H5573">IFERROR(INDEX(Jesper!AL$2:AL$366,ROUNDDOWN($C5573/24,0)+1,1)*INDEX($D$3:$AA$30,INDEX(Jesper!$R$2:$R$366,ROW(INDEX(Jesper!AL$2:AL$366,ROUNDDOWN($C5573/24,0)+1,1))-1)+IF('Standard Profiles'!$G$22=$B$10,7,0)+IF('Standard Profiles'!$G$22=$B$17,14,0)+IF('Standard Profiles'!$G$22=$B$24,21,0),MOD($C5573,24)+1)/SUM(INDEX($D$3:$AA$30,INDEX(Jesper!$R$2:$R$366,ROW(INDEX(Jesper!AL$2:AL$366,ROUNDDOWN($C5573/24,0)+1,1))-1)+IF('Standard Profiles'!$G$22=$B$10,7,0)+IF('Standard Profiles'!$G$22=$B$17,14,0)+IF('Standard Profiles'!$G$22=$B$24,21,0),0)),0)</f>
        <v>0</v>
      </c>
      <c r="I5573">
        <f t="shared" si="622"/>
        <v>8.044714507607828E-2</v>
      </c>
      <c r="J5573">
        <f t="shared" si="623"/>
        <v>0.26815715025359427</v>
      </c>
      <c r="K5573">
        <f t="shared" si="624"/>
        <v>0.40223572538039143</v>
      </c>
      <c r="L5573">
        <f t="shared" si="625"/>
        <v>6.5714955041637575</v>
      </c>
      <c r="M5573">
        <f t="shared" si="626"/>
        <v>0</v>
      </c>
      <c r="N5573" s="46">
        <f t="shared" si="627"/>
        <v>45522.791666653233</v>
      </c>
    </row>
    <row r="5574" spans="2:14" x14ac:dyDescent="0.3">
      <c r="B5574">
        <f t="shared" si="621"/>
        <v>7</v>
      </c>
      <c r="C5574" s="16">
        <v>5540</v>
      </c>
      <c r="D5574" cm="1">
        <f t="array" ref="D5574">IFERROR(INDEX(Jesper!AH$2:AH$366,ROUNDDOWN($C5574/24,0)+1,1)*INDEX($D$3:$AA$30,INDEX(Jesper!$R$2:$R$366,ROW(INDEX(Jesper!AH$2:AH$366,ROUNDDOWN($C5574/24,0)+1,1))-1)+IF('Standard Profiles'!$G$18=$B$10,7,0)+IF('Standard Profiles'!$G$18=$B$17,14,0)+IF('Standard Profiles'!$G$18=$B$24,21,0),MOD($C5574,24)+1)/SUM(INDEX($D$3:$AA$30,INDEX(Jesper!$R$2:$R$366,ROW(INDEX(Jesper!AH$2:AH$366,ROUNDDOWN($C5574/24,0)+1,1))-1)+IF('Standard Profiles'!$G$18=$B$10,7,0)+IF('Standard Profiles'!$G$18=$B$17,14,0)+IF('Standard Profiles'!$G$18=$B$24,21,0),0)),0)</f>
        <v>5.3867713148759435</v>
      </c>
      <c r="E5574" cm="1">
        <f t="array" ref="E5574">IFERROR(INDEX(Jesper!AI$2:AI$366,ROUNDDOWN($C5574/24,0)+1,1)*INDEX($D$3:$AA$30,INDEX(Jesper!$R$2:$R$366,ROW(INDEX(Jesper!AI$2:AI$366,ROUNDDOWN($C5574/24,0)+1,1))-1)+IF('Standard Profiles'!$G$19=$B$10,7,0)+IF('Standard Profiles'!$G$19=$B$17,14,0)+IF('Standard Profiles'!$G$19=$B$24,21,0),MOD($C5574,24)+1)/SUM(INDEX($D$3:$AA$30,INDEX(Jesper!$R$2:$R$366,ROW(INDEX(Jesper!AI$2:AI$366,ROUNDDOWN($C5574/24,0)+1,1))-1)+IF('Standard Profiles'!$G$19=$B$10,7,0)+IF('Standard Profiles'!$G$19=$B$17,14,0)+IF('Standard Profiles'!$G$19=$B$24,21,0),0)),0)</f>
        <v>0.74815844920752772</v>
      </c>
      <c r="F5574" cm="1">
        <f t="array" ref="F5574">IFERROR(INDEX(Jesper!AJ$2:AJ$366,ROUNDDOWN($C5574/24,0)+1,1)*INDEX($D$3:$AA$30,INDEX(Jesper!$R$2:$R$366,ROW(INDEX(Jesper!AJ$2:AJ$366,ROUNDDOWN($C5574/24,0)+1,1))-1)+IF('Standard Profiles'!$G$20=$B$10,7,0)+IF('Standard Profiles'!$G$20=$B$17,14,0)+IF('Standard Profiles'!$G$20=$B$24,21,0),MOD($C5574,24)+1)/SUM(INDEX($D$3:$AA$30,INDEX(Jesper!$R$2:$R$366,ROW(INDEX(Jesper!AJ$2:AJ$366,ROUNDDOWN($C5574/24,0)+1,1))-1)+IF('Standard Profiles'!$G$20=$B$10,7,0)+IF('Standard Profiles'!$G$20=$B$17,14,0)+IF('Standard Profiles'!$G$20=$B$24,21,0),0)),0)</f>
        <v>0</v>
      </c>
      <c r="G5574" cm="1">
        <f t="array" ref="G5574">IFERROR(INDEX(Jesper!AK$2:AK$366,ROUNDDOWN($C5574/24,0)+1,1)*INDEX($D$3:$AA$30,INDEX(Jesper!$R$2:$R$366,ROW(INDEX(Jesper!AK$2:AK$366,ROUNDDOWN($C5574/24,0)+1,1))-1)+IF('Standard Profiles'!$G$21=$B$10,7,0)+IF('Standard Profiles'!$G$21=$B$17,14,0)+IF('Standard Profiles'!$G$21=$B$24,21,0),MOD($C5574,24)+1)/SUM(INDEX($D$3:$AA$30,INDEX(Jesper!$R$2:$R$366,ROW(INDEX(Jesper!AK$2:AK$366,ROUNDDOWN($C5574/24,0)+1,1))-1)+IF('Standard Profiles'!$G$21=$B$10,7,0)+IF('Standard Profiles'!$G$21=$B$17,14,0)+IF('Standard Profiles'!$G$21=$B$24,21,0),0)),0)</f>
        <v>0</v>
      </c>
      <c r="H5574" cm="1">
        <f t="array" ref="H5574">IFERROR(INDEX(Jesper!AL$2:AL$366,ROUNDDOWN($C5574/24,0)+1,1)*INDEX($D$3:$AA$30,INDEX(Jesper!$R$2:$R$366,ROW(INDEX(Jesper!AL$2:AL$366,ROUNDDOWN($C5574/24,0)+1,1))-1)+IF('Standard Profiles'!$G$22=$B$10,7,0)+IF('Standard Profiles'!$G$22=$B$17,14,0)+IF('Standard Profiles'!$G$22=$B$24,21,0),MOD($C5574,24)+1)/SUM(INDEX($D$3:$AA$30,INDEX(Jesper!$R$2:$R$366,ROW(INDEX(Jesper!AL$2:AL$366,ROUNDDOWN($C5574/24,0)+1,1))-1)+IF('Standard Profiles'!$G$22=$B$10,7,0)+IF('Standard Profiles'!$G$22=$B$17,14,0)+IF('Standard Profiles'!$G$22=$B$24,21,0),0)),0)</f>
        <v>0</v>
      </c>
      <c r="I5574">
        <f t="shared" si="622"/>
        <v>6.7401662090768283E-2</v>
      </c>
      <c r="J5574">
        <f t="shared" si="623"/>
        <v>0.22467220696922763</v>
      </c>
      <c r="K5574">
        <f t="shared" si="624"/>
        <v>0.33700831045384144</v>
      </c>
      <c r="L5574">
        <f t="shared" si="625"/>
        <v>5.5058475845696337</v>
      </c>
      <c r="M5574">
        <f t="shared" si="626"/>
        <v>0</v>
      </c>
      <c r="N5574" s="46">
        <f t="shared" si="627"/>
        <v>45522.833333319897</v>
      </c>
    </row>
    <row r="5575" spans="2:14" x14ac:dyDescent="0.3">
      <c r="B5575">
        <f t="shared" si="621"/>
        <v>7</v>
      </c>
      <c r="C5575" s="16">
        <v>5541</v>
      </c>
      <c r="D5575" cm="1">
        <f t="array" ref="D5575">IFERROR(INDEX(Jesper!AH$2:AH$366,ROUNDDOWN($C5575/24,0)+1,1)*INDEX($D$3:$AA$30,INDEX(Jesper!$R$2:$R$366,ROW(INDEX(Jesper!AH$2:AH$366,ROUNDDOWN($C5575/24,0)+1,1))-1)+IF('Standard Profiles'!$G$18=$B$10,7,0)+IF('Standard Profiles'!$G$18=$B$17,14,0)+IF('Standard Profiles'!$G$18=$B$24,21,0),MOD($C5575,24)+1)/SUM(INDEX($D$3:$AA$30,INDEX(Jesper!$R$2:$R$366,ROW(INDEX(Jesper!AH$2:AH$366,ROUNDDOWN($C5575/24,0)+1,1))-1)+IF('Standard Profiles'!$G$18=$B$10,7,0)+IF('Standard Profiles'!$G$18=$B$17,14,0)+IF('Standard Profiles'!$G$18=$B$24,21,0),0)),0)</f>
        <v>4.6917040484403376</v>
      </c>
      <c r="E5575" cm="1">
        <f t="array" ref="E5575">IFERROR(INDEX(Jesper!AI$2:AI$366,ROUNDDOWN($C5575/24,0)+1,1)*INDEX($D$3:$AA$30,INDEX(Jesper!$R$2:$R$366,ROW(INDEX(Jesper!AI$2:AI$366,ROUNDDOWN($C5575/24,0)+1,1))-1)+IF('Standard Profiles'!$G$19=$B$10,7,0)+IF('Standard Profiles'!$G$19=$B$17,14,0)+IF('Standard Profiles'!$G$19=$B$24,21,0),MOD($C5575,24)+1)/SUM(INDEX($D$3:$AA$30,INDEX(Jesper!$R$2:$R$366,ROW(INDEX(Jesper!AI$2:AI$366,ROUNDDOWN($C5575/24,0)+1,1))-1)+IF('Standard Profiles'!$G$19=$B$10,7,0)+IF('Standard Profiles'!$G$19=$B$17,14,0)+IF('Standard Profiles'!$G$19=$B$24,21,0),0)),0)</f>
        <v>0.65162187511623393</v>
      </c>
      <c r="F5575" cm="1">
        <f t="array" ref="F5575">IFERROR(INDEX(Jesper!AJ$2:AJ$366,ROUNDDOWN($C5575/24,0)+1,1)*INDEX($D$3:$AA$30,INDEX(Jesper!$R$2:$R$366,ROW(INDEX(Jesper!AJ$2:AJ$366,ROUNDDOWN($C5575/24,0)+1,1))-1)+IF('Standard Profiles'!$G$20=$B$10,7,0)+IF('Standard Profiles'!$G$20=$B$17,14,0)+IF('Standard Profiles'!$G$20=$B$24,21,0),MOD($C5575,24)+1)/SUM(INDEX($D$3:$AA$30,INDEX(Jesper!$R$2:$R$366,ROW(INDEX(Jesper!AJ$2:AJ$366,ROUNDDOWN($C5575/24,0)+1,1))-1)+IF('Standard Profiles'!$G$20=$B$10,7,0)+IF('Standard Profiles'!$G$20=$B$17,14,0)+IF('Standard Profiles'!$G$20=$B$24,21,0),0)),0)</f>
        <v>0</v>
      </c>
      <c r="G5575" cm="1">
        <f t="array" ref="G5575">IFERROR(INDEX(Jesper!AK$2:AK$366,ROUNDDOWN($C5575/24,0)+1,1)*INDEX($D$3:$AA$30,INDEX(Jesper!$R$2:$R$366,ROW(INDEX(Jesper!AK$2:AK$366,ROUNDDOWN($C5575/24,0)+1,1))-1)+IF('Standard Profiles'!$G$21=$B$10,7,0)+IF('Standard Profiles'!$G$21=$B$17,14,0)+IF('Standard Profiles'!$G$21=$B$24,21,0),MOD($C5575,24)+1)/SUM(INDEX($D$3:$AA$30,INDEX(Jesper!$R$2:$R$366,ROW(INDEX(Jesper!AK$2:AK$366,ROUNDDOWN($C5575/24,0)+1,1))-1)+IF('Standard Profiles'!$G$21=$B$10,7,0)+IF('Standard Profiles'!$G$21=$B$17,14,0)+IF('Standard Profiles'!$G$21=$B$24,21,0),0)),0)</f>
        <v>0</v>
      </c>
      <c r="H5575" cm="1">
        <f t="array" ref="H5575">IFERROR(INDEX(Jesper!AL$2:AL$366,ROUNDDOWN($C5575/24,0)+1,1)*INDEX($D$3:$AA$30,INDEX(Jesper!$R$2:$R$366,ROW(INDEX(Jesper!AL$2:AL$366,ROUNDDOWN($C5575/24,0)+1,1))-1)+IF('Standard Profiles'!$G$22=$B$10,7,0)+IF('Standard Profiles'!$G$22=$B$17,14,0)+IF('Standard Profiles'!$G$22=$B$24,21,0),MOD($C5575,24)+1)/SUM(INDEX($D$3:$AA$30,INDEX(Jesper!$R$2:$R$366,ROW(INDEX(Jesper!AL$2:AL$366,ROUNDDOWN($C5575/24,0)+1,1))-1)+IF('Standard Profiles'!$G$22=$B$10,7,0)+IF('Standard Profiles'!$G$22=$B$17,14,0)+IF('Standard Profiles'!$G$22=$B$24,21,0),0)),0)</f>
        <v>0</v>
      </c>
      <c r="I5575">
        <f t="shared" si="622"/>
        <v>5.8704673433894961E-2</v>
      </c>
      <c r="J5575">
        <f t="shared" si="623"/>
        <v>0.19568224477964991</v>
      </c>
      <c r="K5575">
        <f t="shared" si="624"/>
        <v>0.29352336716947486</v>
      </c>
      <c r="L5575">
        <f t="shared" si="625"/>
        <v>4.7954156381735515</v>
      </c>
      <c r="M5575">
        <f t="shared" si="626"/>
        <v>0</v>
      </c>
      <c r="N5575" s="46">
        <f t="shared" si="627"/>
        <v>45522.874999986561</v>
      </c>
    </row>
    <row r="5576" spans="2:14" x14ac:dyDescent="0.3">
      <c r="B5576">
        <f t="shared" si="621"/>
        <v>7</v>
      </c>
      <c r="C5576" s="16">
        <v>5542</v>
      </c>
      <c r="D5576" cm="1">
        <f t="array" ref="D5576">IFERROR(INDEX(Jesper!AH$2:AH$366,ROUNDDOWN($C5576/24,0)+1,1)*INDEX($D$3:$AA$30,INDEX(Jesper!$R$2:$R$366,ROW(INDEX(Jesper!AH$2:AH$366,ROUNDDOWN($C5576/24,0)+1,1))-1)+IF('Standard Profiles'!$G$18=$B$10,7,0)+IF('Standard Profiles'!$G$18=$B$17,14,0)+IF('Standard Profiles'!$G$18=$B$24,21,0),MOD($C5576,24)+1)/SUM(INDEX($D$3:$AA$30,INDEX(Jesper!$R$2:$R$366,ROW(INDEX(Jesper!AH$2:AH$366,ROUNDDOWN($C5576/24,0)+1,1))-1)+IF('Standard Profiles'!$G$18=$B$10,7,0)+IF('Standard Profiles'!$G$18=$B$17,14,0)+IF('Standard Profiles'!$G$18=$B$24,21,0),0)),0)</f>
        <v>4.6917040484403376</v>
      </c>
      <c r="E5576" cm="1">
        <f t="array" ref="E5576">IFERROR(INDEX(Jesper!AI$2:AI$366,ROUNDDOWN($C5576/24,0)+1,1)*INDEX($D$3:$AA$30,INDEX(Jesper!$R$2:$R$366,ROW(INDEX(Jesper!AI$2:AI$366,ROUNDDOWN($C5576/24,0)+1,1))-1)+IF('Standard Profiles'!$G$19=$B$10,7,0)+IF('Standard Profiles'!$G$19=$B$17,14,0)+IF('Standard Profiles'!$G$19=$B$24,21,0),MOD($C5576,24)+1)/SUM(INDEX($D$3:$AA$30,INDEX(Jesper!$R$2:$R$366,ROW(INDEX(Jesper!AI$2:AI$366,ROUNDDOWN($C5576/24,0)+1,1))-1)+IF('Standard Profiles'!$G$19=$B$10,7,0)+IF('Standard Profiles'!$G$19=$B$17,14,0)+IF('Standard Profiles'!$G$19=$B$24,21,0),0)),0)</f>
        <v>0.65162187511623393</v>
      </c>
      <c r="F5576" cm="1">
        <f t="array" ref="F5576">IFERROR(INDEX(Jesper!AJ$2:AJ$366,ROUNDDOWN($C5576/24,0)+1,1)*INDEX($D$3:$AA$30,INDEX(Jesper!$R$2:$R$366,ROW(INDEX(Jesper!AJ$2:AJ$366,ROUNDDOWN($C5576/24,0)+1,1))-1)+IF('Standard Profiles'!$G$20=$B$10,7,0)+IF('Standard Profiles'!$G$20=$B$17,14,0)+IF('Standard Profiles'!$G$20=$B$24,21,0),MOD($C5576,24)+1)/SUM(INDEX($D$3:$AA$30,INDEX(Jesper!$R$2:$R$366,ROW(INDEX(Jesper!AJ$2:AJ$366,ROUNDDOWN($C5576/24,0)+1,1))-1)+IF('Standard Profiles'!$G$20=$B$10,7,0)+IF('Standard Profiles'!$G$20=$B$17,14,0)+IF('Standard Profiles'!$G$20=$B$24,21,0),0)),0)</f>
        <v>0</v>
      </c>
      <c r="G5576" cm="1">
        <f t="array" ref="G5576">IFERROR(INDEX(Jesper!AK$2:AK$366,ROUNDDOWN($C5576/24,0)+1,1)*INDEX($D$3:$AA$30,INDEX(Jesper!$R$2:$R$366,ROW(INDEX(Jesper!AK$2:AK$366,ROUNDDOWN($C5576/24,0)+1,1))-1)+IF('Standard Profiles'!$G$21=$B$10,7,0)+IF('Standard Profiles'!$G$21=$B$17,14,0)+IF('Standard Profiles'!$G$21=$B$24,21,0),MOD($C5576,24)+1)/SUM(INDEX($D$3:$AA$30,INDEX(Jesper!$R$2:$R$366,ROW(INDEX(Jesper!AK$2:AK$366,ROUNDDOWN($C5576/24,0)+1,1))-1)+IF('Standard Profiles'!$G$21=$B$10,7,0)+IF('Standard Profiles'!$G$21=$B$17,14,0)+IF('Standard Profiles'!$G$21=$B$24,21,0),0)),0)</f>
        <v>0</v>
      </c>
      <c r="H5576" cm="1">
        <f t="array" ref="H5576">IFERROR(INDEX(Jesper!AL$2:AL$366,ROUNDDOWN($C5576/24,0)+1,1)*INDEX($D$3:$AA$30,INDEX(Jesper!$R$2:$R$366,ROW(INDEX(Jesper!AL$2:AL$366,ROUNDDOWN($C5576/24,0)+1,1))-1)+IF('Standard Profiles'!$G$22=$B$10,7,0)+IF('Standard Profiles'!$G$22=$B$17,14,0)+IF('Standard Profiles'!$G$22=$B$24,21,0),MOD($C5576,24)+1)/SUM(INDEX($D$3:$AA$30,INDEX(Jesper!$R$2:$R$366,ROW(INDEX(Jesper!AL$2:AL$366,ROUNDDOWN($C5576/24,0)+1,1))-1)+IF('Standard Profiles'!$G$22=$B$10,7,0)+IF('Standard Profiles'!$G$22=$B$17,14,0)+IF('Standard Profiles'!$G$22=$B$24,21,0),0)),0)</f>
        <v>0</v>
      </c>
      <c r="I5576">
        <f t="shared" si="622"/>
        <v>5.8704673433894961E-2</v>
      </c>
      <c r="J5576">
        <f t="shared" si="623"/>
        <v>0.19568224477964991</v>
      </c>
      <c r="K5576">
        <f t="shared" si="624"/>
        <v>0.29352336716947486</v>
      </c>
      <c r="L5576">
        <f t="shared" si="625"/>
        <v>4.7954156381735515</v>
      </c>
      <c r="M5576">
        <f t="shared" si="626"/>
        <v>0</v>
      </c>
      <c r="N5576" s="46">
        <f t="shared" si="627"/>
        <v>45522.916666653226</v>
      </c>
    </row>
    <row r="5577" spans="2:14" x14ac:dyDescent="0.3">
      <c r="B5577">
        <f t="shared" si="621"/>
        <v>7</v>
      </c>
      <c r="C5577" s="16">
        <v>5543</v>
      </c>
      <c r="D5577" cm="1">
        <f t="array" ref="D5577">IFERROR(INDEX(Jesper!AH$2:AH$366,ROUNDDOWN($C5577/24,0)+1,1)*INDEX($D$3:$AA$30,INDEX(Jesper!$R$2:$R$366,ROW(INDEX(Jesper!AH$2:AH$366,ROUNDDOWN($C5577/24,0)+1,1))-1)+IF('Standard Profiles'!$G$18=$B$10,7,0)+IF('Standard Profiles'!$G$18=$B$17,14,0)+IF('Standard Profiles'!$G$18=$B$24,21,0),MOD($C5577,24)+1)/SUM(INDEX($D$3:$AA$30,INDEX(Jesper!$R$2:$R$366,ROW(INDEX(Jesper!AH$2:AH$366,ROUNDDOWN($C5577/24,0)+1,1))-1)+IF('Standard Profiles'!$G$18=$B$10,7,0)+IF('Standard Profiles'!$G$18=$B$17,14,0)+IF('Standard Profiles'!$G$18=$B$24,21,0),0)),0)</f>
        <v>4.6917040484403376</v>
      </c>
      <c r="E5577" cm="1">
        <f t="array" ref="E5577">IFERROR(INDEX(Jesper!AI$2:AI$366,ROUNDDOWN($C5577/24,0)+1,1)*INDEX($D$3:$AA$30,INDEX(Jesper!$R$2:$R$366,ROW(INDEX(Jesper!AI$2:AI$366,ROUNDDOWN($C5577/24,0)+1,1))-1)+IF('Standard Profiles'!$G$19=$B$10,7,0)+IF('Standard Profiles'!$G$19=$B$17,14,0)+IF('Standard Profiles'!$G$19=$B$24,21,0),MOD($C5577,24)+1)/SUM(INDEX($D$3:$AA$30,INDEX(Jesper!$R$2:$R$366,ROW(INDEX(Jesper!AI$2:AI$366,ROUNDDOWN($C5577/24,0)+1,1))-1)+IF('Standard Profiles'!$G$19=$B$10,7,0)+IF('Standard Profiles'!$G$19=$B$17,14,0)+IF('Standard Profiles'!$G$19=$B$24,21,0),0)),0)</f>
        <v>0.65162187511623393</v>
      </c>
      <c r="F5577" cm="1">
        <f t="array" ref="F5577">IFERROR(INDEX(Jesper!AJ$2:AJ$366,ROUNDDOWN($C5577/24,0)+1,1)*INDEX($D$3:$AA$30,INDEX(Jesper!$R$2:$R$366,ROW(INDEX(Jesper!AJ$2:AJ$366,ROUNDDOWN($C5577/24,0)+1,1))-1)+IF('Standard Profiles'!$G$20=$B$10,7,0)+IF('Standard Profiles'!$G$20=$B$17,14,0)+IF('Standard Profiles'!$G$20=$B$24,21,0),MOD($C5577,24)+1)/SUM(INDEX($D$3:$AA$30,INDEX(Jesper!$R$2:$R$366,ROW(INDEX(Jesper!AJ$2:AJ$366,ROUNDDOWN($C5577/24,0)+1,1))-1)+IF('Standard Profiles'!$G$20=$B$10,7,0)+IF('Standard Profiles'!$G$20=$B$17,14,0)+IF('Standard Profiles'!$G$20=$B$24,21,0),0)),0)</f>
        <v>0</v>
      </c>
      <c r="G5577" cm="1">
        <f t="array" ref="G5577">IFERROR(INDEX(Jesper!AK$2:AK$366,ROUNDDOWN($C5577/24,0)+1,1)*INDEX($D$3:$AA$30,INDEX(Jesper!$R$2:$R$366,ROW(INDEX(Jesper!AK$2:AK$366,ROUNDDOWN($C5577/24,0)+1,1))-1)+IF('Standard Profiles'!$G$21=$B$10,7,0)+IF('Standard Profiles'!$G$21=$B$17,14,0)+IF('Standard Profiles'!$G$21=$B$24,21,0),MOD($C5577,24)+1)/SUM(INDEX($D$3:$AA$30,INDEX(Jesper!$R$2:$R$366,ROW(INDEX(Jesper!AK$2:AK$366,ROUNDDOWN($C5577/24,0)+1,1))-1)+IF('Standard Profiles'!$G$21=$B$10,7,0)+IF('Standard Profiles'!$G$21=$B$17,14,0)+IF('Standard Profiles'!$G$21=$B$24,21,0),0)),0)</f>
        <v>0</v>
      </c>
      <c r="H5577" cm="1">
        <f t="array" ref="H5577">IFERROR(INDEX(Jesper!AL$2:AL$366,ROUNDDOWN($C5577/24,0)+1,1)*INDEX($D$3:$AA$30,INDEX(Jesper!$R$2:$R$366,ROW(INDEX(Jesper!AL$2:AL$366,ROUNDDOWN($C5577/24,0)+1,1))-1)+IF('Standard Profiles'!$G$22=$B$10,7,0)+IF('Standard Profiles'!$G$22=$B$17,14,0)+IF('Standard Profiles'!$G$22=$B$24,21,0),MOD($C5577,24)+1)/SUM(INDEX($D$3:$AA$30,INDEX(Jesper!$R$2:$R$366,ROW(INDEX(Jesper!AL$2:AL$366,ROUNDDOWN($C5577/24,0)+1,1))-1)+IF('Standard Profiles'!$G$22=$B$10,7,0)+IF('Standard Profiles'!$G$22=$B$17,14,0)+IF('Standard Profiles'!$G$22=$B$24,21,0),0)),0)</f>
        <v>0</v>
      </c>
      <c r="I5577">
        <f t="shared" si="622"/>
        <v>5.8704673433894961E-2</v>
      </c>
      <c r="J5577">
        <f t="shared" si="623"/>
        <v>0.19568224477964991</v>
      </c>
      <c r="K5577">
        <f t="shared" si="624"/>
        <v>0.29352336716947486</v>
      </c>
      <c r="L5577">
        <f t="shared" si="625"/>
        <v>4.7954156381735515</v>
      </c>
      <c r="M5577">
        <f t="shared" si="626"/>
        <v>0</v>
      </c>
      <c r="N5577" s="46">
        <f t="shared" si="627"/>
        <v>45522.95833331989</v>
      </c>
    </row>
    <row r="5578" spans="2:14" x14ac:dyDescent="0.3">
      <c r="B5578">
        <f t="shared" si="621"/>
        <v>1</v>
      </c>
      <c r="C5578" s="16">
        <v>5544</v>
      </c>
      <c r="D5578" cm="1">
        <f t="array" ref="D5578">IFERROR(INDEX(Jesper!AH$2:AH$366,ROUNDDOWN($C5578/24,0)+1,1)*INDEX($D$3:$AA$30,INDEX(Jesper!$R$2:$R$366,ROW(INDEX(Jesper!AH$2:AH$366,ROUNDDOWN($C5578/24,0)+1,1))-1)+IF('Standard Profiles'!$G$18=$B$10,7,0)+IF('Standard Profiles'!$G$18=$B$17,14,0)+IF('Standard Profiles'!$G$18=$B$24,21,0),MOD($C5578,24)+1)/SUM(INDEX($D$3:$AA$30,INDEX(Jesper!$R$2:$R$366,ROW(INDEX(Jesper!AH$2:AH$366,ROUNDDOWN($C5578/24,0)+1,1))-1)+IF('Standard Profiles'!$G$18=$B$10,7,0)+IF('Standard Profiles'!$G$18=$B$17,14,0)+IF('Standard Profiles'!$G$18=$B$24,21,0),0)),0)</f>
        <v>2.3252504874576299</v>
      </c>
      <c r="E5578" cm="1">
        <f t="array" ref="E5578">IFERROR(INDEX(Jesper!AI$2:AI$366,ROUNDDOWN($C5578/24,0)+1,1)*INDEX($D$3:$AA$30,INDEX(Jesper!$R$2:$R$366,ROW(INDEX(Jesper!AI$2:AI$366,ROUNDDOWN($C5578/24,0)+1,1))-1)+IF('Standard Profiles'!$G$19=$B$10,7,0)+IF('Standard Profiles'!$G$19=$B$17,14,0)+IF('Standard Profiles'!$G$19=$B$24,21,0),MOD($C5578,24)+1)/SUM(INDEX($D$3:$AA$30,INDEX(Jesper!$R$2:$R$366,ROW(INDEX(Jesper!AI$2:AI$366,ROUNDDOWN($C5578/24,0)+1,1))-1)+IF('Standard Profiles'!$G$19=$B$10,7,0)+IF('Standard Profiles'!$G$19=$B$17,14,0)+IF('Standard Profiles'!$G$19=$B$24,21,0),0)),0)</f>
        <v>0</v>
      </c>
      <c r="F5578" cm="1">
        <f t="array" ref="F5578">IFERROR(INDEX(Jesper!AJ$2:AJ$366,ROUNDDOWN($C5578/24,0)+1,1)*INDEX($D$3:$AA$30,INDEX(Jesper!$R$2:$R$366,ROW(INDEX(Jesper!AJ$2:AJ$366,ROUNDDOWN($C5578/24,0)+1,1))-1)+IF('Standard Profiles'!$G$20=$B$10,7,0)+IF('Standard Profiles'!$G$20=$B$17,14,0)+IF('Standard Profiles'!$G$20=$B$24,21,0),MOD($C5578,24)+1)/SUM(INDEX($D$3:$AA$30,INDEX(Jesper!$R$2:$R$366,ROW(INDEX(Jesper!AJ$2:AJ$366,ROUNDDOWN($C5578/24,0)+1,1))-1)+IF('Standard Profiles'!$G$20=$B$10,7,0)+IF('Standard Profiles'!$G$20=$B$17,14,0)+IF('Standard Profiles'!$G$20=$B$24,21,0),0)),0)</f>
        <v>0</v>
      </c>
      <c r="G5578" cm="1">
        <f t="array" ref="G5578">IFERROR(INDEX(Jesper!AK$2:AK$366,ROUNDDOWN($C5578/24,0)+1,1)*INDEX($D$3:$AA$30,INDEX(Jesper!$R$2:$R$366,ROW(INDEX(Jesper!AK$2:AK$366,ROUNDDOWN($C5578/24,0)+1,1))-1)+IF('Standard Profiles'!$G$21=$B$10,7,0)+IF('Standard Profiles'!$G$21=$B$17,14,0)+IF('Standard Profiles'!$G$21=$B$24,21,0),MOD($C5578,24)+1)/SUM(INDEX($D$3:$AA$30,INDEX(Jesper!$R$2:$R$366,ROW(INDEX(Jesper!AK$2:AK$366,ROUNDDOWN($C5578/24,0)+1,1))-1)+IF('Standard Profiles'!$G$21=$B$10,7,0)+IF('Standard Profiles'!$G$21=$B$17,14,0)+IF('Standard Profiles'!$G$21=$B$24,21,0),0)),0)</f>
        <v>0</v>
      </c>
      <c r="H5578" cm="1">
        <f t="array" ref="H5578">IFERROR(INDEX(Jesper!AL$2:AL$366,ROUNDDOWN($C5578/24,0)+1,1)*INDEX($D$3:$AA$30,INDEX(Jesper!$R$2:$R$366,ROW(INDEX(Jesper!AL$2:AL$366,ROUNDDOWN($C5578/24,0)+1,1))-1)+IF('Standard Profiles'!$G$22=$B$10,7,0)+IF('Standard Profiles'!$G$22=$B$17,14,0)+IF('Standard Profiles'!$G$22=$B$24,21,0),MOD($C5578,24)+1)/SUM(INDEX($D$3:$AA$30,INDEX(Jesper!$R$2:$R$366,ROW(INDEX(Jesper!AL$2:AL$366,ROUNDDOWN($C5578/24,0)+1,1))-1)+IF('Standard Profiles'!$G$22=$B$10,7,0)+IF('Standard Profiles'!$G$22=$B$17,14,0)+IF('Standard Profiles'!$G$22=$B$24,21,0),0)),0)</f>
        <v>0</v>
      </c>
      <c r="I5578">
        <f t="shared" si="622"/>
        <v>6.9757514623728895E-2</v>
      </c>
      <c r="J5578">
        <f t="shared" si="623"/>
        <v>0.23252504874576299</v>
      </c>
      <c r="K5578">
        <f t="shared" si="624"/>
        <v>0.34878757311864445</v>
      </c>
      <c r="L5578">
        <f t="shared" si="625"/>
        <v>1.6741803509694935</v>
      </c>
      <c r="M5578">
        <f t="shared" si="626"/>
        <v>0</v>
      </c>
      <c r="N5578" s="46">
        <f t="shared" si="627"/>
        <v>45522.999999986554</v>
      </c>
    </row>
    <row r="5579" spans="2:14" x14ac:dyDescent="0.3">
      <c r="B5579">
        <f t="shared" si="621"/>
        <v>1</v>
      </c>
      <c r="C5579" s="16">
        <v>5545</v>
      </c>
      <c r="D5579" cm="1">
        <f t="array" ref="D5579">IFERROR(INDEX(Jesper!AH$2:AH$366,ROUNDDOWN($C5579/24,0)+1,1)*INDEX($D$3:$AA$30,INDEX(Jesper!$R$2:$R$366,ROW(INDEX(Jesper!AH$2:AH$366,ROUNDDOWN($C5579/24,0)+1,1))-1)+IF('Standard Profiles'!$G$18=$B$10,7,0)+IF('Standard Profiles'!$G$18=$B$17,14,0)+IF('Standard Profiles'!$G$18=$B$24,21,0),MOD($C5579,24)+1)/SUM(INDEX($D$3:$AA$30,INDEX(Jesper!$R$2:$R$366,ROW(INDEX(Jesper!AH$2:AH$366,ROUNDDOWN($C5579/24,0)+1,1))-1)+IF('Standard Profiles'!$G$18=$B$10,7,0)+IF('Standard Profiles'!$G$18=$B$17,14,0)+IF('Standard Profiles'!$G$18=$B$24,21,0),0)),0)</f>
        <v>2.3252504874576299</v>
      </c>
      <c r="E5579" cm="1">
        <f t="array" ref="E5579">IFERROR(INDEX(Jesper!AI$2:AI$366,ROUNDDOWN($C5579/24,0)+1,1)*INDEX($D$3:$AA$30,INDEX(Jesper!$R$2:$R$366,ROW(INDEX(Jesper!AI$2:AI$366,ROUNDDOWN($C5579/24,0)+1,1))-1)+IF('Standard Profiles'!$G$19=$B$10,7,0)+IF('Standard Profiles'!$G$19=$B$17,14,0)+IF('Standard Profiles'!$G$19=$B$24,21,0),MOD($C5579,24)+1)/SUM(INDEX($D$3:$AA$30,INDEX(Jesper!$R$2:$R$366,ROW(INDEX(Jesper!AI$2:AI$366,ROUNDDOWN($C5579/24,0)+1,1))-1)+IF('Standard Profiles'!$G$19=$B$10,7,0)+IF('Standard Profiles'!$G$19=$B$17,14,0)+IF('Standard Profiles'!$G$19=$B$24,21,0),0)),0)</f>
        <v>0</v>
      </c>
      <c r="F5579" cm="1">
        <f t="array" ref="F5579">IFERROR(INDEX(Jesper!AJ$2:AJ$366,ROUNDDOWN($C5579/24,0)+1,1)*INDEX($D$3:$AA$30,INDEX(Jesper!$R$2:$R$366,ROW(INDEX(Jesper!AJ$2:AJ$366,ROUNDDOWN($C5579/24,0)+1,1))-1)+IF('Standard Profiles'!$G$20=$B$10,7,0)+IF('Standard Profiles'!$G$20=$B$17,14,0)+IF('Standard Profiles'!$G$20=$B$24,21,0),MOD($C5579,24)+1)/SUM(INDEX($D$3:$AA$30,INDEX(Jesper!$R$2:$R$366,ROW(INDEX(Jesper!AJ$2:AJ$366,ROUNDDOWN($C5579/24,0)+1,1))-1)+IF('Standard Profiles'!$G$20=$B$10,7,0)+IF('Standard Profiles'!$G$20=$B$17,14,0)+IF('Standard Profiles'!$G$20=$B$24,21,0),0)),0)</f>
        <v>0</v>
      </c>
      <c r="G5579" cm="1">
        <f t="array" ref="G5579">IFERROR(INDEX(Jesper!AK$2:AK$366,ROUNDDOWN($C5579/24,0)+1,1)*INDEX($D$3:$AA$30,INDEX(Jesper!$R$2:$R$366,ROW(INDEX(Jesper!AK$2:AK$366,ROUNDDOWN($C5579/24,0)+1,1))-1)+IF('Standard Profiles'!$G$21=$B$10,7,0)+IF('Standard Profiles'!$G$21=$B$17,14,0)+IF('Standard Profiles'!$G$21=$B$24,21,0),MOD($C5579,24)+1)/SUM(INDEX($D$3:$AA$30,INDEX(Jesper!$R$2:$R$366,ROW(INDEX(Jesper!AK$2:AK$366,ROUNDDOWN($C5579/24,0)+1,1))-1)+IF('Standard Profiles'!$G$21=$B$10,7,0)+IF('Standard Profiles'!$G$21=$B$17,14,0)+IF('Standard Profiles'!$G$21=$B$24,21,0),0)),0)</f>
        <v>0</v>
      </c>
      <c r="H5579" cm="1">
        <f t="array" ref="H5579">IFERROR(INDEX(Jesper!AL$2:AL$366,ROUNDDOWN($C5579/24,0)+1,1)*INDEX($D$3:$AA$30,INDEX(Jesper!$R$2:$R$366,ROW(INDEX(Jesper!AL$2:AL$366,ROUNDDOWN($C5579/24,0)+1,1))-1)+IF('Standard Profiles'!$G$22=$B$10,7,0)+IF('Standard Profiles'!$G$22=$B$17,14,0)+IF('Standard Profiles'!$G$22=$B$24,21,0),MOD($C5579,24)+1)/SUM(INDEX($D$3:$AA$30,INDEX(Jesper!$R$2:$R$366,ROW(INDEX(Jesper!AL$2:AL$366,ROUNDDOWN($C5579/24,0)+1,1))-1)+IF('Standard Profiles'!$G$22=$B$10,7,0)+IF('Standard Profiles'!$G$22=$B$17,14,0)+IF('Standard Profiles'!$G$22=$B$24,21,0),0)),0)</f>
        <v>0</v>
      </c>
      <c r="I5579">
        <f t="shared" si="622"/>
        <v>6.9757514623728895E-2</v>
      </c>
      <c r="J5579">
        <f t="shared" si="623"/>
        <v>0.23252504874576299</v>
      </c>
      <c r="K5579">
        <f t="shared" si="624"/>
        <v>0.34878757311864445</v>
      </c>
      <c r="L5579">
        <f t="shared" si="625"/>
        <v>1.6741803509694935</v>
      </c>
      <c r="M5579">
        <f t="shared" si="626"/>
        <v>0</v>
      </c>
      <c r="N5579" s="46">
        <f t="shared" si="627"/>
        <v>45523.041666653218</v>
      </c>
    </row>
    <row r="5580" spans="2:14" x14ac:dyDescent="0.3">
      <c r="B5580">
        <f t="shared" si="621"/>
        <v>1</v>
      </c>
      <c r="C5580" s="16">
        <v>5546</v>
      </c>
      <c r="D5580" cm="1">
        <f t="array" ref="D5580">IFERROR(INDEX(Jesper!AH$2:AH$366,ROUNDDOWN($C5580/24,0)+1,1)*INDEX($D$3:$AA$30,INDEX(Jesper!$R$2:$R$366,ROW(INDEX(Jesper!AH$2:AH$366,ROUNDDOWN($C5580/24,0)+1,1))-1)+IF('Standard Profiles'!$G$18=$B$10,7,0)+IF('Standard Profiles'!$G$18=$B$17,14,0)+IF('Standard Profiles'!$G$18=$B$24,21,0),MOD($C5580,24)+1)/SUM(INDEX($D$3:$AA$30,INDEX(Jesper!$R$2:$R$366,ROW(INDEX(Jesper!AH$2:AH$366,ROUNDDOWN($C5580/24,0)+1,1))-1)+IF('Standard Profiles'!$G$18=$B$10,7,0)+IF('Standard Profiles'!$G$18=$B$17,14,0)+IF('Standard Profiles'!$G$18=$B$24,21,0),0)),0)</f>
        <v>2.3252504874576299</v>
      </c>
      <c r="E5580" cm="1">
        <f t="array" ref="E5580">IFERROR(INDEX(Jesper!AI$2:AI$366,ROUNDDOWN($C5580/24,0)+1,1)*INDEX($D$3:$AA$30,INDEX(Jesper!$R$2:$R$366,ROW(INDEX(Jesper!AI$2:AI$366,ROUNDDOWN($C5580/24,0)+1,1))-1)+IF('Standard Profiles'!$G$19=$B$10,7,0)+IF('Standard Profiles'!$G$19=$B$17,14,0)+IF('Standard Profiles'!$G$19=$B$24,21,0),MOD($C5580,24)+1)/SUM(INDEX($D$3:$AA$30,INDEX(Jesper!$R$2:$R$366,ROW(INDEX(Jesper!AI$2:AI$366,ROUNDDOWN($C5580/24,0)+1,1))-1)+IF('Standard Profiles'!$G$19=$B$10,7,0)+IF('Standard Profiles'!$G$19=$B$17,14,0)+IF('Standard Profiles'!$G$19=$B$24,21,0),0)),0)</f>
        <v>0</v>
      </c>
      <c r="F5580" cm="1">
        <f t="array" ref="F5580">IFERROR(INDEX(Jesper!AJ$2:AJ$366,ROUNDDOWN($C5580/24,0)+1,1)*INDEX($D$3:$AA$30,INDEX(Jesper!$R$2:$R$366,ROW(INDEX(Jesper!AJ$2:AJ$366,ROUNDDOWN($C5580/24,0)+1,1))-1)+IF('Standard Profiles'!$G$20=$B$10,7,0)+IF('Standard Profiles'!$G$20=$B$17,14,0)+IF('Standard Profiles'!$G$20=$B$24,21,0),MOD($C5580,24)+1)/SUM(INDEX($D$3:$AA$30,INDEX(Jesper!$R$2:$R$366,ROW(INDEX(Jesper!AJ$2:AJ$366,ROUNDDOWN($C5580/24,0)+1,1))-1)+IF('Standard Profiles'!$G$20=$B$10,7,0)+IF('Standard Profiles'!$G$20=$B$17,14,0)+IF('Standard Profiles'!$G$20=$B$24,21,0),0)),0)</f>
        <v>0</v>
      </c>
      <c r="G5580" cm="1">
        <f t="array" ref="G5580">IFERROR(INDEX(Jesper!AK$2:AK$366,ROUNDDOWN($C5580/24,0)+1,1)*INDEX($D$3:$AA$30,INDEX(Jesper!$R$2:$R$366,ROW(INDEX(Jesper!AK$2:AK$366,ROUNDDOWN($C5580/24,0)+1,1))-1)+IF('Standard Profiles'!$G$21=$B$10,7,0)+IF('Standard Profiles'!$G$21=$B$17,14,0)+IF('Standard Profiles'!$G$21=$B$24,21,0),MOD($C5580,24)+1)/SUM(INDEX($D$3:$AA$30,INDEX(Jesper!$R$2:$R$366,ROW(INDEX(Jesper!AK$2:AK$366,ROUNDDOWN($C5580/24,0)+1,1))-1)+IF('Standard Profiles'!$G$21=$B$10,7,0)+IF('Standard Profiles'!$G$21=$B$17,14,0)+IF('Standard Profiles'!$G$21=$B$24,21,0),0)),0)</f>
        <v>0</v>
      </c>
      <c r="H5580" cm="1">
        <f t="array" ref="H5580">IFERROR(INDEX(Jesper!AL$2:AL$366,ROUNDDOWN($C5580/24,0)+1,1)*INDEX($D$3:$AA$30,INDEX(Jesper!$R$2:$R$366,ROW(INDEX(Jesper!AL$2:AL$366,ROUNDDOWN($C5580/24,0)+1,1))-1)+IF('Standard Profiles'!$G$22=$B$10,7,0)+IF('Standard Profiles'!$G$22=$B$17,14,0)+IF('Standard Profiles'!$G$22=$B$24,21,0),MOD($C5580,24)+1)/SUM(INDEX($D$3:$AA$30,INDEX(Jesper!$R$2:$R$366,ROW(INDEX(Jesper!AL$2:AL$366,ROUNDDOWN($C5580/24,0)+1,1))-1)+IF('Standard Profiles'!$G$22=$B$10,7,0)+IF('Standard Profiles'!$G$22=$B$17,14,0)+IF('Standard Profiles'!$G$22=$B$24,21,0),0)),0)</f>
        <v>0</v>
      </c>
      <c r="I5580">
        <f t="shared" si="622"/>
        <v>6.9757514623728895E-2</v>
      </c>
      <c r="J5580">
        <f t="shared" si="623"/>
        <v>0.23252504874576299</v>
      </c>
      <c r="K5580">
        <f t="shared" si="624"/>
        <v>0.34878757311864445</v>
      </c>
      <c r="L5580">
        <f t="shared" si="625"/>
        <v>1.6741803509694935</v>
      </c>
      <c r="M5580">
        <f t="shared" si="626"/>
        <v>0</v>
      </c>
      <c r="N5580" s="46">
        <f t="shared" si="627"/>
        <v>45523.083333319883</v>
      </c>
    </row>
    <row r="5581" spans="2:14" x14ac:dyDescent="0.3">
      <c r="B5581">
        <f t="shared" si="621"/>
        <v>1</v>
      </c>
      <c r="C5581" s="16">
        <v>5547</v>
      </c>
      <c r="D5581" cm="1">
        <f t="array" ref="D5581">IFERROR(INDEX(Jesper!AH$2:AH$366,ROUNDDOWN($C5581/24,0)+1,1)*INDEX($D$3:$AA$30,INDEX(Jesper!$R$2:$R$366,ROW(INDEX(Jesper!AH$2:AH$366,ROUNDDOWN($C5581/24,0)+1,1))-1)+IF('Standard Profiles'!$G$18=$B$10,7,0)+IF('Standard Profiles'!$G$18=$B$17,14,0)+IF('Standard Profiles'!$G$18=$B$24,21,0),MOD($C5581,24)+1)/SUM(INDEX($D$3:$AA$30,INDEX(Jesper!$R$2:$R$366,ROW(INDEX(Jesper!AH$2:AH$366,ROUNDDOWN($C5581/24,0)+1,1))-1)+IF('Standard Profiles'!$G$18=$B$10,7,0)+IF('Standard Profiles'!$G$18=$B$17,14,0)+IF('Standard Profiles'!$G$18=$B$24,21,0),0)),0)</f>
        <v>2.3252504874576299</v>
      </c>
      <c r="E5581" cm="1">
        <f t="array" ref="E5581">IFERROR(INDEX(Jesper!AI$2:AI$366,ROUNDDOWN($C5581/24,0)+1,1)*INDEX($D$3:$AA$30,INDEX(Jesper!$R$2:$R$366,ROW(INDEX(Jesper!AI$2:AI$366,ROUNDDOWN($C5581/24,0)+1,1))-1)+IF('Standard Profiles'!$G$19=$B$10,7,0)+IF('Standard Profiles'!$G$19=$B$17,14,0)+IF('Standard Profiles'!$G$19=$B$24,21,0),MOD($C5581,24)+1)/SUM(INDEX($D$3:$AA$30,INDEX(Jesper!$R$2:$R$366,ROW(INDEX(Jesper!AI$2:AI$366,ROUNDDOWN($C5581/24,0)+1,1))-1)+IF('Standard Profiles'!$G$19=$B$10,7,0)+IF('Standard Profiles'!$G$19=$B$17,14,0)+IF('Standard Profiles'!$G$19=$B$24,21,0),0)),0)</f>
        <v>0</v>
      </c>
      <c r="F5581" cm="1">
        <f t="array" ref="F5581">IFERROR(INDEX(Jesper!AJ$2:AJ$366,ROUNDDOWN($C5581/24,0)+1,1)*INDEX($D$3:$AA$30,INDEX(Jesper!$R$2:$R$366,ROW(INDEX(Jesper!AJ$2:AJ$366,ROUNDDOWN($C5581/24,0)+1,1))-1)+IF('Standard Profiles'!$G$20=$B$10,7,0)+IF('Standard Profiles'!$G$20=$B$17,14,0)+IF('Standard Profiles'!$G$20=$B$24,21,0),MOD($C5581,24)+1)/SUM(INDEX($D$3:$AA$30,INDEX(Jesper!$R$2:$R$366,ROW(INDEX(Jesper!AJ$2:AJ$366,ROUNDDOWN($C5581/24,0)+1,1))-1)+IF('Standard Profiles'!$G$20=$B$10,7,0)+IF('Standard Profiles'!$G$20=$B$17,14,0)+IF('Standard Profiles'!$G$20=$B$24,21,0),0)),0)</f>
        <v>0</v>
      </c>
      <c r="G5581" cm="1">
        <f t="array" ref="G5581">IFERROR(INDEX(Jesper!AK$2:AK$366,ROUNDDOWN($C5581/24,0)+1,1)*INDEX($D$3:$AA$30,INDEX(Jesper!$R$2:$R$366,ROW(INDEX(Jesper!AK$2:AK$366,ROUNDDOWN($C5581/24,0)+1,1))-1)+IF('Standard Profiles'!$G$21=$B$10,7,0)+IF('Standard Profiles'!$G$21=$B$17,14,0)+IF('Standard Profiles'!$G$21=$B$24,21,0),MOD($C5581,24)+1)/SUM(INDEX($D$3:$AA$30,INDEX(Jesper!$R$2:$R$366,ROW(INDEX(Jesper!AK$2:AK$366,ROUNDDOWN($C5581/24,0)+1,1))-1)+IF('Standard Profiles'!$G$21=$B$10,7,0)+IF('Standard Profiles'!$G$21=$B$17,14,0)+IF('Standard Profiles'!$G$21=$B$24,21,0),0)),0)</f>
        <v>0</v>
      </c>
      <c r="H5581" cm="1">
        <f t="array" ref="H5581">IFERROR(INDEX(Jesper!AL$2:AL$366,ROUNDDOWN($C5581/24,0)+1,1)*INDEX($D$3:$AA$30,INDEX(Jesper!$R$2:$R$366,ROW(INDEX(Jesper!AL$2:AL$366,ROUNDDOWN($C5581/24,0)+1,1))-1)+IF('Standard Profiles'!$G$22=$B$10,7,0)+IF('Standard Profiles'!$G$22=$B$17,14,0)+IF('Standard Profiles'!$G$22=$B$24,21,0),MOD($C5581,24)+1)/SUM(INDEX($D$3:$AA$30,INDEX(Jesper!$R$2:$R$366,ROW(INDEX(Jesper!AL$2:AL$366,ROUNDDOWN($C5581/24,0)+1,1))-1)+IF('Standard Profiles'!$G$22=$B$10,7,0)+IF('Standard Profiles'!$G$22=$B$17,14,0)+IF('Standard Profiles'!$G$22=$B$24,21,0),0)),0)</f>
        <v>0</v>
      </c>
      <c r="I5581">
        <f t="shared" si="622"/>
        <v>6.9757514623728895E-2</v>
      </c>
      <c r="J5581">
        <f t="shared" si="623"/>
        <v>0.23252504874576299</v>
      </c>
      <c r="K5581">
        <f t="shared" si="624"/>
        <v>0.34878757311864445</v>
      </c>
      <c r="L5581">
        <f t="shared" si="625"/>
        <v>1.6741803509694935</v>
      </c>
      <c r="M5581">
        <f t="shared" si="626"/>
        <v>0</v>
      </c>
      <c r="N5581" s="46">
        <f t="shared" si="627"/>
        <v>45523.124999986547</v>
      </c>
    </row>
    <row r="5582" spans="2:14" x14ac:dyDescent="0.3">
      <c r="B5582">
        <f t="shared" si="621"/>
        <v>1</v>
      </c>
      <c r="C5582" s="16">
        <v>5548</v>
      </c>
      <c r="D5582" cm="1">
        <f t="array" ref="D5582">IFERROR(INDEX(Jesper!AH$2:AH$366,ROUNDDOWN($C5582/24,0)+1,1)*INDEX($D$3:$AA$30,INDEX(Jesper!$R$2:$R$366,ROW(INDEX(Jesper!AH$2:AH$366,ROUNDDOWN($C5582/24,0)+1,1))-1)+IF('Standard Profiles'!$G$18=$B$10,7,0)+IF('Standard Profiles'!$G$18=$B$17,14,0)+IF('Standard Profiles'!$G$18=$B$24,21,0),MOD($C5582,24)+1)/SUM(INDEX($D$3:$AA$30,INDEX(Jesper!$R$2:$R$366,ROW(INDEX(Jesper!AH$2:AH$366,ROUNDDOWN($C5582/24,0)+1,1))-1)+IF('Standard Profiles'!$G$18=$B$10,7,0)+IF('Standard Profiles'!$G$18=$B$17,14,0)+IF('Standard Profiles'!$G$18=$B$24,21,0),0)),0)</f>
        <v>2.3252504874576299</v>
      </c>
      <c r="E5582" cm="1">
        <f t="array" ref="E5582">IFERROR(INDEX(Jesper!AI$2:AI$366,ROUNDDOWN($C5582/24,0)+1,1)*INDEX($D$3:$AA$30,INDEX(Jesper!$R$2:$R$366,ROW(INDEX(Jesper!AI$2:AI$366,ROUNDDOWN($C5582/24,0)+1,1))-1)+IF('Standard Profiles'!$G$19=$B$10,7,0)+IF('Standard Profiles'!$G$19=$B$17,14,0)+IF('Standard Profiles'!$G$19=$B$24,21,0),MOD($C5582,24)+1)/SUM(INDEX($D$3:$AA$30,INDEX(Jesper!$R$2:$R$366,ROW(INDEX(Jesper!AI$2:AI$366,ROUNDDOWN($C5582/24,0)+1,1))-1)+IF('Standard Profiles'!$G$19=$B$10,7,0)+IF('Standard Profiles'!$G$19=$B$17,14,0)+IF('Standard Profiles'!$G$19=$B$24,21,0),0)),0)</f>
        <v>0</v>
      </c>
      <c r="F5582" cm="1">
        <f t="array" ref="F5582">IFERROR(INDEX(Jesper!AJ$2:AJ$366,ROUNDDOWN($C5582/24,0)+1,1)*INDEX($D$3:$AA$30,INDEX(Jesper!$R$2:$R$366,ROW(INDEX(Jesper!AJ$2:AJ$366,ROUNDDOWN($C5582/24,0)+1,1))-1)+IF('Standard Profiles'!$G$20=$B$10,7,0)+IF('Standard Profiles'!$G$20=$B$17,14,0)+IF('Standard Profiles'!$G$20=$B$24,21,0),MOD($C5582,24)+1)/SUM(INDEX($D$3:$AA$30,INDEX(Jesper!$R$2:$R$366,ROW(INDEX(Jesper!AJ$2:AJ$366,ROUNDDOWN($C5582/24,0)+1,1))-1)+IF('Standard Profiles'!$G$20=$B$10,7,0)+IF('Standard Profiles'!$G$20=$B$17,14,0)+IF('Standard Profiles'!$G$20=$B$24,21,0),0)),0)</f>
        <v>0</v>
      </c>
      <c r="G5582" cm="1">
        <f t="array" ref="G5582">IFERROR(INDEX(Jesper!AK$2:AK$366,ROUNDDOWN($C5582/24,0)+1,1)*INDEX($D$3:$AA$30,INDEX(Jesper!$R$2:$R$366,ROW(INDEX(Jesper!AK$2:AK$366,ROUNDDOWN($C5582/24,0)+1,1))-1)+IF('Standard Profiles'!$G$21=$B$10,7,0)+IF('Standard Profiles'!$G$21=$B$17,14,0)+IF('Standard Profiles'!$G$21=$B$24,21,0),MOD($C5582,24)+1)/SUM(INDEX($D$3:$AA$30,INDEX(Jesper!$R$2:$R$366,ROW(INDEX(Jesper!AK$2:AK$366,ROUNDDOWN($C5582/24,0)+1,1))-1)+IF('Standard Profiles'!$G$21=$B$10,7,0)+IF('Standard Profiles'!$G$21=$B$17,14,0)+IF('Standard Profiles'!$G$21=$B$24,21,0),0)),0)</f>
        <v>0</v>
      </c>
      <c r="H5582" cm="1">
        <f t="array" ref="H5582">IFERROR(INDEX(Jesper!AL$2:AL$366,ROUNDDOWN($C5582/24,0)+1,1)*INDEX($D$3:$AA$30,INDEX(Jesper!$R$2:$R$366,ROW(INDEX(Jesper!AL$2:AL$366,ROUNDDOWN($C5582/24,0)+1,1))-1)+IF('Standard Profiles'!$G$22=$B$10,7,0)+IF('Standard Profiles'!$G$22=$B$17,14,0)+IF('Standard Profiles'!$G$22=$B$24,21,0),MOD($C5582,24)+1)/SUM(INDEX($D$3:$AA$30,INDEX(Jesper!$R$2:$R$366,ROW(INDEX(Jesper!AL$2:AL$366,ROUNDDOWN($C5582/24,0)+1,1))-1)+IF('Standard Profiles'!$G$22=$B$10,7,0)+IF('Standard Profiles'!$G$22=$B$17,14,0)+IF('Standard Profiles'!$G$22=$B$24,21,0),0)),0)</f>
        <v>0</v>
      </c>
      <c r="I5582">
        <f t="shared" si="622"/>
        <v>6.9757514623728895E-2</v>
      </c>
      <c r="J5582">
        <f t="shared" si="623"/>
        <v>0.23252504874576299</v>
      </c>
      <c r="K5582">
        <f t="shared" si="624"/>
        <v>0.34878757311864445</v>
      </c>
      <c r="L5582">
        <f t="shared" si="625"/>
        <v>1.6741803509694935</v>
      </c>
      <c r="M5582">
        <f t="shared" si="626"/>
        <v>0</v>
      </c>
      <c r="N5582" s="46">
        <f t="shared" si="627"/>
        <v>45523.166666653211</v>
      </c>
    </row>
    <row r="5583" spans="2:14" x14ac:dyDescent="0.3">
      <c r="B5583">
        <f t="shared" si="621"/>
        <v>1</v>
      </c>
      <c r="C5583" s="16">
        <v>5549</v>
      </c>
      <c r="D5583" cm="1">
        <f t="array" ref="D5583">IFERROR(INDEX(Jesper!AH$2:AH$366,ROUNDDOWN($C5583/24,0)+1,1)*INDEX($D$3:$AA$30,INDEX(Jesper!$R$2:$R$366,ROW(INDEX(Jesper!AH$2:AH$366,ROUNDDOWN($C5583/24,0)+1,1))-1)+IF('Standard Profiles'!$G$18=$B$10,7,0)+IF('Standard Profiles'!$G$18=$B$17,14,0)+IF('Standard Profiles'!$G$18=$B$24,21,0),MOD($C5583,24)+1)/SUM(INDEX($D$3:$AA$30,INDEX(Jesper!$R$2:$R$366,ROW(INDEX(Jesper!AH$2:AH$366,ROUNDDOWN($C5583/24,0)+1,1))-1)+IF('Standard Profiles'!$G$18=$B$10,7,0)+IF('Standard Profiles'!$G$18=$B$17,14,0)+IF('Standard Profiles'!$G$18=$B$24,21,0),0)),0)</f>
        <v>10.07608544564973</v>
      </c>
      <c r="E5583" cm="1">
        <f t="array" ref="E5583">IFERROR(INDEX(Jesper!AI$2:AI$366,ROUNDDOWN($C5583/24,0)+1,1)*INDEX($D$3:$AA$30,INDEX(Jesper!$R$2:$R$366,ROW(INDEX(Jesper!AI$2:AI$366,ROUNDDOWN($C5583/24,0)+1,1))-1)+IF('Standard Profiles'!$G$19=$B$10,7,0)+IF('Standard Profiles'!$G$19=$B$17,14,0)+IF('Standard Profiles'!$G$19=$B$24,21,0),MOD($C5583,24)+1)/SUM(INDEX($D$3:$AA$30,INDEX(Jesper!$R$2:$R$366,ROW(INDEX(Jesper!AI$2:AI$366,ROUNDDOWN($C5583/24,0)+1,1))-1)+IF('Standard Profiles'!$G$19=$B$10,7,0)+IF('Standard Profiles'!$G$19=$B$17,14,0)+IF('Standard Profiles'!$G$19=$B$24,21,0),0)),0)</f>
        <v>0</v>
      </c>
      <c r="F5583" cm="1">
        <f t="array" ref="F5583">IFERROR(INDEX(Jesper!AJ$2:AJ$366,ROUNDDOWN($C5583/24,0)+1,1)*INDEX($D$3:$AA$30,INDEX(Jesper!$R$2:$R$366,ROW(INDEX(Jesper!AJ$2:AJ$366,ROUNDDOWN($C5583/24,0)+1,1))-1)+IF('Standard Profiles'!$G$20=$B$10,7,0)+IF('Standard Profiles'!$G$20=$B$17,14,0)+IF('Standard Profiles'!$G$20=$B$24,21,0),MOD($C5583,24)+1)/SUM(INDEX($D$3:$AA$30,INDEX(Jesper!$R$2:$R$366,ROW(INDEX(Jesper!AJ$2:AJ$366,ROUNDDOWN($C5583/24,0)+1,1))-1)+IF('Standard Profiles'!$G$20=$B$10,7,0)+IF('Standard Profiles'!$G$20=$B$17,14,0)+IF('Standard Profiles'!$G$20=$B$24,21,0),0)),0)</f>
        <v>0</v>
      </c>
      <c r="G5583" cm="1">
        <f t="array" ref="G5583">IFERROR(INDEX(Jesper!AK$2:AK$366,ROUNDDOWN($C5583/24,0)+1,1)*INDEX($D$3:$AA$30,INDEX(Jesper!$R$2:$R$366,ROW(INDEX(Jesper!AK$2:AK$366,ROUNDDOWN($C5583/24,0)+1,1))-1)+IF('Standard Profiles'!$G$21=$B$10,7,0)+IF('Standard Profiles'!$G$21=$B$17,14,0)+IF('Standard Profiles'!$G$21=$B$24,21,0),MOD($C5583,24)+1)/SUM(INDEX($D$3:$AA$30,INDEX(Jesper!$R$2:$R$366,ROW(INDEX(Jesper!AK$2:AK$366,ROUNDDOWN($C5583/24,0)+1,1))-1)+IF('Standard Profiles'!$G$21=$B$10,7,0)+IF('Standard Profiles'!$G$21=$B$17,14,0)+IF('Standard Profiles'!$G$21=$B$24,21,0),0)),0)</f>
        <v>0</v>
      </c>
      <c r="H5583" cm="1">
        <f t="array" ref="H5583">IFERROR(INDEX(Jesper!AL$2:AL$366,ROUNDDOWN($C5583/24,0)+1,1)*INDEX($D$3:$AA$30,INDEX(Jesper!$R$2:$R$366,ROW(INDEX(Jesper!AL$2:AL$366,ROUNDDOWN($C5583/24,0)+1,1))-1)+IF('Standard Profiles'!$G$22=$B$10,7,0)+IF('Standard Profiles'!$G$22=$B$17,14,0)+IF('Standard Profiles'!$G$22=$B$24,21,0),MOD($C5583,24)+1)/SUM(INDEX($D$3:$AA$30,INDEX(Jesper!$R$2:$R$366,ROW(INDEX(Jesper!AL$2:AL$366,ROUNDDOWN($C5583/24,0)+1,1))-1)+IF('Standard Profiles'!$G$22=$B$10,7,0)+IF('Standard Profiles'!$G$22=$B$17,14,0)+IF('Standard Profiles'!$G$22=$B$24,21,0),0)),0)</f>
        <v>0</v>
      </c>
      <c r="I5583">
        <f t="shared" si="622"/>
        <v>0.30228256336949189</v>
      </c>
      <c r="J5583">
        <f t="shared" si="623"/>
        <v>1.007608544564973</v>
      </c>
      <c r="K5583">
        <f t="shared" si="624"/>
        <v>1.5114128168474594</v>
      </c>
      <c r="L5583">
        <f t="shared" si="625"/>
        <v>7.2547815208678053</v>
      </c>
      <c r="M5583">
        <f t="shared" si="626"/>
        <v>0</v>
      </c>
      <c r="N5583" s="46">
        <f t="shared" si="627"/>
        <v>45523.208333319875</v>
      </c>
    </row>
    <row r="5584" spans="2:14" x14ac:dyDescent="0.3">
      <c r="B5584">
        <f t="shared" si="621"/>
        <v>1</v>
      </c>
      <c r="C5584" s="16">
        <v>5550</v>
      </c>
      <c r="D5584" cm="1">
        <f t="array" ref="D5584">IFERROR(INDEX(Jesper!AH$2:AH$366,ROUNDDOWN($C5584/24,0)+1,1)*INDEX($D$3:$AA$30,INDEX(Jesper!$R$2:$R$366,ROW(INDEX(Jesper!AH$2:AH$366,ROUNDDOWN($C5584/24,0)+1,1))-1)+IF('Standard Profiles'!$G$18=$B$10,7,0)+IF('Standard Profiles'!$G$18=$B$17,14,0)+IF('Standard Profiles'!$G$18=$B$24,21,0),MOD($C5584,24)+1)/SUM(INDEX($D$3:$AA$30,INDEX(Jesper!$R$2:$R$366,ROW(INDEX(Jesper!AH$2:AH$366,ROUNDDOWN($C5584/24,0)+1,1))-1)+IF('Standard Profiles'!$G$18=$B$10,7,0)+IF('Standard Profiles'!$G$18=$B$17,14,0)+IF('Standard Profiles'!$G$18=$B$24,21,0),0)),0)</f>
        <v>11.432481563333347</v>
      </c>
      <c r="E5584" cm="1">
        <f t="array" ref="E5584">IFERROR(INDEX(Jesper!AI$2:AI$366,ROUNDDOWN($C5584/24,0)+1,1)*INDEX($D$3:$AA$30,INDEX(Jesper!$R$2:$R$366,ROW(INDEX(Jesper!AI$2:AI$366,ROUNDDOWN($C5584/24,0)+1,1))-1)+IF('Standard Profiles'!$G$19=$B$10,7,0)+IF('Standard Profiles'!$G$19=$B$17,14,0)+IF('Standard Profiles'!$G$19=$B$24,21,0),MOD($C5584,24)+1)/SUM(INDEX($D$3:$AA$30,INDEX(Jesper!$R$2:$R$366,ROW(INDEX(Jesper!AI$2:AI$366,ROUNDDOWN($C5584/24,0)+1,1))-1)+IF('Standard Profiles'!$G$19=$B$10,7,0)+IF('Standard Profiles'!$G$19=$B$17,14,0)+IF('Standard Profiles'!$G$19=$B$24,21,0),0)),0)</f>
        <v>0</v>
      </c>
      <c r="F5584" cm="1">
        <f t="array" ref="F5584">IFERROR(INDEX(Jesper!AJ$2:AJ$366,ROUNDDOWN($C5584/24,0)+1,1)*INDEX($D$3:$AA$30,INDEX(Jesper!$R$2:$R$366,ROW(INDEX(Jesper!AJ$2:AJ$366,ROUNDDOWN($C5584/24,0)+1,1))-1)+IF('Standard Profiles'!$G$20=$B$10,7,0)+IF('Standard Profiles'!$G$20=$B$17,14,0)+IF('Standard Profiles'!$G$20=$B$24,21,0),MOD($C5584,24)+1)/SUM(INDEX($D$3:$AA$30,INDEX(Jesper!$R$2:$R$366,ROW(INDEX(Jesper!AJ$2:AJ$366,ROUNDDOWN($C5584/24,0)+1,1))-1)+IF('Standard Profiles'!$G$20=$B$10,7,0)+IF('Standard Profiles'!$G$20=$B$17,14,0)+IF('Standard Profiles'!$G$20=$B$24,21,0),0)),0)</f>
        <v>0</v>
      </c>
      <c r="G5584" cm="1">
        <f t="array" ref="G5584">IFERROR(INDEX(Jesper!AK$2:AK$366,ROUNDDOWN($C5584/24,0)+1,1)*INDEX($D$3:$AA$30,INDEX(Jesper!$R$2:$R$366,ROW(INDEX(Jesper!AK$2:AK$366,ROUNDDOWN($C5584/24,0)+1,1))-1)+IF('Standard Profiles'!$G$21=$B$10,7,0)+IF('Standard Profiles'!$G$21=$B$17,14,0)+IF('Standard Profiles'!$G$21=$B$24,21,0),MOD($C5584,24)+1)/SUM(INDEX($D$3:$AA$30,INDEX(Jesper!$R$2:$R$366,ROW(INDEX(Jesper!AK$2:AK$366,ROUNDDOWN($C5584/24,0)+1,1))-1)+IF('Standard Profiles'!$G$21=$B$10,7,0)+IF('Standard Profiles'!$G$21=$B$17,14,0)+IF('Standard Profiles'!$G$21=$B$24,21,0),0)),0)</f>
        <v>0</v>
      </c>
      <c r="H5584" cm="1">
        <f t="array" ref="H5584">IFERROR(INDEX(Jesper!AL$2:AL$366,ROUNDDOWN($C5584/24,0)+1,1)*INDEX($D$3:$AA$30,INDEX(Jesper!$R$2:$R$366,ROW(INDEX(Jesper!AL$2:AL$366,ROUNDDOWN($C5584/24,0)+1,1))-1)+IF('Standard Profiles'!$G$22=$B$10,7,0)+IF('Standard Profiles'!$G$22=$B$17,14,0)+IF('Standard Profiles'!$G$22=$B$24,21,0),MOD($C5584,24)+1)/SUM(INDEX($D$3:$AA$30,INDEX(Jesper!$R$2:$R$366,ROW(INDEX(Jesper!AL$2:AL$366,ROUNDDOWN($C5584/24,0)+1,1))-1)+IF('Standard Profiles'!$G$22=$B$10,7,0)+IF('Standard Profiles'!$G$22=$B$17,14,0)+IF('Standard Profiles'!$G$22=$B$24,21,0),0)),0)</f>
        <v>0</v>
      </c>
      <c r="I5584">
        <f t="shared" si="622"/>
        <v>0.3429744469000004</v>
      </c>
      <c r="J5584">
        <f t="shared" si="623"/>
        <v>1.1432481563333348</v>
      </c>
      <c r="K5584">
        <f t="shared" si="624"/>
        <v>1.714872234500002</v>
      </c>
      <c r="L5584">
        <f t="shared" si="625"/>
        <v>8.2313867256000091</v>
      </c>
      <c r="M5584">
        <f t="shared" si="626"/>
        <v>0</v>
      </c>
      <c r="N5584" s="46">
        <f t="shared" si="627"/>
        <v>45523.249999986539</v>
      </c>
    </row>
    <row r="5585" spans="2:14" x14ac:dyDescent="0.3">
      <c r="B5585">
        <f t="shared" si="621"/>
        <v>1</v>
      </c>
      <c r="C5585" s="16">
        <v>5551</v>
      </c>
      <c r="D5585" cm="1">
        <f t="array" ref="D5585">IFERROR(INDEX(Jesper!AH$2:AH$366,ROUNDDOWN($C5585/24,0)+1,1)*INDEX($D$3:$AA$30,INDEX(Jesper!$R$2:$R$366,ROW(INDEX(Jesper!AH$2:AH$366,ROUNDDOWN($C5585/24,0)+1,1))-1)+IF('Standard Profiles'!$G$18=$B$10,7,0)+IF('Standard Profiles'!$G$18=$B$17,14,0)+IF('Standard Profiles'!$G$18=$B$24,21,0),MOD($C5585,24)+1)/SUM(INDEX($D$3:$AA$30,INDEX(Jesper!$R$2:$R$366,ROW(INDEX(Jesper!AH$2:AH$366,ROUNDDOWN($C5585/24,0)+1,1))-1)+IF('Standard Profiles'!$G$18=$B$10,7,0)+IF('Standard Profiles'!$G$18=$B$17,14,0)+IF('Standard Profiles'!$G$18=$B$24,21,0),0)),0)</f>
        <v>11.432481563333347</v>
      </c>
      <c r="E5585" cm="1">
        <f t="array" ref="E5585">IFERROR(INDEX(Jesper!AI$2:AI$366,ROUNDDOWN($C5585/24,0)+1,1)*INDEX($D$3:$AA$30,INDEX(Jesper!$R$2:$R$366,ROW(INDEX(Jesper!AI$2:AI$366,ROUNDDOWN($C5585/24,0)+1,1))-1)+IF('Standard Profiles'!$G$19=$B$10,7,0)+IF('Standard Profiles'!$G$19=$B$17,14,0)+IF('Standard Profiles'!$G$19=$B$24,21,0),MOD($C5585,24)+1)/SUM(INDEX($D$3:$AA$30,INDEX(Jesper!$R$2:$R$366,ROW(INDEX(Jesper!AI$2:AI$366,ROUNDDOWN($C5585/24,0)+1,1))-1)+IF('Standard Profiles'!$G$19=$B$10,7,0)+IF('Standard Profiles'!$G$19=$B$17,14,0)+IF('Standard Profiles'!$G$19=$B$24,21,0),0)),0)</f>
        <v>0</v>
      </c>
      <c r="F5585" cm="1">
        <f t="array" ref="F5585">IFERROR(INDEX(Jesper!AJ$2:AJ$366,ROUNDDOWN($C5585/24,0)+1,1)*INDEX($D$3:$AA$30,INDEX(Jesper!$R$2:$R$366,ROW(INDEX(Jesper!AJ$2:AJ$366,ROUNDDOWN($C5585/24,0)+1,1))-1)+IF('Standard Profiles'!$G$20=$B$10,7,0)+IF('Standard Profiles'!$G$20=$B$17,14,0)+IF('Standard Profiles'!$G$20=$B$24,21,0),MOD($C5585,24)+1)/SUM(INDEX($D$3:$AA$30,INDEX(Jesper!$R$2:$R$366,ROW(INDEX(Jesper!AJ$2:AJ$366,ROUNDDOWN($C5585/24,0)+1,1))-1)+IF('Standard Profiles'!$G$20=$B$10,7,0)+IF('Standard Profiles'!$G$20=$B$17,14,0)+IF('Standard Profiles'!$G$20=$B$24,21,0),0)),0)</f>
        <v>0</v>
      </c>
      <c r="G5585" cm="1">
        <f t="array" ref="G5585">IFERROR(INDEX(Jesper!AK$2:AK$366,ROUNDDOWN($C5585/24,0)+1,1)*INDEX($D$3:$AA$30,INDEX(Jesper!$R$2:$R$366,ROW(INDEX(Jesper!AK$2:AK$366,ROUNDDOWN($C5585/24,0)+1,1))-1)+IF('Standard Profiles'!$G$21=$B$10,7,0)+IF('Standard Profiles'!$G$21=$B$17,14,0)+IF('Standard Profiles'!$G$21=$B$24,21,0),MOD($C5585,24)+1)/SUM(INDEX($D$3:$AA$30,INDEX(Jesper!$R$2:$R$366,ROW(INDEX(Jesper!AK$2:AK$366,ROUNDDOWN($C5585/24,0)+1,1))-1)+IF('Standard Profiles'!$G$21=$B$10,7,0)+IF('Standard Profiles'!$G$21=$B$17,14,0)+IF('Standard Profiles'!$G$21=$B$24,21,0),0)),0)</f>
        <v>0</v>
      </c>
      <c r="H5585" cm="1">
        <f t="array" ref="H5585">IFERROR(INDEX(Jesper!AL$2:AL$366,ROUNDDOWN($C5585/24,0)+1,1)*INDEX($D$3:$AA$30,INDEX(Jesper!$R$2:$R$366,ROW(INDEX(Jesper!AL$2:AL$366,ROUNDDOWN($C5585/24,0)+1,1))-1)+IF('Standard Profiles'!$G$22=$B$10,7,0)+IF('Standard Profiles'!$G$22=$B$17,14,0)+IF('Standard Profiles'!$G$22=$B$24,21,0),MOD($C5585,24)+1)/SUM(INDEX($D$3:$AA$30,INDEX(Jesper!$R$2:$R$366,ROW(INDEX(Jesper!AL$2:AL$366,ROUNDDOWN($C5585/24,0)+1,1))-1)+IF('Standard Profiles'!$G$22=$B$10,7,0)+IF('Standard Profiles'!$G$22=$B$17,14,0)+IF('Standard Profiles'!$G$22=$B$24,21,0),0)),0)</f>
        <v>0</v>
      </c>
      <c r="I5585">
        <f t="shared" si="622"/>
        <v>0.3429744469000004</v>
      </c>
      <c r="J5585">
        <f t="shared" si="623"/>
        <v>1.1432481563333348</v>
      </c>
      <c r="K5585">
        <f t="shared" si="624"/>
        <v>1.714872234500002</v>
      </c>
      <c r="L5585">
        <f t="shared" si="625"/>
        <v>8.2313867256000091</v>
      </c>
      <c r="M5585">
        <f t="shared" si="626"/>
        <v>0</v>
      </c>
      <c r="N5585" s="46">
        <f t="shared" si="627"/>
        <v>45523.291666653204</v>
      </c>
    </row>
    <row r="5586" spans="2:14" x14ac:dyDescent="0.3">
      <c r="B5586">
        <f t="shared" si="621"/>
        <v>1</v>
      </c>
      <c r="C5586" s="16">
        <v>5552</v>
      </c>
      <c r="D5586" cm="1">
        <f t="array" ref="D5586">IFERROR(INDEX(Jesper!AH$2:AH$366,ROUNDDOWN($C5586/24,0)+1,1)*INDEX($D$3:$AA$30,INDEX(Jesper!$R$2:$R$366,ROW(INDEX(Jesper!AH$2:AH$366,ROUNDDOWN($C5586/24,0)+1,1))-1)+IF('Standard Profiles'!$G$18=$B$10,7,0)+IF('Standard Profiles'!$G$18=$B$17,14,0)+IF('Standard Profiles'!$G$18=$B$24,21,0),MOD($C5586,24)+1)/SUM(INDEX($D$3:$AA$30,INDEX(Jesper!$R$2:$R$366,ROW(INDEX(Jesper!AH$2:AH$366,ROUNDDOWN($C5586/24,0)+1,1))-1)+IF('Standard Profiles'!$G$18=$B$10,7,0)+IF('Standard Profiles'!$G$18=$B$17,14,0)+IF('Standard Profiles'!$G$18=$B$24,21,0),0)),0)</f>
        <v>11.432481563333347</v>
      </c>
      <c r="E5586" cm="1">
        <f t="array" ref="E5586">IFERROR(INDEX(Jesper!AI$2:AI$366,ROUNDDOWN($C5586/24,0)+1,1)*INDEX($D$3:$AA$30,INDEX(Jesper!$R$2:$R$366,ROW(INDEX(Jesper!AI$2:AI$366,ROUNDDOWN($C5586/24,0)+1,1))-1)+IF('Standard Profiles'!$G$19=$B$10,7,0)+IF('Standard Profiles'!$G$19=$B$17,14,0)+IF('Standard Profiles'!$G$19=$B$24,21,0),MOD($C5586,24)+1)/SUM(INDEX($D$3:$AA$30,INDEX(Jesper!$R$2:$R$366,ROW(INDEX(Jesper!AI$2:AI$366,ROUNDDOWN($C5586/24,0)+1,1))-1)+IF('Standard Profiles'!$G$19=$B$10,7,0)+IF('Standard Profiles'!$G$19=$B$17,14,0)+IF('Standard Profiles'!$G$19=$B$24,21,0),0)),0)</f>
        <v>0</v>
      </c>
      <c r="F5586" cm="1">
        <f t="array" ref="F5586">IFERROR(INDEX(Jesper!AJ$2:AJ$366,ROUNDDOWN($C5586/24,0)+1,1)*INDEX($D$3:$AA$30,INDEX(Jesper!$R$2:$R$366,ROW(INDEX(Jesper!AJ$2:AJ$366,ROUNDDOWN($C5586/24,0)+1,1))-1)+IF('Standard Profiles'!$G$20=$B$10,7,0)+IF('Standard Profiles'!$G$20=$B$17,14,0)+IF('Standard Profiles'!$G$20=$B$24,21,0),MOD($C5586,24)+1)/SUM(INDEX($D$3:$AA$30,INDEX(Jesper!$R$2:$R$366,ROW(INDEX(Jesper!AJ$2:AJ$366,ROUNDDOWN($C5586/24,0)+1,1))-1)+IF('Standard Profiles'!$G$20=$B$10,7,0)+IF('Standard Profiles'!$G$20=$B$17,14,0)+IF('Standard Profiles'!$G$20=$B$24,21,0),0)),0)</f>
        <v>0</v>
      </c>
      <c r="G5586" cm="1">
        <f t="array" ref="G5586">IFERROR(INDEX(Jesper!AK$2:AK$366,ROUNDDOWN($C5586/24,0)+1,1)*INDEX($D$3:$AA$30,INDEX(Jesper!$R$2:$R$366,ROW(INDEX(Jesper!AK$2:AK$366,ROUNDDOWN($C5586/24,0)+1,1))-1)+IF('Standard Profiles'!$G$21=$B$10,7,0)+IF('Standard Profiles'!$G$21=$B$17,14,0)+IF('Standard Profiles'!$G$21=$B$24,21,0),MOD($C5586,24)+1)/SUM(INDEX($D$3:$AA$30,INDEX(Jesper!$R$2:$R$366,ROW(INDEX(Jesper!AK$2:AK$366,ROUNDDOWN($C5586/24,0)+1,1))-1)+IF('Standard Profiles'!$G$21=$B$10,7,0)+IF('Standard Profiles'!$G$21=$B$17,14,0)+IF('Standard Profiles'!$G$21=$B$24,21,0),0)),0)</f>
        <v>0</v>
      </c>
      <c r="H5586" cm="1">
        <f t="array" ref="H5586">IFERROR(INDEX(Jesper!AL$2:AL$366,ROUNDDOWN($C5586/24,0)+1,1)*INDEX($D$3:$AA$30,INDEX(Jesper!$R$2:$R$366,ROW(INDEX(Jesper!AL$2:AL$366,ROUNDDOWN($C5586/24,0)+1,1))-1)+IF('Standard Profiles'!$G$22=$B$10,7,0)+IF('Standard Profiles'!$G$22=$B$17,14,0)+IF('Standard Profiles'!$G$22=$B$24,21,0),MOD($C5586,24)+1)/SUM(INDEX($D$3:$AA$30,INDEX(Jesper!$R$2:$R$366,ROW(INDEX(Jesper!AL$2:AL$366,ROUNDDOWN($C5586/24,0)+1,1))-1)+IF('Standard Profiles'!$G$22=$B$10,7,0)+IF('Standard Profiles'!$G$22=$B$17,14,0)+IF('Standard Profiles'!$G$22=$B$24,21,0),0)),0)</f>
        <v>0</v>
      </c>
      <c r="I5586">
        <f t="shared" si="622"/>
        <v>0.3429744469000004</v>
      </c>
      <c r="J5586">
        <f t="shared" si="623"/>
        <v>1.1432481563333348</v>
      </c>
      <c r="K5586">
        <f t="shared" si="624"/>
        <v>1.714872234500002</v>
      </c>
      <c r="L5586">
        <f t="shared" si="625"/>
        <v>8.2313867256000091</v>
      </c>
      <c r="M5586">
        <f t="shared" si="626"/>
        <v>0</v>
      </c>
      <c r="N5586" s="46">
        <f t="shared" si="627"/>
        <v>45523.333333319868</v>
      </c>
    </row>
    <row r="5587" spans="2:14" x14ac:dyDescent="0.3">
      <c r="B5587">
        <f t="shared" si="621"/>
        <v>1</v>
      </c>
      <c r="C5587" s="16">
        <v>5553</v>
      </c>
      <c r="D5587" cm="1">
        <f t="array" ref="D5587">IFERROR(INDEX(Jesper!AH$2:AH$366,ROUNDDOWN($C5587/24,0)+1,1)*INDEX($D$3:$AA$30,INDEX(Jesper!$R$2:$R$366,ROW(INDEX(Jesper!AH$2:AH$366,ROUNDDOWN($C5587/24,0)+1,1))-1)+IF('Standard Profiles'!$G$18=$B$10,7,0)+IF('Standard Profiles'!$G$18=$B$17,14,0)+IF('Standard Profiles'!$G$18=$B$24,21,0),MOD($C5587,24)+1)/SUM(INDEX($D$3:$AA$30,INDEX(Jesper!$R$2:$R$366,ROW(INDEX(Jesper!AH$2:AH$366,ROUNDDOWN($C5587/24,0)+1,1))-1)+IF('Standard Profiles'!$G$18=$B$10,7,0)+IF('Standard Profiles'!$G$18=$B$17,14,0)+IF('Standard Profiles'!$G$18=$B$24,21,0),0)),0)</f>
        <v>12.207565059152557</v>
      </c>
      <c r="E5587" cm="1">
        <f t="array" ref="E5587">IFERROR(INDEX(Jesper!AI$2:AI$366,ROUNDDOWN($C5587/24,0)+1,1)*INDEX($D$3:$AA$30,INDEX(Jesper!$R$2:$R$366,ROW(INDEX(Jesper!AI$2:AI$366,ROUNDDOWN($C5587/24,0)+1,1))-1)+IF('Standard Profiles'!$G$19=$B$10,7,0)+IF('Standard Profiles'!$G$19=$B$17,14,0)+IF('Standard Profiles'!$G$19=$B$24,21,0),MOD($C5587,24)+1)/SUM(INDEX($D$3:$AA$30,INDEX(Jesper!$R$2:$R$366,ROW(INDEX(Jesper!AI$2:AI$366,ROUNDDOWN($C5587/24,0)+1,1))-1)+IF('Standard Profiles'!$G$19=$B$10,7,0)+IF('Standard Profiles'!$G$19=$B$17,14,0)+IF('Standard Profiles'!$G$19=$B$24,21,0),0)),0)</f>
        <v>0</v>
      </c>
      <c r="F5587" cm="1">
        <f t="array" ref="F5587">IFERROR(INDEX(Jesper!AJ$2:AJ$366,ROUNDDOWN($C5587/24,0)+1,1)*INDEX($D$3:$AA$30,INDEX(Jesper!$R$2:$R$366,ROW(INDEX(Jesper!AJ$2:AJ$366,ROUNDDOWN($C5587/24,0)+1,1))-1)+IF('Standard Profiles'!$G$20=$B$10,7,0)+IF('Standard Profiles'!$G$20=$B$17,14,0)+IF('Standard Profiles'!$G$20=$B$24,21,0),MOD($C5587,24)+1)/SUM(INDEX($D$3:$AA$30,INDEX(Jesper!$R$2:$R$366,ROW(INDEX(Jesper!AJ$2:AJ$366,ROUNDDOWN($C5587/24,0)+1,1))-1)+IF('Standard Profiles'!$G$20=$B$10,7,0)+IF('Standard Profiles'!$G$20=$B$17,14,0)+IF('Standard Profiles'!$G$20=$B$24,21,0),0)),0)</f>
        <v>0</v>
      </c>
      <c r="G5587" cm="1">
        <f t="array" ref="G5587">IFERROR(INDEX(Jesper!AK$2:AK$366,ROUNDDOWN($C5587/24,0)+1,1)*INDEX($D$3:$AA$30,INDEX(Jesper!$R$2:$R$366,ROW(INDEX(Jesper!AK$2:AK$366,ROUNDDOWN($C5587/24,0)+1,1))-1)+IF('Standard Profiles'!$G$21=$B$10,7,0)+IF('Standard Profiles'!$G$21=$B$17,14,0)+IF('Standard Profiles'!$G$21=$B$24,21,0),MOD($C5587,24)+1)/SUM(INDEX($D$3:$AA$30,INDEX(Jesper!$R$2:$R$366,ROW(INDEX(Jesper!AK$2:AK$366,ROUNDDOWN($C5587/24,0)+1,1))-1)+IF('Standard Profiles'!$G$21=$B$10,7,0)+IF('Standard Profiles'!$G$21=$B$17,14,0)+IF('Standard Profiles'!$G$21=$B$24,21,0),0)),0)</f>
        <v>0</v>
      </c>
      <c r="H5587" cm="1">
        <f t="array" ref="H5587">IFERROR(INDEX(Jesper!AL$2:AL$366,ROUNDDOWN($C5587/24,0)+1,1)*INDEX($D$3:$AA$30,INDEX(Jesper!$R$2:$R$366,ROW(INDEX(Jesper!AL$2:AL$366,ROUNDDOWN($C5587/24,0)+1,1))-1)+IF('Standard Profiles'!$G$22=$B$10,7,0)+IF('Standard Profiles'!$G$22=$B$17,14,0)+IF('Standard Profiles'!$G$22=$B$24,21,0),MOD($C5587,24)+1)/SUM(INDEX($D$3:$AA$30,INDEX(Jesper!$R$2:$R$366,ROW(INDEX(Jesper!AL$2:AL$366,ROUNDDOWN($C5587/24,0)+1,1))-1)+IF('Standard Profiles'!$G$22=$B$10,7,0)+IF('Standard Profiles'!$G$22=$B$17,14,0)+IF('Standard Profiles'!$G$22=$B$24,21,0),0)),0)</f>
        <v>0</v>
      </c>
      <c r="I5587">
        <f t="shared" si="622"/>
        <v>0.3662269517745767</v>
      </c>
      <c r="J5587">
        <f t="shared" si="623"/>
        <v>1.2207565059152559</v>
      </c>
      <c r="K5587">
        <f t="shared" si="624"/>
        <v>1.8311347588728835</v>
      </c>
      <c r="L5587">
        <f t="shared" si="625"/>
        <v>8.7894468425898413</v>
      </c>
      <c r="M5587">
        <f t="shared" si="626"/>
        <v>0</v>
      </c>
      <c r="N5587" s="46">
        <f t="shared" si="627"/>
        <v>45523.374999986532</v>
      </c>
    </row>
    <row r="5588" spans="2:14" x14ac:dyDescent="0.3">
      <c r="B5588">
        <f t="shared" si="621"/>
        <v>1</v>
      </c>
      <c r="C5588" s="16">
        <v>5554</v>
      </c>
      <c r="D5588" cm="1">
        <f t="array" ref="D5588">IFERROR(INDEX(Jesper!AH$2:AH$366,ROUNDDOWN($C5588/24,0)+1,1)*INDEX($D$3:$AA$30,INDEX(Jesper!$R$2:$R$366,ROW(INDEX(Jesper!AH$2:AH$366,ROUNDDOWN($C5588/24,0)+1,1))-1)+IF('Standard Profiles'!$G$18=$B$10,7,0)+IF('Standard Profiles'!$G$18=$B$17,14,0)+IF('Standard Profiles'!$G$18=$B$24,21,0),MOD($C5588,24)+1)/SUM(INDEX($D$3:$AA$30,INDEX(Jesper!$R$2:$R$366,ROW(INDEX(Jesper!AH$2:AH$366,ROUNDDOWN($C5588/24,0)+1,1))-1)+IF('Standard Profiles'!$G$18=$B$10,7,0)+IF('Standard Profiles'!$G$18=$B$17,14,0)+IF('Standard Profiles'!$G$18=$B$24,21,0),0)),0)</f>
        <v>12.207565059152557</v>
      </c>
      <c r="E5588" cm="1">
        <f t="array" ref="E5588">IFERROR(INDEX(Jesper!AI$2:AI$366,ROUNDDOWN($C5588/24,0)+1,1)*INDEX($D$3:$AA$30,INDEX(Jesper!$R$2:$R$366,ROW(INDEX(Jesper!AI$2:AI$366,ROUNDDOWN($C5588/24,0)+1,1))-1)+IF('Standard Profiles'!$G$19=$B$10,7,0)+IF('Standard Profiles'!$G$19=$B$17,14,0)+IF('Standard Profiles'!$G$19=$B$24,21,0),MOD($C5588,24)+1)/SUM(INDEX($D$3:$AA$30,INDEX(Jesper!$R$2:$R$366,ROW(INDEX(Jesper!AI$2:AI$366,ROUNDDOWN($C5588/24,0)+1,1))-1)+IF('Standard Profiles'!$G$19=$B$10,7,0)+IF('Standard Profiles'!$G$19=$B$17,14,0)+IF('Standard Profiles'!$G$19=$B$24,21,0),0)),0)</f>
        <v>0</v>
      </c>
      <c r="F5588" cm="1">
        <f t="array" ref="F5588">IFERROR(INDEX(Jesper!AJ$2:AJ$366,ROUNDDOWN($C5588/24,0)+1,1)*INDEX($D$3:$AA$30,INDEX(Jesper!$R$2:$R$366,ROW(INDEX(Jesper!AJ$2:AJ$366,ROUNDDOWN($C5588/24,0)+1,1))-1)+IF('Standard Profiles'!$G$20=$B$10,7,0)+IF('Standard Profiles'!$G$20=$B$17,14,0)+IF('Standard Profiles'!$G$20=$B$24,21,0),MOD($C5588,24)+1)/SUM(INDEX($D$3:$AA$30,INDEX(Jesper!$R$2:$R$366,ROW(INDEX(Jesper!AJ$2:AJ$366,ROUNDDOWN($C5588/24,0)+1,1))-1)+IF('Standard Profiles'!$G$20=$B$10,7,0)+IF('Standard Profiles'!$G$20=$B$17,14,0)+IF('Standard Profiles'!$G$20=$B$24,21,0),0)),0)</f>
        <v>0</v>
      </c>
      <c r="G5588" cm="1">
        <f t="array" ref="G5588">IFERROR(INDEX(Jesper!AK$2:AK$366,ROUNDDOWN($C5588/24,0)+1,1)*INDEX($D$3:$AA$30,INDEX(Jesper!$R$2:$R$366,ROW(INDEX(Jesper!AK$2:AK$366,ROUNDDOWN($C5588/24,0)+1,1))-1)+IF('Standard Profiles'!$G$21=$B$10,7,0)+IF('Standard Profiles'!$G$21=$B$17,14,0)+IF('Standard Profiles'!$G$21=$B$24,21,0),MOD($C5588,24)+1)/SUM(INDEX($D$3:$AA$30,INDEX(Jesper!$R$2:$R$366,ROW(INDEX(Jesper!AK$2:AK$366,ROUNDDOWN($C5588/24,0)+1,1))-1)+IF('Standard Profiles'!$G$21=$B$10,7,0)+IF('Standard Profiles'!$G$21=$B$17,14,0)+IF('Standard Profiles'!$G$21=$B$24,21,0),0)),0)</f>
        <v>0</v>
      </c>
      <c r="H5588" cm="1">
        <f t="array" ref="H5588">IFERROR(INDEX(Jesper!AL$2:AL$366,ROUNDDOWN($C5588/24,0)+1,1)*INDEX($D$3:$AA$30,INDEX(Jesper!$R$2:$R$366,ROW(INDEX(Jesper!AL$2:AL$366,ROUNDDOWN($C5588/24,0)+1,1))-1)+IF('Standard Profiles'!$G$22=$B$10,7,0)+IF('Standard Profiles'!$G$22=$B$17,14,0)+IF('Standard Profiles'!$G$22=$B$24,21,0),MOD($C5588,24)+1)/SUM(INDEX($D$3:$AA$30,INDEX(Jesper!$R$2:$R$366,ROW(INDEX(Jesper!AL$2:AL$366,ROUNDDOWN($C5588/24,0)+1,1))-1)+IF('Standard Profiles'!$G$22=$B$10,7,0)+IF('Standard Profiles'!$G$22=$B$17,14,0)+IF('Standard Profiles'!$G$22=$B$24,21,0),0)),0)</f>
        <v>0</v>
      </c>
      <c r="I5588">
        <f t="shared" si="622"/>
        <v>0.3662269517745767</v>
      </c>
      <c r="J5588">
        <f t="shared" si="623"/>
        <v>1.2207565059152559</v>
      </c>
      <c r="K5588">
        <f t="shared" si="624"/>
        <v>1.8311347588728835</v>
      </c>
      <c r="L5588">
        <f t="shared" si="625"/>
        <v>8.7894468425898413</v>
      </c>
      <c r="M5588">
        <f t="shared" si="626"/>
        <v>0</v>
      </c>
      <c r="N5588" s="46">
        <f t="shared" si="627"/>
        <v>45523.416666653196</v>
      </c>
    </row>
    <row r="5589" spans="2:14" x14ac:dyDescent="0.3">
      <c r="B5589">
        <f t="shared" si="621"/>
        <v>1</v>
      </c>
      <c r="C5589" s="16">
        <v>5555</v>
      </c>
      <c r="D5589" cm="1">
        <f t="array" ref="D5589">IFERROR(INDEX(Jesper!AH$2:AH$366,ROUNDDOWN($C5589/24,0)+1,1)*INDEX($D$3:$AA$30,INDEX(Jesper!$R$2:$R$366,ROW(INDEX(Jesper!AH$2:AH$366,ROUNDDOWN($C5589/24,0)+1,1))-1)+IF('Standard Profiles'!$G$18=$B$10,7,0)+IF('Standard Profiles'!$G$18=$B$17,14,0)+IF('Standard Profiles'!$G$18=$B$24,21,0),MOD($C5589,24)+1)/SUM(INDEX($D$3:$AA$30,INDEX(Jesper!$R$2:$R$366,ROW(INDEX(Jesper!AH$2:AH$366,ROUNDDOWN($C5589/24,0)+1,1))-1)+IF('Standard Profiles'!$G$18=$B$10,7,0)+IF('Standard Profiles'!$G$18=$B$17,14,0)+IF('Standard Profiles'!$G$18=$B$24,21,0),0)),0)</f>
        <v>15.5016699163842</v>
      </c>
      <c r="E5589" cm="1">
        <f t="array" ref="E5589">IFERROR(INDEX(Jesper!AI$2:AI$366,ROUNDDOWN($C5589/24,0)+1,1)*INDEX($D$3:$AA$30,INDEX(Jesper!$R$2:$R$366,ROW(INDEX(Jesper!AI$2:AI$366,ROUNDDOWN($C5589/24,0)+1,1))-1)+IF('Standard Profiles'!$G$19=$B$10,7,0)+IF('Standard Profiles'!$G$19=$B$17,14,0)+IF('Standard Profiles'!$G$19=$B$24,21,0),MOD($C5589,24)+1)/SUM(INDEX($D$3:$AA$30,INDEX(Jesper!$R$2:$R$366,ROW(INDEX(Jesper!AI$2:AI$366,ROUNDDOWN($C5589/24,0)+1,1))-1)+IF('Standard Profiles'!$G$19=$B$10,7,0)+IF('Standard Profiles'!$G$19=$B$17,14,0)+IF('Standard Profiles'!$G$19=$B$24,21,0),0)),0)</f>
        <v>0</v>
      </c>
      <c r="F5589" cm="1">
        <f t="array" ref="F5589">IFERROR(INDEX(Jesper!AJ$2:AJ$366,ROUNDDOWN($C5589/24,0)+1,1)*INDEX($D$3:$AA$30,INDEX(Jesper!$R$2:$R$366,ROW(INDEX(Jesper!AJ$2:AJ$366,ROUNDDOWN($C5589/24,0)+1,1))-1)+IF('Standard Profiles'!$G$20=$B$10,7,0)+IF('Standard Profiles'!$G$20=$B$17,14,0)+IF('Standard Profiles'!$G$20=$B$24,21,0),MOD($C5589,24)+1)/SUM(INDEX($D$3:$AA$30,INDEX(Jesper!$R$2:$R$366,ROW(INDEX(Jesper!AJ$2:AJ$366,ROUNDDOWN($C5589/24,0)+1,1))-1)+IF('Standard Profiles'!$G$20=$B$10,7,0)+IF('Standard Profiles'!$G$20=$B$17,14,0)+IF('Standard Profiles'!$G$20=$B$24,21,0),0)),0)</f>
        <v>0</v>
      </c>
      <c r="G5589" cm="1">
        <f t="array" ref="G5589">IFERROR(INDEX(Jesper!AK$2:AK$366,ROUNDDOWN($C5589/24,0)+1,1)*INDEX($D$3:$AA$30,INDEX(Jesper!$R$2:$R$366,ROW(INDEX(Jesper!AK$2:AK$366,ROUNDDOWN($C5589/24,0)+1,1))-1)+IF('Standard Profiles'!$G$21=$B$10,7,0)+IF('Standard Profiles'!$G$21=$B$17,14,0)+IF('Standard Profiles'!$G$21=$B$24,21,0),MOD($C5589,24)+1)/SUM(INDEX($D$3:$AA$30,INDEX(Jesper!$R$2:$R$366,ROW(INDEX(Jesper!AK$2:AK$366,ROUNDDOWN($C5589/24,0)+1,1))-1)+IF('Standard Profiles'!$G$21=$B$10,7,0)+IF('Standard Profiles'!$G$21=$B$17,14,0)+IF('Standard Profiles'!$G$21=$B$24,21,0),0)),0)</f>
        <v>0</v>
      </c>
      <c r="H5589" cm="1">
        <f t="array" ref="H5589">IFERROR(INDEX(Jesper!AL$2:AL$366,ROUNDDOWN($C5589/24,0)+1,1)*INDEX($D$3:$AA$30,INDEX(Jesper!$R$2:$R$366,ROW(INDEX(Jesper!AL$2:AL$366,ROUNDDOWN($C5589/24,0)+1,1))-1)+IF('Standard Profiles'!$G$22=$B$10,7,0)+IF('Standard Profiles'!$G$22=$B$17,14,0)+IF('Standard Profiles'!$G$22=$B$24,21,0),MOD($C5589,24)+1)/SUM(INDEX($D$3:$AA$30,INDEX(Jesper!$R$2:$R$366,ROW(INDEX(Jesper!AL$2:AL$366,ROUNDDOWN($C5589/24,0)+1,1))-1)+IF('Standard Profiles'!$G$22=$B$10,7,0)+IF('Standard Profiles'!$G$22=$B$17,14,0)+IF('Standard Profiles'!$G$22=$B$24,21,0),0)),0)</f>
        <v>0</v>
      </c>
      <c r="I5589">
        <f t="shared" si="622"/>
        <v>0.46505009749152598</v>
      </c>
      <c r="J5589">
        <f t="shared" si="623"/>
        <v>1.5501669916384202</v>
      </c>
      <c r="K5589">
        <f t="shared" si="624"/>
        <v>2.3252504874576299</v>
      </c>
      <c r="L5589">
        <f t="shared" si="625"/>
        <v>11.161202339796624</v>
      </c>
      <c r="M5589">
        <f t="shared" si="626"/>
        <v>0</v>
      </c>
      <c r="N5589" s="46">
        <f t="shared" si="627"/>
        <v>45523.458333319861</v>
      </c>
    </row>
    <row r="5590" spans="2:14" x14ac:dyDescent="0.3">
      <c r="B5590">
        <f t="shared" si="621"/>
        <v>1</v>
      </c>
      <c r="C5590" s="16">
        <v>5556</v>
      </c>
      <c r="D5590" cm="1">
        <f t="array" ref="D5590">IFERROR(INDEX(Jesper!AH$2:AH$366,ROUNDDOWN($C5590/24,0)+1,1)*INDEX($D$3:$AA$30,INDEX(Jesper!$R$2:$R$366,ROW(INDEX(Jesper!AH$2:AH$366,ROUNDDOWN($C5590/24,0)+1,1))-1)+IF('Standard Profiles'!$G$18=$B$10,7,0)+IF('Standard Profiles'!$G$18=$B$17,14,0)+IF('Standard Profiles'!$G$18=$B$24,21,0),MOD($C5590,24)+1)/SUM(INDEX($D$3:$AA$30,INDEX(Jesper!$R$2:$R$366,ROW(INDEX(Jesper!AH$2:AH$366,ROUNDDOWN($C5590/24,0)+1,1))-1)+IF('Standard Profiles'!$G$18=$B$10,7,0)+IF('Standard Profiles'!$G$18=$B$17,14,0)+IF('Standard Profiles'!$G$18=$B$24,21,0),0)),0)</f>
        <v>15.5016699163842</v>
      </c>
      <c r="E5590" cm="1">
        <f t="array" ref="E5590">IFERROR(INDEX(Jesper!AI$2:AI$366,ROUNDDOWN($C5590/24,0)+1,1)*INDEX($D$3:$AA$30,INDEX(Jesper!$R$2:$R$366,ROW(INDEX(Jesper!AI$2:AI$366,ROUNDDOWN($C5590/24,0)+1,1))-1)+IF('Standard Profiles'!$G$19=$B$10,7,0)+IF('Standard Profiles'!$G$19=$B$17,14,0)+IF('Standard Profiles'!$G$19=$B$24,21,0),MOD($C5590,24)+1)/SUM(INDEX($D$3:$AA$30,INDEX(Jesper!$R$2:$R$366,ROW(INDEX(Jesper!AI$2:AI$366,ROUNDDOWN($C5590/24,0)+1,1))-1)+IF('Standard Profiles'!$G$19=$B$10,7,0)+IF('Standard Profiles'!$G$19=$B$17,14,0)+IF('Standard Profiles'!$G$19=$B$24,21,0),0)),0)</f>
        <v>0</v>
      </c>
      <c r="F5590" cm="1">
        <f t="array" ref="F5590">IFERROR(INDEX(Jesper!AJ$2:AJ$366,ROUNDDOWN($C5590/24,0)+1,1)*INDEX($D$3:$AA$30,INDEX(Jesper!$R$2:$R$366,ROW(INDEX(Jesper!AJ$2:AJ$366,ROUNDDOWN($C5590/24,0)+1,1))-1)+IF('Standard Profiles'!$G$20=$B$10,7,0)+IF('Standard Profiles'!$G$20=$B$17,14,0)+IF('Standard Profiles'!$G$20=$B$24,21,0),MOD($C5590,24)+1)/SUM(INDEX($D$3:$AA$30,INDEX(Jesper!$R$2:$R$366,ROW(INDEX(Jesper!AJ$2:AJ$366,ROUNDDOWN($C5590/24,0)+1,1))-1)+IF('Standard Profiles'!$G$20=$B$10,7,0)+IF('Standard Profiles'!$G$20=$B$17,14,0)+IF('Standard Profiles'!$G$20=$B$24,21,0),0)),0)</f>
        <v>0</v>
      </c>
      <c r="G5590" cm="1">
        <f t="array" ref="G5590">IFERROR(INDEX(Jesper!AK$2:AK$366,ROUNDDOWN($C5590/24,0)+1,1)*INDEX($D$3:$AA$30,INDEX(Jesper!$R$2:$R$366,ROW(INDEX(Jesper!AK$2:AK$366,ROUNDDOWN($C5590/24,0)+1,1))-1)+IF('Standard Profiles'!$G$21=$B$10,7,0)+IF('Standard Profiles'!$G$21=$B$17,14,0)+IF('Standard Profiles'!$G$21=$B$24,21,0),MOD($C5590,24)+1)/SUM(INDEX($D$3:$AA$30,INDEX(Jesper!$R$2:$R$366,ROW(INDEX(Jesper!AK$2:AK$366,ROUNDDOWN($C5590/24,0)+1,1))-1)+IF('Standard Profiles'!$G$21=$B$10,7,0)+IF('Standard Profiles'!$G$21=$B$17,14,0)+IF('Standard Profiles'!$G$21=$B$24,21,0),0)),0)</f>
        <v>0</v>
      </c>
      <c r="H5590" cm="1">
        <f t="array" ref="H5590">IFERROR(INDEX(Jesper!AL$2:AL$366,ROUNDDOWN($C5590/24,0)+1,1)*INDEX($D$3:$AA$30,INDEX(Jesper!$R$2:$R$366,ROW(INDEX(Jesper!AL$2:AL$366,ROUNDDOWN($C5590/24,0)+1,1))-1)+IF('Standard Profiles'!$G$22=$B$10,7,0)+IF('Standard Profiles'!$G$22=$B$17,14,0)+IF('Standard Profiles'!$G$22=$B$24,21,0),MOD($C5590,24)+1)/SUM(INDEX($D$3:$AA$30,INDEX(Jesper!$R$2:$R$366,ROW(INDEX(Jesper!AL$2:AL$366,ROUNDDOWN($C5590/24,0)+1,1))-1)+IF('Standard Profiles'!$G$22=$B$10,7,0)+IF('Standard Profiles'!$G$22=$B$17,14,0)+IF('Standard Profiles'!$G$22=$B$24,21,0),0)),0)</f>
        <v>0</v>
      </c>
      <c r="I5590">
        <f t="shared" si="622"/>
        <v>0.46505009749152598</v>
      </c>
      <c r="J5590">
        <f t="shared" si="623"/>
        <v>1.5501669916384202</v>
      </c>
      <c r="K5590">
        <f t="shared" si="624"/>
        <v>2.3252504874576299</v>
      </c>
      <c r="L5590">
        <f t="shared" si="625"/>
        <v>11.161202339796624</v>
      </c>
      <c r="M5590">
        <f t="shared" si="626"/>
        <v>0</v>
      </c>
      <c r="N5590" s="46">
        <f t="shared" si="627"/>
        <v>45523.499999986525</v>
      </c>
    </row>
    <row r="5591" spans="2:14" x14ac:dyDescent="0.3">
      <c r="B5591">
        <f t="shared" si="621"/>
        <v>1</v>
      </c>
      <c r="C5591" s="16">
        <v>5557</v>
      </c>
      <c r="D5591" cm="1">
        <f t="array" ref="D5591">IFERROR(INDEX(Jesper!AH$2:AH$366,ROUNDDOWN($C5591/24,0)+1,1)*INDEX($D$3:$AA$30,INDEX(Jesper!$R$2:$R$366,ROW(INDEX(Jesper!AH$2:AH$366,ROUNDDOWN($C5591/24,0)+1,1))-1)+IF('Standard Profiles'!$G$18=$B$10,7,0)+IF('Standard Profiles'!$G$18=$B$17,14,0)+IF('Standard Profiles'!$G$18=$B$24,21,0),MOD($C5591,24)+1)/SUM(INDEX($D$3:$AA$30,INDEX(Jesper!$R$2:$R$366,ROW(INDEX(Jesper!AH$2:AH$366,ROUNDDOWN($C5591/24,0)+1,1))-1)+IF('Standard Profiles'!$G$18=$B$10,7,0)+IF('Standard Profiles'!$G$18=$B$17,14,0)+IF('Standard Profiles'!$G$18=$B$24,21,0),0)),0)</f>
        <v>10.269856319604532</v>
      </c>
      <c r="E5591" cm="1">
        <f t="array" ref="E5591">IFERROR(INDEX(Jesper!AI$2:AI$366,ROUNDDOWN($C5591/24,0)+1,1)*INDEX($D$3:$AA$30,INDEX(Jesper!$R$2:$R$366,ROW(INDEX(Jesper!AI$2:AI$366,ROUNDDOWN($C5591/24,0)+1,1))-1)+IF('Standard Profiles'!$G$19=$B$10,7,0)+IF('Standard Profiles'!$G$19=$B$17,14,0)+IF('Standard Profiles'!$G$19=$B$24,21,0),MOD($C5591,24)+1)/SUM(INDEX($D$3:$AA$30,INDEX(Jesper!$R$2:$R$366,ROW(INDEX(Jesper!AI$2:AI$366,ROUNDDOWN($C5591/24,0)+1,1))-1)+IF('Standard Profiles'!$G$19=$B$10,7,0)+IF('Standard Profiles'!$G$19=$B$17,14,0)+IF('Standard Profiles'!$G$19=$B$24,21,0),0)),0)</f>
        <v>0</v>
      </c>
      <c r="F5591" cm="1">
        <f t="array" ref="F5591">IFERROR(INDEX(Jesper!AJ$2:AJ$366,ROUNDDOWN($C5591/24,0)+1,1)*INDEX($D$3:$AA$30,INDEX(Jesper!$R$2:$R$366,ROW(INDEX(Jesper!AJ$2:AJ$366,ROUNDDOWN($C5591/24,0)+1,1))-1)+IF('Standard Profiles'!$G$20=$B$10,7,0)+IF('Standard Profiles'!$G$20=$B$17,14,0)+IF('Standard Profiles'!$G$20=$B$24,21,0),MOD($C5591,24)+1)/SUM(INDEX($D$3:$AA$30,INDEX(Jesper!$R$2:$R$366,ROW(INDEX(Jesper!AJ$2:AJ$366,ROUNDDOWN($C5591/24,0)+1,1))-1)+IF('Standard Profiles'!$G$20=$B$10,7,0)+IF('Standard Profiles'!$G$20=$B$17,14,0)+IF('Standard Profiles'!$G$20=$B$24,21,0),0)),0)</f>
        <v>0</v>
      </c>
      <c r="G5591" cm="1">
        <f t="array" ref="G5591">IFERROR(INDEX(Jesper!AK$2:AK$366,ROUNDDOWN($C5591/24,0)+1,1)*INDEX($D$3:$AA$30,INDEX(Jesper!$R$2:$R$366,ROW(INDEX(Jesper!AK$2:AK$366,ROUNDDOWN($C5591/24,0)+1,1))-1)+IF('Standard Profiles'!$G$21=$B$10,7,0)+IF('Standard Profiles'!$G$21=$B$17,14,0)+IF('Standard Profiles'!$G$21=$B$24,21,0),MOD($C5591,24)+1)/SUM(INDEX($D$3:$AA$30,INDEX(Jesper!$R$2:$R$366,ROW(INDEX(Jesper!AK$2:AK$366,ROUNDDOWN($C5591/24,0)+1,1))-1)+IF('Standard Profiles'!$G$21=$B$10,7,0)+IF('Standard Profiles'!$G$21=$B$17,14,0)+IF('Standard Profiles'!$G$21=$B$24,21,0),0)),0)</f>
        <v>0</v>
      </c>
      <c r="H5591" cm="1">
        <f t="array" ref="H5591">IFERROR(INDEX(Jesper!AL$2:AL$366,ROUNDDOWN($C5591/24,0)+1,1)*INDEX($D$3:$AA$30,INDEX(Jesper!$R$2:$R$366,ROW(INDEX(Jesper!AL$2:AL$366,ROUNDDOWN($C5591/24,0)+1,1))-1)+IF('Standard Profiles'!$G$22=$B$10,7,0)+IF('Standard Profiles'!$G$22=$B$17,14,0)+IF('Standard Profiles'!$G$22=$B$24,21,0),MOD($C5591,24)+1)/SUM(INDEX($D$3:$AA$30,INDEX(Jesper!$R$2:$R$366,ROW(INDEX(Jesper!AL$2:AL$366,ROUNDDOWN($C5591/24,0)+1,1))-1)+IF('Standard Profiles'!$G$22=$B$10,7,0)+IF('Standard Profiles'!$G$22=$B$17,14,0)+IF('Standard Profiles'!$G$22=$B$24,21,0),0)),0)</f>
        <v>0</v>
      </c>
      <c r="I5591">
        <f t="shared" si="622"/>
        <v>0.30809568958813593</v>
      </c>
      <c r="J5591">
        <f t="shared" si="623"/>
        <v>1.0269856319604533</v>
      </c>
      <c r="K5591">
        <f t="shared" si="624"/>
        <v>1.5404784479406797</v>
      </c>
      <c r="L5591">
        <f t="shared" si="625"/>
        <v>7.3942965501152624</v>
      </c>
      <c r="M5591">
        <f t="shared" si="626"/>
        <v>0</v>
      </c>
      <c r="N5591" s="46">
        <f t="shared" si="627"/>
        <v>45523.541666653189</v>
      </c>
    </row>
    <row r="5592" spans="2:14" x14ac:dyDescent="0.3">
      <c r="B5592">
        <f t="shared" si="621"/>
        <v>1</v>
      </c>
      <c r="C5592" s="16">
        <v>5558</v>
      </c>
      <c r="D5592" cm="1">
        <f t="array" ref="D5592">IFERROR(INDEX(Jesper!AH$2:AH$366,ROUNDDOWN($C5592/24,0)+1,1)*INDEX($D$3:$AA$30,INDEX(Jesper!$R$2:$R$366,ROW(INDEX(Jesper!AH$2:AH$366,ROUNDDOWN($C5592/24,0)+1,1))-1)+IF('Standard Profiles'!$G$18=$B$10,7,0)+IF('Standard Profiles'!$G$18=$B$17,14,0)+IF('Standard Profiles'!$G$18=$B$24,21,0),MOD($C5592,24)+1)/SUM(INDEX($D$3:$AA$30,INDEX(Jesper!$R$2:$R$366,ROW(INDEX(Jesper!AH$2:AH$366,ROUNDDOWN($C5592/24,0)+1,1))-1)+IF('Standard Profiles'!$G$18=$B$10,7,0)+IF('Standard Profiles'!$G$18=$B$17,14,0)+IF('Standard Profiles'!$G$18=$B$24,21,0),0)),0)</f>
        <v>15.5016699163842</v>
      </c>
      <c r="E5592" cm="1">
        <f t="array" ref="E5592">IFERROR(INDEX(Jesper!AI$2:AI$366,ROUNDDOWN($C5592/24,0)+1,1)*INDEX($D$3:$AA$30,INDEX(Jesper!$R$2:$R$366,ROW(INDEX(Jesper!AI$2:AI$366,ROUNDDOWN($C5592/24,0)+1,1))-1)+IF('Standard Profiles'!$G$19=$B$10,7,0)+IF('Standard Profiles'!$G$19=$B$17,14,0)+IF('Standard Profiles'!$G$19=$B$24,21,0),MOD($C5592,24)+1)/SUM(INDEX($D$3:$AA$30,INDEX(Jesper!$R$2:$R$366,ROW(INDEX(Jesper!AI$2:AI$366,ROUNDDOWN($C5592/24,0)+1,1))-1)+IF('Standard Profiles'!$G$19=$B$10,7,0)+IF('Standard Profiles'!$G$19=$B$17,14,0)+IF('Standard Profiles'!$G$19=$B$24,21,0),0)),0)</f>
        <v>0</v>
      </c>
      <c r="F5592" cm="1">
        <f t="array" ref="F5592">IFERROR(INDEX(Jesper!AJ$2:AJ$366,ROUNDDOWN($C5592/24,0)+1,1)*INDEX($D$3:$AA$30,INDEX(Jesper!$R$2:$R$366,ROW(INDEX(Jesper!AJ$2:AJ$366,ROUNDDOWN($C5592/24,0)+1,1))-1)+IF('Standard Profiles'!$G$20=$B$10,7,0)+IF('Standard Profiles'!$G$20=$B$17,14,0)+IF('Standard Profiles'!$G$20=$B$24,21,0),MOD($C5592,24)+1)/SUM(INDEX($D$3:$AA$30,INDEX(Jesper!$R$2:$R$366,ROW(INDEX(Jesper!AJ$2:AJ$366,ROUNDDOWN($C5592/24,0)+1,1))-1)+IF('Standard Profiles'!$G$20=$B$10,7,0)+IF('Standard Profiles'!$G$20=$B$17,14,0)+IF('Standard Profiles'!$G$20=$B$24,21,0),0)),0)</f>
        <v>0</v>
      </c>
      <c r="G5592" cm="1">
        <f t="array" ref="G5592">IFERROR(INDEX(Jesper!AK$2:AK$366,ROUNDDOWN($C5592/24,0)+1,1)*INDEX($D$3:$AA$30,INDEX(Jesper!$R$2:$R$366,ROW(INDEX(Jesper!AK$2:AK$366,ROUNDDOWN($C5592/24,0)+1,1))-1)+IF('Standard Profiles'!$G$21=$B$10,7,0)+IF('Standard Profiles'!$G$21=$B$17,14,0)+IF('Standard Profiles'!$G$21=$B$24,21,0),MOD($C5592,24)+1)/SUM(INDEX($D$3:$AA$30,INDEX(Jesper!$R$2:$R$366,ROW(INDEX(Jesper!AK$2:AK$366,ROUNDDOWN($C5592/24,0)+1,1))-1)+IF('Standard Profiles'!$G$21=$B$10,7,0)+IF('Standard Profiles'!$G$21=$B$17,14,0)+IF('Standard Profiles'!$G$21=$B$24,21,0),0)),0)</f>
        <v>0</v>
      </c>
      <c r="H5592" cm="1">
        <f t="array" ref="H5592">IFERROR(INDEX(Jesper!AL$2:AL$366,ROUNDDOWN($C5592/24,0)+1,1)*INDEX($D$3:$AA$30,INDEX(Jesper!$R$2:$R$366,ROW(INDEX(Jesper!AL$2:AL$366,ROUNDDOWN($C5592/24,0)+1,1))-1)+IF('Standard Profiles'!$G$22=$B$10,7,0)+IF('Standard Profiles'!$G$22=$B$17,14,0)+IF('Standard Profiles'!$G$22=$B$24,21,0),MOD($C5592,24)+1)/SUM(INDEX($D$3:$AA$30,INDEX(Jesper!$R$2:$R$366,ROW(INDEX(Jesper!AL$2:AL$366,ROUNDDOWN($C5592/24,0)+1,1))-1)+IF('Standard Profiles'!$G$22=$B$10,7,0)+IF('Standard Profiles'!$G$22=$B$17,14,0)+IF('Standard Profiles'!$G$22=$B$24,21,0),0)),0)</f>
        <v>0</v>
      </c>
      <c r="I5592">
        <f t="shared" si="622"/>
        <v>0.46505009749152598</v>
      </c>
      <c r="J5592">
        <f t="shared" si="623"/>
        <v>1.5501669916384202</v>
      </c>
      <c r="K5592">
        <f t="shared" si="624"/>
        <v>2.3252504874576299</v>
      </c>
      <c r="L5592">
        <f t="shared" si="625"/>
        <v>11.161202339796624</v>
      </c>
      <c r="M5592">
        <f t="shared" si="626"/>
        <v>0</v>
      </c>
      <c r="N5592" s="46">
        <f t="shared" si="627"/>
        <v>45523.583333319853</v>
      </c>
    </row>
    <row r="5593" spans="2:14" x14ac:dyDescent="0.3">
      <c r="B5593">
        <f t="shared" si="621"/>
        <v>1</v>
      </c>
      <c r="C5593" s="16">
        <v>5559</v>
      </c>
      <c r="D5593" cm="1">
        <f t="array" ref="D5593">IFERROR(INDEX(Jesper!AH$2:AH$366,ROUNDDOWN($C5593/24,0)+1,1)*INDEX($D$3:$AA$30,INDEX(Jesper!$R$2:$R$366,ROW(INDEX(Jesper!AH$2:AH$366,ROUNDDOWN($C5593/24,0)+1,1))-1)+IF('Standard Profiles'!$G$18=$B$10,7,0)+IF('Standard Profiles'!$G$18=$B$17,14,0)+IF('Standard Profiles'!$G$18=$B$24,21,0),MOD($C5593,24)+1)/SUM(INDEX($D$3:$AA$30,INDEX(Jesper!$R$2:$R$366,ROW(INDEX(Jesper!AH$2:AH$366,ROUNDDOWN($C5593/24,0)+1,1))-1)+IF('Standard Profiles'!$G$18=$B$10,7,0)+IF('Standard Profiles'!$G$18=$B$17,14,0)+IF('Standard Profiles'!$G$18=$B$24,21,0),0)),0)</f>
        <v>15.5016699163842</v>
      </c>
      <c r="E5593" cm="1">
        <f t="array" ref="E5593">IFERROR(INDEX(Jesper!AI$2:AI$366,ROUNDDOWN($C5593/24,0)+1,1)*INDEX($D$3:$AA$30,INDEX(Jesper!$R$2:$R$366,ROW(INDEX(Jesper!AI$2:AI$366,ROUNDDOWN($C5593/24,0)+1,1))-1)+IF('Standard Profiles'!$G$19=$B$10,7,0)+IF('Standard Profiles'!$G$19=$B$17,14,0)+IF('Standard Profiles'!$G$19=$B$24,21,0),MOD($C5593,24)+1)/SUM(INDEX($D$3:$AA$30,INDEX(Jesper!$R$2:$R$366,ROW(INDEX(Jesper!AI$2:AI$366,ROUNDDOWN($C5593/24,0)+1,1))-1)+IF('Standard Profiles'!$G$19=$B$10,7,0)+IF('Standard Profiles'!$G$19=$B$17,14,0)+IF('Standard Profiles'!$G$19=$B$24,21,0),0)),0)</f>
        <v>0</v>
      </c>
      <c r="F5593" cm="1">
        <f t="array" ref="F5593">IFERROR(INDEX(Jesper!AJ$2:AJ$366,ROUNDDOWN($C5593/24,0)+1,1)*INDEX($D$3:$AA$30,INDEX(Jesper!$R$2:$R$366,ROW(INDEX(Jesper!AJ$2:AJ$366,ROUNDDOWN($C5593/24,0)+1,1))-1)+IF('Standard Profiles'!$G$20=$B$10,7,0)+IF('Standard Profiles'!$G$20=$B$17,14,0)+IF('Standard Profiles'!$G$20=$B$24,21,0),MOD($C5593,24)+1)/SUM(INDEX($D$3:$AA$30,INDEX(Jesper!$R$2:$R$366,ROW(INDEX(Jesper!AJ$2:AJ$366,ROUNDDOWN($C5593/24,0)+1,1))-1)+IF('Standard Profiles'!$G$20=$B$10,7,0)+IF('Standard Profiles'!$G$20=$B$17,14,0)+IF('Standard Profiles'!$G$20=$B$24,21,0),0)),0)</f>
        <v>0</v>
      </c>
      <c r="G5593" cm="1">
        <f t="array" ref="G5593">IFERROR(INDEX(Jesper!AK$2:AK$366,ROUNDDOWN($C5593/24,0)+1,1)*INDEX($D$3:$AA$30,INDEX(Jesper!$R$2:$R$366,ROW(INDEX(Jesper!AK$2:AK$366,ROUNDDOWN($C5593/24,0)+1,1))-1)+IF('Standard Profiles'!$G$21=$B$10,7,0)+IF('Standard Profiles'!$G$21=$B$17,14,0)+IF('Standard Profiles'!$G$21=$B$24,21,0),MOD($C5593,24)+1)/SUM(INDEX($D$3:$AA$30,INDEX(Jesper!$R$2:$R$366,ROW(INDEX(Jesper!AK$2:AK$366,ROUNDDOWN($C5593/24,0)+1,1))-1)+IF('Standard Profiles'!$G$21=$B$10,7,0)+IF('Standard Profiles'!$G$21=$B$17,14,0)+IF('Standard Profiles'!$G$21=$B$24,21,0),0)),0)</f>
        <v>0</v>
      </c>
      <c r="H5593" cm="1">
        <f t="array" ref="H5593">IFERROR(INDEX(Jesper!AL$2:AL$366,ROUNDDOWN($C5593/24,0)+1,1)*INDEX($D$3:$AA$30,INDEX(Jesper!$R$2:$R$366,ROW(INDEX(Jesper!AL$2:AL$366,ROUNDDOWN($C5593/24,0)+1,1))-1)+IF('Standard Profiles'!$G$22=$B$10,7,0)+IF('Standard Profiles'!$G$22=$B$17,14,0)+IF('Standard Profiles'!$G$22=$B$24,21,0),MOD($C5593,24)+1)/SUM(INDEX($D$3:$AA$30,INDEX(Jesper!$R$2:$R$366,ROW(INDEX(Jesper!AL$2:AL$366,ROUNDDOWN($C5593/24,0)+1,1))-1)+IF('Standard Profiles'!$G$22=$B$10,7,0)+IF('Standard Profiles'!$G$22=$B$17,14,0)+IF('Standard Profiles'!$G$22=$B$24,21,0),0)),0)</f>
        <v>0</v>
      </c>
      <c r="I5593">
        <f t="shared" si="622"/>
        <v>0.46505009749152598</v>
      </c>
      <c r="J5593">
        <f t="shared" si="623"/>
        <v>1.5501669916384202</v>
      </c>
      <c r="K5593">
        <f t="shared" si="624"/>
        <v>2.3252504874576299</v>
      </c>
      <c r="L5593">
        <f t="shared" si="625"/>
        <v>11.161202339796624</v>
      </c>
      <c r="M5593">
        <f t="shared" si="626"/>
        <v>0</v>
      </c>
      <c r="N5593" s="46">
        <f t="shared" si="627"/>
        <v>45523.624999986518</v>
      </c>
    </row>
    <row r="5594" spans="2:14" x14ac:dyDescent="0.3">
      <c r="B5594">
        <f t="shared" si="621"/>
        <v>1</v>
      </c>
      <c r="C5594" s="16">
        <v>5560</v>
      </c>
      <c r="D5594" cm="1">
        <f t="array" ref="D5594">IFERROR(INDEX(Jesper!AH$2:AH$366,ROUNDDOWN($C5594/24,0)+1,1)*INDEX($D$3:$AA$30,INDEX(Jesper!$R$2:$R$366,ROW(INDEX(Jesper!AH$2:AH$366,ROUNDDOWN($C5594/24,0)+1,1))-1)+IF('Standard Profiles'!$G$18=$B$10,7,0)+IF('Standard Profiles'!$G$18=$B$17,14,0)+IF('Standard Profiles'!$G$18=$B$24,21,0),MOD($C5594,24)+1)/SUM(INDEX($D$3:$AA$30,INDEX(Jesper!$R$2:$R$366,ROW(INDEX(Jesper!AH$2:AH$366,ROUNDDOWN($C5594/24,0)+1,1))-1)+IF('Standard Profiles'!$G$18=$B$10,7,0)+IF('Standard Profiles'!$G$18=$B$17,14,0)+IF('Standard Profiles'!$G$18=$B$24,21,0),0)),0)</f>
        <v>15.5016699163842</v>
      </c>
      <c r="E5594" cm="1">
        <f t="array" ref="E5594">IFERROR(INDEX(Jesper!AI$2:AI$366,ROUNDDOWN($C5594/24,0)+1,1)*INDEX($D$3:$AA$30,INDEX(Jesper!$R$2:$R$366,ROW(INDEX(Jesper!AI$2:AI$366,ROUNDDOWN($C5594/24,0)+1,1))-1)+IF('Standard Profiles'!$G$19=$B$10,7,0)+IF('Standard Profiles'!$G$19=$B$17,14,0)+IF('Standard Profiles'!$G$19=$B$24,21,0),MOD($C5594,24)+1)/SUM(INDEX($D$3:$AA$30,INDEX(Jesper!$R$2:$R$366,ROW(INDEX(Jesper!AI$2:AI$366,ROUNDDOWN($C5594/24,0)+1,1))-1)+IF('Standard Profiles'!$G$19=$B$10,7,0)+IF('Standard Profiles'!$G$19=$B$17,14,0)+IF('Standard Profiles'!$G$19=$B$24,21,0),0)),0)</f>
        <v>0</v>
      </c>
      <c r="F5594" cm="1">
        <f t="array" ref="F5594">IFERROR(INDEX(Jesper!AJ$2:AJ$366,ROUNDDOWN($C5594/24,0)+1,1)*INDEX($D$3:$AA$30,INDEX(Jesper!$R$2:$R$366,ROW(INDEX(Jesper!AJ$2:AJ$366,ROUNDDOWN($C5594/24,0)+1,1))-1)+IF('Standard Profiles'!$G$20=$B$10,7,0)+IF('Standard Profiles'!$G$20=$B$17,14,0)+IF('Standard Profiles'!$G$20=$B$24,21,0),MOD($C5594,24)+1)/SUM(INDEX($D$3:$AA$30,INDEX(Jesper!$R$2:$R$366,ROW(INDEX(Jesper!AJ$2:AJ$366,ROUNDDOWN($C5594/24,0)+1,1))-1)+IF('Standard Profiles'!$G$20=$B$10,7,0)+IF('Standard Profiles'!$G$20=$B$17,14,0)+IF('Standard Profiles'!$G$20=$B$24,21,0),0)),0)</f>
        <v>0</v>
      </c>
      <c r="G5594" cm="1">
        <f t="array" ref="G5594">IFERROR(INDEX(Jesper!AK$2:AK$366,ROUNDDOWN($C5594/24,0)+1,1)*INDEX($D$3:$AA$30,INDEX(Jesper!$R$2:$R$366,ROW(INDEX(Jesper!AK$2:AK$366,ROUNDDOWN($C5594/24,0)+1,1))-1)+IF('Standard Profiles'!$G$21=$B$10,7,0)+IF('Standard Profiles'!$G$21=$B$17,14,0)+IF('Standard Profiles'!$G$21=$B$24,21,0),MOD($C5594,24)+1)/SUM(INDEX($D$3:$AA$30,INDEX(Jesper!$R$2:$R$366,ROW(INDEX(Jesper!AK$2:AK$366,ROUNDDOWN($C5594/24,0)+1,1))-1)+IF('Standard Profiles'!$G$21=$B$10,7,0)+IF('Standard Profiles'!$G$21=$B$17,14,0)+IF('Standard Profiles'!$G$21=$B$24,21,0),0)),0)</f>
        <v>0</v>
      </c>
      <c r="H5594" cm="1">
        <f t="array" ref="H5594">IFERROR(INDEX(Jesper!AL$2:AL$366,ROUNDDOWN($C5594/24,0)+1,1)*INDEX($D$3:$AA$30,INDEX(Jesper!$R$2:$R$366,ROW(INDEX(Jesper!AL$2:AL$366,ROUNDDOWN($C5594/24,0)+1,1))-1)+IF('Standard Profiles'!$G$22=$B$10,7,0)+IF('Standard Profiles'!$G$22=$B$17,14,0)+IF('Standard Profiles'!$G$22=$B$24,21,0),MOD($C5594,24)+1)/SUM(INDEX($D$3:$AA$30,INDEX(Jesper!$R$2:$R$366,ROW(INDEX(Jesper!AL$2:AL$366,ROUNDDOWN($C5594/24,0)+1,1))-1)+IF('Standard Profiles'!$G$22=$B$10,7,0)+IF('Standard Profiles'!$G$22=$B$17,14,0)+IF('Standard Profiles'!$G$22=$B$24,21,0),0)),0)</f>
        <v>0</v>
      </c>
      <c r="I5594">
        <f t="shared" si="622"/>
        <v>0.46505009749152598</v>
      </c>
      <c r="J5594">
        <f t="shared" si="623"/>
        <v>1.5501669916384202</v>
      </c>
      <c r="K5594">
        <f t="shared" si="624"/>
        <v>2.3252504874576299</v>
      </c>
      <c r="L5594">
        <f t="shared" si="625"/>
        <v>11.161202339796624</v>
      </c>
      <c r="M5594">
        <f t="shared" si="626"/>
        <v>0</v>
      </c>
      <c r="N5594" s="46">
        <f t="shared" si="627"/>
        <v>45523.666666653182</v>
      </c>
    </row>
    <row r="5595" spans="2:14" x14ac:dyDescent="0.3">
      <c r="B5595">
        <f t="shared" si="621"/>
        <v>1</v>
      </c>
      <c r="C5595" s="16">
        <v>5561</v>
      </c>
      <c r="D5595" cm="1">
        <f t="array" ref="D5595">IFERROR(INDEX(Jesper!AH$2:AH$366,ROUNDDOWN($C5595/24,0)+1,1)*INDEX($D$3:$AA$30,INDEX(Jesper!$R$2:$R$366,ROW(INDEX(Jesper!AH$2:AH$366,ROUNDDOWN($C5595/24,0)+1,1))-1)+IF('Standard Profiles'!$G$18=$B$10,7,0)+IF('Standard Profiles'!$G$18=$B$17,14,0)+IF('Standard Profiles'!$G$18=$B$24,21,0),MOD($C5595,24)+1)/SUM(INDEX($D$3:$AA$30,INDEX(Jesper!$R$2:$R$366,ROW(INDEX(Jesper!AH$2:AH$366,ROUNDDOWN($C5595/24,0)+1,1))-1)+IF('Standard Profiles'!$G$18=$B$10,7,0)+IF('Standard Profiles'!$G$18=$B$17,14,0)+IF('Standard Profiles'!$G$18=$B$24,21,0),0)),0)</f>
        <v>15.5016699163842</v>
      </c>
      <c r="E5595" cm="1">
        <f t="array" ref="E5595">IFERROR(INDEX(Jesper!AI$2:AI$366,ROUNDDOWN($C5595/24,0)+1,1)*INDEX($D$3:$AA$30,INDEX(Jesper!$R$2:$R$366,ROW(INDEX(Jesper!AI$2:AI$366,ROUNDDOWN($C5595/24,0)+1,1))-1)+IF('Standard Profiles'!$G$19=$B$10,7,0)+IF('Standard Profiles'!$G$19=$B$17,14,0)+IF('Standard Profiles'!$G$19=$B$24,21,0),MOD($C5595,24)+1)/SUM(INDEX($D$3:$AA$30,INDEX(Jesper!$R$2:$R$366,ROW(INDEX(Jesper!AI$2:AI$366,ROUNDDOWN($C5595/24,0)+1,1))-1)+IF('Standard Profiles'!$G$19=$B$10,7,0)+IF('Standard Profiles'!$G$19=$B$17,14,0)+IF('Standard Profiles'!$G$19=$B$24,21,0),0)),0)</f>
        <v>0</v>
      </c>
      <c r="F5595" cm="1">
        <f t="array" ref="F5595">IFERROR(INDEX(Jesper!AJ$2:AJ$366,ROUNDDOWN($C5595/24,0)+1,1)*INDEX($D$3:$AA$30,INDEX(Jesper!$R$2:$R$366,ROW(INDEX(Jesper!AJ$2:AJ$366,ROUNDDOWN($C5595/24,0)+1,1))-1)+IF('Standard Profiles'!$G$20=$B$10,7,0)+IF('Standard Profiles'!$G$20=$B$17,14,0)+IF('Standard Profiles'!$G$20=$B$24,21,0),MOD($C5595,24)+1)/SUM(INDEX($D$3:$AA$30,INDEX(Jesper!$R$2:$R$366,ROW(INDEX(Jesper!AJ$2:AJ$366,ROUNDDOWN($C5595/24,0)+1,1))-1)+IF('Standard Profiles'!$G$20=$B$10,7,0)+IF('Standard Profiles'!$G$20=$B$17,14,0)+IF('Standard Profiles'!$G$20=$B$24,21,0),0)),0)</f>
        <v>0</v>
      </c>
      <c r="G5595" cm="1">
        <f t="array" ref="G5595">IFERROR(INDEX(Jesper!AK$2:AK$366,ROUNDDOWN($C5595/24,0)+1,1)*INDEX($D$3:$AA$30,INDEX(Jesper!$R$2:$R$366,ROW(INDEX(Jesper!AK$2:AK$366,ROUNDDOWN($C5595/24,0)+1,1))-1)+IF('Standard Profiles'!$G$21=$B$10,7,0)+IF('Standard Profiles'!$G$21=$B$17,14,0)+IF('Standard Profiles'!$G$21=$B$24,21,0),MOD($C5595,24)+1)/SUM(INDEX($D$3:$AA$30,INDEX(Jesper!$R$2:$R$366,ROW(INDEX(Jesper!AK$2:AK$366,ROUNDDOWN($C5595/24,0)+1,1))-1)+IF('Standard Profiles'!$G$21=$B$10,7,0)+IF('Standard Profiles'!$G$21=$B$17,14,0)+IF('Standard Profiles'!$G$21=$B$24,21,0),0)),0)</f>
        <v>0</v>
      </c>
      <c r="H5595" cm="1">
        <f t="array" ref="H5595">IFERROR(INDEX(Jesper!AL$2:AL$366,ROUNDDOWN($C5595/24,0)+1,1)*INDEX($D$3:$AA$30,INDEX(Jesper!$R$2:$R$366,ROW(INDEX(Jesper!AL$2:AL$366,ROUNDDOWN($C5595/24,0)+1,1))-1)+IF('Standard Profiles'!$G$22=$B$10,7,0)+IF('Standard Profiles'!$G$22=$B$17,14,0)+IF('Standard Profiles'!$G$22=$B$24,21,0),MOD($C5595,24)+1)/SUM(INDEX($D$3:$AA$30,INDEX(Jesper!$R$2:$R$366,ROW(INDEX(Jesper!AL$2:AL$366,ROUNDDOWN($C5595/24,0)+1,1))-1)+IF('Standard Profiles'!$G$22=$B$10,7,0)+IF('Standard Profiles'!$G$22=$B$17,14,0)+IF('Standard Profiles'!$G$22=$B$24,21,0),0)),0)</f>
        <v>0</v>
      </c>
      <c r="I5595">
        <f t="shared" si="622"/>
        <v>0.46505009749152598</v>
      </c>
      <c r="J5595">
        <f t="shared" si="623"/>
        <v>1.5501669916384202</v>
      </c>
      <c r="K5595">
        <f t="shared" si="624"/>
        <v>2.3252504874576299</v>
      </c>
      <c r="L5595">
        <f t="shared" si="625"/>
        <v>11.161202339796624</v>
      </c>
      <c r="M5595">
        <f t="shared" si="626"/>
        <v>0</v>
      </c>
      <c r="N5595" s="46">
        <f t="shared" si="627"/>
        <v>45523.708333319846</v>
      </c>
    </row>
    <row r="5596" spans="2:14" x14ac:dyDescent="0.3">
      <c r="B5596">
        <f t="shared" si="621"/>
        <v>1</v>
      </c>
      <c r="C5596" s="16">
        <v>5562</v>
      </c>
      <c r="D5596" cm="1">
        <f t="array" ref="D5596">IFERROR(INDEX(Jesper!AH$2:AH$366,ROUNDDOWN($C5596/24,0)+1,1)*INDEX($D$3:$AA$30,INDEX(Jesper!$R$2:$R$366,ROW(INDEX(Jesper!AH$2:AH$366,ROUNDDOWN($C5596/24,0)+1,1))-1)+IF('Standard Profiles'!$G$18=$B$10,7,0)+IF('Standard Profiles'!$G$18=$B$17,14,0)+IF('Standard Profiles'!$G$18=$B$24,21,0),MOD($C5596,24)+1)/SUM(INDEX($D$3:$AA$30,INDEX(Jesper!$R$2:$R$366,ROW(INDEX(Jesper!AH$2:AH$366,ROUNDDOWN($C5596/24,0)+1,1))-1)+IF('Standard Profiles'!$G$18=$B$10,7,0)+IF('Standard Profiles'!$G$18=$B$17,14,0)+IF('Standard Profiles'!$G$18=$B$24,21,0),0)),0)</f>
        <v>15.5016699163842</v>
      </c>
      <c r="E5596" cm="1">
        <f t="array" ref="E5596">IFERROR(INDEX(Jesper!AI$2:AI$366,ROUNDDOWN($C5596/24,0)+1,1)*INDEX($D$3:$AA$30,INDEX(Jesper!$R$2:$R$366,ROW(INDEX(Jesper!AI$2:AI$366,ROUNDDOWN($C5596/24,0)+1,1))-1)+IF('Standard Profiles'!$G$19=$B$10,7,0)+IF('Standard Profiles'!$G$19=$B$17,14,0)+IF('Standard Profiles'!$G$19=$B$24,21,0),MOD($C5596,24)+1)/SUM(INDEX($D$3:$AA$30,INDEX(Jesper!$R$2:$R$366,ROW(INDEX(Jesper!AI$2:AI$366,ROUNDDOWN($C5596/24,0)+1,1))-1)+IF('Standard Profiles'!$G$19=$B$10,7,0)+IF('Standard Profiles'!$G$19=$B$17,14,0)+IF('Standard Profiles'!$G$19=$B$24,21,0),0)),0)</f>
        <v>0</v>
      </c>
      <c r="F5596" cm="1">
        <f t="array" ref="F5596">IFERROR(INDEX(Jesper!AJ$2:AJ$366,ROUNDDOWN($C5596/24,0)+1,1)*INDEX($D$3:$AA$30,INDEX(Jesper!$R$2:$R$366,ROW(INDEX(Jesper!AJ$2:AJ$366,ROUNDDOWN($C5596/24,0)+1,1))-1)+IF('Standard Profiles'!$G$20=$B$10,7,0)+IF('Standard Profiles'!$G$20=$B$17,14,0)+IF('Standard Profiles'!$G$20=$B$24,21,0),MOD($C5596,24)+1)/SUM(INDEX($D$3:$AA$30,INDEX(Jesper!$R$2:$R$366,ROW(INDEX(Jesper!AJ$2:AJ$366,ROUNDDOWN($C5596/24,0)+1,1))-1)+IF('Standard Profiles'!$G$20=$B$10,7,0)+IF('Standard Profiles'!$G$20=$B$17,14,0)+IF('Standard Profiles'!$G$20=$B$24,21,0),0)),0)</f>
        <v>0</v>
      </c>
      <c r="G5596" cm="1">
        <f t="array" ref="G5596">IFERROR(INDEX(Jesper!AK$2:AK$366,ROUNDDOWN($C5596/24,0)+1,1)*INDEX($D$3:$AA$30,INDEX(Jesper!$R$2:$R$366,ROW(INDEX(Jesper!AK$2:AK$366,ROUNDDOWN($C5596/24,0)+1,1))-1)+IF('Standard Profiles'!$G$21=$B$10,7,0)+IF('Standard Profiles'!$G$21=$B$17,14,0)+IF('Standard Profiles'!$G$21=$B$24,21,0),MOD($C5596,24)+1)/SUM(INDEX($D$3:$AA$30,INDEX(Jesper!$R$2:$R$366,ROW(INDEX(Jesper!AK$2:AK$366,ROUNDDOWN($C5596/24,0)+1,1))-1)+IF('Standard Profiles'!$G$21=$B$10,7,0)+IF('Standard Profiles'!$G$21=$B$17,14,0)+IF('Standard Profiles'!$G$21=$B$24,21,0),0)),0)</f>
        <v>0</v>
      </c>
      <c r="H5596" cm="1">
        <f t="array" ref="H5596">IFERROR(INDEX(Jesper!AL$2:AL$366,ROUNDDOWN($C5596/24,0)+1,1)*INDEX($D$3:$AA$30,INDEX(Jesper!$R$2:$R$366,ROW(INDEX(Jesper!AL$2:AL$366,ROUNDDOWN($C5596/24,0)+1,1))-1)+IF('Standard Profiles'!$G$22=$B$10,7,0)+IF('Standard Profiles'!$G$22=$B$17,14,0)+IF('Standard Profiles'!$G$22=$B$24,21,0),MOD($C5596,24)+1)/SUM(INDEX($D$3:$AA$30,INDEX(Jesper!$R$2:$R$366,ROW(INDEX(Jesper!AL$2:AL$366,ROUNDDOWN($C5596/24,0)+1,1))-1)+IF('Standard Profiles'!$G$22=$B$10,7,0)+IF('Standard Profiles'!$G$22=$B$17,14,0)+IF('Standard Profiles'!$G$22=$B$24,21,0),0)),0)</f>
        <v>0</v>
      </c>
      <c r="I5596">
        <f t="shared" si="622"/>
        <v>0.46505009749152598</v>
      </c>
      <c r="J5596">
        <f t="shared" si="623"/>
        <v>1.5501669916384202</v>
      </c>
      <c r="K5596">
        <f t="shared" si="624"/>
        <v>2.3252504874576299</v>
      </c>
      <c r="L5596">
        <f t="shared" si="625"/>
        <v>11.161202339796624</v>
      </c>
      <c r="M5596">
        <f t="shared" si="626"/>
        <v>0</v>
      </c>
      <c r="N5596" s="46">
        <f t="shared" si="627"/>
        <v>45523.74999998651</v>
      </c>
    </row>
    <row r="5597" spans="2:14" x14ac:dyDescent="0.3">
      <c r="B5597">
        <f t="shared" si="621"/>
        <v>1</v>
      </c>
      <c r="C5597" s="16">
        <v>5563</v>
      </c>
      <c r="D5597" cm="1">
        <f t="array" ref="D5597">IFERROR(INDEX(Jesper!AH$2:AH$366,ROUNDDOWN($C5597/24,0)+1,1)*INDEX($D$3:$AA$30,INDEX(Jesper!$R$2:$R$366,ROW(INDEX(Jesper!AH$2:AH$366,ROUNDDOWN($C5597/24,0)+1,1))-1)+IF('Standard Profiles'!$G$18=$B$10,7,0)+IF('Standard Profiles'!$G$18=$B$17,14,0)+IF('Standard Profiles'!$G$18=$B$24,21,0),MOD($C5597,24)+1)/SUM(INDEX($D$3:$AA$30,INDEX(Jesper!$R$2:$R$366,ROW(INDEX(Jesper!AH$2:AH$366,ROUNDDOWN($C5597/24,0)+1,1))-1)+IF('Standard Profiles'!$G$18=$B$10,7,0)+IF('Standard Profiles'!$G$18=$B$17,14,0)+IF('Standard Profiles'!$G$18=$B$24,21,0),0)),0)</f>
        <v>12.982648554971767</v>
      </c>
      <c r="E5597" cm="1">
        <f t="array" ref="E5597">IFERROR(INDEX(Jesper!AI$2:AI$366,ROUNDDOWN($C5597/24,0)+1,1)*INDEX($D$3:$AA$30,INDEX(Jesper!$R$2:$R$366,ROW(INDEX(Jesper!AI$2:AI$366,ROUNDDOWN($C5597/24,0)+1,1))-1)+IF('Standard Profiles'!$G$19=$B$10,7,0)+IF('Standard Profiles'!$G$19=$B$17,14,0)+IF('Standard Profiles'!$G$19=$B$24,21,0),MOD($C5597,24)+1)/SUM(INDEX($D$3:$AA$30,INDEX(Jesper!$R$2:$R$366,ROW(INDEX(Jesper!AI$2:AI$366,ROUNDDOWN($C5597/24,0)+1,1))-1)+IF('Standard Profiles'!$G$19=$B$10,7,0)+IF('Standard Profiles'!$G$19=$B$17,14,0)+IF('Standard Profiles'!$G$19=$B$24,21,0),0)),0)</f>
        <v>0</v>
      </c>
      <c r="F5597" cm="1">
        <f t="array" ref="F5597">IFERROR(INDEX(Jesper!AJ$2:AJ$366,ROUNDDOWN($C5597/24,0)+1,1)*INDEX($D$3:$AA$30,INDEX(Jesper!$R$2:$R$366,ROW(INDEX(Jesper!AJ$2:AJ$366,ROUNDDOWN($C5597/24,0)+1,1))-1)+IF('Standard Profiles'!$G$20=$B$10,7,0)+IF('Standard Profiles'!$G$20=$B$17,14,0)+IF('Standard Profiles'!$G$20=$B$24,21,0),MOD($C5597,24)+1)/SUM(INDEX($D$3:$AA$30,INDEX(Jesper!$R$2:$R$366,ROW(INDEX(Jesper!AJ$2:AJ$366,ROUNDDOWN($C5597/24,0)+1,1))-1)+IF('Standard Profiles'!$G$20=$B$10,7,0)+IF('Standard Profiles'!$G$20=$B$17,14,0)+IF('Standard Profiles'!$G$20=$B$24,21,0),0)),0)</f>
        <v>0</v>
      </c>
      <c r="G5597" cm="1">
        <f t="array" ref="G5597">IFERROR(INDEX(Jesper!AK$2:AK$366,ROUNDDOWN($C5597/24,0)+1,1)*INDEX($D$3:$AA$30,INDEX(Jesper!$R$2:$R$366,ROW(INDEX(Jesper!AK$2:AK$366,ROUNDDOWN($C5597/24,0)+1,1))-1)+IF('Standard Profiles'!$G$21=$B$10,7,0)+IF('Standard Profiles'!$G$21=$B$17,14,0)+IF('Standard Profiles'!$G$21=$B$24,21,0),MOD($C5597,24)+1)/SUM(INDEX($D$3:$AA$30,INDEX(Jesper!$R$2:$R$366,ROW(INDEX(Jesper!AK$2:AK$366,ROUNDDOWN($C5597/24,0)+1,1))-1)+IF('Standard Profiles'!$G$21=$B$10,7,0)+IF('Standard Profiles'!$G$21=$B$17,14,0)+IF('Standard Profiles'!$G$21=$B$24,21,0),0)),0)</f>
        <v>0</v>
      </c>
      <c r="H5597" cm="1">
        <f t="array" ref="H5597">IFERROR(INDEX(Jesper!AL$2:AL$366,ROUNDDOWN($C5597/24,0)+1,1)*INDEX($D$3:$AA$30,INDEX(Jesper!$R$2:$R$366,ROW(INDEX(Jesper!AL$2:AL$366,ROUNDDOWN($C5597/24,0)+1,1))-1)+IF('Standard Profiles'!$G$22=$B$10,7,0)+IF('Standard Profiles'!$G$22=$B$17,14,0)+IF('Standard Profiles'!$G$22=$B$24,21,0),MOD($C5597,24)+1)/SUM(INDEX($D$3:$AA$30,INDEX(Jesper!$R$2:$R$366,ROW(INDEX(Jesper!AL$2:AL$366,ROUNDDOWN($C5597/24,0)+1,1))-1)+IF('Standard Profiles'!$G$22=$B$10,7,0)+IF('Standard Profiles'!$G$22=$B$17,14,0)+IF('Standard Profiles'!$G$22=$B$24,21,0),0)),0)</f>
        <v>0</v>
      </c>
      <c r="I5597">
        <f t="shared" si="622"/>
        <v>0.38947945664915301</v>
      </c>
      <c r="J5597">
        <f t="shared" si="623"/>
        <v>1.2982648554971767</v>
      </c>
      <c r="K5597">
        <f t="shared" si="624"/>
        <v>1.9473972832457651</v>
      </c>
      <c r="L5597">
        <f t="shared" si="625"/>
        <v>9.3475069595796718</v>
      </c>
      <c r="M5597">
        <f t="shared" si="626"/>
        <v>0</v>
      </c>
      <c r="N5597" s="46">
        <f t="shared" si="627"/>
        <v>45523.791666653175</v>
      </c>
    </row>
    <row r="5598" spans="2:14" x14ac:dyDescent="0.3">
      <c r="B5598">
        <f t="shared" si="621"/>
        <v>1</v>
      </c>
      <c r="C5598" s="16">
        <v>5564</v>
      </c>
      <c r="D5598" cm="1">
        <f t="array" ref="D5598">IFERROR(INDEX(Jesper!AH$2:AH$366,ROUNDDOWN($C5598/24,0)+1,1)*INDEX($D$3:$AA$30,INDEX(Jesper!$R$2:$R$366,ROW(INDEX(Jesper!AH$2:AH$366,ROUNDDOWN($C5598/24,0)+1,1))-1)+IF('Standard Profiles'!$G$18=$B$10,7,0)+IF('Standard Profiles'!$G$18=$B$17,14,0)+IF('Standard Profiles'!$G$18=$B$24,21,0),MOD($C5598,24)+1)/SUM(INDEX($D$3:$AA$30,INDEX(Jesper!$R$2:$R$366,ROW(INDEX(Jesper!AH$2:AH$366,ROUNDDOWN($C5598/24,0)+1,1))-1)+IF('Standard Profiles'!$G$18=$B$10,7,0)+IF('Standard Profiles'!$G$18=$B$17,14,0)+IF('Standard Profiles'!$G$18=$B$24,21,0),0)),0)</f>
        <v>10.657398067514137</v>
      </c>
      <c r="E5598" cm="1">
        <f t="array" ref="E5598">IFERROR(INDEX(Jesper!AI$2:AI$366,ROUNDDOWN($C5598/24,0)+1,1)*INDEX($D$3:$AA$30,INDEX(Jesper!$R$2:$R$366,ROW(INDEX(Jesper!AI$2:AI$366,ROUNDDOWN($C5598/24,0)+1,1))-1)+IF('Standard Profiles'!$G$19=$B$10,7,0)+IF('Standard Profiles'!$G$19=$B$17,14,0)+IF('Standard Profiles'!$G$19=$B$24,21,0),MOD($C5598,24)+1)/SUM(INDEX($D$3:$AA$30,INDEX(Jesper!$R$2:$R$366,ROW(INDEX(Jesper!AI$2:AI$366,ROUNDDOWN($C5598/24,0)+1,1))-1)+IF('Standard Profiles'!$G$19=$B$10,7,0)+IF('Standard Profiles'!$G$19=$B$17,14,0)+IF('Standard Profiles'!$G$19=$B$24,21,0),0)),0)</f>
        <v>0</v>
      </c>
      <c r="F5598" cm="1">
        <f t="array" ref="F5598">IFERROR(INDEX(Jesper!AJ$2:AJ$366,ROUNDDOWN($C5598/24,0)+1,1)*INDEX($D$3:$AA$30,INDEX(Jesper!$R$2:$R$366,ROW(INDEX(Jesper!AJ$2:AJ$366,ROUNDDOWN($C5598/24,0)+1,1))-1)+IF('Standard Profiles'!$G$20=$B$10,7,0)+IF('Standard Profiles'!$G$20=$B$17,14,0)+IF('Standard Profiles'!$G$20=$B$24,21,0),MOD($C5598,24)+1)/SUM(INDEX($D$3:$AA$30,INDEX(Jesper!$R$2:$R$366,ROW(INDEX(Jesper!AJ$2:AJ$366,ROUNDDOWN($C5598/24,0)+1,1))-1)+IF('Standard Profiles'!$G$20=$B$10,7,0)+IF('Standard Profiles'!$G$20=$B$17,14,0)+IF('Standard Profiles'!$G$20=$B$24,21,0),0)),0)</f>
        <v>0</v>
      </c>
      <c r="G5598" cm="1">
        <f t="array" ref="G5598">IFERROR(INDEX(Jesper!AK$2:AK$366,ROUNDDOWN($C5598/24,0)+1,1)*INDEX($D$3:$AA$30,INDEX(Jesper!$R$2:$R$366,ROW(INDEX(Jesper!AK$2:AK$366,ROUNDDOWN($C5598/24,0)+1,1))-1)+IF('Standard Profiles'!$G$21=$B$10,7,0)+IF('Standard Profiles'!$G$21=$B$17,14,0)+IF('Standard Profiles'!$G$21=$B$24,21,0),MOD($C5598,24)+1)/SUM(INDEX($D$3:$AA$30,INDEX(Jesper!$R$2:$R$366,ROW(INDEX(Jesper!AK$2:AK$366,ROUNDDOWN($C5598/24,0)+1,1))-1)+IF('Standard Profiles'!$G$21=$B$10,7,0)+IF('Standard Profiles'!$G$21=$B$17,14,0)+IF('Standard Profiles'!$G$21=$B$24,21,0),0)),0)</f>
        <v>0</v>
      </c>
      <c r="H5598" cm="1">
        <f t="array" ref="H5598">IFERROR(INDEX(Jesper!AL$2:AL$366,ROUNDDOWN($C5598/24,0)+1,1)*INDEX($D$3:$AA$30,INDEX(Jesper!$R$2:$R$366,ROW(INDEX(Jesper!AL$2:AL$366,ROUNDDOWN($C5598/24,0)+1,1))-1)+IF('Standard Profiles'!$G$22=$B$10,7,0)+IF('Standard Profiles'!$G$22=$B$17,14,0)+IF('Standard Profiles'!$G$22=$B$24,21,0),MOD($C5598,24)+1)/SUM(INDEX($D$3:$AA$30,INDEX(Jesper!$R$2:$R$366,ROW(INDEX(Jesper!AL$2:AL$366,ROUNDDOWN($C5598/24,0)+1,1))-1)+IF('Standard Profiles'!$G$22=$B$10,7,0)+IF('Standard Profiles'!$G$22=$B$17,14,0)+IF('Standard Profiles'!$G$22=$B$24,21,0),0)),0)</f>
        <v>0</v>
      </c>
      <c r="I5598">
        <f t="shared" si="622"/>
        <v>0.31972194202542409</v>
      </c>
      <c r="J5598">
        <f t="shared" si="623"/>
        <v>1.0657398067514137</v>
      </c>
      <c r="K5598">
        <f t="shared" si="624"/>
        <v>1.5986097101271206</v>
      </c>
      <c r="L5598">
        <f t="shared" si="625"/>
        <v>7.6733266086101786</v>
      </c>
      <c r="M5598">
        <f t="shared" si="626"/>
        <v>0</v>
      </c>
      <c r="N5598" s="46">
        <f t="shared" si="627"/>
        <v>45523.833333319839</v>
      </c>
    </row>
    <row r="5599" spans="2:14" x14ac:dyDescent="0.3">
      <c r="B5599">
        <f t="shared" si="621"/>
        <v>1</v>
      </c>
      <c r="C5599" s="16">
        <v>5565</v>
      </c>
      <c r="D5599" cm="1">
        <f t="array" ref="D5599">IFERROR(INDEX(Jesper!AH$2:AH$366,ROUNDDOWN($C5599/24,0)+1,1)*INDEX($D$3:$AA$30,INDEX(Jesper!$R$2:$R$366,ROW(INDEX(Jesper!AH$2:AH$366,ROUNDDOWN($C5599/24,0)+1,1))-1)+IF('Standard Profiles'!$G$18=$B$10,7,0)+IF('Standard Profiles'!$G$18=$B$17,14,0)+IF('Standard Profiles'!$G$18=$B$24,21,0),MOD($C5599,24)+1)/SUM(INDEX($D$3:$AA$30,INDEX(Jesper!$R$2:$R$366,ROW(INDEX(Jesper!AH$2:AH$366,ROUNDDOWN($C5599/24,0)+1,1))-1)+IF('Standard Profiles'!$G$18=$B$10,7,0)+IF('Standard Profiles'!$G$18=$B$17,14,0)+IF('Standard Profiles'!$G$18=$B$24,21,0),0)),0)</f>
        <v>7.7508349581921001</v>
      </c>
      <c r="E5599" cm="1">
        <f t="array" ref="E5599">IFERROR(INDEX(Jesper!AI$2:AI$366,ROUNDDOWN($C5599/24,0)+1,1)*INDEX($D$3:$AA$30,INDEX(Jesper!$R$2:$R$366,ROW(INDEX(Jesper!AI$2:AI$366,ROUNDDOWN($C5599/24,0)+1,1))-1)+IF('Standard Profiles'!$G$19=$B$10,7,0)+IF('Standard Profiles'!$G$19=$B$17,14,0)+IF('Standard Profiles'!$G$19=$B$24,21,0),MOD($C5599,24)+1)/SUM(INDEX($D$3:$AA$30,INDEX(Jesper!$R$2:$R$366,ROW(INDEX(Jesper!AI$2:AI$366,ROUNDDOWN($C5599/24,0)+1,1))-1)+IF('Standard Profiles'!$G$19=$B$10,7,0)+IF('Standard Profiles'!$G$19=$B$17,14,0)+IF('Standard Profiles'!$G$19=$B$24,21,0),0)),0)</f>
        <v>0</v>
      </c>
      <c r="F5599" cm="1">
        <f t="array" ref="F5599">IFERROR(INDEX(Jesper!AJ$2:AJ$366,ROUNDDOWN($C5599/24,0)+1,1)*INDEX($D$3:$AA$30,INDEX(Jesper!$R$2:$R$366,ROW(INDEX(Jesper!AJ$2:AJ$366,ROUNDDOWN($C5599/24,0)+1,1))-1)+IF('Standard Profiles'!$G$20=$B$10,7,0)+IF('Standard Profiles'!$G$20=$B$17,14,0)+IF('Standard Profiles'!$G$20=$B$24,21,0),MOD($C5599,24)+1)/SUM(INDEX($D$3:$AA$30,INDEX(Jesper!$R$2:$R$366,ROW(INDEX(Jesper!AJ$2:AJ$366,ROUNDDOWN($C5599/24,0)+1,1))-1)+IF('Standard Profiles'!$G$20=$B$10,7,0)+IF('Standard Profiles'!$G$20=$B$17,14,0)+IF('Standard Profiles'!$G$20=$B$24,21,0),0)),0)</f>
        <v>0</v>
      </c>
      <c r="G5599" cm="1">
        <f t="array" ref="G5599">IFERROR(INDEX(Jesper!AK$2:AK$366,ROUNDDOWN($C5599/24,0)+1,1)*INDEX($D$3:$AA$30,INDEX(Jesper!$R$2:$R$366,ROW(INDEX(Jesper!AK$2:AK$366,ROUNDDOWN($C5599/24,0)+1,1))-1)+IF('Standard Profiles'!$G$21=$B$10,7,0)+IF('Standard Profiles'!$G$21=$B$17,14,0)+IF('Standard Profiles'!$G$21=$B$24,21,0),MOD($C5599,24)+1)/SUM(INDEX($D$3:$AA$30,INDEX(Jesper!$R$2:$R$366,ROW(INDEX(Jesper!AK$2:AK$366,ROUNDDOWN($C5599/24,0)+1,1))-1)+IF('Standard Profiles'!$G$21=$B$10,7,0)+IF('Standard Profiles'!$G$21=$B$17,14,0)+IF('Standard Profiles'!$G$21=$B$24,21,0),0)),0)</f>
        <v>0</v>
      </c>
      <c r="H5599" cm="1">
        <f t="array" ref="H5599">IFERROR(INDEX(Jesper!AL$2:AL$366,ROUNDDOWN($C5599/24,0)+1,1)*INDEX($D$3:$AA$30,INDEX(Jesper!$R$2:$R$366,ROW(INDEX(Jesper!AL$2:AL$366,ROUNDDOWN($C5599/24,0)+1,1))-1)+IF('Standard Profiles'!$G$22=$B$10,7,0)+IF('Standard Profiles'!$G$22=$B$17,14,0)+IF('Standard Profiles'!$G$22=$B$24,21,0),MOD($C5599,24)+1)/SUM(INDEX($D$3:$AA$30,INDEX(Jesper!$R$2:$R$366,ROW(INDEX(Jesper!AL$2:AL$366,ROUNDDOWN($C5599/24,0)+1,1))-1)+IF('Standard Profiles'!$G$22=$B$10,7,0)+IF('Standard Profiles'!$G$22=$B$17,14,0)+IF('Standard Profiles'!$G$22=$B$24,21,0),0)),0)</f>
        <v>0</v>
      </c>
      <c r="I5599">
        <f t="shared" si="622"/>
        <v>0.23252504874576299</v>
      </c>
      <c r="J5599">
        <f t="shared" si="623"/>
        <v>0.7750834958192101</v>
      </c>
      <c r="K5599">
        <f t="shared" si="624"/>
        <v>1.1626252437288149</v>
      </c>
      <c r="L5599">
        <f t="shared" si="625"/>
        <v>5.580601169898312</v>
      </c>
      <c r="M5599">
        <f t="shared" si="626"/>
        <v>0</v>
      </c>
      <c r="N5599" s="46">
        <f t="shared" si="627"/>
        <v>45523.874999986503</v>
      </c>
    </row>
    <row r="5600" spans="2:14" x14ac:dyDescent="0.3">
      <c r="B5600">
        <f t="shared" si="621"/>
        <v>1</v>
      </c>
      <c r="C5600" s="16">
        <v>5566</v>
      </c>
      <c r="D5600" cm="1">
        <f t="array" ref="D5600">IFERROR(INDEX(Jesper!AH$2:AH$366,ROUNDDOWN($C5600/24,0)+1,1)*INDEX($D$3:$AA$30,INDEX(Jesper!$R$2:$R$366,ROW(INDEX(Jesper!AH$2:AH$366,ROUNDDOWN($C5600/24,0)+1,1))-1)+IF('Standard Profiles'!$G$18=$B$10,7,0)+IF('Standard Profiles'!$G$18=$B$17,14,0)+IF('Standard Profiles'!$G$18=$B$24,21,0),MOD($C5600,24)+1)/SUM(INDEX($D$3:$AA$30,INDEX(Jesper!$R$2:$R$366,ROW(INDEX(Jesper!AH$2:AH$366,ROUNDDOWN($C5600/24,0)+1,1))-1)+IF('Standard Profiles'!$G$18=$B$10,7,0)+IF('Standard Profiles'!$G$18=$B$17,14,0)+IF('Standard Profiles'!$G$18=$B$24,21,0),0)),0)</f>
        <v>7.3632932102824951</v>
      </c>
      <c r="E5600" cm="1">
        <f t="array" ref="E5600">IFERROR(INDEX(Jesper!AI$2:AI$366,ROUNDDOWN($C5600/24,0)+1,1)*INDEX($D$3:$AA$30,INDEX(Jesper!$R$2:$R$366,ROW(INDEX(Jesper!AI$2:AI$366,ROUNDDOWN($C5600/24,0)+1,1))-1)+IF('Standard Profiles'!$G$19=$B$10,7,0)+IF('Standard Profiles'!$G$19=$B$17,14,0)+IF('Standard Profiles'!$G$19=$B$24,21,0),MOD($C5600,24)+1)/SUM(INDEX($D$3:$AA$30,INDEX(Jesper!$R$2:$R$366,ROW(INDEX(Jesper!AI$2:AI$366,ROUNDDOWN($C5600/24,0)+1,1))-1)+IF('Standard Profiles'!$G$19=$B$10,7,0)+IF('Standard Profiles'!$G$19=$B$17,14,0)+IF('Standard Profiles'!$G$19=$B$24,21,0),0)),0)</f>
        <v>0</v>
      </c>
      <c r="F5600" cm="1">
        <f t="array" ref="F5600">IFERROR(INDEX(Jesper!AJ$2:AJ$366,ROUNDDOWN($C5600/24,0)+1,1)*INDEX($D$3:$AA$30,INDEX(Jesper!$R$2:$R$366,ROW(INDEX(Jesper!AJ$2:AJ$366,ROUNDDOWN($C5600/24,0)+1,1))-1)+IF('Standard Profiles'!$G$20=$B$10,7,0)+IF('Standard Profiles'!$G$20=$B$17,14,0)+IF('Standard Profiles'!$G$20=$B$24,21,0),MOD($C5600,24)+1)/SUM(INDEX($D$3:$AA$30,INDEX(Jesper!$R$2:$R$366,ROW(INDEX(Jesper!AJ$2:AJ$366,ROUNDDOWN($C5600/24,0)+1,1))-1)+IF('Standard Profiles'!$G$20=$B$10,7,0)+IF('Standard Profiles'!$G$20=$B$17,14,0)+IF('Standard Profiles'!$G$20=$B$24,21,0),0)),0)</f>
        <v>0</v>
      </c>
      <c r="G5600" cm="1">
        <f t="array" ref="G5600">IFERROR(INDEX(Jesper!AK$2:AK$366,ROUNDDOWN($C5600/24,0)+1,1)*INDEX($D$3:$AA$30,INDEX(Jesper!$R$2:$R$366,ROW(INDEX(Jesper!AK$2:AK$366,ROUNDDOWN($C5600/24,0)+1,1))-1)+IF('Standard Profiles'!$G$21=$B$10,7,0)+IF('Standard Profiles'!$G$21=$B$17,14,0)+IF('Standard Profiles'!$G$21=$B$24,21,0),MOD($C5600,24)+1)/SUM(INDEX($D$3:$AA$30,INDEX(Jesper!$R$2:$R$366,ROW(INDEX(Jesper!AK$2:AK$366,ROUNDDOWN($C5600/24,0)+1,1))-1)+IF('Standard Profiles'!$G$21=$B$10,7,0)+IF('Standard Profiles'!$G$21=$B$17,14,0)+IF('Standard Profiles'!$G$21=$B$24,21,0),0)),0)</f>
        <v>0</v>
      </c>
      <c r="H5600" cm="1">
        <f t="array" ref="H5600">IFERROR(INDEX(Jesper!AL$2:AL$366,ROUNDDOWN($C5600/24,0)+1,1)*INDEX($D$3:$AA$30,INDEX(Jesper!$R$2:$R$366,ROW(INDEX(Jesper!AL$2:AL$366,ROUNDDOWN($C5600/24,0)+1,1))-1)+IF('Standard Profiles'!$G$22=$B$10,7,0)+IF('Standard Profiles'!$G$22=$B$17,14,0)+IF('Standard Profiles'!$G$22=$B$24,21,0),MOD($C5600,24)+1)/SUM(INDEX($D$3:$AA$30,INDEX(Jesper!$R$2:$R$366,ROW(INDEX(Jesper!AL$2:AL$366,ROUNDDOWN($C5600/24,0)+1,1))-1)+IF('Standard Profiles'!$G$22=$B$10,7,0)+IF('Standard Profiles'!$G$22=$B$17,14,0)+IF('Standard Profiles'!$G$22=$B$24,21,0),0)),0)</f>
        <v>0</v>
      </c>
      <c r="I5600">
        <f t="shared" si="622"/>
        <v>0.22089879630847484</v>
      </c>
      <c r="J5600">
        <f t="shared" si="623"/>
        <v>0.73632932102824955</v>
      </c>
      <c r="K5600">
        <f t="shared" si="624"/>
        <v>1.1044939815423742</v>
      </c>
      <c r="L5600">
        <f t="shared" si="625"/>
        <v>5.3015711114033959</v>
      </c>
      <c r="M5600">
        <f t="shared" si="626"/>
        <v>0</v>
      </c>
      <c r="N5600" s="46">
        <f t="shared" si="627"/>
        <v>45523.916666653167</v>
      </c>
    </row>
    <row r="5601" spans="2:14" x14ac:dyDescent="0.3">
      <c r="B5601">
        <f t="shared" si="621"/>
        <v>1</v>
      </c>
      <c r="C5601" s="16">
        <v>5567</v>
      </c>
      <c r="D5601" cm="1">
        <f t="array" ref="D5601">IFERROR(INDEX(Jesper!AH$2:AH$366,ROUNDDOWN($C5601/24,0)+1,1)*INDEX($D$3:$AA$30,INDEX(Jesper!$R$2:$R$366,ROW(INDEX(Jesper!AH$2:AH$366,ROUNDDOWN($C5601/24,0)+1,1))-1)+IF('Standard Profiles'!$G$18=$B$10,7,0)+IF('Standard Profiles'!$G$18=$B$17,14,0)+IF('Standard Profiles'!$G$18=$B$24,21,0),MOD($C5601,24)+1)/SUM(INDEX($D$3:$AA$30,INDEX(Jesper!$R$2:$R$366,ROW(INDEX(Jesper!AH$2:AH$366,ROUNDDOWN($C5601/24,0)+1,1))-1)+IF('Standard Profiles'!$G$18=$B$10,7,0)+IF('Standard Profiles'!$G$18=$B$17,14,0)+IF('Standard Profiles'!$G$18=$B$24,21,0),0)),0)</f>
        <v>7.3632932102824951</v>
      </c>
      <c r="E5601" cm="1">
        <f t="array" ref="E5601">IFERROR(INDEX(Jesper!AI$2:AI$366,ROUNDDOWN($C5601/24,0)+1,1)*INDEX($D$3:$AA$30,INDEX(Jesper!$R$2:$R$366,ROW(INDEX(Jesper!AI$2:AI$366,ROUNDDOWN($C5601/24,0)+1,1))-1)+IF('Standard Profiles'!$G$19=$B$10,7,0)+IF('Standard Profiles'!$G$19=$B$17,14,0)+IF('Standard Profiles'!$G$19=$B$24,21,0),MOD($C5601,24)+1)/SUM(INDEX($D$3:$AA$30,INDEX(Jesper!$R$2:$R$366,ROW(INDEX(Jesper!AI$2:AI$366,ROUNDDOWN($C5601/24,0)+1,1))-1)+IF('Standard Profiles'!$G$19=$B$10,7,0)+IF('Standard Profiles'!$G$19=$B$17,14,0)+IF('Standard Profiles'!$G$19=$B$24,21,0),0)),0)</f>
        <v>0</v>
      </c>
      <c r="F5601" cm="1">
        <f t="array" ref="F5601">IFERROR(INDEX(Jesper!AJ$2:AJ$366,ROUNDDOWN($C5601/24,0)+1,1)*INDEX($D$3:$AA$30,INDEX(Jesper!$R$2:$R$366,ROW(INDEX(Jesper!AJ$2:AJ$366,ROUNDDOWN($C5601/24,0)+1,1))-1)+IF('Standard Profiles'!$G$20=$B$10,7,0)+IF('Standard Profiles'!$G$20=$B$17,14,0)+IF('Standard Profiles'!$G$20=$B$24,21,0),MOD($C5601,24)+1)/SUM(INDEX($D$3:$AA$30,INDEX(Jesper!$R$2:$R$366,ROW(INDEX(Jesper!AJ$2:AJ$366,ROUNDDOWN($C5601/24,0)+1,1))-1)+IF('Standard Profiles'!$G$20=$B$10,7,0)+IF('Standard Profiles'!$G$20=$B$17,14,0)+IF('Standard Profiles'!$G$20=$B$24,21,0),0)),0)</f>
        <v>0</v>
      </c>
      <c r="G5601" cm="1">
        <f t="array" ref="G5601">IFERROR(INDEX(Jesper!AK$2:AK$366,ROUNDDOWN($C5601/24,0)+1,1)*INDEX($D$3:$AA$30,INDEX(Jesper!$R$2:$R$366,ROW(INDEX(Jesper!AK$2:AK$366,ROUNDDOWN($C5601/24,0)+1,1))-1)+IF('Standard Profiles'!$G$21=$B$10,7,0)+IF('Standard Profiles'!$G$21=$B$17,14,0)+IF('Standard Profiles'!$G$21=$B$24,21,0),MOD($C5601,24)+1)/SUM(INDEX($D$3:$AA$30,INDEX(Jesper!$R$2:$R$366,ROW(INDEX(Jesper!AK$2:AK$366,ROUNDDOWN($C5601/24,0)+1,1))-1)+IF('Standard Profiles'!$G$21=$B$10,7,0)+IF('Standard Profiles'!$G$21=$B$17,14,0)+IF('Standard Profiles'!$G$21=$B$24,21,0),0)),0)</f>
        <v>0</v>
      </c>
      <c r="H5601" cm="1">
        <f t="array" ref="H5601">IFERROR(INDEX(Jesper!AL$2:AL$366,ROUNDDOWN($C5601/24,0)+1,1)*INDEX($D$3:$AA$30,INDEX(Jesper!$R$2:$R$366,ROW(INDEX(Jesper!AL$2:AL$366,ROUNDDOWN($C5601/24,0)+1,1))-1)+IF('Standard Profiles'!$G$22=$B$10,7,0)+IF('Standard Profiles'!$G$22=$B$17,14,0)+IF('Standard Profiles'!$G$22=$B$24,21,0),MOD($C5601,24)+1)/SUM(INDEX($D$3:$AA$30,INDEX(Jesper!$R$2:$R$366,ROW(INDEX(Jesper!AL$2:AL$366,ROUNDDOWN($C5601/24,0)+1,1))-1)+IF('Standard Profiles'!$G$22=$B$10,7,0)+IF('Standard Profiles'!$G$22=$B$17,14,0)+IF('Standard Profiles'!$G$22=$B$24,21,0),0)),0)</f>
        <v>0</v>
      </c>
      <c r="I5601">
        <f t="shared" si="622"/>
        <v>0.22089879630847484</v>
      </c>
      <c r="J5601">
        <f t="shared" si="623"/>
        <v>0.73632932102824955</v>
      </c>
      <c r="K5601">
        <f t="shared" si="624"/>
        <v>1.1044939815423742</v>
      </c>
      <c r="L5601">
        <f t="shared" si="625"/>
        <v>5.3015711114033959</v>
      </c>
      <c r="M5601">
        <f t="shared" si="626"/>
        <v>0</v>
      </c>
      <c r="N5601" s="46">
        <f t="shared" si="627"/>
        <v>45523.958333319832</v>
      </c>
    </row>
    <row r="5602" spans="2:14" x14ac:dyDescent="0.3">
      <c r="B5602">
        <f t="shared" si="621"/>
        <v>2</v>
      </c>
      <c r="C5602" s="16">
        <v>5568</v>
      </c>
      <c r="D5602" cm="1">
        <f t="array" ref="D5602">IFERROR(INDEX(Jesper!AH$2:AH$366,ROUNDDOWN($C5602/24,0)+1,1)*INDEX($D$3:$AA$30,INDEX(Jesper!$R$2:$R$366,ROW(INDEX(Jesper!AH$2:AH$366,ROUNDDOWN($C5602/24,0)+1,1))-1)+IF('Standard Profiles'!$G$18=$B$10,7,0)+IF('Standard Profiles'!$G$18=$B$17,14,0)+IF('Standard Profiles'!$G$18=$B$24,21,0),MOD($C5602,24)+1)/SUM(INDEX($D$3:$AA$30,INDEX(Jesper!$R$2:$R$366,ROW(INDEX(Jesper!AH$2:AH$366,ROUNDDOWN($C5602/24,0)+1,1))-1)+IF('Standard Profiles'!$G$18=$B$10,7,0)+IF('Standard Profiles'!$G$18=$B$17,14,0)+IF('Standard Profiles'!$G$18=$B$24,21,0),0)),0)</f>
        <v>6.898867585651403</v>
      </c>
      <c r="E5602" cm="1">
        <f t="array" ref="E5602">IFERROR(INDEX(Jesper!AI$2:AI$366,ROUNDDOWN($C5602/24,0)+1,1)*INDEX($D$3:$AA$30,INDEX(Jesper!$R$2:$R$366,ROW(INDEX(Jesper!AI$2:AI$366,ROUNDDOWN($C5602/24,0)+1,1))-1)+IF('Standard Profiles'!$G$19=$B$10,7,0)+IF('Standard Profiles'!$G$19=$B$17,14,0)+IF('Standard Profiles'!$G$19=$B$24,21,0),MOD($C5602,24)+1)/SUM(INDEX($D$3:$AA$30,INDEX(Jesper!$R$2:$R$366,ROW(INDEX(Jesper!AI$2:AI$366,ROUNDDOWN($C5602/24,0)+1,1))-1)+IF('Standard Profiles'!$G$19=$B$10,7,0)+IF('Standard Profiles'!$G$19=$B$17,14,0)+IF('Standard Profiles'!$G$19=$B$24,21,0),0)),0)</f>
        <v>0</v>
      </c>
      <c r="F5602" cm="1">
        <f t="array" ref="F5602">IFERROR(INDEX(Jesper!AJ$2:AJ$366,ROUNDDOWN($C5602/24,0)+1,1)*INDEX($D$3:$AA$30,INDEX(Jesper!$R$2:$R$366,ROW(INDEX(Jesper!AJ$2:AJ$366,ROUNDDOWN($C5602/24,0)+1,1))-1)+IF('Standard Profiles'!$G$20=$B$10,7,0)+IF('Standard Profiles'!$G$20=$B$17,14,0)+IF('Standard Profiles'!$G$20=$B$24,21,0),MOD($C5602,24)+1)/SUM(INDEX($D$3:$AA$30,INDEX(Jesper!$R$2:$R$366,ROW(INDEX(Jesper!AJ$2:AJ$366,ROUNDDOWN($C5602/24,0)+1,1))-1)+IF('Standard Profiles'!$G$20=$B$10,7,0)+IF('Standard Profiles'!$G$20=$B$17,14,0)+IF('Standard Profiles'!$G$20=$B$24,21,0),0)),0)</f>
        <v>0</v>
      </c>
      <c r="G5602" cm="1">
        <f t="array" ref="G5602">IFERROR(INDEX(Jesper!AK$2:AK$366,ROUNDDOWN($C5602/24,0)+1,1)*INDEX($D$3:$AA$30,INDEX(Jesper!$R$2:$R$366,ROW(INDEX(Jesper!AK$2:AK$366,ROUNDDOWN($C5602/24,0)+1,1))-1)+IF('Standard Profiles'!$G$21=$B$10,7,0)+IF('Standard Profiles'!$G$21=$B$17,14,0)+IF('Standard Profiles'!$G$21=$B$24,21,0),MOD($C5602,24)+1)/SUM(INDEX($D$3:$AA$30,INDEX(Jesper!$R$2:$R$366,ROW(INDEX(Jesper!AK$2:AK$366,ROUNDDOWN($C5602/24,0)+1,1))-1)+IF('Standard Profiles'!$G$21=$B$10,7,0)+IF('Standard Profiles'!$G$21=$B$17,14,0)+IF('Standard Profiles'!$G$21=$B$24,21,0),0)),0)</f>
        <v>0</v>
      </c>
      <c r="H5602" cm="1">
        <f t="array" ref="H5602">IFERROR(INDEX(Jesper!AL$2:AL$366,ROUNDDOWN($C5602/24,0)+1,1)*INDEX($D$3:$AA$30,INDEX(Jesper!$R$2:$R$366,ROW(INDEX(Jesper!AL$2:AL$366,ROUNDDOWN($C5602/24,0)+1,1))-1)+IF('Standard Profiles'!$G$22=$B$10,7,0)+IF('Standard Profiles'!$G$22=$B$17,14,0)+IF('Standard Profiles'!$G$22=$B$24,21,0),MOD($C5602,24)+1)/SUM(INDEX($D$3:$AA$30,INDEX(Jesper!$R$2:$R$366,ROW(INDEX(Jesper!AL$2:AL$366,ROUNDDOWN($C5602/24,0)+1,1))-1)+IF('Standard Profiles'!$G$22=$B$10,7,0)+IF('Standard Profiles'!$G$22=$B$17,14,0)+IF('Standard Profiles'!$G$22=$B$24,21,0),0)),0)</f>
        <v>0</v>
      </c>
      <c r="I5602">
        <f t="shared" si="622"/>
        <v>0.20696602756954208</v>
      </c>
      <c r="J5602">
        <f t="shared" si="623"/>
        <v>0.68988675856514037</v>
      </c>
      <c r="K5602">
        <f t="shared" si="624"/>
        <v>1.0348301378477105</v>
      </c>
      <c r="L5602">
        <f t="shared" si="625"/>
        <v>4.9671846616690098</v>
      </c>
      <c r="M5602">
        <f t="shared" si="626"/>
        <v>0</v>
      </c>
      <c r="N5602" s="46">
        <f t="shared" si="627"/>
        <v>45523.999999986496</v>
      </c>
    </row>
    <row r="5603" spans="2:14" x14ac:dyDescent="0.3">
      <c r="B5603">
        <f t="shared" ref="B5603:B5666" si="628">WEEKDAY(N5603,2)</f>
        <v>2</v>
      </c>
      <c r="C5603" s="16">
        <v>5569</v>
      </c>
      <c r="D5603" cm="1">
        <f t="array" ref="D5603">IFERROR(INDEX(Jesper!AH$2:AH$366,ROUNDDOWN($C5603/24,0)+1,1)*INDEX($D$3:$AA$30,INDEX(Jesper!$R$2:$R$366,ROW(INDEX(Jesper!AH$2:AH$366,ROUNDDOWN($C5603/24,0)+1,1))-1)+IF('Standard Profiles'!$G$18=$B$10,7,0)+IF('Standard Profiles'!$G$18=$B$17,14,0)+IF('Standard Profiles'!$G$18=$B$24,21,0),MOD($C5603,24)+1)/SUM(INDEX($D$3:$AA$30,INDEX(Jesper!$R$2:$R$366,ROW(INDEX(Jesper!AH$2:AH$366,ROUNDDOWN($C5603/24,0)+1,1))-1)+IF('Standard Profiles'!$G$18=$B$10,7,0)+IF('Standard Profiles'!$G$18=$B$17,14,0)+IF('Standard Profiles'!$G$18=$B$24,21,0),0)),0)</f>
        <v>6.898867585651403</v>
      </c>
      <c r="E5603" cm="1">
        <f t="array" ref="E5603">IFERROR(INDEX(Jesper!AI$2:AI$366,ROUNDDOWN($C5603/24,0)+1,1)*INDEX($D$3:$AA$30,INDEX(Jesper!$R$2:$R$366,ROW(INDEX(Jesper!AI$2:AI$366,ROUNDDOWN($C5603/24,0)+1,1))-1)+IF('Standard Profiles'!$G$19=$B$10,7,0)+IF('Standard Profiles'!$G$19=$B$17,14,0)+IF('Standard Profiles'!$G$19=$B$24,21,0),MOD($C5603,24)+1)/SUM(INDEX($D$3:$AA$30,INDEX(Jesper!$R$2:$R$366,ROW(INDEX(Jesper!AI$2:AI$366,ROUNDDOWN($C5603/24,0)+1,1))-1)+IF('Standard Profiles'!$G$19=$B$10,7,0)+IF('Standard Profiles'!$G$19=$B$17,14,0)+IF('Standard Profiles'!$G$19=$B$24,21,0),0)),0)</f>
        <v>0</v>
      </c>
      <c r="F5603" cm="1">
        <f t="array" ref="F5603">IFERROR(INDEX(Jesper!AJ$2:AJ$366,ROUNDDOWN($C5603/24,0)+1,1)*INDEX($D$3:$AA$30,INDEX(Jesper!$R$2:$R$366,ROW(INDEX(Jesper!AJ$2:AJ$366,ROUNDDOWN($C5603/24,0)+1,1))-1)+IF('Standard Profiles'!$G$20=$B$10,7,0)+IF('Standard Profiles'!$G$20=$B$17,14,0)+IF('Standard Profiles'!$G$20=$B$24,21,0),MOD($C5603,24)+1)/SUM(INDEX($D$3:$AA$30,INDEX(Jesper!$R$2:$R$366,ROW(INDEX(Jesper!AJ$2:AJ$366,ROUNDDOWN($C5603/24,0)+1,1))-1)+IF('Standard Profiles'!$G$20=$B$10,7,0)+IF('Standard Profiles'!$G$20=$B$17,14,0)+IF('Standard Profiles'!$G$20=$B$24,21,0),0)),0)</f>
        <v>0</v>
      </c>
      <c r="G5603" cm="1">
        <f t="array" ref="G5603">IFERROR(INDEX(Jesper!AK$2:AK$366,ROUNDDOWN($C5603/24,0)+1,1)*INDEX($D$3:$AA$30,INDEX(Jesper!$R$2:$R$366,ROW(INDEX(Jesper!AK$2:AK$366,ROUNDDOWN($C5603/24,0)+1,1))-1)+IF('Standard Profiles'!$G$21=$B$10,7,0)+IF('Standard Profiles'!$G$21=$B$17,14,0)+IF('Standard Profiles'!$G$21=$B$24,21,0),MOD($C5603,24)+1)/SUM(INDEX($D$3:$AA$30,INDEX(Jesper!$R$2:$R$366,ROW(INDEX(Jesper!AK$2:AK$366,ROUNDDOWN($C5603/24,0)+1,1))-1)+IF('Standard Profiles'!$G$21=$B$10,7,0)+IF('Standard Profiles'!$G$21=$B$17,14,0)+IF('Standard Profiles'!$G$21=$B$24,21,0),0)),0)</f>
        <v>0</v>
      </c>
      <c r="H5603" cm="1">
        <f t="array" ref="H5603">IFERROR(INDEX(Jesper!AL$2:AL$366,ROUNDDOWN($C5603/24,0)+1,1)*INDEX($D$3:$AA$30,INDEX(Jesper!$R$2:$R$366,ROW(INDEX(Jesper!AL$2:AL$366,ROUNDDOWN($C5603/24,0)+1,1))-1)+IF('Standard Profiles'!$G$22=$B$10,7,0)+IF('Standard Profiles'!$G$22=$B$17,14,0)+IF('Standard Profiles'!$G$22=$B$24,21,0),MOD($C5603,24)+1)/SUM(INDEX($D$3:$AA$30,INDEX(Jesper!$R$2:$R$366,ROW(INDEX(Jesper!AL$2:AL$366,ROUNDDOWN($C5603/24,0)+1,1))-1)+IF('Standard Profiles'!$G$22=$B$10,7,0)+IF('Standard Profiles'!$G$22=$B$17,14,0)+IF('Standard Profiles'!$G$22=$B$24,21,0),0)),0)</f>
        <v>0</v>
      </c>
      <c r="I5603">
        <f t="shared" ref="I5603:I5666" si="629">IF($B5603&lt;6,AC$37*$D5603+AC$38*$E5603+AC$39*$F5603+AC$40*$G5603,AC$46*$D5603+AC$47*$E5603+AC$48*$F5603+AC$49*$G5603+AC$50*$H5603)</f>
        <v>0.20696602756954208</v>
      </c>
      <c r="J5603">
        <f t="shared" ref="J5603:J5666" si="630">IF($B5603&lt;6,AD$37*$D5603+AD$38*$E5603+AD$39*$F5603+AD$40*$G5603,AD$46*$D5603+AD$47*$E5603+AD$48*$F5603+AD$49*$G5603+AD$50*$H5603)</f>
        <v>0.68988675856514037</v>
      </c>
      <c r="K5603">
        <f t="shared" ref="K5603:K5666" si="631">IF($B5603&lt;6,AE$37*$D5603+AE$38*$E5603+AE$39*$F5603+AE$40*$G5603,AE$46*$D5603+AE$47*$E5603+AE$48*$F5603+AE$49*$G5603+AE$50*$H5603)</f>
        <v>1.0348301378477105</v>
      </c>
      <c r="L5603">
        <f t="shared" ref="L5603:L5666" si="632">IF($B5603&lt;6,AF$37*$D5603+AF$38*$E5603+AF$39*$F5603+AF$40*$G5603,AF$46*$D5603+AF$47*$E5603+AF$48*$F5603+AF$49*$G5603+AF$50*$H5603)</f>
        <v>4.9671846616690098</v>
      </c>
      <c r="M5603">
        <f t="shared" ref="M5603:M5666" si="633">IF($B5603&lt;6,AG$37*$D5603+AG$38*$E5603+AG$39*$F5603+AG$40*$G5603,AG$46*$D5603+AG$47*$E5603+AG$48*$F5603+AG$49*$G5603+AG$50*$H5603)</f>
        <v>0</v>
      </c>
      <c r="N5603" s="46">
        <f t="shared" si="627"/>
        <v>45524.04166665316</v>
      </c>
    </row>
    <row r="5604" spans="2:14" x14ac:dyDescent="0.3">
      <c r="B5604">
        <f t="shared" si="628"/>
        <v>2</v>
      </c>
      <c r="C5604" s="16">
        <v>5570</v>
      </c>
      <c r="D5604" cm="1">
        <f t="array" ref="D5604">IFERROR(INDEX(Jesper!AH$2:AH$366,ROUNDDOWN($C5604/24,0)+1,1)*INDEX($D$3:$AA$30,INDEX(Jesper!$R$2:$R$366,ROW(INDEX(Jesper!AH$2:AH$366,ROUNDDOWN($C5604/24,0)+1,1))-1)+IF('Standard Profiles'!$G$18=$B$10,7,0)+IF('Standard Profiles'!$G$18=$B$17,14,0)+IF('Standard Profiles'!$G$18=$B$24,21,0),MOD($C5604,24)+1)/SUM(INDEX($D$3:$AA$30,INDEX(Jesper!$R$2:$R$366,ROW(INDEX(Jesper!AH$2:AH$366,ROUNDDOWN($C5604/24,0)+1,1))-1)+IF('Standard Profiles'!$G$18=$B$10,7,0)+IF('Standard Profiles'!$G$18=$B$17,14,0)+IF('Standard Profiles'!$G$18=$B$24,21,0),0)),0)</f>
        <v>6.898867585651403</v>
      </c>
      <c r="E5604" cm="1">
        <f t="array" ref="E5604">IFERROR(INDEX(Jesper!AI$2:AI$366,ROUNDDOWN($C5604/24,0)+1,1)*INDEX($D$3:$AA$30,INDEX(Jesper!$R$2:$R$366,ROW(INDEX(Jesper!AI$2:AI$366,ROUNDDOWN($C5604/24,0)+1,1))-1)+IF('Standard Profiles'!$G$19=$B$10,7,0)+IF('Standard Profiles'!$G$19=$B$17,14,0)+IF('Standard Profiles'!$G$19=$B$24,21,0),MOD($C5604,24)+1)/SUM(INDEX($D$3:$AA$30,INDEX(Jesper!$R$2:$R$366,ROW(INDEX(Jesper!AI$2:AI$366,ROUNDDOWN($C5604/24,0)+1,1))-1)+IF('Standard Profiles'!$G$19=$B$10,7,0)+IF('Standard Profiles'!$G$19=$B$17,14,0)+IF('Standard Profiles'!$G$19=$B$24,21,0),0)),0)</f>
        <v>0</v>
      </c>
      <c r="F5604" cm="1">
        <f t="array" ref="F5604">IFERROR(INDEX(Jesper!AJ$2:AJ$366,ROUNDDOWN($C5604/24,0)+1,1)*INDEX($D$3:$AA$30,INDEX(Jesper!$R$2:$R$366,ROW(INDEX(Jesper!AJ$2:AJ$366,ROUNDDOWN($C5604/24,0)+1,1))-1)+IF('Standard Profiles'!$G$20=$B$10,7,0)+IF('Standard Profiles'!$G$20=$B$17,14,0)+IF('Standard Profiles'!$G$20=$B$24,21,0),MOD($C5604,24)+1)/SUM(INDEX($D$3:$AA$30,INDEX(Jesper!$R$2:$R$366,ROW(INDEX(Jesper!AJ$2:AJ$366,ROUNDDOWN($C5604/24,0)+1,1))-1)+IF('Standard Profiles'!$G$20=$B$10,7,0)+IF('Standard Profiles'!$G$20=$B$17,14,0)+IF('Standard Profiles'!$G$20=$B$24,21,0),0)),0)</f>
        <v>0</v>
      </c>
      <c r="G5604" cm="1">
        <f t="array" ref="G5604">IFERROR(INDEX(Jesper!AK$2:AK$366,ROUNDDOWN($C5604/24,0)+1,1)*INDEX($D$3:$AA$30,INDEX(Jesper!$R$2:$R$366,ROW(INDEX(Jesper!AK$2:AK$366,ROUNDDOWN($C5604/24,0)+1,1))-1)+IF('Standard Profiles'!$G$21=$B$10,7,0)+IF('Standard Profiles'!$G$21=$B$17,14,0)+IF('Standard Profiles'!$G$21=$B$24,21,0),MOD($C5604,24)+1)/SUM(INDEX($D$3:$AA$30,INDEX(Jesper!$R$2:$R$366,ROW(INDEX(Jesper!AK$2:AK$366,ROUNDDOWN($C5604/24,0)+1,1))-1)+IF('Standard Profiles'!$G$21=$B$10,7,0)+IF('Standard Profiles'!$G$21=$B$17,14,0)+IF('Standard Profiles'!$G$21=$B$24,21,0),0)),0)</f>
        <v>0</v>
      </c>
      <c r="H5604" cm="1">
        <f t="array" ref="H5604">IFERROR(INDEX(Jesper!AL$2:AL$366,ROUNDDOWN($C5604/24,0)+1,1)*INDEX($D$3:$AA$30,INDEX(Jesper!$R$2:$R$366,ROW(INDEX(Jesper!AL$2:AL$366,ROUNDDOWN($C5604/24,0)+1,1))-1)+IF('Standard Profiles'!$G$22=$B$10,7,0)+IF('Standard Profiles'!$G$22=$B$17,14,0)+IF('Standard Profiles'!$G$22=$B$24,21,0),MOD($C5604,24)+1)/SUM(INDEX($D$3:$AA$30,INDEX(Jesper!$R$2:$R$366,ROW(INDEX(Jesper!AL$2:AL$366,ROUNDDOWN($C5604/24,0)+1,1))-1)+IF('Standard Profiles'!$G$22=$B$10,7,0)+IF('Standard Profiles'!$G$22=$B$17,14,0)+IF('Standard Profiles'!$G$22=$B$24,21,0),0)),0)</f>
        <v>0</v>
      </c>
      <c r="I5604">
        <f t="shared" si="629"/>
        <v>0.20696602756954208</v>
      </c>
      <c r="J5604">
        <f t="shared" si="630"/>
        <v>0.68988675856514037</v>
      </c>
      <c r="K5604">
        <f t="shared" si="631"/>
        <v>1.0348301378477105</v>
      </c>
      <c r="L5604">
        <f t="shared" si="632"/>
        <v>4.9671846616690098</v>
      </c>
      <c r="M5604">
        <f t="shared" si="633"/>
        <v>0</v>
      </c>
      <c r="N5604" s="46">
        <f t="shared" ref="N5604:N5667" si="634">N5603+1/24</f>
        <v>45524.083333319824</v>
      </c>
    </row>
    <row r="5605" spans="2:14" x14ac:dyDescent="0.3">
      <c r="B5605">
        <f t="shared" si="628"/>
        <v>2</v>
      </c>
      <c r="C5605" s="16">
        <v>5571</v>
      </c>
      <c r="D5605" cm="1">
        <f t="array" ref="D5605">IFERROR(INDEX(Jesper!AH$2:AH$366,ROUNDDOWN($C5605/24,0)+1,1)*INDEX($D$3:$AA$30,INDEX(Jesper!$R$2:$R$366,ROW(INDEX(Jesper!AH$2:AH$366,ROUNDDOWN($C5605/24,0)+1,1))-1)+IF('Standard Profiles'!$G$18=$B$10,7,0)+IF('Standard Profiles'!$G$18=$B$17,14,0)+IF('Standard Profiles'!$G$18=$B$24,21,0),MOD($C5605,24)+1)/SUM(INDEX($D$3:$AA$30,INDEX(Jesper!$R$2:$R$366,ROW(INDEX(Jesper!AH$2:AH$366,ROUNDDOWN($C5605/24,0)+1,1))-1)+IF('Standard Profiles'!$G$18=$B$10,7,0)+IF('Standard Profiles'!$G$18=$B$17,14,0)+IF('Standard Profiles'!$G$18=$B$24,21,0),0)),0)</f>
        <v>6.898867585651403</v>
      </c>
      <c r="E5605" cm="1">
        <f t="array" ref="E5605">IFERROR(INDEX(Jesper!AI$2:AI$366,ROUNDDOWN($C5605/24,0)+1,1)*INDEX($D$3:$AA$30,INDEX(Jesper!$R$2:$R$366,ROW(INDEX(Jesper!AI$2:AI$366,ROUNDDOWN($C5605/24,0)+1,1))-1)+IF('Standard Profiles'!$G$19=$B$10,7,0)+IF('Standard Profiles'!$G$19=$B$17,14,0)+IF('Standard Profiles'!$G$19=$B$24,21,0),MOD($C5605,24)+1)/SUM(INDEX($D$3:$AA$30,INDEX(Jesper!$R$2:$R$366,ROW(INDEX(Jesper!AI$2:AI$366,ROUNDDOWN($C5605/24,0)+1,1))-1)+IF('Standard Profiles'!$G$19=$B$10,7,0)+IF('Standard Profiles'!$G$19=$B$17,14,0)+IF('Standard Profiles'!$G$19=$B$24,21,0),0)),0)</f>
        <v>0</v>
      </c>
      <c r="F5605" cm="1">
        <f t="array" ref="F5605">IFERROR(INDEX(Jesper!AJ$2:AJ$366,ROUNDDOWN($C5605/24,0)+1,1)*INDEX($D$3:$AA$30,INDEX(Jesper!$R$2:$R$366,ROW(INDEX(Jesper!AJ$2:AJ$366,ROUNDDOWN($C5605/24,0)+1,1))-1)+IF('Standard Profiles'!$G$20=$B$10,7,0)+IF('Standard Profiles'!$G$20=$B$17,14,0)+IF('Standard Profiles'!$G$20=$B$24,21,0),MOD($C5605,24)+1)/SUM(INDEX($D$3:$AA$30,INDEX(Jesper!$R$2:$R$366,ROW(INDEX(Jesper!AJ$2:AJ$366,ROUNDDOWN($C5605/24,0)+1,1))-1)+IF('Standard Profiles'!$G$20=$B$10,7,0)+IF('Standard Profiles'!$G$20=$B$17,14,0)+IF('Standard Profiles'!$G$20=$B$24,21,0),0)),0)</f>
        <v>0</v>
      </c>
      <c r="G5605" cm="1">
        <f t="array" ref="G5605">IFERROR(INDEX(Jesper!AK$2:AK$366,ROUNDDOWN($C5605/24,0)+1,1)*INDEX($D$3:$AA$30,INDEX(Jesper!$R$2:$R$366,ROW(INDEX(Jesper!AK$2:AK$366,ROUNDDOWN($C5605/24,0)+1,1))-1)+IF('Standard Profiles'!$G$21=$B$10,7,0)+IF('Standard Profiles'!$G$21=$B$17,14,0)+IF('Standard Profiles'!$G$21=$B$24,21,0),MOD($C5605,24)+1)/SUM(INDEX($D$3:$AA$30,INDEX(Jesper!$R$2:$R$366,ROW(INDEX(Jesper!AK$2:AK$366,ROUNDDOWN($C5605/24,0)+1,1))-1)+IF('Standard Profiles'!$G$21=$B$10,7,0)+IF('Standard Profiles'!$G$21=$B$17,14,0)+IF('Standard Profiles'!$G$21=$B$24,21,0),0)),0)</f>
        <v>0</v>
      </c>
      <c r="H5605" cm="1">
        <f t="array" ref="H5605">IFERROR(INDEX(Jesper!AL$2:AL$366,ROUNDDOWN($C5605/24,0)+1,1)*INDEX($D$3:$AA$30,INDEX(Jesper!$R$2:$R$366,ROW(INDEX(Jesper!AL$2:AL$366,ROUNDDOWN($C5605/24,0)+1,1))-1)+IF('Standard Profiles'!$G$22=$B$10,7,0)+IF('Standard Profiles'!$G$22=$B$17,14,0)+IF('Standard Profiles'!$G$22=$B$24,21,0),MOD($C5605,24)+1)/SUM(INDEX($D$3:$AA$30,INDEX(Jesper!$R$2:$R$366,ROW(INDEX(Jesper!AL$2:AL$366,ROUNDDOWN($C5605/24,0)+1,1))-1)+IF('Standard Profiles'!$G$22=$B$10,7,0)+IF('Standard Profiles'!$G$22=$B$17,14,0)+IF('Standard Profiles'!$G$22=$B$24,21,0),0)),0)</f>
        <v>0</v>
      </c>
      <c r="I5605">
        <f t="shared" si="629"/>
        <v>0.20696602756954208</v>
      </c>
      <c r="J5605">
        <f t="shared" si="630"/>
        <v>0.68988675856514037</v>
      </c>
      <c r="K5605">
        <f t="shared" si="631"/>
        <v>1.0348301378477105</v>
      </c>
      <c r="L5605">
        <f t="shared" si="632"/>
        <v>4.9671846616690098</v>
      </c>
      <c r="M5605">
        <f t="shared" si="633"/>
        <v>0</v>
      </c>
      <c r="N5605" s="46">
        <f t="shared" si="634"/>
        <v>45524.124999986489</v>
      </c>
    </row>
    <row r="5606" spans="2:14" x14ac:dyDescent="0.3">
      <c r="B5606">
        <f t="shared" si="628"/>
        <v>2</v>
      </c>
      <c r="C5606" s="16">
        <v>5572</v>
      </c>
      <c r="D5606" cm="1">
        <f t="array" ref="D5606">IFERROR(INDEX(Jesper!AH$2:AH$366,ROUNDDOWN($C5606/24,0)+1,1)*INDEX($D$3:$AA$30,INDEX(Jesper!$R$2:$R$366,ROW(INDEX(Jesper!AH$2:AH$366,ROUNDDOWN($C5606/24,0)+1,1))-1)+IF('Standard Profiles'!$G$18=$B$10,7,0)+IF('Standard Profiles'!$G$18=$B$17,14,0)+IF('Standard Profiles'!$G$18=$B$24,21,0),MOD($C5606,24)+1)/SUM(INDEX($D$3:$AA$30,INDEX(Jesper!$R$2:$R$366,ROW(INDEX(Jesper!AH$2:AH$366,ROUNDDOWN($C5606/24,0)+1,1))-1)+IF('Standard Profiles'!$G$18=$B$10,7,0)+IF('Standard Profiles'!$G$18=$B$17,14,0)+IF('Standard Profiles'!$G$18=$B$24,21,0),0)),0)</f>
        <v>6.898867585651403</v>
      </c>
      <c r="E5606" cm="1">
        <f t="array" ref="E5606">IFERROR(INDEX(Jesper!AI$2:AI$366,ROUNDDOWN($C5606/24,0)+1,1)*INDEX($D$3:$AA$30,INDEX(Jesper!$R$2:$R$366,ROW(INDEX(Jesper!AI$2:AI$366,ROUNDDOWN($C5606/24,0)+1,1))-1)+IF('Standard Profiles'!$G$19=$B$10,7,0)+IF('Standard Profiles'!$G$19=$B$17,14,0)+IF('Standard Profiles'!$G$19=$B$24,21,0),MOD($C5606,24)+1)/SUM(INDEX($D$3:$AA$30,INDEX(Jesper!$R$2:$R$366,ROW(INDEX(Jesper!AI$2:AI$366,ROUNDDOWN($C5606/24,0)+1,1))-1)+IF('Standard Profiles'!$G$19=$B$10,7,0)+IF('Standard Profiles'!$G$19=$B$17,14,0)+IF('Standard Profiles'!$G$19=$B$24,21,0),0)),0)</f>
        <v>0</v>
      </c>
      <c r="F5606" cm="1">
        <f t="array" ref="F5606">IFERROR(INDEX(Jesper!AJ$2:AJ$366,ROUNDDOWN($C5606/24,0)+1,1)*INDEX($D$3:$AA$30,INDEX(Jesper!$R$2:$R$366,ROW(INDEX(Jesper!AJ$2:AJ$366,ROUNDDOWN($C5606/24,0)+1,1))-1)+IF('Standard Profiles'!$G$20=$B$10,7,0)+IF('Standard Profiles'!$G$20=$B$17,14,0)+IF('Standard Profiles'!$G$20=$B$24,21,0),MOD($C5606,24)+1)/SUM(INDEX($D$3:$AA$30,INDEX(Jesper!$R$2:$R$366,ROW(INDEX(Jesper!AJ$2:AJ$366,ROUNDDOWN($C5606/24,0)+1,1))-1)+IF('Standard Profiles'!$G$20=$B$10,7,0)+IF('Standard Profiles'!$G$20=$B$17,14,0)+IF('Standard Profiles'!$G$20=$B$24,21,0),0)),0)</f>
        <v>0</v>
      </c>
      <c r="G5606" cm="1">
        <f t="array" ref="G5606">IFERROR(INDEX(Jesper!AK$2:AK$366,ROUNDDOWN($C5606/24,0)+1,1)*INDEX($D$3:$AA$30,INDEX(Jesper!$R$2:$R$366,ROW(INDEX(Jesper!AK$2:AK$366,ROUNDDOWN($C5606/24,0)+1,1))-1)+IF('Standard Profiles'!$G$21=$B$10,7,0)+IF('Standard Profiles'!$G$21=$B$17,14,0)+IF('Standard Profiles'!$G$21=$B$24,21,0),MOD($C5606,24)+1)/SUM(INDEX($D$3:$AA$30,INDEX(Jesper!$R$2:$R$366,ROW(INDEX(Jesper!AK$2:AK$366,ROUNDDOWN($C5606/24,0)+1,1))-1)+IF('Standard Profiles'!$G$21=$B$10,7,0)+IF('Standard Profiles'!$G$21=$B$17,14,0)+IF('Standard Profiles'!$G$21=$B$24,21,0),0)),0)</f>
        <v>0</v>
      </c>
      <c r="H5606" cm="1">
        <f t="array" ref="H5606">IFERROR(INDEX(Jesper!AL$2:AL$366,ROUNDDOWN($C5606/24,0)+1,1)*INDEX($D$3:$AA$30,INDEX(Jesper!$R$2:$R$366,ROW(INDEX(Jesper!AL$2:AL$366,ROUNDDOWN($C5606/24,0)+1,1))-1)+IF('Standard Profiles'!$G$22=$B$10,7,0)+IF('Standard Profiles'!$G$22=$B$17,14,0)+IF('Standard Profiles'!$G$22=$B$24,21,0),MOD($C5606,24)+1)/SUM(INDEX($D$3:$AA$30,INDEX(Jesper!$R$2:$R$366,ROW(INDEX(Jesper!AL$2:AL$366,ROUNDDOWN($C5606/24,0)+1,1))-1)+IF('Standard Profiles'!$G$22=$B$10,7,0)+IF('Standard Profiles'!$G$22=$B$17,14,0)+IF('Standard Profiles'!$G$22=$B$24,21,0),0)),0)</f>
        <v>0</v>
      </c>
      <c r="I5606">
        <f t="shared" si="629"/>
        <v>0.20696602756954208</v>
      </c>
      <c r="J5606">
        <f t="shared" si="630"/>
        <v>0.68988675856514037</v>
      </c>
      <c r="K5606">
        <f t="shared" si="631"/>
        <v>1.0348301378477105</v>
      </c>
      <c r="L5606">
        <f t="shared" si="632"/>
        <v>4.9671846616690098</v>
      </c>
      <c r="M5606">
        <f t="shared" si="633"/>
        <v>0</v>
      </c>
      <c r="N5606" s="46">
        <f t="shared" si="634"/>
        <v>45524.166666653153</v>
      </c>
    </row>
    <row r="5607" spans="2:14" x14ac:dyDescent="0.3">
      <c r="B5607">
        <f t="shared" si="628"/>
        <v>2</v>
      </c>
      <c r="C5607" s="16">
        <v>5573</v>
      </c>
      <c r="D5607" cm="1">
        <f t="array" ref="D5607">IFERROR(INDEX(Jesper!AH$2:AH$366,ROUNDDOWN($C5607/24,0)+1,1)*INDEX($D$3:$AA$30,INDEX(Jesper!$R$2:$R$366,ROW(INDEX(Jesper!AH$2:AH$366,ROUNDDOWN($C5607/24,0)+1,1))-1)+IF('Standard Profiles'!$G$18=$B$10,7,0)+IF('Standard Profiles'!$G$18=$B$17,14,0)+IF('Standard Profiles'!$G$18=$B$24,21,0),MOD($C5607,24)+1)/SUM(INDEX($D$3:$AA$30,INDEX(Jesper!$R$2:$R$366,ROW(INDEX(Jesper!AH$2:AH$366,ROUNDDOWN($C5607/24,0)+1,1))-1)+IF('Standard Profiles'!$G$18=$B$10,7,0)+IF('Standard Profiles'!$G$18=$B$17,14,0)+IF('Standard Profiles'!$G$18=$B$24,21,0),0)),0)</f>
        <v>8.9685278613468231</v>
      </c>
      <c r="E5607" cm="1">
        <f t="array" ref="E5607">IFERROR(INDEX(Jesper!AI$2:AI$366,ROUNDDOWN($C5607/24,0)+1,1)*INDEX($D$3:$AA$30,INDEX(Jesper!$R$2:$R$366,ROW(INDEX(Jesper!AI$2:AI$366,ROUNDDOWN($C5607/24,0)+1,1))-1)+IF('Standard Profiles'!$G$19=$B$10,7,0)+IF('Standard Profiles'!$G$19=$B$17,14,0)+IF('Standard Profiles'!$G$19=$B$24,21,0),MOD($C5607,24)+1)/SUM(INDEX($D$3:$AA$30,INDEX(Jesper!$R$2:$R$366,ROW(INDEX(Jesper!AI$2:AI$366,ROUNDDOWN($C5607/24,0)+1,1))-1)+IF('Standard Profiles'!$G$19=$B$10,7,0)+IF('Standard Profiles'!$G$19=$B$17,14,0)+IF('Standard Profiles'!$G$19=$B$24,21,0),0)),0)</f>
        <v>0</v>
      </c>
      <c r="F5607" cm="1">
        <f t="array" ref="F5607">IFERROR(INDEX(Jesper!AJ$2:AJ$366,ROUNDDOWN($C5607/24,0)+1,1)*INDEX($D$3:$AA$30,INDEX(Jesper!$R$2:$R$366,ROW(INDEX(Jesper!AJ$2:AJ$366,ROUNDDOWN($C5607/24,0)+1,1))-1)+IF('Standard Profiles'!$G$20=$B$10,7,0)+IF('Standard Profiles'!$G$20=$B$17,14,0)+IF('Standard Profiles'!$G$20=$B$24,21,0),MOD($C5607,24)+1)/SUM(INDEX($D$3:$AA$30,INDEX(Jesper!$R$2:$R$366,ROW(INDEX(Jesper!AJ$2:AJ$366,ROUNDDOWN($C5607/24,0)+1,1))-1)+IF('Standard Profiles'!$G$20=$B$10,7,0)+IF('Standard Profiles'!$G$20=$B$17,14,0)+IF('Standard Profiles'!$G$20=$B$24,21,0),0)),0)</f>
        <v>0</v>
      </c>
      <c r="G5607" cm="1">
        <f t="array" ref="G5607">IFERROR(INDEX(Jesper!AK$2:AK$366,ROUNDDOWN($C5607/24,0)+1,1)*INDEX($D$3:$AA$30,INDEX(Jesper!$R$2:$R$366,ROW(INDEX(Jesper!AK$2:AK$366,ROUNDDOWN($C5607/24,0)+1,1))-1)+IF('Standard Profiles'!$G$21=$B$10,7,0)+IF('Standard Profiles'!$G$21=$B$17,14,0)+IF('Standard Profiles'!$G$21=$B$24,21,0),MOD($C5607,24)+1)/SUM(INDEX($D$3:$AA$30,INDEX(Jesper!$R$2:$R$366,ROW(INDEX(Jesper!AK$2:AK$366,ROUNDDOWN($C5607/24,0)+1,1))-1)+IF('Standard Profiles'!$G$21=$B$10,7,0)+IF('Standard Profiles'!$G$21=$B$17,14,0)+IF('Standard Profiles'!$G$21=$B$24,21,0),0)),0)</f>
        <v>0</v>
      </c>
      <c r="H5607" cm="1">
        <f t="array" ref="H5607">IFERROR(INDEX(Jesper!AL$2:AL$366,ROUNDDOWN($C5607/24,0)+1,1)*INDEX($D$3:$AA$30,INDEX(Jesper!$R$2:$R$366,ROW(INDEX(Jesper!AL$2:AL$366,ROUNDDOWN($C5607/24,0)+1,1))-1)+IF('Standard Profiles'!$G$22=$B$10,7,0)+IF('Standard Profiles'!$G$22=$B$17,14,0)+IF('Standard Profiles'!$G$22=$B$24,21,0),MOD($C5607,24)+1)/SUM(INDEX($D$3:$AA$30,INDEX(Jesper!$R$2:$R$366,ROW(INDEX(Jesper!AL$2:AL$366,ROUNDDOWN($C5607/24,0)+1,1))-1)+IF('Standard Profiles'!$G$22=$B$10,7,0)+IF('Standard Profiles'!$G$22=$B$17,14,0)+IF('Standard Profiles'!$G$22=$B$24,21,0),0)),0)</f>
        <v>0</v>
      </c>
      <c r="I5607">
        <f t="shared" si="629"/>
        <v>0.26905583584040471</v>
      </c>
      <c r="J5607">
        <f t="shared" si="630"/>
        <v>0.89685278613468233</v>
      </c>
      <c r="K5607">
        <f t="shared" si="631"/>
        <v>1.3452791792020233</v>
      </c>
      <c r="L5607">
        <f t="shared" si="632"/>
        <v>6.4573400601697122</v>
      </c>
      <c r="M5607">
        <f t="shared" si="633"/>
        <v>0</v>
      </c>
      <c r="N5607" s="46">
        <f t="shared" si="634"/>
        <v>45524.208333319817</v>
      </c>
    </row>
    <row r="5608" spans="2:14" x14ac:dyDescent="0.3">
      <c r="B5608">
        <f t="shared" si="628"/>
        <v>2</v>
      </c>
      <c r="C5608" s="16">
        <v>5574</v>
      </c>
      <c r="D5608" cm="1">
        <f t="array" ref="D5608">IFERROR(INDEX(Jesper!AH$2:AH$366,ROUNDDOWN($C5608/24,0)+1,1)*INDEX($D$3:$AA$30,INDEX(Jesper!$R$2:$R$366,ROW(INDEX(Jesper!AH$2:AH$366,ROUNDDOWN($C5608/24,0)+1,1))-1)+IF('Standard Profiles'!$G$18=$B$10,7,0)+IF('Standard Profiles'!$G$18=$B$17,14,0)+IF('Standard Profiles'!$G$18=$B$24,21,0),MOD($C5608,24)+1)/SUM(INDEX($D$3:$AA$30,INDEX(Jesper!$R$2:$R$366,ROW(INDEX(Jesper!AH$2:AH$366,ROUNDDOWN($C5608/24,0)+1,1))-1)+IF('Standard Profiles'!$G$18=$B$10,7,0)+IF('Standard Profiles'!$G$18=$B$17,14,0)+IF('Standard Profiles'!$G$18=$B$24,21,0),0)),0)</f>
        <v>10.003357999194533</v>
      </c>
      <c r="E5608" cm="1">
        <f t="array" ref="E5608">IFERROR(INDEX(Jesper!AI$2:AI$366,ROUNDDOWN($C5608/24,0)+1,1)*INDEX($D$3:$AA$30,INDEX(Jesper!$R$2:$R$366,ROW(INDEX(Jesper!AI$2:AI$366,ROUNDDOWN($C5608/24,0)+1,1))-1)+IF('Standard Profiles'!$G$19=$B$10,7,0)+IF('Standard Profiles'!$G$19=$B$17,14,0)+IF('Standard Profiles'!$G$19=$B$24,21,0),MOD($C5608,24)+1)/SUM(INDEX($D$3:$AA$30,INDEX(Jesper!$R$2:$R$366,ROW(INDEX(Jesper!AI$2:AI$366,ROUNDDOWN($C5608/24,0)+1,1))-1)+IF('Standard Profiles'!$G$19=$B$10,7,0)+IF('Standard Profiles'!$G$19=$B$17,14,0)+IF('Standard Profiles'!$G$19=$B$24,21,0),0)),0)</f>
        <v>0</v>
      </c>
      <c r="F5608" cm="1">
        <f t="array" ref="F5608">IFERROR(INDEX(Jesper!AJ$2:AJ$366,ROUNDDOWN($C5608/24,0)+1,1)*INDEX($D$3:$AA$30,INDEX(Jesper!$R$2:$R$366,ROW(INDEX(Jesper!AJ$2:AJ$366,ROUNDDOWN($C5608/24,0)+1,1))-1)+IF('Standard Profiles'!$G$20=$B$10,7,0)+IF('Standard Profiles'!$G$20=$B$17,14,0)+IF('Standard Profiles'!$G$20=$B$24,21,0),MOD($C5608,24)+1)/SUM(INDEX($D$3:$AA$30,INDEX(Jesper!$R$2:$R$366,ROW(INDEX(Jesper!AJ$2:AJ$366,ROUNDDOWN($C5608/24,0)+1,1))-1)+IF('Standard Profiles'!$G$20=$B$10,7,0)+IF('Standard Profiles'!$G$20=$B$17,14,0)+IF('Standard Profiles'!$G$20=$B$24,21,0),0)),0)</f>
        <v>0</v>
      </c>
      <c r="G5608" cm="1">
        <f t="array" ref="G5608">IFERROR(INDEX(Jesper!AK$2:AK$366,ROUNDDOWN($C5608/24,0)+1,1)*INDEX($D$3:$AA$30,INDEX(Jesper!$R$2:$R$366,ROW(INDEX(Jesper!AK$2:AK$366,ROUNDDOWN($C5608/24,0)+1,1))-1)+IF('Standard Profiles'!$G$21=$B$10,7,0)+IF('Standard Profiles'!$G$21=$B$17,14,0)+IF('Standard Profiles'!$G$21=$B$24,21,0),MOD($C5608,24)+1)/SUM(INDEX($D$3:$AA$30,INDEX(Jesper!$R$2:$R$366,ROW(INDEX(Jesper!AK$2:AK$366,ROUNDDOWN($C5608/24,0)+1,1))-1)+IF('Standard Profiles'!$G$21=$B$10,7,0)+IF('Standard Profiles'!$G$21=$B$17,14,0)+IF('Standard Profiles'!$G$21=$B$24,21,0),0)),0)</f>
        <v>0</v>
      </c>
      <c r="H5608" cm="1">
        <f t="array" ref="H5608">IFERROR(INDEX(Jesper!AL$2:AL$366,ROUNDDOWN($C5608/24,0)+1,1)*INDEX($D$3:$AA$30,INDEX(Jesper!$R$2:$R$366,ROW(INDEX(Jesper!AL$2:AL$366,ROUNDDOWN($C5608/24,0)+1,1))-1)+IF('Standard Profiles'!$G$22=$B$10,7,0)+IF('Standard Profiles'!$G$22=$B$17,14,0)+IF('Standard Profiles'!$G$22=$B$24,21,0),MOD($C5608,24)+1)/SUM(INDEX($D$3:$AA$30,INDEX(Jesper!$R$2:$R$366,ROW(INDEX(Jesper!AL$2:AL$366,ROUNDDOWN($C5608/24,0)+1,1))-1)+IF('Standard Profiles'!$G$22=$B$10,7,0)+IF('Standard Profiles'!$G$22=$B$17,14,0)+IF('Standard Profiles'!$G$22=$B$24,21,0),0)),0)</f>
        <v>0</v>
      </c>
      <c r="I5608">
        <f t="shared" si="629"/>
        <v>0.30010073997583597</v>
      </c>
      <c r="J5608">
        <f t="shared" si="630"/>
        <v>1.0003357999194533</v>
      </c>
      <c r="K5608">
        <f t="shared" si="631"/>
        <v>1.5005036998791799</v>
      </c>
      <c r="L5608">
        <f t="shared" si="632"/>
        <v>7.2024177594200633</v>
      </c>
      <c r="M5608">
        <f t="shared" si="633"/>
        <v>0</v>
      </c>
      <c r="N5608" s="46">
        <f t="shared" si="634"/>
        <v>45524.249999986481</v>
      </c>
    </row>
    <row r="5609" spans="2:14" x14ac:dyDescent="0.3">
      <c r="B5609">
        <f t="shared" si="628"/>
        <v>2</v>
      </c>
      <c r="C5609" s="16">
        <v>5575</v>
      </c>
      <c r="D5609" cm="1">
        <f t="array" ref="D5609">IFERROR(INDEX(Jesper!AH$2:AH$366,ROUNDDOWN($C5609/24,0)+1,1)*INDEX($D$3:$AA$30,INDEX(Jesper!$R$2:$R$366,ROW(INDEX(Jesper!AH$2:AH$366,ROUNDDOWN($C5609/24,0)+1,1))-1)+IF('Standard Profiles'!$G$18=$B$10,7,0)+IF('Standard Profiles'!$G$18=$B$17,14,0)+IF('Standard Profiles'!$G$18=$B$24,21,0),MOD($C5609,24)+1)/SUM(INDEX($D$3:$AA$30,INDEX(Jesper!$R$2:$R$366,ROW(INDEX(Jesper!AH$2:AH$366,ROUNDDOWN($C5609/24,0)+1,1))-1)+IF('Standard Profiles'!$G$18=$B$10,7,0)+IF('Standard Profiles'!$G$18=$B$17,14,0)+IF('Standard Profiles'!$G$18=$B$24,21,0),0)),0)</f>
        <v>10.348301378477103</v>
      </c>
      <c r="E5609" cm="1">
        <f t="array" ref="E5609">IFERROR(INDEX(Jesper!AI$2:AI$366,ROUNDDOWN($C5609/24,0)+1,1)*INDEX($D$3:$AA$30,INDEX(Jesper!$R$2:$R$366,ROW(INDEX(Jesper!AI$2:AI$366,ROUNDDOWN($C5609/24,0)+1,1))-1)+IF('Standard Profiles'!$G$19=$B$10,7,0)+IF('Standard Profiles'!$G$19=$B$17,14,0)+IF('Standard Profiles'!$G$19=$B$24,21,0),MOD($C5609,24)+1)/SUM(INDEX($D$3:$AA$30,INDEX(Jesper!$R$2:$R$366,ROW(INDEX(Jesper!AI$2:AI$366,ROUNDDOWN($C5609/24,0)+1,1))-1)+IF('Standard Profiles'!$G$19=$B$10,7,0)+IF('Standard Profiles'!$G$19=$B$17,14,0)+IF('Standard Profiles'!$G$19=$B$24,21,0),0)),0)</f>
        <v>0</v>
      </c>
      <c r="F5609" cm="1">
        <f t="array" ref="F5609">IFERROR(INDEX(Jesper!AJ$2:AJ$366,ROUNDDOWN($C5609/24,0)+1,1)*INDEX($D$3:$AA$30,INDEX(Jesper!$R$2:$R$366,ROW(INDEX(Jesper!AJ$2:AJ$366,ROUNDDOWN($C5609/24,0)+1,1))-1)+IF('Standard Profiles'!$G$20=$B$10,7,0)+IF('Standard Profiles'!$G$20=$B$17,14,0)+IF('Standard Profiles'!$G$20=$B$24,21,0),MOD($C5609,24)+1)/SUM(INDEX($D$3:$AA$30,INDEX(Jesper!$R$2:$R$366,ROW(INDEX(Jesper!AJ$2:AJ$366,ROUNDDOWN($C5609/24,0)+1,1))-1)+IF('Standard Profiles'!$G$20=$B$10,7,0)+IF('Standard Profiles'!$G$20=$B$17,14,0)+IF('Standard Profiles'!$G$20=$B$24,21,0),0)),0)</f>
        <v>0</v>
      </c>
      <c r="G5609" cm="1">
        <f t="array" ref="G5609">IFERROR(INDEX(Jesper!AK$2:AK$366,ROUNDDOWN($C5609/24,0)+1,1)*INDEX($D$3:$AA$30,INDEX(Jesper!$R$2:$R$366,ROW(INDEX(Jesper!AK$2:AK$366,ROUNDDOWN($C5609/24,0)+1,1))-1)+IF('Standard Profiles'!$G$21=$B$10,7,0)+IF('Standard Profiles'!$G$21=$B$17,14,0)+IF('Standard Profiles'!$G$21=$B$24,21,0),MOD($C5609,24)+1)/SUM(INDEX($D$3:$AA$30,INDEX(Jesper!$R$2:$R$366,ROW(INDEX(Jesper!AK$2:AK$366,ROUNDDOWN($C5609/24,0)+1,1))-1)+IF('Standard Profiles'!$G$21=$B$10,7,0)+IF('Standard Profiles'!$G$21=$B$17,14,0)+IF('Standard Profiles'!$G$21=$B$24,21,0),0)),0)</f>
        <v>0</v>
      </c>
      <c r="H5609" cm="1">
        <f t="array" ref="H5609">IFERROR(INDEX(Jesper!AL$2:AL$366,ROUNDDOWN($C5609/24,0)+1,1)*INDEX($D$3:$AA$30,INDEX(Jesper!$R$2:$R$366,ROW(INDEX(Jesper!AL$2:AL$366,ROUNDDOWN($C5609/24,0)+1,1))-1)+IF('Standard Profiles'!$G$22=$B$10,7,0)+IF('Standard Profiles'!$G$22=$B$17,14,0)+IF('Standard Profiles'!$G$22=$B$24,21,0),MOD($C5609,24)+1)/SUM(INDEX($D$3:$AA$30,INDEX(Jesper!$R$2:$R$366,ROW(INDEX(Jesper!AL$2:AL$366,ROUNDDOWN($C5609/24,0)+1,1))-1)+IF('Standard Profiles'!$G$22=$B$10,7,0)+IF('Standard Profiles'!$G$22=$B$17,14,0)+IF('Standard Profiles'!$G$22=$B$24,21,0),0)),0)</f>
        <v>0</v>
      </c>
      <c r="I5609">
        <f t="shared" si="629"/>
        <v>0.31044904135431306</v>
      </c>
      <c r="J5609">
        <f t="shared" si="630"/>
        <v>1.0348301378477103</v>
      </c>
      <c r="K5609">
        <f t="shared" si="631"/>
        <v>1.5522452067715655</v>
      </c>
      <c r="L5609">
        <f t="shared" si="632"/>
        <v>7.4507769925035143</v>
      </c>
      <c r="M5609">
        <f t="shared" si="633"/>
        <v>0</v>
      </c>
      <c r="N5609" s="46">
        <f t="shared" si="634"/>
        <v>45524.291666653146</v>
      </c>
    </row>
    <row r="5610" spans="2:14" x14ac:dyDescent="0.3">
      <c r="B5610">
        <f t="shared" si="628"/>
        <v>2</v>
      </c>
      <c r="C5610" s="16">
        <v>5576</v>
      </c>
      <c r="D5610" cm="1">
        <f t="array" ref="D5610">IFERROR(INDEX(Jesper!AH$2:AH$366,ROUNDDOWN($C5610/24,0)+1,1)*INDEX($D$3:$AA$30,INDEX(Jesper!$R$2:$R$366,ROW(INDEX(Jesper!AH$2:AH$366,ROUNDDOWN($C5610/24,0)+1,1))-1)+IF('Standard Profiles'!$G$18=$B$10,7,0)+IF('Standard Profiles'!$G$18=$B$17,14,0)+IF('Standard Profiles'!$G$18=$B$24,21,0),MOD($C5610,24)+1)/SUM(INDEX($D$3:$AA$30,INDEX(Jesper!$R$2:$R$366,ROW(INDEX(Jesper!AH$2:AH$366,ROUNDDOWN($C5610/24,0)+1,1))-1)+IF('Standard Profiles'!$G$18=$B$10,7,0)+IF('Standard Profiles'!$G$18=$B$17,14,0)+IF('Standard Profiles'!$G$18=$B$24,21,0),0)),0)</f>
        <v>10.348301378477103</v>
      </c>
      <c r="E5610" cm="1">
        <f t="array" ref="E5610">IFERROR(INDEX(Jesper!AI$2:AI$366,ROUNDDOWN($C5610/24,0)+1,1)*INDEX($D$3:$AA$30,INDEX(Jesper!$R$2:$R$366,ROW(INDEX(Jesper!AI$2:AI$366,ROUNDDOWN($C5610/24,0)+1,1))-1)+IF('Standard Profiles'!$G$19=$B$10,7,0)+IF('Standard Profiles'!$G$19=$B$17,14,0)+IF('Standard Profiles'!$G$19=$B$24,21,0),MOD($C5610,24)+1)/SUM(INDEX($D$3:$AA$30,INDEX(Jesper!$R$2:$R$366,ROW(INDEX(Jesper!AI$2:AI$366,ROUNDDOWN($C5610/24,0)+1,1))-1)+IF('Standard Profiles'!$G$19=$B$10,7,0)+IF('Standard Profiles'!$G$19=$B$17,14,0)+IF('Standard Profiles'!$G$19=$B$24,21,0),0)),0)</f>
        <v>0</v>
      </c>
      <c r="F5610" cm="1">
        <f t="array" ref="F5610">IFERROR(INDEX(Jesper!AJ$2:AJ$366,ROUNDDOWN($C5610/24,0)+1,1)*INDEX($D$3:$AA$30,INDEX(Jesper!$R$2:$R$366,ROW(INDEX(Jesper!AJ$2:AJ$366,ROUNDDOWN($C5610/24,0)+1,1))-1)+IF('Standard Profiles'!$G$20=$B$10,7,0)+IF('Standard Profiles'!$G$20=$B$17,14,0)+IF('Standard Profiles'!$G$20=$B$24,21,0),MOD($C5610,24)+1)/SUM(INDEX($D$3:$AA$30,INDEX(Jesper!$R$2:$R$366,ROW(INDEX(Jesper!AJ$2:AJ$366,ROUNDDOWN($C5610/24,0)+1,1))-1)+IF('Standard Profiles'!$G$20=$B$10,7,0)+IF('Standard Profiles'!$G$20=$B$17,14,0)+IF('Standard Profiles'!$G$20=$B$24,21,0),0)),0)</f>
        <v>0</v>
      </c>
      <c r="G5610" cm="1">
        <f t="array" ref="G5610">IFERROR(INDEX(Jesper!AK$2:AK$366,ROUNDDOWN($C5610/24,0)+1,1)*INDEX($D$3:$AA$30,INDEX(Jesper!$R$2:$R$366,ROW(INDEX(Jesper!AK$2:AK$366,ROUNDDOWN($C5610/24,0)+1,1))-1)+IF('Standard Profiles'!$G$21=$B$10,7,0)+IF('Standard Profiles'!$G$21=$B$17,14,0)+IF('Standard Profiles'!$G$21=$B$24,21,0),MOD($C5610,24)+1)/SUM(INDEX($D$3:$AA$30,INDEX(Jesper!$R$2:$R$366,ROW(INDEX(Jesper!AK$2:AK$366,ROUNDDOWN($C5610/24,0)+1,1))-1)+IF('Standard Profiles'!$G$21=$B$10,7,0)+IF('Standard Profiles'!$G$21=$B$17,14,0)+IF('Standard Profiles'!$G$21=$B$24,21,0),0)),0)</f>
        <v>0</v>
      </c>
      <c r="H5610" cm="1">
        <f t="array" ref="H5610">IFERROR(INDEX(Jesper!AL$2:AL$366,ROUNDDOWN($C5610/24,0)+1,1)*INDEX($D$3:$AA$30,INDEX(Jesper!$R$2:$R$366,ROW(INDEX(Jesper!AL$2:AL$366,ROUNDDOWN($C5610/24,0)+1,1))-1)+IF('Standard Profiles'!$G$22=$B$10,7,0)+IF('Standard Profiles'!$G$22=$B$17,14,0)+IF('Standard Profiles'!$G$22=$B$24,21,0),MOD($C5610,24)+1)/SUM(INDEX($D$3:$AA$30,INDEX(Jesper!$R$2:$R$366,ROW(INDEX(Jesper!AL$2:AL$366,ROUNDDOWN($C5610/24,0)+1,1))-1)+IF('Standard Profiles'!$G$22=$B$10,7,0)+IF('Standard Profiles'!$G$22=$B$17,14,0)+IF('Standard Profiles'!$G$22=$B$24,21,0),0)),0)</f>
        <v>0</v>
      </c>
      <c r="I5610">
        <f t="shared" si="629"/>
        <v>0.31044904135431306</v>
      </c>
      <c r="J5610">
        <f t="shared" si="630"/>
        <v>1.0348301378477103</v>
      </c>
      <c r="K5610">
        <f t="shared" si="631"/>
        <v>1.5522452067715655</v>
      </c>
      <c r="L5610">
        <f t="shared" si="632"/>
        <v>7.4507769925035143</v>
      </c>
      <c r="M5610">
        <f t="shared" si="633"/>
        <v>0</v>
      </c>
      <c r="N5610" s="46">
        <f t="shared" si="634"/>
        <v>45524.33333331981</v>
      </c>
    </row>
    <row r="5611" spans="2:14" x14ac:dyDescent="0.3">
      <c r="B5611">
        <f t="shared" si="628"/>
        <v>2</v>
      </c>
      <c r="C5611" s="16">
        <v>5577</v>
      </c>
      <c r="D5611" cm="1">
        <f t="array" ref="D5611">IFERROR(INDEX(Jesper!AH$2:AH$366,ROUNDDOWN($C5611/24,0)+1,1)*INDEX($D$3:$AA$30,INDEX(Jesper!$R$2:$R$366,ROW(INDEX(Jesper!AH$2:AH$366,ROUNDDOWN($C5611/24,0)+1,1))-1)+IF('Standard Profiles'!$G$18=$B$10,7,0)+IF('Standard Profiles'!$G$18=$B$17,14,0)+IF('Standard Profiles'!$G$18=$B$24,21,0),MOD($C5611,24)+1)/SUM(INDEX($D$3:$AA$30,INDEX(Jesper!$R$2:$R$366,ROW(INDEX(Jesper!AH$2:AH$366,ROUNDDOWN($C5611/24,0)+1,1))-1)+IF('Standard Profiles'!$G$18=$B$10,7,0)+IF('Standard Profiles'!$G$18=$B$17,14,0)+IF('Standard Profiles'!$G$18=$B$24,21,0),0)),0)</f>
        <v>11.210659826683528</v>
      </c>
      <c r="E5611" cm="1">
        <f t="array" ref="E5611">IFERROR(INDEX(Jesper!AI$2:AI$366,ROUNDDOWN($C5611/24,0)+1,1)*INDEX($D$3:$AA$30,INDEX(Jesper!$R$2:$R$366,ROW(INDEX(Jesper!AI$2:AI$366,ROUNDDOWN($C5611/24,0)+1,1))-1)+IF('Standard Profiles'!$G$19=$B$10,7,0)+IF('Standard Profiles'!$G$19=$B$17,14,0)+IF('Standard Profiles'!$G$19=$B$24,21,0),MOD($C5611,24)+1)/SUM(INDEX($D$3:$AA$30,INDEX(Jesper!$R$2:$R$366,ROW(INDEX(Jesper!AI$2:AI$366,ROUNDDOWN($C5611/24,0)+1,1))-1)+IF('Standard Profiles'!$G$19=$B$10,7,0)+IF('Standard Profiles'!$G$19=$B$17,14,0)+IF('Standard Profiles'!$G$19=$B$24,21,0),0)),0)</f>
        <v>0</v>
      </c>
      <c r="F5611" cm="1">
        <f t="array" ref="F5611">IFERROR(INDEX(Jesper!AJ$2:AJ$366,ROUNDDOWN($C5611/24,0)+1,1)*INDEX($D$3:$AA$30,INDEX(Jesper!$R$2:$R$366,ROW(INDEX(Jesper!AJ$2:AJ$366,ROUNDDOWN($C5611/24,0)+1,1))-1)+IF('Standard Profiles'!$G$20=$B$10,7,0)+IF('Standard Profiles'!$G$20=$B$17,14,0)+IF('Standard Profiles'!$G$20=$B$24,21,0),MOD($C5611,24)+1)/SUM(INDEX($D$3:$AA$30,INDEX(Jesper!$R$2:$R$366,ROW(INDEX(Jesper!AJ$2:AJ$366,ROUNDDOWN($C5611/24,0)+1,1))-1)+IF('Standard Profiles'!$G$20=$B$10,7,0)+IF('Standard Profiles'!$G$20=$B$17,14,0)+IF('Standard Profiles'!$G$20=$B$24,21,0),0)),0)</f>
        <v>0</v>
      </c>
      <c r="G5611" cm="1">
        <f t="array" ref="G5611">IFERROR(INDEX(Jesper!AK$2:AK$366,ROUNDDOWN($C5611/24,0)+1,1)*INDEX($D$3:$AA$30,INDEX(Jesper!$R$2:$R$366,ROW(INDEX(Jesper!AK$2:AK$366,ROUNDDOWN($C5611/24,0)+1,1))-1)+IF('Standard Profiles'!$G$21=$B$10,7,0)+IF('Standard Profiles'!$G$21=$B$17,14,0)+IF('Standard Profiles'!$G$21=$B$24,21,0),MOD($C5611,24)+1)/SUM(INDEX($D$3:$AA$30,INDEX(Jesper!$R$2:$R$366,ROW(INDEX(Jesper!AK$2:AK$366,ROUNDDOWN($C5611/24,0)+1,1))-1)+IF('Standard Profiles'!$G$21=$B$10,7,0)+IF('Standard Profiles'!$G$21=$B$17,14,0)+IF('Standard Profiles'!$G$21=$B$24,21,0),0)),0)</f>
        <v>0</v>
      </c>
      <c r="H5611" cm="1">
        <f t="array" ref="H5611">IFERROR(INDEX(Jesper!AL$2:AL$366,ROUNDDOWN($C5611/24,0)+1,1)*INDEX($D$3:$AA$30,INDEX(Jesper!$R$2:$R$366,ROW(INDEX(Jesper!AL$2:AL$366,ROUNDDOWN($C5611/24,0)+1,1))-1)+IF('Standard Profiles'!$G$22=$B$10,7,0)+IF('Standard Profiles'!$G$22=$B$17,14,0)+IF('Standard Profiles'!$G$22=$B$24,21,0),MOD($C5611,24)+1)/SUM(INDEX($D$3:$AA$30,INDEX(Jesper!$R$2:$R$366,ROW(INDEX(Jesper!AL$2:AL$366,ROUNDDOWN($C5611/24,0)+1,1))-1)+IF('Standard Profiles'!$G$22=$B$10,7,0)+IF('Standard Profiles'!$G$22=$B$17,14,0)+IF('Standard Profiles'!$G$22=$B$24,21,0),0)),0)</f>
        <v>0</v>
      </c>
      <c r="I5611">
        <f t="shared" si="629"/>
        <v>0.33631979480050583</v>
      </c>
      <c r="J5611">
        <f t="shared" si="630"/>
        <v>1.1210659826683529</v>
      </c>
      <c r="K5611">
        <f t="shared" si="631"/>
        <v>1.6815989740025292</v>
      </c>
      <c r="L5611">
        <f t="shared" si="632"/>
        <v>8.0716750752121396</v>
      </c>
      <c r="M5611">
        <f t="shared" si="633"/>
        <v>0</v>
      </c>
      <c r="N5611" s="46">
        <f t="shared" si="634"/>
        <v>45524.374999986474</v>
      </c>
    </row>
    <row r="5612" spans="2:14" x14ac:dyDescent="0.3">
      <c r="B5612">
        <f t="shared" si="628"/>
        <v>2</v>
      </c>
      <c r="C5612" s="16">
        <v>5578</v>
      </c>
      <c r="D5612" cm="1">
        <f t="array" ref="D5612">IFERROR(INDEX(Jesper!AH$2:AH$366,ROUNDDOWN($C5612/24,0)+1,1)*INDEX($D$3:$AA$30,INDEX(Jesper!$R$2:$R$366,ROW(INDEX(Jesper!AH$2:AH$366,ROUNDDOWN($C5612/24,0)+1,1))-1)+IF('Standard Profiles'!$G$18=$B$10,7,0)+IF('Standard Profiles'!$G$18=$B$17,14,0)+IF('Standard Profiles'!$G$18=$B$24,21,0),MOD($C5612,24)+1)/SUM(INDEX($D$3:$AA$30,INDEX(Jesper!$R$2:$R$366,ROW(INDEX(Jesper!AH$2:AH$366,ROUNDDOWN($C5612/24,0)+1,1))-1)+IF('Standard Profiles'!$G$18=$B$10,7,0)+IF('Standard Profiles'!$G$18=$B$17,14,0)+IF('Standard Profiles'!$G$18=$B$24,21,0),0)),0)</f>
        <v>11.728074895607383</v>
      </c>
      <c r="E5612" cm="1">
        <f t="array" ref="E5612">IFERROR(INDEX(Jesper!AI$2:AI$366,ROUNDDOWN($C5612/24,0)+1,1)*INDEX($D$3:$AA$30,INDEX(Jesper!$R$2:$R$366,ROW(INDEX(Jesper!AI$2:AI$366,ROUNDDOWN($C5612/24,0)+1,1))-1)+IF('Standard Profiles'!$G$19=$B$10,7,0)+IF('Standard Profiles'!$G$19=$B$17,14,0)+IF('Standard Profiles'!$G$19=$B$24,21,0),MOD($C5612,24)+1)/SUM(INDEX($D$3:$AA$30,INDEX(Jesper!$R$2:$R$366,ROW(INDEX(Jesper!AI$2:AI$366,ROUNDDOWN($C5612/24,0)+1,1))-1)+IF('Standard Profiles'!$G$19=$B$10,7,0)+IF('Standard Profiles'!$G$19=$B$17,14,0)+IF('Standard Profiles'!$G$19=$B$24,21,0),0)),0)</f>
        <v>0</v>
      </c>
      <c r="F5612" cm="1">
        <f t="array" ref="F5612">IFERROR(INDEX(Jesper!AJ$2:AJ$366,ROUNDDOWN($C5612/24,0)+1,1)*INDEX($D$3:$AA$30,INDEX(Jesper!$R$2:$R$366,ROW(INDEX(Jesper!AJ$2:AJ$366,ROUNDDOWN($C5612/24,0)+1,1))-1)+IF('Standard Profiles'!$G$20=$B$10,7,0)+IF('Standard Profiles'!$G$20=$B$17,14,0)+IF('Standard Profiles'!$G$20=$B$24,21,0),MOD($C5612,24)+1)/SUM(INDEX($D$3:$AA$30,INDEX(Jesper!$R$2:$R$366,ROW(INDEX(Jesper!AJ$2:AJ$366,ROUNDDOWN($C5612/24,0)+1,1))-1)+IF('Standard Profiles'!$G$20=$B$10,7,0)+IF('Standard Profiles'!$G$20=$B$17,14,0)+IF('Standard Profiles'!$G$20=$B$24,21,0),0)),0)</f>
        <v>0</v>
      </c>
      <c r="G5612" cm="1">
        <f t="array" ref="G5612">IFERROR(INDEX(Jesper!AK$2:AK$366,ROUNDDOWN($C5612/24,0)+1,1)*INDEX($D$3:$AA$30,INDEX(Jesper!$R$2:$R$366,ROW(INDEX(Jesper!AK$2:AK$366,ROUNDDOWN($C5612/24,0)+1,1))-1)+IF('Standard Profiles'!$G$21=$B$10,7,0)+IF('Standard Profiles'!$G$21=$B$17,14,0)+IF('Standard Profiles'!$G$21=$B$24,21,0),MOD($C5612,24)+1)/SUM(INDEX($D$3:$AA$30,INDEX(Jesper!$R$2:$R$366,ROW(INDEX(Jesper!AK$2:AK$366,ROUNDDOWN($C5612/24,0)+1,1))-1)+IF('Standard Profiles'!$G$21=$B$10,7,0)+IF('Standard Profiles'!$G$21=$B$17,14,0)+IF('Standard Profiles'!$G$21=$B$24,21,0),0)),0)</f>
        <v>0</v>
      </c>
      <c r="H5612" cm="1">
        <f t="array" ref="H5612">IFERROR(INDEX(Jesper!AL$2:AL$366,ROUNDDOWN($C5612/24,0)+1,1)*INDEX($D$3:$AA$30,INDEX(Jesper!$R$2:$R$366,ROW(INDEX(Jesper!AL$2:AL$366,ROUNDDOWN($C5612/24,0)+1,1))-1)+IF('Standard Profiles'!$G$22=$B$10,7,0)+IF('Standard Profiles'!$G$22=$B$17,14,0)+IF('Standard Profiles'!$G$22=$B$24,21,0),MOD($C5612,24)+1)/SUM(INDEX($D$3:$AA$30,INDEX(Jesper!$R$2:$R$366,ROW(INDEX(Jesper!AL$2:AL$366,ROUNDDOWN($C5612/24,0)+1,1))-1)+IF('Standard Profiles'!$G$22=$B$10,7,0)+IF('Standard Profiles'!$G$22=$B$17,14,0)+IF('Standard Profiles'!$G$22=$B$24,21,0),0)),0)</f>
        <v>0</v>
      </c>
      <c r="I5612">
        <f t="shared" si="629"/>
        <v>0.35184224686822146</v>
      </c>
      <c r="J5612">
        <f t="shared" si="630"/>
        <v>1.1728074895607383</v>
      </c>
      <c r="K5612">
        <f t="shared" si="631"/>
        <v>1.7592112343411075</v>
      </c>
      <c r="L5612">
        <f t="shared" si="632"/>
        <v>8.4442139248373156</v>
      </c>
      <c r="M5612">
        <f t="shared" si="633"/>
        <v>0</v>
      </c>
      <c r="N5612" s="46">
        <f t="shared" si="634"/>
        <v>45524.416666653138</v>
      </c>
    </row>
    <row r="5613" spans="2:14" x14ac:dyDescent="0.3">
      <c r="B5613">
        <f t="shared" si="628"/>
        <v>2</v>
      </c>
      <c r="C5613" s="16">
        <v>5579</v>
      </c>
      <c r="D5613" cm="1">
        <f t="array" ref="D5613">IFERROR(INDEX(Jesper!AH$2:AH$366,ROUNDDOWN($C5613/24,0)+1,1)*INDEX($D$3:$AA$30,INDEX(Jesper!$R$2:$R$366,ROW(INDEX(Jesper!AH$2:AH$366,ROUNDDOWN($C5613/24,0)+1,1))-1)+IF('Standard Profiles'!$G$18=$B$10,7,0)+IF('Standard Profiles'!$G$18=$B$17,14,0)+IF('Standard Profiles'!$G$18=$B$24,21,0),MOD($C5613,24)+1)/SUM(INDEX($D$3:$AA$30,INDEX(Jesper!$R$2:$R$366,ROW(INDEX(Jesper!AH$2:AH$366,ROUNDDOWN($C5613/24,0)+1,1))-1)+IF('Standard Profiles'!$G$18=$B$10,7,0)+IF('Standard Profiles'!$G$18=$B$17,14,0)+IF('Standard Profiles'!$G$18=$B$24,21,0),0)),0)</f>
        <v>13.797735171302806</v>
      </c>
      <c r="E5613" cm="1">
        <f t="array" ref="E5613">IFERROR(INDEX(Jesper!AI$2:AI$366,ROUNDDOWN($C5613/24,0)+1,1)*INDEX($D$3:$AA$30,INDEX(Jesper!$R$2:$R$366,ROW(INDEX(Jesper!AI$2:AI$366,ROUNDDOWN($C5613/24,0)+1,1))-1)+IF('Standard Profiles'!$G$19=$B$10,7,0)+IF('Standard Profiles'!$G$19=$B$17,14,0)+IF('Standard Profiles'!$G$19=$B$24,21,0),MOD($C5613,24)+1)/SUM(INDEX($D$3:$AA$30,INDEX(Jesper!$R$2:$R$366,ROW(INDEX(Jesper!AI$2:AI$366,ROUNDDOWN($C5613/24,0)+1,1))-1)+IF('Standard Profiles'!$G$19=$B$10,7,0)+IF('Standard Profiles'!$G$19=$B$17,14,0)+IF('Standard Profiles'!$G$19=$B$24,21,0),0)),0)</f>
        <v>0</v>
      </c>
      <c r="F5613" cm="1">
        <f t="array" ref="F5613">IFERROR(INDEX(Jesper!AJ$2:AJ$366,ROUNDDOWN($C5613/24,0)+1,1)*INDEX($D$3:$AA$30,INDEX(Jesper!$R$2:$R$366,ROW(INDEX(Jesper!AJ$2:AJ$366,ROUNDDOWN($C5613/24,0)+1,1))-1)+IF('Standard Profiles'!$G$20=$B$10,7,0)+IF('Standard Profiles'!$G$20=$B$17,14,0)+IF('Standard Profiles'!$G$20=$B$24,21,0),MOD($C5613,24)+1)/SUM(INDEX($D$3:$AA$30,INDEX(Jesper!$R$2:$R$366,ROW(INDEX(Jesper!AJ$2:AJ$366,ROUNDDOWN($C5613/24,0)+1,1))-1)+IF('Standard Profiles'!$G$20=$B$10,7,0)+IF('Standard Profiles'!$G$20=$B$17,14,0)+IF('Standard Profiles'!$G$20=$B$24,21,0),0)),0)</f>
        <v>0</v>
      </c>
      <c r="G5613" cm="1">
        <f t="array" ref="G5613">IFERROR(INDEX(Jesper!AK$2:AK$366,ROUNDDOWN($C5613/24,0)+1,1)*INDEX($D$3:$AA$30,INDEX(Jesper!$R$2:$R$366,ROW(INDEX(Jesper!AK$2:AK$366,ROUNDDOWN($C5613/24,0)+1,1))-1)+IF('Standard Profiles'!$G$21=$B$10,7,0)+IF('Standard Profiles'!$G$21=$B$17,14,0)+IF('Standard Profiles'!$G$21=$B$24,21,0),MOD($C5613,24)+1)/SUM(INDEX($D$3:$AA$30,INDEX(Jesper!$R$2:$R$366,ROW(INDEX(Jesper!AK$2:AK$366,ROUNDDOWN($C5613/24,0)+1,1))-1)+IF('Standard Profiles'!$G$21=$B$10,7,0)+IF('Standard Profiles'!$G$21=$B$17,14,0)+IF('Standard Profiles'!$G$21=$B$24,21,0),0)),0)</f>
        <v>0</v>
      </c>
      <c r="H5613" cm="1">
        <f t="array" ref="H5613">IFERROR(INDEX(Jesper!AL$2:AL$366,ROUNDDOWN($C5613/24,0)+1,1)*INDEX($D$3:$AA$30,INDEX(Jesper!$R$2:$R$366,ROW(INDEX(Jesper!AL$2:AL$366,ROUNDDOWN($C5613/24,0)+1,1))-1)+IF('Standard Profiles'!$G$22=$B$10,7,0)+IF('Standard Profiles'!$G$22=$B$17,14,0)+IF('Standard Profiles'!$G$22=$B$24,21,0),MOD($C5613,24)+1)/SUM(INDEX($D$3:$AA$30,INDEX(Jesper!$R$2:$R$366,ROW(INDEX(Jesper!AL$2:AL$366,ROUNDDOWN($C5613/24,0)+1,1))-1)+IF('Standard Profiles'!$G$22=$B$10,7,0)+IF('Standard Profiles'!$G$22=$B$17,14,0)+IF('Standard Profiles'!$G$22=$B$24,21,0),0)),0)</f>
        <v>0</v>
      </c>
      <c r="I5613">
        <f t="shared" si="629"/>
        <v>0.41393205513908415</v>
      </c>
      <c r="J5613">
        <f t="shared" si="630"/>
        <v>1.3797735171302807</v>
      </c>
      <c r="K5613">
        <f t="shared" si="631"/>
        <v>2.069660275695421</v>
      </c>
      <c r="L5613">
        <f t="shared" si="632"/>
        <v>9.9343693233380197</v>
      </c>
      <c r="M5613">
        <f t="shared" si="633"/>
        <v>0</v>
      </c>
      <c r="N5613" s="46">
        <f t="shared" si="634"/>
        <v>45524.458333319802</v>
      </c>
    </row>
    <row r="5614" spans="2:14" x14ac:dyDescent="0.3">
      <c r="B5614">
        <f t="shared" si="628"/>
        <v>2</v>
      </c>
      <c r="C5614" s="16">
        <v>5580</v>
      </c>
      <c r="D5614" cm="1">
        <f t="array" ref="D5614">IFERROR(INDEX(Jesper!AH$2:AH$366,ROUNDDOWN($C5614/24,0)+1,1)*INDEX($D$3:$AA$30,INDEX(Jesper!$R$2:$R$366,ROW(INDEX(Jesper!AH$2:AH$366,ROUNDDOWN($C5614/24,0)+1,1))-1)+IF('Standard Profiles'!$G$18=$B$10,7,0)+IF('Standard Profiles'!$G$18=$B$17,14,0)+IF('Standard Profiles'!$G$18=$B$24,21,0),MOD($C5614,24)+1)/SUM(INDEX($D$3:$AA$30,INDEX(Jesper!$R$2:$R$366,ROW(INDEX(Jesper!AH$2:AH$366,ROUNDDOWN($C5614/24,0)+1,1))-1)+IF('Standard Profiles'!$G$18=$B$10,7,0)+IF('Standard Profiles'!$G$18=$B$17,14,0)+IF('Standard Profiles'!$G$18=$B$24,21,0),0)),0)</f>
        <v>13.797735171302806</v>
      </c>
      <c r="E5614" cm="1">
        <f t="array" ref="E5614">IFERROR(INDEX(Jesper!AI$2:AI$366,ROUNDDOWN($C5614/24,0)+1,1)*INDEX($D$3:$AA$30,INDEX(Jesper!$R$2:$R$366,ROW(INDEX(Jesper!AI$2:AI$366,ROUNDDOWN($C5614/24,0)+1,1))-1)+IF('Standard Profiles'!$G$19=$B$10,7,0)+IF('Standard Profiles'!$G$19=$B$17,14,0)+IF('Standard Profiles'!$G$19=$B$24,21,0),MOD($C5614,24)+1)/SUM(INDEX($D$3:$AA$30,INDEX(Jesper!$R$2:$R$366,ROW(INDEX(Jesper!AI$2:AI$366,ROUNDDOWN($C5614/24,0)+1,1))-1)+IF('Standard Profiles'!$G$19=$B$10,7,0)+IF('Standard Profiles'!$G$19=$B$17,14,0)+IF('Standard Profiles'!$G$19=$B$24,21,0),0)),0)</f>
        <v>0</v>
      </c>
      <c r="F5614" cm="1">
        <f t="array" ref="F5614">IFERROR(INDEX(Jesper!AJ$2:AJ$366,ROUNDDOWN($C5614/24,0)+1,1)*INDEX($D$3:$AA$30,INDEX(Jesper!$R$2:$R$366,ROW(INDEX(Jesper!AJ$2:AJ$366,ROUNDDOWN($C5614/24,0)+1,1))-1)+IF('Standard Profiles'!$G$20=$B$10,7,0)+IF('Standard Profiles'!$G$20=$B$17,14,0)+IF('Standard Profiles'!$G$20=$B$24,21,0),MOD($C5614,24)+1)/SUM(INDEX($D$3:$AA$30,INDEX(Jesper!$R$2:$R$366,ROW(INDEX(Jesper!AJ$2:AJ$366,ROUNDDOWN($C5614/24,0)+1,1))-1)+IF('Standard Profiles'!$G$20=$B$10,7,0)+IF('Standard Profiles'!$G$20=$B$17,14,0)+IF('Standard Profiles'!$G$20=$B$24,21,0),0)),0)</f>
        <v>0</v>
      </c>
      <c r="G5614" cm="1">
        <f t="array" ref="G5614">IFERROR(INDEX(Jesper!AK$2:AK$366,ROUNDDOWN($C5614/24,0)+1,1)*INDEX($D$3:$AA$30,INDEX(Jesper!$R$2:$R$366,ROW(INDEX(Jesper!AK$2:AK$366,ROUNDDOWN($C5614/24,0)+1,1))-1)+IF('Standard Profiles'!$G$21=$B$10,7,0)+IF('Standard Profiles'!$G$21=$B$17,14,0)+IF('Standard Profiles'!$G$21=$B$24,21,0),MOD($C5614,24)+1)/SUM(INDEX($D$3:$AA$30,INDEX(Jesper!$R$2:$R$366,ROW(INDEX(Jesper!AK$2:AK$366,ROUNDDOWN($C5614/24,0)+1,1))-1)+IF('Standard Profiles'!$G$21=$B$10,7,0)+IF('Standard Profiles'!$G$21=$B$17,14,0)+IF('Standard Profiles'!$G$21=$B$24,21,0),0)),0)</f>
        <v>0</v>
      </c>
      <c r="H5614" cm="1">
        <f t="array" ref="H5614">IFERROR(INDEX(Jesper!AL$2:AL$366,ROUNDDOWN($C5614/24,0)+1,1)*INDEX($D$3:$AA$30,INDEX(Jesper!$R$2:$R$366,ROW(INDEX(Jesper!AL$2:AL$366,ROUNDDOWN($C5614/24,0)+1,1))-1)+IF('Standard Profiles'!$G$22=$B$10,7,0)+IF('Standard Profiles'!$G$22=$B$17,14,0)+IF('Standard Profiles'!$G$22=$B$24,21,0),MOD($C5614,24)+1)/SUM(INDEX($D$3:$AA$30,INDEX(Jesper!$R$2:$R$366,ROW(INDEX(Jesper!AL$2:AL$366,ROUNDDOWN($C5614/24,0)+1,1))-1)+IF('Standard Profiles'!$G$22=$B$10,7,0)+IF('Standard Profiles'!$G$22=$B$17,14,0)+IF('Standard Profiles'!$G$22=$B$24,21,0),0)),0)</f>
        <v>0</v>
      </c>
      <c r="I5614">
        <f t="shared" si="629"/>
        <v>0.41393205513908415</v>
      </c>
      <c r="J5614">
        <f t="shared" si="630"/>
        <v>1.3797735171302807</v>
      </c>
      <c r="K5614">
        <f t="shared" si="631"/>
        <v>2.069660275695421</v>
      </c>
      <c r="L5614">
        <f t="shared" si="632"/>
        <v>9.9343693233380197</v>
      </c>
      <c r="M5614">
        <f t="shared" si="633"/>
        <v>0</v>
      </c>
      <c r="N5614" s="46">
        <f t="shared" si="634"/>
        <v>45524.499999986467</v>
      </c>
    </row>
    <row r="5615" spans="2:14" x14ac:dyDescent="0.3">
      <c r="B5615">
        <f t="shared" si="628"/>
        <v>2</v>
      </c>
      <c r="C5615" s="16">
        <v>5581</v>
      </c>
      <c r="D5615" cm="1">
        <f t="array" ref="D5615">IFERROR(INDEX(Jesper!AH$2:AH$366,ROUNDDOWN($C5615/24,0)+1,1)*INDEX($D$3:$AA$30,INDEX(Jesper!$R$2:$R$366,ROW(INDEX(Jesper!AH$2:AH$366,ROUNDDOWN($C5615/24,0)+1,1))-1)+IF('Standard Profiles'!$G$18=$B$10,7,0)+IF('Standard Profiles'!$G$18=$B$17,14,0)+IF('Standard Profiles'!$G$18=$B$24,21,0),MOD($C5615,24)+1)/SUM(INDEX($D$3:$AA$30,INDEX(Jesper!$R$2:$R$366,ROW(INDEX(Jesper!AH$2:AH$366,ROUNDDOWN($C5615/24,0)+1,1))-1)+IF('Standard Profiles'!$G$18=$B$10,7,0)+IF('Standard Profiles'!$G$18=$B$17,14,0)+IF('Standard Profiles'!$G$18=$B$24,21,0),0)),0)</f>
        <v>13.797735171302806</v>
      </c>
      <c r="E5615" cm="1">
        <f t="array" ref="E5615">IFERROR(INDEX(Jesper!AI$2:AI$366,ROUNDDOWN($C5615/24,0)+1,1)*INDEX($D$3:$AA$30,INDEX(Jesper!$R$2:$R$366,ROW(INDEX(Jesper!AI$2:AI$366,ROUNDDOWN($C5615/24,0)+1,1))-1)+IF('Standard Profiles'!$G$19=$B$10,7,0)+IF('Standard Profiles'!$G$19=$B$17,14,0)+IF('Standard Profiles'!$G$19=$B$24,21,0),MOD($C5615,24)+1)/SUM(INDEX($D$3:$AA$30,INDEX(Jesper!$R$2:$R$366,ROW(INDEX(Jesper!AI$2:AI$366,ROUNDDOWN($C5615/24,0)+1,1))-1)+IF('Standard Profiles'!$G$19=$B$10,7,0)+IF('Standard Profiles'!$G$19=$B$17,14,0)+IF('Standard Profiles'!$G$19=$B$24,21,0),0)),0)</f>
        <v>0</v>
      </c>
      <c r="F5615" cm="1">
        <f t="array" ref="F5615">IFERROR(INDEX(Jesper!AJ$2:AJ$366,ROUNDDOWN($C5615/24,0)+1,1)*INDEX($D$3:$AA$30,INDEX(Jesper!$R$2:$R$366,ROW(INDEX(Jesper!AJ$2:AJ$366,ROUNDDOWN($C5615/24,0)+1,1))-1)+IF('Standard Profiles'!$G$20=$B$10,7,0)+IF('Standard Profiles'!$G$20=$B$17,14,0)+IF('Standard Profiles'!$G$20=$B$24,21,0),MOD($C5615,24)+1)/SUM(INDEX($D$3:$AA$30,INDEX(Jesper!$R$2:$R$366,ROW(INDEX(Jesper!AJ$2:AJ$366,ROUNDDOWN($C5615/24,0)+1,1))-1)+IF('Standard Profiles'!$G$20=$B$10,7,0)+IF('Standard Profiles'!$G$20=$B$17,14,0)+IF('Standard Profiles'!$G$20=$B$24,21,0),0)),0)</f>
        <v>0</v>
      </c>
      <c r="G5615" cm="1">
        <f t="array" ref="G5615">IFERROR(INDEX(Jesper!AK$2:AK$366,ROUNDDOWN($C5615/24,0)+1,1)*INDEX($D$3:$AA$30,INDEX(Jesper!$R$2:$R$366,ROW(INDEX(Jesper!AK$2:AK$366,ROUNDDOWN($C5615/24,0)+1,1))-1)+IF('Standard Profiles'!$G$21=$B$10,7,0)+IF('Standard Profiles'!$G$21=$B$17,14,0)+IF('Standard Profiles'!$G$21=$B$24,21,0),MOD($C5615,24)+1)/SUM(INDEX($D$3:$AA$30,INDEX(Jesper!$R$2:$R$366,ROW(INDEX(Jesper!AK$2:AK$366,ROUNDDOWN($C5615/24,0)+1,1))-1)+IF('Standard Profiles'!$G$21=$B$10,7,0)+IF('Standard Profiles'!$G$21=$B$17,14,0)+IF('Standard Profiles'!$G$21=$B$24,21,0),0)),0)</f>
        <v>0</v>
      </c>
      <c r="H5615" cm="1">
        <f t="array" ref="H5615">IFERROR(INDEX(Jesper!AL$2:AL$366,ROUNDDOWN($C5615/24,0)+1,1)*INDEX($D$3:$AA$30,INDEX(Jesper!$R$2:$R$366,ROW(INDEX(Jesper!AL$2:AL$366,ROUNDDOWN($C5615/24,0)+1,1))-1)+IF('Standard Profiles'!$G$22=$B$10,7,0)+IF('Standard Profiles'!$G$22=$B$17,14,0)+IF('Standard Profiles'!$G$22=$B$24,21,0),MOD($C5615,24)+1)/SUM(INDEX($D$3:$AA$30,INDEX(Jesper!$R$2:$R$366,ROW(INDEX(Jesper!AL$2:AL$366,ROUNDDOWN($C5615/24,0)+1,1))-1)+IF('Standard Profiles'!$G$22=$B$10,7,0)+IF('Standard Profiles'!$G$22=$B$17,14,0)+IF('Standard Profiles'!$G$22=$B$24,21,0),0)),0)</f>
        <v>0</v>
      </c>
      <c r="I5615">
        <f t="shared" si="629"/>
        <v>0.41393205513908415</v>
      </c>
      <c r="J5615">
        <f t="shared" si="630"/>
        <v>1.3797735171302807</v>
      </c>
      <c r="K5615">
        <f t="shared" si="631"/>
        <v>2.069660275695421</v>
      </c>
      <c r="L5615">
        <f t="shared" si="632"/>
        <v>9.9343693233380197</v>
      </c>
      <c r="M5615">
        <f t="shared" si="633"/>
        <v>0</v>
      </c>
      <c r="N5615" s="46">
        <f t="shared" si="634"/>
        <v>45524.541666653131</v>
      </c>
    </row>
    <row r="5616" spans="2:14" x14ac:dyDescent="0.3">
      <c r="B5616">
        <f t="shared" si="628"/>
        <v>2</v>
      </c>
      <c r="C5616" s="16">
        <v>5582</v>
      </c>
      <c r="D5616" cm="1">
        <f t="array" ref="D5616">IFERROR(INDEX(Jesper!AH$2:AH$366,ROUNDDOWN($C5616/24,0)+1,1)*INDEX($D$3:$AA$30,INDEX(Jesper!$R$2:$R$366,ROW(INDEX(Jesper!AH$2:AH$366,ROUNDDOWN($C5616/24,0)+1,1))-1)+IF('Standard Profiles'!$G$18=$B$10,7,0)+IF('Standard Profiles'!$G$18=$B$17,14,0)+IF('Standard Profiles'!$G$18=$B$24,21,0),MOD($C5616,24)+1)/SUM(INDEX($D$3:$AA$30,INDEX(Jesper!$R$2:$R$366,ROW(INDEX(Jesper!AH$2:AH$366,ROUNDDOWN($C5616/24,0)+1,1))-1)+IF('Standard Profiles'!$G$18=$B$10,7,0)+IF('Standard Profiles'!$G$18=$B$17,14,0)+IF('Standard Profiles'!$G$18=$B$24,21,0),0)),0)</f>
        <v>13.797735171302806</v>
      </c>
      <c r="E5616" cm="1">
        <f t="array" ref="E5616">IFERROR(INDEX(Jesper!AI$2:AI$366,ROUNDDOWN($C5616/24,0)+1,1)*INDEX($D$3:$AA$30,INDEX(Jesper!$R$2:$R$366,ROW(INDEX(Jesper!AI$2:AI$366,ROUNDDOWN($C5616/24,0)+1,1))-1)+IF('Standard Profiles'!$G$19=$B$10,7,0)+IF('Standard Profiles'!$G$19=$B$17,14,0)+IF('Standard Profiles'!$G$19=$B$24,21,0),MOD($C5616,24)+1)/SUM(INDEX($D$3:$AA$30,INDEX(Jesper!$R$2:$R$366,ROW(INDEX(Jesper!AI$2:AI$366,ROUNDDOWN($C5616/24,0)+1,1))-1)+IF('Standard Profiles'!$G$19=$B$10,7,0)+IF('Standard Profiles'!$G$19=$B$17,14,0)+IF('Standard Profiles'!$G$19=$B$24,21,0),0)),0)</f>
        <v>0</v>
      </c>
      <c r="F5616" cm="1">
        <f t="array" ref="F5616">IFERROR(INDEX(Jesper!AJ$2:AJ$366,ROUNDDOWN($C5616/24,0)+1,1)*INDEX($D$3:$AA$30,INDEX(Jesper!$R$2:$R$366,ROW(INDEX(Jesper!AJ$2:AJ$366,ROUNDDOWN($C5616/24,0)+1,1))-1)+IF('Standard Profiles'!$G$20=$B$10,7,0)+IF('Standard Profiles'!$G$20=$B$17,14,0)+IF('Standard Profiles'!$G$20=$B$24,21,0),MOD($C5616,24)+1)/SUM(INDEX($D$3:$AA$30,INDEX(Jesper!$R$2:$R$366,ROW(INDEX(Jesper!AJ$2:AJ$366,ROUNDDOWN($C5616/24,0)+1,1))-1)+IF('Standard Profiles'!$G$20=$B$10,7,0)+IF('Standard Profiles'!$G$20=$B$17,14,0)+IF('Standard Profiles'!$G$20=$B$24,21,0),0)),0)</f>
        <v>0</v>
      </c>
      <c r="G5616" cm="1">
        <f t="array" ref="G5616">IFERROR(INDEX(Jesper!AK$2:AK$366,ROUNDDOWN($C5616/24,0)+1,1)*INDEX($D$3:$AA$30,INDEX(Jesper!$R$2:$R$366,ROW(INDEX(Jesper!AK$2:AK$366,ROUNDDOWN($C5616/24,0)+1,1))-1)+IF('Standard Profiles'!$G$21=$B$10,7,0)+IF('Standard Profiles'!$G$21=$B$17,14,0)+IF('Standard Profiles'!$G$21=$B$24,21,0),MOD($C5616,24)+1)/SUM(INDEX($D$3:$AA$30,INDEX(Jesper!$R$2:$R$366,ROW(INDEX(Jesper!AK$2:AK$366,ROUNDDOWN($C5616/24,0)+1,1))-1)+IF('Standard Profiles'!$G$21=$B$10,7,0)+IF('Standard Profiles'!$G$21=$B$17,14,0)+IF('Standard Profiles'!$G$21=$B$24,21,0),0)),0)</f>
        <v>0</v>
      </c>
      <c r="H5616" cm="1">
        <f t="array" ref="H5616">IFERROR(INDEX(Jesper!AL$2:AL$366,ROUNDDOWN($C5616/24,0)+1,1)*INDEX($D$3:$AA$30,INDEX(Jesper!$R$2:$R$366,ROW(INDEX(Jesper!AL$2:AL$366,ROUNDDOWN($C5616/24,0)+1,1))-1)+IF('Standard Profiles'!$G$22=$B$10,7,0)+IF('Standard Profiles'!$G$22=$B$17,14,0)+IF('Standard Profiles'!$G$22=$B$24,21,0),MOD($C5616,24)+1)/SUM(INDEX($D$3:$AA$30,INDEX(Jesper!$R$2:$R$366,ROW(INDEX(Jesper!AL$2:AL$366,ROUNDDOWN($C5616/24,0)+1,1))-1)+IF('Standard Profiles'!$G$22=$B$10,7,0)+IF('Standard Profiles'!$G$22=$B$17,14,0)+IF('Standard Profiles'!$G$22=$B$24,21,0),0)),0)</f>
        <v>0</v>
      </c>
      <c r="I5616">
        <f t="shared" si="629"/>
        <v>0.41393205513908415</v>
      </c>
      <c r="J5616">
        <f t="shared" si="630"/>
        <v>1.3797735171302807</v>
      </c>
      <c r="K5616">
        <f t="shared" si="631"/>
        <v>2.069660275695421</v>
      </c>
      <c r="L5616">
        <f t="shared" si="632"/>
        <v>9.9343693233380197</v>
      </c>
      <c r="M5616">
        <f t="shared" si="633"/>
        <v>0</v>
      </c>
      <c r="N5616" s="46">
        <f t="shared" si="634"/>
        <v>45524.583333319795</v>
      </c>
    </row>
    <row r="5617" spans="2:14" x14ac:dyDescent="0.3">
      <c r="B5617">
        <f t="shared" si="628"/>
        <v>2</v>
      </c>
      <c r="C5617" s="16">
        <v>5583</v>
      </c>
      <c r="D5617" cm="1">
        <f t="array" ref="D5617">IFERROR(INDEX(Jesper!AH$2:AH$366,ROUNDDOWN($C5617/24,0)+1,1)*INDEX($D$3:$AA$30,INDEX(Jesper!$R$2:$R$366,ROW(INDEX(Jesper!AH$2:AH$366,ROUNDDOWN($C5617/24,0)+1,1))-1)+IF('Standard Profiles'!$G$18=$B$10,7,0)+IF('Standard Profiles'!$G$18=$B$17,14,0)+IF('Standard Profiles'!$G$18=$B$24,21,0),MOD($C5617,24)+1)/SUM(INDEX($D$3:$AA$30,INDEX(Jesper!$R$2:$R$366,ROW(INDEX(Jesper!AH$2:AH$366,ROUNDDOWN($C5617/24,0)+1,1))-1)+IF('Standard Profiles'!$G$18=$B$10,7,0)+IF('Standard Profiles'!$G$18=$B$17,14,0)+IF('Standard Profiles'!$G$18=$B$24,21,0),0)),0)</f>
        <v>13.797735171302806</v>
      </c>
      <c r="E5617" cm="1">
        <f t="array" ref="E5617">IFERROR(INDEX(Jesper!AI$2:AI$366,ROUNDDOWN($C5617/24,0)+1,1)*INDEX($D$3:$AA$30,INDEX(Jesper!$R$2:$R$366,ROW(INDEX(Jesper!AI$2:AI$366,ROUNDDOWN($C5617/24,0)+1,1))-1)+IF('Standard Profiles'!$G$19=$B$10,7,0)+IF('Standard Profiles'!$G$19=$B$17,14,0)+IF('Standard Profiles'!$G$19=$B$24,21,0),MOD($C5617,24)+1)/SUM(INDEX($D$3:$AA$30,INDEX(Jesper!$R$2:$R$366,ROW(INDEX(Jesper!AI$2:AI$366,ROUNDDOWN($C5617/24,0)+1,1))-1)+IF('Standard Profiles'!$G$19=$B$10,7,0)+IF('Standard Profiles'!$G$19=$B$17,14,0)+IF('Standard Profiles'!$G$19=$B$24,21,0),0)),0)</f>
        <v>0</v>
      </c>
      <c r="F5617" cm="1">
        <f t="array" ref="F5617">IFERROR(INDEX(Jesper!AJ$2:AJ$366,ROUNDDOWN($C5617/24,0)+1,1)*INDEX($D$3:$AA$30,INDEX(Jesper!$R$2:$R$366,ROW(INDEX(Jesper!AJ$2:AJ$366,ROUNDDOWN($C5617/24,0)+1,1))-1)+IF('Standard Profiles'!$G$20=$B$10,7,0)+IF('Standard Profiles'!$G$20=$B$17,14,0)+IF('Standard Profiles'!$G$20=$B$24,21,0),MOD($C5617,24)+1)/SUM(INDEX($D$3:$AA$30,INDEX(Jesper!$R$2:$R$366,ROW(INDEX(Jesper!AJ$2:AJ$366,ROUNDDOWN($C5617/24,0)+1,1))-1)+IF('Standard Profiles'!$G$20=$B$10,7,0)+IF('Standard Profiles'!$G$20=$B$17,14,0)+IF('Standard Profiles'!$G$20=$B$24,21,0),0)),0)</f>
        <v>0</v>
      </c>
      <c r="G5617" cm="1">
        <f t="array" ref="G5617">IFERROR(INDEX(Jesper!AK$2:AK$366,ROUNDDOWN($C5617/24,0)+1,1)*INDEX($D$3:$AA$30,INDEX(Jesper!$R$2:$R$366,ROW(INDEX(Jesper!AK$2:AK$366,ROUNDDOWN($C5617/24,0)+1,1))-1)+IF('Standard Profiles'!$G$21=$B$10,7,0)+IF('Standard Profiles'!$G$21=$B$17,14,0)+IF('Standard Profiles'!$G$21=$B$24,21,0),MOD($C5617,24)+1)/SUM(INDEX($D$3:$AA$30,INDEX(Jesper!$R$2:$R$366,ROW(INDEX(Jesper!AK$2:AK$366,ROUNDDOWN($C5617/24,0)+1,1))-1)+IF('Standard Profiles'!$G$21=$B$10,7,0)+IF('Standard Profiles'!$G$21=$B$17,14,0)+IF('Standard Profiles'!$G$21=$B$24,21,0),0)),0)</f>
        <v>0</v>
      </c>
      <c r="H5617" cm="1">
        <f t="array" ref="H5617">IFERROR(INDEX(Jesper!AL$2:AL$366,ROUNDDOWN($C5617/24,0)+1,1)*INDEX($D$3:$AA$30,INDEX(Jesper!$R$2:$R$366,ROW(INDEX(Jesper!AL$2:AL$366,ROUNDDOWN($C5617/24,0)+1,1))-1)+IF('Standard Profiles'!$G$22=$B$10,7,0)+IF('Standard Profiles'!$G$22=$B$17,14,0)+IF('Standard Profiles'!$G$22=$B$24,21,0),MOD($C5617,24)+1)/SUM(INDEX($D$3:$AA$30,INDEX(Jesper!$R$2:$R$366,ROW(INDEX(Jesper!AL$2:AL$366,ROUNDDOWN($C5617/24,0)+1,1))-1)+IF('Standard Profiles'!$G$22=$B$10,7,0)+IF('Standard Profiles'!$G$22=$B$17,14,0)+IF('Standard Profiles'!$G$22=$B$24,21,0),0)),0)</f>
        <v>0</v>
      </c>
      <c r="I5617">
        <f t="shared" si="629"/>
        <v>0.41393205513908415</v>
      </c>
      <c r="J5617">
        <f t="shared" si="630"/>
        <v>1.3797735171302807</v>
      </c>
      <c r="K5617">
        <f t="shared" si="631"/>
        <v>2.069660275695421</v>
      </c>
      <c r="L5617">
        <f t="shared" si="632"/>
        <v>9.9343693233380197</v>
      </c>
      <c r="M5617">
        <f t="shared" si="633"/>
        <v>0</v>
      </c>
      <c r="N5617" s="46">
        <f t="shared" si="634"/>
        <v>45524.624999986459</v>
      </c>
    </row>
    <row r="5618" spans="2:14" x14ac:dyDescent="0.3">
      <c r="B5618">
        <f t="shared" si="628"/>
        <v>2</v>
      </c>
      <c r="C5618" s="16">
        <v>5584</v>
      </c>
      <c r="D5618" cm="1">
        <f t="array" ref="D5618">IFERROR(INDEX(Jesper!AH$2:AH$366,ROUNDDOWN($C5618/24,0)+1,1)*INDEX($D$3:$AA$30,INDEX(Jesper!$R$2:$R$366,ROW(INDEX(Jesper!AH$2:AH$366,ROUNDDOWN($C5618/24,0)+1,1))-1)+IF('Standard Profiles'!$G$18=$B$10,7,0)+IF('Standard Profiles'!$G$18=$B$17,14,0)+IF('Standard Profiles'!$G$18=$B$24,21,0),MOD($C5618,24)+1)/SUM(INDEX($D$3:$AA$30,INDEX(Jesper!$R$2:$R$366,ROW(INDEX(Jesper!AH$2:AH$366,ROUNDDOWN($C5618/24,0)+1,1))-1)+IF('Standard Profiles'!$G$18=$B$10,7,0)+IF('Standard Profiles'!$G$18=$B$17,14,0)+IF('Standard Profiles'!$G$18=$B$24,21,0),0)),0)</f>
        <v>13.797735171302806</v>
      </c>
      <c r="E5618" cm="1">
        <f t="array" ref="E5618">IFERROR(INDEX(Jesper!AI$2:AI$366,ROUNDDOWN($C5618/24,0)+1,1)*INDEX($D$3:$AA$30,INDEX(Jesper!$R$2:$R$366,ROW(INDEX(Jesper!AI$2:AI$366,ROUNDDOWN($C5618/24,0)+1,1))-1)+IF('Standard Profiles'!$G$19=$B$10,7,0)+IF('Standard Profiles'!$G$19=$B$17,14,0)+IF('Standard Profiles'!$G$19=$B$24,21,0),MOD($C5618,24)+1)/SUM(INDEX($D$3:$AA$30,INDEX(Jesper!$R$2:$R$366,ROW(INDEX(Jesper!AI$2:AI$366,ROUNDDOWN($C5618/24,0)+1,1))-1)+IF('Standard Profiles'!$G$19=$B$10,7,0)+IF('Standard Profiles'!$G$19=$B$17,14,0)+IF('Standard Profiles'!$G$19=$B$24,21,0),0)),0)</f>
        <v>0</v>
      </c>
      <c r="F5618" cm="1">
        <f t="array" ref="F5618">IFERROR(INDEX(Jesper!AJ$2:AJ$366,ROUNDDOWN($C5618/24,0)+1,1)*INDEX($D$3:$AA$30,INDEX(Jesper!$R$2:$R$366,ROW(INDEX(Jesper!AJ$2:AJ$366,ROUNDDOWN($C5618/24,0)+1,1))-1)+IF('Standard Profiles'!$G$20=$B$10,7,0)+IF('Standard Profiles'!$G$20=$B$17,14,0)+IF('Standard Profiles'!$G$20=$B$24,21,0),MOD($C5618,24)+1)/SUM(INDEX($D$3:$AA$30,INDEX(Jesper!$R$2:$R$366,ROW(INDEX(Jesper!AJ$2:AJ$366,ROUNDDOWN($C5618/24,0)+1,1))-1)+IF('Standard Profiles'!$G$20=$B$10,7,0)+IF('Standard Profiles'!$G$20=$B$17,14,0)+IF('Standard Profiles'!$G$20=$B$24,21,0),0)),0)</f>
        <v>0</v>
      </c>
      <c r="G5618" cm="1">
        <f t="array" ref="G5618">IFERROR(INDEX(Jesper!AK$2:AK$366,ROUNDDOWN($C5618/24,0)+1,1)*INDEX($D$3:$AA$30,INDEX(Jesper!$R$2:$R$366,ROW(INDEX(Jesper!AK$2:AK$366,ROUNDDOWN($C5618/24,0)+1,1))-1)+IF('Standard Profiles'!$G$21=$B$10,7,0)+IF('Standard Profiles'!$G$21=$B$17,14,0)+IF('Standard Profiles'!$G$21=$B$24,21,0),MOD($C5618,24)+1)/SUM(INDEX($D$3:$AA$30,INDEX(Jesper!$R$2:$R$366,ROW(INDEX(Jesper!AK$2:AK$366,ROUNDDOWN($C5618/24,0)+1,1))-1)+IF('Standard Profiles'!$G$21=$B$10,7,0)+IF('Standard Profiles'!$G$21=$B$17,14,0)+IF('Standard Profiles'!$G$21=$B$24,21,0),0)),0)</f>
        <v>0</v>
      </c>
      <c r="H5618" cm="1">
        <f t="array" ref="H5618">IFERROR(INDEX(Jesper!AL$2:AL$366,ROUNDDOWN($C5618/24,0)+1,1)*INDEX($D$3:$AA$30,INDEX(Jesper!$R$2:$R$366,ROW(INDEX(Jesper!AL$2:AL$366,ROUNDDOWN($C5618/24,0)+1,1))-1)+IF('Standard Profiles'!$G$22=$B$10,7,0)+IF('Standard Profiles'!$G$22=$B$17,14,0)+IF('Standard Profiles'!$G$22=$B$24,21,0),MOD($C5618,24)+1)/SUM(INDEX($D$3:$AA$30,INDEX(Jesper!$R$2:$R$366,ROW(INDEX(Jesper!AL$2:AL$366,ROUNDDOWN($C5618/24,0)+1,1))-1)+IF('Standard Profiles'!$G$22=$B$10,7,0)+IF('Standard Profiles'!$G$22=$B$17,14,0)+IF('Standard Profiles'!$G$22=$B$24,21,0),0)),0)</f>
        <v>0</v>
      </c>
      <c r="I5618">
        <f t="shared" si="629"/>
        <v>0.41393205513908415</v>
      </c>
      <c r="J5618">
        <f t="shared" si="630"/>
        <v>1.3797735171302807</v>
      </c>
      <c r="K5618">
        <f t="shared" si="631"/>
        <v>2.069660275695421</v>
      </c>
      <c r="L5618">
        <f t="shared" si="632"/>
        <v>9.9343693233380197</v>
      </c>
      <c r="M5618">
        <f t="shared" si="633"/>
        <v>0</v>
      </c>
      <c r="N5618" s="46">
        <f t="shared" si="634"/>
        <v>45524.666666653124</v>
      </c>
    </row>
    <row r="5619" spans="2:14" x14ac:dyDescent="0.3">
      <c r="B5619">
        <f t="shared" si="628"/>
        <v>2</v>
      </c>
      <c r="C5619" s="16">
        <v>5585</v>
      </c>
      <c r="D5619" cm="1">
        <f t="array" ref="D5619">IFERROR(INDEX(Jesper!AH$2:AH$366,ROUNDDOWN($C5619/24,0)+1,1)*INDEX($D$3:$AA$30,INDEX(Jesper!$R$2:$R$366,ROW(INDEX(Jesper!AH$2:AH$366,ROUNDDOWN($C5619/24,0)+1,1))-1)+IF('Standard Profiles'!$G$18=$B$10,7,0)+IF('Standard Profiles'!$G$18=$B$17,14,0)+IF('Standard Profiles'!$G$18=$B$24,21,0),MOD($C5619,24)+1)/SUM(INDEX($D$3:$AA$30,INDEX(Jesper!$R$2:$R$366,ROW(INDEX(Jesper!AH$2:AH$366,ROUNDDOWN($C5619/24,0)+1,1))-1)+IF('Standard Profiles'!$G$18=$B$10,7,0)+IF('Standard Profiles'!$G$18=$B$17,14,0)+IF('Standard Profiles'!$G$18=$B$24,21,0),0)),0)</f>
        <v>13.797735171302806</v>
      </c>
      <c r="E5619" cm="1">
        <f t="array" ref="E5619">IFERROR(INDEX(Jesper!AI$2:AI$366,ROUNDDOWN($C5619/24,0)+1,1)*INDEX($D$3:$AA$30,INDEX(Jesper!$R$2:$R$366,ROW(INDEX(Jesper!AI$2:AI$366,ROUNDDOWN($C5619/24,0)+1,1))-1)+IF('Standard Profiles'!$G$19=$B$10,7,0)+IF('Standard Profiles'!$G$19=$B$17,14,0)+IF('Standard Profiles'!$G$19=$B$24,21,0),MOD($C5619,24)+1)/SUM(INDEX($D$3:$AA$30,INDEX(Jesper!$R$2:$R$366,ROW(INDEX(Jesper!AI$2:AI$366,ROUNDDOWN($C5619/24,0)+1,1))-1)+IF('Standard Profiles'!$G$19=$B$10,7,0)+IF('Standard Profiles'!$G$19=$B$17,14,0)+IF('Standard Profiles'!$G$19=$B$24,21,0),0)),0)</f>
        <v>0</v>
      </c>
      <c r="F5619" cm="1">
        <f t="array" ref="F5619">IFERROR(INDEX(Jesper!AJ$2:AJ$366,ROUNDDOWN($C5619/24,0)+1,1)*INDEX($D$3:$AA$30,INDEX(Jesper!$R$2:$R$366,ROW(INDEX(Jesper!AJ$2:AJ$366,ROUNDDOWN($C5619/24,0)+1,1))-1)+IF('Standard Profiles'!$G$20=$B$10,7,0)+IF('Standard Profiles'!$G$20=$B$17,14,0)+IF('Standard Profiles'!$G$20=$B$24,21,0),MOD($C5619,24)+1)/SUM(INDEX($D$3:$AA$30,INDEX(Jesper!$R$2:$R$366,ROW(INDEX(Jesper!AJ$2:AJ$366,ROUNDDOWN($C5619/24,0)+1,1))-1)+IF('Standard Profiles'!$G$20=$B$10,7,0)+IF('Standard Profiles'!$G$20=$B$17,14,0)+IF('Standard Profiles'!$G$20=$B$24,21,0),0)),0)</f>
        <v>0</v>
      </c>
      <c r="G5619" cm="1">
        <f t="array" ref="G5619">IFERROR(INDEX(Jesper!AK$2:AK$366,ROUNDDOWN($C5619/24,0)+1,1)*INDEX($D$3:$AA$30,INDEX(Jesper!$R$2:$R$366,ROW(INDEX(Jesper!AK$2:AK$366,ROUNDDOWN($C5619/24,0)+1,1))-1)+IF('Standard Profiles'!$G$21=$B$10,7,0)+IF('Standard Profiles'!$G$21=$B$17,14,0)+IF('Standard Profiles'!$G$21=$B$24,21,0),MOD($C5619,24)+1)/SUM(INDEX($D$3:$AA$30,INDEX(Jesper!$R$2:$R$366,ROW(INDEX(Jesper!AK$2:AK$366,ROUNDDOWN($C5619/24,0)+1,1))-1)+IF('Standard Profiles'!$G$21=$B$10,7,0)+IF('Standard Profiles'!$G$21=$B$17,14,0)+IF('Standard Profiles'!$G$21=$B$24,21,0),0)),0)</f>
        <v>0</v>
      </c>
      <c r="H5619" cm="1">
        <f t="array" ref="H5619">IFERROR(INDEX(Jesper!AL$2:AL$366,ROUNDDOWN($C5619/24,0)+1,1)*INDEX($D$3:$AA$30,INDEX(Jesper!$R$2:$R$366,ROW(INDEX(Jesper!AL$2:AL$366,ROUNDDOWN($C5619/24,0)+1,1))-1)+IF('Standard Profiles'!$G$22=$B$10,7,0)+IF('Standard Profiles'!$G$22=$B$17,14,0)+IF('Standard Profiles'!$G$22=$B$24,21,0),MOD($C5619,24)+1)/SUM(INDEX($D$3:$AA$30,INDEX(Jesper!$R$2:$R$366,ROW(INDEX(Jesper!AL$2:AL$366,ROUNDDOWN($C5619/24,0)+1,1))-1)+IF('Standard Profiles'!$G$22=$B$10,7,0)+IF('Standard Profiles'!$G$22=$B$17,14,0)+IF('Standard Profiles'!$G$22=$B$24,21,0),0)),0)</f>
        <v>0</v>
      </c>
      <c r="I5619">
        <f t="shared" si="629"/>
        <v>0.41393205513908415</v>
      </c>
      <c r="J5619">
        <f t="shared" si="630"/>
        <v>1.3797735171302807</v>
      </c>
      <c r="K5619">
        <f t="shared" si="631"/>
        <v>2.069660275695421</v>
      </c>
      <c r="L5619">
        <f t="shared" si="632"/>
        <v>9.9343693233380197</v>
      </c>
      <c r="M5619">
        <f t="shared" si="633"/>
        <v>0</v>
      </c>
      <c r="N5619" s="46">
        <f t="shared" si="634"/>
        <v>45524.708333319788</v>
      </c>
    </row>
    <row r="5620" spans="2:14" x14ac:dyDescent="0.3">
      <c r="B5620">
        <f t="shared" si="628"/>
        <v>2</v>
      </c>
      <c r="C5620" s="16">
        <v>5586</v>
      </c>
      <c r="D5620" cm="1">
        <f t="array" ref="D5620">IFERROR(INDEX(Jesper!AH$2:AH$366,ROUNDDOWN($C5620/24,0)+1,1)*INDEX($D$3:$AA$30,INDEX(Jesper!$R$2:$R$366,ROW(INDEX(Jesper!AH$2:AH$366,ROUNDDOWN($C5620/24,0)+1,1))-1)+IF('Standard Profiles'!$G$18=$B$10,7,0)+IF('Standard Profiles'!$G$18=$B$17,14,0)+IF('Standard Profiles'!$G$18=$B$24,21,0),MOD($C5620,24)+1)/SUM(INDEX($D$3:$AA$30,INDEX(Jesper!$R$2:$R$366,ROW(INDEX(Jesper!AH$2:AH$366,ROUNDDOWN($C5620/24,0)+1,1))-1)+IF('Standard Profiles'!$G$18=$B$10,7,0)+IF('Standard Profiles'!$G$18=$B$17,14,0)+IF('Standard Profiles'!$G$18=$B$24,21,0),0)),0)</f>
        <v>13.797735171302806</v>
      </c>
      <c r="E5620" cm="1">
        <f t="array" ref="E5620">IFERROR(INDEX(Jesper!AI$2:AI$366,ROUNDDOWN($C5620/24,0)+1,1)*INDEX($D$3:$AA$30,INDEX(Jesper!$R$2:$R$366,ROW(INDEX(Jesper!AI$2:AI$366,ROUNDDOWN($C5620/24,0)+1,1))-1)+IF('Standard Profiles'!$G$19=$B$10,7,0)+IF('Standard Profiles'!$G$19=$B$17,14,0)+IF('Standard Profiles'!$G$19=$B$24,21,0),MOD($C5620,24)+1)/SUM(INDEX($D$3:$AA$30,INDEX(Jesper!$R$2:$R$366,ROW(INDEX(Jesper!AI$2:AI$366,ROUNDDOWN($C5620/24,0)+1,1))-1)+IF('Standard Profiles'!$G$19=$B$10,7,0)+IF('Standard Profiles'!$G$19=$B$17,14,0)+IF('Standard Profiles'!$G$19=$B$24,21,0),0)),0)</f>
        <v>0</v>
      </c>
      <c r="F5620" cm="1">
        <f t="array" ref="F5620">IFERROR(INDEX(Jesper!AJ$2:AJ$366,ROUNDDOWN($C5620/24,0)+1,1)*INDEX($D$3:$AA$30,INDEX(Jesper!$R$2:$R$366,ROW(INDEX(Jesper!AJ$2:AJ$366,ROUNDDOWN($C5620/24,0)+1,1))-1)+IF('Standard Profiles'!$G$20=$B$10,7,0)+IF('Standard Profiles'!$G$20=$B$17,14,0)+IF('Standard Profiles'!$G$20=$B$24,21,0),MOD($C5620,24)+1)/SUM(INDEX($D$3:$AA$30,INDEX(Jesper!$R$2:$R$366,ROW(INDEX(Jesper!AJ$2:AJ$366,ROUNDDOWN($C5620/24,0)+1,1))-1)+IF('Standard Profiles'!$G$20=$B$10,7,0)+IF('Standard Profiles'!$G$20=$B$17,14,0)+IF('Standard Profiles'!$G$20=$B$24,21,0),0)),0)</f>
        <v>0</v>
      </c>
      <c r="G5620" cm="1">
        <f t="array" ref="G5620">IFERROR(INDEX(Jesper!AK$2:AK$366,ROUNDDOWN($C5620/24,0)+1,1)*INDEX($D$3:$AA$30,INDEX(Jesper!$R$2:$R$366,ROW(INDEX(Jesper!AK$2:AK$366,ROUNDDOWN($C5620/24,0)+1,1))-1)+IF('Standard Profiles'!$G$21=$B$10,7,0)+IF('Standard Profiles'!$G$21=$B$17,14,0)+IF('Standard Profiles'!$G$21=$B$24,21,0),MOD($C5620,24)+1)/SUM(INDEX($D$3:$AA$30,INDEX(Jesper!$R$2:$R$366,ROW(INDEX(Jesper!AK$2:AK$366,ROUNDDOWN($C5620/24,0)+1,1))-1)+IF('Standard Profiles'!$G$21=$B$10,7,0)+IF('Standard Profiles'!$G$21=$B$17,14,0)+IF('Standard Profiles'!$G$21=$B$24,21,0),0)),0)</f>
        <v>0</v>
      </c>
      <c r="H5620" cm="1">
        <f t="array" ref="H5620">IFERROR(INDEX(Jesper!AL$2:AL$366,ROUNDDOWN($C5620/24,0)+1,1)*INDEX($D$3:$AA$30,INDEX(Jesper!$R$2:$R$366,ROW(INDEX(Jesper!AL$2:AL$366,ROUNDDOWN($C5620/24,0)+1,1))-1)+IF('Standard Profiles'!$G$22=$B$10,7,0)+IF('Standard Profiles'!$G$22=$B$17,14,0)+IF('Standard Profiles'!$G$22=$B$24,21,0),MOD($C5620,24)+1)/SUM(INDEX($D$3:$AA$30,INDEX(Jesper!$R$2:$R$366,ROW(INDEX(Jesper!AL$2:AL$366,ROUNDDOWN($C5620/24,0)+1,1))-1)+IF('Standard Profiles'!$G$22=$B$10,7,0)+IF('Standard Profiles'!$G$22=$B$17,14,0)+IF('Standard Profiles'!$G$22=$B$24,21,0),0)),0)</f>
        <v>0</v>
      </c>
      <c r="I5620">
        <f t="shared" si="629"/>
        <v>0.41393205513908415</v>
      </c>
      <c r="J5620">
        <f t="shared" si="630"/>
        <v>1.3797735171302807</v>
      </c>
      <c r="K5620">
        <f t="shared" si="631"/>
        <v>2.069660275695421</v>
      </c>
      <c r="L5620">
        <f t="shared" si="632"/>
        <v>9.9343693233380197</v>
      </c>
      <c r="M5620">
        <f t="shared" si="633"/>
        <v>0</v>
      </c>
      <c r="N5620" s="46">
        <f t="shared" si="634"/>
        <v>45524.749999986452</v>
      </c>
    </row>
    <row r="5621" spans="2:14" x14ac:dyDescent="0.3">
      <c r="B5621">
        <f t="shared" si="628"/>
        <v>2</v>
      </c>
      <c r="C5621" s="16">
        <v>5587</v>
      </c>
      <c r="D5621" cm="1">
        <f t="array" ref="D5621">IFERROR(INDEX(Jesper!AH$2:AH$366,ROUNDDOWN($C5621/24,0)+1,1)*INDEX($D$3:$AA$30,INDEX(Jesper!$R$2:$R$366,ROW(INDEX(Jesper!AH$2:AH$366,ROUNDDOWN($C5621/24,0)+1,1))-1)+IF('Standard Profiles'!$G$18=$B$10,7,0)+IF('Standard Profiles'!$G$18=$B$17,14,0)+IF('Standard Profiles'!$G$18=$B$24,21,0),MOD($C5621,24)+1)/SUM(INDEX($D$3:$AA$30,INDEX(Jesper!$R$2:$R$366,ROW(INDEX(Jesper!AH$2:AH$366,ROUNDDOWN($C5621/24,0)+1,1))-1)+IF('Standard Profiles'!$G$18=$B$10,7,0)+IF('Standard Profiles'!$G$18=$B$17,14,0)+IF('Standard Profiles'!$G$18=$B$24,21,0),0)),0)</f>
        <v>11.555603205966099</v>
      </c>
      <c r="E5621" cm="1">
        <f t="array" ref="E5621">IFERROR(INDEX(Jesper!AI$2:AI$366,ROUNDDOWN($C5621/24,0)+1,1)*INDEX($D$3:$AA$30,INDEX(Jesper!$R$2:$R$366,ROW(INDEX(Jesper!AI$2:AI$366,ROUNDDOWN($C5621/24,0)+1,1))-1)+IF('Standard Profiles'!$G$19=$B$10,7,0)+IF('Standard Profiles'!$G$19=$B$17,14,0)+IF('Standard Profiles'!$G$19=$B$24,21,0),MOD($C5621,24)+1)/SUM(INDEX($D$3:$AA$30,INDEX(Jesper!$R$2:$R$366,ROW(INDEX(Jesper!AI$2:AI$366,ROUNDDOWN($C5621/24,0)+1,1))-1)+IF('Standard Profiles'!$G$19=$B$10,7,0)+IF('Standard Profiles'!$G$19=$B$17,14,0)+IF('Standard Profiles'!$G$19=$B$24,21,0),0)),0)</f>
        <v>0</v>
      </c>
      <c r="F5621" cm="1">
        <f t="array" ref="F5621">IFERROR(INDEX(Jesper!AJ$2:AJ$366,ROUNDDOWN($C5621/24,0)+1,1)*INDEX($D$3:$AA$30,INDEX(Jesper!$R$2:$R$366,ROW(INDEX(Jesper!AJ$2:AJ$366,ROUNDDOWN($C5621/24,0)+1,1))-1)+IF('Standard Profiles'!$G$20=$B$10,7,0)+IF('Standard Profiles'!$G$20=$B$17,14,0)+IF('Standard Profiles'!$G$20=$B$24,21,0),MOD($C5621,24)+1)/SUM(INDEX($D$3:$AA$30,INDEX(Jesper!$R$2:$R$366,ROW(INDEX(Jesper!AJ$2:AJ$366,ROUNDDOWN($C5621/24,0)+1,1))-1)+IF('Standard Profiles'!$G$20=$B$10,7,0)+IF('Standard Profiles'!$G$20=$B$17,14,0)+IF('Standard Profiles'!$G$20=$B$24,21,0),0)),0)</f>
        <v>0</v>
      </c>
      <c r="G5621" cm="1">
        <f t="array" ref="G5621">IFERROR(INDEX(Jesper!AK$2:AK$366,ROUNDDOWN($C5621/24,0)+1,1)*INDEX($D$3:$AA$30,INDEX(Jesper!$R$2:$R$366,ROW(INDEX(Jesper!AK$2:AK$366,ROUNDDOWN($C5621/24,0)+1,1))-1)+IF('Standard Profiles'!$G$21=$B$10,7,0)+IF('Standard Profiles'!$G$21=$B$17,14,0)+IF('Standard Profiles'!$G$21=$B$24,21,0),MOD($C5621,24)+1)/SUM(INDEX($D$3:$AA$30,INDEX(Jesper!$R$2:$R$366,ROW(INDEX(Jesper!AK$2:AK$366,ROUNDDOWN($C5621/24,0)+1,1))-1)+IF('Standard Profiles'!$G$21=$B$10,7,0)+IF('Standard Profiles'!$G$21=$B$17,14,0)+IF('Standard Profiles'!$G$21=$B$24,21,0),0)),0)</f>
        <v>0</v>
      </c>
      <c r="H5621" cm="1">
        <f t="array" ref="H5621">IFERROR(INDEX(Jesper!AL$2:AL$366,ROUNDDOWN($C5621/24,0)+1,1)*INDEX($D$3:$AA$30,INDEX(Jesper!$R$2:$R$366,ROW(INDEX(Jesper!AL$2:AL$366,ROUNDDOWN($C5621/24,0)+1,1))-1)+IF('Standard Profiles'!$G$22=$B$10,7,0)+IF('Standard Profiles'!$G$22=$B$17,14,0)+IF('Standard Profiles'!$G$22=$B$24,21,0),MOD($C5621,24)+1)/SUM(INDEX($D$3:$AA$30,INDEX(Jesper!$R$2:$R$366,ROW(INDEX(Jesper!AL$2:AL$366,ROUNDDOWN($C5621/24,0)+1,1))-1)+IF('Standard Profiles'!$G$22=$B$10,7,0)+IF('Standard Profiles'!$G$22=$B$17,14,0)+IF('Standard Profiles'!$G$22=$B$24,21,0),0)),0)</f>
        <v>0</v>
      </c>
      <c r="I5621">
        <f t="shared" si="629"/>
        <v>0.34666809617898298</v>
      </c>
      <c r="J5621">
        <f t="shared" si="630"/>
        <v>1.1555603205966098</v>
      </c>
      <c r="K5621">
        <f t="shared" si="631"/>
        <v>1.7333404808949149</v>
      </c>
      <c r="L5621">
        <f t="shared" si="632"/>
        <v>8.3200343082955914</v>
      </c>
      <c r="M5621">
        <f t="shared" si="633"/>
        <v>0</v>
      </c>
      <c r="N5621" s="46">
        <f t="shared" si="634"/>
        <v>45524.791666653116</v>
      </c>
    </row>
    <row r="5622" spans="2:14" x14ac:dyDescent="0.3">
      <c r="B5622">
        <f t="shared" si="628"/>
        <v>2</v>
      </c>
      <c r="C5622" s="16">
        <v>5588</v>
      </c>
      <c r="D5622" cm="1">
        <f t="array" ref="D5622">IFERROR(INDEX(Jesper!AH$2:AH$366,ROUNDDOWN($C5622/24,0)+1,1)*INDEX($D$3:$AA$30,INDEX(Jesper!$R$2:$R$366,ROW(INDEX(Jesper!AH$2:AH$366,ROUNDDOWN($C5622/24,0)+1,1))-1)+IF('Standard Profiles'!$G$18=$B$10,7,0)+IF('Standard Profiles'!$G$18=$B$17,14,0)+IF('Standard Profiles'!$G$18=$B$24,21,0),MOD($C5622,24)+1)/SUM(INDEX($D$3:$AA$30,INDEX(Jesper!$R$2:$R$366,ROW(INDEX(Jesper!AH$2:AH$366,ROUNDDOWN($C5622/24,0)+1,1))-1)+IF('Standard Profiles'!$G$18=$B$10,7,0)+IF('Standard Profiles'!$G$18=$B$17,14,0)+IF('Standard Profiles'!$G$18=$B$24,21,0),0)),0)</f>
        <v>9.4859429302706779</v>
      </c>
      <c r="E5622" cm="1">
        <f t="array" ref="E5622">IFERROR(INDEX(Jesper!AI$2:AI$366,ROUNDDOWN($C5622/24,0)+1,1)*INDEX($D$3:$AA$30,INDEX(Jesper!$R$2:$R$366,ROW(INDEX(Jesper!AI$2:AI$366,ROUNDDOWN($C5622/24,0)+1,1))-1)+IF('Standard Profiles'!$G$19=$B$10,7,0)+IF('Standard Profiles'!$G$19=$B$17,14,0)+IF('Standard Profiles'!$G$19=$B$24,21,0),MOD($C5622,24)+1)/SUM(INDEX($D$3:$AA$30,INDEX(Jesper!$R$2:$R$366,ROW(INDEX(Jesper!AI$2:AI$366,ROUNDDOWN($C5622/24,0)+1,1))-1)+IF('Standard Profiles'!$G$19=$B$10,7,0)+IF('Standard Profiles'!$G$19=$B$17,14,0)+IF('Standard Profiles'!$G$19=$B$24,21,0),0)),0)</f>
        <v>0</v>
      </c>
      <c r="F5622" cm="1">
        <f t="array" ref="F5622">IFERROR(INDEX(Jesper!AJ$2:AJ$366,ROUNDDOWN($C5622/24,0)+1,1)*INDEX($D$3:$AA$30,INDEX(Jesper!$R$2:$R$366,ROW(INDEX(Jesper!AJ$2:AJ$366,ROUNDDOWN($C5622/24,0)+1,1))-1)+IF('Standard Profiles'!$G$20=$B$10,7,0)+IF('Standard Profiles'!$G$20=$B$17,14,0)+IF('Standard Profiles'!$G$20=$B$24,21,0),MOD($C5622,24)+1)/SUM(INDEX($D$3:$AA$30,INDEX(Jesper!$R$2:$R$366,ROW(INDEX(Jesper!AJ$2:AJ$366,ROUNDDOWN($C5622/24,0)+1,1))-1)+IF('Standard Profiles'!$G$20=$B$10,7,0)+IF('Standard Profiles'!$G$20=$B$17,14,0)+IF('Standard Profiles'!$G$20=$B$24,21,0),0)),0)</f>
        <v>0</v>
      </c>
      <c r="G5622" cm="1">
        <f t="array" ref="G5622">IFERROR(INDEX(Jesper!AK$2:AK$366,ROUNDDOWN($C5622/24,0)+1,1)*INDEX($D$3:$AA$30,INDEX(Jesper!$R$2:$R$366,ROW(INDEX(Jesper!AK$2:AK$366,ROUNDDOWN($C5622/24,0)+1,1))-1)+IF('Standard Profiles'!$G$21=$B$10,7,0)+IF('Standard Profiles'!$G$21=$B$17,14,0)+IF('Standard Profiles'!$G$21=$B$24,21,0),MOD($C5622,24)+1)/SUM(INDEX($D$3:$AA$30,INDEX(Jesper!$R$2:$R$366,ROW(INDEX(Jesper!AK$2:AK$366,ROUNDDOWN($C5622/24,0)+1,1))-1)+IF('Standard Profiles'!$G$21=$B$10,7,0)+IF('Standard Profiles'!$G$21=$B$17,14,0)+IF('Standard Profiles'!$G$21=$B$24,21,0),0)),0)</f>
        <v>0</v>
      </c>
      <c r="H5622" cm="1">
        <f t="array" ref="H5622">IFERROR(INDEX(Jesper!AL$2:AL$366,ROUNDDOWN($C5622/24,0)+1,1)*INDEX($D$3:$AA$30,INDEX(Jesper!$R$2:$R$366,ROW(INDEX(Jesper!AL$2:AL$366,ROUNDDOWN($C5622/24,0)+1,1))-1)+IF('Standard Profiles'!$G$22=$B$10,7,0)+IF('Standard Profiles'!$G$22=$B$17,14,0)+IF('Standard Profiles'!$G$22=$B$24,21,0),MOD($C5622,24)+1)/SUM(INDEX($D$3:$AA$30,INDEX(Jesper!$R$2:$R$366,ROW(INDEX(Jesper!AL$2:AL$366,ROUNDDOWN($C5622/24,0)+1,1))-1)+IF('Standard Profiles'!$G$22=$B$10,7,0)+IF('Standard Profiles'!$G$22=$B$17,14,0)+IF('Standard Profiles'!$G$22=$B$24,21,0),0)),0)</f>
        <v>0</v>
      </c>
      <c r="I5622">
        <f t="shared" si="629"/>
        <v>0.28457828790812034</v>
      </c>
      <c r="J5622">
        <f t="shared" si="630"/>
        <v>0.94859429302706788</v>
      </c>
      <c r="K5622">
        <f t="shared" si="631"/>
        <v>1.4228914395406016</v>
      </c>
      <c r="L5622">
        <f t="shared" si="632"/>
        <v>6.8298789097948882</v>
      </c>
      <c r="M5622">
        <f t="shared" si="633"/>
        <v>0</v>
      </c>
      <c r="N5622" s="46">
        <f t="shared" si="634"/>
        <v>45524.833333319781</v>
      </c>
    </row>
    <row r="5623" spans="2:14" x14ac:dyDescent="0.3">
      <c r="B5623">
        <f t="shared" si="628"/>
        <v>2</v>
      </c>
      <c r="C5623" s="16">
        <v>5589</v>
      </c>
      <c r="D5623" cm="1">
        <f t="array" ref="D5623">IFERROR(INDEX(Jesper!AH$2:AH$366,ROUNDDOWN($C5623/24,0)+1,1)*INDEX($D$3:$AA$30,INDEX(Jesper!$R$2:$R$366,ROW(INDEX(Jesper!AH$2:AH$366,ROUNDDOWN($C5623/24,0)+1,1))-1)+IF('Standard Profiles'!$G$18=$B$10,7,0)+IF('Standard Profiles'!$G$18=$B$17,14,0)+IF('Standard Profiles'!$G$18=$B$24,21,0),MOD($C5623,24)+1)/SUM(INDEX($D$3:$AA$30,INDEX(Jesper!$R$2:$R$366,ROW(INDEX(Jesper!AH$2:AH$366,ROUNDDOWN($C5623/24,0)+1,1))-1)+IF('Standard Profiles'!$G$18=$B$10,7,0)+IF('Standard Profiles'!$G$18=$B$17,14,0)+IF('Standard Profiles'!$G$18=$B$24,21,0),0)),0)</f>
        <v>6.898867585651403</v>
      </c>
      <c r="E5623" cm="1">
        <f t="array" ref="E5623">IFERROR(INDEX(Jesper!AI$2:AI$366,ROUNDDOWN($C5623/24,0)+1,1)*INDEX($D$3:$AA$30,INDEX(Jesper!$R$2:$R$366,ROW(INDEX(Jesper!AI$2:AI$366,ROUNDDOWN($C5623/24,0)+1,1))-1)+IF('Standard Profiles'!$G$19=$B$10,7,0)+IF('Standard Profiles'!$G$19=$B$17,14,0)+IF('Standard Profiles'!$G$19=$B$24,21,0),MOD($C5623,24)+1)/SUM(INDEX($D$3:$AA$30,INDEX(Jesper!$R$2:$R$366,ROW(INDEX(Jesper!AI$2:AI$366,ROUNDDOWN($C5623/24,0)+1,1))-1)+IF('Standard Profiles'!$G$19=$B$10,7,0)+IF('Standard Profiles'!$G$19=$B$17,14,0)+IF('Standard Profiles'!$G$19=$B$24,21,0),0)),0)</f>
        <v>0</v>
      </c>
      <c r="F5623" cm="1">
        <f t="array" ref="F5623">IFERROR(INDEX(Jesper!AJ$2:AJ$366,ROUNDDOWN($C5623/24,0)+1,1)*INDEX($D$3:$AA$30,INDEX(Jesper!$R$2:$R$366,ROW(INDEX(Jesper!AJ$2:AJ$366,ROUNDDOWN($C5623/24,0)+1,1))-1)+IF('Standard Profiles'!$G$20=$B$10,7,0)+IF('Standard Profiles'!$G$20=$B$17,14,0)+IF('Standard Profiles'!$G$20=$B$24,21,0),MOD($C5623,24)+1)/SUM(INDEX($D$3:$AA$30,INDEX(Jesper!$R$2:$R$366,ROW(INDEX(Jesper!AJ$2:AJ$366,ROUNDDOWN($C5623/24,0)+1,1))-1)+IF('Standard Profiles'!$G$20=$B$10,7,0)+IF('Standard Profiles'!$G$20=$B$17,14,0)+IF('Standard Profiles'!$G$20=$B$24,21,0),0)),0)</f>
        <v>0</v>
      </c>
      <c r="G5623" cm="1">
        <f t="array" ref="G5623">IFERROR(INDEX(Jesper!AK$2:AK$366,ROUNDDOWN($C5623/24,0)+1,1)*INDEX($D$3:$AA$30,INDEX(Jesper!$R$2:$R$366,ROW(INDEX(Jesper!AK$2:AK$366,ROUNDDOWN($C5623/24,0)+1,1))-1)+IF('Standard Profiles'!$G$21=$B$10,7,0)+IF('Standard Profiles'!$G$21=$B$17,14,0)+IF('Standard Profiles'!$G$21=$B$24,21,0),MOD($C5623,24)+1)/SUM(INDEX($D$3:$AA$30,INDEX(Jesper!$R$2:$R$366,ROW(INDEX(Jesper!AK$2:AK$366,ROUNDDOWN($C5623/24,0)+1,1))-1)+IF('Standard Profiles'!$G$21=$B$10,7,0)+IF('Standard Profiles'!$G$21=$B$17,14,0)+IF('Standard Profiles'!$G$21=$B$24,21,0),0)),0)</f>
        <v>0</v>
      </c>
      <c r="H5623" cm="1">
        <f t="array" ref="H5623">IFERROR(INDEX(Jesper!AL$2:AL$366,ROUNDDOWN($C5623/24,0)+1,1)*INDEX($D$3:$AA$30,INDEX(Jesper!$R$2:$R$366,ROW(INDEX(Jesper!AL$2:AL$366,ROUNDDOWN($C5623/24,0)+1,1))-1)+IF('Standard Profiles'!$G$22=$B$10,7,0)+IF('Standard Profiles'!$G$22=$B$17,14,0)+IF('Standard Profiles'!$G$22=$B$24,21,0),MOD($C5623,24)+1)/SUM(INDEX($D$3:$AA$30,INDEX(Jesper!$R$2:$R$366,ROW(INDEX(Jesper!AL$2:AL$366,ROUNDDOWN($C5623/24,0)+1,1))-1)+IF('Standard Profiles'!$G$22=$B$10,7,0)+IF('Standard Profiles'!$G$22=$B$17,14,0)+IF('Standard Profiles'!$G$22=$B$24,21,0),0)),0)</f>
        <v>0</v>
      </c>
      <c r="I5623">
        <f t="shared" si="629"/>
        <v>0.20696602756954208</v>
      </c>
      <c r="J5623">
        <f t="shared" si="630"/>
        <v>0.68988675856514037</v>
      </c>
      <c r="K5623">
        <f t="shared" si="631"/>
        <v>1.0348301378477105</v>
      </c>
      <c r="L5623">
        <f t="shared" si="632"/>
        <v>4.9671846616690098</v>
      </c>
      <c r="M5623">
        <f t="shared" si="633"/>
        <v>0</v>
      </c>
      <c r="N5623" s="46">
        <f t="shared" si="634"/>
        <v>45524.874999986445</v>
      </c>
    </row>
    <row r="5624" spans="2:14" x14ac:dyDescent="0.3">
      <c r="B5624">
        <f t="shared" si="628"/>
        <v>2</v>
      </c>
      <c r="C5624" s="16">
        <v>5590</v>
      </c>
      <c r="D5624" cm="1">
        <f t="array" ref="D5624">IFERROR(INDEX(Jesper!AH$2:AH$366,ROUNDDOWN($C5624/24,0)+1,1)*INDEX($D$3:$AA$30,INDEX(Jesper!$R$2:$R$366,ROW(INDEX(Jesper!AH$2:AH$366,ROUNDDOWN($C5624/24,0)+1,1))-1)+IF('Standard Profiles'!$G$18=$B$10,7,0)+IF('Standard Profiles'!$G$18=$B$17,14,0)+IF('Standard Profiles'!$G$18=$B$24,21,0),MOD($C5624,24)+1)/SUM(INDEX($D$3:$AA$30,INDEX(Jesper!$R$2:$R$366,ROW(INDEX(Jesper!AH$2:AH$366,ROUNDDOWN($C5624/24,0)+1,1))-1)+IF('Standard Profiles'!$G$18=$B$10,7,0)+IF('Standard Profiles'!$G$18=$B$17,14,0)+IF('Standard Profiles'!$G$18=$B$24,21,0),0)),0)</f>
        <v>6.898867585651403</v>
      </c>
      <c r="E5624" cm="1">
        <f t="array" ref="E5624">IFERROR(INDEX(Jesper!AI$2:AI$366,ROUNDDOWN($C5624/24,0)+1,1)*INDEX($D$3:$AA$30,INDEX(Jesper!$R$2:$R$366,ROW(INDEX(Jesper!AI$2:AI$366,ROUNDDOWN($C5624/24,0)+1,1))-1)+IF('Standard Profiles'!$G$19=$B$10,7,0)+IF('Standard Profiles'!$G$19=$B$17,14,0)+IF('Standard Profiles'!$G$19=$B$24,21,0),MOD($C5624,24)+1)/SUM(INDEX($D$3:$AA$30,INDEX(Jesper!$R$2:$R$366,ROW(INDEX(Jesper!AI$2:AI$366,ROUNDDOWN($C5624/24,0)+1,1))-1)+IF('Standard Profiles'!$G$19=$B$10,7,0)+IF('Standard Profiles'!$G$19=$B$17,14,0)+IF('Standard Profiles'!$G$19=$B$24,21,0),0)),0)</f>
        <v>0</v>
      </c>
      <c r="F5624" cm="1">
        <f t="array" ref="F5624">IFERROR(INDEX(Jesper!AJ$2:AJ$366,ROUNDDOWN($C5624/24,0)+1,1)*INDEX($D$3:$AA$30,INDEX(Jesper!$R$2:$R$366,ROW(INDEX(Jesper!AJ$2:AJ$366,ROUNDDOWN($C5624/24,0)+1,1))-1)+IF('Standard Profiles'!$G$20=$B$10,7,0)+IF('Standard Profiles'!$G$20=$B$17,14,0)+IF('Standard Profiles'!$G$20=$B$24,21,0),MOD($C5624,24)+1)/SUM(INDEX($D$3:$AA$30,INDEX(Jesper!$R$2:$R$366,ROW(INDEX(Jesper!AJ$2:AJ$366,ROUNDDOWN($C5624/24,0)+1,1))-1)+IF('Standard Profiles'!$G$20=$B$10,7,0)+IF('Standard Profiles'!$G$20=$B$17,14,0)+IF('Standard Profiles'!$G$20=$B$24,21,0),0)),0)</f>
        <v>0</v>
      </c>
      <c r="G5624" cm="1">
        <f t="array" ref="G5624">IFERROR(INDEX(Jesper!AK$2:AK$366,ROUNDDOWN($C5624/24,0)+1,1)*INDEX($D$3:$AA$30,INDEX(Jesper!$R$2:$R$366,ROW(INDEX(Jesper!AK$2:AK$366,ROUNDDOWN($C5624/24,0)+1,1))-1)+IF('Standard Profiles'!$G$21=$B$10,7,0)+IF('Standard Profiles'!$G$21=$B$17,14,0)+IF('Standard Profiles'!$G$21=$B$24,21,0),MOD($C5624,24)+1)/SUM(INDEX($D$3:$AA$30,INDEX(Jesper!$R$2:$R$366,ROW(INDEX(Jesper!AK$2:AK$366,ROUNDDOWN($C5624/24,0)+1,1))-1)+IF('Standard Profiles'!$G$21=$B$10,7,0)+IF('Standard Profiles'!$G$21=$B$17,14,0)+IF('Standard Profiles'!$G$21=$B$24,21,0),0)),0)</f>
        <v>0</v>
      </c>
      <c r="H5624" cm="1">
        <f t="array" ref="H5624">IFERROR(INDEX(Jesper!AL$2:AL$366,ROUNDDOWN($C5624/24,0)+1,1)*INDEX($D$3:$AA$30,INDEX(Jesper!$R$2:$R$366,ROW(INDEX(Jesper!AL$2:AL$366,ROUNDDOWN($C5624/24,0)+1,1))-1)+IF('Standard Profiles'!$G$22=$B$10,7,0)+IF('Standard Profiles'!$G$22=$B$17,14,0)+IF('Standard Profiles'!$G$22=$B$24,21,0),MOD($C5624,24)+1)/SUM(INDEX($D$3:$AA$30,INDEX(Jesper!$R$2:$R$366,ROW(INDEX(Jesper!AL$2:AL$366,ROUNDDOWN($C5624/24,0)+1,1))-1)+IF('Standard Profiles'!$G$22=$B$10,7,0)+IF('Standard Profiles'!$G$22=$B$17,14,0)+IF('Standard Profiles'!$G$22=$B$24,21,0),0)),0)</f>
        <v>0</v>
      </c>
      <c r="I5624">
        <f t="shared" si="629"/>
        <v>0.20696602756954208</v>
      </c>
      <c r="J5624">
        <f t="shared" si="630"/>
        <v>0.68988675856514037</v>
      </c>
      <c r="K5624">
        <f t="shared" si="631"/>
        <v>1.0348301378477105</v>
      </c>
      <c r="L5624">
        <f t="shared" si="632"/>
        <v>4.9671846616690098</v>
      </c>
      <c r="M5624">
        <f t="shared" si="633"/>
        <v>0</v>
      </c>
      <c r="N5624" s="46">
        <f t="shared" si="634"/>
        <v>45524.916666653109</v>
      </c>
    </row>
    <row r="5625" spans="2:14" x14ac:dyDescent="0.3">
      <c r="B5625">
        <f t="shared" si="628"/>
        <v>2</v>
      </c>
      <c r="C5625" s="16">
        <v>5591</v>
      </c>
      <c r="D5625" cm="1">
        <f t="array" ref="D5625">IFERROR(INDEX(Jesper!AH$2:AH$366,ROUNDDOWN($C5625/24,0)+1,1)*INDEX($D$3:$AA$30,INDEX(Jesper!$R$2:$R$366,ROW(INDEX(Jesper!AH$2:AH$366,ROUNDDOWN($C5625/24,0)+1,1))-1)+IF('Standard Profiles'!$G$18=$B$10,7,0)+IF('Standard Profiles'!$G$18=$B$17,14,0)+IF('Standard Profiles'!$G$18=$B$24,21,0),MOD($C5625,24)+1)/SUM(INDEX($D$3:$AA$30,INDEX(Jesper!$R$2:$R$366,ROW(INDEX(Jesper!AH$2:AH$366,ROUNDDOWN($C5625/24,0)+1,1))-1)+IF('Standard Profiles'!$G$18=$B$10,7,0)+IF('Standard Profiles'!$G$18=$B$17,14,0)+IF('Standard Profiles'!$G$18=$B$24,21,0),0)),0)</f>
        <v>6.898867585651403</v>
      </c>
      <c r="E5625" cm="1">
        <f t="array" ref="E5625">IFERROR(INDEX(Jesper!AI$2:AI$366,ROUNDDOWN($C5625/24,0)+1,1)*INDEX($D$3:$AA$30,INDEX(Jesper!$R$2:$R$366,ROW(INDEX(Jesper!AI$2:AI$366,ROUNDDOWN($C5625/24,0)+1,1))-1)+IF('Standard Profiles'!$G$19=$B$10,7,0)+IF('Standard Profiles'!$G$19=$B$17,14,0)+IF('Standard Profiles'!$G$19=$B$24,21,0),MOD($C5625,24)+1)/SUM(INDEX($D$3:$AA$30,INDEX(Jesper!$R$2:$R$366,ROW(INDEX(Jesper!AI$2:AI$366,ROUNDDOWN($C5625/24,0)+1,1))-1)+IF('Standard Profiles'!$G$19=$B$10,7,0)+IF('Standard Profiles'!$G$19=$B$17,14,0)+IF('Standard Profiles'!$G$19=$B$24,21,0),0)),0)</f>
        <v>0</v>
      </c>
      <c r="F5625" cm="1">
        <f t="array" ref="F5625">IFERROR(INDEX(Jesper!AJ$2:AJ$366,ROUNDDOWN($C5625/24,0)+1,1)*INDEX($D$3:$AA$30,INDEX(Jesper!$R$2:$R$366,ROW(INDEX(Jesper!AJ$2:AJ$366,ROUNDDOWN($C5625/24,0)+1,1))-1)+IF('Standard Profiles'!$G$20=$B$10,7,0)+IF('Standard Profiles'!$G$20=$B$17,14,0)+IF('Standard Profiles'!$G$20=$B$24,21,0),MOD($C5625,24)+1)/SUM(INDEX($D$3:$AA$30,INDEX(Jesper!$R$2:$R$366,ROW(INDEX(Jesper!AJ$2:AJ$366,ROUNDDOWN($C5625/24,0)+1,1))-1)+IF('Standard Profiles'!$G$20=$B$10,7,0)+IF('Standard Profiles'!$G$20=$B$17,14,0)+IF('Standard Profiles'!$G$20=$B$24,21,0),0)),0)</f>
        <v>0</v>
      </c>
      <c r="G5625" cm="1">
        <f t="array" ref="G5625">IFERROR(INDEX(Jesper!AK$2:AK$366,ROUNDDOWN($C5625/24,0)+1,1)*INDEX($D$3:$AA$30,INDEX(Jesper!$R$2:$R$366,ROW(INDEX(Jesper!AK$2:AK$366,ROUNDDOWN($C5625/24,0)+1,1))-1)+IF('Standard Profiles'!$G$21=$B$10,7,0)+IF('Standard Profiles'!$G$21=$B$17,14,0)+IF('Standard Profiles'!$G$21=$B$24,21,0),MOD($C5625,24)+1)/SUM(INDEX($D$3:$AA$30,INDEX(Jesper!$R$2:$R$366,ROW(INDEX(Jesper!AK$2:AK$366,ROUNDDOWN($C5625/24,0)+1,1))-1)+IF('Standard Profiles'!$G$21=$B$10,7,0)+IF('Standard Profiles'!$G$21=$B$17,14,0)+IF('Standard Profiles'!$G$21=$B$24,21,0),0)),0)</f>
        <v>0</v>
      </c>
      <c r="H5625" cm="1">
        <f t="array" ref="H5625">IFERROR(INDEX(Jesper!AL$2:AL$366,ROUNDDOWN($C5625/24,0)+1,1)*INDEX($D$3:$AA$30,INDEX(Jesper!$R$2:$R$366,ROW(INDEX(Jesper!AL$2:AL$366,ROUNDDOWN($C5625/24,0)+1,1))-1)+IF('Standard Profiles'!$G$22=$B$10,7,0)+IF('Standard Profiles'!$G$22=$B$17,14,0)+IF('Standard Profiles'!$G$22=$B$24,21,0),MOD($C5625,24)+1)/SUM(INDEX($D$3:$AA$30,INDEX(Jesper!$R$2:$R$366,ROW(INDEX(Jesper!AL$2:AL$366,ROUNDDOWN($C5625/24,0)+1,1))-1)+IF('Standard Profiles'!$G$22=$B$10,7,0)+IF('Standard Profiles'!$G$22=$B$17,14,0)+IF('Standard Profiles'!$G$22=$B$24,21,0),0)),0)</f>
        <v>0</v>
      </c>
      <c r="I5625">
        <f t="shared" si="629"/>
        <v>0.20696602756954208</v>
      </c>
      <c r="J5625">
        <f t="shared" si="630"/>
        <v>0.68988675856514037</v>
      </c>
      <c r="K5625">
        <f t="shared" si="631"/>
        <v>1.0348301378477105</v>
      </c>
      <c r="L5625">
        <f t="shared" si="632"/>
        <v>4.9671846616690098</v>
      </c>
      <c r="M5625">
        <f t="shared" si="633"/>
        <v>0</v>
      </c>
      <c r="N5625" s="46">
        <f t="shared" si="634"/>
        <v>45524.958333319773</v>
      </c>
    </row>
    <row r="5626" spans="2:14" x14ac:dyDescent="0.3">
      <c r="B5626">
        <f t="shared" si="628"/>
        <v>3</v>
      </c>
      <c r="C5626" s="16">
        <v>5592</v>
      </c>
      <c r="D5626" cm="1">
        <f t="array" ref="D5626">IFERROR(INDEX(Jesper!AH$2:AH$366,ROUNDDOWN($C5626/24,0)+1,1)*INDEX($D$3:$AA$30,INDEX(Jesper!$R$2:$R$366,ROW(INDEX(Jesper!AH$2:AH$366,ROUNDDOWN($C5626/24,0)+1,1))-1)+IF('Standard Profiles'!$G$18=$B$10,7,0)+IF('Standard Profiles'!$G$18=$B$17,14,0)+IF('Standard Profiles'!$G$18=$B$24,21,0),MOD($C5626,24)+1)/SUM(INDEX($D$3:$AA$30,INDEX(Jesper!$R$2:$R$366,ROW(INDEX(Jesper!AH$2:AH$366,ROUNDDOWN($C5626/24,0)+1,1))-1)+IF('Standard Profiles'!$G$18=$B$10,7,0)+IF('Standard Profiles'!$G$18=$B$17,14,0)+IF('Standard Profiles'!$G$18=$B$24,21,0),0)),0)</f>
        <v>6.1620178090763558</v>
      </c>
      <c r="E5626" cm="1">
        <f t="array" ref="E5626">IFERROR(INDEX(Jesper!AI$2:AI$366,ROUNDDOWN($C5626/24,0)+1,1)*INDEX($D$3:$AA$30,INDEX(Jesper!$R$2:$R$366,ROW(INDEX(Jesper!AI$2:AI$366,ROUNDDOWN($C5626/24,0)+1,1))-1)+IF('Standard Profiles'!$G$19=$B$10,7,0)+IF('Standard Profiles'!$G$19=$B$17,14,0)+IF('Standard Profiles'!$G$19=$B$24,21,0),MOD($C5626,24)+1)/SUM(INDEX($D$3:$AA$30,INDEX(Jesper!$R$2:$R$366,ROW(INDEX(Jesper!AI$2:AI$366,ROUNDDOWN($C5626/24,0)+1,1))-1)+IF('Standard Profiles'!$G$19=$B$10,7,0)+IF('Standard Profiles'!$G$19=$B$17,14,0)+IF('Standard Profiles'!$G$19=$B$24,21,0),0)),0)</f>
        <v>0</v>
      </c>
      <c r="F5626" cm="1">
        <f t="array" ref="F5626">IFERROR(INDEX(Jesper!AJ$2:AJ$366,ROUNDDOWN($C5626/24,0)+1,1)*INDEX($D$3:$AA$30,INDEX(Jesper!$R$2:$R$366,ROW(INDEX(Jesper!AJ$2:AJ$366,ROUNDDOWN($C5626/24,0)+1,1))-1)+IF('Standard Profiles'!$G$20=$B$10,7,0)+IF('Standard Profiles'!$G$20=$B$17,14,0)+IF('Standard Profiles'!$G$20=$B$24,21,0),MOD($C5626,24)+1)/SUM(INDEX($D$3:$AA$30,INDEX(Jesper!$R$2:$R$366,ROW(INDEX(Jesper!AJ$2:AJ$366,ROUNDDOWN($C5626/24,0)+1,1))-1)+IF('Standard Profiles'!$G$20=$B$10,7,0)+IF('Standard Profiles'!$G$20=$B$17,14,0)+IF('Standard Profiles'!$G$20=$B$24,21,0),0)),0)</f>
        <v>0</v>
      </c>
      <c r="G5626" cm="1">
        <f t="array" ref="G5626">IFERROR(INDEX(Jesper!AK$2:AK$366,ROUNDDOWN($C5626/24,0)+1,1)*INDEX($D$3:$AA$30,INDEX(Jesper!$R$2:$R$366,ROW(INDEX(Jesper!AK$2:AK$366,ROUNDDOWN($C5626/24,0)+1,1))-1)+IF('Standard Profiles'!$G$21=$B$10,7,0)+IF('Standard Profiles'!$G$21=$B$17,14,0)+IF('Standard Profiles'!$G$21=$B$24,21,0),MOD($C5626,24)+1)/SUM(INDEX($D$3:$AA$30,INDEX(Jesper!$R$2:$R$366,ROW(INDEX(Jesper!AK$2:AK$366,ROUNDDOWN($C5626/24,0)+1,1))-1)+IF('Standard Profiles'!$G$21=$B$10,7,0)+IF('Standard Profiles'!$G$21=$B$17,14,0)+IF('Standard Profiles'!$G$21=$B$24,21,0),0)),0)</f>
        <v>0</v>
      </c>
      <c r="H5626" cm="1">
        <f t="array" ref="H5626">IFERROR(INDEX(Jesper!AL$2:AL$366,ROUNDDOWN($C5626/24,0)+1,1)*INDEX($D$3:$AA$30,INDEX(Jesper!$R$2:$R$366,ROW(INDEX(Jesper!AL$2:AL$366,ROUNDDOWN($C5626/24,0)+1,1))-1)+IF('Standard Profiles'!$G$22=$B$10,7,0)+IF('Standard Profiles'!$G$22=$B$17,14,0)+IF('Standard Profiles'!$G$22=$B$24,21,0),MOD($C5626,24)+1)/SUM(INDEX($D$3:$AA$30,INDEX(Jesper!$R$2:$R$366,ROW(INDEX(Jesper!AL$2:AL$366,ROUNDDOWN($C5626/24,0)+1,1))-1)+IF('Standard Profiles'!$G$22=$B$10,7,0)+IF('Standard Profiles'!$G$22=$B$17,14,0)+IF('Standard Profiles'!$G$22=$B$24,21,0),0)),0)</f>
        <v>0</v>
      </c>
      <c r="I5626">
        <f t="shared" si="629"/>
        <v>0.18486053427229066</v>
      </c>
      <c r="J5626">
        <f t="shared" si="630"/>
        <v>0.61620178090763567</v>
      </c>
      <c r="K5626">
        <f t="shared" si="631"/>
        <v>0.92430267136145328</v>
      </c>
      <c r="L5626">
        <f t="shared" si="632"/>
        <v>4.4366528225349757</v>
      </c>
      <c r="M5626">
        <f t="shared" si="633"/>
        <v>0</v>
      </c>
      <c r="N5626" s="46">
        <f t="shared" si="634"/>
        <v>45524.999999986438</v>
      </c>
    </row>
    <row r="5627" spans="2:14" x14ac:dyDescent="0.3">
      <c r="B5627">
        <f t="shared" si="628"/>
        <v>3</v>
      </c>
      <c r="C5627" s="16">
        <v>5593</v>
      </c>
      <c r="D5627" cm="1">
        <f t="array" ref="D5627">IFERROR(INDEX(Jesper!AH$2:AH$366,ROUNDDOWN($C5627/24,0)+1,1)*INDEX($D$3:$AA$30,INDEX(Jesper!$R$2:$R$366,ROW(INDEX(Jesper!AH$2:AH$366,ROUNDDOWN($C5627/24,0)+1,1))-1)+IF('Standard Profiles'!$G$18=$B$10,7,0)+IF('Standard Profiles'!$G$18=$B$17,14,0)+IF('Standard Profiles'!$G$18=$B$24,21,0),MOD($C5627,24)+1)/SUM(INDEX($D$3:$AA$30,INDEX(Jesper!$R$2:$R$366,ROW(INDEX(Jesper!AH$2:AH$366,ROUNDDOWN($C5627/24,0)+1,1))-1)+IF('Standard Profiles'!$G$18=$B$10,7,0)+IF('Standard Profiles'!$G$18=$B$17,14,0)+IF('Standard Profiles'!$G$18=$B$24,21,0),0)),0)</f>
        <v>6.9322700352108999</v>
      </c>
      <c r="E5627" cm="1">
        <f t="array" ref="E5627">IFERROR(INDEX(Jesper!AI$2:AI$366,ROUNDDOWN($C5627/24,0)+1,1)*INDEX($D$3:$AA$30,INDEX(Jesper!$R$2:$R$366,ROW(INDEX(Jesper!AI$2:AI$366,ROUNDDOWN($C5627/24,0)+1,1))-1)+IF('Standard Profiles'!$G$19=$B$10,7,0)+IF('Standard Profiles'!$G$19=$B$17,14,0)+IF('Standard Profiles'!$G$19=$B$24,21,0),MOD($C5627,24)+1)/SUM(INDEX($D$3:$AA$30,INDEX(Jesper!$R$2:$R$366,ROW(INDEX(Jesper!AI$2:AI$366,ROUNDDOWN($C5627/24,0)+1,1))-1)+IF('Standard Profiles'!$G$19=$B$10,7,0)+IF('Standard Profiles'!$G$19=$B$17,14,0)+IF('Standard Profiles'!$G$19=$B$24,21,0),0)),0)</f>
        <v>0</v>
      </c>
      <c r="F5627" cm="1">
        <f t="array" ref="F5627">IFERROR(INDEX(Jesper!AJ$2:AJ$366,ROUNDDOWN($C5627/24,0)+1,1)*INDEX($D$3:$AA$30,INDEX(Jesper!$R$2:$R$366,ROW(INDEX(Jesper!AJ$2:AJ$366,ROUNDDOWN($C5627/24,0)+1,1))-1)+IF('Standard Profiles'!$G$20=$B$10,7,0)+IF('Standard Profiles'!$G$20=$B$17,14,0)+IF('Standard Profiles'!$G$20=$B$24,21,0),MOD($C5627,24)+1)/SUM(INDEX($D$3:$AA$30,INDEX(Jesper!$R$2:$R$366,ROW(INDEX(Jesper!AJ$2:AJ$366,ROUNDDOWN($C5627/24,0)+1,1))-1)+IF('Standard Profiles'!$G$20=$B$10,7,0)+IF('Standard Profiles'!$G$20=$B$17,14,0)+IF('Standard Profiles'!$G$20=$B$24,21,0),0)),0)</f>
        <v>0</v>
      </c>
      <c r="G5627" cm="1">
        <f t="array" ref="G5627">IFERROR(INDEX(Jesper!AK$2:AK$366,ROUNDDOWN($C5627/24,0)+1,1)*INDEX($D$3:$AA$30,INDEX(Jesper!$R$2:$R$366,ROW(INDEX(Jesper!AK$2:AK$366,ROUNDDOWN($C5627/24,0)+1,1))-1)+IF('Standard Profiles'!$G$21=$B$10,7,0)+IF('Standard Profiles'!$G$21=$B$17,14,0)+IF('Standard Profiles'!$G$21=$B$24,21,0),MOD($C5627,24)+1)/SUM(INDEX($D$3:$AA$30,INDEX(Jesper!$R$2:$R$366,ROW(INDEX(Jesper!AK$2:AK$366,ROUNDDOWN($C5627/24,0)+1,1))-1)+IF('Standard Profiles'!$G$21=$B$10,7,0)+IF('Standard Profiles'!$G$21=$B$17,14,0)+IF('Standard Profiles'!$G$21=$B$24,21,0),0)),0)</f>
        <v>0</v>
      </c>
      <c r="H5627" cm="1">
        <f t="array" ref="H5627">IFERROR(INDEX(Jesper!AL$2:AL$366,ROUNDDOWN($C5627/24,0)+1,1)*INDEX($D$3:$AA$30,INDEX(Jesper!$R$2:$R$366,ROW(INDEX(Jesper!AL$2:AL$366,ROUNDDOWN($C5627/24,0)+1,1))-1)+IF('Standard Profiles'!$G$22=$B$10,7,0)+IF('Standard Profiles'!$G$22=$B$17,14,0)+IF('Standard Profiles'!$G$22=$B$24,21,0),MOD($C5627,24)+1)/SUM(INDEX($D$3:$AA$30,INDEX(Jesper!$R$2:$R$366,ROW(INDEX(Jesper!AL$2:AL$366,ROUNDDOWN($C5627/24,0)+1,1))-1)+IF('Standard Profiles'!$G$22=$B$10,7,0)+IF('Standard Profiles'!$G$22=$B$17,14,0)+IF('Standard Profiles'!$G$22=$B$24,21,0),0)),0)</f>
        <v>0</v>
      </c>
      <c r="I5627">
        <f t="shared" si="629"/>
        <v>0.20796810105632699</v>
      </c>
      <c r="J5627">
        <f t="shared" si="630"/>
        <v>0.69322700352109001</v>
      </c>
      <c r="K5627">
        <f t="shared" si="631"/>
        <v>1.0398405052816349</v>
      </c>
      <c r="L5627">
        <f t="shared" si="632"/>
        <v>4.9912344253518475</v>
      </c>
      <c r="M5627">
        <f t="shared" si="633"/>
        <v>0</v>
      </c>
      <c r="N5627" s="46">
        <f t="shared" si="634"/>
        <v>45525.041666653102</v>
      </c>
    </row>
    <row r="5628" spans="2:14" x14ac:dyDescent="0.3">
      <c r="B5628">
        <f t="shared" si="628"/>
        <v>3</v>
      </c>
      <c r="C5628" s="16">
        <v>5594</v>
      </c>
      <c r="D5628" cm="1">
        <f t="array" ref="D5628">IFERROR(INDEX(Jesper!AH$2:AH$366,ROUNDDOWN($C5628/24,0)+1,1)*INDEX($D$3:$AA$30,INDEX(Jesper!$R$2:$R$366,ROW(INDEX(Jesper!AH$2:AH$366,ROUNDDOWN($C5628/24,0)+1,1))-1)+IF('Standard Profiles'!$G$18=$B$10,7,0)+IF('Standard Profiles'!$G$18=$B$17,14,0)+IF('Standard Profiles'!$G$18=$B$24,21,0),MOD($C5628,24)+1)/SUM(INDEX($D$3:$AA$30,INDEX(Jesper!$R$2:$R$366,ROW(INDEX(Jesper!AH$2:AH$366,ROUNDDOWN($C5628/24,0)+1,1))-1)+IF('Standard Profiles'!$G$18=$B$10,7,0)+IF('Standard Profiles'!$G$18=$B$17,14,0)+IF('Standard Profiles'!$G$18=$B$24,21,0),0)),0)</f>
        <v>6.9322700352108999</v>
      </c>
      <c r="E5628" cm="1">
        <f t="array" ref="E5628">IFERROR(INDEX(Jesper!AI$2:AI$366,ROUNDDOWN($C5628/24,0)+1,1)*INDEX($D$3:$AA$30,INDEX(Jesper!$R$2:$R$366,ROW(INDEX(Jesper!AI$2:AI$366,ROUNDDOWN($C5628/24,0)+1,1))-1)+IF('Standard Profiles'!$G$19=$B$10,7,0)+IF('Standard Profiles'!$G$19=$B$17,14,0)+IF('Standard Profiles'!$G$19=$B$24,21,0),MOD($C5628,24)+1)/SUM(INDEX($D$3:$AA$30,INDEX(Jesper!$R$2:$R$366,ROW(INDEX(Jesper!AI$2:AI$366,ROUNDDOWN($C5628/24,0)+1,1))-1)+IF('Standard Profiles'!$G$19=$B$10,7,0)+IF('Standard Profiles'!$G$19=$B$17,14,0)+IF('Standard Profiles'!$G$19=$B$24,21,0),0)),0)</f>
        <v>0</v>
      </c>
      <c r="F5628" cm="1">
        <f t="array" ref="F5628">IFERROR(INDEX(Jesper!AJ$2:AJ$366,ROUNDDOWN($C5628/24,0)+1,1)*INDEX($D$3:$AA$30,INDEX(Jesper!$R$2:$R$366,ROW(INDEX(Jesper!AJ$2:AJ$366,ROUNDDOWN($C5628/24,0)+1,1))-1)+IF('Standard Profiles'!$G$20=$B$10,7,0)+IF('Standard Profiles'!$G$20=$B$17,14,0)+IF('Standard Profiles'!$G$20=$B$24,21,0),MOD($C5628,24)+1)/SUM(INDEX($D$3:$AA$30,INDEX(Jesper!$R$2:$R$366,ROW(INDEX(Jesper!AJ$2:AJ$366,ROUNDDOWN($C5628/24,0)+1,1))-1)+IF('Standard Profiles'!$G$20=$B$10,7,0)+IF('Standard Profiles'!$G$20=$B$17,14,0)+IF('Standard Profiles'!$G$20=$B$24,21,0),0)),0)</f>
        <v>0</v>
      </c>
      <c r="G5628" cm="1">
        <f t="array" ref="G5628">IFERROR(INDEX(Jesper!AK$2:AK$366,ROUNDDOWN($C5628/24,0)+1,1)*INDEX($D$3:$AA$30,INDEX(Jesper!$R$2:$R$366,ROW(INDEX(Jesper!AK$2:AK$366,ROUNDDOWN($C5628/24,0)+1,1))-1)+IF('Standard Profiles'!$G$21=$B$10,7,0)+IF('Standard Profiles'!$G$21=$B$17,14,0)+IF('Standard Profiles'!$G$21=$B$24,21,0),MOD($C5628,24)+1)/SUM(INDEX($D$3:$AA$30,INDEX(Jesper!$R$2:$R$366,ROW(INDEX(Jesper!AK$2:AK$366,ROUNDDOWN($C5628/24,0)+1,1))-1)+IF('Standard Profiles'!$G$21=$B$10,7,0)+IF('Standard Profiles'!$G$21=$B$17,14,0)+IF('Standard Profiles'!$G$21=$B$24,21,0),0)),0)</f>
        <v>0</v>
      </c>
      <c r="H5628" cm="1">
        <f t="array" ref="H5628">IFERROR(INDEX(Jesper!AL$2:AL$366,ROUNDDOWN($C5628/24,0)+1,1)*INDEX($D$3:$AA$30,INDEX(Jesper!$R$2:$R$366,ROW(INDEX(Jesper!AL$2:AL$366,ROUNDDOWN($C5628/24,0)+1,1))-1)+IF('Standard Profiles'!$G$22=$B$10,7,0)+IF('Standard Profiles'!$G$22=$B$17,14,0)+IF('Standard Profiles'!$G$22=$B$24,21,0),MOD($C5628,24)+1)/SUM(INDEX($D$3:$AA$30,INDEX(Jesper!$R$2:$R$366,ROW(INDEX(Jesper!AL$2:AL$366,ROUNDDOWN($C5628/24,0)+1,1))-1)+IF('Standard Profiles'!$G$22=$B$10,7,0)+IF('Standard Profiles'!$G$22=$B$17,14,0)+IF('Standard Profiles'!$G$22=$B$24,21,0),0)),0)</f>
        <v>0</v>
      </c>
      <c r="I5628">
        <f t="shared" si="629"/>
        <v>0.20796810105632699</v>
      </c>
      <c r="J5628">
        <f t="shared" si="630"/>
        <v>0.69322700352109001</v>
      </c>
      <c r="K5628">
        <f t="shared" si="631"/>
        <v>1.0398405052816349</v>
      </c>
      <c r="L5628">
        <f t="shared" si="632"/>
        <v>4.9912344253518475</v>
      </c>
      <c r="M5628">
        <f t="shared" si="633"/>
        <v>0</v>
      </c>
      <c r="N5628" s="46">
        <f t="shared" si="634"/>
        <v>45525.083333319766</v>
      </c>
    </row>
    <row r="5629" spans="2:14" x14ac:dyDescent="0.3">
      <c r="B5629">
        <f t="shared" si="628"/>
        <v>3</v>
      </c>
      <c r="C5629" s="16">
        <v>5595</v>
      </c>
      <c r="D5629" cm="1">
        <f t="array" ref="D5629">IFERROR(INDEX(Jesper!AH$2:AH$366,ROUNDDOWN($C5629/24,0)+1,1)*INDEX($D$3:$AA$30,INDEX(Jesper!$R$2:$R$366,ROW(INDEX(Jesper!AH$2:AH$366,ROUNDDOWN($C5629/24,0)+1,1))-1)+IF('Standard Profiles'!$G$18=$B$10,7,0)+IF('Standard Profiles'!$G$18=$B$17,14,0)+IF('Standard Profiles'!$G$18=$B$24,21,0),MOD($C5629,24)+1)/SUM(INDEX($D$3:$AA$30,INDEX(Jesper!$R$2:$R$366,ROW(INDEX(Jesper!AH$2:AH$366,ROUNDDOWN($C5629/24,0)+1,1))-1)+IF('Standard Profiles'!$G$18=$B$10,7,0)+IF('Standard Profiles'!$G$18=$B$17,14,0)+IF('Standard Profiles'!$G$18=$B$24,21,0),0)),0)</f>
        <v>6.9322700352108999</v>
      </c>
      <c r="E5629" cm="1">
        <f t="array" ref="E5629">IFERROR(INDEX(Jesper!AI$2:AI$366,ROUNDDOWN($C5629/24,0)+1,1)*INDEX($D$3:$AA$30,INDEX(Jesper!$R$2:$R$366,ROW(INDEX(Jesper!AI$2:AI$366,ROUNDDOWN($C5629/24,0)+1,1))-1)+IF('Standard Profiles'!$G$19=$B$10,7,0)+IF('Standard Profiles'!$G$19=$B$17,14,0)+IF('Standard Profiles'!$G$19=$B$24,21,0),MOD($C5629,24)+1)/SUM(INDEX($D$3:$AA$30,INDEX(Jesper!$R$2:$R$366,ROW(INDEX(Jesper!AI$2:AI$366,ROUNDDOWN($C5629/24,0)+1,1))-1)+IF('Standard Profiles'!$G$19=$B$10,7,0)+IF('Standard Profiles'!$G$19=$B$17,14,0)+IF('Standard Profiles'!$G$19=$B$24,21,0),0)),0)</f>
        <v>0</v>
      </c>
      <c r="F5629" cm="1">
        <f t="array" ref="F5629">IFERROR(INDEX(Jesper!AJ$2:AJ$366,ROUNDDOWN($C5629/24,0)+1,1)*INDEX($D$3:$AA$30,INDEX(Jesper!$R$2:$R$366,ROW(INDEX(Jesper!AJ$2:AJ$366,ROUNDDOWN($C5629/24,0)+1,1))-1)+IF('Standard Profiles'!$G$20=$B$10,7,0)+IF('Standard Profiles'!$G$20=$B$17,14,0)+IF('Standard Profiles'!$G$20=$B$24,21,0),MOD($C5629,24)+1)/SUM(INDEX($D$3:$AA$30,INDEX(Jesper!$R$2:$R$366,ROW(INDEX(Jesper!AJ$2:AJ$366,ROUNDDOWN($C5629/24,0)+1,1))-1)+IF('Standard Profiles'!$G$20=$B$10,7,0)+IF('Standard Profiles'!$G$20=$B$17,14,0)+IF('Standard Profiles'!$G$20=$B$24,21,0),0)),0)</f>
        <v>0</v>
      </c>
      <c r="G5629" cm="1">
        <f t="array" ref="G5629">IFERROR(INDEX(Jesper!AK$2:AK$366,ROUNDDOWN($C5629/24,0)+1,1)*INDEX($D$3:$AA$30,INDEX(Jesper!$R$2:$R$366,ROW(INDEX(Jesper!AK$2:AK$366,ROUNDDOWN($C5629/24,0)+1,1))-1)+IF('Standard Profiles'!$G$21=$B$10,7,0)+IF('Standard Profiles'!$G$21=$B$17,14,0)+IF('Standard Profiles'!$G$21=$B$24,21,0),MOD($C5629,24)+1)/SUM(INDEX($D$3:$AA$30,INDEX(Jesper!$R$2:$R$366,ROW(INDEX(Jesper!AK$2:AK$366,ROUNDDOWN($C5629/24,0)+1,1))-1)+IF('Standard Profiles'!$G$21=$B$10,7,0)+IF('Standard Profiles'!$G$21=$B$17,14,0)+IF('Standard Profiles'!$G$21=$B$24,21,0),0)),0)</f>
        <v>0</v>
      </c>
      <c r="H5629" cm="1">
        <f t="array" ref="H5629">IFERROR(INDEX(Jesper!AL$2:AL$366,ROUNDDOWN($C5629/24,0)+1,1)*INDEX($D$3:$AA$30,INDEX(Jesper!$R$2:$R$366,ROW(INDEX(Jesper!AL$2:AL$366,ROUNDDOWN($C5629/24,0)+1,1))-1)+IF('Standard Profiles'!$G$22=$B$10,7,0)+IF('Standard Profiles'!$G$22=$B$17,14,0)+IF('Standard Profiles'!$G$22=$B$24,21,0),MOD($C5629,24)+1)/SUM(INDEX($D$3:$AA$30,INDEX(Jesper!$R$2:$R$366,ROW(INDEX(Jesper!AL$2:AL$366,ROUNDDOWN($C5629/24,0)+1,1))-1)+IF('Standard Profiles'!$G$22=$B$10,7,0)+IF('Standard Profiles'!$G$22=$B$17,14,0)+IF('Standard Profiles'!$G$22=$B$24,21,0),0)),0)</f>
        <v>0</v>
      </c>
      <c r="I5629">
        <f t="shared" si="629"/>
        <v>0.20796810105632699</v>
      </c>
      <c r="J5629">
        <f t="shared" si="630"/>
        <v>0.69322700352109001</v>
      </c>
      <c r="K5629">
        <f t="shared" si="631"/>
        <v>1.0398405052816349</v>
      </c>
      <c r="L5629">
        <f t="shared" si="632"/>
        <v>4.9912344253518475</v>
      </c>
      <c r="M5629">
        <f t="shared" si="633"/>
        <v>0</v>
      </c>
      <c r="N5629" s="46">
        <f t="shared" si="634"/>
        <v>45525.12499998643</v>
      </c>
    </row>
    <row r="5630" spans="2:14" x14ac:dyDescent="0.3">
      <c r="B5630">
        <f t="shared" si="628"/>
        <v>3</v>
      </c>
      <c r="C5630" s="16">
        <v>5596</v>
      </c>
      <c r="D5630" cm="1">
        <f t="array" ref="D5630">IFERROR(INDEX(Jesper!AH$2:AH$366,ROUNDDOWN($C5630/24,0)+1,1)*INDEX($D$3:$AA$30,INDEX(Jesper!$R$2:$R$366,ROW(INDEX(Jesper!AH$2:AH$366,ROUNDDOWN($C5630/24,0)+1,1))-1)+IF('Standard Profiles'!$G$18=$B$10,7,0)+IF('Standard Profiles'!$G$18=$B$17,14,0)+IF('Standard Profiles'!$G$18=$B$24,21,0),MOD($C5630,24)+1)/SUM(INDEX($D$3:$AA$30,INDEX(Jesper!$R$2:$R$366,ROW(INDEX(Jesper!AH$2:AH$366,ROUNDDOWN($C5630/24,0)+1,1))-1)+IF('Standard Profiles'!$G$18=$B$10,7,0)+IF('Standard Profiles'!$G$18=$B$17,14,0)+IF('Standard Profiles'!$G$18=$B$24,21,0),0)),0)</f>
        <v>6.9322700352108999</v>
      </c>
      <c r="E5630" cm="1">
        <f t="array" ref="E5630">IFERROR(INDEX(Jesper!AI$2:AI$366,ROUNDDOWN($C5630/24,0)+1,1)*INDEX($D$3:$AA$30,INDEX(Jesper!$R$2:$R$366,ROW(INDEX(Jesper!AI$2:AI$366,ROUNDDOWN($C5630/24,0)+1,1))-1)+IF('Standard Profiles'!$G$19=$B$10,7,0)+IF('Standard Profiles'!$G$19=$B$17,14,0)+IF('Standard Profiles'!$G$19=$B$24,21,0),MOD($C5630,24)+1)/SUM(INDEX($D$3:$AA$30,INDEX(Jesper!$R$2:$R$366,ROW(INDEX(Jesper!AI$2:AI$366,ROUNDDOWN($C5630/24,0)+1,1))-1)+IF('Standard Profiles'!$G$19=$B$10,7,0)+IF('Standard Profiles'!$G$19=$B$17,14,0)+IF('Standard Profiles'!$G$19=$B$24,21,0),0)),0)</f>
        <v>0</v>
      </c>
      <c r="F5630" cm="1">
        <f t="array" ref="F5630">IFERROR(INDEX(Jesper!AJ$2:AJ$366,ROUNDDOWN($C5630/24,0)+1,1)*INDEX($D$3:$AA$30,INDEX(Jesper!$R$2:$R$366,ROW(INDEX(Jesper!AJ$2:AJ$366,ROUNDDOWN($C5630/24,0)+1,1))-1)+IF('Standard Profiles'!$G$20=$B$10,7,0)+IF('Standard Profiles'!$G$20=$B$17,14,0)+IF('Standard Profiles'!$G$20=$B$24,21,0),MOD($C5630,24)+1)/SUM(INDEX($D$3:$AA$30,INDEX(Jesper!$R$2:$R$366,ROW(INDEX(Jesper!AJ$2:AJ$366,ROUNDDOWN($C5630/24,0)+1,1))-1)+IF('Standard Profiles'!$G$20=$B$10,7,0)+IF('Standard Profiles'!$G$20=$B$17,14,0)+IF('Standard Profiles'!$G$20=$B$24,21,0),0)),0)</f>
        <v>0</v>
      </c>
      <c r="G5630" cm="1">
        <f t="array" ref="G5630">IFERROR(INDEX(Jesper!AK$2:AK$366,ROUNDDOWN($C5630/24,0)+1,1)*INDEX($D$3:$AA$30,INDEX(Jesper!$R$2:$R$366,ROW(INDEX(Jesper!AK$2:AK$366,ROUNDDOWN($C5630/24,0)+1,1))-1)+IF('Standard Profiles'!$G$21=$B$10,7,0)+IF('Standard Profiles'!$G$21=$B$17,14,0)+IF('Standard Profiles'!$G$21=$B$24,21,0),MOD($C5630,24)+1)/SUM(INDEX($D$3:$AA$30,INDEX(Jesper!$R$2:$R$366,ROW(INDEX(Jesper!AK$2:AK$366,ROUNDDOWN($C5630/24,0)+1,1))-1)+IF('Standard Profiles'!$G$21=$B$10,7,0)+IF('Standard Profiles'!$G$21=$B$17,14,0)+IF('Standard Profiles'!$G$21=$B$24,21,0),0)),0)</f>
        <v>0</v>
      </c>
      <c r="H5630" cm="1">
        <f t="array" ref="H5630">IFERROR(INDEX(Jesper!AL$2:AL$366,ROUNDDOWN($C5630/24,0)+1,1)*INDEX($D$3:$AA$30,INDEX(Jesper!$R$2:$R$366,ROW(INDEX(Jesper!AL$2:AL$366,ROUNDDOWN($C5630/24,0)+1,1))-1)+IF('Standard Profiles'!$G$22=$B$10,7,0)+IF('Standard Profiles'!$G$22=$B$17,14,0)+IF('Standard Profiles'!$G$22=$B$24,21,0),MOD($C5630,24)+1)/SUM(INDEX($D$3:$AA$30,INDEX(Jesper!$R$2:$R$366,ROW(INDEX(Jesper!AL$2:AL$366,ROUNDDOWN($C5630/24,0)+1,1))-1)+IF('Standard Profiles'!$G$22=$B$10,7,0)+IF('Standard Profiles'!$G$22=$B$17,14,0)+IF('Standard Profiles'!$G$22=$B$24,21,0),0)),0)</f>
        <v>0</v>
      </c>
      <c r="I5630">
        <f t="shared" si="629"/>
        <v>0.20796810105632699</v>
      </c>
      <c r="J5630">
        <f t="shared" si="630"/>
        <v>0.69322700352109001</v>
      </c>
      <c r="K5630">
        <f t="shared" si="631"/>
        <v>1.0398405052816349</v>
      </c>
      <c r="L5630">
        <f t="shared" si="632"/>
        <v>4.9912344253518475</v>
      </c>
      <c r="M5630">
        <f t="shared" si="633"/>
        <v>0</v>
      </c>
      <c r="N5630" s="46">
        <f t="shared" si="634"/>
        <v>45525.166666653095</v>
      </c>
    </row>
    <row r="5631" spans="2:14" x14ac:dyDescent="0.3">
      <c r="B5631">
        <f t="shared" si="628"/>
        <v>3</v>
      </c>
      <c r="C5631" s="16">
        <v>5597</v>
      </c>
      <c r="D5631" cm="1">
        <f t="array" ref="D5631">IFERROR(INDEX(Jesper!AH$2:AH$366,ROUNDDOWN($C5631/24,0)+1,1)*INDEX($D$3:$AA$30,INDEX(Jesper!$R$2:$R$366,ROW(INDEX(Jesper!AH$2:AH$366,ROUNDDOWN($C5631/24,0)+1,1))-1)+IF('Standard Profiles'!$G$18=$B$10,7,0)+IF('Standard Profiles'!$G$18=$B$17,14,0)+IF('Standard Profiles'!$G$18=$B$24,21,0),MOD($C5631,24)+1)/SUM(INDEX($D$3:$AA$30,INDEX(Jesper!$R$2:$R$366,ROW(INDEX(Jesper!AH$2:AH$366,ROUNDDOWN($C5631/24,0)+1,1))-1)+IF('Standard Profiles'!$G$18=$B$10,7,0)+IF('Standard Profiles'!$G$18=$B$17,14,0)+IF('Standard Profiles'!$G$18=$B$24,21,0),0)),0)</f>
        <v>8.9349258231607145</v>
      </c>
      <c r="E5631" cm="1">
        <f t="array" ref="E5631">IFERROR(INDEX(Jesper!AI$2:AI$366,ROUNDDOWN($C5631/24,0)+1,1)*INDEX($D$3:$AA$30,INDEX(Jesper!$R$2:$R$366,ROW(INDEX(Jesper!AI$2:AI$366,ROUNDDOWN($C5631/24,0)+1,1))-1)+IF('Standard Profiles'!$G$19=$B$10,7,0)+IF('Standard Profiles'!$G$19=$B$17,14,0)+IF('Standard Profiles'!$G$19=$B$24,21,0),MOD($C5631,24)+1)/SUM(INDEX($D$3:$AA$30,INDEX(Jesper!$R$2:$R$366,ROW(INDEX(Jesper!AI$2:AI$366,ROUNDDOWN($C5631/24,0)+1,1))-1)+IF('Standard Profiles'!$G$19=$B$10,7,0)+IF('Standard Profiles'!$G$19=$B$17,14,0)+IF('Standard Profiles'!$G$19=$B$24,21,0),0)),0)</f>
        <v>0</v>
      </c>
      <c r="F5631" cm="1">
        <f t="array" ref="F5631">IFERROR(INDEX(Jesper!AJ$2:AJ$366,ROUNDDOWN($C5631/24,0)+1,1)*INDEX($D$3:$AA$30,INDEX(Jesper!$R$2:$R$366,ROW(INDEX(Jesper!AJ$2:AJ$366,ROUNDDOWN($C5631/24,0)+1,1))-1)+IF('Standard Profiles'!$G$20=$B$10,7,0)+IF('Standard Profiles'!$G$20=$B$17,14,0)+IF('Standard Profiles'!$G$20=$B$24,21,0),MOD($C5631,24)+1)/SUM(INDEX($D$3:$AA$30,INDEX(Jesper!$R$2:$R$366,ROW(INDEX(Jesper!AJ$2:AJ$366,ROUNDDOWN($C5631/24,0)+1,1))-1)+IF('Standard Profiles'!$G$20=$B$10,7,0)+IF('Standard Profiles'!$G$20=$B$17,14,0)+IF('Standard Profiles'!$G$20=$B$24,21,0),0)),0)</f>
        <v>0</v>
      </c>
      <c r="G5631" cm="1">
        <f t="array" ref="G5631">IFERROR(INDEX(Jesper!AK$2:AK$366,ROUNDDOWN($C5631/24,0)+1,1)*INDEX($D$3:$AA$30,INDEX(Jesper!$R$2:$R$366,ROW(INDEX(Jesper!AK$2:AK$366,ROUNDDOWN($C5631/24,0)+1,1))-1)+IF('Standard Profiles'!$G$21=$B$10,7,0)+IF('Standard Profiles'!$G$21=$B$17,14,0)+IF('Standard Profiles'!$G$21=$B$24,21,0),MOD($C5631,24)+1)/SUM(INDEX($D$3:$AA$30,INDEX(Jesper!$R$2:$R$366,ROW(INDEX(Jesper!AK$2:AK$366,ROUNDDOWN($C5631/24,0)+1,1))-1)+IF('Standard Profiles'!$G$21=$B$10,7,0)+IF('Standard Profiles'!$G$21=$B$17,14,0)+IF('Standard Profiles'!$G$21=$B$24,21,0),0)),0)</f>
        <v>0</v>
      </c>
      <c r="H5631" cm="1">
        <f t="array" ref="H5631">IFERROR(INDEX(Jesper!AL$2:AL$366,ROUNDDOWN($C5631/24,0)+1,1)*INDEX($D$3:$AA$30,INDEX(Jesper!$R$2:$R$366,ROW(INDEX(Jesper!AL$2:AL$366,ROUNDDOWN($C5631/24,0)+1,1))-1)+IF('Standard Profiles'!$G$22=$B$10,7,0)+IF('Standard Profiles'!$G$22=$B$17,14,0)+IF('Standard Profiles'!$G$22=$B$24,21,0),MOD($C5631,24)+1)/SUM(INDEX($D$3:$AA$30,INDEX(Jesper!$R$2:$R$366,ROW(INDEX(Jesper!AL$2:AL$366,ROUNDDOWN($C5631/24,0)+1,1))-1)+IF('Standard Profiles'!$G$22=$B$10,7,0)+IF('Standard Profiles'!$G$22=$B$17,14,0)+IF('Standard Profiles'!$G$22=$B$24,21,0),0)),0)</f>
        <v>0</v>
      </c>
      <c r="I5631">
        <f t="shared" si="629"/>
        <v>0.26804777469482144</v>
      </c>
      <c r="J5631">
        <f t="shared" si="630"/>
        <v>0.89349258231607154</v>
      </c>
      <c r="K5631">
        <f t="shared" si="631"/>
        <v>1.3402388734741071</v>
      </c>
      <c r="L5631">
        <f t="shared" si="632"/>
        <v>6.4331465926757145</v>
      </c>
      <c r="M5631">
        <f t="shared" si="633"/>
        <v>0</v>
      </c>
      <c r="N5631" s="46">
        <f t="shared" si="634"/>
        <v>45525.208333319759</v>
      </c>
    </row>
    <row r="5632" spans="2:14" x14ac:dyDescent="0.3">
      <c r="B5632">
        <f t="shared" si="628"/>
        <v>3</v>
      </c>
      <c r="C5632" s="16">
        <v>5598</v>
      </c>
      <c r="D5632" cm="1">
        <f t="array" ref="D5632">IFERROR(INDEX(Jesper!AH$2:AH$366,ROUNDDOWN($C5632/24,0)+1,1)*INDEX($D$3:$AA$30,INDEX(Jesper!$R$2:$R$366,ROW(INDEX(Jesper!AH$2:AH$366,ROUNDDOWN($C5632/24,0)+1,1))-1)+IF('Standard Profiles'!$G$18=$B$10,7,0)+IF('Standard Profiles'!$G$18=$B$17,14,0)+IF('Standard Profiles'!$G$18=$B$24,21,0),MOD($C5632,24)+1)/SUM(INDEX($D$3:$AA$30,INDEX(Jesper!$R$2:$R$366,ROW(INDEX(Jesper!AH$2:AH$366,ROUNDDOWN($C5632/24,0)+1,1))-1)+IF('Standard Profiles'!$G$18=$B$10,7,0)+IF('Standard Profiles'!$G$18=$B$17,14,0)+IF('Standard Profiles'!$G$18=$B$24,21,0),0)),0)</f>
        <v>10.321379830202895</v>
      </c>
      <c r="E5632" cm="1">
        <f t="array" ref="E5632">IFERROR(INDEX(Jesper!AI$2:AI$366,ROUNDDOWN($C5632/24,0)+1,1)*INDEX($D$3:$AA$30,INDEX(Jesper!$R$2:$R$366,ROW(INDEX(Jesper!AI$2:AI$366,ROUNDDOWN($C5632/24,0)+1,1))-1)+IF('Standard Profiles'!$G$19=$B$10,7,0)+IF('Standard Profiles'!$G$19=$B$17,14,0)+IF('Standard Profiles'!$G$19=$B$24,21,0),MOD($C5632,24)+1)/SUM(INDEX($D$3:$AA$30,INDEX(Jesper!$R$2:$R$366,ROW(INDEX(Jesper!AI$2:AI$366,ROUNDDOWN($C5632/24,0)+1,1))-1)+IF('Standard Profiles'!$G$19=$B$10,7,0)+IF('Standard Profiles'!$G$19=$B$17,14,0)+IF('Standard Profiles'!$G$19=$B$24,21,0),0)),0)</f>
        <v>0</v>
      </c>
      <c r="F5632" cm="1">
        <f t="array" ref="F5632">IFERROR(INDEX(Jesper!AJ$2:AJ$366,ROUNDDOWN($C5632/24,0)+1,1)*INDEX($D$3:$AA$30,INDEX(Jesper!$R$2:$R$366,ROW(INDEX(Jesper!AJ$2:AJ$366,ROUNDDOWN($C5632/24,0)+1,1))-1)+IF('Standard Profiles'!$G$20=$B$10,7,0)+IF('Standard Profiles'!$G$20=$B$17,14,0)+IF('Standard Profiles'!$G$20=$B$24,21,0),MOD($C5632,24)+1)/SUM(INDEX($D$3:$AA$30,INDEX(Jesper!$R$2:$R$366,ROW(INDEX(Jesper!AJ$2:AJ$366,ROUNDDOWN($C5632/24,0)+1,1))-1)+IF('Standard Profiles'!$G$20=$B$10,7,0)+IF('Standard Profiles'!$G$20=$B$17,14,0)+IF('Standard Profiles'!$G$20=$B$24,21,0),0)),0)</f>
        <v>0</v>
      </c>
      <c r="G5632" cm="1">
        <f t="array" ref="G5632">IFERROR(INDEX(Jesper!AK$2:AK$366,ROUNDDOWN($C5632/24,0)+1,1)*INDEX($D$3:$AA$30,INDEX(Jesper!$R$2:$R$366,ROW(INDEX(Jesper!AK$2:AK$366,ROUNDDOWN($C5632/24,0)+1,1))-1)+IF('Standard Profiles'!$G$21=$B$10,7,0)+IF('Standard Profiles'!$G$21=$B$17,14,0)+IF('Standard Profiles'!$G$21=$B$24,21,0),MOD($C5632,24)+1)/SUM(INDEX($D$3:$AA$30,INDEX(Jesper!$R$2:$R$366,ROW(INDEX(Jesper!AK$2:AK$366,ROUNDDOWN($C5632/24,0)+1,1))-1)+IF('Standard Profiles'!$G$21=$B$10,7,0)+IF('Standard Profiles'!$G$21=$B$17,14,0)+IF('Standard Profiles'!$G$21=$B$24,21,0),0)),0)</f>
        <v>0</v>
      </c>
      <c r="H5632" cm="1">
        <f t="array" ref="H5632">IFERROR(INDEX(Jesper!AL$2:AL$366,ROUNDDOWN($C5632/24,0)+1,1)*INDEX($D$3:$AA$30,INDEX(Jesper!$R$2:$R$366,ROW(INDEX(Jesper!AL$2:AL$366,ROUNDDOWN($C5632/24,0)+1,1))-1)+IF('Standard Profiles'!$G$22=$B$10,7,0)+IF('Standard Profiles'!$G$22=$B$17,14,0)+IF('Standard Profiles'!$G$22=$B$24,21,0),MOD($C5632,24)+1)/SUM(INDEX($D$3:$AA$30,INDEX(Jesper!$R$2:$R$366,ROW(INDEX(Jesper!AL$2:AL$366,ROUNDDOWN($C5632/24,0)+1,1))-1)+IF('Standard Profiles'!$G$22=$B$10,7,0)+IF('Standard Profiles'!$G$22=$B$17,14,0)+IF('Standard Profiles'!$G$22=$B$24,21,0),0)),0)</f>
        <v>0</v>
      </c>
      <c r="I5632">
        <f t="shared" si="629"/>
        <v>0.30964139490608683</v>
      </c>
      <c r="J5632">
        <f t="shared" si="630"/>
        <v>1.0321379830202895</v>
      </c>
      <c r="K5632">
        <f t="shared" si="631"/>
        <v>1.5482069745304343</v>
      </c>
      <c r="L5632">
        <f t="shared" si="632"/>
        <v>7.4313934777460844</v>
      </c>
      <c r="M5632">
        <f t="shared" si="633"/>
        <v>0</v>
      </c>
      <c r="N5632" s="46">
        <f t="shared" si="634"/>
        <v>45525.249999986423</v>
      </c>
    </row>
    <row r="5633" spans="2:14" x14ac:dyDescent="0.3">
      <c r="B5633">
        <f t="shared" si="628"/>
        <v>3</v>
      </c>
      <c r="C5633" s="16">
        <v>5599</v>
      </c>
      <c r="D5633" cm="1">
        <f t="array" ref="D5633">IFERROR(INDEX(Jesper!AH$2:AH$366,ROUNDDOWN($C5633/24,0)+1,1)*INDEX($D$3:$AA$30,INDEX(Jesper!$R$2:$R$366,ROW(INDEX(Jesper!AH$2:AH$366,ROUNDDOWN($C5633/24,0)+1,1))-1)+IF('Standard Profiles'!$G$18=$B$10,7,0)+IF('Standard Profiles'!$G$18=$B$17,14,0)+IF('Standard Profiles'!$G$18=$B$24,21,0),MOD($C5633,24)+1)/SUM(INDEX($D$3:$AA$30,INDEX(Jesper!$R$2:$R$366,ROW(INDEX(Jesper!AH$2:AH$366,ROUNDDOWN($C5633/24,0)+1,1))-1)+IF('Standard Profiles'!$G$18=$B$10,7,0)+IF('Standard Profiles'!$G$18=$B$17,14,0)+IF('Standard Profiles'!$G$18=$B$24,21,0),0)),0)</f>
        <v>10.321379830202895</v>
      </c>
      <c r="E5633" cm="1">
        <f t="array" ref="E5633">IFERROR(INDEX(Jesper!AI$2:AI$366,ROUNDDOWN($C5633/24,0)+1,1)*INDEX($D$3:$AA$30,INDEX(Jesper!$R$2:$R$366,ROW(INDEX(Jesper!AI$2:AI$366,ROUNDDOWN($C5633/24,0)+1,1))-1)+IF('Standard Profiles'!$G$19=$B$10,7,0)+IF('Standard Profiles'!$G$19=$B$17,14,0)+IF('Standard Profiles'!$G$19=$B$24,21,0),MOD($C5633,24)+1)/SUM(INDEX($D$3:$AA$30,INDEX(Jesper!$R$2:$R$366,ROW(INDEX(Jesper!AI$2:AI$366,ROUNDDOWN($C5633/24,0)+1,1))-1)+IF('Standard Profiles'!$G$19=$B$10,7,0)+IF('Standard Profiles'!$G$19=$B$17,14,0)+IF('Standard Profiles'!$G$19=$B$24,21,0),0)),0)</f>
        <v>0</v>
      </c>
      <c r="F5633" cm="1">
        <f t="array" ref="F5633">IFERROR(INDEX(Jesper!AJ$2:AJ$366,ROUNDDOWN($C5633/24,0)+1,1)*INDEX($D$3:$AA$30,INDEX(Jesper!$R$2:$R$366,ROW(INDEX(Jesper!AJ$2:AJ$366,ROUNDDOWN($C5633/24,0)+1,1))-1)+IF('Standard Profiles'!$G$20=$B$10,7,0)+IF('Standard Profiles'!$G$20=$B$17,14,0)+IF('Standard Profiles'!$G$20=$B$24,21,0),MOD($C5633,24)+1)/SUM(INDEX($D$3:$AA$30,INDEX(Jesper!$R$2:$R$366,ROW(INDEX(Jesper!AJ$2:AJ$366,ROUNDDOWN($C5633/24,0)+1,1))-1)+IF('Standard Profiles'!$G$20=$B$10,7,0)+IF('Standard Profiles'!$G$20=$B$17,14,0)+IF('Standard Profiles'!$G$20=$B$24,21,0),0)),0)</f>
        <v>0</v>
      </c>
      <c r="G5633" cm="1">
        <f t="array" ref="G5633">IFERROR(INDEX(Jesper!AK$2:AK$366,ROUNDDOWN($C5633/24,0)+1,1)*INDEX($D$3:$AA$30,INDEX(Jesper!$R$2:$R$366,ROW(INDEX(Jesper!AK$2:AK$366,ROUNDDOWN($C5633/24,0)+1,1))-1)+IF('Standard Profiles'!$G$21=$B$10,7,0)+IF('Standard Profiles'!$G$21=$B$17,14,0)+IF('Standard Profiles'!$G$21=$B$24,21,0),MOD($C5633,24)+1)/SUM(INDEX($D$3:$AA$30,INDEX(Jesper!$R$2:$R$366,ROW(INDEX(Jesper!AK$2:AK$366,ROUNDDOWN($C5633/24,0)+1,1))-1)+IF('Standard Profiles'!$G$21=$B$10,7,0)+IF('Standard Profiles'!$G$21=$B$17,14,0)+IF('Standard Profiles'!$G$21=$B$24,21,0),0)),0)</f>
        <v>0</v>
      </c>
      <c r="H5633" cm="1">
        <f t="array" ref="H5633">IFERROR(INDEX(Jesper!AL$2:AL$366,ROUNDDOWN($C5633/24,0)+1,1)*INDEX($D$3:$AA$30,INDEX(Jesper!$R$2:$R$366,ROW(INDEX(Jesper!AL$2:AL$366,ROUNDDOWN($C5633/24,0)+1,1))-1)+IF('Standard Profiles'!$G$22=$B$10,7,0)+IF('Standard Profiles'!$G$22=$B$17,14,0)+IF('Standard Profiles'!$G$22=$B$24,21,0),MOD($C5633,24)+1)/SUM(INDEX($D$3:$AA$30,INDEX(Jesper!$R$2:$R$366,ROW(INDEX(Jesper!AL$2:AL$366,ROUNDDOWN($C5633/24,0)+1,1))-1)+IF('Standard Profiles'!$G$22=$B$10,7,0)+IF('Standard Profiles'!$G$22=$B$17,14,0)+IF('Standard Profiles'!$G$22=$B$24,21,0),0)),0)</f>
        <v>0</v>
      </c>
      <c r="I5633">
        <f t="shared" si="629"/>
        <v>0.30964139490608683</v>
      </c>
      <c r="J5633">
        <f t="shared" si="630"/>
        <v>1.0321379830202895</v>
      </c>
      <c r="K5633">
        <f t="shared" si="631"/>
        <v>1.5482069745304343</v>
      </c>
      <c r="L5633">
        <f t="shared" si="632"/>
        <v>7.4313934777460844</v>
      </c>
      <c r="M5633">
        <f t="shared" si="633"/>
        <v>0</v>
      </c>
      <c r="N5633" s="46">
        <f t="shared" si="634"/>
        <v>45525.291666653087</v>
      </c>
    </row>
    <row r="5634" spans="2:14" x14ac:dyDescent="0.3">
      <c r="B5634">
        <f t="shared" si="628"/>
        <v>3</v>
      </c>
      <c r="C5634" s="16">
        <v>5600</v>
      </c>
      <c r="D5634" cm="1">
        <f t="array" ref="D5634">IFERROR(INDEX(Jesper!AH$2:AH$366,ROUNDDOWN($C5634/24,0)+1,1)*INDEX($D$3:$AA$30,INDEX(Jesper!$R$2:$R$366,ROW(INDEX(Jesper!AH$2:AH$366,ROUNDDOWN($C5634/24,0)+1,1))-1)+IF('Standard Profiles'!$G$18=$B$10,7,0)+IF('Standard Profiles'!$G$18=$B$17,14,0)+IF('Standard Profiles'!$G$18=$B$24,21,0),MOD($C5634,24)+1)/SUM(INDEX($D$3:$AA$30,INDEX(Jesper!$R$2:$R$366,ROW(INDEX(Jesper!AH$2:AH$366,ROUNDDOWN($C5634/24,0)+1,1))-1)+IF('Standard Profiles'!$G$18=$B$10,7,0)+IF('Standard Profiles'!$G$18=$B$17,14,0)+IF('Standard Profiles'!$G$18=$B$24,21,0),0)),0)</f>
        <v>10.321379830202895</v>
      </c>
      <c r="E5634" cm="1">
        <f t="array" ref="E5634">IFERROR(INDEX(Jesper!AI$2:AI$366,ROUNDDOWN($C5634/24,0)+1,1)*INDEX($D$3:$AA$30,INDEX(Jesper!$R$2:$R$366,ROW(INDEX(Jesper!AI$2:AI$366,ROUNDDOWN($C5634/24,0)+1,1))-1)+IF('Standard Profiles'!$G$19=$B$10,7,0)+IF('Standard Profiles'!$G$19=$B$17,14,0)+IF('Standard Profiles'!$G$19=$B$24,21,0),MOD($C5634,24)+1)/SUM(INDEX($D$3:$AA$30,INDEX(Jesper!$R$2:$R$366,ROW(INDEX(Jesper!AI$2:AI$366,ROUNDDOWN($C5634/24,0)+1,1))-1)+IF('Standard Profiles'!$G$19=$B$10,7,0)+IF('Standard Profiles'!$G$19=$B$17,14,0)+IF('Standard Profiles'!$G$19=$B$24,21,0),0)),0)</f>
        <v>0</v>
      </c>
      <c r="F5634" cm="1">
        <f t="array" ref="F5634">IFERROR(INDEX(Jesper!AJ$2:AJ$366,ROUNDDOWN($C5634/24,0)+1,1)*INDEX($D$3:$AA$30,INDEX(Jesper!$R$2:$R$366,ROW(INDEX(Jesper!AJ$2:AJ$366,ROUNDDOWN($C5634/24,0)+1,1))-1)+IF('Standard Profiles'!$G$20=$B$10,7,0)+IF('Standard Profiles'!$G$20=$B$17,14,0)+IF('Standard Profiles'!$G$20=$B$24,21,0),MOD($C5634,24)+1)/SUM(INDEX($D$3:$AA$30,INDEX(Jesper!$R$2:$R$366,ROW(INDEX(Jesper!AJ$2:AJ$366,ROUNDDOWN($C5634/24,0)+1,1))-1)+IF('Standard Profiles'!$G$20=$B$10,7,0)+IF('Standard Profiles'!$G$20=$B$17,14,0)+IF('Standard Profiles'!$G$20=$B$24,21,0),0)),0)</f>
        <v>0</v>
      </c>
      <c r="G5634" cm="1">
        <f t="array" ref="G5634">IFERROR(INDEX(Jesper!AK$2:AK$366,ROUNDDOWN($C5634/24,0)+1,1)*INDEX($D$3:$AA$30,INDEX(Jesper!$R$2:$R$366,ROW(INDEX(Jesper!AK$2:AK$366,ROUNDDOWN($C5634/24,0)+1,1))-1)+IF('Standard Profiles'!$G$21=$B$10,7,0)+IF('Standard Profiles'!$G$21=$B$17,14,0)+IF('Standard Profiles'!$G$21=$B$24,21,0),MOD($C5634,24)+1)/SUM(INDEX($D$3:$AA$30,INDEX(Jesper!$R$2:$R$366,ROW(INDEX(Jesper!AK$2:AK$366,ROUNDDOWN($C5634/24,0)+1,1))-1)+IF('Standard Profiles'!$G$21=$B$10,7,0)+IF('Standard Profiles'!$G$21=$B$17,14,0)+IF('Standard Profiles'!$G$21=$B$24,21,0),0)),0)</f>
        <v>0</v>
      </c>
      <c r="H5634" cm="1">
        <f t="array" ref="H5634">IFERROR(INDEX(Jesper!AL$2:AL$366,ROUNDDOWN($C5634/24,0)+1,1)*INDEX($D$3:$AA$30,INDEX(Jesper!$R$2:$R$366,ROW(INDEX(Jesper!AL$2:AL$366,ROUNDDOWN($C5634/24,0)+1,1))-1)+IF('Standard Profiles'!$G$22=$B$10,7,0)+IF('Standard Profiles'!$G$22=$B$17,14,0)+IF('Standard Profiles'!$G$22=$B$24,21,0),MOD($C5634,24)+1)/SUM(INDEX($D$3:$AA$30,INDEX(Jesper!$R$2:$R$366,ROW(INDEX(Jesper!AL$2:AL$366,ROUNDDOWN($C5634/24,0)+1,1))-1)+IF('Standard Profiles'!$G$22=$B$10,7,0)+IF('Standard Profiles'!$G$22=$B$17,14,0)+IF('Standard Profiles'!$G$22=$B$24,21,0),0)),0)</f>
        <v>0</v>
      </c>
      <c r="I5634">
        <f t="shared" si="629"/>
        <v>0.30964139490608683</v>
      </c>
      <c r="J5634">
        <f t="shared" si="630"/>
        <v>1.0321379830202895</v>
      </c>
      <c r="K5634">
        <f t="shared" si="631"/>
        <v>1.5482069745304343</v>
      </c>
      <c r="L5634">
        <f t="shared" si="632"/>
        <v>7.4313934777460844</v>
      </c>
      <c r="M5634">
        <f t="shared" si="633"/>
        <v>0</v>
      </c>
      <c r="N5634" s="46">
        <f t="shared" si="634"/>
        <v>45525.333333319752</v>
      </c>
    </row>
    <row r="5635" spans="2:14" x14ac:dyDescent="0.3">
      <c r="B5635">
        <f t="shared" si="628"/>
        <v>3</v>
      </c>
      <c r="C5635" s="16">
        <v>5601</v>
      </c>
      <c r="D5635" cm="1">
        <f t="array" ref="D5635">IFERROR(INDEX(Jesper!AH$2:AH$366,ROUNDDOWN($C5635/24,0)+1,1)*INDEX($D$3:$AA$30,INDEX(Jesper!$R$2:$R$366,ROW(INDEX(Jesper!AH$2:AH$366,ROUNDDOWN($C5635/24,0)+1,1))-1)+IF('Standard Profiles'!$G$18=$B$10,7,0)+IF('Standard Profiles'!$G$18=$B$17,14,0)+IF('Standard Profiles'!$G$18=$B$24,21,0),MOD($C5635,24)+1)/SUM(INDEX($D$3:$AA$30,INDEX(Jesper!$R$2:$R$366,ROW(INDEX(Jesper!AH$2:AH$366,ROUNDDOWN($C5635/24,0)+1,1))-1)+IF('Standard Profiles'!$G$18=$B$10,7,0)+IF('Standard Profiles'!$G$18=$B$17,14,0)+IF('Standard Profiles'!$G$18=$B$24,21,0),0)),0)</f>
        <v>11.09163205633744</v>
      </c>
      <c r="E5635" cm="1">
        <f t="array" ref="E5635">IFERROR(INDEX(Jesper!AI$2:AI$366,ROUNDDOWN($C5635/24,0)+1,1)*INDEX($D$3:$AA$30,INDEX(Jesper!$R$2:$R$366,ROW(INDEX(Jesper!AI$2:AI$366,ROUNDDOWN($C5635/24,0)+1,1))-1)+IF('Standard Profiles'!$G$19=$B$10,7,0)+IF('Standard Profiles'!$G$19=$B$17,14,0)+IF('Standard Profiles'!$G$19=$B$24,21,0),MOD($C5635,24)+1)/SUM(INDEX($D$3:$AA$30,INDEX(Jesper!$R$2:$R$366,ROW(INDEX(Jesper!AI$2:AI$366,ROUNDDOWN($C5635/24,0)+1,1))-1)+IF('Standard Profiles'!$G$19=$B$10,7,0)+IF('Standard Profiles'!$G$19=$B$17,14,0)+IF('Standard Profiles'!$G$19=$B$24,21,0),0)),0)</f>
        <v>0</v>
      </c>
      <c r="F5635" cm="1">
        <f t="array" ref="F5635">IFERROR(INDEX(Jesper!AJ$2:AJ$366,ROUNDDOWN($C5635/24,0)+1,1)*INDEX($D$3:$AA$30,INDEX(Jesper!$R$2:$R$366,ROW(INDEX(Jesper!AJ$2:AJ$366,ROUNDDOWN($C5635/24,0)+1,1))-1)+IF('Standard Profiles'!$G$20=$B$10,7,0)+IF('Standard Profiles'!$G$20=$B$17,14,0)+IF('Standard Profiles'!$G$20=$B$24,21,0),MOD($C5635,24)+1)/SUM(INDEX($D$3:$AA$30,INDEX(Jesper!$R$2:$R$366,ROW(INDEX(Jesper!AJ$2:AJ$366,ROUNDDOWN($C5635/24,0)+1,1))-1)+IF('Standard Profiles'!$G$20=$B$10,7,0)+IF('Standard Profiles'!$G$20=$B$17,14,0)+IF('Standard Profiles'!$G$20=$B$24,21,0),0)),0)</f>
        <v>0</v>
      </c>
      <c r="G5635" cm="1">
        <f t="array" ref="G5635">IFERROR(INDEX(Jesper!AK$2:AK$366,ROUNDDOWN($C5635/24,0)+1,1)*INDEX($D$3:$AA$30,INDEX(Jesper!$R$2:$R$366,ROW(INDEX(Jesper!AK$2:AK$366,ROUNDDOWN($C5635/24,0)+1,1))-1)+IF('Standard Profiles'!$G$21=$B$10,7,0)+IF('Standard Profiles'!$G$21=$B$17,14,0)+IF('Standard Profiles'!$G$21=$B$24,21,0),MOD($C5635,24)+1)/SUM(INDEX($D$3:$AA$30,INDEX(Jesper!$R$2:$R$366,ROW(INDEX(Jesper!AK$2:AK$366,ROUNDDOWN($C5635/24,0)+1,1))-1)+IF('Standard Profiles'!$G$21=$B$10,7,0)+IF('Standard Profiles'!$G$21=$B$17,14,0)+IF('Standard Profiles'!$G$21=$B$24,21,0),0)),0)</f>
        <v>0</v>
      </c>
      <c r="H5635" cm="1">
        <f t="array" ref="H5635">IFERROR(INDEX(Jesper!AL$2:AL$366,ROUNDDOWN($C5635/24,0)+1,1)*INDEX($D$3:$AA$30,INDEX(Jesper!$R$2:$R$366,ROW(INDEX(Jesper!AL$2:AL$366,ROUNDDOWN($C5635/24,0)+1,1))-1)+IF('Standard Profiles'!$G$22=$B$10,7,0)+IF('Standard Profiles'!$G$22=$B$17,14,0)+IF('Standard Profiles'!$G$22=$B$24,21,0),MOD($C5635,24)+1)/SUM(INDEX($D$3:$AA$30,INDEX(Jesper!$R$2:$R$366,ROW(INDEX(Jesper!AL$2:AL$366,ROUNDDOWN($C5635/24,0)+1,1))-1)+IF('Standard Profiles'!$G$22=$B$10,7,0)+IF('Standard Profiles'!$G$22=$B$17,14,0)+IF('Standard Profiles'!$G$22=$B$24,21,0),0)),0)</f>
        <v>0</v>
      </c>
      <c r="I5635">
        <f t="shared" si="629"/>
        <v>0.33274896169012319</v>
      </c>
      <c r="J5635">
        <f t="shared" si="630"/>
        <v>1.1091632056337442</v>
      </c>
      <c r="K5635">
        <f t="shared" si="631"/>
        <v>1.6637448084506159</v>
      </c>
      <c r="L5635">
        <f t="shared" si="632"/>
        <v>7.985975080562957</v>
      </c>
      <c r="M5635">
        <f t="shared" si="633"/>
        <v>0</v>
      </c>
      <c r="N5635" s="46">
        <f t="shared" si="634"/>
        <v>45525.374999986416</v>
      </c>
    </row>
    <row r="5636" spans="2:14" x14ac:dyDescent="0.3">
      <c r="B5636">
        <f t="shared" si="628"/>
        <v>3</v>
      </c>
      <c r="C5636" s="16">
        <v>5602</v>
      </c>
      <c r="D5636" cm="1">
        <f t="array" ref="D5636">IFERROR(INDEX(Jesper!AH$2:AH$366,ROUNDDOWN($C5636/24,0)+1,1)*INDEX($D$3:$AA$30,INDEX(Jesper!$R$2:$R$366,ROW(INDEX(Jesper!AH$2:AH$366,ROUNDDOWN($C5636/24,0)+1,1))-1)+IF('Standard Profiles'!$G$18=$B$10,7,0)+IF('Standard Profiles'!$G$18=$B$17,14,0)+IF('Standard Profiles'!$G$18=$B$24,21,0),MOD($C5636,24)+1)/SUM(INDEX($D$3:$AA$30,INDEX(Jesper!$R$2:$R$366,ROW(INDEX(Jesper!AH$2:AH$366,ROUNDDOWN($C5636/24,0)+1,1))-1)+IF('Standard Profiles'!$G$18=$B$10,7,0)+IF('Standard Profiles'!$G$18=$B$17,14,0)+IF('Standard Profiles'!$G$18=$B$24,21,0),0)),0)</f>
        <v>12.015934727698893</v>
      </c>
      <c r="E5636" cm="1">
        <f t="array" ref="E5636">IFERROR(INDEX(Jesper!AI$2:AI$366,ROUNDDOWN($C5636/24,0)+1,1)*INDEX($D$3:$AA$30,INDEX(Jesper!$R$2:$R$366,ROW(INDEX(Jesper!AI$2:AI$366,ROUNDDOWN($C5636/24,0)+1,1))-1)+IF('Standard Profiles'!$G$19=$B$10,7,0)+IF('Standard Profiles'!$G$19=$B$17,14,0)+IF('Standard Profiles'!$G$19=$B$24,21,0),MOD($C5636,24)+1)/SUM(INDEX($D$3:$AA$30,INDEX(Jesper!$R$2:$R$366,ROW(INDEX(Jesper!AI$2:AI$366,ROUNDDOWN($C5636/24,0)+1,1))-1)+IF('Standard Profiles'!$G$19=$B$10,7,0)+IF('Standard Profiles'!$G$19=$B$17,14,0)+IF('Standard Profiles'!$G$19=$B$24,21,0),0)),0)</f>
        <v>0</v>
      </c>
      <c r="F5636" cm="1">
        <f t="array" ref="F5636">IFERROR(INDEX(Jesper!AJ$2:AJ$366,ROUNDDOWN($C5636/24,0)+1,1)*INDEX($D$3:$AA$30,INDEX(Jesper!$R$2:$R$366,ROW(INDEX(Jesper!AJ$2:AJ$366,ROUNDDOWN($C5636/24,0)+1,1))-1)+IF('Standard Profiles'!$G$20=$B$10,7,0)+IF('Standard Profiles'!$G$20=$B$17,14,0)+IF('Standard Profiles'!$G$20=$B$24,21,0),MOD($C5636,24)+1)/SUM(INDEX($D$3:$AA$30,INDEX(Jesper!$R$2:$R$366,ROW(INDEX(Jesper!AJ$2:AJ$366,ROUNDDOWN($C5636/24,0)+1,1))-1)+IF('Standard Profiles'!$G$20=$B$10,7,0)+IF('Standard Profiles'!$G$20=$B$17,14,0)+IF('Standard Profiles'!$G$20=$B$24,21,0),0)),0)</f>
        <v>0</v>
      </c>
      <c r="G5636" cm="1">
        <f t="array" ref="G5636">IFERROR(INDEX(Jesper!AK$2:AK$366,ROUNDDOWN($C5636/24,0)+1,1)*INDEX($D$3:$AA$30,INDEX(Jesper!$R$2:$R$366,ROW(INDEX(Jesper!AK$2:AK$366,ROUNDDOWN($C5636/24,0)+1,1))-1)+IF('Standard Profiles'!$G$21=$B$10,7,0)+IF('Standard Profiles'!$G$21=$B$17,14,0)+IF('Standard Profiles'!$G$21=$B$24,21,0),MOD($C5636,24)+1)/SUM(INDEX($D$3:$AA$30,INDEX(Jesper!$R$2:$R$366,ROW(INDEX(Jesper!AK$2:AK$366,ROUNDDOWN($C5636/24,0)+1,1))-1)+IF('Standard Profiles'!$G$21=$B$10,7,0)+IF('Standard Profiles'!$G$21=$B$17,14,0)+IF('Standard Profiles'!$G$21=$B$24,21,0),0)),0)</f>
        <v>0</v>
      </c>
      <c r="H5636" cm="1">
        <f t="array" ref="H5636">IFERROR(INDEX(Jesper!AL$2:AL$366,ROUNDDOWN($C5636/24,0)+1,1)*INDEX($D$3:$AA$30,INDEX(Jesper!$R$2:$R$366,ROW(INDEX(Jesper!AL$2:AL$366,ROUNDDOWN($C5636/24,0)+1,1))-1)+IF('Standard Profiles'!$G$22=$B$10,7,0)+IF('Standard Profiles'!$G$22=$B$17,14,0)+IF('Standard Profiles'!$G$22=$B$24,21,0),MOD($C5636,24)+1)/SUM(INDEX($D$3:$AA$30,INDEX(Jesper!$R$2:$R$366,ROW(INDEX(Jesper!AL$2:AL$366,ROUNDDOWN($C5636/24,0)+1,1))-1)+IF('Standard Profiles'!$G$22=$B$10,7,0)+IF('Standard Profiles'!$G$22=$B$17,14,0)+IF('Standard Profiles'!$G$22=$B$24,21,0),0)),0)</f>
        <v>0</v>
      </c>
      <c r="I5636">
        <f t="shared" si="629"/>
        <v>0.36047804183096677</v>
      </c>
      <c r="J5636">
        <f t="shared" si="630"/>
        <v>1.2015934727698894</v>
      </c>
      <c r="K5636">
        <f t="shared" si="631"/>
        <v>1.8023902091548338</v>
      </c>
      <c r="L5636">
        <f t="shared" si="632"/>
        <v>8.6514730039432024</v>
      </c>
      <c r="M5636">
        <f t="shared" si="633"/>
        <v>0</v>
      </c>
      <c r="N5636" s="46">
        <f t="shared" si="634"/>
        <v>45525.41666665308</v>
      </c>
    </row>
    <row r="5637" spans="2:14" x14ac:dyDescent="0.3">
      <c r="B5637">
        <f t="shared" si="628"/>
        <v>3</v>
      </c>
      <c r="C5637" s="16">
        <v>5603</v>
      </c>
      <c r="D5637" cm="1">
        <f t="array" ref="D5637">IFERROR(INDEX(Jesper!AH$2:AH$366,ROUNDDOWN($C5637/24,0)+1,1)*INDEX($D$3:$AA$30,INDEX(Jesper!$R$2:$R$366,ROW(INDEX(Jesper!AH$2:AH$366,ROUNDDOWN($C5637/24,0)+1,1))-1)+IF('Standard Profiles'!$G$18=$B$10,7,0)+IF('Standard Profiles'!$G$18=$B$17,14,0)+IF('Standard Profiles'!$G$18=$B$24,21,0),MOD($C5637,24)+1)/SUM(INDEX($D$3:$AA$30,INDEX(Jesper!$R$2:$R$366,ROW(INDEX(Jesper!AH$2:AH$366,ROUNDDOWN($C5637/24,0)+1,1))-1)+IF('Standard Profiles'!$G$18=$B$10,7,0)+IF('Standard Profiles'!$G$18=$B$17,14,0)+IF('Standard Profiles'!$G$18=$B$24,21,0),0)),0)</f>
        <v>13.8645400704218</v>
      </c>
      <c r="E5637" cm="1">
        <f t="array" ref="E5637">IFERROR(INDEX(Jesper!AI$2:AI$366,ROUNDDOWN($C5637/24,0)+1,1)*INDEX($D$3:$AA$30,INDEX(Jesper!$R$2:$R$366,ROW(INDEX(Jesper!AI$2:AI$366,ROUNDDOWN($C5637/24,0)+1,1))-1)+IF('Standard Profiles'!$G$19=$B$10,7,0)+IF('Standard Profiles'!$G$19=$B$17,14,0)+IF('Standard Profiles'!$G$19=$B$24,21,0),MOD($C5637,24)+1)/SUM(INDEX($D$3:$AA$30,INDEX(Jesper!$R$2:$R$366,ROW(INDEX(Jesper!AI$2:AI$366,ROUNDDOWN($C5637/24,0)+1,1))-1)+IF('Standard Profiles'!$G$19=$B$10,7,0)+IF('Standard Profiles'!$G$19=$B$17,14,0)+IF('Standard Profiles'!$G$19=$B$24,21,0),0)),0)</f>
        <v>0</v>
      </c>
      <c r="F5637" cm="1">
        <f t="array" ref="F5637">IFERROR(INDEX(Jesper!AJ$2:AJ$366,ROUNDDOWN($C5637/24,0)+1,1)*INDEX($D$3:$AA$30,INDEX(Jesper!$R$2:$R$366,ROW(INDEX(Jesper!AJ$2:AJ$366,ROUNDDOWN($C5637/24,0)+1,1))-1)+IF('Standard Profiles'!$G$20=$B$10,7,0)+IF('Standard Profiles'!$G$20=$B$17,14,0)+IF('Standard Profiles'!$G$20=$B$24,21,0),MOD($C5637,24)+1)/SUM(INDEX($D$3:$AA$30,INDEX(Jesper!$R$2:$R$366,ROW(INDEX(Jesper!AJ$2:AJ$366,ROUNDDOWN($C5637/24,0)+1,1))-1)+IF('Standard Profiles'!$G$20=$B$10,7,0)+IF('Standard Profiles'!$G$20=$B$17,14,0)+IF('Standard Profiles'!$G$20=$B$24,21,0),0)),0)</f>
        <v>0</v>
      </c>
      <c r="G5637" cm="1">
        <f t="array" ref="G5637">IFERROR(INDEX(Jesper!AK$2:AK$366,ROUNDDOWN($C5637/24,0)+1,1)*INDEX($D$3:$AA$30,INDEX(Jesper!$R$2:$R$366,ROW(INDEX(Jesper!AK$2:AK$366,ROUNDDOWN($C5637/24,0)+1,1))-1)+IF('Standard Profiles'!$G$21=$B$10,7,0)+IF('Standard Profiles'!$G$21=$B$17,14,0)+IF('Standard Profiles'!$G$21=$B$24,21,0),MOD($C5637,24)+1)/SUM(INDEX($D$3:$AA$30,INDEX(Jesper!$R$2:$R$366,ROW(INDEX(Jesper!AK$2:AK$366,ROUNDDOWN($C5637/24,0)+1,1))-1)+IF('Standard Profiles'!$G$21=$B$10,7,0)+IF('Standard Profiles'!$G$21=$B$17,14,0)+IF('Standard Profiles'!$G$21=$B$24,21,0),0)),0)</f>
        <v>0</v>
      </c>
      <c r="H5637" cm="1">
        <f t="array" ref="H5637">IFERROR(INDEX(Jesper!AL$2:AL$366,ROUNDDOWN($C5637/24,0)+1,1)*INDEX($D$3:$AA$30,INDEX(Jesper!$R$2:$R$366,ROW(INDEX(Jesper!AL$2:AL$366,ROUNDDOWN($C5637/24,0)+1,1))-1)+IF('Standard Profiles'!$G$22=$B$10,7,0)+IF('Standard Profiles'!$G$22=$B$17,14,0)+IF('Standard Profiles'!$G$22=$B$24,21,0),MOD($C5637,24)+1)/SUM(INDEX($D$3:$AA$30,INDEX(Jesper!$R$2:$R$366,ROW(INDEX(Jesper!AL$2:AL$366,ROUNDDOWN($C5637/24,0)+1,1))-1)+IF('Standard Profiles'!$G$22=$B$10,7,0)+IF('Standard Profiles'!$G$22=$B$17,14,0)+IF('Standard Profiles'!$G$22=$B$24,21,0),0)),0)</f>
        <v>0</v>
      </c>
      <c r="I5637">
        <f t="shared" si="629"/>
        <v>0.41593620211265397</v>
      </c>
      <c r="J5637">
        <f t="shared" si="630"/>
        <v>1.38645400704218</v>
      </c>
      <c r="K5637">
        <f t="shared" si="631"/>
        <v>2.0796810105632697</v>
      </c>
      <c r="L5637">
        <f t="shared" si="632"/>
        <v>9.9824688507036949</v>
      </c>
      <c r="M5637">
        <f t="shared" si="633"/>
        <v>0</v>
      </c>
      <c r="N5637" s="46">
        <f t="shared" si="634"/>
        <v>45525.458333319744</v>
      </c>
    </row>
    <row r="5638" spans="2:14" x14ac:dyDescent="0.3">
      <c r="B5638">
        <f t="shared" si="628"/>
        <v>3</v>
      </c>
      <c r="C5638" s="16">
        <v>5604</v>
      </c>
      <c r="D5638" cm="1">
        <f t="array" ref="D5638">IFERROR(INDEX(Jesper!AH$2:AH$366,ROUNDDOWN($C5638/24,0)+1,1)*INDEX($D$3:$AA$30,INDEX(Jesper!$R$2:$R$366,ROW(INDEX(Jesper!AH$2:AH$366,ROUNDDOWN($C5638/24,0)+1,1))-1)+IF('Standard Profiles'!$G$18=$B$10,7,0)+IF('Standard Profiles'!$G$18=$B$17,14,0)+IF('Standard Profiles'!$G$18=$B$24,21,0),MOD($C5638,24)+1)/SUM(INDEX($D$3:$AA$30,INDEX(Jesper!$R$2:$R$366,ROW(INDEX(Jesper!AH$2:AH$366,ROUNDDOWN($C5638/24,0)+1,1))-1)+IF('Standard Profiles'!$G$18=$B$10,7,0)+IF('Standard Profiles'!$G$18=$B$17,14,0)+IF('Standard Profiles'!$G$18=$B$24,21,0),0)),0)</f>
        <v>13.8645400704218</v>
      </c>
      <c r="E5638" cm="1">
        <f t="array" ref="E5638">IFERROR(INDEX(Jesper!AI$2:AI$366,ROUNDDOWN($C5638/24,0)+1,1)*INDEX($D$3:$AA$30,INDEX(Jesper!$R$2:$R$366,ROW(INDEX(Jesper!AI$2:AI$366,ROUNDDOWN($C5638/24,0)+1,1))-1)+IF('Standard Profiles'!$G$19=$B$10,7,0)+IF('Standard Profiles'!$G$19=$B$17,14,0)+IF('Standard Profiles'!$G$19=$B$24,21,0),MOD($C5638,24)+1)/SUM(INDEX($D$3:$AA$30,INDEX(Jesper!$R$2:$R$366,ROW(INDEX(Jesper!AI$2:AI$366,ROUNDDOWN($C5638/24,0)+1,1))-1)+IF('Standard Profiles'!$G$19=$B$10,7,0)+IF('Standard Profiles'!$G$19=$B$17,14,0)+IF('Standard Profiles'!$G$19=$B$24,21,0),0)),0)</f>
        <v>0</v>
      </c>
      <c r="F5638" cm="1">
        <f t="array" ref="F5638">IFERROR(INDEX(Jesper!AJ$2:AJ$366,ROUNDDOWN($C5638/24,0)+1,1)*INDEX($D$3:$AA$30,INDEX(Jesper!$R$2:$R$366,ROW(INDEX(Jesper!AJ$2:AJ$366,ROUNDDOWN($C5638/24,0)+1,1))-1)+IF('Standard Profiles'!$G$20=$B$10,7,0)+IF('Standard Profiles'!$G$20=$B$17,14,0)+IF('Standard Profiles'!$G$20=$B$24,21,0),MOD($C5638,24)+1)/SUM(INDEX($D$3:$AA$30,INDEX(Jesper!$R$2:$R$366,ROW(INDEX(Jesper!AJ$2:AJ$366,ROUNDDOWN($C5638/24,0)+1,1))-1)+IF('Standard Profiles'!$G$20=$B$10,7,0)+IF('Standard Profiles'!$G$20=$B$17,14,0)+IF('Standard Profiles'!$G$20=$B$24,21,0),0)),0)</f>
        <v>0</v>
      </c>
      <c r="G5638" cm="1">
        <f t="array" ref="G5638">IFERROR(INDEX(Jesper!AK$2:AK$366,ROUNDDOWN($C5638/24,0)+1,1)*INDEX($D$3:$AA$30,INDEX(Jesper!$R$2:$R$366,ROW(INDEX(Jesper!AK$2:AK$366,ROUNDDOWN($C5638/24,0)+1,1))-1)+IF('Standard Profiles'!$G$21=$B$10,7,0)+IF('Standard Profiles'!$G$21=$B$17,14,0)+IF('Standard Profiles'!$G$21=$B$24,21,0),MOD($C5638,24)+1)/SUM(INDEX($D$3:$AA$30,INDEX(Jesper!$R$2:$R$366,ROW(INDEX(Jesper!AK$2:AK$366,ROUNDDOWN($C5638/24,0)+1,1))-1)+IF('Standard Profiles'!$G$21=$B$10,7,0)+IF('Standard Profiles'!$G$21=$B$17,14,0)+IF('Standard Profiles'!$G$21=$B$24,21,0),0)),0)</f>
        <v>0</v>
      </c>
      <c r="H5638" cm="1">
        <f t="array" ref="H5638">IFERROR(INDEX(Jesper!AL$2:AL$366,ROUNDDOWN($C5638/24,0)+1,1)*INDEX($D$3:$AA$30,INDEX(Jesper!$R$2:$R$366,ROW(INDEX(Jesper!AL$2:AL$366,ROUNDDOWN($C5638/24,0)+1,1))-1)+IF('Standard Profiles'!$G$22=$B$10,7,0)+IF('Standard Profiles'!$G$22=$B$17,14,0)+IF('Standard Profiles'!$G$22=$B$24,21,0),MOD($C5638,24)+1)/SUM(INDEX($D$3:$AA$30,INDEX(Jesper!$R$2:$R$366,ROW(INDEX(Jesper!AL$2:AL$366,ROUNDDOWN($C5638/24,0)+1,1))-1)+IF('Standard Profiles'!$G$22=$B$10,7,0)+IF('Standard Profiles'!$G$22=$B$17,14,0)+IF('Standard Profiles'!$G$22=$B$24,21,0),0)),0)</f>
        <v>0</v>
      </c>
      <c r="I5638">
        <f t="shared" si="629"/>
        <v>0.41593620211265397</v>
      </c>
      <c r="J5638">
        <f t="shared" si="630"/>
        <v>1.38645400704218</v>
      </c>
      <c r="K5638">
        <f t="shared" si="631"/>
        <v>2.0796810105632697</v>
      </c>
      <c r="L5638">
        <f t="shared" si="632"/>
        <v>9.9824688507036949</v>
      </c>
      <c r="M5638">
        <f t="shared" si="633"/>
        <v>0</v>
      </c>
      <c r="N5638" s="46">
        <f t="shared" si="634"/>
        <v>45525.499999986409</v>
      </c>
    </row>
    <row r="5639" spans="2:14" x14ac:dyDescent="0.3">
      <c r="B5639">
        <f t="shared" si="628"/>
        <v>3</v>
      </c>
      <c r="C5639" s="16">
        <v>5605</v>
      </c>
      <c r="D5639" cm="1">
        <f t="array" ref="D5639">IFERROR(INDEX(Jesper!AH$2:AH$366,ROUNDDOWN($C5639/24,0)+1,1)*INDEX($D$3:$AA$30,INDEX(Jesper!$R$2:$R$366,ROW(INDEX(Jesper!AH$2:AH$366,ROUNDDOWN($C5639/24,0)+1,1))-1)+IF('Standard Profiles'!$G$18=$B$10,7,0)+IF('Standard Profiles'!$G$18=$B$17,14,0)+IF('Standard Profiles'!$G$18=$B$24,21,0),MOD($C5639,24)+1)/SUM(INDEX($D$3:$AA$30,INDEX(Jesper!$R$2:$R$366,ROW(INDEX(Jesper!AH$2:AH$366,ROUNDDOWN($C5639/24,0)+1,1))-1)+IF('Standard Profiles'!$G$18=$B$10,7,0)+IF('Standard Profiles'!$G$18=$B$17,14,0)+IF('Standard Profiles'!$G$18=$B$24,21,0),0)),0)</f>
        <v>13.8645400704218</v>
      </c>
      <c r="E5639" cm="1">
        <f t="array" ref="E5639">IFERROR(INDEX(Jesper!AI$2:AI$366,ROUNDDOWN($C5639/24,0)+1,1)*INDEX($D$3:$AA$30,INDEX(Jesper!$R$2:$R$366,ROW(INDEX(Jesper!AI$2:AI$366,ROUNDDOWN($C5639/24,0)+1,1))-1)+IF('Standard Profiles'!$G$19=$B$10,7,0)+IF('Standard Profiles'!$G$19=$B$17,14,0)+IF('Standard Profiles'!$G$19=$B$24,21,0),MOD($C5639,24)+1)/SUM(INDEX($D$3:$AA$30,INDEX(Jesper!$R$2:$R$366,ROW(INDEX(Jesper!AI$2:AI$366,ROUNDDOWN($C5639/24,0)+1,1))-1)+IF('Standard Profiles'!$G$19=$B$10,7,0)+IF('Standard Profiles'!$G$19=$B$17,14,0)+IF('Standard Profiles'!$G$19=$B$24,21,0),0)),0)</f>
        <v>0</v>
      </c>
      <c r="F5639" cm="1">
        <f t="array" ref="F5639">IFERROR(INDEX(Jesper!AJ$2:AJ$366,ROUNDDOWN($C5639/24,0)+1,1)*INDEX($D$3:$AA$30,INDEX(Jesper!$R$2:$R$366,ROW(INDEX(Jesper!AJ$2:AJ$366,ROUNDDOWN($C5639/24,0)+1,1))-1)+IF('Standard Profiles'!$G$20=$B$10,7,0)+IF('Standard Profiles'!$G$20=$B$17,14,0)+IF('Standard Profiles'!$G$20=$B$24,21,0),MOD($C5639,24)+1)/SUM(INDEX($D$3:$AA$30,INDEX(Jesper!$R$2:$R$366,ROW(INDEX(Jesper!AJ$2:AJ$366,ROUNDDOWN($C5639/24,0)+1,1))-1)+IF('Standard Profiles'!$G$20=$B$10,7,0)+IF('Standard Profiles'!$G$20=$B$17,14,0)+IF('Standard Profiles'!$G$20=$B$24,21,0),0)),0)</f>
        <v>0</v>
      </c>
      <c r="G5639" cm="1">
        <f t="array" ref="G5639">IFERROR(INDEX(Jesper!AK$2:AK$366,ROUNDDOWN($C5639/24,0)+1,1)*INDEX($D$3:$AA$30,INDEX(Jesper!$R$2:$R$366,ROW(INDEX(Jesper!AK$2:AK$366,ROUNDDOWN($C5639/24,0)+1,1))-1)+IF('Standard Profiles'!$G$21=$B$10,7,0)+IF('Standard Profiles'!$G$21=$B$17,14,0)+IF('Standard Profiles'!$G$21=$B$24,21,0),MOD($C5639,24)+1)/SUM(INDEX($D$3:$AA$30,INDEX(Jesper!$R$2:$R$366,ROW(INDEX(Jesper!AK$2:AK$366,ROUNDDOWN($C5639/24,0)+1,1))-1)+IF('Standard Profiles'!$G$21=$B$10,7,0)+IF('Standard Profiles'!$G$21=$B$17,14,0)+IF('Standard Profiles'!$G$21=$B$24,21,0),0)),0)</f>
        <v>0</v>
      </c>
      <c r="H5639" cm="1">
        <f t="array" ref="H5639">IFERROR(INDEX(Jesper!AL$2:AL$366,ROUNDDOWN($C5639/24,0)+1,1)*INDEX($D$3:$AA$30,INDEX(Jesper!$R$2:$R$366,ROW(INDEX(Jesper!AL$2:AL$366,ROUNDDOWN($C5639/24,0)+1,1))-1)+IF('Standard Profiles'!$G$22=$B$10,7,0)+IF('Standard Profiles'!$G$22=$B$17,14,0)+IF('Standard Profiles'!$G$22=$B$24,21,0),MOD($C5639,24)+1)/SUM(INDEX($D$3:$AA$30,INDEX(Jesper!$R$2:$R$366,ROW(INDEX(Jesper!AL$2:AL$366,ROUNDDOWN($C5639/24,0)+1,1))-1)+IF('Standard Profiles'!$G$22=$B$10,7,0)+IF('Standard Profiles'!$G$22=$B$17,14,0)+IF('Standard Profiles'!$G$22=$B$24,21,0),0)),0)</f>
        <v>0</v>
      </c>
      <c r="I5639">
        <f t="shared" si="629"/>
        <v>0.41593620211265397</v>
      </c>
      <c r="J5639">
        <f t="shared" si="630"/>
        <v>1.38645400704218</v>
      </c>
      <c r="K5639">
        <f t="shared" si="631"/>
        <v>2.0796810105632697</v>
      </c>
      <c r="L5639">
        <f t="shared" si="632"/>
        <v>9.9824688507036949</v>
      </c>
      <c r="M5639">
        <f t="shared" si="633"/>
        <v>0</v>
      </c>
      <c r="N5639" s="46">
        <f t="shared" si="634"/>
        <v>45525.541666653073</v>
      </c>
    </row>
    <row r="5640" spans="2:14" x14ac:dyDescent="0.3">
      <c r="B5640">
        <f t="shared" si="628"/>
        <v>3</v>
      </c>
      <c r="C5640" s="16">
        <v>5606</v>
      </c>
      <c r="D5640" cm="1">
        <f t="array" ref="D5640">IFERROR(INDEX(Jesper!AH$2:AH$366,ROUNDDOWN($C5640/24,0)+1,1)*INDEX($D$3:$AA$30,INDEX(Jesper!$R$2:$R$366,ROW(INDEX(Jesper!AH$2:AH$366,ROUNDDOWN($C5640/24,0)+1,1))-1)+IF('Standard Profiles'!$G$18=$B$10,7,0)+IF('Standard Profiles'!$G$18=$B$17,14,0)+IF('Standard Profiles'!$G$18=$B$24,21,0),MOD($C5640,24)+1)/SUM(INDEX($D$3:$AA$30,INDEX(Jesper!$R$2:$R$366,ROW(INDEX(Jesper!AH$2:AH$366,ROUNDDOWN($C5640/24,0)+1,1))-1)+IF('Standard Profiles'!$G$18=$B$10,7,0)+IF('Standard Profiles'!$G$18=$B$17,14,0)+IF('Standard Profiles'!$G$18=$B$24,21,0),0)),0)</f>
        <v>13.8645400704218</v>
      </c>
      <c r="E5640" cm="1">
        <f t="array" ref="E5640">IFERROR(INDEX(Jesper!AI$2:AI$366,ROUNDDOWN($C5640/24,0)+1,1)*INDEX($D$3:$AA$30,INDEX(Jesper!$R$2:$R$366,ROW(INDEX(Jesper!AI$2:AI$366,ROUNDDOWN($C5640/24,0)+1,1))-1)+IF('Standard Profiles'!$G$19=$B$10,7,0)+IF('Standard Profiles'!$G$19=$B$17,14,0)+IF('Standard Profiles'!$G$19=$B$24,21,0),MOD($C5640,24)+1)/SUM(INDEX($D$3:$AA$30,INDEX(Jesper!$R$2:$R$366,ROW(INDEX(Jesper!AI$2:AI$366,ROUNDDOWN($C5640/24,0)+1,1))-1)+IF('Standard Profiles'!$G$19=$B$10,7,0)+IF('Standard Profiles'!$G$19=$B$17,14,0)+IF('Standard Profiles'!$G$19=$B$24,21,0),0)),0)</f>
        <v>0</v>
      </c>
      <c r="F5640" cm="1">
        <f t="array" ref="F5640">IFERROR(INDEX(Jesper!AJ$2:AJ$366,ROUNDDOWN($C5640/24,0)+1,1)*INDEX($D$3:$AA$30,INDEX(Jesper!$R$2:$R$366,ROW(INDEX(Jesper!AJ$2:AJ$366,ROUNDDOWN($C5640/24,0)+1,1))-1)+IF('Standard Profiles'!$G$20=$B$10,7,0)+IF('Standard Profiles'!$G$20=$B$17,14,0)+IF('Standard Profiles'!$G$20=$B$24,21,0),MOD($C5640,24)+1)/SUM(INDEX($D$3:$AA$30,INDEX(Jesper!$R$2:$R$366,ROW(INDEX(Jesper!AJ$2:AJ$366,ROUNDDOWN($C5640/24,0)+1,1))-1)+IF('Standard Profiles'!$G$20=$B$10,7,0)+IF('Standard Profiles'!$G$20=$B$17,14,0)+IF('Standard Profiles'!$G$20=$B$24,21,0),0)),0)</f>
        <v>0</v>
      </c>
      <c r="G5640" cm="1">
        <f t="array" ref="G5640">IFERROR(INDEX(Jesper!AK$2:AK$366,ROUNDDOWN($C5640/24,0)+1,1)*INDEX($D$3:$AA$30,INDEX(Jesper!$R$2:$R$366,ROW(INDEX(Jesper!AK$2:AK$366,ROUNDDOWN($C5640/24,0)+1,1))-1)+IF('Standard Profiles'!$G$21=$B$10,7,0)+IF('Standard Profiles'!$G$21=$B$17,14,0)+IF('Standard Profiles'!$G$21=$B$24,21,0),MOD($C5640,24)+1)/SUM(INDEX($D$3:$AA$30,INDEX(Jesper!$R$2:$R$366,ROW(INDEX(Jesper!AK$2:AK$366,ROUNDDOWN($C5640/24,0)+1,1))-1)+IF('Standard Profiles'!$G$21=$B$10,7,0)+IF('Standard Profiles'!$G$21=$B$17,14,0)+IF('Standard Profiles'!$G$21=$B$24,21,0),0)),0)</f>
        <v>0</v>
      </c>
      <c r="H5640" cm="1">
        <f t="array" ref="H5640">IFERROR(INDEX(Jesper!AL$2:AL$366,ROUNDDOWN($C5640/24,0)+1,1)*INDEX($D$3:$AA$30,INDEX(Jesper!$R$2:$R$366,ROW(INDEX(Jesper!AL$2:AL$366,ROUNDDOWN($C5640/24,0)+1,1))-1)+IF('Standard Profiles'!$G$22=$B$10,7,0)+IF('Standard Profiles'!$G$22=$B$17,14,0)+IF('Standard Profiles'!$G$22=$B$24,21,0),MOD($C5640,24)+1)/SUM(INDEX($D$3:$AA$30,INDEX(Jesper!$R$2:$R$366,ROW(INDEX(Jesper!AL$2:AL$366,ROUNDDOWN($C5640/24,0)+1,1))-1)+IF('Standard Profiles'!$G$22=$B$10,7,0)+IF('Standard Profiles'!$G$22=$B$17,14,0)+IF('Standard Profiles'!$G$22=$B$24,21,0),0)),0)</f>
        <v>0</v>
      </c>
      <c r="I5640">
        <f t="shared" si="629"/>
        <v>0.41593620211265397</v>
      </c>
      <c r="J5640">
        <f t="shared" si="630"/>
        <v>1.38645400704218</v>
      </c>
      <c r="K5640">
        <f t="shared" si="631"/>
        <v>2.0796810105632697</v>
      </c>
      <c r="L5640">
        <f t="shared" si="632"/>
        <v>9.9824688507036949</v>
      </c>
      <c r="M5640">
        <f t="shared" si="633"/>
        <v>0</v>
      </c>
      <c r="N5640" s="46">
        <f t="shared" si="634"/>
        <v>45525.583333319737</v>
      </c>
    </row>
    <row r="5641" spans="2:14" x14ac:dyDescent="0.3">
      <c r="B5641">
        <f t="shared" si="628"/>
        <v>3</v>
      </c>
      <c r="C5641" s="16">
        <v>5607</v>
      </c>
      <c r="D5641" cm="1">
        <f t="array" ref="D5641">IFERROR(INDEX(Jesper!AH$2:AH$366,ROUNDDOWN($C5641/24,0)+1,1)*INDEX($D$3:$AA$30,INDEX(Jesper!$R$2:$R$366,ROW(INDEX(Jesper!AH$2:AH$366,ROUNDDOWN($C5641/24,0)+1,1))-1)+IF('Standard Profiles'!$G$18=$B$10,7,0)+IF('Standard Profiles'!$G$18=$B$17,14,0)+IF('Standard Profiles'!$G$18=$B$24,21,0),MOD($C5641,24)+1)/SUM(INDEX($D$3:$AA$30,INDEX(Jesper!$R$2:$R$366,ROW(INDEX(Jesper!AH$2:AH$366,ROUNDDOWN($C5641/24,0)+1,1))-1)+IF('Standard Profiles'!$G$18=$B$10,7,0)+IF('Standard Profiles'!$G$18=$B$17,14,0)+IF('Standard Profiles'!$G$18=$B$24,21,0),0)),0)</f>
        <v>13.8645400704218</v>
      </c>
      <c r="E5641" cm="1">
        <f t="array" ref="E5641">IFERROR(INDEX(Jesper!AI$2:AI$366,ROUNDDOWN($C5641/24,0)+1,1)*INDEX($D$3:$AA$30,INDEX(Jesper!$R$2:$R$366,ROW(INDEX(Jesper!AI$2:AI$366,ROUNDDOWN($C5641/24,0)+1,1))-1)+IF('Standard Profiles'!$G$19=$B$10,7,0)+IF('Standard Profiles'!$G$19=$B$17,14,0)+IF('Standard Profiles'!$G$19=$B$24,21,0),MOD($C5641,24)+1)/SUM(INDEX($D$3:$AA$30,INDEX(Jesper!$R$2:$R$366,ROW(INDEX(Jesper!AI$2:AI$366,ROUNDDOWN($C5641/24,0)+1,1))-1)+IF('Standard Profiles'!$G$19=$B$10,7,0)+IF('Standard Profiles'!$G$19=$B$17,14,0)+IF('Standard Profiles'!$G$19=$B$24,21,0),0)),0)</f>
        <v>0</v>
      </c>
      <c r="F5641" cm="1">
        <f t="array" ref="F5641">IFERROR(INDEX(Jesper!AJ$2:AJ$366,ROUNDDOWN($C5641/24,0)+1,1)*INDEX($D$3:$AA$30,INDEX(Jesper!$R$2:$R$366,ROW(INDEX(Jesper!AJ$2:AJ$366,ROUNDDOWN($C5641/24,0)+1,1))-1)+IF('Standard Profiles'!$G$20=$B$10,7,0)+IF('Standard Profiles'!$G$20=$B$17,14,0)+IF('Standard Profiles'!$G$20=$B$24,21,0),MOD($C5641,24)+1)/SUM(INDEX($D$3:$AA$30,INDEX(Jesper!$R$2:$R$366,ROW(INDEX(Jesper!AJ$2:AJ$366,ROUNDDOWN($C5641/24,0)+1,1))-1)+IF('Standard Profiles'!$G$20=$B$10,7,0)+IF('Standard Profiles'!$G$20=$B$17,14,0)+IF('Standard Profiles'!$G$20=$B$24,21,0),0)),0)</f>
        <v>0</v>
      </c>
      <c r="G5641" cm="1">
        <f t="array" ref="G5641">IFERROR(INDEX(Jesper!AK$2:AK$366,ROUNDDOWN($C5641/24,0)+1,1)*INDEX($D$3:$AA$30,INDEX(Jesper!$R$2:$R$366,ROW(INDEX(Jesper!AK$2:AK$366,ROUNDDOWN($C5641/24,0)+1,1))-1)+IF('Standard Profiles'!$G$21=$B$10,7,0)+IF('Standard Profiles'!$G$21=$B$17,14,0)+IF('Standard Profiles'!$G$21=$B$24,21,0),MOD($C5641,24)+1)/SUM(INDEX($D$3:$AA$30,INDEX(Jesper!$R$2:$R$366,ROW(INDEX(Jesper!AK$2:AK$366,ROUNDDOWN($C5641/24,0)+1,1))-1)+IF('Standard Profiles'!$G$21=$B$10,7,0)+IF('Standard Profiles'!$G$21=$B$17,14,0)+IF('Standard Profiles'!$G$21=$B$24,21,0),0)),0)</f>
        <v>0</v>
      </c>
      <c r="H5641" cm="1">
        <f t="array" ref="H5641">IFERROR(INDEX(Jesper!AL$2:AL$366,ROUNDDOWN($C5641/24,0)+1,1)*INDEX($D$3:$AA$30,INDEX(Jesper!$R$2:$R$366,ROW(INDEX(Jesper!AL$2:AL$366,ROUNDDOWN($C5641/24,0)+1,1))-1)+IF('Standard Profiles'!$G$22=$B$10,7,0)+IF('Standard Profiles'!$G$22=$B$17,14,0)+IF('Standard Profiles'!$G$22=$B$24,21,0),MOD($C5641,24)+1)/SUM(INDEX($D$3:$AA$30,INDEX(Jesper!$R$2:$R$366,ROW(INDEX(Jesper!AL$2:AL$366,ROUNDDOWN($C5641/24,0)+1,1))-1)+IF('Standard Profiles'!$G$22=$B$10,7,0)+IF('Standard Profiles'!$G$22=$B$17,14,0)+IF('Standard Profiles'!$G$22=$B$24,21,0),0)),0)</f>
        <v>0</v>
      </c>
      <c r="I5641">
        <f t="shared" si="629"/>
        <v>0.41593620211265397</v>
      </c>
      <c r="J5641">
        <f t="shared" si="630"/>
        <v>1.38645400704218</v>
      </c>
      <c r="K5641">
        <f t="shared" si="631"/>
        <v>2.0796810105632697</v>
      </c>
      <c r="L5641">
        <f t="shared" si="632"/>
        <v>9.9824688507036949</v>
      </c>
      <c r="M5641">
        <f t="shared" si="633"/>
        <v>0</v>
      </c>
      <c r="N5641" s="46">
        <f t="shared" si="634"/>
        <v>45525.624999986401</v>
      </c>
    </row>
    <row r="5642" spans="2:14" x14ac:dyDescent="0.3">
      <c r="B5642">
        <f t="shared" si="628"/>
        <v>3</v>
      </c>
      <c r="C5642" s="16">
        <v>5608</v>
      </c>
      <c r="D5642" cm="1">
        <f t="array" ref="D5642">IFERROR(INDEX(Jesper!AH$2:AH$366,ROUNDDOWN($C5642/24,0)+1,1)*INDEX($D$3:$AA$30,INDEX(Jesper!$R$2:$R$366,ROW(INDEX(Jesper!AH$2:AH$366,ROUNDDOWN($C5642/24,0)+1,1))-1)+IF('Standard Profiles'!$G$18=$B$10,7,0)+IF('Standard Profiles'!$G$18=$B$17,14,0)+IF('Standard Profiles'!$G$18=$B$24,21,0),MOD($C5642,24)+1)/SUM(INDEX($D$3:$AA$30,INDEX(Jesper!$R$2:$R$366,ROW(INDEX(Jesper!AH$2:AH$366,ROUNDDOWN($C5642/24,0)+1,1))-1)+IF('Standard Profiles'!$G$18=$B$10,7,0)+IF('Standard Profiles'!$G$18=$B$17,14,0)+IF('Standard Profiles'!$G$18=$B$24,21,0),0)),0)</f>
        <v>13.8645400704218</v>
      </c>
      <c r="E5642" cm="1">
        <f t="array" ref="E5642">IFERROR(INDEX(Jesper!AI$2:AI$366,ROUNDDOWN($C5642/24,0)+1,1)*INDEX($D$3:$AA$30,INDEX(Jesper!$R$2:$R$366,ROW(INDEX(Jesper!AI$2:AI$366,ROUNDDOWN($C5642/24,0)+1,1))-1)+IF('Standard Profiles'!$G$19=$B$10,7,0)+IF('Standard Profiles'!$G$19=$B$17,14,0)+IF('Standard Profiles'!$G$19=$B$24,21,0),MOD($C5642,24)+1)/SUM(INDEX($D$3:$AA$30,INDEX(Jesper!$R$2:$R$366,ROW(INDEX(Jesper!AI$2:AI$366,ROUNDDOWN($C5642/24,0)+1,1))-1)+IF('Standard Profiles'!$G$19=$B$10,7,0)+IF('Standard Profiles'!$G$19=$B$17,14,0)+IF('Standard Profiles'!$G$19=$B$24,21,0),0)),0)</f>
        <v>0</v>
      </c>
      <c r="F5642" cm="1">
        <f t="array" ref="F5642">IFERROR(INDEX(Jesper!AJ$2:AJ$366,ROUNDDOWN($C5642/24,0)+1,1)*INDEX($D$3:$AA$30,INDEX(Jesper!$R$2:$R$366,ROW(INDEX(Jesper!AJ$2:AJ$366,ROUNDDOWN($C5642/24,0)+1,1))-1)+IF('Standard Profiles'!$G$20=$B$10,7,0)+IF('Standard Profiles'!$G$20=$B$17,14,0)+IF('Standard Profiles'!$G$20=$B$24,21,0),MOD($C5642,24)+1)/SUM(INDEX($D$3:$AA$30,INDEX(Jesper!$R$2:$R$366,ROW(INDEX(Jesper!AJ$2:AJ$366,ROUNDDOWN($C5642/24,0)+1,1))-1)+IF('Standard Profiles'!$G$20=$B$10,7,0)+IF('Standard Profiles'!$G$20=$B$17,14,0)+IF('Standard Profiles'!$G$20=$B$24,21,0),0)),0)</f>
        <v>0</v>
      </c>
      <c r="G5642" cm="1">
        <f t="array" ref="G5642">IFERROR(INDEX(Jesper!AK$2:AK$366,ROUNDDOWN($C5642/24,0)+1,1)*INDEX($D$3:$AA$30,INDEX(Jesper!$R$2:$R$366,ROW(INDEX(Jesper!AK$2:AK$366,ROUNDDOWN($C5642/24,0)+1,1))-1)+IF('Standard Profiles'!$G$21=$B$10,7,0)+IF('Standard Profiles'!$G$21=$B$17,14,0)+IF('Standard Profiles'!$G$21=$B$24,21,0),MOD($C5642,24)+1)/SUM(INDEX($D$3:$AA$30,INDEX(Jesper!$R$2:$R$366,ROW(INDEX(Jesper!AK$2:AK$366,ROUNDDOWN($C5642/24,0)+1,1))-1)+IF('Standard Profiles'!$G$21=$B$10,7,0)+IF('Standard Profiles'!$G$21=$B$17,14,0)+IF('Standard Profiles'!$G$21=$B$24,21,0),0)),0)</f>
        <v>0</v>
      </c>
      <c r="H5642" cm="1">
        <f t="array" ref="H5642">IFERROR(INDEX(Jesper!AL$2:AL$366,ROUNDDOWN($C5642/24,0)+1,1)*INDEX($D$3:$AA$30,INDEX(Jesper!$R$2:$R$366,ROW(INDEX(Jesper!AL$2:AL$366,ROUNDDOWN($C5642/24,0)+1,1))-1)+IF('Standard Profiles'!$G$22=$B$10,7,0)+IF('Standard Profiles'!$G$22=$B$17,14,0)+IF('Standard Profiles'!$G$22=$B$24,21,0),MOD($C5642,24)+1)/SUM(INDEX($D$3:$AA$30,INDEX(Jesper!$R$2:$R$366,ROW(INDEX(Jesper!AL$2:AL$366,ROUNDDOWN($C5642/24,0)+1,1))-1)+IF('Standard Profiles'!$G$22=$B$10,7,0)+IF('Standard Profiles'!$G$22=$B$17,14,0)+IF('Standard Profiles'!$G$22=$B$24,21,0),0)),0)</f>
        <v>0</v>
      </c>
      <c r="I5642">
        <f t="shared" si="629"/>
        <v>0.41593620211265397</v>
      </c>
      <c r="J5642">
        <f t="shared" si="630"/>
        <v>1.38645400704218</v>
      </c>
      <c r="K5642">
        <f t="shared" si="631"/>
        <v>2.0796810105632697</v>
      </c>
      <c r="L5642">
        <f t="shared" si="632"/>
        <v>9.9824688507036949</v>
      </c>
      <c r="M5642">
        <f t="shared" si="633"/>
        <v>0</v>
      </c>
      <c r="N5642" s="46">
        <f t="shared" si="634"/>
        <v>45525.666666653065</v>
      </c>
    </row>
    <row r="5643" spans="2:14" x14ac:dyDescent="0.3">
      <c r="B5643">
        <f t="shared" si="628"/>
        <v>3</v>
      </c>
      <c r="C5643" s="16">
        <v>5609</v>
      </c>
      <c r="D5643" cm="1">
        <f t="array" ref="D5643">IFERROR(INDEX(Jesper!AH$2:AH$366,ROUNDDOWN($C5643/24,0)+1,1)*INDEX($D$3:$AA$30,INDEX(Jesper!$R$2:$R$366,ROW(INDEX(Jesper!AH$2:AH$366,ROUNDDOWN($C5643/24,0)+1,1))-1)+IF('Standard Profiles'!$G$18=$B$10,7,0)+IF('Standard Profiles'!$G$18=$B$17,14,0)+IF('Standard Profiles'!$G$18=$B$24,21,0),MOD($C5643,24)+1)/SUM(INDEX($D$3:$AA$30,INDEX(Jesper!$R$2:$R$366,ROW(INDEX(Jesper!AH$2:AH$366,ROUNDDOWN($C5643/24,0)+1,1))-1)+IF('Standard Profiles'!$G$18=$B$10,7,0)+IF('Standard Profiles'!$G$18=$B$17,14,0)+IF('Standard Profiles'!$G$18=$B$24,21,0),0)),0)</f>
        <v>13.8645400704218</v>
      </c>
      <c r="E5643" cm="1">
        <f t="array" ref="E5643">IFERROR(INDEX(Jesper!AI$2:AI$366,ROUNDDOWN($C5643/24,0)+1,1)*INDEX($D$3:$AA$30,INDEX(Jesper!$R$2:$R$366,ROW(INDEX(Jesper!AI$2:AI$366,ROUNDDOWN($C5643/24,0)+1,1))-1)+IF('Standard Profiles'!$G$19=$B$10,7,0)+IF('Standard Profiles'!$G$19=$B$17,14,0)+IF('Standard Profiles'!$G$19=$B$24,21,0),MOD($C5643,24)+1)/SUM(INDEX($D$3:$AA$30,INDEX(Jesper!$R$2:$R$366,ROW(INDEX(Jesper!AI$2:AI$366,ROUNDDOWN($C5643/24,0)+1,1))-1)+IF('Standard Profiles'!$G$19=$B$10,7,0)+IF('Standard Profiles'!$G$19=$B$17,14,0)+IF('Standard Profiles'!$G$19=$B$24,21,0),0)),0)</f>
        <v>0</v>
      </c>
      <c r="F5643" cm="1">
        <f t="array" ref="F5643">IFERROR(INDEX(Jesper!AJ$2:AJ$366,ROUNDDOWN($C5643/24,0)+1,1)*INDEX($D$3:$AA$30,INDEX(Jesper!$R$2:$R$366,ROW(INDEX(Jesper!AJ$2:AJ$366,ROUNDDOWN($C5643/24,0)+1,1))-1)+IF('Standard Profiles'!$G$20=$B$10,7,0)+IF('Standard Profiles'!$G$20=$B$17,14,0)+IF('Standard Profiles'!$G$20=$B$24,21,0),MOD($C5643,24)+1)/SUM(INDEX($D$3:$AA$30,INDEX(Jesper!$R$2:$R$366,ROW(INDEX(Jesper!AJ$2:AJ$366,ROUNDDOWN($C5643/24,0)+1,1))-1)+IF('Standard Profiles'!$G$20=$B$10,7,0)+IF('Standard Profiles'!$G$20=$B$17,14,0)+IF('Standard Profiles'!$G$20=$B$24,21,0),0)),0)</f>
        <v>0</v>
      </c>
      <c r="G5643" cm="1">
        <f t="array" ref="G5643">IFERROR(INDEX(Jesper!AK$2:AK$366,ROUNDDOWN($C5643/24,0)+1,1)*INDEX($D$3:$AA$30,INDEX(Jesper!$R$2:$R$366,ROW(INDEX(Jesper!AK$2:AK$366,ROUNDDOWN($C5643/24,0)+1,1))-1)+IF('Standard Profiles'!$G$21=$B$10,7,0)+IF('Standard Profiles'!$G$21=$B$17,14,0)+IF('Standard Profiles'!$G$21=$B$24,21,0),MOD($C5643,24)+1)/SUM(INDEX($D$3:$AA$30,INDEX(Jesper!$R$2:$R$366,ROW(INDEX(Jesper!AK$2:AK$366,ROUNDDOWN($C5643/24,0)+1,1))-1)+IF('Standard Profiles'!$G$21=$B$10,7,0)+IF('Standard Profiles'!$G$21=$B$17,14,0)+IF('Standard Profiles'!$G$21=$B$24,21,0),0)),0)</f>
        <v>0</v>
      </c>
      <c r="H5643" cm="1">
        <f t="array" ref="H5643">IFERROR(INDEX(Jesper!AL$2:AL$366,ROUNDDOWN($C5643/24,0)+1,1)*INDEX($D$3:$AA$30,INDEX(Jesper!$R$2:$R$366,ROW(INDEX(Jesper!AL$2:AL$366,ROUNDDOWN($C5643/24,0)+1,1))-1)+IF('Standard Profiles'!$G$22=$B$10,7,0)+IF('Standard Profiles'!$G$22=$B$17,14,0)+IF('Standard Profiles'!$G$22=$B$24,21,0),MOD($C5643,24)+1)/SUM(INDEX($D$3:$AA$30,INDEX(Jesper!$R$2:$R$366,ROW(INDEX(Jesper!AL$2:AL$366,ROUNDDOWN($C5643/24,0)+1,1))-1)+IF('Standard Profiles'!$G$22=$B$10,7,0)+IF('Standard Profiles'!$G$22=$B$17,14,0)+IF('Standard Profiles'!$G$22=$B$24,21,0),0)),0)</f>
        <v>0</v>
      </c>
      <c r="I5643">
        <f t="shared" si="629"/>
        <v>0.41593620211265397</v>
      </c>
      <c r="J5643">
        <f t="shared" si="630"/>
        <v>1.38645400704218</v>
      </c>
      <c r="K5643">
        <f t="shared" si="631"/>
        <v>2.0796810105632697</v>
      </c>
      <c r="L5643">
        <f t="shared" si="632"/>
        <v>9.9824688507036949</v>
      </c>
      <c r="M5643">
        <f t="shared" si="633"/>
        <v>0</v>
      </c>
      <c r="N5643" s="46">
        <f t="shared" si="634"/>
        <v>45525.70833331973</v>
      </c>
    </row>
    <row r="5644" spans="2:14" x14ac:dyDescent="0.3">
      <c r="B5644">
        <f t="shared" si="628"/>
        <v>3</v>
      </c>
      <c r="C5644" s="16">
        <v>5610</v>
      </c>
      <c r="D5644" cm="1">
        <f t="array" ref="D5644">IFERROR(INDEX(Jesper!AH$2:AH$366,ROUNDDOWN($C5644/24,0)+1,1)*INDEX($D$3:$AA$30,INDEX(Jesper!$R$2:$R$366,ROW(INDEX(Jesper!AH$2:AH$366,ROUNDDOWN($C5644/24,0)+1,1))-1)+IF('Standard Profiles'!$G$18=$B$10,7,0)+IF('Standard Profiles'!$G$18=$B$17,14,0)+IF('Standard Profiles'!$G$18=$B$24,21,0),MOD($C5644,24)+1)/SUM(INDEX($D$3:$AA$30,INDEX(Jesper!$R$2:$R$366,ROW(INDEX(Jesper!AH$2:AH$366,ROUNDDOWN($C5644/24,0)+1,1))-1)+IF('Standard Profiles'!$G$18=$B$10,7,0)+IF('Standard Profiles'!$G$18=$B$17,14,0)+IF('Standard Profiles'!$G$18=$B$24,21,0),0)),0)</f>
        <v>13.8645400704218</v>
      </c>
      <c r="E5644" cm="1">
        <f t="array" ref="E5644">IFERROR(INDEX(Jesper!AI$2:AI$366,ROUNDDOWN($C5644/24,0)+1,1)*INDEX($D$3:$AA$30,INDEX(Jesper!$R$2:$R$366,ROW(INDEX(Jesper!AI$2:AI$366,ROUNDDOWN($C5644/24,0)+1,1))-1)+IF('Standard Profiles'!$G$19=$B$10,7,0)+IF('Standard Profiles'!$G$19=$B$17,14,0)+IF('Standard Profiles'!$G$19=$B$24,21,0),MOD($C5644,24)+1)/SUM(INDEX($D$3:$AA$30,INDEX(Jesper!$R$2:$R$366,ROW(INDEX(Jesper!AI$2:AI$366,ROUNDDOWN($C5644/24,0)+1,1))-1)+IF('Standard Profiles'!$G$19=$B$10,7,0)+IF('Standard Profiles'!$G$19=$B$17,14,0)+IF('Standard Profiles'!$G$19=$B$24,21,0),0)),0)</f>
        <v>0</v>
      </c>
      <c r="F5644" cm="1">
        <f t="array" ref="F5644">IFERROR(INDEX(Jesper!AJ$2:AJ$366,ROUNDDOWN($C5644/24,0)+1,1)*INDEX($D$3:$AA$30,INDEX(Jesper!$R$2:$R$366,ROW(INDEX(Jesper!AJ$2:AJ$366,ROUNDDOWN($C5644/24,0)+1,1))-1)+IF('Standard Profiles'!$G$20=$B$10,7,0)+IF('Standard Profiles'!$G$20=$B$17,14,0)+IF('Standard Profiles'!$G$20=$B$24,21,0),MOD($C5644,24)+1)/SUM(INDEX($D$3:$AA$30,INDEX(Jesper!$R$2:$R$366,ROW(INDEX(Jesper!AJ$2:AJ$366,ROUNDDOWN($C5644/24,0)+1,1))-1)+IF('Standard Profiles'!$G$20=$B$10,7,0)+IF('Standard Profiles'!$G$20=$B$17,14,0)+IF('Standard Profiles'!$G$20=$B$24,21,0),0)),0)</f>
        <v>0</v>
      </c>
      <c r="G5644" cm="1">
        <f t="array" ref="G5644">IFERROR(INDEX(Jesper!AK$2:AK$366,ROUNDDOWN($C5644/24,0)+1,1)*INDEX($D$3:$AA$30,INDEX(Jesper!$R$2:$R$366,ROW(INDEX(Jesper!AK$2:AK$366,ROUNDDOWN($C5644/24,0)+1,1))-1)+IF('Standard Profiles'!$G$21=$B$10,7,0)+IF('Standard Profiles'!$G$21=$B$17,14,0)+IF('Standard Profiles'!$G$21=$B$24,21,0),MOD($C5644,24)+1)/SUM(INDEX($D$3:$AA$30,INDEX(Jesper!$R$2:$R$366,ROW(INDEX(Jesper!AK$2:AK$366,ROUNDDOWN($C5644/24,0)+1,1))-1)+IF('Standard Profiles'!$G$21=$B$10,7,0)+IF('Standard Profiles'!$G$21=$B$17,14,0)+IF('Standard Profiles'!$G$21=$B$24,21,0),0)),0)</f>
        <v>0</v>
      </c>
      <c r="H5644" cm="1">
        <f t="array" ref="H5644">IFERROR(INDEX(Jesper!AL$2:AL$366,ROUNDDOWN($C5644/24,0)+1,1)*INDEX($D$3:$AA$30,INDEX(Jesper!$R$2:$R$366,ROW(INDEX(Jesper!AL$2:AL$366,ROUNDDOWN($C5644/24,0)+1,1))-1)+IF('Standard Profiles'!$G$22=$B$10,7,0)+IF('Standard Profiles'!$G$22=$B$17,14,0)+IF('Standard Profiles'!$G$22=$B$24,21,0),MOD($C5644,24)+1)/SUM(INDEX($D$3:$AA$30,INDEX(Jesper!$R$2:$R$366,ROW(INDEX(Jesper!AL$2:AL$366,ROUNDDOWN($C5644/24,0)+1,1))-1)+IF('Standard Profiles'!$G$22=$B$10,7,0)+IF('Standard Profiles'!$G$22=$B$17,14,0)+IF('Standard Profiles'!$G$22=$B$24,21,0),0)),0)</f>
        <v>0</v>
      </c>
      <c r="I5644">
        <f t="shared" si="629"/>
        <v>0.41593620211265397</v>
      </c>
      <c r="J5644">
        <f t="shared" si="630"/>
        <v>1.38645400704218</v>
      </c>
      <c r="K5644">
        <f t="shared" si="631"/>
        <v>2.0796810105632697</v>
      </c>
      <c r="L5644">
        <f t="shared" si="632"/>
        <v>9.9824688507036949</v>
      </c>
      <c r="M5644">
        <f t="shared" si="633"/>
        <v>0</v>
      </c>
      <c r="N5644" s="46">
        <f t="shared" si="634"/>
        <v>45525.749999986394</v>
      </c>
    </row>
    <row r="5645" spans="2:14" x14ac:dyDescent="0.3">
      <c r="B5645">
        <f t="shared" si="628"/>
        <v>3</v>
      </c>
      <c r="C5645" s="16">
        <v>5611</v>
      </c>
      <c r="D5645" cm="1">
        <f t="array" ref="D5645">IFERROR(INDEX(Jesper!AH$2:AH$366,ROUNDDOWN($C5645/24,0)+1,1)*INDEX($D$3:$AA$30,INDEX(Jesper!$R$2:$R$366,ROW(INDEX(Jesper!AH$2:AH$366,ROUNDDOWN($C5645/24,0)+1,1))-1)+IF('Standard Profiles'!$G$18=$B$10,7,0)+IF('Standard Profiles'!$G$18=$B$17,14,0)+IF('Standard Profiles'!$G$18=$B$24,21,0),MOD($C5645,24)+1)/SUM(INDEX($D$3:$AA$30,INDEX(Jesper!$R$2:$R$366,ROW(INDEX(Jesper!AH$2:AH$366,ROUNDDOWN($C5645/24,0)+1,1))-1)+IF('Standard Profiles'!$G$18=$B$10,7,0)+IF('Standard Profiles'!$G$18=$B$17,14,0)+IF('Standard Profiles'!$G$18=$B$24,21,0),0)),0)</f>
        <v>11.553783392018167</v>
      </c>
      <c r="E5645" cm="1">
        <f t="array" ref="E5645">IFERROR(INDEX(Jesper!AI$2:AI$366,ROUNDDOWN($C5645/24,0)+1,1)*INDEX($D$3:$AA$30,INDEX(Jesper!$R$2:$R$366,ROW(INDEX(Jesper!AI$2:AI$366,ROUNDDOWN($C5645/24,0)+1,1))-1)+IF('Standard Profiles'!$G$19=$B$10,7,0)+IF('Standard Profiles'!$G$19=$B$17,14,0)+IF('Standard Profiles'!$G$19=$B$24,21,0),MOD($C5645,24)+1)/SUM(INDEX($D$3:$AA$30,INDEX(Jesper!$R$2:$R$366,ROW(INDEX(Jesper!AI$2:AI$366,ROUNDDOWN($C5645/24,0)+1,1))-1)+IF('Standard Profiles'!$G$19=$B$10,7,0)+IF('Standard Profiles'!$G$19=$B$17,14,0)+IF('Standard Profiles'!$G$19=$B$24,21,0),0)),0)</f>
        <v>0</v>
      </c>
      <c r="F5645" cm="1">
        <f t="array" ref="F5645">IFERROR(INDEX(Jesper!AJ$2:AJ$366,ROUNDDOWN($C5645/24,0)+1,1)*INDEX($D$3:$AA$30,INDEX(Jesper!$R$2:$R$366,ROW(INDEX(Jesper!AJ$2:AJ$366,ROUNDDOWN($C5645/24,0)+1,1))-1)+IF('Standard Profiles'!$G$20=$B$10,7,0)+IF('Standard Profiles'!$G$20=$B$17,14,0)+IF('Standard Profiles'!$G$20=$B$24,21,0),MOD($C5645,24)+1)/SUM(INDEX($D$3:$AA$30,INDEX(Jesper!$R$2:$R$366,ROW(INDEX(Jesper!AJ$2:AJ$366,ROUNDDOWN($C5645/24,0)+1,1))-1)+IF('Standard Profiles'!$G$20=$B$10,7,0)+IF('Standard Profiles'!$G$20=$B$17,14,0)+IF('Standard Profiles'!$G$20=$B$24,21,0),0)),0)</f>
        <v>0</v>
      </c>
      <c r="G5645" cm="1">
        <f t="array" ref="G5645">IFERROR(INDEX(Jesper!AK$2:AK$366,ROUNDDOWN($C5645/24,0)+1,1)*INDEX($D$3:$AA$30,INDEX(Jesper!$R$2:$R$366,ROW(INDEX(Jesper!AK$2:AK$366,ROUNDDOWN($C5645/24,0)+1,1))-1)+IF('Standard Profiles'!$G$21=$B$10,7,0)+IF('Standard Profiles'!$G$21=$B$17,14,0)+IF('Standard Profiles'!$G$21=$B$24,21,0),MOD($C5645,24)+1)/SUM(INDEX($D$3:$AA$30,INDEX(Jesper!$R$2:$R$366,ROW(INDEX(Jesper!AK$2:AK$366,ROUNDDOWN($C5645/24,0)+1,1))-1)+IF('Standard Profiles'!$G$21=$B$10,7,0)+IF('Standard Profiles'!$G$21=$B$17,14,0)+IF('Standard Profiles'!$G$21=$B$24,21,0),0)),0)</f>
        <v>0</v>
      </c>
      <c r="H5645" cm="1">
        <f t="array" ref="H5645">IFERROR(INDEX(Jesper!AL$2:AL$366,ROUNDDOWN($C5645/24,0)+1,1)*INDEX($D$3:$AA$30,INDEX(Jesper!$R$2:$R$366,ROW(INDEX(Jesper!AL$2:AL$366,ROUNDDOWN($C5645/24,0)+1,1))-1)+IF('Standard Profiles'!$G$22=$B$10,7,0)+IF('Standard Profiles'!$G$22=$B$17,14,0)+IF('Standard Profiles'!$G$22=$B$24,21,0),MOD($C5645,24)+1)/SUM(INDEX($D$3:$AA$30,INDEX(Jesper!$R$2:$R$366,ROW(INDEX(Jesper!AL$2:AL$366,ROUNDDOWN($C5645/24,0)+1,1))-1)+IF('Standard Profiles'!$G$22=$B$10,7,0)+IF('Standard Profiles'!$G$22=$B$17,14,0)+IF('Standard Profiles'!$G$22=$B$24,21,0),0)),0)</f>
        <v>0</v>
      </c>
      <c r="I5645">
        <f t="shared" si="629"/>
        <v>0.34661350176054501</v>
      </c>
      <c r="J5645">
        <f t="shared" si="630"/>
        <v>1.1553783392018167</v>
      </c>
      <c r="K5645">
        <f t="shared" si="631"/>
        <v>1.733067508802725</v>
      </c>
      <c r="L5645">
        <f t="shared" si="632"/>
        <v>8.3187240422530788</v>
      </c>
      <c r="M5645">
        <f t="shared" si="633"/>
        <v>0</v>
      </c>
      <c r="N5645" s="46">
        <f t="shared" si="634"/>
        <v>45525.791666653058</v>
      </c>
    </row>
    <row r="5646" spans="2:14" x14ac:dyDescent="0.3">
      <c r="B5646">
        <f t="shared" si="628"/>
        <v>3</v>
      </c>
      <c r="C5646" s="16">
        <v>5612</v>
      </c>
      <c r="D5646" cm="1">
        <f t="array" ref="D5646">IFERROR(INDEX(Jesper!AH$2:AH$366,ROUNDDOWN($C5646/24,0)+1,1)*INDEX($D$3:$AA$30,INDEX(Jesper!$R$2:$R$366,ROW(INDEX(Jesper!AH$2:AH$366,ROUNDDOWN($C5646/24,0)+1,1))-1)+IF('Standard Profiles'!$G$18=$B$10,7,0)+IF('Standard Profiles'!$G$18=$B$17,14,0)+IF('Standard Profiles'!$G$18=$B$24,21,0),MOD($C5646,24)+1)/SUM(INDEX($D$3:$AA$30,INDEX(Jesper!$R$2:$R$366,ROW(INDEX(Jesper!AH$2:AH$366,ROUNDDOWN($C5646/24,0)+1,1))-1)+IF('Standard Profiles'!$G$18=$B$10,7,0)+IF('Standard Profiles'!$G$18=$B$17,14,0)+IF('Standard Profiles'!$G$18=$B$24,21,0),0)),0)</f>
        <v>9.2430267136145332</v>
      </c>
      <c r="E5646" cm="1">
        <f t="array" ref="E5646">IFERROR(INDEX(Jesper!AI$2:AI$366,ROUNDDOWN($C5646/24,0)+1,1)*INDEX($D$3:$AA$30,INDEX(Jesper!$R$2:$R$366,ROW(INDEX(Jesper!AI$2:AI$366,ROUNDDOWN($C5646/24,0)+1,1))-1)+IF('Standard Profiles'!$G$19=$B$10,7,0)+IF('Standard Profiles'!$G$19=$B$17,14,0)+IF('Standard Profiles'!$G$19=$B$24,21,0),MOD($C5646,24)+1)/SUM(INDEX($D$3:$AA$30,INDEX(Jesper!$R$2:$R$366,ROW(INDEX(Jesper!AI$2:AI$366,ROUNDDOWN($C5646/24,0)+1,1))-1)+IF('Standard Profiles'!$G$19=$B$10,7,0)+IF('Standard Profiles'!$G$19=$B$17,14,0)+IF('Standard Profiles'!$G$19=$B$24,21,0),0)),0)</f>
        <v>0</v>
      </c>
      <c r="F5646" cm="1">
        <f t="array" ref="F5646">IFERROR(INDEX(Jesper!AJ$2:AJ$366,ROUNDDOWN($C5646/24,0)+1,1)*INDEX($D$3:$AA$30,INDEX(Jesper!$R$2:$R$366,ROW(INDEX(Jesper!AJ$2:AJ$366,ROUNDDOWN($C5646/24,0)+1,1))-1)+IF('Standard Profiles'!$G$20=$B$10,7,0)+IF('Standard Profiles'!$G$20=$B$17,14,0)+IF('Standard Profiles'!$G$20=$B$24,21,0),MOD($C5646,24)+1)/SUM(INDEX($D$3:$AA$30,INDEX(Jesper!$R$2:$R$366,ROW(INDEX(Jesper!AJ$2:AJ$366,ROUNDDOWN($C5646/24,0)+1,1))-1)+IF('Standard Profiles'!$G$20=$B$10,7,0)+IF('Standard Profiles'!$G$20=$B$17,14,0)+IF('Standard Profiles'!$G$20=$B$24,21,0),0)),0)</f>
        <v>0</v>
      </c>
      <c r="G5646" cm="1">
        <f t="array" ref="G5646">IFERROR(INDEX(Jesper!AK$2:AK$366,ROUNDDOWN($C5646/24,0)+1,1)*INDEX($D$3:$AA$30,INDEX(Jesper!$R$2:$R$366,ROW(INDEX(Jesper!AK$2:AK$366,ROUNDDOWN($C5646/24,0)+1,1))-1)+IF('Standard Profiles'!$G$21=$B$10,7,0)+IF('Standard Profiles'!$G$21=$B$17,14,0)+IF('Standard Profiles'!$G$21=$B$24,21,0),MOD($C5646,24)+1)/SUM(INDEX($D$3:$AA$30,INDEX(Jesper!$R$2:$R$366,ROW(INDEX(Jesper!AK$2:AK$366,ROUNDDOWN($C5646/24,0)+1,1))-1)+IF('Standard Profiles'!$G$21=$B$10,7,0)+IF('Standard Profiles'!$G$21=$B$17,14,0)+IF('Standard Profiles'!$G$21=$B$24,21,0),0)),0)</f>
        <v>0</v>
      </c>
      <c r="H5646" cm="1">
        <f t="array" ref="H5646">IFERROR(INDEX(Jesper!AL$2:AL$366,ROUNDDOWN($C5646/24,0)+1,1)*INDEX($D$3:$AA$30,INDEX(Jesper!$R$2:$R$366,ROW(INDEX(Jesper!AL$2:AL$366,ROUNDDOWN($C5646/24,0)+1,1))-1)+IF('Standard Profiles'!$G$22=$B$10,7,0)+IF('Standard Profiles'!$G$22=$B$17,14,0)+IF('Standard Profiles'!$G$22=$B$24,21,0),MOD($C5646,24)+1)/SUM(INDEX($D$3:$AA$30,INDEX(Jesper!$R$2:$R$366,ROW(INDEX(Jesper!AL$2:AL$366,ROUNDDOWN($C5646/24,0)+1,1))-1)+IF('Standard Profiles'!$G$22=$B$10,7,0)+IF('Standard Profiles'!$G$22=$B$17,14,0)+IF('Standard Profiles'!$G$22=$B$24,21,0),0)),0)</f>
        <v>0</v>
      </c>
      <c r="I5646">
        <f t="shared" si="629"/>
        <v>0.27729080140843598</v>
      </c>
      <c r="J5646">
        <f t="shared" si="630"/>
        <v>0.92430267136145339</v>
      </c>
      <c r="K5646">
        <f t="shared" si="631"/>
        <v>1.38645400704218</v>
      </c>
      <c r="L5646">
        <f t="shared" si="632"/>
        <v>6.6549792338024636</v>
      </c>
      <c r="M5646">
        <f t="shared" si="633"/>
        <v>0</v>
      </c>
      <c r="N5646" s="46">
        <f t="shared" si="634"/>
        <v>45525.833333319722</v>
      </c>
    </row>
    <row r="5647" spans="2:14" x14ac:dyDescent="0.3">
      <c r="B5647">
        <f t="shared" si="628"/>
        <v>3</v>
      </c>
      <c r="C5647" s="16">
        <v>5613</v>
      </c>
      <c r="D5647" cm="1">
        <f t="array" ref="D5647">IFERROR(INDEX(Jesper!AH$2:AH$366,ROUNDDOWN($C5647/24,0)+1,1)*INDEX($D$3:$AA$30,INDEX(Jesper!$R$2:$R$366,ROW(INDEX(Jesper!AH$2:AH$366,ROUNDDOWN($C5647/24,0)+1,1))-1)+IF('Standard Profiles'!$G$18=$B$10,7,0)+IF('Standard Profiles'!$G$18=$B$17,14,0)+IF('Standard Profiles'!$G$18=$B$24,21,0),MOD($C5647,24)+1)/SUM(INDEX($D$3:$AA$30,INDEX(Jesper!$R$2:$R$366,ROW(INDEX(Jesper!AH$2:AH$366,ROUNDDOWN($C5647/24,0)+1,1))-1)+IF('Standard Profiles'!$G$18=$B$10,7,0)+IF('Standard Profiles'!$G$18=$B$17,14,0)+IF('Standard Profiles'!$G$18=$B$24,21,0),0)),0)</f>
        <v>6.9322700352108999</v>
      </c>
      <c r="E5647" cm="1">
        <f t="array" ref="E5647">IFERROR(INDEX(Jesper!AI$2:AI$366,ROUNDDOWN($C5647/24,0)+1,1)*INDEX($D$3:$AA$30,INDEX(Jesper!$R$2:$R$366,ROW(INDEX(Jesper!AI$2:AI$366,ROUNDDOWN($C5647/24,0)+1,1))-1)+IF('Standard Profiles'!$G$19=$B$10,7,0)+IF('Standard Profiles'!$G$19=$B$17,14,0)+IF('Standard Profiles'!$G$19=$B$24,21,0),MOD($C5647,24)+1)/SUM(INDEX($D$3:$AA$30,INDEX(Jesper!$R$2:$R$366,ROW(INDEX(Jesper!AI$2:AI$366,ROUNDDOWN($C5647/24,0)+1,1))-1)+IF('Standard Profiles'!$G$19=$B$10,7,0)+IF('Standard Profiles'!$G$19=$B$17,14,0)+IF('Standard Profiles'!$G$19=$B$24,21,0),0)),0)</f>
        <v>0</v>
      </c>
      <c r="F5647" cm="1">
        <f t="array" ref="F5647">IFERROR(INDEX(Jesper!AJ$2:AJ$366,ROUNDDOWN($C5647/24,0)+1,1)*INDEX($D$3:$AA$30,INDEX(Jesper!$R$2:$R$366,ROW(INDEX(Jesper!AJ$2:AJ$366,ROUNDDOWN($C5647/24,0)+1,1))-1)+IF('Standard Profiles'!$G$20=$B$10,7,0)+IF('Standard Profiles'!$G$20=$B$17,14,0)+IF('Standard Profiles'!$G$20=$B$24,21,0),MOD($C5647,24)+1)/SUM(INDEX($D$3:$AA$30,INDEX(Jesper!$R$2:$R$366,ROW(INDEX(Jesper!AJ$2:AJ$366,ROUNDDOWN($C5647/24,0)+1,1))-1)+IF('Standard Profiles'!$G$20=$B$10,7,0)+IF('Standard Profiles'!$G$20=$B$17,14,0)+IF('Standard Profiles'!$G$20=$B$24,21,0),0)),0)</f>
        <v>0</v>
      </c>
      <c r="G5647" cm="1">
        <f t="array" ref="G5647">IFERROR(INDEX(Jesper!AK$2:AK$366,ROUNDDOWN($C5647/24,0)+1,1)*INDEX($D$3:$AA$30,INDEX(Jesper!$R$2:$R$366,ROW(INDEX(Jesper!AK$2:AK$366,ROUNDDOWN($C5647/24,0)+1,1))-1)+IF('Standard Profiles'!$G$21=$B$10,7,0)+IF('Standard Profiles'!$G$21=$B$17,14,0)+IF('Standard Profiles'!$G$21=$B$24,21,0),MOD($C5647,24)+1)/SUM(INDEX($D$3:$AA$30,INDEX(Jesper!$R$2:$R$366,ROW(INDEX(Jesper!AK$2:AK$366,ROUNDDOWN($C5647/24,0)+1,1))-1)+IF('Standard Profiles'!$G$21=$B$10,7,0)+IF('Standard Profiles'!$G$21=$B$17,14,0)+IF('Standard Profiles'!$G$21=$B$24,21,0),0)),0)</f>
        <v>0</v>
      </c>
      <c r="H5647" cm="1">
        <f t="array" ref="H5647">IFERROR(INDEX(Jesper!AL$2:AL$366,ROUNDDOWN($C5647/24,0)+1,1)*INDEX($D$3:$AA$30,INDEX(Jesper!$R$2:$R$366,ROW(INDEX(Jesper!AL$2:AL$366,ROUNDDOWN($C5647/24,0)+1,1))-1)+IF('Standard Profiles'!$G$22=$B$10,7,0)+IF('Standard Profiles'!$G$22=$B$17,14,0)+IF('Standard Profiles'!$G$22=$B$24,21,0),MOD($C5647,24)+1)/SUM(INDEX($D$3:$AA$30,INDEX(Jesper!$R$2:$R$366,ROW(INDEX(Jesper!AL$2:AL$366,ROUNDDOWN($C5647/24,0)+1,1))-1)+IF('Standard Profiles'!$G$22=$B$10,7,0)+IF('Standard Profiles'!$G$22=$B$17,14,0)+IF('Standard Profiles'!$G$22=$B$24,21,0),0)),0)</f>
        <v>0</v>
      </c>
      <c r="I5647">
        <f t="shared" si="629"/>
        <v>0.20796810105632699</v>
      </c>
      <c r="J5647">
        <f t="shared" si="630"/>
        <v>0.69322700352109001</v>
      </c>
      <c r="K5647">
        <f t="shared" si="631"/>
        <v>1.0398405052816349</v>
      </c>
      <c r="L5647">
        <f t="shared" si="632"/>
        <v>4.9912344253518475</v>
      </c>
      <c r="M5647">
        <f t="shared" si="633"/>
        <v>0</v>
      </c>
      <c r="N5647" s="46">
        <f t="shared" si="634"/>
        <v>45525.874999986387</v>
      </c>
    </row>
    <row r="5648" spans="2:14" x14ac:dyDescent="0.3">
      <c r="B5648">
        <f t="shared" si="628"/>
        <v>3</v>
      </c>
      <c r="C5648" s="16">
        <v>5614</v>
      </c>
      <c r="D5648" cm="1">
        <f t="array" ref="D5648">IFERROR(INDEX(Jesper!AH$2:AH$366,ROUNDDOWN($C5648/24,0)+1,1)*INDEX($D$3:$AA$30,INDEX(Jesper!$R$2:$R$366,ROW(INDEX(Jesper!AH$2:AH$366,ROUNDDOWN($C5648/24,0)+1,1))-1)+IF('Standard Profiles'!$G$18=$B$10,7,0)+IF('Standard Profiles'!$G$18=$B$17,14,0)+IF('Standard Profiles'!$G$18=$B$24,21,0),MOD($C5648,24)+1)/SUM(INDEX($D$3:$AA$30,INDEX(Jesper!$R$2:$R$366,ROW(INDEX(Jesper!AH$2:AH$366,ROUNDDOWN($C5648/24,0)+1,1))-1)+IF('Standard Profiles'!$G$18=$B$10,7,0)+IF('Standard Profiles'!$G$18=$B$17,14,0)+IF('Standard Profiles'!$G$18=$B$24,21,0),0)),0)</f>
        <v>6.9322700352108999</v>
      </c>
      <c r="E5648" cm="1">
        <f t="array" ref="E5648">IFERROR(INDEX(Jesper!AI$2:AI$366,ROUNDDOWN($C5648/24,0)+1,1)*INDEX($D$3:$AA$30,INDEX(Jesper!$R$2:$R$366,ROW(INDEX(Jesper!AI$2:AI$366,ROUNDDOWN($C5648/24,0)+1,1))-1)+IF('Standard Profiles'!$G$19=$B$10,7,0)+IF('Standard Profiles'!$G$19=$B$17,14,0)+IF('Standard Profiles'!$G$19=$B$24,21,0),MOD($C5648,24)+1)/SUM(INDEX($D$3:$AA$30,INDEX(Jesper!$R$2:$R$366,ROW(INDEX(Jesper!AI$2:AI$366,ROUNDDOWN($C5648/24,0)+1,1))-1)+IF('Standard Profiles'!$G$19=$B$10,7,0)+IF('Standard Profiles'!$G$19=$B$17,14,0)+IF('Standard Profiles'!$G$19=$B$24,21,0),0)),0)</f>
        <v>0</v>
      </c>
      <c r="F5648" cm="1">
        <f t="array" ref="F5648">IFERROR(INDEX(Jesper!AJ$2:AJ$366,ROUNDDOWN($C5648/24,0)+1,1)*INDEX($D$3:$AA$30,INDEX(Jesper!$R$2:$R$366,ROW(INDEX(Jesper!AJ$2:AJ$366,ROUNDDOWN($C5648/24,0)+1,1))-1)+IF('Standard Profiles'!$G$20=$B$10,7,0)+IF('Standard Profiles'!$G$20=$B$17,14,0)+IF('Standard Profiles'!$G$20=$B$24,21,0),MOD($C5648,24)+1)/SUM(INDEX($D$3:$AA$30,INDEX(Jesper!$R$2:$R$366,ROW(INDEX(Jesper!AJ$2:AJ$366,ROUNDDOWN($C5648/24,0)+1,1))-1)+IF('Standard Profiles'!$G$20=$B$10,7,0)+IF('Standard Profiles'!$G$20=$B$17,14,0)+IF('Standard Profiles'!$G$20=$B$24,21,0),0)),0)</f>
        <v>0</v>
      </c>
      <c r="G5648" cm="1">
        <f t="array" ref="G5648">IFERROR(INDEX(Jesper!AK$2:AK$366,ROUNDDOWN($C5648/24,0)+1,1)*INDEX($D$3:$AA$30,INDEX(Jesper!$R$2:$R$366,ROW(INDEX(Jesper!AK$2:AK$366,ROUNDDOWN($C5648/24,0)+1,1))-1)+IF('Standard Profiles'!$G$21=$B$10,7,0)+IF('Standard Profiles'!$G$21=$B$17,14,0)+IF('Standard Profiles'!$G$21=$B$24,21,0),MOD($C5648,24)+1)/SUM(INDEX($D$3:$AA$30,INDEX(Jesper!$R$2:$R$366,ROW(INDEX(Jesper!AK$2:AK$366,ROUNDDOWN($C5648/24,0)+1,1))-1)+IF('Standard Profiles'!$G$21=$B$10,7,0)+IF('Standard Profiles'!$G$21=$B$17,14,0)+IF('Standard Profiles'!$G$21=$B$24,21,0),0)),0)</f>
        <v>0</v>
      </c>
      <c r="H5648" cm="1">
        <f t="array" ref="H5648">IFERROR(INDEX(Jesper!AL$2:AL$366,ROUNDDOWN($C5648/24,0)+1,1)*INDEX($D$3:$AA$30,INDEX(Jesper!$R$2:$R$366,ROW(INDEX(Jesper!AL$2:AL$366,ROUNDDOWN($C5648/24,0)+1,1))-1)+IF('Standard Profiles'!$G$22=$B$10,7,0)+IF('Standard Profiles'!$G$22=$B$17,14,0)+IF('Standard Profiles'!$G$22=$B$24,21,0),MOD($C5648,24)+1)/SUM(INDEX($D$3:$AA$30,INDEX(Jesper!$R$2:$R$366,ROW(INDEX(Jesper!AL$2:AL$366,ROUNDDOWN($C5648/24,0)+1,1))-1)+IF('Standard Profiles'!$G$22=$B$10,7,0)+IF('Standard Profiles'!$G$22=$B$17,14,0)+IF('Standard Profiles'!$G$22=$B$24,21,0),0)),0)</f>
        <v>0</v>
      </c>
      <c r="I5648">
        <f t="shared" si="629"/>
        <v>0.20796810105632699</v>
      </c>
      <c r="J5648">
        <f t="shared" si="630"/>
        <v>0.69322700352109001</v>
      </c>
      <c r="K5648">
        <f t="shared" si="631"/>
        <v>1.0398405052816349</v>
      </c>
      <c r="L5648">
        <f t="shared" si="632"/>
        <v>4.9912344253518475</v>
      </c>
      <c r="M5648">
        <f t="shared" si="633"/>
        <v>0</v>
      </c>
      <c r="N5648" s="46">
        <f t="shared" si="634"/>
        <v>45525.916666653051</v>
      </c>
    </row>
    <row r="5649" spans="2:14" x14ac:dyDescent="0.3">
      <c r="B5649">
        <f t="shared" si="628"/>
        <v>3</v>
      </c>
      <c r="C5649" s="16">
        <v>5615</v>
      </c>
      <c r="D5649" cm="1">
        <f t="array" ref="D5649">IFERROR(INDEX(Jesper!AH$2:AH$366,ROUNDDOWN($C5649/24,0)+1,1)*INDEX($D$3:$AA$30,INDEX(Jesper!$R$2:$R$366,ROW(INDEX(Jesper!AH$2:AH$366,ROUNDDOWN($C5649/24,0)+1,1))-1)+IF('Standard Profiles'!$G$18=$B$10,7,0)+IF('Standard Profiles'!$G$18=$B$17,14,0)+IF('Standard Profiles'!$G$18=$B$24,21,0),MOD($C5649,24)+1)/SUM(INDEX($D$3:$AA$30,INDEX(Jesper!$R$2:$R$366,ROW(INDEX(Jesper!AH$2:AH$366,ROUNDDOWN($C5649/24,0)+1,1))-1)+IF('Standard Profiles'!$G$18=$B$10,7,0)+IF('Standard Profiles'!$G$18=$B$17,14,0)+IF('Standard Profiles'!$G$18=$B$24,21,0),0)),0)</f>
        <v>6.9322700352108999</v>
      </c>
      <c r="E5649" cm="1">
        <f t="array" ref="E5649">IFERROR(INDEX(Jesper!AI$2:AI$366,ROUNDDOWN($C5649/24,0)+1,1)*INDEX($D$3:$AA$30,INDEX(Jesper!$R$2:$R$366,ROW(INDEX(Jesper!AI$2:AI$366,ROUNDDOWN($C5649/24,0)+1,1))-1)+IF('Standard Profiles'!$G$19=$B$10,7,0)+IF('Standard Profiles'!$G$19=$B$17,14,0)+IF('Standard Profiles'!$G$19=$B$24,21,0),MOD($C5649,24)+1)/SUM(INDEX($D$3:$AA$30,INDEX(Jesper!$R$2:$R$366,ROW(INDEX(Jesper!AI$2:AI$366,ROUNDDOWN($C5649/24,0)+1,1))-1)+IF('Standard Profiles'!$G$19=$B$10,7,0)+IF('Standard Profiles'!$G$19=$B$17,14,0)+IF('Standard Profiles'!$G$19=$B$24,21,0),0)),0)</f>
        <v>0</v>
      </c>
      <c r="F5649" cm="1">
        <f t="array" ref="F5649">IFERROR(INDEX(Jesper!AJ$2:AJ$366,ROUNDDOWN($C5649/24,0)+1,1)*INDEX($D$3:$AA$30,INDEX(Jesper!$R$2:$R$366,ROW(INDEX(Jesper!AJ$2:AJ$366,ROUNDDOWN($C5649/24,0)+1,1))-1)+IF('Standard Profiles'!$G$20=$B$10,7,0)+IF('Standard Profiles'!$G$20=$B$17,14,0)+IF('Standard Profiles'!$G$20=$B$24,21,0),MOD($C5649,24)+1)/SUM(INDEX($D$3:$AA$30,INDEX(Jesper!$R$2:$R$366,ROW(INDEX(Jesper!AJ$2:AJ$366,ROUNDDOWN($C5649/24,0)+1,1))-1)+IF('Standard Profiles'!$G$20=$B$10,7,0)+IF('Standard Profiles'!$G$20=$B$17,14,0)+IF('Standard Profiles'!$G$20=$B$24,21,0),0)),0)</f>
        <v>0</v>
      </c>
      <c r="G5649" cm="1">
        <f t="array" ref="G5649">IFERROR(INDEX(Jesper!AK$2:AK$366,ROUNDDOWN($C5649/24,0)+1,1)*INDEX($D$3:$AA$30,INDEX(Jesper!$R$2:$R$366,ROW(INDEX(Jesper!AK$2:AK$366,ROUNDDOWN($C5649/24,0)+1,1))-1)+IF('Standard Profiles'!$G$21=$B$10,7,0)+IF('Standard Profiles'!$G$21=$B$17,14,0)+IF('Standard Profiles'!$G$21=$B$24,21,0),MOD($C5649,24)+1)/SUM(INDEX($D$3:$AA$30,INDEX(Jesper!$R$2:$R$366,ROW(INDEX(Jesper!AK$2:AK$366,ROUNDDOWN($C5649/24,0)+1,1))-1)+IF('Standard Profiles'!$G$21=$B$10,7,0)+IF('Standard Profiles'!$G$21=$B$17,14,0)+IF('Standard Profiles'!$G$21=$B$24,21,0),0)),0)</f>
        <v>0</v>
      </c>
      <c r="H5649" cm="1">
        <f t="array" ref="H5649">IFERROR(INDEX(Jesper!AL$2:AL$366,ROUNDDOWN($C5649/24,0)+1,1)*INDEX($D$3:$AA$30,INDEX(Jesper!$R$2:$R$366,ROW(INDEX(Jesper!AL$2:AL$366,ROUNDDOWN($C5649/24,0)+1,1))-1)+IF('Standard Profiles'!$G$22=$B$10,7,0)+IF('Standard Profiles'!$G$22=$B$17,14,0)+IF('Standard Profiles'!$G$22=$B$24,21,0),MOD($C5649,24)+1)/SUM(INDEX($D$3:$AA$30,INDEX(Jesper!$R$2:$R$366,ROW(INDEX(Jesper!AL$2:AL$366,ROUNDDOWN($C5649/24,0)+1,1))-1)+IF('Standard Profiles'!$G$22=$B$10,7,0)+IF('Standard Profiles'!$G$22=$B$17,14,0)+IF('Standard Profiles'!$G$22=$B$24,21,0),0)),0)</f>
        <v>0</v>
      </c>
      <c r="I5649">
        <f t="shared" si="629"/>
        <v>0.20796810105632699</v>
      </c>
      <c r="J5649">
        <f t="shared" si="630"/>
        <v>0.69322700352109001</v>
      </c>
      <c r="K5649">
        <f t="shared" si="631"/>
        <v>1.0398405052816349</v>
      </c>
      <c r="L5649">
        <f t="shared" si="632"/>
        <v>4.9912344253518475</v>
      </c>
      <c r="M5649">
        <f t="shared" si="633"/>
        <v>0</v>
      </c>
      <c r="N5649" s="46">
        <f t="shared" si="634"/>
        <v>45525.958333319715</v>
      </c>
    </row>
    <row r="5650" spans="2:14" x14ac:dyDescent="0.3">
      <c r="B5650">
        <f t="shared" si="628"/>
        <v>4</v>
      </c>
      <c r="C5650" s="16">
        <v>5616</v>
      </c>
      <c r="D5650" cm="1">
        <f t="array" ref="D5650">IFERROR(INDEX(Jesper!AH$2:AH$366,ROUNDDOWN($C5650/24,0)+1,1)*INDEX($D$3:$AA$30,INDEX(Jesper!$R$2:$R$366,ROW(INDEX(Jesper!AH$2:AH$366,ROUNDDOWN($C5650/24,0)+1,1))-1)+IF('Standard Profiles'!$G$18=$B$10,7,0)+IF('Standard Profiles'!$G$18=$B$17,14,0)+IF('Standard Profiles'!$G$18=$B$24,21,0),MOD($C5650,24)+1)/SUM(INDEX($D$3:$AA$30,INDEX(Jesper!$R$2:$R$366,ROW(INDEX(Jesper!AH$2:AH$366,ROUNDDOWN($C5650/24,0)+1,1))-1)+IF('Standard Profiles'!$G$18=$B$10,7,0)+IF('Standard Profiles'!$G$18=$B$17,14,0)+IF('Standard Profiles'!$G$18=$B$24,21,0),0)),0)</f>
        <v>6.9212391152525887</v>
      </c>
      <c r="E5650" cm="1">
        <f t="array" ref="E5650">IFERROR(INDEX(Jesper!AI$2:AI$366,ROUNDDOWN($C5650/24,0)+1,1)*INDEX($D$3:$AA$30,INDEX(Jesper!$R$2:$R$366,ROW(INDEX(Jesper!AI$2:AI$366,ROUNDDOWN($C5650/24,0)+1,1))-1)+IF('Standard Profiles'!$G$19=$B$10,7,0)+IF('Standard Profiles'!$G$19=$B$17,14,0)+IF('Standard Profiles'!$G$19=$B$24,21,0),MOD($C5650,24)+1)/SUM(INDEX($D$3:$AA$30,INDEX(Jesper!$R$2:$R$366,ROW(INDEX(Jesper!AI$2:AI$366,ROUNDDOWN($C5650/24,0)+1,1))-1)+IF('Standard Profiles'!$G$19=$B$10,7,0)+IF('Standard Profiles'!$G$19=$B$17,14,0)+IF('Standard Profiles'!$G$19=$B$24,21,0),0)),0)</f>
        <v>0</v>
      </c>
      <c r="F5650" cm="1">
        <f t="array" ref="F5650">IFERROR(INDEX(Jesper!AJ$2:AJ$366,ROUNDDOWN($C5650/24,0)+1,1)*INDEX($D$3:$AA$30,INDEX(Jesper!$R$2:$R$366,ROW(INDEX(Jesper!AJ$2:AJ$366,ROUNDDOWN($C5650/24,0)+1,1))-1)+IF('Standard Profiles'!$G$20=$B$10,7,0)+IF('Standard Profiles'!$G$20=$B$17,14,0)+IF('Standard Profiles'!$G$20=$B$24,21,0),MOD($C5650,24)+1)/SUM(INDEX($D$3:$AA$30,INDEX(Jesper!$R$2:$R$366,ROW(INDEX(Jesper!AJ$2:AJ$366,ROUNDDOWN($C5650/24,0)+1,1))-1)+IF('Standard Profiles'!$G$20=$B$10,7,0)+IF('Standard Profiles'!$G$20=$B$17,14,0)+IF('Standard Profiles'!$G$20=$B$24,21,0),0)),0)</f>
        <v>0</v>
      </c>
      <c r="G5650" cm="1">
        <f t="array" ref="G5650">IFERROR(INDEX(Jesper!AK$2:AK$366,ROUNDDOWN($C5650/24,0)+1,1)*INDEX($D$3:$AA$30,INDEX(Jesper!$R$2:$R$366,ROW(INDEX(Jesper!AK$2:AK$366,ROUNDDOWN($C5650/24,0)+1,1))-1)+IF('Standard Profiles'!$G$21=$B$10,7,0)+IF('Standard Profiles'!$G$21=$B$17,14,0)+IF('Standard Profiles'!$G$21=$B$24,21,0),MOD($C5650,24)+1)/SUM(INDEX($D$3:$AA$30,INDEX(Jesper!$R$2:$R$366,ROW(INDEX(Jesper!AK$2:AK$366,ROUNDDOWN($C5650/24,0)+1,1))-1)+IF('Standard Profiles'!$G$21=$B$10,7,0)+IF('Standard Profiles'!$G$21=$B$17,14,0)+IF('Standard Profiles'!$G$21=$B$24,21,0),0)),0)</f>
        <v>0</v>
      </c>
      <c r="H5650" cm="1">
        <f t="array" ref="H5650">IFERROR(INDEX(Jesper!AL$2:AL$366,ROUNDDOWN($C5650/24,0)+1,1)*INDEX($D$3:$AA$30,INDEX(Jesper!$R$2:$R$366,ROW(INDEX(Jesper!AL$2:AL$366,ROUNDDOWN($C5650/24,0)+1,1))-1)+IF('Standard Profiles'!$G$22=$B$10,7,0)+IF('Standard Profiles'!$G$22=$B$17,14,0)+IF('Standard Profiles'!$G$22=$B$24,21,0),MOD($C5650,24)+1)/SUM(INDEX($D$3:$AA$30,INDEX(Jesper!$R$2:$R$366,ROW(INDEX(Jesper!AL$2:AL$366,ROUNDDOWN($C5650/24,0)+1,1))-1)+IF('Standard Profiles'!$G$22=$B$10,7,0)+IF('Standard Profiles'!$G$22=$B$17,14,0)+IF('Standard Profiles'!$G$22=$B$24,21,0),0)),0)</f>
        <v>0</v>
      </c>
      <c r="I5650">
        <f t="shared" si="629"/>
        <v>0.20763717345757765</v>
      </c>
      <c r="J5650">
        <f t="shared" si="630"/>
        <v>0.69212391152525887</v>
      </c>
      <c r="K5650">
        <f t="shared" si="631"/>
        <v>1.0381858672878883</v>
      </c>
      <c r="L5650">
        <f t="shared" si="632"/>
        <v>4.9832921629818641</v>
      </c>
      <c r="M5650">
        <f t="shared" si="633"/>
        <v>0</v>
      </c>
      <c r="N5650" s="46">
        <f t="shared" si="634"/>
        <v>45525.999999986379</v>
      </c>
    </row>
    <row r="5651" spans="2:14" x14ac:dyDescent="0.3">
      <c r="B5651">
        <f t="shared" si="628"/>
        <v>4</v>
      </c>
      <c r="C5651" s="16">
        <v>5617</v>
      </c>
      <c r="D5651" cm="1">
        <f t="array" ref="D5651">IFERROR(INDEX(Jesper!AH$2:AH$366,ROUNDDOWN($C5651/24,0)+1,1)*INDEX($D$3:$AA$30,INDEX(Jesper!$R$2:$R$366,ROW(INDEX(Jesper!AH$2:AH$366,ROUNDDOWN($C5651/24,0)+1,1))-1)+IF('Standard Profiles'!$G$18=$B$10,7,0)+IF('Standard Profiles'!$G$18=$B$17,14,0)+IF('Standard Profiles'!$G$18=$B$24,21,0),MOD($C5651,24)+1)/SUM(INDEX($D$3:$AA$30,INDEX(Jesper!$R$2:$R$366,ROW(INDEX(Jesper!AH$2:AH$366,ROUNDDOWN($C5651/24,0)+1,1))-1)+IF('Standard Profiles'!$G$18=$B$10,7,0)+IF('Standard Profiles'!$G$18=$B$17,14,0)+IF('Standard Profiles'!$G$18=$B$24,21,0),0)),0)</f>
        <v>6.9212391152525887</v>
      </c>
      <c r="E5651" cm="1">
        <f t="array" ref="E5651">IFERROR(INDEX(Jesper!AI$2:AI$366,ROUNDDOWN($C5651/24,0)+1,1)*INDEX($D$3:$AA$30,INDEX(Jesper!$R$2:$R$366,ROW(INDEX(Jesper!AI$2:AI$366,ROUNDDOWN($C5651/24,0)+1,1))-1)+IF('Standard Profiles'!$G$19=$B$10,7,0)+IF('Standard Profiles'!$G$19=$B$17,14,0)+IF('Standard Profiles'!$G$19=$B$24,21,0),MOD($C5651,24)+1)/SUM(INDEX($D$3:$AA$30,INDEX(Jesper!$R$2:$R$366,ROW(INDEX(Jesper!AI$2:AI$366,ROUNDDOWN($C5651/24,0)+1,1))-1)+IF('Standard Profiles'!$G$19=$B$10,7,0)+IF('Standard Profiles'!$G$19=$B$17,14,0)+IF('Standard Profiles'!$G$19=$B$24,21,0),0)),0)</f>
        <v>0</v>
      </c>
      <c r="F5651" cm="1">
        <f t="array" ref="F5651">IFERROR(INDEX(Jesper!AJ$2:AJ$366,ROUNDDOWN($C5651/24,0)+1,1)*INDEX($D$3:$AA$30,INDEX(Jesper!$R$2:$R$366,ROW(INDEX(Jesper!AJ$2:AJ$366,ROUNDDOWN($C5651/24,0)+1,1))-1)+IF('Standard Profiles'!$G$20=$B$10,7,0)+IF('Standard Profiles'!$G$20=$B$17,14,0)+IF('Standard Profiles'!$G$20=$B$24,21,0),MOD($C5651,24)+1)/SUM(INDEX($D$3:$AA$30,INDEX(Jesper!$R$2:$R$366,ROW(INDEX(Jesper!AJ$2:AJ$366,ROUNDDOWN($C5651/24,0)+1,1))-1)+IF('Standard Profiles'!$G$20=$B$10,7,0)+IF('Standard Profiles'!$G$20=$B$17,14,0)+IF('Standard Profiles'!$G$20=$B$24,21,0),0)),0)</f>
        <v>0</v>
      </c>
      <c r="G5651" cm="1">
        <f t="array" ref="G5651">IFERROR(INDEX(Jesper!AK$2:AK$366,ROUNDDOWN($C5651/24,0)+1,1)*INDEX($D$3:$AA$30,INDEX(Jesper!$R$2:$R$366,ROW(INDEX(Jesper!AK$2:AK$366,ROUNDDOWN($C5651/24,0)+1,1))-1)+IF('Standard Profiles'!$G$21=$B$10,7,0)+IF('Standard Profiles'!$G$21=$B$17,14,0)+IF('Standard Profiles'!$G$21=$B$24,21,0),MOD($C5651,24)+1)/SUM(INDEX($D$3:$AA$30,INDEX(Jesper!$R$2:$R$366,ROW(INDEX(Jesper!AK$2:AK$366,ROUNDDOWN($C5651/24,0)+1,1))-1)+IF('Standard Profiles'!$G$21=$B$10,7,0)+IF('Standard Profiles'!$G$21=$B$17,14,0)+IF('Standard Profiles'!$G$21=$B$24,21,0),0)),0)</f>
        <v>0</v>
      </c>
      <c r="H5651" cm="1">
        <f t="array" ref="H5651">IFERROR(INDEX(Jesper!AL$2:AL$366,ROUNDDOWN($C5651/24,0)+1,1)*INDEX($D$3:$AA$30,INDEX(Jesper!$R$2:$R$366,ROW(INDEX(Jesper!AL$2:AL$366,ROUNDDOWN($C5651/24,0)+1,1))-1)+IF('Standard Profiles'!$G$22=$B$10,7,0)+IF('Standard Profiles'!$G$22=$B$17,14,0)+IF('Standard Profiles'!$G$22=$B$24,21,0),MOD($C5651,24)+1)/SUM(INDEX($D$3:$AA$30,INDEX(Jesper!$R$2:$R$366,ROW(INDEX(Jesper!AL$2:AL$366,ROUNDDOWN($C5651/24,0)+1,1))-1)+IF('Standard Profiles'!$G$22=$B$10,7,0)+IF('Standard Profiles'!$G$22=$B$17,14,0)+IF('Standard Profiles'!$G$22=$B$24,21,0),0)),0)</f>
        <v>0</v>
      </c>
      <c r="I5651">
        <f t="shared" si="629"/>
        <v>0.20763717345757765</v>
      </c>
      <c r="J5651">
        <f t="shared" si="630"/>
        <v>0.69212391152525887</v>
      </c>
      <c r="K5651">
        <f t="shared" si="631"/>
        <v>1.0381858672878883</v>
      </c>
      <c r="L5651">
        <f t="shared" si="632"/>
        <v>4.9832921629818641</v>
      </c>
      <c r="M5651">
        <f t="shared" si="633"/>
        <v>0</v>
      </c>
      <c r="N5651" s="46">
        <f t="shared" si="634"/>
        <v>45526.041666653044</v>
      </c>
    </row>
    <row r="5652" spans="2:14" x14ac:dyDescent="0.3">
      <c r="B5652">
        <f t="shared" si="628"/>
        <v>4</v>
      </c>
      <c r="C5652" s="16">
        <v>5618</v>
      </c>
      <c r="D5652" cm="1">
        <f t="array" ref="D5652">IFERROR(INDEX(Jesper!AH$2:AH$366,ROUNDDOWN($C5652/24,0)+1,1)*INDEX($D$3:$AA$30,INDEX(Jesper!$R$2:$R$366,ROW(INDEX(Jesper!AH$2:AH$366,ROUNDDOWN($C5652/24,0)+1,1))-1)+IF('Standard Profiles'!$G$18=$B$10,7,0)+IF('Standard Profiles'!$G$18=$B$17,14,0)+IF('Standard Profiles'!$G$18=$B$24,21,0),MOD($C5652,24)+1)/SUM(INDEX($D$3:$AA$30,INDEX(Jesper!$R$2:$R$366,ROW(INDEX(Jesper!AH$2:AH$366,ROUNDDOWN($C5652/24,0)+1,1))-1)+IF('Standard Profiles'!$G$18=$B$10,7,0)+IF('Standard Profiles'!$G$18=$B$17,14,0)+IF('Standard Profiles'!$G$18=$B$24,21,0),0)),0)</f>
        <v>6.9212391152525887</v>
      </c>
      <c r="E5652" cm="1">
        <f t="array" ref="E5652">IFERROR(INDEX(Jesper!AI$2:AI$366,ROUNDDOWN($C5652/24,0)+1,1)*INDEX($D$3:$AA$30,INDEX(Jesper!$R$2:$R$366,ROW(INDEX(Jesper!AI$2:AI$366,ROUNDDOWN($C5652/24,0)+1,1))-1)+IF('Standard Profiles'!$G$19=$B$10,7,0)+IF('Standard Profiles'!$G$19=$B$17,14,0)+IF('Standard Profiles'!$G$19=$B$24,21,0),MOD($C5652,24)+1)/SUM(INDEX($D$3:$AA$30,INDEX(Jesper!$R$2:$R$366,ROW(INDEX(Jesper!AI$2:AI$366,ROUNDDOWN($C5652/24,0)+1,1))-1)+IF('Standard Profiles'!$G$19=$B$10,7,0)+IF('Standard Profiles'!$G$19=$B$17,14,0)+IF('Standard Profiles'!$G$19=$B$24,21,0),0)),0)</f>
        <v>0</v>
      </c>
      <c r="F5652" cm="1">
        <f t="array" ref="F5652">IFERROR(INDEX(Jesper!AJ$2:AJ$366,ROUNDDOWN($C5652/24,0)+1,1)*INDEX($D$3:$AA$30,INDEX(Jesper!$R$2:$R$366,ROW(INDEX(Jesper!AJ$2:AJ$366,ROUNDDOWN($C5652/24,0)+1,1))-1)+IF('Standard Profiles'!$G$20=$B$10,7,0)+IF('Standard Profiles'!$G$20=$B$17,14,0)+IF('Standard Profiles'!$G$20=$B$24,21,0),MOD($C5652,24)+1)/SUM(INDEX($D$3:$AA$30,INDEX(Jesper!$R$2:$R$366,ROW(INDEX(Jesper!AJ$2:AJ$366,ROUNDDOWN($C5652/24,0)+1,1))-1)+IF('Standard Profiles'!$G$20=$B$10,7,0)+IF('Standard Profiles'!$G$20=$B$17,14,0)+IF('Standard Profiles'!$G$20=$B$24,21,0),0)),0)</f>
        <v>0</v>
      </c>
      <c r="G5652" cm="1">
        <f t="array" ref="G5652">IFERROR(INDEX(Jesper!AK$2:AK$366,ROUNDDOWN($C5652/24,0)+1,1)*INDEX($D$3:$AA$30,INDEX(Jesper!$R$2:$R$366,ROW(INDEX(Jesper!AK$2:AK$366,ROUNDDOWN($C5652/24,0)+1,1))-1)+IF('Standard Profiles'!$G$21=$B$10,7,0)+IF('Standard Profiles'!$G$21=$B$17,14,0)+IF('Standard Profiles'!$G$21=$B$24,21,0),MOD($C5652,24)+1)/SUM(INDEX($D$3:$AA$30,INDEX(Jesper!$R$2:$R$366,ROW(INDEX(Jesper!AK$2:AK$366,ROUNDDOWN($C5652/24,0)+1,1))-1)+IF('Standard Profiles'!$G$21=$B$10,7,0)+IF('Standard Profiles'!$G$21=$B$17,14,0)+IF('Standard Profiles'!$G$21=$B$24,21,0),0)),0)</f>
        <v>0</v>
      </c>
      <c r="H5652" cm="1">
        <f t="array" ref="H5652">IFERROR(INDEX(Jesper!AL$2:AL$366,ROUNDDOWN($C5652/24,0)+1,1)*INDEX($D$3:$AA$30,INDEX(Jesper!$R$2:$R$366,ROW(INDEX(Jesper!AL$2:AL$366,ROUNDDOWN($C5652/24,0)+1,1))-1)+IF('Standard Profiles'!$G$22=$B$10,7,0)+IF('Standard Profiles'!$G$22=$B$17,14,0)+IF('Standard Profiles'!$G$22=$B$24,21,0),MOD($C5652,24)+1)/SUM(INDEX($D$3:$AA$30,INDEX(Jesper!$R$2:$R$366,ROW(INDEX(Jesper!AL$2:AL$366,ROUNDDOWN($C5652/24,0)+1,1))-1)+IF('Standard Profiles'!$G$22=$B$10,7,0)+IF('Standard Profiles'!$G$22=$B$17,14,0)+IF('Standard Profiles'!$G$22=$B$24,21,0),0)),0)</f>
        <v>0</v>
      </c>
      <c r="I5652">
        <f t="shared" si="629"/>
        <v>0.20763717345757765</v>
      </c>
      <c r="J5652">
        <f t="shared" si="630"/>
        <v>0.69212391152525887</v>
      </c>
      <c r="K5652">
        <f t="shared" si="631"/>
        <v>1.0381858672878883</v>
      </c>
      <c r="L5652">
        <f t="shared" si="632"/>
        <v>4.9832921629818641</v>
      </c>
      <c r="M5652">
        <f t="shared" si="633"/>
        <v>0</v>
      </c>
      <c r="N5652" s="46">
        <f t="shared" si="634"/>
        <v>45526.083333319708</v>
      </c>
    </row>
    <row r="5653" spans="2:14" x14ac:dyDescent="0.3">
      <c r="B5653">
        <f t="shared" si="628"/>
        <v>4</v>
      </c>
      <c r="C5653" s="16">
        <v>5619</v>
      </c>
      <c r="D5653" cm="1">
        <f t="array" ref="D5653">IFERROR(INDEX(Jesper!AH$2:AH$366,ROUNDDOWN($C5653/24,0)+1,1)*INDEX($D$3:$AA$30,INDEX(Jesper!$R$2:$R$366,ROW(INDEX(Jesper!AH$2:AH$366,ROUNDDOWN($C5653/24,0)+1,1))-1)+IF('Standard Profiles'!$G$18=$B$10,7,0)+IF('Standard Profiles'!$G$18=$B$17,14,0)+IF('Standard Profiles'!$G$18=$B$24,21,0),MOD($C5653,24)+1)/SUM(INDEX($D$3:$AA$30,INDEX(Jesper!$R$2:$R$366,ROW(INDEX(Jesper!AH$2:AH$366,ROUNDDOWN($C5653/24,0)+1,1))-1)+IF('Standard Profiles'!$G$18=$B$10,7,0)+IF('Standard Profiles'!$G$18=$B$17,14,0)+IF('Standard Profiles'!$G$18=$B$24,21,0),0)),0)</f>
        <v>6.9212391152525887</v>
      </c>
      <c r="E5653" cm="1">
        <f t="array" ref="E5653">IFERROR(INDEX(Jesper!AI$2:AI$366,ROUNDDOWN($C5653/24,0)+1,1)*INDEX($D$3:$AA$30,INDEX(Jesper!$R$2:$R$366,ROW(INDEX(Jesper!AI$2:AI$366,ROUNDDOWN($C5653/24,0)+1,1))-1)+IF('Standard Profiles'!$G$19=$B$10,7,0)+IF('Standard Profiles'!$G$19=$B$17,14,0)+IF('Standard Profiles'!$G$19=$B$24,21,0),MOD($C5653,24)+1)/SUM(INDEX($D$3:$AA$30,INDEX(Jesper!$R$2:$R$366,ROW(INDEX(Jesper!AI$2:AI$366,ROUNDDOWN($C5653/24,0)+1,1))-1)+IF('Standard Profiles'!$G$19=$B$10,7,0)+IF('Standard Profiles'!$G$19=$B$17,14,0)+IF('Standard Profiles'!$G$19=$B$24,21,0),0)),0)</f>
        <v>0</v>
      </c>
      <c r="F5653" cm="1">
        <f t="array" ref="F5653">IFERROR(INDEX(Jesper!AJ$2:AJ$366,ROUNDDOWN($C5653/24,0)+1,1)*INDEX($D$3:$AA$30,INDEX(Jesper!$R$2:$R$366,ROW(INDEX(Jesper!AJ$2:AJ$366,ROUNDDOWN($C5653/24,0)+1,1))-1)+IF('Standard Profiles'!$G$20=$B$10,7,0)+IF('Standard Profiles'!$G$20=$B$17,14,0)+IF('Standard Profiles'!$G$20=$B$24,21,0),MOD($C5653,24)+1)/SUM(INDEX($D$3:$AA$30,INDEX(Jesper!$R$2:$R$366,ROW(INDEX(Jesper!AJ$2:AJ$366,ROUNDDOWN($C5653/24,0)+1,1))-1)+IF('Standard Profiles'!$G$20=$B$10,7,0)+IF('Standard Profiles'!$G$20=$B$17,14,0)+IF('Standard Profiles'!$G$20=$B$24,21,0),0)),0)</f>
        <v>0</v>
      </c>
      <c r="G5653" cm="1">
        <f t="array" ref="G5653">IFERROR(INDEX(Jesper!AK$2:AK$366,ROUNDDOWN($C5653/24,0)+1,1)*INDEX($D$3:$AA$30,INDEX(Jesper!$R$2:$R$366,ROW(INDEX(Jesper!AK$2:AK$366,ROUNDDOWN($C5653/24,0)+1,1))-1)+IF('Standard Profiles'!$G$21=$B$10,7,0)+IF('Standard Profiles'!$G$21=$B$17,14,0)+IF('Standard Profiles'!$G$21=$B$24,21,0),MOD($C5653,24)+1)/SUM(INDEX($D$3:$AA$30,INDEX(Jesper!$R$2:$R$366,ROW(INDEX(Jesper!AK$2:AK$366,ROUNDDOWN($C5653/24,0)+1,1))-1)+IF('Standard Profiles'!$G$21=$B$10,7,0)+IF('Standard Profiles'!$G$21=$B$17,14,0)+IF('Standard Profiles'!$G$21=$B$24,21,0),0)),0)</f>
        <v>0</v>
      </c>
      <c r="H5653" cm="1">
        <f t="array" ref="H5653">IFERROR(INDEX(Jesper!AL$2:AL$366,ROUNDDOWN($C5653/24,0)+1,1)*INDEX($D$3:$AA$30,INDEX(Jesper!$R$2:$R$366,ROW(INDEX(Jesper!AL$2:AL$366,ROUNDDOWN($C5653/24,0)+1,1))-1)+IF('Standard Profiles'!$G$22=$B$10,7,0)+IF('Standard Profiles'!$G$22=$B$17,14,0)+IF('Standard Profiles'!$G$22=$B$24,21,0),MOD($C5653,24)+1)/SUM(INDEX($D$3:$AA$30,INDEX(Jesper!$R$2:$R$366,ROW(INDEX(Jesper!AL$2:AL$366,ROUNDDOWN($C5653/24,0)+1,1))-1)+IF('Standard Profiles'!$G$22=$B$10,7,0)+IF('Standard Profiles'!$G$22=$B$17,14,0)+IF('Standard Profiles'!$G$22=$B$24,21,0),0)),0)</f>
        <v>0</v>
      </c>
      <c r="I5653">
        <f t="shared" si="629"/>
        <v>0.20763717345757765</v>
      </c>
      <c r="J5653">
        <f t="shared" si="630"/>
        <v>0.69212391152525887</v>
      </c>
      <c r="K5653">
        <f t="shared" si="631"/>
        <v>1.0381858672878883</v>
      </c>
      <c r="L5653">
        <f t="shared" si="632"/>
        <v>4.9832921629818641</v>
      </c>
      <c r="M5653">
        <f t="shared" si="633"/>
        <v>0</v>
      </c>
      <c r="N5653" s="46">
        <f t="shared" si="634"/>
        <v>45526.124999986372</v>
      </c>
    </row>
    <row r="5654" spans="2:14" x14ac:dyDescent="0.3">
      <c r="B5654">
        <f t="shared" si="628"/>
        <v>4</v>
      </c>
      <c r="C5654" s="16">
        <v>5620</v>
      </c>
      <c r="D5654" cm="1">
        <f t="array" ref="D5654">IFERROR(INDEX(Jesper!AH$2:AH$366,ROUNDDOWN($C5654/24,0)+1,1)*INDEX($D$3:$AA$30,INDEX(Jesper!$R$2:$R$366,ROW(INDEX(Jesper!AH$2:AH$366,ROUNDDOWN($C5654/24,0)+1,1))-1)+IF('Standard Profiles'!$G$18=$B$10,7,0)+IF('Standard Profiles'!$G$18=$B$17,14,0)+IF('Standard Profiles'!$G$18=$B$24,21,0),MOD($C5654,24)+1)/SUM(INDEX($D$3:$AA$30,INDEX(Jesper!$R$2:$R$366,ROW(INDEX(Jesper!AH$2:AH$366,ROUNDDOWN($C5654/24,0)+1,1))-1)+IF('Standard Profiles'!$G$18=$B$10,7,0)+IF('Standard Profiles'!$G$18=$B$17,14,0)+IF('Standard Profiles'!$G$18=$B$24,21,0),0)),0)</f>
        <v>6.9212391152525887</v>
      </c>
      <c r="E5654" cm="1">
        <f t="array" ref="E5654">IFERROR(INDEX(Jesper!AI$2:AI$366,ROUNDDOWN($C5654/24,0)+1,1)*INDEX($D$3:$AA$30,INDEX(Jesper!$R$2:$R$366,ROW(INDEX(Jesper!AI$2:AI$366,ROUNDDOWN($C5654/24,0)+1,1))-1)+IF('Standard Profiles'!$G$19=$B$10,7,0)+IF('Standard Profiles'!$G$19=$B$17,14,0)+IF('Standard Profiles'!$G$19=$B$24,21,0),MOD($C5654,24)+1)/SUM(INDEX($D$3:$AA$30,INDEX(Jesper!$R$2:$R$366,ROW(INDEX(Jesper!AI$2:AI$366,ROUNDDOWN($C5654/24,0)+1,1))-1)+IF('Standard Profiles'!$G$19=$B$10,7,0)+IF('Standard Profiles'!$G$19=$B$17,14,0)+IF('Standard Profiles'!$G$19=$B$24,21,0),0)),0)</f>
        <v>0</v>
      </c>
      <c r="F5654" cm="1">
        <f t="array" ref="F5654">IFERROR(INDEX(Jesper!AJ$2:AJ$366,ROUNDDOWN($C5654/24,0)+1,1)*INDEX($D$3:$AA$30,INDEX(Jesper!$R$2:$R$366,ROW(INDEX(Jesper!AJ$2:AJ$366,ROUNDDOWN($C5654/24,0)+1,1))-1)+IF('Standard Profiles'!$G$20=$B$10,7,0)+IF('Standard Profiles'!$G$20=$B$17,14,0)+IF('Standard Profiles'!$G$20=$B$24,21,0),MOD($C5654,24)+1)/SUM(INDEX($D$3:$AA$30,INDEX(Jesper!$R$2:$R$366,ROW(INDEX(Jesper!AJ$2:AJ$366,ROUNDDOWN($C5654/24,0)+1,1))-1)+IF('Standard Profiles'!$G$20=$B$10,7,0)+IF('Standard Profiles'!$G$20=$B$17,14,0)+IF('Standard Profiles'!$G$20=$B$24,21,0),0)),0)</f>
        <v>0</v>
      </c>
      <c r="G5654" cm="1">
        <f t="array" ref="G5654">IFERROR(INDEX(Jesper!AK$2:AK$366,ROUNDDOWN($C5654/24,0)+1,1)*INDEX($D$3:$AA$30,INDEX(Jesper!$R$2:$R$366,ROW(INDEX(Jesper!AK$2:AK$366,ROUNDDOWN($C5654/24,0)+1,1))-1)+IF('Standard Profiles'!$G$21=$B$10,7,0)+IF('Standard Profiles'!$G$21=$B$17,14,0)+IF('Standard Profiles'!$G$21=$B$24,21,0),MOD($C5654,24)+1)/SUM(INDEX($D$3:$AA$30,INDEX(Jesper!$R$2:$R$366,ROW(INDEX(Jesper!AK$2:AK$366,ROUNDDOWN($C5654/24,0)+1,1))-1)+IF('Standard Profiles'!$G$21=$B$10,7,0)+IF('Standard Profiles'!$G$21=$B$17,14,0)+IF('Standard Profiles'!$G$21=$B$24,21,0),0)),0)</f>
        <v>0</v>
      </c>
      <c r="H5654" cm="1">
        <f t="array" ref="H5654">IFERROR(INDEX(Jesper!AL$2:AL$366,ROUNDDOWN($C5654/24,0)+1,1)*INDEX($D$3:$AA$30,INDEX(Jesper!$R$2:$R$366,ROW(INDEX(Jesper!AL$2:AL$366,ROUNDDOWN($C5654/24,0)+1,1))-1)+IF('Standard Profiles'!$G$22=$B$10,7,0)+IF('Standard Profiles'!$G$22=$B$17,14,0)+IF('Standard Profiles'!$G$22=$B$24,21,0),MOD($C5654,24)+1)/SUM(INDEX($D$3:$AA$30,INDEX(Jesper!$R$2:$R$366,ROW(INDEX(Jesper!AL$2:AL$366,ROUNDDOWN($C5654/24,0)+1,1))-1)+IF('Standard Profiles'!$G$22=$B$10,7,0)+IF('Standard Profiles'!$G$22=$B$17,14,0)+IF('Standard Profiles'!$G$22=$B$24,21,0),0)),0)</f>
        <v>0</v>
      </c>
      <c r="I5654">
        <f t="shared" si="629"/>
        <v>0.20763717345757765</v>
      </c>
      <c r="J5654">
        <f t="shared" si="630"/>
        <v>0.69212391152525887</v>
      </c>
      <c r="K5654">
        <f t="shared" si="631"/>
        <v>1.0381858672878883</v>
      </c>
      <c r="L5654">
        <f t="shared" si="632"/>
        <v>4.9832921629818641</v>
      </c>
      <c r="M5654">
        <f t="shared" si="633"/>
        <v>0</v>
      </c>
      <c r="N5654" s="46">
        <f t="shared" si="634"/>
        <v>45526.166666653036</v>
      </c>
    </row>
    <row r="5655" spans="2:14" x14ac:dyDescent="0.3">
      <c r="B5655">
        <f t="shared" si="628"/>
        <v>4</v>
      </c>
      <c r="C5655" s="16">
        <v>5621</v>
      </c>
      <c r="D5655" cm="1">
        <f t="array" ref="D5655">IFERROR(INDEX(Jesper!AH$2:AH$366,ROUNDDOWN($C5655/24,0)+1,1)*INDEX($D$3:$AA$30,INDEX(Jesper!$R$2:$R$366,ROW(INDEX(Jesper!AH$2:AH$366,ROUNDDOWN($C5655/24,0)+1,1))-1)+IF('Standard Profiles'!$G$18=$B$10,7,0)+IF('Standard Profiles'!$G$18=$B$17,14,0)+IF('Standard Profiles'!$G$18=$B$24,21,0),MOD($C5655,24)+1)/SUM(INDEX($D$3:$AA$30,INDEX(Jesper!$R$2:$R$366,ROW(INDEX(Jesper!AH$2:AH$366,ROUNDDOWN($C5655/24,0)+1,1))-1)+IF('Standard Profiles'!$G$18=$B$10,7,0)+IF('Standard Profiles'!$G$18=$B$17,14,0)+IF('Standard Profiles'!$G$18=$B$24,21,0),0)),0)</f>
        <v>8.9207081929922261</v>
      </c>
      <c r="E5655" cm="1">
        <f t="array" ref="E5655">IFERROR(INDEX(Jesper!AI$2:AI$366,ROUNDDOWN($C5655/24,0)+1,1)*INDEX($D$3:$AA$30,INDEX(Jesper!$R$2:$R$366,ROW(INDEX(Jesper!AI$2:AI$366,ROUNDDOWN($C5655/24,0)+1,1))-1)+IF('Standard Profiles'!$G$19=$B$10,7,0)+IF('Standard Profiles'!$G$19=$B$17,14,0)+IF('Standard Profiles'!$G$19=$B$24,21,0),MOD($C5655,24)+1)/SUM(INDEX($D$3:$AA$30,INDEX(Jesper!$R$2:$R$366,ROW(INDEX(Jesper!AI$2:AI$366,ROUNDDOWN($C5655/24,0)+1,1))-1)+IF('Standard Profiles'!$G$19=$B$10,7,0)+IF('Standard Profiles'!$G$19=$B$17,14,0)+IF('Standard Profiles'!$G$19=$B$24,21,0),0)),0)</f>
        <v>0</v>
      </c>
      <c r="F5655" cm="1">
        <f t="array" ref="F5655">IFERROR(INDEX(Jesper!AJ$2:AJ$366,ROUNDDOWN($C5655/24,0)+1,1)*INDEX($D$3:$AA$30,INDEX(Jesper!$R$2:$R$366,ROW(INDEX(Jesper!AJ$2:AJ$366,ROUNDDOWN($C5655/24,0)+1,1))-1)+IF('Standard Profiles'!$G$20=$B$10,7,0)+IF('Standard Profiles'!$G$20=$B$17,14,0)+IF('Standard Profiles'!$G$20=$B$24,21,0),MOD($C5655,24)+1)/SUM(INDEX($D$3:$AA$30,INDEX(Jesper!$R$2:$R$366,ROW(INDEX(Jesper!AJ$2:AJ$366,ROUNDDOWN($C5655/24,0)+1,1))-1)+IF('Standard Profiles'!$G$20=$B$10,7,0)+IF('Standard Profiles'!$G$20=$B$17,14,0)+IF('Standard Profiles'!$G$20=$B$24,21,0),0)),0)</f>
        <v>0</v>
      </c>
      <c r="G5655" cm="1">
        <f t="array" ref="G5655">IFERROR(INDEX(Jesper!AK$2:AK$366,ROUNDDOWN($C5655/24,0)+1,1)*INDEX($D$3:$AA$30,INDEX(Jesper!$R$2:$R$366,ROW(INDEX(Jesper!AK$2:AK$366,ROUNDDOWN($C5655/24,0)+1,1))-1)+IF('Standard Profiles'!$G$21=$B$10,7,0)+IF('Standard Profiles'!$G$21=$B$17,14,0)+IF('Standard Profiles'!$G$21=$B$24,21,0),MOD($C5655,24)+1)/SUM(INDEX($D$3:$AA$30,INDEX(Jesper!$R$2:$R$366,ROW(INDEX(Jesper!AK$2:AK$366,ROUNDDOWN($C5655/24,0)+1,1))-1)+IF('Standard Profiles'!$G$21=$B$10,7,0)+IF('Standard Profiles'!$G$21=$B$17,14,0)+IF('Standard Profiles'!$G$21=$B$24,21,0),0)),0)</f>
        <v>0</v>
      </c>
      <c r="H5655" cm="1">
        <f t="array" ref="H5655">IFERROR(INDEX(Jesper!AL$2:AL$366,ROUNDDOWN($C5655/24,0)+1,1)*INDEX($D$3:$AA$30,INDEX(Jesper!$R$2:$R$366,ROW(INDEX(Jesper!AL$2:AL$366,ROUNDDOWN($C5655/24,0)+1,1))-1)+IF('Standard Profiles'!$G$22=$B$10,7,0)+IF('Standard Profiles'!$G$22=$B$17,14,0)+IF('Standard Profiles'!$G$22=$B$24,21,0),MOD($C5655,24)+1)/SUM(INDEX($D$3:$AA$30,INDEX(Jesper!$R$2:$R$366,ROW(INDEX(Jesper!AL$2:AL$366,ROUNDDOWN($C5655/24,0)+1,1))-1)+IF('Standard Profiles'!$G$22=$B$10,7,0)+IF('Standard Profiles'!$G$22=$B$17,14,0)+IF('Standard Profiles'!$G$22=$B$24,21,0),0)),0)</f>
        <v>0</v>
      </c>
      <c r="I5655">
        <f t="shared" si="629"/>
        <v>0.26762124578976676</v>
      </c>
      <c r="J5655">
        <f t="shared" si="630"/>
        <v>0.89207081929922261</v>
      </c>
      <c r="K5655">
        <f t="shared" si="631"/>
        <v>1.3381062289488339</v>
      </c>
      <c r="L5655">
        <f t="shared" si="632"/>
        <v>6.4229098989544022</v>
      </c>
      <c r="M5655">
        <f t="shared" si="633"/>
        <v>0</v>
      </c>
      <c r="N5655" s="46">
        <f t="shared" si="634"/>
        <v>45526.208333319701</v>
      </c>
    </row>
    <row r="5656" spans="2:14" x14ac:dyDescent="0.3">
      <c r="B5656">
        <f t="shared" si="628"/>
        <v>4</v>
      </c>
      <c r="C5656" s="16">
        <v>5622</v>
      </c>
      <c r="D5656" cm="1">
        <f t="array" ref="D5656">IFERROR(INDEX(Jesper!AH$2:AH$366,ROUNDDOWN($C5656/24,0)+1,1)*INDEX($D$3:$AA$30,INDEX(Jesper!$R$2:$R$366,ROW(INDEX(Jesper!AH$2:AH$366,ROUNDDOWN($C5656/24,0)+1,1))-1)+IF('Standard Profiles'!$G$18=$B$10,7,0)+IF('Standard Profiles'!$G$18=$B$17,14,0)+IF('Standard Profiles'!$G$18=$B$24,21,0),MOD($C5656,24)+1)/SUM(INDEX($D$3:$AA$30,INDEX(Jesper!$R$2:$R$366,ROW(INDEX(Jesper!AH$2:AH$366,ROUNDDOWN($C5656/24,0)+1,1))-1)+IF('Standard Profiles'!$G$18=$B$10,7,0)+IF('Standard Profiles'!$G$18=$B$17,14,0)+IF('Standard Profiles'!$G$18=$B$24,21,0),0)),0)</f>
        <v>10.304956016042745</v>
      </c>
      <c r="E5656" cm="1">
        <f t="array" ref="E5656">IFERROR(INDEX(Jesper!AI$2:AI$366,ROUNDDOWN($C5656/24,0)+1,1)*INDEX($D$3:$AA$30,INDEX(Jesper!$R$2:$R$366,ROW(INDEX(Jesper!AI$2:AI$366,ROUNDDOWN($C5656/24,0)+1,1))-1)+IF('Standard Profiles'!$G$19=$B$10,7,0)+IF('Standard Profiles'!$G$19=$B$17,14,0)+IF('Standard Profiles'!$G$19=$B$24,21,0),MOD($C5656,24)+1)/SUM(INDEX($D$3:$AA$30,INDEX(Jesper!$R$2:$R$366,ROW(INDEX(Jesper!AI$2:AI$366,ROUNDDOWN($C5656/24,0)+1,1))-1)+IF('Standard Profiles'!$G$19=$B$10,7,0)+IF('Standard Profiles'!$G$19=$B$17,14,0)+IF('Standard Profiles'!$G$19=$B$24,21,0),0)),0)</f>
        <v>0</v>
      </c>
      <c r="F5656" cm="1">
        <f t="array" ref="F5656">IFERROR(INDEX(Jesper!AJ$2:AJ$366,ROUNDDOWN($C5656/24,0)+1,1)*INDEX($D$3:$AA$30,INDEX(Jesper!$R$2:$R$366,ROW(INDEX(Jesper!AJ$2:AJ$366,ROUNDDOWN($C5656/24,0)+1,1))-1)+IF('Standard Profiles'!$G$20=$B$10,7,0)+IF('Standard Profiles'!$G$20=$B$17,14,0)+IF('Standard Profiles'!$G$20=$B$24,21,0),MOD($C5656,24)+1)/SUM(INDEX($D$3:$AA$30,INDEX(Jesper!$R$2:$R$366,ROW(INDEX(Jesper!AJ$2:AJ$366,ROUNDDOWN($C5656/24,0)+1,1))-1)+IF('Standard Profiles'!$G$20=$B$10,7,0)+IF('Standard Profiles'!$G$20=$B$17,14,0)+IF('Standard Profiles'!$G$20=$B$24,21,0),0)),0)</f>
        <v>0</v>
      </c>
      <c r="G5656" cm="1">
        <f t="array" ref="G5656">IFERROR(INDEX(Jesper!AK$2:AK$366,ROUNDDOWN($C5656/24,0)+1,1)*INDEX($D$3:$AA$30,INDEX(Jesper!$R$2:$R$366,ROW(INDEX(Jesper!AK$2:AK$366,ROUNDDOWN($C5656/24,0)+1,1))-1)+IF('Standard Profiles'!$G$21=$B$10,7,0)+IF('Standard Profiles'!$G$21=$B$17,14,0)+IF('Standard Profiles'!$G$21=$B$24,21,0),MOD($C5656,24)+1)/SUM(INDEX($D$3:$AA$30,INDEX(Jesper!$R$2:$R$366,ROW(INDEX(Jesper!AK$2:AK$366,ROUNDDOWN($C5656/24,0)+1,1))-1)+IF('Standard Profiles'!$G$21=$B$10,7,0)+IF('Standard Profiles'!$G$21=$B$17,14,0)+IF('Standard Profiles'!$G$21=$B$24,21,0),0)),0)</f>
        <v>0</v>
      </c>
      <c r="H5656" cm="1">
        <f t="array" ref="H5656">IFERROR(INDEX(Jesper!AL$2:AL$366,ROUNDDOWN($C5656/24,0)+1,1)*INDEX($D$3:$AA$30,INDEX(Jesper!$R$2:$R$366,ROW(INDEX(Jesper!AL$2:AL$366,ROUNDDOWN($C5656/24,0)+1,1))-1)+IF('Standard Profiles'!$G$22=$B$10,7,0)+IF('Standard Profiles'!$G$22=$B$17,14,0)+IF('Standard Profiles'!$G$22=$B$24,21,0),MOD($C5656,24)+1)/SUM(INDEX($D$3:$AA$30,INDEX(Jesper!$R$2:$R$366,ROW(INDEX(Jesper!AL$2:AL$366,ROUNDDOWN($C5656/24,0)+1,1))-1)+IF('Standard Profiles'!$G$22=$B$10,7,0)+IF('Standard Profiles'!$G$22=$B$17,14,0)+IF('Standard Profiles'!$G$22=$B$24,21,0),0)),0)</f>
        <v>0</v>
      </c>
      <c r="I5656">
        <f t="shared" si="629"/>
        <v>0.30914868048128236</v>
      </c>
      <c r="J5656">
        <f t="shared" si="630"/>
        <v>1.0304956016042746</v>
      </c>
      <c r="K5656">
        <f t="shared" si="631"/>
        <v>1.5457434024064116</v>
      </c>
      <c r="L5656">
        <f t="shared" si="632"/>
        <v>7.4195683315507761</v>
      </c>
      <c r="M5656">
        <f t="shared" si="633"/>
        <v>0</v>
      </c>
      <c r="N5656" s="46">
        <f t="shared" si="634"/>
        <v>45526.249999986365</v>
      </c>
    </row>
    <row r="5657" spans="2:14" x14ac:dyDescent="0.3">
      <c r="B5657">
        <f t="shared" si="628"/>
        <v>4</v>
      </c>
      <c r="C5657" s="16">
        <v>5623</v>
      </c>
      <c r="D5657" cm="1">
        <f t="array" ref="D5657">IFERROR(INDEX(Jesper!AH$2:AH$366,ROUNDDOWN($C5657/24,0)+1,1)*INDEX($D$3:$AA$30,INDEX(Jesper!$R$2:$R$366,ROW(INDEX(Jesper!AH$2:AH$366,ROUNDDOWN($C5657/24,0)+1,1))-1)+IF('Standard Profiles'!$G$18=$B$10,7,0)+IF('Standard Profiles'!$G$18=$B$17,14,0)+IF('Standard Profiles'!$G$18=$B$24,21,0),MOD($C5657,24)+1)/SUM(INDEX($D$3:$AA$30,INDEX(Jesper!$R$2:$R$366,ROW(INDEX(Jesper!AH$2:AH$366,ROUNDDOWN($C5657/24,0)+1,1))-1)+IF('Standard Profiles'!$G$18=$B$10,7,0)+IF('Standard Profiles'!$G$18=$B$17,14,0)+IF('Standard Profiles'!$G$18=$B$24,21,0),0)),0)</f>
        <v>10.304956016042745</v>
      </c>
      <c r="E5657" cm="1">
        <f t="array" ref="E5657">IFERROR(INDEX(Jesper!AI$2:AI$366,ROUNDDOWN($C5657/24,0)+1,1)*INDEX($D$3:$AA$30,INDEX(Jesper!$R$2:$R$366,ROW(INDEX(Jesper!AI$2:AI$366,ROUNDDOWN($C5657/24,0)+1,1))-1)+IF('Standard Profiles'!$G$19=$B$10,7,0)+IF('Standard Profiles'!$G$19=$B$17,14,0)+IF('Standard Profiles'!$G$19=$B$24,21,0),MOD($C5657,24)+1)/SUM(INDEX($D$3:$AA$30,INDEX(Jesper!$R$2:$R$366,ROW(INDEX(Jesper!AI$2:AI$366,ROUNDDOWN($C5657/24,0)+1,1))-1)+IF('Standard Profiles'!$G$19=$B$10,7,0)+IF('Standard Profiles'!$G$19=$B$17,14,0)+IF('Standard Profiles'!$G$19=$B$24,21,0),0)),0)</f>
        <v>0</v>
      </c>
      <c r="F5657" cm="1">
        <f t="array" ref="F5657">IFERROR(INDEX(Jesper!AJ$2:AJ$366,ROUNDDOWN($C5657/24,0)+1,1)*INDEX($D$3:$AA$30,INDEX(Jesper!$R$2:$R$366,ROW(INDEX(Jesper!AJ$2:AJ$366,ROUNDDOWN($C5657/24,0)+1,1))-1)+IF('Standard Profiles'!$G$20=$B$10,7,0)+IF('Standard Profiles'!$G$20=$B$17,14,0)+IF('Standard Profiles'!$G$20=$B$24,21,0),MOD($C5657,24)+1)/SUM(INDEX($D$3:$AA$30,INDEX(Jesper!$R$2:$R$366,ROW(INDEX(Jesper!AJ$2:AJ$366,ROUNDDOWN($C5657/24,0)+1,1))-1)+IF('Standard Profiles'!$G$20=$B$10,7,0)+IF('Standard Profiles'!$G$20=$B$17,14,0)+IF('Standard Profiles'!$G$20=$B$24,21,0),0)),0)</f>
        <v>0</v>
      </c>
      <c r="G5657" cm="1">
        <f t="array" ref="G5657">IFERROR(INDEX(Jesper!AK$2:AK$366,ROUNDDOWN($C5657/24,0)+1,1)*INDEX($D$3:$AA$30,INDEX(Jesper!$R$2:$R$366,ROW(INDEX(Jesper!AK$2:AK$366,ROUNDDOWN($C5657/24,0)+1,1))-1)+IF('Standard Profiles'!$G$21=$B$10,7,0)+IF('Standard Profiles'!$G$21=$B$17,14,0)+IF('Standard Profiles'!$G$21=$B$24,21,0),MOD($C5657,24)+1)/SUM(INDEX($D$3:$AA$30,INDEX(Jesper!$R$2:$R$366,ROW(INDEX(Jesper!AK$2:AK$366,ROUNDDOWN($C5657/24,0)+1,1))-1)+IF('Standard Profiles'!$G$21=$B$10,7,0)+IF('Standard Profiles'!$G$21=$B$17,14,0)+IF('Standard Profiles'!$G$21=$B$24,21,0),0)),0)</f>
        <v>0</v>
      </c>
      <c r="H5657" cm="1">
        <f t="array" ref="H5657">IFERROR(INDEX(Jesper!AL$2:AL$366,ROUNDDOWN($C5657/24,0)+1,1)*INDEX($D$3:$AA$30,INDEX(Jesper!$R$2:$R$366,ROW(INDEX(Jesper!AL$2:AL$366,ROUNDDOWN($C5657/24,0)+1,1))-1)+IF('Standard Profiles'!$G$22=$B$10,7,0)+IF('Standard Profiles'!$G$22=$B$17,14,0)+IF('Standard Profiles'!$G$22=$B$24,21,0),MOD($C5657,24)+1)/SUM(INDEX($D$3:$AA$30,INDEX(Jesper!$R$2:$R$366,ROW(INDEX(Jesper!AL$2:AL$366,ROUNDDOWN($C5657/24,0)+1,1))-1)+IF('Standard Profiles'!$G$22=$B$10,7,0)+IF('Standard Profiles'!$G$22=$B$17,14,0)+IF('Standard Profiles'!$G$22=$B$24,21,0),0)),0)</f>
        <v>0</v>
      </c>
      <c r="I5657">
        <f t="shared" si="629"/>
        <v>0.30914868048128236</v>
      </c>
      <c r="J5657">
        <f t="shared" si="630"/>
        <v>1.0304956016042746</v>
      </c>
      <c r="K5657">
        <f t="shared" si="631"/>
        <v>1.5457434024064116</v>
      </c>
      <c r="L5657">
        <f t="shared" si="632"/>
        <v>7.4195683315507761</v>
      </c>
      <c r="M5657">
        <f t="shared" si="633"/>
        <v>0</v>
      </c>
      <c r="N5657" s="46">
        <f t="shared" si="634"/>
        <v>45526.291666653029</v>
      </c>
    </row>
    <row r="5658" spans="2:14" x14ac:dyDescent="0.3">
      <c r="B5658">
        <f t="shared" si="628"/>
        <v>4</v>
      </c>
      <c r="C5658" s="16">
        <v>5624</v>
      </c>
      <c r="D5658" cm="1">
        <f t="array" ref="D5658">IFERROR(INDEX(Jesper!AH$2:AH$366,ROUNDDOWN($C5658/24,0)+1,1)*INDEX($D$3:$AA$30,INDEX(Jesper!$R$2:$R$366,ROW(INDEX(Jesper!AH$2:AH$366,ROUNDDOWN($C5658/24,0)+1,1))-1)+IF('Standard Profiles'!$G$18=$B$10,7,0)+IF('Standard Profiles'!$G$18=$B$17,14,0)+IF('Standard Profiles'!$G$18=$B$24,21,0),MOD($C5658,24)+1)/SUM(INDEX($D$3:$AA$30,INDEX(Jesper!$R$2:$R$366,ROW(INDEX(Jesper!AH$2:AH$366,ROUNDDOWN($C5658/24,0)+1,1))-1)+IF('Standard Profiles'!$G$18=$B$10,7,0)+IF('Standard Profiles'!$G$18=$B$17,14,0)+IF('Standard Profiles'!$G$18=$B$24,21,0),0)),0)</f>
        <v>10.304956016042745</v>
      </c>
      <c r="E5658" cm="1">
        <f t="array" ref="E5658">IFERROR(INDEX(Jesper!AI$2:AI$366,ROUNDDOWN($C5658/24,0)+1,1)*INDEX($D$3:$AA$30,INDEX(Jesper!$R$2:$R$366,ROW(INDEX(Jesper!AI$2:AI$366,ROUNDDOWN($C5658/24,0)+1,1))-1)+IF('Standard Profiles'!$G$19=$B$10,7,0)+IF('Standard Profiles'!$G$19=$B$17,14,0)+IF('Standard Profiles'!$G$19=$B$24,21,0),MOD($C5658,24)+1)/SUM(INDEX($D$3:$AA$30,INDEX(Jesper!$R$2:$R$366,ROW(INDEX(Jesper!AI$2:AI$366,ROUNDDOWN($C5658/24,0)+1,1))-1)+IF('Standard Profiles'!$G$19=$B$10,7,0)+IF('Standard Profiles'!$G$19=$B$17,14,0)+IF('Standard Profiles'!$G$19=$B$24,21,0),0)),0)</f>
        <v>0</v>
      </c>
      <c r="F5658" cm="1">
        <f t="array" ref="F5658">IFERROR(INDEX(Jesper!AJ$2:AJ$366,ROUNDDOWN($C5658/24,0)+1,1)*INDEX($D$3:$AA$30,INDEX(Jesper!$R$2:$R$366,ROW(INDEX(Jesper!AJ$2:AJ$366,ROUNDDOWN($C5658/24,0)+1,1))-1)+IF('Standard Profiles'!$G$20=$B$10,7,0)+IF('Standard Profiles'!$G$20=$B$17,14,0)+IF('Standard Profiles'!$G$20=$B$24,21,0),MOD($C5658,24)+1)/SUM(INDEX($D$3:$AA$30,INDEX(Jesper!$R$2:$R$366,ROW(INDEX(Jesper!AJ$2:AJ$366,ROUNDDOWN($C5658/24,0)+1,1))-1)+IF('Standard Profiles'!$G$20=$B$10,7,0)+IF('Standard Profiles'!$G$20=$B$17,14,0)+IF('Standard Profiles'!$G$20=$B$24,21,0),0)),0)</f>
        <v>0</v>
      </c>
      <c r="G5658" cm="1">
        <f t="array" ref="G5658">IFERROR(INDEX(Jesper!AK$2:AK$366,ROUNDDOWN($C5658/24,0)+1,1)*INDEX($D$3:$AA$30,INDEX(Jesper!$R$2:$R$366,ROW(INDEX(Jesper!AK$2:AK$366,ROUNDDOWN($C5658/24,0)+1,1))-1)+IF('Standard Profiles'!$G$21=$B$10,7,0)+IF('Standard Profiles'!$G$21=$B$17,14,0)+IF('Standard Profiles'!$G$21=$B$24,21,0),MOD($C5658,24)+1)/SUM(INDEX($D$3:$AA$30,INDEX(Jesper!$R$2:$R$366,ROW(INDEX(Jesper!AK$2:AK$366,ROUNDDOWN($C5658/24,0)+1,1))-1)+IF('Standard Profiles'!$G$21=$B$10,7,0)+IF('Standard Profiles'!$G$21=$B$17,14,0)+IF('Standard Profiles'!$G$21=$B$24,21,0),0)),0)</f>
        <v>0</v>
      </c>
      <c r="H5658" cm="1">
        <f t="array" ref="H5658">IFERROR(INDEX(Jesper!AL$2:AL$366,ROUNDDOWN($C5658/24,0)+1,1)*INDEX($D$3:$AA$30,INDEX(Jesper!$R$2:$R$366,ROW(INDEX(Jesper!AL$2:AL$366,ROUNDDOWN($C5658/24,0)+1,1))-1)+IF('Standard Profiles'!$G$22=$B$10,7,0)+IF('Standard Profiles'!$G$22=$B$17,14,0)+IF('Standard Profiles'!$G$22=$B$24,21,0),MOD($C5658,24)+1)/SUM(INDEX($D$3:$AA$30,INDEX(Jesper!$R$2:$R$366,ROW(INDEX(Jesper!AL$2:AL$366,ROUNDDOWN($C5658/24,0)+1,1))-1)+IF('Standard Profiles'!$G$22=$B$10,7,0)+IF('Standard Profiles'!$G$22=$B$17,14,0)+IF('Standard Profiles'!$G$22=$B$24,21,0),0)),0)</f>
        <v>0</v>
      </c>
      <c r="I5658">
        <f t="shared" si="629"/>
        <v>0.30914868048128236</v>
      </c>
      <c r="J5658">
        <f t="shared" si="630"/>
        <v>1.0304956016042746</v>
      </c>
      <c r="K5658">
        <f t="shared" si="631"/>
        <v>1.5457434024064116</v>
      </c>
      <c r="L5658">
        <f t="shared" si="632"/>
        <v>7.4195683315507761</v>
      </c>
      <c r="M5658">
        <f t="shared" si="633"/>
        <v>0</v>
      </c>
      <c r="N5658" s="46">
        <f t="shared" si="634"/>
        <v>45526.333333319693</v>
      </c>
    </row>
    <row r="5659" spans="2:14" x14ac:dyDescent="0.3">
      <c r="B5659">
        <f t="shared" si="628"/>
        <v>4</v>
      </c>
      <c r="C5659" s="16">
        <v>5625</v>
      </c>
      <c r="D5659" cm="1">
        <f t="array" ref="D5659">IFERROR(INDEX(Jesper!AH$2:AH$366,ROUNDDOWN($C5659/24,0)+1,1)*INDEX($D$3:$AA$30,INDEX(Jesper!$R$2:$R$366,ROW(INDEX(Jesper!AH$2:AH$366,ROUNDDOWN($C5659/24,0)+1,1))-1)+IF('Standard Profiles'!$G$18=$B$10,7,0)+IF('Standard Profiles'!$G$18=$B$17,14,0)+IF('Standard Profiles'!$G$18=$B$24,21,0),MOD($C5659,24)+1)/SUM(INDEX($D$3:$AA$30,INDEX(Jesper!$R$2:$R$366,ROW(INDEX(Jesper!AH$2:AH$366,ROUNDDOWN($C5659/24,0)+1,1))-1)+IF('Standard Profiles'!$G$18=$B$10,7,0)+IF('Standard Profiles'!$G$18=$B$17,14,0)+IF('Standard Profiles'!$G$18=$B$24,21,0),0)),0)</f>
        <v>11.073982584404142</v>
      </c>
      <c r="E5659" cm="1">
        <f t="array" ref="E5659">IFERROR(INDEX(Jesper!AI$2:AI$366,ROUNDDOWN($C5659/24,0)+1,1)*INDEX($D$3:$AA$30,INDEX(Jesper!$R$2:$R$366,ROW(INDEX(Jesper!AI$2:AI$366,ROUNDDOWN($C5659/24,0)+1,1))-1)+IF('Standard Profiles'!$G$19=$B$10,7,0)+IF('Standard Profiles'!$G$19=$B$17,14,0)+IF('Standard Profiles'!$G$19=$B$24,21,0),MOD($C5659,24)+1)/SUM(INDEX($D$3:$AA$30,INDEX(Jesper!$R$2:$R$366,ROW(INDEX(Jesper!AI$2:AI$366,ROUNDDOWN($C5659/24,0)+1,1))-1)+IF('Standard Profiles'!$G$19=$B$10,7,0)+IF('Standard Profiles'!$G$19=$B$17,14,0)+IF('Standard Profiles'!$G$19=$B$24,21,0),0)),0)</f>
        <v>0</v>
      </c>
      <c r="F5659" cm="1">
        <f t="array" ref="F5659">IFERROR(INDEX(Jesper!AJ$2:AJ$366,ROUNDDOWN($C5659/24,0)+1,1)*INDEX($D$3:$AA$30,INDEX(Jesper!$R$2:$R$366,ROW(INDEX(Jesper!AJ$2:AJ$366,ROUNDDOWN($C5659/24,0)+1,1))-1)+IF('Standard Profiles'!$G$20=$B$10,7,0)+IF('Standard Profiles'!$G$20=$B$17,14,0)+IF('Standard Profiles'!$G$20=$B$24,21,0),MOD($C5659,24)+1)/SUM(INDEX($D$3:$AA$30,INDEX(Jesper!$R$2:$R$366,ROW(INDEX(Jesper!AJ$2:AJ$366,ROUNDDOWN($C5659/24,0)+1,1))-1)+IF('Standard Profiles'!$G$20=$B$10,7,0)+IF('Standard Profiles'!$G$20=$B$17,14,0)+IF('Standard Profiles'!$G$20=$B$24,21,0),0)),0)</f>
        <v>0</v>
      </c>
      <c r="G5659" cm="1">
        <f t="array" ref="G5659">IFERROR(INDEX(Jesper!AK$2:AK$366,ROUNDDOWN($C5659/24,0)+1,1)*INDEX($D$3:$AA$30,INDEX(Jesper!$R$2:$R$366,ROW(INDEX(Jesper!AK$2:AK$366,ROUNDDOWN($C5659/24,0)+1,1))-1)+IF('Standard Profiles'!$G$21=$B$10,7,0)+IF('Standard Profiles'!$G$21=$B$17,14,0)+IF('Standard Profiles'!$G$21=$B$24,21,0),MOD($C5659,24)+1)/SUM(INDEX($D$3:$AA$30,INDEX(Jesper!$R$2:$R$366,ROW(INDEX(Jesper!AK$2:AK$366,ROUNDDOWN($C5659/24,0)+1,1))-1)+IF('Standard Profiles'!$G$21=$B$10,7,0)+IF('Standard Profiles'!$G$21=$B$17,14,0)+IF('Standard Profiles'!$G$21=$B$24,21,0),0)),0)</f>
        <v>0</v>
      </c>
      <c r="H5659" cm="1">
        <f t="array" ref="H5659">IFERROR(INDEX(Jesper!AL$2:AL$366,ROUNDDOWN($C5659/24,0)+1,1)*INDEX($D$3:$AA$30,INDEX(Jesper!$R$2:$R$366,ROW(INDEX(Jesper!AL$2:AL$366,ROUNDDOWN($C5659/24,0)+1,1))-1)+IF('Standard Profiles'!$G$22=$B$10,7,0)+IF('Standard Profiles'!$G$22=$B$17,14,0)+IF('Standard Profiles'!$G$22=$B$24,21,0),MOD($C5659,24)+1)/SUM(INDEX($D$3:$AA$30,INDEX(Jesper!$R$2:$R$366,ROW(INDEX(Jesper!AL$2:AL$366,ROUNDDOWN($C5659/24,0)+1,1))-1)+IF('Standard Profiles'!$G$22=$B$10,7,0)+IF('Standard Profiles'!$G$22=$B$17,14,0)+IF('Standard Profiles'!$G$22=$B$24,21,0),0)),0)</f>
        <v>0</v>
      </c>
      <c r="I5659">
        <f t="shared" si="629"/>
        <v>0.33221947753212422</v>
      </c>
      <c r="J5659">
        <f t="shared" si="630"/>
        <v>1.1073982584404143</v>
      </c>
      <c r="K5659">
        <f t="shared" si="631"/>
        <v>1.6610973876606212</v>
      </c>
      <c r="L5659">
        <f t="shared" si="632"/>
        <v>7.9732674607709821</v>
      </c>
      <c r="M5659">
        <f t="shared" si="633"/>
        <v>0</v>
      </c>
      <c r="N5659" s="46">
        <f t="shared" si="634"/>
        <v>45526.374999986358</v>
      </c>
    </row>
    <row r="5660" spans="2:14" x14ac:dyDescent="0.3">
      <c r="B5660">
        <f t="shared" si="628"/>
        <v>4</v>
      </c>
      <c r="C5660" s="16">
        <v>5626</v>
      </c>
      <c r="D5660" cm="1">
        <f t="array" ref="D5660">IFERROR(INDEX(Jesper!AH$2:AH$366,ROUNDDOWN($C5660/24,0)+1,1)*INDEX($D$3:$AA$30,INDEX(Jesper!$R$2:$R$366,ROW(INDEX(Jesper!AH$2:AH$366,ROUNDDOWN($C5660/24,0)+1,1))-1)+IF('Standard Profiles'!$G$18=$B$10,7,0)+IF('Standard Profiles'!$G$18=$B$17,14,0)+IF('Standard Profiles'!$G$18=$B$24,21,0),MOD($C5660,24)+1)/SUM(INDEX($D$3:$AA$30,INDEX(Jesper!$R$2:$R$366,ROW(INDEX(Jesper!AH$2:AH$366,ROUNDDOWN($C5660/24,0)+1,1))-1)+IF('Standard Profiles'!$G$18=$B$10,7,0)+IF('Standard Profiles'!$G$18=$B$17,14,0)+IF('Standard Profiles'!$G$18=$B$24,21,0),0)),0)</f>
        <v>11.99681446643782</v>
      </c>
      <c r="E5660" cm="1">
        <f t="array" ref="E5660">IFERROR(INDEX(Jesper!AI$2:AI$366,ROUNDDOWN($C5660/24,0)+1,1)*INDEX($D$3:$AA$30,INDEX(Jesper!$R$2:$R$366,ROW(INDEX(Jesper!AI$2:AI$366,ROUNDDOWN($C5660/24,0)+1,1))-1)+IF('Standard Profiles'!$G$19=$B$10,7,0)+IF('Standard Profiles'!$G$19=$B$17,14,0)+IF('Standard Profiles'!$G$19=$B$24,21,0),MOD($C5660,24)+1)/SUM(INDEX($D$3:$AA$30,INDEX(Jesper!$R$2:$R$366,ROW(INDEX(Jesper!AI$2:AI$366,ROUNDDOWN($C5660/24,0)+1,1))-1)+IF('Standard Profiles'!$G$19=$B$10,7,0)+IF('Standard Profiles'!$G$19=$B$17,14,0)+IF('Standard Profiles'!$G$19=$B$24,21,0),0)),0)</f>
        <v>0</v>
      </c>
      <c r="F5660" cm="1">
        <f t="array" ref="F5660">IFERROR(INDEX(Jesper!AJ$2:AJ$366,ROUNDDOWN($C5660/24,0)+1,1)*INDEX($D$3:$AA$30,INDEX(Jesper!$R$2:$R$366,ROW(INDEX(Jesper!AJ$2:AJ$366,ROUNDDOWN($C5660/24,0)+1,1))-1)+IF('Standard Profiles'!$G$20=$B$10,7,0)+IF('Standard Profiles'!$G$20=$B$17,14,0)+IF('Standard Profiles'!$G$20=$B$24,21,0),MOD($C5660,24)+1)/SUM(INDEX($D$3:$AA$30,INDEX(Jesper!$R$2:$R$366,ROW(INDEX(Jesper!AJ$2:AJ$366,ROUNDDOWN($C5660/24,0)+1,1))-1)+IF('Standard Profiles'!$G$20=$B$10,7,0)+IF('Standard Profiles'!$G$20=$B$17,14,0)+IF('Standard Profiles'!$G$20=$B$24,21,0),0)),0)</f>
        <v>0</v>
      </c>
      <c r="G5660" cm="1">
        <f t="array" ref="G5660">IFERROR(INDEX(Jesper!AK$2:AK$366,ROUNDDOWN($C5660/24,0)+1,1)*INDEX($D$3:$AA$30,INDEX(Jesper!$R$2:$R$366,ROW(INDEX(Jesper!AK$2:AK$366,ROUNDDOWN($C5660/24,0)+1,1))-1)+IF('Standard Profiles'!$G$21=$B$10,7,0)+IF('Standard Profiles'!$G$21=$B$17,14,0)+IF('Standard Profiles'!$G$21=$B$24,21,0),MOD($C5660,24)+1)/SUM(INDEX($D$3:$AA$30,INDEX(Jesper!$R$2:$R$366,ROW(INDEX(Jesper!AK$2:AK$366,ROUNDDOWN($C5660/24,0)+1,1))-1)+IF('Standard Profiles'!$G$21=$B$10,7,0)+IF('Standard Profiles'!$G$21=$B$17,14,0)+IF('Standard Profiles'!$G$21=$B$24,21,0),0)),0)</f>
        <v>0</v>
      </c>
      <c r="H5660" cm="1">
        <f t="array" ref="H5660">IFERROR(INDEX(Jesper!AL$2:AL$366,ROUNDDOWN($C5660/24,0)+1,1)*INDEX($D$3:$AA$30,INDEX(Jesper!$R$2:$R$366,ROW(INDEX(Jesper!AL$2:AL$366,ROUNDDOWN($C5660/24,0)+1,1))-1)+IF('Standard Profiles'!$G$22=$B$10,7,0)+IF('Standard Profiles'!$G$22=$B$17,14,0)+IF('Standard Profiles'!$G$22=$B$24,21,0),MOD($C5660,24)+1)/SUM(INDEX($D$3:$AA$30,INDEX(Jesper!$R$2:$R$366,ROW(INDEX(Jesper!AL$2:AL$366,ROUNDDOWN($C5660/24,0)+1,1))-1)+IF('Standard Profiles'!$G$22=$B$10,7,0)+IF('Standard Profiles'!$G$22=$B$17,14,0)+IF('Standard Profiles'!$G$22=$B$24,21,0),0)),0)</f>
        <v>0</v>
      </c>
      <c r="I5660">
        <f t="shared" si="629"/>
        <v>0.3599044339931346</v>
      </c>
      <c r="J5660">
        <f t="shared" si="630"/>
        <v>1.1996814466437822</v>
      </c>
      <c r="K5660">
        <f t="shared" si="631"/>
        <v>1.7995221699656729</v>
      </c>
      <c r="L5660">
        <f t="shared" si="632"/>
        <v>8.6377064158352308</v>
      </c>
      <c r="M5660">
        <f t="shared" si="633"/>
        <v>0</v>
      </c>
      <c r="N5660" s="46">
        <f t="shared" si="634"/>
        <v>45526.416666653022</v>
      </c>
    </row>
    <row r="5661" spans="2:14" x14ac:dyDescent="0.3">
      <c r="B5661">
        <f t="shared" si="628"/>
        <v>4</v>
      </c>
      <c r="C5661" s="16">
        <v>5627</v>
      </c>
      <c r="D5661" cm="1">
        <f t="array" ref="D5661">IFERROR(INDEX(Jesper!AH$2:AH$366,ROUNDDOWN($C5661/24,0)+1,1)*INDEX($D$3:$AA$30,INDEX(Jesper!$R$2:$R$366,ROW(INDEX(Jesper!AH$2:AH$366,ROUNDDOWN($C5661/24,0)+1,1))-1)+IF('Standard Profiles'!$G$18=$B$10,7,0)+IF('Standard Profiles'!$G$18=$B$17,14,0)+IF('Standard Profiles'!$G$18=$B$24,21,0),MOD($C5661,24)+1)/SUM(INDEX($D$3:$AA$30,INDEX(Jesper!$R$2:$R$366,ROW(INDEX(Jesper!AH$2:AH$366,ROUNDDOWN($C5661/24,0)+1,1))-1)+IF('Standard Profiles'!$G$18=$B$10,7,0)+IF('Standard Profiles'!$G$18=$B$17,14,0)+IF('Standard Profiles'!$G$18=$B$24,21,0),0)),0)</f>
        <v>13.842478230505177</v>
      </c>
      <c r="E5661" cm="1">
        <f t="array" ref="E5661">IFERROR(INDEX(Jesper!AI$2:AI$366,ROUNDDOWN($C5661/24,0)+1,1)*INDEX($D$3:$AA$30,INDEX(Jesper!$R$2:$R$366,ROW(INDEX(Jesper!AI$2:AI$366,ROUNDDOWN($C5661/24,0)+1,1))-1)+IF('Standard Profiles'!$G$19=$B$10,7,0)+IF('Standard Profiles'!$G$19=$B$17,14,0)+IF('Standard Profiles'!$G$19=$B$24,21,0),MOD($C5661,24)+1)/SUM(INDEX($D$3:$AA$30,INDEX(Jesper!$R$2:$R$366,ROW(INDEX(Jesper!AI$2:AI$366,ROUNDDOWN($C5661/24,0)+1,1))-1)+IF('Standard Profiles'!$G$19=$B$10,7,0)+IF('Standard Profiles'!$G$19=$B$17,14,0)+IF('Standard Profiles'!$G$19=$B$24,21,0),0)),0)</f>
        <v>0</v>
      </c>
      <c r="F5661" cm="1">
        <f t="array" ref="F5661">IFERROR(INDEX(Jesper!AJ$2:AJ$366,ROUNDDOWN($C5661/24,0)+1,1)*INDEX($D$3:$AA$30,INDEX(Jesper!$R$2:$R$366,ROW(INDEX(Jesper!AJ$2:AJ$366,ROUNDDOWN($C5661/24,0)+1,1))-1)+IF('Standard Profiles'!$G$20=$B$10,7,0)+IF('Standard Profiles'!$G$20=$B$17,14,0)+IF('Standard Profiles'!$G$20=$B$24,21,0),MOD($C5661,24)+1)/SUM(INDEX($D$3:$AA$30,INDEX(Jesper!$R$2:$R$366,ROW(INDEX(Jesper!AJ$2:AJ$366,ROUNDDOWN($C5661/24,0)+1,1))-1)+IF('Standard Profiles'!$G$20=$B$10,7,0)+IF('Standard Profiles'!$G$20=$B$17,14,0)+IF('Standard Profiles'!$G$20=$B$24,21,0),0)),0)</f>
        <v>0</v>
      </c>
      <c r="G5661" cm="1">
        <f t="array" ref="G5661">IFERROR(INDEX(Jesper!AK$2:AK$366,ROUNDDOWN($C5661/24,0)+1,1)*INDEX($D$3:$AA$30,INDEX(Jesper!$R$2:$R$366,ROW(INDEX(Jesper!AK$2:AK$366,ROUNDDOWN($C5661/24,0)+1,1))-1)+IF('Standard Profiles'!$G$21=$B$10,7,0)+IF('Standard Profiles'!$G$21=$B$17,14,0)+IF('Standard Profiles'!$G$21=$B$24,21,0),MOD($C5661,24)+1)/SUM(INDEX($D$3:$AA$30,INDEX(Jesper!$R$2:$R$366,ROW(INDEX(Jesper!AK$2:AK$366,ROUNDDOWN($C5661/24,0)+1,1))-1)+IF('Standard Profiles'!$G$21=$B$10,7,0)+IF('Standard Profiles'!$G$21=$B$17,14,0)+IF('Standard Profiles'!$G$21=$B$24,21,0),0)),0)</f>
        <v>0</v>
      </c>
      <c r="H5661" cm="1">
        <f t="array" ref="H5661">IFERROR(INDEX(Jesper!AL$2:AL$366,ROUNDDOWN($C5661/24,0)+1,1)*INDEX($D$3:$AA$30,INDEX(Jesper!$R$2:$R$366,ROW(INDEX(Jesper!AL$2:AL$366,ROUNDDOWN($C5661/24,0)+1,1))-1)+IF('Standard Profiles'!$G$22=$B$10,7,0)+IF('Standard Profiles'!$G$22=$B$17,14,0)+IF('Standard Profiles'!$G$22=$B$24,21,0),MOD($C5661,24)+1)/SUM(INDEX($D$3:$AA$30,INDEX(Jesper!$R$2:$R$366,ROW(INDEX(Jesper!AL$2:AL$366,ROUNDDOWN($C5661/24,0)+1,1))-1)+IF('Standard Profiles'!$G$22=$B$10,7,0)+IF('Standard Profiles'!$G$22=$B$17,14,0)+IF('Standard Profiles'!$G$22=$B$24,21,0),0)),0)</f>
        <v>0</v>
      </c>
      <c r="I5661">
        <f t="shared" si="629"/>
        <v>0.4152743469151553</v>
      </c>
      <c r="J5661">
        <f t="shared" si="630"/>
        <v>1.3842478230505177</v>
      </c>
      <c r="K5661">
        <f t="shared" si="631"/>
        <v>2.0763717345757766</v>
      </c>
      <c r="L5661">
        <f t="shared" si="632"/>
        <v>9.9665843259637281</v>
      </c>
      <c r="M5661">
        <f t="shared" si="633"/>
        <v>0</v>
      </c>
      <c r="N5661" s="46">
        <f t="shared" si="634"/>
        <v>45526.458333319686</v>
      </c>
    </row>
    <row r="5662" spans="2:14" x14ac:dyDescent="0.3">
      <c r="B5662">
        <f t="shared" si="628"/>
        <v>4</v>
      </c>
      <c r="C5662" s="16">
        <v>5628</v>
      </c>
      <c r="D5662" cm="1">
        <f t="array" ref="D5662">IFERROR(INDEX(Jesper!AH$2:AH$366,ROUNDDOWN($C5662/24,0)+1,1)*INDEX($D$3:$AA$30,INDEX(Jesper!$R$2:$R$366,ROW(INDEX(Jesper!AH$2:AH$366,ROUNDDOWN($C5662/24,0)+1,1))-1)+IF('Standard Profiles'!$G$18=$B$10,7,0)+IF('Standard Profiles'!$G$18=$B$17,14,0)+IF('Standard Profiles'!$G$18=$B$24,21,0),MOD($C5662,24)+1)/SUM(INDEX($D$3:$AA$30,INDEX(Jesper!$R$2:$R$366,ROW(INDEX(Jesper!AH$2:AH$366,ROUNDDOWN($C5662/24,0)+1,1))-1)+IF('Standard Profiles'!$G$18=$B$10,7,0)+IF('Standard Profiles'!$G$18=$B$17,14,0)+IF('Standard Profiles'!$G$18=$B$24,21,0),0)),0)</f>
        <v>13.842478230505177</v>
      </c>
      <c r="E5662" cm="1">
        <f t="array" ref="E5662">IFERROR(INDEX(Jesper!AI$2:AI$366,ROUNDDOWN($C5662/24,0)+1,1)*INDEX($D$3:$AA$30,INDEX(Jesper!$R$2:$R$366,ROW(INDEX(Jesper!AI$2:AI$366,ROUNDDOWN($C5662/24,0)+1,1))-1)+IF('Standard Profiles'!$G$19=$B$10,7,0)+IF('Standard Profiles'!$G$19=$B$17,14,0)+IF('Standard Profiles'!$G$19=$B$24,21,0),MOD($C5662,24)+1)/SUM(INDEX($D$3:$AA$30,INDEX(Jesper!$R$2:$R$366,ROW(INDEX(Jesper!AI$2:AI$366,ROUNDDOWN($C5662/24,0)+1,1))-1)+IF('Standard Profiles'!$G$19=$B$10,7,0)+IF('Standard Profiles'!$G$19=$B$17,14,0)+IF('Standard Profiles'!$G$19=$B$24,21,0),0)),0)</f>
        <v>0</v>
      </c>
      <c r="F5662" cm="1">
        <f t="array" ref="F5662">IFERROR(INDEX(Jesper!AJ$2:AJ$366,ROUNDDOWN($C5662/24,0)+1,1)*INDEX($D$3:$AA$30,INDEX(Jesper!$R$2:$R$366,ROW(INDEX(Jesper!AJ$2:AJ$366,ROUNDDOWN($C5662/24,0)+1,1))-1)+IF('Standard Profiles'!$G$20=$B$10,7,0)+IF('Standard Profiles'!$G$20=$B$17,14,0)+IF('Standard Profiles'!$G$20=$B$24,21,0),MOD($C5662,24)+1)/SUM(INDEX($D$3:$AA$30,INDEX(Jesper!$R$2:$R$366,ROW(INDEX(Jesper!AJ$2:AJ$366,ROUNDDOWN($C5662/24,0)+1,1))-1)+IF('Standard Profiles'!$G$20=$B$10,7,0)+IF('Standard Profiles'!$G$20=$B$17,14,0)+IF('Standard Profiles'!$G$20=$B$24,21,0),0)),0)</f>
        <v>0</v>
      </c>
      <c r="G5662" cm="1">
        <f t="array" ref="G5662">IFERROR(INDEX(Jesper!AK$2:AK$366,ROUNDDOWN($C5662/24,0)+1,1)*INDEX($D$3:$AA$30,INDEX(Jesper!$R$2:$R$366,ROW(INDEX(Jesper!AK$2:AK$366,ROUNDDOWN($C5662/24,0)+1,1))-1)+IF('Standard Profiles'!$G$21=$B$10,7,0)+IF('Standard Profiles'!$G$21=$B$17,14,0)+IF('Standard Profiles'!$G$21=$B$24,21,0),MOD($C5662,24)+1)/SUM(INDEX($D$3:$AA$30,INDEX(Jesper!$R$2:$R$366,ROW(INDEX(Jesper!AK$2:AK$366,ROUNDDOWN($C5662/24,0)+1,1))-1)+IF('Standard Profiles'!$G$21=$B$10,7,0)+IF('Standard Profiles'!$G$21=$B$17,14,0)+IF('Standard Profiles'!$G$21=$B$24,21,0),0)),0)</f>
        <v>0</v>
      </c>
      <c r="H5662" cm="1">
        <f t="array" ref="H5662">IFERROR(INDEX(Jesper!AL$2:AL$366,ROUNDDOWN($C5662/24,0)+1,1)*INDEX($D$3:$AA$30,INDEX(Jesper!$R$2:$R$366,ROW(INDEX(Jesper!AL$2:AL$366,ROUNDDOWN($C5662/24,0)+1,1))-1)+IF('Standard Profiles'!$G$22=$B$10,7,0)+IF('Standard Profiles'!$G$22=$B$17,14,0)+IF('Standard Profiles'!$G$22=$B$24,21,0),MOD($C5662,24)+1)/SUM(INDEX($D$3:$AA$30,INDEX(Jesper!$R$2:$R$366,ROW(INDEX(Jesper!AL$2:AL$366,ROUNDDOWN($C5662/24,0)+1,1))-1)+IF('Standard Profiles'!$G$22=$B$10,7,0)+IF('Standard Profiles'!$G$22=$B$17,14,0)+IF('Standard Profiles'!$G$22=$B$24,21,0),0)),0)</f>
        <v>0</v>
      </c>
      <c r="I5662">
        <f t="shared" si="629"/>
        <v>0.4152743469151553</v>
      </c>
      <c r="J5662">
        <f t="shared" si="630"/>
        <v>1.3842478230505177</v>
      </c>
      <c r="K5662">
        <f t="shared" si="631"/>
        <v>2.0763717345757766</v>
      </c>
      <c r="L5662">
        <f t="shared" si="632"/>
        <v>9.9665843259637281</v>
      </c>
      <c r="M5662">
        <f t="shared" si="633"/>
        <v>0</v>
      </c>
      <c r="N5662" s="46">
        <f t="shared" si="634"/>
        <v>45526.49999998635</v>
      </c>
    </row>
    <row r="5663" spans="2:14" x14ac:dyDescent="0.3">
      <c r="B5663">
        <f t="shared" si="628"/>
        <v>4</v>
      </c>
      <c r="C5663" s="16">
        <v>5629</v>
      </c>
      <c r="D5663" cm="1">
        <f t="array" ref="D5663">IFERROR(INDEX(Jesper!AH$2:AH$366,ROUNDDOWN($C5663/24,0)+1,1)*INDEX($D$3:$AA$30,INDEX(Jesper!$R$2:$R$366,ROW(INDEX(Jesper!AH$2:AH$366,ROUNDDOWN($C5663/24,0)+1,1))-1)+IF('Standard Profiles'!$G$18=$B$10,7,0)+IF('Standard Profiles'!$G$18=$B$17,14,0)+IF('Standard Profiles'!$G$18=$B$24,21,0),MOD($C5663,24)+1)/SUM(INDEX($D$3:$AA$30,INDEX(Jesper!$R$2:$R$366,ROW(INDEX(Jesper!AH$2:AH$366,ROUNDDOWN($C5663/24,0)+1,1))-1)+IF('Standard Profiles'!$G$18=$B$10,7,0)+IF('Standard Profiles'!$G$18=$B$17,14,0)+IF('Standard Profiles'!$G$18=$B$24,21,0),0)),0)</f>
        <v>13.842478230505177</v>
      </c>
      <c r="E5663" cm="1">
        <f t="array" ref="E5663">IFERROR(INDEX(Jesper!AI$2:AI$366,ROUNDDOWN($C5663/24,0)+1,1)*INDEX($D$3:$AA$30,INDEX(Jesper!$R$2:$R$366,ROW(INDEX(Jesper!AI$2:AI$366,ROUNDDOWN($C5663/24,0)+1,1))-1)+IF('Standard Profiles'!$G$19=$B$10,7,0)+IF('Standard Profiles'!$G$19=$B$17,14,0)+IF('Standard Profiles'!$G$19=$B$24,21,0),MOD($C5663,24)+1)/SUM(INDEX($D$3:$AA$30,INDEX(Jesper!$R$2:$R$366,ROW(INDEX(Jesper!AI$2:AI$366,ROUNDDOWN($C5663/24,0)+1,1))-1)+IF('Standard Profiles'!$G$19=$B$10,7,0)+IF('Standard Profiles'!$G$19=$B$17,14,0)+IF('Standard Profiles'!$G$19=$B$24,21,0),0)),0)</f>
        <v>0</v>
      </c>
      <c r="F5663" cm="1">
        <f t="array" ref="F5663">IFERROR(INDEX(Jesper!AJ$2:AJ$366,ROUNDDOWN($C5663/24,0)+1,1)*INDEX($D$3:$AA$30,INDEX(Jesper!$R$2:$R$366,ROW(INDEX(Jesper!AJ$2:AJ$366,ROUNDDOWN($C5663/24,0)+1,1))-1)+IF('Standard Profiles'!$G$20=$B$10,7,0)+IF('Standard Profiles'!$G$20=$B$17,14,0)+IF('Standard Profiles'!$G$20=$B$24,21,0),MOD($C5663,24)+1)/SUM(INDEX($D$3:$AA$30,INDEX(Jesper!$R$2:$R$366,ROW(INDEX(Jesper!AJ$2:AJ$366,ROUNDDOWN($C5663/24,0)+1,1))-1)+IF('Standard Profiles'!$G$20=$B$10,7,0)+IF('Standard Profiles'!$G$20=$B$17,14,0)+IF('Standard Profiles'!$G$20=$B$24,21,0),0)),0)</f>
        <v>0</v>
      </c>
      <c r="G5663" cm="1">
        <f t="array" ref="G5663">IFERROR(INDEX(Jesper!AK$2:AK$366,ROUNDDOWN($C5663/24,0)+1,1)*INDEX($D$3:$AA$30,INDEX(Jesper!$R$2:$R$366,ROW(INDEX(Jesper!AK$2:AK$366,ROUNDDOWN($C5663/24,0)+1,1))-1)+IF('Standard Profiles'!$G$21=$B$10,7,0)+IF('Standard Profiles'!$G$21=$B$17,14,0)+IF('Standard Profiles'!$G$21=$B$24,21,0),MOD($C5663,24)+1)/SUM(INDEX($D$3:$AA$30,INDEX(Jesper!$R$2:$R$366,ROW(INDEX(Jesper!AK$2:AK$366,ROUNDDOWN($C5663/24,0)+1,1))-1)+IF('Standard Profiles'!$G$21=$B$10,7,0)+IF('Standard Profiles'!$G$21=$B$17,14,0)+IF('Standard Profiles'!$G$21=$B$24,21,0),0)),0)</f>
        <v>0</v>
      </c>
      <c r="H5663" cm="1">
        <f t="array" ref="H5663">IFERROR(INDEX(Jesper!AL$2:AL$366,ROUNDDOWN($C5663/24,0)+1,1)*INDEX($D$3:$AA$30,INDEX(Jesper!$R$2:$R$366,ROW(INDEX(Jesper!AL$2:AL$366,ROUNDDOWN($C5663/24,0)+1,1))-1)+IF('Standard Profiles'!$G$22=$B$10,7,0)+IF('Standard Profiles'!$G$22=$B$17,14,0)+IF('Standard Profiles'!$G$22=$B$24,21,0),MOD($C5663,24)+1)/SUM(INDEX($D$3:$AA$30,INDEX(Jesper!$R$2:$R$366,ROW(INDEX(Jesper!AL$2:AL$366,ROUNDDOWN($C5663/24,0)+1,1))-1)+IF('Standard Profiles'!$G$22=$B$10,7,0)+IF('Standard Profiles'!$G$22=$B$17,14,0)+IF('Standard Profiles'!$G$22=$B$24,21,0),0)),0)</f>
        <v>0</v>
      </c>
      <c r="I5663">
        <f t="shared" si="629"/>
        <v>0.4152743469151553</v>
      </c>
      <c r="J5663">
        <f t="shared" si="630"/>
        <v>1.3842478230505177</v>
      </c>
      <c r="K5663">
        <f t="shared" si="631"/>
        <v>2.0763717345757766</v>
      </c>
      <c r="L5663">
        <f t="shared" si="632"/>
        <v>9.9665843259637281</v>
      </c>
      <c r="M5663">
        <f t="shared" si="633"/>
        <v>0</v>
      </c>
      <c r="N5663" s="46">
        <f t="shared" si="634"/>
        <v>45526.541666653015</v>
      </c>
    </row>
    <row r="5664" spans="2:14" x14ac:dyDescent="0.3">
      <c r="B5664">
        <f t="shared" si="628"/>
        <v>4</v>
      </c>
      <c r="C5664" s="16">
        <v>5630</v>
      </c>
      <c r="D5664" cm="1">
        <f t="array" ref="D5664">IFERROR(INDEX(Jesper!AH$2:AH$366,ROUNDDOWN($C5664/24,0)+1,1)*INDEX($D$3:$AA$30,INDEX(Jesper!$R$2:$R$366,ROW(INDEX(Jesper!AH$2:AH$366,ROUNDDOWN($C5664/24,0)+1,1))-1)+IF('Standard Profiles'!$G$18=$B$10,7,0)+IF('Standard Profiles'!$G$18=$B$17,14,0)+IF('Standard Profiles'!$G$18=$B$24,21,0),MOD($C5664,24)+1)/SUM(INDEX($D$3:$AA$30,INDEX(Jesper!$R$2:$R$366,ROW(INDEX(Jesper!AH$2:AH$366,ROUNDDOWN($C5664/24,0)+1,1))-1)+IF('Standard Profiles'!$G$18=$B$10,7,0)+IF('Standard Profiles'!$G$18=$B$17,14,0)+IF('Standard Profiles'!$G$18=$B$24,21,0),0)),0)</f>
        <v>13.842478230505177</v>
      </c>
      <c r="E5664" cm="1">
        <f t="array" ref="E5664">IFERROR(INDEX(Jesper!AI$2:AI$366,ROUNDDOWN($C5664/24,0)+1,1)*INDEX($D$3:$AA$30,INDEX(Jesper!$R$2:$R$366,ROW(INDEX(Jesper!AI$2:AI$366,ROUNDDOWN($C5664/24,0)+1,1))-1)+IF('Standard Profiles'!$G$19=$B$10,7,0)+IF('Standard Profiles'!$G$19=$B$17,14,0)+IF('Standard Profiles'!$G$19=$B$24,21,0),MOD($C5664,24)+1)/SUM(INDEX($D$3:$AA$30,INDEX(Jesper!$R$2:$R$366,ROW(INDEX(Jesper!AI$2:AI$366,ROUNDDOWN($C5664/24,0)+1,1))-1)+IF('Standard Profiles'!$G$19=$B$10,7,0)+IF('Standard Profiles'!$G$19=$B$17,14,0)+IF('Standard Profiles'!$G$19=$B$24,21,0),0)),0)</f>
        <v>0</v>
      </c>
      <c r="F5664" cm="1">
        <f t="array" ref="F5664">IFERROR(INDEX(Jesper!AJ$2:AJ$366,ROUNDDOWN($C5664/24,0)+1,1)*INDEX($D$3:$AA$30,INDEX(Jesper!$R$2:$R$366,ROW(INDEX(Jesper!AJ$2:AJ$366,ROUNDDOWN($C5664/24,0)+1,1))-1)+IF('Standard Profiles'!$G$20=$B$10,7,0)+IF('Standard Profiles'!$G$20=$B$17,14,0)+IF('Standard Profiles'!$G$20=$B$24,21,0),MOD($C5664,24)+1)/SUM(INDEX($D$3:$AA$30,INDEX(Jesper!$R$2:$R$366,ROW(INDEX(Jesper!AJ$2:AJ$366,ROUNDDOWN($C5664/24,0)+1,1))-1)+IF('Standard Profiles'!$G$20=$B$10,7,0)+IF('Standard Profiles'!$G$20=$B$17,14,0)+IF('Standard Profiles'!$G$20=$B$24,21,0),0)),0)</f>
        <v>0</v>
      </c>
      <c r="G5664" cm="1">
        <f t="array" ref="G5664">IFERROR(INDEX(Jesper!AK$2:AK$366,ROUNDDOWN($C5664/24,0)+1,1)*INDEX($D$3:$AA$30,INDEX(Jesper!$R$2:$R$366,ROW(INDEX(Jesper!AK$2:AK$366,ROUNDDOWN($C5664/24,0)+1,1))-1)+IF('Standard Profiles'!$G$21=$B$10,7,0)+IF('Standard Profiles'!$G$21=$B$17,14,0)+IF('Standard Profiles'!$G$21=$B$24,21,0),MOD($C5664,24)+1)/SUM(INDEX($D$3:$AA$30,INDEX(Jesper!$R$2:$R$366,ROW(INDEX(Jesper!AK$2:AK$366,ROUNDDOWN($C5664/24,0)+1,1))-1)+IF('Standard Profiles'!$G$21=$B$10,7,0)+IF('Standard Profiles'!$G$21=$B$17,14,0)+IF('Standard Profiles'!$G$21=$B$24,21,0),0)),0)</f>
        <v>0</v>
      </c>
      <c r="H5664" cm="1">
        <f t="array" ref="H5664">IFERROR(INDEX(Jesper!AL$2:AL$366,ROUNDDOWN($C5664/24,0)+1,1)*INDEX($D$3:$AA$30,INDEX(Jesper!$R$2:$R$366,ROW(INDEX(Jesper!AL$2:AL$366,ROUNDDOWN($C5664/24,0)+1,1))-1)+IF('Standard Profiles'!$G$22=$B$10,7,0)+IF('Standard Profiles'!$G$22=$B$17,14,0)+IF('Standard Profiles'!$G$22=$B$24,21,0),MOD($C5664,24)+1)/SUM(INDEX($D$3:$AA$30,INDEX(Jesper!$R$2:$R$366,ROW(INDEX(Jesper!AL$2:AL$366,ROUNDDOWN($C5664/24,0)+1,1))-1)+IF('Standard Profiles'!$G$22=$B$10,7,0)+IF('Standard Profiles'!$G$22=$B$17,14,0)+IF('Standard Profiles'!$G$22=$B$24,21,0),0)),0)</f>
        <v>0</v>
      </c>
      <c r="I5664">
        <f t="shared" si="629"/>
        <v>0.4152743469151553</v>
      </c>
      <c r="J5664">
        <f t="shared" si="630"/>
        <v>1.3842478230505177</v>
      </c>
      <c r="K5664">
        <f t="shared" si="631"/>
        <v>2.0763717345757766</v>
      </c>
      <c r="L5664">
        <f t="shared" si="632"/>
        <v>9.9665843259637281</v>
      </c>
      <c r="M5664">
        <f t="shared" si="633"/>
        <v>0</v>
      </c>
      <c r="N5664" s="46">
        <f t="shared" si="634"/>
        <v>45526.583333319679</v>
      </c>
    </row>
    <row r="5665" spans="2:14" x14ac:dyDescent="0.3">
      <c r="B5665">
        <f t="shared" si="628"/>
        <v>4</v>
      </c>
      <c r="C5665" s="16">
        <v>5631</v>
      </c>
      <c r="D5665" cm="1">
        <f t="array" ref="D5665">IFERROR(INDEX(Jesper!AH$2:AH$366,ROUNDDOWN($C5665/24,0)+1,1)*INDEX($D$3:$AA$30,INDEX(Jesper!$R$2:$R$366,ROW(INDEX(Jesper!AH$2:AH$366,ROUNDDOWN($C5665/24,0)+1,1))-1)+IF('Standard Profiles'!$G$18=$B$10,7,0)+IF('Standard Profiles'!$G$18=$B$17,14,0)+IF('Standard Profiles'!$G$18=$B$24,21,0),MOD($C5665,24)+1)/SUM(INDEX($D$3:$AA$30,INDEX(Jesper!$R$2:$R$366,ROW(INDEX(Jesper!AH$2:AH$366,ROUNDDOWN($C5665/24,0)+1,1))-1)+IF('Standard Profiles'!$G$18=$B$10,7,0)+IF('Standard Profiles'!$G$18=$B$17,14,0)+IF('Standard Profiles'!$G$18=$B$24,21,0),0)),0)</f>
        <v>13.842478230505177</v>
      </c>
      <c r="E5665" cm="1">
        <f t="array" ref="E5665">IFERROR(INDEX(Jesper!AI$2:AI$366,ROUNDDOWN($C5665/24,0)+1,1)*INDEX($D$3:$AA$30,INDEX(Jesper!$R$2:$R$366,ROW(INDEX(Jesper!AI$2:AI$366,ROUNDDOWN($C5665/24,0)+1,1))-1)+IF('Standard Profiles'!$G$19=$B$10,7,0)+IF('Standard Profiles'!$G$19=$B$17,14,0)+IF('Standard Profiles'!$G$19=$B$24,21,0),MOD($C5665,24)+1)/SUM(INDEX($D$3:$AA$30,INDEX(Jesper!$R$2:$R$366,ROW(INDEX(Jesper!AI$2:AI$366,ROUNDDOWN($C5665/24,0)+1,1))-1)+IF('Standard Profiles'!$G$19=$B$10,7,0)+IF('Standard Profiles'!$G$19=$B$17,14,0)+IF('Standard Profiles'!$G$19=$B$24,21,0),0)),0)</f>
        <v>0</v>
      </c>
      <c r="F5665" cm="1">
        <f t="array" ref="F5665">IFERROR(INDEX(Jesper!AJ$2:AJ$366,ROUNDDOWN($C5665/24,0)+1,1)*INDEX($D$3:$AA$30,INDEX(Jesper!$R$2:$R$366,ROW(INDEX(Jesper!AJ$2:AJ$366,ROUNDDOWN($C5665/24,0)+1,1))-1)+IF('Standard Profiles'!$G$20=$B$10,7,0)+IF('Standard Profiles'!$G$20=$B$17,14,0)+IF('Standard Profiles'!$G$20=$B$24,21,0),MOD($C5665,24)+1)/SUM(INDEX($D$3:$AA$30,INDEX(Jesper!$R$2:$R$366,ROW(INDEX(Jesper!AJ$2:AJ$366,ROUNDDOWN($C5665/24,0)+1,1))-1)+IF('Standard Profiles'!$G$20=$B$10,7,0)+IF('Standard Profiles'!$G$20=$B$17,14,0)+IF('Standard Profiles'!$G$20=$B$24,21,0),0)),0)</f>
        <v>0</v>
      </c>
      <c r="G5665" cm="1">
        <f t="array" ref="G5665">IFERROR(INDEX(Jesper!AK$2:AK$366,ROUNDDOWN($C5665/24,0)+1,1)*INDEX($D$3:$AA$30,INDEX(Jesper!$R$2:$R$366,ROW(INDEX(Jesper!AK$2:AK$366,ROUNDDOWN($C5665/24,0)+1,1))-1)+IF('Standard Profiles'!$G$21=$B$10,7,0)+IF('Standard Profiles'!$G$21=$B$17,14,0)+IF('Standard Profiles'!$G$21=$B$24,21,0),MOD($C5665,24)+1)/SUM(INDEX($D$3:$AA$30,INDEX(Jesper!$R$2:$R$366,ROW(INDEX(Jesper!AK$2:AK$366,ROUNDDOWN($C5665/24,0)+1,1))-1)+IF('Standard Profiles'!$G$21=$B$10,7,0)+IF('Standard Profiles'!$G$21=$B$17,14,0)+IF('Standard Profiles'!$G$21=$B$24,21,0),0)),0)</f>
        <v>0</v>
      </c>
      <c r="H5665" cm="1">
        <f t="array" ref="H5665">IFERROR(INDEX(Jesper!AL$2:AL$366,ROUNDDOWN($C5665/24,0)+1,1)*INDEX($D$3:$AA$30,INDEX(Jesper!$R$2:$R$366,ROW(INDEX(Jesper!AL$2:AL$366,ROUNDDOWN($C5665/24,0)+1,1))-1)+IF('Standard Profiles'!$G$22=$B$10,7,0)+IF('Standard Profiles'!$G$22=$B$17,14,0)+IF('Standard Profiles'!$G$22=$B$24,21,0),MOD($C5665,24)+1)/SUM(INDEX($D$3:$AA$30,INDEX(Jesper!$R$2:$R$366,ROW(INDEX(Jesper!AL$2:AL$366,ROUNDDOWN($C5665/24,0)+1,1))-1)+IF('Standard Profiles'!$G$22=$B$10,7,0)+IF('Standard Profiles'!$G$22=$B$17,14,0)+IF('Standard Profiles'!$G$22=$B$24,21,0),0)),0)</f>
        <v>0</v>
      </c>
      <c r="I5665">
        <f t="shared" si="629"/>
        <v>0.4152743469151553</v>
      </c>
      <c r="J5665">
        <f t="shared" si="630"/>
        <v>1.3842478230505177</v>
      </c>
      <c r="K5665">
        <f t="shared" si="631"/>
        <v>2.0763717345757766</v>
      </c>
      <c r="L5665">
        <f t="shared" si="632"/>
        <v>9.9665843259637281</v>
      </c>
      <c r="M5665">
        <f t="shared" si="633"/>
        <v>0</v>
      </c>
      <c r="N5665" s="46">
        <f t="shared" si="634"/>
        <v>45526.624999986343</v>
      </c>
    </row>
    <row r="5666" spans="2:14" x14ac:dyDescent="0.3">
      <c r="B5666">
        <f t="shared" si="628"/>
        <v>4</v>
      </c>
      <c r="C5666" s="16">
        <v>5632</v>
      </c>
      <c r="D5666" cm="1">
        <f t="array" ref="D5666">IFERROR(INDEX(Jesper!AH$2:AH$366,ROUNDDOWN($C5666/24,0)+1,1)*INDEX($D$3:$AA$30,INDEX(Jesper!$R$2:$R$366,ROW(INDEX(Jesper!AH$2:AH$366,ROUNDDOWN($C5666/24,0)+1,1))-1)+IF('Standard Profiles'!$G$18=$B$10,7,0)+IF('Standard Profiles'!$G$18=$B$17,14,0)+IF('Standard Profiles'!$G$18=$B$24,21,0),MOD($C5666,24)+1)/SUM(INDEX($D$3:$AA$30,INDEX(Jesper!$R$2:$R$366,ROW(INDEX(Jesper!AH$2:AH$366,ROUNDDOWN($C5666/24,0)+1,1))-1)+IF('Standard Profiles'!$G$18=$B$10,7,0)+IF('Standard Profiles'!$G$18=$B$17,14,0)+IF('Standard Profiles'!$G$18=$B$24,21,0),0)),0)</f>
        <v>13.842478230505177</v>
      </c>
      <c r="E5666" cm="1">
        <f t="array" ref="E5666">IFERROR(INDEX(Jesper!AI$2:AI$366,ROUNDDOWN($C5666/24,0)+1,1)*INDEX($D$3:$AA$30,INDEX(Jesper!$R$2:$R$366,ROW(INDEX(Jesper!AI$2:AI$366,ROUNDDOWN($C5666/24,0)+1,1))-1)+IF('Standard Profiles'!$G$19=$B$10,7,0)+IF('Standard Profiles'!$G$19=$B$17,14,0)+IF('Standard Profiles'!$G$19=$B$24,21,0),MOD($C5666,24)+1)/SUM(INDEX($D$3:$AA$30,INDEX(Jesper!$R$2:$R$366,ROW(INDEX(Jesper!AI$2:AI$366,ROUNDDOWN($C5666/24,0)+1,1))-1)+IF('Standard Profiles'!$G$19=$B$10,7,0)+IF('Standard Profiles'!$G$19=$B$17,14,0)+IF('Standard Profiles'!$G$19=$B$24,21,0),0)),0)</f>
        <v>0</v>
      </c>
      <c r="F5666" cm="1">
        <f t="array" ref="F5666">IFERROR(INDEX(Jesper!AJ$2:AJ$366,ROUNDDOWN($C5666/24,0)+1,1)*INDEX($D$3:$AA$30,INDEX(Jesper!$R$2:$R$366,ROW(INDEX(Jesper!AJ$2:AJ$366,ROUNDDOWN($C5666/24,0)+1,1))-1)+IF('Standard Profiles'!$G$20=$B$10,7,0)+IF('Standard Profiles'!$G$20=$B$17,14,0)+IF('Standard Profiles'!$G$20=$B$24,21,0),MOD($C5666,24)+1)/SUM(INDEX($D$3:$AA$30,INDEX(Jesper!$R$2:$R$366,ROW(INDEX(Jesper!AJ$2:AJ$366,ROUNDDOWN($C5666/24,0)+1,1))-1)+IF('Standard Profiles'!$G$20=$B$10,7,0)+IF('Standard Profiles'!$G$20=$B$17,14,0)+IF('Standard Profiles'!$G$20=$B$24,21,0),0)),0)</f>
        <v>0</v>
      </c>
      <c r="G5666" cm="1">
        <f t="array" ref="G5666">IFERROR(INDEX(Jesper!AK$2:AK$366,ROUNDDOWN($C5666/24,0)+1,1)*INDEX($D$3:$AA$30,INDEX(Jesper!$R$2:$R$366,ROW(INDEX(Jesper!AK$2:AK$366,ROUNDDOWN($C5666/24,0)+1,1))-1)+IF('Standard Profiles'!$G$21=$B$10,7,0)+IF('Standard Profiles'!$G$21=$B$17,14,0)+IF('Standard Profiles'!$G$21=$B$24,21,0),MOD($C5666,24)+1)/SUM(INDEX($D$3:$AA$30,INDEX(Jesper!$R$2:$R$366,ROW(INDEX(Jesper!AK$2:AK$366,ROUNDDOWN($C5666/24,0)+1,1))-1)+IF('Standard Profiles'!$G$21=$B$10,7,0)+IF('Standard Profiles'!$G$21=$B$17,14,0)+IF('Standard Profiles'!$G$21=$B$24,21,0),0)),0)</f>
        <v>0</v>
      </c>
      <c r="H5666" cm="1">
        <f t="array" ref="H5666">IFERROR(INDEX(Jesper!AL$2:AL$366,ROUNDDOWN($C5666/24,0)+1,1)*INDEX($D$3:$AA$30,INDEX(Jesper!$R$2:$R$366,ROW(INDEX(Jesper!AL$2:AL$366,ROUNDDOWN($C5666/24,0)+1,1))-1)+IF('Standard Profiles'!$G$22=$B$10,7,0)+IF('Standard Profiles'!$G$22=$B$17,14,0)+IF('Standard Profiles'!$G$22=$B$24,21,0),MOD($C5666,24)+1)/SUM(INDEX($D$3:$AA$30,INDEX(Jesper!$R$2:$R$366,ROW(INDEX(Jesper!AL$2:AL$366,ROUNDDOWN($C5666/24,0)+1,1))-1)+IF('Standard Profiles'!$G$22=$B$10,7,0)+IF('Standard Profiles'!$G$22=$B$17,14,0)+IF('Standard Profiles'!$G$22=$B$24,21,0),0)),0)</f>
        <v>0</v>
      </c>
      <c r="I5666">
        <f t="shared" si="629"/>
        <v>0.4152743469151553</v>
      </c>
      <c r="J5666">
        <f t="shared" si="630"/>
        <v>1.3842478230505177</v>
      </c>
      <c r="K5666">
        <f t="shared" si="631"/>
        <v>2.0763717345757766</v>
      </c>
      <c r="L5666">
        <f t="shared" si="632"/>
        <v>9.9665843259637281</v>
      </c>
      <c r="M5666">
        <f t="shared" si="633"/>
        <v>0</v>
      </c>
      <c r="N5666" s="46">
        <f t="shared" si="634"/>
        <v>45526.666666653007</v>
      </c>
    </row>
    <row r="5667" spans="2:14" x14ac:dyDescent="0.3">
      <c r="B5667">
        <f t="shared" ref="B5667:B5730" si="635">WEEKDAY(N5667,2)</f>
        <v>4</v>
      </c>
      <c r="C5667" s="16">
        <v>5633</v>
      </c>
      <c r="D5667" cm="1">
        <f t="array" ref="D5667">IFERROR(INDEX(Jesper!AH$2:AH$366,ROUNDDOWN($C5667/24,0)+1,1)*INDEX($D$3:$AA$30,INDEX(Jesper!$R$2:$R$366,ROW(INDEX(Jesper!AH$2:AH$366,ROUNDDOWN($C5667/24,0)+1,1))-1)+IF('Standard Profiles'!$G$18=$B$10,7,0)+IF('Standard Profiles'!$G$18=$B$17,14,0)+IF('Standard Profiles'!$G$18=$B$24,21,0),MOD($C5667,24)+1)/SUM(INDEX($D$3:$AA$30,INDEX(Jesper!$R$2:$R$366,ROW(INDEX(Jesper!AH$2:AH$366,ROUNDDOWN($C5667/24,0)+1,1))-1)+IF('Standard Profiles'!$G$18=$B$10,7,0)+IF('Standard Profiles'!$G$18=$B$17,14,0)+IF('Standard Profiles'!$G$18=$B$24,21,0),0)),0)</f>
        <v>13.842478230505177</v>
      </c>
      <c r="E5667" cm="1">
        <f t="array" ref="E5667">IFERROR(INDEX(Jesper!AI$2:AI$366,ROUNDDOWN($C5667/24,0)+1,1)*INDEX($D$3:$AA$30,INDEX(Jesper!$R$2:$R$366,ROW(INDEX(Jesper!AI$2:AI$366,ROUNDDOWN($C5667/24,0)+1,1))-1)+IF('Standard Profiles'!$G$19=$B$10,7,0)+IF('Standard Profiles'!$G$19=$B$17,14,0)+IF('Standard Profiles'!$G$19=$B$24,21,0),MOD($C5667,24)+1)/SUM(INDEX($D$3:$AA$30,INDEX(Jesper!$R$2:$R$366,ROW(INDEX(Jesper!AI$2:AI$366,ROUNDDOWN($C5667/24,0)+1,1))-1)+IF('Standard Profiles'!$G$19=$B$10,7,0)+IF('Standard Profiles'!$G$19=$B$17,14,0)+IF('Standard Profiles'!$G$19=$B$24,21,0),0)),0)</f>
        <v>0</v>
      </c>
      <c r="F5667" cm="1">
        <f t="array" ref="F5667">IFERROR(INDEX(Jesper!AJ$2:AJ$366,ROUNDDOWN($C5667/24,0)+1,1)*INDEX($D$3:$AA$30,INDEX(Jesper!$R$2:$R$366,ROW(INDEX(Jesper!AJ$2:AJ$366,ROUNDDOWN($C5667/24,0)+1,1))-1)+IF('Standard Profiles'!$G$20=$B$10,7,0)+IF('Standard Profiles'!$G$20=$B$17,14,0)+IF('Standard Profiles'!$G$20=$B$24,21,0),MOD($C5667,24)+1)/SUM(INDEX($D$3:$AA$30,INDEX(Jesper!$R$2:$R$366,ROW(INDEX(Jesper!AJ$2:AJ$366,ROUNDDOWN($C5667/24,0)+1,1))-1)+IF('Standard Profiles'!$G$20=$B$10,7,0)+IF('Standard Profiles'!$G$20=$B$17,14,0)+IF('Standard Profiles'!$G$20=$B$24,21,0),0)),0)</f>
        <v>0</v>
      </c>
      <c r="G5667" cm="1">
        <f t="array" ref="G5667">IFERROR(INDEX(Jesper!AK$2:AK$366,ROUNDDOWN($C5667/24,0)+1,1)*INDEX($D$3:$AA$30,INDEX(Jesper!$R$2:$R$366,ROW(INDEX(Jesper!AK$2:AK$366,ROUNDDOWN($C5667/24,0)+1,1))-1)+IF('Standard Profiles'!$G$21=$B$10,7,0)+IF('Standard Profiles'!$G$21=$B$17,14,0)+IF('Standard Profiles'!$G$21=$B$24,21,0),MOD($C5667,24)+1)/SUM(INDEX($D$3:$AA$30,INDEX(Jesper!$R$2:$R$366,ROW(INDEX(Jesper!AK$2:AK$366,ROUNDDOWN($C5667/24,0)+1,1))-1)+IF('Standard Profiles'!$G$21=$B$10,7,0)+IF('Standard Profiles'!$G$21=$B$17,14,0)+IF('Standard Profiles'!$G$21=$B$24,21,0),0)),0)</f>
        <v>0</v>
      </c>
      <c r="H5667" cm="1">
        <f t="array" ref="H5667">IFERROR(INDEX(Jesper!AL$2:AL$366,ROUNDDOWN($C5667/24,0)+1,1)*INDEX($D$3:$AA$30,INDEX(Jesper!$R$2:$R$366,ROW(INDEX(Jesper!AL$2:AL$366,ROUNDDOWN($C5667/24,0)+1,1))-1)+IF('Standard Profiles'!$G$22=$B$10,7,0)+IF('Standard Profiles'!$G$22=$B$17,14,0)+IF('Standard Profiles'!$G$22=$B$24,21,0),MOD($C5667,24)+1)/SUM(INDEX($D$3:$AA$30,INDEX(Jesper!$R$2:$R$366,ROW(INDEX(Jesper!AL$2:AL$366,ROUNDDOWN($C5667/24,0)+1,1))-1)+IF('Standard Profiles'!$G$22=$B$10,7,0)+IF('Standard Profiles'!$G$22=$B$17,14,0)+IF('Standard Profiles'!$G$22=$B$24,21,0),0)),0)</f>
        <v>0</v>
      </c>
      <c r="I5667">
        <f t="shared" ref="I5667:I5730" si="636">IF($B5667&lt;6,AC$37*$D5667+AC$38*$E5667+AC$39*$F5667+AC$40*$G5667,AC$46*$D5667+AC$47*$E5667+AC$48*$F5667+AC$49*$G5667+AC$50*$H5667)</f>
        <v>0.4152743469151553</v>
      </c>
      <c r="J5667">
        <f t="shared" ref="J5667:J5730" si="637">IF($B5667&lt;6,AD$37*$D5667+AD$38*$E5667+AD$39*$F5667+AD$40*$G5667,AD$46*$D5667+AD$47*$E5667+AD$48*$F5667+AD$49*$G5667+AD$50*$H5667)</f>
        <v>1.3842478230505177</v>
      </c>
      <c r="K5667">
        <f t="shared" ref="K5667:K5730" si="638">IF($B5667&lt;6,AE$37*$D5667+AE$38*$E5667+AE$39*$F5667+AE$40*$G5667,AE$46*$D5667+AE$47*$E5667+AE$48*$F5667+AE$49*$G5667+AE$50*$H5667)</f>
        <v>2.0763717345757766</v>
      </c>
      <c r="L5667">
        <f t="shared" ref="L5667:L5730" si="639">IF($B5667&lt;6,AF$37*$D5667+AF$38*$E5667+AF$39*$F5667+AF$40*$G5667,AF$46*$D5667+AF$47*$E5667+AF$48*$F5667+AF$49*$G5667+AF$50*$H5667)</f>
        <v>9.9665843259637281</v>
      </c>
      <c r="M5667">
        <f t="shared" ref="M5667:M5730" si="640">IF($B5667&lt;6,AG$37*$D5667+AG$38*$E5667+AG$39*$F5667+AG$40*$G5667,AG$46*$D5667+AG$47*$E5667+AG$48*$F5667+AG$49*$G5667+AG$50*$H5667)</f>
        <v>0</v>
      </c>
      <c r="N5667" s="46">
        <f t="shared" si="634"/>
        <v>45526.708333319672</v>
      </c>
    </row>
    <row r="5668" spans="2:14" x14ac:dyDescent="0.3">
      <c r="B5668">
        <f t="shared" si="635"/>
        <v>4</v>
      </c>
      <c r="C5668" s="16">
        <v>5634</v>
      </c>
      <c r="D5668" cm="1">
        <f t="array" ref="D5668">IFERROR(INDEX(Jesper!AH$2:AH$366,ROUNDDOWN($C5668/24,0)+1,1)*INDEX($D$3:$AA$30,INDEX(Jesper!$R$2:$R$366,ROW(INDEX(Jesper!AH$2:AH$366,ROUNDDOWN($C5668/24,0)+1,1))-1)+IF('Standard Profiles'!$G$18=$B$10,7,0)+IF('Standard Profiles'!$G$18=$B$17,14,0)+IF('Standard Profiles'!$G$18=$B$24,21,0),MOD($C5668,24)+1)/SUM(INDEX($D$3:$AA$30,INDEX(Jesper!$R$2:$R$366,ROW(INDEX(Jesper!AH$2:AH$366,ROUNDDOWN($C5668/24,0)+1,1))-1)+IF('Standard Profiles'!$G$18=$B$10,7,0)+IF('Standard Profiles'!$G$18=$B$17,14,0)+IF('Standard Profiles'!$G$18=$B$24,21,0),0)),0)</f>
        <v>13.842478230505177</v>
      </c>
      <c r="E5668" cm="1">
        <f t="array" ref="E5668">IFERROR(INDEX(Jesper!AI$2:AI$366,ROUNDDOWN($C5668/24,0)+1,1)*INDEX($D$3:$AA$30,INDEX(Jesper!$R$2:$R$366,ROW(INDEX(Jesper!AI$2:AI$366,ROUNDDOWN($C5668/24,0)+1,1))-1)+IF('Standard Profiles'!$G$19=$B$10,7,0)+IF('Standard Profiles'!$G$19=$B$17,14,0)+IF('Standard Profiles'!$G$19=$B$24,21,0),MOD($C5668,24)+1)/SUM(INDEX($D$3:$AA$30,INDEX(Jesper!$R$2:$R$366,ROW(INDEX(Jesper!AI$2:AI$366,ROUNDDOWN($C5668/24,0)+1,1))-1)+IF('Standard Profiles'!$G$19=$B$10,7,0)+IF('Standard Profiles'!$G$19=$B$17,14,0)+IF('Standard Profiles'!$G$19=$B$24,21,0),0)),0)</f>
        <v>0</v>
      </c>
      <c r="F5668" cm="1">
        <f t="array" ref="F5668">IFERROR(INDEX(Jesper!AJ$2:AJ$366,ROUNDDOWN($C5668/24,0)+1,1)*INDEX($D$3:$AA$30,INDEX(Jesper!$R$2:$R$366,ROW(INDEX(Jesper!AJ$2:AJ$366,ROUNDDOWN($C5668/24,0)+1,1))-1)+IF('Standard Profiles'!$G$20=$B$10,7,0)+IF('Standard Profiles'!$G$20=$B$17,14,0)+IF('Standard Profiles'!$G$20=$B$24,21,0),MOD($C5668,24)+1)/SUM(INDEX($D$3:$AA$30,INDEX(Jesper!$R$2:$R$366,ROW(INDEX(Jesper!AJ$2:AJ$366,ROUNDDOWN($C5668/24,0)+1,1))-1)+IF('Standard Profiles'!$G$20=$B$10,7,0)+IF('Standard Profiles'!$G$20=$B$17,14,0)+IF('Standard Profiles'!$G$20=$B$24,21,0),0)),0)</f>
        <v>0</v>
      </c>
      <c r="G5668" cm="1">
        <f t="array" ref="G5668">IFERROR(INDEX(Jesper!AK$2:AK$366,ROUNDDOWN($C5668/24,0)+1,1)*INDEX($D$3:$AA$30,INDEX(Jesper!$R$2:$R$366,ROW(INDEX(Jesper!AK$2:AK$366,ROUNDDOWN($C5668/24,0)+1,1))-1)+IF('Standard Profiles'!$G$21=$B$10,7,0)+IF('Standard Profiles'!$G$21=$B$17,14,0)+IF('Standard Profiles'!$G$21=$B$24,21,0),MOD($C5668,24)+1)/SUM(INDEX($D$3:$AA$30,INDEX(Jesper!$R$2:$R$366,ROW(INDEX(Jesper!AK$2:AK$366,ROUNDDOWN($C5668/24,0)+1,1))-1)+IF('Standard Profiles'!$G$21=$B$10,7,0)+IF('Standard Profiles'!$G$21=$B$17,14,0)+IF('Standard Profiles'!$G$21=$B$24,21,0),0)),0)</f>
        <v>0</v>
      </c>
      <c r="H5668" cm="1">
        <f t="array" ref="H5668">IFERROR(INDEX(Jesper!AL$2:AL$366,ROUNDDOWN($C5668/24,0)+1,1)*INDEX($D$3:$AA$30,INDEX(Jesper!$R$2:$R$366,ROW(INDEX(Jesper!AL$2:AL$366,ROUNDDOWN($C5668/24,0)+1,1))-1)+IF('Standard Profiles'!$G$22=$B$10,7,0)+IF('Standard Profiles'!$G$22=$B$17,14,0)+IF('Standard Profiles'!$G$22=$B$24,21,0),MOD($C5668,24)+1)/SUM(INDEX($D$3:$AA$30,INDEX(Jesper!$R$2:$R$366,ROW(INDEX(Jesper!AL$2:AL$366,ROUNDDOWN($C5668/24,0)+1,1))-1)+IF('Standard Profiles'!$G$22=$B$10,7,0)+IF('Standard Profiles'!$G$22=$B$17,14,0)+IF('Standard Profiles'!$G$22=$B$24,21,0),0)),0)</f>
        <v>0</v>
      </c>
      <c r="I5668">
        <f t="shared" si="636"/>
        <v>0.4152743469151553</v>
      </c>
      <c r="J5668">
        <f t="shared" si="637"/>
        <v>1.3842478230505177</v>
      </c>
      <c r="K5668">
        <f t="shared" si="638"/>
        <v>2.0763717345757766</v>
      </c>
      <c r="L5668">
        <f t="shared" si="639"/>
        <v>9.9665843259637281</v>
      </c>
      <c r="M5668">
        <f t="shared" si="640"/>
        <v>0</v>
      </c>
      <c r="N5668" s="46">
        <f t="shared" ref="N5668:N5731" si="641">N5667+1/24</f>
        <v>45526.749999986336</v>
      </c>
    </row>
    <row r="5669" spans="2:14" x14ac:dyDescent="0.3">
      <c r="B5669">
        <f t="shared" si="635"/>
        <v>4</v>
      </c>
      <c r="C5669" s="16">
        <v>5635</v>
      </c>
      <c r="D5669" cm="1">
        <f t="array" ref="D5669">IFERROR(INDEX(Jesper!AH$2:AH$366,ROUNDDOWN($C5669/24,0)+1,1)*INDEX($D$3:$AA$30,INDEX(Jesper!$R$2:$R$366,ROW(INDEX(Jesper!AH$2:AH$366,ROUNDDOWN($C5669/24,0)+1,1))-1)+IF('Standard Profiles'!$G$18=$B$10,7,0)+IF('Standard Profiles'!$G$18=$B$17,14,0)+IF('Standard Profiles'!$G$18=$B$24,21,0),MOD($C5669,24)+1)/SUM(INDEX($D$3:$AA$30,INDEX(Jesper!$R$2:$R$366,ROW(INDEX(Jesper!AH$2:AH$366,ROUNDDOWN($C5669/24,0)+1,1))-1)+IF('Standard Profiles'!$G$18=$B$10,7,0)+IF('Standard Profiles'!$G$18=$B$17,14,0)+IF('Standard Profiles'!$G$18=$B$24,21,0),0)),0)</f>
        <v>11.53539852542098</v>
      </c>
      <c r="E5669" cm="1">
        <f t="array" ref="E5669">IFERROR(INDEX(Jesper!AI$2:AI$366,ROUNDDOWN($C5669/24,0)+1,1)*INDEX($D$3:$AA$30,INDEX(Jesper!$R$2:$R$366,ROW(INDEX(Jesper!AI$2:AI$366,ROUNDDOWN($C5669/24,0)+1,1))-1)+IF('Standard Profiles'!$G$19=$B$10,7,0)+IF('Standard Profiles'!$G$19=$B$17,14,0)+IF('Standard Profiles'!$G$19=$B$24,21,0),MOD($C5669,24)+1)/SUM(INDEX($D$3:$AA$30,INDEX(Jesper!$R$2:$R$366,ROW(INDEX(Jesper!AI$2:AI$366,ROUNDDOWN($C5669/24,0)+1,1))-1)+IF('Standard Profiles'!$G$19=$B$10,7,0)+IF('Standard Profiles'!$G$19=$B$17,14,0)+IF('Standard Profiles'!$G$19=$B$24,21,0),0)),0)</f>
        <v>0</v>
      </c>
      <c r="F5669" cm="1">
        <f t="array" ref="F5669">IFERROR(INDEX(Jesper!AJ$2:AJ$366,ROUNDDOWN($C5669/24,0)+1,1)*INDEX($D$3:$AA$30,INDEX(Jesper!$R$2:$R$366,ROW(INDEX(Jesper!AJ$2:AJ$366,ROUNDDOWN($C5669/24,0)+1,1))-1)+IF('Standard Profiles'!$G$20=$B$10,7,0)+IF('Standard Profiles'!$G$20=$B$17,14,0)+IF('Standard Profiles'!$G$20=$B$24,21,0),MOD($C5669,24)+1)/SUM(INDEX($D$3:$AA$30,INDEX(Jesper!$R$2:$R$366,ROW(INDEX(Jesper!AJ$2:AJ$366,ROUNDDOWN($C5669/24,0)+1,1))-1)+IF('Standard Profiles'!$G$20=$B$10,7,0)+IF('Standard Profiles'!$G$20=$B$17,14,0)+IF('Standard Profiles'!$G$20=$B$24,21,0),0)),0)</f>
        <v>0</v>
      </c>
      <c r="G5669" cm="1">
        <f t="array" ref="G5669">IFERROR(INDEX(Jesper!AK$2:AK$366,ROUNDDOWN($C5669/24,0)+1,1)*INDEX($D$3:$AA$30,INDEX(Jesper!$R$2:$R$366,ROW(INDEX(Jesper!AK$2:AK$366,ROUNDDOWN($C5669/24,0)+1,1))-1)+IF('Standard Profiles'!$G$21=$B$10,7,0)+IF('Standard Profiles'!$G$21=$B$17,14,0)+IF('Standard Profiles'!$G$21=$B$24,21,0),MOD($C5669,24)+1)/SUM(INDEX($D$3:$AA$30,INDEX(Jesper!$R$2:$R$366,ROW(INDEX(Jesper!AK$2:AK$366,ROUNDDOWN($C5669/24,0)+1,1))-1)+IF('Standard Profiles'!$G$21=$B$10,7,0)+IF('Standard Profiles'!$G$21=$B$17,14,0)+IF('Standard Profiles'!$G$21=$B$24,21,0),0)),0)</f>
        <v>0</v>
      </c>
      <c r="H5669" cm="1">
        <f t="array" ref="H5669">IFERROR(INDEX(Jesper!AL$2:AL$366,ROUNDDOWN($C5669/24,0)+1,1)*INDEX($D$3:$AA$30,INDEX(Jesper!$R$2:$R$366,ROW(INDEX(Jesper!AL$2:AL$366,ROUNDDOWN($C5669/24,0)+1,1))-1)+IF('Standard Profiles'!$G$22=$B$10,7,0)+IF('Standard Profiles'!$G$22=$B$17,14,0)+IF('Standard Profiles'!$G$22=$B$24,21,0),MOD($C5669,24)+1)/SUM(INDEX($D$3:$AA$30,INDEX(Jesper!$R$2:$R$366,ROW(INDEX(Jesper!AL$2:AL$366,ROUNDDOWN($C5669/24,0)+1,1))-1)+IF('Standard Profiles'!$G$22=$B$10,7,0)+IF('Standard Profiles'!$G$22=$B$17,14,0)+IF('Standard Profiles'!$G$22=$B$24,21,0),0)),0)</f>
        <v>0</v>
      </c>
      <c r="I5669">
        <f t="shared" si="636"/>
        <v>0.34606195576262938</v>
      </c>
      <c r="J5669">
        <f t="shared" si="637"/>
        <v>1.1535398525420981</v>
      </c>
      <c r="K5669">
        <f t="shared" si="638"/>
        <v>1.730309778813147</v>
      </c>
      <c r="L5669">
        <f t="shared" si="639"/>
        <v>8.3054869383031047</v>
      </c>
      <c r="M5669">
        <f t="shared" si="640"/>
        <v>0</v>
      </c>
      <c r="N5669" s="46">
        <f t="shared" si="641"/>
        <v>45526.791666653</v>
      </c>
    </row>
    <row r="5670" spans="2:14" x14ac:dyDescent="0.3">
      <c r="B5670">
        <f t="shared" si="635"/>
        <v>4</v>
      </c>
      <c r="C5670" s="16">
        <v>5636</v>
      </c>
      <c r="D5670" cm="1">
        <f t="array" ref="D5670">IFERROR(INDEX(Jesper!AH$2:AH$366,ROUNDDOWN($C5670/24,0)+1,1)*INDEX($D$3:$AA$30,INDEX(Jesper!$R$2:$R$366,ROW(INDEX(Jesper!AH$2:AH$366,ROUNDDOWN($C5670/24,0)+1,1))-1)+IF('Standard Profiles'!$G$18=$B$10,7,0)+IF('Standard Profiles'!$G$18=$B$17,14,0)+IF('Standard Profiles'!$G$18=$B$24,21,0),MOD($C5670,24)+1)/SUM(INDEX($D$3:$AA$30,INDEX(Jesper!$R$2:$R$366,ROW(INDEX(Jesper!AH$2:AH$366,ROUNDDOWN($C5670/24,0)+1,1))-1)+IF('Standard Profiles'!$G$18=$B$10,7,0)+IF('Standard Profiles'!$G$18=$B$17,14,0)+IF('Standard Profiles'!$G$18=$B$24,21,0),0)),0)</f>
        <v>9.2283188203367867</v>
      </c>
      <c r="E5670" cm="1">
        <f t="array" ref="E5670">IFERROR(INDEX(Jesper!AI$2:AI$366,ROUNDDOWN($C5670/24,0)+1,1)*INDEX($D$3:$AA$30,INDEX(Jesper!$R$2:$R$366,ROW(INDEX(Jesper!AI$2:AI$366,ROUNDDOWN($C5670/24,0)+1,1))-1)+IF('Standard Profiles'!$G$19=$B$10,7,0)+IF('Standard Profiles'!$G$19=$B$17,14,0)+IF('Standard Profiles'!$G$19=$B$24,21,0),MOD($C5670,24)+1)/SUM(INDEX($D$3:$AA$30,INDEX(Jesper!$R$2:$R$366,ROW(INDEX(Jesper!AI$2:AI$366,ROUNDDOWN($C5670/24,0)+1,1))-1)+IF('Standard Profiles'!$G$19=$B$10,7,0)+IF('Standard Profiles'!$G$19=$B$17,14,0)+IF('Standard Profiles'!$G$19=$B$24,21,0),0)),0)</f>
        <v>0</v>
      </c>
      <c r="F5670" cm="1">
        <f t="array" ref="F5670">IFERROR(INDEX(Jesper!AJ$2:AJ$366,ROUNDDOWN($C5670/24,0)+1,1)*INDEX($D$3:$AA$30,INDEX(Jesper!$R$2:$R$366,ROW(INDEX(Jesper!AJ$2:AJ$366,ROUNDDOWN($C5670/24,0)+1,1))-1)+IF('Standard Profiles'!$G$20=$B$10,7,0)+IF('Standard Profiles'!$G$20=$B$17,14,0)+IF('Standard Profiles'!$G$20=$B$24,21,0),MOD($C5670,24)+1)/SUM(INDEX($D$3:$AA$30,INDEX(Jesper!$R$2:$R$366,ROW(INDEX(Jesper!AJ$2:AJ$366,ROUNDDOWN($C5670/24,0)+1,1))-1)+IF('Standard Profiles'!$G$20=$B$10,7,0)+IF('Standard Profiles'!$G$20=$B$17,14,0)+IF('Standard Profiles'!$G$20=$B$24,21,0),0)),0)</f>
        <v>0</v>
      </c>
      <c r="G5670" cm="1">
        <f t="array" ref="G5670">IFERROR(INDEX(Jesper!AK$2:AK$366,ROUNDDOWN($C5670/24,0)+1,1)*INDEX($D$3:$AA$30,INDEX(Jesper!$R$2:$R$366,ROW(INDEX(Jesper!AK$2:AK$366,ROUNDDOWN($C5670/24,0)+1,1))-1)+IF('Standard Profiles'!$G$21=$B$10,7,0)+IF('Standard Profiles'!$G$21=$B$17,14,0)+IF('Standard Profiles'!$G$21=$B$24,21,0),MOD($C5670,24)+1)/SUM(INDEX($D$3:$AA$30,INDEX(Jesper!$R$2:$R$366,ROW(INDEX(Jesper!AK$2:AK$366,ROUNDDOWN($C5670/24,0)+1,1))-1)+IF('Standard Profiles'!$G$21=$B$10,7,0)+IF('Standard Profiles'!$G$21=$B$17,14,0)+IF('Standard Profiles'!$G$21=$B$24,21,0),0)),0)</f>
        <v>0</v>
      </c>
      <c r="H5670" cm="1">
        <f t="array" ref="H5670">IFERROR(INDEX(Jesper!AL$2:AL$366,ROUNDDOWN($C5670/24,0)+1,1)*INDEX($D$3:$AA$30,INDEX(Jesper!$R$2:$R$366,ROW(INDEX(Jesper!AL$2:AL$366,ROUNDDOWN($C5670/24,0)+1,1))-1)+IF('Standard Profiles'!$G$22=$B$10,7,0)+IF('Standard Profiles'!$G$22=$B$17,14,0)+IF('Standard Profiles'!$G$22=$B$24,21,0),MOD($C5670,24)+1)/SUM(INDEX($D$3:$AA$30,INDEX(Jesper!$R$2:$R$366,ROW(INDEX(Jesper!AL$2:AL$366,ROUNDDOWN($C5670/24,0)+1,1))-1)+IF('Standard Profiles'!$G$22=$B$10,7,0)+IF('Standard Profiles'!$G$22=$B$17,14,0)+IF('Standard Profiles'!$G$22=$B$24,21,0),0)),0)</f>
        <v>0</v>
      </c>
      <c r="I5670">
        <f t="shared" si="636"/>
        <v>0.27684956461010357</v>
      </c>
      <c r="J5670">
        <f t="shared" si="637"/>
        <v>0.92283188203367872</v>
      </c>
      <c r="K5670">
        <f t="shared" si="638"/>
        <v>1.384247823050518</v>
      </c>
      <c r="L5670">
        <f t="shared" si="639"/>
        <v>6.6443895506424866</v>
      </c>
      <c r="M5670">
        <f t="shared" si="640"/>
        <v>0</v>
      </c>
      <c r="N5670" s="46">
        <f t="shared" si="641"/>
        <v>45526.833333319664</v>
      </c>
    </row>
    <row r="5671" spans="2:14" x14ac:dyDescent="0.3">
      <c r="B5671">
        <f t="shared" si="635"/>
        <v>4</v>
      </c>
      <c r="C5671" s="16">
        <v>5637</v>
      </c>
      <c r="D5671" cm="1">
        <f t="array" ref="D5671">IFERROR(INDEX(Jesper!AH$2:AH$366,ROUNDDOWN($C5671/24,0)+1,1)*INDEX($D$3:$AA$30,INDEX(Jesper!$R$2:$R$366,ROW(INDEX(Jesper!AH$2:AH$366,ROUNDDOWN($C5671/24,0)+1,1))-1)+IF('Standard Profiles'!$G$18=$B$10,7,0)+IF('Standard Profiles'!$G$18=$B$17,14,0)+IF('Standard Profiles'!$G$18=$B$24,21,0),MOD($C5671,24)+1)/SUM(INDEX($D$3:$AA$30,INDEX(Jesper!$R$2:$R$366,ROW(INDEX(Jesper!AH$2:AH$366,ROUNDDOWN($C5671/24,0)+1,1))-1)+IF('Standard Profiles'!$G$18=$B$10,7,0)+IF('Standard Profiles'!$G$18=$B$17,14,0)+IF('Standard Profiles'!$G$18=$B$24,21,0),0)),0)</f>
        <v>6.9212391152525887</v>
      </c>
      <c r="E5671" cm="1">
        <f t="array" ref="E5671">IFERROR(INDEX(Jesper!AI$2:AI$366,ROUNDDOWN($C5671/24,0)+1,1)*INDEX($D$3:$AA$30,INDEX(Jesper!$R$2:$R$366,ROW(INDEX(Jesper!AI$2:AI$366,ROUNDDOWN($C5671/24,0)+1,1))-1)+IF('Standard Profiles'!$G$19=$B$10,7,0)+IF('Standard Profiles'!$G$19=$B$17,14,0)+IF('Standard Profiles'!$G$19=$B$24,21,0),MOD($C5671,24)+1)/SUM(INDEX($D$3:$AA$30,INDEX(Jesper!$R$2:$R$366,ROW(INDEX(Jesper!AI$2:AI$366,ROUNDDOWN($C5671/24,0)+1,1))-1)+IF('Standard Profiles'!$G$19=$B$10,7,0)+IF('Standard Profiles'!$G$19=$B$17,14,0)+IF('Standard Profiles'!$G$19=$B$24,21,0),0)),0)</f>
        <v>0</v>
      </c>
      <c r="F5671" cm="1">
        <f t="array" ref="F5671">IFERROR(INDEX(Jesper!AJ$2:AJ$366,ROUNDDOWN($C5671/24,0)+1,1)*INDEX($D$3:$AA$30,INDEX(Jesper!$R$2:$R$366,ROW(INDEX(Jesper!AJ$2:AJ$366,ROUNDDOWN($C5671/24,0)+1,1))-1)+IF('Standard Profiles'!$G$20=$B$10,7,0)+IF('Standard Profiles'!$G$20=$B$17,14,0)+IF('Standard Profiles'!$G$20=$B$24,21,0),MOD($C5671,24)+1)/SUM(INDEX($D$3:$AA$30,INDEX(Jesper!$R$2:$R$366,ROW(INDEX(Jesper!AJ$2:AJ$366,ROUNDDOWN($C5671/24,0)+1,1))-1)+IF('Standard Profiles'!$G$20=$B$10,7,0)+IF('Standard Profiles'!$G$20=$B$17,14,0)+IF('Standard Profiles'!$G$20=$B$24,21,0),0)),0)</f>
        <v>0</v>
      </c>
      <c r="G5671" cm="1">
        <f t="array" ref="G5671">IFERROR(INDEX(Jesper!AK$2:AK$366,ROUNDDOWN($C5671/24,0)+1,1)*INDEX($D$3:$AA$30,INDEX(Jesper!$R$2:$R$366,ROW(INDEX(Jesper!AK$2:AK$366,ROUNDDOWN($C5671/24,0)+1,1))-1)+IF('Standard Profiles'!$G$21=$B$10,7,0)+IF('Standard Profiles'!$G$21=$B$17,14,0)+IF('Standard Profiles'!$G$21=$B$24,21,0),MOD($C5671,24)+1)/SUM(INDEX($D$3:$AA$30,INDEX(Jesper!$R$2:$R$366,ROW(INDEX(Jesper!AK$2:AK$366,ROUNDDOWN($C5671/24,0)+1,1))-1)+IF('Standard Profiles'!$G$21=$B$10,7,0)+IF('Standard Profiles'!$G$21=$B$17,14,0)+IF('Standard Profiles'!$G$21=$B$24,21,0),0)),0)</f>
        <v>0</v>
      </c>
      <c r="H5671" cm="1">
        <f t="array" ref="H5671">IFERROR(INDEX(Jesper!AL$2:AL$366,ROUNDDOWN($C5671/24,0)+1,1)*INDEX($D$3:$AA$30,INDEX(Jesper!$R$2:$R$366,ROW(INDEX(Jesper!AL$2:AL$366,ROUNDDOWN($C5671/24,0)+1,1))-1)+IF('Standard Profiles'!$G$22=$B$10,7,0)+IF('Standard Profiles'!$G$22=$B$17,14,0)+IF('Standard Profiles'!$G$22=$B$24,21,0),MOD($C5671,24)+1)/SUM(INDEX($D$3:$AA$30,INDEX(Jesper!$R$2:$R$366,ROW(INDEX(Jesper!AL$2:AL$366,ROUNDDOWN($C5671/24,0)+1,1))-1)+IF('Standard Profiles'!$G$22=$B$10,7,0)+IF('Standard Profiles'!$G$22=$B$17,14,0)+IF('Standard Profiles'!$G$22=$B$24,21,0),0)),0)</f>
        <v>0</v>
      </c>
      <c r="I5671">
        <f t="shared" si="636"/>
        <v>0.20763717345757765</v>
      </c>
      <c r="J5671">
        <f t="shared" si="637"/>
        <v>0.69212391152525887</v>
      </c>
      <c r="K5671">
        <f t="shared" si="638"/>
        <v>1.0381858672878883</v>
      </c>
      <c r="L5671">
        <f t="shared" si="639"/>
        <v>4.9832921629818641</v>
      </c>
      <c r="M5671">
        <f t="shared" si="640"/>
        <v>0</v>
      </c>
      <c r="N5671" s="46">
        <f t="shared" si="641"/>
        <v>45526.874999986328</v>
      </c>
    </row>
    <row r="5672" spans="2:14" x14ac:dyDescent="0.3">
      <c r="B5672">
        <f t="shared" si="635"/>
        <v>4</v>
      </c>
      <c r="C5672" s="16">
        <v>5638</v>
      </c>
      <c r="D5672" cm="1">
        <f t="array" ref="D5672">IFERROR(INDEX(Jesper!AH$2:AH$366,ROUNDDOWN($C5672/24,0)+1,1)*INDEX($D$3:$AA$30,INDEX(Jesper!$R$2:$R$366,ROW(INDEX(Jesper!AH$2:AH$366,ROUNDDOWN($C5672/24,0)+1,1))-1)+IF('Standard Profiles'!$G$18=$B$10,7,0)+IF('Standard Profiles'!$G$18=$B$17,14,0)+IF('Standard Profiles'!$G$18=$B$24,21,0),MOD($C5672,24)+1)/SUM(INDEX($D$3:$AA$30,INDEX(Jesper!$R$2:$R$366,ROW(INDEX(Jesper!AH$2:AH$366,ROUNDDOWN($C5672/24,0)+1,1))-1)+IF('Standard Profiles'!$G$18=$B$10,7,0)+IF('Standard Profiles'!$G$18=$B$17,14,0)+IF('Standard Profiles'!$G$18=$B$24,21,0),0)),0)</f>
        <v>6.9212391152525887</v>
      </c>
      <c r="E5672" cm="1">
        <f t="array" ref="E5672">IFERROR(INDEX(Jesper!AI$2:AI$366,ROUNDDOWN($C5672/24,0)+1,1)*INDEX($D$3:$AA$30,INDEX(Jesper!$R$2:$R$366,ROW(INDEX(Jesper!AI$2:AI$366,ROUNDDOWN($C5672/24,0)+1,1))-1)+IF('Standard Profiles'!$G$19=$B$10,7,0)+IF('Standard Profiles'!$G$19=$B$17,14,0)+IF('Standard Profiles'!$G$19=$B$24,21,0),MOD($C5672,24)+1)/SUM(INDEX($D$3:$AA$30,INDEX(Jesper!$R$2:$R$366,ROW(INDEX(Jesper!AI$2:AI$366,ROUNDDOWN($C5672/24,0)+1,1))-1)+IF('Standard Profiles'!$G$19=$B$10,7,0)+IF('Standard Profiles'!$G$19=$B$17,14,0)+IF('Standard Profiles'!$G$19=$B$24,21,0),0)),0)</f>
        <v>0</v>
      </c>
      <c r="F5672" cm="1">
        <f t="array" ref="F5672">IFERROR(INDEX(Jesper!AJ$2:AJ$366,ROUNDDOWN($C5672/24,0)+1,1)*INDEX($D$3:$AA$30,INDEX(Jesper!$R$2:$R$366,ROW(INDEX(Jesper!AJ$2:AJ$366,ROUNDDOWN($C5672/24,0)+1,1))-1)+IF('Standard Profiles'!$G$20=$B$10,7,0)+IF('Standard Profiles'!$G$20=$B$17,14,0)+IF('Standard Profiles'!$G$20=$B$24,21,0),MOD($C5672,24)+1)/SUM(INDEX($D$3:$AA$30,INDEX(Jesper!$R$2:$R$366,ROW(INDEX(Jesper!AJ$2:AJ$366,ROUNDDOWN($C5672/24,0)+1,1))-1)+IF('Standard Profiles'!$G$20=$B$10,7,0)+IF('Standard Profiles'!$G$20=$B$17,14,0)+IF('Standard Profiles'!$G$20=$B$24,21,0),0)),0)</f>
        <v>0</v>
      </c>
      <c r="G5672" cm="1">
        <f t="array" ref="G5672">IFERROR(INDEX(Jesper!AK$2:AK$366,ROUNDDOWN($C5672/24,0)+1,1)*INDEX($D$3:$AA$30,INDEX(Jesper!$R$2:$R$366,ROW(INDEX(Jesper!AK$2:AK$366,ROUNDDOWN($C5672/24,0)+1,1))-1)+IF('Standard Profiles'!$G$21=$B$10,7,0)+IF('Standard Profiles'!$G$21=$B$17,14,0)+IF('Standard Profiles'!$G$21=$B$24,21,0),MOD($C5672,24)+1)/SUM(INDEX($D$3:$AA$30,INDEX(Jesper!$R$2:$R$366,ROW(INDEX(Jesper!AK$2:AK$366,ROUNDDOWN($C5672/24,0)+1,1))-1)+IF('Standard Profiles'!$G$21=$B$10,7,0)+IF('Standard Profiles'!$G$21=$B$17,14,0)+IF('Standard Profiles'!$G$21=$B$24,21,0),0)),0)</f>
        <v>0</v>
      </c>
      <c r="H5672" cm="1">
        <f t="array" ref="H5672">IFERROR(INDEX(Jesper!AL$2:AL$366,ROUNDDOWN($C5672/24,0)+1,1)*INDEX($D$3:$AA$30,INDEX(Jesper!$R$2:$R$366,ROW(INDEX(Jesper!AL$2:AL$366,ROUNDDOWN($C5672/24,0)+1,1))-1)+IF('Standard Profiles'!$G$22=$B$10,7,0)+IF('Standard Profiles'!$G$22=$B$17,14,0)+IF('Standard Profiles'!$G$22=$B$24,21,0),MOD($C5672,24)+1)/SUM(INDEX($D$3:$AA$30,INDEX(Jesper!$R$2:$R$366,ROW(INDEX(Jesper!AL$2:AL$366,ROUNDDOWN($C5672/24,0)+1,1))-1)+IF('Standard Profiles'!$G$22=$B$10,7,0)+IF('Standard Profiles'!$G$22=$B$17,14,0)+IF('Standard Profiles'!$G$22=$B$24,21,0),0)),0)</f>
        <v>0</v>
      </c>
      <c r="I5672">
        <f t="shared" si="636"/>
        <v>0.20763717345757765</v>
      </c>
      <c r="J5672">
        <f t="shared" si="637"/>
        <v>0.69212391152525887</v>
      </c>
      <c r="K5672">
        <f t="shared" si="638"/>
        <v>1.0381858672878883</v>
      </c>
      <c r="L5672">
        <f t="shared" si="639"/>
        <v>4.9832921629818641</v>
      </c>
      <c r="M5672">
        <f t="shared" si="640"/>
        <v>0</v>
      </c>
      <c r="N5672" s="46">
        <f t="shared" si="641"/>
        <v>45526.916666652993</v>
      </c>
    </row>
    <row r="5673" spans="2:14" x14ac:dyDescent="0.3">
      <c r="B5673">
        <f t="shared" si="635"/>
        <v>4</v>
      </c>
      <c r="C5673" s="16">
        <v>5639</v>
      </c>
      <c r="D5673" cm="1">
        <f t="array" ref="D5673">IFERROR(INDEX(Jesper!AH$2:AH$366,ROUNDDOWN($C5673/24,0)+1,1)*INDEX($D$3:$AA$30,INDEX(Jesper!$R$2:$R$366,ROW(INDEX(Jesper!AH$2:AH$366,ROUNDDOWN($C5673/24,0)+1,1))-1)+IF('Standard Profiles'!$G$18=$B$10,7,0)+IF('Standard Profiles'!$G$18=$B$17,14,0)+IF('Standard Profiles'!$G$18=$B$24,21,0),MOD($C5673,24)+1)/SUM(INDEX($D$3:$AA$30,INDEX(Jesper!$R$2:$R$366,ROW(INDEX(Jesper!AH$2:AH$366,ROUNDDOWN($C5673/24,0)+1,1))-1)+IF('Standard Profiles'!$G$18=$B$10,7,0)+IF('Standard Profiles'!$G$18=$B$17,14,0)+IF('Standard Profiles'!$G$18=$B$24,21,0),0)),0)</f>
        <v>6.9212391152525887</v>
      </c>
      <c r="E5673" cm="1">
        <f t="array" ref="E5673">IFERROR(INDEX(Jesper!AI$2:AI$366,ROUNDDOWN($C5673/24,0)+1,1)*INDEX($D$3:$AA$30,INDEX(Jesper!$R$2:$R$366,ROW(INDEX(Jesper!AI$2:AI$366,ROUNDDOWN($C5673/24,0)+1,1))-1)+IF('Standard Profiles'!$G$19=$B$10,7,0)+IF('Standard Profiles'!$G$19=$B$17,14,0)+IF('Standard Profiles'!$G$19=$B$24,21,0),MOD($C5673,24)+1)/SUM(INDEX($D$3:$AA$30,INDEX(Jesper!$R$2:$R$366,ROW(INDEX(Jesper!AI$2:AI$366,ROUNDDOWN($C5673/24,0)+1,1))-1)+IF('Standard Profiles'!$G$19=$B$10,7,0)+IF('Standard Profiles'!$G$19=$B$17,14,0)+IF('Standard Profiles'!$G$19=$B$24,21,0),0)),0)</f>
        <v>0</v>
      </c>
      <c r="F5673" cm="1">
        <f t="array" ref="F5673">IFERROR(INDEX(Jesper!AJ$2:AJ$366,ROUNDDOWN($C5673/24,0)+1,1)*INDEX($D$3:$AA$30,INDEX(Jesper!$R$2:$R$366,ROW(INDEX(Jesper!AJ$2:AJ$366,ROUNDDOWN($C5673/24,0)+1,1))-1)+IF('Standard Profiles'!$G$20=$B$10,7,0)+IF('Standard Profiles'!$G$20=$B$17,14,0)+IF('Standard Profiles'!$G$20=$B$24,21,0),MOD($C5673,24)+1)/SUM(INDEX($D$3:$AA$30,INDEX(Jesper!$R$2:$R$366,ROW(INDEX(Jesper!AJ$2:AJ$366,ROUNDDOWN($C5673/24,0)+1,1))-1)+IF('Standard Profiles'!$G$20=$B$10,7,0)+IF('Standard Profiles'!$G$20=$B$17,14,0)+IF('Standard Profiles'!$G$20=$B$24,21,0),0)),0)</f>
        <v>0</v>
      </c>
      <c r="G5673" cm="1">
        <f t="array" ref="G5673">IFERROR(INDEX(Jesper!AK$2:AK$366,ROUNDDOWN($C5673/24,0)+1,1)*INDEX($D$3:$AA$30,INDEX(Jesper!$R$2:$R$366,ROW(INDEX(Jesper!AK$2:AK$366,ROUNDDOWN($C5673/24,0)+1,1))-1)+IF('Standard Profiles'!$G$21=$B$10,7,0)+IF('Standard Profiles'!$G$21=$B$17,14,0)+IF('Standard Profiles'!$G$21=$B$24,21,0),MOD($C5673,24)+1)/SUM(INDEX($D$3:$AA$30,INDEX(Jesper!$R$2:$R$366,ROW(INDEX(Jesper!AK$2:AK$366,ROUNDDOWN($C5673/24,0)+1,1))-1)+IF('Standard Profiles'!$G$21=$B$10,7,0)+IF('Standard Profiles'!$G$21=$B$17,14,0)+IF('Standard Profiles'!$G$21=$B$24,21,0),0)),0)</f>
        <v>0</v>
      </c>
      <c r="H5673" cm="1">
        <f t="array" ref="H5673">IFERROR(INDEX(Jesper!AL$2:AL$366,ROUNDDOWN($C5673/24,0)+1,1)*INDEX($D$3:$AA$30,INDEX(Jesper!$R$2:$R$366,ROW(INDEX(Jesper!AL$2:AL$366,ROUNDDOWN($C5673/24,0)+1,1))-1)+IF('Standard Profiles'!$G$22=$B$10,7,0)+IF('Standard Profiles'!$G$22=$B$17,14,0)+IF('Standard Profiles'!$G$22=$B$24,21,0),MOD($C5673,24)+1)/SUM(INDEX($D$3:$AA$30,INDEX(Jesper!$R$2:$R$366,ROW(INDEX(Jesper!AL$2:AL$366,ROUNDDOWN($C5673/24,0)+1,1))-1)+IF('Standard Profiles'!$G$22=$B$10,7,0)+IF('Standard Profiles'!$G$22=$B$17,14,0)+IF('Standard Profiles'!$G$22=$B$24,21,0),0)),0)</f>
        <v>0</v>
      </c>
      <c r="I5673">
        <f t="shared" si="636"/>
        <v>0.20763717345757765</v>
      </c>
      <c r="J5673">
        <f t="shared" si="637"/>
        <v>0.69212391152525887</v>
      </c>
      <c r="K5673">
        <f t="shared" si="638"/>
        <v>1.0381858672878883</v>
      </c>
      <c r="L5673">
        <f t="shared" si="639"/>
        <v>4.9832921629818641</v>
      </c>
      <c r="M5673">
        <f t="shared" si="640"/>
        <v>0</v>
      </c>
      <c r="N5673" s="46">
        <f t="shared" si="641"/>
        <v>45526.958333319657</v>
      </c>
    </row>
    <row r="5674" spans="2:14" x14ac:dyDescent="0.3">
      <c r="B5674">
        <f t="shared" si="635"/>
        <v>5</v>
      </c>
      <c r="C5674" s="16">
        <v>5640</v>
      </c>
      <c r="D5674" cm="1">
        <f t="array" ref="D5674">IFERROR(INDEX(Jesper!AH$2:AH$366,ROUNDDOWN($C5674/24,0)+1,1)*INDEX($D$3:$AA$30,INDEX(Jesper!$R$2:$R$366,ROW(INDEX(Jesper!AH$2:AH$366,ROUNDDOWN($C5674/24,0)+1,1))-1)+IF('Standard Profiles'!$G$18=$B$10,7,0)+IF('Standard Profiles'!$G$18=$B$17,14,0)+IF('Standard Profiles'!$G$18=$B$24,21,0),MOD($C5674,24)+1)/SUM(INDEX($D$3:$AA$30,INDEX(Jesper!$R$2:$R$366,ROW(INDEX(Jesper!AH$2:AH$366,ROUNDDOWN($C5674/24,0)+1,1))-1)+IF('Standard Profiles'!$G$18=$B$10,7,0)+IF('Standard Profiles'!$G$18=$B$17,14,0)+IF('Standard Profiles'!$G$18=$B$24,21,0),0)),0)</f>
        <v>7.6470499933599179</v>
      </c>
      <c r="E5674" cm="1">
        <f t="array" ref="E5674">IFERROR(INDEX(Jesper!AI$2:AI$366,ROUNDDOWN($C5674/24,0)+1,1)*INDEX($D$3:$AA$30,INDEX(Jesper!$R$2:$R$366,ROW(INDEX(Jesper!AI$2:AI$366,ROUNDDOWN($C5674/24,0)+1,1))-1)+IF('Standard Profiles'!$G$19=$B$10,7,0)+IF('Standard Profiles'!$G$19=$B$17,14,0)+IF('Standard Profiles'!$G$19=$B$24,21,0),MOD($C5674,24)+1)/SUM(INDEX($D$3:$AA$30,INDEX(Jesper!$R$2:$R$366,ROW(INDEX(Jesper!AI$2:AI$366,ROUNDDOWN($C5674/24,0)+1,1))-1)+IF('Standard Profiles'!$G$19=$B$10,7,0)+IF('Standard Profiles'!$G$19=$B$17,14,0)+IF('Standard Profiles'!$G$19=$B$24,21,0),0)),0)</f>
        <v>0</v>
      </c>
      <c r="F5674" cm="1">
        <f t="array" ref="F5674">IFERROR(INDEX(Jesper!AJ$2:AJ$366,ROUNDDOWN($C5674/24,0)+1,1)*INDEX($D$3:$AA$30,INDEX(Jesper!$R$2:$R$366,ROW(INDEX(Jesper!AJ$2:AJ$366,ROUNDDOWN($C5674/24,0)+1,1))-1)+IF('Standard Profiles'!$G$20=$B$10,7,0)+IF('Standard Profiles'!$G$20=$B$17,14,0)+IF('Standard Profiles'!$G$20=$B$24,21,0),MOD($C5674,24)+1)/SUM(INDEX($D$3:$AA$30,INDEX(Jesper!$R$2:$R$366,ROW(INDEX(Jesper!AJ$2:AJ$366,ROUNDDOWN($C5674/24,0)+1,1))-1)+IF('Standard Profiles'!$G$20=$B$10,7,0)+IF('Standard Profiles'!$G$20=$B$17,14,0)+IF('Standard Profiles'!$G$20=$B$24,21,0),0)),0)</f>
        <v>0</v>
      </c>
      <c r="G5674" cm="1">
        <f t="array" ref="G5674">IFERROR(INDEX(Jesper!AK$2:AK$366,ROUNDDOWN($C5674/24,0)+1,1)*INDEX($D$3:$AA$30,INDEX(Jesper!$R$2:$R$366,ROW(INDEX(Jesper!AK$2:AK$366,ROUNDDOWN($C5674/24,0)+1,1))-1)+IF('Standard Profiles'!$G$21=$B$10,7,0)+IF('Standard Profiles'!$G$21=$B$17,14,0)+IF('Standard Profiles'!$G$21=$B$24,21,0),MOD($C5674,24)+1)/SUM(INDEX($D$3:$AA$30,INDEX(Jesper!$R$2:$R$366,ROW(INDEX(Jesper!AK$2:AK$366,ROUNDDOWN($C5674/24,0)+1,1))-1)+IF('Standard Profiles'!$G$21=$B$10,7,0)+IF('Standard Profiles'!$G$21=$B$17,14,0)+IF('Standard Profiles'!$G$21=$B$24,21,0),0)),0)</f>
        <v>0</v>
      </c>
      <c r="H5674" cm="1">
        <f t="array" ref="H5674">IFERROR(INDEX(Jesper!AL$2:AL$366,ROUNDDOWN($C5674/24,0)+1,1)*INDEX($D$3:$AA$30,INDEX(Jesper!$R$2:$R$366,ROW(INDEX(Jesper!AL$2:AL$366,ROUNDDOWN($C5674/24,0)+1,1))-1)+IF('Standard Profiles'!$G$22=$B$10,7,0)+IF('Standard Profiles'!$G$22=$B$17,14,0)+IF('Standard Profiles'!$G$22=$B$24,21,0),MOD($C5674,24)+1)/SUM(INDEX($D$3:$AA$30,INDEX(Jesper!$R$2:$R$366,ROW(INDEX(Jesper!AL$2:AL$366,ROUNDDOWN($C5674/24,0)+1,1))-1)+IF('Standard Profiles'!$G$22=$B$10,7,0)+IF('Standard Profiles'!$G$22=$B$17,14,0)+IF('Standard Profiles'!$G$22=$B$24,21,0),0)),0)</f>
        <v>0</v>
      </c>
      <c r="I5674">
        <f t="shared" si="636"/>
        <v>0.22941149980079753</v>
      </c>
      <c r="J5674">
        <f t="shared" si="637"/>
        <v>0.76470499933599179</v>
      </c>
      <c r="K5674">
        <f t="shared" si="638"/>
        <v>1.1470574990039877</v>
      </c>
      <c r="L5674">
        <f t="shared" si="639"/>
        <v>5.5058759952191405</v>
      </c>
      <c r="M5674">
        <f t="shared" si="640"/>
        <v>0</v>
      </c>
      <c r="N5674" s="46">
        <f t="shared" si="641"/>
        <v>45526.999999986321</v>
      </c>
    </row>
    <row r="5675" spans="2:14" x14ac:dyDescent="0.3">
      <c r="B5675">
        <f t="shared" si="635"/>
        <v>5</v>
      </c>
      <c r="C5675" s="16">
        <v>5641</v>
      </c>
      <c r="D5675" cm="1">
        <f t="array" ref="D5675">IFERROR(INDEX(Jesper!AH$2:AH$366,ROUNDDOWN($C5675/24,0)+1,1)*INDEX($D$3:$AA$30,INDEX(Jesper!$R$2:$R$366,ROW(INDEX(Jesper!AH$2:AH$366,ROUNDDOWN($C5675/24,0)+1,1))-1)+IF('Standard Profiles'!$G$18=$B$10,7,0)+IF('Standard Profiles'!$G$18=$B$17,14,0)+IF('Standard Profiles'!$G$18=$B$24,21,0),MOD($C5675,24)+1)/SUM(INDEX($D$3:$AA$30,INDEX(Jesper!$R$2:$R$366,ROW(INDEX(Jesper!AH$2:AH$366,ROUNDDOWN($C5675/24,0)+1,1))-1)+IF('Standard Profiles'!$G$18=$B$10,7,0)+IF('Standard Profiles'!$G$18=$B$17,14,0)+IF('Standard Profiles'!$G$18=$B$24,21,0),0)),0)</f>
        <v>7.6470499933599179</v>
      </c>
      <c r="E5675" cm="1">
        <f t="array" ref="E5675">IFERROR(INDEX(Jesper!AI$2:AI$366,ROUNDDOWN($C5675/24,0)+1,1)*INDEX($D$3:$AA$30,INDEX(Jesper!$R$2:$R$366,ROW(INDEX(Jesper!AI$2:AI$366,ROUNDDOWN($C5675/24,0)+1,1))-1)+IF('Standard Profiles'!$G$19=$B$10,7,0)+IF('Standard Profiles'!$G$19=$B$17,14,0)+IF('Standard Profiles'!$G$19=$B$24,21,0),MOD($C5675,24)+1)/SUM(INDEX($D$3:$AA$30,INDEX(Jesper!$R$2:$R$366,ROW(INDEX(Jesper!AI$2:AI$366,ROUNDDOWN($C5675/24,0)+1,1))-1)+IF('Standard Profiles'!$G$19=$B$10,7,0)+IF('Standard Profiles'!$G$19=$B$17,14,0)+IF('Standard Profiles'!$G$19=$B$24,21,0),0)),0)</f>
        <v>0</v>
      </c>
      <c r="F5675" cm="1">
        <f t="array" ref="F5675">IFERROR(INDEX(Jesper!AJ$2:AJ$366,ROUNDDOWN($C5675/24,0)+1,1)*INDEX($D$3:$AA$30,INDEX(Jesper!$R$2:$R$366,ROW(INDEX(Jesper!AJ$2:AJ$366,ROUNDDOWN($C5675/24,0)+1,1))-1)+IF('Standard Profiles'!$G$20=$B$10,7,0)+IF('Standard Profiles'!$G$20=$B$17,14,0)+IF('Standard Profiles'!$G$20=$B$24,21,0),MOD($C5675,24)+1)/SUM(INDEX($D$3:$AA$30,INDEX(Jesper!$R$2:$R$366,ROW(INDEX(Jesper!AJ$2:AJ$366,ROUNDDOWN($C5675/24,0)+1,1))-1)+IF('Standard Profiles'!$G$20=$B$10,7,0)+IF('Standard Profiles'!$G$20=$B$17,14,0)+IF('Standard Profiles'!$G$20=$B$24,21,0),0)),0)</f>
        <v>0</v>
      </c>
      <c r="G5675" cm="1">
        <f t="array" ref="G5675">IFERROR(INDEX(Jesper!AK$2:AK$366,ROUNDDOWN($C5675/24,0)+1,1)*INDEX($D$3:$AA$30,INDEX(Jesper!$R$2:$R$366,ROW(INDEX(Jesper!AK$2:AK$366,ROUNDDOWN($C5675/24,0)+1,1))-1)+IF('Standard Profiles'!$G$21=$B$10,7,0)+IF('Standard Profiles'!$G$21=$B$17,14,0)+IF('Standard Profiles'!$G$21=$B$24,21,0),MOD($C5675,24)+1)/SUM(INDEX($D$3:$AA$30,INDEX(Jesper!$R$2:$R$366,ROW(INDEX(Jesper!AK$2:AK$366,ROUNDDOWN($C5675/24,0)+1,1))-1)+IF('Standard Profiles'!$G$21=$B$10,7,0)+IF('Standard Profiles'!$G$21=$B$17,14,0)+IF('Standard Profiles'!$G$21=$B$24,21,0),0)),0)</f>
        <v>0</v>
      </c>
      <c r="H5675" cm="1">
        <f t="array" ref="H5675">IFERROR(INDEX(Jesper!AL$2:AL$366,ROUNDDOWN($C5675/24,0)+1,1)*INDEX($D$3:$AA$30,INDEX(Jesper!$R$2:$R$366,ROW(INDEX(Jesper!AL$2:AL$366,ROUNDDOWN($C5675/24,0)+1,1))-1)+IF('Standard Profiles'!$G$22=$B$10,7,0)+IF('Standard Profiles'!$G$22=$B$17,14,0)+IF('Standard Profiles'!$G$22=$B$24,21,0),MOD($C5675,24)+1)/SUM(INDEX($D$3:$AA$30,INDEX(Jesper!$R$2:$R$366,ROW(INDEX(Jesper!AL$2:AL$366,ROUNDDOWN($C5675/24,0)+1,1))-1)+IF('Standard Profiles'!$G$22=$B$10,7,0)+IF('Standard Profiles'!$G$22=$B$17,14,0)+IF('Standard Profiles'!$G$22=$B$24,21,0),0)),0)</f>
        <v>0</v>
      </c>
      <c r="I5675">
        <f t="shared" si="636"/>
        <v>0.22941149980079753</v>
      </c>
      <c r="J5675">
        <f t="shared" si="637"/>
        <v>0.76470499933599179</v>
      </c>
      <c r="K5675">
        <f t="shared" si="638"/>
        <v>1.1470574990039877</v>
      </c>
      <c r="L5675">
        <f t="shared" si="639"/>
        <v>5.5058759952191405</v>
      </c>
      <c r="M5675">
        <f t="shared" si="640"/>
        <v>0</v>
      </c>
      <c r="N5675" s="46">
        <f t="shared" si="641"/>
        <v>45527.041666652985</v>
      </c>
    </row>
    <row r="5676" spans="2:14" x14ac:dyDescent="0.3">
      <c r="B5676">
        <f t="shared" si="635"/>
        <v>5</v>
      </c>
      <c r="C5676" s="16">
        <v>5642</v>
      </c>
      <c r="D5676" cm="1">
        <f t="array" ref="D5676">IFERROR(INDEX(Jesper!AH$2:AH$366,ROUNDDOWN($C5676/24,0)+1,1)*INDEX($D$3:$AA$30,INDEX(Jesper!$R$2:$R$366,ROW(INDEX(Jesper!AH$2:AH$366,ROUNDDOWN($C5676/24,0)+1,1))-1)+IF('Standard Profiles'!$G$18=$B$10,7,0)+IF('Standard Profiles'!$G$18=$B$17,14,0)+IF('Standard Profiles'!$G$18=$B$24,21,0),MOD($C5676,24)+1)/SUM(INDEX($D$3:$AA$30,INDEX(Jesper!$R$2:$R$366,ROW(INDEX(Jesper!AH$2:AH$366,ROUNDDOWN($C5676/24,0)+1,1))-1)+IF('Standard Profiles'!$G$18=$B$10,7,0)+IF('Standard Profiles'!$G$18=$B$17,14,0)+IF('Standard Profiles'!$G$18=$B$24,21,0),0)),0)</f>
        <v>7.6470499933599179</v>
      </c>
      <c r="E5676" cm="1">
        <f t="array" ref="E5676">IFERROR(INDEX(Jesper!AI$2:AI$366,ROUNDDOWN($C5676/24,0)+1,1)*INDEX($D$3:$AA$30,INDEX(Jesper!$R$2:$R$366,ROW(INDEX(Jesper!AI$2:AI$366,ROUNDDOWN($C5676/24,0)+1,1))-1)+IF('Standard Profiles'!$G$19=$B$10,7,0)+IF('Standard Profiles'!$G$19=$B$17,14,0)+IF('Standard Profiles'!$G$19=$B$24,21,0),MOD($C5676,24)+1)/SUM(INDEX($D$3:$AA$30,INDEX(Jesper!$R$2:$R$366,ROW(INDEX(Jesper!AI$2:AI$366,ROUNDDOWN($C5676/24,0)+1,1))-1)+IF('Standard Profiles'!$G$19=$B$10,7,0)+IF('Standard Profiles'!$G$19=$B$17,14,0)+IF('Standard Profiles'!$G$19=$B$24,21,0),0)),0)</f>
        <v>0</v>
      </c>
      <c r="F5676" cm="1">
        <f t="array" ref="F5676">IFERROR(INDEX(Jesper!AJ$2:AJ$366,ROUNDDOWN($C5676/24,0)+1,1)*INDEX($D$3:$AA$30,INDEX(Jesper!$R$2:$R$366,ROW(INDEX(Jesper!AJ$2:AJ$366,ROUNDDOWN($C5676/24,0)+1,1))-1)+IF('Standard Profiles'!$G$20=$B$10,7,0)+IF('Standard Profiles'!$G$20=$B$17,14,0)+IF('Standard Profiles'!$G$20=$B$24,21,0),MOD($C5676,24)+1)/SUM(INDEX($D$3:$AA$30,INDEX(Jesper!$R$2:$R$366,ROW(INDEX(Jesper!AJ$2:AJ$366,ROUNDDOWN($C5676/24,0)+1,1))-1)+IF('Standard Profiles'!$G$20=$B$10,7,0)+IF('Standard Profiles'!$G$20=$B$17,14,0)+IF('Standard Profiles'!$G$20=$B$24,21,0),0)),0)</f>
        <v>0</v>
      </c>
      <c r="G5676" cm="1">
        <f t="array" ref="G5676">IFERROR(INDEX(Jesper!AK$2:AK$366,ROUNDDOWN($C5676/24,0)+1,1)*INDEX($D$3:$AA$30,INDEX(Jesper!$R$2:$R$366,ROW(INDEX(Jesper!AK$2:AK$366,ROUNDDOWN($C5676/24,0)+1,1))-1)+IF('Standard Profiles'!$G$21=$B$10,7,0)+IF('Standard Profiles'!$G$21=$B$17,14,0)+IF('Standard Profiles'!$G$21=$B$24,21,0),MOD($C5676,24)+1)/SUM(INDEX($D$3:$AA$30,INDEX(Jesper!$R$2:$R$366,ROW(INDEX(Jesper!AK$2:AK$366,ROUNDDOWN($C5676/24,0)+1,1))-1)+IF('Standard Profiles'!$G$21=$B$10,7,0)+IF('Standard Profiles'!$G$21=$B$17,14,0)+IF('Standard Profiles'!$G$21=$B$24,21,0),0)),0)</f>
        <v>0</v>
      </c>
      <c r="H5676" cm="1">
        <f t="array" ref="H5676">IFERROR(INDEX(Jesper!AL$2:AL$366,ROUNDDOWN($C5676/24,0)+1,1)*INDEX($D$3:$AA$30,INDEX(Jesper!$R$2:$R$366,ROW(INDEX(Jesper!AL$2:AL$366,ROUNDDOWN($C5676/24,0)+1,1))-1)+IF('Standard Profiles'!$G$22=$B$10,7,0)+IF('Standard Profiles'!$G$22=$B$17,14,0)+IF('Standard Profiles'!$G$22=$B$24,21,0),MOD($C5676,24)+1)/SUM(INDEX($D$3:$AA$30,INDEX(Jesper!$R$2:$R$366,ROW(INDEX(Jesper!AL$2:AL$366,ROUNDDOWN($C5676/24,0)+1,1))-1)+IF('Standard Profiles'!$G$22=$B$10,7,0)+IF('Standard Profiles'!$G$22=$B$17,14,0)+IF('Standard Profiles'!$G$22=$B$24,21,0),0)),0)</f>
        <v>0</v>
      </c>
      <c r="I5676">
        <f t="shared" si="636"/>
        <v>0.22941149980079753</v>
      </c>
      <c r="J5676">
        <f t="shared" si="637"/>
        <v>0.76470499933599179</v>
      </c>
      <c r="K5676">
        <f t="shared" si="638"/>
        <v>1.1470574990039877</v>
      </c>
      <c r="L5676">
        <f t="shared" si="639"/>
        <v>5.5058759952191405</v>
      </c>
      <c r="M5676">
        <f t="shared" si="640"/>
        <v>0</v>
      </c>
      <c r="N5676" s="46">
        <f t="shared" si="641"/>
        <v>45527.08333331965</v>
      </c>
    </row>
    <row r="5677" spans="2:14" x14ac:dyDescent="0.3">
      <c r="B5677">
        <f t="shared" si="635"/>
        <v>5</v>
      </c>
      <c r="C5677" s="16">
        <v>5643</v>
      </c>
      <c r="D5677" cm="1">
        <f t="array" ref="D5677">IFERROR(INDEX(Jesper!AH$2:AH$366,ROUNDDOWN($C5677/24,0)+1,1)*INDEX($D$3:$AA$30,INDEX(Jesper!$R$2:$R$366,ROW(INDEX(Jesper!AH$2:AH$366,ROUNDDOWN($C5677/24,0)+1,1))-1)+IF('Standard Profiles'!$G$18=$B$10,7,0)+IF('Standard Profiles'!$G$18=$B$17,14,0)+IF('Standard Profiles'!$G$18=$B$24,21,0),MOD($C5677,24)+1)/SUM(INDEX($D$3:$AA$30,INDEX(Jesper!$R$2:$R$366,ROW(INDEX(Jesper!AH$2:AH$366,ROUNDDOWN($C5677/24,0)+1,1))-1)+IF('Standard Profiles'!$G$18=$B$10,7,0)+IF('Standard Profiles'!$G$18=$B$17,14,0)+IF('Standard Profiles'!$G$18=$B$24,21,0),0)),0)</f>
        <v>7.6470499933599179</v>
      </c>
      <c r="E5677" cm="1">
        <f t="array" ref="E5677">IFERROR(INDEX(Jesper!AI$2:AI$366,ROUNDDOWN($C5677/24,0)+1,1)*INDEX($D$3:$AA$30,INDEX(Jesper!$R$2:$R$366,ROW(INDEX(Jesper!AI$2:AI$366,ROUNDDOWN($C5677/24,0)+1,1))-1)+IF('Standard Profiles'!$G$19=$B$10,7,0)+IF('Standard Profiles'!$G$19=$B$17,14,0)+IF('Standard Profiles'!$G$19=$B$24,21,0),MOD($C5677,24)+1)/SUM(INDEX($D$3:$AA$30,INDEX(Jesper!$R$2:$R$366,ROW(INDEX(Jesper!AI$2:AI$366,ROUNDDOWN($C5677/24,0)+1,1))-1)+IF('Standard Profiles'!$G$19=$B$10,7,0)+IF('Standard Profiles'!$G$19=$B$17,14,0)+IF('Standard Profiles'!$G$19=$B$24,21,0),0)),0)</f>
        <v>0</v>
      </c>
      <c r="F5677" cm="1">
        <f t="array" ref="F5677">IFERROR(INDEX(Jesper!AJ$2:AJ$366,ROUNDDOWN($C5677/24,0)+1,1)*INDEX($D$3:$AA$30,INDEX(Jesper!$R$2:$R$366,ROW(INDEX(Jesper!AJ$2:AJ$366,ROUNDDOWN($C5677/24,0)+1,1))-1)+IF('Standard Profiles'!$G$20=$B$10,7,0)+IF('Standard Profiles'!$G$20=$B$17,14,0)+IF('Standard Profiles'!$G$20=$B$24,21,0),MOD($C5677,24)+1)/SUM(INDEX($D$3:$AA$30,INDEX(Jesper!$R$2:$R$366,ROW(INDEX(Jesper!AJ$2:AJ$366,ROUNDDOWN($C5677/24,0)+1,1))-1)+IF('Standard Profiles'!$G$20=$B$10,7,0)+IF('Standard Profiles'!$G$20=$B$17,14,0)+IF('Standard Profiles'!$G$20=$B$24,21,0),0)),0)</f>
        <v>0</v>
      </c>
      <c r="G5677" cm="1">
        <f t="array" ref="G5677">IFERROR(INDEX(Jesper!AK$2:AK$366,ROUNDDOWN($C5677/24,0)+1,1)*INDEX($D$3:$AA$30,INDEX(Jesper!$R$2:$R$366,ROW(INDEX(Jesper!AK$2:AK$366,ROUNDDOWN($C5677/24,0)+1,1))-1)+IF('Standard Profiles'!$G$21=$B$10,7,0)+IF('Standard Profiles'!$G$21=$B$17,14,0)+IF('Standard Profiles'!$G$21=$B$24,21,0),MOD($C5677,24)+1)/SUM(INDEX($D$3:$AA$30,INDEX(Jesper!$R$2:$R$366,ROW(INDEX(Jesper!AK$2:AK$366,ROUNDDOWN($C5677/24,0)+1,1))-1)+IF('Standard Profiles'!$G$21=$B$10,7,0)+IF('Standard Profiles'!$G$21=$B$17,14,0)+IF('Standard Profiles'!$G$21=$B$24,21,0),0)),0)</f>
        <v>0</v>
      </c>
      <c r="H5677" cm="1">
        <f t="array" ref="H5677">IFERROR(INDEX(Jesper!AL$2:AL$366,ROUNDDOWN($C5677/24,0)+1,1)*INDEX($D$3:$AA$30,INDEX(Jesper!$R$2:$R$366,ROW(INDEX(Jesper!AL$2:AL$366,ROUNDDOWN($C5677/24,0)+1,1))-1)+IF('Standard Profiles'!$G$22=$B$10,7,0)+IF('Standard Profiles'!$G$22=$B$17,14,0)+IF('Standard Profiles'!$G$22=$B$24,21,0),MOD($C5677,24)+1)/SUM(INDEX($D$3:$AA$30,INDEX(Jesper!$R$2:$R$366,ROW(INDEX(Jesper!AL$2:AL$366,ROUNDDOWN($C5677/24,0)+1,1))-1)+IF('Standard Profiles'!$G$22=$B$10,7,0)+IF('Standard Profiles'!$G$22=$B$17,14,0)+IF('Standard Profiles'!$G$22=$B$24,21,0),0)),0)</f>
        <v>0</v>
      </c>
      <c r="I5677">
        <f t="shared" si="636"/>
        <v>0.22941149980079753</v>
      </c>
      <c r="J5677">
        <f t="shared" si="637"/>
        <v>0.76470499933599179</v>
      </c>
      <c r="K5677">
        <f t="shared" si="638"/>
        <v>1.1470574990039877</v>
      </c>
      <c r="L5677">
        <f t="shared" si="639"/>
        <v>5.5058759952191405</v>
      </c>
      <c r="M5677">
        <f t="shared" si="640"/>
        <v>0</v>
      </c>
      <c r="N5677" s="46">
        <f t="shared" si="641"/>
        <v>45527.124999986314</v>
      </c>
    </row>
    <row r="5678" spans="2:14" x14ac:dyDescent="0.3">
      <c r="B5678">
        <f t="shared" si="635"/>
        <v>5</v>
      </c>
      <c r="C5678" s="16">
        <v>5644</v>
      </c>
      <c r="D5678" cm="1">
        <f t="array" ref="D5678">IFERROR(INDEX(Jesper!AH$2:AH$366,ROUNDDOWN($C5678/24,0)+1,1)*INDEX($D$3:$AA$30,INDEX(Jesper!$R$2:$R$366,ROW(INDEX(Jesper!AH$2:AH$366,ROUNDDOWN($C5678/24,0)+1,1))-1)+IF('Standard Profiles'!$G$18=$B$10,7,0)+IF('Standard Profiles'!$G$18=$B$17,14,0)+IF('Standard Profiles'!$G$18=$B$24,21,0),MOD($C5678,24)+1)/SUM(INDEX($D$3:$AA$30,INDEX(Jesper!$R$2:$R$366,ROW(INDEX(Jesper!AH$2:AH$366,ROUNDDOWN($C5678/24,0)+1,1))-1)+IF('Standard Profiles'!$G$18=$B$10,7,0)+IF('Standard Profiles'!$G$18=$B$17,14,0)+IF('Standard Profiles'!$G$18=$B$24,21,0),0)),0)</f>
        <v>7.6470499933599179</v>
      </c>
      <c r="E5678" cm="1">
        <f t="array" ref="E5678">IFERROR(INDEX(Jesper!AI$2:AI$366,ROUNDDOWN($C5678/24,0)+1,1)*INDEX($D$3:$AA$30,INDEX(Jesper!$R$2:$R$366,ROW(INDEX(Jesper!AI$2:AI$366,ROUNDDOWN($C5678/24,0)+1,1))-1)+IF('Standard Profiles'!$G$19=$B$10,7,0)+IF('Standard Profiles'!$G$19=$B$17,14,0)+IF('Standard Profiles'!$G$19=$B$24,21,0),MOD($C5678,24)+1)/SUM(INDEX($D$3:$AA$30,INDEX(Jesper!$R$2:$R$366,ROW(INDEX(Jesper!AI$2:AI$366,ROUNDDOWN($C5678/24,0)+1,1))-1)+IF('Standard Profiles'!$G$19=$B$10,7,0)+IF('Standard Profiles'!$G$19=$B$17,14,0)+IF('Standard Profiles'!$G$19=$B$24,21,0),0)),0)</f>
        <v>0</v>
      </c>
      <c r="F5678" cm="1">
        <f t="array" ref="F5678">IFERROR(INDEX(Jesper!AJ$2:AJ$366,ROUNDDOWN($C5678/24,0)+1,1)*INDEX($D$3:$AA$30,INDEX(Jesper!$R$2:$R$366,ROW(INDEX(Jesper!AJ$2:AJ$366,ROUNDDOWN($C5678/24,0)+1,1))-1)+IF('Standard Profiles'!$G$20=$B$10,7,0)+IF('Standard Profiles'!$G$20=$B$17,14,0)+IF('Standard Profiles'!$G$20=$B$24,21,0),MOD($C5678,24)+1)/SUM(INDEX($D$3:$AA$30,INDEX(Jesper!$R$2:$R$366,ROW(INDEX(Jesper!AJ$2:AJ$366,ROUNDDOWN($C5678/24,0)+1,1))-1)+IF('Standard Profiles'!$G$20=$B$10,7,0)+IF('Standard Profiles'!$G$20=$B$17,14,0)+IF('Standard Profiles'!$G$20=$B$24,21,0),0)),0)</f>
        <v>0</v>
      </c>
      <c r="G5678" cm="1">
        <f t="array" ref="G5678">IFERROR(INDEX(Jesper!AK$2:AK$366,ROUNDDOWN($C5678/24,0)+1,1)*INDEX($D$3:$AA$30,INDEX(Jesper!$R$2:$R$366,ROW(INDEX(Jesper!AK$2:AK$366,ROUNDDOWN($C5678/24,0)+1,1))-1)+IF('Standard Profiles'!$G$21=$B$10,7,0)+IF('Standard Profiles'!$G$21=$B$17,14,0)+IF('Standard Profiles'!$G$21=$B$24,21,0),MOD($C5678,24)+1)/SUM(INDEX($D$3:$AA$30,INDEX(Jesper!$R$2:$R$366,ROW(INDEX(Jesper!AK$2:AK$366,ROUNDDOWN($C5678/24,0)+1,1))-1)+IF('Standard Profiles'!$G$21=$B$10,7,0)+IF('Standard Profiles'!$G$21=$B$17,14,0)+IF('Standard Profiles'!$G$21=$B$24,21,0),0)),0)</f>
        <v>0</v>
      </c>
      <c r="H5678" cm="1">
        <f t="array" ref="H5678">IFERROR(INDEX(Jesper!AL$2:AL$366,ROUNDDOWN($C5678/24,0)+1,1)*INDEX($D$3:$AA$30,INDEX(Jesper!$R$2:$R$366,ROW(INDEX(Jesper!AL$2:AL$366,ROUNDDOWN($C5678/24,0)+1,1))-1)+IF('Standard Profiles'!$G$22=$B$10,7,0)+IF('Standard Profiles'!$G$22=$B$17,14,0)+IF('Standard Profiles'!$G$22=$B$24,21,0),MOD($C5678,24)+1)/SUM(INDEX($D$3:$AA$30,INDEX(Jesper!$R$2:$R$366,ROW(INDEX(Jesper!AL$2:AL$366,ROUNDDOWN($C5678/24,0)+1,1))-1)+IF('Standard Profiles'!$G$22=$B$10,7,0)+IF('Standard Profiles'!$G$22=$B$17,14,0)+IF('Standard Profiles'!$G$22=$B$24,21,0),0)),0)</f>
        <v>0</v>
      </c>
      <c r="I5678">
        <f t="shared" si="636"/>
        <v>0.22941149980079753</v>
      </c>
      <c r="J5678">
        <f t="shared" si="637"/>
        <v>0.76470499933599179</v>
      </c>
      <c r="K5678">
        <f t="shared" si="638"/>
        <v>1.1470574990039877</v>
      </c>
      <c r="L5678">
        <f t="shared" si="639"/>
        <v>5.5058759952191405</v>
      </c>
      <c r="M5678">
        <f t="shared" si="640"/>
        <v>0</v>
      </c>
      <c r="N5678" s="46">
        <f t="shared" si="641"/>
        <v>45527.166666652978</v>
      </c>
    </row>
    <row r="5679" spans="2:14" x14ac:dyDescent="0.3">
      <c r="B5679">
        <f t="shared" si="635"/>
        <v>5</v>
      </c>
      <c r="C5679" s="16">
        <v>5645</v>
      </c>
      <c r="D5679" cm="1">
        <f t="array" ref="D5679">IFERROR(INDEX(Jesper!AH$2:AH$366,ROUNDDOWN($C5679/24,0)+1,1)*INDEX($D$3:$AA$30,INDEX(Jesper!$R$2:$R$366,ROW(INDEX(Jesper!AH$2:AH$366,ROUNDDOWN($C5679/24,0)+1,1))-1)+IF('Standard Profiles'!$G$18=$B$10,7,0)+IF('Standard Profiles'!$G$18=$B$17,14,0)+IF('Standard Profiles'!$G$18=$B$24,21,0),MOD($C5679,24)+1)/SUM(INDEX($D$3:$AA$30,INDEX(Jesper!$R$2:$R$366,ROW(INDEX(Jesper!AH$2:AH$366,ROUNDDOWN($C5679/24,0)+1,1))-1)+IF('Standard Profiles'!$G$18=$B$10,7,0)+IF('Standard Profiles'!$G$18=$B$17,14,0)+IF('Standard Profiles'!$G$18=$B$24,21,0),0)),0)</f>
        <v>9.8561977692194507</v>
      </c>
      <c r="E5679" cm="1">
        <f t="array" ref="E5679">IFERROR(INDEX(Jesper!AI$2:AI$366,ROUNDDOWN($C5679/24,0)+1,1)*INDEX($D$3:$AA$30,INDEX(Jesper!$R$2:$R$366,ROW(INDEX(Jesper!AI$2:AI$366,ROUNDDOWN($C5679/24,0)+1,1))-1)+IF('Standard Profiles'!$G$19=$B$10,7,0)+IF('Standard Profiles'!$G$19=$B$17,14,0)+IF('Standard Profiles'!$G$19=$B$24,21,0),MOD($C5679,24)+1)/SUM(INDEX($D$3:$AA$30,INDEX(Jesper!$R$2:$R$366,ROW(INDEX(Jesper!AI$2:AI$366,ROUNDDOWN($C5679/24,0)+1,1))-1)+IF('Standard Profiles'!$G$19=$B$10,7,0)+IF('Standard Profiles'!$G$19=$B$17,14,0)+IF('Standard Profiles'!$G$19=$B$24,21,0),0)),0)</f>
        <v>0</v>
      </c>
      <c r="F5679" cm="1">
        <f t="array" ref="F5679">IFERROR(INDEX(Jesper!AJ$2:AJ$366,ROUNDDOWN($C5679/24,0)+1,1)*INDEX($D$3:$AA$30,INDEX(Jesper!$R$2:$R$366,ROW(INDEX(Jesper!AJ$2:AJ$366,ROUNDDOWN($C5679/24,0)+1,1))-1)+IF('Standard Profiles'!$G$20=$B$10,7,0)+IF('Standard Profiles'!$G$20=$B$17,14,0)+IF('Standard Profiles'!$G$20=$B$24,21,0),MOD($C5679,24)+1)/SUM(INDEX($D$3:$AA$30,INDEX(Jesper!$R$2:$R$366,ROW(INDEX(Jesper!AJ$2:AJ$366,ROUNDDOWN($C5679/24,0)+1,1))-1)+IF('Standard Profiles'!$G$20=$B$10,7,0)+IF('Standard Profiles'!$G$20=$B$17,14,0)+IF('Standard Profiles'!$G$20=$B$24,21,0),0)),0)</f>
        <v>0</v>
      </c>
      <c r="G5679" cm="1">
        <f t="array" ref="G5679">IFERROR(INDEX(Jesper!AK$2:AK$366,ROUNDDOWN($C5679/24,0)+1,1)*INDEX($D$3:$AA$30,INDEX(Jesper!$R$2:$R$366,ROW(INDEX(Jesper!AK$2:AK$366,ROUNDDOWN($C5679/24,0)+1,1))-1)+IF('Standard Profiles'!$G$21=$B$10,7,0)+IF('Standard Profiles'!$G$21=$B$17,14,0)+IF('Standard Profiles'!$G$21=$B$24,21,0),MOD($C5679,24)+1)/SUM(INDEX($D$3:$AA$30,INDEX(Jesper!$R$2:$R$366,ROW(INDEX(Jesper!AK$2:AK$366,ROUNDDOWN($C5679/24,0)+1,1))-1)+IF('Standard Profiles'!$G$21=$B$10,7,0)+IF('Standard Profiles'!$G$21=$B$17,14,0)+IF('Standard Profiles'!$G$21=$B$24,21,0),0)),0)</f>
        <v>0</v>
      </c>
      <c r="H5679" cm="1">
        <f t="array" ref="H5679">IFERROR(INDEX(Jesper!AL$2:AL$366,ROUNDDOWN($C5679/24,0)+1,1)*INDEX($D$3:$AA$30,INDEX(Jesper!$R$2:$R$366,ROW(INDEX(Jesper!AL$2:AL$366,ROUNDDOWN($C5679/24,0)+1,1))-1)+IF('Standard Profiles'!$G$22=$B$10,7,0)+IF('Standard Profiles'!$G$22=$B$17,14,0)+IF('Standard Profiles'!$G$22=$B$24,21,0),MOD($C5679,24)+1)/SUM(INDEX($D$3:$AA$30,INDEX(Jesper!$R$2:$R$366,ROW(INDEX(Jesper!AL$2:AL$366,ROUNDDOWN($C5679/24,0)+1,1))-1)+IF('Standard Profiles'!$G$22=$B$10,7,0)+IF('Standard Profiles'!$G$22=$B$17,14,0)+IF('Standard Profiles'!$G$22=$B$24,21,0),0)),0)</f>
        <v>0</v>
      </c>
      <c r="I5679">
        <f t="shared" si="636"/>
        <v>0.29568593307658353</v>
      </c>
      <c r="J5679">
        <f t="shared" si="637"/>
        <v>0.98561977692194513</v>
      </c>
      <c r="K5679">
        <f t="shared" si="638"/>
        <v>1.4784296653829176</v>
      </c>
      <c r="L5679">
        <f t="shared" si="639"/>
        <v>7.0964623938380038</v>
      </c>
      <c r="M5679">
        <f t="shared" si="640"/>
        <v>0</v>
      </c>
      <c r="N5679" s="46">
        <f t="shared" si="641"/>
        <v>45527.208333319642</v>
      </c>
    </row>
    <row r="5680" spans="2:14" x14ac:dyDescent="0.3">
      <c r="B5680">
        <f t="shared" si="635"/>
        <v>5</v>
      </c>
      <c r="C5680" s="16">
        <v>5646</v>
      </c>
      <c r="D5680" cm="1">
        <f t="array" ref="D5680">IFERROR(INDEX(Jesper!AH$2:AH$366,ROUNDDOWN($C5680/24,0)+1,1)*INDEX($D$3:$AA$30,INDEX(Jesper!$R$2:$R$366,ROW(INDEX(Jesper!AH$2:AH$366,ROUNDDOWN($C5680/24,0)+1,1))-1)+IF('Standard Profiles'!$G$18=$B$10,7,0)+IF('Standard Profiles'!$G$18=$B$17,14,0)+IF('Standard Profiles'!$G$18=$B$24,21,0),MOD($C5680,24)+1)/SUM(INDEX($D$3:$AA$30,INDEX(Jesper!$R$2:$R$366,ROW(INDEX(Jesper!AH$2:AH$366,ROUNDDOWN($C5680/24,0)+1,1))-1)+IF('Standard Profiles'!$G$18=$B$10,7,0)+IF('Standard Profiles'!$G$18=$B$17,14,0)+IF('Standard Profiles'!$G$18=$B$24,21,0),0)),0)</f>
        <v>11.895411100782097</v>
      </c>
      <c r="E5680" cm="1">
        <f t="array" ref="E5680">IFERROR(INDEX(Jesper!AI$2:AI$366,ROUNDDOWN($C5680/24,0)+1,1)*INDEX($D$3:$AA$30,INDEX(Jesper!$R$2:$R$366,ROW(INDEX(Jesper!AI$2:AI$366,ROUNDDOWN($C5680/24,0)+1,1))-1)+IF('Standard Profiles'!$G$19=$B$10,7,0)+IF('Standard Profiles'!$G$19=$B$17,14,0)+IF('Standard Profiles'!$G$19=$B$24,21,0),MOD($C5680,24)+1)/SUM(INDEX($D$3:$AA$30,INDEX(Jesper!$R$2:$R$366,ROW(INDEX(Jesper!AI$2:AI$366,ROUNDDOWN($C5680/24,0)+1,1))-1)+IF('Standard Profiles'!$G$19=$B$10,7,0)+IF('Standard Profiles'!$G$19=$B$17,14,0)+IF('Standard Profiles'!$G$19=$B$24,21,0),0)),0)</f>
        <v>0</v>
      </c>
      <c r="F5680" cm="1">
        <f t="array" ref="F5680">IFERROR(INDEX(Jesper!AJ$2:AJ$366,ROUNDDOWN($C5680/24,0)+1,1)*INDEX($D$3:$AA$30,INDEX(Jesper!$R$2:$R$366,ROW(INDEX(Jesper!AJ$2:AJ$366,ROUNDDOWN($C5680/24,0)+1,1))-1)+IF('Standard Profiles'!$G$20=$B$10,7,0)+IF('Standard Profiles'!$G$20=$B$17,14,0)+IF('Standard Profiles'!$G$20=$B$24,21,0),MOD($C5680,24)+1)/SUM(INDEX($D$3:$AA$30,INDEX(Jesper!$R$2:$R$366,ROW(INDEX(Jesper!AJ$2:AJ$366,ROUNDDOWN($C5680/24,0)+1,1))-1)+IF('Standard Profiles'!$G$20=$B$10,7,0)+IF('Standard Profiles'!$G$20=$B$17,14,0)+IF('Standard Profiles'!$G$20=$B$24,21,0),0)),0)</f>
        <v>0</v>
      </c>
      <c r="G5680" cm="1">
        <f t="array" ref="G5680">IFERROR(INDEX(Jesper!AK$2:AK$366,ROUNDDOWN($C5680/24,0)+1,1)*INDEX($D$3:$AA$30,INDEX(Jesper!$R$2:$R$366,ROW(INDEX(Jesper!AK$2:AK$366,ROUNDDOWN($C5680/24,0)+1,1))-1)+IF('Standard Profiles'!$G$21=$B$10,7,0)+IF('Standard Profiles'!$G$21=$B$17,14,0)+IF('Standard Profiles'!$G$21=$B$24,21,0),MOD($C5680,24)+1)/SUM(INDEX($D$3:$AA$30,INDEX(Jesper!$R$2:$R$366,ROW(INDEX(Jesper!AK$2:AK$366,ROUNDDOWN($C5680/24,0)+1,1))-1)+IF('Standard Profiles'!$G$21=$B$10,7,0)+IF('Standard Profiles'!$G$21=$B$17,14,0)+IF('Standard Profiles'!$G$21=$B$24,21,0),0)),0)</f>
        <v>0</v>
      </c>
      <c r="H5680" cm="1">
        <f t="array" ref="H5680">IFERROR(INDEX(Jesper!AL$2:AL$366,ROUNDDOWN($C5680/24,0)+1,1)*INDEX($D$3:$AA$30,INDEX(Jesper!$R$2:$R$366,ROW(INDEX(Jesper!AL$2:AL$366,ROUNDDOWN($C5680/24,0)+1,1))-1)+IF('Standard Profiles'!$G$22=$B$10,7,0)+IF('Standard Profiles'!$G$22=$B$17,14,0)+IF('Standard Profiles'!$G$22=$B$24,21,0),MOD($C5680,24)+1)/SUM(INDEX($D$3:$AA$30,INDEX(Jesper!$R$2:$R$366,ROW(INDEX(Jesper!AL$2:AL$366,ROUNDDOWN($C5680/24,0)+1,1))-1)+IF('Standard Profiles'!$G$22=$B$10,7,0)+IF('Standard Profiles'!$G$22=$B$17,14,0)+IF('Standard Profiles'!$G$22=$B$24,21,0),0)),0)</f>
        <v>0</v>
      </c>
      <c r="I5680">
        <f t="shared" si="636"/>
        <v>0.35686233302346287</v>
      </c>
      <c r="J5680">
        <f t="shared" si="637"/>
        <v>1.1895411100782096</v>
      </c>
      <c r="K5680">
        <f t="shared" si="638"/>
        <v>1.7843116651173145</v>
      </c>
      <c r="L5680">
        <f t="shared" si="639"/>
        <v>8.5646959925631094</v>
      </c>
      <c r="M5680">
        <f t="shared" si="640"/>
        <v>0</v>
      </c>
      <c r="N5680" s="46">
        <f t="shared" si="641"/>
        <v>45527.249999986307</v>
      </c>
    </row>
    <row r="5681" spans="2:14" x14ac:dyDescent="0.3">
      <c r="B5681">
        <f t="shared" si="635"/>
        <v>5</v>
      </c>
      <c r="C5681" s="16">
        <v>5647</v>
      </c>
      <c r="D5681" cm="1">
        <f t="array" ref="D5681">IFERROR(INDEX(Jesper!AH$2:AH$366,ROUNDDOWN($C5681/24,0)+1,1)*INDEX($D$3:$AA$30,INDEX(Jesper!$R$2:$R$366,ROW(INDEX(Jesper!AH$2:AH$366,ROUNDDOWN($C5681/24,0)+1,1))-1)+IF('Standard Profiles'!$G$18=$B$10,7,0)+IF('Standard Profiles'!$G$18=$B$17,14,0)+IF('Standard Profiles'!$G$18=$B$24,21,0),MOD($C5681,24)+1)/SUM(INDEX($D$3:$AA$30,INDEX(Jesper!$R$2:$R$366,ROW(INDEX(Jesper!AH$2:AH$366,ROUNDDOWN($C5681/24,0)+1,1))-1)+IF('Standard Profiles'!$G$18=$B$10,7,0)+IF('Standard Profiles'!$G$18=$B$17,14,0)+IF('Standard Profiles'!$G$18=$B$24,21,0),0)),0)</f>
        <v>11.895411100782097</v>
      </c>
      <c r="E5681" cm="1">
        <f t="array" ref="E5681">IFERROR(INDEX(Jesper!AI$2:AI$366,ROUNDDOWN($C5681/24,0)+1,1)*INDEX($D$3:$AA$30,INDEX(Jesper!$R$2:$R$366,ROW(INDEX(Jesper!AI$2:AI$366,ROUNDDOWN($C5681/24,0)+1,1))-1)+IF('Standard Profiles'!$G$19=$B$10,7,0)+IF('Standard Profiles'!$G$19=$B$17,14,0)+IF('Standard Profiles'!$G$19=$B$24,21,0),MOD($C5681,24)+1)/SUM(INDEX($D$3:$AA$30,INDEX(Jesper!$R$2:$R$366,ROW(INDEX(Jesper!AI$2:AI$366,ROUNDDOWN($C5681/24,0)+1,1))-1)+IF('Standard Profiles'!$G$19=$B$10,7,0)+IF('Standard Profiles'!$G$19=$B$17,14,0)+IF('Standard Profiles'!$G$19=$B$24,21,0),0)),0)</f>
        <v>0</v>
      </c>
      <c r="F5681" cm="1">
        <f t="array" ref="F5681">IFERROR(INDEX(Jesper!AJ$2:AJ$366,ROUNDDOWN($C5681/24,0)+1,1)*INDEX($D$3:$AA$30,INDEX(Jesper!$R$2:$R$366,ROW(INDEX(Jesper!AJ$2:AJ$366,ROUNDDOWN($C5681/24,0)+1,1))-1)+IF('Standard Profiles'!$G$20=$B$10,7,0)+IF('Standard Profiles'!$G$20=$B$17,14,0)+IF('Standard Profiles'!$G$20=$B$24,21,0),MOD($C5681,24)+1)/SUM(INDEX($D$3:$AA$30,INDEX(Jesper!$R$2:$R$366,ROW(INDEX(Jesper!AJ$2:AJ$366,ROUNDDOWN($C5681/24,0)+1,1))-1)+IF('Standard Profiles'!$G$20=$B$10,7,0)+IF('Standard Profiles'!$G$20=$B$17,14,0)+IF('Standard Profiles'!$G$20=$B$24,21,0),0)),0)</f>
        <v>0</v>
      </c>
      <c r="G5681" cm="1">
        <f t="array" ref="G5681">IFERROR(INDEX(Jesper!AK$2:AK$366,ROUNDDOWN($C5681/24,0)+1,1)*INDEX($D$3:$AA$30,INDEX(Jesper!$R$2:$R$366,ROW(INDEX(Jesper!AK$2:AK$366,ROUNDDOWN($C5681/24,0)+1,1))-1)+IF('Standard Profiles'!$G$21=$B$10,7,0)+IF('Standard Profiles'!$G$21=$B$17,14,0)+IF('Standard Profiles'!$G$21=$B$24,21,0),MOD($C5681,24)+1)/SUM(INDEX($D$3:$AA$30,INDEX(Jesper!$R$2:$R$366,ROW(INDEX(Jesper!AK$2:AK$366,ROUNDDOWN($C5681/24,0)+1,1))-1)+IF('Standard Profiles'!$G$21=$B$10,7,0)+IF('Standard Profiles'!$G$21=$B$17,14,0)+IF('Standard Profiles'!$G$21=$B$24,21,0),0)),0)</f>
        <v>0</v>
      </c>
      <c r="H5681" cm="1">
        <f t="array" ref="H5681">IFERROR(INDEX(Jesper!AL$2:AL$366,ROUNDDOWN($C5681/24,0)+1,1)*INDEX($D$3:$AA$30,INDEX(Jesper!$R$2:$R$366,ROW(INDEX(Jesper!AL$2:AL$366,ROUNDDOWN($C5681/24,0)+1,1))-1)+IF('Standard Profiles'!$G$22=$B$10,7,0)+IF('Standard Profiles'!$G$22=$B$17,14,0)+IF('Standard Profiles'!$G$22=$B$24,21,0),MOD($C5681,24)+1)/SUM(INDEX($D$3:$AA$30,INDEX(Jesper!$R$2:$R$366,ROW(INDEX(Jesper!AL$2:AL$366,ROUNDDOWN($C5681/24,0)+1,1))-1)+IF('Standard Profiles'!$G$22=$B$10,7,0)+IF('Standard Profiles'!$G$22=$B$17,14,0)+IF('Standard Profiles'!$G$22=$B$24,21,0),0)),0)</f>
        <v>0</v>
      </c>
      <c r="I5681">
        <f t="shared" si="636"/>
        <v>0.35686233302346287</v>
      </c>
      <c r="J5681">
        <f t="shared" si="637"/>
        <v>1.1895411100782096</v>
      </c>
      <c r="K5681">
        <f t="shared" si="638"/>
        <v>1.7843116651173145</v>
      </c>
      <c r="L5681">
        <f t="shared" si="639"/>
        <v>8.5646959925631094</v>
      </c>
      <c r="M5681">
        <f t="shared" si="640"/>
        <v>0</v>
      </c>
      <c r="N5681" s="46">
        <f t="shared" si="641"/>
        <v>45527.291666652971</v>
      </c>
    </row>
    <row r="5682" spans="2:14" x14ac:dyDescent="0.3">
      <c r="B5682">
        <f t="shared" si="635"/>
        <v>5</v>
      </c>
      <c r="C5682" s="16">
        <v>5648</v>
      </c>
      <c r="D5682" cm="1">
        <f t="array" ref="D5682">IFERROR(INDEX(Jesper!AH$2:AH$366,ROUNDDOWN($C5682/24,0)+1,1)*INDEX($D$3:$AA$30,INDEX(Jesper!$R$2:$R$366,ROW(INDEX(Jesper!AH$2:AH$366,ROUNDDOWN($C5682/24,0)+1,1))-1)+IF('Standard Profiles'!$G$18=$B$10,7,0)+IF('Standard Profiles'!$G$18=$B$17,14,0)+IF('Standard Profiles'!$G$18=$B$24,21,0),MOD($C5682,24)+1)/SUM(INDEX($D$3:$AA$30,INDEX(Jesper!$R$2:$R$366,ROW(INDEX(Jesper!AH$2:AH$366,ROUNDDOWN($C5682/24,0)+1,1))-1)+IF('Standard Profiles'!$G$18=$B$10,7,0)+IF('Standard Profiles'!$G$18=$B$17,14,0)+IF('Standard Profiles'!$G$18=$B$24,21,0),0)),0)</f>
        <v>11.895411100782097</v>
      </c>
      <c r="E5682" cm="1">
        <f t="array" ref="E5682">IFERROR(INDEX(Jesper!AI$2:AI$366,ROUNDDOWN($C5682/24,0)+1,1)*INDEX($D$3:$AA$30,INDEX(Jesper!$R$2:$R$366,ROW(INDEX(Jesper!AI$2:AI$366,ROUNDDOWN($C5682/24,0)+1,1))-1)+IF('Standard Profiles'!$G$19=$B$10,7,0)+IF('Standard Profiles'!$G$19=$B$17,14,0)+IF('Standard Profiles'!$G$19=$B$24,21,0),MOD($C5682,24)+1)/SUM(INDEX($D$3:$AA$30,INDEX(Jesper!$R$2:$R$366,ROW(INDEX(Jesper!AI$2:AI$366,ROUNDDOWN($C5682/24,0)+1,1))-1)+IF('Standard Profiles'!$G$19=$B$10,7,0)+IF('Standard Profiles'!$G$19=$B$17,14,0)+IF('Standard Profiles'!$G$19=$B$24,21,0),0)),0)</f>
        <v>0</v>
      </c>
      <c r="F5682" cm="1">
        <f t="array" ref="F5682">IFERROR(INDEX(Jesper!AJ$2:AJ$366,ROUNDDOWN($C5682/24,0)+1,1)*INDEX($D$3:$AA$30,INDEX(Jesper!$R$2:$R$366,ROW(INDEX(Jesper!AJ$2:AJ$366,ROUNDDOWN($C5682/24,0)+1,1))-1)+IF('Standard Profiles'!$G$20=$B$10,7,0)+IF('Standard Profiles'!$G$20=$B$17,14,0)+IF('Standard Profiles'!$G$20=$B$24,21,0),MOD($C5682,24)+1)/SUM(INDEX($D$3:$AA$30,INDEX(Jesper!$R$2:$R$366,ROW(INDEX(Jesper!AJ$2:AJ$366,ROUNDDOWN($C5682/24,0)+1,1))-1)+IF('Standard Profiles'!$G$20=$B$10,7,0)+IF('Standard Profiles'!$G$20=$B$17,14,0)+IF('Standard Profiles'!$G$20=$B$24,21,0),0)),0)</f>
        <v>0</v>
      </c>
      <c r="G5682" cm="1">
        <f t="array" ref="G5682">IFERROR(INDEX(Jesper!AK$2:AK$366,ROUNDDOWN($C5682/24,0)+1,1)*INDEX($D$3:$AA$30,INDEX(Jesper!$R$2:$R$366,ROW(INDEX(Jesper!AK$2:AK$366,ROUNDDOWN($C5682/24,0)+1,1))-1)+IF('Standard Profiles'!$G$21=$B$10,7,0)+IF('Standard Profiles'!$G$21=$B$17,14,0)+IF('Standard Profiles'!$G$21=$B$24,21,0),MOD($C5682,24)+1)/SUM(INDEX($D$3:$AA$30,INDEX(Jesper!$R$2:$R$366,ROW(INDEX(Jesper!AK$2:AK$366,ROUNDDOWN($C5682/24,0)+1,1))-1)+IF('Standard Profiles'!$G$21=$B$10,7,0)+IF('Standard Profiles'!$G$21=$B$17,14,0)+IF('Standard Profiles'!$G$21=$B$24,21,0),0)),0)</f>
        <v>0</v>
      </c>
      <c r="H5682" cm="1">
        <f t="array" ref="H5682">IFERROR(INDEX(Jesper!AL$2:AL$366,ROUNDDOWN($C5682/24,0)+1,1)*INDEX($D$3:$AA$30,INDEX(Jesper!$R$2:$R$366,ROW(INDEX(Jesper!AL$2:AL$366,ROUNDDOWN($C5682/24,0)+1,1))-1)+IF('Standard Profiles'!$G$22=$B$10,7,0)+IF('Standard Profiles'!$G$22=$B$17,14,0)+IF('Standard Profiles'!$G$22=$B$24,21,0),MOD($C5682,24)+1)/SUM(INDEX($D$3:$AA$30,INDEX(Jesper!$R$2:$R$366,ROW(INDEX(Jesper!AL$2:AL$366,ROUNDDOWN($C5682/24,0)+1,1))-1)+IF('Standard Profiles'!$G$22=$B$10,7,0)+IF('Standard Profiles'!$G$22=$B$17,14,0)+IF('Standard Profiles'!$G$22=$B$24,21,0),0)),0)</f>
        <v>0</v>
      </c>
      <c r="I5682">
        <f t="shared" si="636"/>
        <v>0.35686233302346287</v>
      </c>
      <c r="J5682">
        <f t="shared" si="637"/>
        <v>1.1895411100782096</v>
      </c>
      <c r="K5682">
        <f t="shared" si="638"/>
        <v>1.7843116651173145</v>
      </c>
      <c r="L5682">
        <f t="shared" si="639"/>
        <v>8.5646959925631094</v>
      </c>
      <c r="M5682">
        <f t="shared" si="640"/>
        <v>0</v>
      </c>
      <c r="N5682" s="46">
        <f t="shared" si="641"/>
        <v>45527.333333319635</v>
      </c>
    </row>
    <row r="5683" spans="2:14" x14ac:dyDescent="0.3">
      <c r="B5683">
        <f t="shared" si="635"/>
        <v>5</v>
      </c>
      <c r="C5683" s="16">
        <v>5649</v>
      </c>
      <c r="D5683" cm="1">
        <f t="array" ref="D5683">IFERROR(INDEX(Jesper!AH$2:AH$366,ROUNDDOWN($C5683/24,0)+1,1)*INDEX($D$3:$AA$30,INDEX(Jesper!$R$2:$R$366,ROW(INDEX(Jesper!AH$2:AH$366,ROUNDDOWN($C5683/24,0)+1,1))-1)+IF('Standard Profiles'!$G$18=$B$10,7,0)+IF('Standard Profiles'!$G$18=$B$17,14,0)+IF('Standard Profiles'!$G$18=$B$24,21,0),MOD($C5683,24)+1)/SUM(INDEX($D$3:$AA$30,INDEX(Jesper!$R$2:$R$366,ROW(INDEX(Jesper!AH$2:AH$366,ROUNDDOWN($C5683/24,0)+1,1))-1)+IF('Standard Profiles'!$G$18=$B$10,7,0)+IF('Standard Profiles'!$G$18=$B$17,14,0)+IF('Standard Profiles'!$G$18=$B$24,21,0),0)),0)</f>
        <v>12.745083322266531</v>
      </c>
      <c r="E5683" cm="1">
        <f t="array" ref="E5683">IFERROR(INDEX(Jesper!AI$2:AI$366,ROUNDDOWN($C5683/24,0)+1,1)*INDEX($D$3:$AA$30,INDEX(Jesper!$R$2:$R$366,ROW(INDEX(Jesper!AI$2:AI$366,ROUNDDOWN($C5683/24,0)+1,1))-1)+IF('Standard Profiles'!$G$19=$B$10,7,0)+IF('Standard Profiles'!$G$19=$B$17,14,0)+IF('Standard Profiles'!$G$19=$B$24,21,0),MOD($C5683,24)+1)/SUM(INDEX($D$3:$AA$30,INDEX(Jesper!$R$2:$R$366,ROW(INDEX(Jesper!AI$2:AI$366,ROUNDDOWN($C5683/24,0)+1,1))-1)+IF('Standard Profiles'!$G$19=$B$10,7,0)+IF('Standard Profiles'!$G$19=$B$17,14,0)+IF('Standard Profiles'!$G$19=$B$24,21,0),0)),0)</f>
        <v>0</v>
      </c>
      <c r="F5683" cm="1">
        <f t="array" ref="F5683">IFERROR(INDEX(Jesper!AJ$2:AJ$366,ROUNDDOWN($C5683/24,0)+1,1)*INDEX($D$3:$AA$30,INDEX(Jesper!$R$2:$R$366,ROW(INDEX(Jesper!AJ$2:AJ$366,ROUNDDOWN($C5683/24,0)+1,1))-1)+IF('Standard Profiles'!$G$20=$B$10,7,0)+IF('Standard Profiles'!$G$20=$B$17,14,0)+IF('Standard Profiles'!$G$20=$B$24,21,0),MOD($C5683,24)+1)/SUM(INDEX($D$3:$AA$30,INDEX(Jesper!$R$2:$R$366,ROW(INDEX(Jesper!AJ$2:AJ$366,ROUNDDOWN($C5683/24,0)+1,1))-1)+IF('Standard Profiles'!$G$20=$B$10,7,0)+IF('Standard Profiles'!$G$20=$B$17,14,0)+IF('Standard Profiles'!$G$20=$B$24,21,0),0)),0)</f>
        <v>0</v>
      </c>
      <c r="G5683" cm="1">
        <f t="array" ref="G5683">IFERROR(INDEX(Jesper!AK$2:AK$366,ROUNDDOWN($C5683/24,0)+1,1)*INDEX($D$3:$AA$30,INDEX(Jesper!$R$2:$R$366,ROW(INDEX(Jesper!AK$2:AK$366,ROUNDDOWN($C5683/24,0)+1,1))-1)+IF('Standard Profiles'!$G$21=$B$10,7,0)+IF('Standard Profiles'!$G$21=$B$17,14,0)+IF('Standard Profiles'!$G$21=$B$24,21,0),MOD($C5683,24)+1)/SUM(INDEX($D$3:$AA$30,INDEX(Jesper!$R$2:$R$366,ROW(INDEX(Jesper!AK$2:AK$366,ROUNDDOWN($C5683/24,0)+1,1))-1)+IF('Standard Profiles'!$G$21=$B$10,7,0)+IF('Standard Profiles'!$G$21=$B$17,14,0)+IF('Standard Profiles'!$G$21=$B$24,21,0),0)),0)</f>
        <v>0</v>
      </c>
      <c r="H5683" cm="1">
        <f t="array" ref="H5683">IFERROR(INDEX(Jesper!AL$2:AL$366,ROUNDDOWN($C5683/24,0)+1,1)*INDEX($D$3:$AA$30,INDEX(Jesper!$R$2:$R$366,ROW(INDEX(Jesper!AL$2:AL$366,ROUNDDOWN($C5683/24,0)+1,1))-1)+IF('Standard Profiles'!$G$22=$B$10,7,0)+IF('Standard Profiles'!$G$22=$B$17,14,0)+IF('Standard Profiles'!$G$22=$B$24,21,0),MOD($C5683,24)+1)/SUM(INDEX($D$3:$AA$30,INDEX(Jesper!$R$2:$R$366,ROW(INDEX(Jesper!AL$2:AL$366,ROUNDDOWN($C5683/24,0)+1,1))-1)+IF('Standard Profiles'!$G$22=$B$10,7,0)+IF('Standard Profiles'!$G$22=$B$17,14,0)+IF('Standard Profiles'!$G$22=$B$24,21,0),0)),0)</f>
        <v>0</v>
      </c>
      <c r="I5683">
        <f t="shared" si="636"/>
        <v>0.38235249966799589</v>
      </c>
      <c r="J5683">
        <f t="shared" si="637"/>
        <v>1.2745083322266533</v>
      </c>
      <c r="K5683">
        <f t="shared" si="638"/>
        <v>1.9117624983399795</v>
      </c>
      <c r="L5683">
        <f t="shared" si="639"/>
        <v>9.1764599920319014</v>
      </c>
      <c r="M5683">
        <f t="shared" si="640"/>
        <v>0</v>
      </c>
      <c r="N5683" s="46">
        <f t="shared" si="641"/>
        <v>45527.374999986299</v>
      </c>
    </row>
    <row r="5684" spans="2:14" x14ac:dyDescent="0.3">
      <c r="B5684">
        <f t="shared" si="635"/>
        <v>5</v>
      </c>
      <c r="C5684" s="16">
        <v>5650</v>
      </c>
      <c r="D5684" cm="1">
        <f t="array" ref="D5684">IFERROR(INDEX(Jesper!AH$2:AH$366,ROUNDDOWN($C5684/24,0)+1,1)*INDEX($D$3:$AA$30,INDEX(Jesper!$R$2:$R$366,ROW(INDEX(Jesper!AH$2:AH$366,ROUNDDOWN($C5684/24,0)+1,1))-1)+IF('Standard Profiles'!$G$18=$B$10,7,0)+IF('Standard Profiles'!$G$18=$B$17,14,0)+IF('Standard Profiles'!$G$18=$B$24,21,0),MOD($C5684,24)+1)/SUM(INDEX($D$3:$AA$30,INDEX(Jesper!$R$2:$R$366,ROW(INDEX(Jesper!AH$2:AH$366,ROUNDDOWN($C5684/24,0)+1,1))-1)+IF('Standard Profiles'!$G$18=$B$10,7,0)+IF('Standard Profiles'!$G$18=$B$17,14,0)+IF('Standard Profiles'!$G$18=$B$24,21,0),0)),0)</f>
        <v>13.254886655157193</v>
      </c>
      <c r="E5684" cm="1">
        <f t="array" ref="E5684">IFERROR(INDEX(Jesper!AI$2:AI$366,ROUNDDOWN($C5684/24,0)+1,1)*INDEX($D$3:$AA$30,INDEX(Jesper!$R$2:$R$366,ROW(INDEX(Jesper!AI$2:AI$366,ROUNDDOWN($C5684/24,0)+1,1))-1)+IF('Standard Profiles'!$G$19=$B$10,7,0)+IF('Standard Profiles'!$G$19=$B$17,14,0)+IF('Standard Profiles'!$G$19=$B$24,21,0),MOD($C5684,24)+1)/SUM(INDEX($D$3:$AA$30,INDEX(Jesper!$R$2:$R$366,ROW(INDEX(Jesper!AI$2:AI$366,ROUNDDOWN($C5684/24,0)+1,1))-1)+IF('Standard Profiles'!$G$19=$B$10,7,0)+IF('Standard Profiles'!$G$19=$B$17,14,0)+IF('Standard Profiles'!$G$19=$B$24,21,0),0)),0)</f>
        <v>0</v>
      </c>
      <c r="F5684" cm="1">
        <f t="array" ref="F5684">IFERROR(INDEX(Jesper!AJ$2:AJ$366,ROUNDDOWN($C5684/24,0)+1,1)*INDEX($D$3:$AA$30,INDEX(Jesper!$R$2:$R$366,ROW(INDEX(Jesper!AJ$2:AJ$366,ROUNDDOWN($C5684/24,0)+1,1))-1)+IF('Standard Profiles'!$G$20=$B$10,7,0)+IF('Standard Profiles'!$G$20=$B$17,14,0)+IF('Standard Profiles'!$G$20=$B$24,21,0),MOD($C5684,24)+1)/SUM(INDEX($D$3:$AA$30,INDEX(Jesper!$R$2:$R$366,ROW(INDEX(Jesper!AJ$2:AJ$366,ROUNDDOWN($C5684/24,0)+1,1))-1)+IF('Standard Profiles'!$G$20=$B$10,7,0)+IF('Standard Profiles'!$G$20=$B$17,14,0)+IF('Standard Profiles'!$G$20=$B$24,21,0),0)),0)</f>
        <v>0</v>
      </c>
      <c r="G5684" cm="1">
        <f t="array" ref="G5684">IFERROR(INDEX(Jesper!AK$2:AK$366,ROUNDDOWN($C5684/24,0)+1,1)*INDEX($D$3:$AA$30,INDEX(Jesper!$R$2:$R$366,ROW(INDEX(Jesper!AK$2:AK$366,ROUNDDOWN($C5684/24,0)+1,1))-1)+IF('Standard Profiles'!$G$21=$B$10,7,0)+IF('Standard Profiles'!$G$21=$B$17,14,0)+IF('Standard Profiles'!$G$21=$B$24,21,0),MOD($C5684,24)+1)/SUM(INDEX($D$3:$AA$30,INDEX(Jesper!$R$2:$R$366,ROW(INDEX(Jesper!AK$2:AK$366,ROUNDDOWN($C5684/24,0)+1,1))-1)+IF('Standard Profiles'!$G$21=$B$10,7,0)+IF('Standard Profiles'!$G$21=$B$17,14,0)+IF('Standard Profiles'!$G$21=$B$24,21,0),0)),0)</f>
        <v>0</v>
      </c>
      <c r="H5684" cm="1">
        <f t="array" ref="H5684">IFERROR(INDEX(Jesper!AL$2:AL$366,ROUNDDOWN($C5684/24,0)+1,1)*INDEX($D$3:$AA$30,INDEX(Jesper!$R$2:$R$366,ROW(INDEX(Jesper!AL$2:AL$366,ROUNDDOWN($C5684/24,0)+1,1))-1)+IF('Standard Profiles'!$G$22=$B$10,7,0)+IF('Standard Profiles'!$G$22=$B$17,14,0)+IF('Standard Profiles'!$G$22=$B$24,21,0),MOD($C5684,24)+1)/SUM(INDEX($D$3:$AA$30,INDEX(Jesper!$R$2:$R$366,ROW(INDEX(Jesper!AL$2:AL$366,ROUNDDOWN($C5684/24,0)+1,1))-1)+IF('Standard Profiles'!$G$22=$B$10,7,0)+IF('Standard Profiles'!$G$22=$B$17,14,0)+IF('Standard Profiles'!$G$22=$B$24,21,0),0)),0)</f>
        <v>0</v>
      </c>
      <c r="I5684">
        <f t="shared" si="636"/>
        <v>0.39764659965471577</v>
      </c>
      <c r="J5684">
        <f t="shared" si="637"/>
        <v>1.3254886655157194</v>
      </c>
      <c r="K5684">
        <f t="shared" si="638"/>
        <v>1.9882329982735789</v>
      </c>
      <c r="L5684">
        <f t="shared" si="639"/>
        <v>9.5435183917131781</v>
      </c>
      <c r="M5684">
        <f t="shared" si="640"/>
        <v>0</v>
      </c>
      <c r="N5684" s="46">
        <f t="shared" si="641"/>
        <v>45527.416666652964</v>
      </c>
    </row>
    <row r="5685" spans="2:14" x14ac:dyDescent="0.3">
      <c r="B5685">
        <f t="shared" si="635"/>
        <v>5</v>
      </c>
      <c r="C5685" s="16">
        <v>5651</v>
      </c>
      <c r="D5685" cm="1">
        <f t="array" ref="D5685">IFERROR(INDEX(Jesper!AH$2:AH$366,ROUNDDOWN($C5685/24,0)+1,1)*INDEX($D$3:$AA$30,INDEX(Jesper!$R$2:$R$366,ROW(INDEX(Jesper!AH$2:AH$366,ROUNDDOWN($C5685/24,0)+1,1))-1)+IF('Standard Profiles'!$G$18=$B$10,7,0)+IF('Standard Profiles'!$G$18=$B$17,14,0)+IF('Standard Profiles'!$G$18=$B$24,21,0),MOD($C5685,24)+1)/SUM(INDEX($D$3:$AA$30,INDEX(Jesper!$R$2:$R$366,ROW(INDEX(Jesper!AH$2:AH$366,ROUNDDOWN($C5685/24,0)+1,1))-1)+IF('Standard Profiles'!$G$18=$B$10,7,0)+IF('Standard Profiles'!$G$18=$B$17,14,0)+IF('Standard Profiles'!$G$18=$B$24,21,0),0)),0)</f>
        <v>15.294099986719836</v>
      </c>
      <c r="E5685" cm="1">
        <f t="array" ref="E5685">IFERROR(INDEX(Jesper!AI$2:AI$366,ROUNDDOWN($C5685/24,0)+1,1)*INDEX($D$3:$AA$30,INDEX(Jesper!$R$2:$R$366,ROW(INDEX(Jesper!AI$2:AI$366,ROUNDDOWN($C5685/24,0)+1,1))-1)+IF('Standard Profiles'!$G$19=$B$10,7,0)+IF('Standard Profiles'!$G$19=$B$17,14,0)+IF('Standard Profiles'!$G$19=$B$24,21,0),MOD($C5685,24)+1)/SUM(INDEX($D$3:$AA$30,INDEX(Jesper!$R$2:$R$366,ROW(INDEX(Jesper!AI$2:AI$366,ROUNDDOWN($C5685/24,0)+1,1))-1)+IF('Standard Profiles'!$G$19=$B$10,7,0)+IF('Standard Profiles'!$G$19=$B$17,14,0)+IF('Standard Profiles'!$G$19=$B$24,21,0),0)),0)</f>
        <v>0</v>
      </c>
      <c r="F5685" cm="1">
        <f t="array" ref="F5685">IFERROR(INDEX(Jesper!AJ$2:AJ$366,ROUNDDOWN($C5685/24,0)+1,1)*INDEX($D$3:$AA$30,INDEX(Jesper!$R$2:$R$366,ROW(INDEX(Jesper!AJ$2:AJ$366,ROUNDDOWN($C5685/24,0)+1,1))-1)+IF('Standard Profiles'!$G$20=$B$10,7,0)+IF('Standard Profiles'!$G$20=$B$17,14,0)+IF('Standard Profiles'!$G$20=$B$24,21,0),MOD($C5685,24)+1)/SUM(INDEX($D$3:$AA$30,INDEX(Jesper!$R$2:$R$366,ROW(INDEX(Jesper!AJ$2:AJ$366,ROUNDDOWN($C5685/24,0)+1,1))-1)+IF('Standard Profiles'!$G$20=$B$10,7,0)+IF('Standard Profiles'!$G$20=$B$17,14,0)+IF('Standard Profiles'!$G$20=$B$24,21,0),0)),0)</f>
        <v>0</v>
      </c>
      <c r="G5685" cm="1">
        <f t="array" ref="G5685">IFERROR(INDEX(Jesper!AK$2:AK$366,ROUNDDOWN($C5685/24,0)+1,1)*INDEX($D$3:$AA$30,INDEX(Jesper!$R$2:$R$366,ROW(INDEX(Jesper!AK$2:AK$366,ROUNDDOWN($C5685/24,0)+1,1))-1)+IF('Standard Profiles'!$G$21=$B$10,7,0)+IF('Standard Profiles'!$G$21=$B$17,14,0)+IF('Standard Profiles'!$G$21=$B$24,21,0),MOD($C5685,24)+1)/SUM(INDEX($D$3:$AA$30,INDEX(Jesper!$R$2:$R$366,ROW(INDEX(Jesper!AK$2:AK$366,ROUNDDOWN($C5685/24,0)+1,1))-1)+IF('Standard Profiles'!$G$21=$B$10,7,0)+IF('Standard Profiles'!$G$21=$B$17,14,0)+IF('Standard Profiles'!$G$21=$B$24,21,0),0)),0)</f>
        <v>0</v>
      </c>
      <c r="H5685" cm="1">
        <f t="array" ref="H5685">IFERROR(INDEX(Jesper!AL$2:AL$366,ROUNDDOWN($C5685/24,0)+1,1)*INDEX($D$3:$AA$30,INDEX(Jesper!$R$2:$R$366,ROW(INDEX(Jesper!AL$2:AL$366,ROUNDDOWN($C5685/24,0)+1,1))-1)+IF('Standard Profiles'!$G$22=$B$10,7,0)+IF('Standard Profiles'!$G$22=$B$17,14,0)+IF('Standard Profiles'!$G$22=$B$24,21,0),MOD($C5685,24)+1)/SUM(INDEX($D$3:$AA$30,INDEX(Jesper!$R$2:$R$366,ROW(INDEX(Jesper!AL$2:AL$366,ROUNDDOWN($C5685/24,0)+1,1))-1)+IF('Standard Profiles'!$G$22=$B$10,7,0)+IF('Standard Profiles'!$G$22=$B$17,14,0)+IF('Standard Profiles'!$G$22=$B$24,21,0),0)),0)</f>
        <v>0</v>
      </c>
      <c r="I5685">
        <f t="shared" si="636"/>
        <v>0.45882299960159506</v>
      </c>
      <c r="J5685">
        <f t="shared" si="637"/>
        <v>1.5294099986719836</v>
      </c>
      <c r="K5685">
        <f t="shared" si="638"/>
        <v>2.2941149980079754</v>
      </c>
      <c r="L5685">
        <f t="shared" si="639"/>
        <v>11.011751990438281</v>
      </c>
      <c r="M5685">
        <f t="shared" si="640"/>
        <v>0</v>
      </c>
      <c r="N5685" s="46">
        <f t="shared" si="641"/>
        <v>45527.458333319628</v>
      </c>
    </row>
    <row r="5686" spans="2:14" x14ac:dyDescent="0.3">
      <c r="B5686">
        <f t="shared" si="635"/>
        <v>5</v>
      </c>
      <c r="C5686" s="16">
        <v>5652</v>
      </c>
      <c r="D5686" cm="1">
        <f t="array" ref="D5686">IFERROR(INDEX(Jesper!AH$2:AH$366,ROUNDDOWN($C5686/24,0)+1,1)*INDEX($D$3:$AA$30,INDEX(Jesper!$R$2:$R$366,ROW(INDEX(Jesper!AH$2:AH$366,ROUNDDOWN($C5686/24,0)+1,1))-1)+IF('Standard Profiles'!$G$18=$B$10,7,0)+IF('Standard Profiles'!$G$18=$B$17,14,0)+IF('Standard Profiles'!$G$18=$B$24,21,0),MOD($C5686,24)+1)/SUM(INDEX($D$3:$AA$30,INDEX(Jesper!$R$2:$R$366,ROW(INDEX(Jesper!AH$2:AH$366,ROUNDDOWN($C5686/24,0)+1,1))-1)+IF('Standard Profiles'!$G$18=$B$10,7,0)+IF('Standard Profiles'!$G$18=$B$17,14,0)+IF('Standard Profiles'!$G$18=$B$24,21,0),0)),0)</f>
        <v>15.294099986719836</v>
      </c>
      <c r="E5686" cm="1">
        <f t="array" ref="E5686">IFERROR(INDEX(Jesper!AI$2:AI$366,ROUNDDOWN($C5686/24,0)+1,1)*INDEX($D$3:$AA$30,INDEX(Jesper!$R$2:$R$366,ROW(INDEX(Jesper!AI$2:AI$366,ROUNDDOWN($C5686/24,0)+1,1))-1)+IF('Standard Profiles'!$G$19=$B$10,7,0)+IF('Standard Profiles'!$G$19=$B$17,14,0)+IF('Standard Profiles'!$G$19=$B$24,21,0),MOD($C5686,24)+1)/SUM(INDEX($D$3:$AA$30,INDEX(Jesper!$R$2:$R$366,ROW(INDEX(Jesper!AI$2:AI$366,ROUNDDOWN($C5686/24,0)+1,1))-1)+IF('Standard Profiles'!$G$19=$B$10,7,0)+IF('Standard Profiles'!$G$19=$B$17,14,0)+IF('Standard Profiles'!$G$19=$B$24,21,0),0)),0)</f>
        <v>0</v>
      </c>
      <c r="F5686" cm="1">
        <f t="array" ref="F5686">IFERROR(INDEX(Jesper!AJ$2:AJ$366,ROUNDDOWN($C5686/24,0)+1,1)*INDEX($D$3:$AA$30,INDEX(Jesper!$R$2:$R$366,ROW(INDEX(Jesper!AJ$2:AJ$366,ROUNDDOWN($C5686/24,0)+1,1))-1)+IF('Standard Profiles'!$G$20=$B$10,7,0)+IF('Standard Profiles'!$G$20=$B$17,14,0)+IF('Standard Profiles'!$G$20=$B$24,21,0),MOD($C5686,24)+1)/SUM(INDEX($D$3:$AA$30,INDEX(Jesper!$R$2:$R$366,ROW(INDEX(Jesper!AJ$2:AJ$366,ROUNDDOWN($C5686/24,0)+1,1))-1)+IF('Standard Profiles'!$G$20=$B$10,7,0)+IF('Standard Profiles'!$G$20=$B$17,14,0)+IF('Standard Profiles'!$G$20=$B$24,21,0),0)),0)</f>
        <v>0</v>
      </c>
      <c r="G5686" cm="1">
        <f t="array" ref="G5686">IFERROR(INDEX(Jesper!AK$2:AK$366,ROUNDDOWN($C5686/24,0)+1,1)*INDEX($D$3:$AA$30,INDEX(Jesper!$R$2:$R$366,ROW(INDEX(Jesper!AK$2:AK$366,ROUNDDOWN($C5686/24,0)+1,1))-1)+IF('Standard Profiles'!$G$21=$B$10,7,0)+IF('Standard Profiles'!$G$21=$B$17,14,0)+IF('Standard Profiles'!$G$21=$B$24,21,0),MOD($C5686,24)+1)/SUM(INDEX($D$3:$AA$30,INDEX(Jesper!$R$2:$R$366,ROW(INDEX(Jesper!AK$2:AK$366,ROUNDDOWN($C5686/24,0)+1,1))-1)+IF('Standard Profiles'!$G$21=$B$10,7,0)+IF('Standard Profiles'!$G$21=$B$17,14,0)+IF('Standard Profiles'!$G$21=$B$24,21,0),0)),0)</f>
        <v>0</v>
      </c>
      <c r="H5686" cm="1">
        <f t="array" ref="H5686">IFERROR(INDEX(Jesper!AL$2:AL$366,ROUNDDOWN($C5686/24,0)+1,1)*INDEX($D$3:$AA$30,INDEX(Jesper!$R$2:$R$366,ROW(INDEX(Jesper!AL$2:AL$366,ROUNDDOWN($C5686/24,0)+1,1))-1)+IF('Standard Profiles'!$G$22=$B$10,7,0)+IF('Standard Profiles'!$G$22=$B$17,14,0)+IF('Standard Profiles'!$G$22=$B$24,21,0),MOD($C5686,24)+1)/SUM(INDEX($D$3:$AA$30,INDEX(Jesper!$R$2:$R$366,ROW(INDEX(Jesper!AL$2:AL$366,ROUNDDOWN($C5686/24,0)+1,1))-1)+IF('Standard Profiles'!$G$22=$B$10,7,0)+IF('Standard Profiles'!$G$22=$B$17,14,0)+IF('Standard Profiles'!$G$22=$B$24,21,0),0)),0)</f>
        <v>0</v>
      </c>
      <c r="I5686">
        <f t="shared" si="636"/>
        <v>0.45882299960159506</v>
      </c>
      <c r="J5686">
        <f t="shared" si="637"/>
        <v>1.5294099986719836</v>
      </c>
      <c r="K5686">
        <f t="shared" si="638"/>
        <v>2.2941149980079754</v>
      </c>
      <c r="L5686">
        <f t="shared" si="639"/>
        <v>11.011751990438281</v>
      </c>
      <c r="M5686">
        <f t="shared" si="640"/>
        <v>0</v>
      </c>
      <c r="N5686" s="46">
        <f t="shared" si="641"/>
        <v>45527.499999986292</v>
      </c>
    </row>
    <row r="5687" spans="2:14" x14ac:dyDescent="0.3">
      <c r="B5687">
        <f t="shared" si="635"/>
        <v>5</v>
      </c>
      <c r="C5687" s="16">
        <v>5653</v>
      </c>
      <c r="D5687" cm="1">
        <f t="array" ref="D5687">IFERROR(INDEX(Jesper!AH$2:AH$366,ROUNDDOWN($C5687/24,0)+1,1)*INDEX($D$3:$AA$30,INDEX(Jesper!$R$2:$R$366,ROW(INDEX(Jesper!AH$2:AH$366,ROUNDDOWN($C5687/24,0)+1,1))-1)+IF('Standard Profiles'!$G$18=$B$10,7,0)+IF('Standard Profiles'!$G$18=$B$17,14,0)+IF('Standard Profiles'!$G$18=$B$24,21,0),MOD($C5687,24)+1)/SUM(INDEX($D$3:$AA$30,INDEX(Jesper!$R$2:$R$366,ROW(INDEX(Jesper!AH$2:AH$366,ROUNDDOWN($C5687/24,0)+1,1))-1)+IF('Standard Profiles'!$G$18=$B$10,7,0)+IF('Standard Profiles'!$G$18=$B$17,14,0)+IF('Standard Profiles'!$G$18=$B$24,21,0),0)),0)</f>
        <v>15.294099986719836</v>
      </c>
      <c r="E5687" cm="1">
        <f t="array" ref="E5687">IFERROR(INDEX(Jesper!AI$2:AI$366,ROUNDDOWN($C5687/24,0)+1,1)*INDEX($D$3:$AA$30,INDEX(Jesper!$R$2:$R$366,ROW(INDEX(Jesper!AI$2:AI$366,ROUNDDOWN($C5687/24,0)+1,1))-1)+IF('Standard Profiles'!$G$19=$B$10,7,0)+IF('Standard Profiles'!$G$19=$B$17,14,0)+IF('Standard Profiles'!$G$19=$B$24,21,0),MOD($C5687,24)+1)/SUM(INDEX($D$3:$AA$30,INDEX(Jesper!$R$2:$R$366,ROW(INDEX(Jesper!AI$2:AI$366,ROUNDDOWN($C5687/24,0)+1,1))-1)+IF('Standard Profiles'!$G$19=$B$10,7,0)+IF('Standard Profiles'!$G$19=$B$17,14,0)+IF('Standard Profiles'!$G$19=$B$24,21,0),0)),0)</f>
        <v>0</v>
      </c>
      <c r="F5687" cm="1">
        <f t="array" ref="F5687">IFERROR(INDEX(Jesper!AJ$2:AJ$366,ROUNDDOWN($C5687/24,0)+1,1)*INDEX($D$3:$AA$30,INDEX(Jesper!$R$2:$R$366,ROW(INDEX(Jesper!AJ$2:AJ$366,ROUNDDOWN($C5687/24,0)+1,1))-1)+IF('Standard Profiles'!$G$20=$B$10,7,0)+IF('Standard Profiles'!$G$20=$B$17,14,0)+IF('Standard Profiles'!$G$20=$B$24,21,0),MOD($C5687,24)+1)/SUM(INDEX($D$3:$AA$30,INDEX(Jesper!$R$2:$R$366,ROW(INDEX(Jesper!AJ$2:AJ$366,ROUNDDOWN($C5687/24,0)+1,1))-1)+IF('Standard Profiles'!$G$20=$B$10,7,0)+IF('Standard Profiles'!$G$20=$B$17,14,0)+IF('Standard Profiles'!$G$20=$B$24,21,0),0)),0)</f>
        <v>0</v>
      </c>
      <c r="G5687" cm="1">
        <f t="array" ref="G5687">IFERROR(INDEX(Jesper!AK$2:AK$366,ROUNDDOWN($C5687/24,0)+1,1)*INDEX($D$3:$AA$30,INDEX(Jesper!$R$2:$R$366,ROW(INDEX(Jesper!AK$2:AK$366,ROUNDDOWN($C5687/24,0)+1,1))-1)+IF('Standard Profiles'!$G$21=$B$10,7,0)+IF('Standard Profiles'!$G$21=$B$17,14,0)+IF('Standard Profiles'!$G$21=$B$24,21,0),MOD($C5687,24)+1)/SUM(INDEX($D$3:$AA$30,INDEX(Jesper!$R$2:$R$366,ROW(INDEX(Jesper!AK$2:AK$366,ROUNDDOWN($C5687/24,0)+1,1))-1)+IF('Standard Profiles'!$G$21=$B$10,7,0)+IF('Standard Profiles'!$G$21=$B$17,14,0)+IF('Standard Profiles'!$G$21=$B$24,21,0),0)),0)</f>
        <v>0</v>
      </c>
      <c r="H5687" cm="1">
        <f t="array" ref="H5687">IFERROR(INDEX(Jesper!AL$2:AL$366,ROUNDDOWN($C5687/24,0)+1,1)*INDEX($D$3:$AA$30,INDEX(Jesper!$R$2:$R$366,ROW(INDEX(Jesper!AL$2:AL$366,ROUNDDOWN($C5687/24,0)+1,1))-1)+IF('Standard Profiles'!$G$22=$B$10,7,0)+IF('Standard Profiles'!$G$22=$B$17,14,0)+IF('Standard Profiles'!$G$22=$B$24,21,0),MOD($C5687,24)+1)/SUM(INDEX($D$3:$AA$30,INDEX(Jesper!$R$2:$R$366,ROW(INDEX(Jesper!AL$2:AL$366,ROUNDDOWN($C5687/24,0)+1,1))-1)+IF('Standard Profiles'!$G$22=$B$10,7,0)+IF('Standard Profiles'!$G$22=$B$17,14,0)+IF('Standard Profiles'!$G$22=$B$24,21,0),0)),0)</f>
        <v>0</v>
      </c>
      <c r="I5687">
        <f t="shared" si="636"/>
        <v>0.45882299960159506</v>
      </c>
      <c r="J5687">
        <f t="shared" si="637"/>
        <v>1.5294099986719836</v>
      </c>
      <c r="K5687">
        <f t="shared" si="638"/>
        <v>2.2941149980079754</v>
      </c>
      <c r="L5687">
        <f t="shared" si="639"/>
        <v>11.011751990438281</v>
      </c>
      <c r="M5687">
        <f t="shared" si="640"/>
        <v>0</v>
      </c>
      <c r="N5687" s="46">
        <f t="shared" si="641"/>
        <v>45527.541666652956</v>
      </c>
    </row>
    <row r="5688" spans="2:14" x14ac:dyDescent="0.3">
      <c r="B5688">
        <f t="shared" si="635"/>
        <v>5</v>
      </c>
      <c r="C5688" s="16">
        <v>5654</v>
      </c>
      <c r="D5688" cm="1">
        <f t="array" ref="D5688">IFERROR(INDEX(Jesper!AH$2:AH$366,ROUNDDOWN($C5688/24,0)+1,1)*INDEX($D$3:$AA$30,INDEX(Jesper!$R$2:$R$366,ROW(INDEX(Jesper!AH$2:AH$366,ROUNDDOWN($C5688/24,0)+1,1))-1)+IF('Standard Profiles'!$G$18=$B$10,7,0)+IF('Standard Profiles'!$G$18=$B$17,14,0)+IF('Standard Profiles'!$G$18=$B$24,21,0),MOD($C5688,24)+1)/SUM(INDEX($D$3:$AA$30,INDEX(Jesper!$R$2:$R$366,ROW(INDEX(Jesper!AH$2:AH$366,ROUNDDOWN($C5688/24,0)+1,1))-1)+IF('Standard Profiles'!$G$18=$B$10,7,0)+IF('Standard Profiles'!$G$18=$B$17,14,0)+IF('Standard Profiles'!$G$18=$B$24,21,0),0)),0)</f>
        <v>15.294099986719836</v>
      </c>
      <c r="E5688" cm="1">
        <f t="array" ref="E5688">IFERROR(INDEX(Jesper!AI$2:AI$366,ROUNDDOWN($C5688/24,0)+1,1)*INDEX($D$3:$AA$30,INDEX(Jesper!$R$2:$R$366,ROW(INDEX(Jesper!AI$2:AI$366,ROUNDDOWN($C5688/24,0)+1,1))-1)+IF('Standard Profiles'!$G$19=$B$10,7,0)+IF('Standard Profiles'!$G$19=$B$17,14,0)+IF('Standard Profiles'!$G$19=$B$24,21,0),MOD($C5688,24)+1)/SUM(INDEX($D$3:$AA$30,INDEX(Jesper!$R$2:$R$366,ROW(INDEX(Jesper!AI$2:AI$366,ROUNDDOWN($C5688/24,0)+1,1))-1)+IF('Standard Profiles'!$G$19=$B$10,7,0)+IF('Standard Profiles'!$G$19=$B$17,14,0)+IF('Standard Profiles'!$G$19=$B$24,21,0),0)),0)</f>
        <v>0</v>
      </c>
      <c r="F5688" cm="1">
        <f t="array" ref="F5688">IFERROR(INDEX(Jesper!AJ$2:AJ$366,ROUNDDOWN($C5688/24,0)+1,1)*INDEX($D$3:$AA$30,INDEX(Jesper!$R$2:$R$366,ROW(INDEX(Jesper!AJ$2:AJ$366,ROUNDDOWN($C5688/24,0)+1,1))-1)+IF('Standard Profiles'!$G$20=$B$10,7,0)+IF('Standard Profiles'!$G$20=$B$17,14,0)+IF('Standard Profiles'!$G$20=$B$24,21,0),MOD($C5688,24)+1)/SUM(INDEX($D$3:$AA$30,INDEX(Jesper!$R$2:$R$366,ROW(INDEX(Jesper!AJ$2:AJ$366,ROUNDDOWN($C5688/24,0)+1,1))-1)+IF('Standard Profiles'!$G$20=$B$10,7,0)+IF('Standard Profiles'!$G$20=$B$17,14,0)+IF('Standard Profiles'!$G$20=$B$24,21,0),0)),0)</f>
        <v>0</v>
      </c>
      <c r="G5688" cm="1">
        <f t="array" ref="G5688">IFERROR(INDEX(Jesper!AK$2:AK$366,ROUNDDOWN($C5688/24,0)+1,1)*INDEX($D$3:$AA$30,INDEX(Jesper!$R$2:$R$366,ROW(INDEX(Jesper!AK$2:AK$366,ROUNDDOWN($C5688/24,0)+1,1))-1)+IF('Standard Profiles'!$G$21=$B$10,7,0)+IF('Standard Profiles'!$G$21=$B$17,14,0)+IF('Standard Profiles'!$G$21=$B$24,21,0),MOD($C5688,24)+1)/SUM(INDEX($D$3:$AA$30,INDEX(Jesper!$R$2:$R$366,ROW(INDEX(Jesper!AK$2:AK$366,ROUNDDOWN($C5688/24,0)+1,1))-1)+IF('Standard Profiles'!$G$21=$B$10,7,0)+IF('Standard Profiles'!$G$21=$B$17,14,0)+IF('Standard Profiles'!$G$21=$B$24,21,0),0)),0)</f>
        <v>0</v>
      </c>
      <c r="H5688" cm="1">
        <f t="array" ref="H5688">IFERROR(INDEX(Jesper!AL$2:AL$366,ROUNDDOWN($C5688/24,0)+1,1)*INDEX($D$3:$AA$30,INDEX(Jesper!$R$2:$R$366,ROW(INDEX(Jesper!AL$2:AL$366,ROUNDDOWN($C5688/24,0)+1,1))-1)+IF('Standard Profiles'!$G$22=$B$10,7,0)+IF('Standard Profiles'!$G$22=$B$17,14,0)+IF('Standard Profiles'!$G$22=$B$24,21,0),MOD($C5688,24)+1)/SUM(INDEX($D$3:$AA$30,INDEX(Jesper!$R$2:$R$366,ROW(INDEX(Jesper!AL$2:AL$366,ROUNDDOWN($C5688/24,0)+1,1))-1)+IF('Standard Profiles'!$G$22=$B$10,7,0)+IF('Standard Profiles'!$G$22=$B$17,14,0)+IF('Standard Profiles'!$G$22=$B$24,21,0),0)),0)</f>
        <v>0</v>
      </c>
      <c r="I5688">
        <f t="shared" si="636"/>
        <v>0.45882299960159506</v>
      </c>
      <c r="J5688">
        <f t="shared" si="637"/>
        <v>1.5294099986719836</v>
      </c>
      <c r="K5688">
        <f t="shared" si="638"/>
        <v>2.2941149980079754</v>
      </c>
      <c r="L5688">
        <f t="shared" si="639"/>
        <v>11.011751990438281</v>
      </c>
      <c r="M5688">
        <f t="shared" si="640"/>
        <v>0</v>
      </c>
      <c r="N5688" s="46">
        <f t="shared" si="641"/>
        <v>45527.583333319621</v>
      </c>
    </row>
    <row r="5689" spans="2:14" x14ac:dyDescent="0.3">
      <c r="B5689">
        <f t="shared" si="635"/>
        <v>5</v>
      </c>
      <c r="C5689" s="16">
        <v>5655</v>
      </c>
      <c r="D5689" cm="1">
        <f t="array" ref="D5689">IFERROR(INDEX(Jesper!AH$2:AH$366,ROUNDDOWN($C5689/24,0)+1,1)*INDEX($D$3:$AA$30,INDEX(Jesper!$R$2:$R$366,ROW(INDEX(Jesper!AH$2:AH$366,ROUNDDOWN($C5689/24,0)+1,1))-1)+IF('Standard Profiles'!$G$18=$B$10,7,0)+IF('Standard Profiles'!$G$18=$B$17,14,0)+IF('Standard Profiles'!$G$18=$B$24,21,0),MOD($C5689,24)+1)/SUM(INDEX($D$3:$AA$30,INDEX(Jesper!$R$2:$R$366,ROW(INDEX(Jesper!AH$2:AH$366,ROUNDDOWN($C5689/24,0)+1,1))-1)+IF('Standard Profiles'!$G$18=$B$10,7,0)+IF('Standard Profiles'!$G$18=$B$17,14,0)+IF('Standard Profiles'!$G$18=$B$24,21,0),0)),0)</f>
        <v>12.745083322266531</v>
      </c>
      <c r="E5689" cm="1">
        <f t="array" ref="E5689">IFERROR(INDEX(Jesper!AI$2:AI$366,ROUNDDOWN($C5689/24,0)+1,1)*INDEX($D$3:$AA$30,INDEX(Jesper!$R$2:$R$366,ROW(INDEX(Jesper!AI$2:AI$366,ROUNDDOWN($C5689/24,0)+1,1))-1)+IF('Standard Profiles'!$G$19=$B$10,7,0)+IF('Standard Profiles'!$G$19=$B$17,14,0)+IF('Standard Profiles'!$G$19=$B$24,21,0),MOD($C5689,24)+1)/SUM(INDEX($D$3:$AA$30,INDEX(Jesper!$R$2:$R$366,ROW(INDEX(Jesper!AI$2:AI$366,ROUNDDOWN($C5689/24,0)+1,1))-1)+IF('Standard Profiles'!$G$19=$B$10,7,0)+IF('Standard Profiles'!$G$19=$B$17,14,0)+IF('Standard Profiles'!$G$19=$B$24,21,0),0)),0)</f>
        <v>0</v>
      </c>
      <c r="F5689" cm="1">
        <f t="array" ref="F5689">IFERROR(INDEX(Jesper!AJ$2:AJ$366,ROUNDDOWN($C5689/24,0)+1,1)*INDEX($D$3:$AA$30,INDEX(Jesper!$R$2:$R$366,ROW(INDEX(Jesper!AJ$2:AJ$366,ROUNDDOWN($C5689/24,0)+1,1))-1)+IF('Standard Profiles'!$G$20=$B$10,7,0)+IF('Standard Profiles'!$G$20=$B$17,14,0)+IF('Standard Profiles'!$G$20=$B$24,21,0),MOD($C5689,24)+1)/SUM(INDEX($D$3:$AA$30,INDEX(Jesper!$R$2:$R$366,ROW(INDEX(Jesper!AJ$2:AJ$366,ROUNDDOWN($C5689/24,0)+1,1))-1)+IF('Standard Profiles'!$G$20=$B$10,7,0)+IF('Standard Profiles'!$G$20=$B$17,14,0)+IF('Standard Profiles'!$G$20=$B$24,21,0),0)),0)</f>
        <v>0</v>
      </c>
      <c r="G5689" cm="1">
        <f t="array" ref="G5689">IFERROR(INDEX(Jesper!AK$2:AK$366,ROUNDDOWN($C5689/24,0)+1,1)*INDEX($D$3:$AA$30,INDEX(Jesper!$R$2:$R$366,ROW(INDEX(Jesper!AK$2:AK$366,ROUNDDOWN($C5689/24,0)+1,1))-1)+IF('Standard Profiles'!$G$21=$B$10,7,0)+IF('Standard Profiles'!$G$21=$B$17,14,0)+IF('Standard Profiles'!$G$21=$B$24,21,0),MOD($C5689,24)+1)/SUM(INDEX($D$3:$AA$30,INDEX(Jesper!$R$2:$R$366,ROW(INDEX(Jesper!AK$2:AK$366,ROUNDDOWN($C5689/24,0)+1,1))-1)+IF('Standard Profiles'!$G$21=$B$10,7,0)+IF('Standard Profiles'!$G$21=$B$17,14,0)+IF('Standard Profiles'!$G$21=$B$24,21,0),0)),0)</f>
        <v>0</v>
      </c>
      <c r="H5689" cm="1">
        <f t="array" ref="H5689">IFERROR(INDEX(Jesper!AL$2:AL$366,ROUNDDOWN($C5689/24,0)+1,1)*INDEX($D$3:$AA$30,INDEX(Jesper!$R$2:$R$366,ROW(INDEX(Jesper!AL$2:AL$366,ROUNDDOWN($C5689/24,0)+1,1))-1)+IF('Standard Profiles'!$G$22=$B$10,7,0)+IF('Standard Profiles'!$G$22=$B$17,14,0)+IF('Standard Profiles'!$G$22=$B$24,21,0),MOD($C5689,24)+1)/SUM(INDEX($D$3:$AA$30,INDEX(Jesper!$R$2:$R$366,ROW(INDEX(Jesper!AL$2:AL$366,ROUNDDOWN($C5689/24,0)+1,1))-1)+IF('Standard Profiles'!$G$22=$B$10,7,0)+IF('Standard Profiles'!$G$22=$B$17,14,0)+IF('Standard Profiles'!$G$22=$B$24,21,0),0)),0)</f>
        <v>0</v>
      </c>
      <c r="I5689">
        <f t="shared" si="636"/>
        <v>0.38235249966799589</v>
      </c>
      <c r="J5689">
        <f t="shared" si="637"/>
        <v>1.2745083322266533</v>
      </c>
      <c r="K5689">
        <f t="shared" si="638"/>
        <v>1.9117624983399795</v>
      </c>
      <c r="L5689">
        <f t="shared" si="639"/>
        <v>9.1764599920319014</v>
      </c>
      <c r="M5689">
        <f t="shared" si="640"/>
        <v>0</v>
      </c>
      <c r="N5689" s="46">
        <f t="shared" si="641"/>
        <v>45527.624999986285</v>
      </c>
    </row>
    <row r="5690" spans="2:14" x14ac:dyDescent="0.3">
      <c r="B5690">
        <f t="shared" si="635"/>
        <v>5</v>
      </c>
      <c r="C5690" s="16">
        <v>5656</v>
      </c>
      <c r="D5690" cm="1">
        <f t="array" ref="D5690">IFERROR(INDEX(Jesper!AH$2:AH$366,ROUNDDOWN($C5690/24,0)+1,1)*INDEX($D$3:$AA$30,INDEX(Jesper!$R$2:$R$366,ROW(INDEX(Jesper!AH$2:AH$366,ROUNDDOWN($C5690/24,0)+1,1))-1)+IF('Standard Profiles'!$G$18=$B$10,7,0)+IF('Standard Profiles'!$G$18=$B$17,14,0)+IF('Standard Profiles'!$G$18=$B$24,21,0),MOD($C5690,24)+1)/SUM(INDEX($D$3:$AA$30,INDEX(Jesper!$R$2:$R$366,ROW(INDEX(Jesper!AH$2:AH$366,ROUNDDOWN($C5690/24,0)+1,1))-1)+IF('Standard Profiles'!$G$18=$B$10,7,0)+IF('Standard Profiles'!$G$18=$B$17,14,0)+IF('Standard Profiles'!$G$18=$B$24,21,0),0)),0)</f>
        <v>12.065345545078985</v>
      </c>
      <c r="E5690" cm="1">
        <f t="array" ref="E5690">IFERROR(INDEX(Jesper!AI$2:AI$366,ROUNDDOWN($C5690/24,0)+1,1)*INDEX($D$3:$AA$30,INDEX(Jesper!$R$2:$R$366,ROW(INDEX(Jesper!AI$2:AI$366,ROUNDDOWN($C5690/24,0)+1,1))-1)+IF('Standard Profiles'!$G$19=$B$10,7,0)+IF('Standard Profiles'!$G$19=$B$17,14,0)+IF('Standard Profiles'!$G$19=$B$24,21,0),MOD($C5690,24)+1)/SUM(INDEX($D$3:$AA$30,INDEX(Jesper!$R$2:$R$366,ROW(INDEX(Jesper!AI$2:AI$366,ROUNDDOWN($C5690/24,0)+1,1))-1)+IF('Standard Profiles'!$G$19=$B$10,7,0)+IF('Standard Profiles'!$G$19=$B$17,14,0)+IF('Standard Profiles'!$G$19=$B$24,21,0),0)),0)</f>
        <v>0</v>
      </c>
      <c r="F5690" cm="1">
        <f t="array" ref="F5690">IFERROR(INDEX(Jesper!AJ$2:AJ$366,ROUNDDOWN($C5690/24,0)+1,1)*INDEX($D$3:$AA$30,INDEX(Jesper!$R$2:$R$366,ROW(INDEX(Jesper!AJ$2:AJ$366,ROUNDDOWN($C5690/24,0)+1,1))-1)+IF('Standard Profiles'!$G$20=$B$10,7,0)+IF('Standard Profiles'!$G$20=$B$17,14,0)+IF('Standard Profiles'!$G$20=$B$24,21,0),MOD($C5690,24)+1)/SUM(INDEX($D$3:$AA$30,INDEX(Jesper!$R$2:$R$366,ROW(INDEX(Jesper!AJ$2:AJ$366,ROUNDDOWN($C5690/24,0)+1,1))-1)+IF('Standard Profiles'!$G$20=$B$10,7,0)+IF('Standard Profiles'!$G$20=$B$17,14,0)+IF('Standard Profiles'!$G$20=$B$24,21,0),0)),0)</f>
        <v>0</v>
      </c>
      <c r="G5690" cm="1">
        <f t="array" ref="G5690">IFERROR(INDEX(Jesper!AK$2:AK$366,ROUNDDOWN($C5690/24,0)+1,1)*INDEX($D$3:$AA$30,INDEX(Jesper!$R$2:$R$366,ROW(INDEX(Jesper!AK$2:AK$366,ROUNDDOWN($C5690/24,0)+1,1))-1)+IF('Standard Profiles'!$G$21=$B$10,7,0)+IF('Standard Profiles'!$G$21=$B$17,14,0)+IF('Standard Profiles'!$G$21=$B$24,21,0),MOD($C5690,24)+1)/SUM(INDEX($D$3:$AA$30,INDEX(Jesper!$R$2:$R$366,ROW(INDEX(Jesper!AK$2:AK$366,ROUNDDOWN($C5690/24,0)+1,1))-1)+IF('Standard Profiles'!$G$21=$B$10,7,0)+IF('Standard Profiles'!$G$21=$B$17,14,0)+IF('Standard Profiles'!$G$21=$B$24,21,0),0)),0)</f>
        <v>0</v>
      </c>
      <c r="H5690" cm="1">
        <f t="array" ref="H5690">IFERROR(INDEX(Jesper!AL$2:AL$366,ROUNDDOWN($C5690/24,0)+1,1)*INDEX($D$3:$AA$30,INDEX(Jesper!$R$2:$R$366,ROW(INDEX(Jesper!AL$2:AL$366,ROUNDDOWN($C5690/24,0)+1,1))-1)+IF('Standard Profiles'!$G$22=$B$10,7,0)+IF('Standard Profiles'!$G$22=$B$17,14,0)+IF('Standard Profiles'!$G$22=$B$24,21,0),MOD($C5690,24)+1)/SUM(INDEX($D$3:$AA$30,INDEX(Jesper!$R$2:$R$366,ROW(INDEX(Jesper!AL$2:AL$366,ROUNDDOWN($C5690/24,0)+1,1))-1)+IF('Standard Profiles'!$G$22=$B$10,7,0)+IF('Standard Profiles'!$G$22=$B$17,14,0)+IF('Standard Profiles'!$G$22=$B$24,21,0),0)),0)</f>
        <v>0</v>
      </c>
      <c r="I5690">
        <f t="shared" si="636"/>
        <v>0.36196036635236956</v>
      </c>
      <c r="J5690">
        <f t="shared" si="637"/>
        <v>1.2065345545078987</v>
      </c>
      <c r="K5690">
        <f t="shared" si="638"/>
        <v>1.8098018317618476</v>
      </c>
      <c r="L5690">
        <f t="shared" si="639"/>
        <v>8.6870487924568689</v>
      </c>
      <c r="M5690">
        <f t="shared" si="640"/>
        <v>0</v>
      </c>
      <c r="N5690" s="46">
        <f t="shared" si="641"/>
        <v>45527.666666652949</v>
      </c>
    </row>
    <row r="5691" spans="2:14" x14ac:dyDescent="0.3">
      <c r="B5691">
        <f t="shared" si="635"/>
        <v>5</v>
      </c>
      <c r="C5691" s="16">
        <v>5657</v>
      </c>
      <c r="D5691" cm="1">
        <f t="array" ref="D5691">IFERROR(INDEX(Jesper!AH$2:AH$366,ROUNDDOWN($C5691/24,0)+1,1)*INDEX($D$3:$AA$30,INDEX(Jesper!$R$2:$R$366,ROW(INDEX(Jesper!AH$2:AH$366,ROUNDDOWN($C5691/24,0)+1,1))-1)+IF('Standard Profiles'!$G$18=$B$10,7,0)+IF('Standard Profiles'!$G$18=$B$17,14,0)+IF('Standard Profiles'!$G$18=$B$24,21,0),MOD($C5691,24)+1)/SUM(INDEX($D$3:$AA$30,INDEX(Jesper!$R$2:$R$366,ROW(INDEX(Jesper!AH$2:AH$366,ROUNDDOWN($C5691/24,0)+1,1))-1)+IF('Standard Profiles'!$G$18=$B$10,7,0)+IF('Standard Profiles'!$G$18=$B$17,14,0)+IF('Standard Profiles'!$G$18=$B$24,21,0),0)),0)</f>
        <v>12.065345545078985</v>
      </c>
      <c r="E5691" cm="1">
        <f t="array" ref="E5691">IFERROR(INDEX(Jesper!AI$2:AI$366,ROUNDDOWN($C5691/24,0)+1,1)*INDEX($D$3:$AA$30,INDEX(Jesper!$R$2:$R$366,ROW(INDEX(Jesper!AI$2:AI$366,ROUNDDOWN($C5691/24,0)+1,1))-1)+IF('Standard Profiles'!$G$19=$B$10,7,0)+IF('Standard Profiles'!$G$19=$B$17,14,0)+IF('Standard Profiles'!$G$19=$B$24,21,0),MOD($C5691,24)+1)/SUM(INDEX($D$3:$AA$30,INDEX(Jesper!$R$2:$R$366,ROW(INDEX(Jesper!AI$2:AI$366,ROUNDDOWN($C5691/24,0)+1,1))-1)+IF('Standard Profiles'!$G$19=$B$10,7,0)+IF('Standard Profiles'!$G$19=$B$17,14,0)+IF('Standard Profiles'!$G$19=$B$24,21,0),0)),0)</f>
        <v>0</v>
      </c>
      <c r="F5691" cm="1">
        <f t="array" ref="F5691">IFERROR(INDEX(Jesper!AJ$2:AJ$366,ROUNDDOWN($C5691/24,0)+1,1)*INDEX($D$3:$AA$30,INDEX(Jesper!$R$2:$R$366,ROW(INDEX(Jesper!AJ$2:AJ$366,ROUNDDOWN($C5691/24,0)+1,1))-1)+IF('Standard Profiles'!$G$20=$B$10,7,0)+IF('Standard Profiles'!$G$20=$B$17,14,0)+IF('Standard Profiles'!$G$20=$B$24,21,0),MOD($C5691,24)+1)/SUM(INDEX($D$3:$AA$30,INDEX(Jesper!$R$2:$R$366,ROW(INDEX(Jesper!AJ$2:AJ$366,ROUNDDOWN($C5691/24,0)+1,1))-1)+IF('Standard Profiles'!$G$20=$B$10,7,0)+IF('Standard Profiles'!$G$20=$B$17,14,0)+IF('Standard Profiles'!$G$20=$B$24,21,0),0)),0)</f>
        <v>0</v>
      </c>
      <c r="G5691" cm="1">
        <f t="array" ref="G5691">IFERROR(INDEX(Jesper!AK$2:AK$366,ROUNDDOWN($C5691/24,0)+1,1)*INDEX($D$3:$AA$30,INDEX(Jesper!$R$2:$R$366,ROW(INDEX(Jesper!AK$2:AK$366,ROUNDDOWN($C5691/24,0)+1,1))-1)+IF('Standard Profiles'!$G$21=$B$10,7,0)+IF('Standard Profiles'!$G$21=$B$17,14,0)+IF('Standard Profiles'!$G$21=$B$24,21,0),MOD($C5691,24)+1)/SUM(INDEX($D$3:$AA$30,INDEX(Jesper!$R$2:$R$366,ROW(INDEX(Jesper!AK$2:AK$366,ROUNDDOWN($C5691/24,0)+1,1))-1)+IF('Standard Profiles'!$G$21=$B$10,7,0)+IF('Standard Profiles'!$G$21=$B$17,14,0)+IF('Standard Profiles'!$G$21=$B$24,21,0),0)),0)</f>
        <v>0</v>
      </c>
      <c r="H5691" cm="1">
        <f t="array" ref="H5691">IFERROR(INDEX(Jesper!AL$2:AL$366,ROUNDDOWN($C5691/24,0)+1,1)*INDEX($D$3:$AA$30,INDEX(Jesper!$R$2:$R$366,ROW(INDEX(Jesper!AL$2:AL$366,ROUNDDOWN($C5691/24,0)+1,1))-1)+IF('Standard Profiles'!$G$22=$B$10,7,0)+IF('Standard Profiles'!$G$22=$B$17,14,0)+IF('Standard Profiles'!$G$22=$B$24,21,0),MOD($C5691,24)+1)/SUM(INDEX($D$3:$AA$30,INDEX(Jesper!$R$2:$R$366,ROW(INDEX(Jesper!AL$2:AL$366,ROUNDDOWN($C5691/24,0)+1,1))-1)+IF('Standard Profiles'!$G$22=$B$10,7,0)+IF('Standard Profiles'!$G$22=$B$17,14,0)+IF('Standard Profiles'!$G$22=$B$24,21,0),0)),0)</f>
        <v>0</v>
      </c>
      <c r="I5691">
        <f t="shared" si="636"/>
        <v>0.36196036635236956</v>
      </c>
      <c r="J5691">
        <f t="shared" si="637"/>
        <v>1.2065345545078987</v>
      </c>
      <c r="K5691">
        <f t="shared" si="638"/>
        <v>1.8098018317618476</v>
      </c>
      <c r="L5691">
        <f t="shared" si="639"/>
        <v>8.6870487924568689</v>
      </c>
      <c r="M5691">
        <f t="shared" si="640"/>
        <v>0</v>
      </c>
      <c r="N5691" s="46">
        <f t="shared" si="641"/>
        <v>45527.708333319613</v>
      </c>
    </row>
    <row r="5692" spans="2:14" x14ac:dyDescent="0.3">
      <c r="B5692">
        <f t="shared" si="635"/>
        <v>5</v>
      </c>
      <c r="C5692" s="16">
        <v>5658</v>
      </c>
      <c r="D5692" cm="1">
        <f t="array" ref="D5692">IFERROR(INDEX(Jesper!AH$2:AH$366,ROUNDDOWN($C5692/24,0)+1,1)*INDEX($D$3:$AA$30,INDEX(Jesper!$R$2:$R$366,ROW(INDEX(Jesper!AH$2:AH$366,ROUNDDOWN($C5692/24,0)+1,1))-1)+IF('Standard Profiles'!$G$18=$B$10,7,0)+IF('Standard Profiles'!$G$18=$B$17,14,0)+IF('Standard Profiles'!$G$18=$B$24,21,0),MOD($C5692,24)+1)/SUM(INDEX($D$3:$AA$30,INDEX(Jesper!$R$2:$R$366,ROW(INDEX(Jesper!AH$2:AH$366,ROUNDDOWN($C5692/24,0)+1,1))-1)+IF('Standard Profiles'!$G$18=$B$10,7,0)+IF('Standard Profiles'!$G$18=$B$17,14,0)+IF('Standard Profiles'!$G$18=$B$24,21,0),0)),0)</f>
        <v>12.065345545078985</v>
      </c>
      <c r="E5692" cm="1">
        <f t="array" ref="E5692">IFERROR(INDEX(Jesper!AI$2:AI$366,ROUNDDOWN($C5692/24,0)+1,1)*INDEX($D$3:$AA$30,INDEX(Jesper!$R$2:$R$366,ROW(INDEX(Jesper!AI$2:AI$366,ROUNDDOWN($C5692/24,0)+1,1))-1)+IF('Standard Profiles'!$G$19=$B$10,7,0)+IF('Standard Profiles'!$G$19=$B$17,14,0)+IF('Standard Profiles'!$G$19=$B$24,21,0),MOD($C5692,24)+1)/SUM(INDEX($D$3:$AA$30,INDEX(Jesper!$R$2:$R$366,ROW(INDEX(Jesper!AI$2:AI$366,ROUNDDOWN($C5692/24,0)+1,1))-1)+IF('Standard Profiles'!$G$19=$B$10,7,0)+IF('Standard Profiles'!$G$19=$B$17,14,0)+IF('Standard Profiles'!$G$19=$B$24,21,0),0)),0)</f>
        <v>0</v>
      </c>
      <c r="F5692" cm="1">
        <f t="array" ref="F5692">IFERROR(INDEX(Jesper!AJ$2:AJ$366,ROUNDDOWN($C5692/24,0)+1,1)*INDEX($D$3:$AA$30,INDEX(Jesper!$R$2:$R$366,ROW(INDEX(Jesper!AJ$2:AJ$366,ROUNDDOWN($C5692/24,0)+1,1))-1)+IF('Standard Profiles'!$G$20=$B$10,7,0)+IF('Standard Profiles'!$G$20=$B$17,14,0)+IF('Standard Profiles'!$G$20=$B$24,21,0),MOD($C5692,24)+1)/SUM(INDEX($D$3:$AA$30,INDEX(Jesper!$R$2:$R$366,ROW(INDEX(Jesper!AJ$2:AJ$366,ROUNDDOWN($C5692/24,0)+1,1))-1)+IF('Standard Profiles'!$G$20=$B$10,7,0)+IF('Standard Profiles'!$G$20=$B$17,14,0)+IF('Standard Profiles'!$G$20=$B$24,21,0),0)),0)</f>
        <v>0</v>
      </c>
      <c r="G5692" cm="1">
        <f t="array" ref="G5692">IFERROR(INDEX(Jesper!AK$2:AK$366,ROUNDDOWN($C5692/24,0)+1,1)*INDEX($D$3:$AA$30,INDEX(Jesper!$R$2:$R$366,ROW(INDEX(Jesper!AK$2:AK$366,ROUNDDOWN($C5692/24,0)+1,1))-1)+IF('Standard Profiles'!$G$21=$B$10,7,0)+IF('Standard Profiles'!$G$21=$B$17,14,0)+IF('Standard Profiles'!$G$21=$B$24,21,0),MOD($C5692,24)+1)/SUM(INDEX($D$3:$AA$30,INDEX(Jesper!$R$2:$R$366,ROW(INDEX(Jesper!AK$2:AK$366,ROUNDDOWN($C5692/24,0)+1,1))-1)+IF('Standard Profiles'!$G$21=$B$10,7,0)+IF('Standard Profiles'!$G$21=$B$17,14,0)+IF('Standard Profiles'!$G$21=$B$24,21,0),0)),0)</f>
        <v>0</v>
      </c>
      <c r="H5692" cm="1">
        <f t="array" ref="H5692">IFERROR(INDEX(Jesper!AL$2:AL$366,ROUNDDOWN($C5692/24,0)+1,1)*INDEX($D$3:$AA$30,INDEX(Jesper!$R$2:$R$366,ROW(INDEX(Jesper!AL$2:AL$366,ROUNDDOWN($C5692/24,0)+1,1))-1)+IF('Standard Profiles'!$G$22=$B$10,7,0)+IF('Standard Profiles'!$G$22=$B$17,14,0)+IF('Standard Profiles'!$G$22=$B$24,21,0),MOD($C5692,24)+1)/SUM(INDEX($D$3:$AA$30,INDEX(Jesper!$R$2:$R$366,ROW(INDEX(Jesper!AL$2:AL$366,ROUNDDOWN($C5692/24,0)+1,1))-1)+IF('Standard Profiles'!$G$22=$B$10,7,0)+IF('Standard Profiles'!$G$22=$B$17,14,0)+IF('Standard Profiles'!$G$22=$B$24,21,0),0)),0)</f>
        <v>0</v>
      </c>
      <c r="I5692">
        <f t="shared" si="636"/>
        <v>0.36196036635236956</v>
      </c>
      <c r="J5692">
        <f t="shared" si="637"/>
        <v>1.2065345545078987</v>
      </c>
      <c r="K5692">
        <f t="shared" si="638"/>
        <v>1.8098018317618476</v>
      </c>
      <c r="L5692">
        <f t="shared" si="639"/>
        <v>8.6870487924568689</v>
      </c>
      <c r="M5692">
        <f t="shared" si="640"/>
        <v>0</v>
      </c>
      <c r="N5692" s="46">
        <f t="shared" si="641"/>
        <v>45527.749999986278</v>
      </c>
    </row>
    <row r="5693" spans="2:14" x14ac:dyDescent="0.3">
      <c r="B5693">
        <f t="shared" si="635"/>
        <v>5</v>
      </c>
      <c r="C5693" s="16">
        <v>5659</v>
      </c>
      <c r="D5693" cm="1">
        <f t="array" ref="D5693">IFERROR(INDEX(Jesper!AH$2:AH$366,ROUNDDOWN($C5693/24,0)+1,1)*INDEX($D$3:$AA$30,INDEX(Jesper!$R$2:$R$366,ROW(INDEX(Jesper!AH$2:AH$366,ROUNDDOWN($C5693/24,0)+1,1))-1)+IF('Standard Profiles'!$G$18=$B$10,7,0)+IF('Standard Profiles'!$G$18=$B$17,14,0)+IF('Standard Profiles'!$G$18=$B$24,21,0),MOD($C5693,24)+1)/SUM(INDEX($D$3:$AA$30,INDEX(Jesper!$R$2:$R$366,ROW(INDEX(Jesper!AH$2:AH$366,ROUNDDOWN($C5693/24,0)+1,1))-1)+IF('Standard Profiles'!$G$18=$B$10,7,0)+IF('Standard Profiles'!$G$18=$B$17,14,0)+IF('Standard Profiles'!$G$18=$B$24,21,0),0)),0)</f>
        <v>12.065345545078985</v>
      </c>
      <c r="E5693" cm="1">
        <f t="array" ref="E5693">IFERROR(INDEX(Jesper!AI$2:AI$366,ROUNDDOWN($C5693/24,0)+1,1)*INDEX($D$3:$AA$30,INDEX(Jesper!$R$2:$R$366,ROW(INDEX(Jesper!AI$2:AI$366,ROUNDDOWN($C5693/24,0)+1,1))-1)+IF('Standard Profiles'!$G$19=$B$10,7,0)+IF('Standard Profiles'!$G$19=$B$17,14,0)+IF('Standard Profiles'!$G$19=$B$24,21,0),MOD($C5693,24)+1)/SUM(INDEX($D$3:$AA$30,INDEX(Jesper!$R$2:$R$366,ROW(INDEX(Jesper!AI$2:AI$366,ROUNDDOWN($C5693/24,0)+1,1))-1)+IF('Standard Profiles'!$G$19=$B$10,7,0)+IF('Standard Profiles'!$G$19=$B$17,14,0)+IF('Standard Profiles'!$G$19=$B$24,21,0),0)),0)</f>
        <v>0</v>
      </c>
      <c r="F5693" cm="1">
        <f t="array" ref="F5693">IFERROR(INDEX(Jesper!AJ$2:AJ$366,ROUNDDOWN($C5693/24,0)+1,1)*INDEX($D$3:$AA$30,INDEX(Jesper!$R$2:$R$366,ROW(INDEX(Jesper!AJ$2:AJ$366,ROUNDDOWN($C5693/24,0)+1,1))-1)+IF('Standard Profiles'!$G$20=$B$10,7,0)+IF('Standard Profiles'!$G$20=$B$17,14,0)+IF('Standard Profiles'!$G$20=$B$24,21,0),MOD($C5693,24)+1)/SUM(INDEX($D$3:$AA$30,INDEX(Jesper!$R$2:$R$366,ROW(INDEX(Jesper!AJ$2:AJ$366,ROUNDDOWN($C5693/24,0)+1,1))-1)+IF('Standard Profiles'!$G$20=$B$10,7,0)+IF('Standard Profiles'!$G$20=$B$17,14,0)+IF('Standard Profiles'!$G$20=$B$24,21,0),0)),0)</f>
        <v>0</v>
      </c>
      <c r="G5693" cm="1">
        <f t="array" ref="G5693">IFERROR(INDEX(Jesper!AK$2:AK$366,ROUNDDOWN($C5693/24,0)+1,1)*INDEX($D$3:$AA$30,INDEX(Jesper!$R$2:$R$366,ROW(INDEX(Jesper!AK$2:AK$366,ROUNDDOWN($C5693/24,0)+1,1))-1)+IF('Standard Profiles'!$G$21=$B$10,7,0)+IF('Standard Profiles'!$G$21=$B$17,14,0)+IF('Standard Profiles'!$G$21=$B$24,21,0),MOD($C5693,24)+1)/SUM(INDEX($D$3:$AA$30,INDEX(Jesper!$R$2:$R$366,ROW(INDEX(Jesper!AK$2:AK$366,ROUNDDOWN($C5693/24,0)+1,1))-1)+IF('Standard Profiles'!$G$21=$B$10,7,0)+IF('Standard Profiles'!$G$21=$B$17,14,0)+IF('Standard Profiles'!$G$21=$B$24,21,0),0)),0)</f>
        <v>0</v>
      </c>
      <c r="H5693" cm="1">
        <f t="array" ref="H5693">IFERROR(INDEX(Jesper!AL$2:AL$366,ROUNDDOWN($C5693/24,0)+1,1)*INDEX($D$3:$AA$30,INDEX(Jesper!$R$2:$R$366,ROW(INDEX(Jesper!AL$2:AL$366,ROUNDDOWN($C5693/24,0)+1,1))-1)+IF('Standard Profiles'!$G$22=$B$10,7,0)+IF('Standard Profiles'!$G$22=$B$17,14,0)+IF('Standard Profiles'!$G$22=$B$24,21,0),MOD($C5693,24)+1)/SUM(INDEX($D$3:$AA$30,INDEX(Jesper!$R$2:$R$366,ROW(INDEX(Jesper!AL$2:AL$366,ROUNDDOWN($C5693/24,0)+1,1))-1)+IF('Standard Profiles'!$G$22=$B$10,7,0)+IF('Standard Profiles'!$G$22=$B$17,14,0)+IF('Standard Profiles'!$G$22=$B$24,21,0),0)),0)</f>
        <v>0</v>
      </c>
      <c r="I5693">
        <f t="shared" si="636"/>
        <v>0.36196036635236956</v>
      </c>
      <c r="J5693">
        <f t="shared" si="637"/>
        <v>1.2065345545078987</v>
      </c>
      <c r="K5693">
        <f t="shared" si="638"/>
        <v>1.8098018317618476</v>
      </c>
      <c r="L5693">
        <f t="shared" si="639"/>
        <v>8.6870487924568689</v>
      </c>
      <c r="M5693">
        <f t="shared" si="640"/>
        <v>0</v>
      </c>
      <c r="N5693" s="46">
        <f t="shared" si="641"/>
        <v>45527.791666652942</v>
      </c>
    </row>
    <row r="5694" spans="2:14" x14ac:dyDescent="0.3">
      <c r="B5694">
        <f t="shared" si="635"/>
        <v>5</v>
      </c>
      <c r="C5694" s="16">
        <v>5660</v>
      </c>
      <c r="D5694" cm="1">
        <f t="array" ref="D5694">IFERROR(INDEX(Jesper!AH$2:AH$366,ROUNDDOWN($C5694/24,0)+1,1)*INDEX($D$3:$AA$30,INDEX(Jesper!$R$2:$R$366,ROW(INDEX(Jesper!AH$2:AH$366,ROUNDDOWN($C5694/24,0)+1,1))-1)+IF('Standard Profiles'!$G$18=$B$10,7,0)+IF('Standard Profiles'!$G$18=$B$17,14,0)+IF('Standard Profiles'!$G$18=$B$24,21,0),MOD($C5694,24)+1)/SUM(INDEX($D$3:$AA$30,INDEX(Jesper!$R$2:$R$366,ROW(INDEX(Jesper!AH$2:AH$366,ROUNDDOWN($C5694/24,0)+1,1))-1)+IF('Standard Profiles'!$G$18=$B$10,7,0)+IF('Standard Profiles'!$G$18=$B$17,14,0)+IF('Standard Profiles'!$G$18=$B$24,21,0),0)),0)</f>
        <v>9.3463944363287901</v>
      </c>
      <c r="E5694" cm="1">
        <f t="array" ref="E5694">IFERROR(INDEX(Jesper!AI$2:AI$366,ROUNDDOWN($C5694/24,0)+1,1)*INDEX($D$3:$AA$30,INDEX(Jesper!$R$2:$R$366,ROW(INDEX(Jesper!AI$2:AI$366,ROUNDDOWN($C5694/24,0)+1,1))-1)+IF('Standard Profiles'!$G$19=$B$10,7,0)+IF('Standard Profiles'!$G$19=$B$17,14,0)+IF('Standard Profiles'!$G$19=$B$24,21,0),MOD($C5694,24)+1)/SUM(INDEX($D$3:$AA$30,INDEX(Jesper!$R$2:$R$366,ROW(INDEX(Jesper!AI$2:AI$366,ROUNDDOWN($C5694/24,0)+1,1))-1)+IF('Standard Profiles'!$G$19=$B$10,7,0)+IF('Standard Profiles'!$G$19=$B$17,14,0)+IF('Standard Profiles'!$G$19=$B$24,21,0),0)),0)</f>
        <v>0</v>
      </c>
      <c r="F5694" cm="1">
        <f t="array" ref="F5694">IFERROR(INDEX(Jesper!AJ$2:AJ$366,ROUNDDOWN($C5694/24,0)+1,1)*INDEX($D$3:$AA$30,INDEX(Jesper!$R$2:$R$366,ROW(INDEX(Jesper!AJ$2:AJ$366,ROUNDDOWN($C5694/24,0)+1,1))-1)+IF('Standard Profiles'!$G$20=$B$10,7,0)+IF('Standard Profiles'!$G$20=$B$17,14,0)+IF('Standard Profiles'!$G$20=$B$24,21,0),MOD($C5694,24)+1)/SUM(INDEX($D$3:$AA$30,INDEX(Jesper!$R$2:$R$366,ROW(INDEX(Jesper!AJ$2:AJ$366,ROUNDDOWN($C5694/24,0)+1,1))-1)+IF('Standard Profiles'!$G$20=$B$10,7,0)+IF('Standard Profiles'!$G$20=$B$17,14,0)+IF('Standard Profiles'!$G$20=$B$24,21,0),0)),0)</f>
        <v>0</v>
      </c>
      <c r="G5694" cm="1">
        <f t="array" ref="G5694">IFERROR(INDEX(Jesper!AK$2:AK$366,ROUNDDOWN($C5694/24,0)+1,1)*INDEX($D$3:$AA$30,INDEX(Jesper!$R$2:$R$366,ROW(INDEX(Jesper!AK$2:AK$366,ROUNDDOWN($C5694/24,0)+1,1))-1)+IF('Standard Profiles'!$G$21=$B$10,7,0)+IF('Standard Profiles'!$G$21=$B$17,14,0)+IF('Standard Profiles'!$G$21=$B$24,21,0),MOD($C5694,24)+1)/SUM(INDEX($D$3:$AA$30,INDEX(Jesper!$R$2:$R$366,ROW(INDEX(Jesper!AK$2:AK$366,ROUNDDOWN($C5694/24,0)+1,1))-1)+IF('Standard Profiles'!$G$21=$B$10,7,0)+IF('Standard Profiles'!$G$21=$B$17,14,0)+IF('Standard Profiles'!$G$21=$B$24,21,0),0)),0)</f>
        <v>0</v>
      </c>
      <c r="H5694" cm="1">
        <f t="array" ref="H5694">IFERROR(INDEX(Jesper!AL$2:AL$366,ROUNDDOWN($C5694/24,0)+1,1)*INDEX($D$3:$AA$30,INDEX(Jesper!$R$2:$R$366,ROW(INDEX(Jesper!AL$2:AL$366,ROUNDDOWN($C5694/24,0)+1,1))-1)+IF('Standard Profiles'!$G$22=$B$10,7,0)+IF('Standard Profiles'!$G$22=$B$17,14,0)+IF('Standard Profiles'!$G$22=$B$24,21,0),MOD($C5694,24)+1)/SUM(INDEX($D$3:$AA$30,INDEX(Jesper!$R$2:$R$366,ROW(INDEX(Jesper!AL$2:AL$366,ROUNDDOWN($C5694/24,0)+1,1))-1)+IF('Standard Profiles'!$G$22=$B$10,7,0)+IF('Standard Profiles'!$G$22=$B$17,14,0)+IF('Standard Profiles'!$G$22=$B$24,21,0),0)),0)</f>
        <v>0</v>
      </c>
      <c r="I5694">
        <f t="shared" si="636"/>
        <v>0.28039183308986371</v>
      </c>
      <c r="J5694">
        <f t="shared" si="637"/>
        <v>0.9346394436328791</v>
      </c>
      <c r="K5694">
        <f t="shared" si="638"/>
        <v>1.4019591654493184</v>
      </c>
      <c r="L5694">
        <f t="shared" si="639"/>
        <v>6.729403994156729</v>
      </c>
      <c r="M5694">
        <f t="shared" si="640"/>
        <v>0</v>
      </c>
      <c r="N5694" s="46">
        <f t="shared" si="641"/>
        <v>45527.833333319606</v>
      </c>
    </row>
    <row r="5695" spans="2:14" x14ac:dyDescent="0.3">
      <c r="B5695">
        <f t="shared" si="635"/>
        <v>5</v>
      </c>
      <c r="C5695" s="16">
        <v>5661</v>
      </c>
      <c r="D5695" cm="1">
        <f t="array" ref="D5695">IFERROR(INDEX(Jesper!AH$2:AH$366,ROUNDDOWN($C5695/24,0)+1,1)*INDEX($D$3:$AA$30,INDEX(Jesper!$R$2:$R$366,ROW(INDEX(Jesper!AH$2:AH$366,ROUNDDOWN($C5695/24,0)+1,1))-1)+IF('Standard Profiles'!$G$18=$B$10,7,0)+IF('Standard Profiles'!$G$18=$B$17,14,0)+IF('Standard Profiles'!$G$18=$B$24,21,0),MOD($C5695,24)+1)/SUM(INDEX($D$3:$AA$30,INDEX(Jesper!$R$2:$R$366,ROW(INDEX(Jesper!AH$2:AH$366,ROUNDDOWN($C5695/24,0)+1,1))-1)+IF('Standard Profiles'!$G$18=$B$10,7,0)+IF('Standard Profiles'!$G$18=$B$17,14,0)+IF('Standard Profiles'!$G$18=$B$24,21,0),0)),0)</f>
        <v>3.5686233302346286</v>
      </c>
      <c r="E5695" cm="1">
        <f t="array" ref="E5695">IFERROR(INDEX(Jesper!AI$2:AI$366,ROUNDDOWN($C5695/24,0)+1,1)*INDEX($D$3:$AA$30,INDEX(Jesper!$R$2:$R$366,ROW(INDEX(Jesper!AI$2:AI$366,ROUNDDOWN($C5695/24,0)+1,1))-1)+IF('Standard Profiles'!$G$19=$B$10,7,0)+IF('Standard Profiles'!$G$19=$B$17,14,0)+IF('Standard Profiles'!$G$19=$B$24,21,0),MOD($C5695,24)+1)/SUM(INDEX($D$3:$AA$30,INDEX(Jesper!$R$2:$R$366,ROW(INDEX(Jesper!AI$2:AI$366,ROUNDDOWN($C5695/24,0)+1,1))-1)+IF('Standard Profiles'!$G$19=$B$10,7,0)+IF('Standard Profiles'!$G$19=$B$17,14,0)+IF('Standard Profiles'!$G$19=$B$24,21,0),0)),0)</f>
        <v>0</v>
      </c>
      <c r="F5695" cm="1">
        <f t="array" ref="F5695">IFERROR(INDEX(Jesper!AJ$2:AJ$366,ROUNDDOWN($C5695/24,0)+1,1)*INDEX($D$3:$AA$30,INDEX(Jesper!$R$2:$R$366,ROW(INDEX(Jesper!AJ$2:AJ$366,ROUNDDOWN($C5695/24,0)+1,1))-1)+IF('Standard Profiles'!$G$20=$B$10,7,0)+IF('Standard Profiles'!$G$20=$B$17,14,0)+IF('Standard Profiles'!$G$20=$B$24,21,0),MOD($C5695,24)+1)/SUM(INDEX($D$3:$AA$30,INDEX(Jesper!$R$2:$R$366,ROW(INDEX(Jesper!AJ$2:AJ$366,ROUNDDOWN($C5695/24,0)+1,1))-1)+IF('Standard Profiles'!$G$20=$B$10,7,0)+IF('Standard Profiles'!$G$20=$B$17,14,0)+IF('Standard Profiles'!$G$20=$B$24,21,0),0)),0)</f>
        <v>0</v>
      </c>
      <c r="G5695" cm="1">
        <f t="array" ref="G5695">IFERROR(INDEX(Jesper!AK$2:AK$366,ROUNDDOWN($C5695/24,0)+1,1)*INDEX($D$3:$AA$30,INDEX(Jesper!$R$2:$R$366,ROW(INDEX(Jesper!AK$2:AK$366,ROUNDDOWN($C5695/24,0)+1,1))-1)+IF('Standard Profiles'!$G$21=$B$10,7,0)+IF('Standard Profiles'!$G$21=$B$17,14,0)+IF('Standard Profiles'!$G$21=$B$24,21,0),MOD($C5695,24)+1)/SUM(INDEX($D$3:$AA$30,INDEX(Jesper!$R$2:$R$366,ROW(INDEX(Jesper!AK$2:AK$366,ROUNDDOWN($C5695/24,0)+1,1))-1)+IF('Standard Profiles'!$G$21=$B$10,7,0)+IF('Standard Profiles'!$G$21=$B$17,14,0)+IF('Standard Profiles'!$G$21=$B$24,21,0),0)),0)</f>
        <v>0</v>
      </c>
      <c r="H5695" cm="1">
        <f t="array" ref="H5695">IFERROR(INDEX(Jesper!AL$2:AL$366,ROUNDDOWN($C5695/24,0)+1,1)*INDEX($D$3:$AA$30,INDEX(Jesper!$R$2:$R$366,ROW(INDEX(Jesper!AL$2:AL$366,ROUNDDOWN($C5695/24,0)+1,1))-1)+IF('Standard Profiles'!$G$22=$B$10,7,0)+IF('Standard Profiles'!$G$22=$B$17,14,0)+IF('Standard Profiles'!$G$22=$B$24,21,0),MOD($C5695,24)+1)/SUM(INDEX($D$3:$AA$30,INDEX(Jesper!$R$2:$R$366,ROW(INDEX(Jesper!AL$2:AL$366,ROUNDDOWN($C5695/24,0)+1,1))-1)+IF('Standard Profiles'!$G$22=$B$10,7,0)+IF('Standard Profiles'!$G$22=$B$17,14,0)+IF('Standard Profiles'!$G$22=$B$24,21,0),0)),0)</f>
        <v>0</v>
      </c>
      <c r="I5695">
        <f t="shared" si="636"/>
        <v>0.10705869990703885</v>
      </c>
      <c r="J5695">
        <f t="shared" si="637"/>
        <v>0.35686233302346287</v>
      </c>
      <c r="K5695">
        <f t="shared" si="638"/>
        <v>0.53529349953519423</v>
      </c>
      <c r="L5695">
        <f t="shared" si="639"/>
        <v>2.5694087977689324</v>
      </c>
      <c r="M5695">
        <f t="shared" si="640"/>
        <v>0</v>
      </c>
      <c r="N5695" s="46">
        <f t="shared" si="641"/>
        <v>45527.87499998627</v>
      </c>
    </row>
    <row r="5696" spans="2:14" x14ac:dyDescent="0.3">
      <c r="B5696">
        <f t="shared" si="635"/>
        <v>5</v>
      </c>
      <c r="C5696" s="16">
        <v>5662</v>
      </c>
      <c r="D5696" cm="1">
        <f t="array" ref="D5696">IFERROR(INDEX(Jesper!AH$2:AH$366,ROUNDDOWN($C5696/24,0)+1,1)*INDEX($D$3:$AA$30,INDEX(Jesper!$R$2:$R$366,ROW(INDEX(Jesper!AH$2:AH$366,ROUNDDOWN($C5696/24,0)+1,1))-1)+IF('Standard Profiles'!$G$18=$B$10,7,0)+IF('Standard Profiles'!$G$18=$B$17,14,0)+IF('Standard Profiles'!$G$18=$B$24,21,0),MOD($C5696,24)+1)/SUM(INDEX($D$3:$AA$30,INDEX(Jesper!$R$2:$R$366,ROW(INDEX(Jesper!AH$2:AH$366,ROUNDDOWN($C5696/24,0)+1,1))-1)+IF('Standard Profiles'!$G$18=$B$10,7,0)+IF('Standard Profiles'!$G$18=$B$17,14,0)+IF('Standard Profiles'!$G$18=$B$24,21,0),0)),0)</f>
        <v>3.5686233302346286</v>
      </c>
      <c r="E5696" cm="1">
        <f t="array" ref="E5696">IFERROR(INDEX(Jesper!AI$2:AI$366,ROUNDDOWN($C5696/24,0)+1,1)*INDEX($D$3:$AA$30,INDEX(Jesper!$R$2:$R$366,ROW(INDEX(Jesper!AI$2:AI$366,ROUNDDOWN($C5696/24,0)+1,1))-1)+IF('Standard Profiles'!$G$19=$B$10,7,0)+IF('Standard Profiles'!$G$19=$B$17,14,0)+IF('Standard Profiles'!$G$19=$B$24,21,0),MOD($C5696,24)+1)/SUM(INDEX($D$3:$AA$30,INDEX(Jesper!$R$2:$R$366,ROW(INDEX(Jesper!AI$2:AI$366,ROUNDDOWN($C5696/24,0)+1,1))-1)+IF('Standard Profiles'!$G$19=$B$10,7,0)+IF('Standard Profiles'!$G$19=$B$17,14,0)+IF('Standard Profiles'!$G$19=$B$24,21,0),0)),0)</f>
        <v>0</v>
      </c>
      <c r="F5696" cm="1">
        <f t="array" ref="F5696">IFERROR(INDEX(Jesper!AJ$2:AJ$366,ROUNDDOWN($C5696/24,0)+1,1)*INDEX($D$3:$AA$30,INDEX(Jesper!$R$2:$R$366,ROW(INDEX(Jesper!AJ$2:AJ$366,ROUNDDOWN($C5696/24,0)+1,1))-1)+IF('Standard Profiles'!$G$20=$B$10,7,0)+IF('Standard Profiles'!$G$20=$B$17,14,0)+IF('Standard Profiles'!$G$20=$B$24,21,0),MOD($C5696,24)+1)/SUM(INDEX($D$3:$AA$30,INDEX(Jesper!$R$2:$R$366,ROW(INDEX(Jesper!AJ$2:AJ$366,ROUNDDOWN($C5696/24,0)+1,1))-1)+IF('Standard Profiles'!$G$20=$B$10,7,0)+IF('Standard Profiles'!$G$20=$B$17,14,0)+IF('Standard Profiles'!$G$20=$B$24,21,0),0)),0)</f>
        <v>0</v>
      </c>
      <c r="G5696" cm="1">
        <f t="array" ref="G5696">IFERROR(INDEX(Jesper!AK$2:AK$366,ROUNDDOWN($C5696/24,0)+1,1)*INDEX($D$3:$AA$30,INDEX(Jesper!$R$2:$R$366,ROW(INDEX(Jesper!AK$2:AK$366,ROUNDDOWN($C5696/24,0)+1,1))-1)+IF('Standard Profiles'!$G$21=$B$10,7,0)+IF('Standard Profiles'!$G$21=$B$17,14,0)+IF('Standard Profiles'!$G$21=$B$24,21,0),MOD($C5696,24)+1)/SUM(INDEX($D$3:$AA$30,INDEX(Jesper!$R$2:$R$366,ROW(INDEX(Jesper!AK$2:AK$366,ROUNDDOWN($C5696/24,0)+1,1))-1)+IF('Standard Profiles'!$G$21=$B$10,7,0)+IF('Standard Profiles'!$G$21=$B$17,14,0)+IF('Standard Profiles'!$G$21=$B$24,21,0),0)),0)</f>
        <v>0</v>
      </c>
      <c r="H5696" cm="1">
        <f t="array" ref="H5696">IFERROR(INDEX(Jesper!AL$2:AL$366,ROUNDDOWN($C5696/24,0)+1,1)*INDEX($D$3:$AA$30,INDEX(Jesper!$R$2:$R$366,ROW(INDEX(Jesper!AL$2:AL$366,ROUNDDOWN($C5696/24,0)+1,1))-1)+IF('Standard Profiles'!$G$22=$B$10,7,0)+IF('Standard Profiles'!$G$22=$B$17,14,0)+IF('Standard Profiles'!$G$22=$B$24,21,0),MOD($C5696,24)+1)/SUM(INDEX($D$3:$AA$30,INDEX(Jesper!$R$2:$R$366,ROW(INDEX(Jesper!AL$2:AL$366,ROUNDDOWN($C5696/24,0)+1,1))-1)+IF('Standard Profiles'!$G$22=$B$10,7,0)+IF('Standard Profiles'!$G$22=$B$17,14,0)+IF('Standard Profiles'!$G$22=$B$24,21,0),0)),0)</f>
        <v>0</v>
      </c>
      <c r="I5696">
        <f t="shared" si="636"/>
        <v>0.10705869990703885</v>
      </c>
      <c r="J5696">
        <f t="shared" si="637"/>
        <v>0.35686233302346287</v>
      </c>
      <c r="K5696">
        <f t="shared" si="638"/>
        <v>0.53529349953519423</v>
      </c>
      <c r="L5696">
        <f t="shared" si="639"/>
        <v>2.5694087977689324</v>
      </c>
      <c r="M5696">
        <f t="shared" si="640"/>
        <v>0</v>
      </c>
      <c r="N5696" s="46">
        <f t="shared" si="641"/>
        <v>45527.916666652935</v>
      </c>
    </row>
    <row r="5697" spans="2:14" x14ac:dyDescent="0.3">
      <c r="B5697">
        <f t="shared" si="635"/>
        <v>5</v>
      </c>
      <c r="C5697" s="16">
        <v>5663</v>
      </c>
      <c r="D5697" cm="1">
        <f t="array" ref="D5697">IFERROR(INDEX(Jesper!AH$2:AH$366,ROUNDDOWN($C5697/24,0)+1,1)*INDEX($D$3:$AA$30,INDEX(Jesper!$R$2:$R$366,ROW(INDEX(Jesper!AH$2:AH$366,ROUNDDOWN($C5697/24,0)+1,1))-1)+IF('Standard Profiles'!$G$18=$B$10,7,0)+IF('Standard Profiles'!$G$18=$B$17,14,0)+IF('Standard Profiles'!$G$18=$B$24,21,0),MOD($C5697,24)+1)/SUM(INDEX($D$3:$AA$30,INDEX(Jesper!$R$2:$R$366,ROW(INDEX(Jesper!AH$2:AH$366,ROUNDDOWN($C5697/24,0)+1,1))-1)+IF('Standard Profiles'!$G$18=$B$10,7,0)+IF('Standard Profiles'!$G$18=$B$17,14,0)+IF('Standard Profiles'!$G$18=$B$24,21,0),0)),0)</f>
        <v>3.5686233302346286</v>
      </c>
      <c r="E5697" cm="1">
        <f t="array" ref="E5697">IFERROR(INDEX(Jesper!AI$2:AI$366,ROUNDDOWN($C5697/24,0)+1,1)*INDEX($D$3:$AA$30,INDEX(Jesper!$R$2:$R$366,ROW(INDEX(Jesper!AI$2:AI$366,ROUNDDOWN($C5697/24,0)+1,1))-1)+IF('Standard Profiles'!$G$19=$B$10,7,0)+IF('Standard Profiles'!$G$19=$B$17,14,0)+IF('Standard Profiles'!$G$19=$B$24,21,0),MOD($C5697,24)+1)/SUM(INDEX($D$3:$AA$30,INDEX(Jesper!$R$2:$R$366,ROW(INDEX(Jesper!AI$2:AI$366,ROUNDDOWN($C5697/24,0)+1,1))-1)+IF('Standard Profiles'!$G$19=$B$10,7,0)+IF('Standard Profiles'!$G$19=$B$17,14,0)+IF('Standard Profiles'!$G$19=$B$24,21,0),0)),0)</f>
        <v>0</v>
      </c>
      <c r="F5697" cm="1">
        <f t="array" ref="F5697">IFERROR(INDEX(Jesper!AJ$2:AJ$366,ROUNDDOWN($C5697/24,0)+1,1)*INDEX($D$3:$AA$30,INDEX(Jesper!$R$2:$R$366,ROW(INDEX(Jesper!AJ$2:AJ$366,ROUNDDOWN($C5697/24,0)+1,1))-1)+IF('Standard Profiles'!$G$20=$B$10,7,0)+IF('Standard Profiles'!$G$20=$B$17,14,0)+IF('Standard Profiles'!$G$20=$B$24,21,0),MOD($C5697,24)+1)/SUM(INDEX($D$3:$AA$30,INDEX(Jesper!$R$2:$R$366,ROW(INDEX(Jesper!AJ$2:AJ$366,ROUNDDOWN($C5697/24,0)+1,1))-1)+IF('Standard Profiles'!$G$20=$B$10,7,0)+IF('Standard Profiles'!$G$20=$B$17,14,0)+IF('Standard Profiles'!$G$20=$B$24,21,0),0)),0)</f>
        <v>0</v>
      </c>
      <c r="G5697" cm="1">
        <f t="array" ref="G5697">IFERROR(INDEX(Jesper!AK$2:AK$366,ROUNDDOWN($C5697/24,0)+1,1)*INDEX($D$3:$AA$30,INDEX(Jesper!$R$2:$R$366,ROW(INDEX(Jesper!AK$2:AK$366,ROUNDDOWN($C5697/24,0)+1,1))-1)+IF('Standard Profiles'!$G$21=$B$10,7,0)+IF('Standard Profiles'!$G$21=$B$17,14,0)+IF('Standard Profiles'!$G$21=$B$24,21,0),MOD($C5697,24)+1)/SUM(INDEX($D$3:$AA$30,INDEX(Jesper!$R$2:$R$366,ROW(INDEX(Jesper!AK$2:AK$366,ROUNDDOWN($C5697/24,0)+1,1))-1)+IF('Standard Profiles'!$G$21=$B$10,7,0)+IF('Standard Profiles'!$G$21=$B$17,14,0)+IF('Standard Profiles'!$G$21=$B$24,21,0),0)),0)</f>
        <v>0</v>
      </c>
      <c r="H5697" cm="1">
        <f t="array" ref="H5697">IFERROR(INDEX(Jesper!AL$2:AL$366,ROUNDDOWN($C5697/24,0)+1,1)*INDEX($D$3:$AA$30,INDEX(Jesper!$R$2:$R$366,ROW(INDEX(Jesper!AL$2:AL$366,ROUNDDOWN($C5697/24,0)+1,1))-1)+IF('Standard Profiles'!$G$22=$B$10,7,0)+IF('Standard Profiles'!$G$22=$B$17,14,0)+IF('Standard Profiles'!$G$22=$B$24,21,0),MOD($C5697,24)+1)/SUM(INDEX($D$3:$AA$30,INDEX(Jesper!$R$2:$R$366,ROW(INDEX(Jesper!AL$2:AL$366,ROUNDDOWN($C5697/24,0)+1,1))-1)+IF('Standard Profiles'!$G$22=$B$10,7,0)+IF('Standard Profiles'!$G$22=$B$17,14,0)+IF('Standard Profiles'!$G$22=$B$24,21,0),0)),0)</f>
        <v>0</v>
      </c>
      <c r="I5697">
        <f t="shared" si="636"/>
        <v>0.10705869990703885</v>
      </c>
      <c r="J5697">
        <f t="shared" si="637"/>
        <v>0.35686233302346287</v>
      </c>
      <c r="K5697">
        <f t="shared" si="638"/>
        <v>0.53529349953519423</v>
      </c>
      <c r="L5697">
        <f t="shared" si="639"/>
        <v>2.5694087977689324</v>
      </c>
      <c r="M5697">
        <f t="shared" si="640"/>
        <v>0</v>
      </c>
      <c r="N5697" s="46">
        <f t="shared" si="641"/>
        <v>45527.958333319599</v>
      </c>
    </row>
    <row r="5698" spans="2:14" x14ac:dyDescent="0.3">
      <c r="B5698">
        <f t="shared" si="635"/>
        <v>6</v>
      </c>
      <c r="C5698" s="16">
        <v>5664</v>
      </c>
      <c r="D5698" cm="1">
        <f t="array" ref="D5698">IFERROR(INDEX(Jesper!AH$2:AH$366,ROUNDDOWN($C5698/24,0)+1,1)*INDEX($D$3:$AA$30,INDEX(Jesper!$R$2:$R$366,ROW(INDEX(Jesper!AH$2:AH$366,ROUNDDOWN($C5698/24,0)+1,1))-1)+IF('Standard Profiles'!$G$18=$B$10,7,0)+IF('Standard Profiles'!$G$18=$B$17,14,0)+IF('Standard Profiles'!$G$18=$B$24,21,0),MOD($C5698,24)+1)/SUM(INDEX($D$3:$AA$30,INDEX(Jesper!$R$2:$R$366,ROW(INDEX(Jesper!AH$2:AH$366,ROUNDDOWN($C5698/24,0)+1,1))-1)+IF('Standard Profiles'!$G$18=$B$10,7,0)+IF('Standard Profiles'!$G$18=$B$17,14,0)+IF('Standard Profiles'!$G$18=$B$24,21,0),0)),0)</f>
        <v>3.2751512746649762</v>
      </c>
      <c r="E5698" cm="1">
        <f t="array" ref="E5698">IFERROR(INDEX(Jesper!AI$2:AI$366,ROUNDDOWN($C5698/24,0)+1,1)*INDEX($D$3:$AA$30,INDEX(Jesper!$R$2:$R$366,ROW(INDEX(Jesper!AI$2:AI$366,ROUNDDOWN($C5698/24,0)+1,1))-1)+IF('Standard Profiles'!$G$19=$B$10,7,0)+IF('Standard Profiles'!$G$19=$B$17,14,0)+IF('Standard Profiles'!$G$19=$B$24,21,0),MOD($C5698,24)+1)/SUM(INDEX($D$3:$AA$30,INDEX(Jesper!$R$2:$R$366,ROW(INDEX(Jesper!AI$2:AI$366,ROUNDDOWN($C5698/24,0)+1,1))-1)+IF('Standard Profiles'!$G$19=$B$10,7,0)+IF('Standard Profiles'!$G$19=$B$17,14,0)+IF('Standard Profiles'!$G$19=$B$24,21,0),0)),0)</f>
        <v>0.45123678016180896</v>
      </c>
      <c r="F5698" cm="1">
        <f t="array" ref="F5698">IFERROR(INDEX(Jesper!AJ$2:AJ$366,ROUNDDOWN($C5698/24,0)+1,1)*INDEX($D$3:$AA$30,INDEX(Jesper!$R$2:$R$366,ROW(INDEX(Jesper!AJ$2:AJ$366,ROUNDDOWN($C5698/24,0)+1,1))-1)+IF('Standard Profiles'!$G$20=$B$10,7,0)+IF('Standard Profiles'!$G$20=$B$17,14,0)+IF('Standard Profiles'!$G$20=$B$24,21,0),MOD($C5698,24)+1)/SUM(INDEX($D$3:$AA$30,INDEX(Jesper!$R$2:$R$366,ROW(INDEX(Jesper!AJ$2:AJ$366,ROUNDDOWN($C5698/24,0)+1,1))-1)+IF('Standard Profiles'!$G$20=$B$10,7,0)+IF('Standard Profiles'!$G$20=$B$17,14,0)+IF('Standard Profiles'!$G$20=$B$24,21,0),0)),0)</f>
        <v>0</v>
      </c>
      <c r="G5698" cm="1">
        <f t="array" ref="G5698">IFERROR(INDEX(Jesper!AK$2:AK$366,ROUNDDOWN($C5698/24,0)+1,1)*INDEX($D$3:$AA$30,INDEX(Jesper!$R$2:$R$366,ROW(INDEX(Jesper!AK$2:AK$366,ROUNDDOWN($C5698/24,0)+1,1))-1)+IF('Standard Profiles'!$G$21=$B$10,7,0)+IF('Standard Profiles'!$G$21=$B$17,14,0)+IF('Standard Profiles'!$G$21=$B$24,21,0),MOD($C5698,24)+1)/SUM(INDEX($D$3:$AA$30,INDEX(Jesper!$R$2:$R$366,ROW(INDEX(Jesper!AK$2:AK$366,ROUNDDOWN($C5698/24,0)+1,1))-1)+IF('Standard Profiles'!$G$21=$B$10,7,0)+IF('Standard Profiles'!$G$21=$B$17,14,0)+IF('Standard Profiles'!$G$21=$B$24,21,0),0)),0)</f>
        <v>0</v>
      </c>
      <c r="H5698" cm="1">
        <f t="array" ref="H5698">IFERROR(INDEX(Jesper!AL$2:AL$366,ROUNDDOWN($C5698/24,0)+1,1)*INDEX($D$3:$AA$30,INDEX(Jesper!$R$2:$R$366,ROW(INDEX(Jesper!AL$2:AL$366,ROUNDDOWN($C5698/24,0)+1,1))-1)+IF('Standard Profiles'!$G$22=$B$10,7,0)+IF('Standard Profiles'!$G$22=$B$17,14,0)+IF('Standard Profiles'!$G$22=$B$24,21,0),MOD($C5698,24)+1)/SUM(INDEX($D$3:$AA$30,INDEX(Jesper!$R$2:$R$366,ROW(INDEX(Jesper!AL$2:AL$366,ROUNDDOWN($C5698/24,0)+1,1))-1)+IF('Standard Profiles'!$G$22=$B$10,7,0)+IF('Standard Profiles'!$G$22=$B$17,14,0)+IF('Standard Profiles'!$G$22=$B$24,21,0),0)),0)</f>
        <v>0</v>
      </c>
      <c r="I5698">
        <f t="shared" si="636"/>
        <v>4.0651962176739553E-2</v>
      </c>
      <c r="J5698">
        <f t="shared" si="637"/>
        <v>0.13550654058913186</v>
      </c>
      <c r="K5698">
        <f t="shared" si="638"/>
        <v>0.20325981088369779</v>
      </c>
      <c r="L5698">
        <f t="shared" si="639"/>
        <v>3.3469697411772161</v>
      </c>
      <c r="M5698">
        <f t="shared" si="640"/>
        <v>0</v>
      </c>
      <c r="N5698" s="46">
        <f t="shared" si="641"/>
        <v>45527.999999986263</v>
      </c>
    </row>
    <row r="5699" spans="2:14" x14ac:dyDescent="0.3">
      <c r="B5699">
        <f t="shared" si="635"/>
        <v>6</v>
      </c>
      <c r="C5699" s="16">
        <v>5665</v>
      </c>
      <c r="D5699" cm="1">
        <f t="array" ref="D5699">IFERROR(INDEX(Jesper!AH$2:AH$366,ROUNDDOWN($C5699/24,0)+1,1)*INDEX($D$3:$AA$30,INDEX(Jesper!$R$2:$R$366,ROW(INDEX(Jesper!AH$2:AH$366,ROUNDDOWN($C5699/24,0)+1,1))-1)+IF('Standard Profiles'!$G$18=$B$10,7,0)+IF('Standard Profiles'!$G$18=$B$17,14,0)+IF('Standard Profiles'!$G$18=$B$24,21,0),MOD($C5699,24)+1)/SUM(INDEX($D$3:$AA$30,INDEX(Jesper!$R$2:$R$366,ROW(INDEX(Jesper!AH$2:AH$366,ROUNDDOWN($C5699/24,0)+1,1))-1)+IF('Standard Profiles'!$G$18=$B$10,7,0)+IF('Standard Profiles'!$G$18=$B$17,14,0)+IF('Standard Profiles'!$G$18=$B$24,21,0),0)),0)</f>
        <v>6.3943429648220969</v>
      </c>
      <c r="E5699" cm="1">
        <f t="array" ref="E5699">IFERROR(INDEX(Jesper!AI$2:AI$366,ROUNDDOWN($C5699/24,0)+1,1)*INDEX($D$3:$AA$30,INDEX(Jesper!$R$2:$R$366,ROW(INDEX(Jesper!AI$2:AI$366,ROUNDDOWN($C5699/24,0)+1,1))-1)+IF('Standard Profiles'!$G$19=$B$10,7,0)+IF('Standard Profiles'!$G$19=$B$17,14,0)+IF('Standard Profiles'!$G$19=$B$24,21,0),MOD($C5699,24)+1)/SUM(INDEX($D$3:$AA$30,INDEX(Jesper!$R$2:$R$366,ROW(INDEX(Jesper!AI$2:AI$366,ROUNDDOWN($C5699/24,0)+1,1))-1)+IF('Standard Profiles'!$G$19=$B$10,7,0)+IF('Standard Profiles'!$G$19=$B$17,14,0)+IF('Standard Profiles'!$G$19=$B$24,21,0),0)),0)</f>
        <v>0.88098609460162713</v>
      </c>
      <c r="F5699" cm="1">
        <f t="array" ref="F5699">IFERROR(INDEX(Jesper!AJ$2:AJ$366,ROUNDDOWN($C5699/24,0)+1,1)*INDEX($D$3:$AA$30,INDEX(Jesper!$R$2:$R$366,ROW(INDEX(Jesper!AJ$2:AJ$366,ROUNDDOWN($C5699/24,0)+1,1))-1)+IF('Standard Profiles'!$G$20=$B$10,7,0)+IF('Standard Profiles'!$G$20=$B$17,14,0)+IF('Standard Profiles'!$G$20=$B$24,21,0),MOD($C5699,24)+1)/SUM(INDEX($D$3:$AA$30,INDEX(Jesper!$R$2:$R$366,ROW(INDEX(Jesper!AJ$2:AJ$366,ROUNDDOWN($C5699/24,0)+1,1))-1)+IF('Standard Profiles'!$G$20=$B$10,7,0)+IF('Standard Profiles'!$G$20=$B$17,14,0)+IF('Standard Profiles'!$G$20=$B$24,21,0),0)),0)</f>
        <v>0</v>
      </c>
      <c r="G5699" cm="1">
        <f t="array" ref="G5699">IFERROR(INDEX(Jesper!AK$2:AK$366,ROUNDDOWN($C5699/24,0)+1,1)*INDEX($D$3:$AA$30,INDEX(Jesper!$R$2:$R$366,ROW(INDEX(Jesper!AK$2:AK$366,ROUNDDOWN($C5699/24,0)+1,1))-1)+IF('Standard Profiles'!$G$21=$B$10,7,0)+IF('Standard Profiles'!$G$21=$B$17,14,0)+IF('Standard Profiles'!$G$21=$B$24,21,0),MOD($C5699,24)+1)/SUM(INDEX($D$3:$AA$30,INDEX(Jesper!$R$2:$R$366,ROW(INDEX(Jesper!AK$2:AK$366,ROUNDDOWN($C5699/24,0)+1,1))-1)+IF('Standard Profiles'!$G$21=$B$10,7,0)+IF('Standard Profiles'!$G$21=$B$17,14,0)+IF('Standard Profiles'!$G$21=$B$24,21,0),0)),0)</f>
        <v>0</v>
      </c>
      <c r="H5699" cm="1">
        <f t="array" ref="H5699">IFERROR(INDEX(Jesper!AL$2:AL$366,ROUNDDOWN($C5699/24,0)+1,1)*INDEX($D$3:$AA$30,INDEX(Jesper!$R$2:$R$366,ROW(INDEX(Jesper!AL$2:AL$366,ROUNDDOWN($C5699/24,0)+1,1))-1)+IF('Standard Profiles'!$G$22=$B$10,7,0)+IF('Standard Profiles'!$G$22=$B$17,14,0)+IF('Standard Profiles'!$G$22=$B$24,21,0),MOD($C5699,24)+1)/SUM(INDEX($D$3:$AA$30,INDEX(Jesper!$R$2:$R$366,ROW(INDEX(Jesper!AL$2:AL$366,ROUNDDOWN($C5699/24,0)+1,1))-1)+IF('Standard Profiles'!$G$22=$B$10,7,0)+IF('Standard Profiles'!$G$22=$B$17,14,0)+IF('Standard Profiles'!$G$22=$B$24,21,0),0)),0)</f>
        <v>0</v>
      </c>
      <c r="I5699">
        <f t="shared" si="636"/>
        <v>7.9368116630777238E-2</v>
      </c>
      <c r="J5699">
        <f t="shared" si="637"/>
        <v>0.26456038876925753</v>
      </c>
      <c r="K5699">
        <f t="shared" si="638"/>
        <v>0.39684058315388626</v>
      </c>
      <c r="L5699">
        <f t="shared" si="639"/>
        <v>6.534559970869803</v>
      </c>
      <c r="M5699">
        <f t="shared" si="640"/>
        <v>0</v>
      </c>
      <c r="N5699" s="46">
        <f t="shared" si="641"/>
        <v>45528.041666652927</v>
      </c>
    </row>
    <row r="5700" spans="2:14" x14ac:dyDescent="0.3">
      <c r="B5700">
        <f t="shared" si="635"/>
        <v>6</v>
      </c>
      <c r="C5700" s="16">
        <v>5666</v>
      </c>
      <c r="D5700" cm="1">
        <f t="array" ref="D5700">IFERROR(INDEX(Jesper!AH$2:AH$366,ROUNDDOWN($C5700/24,0)+1,1)*INDEX($D$3:$AA$30,INDEX(Jesper!$R$2:$R$366,ROW(INDEX(Jesper!AH$2:AH$366,ROUNDDOWN($C5700/24,0)+1,1))-1)+IF('Standard Profiles'!$G$18=$B$10,7,0)+IF('Standard Profiles'!$G$18=$B$17,14,0)+IF('Standard Profiles'!$G$18=$B$24,21,0),MOD($C5700,24)+1)/SUM(INDEX($D$3:$AA$30,INDEX(Jesper!$R$2:$R$366,ROW(INDEX(Jesper!AH$2:AH$366,ROUNDDOWN($C5700/24,0)+1,1))-1)+IF('Standard Profiles'!$G$18=$B$10,7,0)+IF('Standard Profiles'!$G$18=$B$17,14,0)+IF('Standard Profiles'!$G$18=$B$24,21,0),0)),0)</f>
        <v>6.3943429648220969</v>
      </c>
      <c r="E5700" cm="1">
        <f t="array" ref="E5700">IFERROR(INDEX(Jesper!AI$2:AI$366,ROUNDDOWN($C5700/24,0)+1,1)*INDEX($D$3:$AA$30,INDEX(Jesper!$R$2:$R$366,ROW(INDEX(Jesper!AI$2:AI$366,ROUNDDOWN($C5700/24,0)+1,1))-1)+IF('Standard Profiles'!$G$19=$B$10,7,0)+IF('Standard Profiles'!$G$19=$B$17,14,0)+IF('Standard Profiles'!$G$19=$B$24,21,0),MOD($C5700,24)+1)/SUM(INDEX($D$3:$AA$30,INDEX(Jesper!$R$2:$R$366,ROW(INDEX(Jesper!AI$2:AI$366,ROUNDDOWN($C5700/24,0)+1,1))-1)+IF('Standard Profiles'!$G$19=$B$10,7,0)+IF('Standard Profiles'!$G$19=$B$17,14,0)+IF('Standard Profiles'!$G$19=$B$24,21,0),0)),0)</f>
        <v>0.88098609460162713</v>
      </c>
      <c r="F5700" cm="1">
        <f t="array" ref="F5700">IFERROR(INDEX(Jesper!AJ$2:AJ$366,ROUNDDOWN($C5700/24,0)+1,1)*INDEX($D$3:$AA$30,INDEX(Jesper!$R$2:$R$366,ROW(INDEX(Jesper!AJ$2:AJ$366,ROUNDDOWN($C5700/24,0)+1,1))-1)+IF('Standard Profiles'!$G$20=$B$10,7,0)+IF('Standard Profiles'!$G$20=$B$17,14,0)+IF('Standard Profiles'!$G$20=$B$24,21,0),MOD($C5700,24)+1)/SUM(INDEX($D$3:$AA$30,INDEX(Jesper!$R$2:$R$366,ROW(INDEX(Jesper!AJ$2:AJ$366,ROUNDDOWN($C5700/24,0)+1,1))-1)+IF('Standard Profiles'!$G$20=$B$10,7,0)+IF('Standard Profiles'!$G$20=$B$17,14,0)+IF('Standard Profiles'!$G$20=$B$24,21,0),0)),0)</f>
        <v>0</v>
      </c>
      <c r="G5700" cm="1">
        <f t="array" ref="G5700">IFERROR(INDEX(Jesper!AK$2:AK$366,ROUNDDOWN($C5700/24,0)+1,1)*INDEX($D$3:$AA$30,INDEX(Jesper!$R$2:$R$366,ROW(INDEX(Jesper!AK$2:AK$366,ROUNDDOWN($C5700/24,0)+1,1))-1)+IF('Standard Profiles'!$G$21=$B$10,7,0)+IF('Standard Profiles'!$G$21=$B$17,14,0)+IF('Standard Profiles'!$G$21=$B$24,21,0),MOD($C5700,24)+1)/SUM(INDEX($D$3:$AA$30,INDEX(Jesper!$R$2:$R$366,ROW(INDEX(Jesper!AK$2:AK$366,ROUNDDOWN($C5700/24,0)+1,1))-1)+IF('Standard Profiles'!$G$21=$B$10,7,0)+IF('Standard Profiles'!$G$21=$B$17,14,0)+IF('Standard Profiles'!$G$21=$B$24,21,0),0)),0)</f>
        <v>0</v>
      </c>
      <c r="H5700" cm="1">
        <f t="array" ref="H5700">IFERROR(INDEX(Jesper!AL$2:AL$366,ROUNDDOWN($C5700/24,0)+1,1)*INDEX($D$3:$AA$30,INDEX(Jesper!$R$2:$R$366,ROW(INDEX(Jesper!AL$2:AL$366,ROUNDDOWN($C5700/24,0)+1,1))-1)+IF('Standard Profiles'!$G$22=$B$10,7,0)+IF('Standard Profiles'!$G$22=$B$17,14,0)+IF('Standard Profiles'!$G$22=$B$24,21,0),MOD($C5700,24)+1)/SUM(INDEX($D$3:$AA$30,INDEX(Jesper!$R$2:$R$366,ROW(INDEX(Jesper!AL$2:AL$366,ROUNDDOWN($C5700/24,0)+1,1))-1)+IF('Standard Profiles'!$G$22=$B$10,7,0)+IF('Standard Profiles'!$G$22=$B$17,14,0)+IF('Standard Profiles'!$G$22=$B$24,21,0),0)),0)</f>
        <v>0</v>
      </c>
      <c r="I5700">
        <f t="shared" si="636"/>
        <v>7.9368116630777238E-2</v>
      </c>
      <c r="J5700">
        <f t="shared" si="637"/>
        <v>0.26456038876925753</v>
      </c>
      <c r="K5700">
        <f t="shared" si="638"/>
        <v>0.39684058315388626</v>
      </c>
      <c r="L5700">
        <f t="shared" si="639"/>
        <v>6.534559970869803</v>
      </c>
      <c r="M5700">
        <f t="shared" si="640"/>
        <v>0</v>
      </c>
      <c r="N5700" s="46">
        <f t="shared" si="641"/>
        <v>45528.083333319591</v>
      </c>
    </row>
    <row r="5701" spans="2:14" x14ac:dyDescent="0.3">
      <c r="B5701">
        <f t="shared" si="635"/>
        <v>6</v>
      </c>
      <c r="C5701" s="16">
        <v>5667</v>
      </c>
      <c r="D5701" cm="1">
        <f t="array" ref="D5701">IFERROR(INDEX(Jesper!AH$2:AH$366,ROUNDDOWN($C5701/24,0)+1,1)*INDEX($D$3:$AA$30,INDEX(Jesper!$R$2:$R$366,ROW(INDEX(Jesper!AH$2:AH$366,ROUNDDOWN($C5701/24,0)+1,1))-1)+IF('Standard Profiles'!$G$18=$B$10,7,0)+IF('Standard Profiles'!$G$18=$B$17,14,0)+IF('Standard Profiles'!$G$18=$B$24,21,0),MOD($C5701,24)+1)/SUM(INDEX($D$3:$AA$30,INDEX(Jesper!$R$2:$R$366,ROW(INDEX(Jesper!AH$2:AH$366,ROUNDDOWN($C5701/24,0)+1,1))-1)+IF('Standard Profiles'!$G$18=$B$10,7,0)+IF('Standard Profiles'!$G$18=$B$17,14,0)+IF('Standard Profiles'!$G$18=$B$24,21,0),0)),0)</f>
        <v>6.3943429648220969</v>
      </c>
      <c r="E5701" cm="1">
        <f t="array" ref="E5701">IFERROR(INDEX(Jesper!AI$2:AI$366,ROUNDDOWN($C5701/24,0)+1,1)*INDEX($D$3:$AA$30,INDEX(Jesper!$R$2:$R$366,ROW(INDEX(Jesper!AI$2:AI$366,ROUNDDOWN($C5701/24,0)+1,1))-1)+IF('Standard Profiles'!$G$19=$B$10,7,0)+IF('Standard Profiles'!$G$19=$B$17,14,0)+IF('Standard Profiles'!$G$19=$B$24,21,0),MOD($C5701,24)+1)/SUM(INDEX($D$3:$AA$30,INDEX(Jesper!$R$2:$R$366,ROW(INDEX(Jesper!AI$2:AI$366,ROUNDDOWN($C5701/24,0)+1,1))-1)+IF('Standard Profiles'!$G$19=$B$10,7,0)+IF('Standard Profiles'!$G$19=$B$17,14,0)+IF('Standard Profiles'!$G$19=$B$24,21,0),0)),0)</f>
        <v>0.88098609460162713</v>
      </c>
      <c r="F5701" cm="1">
        <f t="array" ref="F5701">IFERROR(INDEX(Jesper!AJ$2:AJ$366,ROUNDDOWN($C5701/24,0)+1,1)*INDEX($D$3:$AA$30,INDEX(Jesper!$R$2:$R$366,ROW(INDEX(Jesper!AJ$2:AJ$366,ROUNDDOWN($C5701/24,0)+1,1))-1)+IF('Standard Profiles'!$G$20=$B$10,7,0)+IF('Standard Profiles'!$G$20=$B$17,14,0)+IF('Standard Profiles'!$G$20=$B$24,21,0),MOD($C5701,24)+1)/SUM(INDEX($D$3:$AA$30,INDEX(Jesper!$R$2:$R$366,ROW(INDEX(Jesper!AJ$2:AJ$366,ROUNDDOWN($C5701/24,0)+1,1))-1)+IF('Standard Profiles'!$G$20=$B$10,7,0)+IF('Standard Profiles'!$G$20=$B$17,14,0)+IF('Standard Profiles'!$G$20=$B$24,21,0),0)),0)</f>
        <v>0</v>
      </c>
      <c r="G5701" cm="1">
        <f t="array" ref="G5701">IFERROR(INDEX(Jesper!AK$2:AK$366,ROUNDDOWN($C5701/24,0)+1,1)*INDEX($D$3:$AA$30,INDEX(Jesper!$R$2:$R$366,ROW(INDEX(Jesper!AK$2:AK$366,ROUNDDOWN($C5701/24,0)+1,1))-1)+IF('Standard Profiles'!$G$21=$B$10,7,0)+IF('Standard Profiles'!$G$21=$B$17,14,0)+IF('Standard Profiles'!$G$21=$B$24,21,0),MOD($C5701,24)+1)/SUM(INDEX($D$3:$AA$30,INDEX(Jesper!$R$2:$R$366,ROW(INDEX(Jesper!AK$2:AK$366,ROUNDDOWN($C5701/24,0)+1,1))-1)+IF('Standard Profiles'!$G$21=$B$10,7,0)+IF('Standard Profiles'!$G$21=$B$17,14,0)+IF('Standard Profiles'!$G$21=$B$24,21,0),0)),0)</f>
        <v>0</v>
      </c>
      <c r="H5701" cm="1">
        <f t="array" ref="H5701">IFERROR(INDEX(Jesper!AL$2:AL$366,ROUNDDOWN($C5701/24,0)+1,1)*INDEX($D$3:$AA$30,INDEX(Jesper!$R$2:$R$366,ROW(INDEX(Jesper!AL$2:AL$366,ROUNDDOWN($C5701/24,0)+1,1))-1)+IF('Standard Profiles'!$G$22=$B$10,7,0)+IF('Standard Profiles'!$G$22=$B$17,14,0)+IF('Standard Profiles'!$G$22=$B$24,21,0),MOD($C5701,24)+1)/SUM(INDEX($D$3:$AA$30,INDEX(Jesper!$R$2:$R$366,ROW(INDEX(Jesper!AL$2:AL$366,ROUNDDOWN($C5701/24,0)+1,1))-1)+IF('Standard Profiles'!$G$22=$B$10,7,0)+IF('Standard Profiles'!$G$22=$B$17,14,0)+IF('Standard Profiles'!$G$22=$B$24,21,0),0)),0)</f>
        <v>0</v>
      </c>
      <c r="I5701">
        <f t="shared" si="636"/>
        <v>7.9368116630777238E-2</v>
      </c>
      <c r="J5701">
        <f t="shared" si="637"/>
        <v>0.26456038876925753</v>
      </c>
      <c r="K5701">
        <f t="shared" si="638"/>
        <v>0.39684058315388626</v>
      </c>
      <c r="L5701">
        <f t="shared" si="639"/>
        <v>6.534559970869803</v>
      </c>
      <c r="M5701">
        <f t="shared" si="640"/>
        <v>0</v>
      </c>
      <c r="N5701" s="46">
        <f t="shared" si="641"/>
        <v>45528.124999986256</v>
      </c>
    </row>
    <row r="5702" spans="2:14" x14ac:dyDescent="0.3">
      <c r="B5702">
        <f t="shared" si="635"/>
        <v>6</v>
      </c>
      <c r="C5702" s="16">
        <v>5668</v>
      </c>
      <c r="D5702" cm="1">
        <f t="array" ref="D5702">IFERROR(INDEX(Jesper!AH$2:AH$366,ROUNDDOWN($C5702/24,0)+1,1)*INDEX($D$3:$AA$30,INDEX(Jesper!$R$2:$R$366,ROW(INDEX(Jesper!AH$2:AH$366,ROUNDDOWN($C5702/24,0)+1,1))-1)+IF('Standard Profiles'!$G$18=$B$10,7,0)+IF('Standard Profiles'!$G$18=$B$17,14,0)+IF('Standard Profiles'!$G$18=$B$24,21,0),MOD($C5702,24)+1)/SUM(INDEX($D$3:$AA$30,INDEX(Jesper!$R$2:$R$366,ROW(INDEX(Jesper!AH$2:AH$366,ROUNDDOWN($C5702/24,0)+1,1))-1)+IF('Standard Profiles'!$G$18=$B$10,7,0)+IF('Standard Profiles'!$G$18=$B$17,14,0)+IF('Standard Profiles'!$G$18=$B$24,21,0),0)),0)</f>
        <v>6.3943429648220969</v>
      </c>
      <c r="E5702" cm="1">
        <f t="array" ref="E5702">IFERROR(INDEX(Jesper!AI$2:AI$366,ROUNDDOWN($C5702/24,0)+1,1)*INDEX($D$3:$AA$30,INDEX(Jesper!$R$2:$R$366,ROW(INDEX(Jesper!AI$2:AI$366,ROUNDDOWN($C5702/24,0)+1,1))-1)+IF('Standard Profiles'!$G$19=$B$10,7,0)+IF('Standard Profiles'!$G$19=$B$17,14,0)+IF('Standard Profiles'!$G$19=$B$24,21,0),MOD($C5702,24)+1)/SUM(INDEX($D$3:$AA$30,INDEX(Jesper!$R$2:$R$366,ROW(INDEX(Jesper!AI$2:AI$366,ROUNDDOWN($C5702/24,0)+1,1))-1)+IF('Standard Profiles'!$G$19=$B$10,7,0)+IF('Standard Profiles'!$G$19=$B$17,14,0)+IF('Standard Profiles'!$G$19=$B$24,21,0),0)),0)</f>
        <v>0.88098609460162713</v>
      </c>
      <c r="F5702" cm="1">
        <f t="array" ref="F5702">IFERROR(INDEX(Jesper!AJ$2:AJ$366,ROUNDDOWN($C5702/24,0)+1,1)*INDEX($D$3:$AA$30,INDEX(Jesper!$R$2:$R$366,ROW(INDEX(Jesper!AJ$2:AJ$366,ROUNDDOWN($C5702/24,0)+1,1))-1)+IF('Standard Profiles'!$G$20=$B$10,7,0)+IF('Standard Profiles'!$G$20=$B$17,14,0)+IF('Standard Profiles'!$G$20=$B$24,21,0),MOD($C5702,24)+1)/SUM(INDEX($D$3:$AA$30,INDEX(Jesper!$R$2:$R$366,ROW(INDEX(Jesper!AJ$2:AJ$366,ROUNDDOWN($C5702/24,0)+1,1))-1)+IF('Standard Profiles'!$G$20=$B$10,7,0)+IF('Standard Profiles'!$G$20=$B$17,14,0)+IF('Standard Profiles'!$G$20=$B$24,21,0),0)),0)</f>
        <v>0</v>
      </c>
      <c r="G5702" cm="1">
        <f t="array" ref="G5702">IFERROR(INDEX(Jesper!AK$2:AK$366,ROUNDDOWN($C5702/24,0)+1,1)*INDEX($D$3:$AA$30,INDEX(Jesper!$R$2:$R$366,ROW(INDEX(Jesper!AK$2:AK$366,ROUNDDOWN($C5702/24,0)+1,1))-1)+IF('Standard Profiles'!$G$21=$B$10,7,0)+IF('Standard Profiles'!$G$21=$B$17,14,0)+IF('Standard Profiles'!$G$21=$B$24,21,0),MOD($C5702,24)+1)/SUM(INDEX($D$3:$AA$30,INDEX(Jesper!$R$2:$R$366,ROW(INDEX(Jesper!AK$2:AK$366,ROUNDDOWN($C5702/24,0)+1,1))-1)+IF('Standard Profiles'!$G$21=$B$10,7,0)+IF('Standard Profiles'!$G$21=$B$17,14,0)+IF('Standard Profiles'!$G$21=$B$24,21,0),0)),0)</f>
        <v>0</v>
      </c>
      <c r="H5702" cm="1">
        <f t="array" ref="H5702">IFERROR(INDEX(Jesper!AL$2:AL$366,ROUNDDOWN($C5702/24,0)+1,1)*INDEX($D$3:$AA$30,INDEX(Jesper!$R$2:$R$366,ROW(INDEX(Jesper!AL$2:AL$366,ROUNDDOWN($C5702/24,0)+1,1))-1)+IF('Standard Profiles'!$G$22=$B$10,7,0)+IF('Standard Profiles'!$G$22=$B$17,14,0)+IF('Standard Profiles'!$G$22=$B$24,21,0),MOD($C5702,24)+1)/SUM(INDEX($D$3:$AA$30,INDEX(Jesper!$R$2:$R$366,ROW(INDEX(Jesper!AL$2:AL$366,ROUNDDOWN($C5702/24,0)+1,1))-1)+IF('Standard Profiles'!$G$22=$B$10,7,0)+IF('Standard Profiles'!$G$22=$B$17,14,0)+IF('Standard Profiles'!$G$22=$B$24,21,0),0)),0)</f>
        <v>0</v>
      </c>
      <c r="I5702">
        <f t="shared" si="636"/>
        <v>7.9368116630777238E-2</v>
      </c>
      <c r="J5702">
        <f t="shared" si="637"/>
        <v>0.26456038876925753</v>
      </c>
      <c r="K5702">
        <f t="shared" si="638"/>
        <v>0.39684058315388626</v>
      </c>
      <c r="L5702">
        <f t="shared" si="639"/>
        <v>6.534559970869803</v>
      </c>
      <c r="M5702">
        <f t="shared" si="640"/>
        <v>0</v>
      </c>
      <c r="N5702" s="46">
        <f t="shared" si="641"/>
        <v>45528.16666665292</v>
      </c>
    </row>
    <row r="5703" spans="2:14" x14ac:dyDescent="0.3">
      <c r="B5703">
        <f t="shared" si="635"/>
        <v>6</v>
      </c>
      <c r="C5703" s="16">
        <v>5669</v>
      </c>
      <c r="D5703" cm="1">
        <f t="array" ref="D5703">IFERROR(INDEX(Jesper!AH$2:AH$366,ROUNDDOWN($C5703/24,0)+1,1)*INDEX($D$3:$AA$30,INDEX(Jesper!$R$2:$R$366,ROW(INDEX(Jesper!AH$2:AH$366,ROUNDDOWN($C5703/24,0)+1,1))-1)+IF('Standard Profiles'!$G$18=$B$10,7,0)+IF('Standard Profiles'!$G$18=$B$17,14,0)+IF('Standard Profiles'!$G$18=$B$24,21,0),MOD($C5703,24)+1)/SUM(INDEX($D$3:$AA$30,INDEX(Jesper!$R$2:$R$366,ROW(INDEX(Jesper!AH$2:AH$366,ROUNDDOWN($C5703/24,0)+1,1))-1)+IF('Standard Profiles'!$G$18=$B$10,7,0)+IF('Standard Profiles'!$G$18=$B$17,14,0)+IF('Standard Profiles'!$G$18=$B$24,21,0),0)),0)</f>
        <v>7.9539388099006567</v>
      </c>
      <c r="E5703" cm="1">
        <f t="array" ref="E5703">IFERROR(INDEX(Jesper!AI$2:AI$366,ROUNDDOWN($C5703/24,0)+1,1)*INDEX($D$3:$AA$30,INDEX(Jesper!$R$2:$R$366,ROW(INDEX(Jesper!AI$2:AI$366,ROUNDDOWN($C5703/24,0)+1,1))-1)+IF('Standard Profiles'!$G$19=$B$10,7,0)+IF('Standard Profiles'!$G$19=$B$17,14,0)+IF('Standard Profiles'!$G$19=$B$24,21,0),MOD($C5703,24)+1)/SUM(INDEX($D$3:$AA$30,INDEX(Jesper!$R$2:$R$366,ROW(INDEX(Jesper!AI$2:AI$366,ROUNDDOWN($C5703/24,0)+1,1))-1)+IF('Standard Profiles'!$G$19=$B$10,7,0)+IF('Standard Profiles'!$G$19=$B$17,14,0)+IF('Standard Profiles'!$G$19=$B$24,21,0),0)),0)</f>
        <v>1.095860751821536</v>
      </c>
      <c r="F5703" cm="1">
        <f t="array" ref="F5703">IFERROR(INDEX(Jesper!AJ$2:AJ$366,ROUNDDOWN($C5703/24,0)+1,1)*INDEX($D$3:$AA$30,INDEX(Jesper!$R$2:$R$366,ROW(INDEX(Jesper!AJ$2:AJ$366,ROUNDDOWN($C5703/24,0)+1,1))-1)+IF('Standard Profiles'!$G$20=$B$10,7,0)+IF('Standard Profiles'!$G$20=$B$17,14,0)+IF('Standard Profiles'!$G$20=$B$24,21,0),MOD($C5703,24)+1)/SUM(INDEX($D$3:$AA$30,INDEX(Jesper!$R$2:$R$366,ROW(INDEX(Jesper!AJ$2:AJ$366,ROUNDDOWN($C5703/24,0)+1,1))-1)+IF('Standard Profiles'!$G$20=$B$10,7,0)+IF('Standard Profiles'!$G$20=$B$17,14,0)+IF('Standard Profiles'!$G$20=$B$24,21,0),0)),0)</f>
        <v>0</v>
      </c>
      <c r="G5703" cm="1">
        <f t="array" ref="G5703">IFERROR(INDEX(Jesper!AK$2:AK$366,ROUNDDOWN($C5703/24,0)+1,1)*INDEX($D$3:$AA$30,INDEX(Jesper!$R$2:$R$366,ROW(INDEX(Jesper!AK$2:AK$366,ROUNDDOWN($C5703/24,0)+1,1))-1)+IF('Standard Profiles'!$G$21=$B$10,7,0)+IF('Standard Profiles'!$G$21=$B$17,14,0)+IF('Standard Profiles'!$G$21=$B$24,21,0),MOD($C5703,24)+1)/SUM(INDEX($D$3:$AA$30,INDEX(Jesper!$R$2:$R$366,ROW(INDEX(Jesper!AK$2:AK$366,ROUNDDOWN($C5703/24,0)+1,1))-1)+IF('Standard Profiles'!$G$21=$B$10,7,0)+IF('Standard Profiles'!$G$21=$B$17,14,0)+IF('Standard Profiles'!$G$21=$B$24,21,0),0)),0)</f>
        <v>0</v>
      </c>
      <c r="H5703" cm="1">
        <f t="array" ref="H5703">IFERROR(INDEX(Jesper!AL$2:AL$366,ROUNDDOWN($C5703/24,0)+1,1)*INDEX($D$3:$AA$30,INDEX(Jesper!$R$2:$R$366,ROW(INDEX(Jesper!AL$2:AL$366,ROUNDDOWN($C5703/24,0)+1,1))-1)+IF('Standard Profiles'!$G$22=$B$10,7,0)+IF('Standard Profiles'!$G$22=$B$17,14,0)+IF('Standard Profiles'!$G$22=$B$24,21,0),MOD($C5703,24)+1)/SUM(INDEX($D$3:$AA$30,INDEX(Jesper!$R$2:$R$366,ROW(INDEX(Jesper!AL$2:AL$366,ROUNDDOWN($C5703/24,0)+1,1))-1)+IF('Standard Profiles'!$G$22=$B$10,7,0)+IF('Standard Profiles'!$G$22=$B$17,14,0)+IF('Standard Profiles'!$G$22=$B$24,21,0),0)),0)</f>
        <v>0</v>
      </c>
      <c r="I5703">
        <f t="shared" si="636"/>
        <v>9.872619385779606E-2</v>
      </c>
      <c r="J5703">
        <f t="shared" si="637"/>
        <v>0.32908731285932025</v>
      </c>
      <c r="K5703">
        <f t="shared" si="638"/>
        <v>0.49363096928898037</v>
      </c>
      <c r="L5703">
        <f t="shared" si="639"/>
        <v>8.1283550857160964</v>
      </c>
      <c r="M5703">
        <f t="shared" si="640"/>
        <v>0</v>
      </c>
      <c r="N5703" s="46">
        <f t="shared" si="641"/>
        <v>45528.208333319584</v>
      </c>
    </row>
    <row r="5704" spans="2:14" x14ac:dyDescent="0.3">
      <c r="B5704">
        <f t="shared" si="635"/>
        <v>6</v>
      </c>
      <c r="C5704" s="16">
        <v>5670</v>
      </c>
      <c r="D5704" cm="1">
        <f t="array" ref="D5704">IFERROR(INDEX(Jesper!AH$2:AH$366,ROUNDDOWN($C5704/24,0)+1,1)*INDEX($D$3:$AA$30,INDEX(Jesper!$R$2:$R$366,ROW(INDEX(Jesper!AH$2:AH$366,ROUNDDOWN($C5704/24,0)+1,1))-1)+IF('Standard Profiles'!$G$18=$B$10,7,0)+IF('Standard Profiles'!$G$18=$B$17,14,0)+IF('Standard Profiles'!$G$18=$B$24,21,0),MOD($C5704,24)+1)/SUM(INDEX($D$3:$AA$30,INDEX(Jesper!$R$2:$R$366,ROW(INDEX(Jesper!AH$2:AH$366,ROUNDDOWN($C5704/24,0)+1,1))-1)+IF('Standard Profiles'!$G$18=$B$10,7,0)+IF('Standard Profiles'!$G$18=$B$17,14,0)+IF('Standard Profiles'!$G$18=$B$24,21,0),0)),0)</f>
        <v>9.9814134085027852</v>
      </c>
      <c r="E5704" cm="1">
        <f t="array" ref="E5704">IFERROR(INDEX(Jesper!AI$2:AI$366,ROUNDDOWN($C5704/24,0)+1,1)*INDEX($D$3:$AA$30,INDEX(Jesper!$R$2:$R$366,ROW(INDEX(Jesper!AI$2:AI$366,ROUNDDOWN($C5704/24,0)+1,1))-1)+IF('Standard Profiles'!$G$19=$B$10,7,0)+IF('Standard Profiles'!$G$19=$B$17,14,0)+IF('Standard Profiles'!$G$19=$B$24,21,0),MOD($C5704,24)+1)/SUM(INDEX($D$3:$AA$30,INDEX(Jesper!$R$2:$R$366,ROW(INDEX(Jesper!AI$2:AI$366,ROUNDDOWN($C5704/24,0)+1,1))-1)+IF('Standard Profiles'!$G$19=$B$10,7,0)+IF('Standard Profiles'!$G$19=$B$17,14,0)+IF('Standard Profiles'!$G$19=$B$24,21,0),0)),0)</f>
        <v>1.3751978062074177</v>
      </c>
      <c r="F5704" cm="1">
        <f t="array" ref="F5704">IFERROR(INDEX(Jesper!AJ$2:AJ$366,ROUNDDOWN($C5704/24,0)+1,1)*INDEX($D$3:$AA$30,INDEX(Jesper!$R$2:$R$366,ROW(INDEX(Jesper!AJ$2:AJ$366,ROUNDDOWN($C5704/24,0)+1,1))-1)+IF('Standard Profiles'!$G$20=$B$10,7,0)+IF('Standard Profiles'!$G$20=$B$17,14,0)+IF('Standard Profiles'!$G$20=$B$24,21,0),MOD($C5704,24)+1)/SUM(INDEX($D$3:$AA$30,INDEX(Jesper!$R$2:$R$366,ROW(INDEX(Jesper!AJ$2:AJ$366,ROUNDDOWN($C5704/24,0)+1,1))-1)+IF('Standard Profiles'!$G$20=$B$10,7,0)+IF('Standard Profiles'!$G$20=$B$17,14,0)+IF('Standard Profiles'!$G$20=$B$24,21,0),0)),0)</f>
        <v>0</v>
      </c>
      <c r="G5704" cm="1">
        <f t="array" ref="G5704">IFERROR(INDEX(Jesper!AK$2:AK$366,ROUNDDOWN($C5704/24,0)+1,1)*INDEX($D$3:$AA$30,INDEX(Jesper!$R$2:$R$366,ROW(INDEX(Jesper!AK$2:AK$366,ROUNDDOWN($C5704/24,0)+1,1))-1)+IF('Standard Profiles'!$G$21=$B$10,7,0)+IF('Standard Profiles'!$G$21=$B$17,14,0)+IF('Standard Profiles'!$G$21=$B$24,21,0),MOD($C5704,24)+1)/SUM(INDEX($D$3:$AA$30,INDEX(Jesper!$R$2:$R$366,ROW(INDEX(Jesper!AK$2:AK$366,ROUNDDOWN($C5704/24,0)+1,1))-1)+IF('Standard Profiles'!$G$21=$B$10,7,0)+IF('Standard Profiles'!$G$21=$B$17,14,0)+IF('Standard Profiles'!$G$21=$B$24,21,0),0)),0)</f>
        <v>0</v>
      </c>
      <c r="H5704" cm="1">
        <f t="array" ref="H5704">IFERROR(INDEX(Jesper!AL$2:AL$366,ROUNDDOWN($C5704/24,0)+1,1)*INDEX($D$3:$AA$30,INDEX(Jesper!$R$2:$R$366,ROW(INDEX(Jesper!AL$2:AL$366,ROUNDDOWN($C5704/24,0)+1,1))-1)+IF('Standard Profiles'!$G$22=$B$10,7,0)+IF('Standard Profiles'!$G$22=$B$17,14,0)+IF('Standard Profiles'!$G$22=$B$24,21,0),MOD($C5704,24)+1)/SUM(INDEX($D$3:$AA$30,INDEX(Jesper!$R$2:$R$366,ROW(INDEX(Jesper!AL$2:AL$366,ROUNDDOWN($C5704/24,0)+1,1))-1)+IF('Standard Profiles'!$G$22=$B$10,7,0)+IF('Standard Profiles'!$G$22=$B$17,14,0)+IF('Standard Profiles'!$G$22=$B$24,21,0),0)),0)</f>
        <v>0</v>
      </c>
      <c r="I5704">
        <f t="shared" si="636"/>
        <v>0.12389169425292054</v>
      </c>
      <c r="J5704">
        <f t="shared" si="637"/>
        <v>0.4129723141764019</v>
      </c>
      <c r="K5704">
        <f t="shared" si="638"/>
        <v>0.61945847126460285</v>
      </c>
      <c r="L5704">
        <f t="shared" si="639"/>
        <v>10.200288735016278</v>
      </c>
      <c r="M5704">
        <f t="shared" si="640"/>
        <v>0</v>
      </c>
      <c r="N5704" s="46">
        <f t="shared" si="641"/>
        <v>45528.249999986248</v>
      </c>
    </row>
    <row r="5705" spans="2:14" x14ac:dyDescent="0.3">
      <c r="B5705">
        <f t="shared" si="635"/>
        <v>6</v>
      </c>
      <c r="C5705" s="16">
        <v>5671</v>
      </c>
      <c r="D5705" cm="1">
        <f t="array" ref="D5705">IFERROR(INDEX(Jesper!AH$2:AH$366,ROUNDDOWN($C5705/24,0)+1,1)*INDEX($D$3:$AA$30,INDEX(Jesper!$R$2:$R$366,ROW(INDEX(Jesper!AH$2:AH$366,ROUNDDOWN($C5705/24,0)+1,1))-1)+IF('Standard Profiles'!$G$18=$B$10,7,0)+IF('Standard Profiles'!$G$18=$B$17,14,0)+IF('Standard Profiles'!$G$18=$B$24,21,0),MOD($C5705,24)+1)/SUM(INDEX($D$3:$AA$30,INDEX(Jesper!$R$2:$R$366,ROW(INDEX(Jesper!AH$2:AH$366,ROUNDDOWN($C5705/24,0)+1,1))-1)+IF('Standard Profiles'!$G$18=$B$10,7,0)+IF('Standard Profiles'!$G$18=$B$17,14,0)+IF('Standard Profiles'!$G$18=$B$24,21,0),0)),0)</f>
        <v>11.38504966907349</v>
      </c>
      <c r="E5705" cm="1">
        <f t="array" ref="E5705">IFERROR(INDEX(Jesper!AI$2:AI$366,ROUNDDOWN($C5705/24,0)+1,1)*INDEX($D$3:$AA$30,INDEX(Jesper!$R$2:$R$366,ROW(INDEX(Jesper!AI$2:AI$366,ROUNDDOWN($C5705/24,0)+1,1))-1)+IF('Standard Profiles'!$G$19=$B$10,7,0)+IF('Standard Profiles'!$G$19=$B$17,14,0)+IF('Standard Profiles'!$G$19=$B$24,21,0),MOD($C5705,24)+1)/SUM(INDEX($D$3:$AA$30,INDEX(Jesper!$R$2:$R$366,ROW(INDEX(Jesper!AI$2:AI$366,ROUNDDOWN($C5705/24,0)+1,1))-1)+IF('Standard Profiles'!$G$19=$B$10,7,0)+IF('Standard Profiles'!$G$19=$B$17,14,0)+IF('Standard Profiles'!$G$19=$B$24,21,0),0)),0)</f>
        <v>1.5685849977053359</v>
      </c>
      <c r="F5705" cm="1">
        <f t="array" ref="F5705">IFERROR(INDEX(Jesper!AJ$2:AJ$366,ROUNDDOWN($C5705/24,0)+1,1)*INDEX($D$3:$AA$30,INDEX(Jesper!$R$2:$R$366,ROW(INDEX(Jesper!AJ$2:AJ$366,ROUNDDOWN($C5705/24,0)+1,1))-1)+IF('Standard Profiles'!$G$20=$B$10,7,0)+IF('Standard Profiles'!$G$20=$B$17,14,0)+IF('Standard Profiles'!$G$20=$B$24,21,0),MOD($C5705,24)+1)/SUM(INDEX($D$3:$AA$30,INDEX(Jesper!$R$2:$R$366,ROW(INDEX(Jesper!AJ$2:AJ$366,ROUNDDOWN($C5705/24,0)+1,1))-1)+IF('Standard Profiles'!$G$20=$B$10,7,0)+IF('Standard Profiles'!$G$20=$B$17,14,0)+IF('Standard Profiles'!$G$20=$B$24,21,0),0)),0)</f>
        <v>0</v>
      </c>
      <c r="G5705" cm="1">
        <f t="array" ref="G5705">IFERROR(INDEX(Jesper!AK$2:AK$366,ROUNDDOWN($C5705/24,0)+1,1)*INDEX($D$3:$AA$30,INDEX(Jesper!$R$2:$R$366,ROW(INDEX(Jesper!AK$2:AK$366,ROUNDDOWN($C5705/24,0)+1,1))-1)+IF('Standard Profiles'!$G$21=$B$10,7,0)+IF('Standard Profiles'!$G$21=$B$17,14,0)+IF('Standard Profiles'!$G$21=$B$24,21,0),MOD($C5705,24)+1)/SUM(INDEX($D$3:$AA$30,INDEX(Jesper!$R$2:$R$366,ROW(INDEX(Jesper!AK$2:AK$366,ROUNDDOWN($C5705/24,0)+1,1))-1)+IF('Standard Profiles'!$G$21=$B$10,7,0)+IF('Standard Profiles'!$G$21=$B$17,14,0)+IF('Standard Profiles'!$G$21=$B$24,21,0),0)),0)</f>
        <v>0</v>
      </c>
      <c r="H5705" cm="1">
        <f t="array" ref="H5705">IFERROR(INDEX(Jesper!AL$2:AL$366,ROUNDDOWN($C5705/24,0)+1,1)*INDEX($D$3:$AA$30,INDEX(Jesper!$R$2:$R$366,ROW(INDEX(Jesper!AL$2:AL$366,ROUNDDOWN($C5705/24,0)+1,1))-1)+IF('Standard Profiles'!$G$22=$B$10,7,0)+IF('Standard Profiles'!$G$22=$B$17,14,0)+IF('Standard Profiles'!$G$22=$B$24,21,0),MOD($C5705,24)+1)/SUM(INDEX($D$3:$AA$30,INDEX(Jesper!$R$2:$R$366,ROW(INDEX(Jesper!AL$2:AL$366,ROUNDDOWN($C5705/24,0)+1,1))-1)+IF('Standard Profiles'!$G$22=$B$10,7,0)+IF('Standard Profiles'!$G$22=$B$17,14,0)+IF('Standard Profiles'!$G$22=$B$24,21,0),0)),0)</f>
        <v>0</v>
      </c>
      <c r="I5705">
        <f t="shared" si="636"/>
        <v>0.14131396375723751</v>
      </c>
      <c r="J5705">
        <f t="shared" si="637"/>
        <v>0.47104654585745842</v>
      </c>
      <c r="K5705">
        <f t="shared" si="638"/>
        <v>0.70656981878618763</v>
      </c>
      <c r="L5705">
        <f t="shared" si="639"/>
        <v>11.634704338377944</v>
      </c>
      <c r="M5705">
        <f t="shared" si="640"/>
        <v>0</v>
      </c>
      <c r="N5705" s="46">
        <f t="shared" si="641"/>
        <v>45528.291666652913</v>
      </c>
    </row>
    <row r="5706" spans="2:14" x14ac:dyDescent="0.3">
      <c r="B5706">
        <f t="shared" si="635"/>
        <v>6</v>
      </c>
      <c r="C5706" s="16">
        <v>5672</v>
      </c>
      <c r="D5706" cm="1">
        <f t="array" ref="D5706">IFERROR(INDEX(Jesper!AH$2:AH$366,ROUNDDOWN($C5706/24,0)+1,1)*INDEX($D$3:$AA$30,INDEX(Jesper!$R$2:$R$366,ROW(INDEX(Jesper!AH$2:AH$366,ROUNDDOWN($C5706/24,0)+1,1))-1)+IF('Standard Profiles'!$G$18=$B$10,7,0)+IF('Standard Profiles'!$G$18=$B$17,14,0)+IF('Standard Profiles'!$G$18=$B$24,21,0),MOD($C5706,24)+1)/SUM(INDEX($D$3:$AA$30,INDEX(Jesper!$R$2:$R$366,ROW(INDEX(Jesper!AH$2:AH$366,ROUNDDOWN($C5706/24,0)+1,1))-1)+IF('Standard Profiles'!$G$18=$B$10,7,0)+IF('Standard Profiles'!$G$18=$B$17,14,0)+IF('Standard Profiles'!$G$18=$B$24,21,0),0)),0)</f>
        <v>11.38504966907349</v>
      </c>
      <c r="E5706" cm="1">
        <f t="array" ref="E5706">IFERROR(INDEX(Jesper!AI$2:AI$366,ROUNDDOWN($C5706/24,0)+1,1)*INDEX($D$3:$AA$30,INDEX(Jesper!$R$2:$R$366,ROW(INDEX(Jesper!AI$2:AI$366,ROUNDDOWN($C5706/24,0)+1,1))-1)+IF('Standard Profiles'!$G$19=$B$10,7,0)+IF('Standard Profiles'!$G$19=$B$17,14,0)+IF('Standard Profiles'!$G$19=$B$24,21,0),MOD($C5706,24)+1)/SUM(INDEX($D$3:$AA$30,INDEX(Jesper!$R$2:$R$366,ROW(INDEX(Jesper!AI$2:AI$366,ROUNDDOWN($C5706/24,0)+1,1))-1)+IF('Standard Profiles'!$G$19=$B$10,7,0)+IF('Standard Profiles'!$G$19=$B$17,14,0)+IF('Standard Profiles'!$G$19=$B$24,21,0),0)),0)</f>
        <v>1.5685849977053359</v>
      </c>
      <c r="F5706" cm="1">
        <f t="array" ref="F5706">IFERROR(INDEX(Jesper!AJ$2:AJ$366,ROUNDDOWN($C5706/24,0)+1,1)*INDEX($D$3:$AA$30,INDEX(Jesper!$R$2:$R$366,ROW(INDEX(Jesper!AJ$2:AJ$366,ROUNDDOWN($C5706/24,0)+1,1))-1)+IF('Standard Profiles'!$G$20=$B$10,7,0)+IF('Standard Profiles'!$G$20=$B$17,14,0)+IF('Standard Profiles'!$G$20=$B$24,21,0),MOD($C5706,24)+1)/SUM(INDEX($D$3:$AA$30,INDEX(Jesper!$R$2:$R$366,ROW(INDEX(Jesper!AJ$2:AJ$366,ROUNDDOWN($C5706/24,0)+1,1))-1)+IF('Standard Profiles'!$G$20=$B$10,7,0)+IF('Standard Profiles'!$G$20=$B$17,14,0)+IF('Standard Profiles'!$G$20=$B$24,21,0),0)),0)</f>
        <v>0</v>
      </c>
      <c r="G5706" cm="1">
        <f t="array" ref="G5706">IFERROR(INDEX(Jesper!AK$2:AK$366,ROUNDDOWN($C5706/24,0)+1,1)*INDEX($D$3:$AA$30,INDEX(Jesper!$R$2:$R$366,ROW(INDEX(Jesper!AK$2:AK$366,ROUNDDOWN($C5706/24,0)+1,1))-1)+IF('Standard Profiles'!$G$21=$B$10,7,0)+IF('Standard Profiles'!$G$21=$B$17,14,0)+IF('Standard Profiles'!$G$21=$B$24,21,0),MOD($C5706,24)+1)/SUM(INDEX($D$3:$AA$30,INDEX(Jesper!$R$2:$R$366,ROW(INDEX(Jesper!AK$2:AK$366,ROUNDDOWN($C5706/24,0)+1,1))-1)+IF('Standard Profiles'!$G$21=$B$10,7,0)+IF('Standard Profiles'!$G$21=$B$17,14,0)+IF('Standard Profiles'!$G$21=$B$24,21,0),0)),0)</f>
        <v>0</v>
      </c>
      <c r="H5706" cm="1">
        <f t="array" ref="H5706">IFERROR(INDEX(Jesper!AL$2:AL$366,ROUNDDOWN($C5706/24,0)+1,1)*INDEX($D$3:$AA$30,INDEX(Jesper!$R$2:$R$366,ROW(INDEX(Jesper!AL$2:AL$366,ROUNDDOWN($C5706/24,0)+1,1))-1)+IF('Standard Profiles'!$G$22=$B$10,7,0)+IF('Standard Profiles'!$G$22=$B$17,14,0)+IF('Standard Profiles'!$G$22=$B$24,21,0),MOD($C5706,24)+1)/SUM(INDEX($D$3:$AA$30,INDEX(Jesper!$R$2:$R$366,ROW(INDEX(Jesper!AL$2:AL$366,ROUNDDOWN($C5706/24,0)+1,1))-1)+IF('Standard Profiles'!$G$22=$B$10,7,0)+IF('Standard Profiles'!$G$22=$B$17,14,0)+IF('Standard Profiles'!$G$22=$B$24,21,0),0)),0)</f>
        <v>0</v>
      </c>
      <c r="I5706">
        <f t="shared" si="636"/>
        <v>0.14131396375723751</v>
      </c>
      <c r="J5706">
        <f t="shared" si="637"/>
        <v>0.47104654585745842</v>
      </c>
      <c r="K5706">
        <f t="shared" si="638"/>
        <v>0.70656981878618763</v>
      </c>
      <c r="L5706">
        <f t="shared" si="639"/>
        <v>11.634704338377944</v>
      </c>
      <c r="M5706">
        <f t="shared" si="640"/>
        <v>0</v>
      </c>
      <c r="N5706" s="46">
        <f t="shared" si="641"/>
        <v>45528.333333319577</v>
      </c>
    </row>
    <row r="5707" spans="2:14" x14ac:dyDescent="0.3">
      <c r="B5707">
        <f t="shared" si="635"/>
        <v>6</v>
      </c>
      <c r="C5707" s="16">
        <v>5673</v>
      </c>
      <c r="D5707" cm="1">
        <f t="array" ref="D5707">IFERROR(INDEX(Jesper!AH$2:AH$366,ROUNDDOWN($C5707/24,0)+1,1)*INDEX($D$3:$AA$30,INDEX(Jesper!$R$2:$R$366,ROW(INDEX(Jesper!AH$2:AH$366,ROUNDDOWN($C5707/24,0)+1,1))-1)+IF('Standard Profiles'!$G$18=$B$10,7,0)+IF('Standard Profiles'!$G$18=$B$17,14,0)+IF('Standard Profiles'!$G$18=$B$24,21,0),MOD($C5707,24)+1)/SUM(INDEX($D$3:$AA$30,INDEX(Jesper!$R$2:$R$366,ROW(INDEX(Jesper!AH$2:AH$366,ROUNDDOWN($C5707/24,0)+1,1))-1)+IF('Standard Profiles'!$G$18=$B$10,7,0)+IF('Standard Profiles'!$G$18=$B$17,14,0)+IF('Standard Profiles'!$G$18=$B$24,21,0),0)),0)</f>
        <v>11.38504966907349</v>
      </c>
      <c r="E5707" cm="1">
        <f t="array" ref="E5707">IFERROR(INDEX(Jesper!AI$2:AI$366,ROUNDDOWN($C5707/24,0)+1,1)*INDEX($D$3:$AA$30,INDEX(Jesper!$R$2:$R$366,ROW(INDEX(Jesper!AI$2:AI$366,ROUNDDOWN($C5707/24,0)+1,1))-1)+IF('Standard Profiles'!$G$19=$B$10,7,0)+IF('Standard Profiles'!$G$19=$B$17,14,0)+IF('Standard Profiles'!$G$19=$B$24,21,0),MOD($C5707,24)+1)/SUM(INDEX($D$3:$AA$30,INDEX(Jesper!$R$2:$R$366,ROW(INDEX(Jesper!AI$2:AI$366,ROUNDDOWN($C5707/24,0)+1,1))-1)+IF('Standard Profiles'!$G$19=$B$10,7,0)+IF('Standard Profiles'!$G$19=$B$17,14,0)+IF('Standard Profiles'!$G$19=$B$24,21,0),0)),0)</f>
        <v>1.5685849977053359</v>
      </c>
      <c r="F5707" cm="1">
        <f t="array" ref="F5707">IFERROR(INDEX(Jesper!AJ$2:AJ$366,ROUNDDOWN($C5707/24,0)+1,1)*INDEX($D$3:$AA$30,INDEX(Jesper!$R$2:$R$366,ROW(INDEX(Jesper!AJ$2:AJ$366,ROUNDDOWN($C5707/24,0)+1,1))-1)+IF('Standard Profiles'!$G$20=$B$10,7,0)+IF('Standard Profiles'!$G$20=$B$17,14,0)+IF('Standard Profiles'!$G$20=$B$24,21,0),MOD($C5707,24)+1)/SUM(INDEX($D$3:$AA$30,INDEX(Jesper!$R$2:$R$366,ROW(INDEX(Jesper!AJ$2:AJ$366,ROUNDDOWN($C5707/24,0)+1,1))-1)+IF('Standard Profiles'!$G$20=$B$10,7,0)+IF('Standard Profiles'!$G$20=$B$17,14,0)+IF('Standard Profiles'!$G$20=$B$24,21,0),0)),0)</f>
        <v>0</v>
      </c>
      <c r="G5707" cm="1">
        <f t="array" ref="G5707">IFERROR(INDEX(Jesper!AK$2:AK$366,ROUNDDOWN($C5707/24,0)+1,1)*INDEX($D$3:$AA$30,INDEX(Jesper!$R$2:$R$366,ROW(INDEX(Jesper!AK$2:AK$366,ROUNDDOWN($C5707/24,0)+1,1))-1)+IF('Standard Profiles'!$G$21=$B$10,7,0)+IF('Standard Profiles'!$G$21=$B$17,14,0)+IF('Standard Profiles'!$G$21=$B$24,21,0),MOD($C5707,24)+1)/SUM(INDEX($D$3:$AA$30,INDEX(Jesper!$R$2:$R$366,ROW(INDEX(Jesper!AK$2:AK$366,ROUNDDOWN($C5707/24,0)+1,1))-1)+IF('Standard Profiles'!$G$21=$B$10,7,0)+IF('Standard Profiles'!$G$21=$B$17,14,0)+IF('Standard Profiles'!$G$21=$B$24,21,0),0)),0)</f>
        <v>0</v>
      </c>
      <c r="H5707" cm="1">
        <f t="array" ref="H5707">IFERROR(INDEX(Jesper!AL$2:AL$366,ROUNDDOWN($C5707/24,0)+1,1)*INDEX($D$3:$AA$30,INDEX(Jesper!$R$2:$R$366,ROW(INDEX(Jesper!AL$2:AL$366,ROUNDDOWN($C5707/24,0)+1,1))-1)+IF('Standard Profiles'!$G$22=$B$10,7,0)+IF('Standard Profiles'!$G$22=$B$17,14,0)+IF('Standard Profiles'!$G$22=$B$24,21,0),MOD($C5707,24)+1)/SUM(INDEX($D$3:$AA$30,INDEX(Jesper!$R$2:$R$366,ROW(INDEX(Jesper!AL$2:AL$366,ROUNDDOWN($C5707/24,0)+1,1))-1)+IF('Standard Profiles'!$G$22=$B$10,7,0)+IF('Standard Profiles'!$G$22=$B$17,14,0)+IF('Standard Profiles'!$G$22=$B$24,21,0),0)),0)</f>
        <v>0</v>
      </c>
      <c r="I5707">
        <f t="shared" si="636"/>
        <v>0.14131396375723751</v>
      </c>
      <c r="J5707">
        <f t="shared" si="637"/>
        <v>0.47104654585745842</v>
      </c>
      <c r="K5707">
        <f t="shared" si="638"/>
        <v>0.70656981878618763</v>
      </c>
      <c r="L5707">
        <f t="shared" si="639"/>
        <v>11.634704338377944</v>
      </c>
      <c r="M5707">
        <f t="shared" si="640"/>
        <v>0</v>
      </c>
      <c r="N5707" s="46">
        <f t="shared" si="641"/>
        <v>45528.374999986241</v>
      </c>
    </row>
    <row r="5708" spans="2:14" x14ac:dyDescent="0.3">
      <c r="B5708">
        <f t="shared" si="635"/>
        <v>6</v>
      </c>
      <c r="C5708" s="16">
        <v>5674</v>
      </c>
      <c r="D5708" cm="1">
        <f t="array" ref="D5708">IFERROR(INDEX(Jesper!AH$2:AH$366,ROUNDDOWN($C5708/24,0)+1,1)*INDEX($D$3:$AA$30,INDEX(Jesper!$R$2:$R$366,ROW(INDEX(Jesper!AH$2:AH$366,ROUNDDOWN($C5708/24,0)+1,1))-1)+IF('Standard Profiles'!$G$18=$B$10,7,0)+IF('Standard Profiles'!$G$18=$B$17,14,0)+IF('Standard Profiles'!$G$18=$B$24,21,0),MOD($C5708,24)+1)/SUM(INDEX($D$3:$AA$30,INDEX(Jesper!$R$2:$R$366,ROW(INDEX(Jesper!AH$2:AH$366,ROUNDDOWN($C5708/24,0)+1,1))-1)+IF('Standard Profiles'!$G$18=$B$10,7,0)+IF('Standard Profiles'!$G$18=$B$17,14,0)+IF('Standard Profiles'!$G$18=$B$24,21,0),0)),0)</f>
        <v>11.38504966907349</v>
      </c>
      <c r="E5708" cm="1">
        <f t="array" ref="E5708">IFERROR(INDEX(Jesper!AI$2:AI$366,ROUNDDOWN($C5708/24,0)+1,1)*INDEX($D$3:$AA$30,INDEX(Jesper!$R$2:$R$366,ROW(INDEX(Jesper!AI$2:AI$366,ROUNDDOWN($C5708/24,0)+1,1))-1)+IF('Standard Profiles'!$G$19=$B$10,7,0)+IF('Standard Profiles'!$G$19=$B$17,14,0)+IF('Standard Profiles'!$G$19=$B$24,21,0),MOD($C5708,24)+1)/SUM(INDEX($D$3:$AA$30,INDEX(Jesper!$R$2:$R$366,ROW(INDEX(Jesper!AI$2:AI$366,ROUNDDOWN($C5708/24,0)+1,1))-1)+IF('Standard Profiles'!$G$19=$B$10,7,0)+IF('Standard Profiles'!$G$19=$B$17,14,0)+IF('Standard Profiles'!$G$19=$B$24,21,0),0)),0)</f>
        <v>1.5685849977053359</v>
      </c>
      <c r="F5708" cm="1">
        <f t="array" ref="F5708">IFERROR(INDEX(Jesper!AJ$2:AJ$366,ROUNDDOWN($C5708/24,0)+1,1)*INDEX($D$3:$AA$30,INDEX(Jesper!$R$2:$R$366,ROW(INDEX(Jesper!AJ$2:AJ$366,ROUNDDOWN($C5708/24,0)+1,1))-1)+IF('Standard Profiles'!$G$20=$B$10,7,0)+IF('Standard Profiles'!$G$20=$B$17,14,0)+IF('Standard Profiles'!$G$20=$B$24,21,0),MOD($C5708,24)+1)/SUM(INDEX($D$3:$AA$30,INDEX(Jesper!$R$2:$R$366,ROW(INDEX(Jesper!AJ$2:AJ$366,ROUNDDOWN($C5708/24,0)+1,1))-1)+IF('Standard Profiles'!$G$20=$B$10,7,0)+IF('Standard Profiles'!$G$20=$B$17,14,0)+IF('Standard Profiles'!$G$20=$B$24,21,0),0)),0)</f>
        <v>0</v>
      </c>
      <c r="G5708" cm="1">
        <f t="array" ref="G5708">IFERROR(INDEX(Jesper!AK$2:AK$366,ROUNDDOWN($C5708/24,0)+1,1)*INDEX($D$3:$AA$30,INDEX(Jesper!$R$2:$R$366,ROW(INDEX(Jesper!AK$2:AK$366,ROUNDDOWN($C5708/24,0)+1,1))-1)+IF('Standard Profiles'!$G$21=$B$10,7,0)+IF('Standard Profiles'!$G$21=$B$17,14,0)+IF('Standard Profiles'!$G$21=$B$24,21,0),MOD($C5708,24)+1)/SUM(INDEX($D$3:$AA$30,INDEX(Jesper!$R$2:$R$366,ROW(INDEX(Jesper!AK$2:AK$366,ROUNDDOWN($C5708/24,0)+1,1))-1)+IF('Standard Profiles'!$G$21=$B$10,7,0)+IF('Standard Profiles'!$G$21=$B$17,14,0)+IF('Standard Profiles'!$G$21=$B$24,21,0),0)),0)</f>
        <v>0</v>
      </c>
      <c r="H5708" cm="1">
        <f t="array" ref="H5708">IFERROR(INDEX(Jesper!AL$2:AL$366,ROUNDDOWN($C5708/24,0)+1,1)*INDEX($D$3:$AA$30,INDEX(Jesper!$R$2:$R$366,ROW(INDEX(Jesper!AL$2:AL$366,ROUNDDOWN($C5708/24,0)+1,1))-1)+IF('Standard Profiles'!$G$22=$B$10,7,0)+IF('Standard Profiles'!$G$22=$B$17,14,0)+IF('Standard Profiles'!$G$22=$B$24,21,0),MOD($C5708,24)+1)/SUM(INDEX($D$3:$AA$30,INDEX(Jesper!$R$2:$R$366,ROW(INDEX(Jesper!AL$2:AL$366,ROUNDDOWN($C5708/24,0)+1,1))-1)+IF('Standard Profiles'!$G$22=$B$10,7,0)+IF('Standard Profiles'!$G$22=$B$17,14,0)+IF('Standard Profiles'!$G$22=$B$24,21,0),0)),0)</f>
        <v>0</v>
      </c>
      <c r="I5708">
        <f t="shared" si="636"/>
        <v>0.14131396375723751</v>
      </c>
      <c r="J5708">
        <f t="shared" si="637"/>
        <v>0.47104654585745842</v>
      </c>
      <c r="K5708">
        <f t="shared" si="638"/>
        <v>0.70656981878618763</v>
      </c>
      <c r="L5708">
        <f t="shared" si="639"/>
        <v>11.634704338377944</v>
      </c>
      <c r="M5708">
        <f t="shared" si="640"/>
        <v>0</v>
      </c>
      <c r="N5708" s="46">
        <f t="shared" si="641"/>
        <v>45528.416666652905</v>
      </c>
    </row>
    <row r="5709" spans="2:14" x14ac:dyDescent="0.3">
      <c r="B5709">
        <f t="shared" si="635"/>
        <v>6</v>
      </c>
      <c r="C5709" s="16">
        <v>5675</v>
      </c>
      <c r="D5709" cm="1">
        <f t="array" ref="D5709">IFERROR(INDEX(Jesper!AH$2:AH$366,ROUNDDOWN($C5709/24,0)+1,1)*INDEX($D$3:$AA$30,INDEX(Jesper!$R$2:$R$366,ROW(INDEX(Jesper!AH$2:AH$366,ROUNDDOWN($C5709/24,0)+1,1))-1)+IF('Standard Profiles'!$G$18=$B$10,7,0)+IF('Standard Profiles'!$G$18=$B$17,14,0)+IF('Standard Profiles'!$G$18=$B$24,21,0),MOD($C5709,24)+1)/SUM(INDEX($D$3:$AA$30,INDEX(Jesper!$R$2:$R$366,ROW(INDEX(Jesper!AH$2:AH$366,ROUNDDOWN($C5709/24,0)+1,1))-1)+IF('Standard Profiles'!$G$18=$B$10,7,0)+IF('Standard Profiles'!$G$18=$B$17,14,0)+IF('Standard Profiles'!$G$18=$B$24,21,0),0)),0)</f>
        <v>11.38504966907349</v>
      </c>
      <c r="E5709" cm="1">
        <f t="array" ref="E5709">IFERROR(INDEX(Jesper!AI$2:AI$366,ROUNDDOWN($C5709/24,0)+1,1)*INDEX($D$3:$AA$30,INDEX(Jesper!$R$2:$R$366,ROW(INDEX(Jesper!AI$2:AI$366,ROUNDDOWN($C5709/24,0)+1,1))-1)+IF('Standard Profiles'!$G$19=$B$10,7,0)+IF('Standard Profiles'!$G$19=$B$17,14,0)+IF('Standard Profiles'!$G$19=$B$24,21,0),MOD($C5709,24)+1)/SUM(INDEX($D$3:$AA$30,INDEX(Jesper!$R$2:$R$366,ROW(INDEX(Jesper!AI$2:AI$366,ROUNDDOWN($C5709/24,0)+1,1))-1)+IF('Standard Profiles'!$G$19=$B$10,7,0)+IF('Standard Profiles'!$G$19=$B$17,14,0)+IF('Standard Profiles'!$G$19=$B$24,21,0),0)),0)</f>
        <v>1.5685849977053359</v>
      </c>
      <c r="F5709" cm="1">
        <f t="array" ref="F5709">IFERROR(INDEX(Jesper!AJ$2:AJ$366,ROUNDDOWN($C5709/24,0)+1,1)*INDEX($D$3:$AA$30,INDEX(Jesper!$R$2:$R$366,ROW(INDEX(Jesper!AJ$2:AJ$366,ROUNDDOWN($C5709/24,0)+1,1))-1)+IF('Standard Profiles'!$G$20=$B$10,7,0)+IF('Standard Profiles'!$G$20=$B$17,14,0)+IF('Standard Profiles'!$G$20=$B$24,21,0),MOD($C5709,24)+1)/SUM(INDEX($D$3:$AA$30,INDEX(Jesper!$R$2:$R$366,ROW(INDEX(Jesper!AJ$2:AJ$366,ROUNDDOWN($C5709/24,0)+1,1))-1)+IF('Standard Profiles'!$G$20=$B$10,7,0)+IF('Standard Profiles'!$G$20=$B$17,14,0)+IF('Standard Profiles'!$G$20=$B$24,21,0),0)),0)</f>
        <v>0</v>
      </c>
      <c r="G5709" cm="1">
        <f t="array" ref="G5709">IFERROR(INDEX(Jesper!AK$2:AK$366,ROUNDDOWN($C5709/24,0)+1,1)*INDEX($D$3:$AA$30,INDEX(Jesper!$R$2:$R$366,ROW(INDEX(Jesper!AK$2:AK$366,ROUNDDOWN($C5709/24,0)+1,1))-1)+IF('Standard Profiles'!$G$21=$B$10,7,0)+IF('Standard Profiles'!$G$21=$B$17,14,0)+IF('Standard Profiles'!$G$21=$B$24,21,0),MOD($C5709,24)+1)/SUM(INDEX($D$3:$AA$30,INDEX(Jesper!$R$2:$R$366,ROW(INDEX(Jesper!AK$2:AK$366,ROUNDDOWN($C5709/24,0)+1,1))-1)+IF('Standard Profiles'!$G$21=$B$10,7,0)+IF('Standard Profiles'!$G$21=$B$17,14,0)+IF('Standard Profiles'!$G$21=$B$24,21,0),0)),0)</f>
        <v>0</v>
      </c>
      <c r="H5709" cm="1">
        <f t="array" ref="H5709">IFERROR(INDEX(Jesper!AL$2:AL$366,ROUNDDOWN($C5709/24,0)+1,1)*INDEX($D$3:$AA$30,INDEX(Jesper!$R$2:$R$366,ROW(INDEX(Jesper!AL$2:AL$366,ROUNDDOWN($C5709/24,0)+1,1))-1)+IF('Standard Profiles'!$G$22=$B$10,7,0)+IF('Standard Profiles'!$G$22=$B$17,14,0)+IF('Standard Profiles'!$G$22=$B$24,21,0),MOD($C5709,24)+1)/SUM(INDEX($D$3:$AA$30,INDEX(Jesper!$R$2:$R$366,ROW(INDEX(Jesper!AL$2:AL$366,ROUNDDOWN($C5709/24,0)+1,1))-1)+IF('Standard Profiles'!$G$22=$B$10,7,0)+IF('Standard Profiles'!$G$22=$B$17,14,0)+IF('Standard Profiles'!$G$22=$B$24,21,0),0)),0)</f>
        <v>0</v>
      </c>
      <c r="I5709">
        <f t="shared" si="636"/>
        <v>0.14131396375723751</v>
      </c>
      <c r="J5709">
        <f t="shared" si="637"/>
        <v>0.47104654585745842</v>
      </c>
      <c r="K5709">
        <f t="shared" si="638"/>
        <v>0.70656981878618763</v>
      </c>
      <c r="L5709">
        <f t="shared" si="639"/>
        <v>11.634704338377944</v>
      </c>
      <c r="M5709">
        <f t="shared" si="640"/>
        <v>0</v>
      </c>
      <c r="N5709" s="46">
        <f t="shared" si="641"/>
        <v>45528.45833331957</v>
      </c>
    </row>
    <row r="5710" spans="2:14" x14ac:dyDescent="0.3">
      <c r="B5710">
        <f t="shared" si="635"/>
        <v>6</v>
      </c>
      <c r="C5710" s="16">
        <v>5676</v>
      </c>
      <c r="D5710" cm="1">
        <f t="array" ref="D5710">IFERROR(INDEX(Jesper!AH$2:AH$366,ROUNDDOWN($C5710/24,0)+1,1)*INDEX($D$3:$AA$30,INDEX(Jesper!$R$2:$R$366,ROW(INDEX(Jesper!AH$2:AH$366,ROUNDDOWN($C5710/24,0)+1,1))-1)+IF('Standard Profiles'!$G$18=$B$10,7,0)+IF('Standard Profiles'!$G$18=$B$17,14,0)+IF('Standard Profiles'!$G$18=$B$24,21,0),MOD($C5710,24)+1)/SUM(INDEX($D$3:$AA$30,INDEX(Jesper!$R$2:$R$366,ROW(INDEX(Jesper!AH$2:AH$366,ROUNDDOWN($C5710/24,0)+1,1))-1)+IF('Standard Profiles'!$G$18=$B$10,7,0)+IF('Standard Profiles'!$G$18=$B$17,14,0)+IF('Standard Profiles'!$G$18=$B$24,21,0),0)),0)</f>
        <v>11.38504966907349</v>
      </c>
      <c r="E5710" cm="1">
        <f t="array" ref="E5710">IFERROR(INDEX(Jesper!AI$2:AI$366,ROUNDDOWN($C5710/24,0)+1,1)*INDEX($D$3:$AA$30,INDEX(Jesper!$R$2:$R$366,ROW(INDEX(Jesper!AI$2:AI$366,ROUNDDOWN($C5710/24,0)+1,1))-1)+IF('Standard Profiles'!$G$19=$B$10,7,0)+IF('Standard Profiles'!$G$19=$B$17,14,0)+IF('Standard Profiles'!$G$19=$B$24,21,0),MOD($C5710,24)+1)/SUM(INDEX($D$3:$AA$30,INDEX(Jesper!$R$2:$R$366,ROW(INDEX(Jesper!AI$2:AI$366,ROUNDDOWN($C5710/24,0)+1,1))-1)+IF('Standard Profiles'!$G$19=$B$10,7,0)+IF('Standard Profiles'!$G$19=$B$17,14,0)+IF('Standard Profiles'!$G$19=$B$24,21,0),0)),0)</f>
        <v>1.5685849977053359</v>
      </c>
      <c r="F5710" cm="1">
        <f t="array" ref="F5710">IFERROR(INDEX(Jesper!AJ$2:AJ$366,ROUNDDOWN($C5710/24,0)+1,1)*INDEX($D$3:$AA$30,INDEX(Jesper!$R$2:$R$366,ROW(INDEX(Jesper!AJ$2:AJ$366,ROUNDDOWN($C5710/24,0)+1,1))-1)+IF('Standard Profiles'!$G$20=$B$10,7,0)+IF('Standard Profiles'!$G$20=$B$17,14,0)+IF('Standard Profiles'!$G$20=$B$24,21,0),MOD($C5710,24)+1)/SUM(INDEX($D$3:$AA$30,INDEX(Jesper!$R$2:$R$366,ROW(INDEX(Jesper!AJ$2:AJ$366,ROUNDDOWN($C5710/24,0)+1,1))-1)+IF('Standard Profiles'!$G$20=$B$10,7,0)+IF('Standard Profiles'!$G$20=$B$17,14,0)+IF('Standard Profiles'!$G$20=$B$24,21,0),0)),0)</f>
        <v>0</v>
      </c>
      <c r="G5710" cm="1">
        <f t="array" ref="G5710">IFERROR(INDEX(Jesper!AK$2:AK$366,ROUNDDOWN($C5710/24,0)+1,1)*INDEX($D$3:$AA$30,INDEX(Jesper!$R$2:$R$366,ROW(INDEX(Jesper!AK$2:AK$366,ROUNDDOWN($C5710/24,0)+1,1))-1)+IF('Standard Profiles'!$G$21=$B$10,7,0)+IF('Standard Profiles'!$G$21=$B$17,14,0)+IF('Standard Profiles'!$G$21=$B$24,21,0),MOD($C5710,24)+1)/SUM(INDEX($D$3:$AA$30,INDEX(Jesper!$R$2:$R$366,ROW(INDEX(Jesper!AK$2:AK$366,ROUNDDOWN($C5710/24,0)+1,1))-1)+IF('Standard Profiles'!$G$21=$B$10,7,0)+IF('Standard Profiles'!$G$21=$B$17,14,0)+IF('Standard Profiles'!$G$21=$B$24,21,0),0)),0)</f>
        <v>0</v>
      </c>
      <c r="H5710" cm="1">
        <f t="array" ref="H5710">IFERROR(INDEX(Jesper!AL$2:AL$366,ROUNDDOWN($C5710/24,0)+1,1)*INDEX($D$3:$AA$30,INDEX(Jesper!$R$2:$R$366,ROW(INDEX(Jesper!AL$2:AL$366,ROUNDDOWN($C5710/24,0)+1,1))-1)+IF('Standard Profiles'!$G$22=$B$10,7,0)+IF('Standard Profiles'!$G$22=$B$17,14,0)+IF('Standard Profiles'!$G$22=$B$24,21,0),MOD($C5710,24)+1)/SUM(INDEX($D$3:$AA$30,INDEX(Jesper!$R$2:$R$366,ROW(INDEX(Jesper!AL$2:AL$366,ROUNDDOWN($C5710/24,0)+1,1))-1)+IF('Standard Profiles'!$G$22=$B$10,7,0)+IF('Standard Profiles'!$G$22=$B$17,14,0)+IF('Standard Profiles'!$G$22=$B$24,21,0),0)),0)</f>
        <v>0</v>
      </c>
      <c r="I5710">
        <f t="shared" si="636"/>
        <v>0.14131396375723751</v>
      </c>
      <c r="J5710">
        <f t="shared" si="637"/>
        <v>0.47104654585745842</v>
      </c>
      <c r="K5710">
        <f t="shared" si="638"/>
        <v>0.70656981878618763</v>
      </c>
      <c r="L5710">
        <f t="shared" si="639"/>
        <v>11.634704338377944</v>
      </c>
      <c r="M5710">
        <f t="shared" si="640"/>
        <v>0</v>
      </c>
      <c r="N5710" s="46">
        <f t="shared" si="641"/>
        <v>45528.499999986234</v>
      </c>
    </row>
    <row r="5711" spans="2:14" x14ac:dyDescent="0.3">
      <c r="B5711">
        <f t="shared" si="635"/>
        <v>6</v>
      </c>
      <c r="C5711" s="16">
        <v>5677</v>
      </c>
      <c r="D5711" cm="1">
        <f t="array" ref="D5711">IFERROR(INDEX(Jesper!AH$2:AH$366,ROUNDDOWN($C5711/24,0)+1,1)*INDEX($D$3:$AA$30,INDEX(Jesper!$R$2:$R$366,ROW(INDEX(Jesper!AH$2:AH$366,ROUNDDOWN($C5711/24,0)+1,1))-1)+IF('Standard Profiles'!$G$18=$B$10,7,0)+IF('Standard Profiles'!$G$18=$B$17,14,0)+IF('Standard Profiles'!$G$18=$B$24,21,0),MOD($C5711,24)+1)/SUM(INDEX($D$3:$AA$30,INDEX(Jesper!$R$2:$R$366,ROW(INDEX(Jesper!AH$2:AH$366,ROUNDDOWN($C5711/24,0)+1,1))-1)+IF('Standard Profiles'!$G$18=$B$10,7,0)+IF('Standard Profiles'!$G$18=$B$17,14,0)+IF('Standard Profiles'!$G$18=$B$24,21,0),0)),0)</f>
        <v>11.38504966907349</v>
      </c>
      <c r="E5711" cm="1">
        <f t="array" ref="E5711">IFERROR(INDEX(Jesper!AI$2:AI$366,ROUNDDOWN($C5711/24,0)+1,1)*INDEX($D$3:$AA$30,INDEX(Jesper!$R$2:$R$366,ROW(INDEX(Jesper!AI$2:AI$366,ROUNDDOWN($C5711/24,0)+1,1))-1)+IF('Standard Profiles'!$G$19=$B$10,7,0)+IF('Standard Profiles'!$G$19=$B$17,14,0)+IF('Standard Profiles'!$G$19=$B$24,21,0),MOD($C5711,24)+1)/SUM(INDEX($D$3:$AA$30,INDEX(Jesper!$R$2:$R$366,ROW(INDEX(Jesper!AI$2:AI$366,ROUNDDOWN($C5711/24,0)+1,1))-1)+IF('Standard Profiles'!$G$19=$B$10,7,0)+IF('Standard Profiles'!$G$19=$B$17,14,0)+IF('Standard Profiles'!$G$19=$B$24,21,0),0)),0)</f>
        <v>1.5685849977053359</v>
      </c>
      <c r="F5711" cm="1">
        <f t="array" ref="F5711">IFERROR(INDEX(Jesper!AJ$2:AJ$366,ROUNDDOWN($C5711/24,0)+1,1)*INDEX($D$3:$AA$30,INDEX(Jesper!$R$2:$R$366,ROW(INDEX(Jesper!AJ$2:AJ$366,ROUNDDOWN($C5711/24,0)+1,1))-1)+IF('Standard Profiles'!$G$20=$B$10,7,0)+IF('Standard Profiles'!$G$20=$B$17,14,0)+IF('Standard Profiles'!$G$20=$B$24,21,0),MOD($C5711,24)+1)/SUM(INDEX($D$3:$AA$30,INDEX(Jesper!$R$2:$R$366,ROW(INDEX(Jesper!AJ$2:AJ$366,ROUNDDOWN($C5711/24,0)+1,1))-1)+IF('Standard Profiles'!$G$20=$B$10,7,0)+IF('Standard Profiles'!$G$20=$B$17,14,0)+IF('Standard Profiles'!$G$20=$B$24,21,0),0)),0)</f>
        <v>0</v>
      </c>
      <c r="G5711" cm="1">
        <f t="array" ref="G5711">IFERROR(INDEX(Jesper!AK$2:AK$366,ROUNDDOWN($C5711/24,0)+1,1)*INDEX($D$3:$AA$30,INDEX(Jesper!$R$2:$R$366,ROW(INDEX(Jesper!AK$2:AK$366,ROUNDDOWN($C5711/24,0)+1,1))-1)+IF('Standard Profiles'!$G$21=$B$10,7,0)+IF('Standard Profiles'!$G$21=$B$17,14,0)+IF('Standard Profiles'!$G$21=$B$24,21,0),MOD($C5711,24)+1)/SUM(INDEX($D$3:$AA$30,INDEX(Jesper!$R$2:$R$366,ROW(INDEX(Jesper!AK$2:AK$366,ROUNDDOWN($C5711/24,0)+1,1))-1)+IF('Standard Profiles'!$G$21=$B$10,7,0)+IF('Standard Profiles'!$G$21=$B$17,14,0)+IF('Standard Profiles'!$G$21=$B$24,21,0),0)),0)</f>
        <v>0</v>
      </c>
      <c r="H5711" cm="1">
        <f t="array" ref="H5711">IFERROR(INDEX(Jesper!AL$2:AL$366,ROUNDDOWN($C5711/24,0)+1,1)*INDEX($D$3:$AA$30,INDEX(Jesper!$R$2:$R$366,ROW(INDEX(Jesper!AL$2:AL$366,ROUNDDOWN($C5711/24,0)+1,1))-1)+IF('Standard Profiles'!$G$22=$B$10,7,0)+IF('Standard Profiles'!$G$22=$B$17,14,0)+IF('Standard Profiles'!$G$22=$B$24,21,0),MOD($C5711,24)+1)/SUM(INDEX($D$3:$AA$30,INDEX(Jesper!$R$2:$R$366,ROW(INDEX(Jesper!AL$2:AL$366,ROUNDDOWN($C5711/24,0)+1,1))-1)+IF('Standard Profiles'!$G$22=$B$10,7,0)+IF('Standard Profiles'!$G$22=$B$17,14,0)+IF('Standard Profiles'!$G$22=$B$24,21,0),0)),0)</f>
        <v>0</v>
      </c>
      <c r="I5711">
        <f t="shared" si="636"/>
        <v>0.14131396375723751</v>
      </c>
      <c r="J5711">
        <f t="shared" si="637"/>
        <v>0.47104654585745842</v>
      </c>
      <c r="K5711">
        <f t="shared" si="638"/>
        <v>0.70656981878618763</v>
      </c>
      <c r="L5711">
        <f t="shared" si="639"/>
        <v>11.634704338377944</v>
      </c>
      <c r="M5711">
        <f t="shared" si="640"/>
        <v>0</v>
      </c>
      <c r="N5711" s="46">
        <f t="shared" si="641"/>
        <v>45528.541666652898</v>
      </c>
    </row>
    <row r="5712" spans="2:14" x14ac:dyDescent="0.3">
      <c r="B5712">
        <f t="shared" si="635"/>
        <v>6</v>
      </c>
      <c r="C5712" s="16">
        <v>5678</v>
      </c>
      <c r="D5712" cm="1">
        <f t="array" ref="D5712">IFERROR(INDEX(Jesper!AH$2:AH$366,ROUNDDOWN($C5712/24,0)+1,1)*INDEX($D$3:$AA$30,INDEX(Jesper!$R$2:$R$366,ROW(INDEX(Jesper!AH$2:AH$366,ROUNDDOWN($C5712/24,0)+1,1))-1)+IF('Standard Profiles'!$G$18=$B$10,7,0)+IF('Standard Profiles'!$G$18=$B$17,14,0)+IF('Standard Profiles'!$G$18=$B$24,21,0),MOD($C5712,24)+1)/SUM(INDEX($D$3:$AA$30,INDEX(Jesper!$R$2:$R$366,ROW(INDEX(Jesper!AH$2:AH$366,ROUNDDOWN($C5712/24,0)+1,1))-1)+IF('Standard Profiles'!$G$18=$B$10,7,0)+IF('Standard Profiles'!$G$18=$B$17,14,0)+IF('Standard Profiles'!$G$18=$B$24,21,0),0)),0)</f>
        <v>11.38504966907349</v>
      </c>
      <c r="E5712" cm="1">
        <f t="array" ref="E5712">IFERROR(INDEX(Jesper!AI$2:AI$366,ROUNDDOWN($C5712/24,0)+1,1)*INDEX($D$3:$AA$30,INDEX(Jesper!$R$2:$R$366,ROW(INDEX(Jesper!AI$2:AI$366,ROUNDDOWN($C5712/24,0)+1,1))-1)+IF('Standard Profiles'!$G$19=$B$10,7,0)+IF('Standard Profiles'!$G$19=$B$17,14,0)+IF('Standard Profiles'!$G$19=$B$24,21,0),MOD($C5712,24)+1)/SUM(INDEX($D$3:$AA$30,INDEX(Jesper!$R$2:$R$366,ROW(INDEX(Jesper!AI$2:AI$366,ROUNDDOWN($C5712/24,0)+1,1))-1)+IF('Standard Profiles'!$G$19=$B$10,7,0)+IF('Standard Profiles'!$G$19=$B$17,14,0)+IF('Standard Profiles'!$G$19=$B$24,21,0),0)),0)</f>
        <v>1.5685849977053359</v>
      </c>
      <c r="F5712" cm="1">
        <f t="array" ref="F5712">IFERROR(INDEX(Jesper!AJ$2:AJ$366,ROUNDDOWN($C5712/24,0)+1,1)*INDEX($D$3:$AA$30,INDEX(Jesper!$R$2:$R$366,ROW(INDEX(Jesper!AJ$2:AJ$366,ROUNDDOWN($C5712/24,0)+1,1))-1)+IF('Standard Profiles'!$G$20=$B$10,7,0)+IF('Standard Profiles'!$G$20=$B$17,14,0)+IF('Standard Profiles'!$G$20=$B$24,21,0),MOD($C5712,24)+1)/SUM(INDEX($D$3:$AA$30,INDEX(Jesper!$R$2:$R$366,ROW(INDEX(Jesper!AJ$2:AJ$366,ROUNDDOWN($C5712/24,0)+1,1))-1)+IF('Standard Profiles'!$G$20=$B$10,7,0)+IF('Standard Profiles'!$G$20=$B$17,14,0)+IF('Standard Profiles'!$G$20=$B$24,21,0),0)),0)</f>
        <v>0</v>
      </c>
      <c r="G5712" cm="1">
        <f t="array" ref="G5712">IFERROR(INDEX(Jesper!AK$2:AK$366,ROUNDDOWN($C5712/24,0)+1,1)*INDEX($D$3:$AA$30,INDEX(Jesper!$R$2:$R$366,ROW(INDEX(Jesper!AK$2:AK$366,ROUNDDOWN($C5712/24,0)+1,1))-1)+IF('Standard Profiles'!$G$21=$B$10,7,0)+IF('Standard Profiles'!$G$21=$B$17,14,0)+IF('Standard Profiles'!$G$21=$B$24,21,0),MOD($C5712,24)+1)/SUM(INDEX($D$3:$AA$30,INDEX(Jesper!$R$2:$R$366,ROW(INDEX(Jesper!AK$2:AK$366,ROUNDDOWN($C5712/24,0)+1,1))-1)+IF('Standard Profiles'!$G$21=$B$10,7,0)+IF('Standard Profiles'!$G$21=$B$17,14,0)+IF('Standard Profiles'!$G$21=$B$24,21,0),0)),0)</f>
        <v>0</v>
      </c>
      <c r="H5712" cm="1">
        <f t="array" ref="H5712">IFERROR(INDEX(Jesper!AL$2:AL$366,ROUNDDOWN($C5712/24,0)+1,1)*INDEX($D$3:$AA$30,INDEX(Jesper!$R$2:$R$366,ROW(INDEX(Jesper!AL$2:AL$366,ROUNDDOWN($C5712/24,0)+1,1))-1)+IF('Standard Profiles'!$G$22=$B$10,7,0)+IF('Standard Profiles'!$G$22=$B$17,14,0)+IF('Standard Profiles'!$G$22=$B$24,21,0),MOD($C5712,24)+1)/SUM(INDEX($D$3:$AA$30,INDEX(Jesper!$R$2:$R$366,ROW(INDEX(Jesper!AL$2:AL$366,ROUNDDOWN($C5712/24,0)+1,1))-1)+IF('Standard Profiles'!$G$22=$B$10,7,0)+IF('Standard Profiles'!$G$22=$B$17,14,0)+IF('Standard Profiles'!$G$22=$B$24,21,0),0)),0)</f>
        <v>0</v>
      </c>
      <c r="I5712">
        <f t="shared" si="636"/>
        <v>0.14131396375723751</v>
      </c>
      <c r="J5712">
        <f t="shared" si="637"/>
        <v>0.47104654585745842</v>
      </c>
      <c r="K5712">
        <f t="shared" si="638"/>
        <v>0.70656981878618763</v>
      </c>
      <c r="L5712">
        <f t="shared" si="639"/>
        <v>11.634704338377944</v>
      </c>
      <c r="M5712">
        <f t="shared" si="640"/>
        <v>0</v>
      </c>
      <c r="N5712" s="46">
        <f t="shared" si="641"/>
        <v>45528.583333319562</v>
      </c>
    </row>
    <row r="5713" spans="2:14" x14ac:dyDescent="0.3">
      <c r="B5713">
        <f t="shared" si="635"/>
        <v>6</v>
      </c>
      <c r="C5713" s="16">
        <v>5679</v>
      </c>
      <c r="D5713" cm="1">
        <f t="array" ref="D5713">IFERROR(INDEX(Jesper!AH$2:AH$366,ROUNDDOWN($C5713/24,0)+1,1)*INDEX($D$3:$AA$30,INDEX(Jesper!$R$2:$R$366,ROW(INDEX(Jesper!AH$2:AH$366,ROUNDDOWN($C5713/24,0)+1,1))-1)+IF('Standard Profiles'!$G$18=$B$10,7,0)+IF('Standard Profiles'!$G$18=$B$17,14,0)+IF('Standard Profiles'!$G$18=$B$24,21,0),MOD($C5713,24)+1)/SUM(INDEX($D$3:$AA$30,INDEX(Jesper!$R$2:$R$366,ROW(INDEX(Jesper!AH$2:AH$366,ROUNDDOWN($C5713/24,0)+1,1))-1)+IF('Standard Profiles'!$G$18=$B$10,7,0)+IF('Standard Profiles'!$G$18=$B$17,14,0)+IF('Standard Profiles'!$G$18=$B$24,21,0),0)),0)</f>
        <v>10.293332577518497</v>
      </c>
      <c r="E5713" cm="1">
        <f t="array" ref="E5713">IFERROR(INDEX(Jesper!AI$2:AI$366,ROUNDDOWN($C5713/24,0)+1,1)*INDEX($D$3:$AA$30,INDEX(Jesper!$R$2:$R$366,ROW(INDEX(Jesper!AI$2:AI$366,ROUNDDOWN($C5713/24,0)+1,1))-1)+IF('Standard Profiles'!$G$19=$B$10,7,0)+IF('Standard Profiles'!$G$19=$B$17,14,0)+IF('Standard Profiles'!$G$19=$B$24,21,0),MOD($C5713,24)+1)/SUM(INDEX($D$3:$AA$30,INDEX(Jesper!$R$2:$R$366,ROW(INDEX(Jesper!AI$2:AI$366,ROUNDDOWN($C5713/24,0)+1,1))-1)+IF('Standard Profiles'!$G$19=$B$10,7,0)+IF('Standard Profiles'!$G$19=$B$17,14,0)+IF('Standard Profiles'!$G$19=$B$24,21,0),0)),0)</f>
        <v>1.4181727376513995</v>
      </c>
      <c r="F5713" cm="1">
        <f t="array" ref="F5713">IFERROR(INDEX(Jesper!AJ$2:AJ$366,ROUNDDOWN($C5713/24,0)+1,1)*INDEX($D$3:$AA$30,INDEX(Jesper!$R$2:$R$366,ROW(INDEX(Jesper!AJ$2:AJ$366,ROUNDDOWN($C5713/24,0)+1,1))-1)+IF('Standard Profiles'!$G$20=$B$10,7,0)+IF('Standard Profiles'!$G$20=$B$17,14,0)+IF('Standard Profiles'!$G$20=$B$24,21,0),MOD($C5713,24)+1)/SUM(INDEX($D$3:$AA$30,INDEX(Jesper!$R$2:$R$366,ROW(INDEX(Jesper!AJ$2:AJ$366,ROUNDDOWN($C5713/24,0)+1,1))-1)+IF('Standard Profiles'!$G$20=$B$10,7,0)+IF('Standard Profiles'!$G$20=$B$17,14,0)+IF('Standard Profiles'!$G$20=$B$24,21,0),0)),0)</f>
        <v>0</v>
      </c>
      <c r="G5713" cm="1">
        <f t="array" ref="G5713">IFERROR(INDEX(Jesper!AK$2:AK$366,ROUNDDOWN($C5713/24,0)+1,1)*INDEX($D$3:$AA$30,INDEX(Jesper!$R$2:$R$366,ROW(INDEX(Jesper!AK$2:AK$366,ROUNDDOWN($C5713/24,0)+1,1))-1)+IF('Standard Profiles'!$G$21=$B$10,7,0)+IF('Standard Profiles'!$G$21=$B$17,14,0)+IF('Standard Profiles'!$G$21=$B$24,21,0),MOD($C5713,24)+1)/SUM(INDEX($D$3:$AA$30,INDEX(Jesper!$R$2:$R$366,ROW(INDEX(Jesper!AK$2:AK$366,ROUNDDOWN($C5713/24,0)+1,1))-1)+IF('Standard Profiles'!$G$21=$B$10,7,0)+IF('Standard Profiles'!$G$21=$B$17,14,0)+IF('Standard Profiles'!$G$21=$B$24,21,0),0)),0)</f>
        <v>0</v>
      </c>
      <c r="H5713" cm="1">
        <f t="array" ref="H5713">IFERROR(INDEX(Jesper!AL$2:AL$366,ROUNDDOWN($C5713/24,0)+1,1)*INDEX($D$3:$AA$30,INDEX(Jesper!$R$2:$R$366,ROW(INDEX(Jesper!AL$2:AL$366,ROUNDDOWN($C5713/24,0)+1,1))-1)+IF('Standard Profiles'!$G$22=$B$10,7,0)+IF('Standard Profiles'!$G$22=$B$17,14,0)+IF('Standard Profiles'!$G$22=$B$24,21,0),MOD($C5713,24)+1)/SUM(INDEX($D$3:$AA$30,INDEX(Jesper!$R$2:$R$366,ROW(INDEX(Jesper!AL$2:AL$366,ROUNDDOWN($C5713/24,0)+1,1))-1)+IF('Standard Profiles'!$G$22=$B$10,7,0)+IF('Standard Profiles'!$G$22=$B$17,14,0)+IF('Standard Profiles'!$G$22=$B$24,21,0),0)),0)</f>
        <v>0</v>
      </c>
      <c r="I5713">
        <f t="shared" si="636"/>
        <v>0.12776330969832431</v>
      </c>
      <c r="J5713">
        <f t="shared" si="637"/>
        <v>0.42587769899441441</v>
      </c>
      <c r="K5713">
        <f t="shared" si="638"/>
        <v>0.63881654849162162</v>
      </c>
      <c r="L5713">
        <f t="shared" si="639"/>
        <v>10.519047757985536</v>
      </c>
      <c r="M5713">
        <f t="shared" si="640"/>
        <v>0</v>
      </c>
      <c r="N5713" s="46">
        <f t="shared" si="641"/>
        <v>45528.624999986227</v>
      </c>
    </row>
    <row r="5714" spans="2:14" x14ac:dyDescent="0.3">
      <c r="B5714">
        <f t="shared" si="635"/>
        <v>6</v>
      </c>
      <c r="C5714" s="16">
        <v>5680</v>
      </c>
      <c r="D5714" cm="1">
        <f t="array" ref="D5714">IFERROR(INDEX(Jesper!AH$2:AH$366,ROUNDDOWN($C5714/24,0)+1,1)*INDEX($D$3:$AA$30,INDEX(Jesper!$R$2:$R$366,ROW(INDEX(Jesper!AH$2:AH$366,ROUNDDOWN($C5714/24,0)+1,1))-1)+IF('Standard Profiles'!$G$18=$B$10,7,0)+IF('Standard Profiles'!$G$18=$B$17,14,0)+IF('Standard Profiles'!$G$18=$B$24,21,0),MOD($C5714,24)+1)/SUM(INDEX($D$3:$AA$30,INDEX(Jesper!$R$2:$R$366,ROW(INDEX(Jesper!AH$2:AH$366,ROUNDDOWN($C5714/24,0)+1,1))-1)+IF('Standard Profiles'!$G$18=$B$10,7,0)+IF('Standard Profiles'!$G$18=$B$17,14,0)+IF('Standard Profiles'!$G$18=$B$24,21,0),0)),0)</f>
        <v>9.3575750704713627</v>
      </c>
      <c r="E5714" cm="1">
        <f t="array" ref="E5714">IFERROR(INDEX(Jesper!AI$2:AI$366,ROUNDDOWN($C5714/24,0)+1,1)*INDEX($D$3:$AA$30,INDEX(Jesper!$R$2:$R$366,ROW(INDEX(Jesper!AI$2:AI$366,ROUNDDOWN($C5714/24,0)+1,1))-1)+IF('Standard Profiles'!$G$19=$B$10,7,0)+IF('Standard Profiles'!$G$19=$B$17,14,0)+IF('Standard Profiles'!$G$19=$B$24,21,0),MOD($C5714,24)+1)/SUM(INDEX($D$3:$AA$30,INDEX(Jesper!$R$2:$R$366,ROW(INDEX(Jesper!AI$2:AI$366,ROUNDDOWN($C5714/24,0)+1,1))-1)+IF('Standard Profiles'!$G$19=$B$10,7,0)+IF('Standard Profiles'!$G$19=$B$17,14,0)+IF('Standard Profiles'!$G$19=$B$24,21,0),0)),0)</f>
        <v>1.2892479433194541</v>
      </c>
      <c r="F5714" cm="1">
        <f t="array" ref="F5714">IFERROR(INDEX(Jesper!AJ$2:AJ$366,ROUNDDOWN($C5714/24,0)+1,1)*INDEX($D$3:$AA$30,INDEX(Jesper!$R$2:$R$366,ROW(INDEX(Jesper!AJ$2:AJ$366,ROUNDDOWN($C5714/24,0)+1,1))-1)+IF('Standard Profiles'!$G$20=$B$10,7,0)+IF('Standard Profiles'!$G$20=$B$17,14,0)+IF('Standard Profiles'!$G$20=$B$24,21,0),MOD($C5714,24)+1)/SUM(INDEX($D$3:$AA$30,INDEX(Jesper!$R$2:$R$366,ROW(INDEX(Jesper!AJ$2:AJ$366,ROUNDDOWN($C5714/24,0)+1,1))-1)+IF('Standard Profiles'!$G$20=$B$10,7,0)+IF('Standard Profiles'!$G$20=$B$17,14,0)+IF('Standard Profiles'!$G$20=$B$24,21,0),0)),0)</f>
        <v>0</v>
      </c>
      <c r="G5714" cm="1">
        <f t="array" ref="G5714">IFERROR(INDEX(Jesper!AK$2:AK$366,ROUNDDOWN($C5714/24,0)+1,1)*INDEX($D$3:$AA$30,INDEX(Jesper!$R$2:$R$366,ROW(INDEX(Jesper!AK$2:AK$366,ROUNDDOWN($C5714/24,0)+1,1))-1)+IF('Standard Profiles'!$G$21=$B$10,7,0)+IF('Standard Profiles'!$G$21=$B$17,14,0)+IF('Standard Profiles'!$G$21=$B$24,21,0),MOD($C5714,24)+1)/SUM(INDEX($D$3:$AA$30,INDEX(Jesper!$R$2:$R$366,ROW(INDEX(Jesper!AK$2:AK$366,ROUNDDOWN($C5714/24,0)+1,1))-1)+IF('Standard Profiles'!$G$21=$B$10,7,0)+IF('Standard Profiles'!$G$21=$B$17,14,0)+IF('Standard Profiles'!$G$21=$B$24,21,0),0)),0)</f>
        <v>0</v>
      </c>
      <c r="H5714" cm="1">
        <f t="array" ref="H5714">IFERROR(INDEX(Jesper!AL$2:AL$366,ROUNDDOWN($C5714/24,0)+1,1)*INDEX($D$3:$AA$30,INDEX(Jesper!$R$2:$R$366,ROW(INDEX(Jesper!AL$2:AL$366,ROUNDDOWN($C5714/24,0)+1,1))-1)+IF('Standard Profiles'!$G$22=$B$10,7,0)+IF('Standard Profiles'!$G$22=$B$17,14,0)+IF('Standard Profiles'!$G$22=$B$24,21,0),MOD($C5714,24)+1)/SUM(INDEX($D$3:$AA$30,INDEX(Jesper!$R$2:$R$366,ROW(INDEX(Jesper!AL$2:AL$366,ROUNDDOWN($C5714/24,0)+1,1))-1)+IF('Standard Profiles'!$G$22=$B$10,7,0)+IF('Standard Profiles'!$G$22=$B$17,14,0)+IF('Standard Profiles'!$G$22=$B$24,21,0),0)),0)</f>
        <v>0</v>
      </c>
      <c r="I5714">
        <f t="shared" si="636"/>
        <v>0.11614846336211301</v>
      </c>
      <c r="J5714">
        <f t="shared" si="637"/>
        <v>0.38716154454037677</v>
      </c>
      <c r="K5714">
        <f t="shared" si="638"/>
        <v>0.5807423168105651</v>
      </c>
      <c r="L5714">
        <f t="shared" si="639"/>
        <v>9.5627706890777624</v>
      </c>
      <c r="M5714">
        <f t="shared" si="640"/>
        <v>0</v>
      </c>
      <c r="N5714" s="46">
        <f t="shared" si="641"/>
        <v>45528.666666652891</v>
      </c>
    </row>
    <row r="5715" spans="2:14" x14ac:dyDescent="0.3">
      <c r="B5715">
        <f t="shared" si="635"/>
        <v>6</v>
      </c>
      <c r="C5715" s="16">
        <v>5681</v>
      </c>
      <c r="D5715" cm="1">
        <f t="array" ref="D5715">IFERROR(INDEX(Jesper!AH$2:AH$366,ROUNDDOWN($C5715/24,0)+1,1)*INDEX($D$3:$AA$30,INDEX(Jesper!$R$2:$R$366,ROW(INDEX(Jesper!AH$2:AH$366,ROUNDDOWN($C5715/24,0)+1,1))-1)+IF('Standard Profiles'!$G$18=$B$10,7,0)+IF('Standard Profiles'!$G$18=$B$17,14,0)+IF('Standard Profiles'!$G$18=$B$24,21,0),MOD($C5715,24)+1)/SUM(INDEX($D$3:$AA$30,INDEX(Jesper!$R$2:$R$366,ROW(INDEX(Jesper!AH$2:AH$366,ROUNDDOWN($C5715/24,0)+1,1))-1)+IF('Standard Profiles'!$G$18=$B$10,7,0)+IF('Standard Profiles'!$G$18=$B$17,14,0)+IF('Standard Profiles'!$G$18=$B$24,21,0),0)),0)</f>
        <v>8.4218175634242254</v>
      </c>
      <c r="E5715" cm="1">
        <f t="array" ref="E5715">IFERROR(INDEX(Jesper!AI$2:AI$366,ROUNDDOWN($C5715/24,0)+1,1)*INDEX($D$3:$AA$30,INDEX(Jesper!$R$2:$R$366,ROW(INDEX(Jesper!AI$2:AI$366,ROUNDDOWN($C5715/24,0)+1,1))-1)+IF('Standard Profiles'!$G$19=$B$10,7,0)+IF('Standard Profiles'!$G$19=$B$17,14,0)+IF('Standard Profiles'!$G$19=$B$24,21,0),MOD($C5715,24)+1)/SUM(INDEX($D$3:$AA$30,INDEX(Jesper!$R$2:$R$366,ROW(INDEX(Jesper!AI$2:AI$366,ROUNDDOWN($C5715/24,0)+1,1))-1)+IF('Standard Profiles'!$G$19=$B$10,7,0)+IF('Standard Profiles'!$G$19=$B$17,14,0)+IF('Standard Profiles'!$G$19=$B$24,21,0),0)),0)</f>
        <v>1.1603231489875088</v>
      </c>
      <c r="F5715" cm="1">
        <f t="array" ref="F5715">IFERROR(INDEX(Jesper!AJ$2:AJ$366,ROUNDDOWN($C5715/24,0)+1,1)*INDEX($D$3:$AA$30,INDEX(Jesper!$R$2:$R$366,ROW(INDEX(Jesper!AJ$2:AJ$366,ROUNDDOWN($C5715/24,0)+1,1))-1)+IF('Standard Profiles'!$G$20=$B$10,7,0)+IF('Standard Profiles'!$G$20=$B$17,14,0)+IF('Standard Profiles'!$G$20=$B$24,21,0),MOD($C5715,24)+1)/SUM(INDEX($D$3:$AA$30,INDEX(Jesper!$R$2:$R$366,ROW(INDEX(Jesper!AJ$2:AJ$366,ROUNDDOWN($C5715/24,0)+1,1))-1)+IF('Standard Profiles'!$G$20=$B$10,7,0)+IF('Standard Profiles'!$G$20=$B$17,14,0)+IF('Standard Profiles'!$G$20=$B$24,21,0),0)),0)</f>
        <v>0</v>
      </c>
      <c r="G5715" cm="1">
        <f t="array" ref="G5715">IFERROR(INDEX(Jesper!AK$2:AK$366,ROUNDDOWN($C5715/24,0)+1,1)*INDEX($D$3:$AA$30,INDEX(Jesper!$R$2:$R$366,ROW(INDEX(Jesper!AK$2:AK$366,ROUNDDOWN($C5715/24,0)+1,1))-1)+IF('Standard Profiles'!$G$21=$B$10,7,0)+IF('Standard Profiles'!$G$21=$B$17,14,0)+IF('Standard Profiles'!$G$21=$B$24,21,0),MOD($C5715,24)+1)/SUM(INDEX($D$3:$AA$30,INDEX(Jesper!$R$2:$R$366,ROW(INDEX(Jesper!AK$2:AK$366,ROUNDDOWN($C5715/24,0)+1,1))-1)+IF('Standard Profiles'!$G$21=$B$10,7,0)+IF('Standard Profiles'!$G$21=$B$17,14,0)+IF('Standard Profiles'!$G$21=$B$24,21,0),0)),0)</f>
        <v>0</v>
      </c>
      <c r="H5715" cm="1">
        <f t="array" ref="H5715">IFERROR(INDEX(Jesper!AL$2:AL$366,ROUNDDOWN($C5715/24,0)+1,1)*INDEX($D$3:$AA$30,INDEX(Jesper!$R$2:$R$366,ROW(INDEX(Jesper!AL$2:AL$366,ROUNDDOWN($C5715/24,0)+1,1))-1)+IF('Standard Profiles'!$G$22=$B$10,7,0)+IF('Standard Profiles'!$G$22=$B$17,14,0)+IF('Standard Profiles'!$G$22=$B$24,21,0),MOD($C5715,24)+1)/SUM(INDEX($D$3:$AA$30,INDEX(Jesper!$R$2:$R$366,ROW(INDEX(Jesper!AL$2:AL$366,ROUNDDOWN($C5715/24,0)+1,1))-1)+IF('Standard Profiles'!$G$22=$B$10,7,0)+IF('Standard Profiles'!$G$22=$B$17,14,0)+IF('Standard Profiles'!$G$22=$B$24,21,0),0)),0)</f>
        <v>0</v>
      </c>
      <c r="I5715">
        <f t="shared" si="636"/>
        <v>0.10453361702590172</v>
      </c>
      <c r="J5715">
        <f t="shared" si="637"/>
        <v>0.34844539008633912</v>
      </c>
      <c r="K5715">
        <f t="shared" si="638"/>
        <v>0.52266808512950869</v>
      </c>
      <c r="L5715">
        <f t="shared" si="639"/>
        <v>8.6064936201699851</v>
      </c>
      <c r="M5715">
        <f t="shared" si="640"/>
        <v>0</v>
      </c>
      <c r="N5715" s="46">
        <f t="shared" si="641"/>
        <v>45528.708333319555</v>
      </c>
    </row>
    <row r="5716" spans="2:14" x14ac:dyDescent="0.3">
      <c r="B5716">
        <f t="shared" si="635"/>
        <v>6</v>
      </c>
      <c r="C5716" s="16">
        <v>5682</v>
      </c>
      <c r="D5716" cm="1">
        <f t="array" ref="D5716">IFERROR(INDEX(Jesper!AH$2:AH$366,ROUNDDOWN($C5716/24,0)+1,1)*INDEX($D$3:$AA$30,INDEX(Jesper!$R$2:$R$366,ROW(INDEX(Jesper!AH$2:AH$366,ROUNDDOWN($C5716/24,0)+1,1))-1)+IF('Standard Profiles'!$G$18=$B$10,7,0)+IF('Standard Profiles'!$G$18=$B$17,14,0)+IF('Standard Profiles'!$G$18=$B$24,21,0),MOD($C5716,24)+1)/SUM(INDEX($D$3:$AA$30,INDEX(Jesper!$R$2:$R$366,ROW(INDEX(Jesper!AH$2:AH$366,ROUNDDOWN($C5716/24,0)+1,1))-1)+IF('Standard Profiles'!$G$18=$B$10,7,0)+IF('Standard Profiles'!$G$18=$B$17,14,0)+IF('Standard Profiles'!$G$18=$B$24,21,0),0)),0)</f>
        <v>8.1098983944085123</v>
      </c>
      <c r="E5716" cm="1">
        <f t="array" ref="E5716">IFERROR(INDEX(Jesper!AI$2:AI$366,ROUNDDOWN($C5716/24,0)+1,1)*INDEX($D$3:$AA$30,INDEX(Jesper!$R$2:$R$366,ROW(INDEX(Jesper!AI$2:AI$366,ROUNDDOWN($C5716/24,0)+1,1))-1)+IF('Standard Profiles'!$G$19=$B$10,7,0)+IF('Standard Profiles'!$G$19=$B$17,14,0)+IF('Standard Profiles'!$G$19=$B$24,21,0),MOD($C5716,24)+1)/SUM(INDEX($D$3:$AA$30,INDEX(Jesper!$R$2:$R$366,ROW(INDEX(Jesper!AI$2:AI$366,ROUNDDOWN($C5716/24,0)+1,1))-1)+IF('Standard Profiles'!$G$19=$B$10,7,0)+IF('Standard Profiles'!$G$19=$B$17,14,0)+IF('Standard Profiles'!$G$19=$B$24,21,0),0)),0)</f>
        <v>1.117348217543527</v>
      </c>
      <c r="F5716" cm="1">
        <f t="array" ref="F5716">IFERROR(INDEX(Jesper!AJ$2:AJ$366,ROUNDDOWN($C5716/24,0)+1,1)*INDEX($D$3:$AA$30,INDEX(Jesper!$R$2:$R$366,ROW(INDEX(Jesper!AJ$2:AJ$366,ROUNDDOWN($C5716/24,0)+1,1))-1)+IF('Standard Profiles'!$G$20=$B$10,7,0)+IF('Standard Profiles'!$G$20=$B$17,14,0)+IF('Standard Profiles'!$G$20=$B$24,21,0),MOD($C5716,24)+1)/SUM(INDEX($D$3:$AA$30,INDEX(Jesper!$R$2:$R$366,ROW(INDEX(Jesper!AJ$2:AJ$366,ROUNDDOWN($C5716/24,0)+1,1))-1)+IF('Standard Profiles'!$G$20=$B$10,7,0)+IF('Standard Profiles'!$G$20=$B$17,14,0)+IF('Standard Profiles'!$G$20=$B$24,21,0),0)),0)</f>
        <v>0</v>
      </c>
      <c r="G5716" cm="1">
        <f t="array" ref="G5716">IFERROR(INDEX(Jesper!AK$2:AK$366,ROUNDDOWN($C5716/24,0)+1,1)*INDEX($D$3:$AA$30,INDEX(Jesper!$R$2:$R$366,ROW(INDEX(Jesper!AK$2:AK$366,ROUNDDOWN($C5716/24,0)+1,1))-1)+IF('Standard Profiles'!$G$21=$B$10,7,0)+IF('Standard Profiles'!$G$21=$B$17,14,0)+IF('Standard Profiles'!$G$21=$B$24,21,0),MOD($C5716,24)+1)/SUM(INDEX($D$3:$AA$30,INDEX(Jesper!$R$2:$R$366,ROW(INDEX(Jesper!AK$2:AK$366,ROUNDDOWN($C5716/24,0)+1,1))-1)+IF('Standard Profiles'!$G$21=$B$10,7,0)+IF('Standard Profiles'!$G$21=$B$17,14,0)+IF('Standard Profiles'!$G$21=$B$24,21,0),0)),0)</f>
        <v>0</v>
      </c>
      <c r="H5716" cm="1">
        <f t="array" ref="H5716">IFERROR(INDEX(Jesper!AL$2:AL$366,ROUNDDOWN($C5716/24,0)+1,1)*INDEX($D$3:$AA$30,INDEX(Jesper!$R$2:$R$366,ROW(INDEX(Jesper!AL$2:AL$366,ROUNDDOWN($C5716/24,0)+1,1))-1)+IF('Standard Profiles'!$G$22=$B$10,7,0)+IF('Standard Profiles'!$G$22=$B$17,14,0)+IF('Standard Profiles'!$G$22=$B$24,21,0),MOD($C5716,24)+1)/SUM(INDEX($D$3:$AA$30,INDEX(Jesper!$R$2:$R$366,ROW(INDEX(Jesper!AL$2:AL$366,ROUNDDOWN($C5716/24,0)+1,1))-1)+IF('Standard Profiles'!$G$22=$B$10,7,0)+IF('Standard Profiles'!$G$22=$B$17,14,0)+IF('Standard Profiles'!$G$22=$B$24,21,0),0)),0)</f>
        <v>0</v>
      </c>
      <c r="I5716">
        <f t="shared" si="636"/>
        <v>0.10066200158049796</v>
      </c>
      <c r="J5716">
        <f t="shared" si="637"/>
        <v>0.33554000526832656</v>
      </c>
      <c r="K5716">
        <f t="shared" si="638"/>
        <v>0.50331000790248981</v>
      </c>
      <c r="L5716">
        <f t="shared" si="639"/>
        <v>8.2877345972007248</v>
      </c>
      <c r="M5716">
        <f t="shared" si="640"/>
        <v>0</v>
      </c>
      <c r="N5716" s="46">
        <f t="shared" si="641"/>
        <v>45528.749999986219</v>
      </c>
    </row>
    <row r="5717" spans="2:14" x14ac:dyDescent="0.3">
      <c r="B5717">
        <f t="shared" si="635"/>
        <v>6</v>
      </c>
      <c r="C5717" s="16">
        <v>5683</v>
      </c>
      <c r="D5717" cm="1">
        <f t="array" ref="D5717">IFERROR(INDEX(Jesper!AH$2:AH$366,ROUNDDOWN($C5717/24,0)+1,1)*INDEX($D$3:$AA$30,INDEX(Jesper!$R$2:$R$366,ROW(INDEX(Jesper!AH$2:AH$366,ROUNDDOWN($C5717/24,0)+1,1))-1)+IF('Standard Profiles'!$G$18=$B$10,7,0)+IF('Standard Profiles'!$G$18=$B$17,14,0)+IF('Standard Profiles'!$G$18=$B$24,21,0),MOD($C5717,24)+1)/SUM(INDEX($D$3:$AA$30,INDEX(Jesper!$R$2:$R$366,ROW(INDEX(Jesper!AH$2:AH$366,ROUNDDOWN($C5717/24,0)+1,1))-1)+IF('Standard Profiles'!$G$18=$B$10,7,0)+IF('Standard Profiles'!$G$18=$B$17,14,0)+IF('Standard Profiles'!$G$18=$B$24,21,0),0)),0)</f>
        <v>6.5503025493299525</v>
      </c>
      <c r="E5717" cm="1">
        <f t="array" ref="E5717">IFERROR(INDEX(Jesper!AI$2:AI$366,ROUNDDOWN($C5717/24,0)+1,1)*INDEX($D$3:$AA$30,INDEX(Jesper!$R$2:$R$366,ROW(INDEX(Jesper!AI$2:AI$366,ROUNDDOWN($C5717/24,0)+1,1))-1)+IF('Standard Profiles'!$G$19=$B$10,7,0)+IF('Standard Profiles'!$G$19=$B$17,14,0)+IF('Standard Profiles'!$G$19=$B$24,21,0),MOD($C5717,24)+1)/SUM(INDEX($D$3:$AA$30,INDEX(Jesper!$R$2:$R$366,ROW(INDEX(Jesper!AI$2:AI$366,ROUNDDOWN($C5717/24,0)+1,1))-1)+IF('Standard Profiles'!$G$19=$B$10,7,0)+IF('Standard Profiles'!$G$19=$B$17,14,0)+IF('Standard Profiles'!$G$19=$B$24,21,0),0)),0)</f>
        <v>0.90247356032361792</v>
      </c>
      <c r="F5717" cm="1">
        <f t="array" ref="F5717">IFERROR(INDEX(Jesper!AJ$2:AJ$366,ROUNDDOWN($C5717/24,0)+1,1)*INDEX($D$3:$AA$30,INDEX(Jesper!$R$2:$R$366,ROW(INDEX(Jesper!AJ$2:AJ$366,ROUNDDOWN($C5717/24,0)+1,1))-1)+IF('Standard Profiles'!$G$20=$B$10,7,0)+IF('Standard Profiles'!$G$20=$B$17,14,0)+IF('Standard Profiles'!$G$20=$B$24,21,0),MOD($C5717,24)+1)/SUM(INDEX($D$3:$AA$30,INDEX(Jesper!$R$2:$R$366,ROW(INDEX(Jesper!AJ$2:AJ$366,ROUNDDOWN($C5717/24,0)+1,1))-1)+IF('Standard Profiles'!$G$20=$B$10,7,0)+IF('Standard Profiles'!$G$20=$B$17,14,0)+IF('Standard Profiles'!$G$20=$B$24,21,0),0)),0)</f>
        <v>0</v>
      </c>
      <c r="G5717" cm="1">
        <f t="array" ref="G5717">IFERROR(INDEX(Jesper!AK$2:AK$366,ROUNDDOWN($C5717/24,0)+1,1)*INDEX($D$3:$AA$30,INDEX(Jesper!$R$2:$R$366,ROW(INDEX(Jesper!AK$2:AK$366,ROUNDDOWN($C5717/24,0)+1,1))-1)+IF('Standard Profiles'!$G$21=$B$10,7,0)+IF('Standard Profiles'!$G$21=$B$17,14,0)+IF('Standard Profiles'!$G$21=$B$24,21,0),MOD($C5717,24)+1)/SUM(INDEX($D$3:$AA$30,INDEX(Jesper!$R$2:$R$366,ROW(INDEX(Jesper!AK$2:AK$366,ROUNDDOWN($C5717/24,0)+1,1))-1)+IF('Standard Profiles'!$G$21=$B$10,7,0)+IF('Standard Profiles'!$G$21=$B$17,14,0)+IF('Standard Profiles'!$G$21=$B$24,21,0),0)),0)</f>
        <v>0</v>
      </c>
      <c r="H5717" cm="1">
        <f t="array" ref="H5717">IFERROR(INDEX(Jesper!AL$2:AL$366,ROUNDDOWN($C5717/24,0)+1,1)*INDEX($D$3:$AA$30,INDEX(Jesper!$R$2:$R$366,ROW(INDEX(Jesper!AL$2:AL$366,ROUNDDOWN($C5717/24,0)+1,1))-1)+IF('Standard Profiles'!$G$22=$B$10,7,0)+IF('Standard Profiles'!$G$22=$B$17,14,0)+IF('Standard Profiles'!$G$22=$B$24,21,0),MOD($C5717,24)+1)/SUM(INDEX($D$3:$AA$30,INDEX(Jesper!$R$2:$R$366,ROW(INDEX(Jesper!AL$2:AL$366,ROUNDDOWN($C5717/24,0)+1,1))-1)+IF('Standard Profiles'!$G$22=$B$10,7,0)+IF('Standard Profiles'!$G$22=$B$17,14,0)+IF('Standard Profiles'!$G$22=$B$24,21,0),0)),0)</f>
        <v>0</v>
      </c>
      <c r="I5717">
        <f t="shared" si="636"/>
        <v>8.1303924353479107E-2</v>
      </c>
      <c r="J5717">
        <f t="shared" si="637"/>
        <v>0.27101308117826373</v>
      </c>
      <c r="K5717">
        <f t="shared" si="638"/>
        <v>0.40651962176739559</v>
      </c>
      <c r="L5717">
        <f t="shared" si="639"/>
        <v>6.6939394823544323</v>
      </c>
      <c r="M5717">
        <f t="shared" si="640"/>
        <v>0</v>
      </c>
      <c r="N5717" s="46">
        <f t="shared" si="641"/>
        <v>45528.791666652884</v>
      </c>
    </row>
    <row r="5718" spans="2:14" x14ac:dyDescent="0.3">
      <c r="B5718">
        <f t="shared" si="635"/>
        <v>6</v>
      </c>
      <c r="C5718" s="16">
        <v>5684</v>
      </c>
      <c r="D5718" cm="1">
        <f t="array" ref="D5718">IFERROR(INDEX(Jesper!AH$2:AH$366,ROUNDDOWN($C5718/24,0)+1,1)*INDEX($D$3:$AA$30,INDEX(Jesper!$R$2:$R$366,ROW(INDEX(Jesper!AH$2:AH$366,ROUNDDOWN($C5718/24,0)+1,1))-1)+IF('Standard Profiles'!$G$18=$B$10,7,0)+IF('Standard Profiles'!$G$18=$B$17,14,0)+IF('Standard Profiles'!$G$18=$B$24,21,0),MOD($C5718,24)+1)/SUM(INDEX($D$3:$AA$30,INDEX(Jesper!$R$2:$R$366,ROW(INDEX(Jesper!AH$2:AH$366,ROUNDDOWN($C5718/24,0)+1,1))-1)+IF('Standard Profiles'!$G$18=$B$10,7,0)+IF('Standard Profiles'!$G$18=$B$17,14,0)+IF('Standard Profiles'!$G$18=$B$24,21,0),0)),0)</f>
        <v>4.8347471197435361</v>
      </c>
      <c r="E5718" cm="1">
        <f t="array" ref="E5718">IFERROR(INDEX(Jesper!AI$2:AI$366,ROUNDDOWN($C5718/24,0)+1,1)*INDEX($D$3:$AA$30,INDEX(Jesper!$R$2:$R$366,ROW(INDEX(Jesper!AI$2:AI$366,ROUNDDOWN($C5718/24,0)+1,1))-1)+IF('Standard Profiles'!$G$19=$B$10,7,0)+IF('Standard Profiles'!$G$19=$B$17,14,0)+IF('Standard Profiles'!$G$19=$B$24,21,0),MOD($C5718,24)+1)/SUM(INDEX($D$3:$AA$30,INDEX(Jesper!$R$2:$R$366,ROW(INDEX(Jesper!AI$2:AI$366,ROUNDDOWN($C5718/24,0)+1,1))-1)+IF('Standard Profiles'!$G$19=$B$10,7,0)+IF('Standard Profiles'!$G$19=$B$17,14,0)+IF('Standard Profiles'!$G$19=$B$24,21,0),0)),0)</f>
        <v>0.66611143738171796</v>
      </c>
      <c r="F5718" cm="1">
        <f t="array" ref="F5718">IFERROR(INDEX(Jesper!AJ$2:AJ$366,ROUNDDOWN($C5718/24,0)+1,1)*INDEX($D$3:$AA$30,INDEX(Jesper!$R$2:$R$366,ROW(INDEX(Jesper!AJ$2:AJ$366,ROUNDDOWN($C5718/24,0)+1,1))-1)+IF('Standard Profiles'!$G$20=$B$10,7,0)+IF('Standard Profiles'!$G$20=$B$17,14,0)+IF('Standard Profiles'!$G$20=$B$24,21,0),MOD($C5718,24)+1)/SUM(INDEX($D$3:$AA$30,INDEX(Jesper!$R$2:$R$366,ROW(INDEX(Jesper!AJ$2:AJ$366,ROUNDDOWN($C5718/24,0)+1,1))-1)+IF('Standard Profiles'!$G$20=$B$10,7,0)+IF('Standard Profiles'!$G$20=$B$17,14,0)+IF('Standard Profiles'!$G$20=$B$24,21,0),0)),0)</f>
        <v>0</v>
      </c>
      <c r="G5718" cm="1">
        <f t="array" ref="G5718">IFERROR(INDEX(Jesper!AK$2:AK$366,ROUNDDOWN($C5718/24,0)+1,1)*INDEX($D$3:$AA$30,INDEX(Jesper!$R$2:$R$366,ROW(INDEX(Jesper!AK$2:AK$366,ROUNDDOWN($C5718/24,0)+1,1))-1)+IF('Standard Profiles'!$G$21=$B$10,7,0)+IF('Standard Profiles'!$G$21=$B$17,14,0)+IF('Standard Profiles'!$G$21=$B$24,21,0),MOD($C5718,24)+1)/SUM(INDEX($D$3:$AA$30,INDEX(Jesper!$R$2:$R$366,ROW(INDEX(Jesper!AK$2:AK$366,ROUNDDOWN($C5718/24,0)+1,1))-1)+IF('Standard Profiles'!$G$21=$B$10,7,0)+IF('Standard Profiles'!$G$21=$B$17,14,0)+IF('Standard Profiles'!$G$21=$B$24,21,0),0)),0)</f>
        <v>0</v>
      </c>
      <c r="H5718" cm="1">
        <f t="array" ref="H5718">IFERROR(INDEX(Jesper!AL$2:AL$366,ROUNDDOWN($C5718/24,0)+1,1)*INDEX($D$3:$AA$30,INDEX(Jesper!$R$2:$R$366,ROW(INDEX(Jesper!AL$2:AL$366,ROUNDDOWN($C5718/24,0)+1,1))-1)+IF('Standard Profiles'!$G$22=$B$10,7,0)+IF('Standard Profiles'!$G$22=$B$17,14,0)+IF('Standard Profiles'!$G$22=$B$24,21,0),MOD($C5718,24)+1)/SUM(INDEX($D$3:$AA$30,INDEX(Jesper!$R$2:$R$366,ROW(INDEX(Jesper!AL$2:AL$366,ROUNDDOWN($C5718/24,0)+1,1))-1)+IF('Standard Profiles'!$G$22=$B$10,7,0)+IF('Standard Profiles'!$G$22=$B$17,14,0)+IF('Standard Profiles'!$G$22=$B$24,21,0),0)),0)</f>
        <v>0</v>
      </c>
      <c r="I5718">
        <f t="shared" si="636"/>
        <v>6.0010039403758389E-2</v>
      </c>
      <c r="J5718">
        <f t="shared" si="637"/>
        <v>0.20003346467919467</v>
      </c>
      <c r="K5718">
        <f t="shared" si="638"/>
        <v>0.30005019701879199</v>
      </c>
      <c r="L5718">
        <f t="shared" si="639"/>
        <v>4.9407648560235087</v>
      </c>
      <c r="M5718">
        <f t="shared" si="640"/>
        <v>0</v>
      </c>
      <c r="N5718" s="46">
        <f t="shared" si="641"/>
        <v>45528.833333319548</v>
      </c>
    </row>
    <row r="5719" spans="2:14" x14ac:dyDescent="0.3">
      <c r="B5719">
        <f t="shared" si="635"/>
        <v>6</v>
      </c>
      <c r="C5719" s="16">
        <v>5685</v>
      </c>
      <c r="D5719" cm="1">
        <f t="array" ref="D5719">IFERROR(INDEX(Jesper!AH$2:AH$366,ROUNDDOWN($C5719/24,0)+1,1)*INDEX($D$3:$AA$30,INDEX(Jesper!$R$2:$R$366,ROW(INDEX(Jesper!AH$2:AH$366,ROUNDDOWN($C5719/24,0)+1,1))-1)+IF('Standard Profiles'!$G$18=$B$10,7,0)+IF('Standard Profiles'!$G$18=$B$17,14,0)+IF('Standard Profiles'!$G$18=$B$24,21,0),MOD($C5719,24)+1)/SUM(INDEX($D$3:$AA$30,INDEX(Jesper!$R$2:$R$366,ROW(INDEX(Jesper!AH$2:AH$366,ROUNDDOWN($C5719/24,0)+1,1))-1)+IF('Standard Profiles'!$G$18=$B$10,7,0)+IF('Standard Profiles'!$G$18=$B$17,14,0)+IF('Standard Profiles'!$G$18=$B$24,21,0),0)),0)</f>
        <v>4.8347471197435361</v>
      </c>
      <c r="E5719" cm="1">
        <f t="array" ref="E5719">IFERROR(INDEX(Jesper!AI$2:AI$366,ROUNDDOWN($C5719/24,0)+1,1)*INDEX($D$3:$AA$30,INDEX(Jesper!$R$2:$R$366,ROW(INDEX(Jesper!AI$2:AI$366,ROUNDDOWN($C5719/24,0)+1,1))-1)+IF('Standard Profiles'!$G$19=$B$10,7,0)+IF('Standard Profiles'!$G$19=$B$17,14,0)+IF('Standard Profiles'!$G$19=$B$24,21,0),MOD($C5719,24)+1)/SUM(INDEX($D$3:$AA$30,INDEX(Jesper!$R$2:$R$366,ROW(INDEX(Jesper!AI$2:AI$366,ROUNDDOWN($C5719/24,0)+1,1))-1)+IF('Standard Profiles'!$G$19=$B$10,7,0)+IF('Standard Profiles'!$G$19=$B$17,14,0)+IF('Standard Profiles'!$G$19=$B$24,21,0),0)),0)</f>
        <v>0.66611143738171796</v>
      </c>
      <c r="F5719" cm="1">
        <f t="array" ref="F5719">IFERROR(INDEX(Jesper!AJ$2:AJ$366,ROUNDDOWN($C5719/24,0)+1,1)*INDEX($D$3:$AA$30,INDEX(Jesper!$R$2:$R$366,ROW(INDEX(Jesper!AJ$2:AJ$366,ROUNDDOWN($C5719/24,0)+1,1))-1)+IF('Standard Profiles'!$G$20=$B$10,7,0)+IF('Standard Profiles'!$G$20=$B$17,14,0)+IF('Standard Profiles'!$G$20=$B$24,21,0),MOD($C5719,24)+1)/SUM(INDEX($D$3:$AA$30,INDEX(Jesper!$R$2:$R$366,ROW(INDEX(Jesper!AJ$2:AJ$366,ROUNDDOWN($C5719/24,0)+1,1))-1)+IF('Standard Profiles'!$G$20=$B$10,7,0)+IF('Standard Profiles'!$G$20=$B$17,14,0)+IF('Standard Profiles'!$G$20=$B$24,21,0),0)),0)</f>
        <v>0</v>
      </c>
      <c r="G5719" cm="1">
        <f t="array" ref="G5719">IFERROR(INDEX(Jesper!AK$2:AK$366,ROUNDDOWN($C5719/24,0)+1,1)*INDEX($D$3:$AA$30,INDEX(Jesper!$R$2:$R$366,ROW(INDEX(Jesper!AK$2:AK$366,ROUNDDOWN($C5719/24,0)+1,1))-1)+IF('Standard Profiles'!$G$21=$B$10,7,0)+IF('Standard Profiles'!$G$21=$B$17,14,0)+IF('Standard Profiles'!$G$21=$B$24,21,0),MOD($C5719,24)+1)/SUM(INDEX($D$3:$AA$30,INDEX(Jesper!$R$2:$R$366,ROW(INDEX(Jesper!AK$2:AK$366,ROUNDDOWN($C5719/24,0)+1,1))-1)+IF('Standard Profiles'!$G$21=$B$10,7,0)+IF('Standard Profiles'!$G$21=$B$17,14,0)+IF('Standard Profiles'!$G$21=$B$24,21,0),0)),0)</f>
        <v>0</v>
      </c>
      <c r="H5719" cm="1">
        <f t="array" ref="H5719">IFERROR(INDEX(Jesper!AL$2:AL$366,ROUNDDOWN($C5719/24,0)+1,1)*INDEX($D$3:$AA$30,INDEX(Jesper!$R$2:$R$366,ROW(INDEX(Jesper!AL$2:AL$366,ROUNDDOWN($C5719/24,0)+1,1))-1)+IF('Standard Profiles'!$G$22=$B$10,7,0)+IF('Standard Profiles'!$G$22=$B$17,14,0)+IF('Standard Profiles'!$G$22=$B$24,21,0),MOD($C5719,24)+1)/SUM(INDEX($D$3:$AA$30,INDEX(Jesper!$R$2:$R$366,ROW(INDEX(Jesper!AL$2:AL$366,ROUNDDOWN($C5719/24,0)+1,1))-1)+IF('Standard Profiles'!$G$22=$B$10,7,0)+IF('Standard Profiles'!$G$22=$B$17,14,0)+IF('Standard Profiles'!$G$22=$B$24,21,0),0)),0)</f>
        <v>0</v>
      </c>
      <c r="I5719">
        <f t="shared" si="636"/>
        <v>6.0010039403758389E-2</v>
      </c>
      <c r="J5719">
        <f t="shared" si="637"/>
        <v>0.20003346467919467</v>
      </c>
      <c r="K5719">
        <f t="shared" si="638"/>
        <v>0.30005019701879199</v>
      </c>
      <c r="L5719">
        <f t="shared" si="639"/>
        <v>4.9407648560235087</v>
      </c>
      <c r="M5719">
        <f t="shared" si="640"/>
        <v>0</v>
      </c>
      <c r="N5719" s="46">
        <f t="shared" si="641"/>
        <v>45528.874999986212</v>
      </c>
    </row>
    <row r="5720" spans="2:14" x14ac:dyDescent="0.3">
      <c r="B5720">
        <f t="shared" si="635"/>
        <v>6</v>
      </c>
      <c r="C5720" s="16">
        <v>5686</v>
      </c>
      <c r="D5720" cm="1">
        <f t="array" ref="D5720">IFERROR(INDEX(Jesper!AH$2:AH$366,ROUNDDOWN($C5720/24,0)+1,1)*INDEX($D$3:$AA$30,INDEX(Jesper!$R$2:$R$366,ROW(INDEX(Jesper!AH$2:AH$366,ROUNDDOWN($C5720/24,0)+1,1))-1)+IF('Standard Profiles'!$G$18=$B$10,7,0)+IF('Standard Profiles'!$G$18=$B$17,14,0)+IF('Standard Profiles'!$G$18=$B$24,21,0),MOD($C5720,24)+1)/SUM(INDEX($D$3:$AA$30,INDEX(Jesper!$R$2:$R$366,ROW(INDEX(Jesper!AH$2:AH$366,ROUNDDOWN($C5720/24,0)+1,1))-1)+IF('Standard Profiles'!$G$18=$B$10,7,0)+IF('Standard Profiles'!$G$18=$B$17,14,0)+IF('Standard Profiles'!$G$18=$B$24,21,0),0)),0)</f>
        <v>4.8347471197435361</v>
      </c>
      <c r="E5720" cm="1">
        <f t="array" ref="E5720">IFERROR(INDEX(Jesper!AI$2:AI$366,ROUNDDOWN($C5720/24,0)+1,1)*INDEX($D$3:$AA$30,INDEX(Jesper!$R$2:$R$366,ROW(INDEX(Jesper!AI$2:AI$366,ROUNDDOWN($C5720/24,0)+1,1))-1)+IF('Standard Profiles'!$G$19=$B$10,7,0)+IF('Standard Profiles'!$G$19=$B$17,14,0)+IF('Standard Profiles'!$G$19=$B$24,21,0),MOD($C5720,24)+1)/SUM(INDEX($D$3:$AA$30,INDEX(Jesper!$R$2:$R$366,ROW(INDEX(Jesper!AI$2:AI$366,ROUNDDOWN($C5720/24,0)+1,1))-1)+IF('Standard Profiles'!$G$19=$B$10,7,0)+IF('Standard Profiles'!$G$19=$B$17,14,0)+IF('Standard Profiles'!$G$19=$B$24,21,0),0)),0)</f>
        <v>0.66611143738171796</v>
      </c>
      <c r="F5720" cm="1">
        <f t="array" ref="F5720">IFERROR(INDEX(Jesper!AJ$2:AJ$366,ROUNDDOWN($C5720/24,0)+1,1)*INDEX($D$3:$AA$30,INDEX(Jesper!$R$2:$R$366,ROW(INDEX(Jesper!AJ$2:AJ$366,ROUNDDOWN($C5720/24,0)+1,1))-1)+IF('Standard Profiles'!$G$20=$B$10,7,0)+IF('Standard Profiles'!$G$20=$B$17,14,0)+IF('Standard Profiles'!$G$20=$B$24,21,0),MOD($C5720,24)+1)/SUM(INDEX($D$3:$AA$30,INDEX(Jesper!$R$2:$R$366,ROW(INDEX(Jesper!AJ$2:AJ$366,ROUNDDOWN($C5720/24,0)+1,1))-1)+IF('Standard Profiles'!$G$20=$B$10,7,0)+IF('Standard Profiles'!$G$20=$B$17,14,0)+IF('Standard Profiles'!$G$20=$B$24,21,0),0)),0)</f>
        <v>0</v>
      </c>
      <c r="G5720" cm="1">
        <f t="array" ref="G5720">IFERROR(INDEX(Jesper!AK$2:AK$366,ROUNDDOWN($C5720/24,0)+1,1)*INDEX($D$3:$AA$30,INDEX(Jesper!$R$2:$R$366,ROW(INDEX(Jesper!AK$2:AK$366,ROUNDDOWN($C5720/24,0)+1,1))-1)+IF('Standard Profiles'!$G$21=$B$10,7,0)+IF('Standard Profiles'!$G$21=$B$17,14,0)+IF('Standard Profiles'!$G$21=$B$24,21,0),MOD($C5720,24)+1)/SUM(INDEX($D$3:$AA$30,INDEX(Jesper!$R$2:$R$366,ROW(INDEX(Jesper!AK$2:AK$366,ROUNDDOWN($C5720/24,0)+1,1))-1)+IF('Standard Profiles'!$G$21=$B$10,7,0)+IF('Standard Profiles'!$G$21=$B$17,14,0)+IF('Standard Profiles'!$G$21=$B$24,21,0),0)),0)</f>
        <v>0</v>
      </c>
      <c r="H5720" cm="1">
        <f t="array" ref="H5720">IFERROR(INDEX(Jesper!AL$2:AL$366,ROUNDDOWN($C5720/24,0)+1,1)*INDEX($D$3:$AA$30,INDEX(Jesper!$R$2:$R$366,ROW(INDEX(Jesper!AL$2:AL$366,ROUNDDOWN($C5720/24,0)+1,1))-1)+IF('Standard Profiles'!$G$22=$B$10,7,0)+IF('Standard Profiles'!$G$22=$B$17,14,0)+IF('Standard Profiles'!$G$22=$B$24,21,0),MOD($C5720,24)+1)/SUM(INDEX($D$3:$AA$30,INDEX(Jesper!$R$2:$R$366,ROW(INDEX(Jesper!AL$2:AL$366,ROUNDDOWN($C5720/24,0)+1,1))-1)+IF('Standard Profiles'!$G$22=$B$10,7,0)+IF('Standard Profiles'!$G$22=$B$17,14,0)+IF('Standard Profiles'!$G$22=$B$24,21,0),0)),0)</f>
        <v>0</v>
      </c>
      <c r="I5720">
        <f t="shared" si="636"/>
        <v>6.0010039403758389E-2</v>
      </c>
      <c r="J5720">
        <f t="shared" si="637"/>
        <v>0.20003346467919467</v>
      </c>
      <c r="K5720">
        <f t="shared" si="638"/>
        <v>0.30005019701879199</v>
      </c>
      <c r="L5720">
        <f t="shared" si="639"/>
        <v>4.9407648560235087</v>
      </c>
      <c r="M5720">
        <f t="shared" si="640"/>
        <v>0</v>
      </c>
      <c r="N5720" s="46">
        <f t="shared" si="641"/>
        <v>45528.916666652876</v>
      </c>
    </row>
    <row r="5721" spans="2:14" x14ac:dyDescent="0.3">
      <c r="B5721">
        <f t="shared" si="635"/>
        <v>6</v>
      </c>
      <c r="C5721" s="16">
        <v>5687</v>
      </c>
      <c r="D5721" cm="1">
        <f t="array" ref="D5721">IFERROR(INDEX(Jesper!AH$2:AH$366,ROUNDDOWN($C5721/24,0)+1,1)*INDEX($D$3:$AA$30,INDEX(Jesper!$R$2:$R$366,ROW(INDEX(Jesper!AH$2:AH$366,ROUNDDOWN($C5721/24,0)+1,1))-1)+IF('Standard Profiles'!$G$18=$B$10,7,0)+IF('Standard Profiles'!$G$18=$B$17,14,0)+IF('Standard Profiles'!$G$18=$B$24,21,0),MOD($C5721,24)+1)/SUM(INDEX($D$3:$AA$30,INDEX(Jesper!$R$2:$R$366,ROW(INDEX(Jesper!AH$2:AH$366,ROUNDDOWN($C5721/24,0)+1,1))-1)+IF('Standard Profiles'!$G$18=$B$10,7,0)+IF('Standard Profiles'!$G$18=$B$17,14,0)+IF('Standard Profiles'!$G$18=$B$24,21,0),0)),0)</f>
        <v>4.8347471197435361</v>
      </c>
      <c r="E5721" cm="1">
        <f t="array" ref="E5721">IFERROR(INDEX(Jesper!AI$2:AI$366,ROUNDDOWN($C5721/24,0)+1,1)*INDEX($D$3:$AA$30,INDEX(Jesper!$R$2:$R$366,ROW(INDEX(Jesper!AI$2:AI$366,ROUNDDOWN($C5721/24,0)+1,1))-1)+IF('Standard Profiles'!$G$19=$B$10,7,0)+IF('Standard Profiles'!$G$19=$B$17,14,0)+IF('Standard Profiles'!$G$19=$B$24,21,0),MOD($C5721,24)+1)/SUM(INDEX($D$3:$AA$30,INDEX(Jesper!$R$2:$R$366,ROW(INDEX(Jesper!AI$2:AI$366,ROUNDDOWN($C5721/24,0)+1,1))-1)+IF('Standard Profiles'!$G$19=$B$10,7,0)+IF('Standard Profiles'!$G$19=$B$17,14,0)+IF('Standard Profiles'!$G$19=$B$24,21,0),0)),0)</f>
        <v>0.66611143738171796</v>
      </c>
      <c r="F5721" cm="1">
        <f t="array" ref="F5721">IFERROR(INDEX(Jesper!AJ$2:AJ$366,ROUNDDOWN($C5721/24,0)+1,1)*INDEX($D$3:$AA$30,INDEX(Jesper!$R$2:$R$366,ROW(INDEX(Jesper!AJ$2:AJ$366,ROUNDDOWN($C5721/24,0)+1,1))-1)+IF('Standard Profiles'!$G$20=$B$10,7,0)+IF('Standard Profiles'!$G$20=$B$17,14,0)+IF('Standard Profiles'!$G$20=$B$24,21,0),MOD($C5721,24)+1)/SUM(INDEX($D$3:$AA$30,INDEX(Jesper!$R$2:$R$366,ROW(INDEX(Jesper!AJ$2:AJ$366,ROUNDDOWN($C5721/24,0)+1,1))-1)+IF('Standard Profiles'!$G$20=$B$10,7,0)+IF('Standard Profiles'!$G$20=$B$17,14,0)+IF('Standard Profiles'!$G$20=$B$24,21,0),0)),0)</f>
        <v>0</v>
      </c>
      <c r="G5721" cm="1">
        <f t="array" ref="G5721">IFERROR(INDEX(Jesper!AK$2:AK$366,ROUNDDOWN($C5721/24,0)+1,1)*INDEX($D$3:$AA$30,INDEX(Jesper!$R$2:$R$366,ROW(INDEX(Jesper!AK$2:AK$366,ROUNDDOWN($C5721/24,0)+1,1))-1)+IF('Standard Profiles'!$G$21=$B$10,7,0)+IF('Standard Profiles'!$G$21=$B$17,14,0)+IF('Standard Profiles'!$G$21=$B$24,21,0),MOD($C5721,24)+1)/SUM(INDEX($D$3:$AA$30,INDEX(Jesper!$R$2:$R$366,ROW(INDEX(Jesper!AK$2:AK$366,ROUNDDOWN($C5721/24,0)+1,1))-1)+IF('Standard Profiles'!$G$21=$B$10,7,0)+IF('Standard Profiles'!$G$21=$B$17,14,0)+IF('Standard Profiles'!$G$21=$B$24,21,0),0)),0)</f>
        <v>0</v>
      </c>
      <c r="H5721" cm="1">
        <f t="array" ref="H5721">IFERROR(INDEX(Jesper!AL$2:AL$366,ROUNDDOWN($C5721/24,0)+1,1)*INDEX($D$3:$AA$30,INDEX(Jesper!$R$2:$R$366,ROW(INDEX(Jesper!AL$2:AL$366,ROUNDDOWN($C5721/24,0)+1,1))-1)+IF('Standard Profiles'!$G$22=$B$10,7,0)+IF('Standard Profiles'!$G$22=$B$17,14,0)+IF('Standard Profiles'!$G$22=$B$24,21,0),MOD($C5721,24)+1)/SUM(INDEX($D$3:$AA$30,INDEX(Jesper!$R$2:$R$366,ROW(INDEX(Jesper!AL$2:AL$366,ROUNDDOWN($C5721/24,0)+1,1))-1)+IF('Standard Profiles'!$G$22=$B$10,7,0)+IF('Standard Profiles'!$G$22=$B$17,14,0)+IF('Standard Profiles'!$G$22=$B$24,21,0),0)),0)</f>
        <v>0</v>
      </c>
      <c r="I5721">
        <f t="shared" si="636"/>
        <v>6.0010039403758389E-2</v>
      </c>
      <c r="J5721">
        <f t="shared" si="637"/>
        <v>0.20003346467919467</v>
      </c>
      <c r="K5721">
        <f t="shared" si="638"/>
        <v>0.30005019701879199</v>
      </c>
      <c r="L5721">
        <f t="shared" si="639"/>
        <v>4.9407648560235087</v>
      </c>
      <c r="M5721">
        <f t="shared" si="640"/>
        <v>0</v>
      </c>
      <c r="N5721" s="46">
        <f t="shared" si="641"/>
        <v>45528.958333319541</v>
      </c>
    </row>
    <row r="5722" spans="2:14" x14ac:dyDescent="0.3">
      <c r="B5722">
        <f t="shared" si="635"/>
        <v>7</v>
      </c>
      <c r="C5722" s="16">
        <v>5688</v>
      </c>
      <c r="D5722" cm="1">
        <f t="array" ref="D5722">IFERROR(INDEX(Jesper!AH$2:AH$366,ROUNDDOWN($C5722/24,0)+1,1)*INDEX($D$3:$AA$30,INDEX(Jesper!$R$2:$R$366,ROW(INDEX(Jesper!AH$2:AH$366,ROUNDDOWN($C5722/24,0)+1,1))-1)+IF('Standard Profiles'!$G$18=$B$10,7,0)+IF('Standard Profiles'!$G$18=$B$17,14,0)+IF('Standard Profiles'!$G$18=$B$24,21,0),MOD($C5722,24)+1)/SUM(INDEX($D$3:$AA$30,INDEX(Jesper!$R$2:$R$366,ROW(INDEX(Jesper!AH$2:AH$366,ROUNDDOWN($C5722/24,0)+1,1))-1)+IF('Standard Profiles'!$G$18=$B$10,7,0)+IF('Standard Profiles'!$G$18=$B$17,14,0)+IF('Standard Profiles'!$G$18=$B$24,21,0),0)),0)</f>
        <v>5.5554535418330904</v>
      </c>
      <c r="E5722" cm="1">
        <f t="array" ref="E5722">IFERROR(INDEX(Jesper!AI$2:AI$366,ROUNDDOWN($C5722/24,0)+1,1)*INDEX($D$3:$AA$30,INDEX(Jesper!$R$2:$R$366,ROW(INDEX(Jesper!AI$2:AI$366,ROUNDDOWN($C5722/24,0)+1,1))-1)+IF('Standard Profiles'!$G$19=$B$10,7,0)+IF('Standard Profiles'!$G$19=$B$17,14,0)+IF('Standard Profiles'!$G$19=$B$24,21,0),MOD($C5722,24)+1)/SUM(INDEX($D$3:$AA$30,INDEX(Jesper!$R$2:$R$366,ROW(INDEX(Jesper!AI$2:AI$366,ROUNDDOWN($C5722/24,0)+1,1))-1)+IF('Standard Profiles'!$G$19=$B$10,7,0)+IF('Standard Profiles'!$G$19=$B$17,14,0)+IF('Standard Profiles'!$G$19=$B$24,21,0),0)),0)</f>
        <v>0.77400393155134306</v>
      </c>
      <c r="F5722" cm="1">
        <f t="array" ref="F5722">IFERROR(INDEX(Jesper!AJ$2:AJ$366,ROUNDDOWN($C5722/24,0)+1,1)*INDEX($D$3:$AA$30,INDEX(Jesper!$R$2:$R$366,ROW(INDEX(Jesper!AJ$2:AJ$366,ROUNDDOWN($C5722/24,0)+1,1))-1)+IF('Standard Profiles'!$G$20=$B$10,7,0)+IF('Standard Profiles'!$G$20=$B$17,14,0)+IF('Standard Profiles'!$G$20=$B$24,21,0),MOD($C5722,24)+1)/SUM(INDEX($D$3:$AA$30,INDEX(Jesper!$R$2:$R$366,ROW(INDEX(Jesper!AJ$2:AJ$366,ROUNDDOWN($C5722/24,0)+1,1))-1)+IF('Standard Profiles'!$G$20=$B$10,7,0)+IF('Standard Profiles'!$G$20=$B$17,14,0)+IF('Standard Profiles'!$G$20=$B$24,21,0),0)),0)</f>
        <v>0</v>
      </c>
      <c r="G5722" cm="1">
        <f t="array" ref="G5722">IFERROR(INDEX(Jesper!AK$2:AK$366,ROUNDDOWN($C5722/24,0)+1,1)*INDEX($D$3:$AA$30,INDEX(Jesper!$R$2:$R$366,ROW(INDEX(Jesper!AK$2:AK$366,ROUNDDOWN($C5722/24,0)+1,1))-1)+IF('Standard Profiles'!$G$21=$B$10,7,0)+IF('Standard Profiles'!$G$21=$B$17,14,0)+IF('Standard Profiles'!$G$21=$B$24,21,0),MOD($C5722,24)+1)/SUM(INDEX($D$3:$AA$30,INDEX(Jesper!$R$2:$R$366,ROW(INDEX(Jesper!AK$2:AK$366,ROUNDDOWN($C5722/24,0)+1,1))-1)+IF('Standard Profiles'!$G$21=$B$10,7,0)+IF('Standard Profiles'!$G$21=$B$17,14,0)+IF('Standard Profiles'!$G$21=$B$24,21,0),0)),0)</f>
        <v>0</v>
      </c>
      <c r="H5722" cm="1">
        <f t="array" ref="H5722">IFERROR(INDEX(Jesper!AL$2:AL$366,ROUNDDOWN($C5722/24,0)+1,1)*INDEX($D$3:$AA$30,INDEX(Jesper!$R$2:$R$366,ROW(INDEX(Jesper!AL$2:AL$366,ROUNDDOWN($C5722/24,0)+1,1))-1)+IF('Standard Profiles'!$G$22=$B$10,7,0)+IF('Standard Profiles'!$G$22=$B$17,14,0)+IF('Standard Profiles'!$G$22=$B$24,21,0),MOD($C5722,24)+1)/SUM(INDEX($D$3:$AA$30,INDEX(Jesper!$R$2:$R$366,ROW(INDEX(Jesper!AL$2:AL$366,ROUNDDOWN($C5722/24,0)+1,1))-1)+IF('Standard Profiles'!$G$22=$B$10,7,0)+IF('Standard Profiles'!$G$22=$B$17,14,0)+IF('Standard Profiles'!$G$22=$B$24,21,0),0)),0)</f>
        <v>0</v>
      </c>
      <c r="I5722">
        <f t="shared" si="636"/>
        <v>6.9730083923544434E-2</v>
      </c>
      <c r="J5722">
        <f t="shared" si="637"/>
        <v>0.23243361307848148</v>
      </c>
      <c r="K5722">
        <f t="shared" si="638"/>
        <v>0.34865041961772225</v>
      </c>
      <c r="L5722">
        <f t="shared" si="639"/>
        <v>5.6786433567646855</v>
      </c>
      <c r="M5722">
        <f t="shared" si="640"/>
        <v>0</v>
      </c>
      <c r="N5722" s="46">
        <f t="shared" si="641"/>
        <v>45528.999999986205</v>
      </c>
    </row>
    <row r="5723" spans="2:14" x14ac:dyDescent="0.3">
      <c r="B5723">
        <f t="shared" si="635"/>
        <v>7</v>
      </c>
      <c r="C5723" s="16">
        <v>5689</v>
      </c>
      <c r="D5723" cm="1">
        <f t="array" ref="D5723">IFERROR(INDEX(Jesper!AH$2:AH$366,ROUNDDOWN($C5723/24,0)+1,1)*INDEX($D$3:$AA$30,INDEX(Jesper!$R$2:$R$366,ROW(INDEX(Jesper!AH$2:AH$366,ROUNDDOWN($C5723/24,0)+1,1))-1)+IF('Standard Profiles'!$G$18=$B$10,7,0)+IF('Standard Profiles'!$G$18=$B$17,14,0)+IF('Standard Profiles'!$G$18=$B$24,21,0),MOD($C5723,24)+1)/SUM(INDEX($D$3:$AA$30,INDEX(Jesper!$R$2:$R$366,ROW(INDEX(Jesper!AH$2:AH$366,ROUNDDOWN($C5723/24,0)+1,1))-1)+IF('Standard Profiles'!$G$18=$B$10,7,0)+IF('Standard Profiles'!$G$18=$B$17,14,0)+IF('Standard Profiles'!$G$18=$B$24,21,0),0)),0)</f>
        <v>6.4514944356771364</v>
      </c>
      <c r="E5723" cm="1">
        <f t="array" ref="E5723">IFERROR(INDEX(Jesper!AI$2:AI$366,ROUNDDOWN($C5723/24,0)+1,1)*INDEX($D$3:$AA$30,INDEX(Jesper!$R$2:$R$366,ROW(INDEX(Jesper!AI$2:AI$366,ROUNDDOWN($C5723/24,0)+1,1))-1)+IF('Standard Profiles'!$G$19=$B$10,7,0)+IF('Standard Profiles'!$G$19=$B$17,14,0)+IF('Standard Profiles'!$G$19=$B$24,21,0),MOD($C5723,24)+1)/SUM(INDEX($D$3:$AA$30,INDEX(Jesper!$R$2:$R$366,ROW(INDEX(Jesper!AI$2:AI$366,ROUNDDOWN($C5723/24,0)+1,1))-1)+IF('Standard Profiles'!$G$19=$B$10,7,0)+IF('Standard Profiles'!$G$19=$B$17,14,0)+IF('Standard Profiles'!$G$19=$B$24,21,0),0)),0)</f>
        <v>0.89884327534994679</v>
      </c>
      <c r="F5723" cm="1">
        <f t="array" ref="F5723">IFERROR(INDEX(Jesper!AJ$2:AJ$366,ROUNDDOWN($C5723/24,0)+1,1)*INDEX($D$3:$AA$30,INDEX(Jesper!$R$2:$R$366,ROW(INDEX(Jesper!AJ$2:AJ$366,ROUNDDOWN($C5723/24,0)+1,1))-1)+IF('Standard Profiles'!$G$20=$B$10,7,0)+IF('Standard Profiles'!$G$20=$B$17,14,0)+IF('Standard Profiles'!$G$20=$B$24,21,0),MOD($C5723,24)+1)/SUM(INDEX($D$3:$AA$30,INDEX(Jesper!$R$2:$R$366,ROW(INDEX(Jesper!AJ$2:AJ$366,ROUNDDOWN($C5723/24,0)+1,1))-1)+IF('Standard Profiles'!$G$20=$B$10,7,0)+IF('Standard Profiles'!$G$20=$B$17,14,0)+IF('Standard Profiles'!$G$20=$B$24,21,0),0)),0)</f>
        <v>0</v>
      </c>
      <c r="G5723" cm="1">
        <f t="array" ref="G5723">IFERROR(INDEX(Jesper!AK$2:AK$366,ROUNDDOWN($C5723/24,0)+1,1)*INDEX($D$3:$AA$30,INDEX(Jesper!$R$2:$R$366,ROW(INDEX(Jesper!AK$2:AK$366,ROUNDDOWN($C5723/24,0)+1,1))-1)+IF('Standard Profiles'!$G$21=$B$10,7,0)+IF('Standard Profiles'!$G$21=$B$17,14,0)+IF('Standard Profiles'!$G$21=$B$24,21,0),MOD($C5723,24)+1)/SUM(INDEX($D$3:$AA$30,INDEX(Jesper!$R$2:$R$366,ROW(INDEX(Jesper!AK$2:AK$366,ROUNDDOWN($C5723/24,0)+1,1))-1)+IF('Standard Profiles'!$G$21=$B$10,7,0)+IF('Standard Profiles'!$G$21=$B$17,14,0)+IF('Standard Profiles'!$G$21=$B$24,21,0),0)),0)</f>
        <v>0</v>
      </c>
      <c r="H5723" cm="1">
        <f t="array" ref="H5723">IFERROR(INDEX(Jesper!AL$2:AL$366,ROUNDDOWN($C5723/24,0)+1,1)*INDEX($D$3:$AA$30,INDEX(Jesper!$R$2:$R$366,ROW(INDEX(Jesper!AL$2:AL$366,ROUNDDOWN($C5723/24,0)+1,1))-1)+IF('Standard Profiles'!$G$22=$B$10,7,0)+IF('Standard Profiles'!$G$22=$B$17,14,0)+IF('Standard Profiles'!$G$22=$B$24,21,0),MOD($C5723,24)+1)/SUM(INDEX($D$3:$AA$30,INDEX(Jesper!$R$2:$R$366,ROW(INDEX(Jesper!AL$2:AL$366,ROUNDDOWN($C5723/24,0)+1,1))-1)+IF('Standard Profiles'!$G$22=$B$10,7,0)+IF('Standard Profiles'!$G$22=$B$17,14,0)+IF('Standard Profiles'!$G$22=$B$24,21,0),0)),0)</f>
        <v>0</v>
      </c>
      <c r="I5723">
        <f t="shared" si="636"/>
        <v>8.0976871653148375E-2</v>
      </c>
      <c r="J5723">
        <f t="shared" si="637"/>
        <v>0.26992290551049464</v>
      </c>
      <c r="K5723">
        <f t="shared" si="638"/>
        <v>0.40488435826574193</v>
      </c>
      <c r="L5723">
        <f t="shared" si="639"/>
        <v>6.5945535755976987</v>
      </c>
      <c r="M5723">
        <f t="shared" si="640"/>
        <v>0</v>
      </c>
      <c r="N5723" s="46">
        <f t="shared" si="641"/>
        <v>45529.041666652869</v>
      </c>
    </row>
    <row r="5724" spans="2:14" x14ac:dyDescent="0.3">
      <c r="B5724">
        <f t="shared" si="635"/>
        <v>7</v>
      </c>
      <c r="C5724" s="16">
        <v>5690</v>
      </c>
      <c r="D5724" cm="1">
        <f t="array" ref="D5724">IFERROR(INDEX(Jesper!AH$2:AH$366,ROUNDDOWN($C5724/24,0)+1,1)*INDEX($D$3:$AA$30,INDEX(Jesper!$R$2:$R$366,ROW(INDEX(Jesper!AH$2:AH$366,ROUNDDOWN($C5724/24,0)+1,1))-1)+IF('Standard Profiles'!$G$18=$B$10,7,0)+IF('Standard Profiles'!$G$18=$B$17,14,0)+IF('Standard Profiles'!$G$18=$B$24,21,0),MOD($C5724,24)+1)/SUM(INDEX($D$3:$AA$30,INDEX(Jesper!$R$2:$R$366,ROW(INDEX(Jesper!AH$2:AH$366,ROUNDDOWN($C5724/24,0)+1,1))-1)+IF('Standard Profiles'!$G$18=$B$10,7,0)+IF('Standard Profiles'!$G$18=$B$17,14,0)+IF('Standard Profiles'!$G$18=$B$24,21,0),0)),0)</f>
        <v>6.4514944356771364</v>
      </c>
      <c r="E5724" cm="1">
        <f t="array" ref="E5724">IFERROR(INDEX(Jesper!AI$2:AI$366,ROUNDDOWN($C5724/24,0)+1,1)*INDEX($D$3:$AA$30,INDEX(Jesper!$R$2:$R$366,ROW(INDEX(Jesper!AI$2:AI$366,ROUNDDOWN($C5724/24,0)+1,1))-1)+IF('Standard Profiles'!$G$19=$B$10,7,0)+IF('Standard Profiles'!$G$19=$B$17,14,0)+IF('Standard Profiles'!$G$19=$B$24,21,0),MOD($C5724,24)+1)/SUM(INDEX($D$3:$AA$30,INDEX(Jesper!$R$2:$R$366,ROW(INDEX(Jesper!AI$2:AI$366,ROUNDDOWN($C5724/24,0)+1,1))-1)+IF('Standard Profiles'!$G$19=$B$10,7,0)+IF('Standard Profiles'!$G$19=$B$17,14,0)+IF('Standard Profiles'!$G$19=$B$24,21,0),0)),0)</f>
        <v>0.89884327534994679</v>
      </c>
      <c r="F5724" cm="1">
        <f t="array" ref="F5724">IFERROR(INDEX(Jesper!AJ$2:AJ$366,ROUNDDOWN($C5724/24,0)+1,1)*INDEX($D$3:$AA$30,INDEX(Jesper!$R$2:$R$366,ROW(INDEX(Jesper!AJ$2:AJ$366,ROUNDDOWN($C5724/24,0)+1,1))-1)+IF('Standard Profiles'!$G$20=$B$10,7,0)+IF('Standard Profiles'!$G$20=$B$17,14,0)+IF('Standard Profiles'!$G$20=$B$24,21,0),MOD($C5724,24)+1)/SUM(INDEX($D$3:$AA$30,INDEX(Jesper!$R$2:$R$366,ROW(INDEX(Jesper!AJ$2:AJ$366,ROUNDDOWN($C5724/24,0)+1,1))-1)+IF('Standard Profiles'!$G$20=$B$10,7,0)+IF('Standard Profiles'!$G$20=$B$17,14,0)+IF('Standard Profiles'!$G$20=$B$24,21,0),0)),0)</f>
        <v>0</v>
      </c>
      <c r="G5724" cm="1">
        <f t="array" ref="G5724">IFERROR(INDEX(Jesper!AK$2:AK$366,ROUNDDOWN($C5724/24,0)+1,1)*INDEX($D$3:$AA$30,INDEX(Jesper!$R$2:$R$366,ROW(INDEX(Jesper!AK$2:AK$366,ROUNDDOWN($C5724/24,0)+1,1))-1)+IF('Standard Profiles'!$G$21=$B$10,7,0)+IF('Standard Profiles'!$G$21=$B$17,14,0)+IF('Standard Profiles'!$G$21=$B$24,21,0),MOD($C5724,24)+1)/SUM(INDEX($D$3:$AA$30,INDEX(Jesper!$R$2:$R$366,ROW(INDEX(Jesper!AK$2:AK$366,ROUNDDOWN($C5724/24,0)+1,1))-1)+IF('Standard Profiles'!$G$21=$B$10,7,0)+IF('Standard Profiles'!$G$21=$B$17,14,0)+IF('Standard Profiles'!$G$21=$B$24,21,0),0)),0)</f>
        <v>0</v>
      </c>
      <c r="H5724" cm="1">
        <f t="array" ref="H5724">IFERROR(INDEX(Jesper!AL$2:AL$366,ROUNDDOWN($C5724/24,0)+1,1)*INDEX($D$3:$AA$30,INDEX(Jesper!$R$2:$R$366,ROW(INDEX(Jesper!AL$2:AL$366,ROUNDDOWN($C5724/24,0)+1,1))-1)+IF('Standard Profiles'!$G$22=$B$10,7,0)+IF('Standard Profiles'!$G$22=$B$17,14,0)+IF('Standard Profiles'!$G$22=$B$24,21,0),MOD($C5724,24)+1)/SUM(INDEX($D$3:$AA$30,INDEX(Jesper!$R$2:$R$366,ROW(INDEX(Jesper!AL$2:AL$366,ROUNDDOWN($C5724/24,0)+1,1))-1)+IF('Standard Profiles'!$G$22=$B$10,7,0)+IF('Standard Profiles'!$G$22=$B$17,14,0)+IF('Standard Profiles'!$G$22=$B$24,21,0),0)),0)</f>
        <v>0</v>
      </c>
      <c r="I5724">
        <f t="shared" si="636"/>
        <v>8.0976871653148375E-2</v>
      </c>
      <c r="J5724">
        <f t="shared" si="637"/>
        <v>0.26992290551049464</v>
      </c>
      <c r="K5724">
        <f t="shared" si="638"/>
        <v>0.40488435826574193</v>
      </c>
      <c r="L5724">
        <f t="shared" si="639"/>
        <v>6.5945535755976987</v>
      </c>
      <c r="M5724">
        <f t="shared" si="640"/>
        <v>0</v>
      </c>
      <c r="N5724" s="46">
        <f t="shared" si="641"/>
        <v>45529.083333319533</v>
      </c>
    </row>
    <row r="5725" spans="2:14" x14ac:dyDescent="0.3">
      <c r="B5725">
        <f t="shared" si="635"/>
        <v>7</v>
      </c>
      <c r="C5725" s="16">
        <v>5691</v>
      </c>
      <c r="D5725" cm="1">
        <f t="array" ref="D5725">IFERROR(INDEX(Jesper!AH$2:AH$366,ROUNDDOWN($C5725/24,0)+1,1)*INDEX($D$3:$AA$30,INDEX(Jesper!$R$2:$R$366,ROW(INDEX(Jesper!AH$2:AH$366,ROUNDDOWN($C5725/24,0)+1,1))-1)+IF('Standard Profiles'!$G$18=$B$10,7,0)+IF('Standard Profiles'!$G$18=$B$17,14,0)+IF('Standard Profiles'!$G$18=$B$24,21,0),MOD($C5725,24)+1)/SUM(INDEX($D$3:$AA$30,INDEX(Jesper!$R$2:$R$366,ROW(INDEX(Jesper!AH$2:AH$366,ROUNDDOWN($C5725/24,0)+1,1))-1)+IF('Standard Profiles'!$G$18=$B$10,7,0)+IF('Standard Profiles'!$G$18=$B$17,14,0)+IF('Standard Profiles'!$G$18=$B$24,21,0),0)),0)</f>
        <v>6.4514944356771364</v>
      </c>
      <c r="E5725" cm="1">
        <f t="array" ref="E5725">IFERROR(INDEX(Jesper!AI$2:AI$366,ROUNDDOWN($C5725/24,0)+1,1)*INDEX($D$3:$AA$30,INDEX(Jesper!$R$2:$R$366,ROW(INDEX(Jesper!AI$2:AI$366,ROUNDDOWN($C5725/24,0)+1,1))-1)+IF('Standard Profiles'!$G$19=$B$10,7,0)+IF('Standard Profiles'!$G$19=$B$17,14,0)+IF('Standard Profiles'!$G$19=$B$24,21,0),MOD($C5725,24)+1)/SUM(INDEX($D$3:$AA$30,INDEX(Jesper!$R$2:$R$366,ROW(INDEX(Jesper!AI$2:AI$366,ROUNDDOWN($C5725/24,0)+1,1))-1)+IF('Standard Profiles'!$G$19=$B$10,7,0)+IF('Standard Profiles'!$G$19=$B$17,14,0)+IF('Standard Profiles'!$G$19=$B$24,21,0),0)),0)</f>
        <v>0.89884327534994679</v>
      </c>
      <c r="F5725" cm="1">
        <f t="array" ref="F5725">IFERROR(INDEX(Jesper!AJ$2:AJ$366,ROUNDDOWN($C5725/24,0)+1,1)*INDEX($D$3:$AA$30,INDEX(Jesper!$R$2:$R$366,ROW(INDEX(Jesper!AJ$2:AJ$366,ROUNDDOWN($C5725/24,0)+1,1))-1)+IF('Standard Profiles'!$G$20=$B$10,7,0)+IF('Standard Profiles'!$G$20=$B$17,14,0)+IF('Standard Profiles'!$G$20=$B$24,21,0),MOD($C5725,24)+1)/SUM(INDEX($D$3:$AA$30,INDEX(Jesper!$R$2:$R$366,ROW(INDEX(Jesper!AJ$2:AJ$366,ROUNDDOWN($C5725/24,0)+1,1))-1)+IF('Standard Profiles'!$G$20=$B$10,7,0)+IF('Standard Profiles'!$G$20=$B$17,14,0)+IF('Standard Profiles'!$G$20=$B$24,21,0),0)),0)</f>
        <v>0</v>
      </c>
      <c r="G5725" cm="1">
        <f t="array" ref="G5725">IFERROR(INDEX(Jesper!AK$2:AK$366,ROUNDDOWN($C5725/24,0)+1,1)*INDEX($D$3:$AA$30,INDEX(Jesper!$R$2:$R$366,ROW(INDEX(Jesper!AK$2:AK$366,ROUNDDOWN($C5725/24,0)+1,1))-1)+IF('Standard Profiles'!$G$21=$B$10,7,0)+IF('Standard Profiles'!$G$21=$B$17,14,0)+IF('Standard Profiles'!$G$21=$B$24,21,0),MOD($C5725,24)+1)/SUM(INDEX($D$3:$AA$30,INDEX(Jesper!$R$2:$R$366,ROW(INDEX(Jesper!AK$2:AK$366,ROUNDDOWN($C5725/24,0)+1,1))-1)+IF('Standard Profiles'!$G$21=$B$10,7,0)+IF('Standard Profiles'!$G$21=$B$17,14,0)+IF('Standard Profiles'!$G$21=$B$24,21,0),0)),0)</f>
        <v>0</v>
      </c>
      <c r="H5725" cm="1">
        <f t="array" ref="H5725">IFERROR(INDEX(Jesper!AL$2:AL$366,ROUNDDOWN($C5725/24,0)+1,1)*INDEX($D$3:$AA$30,INDEX(Jesper!$R$2:$R$366,ROW(INDEX(Jesper!AL$2:AL$366,ROUNDDOWN($C5725/24,0)+1,1))-1)+IF('Standard Profiles'!$G$22=$B$10,7,0)+IF('Standard Profiles'!$G$22=$B$17,14,0)+IF('Standard Profiles'!$G$22=$B$24,21,0),MOD($C5725,24)+1)/SUM(INDEX($D$3:$AA$30,INDEX(Jesper!$R$2:$R$366,ROW(INDEX(Jesper!AL$2:AL$366,ROUNDDOWN($C5725/24,0)+1,1))-1)+IF('Standard Profiles'!$G$22=$B$10,7,0)+IF('Standard Profiles'!$G$22=$B$17,14,0)+IF('Standard Profiles'!$G$22=$B$24,21,0),0)),0)</f>
        <v>0</v>
      </c>
      <c r="I5725">
        <f t="shared" si="636"/>
        <v>8.0976871653148375E-2</v>
      </c>
      <c r="J5725">
        <f t="shared" si="637"/>
        <v>0.26992290551049464</v>
      </c>
      <c r="K5725">
        <f t="shared" si="638"/>
        <v>0.40488435826574193</v>
      </c>
      <c r="L5725">
        <f t="shared" si="639"/>
        <v>6.5945535755976987</v>
      </c>
      <c r="M5725">
        <f t="shared" si="640"/>
        <v>0</v>
      </c>
      <c r="N5725" s="46">
        <f t="shared" si="641"/>
        <v>45529.124999986198</v>
      </c>
    </row>
    <row r="5726" spans="2:14" x14ac:dyDescent="0.3">
      <c r="B5726">
        <f t="shared" si="635"/>
        <v>7</v>
      </c>
      <c r="C5726" s="16">
        <v>5692</v>
      </c>
      <c r="D5726" cm="1">
        <f t="array" ref="D5726">IFERROR(INDEX(Jesper!AH$2:AH$366,ROUNDDOWN($C5726/24,0)+1,1)*INDEX($D$3:$AA$30,INDEX(Jesper!$R$2:$R$366,ROW(INDEX(Jesper!AH$2:AH$366,ROUNDDOWN($C5726/24,0)+1,1))-1)+IF('Standard Profiles'!$G$18=$B$10,7,0)+IF('Standard Profiles'!$G$18=$B$17,14,0)+IF('Standard Profiles'!$G$18=$B$24,21,0),MOD($C5726,24)+1)/SUM(INDEX($D$3:$AA$30,INDEX(Jesper!$R$2:$R$366,ROW(INDEX(Jesper!AH$2:AH$366,ROUNDDOWN($C5726/24,0)+1,1))-1)+IF('Standard Profiles'!$G$18=$B$10,7,0)+IF('Standard Profiles'!$G$18=$B$17,14,0)+IF('Standard Profiles'!$G$18=$B$24,21,0),0)),0)</f>
        <v>6.4514944356771364</v>
      </c>
      <c r="E5726" cm="1">
        <f t="array" ref="E5726">IFERROR(INDEX(Jesper!AI$2:AI$366,ROUNDDOWN($C5726/24,0)+1,1)*INDEX($D$3:$AA$30,INDEX(Jesper!$R$2:$R$366,ROW(INDEX(Jesper!AI$2:AI$366,ROUNDDOWN($C5726/24,0)+1,1))-1)+IF('Standard Profiles'!$G$19=$B$10,7,0)+IF('Standard Profiles'!$G$19=$B$17,14,0)+IF('Standard Profiles'!$G$19=$B$24,21,0),MOD($C5726,24)+1)/SUM(INDEX($D$3:$AA$30,INDEX(Jesper!$R$2:$R$366,ROW(INDEX(Jesper!AI$2:AI$366,ROUNDDOWN($C5726/24,0)+1,1))-1)+IF('Standard Profiles'!$G$19=$B$10,7,0)+IF('Standard Profiles'!$G$19=$B$17,14,0)+IF('Standard Profiles'!$G$19=$B$24,21,0),0)),0)</f>
        <v>0.89884327534994679</v>
      </c>
      <c r="F5726" cm="1">
        <f t="array" ref="F5726">IFERROR(INDEX(Jesper!AJ$2:AJ$366,ROUNDDOWN($C5726/24,0)+1,1)*INDEX($D$3:$AA$30,INDEX(Jesper!$R$2:$R$366,ROW(INDEX(Jesper!AJ$2:AJ$366,ROUNDDOWN($C5726/24,0)+1,1))-1)+IF('Standard Profiles'!$G$20=$B$10,7,0)+IF('Standard Profiles'!$G$20=$B$17,14,0)+IF('Standard Profiles'!$G$20=$B$24,21,0),MOD($C5726,24)+1)/SUM(INDEX($D$3:$AA$30,INDEX(Jesper!$R$2:$R$366,ROW(INDEX(Jesper!AJ$2:AJ$366,ROUNDDOWN($C5726/24,0)+1,1))-1)+IF('Standard Profiles'!$G$20=$B$10,7,0)+IF('Standard Profiles'!$G$20=$B$17,14,0)+IF('Standard Profiles'!$G$20=$B$24,21,0),0)),0)</f>
        <v>0</v>
      </c>
      <c r="G5726" cm="1">
        <f t="array" ref="G5726">IFERROR(INDEX(Jesper!AK$2:AK$366,ROUNDDOWN($C5726/24,0)+1,1)*INDEX($D$3:$AA$30,INDEX(Jesper!$R$2:$R$366,ROW(INDEX(Jesper!AK$2:AK$366,ROUNDDOWN($C5726/24,0)+1,1))-1)+IF('Standard Profiles'!$G$21=$B$10,7,0)+IF('Standard Profiles'!$G$21=$B$17,14,0)+IF('Standard Profiles'!$G$21=$B$24,21,0),MOD($C5726,24)+1)/SUM(INDEX($D$3:$AA$30,INDEX(Jesper!$R$2:$R$366,ROW(INDEX(Jesper!AK$2:AK$366,ROUNDDOWN($C5726/24,0)+1,1))-1)+IF('Standard Profiles'!$G$21=$B$10,7,0)+IF('Standard Profiles'!$G$21=$B$17,14,0)+IF('Standard Profiles'!$G$21=$B$24,21,0),0)),0)</f>
        <v>0</v>
      </c>
      <c r="H5726" cm="1">
        <f t="array" ref="H5726">IFERROR(INDEX(Jesper!AL$2:AL$366,ROUNDDOWN($C5726/24,0)+1,1)*INDEX($D$3:$AA$30,INDEX(Jesper!$R$2:$R$366,ROW(INDEX(Jesper!AL$2:AL$366,ROUNDDOWN($C5726/24,0)+1,1))-1)+IF('Standard Profiles'!$G$22=$B$10,7,0)+IF('Standard Profiles'!$G$22=$B$17,14,0)+IF('Standard Profiles'!$G$22=$B$24,21,0),MOD($C5726,24)+1)/SUM(INDEX($D$3:$AA$30,INDEX(Jesper!$R$2:$R$366,ROW(INDEX(Jesper!AL$2:AL$366,ROUNDDOWN($C5726/24,0)+1,1))-1)+IF('Standard Profiles'!$G$22=$B$10,7,0)+IF('Standard Profiles'!$G$22=$B$17,14,0)+IF('Standard Profiles'!$G$22=$B$24,21,0),0)),0)</f>
        <v>0</v>
      </c>
      <c r="I5726">
        <f t="shared" si="636"/>
        <v>8.0976871653148375E-2</v>
      </c>
      <c r="J5726">
        <f t="shared" si="637"/>
        <v>0.26992290551049464</v>
      </c>
      <c r="K5726">
        <f t="shared" si="638"/>
        <v>0.40488435826574193</v>
      </c>
      <c r="L5726">
        <f t="shared" si="639"/>
        <v>6.5945535755976987</v>
      </c>
      <c r="M5726">
        <f t="shared" si="640"/>
        <v>0</v>
      </c>
      <c r="N5726" s="46">
        <f t="shared" si="641"/>
        <v>45529.166666652862</v>
      </c>
    </row>
    <row r="5727" spans="2:14" x14ac:dyDescent="0.3">
      <c r="B5727">
        <f t="shared" si="635"/>
        <v>7</v>
      </c>
      <c r="C5727" s="16">
        <v>5693</v>
      </c>
      <c r="D5727" cm="1">
        <f t="array" ref="D5727">IFERROR(INDEX(Jesper!AH$2:AH$366,ROUNDDOWN($C5727/24,0)+1,1)*INDEX($D$3:$AA$30,INDEX(Jesper!$R$2:$R$366,ROW(INDEX(Jesper!AH$2:AH$366,ROUNDDOWN($C5727/24,0)+1,1))-1)+IF('Standard Profiles'!$G$18=$B$10,7,0)+IF('Standard Profiles'!$G$18=$B$17,14,0)+IF('Standard Profiles'!$G$18=$B$24,21,0),MOD($C5727,24)+1)/SUM(INDEX($D$3:$AA$30,INDEX(Jesper!$R$2:$R$366,ROW(INDEX(Jesper!AH$2:AH$366,ROUNDDOWN($C5727/24,0)+1,1))-1)+IF('Standard Profiles'!$G$18=$B$10,7,0)+IF('Standard Profiles'!$G$18=$B$17,14,0)+IF('Standard Profiles'!$G$18=$B$24,21,0),0)),0)</f>
        <v>8.064368044596419</v>
      </c>
      <c r="E5727" cm="1">
        <f t="array" ref="E5727">IFERROR(INDEX(Jesper!AI$2:AI$366,ROUNDDOWN($C5727/24,0)+1,1)*INDEX($D$3:$AA$30,INDEX(Jesper!$R$2:$R$366,ROW(INDEX(Jesper!AI$2:AI$366,ROUNDDOWN($C5727/24,0)+1,1))-1)+IF('Standard Profiles'!$G$19=$B$10,7,0)+IF('Standard Profiles'!$G$19=$B$17,14,0)+IF('Standard Profiles'!$G$19=$B$24,21,0),MOD($C5727,24)+1)/SUM(INDEX($D$3:$AA$30,INDEX(Jesper!$R$2:$R$366,ROW(INDEX(Jesper!AI$2:AI$366,ROUNDDOWN($C5727/24,0)+1,1))-1)+IF('Standard Profiles'!$G$19=$B$10,7,0)+IF('Standard Profiles'!$G$19=$B$17,14,0)+IF('Standard Profiles'!$G$19=$B$24,21,0),0)),0)</f>
        <v>1.1235540941874333</v>
      </c>
      <c r="F5727" cm="1">
        <f t="array" ref="F5727">IFERROR(INDEX(Jesper!AJ$2:AJ$366,ROUNDDOWN($C5727/24,0)+1,1)*INDEX($D$3:$AA$30,INDEX(Jesper!$R$2:$R$366,ROW(INDEX(Jesper!AJ$2:AJ$366,ROUNDDOWN($C5727/24,0)+1,1))-1)+IF('Standard Profiles'!$G$20=$B$10,7,0)+IF('Standard Profiles'!$G$20=$B$17,14,0)+IF('Standard Profiles'!$G$20=$B$24,21,0),MOD($C5727,24)+1)/SUM(INDEX($D$3:$AA$30,INDEX(Jesper!$R$2:$R$366,ROW(INDEX(Jesper!AJ$2:AJ$366,ROUNDDOWN($C5727/24,0)+1,1))-1)+IF('Standard Profiles'!$G$20=$B$10,7,0)+IF('Standard Profiles'!$G$20=$B$17,14,0)+IF('Standard Profiles'!$G$20=$B$24,21,0),0)),0)</f>
        <v>0</v>
      </c>
      <c r="G5727" cm="1">
        <f t="array" ref="G5727">IFERROR(INDEX(Jesper!AK$2:AK$366,ROUNDDOWN($C5727/24,0)+1,1)*INDEX($D$3:$AA$30,INDEX(Jesper!$R$2:$R$366,ROW(INDEX(Jesper!AK$2:AK$366,ROUNDDOWN($C5727/24,0)+1,1))-1)+IF('Standard Profiles'!$G$21=$B$10,7,0)+IF('Standard Profiles'!$G$21=$B$17,14,0)+IF('Standard Profiles'!$G$21=$B$24,21,0),MOD($C5727,24)+1)/SUM(INDEX($D$3:$AA$30,INDEX(Jesper!$R$2:$R$366,ROW(INDEX(Jesper!AK$2:AK$366,ROUNDDOWN($C5727/24,0)+1,1))-1)+IF('Standard Profiles'!$G$21=$B$10,7,0)+IF('Standard Profiles'!$G$21=$B$17,14,0)+IF('Standard Profiles'!$G$21=$B$24,21,0),0)),0)</f>
        <v>0</v>
      </c>
      <c r="H5727" cm="1">
        <f t="array" ref="H5727">IFERROR(INDEX(Jesper!AL$2:AL$366,ROUNDDOWN($C5727/24,0)+1,1)*INDEX($D$3:$AA$30,INDEX(Jesper!$R$2:$R$366,ROW(INDEX(Jesper!AL$2:AL$366,ROUNDDOWN($C5727/24,0)+1,1))-1)+IF('Standard Profiles'!$G$22=$B$10,7,0)+IF('Standard Profiles'!$G$22=$B$17,14,0)+IF('Standard Profiles'!$G$22=$B$24,21,0),MOD($C5727,24)+1)/SUM(INDEX($D$3:$AA$30,INDEX(Jesper!$R$2:$R$366,ROW(INDEX(Jesper!AL$2:AL$366,ROUNDDOWN($C5727/24,0)+1,1))-1)+IF('Standard Profiles'!$G$22=$B$10,7,0)+IF('Standard Profiles'!$G$22=$B$17,14,0)+IF('Standard Profiles'!$G$22=$B$24,21,0),0)),0)</f>
        <v>0</v>
      </c>
      <c r="I5727">
        <f t="shared" si="636"/>
        <v>0.10122108956643547</v>
      </c>
      <c r="J5727">
        <f t="shared" si="637"/>
        <v>0.33740363188811823</v>
      </c>
      <c r="K5727">
        <f t="shared" si="638"/>
        <v>0.50610544783217737</v>
      </c>
      <c r="L5727">
        <f t="shared" si="639"/>
        <v>8.2431919694971221</v>
      </c>
      <c r="M5727">
        <f t="shared" si="640"/>
        <v>0</v>
      </c>
      <c r="N5727" s="46">
        <f t="shared" si="641"/>
        <v>45529.208333319526</v>
      </c>
    </row>
    <row r="5728" spans="2:14" x14ac:dyDescent="0.3">
      <c r="B5728">
        <f t="shared" si="635"/>
        <v>7</v>
      </c>
      <c r="C5728" s="16">
        <v>5694</v>
      </c>
      <c r="D5728" cm="1">
        <f t="array" ref="D5728">IFERROR(INDEX(Jesper!AH$2:AH$366,ROUNDDOWN($C5728/24,0)+1,1)*INDEX($D$3:$AA$30,INDEX(Jesper!$R$2:$R$366,ROW(INDEX(Jesper!AH$2:AH$366,ROUNDDOWN($C5728/24,0)+1,1))-1)+IF('Standard Profiles'!$G$18=$B$10,7,0)+IF('Standard Profiles'!$G$18=$B$17,14,0)+IF('Standard Profiles'!$G$18=$B$24,21,0),MOD($C5728,24)+1)/SUM(INDEX($D$3:$AA$30,INDEX(Jesper!$R$2:$R$366,ROW(INDEX(Jesper!AH$2:AH$366,ROUNDDOWN($C5728/24,0)+1,1))-1)+IF('Standard Profiles'!$G$18=$B$10,7,0)+IF('Standard Profiles'!$G$18=$B$17,14,0)+IF('Standard Profiles'!$G$18=$B$24,21,0),0)),0)</f>
        <v>9.4980334747468955</v>
      </c>
      <c r="E5728" cm="1">
        <f t="array" ref="E5728">IFERROR(INDEX(Jesper!AI$2:AI$366,ROUNDDOWN($C5728/24,0)+1,1)*INDEX($D$3:$AA$30,INDEX(Jesper!$R$2:$R$366,ROW(INDEX(Jesper!AI$2:AI$366,ROUNDDOWN($C5728/24,0)+1,1))-1)+IF('Standard Profiles'!$G$19=$B$10,7,0)+IF('Standard Profiles'!$G$19=$B$17,14,0)+IF('Standard Profiles'!$G$19=$B$24,21,0),MOD($C5728,24)+1)/SUM(INDEX($D$3:$AA$30,INDEX(Jesper!$R$2:$R$366,ROW(INDEX(Jesper!AI$2:AI$366,ROUNDDOWN($C5728/24,0)+1,1))-1)+IF('Standard Profiles'!$G$19=$B$10,7,0)+IF('Standard Profiles'!$G$19=$B$17,14,0)+IF('Standard Profiles'!$G$19=$B$24,21,0),0)),0)</f>
        <v>1.3232970442651995</v>
      </c>
      <c r="F5728" cm="1">
        <f t="array" ref="F5728">IFERROR(INDEX(Jesper!AJ$2:AJ$366,ROUNDDOWN($C5728/24,0)+1,1)*INDEX($D$3:$AA$30,INDEX(Jesper!$R$2:$R$366,ROW(INDEX(Jesper!AJ$2:AJ$366,ROUNDDOWN($C5728/24,0)+1,1))-1)+IF('Standard Profiles'!$G$20=$B$10,7,0)+IF('Standard Profiles'!$G$20=$B$17,14,0)+IF('Standard Profiles'!$G$20=$B$24,21,0),MOD($C5728,24)+1)/SUM(INDEX($D$3:$AA$30,INDEX(Jesper!$R$2:$R$366,ROW(INDEX(Jesper!AJ$2:AJ$366,ROUNDDOWN($C5728/24,0)+1,1))-1)+IF('Standard Profiles'!$G$20=$B$10,7,0)+IF('Standard Profiles'!$G$20=$B$17,14,0)+IF('Standard Profiles'!$G$20=$B$24,21,0),0)),0)</f>
        <v>0</v>
      </c>
      <c r="G5728" cm="1">
        <f t="array" ref="G5728">IFERROR(INDEX(Jesper!AK$2:AK$366,ROUNDDOWN($C5728/24,0)+1,1)*INDEX($D$3:$AA$30,INDEX(Jesper!$R$2:$R$366,ROW(INDEX(Jesper!AK$2:AK$366,ROUNDDOWN($C5728/24,0)+1,1))-1)+IF('Standard Profiles'!$G$21=$B$10,7,0)+IF('Standard Profiles'!$G$21=$B$17,14,0)+IF('Standard Profiles'!$G$21=$B$24,21,0),MOD($C5728,24)+1)/SUM(INDEX($D$3:$AA$30,INDEX(Jesper!$R$2:$R$366,ROW(INDEX(Jesper!AK$2:AK$366,ROUNDDOWN($C5728/24,0)+1,1))-1)+IF('Standard Profiles'!$G$21=$B$10,7,0)+IF('Standard Profiles'!$G$21=$B$17,14,0)+IF('Standard Profiles'!$G$21=$B$24,21,0),0)),0)</f>
        <v>0</v>
      </c>
      <c r="H5728" cm="1">
        <f t="array" ref="H5728">IFERROR(INDEX(Jesper!AL$2:AL$366,ROUNDDOWN($C5728/24,0)+1,1)*INDEX($D$3:$AA$30,INDEX(Jesper!$R$2:$R$366,ROW(INDEX(Jesper!AL$2:AL$366,ROUNDDOWN($C5728/24,0)+1,1))-1)+IF('Standard Profiles'!$G$22=$B$10,7,0)+IF('Standard Profiles'!$G$22=$B$17,14,0)+IF('Standard Profiles'!$G$22=$B$24,21,0),MOD($C5728,24)+1)/SUM(INDEX($D$3:$AA$30,INDEX(Jesper!$R$2:$R$366,ROW(INDEX(Jesper!AL$2:AL$366,ROUNDDOWN($C5728/24,0)+1,1))-1)+IF('Standard Profiles'!$G$22=$B$10,7,0)+IF('Standard Profiles'!$G$22=$B$17,14,0)+IF('Standard Profiles'!$G$22=$B$24,21,0),0)),0)</f>
        <v>0</v>
      </c>
      <c r="I5728">
        <f t="shared" si="636"/>
        <v>0.11921594993380179</v>
      </c>
      <c r="J5728">
        <f t="shared" si="637"/>
        <v>0.39738649977933932</v>
      </c>
      <c r="K5728">
        <f t="shared" si="638"/>
        <v>0.59607974966900901</v>
      </c>
      <c r="L5728">
        <f t="shared" si="639"/>
        <v>9.7086483196299458</v>
      </c>
      <c r="M5728">
        <f t="shared" si="640"/>
        <v>0</v>
      </c>
      <c r="N5728" s="46">
        <f t="shared" si="641"/>
        <v>45529.24999998619</v>
      </c>
    </row>
    <row r="5729" spans="2:14" x14ac:dyDescent="0.3">
      <c r="B5729">
        <f t="shared" si="635"/>
        <v>7</v>
      </c>
      <c r="C5729" s="16">
        <v>5695</v>
      </c>
      <c r="D5729" cm="1">
        <f t="array" ref="D5729">IFERROR(INDEX(Jesper!AH$2:AH$366,ROUNDDOWN($C5729/24,0)+1,1)*INDEX($D$3:$AA$30,INDEX(Jesper!$R$2:$R$366,ROW(INDEX(Jesper!AH$2:AH$366,ROUNDDOWN($C5729/24,0)+1,1))-1)+IF('Standard Profiles'!$G$18=$B$10,7,0)+IF('Standard Profiles'!$G$18=$B$17,14,0)+IF('Standard Profiles'!$G$18=$B$24,21,0),MOD($C5729,24)+1)/SUM(INDEX($D$3:$AA$30,INDEX(Jesper!$R$2:$R$366,ROW(INDEX(Jesper!AH$2:AH$366,ROUNDDOWN($C5729/24,0)+1,1))-1)+IF('Standard Profiles'!$G$18=$B$10,7,0)+IF('Standard Profiles'!$G$18=$B$17,14,0)+IF('Standard Profiles'!$G$18=$B$24,21,0),0)),0)</f>
        <v>11.290115262434989</v>
      </c>
      <c r="E5729" cm="1">
        <f t="array" ref="E5729">IFERROR(INDEX(Jesper!AI$2:AI$366,ROUNDDOWN($C5729/24,0)+1,1)*INDEX($D$3:$AA$30,INDEX(Jesper!$R$2:$R$366,ROW(INDEX(Jesper!AI$2:AI$366,ROUNDDOWN($C5729/24,0)+1,1))-1)+IF('Standard Profiles'!$G$19=$B$10,7,0)+IF('Standard Profiles'!$G$19=$B$17,14,0)+IF('Standard Profiles'!$G$19=$B$24,21,0),MOD($C5729,24)+1)/SUM(INDEX($D$3:$AA$30,INDEX(Jesper!$R$2:$R$366,ROW(INDEX(Jesper!AI$2:AI$366,ROUNDDOWN($C5729/24,0)+1,1))-1)+IF('Standard Profiles'!$G$19=$B$10,7,0)+IF('Standard Profiles'!$G$19=$B$17,14,0)+IF('Standard Profiles'!$G$19=$B$24,21,0),0)),0)</f>
        <v>1.5729757318624067</v>
      </c>
      <c r="F5729" cm="1">
        <f t="array" ref="F5729">IFERROR(INDEX(Jesper!AJ$2:AJ$366,ROUNDDOWN($C5729/24,0)+1,1)*INDEX($D$3:$AA$30,INDEX(Jesper!$R$2:$R$366,ROW(INDEX(Jesper!AJ$2:AJ$366,ROUNDDOWN($C5729/24,0)+1,1))-1)+IF('Standard Profiles'!$G$20=$B$10,7,0)+IF('Standard Profiles'!$G$20=$B$17,14,0)+IF('Standard Profiles'!$G$20=$B$24,21,0),MOD($C5729,24)+1)/SUM(INDEX($D$3:$AA$30,INDEX(Jesper!$R$2:$R$366,ROW(INDEX(Jesper!AJ$2:AJ$366,ROUNDDOWN($C5729/24,0)+1,1))-1)+IF('Standard Profiles'!$G$20=$B$10,7,0)+IF('Standard Profiles'!$G$20=$B$17,14,0)+IF('Standard Profiles'!$G$20=$B$24,21,0),0)),0)</f>
        <v>0</v>
      </c>
      <c r="G5729" cm="1">
        <f t="array" ref="G5729">IFERROR(INDEX(Jesper!AK$2:AK$366,ROUNDDOWN($C5729/24,0)+1,1)*INDEX($D$3:$AA$30,INDEX(Jesper!$R$2:$R$366,ROW(INDEX(Jesper!AK$2:AK$366,ROUNDDOWN($C5729/24,0)+1,1))-1)+IF('Standard Profiles'!$G$21=$B$10,7,0)+IF('Standard Profiles'!$G$21=$B$17,14,0)+IF('Standard Profiles'!$G$21=$B$24,21,0),MOD($C5729,24)+1)/SUM(INDEX($D$3:$AA$30,INDEX(Jesper!$R$2:$R$366,ROW(INDEX(Jesper!AK$2:AK$366,ROUNDDOWN($C5729/24,0)+1,1))-1)+IF('Standard Profiles'!$G$21=$B$10,7,0)+IF('Standard Profiles'!$G$21=$B$17,14,0)+IF('Standard Profiles'!$G$21=$B$24,21,0),0)),0)</f>
        <v>0</v>
      </c>
      <c r="H5729" cm="1">
        <f t="array" ref="H5729">IFERROR(INDEX(Jesper!AL$2:AL$366,ROUNDDOWN($C5729/24,0)+1,1)*INDEX($D$3:$AA$30,INDEX(Jesper!$R$2:$R$366,ROW(INDEX(Jesper!AL$2:AL$366,ROUNDDOWN($C5729/24,0)+1,1))-1)+IF('Standard Profiles'!$G$22=$B$10,7,0)+IF('Standard Profiles'!$G$22=$B$17,14,0)+IF('Standard Profiles'!$G$22=$B$24,21,0),MOD($C5729,24)+1)/SUM(INDEX($D$3:$AA$30,INDEX(Jesper!$R$2:$R$366,ROW(INDEX(Jesper!AL$2:AL$366,ROUNDDOWN($C5729/24,0)+1,1))-1)+IF('Standard Profiles'!$G$22=$B$10,7,0)+IF('Standard Profiles'!$G$22=$B$17,14,0)+IF('Standard Profiles'!$G$22=$B$24,21,0),0)),0)</f>
        <v>0</v>
      </c>
      <c r="I5729">
        <f t="shared" si="636"/>
        <v>0.14170952539300966</v>
      </c>
      <c r="J5729">
        <f t="shared" si="637"/>
        <v>0.47236508464336557</v>
      </c>
      <c r="K5729">
        <f t="shared" si="638"/>
        <v>0.70854762696504836</v>
      </c>
      <c r="L5729">
        <f t="shared" si="639"/>
        <v>11.540468757295972</v>
      </c>
      <c r="M5729">
        <f t="shared" si="640"/>
        <v>0</v>
      </c>
      <c r="N5729" s="46">
        <f t="shared" si="641"/>
        <v>45529.291666652854</v>
      </c>
    </row>
    <row r="5730" spans="2:14" x14ac:dyDescent="0.3">
      <c r="B5730">
        <f t="shared" si="635"/>
        <v>7</v>
      </c>
      <c r="C5730" s="16">
        <v>5696</v>
      </c>
      <c r="D5730" cm="1">
        <f t="array" ref="D5730">IFERROR(INDEX(Jesper!AH$2:AH$366,ROUNDDOWN($C5730/24,0)+1,1)*INDEX($D$3:$AA$30,INDEX(Jesper!$R$2:$R$366,ROW(INDEX(Jesper!AH$2:AH$366,ROUNDDOWN($C5730/24,0)+1,1))-1)+IF('Standard Profiles'!$G$18=$B$10,7,0)+IF('Standard Profiles'!$G$18=$B$17,14,0)+IF('Standard Profiles'!$G$18=$B$24,21,0),MOD($C5730,24)+1)/SUM(INDEX($D$3:$AA$30,INDEX(Jesper!$R$2:$R$366,ROW(INDEX(Jesper!AH$2:AH$366,ROUNDDOWN($C5730/24,0)+1,1))-1)+IF('Standard Profiles'!$G$18=$B$10,7,0)+IF('Standard Profiles'!$G$18=$B$17,14,0)+IF('Standard Profiles'!$G$18=$B$24,21,0),0)),0)</f>
        <v>11.290115262434989</v>
      </c>
      <c r="E5730" cm="1">
        <f t="array" ref="E5730">IFERROR(INDEX(Jesper!AI$2:AI$366,ROUNDDOWN($C5730/24,0)+1,1)*INDEX($D$3:$AA$30,INDEX(Jesper!$R$2:$R$366,ROW(INDEX(Jesper!AI$2:AI$366,ROUNDDOWN($C5730/24,0)+1,1))-1)+IF('Standard Profiles'!$G$19=$B$10,7,0)+IF('Standard Profiles'!$G$19=$B$17,14,0)+IF('Standard Profiles'!$G$19=$B$24,21,0),MOD($C5730,24)+1)/SUM(INDEX($D$3:$AA$30,INDEX(Jesper!$R$2:$R$366,ROW(INDEX(Jesper!AI$2:AI$366,ROUNDDOWN($C5730/24,0)+1,1))-1)+IF('Standard Profiles'!$G$19=$B$10,7,0)+IF('Standard Profiles'!$G$19=$B$17,14,0)+IF('Standard Profiles'!$G$19=$B$24,21,0),0)),0)</f>
        <v>1.5729757318624067</v>
      </c>
      <c r="F5730" cm="1">
        <f t="array" ref="F5730">IFERROR(INDEX(Jesper!AJ$2:AJ$366,ROUNDDOWN($C5730/24,0)+1,1)*INDEX($D$3:$AA$30,INDEX(Jesper!$R$2:$R$366,ROW(INDEX(Jesper!AJ$2:AJ$366,ROUNDDOWN($C5730/24,0)+1,1))-1)+IF('Standard Profiles'!$G$20=$B$10,7,0)+IF('Standard Profiles'!$G$20=$B$17,14,0)+IF('Standard Profiles'!$G$20=$B$24,21,0),MOD($C5730,24)+1)/SUM(INDEX($D$3:$AA$30,INDEX(Jesper!$R$2:$R$366,ROW(INDEX(Jesper!AJ$2:AJ$366,ROUNDDOWN($C5730/24,0)+1,1))-1)+IF('Standard Profiles'!$G$20=$B$10,7,0)+IF('Standard Profiles'!$G$20=$B$17,14,0)+IF('Standard Profiles'!$G$20=$B$24,21,0),0)),0)</f>
        <v>0</v>
      </c>
      <c r="G5730" cm="1">
        <f t="array" ref="G5730">IFERROR(INDEX(Jesper!AK$2:AK$366,ROUNDDOWN($C5730/24,0)+1,1)*INDEX($D$3:$AA$30,INDEX(Jesper!$R$2:$R$366,ROW(INDEX(Jesper!AK$2:AK$366,ROUNDDOWN($C5730/24,0)+1,1))-1)+IF('Standard Profiles'!$G$21=$B$10,7,0)+IF('Standard Profiles'!$G$21=$B$17,14,0)+IF('Standard Profiles'!$G$21=$B$24,21,0),MOD($C5730,24)+1)/SUM(INDEX($D$3:$AA$30,INDEX(Jesper!$R$2:$R$366,ROW(INDEX(Jesper!AK$2:AK$366,ROUNDDOWN($C5730/24,0)+1,1))-1)+IF('Standard Profiles'!$G$21=$B$10,7,0)+IF('Standard Profiles'!$G$21=$B$17,14,0)+IF('Standard Profiles'!$G$21=$B$24,21,0),0)),0)</f>
        <v>0</v>
      </c>
      <c r="H5730" cm="1">
        <f t="array" ref="H5730">IFERROR(INDEX(Jesper!AL$2:AL$366,ROUNDDOWN($C5730/24,0)+1,1)*INDEX($D$3:$AA$30,INDEX(Jesper!$R$2:$R$366,ROW(INDEX(Jesper!AL$2:AL$366,ROUNDDOWN($C5730/24,0)+1,1))-1)+IF('Standard Profiles'!$G$22=$B$10,7,0)+IF('Standard Profiles'!$G$22=$B$17,14,0)+IF('Standard Profiles'!$G$22=$B$24,21,0),MOD($C5730,24)+1)/SUM(INDEX($D$3:$AA$30,INDEX(Jesper!$R$2:$R$366,ROW(INDEX(Jesper!AL$2:AL$366,ROUNDDOWN($C5730/24,0)+1,1))-1)+IF('Standard Profiles'!$G$22=$B$10,7,0)+IF('Standard Profiles'!$G$22=$B$17,14,0)+IF('Standard Profiles'!$G$22=$B$24,21,0),0)),0)</f>
        <v>0</v>
      </c>
      <c r="I5730">
        <f t="shared" si="636"/>
        <v>0.14170952539300966</v>
      </c>
      <c r="J5730">
        <f t="shared" si="637"/>
        <v>0.47236508464336557</v>
      </c>
      <c r="K5730">
        <f t="shared" si="638"/>
        <v>0.70854762696504836</v>
      </c>
      <c r="L5730">
        <f t="shared" si="639"/>
        <v>11.540468757295972</v>
      </c>
      <c r="M5730">
        <f t="shared" si="640"/>
        <v>0</v>
      </c>
      <c r="N5730" s="46">
        <f t="shared" si="641"/>
        <v>45529.333333319519</v>
      </c>
    </row>
    <row r="5731" spans="2:14" x14ac:dyDescent="0.3">
      <c r="B5731">
        <f t="shared" ref="B5731:B5794" si="642">WEEKDAY(N5731,2)</f>
        <v>7</v>
      </c>
      <c r="C5731" s="16">
        <v>5697</v>
      </c>
      <c r="D5731" cm="1">
        <f t="array" ref="D5731">IFERROR(INDEX(Jesper!AH$2:AH$366,ROUNDDOWN($C5731/24,0)+1,1)*INDEX($D$3:$AA$30,INDEX(Jesper!$R$2:$R$366,ROW(INDEX(Jesper!AH$2:AH$366,ROUNDDOWN($C5731/24,0)+1,1))-1)+IF('Standard Profiles'!$G$18=$B$10,7,0)+IF('Standard Profiles'!$G$18=$B$17,14,0)+IF('Standard Profiles'!$G$18=$B$24,21,0),MOD($C5731,24)+1)/SUM(INDEX($D$3:$AA$30,INDEX(Jesper!$R$2:$R$366,ROW(INDEX(Jesper!AH$2:AH$366,ROUNDDOWN($C5731/24,0)+1,1))-1)+IF('Standard Profiles'!$G$18=$B$10,7,0)+IF('Standard Profiles'!$G$18=$B$17,14,0)+IF('Standard Profiles'!$G$18=$B$24,21,0),0)),0)</f>
        <v>11.290115262434989</v>
      </c>
      <c r="E5731" cm="1">
        <f t="array" ref="E5731">IFERROR(INDEX(Jesper!AI$2:AI$366,ROUNDDOWN($C5731/24,0)+1,1)*INDEX($D$3:$AA$30,INDEX(Jesper!$R$2:$R$366,ROW(INDEX(Jesper!AI$2:AI$366,ROUNDDOWN($C5731/24,0)+1,1))-1)+IF('Standard Profiles'!$G$19=$B$10,7,0)+IF('Standard Profiles'!$G$19=$B$17,14,0)+IF('Standard Profiles'!$G$19=$B$24,21,0),MOD($C5731,24)+1)/SUM(INDEX($D$3:$AA$30,INDEX(Jesper!$R$2:$R$366,ROW(INDEX(Jesper!AI$2:AI$366,ROUNDDOWN($C5731/24,0)+1,1))-1)+IF('Standard Profiles'!$G$19=$B$10,7,0)+IF('Standard Profiles'!$G$19=$B$17,14,0)+IF('Standard Profiles'!$G$19=$B$24,21,0),0)),0)</f>
        <v>1.5729757318624067</v>
      </c>
      <c r="F5731" cm="1">
        <f t="array" ref="F5731">IFERROR(INDEX(Jesper!AJ$2:AJ$366,ROUNDDOWN($C5731/24,0)+1,1)*INDEX($D$3:$AA$30,INDEX(Jesper!$R$2:$R$366,ROW(INDEX(Jesper!AJ$2:AJ$366,ROUNDDOWN($C5731/24,0)+1,1))-1)+IF('Standard Profiles'!$G$20=$B$10,7,0)+IF('Standard Profiles'!$G$20=$B$17,14,0)+IF('Standard Profiles'!$G$20=$B$24,21,0),MOD($C5731,24)+1)/SUM(INDEX($D$3:$AA$30,INDEX(Jesper!$R$2:$R$366,ROW(INDEX(Jesper!AJ$2:AJ$366,ROUNDDOWN($C5731/24,0)+1,1))-1)+IF('Standard Profiles'!$G$20=$B$10,7,0)+IF('Standard Profiles'!$G$20=$B$17,14,0)+IF('Standard Profiles'!$G$20=$B$24,21,0),0)),0)</f>
        <v>0</v>
      </c>
      <c r="G5731" cm="1">
        <f t="array" ref="G5731">IFERROR(INDEX(Jesper!AK$2:AK$366,ROUNDDOWN($C5731/24,0)+1,1)*INDEX($D$3:$AA$30,INDEX(Jesper!$R$2:$R$366,ROW(INDEX(Jesper!AK$2:AK$366,ROUNDDOWN($C5731/24,0)+1,1))-1)+IF('Standard Profiles'!$G$21=$B$10,7,0)+IF('Standard Profiles'!$G$21=$B$17,14,0)+IF('Standard Profiles'!$G$21=$B$24,21,0),MOD($C5731,24)+1)/SUM(INDEX($D$3:$AA$30,INDEX(Jesper!$R$2:$R$366,ROW(INDEX(Jesper!AK$2:AK$366,ROUNDDOWN($C5731/24,0)+1,1))-1)+IF('Standard Profiles'!$G$21=$B$10,7,0)+IF('Standard Profiles'!$G$21=$B$17,14,0)+IF('Standard Profiles'!$G$21=$B$24,21,0),0)),0)</f>
        <v>0</v>
      </c>
      <c r="H5731" cm="1">
        <f t="array" ref="H5731">IFERROR(INDEX(Jesper!AL$2:AL$366,ROUNDDOWN($C5731/24,0)+1,1)*INDEX($D$3:$AA$30,INDEX(Jesper!$R$2:$R$366,ROW(INDEX(Jesper!AL$2:AL$366,ROUNDDOWN($C5731/24,0)+1,1))-1)+IF('Standard Profiles'!$G$22=$B$10,7,0)+IF('Standard Profiles'!$G$22=$B$17,14,0)+IF('Standard Profiles'!$G$22=$B$24,21,0),MOD($C5731,24)+1)/SUM(INDEX($D$3:$AA$30,INDEX(Jesper!$R$2:$R$366,ROW(INDEX(Jesper!AL$2:AL$366,ROUNDDOWN($C5731/24,0)+1,1))-1)+IF('Standard Profiles'!$G$22=$B$10,7,0)+IF('Standard Profiles'!$G$22=$B$17,14,0)+IF('Standard Profiles'!$G$22=$B$24,21,0),0)),0)</f>
        <v>0</v>
      </c>
      <c r="I5731">
        <f t="shared" ref="I5731:I5794" si="643">IF($B5731&lt;6,AC$37*$D5731+AC$38*$E5731+AC$39*$F5731+AC$40*$G5731,AC$46*$D5731+AC$47*$E5731+AC$48*$F5731+AC$49*$G5731+AC$50*$H5731)</f>
        <v>0.14170952539300966</v>
      </c>
      <c r="J5731">
        <f t="shared" ref="J5731:J5794" si="644">IF($B5731&lt;6,AD$37*$D5731+AD$38*$E5731+AD$39*$F5731+AD$40*$G5731,AD$46*$D5731+AD$47*$E5731+AD$48*$F5731+AD$49*$G5731+AD$50*$H5731)</f>
        <v>0.47236508464336557</v>
      </c>
      <c r="K5731">
        <f t="shared" ref="K5731:K5794" si="645">IF($B5731&lt;6,AE$37*$D5731+AE$38*$E5731+AE$39*$F5731+AE$40*$G5731,AE$46*$D5731+AE$47*$E5731+AE$48*$F5731+AE$49*$G5731+AE$50*$H5731)</f>
        <v>0.70854762696504836</v>
      </c>
      <c r="L5731">
        <f t="shared" ref="L5731:L5794" si="646">IF($B5731&lt;6,AF$37*$D5731+AF$38*$E5731+AF$39*$F5731+AF$40*$G5731,AF$46*$D5731+AF$47*$E5731+AF$48*$F5731+AF$49*$G5731+AF$50*$H5731)</f>
        <v>11.540468757295972</v>
      </c>
      <c r="M5731">
        <f t="shared" ref="M5731:M5794" si="647">IF($B5731&lt;6,AG$37*$D5731+AG$38*$E5731+AG$39*$F5731+AG$40*$G5731,AG$46*$D5731+AG$47*$E5731+AG$48*$F5731+AG$49*$G5731+AG$50*$H5731)</f>
        <v>0</v>
      </c>
      <c r="N5731" s="46">
        <f t="shared" si="641"/>
        <v>45529.374999986183</v>
      </c>
    </row>
    <row r="5732" spans="2:14" x14ac:dyDescent="0.3">
      <c r="B5732">
        <f t="shared" si="642"/>
        <v>7</v>
      </c>
      <c r="C5732" s="16">
        <v>5698</v>
      </c>
      <c r="D5732" cm="1">
        <f t="array" ref="D5732">IFERROR(INDEX(Jesper!AH$2:AH$366,ROUNDDOWN($C5732/24,0)+1,1)*INDEX($D$3:$AA$30,INDEX(Jesper!$R$2:$R$366,ROW(INDEX(Jesper!AH$2:AH$366,ROUNDDOWN($C5732/24,0)+1,1))-1)+IF('Standard Profiles'!$G$18=$B$10,7,0)+IF('Standard Profiles'!$G$18=$B$17,14,0)+IF('Standard Profiles'!$G$18=$B$24,21,0),MOD($C5732,24)+1)/SUM(INDEX($D$3:$AA$30,INDEX(Jesper!$R$2:$R$366,ROW(INDEX(Jesper!AH$2:AH$366,ROUNDDOWN($C5732/24,0)+1,1))-1)+IF('Standard Profiles'!$G$18=$B$10,7,0)+IF('Standard Profiles'!$G$18=$B$17,14,0)+IF('Standard Profiles'!$G$18=$B$24,21,0),0)),0)</f>
        <v>11.290115262434989</v>
      </c>
      <c r="E5732" cm="1">
        <f t="array" ref="E5732">IFERROR(INDEX(Jesper!AI$2:AI$366,ROUNDDOWN($C5732/24,0)+1,1)*INDEX($D$3:$AA$30,INDEX(Jesper!$R$2:$R$366,ROW(INDEX(Jesper!AI$2:AI$366,ROUNDDOWN($C5732/24,0)+1,1))-1)+IF('Standard Profiles'!$G$19=$B$10,7,0)+IF('Standard Profiles'!$G$19=$B$17,14,0)+IF('Standard Profiles'!$G$19=$B$24,21,0),MOD($C5732,24)+1)/SUM(INDEX($D$3:$AA$30,INDEX(Jesper!$R$2:$R$366,ROW(INDEX(Jesper!AI$2:AI$366,ROUNDDOWN($C5732/24,0)+1,1))-1)+IF('Standard Profiles'!$G$19=$B$10,7,0)+IF('Standard Profiles'!$G$19=$B$17,14,0)+IF('Standard Profiles'!$G$19=$B$24,21,0),0)),0)</f>
        <v>1.5729757318624067</v>
      </c>
      <c r="F5732" cm="1">
        <f t="array" ref="F5732">IFERROR(INDEX(Jesper!AJ$2:AJ$366,ROUNDDOWN($C5732/24,0)+1,1)*INDEX($D$3:$AA$30,INDEX(Jesper!$R$2:$R$366,ROW(INDEX(Jesper!AJ$2:AJ$366,ROUNDDOWN($C5732/24,0)+1,1))-1)+IF('Standard Profiles'!$G$20=$B$10,7,0)+IF('Standard Profiles'!$G$20=$B$17,14,0)+IF('Standard Profiles'!$G$20=$B$24,21,0),MOD($C5732,24)+1)/SUM(INDEX($D$3:$AA$30,INDEX(Jesper!$R$2:$R$366,ROW(INDEX(Jesper!AJ$2:AJ$366,ROUNDDOWN($C5732/24,0)+1,1))-1)+IF('Standard Profiles'!$G$20=$B$10,7,0)+IF('Standard Profiles'!$G$20=$B$17,14,0)+IF('Standard Profiles'!$G$20=$B$24,21,0),0)),0)</f>
        <v>0</v>
      </c>
      <c r="G5732" cm="1">
        <f t="array" ref="G5732">IFERROR(INDEX(Jesper!AK$2:AK$366,ROUNDDOWN($C5732/24,0)+1,1)*INDEX($D$3:$AA$30,INDEX(Jesper!$R$2:$R$366,ROW(INDEX(Jesper!AK$2:AK$366,ROUNDDOWN($C5732/24,0)+1,1))-1)+IF('Standard Profiles'!$G$21=$B$10,7,0)+IF('Standard Profiles'!$G$21=$B$17,14,0)+IF('Standard Profiles'!$G$21=$B$24,21,0),MOD($C5732,24)+1)/SUM(INDEX($D$3:$AA$30,INDEX(Jesper!$R$2:$R$366,ROW(INDEX(Jesper!AK$2:AK$366,ROUNDDOWN($C5732/24,0)+1,1))-1)+IF('Standard Profiles'!$G$21=$B$10,7,0)+IF('Standard Profiles'!$G$21=$B$17,14,0)+IF('Standard Profiles'!$G$21=$B$24,21,0),0)),0)</f>
        <v>0</v>
      </c>
      <c r="H5732" cm="1">
        <f t="array" ref="H5732">IFERROR(INDEX(Jesper!AL$2:AL$366,ROUNDDOWN($C5732/24,0)+1,1)*INDEX($D$3:$AA$30,INDEX(Jesper!$R$2:$R$366,ROW(INDEX(Jesper!AL$2:AL$366,ROUNDDOWN($C5732/24,0)+1,1))-1)+IF('Standard Profiles'!$G$22=$B$10,7,0)+IF('Standard Profiles'!$G$22=$B$17,14,0)+IF('Standard Profiles'!$G$22=$B$24,21,0),MOD($C5732,24)+1)/SUM(INDEX($D$3:$AA$30,INDEX(Jesper!$R$2:$R$366,ROW(INDEX(Jesper!AL$2:AL$366,ROUNDDOWN($C5732/24,0)+1,1))-1)+IF('Standard Profiles'!$G$22=$B$10,7,0)+IF('Standard Profiles'!$G$22=$B$17,14,0)+IF('Standard Profiles'!$G$22=$B$24,21,0),0)),0)</f>
        <v>0</v>
      </c>
      <c r="I5732">
        <f t="shared" si="643"/>
        <v>0.14170952539300966</v>
      </c>
      <c r="J5732">
        <f t="shared" si="644"/>
        <v>0.47236508464336557</v>
      </c>
      <c r="K5732">
        <f t="shared" si="645"/>
        <v>0.70854762696504836</v>
      </c>
      <c r="L5732">
        <f t="shared" si="646"/>
        <v>11.540468757295972</v>
      </c>
      <c r="M5732">
        <f t="shared" si="647"/>
        <v>0</v>
      </c>
      <c r="N5732" s="46">
        <f t="shared" ref="N5732:N5795" si="648">N5731+1/24</f>
        <v>45529.416666652847</v>
      </c>
    </row>
    <row r="5733" spans="2:14" x14ac:dyDescent="0.3">
      <c r="B5733">
        <f t="shared" si="642"/>
        <v>7</v>
      </c>
      <c r="C5733" s="16">
        <v>5699</v>
      </c>
      <c r="D5733" cm="1">
        <f t="array" ref="D5733">IFERROR(INDEX(Jesper!AH$2:AH$366,ROUNDDOWN($C5733/24,0)+1,1)*INDEX($D$3:$AA$30,INDEX(Jesper!$R$2:$R$366,ROW(INDEX(Jesper!AH$2:AH$366,ROUNDDOWN($C5733/24,0)+1,1))-1)+IF('Standard Profiles'!$G$18=$B$10,7,0)+IF('Standard Profiles'!$G$18=$B$17,14,0)+IF('Standard Profiles'!$G$18=$B$24,21,0),MOD($C5733,24)+1)/SUM(INDEX($D$3:$AA$30,INDEX(Jesper!$R$2:$R$366,ROW(INDEX(Jesper!AH$2:AH$366,ROUNDDOWN($C5733/24,0)+1,1))-1)+IF('Standard Profiles'!$G$18=$B$10,7,0)+IF('Standard Profiles'!$G$18=$B$17,14,0)+IF('Standard Profiles'!$G$18=$B$24,21,0),0)),0)</f>
        <v>11.290115262434989</v>
      </c>
      <c r="E5733" cm="1">
        <f t="array" ref="E5733">IFERROR(INDEX(Jesper!AI$2:AI$366,ROUNDDOWN($C5733/24,0)+1,1)*INDEX($D$3:$AA$30,INDEX(Jesper!$R$2:$R$366,ROW(INDEX(Jesper!AI$2:AI$366,ROUNDDOWN($C5733/24,0)+1,1))-1)+IF('Standard Profiles'!$G$19=$B$10,7,0)+IF('Standard Profiles'!$G$19=$B$17,14,0)+IF('Standard Profiles'!$G$19=$B$24,21,0),MOD($C5733,24)+1)/SUM(INDEX($D$3:$AA$30,INDEX(Jesper!$R$2:$R$366,ROW(INDEX(Jesper!AI$2:AI$366,ROUNDDOWN($C5733/24,0)+1,1))-1)+IF('Standard Profiles'!$G$19=$B$10,7,0)+IF('Standard Profiles'!$G$19=$B$17,14,0)+IF('Standard Profiles'!$G$19=$B$24,21,0),0)),0)</f>
        <v>1.5729757318624067</v>
      </c>
      <c r="F5733" cm="1">
        <f t="array" ref="F5733">IFERROR(INDEX(Jesper!AJ$2:AJ$366,ROUNDDOWN($C5733/24,0)+1,1)*INDEX($D$3:$AA$30,INDEX(Jesper!$R$2:$R$366,ROW(INDEX(Jesper!AJ$2:AJ$366,ROUNDDOWN($C5733/24,0)+1,1))-1)+IF('Standard Profiles'!$G$20=$B$10,7,0)+IF('Standard Profiles'!$G$20=$B$17,14,0)+IF('Standard Profiles'!$G$20=$B$24,21,0),MOD($C5733,24)+1)/SUM(INDEX($D$3:$AA$30,INDEX(Jesper!$R$2:$R$366,ROW(INDEX(Jesper!AJ$2:AJ$366,ROUNDDOWN($C5733/24,0)+1,1))-1)+IF('Standard Profiles'!$G$20=$B$10,7,0)+IF('Standard Profiles'!$G$20=$B$17,14,0)+IF('Standard Profiles'!$G$20=$B$24,21,0),0)),0)</f>
        <v>0</v>
      </c>
      <c r="G5733" cm="1">
        <f t="array" ref="G5733">IFERROR(INDEX(Jesper!AK$2:AK$366,ROUNDDOWN($C5733/24,0)+1,1)*INDEX($D$3:$AA$30,INDEX(Jesper!$R$2:$R$366,ROW(INDEX(Jesper!AK$2:AK$366,ROUNDDOWN($C5733/24,0)+1,1))-1)+IF('Standard Profiles'!$G$21=$B$10,7,0)+IF('Standard Profiles'!$G$21=$B$17,14,0)+IF('Standard Profiles'!$G$21=$B$24,21,0),MOD($C5733,24)+1)/SUM(INDEX($D$3:$AA$30,INDEX(Jesper!$R$2:$R$366,ROW(INDEX(Jesper!AK$2:AK$366,ROUNDDOWN($C5733/24,0)+1,1))-1)+IF('Standard Profiles'!$G$21=$B$10,7,0)+IF('Standard Profiles'!$G$21=$B$17,14,0)+IF('Standard Profiles'!$G$21=$B$24,21,0),0)),0)</f>
        <v>0</v>
      </c>
      <c r="H5733" cm="1">
        <f t="array" ref="H5733">IFERROR(INDEX(Jesper!AL$2:AL$366,ROUNDDOWN($C5733/24,0)+1,1)*INDEX($D$3:$AA$30,INDEX(Jesper!$R$2:$R$366,ROW(INDEX(Jesper!AL$2:AL$366,ROUNDDOWN($C5733/24,0)+1,1))-1)+IF('Standard Profiles'!$G$22=$B$10,7,0)+IF('Standard Profiles'!$G$22=$B$17,14,0)+IF('Standard Profiles'!$G$22=$B$24,21,0),MOD($C5733,24)+1)/SUM(INDEX($D$3:$AA$30,INDEX(Jesper!$R$2:$R$366,ROW(INDEX(Jesper!AL$2:AL$366,ROUNDDOWN($C5733/24,0)+1,1))-1)+IF('Standard Profiles'!$G$22=$B$10,7,0)+IF('Standard Profiles'!$G$22=$B$17,14,0)+IF('Standard Profiles'!$G$22=$B$24,21,0),0)),0)</f>
        <v>0</v>
      </c>
      <c r="I5733">
        <f t="shared" si="643"/>
        <v>0.14170952539300966</v>
      </c>
      <c r="J5733">
        <f t="shared" si="644"/>
        <v>0.47236508464336557</v>
      </c>
      <c r="K5733">
        <f t="shared" si="645"/>
        <v>0.70854762696504836</v>
      </c>
      <c r="L5733">
        <f t="shared" si="646"/>
        <v>11.540468757295972</v>
      </c>
      <c r="M5733">
        <f t="shared" si="647"/>
        <v>0</v>
      </c>
      <c r="N5733" s="46">
        <f t="shared" si="648"/>
        <v>45529.458333319511</v>
      </c>
    </row>
    <row r="5734" spans="2:14" x14ac:dyDescent="0.3">
      <c r="B5734">
        <f t="shared" si="642"/>
        <v>7</v>
      </c>
      <c r="C5734" s="16">
        <v>5700</v>
      </c>
      <c r="D5734" cm="1">
        <f t="array" ref="D5734">IFERROR(INDEX(Jesper!AH$2:AH$366,ROUNDDOWN($C5734/24,0)+1,1)*INDEX($D$3:$AA$30,INDEX(Jesper!$R$2:$R$366,ROW(INDEX(Jesper!AH$2:AH$366,ROUNDDOWN($C5734/24,0)+1,1))-1)+IF('Standard Profiles'!$G$18=$B$10,7,0)+IF('Standard Profiles'!$G$18=$B$17,14,0)+IF('Standard Profiles'!$G$18=$B$24,21,0),MOD($C5734,24)+1)/SUM(INDEX($D$3:$AA$30,INDEX(Jesper!$R$2:$R$366,ROW(INDEX(Jesper!AH$2:AH$366,ROUNDDOWN($C5734/24,0)+1,1))-1)+IF('Standard Profiles'!$G$18=$B$10,7,0)+IF('Standard Profiles'!$G$18=$B$17,14,0)+IF('Standard Profiles'!$G$18=$B$24,21,0),0)),0)</f>
        <v>11.290115262434989</v>
      </c>
      <c r="E5734" cm="1">
        <f t="array" ref="E5734">IFERROR(INDEX(Jesper!AI$2:AI$366,ROUNDDOWN($C5734/24,0)+1,1)*INDEX($D$3:$AA$30,INDEX(Jesper!$R$2:$R$366,ROW(INDEX(Jesper!AI$2:AI$366,ROUNDDOWN($C5734/24,0)+1,1))-1)+IF('Standard Profiles'!$G$19=$B$10,7,0)+IF('Standard Profiles'!$G$19=$B$17,14,0)+IF('Standard Profiles'!$G$19=$B$24,21,0),MOD($C5734,24)+1)/SUM(INDEX($D$3:$AA$30,INDEX(Jesper!$R$2:$R$366,ROW(INDEX(Jesper!AI$2:AI$366,ROUNDDOWN($C5734/24,0)+1,1))-1)+IF('Standard Profiles'!$G$19=$B$10,7,0)+IF('Standard Profiles'!$G$19=$B$17,14,0)+IF('Standard Profiles'!$G$19=$B$24,21,0),0)),0)</f>
        <v>1.5729757318624067</v>
      </c>
      <c r="F5734" cm="1">
        <f t="array" ref="F5734">IFERROR(INDEX(Jesper!AJ$2:AJ$366,ROUNDDOWN($C5734/24,0)+1,1)*INDEX($D$3:$AA$30,INDEX(Jesper!$R$2:$R$366,ROW(INDEX(Jesper!AJ$2:AJ$366,ROUNDDOWN($C5734/24,0)+1,1))-1)+IF('Standard Profiles'!$G$20=$B$10,7,0)+IF('Standard Profiles'!$G$20=$B$17,14,0)+IF('Standard Profiles'!$G$20=$B$24,21,0),MOD($C5734,24)+1)/SUM(INDEX($D$3:$AA$30,INDEX(Jesper!$R$2:$R$366,ROW(INDEX(Jesper!AJ$2:AJ$366,ROUNDDOWN($C5734/24,0)+1,1))-1)+IF('Standard Profiles'!$G$20=$B$10,7,0)+IF('Standard Profiles'!$G$20=$B$17,14,0)+IF('Standard Profiles'!$G$20=$B$24,21,0),0)),0)</f>
        <v>0</v>
      </c>
      <c r="G5734" cm="1">
        <f t="array" ref="G5734">IFERROR(INDEX(Jesper!AK$2:AK$366,ROUNDDOWN($C5734/24,0)+1,1)*INDEX($D$3:$AA$30,INDEX(Jesper!$R$2:$R$366,ROW(INDEX(Jesper!AK$2:AK$366,ROUNDDOWN($C5734/24,0)+1,1))-1)+IF('Standard Profiles'!$G$21=$B$10,7,0)+IF('Standard Profiles'!$G$21=$B$17,14,0)+IF('Standard Profiles'!$G$21=$B$24,21,0),MOD($C5734,24)+1)/SUM(INDEX($D$3:$AA$30,INDEX(Jesper!$R$2:$R$366,ROW(INDEX(Jesper!AK$2:AK$366,ROUNDDOWN($C5734/24,0)+1,1))-1)+IF('Standard Profiles'!$G$21=$B$10,7,0)+IF('Standard Profiles'!$G$21=$B$17,14,0)+IF('Standard Profiles'!$G$21=$B$24,21,0),0)),0)</f>
        <v>0</v>
      </c>
      <c r="H5734" cm="1">
        <f t="array" ref="H5734">IFERROR(INDEX(Jesper!AL$2:AL$366,ROUNDDOWN($C5734/24,0)+1,1)*INDEX($D$3:$AA$30,INDEX(Jesper!$R$2:$R$366,ROW(INDEX(Jesper!AL$2:AL$366,ROUNDDOWN($C5734/24,0)+1,1))-1)+IF('Standard Profiles'!$G$22=$B$10,7,0)+IF('Standard Profiles'!$G$22=$B$17,14,0)+IF('Standard Profiles'!$G$22=$B$24,21,0),MOD($C5734,24)+1)/SUM(INDEX($D$3:$AA$30,INDEX(Jesper!$R$2:$R$366,ROW(INDEX(Jesper!AL$2:AL$366,ROUNDDOWN($C5734/24,0)+1,1))-1)+IF('Standard Profiles'!$G$22=$B$10,7,0)+IF('Standard Profiles'!$G$22=$B$17,14,0)+IF('Standard Profiles'!$G$22=$B$24,21,0),0)),0)</f>
        <v>0</v>
      </c>
      <c r="I5734">
        <f t="shared" si="643"/>
        <v>0.14170952539300966</v>
      </c>
      <c r="J5734">
        <f t="shared" si="644"/>
        <v>0.47236508464336557</v>
      </c>
      <c r="K5734">
        <f t="shared" si="645"/>
        <v>0.70854762696504836</v>
      </c>
      <c r="L5734">
        <f t="shared" si="646"/>
        <v>11.540468757295972</v>
      </c>
      <c r="M5734">
        <f t="shared" si="647"/>
        <v>0</v>
      </c>
      <c r="N5734" s="46">
        <f t="shared" si="648"/>
        <v>45529.499999986176</v>
      </c>
    </row>
    <row r="5735" spans="2:14" x14ac:dyDescent="0.3">
      <c r="B5735">
        <f t="shared" si="642"/>
        <v>7</v>
      </c>
      <c r="C5735" s="16">
        <v>5701</v>
      </c>
      <c r="D5735" cm="1">
        <f t="array" ref="D5735">IFERROR(INDEX(Jesper!AH$2:AH$366,ROUNDDOWN($C5735/24,0)+1,1)*INDEX($D$3:$AA$30,INDEX(Jesper!$R$2:$R$366,ROW(INDEX(Jesper!AH$2:AH$366,ROUNDDOWN($C5735/24,0)+1,1))-1)+IF('Standard Profiles'!$G$18=$B$10,7,0)+IF('Standard Profiles'!$G$18=$B$17,14,0)+IF('Standard Profiles'!$G$18=$B$24,21,0),MOD($C5735,24)+1)/SUM(INDEX($D$3:$AA$30,INDEX(Jesper!$R$2:$R$366,ROW(INDEX(Jesper!AH$2:AH$366,ROUNDDOWN($C5735/24,0)+1,1))-1)+IF('Standard Profiles'!$G$18=$B$10,7,0)+IF('Standard Profiles'!$G$18=$B$17,14,0)+IF('Standard Profiles'!$G$18=$B$24,21,0),0)),0)</f>
        <v>11.290115262434989</v>
      </c>
      <c r="E5735" cm="1">
        <f t="array" ref="E5735">IFERROR(INDEX(Jesper!AI$2:AI$366,ROUNDDOWN($C5735/24,0)+1,1)*INDEX($D$3:$AA$30,INDEX(Jesper!$R$2:$R$366,ROW(INDEX(Jesper!AI$2:AI$366,ROUNDDOWN($C5735/24,0)+1,1))-1)+IF('Standard Profiles'!$G$19=$B$10,7,0)+IF('Standard Profiles'!$G$19=$B$17,14,0)+IF('Standard Profiles'!$G$19=$B$24,21,0),MOD($C5735,24)+1)/SUM(INDEX($D$3:$AA$30,INDEX(Jesper!$R$2:$R$366,ROW(INDEX(Jesper!AI$2:AI$366,ROUNDDOWN($C5735/24,0)+1,1))-1)+IF('Standard Profiles'!$G$19=$B$10,7,0)+IF('Standard Profiles'!$G$19=$B$17,14,0)+IF('Standard Profiles'!$G$19=$B$24,21,0),0)),0)</f>
        <v>1.5729757318624067</v>
      </c>
      <c r="F5735" cm="1">
        <f t="array" ref="F5735">IFERROR(INDEX(Jesper!AJ$2:AJ$366,ROUNDDOWN($C5735/24,0)+1,1)*INDEX($D$3:$AA$30,INDEX(Jesper!$R$2:$R$366,ROW(INDEX(Jesper!AJ$2:AJ$366,ROUNDDOWN($C5735/24,0)+1,1))-1)+IF('Standard Profiles'!$G$20=$B$10,7,0)+IF('Standard Profiles'!$G$20=$B$17,14,0)+IF('Standard Profiles'!$G$20=$B$24,21,0),MOD($C5735,24)+1)/SUM(INDEX($D$3:$AA$30,INDEX(Jesper!$R$2:$R$366,ROW(INDEX(Jesper!AJ$2:AJ$366,ROUNDDOWN($C5735/24,0)+1,1))-1)+IF('Standard Profiles'!$G$20=$B$10,7,0)+IF('Standard Profiles'!$G$20=$B$17,14,0)+IF('Standard Profiles'!$G$20=$B$24,21,0),0)),0)</f>
        <v>0</v>
      </c>
      <c r="G5735" cm="1">
        <f t="array" ref="G5735">IFERROR(INDEX(Jesper!AK$2:AK$366,ROUNDDOWN($C5735/24,0)+1,1)*INDEX($D$3:$AA$30,INDEX(Jesper!$R$2:$R$366,ROW(INDEX(Jesper!AK$2:AK$366,ROUNDDOWN($C5735/24,0)+1,1))-1)+IF('Standard Profiles'!$G$21=$B$10,7,0)+IF('Standard Profiles'!$G$21=$B$17,14,0)+IF('Standard Profiles'!$G$21=$B$24,21,0),MOD($C5735,24)+1)/SUM(INDEX($D$3:$AA$30,INDEX(Jesper!$R$2:$R$366,ROW(INDEX(Jesper!AK$2:AK$366,ROUNDDOWN($C5735/24,0)+1,1))-1)+IF('Standard Profiles'!$G$21=$B$10,7,0)+IF('Standard Profiles'!$G$21=$B$17,14,0)+IF('Standard Profiles'!$G$21=$B$24,21,0),0)),0)</f>
        <v>0</v>
      </c>
      <c r="H5735" cm="1">
        <f t="array" ref="H5735">IFERROR(INDEX(Jesper!AL$2:AL$366,ROUNDDOWN($C5735/24,0)+1,1)*INDEX($D$3:$AA$30,INDEX(Jesper!$R$2:$R$366,ROW(INDEX(Jesper!AL$2:AL$366,ROUNDDOWN($C5735/24,0)+1,1))-1)+IF('Standard Profiles'!$G$22=$B$10,7,0)+IF('Standard Profiles'!$G$22=$B$17,14,0)+IF('Standard Profiles'!$G$22=$B$24,21,0),MOD($C5735,24)+1)/SUM(INDEX($D$3:$AA$30,INDEX(Jesper!$R$2:$R$366,ROW(INDEX(Jesper!AL$2:AL$366,ROUNDDOWN($C5735/24,0)+1,1))-1)+IF('Standard Profiles'!$G$22=$B$10,7,0)+IF('Standard Profiles'!$G$22=$B$17,14,0)+IF('Standard Profiles'!$G$22=$B$24,21,0),0)),0)</f>
        <v>0</v>
      </c>
      <c r="I5735">
        <f t="shared" si="643"/>
        <v>0.14170952539300966</v>
      </c>
      <c r="J5735">
        <f t="shared" si="644"/>
        <v>0.47236508464336557</v>
      </c>
      <c r="K5735">
        <f t="shared" si="645"/>
        <v>0.70854762696504836</v>
      </c>
      <c r="L5735">
        <f t="shared" si="646"/>
        <v>11.540468757295972</v>
      </c>
      <c r="M5735">
        <f t="shared" si="647"/>
        <v>0</v>
      </c>
      <c r="N5735" s="46">
        <f t="shared" si="648"/>
        <v>45529.54166665284</v>
      </c>
    </row>
    <row r="5736" spans="2:14" x14ac:dyDescent="0.3">
      <c r="B5736">
        <f t="shared" si="642"/>
        <v>7</v>
      </c>
      <c r="C5736" s="16">
        <v>5702</v>
      </c>
      <c r="D5736" cm="1">
        <f t="array" ref="D5736">IFERROR(INDEX(Jesper!AH$2:AH$366,ROUNDDOWN($C5736/24,0)+1,1)*INDEX($D$3:$AA$30,INDEX(Jesper!$R$2:$R$366,ROW(INDEX(Jesper!AH$2:AH$366,ROUNDDOWN($C5736/24,0)+1,1))-1)+IF('Standard Profiles'!$G$18=$B$10,7,0)+IF('Standard Profiles'!$G$18=$B$17,14,0)+IF('Standard Profiles'!$G$18=$B$24,21,0),MOD($C5736,24)+1)/SUM(INDEX($D$3:$AA$30,INDEX(Jesper!$R$2:$R$366,ROW(INDEX(Jesper!AH$2:AH$366,ROUNDDOWN($C5736/24,0)+1,1))-1)+IF('Standard Profiles'!$G$18=$B$10,7,0)+IF('Standard Profiles'!$G$18=$B$17,14,0)+IF('Standard Profiles'!$G$18=$B$24,21,0),0)),0)</f>
        <v>11.290115262434989</v>
      </c>
      <c r="E5736" cm="1">
        <f t="array" ref="E5736">IFERROR(INDEX(Jesper!AI$2:AI$366,ROUNDDOWN($C5736/24,0)+1,1)*INDEX($D$3:$AA$30,INDEX(Jesper!$R$2:$R$366,ROW(INDEX(Jesper!AI$2:AI$366,ROUNDDOWN($C5736/24,0)+1,1))-1)+IF('Standard Profiles'!$G$19=$B$10,7,0)+IF('Standard Profiles'!$G$19=$B$17,14,0)+IF('Standard Profiles'!$G$19=$B$24,21,0),MOD($C5736,24)+1)/SUM(INDEX($D$3:$AA$30,INDEX(Jesper!$R$2:$R$366,ROW(INDEX(Jesper!AI$2:AI$366,ROUNDDOWN($C5736/24,0)+1,1))-1)+IF('Standard Profiles'!$G$19=$B$10,7,0)+IF('Standard Profiles'!$G$19=$B$17,14,0)+IF('Standard Profiles'!$G$19=$B$24,21,0),0)),0)</f>
        <v>1.5729757318624067</v>
      </c>
      <c r="F5736" cm="1">
        <f t="array" ref="F5736">IFERROR(INDEX(Jesper!AJ$2:AJ$366,ROUNDDOWN($C5736/24,0)+1,1)*INDEX($D$3:$AA$30,INDEX(Jesper!$R$2:$R$366,ROW(INDEX(Jesper!AJ$2:AJ$366,ROUNDDOWN($C5736/24,0)+1,1))-1)+IF('Standard Profiles'!$G$20=$B$10,7,0)+IF('Standard Profiles'!$G$20=$B$17,14,0)+IF('Standard Profiles'!$G$20=$B$24,21,0),MOD($C5736,24)+1)/SUM(INDEX($D$3:$AA$30,INDEX(Jesper!$R$2:$R$366,ROW(INDEX(Jesper!AJ$2:AJ$366,ROUNDDOWN($C5736/24,0)+1,1))-1)+IF('Standard Profiles'!$G$20=$B$10,7,0)+IF('Standard Profiles'!$G$20=$B$17,14,0)+IF('Standard Profiles'!$G$20=$B$24,21,0),0)),0)</f>
        <v>0</v>
      </c>
      <c r="G5736" cm="1">
        <f t="array" ref="G5736">IFERROR(INDEX(Jesper!AK$2:AK$366,ROUNDDOWN($C5736/24,0)+1,1)*INDEX($D$3:$AA$30,INDEX(Jesper!$R$2:$R$366,ROW(INDEX(Jesper!AK$2:AK$366,ROUNDDOWN($C5736/24,0)+1,1))-1)+IF('Standard Profiles'!$G$21=$B$10,7,0)+IF('Standard Profiles'!$G$21=$B$17,14,0)+IF('Standard Profiles'!$G$21=$B$24,21,0),MOD($C5736,24)+1)/SUM(INDEX($D$3:$AA$30,INDEX(Jesper!$R$2:$R$366,ROW(INDEX(Jesper!AK$2:AK$366,ROUNDDOWN($C5736/24,0)+1,1))-1)+IF('Standard Profiles'!$G$21=$B$10,7,0)+IF('Standard Profiles'!$G$21=$B$17,14,0)+IF('Standard Profiles'!$G$21=$B$24,21,0),0)),0)</f>
        <v>0</v>
      </c>
      <c r="H5736" cm="1">
        <f t="array" ref="H5736">IFERROR(INDEX(Jesper!AL$2:AL$366,ROUNDDOWN($C5736/24,0)+1,1)*INDEX($D$3:$AA$30,INDEX(Jesper!$R$2:$R$366,ROW(INDEX(Jesper!AL$2:AL$366,ROUNDDOWN($C5736/24,0)+1,1))-1)+IF('Standard Profiles'!$G$22=$B$10,7,0)+IF('Standard Profiles'!$G$22=$B$17,14,0)+IF('Standard Profiles'!$G$22=$B$24,21,0),MOD($C5736,24)+1)/SUM(INDEX($D$3:$AA$30,INDEX(Jesper!$R$2:$R$366,ROW(INDEX(Jesper!AL$2:AL$366,ROUNDDOWN($C5736/24,0)+1,1))-1)+IF('Standard Profiles'!$G$22=$B$10,7,0)+IF('Standard Profiles'!$G$22=$B$17,14,0)+IF('Standard Profiles'!$G$22=$B$24,21,0),0)),0)</f>
        <v>0</v>
      </c>
      <c r="I5736">
        <f t="shared" si="643"/>
        <v>0.14170952539300966</v>
      </c>
      <c r="J5736">
        <f t="shared" si="644"/>
        <v>0.47236508464336557</v>
      </c>
      <c r="K5736">
        <f t="shared" si="645"/>
        <v>0.70854762696504836</v>
      </c>
      <c r="L5736">
        <f t="shared" si="646"/>
        <v>11.540468757295972</v>
      </c>
      <c r="M5736">
        <f t="shared" si="647"/>
        <v>0</v>
      </c>
      <c r="N5736" s="46">
        <f t="shared" si="648"/>
        <v>45529.583333319504</v>
      </c>
    </row>
    <row r="5737" spans="2:14" x14ac:dyDescent="0.3">
      <c r="B5737">
        <f t="shared" si="642"/>
        <v>7</v>
      </c>
      <c r="C5737" s="16">
        <v>5703</v>
      </c>
      <c r="D5737" cm="1">
        <f t="array" ref="D5737">IFERROR(INDEX(Jesper!AH$2:AH$366,ROUNDDOWN($C5737/24,0)+1,1)*INDEX($D$3:$AA$30,INDEX(Jesper!$R$2:$R$366,ROW(INDEX(Jesper!AH$2:AH$366,ROUNDDOWN($C5737/24,0)+1,1))-1)+IF('Standard Profiles'!$G$18=$B$10,7,0)+IF('Standard Profiles'!$G$18=$B$17,14,0)+IF('Standard Profiles'!$G$18=$B$24,21,0),MOD($C5737,24)+1)/SUM(INDEX($D$3:$AA$30,INDEX(Jesper!$R$2:$R$366,ROW(INDEX(Jesper!AH$2:AH$366,ROUNDDOWN($C5737/24,0)+1,1))-1)+IF('Standard Profiles'!$G$18=$B$10,7,0)+IF('Standard Profiles'!$G$18=$B$17,14,0)+IF('Standard Profiles'!$G$18=$B$24,21,0),0)),0)</f>
        <v>10.035658011053323</v>
      </c>
      <c r="E5737" cm="1">
        <f t="array" ref="E5737">IFERROR(INDEX(Jesper!AI$2:AI$366,ROUNDDOWN($C5737/24,0)+1,1)*INDEX($D$3:$AA$30,INDEX(Jesper!$R$2:$R$366,ROW(INDEX(Jesper!AI$2:AI$366,ROUNDDOWN($C5737/24,0)+1,1))-1)+IF('Standard Profiles'!$G$19=$B$10,7,0)+IF('Standard Profiles'!$G$19=$B$17,14,0)+IF('Standard Profiles'!$G$19=$B$24,21,0),MOD($C5737,24)+1)/SUM(INDEX($D$3:$AA$30,INDEX(Jesper!$R$2:$R$366,ROW(INDEX(Jesper!AI$2:AI$366,ROUNDDOWN($C5737/24,0)+1,1))-1)+IF('Standard Profiles'!$G$19=$B$10,7,0)+IF('Standard Profiles'!$G$19=$B$17,14,0)+IF('Standard Profiles'!$G$19=$B$24,21,0),0)),0)</f>
        <v>1.3982006505443616</v>
      </c>
      <c r="F5737" cm="1">
        <f t="array" ref="F5737">IFERROR(INDEX(Jesper!AJ$2:AJ$366,ROUNDDOWN($C5737/24,0)+1,1)*INDEX($D$3:$AA$30,INDEX(Jesper!$R$2:$R$366,ROW(INDEX(Jesper!AJ$2:AJ$366,ROUNDDOWN($C5737/24,0)+1,1))-1)+IF('Standard Profiles'!$G$20=$B$10,7,0)+IF('Standard Profiles'!$G$20=$B$17,14,0)+IF('Standard Profiles'!$G$20=$B$24,21,0),MOD($C5737,24)+1)/SUM(INDEX($D$3:$AA$30,INDEX(Jesper!$R$2:$R$366,ROW(INDEX(Jesper!AJ$2:AJ$366,ROUNDDOWN($C5737/24,0)+1,1))-1)+IF('Standard Profiles'!$G$20=$B$10,7,0)+IF('Standard Profiles'!$G$20=$B$17,14,0)+IF('Standard Profiles'!$G$20=$B$24,21,0),0)),0)</f>
        <v>0</v>
      </c>
      <c r="G5737" cm="1">
        <f t="array" ref="G5737">IFERROR(INDEX(Jesper!AK$2:AK$366,ROUNDDOWN($C5737/24,0)+1,1)*INDEX($D$3:$AA$30,INDEX(Jesper!$R$2:$R$366,ROW(INDEX(Jesper!AK$2:AK$366,ROUNDDOWN($C5737/24,0)+1,1))-1)+IF('Standard Profiles'!$G$21=$B$10,7,0)+IF('Standard Profiles'!$G$21=$B$17,14,0)+IF('Standard Profiles'!$G$21=$B$24,21,0),MOD($C5737,24)+1)/SUM(INDEX($D$3:$AA$30,INDEX(Jesper!$R$2:$R$366,ROW(INDEX(Jesper!AK$2:AK$366,ROUNDDOWN($C5737/24,0)+1,1))-1)+IF('Standard Profiles'!$G$21=$B$10,7,0)+IF('Standard Profiles'!$G$21=$B$17,14,0)+IF('Standard Profiles'!$G$21=$B$24,21,0),0)),0)</f>
        <v>0</v>
      </c>
      <c r="H5737" cm="1">
        <f t="array" ref="H5737">IFERROR(INDEX(Jesper!AL$2:AL$366,ROUNDDOWN($C5737/24,0)+1,1)*INDEX($D$3:$AA$30,INDEX(Jesper!$R$2:$R$366,ROW(INDEX(Jesper!AL$2:AL$366,ROUNDDOWN($C5737/24,0)+1,1))-1)+IF('Standard Profiles'!$G$22=$B$10,7,0)+IF('Standard Profiles'!$G$22=$B$17,14,0)+IF('Standard Profiles'!$G$22=$B$24,21,0),MOD($C5737,24)+1)/SUM(INDEX($D$3:$AA$30,INDEX(Jesper!$R$2:$R$366,ROW(INDEX(Jesper!AL$2:AL$366,ROUNDDOWN($C5737/24,0)+1,1))-1)+IF('Standard Profiles'!$G$22=$B$10,7,0)+IF('Standard Profiles'!$G$22=$B$17,14,0)+IF('Standard Profiles'!$G$22=$B$24,21,0),0)),0)</f>
        <v>0</v>
      </c>
      <c r="I5737">
        <f t="shared" si="643"/>
        <v>0.12596402257156414</v>
      </c>
      <c r="J5737">
        <f t="shared" si="644"/>
        <v>0.4198800752385472</v>
      </c>
      <c r="K5737">
        <f t="shared" si="645"/>
        <v>0.6298201128578208</v>
      </c>
      <c r="L5737">
        <f t="shared" si="646"/>
        <v>10.258194450929754</v>
      </c>
      <c r="M5737">
        <f t="shared" si="647"/>
        <v>0</v>
      </c>
      <c r="N5737" s="46">
        <f t="shared" si="648"/>
        <v>45529.624999986168</v>
      </c>
    </row>
    <row r="5738" spans="2:14" x14ac:dyDescent="0.3">
      <c r="B5738">
        <f t="shared" si="642"/>
        <v>7</v>
      </c>
      <c r="C5738" s="16">
        <v>5704</v>
      </c>
      <c r="D5738" cm="1">
        <f t="array" ref="D5738">IFERROR(INDEX(Jesper!AH$2:AH$366,ROUNDDOWN($C5738/24,0)+1,1)*INDEX($D$3:$AA$30,INDEX(Jesper!$R$2:$R$366,ROW(INDEX(Jesper!AH$2:AH$366,ROUNDDOWN($C5738/24,0)+1,1))-1)+IF('Standard Profiles'!$G$18=$B$10,7,0)+IF('Standard Profiles'!$G$18=$B$17,14,0)+IF('Standard Profiles'!$G$18=$B$24,21,0),MOD($C5738,24)+1)/SUM(INDEX($D$3:$AA$30,INDEX(Jesper!$R$2:$R$366,ROW(INDEX(Jesper!AH$2:AH$366,ROUNDDOWN($C5738/24,0)+1,1))-1)+IF('Standard Profiles'!$G$18=$B$10,7,0)+IF('Standard Profiles'!$G$18=$B$17,14,0)+IF('Standard Profiles'!$G$18=$B$24,21,0),0)),0)</f>
        <v>9.8564498322845129</v>
      </c>
      <c r="E5738" cm="1">
        <f t="array" ref="E5738">IFERROR(INDEX(Jesper!AI$2:AI$366,ROUNDDOWN($C5738/24,0)+1,1)*INDEX($D$3:$AA$30,INDEX(Jesper!$R$2:$R$366,ROW(INDEX(Jesper!AI$2:AI$366,ROUNDDOWN($C5738/24,0)+1,1))-1)+IF('Standard Profiles'!$G$19=$B$10,7,0)+IF('Standard Profiles'!$G$19=$B$17,14,0)+IF('Standard Profiles'!$G$19=$B$24,21,0),MOD($C5738,24)+1)/SUM(INDEX($D$3:$AA$30,INDEX(Jesper!$R$2:$R$366,ROW(INDEX(Jesper!AI$2:AI$366,ROUNDDOWN($C5738/24,0)+1,1))-1)+IF('Standard Profiles'!$G$19=$B$10,7,0)+IF('Standard Profiles'!$G$19=$B$17,14,0)+IF('Standard Profiles'!$G$19=$B$24,21,0),0)),0)</f>
        <v>1.373232781784641</v>
      </c>
      <c r="F5738" cm="1">
        <f t="array" ref="F5738">IFERROR(INDEX(Jesper!AJ$2:AJ$366,ROUNDDOWN($C5738/24,0)+1,1)*INDEX($D$3:$AA$30,INDEX(Jesper!$R$2:$R$366,ROW(INDEX(Jesper!AJ$2:AJ$366,ROUNDDOWN($C5738/24,0)+1,1))-1)+IF('Standard Profiles'!$G$20=$B$10,7,0)+IF('Standard Profiles'!$G$20=$B$17,14,0)+IF('Standard Profiles'!$G$20=$B$24,21,0),MOD($C5738,24)+1)/SUM(INDEX($D$3:$AA$30,INDEX(Jesper!$R$2:$R$366,ROW(INDEX(Jesper!AJ$2:AJ$366,ROUNDDOWN($C5738/24,0)+1,1))-1)+IF('Standard Profiles'!$G$20=$B$10,7,0)+IF('Standard Profiles'!$G$20=$B$17,14,0)+IF('Standard Profiles'!$G$20=$B$24,21,0),0)),0)</f>
        <v>0</v>
      </c>
      <c r="G5738" cm="1">
        <f t="array" ref="G5738">IFERROR(INDEX(Jesper!AK$2:AK$366,ROUNDDOWN($C5738/24,0)+1,1)*INDEX($D$3:$AA$30,INDEX(Jesper!$R$2:$R$366,ROW(INDEX(Jesper!AK$2:AK$366,ROUNDDOWN($C5738/24,0)+1,1))-1)+IF('Standard Profiles'!$G$21=$B$10,7,0)+IF('Standard Profiles'!$G$21=$B$17,14,0)+IF('Standard Profiles'!$G$21=$B$24,21,0),MOD($C5738,24)+1)/SUM(INDEX($D$3:$AA$30,INDEX(Jesper!$R$2:$R$366,ROW(INDEX(Jesper!AK$2:AK$366,ROUNDDOWN($C5738/24,0)+1,1))-1)+IF('Standard Profiles'!$G$21=$B$10,7,0)+IF('Standard Profiles'!$G$21=$B$17,14,0)+IF('Standard Profiles'!$G$21=$B$24,21,0),0)),0)</f>
        <v>0</v>
      </c>
      <c r="H5738" cm="1">
        <f t="array" ref="H5738">IFERROR(INDEX(Jesper!AL$2:AL$366,ROUNDDOWN($C5738/24,0)+1,1)*INDEX($D$3:$AA$30,INDEX(Jesper!$R$2:$R$366,ROW(INDEX(Jesper!AL$2:AL$366,ROUNDDOWN($C5738/24,0)+1,1))-1)+IF('Standard Profiles'!$G$22=$B$10,7,0)+IF('Standard Profiles'!$G$22=$B$17,14,0)+IF('Standard Profiles'!$G$22=$B$24,21,0),MOD($C5738,24)+1)/SUM(INDEX($D$3:$AA$30,INDEX(Jesper!$R$2:$R$366,ROW(INDEX(Jesper!AL$2:AL$366,ROUNDDOWN($C5738/24,0)+1,1))-1)+IF('Standard Profiles'!$G$22=$B$10,7,0)+IF('Standard Profiles'!$G$22=$B$17,14,0)+IF('Standard Profiles'!$G$22=$B$24,21,0),0)),0)</f>
        <v>0</v>
      </c>
      <c r="I5738">
        <f t="shared" si="643"/>
        <v>0.12371466502564336</v>
      </c>
      <c r="J5738">
        <f t="shared" si="644"/>
        <v>0.41238221675214459</v>
      </c>
      <c r="K5738">
        <f t="shared" si="645"/>
        <v>0.61857332512821694</v>
      </c>
      <c r="L5738">
        <f t="shared" si="646"/>
        <v>10.075012407163149</v>
      </c>
      <c r="M5738">
        <f t="shared" si="647"/>
        <v>0</v>
      </c>
      <c r="N5738" s="46">
        <f t="shared" si="648"/>
        <v>45529.666666652833</v>
      </c>
    </row>
    <row r="5739" spans="2:14" x14ac:dyDescent="0.3">
      <c r="B5739">
        <f t="shared" si="642"/>
        <v>7</v>
      </c>
      <c r="C5739" s="16">
        <v>5705</v>
      </c>
      <c r="D5739" cm="1">
        <f t="array" ref="D5739">IFERROR(INDEX(Jesper!AH$2:AH$366,ROUNDDOWN($C5739/24,0)+1,1)*INDEX($D$3:$AA$30,INDEX(Jesper!$R$2:$R$366,ROW(INDEX(Jesper!AH$2:AH$366,ROUNDDOWN($C5739/24,0)+1,1))-1)+IF('Standard Profiles'!$G$18=$B$10,7,0)+IF('Standard Profiles'!$G$18=$B$17,14,0)+IF('Standard Profiles'!$G$18=$B$24,21,0),MOD($C5739,24)+1)/SUM(INDEX($D$3:$AA$30,INDEX(Jesper!$R$2:$R$366,ROW(INDEX(Jesper!AH$2:AH$366,ROUNDDOWN($C5739/24,0)+1,1))-1)+IF('Standard Profiles'!$G$18=$B$10,7,0)+IF('Standard Profiles'!$G$18=$B$17,14,0)+IF('Standard Profiles'!$G$18=$B$24,21,0),0)),0)</f>
        <v>8.4227844021340399</v>
      </c>
      <c r="E5739" cm="1">
        <f t="array" ref="E5739">IFERROR(INDEX(Jesper!AI$2:AI$366,ROUNDDOWN($C5739/24,0)+1,1)*INDEX($D$3:$AA$30,INDEX(Jesper!$R$2:$R$366,ROW(INDEX(Jesper!AI$2:AI$366,ROUNDDOWN($C5739/24,0)+1,1))-1)+IF('Standard Profiles'!$G$19=$B$10,7,0)+IF('Standard Profiles'!$G$19=$B$17,14,0)+IF('Standard Profiles'!$G$19=$B$24,21,0),MOD($C5739,24)+1)/SUM(INDEX($D$3:$AA$30,INDEX(Jesper!$R$2:$R$366,ROW(INDEX(Jesper!AI$2:AI$366,ROUNDDOWN($C5739/24,0)+1,1))-1)+IF('Standard Profiles'!$G$19=$B$10,7,0)+IF('Standard Profiles'!$G$19=$B$17,14,0)+IF('Standard Profiles'!$G$19=$B$24,21,0),0)),0)</f>
        <v>1.1734898317068752</v>
      </c>
      <c r="F5739" cm="1">
        <f t="array" ref="F5739">IFERROR(INDEX(Jesper!AJ$2:AJ$366,ROUNDDOWN($C5739/24,0)+1,1)*INDEX($D$3:$AA$30,INDEX(Jesper!$R$2:$R$366,ROW(INDEX(Jesper!AJ$2:AJ$366,ROUNDDOWN($C5739/24,0)+1,1))-1)+IF('Standard Profiles'!$G$20=$B$10,7,0)+IF('Standard Profiles'!$G$20=$B$17,14,0)+IF('Standard Profiles'!$G$20=$B$24,21,0),MOD($C5739,24)+1)/SUM(INDEX($D$3:$AA$30,INDEX(Jesper!$R$2:$R$366,ROW(INDEX(Jesper!AJ$2:AJ$366,ROUNDDOWN($C5739/24,0)+1,1))-1)+IF('Standard Profiles'!$G$20=$B$10,7,0)+IF('Standard Profiles'!$G$20=$B$17,14,0)+IF('Standard Profiles'!$G$20=$B$24,21,0),0)),0)</f>
        <v>0</v>
      </c>
      <c r="G5739" cm="1">
        <f t="array" ref="G5739">IFERROR(INDEX(Jesper!AK$2:AK$366,ROUNDDOWN($C5739/24,0)+1,1)*INDEX($D$3:$AA$30,INDEX(Jesper!$R$2:$R$366,ROW(INDEX(Jesper!AK$2:AK$366,ROUNDDOWN($C5739/24,0)+1,1))-1)+IF('Standard Profiles'!$G$21=$B$10,7,0)+IF('Standard Profiles'!$G$21=$B$17,14,0)+IF('Standard Profiles'!$G$21=$B$24,21,0),MOD($C5739,24)+1)/SUM(INDEX($D$3:$AA$30,INDEX(Jesper!$R$2:$R$366,ROW(INDEX(Jesper!AK$2:AK$366,ROUNDDOWN($C5739/24,0)+1,1))-1)+IF('Standard Profiles'!$G$21=$B$10,7,0)+IF('Standard Profiles'!$G$21=$B$17,14,0)+IF('Standard Profiles'!$G$21=$B$24,21,0),0)),0)</f>
        <v>0</v>
      </c>
      <c r="H5739" cm="1">
        <f t="array" ref="H5739">IFERROR(INDEX(Jesper!AL$2:AL$366,ROUNDDOWN($C5739/24,0)+1,1)*INDEX($D$3:$AA$30,INDEX(Jesper!$R$2:$R$366,ROW(INDEX(Jesper!AL$2:AL$366,ROUNDDOWN($C5739/24,0)+1,1))-1)+IF('Standard Profiles'!$G$22=$B$10,7,0)+IF('Standard Profiles'!$G$22=$B$17,14,0)+IF('Standard Profiles'!$G$22=$B$24,21,0),MOD($C5739,24)+1)/SUM(INDEX($D$3:$AA$30,INDEX(Jesper!$R$2:$R$366,ROW(INDEX(Jesper!AL$2:AL$366,ROUNDDOWN($C5739/24,0)+1,1))-1)+IF('Standard Profiles'!$G$22=$B$10,7,0)+IF('Standard Profiles'!$G$22=$B$17,14,0)+IF('Standard Profiles'!$G$22=$B$24,21,0),0)),0)</f>
        <v>0</v>
      </c>
      <c r="I5739">
        <f t="shared" si="643"/>
        <v>0.10571980465827707</v>
      </c>
      <c r="J5739">
        <f t="shared" si="644"/>
        <v>0.35239934886092361</v>
      </c>
      <c r="K5739">
        <f t="shared" si="645"/>
        <v>0.52859902329138542</v>
      </c>
      <c r="L5739">
        <f t="shared" si="646"/>
        <v>8.6095560570303284</v>
      </c>
      <c r="M5739">
        <f t="shared" si="647"/>
        <v>0</v>
      </c>
      <c r="N5739" s="46">
        <f t="shared" si="648"/>
        <v>45529.708333319497</v>
      </c>
    </row>
    <row r="5740" spans="2:14" x14ac:dyDescent="0.3">
      <c r="B5740">
        <f t="shared" si="642"/>
        <v>7</v>
      </c>
      <c r="C5740" s="16">
        <v>5706</v>
      </c>
      <c r="D5740" cm="1">
        <f t="array" ref="D5740">IFERROR(INDEX(Jesper!AH$2:AH$366,ROUNDDOWN($C5740/24,0)+1,1)*INDEX($D$3:$AA$30,INDEX(Jesper!$R$2:$R$366,ROW(INDEX(Jesper!AH$2:AH$366,ROUNDDOWN($C5740/24,0)+1,1))-1)+IF('Standard Profiles'!$G$18=$B$10,7,0)+IF('Standard Profiles'!$G$18=$B$17,14,0)+IF('Standard Profiles'!$G$18=$B$24,21,0),MOD($C5740,24)+1)/SUM(INDEX($D$3:$AA$30,INDEX(Jesper!$R$2:$R$366,ROW(INDEX(Jesper!AH$2:AH$366,ROUNDDOWN($C5740/24,0)+1,1))-1)+IF('Standard Profiles'!$G$18=$B$10,7,0)+IF('Standard Profiles'!$G$18=$B$17,14,0)+IF('Standard Profiles'!$G$18=$B$24,21,0),0)),0)</f>
        <v>7.8851598658276121</v>
      </c>
      <c r="E5740" cm="1">
        <f t="array" ref="E5740">IFERROR(INDEX(Jesper!AI$2:AI$366,ROUNDDOWN($C5740/24,0)+1,1)*INDEX($D$3:$AA$30,INDEX(Jesper!$R$2:$R$366,ROW(INDEX(Jesper!AI$2:AI$366,ROUNDDOWN($C5740/24,0)+1,1))-1)+IF('Standard Profiles'!$G$19=$B$10,7,0)+IF('Standard Profiles'!$G$19=$B$17,14,0)+IF('Standard Profiles'!$G$19=$B$24,21,0),MOD($C5740,24)+1)/SUM(INDEX($D$3:$AA$30,INDEX(Jesper!$R$2:$R$366,ROW(INDEX(Jesper!AI$2:AI$366,ROUNDDOWN($C5740/24,0)+1,1))-1)+IF('Standard Profiles'!$G$19=$B$10,7,0)+IF('Standard Profiles'!$G$19=$B$17,14,0)+IF('Standard Profiles'!$G$19=$B$24,21,0),0)),0)</f>
        <v>1.0985862254277128</v>
      </c>
      <c r="F5740" cm="1">
        <f t="array" ref="F5740">IFERROR(INDEX(Jesper!AJ$2:AJ$366,ROUNDDOWN($C5740/24,0)+1,1)*INDEX($D$3:$AA$30,INDEX(Jesper!$R$2:$R$366,ROW(INDEX(Jesper!AJ$2:AJ$366,ROUNDDOWN($C5740/24,0)+1,1))-1)+IF('Standard Profiles'!$G$20=$B$10,7,0)+IF('Standard Profiles'!$G$20=$B$17,14,0)+IF('Standard Profiles'!$G$20=$B$24,21,0),MOD($C5740,24)+1)/SUM(INDEX($D$3:$AA$30,INDEX(Jesper!$R$2:$R$366,ROW(INDEX(Jesper!AJ$2:AJ$366,ROUNDDOWN($C5740/24,0)+1,1))-1)+IF('Standard Profiles'!$G$20=$B$10,7,0)+IF('Standard Profiles'!$G$20=$B$17,14,0)+IF('Standard Profiles'!$G$20=$B$24,21,0),0)),0)</f>
        <v>0</v>
      </c>
      <c r="G5740" cm="1">
        <f t="array" ref="G5740">IFERROR(INDEX(Jesper!AK$2:AK$366,ROUNDDOWN($C5740/24,0)+1,1)*INDEX($D$3:$AA$30,INDEX(Jesper!$R$2:$R$366,ROW(INDEX(Jesper!AK$2:AK$366,ROUNDDOWN($C5740/24,0)+1,1))-1)+IF('Standard Profiles'!$G$21=$B$10,7,0)+IF('Standard Profiles'!$G$21=$B$17,14,0)+IF('Standard Profiles'!$G$21=$B$24,21,0),MOD($C5740,24)+1)/SUM(INDEX($D$3:$AA$30,INDEX(Jesper!$R$2:$R$366,ROW(INDEX(Jesper!AK$2:AK$366,ROUNDDOWN($C5740/24,0)+1,1))-1)+IF('Standard Profiles'!$G$21=$B$10,7,0)+IF('Standard Profiles'!$G$21=$B$17,14,0)+IF('Standard Profiles'!$G$21=$B$24,21,0),0)),0)</f>
        <v>0</v>
      </c>
      <c r="H5740" cm="1">
        <f t="array" ref="H5740">IFERROR(INDEX(Jesper!AL$2:AL$366,ROUNDDOWN($C5740/24,0)+1,1)*INDEX($D$3:$AA$30,INDEX(Jesper!$R$2:$R$366,ROW(INDEX(Jesper!AL$2:AL$366,ROUNDDOWN($C5740/24,0)+1,1))-1)+IF('Standard Profiles'!$G$22=$B$10,7,0)+IF('Standard Profiles'!$G$22=$B$17,14,0)+IF('Standard Profiles'!$G$22=$B$24,21,0),MOD($C5740,24)+1)/SUM(INDEX($D$3:$AA$30,INDEX(Jesper!$R$2:$R$366,ROW(INDEX(Jesper!AL$2:AL$366,ROUNDDOWN($C5740/24,0)+1,1))-1)+IF('Standard Profiles'!$G$22=$B$10,7,0)+IF('Standard Profiles'!$G$22=$B$17,14,0)+IF('Standard Profiles'!$G$22=$B$24,21,0),0)),0)</f>
        <v>0</v>
      </c>
      <c r="I5740">
        <f t="shared" si="643"/>
        <v>9.8971732020514694E-2</v>
      </c>
      <c r="J5740">
        <f t="shared" si="644"/>
        <v>0.32990577340171567</v>
      </c>
      <c r="K5740">
        <f t="shared" si="645"/>
        <v>0.49485866010257351</v>
      </c>
      <c r="L5740">
        <f t="shared" si="646"/>
        <v>8.0600099257305207</v>
      </c>
      <c r="M5740">
        <f t="shared" si="647"/>
        <v>0</v>
      </c>
      <c r="N5740" s="46">
        <f t="shared" si="648"/>
        <v>45529.749999986161</v>
      </c>
    </row>
    <row r="5741" spans="2:14" x14ac:dyDescent="0.3">
      <c r="B5741">
        <f t="shared" si="642"/>
        <v>7</v>
      </c>
      <c r="C5741" s="16">
        <v>5707</v>
      </c>
      <c r="D5741" cm="1">
        <f t="array" ref="D5741">IFERROR(INDEX(Jesper!AH$2:AH$366,ROUNDDOWN($C5741/24,0)+1,1)*INDEX($D$3:$AA$30,INDEX(Jesper!$R$2:$R$366,ROW(INDEX(Jesper!AH$2:AH$366,ROUNDDOWN($C5741/24,0)+1,1))-1)+IF('Standard Profiles'!$G$18=$B$10,7,0)+IF('Standard Profiles'!$G$18=$B$17,14,0)+IF('Standard Profiles'!$G$18=$B$24,21,0),MOD($C5741,24)+1)/SUM(INDEX($D$3:$AA$30,INDEX(Jesper!$R$2:$R$366,ROW(INDEX(Jesper!AH$2:AH$366,ROUNDDOWN($C5741/24,0)+1,1))-1)+IF('Standard Profiles'!$G$18=$B$10,7,0)+IF('Standard Profiles'!$G$18=$B$17,14,0)+IF('Standard Profiles'!$G$18=$B$24,21,0),0)),0)</f>
        <v>6.630702614445946</v>
      </c>
      <c r="E5741" cm="1">
        <f t="array" ref="E5741">IFERROR(INDEX(Jesper!AI$2:AI$366,ROUNDDOWN($C5741/24,0)+1,1)*INDEX($D$3:$AA$30,INDEX(Jesper!$R$2:$R$366,ROW(INDEX(Jesper!AI$2:AI$366,ROUNDDOWN($C5741/24,0)+1,1))-1)+IF('Standard Profiles'!$G$19=$B$10,7,0)+IF('Standard Profiles'!$G$19=$B$17,14,0)+IF('Standard Profiles'!$G$19=$B$24,21,0),MOD($C5741,24)+1)/SUM(INDEX($D$3:$AA$30,INDEX(Jesper!$R$2:$R$366,ROW(INDEX(Jesper!AI$2:AI$366,ROUNDDOWN($C5741/24,0)+1,1))-1)+IF('Standard Profiles'!$G$19=$B$10,7,0)+IF('Standard Profiles'!$G$19=$B$17,14,0)+IF('Standard Profiles'!$G$19=$B$24,21,0),0)),0)</f>
        <v>0.92381114410966758</v>
      </c>
      <c r="F5741" cm="1">
        <f t="array" ref="F5741">IFERROR(INDEX(Jesper!AJ$2:AJ$366,ROUNDDOWN($C5741/24,0)+1,1)*INDEX($D$3:$AA$30,INDEX(Jesper!$R$2:$R$366,ROW(INDEX(Jesper!AJ$2:AJ$366,ROUNDDOWN($C5741/24,0)+1,1))-1)+IF('Standard Profiles'!$G$20=$B$10,7,0)+IF('Standard Profiles'!$G$20=$B$17,14,0)+IF('Standard Profiles'!$G$20=$B$24,21,0),MOD($C5741,24)+1)/SUM(INDEX($D$3:$AA$30,INDEX(Jesper!$R$2:$R$366,ROW(INDEX(Jesper!AJ$2:AJ$366,ROUNDDOWN($C5741/24,0)+1,1))-1)+IF('Standard Profiles'!$G$20=$B$10,7,0)+IF('Standard Profiles'!$G$20=$B$17,14,0)+IF('Standard Profiles'!$G$20=$B$24,21,0),0)),0)</f>
        <v>0</v>
      </c>
      <c r="G5741" cm="1">
        <f t="array" ref="G5741">IFERROR(INDEX(Jesper!AK$2:AK$366,ROUNDDOWN($C5741/24,0)+1,1)*INDEX($D$3:$AA$30,INDEX(Jesper!$R$2:$R$366,ROW(INDEX(Jesper!AK$2:AK$366,ROUNDDOWN($C5741/24,0)+1,1))-1)+IF('Standard Profiles'!$G$21=$B$10,7,0)+IF('Standard Profiles'!$G$21=$B$17,14,0)+IF('Standard Profiles'!$G$21=$B$24,21,0),MOD($C5741,24)+1)/SUM(INDEX($D$3:$AA$30,INDEX(Jesper!$R$2:$R$366,ROW(INDEX(Jesper!AK$2:AK$366,ROUNDDOWN($C5741/24,0)+1,1))-1)+IF('Standard Profiles'!$G$21=$B$10,7,0)+IF('Standard Profiles'!$G$21=$B$17,14,0)+IF('Standard Profiles'!$G$21=$B$24,21,0),0)),0)</f>
        <v>0</v>
      </c>
      <c r="H5741" cm="1">
        <f t="array" ref="H5741">IFERROR(INDEX(Jesper!AL$2:AL$366,ROUNDDOWN($C5741/24,0)+1,1)*INDEX($D$3:$AA$30,INDEX(Jesper!$R$2:$R$366,ROW(INDEX(Jesper!AL$2:AL$366,ROUNDDOWN($C5741/24,0)+1,1))-1)+IF('Standard Profiles'!$G$22=$B$10,7,0)+IF('Standard Profiles'!$G$22=$B$17,14,0)+IF('Standard Profiles'!$G$22=$B$24,21,0),MOD($C5741,24)+1)/SUM(INDEX($D$3:$AA$30,INDEX(Jesper!$R$2:$R$366,ROW(INDEX(Jesper!AL$2:AL$366,ROUNDDOWN($C5741/24,0)+1,1))-1)+IF('Standard Profiles'!$G$22=$B$10,7,0)+IF('Standard Profiles'!$G$22=$B$17,14,0)+IF('Standard Profiles'!$G$22=$B$24,21,0),0)),0)</f>
        <v>0</v>
      </c>
      <c r="I5741">
        <f t="shared" si="643"/>
        <v>8.3226229199069177E-2</v>
      </c>
      <c r="J5741">
        <f t="shared" si="644"/>
        <v>0.2774207639968973</v>
      </c>
      <c r="K5741">
        <f t="shared" si="645"/>
        <v>0.4161311459953459</v>
      </c>
      <c r="L5741">
        <f t="shared" si="646"/>
        <v>6.777735619364301</v>
      </c>
      <c r="M5741">
        <f t="shared" si="647"/>
        <v>0</v>
      </c>
      <c r="N5741" s="46">
        <f t="shared" si="648"/>
        <v>45529.791666652825</v>
      </c>
    </row>
    <row r="5742" spans="2:14" x14ac:dyDescent="0.3">
      <c r="B5742">
        <f t="shared" si="642"/>
        <v>7</v>
      </c>
      <c r="C5742" s="16">
        <v>5708</v>
      </c>
      <c r="D5742" cm="1">
        <f t="array" ref="D5742">IFERROR(INDEX(Jesper!AH$2:AH$366,ROUNDDOWN($C5742/24,0)+1,1)*INDEX($D$3:$AA$30,INDEX(Jesper!$R$2:$R$366,ROW(INDEX(Jesper!AH$2:AH$366,ROUNDDOWN($C5742/24,0)+1,1))-1)+IF('Standard Profiles'!$G$18=$B$10,7,0)+IF('Standard Profiles'!$G$18=$B$17,14,0)+IF('Standard Profiles'!$G$18=$B$24,21,0),MOD($C5742,24)+1)/SUM(INDEX($D$3:$AA$30,INDEX(Jesper!$R$2:$R$366,ROW(INDEX(Jesper!AH$2:AH$366,ROUNDDOWN($C5742/24,0)+1,1))-1)+IF('Standard Profiles'!$G$18=$B$10,7,0)+IF('Standard Profiles'!$G$18=$B$17,14,0)+IF('Standard Profiles'!$G$18=$B$24,21,0),0)),0)</f>
        <v>5.5554535418330904</v>
      </c>
      <c r="E5742" cm="1">
        <f t="array" ref="E5742">IFERROR(INDEX(Jesper!AI$2:AI$366,ROUNDDOWN($C5742/24,0)+1,1)*INDEX($D$3:$AA$30,INDEX(Jesper!$R$2:$R$366,ROW(INDEX(Jesper!AI$2:AI$366,ROUNDDOWN($C5742/24,0)+1,1))-1)+IF('Standard Profiles'!$G$19=$B$10,7,0)+IF('Standard Profiles'!$G$19=$B$17,14,0)+IF('Standard Profiles'!$G$19=$B$24,21,0),MOD($C5742,24)+1)/SUM(INDEX($D$3:$AA$30,INDEX(Jesper!$R$2:$R$366,ROW(INDEX(Jesper!AI$2:AI$366,ROUNDDOWN($C5742/24,0)+1,1))-1)+IF('Standard Profiles'!$G$19=$B$10,7,0)+IF('Standard Profiles'!$G$19=$B$17,14,0)+IF('Standard Profiles'!$G$19=$B$24,21,0),0)),0)</f>
        <v>0.77400393155134306</v>
      </c>
      <c r="F5742" cm="1">
        <f t="array" ref="F5742">IFERROR(INDEX(Jesper!AJ$2:AJ$366,ROUNDDOWN($C5742/24,0)+1,1)*INDEX($D$3:$AA$30,INDEX(Jesper!$R$2:$R$366,ROW(INDEX(Jesper!AJ$2:AJ$366,ROUNDDOWN($C5742/24,0)+1,1))-1)+IF('Standard Profiles'!$G$20=$B$10,7,0)+IF('Standard Profiles'!$G$20=$B$17,14,0)+IF('Standard Profiles'!$G$20=$B$24,21,0),MOD($C5742,24)+1)/SUM(INDEX($D$3:$AA$30,INDEX(Jesper!$R$2:$R$366,ROW(INDEX(Jesper!AJ$2:AJ$366,ROUNDDOWN($C5742/24,0)+1,1))-1)+IF('Standard Profiles'!$G$20=$B$10,7,0)+IF('Standard Profiles'!$G$20=$B$17,14,0)+IF('Standard Profiles'!$G$20=$B$24,21,0),0)),0)</f>
        <v>0</v>
      </c>
      <c r="G5742" cm="1">
        <f t="array" ref="G5742">IFERROR(INDEX(Jesper!AK$2:AK$366,ROUNDDOWN($C5742/24,0)+1,1)*INDEX($D$3:$AA$30,INDEX(Jesper!$R$2:$R$366,ROW(INDEX(Jesper!AK$2:AK$366,ROUNDDOWN($C5742/24,0)+1,1))-1)+IF('Standard Profiles'!$G$21=$B$10,7,0)+IF('Standard Profiles'!$G$21=$B$17,14,0)+IF('Standard Profiles'!$G$21=$B$24,21,0),MOD($C5742,24)+1)/SUM(INDEX($D$3:$AA$30,INDEX(Jesper!$R$2:$R$366,ROW(INDEX(Jesper!AK$2:AK$366,ROUNDDOWN($C5742/24,0)+1,1))-1)+IF('Standard Profiles'!$G$21=$B$10,7,0)+IF('Standard Profiles'!$G$21=$B$17,14,0)+IF('Standard Profiles'!$G$21=$B$24,21,0),0)),0)</f>
        <v>0</v>
      </c>
      <c r="H5742" cm="1">
        <f t="array" ref="H5742">IFERROR(INDEX(Jesper!AL$2:AL$366,ROUNDDOWN($C5742/24,0)+1,1)*INDEX($D$3:$AA$30,INDEX(Jesper!$R$2:$R$366,ROW(INDEX(Jesper!AL$2:AL$366,ROUNDDOWN($C5742/24,0)+1,1))-1)+IF('Standard Profiles'!$G$22=$B$10,7,0)+IF('Standard Profiles'!$G$22=$B$17,14,0)+IF('Standard Profiles'!$G$22=$B$24,21,0),MOD($C5742,24)+1)/SUM(INDEX($D$3:$AA$30,INDEX(Jesper!$R$2:$R$366,ROW(INDEX(Jesper!AL$2:AL$366,ROUNDDOWN($C5742/24,0)+1,1))-1)+IF('Standard Profiles'!$G$22=$B$10,7,0)+IF('Standard Profiles'!$G$22=$B$17,14,0)+IF('Standard Profiles'!$G$22=$B$24,21,0),0)),0)</f>
        <v>0</v>
      </c>
      <c r="I5742">
        <f t="shared" si="643"/>
        <v>6.9730083923544434E-2</v>
      </c>
      <c r="J5742">
        <f t="shared" si="644"/>
        <v>0.23243361307848148</v>
      </c>
      <c r="K5742">
        <f t="shared" si="645"/>
        <v>0.34865041961772225</v>
      </c>
      <c r="L5742">
        <f t="shared" si="646"/>
        <v>5.6786433567646855</v>
      </c>
      <c r="M5742">
        <f t="shared" si="647"/>
        <v>0</v>
      </c>
      <c r="N5742" s="46">
        <f t="shared" si="648"/>
        <v>45529.83333331949</v>
      </c>
    </row>
    <row r="5743" spans="2:14" x14ac:dyDescent="0.3">
      <c r="B5743">
        <f t="shared" si="642"/>
        <v>7</v>
      </c>
      <c r="C5743" s="16">
        <v>5709</v>
      </c>
      <c r="D5743" cm="1">
        <f t="array" ref="D5743">IFERROR(INDEX(Jesper!AH$2:AH$366,ROUNDDOWN($C5743/24,0)+1,1)*INDEX($D$3:$AA$30,INDEX(Jesper!$R$2:$R$366,ROW(INDEX(Jesper!AH$2:AH$366,ROUNDDOWN($C5743/24,0)+1,1))-1)+IF('Standard Profiles'!$G$18=$B$10,7,0)+IF('Standard Profiles'!$G$18=$B$17,14,0)+IF('Standard Profiles'!$G$18=$B$24,21,0),MOD($C5743,24)+1)/SUM(INDEX($D$3:$AA$30,INDEX(Jesper!$R$2:$R$366,ROW(INDEX(Jesper!AH$2:AH$366,ROUNDDOWN($C5743/24,0)+1,1))-1)+IF('Standard Profiles'!$G$18=$B$10,7,0)+IF('Standard Profiles'!$G$18=$B$17,14,0)+IF('Standard Profiles'!$G$18=$B$24,21,0),0)),0)</f>
        <v>4.838620826757853</v>
      </c>
      <c r="E5743" cm="1">
        <f t="array" ref="E5743">IFERROR(INDEX(Jesper!AI$2:AI$366,ROUNDDOWN($C5743/24,0)+1,1)*INDEX($D$3:$AA$30,INDEX(Jesper!$R$2:$R$366,ROW(INDEX(Jesper!AI$2:AI$366,ROUNDDOWN($C5743/24,0)+1,1))-1)+IF('Standard Profiles'!$G$19=$B$10,7,0)+IF('Standard Profiles'!$G$19=$B$17,14,0)+IF('Standard Profiles'!$G$19=$B$24,21,0),MOD($C5743,24)+1)/SUM(INDEX($D$3:$AA$30,INDEX(Jesper!$R$2:$R$366,ROW(INDEX(Jesper!AI$2:AI$366,ROUNDDOWN($C5743/24,0)+1,1))-1)+IF('Standard Profiles'!$G$19=$B$10,7,0)+IF('Standard Profiles'!$G$19=$B$17,14,0)+IF('Standard Profiles'!$G$19=$B$24,21,0),0)),0)</f>
        <v>0.67413245651246012</v>
      </c>
      <c r="F5743" cm="1">
        <f t="array" ref="F5743">IFERROR(INDEX(Jesper!AJ$2:AJ$366,ROUNDDOWN($C5743/24,0)+1,1)*INDEX($D$3:$AA$30,INDEX(Jesper!$R$2:$R$366,ROW(INDEX(Jesper!AJ$2:AJ$366,ROUNDDOWN($C5743/24,0)+1,1))-1)+IF('Standard Profiles'!$G$20=$B$10,7,0)+IF('Standard Profiles'!$G$20=$B$17,14,0)+IF('Standard Profiles'!$G$20=$B$24,21,0),MOD($C5743,24)+1)/SUM(INDEX($D$3:$AA$30,INDEX(Jesper!$R$2:$R$366,ROW(INDEX(Jesper!AJ$2:AJ$366,ROUNDDOWN($C5743/24,0)+1,1))-1)+IF('Standard Profiles'!$G$20=$B$10,7,0)+IF('Standard Profiles'!$G$20=$B$17,14,0)+IF('Standard Profiles'!$G$20=$B$24,21,0),0)),0)</f>
        <v>0</v>
      </c>
      <c r="G5743" cm="1">
        <f t="array" ref="G5743">IFERROR(INDEX(Jesper!AK$2:AK$366,ROUNDDOWN($C5743/24,0)+1,1)*INDEX($D$3:$AA$30,INDEX(Jesper!$R$2:$R$366,ROW(INDEX(Jesper!AK$2:AK$366,ROUNDDOWN($C5743/24,0)+1,1))-1)+IF('Standard Profiles'!$G$21=$B$10,7,0)+IF('Standard Profiles'!$G$21=$B$17,14,0)+IF('Standard Profiles'!$G$21=$B$24,21,0),MOD($C5743,24)+1)/SUM(INDEX($D$3:$AA$30,INDEX(Jesper!$R$2:$R$366,ROW(INDEX(Jesper!AK$2:AK$366,ROUNDDOWN($C5743/24,0)+1,1))-1)+IF('Standard Profiles'!$G$21=$B$10,7,0)+IF('Standard Profiles'!$G$21=$B$17,14,0)+IF('Standard Profiles'!$G$21=$B$24,21,0),0)),0)</f>
        <v>0</v>
      </c>
      <c r="H5743" cm="1">
        <f t="array" ref="H5743">IFERROR(INDEX(Jesper!AL$2:AL$366,ROUNDDOWN($C5743/24,0)+1,1)*INDEX($D$3:$AA$30,INDEX(Jesper!$R$2:$R$366,ROW(INDEX(Jesper!AL$2:AL$366,ROUNDDOWN($C5743/24,0)+1,1))-1)+IF('Standard Profiles'!$G$22=$B$10,7,0)+IF('Standard Profiles'!$G$22=$B$17,14,0)+IF('Standard Profiles'!$G$22=$B$24,21,0),MOD($C5743,24)+1)/SUM(INDEX($D$3:$AA$30,INDEX(Jesper!$R$2:$R$366,ROW(INDEX(Jesper!AL$2:AL$366,ROUNDDOWN($C5743/24,0)+1,1))-1)+IF('Standard Profiles'!$G$22=$B$10,7,0)+IF('Standard Profiles'!$G$22=$B$17,14,0)+IF('Standard Profiles'!$G$22=$B$24,21,0),0)),0)</f>
        <v>0</v>
      </c>
      <c r="I5743">
        <f t="shared" si="643"/>
        <v>6.0732653739861288E-2</v>
      </c>
      <c r="J5743">
        <f t="shared" si="644"/>
        <v>0.20244217913287099</v>
      </c>
      <c r="K5743">
        <f t="shared" si="645"/>
        <v>0.30366326869930649</v>
      </c>
      <c r="L5743">
        <f t="shared" si="646"/>
        <v>4.9459151816982745</v>
      </c>
      <c r="M5743">
        <f t="shared" si="647"/>
        <v>0</v>
      </c>
      <c r="N5743" s="46">
        <f t="shared" si="648"/>
        <v>45529.874999986154</v>
      </c>
    </row>
    <row r="5744" spans="2:14" x14ac:dyDescent="0.3">
      <c r="B5744">
        <f t="shared" si="642"/>
        <v>7</v>
      </c>
      <c r="C5744" s="16">
        <v>5710</v>
      </c>
      <c r="D5744" cm="1">
        <f t="array" ref="D5744">IFERROR(INDEX(Jesper!AH$2:AH$366,ROUNDDOWN($C5744/24,0)+1,1)*INDEX($D$3:$AA$30,INDEX(Jesper!$R$2:$R$366,ROW(INDEX(Jesper!AH$2:AH$366,ROUNDDOWN($C5744/24,0)+1,1))-1)+IF('Standard Profiles'!$G$18=$B$10,7,0)+IF('Standard Profiles'!$G$18=$B$17,14,0)+IF('Standard Profiles'!$G$18=$B$24,21,0),MOD($C5744,24)+1)/SUM(INDEX($D$3:$AA$30,INDEX(Jesper!$R$2:$R$366,ROW(INDEX(Jesper!AH$2:AH$366,ROUNDDOWN($C5744/24,0)+1,1))-1)+IF('Standard Profiles'!$G$18=$B$10,7,0)+IF('Standard Profiles'!$G$18=$B$17,14,0)+IF('Standard Profiles'!$G$18=$B$24,21,0),0)),0)</f>
        <v>4.838620826757853</v>
      </c>
      <c r="E5744" cm="1">
        <f t="array" ref="E5744">IFERROR(INDEX(Jesper!AI$2:AI$366,ROUNDDOWN($C5744/24,0)+1,1)*INDEX($D$3:$AA$30,INDEX(Jesper!$R$2:$R$366,ROW(INDEX(Jesper!AI$2:AI$366,ROUNDDOWN($C5744/24,0)+1,1))-1)+IF('Standard Profiles'!$G$19=$B$10,7,0)+IF('Standard Profiles'!$G$19=$B$17,14,0)+IF('Standard Profiles'!$G$19=$B$24,21,0),MOD($C5744,24)+1)/SUM(INDEX($D$3:$AA$30,INDEX(Jesper!$R$2:$R$366,ROW(INDEX(Jesper!AI$2:AI$366,ROUNDDOWN($C5744/24,0)+1,1))-1)+IF('Standard Profiles'!$G$19=$B$10,7,0)+IF('Standard Profiles'!$G$19=$B$17,14,0)+IF('Standard Profiles'!$G$19=$B$24,21,0),0)),0)</f>
        <v>0.67413245651246012</v>
      </c>
      <c r="F5744" cm="1">
        <f t="array" ref="F5744">IFERROR(INDEX(Jesper!AJ$2:AJ$366,ROUNDDOWN($C5744/24,0)+1,1)*INDEX($D$3:$AA$30,INDEX(Jesper!$R$2:$R$366,ROW(INDEX(Jesper!AJ$2:AJ$366,ROUNDDOWN($C5744/24,0)+1,1))-1)+IF('Standard Profiles'!$G$20=$B$10,7,0)+IF('Standard Profiles'!$G$20=$B$17,14,0)+IF('Standard Profiles'!$G$20=$B$24,21,0),MOD($C5744,24)+1)/SUM(INDEX($D$3:$AA$30,INDEX(Jesper!$R$2:$R$366,ROW(INDEX(Jesper!AJ$2:AJ$366,ROUNDDOWN($C5744/24,0)+1,1))-1)+IF('Standard Profiles'!$G$20=$B$10,7,0)+IF('Standard Profiles'!$G$20=$B$17,14,0)+IF('Standard Profiles'!$G$20=$B$24,21,0),0)),0)</f>
        <v>0</v>
      </c>
      <c r="G5744" cm="1">
        <f t="array" ref="G5744">IFERROR(INDEX(Jesper!AK$2:AK$366,ROUNDDOWN($C5744/24,0)+1,1)*INDEX($D$3:$AA$30,INDEX(Jesper!$R$2:$R$366,ROW(INDEX(Jesper!AK$2:AK$366,ROUNDDOWN($C5744/24,0)+1,1))-1)+IF('Standard Profiles'!$G$21=$B$10,7,0)+IF('Standard Profiles'!$G$21=$B$17,14,0)+IF('Standard Profiles'!$G$21=$B$24,21,0),MOD($C5744,24)+1)/SUM(INDEX($D$3:$AA$30,INDEX(Jesper!$R$2:$R$366,ROW(INDEX(Jesper!AK$2:AK$366,ROUNDDOWN($C5744/24,0)+1,1))-1)+IF('Standard Profiles'!$G$21=$B$10,7,0)+IF('Standard Profiles'!$G$21=$B$17,14,0)+IF('Standard Profiles'!$G$21=$B$24,21,0),0)),0)</f>
        <v>0</v>
      </c>
      <c r="H5744" cm="1">
        <f t="array" ref="H5744">IFERROR(INDEX(Jesper!AL$2:AL$366,ROUNDDOWN($C5744/24,0)+1,1)*INDEX($D$3:$AA$30,INDEX(Jesper!$R$2:$R$366,ROW(INDEX(Jesper!AL$2:AL$366,ROUNDDOWN($C5744/24,0)+1,1))-1)+IF('Standard Profiles'!$G$22=$B$10,7,0)+IF('Standard Profiles'!$G$22=$B$17,14,0)+IF('Standard Profiles'!$G$22=$B$24,21,0),MOD($C5744,24)+1)/SUM(INDEX($D$3:$AA$30,INDEX(Jesper!$R$2:$R$366,ROW(INDEX(Jesper!AL$2:AL$366,ROUNDDOWN($C5744/24,0)+1,1))-1)+IF('Standard Profiles'!$G$22=$B$10,7,0)+IF('Standard Profiles'!$G$22=$B$17,14,0)+IF('Standard Profiles'!$G$22=$B$24,21,0),0)),0)</f>
        <v>0</v>
      </c>
      <c r="I5744">
        <f t="shared" si="643"/>
        <v>6.0732653739861288E-2</v>
      </c>
      <c r="J5744">
        <f t="shared" si="644"/>
        <v>0.20244217913287099</v>
      </c>
      <c r="K5744">
        <f t="shared" si="645"/>
        <v>0.30366326869930649</v>
      </c>
      <c r="L5744">
        <f t="shared" si="646"/>
        <v>4.9459151816982745</v>
      </c>
      <c r="M5744">
        <f t="shared" si="647"/>
        <v>0</v>
      </c>
      <c r="N5744" s="46">
        <f t="shared" si="648"/>
        <v>45529.916666652818</v>
      </c>
    </row>
    <row r="5745" spans="2:14" x14ac:dyDescent="0.3">
      <c r="B5745">
        <f t="shared" si="642"/>
        <v>7</v>
      </c>
      <c r="C5745" s="16">
        <v>5711</v>
      </c>
      <c r="D5745" cm="1">
        <f t="array" ref="D5745">IFERROR(INDEX(Jesper!AH$2:AH$366,ROUNDDOWN($C5745/24,0)+1,1)*INDEX($D$3:$AA$30,INDEX(Jesper!$R$2:$R$366,ROW(INDEX(Jesper!AH$2:AH$366,ROUNDDOWN($C5745/24,0)+1,1))-1)+IF('Standard Profiles'!$G$18=$B$10,7,0)+IF('Standard Profiles'!$G$18=$B$17,14,0)+IF('Standard Profiles'!$G$18=$B$24,21,0),MOD($C5745,24)+1)/SUM(INDEX($D$3:$AA$30,INDEX(Jesper!$R$2:$R$366,ROW(INDEX(Jesper!AH$2:AH$366,ROUNDDOWN($C5745/24,0)+1,1))-1)+IF('Standard Profiles'!$G$18=$B$10,7,0)+IF('Standard Profiles'!$G$18=$B$17,14,0)+IF('Standard Profiles'!$G$18=$B$24,21,0),0)),0)</f>
        <v>4.838620826757853</v>
      </c>
      <c r="E5745" cm="1">
        <f t="array" ref="E5745">IFERROR(INDEX(Jesper!AI$2:AI$366,ROUNDDOWN($C5745/24,0)+1,1)*INDEX($D$3:$AA$30,INDEX(Jesper!$R$2:$R$366,ROW(INDEX(Jesper!AI$2:AI$366,ROUNDDOWN($C5745/24,0)+1,1))-1)+IF('Standard Profiles'!$G$19=$B$10,7,0)+IF('Standard Profiles'!$G$19=$B$17,14,0)+IF('Standard Profiles'!$G$19=$B$24,21,0),MOD($C5745,24)+1)/SUM(INDEX($D$3:$AA$30,INDEX(Jesper!$R$2:$R$366,ROW(INDEX(Jesper!AI$2:AI$366,ROUNDDOWN($C5745/24,0)+1,1))-1)+IF('Standard Profiles'!$G$19=$B$10,7,0)+IF('Standard Profiles'!$G$19=$B$17,14,0)+IF('Standard Profiles'!$G$19=$B$24,21,0),0)),0)</f>
        <v>0.67413245651246012</v>
      </c>
      <c r="F5745" cm="1">
        <f t="array" ref="F5745">IFERROR(INDEX(Jesper!AJ$2:AJ$366,ROUNDDOWN($C5745/24,0)+1,1)*INDEX($D$3:$AA$30,INDEX(Jesper!$R$2:$R$366,ROW(INDEX(Jesper!AJ$2:AJ$366,ROUNDDOWN($C5745/24,0)+1,1))-1)+IF('Standard Profiles'!$G$20=$B$10,7,0)+IF('Standard Profiles'!$G$20=$B$17,14,0)+IF('Standard Profiles'!$G$20=$B$24,21,0),MOD($C5745,24)+1)/SUM(INDEX($D$3:$AA$30,INDEX(Jesper!$R$2:$R$366,ROW(INDEX(Jesper!AJ$2:AJ$366,ROUNDDOWN($C5745/24,0)+1,1))-1)+IF('Standard Profiles'!$G$20=$B$10,7,0)+IF('Standard Profiles'!$G$20=$B$17,14,0)+IF('Standard Profiles'!$G$20=$B$24,21,0),0)),0)</f>
        <v>0</v>
      </c>
      <c r="G5745" cm="1">
        <f t="array" ref="G5745">IFERROR(INDEX(Jesper!AK$2:AK$366,ROUNDDOWN($C5745/24,0)+1,1)*INDEX($D$3:$AA$30,INDEX(Jesper!$R$2:$R$366,ROW(INDEX(Jesper!AK$2:AK$366,ROUNDDOWN($C5745/24,0)+1,1))-1)+IF('Standard Profiles'!$G$21=$B$10,7,0)+IF('Standard Profiles'!$G$21=$B$17,14,0)+IF('Standard Profiles'!$G$21=$B$24,21,0),MOD($C5745,24)+1)/SUM(INDEX($D$3:$AA$30,INDEX(Jesper!$R$2:$R$366,ROW(INDEX(Jesper!AK$2:AK$366,ROUNDDOWN($C5745/24,0)+1,1))-1)+IF('Standard Profiles'!$G$21=$B$10,7,0)+IF('Standard Profiles'!$G$21=$B$17,14,0)+IF('Standard Profiles'!$G$21=$B$24,21,0),0)),0)</f>
        <v>0</v>
      </c>
      <c r="H5745" cm="1">
        <f t="array" ref="H5745">IFERROR(INDEX(Jesper!AL$2:AL$366,ROUNDDOWN($C5745/24,0)+1,1)*INDEX($D$3:$AA$30,INDEX(Jesper!$R$2:$R$366,ROW(INDEX(Jesper!AL$2:AL$366,ROUNDDOWN($C5745/24,0)+1,1))-1)+IF('Standard Profiles'!$G$22=$B$10,7,0)+IF('Standard Profiles'!$G$22=$B$17,14,0)+IF('Standard Profiles'!$G$22=$B$24,21,0),MOD($C5745,24)+1)/SUM(INDEX($D$3:$AA$30,INDEX(Jesper!$R$2:$R$366,ROW(INDEX(Jesper!AL$2:AL$366,ROUNDDOWN($C5745/24,0)+1,1))-1)+IF('Standard Profiles'!$G$22=$B$10,7,0)+IF('Standard Profiles'!$G$22=$B$17,14,0)+IF('Standard Profiles'!$G$22=$B$24,21,0),0)),0)</f>
        <v>0</v>
      </c>
      <c r="I5745">
        <f t="shared" si="643"/>
        <v>6.0732653739861288E-2</v>
      </c>
      <c r="J5745">
        <f t="shared" si="644"/>
        <v>0.20244217913287099</v>
      </c>
      <c r="K5745">
        <f t="shared" si="645"/>
        <v>0.30366326869930649</v>
      </c>
      <c r="L5745">
        <f t="shared" si="646"/>
        <v>4.9459151816982745</v>
      </c>
      <c r="M5745">
        <f t="shared" si="647"/>
        <v>0</v>
      </c>
      <c r="N5745" s="46">
        <f t="shared" si="648"/>
        <v>45529.958333319482</v>
      </c>
    </row>
    <row r="5746" spans="2:14" x14ac:dyDescent="0.3">
      <c r="B5746">
        <f t="shared" si="642"/>
        <v>1</v>
      </c>
      <c r="C5746" s="16">
        <v>5712</v>
      </c>
      <c r="D5746" cm="1">
        <f t="array" ref="D5746">IFERROR(INDEX(Jesper!AH$2:AH$366,ROUNDDOWN($C5746/24,0)+1,1)*INDEX($D$3:$AA$30,INDEX(Jesper!$R$2:$R$366,ROW(INDEX(Jesper!AH$2:AH$366,ROUNDDOWN($C5746/24,0)+1,1))-1)+IF('Standard Profiles'!$G$18=$B$10,7,0)+IF('Standard Profiles'!$G$18=$B$17,14,0)+IF('Standard Profiles'!$G$18=$B$24,21,0),MOD($C5746,24)+1)/SUM(INDEX($D$3:$AA$30,INDEX(Jesper!$R$2:$R$366,ROW(INDEX(Jesper!AH$2:AH$366,ROUNDDOWN($C5746/24,0)+1,1))-1)+IF('Standard Profiles'!$G$18=$B$10,7,0)+IF('Standard Profiles'!$G$18=$B$17,14,0)+IF('Standard Profiles'!$G$18=$B$24,21,0),0)),0)</f>
        <v>2.3552348281405044</v>
      </c>
      <c r="E5746" cm="1">
        <f t="array" ref="E5746">IFERROR(INDEX(Jesper!AI$2:AI$366,ROUNDDOWN($C5746/24,0)+1,1)*INDEX($D$3:$AA$30,INDEX(Jesper!$R$2:$R$366,ROW(INDEX(Jesper!AI$2:AI$366,ROUNDDOWN($C5746/24,0)+1,1))-1)+IF('Standard Profiles'!$G$19=$B$10,7,0)+IF('Standard Profiles'!$G$19=$B$17,14,0)+IF('Standard Profiles'!$G$19=$B$24,21,0),MOD($C5746,24)+1)/SUM(INDEX($D$3:$AA$30,INDEX(Jesper!$R$2:$R$366,ROW(INDEX(Jesper!AI$2:AI$366,ROUNDDOWN($C5746/24,0)+1,1))-1)+IF('Standard Profiles'!$G$19=$B$10,7,0)+IF('Standard Profiles'!$G$19=$B$17,14,0)+IF('Standard Profiles'!$G$19=$B$24,21,0),0)),0)</f>
        <v>0</v>
      </c>
      <c r="F5746" cm="1">
        <f t="array" ref="F5746">IFERROR(INDEX(Jesper!AJ$2:AJ$366,ROUNDDOWN($C5746/24,0)+1,1)*INDEX($D$3:$AA$30,INDEX(Jesper!$R$2:$R$366,ROW(INDEX(Jesper!AJ$2:AJ$366,ROUNDDOWN($C5746/24,0)+1,1))-1)+IF('Standard Profiles'!$G$20=$B$10,7,0)+IF('Standard Profiles'!$G$20=$B$17,14,0)+IF('Standard Profiles'!$G$20=$B$24,21,0),MOD($C5746,24)+1)/SUM(INDEX($D$3:$AA$30,INDEX(Jesper!$R$2:$R$366,ROW(INDEX(Jesper!AJ$2:AJ$366,ROUNDDOWN($C5746/24,0)+1,1))-1)+IF('Standard Profiles'!$G$20=$B$10,7,0)+IF('Standard Profiles'!$G$20=$B$17,14,0)+IF('Standard Profiles'!$G$20=$B$24,21,0),0)),0)</f>
        <v>0</v>
      </c>
      <c r="G5746" cm="1">
        <f t="array" ref="G5746">IFERROR(INDEX(Jesper!AK$2:AK$366,ROUNDDOWN($C5746/24,0)+1,1)*INDEX($D$3:$AA$30,INDEX(Jesper!$R$2:$R$366,ROW(INDEX(Jesper!AK$2:AK$366,ROUNDDOWN($C5746/24,0)+1,1))-1)+IF('Standard Profiles'!$G$21=$B$10,7,0)+IF('Standard Profiles'!$G$21=$B$17,14,0)+IF('Standard Profiles'!$G$21=$B$24,21,0),MOD($C5746,24)+1)/SUM(INDEX($D$3:$AA$30,INDEX(Jesper!$R$2:$R$366,ROW(INDEX(Jesper!AK$2:AK$366,ROUNDDOWN($C5746/24,0)+1,1))-1)+IF('Standard Profiles'!$G$21=$B$10,7,0)+IF('Standard Profiles'!$G$21=$B$17,14,0)+IF('Standard Profiles'!$G$21=$B$24,21,0),0)),0)</f>
        <v>0</v>
      </c>
      <c r="H5746" cm="1">
        <f t="array" ref="H5746">IFERROR(INDEX(Jesper!AL$2:AL$366,ROUNDDOWN($C5746/24,0)+1,1)*INDEX($D$3:$AA$30,INDEX(Jesper!$R$2:$R$366,ROW(INDEX(Jesper!AL$2:AL$366,ROUNDDOWN($C5746/24,0)+1,1))-1)+IF('Standard Profiles'!$G$22=$B$10,7,0)+IF('Standard Profiles'!$G$22=$B$17,14,0)+IF('Standard Profiles'!$G$22=$B$24,21,0),MOD($C5746,24)+1)/SUM(INDEX($D$3:$AA$30,INDEX(Jesper!$R$2:$R$366,ROW(INDEX(Jesper!AL$2:AL$366,ROUNDDOWN($C5746/24,0)+1,1))-1)+IF('Standard Profiles'!$G$22=$B$10,7,0)+IF('Standard Profiles'!$G$22=$B$17,14,0)+IF('Standard Profiles'!$G$22=$B$24,21,0),0)),0)</f>
        <v>0</v>
      </c>
      <c r="I5746">
        <f t="shared" si="643"/>
        <v>7.0657044844215131E-2</v>
      </c>
      <c r="J5746">
        <f t="shared" si="644"/>
        <v>0.23552348281405044</v>
      </c>
      <c r="K5746">
        <f t="shared" si="645"/>
        <v>0.35328522422107567</v>
      </c>
      <c r="L5746">
        <f t="shared" si="646"/>
        <v>1.6957690762611632</v>
      </c>
      <c r="M5746">
        <f t="shared" si="647"/>
        <v>0</v>
      </c>
      <c r="N5746" s="46">
        <f t="shared" si="648"/>
        <v>45529.999999986147</v>
      </c>
    </row>
    <row r="5747" spans="2:14" x14ac:dyDescent="0.3">
      <c r="B5747">
        <f t="shared" si="642"/>
        <v>1</v>
      </c>
      <c r="C5747" s="16">
        <v>5713</v>
      </c>
      <c r="D5747" cm="1">
        <f t="array" ref="D5747">IFERROR(INDEX(Jesper!AH$2:AH$366,ROUNDDOWN($C5747/24,0)+1,1)*INDEX($D$3:$AA$30,INDEX(Jesper!$R$2:$R$366,ROW(INDEX(Jesper!AH$2:AH$366,ROUNDDOWN($C5747/24,0)+1,1))-1)+IF('Standard Profiles'!$G$18=$B$10,7,0)+IF('Standard Profiles'!$G$18=$B$17,14,0)+IF('Standard Profiles'!$G$18=$B$24,21,0),MOD($C5747,24)+1)/SUM(INDEX($D$3:$AA$30,INDEX(Jesper!$R$2:$R$366,ROW(INDEX(Jesper!AH$2:AH$366,ROUNDDOWN($C5747/24,0)+1,1))-1)+IF('Standard Profiles'!$G$18=$B$10,7,0)+IF('Standard Profiles'!$G$18=$B$17,14,0)+IF('Standard Profiles'!$G$18=$B$24,21,0),0)),0)</f>
        <v>2.3552348281405044</v>
      </c>
      <c r="E5747" cm="1">
        <f t="array" ref="E5747">IFERROR(INDEX(Jesper!AI$2:AI$366,ROUNDDOWN($C5747/24,0)+1,1)*INDEX($D$3:$AA$30,INDEX(Jesper!$R$2:$R$366,ROW(INDEX(Jesper!AI$2:AI$366,ROUNDDOWN($C5747/24,0)+1,1))-1)+IF('Standard Profiles'!$G$19=$B$10,7,0)+IF('Standard Profiles'!$G$19=$B$17,14,0)+IF('Standard Profiles'!$G$19=$B$24,21,0),MOD($C5747,24)+1)/SUM(INDEX($D$3:$AA$30,INDEX(Jesper!$R$2:$R$366,ROW(INDEX(Jesper!AI$2:AI$366,ROUNDDOWN($C5747/24,0)+1,1))-1)+IF('Standard Profiles'!$G$19=$B$10,7,0)+IF('Standard Profiles'!$G$19=$B$17,14,0)+IF('Standard Profiles'!$G$19=$B$24,21,0),0)),0)</f>
        <v>0</v>
      </c>
      <c r="F5747" cm="1">
        <f t="array" ref="F5747">IFERROR(INDEX(Jesper!AJ$2:AJ$366,ROUNDDOWN($C5747/24,0)+1,1)*INDEX($D$3:$AA$30,INDEX(Jesper!$R$2:$R$366,ROW(INDEX(Jesper!AJ$2:AJ$366,ROUNDDOWN($C5747/24,0)+1,1))-1)+IF('Standard Profiles'!$G$20=$B$10,7,0)+IF('Standard Profiles'!$G$20=$B$17,14,0)+IF('Standard Profiles'!$G$20=$B$24,21,0),MOD($C5747,24)+1)/SUM(INDEX($D$3:$AA$30,INDEX(Jesper!$R$2:$R$366,ROW(INDEX(Jesper!AJ$2:AJ$366,ROUNDDOWN($C5747/24,0)+1,1))-1)+IF('Standard Profiles'!$G$20=$B$10,7,0)+IF('Standard Profiles'!$G$20=$B$17,14,0)+IF('Standard Profiles'!$G$20=$B$24,21,0),0)),0)</f>
        <v>0</v>
      </c>
      <c r="G5747" cm="1">
        <f t="array" ref="G5747">IFERROR(INDEX(Jesper!AK$2:AK$366,ROUNDDOWN($C5747/24,0)+1,1)*INDEX($D$3:$AA$30,INDEX(Jesper!$R$2:$R$366,ROW(INDEX(Jesper!AK$2:AK$366,ROUNDDOWN($C5747/24,0)+1,1))-1)+IF('Standard Profiles'!$G$21=$B$10,7,0)+IF('Standard Profiles'!$G$21=$B$17,14,0)+IF('Standard Profiles'!$G$21=$B$24,21,0),MOD($C5747,24)+1)/SUM(INDEX($D$3:$AA$30,INDEX(Jesper!$R$2:$R$366,ROW(INDEX(Jesper!AK$2:AK$366,ROUNDDOWN($C5747/24,0)+1,1))-1)+IF('Standard Profiles'!$G$21=$B$10,7,0)+IF('Standard Profiles'!$G$21=$B$17,14,0)+IF('Standard Profiles'!$G$21=$B$24,21,0),0)),0)</f>
        <v>0</v>
      </c>
      <c r="H5747" cm="1">
        <f t="array" ref="H5747">IFERROR(INDEX(Jesper!AL$2:AL$366,ROUNDDOWN($C5747/24,0)+1,1)*INDEX($D$3:$AA$30,INDEX(Jesper!$R$2:$R$366,ROW(INDEX(Jesper!AL$2:AL$366,ROUNDDOWN($C5747/24,0)+1,1))-1)+IF('Standard Profiles'!$G$22=$B$10,7,0)+IF('Standard Profiles'!$G$22=$B$17,14,0)+IF('Standard Profiles'!$G$22=$B$24,21,0),MOD($C5747,24)+1)/SUM(INDEX($D$3:$AA$30,INDEX(Jesper!$R$2:$R$366,ROW(INDEX(Jesper!AL$2:AL$366,ROUNDDOWN($C5747/24,0)+1,1))-1)+IF('Standard Profiles'!$G$22=$B$10,7,0)+IF('Standard Profiles'!$G$22=$B$17,14,0)+IF('Standard Profiles'!$G$22=$B$24,21,0),0)),0)</f>
        <v>0</v>
      </c>
      <c r="I5747">
        <f t="shared" si="643"/>
        <v>7.0657044844215131E-2</v>
      </c>
      <c r="J5747">
        <f t="shared" si="644"/>
        <v>0.23552348281405044</v>
      </c>
      <c r="K5747">
        <f t="shared" si="645"/>
        <v>0.35328522422107567</v>
      </c>
      <c r="L5747">
        <f t="shared" si="646"/>
        <v>1.6957690762611632</v>
      </c>
      <c r="M5747">
        <f t="shared" si="647"/>
        <v>0</v>
      </c>
      <c r="N5747" s="46">
        <f t="shared" si="648"/>
        <v>45530.041666652811</v>
      </c>
    </row>
    <row r="5748" spans="2:14" x14ac:dyDescent="0.3">
      <c r="B5748">
        <f t="shared" si="642"/>
        <v>1</v>
      </c>
      <c r="C5748" s="16">
        <v>5714</v>
      </c>
      <c r="D5748" cm="1">
        <f t="array" ref="D5748">IFERROR(INDEX(Jesper!AH$2:AH$366,ROUNDDOWN($C5748/24,0)+1,1)*INDEX($D$3:$AA$30,INDEX(Jesper!$R$2:$R$366,ROW(INDEX(Jesper!AH$2:AH$366,ROUNDDOWN($C5748/24,0)+1,1))-1)+IF('Standard Profiles'!$G$18=$B$10,7,0)+IF('Standard Profiles'!$G$18=$B$17,14,0)+IF('Standard Profiles'!$G$18=$B$24,21,0),MOD($C5748,24)+1)/SUM(INDEX($D$3:$AA$30,INDEX(Jesper!$R$2:$R$366,ROW(INDEX(Jesper!AH$2:AH$366,ROUNDDOWN($C5748/24,0)+1,1))-1)+IF('Standard Profiles'!$G$18=$B$10,7,0)+IF('Standard Profiles'!$G$18=$B$17,14,0)+IF('Standard Profiles'!$G$18=$B$24,21,0),0)),0)</f>
        <v>2.3552348281405044</v>
      </c>
      <c r="E5748" cm="1">
        <f t="array" ref="E5748">IFERROR(INDEX(Jesper!AI$2:AI$366,ROUNDDOWN($C5748/24,0)+1,1)*INDEX($D$3:$AA$30,INDEX(Jesper!$R$2:$R$366,ROW(INDEX(Jesper!AI$2:AI$366,ROUNDDOWN($C5748/24,0)+1,1))-1)+IF('Standard Profiles'!$G$19=$B$10,7,0)+IF('Standard Profiles'!$G$19=$B$17,14,0)+IF('Standard Profiles'!$G$19=$B$24,21,0),MOD($C5748,24)+1)/SUM(INDEX($D$3:$AA$30,INDEX(Jesper!$R$2:$R$366,ROW(INDEX(Jesper!AI$2:AI$366,ROUNDDOWN($C5748/24,0)+1,1))-1)+IF('Standard Profiles'!$G$19=$B$10,7,0)+IF('Standard Profiles'!$G$19=$B$17,14,0)+IF('Standard Profiles'!$G$19=$B$24,21,0),0)),0)</f>
        <v>0</v>
      </c>
      <c r="F5748" cm="1">
        <f t="array" ref="F5748">IFERROR(INDEX(Jesper!AJ$2:AJ$366,ROUNDDOWN($C5748/24,0)+1,1)*INDEX($D$3:$AA$30,INDEX(Jesper!$R$2:$R$366,ROW(INDEX(Jesper!AJ$2:AJ$366,ROUNDDOWN($C5748/24,0)+1,1))-1)+IF('Standard Profiles'!$G$20=$B$10,7,0)+IF('Standard Profiles'!$G$20=$B$17,14,0)+IF('Standard Profiles'!$G$20=$B$24,21,0),MOD($C5748,24)+1)/SUM(INDEX($D$3:$AA$30,INDEX(Jesper!$R$2:$R$366,ROW(INDEX(Jesper!AJ$2:AJ$366,ROUNDDOWN($C5748/24,0)+1,1))-1)+IF('Standard Profiles'!$G$20=$B$10,7,0)+IF('Standard Profiles'!$G$20=$B$17,14,0)+IF('Standard Profiles'!$G$20=$B$24,21,0),0)),0)</f>
        <v>0</v>
      </c>
      <c r="G5748" cm="1">
        <f t="array" ref="G5748">IFERROR(INDEX(Jesper!AK$2:AK$366,ROUNDDOWN($C5748/24,0)+1,1)*INDEX($D$3:$AA$30,INDEX(Jesper!$R$2:$R$366,ROW(INDEX(Jesper!AK$2:AK$366,ROUNDDOWN($C5748/24,0)+1,1))-1)+IF('Standard Profiles'!$G$21=$B$10,7,0)+IF('Standard Profiles'!$G$21=$B$17,14,0)+IF('Standard Profiles'!$G$21=$B$24,21,0),MOD($C5748,24)+1)/SUM(INDEX($D$3:$AA$30,INDEX(Jesper!$R$2:$R$366,ROW(INDEX(Jesper!AK$2:AK$366,ROUNDDOWN($C5748/24,0)+1,1))-1)+IF('Standard Profiles'!$G$21=$B$10,7,0)+IF('Standard Profiles'!$G$21=$B$17,14,0)+IF('Standard Profiles'!$G$21=$B$24,21,0),0)),0)</f>
        <v>0</v>
      </c>
      <c r="H5748" cm="1">
        <f t="array" ref="H5748">IFERROR(INDEX(Jesper!AL$2:AL$366,ROUNDDOWN($C5748/24,0)+1,1)*INDEX($D$3:$AA$30,INDEX(Jesper!$R$2:$R$366,ROW(INDEX(Jesper!AL$2:AL$366,ROUNDDOWN($C5748/24,0)+1,1))-1)+IF('Standard Profiles'!$G$22=$B$10,7,0)+IF('Standard Profiles'!$G$22=$B$17,14,0)+IF('Standard Profiles'!$G$22=$B$24,21,0),MOD($C5748,24)+1)/SUM(INDEX($D$3:$AA$30,INDEX(Jesper!$R$2:$R$366,ROW(INDEX(Jesper!AL$2:AL$366,ROUNDDOWN($C5748/24,0)+1,1))-1)+IF('Standard Profiles'!$G$22=$B$10,7,0)+IF('Standard Profiles'!$G$22=$B$17,14,0)+IF('Standard Profiles'!$G$22=$B$24,21,0),0)),0)</f>
        <v>0</v>
      </c>
      <c r="I5748">
        <f t="shared" si="643"/>
        <v>7.0657044844215131E-2</v>
      </c>
      <c r="J5748">
        <f t="shared" si="644"/>
        <v>0.23552348281405044</v>
      </c>
      <c r="K5748">
        <f t="shared" si="645"/>
        <v>0.35328522422107567</v>
      </c>
      <c r="L5748">
        <f t="shared" si="646"/>
        <v>1.6957690762611632</v>
      </c>
      <c r="M5748">
        <f t="shared" si="647"/>
        <v>0</v>
      </c>
      <c r="N5748" s="46">
        <f t="shared" si="648"/>
        <v>45530.083333319475</v>
      </c>
    </row>
    <row r="5749" spans="2:14" x14ac:dyDescent="0.3">
      <c r="B5749">
        <f t="shared" si="642"/>
        <v>1</v>
      </c>
      <c r="C5749" s="16">
        <v>5715</v>
      </c>
      <c r="D5749" cm="1">
        <f t="array" ref="D5749">IFERROR(INDEX(Jesper!AH$2:AH$366,ROUNDDOWN($C5749/24,0)+1,1)*INDEX($D$3:$AA$30,INDEX(Jesper!$R$2:$R$366,ROW(INDEX(Jesper!AH$2:AH$366,ROUNDDOWN($C5749/24,0)+1,1))-1)+IF('Standard Profiles'!$G$18=$B$10,7,0)+IF('Standard Profiles'!$G$18=$B$17,14,0)+IF('Standard Profiles'!$G$18=$B$24,21,0),MOD($C5749,24)+1)/SUM(INDEX($D$3:$AA$30,INDEX(Jesper!$R$2:$R$366,ROW(INDEX(Jesper!AH$2:AH$366,ROUNDDOWN($C5749/24,0)+1,1))-1)+IF('Standard Profiles'!$G$18=$B$10,7,0)+IF('Standard Profiles'!$G$18=$B$17,14,0)+IF('Standard Profiles'!$G$18=$B$24,21,0),0)),0)</f>
        <v>2.3552348281405044</v>
      </c>
      <c r="E5749" cm="1">
        <f t="array" ref="E5749">IFERROR(INDEX(Jesper!AI$2:AI$366,ROUNDDOWN($C5749/24,0)+1,1)*INDEX($D$3:$AA$30,INDEX(Jesper!$R$2:$R$366,ROW(INDEX(Jesper!AI$2:AI$366,ROUNDDOWN($C5749/24,0)+1,1))-1)+IF('Standard Profiles'!$G$19=$B$10,7,0)+IF('Standard Profiles'!$G$19=$B$17,14,0)+IF('Standard Profiles'!$G$19=$B$24,21,0),MOD($C5749,24)+1)/SUM(INDEX($D$3:$AA$30,INDEX(Jesper!$R$2:$R$366,ROW(INDEX(Jesper!AI$2:AI$366,ROUNDDOWN($C5749/24,0)+1,1))-1)+IF('Standard Profiles'!$G$19=$B$10,7,0)+IF('Standard Profiles'!$G$19=$B$17,14,0)+IF('Standard Profiles'!$G$19=$B$24,21,0),0)),0)</f>
        <v>0</v>
      </c>
      <c r="F5749" cm="1">
        <f t="array" ref="F5749">IFERROR(INDEX(Jesper!AJ$2:AJ$366,ROUNDDOWN($C5749/24,0)+1,1)*INDEX($D$3:$AA$30,INDEX(Jesper!$R$2:$R$366,ROW(INDEX(Jesper!AJ$2:AJ$366,ROUNDDOWN($C5749/24,0)+1,1))-1)+IF('Standard Profiles'!$G$20=$B$10,7,0)+IF('Standard Profiles'!$G$20=$B$17,14,0)+IF('Standard Profiles'!$G$20=$B$24,21,0),MOD($C5749,24)+1)/SUM(INDEX($D$3:$AA$30,INDEX(Jesper!$R$2:$R$366,ROW(INDEX(Jesper!AJ$2:AJ$366,ROUNDDOWN($C5749/24,0)+1,1))-1)+IF('Standard Profiles'!$G$20=$B$10,7,0)+IF('Standard Profiles'!$G$20=$B$17,14,0)+IF('Standard Profiles'!$G$20=$B$24,21,0),0)),0)</f>
        <v>0</v>
      </c>
      <c r="G5749" cm="1">
        <f t="array" ref="G5749">IFERROR(INDEX(Jesper!AK$2:AK$366,ROUNDDOWN($C5749/24,0)+1,1)*INDEX($D$3:$AA$30,INDEX(Jesper!$R$2:$R$366,ROW(INDEX(Jesper!AK$2:AK$366,ROUNDDOWN($C5749/24,0)+1,1))-1)+IF('Standard Profiles'!$G$21=$B$10,7,0)+IF('Standard Profiles'!$G$21=$B$17,14,0)+IF('Standard Profiles'!$G$21=$B$24,21,0),MOD($C5749,24)+1)/SUM(INDEX($D$3:$AA$30,INDEX(Jesper!$R$2:$R$366,ROW(INDEX(Jesper!AK$2:AK$366,ROUNDDOWN($C5749/24,0)+1,1))-1)+IF('Standard Profiles'!$G$21=$B$10,7,0)+IF('Standard Profiles'!$G$21=$B$17,14,0)+IF('Standard Profiles'!$G$21=$B$24,21,0),0)),0)</f>
        <v>0</v>
      </c>
      <c r="H5749" cm="1">
        <f t="array" ref="H5749">IFERROR(INDEX(Jesper!AL$2:AL$366,ROUNDDOWN($C5749/24,0)+1,1)*INDEX($D$3:$AA$30,INDEX(Jesper!$R$2:$R$366,ROW(INDEX(Jesper!AL$2:AL$366,ROUNDDOWN($C5749/24,0)+1,1))-1)+IF('Standard Profiles'!$G$22=$B$10,7,0)+IF('Standard Profiles'!$G$22=$B$17,14,0)+IF('Standard Profiles'!$G$22=$B$24,21,0),MOD($C5749,24)+1)/SUM(INDEX($D$3:$AA$30,INDEX(Jesper!$R$2:$R$366,ROW(INDEX(Jesper!AL$2:AL$366,ROUNDDOWN($C5749/24,0)+1,1))-1)+IF('Standard Profiles'!$G$22=$B$10,7,0)+IF('Standard Profiles'!$G$22=$B$17,14,0)+IF('Standard Profiles'!$G$22=$B$24,21,0),0)),0)</f>
        <v>0</v>
      </c>
      <c r="I5749">
        <f t="shared" si="643"/>
        <v>7.0657044844215131E-2</v>
      </c>
      <c r="J5749">
        <f t="shared" si="644"/>
        <v>0.23552348281405044</v>
      </c>
      <c r="K5749">
        <f t="shared" si="645"/>
        <v>0.35328522422107567</v>
      </c>
      <c r="L5749">
        <f t="shared" si="646"/>
        <v>1.6957690762611632</v>
      </c>
      <c r="M5749">
        <f t="shared" si="647"/>
        <v>0</v>
      </c>
      <c r="N5749" s="46">
        <f t="shared" si="648"/>
        <v>45530.124999986139</v>
      </c>
    </row>
    <row r="5750" spans="2:14" x14ac:dyDescent="0.3">
      <c r="B5750">
        <f t="shared" si="642"/>
        <v>1</v>
      </c>
      <c r="C5750" s="16">
        <v>5716</v>
      </c>
      <c r="D5750" cm="1">
        <f t="array" ref="D5750">IFERROR(INDEX(Jesper!AH$2:AH$366,ROUNDDOWN($C5750/24,0)+1,1)*INDEX($D$3:$AA$30,INDEX(Jesper!$R$2:$R$366,ROW(INDEX(Jesper!AH$2:AH$366,ROUNDDOWN($C5750/24,0)+1,1))-1)+IF('Standard Profiles'!$G$18=$B$10,7,0)+IF('Standard Profiles'!$G$18=$B$17,14,0)+IF('Standard Profiles'!$G$18=$B$24,21,0),MOD($C5750,24)+1)/SUM(INDEX($D$3:$AA$30,INDEX(Jesper!$R$2:$R$366,ROW(INDEX(Jesper!AH$2:AH$366,ROUNDDOWN($C5750/24,0)+1,1))-1)+IF('Standard Profiles'!$G$18=$B$10,7,0)+IF('Standard Profiles'!$G$18=$B$17,14,0)+IF('Standard Profiles'!$G$18=$B$24,21,0),0)),0)</f>
        <v>2.3552348281405044</v>
      </c>
      <c r="E5750" cm="1">
        <f t="array" ref="E5750">IFERROR(INDEX(Jesper!AI$2:AI$366,ROUNDDOWN($C5750/24,0)+1,1)*INDEX($D$3:$AA$30,INDEX(Jesper!$R$2:$R$366,ROW(INDEX(Jesper!AI$2:AI$366,ROUNDDOWN($C5750/24,0)+1,1))-1)+IF('Standard Profiles'!$G$19=$B$10,7,0)+IF('Standard Profiles'!$G$19=$B$17,14,0)+IF('Standard Profiles'!$G$19=$B$24,21,0),MOD($C5750,24)+1)/SUM(INDEX($D$3:$AA$30,INDEX(Jesper!$R$2:$R$366,ROW(INDEX(Jesper!AI$2:AI$366,ROUNDDOWN($C5750/24,0)+1,1))-1)+IF('Standard Profiles'!$G$19=$B$10,7,0)+IF('Standard Profiles'!$G$19=$B$17,14,0)+IF('Standard Profiles'!$G$19=$B$24,21,0),0)),0)</f>
        <v>0</v>
      </c>
      <c r="F5750" cm="1">
        <f t="array" ref="F5750">IFERROR(INDEX(Jesper!AJ$2:AJ$366,ROUNDDOWN($C5750/24,0)+1,1)*INDEX($D$3:$AA$30,INDEX(Jesper!$R$2:$R$366,ROW(INDEX(Jesper!AJ$2:AJ$366,ROUNDDOWN($C5750/24,0)+1,1))-1)+IF('Standard Profiles'!$G$20=$B$10,7,0)+IF('Standard Profiles'!$G$20=$B$17,14,0)+IF('Standard Profiles'!$G$20=$B$24,21,0),MOD($C5750,24)+1)/SUM(INDEX($D$3:$AA$30,INDEX(Jesper!$R$2:$R$366,ROW(INDEX(Jesper!AJ$2:AJ$366,ROUNDDOWN($C5750/24,0)+1,1))-1)+IF('Standard Profiles'!$G$20=$B$10,7,0)+IF('Standard Profiles'!$G$20=$B$17,14,0)+IF('Standard Profiles'!$G$20=$B$24,21,0),0)),0)</f>
        <v>0</v>
      </c>
      <c r="G5750" cm="1">
        <f t="array" ref="G5750">IFERROR(INDEX(Jesper!AK$2:AK$366,ROUNDDOWN($C5750/24,0)+1,1)*INDEX($D$3:$AA$30,INDEX(Jesper!$R$2:$R$366,ROW(INDEX(Jesper!AK$2:AK$366,ROUNDDOWN($C5750/24,0)+1,1))-1)+IF('Standard Profiles'!$G$21=$B$10,7,0)+IF('Standard Profiles'!$G$21=$B$17,14,0)+IF('Standard Profiles'!$G$21=$B$24,21,0),MOD($C5750,24)+1)/SUM(INDEX($D$3:$AA$30,INDEX(Jesper!$R$2:$R$366,ROW(INDEX(Jesper!AK$2:AK$366,ROUNDDOWN($C5750/24,0)+1,1))-1)+IF('Standard Profiles'!$G$21=$B$10,7,0)+IF('Standard Profiles'!$G$21=$B$17,14,0)+IF('Standard Profiles'!$G$21=$B$24,21,0),0)),0)</f>
        <v>0</v>
      </c>
      <c r="H5750" cm="1">
        <f t="array" ref="H5750">IFERROR(INDEX(Jesper!AL$2:AL$366,ROUNDDOWN($C5750/24,0)+1,1)*INDEX($D$3:$AA$30,INDEX(Jesper!$R$2:$R$366,ROW(INDEX(Jesper!AL$2:AL$366,ROUNDDOWN($C5750/24,0)+1,1))-1)+IF('Standard Profiles'!$G$22=$B$10,7,0)+IF('Standard Profiles'!$G$22=$B$17,14,0)+IF('Standard Profiles'!$G$22=$B$24,21,0),MOD($C5750,24)+1)/SUM(INDEX($D$3:$AA$30,INDEX(Jesper!$R$2:$R$366,ROW(INDEX(Jesper!AL$2:AL$366,ROUNDDOWN($C5750/24,0)+1,1))-1)+IF('Standard Profiles'!$G$22=$B$10,7,0)+IF('Standard Profiles'!$G$22=$B$17,14,0)+IF('Standard Profiles'!$G$22=$B$24,21,0),0)),0)</f>
        <v>0</v>
      </c>
      <c r="I5750">
        <f t="shared" si="643"/>
        <v>7.0657044844215131E-2</v>
      </c>
      <c r="J5750">
        <f t="shared" si="644"/>
        <v>0.23552348281405044</v>
      </c>
      <c r="K5750">
        <f t="shared" si="645"/>
        <v>0.35328522422107567</v>
      </c>
      <c r="L5750">
        <f t="shared" si="646"/>
        <v>1.6957690762611632</v>
      </c>
      <c r="M5750">
        <f t="shared" si="647"/>
        <v>0</v>
      </c>
      <c r="N5750" s="46">
        <f t="shared" si="648"/>
        <v>45530.166666652804</v>
      </c>
    </row>
    <row r="5751" spans="2:14" x14ac:dyDescent="0.3">
      <c r="B5751">
        <f t="shared" si="642"/>
        <v>1</v>
      </c>
      <c r="C5751" s="16">
        <v>5717</v>
      </c>
      <c r="D5751" cm="1">
        <f t="array" ref="D5751">IFERROR(INDEX(Jesper!AH$2:AH$366,ROUNDDOWN($C5751/24,0)+1,1)*INDEX($D$3:$AA$30,INDEX(Jesper!$R$2:$R$366,ROW(INDEX(Jesper!AH$2:AH$366,ROUNDDOWN($C5751/24,0)+1,1))-1)+IF('Standard Profiles'!$G$18=$B$10,7,0)+IF('Standard Profiles'!$G$18=$B$17,14,0)+IF('Standard Profiles'!$G$18=$B$24,21,0),MOD($C5751,24)+1)/SUM(INDEX($D$3:$AA$30,INDEX(Jesper!$R$2:$R$366,ROW(INDEX(Jesper!AH$2:AH$366,ROUNDDOWN($C5751/24,0)+1,1))-1)+IF('Standard Profiles'!$G$18=$B$10,7,0)+IF('Standard Profiles'!$G$18=$B$17,14,0)+IF('Standard Profiles'!$G$18=$B$24,21,0),0)),0)</f>
        <v>10.206017588608852</v>
      </c>
      <c r="E5751" cm="1">
        <f t="array" ref="E5751">IFERROR(INDEX(Jesper!AI$2:AI$366,ROUNDDOWN($C5751/24,0)+1,1)*INDEX($D$3:$AA$30,INDEX(Jesper!$R$2:$R$366,ROW(INDEX(Jesper!AI$2:AI$366,ROUNDDOWN($C5751/24,0)+1,1))-1)+IF('Standard Profiles'!$G$19=$B$10,7,0)+IF('Standard Profiles'!$G$19=$B$17,14,0)+IF('Standard Profiles'!$G$19=$B$24,21,0),MOD($C5751,24)+1)/SUM(INDEX($D$3:$AA$30,INDEX(Jesper!$R$2:$R$366,ROW(INDEX(Jesper!AI$2:AI$366,ROUNDDOWN($C5751/24,0)+1,1))-1)+IF('Standard Profiles'!$G$19=$B$10,7,0)+IF('Standard Profiles'!$G$19=$B$17,14,0)+IF('Standard Profiles'!$G$19=$B$24,21,0),0)),0)</f>
        <v>0</v>
      </c>
      <c r="F5751" cm="1">
        <f t="array" ref="F5751">IFERROR(INDEX(Jesper!AJ$2:AJ$366,ROUNDDOWN($C5751/24,0)+1,1)*INDEX($D$3:$AA$30,INDEX(Jesper!$R$2:$R$366,ROW(INDEX(Jesper!AJ$2:AJ$366,ROUNDDOWN($C5751/24,0)+1,1))-1)+IF('Standard Profiles'!$G$20=$B$10,7,0)+IF('Standard Profiles'!$G$20=$B$17,14,0)+IF('Standard Profiles'!$G$20=$B$24,21,0),MOD($C5751,24)+1)/SUM(INDEX($D$3:$AA$30,INDEX(Jesper!$R$2:$R$366,ROW(INDEX(Jesper!AJ$2:AJ$366,ROUNDDOWN($C5751/24,0)+1,1))-1)+IF('Standard Profiles'!$G$20=$B$10,7,0)+IF('Standard Profiles'!$G$20=$B$17,14,0)+IF('Standard Profiles'!$G$20=$B$24,21,0),0)),0)</f>
        <v>0</v>
      </c>
      <c r="G5751" cm="1">
        <f t="array" ref="G5751">IFERROR(INDEX(Jesper!AK$2:AK$366,ROUNDDOWN($C5751/24,0)+1,1)*INDEX($D$3:$AA$30,INDEX(Jesper!$R$2:$R$366,ROW(INDEX(Jesper!AK$2:AK$366,ROUNDDOWN($C5751/24,0)+1,1))-1)+IF('Standard Profiles'!$G$21=$B$10,7,0)+IF('Standard Profiles'!$G$21=$B$17,14,0)+IF('Standard Profiles'!$G$21=$B$24,21,0),MOD($C5751,24)+1)/SUM(INDEX($D$3:$AA$30,INDEX(Jesper!$R$2:$R$366,ROW(INDEX(Jesper!AK$2:AK$366,ROUNDDOWN($C5751/24,0)+1,1))-1)+IF('Standard Profiles'!$G$21=$B$10,7,0)+IF('Standard Profiles'!$G$21=$B$17,14,0)+IF('Standard Profiles'!$G$21=$B$24,21,0),0)),0)</f>
        <v>0</v>
      </c>
      <c r="H5751" cm="1">
        <f t="array" ref="H5751">IFERROR(INDEX(Jesper!AL$2:AL$366,ROUNDDOWN($C5751/24,0)+1,1)*INDEX($D$3:$AA$30,INDEX(Jesper!$R$2:$R$366,ROW(INDEX(Jesper!AL$2:AL$366,ROUNDDOWN($C5751/24,0)+1,1))-1)+IF('Standard Profiles'!$G$22=$B$10,7,0)+IF('Standard Profiles'!$G$22=$B$17,14,0)+IF('Standard Profiles'!$G$22=$B$24,21,0),MOD($C5751,24)+1)/SUM(INDEX($D$3:$AA$30,INDEX(Jesper!$R$2:$R$366,ROW(INDEX(Jesper!AL$2:AL$366,ROUNDDOWN($C5751/24,0)+1,1))-1)+IF('Standard Profiles'!$G$22=$B$10,7,0)+IF('Standard Profiles'!$G$22=$B$17,14,0)+IF('Standard Profiles'!$G$22=$B$24,21,0),0)),0)</f>
        <v>0</v>
      </c>
      <c r="I5751">
        <f t="shared" si="643"/>
        <v>0.30618052765826553</v>
      </c>
      <c r="J5751">
        <f t="shared" si="644"/>
        <v>1.0206017588608851</v>
      </c>
      <c r="K5751">
        <f t="shared" si="645"/>
        <v>1.5309026382913278</v>
      </c>
      <c r="L5751">
        <f t="shared" si="646"/>
        <v>7.3483326637983728</v>
      </c>
      <c r="M5751">
        <f t="shared" si="647"/>
        <v>0</v>
      </c>
      <c r="N5751" s="46">
        <f t="shared" si="648"/>
        <v>45530.208333319468</v>
      </c>
    </row>
    <row r="5752" spans="2:14" x14ac:dyDescent="0.3">
      <c r="B5752">
        <f t="shared" si="642"/>
        <v>1</v>
      </c>
      <c r="C5752" s="16">
        <v>5718</v>
      </c>
      <c r="D5752" cm="1">
        <f t="array" ref="D5752">IFERROR(INDEX(Jesper!AH$2:AH$366,ROUNDDOWN($C5752/24,0)+1,1)*INDEX($D$3:$AA$30,INDEX(Jesper!$R$2:$R$366,ROW(INDEX(Jesper!AH$2:AH$366,ROUNDDOWN($C5752/24,0)+1,1))-1)+IF('Standard Profiles'!$G$18=$B$10,7,0)+IF('Standard Profiles'!$G$18=$B$17,14,0)+IF('Standard Profiles'!$G$18=$B$24,21,0),MOD($C5752,24)+1)/SUM(INDEX($D$3:$AA$30,INDEX(Jesper!$R$2:$R$366,ROW(INDEX(Jesper!AH$2:AH$366,ROUNDDOWN($C5752/24,0)+1,1))-1)+IF('Standard Profiles'!$G$18=$B$10,7,0)+IF('Standard Profiles'!$G$18=$B$17,14,0)+IF('Standard Profiles'!$G$18=$B$24,21,0),0)),0)</f>
        <v>11.579904571690813</v>
      </c>
      <c r="E5752" cm="1">
        <f t="array" ref="E5752">IFERROR(INDEX(Jesper!AI$2:AI$366,ROUNDDOWN($C5752/24,0)+1,1)*INDEX($D$3:$AA$30,INDEX(Jesper!$R$2:$R$366,ROW(INDEX(Jesper!AI$2:AI$366,ROUNDDOWN($C5752/24,0)+1,1))-1)+IF('Standard Profiles'!$G$19=$B$10,7,0)+IF('Standard Profiles'!$G$19=$B$17,14,0)+IF('Standard Profiles'!$G$19=$B$24,21,0),MOD($C5752,24)+1)/SUM(INDEX($D$3:$AA$30,INDEX(Jesper!$R$2:$R$366,ROW(INDEX(Jesper!AI$2:AI$366,ROUNDDOWN($C5752/24,0)+1,1))-1)+IF('Standard Profiles'!$G$19=$B$10,7,0)+IF('Standard Profiles'!$G$19=$B$17,14,0)+IF('Standard Profiles'!$G$19=$B$24,21,0),0)),0)</f>
        <v>0</v>
      </c>
      <c r="F5752" cm="1">
        <f t="array" ref="F5752">IFERROR(INDEX(Jesper!AJ$2:AJ$366,ROUNDDOWN($C5752/24,0)+1,1)*INDEX($D$3:$AA$30,INDEX(Jesper!$R$2:$R$366,ROW(INDEX(Jesper!AJ$2:AJ$366,ROUNDDOWN($C5752/24,0)+1,1))-1)+IF('Standard Profiles'!$G$20=$B$10,7,0)+IF('Standard Profiles'!$G$20=$B$17,14,0)+IF('Standard Profiles'!$G$20=$B$24,21,0),MOD($C5752,24)+1)/SUM(INDEX($D$3:$AA$30,INDEX(Jesper!$R$2:$R$366,ROW(INDEX(Jesper!AJ$2:AJ$366,ROUNDDOWN($C5752/24,0)+1,1))-1)+IF('Standard Profiles'!$G$20=$B$10,7,0)+IF('Standard Profiles'!$G$20=$B$17,14,0)+IF('Standard Profiles'!$G$20=$B$24,21,0),0)),0)</f>
        <v>0</v>
      </c>
      <c r="G5752" cm="1">
        <f t="array" ref="G5752">IFERROR(INDEX(Jesper!AK$2:AK$366,ROUNDDOWN($C5752/24,0)+1,1)*INDEX($D$3:$AA$30,INDEX(Jesper!$R$2:$R$366,ROW(INDEX(Jesper!AK$2:AK$366,ROUNDDOWN($C5752/24,0)+1,1))-1)+IF('Standard Profiles'!$G$21=$B$10,7,0)+IF('Standard Profiles'!$G$21=$B$17,14,0)+IF('Standard Profiles'!$G$21=$B$24,21,0),MOD($C5752,24)+1)/SUM(INDEX($D$3:$AA$30,INDEX(Jesper!$R$2:$R$366,ROW(INDEX(Jesper!AK$2:AK$366,ROUNDDOWN($C5752/24,0)+1,1))-1)+IF('Standard Profiles'!$G$21=$B$10,7,0)+IF('Standard Profiles'!$G$21=$B$17,14,0)+IF('Standard Profiles'!$G$21=$B$24,21,0),0)),0)</f>
        <v>0</v>
      </c>
      <c r="H5752" cm="1">
        <f t="array" ref="H5752">IFERROR(INDEX(Jesper!AL$2:AL$366,ROUNDDOWN($C5752/24,0)+1,1)*INDEX($D$3:$AA$30,INDEX(Jesper!$R$2:$R$366,ROW(INDEX(Jesper!AL$2:AL$366,ROUNDDOWN($C5752/24,0)+1,1))-1)+IF('Standard Profiles'!$G$22=$B$10,7,0)+IF('Standard Profiles'!$G$22=$B$17,14,0)+IF('Standard Profiles'!$G$22=$B$24,21,0),MOD($C5752,24)+1)/SUM(INDEX($D$3:$AA$30,INDEX(Jesper!$R$2:$R$366,ROW(INDEX(Jesper!AL$2:AL$366,ROUNDDOWN($C5752/24,0)+1,1))-1)+IF('Standard Profiles'!$G$22=$B$10,7,0)+IF('Standard Profiles'!$G$22=$B$17,14,0)+IF('Standard Profiles'!$G$22=$B$24,21,0),0)),0)</f>
        <v>0</v>
      </c>
      <c r="I5752">
        <f t="shared" si="643"/>
        <v>0.3473971371507244</v>
      </c>
      <c r="J5752">
        <f t="shared" si="644"/>
        <v>1.1579904571690813</v>
      </c>
      <c r="K5752">
        <f t="shared" si="645"/>
        <v>1.7369856857536219</v>
      </c>
      <c r="L5752">
        <f t="shared" si="646"/>
        <v>8.3375312916173847</v>
      </c>
      <c r="M5752">
        <f t="shared" si="647"/>
        <v>0</v>
      </c>
      <c r="N5752" s="46">
        <f t="shared" si="648"/>
        <v>45530.249999986132</v>
      </c>
    </row>
    <row r="5753" spans="2:14" x14ac:dyDescent="0.3">
      <c r="B5753">
        <f t="shared" si="642"/>
        <v>1</v>
      </c>
      <c r="C5753" s="16">
        <v>5719</v>
      </c>
      <c r="D5753" cm="1">
        <f t="array" ref="D5753">IFERROR(INDEX(Jesper!AH$2:AH$366,ROUNDDOWN($C5753/24,0)+1,1)*INDEX($D$3:$AA$30,INDEX(Jesper!$R$2:$R$366,ROW(INDEX(Jesper!AH$2:AH$366,ROUNDDOWN($C5753/24,0)+1,1))-1)+IF('Standard Profiles'!$G$18=$B$10,7,0)+IF('Standard Profiles'!$G$18=$B$17,14,0)+IF('Standard Profiles'!$G$18=$B$24,21,0),MOD($C5753,24)+1)/SUM(INDEX($D$3:$AA$30,INDEX(Jesper!$R$2:$R$366,ROW(INDEX(Jesper!AH$2:AH$366,ROUNDDOWN($C5753/24,0)+1,1))-1)+IF('Standard Profiles'!$G$18=$B$10,7,0)+IF('Standard Profiles'!$G$18=$B$17,14,0)+IF('Standard Profiles'!$G$18=$B$24,21,0),0)),0)</f>
        <v>11.579904571690813</v>
      </c>
      <c r="E5753" cm="1">
        <f t="array" ref="E5753">IFERROR(INDEX(Jesper!AI$2:AI$366,ROUNDDOWN($C5753/24,0)+1,1)*INDEX($D$3:$AA$30,INDEX(Jesper!$R$2:$R$366,ROW(INDEX(Jesper!AI$2:AI$366,ROUNDDOWN($C5753/24,0)+1,1))-1)+IF('Standard Profiles'!$G$19=$B$10,7,0)+IF('Standard Profiles'!$G$19=$B$17,14,0)+IF('Standard Profiles'!$G$19=$B$24,21,0),MOD($C5753,24)+1)/SUM(INDEX($D$3:$AA$30,INDEX(Jesper!$R$2:$R$366,ROW(INDEX(Jesper!AI$2:AI$366,ROUNDDOWN($C5753/24,0)+1,1))-1)+IF('Standard Profiles'!$G$19=$B$10,7,0)+IF('Standard Profiles'!$G$19=$B$17,14,0)+IF('Standard Profiles'!$G$19=$B$24,21,0),0)),0)</f>
        <v>0</v>
      </c>
      <c r="F5753" cm="1">
        <f t="array" ref="F5753">IFERROR(INDEX(Jesper!AJ$2:AJ$366,ROUNDDOWN($C5753/24,0)+1,1)*INDEX($D$3:$AA$30,INDEX(Jesper!$R$2:$R$366,ROW(INDEX(Jesper!AJ$2:AJ$366,ROUNDDOWN($C5753/24,0)+1,1))-1)+IF('Standard Profiles'!$G$20=$B$10,7,0)+IF('Standard Profiles'!$G$20=$B$17,14,0)+IF('Standard Profiles'!$G$20=$B$24,21,0),MOD($C5753,24)+1)/SUM(INDEX($D$3:$AA$30,INDEX(Jesper!$R$2:$R$366,ROW(INDEX(Jesper!AJ$2:AJ$366,ROUNDDOWN($C5753/24,0)+1,1))-1)+IF('Standard Profiles'!$G$20=$B$10,7,0)+IF('Standard Profiles'!$G$20=$B$17,14,0)+IF('Standard Profiles'!$G$20=$B$24,21,0),0)),0)</f>
        <v>0</v>
      </c>
      <c r="G5753" cm="1">
        <f t="array" ref="G5753">IFERROR(INDEX(Jesper!AK$2:AK$366,ROUNDDOWN($C5753/24,0)+1,1)*INDEX($D$3:$AA$30,INDEX(Jesper!$R$2:$R$366,ROW(INDEX(Jesper!AK$2:AK$366,ROUNDDOWN($C5753/24,0)+1,1))-1)+IF('Standard Profiles'!$G$21=$B$10,7,0)+IF('Standard Profiles'!$G$21=$B$17,14,0)+IF('Standard Profiles'!$G$21=$B$24,21,0),MOD($C5753,24)+1)/SUM(INDEX($D$3:$AA$30,INDEX(Jesper!$R$2:$R$366,ROW(INDEX(Jesper!AK$2:AK$366,ROUNDDOWN($C5753/24,0)+1,1))-1)+IF('Standard Profiles'!$G$21=$B$10,7,0)+IF('Standard Profiles'!$G$21=$B$17,14,0)+IF('Standard Profiles'!$G$21=$B$24,21,0),0)),0)</f>
        <v>0</v>
      </c>
      <c r="H5753" cm="1">
        <f t="array" ref="H5753">IFERROR(INDEX(Jesper!AL$2:AL$366,ROUNDDOWN($C5753/24,0)+1,1)*INDEX($D$3:$AA$30,INDEX(Jesper!$R$2:$R$366,ROW(INDEX(Jesper!AL$2:AL$366,ROUNDDOWN($C5753/24,0)+1,1))-1)+IF('Standard Profiles'!$G$22=$B$10,7,0)+IF('Standard Profiles'!$G$22=$B$17,14,0)+IF('Standard Profiles'!$G$22=$B$24,21,0),MOD($C5753,24)+1)/SUM(INDEX($D$3:$AA$30,INDEX(Jesper!$R$2:$R$366,ROW(INDEX(Jesper!AL$2:AL$366,ROUNDDOWN($C5753/24,0)+1,1))-1)+IF('Standard Profiles'!$G$22=$B$10,7,0)+IF('Standard Profiles'!$G$22=$B$17,14,0)+IF('Standard Profiles'!$G$22=$B$24,21,0),0)),0)</f>
        <v>0</v>
      </c>
      <c r="I5753">
        <f t="shared" si="643"/>
        <v>0.3473971371507244</v>
      </c>
      <c r="J5753">
        <f t="shared" si="644"/>
        <v>1.1579904571690813</v>
      </c>
      <c r="K5753">
        <f t="shared" si="645"/>
        <v>1.7369856857536219</v>
      </c>
      <c r="L5753">
        <f t="shared" si="646"/>
        <v>8.3375312916173847</v>
      </c>
      <c r="M5753">
        <f t="shared" si="647"/>
        <v>0</v>
      </c>
      <c r="N5753" s="46">
        <f t="shared" si="648"/>
        <v>45530.291666652796</v>
      </c>
    </row>
    <row r="5754" spans="2:14" x14ac:dyDescent="0.3">
      <c r="B5754">
        <f t="shared" si="642"/>
        <v>1</v>
      </c>
      <c r="C5754" s="16">
        <v>5720</v>
      </c>
      <c r="D5754" cm="1">
        <f t="array" ref="D5754">IFERROR(INDEX(Jesper!AH$2:AH$366,ROUNDDOWN($C5754/24,0)+1,1)*INDEX($D$3:$AA$30,INDEX(Jesper!$R$2:$R$366,ROW(INDEX(Jesper!AH$2:AH$366,ROUNDDOWN($C5754/24,0)+1,1))-1)+IF('Standard Profiles'!$G$18=$B$10,7,0)+IF('Standard Profiles'!$G$18=$B$17,14,0)+IF('Standard Profiles'!$G$18=$B$24,21,0),MOD($C5754,24)+1)/SUM(INDEX($D$3:$AA$30,INDEX(Jesper!$R$2:$R$366,ROW(INDEX(Jesper!AH$2:AH$366,ROUNDDOWN($C5754/24,0)+1,1))-1)+IF('Standard Profiles'!$G$18=$B$10,7,0)+IF('Standard Profiles'!$G$18=$B$17,14,0)+IF('Standard Profiles'!$G$18=$B$24,21,0),0)),0)</f>
        <v>11.579904571690813</v>
      </c>
      <c r="E5754" cm="1">
        <f t="array" ref="E5754">IFERROR(INDEX(Jesper!AI$2:AI$366,ROUNDDOWN($C5754/24,0)+1,1)*INDEX($D$3:$AA$30,INDEX(Jesper!$R$2:$R$366,ROW(INDEX(Jesper!AI$2:AI$366,ROUNDDOWN($C5754/24,0)+1,1))-1)+IF('Standard Profiles'!$G$19=$B$10,7,0)+IF('Standard Profiles'!$G$19=$B$17,14,0)+IF('Standard Profiles'!$G$19=$B$24,21,0),MOD($C5754,24)+1)/SUM(INDEX($D$3:$AA$30,INDEX(Jesper!$R$2:$R$366,ROW(INDEX(Jesper!AI$2:AI$366,ROUNDDOWN($C5754/24,0)+1,1))-1)+IF('Standard Profiles'!$G$19=$B$10,7,0)+IF('Standard Profiles'!$G$19=$B$17,14,0)+IF('Standard Profiles'!$G$19=$B$24,21,0),0)),0)</f>
        <v>0</v>
      </c>
      <c r="F5754" cm="1">
        <f t="array" ref="F5754">IFERROR(INDEX(Jesper!AJ$2:AJ$366,ROUNDDOWN($C5754/24,0)+1,1)*INDEX($D$3:$AA$30,INDEX(Jesper!$R$2:$R$366,ROW(INDEX(Jesper!AJ$2:AJ$366,ROUNDDOWN($C5754/24,0)+1,1))-1)+IF('Standard Profiles'!$G$20=$B$10,7,0)+IF('Standard Profiles'!$G$20=$B$17,14,0)+IF('Standard Profiles'!$G$20=$B$24,21,0),MOD($C5754,24)+1)/SUM(INDEX($D$3:$AA$30,INDEX(Jesper!$R$2:$R$366,ROW(INDEX(Jesper!AJ$2:AJ$366,ROUNDDOWN($C5754/24,0)+1,1))-1)+IF('Standard Profiles'!$G$20=$B$10,7,0)+IF('Standard Profiles'!$G$20=$B$17,14,0)+IF('Standard Profiles'!$G$20=$B$24,21,0),0)),0)</f>
        <v>0</v>
      </c>
      <c r="G5754" cm="1">
        <f t="array" ref="G5754">IFERROR(INDEX(Jesper!AK$2:AK$366,ROUNDDOWN($C5754/24,0)+1,1)*INDEX($D$3:$AA$30,INDEX(Jesper!$R$2:$R$366,ROW(INDEX(Jesper!AK$2:AK$366,ROUNDDOWN($C5754/24,0)+1,1))-1)+IF('Standard Profiles'!$G$21=$B$10,7,0)+IF('Standard Profiles'!$G$21=$B$17,14,0)+IF('Standard Profiles'!$G$21=$B$24,21,0),MOD($C5754,24)+1)/SUM(INDEX($D$3:$AA$30,INDEX(Jesper!$R$2:$R$366,ROW(INDEX(Jesper!AK$2:AK$366,ROUNDDOWN($C5754/24,0)+1,1))-1)+IF('Standard Profiles'!$G$21=$B$10,7,0)+IF('Standard Profiles'!$G$21=$B$17,14,0)+IF('Standard Profiles'!$G$21=$B$24,21,0),0)),0)</f>
        <v>0</v>
      </c>
      <c r="H5754" cm="1">
        <f t="array" ref="H5754">IFERROR(INDEX(Jesper!AL$2:AL$366,ROUNDDOWN($C5754/24,0)+1,1)*INDEX($D$3:$AA$30,INDEX(Jesper!$R$2:$R$366,ROW(INDEX(Jesper!AL$2:AL$366,ROUNDDOWN($C5754/24,0)+1,1))-1)+IF('Standard Profiles'!$G$22=$B$10,7,0)+IF('Standard Profiles'!$G$22=$B$17,14,0)+IF('Standard Profiles'!$G$22=$B$24,21,0),MOD($C5754,24)+1)/SUM(INDEX($D$3:$AA$30,INDEX(Jesper!$R$2:$R$366,ROW(INDEX(Jesper!AL$2:AL$366,ROUNDDOWN($C5754/24,0)+1,1))-1)+IF('Standard Profiles'!$G$22=$B$10,7,0)+IF('Standard Profiles'!$G$22=$B$17,14,0)+IF('Standard Profiles'!$G$22=$B$24,21,0),0)),0)</f>
        <v>0</v>
      </c>
      <c r="I5754">
        <f t="shared" si="643"/>
        <v>0.3473971371507244</v>
      </c>
      <c r="J5754">
        <f t="shared" si="644"/>
        <v>1.1579904571690813</v>
      </c>
      <c r="K5754">
        <f t="shared" si="645"/>
        <v>1.7369856857536219</v>
      </c>
      <c r="L5754">
        <f t="shared" si="646"/>
        <v>8.3375312916173847</v>
      </c>
      <c r="M5754">
        <f t="shared" si="647"/>
        <v>0</v>
      </c>
      <c r="N5754" s="46">
        <f t="shared" si="648"/>
        <v>45530.333333319461</v>
      </c>
    </row>
    <row r="5755" spans="2:14" x14ac:dyDescent="0.3">
      <c r="B5755">
        <f t="shared" si="642"/>
        <v>1</v>
      </c>
      <c r="C5755" s="16">
        <v>5721</v>
      </c>
      <c r="D5755" cm="1">
        <f t="array" ref="D5755">IFERROR(INDEX(Jesper!AH$2:AH$366,ROUNDDOWN($C5755/24,0)+1,1)*INDEX($D$3:$AA$30,INDEX(Jesper!$R$2:$R$366,ROW(INDEX(Jesper!AH$2:AH$366,ROUNDDOWN($C5755/24,0)+1,1))-1)+IF('Standard Profiles'!$G$18=$B$10,7,0)+IF('Standard Profiles'!$G$18=$B$17,14,0)+IF('Standard Profiles'!$G$18=$B$24,21,0),MOD($C5755,24)+1)/SUM(INDEX($D$3:$AA$30,INDEX(Jesper!$R$2:$R$366,ROW(INDEX(Jesper!AH$2:AH$366,ROUNDDOWN($C5755/24,0)+1,1))-1)+IF('Standard Profiles'!$G$18=$B$10,7,0)+IF('Standard Profiles'!$G$18=$B$17,14,0)+IF('Standard Profiles'!$G$18=$B$24,21,0),0)),0)</f>
        <v>12.364982847737648</v>
      </c>
      <c r="E5755" cm="1">
        <f t="array" ref="E5755">IFERROR(INDEX(Jesper!AI$2:AI$366,ROUNDDOWN($C5755/24,0)+1,1)*INDEX($D$3:$AA$30,INDEX(Jesper!$R$2:$R$366,ROW(INDEX(Jesper!AI$2:AI$366,ROUNDDOWN($C5755/24,0)+1,1))-1)+IF('Standard Profiles'!$G$19=$B$10,7,0)+IF('Standard Profiles'!$G$19=$B$17,14,0)+IF('Standard Profiles'!$G$19=$B$24,21,0),MOD($C5755,24)+1)/SUM(INDEX($D$3:$AA$30,INDEX(Jesper!$R$2:$R$366,ROW(INDEX(Jesper!AI$2:AI$366,ROUNDDOWN($C5755/24,0)+1,1))-1)+IF('Standard Profiles'!$G$19=$B$10,7,0)+IF('Standard Profiles'!$G$19=$B$17,14,0)+IF('Standard Profiles'!$G$19=$B$24,21,0),0)),0)</f>
        <v>0</v>
      </c>
      <c r="F5755" cm="1">
        <f t="array" ref="F5755">IFERROR(INDEX(Jesper!AJ$2:AJ$366,ROUNDDOWN($C5755/24,0)+1,1)*INDEX($D$3:$AA$30,INDEX(Jesper!$R$2:$R$366,ROW(INDEX(Jesper!AJ$2:AJ$366,ROUNDDOWN($C5755/24,0)+1,1))-1)+IF('Standard Profiles'!$G$20=$B$10,7,0)+IF('Standard Profiles'!$G$20=$B$17,14,0)+IF('Standard Profiles'!$G$20=$B$24,21,0),MOD($C5755,24)+1)/SUM(INDEX($D$3:$AA$30,INDEX(Jesper!$R$2:$R$366,ROW(INDEX(Jesper!AJ$2:AJ$366,ROUNDDOWN($C5755/24,0)+1,1))-1)+IF('Standard Profiles'!$G$20=$B$10,7,0)+IF('Standard Profiles'!$G$20=$B$17,14,0)+IF('Standard Profiles'!$G$20=$B$24,21,0),0)),0)</f>
        <v>0</v>
      </c>
      <c r="G5755" cm="1">
        <f t="array" ref="G5755">IFERROR(INDEX(Jesper!AK$2:AK$366,ROUNDDOWN($C5755/24,0)+1,1)*INDEX($D$3:$AA$30,INDEX(Jesper!$R$2:$R$366,ROW(INDEX(Jesper!AK$2:AK$366,ROUNDDOWN($C5755/24,0)+1,1))-1)+IF('Standard Profiles'!$G$21=$B$10,7,0)+IF('Standard Profiles'!$G$21=$B$17,14,0)+IF('Standard Profiles'!$G$21=$B$24,21,0),MOD($C5755,24)+1)/SUM(INDEX($D$3:$AA$30,INDEX(Jesper!$R$2:$R$366,ROW(INDEX(Jesper!AK$2:AK$366,ROUNDDOWN($C5755/24,0)+1,1))-1)+IF('Standard Profiles'!$G$21=$B$10,7,0)+IF('Standard Profiles'!$G$21=$B$17,14,0)+IF('Standard Profiles'!$G$21=$B$24,21,0),0)),0)</f>
        <v>0</v>
      </c>
      <c r="H5755" cm="1">
        <f t="array" ref="H5755">IFERROR(INDEX(Jesper!AL$2:AL$366,ROUNDDOWN($C5755/24,0)+1,1)*INDEX($D$3:$AA$30,INDEX(Jesper!$R$2:$R$366,ROW(INDEX(Jesper!AL$2:AL$366,ROUNDDOWN($C5755/24,0)+1,1))-1)+IF('Standard Profiles'!$G$22=$B$10,7,0)+IF('Standard Profiles'!$G$22=$B$17,14,0)+IF('Standard Profiles'!$G$22=$B$24,21,0),MOD($C5755,24)+1)/SUM(INDEX($D$3:$AA$30,INDEX(Jesper!$R$2:$R$366,ROW(INDEX(Jesper!AL$2:AL$366,ROUNDDOWN($C5755/24,0)+1,1))-1)+IF('Standard Profiles'!$G$22=$B$10,7,0)+IF('Standard Profiles'!$G$22=$B$17,14,0)+IF('Standard Profiles'!$G$22=$B$24,21,0),0)),0)</f>
        <v>0</v>
      </c>
      <c r="I5755">
        <f t="shared" si="643"/>
        <v>0.37094948543212947</v>
      </c>
      <c r="J5755">
        <f t="shared" si="644"/>
        <v>1.2364982847737649</v>
      </c>
      <c r="K5755">
        <f t="shared" si="645"/>
        <v>1.8547474271606472</v>
      </c>
      <c r="L5755">
        <f t="shared" si="646"/>
        <v>8.9027876503711063</v>
      </c>
      <c r="M5755">
        <f t="shared" si="647"/>
        <v>0</v>
      </c>
      <c r="N5755" s="46">
        <f t="shared" si="648"/>
        <v>45530.374999986125</v>
      </c>
    </row>
    <row r="5756" spans="2:14" x14ac:dyDescent="0.3">
      <c r="B5756">
        <f t="shared" si="642"/>
        <v>1</v>
      </c>
      <c r="C5756" s="16">
        <v>5722</v>
      </c>
      <c r="D5756" cm="1">
        <f t="array" ref="D5756">IFERROR(INDEX(Jesper!AH$2:AH$366,ROUNDDOWN($C5756/24,0)+1,1)*INDEX($D$3:$AA$30,INDEX(Jesper!$R$2:$R$366,ROW(INDEX(Jesper!AH$2:AH$366,ROUNDDOWN($C5756/24,0)+1,1))-1)+IF('Standard Profiles'!$G$18=$B$10,7,0)+IF('Standard Profiles'!$G$18=$B$17,14,0)+IF('Standard Profiles'!$G$18=$B$24,21,0),MOD($C5756,24)+1)/SUM(INDEX($D$3:$AA$30,INDEX(Jesper!$R$2:$R$366,ROW(INDEX(Jesper!AH$2:AH$366,ROUNDDOWN($C5756/24,0)+1,1))-1)+IF('Standard Profiles'!$G$18=$B$10,7,0)+IF('Standard Profiles'!$G$18=$B$17,14,0)+IF('Standard Profiles'!$G$18=$B$24,21,0),0)),0)</f>
        <v>12.364982847737648</v>
      </c>
      <c r="E5756" cm="1">
        <f t="array" ref="E5756">IFERROR(INDEX(Jesper!AI$2:AI$366,ROUNDDOWN($C5756/24,0)+1,1)*INDEX($D$3:$AA$30,INDEX(Jesper!$R$2:$R$366,ROW(INDEX(Jesper!AI$2:AI$366,ROUNDDOWN($C5756/24,0)+1,1))-1)+IF('Standard Profiles'!$G$19=$B$10,7,0)+IF('Standard Profiles'!$G$19=$B$17,14,0)+IF('Standard Profiles'!$G$19=$B$24,21,0),MOD($C5756,24)+1)/SUM(INDEX($D$3:$AA$30,INDEX(Jesper!$R$2:$R$366,ROW(INDEX(Jesper!AI$2:AI$366,ROUNDDOWN($C5756/24,0)+1,1))-1)+IF('Standard Profiles'!$G$19=$B$10,7,0)+IF('Standard Profiles'!$G$19=$B$17,14,0)+IF('Standard Profiles'!$G$19=$B$24,21,0),0)),0)</f>
        <v>0</v>
      </c>
      <c r="F5756" cm="1">
        <f t="array" ref="F5756">IFERROR(INDEX(Jesper!AJ$2:AJ$366,ROUNDDOWN($C5756/24,0)+1,1)*INDEX($D$3:$AA$30,INDEX(Jesper!$R$2:$R$366,ROW(INDEX(Jesper!AJ$2:AJ$366,ROUNDDOWN($C5756/24,0)+1,1))-1)+IF('Standard Profiles'!$G$20=$B$10,7,0)+IF('Standard Profiles'!$G$20=$B$17,14,0)+IF('Standard Profiles'!$G$20=$B$24,21,0),MOD($C5756,24)+1)/SUM(INDEX($D$3:$AA$30,INDEX(Jesper!$R$2:$R$366,ROW(INDEX(Jesper!AJ$2:AJ$366,ROUNDDOWN($C5756/24,0)+1,1))-1)+IF('Standard Profiles'!$G$20=$B$10,7,0)+IF('Standard Profiles'!$G$20=$B$17,14,0)+IF('Standard Profiles'!$G$20=$B$24,21,0),0)),0)</f>
        <v>0</v>
      </c>
      <c r="G5756" cm="1">
        <f t="array" ref="G5756">IFERROR(INDEX(Jesper!AK$2:AK$366,ROUNDDOWN($C5756/24,0)+1,1)*INDEX($D$3:$AA$30,INDEX(Jesper!$R$2:$R$366,ROW(INDEX(Jesper!AK$2:AK$366,ROUNDDOWN($C5756/24,0)+1,1))-1)+IF('Standard Profiles'!$G$21=$B$10,7,0)+IF('Standard Profiles'!$G$21=$B$17,14,0)+IF('Standard Profiles'!$G$21=$B$24,21,0),MOD($C5756,24)+1)/SUM(INDEX($D$3:$AA$30,INDEX(Jesper!$R$2:$R$366,ROW(INDEX(Jesper!AK$2:AK$366,ROUNDDOWN($C5756/24,0)+1,1))-1)+IF('Standard Profiles'!$G$21=$B$10,7,0)+IF('Standard Profiles'!$G$21=$B$17,14,0)+IF('Standard Profiles'!$G$21=$B$24,21,0),0)),0)</f>
        <v>0</v>
      </c>
      <c r="H5756" cm="1">
        <f t="array" ref="H5756">IFERROR(INDEX(Jesper!AL$2:AL$366,ROUNDDOWN($C5756/24,0)+1,1)*INDEX($D$3:$AA$30,INDEX(Jesper!$R$2:$R$366,ROW(INDEX(Jesper!AL$2:AL$366,ROUNDDOWN($C5756/24,0)+1,1))-1)+IF('Standard Profiles'!$G$22=$B$10,7,0)+IF('Standard Profiles'!$G$22=$B$17,14,0)+IF('Standard Profiles'!$G$22=$B$24,21,0),MOD($C5756,24)+1)/SUM(INDEX($D$3:$AA$30,INDEX(Jesper!$R$2:$R$366,ROW(INDEX(Jesper!AL$2:AL$366,ROUNDDOWN($C5756/24,0)+1,1))-1)+IF('Standard Profiles'!$G$22=$B$10,7,0)+IF('Standard Profiles'!$G$22=$B$17,14,0)+IF('Standard Profiles'!$G$22=$B$24,21,0),0)),0)</f>
        <v>0</v>
      </c>
      <c r="I5756">
        <f t="shared" si="643"/>
        <v>0.37094948543212947</v>
      </c>
      <c r="J5756">
        <f t="shared" si="644"/>
        <v>1.2364982847737649</v>
      </c>
      <c r="K5756">
        <f t="shared" si="645"/>
        <v>1.8547474271606472</v>
      </c>
      <c r="L5756">
        <f t="shared" si="646"/>
        <v>8.9027876503711063</v>
      </c>
      <c r="M5756">
        <f t="shared" si="647"/>
        <v>0</v>
      </c>
      <c r="N5756" s="46">
        <f t="shared" si="648"/>
        <v>45530.416666652789</v>
      </c>
    </row>
    <row r="5757" spans="2:14" x14ac:dyDescent="0.3">
      <c r="B5757">
        <f t="shared" si="642"/>
        <v>1</v>
      </c>
      <c r="C5757" s="16">
        <v>5723</v>
      </c>
      <c r="D5757" cm="1">
        <f t="array" ref="D5757">IFERROR(INDEX(Jesper!AH$2:AH$366,ROUNDDOWN($C5757/24,0)+1,1)*INDEX($D$3:$AA$30,INDEX(Jesper!$R$2:$R$366,ROW(INDEX(Jesper!AH$2:AH$366,ROUNDDOWN($C5757/24,0)+1,1))-1)+IF('Standard Profiles'!$G$18=$B$10,7,0)+IF('Standard Profiles'!$G$18=$B$17,14,0)+IF('Standard Profiles'!$G$18=$B$24,21,0),MOD($C5757,24)+1)/SUM(INDEX($D$3:$AA$30,INDEX(Jesper!$R$2:$R$366,ROW(INDEX(Jesper!AH$2:AH$366,ROUNDDOWN($C5757/24,0)+1,1))-1)+IF('Standard Profiles'!$G$18=$B$10,7,0)+IF('Standard Profiles'!$G$18=$B$17,14,0)+IF('Standard Profiles'!$G$18=$B$24,21,0),0)),0)</f>
        <v>15.701565520936697</v>
      </c>
      <c r="E5757" cm="1">
        <f t="array" ref="E5757">IFERROR(INDEX(Jesper!AI$2:AI$366,ROUNDDOWN($C5757/24,0)+1,1)*INDEX($D$3:$AA$30,INDEX(Jesper!$R$2:$R$366,ROW(INDEX(Jesper!AI$2:AI$366,ROUNDDOWN($C5757/24,0)+1,1))-1)+IF('Standard Profiles'!$G$19=$B$10,7,0)+IF('Standard Profiles'!$G$19=$B$17,14,0)+IF('Standard Profiles'!$G$19=$B$24,21,0),MOD($C5757,24)+1)/SUM(INDEX($D$3:$AA$30,INDEX(Jesper!$R$2:$R$366,ROW(INDEX(Jesper!AI$2:AI$366,ROUNDDOWN($C5757/24,0)+1,1))-1)+IF('Standard Profiles'!$G$19=$B$10,7,0)+IF('Standard Profiles'!$G$19=$B$17,14,0)+IF('Standard Profiles'!$G$19=$B$24,21,0),0)),0)</f>
        <v>0</v>
      </c>
      <c r="F5757" cm="1">
        <f t="array" ref="F5757">IFERROR(INDEX(Jesper!AJ$2:AJ$366,ROUNDDOWN($C5757/24,0)+1,1)*INDEX($D$3:$AA$30,INDEX(Jesper!$R$2:$R$366,ROW(INDEX(Jesper!AJ$2:AJ$366,ROUNDDOWN($C5757/24,0)+1,1))-1)+IF('Standard Profiles'!$G$20=$B$10,7,0)+IF('Standard Profiles'!$G$20=$B$17,14,0)+IF('Standard Profiles'!$G$20=$B$24,21,0),MOD($C5757,24)+1)/SUM(INDEX($D$3:$AA$30,INDEX(Jesper!$R$2:$R$366,ROW(INDEX(Jesper!AJ$2:AJ$366,ROUNDDOWN($C5757/24,0)+1,1))-1)+IF('Standard Profiles'!$G$20=$B$10,7,0)+IF('Standard Profiles'!$G$20=$B$17,14,0)+IF('Standard Profiles'!$G$20=$B$24,21,0),0)),0)</f>
        <v>0</v>
      </c>
      <c r="G5757" cm="1">
        <f t="array" ref="G5757">IFERROR(INDEX(Jesper!AK$2:AK$366,ROUNDDOWN($C5757/24,0)+1,1)*INDEX($D$3:$AA$30,INDEX(Jesper!$R$2:$R$366,ROW(INDEX(Jesper!AK$2:AK$366,ROUNDDOWN($C5757/24,0)+1,1))-1)+IF('Standard Profiles'!$G$21=$B$10,7,0)+IF('Standard Profiles'!$G$21=$B$17,14,0)+IF('Standard Profiles'!$G$21=$B$24,21,0),MOD($C5757,24)+1)/SUM(INDEX($D$3:$AA$30,INDEX(Jesper!$R$2:$R$366,ROW(INDEX(Jesper!AK$2:AK$366,ROUNDDOWN($C5757/24,0)+1,1))-1)+IF('Standard Profiles'!$G$21=$B$10,7,0)+IF('Standard Profiles'!$G$21=$B$17,14,0)+IF('Standard Profiles'!$G$21=$B$24,21,0),0)),0)</f>
        <v>0</v>
      </c>
      <c r="H5757" cm="1">
        <f t="array" ref="H5757">IFERROR(INDEX(Jesper!AL$2:AL$366,ROUNDDOWN($C5757/24,0)+1,1)*INDEX($D$3:$AA$30,INDEX(Jesper!$R$2:$R$366,ROW(INDEX(Jesper!AL$2:AL$366,ROUNDDOWN($C5757/24,0)+1,1))-1)+IF('Standard Profiles'!$G$22=$B$10,7,0)+IF('Standard Profiles'!$G$22=$B$17,14,0)+IF('Standard Profiles'!$G$22=$B$24,21,0),MOD($C5757,24)+1)/SUM(INDEX($D$3:$AA$30,INDEX(Jesper!$R$2:$R$366,ROW(INDEX(Jesper!AL$2:AL$366,ROUNDDOWN($C5757/24,0)+1,1))-1)+IF('Standard Profiles'!$G$22=$B$10,7,0)+IF('Standard Profiles'!$G$22=$B$17,14,0)+IF('Standard Profiles'!$G$22=$B$24,21,0),0)),0)</f>
        <v>0</v>
      </c>
      <c r="I5757">
        <f t="shared" si="643"/>
        <v>0.47104696562810089</v>
      </c>
      <c r="J5757">
        <f t="shared" si="644"/>
        <v>1.5701565520936698</v>
      </c>
      <c r="K5757">
        <f t="shared" si="645"/>
        <v>2.3552348281405044</v>
      </c>
      <c r="L5757">
        <f t="shared" si="646"/>
        <v>11.305127175074421</v>
      </c>
      <c r="M5757">
        <f t="shared" si="647"/>
        <v>0</v>
      </c>
      <c r="N5757" s="46">
        <f t="shared" si="648"/>
        <v>45530.458333319453</v>
      </c>
    </row>
    <row r="5758" spans="2:14" x14ac:dyDescent="0.3">
      <c r="B5758">
        <f t="shared" si="642"/>
        <v>1</v>
      </c>
      <c r="C5758" s="16">
        <v>5724</v>
      </c>
      <c r="D5758" cm="1">
        <f t="array" ref="D5758">IFERROR(INDEX(Jesper!AH$2:AH$366,ROUNDDOWN($C5758/24,0)+1,1)*INDEX($D$3:$AA$30,INDEX(Jesper!$R$2:$R$366,ROW(INDEX(Jesper!AH$2:AH$366,ROUNDDOWN($C5758/24,0)+1,1))-1)+IF('Standard Profiles'!$G$18=$B$10,7,0)+IF('Standard Profiles'!$G$18=$B$17,14,0)+IF('Standard Profiles'!$G$18=$B$24,21,0),MOD($C5758,24)+1)/SUM(INDEX($D$3:$AA$30,INDEX(Jesper!$R$2:$R$366,ROW(INDEX(Jesper!AH$2:AH$366,ROUNDDOWN($C5758/24,0)+1,1))-1)+IF('Standard Profiles'!$G$18=$B$10,7,0)+IF('Standard Profiles'!$G$18=$B$17,14,0)+IF('Standard Profiles'!$G$18=$B$24,21,0),0)),0)</f>
        <v>15.701565520936697</v>
      </c>
      <c r="E5758" cm="1">
        <f t="array" ref="E5758">IFERROR(INDEX(Jesper!AI$2:AI$366,ROUNDDOWN($C5758/24,0)+1,1)*INDEX($D$3:$AA$30,INDEX(Jesper!$R$2:$R$366,ROW(INDEX(Jesper!AI$2:AI$366,ROUNDDOWN($C5758/24,0)+1,1))-1)+IF('Standard Profiles'!$G$19=$B$10,7,0)+IF('Standard Profiles'!$G$19=$B$17,14,0)+IF('Standard Profiles'!$G$19=$B$24,21,0),MOD($C5758,24)+1)/SUM(INDEX($D$3:$AA$30,INDEX(Jesper!$R$2:$R$366,ROW(INDEX(Jesper!AI$2:AI$366,ROUNDDOWN($C5758/24,0)+1,1))-1)+IF('Standard Profiles'!$G$19=$B$10,7,0)+IF('Standard Profiles'!$G$19=$B$17,14,0)+IF('Standard Profiles'!$G$19=$B$24,21,0),0)),0)</f>
        <v>0</v>
      </c>
      <c r="F5758" cm="1">
        <f t="array" ref="F5758">IFERROR(INDEX(Jesper!AJ$2:AJ$366,ROUNDDOWN($C5758/24,0)+1,1)*INDEX($D$3:$AA$30,INDEX(Jesper!$R$2:$R$366,ROW(INDEX(Jesper!AJ$2:AJ$366,ROUNDDOWN($C5758/24,0)+1,1))-1)+IF('Standard Profiles'!$G$20=$B$10,7,0)+IF('Standard Profiles'!$G$20=$B$17,14,0)+IF('Standard Profiles'!$G$20=$B$24,21,0),MOD($C5758,24)+1)/SUM(INDEX($D$3:$AA$30,INDEX(Jesper!$R$2:$R$366,ROW(INDEX(Jesper!AJ$2:AJ$366,ROUNDDOWN($C5758/24,0)+1,1))-1)+IF('Standard Profiles'!$G$20=$B$10,7,0)+IF('Standard Profiles'!$G$20=$B$17,14,0)+IF('Standard Profiles'!$G$20=$B$24,21,0),0)),0)</f>
        <v>0</v>
      </c>
      <c r="G5758" cm="1">
        <f t="array" ref="G5758">IFERROR(INDEX(Jesper!AK$2:AK$366,ROUNDDOWN($C5758/24,0)+1,1)*INDEX($D$3:$AA$30,INDEX(Jesper!$R$2:$R$366,ROW(INDEX(Jesper!AK$2:AK$366,ROUNDDOWN($C5758/24,0)+1,1))-1)+IF('Standard Profiles'!$G$21=$B$10,7,0)+IF('Standard Profiles'!$G$21=$B$17,14,0)+IF('Standard Profiles'!$G$21=$B$24,21,0),MOD($C5758,24)+1)/SUM(INDEX($D$3:$AA$30,INDEX(Jesper!$R$2:$R$366,ROW(INDEX(Jesper!AK$2:AK$366,ROUNDDOWN($C5758/24,0)+1,1))-1)+IF('Standard Profiles'!$G$21=$B$10,7,0)+IF('Standard Profiles'!$G$21=$B$17,14,0)+IF('Standard Profiles'!$G$21=$B$24,21,0),0)),0)</f>
        <v>0</v>
      </c>
      <c r="H5758" cm="1">
        <f t="array" ref="H5758">IFERROR(INDEX(Jesper!AL$2:AL$366,ROUNDDOWN($C5758/24,0)+1,1)*INDEX($D$3:$AA$30,INDEX(Jesper!$R$2:$R$366,ROW(INDEX(Jesper!AL$2:AL$366,ROUNDDOWN($C5758/24,0)+1,1))-1)+IF('Standard Profiles'!$G$22=$B$10,7,0)+IF('Standard Profiles'!$G$22=$B$17,14,0)+IF('Standard Profiles'!$G$22=$B$24,21,0),MOD($C5758,24)+1)/SUM(INDEX($D$3:$AA$30,INDEX(Jesper!$R$2:$R$366,ROW(INDEX(Jesper!AL$2:AL$366,ROUNDDOWN($C5758/24,0)+1,1))-1)+IF('Standard Profiles'!$G$22=$B$10,7,0)+IF('Standard Profiles'!$G$22=$B$17,14,0)+IF('Standard Profiles'!$G$22=$B$24,21,0),0)),0)</f>
        <v>0</v>
      </c>
      <c r="I5758">
        <f t="shared" si="643"/>
        <v>0.47104696562810089</v>
      </c>
      <c r="J5758">
        <f t="shared" si="644"/>
        <v>1.5701565520936698</v>
      </c>
      <c r="K5758">
        <f t="shared" si="645"/>
        <v>2.3552348281405044</v>
      </c>
      <c r="L5758">
        <f t="shared" si="646"/>
        <v>11.305127175074421</v>
      </c>
      <c r="M5758">
        <f t="shared" si="647"/>
        <v>0</v>
      </c>
      <c r="N5758" s="46">
        <f t="shared" si="648"/>
        <v>45530.499999986117</v>
      </c>
    </row>
    <row r="5759" spans="2:14" x14ac:dyDescent="0.3">
      <c r="B5759">
        <f t="shared" si="642"/>
        <v>1</v>
      </c>
      <c r="C5759" s="16">
        <v>5725</v>
      </c>
      <c r="D5759" cm="1">
        <f t="array" ref="D5759">IFERROR(INDEX(Jesper!AH$2:AH$366,ROUNDDOWN($C5759/24,0)+1,1)*INDEX($D$3:$AA$30,INDEX(Jesper!$R$2:$R$366,ROW(INDEX(Jesper!AH$2:AH$366,ROUNDDOWN($C5759/24,0)+1,1))-1)+IF('Standard Profiles'!$G$18=$B$10,7,0)+IF('Standard Profiles'!$G$18=$B$17,14,0)+IF('Standard Profiles'!$G$18=$B$24,21,0),MOD($C5759,24)+1)/SUM(INDEX($D$3:$AA$30,INDEX(Jesper!$R$2:$R$366,ROW(INDEX(Jesper!AH$2:AH$366,ROUNDDOWN($C5759/24,0)+1,1))-1)+IF('Standard Profiles'!$G$18=$B$10,7,0)+IF('Standard Profiles'!$G$18=$B$17,14,0)+IF('Standard Profiles'!$G$18=$B$24,21,0),0)),0)</f>
        <v>10.402287157620561</v>
      </c>
      <c r="E5759" cm="1">
        <f t="array" ref="E5759">IFERROR(INDEX(Jesper!AI$2:AI$366,ROUNDDOWN($C5759/24,0)+1,1)*INDEX($D$3:$AA$30,INDEX(Jesper!$R$2:$R$366,ROW(INDEX(Jesper!AI$2:AI$366,ROUNDDOWN($C5759/24,0)+1,1))-1)+IF('Standard Profiles'!$G$19=$B$10,7,0)+IF('Standard Profiles'!$G$19=$B$17,14,0)+IF('Standard Profiles'!$G$19=$B$24,21,0),MOD($C5759,24)+1)/SUM(INDEX($D$3:$AA$30,INDEX(Jesper!$R$2:$R$366,ROW(INDEX(Jesper!AI$2:AI$366,ROUNDDOWN($C5759/24,0)+1,1))-1)+IF('Standard Profiles'!$G$19=$B$10,7,0)+IF('Standard Profiles'!$G$19=$B$17,14,0)+IF('Standard Profiles'!$G$19=$B$24,21,0),0)),0)</f>
        <v>0</v>
      </c>
      <c r="F5759" cm="1">
        <f t="array" ref="F5759">IFERROR(INDEX(Jesper!AJ$2:AJ$366,ROUNDDOWN($C5759/24,0)+1,1)*INDEX($D$3:$AA$30,INDEX(Jesper!$R$2:$R$366,ROW(INDEX(Jesper!AJ$2:AJ$366,ROUNDDOWN($C5759/24,0)+1,1))-1)+IF('Standard Profiles'!$G$20=$B$10,7,0)+IF('Standard Profiles'!$G$20=$B$17,14,0)+IF('Standard Profiles'!$G$20=$B$24,21,0),MOD($C5759,24)+1)/SUM(INDEX($D$3:$AA$30,INDEX(Jesper!$R$2:$R$366,ROW(INDEX(Jesper!AJ$2:AJ$366,ROUNDDOWN($C5759/24,0)+1,1))-1)+IF('Standard Profiles'!$G$20=$B$10,7,0)+IF('Standard Profiles'!$G$20=$B$17,14,0)+IF('Standard Profiles'!$G$20=$B$24,21,0),0)),0)</f>
        <v>0</v>
      </c>
      <c r="G5759" cm="1">
        <f t="array" ref="G5759">IFERROR(INDEX(Jesper!AK$2:AK$366,ROUNDDOWN($C5759/24,0)+1,1)*INDEX($D$3:$AA$30,INDEX(Jesper!$R$2:$R$366,ROW(INDEX(Jesper!AK$2:AK$366,ROUNDDOWN($C5759/24,0)+1,1))-1)+IF('Standard Profiles'!$G$21=$B$10,7,0)+IF('Standard Profiles'!$G$21=$B$17,14,0)+IF('Standard Profiles'!$G$21=$B$24,21,0),MOD($C5759,24)+1)/SUM(INDEX($D$3:$AA$30,INDEX(Jesper!$R$2:$R$366,ROW(INDEX(Jesper!AK$2:AK$366,ROUNDDOWN($C5759/24,0)+1,1))-1)+IF('Standard Profiles'!$G$21=$B$10,7,0)+IF('Standard Profiles'!$G$21=$B$17,14,0)+IF('Standard Profiles'!$G$21=$B$24,21,0),0)),0)</f>
        <v>0</v>
      </c>
      <c r="H5759" cm="1">
        <f t="array" ref="H5759">IFERROR(INDEX(Jesper!AL$2:AL$366,ROUNDDOWN($C5759/24,0)+1,1)*INDEX($D$3:$AA$30,INDEX(Jesper!$R$2:$R$366,ROW(INDEX(Jesper!AL$2:AL$366,ROUNDDOWN($C5759/24,0)+1,1))-1)+IF('Standard Profiles'!$G$22=$B$10,7,0)+IF('Standard Profiles'!$G$22=$B$17,14,0)+IF('Standard Profiles'!$G$22=$B$24,21,0),MOD($C5759,24)+1)/SUM(INDEX($D$3:$AA$30,INDEX(Jesper!$R$2:$R$366,ROW(INDEX(Jesper!AL$2:AL$366,ROUNDDOWN($C5759/24,0)+1,1))-1)+IF('Standard Profiles'!$G$22=$B$10,7,0)+IF('Standard Profiles'!$G$22=$B$17,14,0)+IF('Standard Profiles'!$G$22=$B$24,21,0),0)),0)</f>
        <v>0</v>
      </c>
      <c r="I5759">
        <f t="shared" si="643"/>
        <v>0.31206861472861686</v>
      </c>
      <c r="J5759">
        <f t="shared" si="644"/>
        <v>1.0402287157620562</v>
      </c>
      <c r="K5759">
        <f t="shared" si="645"/>
        <v>1.5603430736430841</v>
      </c>
      <c r="L5759">
        <f t="shared" si="646"/>
        <v>7.4896467534868041</v>
      </c>
      <c r="M5759">
        <f t="shared" si="647"/>
        <v>0</v>
      </c>
      <c r="N5759" s="46">
        <f t="shared" si="648"/>
        <v>45530.541666652782</v>
      </c>
    </row>
    <row r="5760" spans="2:14" x14ac:dyDescent="0.3">
      <c r="B5760">
        <f t="shared" si="642"/>
        <v>1</v>
      </c>
      <c r="C5760" s="16">
        <v>5726</v>
      </c>
      <c r="D5760" cm="1">
        <f t="array" ref="D5760">IFERROR(INDEX(Jesper!AH$2:AH$366,ROUNDDOWN($C5760/24,0)+1,1)*INDEX($D$3:$AA$30,INDEX(Jesper!$R$2:$R$366,ROW(INDEX(Jesper!AH$2:AH$366,ROUNDDOWN($C5760/24,0)+1,1))-1)+IF('Standard Profiles'!$G$18=$B$10,7,0)+IF('Standard Profiles'!$G$18=$B$17,14,0)+IF('Standard Profiles'!$G$18=$B$24,21,0),MOD($C5760,24)+1)/SUM(INDEX($D$3:$AA$30,INDEX(Jesper!$R$2:$R$366,ROW(INDEX(Jesper!AH$2:AH$366,ROUNDDOWN($C5760/24,0)+1,1))-1)+IF('Standard Profiles'!$G$18=$B$10,7,0)+IF('Standard Profiles'!$G$18=$B$17,14,0)+IF('Standard Profiles'!$G$18=$B$24,21,0),0)),0)</f>
        <v>15.701565520936697</v>
      </c>
      <c r="E5760" cm="1">
        <f t="array" ref="E5760">IFERROR(INDEX(Jesper!AI$2:AI$366,ROUNDDOWN($C5760/24,0)+1,1)*INDEX($D$3:$AA$30,INDEX(Jesper!$R$2:$R$366,ROW(INDEX(Jesper!AI$2:AI$366,ROUNDDOWN($C5760/24,0)+1,1))-1)+IF('Standard Profiles'!$G$19=$B$10,7,0)+IF('Standard Profiles'!$G$19=$B$17,14,0)+IF('Standard Profiles'!$G$19=$B$24,21,0),MOD($C5760,24)+1)/SUM(INDEX($D$3:$AA$30,INDEX(Jesper!$R$2:$R$366,ROW(INDEX(Jesper!AI$2:AI$366,ROUNDDOWN($C5760/24,0)+1,1))-1)+IF('Standard Profiles'!$G$19=$B$10,7,0)+IF('Standard Profiles'!$G$19=$B$17,14,0)+IF('Standard Profiles'!$G$19=$B$24,21,0),0)),0)</f>
        <v>0</v>
      </c>
      <c r="F5760" cm="1">
        <f t="array" ref="F5760">IFERROR(INDEX(Jesper!AJ$2:AJ$366,ROUNDDOWN($C5760/24,0)+1,1)*INDEX($D$3:$AA$30,INDEX(Jesper!$R$2:$R$366,ROW(INDEX(Jesper!AJ$2:AJ$366,ROUNDDOWN($C5760/24,0)+1,1))-1)+IF('Standard Profiles'!$G$20=$B$10,7,0)+IF('Standard Profiles'!$G$20=$B$17,14,0)+IF('Standard Profiles'!$G$20=$B$24,21,0),MOD($C5760,24)+1)/SUM(INDEX($D$3:$AA$30,INDEX(Jesper!$R$2:$R$366,ROW(INDEX(Jesper!AJ$2:AJ$366,ROUNDDOWN($C5760/24,0)+1,1))-1)+IF('Standard Profiles'!$G$20=$B$10,7,0)+IF('Standard Profiles'!$G$20=$B$17,14,0)+IF('Standard Profiles'!$G$20=$B$24,21,0),0)),0)</f>
        <v>0</v>
      </c>
      <c r="G5760" cm="1">
        <f t="array" ref="G5760">IFERROR(INDEX(Jesper!AK$2:AK$366,ROUNDDOWN($C5760/24,0)+1,1)*INDEX($D$3:$AA$30,INDEX(Jesper!$R$2:$R$366,ROW(INDEX(Jesper!AK$2:AK$366,ROUNDDOWN($C5760/24,0)+1,1))-1)+IF('Standard Profiles'!$G$21=$B$10,7,0)+IF('Standard Profiles'!$G$21=$B$17,14,0)+IF('Standard Profiles'!$G$21=$B$24,21,0),MOD($C5760,24)+1)/SUM(INDEX($D$3:$AA$30,INDEX(Jesper!$R$2:$R$366,ROW(INDEX(Jesper!AK$2:AK$366,ROUNDDOWN($C5760/24,0)+1,1))-1)+IF('Standard Profiles'!$G$21=$B$10,7,0)+IF('Standard Profiles'!$G$21=$B$17,14,0)+IF('Standard Profiles'!$G$21=$B$24,21,0),0)),0)</f>
        <v>0</v>
      </c>
      <c r="H5760" cm="1">
        <f t="array" ref="H5760">IFERROR(INDEX(Jesper!AL$2:AL$366,ROUNDDOWN($C5760/24,0)+1,1)*INDEX($D$3:$AA$30,INDEX(Jesper!$R$2:$R$366,ROW(INDEX(Jesper!AL$2:AL$366,ROUNDDOWN($C5760/24,0)+1,1))-1)+IF('Standard Profiles'!$G$22=$B$10,7,0)+IF('Standard Profiles'!$G$22=$B$17,14,0)+IF('Standard Profiles'!$G$22=$B$24,21,0),MOD($C5760,24)+1)/SUM(INDEX($D$3:$AA$30,INDEX(Jesper!$R$2:$R$366,ROW(INDEX(Jesper!AL$2:AL$366,ROUNDDOWN($C5760/24,0)+1,1))-1)+IF('Standard Profiles'!$G$22=$B$10,7,0)+IF('Standard Profiles'!$G$22=$B$17,14,0)+IF('Standard Profiles'!$G$22=$B$24,21,0),0)),0)</f>
        <v>0</v>
      </c>
      <c r="I5760">
        <f t="shared" si="643"/>
        <v>0.47104696562810089</v>
      </c>
      <c r="J5760">
        <f t="shared" si="644"/>
        <v>1.5701565520936698</v>
      </c>
      <c r="K5760">
        <f t="shared" si="645"/>
        <v>2.3552348281405044</v>
      </c>
      <c r="L5760">
        <f t="shared" si="646"/>
        <v>11.305127175074421</v>
      </c>
      <c r="M5760">
        <f t="shared" si="647"/>
        <v>0</v>
      </c>
      <c r="N5760" s="46">
        <f t="shared" si="648"/>
        <v>45530.583333319446</v>
      </c>
    </row>
    <row r="5761" spans="2:14" x14ac:dyDescent="0.3">
      <c r="B5761">
        <f t="shared" si="642"/>
        <v>1</v>
      </c>
      <c r="C5761" s="16">
        <v>5727</v>
      </c>
      <c r="D5761" cm="1">
        <f t="array" ref="D5761">IFERROR(INDEX(Jesper!AH$2:AH$366,ROUNDDOWN($C5761/24,0)+1,1)*INDEX($D$3:$AA$30,INDEX(Jesper!$R$2:$R$366,ROW(INDEX(Jesper!AH$2:AH$366,ROUNDDOWN($C5761/24,0)+1,1))-1)+IF('Standard Profiles'!$G$18=$B$10,7,0)+IF('Standard Profiles'!$G$18=$B$17,14,0)+IF('Standard Profiles'!$G$18=$B$24,21,0),MOD($C5761,24)+1)/SUM(INDEX($D$3:$AA$30,INDEX(Jesper!$R$2:$R$366,ROW(INDEX(Jesper!AH$2:AH$366,ROUNDDOWN($C5761/24,0)+1,1))-1)+IF('Standard Profiles'!$G$18=$B$10,7,0)+IF('Standard Profiles'!$G$18=$B$17,14,0)+IF('Standard Profiles'!$G$18=$B$24,21,0),0)),0)</f>
        <v>15.701565520936697</v>
      </c>
      <c r="E5761" cm="1">
        <f t="array" ref="E5761">IFERROR(INDEX(Jesper!AI$2:AI$366,ROUNDDOWN($C5761/24,0)+1,1)*INDEX($D$3:$AA$30,INDEX(Jesper!$R$2:$R$366,ROW(INDEX(Jesper!AI$2:AI$366,ROUNDDOWN($C5761/24,0)+1,1))-1)+IF('Standard Profiles'!$G$19=$B$10,7,0)+IF('Standard Profiles'!$G$19=$B$17,14,0)+IF('Standard Profiles'!$G$19=$B$24,21,0),MOD($C5761,24)+1)/SUM(INDEX($D$3:$AA$30,INDEX(Jesper!$R$2:$R$366,ROW(INDEX(Jesper!AI$2:AI$366,ROUNDDOWN($C5761/24,0)+1,1))-1)+IF('Standard Profiles'!$G$19=$B$10,7,0)+IF('Standard Profiles'!$G$19=$B$17,14,0)+IF('Standard Profiles'!$G$19=$B$24,21,0),0)),0)</f>
        <v>0</v>
      </c>
      <c r="F5761" cm="1">
        <f t="array" ref="F5761">IFERROR(INDEX(Jesper!AJ$2:AJ$366,ROUNDDOWN($C5761/24,0)+1,1)*INDEX($D$3:$AA$30,INDEX(Jesper!$R$2:$R$366,ROW(INDEX(Jesper!AJ$2:AJ$366,ROUNDDOWN($C5761/24,0)+1,1))-1)+IF('Standard Profiles'!$G$20=$B$10,7,0)+IF('Standard Profiles'!$G$20=$B$17,14,0)+IF('Standard Profiles'!$G$20=$B$24,21,0),MOD($C5761,24)+1)/SUM(INDEX($D$3:$AA$30,INDEX(Jesper!$R$2:$R$366,ROW(INDEX(Jesper!AJ$2:AJ$366,ROUNDDOWN($C5761/24,0)+1,1))-1)+IF('Standard Profiles'!$G$20=$B$10,7,0)+IF('Standard Profiles'!$G$20=$B$17,14,0)+IF('Standard Profiles'!$G$20=$B$24,21,0),0)),0)</f>
        <v>0</v>
      </c>
      <c r="G5761" cm="1">
        <f t="array" ref="G5761">IFERROR(INDEX(Jesper!AK$2:AK$366,ROUNDDOWN($C5761/24,0)+1,1)*INDEX($D$3:$AA$30,INDEX(Jesper!$R$2:$R$366,ROW(INDEX(Jesper!AK$2:AK$366,ROUNDDOWN($C5761/24,0)+1,1))-1)+IF('Standard Profiles'!$G$21=$B$10,7,0)+IF('Standard Profiles'!$G$21=$B$17,14,0)+IF('Standard Profiles'!$G$21=$B$24,21,0),MOD($C5761,24)+1)/SUM(INDEX($D$3:$AA$30,INDEX(Jesper!$R$2:$R$366,ROW(INDEX(Jesper!AK$2:AK$366,ROUNDDOWN($C5761/24,0)+1,1))-1)+IF('Standard Profiles'!$G$21=$B$10,7,0)+IF('Standard Profiles'!$G$21=$B$17,14,0)+IF('Standard Profiles'!$G$21=$B$24,21,0),0)),0)</f>
        <v>0</v>
      </c>
      <c r="H5761" cm="1">
        <f t="array" ref="H5761">IFERROR(INDEX(Jesper!AL$2:AL$366,ROUNDDOWN($C5761/24,0)+1,1)*INDEX($D$3:$AA$30,INDEX(Jesper!$R$2:$R$366,ROW(INDEX(Jesper!AL$2:AL$366,ROUNDDOWN($C5761/24,0)+1,1))-1)+IF('Standard Profiles'!$G$22=$B$10,7,0)+IF('Standard Profiles'!$G$22=$B$17,14,0)+IF('Standard Profiles'!$G$22=$B$24,21,0),MOD($C5761,24)+1)/SUM(INDEX($D$3:$AA$30,INDEX(Jesper!$R$2:$R$366,ROW(INDEX(Jesper!AL$2:AL$366,ROUNDDOWN($C5761/24,0)+1,1))-1)+IF('Standard Profiles'!$G$22=$B$10,7,0)+IF('Standard Profiles'!$G$22=$B$17,14,0)+IF('Standard Profiles'!$G$22=$B$24,21,0),0)),0)</f>
        <v>0</v>
      </c>
      <c r="I5761">
        <f t="shared" si="643"/>
        <v>0.47104696562810089</v>
      </c>
      <c r="J5761">
        <f t="shared" si="644"/>
        <v>1.5701565520936698</v>
      </c>
      <c r="K5761">
        <f t="shared" si="645"/>
        <v>2.3552348281405044</v>
      </c>
      <c r="L5761">
        <f t="shared" si="646"/>
        <v>11.305127175074421</v>
      </c>
      <c r="M5761">
        <f t="shared" si="647"/>
        <v>0</v>
      </c>
      <c r="N5761" s="46">
        <f t="shared" si="648"/>
        <v>45530.62499998611</v>
      </c>
    </row>
    <row r="5762" spans="2:14" x14ac:dyDescent="0.3">
      <c r="B5762">
        <f t="shared" si="642"/>
        <v>1</v>
      </c>
      <c r="C5762" s="16">
        <v>5728</v>
      </c>
      <c r="D5762" cm="1">
        <f t="array" ref="D5762">IFERROR(INDEX(Jesper!AH$2:AH$366,ROUNDDOWN($C5762/24,0)+1,1)*INDEX($D$3:$AA$30,INDEX(Jesper!$R$2:$R$366,ROW(INDEX(Jesper!AH$2:AH$366,ROUNDDOWN($C5762/24,0)+1,1))-1)+IF('Standard Profiles'!$G$18=$B$10,7,0)+IF('Standard Profiles'!$G$18=$B$17,14,0)+IF('Standard Profiles'!$G$18=$B$24,21,0),MOD($C5762,24)+1)/SUM(INDEX($D$3:$AA$30,INDEX(Jesper!$R$2:$R$366,ROW(INDEX(Jesper!AH$2:AH$366,ROUNDDOWN($C5762/24,0)+1,1))-1)+IF('Standard Profiles'!$G$18=$B$10,7,0)+IF('Standard Profiles'!$G$18=$B$17,14,0)+IF('Standard Profiles'!$G$18=$B$24,21,0),0)),0)</f>
        <v>15.701565520936697</v>
      </c>
      <c r="E5762" cm="1">
        <f t="array" ref="E5762">IFERROR(INDEX(Jesper!AI$2:AI$366,ROUNDDOWN($C5762/24,0)+1,1)*INDEX($D$3:$AA$30,INDEX(Jesper!$R$2:$R$366,ROW(INDEX(Jesper!AI$2:AI$366,ROUNDDOWN($C5762/24,0)+1,1))-1)+IF('Standard Profiles'!$G$19=$B$10,7,0)+IF('Standard Profiles'!$G$19=$B$17,14,0)+IF('Standard Profiles'!$G$19=$B$24,21,0),MOD($C5762,24)+1)/SUM(INDEX($D$3:$AA$30,INDEX(Jesper!$R$2:$R$366,ROW(INDEX(Jesper!AI$2:AI$366,ROUNDDOWN($C5762/24,0)+1,1))-1)+IF('Standard Profiles'!$G$19=$B$10,7,0)+IF('Standard Profiles'!$G$19=$B$17,14,0)+IF('Standard Profiles'!$G$19=$B$24,21,0),0)),0)</f>
        <v>0</v>
      </c>
      <c r="F5762" cm="1">
        <f t="array" ref="F5762">IFERROR(INDEX(Jesper!AJ$2:AJ$366,ROUNDDOWN($C5762/24,0)+1,1)*INDEX($D$3:$AA$30,INDEX(Jesper!$R$2:$R$366,ROW(INDEX(Jesper!AJ$2:AJ$366,ROUNDDOWN($C5762/24,0)+1,1))-1)+IF('Standard Profiles'!$G$20=$B$10,7,0)+IF('Standard Profiles'!$G$20=$B$17,14,0)+IF('Standard Profiles'!$G$20=$B$24,21,0),MOD($C5762,24)+1)/SUM(INDEX($D$3:$AA$30,INDEX(Jesper!$R$2:$R$366,ROW(INDEX(Jesper!AJ$2:AJ$366,ROUNDDOWN($C5762/24,0)+1,1))-1)+IF('Standard Profiles'!$G$20=$B$10,7,0)+IF('Standard Profiles'!$G$20=$B$17,14,0)+IF('Standard Profiles'!$G$20=$B$24,21,0),0)),0)</f>
        <v>0</v>
      </c>
      <c r="G5762" cm="1">
        <f t="array" ref="G5762">IFERROR(INDEX(Jesper!AK$2:AK$366,ROUNDDOWN($C5762/24,0)+1,1)*INDEX($D$3:$AA$30,INDEX(Jesper!$R$2:$R$366,ROW(INDEX(Jesper!AK$2:AK$366,ROUNDDOWN($C5762/24,0)+1,1))-1)+IF('Standard Profiles'!$G$21=$B$10,7,0)+IF('Standard Profiles'!$G$21=$B$17,14,0)+IF('Standard Profiles'!$G$21=$B$24,21,0),MOD($C5762,24)+1)/SUM(INDEX($D$3:$AA$30,INDEX(Jesper!$R$2:$R$366,ROW(INDEX(Jesper!AK$2:AK$366,ROUNDDOWN($C5762/24,0)+1,1))-1)+IF('Standard Profiles'!$G$21=$B$10,7,0)+IF('Standard Profiles'!$G$21=$B$17,14,0)+IF('Standard Profiles'!$G$21=$B$24,21,0),0)),0)</f>
        <v>0</v>
      </c>
      <c r="H5762" cm="1">
        <f t="array" ref="H5762">IFERROR(INDEX(Jesper!AL$2:AL$366,ROUNDDOWN($C5762/24,0)+1,1)*INDEX($D$3:$AA$30,INDEX(Jesper!$R$2:$R$366,ROW(INDEX(Jesper!AL$2:AL$366,ROUNDDOWN($C5762/24,0)+1,1))-1)+IF('Standard Profiles'!$G$22=$B$10,7,0)+IF('Standard Profiles'!$G$22=$B$17,14,0)+IF('Standard Profiles'!$G$22=$B$24,21,0),MOD($C5762,24)+1)/SUM(INDEX($D$3:$AA$30,INDEX(Jesper!$R$2:$R$366,ROW(INDEX(Jesper!AL$2:AL$366,ROUNDDOWN($C5762/24,0)+1,1))-1)+IF('Standard Profiles'!$G$22=$B$10,7,0)+IF('Standard Profiles'!$G$22=$B$17,14,0)+IF('Standard Profiles'!$G$22=$B$24,21,0),0)),0)</f>
        <v>0</v>
      </c>
      <c r="I5762">
        <f t="shared" si="643"/>
        <v>0.47104696562810089</v>
      </c>
      <c r="J5762">
        <f t="shared" si="644"/>
        <v>1.5701565520936698</v>
      </c>
      <c r="K5762">
        <f t="shared" si="645"/>
        <v>2.3552348281405044</v>
      </c>
      <c r="L5762">
        <f t="shared" si="646"/>
        <v>11.305127175074421</v>
      </c>
      <c r="M5762">
        <f t="shared" si="647"/>
        <v>0</v>
      </c>
      <c r="N5762" s="46">
        <f t="shared" si="648"/>
        <v>45530.666666652774</v>
      </c>
    </row>
    <row r="5763" spans="2:14" x14ac:dyDescent="0.3">
      <c r="B5763">
        <f t="shared" si="642"/>
        <v>1</v>
      </c>
      <c r="C5763" s="16">
        <v>5729</v>
      </c>
      <c r="D5763" cm="1">
        <f t="array" ref="D5763">IFERROR(INDEX(Jesper!AH$2:AH$366,ROUNDDOWN($C5763/24,0)+1,1)*INDEX($D$3:$AA$30,INDEX(Jesper!$R$2:$R$366,ROW(INDEX(Jesper!AH$2:AH$366,ROUNDDOWN($C5763/24,0)+1,1))-1)+IF('Standard Profiles'!$G$18=$B$10,7,0)+IF('Standard Profiles'!$G$18=$B$17,14,0)+IF('Standard Profiles'!$G$18=$B$24,21,0),MOD($C5763,24)+1)/SUM(INDEX($D$3:$AA$30,INDEX(Jesper!$R$2:$R$366,ROW(INDEX(Jesper!AH$2:AH$366,ROUNDDOWN($C5763/24,0)+1,1))-1)+IF('Standard Profiles'!$G$18=$B$10,7,0)+IF('Standard Profiles'!$G$18=$B$17,14,0)+IF('Standard Profiles'!$G$18=$B$24,21,0),0)),0)</f>
        <v>15.701565520936697</v>
      </c>
      <c r="E5763" cm="1">
        <f t="array" ref="E5763">IFERROR(INDEX(Jesper!AI$2:AI$366,ROUNDDOWN($C5763/24,0)+1,1)*INDEX($D$3:$AA$30,INDEX(Jesper!$R$2:$R$366,ROW(INDEX(Jesper!AI$2:AI$366,ROUNDDOWN($C5763/24,0)+1,1))-1)+IF('Standard Profiles'!$G$19=$B$10,7,0)+IF('Standard Profiles'!$G$19=$B$17,14,0)+IF('Standard Profiles'!$G$19=$B$24,21,0),MOD($C5763,24)+1)/SUM(INDEX($D$3:$AA$30,INDEX(Jesper!$R$2:$R$366,ROW(INDEX(Jesper!AI$2:AI$366,ROUNDDOWN($C5763/24,0)+1,1))-1)+IF('Standard Profiles'!$G$19=$B$10,7,0)+IF('Standard Profiles'!$G$19=$B$17,14,0)+IF('Standard Profiles'!$G$19=$B$24,21,0),0)),0)</f>
        <v>0</v>
      </c>
      <c r="F5763" cm="1">
        <f t="array" ref="F5763">IFERROR(INDEX(Jesper!AJ$2:AJ$366,ROUNDDOWN($C5763/24,0)+1,1)*INDEX($D$3:$AA$30,INDEX(Jesper!$R$2:$R$366,ROW(INDEX(Jesper!AJ$2:AJ$366,ROUNDDOWN($C5763/24,0)+1,1))-1)+IF('Standard Profiles'!$G$20=$B$10,7,0)+IF('Standard Profiles'!$G$20=$B$17,14,0)+IF('Standard Profiles'!$G$20=$B$24,21,0),MOD($C5763,24)+1)/SUM(INDEX($D$3:$AA$30,INDEX(Jesper!$R$2:$R$366,ROW(INDEX(Jesper!AJ$2:AJ$366,ROUNDDOWN($C5763/24,0)+1,1))-1)+IF('Standard Profiles'!$G$20=$B$10,7,0)+IF('Standard Profiles'!$G$20=$B$17,14,0)+IF('Standard Profiles'!$G$20=$B$24,21,0),0)),0)</f>
        <v>0</v>
      </c>
      <c r="G5763" cm="1">
        <f t="array" ref="G5763">IFERROR(INDEX(Jesper!AK$2:AK$366,ROUNDDOWN($C5763/24,0)+1,1)*INDEX($D$3:$AA$30,INDEX(Jesper!$R$2:$R$366,ROW(INDEX(Jesper!AK$2:AK$366,ROUNDDOWN($C5763/24,0)+1,1))-1)+IF('Standard Profiles'!$G$21=$B$10,7,0)+IF('Standard Profiles'!$G$21=$B$17,14,0)+IF('Standard Profiles'!$G$21=$B$24,21,0),MOD($C5763,24)+1)/SUM(INDEX($D$3:$AA$30,INDEX(Jesper!$R$2:$R$366,ROW(INDEX(Jesper!AK$2:AK$366,ROUNDDOWN($C5763/24,0)+1,1))-1)+IF('Standard Profiles'!$G$21=$B$10,7,0)+IF('Standard Profiles'!$G$21=$B$17,14,0)+IF('Standard Profiles'!$G$21=$B$24,21,0),0)),0)</f>
        <v>0</v>
      </c>
      <c r="H5763" cm="1">
        <f t="array" ref="H5763">IFERROR(INDEX(Jesper!AL$2:AL$366,ROUNDDOWN($C5763/24,0)+1,1)*INDEX($D$3:$AA$30,INDEX(Jesper!$R$2:$R$366,ROW(INDEX(Jesper!AL$2:AL$366,ROUNDDOWN($C5763/24,0)+1,1))-1)+IF('Standard Profiles'!$G$22=$B$10,7,0)+IF('Standard Profiles'!$G$22=$B$17,14,0)+IF('Standard Profiles'!$G$22=$B$24,21,0),MOD($C5763,24)+1)/SUM(INDEX($D$3:$AA$30,INDEX(Jesper!$R$2:$R$366,ROW(INDEX(Jesper!AL$2:AL$366,ROUNDDOWN($C5763/24,0)+1,1))-1)+IF('Standard Profiles'!$G$22=$B$10,7,0)+IF('Standard Profiles'!$G$22=$B$17,14,0)+IF('Standard Profiles'!$G$22=$B$24,21,0),0)),0)</f>
        <v>0</v>
      </c>
      <c r="I5763">
        <f t="shared" si="643"/>
        <v>0.47104696562810089</v>
      </c>
      <c r="J5763">
        <f t="shared" si="644"/>
        <v>1.5701565520936698</v>
      </c>
      <c r="K5763">
        <f t="shared" si="645"/>
        <v>2.3552348281405044</v>
      </c>
      <c r="L5763">
        <f t="shared" si="646"/>
        <v>11.305127175074421</v>
      </c>
      <c r="M5763">
        <f t="shared" si="647"/>
        <v>0</v>
      </c>
      <c r="N5763" s="46">
        <f t="shared" si="648"/>
        <v>45530.708333319439</v>
      </c>
    </row>
    <row r="5764" spans="2:14" x14ac:dyDescent="0.3">
      <c r="B5764">
        <f t="shared" si="642"/>
        <v>1</v>
      </c>
      <c r="C5764" s="16">
        <v>5730</v>
      </c>
      <c r="D5764" cm="1">
        <f t="array" ref="D5764">IFERROR(INDEX(Jesper!AH$2:AH$366,ROUNDDOWN($C5764/24,0)+1,1)*INDEX($D$3:$AA$30,INDEX(Jesper!$R$2:$R$366,ROW(INDEX(Jesper!AH$2:AH$366,ROUNDDOWN($C5764/24,0)+1,1))-1)+IF('Standard Profiles'!$G$18=$B$10,7,0)+IF('Standard Profiles'!$G$18=$B$17,14,0)+IF('Standard Profiles'!$G$18=$B$24,21,0),MOD($C5764,24)+1)/SUM(INDEX($D$3:$AA$30,INDEX(Jesper!$R$2:$R$366,ROW(INDEX(Jesper!AH$2:AH$366,ROUNDDOWN($C5764/24,0)+1,1))-1)+IF('Standard Profiles'!$G$18=$B$10,7,0)+IF('Standard Profiles'!$G$18=$B$17,14,0)+IF('Standard Profiles'!$G$18=$B$24,21,0),0)),0)</f>
        <v>15.701565520936697</v>
      </c>
      <c r="E5764" cm="1">
        <f t="array" ref="E5764">IFERROR(INDEX(Jesper!AI$2:AI$366,ROUNDDOWN($C5764/24,0)+1,1)*INDEX($D$3:$AA$30,INDEX(Jesper!$R$2:$R$366,ROW(INDEX(Jesper!AI$2:AI$366,ROUNDDOWN($C5764/24,0)+1,1))-1)+IF('Standard Profiles'!$G$19=$B$10,7,0)+IF('Standard Profiles'!$G$19=$B$17,14,0)+IF('Standard Profiles'!$G$19=$B$24,21,0),MOD($C5764,24)+1)/SUM(INDEX($D$3:$AA$30,INDEX(Jesper!$R$2:$R$366,ROW(INDEX(Jesper!AI$2:AI$366,ROUNDDOWN($C5764/24,0)+1,1))-1)+IF('Standard Profiles'!$G$19=$B$10,7,0)+IF('Standard Profiles'!$G$19=$B$17,14,0)+IF('Standard Profiles'!$G$19=$B$24,21,0),0)),0)</f>
        <v>0</v>
      </c>
      <c r="F5764" cm="1">
        <f t="array" ref="F5764">IFERROR(INDEX(Jesper!AJ$2:AJ$366,ROUNDDOWN($C5764/24,0)+1,1)*INDEX($D$3:$AA$30,INDEX(Jesper!$R$2:$R$366,ROW(INDEX(Jesper!AJ$2:AJ$366,ROUNDDOWN($C5764/24,0)+1,1))-1)+IF('Standard Profiles'!$G$20=$B$10,7,0)+IF('Standard Profiles'!$G$20=$B$17,14,0)+IF('Standard Profiles'!$G$20=$B$24,21,0),MOD($C5764,24)+1)/SUM(INDEX($D$3:$AA$30,INDEX(Jesper!$R$2:$R$366,ROW(INDEX(Jesper!AJ$2:AJ$366,ROUNDDOWN($C5764/24,0)+1,1))-1)+IF('Standard Profiles'!$G$20=$B$10,7,0)+IF('Standard Profiles'!$G$20=$B$17,14,0)+IF('Standard Profiles'!$G$20=$B$24,21,0),0)),0)</f>
        <v>0</v>
      </c>
      <c r="G5764" cm="1">
        <f t="array" ref="G5764">IFERROR(INDEX(Jesper!AK$2:AK$366,ROUNDDOWN($C5764/24,0)+1,1)*INDEX($D$3:$AA$30,INDEX(Jesper!$R$2:$R$366,ROW(INDEX(Jesper!AK$2:AK$366,ROUNDDOWN($C5764/24,0)+1,1))-1)+IF('Standard Profiles'!$G$21=$B$10,7,0)+IF('Standard Profiles'!$G$21=$B$17,14,0)+IF('Standard Profiles'!$G$21=$B$24,21,0),MOD($C5764,24)+1)/SUM(INDEX($D$3:$AA$30,INDEX(Jesper!$R$2:$R$366,ROW(INDEX(Jesper!AK$2:AK$366,ROUNDDOWN($C5764/24,0)+1,1))-1)+IF('Standard Profiles'!$G$21=$B$10,7,0)+IF('Standard Profiles'!$G$21=$B$17,14,0)+IF('Standard Profiles'!$G$21=$B$24,21,0),0)),0)</f>
        <v>0</v>
      </c>
      <c r="H5764" cm="1">
        <f t="array" ref="H5764">IFERROR(INDEX(Jesper!AL$2:AL$366,ROUNDDOWN($C5764/24,0)+1,1)*INDEX($D$3:$AA$30,INDEX(Jesper!$R$2:$R$366,ROW(INDEX(Jesper!AL$2:AL$366,ROUNDDOWN($C5764/24,0)+1,1))-1)+IF('Standard Profiles'!$G$22=$B$10,7,0)+IF('Standard Profiles'!$G$22=$B$17,14,0)+IF('Standard Profiles'!$G$22=$B$24,21,0),MOD($C5764,24)+1)/SUM(INDEX($D$3:$AA$30,INDEX(Jesper!$R$2:$R$366,ROW(INDEX(Jesper!AL$2:AL$366,ROUNDDOWN($C5764/24,0)+1,1))-1)+IF('Standard Profiles'!$G$22=$B$10,7,0)+IF('Standard Profiles'!$G$22=$B$17,14,0)+IF('Standard Profiles'!$G$22=$B$24,21,0),0)),0)</f>
        <v>0</v>
      </c>
      <c r="I5764">
        <f t="shared" si="643"/>
        <v>0.47104696562810089</v>
      </c>
      <c r="J5764">
        <f t="shared" si="644"/>
        <v>1.5701565520936698</v>
      </c>
      <c r="K5764">
        <f t="shared" si="645"/>
        <v>2.3552348281405044</v>
      </c>
      <c r="L5764">
        <f t="shared" si="646"/>
        <v>11.305127175074421</v>
      </c>
      <c r="M5764">
        <f t="shared" si="647"/>
        <v>0</v>
      </c>
      <c r="N5764" s="46">
        <f t="shared" si="648"/>
        <v>45530.749999986103</v>
      </c>
    </row>
    <row r="5765" spans="2:14" x14ac:dyDescent="0.3">
      <c r="B5765">
        <f t="shared" si="642"/>
        <v>1</v>
      </c>
      <c r="C5765" s="16">
        <v>5731</v>
      </c>
      <c r="D5765" cm="1">
        <f t="array" ref="D5765">IFERROR(INDEX(Jesper!AH$2:AH$366,ROUNDDOWN($C5765/24,0)+1,1)*INDEX($D$3:$AA$30,INDEX(Jesper!$R$2:$R$366,ROW(INDEX(Jesper!AH$2:AH$366,ROUNDDOWN($C5765/24,0)+1,1))-1)+IF('Standard Profiles'!$G$18=$B$10,7,0)+IF('Standard Profiles'!$G$18=$B$17,14,0)+IF('Standard Profiles'!$G$18=$B$24,21,0),MOD($C5765,24)+1)/SUM(INDEX($D$3:$AA$30,INDEX(Jesper!$R$2:$R$366,ROW(INDEX(Jesper!AH$2:AH$366,ROUNDDOWN($C5765/24,0)+1,1))-1)+IF('Standard Profiles'!$G$18=$B$10,7,0)+IF('Standard Profiles'!$G$18=$B$17,14,0)+IF('Standard Profiles'!$G$18=$B$24,21,0),0)),0)</f>
        <v>13.150061123784484</v>
      </c>
      <c r="E5765" cm="1">
        <f t="array" ref="E5765">IFERROR(INDEX(Jesper!AI$2:AI$366,ROUNDDOWN($C5765/24,0)+1,1)*INDEX($D$3:$AA$30,INDEX(Jesper!$R$2:$R$366,ROW(INDEX(Jesper!AI$2:AI$366,ROUNDDOWN($C5765/24,0)+1,1))-1)+IF('Standard Profiles'!$G$19=$B$10,7,0)+IF('Standard Profiles'!$G$19=$B$17,14,0)+IF('Standard Profiles'!$G$19=$B$24,21,0),MOD($C5765,24)+1)/SUM(INDEX($D$3:$AA$30,INDEX(Jesper!$R$2:$R$366,ROW(INDEX(Jesper!AI$2:AI$366,ROUNDDOWN($C5765/24,0)+1,1))-1)+IF('Standard Profiles'!$G$19=$B$10,7,0)+IF('Standard Profiles'!$G$19=$B$17,14,0)+IF('Standard Profiles'!$G$19=$B$24,21,0),0)),0)</f>
        <v>0</v>
      </c>
      <c r="F5765" cm="1">
        <f t="array" ref="F5765">IFERROR(INDEX(Jesper!AJ$2:AJ$366,ROUNDDOWN($C5765/24,0)+1,1)*INDEX($D$3:$AA$30,INDEX(Jesper!$R$2:$R$366,ROW(INDEX(Jesper!AJ$2:AJ$366,ROUNDDOWN($C5765/24,0)+1,1))-1)+IF('Standard Profiles'!$G$20=$B$10,7,0)+IF('Standard Profiles'!$G$20=$B$17,14,0)+IF('Standard Profiles'!$G$20=$B$24,21,0),MOD($C5765,24)+1)/SUM(INDEX($D$3:$AA$30,INDEX(Jesper!$R$2:$R$366,ROW(INDEX(Jesper!AJ$2:AJ$366,ROUNDDOWN($C5765/24,0)+1,1))-1)+IF('Standard Profiles'!$G$20=$B$10,7,0)+IF('Standard Profiles'!$G$20=$B$17,14,0)+IF('Standard Profiles'!$G$20=$B$24,21,0),0)),0)</f>
        <v>0</v>
      </c>
      <c r="G5765" cm="1">
        <f t="array" ref="G5765">IFERROR(INDEX(Jesper!AK$2:AK$366,ROUNDDOWN($C5765/24,0)+1,1)*INDEX($D$3:$AA$30,INDEX(Jesper!$R$2:$R$366,ROW(INDEX(Jesper!AK$2:AK$366,ROUNDDOWN($C5765/24,0)+1,1))-1)+IF('Standard Profiles'!$G$21=$B$10,7,0)+IF('Standard Profiles'!$G$21=$B$17,14,0)+IF('Standard Profiles'!$G$21=$B$24,21,0),MOD($C5765,24)+1)/SUM(INDEX($D$3:$AA$30,INDEX(Jesper!$R$2:$R$366,ROW(INDEX(Jesper!AK$2:AK$366,ROUNDDOWN($C5765/24,0)+1,1))-1)+IF('Standard Profiles'!$G$21=$B$10,7,0)+IF('Standard Profiles'!$G$21=$B$17,14,0)+IF('Standard Profiles'!$G$21=$B$24,21,0),0)),0)</f>
        <v>0</v>
      </c>
      <c r="H5765" cm="1">
        <f t="array" ref="H5765">IFERROR(INDEX(Jesper!AL$2:AL$366,ROUNDDOWN($C5765/24,0)+1,1)*INDEX($D$3:$AA$30,INDEX(Jesper!$R$2:$R$366,ROW(INDEX(Jesper!AL$2:AL$366,ROUNDDOWN($C5765/24,0)+1,1))-1)+IF('Standard Profiles'!$G$22=$B$10,7,0)+IF('Standard Profiles'!$G$22=$B$17,14,0)+IF('Standard Profiles'!$G$22=$B$24,21,0),MOD($C5765,24)+1)/SUM(INDEX($D$3:$AA$30,INDEX(Jesper!$R$2:$R$366,ROW(INDEX(Jesper!AL$2:AL$366,ROUNDDOWN($C5765/24,0)+1,1))-1)+IF('Standard Profiles'!$G$22=$B$10,7,0)+IF('Standard Profiles'!$G$22=$B$17,14,0)+IF('Standard Profiles'!$G$22=$B$24,21,0),0)),0)</f>
        <v>0</v>
      </c>
      <c r="I5765">
        <f t="shared" si="643"/>
        <v>0.39450183371353448</v>
      </c>
      <c r="J5765">
        <f t="shared" si="644"/>
        <v>1.3150061123784484</v>
      </c>
      <c r="K5765">
        <f t="shared" si="645"/>
        <v>1.9725091685676726</v>
      </c>
      <c r="L5765">
        <f t="shared" si="646"/>
        <v>9.4680440091248279</v>
      </c>
      <c r="M5765">
        <f t="shared" si="647"/>
        <v>0</v>
      </c>
      <c r="N5765" s="46">
        <f t="shared" si="648"/>
        <v>45530.791666652767</v>
      </c>
    </row>
    <row r="5766" spans="2:14" x14ac:dyDescent="0.3">
      <c r="B5766">
        <f t="shared" si="642"/>
        <v>1</v>
      </c>
      <c r="C5766" s="16">
        <v>5732</v>
      </c>
      <c r="D5766" cm="1">
        <f t="array" ref="D5766">IFERROR(INDEX(Jesper!AH$2:AH$366,ROUNDDOWN($C5766/24,0)+1,1)*INDEX($D$3:$AA$30,INDEX(Jesper!$R$2:$R$366,ROW(INDEX(Jesper!AH$2:AH$366,ROUNDDOWN($C5766/24,0)+1,1))-1)+IF('Standard Profiles'!$G$18=$B$10,7,0)+IF('Standard Profiles'!$G$18=$B$17,14,0)+IF('Standard Profiles'!$G$18=$B$24,21,0),MOD($C5766,24)+1)/SUM(INDEX($D$3:$AA$30,INDEX(Jesper!$R$2:$R$366,ROW(INDEX(Jesper!AH$2:AH$366,ROUNDDOWN($C5766/24,0)+1,1))-1)+IF('Standard Profiles'!$G$18=$B$10,7,0)+IF('Standard Profiles'!$G$18=$B$17,14,0)+IF('Standard Profiles'!$G$18=$B$24,21,0),0)),0)</f>
        <v>10.794826295643977</v>
      </c>
      <c r="E5766" cm="1">
        <f t="array" ref="E5766">IFERROR(INDEX(Jesper!AI$2:AI$366,ROUNDDOWN($C5766/24,0)+1,1)*INDEX($D$3:$AA$30,INDEX(Jesper!$R$2:$R$366,ROW(INDEX(Jesper!AI$2:AI$366,ROUNDDOWN($C5766/24,0)+1,1))-1)+IF('Standard Profiles'!$G$19=$B$10,7,0)+IF('Standard Profiles'!$G$19=$B$17,14,0)+IF('Standard Profiles'!$G$19=$B$24,21,0),MOD($C5766,24)+1)/SUM(INDEX($D$3:$AA$30,INDEX(Jesper!$R$2:$R$366,ROW(INDEX(Jesper!AI$2:AI$366,ROUNDDOWN($C5766/24,0)+1,1))-1)+IF('Standard Profiles'!$G$19=$B$10,7,0)+IF('Standard Profiles'!$G$19=$B$17,14,0)+IF('Standard Profiles'!$G$19=$B$24,21,0),0)),0)</f>
        <v>0</v>
      </c>
      <c r="F5766" cm="1">
        <f t="array" ref="F5766">IFERROR(INDEX(Jesper!AJ$2:AJ$366,ROUNDDOWN($C5766/24,0)+1,1)*INDEX($D$3:$AA$30,INDEX(Jesper!$R$2:$R$366,ROW(INDEX(Jesper!AJ$2:AJ$366,ROUNDDOWN($C5766/24,0)+1,1))-1)+IF('Standard Profiles'!$G$20=$B$10,7,0)+IF('Standard Profiles'!$G$20=$B$17,14,0)+IF('Standard Profiles'!$G$20=$B$24,21,0),MOD($C5766,24)+1)/SUM(INDEX($D$3:$AA$30,INDEX(Jesper!$R$2:$R$366,ROW(INDEX(Jesper!AJ$2:AJ$366,ROUNDDOWN($C5766/24,0)+1,1))-1)+IF('Standard Profiles'!$G$20=$B$10,7,0)+IF('Standard Profiles'!$G$20=$B$17,14,0)+IF('Standard Profiles'!$G$20=$B$24,21,0),0)),0)</f>
        <v>0</v>
      </c>
      <c r="G5766" cm="1">
        <f t="array" ref="G5766">IFERROR(INDEX(Jesper!AK$2:AK$366,ROUNDDOWN($C5766/24,0)+1,1)*INDEX($D$3:$AA$30,INDEX(Jesper!$R$2:$R$366,ROW(INDEX(Jesper!AK$2:AK$366,ROUNDDOWN($C5766/24,0)+1,1))-1)+IF('Standard Profiles'!$G$21=$B$10,7,0)+IF('Standard Profiles'!$G$21=$B$17,14,0)+IF('Standard Profiles'!$G$21=$B$24,21,0),MOD($C5766,24)+1)/SUM(INDEX($D$3:$AA$30,INDEX(Jesper!$R$2:$R$366,ROW(INDEX(Jesper!AK$2:AK$366,ROUNDDOWN($C5766/24,0)+1,1))-1)+IF('Standard Profiles'!$G$21=$B$10,7,0)+IF('Standard Profiles'!$G$21=$B$17,14,0)+IF('Standard Profiles'!$G$21=$B$24,21,0),0)),0)</f>
        <v>0</v>
      </c>
      <c r="H5766" cm="1">
        <f t="array" ref="H5766">IFERROR(INDEX(Jesper!AL$2:AL$366,ROUNDDOWN($C5766/24,0)+1,1)*INDEX($D$3:$AA$30,INDEX(Jesper!$R$2:$R$366,ROW(INDEX(Jesper!AL$2:AL$366,ROUNDDOWN($C5766/24,0)+1,1))-1)+IF('Standard Profiles'!$G$22=$B$10,7,0)+IF('Standard Profiles'!$G$22=$B$17,14,0)+IF('Standard Profiles'!$G$22=$B$24,21,0),MOD($C5766,24)+1)/SUM(INDEX($D$3:$AA$30,INDEX(Jesper!$R$2:$R$366,ROW(INDEX(Jesper!AL$2:AL$366,ROUNDDOWN($C5766/24,0)+1,1))-1)+IF('Standard Profiles'!$G$22=$B$10,7,0)+IF('Standard Profiles'!$G$22=$B$17,14,0)+IF('Standard Profiles'!$G$22=$B$24,21,0),0)),0)</f>
        <v>0</v>
      </c>
      <c r="I5766">
        <f t="shared" si="643"/>
        <v>0.32384478886931933</v>
      </c>
      <c r="J5766">
        <f t="shared" si="644"/>
        <v>1.0794826295643978</v>
      </c>
      <c r="K5766">
        <f t="shared" si="645"/>
        <v>1.6192239443465966</v>
      </c>
      <c r="L5766">
        <f t="shared" si="646"/>
        <v>7.7722749328636631</v>
      </c>
      <c r="M5766">
        <f t="shared" si="647"/>
        <v>0</v>
      </c>
      <c r="N5766" s="46">
        <f t="shared" si="648"/>
        <v>45530.833333319431</v>
      </c>
    </row>
    <row r="5767" spans="2:14" x14ac:dyDescent="0.3">
      <c r="B5767">
        <f t="shared" si="642"/>
        <v>1</v>
      </c>
      <c r="C5767" s="16">
        <v>5733</v>
      </c>
      <c r="D5767" cm="1">
        <f t="array" ref="D5767">IFERROR(INDEX(Jesper!AH$2:AH$366,ROUNDDOWN($C5767/24,0)+1,1)*INDEX($D$3:$AA$30,INDEX(Jesper!$R$2:$R$366,ROW(INDEX(Jesper!AH$2:AH$366,ROUNDDOWN($C5767/24,0)+1,1))-1)+IF('Standard Profiles'!$G$18=$B$10,7,0)+IF('Standard Profiles'!$G$18=$B$17,14,0)+IF('Standard Profiles'!$G$18=$B$24,21,0),MOD($C5767,24)+1)/SUM(INDEX($D$3:$AA$30,INDEX(Jesper!$R$2:$R$366,ROW(INDEX(Jesper!AH$2:AH$366,ROUNDDOWN($C5767/24,0)+1,1))-1)+IF('Standard Profiles'!$G$18=$B$10,7,0)+IF('Standard Profiles'!$G$18=$B$17,14,0)+IF('Standard Profiles'!$G$18=$B$24,21,0),0)),0)</f>
        <v>7.8507827604683484</v>
      </c>
      <c r="E5767" cm="1">
        <f t="array" ref="E5767">IFERROR(INDEX(Jesper!AI$2:AI$366,ROUNDDOWN($C5767/24,0)+1,1)*INDEX($D$3:$AA$30,INDEX(Jesper!$R$2:$R$366,ROW(INDEX(Jesper!AI$2:AI$366,ROUNDDOWN($C5767/24,0)+1,1))-1)+IF('Standard Profiles'!$G$19=$B$10,7,0)+IF('Standard Profiles'!$G$19=$B$17,14,0)+IF('Standard Profiles'!$G$19=$B$24,21,0),MOD($C5767,24)+1)/SUM(INDEX($D$3:$AA$30,INDEX(Jesper!$R$2:$R$366,ROW(INDEX(Jesper!AI$2:AI$366,ROUNDDOWN($C5767/24,0)+1,1))-1)+IF('Standard Profiles'!$G$19=$B$10,7,0)+IF('Standard Profiles'!$G$19=$B$17,14,0)+IF('Standard Profiles'!$G$19=$B$24,21,0),0)),0)</f>
        <v>0</v>
      </c>
      <c r="F5767" cm="1">
        <f t="array" ref="F5767">IFERROR(INDEX(Jesper!AJ$2:AJ$366,ROUNDDOWN($C5767/24,0)+1,1)*INDEX($D$3:$AA$30,INDEX(Jesper!$R$2:$R$366,ROW(INDEX(Jesper!AJ$2:AJ$366,ROUNDDOWN($C5767/24,0)+1,1))-1)+IF('Standard Profiles'!$G$20=$B$10,7,0)+IF('Standard Profiles'!$G$20=$B$17,14,0)+IF('Standard Profiles'!$G$20=$B$24,21,0),MOD($C5767,24)+1)/SUM(INDEX($D$3:$AA$30,INDEX(Jesper!$R$2:$R$366,ROW(INDEX(Jesper!AJ$2:AJ$366,ROUNDDOWN($C5767/24,0)+1,1))-1)+IF('Standard Profiles'!$G$20=$B$10,7,0)+IF('Standard Profiles'!$G$20=$B$17,14,0)+IF('Standard Profiles'!$G$20=$B$24,21,0),0)),0)</f>
        <v>0</v>
      </c>
      <c r="G5767" cm="1">
        <f t="array" ref="G5767">IFERROR(INDEX(Jesper!AK$2:AK$366,ROUNDDOWN($C5767/24,0)+1,1)*INDEX($D$3:$AA$30,INDEX(Jesper!$R$2:$R$366,ROW(INDEX(Jesper!AK$2:AK$366,ROUNDDOWN($C5767/24,0)+1,1))-1)+IF('Standard Profiles'!$G$21=$B$10,7,0)+IF('Standard Profiles'!$G$21=$B$17,14,0)+IF('Standard Profiles'!$G$21=$B$24,21,0),MOD($C5767,24)+1)/SUM(INDEX($D$3:$AA$30,INDEX(Jesper!$R$2:$R$366,ROW(INDEX(Jesper!AK$2:AK$366,ROUNDDOWN($C5767/24,0)+1,1))-1)+IF('Standard Profiles'!$G$21=$B$10,7,0)+IF('Standard Profiles'!$G$21=$B$17,14,0)+IF('Standard Profiles'!$G$21=$B$24,21,0),0)),0)</f>
        <v>0</v>
      </c>
      <c r="H5767" cm="1">
        <f t="array" ref="H5767">IFERROR(INDEX(Jesper!AL$2:AL$366,ROUNDDOWN($C5767/24,0)+1,1)*INDEX($D$3:$AA$30,INDEX(Jesper!$R$2:$R$366,ROW(INDEX(Jesper!AL$2:AL$366,ROUNDDOWN($C5767/24,0)+1,1))-1)+IF('Standard Profiles'!$G$22=$B$10,7,0)+IF('Standard Profiles'!$G$22=$B$17,14,0)+IF('Standard Profiles'!$G$22=$B$24,21,0),MOD($C5767,24)+1)/SUM(INDEX($D$3:$AA$30,INDEX(Jesper!$R$2:$R$366,ROW(INDEX(Jesper!AL$2:AL$366,ROUNDDOWN($C5767/24,0)+1,1))-1)+IF('Standard Profiles'!$G$22=$B$10,7,0)+IF('Standard Profiles'!$G$22=$B$17,14,0)+IF('Standard Profiles'!$G$22=$B$24,21,0),0)),0)</f>
        <v>0</v>
      </c>
      <c r="I5767">
        <f t="shared" si="643"/>
        <v>0.23552348281405044</v>
      </c>
      <c r="J5767">
        <f t="shared" si="644"/>
        <v>0.78507827604683489</v>
      </c>
      <c r="K5767">
        <f t="shared" si="645"/>
        <v>1.1776174140702522</v>
      </c>
      <c r="L5767">
        <f t="shared" si="646"/>
        <v>5.6525635875372107</v>
      </c>
      <c r="M5767">
        <f t="shared" si="647"/>
        <v>0</v>
      </c>
      <c r="N5767" s="46">
        <f t="shared" si="648"/>
        <v>45530.874999986096</v>
      </c>
    </row>
    <row r="5768" spans="2:14" x14ac:dyDescent="0.3">
      <c r="B5768">
        <f t="shared" si="642"/>
        <v>1</v>
      </c>
      <c r="C5768" s="16">
        <v>5734</v>
      </c>
      <c r="D5768" cm="1">
        <f t="array" ref="D5768">IFERROR(INDEX(Jesper!AH$2:AH$366,ROUNDDOWN($C5768/24,0)+1,1)*INDEX($D$3:$AA$30,INDEX(Jesper!$R$2:$R$366,ROW(INDEX(Jesper!AH$2:AH$366,ROUNDDOWN($C5768/24,0)+1,1))-1)+IF('Standard Profiles'!$G$18=$B$10,7,0)+IF('Standard Profiles'!$G$18=$B$17,14,0)+IF('Standard Profiles'!$G$18=$B$24,21,0),MOD($C5768,24)+1)/SUM(INDEX($D$3:$AA$30,INDEX(Jesper!$R$2:$R$366,ROW(INDEX(Jesper!AH$2:AH$366,ROUNDDOWN($C5768/24,0)+1,1))-1)+IF('Standard Profiles'!$G$18=$B$10,7,0)+IF('Standard Profiles'!$G$18=$B$17,14,0)+IF('Standard Profiles'!$G$18=$B$24,21,0),0)),0)</f>
        <v>7.4582436224449316</v>
      </c>
      <c r="E5768" cm="1">
        <f t="array" ref="E5768">IFERROR(INDEX(Jesper!AI$2:AI$366,ROUNDDOWN($C5768/24,0)+1,1)*INDEX($D$3:$AA$30,INDEX(Jesper!$R$2:$R$366,ROW(INDEX(Jesper!AI$2:AI$366,ROUNDDOWN($C5768/24,0)+1,1))-1)+IF('Standard Profiles'!$G$19=$B$10,7,0)+IF('Standard Profiles'!$G$19=$B$17,14,0)+IF('Standard Profiles'!$G$19=$B$24,21,0),MOD($C5768,24)+1)/SUM(INDEX($D$3:$AA$30,INDEX(Jesper!$R$2:$R$366,ROW(INDEX(Jesper!AI$2:AI$366,ROUNDDOWN($C5768/24,0)+1,1))-1)+IF('Standard Profiles'!$G$19=$B$10,7,0)+IF('Standard Profiles'!$G$19=$B$17,14,0)+IF('Standard Profiles'!$G$19=$B$24,21,0),0)),0)</f>
        <v>0</v>
      </c>
      <c r="F5768" cm="1">
        <f t="array" ref="F5768">IFERROR(INDEX(Jesper!AJ$2:AJ$366,ROUNDDOWN($C5768/24,0)+1,1)*INDEX($D$3:$AA$30,INDEX(Jesper!$R$2:$R$366,ROW(INDEX(Jesper!AJ$2:AJ$366,ROUNDDOWN($C5768/24,0)+1,1))-1)+IF('Standard Profiles'!$G$20=$B$10,7,0)+IF('Standard Profiles'!$G$20=$B$17,14,0)+IF('Standard Profiles'!$G$20=$B$24,21,0),MOD($C5768,24)+1)/SUM(INDEX($D$3:$AA$30,INDEX(Jesper!$R$2:$R$366,ROW(INDEX(Jesper!AJ$2:AJ$366,ROUNDDOWN($C5768/24,0)+1,1))-1)+IF('Standard Profiles'!$G$20=$B$10,7,0)+IF('Standard Profiles'!$G$20=$B$17,14,0)+IF('Standard Profiles'!$G$20=$B$24,21,0),0)),0)</f>
        <v>0</v>
      </c>
      <c r="G5768" cm="1">
        <f t="array" ref="G5768">IFERROR(INDEX(Jesper!AK$2:AK$366,ROUNDDOWN($C5768/24,0)+1,1)*INDEX($D$3:$AA$30,INDEX(Jesper!$R$2:$R$366,ROW(INDEX(Jesper!AK$2:AK$366,ROUNDDOWN($C5768/24,0)+1,1))-1)+IF('Standard Profiles'!$G$21=$B$10,7,0)+IF('Standard Profiles'!$G$21=$B$17,14,0)+IF('Standard Profiles'!$G$21=$B$24,21,0),MOD($C5768,24)+1)/SUM(INDEX($D$3:$AA$30,INDEX(Jesper!$R$2:$R$366,ROW(INDEX(Jesper!AK$2:AK$366,ROUNDDOWN($C5768/24,0)+1,1))-1)+IF('Standard Profiles'!$G$21=$B$10,7,0)+IF('Standard Profiles'!$G$21=$B$17,14,0)+IF('Standard Profiles'!$G$21=$B$24,21,0),0)),0)</f>
        <v>0</v>
      </c>
      <c r="H5768" cm="1">
        <f t="array" ref="H5768">IFERROR(INDEX(Jesper!AL$2:AL$366,ROUNDDOWN($C5768/24,0)+1,1)*INDEX($D$3:$AA$30,INDEX(Jesper!$R$2:$R$366,ROW(INDEX(Jesper!AL$2:AL$366,ROUNDDOWN($C5768/24,0)+1,1))-1)+IF('Standard Profiles'!$G$22=$B$10,7,0)+IF('Standard Profiles'!$G$22=$B$17,14,0)+IF('Standard Profiles'!$G$22=$B$24,21,0),MOD($C5768,24)+1)/SUM(INDEX($D$3:$AA$30,INDEX(Jesper!$R$2:$R$366,ROW(INDEX(Jesper!AL$2:AL$366,ROUNDDOWN($C5768/24,0)+1,1))-1)+IF('Standard Profiles'!$G$22=$B$10,7,0)+IF('Standard Profiles'!$G$22=$B$17,14,0)+IF('Standard Profiles'!$G$22=$B$24,21,0),0)),0)</f>
        <v>0</v>
      </c>
      <c r="I5768">
        <f t="shared" si="643"/>
        <v>0.22374730867334794</v>
      </c>
      <c r="J5768">
        <f t="shared" si="644"/>
        <v>0.74582436224449322</v>
      </c>
      <c r="K5768">
        <f t="shared" si="645"/>
        <v>1.1187365433667398</v>
      </c>
      <c r="L5768">
        <f t="shared" si="646"/>
        <v>5.3699354081603508</v>
      </c>
      <c r="M5768">
        <f t="shared" si="647"/>
        <v>0</v>
      </c>
      <c r="N5768" s="46">
        <f t="shared" si="648"/>
        <v>45530.91666665276</v>
      </c>
    </row>
    <row r="5769" spans="2:14" x14ac:dyDescent="0.3">
      <c r="B5769">
        <f t="shared" si="642"/>
        <v>1</v>
      </c>
      <c r="C5769" s="16">
        <v>5735</v>
      </c>
      <c r="D5769" cm="1">
        <f t="array" ref="D5769">IFERROR(INDEX(Jesper!AH$2:AH$366,ROUNDDOWN($C5769/24,0)+1,1)*INDEX($D$3:$AA$30,INDEX(Jesper!$R$2:$R$366,ROW(INDEX(Jesper!AH$2:AH$366,ROUNDDOWN($C5769/24,0)+1,1))-1)+IF('Standard Profiles'!$G$18=$B$10,7,0)+IF('Standard Profiles'!$G$18=$B$17,14,0)+IF('Standard Profiles'!$G$18=$B$24,21,0),MOD($C5769,24)+1)/SUM(INDEX($D$3:$AA$30,INDEX(Jesper!$R$2:$R$366,ROW(INDEX(Jesper!AH$2:AH$366,ROUNDDOWN($C5769/24,0)+1,1))-1)+IF('Standard Profiles'!$G$18=$B$10,7,0)+IF('Standard Profiles'!$G$18=$B$17,14,0)+IF('Standard Profiles'!$G$18=$B$24,21,0),0)),0)</f>
        <v>7.4582436224449316</v>
      </c>
      <c r="E5769" cm="1">
        <f t="array" ref="E5769">IFERROR(INDEX(Jesper!AI$2:AI$366,ROUNDDOWN($C5769/24,0)+1,1)*INDEX($D$3:$AA$30,INDEX(Jesper!$R$2:$R$366,ROW(INDEX(Jesper!AI$2:AI$366,ROUNDDOWN($C5769/24,0)+1,1))-1)+IF('Standard Profiles'!$G$19=$B$10,7,0)+IF('Standard Profiles'!$G$19=$B$17,14,0)+IF('Standard Profiles'!$G$19=$B$24,21,0),MOD($C5769,24)+1)/SUM(INDEX($D$3:$AA$30,INDEX(Jesper!$R$2:$R$366,ROW(INDEX(Jesper!AI$2:AI$366,ROUNDDOWN($C5769/24,0)+1,1))-1)+IF('Standard Profiles'!$G$19=$B$10,7,0)+IF('Standard Profiles'!$G$19=$B$17,14,0)+IF('Standard Profiles'!$G$19=$B$24,21,0),0)),0)</f>
        <v>0</v>
      </c>
      <c r="F5769" cm="1">
        <f t="array" ref="F5769">IFERROR(INDEX(Jesper!AJ$2:AJ$366,ROUNDDOWN($C5769/24,0)+1,1)*INDEX($D$3:$AA$30,INDEX(Jesper!$R$2:$R$366,ROW(INDEX(Jesper!AJ$2:AJ$366,ROUNDDOWN($C5769/24,0)+1,1))-1)+IF('Standard Profiles'!$G$20=$B$10,7,0)+IF('Standard Profiles'!$G$20=$B$17,14,0)+IF('Standard Profiles'!$G$20=$B$24,21,0),MOD($C5769,24)+1)/SUM(INDEX($D$3:$AA$30,INDEX(Jesper!$R$2:$R$366,ROW(INDEX(Jesper!AJ$2:AJ$366,ROUNDDOWN($C5769/24,0)+1,1))-1)+IF('Standard Profiles'!$G$20=$B$10,7,0)+IF('Standard Profiles'!$G$20=$B$17,14,0)+IF('Standard Profiles'!$G$20=$B$24,21,0),0)),0)</f>
        <v>0</v>
      </c>
      <c r="G5769" cm="1">
        <f t="array" ref="G5769">IFERROR(INDEX(Jesper!AK$2:AK$366,ROUNDDOWN($C5769/24,0)+1,1)*INDEX($D$3:$AA$30,INDEX(Jesper!$R$2:$R$366,ROW(INDEX(Jesper!AK$2:AK$366,ROUNDDOWN($C5769/24,0)+1,1))-1)+IF('Standard Profiles'!$G$21=$B$10,7,0)+IF('Standard Profiles'!$G$21=$B$17,14,0)+IF('Standard Profiles'!$G$21=$B$24,21,0),MOD($C5769,24)+1)/SUM(INDEX($D$3:$AA$30,INDEX(Jesper!$R$2:$R$366,ROW(INDEX(Jesper!AK$2:AK$366,ROUNDDOWN($C5769/24,0)+1,1))-1)+IF('Standard Profiles'!$G$21=$B$10,7,0)+IF('Standard Profiles'!$G$21=$B$17,14,0)+IF('Standard Profiles'!$G$21=$B$24,21,0),0)),0)</f>
        <v>0</v>
      </c>
      <c r="H5769" cm="1">
        <f t="array" ref="H5769">IFERROR(INDEX(Jesper!AL$2:AL$366,ROUNDDOWN($C5769/24,0)+1,1)*INDEX($D$3:$AA$30,INDEX(Jesper!$R$2:$R$366,ROW(INDEX(Jesper!AL$2:AL$366,ROUNDDOWN($C5769/24,0)+1,1))-1)+IF('Standard Profiles'!$G$22=$B$10,7,0)+IF('Standard Profiles'!$G$22=$B$17,14,0)+IF('Standard Profiles'!$G$22=$B$24,21,0),MOD($C5769,24)+1)/SUM(INDEX($D$3:$AA$30,INDEX(Jesper!$R$2:$R$366,ROW(INDEX(Jesper!AL$2:AL$366,ROUNDDOWN($C5769/24,0)+1,1))-1)+IF('Standard Profiles'!$G$22=$B$10,7,0)+IF('Standard Profiles'!$G$22=$B$17,14,0)+IF('Standard Profiles'!$G$22=$B$24,21,0),0)),0)</f>
        <v>0</v>
      </c>
      <c r="I5769">
        <f t="shared" si="643"/>
        <v>0.22374730867334794</v>
      </c>
      <c r="J5769">
        <f t="shared" si="644"/>
        <v>0.74582436224449322</v>
      </c>
      <c r="K5769">
        <f t="shared" si="645"/>
        <v>1.1187365433667398</v>
      </c>
      <c r="L5769">
        <f t="shared" si="646"/>
        <v>5.3699354081603508</v>
      </c>
      <c r="M5769">
        <f t="shared" si="647"/>
        <v>0</v>
      </c>
      <c r="N5769" s="46">
        <f t="shared" si="648"/>
        <v>45530.958333319424</v>
      </c>
    </row>
    <row r="5770" spans="2:14" x14ac:dyDescent="0.3">
      <c r="B5770">
        <f t="shared" si="642"/>
        <v>2</v>
      </c>
      <c r="C5770" s="16">
        <v>5736</v>
      </c>
      <c r="D5770" cm="1">
        <f t="array" ref="D5770">IFERROR(INDEX(Jesper!AH$2:AH$366,ROUNDDOWN($C5770/24,0)+1,1)*INDEX($D$3:$AA$30,INDEX(Jesper!$R$2:$R$366,ROW(INDEX(Jesper!AH$2:AH$366,ROUNDDOWN($C5770/24,0)+1,1))-1)+IF('Standard Profiles'!$G$18=$B$10,7,0)+IF('Standard Profiles'!$G$18=$B$17,14,0)+IF('Standard Profiles'!$G$18=$B$24,21,0),MOD($C5770,24)+1)/SUM(INDEX($D$3:$AA$30,INDEX(Jesper!$R$2:$R$366,ROW(INDEX(Jesper!AH$2:AH$366,ROUNDDOWN($C5770/24,0)+1,1))-1)+IF('Standard Profiles'!$G$18=$B$10,7,0)+IF('Standard Profiles'!$G$18=$B$17,14,0)+IF('Standard Profiles'!$G$18=$B$24,21,0),0)),0)</f>
        <v>6.9400754562581142</v>
      </c>
      <c r="E5770" cm="1">
        <f t="array" ref="E5770">IFERROR(INDEX(Jesper!AI$2:AI$366,ROUNDDOWN($C5770/24,0)+1,1)*INDEX($D$3:$AA$30,INDEX(Jesper!$R$2:$R$366,ROW(INDEX(Jesper!AI$2:AI$366,ROUNDDOWN($C5770/24,0)+1,1))-1)+IF('Standard Profiles'!$G$19=$B$10,7,0)+IF('Standard Profiles'!$G$19=$B$17,14,0)+IF('Standard Profiles'!$G$19=$B$24,21,0),MOD($C5770,24)+1)/SUM(INDEX($D$3:$AA$30,INDEX(Jesper!$R$2:$R$366,ROW(INDEX(Jesper!AI$2:AI$366,ROUNDDOWN($C5770/24,0)+1,1))-1)+IF('Standard Profiles'!$G$19=$B$10,7,0)+IF('Standard Profiles'!$G$19=$B$17,14,0)+IF('Standard Profiles'!$G$19=$B$24,21,0),0)),0)</f>
        <v>0</v>
      </c>
      <c r="F5770" cm="1">
        <f t="array" ref="F5770">IFERROR(INDEX(Jesper!AJ$2:AJ$366,ROUNDDOWN($C5770/24,0)+1,1)*INDEX($D$3:$AA$30,INDEX(Jesper!$R$2:$R$366,ROW(INDEX(Jesper!AJ$2:AJ$366,ROUNDDOWN($C5770/24,0)+1,1))-1)+IF('Standard Profiles'!$G$20=$B$10,7,0)+IF('Standard Profiles'!$G$20=$B$17,14,0)+IF('Standard Profiles'!$G$20=$B$24,21,0),MOD($C5770,24)+1)/SUM(INDEX($D$3:$AA$30,INDEX(Jesper!$R$2:$R$366,ROW(INDEX(Jesper!AJ$2:AJ$366,ROUNDDOWN($C5770/24,0)+1,1))-1)+IF('Standard Profiles'!$G$20=$B$10,7,0)+IF('Standard Profiles'!$G$20=$B$17,14,0)+IF('Standard Profiles'!$G$20=$B$24,21,0),0)),0)</f>
        <v>0</v>
      </c>
      <c r="G5770" cm="1">
        <f t="array" ref="G5770">IFERROR(INDEX(Jesper!AK$2:AK$366,ROUNDDOWN($C5770/24,0)+1,1)*INDEX($D$3:$AA$30,INDEX(Jesper!$R$2:$R$366,ROW(INDEX(Jesper!AK$2:AK$366,ROUNDDOWN($C5770/24,0)+1,1))-1)+IF('Standard Profiles'!$G$21=$B$10,7,0)+IF('Standard Profiles'!$G$21=$B$17,14,0)+IF('Standard Profiles'!$G$21=$B$24,21,0),MOD($C5770,24)+1)/SUM(INDEX($D$3:$AA$30,INDEX(Jesper!$R$2:$R$366,ROW(INDEX(Jesper!AK$2:AK$366,ROUNDDOWN($C5770/24,0)+1,1))-1)+IF('Standard Profiles'!$G$21=$B$10,7,0)+IF('Standard Profiles'!$G$21=$B$17,14,0)+IF('Standard Profiles'!$G$21=$B$24,21,0),0)),0)</f>
        <v>0</v>
      </c>
      <c r="H5770" cm="1">
        <f t="array" ref="H5770">IFERROR(INDEX(Jesper!AL$2:AL$366,ROUNDDOWN($C5770/24,0)+1,1)*INDEX($D$3:$AA$30,INDEX(Jesper!$R$2:$R$366,ROW(INDEX(Jesper!AL$2:AL$366,ROUNDDOWN($C5770/24,0)+1,1))-1)+IF('Standard Profiles'!$G$22=$B$10,7,0)+IF('Standard Profiles'!$G$22=$B$17,14,0)+IF('Standard Profiles'!$G$22=$B$24,21,0),MOD($C5770,24)+1)/SUM(INDEX($D$3:$AA$30,INDEX(Jesper!$R$2:$R$366,ROW(INDEX(Jesper!AL$2:AL$366,ROUNDDOWN($C5770/24,0)+1,1))-1)+IF('Standard Profiles'!$G$22=$B$10,7,0)+IF('Standard Profiles'!$G$22=$B$17,14,0)+IF('Standard Profiles'!$G$22=$B$24,21,0),0)),0)</f>
        <v>0</v>
      </c>
      <c r="I5770">
        <f t="shared" si="643"/>
        <v>0.20820226368774342</v>
      </c>
      <c r="J5770">
        <f t="shared" si="644"/>
        <v>0.69400754562581146</v>
      </c>
      <c r="K5770">
        <f t="shared" si="645"/>
        <v>1.0410113184387171</v>
      </c>
      <c r="L5770">
        <f t="shared" si="646"/>
        <v>4.996854328505842</v>
      </c>
      <c r="M5770">
        <f t="shared" si="647"/>
        <v>0</v>
      </c>
      <c r="N5770" s="46">
        <f t="shared" si="648"/>
        <v>45530.999999986088</v>
      </c>
    </row>
    <row r="5771" spans="2:14" x14ac:dyDescent="0.3">
      <c r="B5771">
        <f t="shared" si="642"/>
        <v>2</v>
      </c>
      <c r="C5771" s="16">
        <v>5737</v>
      </c>
      <c r="D5771" cm="1">
        <f t="array" ref="D5771">IFERROR(INDEX(Jesper!AH$2:AH$366,ROUNDDOWN($C5771/24,0)+1,1)*INDEX($D$3:$AA$30,INDEX(Jesper!$R$2:$R$366,ROW(INDEX(Jesper!AH$2:AH$366,ROUNDDOWN($C5771/24,0)+1,1))-1)+IF('Standard Profiles'!$G$18=$B$10,7,0)+IF('Standard Profiles'!$G$18=$B$17,14,0)+IF('Standard Profiles'!$G$18=$B$24,21,0),MOD($C5771,24)+1)/SUM(INDEX($D$3:$AA$30,INDEX(Jesper!$R$2:$R$366,ROW(INDEX(Jesper!AH$2:AH$366,ROUNDDOWN($C5771/24,0)+1,1))-1)+IF('Standard Profiles'!$G$18=$B$10,7,0)+IF('Standard Profiles'!$G$18=$B$17,14,0)+IF('Standard Profiles'!$G$18=$B$24,21,0),0)),0)</f>
        <v>6.9400754562581142</v>
      </c>
      <c r="E5771" cm="1">
        <f t="array" ref="E5771">IFERROR(INDEX(Jesper!AI$2:AI$366,ROUNDDOWN($C5771/24,0)+1,1)*INDEX($D$3:$AA$30,INDEX(Jesper!$R$2:$R$366,ROW(INDEX(Jesper!AI$2:AI$366,ROUNDDOWN($C5771/24,0)+1,1))-1)+IF('Standard Profiles'!$G$19=$B$10,7,0)+IF('Standard Profiles'!$G$19=$B$17,14,0)+IF('Standard Profiles'!$G$19=$B$24,21,0),MOD($C5771,24)+1)/SUM(INDEX($D$3:$AA$30,INDEX(Jesper!$R$2:$R$366,ROW(INDEX(Jesper!AI$2:AI$366,ROUNDDOWN($C5771/24,0)+1,1))-1)+IF('Standard Profiles'!$G$19=$B$10,7,0)+IF('Standard Profiles'!$G$19=$B$17,14,0)+IF('Standard Profiles'!$G$19=$B$24,21,0),0)),0)</f>
        <v>0</v>
      </c>
      <c r="F5771" cm="1">
        <f t="array" ref="F5771">IFERROR(INDEX(Jesper!AJ$2:AJ$366,ROUNDDOWN($C5771/24,0)+1,1)*INDEX($D$3:$AA$30,INDEX(Jesper!$R$2:$R$366,ROW(INDEX(Jesper!AJ$2:AJ$366,ROUNDDOWN($C5771/24,0)+1,1))-1)+IF('Standard Profiles'!$G$20=$B$10,7,0)+IF('Standard Profiles'!$G$20=$B$17,14,0)+IF('Standard Profiles'!$G$20=$B$24,21,0),MOD($C5771,24)+1)/SUM(INDEX($D$3:$AA$30,INDEX(Jesper!$R$2:$R$366,ROW(INDEX(Jesper!AJ$2:AJ$366,ROUNDDOWN($C5771/24,0)+1,1))-1)+IF('Standard Profiles'!$G$20=$B$10,7,0)+IF('Standard Profiles'!$G$20=$B$17,14,0)+IF('Standard Profiles'!$G$20=$B$24,21,0),0)),0)</f>
        <v>0</v>
      </c>
      <c r="G5771" cm="1">
        <f t="array" ref="G5771">IFERROR(INDEX(Jesper!AK$2:AK$366,ROUNDDOWN($C5771/24,0)+1,1)*INDEX($D$3:$AA$30,INDEX(Jesper!$R$2:$R$366,ROW(INDEX(Jesper!AK$2:AK$366,ROUNDDOWN($C5771/24,0)+1,1))-1)+IF('Standard Profiles'!$G$21=$B$10,7,0)+IF('Standard Profiles'!$G$21=$B$17,14,0)+IF('Standard Profiles'!$G$21=$B$24,21,0),MOD($C5771,24)+1)/SUM(INDEX($D$3:$AA$30,INDEX(Jesper!$R$2:$R$366,ROW(INDEX(Jesper!AK$2:AK$366,ROUNDDOWN($C5771/24,0)+1,1))-1)+IF('Standard Profiles'!$G$21=$B$10,7,0)+IF('Standard Profiles'!$G$21=$B$17,14,0)+IF('Standard Profiles'!$G$21=$B$24,21,0),0)),0)</f>
        <v>0</v>
      </c>
      <c r="H5771" cm="1">
        <f t="array" ref="H5771">IFERROR(INDEX(Jesper!AL$2:AL$366,ROUNDDOWN($C5771/24,0)+1,1)*INDEX($D$3:$AA$30,INDEX(Jesper!$R$2:$R$366,ROW(INDEX(Jesper!AL$2:AL$366,ROUNDDOWN($C5771/24,0)+1,1))-1)+IF('Standard Profiles'!$G$22=$B$10,7,0)+IF('Standard Profiles'!$G$22=$B$17,14,0)+IF('Standard Profiles'!$G$22=$B$24,21,0),MOD($C5771,24)+1)/SUM(INDEX($D$3:$AA$30,INDEX(Jesper!$R$2:$R$366,ROW(INDEX(Jesper!AL$2:AL$366,ROUNDDOWN($C5771/24,0)+1,1))-1)+IF('Standard Profiles'!$G$22=$B$10,7,0)+IF('Standard Profiles'!$G$22=$B$17,14,0)+IF('Standard Profiles'!$G$22=$B$24,21,0),0)),0)</f>
        <v>0</v>
      </c>
      <c r="I5771">
        <f t="shared" si="643"/>
        <v>0.20820226368774342</v>
      </c>
      <c r="J5771">
        <f t="shared" si="644"/>
        <v>0.69400754562581146</v>
      </c>
      <c r="K5771">
        <f t="shared" si="645"/>
        <v>1.0410113184387171</v>
      </c>
      <c r="L5771">
        <f t="shared" si="646"/>
        <v>4.996854328505842</v>
      </c>
      <c r="M5771">
        <f t="shared" si="647"/>
        <v>0</v>
      </c>
      <c r="N5771" s="46">
        <f t="shared" si="648"/>
        <v>45531.041666652753</v>
      </c>
    </row>
    <row r="5772" spans="2:14" x14ac:dyDescent="0.3">
      <c r="B5772">
        <f t="shared" si="642"/>
        <v>2</v>
      </c>
      <c r="C5772" s="16">
        <v>5738</v>
      </c>
      <c r="D5772" cm="1">
        <f t="array" ref="D5772">IFERROR(INDEX(Jesper!AH$2:AH$366,ROUNDDOWN($C5772/24,0)+1,1)*INDEX($D$3:$AA$30,INDEX(Jesper!$R$2:$R$366,ROW(INDEX(Jesper!AH$2:AH$366,ROUNDDOWN($C5772/24,0)+1,1))-1)+IF('Standard Profiles'!$G$18=$B$10,7,0)+IF('Standard Profiles'!$G$18=$B$17,14,0)+IF('Standard Profiles'!$G$18=$B$24,21,0),MOD($C5772,24)+1)/SUM(INDEX($D$3:$AA$30,INDEX(Jesper!$R$2:$R$366,ROW(INDEX(Jesper!AH$2:AH$366,ROUNDDOWN($C5772/24,0)+1,1))-1)+IF('Standard Profiles'!$G$18=$B$10,7,0)+IF('Standard Profiles'!$G$18=$B$17,14,0)+IF('Standard Profiles'!$G$18=$B$24,21,0),0)),0)</f>
        <v>6.9400754562581142</v>
      </c>
      <c r="E5772" cm="1">
        <f t="array" ref="E5772">IFERROR(INDEX(Jesper!AI$2:AI$366,ROUNDDOWN($C5772/24,0)+1,1)*INDEX($D$3:$AA$30,INDEX(Jesper!$R$2:$R$366,ROW(INDEX(Jesper!AI$2:AI$366,ROUNDDOWN($C5772/24,0)+1,1))-1)+IF('Standard Profiles'!$G$19=$B$10,7,0)+IF('Standard Profiles'!$G$19=$B$17,14,0)+IF('Standard Profiles'!$G$19=$B$24,21,0),MOD($C5772,24)+1)/SUM(INDEX($D$3:$AA$30,INDEX(Jesper!$R$2:$R$366,ROW(INDEX(Jesper!AI$2:AI$366,ROUNDDOWN($C5772/24,0)+1,1))-1)+IF('Standard Profiles'!$G$19=$B$10,7,0)+IF('Standard Profiles'!$G$19=$B$17,14,0)+IF('Standard Profiles'!$G$19=$B$24,21,0),0)),0)</f>
        <v>0</v>
      </c>
      <c r="F5772" cm="1">
        <f t="array" ref="F5772">IFERROR(INDEX(Jesper!AJ$2:AJ$366,ROUNDDOWN($C5772/24,0)+1,1)*INDEX($D$3:$AA$30,INDEX(Jesper!$R$2:$R$366,ROW(INDEX(Jesper!AJ$2:AJ$366,ROUNDDOWN($C5772/24,0)+1,1))-1)+IF('Standard Profiles'!$G$20=$B$10,7,0)+IF('Standard Profiles'!$G$20=$B$17,14,0)+IF('Standard Profiles'!$G$20=$B$24,21,0),MOD($C5772,24)+1)/SUM(INDEX($D$3:$AA$30,INDEX(Jesper!$R$2:$R$366,ROW(INDEX(Jesper!AJ$2:AJ$366,ROUNDDOWN($C5772/24,0)+1,1))-1)+IF('Standard Profiles'!$G$20=$B$10,7,0)+IF('Standard Profiles'!$G$20=$B$17,14,0)+IF('Standard Profiles'!$G$20=$B$24,21,0),0)),0)</f>
        <v>0</v>
      </c>
      <c r="G5772" cm="1">
        <f t="array" ref="G5772">IFERROR(INDEX(Jesper!AK$2:AK$366,ROUNDDOWN($C5772/24,0)+1,1)*INDEX($D$3:$AA$30,INDEX(Jesper!$R$2:$R$366,ROW(INDEX(Jesper!AK$2:AK$366,ROUNDDOWN($C5772/24,0)+1,1))-1)+IF('Standard Profiles'!$G$21=$B$10,7,0)+IF('Standard Profiles'!$G$21=$B$17,14,0)+IF('Standard Profiles'!$G$21=$B$24,21,0),MOD($C5772,24)+1)/SUM(INDEX($D$3:$AA$30,INDEX(Jesper!$R$2:$R$366,ROW(INDEX(Jesper!AK$2:AK$366,ROUNDDOWN($C5772/24,0)+1,1))-1)+IF('Standard Profiles'!$G$21=$B$10,7,0)+IF('Standard Profiles'!$G$21=$B$17,14,0)+IF('Standard Profiles'!$G$21=$B$24,21,0),0)),0)</f>
        <v>0</v>
      </c>
      <c r="H5772" cm="1">
        <f t="array" ref="H5772">IFERROR(INDEX(Jesper!AL$2:AL$366,ROUNDDOWN($C5772/24,0)+1,1)*INDEX($D$3:$AA$30,INDEX(Jesper!$R$2:$R$366,ROW(INDEX(Jesper!AL$2:AL$366,ROUNDDOWN($C5772/24,0)+1,1))-1)+IF('Standard Profiles'!$G$22=$B$10,7,0)+IF('Standard Profiles'!$G$22=$B$17,14,0)+IF('Standard Profiles'!$G$22=$B$24,21,0),MOD($C5772,24)+1)/SUM(INDEX($D$3:$AA$30,INDEX(Jesper!$R$2:$R$366,ROW(INDEX(Jesper!AL$2:AL$366,ROUNDDOWN($C5772/24,0)+1,1))-1)+IF('Standard Profiles'!$G$22=$B$10,7,0)+IF('Standard Profiles'!$G$22=$B$17,14,0)+IF('Standard Profiles'!$G$22=$B$24,21,0),0)),0)</f>
        <v>0</v>
      </c>
      <c r="I5772">
        <f t="shared" si="643"/>
        <v>0.20820226368774342</v>
      </c>
      <c r="J5772">
        <f t="shared" si="644"/>
        <v>0.69400754562581146</v>
      </c>
      <c r="K5772">
        <f t="shared" si="645"/>
        <v>1.0410113184387171</v>
      </c>
      <c r="L5772">
        <f t="shared" si="646"/>
        <v>4.996854328505842</v>
      </c>
      <c r="M5772">
        <f t="shared" si="647"/>
        <v>0</v>
      </c>
      <c r="N5772" s="46">
        <f t="shared" si="648"/>
        <v>45531.083333319417</v>
      </c>
    </row>
    <row r="5773" spans="2:14" x14ac:dyDescent="0.3">
      <c r="B5773">
        <f t="shared" si="642"/>
        <v>2</v>
      </c>
      <c r="C5773" s="16">
        <v>5739</v>
      </c>
      <c r="D5773" cm="1">
        <f t="array" ref="D5773">IFERROR(INDEX(Jesper!AH$2:AH$366,ROUNDDOWN($C5773/24,0)+1,1)*INDEX($D$3:$AA$30,INDEX(Jesper!$R$2:$R$366,ROW(INDEX(Jesper!AH$2:AH$366,ROUNDDOWN($C5773/24,0)+1,1))-1)+IF('Standard Profiles'!$G$18=$B$10,7,0)+IF('Standard Profiles'!$G$18=$B$17,14,0)+IF('Standard Profiles'!$G$18=$B$24,21,0),MOD($C5773,24)+1)/SUM(INDEX($D$3:$AA$30,INDEX(Jesper!$R$2:$R$366,ROW(INDEX(Jesper!AH$2:AH$366,ROUNDDOWN($C5773/24,0)+1,1))-1)+IF('Standard Profiles'!$G$18=$B$10,7,0)+IF('Standard Profiles'!$G$18=$B$17,14,0)+IF('Standard Profiles'!$G$18=$B$24,21,0),0)),0)</f>
        <v>6.9400754562581142</v>
      </c>
      <c r="E5773" cm="1">
        <f t="array" ref="E5773">IFERROR(INDEX(Jesper!AI$2:AI$366,ROUNDDOWN($C5773/24,0)+1,1)*INDEX($D$3:$AA$30,INDEX(Jesper!$R$2:$R$366,ROW(INDEX(Jesper!AI$2:AI$366,ROUNDDOWN($C5773/24,0)+1,1))-1)+IF('Standard Profiles'!$G$19=$B$10,7,0)+IF('Standard Profiles'!$G$19=$B$17,14,0)+IF('Standard Profiles'!$G$19=$B$24,21,0),MOD($C5773,24)+1)/SUM(INDEX($D$3:$AA$30,INDEX(Jesper!$R$2:$R$366,ROW(INDEX(Jesper!AI$2:AI$366,ROUNDDOWN($C5773/24,0)+1,1))-1)+IF('Standard Profiles'!$G$19=$B$10,7,0)+IF('Standard Profiles'!$G$19=$B$17,14,0)+IF('Standard Profiles'!$G$19=$B$24,21,0),0)),0)</f>
        <v>0</v>
      </c>
      <c r="F5773" cm="1">
        <f t="array" ref="F5773">IFERROR(INDEX(Jesper!AJ$2:AJ$366,ROUNDDOWN($C5773/24,0)+1,1)*INDEX($D$3:$AA$30,INDEX(Jesper!$R$2:$R$366,ROW(INDEX(Jesper!AJ$2:AJ$366,ROUNDDOWN($C5773/24,0)+1,1))-1)+IF('Standard Profiles'!$G$20=$B$10,7,0)+IF('Standard Profiles'!$G$20=$B$17,14,0)+IF('Standard Profiles'!$G$20=$B$24,21,0),MOD($C5773,24)+1)/SUM(INDEX($D$3:$AA$30,INDEX(Jesper!$R$2:$R$366,ROW(INDEX(Jesper!AJ$2:AJ$366,ROUNDDOWN($C5773/24,0)+1,1))-1)+IF('Standard Profiles'!$G$20=$B$10,7,0)+IF('Standard Profiles'!$G$20=$B$17,14,0)+IF('Standard Profiles'!$G$20=$B$24,21,0),0)),0)</f>
        <v>0</v>
      </c>
      <c r="G5773" cm="1">
        <f t="array" ref="G5773">IFERROR(INDEX(Jesper!AK$2:AK$366,ROUNDDOWN($C5773/24,0)+1,1)*INDEX($D$3:$AA$30,INDEX(Jesper!$R$2:$R$366,ROW(INDEX(Jesper!AK$2:AK$366,ROUNDDOWN($C5773/24,0)+1,1))-1)+IF('Standard Profiles'!$G$21=$B$10,7,0)+IF('Standard Profiles'!$G$21=$B$17,14,0)+IF('Standard Profiles'!$G$21=$B$24,21,0),MOD($C5773,24)+1)/SUM(INDEX($D$3:$AA$30,INDEX(Jesper!$R$2:$R$366,ROW(INDEX(Jesper!AK$2:AK$366,ROUNDDOWN($C5773/24,0)+1,1))-1)+IF('Standard Profiles'!$G$21=$B$10,7,0)+IF('Standard Profiles'!$G$21=$B$17,14,0)+IF('Standard Profiles'!$G$21=$B$24,21,0),0)),0)</f>
        <v>0</v>
      </c>
      <c r="H5773" cm="1">
        <f t="array" ref="H5773">IFERROR(INDEX(Jesper!AL$2:AL$366,ROUNDDOWN($C5773/24,0)+1,1)*INDEX($D$3:$AA$30,INDEX(Jesper!$R$2:$R$366,ROW(INDEX(Jesper!AL$2:AL$366,ROUNDDOWN($C5773/24,0)+1,1))-1)+IF('Standard Profiles'!$G$22=$B$10,7,0)+IF('Standard Profiles'!$G$22=$B$17,14,0)+IF('Standard Profiles'!$G$22=$B$24,21,0),MOD($C5773,24)+1)/SUM(INDEX($D$3:$AA$30,INDEX(Jesper!$R$2:$R$366,ROW(INDEX(Jesper!AL$2:AL$366,ROUNDDOWN($C5773/24,0)+1,1))-1)+IF('Standard Profiles'!$G$22=$B$10,7,0)+IF('Standard Profiles'!$G$22=$B$17,14,0)+IF('Standard Profiles'!$G$22=$B$24,21,0),0)),0)</f>
        <v>0</v>
      </c>
      <c r="I5773">
        <f t="shared" si="643"/>
        <v>0.20820226368774342</v>
      </c>
      <c r="J5773">
        <f t="shared" si="644"/>
        <v>0.69400754562581146</v>
      </c>
      <c r="K5773">
        <f t="shared" si="645"/>
        <v>1.0410113184387171</v>
      </c>
      <c r="L5773">
        <f t="shared" si="646"/>
        <v>4.996854328505842</v>
      </c>
      <c r="M5773">
        <f t="shared" si="647"/>
        <v>0</v>
      </c>
      <c r="N5773" s="46">
        <f t="shared" si="648"/>
        <v>45531.124999986081</v>
      </c>
    </row>
    <row r="5774" spans="2:14" x14ac:dyDescent="0.3">
      <c r="B5774">
        <f t="shared" si="642"/>
        <v>2</v>
      </c>
      <c r="C5774" s="16">
        <v>5740</v>
      </c>
      <c r="D5774" cm="1">
        <f t="array" ref="D5774">IFERROR(INDEX(Jesper!AH$2:AH$366,ROUNDDOWN($C5774/24,0)+1,1)*INDEX($D$3:$AA$30,INDEX(Jesper!$R$2:$R$366,ROW(INDEX(Jesper!AH$2:AH$366,ROUNDDOWN($C5774/24,0)+1,1))-1)+IF('Standard Profiles'!$G$18=$B$10,7,0)+IF('Standard Profiles'!$G$18=$B$17,14,0)+IF('Standard Profiles'!$G$18=$B$24,21,0),MOD($C5774,24)+1)/SUM(INDEX($D$3:$AA$30,INDEX(Jesper!$R$2:$R$366,ROW(INDEX(Jesper!AH$2:AH$366,ROUNDDOWN($C5774/24,0)+1,1))-1)+IF('Standard Profiles'!$G$18=$B$10,7,0)+IF('Standard Profiles'!$G$18=$B$17,14,0)+IF('Standard Profiles'!$G$18=$B$24,21,0),0)),0)</f>
        <v>6.9400754562581142</v>
      </c>
      <c r="E5774" cm="1">
        <f t="array" ref="E5774">IFERROR(INDEX(Jesper!AI$2:AI$366,ROUNDDOWN($C5774/24,0)+1,1)*INDEX($D$3:$AA$30,INDEX(Jesper!$R$2:$R$366,ROW(INDEX(Jesper!AI$2:AI$366,ROUNDDOWN($C5774/24,0)+1,1))-1)+IF('Standard Profiles'!$G$19=$B$10,7,0)+IF('Standard Profiles'!$G$19=$B$17,14,0)+IF('Standard Profiles'!$G$19=$B$24,21,0),MOD($C5774,24)+1)/SUM(INDEX($D$3:$AA$30,INDEX(Jesper!$R$2:$R$366,ROW(INDEX(Jesper!AI$2:AI$366,ROUNDDOWN($C5774/24,0)+1,1))-1)+IF('Standard Profiles'!$G$19=$B$10,7,0)+IF('Standard Profiles'!$G$19=$B$17,14,0)+IF('Standard Profiles'!$G$19=$B$24,21,0),0)),0)</f>
        <v>0</v>
      </c>
      <c r="F5774" cm="1">
        <f t="array" ref="F5774">IFERROR(INDEX(Jesper!AJ$2:AJ$366,ROUNDDOWN($C5774/24,0)+1,1)*INDEX($D$3:$AA$30,INDEX(Jesper!$R$2:$R$366,ROW(INDEX(Jesper!AJ$2:AJ$366,ROUNDDOWN($C5774/24,0)+1,1))-1)+IF('Standard Profiles'!$G$20=$B$10,7,0)+IF('Standard Profiles'!$G$20=$B$17,14,0)+IF('Standard Profiles'!$G$20=$B$24,21,0),MOD($C5774,24)+1)/SUM(INDEX($D$3:$AA$30,INDEX(Jesper!$R$2:$R$366,ROW(INDEX(Jesper!AJ$2:AJ$366,ROUNDDOWN($C5774/24,0)+1,1))-1)+IF('Standard Profiles'!$G$20=$B$10,7,0)+IF('Standard Profiles'!$G$20=$B$17,14,0)+IF('Standard Profiles'!$G$20=$B$24,21,0),0)),0)</f>
        <v>0</v>
      </c>
      <c r="G5774" cm="1">
        <f t="array" ref="G5774">IFERROR(INDEX(Jesper!AK$2:AK$366,ROUNDDOWN($C5774/24,0)+1,1)*INDEX($D$3:$AA$30,INDEX(Jesper!$R$2:$R$366,ROW(INDEX(Jesper!AK$2:AK$366,ROUNDDOWN($C5774/24,0)+1,1))-1)+IF('Standard Profiles'!$G$21=$B$10,7,0)+IF('Standard Profiles'!$G$21=$B$17,14,0)+IF('Standard Profiles'!$G$21=$B$24,21,0),MOD($C5774,24)+1)/SUM(INDEX($D$3:$AA$30,INDEX(Jesper!$R$2:$R$366,ROW(INDEX(Jesper!AK$2:AK$366,ROUNDDOWN($C5774/24,0)+1,1))-1)+IF('Standard Profiles'!$G$21=$B$10,7,0)+IF('Standard Profiles'!$G$21=$B$17,14,0)+IF('Standard Profiles'!$G$21=$B$24,21,0),0)),0)</f>
        <v>0</v>
      </c>
      <c r="H5774" cm="1">
        <f t="array" ref="H5774">IFERROR(INDEX(Jesper!AL$2:AL$366,ROUNDDOWN($C5774/24,0)+1,1)*INDEX($D$3:$AA$30,INDEX(Jesper!$R$2:$R$366,ROW(INDEX(Jesper!AL$2:AL$366,ROUNDDOWN($C5774/24,0)+1,1))-1)+IF('Standard Profiles'!$G$22=$B$10,7,0)+IF('Standard Profiles'!$G$22=$B$17,14,0)+IF('Standard Profiles'!$G$22=$B$24,21,0),MOD($C5774,24)+1)/SUM(INDEX($D$3:$AA$30,INDEX(Jesper!$R$2:$R$366,ROW(INDEX(Jesper!AL$2:AL$366,ROUNDDOWN($C5774/24,0)+1,1))-1)+IF('Standard Profiles'!$G$22=$B$10,7,0)+IF('Standard Profiles'!$G$22=$B$17,14,0)+IF('Standard Profiles'!$G$22=$B$24,21,0),0)),0)</f>
        <v>0</v>
      </c>
      <c r="I5774">
        <f t="shared" si="643"/>
        <v>0.20820226368774342</v>
      </c>
      <c r="J5774">
        <f t="shared" si="644"/>
        <v>0.69400754562581146</v>
      </c>
      <c r="K5774">
        <f t="shared" si="645"/>
        <v>1.0410113184387171</v>
      </c>
      <c r="L5774">
        <f t="shared" si="646"/>
        <v>4.996854328505842</v>
      </c>
      <c r="M5774">
        <f t="shared" si="647"/>
        <v>0</v>
      </c>
      <c r="N5774" s="46">
        <f t="shared" si="648"/>
        <v>45531.166666652745</v>
      </c>
    </row>
    <row r="5775" spans="2:14" x14ac:dyDescent="0.3">
      <c r="B5775">
        <f t="shared" si="642"/>
        <v>2</v>
      </c>
      <c r="C5775" s="16">
        <v>5741</v>
      </c>
      <c r="D5775" cm="1">
        <f t="array" ref="D5775">IFERROR(INDEX(Jesper!AH$2:AH$366,ROUNDDOWN($C5775/24,0)+1,1)*INDEX($D$3:$AA$30,INDEX(Jesper!$R$2:$R$366,ROW(INDEX(Jesper!AH$2:AH$366,ROUNDDOWN($C5775/24,0)+1,1))-1)+IF('Standard Profiles'!$G$18=$B$10,7,0)+IF('Standard Profiles'!$G$18=$B$17,14,0)+IF('Standard Profiles'!$G$18=$B$24,21,0),MOD($C5775,24)+1)/SUM(INDEX($D$3:$AA$30,INDEX(Jesper!$R$2:$R$366,ROW(INDEX(Jesper!AH$2:AH$366,ROUNDDOWN($C5775/24,0)+1,1))-1)+IF('Standard Profiles'!$G$18=$B$10,7,0)+IF('Standard Profiles'!$G$18=$B$17,14,0)+IF('Standard Profiles'!$G$18=$B$24,21,0),0)),0)</f>
        <v>9.022098093135547</v>
      </c>
      <c r="E5775" cm="1">
        <f t="array" ref="E5775">IFERROR(INDEX(Jesper!AI$2:AI$366,ROUNDDOWN($C5775/24,0)+1,1)*INDEX($D$3:$AA$30,INDEX(Jesper!$R$2:$R$366,ROW(INDEX(Jesper!AI$2:AI$366,ROUNDDOWN($C5775/24,0)+1,1))-1)+IF('Standard Profiles'!$G$19=$B$10,7,0)+IF('Standard Profiles'!$G$19=$B$17,14,0)+IF('Standard Profiles'!$G$19=$B$24,21,0),MOD($C5775,24)+1)/SUM(INDEX($D$3:$AA$30,INDEX(Jesper!$R$2:$R$366,ROW(INDEX(Jesper!AI$2:AI$366,ROUNDDOWN($C5775/24,0)+1,1))-1)+IF('Standard Profiles'!$G$19=$B$10,7,0)+IF('Standard Profiles'!$G$19=$B$17,14,0)+IF('Standard Profiles'!$G$19=$B$24,21,0),0)),0)</f>
        <v>0</v>
      </c>
      <c r="F5775" cm="1">
        <f t="array" ref="F5775">IFERROR(INDEX(Jesper!AJ$2:AJ$366,ROUNDDOWN($C5775/24,0)+1,1)*INDEX($D$3:$AA$30,INDEX(Jesper!$R$2:$R$366,ROW(INDEX(Jesper!AJ$2:AJ$366,ROUNDDOWN($C5775/24,0)+1,1))-1)+IF('Standard Profiles'!$G$20=$B$10,7,0)+IF('Standard Profiles'!$G$20=$B$17,14,0)+IF('Standard Profiles'!$G$20=$B$24,21,0),MOD($C5775,24)+1)/SUM(INDEX($D$3:$AA$30,INDEX(Jesper!$R$2:$R$366,ROW(INDEX(Jesper!AJ$2:AJ$366,ROUNDDOWN($C5775/24,0)+1,1))-1)+IF('Standard Profiles'!$G$20=$B$10,7,0)+IF('Standard Profiles'!$G$20=$B$17,14,0)+IF('Standard Profiles'!$G$20=$B$24,21,0),0)),0)</f>
        <v>0</v>
      </c>
      <c r="G5775" cm="1">
        <f t="array" ref="G5775">IFERROR(INDEX(Jesper!AK$2:AK$366,ROUNDDOWN($C5775/24,0)+1,1)*INDEX($D$3:$AA$30,INDEX(Jesper!$R$2:$R$366,ROW(INDEX(Jesper!AK$2:AK$366,ROUNDDOWN($C5775/24,0)+1,1))-1)+IF('Standard Profiles'!$G$21=$B$10,7,0)+IF('Standard Profiles'!$G$21=$B$17,14,0)+IF('Standard Profiles'!$G$21=$B$24,21,0),MOD($C5775,24)+1)/SUM(INDEX($D$3:$AA$30,INDEX(Jesper!$R$2:$R$366,ROW(INDEX(Jesper!AK$2:AK$366,ROUNDDOWN($C5775/24,0)+1,1))-1)+IF('Standard Profiles'!$G$21=$B$10,7,0)+IF('Standard Profiles'!$G$21=$B$17,14,0)+IF('Standard Profiles'!$G$21=$B$24,21,0),0)),0)</f>
        <v>0</v>
      </c>
      <c r="H5775" cm="1">
        <f t="array" ref="H5775">IFERROR(INDEX(Jesper!AL$2:AL$366,ROUNDDOWN($C5775/24,0)+1,1)*INDEX($D$3:$AA$30,INDEX(Jesper!$R$2:$R$366,ROW(INDEX(Jesper!AL$2:AL$366,ROUNDDOWN($C5775/24,0)+1,1))-1)+IF('Standard Profiles'!$G$22=$B$10,7,0)+IF('Standard Profiles'!$G$22=$B$17,14,0)+IF('Standard Profiles'!$G$22=$B$24,21,0),MOD($C5775,24)+1)/SUM(INDEX($D$3:$AA$30,INDEX(Jesper!$R$2:$R$366,ROW(INDEX(Jesper!AL$2:AL$366,ROUNDDOWN($C5775/24,0)+1,1))-1)+IF('Standard Profiles'!$G$22=$B$10,7,0)+IF('Standard Profiles'!$G$22=$B$17,14,0)+IF('Standard Profiles'!$G$22=$B$24,21,0),0)),0)</f>
        <v>0</v>
      </c>
      <c r="I5775">
        <f t="shared" si="643"/>
        <v>0.27066294279406639</v>
      </c>
      <c r="J5775">
        <f t="shared" si="644"/>
        <v>0.90220980931355477</v>
      </c>
      <c r="K5775">
        <f t="shared" si="645"/>
        <v>1.3533147139703321</v>
      </c>
      <c r="L5775">
        <f t="shared" si="646"/>
        <v>6.4959106270575937</v>
      </c>
      <c r="M5775">
        <f t="shared" si="647"/>
        <v>0</v>
      </c>
      <c r="N5775" s="46">
        <f t="shared" si="648"/>
        <v>45531.20833331941</v>
      </c>
    </row>
    <row r="5776" spans="2:14" x14ac:dyDescent="0.3">
      <c r="B5776">
        <f t="shared" si="642"/>
        <v>2</v>
      </c>
      <c r="C5776" s="16">
        <v>5742</v>
      </c>
      <c r="D5776" cm="1">
        <f t="array" ref="D5776">IFERROR(INDEX(Jesper!AH$2:AH$366,ROUNDDOWN($C5776/24,0)+1,1)*INDEX($D$3:$AA$30,INDEX(Jesper!$R$2:$R$366,ROW(INDEX(Jesper!AH$2:AH$366,ROUNDDOWN($C5776/24,0)+1,1))-1)+IF('Standard Profiles'!$G$18=$B$10,7,0)+IF('Standard Profiles'!$G$18=$B$17,14,0)+IF('Standard Profiles'!$G$18=$B$24,21,0),MOD($C5776,24)+1)/SUM(INDEX($D$3:$AA$30,INDEX(Jesper!$R$2:$R$366,ROW(INDEX(Jesper!AH$2:AH$366,ROUNDDOWN($C5776/24,0)+1,1))-1)+IF('Standard Profiles'!$G$18=$B$10,7,0)+IF('Standard Profiles'!$G$18=$B$17,14,0)+IF('Standard Profiles'!$G$18=$B$24,21,0),0)),0)</f>
        <v>10.063109411574263</v>
      </c>
      <c r="E5776" cm="1">
        <f t="array" ref="E5776">IFERROR(INDEX(Jesper!AI$2:AI$366,ROUNDDOWN($C5776/24,0)+1,1)*INDEX($D$3:$AA$30,INDEX(Jesper!$R$2:$R$366,ROW(INDEX(Jesper!AI$2:AI$366,ROUNDDOWN($C5776/24,0)+1,1))-1)+IF('Standard Profiles'!$G$19=$B$10,7,0)+IF('Standard Profiles'!$G$19=$B$17,14,0)+IF('Standard Profiles'!$G$19=$B$24,21,0),MOD($C5776,24)+1)/SUM(INDEX($D$3:$AA$30,INDEX(Jesper!$R$2:$R$366,ROW(INDEX(Jesper!AI$2:AI$366,ROUNDDOWN($C5776/24,0)+1,1))-1)+IF('Standard Profiles'!$G$19=$B$10,7,0)+IF('Standard Profiles'!$G$19=$B$17,14,0)+IF('Standard Profiles'!$G$19=$B$24,21,0),0)),0)</f>
        <v>0</v>
      </c>
      <c r="F5776" cm="1">
        <f t="array" ref="F5776">IFERROR(INDEX(Jesper!AJ$2:AJ$366,ROUNDDOWN($C5776/24,0)+1,1)*INDEX($D$3:$AA$30,INDEX(Jesper!$R$2:$R$366,ROW(INDEX(Jesper!AJ$2:AJ$366,ROUNDDOWN($C5776/24,0)+1,1))-1)+IF('Standard Profiles'!$G$20=$B$10,7,0)+IF('Standard Profiles'!$G$20=$B$17,14,0)+IF('Standard Profiles'!$G$20=$B$24,21,0),MOD($C5776,24)+1)/SUM(INDEX($D$3:$AA$30,INDEX(Jesper!$R$2:$R$366,ROW(INDEX(Jesper!AJ$2:AJ$366,ROUNDDOWN($C5776/24,0)+1,1))-1)+IF('Standard Profiles'!$G$20=$B$10,7,0)+IF('Standard Profiles'!$G$20=$B$17,14,0)+IF('Standard Profiles'!$G$20=$B$24,21,0),0)),0)</f>
        <v>0</v>
      </c>
      <c r="G5776" cm="1">
        <f t="array" ref="G5776">IFERROR(INDEX(Jesper!AK$2:AK$366,ROUNDDOWN($C5776/24,0)+1,1)*INDEX($D$3:$AA$30,INDEX(Jesper!$R$2:$R$366,ROW(INDEX(Jesper!AK$2:AK$366,ROUNDDOWN($C5776/24,0)+1,1))-1)+IF('Standard Profiles'!$G$21=$B$10,7,0)+IF('Standard Profiles'!$G$21=$B$17,14,0)+IF('Standard Profiles'!$G$21=$B$24,21,0),MOD($C5776,24)+1)/SUM(INDEX($D$3:$AA$30,INDEX(Jesper!$R$2:$R$366,ROW(INDEX(Jesper!AK$2:AK$366,ROUNDDOWN($C5776/24,0)+1,1))-1)+IF('Standard Profiles'!$G$21=$B$10,7,0)+IF('Standard Profiles'!$G$21=$B$17,14,0)+IF('Standard Profiles'!$G$21=$B$24,21,0),0)),0)</f>
        <v>0</v>
      </c>
      <c r="H5776" cm="1">
        <f t="array" ref="H5776">IFERROR(INDEX(Jesper!AL$2:AL$366,ROUNDDOWN($C5776/24,0)+1,1)*INDEX($D$3:$AA$30,INDEX(Jesper!$R$2:$R$366,ROW(INDEX(Jesper!AL$2:AL$366,ROUNDDOWN($C5776/24,0)+1,1))-1)+IF('Standard Profiles'!$G$22=$B$10,7,0)+IF('Standard Profiles'!$G$22=$B$17,14,0)+IF('Standard Profiles'!$G$22=$B$24,21,0),MOD($C5776,24)+1)/SUM(INDEX($D$3:$AA$30,INDEX(Jesper!$R$2:$R$366,ROW(INDEX(Jesper!AL$2:AL$366,ROUNDDOWN($C5776/24,0)+1,1))-1)+IF('Standard Profiles'!$G$22=$B$10,7,0)+IF('Standard Profiles'!$G$22=$B$17,14,0)+IF('Standard Profiles'!$G$22=$B$24,21,0),0)),0)</f>
        <v>0</v>
      </c>
      <c r="I5776">
        <f t="shared" si="643"/>
        <v>0.3018932823472279</v>
      </c>
      <c r="J5776">
        <f t="shared" si="644"/>
        <v>1.0063109411574265</v>
      </c>
      <c r="K5776">
        <f t="shared" si="645"/>
        <v>1.5094664117361394</v>
      </c>
      <c r="L5776">
        <f t="shared" si="646"/>
        <v>7.2454387763334696</v>
      </c>
      <c r="M5776">
        <f t="shared" si="647"/>
        <v>0</v>
      </c>
      <c r="N5776" s="46">
        <f t="shared" si="648"/>
        <v>45531.249999986074</v>
      </c>
    </row>
    <row r="5777" spans="2:14" x14ac:dyDescent="0.3">
      <c r="B5777">
        <f t="shared" si="642"/>
        <v>2</v>
      </c>
      <c r="C5777" s="16">
        <v>5743</v>
      </c>
      <c r="D5777" cm="1">
        <f t="array" ref="D5777">IFERROR(INDEX(Jesper!AH$2:AH$366,ROUNDDOWN($C5777/24,0)+1,1)*INDEX($D$3:$AA$30,INDEX(Jesper!$R$2:$R$366,ROW(INDEX(Jesper!AH$2:AH$366,ROUNDDOWN($C5777/24,0)+1,1))-1)+IF('Standard Profiles'!$G$18=$B$10,7,0)+IF('Standard Profiles'!$G$18=$B$17,14,0)+IF('Standard Profiles'!$G$18=$B$24,21,0),MOD($C5777,24)+1)/SUM(INDEX($D$3:$AA$30,INDEX(Jesper!$R$2:$R$366,ROW(INDEX(Jesper!AH$2:AH$366,ROUNDDOWN($C5777/24,0)+1,1))-1)+IF('Standard Profiles'!$G$18=$B$10,7,0)+IF('Standard Profiles'!$G$18=$B$17,14,0)+IF('Standard Profiles'!$G$18=$B$24,21,0),0)),0)</f>
        <v>10.410113184387169</v>
      </c>
      <c r="E5777" cm="1">
        <f t="array" ref="E5777">IFERROR(INDEX(Jesper!AI$2:AI$366,ROUNDDOWN($C5777/24,0)+1,1)*INDEX($D$3:$AA$30,INDEX(Jesper!$R$2:$R$366,ROW(INDEX(Jesper!AI$2:AI$366,ROUNDDOWN($C5777/24,0)+1,1))-1)+IF('Standard Profiles'!$G$19=$B$10,7,0)+IF('Standard Profiles'!$G$19=$B$17,14,0)+IF('Standard Profiles'!$G$19=$B$24,21,0),MOD($C5777,24)+1)/SUM(INDEX($D$3:$AA$30,INDEX(Jesper!$R$2:$R$366,ROW(INDEX(Jesper!AI$2:AI$366,ROUNDDOWN($C5777/24,0)+1,1))-1)+IF('Standard Profiles'!$G$19=$B$10,7,0)+IF('Standard Profiles'!$G$19=$B$17,14,0)+IF('Standard Profiles'!$G$19=$B$24,21,0),0)),0)</f>
        <v>0</v>
      </c>
      <c r="F5777" cm="1">
        <f t="array" ref="F5777">IFERROR(INDEX(Jesper!AJ$2:AJ$366,ROUNDDOWN($C5777/24,0)+1,1)*INDEX($D$3:$AA$30,INDEX(Jesper!$R$2:$R$366,ROW(INDEX(Jesper!AJ$2:AJ$366,ROUNDDOWN($C5777/24,0)+1,1))-1)+IF('Standard Profiles'!$G$20=$B$10,7,0)+IF('Standard Profiles'!$G$20=$B$17,14,0)+IF('Standard Profiles'!$G$20=$B$24,21,0),MOD($C5777,24)+1)/SUM(INDEX($D$3:$AA$30,INDEX(Jesper!$R$2:$R$366,ROW(INDEX(Jesper!AJ$2:AJ$366,ROUNDDOWN($C5777/24,0)+1,1))-1)+IF('Standard Profiles'!$G$20=$B$10,7,0)+IF('Standard Profiles'!$G$20=$B$17,14,0)+IF('Standard Profiles'!$G$20=$B$24,21,0),0)),0)</f>
        <v>0</v>
      </c>
      <c r="G5777" cm="1">
        <f t="array" ref="G5777">IFERROR(INDEX(Jesper!AK$2:AK$366,ROUNDDOWN($C5777/24,0)+1,1)*INDEX($D$3:$AA$30,INDEX(Jesper!$R$2:$R$366,ROW(INDEX(Jesper!AK$2:AK$366,ROUNDDOWN($C5777/24,0)+1,1))-1)+IF('Standard Profiles'!$G$21=$B$10,7,0)+IF('Standard Profiles'!$G$21=$B$17,14,0)+IF('Standard Profiles'!$G$21=$B$24,21,0),MOD($C5777,24)+1)/SUM(INDEX($D$3:$AA$30,INDEX(Jesper!$R$2:$R$366,ROW(INDEX(Jesper!AK$2:AK$366,ROUNDDOWN($C5777/24,0)+1,1))-1)+IF('Standard Profiles'!$G$21=$B$10,7,0)+IF('Standard Profiles'!$G$21=$B$17,14,0)+IF('Standard Profiles'!$G$21=$B$24,21,0),0)),0)</f>
        <v>0</v>
      </c>
      <c r="H5777" cm="1">
        <f t="array" ref="H5777">IFERROR(INDEX(Jesper!AL$2:AL$366,ROUNDDOWN($C5777/24,0)+1,1)*INDEX($D$3:$AA$30,INDEX(Jesper!$R$2:$R$366,ROW(INDEX(Jesper!AL$2:AL$366,ROUNDDOWN($C5777/24,0)+1,1))-1)+IF('Standard Profiles'!$G$22=$B$10,7,0)+IF('Standard Profiles'!$G$22=$B$17,14,0)+IF('Standard Profiles'!$G$22=$B$24,21,0),MOD($C5777,24)+1)/SUM(INDEX($D$3:$AA$30,INDEX(Jesper!$R$2:$R$366,ROW(INDEX(Jesper!AL$2:AL$366,ROUNDDOWN($C5777/24,0)+1,1))-1)+IF('Standard Profiles'!$G$22=$B$10,7,0)+IF('Standard Profiles'!$G$22=$B$17,14,0)+IF('Standard Profiles'!$G$22=$B$24,21,0),0)),0)</f>
        <v>0</v>
      </c>
      <c r="I5777">
        <f t="shared" si="643"/>
        <v>0.31230339553161507</v>
      </c>
      <c r="J5777">
        <f t="shared" si="644"/>
        <v>1.0410113184387171</v>
      </c>
      <c r="K5777">
        <f t="shared" si="645"/>
        <v>1.5615169776580753</v>
      </c>
      <c r="L5777">
        <f t="shared" si="646"/>
        <v>7.4952814927587621</v>
      </c>
      <c r="M5777">
        <f t="shared" si="647"/>
        <v>0</v>
      </c>
      <c r="N5777" s="46">
        <f t="shared" si="648"/>
        <v>45531.291666652738</v>
      </c>
    </row>
    <row r="5778" spans="2:14" x14ac:dyDescent="0.3">
      <c r="B5778">
        <f t="shared" si="642"/>
        <v>2</v>
      </c>
      <c r="C5778" s="16">
        <v>5744</v>
      </c>
      <c r="D5778" cm="1">
        <f t="array" ref="D5778">IFERROR(INDEX(Jesper!AH$2:AH$366,ROUNDDOWN($C5778/24,0)+1,1)*INDEX($D$3:$AA$30,INDEX(Jesper!$R$2:$R$366,ROW(INDEX(Jesper!AH$2:AH$366,ROUNDDOWN($C5778/24,0)+1,1))-1)+IF('Standard Profiles'!$G$18=$B$10,7,0)+IF('Standard Profiles'!$G$18=$B$17,14,0)+IF('Standard Profiles'!$G$18=$B$24,21,0),MOD($C5778,24)+1)/SUM(INDEX($D$3:$AA$30,INDEX(Jesper!$R$2:$R$366,ROW(INDEX(Jesper!AH$2:AH$366,ROUNDDOWN($C5778/24,0)+1,1))-1)+IF('Standard Profiles'!$G$18=$B$10,7,0)+IF('Standard Profiles'!$G$18=$B$17,14,0)+IF('Standard Profiles'!$G$18=$B$24,21,0),0)),0)</f>
        <v>10.410113184387169</v>
      </c>
      <c r="E5778" cm="1">
        <f t="array" ref="E5778">IFERROR(INDEX(Jesper!AI$2:AI$366,ROUNDDOWN($C5778/24,0)+1,1)*INDEX($D$3:$AA$30,INDEX(Jesper!$R$2:$R$366,ROW(INDEX(Jesper!AI$2:AI$366,ROUNDDOWN($C5778/24,0)+1,1))-1)+IF('Standard Profiles'!$G$19=$B$10,7,0)+IF('Standard Profiles'!$G$19=$B$17,14,0)+IF('Standard Profiles'!$G$19=$B$24,21,0),MOD($C5778,24)+1)/SUM(INDEX($D$3:$AA$30,INDEX(Jesper!$R$2:$R$366,ROW(INDEX(Jesper!AI$2:AI$366,ROUNDDOWN($C5778/24,0)+1,1))-1)+IF('Standard Profiles'!$G$19=$B$10,7,0)+IF('Standard Profiles'!$G$19=$B$17,14,0)+IF('Standard Profiles'!$G$19=$B$24,21,0),0)),0)</f>
        <v>0</v>
      </c>
      <c r="F5778" cm="1">
        <f t="array" ref="F5778">IFERROR(INDEX(Jesper!AJ$2:AJ$366,ROUNDDOWN($C5778/24,0)+1,1)*INDEX($D$3:$AA$30,INDEX(Jesper!$R$2:$R$366,ROW(INDEX(Jesper!AJ$2:AJ$366,ROUNDDOWN($C5778/24,0)+1,1))-1)+IF('Standard Profiles'!$G$20=$B$10,7,0)+IF('Standard Profiles'!$G$20=$B$17,14,0)+IF('Standard Profiles'!$G$20=$B$24,21,0),MOD($C5778,24)+1)/SUM(INDEX($D$3:$AA$30,INDEX(Jesper!$R$2:$R$366,ROW(INDEX(Jesper!AJ$2:AJ$366,ROUNDDOWN($C5778/24,0)+1,1))-1)+IF('Standard Profiles'!$G$20=$B$10,7,0)+IF('Standard Profiles'!$G$20=$B$17,14,0)+IF('Standard Profiles'!$G$20=$B$24,21,0),0)),0)</f>
        <v>0</v>
      </c>
      <c r="G5778" cm="1">
        <f t="array" ref="G5778">IFERROR(INDEX(Jesper!AK$2:AK$366,ROUNDDOWN($C5778/24,0)+1,1)*INDEX($D$3:$AA$30,INDEX(Jesper!$R$2:$R$366,ROW(INDEX(Jesper!AK$2:AK$366,ROUNDDOWN($C5778/24,0)+1,1))-1)+IF('Standard Profiles'!$G$21=$B$10,7,0)+IF('Standard Profiles'!$G$21=$B$17,14,0)+IF('Standard Profiles'!$G$21=$B$24,21,0),MOD($C5778,24)+1)/SUM(INDEX($D$3:$AA$30,INDEX(Jesper!$R$2:$R$366,ROW(INDEX(Jesper!AK$2:AK$366,ROUNDDOWN($C5778/24,0)+1,1))-1)+IF('Standard Profiles'!$G$21=$B$10,7,0)+IF('Standard Profiles'!$G$21=$B$17,14,0)+IF('Standard Profiles'!$G$21=$B$24,21,0),0)),0)</f>
        <v>0</v>
      </c>
      <c r="H5778" cm="1">
        <f t="array" ref="H5778">IFERROR(INDEX(Jesper!AL$2:AL$366,ROUNDDOWN($C5778/24,0)+1,1)*INDEX($D$3:$AA$30,INDEX(Jesper!$R$2:$R$366,ROW(INDEX(Jesper!AL$2:AL$366,ROUNDDOWN($C5778/24,0)+1,1))-1)+IF('Standard Profiles'!$G$22=$B$10,7,0)+IF('Standard Profiles'!$G$22=$B$17,14,0)+IF('Standard Profiles'!$G$22=$B$24,21,0),MOD($C5778,24)+1)/SUM(INDEX($D$3:$AA$30,INDEX(Jesper!$R$2:$R$366,ROW(INDEX(Jesper!AL$2:AL$366,ROUNDDOWN($C5778/24,0)+1,1))-1)+IF('Standard Profiles'!$G$22=$B$10,7,0)+IF('Standard Profiles'!$G$22=$B$17,14,0)+IF('Standard Profiles'!$G$22=$B$24,21,0),0)),0)</f>
        <v>0</v>
      </c>
      <c r="I5778">
        <f t="shared" si="643"/>
        <v>0.31230339553161507</v>
      </c>
      <c r="J5778">
        <f t="shared" si="644"/>
        <v>1.0410113184387171</v>
      </c>
      <c r="K5778">
        <f t="shared" si="645"/>
        <v>1.5615169776580753</v>
      </c>
      <c r="L5778">
        <f t="shared" si="646"/>
        <v>7.4952814927587621</v>
      </c>
      <c r="M5778">
        <f t="shared" si="647"/>
        <v>0</v>
      </c>
      <c r="N5778" s="46">
        <f t="shared" si="648"/>
        <v>45531.333333319402</v>
      </c>
    </row>
    <row r="5779" spans="2:14" x14ac:dyDescent="0.3">
      <c r="B5779">
        <f t="shared" si="642"/>
        <v>2</v>
      </c>
      <c r="C5779" s="16">
        <v>5745</v>
      </c>
      <c r="D5779" cm="1">
        <f t="array" ref="D5779">IFERROR(INDEX(Jesper!AH$2:AH$366,ROUNDDOWN($C5779/24,0)+1,1)*INDEX($D$3:$AA$30,INDEX(Jesper!$R$2:$R$366,ROW(INDEX(Jesper!AH$2:AH$366,ROUNDDOWN($C5779/24,0)+1,1))-1)+IF('Standard Profiles'!$G$18=$B$10,7,0)+IF('Standard Profiles'!$G$18=$B$17,14,0)+IF('Standard Profiles'!$G$18=$B$24,21,0),MOD($C5779,24)+1)/SUM(INDEX($D$3:$AA$30,INDEX(Jesper!$R$2:$R$366,ROW(INDEX(Jesper!AH$2:AH$366,ROUNDDOWN($C5779/24,0)+1,1))-1)+IF('Standard Profiles'!$G$18=$B$10,7,0)+IF('Standard Profiles'!$G$18=$B$17,14,0)+IF('Standard Profiles'!$G$18=$B$24,21,0),0)),0)</f>
        <v>11.277622616419434</v>
      </c>
      <c r="E5779" cm="1">
        <f t="array" ref="E5779">IFERROR(INDEX(Jesper!AI$2:AI$366,ROUNDDOWN($C5779/24,0)+1,1)*INDEX($D$3:$AA$30,INDEX(Jesper!$R$2:$R$366,ROW(INDEX(Jesper!AI$2:AI$366,ROUNDDOWN($C5779/24,0)+1,1))-1)+IF('Standard Profiles'!$G$19=$B$10,7,0)+IF('Standard Profiles'!$G$19=$B$17,14,0)+IF('Standard Profiles'!$G$19=$B$24,21,0),MOD($C5779,24)+1)/SUM(INDEX($D$3:$AA$30,INDEX(Jesper!$R$2:$R$366,ROW(INDEX(Jesper!AI$2:AI$366,ROUNDDOWN($C5779/24,0)+1,1))-1)+IF('Standard Profiles'!$G$19=$B$10,7,0)+IF('Standard Profiles'!$G$19=$B$17,14,0)+IF('Standard Profiles'!$G$19=$B$24,21,0),0)),0)</f>
        <v>0</v>
      </c>
      <c r="F5779" cm="1">
        <f t="array" ref="F5779">IFERROR(INDEX(Jesper!AJ$2:AJ$366,ROUNDDOWN($C5779/24,0)+1,1)*INDEX($D$3:$AA$30,INDEX(Jesper!$R$2:$R$366,ROW(INDEX(Jesper!AJ$2:AJ$366,ROUNDDOWN($C5779/24,0)+1,1))-1)+IF('Standard Profiles'!$G$20=$B$10,7,0)+IF('Standard Profiles'!$G$20=$B$17,14,0)+IF('Standard Profiles'!$G$20=$B$24,21,0),MOD($C5779,24)+1)/SUM(INDEX($D$3:$AA$30,INDEX(Jesper!$R$2:$R$366,ROW(INDEX(Jesper!AJ$2:AJ$366,ROUNDDOWN($C5779/24,0)+1,1))-1)+IF('Standard Profiles'!$G$20=$B$10,7,0)+IF('Standard Profiles'!$G$20=$B$17,14,0)+IF('Standard Profiles'!$G$20=$B$24,21,0),0)),0)</f>
        <v>0</v>
      </c>
      <c r="G5779" cm="1">
        <f t="array" ref="G5779">IFERROR(INDEX(Jesper!AK$2:AK$366,ROUNDDOWN($C5779/24,0)+1,1)*INDEX($D$3:$AA$30,INDEX(Jesper!$R$2:$R$366,ROW(INDEX(Jesper!AK$2:AK$366,ROUNDDOWN($C5779/24,0)+1,1))-1)+IF('Standard Profiles'!$G$21=$B$10,7,0)+IF('Standard Profiles'!$G$21=$B$17,14,0)+IF('Standard Profiles'!$G$21=$B$24,21,0),MOD($C5779,24)+1)/SUM(INDEX($D$3:$AA$30,INDEX(Jesper!$R$2:$R$366,ROW(INDEX(Jesper!AK$2:AK$366,ROUNDDOWN($C5779/24,0)+1,1))-1)+IF('Standard Profiles'!$G$21=$B$10,7,0)+IF('Standard Profiles'!$G$21=$B$17,14,0)+IF('Standard Profiles'!$G$21=$B$24,21,0),0)),0)</f>
        <v>0</v>
      </c>
      <c r="H5779" cm="1">
        <f t="array" ref="H5779">IFERROR(INDEX(Jesper!AL$2:AL$366,ROUNDDOWN($C5779/24,0)+1,1)*INDEX($D$3:$AA$30,INDEX(Jesper!$R$2:$R$366,ROW(INDEX(Jesper!AL$2:AL$366,ROUNDDOWN($C5779/24,0)+1,1))-1)+IF('Standard Profiles'!$G$22=$B$10,7,0)+IF('Standard Profiles'!$G$22=$B$17,14,0)+IF('Standard Profiles'!$G$22=$B$24,21,0),MOD($C5779,24)+1)/SUM(INDEX($D$3:$AA$30,INDEX(Jesper!$R$2:$R$366,ROW(INDEX(Jesper!AL$2:AL$366,ROUNDDOWN($C5779/24,0)+1,1))-1)+IF('Standard Profiles'!$G$22=$B$10,7,0)+IF('Standard Profiles'!$G$22=$B$17,14,0)+IF('Standard Profiles'!$G$22=$B$24,21,0),0)),0)</f>
        <v>0</v>
      </c>
      <c r="I5779">
        <f t="shared" si="643"/>
        <v>0.33832867849258302</v>
      </c>
      <c r="J5779">
        <f t="shared" si="644"/>
        <v>1.1277622616419434</v>
      </c>
      <c r="K5779">
        <f t="shared" si="645"/>
        <v>1.6916433924629151</v>
      </c>
      <c r="L5779">
        <f t="shared" si="646"/>
        <v>8.1198882838219912</v>
      </c>
      <c r="M5779">
        <f t="shared" si="647"/>
        <v>0</v>
      </c>
      <c r="N5779" s="46">
        <f t="shared" si="648"/>
        <v>45531.374999986067</v>
      </c>
    </row>
    <row r="5780" spans="2:14" x14ac:dyDescent="0.3">
      <c r="B5780">
        <f t="shared" si="642"/>
        <v>2</v>
      </c>
      <c r="C5780" s="16">
        <v>5746</v>
      </c>
      <c r="D5780" cm="1">
        <f t="array" ref="D5780">IFERROR(INDEX(Jesper!AH$2:AH$366,ROUNDDOWN($C5780/24,0)+1,1)*INDEX($D$3:$AA$30,INDEX(Jesper!$R$2:$R$366,ROW(INDEX(Jesper!AH$2:AH$366,ROUNDDOWN($C5780/24,0)+1,1))-1)+IF('Standard Profiles'!$G$18=$B$10,7,0)+IF('Standard Profiles'!$G$18=$B$17,14,0)+IF('Standard Profiles'!$G$18=$B$24,21,0),MOD($C5780,24)+1)/SUM(INDEX($D$3:$AA$30,INDEX(Jesper!$R$2:$R$366,ROW(INDEX(Jesper!AH$2:AH$366,ROUNDDOWN($C5780/24,0)+1,1))-1)+IF('Standard Profiles'!$G$18=$B$10,7,0)+IF('Standard Profiles'!$G$18=$B$17,14,0)+IF('Standard Profiles'!$G$18=$B$24,21,0),0)),0)</f>
        <v>11.798128275638792</v>
      </c>
      <c r="E5780" cm="1">
        <f t="array" ref="E5780">IFERROR(INDEX(Jesper!AI$2:AI$366,ROUNDDOWN($C5780/24,0)+1,1)*INDEX($D$3:$AA$30,INDEX(Jesper!$R$2:$R$366,ROW(INDEX(Jesper!AI$2:AI$366,ROUNDDOWN($C5780/24,0)+1,1))-1)+IF('Standard Profiles'!$G$19=$B$10,7,0)+IF('Standard Profiles'!$G$19=$B$17,14,0)+IF('Standard Profiles'!$G$19=$B$24,21,0),MOD($C5780,24)+1)/SUM(INDEX($D$3:$AA$30,INDEX(Jesper!$R$2:$R$366,ROW(INDEX(Jesper!AI$2:AI$366,ROUNDDOWN($C5780/24,0)+1,1))-1)+IF('Standard Profiles'!$G$19=$B$10,7,0)+IF('Standard Profiles'!$G$19=$B$17,14,0)+IF('Standard Profiles'!$G$19=$B$24,21,0),0)),0)</f>
        <v>0</v>
      </c>
      <c r="F5780" cm="1">
        <f t="array" ref="F5780">IFERROR(INDEX(Jesper!AJ$2:AJ$366,ROUNDDOWN($C5780/24,0)+1,1)*INDEX($D$3:$AA$30,INDEX(Jesper!$R$2:$R$366,ROW(INDEX(Jesper!AJ$2:AJ$366,ROUNDDOWN($C5780/24,0)+1,1))-1)+IF('Standard Profiles'!$G$20=$B$10,7,0)+IF('Standard Profiles'!$G$20=$B$17,14,0)+IF('Standard Profiles'!$G$20=$B$24,21,0),MOD($C5780,24)+1)/SUM(INDEX($D$3:$AA$30,INDEX(Jesper!$R$2:$R$366,ROW(INDEX(Jesper!AJ$2:AJ$366,ROUNDDOWN($C5780/24,0)+1,1))-1)+IF('Standard Profiles'!$G$20=$B$10,7,0)+IF('Standard Profiles'!$G$20=$B$17,14,0)+IF('Standard Profiles'!$G$20=$B$24,21,0),0)),0)</f>
        <v>0</v>
      </c>
      <c r="G5780" cm="1">
        <f t="array" ref="G5780">IFERROR(INDEX(Jesper!AK$2:AK$366,ROUNDDOWN($C5780/24,0)+1,1)*INDEX($D$3:$AA$30,INDEX(Jesper!$R$2:$R$366,ROW(INDEX(Jesper!AK$2:AK$366,ROUNDDOWN($C5780/24,0)+1,1))-1)+IF('Standard Profiles'!$G$21=$B$10,7,0)+IF('Standard Profiles'!$G$21=$B$17,14,0)+IF('Standard Profiles'!$G$21=$B$24,21,0),MOD($C5780,24)+1)/SUM(INDEX($D$3:$AA$30,INDEX(Jesper!$R$2:$R$366,ROW(INDEX(Jesper!AK$2:AK$366,ROUNDDOWN($C5780/24,0)+1,1))-1)+IF('Standard Profiles'!$G$21=$B$10,7,0)+IF('Standard Profiles'!$G$21=$B$17,14,0)+IF('Standard Profiles'!$G$21=$B$24,21,0),0)),0)</f>
        <v>0</v>
      </c>
      <c r="H5780" cm="1">
        <f t="array" ref="H5780">IFERROR(INDEX(Jesper!AL$2:AL$366,ROUNDDOWN($C5780/24,0)+1,1)*INDEX($D$3:$AA$30,INDEX(Jesper!$R$2:$R$366,ROW(INDEX(Jesper!AL$2:AL$366,ROUNDDOWN($C5780/24,0)+1,1))-1)+IF('Standard Profiles'!$G$22=$B$10,7,0)+IF('Standard Profiles'!$G$22=$B$17,14,0)+IF('Standard Profiles'!$G$22=$B$24,21,0),MOD($C5780,24)+1)/SUM(INDEX($D$3:$AA$30,INDEX(Jesper!$R$2:$R$366,ROW(INDEX(Jesper!AL$2:AL$366,ROUNDDOWN($C5780/24,0)+1,1))-1)+IF('Standard Profiles'!$G$22=$B$10,7,0)+IF('Standard Profiles'!$G$22=$B$17,14,0)+IF('Standard Profiles'!$G$22=$B$24,21,0),0)),0)</f>
        <v>0</v>
      </c>
      <c r="I5780">
        <f t="shared" si="643"/>
        <v>0.35394384826916375</v>
      </c>
      <c r="J5780">
        <f t="shared" si="644"/>
        <v>1.1798128275638793</v>
      </c>
      <c r="K5780">
        <f t="shared" si="645"/>
        <v>1.7697192413458187</v>
      </c>
      <c r="L5780">
        <f t="shared" si="646"/>
        <v>8.4946523584599305</v>
      </c>
      <c r="M5780">
        <f t="shared" si="647"/>
        <v>0</v>
      </c>
      <c r="N5780" s="46">
        <f t="shared" si="648"/>
        <v>45531.416666652731</v>
      </c>
    </row>
    <row r="5781" spans="2:14" x14ac:dyDescent="0.3">
      <c r="B5781">
        <f t="shared" si="642"/>
        <v>2</v>
      </c>
      <c r="C5781" s="16">
        <v>5747</v>
      </c>
      <c r="D5781" cm="1">
        <f t="array" ref="D5781">IFERROR(INDEX(Jesper!AH$2:AH$366,ROUNDDOWN($C5781/24,0)+1,1)*INDEX($D$3:$AA$30,INDEX(Jesper!$R$2:$R$366,ROW(INDEX(Jesper!AH$2:AH$366,ROUNDDOWN($C5781/24,0)+1,1))-1)+IF('Standard Profiles'!$G$18=$B$10,7,0)+IF('Standard Profiles'!$G$18=$B$17,14,0)+IF('Standard Profiles'!$G$18=$B$24,21,0),MOD($C5781,24)+1)/SUM(INDEX($D$3:$AA$30,INDEX(Jesper!$R$2:$R$366,ROW(INDEX(Jesper!AH$2:AH$366,ROUNDDOWN($C5781/24,0)+1,1))-1)+IF('Standard Profiles'!$G$18=$B$10,7,0)+IF('Standard Profiles'!$G$18=$B$17,14,0)+IF('Standard Profiles'!$G$18=$B$24,21,0),0)),0)</f>
        <v>13.880150912516228</v>
      </c>
      <c r="E5781" cm="1">
        <f t="array" ref="E5781">IFERROR(INDEX(Jesper!AI$2:AI$366,ROUNDDOWN($C5781/24,0)+1,1)*INDEX($D$3:$AA$30,INDEX(Jesper!$R$2:$R$366,ROW(INDEX(Jesper!AI$2:AI$366,ROUNDDOWN($C5781/24,0)+1,1))-1)+IF('Standard Profiles'!$G$19=$B$10,7,0)+IF('Standard Profiles'!$G$19=$B$17,14,0)+IF('Standard Profiles'!$G$19=$B$24,21,0),MOD($C5781,24)+1)/SUM(INDEX($D$3:$AA$30,INDEX(Jesper!$R$2:$R$366,ROW(INDEX(Jesper!AI$2:AI$366,ROUNDDOWN($C5781/24,0)+1,1))-1)+IF('Standard Profiles'!$G$19=$B$10,7,0)+IF('Standard Profiles'!$G$19=$B$17,14,0)+IF('Standard Profiles'!$G$19=$B$24,21,0),0)),0)</f>
        <v>0</v>
      </c>
      <c r="F5781" cm="1">
        <f t="array" ref="F5781">IFERROR(INDEX(Jesper!AJ$2:AJ$366,ROUNDDOWN($C5781/24,0)+1,1)*INDEX($D$3:$AA$30,INDEX(Jesper!$R$2:$R$366,ROW(INDEX(Jesper!AJ$2:AJ$366,ROUNDDOWN($C5781/24,0)+1,1))-1)+IF('Standard Profiles'!$G$20=$B$10,7,0)+IF('Standard Profiles'!$G$20=$B$17,14,0)+IF('Standard Profiles'!$G$20=$B$24,21,0),MOD($C5781,24)+1)/SUM(INDEX($D$3:$AA$30,INDEX(Jesper!$R$2:$R$366,ROW(INDEX(Jesper!AJ$2:AJ$366,ROUNDDOWN($C5781/24,0)+1,1))-1)+IF('Standard Profiles'!$G$20=$B$10,7,0)+IF('Standard Profiles'!$G$20=$B$17,14,0)+IF('Standard Profiles'!$G$20=$B$24,21,0),0)),0)</f>
        <v>0</v>
      </c>
      <c r="G5781" cm="1">
        <f t="array" ref="G5781">IFERROR(INDEX(Jesper!AK$2:AK$366,ROUNDDOWN($C5781/24,0)+1,1)*INDEX($D$3:$AA$30,INDEX(Jesper!$R$2:$R$366,ROW(INDEX(Jesper!AK$2:AK$366,ROUNDDOWN($C5781/24,0)+1,1))-1)+IF('Standard Profiles'!$G$21=$B$10,7,0)+IF('Standard Profiles'!$G$21=$B$17,14,0)+IF('Standard Profiles'!$G$21=$B$24,21,0),MOD($C5781,24)+1)/SUM(INDEX($D$3:$AA$30,INDEX(Jesper!$R$2:$R$366,ROW(INDEX(Jesper!AK$2:AK$366,ROUNDDOWN($C5781/24,0)+1,1))-1)+IF('Standard Profiles'!$G$21=$B$10,7,0)+IF('Standard Profiles'!$G$21=$B$17,14,0)+IF('Standard Profiles'!$G$21=$B$24,21,0),0)),0)</f>
        <v>0</v>
      </c>
      <c r="H5781" cm="1">
        <f t="array" ref="H5781">IFERROR(INDEX(Jesper!AL$2:AL$366,ROUNDDOWN($C5781/24,0)+1,1)*INDEX($D$3:$AA$30,INDEX(Jesper!$R$2:$R$366,ROW(INDEX(Jesper!AL$2:AL$366,ROUNDDOWN($C5781/24,0)+1,1))-1)+IF('Standard Profiles'!$G$22=$B$10,7,0)+IF('Standard Profiles'!$G$22=$B$17,14,0)+IF('Standard Profiles'!$G$22=$B$24,21,0),MOD($C5781,24)+1)/SUM(INDEX($D$3:$AA$30,INDEX(Jesper!$R$2:$R$366,ROW(INDEX(Jesper!AL$2:AL$366,ROUNDDOWN($C5781/24,0)+1,1))-1)+IF('Standard Profiles'!$G$22=$B$10,7,0)+IF('Standard Profiles'!$G$22=$B$17,14,0)+IF('Standard Profiles'!$G$22=$B$24,21,0),0)),0)</f>
        <v>0</v>
      </c>
      <c r="I5781">
        <f t="shared" si="643"/>
        <v>0.41640452737548683</v>
      </c>
      <c r="J5781">
        <f t="shared" si="644"/>
        <v>1.3880150912516229</v>
      </c>
      <c r="K5781">
        <f t="shared" si="645"/>
        <v>2.0820226368774342</v>
      </c>
      <c r="L5781">
        <f t="shared" si="646"/>
        <v>9.993708657011684</v>
      </c>
      <c r="M5781">
        <f t="shared" si="647"/>
        <v>0</v>
      </c>
      <c r="N5781" s="46">
        <f t="shared" si="648"/>
        <v>45531.458333319395</v>
      </c>
    </row>
    <row r="5782" spans="2:14" x14ac:dyDescent="0.3">
      <c r="B5782">
        <f t="shared" si="642"/>
        <v>2</v>
      </c>
      <c r="C5782" s="16">
        <v>5748</v>
      </c>
      <c r="D5782" cm="1">
        <f t="array" ref="D5782">IFERROR(INDEX(Jesper!AH$2:AH$366,ROUNDDOWN($C5782/24,0)+1,1)*INDEX($D$3:$AA$30,INDEX(Jesper!$R$2:$R$366,ROW(INDEX(Jesper!AH$2:AH$366,ROUNDDOWN($C5782/24,0)+1,1))-1)+IF('Standard Profiles'!$G$18=$B$10,7,0)+IF('Standard Profiles'!$G$18=$B$17,14,0)+IF('Standard Profiles'!$G$18=$B$24,21,0),MOD($C5782,24)+1)/SUM(INDEX($D$3:$AA$30,INDEX(Jesper!$R$2:$R$366,ROW(INDEX(Jesper!AH$2:AH$366,ROUNDDOWN($C5782/24,0)+1,1))-1)+IF('Standard Profiles'!$G$18=$B$10,7,0)+IF('Standard Profiles'!$G$18=$B$17,14,0)+IF('Standard Profiles'!$G$18=$B$24,21,0),0)),0)</f>
        <v>13.880150912516228</v>
      </c>
      <c r="E5782" cm="1">
        <f t="array" ref="E5782">IFERROR(INDEX(Jesper!AI$2:AI$366,ROUNDDOWN($C5782/24,0)+1,1)*INDEX($D$3:$AA$30,INDEX(Jesper!$R$2:$R$366,ROW(INDEX(Jesper!AI$2:AI$366,ROUNDDOWN($C5782/24,0)+1,1))-1)+IF('Standard Profiles'!$G$19=$B$10,7,0)+IF('Standard Profiles'!$G$19=$B$17,14,0)+IF('Standard Profiles'!$G$19=$B$24,21,0),MOD($C5782,24)+1)/SUM(INDEX($D$3:$AA$30,INDEX(Jesper!$R$2:$R$366,ROW(INDEX(Jesper!AI$2:AI$366,ROUNDDOWN($C5782/24,0)+1,1))-1)+IF('Standard Profiles'!$G$19=$B$10,7,0)+IF('Standard Profiles'!$G$19=$B$17,14,0)+IF('Standard Profiles'!$G$19=$B$24,21,0),0)),0)</f>
        <v>0</v>
      </c>
      <c r="F5782" cm="1">
        <f t="array" ref="F5782">IFERROR(INDEX(Jesper!AJ$2:AJ$366,ROUNDDOWN($C5782/24,0)+1,1)*INDEX($D$3:$AA$30,INDEX(Jesper!$R$2:$R$366,ROW(INDEX(Jesper!AJ$2:AJ$366,ROUNDDOWN($C5782/24,0)+1,1))-1)+IF('Standard Profiles'!$G$20=$B$10,7,0)+IF('Standard Profiles'!$G$20=$B$17,14,0)+IF('Standard Profiles'!$G$20=$B$24,21,0),MOD($C5782,24)+1)/SUM(INDEX($D$3:$AA$30,INDEX(Jesper!$R$2:$R$366,ROW(INDEX(Jesper!AJ$2:AJ$366,ROUNDDOWN($C5782/24,0)+1,1))-1)+IF('Standard Profiles'!$G$20=$B$10,7,0)+IF('Standard Profiles'!$G$20=$B$17,14,0)+IF('Standard Profiles'!$G$20=$B$24,21,0),0)),0)</f>
        <v>0</v>
      </c>
      <c r="G5782" cm="1">
        <f t="array" ref="G5782">IFERROR(INDEX(Jesper!AK$2:AK$366,ROUNDDOWN($C5782/24,0)+1,1)*INDEX($D$3:$AA$30,INDEX(Jesper!$R$2:$R$366,ROW(INDEX(Jesper!AK$2:AK$366,ROUNDDOWN($C5782/24,0)+1,1))-1)+IF('Standard Profiles'!$G$21=$B$10,7,0)+IF('Standard Profiles'!$G$21=$B$17,14,0)+IF('Standard Profiles'!$G$21=$B$24,21,0),MOD($C5782,24)+1)/SUM(INDEX($D$3:$AA$30,INDEX(Jesper!$R$2:$R$366,ROW(INDEX(Jesper!AK$2:AK$366,ROUNDDOWN($C5782/24,0)+1,1))-1)+IF('Standard Profiles'!$G$21=$B$10,7,0)+IF('Standard Profiles'!$G$21=$B$17,14,0)+IF('Standard Profiles'!$G$21=$B$24,21,0),0)),0)</f>
        <v>0</v>
      </c>
      <c r="H5782" cm="1">
        <f t="array" ref="H5782">IFERROR(INDEX(Jesper!AL$2:AL$366,ROUNDDOWN($C5782/24,0)+1,1)*INDEX($D$3:$AA$30,INDEX(Jesper!$R$2:$R$366,ROW(INDEX(Jesper!AL$2:AL$366,ROUNDDOWN($C5782/24,0)+1,1))-1)+IF('Standard Profiles'!$G$22=$B$10,7,0)+IF('Standard Profiles'!$G$22=$B$17,14,0)+IF('Standard Profiles'!$G$22=$B$24,21,0),MOD($C5782,24)+1)/SUM(INDEX($D$3:$AA$30,INDEX(Jesper!$R$2:$R$366,ROW(INDEX(Jesper!AL$2:AL$366,ROUNDDOWN($C5782/24,0)+1,1))-1)+IF('Standard Profiles'!$G$22=$B$10,7,0)+IF('Standard Profiles'!$G$22=$B$17,14,0)+IF('Standard Profiles'!$G$22=$B$24,21,0),0)),0)</f>
        <v>0</v>
      </c>
      <c r="I5782">
        <f t="shared" si="643"/>
        <v>0.41640452737548683</v>
      </c>
      <c r="J5782">
        <f t="shared" si="644"/>
        <v>1.3880150912516229</v>
      </c>
      <c r="K5782">
        <f t="shared" si="645"/>
        <v>2.0820226368774342</v>
      </c>
      <c r="L5782">
        <f t="shared" si="646"/>
        <v>9.993708657011684</v>
      </c>
      <c r="M5782">
        <f t="shared" si="647"/>
        <v>0</v>
      </c>
      <c r="N5782" s="46">
        <f t="shared" si="648"/>
        <v>45531.499999986059</v>
      </c>
    </row>
    <row r="5783" spans="2:14" x14ac:dyDescent="0.3">
      <c r="B5783">
        <f t="shared" si="642"/>
        <v>2</v>
      </c>
      <c r="C5783" s="16">
        <v>5749</v>
      </c>
      <c r="D5783" cm="1">
        <f t="array" ref="D5783">IFERROR(INDEX(Jesper!AH$2:AH$366,ROUNDDOWN($C5783/24,0)+1,1)*INDEX($D$3:$AA$30,INDEX(Jesper!$R$2:$R$366,ROW(INDEX(Jesper!AH$2:AH$366,ROUNDDOWN($C5783/24,0)+1,1))-1)+IF('Standard Profiles'!$G$18=$B$10,7,0)+IF('Standard Profiles'!$G$18=$B$17,14,0)+IF('Standard Profiles'!$G$18=$B$24,21,0),MOD($C5783,24)+1)/SUM(INDEX($D$3:$AA$30,INDEX(Jesper!$R$2:$R$366,ROW(INDEX(Jesper!AH$2:AH$366,ROUNDDOWN($C5783/24,0)+1,1))-1)+IF('Standard Profiles'!$G$18=$B$10,7,0)+IF('Standard Profiles'!$G$18=$B$17,14,0)+IF('Standard Profiles'!$G$18=$B$24,21,0),0)),0)</f>
        <v>13.880150912516228</v>
      </c>
      <c r="E5783" cm="1">
        <f t="array" ref="E5783">IFERROR(INDEX(Jesper!AI$2:AI$366,ROUNDDOWN($C5783/24,0)+1,1)*INDEX($D$3:$AA$30,INDEX(Jesper!$R$2:$R$366,ROW(INDEX(Jesper!AI$2:AI$366,ROUNDDOWN($C5783/24,0)+1,1))-1)+IF('Standard Profiles'!$G$19=$B$10,7,0)+IF('Standard Profiles'!$G$19=$B$17,14,0)+IF('Standard Profiles'!$G$19=$B$24,21,0),MOD($C5783,24)+1)/SUM(INDEX($D$3:$AA$30,INDEX(Jesper!$R$2:$R$366,ROW(INDEX(Jesper!AI$2:AI$366,ROUNDDOWN($C5783/24,0)+1,1))-1)+IF('Standard Profiles'!$G$19=$B$10,7,0)+IF('Standard Profiles'!$G$19=$B$17,14,0)+IF('Standard Profiles'!$G$19=$B$24,21,0),0)),0)</f>
        <v>0</v>
      </c>
      <c r="F5783" cm="1">
        <f t="array" ref="F5783">IFERROR(INDEX(Jesper!AJ$2:AJ$366,ROUNDDOWN($C5783/24,0)+1,1)*INDEX($D$3:$AA$30,INDEX(Jesper!$R$2:$R$366,ROW(INDEX(Jesper!AJ$2:AJ$366,ROUNDDOWN($C5783/24,0)+1,1))-1)+IF('Standard Profiles'!$G$20=$B$10,7,0)+IF('Standard Profiles'!$G$20=$B$17,14,0)+IF('Standard Profiles'!$G$20=$B$24,21,0),MOD($C5783,24)+1)/SUM(INDEX($D$3:$AA$30,INDEX(Jesper!$R$2:$R$366,ROW(INDEX(Jesper!AJ$2:AJ$366,ROUNDDOWN($C5783/24,0)+1,1))-1)+IF('Standard Profiles'!$G$20=$B$10,7,0)+IF('Standard Profiles'!$G$20=$B$17,14,0)+IF('Standard Profiles'!$G$20=$B$24,21,0),0)),0)</f>
        <v>0</v>
      </c>
      <c r="G5783" cm="1">
        <f t="array" ref="G5783">IFERROR(INDEX(Jesper!AK$2:AK$366,ROUNDDOWN($C5783/24,0)+1,1)*INDEX($D$3:$AA$30,INDEX(Jesper!$R$2:$R$366,ROW(INDEX(Jesper!AK$2:AK$366,ROUNDDOWN($C5783/24,0)+1,1))-1)+IF('Standard Profiles'!$G$21=$B$10,7,0)+IF('Standard Profiles'!$G$21=$B$17,14,0)+IF('Standard Profiles'!$G$21=$B$24,21,0),MOD($C5783,24)+1)/SUM(INDEX($D$3:$AA$30,INDEX(Jesper!$R$2:$R$366,ROW(INDEX(Jesper!AK$2:AK$366,ROUNDDOWN($C5783/24,0)+1,1))-1)+IF('Standard Profiles'!$G$21=$B$10,7,0)+IF('Standard Profiles'!$G$21=$B$17,14,0)+IF('Standard Profiles'!$G$21=$B$24,21,0),0)),0)</f>
        <v>0</v>
      </c>
      <c r="H5783" cm="1">
        <f t="array" ref="H5783">IFERROR(INDEX(Jesper!AL$2:AL$366,ROUNDDOWN($C5783/24,0)+1,1)*INDEX($D$3:$AA$30,INDEX(Jesper!$R$2:$R$366,ROW(INDEX(Jesper!AL$2:AL$366,ROUNDDOWN($C5783/24,0)+1,1))-1)+IF('Standard Profiles'!$G$22=$B$10,7,0)+IF('Standard Profiles'!$G$22=$B$17,14,0)+IF('Standard Profiles'!$G$22=$B$24,21,0),MOD($C5783,24)+1)/SUM(INDEX($D$3:$AA$30,INDEX(Jesper!$R$2:$R$366,ROW(INDEX(Jesper!AL$2:AL$366,ROUNDDOWN($C5783/24,0)+1,1))-1)+IF('Standard Profiles'!$G$22=$B$10,7,0)+IF('Standard Profiles'!$G$22=$B$17,14,0)+IF('Standard Profiles'!$G$22=$B$24,21,0),0)),0)</f>
        <v>0</v>
      </c>
      <c r="I5783">
        <f t="shared" si="643"/>
        <v>0.41640452737548683</v>
      </c>
      <c r="J5783">
        <f t="shared" si="644"/>
        <v>1.3880150912516229</v>
      </c>
      <c r="K5783">
        <f t="shared" si="645"/>
        <v>2.0820226368774342</v>
      </c>
      <c r="L5783">
        <f t="shared" si="646"/>
        <v>9.993708657011684</v>
      </c>
      <c r="M5783">
        <f t="shared" si="647"/>
        <v>0</v>
      </c>
      <c r="N5783" s="46">
        <f t="shared" si="648"/>
        <v>45531.541666652724</v>
      </c>
    </row>
    <row r="5784" spans="2:14" x14ac:dyDescent="0.3">
      <c r="B5784">
        <f t="shared" si="642"/>
        <v>2</v>
      </c>
      <c r="C5784" s="16">
        <v>5750</v>
      </c>
      <c r="D5784" cm="1">
        <f t="array" ref="D5784">IFERROR(INDEX(Jesper!AH$2:AH$366,ROUNDDOWN($C5784/24,0)+1,1)*INDEX($D$3:$AA$30,INDEX(Jesper!$R$2:$R$366,ROW(INDEX(Jesper!AH$2:AH$366,ROUNDDOWN($C5784/24,0)+1,1))-1)+IF('Standard Profiles'!$G$18=$B$10,7,0)+IF('Standard Profiles'!$G$18=$B$17,14,0)+IF('Standard Profiles'!$G$18=$B$24,21,0),MOD($C5784,24)+1)/SUM(INDEX($D$3:$AA$30,INDEX(Jesper!$R$2:$R$366,ROW(INDEX(Jesper!AH$2:AH$366,ROUNDDOWN($C5784/24,0)+1,1))-1)+IF('Standard Profiles'!$G$18=$B$10,7,0)+IF('Standard Profiles'!$G$18=$B$17,14,0)+IF('Standard Profiles'!$G$18=$B$24,21,0),0)),0)</f>
        <v>13.880150912516228</v>
      </c>
      <c r="E5784" cm="1">
        <f t="array" ref="E5784">IFERROR(INDEX(Jesper!AI$2:AI$366,ROUNDDOWN($C5784/24,0)+1,1)*INDEX($D$3:$AA$30,INDEX(Jesper!$R$2:$R$366,ROW(INDEX(Jesper!AI$2:AI$366,ROUNDDOWN($C5784/24,0)+1,1))-1)+IF('Standard Profiles'!$G$19=$B$10,7,0)+IF('Standard Profiles'!$G$19=$B$17,14,0)+IF('Standard Profiles'!$G$19=$B$24,21,0),MOD($C5784,24)+1)/SUM(INDEX($D$3:$AA$30,INDEX(Jesper!$R$2:$R$366,ROW(INDEX(Jesper!AI$2:AI$366,ROUNDDOWN($C5784/24,0)+1,1))-1)+IF('Standard Profiles'!$G$19=$B$10,7,0)+IF('Standard Profiles'!$G$19=$B$17,14,0)+IF('Standard Profiles'!$G$19=$B$24,21,0),0)),0)</f>
        <v>0</v>
      </c>
      <c r="F5784" cm="1">
        <f t="array" ref="F5784">IFERROR(INDEX(Jesper!AJ$2:AJ$366,ROUNDDOWN($C5784/24,0)+1,1)*INDEX($D$3:$AA$30,INDEX(Jesper!$R$2:$R$366,ROW(INDEX(Jesper!AJ$2:AJ$366,ROUNDDOWN($C5784/24,0)+1,1))-1)+IF('Standard Profiles'!$G$20=$B$10,7,0)+IF('Standard Profiles'!$G$20=$B$17,14,0)+IF('Standard Profiles'!$G$20=$B$24,21,0),MOD($C5784,24)+1)/SUM(INDEX($D$3:$AA$30,INDEX(Jesper!$R$2:$R$366,ROW(INDEX(Jesper!AJ$2:AJ$366,ROUNDDOWN($C5784/24,0)+1,1))-1)+IF('Standard Profiles'!$G$20=$B$10,7,0)+IF('Standard Profiles'!$G$20=$B$17,14,0)+IF('Standard Profiles'!$G$20=$B$24,21,0),0)),0)</f>
        <v>0</v>
      </c>
      <c r="G5784" cm="1">
        <f t="array" ref="G5784">IFERROR(INDEX(Jesper!AK$2:AK$366,ROUNDDOWN($C5784/24,0)+1,1)*INDEX($D$3:$AA$30,INDEX(Jesper!$R$2:$R$366,ROW(INDEX(Jesper!AK$2:AK$366,ROUNDDOWN($C5784/24,0)+1,1))-1)+IF('Standard Profiles'!$G$21=$B$10,7,0)+IF('Standard Profiles'!$G$21=$B$17,14,0)+IF('Standard Profiles'!$G$21=$B$24,21,0),MOD($C5784,24)+1)/SUM(INDEX($D$3:$AA$30,INDEX(Jesper!$R$2:$R$366,ROW(INDEX(Jesper!AK$2:AK$366,ROUNDDOWN($C5784/24,0)+1,1))-1)+IF('Standard Profiles'!$G$21=$B$10,7,0)+IF('Standard Profiles'!$G$21=$B$17,14,0)+IF('Standard Profiles'!$G$21=$B$24,21,0),0)),0)</f>
        <v>0</v>
      </c>
      <c r="H5784" cm="1">
        <f t="array" ref="H5784">IFERROR(INDEX(Jesper!AL$2:AL$366,ROUNDDOWN($C5784/24,0)+1,1)*INDEX($D$3:$AA$30,INDEX(Jesper!$R$2:$R$366,ROW(INDEX(Jesper!AL$2:AL$366,ROUNDDOWN($C5784/24,0)+1,1))-1)+IF('Standard Profiles'!$G$22=$B$10,7,0)+IF('Standard Profiles'!$G$22=$B$17,14,0)+IF('Standard Profiles'!$G$22=$B$24,21,0),MOD($C5784,24)+1)/SUM(INDEX($D$3:$AA$30,INDEX(Jesper!$R$2:$R$366,ROW(INDEX(Jesper!AL$2:AL$366,ROUNDDOWN($C5784/24,0)+1,1))-1)+IF('Standard Profiles'!$G$22=$B$10,7,0)+IF('Standard Profiles'!$G$22=$B$17,14,0)+IF('Standard Profiles'!$G$22=$B$24,21,0),0)),0)</f>
        <v>0</v>
      </c>
      <c r="I5784">
        <f t="shared" si="643"/>
        <v>0.41640452737548683</v>
      </c>
      <c r="J5784">
        <f t="shared" si="644"/>
        <v>1.3880150912516229</v>
      </c>
      <c r="K5784">
        <f t="shared" si="645"/>
        <v>2.0820226368774342</v>
      </c>
      <c r="L5784">
        <f t="shared" si="646"/>
        <v>9.993708657011684</v>
      </c>
      <c r="M5784">
        <f t="shared" si="647"/>
        <v>0</v>
      </c>
      <c r="N5784" s="46">
        <f t="shared" si="648"/>
        <v>45531.583333319388</v>
      </c>
    </row>
    <row r="5785" spans="2:14" x14ac:dyDescent="0.3">
      <c r="B5785">
        <f t="shared" si="642"/>
        <v>2</v>
      </c>
      <c r="C5785" s="16">
        <v>5751</v>
      </c>
      <c r="D5785" cm="1">
        <f t="array" ref="D5785">IFERROR(INDEX(Jesper!AH$2:AH$366,ROUNDDOWN($C5785/24,0)+1,1)*INDEX($D$3:$AA$30,INDEX(Jesper!$R$2:$R$366,ROW(INDEX(Jesper!AH$2:AH$366,ROUNDDOWN($C5785/24,0)+1,1))-1)+IF('Standard Profiles'!$G$18=$B$10,7,0)+IF('Standard Profiles'!$G$18=$B$17,14,0)+IF('Standard Profiles'!$G$18=$B$24,21,0),MOD($C5785,24)+1)/SUM(INDEX($D$3:$AA$30,INDEX(Jesper!$R$2:$R$366,ROW(INDEX(Jesper!AH$2:AH$366,ROUNDDOWN($C5785/24,0)+1,1))-1)+IF('Standard Profiles'!$G$18=$B$10,7,0)+IF('Standard Profiles'!$G$18=$B$17,14,0)+IF('Standard Profiles'!$G$18=$B$24,21,0),0)),0)</f>
        <v>13.880150912516228</v>
      </c>
      <c r="E5785" cm="1">
        <f t="array" ref="E5785">IFERROR(INDEX(Jesper!AI$2:AI$366,ROUNDDOWN($C5785/24,0)+1,1)*INDEX($D$3:$AA$30,INDEX(Jesper!$R$2:$R$366,ROW(INDEX(Jesper!AI$2:AI$366,ROUNDDOWN($C5785/24,0)+1,1))-1)+IF('Standard Profiles'!$G$19=$B$10,7,0)+IF('Standard Profiles'!$G$19=$B$17,14,0)+IF('Standard Profiles'!$G$19=$B$24,21,0),MOD($C5785,24)+1)/SUM(INDEX($D$3:$AA$30,INDEX(Jesper!$R$2:$R$366,ROW(INDEX(Jesper!AI$2:AI$366,ROUNDDOWN($C5785/24,0)+1,1))-1)+IF('Standard Profiles'!$G$19=$B$10,7,0)+IF('Standard Profiles'!$G$19=$B$17,14,0)+IF('Standard Profiles'!$G$19=$B$24,21,0),0)),0)</f>
        <v>0</v>
      </c>
      <c r="F5785" cm="1">
        <f t="array" ref="F5785">IFERROR(INDEX(Jesper!AJ$2:AJ$366,ROUNDDOWN($C5785/24,0)+1,1)*INDEX($D$3:$AA$30,INDEX(Jesper!$R$2:$R$366,ROW(INDEX(Jesper!AJ$2:AJ$366,ROUNDDOWN($C5785/24,0)+1,1))-1)+IF('Standard Profiles'!$G$20=$B$10,7,0)+IF('Standard Profiles'!$G$20=$B$17,14,0)+IF('Standard Profiles'!$G$20=$B$24,21,0),MOD($C5785,24)+1)/SUM(INDEX($D$3:$AA$30,INDEX(Jesper!$R$2:$R$366,ROW(INDEX(Jesper!AJ$2:AJ$366,ROUNDDOWN($C5785/24,0)+1,1))-1)+IF('Standard Profiles'!$G$20=$B$10,7,0)+IF('Standard Profiles'!$G$20=$B$17,14,0)+IF('Standard Profiles'!$G$20=$B$24,21,0),0)),0)</f>
        <v>0</v>
      </c>
      <c r="G5785" cm="1">
        <f t="array" ref="G5785">IFERROR(INDEX(Jesper!AK$2:AK$366,ROUNDDOWN($C5785/24,0)+1,1)*INDEX($D$3:$AA$30,INDEX(Jesper!$R$2:$R$366,ROW(INDEX(Jesper!AK$2:AK$366,ROUNDDOWN($C5785/24,0)+1,1))-1)+IF('Standard Profiles'!$G$21=$B$10,7,0)+IF('Standard Profiles'!$G$21=$B$17,14,0)+IF('Standard Profiles'!$G$21=$B$24,21,0),MOD($C5785,24)+1)/SUM(INDEX($D$3:$AA$30,INDEX(Jesper!$R$2:$R$366,ROW(INDEX(Jesper!AK$2:AK$366,ROUNDDOWN($C5785/24,0)+1,1))-1)+IF('Standard Profiles'!$G$21=$B$10,7,0)+IF('Standard Profiles'!$G$21=$B$17,14,0)+IF('Standard Profiles'!$G$21=$B$24,21,0),0)),0)</f>
        <v>0</v>
      </c>
      <c r="H5785" cm="1">
        <f t="array" ref="H5785">IFERROR(INDEX(Jesper!AL$2:AL$366,ROUNDDOWN($C5785/24,0)+1,1)*INDEX($D$3:$AA$30,INDEX(Jesper!$R$2:$R$366,ROW(INDEX(Jesper!AL$2:AL$366,ROUNDDOWN($C5785/24,0)+1,1))-1)+IF('Standard Profiles'!$G$22=$B$10,7,0)+IF('Standard Profiles'!$G$22=$B$17,14,0)+IF('Standard Profiles'!$G$22=$B$24,21,0),MOD($C5785,24)+1)/SUM(INDEX($D$3:$AA$30,INDEX(Jesper!$R$2:$R$366,ROW(INDEX(Jesper!AL$2:AL$366,ROUNDDOWN($C5785/24,0)+1,1))-1)+IF('Standard Profiles'!$G$22=$B$10,7,0)+IF('Standard Profiles'!$G$22=$B$17,14,0)+IF('Standard Profiles'!$G$22=$B$24,21,0),0)),0)</f>
        <v>0</v>
      </c>
      <c r="I5785">
        <f t="shared" si="643"/>
        <v>0.41640452737548683</v>
      </c>
      <c r="J5785">
        <f t="shared" si="644"/>
        <v>1.3880150912516229</v>
      </c>
      <c r="K5785">
        <f t="shared" si="645"/>
        <v>2.0820226368774342</v>
      </c>
      <c r="L5785">
        <f t="shared" si="646"/>
        <v>9.993708657011684</v>
      </c>
      <c r="M5785">
        <f t="shared" si="647"/>
        <v>0</v>
      </c>
      <c r="N5785" s="46">
        <f t="shared" si="648"/>
        <v>45531.624999986052</v>
      </c>
    </row>
    <row r="5786" spans="2:14" x14ac:dyDescent="0.3">
      <c r="B5786">
        <f t="shared" si="642"/>
        <v>2</v>
      </c>
      <c r="C5786" s="16">
        <v>5752</v>
      </c>
      <c r="D5786" cm="1">
        <f t="array" ref="D5786">IFERROR(INDEX(Jesper!AH$2:AH$366,ROUNDDOWN($C5786/24,0)+1,1)*INDEX($D$3:$AA$30,INDEX(Jesper!$R$2:$R$366,ROW(INDEX(Jesper!AH$2:AH$366,ROUNDDOWN($C5786/24,0)+1,1))-1)+IF('Standard Profiles'!$G$18=$B$10,7,0)+IF('Standard Profiles'!$G$18=$B$17,14,0)+IF('Standard Profiles'!$G$18=$B$24,21,0),MOD($C5786,24)+1)/SUM(INDEX($D$3:$AA$30,INDEX(Jesper!$R$2:$R$366,ROW(INDEX(Jesper!AH$2:AH$366,ROUNDDOWN($C5786/24,0)+1,1))-1)+IF('Standard Profiles'!$G$18=$B$10,7,0)+IF('Standard Profiles'!$G$18=$B$17,14,0)+IF('Standard Profiles'!$G$18=$B$24,21,0),0)),0)</f>
        <v>13.880150912516228</v>
      </c>
      <c r="E5786" cm="1">
        <f t="array" ref="E5786">IFERROR(INDEX(Jesper!AI$2:AI$366,ROUNDDOWN($C5786/24,0)+1,1)*INDEX($D$3:$AA$30,INDEX(Jesper!$R$2:$R$366,ROW(INDEX(Jesper!AI$2:AI$366,ROUNDDOWN($C5786/24,0)+1,1))-1)+IF('Standard Profiles'!$G$19=$B$10,7,0)+IF('Standard Profiles'!$G$19=$B$17,14,0)+IF('Standard Profiles'!$G$19=$B$24,21,0),MOD($C5786,24)+1)/SUM(INDEX($D$3:$AA$30,INDEX(Jesper!$R$2:$R$366,ROW(INDEX(Jesper!AI$2:AI$366,ROUNDDOWN($C5786/24,0)+1,1))-1)+IF('Standard Profiles'!$G$19=$B$10,7,0)+IF('Standard Profiles'!$G$19=$B$17,14,0)+IF('Standard Profiles'!$G$19=$B$24,21,0),0)),0)</f>
        <v>0</v>
      </c>
      <c r="F5786" cm="1">
        <f t="array" ref="F5786">IFERROR(INDEX(Jesper!AJ$2:AJ$366,ROUNDDOWN($C5786/24,0)+1,1)*INDEX($D$3:$AA$30,INDEX(Jesper!$R$2:$R$366,ROW(INDEX(Jesper!AJ$2:AJ$366,ROUNDDOWN($C5786/24,0)+1,1))-1)+IF('Standard Profiles'!$G$20=$B$10,7,0)+IF('Standard Profiles'!$G$20=$B$17,14,0)+IF('Standard Profiles'!$G$20=$B$24,21,0),MOD($C5786,24)+1)/SUM(INDEX($D$3:$AA$30,INDEX(Jesper!$R$2:$R$366,ROW(INDEX(Jesper!AJ$2:AJ$366,ROUNDDOWN($C5786/24,0)+1,1))-1)+IF('Standard Profiles'!$G$20=$B$10,7,0)+IF('Standard Profiles'!$G$20=$B$17,14,0)+IF('Standard Profiles'!$G$20=$B$24,21,0),0)),0)</f>
        <v>0</v>
      </c>
      <c r="G5786" cm="1">
        <f t="array" ref="G5786">IFERROR(INDEX(Jesper!AK$2:AK$366,ROUNDDOWN($C5786/24,0)+1,1)*INDEX($D$3:$AA$30,INDEX(Jesper!$R$2:$R$366,ROW(INDEX(Jesper!AK$2:AK$366,ROUNDDOWN($C5786/24,0)+1,1))-1)+IF('Standard Profiles'!$G$21=$B$10,7,0)+IF('Standard Profiles'!$G$21=$B$17,14,0)+IF('Standard Profiles'!$G$21=$B$24,21,0),MOD($C5786,24)+1)/SUM(INDEX($D$3:$AA$30,INDEX(Jesper!$R$2:$R$366,ROW(INDEX(Jesper!AK$2:AK$366,ROUNDDOWN($C5786/24,0)+1,1))-1)+IF('Standard Profiles'!$G$21=$B$10,7,0)+IF('Standard Profiles'!$G$21=$B$17,14,0)+IF('Standard Profiles'!$G$21=$B$24,21,0),0)),0)</f>
        <v>0</v>
      </c>
      <c r="H5786" cm="1">
        <f t="array" ref="H5786">IFERROR(INDEX(Jesper!AL$2:AL$366,ROUNDDOWN($C5786/24,0)+1,1)*INDEX($D$3:$AA$30,INDEX(Jesper!$R$2:$R$366,ROW(INDEX(Jesper!AL$2:AL$366,ROUNDDOWN($C5786/24,0)+1,1))-1)+IF('Standard Profiles'!$G$22=$B$10,7,0)+IF('Standard Profiles'!$G$22=$B$17,14,0)+IF('Standard Profiles'!$G$22=$B$24,21,0),MOD($C5786,24)+1)/SUM(INDEX($D$3:$AA$30,INDEX(Jesper!$R$2:$R$366,ROW(INDEX(Jesper!AL$2:AL$366,ROUNDDOWN($C5786/24,0)+1,1))-1)+IF('Standard Profiles'!$G$22=$B$10,7,0)+IF('Standard Profiles'!$G$22=$B$17,14,0)+IF('Standard Profiles'!$G$22=$B$24,21,0),0)),0)</f>
        <v>0</v>
      </c>
      <c r="I5786">
        <f t="shared" si="643"/>
        <v>0.41640452737548683</v>
      </c>
      <c r="J5786">
        <f t="shared" si="644"/>
        <v>1.3880150912516229</v>
      </c>
      <c r="K5786">
        <f t="shared" si="645"/>
        <v>2.0820226368774342</v>
      </c>
      <c r="L5786">
        <f t="shared" si="646"/>
        <v>9.993708657011684</v>
      </c>
      <c r="M5786">
        <f t="shared" si="647"/>
        <v>0</v>
      </c>
      <c r="N5786" s="46">
        <f t="shared" si="648"/>
        <v>45531.666666652716</v>
      </c>
    </row>
    <row r="5787" spans="2:14" x14ac:dyDescent="0.3">
      <c r="B5787">
        <f t="shared" si="642"/>
        <v>2</v>
      </c>
      <c r="C5787" s="16">
        <v>5753</v>
      </c>
      <c r="D5787" cm="1">
        <f t="array" ref="D5787">IFERROR(INDEX(Jesper!AH$2:AH$366,ROUNDDOWN($C5787/24,0)+1,1)*INDEX($D$3:$AA$30,INDEX(Jesper!$R$2:$R$366,ROW(INDEX(Jesper!AH$2:AH$366,ROUNDDOWN($C5787/24,0)+1,1))-1)+IF('Standard Profiles'!$G$18=$B$10,7,0)+IF('Standard Profiles'!$G$18=$B$17,14,0)+IF('Standard Profiles'!$G$18=$B$24,21,0),MOD($C5787,24)+1)/SUM(INDEX($D$3:$AA$30,INDEX(Jesper!$R$2:$R$366,ROW(INDEX(Jesper!AH$2:AH$366,ROUNDDOWN($C5787/24,0)+1,1))-1)+IF('Standard Profiles'!$G$18=$B$10,7,0)+IF('Standard Profiles'!$G$18=$B$17,14,0)+IF('Standard Profiles'!$G$18=$B$24,21,0),0)),0)</f>
        <v>13.880150912516228</v>
      </c>
      <c r="E5787" cm="1">
        <f t="array" ref="E5787">IFERROR(INDEX(Jesper!AI$2:AI$366,ROUNDDOWN($C5787/24,0)+1,1)*INDEX($D$3:$AA$30,INDEX(Jesper!$R$2:$R$366,ROW(INDEX(Jesper!AI$2:AI$366,ROUNDDOWN($C5787/24,0)+1,1))-1)+IF('Standard Profiles'!$G$19=$B$10,7,0)+IF('Standard Profiles'!$G$19=$B$17,14,0)+IF('Standard Profiles'!$G$19=$B$24,21,0),MOD($C5787,24)+1)/SUM(INDEX($D$3:$AA$30,INDEX(Jesper!$R$2:$R$366,ROW(INDEX(Jesper!AI$2:AI$366,ROUNDDOWN($C5787/24,0)+1,1))-1)+IF('Standard Profiles'!$G$19=$B$10,7,0)+IF('Standard Profiles'!$G$19=$B$17,14,0)+IF('Standard Profiles'!$G$19=$B$24,21,0),0)),0)</f>
        <v>0</v>
      </c>
      <c r="F5787" cm="1">
        <f t="array" ref="F5787">IFERROR(INDEX(Jesper!AJ$2:AJ$366,ROUNDDOWN($C5787/24,0)+1,1)*INDEX($D$3:$AA$30,INDEX(Jesper!$R$2:$R$366,ROW(INDEX(Jesper!AJ$2:AJ$366,ROUNDDOWN($C5787/24,0)+1,1))-1)+IF('Standard Profiles'!$G$20=$B$10,7,0)+IF('Standard Profiles'!$G$20=$B$17,14,0)+IF('Standard Profiles'!$G$20=$B$24,21,0),MOD($C5787,24)+1)/SUM(INDEX($D$3:$AA$30,INDEX(Jesper!$R$2:$R$366,ROW(INDEX(Jesper!AJ$2:AJ$366,ROUNDDOWN($C5787/24,0)+1,1))-1)+IF('Standard Profiles'!$G$20=$B$10,7,0)+IF('Standard Profiles'!$G$20=$B$17,14,0)+IF('Standard Profiles'!$G$20=$B$24,21,0),0)),0)</f>
        <v>0</v>
      </c>
      <c r="G5787" cm="1">
        <f t="array" ref="G5787">IFERROR(INDEX(Jesper!AK$2:AK$366,ROUNDDOWN($C5787/24,0)+1,1)*INDEX($D$3:$AA$30,INDEX(Jesper!$R$2:$R$366,ROW(INDEX(Jesper!AK$2:AK$366,ROUNDDOWN($C5787/24,0)+1,1))-1)+IF('Standard Profiles'!$G$21=$B$10,7,0)+IF('Standard Profiles'!$G$21=$B$17,14,0)+IF('Standard Profiles'!$G$21=$B$24,21,0),MOD($C5787,24)+1)/SUM(INDEX($D$3:$AA$30,INDEX(Jesper!$R$2:$R$366,ROW(INDEX(Jesper!AK$2:AK$366,ROUNDDOWN($C5787/24,0)+1,1))-1)+IF('Standard Profiles'!$G$21=$B$10,7,0)+IF('Standard Profiles'!$G$21=$B$17,14,0)+IF('Standard Profiles'!$G$21=$B$24,21,0),0)),0)</f>
        <v>0</v>
      </c>
      <c r="H5787" cm="1">
        <f t="array" ref="H5787">IFERROR(INDEX(Jesper!AL$2:AL$366,ROUNDDOWN($C5787/24,0)+1,1)*INDEX($D$3:$AA$30,INDEX(Jesper!$R$2:$R$366,ROW(INDEX(Jesper!AL$2:AL$366,ROUNDDOWN($C5787/24,0)+1,1))-1)+IF('Standard Profiles'!$G$22=$B$10,7,0)+IF('Standard Profiles'!$G$22=$B$17,14,0)+IF('Standard Profiles'!$G$22=$B$24,21,0),MOD($C5787,24)+1)/SUM(INDEX($D$3:$AA$30,INDEX(Jesper!$R$2:$R$366,ROW(INDEX(Jesper!AL$2:AL$366,ROUNDDOWN($C5787/24,0)+1,1))-1)+IF('Standard Profiles'!$G$22=$B$10,7,0)+IF('Standard Profiles'!$G$22=$B$17,14,0)+IF('Standard Profiles'!$G$22=$B$24,21,0),0)),0)</f>
        <v>0</v>
      </c>
      <c r="I5787">
        <f t="shared" si="643"/>
        <v>0.41640452737548683</v>
      </c>
      <c r="J5787">
        <f t="shared" si="644"/>
        <v>1.3880150912516229</v>
      </c>
      <c r="K5787">
        <f t="shared" si="645"/>
        <v>2.0820226368774342</v>
      </c>
      <c r="L5787">
        <f t="shared" si="646"/>
        <v>9.993708657011684</v>
      </c>
      <c r="M5787">
        <f t="shared" si="647"/>
        <v>0</v>
      </c>
      <c r="N5787" s="46">
        <f t="shared" si="648"/>
        <v>45531.70833331938</v>
      </c>
    </row>
    <row r="5788" spans="2:14" x14ac:dyDescent="0.3">
      <c r="B5788">
        <f t="shared" si="642"/>
        <v>2</v>
      </c>
      <c r="C5788" s="16">
        <v>5754</v>
      </c>
      <c r="D5788" cm="1">
        <f t="array" ref="D5788">IFERROR(INDEX(Jesper!AH$2:AH$366,ROUNDDOWN($C5788/24,0)+1,1)*INDEX($D$3:$AA$30,INDEX(Jesper!$R$2:$R$366,ROW(INDEX(Jesper!AH$2:AH$366,ROUNDDOWN($C5788/24,0)+1,1))-1)+IF('Standard Profiles'!$G$18=$B$10,7,0)+IF('Standard Profiles'!$G$18=$B$17,14,0)+IF('Standard Profiles'!$G$18=$B$24,21,0),MOD($C5788,24)+1)/SUM(INDEX($D$3:$AA$30,INDEX(Jesper!$R$2:$R$366,ROW(INDEX(Jesper!AH$2:AH$366,ROUNDDOWN($C5788/24,0)+1,1))-1)+IF('Standard Profiles'!$G$18=$B$10,7,0)+IF('Standard Profiles'!$G$18=$B$17,14,0)+IF('Standard Profiles'!$G$18=$B$24,21,0),0)),0)</f>
        <v>13.880150912516228</v>
      </c>
      <c r="E5788" cm="1">
        <f t="array" ref="E5788">IFERROR(INDEX(Jesper!AI$2:AI$366,ROUNDDOWN($C5788/24,0)+1,1)*INDEX($D$3:$AA$30,INDEX(Jesper!$R$2:$R$366,ROW(INDEX(Jesper!AI$2:AI$366,ROUNDDOWN($C5788/24,0)+1,1))-1)+IF('Standard Profiles'!$G$19=$B$10,7,0)+IF('Standard Profiles'!$G$19=$B$17,14,0)+IF('Standard Profiles'!$G$19=$B$24,21,0),MOD($C5788,24)+1)/SUM(INDEX($D$3:$AA$30,INDEX(Jesper!$R$2:$R$366,ROW(INDEX(Jesper!AI$2:AI$366,ROUNDDOWN($C5788/24,0)+1,1))-1)+IF('Standard Profiles'!$G$19=$B$10,7,0)+IF('Standard Profiles'!$G$19=$B$17,14,0)+IF('Standard Profiles'!$G$19=$B$24,21,0),0)),0)</f>
        <v>0</v>
      </c>
      <c r="F5788" cm="1">
        <f t="array" ref="F5788">IFERROR(INDEX(Jesper!AJ$2:AJ$366,ROUNDDOWN($C5788/24,0)+1,1)*INDEX($D$3:$AA$30,INDEX(Jesper!$R$2:$R$366,ROW(INDEX(Jesper!AJ$2:AJ$366,ROUNDDOWN($C5788/24,0)+1,1))-1)+IF('Standard Profiles'!$G$20=$B$10,7,0)+IF('Standard Profiles'!$G$20=$B$17,14,0)+IF('Standard Profiles'!$G$20=$B$24,21,0),MOD($C5788,24)+1)/SUM(INDEX($D$3:$AA$30,INDEX(Jesper!$R$2:$R$366,ROW(INDEX(Jesper!AJ$2:AJ$366,ROUNDDOWN($C5788/24,0)+1,1))-1)+IF('Standard Profiles'!$G$20=$B$10,7,0)+IF('Standard Profiles'!$G$20=$B$17,14,0)+IF('Standard Profiles'!$G$20=$B$24,21,0),0)),0)</f>
        <v>0</v>
      </c>
      <c r="G5788" cm="1">
        <f t="array" ref="G5788">IFERROR(INDEX(Jesper!AK$2:AK$366,ROUNDDOWN($C5788/24,0)+1,1)*INDEX($D$3:$AA$30,INDEX(Jesper!$R$2:$R$366,ROW(INDEX(Jesper!AK$2:AK$366,ROUNDDOWN($C5788/24,0)+1,1))-1)+IF('Standard Profiles'!$G$21=$B$10,7,0)+IF('Standard Profiles'!$G$21=$B$17,14,0)+IF('Standard Profiles'!$G$21=$B$24,21,0),MOD($C5788,24)+1)/SUM(INDEX($D$3:$AA$30,INDEX(Jesper!$R$2:$R$366,ROW(INDEX(Jesper!AK$2:AK$366,ROUNDDOWN($C5788/24,0)+1,1))-1)+IF('Standard Profiles'!$G$21=$B$10,7,0)+IF('Standard Profiles'!$G$21=$B$17,14,0)+IF('Standard Profiles'!$G$21=$B$24,21,0),0)),0)</f>
        <v>0</v>
      </c>
      <c r="H5788" cm="1">
        <f t="array" ref="H5788">IFERROR(INDEX(Jesper!AL$2:AL$366,ROUNDDOWN($C5788/24,0)+1,1)*INDEX($D$3:$AA$30,INDEX(Jesper!$R$2:$R$366,ROW(INDEX(Jesper!AL$2:AL$366,ROUNDDOWN($C5788/24,0)+1,1))-1)+IF('Standard Profiles'!$G$22=$B$10,7,0)+IF('Standard Profiles'!$G$22=$B$17,14,0)+IF('Standard Profiles'!$G$22=$B$24,21,0),MOD($C5788,24)+1)/SUM(INDEX($D$3:$AA$30,INDEX(Jesper!$R$2:$R$366,ROW(INDEX(Jesper!AL$2:AL$366,ROUNDDOWN($C5788/24,0)+1,1))-1)+IF('Standard Profiles'!$G$22=$B$10,7,0)+IF('Standard Profiles'!$G$22=$B$17,14,0)+IF('Standard Profiles'!$G$22=$B$24,21,0),0)),0)</f>
        <v>0</v>
      </c>
      <c r="I5788">
        <f t="shared" si="643"/>
        <v>0.41640452737548683</v>
      </c>
      <c r="J5788">
        <f t="shared" si="644"/>
        <v>1.3880150912516229</v>
      </c>
      <c r="K5788">
        <f t="shared" si="645"/>
        <v>2.0820226368774342</v>
      </c>
      <c r="L5788">
        <f t="shared" si="646"/>
        <v>9.993708657011684</v>
      </c>
      <c r="M5788">
        <f t="shared" si="647"/>
        <v>0</v>
      </c>
      <c r="N5788" s="46">
        <f t="shared" si="648"/>
        <v>45531.749999986045</v>
      </c>
    </row>
    <row r="5789" spans="2:14" x14ac:dyDescent="0.3">
      <c r="B5789">
        <f t="shared" si="642"/>
        <v>2</v>
      </c>
      <c r="C5789" s="16">
        <v>5755</v>
      </c>
      <c r="D5789" cm="1">
        <f t="array" ref="D5789">IFERROR(INDEX(Jesper!AH$2:AH$366,ROUNDDOWN($C5789/24,0)+1,1)*INDEX($D$3:$AA$30,INDEX(Jesper!$R$2:$R$366,ROW(INDEX(Jesper!AH$2:AH$366,ROUNDDOWN($C5789/24,0)+1,1))-1)+IF('Standard Profiles'!$G$18=$B$10,7,0)+IF('Standard Profiles'!$G$18=$B$17,14,0)+IF('Standard Profiles'!$G$18=$B$24,21,0),MOD($C5789,24)+1)/SUM(INDEX($D$3:$AA$30,INDEX(Jesper!$R$2:$R$366,ROW(INDEX(Jesper!AH$2:AH$366,ROUNDDOWN($C5789/24,0)+1,1))-1)+IF('Standard Profiles'!$G$18=$B$10,7,0)+IF('Standard Profiles'!$G$18=$B$17,14,0)+IF('Standard Profiles'!$G$18=$B$24,21,0),0)),0)</f>
        <v>11.62462638923234</v>
      </c>
      <c r="E5789" cm="1">
        <f t="array" ref="E5789">IFERROR(INDEX(Jesper!AI$2:AI$366,ROUNDDOWN($C5789/24,0)+1,1)*INDEX($D$3:$AA$30,INDEX(Jesper!$R$2:$R$366,ROW(INDEX(Jesper!AI$2:AI$366,ROUNDDOWN($C5789/24,0)+1,1))-1)+IF('Standard Profiles'!$G$19=$B$10,7,0)+IF('Standard Profiles'!$G$19=$B$17,14,0)+IF('Standard Profiles'!$G$19=$B$24,21,0),MOD($C5789,24)+1)/SUM(INDEX($D$3:$AA$30,INDEX(Jesper!$R$2:$R$366,ROW(INDEX(Jesper!AI$2:AI$366,ROUNDDOWN($C5789/24,0)+1,1))-1)+IF('Standard Profiles'!$G$19=$B$10,7,0)+IF('Standard Profiles'!$G$19=$B$17,14,0)+IF('Standard Profiles'!$G$19=$B$24,21,0),0)),0)</f>
        <v>0</v>
      </c>
      <c r="F5789" cm="1">
        <f t="array" ref="F5789">IFERROR(INDEX(Jesper!AJ$2:AJ$366,ROUNDDOWN($C5789/24,0)+1,1)*INDEX($D$3:$AA$30,INDEX(Jesper!$R$2:$R$366,ROW(INDEX(Jesper!AJ$2:AJ$366,ROUNDDOWN($C5789/24,0)+1,1))-1)+IF('Standard Profiles'!$G$20=$B$10,7,0)+IF('Standard Profiles'!$G$20=$B$17,14,0)+IF('Standard Profiles'!$G$20=$B$24,21,0),MOD($C5789,24)+1)/SUM(INDEX($D$3:$AA$30,INDEX(Jesper!$R$2:$R$366,ROW(INDEX(Jesper!AJ$2:AJ$366,ROUNDDOWN($C5789/24,0)+1,1))-1)+IF('Standard Profiles'!$G$20=$B$10,7,0)+IF('Standard Profiles'!$G$20=$B$17,14,0)+IF('Standard Profiles'!$G$20=$B$24,21,0),0)),0)</f>
        <v>0</v>
      </c>
      <c r="G5789" cm="1">
        <f t="array" ref="G5789">IFERROR(INDEX(Jesper!AK$2:AK$366,ROUNDDOWN($C5789/24,0)+1,1)*INDEX($D$3:$AA$30,INDEX(Jesper!$R$2:$R$366,ROW(INDEX(Jesper!AK$2:AK$366,ROUNDDOWN($C5789/24,0)+1,1))-1)+IF('Standard Profiles'!$G$21=$B$10,7,0)+IF('Standard Profiles'!$G$21=$B$17,14,0)+IF('Standard Profiles'!$G$21=$B$24,21,0),MOD($C5789,24)+1)/SUM(INDEX($D$3:$AA$30,INDEX(Jesper!$R$2:$R$366,ROW(INDEX(Jesper!AK$2:AK$366,ROUNDDOWN($C5789/24,0)+1,1))-1)+IF('Standard Profiles'!$G$21=$B$10,7,0)+IF('Standard Profiles'!$G$21=$B$17,14,0)+IF('Standard Profiles'!$G$21=$B$24,21,0),0)),0)</f>
        <v>0</v>
      </c>
      <c r="H5789" cm="1">
        <f t="array" ref="H5789">IFERROR(INDEX(Jesper!AL$2:AL$366,ROUNDDOWN($C5789/24,0)+1,1)*INDEX($D$3:$AA$30,INDEX(Jesper!$R$2:$R$366,ROW(INDEX(Jesper!AL$2:AL$366,ROUNDDOWN($C5789/24,0)+1,1))-1)+IF('Standard Profiles'!$G$22=$B$10,7,0)+IF('Standard Profiles'!$G$22=$B$17,14,0)+IF('Standard Profiles'!$G$22=$B$24,21,0),MOD($C5789,24)+1)/SUM(INDEX($D$3:$AA$30,INDEX(Jesper!$R$2:$R$366,ROW(INDEX(Jesper!AL$2:AL$366,ROUNDDOWN($C5789/24,0)+1,1))-1)+IF('Standard Profiles'!$G$22=$B$10,7,0)+IF('Standard Profiles'!$G$22=$B$17,14,0)+IF('Standard Profiles'!$G$22=$B$24,21,0),0)),0)</f>
        <v>0</v>
      </c>
      <c r="I5789">
        <f t="shared" si="643"/>
        <v>0.34873879167697019</v>
      </c>
      <c r="J5789">
        <f t="shared" si="644"/>
        <v>1.162462638923234</v>
      </c>
      <c r="K5789">
        <f t="shared" si="645"/>
        <v>1.743693958384851</v>
      </c>
      <c r="L5789">
        <f t="shared" si="646"/>
        <v>8.3697310002472847</v>
      </c>
      <c r="M5789">
        <f t="shared" si="647"/>
        <v>0</v>
      </c>
      <c r="N5789" s="46">
        <f t="shared" si="648"/>
        <v>45531.791666652709</v>
      </c>
    </row>
    <row r="5790" spans="2:14" x14ac:dyDescent="0.3">
      <c r="B5790">
        <f t="shared" si="642"/>
        <v>2</v>
      </c>
      <c r="C5790" s="16">
        <v>5756</v>
      </c>
      <c r="D5790" cm="1">
        <f t="array" ref="D5790">IFERROR(INDEX(Jesper!AH$2:AH$366,ROUNDDOWN($C5790/24,0)+1,1)*INDEX($D$3:$AA$30,INDEX(Jesper!$R$2:$R$366,ROW(INDEX(Jesper!AH$2:AH$366,ROUNDDOWN($C5790/24,0)+1,1))-1)+IF('Standard Profiles'!$G$18=$B$10,7,0)+IF('Standard Profiles'!$G$18=$B$17,14,0)+IF('Standard Profiles'!$G$18=$B$24,21,0),MOD($C5790,24)+1)/SUM(INDEX($D$3:$AA$30,INDEX(Jesper!$R$2:$R$366,ROW(INDEX(Jesper!AH$2:AH$366,ROUNDDOWN($C5790/24,0)+1,1))-1)+IF('Standard Profiles'!$G$18=$B$10,7,0)+IF('Standard Profiles'!$G$18=$B$17,14,0)+IF('Standard Profiles'!$G$18=$B$24,21,0),0)),0)</f>
        <v>9.5426037523549052</v>
      </c>
      <c r="E5790" cm="1">
        <f t="array" ref="E5790">IFERROR(INDEX(Jesper!AI$2:AI$366,ROUNDDOWN($C5790/24,0)+1,1)*INDEX($D$3:$AA$30,INDEX(Jesper!$R$2:$R$366,ROW(INDEX(Jesper!AI$2:AI$366,ROUNDDOWN($C5790/24,0)+1,1))-1)+IF('Standard Profiles'!$G$19=$B$10,7,0)+IF('Standard Profiles'!$G$19=$B$17,14,0)+IF('Standard Profiles'!$G$19=$B$24,21,0),MOD($C5790,24)+1)/SUM(INDEX($D$3:$AA$30,INDEX(Jesper!$R$2:$R$366,ROW(INDEX(Jesper!AI$2:AI$366,ROUNDDOWN($C5790/24,0)+1,1))-1)+IF('Standard Profiles'!$G$19=$B$10,7,0)+IF('Standard Profiles'!$G$19=$B$17,14,0)+IF('Standard Profiles'!$G$19=$B$24,21,0),0)),0)</f>
        <v>0</v>
      </c>
      <c r="F5790" cm="1">
        <f t="array" ref="F5790">IFERROR(INDEX(Jesper!AJ$2:AJ$366,ROUNDDOWN($C5790/24,0)+1,1)*INDEX($D$3:$AA$30,INDEX(Jesper!$R$2:$R$366,ROW(INDEX(Jesper!AJ$2:AJ$366,ROUNDDOWN($C5790/24,0)+1,1))-1)+IF('Standard Profiles'!$G$20=$B$10,7,0)+IF('Standard Profiles'!$G$20=$B$17,14,0)+IF('Standard Profiles'!$G$20=$B$24,21,0),MOD($C5790,24)+1)/SUM(INDEX($D$3:$AA$30,INDEX(Jesper!$R$2:$R$366,ROW(INDEX(Jesper!AJ$2:AJ$366,ROUNDDOWN($C5790/24,0)+1,1))-1)+IF('Standard Profiles'!$G$20=$B$10,7,0)+IF('Standard Profiles'!$G$20=$B$17,14,0)+IF('Standard Profiles'!$G$20=$B$24,21,0),0)),0)</f>
        <v>0</v>
      </c>
      <c r="G5790" cm="1">
        <f t="array" ref="G5790">IFERROR(INDEX(Jesper!AK$2:AK$366,ROUNDDOWN($C5790/24,0)+1,1)*INDEX($D$3:$AA$30,INDEX(Jesper!$R$2:$R$366,ROW(INDEX(Jesper!AK$2:AK$366,ROUNDDOWN($C5790/24,0)+1,1))-1)+IF('Standard Profiles'!$G$21=$B$10,7,0)+IF('Standard Profiles'!$G$21=$B$17,14,0)+IF('Standard Profiles'!$G$21=$B$24,21,0),MOD($C5790,24)+1)/SUM(INDEX($D$3:$AA$30,INDEX(Jesper!$R$2:$R$366,ROW(INDEX(Jesper!AK$2:AK$366,ROUNDDOWN($C5790/24,0)+1,1))-1)+IF('Standard Profiles'!$G$21=$B$10,7,0)+IF('Standard Profiles'!$G$21=$B$17,14,0)+IF('Standard Profiles'!$G$21=$B$24,21,0),0)),0)</f>
        <v>0</v>
      </c>
      <c r="H5790" cm="1">
        <f t="array" ref="H5790">IFERROR(INDEX(Jesper!AL$2:AL$366,ROUNDDOWN($C5790/24,0)+1,1)*INDEX($D$3:$AA$30,INDEX(Jesper!$R$2:$R$366,ROW(INDEX(Jesper!AL$2:AL$366,ROUNDDOWN($C5790/24,0)+1,1))-1)+IF('Standard Profiles'!$G$22=$B$10,7,0)+IF('Standard Profiles'!$G$22=$B$17,14,0)+IF('Standard Profiles'!$G$22=$B$24,21,0),MOD($C5790,24)+1)/SUM(INDEX($D$3:$AA$30,INDEX(Jesper!$R$2:$R$366,ROW(INDEX(Jesper!AL$2:AL$366,ROUNDDOWN($C5790/24,0)+1,1))-1)+IF('Standard Profiles'!$G$22=$B$10,7,0)+IF('Standard Profiles'!$G$22=$B$17,14,0)+IF('Standard Profiles'!$G$22=$B$24,21,0),0)),0)</f>
        <v>0</v>
      </c>
      <c r="I5790">
        <f t="shared" si="643"/>
        <v>0.28627811257064717</v>
      </c>
      <c r="J5790">
        <f t="shared" si="644"/>
        <v>0.95426037523549057</v>
      </c>
      <c r="K5790">
        <f t="shared" si="645"/>
        <v>1.4313905628532357</v>
      </c>
      <c r="L5790">
        <f t="shared" si="646"/>
        <v>6.8706747016955312</v>
      </c>
      <c r="M5790">
        <f t="shared" si="647"/>
        <v>0</v>
      </c>
      <c r="N5790" s="46">
        <f t="shared" si="648"/>
        <v>45531.833333319373</v>
      </c>
    </row>
    <row r="5791" spans="2:14" x14ac:dyDescent="0.3">
      <c r="B5791">
        <f t="shared" si="642"/>
        <v>2</v>
      </c>
      <c r="C5791" s="16">
        <v>5757</v>
      </c>
      <c r="D5791" cm="1">
        <f t="array" ref="D5791">IFERROR(INDEX(Jesper!AH$2:AH$366,ROUNDDOWN($C5791/24,0)+1,1)*INDEX($D$3:$AA$30,INDEX(Jesper!$R$2:$R$366,ROW(INDEX(Jesper!AH$2:AH$366,ROUNDDOWN($C5791/24,0)+1,1))-1)+IF('Standard Profiles'!$G$18=$B$10,7,0)+IF('Standard Profiles'!$G$18=$B$17,14,0)+IF('Standard Profiles'!$G$18=$B$24,21,0),MOD($C5791,24)+1)/SUM(INDEX($D$3:$AA$30,INDEX(Jesper!$R$2:$R$366,ROW(INDEX(Jesper!AH$2:AH$366,ROUNDDOWN($C5791/24,0)+1,1))-1)+IF('Standard Profiles'!$G$18=$B$10,7,0)+IF('Standard Profiles'!$G$18=$B$17,14,0)+IF('Standard Profiles'!$G$18=$B$24,21,0),0)),0)</f>
        <v>6.9400754562581142</v>
      </c>
      <c r="E5791" cm="1">
        <f t="array" ref="E5791">IFERROR(INDEX(Jesper!AI$2:AI$366,ROUNDDOWN($C5791/24,0)+1,1)*INDEX($D$3:$AA$30,INDEX(Jesper!$R$2:$R$366,ROW(INDEX(Jesper!AI$2:AI$366,ROUNDDOWN($C5791/24,0)+1,1))-1)+IF('Standard Profiles'!$G$19=$B$10,7,0)+IF('Standard Profiles'!$G$19=$B$17,14,0)+IF('Standard Profiles'!$G$19=$B$24,21,0),MOD($C5791,24)+1)/SUM(INDEX($D$3:$AA$30,INDEX(Jesper!$R$2:$R$366,ROW(INDEX(Jesper!AI$2:AI$366,ROUNDDOWN($C5791/24,0)+1,1))-1)+IF('Standard Profiles'!$G$19=$B$10,7,0)+IF('Standard Profiles'!$G$19=$B$17,14,0)+IF('Standard Profiles'!$G$19=$B$24,21,0),0)),0)</f>
        <v>0</v>
      </c>
      <c r="F5791" cm="1">
        <f t="array" ref="F5791">IFERROR(INDEX(Jesper!AJ$2:AJ$366,ROUNDDOWN($C5791/24,0)+1,1)*INDEX($D$3:$AA$30,INDEX(Jesper!$R$2:$R$366,ROW(INDEX(Jesper!AJ$2:AJ$366,ROUNDDOWN($C5791/24,0)+1,1))-1)+IF('Standard Profiles'!$G$20=$B$10,7,0)+IF('Standard Profiles'!$G$20=$B$17,14,0)+IF('Standard Profiles'!$G$20=$B$24,21,0),MOD($C5791,24)+1)/SUM(INDEX($D$3:$AA$30,INDEX(Jesper!$R$2:$R$366,ROW(INDEX(Jesper!AJ$2:AJ$366,ROUNDDOWN($C5791/24,0)+1,1))-1)+IF('Standard Profiles'!$G$20=$B$10,7,0)+IF('Standard Profiles'!$G$20=$B$17,14,0)+IF('Standard Profiles'!$G$20=$B$24,21,0),0)),0)</f>
        <v>0</v>
      </c>
      <c r="G5791" cm="1">
        <f t="array" ref="G5791">IFERROR(INDEX(Jesper!AK$2:AK$366,ROUNDDOWN($C5791/24,0)+1,1)*INDEX($D$3:$AA$30,INDEX(Jesper!$R$2:$R$366,ROW(INDEX(Jesper!AK$2:AK$366,ROUNDDOWN($C5791/24,0)+1,1))-1)+IF('Standard Profiles'!$G$21=$B$10,7,0)+IF('Standard Profiles'!$G$21=$B$17,14,0)+IF('Standard Profiles'!$G$21=$B$24,21,0),MOD($C5791,24)+1)/SUM(INDEX($D$3:$AA$30,INDEX(Jesper!$R$2:$R$366,ROW(INDEX(Jesper!AK$2:AK$366,ROUNDDOWN($C5791/24,0)+1,1))-1)+IF('Standard Profiles'!$G$21=$B$10,7,0)+IF('Standard Profiles'!$G$21=$B$17,14,0)+IF('Standard Profiles'!$G$21=$B$24,21,0),0)),0)</f>
        <v>0</v>
      </c>
      <c r="H5791" cm="1">
        <f t="array" ref="H5791">IFERROR(INDEX(Jesper!AL$2:AL$366,ROUNDDOWN($C5791/24,0)+1,1)*INDEX($D$3:$AA$30,INDEX(Jesper!$R$2:$R$366,ROW(INDEX(Jesper!AL$2:AL$366,ROUNDDOWN($C5791/24,0)+1,1))-1)+IF('Standard Profiles'!$G$22=$B$10,7,0)+IF('Standard Profiles'!$G$22=$B$17,14,0)+IF('Standard Profiles'!$G$22=$B$24,21,0),MOD($C5791,24)+1)/SUM(INDEX($D$3:$AA$30,INDEX(Jesper!$R$2:$R$366,ROW(INDEX(Jesper!AL$2:AL$366,ROUNDDOWN($C5791/24,0)+1,1))-1)+IF('Standard Profiles'!$G$22=$B$10,7,0)+IF('Standard Profiles'!$G$22=$B$17,14,0)+IF('Standard Profiles'!$G$22=$B$24,21,0),0)),0)</f>
        <v>0</v>
      </c>
      <c r="I5791">
        <f t="shared" si="643"/>
        <v>0.20820226368774342</v>
      </c>
      <c r="J5791">
        <f t="shared" si="644"/>
        <v>0.69400754562581146</v>
      </c>
      <c r="K5791">
        <f t="shared" si="645"/>
        <v>1.0410113184387171</v>
      </c>
      <c r="L5791">
        <f t="shared" si="646"/>
        <v>4.996854328505842</v>
      </c>
      <c r="M5791">
        <f t="shared" si="647"/>
        <v>0</v>
      </c>
      <c r="N5791" s="46">
        <f t="shared" si="648"/>
        <v>45531.874999986037</v>
      </c>
    </row>
    <row r="5792" spans="2:14" x14ac:dyDescent="0.3">
      <c r="B5792">
        <f t="shared" si="642"/>
        <v>2</v>
      </c>
      <c r="C5792" s="16">
        <v>5758</v>
      </c>
      <c r="D5792" cm="1">
        <f t="array" ref="D5792">IFERROR(INDEX(Jesper!AH$2:AH$366,ROUNDDOWN($C5792/24,0)+1,1)*INDEX($D$3:$AA$30,INDEX(Jesper!$R$2:$R$366,ROW(INDEX(Jesper!AH$2:AH$366,ROUNDDOWN($C5792/24,0)+1,1))-1)+IF('Standard Profiles'!$G$18=$B$10,7,0)+IF('Standard Profiles'!$G$18=$B$17,14,0)+IF('Standard Profiles'!$G$18=$B$24,21,0),MOD($C5792,24)+1)/SUM(INDEX($D$3:$AA$30,INDEX(Jesper!$R$2:$R$366,ROW(INDEX(Jesper!AH$2:AH$366,ROUNDDOWN($C5792/24,0)+1,1))-1)+IF('Standard Profiles'!$G$18=$B$10,7,0)+IF('Standard Profiles'!$G$18=$B$17,14,0)+IF('Standard Profiles'!$G$18=$B$24,21,0),0)),0)</f>
        <v>6.9400754562581142</v>
      </c>
      <c r="E5792" cm="1">
        <f t="array" ref="E5792">IFERROR(INDEX(Jesper!AI$2:AI$366,ROUNDDOWN($C5792/24,0)+1,1)*INDEX($D$3:$AA$30,INDEX(Jesper!$R$2:$R$366,ROW(INDEX(Jesper!AI$2:AI$366,ROUNDDOWN($C5792/24,0)+1,1))-1)+IF('Standard Profiles'!$G$19=$B$10,7,0)+IF('Standard Profiles'!$G$19=$B$17,14,0)+IF('Standard Profiles'!$G$19=$B$24,21,0),MOD($C5792,24)+1)/SUM(INDEX($D$3:$AA$30,INDEX(Jesper!$R$2:$R$366,ROW(INDEX(Jesper!AI$2:AI$366,ROUNDDOWN($C5792/24,0)+1,1))-1)+IF('Standard Profiles'!$G$19=$B$10,7,0)+IF('Standard Profiles'!$G$19=$B$17,14,0)+IF('Standard Profiles'!$G$19=$B$24,21,0),0)),0)</f>
        <v>0</v>
      </c>
      <c r="F5792" cm="1">
        <f t="array" ref="F5792">IFERROR(INDEX(Jesper!AJ$2:AJ$366,ROUNDDOWN($C5792/24,0)+1,1)*INDEX($D$3:$AA$30,INDEX(Jesper!$R$2:$R$366,ROW(INDEX(Jesper!AJ$2:AJ$366,ROUNDDOWN($C5792/24,0)+1,1))-1)+IF('Standard Profiles'!$G$20=$B$10,7,0)+IF('Standard Profiles'!$G$20=$B$17,14,0)+IF('Standard Profiles'!$G$20=$B$24,21,0),MOD($C5792,24)+1)/SUM(INDEX($D$3:$AA$30,INDEX(Jesper!$R$2:$R$366,ROW(INDEX(Jesper!AJ$2:AJ$366,ROUNDDOWN($C5792/24,0)+1,1))-1)+IF('Standard Profiles'!$G$20=$B$10,7,0)+IF('Standard Profiles'!$G$20=$B$17,14,0)+IF('Standard Profiles'!$G$20=$B$24,21,0),0)),0)</f>
        <v>0</v>
      </c>
      <c r="G5792" cm="1">
        <f t="array" ref="G5792">IFERROR(INDEX(Jesper!AK$2:AK$366,ROUNDDOWN($C5792/24,0)+1,1)*INDEX($D$3:$AA$30,INDEX(Jesper!$R$2:$R$366,ROW(INDEX(Jesper!AK$2:AK$366,ROUNDDOWN($C5792/24,0)+1,1))-1)+IF('Standard Profiles'!$G$21=$B$10,7,0)+IF('Standard Profiles'!$G$21=$B$17,14,0)+IF('Standard Profiles'!$G$21=$B$24,21,0),MOD($C5792,24)+1)/SUM(INDEX($D$3:$AA$30,INDEX(Jesper!$R$2:$R$366,ROW(INDEX(Jesper!AK$2:AK$366,ROUNDDOWN($C5792/24,0)+1,1))-1)+IF('Standard Profiles'!$G$21=$B$10,7,0)+IF('Standard Profiles'!$G$21=$B$17,14,0)+IF('Standard Profiles'!$G$21=$B$24,21,0),0)),0)</f>
        <v>0</v>
      </c>
      <c r="H5792" cm="1">
        <f t="array" ref="H5792">IFERROR(INDEX(Jesper!AL$2:AL$366,ROUNDDOWN($C5792/24,0)+1,1)*INDEX($D$3:$AA$30,INDEX(Jesper!$R$2:$R$366,ROW(INDEX(Jesper!AL$2:AL$366,ROUNDDOWN($C5792/24,0)+1,1))-1)+IF('Standard Profiles'!$G$22=$B$10,7,0)+IF('Standard Profiles'!$G$22=$B$17,14,0)+IF('Standard Profiles'!$G$22=$B$24,21,0),MOD($C5792,24)+1)/SUM(INDEX($D$3:$AA$30,INDEX(Jesper!$R$2:$R$366,ROW(INDEX(Jesper!AL$2:AL$366,ROUNDDOWN($C5792/24,0)+1,1))-1)+IF('Standard Profiles'!$G$22=$B$10,7,0)+IF('Standard Profiles'!$G$22=$B$17,14,0)+IF('Standard Profiles'!$G$22=$B$24,21,0),0)),0)</f>
        <v>0</v>
      </c>
      <c r="I5792">
        <f t="shared" si="643"/>
        <v>0.20820226368774342</v>
      </c>
      <c r="J5792">
        <f t="shared" si="644"/>
        <v>0.69400754562581146</v>
      </c>
      <c r="K5792">
        <f t="shared" si="645"/>
        <v>1.0410113184387171</v>
      </c>
      <c r="L5792">
        <f t="shared" si="646"/>
        <v>4.996854328505842</v>
      </c>
      <c r="M5792">
        <f t="shared" si="647"/>
        <v>0</v>
      </c>
      <c r="N5792" s="46">
        <f t="shared" si="648"/>
        <v>45531.916666652702</v>
      </c>
    </row>
    <row r="5793" spans="2:14" x14ac:dyDescent="0.3">
      <c r="B5793">
        <f t="shared" si="642"/>
        <v>2</v>
      </c>
      <c r="C5793" s="16">
        <v>5759</v>
      </c>
      <c r="D5793" cm="1">
        <f t="array" ref="D5793">IFERROR(INDEX(Jesper!AH$2:AH$366,ROUNDDOWN($C5793/24,0)+1,1)*INDEX($D$3:$AA$30,INDEX(Jesper!$R$2:$R$366,ROW(INDEX(Jesper!AH$2:AH$366,ROUNDDOWN($C5793/24,0)+1,1))-1)+IF('Standard Profiles'!$G$18=$B$10,7,0)+IF('Standard Profiles'!$G$18=$B$17,14,0)+IF('Standard Profiles'!$G$18=$B$24,21,0),MOD($C5793,24)+1)/SUM(INDEX($D$3:$AA$30,INDEX(Jesper!$R$2:$R$366,ROW(INDEX(Jesper!AH$2:AH$366,ROUNDDOWN($C5793/24,0)+1,1))-1)+IF('Standard Profiles'!$G$18=$B$10,7,0)+IF('Standard Profiles'!$G$18=$B$17,14,0)+IF('Standard Profiles'!$G$18=$B$24,21,0),0)),0)</f>
        <v>6.9400754562581142</v>
      </c>
      <c r="E5793" cm="1">
        <f t="array" ref="E5793">IFERROR(INDEX(Jesper!AI$2:AI$366,ROUNDDOWN($C5793/24,0)+1,1)*INDEX($D$3:$AA$30,INDEX(Jesper!$R$2:$R$366,ROW(INDEX(Jesper!AI$2:AI$366,ROUNDDOWN($C5793/24,0)+1,1))-1)+IF('Standard Profiles'!$G$19=$B$10,7,0)+IF('Standard Profiles'!$G$19=$B$17,14,0)+IF('Standard Profiles'!$G$19=$B$24,21,0),MOD($C5793,24)+1)/SUM(INDEX($D$3:$AA$30,INDEX(Jesper!$R$2:$R$366,ROW(INDEX(Jesper!AI$2:AI$366,ROUNDDOWN($C5793/24,0)+1,1))-1)+IF('Standard Profiles'!$G$19=$B$10,7,0)+IF('Standard Profiles'!$G$19=$B$17,14,0)+IF('Standard Profiles'!$G$19=$B$24,21,0),0)),0)</f>
        <v>0</v>
      </c>
      <c r="F5793" cm="1">
        <f t="array" ref="F5793">IFERROR(INDEX(Jesper!AJ$2:AJ$366,ROUNDDOWN($C5793/24,0)+1,1)*INDEX($D$3:$AA$30,INDEX(Jesper!$R$2:$R$366,ROW(INDEX(Jesper!AJ$2:AJ$366,ROUNDDOWN($C5793/24,0)+1,1))-1)+IF('Standard Profiles'!$G$20=$B$10,7,0)+IF('Standard Profiles'!$G$20=$B$17,14,0)+IF('Standard Profiles'!$G$20=$B$24,21,0),MOD($C5793,24)+1)/SUM(INDEX($D$3:$AA$30,INDEX(Jesper!$R$2:$R$366,ROW(INDEX(Jesper!AJ$2:AJ$366,ROUNDDOWN($C5793/24,0)+1,1))-1)+IF('Standard Profiles'!$G$20=$B$10,7,0)+IF('Standard Profiles'!$G$20=$B$17,14,0)+IF('Standard Profiles'!$G$20=$B$24,21,0),0)),0)</f>
        <v>0</v>
      </c>
      <c r="G5793" cm="1">
        <f t="array" ref="G5793">IFERROR(INDEX(Jesper!AK$2:AK$366,ROUNDDOWN($C5793/24,0)+1,1)*INDEX($D$3:$AA$30,INDEX(Jesper!$R$2:$R$366,ROW(INDEX(Jesper!AK$2:AK$366,ROUNDDOWN($C5793/24,0)+1,1))-1)+IF('Standard Profiles'!$G$21=$B$10,7,0)+IF('Standard Profiles'!$G$21=$B$17,14,0)+IF('Standard Profiles'!$G$21=$B$24,21,0),MOD($C5793,24)+1)/SUM(INDEX($D$3:$AA$30,INDEX(Jesper!$R$2:$R$366,ROW(INDEX(Jesper!AK$2:AK$366,ROUNDDOWN($C5793/24,0)+1,1))-1)+IF('Standard Profiles'!$G$21=$B$10,7,0)+IF('Standard Profiles'!$G$21=$B$17,14,0)+IF('Standard Profiles'!$G$21=$B$24,21,0),0)),0)</f>
        <v>0</v>
      </c>
      <c r="H5793" cm="1">
        <f t="array" ref="H5793">IFERROR(INDEX(Jesper!AL$2:AL$366,ROUNDDOWN($C5793/24,0)+1,1)*INDEX($D$3:$AA$30,INDEX(Jesper!$R$2:$R$366,ROW(INDEX(Jesper!AL$2:AL$366,ROUNDDOWN($C5793/24,0)+1,1))-1)+IF('Standard Profiles'!$G$22=$B$10,7,0)+IF('Standard Profiles'!$G$22=$B$17,14,0)+IF('Standard Profiles'!$G$22=$B$24,21,0),MOD($C5793,24)+1)/SUM(INDEX($D$3:$AA$30,INDEX(Jesper!$R$2:$R$366,ROW(INDEX(Jesper!AL$2:AL$366,ROUNDDOWN($C5793/24,0)+1,1))-1)+IF('Standard Profiles'!$G$22=$B$10,7,0)+IF('Standard Profiles'!$G$22=$B$17,14,0)+IF('Standard Profiles'!$G$22=$B$24,21,0),0)),0)</f>
        <v>0</v>
      </c>
      <c r="I5793">
        <f t="shared" si="643"/>
        <v>0.20820226368774342</v>
      </c>
      <c r="J5793">
        <f t="shared" si="644"/>
        <v>0.69400754562581146</v>
      </c>
      <c r="K5793">
        <f t="shared" si="645"/>
        <v>1.0410113184387171</v>
      </c>
      <c r="L5793">
        <f t="shared" si="646"/>
        <v>4.996854328505842</v>
      </c>
      <c r="M5793">
        <f t="shared" si="647"/>
        <v>0</v>
      </c>
      <c r="N5793" s="46">
        <f t="shared" si="648"/>
        <v>45531.958333319366</v>
      </c>
    </row>
    <row r="5794" spans="2:14" x14ac:dyDescent="0.3">
      <c r="B5794">
        <f t="shared" si="642"/>
        <v>3</v>
      </c>
      <c r="C5794" s="16">
        <v>5760</v>
      </c>
      <c r="D5794" cm="1">
        <f t="array" ref="D5794">IFERROR(INDEX(Jesper!AH$2:AH$366,ROUNDDOWN($C5794/24,0)+1,1)*INDEX($D$3:$AA$30,INDEX(Jesper!$R$2:$R$366,ROW(INDEX(Jesper!AH$2:AH$366,ROUNDDOWN($C5794/24,0)+1,1))-1)+IF('Standard Profiles'!$G$18=$B$10,7,0)+IF('Standard Profiles'!$G$18=$B$17,14,0)+IF('Standard Profiles'!$G$18=$B$24,21,0),MOD($C5794,24)+1)/SUM(INDEX($D$3:$AA$30,INDEX(Jesper!$R$2:$R$366,ROW(INDEX(Jesper!AH$2:AH$366,ROUNDDOWN($C5794/24,0)+1,1))-1)+IF('Standard Profiles'!$G$18=$B$10,7,0)+IF('Standard Profiles'!$G$18=$B$17,14,0)+IF('Standard Profiles'!$G$18=$B$24,21,0),0)),0)</f>
        <v>6.1896021387675368</v>
      </c>
      <c r="E5794" cm="1">
        <f t="array" ref="E5794">IFERROR(INDEX(Jesper!AI$2:AI$366,ROUNDDOWN($C5794/24,0)+1,1)*INDEX($D$3:$AA$30,INDEX(Jesper!$R$2:$R$366,ROW(INDEX(Jesper!AI$2:AI$366,ROUNDDOWN($C5794/24,0)+1,1))-1)+IF('Standard Profiles'!$G$19=$B$10,7,0)+IF('Standard Profiles'!$G$19=$B$17,14,0)+IF('Standard Profiles'!$G$19=$B$24,21,0),MOD($C5794,24)+1)/SUM(INDEX($D$3:$AA$30,INDEX(Jesper!$R$2:$R$366,ROW(INDEX(Jesper!AI$2:AI$366,ROUNDDOWN($C5794/24,0)+1,1))-1)+IF('Standard Profiles'!$G$19=$B$10,7,0)+IF('Standard Profiles'!$G$19=$B$17,14,0)+IF('Standard Profiles'!$G$19=$B$24,21,0),0)),0)</f>
        <v>0</v>
      </c>
      <c r="F5794" cm="1">
        <f t="array" ref="F5794">IFERROR(INDEX(Jesper!AJ$2:AJ$366,ROUNDDOWN($C5794/24,0)+1,1)*INDEX($D$3:$AA$30,INDEX(Jesper!$R$2:$R$366,ROW(INDEX(Jesper!AJ$2:AJ$366,ROUNDDOWN($C5794/24,0)+1,1))-1)+IF('Standard Profiles'!$G$20=$B$10,7,0)+IF('Standard Profiles'!$G$20=$B$17,14,0)+IF('Standard Profiles'!$G$20=$B$24,21,0),MOD($C5794,24)+1)/SUM(INDEX($D$3:$AA$30,INDEX(Jesper!$R$2:$R$366,ROW(INDEX(Jesper!AJ$2:AJ$366,ROUNDDOWN($C5794/24,0)+1,1))-1)+IF('Standard Profiles'!$G$20=$B$10,7,0)+IF('Standard Profiles'!$G$20=$B$17,14,0)+IF('Standard Profiles'!$G$20=$B$24,21,0),0)),0)</f>
        <v>0</v>
      </c>
      <c r="G5794" cm="1">
        <f t="array" ref="G5794">IFERROR(INDEX(Jesper!AK$2:AK$366,ROUNDDOWN($C5794/24,0)+1,1)*INDEX($D$3:$AA$30,INDEX(Jesper!$R$2:$R$366,ROW(INDEX(Jesper!AK$2:AK$366,ROUNDDOWN($C5794/24,0)+1,1))-1)+IF('Standard Profiles'!$G$21=$B$10,7,0)+IF('Standard Profiles'!$G$21=$B$17,14,0)+IF('Standard Profiles'!$G$21=$B$24,21,0),MOD($C5794,24)+1)/SUM(INDEX($D$3:$AA$30,INDEX(Jesper!$R$2:$R$366,ROW(INDEX(Jesper!AK$2:AK$366,ROUNDDOWN($C5794/24,0)+1,1))-1)+IF('Standard Profiles'!$G$21=$B$10,7,0)+IF('Standard Profiles'!$G$21=$B$17,14,0)+IF('Standard Profiles'!$G$21=$B$24,21,0),0)),0)</f>
        <v>0</v>
      </c>
      <c r="H5794" cm="1">
        <f t="array" ref="H5794">IFERROR(INDEX(Jesper!AL$2:AL$366,ROUNDDOWN($C5794/24,0)+1,1)*INDEX($D$3:$AA$30,INDEX(Jesper!$R$2:$R$366,ROW(INDEX(Jesper!AL$2:AL$366,ROUNDDOWN($C5794/24,0)+1,1))-1)+IF('Standard Profiles'!$G$22=$B$10,7,0)+IF('Standard Profiles'!$G$22=$B$17,14,0)+IF('Standard Profiles'!$G$22=$B$24,21,0),MOD($C5794,24)+1)/SUM(INDEX($D$3:$AA$30,INDEX(Jesper!$R$2:$R$366,ROW(INDEX(Jesper!AL$2:AL$366,ROUNDDOWN($C5794/24,0)+1,1))-1)+IF('Standard Profiles'!$G$22=$B$10,7,0)+IF('Standard Profiles'!$G$22=$B$17,14,0)+IF('Standard Profiles'!$G$22=$B$24,21,0),0)),0)</f>
        <v>0</v>
      </c>
      <c r="I5794">
        <f t="shared" si="643"/>
        <v>0.18568806416302611</v>
      </c>
      <c r="J5794">
        <f t="shared" si="644"/>
        <v>0.61896021387675371</v>
      </c>
      <c r="K5794">
        <f t="shared" si="645"/>
        <v>0.9284403208151305</v>
      </c>
      <c r="L5794">
        <f t="shared" si="646"/>
        <v>4.4565135399126268</v>
      </c>
      <c r="M5794">
        <f t="shared" si="647"/>
        <v>0</v>
      </c>
      <c r="N5794" s="46">
        <f t="shared" si="648"/>
        <v>45531.99999998603</v>
      </c>
    </row>
    <row r="5795" spans="2:14" x14ac:dyDescent="0.3">
      <c r="B5795">
        <f t="shared" ref="B5795:B5858" si="649">WEEKDAY(N5795,2)</f>
        <v>3</v>
      </c>
      <c r="C5795" s="16">
        <v>5761</v>
      </c>
      <c r="D5795" cm="1">
        <f t="array" ref="D5795">IFERROR(INDEX(Jesper!AH$2:AH$366,ROUNDDOWN($C5795/24,0)+1,1)*INDEX($D$3:$AA$30,INDEX(Jesper!$R$2:$R$366,ROW(INDEX(Jesper!AH$2:AH$366,ROUNDDOWN($C5795/24,0)+1,1))-1)+IF('Standard Profiles'!$G$18=$B$10,7,0)+IF('Standard Profiles'!$G$18=$B$17,14,0)+IF('Standard Profiles'!$G$18=$B$24,21,0),MOD($C5795,24)+1)/SUM(INDEX($D$3:$AA$30,INDEX(Jesper!$R$2:$R$366,ROW(INDEX(Jesper!AH$2:AH$366,ROUNDDOWN($C5795/24,0)+1,1))-1)+IF('Standard Profiles'!$G$18=$B$10,7,0)+IF('Standard Profiles'!$G$18=$B$17,14,0)+IF('Standard Profiles'!$G$18=$B$24,21,0),0)),0)</f>
        <v>6.9633024061134794</v>
      </c>
      <c r="E5795" cm="1">
        <f t="array" ref="E5795">IFERROR(INDEX(Jesper!AI$2:AI$366,ROUNDDOWN($C5795/24,0)+1,1)*INDEX($D$3:$AA$30,INDEX(Jesper!$R$2:$R$366,ROW(INDEX(Jesper!AI$2:AI$366,ROUNDDOWN($C5795/24,0)+1,1))-1)+IF('Standard Profiles'!$G$19=$B$10,7,0)+IF('Standard Profiles'!$G$19=$B$17,14,0)+IF('Standard Profiles'!$G$19=$B$24,21,0),MOD($C5795,24)+1)/SUM(INDEX($D$3:$AA$30,INDEX(Jesper!$R$2:$R$366,ROW(INDEX(Jesper!AI$2:AI$366,ROUNDDOWN($C5795/24,0)+1,1))-1)+IF('Standard Profiles'!$G$19=$B$10,7,0)+IF('Standard Profiles'!$G$19=$B$17,14,0)+IF('Standard Profiles'!$G$19=$B$24,21,0),0)),0)</f>
        <v>0</v>
      </c>
      <c r="F5795" cm="1">
        <f t="array" ref="F5795">IFERROR(INDEX(Jesper!AJ$2:AJ$366,ROUNDDOWN($C5795/24,0)+1,1)*INDEX($D$3:$AA$30,INDEX(Jesper!$R$2:$R$366,ROW(INDEX(Jesper!AJ$2:AJ$366,ROUNDDOWN($C5795/24,0)+1,1))-1)+IF('Standard Profiles'!$G$20=$B$10,7,0)+IF('Standard Profiles'!$G$20=$B$17,14,0)+IF('Standard Profiles'!$G$20=$B$24,21,0),MOD($C5795,24)+1)/SUM(INDEX($D$3:$AA$30,INDEX(Jesper!$R$2:$R$366,ROW(INDEX(Jesper!AJ$2:AJ$366,ROUNDDOWN($C5795/24,0)+1,1))-1)+IF('Standard Profiles'!$G$20=$B$10,7,0)+IF('Standard Profiles'!$G$20=$B$17,14,0)+IF('Standard Profiles'!$G$20=$B$24,21,0),0)),0)</f>
        <v>0</v>
      </c>
      <c r="G5795" cm="1">
        <f t="array" ref="G5795">IFERROR(INDEX(Jesper!AK$2:AK$366,ROUNDDOWN($C5795/24,0)+1,1)*INDEX($D$3:$AA$30,INDEX(Jesper!$R$2:$R$366,ROW(INDEX(Jesper!AK$2:AK$366,ROUNDDOWN($C5795/24,0)+1,1))-1)+IF('Standard Profiles'!$G$21=$B$10,7,0)+IF('Standard Profiles'!$G$21=$B$17,14,0)+IF('Standard Profiles'!$G$21=$B$24,21,0),MOD($C5795,24)+1)/SUM(INDEX($D$3:$AA$30,INDEX(Jesper!$R$2:$R$366,ROW(INDEX(Jesper!AK$2:AK$366,ROUNDDOWN($C5795/24,0)+1,1))-1)+IF('Standard Profiles'!$G$21=$B$10,7,0)+IF('Standard Profiles'!$G$21=$B$17,14,0)+IF('Standard Profiles'!$G$21=$B$24,21,0),0)),0)</f>
        <v>0</v>
      </c>
      <c r="H5795" cm="1">
        <f t="array" ref="H5795">IFERROR(INDEX(Jesper!AL$2:AL$366,ROUNDDOWN($C5795/24,0)+1,1)*INDEX($D$3:$AA$30,INDEX(Jesper!$R$2:$R$366,ROW(INDEX(Jesper!AL$2:AL$366,ROUNDDOWN($C5795/24,0)+1,1))-1)+IF('Standard Profiles'!$G$22=$B$10,7,0)+IF('Standard Profiles'!$G$22=$B$17,14,0)+IF('Standard Profiles'!$G$22=$B$24,21,0),MOD($C5795,24)+1)/SUM(INDEX($D$3:$AA$30,INDEX(Jesper!$R$2:$R$366,ROW(INDEX(Jesper!AL$2:AL$366,ROUNDDOWN($C5795/24,0)+1,1))-1)+IF('Standard Profiles'!$G$22=$B$10,7,0)+IF('Standard Profiles'!$G$22=$B$17,14,0)+IF('Standard Profiles'!$G$22=$B$24,21,0),0)),0)</f>
        <v>0</v>
      </c>
      <c r="I5795">
        <f t="shared" ref="I5795:I5858" si="650">IF($B5795&lt;6,AC$37*$D5795+AC$38*$E5795+AC$39*$F5795+AC$40*$G5795,AC$46*$D5795+AC$47*$E5795+AC$48*$F5795+AC$49*$G5795+AC$50*$H5795)</f>
        <v>0.20889907218340437</v>
      </c>
      <c r="J5795">
        <f t="shared" ref="J5795:J5858" si="651">IF($B5795&lt;6,AD$37*$D5795+AD$38*$E5795+AD$39*$F5795+AD$40*$G5795,AD$46*$D5795+AD$47*$E5795+AD$48*$F5795+AD$49*$G5795+AD$50*$H5795)</f>
        <v>0.69633024061134796</v>
      </c>
      <c r="K5795">
        <f t="shared" ref="K5795:K5858" si="652">IF($B5795&lt;6,AE$37*$D5795+AE$38*$E5795+AE$39*$F5795+AE$40*$G5795,AE$46*$D5795+AE$47*$E5795+AE$48*$F5795+AE$49*$G5795+AE$50*$H5795)</f>
        <v>1.0444953609170218</v>
      </c>
      <c r="L5795">
        <f t="shared" ref="L5795:L5858" si="653">IF($B5795&lt;6,AF$37*$D5795+AF$38*$E5795+AF$39*$F5795+AF$40*$G5795,AF$46*$D5795+AF$47*$E5795+AF$48*$F5795+AF$49*$G5795+AF$50*$H5795)</f>
        <v>5.0135777324017052</v>
      </c>
      <c r="M5795">
        <f t="shared" ref="M5795:M5858" si="654">IF($B5795&lt;6,AG$37*$D5795+AG$38*$E5795+AG$39*$F5795+AG$40*$G5795,AG$46*$D5795+AG$47*$E5795+AG$48*$F5795+AG$49*$G5795+AG$50*$H5795)</f>
        <v>0</v>
      </c>
      <c r="N5795" s="46">
        <f t="shared" si="648"/>
        <v>45532.041666652694</v>
      </c>
    </row>
    <row r="5796" spans="2:14" x14ac:dyDescent="0.3">
      <c r="B5796">
        <f t="shared" si="649"/>
        <v>3</v>
      </c>
      <c r="C5796" s="16">
        <v>5762</v>
      </c>
      <c r="D5796" cm="1">
        <f t="array" ref="D5796">IFERROR(INDEX(Jesper!AH$2:AH$366,ROUNDDOWN($C5796/24,0)+1,1)*INDEX($D$3:$AA$30,INDEX(Jesper!$R$2:$R$366,ROW(INDEX(Jesper!AH$2:AH$366,ROUNDDOWN($C5796/24,0)+1,1))-1)+IF('Standard Profiles'!$G$18=$B$10,7,0)+IF('Standard Profiles'!$G$18=$B$17,14,0)+IF('Standard Profiles'!$G$18=$B$24,21,0),MOD($C5796,24)+1)/SUM(INDEX($D$3:$AA$30,INDEX(Jesper!$R$2:$R$366,ROW(INDEX(Jesper!AH$2:AH$366,ROUNDDOWN($C5796/24,0)+1,1))-1)+IF('Standard Profiles'!$G$18=$B$10,7,0)+IF('Standard Profiles'!$G$18=$B$17,14,0)+IF('Standard Profiles'!$G$18=$B$24,21,0),0)),0)</f>
        <v>6.9633024061134794</v>
      </c>
      <c r="E5796" cm="1">
        <f t="array" ref="E5796">IFERROR(INDEX(Jesper!AI$2:AI$366,ROUNDDOWN($C5796/24,0)+1,1)*INDEX($D$3:$AA$30,INDEX(Jesper!$R$2:$R$366,ROW(INDEX(Jesper!AI$2:AI$366,ROUNDDOWN($C5796/24,0)+1,1))-1)+IF('Standard Profiles'!$G$19=$B$10,7,0)+IF('Standard Profiles'!$G$19=$B$17,14,0)+IF('Standard Profiles'!$G$19=$B$24,21,0),MOD($C5796,24)+1)/SUM(INDEX($D$3:$AA$30,INDEX(Jesper!$R$2:$R$366,ROW(INDEX(Jesper!AI$2:AI$366,ROUNDDOWN($C5796/24,0)+1,1))-1)+IF('Standard Profiles'!$G$19=$B$10,7,0)+IF('Standard Profiles'!$G$19=$B$17,14,0)+IF('Standard Profiles'!$G$19=$B$24,21,0),0)),0)</f>
        <v>0</v>
      </c>
      <c r="F5796" cm="1">
        <f t="array" ref="F5796">IFERROR(INDEX(Jesper!AJ$2:AJ$366,ROUNDDOWN($C5796/24,0)+1,1)*INDEX($D$3:$AA$30,INDEX(Jesper!$R$2:$R$366,ROW(INDEX(Jesper!AJ$2:AJ$366,ROUNDDOWN($C5796/24,0)+1,1))-1)+IF('Standard Profiles'!$G$20=$B$10,7,0)+IF('Standard Profiles'!$G$20=$B$17,14,0)+IF('Standard Profiles'!$G$20=$B$24,21,0),MOD($C5796,24)+1)/SUM(INDEX($D$3:$AA$30,INDEX(Jesper!$R$2:$R$366,ROW(INDEX(Jesper!AJ$2:AJ$366,ROUNDDOWN($C5796/24,0)+1,1))-1)+IF('Standard Profiles'!$G$20=$B$10,7,0)+IF('Standard Profiles'!$G$20=$B$17,14,0)+IF('Standard Profiles'!$G$20=$B$24,21,0),0)),0)</f>
        <v>0</v>
      </c>
      <c r="G5796" cm="1">
        <f t="array" ref="G5796">IFERROR(INDEX(Jesper!AK$2:AK$366,ROUNDDOWN($C5796/24,0)+1,1)*INDEX($D$3:$AA$30,INDEX(Jesper!$R$2:$R$366,ROW(INDEX(Jesper!AK$2:AK$366,ROUNDDOWN($C5796/24,0)+1,1))-1)+IF('Standard Profiles'!$G$21=$B$10,7,0)+IF('Standard Profiles'!$G$21=$B$17,14,0)+IF('Standard Profiles'!$G$21=$B$24,21,0),MOD($C5796,24)+1)/SUM(INDEX($D$3:$AA$30,INDEX(Jesper!$R$2:$R$366,ROW(INDEX(Jesper!AK$2:AK$366,ROUNDDOWN($C5796/24,0)+1,1))-1)+IF('Standard Profiles'!$G$21=$B$10,7,0)+IF('Standard Profiles'!$G$21=$B$17,14,0)+IF('Standard Profiles'!$G$21=$B$24,21,0),0)),0)</f>
        <v>0</v>
      </c>
      <c r="H5796" cm="1">
        <f t="array" ref="H5796">IFERROR(INDEX(Jesper!AL$2:AL$366,ROUNDDOWN($C5796/24,0)+1,1)*INDEX($D$3:$AA$30,INDEX(Jesper!$R$2:$R$366,ROW(INDEX(Jesper!AL$2:AL$366,ROUNDDOWN($C5796/24,0)+1,1))-1)+IF('Standard Profiles'!$G$22=$B$10,7,0)+IF('Standard Profiles'!$G$22=$B$17,14,0)+IF('Standard Profiles'!$G$22=$B$24,21,0),MOD($C5796,24)+1)/SUM(INDEX($D$3:$AA$30,INDEX(Jesper!$R$2:$R$366,ROW(INDEX(Jesper!AL$2:AL$366,ROUNDDOWN($C5796/24,0)+1,1))-1)+IF('Standard Profiles'!$G$22=$B$10,7,0)+IF('Standard Profiles'!$G$22=$B$17,14,0)+IF('Standard Profiles'!$G$22=$B$24,21,0),0)),0)</f>
        <v>0</v>
      </c>
      <c r="I5796">
        <f t="shared" si="650"/>
        <v>0.20889907218340437</v>
      </c>
      <c r="J5796">
        <f t="shared" si="651"/>
        <v>0.69633024061134796</v>
      </c>
      <c r="K5796">
        <f t="shared" si="652"/>
        <v>1.0444953609170218</v>
      </c>
      <c r="L5796">
        <f t="shared" si="653"/>
        <v>5.0135777324017052</v>
      </c>
      <c r="M5796">
        <f t="shared" si="654"/>
        <v>0</v>
      </c>
      <c r="N5796" s="46">
        <f t="shared" ref="N5796:N5859" si="655">N5795+1/24</f>
        <v>45532.083333319359</v>
      </c>
    </row>
    <row r="5797" spans="2:14" x14ac:dyDescent="0.3">
      <c r="B5797">
        <f t="shared" si="649"/>
        <v>3</v>
      </c>
      <c r="C5797" s="16">
        <v>5763</v>
      </c>
      <c r="D5797" cm="1">
        <f t="array" ref="D5797">IFERROR(INDEX(Jesper!AH$2:AH$366,ROUNDDOWN($C5797/24,0)+1,1)*INDEX($D$3:$AA$30,INDEX(Jesper!$R$2:$R$366,ROW(INDEX(Jesper!AH$2:AH$366,ROUNDDOWN($C5797/24,0)+1,1))-1)+IF('Standard Profiles'!$G$18=$B$10,7,0)+IF('Standard Profiles'!$G$18=$B$17,14,0)+IF('Standard Profiles'!$G$18=$B$24,21,0),MOD($C5797,24)+1)/SUM(INDEX($D$3:$AA$30,INDEX(Jesper!$R$2:$R$366,ROW(INDEX(Jesper!AH$2:AH$366,ROUNDDOWN($C5797/24,0)+1,1))-1)+IF('Standard Profiles'!$G$18=$B$10,7,0)+IF('Standard Profiles'!$G$18=$B$17,14,0)+IF('Standard Profiles'!$G$18=$B$24,21,0),0)),0)</f>
        <v>6.9633024061134794</v>
      </c>
      <c r="E5797" cm="1">
        <f t="array" ref="E5797">IFERROR(INDEX(Jesper!AI$2:AI$366,ROUNDDOWN($C5797/24,0)+1,1)*INDEX($D$3:$AA$30,INDEX(Jesper!$R$2:$R$366,ROW(INDEX(Jesper!AI$2:AI$366,ROUNDDOWN($C5797/24,0)+1,1))-1)+IF('Standard Profiles'!$G$19=$B$10,7,0)+IF('Standard Profiles'!$G$19=$B$17,14,0)+IF('Standard Profiles'!$G$19=$B$24,21,0),MOD($C5797,24)+1)/SUM(INDEX($D$3:$AA$30,INDEX(Jesper!$R$2:$R$366,ROW(INDEX(Jesper!AI$2:AI$366,ROUNDDOWN($C5797/24,0)+1,1))-1)+IF('Standard Profiles'!$G$19=$B$10,7,0)+IF('Standard Profiles'!$G$19=$B$17,14,0)+IF('Standard Profiles'!$G$19=$B$24,21,0),0)),0)</f>
        <v>0</v>
      </c>
      <c r="F5797" cm="1">
        <f t="array" ref="F5797">IFERROR(INDEX(Jesper!AJ$2:AJ$366,ROUNDDOWN($C5797/24,0)+1,1)*INDEX($D$3:$AA$30,INDEX(Jesper!$R$2:$R$366,ROW(INDEX(Jesper!AJ$2:AJ$366,ROUNDDOWN($C5797/24,0)+1,1))-1)+IF('Standard Profiles'!$G$20=$B$10,7,0)+IF('Standard Profiles'!$G$20=$B$17,14,0)+IF('Standard Profiles'!$G$20=$B$24,21,0),MOD($C5797,24)+1)/SUM(INDEX($D$3:$AA$30,INDEX(Jesper!$R$2:$R$366,ROW(INDEX(Jesper!AJ$2:AJ$366,ROUNDDOWN($C5797/24,0)+1,1))-1)+IF('Standard Profiles'!$G$20=$B$10,7,0)+IF('Standard Profiles'!$G$20=$B$17,14,0)+IF('Standard Profiles'!$G$20=$B$24,21,0),0)),0)</f>
        <v>0</v>
      </c>
      <c r="G5797" cm="1">
        <f t="array" ref="G5797">IFERROR(INDEX(Jesper!AK$2:AK$366,ROUNDDOWN($C5797/24,0)+1,1)*INDEX($D$3:$AA$30,INDEX(Jesper!$R$2:$R$366,ROW(INDEX(Jesper!AK$2:AK$366,ROUNDDOWN($C5797/24,0)+1,1))-1)+IF('Standard Profiles'!$G$21=$B$10,7,0)+IF('Standard Profiles'!$G$21=$B$17,14,0)+IF('Standard Profiles'!$G$21=$B$24,21,0),MOD($C5797,24)+1)/SUM(INDEX($D$3:$AA$30,INDEX(Jesper!$R$2:$R$366,ROW(INDEX(Jesper!AK$2:AK$366,ROUNDDOWN($C5797/24,0)+1,1))-1)+IF('Standard Profiles'!$G$21=$B$10,7,0)+IF('Standard Profiles'!$G$21=$B$17,14,0)+IF('Standard Profiles'!$G$21=$B$24,21,0),0)),0)</f>
        <v>0</v>
      </c>
      <c r="H5797" cm="1">
        <f t="array" ref="H5797">IFERROR(INDEX(Jesper!AL$2:AL$366,ROUNDDOWN($C5797/24,0)+1,1)*INDEX($D$3:$AA$30,INDEX(Jesper!$R$2:$R$366,ROW(INDEX(Jesper!AL$2:AL$366,ROUNDDOWN($C5797/24,0)+1,1))-1)+IF('Standard Profiles'!$G$22=$B$10,7,0)+IF('Standard Profiles'!$G$22=$B$17,14,0)+IF('Standard Profiles'!$G$22=$B$24,21,0),MOD($C5797,24)+1)/SUM(INDEX($D$3:$AA$30,INDEX(Jesper!$R$2:$R$366,ROW(INDEX(Jesper!AL$2:AL$366,ROUNDDOWN($C5797/24,0)+1,1))-1)+IF('Standard Profiles'!$G$22=$B$10,7,0)+IF('Standard Profiles'!$G$22=$B$17,14,0)+IF('Standard Profiles'!$G$22=$B$24,21,0),0)),0)</f>
        <v>0</v>
      </c>
      <c r="I5797">
        <f t="shared" si="650"/>
        <v>0.20889907218340437</v>
      </c>
      <c r="J5797">
        <f t="shared" si="651"/>
        <v>0.69633024061134796</v>
      </c>
      <c r="K5797">
        <f t="shared" si="652"/>
        <v>1.0444953609170218</v>
      </c>
      <c r="L5797">
        <f t="shared" si="653"/>
        <v>5.0135777324017052</v>
      </c>
      <c r="M5797">
        <f t="shared" si="654"/>
        <v>0</v>
      </c>
      <c r="N5797" s="46">
        <f t="shared" si="655"/>
        <v>45532.124999986023</v>
      </c>
    </row>
    <row r="5798" spans="2:14" x14ac:dyDescent="0.3">
      <c r="B5798">
        <f t="shared" si="649"/>
        <v>3</v>
      </c>
      <c r="C5798" s="16">
        <v>5764</v>
      </c>
      <c r="D5798" cm="1">
        <f t="array" ref="D5798">IFERROR(INDEX(Jesper!AH$2:AH$366,ROUNDDOWN($C5798/24,0)+1,1)*INDEX($D$3:$AA$30,INDEX(Jesper!$R$2:$R$366,ROW(INDEX(Jesper!AH$2:AH$366,ROUNDDOWN($C5798/24,0)+1,1))-1)+IF('Standard Profiles'!$G$18=$B$10,7,0)+IF('Standard Profiles'!$G$18=$B$17,14,0)+IF('Standard Profiles'!$G$18=$B$24,21,0),MOD($C5798,24)+1)/SUM(INDEX($D$3:$AA$30,INDEX(Jesper!$R$2:$R$366,ROW(INDEX(Jesper!AH$2:AH$366,ROUNDDOWN($C5798/24,0)+1,1))-1)+IF('Standard Profiles'!$G$18=$B$10,7,0)+IF('Standard Profiles'!$G$18=$B$17,14,0)+IF('Standard Profiles'!$G$18=$B$24,21,0),0)),0)</f>
        <v>6.9633024061134794</v>
      </c>
      <c r="E5798" cm="1">
        <f t="array" ref="E5798">IFERROR(INDEX(Jesper!AI$2:AI$366,ROUNDDOWN($C5798/24,0)+1,1)*INDEX($D$3:$AA$30,INDEX(Jesper!$R$2:$R$366,ROW(INDEX(Jesper!AI$2:AI$366,ROUNDDOWN($C5798/24,0)+1,1))-1)+IF('Standard Profiles'!$G$19=$B$10,7,0)+IF('Standard Profiles'!$G$19=$B$17,14,0)+IF('Standard Profiles'!$G$19=$B$24,21,0),MOD($C5798,24)+1)/SUM(INDEX($D$3:$AA$30,INDEX(Jesper!$R$2:$R$366,ROW(INDEX(Jesper!AI$2:AI$366,ROUNDDOWN($C5798/24,0)+1,1))-1)+IF('Standard Profiles'!$G$19=$B$10,7,0)+IF('Standard Profiles'!$G$19=$B$17,14,0)+IF('Standard Profiles'!$G$19=$B$24,21,0),0)),0)</f>
        <v>0</v>
      </c>
      <c r="F5798" cm="1">
        <f t="array" ref="F5798">IFERROR(INDEX(Jesper!AJ$2:AJ$366,ROUNDDOWN($C5798/24,0)+1,1)*INDEX($D$3:$AA$30,INDEX(Jesper!$R$2:$R$366,ROW(INDEX(Jesper!AJ$2:AJ$366,ROUNDDOWN($C5798/24,0)+1,1))-1)+IF('Standard Profiles'!$G$20=$B$10,7,0)+IF('Standard Profiles'!$G$20=$B$17,14,0)+IF('Standard Profiles'!$G$20=$B$24,21,0),MOD($C5798,24)+1)/SUM(INDEX($D$3:$AA$30,INDEX(Jesper!$R$2:$R$366,ROW(INDEX(Jesper!AJ$2:AJ$366,ROUNDDOWN($C5798/24,0)+1,1))-1)+IF('Standard Profiles'!$G$20=$B$10,7,0)+IF('Standard Profiles'!$G$20=$B$17,14,0)+IF('Standard Profiles'!$G$20=$B$24,21,0),0)),0)</f>
        <v>0</v>
      </c>
      <c r="G5798" cm="1">
        <f t="array" ref="G5798">IFERROR(INDEX(Jesper!AK$2:AK$366,ROUNDDOWN($C5798/24,0)+1,1)*INDEX($D$3:$AA$30,INDEX(Jesper!$R$2:$R$366,ROW(INDEX(Jesper!AK$2:AK$366,ROUNDDOWN($C5798/24,0)+1,1))-1)+IF('Standard Profiles'!$G$21=$B$10,7,0)+IF('Standard Profiles'!$G$21=$B$17,14,0)+IF('Standard Profiles'!$G$21=$B$24,21,0),MOD($C5798,24)+1)/SUM(INDEX($D$3:$AA$30,INDEX(Jesper!$R$2:$R$366,ROW(INDEX(Jesper!AK$2:AK$366,ROUNDDOWN($C5798/24,0)+1,1))-1)+IF('Standard Profiles'!$G$21=$B$10,7,0)+IF('Standard Profiles'!$G$21=$B$17,14,0)+IF('Standard Profiles'!$G$21=$B$24,21,0),0)),0)</f>
        <v>0</v>
      </c>
      <c r="H5798" cm="1">
        <f t="array" ref="H5798">IFERROR(INDEX(Jesper!AL$2:AL$366,ROUNDDOWN($C5798/24,0)+1,1)*INDEX($D$3:$AA$30,INDEX(Jesper!$R$2:$R$366,ROW(INDEX(Jesper!AL$2:AL$366,ROUNDDOWN($C5798/24,0)+1,1))-1)+IF('Standard Profiles'!$G$22=$B$10,7,0)+IF('Standard Profiles'!$G$22=$B$17,14,0)+IF('Standard Profiles'!$G$22=$B$24,21,0),MOD($C5798,24)+1)/SUM(INDEX($D$3:$AA$30,INDEX(Jesper!$R$2:$R$366,ROW(INDEX(Jesper!AL$2:AL$366,ROUNDDOWN($C5798/24,0)+1,1))-1)+IF('Standard Profiles'!$G$22=$B$10,7,0)+IF('Standard Profiles'!$G$22=$B$17,14,0)+IF('Standard Profiles'!$G$22=$B$24,21,0),0)),0)</f>
        <v>0</v>
      </c>
      <c r="I5798">
        <f t="shared" si="650"/>
        <v>0.20889907218340437</v>
      </c>
      <c r="J5798">
        <f t="shared" si="651"/>
        <v>0.69633024061134796</v>
      </c>
      <c r="K5798">
        <f t="shared" si="652"/>
        <v>1.0444953609170218</v>
      </c>
      <c r="L5798">
        <f t="shared" si="653"/>
        <v>5.0135777324017052</v>
      </c>
      <c r="M5798">
        <f t="shared" si="654"/>
        <v>0</v>
      </c>
      <c r="N5798" s="46">
        <f t="shared" si="655"/>
        <v>45532.166666652687</v>
      </c>
    </row>
    <row r="5799" spans="2:14" x14ac:dyDescent="0.3">
      <c r="B5799">
        <f t="shared" si="649"/>
        <v>3</v>
      </c>
      <c r="C5799" s="16">
        <v>5765</v>
      </c>
      <c r="D5799" cm="1">
        <f t="array" ref="D5799">IFERROR(INDEX(Jesper!AH$2:AH$366,ROUNDDOWN($C5799/24,0)+1,1)*INDEX($D$3:$AA$30,INDEX(Jesper!$R$2:$R$366,ROW(INDEX(Jesper!AH$2:AH$366,ROUNDDOWN($C5799/24,0)+1,1))-1)+IF('Standard Profiles'!$G$18=$B$10,7,0)+IF('Standard Profiles'!$G$18=$B$17,14,0)+IF('Standard Profiles'!$G$18=$B$24,21,0),MOD($C5799,24)+1)/SUM(INDEX($D$3:$AA$30,INDEX(Jesper!$R$2:$R$366,ROW(INDEX(Jesper!AH$2:AH$366,ROUNDDOWN($C5799/24,0)+1,1))-1)+IF('Standard Profiles'!$G$18=$B$10,7,0)+IF('Standard Profiles'!$G$18=$B$17,14,0)+IF('Standard Profiles'!$G$18=$B$24,21,0),0)),0)</f>
        <v>8.9749231012129282</v>
      </c>
      <c r="E5799" cm="1">
        <f t="array" ref="E5799">IFERROR(INDEX(Jesper!AI$2:AI$366,ROUNDDOWN($C5799/24,0)+1,1)*INDEX($D$3:$AA$30,INDEX(Jesper!$R$2:$R$366,ROW(INDEX(Jesper!AI$2:AI$366,ROUNDDOWN($C5799/24,0)+1,1))-1)+IF('Standard Profiles'!$G$19=$B$10,7,0)+IF('Standard Profiles'!$G$19=$B$17,14,0)+IF('Standard Profiles'!$G$19=$B$24,21,0),MOD($C5799,24)+1)/SUM(INDEX($D$3:$AA$30,INDEX(Jesper!$R$2:$R$366,ROW(INDEX(Jesper!AI$2:AI$366,ROUNDDOWN($C5799/24,0)+1,1))-1)+IF('Standard Profiles'!$G$19=$B$10,7,0)+IF('Standard Profiles'!$G$19=$B$17,14,0)+IF('Standard Profiles'!$G$19=$B$24,21,0),0)),0)</f>
        <v>0</v>
      </c>
      <c r="F5799" cm="1">
        <f t="array" ref="F5799">IFERROR(INDEX(Jesper!AJ$2:AJ$366,ROUNDDOWN($C5799/24,0)+1,1)*INDEX($D$3:$AA$30,INDEX(Jesper!$R$2:$R$366,ROW(INDEX(Jesper!AJ$2:AJ$366,ROUNDDOWN($C5799/24,0)+1,1))-1)+IF('Standard Profiles'!$G$20=$B$10,7,0)+IF('Standard Profiles'!$G$20=$B$17,14,0)+IF('Standard Profiles'!$G$20=$B$24,21,0),MOD($C5799,24)+1)/SUM(INDEX($D$3:$AA$30,INDEX(Jesper!$R$2:$R$366,ROW(INDEX(Jesper!AJ$2:AJ$366,ROUNDDOWN($C5799/24,0)+1,1))-1)+IF('Standard Profiles'!$G$20=$B$10,7,0)+IF('Standard Profiles'!$G$20=$B$17,14,0)+IF('Standard Profiles'!$G$20=$B$24,21,0),0)),0)</f>
        <v>0</v>
      </c>
      <c r="G5799" cm="1">
        <f t="array" ref="G5799">IFERROR(INDEX(Jesper!AK$2:AK$366,ROUNDDOWN($C5799/24,0)+1,1)*INDEX($D$3:$AA$30,INDEX(Jesper!$R$2:$R$366,ROW(INDEX(Jesper!AK$2:AK$366,ROUNDDOWN($C5799/24,0)+1,1))-1)+IF('Standard Profiles'!$G$21=$B$10,7,0)+IF('Standard Profiles'!$G$21=$B$17,14,0)+IF('Standard Profiles'!$G$21=$B$24,21,0),MOD($C5799,24)+1)/SUM(INDEX($D$3:$AA$30,INDEX(Jesper!$R$2:$R$366,ROW(INDEX(Jesper!AK$2:AK$366,ROUNDDOWN($C5799/24,0)+1,1))-1)+IF('Standard Profiles'!$G$21=$B$10,7,0)+IF('Standard Profiles'!$G$21=$B$17,14,0)+IF('Standard Profiles'!$G$21=$B$24,21,0),0)),0)</f>
        <v>0</v>
      </c>
      <c r="H5799" cm="1">
        <f t="array" ref="H5799">IFERROR(INDEX(Jesper!AL$2:AL$366,ROUNDDOWN($C5799/24,0)+1,1)*INDEX($D$3:$AA$30,INDEX(Jesper!$R$2:$R$366,ROW(INDEX(Jesper!AL$2:AL$366,ROUNDDOWN($C5799/24,0)+1,1))-1)+IF('Standard Profiles'!$G$22=$B$10,7,0)+IF('Standard Profiles'!$G$22=$B$17,14,0)+IF('Standard Profiles'!$G$22=$B$24,21,0),MOD($C5799,24)+1)/SUM(INDEX($D$3:$AA$30,INDEX(Jesper!$R$2:$R$366,ROW(INDEX(Jesper!AL$2:AL$366,ROUNDDOWN($C5799/24,0)+1,1))-1)+IF('Standard Profiles'!$G$22=$B$10,7,0)+IF('Standard Profiles'!$G$22=$B$17,14,0)+IF('Standard Profiles'!$G$22=$B$24,21,0),0)),0)</f>
        <v>0</v>
      </c>
      <c r="I5799">
        <f t="shared" si="650"/>
        <v>0.26924769303638785</v>
      </c>
      <c r="J5799">
        <f t="shared" si="651"/>
        <v>0.89749231012129282</v>
      </c>
      <c r="K5799">
        <f t="shared" si="652"/>
        <v>1.3462384651819392</v>
      </c>
      <c r="L5799">
        <f t="shared" si="653"/>
        <v>6.4619446328733083</v>
      </c>
      <c r="M5799">
        <f t="shared" si="654"/>
        <v>0</v>
      </c>
      <c r="N5799" s="46">
        <f t="shared" si="655"/>
        <v>45532.208333319351</v>
      </c>
    </row>
    <row r="5800" spans="2:14" x14ac:dyDescent="0.3">
      <c r="B5800">
        <f t="shared" si="649"/>
        <v>3</v>
      </c>
      <c r="C5800" s="16">
        <v>5766</v>
      </c>
      <c r="D5800" cm="1">
        <f t="array" ref="D5800">IFERROR(INDEX(Jesper!AH$2:AH$366,ROUNDDOWN($C5800/24,0)+1,1)*INDEX($D$3:$AA$30,INDEX(Jesper!$R$2:$R$366,ROW(INDEX(Jesper!AH$2:AH$366,ROUNDDOWN($C5800/24,0)+1,1))-1)+IF('Standard Profiles'!$G$18=$B$10,7,0)+IF('Standard Profiles'!$G$18=$B$17,14,0)+IF('Standard Profiles'!$G$18=$B$24,21,0),MOD($C5800,24)+1)/SUM(INDEX($D$3:$AA$30,INDEX(Jesper!$R$2:$R$366,ROW(INDEX(Jesper!AH$2:AH$366,ROUNDDOWN($C5800/24,0)+1,1))-1)+IF('Standard Profiles'!$G$18=$B$10,7,0)+IF('Standard Profiles'!$G$18=$B$17,14,0)+IF('Standard Profiles'!$G$18=$B$24,21,0),0)),0)</f>
        <v>10.367583582435625</v>
      </c>
      <c r="E5800" cm="1">
        <f t="array" ref="E5800">IFERROR(INDEX(Jesper!AI$2:AI$366,ROUNDDOWN($C5800/24,0)+1,1)*INDEX($D$3:$AA$30,INDEX(Jesper!$R$2:$R$366,ROW(INDEX(Jesper!AI$2:AI$366,ROUNDDOWN($C5800/24,0)+1,1))-1)+IF('Standard Profiles'!$G$19=$B$10,7,0)+IF('Standard Profiles'!$G$19=$B$17,14,0)+IF('Standard Profiles'!$G$19=$B$24,21,0),MOD($C5800,24)+1)/SUM(INDEX($D$3:$AA$30,INDEX(Jesper!$R$2:$R$366,ROW(INDEX(Jesper!AI$2:AI$366,ROUNDDOWN($C5800/24,0)+1,1))-1)+IF('Standard Profiles'!$G$19=$B$10,7,0)+IF('Standard Profiles'!$G$19=$B$17,14,0)+IF('Standard Profiles'!$G$19=$B$24,21,0),0)),0)</f>
        <v>0</v>
      </c>
      <c r="F5800" cm="1">
        <f t="array" ref="F5800">IFERROR(INDEX(Jesper!AJ$2:AJ$366,ROUNDDOWN($C5800/24,0)+1,1)*INDEX($D$3:$AA$30,INDEX(Jesper!$R$2:$R$366,ROW(INDEX(Jesper!AJ$2:AJ$366,ROUNDDOWN($C5800/24,0)+1,1))-1)+IF('Standard Profiles'!$G$20=$B$10,7,0)+IF('Standard Profiles'!$G$20=$B$17,14,0)+IF('Standard Profiles'!$G$20=$B$24,21,0),MOD($C5800,24)+1)/SUM(INDEX($D$3:$AA$30,INDEX(Jesper!$R$2:$R$366,ROW(INDEX(Jesper!AJ$2:AJ$366,ROUNDDOWN($C5800/24,0)+1,1))-1)+IF('Standard Profiles'!$G$20=$B$10,7,0)+IF('Standard Profiles'!$G$20=$B$17,14,0)+IF('Standard Profiles'!$G$20=$B$24,21,0),0)),0)</f>
        <v>0</v>
      </c>
      <c r="G5800" cm="1">
        <f t="array" ref="G5800">IFERROR(INDEX(Jesper!AK$2:AK$366,ROUNDDOWN($C5800/24,0)+1,1)*INDEX($D$3:$AA$30,INDEX(Jesper!$R$2:$R$366,ROW(INDEX(Jesper!AK$2:AK$366,ROUNDDOWN($C5800/24,0)+1,1))-1)+IF('Standard Profiles'!$G$21=$B$10,7,0)+IF('Standard Profiles'!$G$21=$B$17,14,0)+IF('Standard Profiles'!$G$21=$B$24,21,0),MOD($C5800,24)+1)/SUM(INDEX($D$3:$AA$30,INDEX(Jesper!$R$2:$R$366,ROW(INDEX(Jesper!AK$2:AK$366,ROUNDDOWN($C5800/24,0)+1,1))-1)+IF('Standard Profiles'!$G$21=$B$10,7,0)+IF('Standard Profiles'!$G$21=$B$17,14,0)+IF('Standard Profiles'!$G$21=$B$24,21,0),0)),0)</f>
        <v>0</v>
      </c>
      <c r="H5800" cm="1">
        <f t="array" ref="H5800">IFERROR(INDEX(Jesper!AL$2:AL$366,ROUNDDOWN($C5800/24,0)+1,1)*INDEX($D$3:$AA$30,INDEX(Jesper!$R$2:$R$366,ROW(INDEX(Jesper!AL$2:AL$366,ROUNDDOWN($C5800/24,0)+1,1))-1)+IF('Standard Profiles'!$G$22=$B$10,7,0)+IF('Standard Profiles'!$G$22=$B$17,14,0)+IF('Standard Profiles'!$G$22=$B$24,21,0),MOD($C5800,24)+1)/SUM(INDEX($D$3:$AA$30,INDEX(Jesper!$R$2:$R$366,ROW(INDEX(Jesper!AL$2:AL$366,ROUNDDOWN($C5800/24,0)+1,1))-1)+IF('Standard Profiles'!$G$22=$B$10,7,0)+IF('Standard Profiles'!$G$22=$B$17,14,0)+IF('Standard Profiles'!$G$22=$B$24,21,0),0)),0)</f>
        <v>0</v>
      </c>
      <c r="I5800">
        <f t="shared" si="650"/>
        <v>0.31102750747306873</v>
      </c>
      <c r="J5800">
        <f t="shared" si="651"/>
        <v>1.0367583582435624</v>
      </c>
      <c r="K5800">
        <f t="shared" si="652"/>
        <v>1.5551375373653438</v>
      </c>
      <c r="L5800">
        <f t="shared" si="653"/>
        <v>7.4646601793536496</v>
      </c>
      <c r="M5800">
        <f t="shared" si="654"/>
        <v>0</v>
      </c>
      <c r="N5800" s="46">
        <f t="shared" si="655"/>
        <v>45532.249999986016</v>
      </c>
    </row>
    <row r="5801" spans="2:14" x14ac:dyDescent="0.3">
      <c r="B5801">
        <f t="shared" si="649"/>
        <v>3</v>
      </c>
      <c r="C5801" s="16">
        <v>5767</v>
      </c>
      <c r="D5801" cm="1">
        <f t="array" ref="D5801">IFERROR(INDEX(Jesper!AH$2:AH$366,ROUNDDOWN($C5801/24,0)+1,1)*INDEX($D$3:$AA$30,INDEX(Jesper!$R$2:$R$366,ROW(INDEX(Jesper!AH$2:AH$366,ROUNDDOWN($C5801/24,0)+1,1))-1)+IF('Standard Profiles'!$G$18=$B$10,7,0)+IF('Standard Profiles'!$G$18=$B$17,14,0)+IF('Standard Profiles'!$G$18=$B$24,21,0),MOD($C5801,24)+1)/SUM(INDEX($D$3:$AA$30,INDEX(Jesper!$R$2:$R$366,ROW(INDEX(Jesper!AH$2:AH$366,ROUNDDOWN($C5801/24,0)+1,1))-1)+IF('Standard Profiles'!$G$18=$B$10,7,0)+IF('Standard Profiles'!$G$18=$B$17,14,0)+IF('Standard Profiles'!$G$18=$B$24,21,0),0)),0)</f>
        <v>10.367583582435625</v>
      </c>
      <c r="E5801" cm="1">
        <f t="array" ref="E5801">IFERROR(INDEX(Jesper!AI$2:AI$366,ROUNDDOWN($C5801/24,0)+1,1)*INDEX($D$3:$AA$30,INDEX(Jesper!$R$2:$R$366,ROW(INDEX(Jesper!AI$2:AI$366,ROUNDDOWN($C5801/24,0)+1,1))-1)+IF('Standard Profiles'!$G$19=$B$10,7,0)+IF('Standard Profiles'!$G$19=$B$17,14,0)+IF('Standard Profiles'!$G$19=$B$24,21,0),MOD($C5801,24)+1)/SUM(INDEX($D$3:$AA$30,INDEX(Jesper!$R$2:$R$366,ROW(INDEX(Jesper!AI$2:AI$366,ROUNDDOWN($C5801/24,0)+1,1))-1)+IF('Standard Profiles'!$G$19=$B$10,7,0)+IF('Standard Profiles'!$G$19=$B$17,14,0)+IF('Standard Profiles'!$G$19=$B$24,21,0),0)),0)</f>
        <v>0</v>
      </c>
      <c r="F5801" cm="1">
        <f t="array" ref="F5801">IFERROR(INDEX(Jesper!AJ$2:AJ$366,ROUNDDOWN($C5801/24,0)+1,1)*INDEX($D$3:$AA$30,INDEX(Jesper!$R$2:$R$366,ROW(INDEX(Jesper!AJ$2:AJ$366,ROUNDDOWN($C5801/24,0)+1,1))-1)+IF('Standard Profiles'!$G$20=$B$10,7,0)+IF('Standard Profiles'!$G$20=$B$17,14,0)+IF('Standard Profiles'!$G$20=$B$24,21,0),MOD($C5801,24)+1)/SUM(INDEX($D$3:$AA$30,INDEX(Jesper!$R$2:$R$366,ROW(INDEX(Jesper!AJ$2:AJ$366,ROUNDDOWN($C5801/24,0)+1,1))-1)+IF('Standard Profiles'!$G$20=$B$10,7,0)+IF('Standard Profiles'!$G$20=$B$17,14,0)+IF('Standard Profiles'!$G$20=$B$24,21,0),0)),0)</f>
        <v>0</v>
      </c>
      <c r="G5801" cm="1">
        <f t="array" ref="G5801">IFERROR(INDEX(Jesper!AK$2:AK$366,ROUNDDOWN($C5801/24,0)+1,1)*INDEX($D$3:$AA$30,INDEX(Jesper!$R$2:$R$366,ROW(INDEX(Jesper!AK$2:AK$366,ROUNDDOWN($C5801/24,0)+1,1))-1)+IF('Standard Profiles'!$G$21=$B$10,7,0)+IF('Standard Profiles'!$G$21=$B$17,14,0)+IF('Standard Profiles'!$G$21=$B$24,21,0),MOD($C5801,24)+1)/SUM(INDEX($D$3:$AA$30,INDEX(Jesper!$R$2:$R$366,ROW(INDEX(Jesper!AK$2:AK$366,ROUNDDOWN($C5801/24,0)+1,1))-1)+IF('Standard Profiles'!$G$21=$B$10,7,0)+IF('Standard Profiles'!$G$21=$B$17,14,0)+IF('Standard Profiles'!$G$21=$B$24,21,0),0)),0)</f>
        <v>0</v>
      </c>
      <c r="H5801" cm="1">
        <f t="array" ref="H5801">IFERROR(INDEX(Jesper!AL$2:AL$366,ROUNDDOWN($C5801/24,0)+1,1)*INDEX($D$3:$AA$30,INDEX(Jesper!$R$2:$R$366,ROW(INDEX(Jesper!AL$2:AL$366,ROUNDDOWN($C5801/24,0)+1,1))-1)+IF('Standard Profiles'!$G$22=$B$10,7,0)+IF('Standard Profiles'!$G$22=$B$17,14,0)+IF('Standard Profiles'!$G$22=$B$24,21,0),MOD($C5801,24)+1)/SUM(INDEX($D$3:$AA$30,INDEX(Jesper!$R$2:$R$366,ROW(INDEX(Jesper!AL$2:AL$366,ROUNDDOWN($C5801/24,0)+1,1))-1)+IF('Standard Profiles'!$G$22=$B$10,7,0)+IF('Standard Profiles'!$G$22=$B$17,14,0)+IF('Standard Profiles'!$G$22=$B$24,21,0),0)),0)</f>
        <v>0</v>
      </c>
      <c r="I5801">
        <f t="shared" si="650"/>
        <v>0.31102750747306873</v>
      </c>
      <c r="J5801">
        <f t="shared" si="651"/>
        <v>1.0367583582435624</v>
      </c>
      <c r="K5801">
        <f t="shared" si="652"/>
        <v>1.5551375373653438</v>
      </c>
      <c r="L5801">
        <f t="shared" si="653"/>
        <v>7.4646601793536496</v>
      </c>
      <c r="M5801">
        <f t="shared" si="654"/>
        <v>0</v>
      </c>
      <c r="N5801" s="46">
        <f t="shared" si="655"/>
        <v>45532.29166665268</v>
      </c>
    </row>
    <row r="5802" spans="2:14" x14ac:dyDescent="0.3">
      <c r="B5802">
        <f t="shared" si="649"/>
        <v>3</v>
      </c>
      <c r="C5802" s="16">
        <v>5768</v>
      </c>
      <c r="D5802" cm="1">
        <f t="array" ref="D5802">IFERROR(INDEX(Jesper!AH$2:AH$366,ROUNDDOWN($C5802/24,0)+1,1)*INDEX($D$3:$AA$30,INDEX(Jesper!$R$2:$R$366,ROW(INDEX(Jesper!AH$2:AH$366,ROUNDDOWN($C5802/24,0)+1,1))-1)+IF('Standard Profiles'!$G$18=$B$10,7,0)+IF('Standard Profiles'!$G$18=$B$17,14,0)+IF('Standard Profiles'!$G$18=$B$24,21,0),MOD($C5802,24)+1)/SUM(INDEX($D$3:$AA$30,INDEX(Jesper!$R$2:$R$366,ROW(INDEX(Jesper!AH$2:AH$366,ROUNDDOWN($C5802/24,0)+1,1))-1)+IF('Standard Profiles'!$G$18=$B$10,7,0)+IF('Standard Profiles'!$G$18=$B$17,14,0)+IF('Standard Profiles'!$G$18=$B$24,21,0),0)),0)</f>
        <v>10.367583582435625</v>
      </c>
      <c r="E5802" cm="1">
        <f t="array" ref="E5802">IFERROR(INDEX(Jesper!AI$2:AI$366,ROUNDDOWN($C5802/24,0)+1,1)*INDEX($D$3:$AA$30,INDEX(Jesper!$R$2:$R$366,ROW(INDEX(Jesper!AI$2:AI$366,ROUNDDOWN($C5802/24,0)+1,1))-1)+IF('Standard Profiles'!$G$19=$B$10,7,0)+IF('Standard Profiles'!$G$19=$B$17,14,0)+IF('Standard Profiles'!$G$19=$B$24,21,0),MOD($C5802,24)+1)/SUM(INDEX($D$3:$AA$30,INDEX(Jesper!$R$2:$R$366,ROW(INDEX(Jesper!AI$2:AI$366,ROUNDDOWN($C5802/24,0)+1,1))-1)+IF('Standard Profiles'!$G$19=$B$10,7,0)+IF('Standard Profiles'!$G$19=$B$17,14,0)+IF('Standard Profiles'!$G$19=$B$24,21,0),0)),0)</f>
        <v>0</v>
      </c>
      <c r="F5802" cm="1">
        <f t="array" ref="F5802">IFERROR(INDEX(Jesper!AJ$2:AJ$366,ROUNDDOWN($C5802/24,0)+1,1)*INDEX($D$3:$AA$30,INDEX(Jesper!$R$2:$R$366,ROW(INDEX(Jesper!AJ$2:AJ$366,ROUNDDOWN($C5802/24,0)+1,1))-1)+IF('Standard Profiles'!$G$20=$B$10,7,0)+IF('Standard Profiles'!$G$20=$B$17,14,0)+IF('Standard Profiles'!$G$20=$B$24,21,0),MOD($C5802,24)+1)/SUM(INDEX($D$3:$AA$30,INDEX(Jesper!$R$2:$R$366,ROW(INDEX(Jesper!AJ$2:AJ$366,ROUNDDOWN($C5802/24,0)+1,1))-1)+IF('Standard Profiles'!$G$20=$B$10,7,0)+IF('Standard Profiles'!$G$20=$B$17,14,0)+IF('Standard Profiles'!$G$20=$B$24,21,0),0)),0)</f>
        <v>0</v>
      </c>
      <c r="G5802" cm="1">
        <f t="array" ref="G5802">IFERROR(INDEX(Jesper!AK$2:AK$366,ROUNDDOWN($C5802/24,0)+1,1)*INDEX($D$3:$AA$30,INDEX(Jesper!$R$2:$R$366,ROW(INDEX(Jesper!AK$2:AK$366,ROUNDDOWN($C5802/24,0)+1,1))-1)+IF('Standard Profiles'!$G$21=$B$10,7,0)+IF('Standard Profiles'!$G$21=$B$17,14,0)+IF('Standard Profiles'!$G$21=$B$24,21,0),MOD($C5802,24)+1)/SUM(INDEX($D$3:$AA$30,INDEX(Jesper!$R$2:$R$366,ROW(INDEX(Jesper!AK$2:AK$366,ROUNDDOWN($C5802/24,0)+1,1))-1)+IF('Standard Profiles'!$G$21=$B$10,7,0)+IF('Standard Profiles'!$G$21=$B$17,14,0)+IF('Standard Profiles'!$G$21=$B$24,21,0),0)),0)</f>
        <v>0</v>
      </c>
      <c r="H5802" cm="1">
        <f t="array" ref="H5802">IFERROR(INDEX(Jesper!AL$2:AL$366,ROUNDDOWN($C5802/24,0)+1,1)*INDEX($D$3:$AA$30,INDEX(Jesper!$R$2:$R$366,ROW(INDEX(Jesper!AL$2:AL$366,ROUNDDOWN($C5802/24,0)+1,1))-1)+IF('Standard Profiles'!$G$22=$B$10,7,0)+IF('Standard Profiles'!$G$22=$B$17,14,0)+IF('Standard Profiles'!$G$22=$B$24,21,0),MOD($C5802,24)+1)/SUM(INDEX($D$3:$AA$30,INDEX(Jesper!$R$2:$R$366,ROW(INDEX(Jesper!AL$2:AL$366,ROUNDDOWN($C5802/24,0)+1,1))-1)+IF('Standard Profiles'!$G$22=$B$10,7,0)+IF('Standard Profiles'!$G$22=$B$17,14,0)+IF('Standard Profiles'!$G$22=$B$24,21,0),0)),0)</f>
        <v>0</v>
      </c>
      <c r="I5802">
        <f t="shared" si="650"/>
        <v>0.31102750747306873</v>
      </c>
      <c r="J5802">
        <f t="shared" si="651"/>
        <v>1.0367583582435624</v>
      </c>
      <c r="K5802">
        <f t="shared" si="652"/>
        <v>1.5551375373653438</v>
      </c>
      <c r="L5802">
        <f t="shared" si="653"/>
        <v>7.4646601793536496</v>
      </c>
      <c r="M5802">
        <f t="shared" si="654"/>
        <v>0</v>
      </c>
      <c r="N5802" s="46">
        <f t="shared" si="655"/>
        <v>45532.333333319344</v>
      </c>
    </row>
    <row r="5803" spans="2:14" x14ac:dyDescent="0.3">
      <c r="B5803">
        <f t="shared" si="649"/>
        <v>3</v>
      </c>
      <c r="C5803" s="16">
        <v>5769</v>
      </c>
      <c r="D5803" cm="1">
        <f t="array" ref="D5803">IFERROR(INDEX(Jesper!AH$2:AH$366,ROUNDDOWN($C5803/24,0)+1,1)*INDEX($D$3:$AA$30,INDEX(Jesper!$R$2:$R$366,ROW(INDEX(Jesper!AH$2:AH$366,ROUNDDOWN($C5803/24,0)+1,1))-1)+IF('Standard Profiles'!$G$18=$B$10,7,0)+IF('Standard Profiles'!$G$18=$B$17,14,0)+IF('Standard Profiles'!$G$18=$B$24,21,0),MOD($C5803,24)+1)/SUM(INDEX($D$3:$AA$30,INDEX(Jesper!$R$2:$R$366,ROW(INDEX(Jesper!AH$2:AH$366,ROUNDDOWN($C5803/24,0)+1,1))-1)+IF('Standard Profiles'!$G$18=$B$10,7,0)+IF('Standard Profiles'!$G$18=$B$17,14,0)+IF('Standard Profiles'!$G$18=$B$24,21,0),0)),0)</f>
        <v>11.141283849781567</v>
      </c>
      <c r="E5803" cm="1">
        <f t="array" ref="E5803">IFERROR(INDEX(Jesper!AI$2:AI$366,ROUNDDOWN($C5803/24,0)+1,1)*INDEX($D$3:$AA$30,INDEX(Jesper!$R$2:$R$366,ROW(INDEX(Jesper!AI$2:AI$366,ROUNDDOWN($C5803/24,0)+1,1))-1)+IF('Standard Profiles'!$G$19=$B$10,7,0)+IF('Standard Profiles'!$G$19=$B$17,14,0)+IF('Standard Profiles'!$G$19=$B$24,21,0),MOD($C5803,24)+1)/SUM(INDEX($D$3:$AA$30,INDEX(Jesper!$R$2:$R$366,ROW(INDEX(Jesper!AI$2:AI$366,ROUNDDOWN($C5803/24,0)+1,1))-1)+IF('Standard Profiles'!$G$19=$B$10,7,0)+IF('Standard Profiles'!$G$19=$B$17,14,0)+IF('Standard Profiles'!$G$19=$B$24,21,0),0)),0)</f>
        <v>0</v>
      </c>
      <c r="F5803" cm="1">
        <f t="array" ref="F5803">IFERROR(INDEX(Jesper!AJ$2:AJ$366,ROUNDDOWN($C5803/24,0)+1,1)*INDEX($D$3:$AA$30,INDEX(Jesper!$R$2:$R$366,ROW(INDEX(Jesper!AJ$2:AJ$366,ROUNDDOWN($C5803/24,0)+1,1))-1)+IF('Standard Profiles'!$G$20=$B$10,7,0)+IF('Standard Profiles'!$G$20=$B$17,14,0)+IF('Standard Profiles'!$G$20=$B$24,21,0),MOD($C5803,24)+1)/SUM(INDEX($D$3:$AA$30,INDEX(Jesper!$R$2:$R$366,ROW(INDEX(Jesper!AJ$2:AJ$366,ROUNDDOWN($C5803/24,0)+1,1))-1)+IF('Standard Profiles'!$G$20=$B$10,7,0)+IF('Standard Profiles'!$G$20=$B$17,14,0)+IF('Standard Profiles'!$G$20=$B$24,21,0),0)),0)</f>
        <v>0</v>
      </c>
      <c r="G5803" cm="1">
        <f t="array" ref="G5803">IFERROR(INDEX(Jesper!AK$2:AK$366,ROUNDDOWN($C5803/24,0)+1,1)*INDEX($D$3:$AA$30,INDEX(Jesper!$R$2:$R$366,ROW(INDEX(Jesper!AK$2:AK$366,ROUNDDOWN($C5803/24,0)+1,1))-1)+IF('Standard Profiles'!$G$21=$B$10,7,0)+IF('Standard Profiles'!$G$21=$B$17,14,0)+IF('Standard Profiles'!$G$21=$B$24,21,0),MOD($C5803,24)+1)/SUM(INDEX($D$3:$AA$30,INDEX(Jesper!$R$2:$R$366,ROW(INDEX(Jesper!AK$2:AK$366,ROUNDDOWN($C5803/24,0)+1,1))-1)+IF('Standard Profiles'!$G$21=$B$10,7,0)+IF('Standard Profiles'!$G$21=$B$17,14,0)+IF('Standard Profiles'!$G$21=$B$24,21,0),0)),0)</f>
        <v>0</v>
      </c>
      <c r="H5803" cm="1">
        <f t="array" ref="H5803">IFERROR(INDEX(Jesper!AL$2:AL$366,ROUNDDOWN($C5803/24,0)+1,1)*INDEX($D$3:$AA$30,INDEX(Jesper!$R$2:$R$366,ROW(INDEX(Jesper!AL$2:AL$366,ROUNDDOWN($C5803/24,0)+1,1))-1)+IF('Standard Profiles'!$G$22=$B$10,7,0)+IF('Standard Profiles'!$G$22=$B$17,14,0)+IF('Standard Profiles'!$G$22=$B$24,21,0),MOD($C5803,24)+1)/SUM(INDEX($D$3:$AA$30,INDEX(Jesper!$R$2:$R$366,ROW(INDEX(Jesper!AL$2:AL$366,ROUNDDOWN($C5803/24,0)+1,1))-1)+IF('Standard Profiles'!$G$22=$B$10,7,0)+IF('Standard Profiles'!$G$22=$B$17,14,0)+IF('Standard Profiles'!$G$22=$B$24,21,0),0)),0)</f>
        <v>0</v>
      </c>
      <c r="I5803">
        <f t="shared" si="650"/>
        <v>0.33423851549344702</v>
      </c>
      <c r="J5803">
        <f t="shared" si="651"/>
        <v>1.1141283849781567</v>
      </c>
      <c r="K5803">
        <f t="shared" si="652"/>
        <v>1.6711925774672352</v>
      </c>
      <c r="L5803">
        <f t="shared" si="653"/>
        <v>8.021724371842728</v>
      </c>
      <c r="M5803">
        <f t="shared" si="654"/>
        <v>0</v>
      </c>
      <c r="N5803" s="46">
        <f t="shared" si="655"/>
        <v>45532.374999986008</v>
      </c>
    </row>
    <row r="5804" spans="2:14" x14ac:dyDescent="0.3">
      <c r="B5804">
        <f t="shared" si="649"/>
        <v>3</v>
      </c>
      <c r="C5804" s="16">
        <v>5770</v>
      </c>
      <c r="D5804" cm="1">
        <f t="array" ref="D5804">IFERROR(INDEX(Jesper!AH$2:AH$366,ROUNDDOWN($C5804/24,0)+1,1)*INDEX($D$3:$AA$30,INDEX(Jesper!$R$2:$R$366,ROW(INDEX(Jesper!AH$2:AH$366,ROUNDDOWN($C5804/24,0)+1,1))-1)+IF('Standard Profiles'!$G$18=$B$10,7,0)+IF('Standard Profiles'!$G$18=$B$17,14,0)+IF('Standard Profiles'!$G$18=$B$24,21,0),MOD($C5804,24)+1)/SUM(INDEX($D$3:$AA$30,INDEX(Jesper!$R$2:$R$366,ROW(INDEX(Jesper!AH$2:AH$366,ROUNDDOWN($C5804/24,0)+1,1))-1)+IF('Standard Profiles'!$G$18=$B$10,7,0)+IF('Standard Profiles'!$G$18=$B$17,14,0)+IF('Standard Profiles'!$G$18=$B$24,21,0),0)),0)</f>
        <v>12.069724170596698</v>
      </c>
      <c r="E5804" cm="1">
        <f t="array" ref="E5804">IFERROR(INDEX(Jesper!AI$2:AI$366,ROUNDDOWN($C5804/24,0)+1,1)*INDEX($D$3:$AA$30,INDEX(Jesper!$R$2:$R$366,ROW(INDEX(Jesper!AI$2:AI$366,ROUNDDOWN($C5804/24,0)+1,1))-1)+IF('Standard Profiles'!$G$19=$B$10,7,0)+IF('Standard Profiles'!$G$19=$B$17,14,0)+IF('Standard Profiles'!$G$19=$B$24,21,0),MOD($C5804,24)+1)/SUM(INDEX($D$3:$AA$30,INDEX(Jesper!$R$2:$R$366,ROW(INDEX(Jesper!AI$2:AI$366,ROUNDDOWN($C5804/24,0)+1,1))-1)+IF('Standard Profiles'!$G$19=$B$10,7,0)+IF('Standard Profiles'!$G$19=$B$17,14,0)+IF('Standard Profiles'!$G$19=$B$24,21,0),0)),0)</f>
        <v>0</v>
      </c>
      <c r="F5804" cm="1">
        <f t="array" ref="F5804">IFERROR(INDEX(Jesper!AJ$2:AJ$366,ROUNDDOWN($C5804/24,0)+1,1)*INDEX($D$3:$AA$30,INDEX(Jesper!$R$2:$R$366,ROW(INDEX(Jesper!AJ$2:AJ$366,ROUNDDOWN($C5804/24,0)+1,1))-1)+IF('Standard Profiles'!$G$20=$B$10,7,0)+IF('Standard Profiles'!$G$20=$B$17,14,0)+IF('Standard Profiles'!$G$20=$B$24,21,0),MOD($C5804,24)+1)/SUM(INDEX($D$3:$AA$30,INDEX(Jesper!$R$2:$R$366,ROW(INDEX(Jesper!AJ$2:AJ$366,ROUNDDOWN($C5804/24,0)+1,1))-1)+IF('Standard Profiles'!$G$20=$B$10,7,0)+IF('Standard Profiles'!$G$20=$B$17,14,0)+IF('Standard Profiles'!$G$20=$B$24,21,0),0)),0)</f>
        <v>0</v>
      </c>
      <c r="G5804" cm="1">
        <f t="array" ref="G5804">IFERROR(INDEX(Jesper!AK$2:AK$366,ROUNDDOWN($C5804/24,0)+1,1)*INDEX($D$3:$AA$30,INDEX(Jesper!$R$2:$R$366,ROW(INDEX(Jesper!AK$2:AK$366,ROUNDDOWN($C5804/24,0)+1,1))-1)+IF('Standard Profiles'!$G$21=$B$10,7,0)+IF('Standard Profiles'!$G$21=$B$17,14,0)+IF('Standard Profiles'!$G$21=$B$24,21,0),MOD($C5804,24)+1)/SUM(INDEX($D$3:$AA$30,INDEX(Jesper!$R$2:$R$366,ROW(INDEX(Jesper!AK$2:AK$366,ROUNDDOWN($C5804/24,0)+1,1))-1)+IF('Standard Profiles'!$G$21=$B$10,7,0)+IF('Standard Profiles'!$G$21=$B$17,14,0)+IF('Standard Profiles'!$G$21=$B$24,21,0),0)),0)</f>
        <v>0</v>
      </c>
      <c r="H5804" cm="1">
        <f t="array" ref="H5804">IFERROR(INDEX(Jesper!AL$2:AL$366,ROUNDDOWN($C5804/24,0)+1,1)*INDEX($D$3:$AA$30,INDEX(Jesper!$R$2:$R$366,ROW(INDEX(Jesper!AL$2:AL$366,ROUNDDOWN($C5804/24,0)+1,1))-1)+IF('Standard Profiles'!$G$22=$B$10,7,0)+IF('Standard Profiles'!$G$22=$B$17,14,0)+IF('Standard Profiles'!$G$22=$B$24,21,0),MOD($C5804,24)+1)/SUM(INDEX($D$3:$AA$30,INDEX(Jesper!$R$2:$R$366,ROW(INDEX(Jesper!AL$2:AL$366,ROUNDDOWN($C5804/24,0)+1,1))-1)+IF('Standard Profiles'!$G$22=$B$10,7,0)+IF('Standard Profiles'!$G$22=$B$17,14,0)+IF('Standard Profiles'!$G$22=$B$24,21,0),0)),0)</f>
        <v>0</v>
      </c>
      <c r="I5804">
        <f t="shared" si="650"/>
        <v>0.36209172511790094</v>
      </c>
      <c r="J5804">
        <f t="shared" si="651"/>
        <v>1.2069724170596698</v>
      </c>
      <c r="K5804">
        <f t="shared" si="652"/>
        <v>1.8104586255895048</v>
      </c>
      <c r="L5804">
        <f t="shared" si="653"/>
        <v>8.6902014028296222</v>
      </c>
      <c r="M5804">
        <f t="shared" si="654"/>
        <v>0</v>
      </c>
      <c r="N5804" s="46">
        <f t="shared" si="655"/>
        <v>45532.416666652673</v>
      </c>
    </row>
    <row r="5805" spans="2:14" x14ac:dyDescent="0.3">
      <c r="B5805">
        <f t="shared" si="649"/>
        <v>3</v>
      </c>
      <c r="C5805" s="16">
        <v>5771</v>
      </c>
      <c r="D5805" cm="1">
        <f t="array" ref="D5805">IFERROR(INDEX(Jesper!AH$2:AH$366,ROUNDDOWN($C5805/24,0)+1,1)*INDEX($D$3:$AA$30,INDEX(Jesper!$R$2:$R$366,ROW(INDEX(Jesper!AH$2:AH$366,ROUNDDOWN($C5805/24,0)+1,1))-1)+IF('Standard Profiles'!$G$18=$B$10,7,0)+IF('Standard Profiles'!$G$18=$B$17,14,0)+IF('Standard Profiles'!$G$18=$B$24,21,0),MOD($C5805,24)+1)/SUM(INDEX($D$3:$AA$30,INDEX(Jesper!$R$2:$R$366,ROW(INDEX(Jesper!AH$2:AH$366,ROUNDDOWN($C5805/24,0)+1,1))-1)+IF('Standard Profiles'!$G$18=$B$10,7,0)+IF('Standard Profiles'!$G$18=$B$17,14,0)+IF('Standard Profiles'!$G$18=$B$24,21,0),0)),0)</f>
        <v>13.926604812226959</v>
      </c>
      <c r="E5805" cm="1">
        <f t="array" ref="E5805">IFERROR(INDEX(Jesper!AI$2:AI$366,ROUNDDOWN($C5805/24,0)+1,1)*INDEX($D$3:$AA$30,INDEX(Jesper!$R$2:$R$366,ROW(INDEX(Jesper!AI$2:AI$366,ROUNDDOWN($C5805/24,0)+1,1))-1)+IF('Standard Profiles'!$G$19=$B$10,7,0)+IF('Standard Profiles'!$G$19=$B$17,14,0)+IF('Standard Profiles'!$G$19=$B$24,21,0),MOD($C5805,24)+1)/SUM(INDEX($D$3:$AA$30,INDEX(Jesper!$R$2:$R$366,ROW(INDEX(Jesper!AI$2:AI$366,ROUNDDOWN($C5805/24,0)+1,1))-1)+IF('Standard Profiles'!$G$19=$B$10,7,0)+IF('Standard Profiles'!$G$19=$B$17,14,0)+IF('Standard Profiles'!$G$19=$B$24,21,0),0)),0)</f>
        <v>0</v>
      </c>
      <c r="F5805" cm="1">
        <f t="array" ref="F5805">IFERROR(INDEX(Jesper!AJ$2:AJ$366,ROUNDDOWN($C5805/24,0)+1,1)*INDEX($D$3:$AA$30,INDEX(Jesper!$R$2:$R$366,ROW(INDEX(Jesper!AJ$2:AJ$366,ROUNDDOWN($C5805/24,0)+1,1))-1)+IF('Standard Profiles'!$G$20=$B$10,7,0)+IF('Standard Profiles'!$G$20=$B$17,14,0)+IF('Standard Profiles'!$G$20=$B$24,21,0),MOD($C5805,24)+1)/SUM(INDEX($D$3:$AA$30,INDEX(Jesper!$R$2:$R$366,ROW(INDEX(Jesper!AJ$2:AJ$366,ROUNDDOWN($C5805/24,0)+1,1))-1)+IF('Standard Profiles'!$G$20=$B$10,7,0)+IF('Standard Profiles'!$G$20=$B$17,14,0)+IF('Standard Profiles'!$G$20=$B$24,21,0),0)),0)</f>
        <v>0</v>
      </c>
      <c r="G5805" cm="1">
        <f t="array" ref="G5805">IFERROR(INDEX(Jesper!AK$2:AK$366,ROUNDDOWN($C5805/24,0)+1,1)*INDEX($D$3:$AA$30,INDEX(Jesper!$R$2:$R$366,ROW(INDEX(Jesper!AK$2:AK$366,ROUNDDOWN($C5805/24,0)+1,1))-1)+IF('Standard Profiles'!$G$21=$B$10,7,0)+IF('Standard Profiles'!$G$21=$B$17,14,0)+IF('Standard Profiles'!$G$21=$B$24,21,0),MOD($C5805,24)+1)/SUM(INDEX($D$3:$AA$30,INDEX(Jesper!$R$2:$R$366,ROW(INDEX(Jesper!AK$2:AK$366,ROUNDDOWN($C5805/24,0)+1,1))-1)+IF('Standard Profiles'!$G$21=$B$10,7,0)+IF('Standard Profiles'!$G$21=$B$17,14,0)+IF('Standard Profiles'!$G$21=$B$24,21,0),0)),0)</f>
        <v>0</v>
      </c>
      <c r="H5805" cm="1">
        <f t="array" ref="H5805">IFERROR(INDEX(Jesper!AL$2:AL$366,ROUNDDOWN($C5805/24,0)+1,1)*INDEX($D$3:$AA$30,INDEX(Jesper!$R$2:$R$366,ROW(INDEX(Jesper!AL$2:AL$366,ROUNDDOWN($C5805/24,0)+1,1))-1)+IF('Standard Profiles'!$G$22=$B$10,7,0)+IF('Standard Profiles'!$G$22=$B$17,14,0)+IF('Standard Profiles'!$G$22=$B$24,21,0),MOD($C5805,24)+1)/SUM(INDEX($D$3:$AA$30,INDEX(Jesper!$R$2:$R$366,ROW(INDEX(Jesper!AL$2:AL$366,ROUNDDOWN($C5805/24,0)+1,1))-1)+IF('Standard Profiles'!$G$22=$B$10,7,0)+IF('Standard Profiles'!$G$22=$B$17,14,0)+IF('Standard Profiles'!$G$22=$B$24,21,0),0)),0)</f>
        <v>0</v>
      </c>
      <c r="I5805">
        <f t="shared" si="650"/>
        <v>0.41779814436680873</v>
      </c>
      <c r="J5805">
        <f t="shared" si="651"/>
        <v>1.3926604812226959</v>
      </c>
      <c r="K5805">
        <f t="shared" si="652"/>
        <v>2.0889907218340436</v>
      </c>
      <c r="L5805">
        <f t="shared" si="653"/>
        <v>10.02715546480341</v>
      </c>
      <c r="M5805">
        <f t="shared" si="654"/>
        <v>0</v>
      </c>
      <c r="N5805" s="46">
        <f t="shared" si="655"/>
        <v>45532.458333319337</v>
      </c>
    </row>
    <row r="5806" spans="2:14" x14ac:dyDescent="0.3">
      <c r="B5806">
        <f t="shared" si="649"/>
        <v>3</v>
      </c>
      <c r="C5806" s="16">
        <v>5772</v>
      </c>
      <c r="D5806" cm="1">
        <f t="array" ref="D5806">IFERROR(INDEX(Jesper!AH$2:AH$366,ROUNDDOWN($C5806/24,0)+1,1)*INDEX($D$3:$AA$30,INDEX(Jesper!$R$2:$R$366,ROW(INDEX(Jesper!AH$2:AH$366,ROUNDDOWN($C5806/24,0)+1,1))-1)+IF('Standard Profiles'!$G$18=$B$10,7,0)+IF('Standard Profiles'!$G$18=$B$17,14,0)+IF('Standard Profiles'!$G$18=$B$24,21,0),MOD($C5806,24)+1)/SUM(INDEX($D$3:$AA$30,INDEX(Jesper!$R$2:$R$366,ROW(INDEX(Jesper!AH$2:AH$366,ROUNDDOWN($C5806/24,0)+1,1))-1)+IF('Standard Profiles'!$G$18=$B$10,7,0)+IF('Standard Profiles'!$G$18=$B$17,14,0)+IF('Standard Profiles'!$G$18=$B$24,21,0),0)),0)</f>
        <v>13.926604812226959</v>
      </c>
      <c r="E5806" cm="1">
        <f t="array" ref="E5806">IFERROR(INDEX(Jesper!AI$2:AI$366,ROUNDDOWN($C5806/24,0)+1,1)*INDEX($D$3:$AA$30,INDEX(Jesper!$R$2:$R$366,ROW(INDEX(Jesper!AI$2:AI$366,ROUNDDOWN($C5806/24,0)+1,1))-1)+IF('Standard Profiles'!$G$19=$B$10,7,0)+IF('Standard Profiles'!$G$19=$B$17,14,0)+IF('Standard Profiles'!$G$19=$B$24,21,0),MOD($C5806,24)+1)/SUM(INDEX($D$3:$AA$30,INDEX(Jesper!$R$2:$R$366,ROW(INDEX(Jesper!AI$2:AI$366,ROUNDDOWN($C5806/24,0)+1,1))-1)+IF('Standard Profiles'!$G$19=$B$10,7,0)+IF('Standard Profiles'!$G$19=$B$17,14,0)+IF('Standard Profiles'!$G$19=$B$24,21,0),0)),0)</f>
        <v>0</v>
      </c>
      <c r="F5806" cm="1">
        <f t="array" ref="F5806">IFERROR(INDEX(Jesper!AJ$2:AJ$366,ROUNDDOWN($C5806/24,0)+1,1)*INDEX($D$3:$AA$30,INDEX(Jesper!$R$2:$R$366,ROW(INDEX(Jesper!AJ$2:AJ$366,ROUNDDOWN($C5806/24,0)+1,1))-1)+IF('Standard Profiles'!$G$20=$B$10,7,0)+IF('Standard Profiles'!$G$20=$B$17,14,0)+IF('Standard Profiles'!$G$20=$B$24,21,0),MOD($C5806,24)+1)/SUM(INDEX($D$3:$AA$30,INDEX(Jesper!$R$2:$R$366,ROW(INDEX(Jesper!AJ$2:AJ$366,ROUNDDOWN($C5806/24,0)+1,1))-1)+IF('Standard Profiles'!$G$20=$B$10,7,0)+IF('Standard Profiles'!$G$20=$B$17,14,0)+IF('Standard Profiles'!$G$20=$B$24,21,0),0)),0)</f>
        <v>0</v>
      </c>
      <c r="G5806" cm="1">
        <f t="array" ref="G5806">IFERROR(INDEX(Jesper!AK$2:AK$366,ROUNDDOWN($C5806/24,0)+1,1)*INDEX($D$3:$AA$30,INDEX(Jesper!$R$2:$R$366,ROW(INDEX(Jesper!AK$2:AK$366,ROUNDDOWN($C5806/24,0)+1,1))-1)+IF('Standard Profiles'!$G$21=$B$10,7,0)+IF('Standard Profiles'!$G$21=$B$17,14,0)+IF('Standard Profiles'!$G$21=$B$24,21,0),MOD($C5806,24)+1)/SUM(INDEX($D$3:$AA$30,INDEX(Jesper!$R$2:$R$366,ROW(INDEX(Jesper!AK$2:AK$366,ROUNDDOWN($C5806/24,0)+1,1))-1)+IF('Standard Profiles'!$G$21=$B$10,7,0)+IF('Standard Profiles'!$G$21=$B$17,14,0)+IF('Standard Profiles'!$G$21=$B$24,21,0),0)),0)</f>
        <v>0</v>
      </c>
      <c r="H5806" cm="1">
        <f t="array" ref="H5806">IFERROR(INDEX(Jesper!AL$2:AL$366,ROUNDDOWN($C5806/24,0)+1,1)*INDEX($D$3:$AA$30,INDEX(Jesper!$R$2:$R$366,ROW(INDEX(Jesper!AL$2:AL$366,ROUNDDOWN($C5806/24,0)+1,1))-1)+IF('Standard Profiles'!$G$22=$B$10,7,0)+IF('Standard Profiles'!$G$22=$B$17,14,0)+IF('Standard Profiles'!$G$22=$B$24,21,0),MOD($C5806,24)+1)/SUM(INDEX($D$3:$AA$30,INDEX(Jesper!$R$2:$R$366,ROW(INDEX(Jesper!AL$2:AL$366,ROUNDDOWN($C5806/24,0)+1,1))-1)+IF('Standard Profiles'!$G$22=$B$10,7,0)+IF('Standard Profiles'!$G$22=$B$17,14,0)+IF('Standard Profiles'!$G$22=$B$24,21,0),0)),0)</f>
        <v>0</v>
      </c>
      <c r="I5806">
        <f t="shared" si="650"/>
        <v>0.41779814436680873</v>
      </c>
      <c r="J5806">
        <f t="shared" si="651"/>
        <v>1.3926604812226959</v>
      </c>
      <c r="K5806">
        <f t="shared" si="652"/>
        <v>2.0889907218340436</v>
      </c>
      <c r="L5806">
        <f t="shared" si="653"/>
        <v>10.02715546480341</v>
      </c>
      <c r="M5806">
        <f t="shared" si="654"/>
        <v>0</v>
      </c>
      <c r="N5806" s="46">
        <f t="shared" si="655"/>
        <v>45532.499999986001</v>
      </c>
    </row>
    <row r="5807" spans="2:14" x14ac:dyDescent="0.3">
      <c r="B5807">
        <f t="shared" si="649"/>
        <v>3</v>
      </c>
      <c r="C5807" s="16">
        <v>5773</v>
      </c>
      <c r="D5807" cm="1">
        <f t="array" ref="D5807">IFERROR(INDEX(Jesper!AH$2:AH$366,ROUNDDOWN($C5807/24,0)+1,1)*INDEX($D$3:$AA$30,INDEX(Jesper!$R$2:$R$366,ROW(INDEX(Jesper!AH$2:AH$366,ROUNDDOWN($C5807/24,0)+1,1))-1)+IF('Standard Profiles'!$G$18=$B$10,7,0)+IF('Standard Profiles'!$G$18=$B$17,14,0)+IF('Standard Profiles'!$G$18=$B$24,21,0),MOD($C5807,24)+1)/SUM(INDEX($D$3:$AA$30,INDEX(Jesper!$R$2:$R$366,ROW(INDEX(Jesper!AH$2:AH$366,ROUNDDOWN($C5807/24,0)+1,1))-1)+IF('Standard Profiles'!$G$18=$B$10,7,0)+IF('Standard Profiles'!$G$18=$B$17,14,0)+IF('Standard Profiles'!$G$18=$B$24,21,0),0)),0)</f>
        <v>13.926604812226959</v>
      </c>
      <c r="E5807" cm="1">
        <f t="array" ref="E5807">IFERROR(INDEX(Jesper!AI$2:AI$366,ROUNDDOWN($C5807/24,0)+1,1)*INDEX($D$3:$AA$30,INDEX(Jesper!$R$2:$R$366,ROW(INDEX(Jesper!AI$2:AI$366,ROUNDDOWN($C5807/24,0)+1,1))-1)+IF('Standard Profiles'!$G$19=$B$10,7,0)+IF('Standard Profiles'!$G$19=$B$17,14,0)+IF('Standard Profiles'!$G$19=$B$24,21,0),MOD($C5807,24)+1)/SUM(INDEX($D$3:$AA$30,INDEX(Jesper!$R$2:$R$366,ROW(INDEX(Jesper!AI$2:AI$366,ROUNDDOWN($C5807/24,0)+1,1))-1)+IF('Standard Profiles'!$G$19=$B$10,7,0)+IF('Standard Profiles'!$G$19=$B$17,14,0)+IF('Standard Profiles'!$G$19=$B$24,21,0),0)),0)</f>
        <v>0</v>
      </c>
      <c r="F5807" cm="1">
        <f t="array" ref="F5807">IFERROR(INDEX(Jesper!AJ$2:AJ$366,ROUNDDOWN($C5807/24,0)+1,1)*INDEX($D$3:$AA$30,INDEX(Jesper!$R$2:$R$366,ROW(INDEX(Jesper!AJ$2:AJ$366,ROUNDDOWN($C5807/24,0)+1,1))-1)+IF('Standard Profiles'!$G$20=$B$10,7,0)+IF('Standard Profiles'!$G$20=$B$17,14,0)+IF('Standard Profiles'!$G$20=$B$24,21,0),MOD($C5807,24)+1)/SUM(INDEX($D$3:$AA$30,INDEX(Jesper!$R$2:$R$366,ROW(INDEX(Jesper!AJ$2:AJ$366,ROUNDDOWN($C5807/24,0)+1,1))-1)+IF('Standard Profiles'!$G$20=$B$10,7,0)+IF('Standard Profiles'!$G$20=$B$17,14,0)+IF('Standard Profiles'!$G$20=$B$24,21,0),0)),0)</f>
        <v>0</v>
      </c>
      <c r="G5807" cm="1">
        <f t="array" ref="G5807">IFERROR(INDEX(Jesper!AK$2:AK$366,ROUNDDOWN($C5807/24,0)+1,1)*INDEX($D$3:$AA$30,INDEX(Jesper!$R$2:$R$366,ROW(INDEX(Jesper!AK$2:AK$366,ROUNDDOWN($C5807/24,0)+1,1))-1)+IF('Standard Profiles'!$G$21=$B$10,7,0)+IF('Standard Profiles'!$G$21=$B$17,14,0)+IF('Standard Profiles'!$G$21=$B$24,21,0),MOD($C5807,24)+1)/SUM(INDEX($D$3:$AA$30,INDEX(Jesper!$R$2:$R$366,ROW(INDEX(Jesper!AK$2:AK$366,ROUNDDOWN($C5807/24,0)+1,1))-1)+IF('Standard Profiles'!$G$21=$B$10,7,0)+IF('Standard Profiles'!$G$21=$B$17,14,0)+IF('Standard Profiles'!$G$21=$B$24,21,0),0)),0)</f>
        <v>0</v>
      </c>
      <c r="H5807" cm="1">
        <f t="array" ref="H5807">IFERROR(INDEX(Jesper!AL$2:AL$366,ROUNDDOWN($C5807/24,0)+1,1)*INDEX($D$3:$AA$30,INDEX(Jesper!$R$2:$R$366,ROW(INDEX(Jesper!AL$2:AL$366,ROUNDDOWN($C5807/24,0)+1,1))-1)+IF('Standard Profiles'!$G$22=$B$10,7,0)+IF('Standard Profiles'!$G$22=$B$17,14,0)+IF('Standard Profiles'!$G$22=$B$24,21,0),MOD($C5807,24)+1)/SUM(INDEX($D$3:$AA$30,INDEX(Jesper!$R$2:$R$366,ROW(INDEX(Jesper!AL$2:AL$366,ROUNDDOWN($C5807/24,0)+1,1))-1)+IF('Standard Profiles'!$G$22=$B$10,7,0)+IF('Standard Profiles'!$G$22=$B$17,14,0)+IF('Standard Profiles'!$G$22=$B$24,21,0),0)),0)</f>
        <v>0</v>
      </c>
      <c r="I5807">
        <f t="shared" si="650"/>
        <v>0.41779814436680873</v>
      </c>
      <c r="J5807">
        <f t="shared" si="651"/>
        <v>1.3926604812226959</v>
      </c>
      <c r="K5807">
        <f t="shared" si="652"/>
        <v>2.0889907218340436</v>
      </c>
      <c r="L5807">
        <f t="shared" si="653"/>
        <v>10.02715546480341</v>
      </c>
      <c r="M5807">
        <f t="shared" si="654"/>
        <v>0</v>
      </c>
      <c r="N5807" s="46">
        <f t="shared" si="655"/>
        <v>45532.541666652665</v>
      </c>
    </row>
    <row r="5808" spans="2:14" x14ac:dyDescent="0.3">
      <c r="B5808">
        <f t="shared" si="649"/>
        <v>3</v>
      </c>
      <c r="C5808" s="16">
        <v>5774</v>
      </c>
      <c r="D5808" cm="1">
        <f t="array" ref="D5808">IFERROR(INDEX(Jesper!AH$2:AH$366,ROUNDDOWN($C5808/24,0)+1,1)*INDEX($D$3:$AA$30,INDEX(Jesper!$R$2:$R$366,ROW(INDEX(Jesper!AH$2:AH$366,ROUNDDOWN($C5808/24,0)+1,1))-1)+IF('Standard Profiles'!$G$18=$B$10,7,0)+IF('Standard Profiles'!$G$18=$B$17,14,0)+IF('Standard Profiles'!$G$18=$B$24,21,0),MOD($C5808,24)+1)/SUM(INDEX($D$3:$AA$30,INDEX(Jesper!$R$2:$R$366,ROW(INDEX(Jesper!AH$2:AH$366,ROUNDDOWN($C5808/24,0)+1,1))-1)+IF('Standard Profiles'!$G$18=$B$10,7,0)+IF('Standard Profiles'!$G$18=$B$17,14,0)+IF('Standard Profiles'!$G$18=$B$24,21,0),0)),0)</f>
        <v>13.926604812226959</v>
      </c>
      <c r="E5808" cm="1">
        <f t="array" ref="E5808">IFERROR(INDEX(Jesper!AI$2:AI$366,ROUNDDOWN($C5808/24,0)+1,1)*INDEX($D$3:$AA$30,INDEX(Jesper!$R$2:$R$366,ROW(INDEX(Jesper!AI$2:AI$366,ROUNDDOWN($C5808/24,0)+1,1))-1)+IF('Standard Profiles'!$G$19=$B$10,7,0)+IF('Standard Profiles'!$G$19=$B$17,14,0)+IF('Standard Profiles'!$G$19=$B$24,21,0),MOD($C5808,24)+1)/SUM(INDEX($D$3:$AA$30,INDEX(Jesper!$R$2:$R$366,ROW(INDEX(Jesper!AI$2:AI$366,ROUNDDOWN($C5808/24,0)+1,1))-1)+IF('Standard Profiles'!$G$19=$B$10,7,0)+IF('Standard Profiles'!$G$19=$B$17,14,0)+IF('Standard Profiles'!$G$19=$B$24,21,0),0)),0)</f>
        <v>0</v>
      </c>
      <c r="F5808" cm="1">
        <f t="array" ref="F5808">IFERROR(INDEX(Jesper!AJ$2:AJ$366,ROUNDDOWN($C5808/24,0)+1,1)*INDEX($D$3:$AA$30,INDEX(Jesper!$R$2:$R$366,ROW(INDEX(Jesper!AJ$2:AJ$366,ROUNDDOWN($C5808/24,0)+1,1))-1)+IF('Standard Profiles'!$G$20=$B$10,7,0)+IF('Standard Profiles'!$G$20=$B$17,14,0)+IF('Standard Profiles'!$G$20=$B$24,21,0),MOD($C5808,24)+1)/SUM(INDEX($D$3:$AA$30,INDEX(Jesper!$R$2:$R$366,ROW(INDEX(Jesper!AJ$2:AJ$366,ROUNDDOWN($C5808/24,0)+1,1))-1)+IF('Standard Profiles'!$G$20=$B$10,7,0)+IF('Standard Profiles'!$G$20=$B$17,14,0)+IF('Standard Profiles'!$G$20=$B$24,21,0),0)),0)</f>
        <v>0</v>
      </c>
      <c r="G5808" cm="1">
        <f t="array" ref="G5808">IFERROR(INDEX(Jesper!AK$2:AK$366,ROUNDDOWN($C5808/24,0)+1,1)*INDEX($D$3:$AA$30,INDEX(Jesper!$R$2:$R$366,ROW(INDEX(Jesper!AK$2:AK$366,ROUNDDOWN($C5808/24,0)+1,1))-1)+IF('Standard Profiles'!$G$21=$B$10,7,0)+IF('Standard Profiles'!$G$21=$B$17,14,0)+IF('Standard Profiles'!$G$21=$B$24,21,0),MOD($C5808,24)+1)/SUM(INDEX($D$3:$AA$30,INDEX(Jesper!$R$2:$R$366,ROW(INDEX(Jesper!AK$2:AK$366,ROUNDDOWN($C5808/24,0)+1,1))-1)+IF('Standard Profiles'!$G$21=$B$10,7,0)+IF('Standard Profiles'!$G$21=$B$17,14,0)+IF('Standard Profiles'!$G$21=$B$24,21,0),0)),0)</f>
        <v>0</v>
      </c>
      <c r="H5808" cm="1">
        <f t="array" ref="H5808">IFERROR(INDEX(Jesper!AL$2:AL$366,ROUNDDOWN($C5808/24,0)+1,1)*INDEX($D$3:$AA$30,INDEX(Jesper!$R$2:$R$366,ROW(INDEX(Jesper!AL$2:AL$366,ROUNDDOWN($C5808/24,0)+1,1))-1)+IF('Standard Profiles'!$G$22=$B$10,7,0)+IF('Standard Profiles'!$G$22=$B$17,14,0)+IF('Standard Profiles'!$G$22=$B$24,21,0),MOD($C5808,24)+1)/SUM(INDEX($D$3:$AA$30,INDEX(Jesper!$R$2:$R$366,ROW(INDEX(Jesper!AL$2:AL$366,ROUNDDOWN($C5808/24,0)+1,1))-1)+IF('Standard Profiles'!$G$22=$B$10,7,0)+IF('Standard Profiles'!$G$22=$B$17,14,0)+IF('Standard Profiles'!$G$22=$B$24,21,0),0)),0)</f>
        <v>0</v>
      </c>
      <c r="I5808">
        <f t="shared" si="650"/>
        <v>0.41779814436680873</v>
      </c>
      <c r="J5808">
        <f t="shared" si="651"/>
        <v>1.3926604812226959</v>
      </c>
      <c r="K5808">
        <f t="shared" si="652"/>
        <v>2.0889907218340436</v>
      </c>
      <c r="L5808">
        <f t="shared" si="653"/>
        <v>10.02715546480341</v>
      </c>
      <c r="M5808">
        <f t="shared" si="654"/>
        <v>0</v>
      </c>
      <c r="N5808" s="46">
        <f t="shared" si="655"/>
        <v>45532.58333331933</v>
      </c>
    </row>
    <row r="5809" spans="2:14" x14ac:dyDescent="0.3">
      <c r="B5809">
        <f t="shared" si="649"/>
        <v>3</v>
      </c>
      <c r="C5809" s="16">
        <v>5775</v>
      </c>
      <c r="D5809" cm="1">
        <f t="array" ref="D5809">IFERROR(INDEX(Jesper!AH$2:AH$366,ROUNDDOWN($C5809/24,0)+1,1)*INDEX($D$3:$AA$30,INDEX(Jesper!$R$2:$R$366,ROW(INDEX(Jesper!AH$2:AH$366,ROUNDDOWN($C5809/24,0)+1,1))-1)+IF('Standard Profiles'!$G$18=$B$10,7,0)+IF('Standard Profiles'!$G$18=$B$17,14,0)+IF('Standard Profiles'!$G$18=$B$24,21,0),MOD($C5809,24)+1)/SUM(INDEX($D$3:$AA$30,INDEX(Jesper!$R$2:$R$366,ROW(INDEX(Jesper!AH$2:AH$366,ROUNDDOWN($C5809/24,0)+1,1))-1)+IF('Standard Profiles'!$G$18=$B$10,7,0)+IF('Standard Profiles'!$G$18=$B$17,14,0)+IF('Standard Profiles'!$G$18=$B$24,21,0),0)),0)</f>
        <v>13.926604812226959</v>
      </c>
      <c r="E5809" cm="1">
        <f t="array" ref="E5809">IFERROR(INDEX(Jesper!AI$2:AI$366,ROUNDDOWN($C5809/24,0)+1,1)*INDEX($D$3:$AA$30,INDEX(Jesper!$R$2:$R$366,ROW(INDEX(Jesper!AI$2:AI$366,ROUNDDOWN($C5809/24,0)+1,1))-1)+IF('Standard Profiles'!$G$19=$B$10,7,0)+IF('Standard Profiles'!$G$19=$B$17,14,0)+IF('Standard Profiles'!$G$19=$B$24,21,0),MOD($C5809,24)+1)/SUM(INDEX($D$3:$AA$30,INDEX(Jesper!$R$2:$R$366,ROW(INDEX(Jesper!AI$2:AI$366,ROUNDDOWN($C5809/24,0)+1,1))-1)+IF('Standard Profiles'!$G$19=$B$10,7,0)+IF('Standard Profiles'!$G$19=$B$17,14,0)+IF('Standard Profiles'!$G$19=$B$24,21,0),0)),0)</f>
        <v>0</v>
      </c>
      <c r="F5809" cm="1">
        <f t="array" ref="F5809">IFERROR(INDEX(Jesper!AJ$2:AJ$366,ROUNDDOWN($C5809/24,0)+1,1)*INDEX($D$3:$AA$30,INDEX(Jesper!$R$2:$R$366,ROW(INDEX(Jesper!AJ$2:AJ$366,ROUNDDOWN($C5809/24,0)+1,1))-1)+IF('Standard Profiles'!$G$20=$B$10,7,0)+IF('Standard Profiles'!$G$20=$B$17,14,0)+IF('Standard Profiles'!$G$20=$B$24,21,0),MOD($C5809,24)+1)/SUM(INDEX($D$3:$AA$30,INDEX(Jesper!$R$2:$R$366,ROW(INDEX(Jesper!AJ$2:AJ$366,ROUNDDOWN($C5809/24,0)+1,1))-1)+IF('Standard Profiles'!$G$20=$B$10,7,0)+IF('Standard Profiles'!$G$20=$B$17,14,0)+IF('Standard Profiles'!$G$20=$B$24,21,0),0)),0)</f>
        <v>0</v>
      </c>
      <c r="G5809" cm="1">
        <f t="array" ref="G5809">IFERROR(INDEX(Jesper!AK$2:AK$366,ROUNDDOWN($C5809/24,0)+1,1)*INDEX($D$3:$AA$30,INDEX(Jesper!$R$2:$R$366,ROW(INDEX(Jesper!AK$2:AK$366,ROUNDDOWN($C5809/24,0)+1,1))-1)+IF('Standard Profiles'!$G$21=$B$10,7,0)+IF('Standard Profiles'!$G$21=$B$17,14,0)+IF('Standard Profiles'!$G$21=$B$24,21,0),MOD($C5809,24)+1)/SUM(INDEX($D$3:$AA$30,INDEX(Jesper!$R$2:$R$366,ROW(INDEX(Jesper!AK$2:AK$366,ROUNDDOWN($C5809/24,0)+1,1))-1)+IF('Standard Profiles'!$G$21=$B$10,7,0)+IF('Standard Profiles'!$G$21=$B$17,14,0)+IF('Standard Profiles'!$G$21=$B$24,21,0),0)),0)</f>
        <v>0</v>
      </c>
      <c r="H5809" cm="1">
        <f t="array" ref="H5809">IFERROR(INDEX(Jesper!AL$2:AL$366,ROUNDDOWN($C5809/24,0)+1,1)*INDEX($D$3:$AA$30,INDEX(Jesper!$R$2:$R$366,ROW(INDEX(Jesper!AL$2:AL$366,ROUNDDOWN($C5809/24,0)+1,1))-1)+IF('Standard Profiles'!$G$22=$B$10,7,0)+IF('Standard Profiles'!$G$22=$B$17,14,0)+IF('Standard Profiles'!$G$22=$B$24,21,0),MOD($C5809,24)+1)/SUM(INDEX($D$3:$AA$30,INDEX(Jesper!$R$2:$R$366,ROW(INDEX(Jesper!AL$2:AL$366,ROUNDDOWN($C5809/24,0)+1,1))-1)+IF('Standard Profiles'!$G$22=$B$10,7,0)+IF('Standard Profiles'!$G$22=$B$17,14,0)+IF('Standard Profiles'!$G$22=$B$24,21,0),0)),0)</f>
        <v>0</v>
      </c>
      <c r="I5809">
        <f t="shared" si="650"/>
        <v>0.41779814436680873</v>
      </c>
      <c r="J5809">
        <f t="shared" si="651"/>
        <v>1.3926604812226959</v>
      </c>
      <c r="K5809">
        <f t="shared" si="652"/>
        <v>2.0889907218340436</v>
      </c>
      <c r="L5809">
        <f t="shared" si="653"/>
        <v>10.02715546480341</v>
      </c>
      <c r="M5809">
        <f t="shared" si="654"/>
        <v>0</v>
      </c>
      <c r="N5809" s="46">
        <f t="shared" si="655"/>
        <v>45532.624999985994</v>
      </c>
    </row>
    <row r="5810" spans="2:14" x14ac:dyDescent="0.3">
      <c r="B5810">
        <f t="shared" si="649"/>
        <v>3</v>
      </c>
      <c r="C5810" s="16">
        <v>5776</v>
      </c>
      <c r="D5810" cm="1">
        <f t="array" ref="D5810">IFERROR(INDEX(Jesper!AH$2:AH$366,ROUNDDOWN($C5810/24,0)+1,1)*INDEX($D$3:$AA$30,INDEX(Jesper!$R$2:$R$366,ROW(INDEX(Jesper!AH$2:AH$366,ROUNDDOWN($C5810/24,0)+1,1))-1)+IF('Standard Profiles'!$G$18=$B$10,7,0)+IF('Standard Profiles'!$G$18=$B$17,14,0)+IF('Standard Profiles'!$G$18=$B$24,21,0),MOD($C5810,24)+1)/SUM(INDEX($D$3:$AA$30,INDEX(Jesper!$R$2:$R$366,ROW(INDEX(Jesper!AH$2:AH$366,ROUNDDOWN($C5810/24,0)+1,1))-1)+IF('Standard Profiles'!$G$18=$B$10,7,0)+IF('Standard Profiles'!$G$18=$B$17,14,0)+IF('Standard Profiles'!$G$18=$B$24,21,0),0)),0)</f>
        <v>13.926604812226959</v>
      </c>
      <c r="E5810" cm="1">
        <f t="array" ref="E5810">IFERROR(INDEX(Jesper!AI$2:AI$366,ROUNDDOWN($C5810/24,0)+1,1)*INDEX($D$3:$AA$30,INDEX(Jesper!$R$2:$R$366,ROW(INDEX(Jesper!AI$2:AI$366,ROUNDDOWN($C5810/24,0)+1,1))-1)+IF('Standard Profiles'!$G$19=$B$10,7,0)+IF('Standard Profiles'!$G$19=$B$17,14,0)+IF('Standard Profiles'!$G$19=$B$24,21,0),MOD($C5810,24)+1)/SUM(INDEX($D$3:$AA$30,INDEX(Jesper!$R$2:$R$366,ROW(INDEX(Jesper!AI$2:AI$366,ROUNDDOWN($C5810/24,0)+1,1))-1)+IF('Standard Profiles'!$G$19=$B$10,7,0)+IF('Standard Profiles'!$G$19=$B$17,14,0)+IF('Standard Profiles'!$G$19=$B$24,21,0),0)),0)</f>
        <v>0</v>
      </c>
      <c r="F5810" cm="1">
        <f t="array" ref="F5810">IFERROR(INDEX(Jesper!AJ$2:AJ$366,ROUNDDOWN($C5810/24,0)+1,1)*INDEX($D$3:$AA$30,INDEX(Jesper!$R$2:$R$366,ROW(INDEX(Jesper!AJ$2:AJ$366,ROUNDDOWN($C5810/24,0)+1,1))-1)+IF('Standard Profiles'!$G$20=$B$10,7,0)+IF('Standard Profiles'!$G$20=$B$17,14,0)+IF('Standard Profiles'!$G$20=$B$24,21,0),MOD($C5810,24)+1)/SUM(INDEX($D$3:$AA$30,INDEX(Jesper!$R$2:$R$366,ROW(INDEX(Jesper!AJ$2:AJ$366,ROUNDDOWN($C5810/24,0)+1,1))-1)+IF('Standard Profiles'!$G$20=$B$10,7,0)+IF('Standard Profiles'!$G$20=$B$17,14,0)+IF('Standard Profiles'!$G$20=$B$24,21,0),0)),0)</f>
        <v>0</v>
      </c>
      <c r="G5810" cm="1">
        <f t="array" ref="G5810">IFERROR(INDEX(Jesper!AK$2:AK$366,ROUNDDOWN($C5810/24,0)+1,1)*INDEX($D$3:$AA$30,INDEX(Jesper!$R$2:$R$366,ROW(INDEX(Jesper!AK$2:AK$366,ROUNDDOWN($C5810/24,0)+1,1))-1)+IF('Standard Profiles'!$G$21=$B$10,7,0)+IF('Standard Profiles'!$G$21=$B$17,14,0)+IF('Standard Profiles'!$G$21=$B$24,21,0),MOD($C5810,24)+1)/SUM(INDEX($D$3:$AA$30,INDEX(Jesper!$R$2:$R$366,ROW(INDEX(Jesper!AK$2:AK$366,ROUNDDOWN($C5810/24,0)+1,1))-1)+IF('Standard Profiles'!$G$21=$B$10,7,0)+IF('Standard Profiles'!$G$21=$B$17,14,0)+IF('Standard Profiles'!$G$21=$B$24,21,0),0)),0)</f>
        <v>0</v>
      </c>
      <c r="H5810" cm="1">
        <f t="array" ref="H5810">IFERROR(INDEX(Jesper!AL$2:AL$366,ROUNDDOWN($C5810/24,0)+1,1)*INDEX($D$3:$AA$30,INDEX(Jesper!$R$2:$R$366,ROW(INDEX(Jesper!AL$2:AL$366,ROUNDDOWN($C5810/24,0)+1,1))-1)+IF('Standard Profiles'!$G$22=$B$10,7,0)+IF('Standard Profiles'!$G$22=$B$17,14,0)+IF('Standard Profiles'!$G$22=$B$24,21,0),MOD($C5810,24)+1)/SUM(INDEX($D$3:$AA$30,INDEX(Jesper!$R$2:$R$366,ROW(INDEX(Jesper!AL$2:AL$366,ROUNDDOWN($C5810/24,0)+1,1))-1)+IF('Standard Profiles'!$G$22=$B$10,7,0)+IF('Standard Profiles'!$G$22=$B$17,14,0)+IF('Standard Profiles'!$G$22=$B$24,21,0),0)),0)</f>
        <v>0</v>
      </c>
      <c r="I5810">
        <f t="shared" si="650"/>
        <v>0.41779814436680873</v>
      </c>
      <c r="J5810">
        <f t="shared" si="651"/>
        <v>1.3926604812226959</v>
      </c>
      <c r="K5810">
        <f t="shared" si="652"/>
        <v>2.0889907218340436</v>
      </c>
      <c r="L5810">
        <f t="shared" si="653"/>
        <v>10.02715546480341</v>
      </c>
      <c r="M5810">
        <f t="shared" si="654"/>
        <v>0</v>
      </c>
      <c r="N5810" s="46">
        <f t="shared" si="655"/>
        <v>45532.666666652658</v>
      </c>
    </row>
    <row r="5811" spans="2:14" x14ac:dyDescent="0.3">
      <c r="B5811">
        <f t="shared" si="649"/>
        <v>3</v>
      </c>
      <c r="C5811" s="16">
        <v>5777</v>
      </c>
      <c r="D5811" cm="1">
        <f t="array" ref="D5811">IFERROR(INDEX(Jesper!AH$2:AH$366,ROUNDDOWN($C5811/24,0)+1,1)*INDEX($D$3:$AA$30,INDEX(Jesper!$R$2:$R$366,ROW(INDEX(Jesper!AH$2:AH$366,ROUNDDOWN($C5811/24,0)+1,1))-1)+IF('Standard Profiles'!$G$18=$B$10,7,0)+IF('Standard Profiles'!$G$18=$B$17,14,0)+IF('Standard Profiles'!$G$18=$B$24,21,0),MOD($C5811,24)+1)/SUM(INDEX($D$3:$AA$30,INDEX(Jesper!$R$2:$R$366,ROW(INDEX(Jesper!AH$2:AH$366,ROUNDDOWN($C5811/24,0)+1,1))-1)+IF('Standard Profiles'!$G$18=$B$10,7,0)+IF('Standard Profiles'!$G$18=$B$17,14,0)+IF('Standard Profiles'!$G$18=$B$24,21,0),0)),0)</f>
        <v>13.926604812226959</v>
      </c>
      <c r="E5811" cm="1">
        <f t="array" ref="E5811">IFERROR(INDEX(Jesper!AI$2:AI$366,ROUNDDOWN($C5811/24,0)+1,1)*INDEX($D$3:$AA$30,INDEX(Jesper!$R$2:$R$366,ROW(INDEX(Jesper!AI$2:AI$366,ROUNDDOWN($C5811/24,0)+1,1))-1)+IF('Standard Profiles'!$G$19=$B$10,7,0)+IF('Standard Profiles'!$G$19=$B$17,14,0)+IF('Standard Profiles'!$G$19=$B$24,21,0),MOD($C5811,24)+1)/SUM(INDEX($D$3:$AA$30,INDEX(Jesper!$R$2:$R$366,ROW(INDEX(Jesper!AI$2:AI$366,ROUNDDOWN($C5811/24,0)+1,1))-1)+IF('Standard Profiles'!$G$19=$B$10,7,0)+IF('Standard Profiles'!$G$19=$B$17,14,0)+IF('Standard Profiles'!$G$19=$B$24,21,0),0)),0)</f>
        <v>0</v>
      </c>
      <c r="F5811" cm="1">
        <f t="array" ref="F5811">IFERROR(INDEX(Jesper!AJ$2:AJ$366,ROUNDDOWN($C5811/24,0)+1,1)*INDEX($D$3:$AA$30,INDEX(Jesper!$R$2:$R$366,ROW(INDEX(Jesper!AJ$2:AJ$366,ROUNDDOWN($C5811/24,0)+1,1))-1)+IF('Standard Profiles'!$G$20=$B$10,7,0)+IF('Standard Profiles'!$G$20=$B$17,14,0)+IF('Standard Profiles'!$G$20=$B$24,21,0),MOD($C5811,24)+1)/SUM(INDEX($D$3:$AA$30,INDEX(Jesper!$R$2:$R$366,ROW(INDEX(Jesper!AJ$2:AJ$366,ROUNDDOWN($C5811/24,0)+1,1))-1)+IF('Standard Profiles'!$G$20=$B$10,7,0)+IF('Standard Profiles'!$G$20=$B$17,14,0)+IF('Standard Profiles'!$G$20=$B$24,21,0),0)),0)</f>
        <v>0</v>
      </c>
      <c r="G5811" cm="1">
        <f t="array" ref="G5811">IFERROR(INDEX(Jesper!AK$2:AK$366,ROUNDDOWN($C5811/24,0)+1,1)*INDEX($D$3:$AA$30,INDEX(Jesper!$R$2:$R$366,ROW(INDEX(Jesper!AK$2:AK$366,ROUNDDOWN($C5811/24,0)+1,1))-1)+IF('Standard Profiles'!$G$21=$B$10,7,0)+IF('Standard Profiles'!$G$21=$B$17,14,0)+IF('Standard Profiles'!$G$21=$B$24,21,0),MOD($C5811,24)+1)/SUM(INDEX($D$3:$AA$30,INDEX(Jesper!$R$2:$R$366,ROW(INDEX(Jesper!AK$2:AK$366,ROUNDDOWN($C5811/24,0)+1,1))-1)+IF('Standard Profiles'!$G$21=$B$10,7,0)+IF('Standard Profiles'!$G$21=$B$17,14,0)+IF('Standard Profiles'!$G$21=$B$24,21,0),0)),0)</f>
        <v>0</v>
      </c>
      <c r="H5811" cm="1">
        <f t="array" ref="H5811">IFERROR(INDEX(Jesper!AL$2:AL$366,ROUNDDOWN($C5811/24,0)+1,1)*INDEX($D$3:$AA$30,INDEX(Jesper!$R$2:$R$366,ROW(INDEX(Jesper!AL$2:AL$366,ROUNDDOWN($C5811/24,0)+1,1))-1)+IF('Standard Profiles'!$G$22=$B$10,7,0)+IF('Standard Profiles'!$G$22=$B$17,14,0)+IF('Standard Profiles'!$G$22=$B$24,21,0),MOD($C5811,24)+1)/SUM(INDEX($D$3:$AA$30,INDEX(Jesper!$R$2:$R$366,ROW(INDEX(Jesper!AL$2:AL$366,ROUNDDOWN($C5811/24,0)+1,1))-1)+IF('Standard Profiles'!$G$22=$B$10,7,0)+IF('Standard Profiles'!$G$22=$B$17,14,0)+IF('Standard Profiles'!$G$22=$B$24,21,0),0)),0)</f>
        <v>0</v>
      </c>
      <c r="I5811">
        <f t="shared" si="650"/>
        <v>0.41779814436680873</v>
      </c>
      <c r="J5811">
        <f t="shared" si="651"/>
        <v>1.3926604812226959</v>
      </c>
      <c r="K5811">
        <f t="shared" si="652"/>
        <v>2.0889907218340436</v>
      </c>
      <c r="L5811">
        <f t="shared" si="653"/>
        <v>10.02715546480341</v>
      </c>
      <c r="M5811">
        <f t="shared" si="654"/>
        <v>0</v>
      </c>
      <c r="N5811" s="46">
        <f t="shared" si="655"/>
        <v>45532.708333319322</v>
      </c>
    </row>
    <row r="5812" spans="2:14" x14ac:dyDescent="0.3">
      <c r="B5812">
        <f t="shared" si="649"/>
        <v>3</v>
      </c>
      <c r="C5812" s="16">
        <v>5778</v>
      </c>
      <c r="D5812" cm="1">
        <f t="array" ref="D5812">IFERROR(INDEX(Jesper!AH$2:AH$366,ROUNDDOWN($C5812/24,0)+1,1)*INDEX($D$3:$AA$30,INDEX(Jesper!$R$2:$R$366,ROW(INDEX(Jesper!AH$2:AH$366,ROUNDDOWN($C5812/24,0)+1,1))-1)+IF('Standard Profiles'!$G$18=$B$10,7,0)+IF('Standard Profiles'!$G$18=$B$17,14,0)+IF('Standard Profiles'!$G$18=$B$24,21,0),MOD($C5812,24)+1)/SUM(INDEX($D$3:$AA$30,INDEX(Jesper!$R$2:$R$366,ROW(INDEX(Jesper!AH$2:AH$366,ROUNDDOWN($C5812/24,0)+1,1))-1)+IF('Standard Profiles'!$G$18=$B$10,7,0)+IF('Standard Profiles'!$G$18=$B$17,14,0)+IF('Standard Profiles'!$G$18=$B$24,21,0),0)),0)</f>
        <v>13.926604812226959</v>
      </c>
      <c r="E5812" cm="1">
        <f t="array" ref="E5812">IFERROR(INDEX(Jesper!AI$2:AI$366,ROUNDDOWN($C5812/24,0)+1,1)*INDEX($D$3:$AA$30,INDEX(Jesper!$R$2:$R$366,ROW(INDEX(Jesper!AI$2:AI$366,ROUNDDOWN($C5812/24,0)+1,1))-1)+IF('Standard Profiles'!$G$19=$B$10,7,0)+IF('Standard Profiles'!$G$19=$B$17,14,0)+IF('Standard Profiles'!$G$19=$B$24,21,0),MOD($C5812,24)+1)/SUM(INDEX($D$3:$AA$30,INDEX(Jesper!$R$2:$R$366,ROW(INDEX(Jesper!AI$2:AI$366,ROUNDDOWN($C5812/24,0)+1,1))-1)+IF('Standard Profiles'!$G$19=$B$10,7,0)+IF('Standard Profiles'!$G$19=$B$17,14,0)+IF('Standard Profiles'!$G$19=$B$24,21,0),0)),0)</f>
        <v>0</v>
      </c>
      <c r="F5812" cm="1">
        <f t="array" ref="F5812">IFERROR(INDEX(Jesper!AJ$2:AJ$366,ROUNDDOWN($C5812/24,0)+1,1)*INDEX($D$3:$AA$30,INDEX(Jesper!$R$2:$R$366,ROW(INDEX(Jesper!AJ$2:AJ$366,ROUNDDOWN($C5812/24,0)+1,1))-1)+IF('Standard Profiles'!$G$20=$B$10,7,0)+IF('Standard Profiles'!$G$20=$B$17,14,0)+IF('Standard Profiles'!$G$20=$B$24,21,0),MOD($C5812,24)+1)/SUM(INDEX($D$3:$AA$30,INDEX(Jesper!$R$2:$R$366,ROW(INDEX(Jesper!AJ$2:AJ$366,ROUNDDOWN($C5812/24,0)+1,1))-1)+IF('Standard Profiles'!$G$20=$B$10,7,0)+IF('Standard Profiles'!$G$20=$B$17,14,0)+IF('Standard Profiles'!$G$20=$B$24,21,0),0)),0)</f>
        <v>0</v>
      </c>
      <c r="G5812" cm="1">
        <f t="array" ref="G5812">IFERROR(INDEX(Jesper!AK$2:AK$366,ROUNDDOWN($C5812/24,0)+1,1)*INDEX($D$3:$AA$30,INDEX(Jesper!$R$2:$R$366,ROW(INDEX(Jesper!AK$2:AK$366,ROUNDDOWN($C5812/24,0)+1,1))-1)+IF('Standard Profiles'!$G$21=$B$10,7,0)+IF('Standard Profiles'!$G$21=$B$17,14,0)+IF('Standard Profiles'!$G$21=$B$24,21,0),MOD($C5812,24)+1)/SUM(INDEX($D$3:$AA$30,INDEX(Jesper!$R$2:$R$366,ROW(INDEX(Jesper!AK$2:AK$366,ROUNDDOWN($C5812/24,0)+1,1))-1)+IF('Standard Profiles'!$G$21=$B$10,7,0)+IF('Standard Profiles'!$G$21=$B$17,14,0)+IF('Standard Profiles'!$G$21=$B$24,21,0),0)),0)</f>
        <v>0</v>
      </c>
      <c r="H5812" cm="1">
        <f t="array" ref="H5812">IFERROR(INDEX(Jesper!AL$2:AL$366,ROUNDDOWN($C5812/24,0)+1,1)*INDEX($D$3:$AA$30,INDEX(Jesper!$R$2:$R$366,ROW(INDEX(Jesper!AL$2:AL$366,ROUNDDOWN($C5812/24,0)+1,1))-1)+IF('Standard Profiles'!$G$22=$B$10,7,0)+IF('Standard Profiles'!$G$22=$B$17,14,0)+IF('Standard Profiles'!$G$22=$B$24,21,0),MOD($C5812,24)+1)/SUM(INDEX($D$3:$AA$30,INDEX(Jesper!$R$2:$R$366,ROW(INDEX(Jesper!AL$2:AL$366,ROUNDDOWN($C5812/24,0)+1,1))-1)+IF('Standard Profiles'!$G$22=$B$10,7,0)+IF('Standard Profiles'!$G$22=$B$17,14,0)+IF('Standard Profiles'!$G$22=$B$24,21,0),0)),0)</f>
        <v>0</v>
      </c>
      <c r="I5812">
        <f t="shared" si="650"/>
        <v>0.41779814436680873</v>
      </c>
      <c r="J5812">
        <f t="shared" si="651"/>
        <v>1.3926604812226959</v>
      </c>
      <c r="K5812">
        <f t="shared" si="652"/>
        <v>2.0889907218340436</v>
      </c>
      <c r="L5812">
        <f t="shared" si="653"/>
        <v>10.02715546480341</v>
      </c>
      <c r="M5812">
        <f t="shared" si="654"/>
        <v>0</v>
      </c>
      <c r="N5812" s="46">
        <f t="shared" si="655"/>
        <v>45532.749999985987</v>
      </c>
    </row>
    <row r="5813" spans="2:14" x14ac:dyDescent="0.3">
      <c r="B5813">
        <f t="shared" si="649"/>
        <v>3</v>
      </c>
      <c r="C5813" s="16">
        <v>5779</v>
      </c>
      <c r="D5813" cm="1">
        <f t="array" ref="D5813">IFERROR(INDEX(Jesper!AH$2:AH$366,ROUNDDOWN($C5813/24,0)+1,1)*INDEX($D$3:$AA$30,INDEX(Jesper!$R$2:$R$366,ROW(INDEX(Jesper!AH$2:AH$366,ROUNDDOWN($C5813/24,0)+1,1))-1)+IF('Standard Profiles'!$G$18=$B$10,7,0)+IF('Standard Profiles'!$G$18=$B$17,14,0)+IF('Standard Profiles'!$G$18=$B$24,21,0),MOD($C5813,24)+1)/SUM(INDEX($D$3:$AA$30,INDEX(Jesper!$R$2:$R$366,ROW(INDEX(Jesper!AH$2:AH$366,ROUNDDOWN($C5813/24,0)+1,1))-1)+IF('Standard Profiles'!$G$18=$B$10,7,0)+IF('Standard Profiles'!$G$18=$B$17,14,0)+IF('Standard Profiles'!$G$18=$B$24,21,0),0)),0)</f>
        <v>11.605504010189133</v>
      </c>
      <c r="E5813" cm="1">
        <f t="array" ref="E5813">IFERROR(INDEX(Jesper!AI$2:AI$366,ROUNDDOWN($C5813/24,0)+1,1)*INDEX($D$3:$AA$30,INDEX(Jesper!$R$2:$R$366,ROW(INDEX(Jesper!AI$2:AI$366,ROUNDDOWN($C5813/24,0)+1,1))-1)+IF('Standard Profiles'!$G$19=$B$10,7,0)+IF('Standard Profiles'!$G$19=$B$17,14,0)+IF('Standard Profiles'!$G$19=$B$24,21,0),MOD($C5813,24)+1)/SUM(INDEX($D$3:$AA$30,INDEX(Jesper!$R$2:$R$366,ROW(INDEX(Jesper!AI$2:AI$366,ROUNDDOWN($C5813/24,0)+1,1))-1)+IF('Standard Profiles'!$G$19=$B$10,7,0)+IF('Standard Profiles'!$G$19=$B$17,14,0)+IF('Standard Profiles'!$G$19=$B$24,21,0),0)),0)</f>
        <v>0</v>
      </c>
      <c r="F5813" cm="1">
        <f t="array" ref="F5813">IFERROR(INDEX(Jesper!AJ$2:AJ$366,ROUNDDOWN($C5813/24,0)+1,1)*INDEX($D$3:$AA$30,INDEX(Jesper!$R$2:$R$366,ROW(INDEX(Jesper!AJ$2:AJ$366,ROUNDDOWN($C5813/24,0)+1,1))-1)+IF('Standard Profiles'!$G$20=$B$10,7,0)+IF('Standard Profiles'!$G$20=$B$17,14,0)+IF('Standard Profiles'!$G$20=$B$24,21,0),MOD($C5813,24)+1)/SUM(INDEX($D$3:$AA$30,INDEX(Jesper!$R$2:$R$366,ROW(INDEX(Jesper!AJ$2:AJ$366,ROUNDDOWN($C5813/24,0)+1,1))-1)+IF('Standard Profiles'!$G$20=$B$10,7,0)+IF('Standard Profiles'!$G$20=$B$17,14,0)+IF('Standard Profiles'!$G$20=$B$24,21,0),0)),0)</f>
        <v>0</v>
      </c>
      <c r="G5813" cm="1">
        <f t="array" ref="G5813">IFERROR(INDEX(Jesper!AK$2:AK$366,ROUNDDOWN($C5813/24,0)+1,1)*INDEX($D$3:$AA$30,INDEX(Jesper!$R$2:$R$366,ROW(INDEX(Jesper!AK$2:AK$366,ROUNDDOWN($C5813/24,0)+1,1))-1)+IF('Standard Profiles'!$G$21=$B$10,7,0)+IF('Standard Profiles'!$G$21=$B$17,14,0)+IF('Standard Profiles'!$G$21=$B$24,21,0),MOD($C5813,24)+1)/SUM(INDEX($D$3:$AA$30,INDEX(Jesper!$R$2:$R$366,ROW(INDEX(Jesper!AK$2:AK$366,ROUNDDOWN($C5813/24,0)+1,1))-1)+IF('Standard Profiles'!$G$21=$B$10,7,0)+IF('Standard Profiles'!$G$21=$B$17,14,0)+IF('Standard Profiles'!$G$21=$B$24,21,0),0)),0)</f>
        <v>0</v>
      </c>
      <c r="H5813" cm="1">
        <f t="array" ref="H5813">IFERROR(INDEX(Jesper!AL$2:AL$366,ROUNDDOWN($C5813/24,0)+1,1)*INDEX($D$3:$AA$30,INDEX(Jesper!$R$2:$R$366,ROW(INDEX(Jesper!AL$2:AL$366,ROUNDDOWN($C5813/24,0)+1,1))-1)+IF('Standard Profiles'!$G$22=$B$10,7,0)+IF('Standard Profiles'!$G$22=$B$17,14,0)+IF('Standard Profiles'!$G$22=$B$24,21,0),MOD($C5813,24)+1)/SUM(INDEX($D$3:$AA$30,INDEX(Jesper!$R$2:$R$366,ROW(INDEX(Jesper!AL$2:AL$366,ROUNDDOWN($C5813/24,0)+1,1))-1)+IF('Standard Profiles'!$G$22=$B$10,7,0)+IF('Standard Profiles'!$G$22=$B$17,14,0)+IF('Standard Profiles'!$G$22=$B$24,21,0),0)),0)</f>
        <v>0</v>
      </c>
      <c r="I5813">
        <f t="shared" si="650"/>
        <v>0.34816512030567398</v>
      </c>
      <c r="J5813">
        <f t="shared" si="651"/>
        <v>1.1605504010189134</v>
      </c>
      <c r="K5813">
        <f t="shared" si="652"/>
        <v>1.7408256015283698</v>
      </c>
      <c r="L5813">
        <f t="shared" si="653"/>
        <v>8.355962887336176</v>
      </c>
      <c r="M5813">
        <f t="shared" si="654"/>
        <v>0</v>
      </c>
      <c r="N5813" s="46">
        <f t="shared" si="655"/>
        <v>45532.791666652651</v>
      </c>
    </row>
    <row r="5814" spans="2:14" x14ac:dyDescent="0.3">
      <c r="B5814">
        <f t="shared" si="649"/>
        <v>3</v>
      </c>
      <c r="C5814" s="16">
        <v>5780</v>
      </c>
      <c r="D5814" cm="1">
        <f t="array" ref="D5814">IFERROR(INDEX(Jesper!AH$2:AH$366,ROUNDDOWN($C5814/24,0)+1,1)*INDEX($D$3:$AA$30,INDEX(Jesper!$R$2:$R$366,ROW(INDEX(Jesper!AH$2:AH$366,ROUNDDOWN($C5814/24,0)+1,1))-1)+IF('Standard Profiles'!$G$18=$B$10,7,0)+IF('Standard Profiles'!$G$18=$B$17,14,0)+IF('Standard Profiles'!$G$18=$B$24,21,0),MOD($C5814,24)+1)/SUM(INDEX($D$3:$AA$30,INDEX(Jesper!$R$2:$R$366,ROW(INDEX(Jesper!AH$2:AH$366,ROUNDDOWN($C5814/24,0)+1,1))-1)+IF('Standard Profiles'!$G$18=$B$10,7,0)+IF('Standard Profiles'!$G$18=$B$17,14,0)+IF('Standard Profiles'!$G$18=$B$24,21,0),0)),0)</f>
        <v>9.284403208151307</v>
      </c>
      <c r="E5814" cm="1">
        <f t="array" ref="E5814">IFERROR(INDEX(Jesper!AI$2:AI$366,ROUNDDOWN($C5814/24,0)+1,1)*INDEX($D$3:$AA$30,INDEX(Jesper!$R$2:$R$366,ROW(INDEX(Jesper!AI$2:AI$366,ROUNDDOWN($C5814/24,0)+1,1))-1)+IF('Standard Profiles'!$G$19=$B$10,7,0)+IF('Standard Profiles'!$G$19=$B$17,14,0)+IF('Standard Profiles'!$G$19=$B$24,21,0),MOD($C5814,24)+1)/SUM(INDEX($D$3:$AA$30,INDEX(Jesper!$R$2:$R$366,ROW(INDEX(Jesper!AI$2:AI$366,ROUNDDOWN($C5814/24,0)+1,1))-1)+IF('Standard Profiles'!$G$19=$B$10,7,0)+IF('Standard Profiles'!$G$19=$B$17,14,0)+IF('Standard Profiles'!$G$19=$B$24,21,0),0)),0)</f>
        <v>0</v>
      </c>
      <c r="F5814" cm="1">
        <f t="array" ref="F5814">IFERROR(INDEX(Jesper!AJ$2:AJ$366,ROUNDDOWN($C5814/24,0)+1,1)*INDEX($D$3:$AA$30,INDEX(Jesper!$R$2:$R$366,ROW(INDEX(Jesper!AJ$2:AJ$366,ROUNDDOWN($C5814/24,0)+1,1))-1)+IF('Standard Profiles'!$G$20=$B$10,7,0)+IF('Standard Profiles'!$G$20=$B$17,14,0)+IF('Standard Profiles'!$G$20=$B$24,21,0),MOD($C5814,24)+1)/SUM(INDEX($D$3:$AA$30,INDEX(Jesper!$R$2:$R$366,ROW(INDEX(Jesper!AJ$2:AJ$366,ROUNDDOWN($C5814/24,0)+1,1))-1)+IF('Standard Profiles'!$G$20=$B$10,7,0)+IF('Standard Profiles'!$G$20=$B$17,14,0)+IF('Standard Profiles'!$G$20=$B$24,21,0),0)),0)</f>
        <v>0</v>
      </c>
      <c r="G5814" cm="1">
        <f t="array" ref="G5814">IFERROR(INDEX(Jesper!AK$2:AK$366,ROUNDDOWN($C5814/24,0)+1,1)*INDEX($D$3:$AA$30,INDEX(Jesper!$R$2:$R$366,ROW(INDEX(Jesper!AK$2:AK$366,ROUNDDOWN($C5814/24,0)+1,1))-1)+IF('Standard Profiles'!$G$21=$B$10,7,0)+IF('Standard Profiles'!$G$21=$B$17,14,0)+IF('Standard Profiles'!$G$21=$B$24,21,0),MOD($C5814,24)+1)/SUM(INDEX($D$3:$AA$30,INDEX(Jesper!$R$2:$R$366,ROW(INDEX(Jesper!AK$2:AK$366,ROUNDDOWN($C5814/24,0)+1,1))-1)+IF('Standard Profiles'!$G$21=$B$10,7,0)+IF('Standard Profiles'!$G$21=$B$17,14,0)+IF('Standard Profiles'!$G$21=$B$24,21,0),0)),0)</f>
        <v>0</v>
      </c>
      <c r="H5814" cm="1">
        <f t="array" ref="H5814">IFERROR(INDEX(Jesper!AL$2:AL$366,ROUNDDOWN($C5814/24,0)+1,1)*INDEX($D$3:$AA$30,INDEX(Jesper!$R$2:$R$366,ROW(INDEX(Jesper!AL$2:AL$366,ROUNDDOWN($C5814/24,0)+1,1))-1)+IF('Standard Profiles'!$G$22=$B$10,7,0)+IF('Standard Profiles'!$G$22=$B$17,14,0)+IF('Standard Profiles'!$G$22=$B$24,21,0),MOD($C5814,24)+1)/SUM(INDEX($D$3:$AA$30,INDEX(Jesper!$R$2:$R$366,ROW(INDEX(Jesper!AL$2:AL$366,ROUNDDOWN($C5814/24,0)+1,1))-1)+IF('Standard Profiles'!$G$22=$B$10,7,0)+IF('Standard Profiles'!$G$22=$B$17,14,0)+IF('Standard Profiles'!$G$22=$B$24,21,0),0)),0)</f>
        <v>0</v>
      </c>
      <c r="I5814">
        <f t="shared" si="650"/>
        <v>0.27853209624453917</v>
      </c>
      <c r="J5814">
        <f t="shared" si="651"/>
        <v>0.92844032081513073</v>
      </c>
      <c r="K5814">
        <f t="shared" si="652"/>
        <v>1.3926604812226959</v>
      </c>
      <c r="L5814">
        <f t="shared" si="653"/>
        <v>6.6847703098689406</v>
      </c>
      <c r="M5814">
        <f t="shared" si="654"/>
        <v>0</v>
      </c>
      <c r="N5814" s="46">
        <f t="shared" si="655"/>
        <v>45532.833333319315</v>
      </c>
    </row>
    <row r="5815" spans="2:14" x14ac:dyDescent="0.3">
      <c r="B5815">
        <f t="shared" si="649"/>
        <v>3</v>
      </c>
      <c r="C5815" s="16">
        <v>5781</v>
      </c>
      <c r="D5815" cm="1">
        <f t="array" ref="D5815">IFERROR(INDEX(Jesper!AH$2:AH$366,ROUNDDOWN($C5815/24,0)+1,1)*INDEX($D$3:$AA$30,INDEX(Jesper!$R$2:$R$366,ROW(INDEX(Jesper!AH$2:AH$366,ROUNDDOWN($C5815/24,0)+1,1))-1)+IF('Standard Profiles'!$G$18=$B$10,7,0)+IF('Standard Profiles'!$G$18=$B$17,14,0)+IF('Standard Profiles'!$G$18=$B$24,21,0),MOD($C5815,24)+1)/SUM(INDEX($D$3:$AA$30,INDEX(Jesper!$R$2:$R$366,ROW(INDEX(Jesper!AH$2:AH$366,ROUNDDOWN($C5815/24,0)+1,1))-1)+IF('Standard Profiles'!$G$18=$B$10,7,0)+IF('Standard Profiles'!$G$18=$B$17,14,0)+IF('Standard Profiles'!$G$18=$B$24,21,0),0)),0)</f>
        <v>6.9633024061134794</v>
      </c>
      <c r="E5815" cm="1">
        <f t="array" ref="E5815">IFERROR(INDEX(Jesper!AI$2:AI$366,ROUNDDOWN($C5815/24,0)+1,1)*INDEX($D$3:$AA$30,INDEX(Jesper!$R$2:$R$366,ROW(INDEX(Jesper!AI$2:AI$366,ROUNDDOWN($C5815/24,0)+1,1))-1)+IF('Standard Profiles'!$G$19=$B$10,7,0)+IF('Standard Profiles'!$G$19=$B$17,14,0)+IF('Standard Profiles'!$G$19=$B$24,21,0),MOD($C5815,24)+1)/SUM(INDEX($D$3:$AA$30,INDEX(Jesper!$R$2:$R$366,ROW(INDEX(Jesper!AI$2:AI$366,ROUNDDOWN($C5815/24,0)+1,1))-1)+IF('Standard Profiles'!$G$19=$B$10,7,0)+IF('Standard Profiles'!$G$19=$B$17,14,0)+IF('Standard Profiles'!$G$19=$B$24,21,0),0)),0)</f>
        <v>0</v>
      </c>
      <c r="F5815" cm="1">
        <f t="array" ref="F5815">IFERROR(INDEX(Jesper!AJ$2:AJ$366,ROUNDDOWN($C5815/24,0)+1,1)*INDEX($D$3:$AA$30,INDEX(Jesper!$R$2:$R$366,ROW(INDEX(Jesper!AJ$2:AJ$366,ROUNDDOWN($C5815/24,0)+1,1))-1)+IF('Standard Profiles'!$G$20=$B$10,7,0)+IF('Standard Profiles'!$G$20=$B$17,14,0)+IF('Standard Profiles'!$G$20=$B$24,21,0),MOD($C5815,24)+1)/SUM(INDEX($D$3:$AA$30,INDEX(Jesper!$R$2:$R$366,ROW(INDEX(Jesper!AJ$2:AJ$366,ROUNDDOWN($C5815/24,0)+1,1))-1)+IF('Standard Profiles'!$G$20=$B$10,7,0)+IF('Standard Profiles'!$G$20=$B$17,14,0)+IF('Standard Profiles'!$G$20=$B$24,21,0),0)),0)</f>
        <v>0</v>
      </c>
      <c r="G5815" cm="1">
        <f t="array" ref="G5815">IFERROR(INDEX(Jesper!AK$2:AK$366,ROUNDDOWN($C5815/24,0)+1,1)*INDEX($D$3:$AA$30,INDEX(Jesper!$R$2:$R$366,ROW(INDEX(Jesper!AK$2:AK$366,ROUNDDOWN($C5815/24,0)+1,1))-1)+IF('Standard Profiles'!$G$21=$B$10,7,0)+IF('Standard Profiles'!$G$21=$B$17,14,0)+IF('Standard Profiles'!$G$21=$B$24,21,0),MOD($C5815,24)+1)/SUM(INDEX($D$3:$AA$30,INDEX(Jesper!$R$2:$R$366,ROW(INDEX(Jesper!AK$2:AK$366,ROUNDDOWN($C5815/24,0)+1,1))-1)+IF('Standard Profiles'!$G$21=$B$10,7,0)+IF('Standard Profiles'!$G$21=$B$17,14,0)+IF('Standard Profiles'!$G$21=$B$24,21,0),0)),0)</f>
        <v>0</v>
      </c>
      <c r="H5815" cm="1">
        <f t="array" ref="H5815">IFERROR(INDEX(Jesper!AL$2:AL$366,ROUNDDOWN($C5815/24,0)+1,1)*INDEX($D$3:$AA$30,INDEX(Jesper!$R$2:$R$366,ROW(INDEX(Jesper!AL$2:AL$366,ROUNDDOWN($C5815/24,0)+1,1))-1)+IF('Standard Profiles'!$G$22=$B$10,7,0)+IF('Standard Profiles'!$G$22=$B$17,14,0)+IF('Standard Profiles'!$G$22=$B$24,21,0),MOD($C5815,24)+1)/SUM(INDEX($D$3:$AA$30,INDEX(Jesper!$R$2:$R$366,ROW(INDEX(Jesper!AL$2:AL$366,ROUNDDOWN($C5815/24,0)+1,1))-1)+IF('Standard Profiles'!$G$22=$B$10,7,0)+IF('Standard Profiles'!$G$22=$B$17,14,0)+IF('Standard Profiles'!$G$22=$B$24,21,0),0)),0)</f>
        <v>0</v>
      </c>
      <c r="I5815">
        <f t="shared" si="650"/>
        <v>0.20889907218340437</v>
      </c>
      <c r="J5815">
        <f t="shared" si="651"/>
        <v>0.69633024061134796</v>
      </c>
      <c r="K5815">
        <f t="shared" si="652"/>
        <v>1.0444953609170218</v>
      </c>
      <c r="L5815">
        <f t="shared" si="653"/>
        <v>5.0135777324017052</v>
      </c>
      <c r="M5815">
        <f t="shared" si="654"/>
        <v>0</v>
      </c>
      <c r="N5815" s="46">
        <f t="shared" si="655"/>
        <v>45532.874999985979</v>
      </c>
    </row>
    <row r="5816" spans="2:14" x14ac:dyDescent="0.3">
      <c r="B5816">
        <f t="shared" si="649"/>
        <v>3</v>
      </c>
      <c r="C5816" s="16">
        <v>5782</v>
      </c>
      <c r="D5816" cm="1">
        <f t="array" ref="D5816">IFERROR(INDEX(Jesper!AH$2:AH$366,ROUNDDOWN($C5816/24,0)+1,1)*INDEX($D$3:$AA$30,INDEX(Jesper!$R$2:$R$366,ROW(INDEX(Jesper!AH$2:AH$366,ROUNDDOWN($C5816/24,0)+1,1))-1)+IF('Standard Profiles'!$G$18=$B$10,7,0)+IF('Standard Profiles'!$G$18=$B$17,14,0)+IF('Standard Profiles'!$G$18=$B$24,21,0),MOD($C5816,24)+1)/SUM(INDEX($D$3:$AA$30,INDEX(Jesper!$R$2:$R$366,ROW(INDEX(Jesper!AH$2:AH$366,ROUNDDOWN($C5816/24,0)+1,1))-1)+IF('Standard Profiles'!$G$18=$B$10,7,0)+IF('Standard Profiles'!$G$18=$B$17,14,0)+IF('Standard Profiles'!$G$18=$B$24,21,0),0)),0)</f>
        <v>6.9633024061134794</v>
      </c>
      <c r="E5816" cm="1">
        <f t="array" ref="E5816">IFERROR(INDEX(Jesper!AI$2:AI$366,ROUNDDOWN($C5816/24,0)+1,1)*INDEX($D$3:$AA$30,INDEX(Jesper!$R$2:$R$366,ROW(INDEX(Jesper!AI$2:AI$366,ROUNDDOWN($C5816/24,0)+1,1))-1)+IF('Standard Profiles'!$G$19=$B$10,7,0)+IF('Standard Profiles'!$G$19=$B$17,14,0)+IF('Standard Profiles'!$G$19=$B$24,21,0),MOD($C5816,24)+1)/SUM(INDEX($D$3:$AA$30,INDEX(Jesper!$R$2:$R$366,ROW(INDEX(Jesper!AI$2:AI$366,ROUNDDOWN($C5816/24,0)+1,1))-1)+IF('Standard Profiles'!$G$19=$B$10,7,0)+IF('Standard Profiles'!$G$19=$B$17,14,0)+IF('Standard Profiles'!$G$19=$B$24,21,0),0)),0)</f>
        <v>0</v>
      </c>
      <c r="F5816" cm="1">
        <f t="array" ref="F5816">IFERROR(INDEX(Jesper!AJ$2:AJ$366,ROUNDDOWN($C5816/24,0)+1,1)*INDEX($D$3:$AA$30,INDEX(Jesper!$R$2:$R$366,ROW(INDEX(Jesper!AJ$2:AJ$366,ROUNDDOWN($C5816/24,0)+1,1))-1)+IF('Standard Profiles'!$G$20=$B$10,7,0)+IF('Standard Profiles'!$G$20=$B$17,14,0)+IF('Standard Profiles'!$G$20=$B$24,21,0),MOD($C5816,24)+1)/SUM(INDEX($D$3:$AA$30,INDEX(Jesper!$R$2:$R$366,ROW(INDEX(Jesper!AJ$2:AJ$366,ROUNDDOWN($C5816/24,0)+1,1))-1)+IF('Standard Profiles'!$G$20=$B$10,7,0)+IF('Standard Profiles'!$G$20=$B$17,14,0)+IF('Standard Profiles'!$G$20=$B$24,21,0),0)),0)</f>
        <v>0</v>
      </c>
      <c r="G5816" cm="1">
        <f t="array" ref="G5816">IFERROR(INDEX(Jesper!AK$2:AK$366,ROUNDDOWN($C5816/24,0)+1,1)*INDEX($D$3:$AA$30,INDEX(Jesper!$R$2:$R$366,ROW(INDEX(Jesper!AK$2:AK$366,ROUNDDOWN($C5816/24,0)+1,1))-1)+IF('Standard Profiles'!$G$21=$B$10,7,0)+IF('Standard Profiles'!$G$21=$B$17,14,0)+IF('Standard Profiles'!$G$21=$B$24,21,0),MOD($C5816,24)+1)/SUM(INDEX($D$3:$AA$30,INDEX(Jesper!$R$2:$R$366,ROW(INDEX(Jesper!AK$2:AK$366,ROUNDDOWN($C5816/24,0)+1,1))-1)+IF('Standard Profiles'!$G$21=$B$10,7,0)+IF('Standard Profiles'!$G$21=$B$17,14,0)+IF('Standard Profiles'!$G$21=$B$24,21,0),0)),0)</f>
        <v>0</v>
      </c>
      <c r="H5816" cm="1">
        <f t="array" ref="H5816">IFERROR(INDEX(Jesper!AL$2:AL$366,ROUNDDOWN($C5816/24,0)+1,1)*INDEX($D$3:$AA$30,INDEX(Jesper!$R$2:$R$366,ROW(INDEX(Jesper!AL$2:AL$366,ROUNDDOWN($C5816/24,0)+1,1))-1)+IF('Standard Profiles'!$G$22=$B$10,7,0)+IF('Standard Profiles'!$G$22=$B$17,14,0)+IF('Standard Profiles'!$G$22=$B$24,21,0),MOD($C5816,24)+1)/SUM(INDEX($D$3:$AA$30,INDEX(Jesper!$R$2:$R$366,ROW(INDEX(Jesper!AL$2:AL$366,ROUNDDOWN($C5816/24,0)+1,1))-1)+IF('Standard Profiles'!$G$22=$B$10,7,0)+IF('Standard Profiles'!$G$22=$B$17,14,0)+IF('Standard Profiles'!$G$22=$B$24,21,0),0)),0)</f>
        <v>0</v>
      </c>
      <c r="I5816">
        <f t="shared" si="650"/>
        <v>0.20889907218340437</v>
      </c>
      <c r="J5816">
        <f t="shared" si="651"/>
        <v>0.69633024061134796</v>
      </c>
      <c r="K5816">
        <f t="shared" si="652"/>
        <v>1.0444953609170218</v>
      </c>
      <c r="L5816">
        <f t="shared" si="653"/>
        <v>5.0135777324017052</v>
      </c>
      <c r="M5816">
        <f t="shared" si="654"/>
        <v>0</v>
      </c>
      <c r="N5816" s="46">
        <f t="shared" si="655"/>
        <v>45532.916666652643</v>
      </c>
    </row>
    <row r="5817" spans="2:14" x14ac:dyDescent="0.3">
      <c r="B5817">
        <f t="shared" si="649"/>
        <v>3</v>
      </c>
      <c r="C5817" s="16">
        <v>5783</v>
      </c>
      <c r="D5817" cm="1">
        <f t="array" ref="D5817">IFERROR(INDEX(Jesper!AH$2:AH$366,ROUNDDOWN($C5817/24,0)+1,1)*INDEX($D$3:$AA$30,INDEX(Jesper!$R$2:$R$366,ROW(INDEX(Jesper!AH$2:AH$366,ROUNDDOWN($C5817/24,0)+1,1))-1)+IF('Standard Profiles'!$G$18=$B$10,7,0)+IF('Standard Profiles'!$G$18=$B$17,14,0)+IF('Standard Profiles'!$G$18=$B$24,21,0),MOD($C5817,24)+1)/SUM(INDEX($D$3:$AA$30,INDEX(Jesper!$R$2:$R$366,ROW(INDEX(Jesper!AH$2:AH$366,ROUNDDOWN($C5817/24,0)+1,1))-1)+IF('Standard Profiles'!$G$18=$B$10,7,0)+IF('Standard Profiles'!$G$18=$B$17,14,0)+IF('Standard Profiles'!$G$18=$B$24,21,0),0)),0)</f>
        <v>6.9633024061134794</v>
      </c>
      <c r="E5817" cm="1">
        <f t="array" ref="E5817">IFERROR(INDEX(Jesper!AI$2:AI$366,ROUNDDOWN($C5817/24,0)+1,1)*INDEX($D$3:$AA$30,INDEX(Jesper!$R$2:$R$366,ROW(INDEX(Jesper!AI$2:AI$366,ROUNDDOWN($C5817/24,0)+1,1))-1)+IF('Standard Profiles'!$G$19=$B$10,7,0)+IF('Standard Profiles'!$G$19=$B$17,14,0)+IF('Standard Profiles'!$G$19=$B$24,21,0),MOD($C5817,24)+1)/SUM(INDEX($D$3:$AA$30,INDEX(Jesper!$R$2:$R$366,ROW(INDEX(Jesper!AI$2:AI$366,ROUNDDOWN($C5817/24,0)+1,1))-1)+IF('Standard Profiles'!$G$19=$B$10,7,0)+IF('Standard Profiles'!$G$19=$B$17,14,0)+IF('Standard Profiles'!$G$19=$B$24,21,0),0)),0)</f>
        <v>0</v>
      </c>
      <c r="F5817" cm="1">
        <f t="array" ref="F5817">IFERROR(INDEX(Jesper!AJ$2:AJ$366,ROUNDDOWN($C5817/24,0)+1,1)*INDEX($D$3:$AA$30,INDEX(Jesper!$R$2:$R$366,ROW(INDEX(Jesper!AJ$2:AJ$366,ROUNDDOWN($C5817/24,0)+1,1))-1)+IF('Standard Profiles'!$G$20=$B$10,7,0)+IF('Standard Profiles'!$G$20=$B$17,14,0)+IF('Standard Profiles'!$G$20=$B$24,21,0),MOD($C5817,24)+1)/SUM(INDEX($D$3:$AA$30,INDEX(Jesper!$R$2:$R$366,ROW(INDEX(Jesper!AJ$2:AJ$366,ROUNDDOWN($C5817/24,0)+1,1))-1)+IF('Standard Profiles'!$G$20=$B$10,7,0)+IF('Standard Profiles'!$G$20=$B$17,14,0)+IF('Standard Profiles'!$G$20=$B$24,21,0),0)),0)</f>
        <v>0</v>
      </c>
      <c r="G5817" cm="1">
        <f t="array" ref="G5817">IFERROR(INDEX(Jesper!AK$2:AK$366,ROUNDDOWN($C5817/24,0)+1,1)*INDEX($D$3:$AA$30,INDEX(Jesper!$R$2:$R$366,ROW(INDEX(Jesper!AK$2:AK$366,ROUNDDOWN($C5817/24,0)+1,1))-1)+IF('Standard Profiles'!$G$21=$B$10,7,0)+IF('Standard Profiles'!$G$21=$B$17,14,0)+IF('Standard Profiles'!$G$21=$B$24,21,0),MOD($C5817,24)+1)/SUM(INDEX($D$3:$AA$30,INDEX(Jesper!$R$2:$R$366,ROW(INDEX(Jesper!AK$2:AK$366,ROUNDDOWN($C5817/24,0)+1,1))-1)+IF('Standard Profiles'!$G$21=$B$10,7,0)+IF('Standard Profiles'!$G$21=$B$17,14,0)+IF('Standard Profiles'!$G$21=$B$24,21,0),0)),0)</f>
        <v>0</v>
      </c>
      <c r="H5817" cm="1">
        <f t="array" ref="H5817">IFERROR(INDEX(Jesper!AL$2:AL$366,ROUNDDOWN($C5817/24,0)+1,1)*INDEX($D$3:$AA$30,INDEX(Jesper!$R$2:$R$366,ROW(INDEX(Jesper!AL$2:AL$366,ROUNDDOWN($C5817/24,0)+1,1))-1)+IF('Standard Profiles'!$G$22=$B$10,7,0)+IF('Standard Profiles'!$G$22=$B$17,14,0)+IF('Standard Profiles'!$G$22=$B$24,21,0),MOD($C5817,24)+1)/SUM(INDEX($D$3:$AA$30,INDEX(Jesper!$R$2:$R$366,ROW(INDEX(Jesper!AL$2:AL$366,ROUNDDOWN($C5817/24,0)+1,1))-1)+IF('Standard Profiles'!$G$22=$B$10,7,0)+IF('Standard Profiles'!$G$22=$B$17,14,0)+IF('Standard Profiles'!$G$22=$B$24,21,0),0)),0)</f>
        <v>0</v>
      </c>
      <c r="I5817">
        <f t="shared" si="650"/>
        <v>0.20889907218340437</v>
      </c>
      <c r="J5817">
        <f t="shared" si="651"/>
        <v>0.69633024061134796</v>
      </c>
      <c r="K5817">
        <f t="shared" si="652"/>
        <v>1.0444953609170218</v>
      </c>
      <c r="L5817">
        <f t="shared" si="653"/>
        <v>5.0135777324017052</v>
      </c>
      <c r="M5817">
        <f t="shared" si="654"/>
        <v>0</v>
      </c>
      <c r="N5817" s="46">
        <f t="shared" si="655"/>
        <v>45532.958333319308</v>
      </c>
    </row>
    <row r="5818" spans="2:14" x14ac:dyDescent="0.3">
      <c r="B5818">
        <f t="shared" si="649"/>
        <v>4</v>
      </c>
      <c r="C5818" s="16">
        <v>5784</v>
      </c>
      <c r="D5818" cm="1">
        <f t="array" ref="D5818">IFERROR(INDEX(Jesper!AH$2:AH$366,ROUNDDOWN($C5818/24,0)+1,1)*INDEX($D$3:$AA$30,INDEX(Jesper!$R$2:$R$366,ROW(INDEX(Jesper!AH$2:AH$366,ROUNDDOWN($C5818/24,0)+1,1))-1)+IF('Standard Profiles'!$G$18=$B$10,7,0)+IF('Standard Profiles'!$G$18=$B$17,14,0)+IF('Standard Profiles'!$G$18=$B$24,21,0),MOD($C5818,24)+1)/SUM(INDEX($D$3:$AA$30,INDEX(Jesper!$R$2:$R$366,ROW(INDEX(Jesper!AH$2:AH$366,ROUNDDOWN($C5818/24,0)+1,1))-1)+IF('Standard Profiles'!$G$18=$B$10,7,0)+IF('Standard Profiles'!$G$18=$B$17,14,0)+IF('Standard Profiles'!$G$18=$B$24,21,0),0)),0)</f>
        <v>6.9624882191042099</v>
      </c>
      <c r="E5818" cm="1">
        <f t="array" ref="E5818">IFERROR(INDEX(Jesper!AI$2:AI$366,ROUNDDOWN($C5818/24,0)+1,1)*INDEX($D$3:$AA$30,INDEX(Jesper!$R$2:$R$366,ROW(INDEX(Jesper!AI$2:AI$366,ROUNDDOWN($C5818/24,0)+1,1))-1)+IF('Standard Profiles'!$G$19=$B$10,7,0)+IF('Standard Profiles'!$G$19=$B$17,14,0)+IF('Standard Profiles'!$G$19=$B$24,21,0),MOD($C5818,24)+1)/SUM(INDEX($D$3:$AA$30,INDEX(Jesper!$R$2:$R$366,ROW(INDEX(Jesper!AI$2:AI$366,ROUNDDOWN($C5818/24,0)+1,1))-1)+IF('Standard Profiles'!$G$19=$B$10,7,0)+IF('Standard Profiles'!$G$19=$B$17,14,0)+IF('Standard Profiles'!$G$19=$B$24,21,0),0)),0)</f>
        <v>0</v>
      </c>
      <c r="F5818" cm="1">
        <f t="array" ref="F5818">IFERROR(INDEX(Jesper!AJ$2:AJ$366,ROUNDDOWN($C5818/24,0)+1,1)*INDEX($D$3:$AA$30,INDEX(Jesper!$R$2:$R$366,ROW(INDEX(Jesper!AJ$2:AJ$366,ROUNDDOWN($C5818/24,0)+1,1))-1)+IF('Standard Profiles'!$G$20=$B$10,7,0)+IF('Standard Profiles'!$G$20=$B$17,14,0)+IF('Standard Profiles'!$G$20=$B$24,21,0),MOD($C5818,24)+1)/SUM(INDEX($D$3:$AA$30,INDEX(Jesper!$R$2:$R$366,ROW(INDEX(Jesper!AJ$2:AJ$366,ROUNDDOWN($C5818/24,0)+1,1))-1)+IF('Standard Profiles'!$G$20=$B$10,7,0)+IF('Standard Profiles'!$G$20=$B$17,14,0)+IF('Standard Profiles'!$G$20=$B$24,21,0),0)),0)</f>
        <v>0</v>
      </c>
      <c r="G5818" cm="1">
        <f t="array" ref="G5818">IFERROR(INDEX(Jesper!AK$2:AK$366,ROUNDDOWN($C5818/24,0)+1,1)*INDEX($D$3:$AA$30,INDEX(Jesper!$R$2:$R$366,ROW(INDEX(Jesper!AK$2:AK$366,ROUNDDOWN($C5818/24,0)+1,1))-1)+IF('Standard Profiles'!$G$21=$B$10,7,0)+IF('Standard Profiles'!$G$21=$B$17,14,0)+IF('Standard Profiles'!$G$21=$B$24,21,0),MOD($C5818,24)+1)/SUM(INDEX($D$3:$AA$30,INDEX(Jesper!$R$2:$R$366,ROW(INDEX(Jesper!AK$2:AK$366,ROUNDDOWN($C5818/24,0)+1,1))-1)+IF('Standard Profiles'!$G$21=$B$10,7,0)+IF('Standard Profiles'!$G$21=$B$17,14,0)+IF('Standard Profiles'!$G$21=$B$24,21,0),0)),0)</f>
        <v>0</v>
      </c>
      <c r="H5818" cm="1">
        <f t="array" ref="H5818">IFERROR(INDEX(Jesper!AL$2:AL$366,ROUNDDOWN($C5818/24,0)+1,1)*INDEX($D$3:$AA$30,INDEX(Jesper!$R$2:$R$366,ROW(INDEX(Jesper!AL$2:AL$366,ROUNDDOWN($C5818/24,0)+1,1))-1)+IF('Standard Profiles'!$G$22=$B$10,7,0)+IF('Standard Profiles'!$G$22=$B$17,14,0)+IF('Standard Profiles'!$G$22=$B$24,21,0),MOD($C5818,24)+1)/SUM(INDEX($D$3:$AA$30,INDEX(Jesper!$R$2:$R$366,ROW(INDEX(Jesper!AL$2:AL$366,ROUNDDOWN($C5818/24,0)+1,1))-1)+IF('Standard Profiles'!$G$22=$B$10,7,0)+IF('Standard Profiles'!$G$22=$B$17,14,0)+IF('Standard Profiles'!$G$22=$B$24,21,0),0)),0)</f>
        <v>0</v>
      </c>
      <c r="I5818">
        <f t="shared" si="650"/>
        <v>0.20887464657312629</v>
      </c>
      <c r="J5818">
        <f t="shared" si="651"/>
        <v>0.69624882191042103</v>
      </c>
      <c r="K5818">
        <f t="shared" si="652"/>
        <v>1.0443732328656314</v>
      </c>
      <c r="L5818">
        <f t="shared" si="653"/>
        <v>5.0129915177550313</v>
      </c>
      <c r="M5818">
        <f t="shared" si="654"/>
        <v>0</v>
      </c>
      <c r="N5818" s="46">
        <f t="shared" si="655"/>
        <v>45532.999999985972</v>
      </c>
    </row>
    <row r="5819" spans="2:14" x14ac:dyDescent="0.3">
      <c r="B5819">
        <f t="shared" si="649"/>
        <v>4</v>
      </c>
      <c r="C5819" s="16">
        <v>5785</v>
      </c>
      <c r="D5819" cm="1">
        <f t="array" ref="D5819">IFERROR(INDEX(Jesper!AH$2:AH$366,ROUNDDOWN($C5819/24,0)+1,1)*INDEX($D$3:$AA$30,INDEX(Jesper!$R$2:$R$366,ROW(INDEX(Jesper!AH$2:AH$366,ROUNDDOWN($C5819/24,0)+1,1))-1)+IF('Standard Profiles'!$G$18=$B$10,7,0)+IF('Standard Profiles'!$G$18=$B$17,14,0)+IF('Standard Profiles'!$G$18=$B$24,21,0),MOD($C5819,24)+1)/SUM(INDEX($D$3:$AA$30,INDEX(Jesper!$R$2:$R$366,ROW(INDEX(Jesper!AH$2:AH$366,ROUNDDOWN($C5819/24,0)+1,1))-1)+IF('Standard Profiles'!$G$18=$B$10,7,0)+IF('Standard Profiles'!$G$18=$B$17,14,0)+IF('Standard Profiles'!$G$18=$B$24,21,0),0)),0)</f>
        <v>6.9624882191042099</v>
      </c>
      <c r="E5819" cm="1">
        <f t="array" ref="E5819">IFERROR(INDEX(Jesper!AI$2:AI$366,ROUNDDOWN($C5819/24,0)+1,1)*INDEX($D$3:$AA$30,INDEX(Jesper!$R$2:$R$366,ROW(INDEX(Jesper!AI$2:AI$366,ROUNDDOWN($C5819/24,0)+1,1))-1)+IF('Standard Profiles'!$G$19=$B$10,7,0)+IF('Standard Profiles'!$G$19=$B$17,14,0)+IF('Standard Profiles'!$G$19=$B$24,21,0),MOD($C5819,24)+1)/SUM(INDEX($D$3:$AA$30,INDEX(Jesper!$R$2:$R$366,ROW(INDEX(Jesper!AI$2:AI$366,ROUNDDOWN($C5819/24,0)+1,1))-1)+IF('Standard Profiles'!$G$19=$B$10,7,0)+IF('Standard Profiles'!$G$19=$B$17,14,0)+IF('Standard Profiles'!$G$19=$B$24,21,0),0)),0)</f>
        <v>0</v>
      </c>
      <c r="F5819" cm="1">
        <f t="array" ref="F5819">IFERROR(INDEX(Jesper!AJ$2:AJ$366,ROUNDDOWN($C5819/24,0)+1,1)*INDEX($D$3:$AA$30,INDEX(Jesper!$R$2:$R$366,ROW(INDEX(Jesper!AJ$2:AJ$366,ROUNDDOWN($C5819/24,0)+1,1))-1)+IF('Standard Profiles'!$G$20=$B$10,7,0)+IF('Standard Profiles'!$G$20=$B$17,14,0)+IF('Standard Profiles'!$G$20=$B$24,21,0),MOD($C5819,24)+1)/SUM(INDEX($D$3:$AA$30,INDEX(Jesper!$R$2:$R$366,ROW(INDEX(Jesper!AJ$2:AJ$366,ROUNDDOWN($C5819/24,0)+1,1))-1)+IF('Standard Profiles'!$G$20=$B$10,7,0)+IF('Standard Profiles'!$G$20=$B$17,14,0)+IF('Standard Profiles'!$G$20=$B$24,21,0),0)),0)</f>
        <v>0</v>
      </c>
      <c r="G5819" cm="1">
        <f t="array" ref="G5819">IFERROR(INDEX(Jesper!AK$2:AK$366,ROUNDDOWN($C5819/24,0)+1,1)*INDEX($D$3:$AA$30,INDEX(Jesper!$R$2:$R$366,ROW(INDEX(Jesper!AK$2:AK$366,ROUNDDOWN($C5819/24,0)+1,1))-1)+IF('Standard Profiles'!$G$21=$B$10,7,0)+IF('Standard Profiles'!$G$21=$B$17,14,0)+IF('Standard Profiles'!$G$21=$B$24,21,0),MOD($C5819,24)+1)/SUM(INDEX($D$3:$AA$30,INDEX(Jesper!$R$2:$R$366,ROW(INDEX(Jesper!AK$2:AK$366,ROUNDDOWN($C5819/24,0)+1,1))-1)+IF('Standard Profiles'!$G$21=$B$10,7,0)+IF('Standard Profiles'!$G$21=$B$17,14,0)+IF('Standard Profiles'!$G$21=$B$24,21,0),0)),0)</f>
        <v>0</v>
      </c>
      <c r="H5819" cm="1">
        <f t="array" ref="H5819">IFERROR(INDEX(Jesper!AL$2:AL$366,ROUNDDOWN($C5819/24,0)+1,1)*INDEX($D$3:$AA$30,INDEX(Jesper!$R$2:$R$366,ROW(INDEX(Jesper!AL$2:AL$366,ROUNDDOWN($C5819/24,0)+1,1))-1)+IF('Standard Profiles'!$G$22=$B$10,7,0)+IF('Standard Profiles'!$G$22=$B$17,14,0)+IF('Standard Profiles'!$G$22=$B$24,21,0),MOD($C5819,24)+1)/SUM(INDEX($D$3:$AA$30,INDEX(Jesper!$R$2:$R$366,ROW(INDEX(Jesper!AL$2:AL$366,ROUNDDOWN($C5819/24,0)+1,1))-1)+IF('Standard Profiles'!$G$22=$B$10,7,0)+IF('Standard Profiles'!$G$22=$B$17,14,0)+IF('Standard Profiles'!$G$22=$B$24,21,0),0)),0)</f>
        <v>0</v>
      </c>
      <c r="I5819">
        <f t="shared" si="650"/>
        <v>0.20887464657312629</v>
      </c>
      <c r="J5819">
        <f t="shared" si="651"/>
        <v>0.69624882191042103</v>
      </c>
      <c r="K5819">
        <f t="shared" si="652"/>
        <v>1.0443732328656314</v>
      </c>
      <c r="L5819">
        <f t="shared" si="653"/>
        <v>5.0129915177550313</v>
      </c>
      <c r="M5819">
        <f t="shared" si="654"/>
        <v>0</v>
      </c>
      <c r="N5819" s="46">
        <f t="shared" si="655"/>
        <v>45533.041666652636</v>
      </c>
    </row>
    <row r="5820" spans="2:14" x14ac:dyDescent="0.3">
      <c r="B5820">
        <f t="shared" si="649"/>
        <v>4</v>
      </c>
      <c r="C5820" s="16">
        <v>5786</v>
      </c>
      <c r="D5820" cm="1">
        <f t="array" ref="D5820">IFERROR(INDEX(Jesper!AH$2:AH$366,ROUNDDOWN($C5820/24,0)+1,1)*INDEX($D$3:$AA$30,INDEX(Jesper!$R$2:$R$366,ROW(INDEX(Jesper!AH$2:AH$366,ROUNDDOWN($C5820/24,0)+1,1))-1)+IF('Standard Profiles'!$G$18=$B$10,7,0)+IF('Standard Profiles'!$G$18=$B$17,14,0)+IF('Standard Profiles'!$G$18=$B$24,21,0),MOD($C5820,24)+1)/SUM(INDEX($D$3:$AA$30,INDEX(Jesper!$R$2:$R$366,ROW(INDEX(Jesper!AH$2:AH$366,ROUNDDOWN($C5820/24,0)+1,1))-1)+IF('Standard Profiles'!$G$18=$B$10,7,0)+IF('Standard Profiles'!$G$18=$B$17,14,0)+IF('Standard Profiles'!$G$18=$B$24,21,0),0)),0)</f>
        <v>6.9624882191042099</v>
      </c>
      <c r="E5820" cm="1">
        <f t="array" ref="E5820">IFERROR(INDEX(Jesper!AI$2:AI$366,ROUNDDOWN($C5820/24,0)+1,1)*INDEX($D$3:$AA$30,INDEX(Jesper!$R$2:$R$366,ROW(INDEX(Jesper!AI$2:AI$366,ROUNDDOWN($C5820/24,0)+1,1))-1)+IF('Standard Profiles'!$G$19=$B$10,7,0)+IF('Standard Profiles'!$G$19=$B$17,14,0)+IF('Standard Profiles'!$G$19=$B$24,21,0),MOD($C5820,24)+1)/SUM(INDEX($D$3:$AA$30,INDEX(Jesper!$R$2:$R$366,ROW(INDEX(Jesper!AI$2:AI$366,ROUNDDOWN($C5820/24,0)+1,1))-1)+IF('Standard Profiles'!$G$19=$B$10,7,0)+IF('Standard Profiles'!$G$19=$B$17,14,0)+IF('Standard Profiles'!$G$19=$B$24,21,0),0)),0)</f>
        <v>0</v>
      </c>
      <c r="F5820" cm="1">
        <f t="array" ref="F5820">IFERROR(INDEX(Jesper!AJ$2:AJ$366,ROUNDDOWN($C5820/24,0)+1,1)*INDEX($D$3:$AA$30,INDEX(Jesper!$R$2:$R$366,ROW(INDEX(Jesper!AJ$2:AJ$366,ROUNDDOWN($C5820/24,0)+1,1))-1)+IF('Standard Profiles'!$G$20=$B$10,7,0)+IF('Standard Profiles'!$G$20=$B$17,14,0)+IF('Standard Profiles'!$G$20=$B$24,21,0),MOD($C5820,24)+1)/SUM(INDEX($D$3:$AA$30,INDEX(Jesper!$R$2:$R$366,ROW(INDEX(Jesper!AJ$2:AJ$366,ROUNDDOWN($C5820/24,0)+1,1))-1)+IF('Standard Profiles'!$G$20=$B$10,7,0)+IF('Standard Profiles'!$G$20=$B$17,14,0)+IF('Standard Profiles'!$G$20=$B$24,21,0),0)),0)</f>
        <v>0</v>
      </c>
      <c r="G5820" cm="1">
        <f t="array" ref="G5820">IFERROR(INDEX(Jesper!AK$2:AK$366,ROUNDDOWN($C5820/24,0)+1,1)*INDEX($D$3:$AA$30,INDEX(Jesper!$R$2:$R$366,ROW(INDEX(Jesper!AK$2:AK$366,ROUNDDOWN($C5820/24,0)+1,1))-1)+IF('Standard Profiles'!$G$21=$B$10,7,0)+IF('Standard Profiles'!$G$21=$B$17,14,0)+IF('Standard Profiles'!$G$21=$B$24,21,0),MOD($C5820,24)+1)/SUM(INDEX($D$3:$AA$30,INDEX(Jesper!$R$2:$R$366,ROW(INDEX(Jesper!AK$2:AK$366,ROUNDDOWN($C5820/24,0)+1,1))-1)+IF('Standard Profiles'!$G$21=$B$10,7,0)+IF('Standard Profiles'!$G$21=$B$17,14,0)+IF('Standard Profiles'!$G$21=$B$24,21,0),0)),0)</f>
        <v>0</v>
      </c>
      <c r="H5820" cm="1">
        <f t="array" ref="H5820">IFERROR(INDEX(Jesper!AL$2:AL$366,ROUNDDOWN($C5820/24,0)+1,1)*INDEX($D$3:$AA$30,INDEX(Jesper!$R$2:$R$366,ROW(INDEX(Jesper!AL$2:AL$366,ROUNDDOWN($C5820/24,0)+1,1))-1)+IF('Standard Profiles'!$G$22=$B$10,7,0)+IF('Standard Profiles'!$G$22=$B$17,14,0)+IF('Standard Profiles'!$G$22=$B$24,21,0),MOD($C5820,24)+1)/SUM(INDEX($D$3:$AA$30,INDEX(Jesper!$R$2:$R$366,ROW(INDEX(Jesper!AL$2:AL$366,ROUNDDOWN($C5820/24,0)+1,1))-1)+IF('Standard Profiles'!$G$22=$B$10,7,0)+IF('Standard Profiles'!$G$22=$B$17,14,0)+IF('Standard Profiles'!$G$22=$B$24,21,0),0)),0)</f>
        <v>0</v>
      </c>
      <c r="I5820">
        <f t="shared" si="650"/>
        <v>0.20887464657312629</v>
      </c>
      <c r="J5820">
        <f t="shared" si="651"/>
        <v>0.69624882191042103</v>
      </c>
      <c r="K5820">
        <f t="shared" si="652"/>
        <v>1.0443732328656314</v>
      </c>
      <c r="L5820">
        <f t="shared" si="653"/>
        <v>5.0129915177550313</v>
      </c>
      <c r="M5820">
        <f t="shared" si="654"/>
        <v>0</v>
      </c>
      <c r="N5820" s="46">
        <f t="shared" si="655"/>
        <v>45533.0833333193</v>
      </c>
    </row>
    <row r="5821" spans="2:14" x14ac:dyDescent="0.3">
      <c r="B5821">
        <f t="shared" si="649"/>
        <v>4</v>
      </c>
      <c r="C5821" s="16">
        <v>5787</v>
      </c>
      <c r="D5821" cm="1">
        <f t="array" ref="D5821">IFERROR(INDEX(Jesper!AH$2:AH$366,ROUNDDOWN($C5821/24,0)+1,1)*INDEX($D$3:$AA$30,INDEX(Jesper!$R$2:$R$366,ROW(INDEX(Jesper!AH$2:AH$366,ROUNDDOWN($C5821/24,0)+1,1))-1)+IF('Standard Profiles'!$G$18=$B$10,7,0)+IF('Standard Profiles'!$G$18=$B$17,14,0)+IF('Standard Profiles'!$G$18=$B$24,21,0),MOD($C5821,24)+1)/SUM(INDEX($D$3:$AA$30,INDEX(Jesper!$R$2:$R$366,ROW(INDEX(Jesper!AH$2:AH$366,ROUNDDOWN($C5821/24,0)+1,1))-1)+IF('Standard Profiles'!$G$18=$B$10,7,0)+IF('Standard Profiles'!$G$18=$B$17,14,0)+IF('Standard Profiles'!$G$18=$B$24,21,0),0)),0)</f>
        <v>6.9624882191042099</v>
      </c>
      <c r="E5821" cm="1">
        <f t="array" ref="E5821">IFERROR(INDEX(Jesper!AI$2:AI$366,ROUNDDOWN($C5821/24,0)+1,1)*INDEX($D$3:$AA$30,INDEX(Jesper!$R$2:$R$366,ROW(INDEX(Jesper!AI$2:AI$366,ROUNDDOWN($C5821/24,0)+1,1))-1)+IF('Standard Profiles'!$G$19=$B$10,7,0)+IF('Standard Profiles'!$G$19=$B$17,14,0)+IF('Standard Profiles'!$G$19=$B$24,21,0),MOD($C5821,24)+1)/SUM(INDEX($D$3:$AA$30,INDEX(Jesper!$R$2:$R$366,ROW(INDEX(Jesper!AI$2:AI$366,ROUNDDOWN($C5821/24,0)+1,1))-1)+IF('Standard Profiles'!$G$19=$B$10,7,0)+IF('Standard Profiles'!$G$19=$B$17,14,0)+IF('Standard Profiles'!$G$19=$B$24,21,0),0)),0)</f>
        <v>0</v>
      </c>
      <c r="F5821" cm="1">
        <f t="array" ref="F5821">IFERROR(INDEX(Jesper!AJ$2:AJ$366,ROUNDDOWN($C5821/24,0)+1,1)*INDEX($D$3:$AA$30,INDEX(Jesper!$R$2:$R$366,ROW(INDEX(Jesper!AJ$2:AJ$366,ROUNDDOWN($C5821/24,0)+1,1))-1)+IF('Standard Profiles'!$G$20=$B$10,7,0)+IF('Standard Profiles'!$G$20=$B$17,14,0)+IF('Standard Profiles'!$G$20=$B$24,21,0),MOD($C5821,24)+1)/SUM(INDEX($D$3:$AA$30,INDEX(Jesper!$R$2:$R$366,ROW(INDEX(Jesper!AJ$2:AJ$366,ROUNDDOWN($C5821/24,0)+1,1))-1)+IF('Standard Profiles'!$G$20=$B$10,7,0)+IF('Standard Profiles'!$G$20=$B$17,14,0)+IF('Standard Profiles'!$G$20=$B$24,21,0),0)),0)</f>
        <v>0</v>
      </c>
      <c r="G5821" cm="1">
        <f t="array" ref="G5821">IFERROR(INDEX(Jesper!AK$2:AK$366,ROUNDDOWN($C5821/24,0)+1,1)*INDEX($D$3:$AA$30,INDEX(Jesper!$R$2:$R$366,ROW(INDEX(Jesper!AK$2:AK$366,ROUNDDOWN($C5821/24,0)+1,1))-1)+IF('Standard Profiles'!$G$21=$B$10,7,0)+IF('Standard Profiles'!$G$21=$B$17,14,0)+IF('Standard Profiles'!$G$21=$B$24,21,0),MOD($C5821,24)+1)/SUM(INDEX($D$3:$AA$30,INDEX(Jesper!$R$2:$R$366,ROW(INDEX(Jesper!AK$2:AK$366,ROUNDDOWN($C5821/24,0)+1,1))-1)+IF('Standard Profiles'!$G$21=$B$10,7,0)+IF('Standard Profiles'!$G$21=$B$17,14,0)+IF('Standard Profiles'!$G$21=$B$24,21,0),0)),0)</f>
        <v>0</v>
      </c>
      <c r="H5821" cm="1">
        <f t="array" ref="H5821">IFERROR(INDEX(Jesper!AL$2:AL$366,ROUNDDOWN($C5821/24,0)+1,1)*INDEX($D$3:$AA$30,INDEX(Jesper!$R$2:$R$366,ROW(INDEX(Jesper!AL$2:AL$366,ROUNDDOWN($C5821/24,0)+1,1))-1)+IF('Standard Profiles'!$G$22=$B$10,7,0)+IF('Standard Profiles'!$G$22=$B$17,14,0)+IF('Standard Profiles'!$G$22=$B$24,21,0),MOD($C5821,24)+1)/SUM(INDEX($D$3:$AA$30,INDEX(Jesper!$R$2:$R$366,ROW(INDEX(Jesper!AL$2:AL$366,ROUNDDOWN($C5821/24,0)+1,1))-1)+IF('Standard Profiles'!$G$22=$B$10,7,0)+IF('Standard Profiles'!$G$22=$B$17,14,0)+IF('Standard Profiles'!$G$22=$B$24,21,0),0)),0)</f>
        <v>0</v>
      </c>
      <c r="I5821">
        <f t="shared" si="650"/>
        <v>0.20887464657312629</v>
      </c>
      <c r="J5821">
        <f t="shared" si="651"/>
        <v>0.69624882191042103</v>
      </c>
      <c r="K5821">
        <f t="shared" si="652"/>
        <v>1.0443732328656314</v>
      </c>
      <c r="L5821">
        <f t="shared" si="653"/>
        <v>5.0129915177550313</v>
      </c>
      <c r="M5821">
        <f t="shared" si="654"/>
        <v>0</v>
      </c>
      <c r="N5821" s="46">
        <f t="shared" si="655"/>
        <v>45533.124999985965</v>
      </c>
    </row>
    <row r="5822" spans="2:14" x14ac:dyDescent="0.3">
      <c r="B5822">
        <f t="shared" si="649"/>
        <v>4</v>
      </c>
      <c r="C5822" s="16">
        <v>5788</v>
      </c>
      <c r="D5822" cm="1">
        <f t="array" ref="D5822">IFERROR(INDEX(Jesper!AH$2:AH$366,ROUNDDOWN($C5822/24,0)+1,1)*INDEX($D$3:$AA$30,INDEX(Jesper!$R$2:$R$366,ROW(INDEX(Jesper!AH$2:AH$366,ROUNDDOWN($C5822/24,0)+1,1))-1)+IF('Standard Profiles'!$G$18=$B$10,7,0)+IF('Standard Profiles'!$G$18=$B$17,14,0)+IF('Standard Profiles'!$G$18=$B$24,21,0),MOD($C5822,24)+1)/SUM(INDEX($D$3:$AA$30,INDEX(Jesper!$R$2:$R$366,ROW(INDEX(Jesper!AH$2:AH$366,ROUNDDOWN($C5822/24,0)+1,1))-1)+IF('Standard Profiles'!$G$18=$B$10,7,0)+IF('Standard Profiles'!$G$18=$B$17,14,0)+IF('Standard Profiles'!$G$18=$B$24,21,0),0)),0)</f>
        <v>6.9624882191042099</v>
      </c>
      <c r="E5822" cm="1">
        <f t="array" ref="E5822">IFERROR(INDEX(Jesper!AI$2:AI$366,ROUNDDOWN($C5822/24,0)+1,1)*INDEX($D$3:$AA$30,INDEX(Jesper!$R$2:$R$366,ROW(INDEX(Jesper!AI$2:AI$366,ROUNDDOWN($C5822/24,0)+1,1))-1)+IF('Standard Profiles'!$G$19=$B$10,7,0)+IF('Standard Profiles'!$G$19=$B$17,14,0)+IF('Standard Profiles'!$G$19=$B$24,21,0),MOD($C5822,24)+1)/SUM(INDEX($D$3:$AA$30,INDEX(Jesper!$R$2:$R$366,ROW(INDEX(Jesper!AI$2:AI$366,ROUNDDOWN($C5822/24,0)+1,1))-1)+IF('Standard Profiles'!$G$19=$B$10,7,0)+IF('Standard Profiles'!$G$19=$B$17,14,0)+IF('Standard Profiles'!$G$19=$B$24,21,0),0)),0)</f>
        <v>0</v>
      </c>
      <c r="F5822" cm="1">
        <f t="array" ref="F5822">IFERROR(INDEX(Jesper!AJ$2:AJ$366,ROUNDDOWN($C5822/24,0)+1,1)*INDEX($D$3:$AA$30,INDEX(Jesper!$R$2:$R$366,ROW(INDEX(Jesper!AJ$2:AJ$366,ROUNDDOWN($C5822/24,0)+1,1))-1)+IF('Standard Profiles'!$G$20=$B$10,7,0)+IF('Standard Profiles'!$G$20=$B$17,14,0)+IF('Standard Profiles'!$G$20=$B$24,21,0),MOD($C5822,24)+1)/SUM(INDEX($D$3:$AA$30,INDEX(Jesper!$R$2:$R$366,ROW(INDEX(Jesper!AJ$2:AJ$366,ROUNDDOWN($C5822/24,0)+1,1))-1)+IF('Standard Profiles'!$G$20=$B$10,7,0)+IF('Standard Profiles'!$G$20=$B$17,14,0)+IF('Standard Profiles'!$G$20=$B$24,21,0),0)),0)</f>
        <v>0</v>
      </c>
      <c r="G5822" cm="1">
        <f t="array" ref="G5822">IFERROR(INDEX(Jesper!AK$2:AK$366,ROUNDDOWN($C5822/24,0)+1,1)*INDEX($D$3:$AA$30,INDEX(Jesper!$R$2:$R$366,ROW(INDEX(Jesper!AK$2:AK$366,ROUNDDOWN($C5822/24,0)+1,1))-1)+IF('Standard Profiles'!$G$21=$B$10,7,0)+IF('Standard Profiles'!$G$21=$B$17,14,0)+IF('Standard Profiles'!$G$21=$B$24,21,0),MOD($C5822,24)+1)/SUM(INDEX($D$3:$AA$30,INDEX(Jesper!$R$2:$R$366,ROW(INDEX(Jesper!AK$2:AK$366,ROUNDDOWN($C5822/24,0)+1,1))-1)+IF('Standard Profiles'!$G$21=$B$10,7,0)+IF('Standard Profiles'!$G$21=$B$17,14,0)+IF('Standard Profiles'!$G$21=$B$24,21,0),0)),0)</f>
        <v>0</v>
      </c>
      <c r="H5822" cm="1">
        <f t="array" ref="H5822">IFERROR(INDEX(Jesper!AL$2:AL$366,ROUNDDOWN($C5822/24,0)+1,1)*INDEX($D$3:$AA$30,INDEX(Jesper!$R$2:$R$366,ROW(INDEX(Jesper!AL$2:AL$366,ROUNDDOWN($C5822/24,0)+1,1))-1)+IF('Standard Profiles'!$G$22=$B$10,7,0)+IF('Standard Profiles'!$G$22=$B$17,14,0)+IF('Standard Profiles'!$G$22=$B$24,21,0),MOD($C5822,24)+1)/SUM(INDEX($D$3:$AA$30,INDEX(Jesper!$R$2:$R$366,ROW(INDEX(Jesper!AL$2:AL$366,ROUNDDOWN($C5822/24,0)+1,1))-1)+IF('Standard Profiles'!$G$22=$B$10,7,0)+IF('Standard Profiles'!$G$22=$B$17,14,0)+IF('Standard Profiles'!$G$22=$B$24,21,0),0)),0)</f>
        <v>0</v>
      </c>
      <c r="I5822">
        <f t="shared" si="650"/>
        <v>0.20887464657312629</v>
      </c>
      <c r="J5822">
        <f t="shared" si="651"/>
        <v>0.69624882191042103</v>
      </c>
      <c r="K5822">
        <f t="shared" si="652"/>
        <v>1.0443732328656314</v>
      </c>
      <c r="L5822">
        <f t="shared" si="653"/>
        <v>5.0129915177550313</v>
      </c>
      <c r="M5822">
        <f t="shared" si="654"/>
        <v>0</v>
      </c>
      <c r="N5822" s="46">
        <f t="shared" si="655"/>
        <v>45533.166666652629</v>
      </c>
    </row>
    <row r="5823" spans="2:14" x14ac:dyDescent="0.3">
      <c r="B5823">
        <f t="shared" si="649"/>
        <v>4</v>
      </c>
      <c r="C5823" s="16">
        <v>5789</v>
      </c>
      <c r="D5823" cm="1">
        <f t="array" ref="D5823">IFERROR(INDEX(Jesper!AH$2:AH$366,ROUNDDOWN($C5823/24,0)+1,1)*INDEX($D$3:$AA$30,INDEX(Jesper!$R$2:$R$366,ROW(INDEX(Jesper!AH$2:AH$366,ROUNDDOWN($C5823/24,0)+1,1))-1)+IF('Standard Profiles'!$G$18=$B$10,7,0)+IF('Standard Profiles'!$G$18=$B$17,14,0)+IF('Standard Profiles'!$G$18=$B$24,21,0),MOD($C5823,24)+1)/SUM(INDEX($D$3:$AA$30,INDEX(Jesper!$R$2:$R$366,ROW(INDEX(Jesper!AH$2:AH$366,ROUNDDOWN($C5823/24,0)+1,1))-1)+IF('Standard Profiles'!$G$18=$B$10,7,0)+IF('Standard Profiles'!$G$18=$B$17,14,0)+IF('Standard Profiles'!$G$18=$B$24,21,0),0)),0)</f>
        <v>8.9738737046232053</v>
      </c>
      <c r="E5823" cm="1">
        <f t="array" ref="E5823">IFERROR(INDEX(Jesper!AI$2:AI$366,ROUNDDOWN($C5823/24,0)+1,1)*INDEX($D$3:$AA$30,INDEX(Jesper!$R$2:$R$366,ROW(INDEX(Jesper!AI$2:AI$366,ROUNDDOWN($C5823/24,0)+1,1))-1)+IF('Standard Profiles'!$G$19=$B$10,7,0)+IF('Standard Profiles'!$G$19=$B$17,14,0)+IF('Standard Profiles'!$G$19=$B$24,21,0),MOD($C5823,24)+1)/SUM(INDEX($D$3:$AA$30,INDEX(Jesper!$R$2:$R$366,ROW(INDEX(Jesper!AI$2:AI$366,ROUNDDOWN($C5823/24,0)+1,1))-1)+IF('Standard Profiles'!$G$19=$B$10,7,0)+IF('Standard Profiles'!$G$19=$B$17,14,0)+IF('Standard Profiles'!$G$19=$B$24,21,0),0)),0)</f>
        <v>0</v>
      </c>
      <c r="F5823" cm="1">
        <f t="array" ref="F5823">IFERROR(INDEX(Jesper!AJ$2:AJ$366,ROUNDDOWN($C5823/24,0)+1,1)*INDEX($D$3:$AA$30,INDEX(Jesper!$R$2:$R$366,ROW(INDEX(Jesper!AJ$2:AJ$366,ROUNDDOWN($C5823/24,0)+1,1))-1)+IF('Standard Profiles'!$G$20=$B$10,7,0)+IF('Standard Profiles'!$G$20=$B$17,14,0)+IF('Standard Profiles'!$G$20=$B$24,21,0),MOD($C5823,24)+1)/SUM(INDEX($D$3:$AA$30,INDEX(Jesper!$R$2:$R$366,ROW(INDEX(Jesper!AJ$2:AJ$366,ROUNDDOWN($C5823/24,0)+1,1))-1)+IF('Standard Profiles'!$G$20=$B$10,7,0)+IF('Standard Profiles'!$G$20=$B$17,14,0)+IF('Standard Profiles'!$G$20=$B$24,21,0),0)),0)</f>
        <v>0</v>
      </c>
      <c r="G5823" cm="1">
        <f t="array" ref="G5823">IFERROR(INDEX(Jesper!AK$2:AK$366,ROUNDDOWN($C5823/24,0)+1,1)*INDEX($D$3:$AA$30,INDEX(Jesper!$R$2:$R$366,ROW(INDEX(Jesper!AK$2:AK$366,ROUNDDOWN($C5823/24,0)+1,1))-1)+IF('Standard Profiles'!$G$21=$B$10,7,0)+IF('Standard Profiles'!$G$21=$B$17,14,0)+IF('Standard Profiles'!$G$21=$B$24,21,0),MOD($C5823,24)+1)/SUM(INDEX($D$3:$AA$30,INDEX(Jesper!$R$2:$R$366,ROW(INDEX(Jesper!AK$2:AK$366,ROUNDDOWN($C5823/24,0)+1,1))-1)+IF('Standard Profiles'!$G$21=$B$10,7,0)+IF('Standard Profiles'!$G$21=$B$17,14,0)+IF('Standard Profiles'!$G$21=$B$24,21,0),0)),0)</f>
        <v>0</v>
      </c>
      <c r="H5823" cm="1">
        <f t="array" ref="H5823">IFERROR(INDEX(Jesper!AL$2:AL$366,ROUNDDOWN($C5823/24,0)+1,1)*INDEX($D$3:$AA$30,INDEX(Jesper!$R$2:$R$366,ROW(INDEX(Jesper!AL$2:AL$366,ROUNDDOWN($C5823/24,0)+1,1))-1)+IF('Standard Profiles'!$G$22=$B$10,7,0)+IF('Standard Profiles'!$G$22=$B$17,14,0)+IF('Standard Profiles'!$G$22=$B$24,21,0),MOD($C5823,24)+1)/SUM(INDEX($D$3:$AA$30,INDEX(Jesper!$R$2:$R$366,ROW(INDEX(Jesper!AL$2:AL$366,ROUNDDOWN($C5823/24,0)+1,1))-1)+IF('Standard Profiles'!$G$22=$B$10,7,0)+IF('Standard Profiles'!$G$22=$B$17,14,0)+IF('Standard Profiles'!$G$22=$B$24,21,0),0)),0)</f>
        <v>0</v>
      </c>
      <c r="I5823">
        <f t="shared" si="650"/>
        <v>0.26921621113869615</v>
      </c>
      <c r="J5823">
        <f t="shared" si="651"/>
        <v>0.89738737046232053</v>
      </c>
      <c r="K5823">
        <f t="shared" si="652"/>
        <v>1.3460810556934808</v>
      </c>
      <c r="L5823">
        <f t="shared" si="653"/>
        <v>6.461189067328708</v>
      </c>
      <c r="M5823">
        <f t="shared" si="654"/>
        <v>0</v>
      </c>
      <c r="N5823" s="46">
        <f t="shared" si="655"/>
        <v>45533.208333319293</v>
      </c>
    </row>
    <row r="5824" spans="2:14" x14ac:dyDescent="0.3">
      <c r="B5824">
        <f t="shared" si="649"/>
        <v>4</v>
      </c>
      <c r="C5824" s="16">
        <v>5790</v>
      </c>
      <c r="D5824" cm="1">
        <f t="array" ref="D5824">IFERROR(INDEX(Jesper!AH$2:AH$366,ROUNDDOWN($C5824/24,0)+1,1)*INDEX($D$3:$AA$30,INDEX(Jesper!$R$2:$R$366,ROW(INDEX(Jesper!AH$2:AH$366,ROUNDDOWN($C5824/24,0)+1,1))-1)+IF('Standard Profiles'!$G$18=$B$10,7,0)+IF('Standard Profiles'!$G$18=$B$17,14,0)+IF('Standard Profiles'!$G$18=$B$24,21,0),MOD($C5824,24)+1)/SUM(INDEX($D$3:$AA$30,INDEX(Jesper!$R$2:$R$366,ROW(INDEX(Jesper!AH$2:AH$366,ROUNDDOWN($C5824/24,0)+1,1))-1)+IF('Standard Profiles'!$G$18=$B$10,7,0)+IF('Standard Profiles'!$G$18=$B$17,14,0)+IF('Standard Profiles'!$G$18=$B$24,21,0),0)),0)</f>
        <v>10.366371348444048</v>
      </c>
      <c r="E5824" cm="1">
        <f t="array" ref="E5824">IFERROR(INDEX(Jesper!AI$2:AI$366,ROUNDDOWN($C5824/24,0)+1,1)*INDEX($D$3:$AA$30,INDEX(Jesper!$R$2:$R$366,ROW(INDEX(Jesper!AI$2:AI$366,ROUNDDOWN($C5824/24,0)+1,1))-1)+IF('Standard Profiles'!$G$19=$B$10,7,0)+IF('Standard Profiles'!$G$19=$B$17,14,0)+IF('Standard Profiles'!$G$19=$B$24,21,0),MOD($C5824,24)+1)/SUM(INDEX($D$3:$AA$30,INDEX(Jesper!$R$2:$R$366,ROW(INDEX(Jesper!AI$2:AI$366,ROUNDDOWN($C5824/24,0)+1,1))-1)+IF('Standard Profiles'!$G$19=$B$10,7,0)+IF('Standard Profiles'!$G$19=$B$17,14,0)+IF('Standard Profiles'!$G$19=$B$24,21,0),0)),0)</f>
        <v>0</v>
      </c>
      <c r="F5824" cm="1">
        <f t="array" ref="F5824">IFERROR(INDEX(Jesper!AJ$2:AJ$366,ROUNDDOWN($C5824/24,0)+1,1)*INDEX($D$3:$AA$30,INDEX(Jesper!$R$2:$R$366,ROW(INDEX(Jesper!AJ$2:AJ$366,ROUNDDOWN($C5824/24,0)+1,1))-1)+IF('Standard Profiles'!$G$20=$B$10,7,0)+IF('Standard Profiles'!$G$20=$B$17,14,0)+IF('Standard Profiles'!$G$20=$B$24,21,0),MOD($C5824,24)+1)/SUM(INDEX($D$3:$AA$30,INDEX(Jesper!$R$2:$R$366,ROW(INDEX(Jesper!AJ$2:AJ$366,ROUNDDOWN($C5824/24,0)+1,1))-1)+IF('Standard Profiles'!$G$20=$B$10,7,0)+IF('Standard Profiles'!$G$20=$B$17,14,0)+IF('Standard Profiles'!$G$20=$B$24,21,0),0)),0)</f>
        <v>0</v>
      </c>
      <c r="G5824" cm="1">
        <f t="array" ref="G5824">IFERROR(INDEX(Jesper!AK$2:AK$366,ROUNDDOWN($C5824/24,0)+1,1)*INDEX($D$3:$AA$30,INDEX(Jesper!$R$2:$R$366,ROW(INDEX(Jesper!AK$2:AK$366,ROUNDDOWN($C5824/24,0)+1,1))-1)+IF('Standard Profiles'!$G$21=$B$10,7,0)+IF('Standard Profiles'!$G$21=$B$17,14,0)+IF('Standard Profiles'!$G$21=$B$24,21,0),MOD($C5824,24)+1)/SUM(INDEX($D$3:$AA$30,INDEX(Jesper!$R$2:$R$366,ROW(INDEX(Jesper!AK$2:AK$366,ROUNDDOWN($C5824/24,0)+1,1))-1)+IF('Standard Profiles'!$G$21=$B$10,7,0)+IF('Standard Profiles'!$G$21=$B$17,14,0)+IF('Standard Profiles'!$G$21=$B$24,21,0),0)),0)</f>
        <v>0</v>
      </c>
      <c r="H5824" cm="1">
        <f t="array" ref="H5824">IFERROR(INDEX(Jesper!AL$2:AL$366,ROUNDDOWN($C5824/24,0)+1,1)*INDEX($D$3:$AA$30,INDEX(Jesper!$R$2:$R$366,ROW(INDEX(Jesper!AL$2:AL$366,ROUNDDOWN($C5824/24,0)+1,1))-1)+IF('Standard Profiles'!$G$22=$B$10,7,0)+IF('Standard Profiles'!$G$22=$B$17,14,0)+IF('Standard Profiles'!$G$22=$B$24,21,0),MOD($C5824,24)+1)/SUM(INDEX($D$3:$AA$30,INDEX(Jesper!$R$2:$R$366,ROW(INDEX(Jesper!AL$2:AL$366,ROUNDDOWN($C5824/24,0)+1,1))-1)+IF('Standard Profiles'!$G$22=$B$10,7,0)+IF('Standard Profiles'!$G$22=$B$17,14,0)+IF('Standard Profiles'!$G$22=$B$24,21,0),0)),0)</f>
        <v>0</v>
      </c>
      <c r="I5824">
        <f t="shared" si="650"/>
        <v>0.31099114045332144</v>
      </c>
      <c r="J5824">
        <f t="shared" si="651"/>
        <v>1.0366371348444048</v>
      </c>
      <c r="K5824">
        <f t="shared" si="652"/>
        <v>1.5549557022666072</v>
      </c>
      <c r="L5824">
        <f t="shared" si="653"/>
        <v>7.4637873708797144</v>
      </c>
      <c r="M5824">
        <f t="shared" si="654"/>
        <v>0</v>
      </c>
      <c r="N5824" s="46">
        <f t="shared" si="655"/>
        <v>45533.249999985957</v>
      </c>
    </row>
    <row r="5825" spans="2:14" x14ac:dyDescent="0.3">
      <c r="B5825">
        <f t="shared" si="649"/>
        <v>4</v>
      </c>
      <c r="C5825" s="16">
        <v>5791</v>
      </c>
      <c r="D5825" cm="1">
        <f t="array" ref="D5825">IFERROR(INDEX(Jesper!AH$2:AH$366,ROUNDDOWN($C5825/24,0)+1,1)*INDEX($D$3:$AA$30,INDEX(Jesper!$R$2:$R$366,ROW(INDEX(Jesper!AH$2:AH$366,ROUNDDOWN($C5825/24,0)+1,1))-1)+IF('Standard Profiles'!$G$18=$B$10,7,0)+IF('Standard Profiles'!$G$18=$B$17,14,0)+IF('Standard Profiles'!$G$18=$B$24,21,0),MOD($C5825,24)+1)/SUM(INDEX($D$3:$AA$30,INDEX(Jesper!$R$2:$R$366,ROW(INDEX(Jesper!AH$2:AH$366,ROUNDDOWN($C5825/24,0)+1,1))-1)+IF('Standard Profiles'!$G$18=$B$10,7,0)+IF('Standard Profiles'!$G$18=$B$17,14,0)+IF('Standard Profiles'!$G$18=$B$24,21,0),0)),0)</f>
        <v>10.366371348444048</v>
      </c>
      <c r="E5825" cm="1">
        <f t="array" ref="E5825">IFERROR(INDEX(Jesper!AI$2:AI$366,ROUNDDOWN($C5825/24,0)+1,1)*INDEX($D$3:$AA$30,INDEX(Jesper!$R$2:$R$366,ROW(INDEX(Jesper!AI$2:AI$366,ROUNDDOWN($C5825/24,0)+1,1))-1)+IF('Standard Profiles'!$G$19=$B$10,7,0)+IF('Standard Profiles'!$G$19=$B$17,14,0)+IF('Standard Profiles'!$G$19=$B$24,21,0),MOD($C5825,24)+1)/SUM(INDEX($D$3:$AA$30,INDEX(Jesper!$R$2:$R$366,ROW(INDEX(Jesper!AI$2:AI$366,ROUNDDOWN($C5825/24,0)+1,1))-1)+IF('Standard Profiles'!$G$19=$B$10,7,0)+IF('Standard Profiles'!$G$19=$B$17,14,0)+IF('Standard Profiles'!$G$19=$B$24,21,0),0)),0)</f>
        <v>0</v>
      </c>
      <c r="F5825" cm="1">
        <f t="array" ref="F5825">IFERROR(INDEX(Jesper!AJ$2:AJ$366,ROUNDDOWN($C5825/24,0)+1,1)*INDEX($D$3:$AA$30,INDEX(Jesper!$R$2:$R$366,ROW(INDEX(Jesper!AJ$2:AJ$366,ROUNDDOWN($C5825/24,0)+1,1))-1)+IF('Standard Profiles'!$G$20=$B$10,7,0)+IF('Standard Profiles'!$G$20=$B$17,14,0)+IF('Standard Profiles'!$G$20=$B$24,21,0),MOD($C5825,24)+1)/SUM(INDEX($D$3:$AA$30,INDEX(Jesper!$R$2:$R$366,ROW(INDEX(Jesper!AJ$2:AJ$366,ROUNDDOWN($C5825/24,0)+1,1))-1)+IF('Standard Profiles'!$G$20=$B$10,7,0)+IF('Standard Profiles'!$G$20=$B$17,14,0)+IF('Standard Profiles'!$G$20=$B$24,21,0),0)),0)</f>
        <v>0</v>
      </c>
      <c r="G5825" cm="1">
        <f t="array" ref="G5825">IFERROR(INDEX(Jesper!AK$2:AK$366,ROUNDDOWN($C5825/24,0)+1,1)*INDEX($D$3:$AA$30,INDEX(Jesper!$R$2:$R$366,ROW(INDEX(Jesper!AK$2:AK$366,ROUNDDOWN($C5825/24,0)+1,1))-1)+IF('Standard Profiles'!$G$21=$B$10,7,0)+IF('Standard Profiles'!$G$21=$B$17,14,0)+IF('Standard Profiles'!$G$21=$B$24,21,0),MOD($C5825,24)+1)/SUM(INDEX($D$3:$AA$30,INDEX(Jesper!$R$2:$R$366,ROW(INDEX(Jesper!AK$2:AK$366,ROUNDDOWN($C5825/24,0)+1,1))-1)+IF('Standard Profiles'!$G$21=$B$10,7,0)+IF('Standard Profiles'!$G$21=$B$17,14,0)+IF('Standard Profiles'!$G$21=$B$24,21,0),0)),0)</f>
        <v>0</v>
      </c>
      <c r="H5825" cm="1">
        <f t="array" ref="H5825">IFERROR(INDEX(Jesper!AL$2:AL$366,ROUNDDOWN($C5825/24,0)+1,1)*INDEX($D$3:$AA$30,INDEX(Jesper!$R$2:$R$366,ROW(INDEX(Jesper!AL$2:AL$366,ROUNDDOWN($C5825/24,0)+1,1))-1)+IF('Standard Profiles'!$G$22=$B$10,7,0)+IF('Standard Profiles'!$G$22=$B$17,14,0)+IF('Standard Profiles'!$G$22=$B$24,21,0),MOD($C5825,24)+1)/SUM(INDEX($D$3:$AA$30,INDEX(Jesper!$R$2:$R$366,ROW(INDEX(Jesper!AL$2:AL$366,ROUNDDOWN($C5825/24,0)+1,1))-1)+IF('Standard Profiles'!$G$22=$B$10,7,0)+IF('Standard Profiles'!$G$22=$B$17,14,0)+IF('Standard Profiles'!$G$22=$B$24,21,0),0)),0)</f>
        <v>0</v>
      </c>
      <c r="I5825">
        <f t="shared" si="650"/>
        <v>0.31099114045332144</v>
      </c>
      <c r="J5825">
        <f t="shared" si="651"/>
        <v>1.0366371348444048</v>
      </c>
      <c r="K5825">
        <f t="shared" si="652"/>
        <v>1.5549557022666072</v>
      </c>
      <c r="L5825">
        <f t="shared" si="653"/>
        <v>7.4637873708797144</v>
      </c>
      <c r="M5825">
        <f t="shared" si="654"/>
        <v>0</v>
      </c>
      <c r="N5825" s="46">
        <f t="shared" si="655"/>
        <v>45533.291666652622</v>
      </c>
    </row>
    <row r="5826" spans="2:14" x14ac:dyDescent="0.3">
      <c r="B5826">
        <f t="shared" si="649"/>
        <v>4</v>
      </c>
      <c r="C5826" s="16">
        <v>5792</v>
      </c>
      <c r="D5826" cm="1">
        <f t="array" ref="D5826">IFERROR(INDEX(Jesper!AH$2:AH$366,ROUNDDOWN($C5826/24,0)+1,1)*INDEX($D$3:$AA$30,INDEX(Jesper!$R$2:$R$366,ROW(INDEX(Jesper!AH$2:AH$366,ROUNDDOWN($C5826/24,0)+1,1))-1)+IF('Standard Profiles'!$G$18=$B$10,7,0)+IF('Standard Profiles'!$G$18=$B$17,14,0)+IF('Standard Profiles'!$G$18=$B$24,21,0),MOD($C5826,24)+1)/SUM(INDEX($D$3:$AA$30,INDEX(Jesper!$R$2:$R$366,ROW(INDEX(Jesper!AH$2:AH$366,ROUNDDOWN($C5826/24,0)+1,1))-1)+IF('Standard Profiles'!$G$18=$B$10,7,0)+IF('Standard Profiles'!$G$18=$B$17,14,0)+IF('Standard Profiles'!$G$18=$B$24,21,0),0)),0)</f>
        <v>10.366371348444048</v>
      </c>
      <c r="E5826" cm="1">
        <f t="array" ref="E5826">IFERROR(INDEX(Jesper!AI$2:AI$366,ROUNDDOWN($C5826/24,0)+1,1)*INDEX($D$3:$AA$30,INDEX(Jesper!$R$2:$R$366,ROW(INDEX(Jesper!AI$2:AI$366,ROUNDDOWN($C5826/24,0)+1,1))-1)+IF('Standard Profiles'!$G$19=$B$10,7,0)+IF('Standard Profiles'!$G$19=$B$17,14,0)+IF('Standard Profiles'!$G$19=$B$24,21,0),MOD($C5826,24)+1)/SUM(INDEX($D$3:$AA$30,INDEX(Jesper!$R$2:$R$366,ROW(INDEX(Jesper!AI$2:AI$366,ROUNDDOWN($C5826/24,0)+1,1))-1)+IF('Standard Profiles'!$G$19=$B$10,7,0)+IF('Standard Profiles'!$G$19=$B$17,14,0)+IF('Standard Profiles'!$G$19=$B$24,21,0),0)),0)</f>
        <v>0</v>
      </c>
      <c r="F5826" cm="1">
        <f t="array" ref="F5826">IFERROR(INDEX(Jesper!AJ$2:AJ$366,ROUNDDOWN($C5826/24,0)+1,1)*INDEX($D$3:$AA$30,INDEX(Jesper!$R$2:$R$366,ROW(INDEX(Jesper!AJ$2:AJ$366,ROUNDDOWN($C5826/24,0)+1,1))-1)+IF('Standard Profiles'!$G$20=$B$10,7,0)+IF('Standard Profiles'!$G$20=$B$17,14,0)+IF('Standard Profiles'!$G$20=$B$24,21,0),MOD($C5826,24)+1)/SUM(INDEX($D$3:$AA$30,INDEX(Jesper!$R$2:$R$366,ROW(INDEX(Jesper!AJ$2:AJ$366,ROUNDDOWN($C5826/24,0)+1,1))-1)+IF('Standard Profiles'!$G$20=$B$10,7,0)+IF('Standard Profiles'!$G$20=$B$17,14,0)+IF('Standard Profiles'!$G$20=$B$24,21,0),0)),0)</f>
        <v>0</v>
      </c>
      <c r="G5826" cm="1">
        <f t="array" ref="G5826">IFERROR(INDEX(Jesper!AK$2:AK$366,ROUNDDOWN($C5826/24,0)+1,1)*INDEX($D$3:$AA$30,INDEX(Jesper!$R$2:$R$366,ROW(INDEX(Jesper!AK$2:AK$366,ROUNDDOWN($C5826/24,0)+1,1))-1)+IF('Standard Profiles'!$G$21=$B$10,7,0)+IF('Standard Profiles'!$G$21=$B$17,14,0)+IF('Standard Profiles'!$G$21=$B$24,21,0),MOD($C5826,24)+1)/SUM(INDEX($D$3:$AA$30,INDEX(Jesper!$R$2:$R$366,ROW(INDEX(Jesper!AK$2:AK$366,ROUNDDOWN($C5826/24,0)+1,1))-1)+IF('Standard Profiles'!$G$21=$B$10,7,0)+IF('Standard Profiles'!$G$21=$B$17,14,0)+IF('Standard Profiles'!$G$21=$B$24,21,0),0)),0)</f>
        <v>0</v>
      </c>
      <c r="H5826" cm="1">
        <f t="array" ref="H5826">IFERROR(INDEX(Jesper!AL$2:AL$366,ROUNDDOWN($C5826/24,0)+1,1)*INDEX($D$3:$AA$30,INDEX(Jesper!$R$2:$R$366,ROW(INDEX(Jesper!AL$2:AL$366,ROUNDDOWN($C5826/24,0)+1,1))-1)+IF('Standard Profiles'!$G$22=$B$10,7,0)+IF('Standard Profiles'!$G$22=$B$17,14,0)+IF('Standard Profiles'!$G$22=$B$24,21,0),MOD($C5826,24)+1)/SUM(INDEX($D$3:$AA$30,INDEX(Jesper!$R$2:$R$366,ROW(INDEX(Jesper!AL$2:AL$366,ROUNDDOWN($C5826/24,0)+1,1))-1)+IF('Standard Profiles'!$G$22=$B$10,7,0)+IF('Standard Profiles'!$G$22=$B$17,14,0)+IF('Standard Profiles'!$G$22=$B$24,21,0),0)),0)</f>
        <v>0</v>
      </c>
      <c r="I5826">
        <f t="shared" si="650"/>
        <v>0.31099114045332144</v>
      </c>
      <c r="J5826">
        <f t="shared" si="651"/>
        <v>1.0366371348444048</v>
      </c>
      <c r="K5826">
        <f t="shared" si="652"/>
        <v>1.5549557022666072</v>
      </c>
      <c r="L5826">
        <f t="shared" si="653"/>
        <v>7.4637873708797144</v>
      </c>
      <c r="M5826">
        <f t="shared" si="654"/>
        <v>0</v>
      </c>
      <c r="N5826" s="46">
        <f t="shared" si="655"/>
        <v>45533.333333319286</v>
      </c>
    </row>
    <row r="5827" spans="2:14" x14ac:dyDescent="0.3">
      <c r="B5827">
        <f t="shared" si="649"/>
        <v>4</v>
      </c>
      <c r="C5827" s="16">
        <v>5793</v>
      </c>
      <c r="D5827" cm="1">
        <f t="array" ref="D5827">IFERROR(INDEX(Jesper!AH$2:AH$366,ROUNDDOWN($C5827/24,0)+1,1)*INDEX($D$3:$AA$30,INDEX(Jesper!$R$2:$R$366,ROW(INDEX(Jesper!AH$2:AH$366,ROUNDDOWN($C5827/24,0)+1,1))-1)+IF('Standard Profiles'!$G$18=$B$10,7,0)+IF('Standard Profiles'!$G$18=$B$17,14,0)+IF('Standard Profiles'!$G$18=$B$24,21,0),MOD($C5827,24)+1)/SUM(INDEX($D$3:$AA$30,INDEX(Jesper!$R$2:$R$366,ROW(INDEX(Jesper!AH$2:AH$366,ROUNDDOWN($C5827/24,0)+1,1))-1)+IF('Standard Profiles'!$G$18=$B$10,7,0)+IF('Standard Profiles'!$G$18=$B$17,14,0)+IF('Standard Profiles'!$G$18=$B$24,21,0),0)),0)</f>
        <v>11.139981150566738</v>
      </c>
      <c r="E5827" cm="1">
        <f t="array" ref="E5827">IFERROR(INDEX(Jesper!AI$2:AI$366,ROUNDDOWN($C5827/24,0)+1,1)*INDEX($D$3:$AA$30,INDEX(Jesper!$R$2:$R$366,ROW(INDEX(Jesper!AI$2:AI$366,ROUNDDOWN($C5827/24,0)+1,1))-1)+IF('Standard Profiles'!$G$19=$B$10,7,0)+IF('Standard Profiles'!$G$19=$B$17,14,0)+IF('Standard Profiles'!$G$19=$B$24,21,0),MOD($C5827,24)+1)/SUM(INDEX($D$3:$AA$30,INDEX(Jesper!$R$2:$R$366,ROW(INDEX(Jesper!AI$2:AI$366,ROUNDDOWN($C5827/24,0)+1,1))-1)+IF('Standard Profiles'!$G$19=$B$10,7,0)+IF('Standard Profiles'!$G$19=$B$17,14,0)+IF('Standard Profiles'!$G$19=$B$24,21,0),0)),0)</f>
        <v>0</v>
      </c>
      <c r="F5827" cm="1">
        <f t="array" ref="F5827">IFERROR(INDEX(Jesper!AJ$2:AJ$366,ROUNDDOWN($C5827/24,0)+1,1)*INDEX($D$3:$AA$30,INDEX(Jesper!$R$2:$R$366,ROW(INDEX(Jesper!AJ$2:AJ$366,ROUNDDOWN($C5827/24,0)+1,1))-1)+IF('Standard Profiles'!$G$20=$B$10,7,0)+IF('Standard Profiles'!$G$20=$B$17,14,0)+IF('Standard Profiles'!$G$20=$B$24,21,0),MOD($C5827,24)+1)/SUM(INDEX($D$3:$AA$30,INDEX(Jesper!$R$2:$R$366,ROW(INDEX(Jesper!AJ$2:AJ$366,ROUNDDOWN($C5827/24,0)+1,1))-1)+IF('Standard Profiles'!$G$20=$B$10,7,0)+IF('Standard Profiles'!$G$20=$B$17,14,0)+IF('Standard Profiles'!$G$20=$B$24,21,0),0)),0)</f>
        <v>0</v>
      </c>
      <c r="G5827" cm="1">
        <f t="array" ref="G5827">IFERROR(INDEX(Jesper!AK$2:AK$366,ROUNDDOWN($C5827/24,0)+1,1)*INDEX($D$3:$AA$30,INDEX(Jesper!$R$2:$R$366,ROW(INDEX(Jesper!AK$2:AK$366,ROUNDDOWN($C5827/24,0)+1,1))-1)+IF('Standard Profiles'!$G$21=$B$10,7,0)+IF('Standard Profiles'!$G$21=$B$17,14,0)+IF('Standard Profiles'!$G$21=$B$24,21,0),MOD($C5827,24)+1)/SUM(INDEX($D$3:$AA$30,INDEX(Jesper!$R$2:$R$366,ROW(INDEX(Jesper!AK$2:AK$366,ROUNDDOWN($C5827/24,0)+1,1))-1)+IF('Standard Profiles'!$G$21=$B$10,7,0)+IF('Standard Profiles'!$G$21=$B$17,14,0)+IF('Standard Profiles'!$G$21=$B$24,21,0),0)),0)</f>
        <v>0</v>
      </c>
      <c r="H5827" cm="1">
        <f t="array" ref="H5827">IFERROR(INDEX(Jesper!AL$2:AL$366,ROUNDDOWN($C5827/24,0)+1,1)*INDEX($D$3:$AA$30,INDEX(Jesper!$R$2:$R$366,ROW(INDEX(Jesper!AL$2:AL$366,ROUNDDOWN($C5827/24,0)+1,1))-1)+IF('Standard Profiles'!$G$22=$B$10,7,0)+IF('Standard Profiles'!$G$22=$B$17,14,0)+IF('Standard Profiles'!$G$22=$B$24,21,0),MOD($C5827,24)+1)/SUM(INDEX($D$3:$AA$30,INDEX(Jesper!$R$2:$R$366,ROW(INDEX(Jesper!AL$2:AL$366,ROUNDDOWN($C5827/24,0)+1,1))-1)+IF('Standard Profiles'!$G$22=$B$10,7,0)+IF('Standard Profiles'!$G$22=$B$17,14,0)+IF('Standard Profiles'!$G$22=$B$24,21,0),0)),0)</f>
        <v>0</v>
      </c>
      <c r="I5827">
        <f t="shared" si="650"/>
        <v>0.33419943451700213</v>
      </c>
      <c r="J5827">
        <f t="shared" si="651"/>
        <v>1.1139981150566738</v>
      </c>
      <c r="K5827">
        <f t="shared" si="652"/>
        <v>1.6709971725850108</v>
      </c>
      <c r="L5827">
        <f t="shared" si="653"/>
        <v>8.0207864284080514</v>
      </c>
      <c r="M5827">
        <f t="shared" si="654"/>
        <v>0</v>
      </c>
      <c r="N5827" s="46">
        <f t="shared" si="655"/>
        <v>45533.37499998595</v>
      </c>
    </row>
    <row r="5828" spans="2:14" x14ac:dyDescent="0.3">
      <c r="B5828">
        <f t="shared" si="649"/>
        <v>4</v>
      </c>
      <c r="C5828" s="16">
        <v>5794</v>
      </c>
      <c r="D5828" cm="1">
        <f t="array" ref="D5828">IFERROR(INDEX(Jesper!AH$2:AH$366,ROUNDDOWN($C5828/24,0)+1,1)*INDEX($D$3:$AA$30,INDEX(Jesper!$R$2:$R$366,ROW(INDEX(Jesper!AH$2:AH$366,ROUNDDOWN($C5828/24,0)+1,1))-1)+IF('Standard Profiles'!$G$18=$B$10,7,0)+IF('Standard Profiles'!$G$18=$B$17,14,0)+IF('Standard Profiles'!$G$18=$B$24,21,0),MOD($C5828,24)+1)/SUM(INDEX($D$3:$AA$30,INDEX(Jesper!$R$2:$R$366,ROW(INDEX(Jesper!AH$2:AH$366,ROUNDDOWN($C5828/24,0)+1,1))-1)+IF('Standard Profiles'!$G$18=$B$10,7,0)+IF('Standard Profiles'!$G$18=$B$17,14,0)+IF('Standard Profiles'!$G$18=$B$24,21,0),0)),0)</f>
        <v>12.068312913113965</v>
      </c>
      <c r="E5828" cm="1">
        <f t="array" ref="E5828">IFERROR(INDEX(Jesper!AI$2:AI$366,ROUNDDOWN($C5828/24,0)+1,1)*INDEX($D$3:$AA$30,INDEX(Jesper!$R$2:$R$366,ROW(INDEX(Jesper!AI$2:AI$366,ROUNDDOWN($C5828/24,0)+1,1))-1)+IF('Standard Profiles'!$G$19=$B$10,7,0)+IF('Standard Profiles'!$G$19=$B$17,14,0)+IF('Standard Profiles'!$G$19=$B$24,21,0),MOD($C5828,24)+1)/SUM(INDEX($D$3:$AA$30,INDEX(Jesper!$R$2:$R$366,ROW(INDEX(Jesper!AI$2:AI$366,ROUNDDOWN($C5828/24,0)+1,1))-1)+IF('Standard Profiles'!$G$19=$B$10,7,0)+IF('Standard Profiles'!$G$19=$B$17,14,0)+IF('Standard Profiles'!$G$19=$B$24,21,0),0)),0)</f>
        <v>0</v>
      </c>
      <c r="F5828" cm="1">
        <f t="array" ref="F5828">IFERROR(INDEX(Jesper!AJ$2:AJ$366,ROUNDDOWN($C5828/24,0)+1,1)*INDEX($D$3:$AA$30,INDEX(Jesper!$R$2:$R$366,ROW(INDEX(Jesper!AJ$2:AJ$366,ROUNDDOWN($C5828/24,0)+1,1))-1)+IF('Standard Profiles'!$G$20=$B$10,7,0)+IF('Standard Profiles'!$G$20=$B$17,14,0)+IF('Standard Profiles'!$G$20=$B$24,21,0),MOD($C5828,24)+1)/SUM(INDEX($D$3:$AA$30,INDEX(Jesper!$R$2:$R$366,ROW(INDEX(Jesper!AJ$2:AJ$366,ROUNDDOWN($C5828/24,0)+1,1))-1)+IF('Standard Profiles'!$G$20=$B$10,7,0)+IF('Standard Profiles'!$G$20=$B$17,14,0)+IF('Standard Profiles'!$G$20=$B$24,21,0),0)),0)</f>
        <v>0</v>
      </c>
      <c r="G5828" cm="1">
        <f t="array" ref="G5828">IFERROR(INDEX(Jesper!AK$2:AK$366,ROUNDDOWN($C5828/24,0)+1,1)*INDEX($D$3:$AA$30,INDEX(Jesper!$R$2:$R$366,ROW(INDEX(Jesper!AK$2:AK$366,ROUNDDOWN($C5828/24,0)+1,1))-1)+IF('Standard Profiles'!$G$21=$B$10,7,0)+IF('Standard Profiles'!$G$21=$B$17,14,0)+IF('Standard Profiles'!$G$21=$B$24,21,0),MOD($C5828,24)+1)/SUM(INDEX($D$3:$AA$30,INDEX(Jesper!$R$2:$R$366,ROW(INDEX(Jesper!AK$2:AK$366,ROUNDDOWN($C5828/24,0)+1,1))-1)+IF('Standard Profiles'!$G$21=$B$10,7,0)+IF('Standard Profiles'!$G$21=$B$17,14,0)+IF('Standard Profiles'!$G$21=$B$24,21,0),0)),0)</f>
        <v>0</v>
      </c>
      <c r="H5828" cm="1">
        <f t="array" ref="H5828">IFERROR(INDEX(Jesper!AL$2:AL$366,ROUNDDOWN($C5828/24,0)+1,1)*INDEX($D$3:$AA$30,INDEX(Jesper!$R$2:$R$366,ROW(INDEX(Jesper!AL$2:AL$366,ROUNDDOWN($C5828/24,0)+1,1))-1)+IF('Standard Profiles'!$G$22=$B$10,7,0)+IF('Standard Profiles'!$G$22=$B$17,14,0)+IF('Standard Profiles'!$G$22=$B$24,21,0),MOD($C5828,24)+1)/SUM(INDEX($D$3:$AA$30,INDEX(Jesper!$R$2:$R$366,ROW(INDEX(Jesper!AL$2:AL$366,ROUNDDOWN($C5828/24,0)+1,1))-1)+IF('Standard Profiles'!$G$22=$B$10,7,0)+IF('Standard Profiles'!$G$22=$B$17,14,0)+IF('Standard Profiles'!$G$22=$B$24,21,0),0)),0)</f>
        <v>0</v>
      </c>
      <c r="I5828">
        <f t="shared" si="650"/>
        <v>0.36204938739341896</v>
      </c>
      <c r="J5828">
        <f t="shared" si="651"/>
        <v>1.2068312913113965</v>
      </c>
      <c r="K5828">
        <f t="shared" si="652"/>
        <v>1.8102469369670948</v>
      </c>
      <c r="L5828">
        <f t="shared" si="653"/>
        <v>8.6891852974420551</v>
      </c>
      <c r="M5828">
        <f t="shared" si="654"/>
        <v>0</v>
      </c>
      <c r="N5828" s="46">
        <f t="shared" si="655"/>
        <v>45533.416666652614</v>
      </c>
    </row>
    <row r="5829" spans="2:14" x14ac:dyDescent="0.3">
      <c r="B5829">
        <f t="shared" si="649"/>
        <v>4</v>
      </c>
      <c r="C5829" s="16">
        <v>5795</v>
      </c>
      <c r="D5829" cm="1">
        <f t="array" ref="D5829">IFERROR(INDEX(Jesper!AH$2:AH$366,ROUNDDOWN($C5829/24,0)+1,1)*INDEX($D$3:$AA$30,INDEX(Jesper!$R$2:$R$366,ROW(INDEX(Jesper!AH$2:AH$366,ROUNDDOWN($C5829/24,0)+1,1))-1)+IF('Standard Profiles'!$G$18=$B$10,7,0)+IF('Standard Profiles'!$G$18=$B$17,14,0)+IF('Standard Profiles'!$G$18=$B$24,21,0),MOD($C5829,24)+1)/SUM(INDEX($D$3:$AA$30,INDEX(Jesper!$R$2:$R$366,ROW(INDEX(Jesper!AH$2:AH$366,ROUNDDOWN($C5829/24,0)+1,1))-1)+IF('Standard Profiles'!$G$18=$B$10,7,0)+IF('Standard Profiles'!$G$18=$B$17,14,0)+IF('Standard Profiles'!$G$18=$B$24,21,0),0)),0)</f>
        <v>13.92497643820842</v>
      </c>
      <c r="E5829" cm="1">
        <f t="array" ref="E5829">IFERROR(INDEX(Jesper!AI$2:AI$366,ROUNDDOWN($C5829/24,0)+1,1)*INDEX($D$3:$AA$30,INDEX(Jesper!$R$2:$R$366,ROW(INDEX(Jesper!AI$2:AI$366,ROUNDDOWN($C5829/24,0)+1,1))-1)+IF('Standard Profiles'!$G$19=$B$10,7,0)+IF('Standard Profiles'!$G$19=$B$17,14,0)+IF('Standard Profiles'!$G$19=$B$24,21,0),MOD($C5829,24)+1)/SUM(INDEX($D$3:$AA$30,INDEX(Jesper!$R$2:$R$366,ROW(INDEX(Jesper!AI$2:AI$366,ROUNDDOWN($C5829/24,0)+1,1))-1)+IF('Standard Profiles'!$G$19=$B$10,7,0)+IF('Standard Profiles'!$G$19=$B$17,14,0)+IF('Standard Profiles'!$G$19=$B$24,21,0),0)),0)</f>
        <v>0</v>
      </c>
      <c r="F5829" cm="1">
        <f t="array" ref="F5829">IFERROR(INDEX(Jesper!AJ$2:AJ$366,ROUNDDOWN($C5829/24,0)+1,1)*INDEX($D$3:$AA$30,INDEX(Jesper!$R$2:$R$366,ROW(INDEX(Jesper!AJ$2:AJ$366,ROUNDDOWN($C5829/24,0)+1,1))-1)+IF('Standard Profiles'!$G$20=$B$10,7,0)+IF('Standard Profiles'!$G$20=$B$17,14,0)+IF('Standard Profiles'!$G$20=$B$24,21,0),MOD($C5829,24)+1)/SUM(INDEX($D$3:$AA$30,INDEX(Jesper!$R$2:$R$366,ROW(INDEX(Jesper!AJ$2:AJ$366,ROUNDDOWN($C5829/24,0)+1,1))-1)+IF('Standard Profiles'!$G$20=$B$10,7,0)+IF('Standard Profiles'!$G$20=$B$17,14,0)+IF('Standard Profiles'!$G$20=$B$24,21,0),0)),0)</f>
        <v>0</v>
      </c>
      <c r="G5829" cm="1">
        <f t="array" ref="G5829">IFERROR(INDEX(Jesper!AK$2:AK$366,ROUNDDOWN($C5829/24,0)+1,1)*INDEX($D$3:$AA$30,INDEX(Jesper!$R$2:$R$366,ROW(INDEX(Jesper!AK$2:AK$366,ROUNDDOWN($C5829/24,0)+1,1))-1)+IF('Standard Profiles'!$G$21=$B$10,7,0)+IF('Standard Profiles'!$G$21=$B$17,14,0)+IF('Standard Profiles'!$G$21=$B$24,21,0),MOD($C5829,24)+1)/SUM(INDEX($D$3:$AA$30,INDEX(Jesper!$R$2:$R$366,ROW(INDEX(Jesper!AK$2:AK$366,ROUNDDOWN($C5829/24,0)+1,1))-1)+IF('Standard Profiles'!$G$21=$B$10,7,0)+IF('Standard Profiles'!$G$21=$B$17,14,0)+IF('Standard Profiles'!$G$21=$B$24,21,0),0)),0)</f>
        <v>0</v>
      </c>
      <c r="H5829" cm="1">
        <f t="array" ref="H5829">IFERROR(INDEX(Jesper!AL$2:AL$366,ROUNDDOWN($C5829/24,0)+1,1)*INDEX($D$3:$AA$30,INDEX(Jesper!$R$2:$R$366,ROW(INDEX(Jesper!AL$2:AL$366,ROUNDDOWN($C5829/24,0)+1,1))-1)+IF('Standard Profiles'!$G$22=$B$10,7,0)+IF('Standard Profiles'!$G$22=$B$17,14,0)+IF('Standard Profiles'!$G$22=$B$24,21,0),MOD($C5829,24)+1)/SUM(INDEX($D$3:$AA$30,INDEX(Jesper!$R$2:$R$366,ROW(INDEX(Jesper!AL$2:AL$366,ROUNDDOWN($C5829/24,0)+1,1))-1)+IF('Standard Profiles'!$G$22=$B$10,7,0)+IF('Standard Profiles'!$G$22=$B$17,14,0)+IF('Standard Profiles'!$G$22=$B$24,21,0),0)),0)</f>
        <v>0</v>
      </c>
      <c r="I5829">
        <f t="shared" si="650"/>
        <v>0.41774929314625259</v>
      </c>
      <c r="J5829">
        <f t="shared" si="651"/>
        <v>1.3924976438208421</v>
      </c>
      <c r="K5829">
        <f t="shared" si="652"/>
        <v>2.0887464657312629</v>
      </c>
      <c r="L5829">
        <f t="shared" si="653"/>
        <v>10.025983035510063</v>
      </c>
      <c r="M5829">
        <f t="shared" si="654"/>
        <v>0</v>
      </c>
      <c r="N5829" s="46">
        <f t="shared" si="655"/>
        <v>45533.458333319279</v>
      </c>
    </row>
    <row r="5830" spans="2:14" x14ac:dyDescent="0.3">
      <c r="B5830">
        <f t="shared" si="649"/>
        <v>4</v>
      </c>
      <c r="C5830" s="16">
        <v>5796</v>
      </c>
      <c r="D5830" cm="1">
        <f t="array" ref="D5830">IFERROR(INDEX(Jesper!AH$2:AH$366,ROUNDDOWN($C5830/24,0)+1,1)*INDEX($D$3:$AA$30,INDEX(Jesper!$R$2:$R$366,ROW(INDEX(Jesper!AH$2:AH$366,ROUNDDOWN($C5830/24,0)+1,1))-1)+IF('Standard Profiles'!$G$18=$B$10,7,0)+IF('Standard Profiles'!$G$18=$B$17,14,0)+IF('Standard Profiles'!$G$18=$B$24,21,0),MOD($C5830,24)+1)/SUM(INDEX($D$3:$AA$30,INDEX(Jesper!$R$2:$R$366,ROW(INDEX(Jesper!AH$2:AH$366,ROUNDDOWN($C5830/24,0)+1,1))-1)+IF('Standard Profiles'!$G$18=$B$10,7,0)+IF('Standard Profiles'!$G$18=$B$17,14,0)+IF('Standard Profiles'!$G$18=$B$24,21,0),0)),0)</f>
        <v>13.92497643820842</v>
      </c>
      <c r="E5830" cm="1">
        <f t="array" ref="E5830">IFERROR(INDEX(Jesper!AI$2:AI$366,ROUNDDOWN($C5830/24,0)+1,1)*INDEX($D$3:$AA$30,INDEX(Jesper!$R$2:$R$366,ROW(INDEX(Jesper!AI$2:AI$366,ROUNDDOWN($C5830/24,0)+1,1))-1)+IF('Standard Profiles'!$G$19=$B$10,7,0)+IF('Standard Profiles'!$G$19=$B$17,14,0)+IF('Standard Profiles'!$G$19=$B$24,21,0),MOD($C5830,24)+1)/SUM(INDEX($D$3:$AA$30,INDEX(Jesper!$R$2:$R$366,ROW(INDEX(Jesper!AI$2:AI$366,ROUNDDOWN($C5830/24,0)+1,1))-1)+IF('Standard Profiles'!$G$19=$B$10,7,0)+IF('Standard Profiles'!$G$19=$B$17,14,0)+IF('Standard Profiles'!$G$19=$B$24,21,0),0)),0)</f>
        <v>0</v>
      </c>
      <c r="F5830" cm="1">
        <f t="array" ref="F5830">IFERROR(INDEX(Jesper!AJ$2:AJ$366,ROUNDDOWN($C5830/24,0)+1,1)*INDEX($D$3:$AA$30,INDEX(Jesper!$R$2:$R$366,ROW(INDEX(Jesper!AJ$2:AJ$366,ROUNDDOWN($C5830/24,0)+1,1))-1)+IF('Standard Profiles'!$G$20=$B$10,7,0)+IF('Standard Profiles'!$G$20=$B$17,14,0)+IF('Standard Profiles'!$G$20=$B$24,21,0),MOD($C5830,24)+1)/SUM(INDEX($D$3:$AA$30,INDEX(Jesper!$R$2:$R$366,ROW(INDEX(Jesper!AJ$2:AJ$366,ROUNDDOWN($C5830/24,0)+1,1))-1)+IF('Standard Profiles'!$G$20=$B$10,7,0)+IF('Standard Profiles'!$G$20=$B$17,14,0)+IF('Standard Profiles'!$G$20=$B$24,21,0),0)),0)</f>
        <v>0</v>
      </c>
      <c r="G5830" cm="1">
        <f t="array" ref="G5830">IFERROR(INDEX(Jesper!AK$2:AK$366,ROUNDDOWN($C5830/24,0)+1,1)*INDEX($D$3:$AA$30,INDEX(Jesper!$R$2:$R$366,ROW(INDEX(Jesper!AK$2:AK$366,ROUNDDOWN($C5830/24,0)+1,1))-1)+IF('Standard Profiles'!$G$21=$B$10,7,0)+IF('Standard Profiles'!$G$21=$B$17,14,0)+IF('Standard Profiles'!$G$21=$B$24,21,0),MOD($C5830,24)+1)/SUM(INDEX($D$3:$AA$30,INDEX(Jesper!$R$2:$R$366,ROW(INDEX(Jesper!AK$2:AK$366,ROUNDDOWN($C5830/24,0)+1,1))-1)+IF('Standard Profiles'!$G$21=$B$10,7,0)+IF('Standard Profiles'!$G$21=$B$17,14,0)+IF('Standard Profiles'!$G$21=$B$24,21,0),0)),0)</f>
        <v>0</v>
      </c>
      <c r="H5830" cm="1">
        <f t="array" ref="H5830">IFERROR(INDEX(Jesper!AL$2:AL$366,ROUNDDOWN($C5830/24,0)+1,1)*INDEX($D$3:$AA$30,INDEX(Jesper!$R$2:$R$366,ROW(INDEX(Jesper!AL$2:AL$366,ROUNDDOWN($C5830/24,0)+1,1))-1)+IF('Standard Profiles'!$G$22=$B$10,7,0)+IF('Standard Profiles'!$G$22=$B$17,14,0)+IF('Standard Profiles'!$G$22=$B$24,21,0),MOD($C5830,24)+1)/SUM(INDEX($D$3:$AA$30,INDEX(Jesper!$R$2:$R$366,ROW(INDEX(Jesper!AL$2:AL$366,ROUNDDOWN($C5830/24,0)+1,1))-1)+IF('Standard Profiles'!$G$22=$B$10,7,0)+IF('Standard Profiles'!$G$22=$B$17,14,0)+IF('Standard Profiles'!$G$22=$B$24,21,0),0)),0)</f>
        <v>0</v>
      </c>
      <c r="I5830">
        <f t="shared" si="650"/>
        <v>0.41774929314625259</v>
      </c>
      <c r="J5830">
        <f t="shared" si="651"/>
        <v>1.3924976438208421</v>
      </c>
      <c r="K5830">
        <f t="shared" si="652"/>
        <v>2.0887464657312629</v>
      </c>
      <c r="L5830">
        <f t="shared" si="653"/>
        <v>10.025983035510063</v>
      </c>
      <c r="M5830">
        <f t="shared" si="654"/>
        <v>0</v>
      </c>
      <c r="N5830" s="46">
        <f t="shared" si="655"/>
        <v>45533.499999985943</v>
      </c>
    </row>
    <row r="5831" spans="2:14" x14ac:dyDescent="0.3">
      <c r="B5831">
        <f t="shared" si="649"/>
        <v>4</v>
      </c>
      <c r="C5831" s="16">
        <v>5797</v>
      </c>
      <c r="D5831" cm="1">
        <f t="array" ref="D5831">IFERROR(INDEX(Jesper!AH$2:AH$366,ROUNDDOWN($C5831/24,0)+1,1)*INDEX($D$3:$AA$30,INDEX(Jesper!$R$2:$R$366,ROW(INDEX(Jesper!AH$2:AH$366,ROUNDDOWN($C5831/24,0)+1,1))-1)+IF('Standard Profiles'!$G$18=$B$10,7,0)+IF('Standard Profiles'!$G$18=$B$17,14,0)+IF('Standard Profiles'!$G$18=$B$24,21,0),MOD($C5831,24)+1)/SUM(INDEX($D$3:$AA$30,INDEX(Jesper!$R$2:$R$366,ROW(INDEX(Jesper!AH$2:AH$366,ROUNDDOWN($C5831/24,0)+1,1))-1)+IF('Standard Profiles'!$G$18=$B$10,7,0)+IF('Standard Profiles'!$G$18=$B$17,14,0)+IF('Standard Profiles'!$G$18=$B$24,21,0),0)),0)</f>
        <v>13.92497643820842</v>
      </c>
      <c r="E5831" cm="1">
        <f t="array" ref="E5831">IFERROR(INDEX(Jesper!AI$2:AI$366,ROUNDDOWN($C5831/24,0)+1,1)*INDEX($D$3:$AA$30,INDEX(Jesper!$R$2:$R$366,ROW(INDEX(Jesper!AI$2:AI$366,ROUNDDOWN($C5831/24,0)+1,1))-1)+IF('Standard Profiles'!$G$19=$B$10,7,0)+IF('Standard Profiles'!$G$19=$B$17,14,0)+IF('Standard Profiles'!$G$19=$B$24,21,0),MOD($C5831,24)+1)/SUM(INDEX($D$3:$AA$30,INDEX(Jesper!$R$2:$R$366,ROW(INDEX(Jesper!AI$2:AI$366,ROUNDDOWN($C5831/24,0)+1,1))-1)+IF('Standard Profiles'!$G$19=$B$10,7,0)+IF('Standard Profiles'!$G$19=$B$17,14,0)+IF('Standard Profiles'!$G$19=$B$24,21,0),0)),0)</f>
        <v>0</v>
      </c>
      <c r="F5831" cm="1">
        <f t="array" ref="F5831">IFERROR(INDEX(Jesper!AJ$2:AJ$366,ROUNDDOWN($C5831/24,0)+1,1)*INDEX($D$3:$AA$30,INDEX(Jesper!$R$2:$R$366,ROW(INDEX(Jesper!AJ$2:AJ$366,ROUNDDOWN($C5831/24,0)+1,1))-1)+IF('Standard Profiles'!$G$20=$B$10,7,0)+IF('Standard Profiles'!$G$20=$B$17,14,0)+IF('Standard Profiles'!$G$20=$B$24,21,0),MOD($C5831,24)+1)/SUM(INDEX($D$3:$AA$30,INDEX(Jesper!$R$2:$R$366,ROW(INDEX(Jesper!AJ$2:AJ$366,ROUNDDOWN($C5831/24,0)+1,1))-1)+IF('Standard Profiles'!$G$20=$B$10,7,0)+IF('Standard Profiles'!$G$20=$B$17,14,0)+IF('Standard Profiles'!$G$20=$B$24,21,0),0)),0)</f>
        <v>0</v>
      </c>
      <c r="G5831" cm="1">
        <f t="array" ref="G5831">IFERROR(INDEX(Jesper!AK$2:AK$366,ROUNDDOWN($C5831/24,0)+1,1)*INDEX($D$3:$AA$30,INDEX(Jesper!$R$2:$R$366,ROW(INDEX(Jesper!AK$2:AK$366,ROUNDDOWN($C5831/24,0)+1,1))-1)+IF('Standard Profiles'!$G$21=$B$10,7,0)+IF('Standard Profiles'!$G$21=$B$17,14,0)+IF('Standard Profiles'!$G$21=$B$24,21,0),MOD($C5831,24)+1)/SUM(INDEX($D$3:$AA$30,INDEX(Jesper!$R$2:$R$366,ROW(INDEX(Jesper!AK$2:AK$366,ROUNDDOWN($C5831/24,0)+1,1))-1)+IF('Standard Profiles'!$G$21=$B$10,7,0)+IF('Standard Profiles'!$G$21=$B$17,14,0)+IF('Standard Profiles'!$G$21=$B$24,21,0),0)),0)</f>
        <v>0</v>
      </c>
      <c r="H5831" cm="1">
        <f t="array" ref="H5831">IFERROR(INDEX(Jesper!AL$2:AL$366,ROUNDDOWN($C5831/24,0)+1,1)*INDEX($D$3:$AA$30,INDEX(Jesper!$R$2:$R$366,ROW(INDEX(Jesper!AL$2:AL$366,ROUNDDOWN($C5831/24,0)+1,1))-1)+IF('Standard Profiles'!$G$22=$B$10,7,0)+IF('Standard Profiles'!$G$22=$B$17,14,0)+IF('Standard Profiles'!$G$22=$B$24,21,0),MOD($C5831,24)+1)/SUM(INDEX($D$3:$AA$30,INDEX(Jesper!$R$2:$R$366,ROW(INDEX(Jesper!AL$2:AL$366,ROUNDDOWN($C5831/24,0)+1,1))-1)+IF('Standard Profiles'!$G$22=$B$10,7,0)+IF('Standard Profiles'!$G$22=$B$17,14,0)+IF('Standard Profiles'!$G$22=$B$24,21,0),0)),0)</f>
        <v>0</v>
      </c>
      <c r="I5831">
        <f t="shared" si="650"/>
        <v>0.41774929314625259</v>
      </c>
      <c r="J5831">
        <f t="shared" si="651"/>
        <v>1.3924976438208421</v>
      </c>
      <c r="K5831">
        <f t="shared" si="652"/>
        <v>2.0887464657312629</v>
      </c>
      <c r="L5831">
        <f t="shared" si="653"/>
        <v>10.025983035510063</v>
      </c>
      <c r="M5831">
        <f t="shared" si="654"/>
        <v>0</v>
      </c>
      <c r="N5831" s="46">
        <f t="shared" si="655"/>
        <v>45533.541666652607</v>
      </c>
    </row>
    <row r="5832" spans="2:14" x14ac:dyDescent="0.3">
      <c r="B5832">
        <f t="shared" si="649"/>
        <v>4</v>
      </c>
      <c r="C5832" s="16">
        <v>5798</v>
      </c>
      <c r="D5832" cm="1">
        <f t="array" ref="D5832">IFERROR(INDEX(Jesper!AH$2:AH$366,ROUNDDOWN($C5832/24,0)+1,1)*INDEX($D$3:$AA$30,INDEX(Jesper!$R$2:$R$366,ROW(INDEX(Jesper!AH$2:AH$366,ROUNDDOWN($C5832/24,0)+1,1))-1)+IF('Standard Profiles'!$G$18=$B$10,7,0)+IF('Standard Profiles'!$G$18=$B$17,14,0)+IF('Standard Profiles'!$G$18=$B$24,21,0),MOD($C5832,24)+1)/SUM(INDEX($D$3:$AA$30,INDEX(Jesper!$R$2:$R$366,ROW(INDEX(Jesper!AH$2:AH$366,ROUNDDOWN($C5832/24,0)+1,1))-1)+IF('Standard Profiles'!$G$18=$B$10,7,0)+IF('Standard Profiles'!$G$18=$B$17,14,0)+IF('Standard Profiles'!$G$18=$B$24,21,0),0)),0)</f>
        <v>13.92497643820842</v>
      </c>
      <c r="E5832" cm="1">
        <f t="array" ref="E5832">IFERROR(INDEX(Jesper!AI$2:AI$366,ROUNDDOWN($C5832/24,0)+1,1)*INDEX($D$3:$AA$30,INDEX(Jesper!$R$2:$R$366,ROW(INDEX(Jesper!AI$2:AI$366,ROUNDDOWN($C5832/24,0)+1,1))-1)+IF('Standard Profiles'!$G$19=$B$10,7,0)+IF('Standard Profiles'!$G$19=$B$17,14,0)+IF('Standard Profiles'!$G$19=$B$24,21,0),MOD($C5832,24)+1)/SUM(INDEX($D$3:$AA$30,INDEX(Jesper!$R$2:$R$366,ROW(INDEX(Jesper!AI$2:AI$366,ROUNDDOWN($C5832/24,0)+1,1))-1)+IF('Standard Profiles'!$G$19=$B$10,7,0)+IF('Standard Profiles'!$G$19=$B$17,14,0)+IF('Standard Profiles'!$G$19=$B$24,21,0),0)),0)</f>
        <v>0</v>
      </c>
      <c r="F5832" cm="1">
        <f t="array" ref="F5832">IFERROR(INDEX(Jesper!AJ$2:AJ$366,ROUNDDOWN($C5832/24,0)+1,1)*INDEX($D$3:$AA$30,INDEX(Jesper!$R$2:$R$366,ROW(INDEX(Jesper!AJ$2:AJ$366,ROUNDDOWN($C5832/24,0)+1,1))-1)+IF('Standard Profiles'!$G$20=$B$10,7,0)+IF('Standard Profiles'!$G$20=$B$17,14,0)+IF('Standard Profiles'!$G$20=$B$24,21,0),MOD($C5832,24)+1)/SUM(INDEX($D$3:$AA$30,INDEX(Jesper!$R$2:$R$366,ROW(INDEX(Jesper!AJ$2:AJ$366,ROUNDDOWN($C5832/24,0)+1,1))-1)+IF('Standard Profiles'!$G$20=$B$10,7,0)+IF('Standard Profiles'!$G$20=$B$17,14,0)+IF('Standard Profiles'!$G$20=$B$24,21,0),0)),0)</f>
        <v>0</v>
      </c>
      <c r="G5832" cm="1">
        <f t="array" ref="G5832">IFERROR(INDEX(Jesper!AK$2:AK$366,ROUNDDOWN($C5832/24,0)+1,1)*INDEX($D$3:$AA$30,INDEX(Jesper!$R$2:$R$366,ROW(INDEX(Jesper!AK$2:AK$366,ROUNDDOWN($C5832/24,0)+1,1))-1)+IF('Standard Profiles'!$G$21=$B$10,7,0)+IF('Standard Profiles'!$G$21=$B$17,14,0)+IF('Standard Profiles'!$G$21=$B$24,21,0),MOD($C5832,24)+1)/SUM(INDEX($D$3:$AA$30,INDEX(Jesper!$R$2:$R$366,ROW(INDEX(Jesper!AK$2:AK$366,ROUNDDOWN($C5832/24,0)+1,1))-1)+IF('Standard Profiles'!$G$21=$B$10,7,0)+IF('Standard Profiles'!$G$21=$B$17,14,0)+IF('Standard Profiles'!$G$21=$B$24,21,0),0)),0)</f>
        <v>0</v>
      </c>
      <c r="H5832" cm="1">
        <f t="array" ref="H5832">IFERROR(INDEX(Jesper!AL$2:AL$366,ROUNDDOWN($C5832/24,0)+1,1)*INDEX($D$3:$AA$30,INDEX(Jesper!$R$2:$R$366,ROW(INDEX(Jesper!AL$2:AL$366,ROUNDDOWN($C5832/24,0)+1,1))-1)+IF('Standard Profiles'!$G$22=$B$10,7,0)+IF('Standard Profiles'!$G$22=$B$17,14,0)+IF('Standard Profiles'!$G$22=$B$24,21,0),MOD($C5832,24)+1)/SUM(INDEX($D$3:$AA$30,INDEX(Jesper!$R$2:$R$366,ROW(INDEX(Jesper!AL$2:AL$366,ROUNDDOWN($C5832/24,0)+1,1))-1)+IF('Standard Profiles'!$G$22=$B$10,7,0)+IF('Standard Profiles'!$G$22=$B$17,14,0)+IF('Standard Profiles'!$G$22=$B$24,21,0),0)),0)</f>
        <v>0</v>
      </c>
      <c r="I5832">
        <f t="shared" si="650"/>
        <v>0.41774929314625259</v>
      </c>
      <c r="J5832">
        <f t="shared" si="651"/>
        <v>1.3924976438208421</v>
      </c>
      <c r="K5832">
        <f t="shared" si="652"/>
        <v>2.0887464657312629</v>
      </c>
      <c r="L5832">
        <f t="shared" si="653"/>
        <v>10.025983035510063</v>
      </c>
      <c r="M5832">
        <f t="shared" si="654"/>
        <v>0</v>
      </c>
      <c r="N5832" s="46">
        <f t="shared" si="655"/>
        <v>45533.583333319271</v>
      </c>
    </row>
    <row r="5833" spans="2:14" x14ac:dyDescent="0.3">
      <c r="B5833">
        <f t="shared" si="649"/>
        <v>4</v>
      </c>
      <c r="C5833" s="16">
        <v>5799</v>
      </c>
      <c r="D5833" cm="1">
        <f t="array" ref="D5833">IFERROR(INDEX(Jesper!AH$2:AH$366,ROUNDDOWN($C5833/24,0)+1,1)*INDEX($D$3:$AA$30,INDEX(Jesper!$R$2:$R$366,ROW(INDEX(Jesper!AH$2:AH$366,ROUNDDOWN($C5833/24,0)+1,1))-1)+IF('Standard Profiles'!$G$18=$B$10,7,0)+IF('Standard Profiles'!$G$18=$B$17,14,0)+IF('Standard Profiles'!$G$18=$B$24,21,0),MOD($C5833,24)+1)/SUM(INDEX($D$3:$AA$30,INDEX(Jesper!$R$2:$R$366,ROW(INDEX(Jesper!AH$2:AH$366,ROUNDDOWN($C5833/24,0)+1,1))-1)+IF('Standard Profiles'!$G$18=$B$10,7,0)+IF('Standard Profiles'!$G$18=$B$17,14,0)+IF('Standard Profiles'!$G$18=$B$24,21,0),0)),0)</f>
        <v>13.92497643820842</v>
      </c>
      <c r="E5833" cm="1">
        <f t="array" ref="E5833">IFERROR(INDEX(Jesper!AI$2:AI$366,ROUNDDOWN($C5833/24,0)+1,1)*INDEX($D$3:$AA$30,INDEX(Jesper!$R$2:$R$366,ROW(INDEX(Jesper!AI$2:AI$366,ROUNDDOWN($C5833/24,0)+1,1))-1)+IF('Standard Profiles'!$G$19=$B$10,7,0)+IF('Standard Profiles'!$G$19=$B$17,14,0)+IF('Standard Profiles'!$G$19=$B$24,21,0),MOD($C5833,24)+1)/SUM(INDEX($D$3:$AA$30,INDEX(Jesper!$R$2:$R$366,ROW(INDEX(Jesper!AI$2:AI$366,ROUNDDOWN($C5833/24,0)+1,1))-1)+IF('Standard Profiles'!$G$19=$B$10,7,0)+IF('Standard Profiles'!$G$19=$B$17,14,0)+IF('Standard Profiles'!$G$19=$B$24,21,0),0)),0)</f>
        <v>0</v>
      </c>
      <c r="F5833" cm="1">
        <f t="array" ref="F5833">IFERROR(INDEX(Jesper!AJ$2:AJ$366,ROUNDDOWN($C5833/24,0)+1,1)*INDEX($D$3:$AA$30,INDEX(Jesper!$R$2:$R$366,ROW(INDEX(Jesper!AJ$2:AJ$366,ROUNDDOWN($C5833/24,0)+1,1))-1)+IF('Standard Profiles'!$G$20=$B$10,7,0)+IF('Standard Profiles'!$G$20=$B$17,14,0)+IF('Standard Profiles'!$G$20=$B$24,21,0),MOD($C5833,24)+1)/SUM(INDEX($D$3:$AA$30,INDEX(Jesper!$R$2:$R$366,ROW(INDEX(Jesper!AJ$2:AJ$366,ROUNDDOWN($C5833/24,0)+1,1))-1)+IF('Standard Profiles'!$G$20=$B$10,7,0)+IF('Standard Profiles'!$G$20=$B$17,14,0)+IF('Standard Profiles'!$G$20=$B$24,21,0),0)),0)</f>
        <v>0</v>
      </c>
      <c r="G5833" cm="1">
        <f t="array" ref="G5833">IFERROR(INDEX(Jesper!AK$2:AK$366,ROUNDDOWN($C5833/24,0)+1,1)*INDEX($D$3:$AA$30,INDEX(Jesper!$R$2:$R$366,ROW(INDEX(Jesper!AK$2:AK$366,ROUNDDOWN($C5833/24,0)+1,1))-1)+IF('Standard Profiles'!$G$21=$B$10,7,0)+IF('Standard Profiles'!$G$21=$B$17,14,0)+IF('Standard Profiles'!$G$21=$B$24,21,0),MOD($C5833,24)+1)/SUM(INDEX($D$3:$AA$30,INDEX(Jesper!$R$2:$R$366,ROW(INDEX(Jesper!AK$2:AK$366,ROUNDDOWN($C5833/24,0)+1,1))-1)+IF('Standard Profiles'!$G$21=$B$10,7,0)+IF('Standard Profiles'!$G$21=$B$17,14,0)+IF('Standard Profiles'!$G$21=$B$24,21,0),0)),0)</f>
        <v>0</v>
      </c>
      <c r="H5833" cm="1">
        <f t="array" ref="H5833">IFERROR(INDEX(Jesper!AL$2:AL$366,ROUNDDOWN($C5833/24,0)+1,1)*INDEX($D$3:$AA$30,INDEX(Jesper!$R$2:$R$366,ROW(INDEX(Jesper!AL$2:AL$366,ROUNDDOWN($C5833/24,0)+1,1))-1)+IF('Standard Profiles'!$G$22=$B$10,7,0)+IF('Standard Profiles'!$G$22=$B$17,14,0)+IF('Standard Profiles'!$G$22=$B$24,21,0),MOD($C5833,24)+1)/SUM(INDEX($D$3:$AA$30,INDEX(Jesper!$R$2:$R$366,ROW(INDEX(Jesper!AL$2:AL$366,ROUNDDOWN($C5833/24,0)+1,1))-1)+IF('Standard Profiles'!$G$22=$B$10,7,0)+IF('Standard Profiles'!$G$22=$B$17,14,0)+IF('Standard Profiles'!$G$22=$B$24,21,0),0)),0)</f>
        <v>0</v>
      </c>
      <c r="I5833">
        <f t="shared" si="650"/>
        <v>0.41774929314625259</v>
      </c>
      <c r="J5833">
        <f t="shared" si="651"/>
        <v>1.3924976438208421</v>
      </c>
      <c r="K5833">
        <f t="shared" si="652"/>
        <v>2.0887464657312629</v>
      </c>
      <c r="L5833">
        <f t="shared" si="653"/>
        <v>10.025983035510063</v>
      </c>
      <c r="M5833">
        <f t="shared" si="654"/>
        <v>0</v>
      </c>
      <c r="N5833" s="46">
        <f t="shared" si="655"/>
        <v>45533.624999985936</v>
      </c>
    </row>
    <row r="5834" spans="2:14" x14ac:dyDescent="0.3">
      <c r="B5834">
        <f t="shared" si="649"/>
        <v>4</v>
      </c>
      <c r="C5834" s="16">
        <v>5800</v>
      </c>
      <c r="D5834" cm="1">
        <f t="array" ref="D5834">IFERROR(INDEX(Jesper!AH$2:AH$366,ROUNDDOWN($C5834/24,0)+1,1)*INDEX($D$3:$AA$30,INDEX(Jesper!$R$2:$R$366,ROW(INDEX(Jesper!AH$2:AH$366,ROUNDDOWN($C5834/24,0)+1,1))-1)+IF('Standard Profiles'!$G$18=$B$10,7,0)+IF('Standard Profiles'!$G$18=$B$17,14,0)+IF('Standard Profiles'!$G$18=$B$24,21,0),MOD($C5834,24)+1)/SUM(INDEX($D$3:$AA$30,INDEX(Jesper!$R$2:$R$366,ROW(INDEX(Jesper!AH$2:AH$366,ROUNDDOWN($C5834/24,0)+1,1))-1)+IF('Standard Profiles'!$G$18=$B$10,7,0)+IF('Standard Profiles'!$G$18=$B$17,14,0)+IF('Standard Profiles'!$G$18=$B$24,21,0),0)),0)</f>
        <v>13.92497643820842</v>
      </c>
      <c r="E5834" cm="1">
        <f t="array" ref="E5834">IFERROR(INDEX(Jesper!AI$2:AI$366,ROUNDDOWN($C5834/24,0)+1,1)*INDEX($D$3:$AA$30,INDEX(Jesper!$R$2:$R$366,ROW(INDEX(Jesper!AI$2:AI$366,ROUNDDOWN($C5834/24,0)+1,1))-1)+IF('Standard Profiles'!$G$19=$B$10,7,0)+IF('Standard Profiles'!$G$19=$B$17,14,0)+IF('Standard Profiles'!$G$19=$B$24,21,0),MOD($C5834,24)+1)/SUM(INDEX($D$3:$AA$30,INDEX(Jesper!$R$2:$R$366,ROW(INDEX(Jesper!AI$2:AI$366,ROUNDDOWN($C5834/24,0)+1,1))-1)+IF('Standard Profiles'!$G$19=$B$10,7,0)+IF('Standard Profiles'!$G$19=$B$17,14,0)+IF('Standard Profiles'!$G$19=$B$24,21,0),0)),0)</f>
        <v>0</v>
      </c>
      <c r="F5834" cm="1">
        <f t="array" ref="F5834">IFERROR(INDEX(Jesper!AJ$2:AJ$366,ROUNDDOWN($C5834/24,0)+1,1)*INDEX($D$3:$AA$30,INDEX(Jesper!$R$2:$R$366,ROW(INDEX(Jesper!AJ$2:AJ$366,ROUNDDOWN($C5834/24,0)+1,1))-1)+IF('Standard Profiles'!$G$20=$B$10,7,0)+IF('Standard Profiles'!$G$20=$B$17,14,0)+IF('Standard Profiles'!$G$20=$B$24,21,0),MOD($C5834,24)+1)/SUM(INDEX($D$3:$AA$30,INDEX(Jesper!$R$2:$R$366,ROW(INDEX(Jesper!AJ$2:AJ$366,ROUNDDOWN($C5834/24,0)+1,1))-1)+IF('Standard Profiles'!$G$20=$B$10,7,0)+IF('Standard Profiles'!$G$20=$B$17,14,0)+IF('Standard Profiles'!$G$20=$B$24,21,0),0)),0)</f>
        <v>0</v>
      </c>
      <c r="G5834" cm="1">
        <f t="array" ref="G5834">IFERROR(INDEX(Jesper!AK$2:AK$366,ROUNDDOWN($C5834/24,0)+1,1)*INDEX($D$3:$AA$30,INDEX(Jesper!$R$2:$R$366,ROW(INDEX(Jesper!AK$2:AK$366,ROUNDDOWN($C5834/24,0)+1,1))-1)+IF('Standard Profiles'!$G$21=$B$10,7,0)+IF('Standard Profiles'!$G$21=$B$17,14,0)+IF('Standard Profiles'!$G$21=$B$24,21,0),MOD($C5834,24)+1)/SUM(INDEX($D$3:$AA$30,INDEX(Jesper!$R$2:$R$366,ROW(INDEX(Jesper!AK$2:AK$366,ROUNDDOWN($C5834/24,0)+1,1))-1)+IF('Standard Profiles'!$G$21=$B$10,7,0)+IF('Standard Profiles'!$G$21=$B$17,14,0)+IF('Standard Profiles'!$G$21=$B$24,21,0),0)),0)</f>
        <v>0</v>
      </c>
      <c r="H5834" cm="1">
        <f t="array" ref="H5834">IFERROR(INDEX(Jesper!AL$2:AL$366,ROUNDDOWN($C5834/24,0)+1,1)*INDEX($D$3:$AA$30,INDEX(Jesper!$R$2:$R$366,ROW(INDEX(Jesper!AL$2:AL$366,ROUNDDOWN($C5834/24,0)+1,1))-1)+IF('Standard Profiles'!$G$22=$B$10,7,0)+IF('Standard Profiles'!$G$22=$B$17,14,0)+IF('Standard Profiles'!$G$22=$B$24,21,0),MOD($C5834,24)+1)/SUM(INDEX($D$3:$AA$30,INDEX(Jesper!$R$2:$R$366,ROW(INDEX(Jesper!AL$2:AL$366,ROUNDDOWN($C5834/24,0)+1,1))-1)+IF('Standard Profiles'!$G$22=$B$10,7,0)+IF('Standard Profiles'!$G$22=$B$17,14,0)+IF('Standard Profiles'!$G$22=$B$24,21,0),0)),0)</f>
        <v>0</v>
      </c>
      <c r="I5834">
        <f t="shared" si="650"/>
        <v>0.41774929314625259</v>
      </c>
      <c r="J5834">
        <f t="shared" si="651"/>
        <v>1.3924976438208421</v>
      </c>
      <c r="K5834">
        <f t="shared" si="652"/>
        <v>2.0887464657312629</v>
      </c>
      <c r="L5834">
        <f t="shared" si="653"/>
        <v>10.025983035510063</v>
      </c>
      <c r="M5834">
        <f t="shared" si="654"/>
        <v>0</v>
      </c>
      <c r="N5834" s="46">
        <f t="shared" si="655"/>
        <v>45533.6666666526</v>
      </c>
    </row>
    <row r="5835" spans="2:14" x14ac:dyDescent="0.3">
      <c r="B5835">
        <f t="shared" si="649"/>
        <v>4</v>
      </c>
      <c r="C5835" s="16">
        <v>5801</v>
      </c>
      <c r="D5835" cm="1">
        <f t="array" ref="D5835">IFERROR(INDEX(Jesper!AH$2:AH$366,ROUNDDOWN($C5835/24,0)+1,1)*INDEX($D$3:$AA$30,INDEX(Jesper!$R$2:$R$366,ROW(INDEX(Jesper!AH$2:AH$366,ROUNDDOWN($C5835/24,0)+1,1))-1)+IF('Standard Profiles'!$G$18=$B$10,7,0)+IF('Standard Profiles'!$G$18=$B$17,14,0)+IF('Standard Profiles'!$G$18=$B$24,21,0),MOD($C5835,24)+1)/SUM(INDEX($D$3:$AA$30,INDEX(Jesper!$R$2:$R$366,ROW(INDEX(Jesper!AH$2:AH$366,ROUNDDOWN($C5835/24,0)+1,1))-1)+IF('Standard Profiles'!$G$18=$B$10,7,0)+IF('Standard Profiles'!$G$18=$B$17,14,0)+IF('Standard Profiles'!$G$18=$B$24,21,0),0)),0)</f>
        <v>13.92497643820842</v>
      </c>
      <c r="E5835" cm="1">
        <f t="array" ref="E5835">IFERROR(INDEX(Jesper!AI$2:AI$366,ROUNDDOWN($C5835/24,0)+1,1)*INDEX($D$3:$AA$30,INDEX(Jesper!$R$2:$R$366,ROW(INDEX(Jesper!AI$2:AI$366,ROUNDDOWN($C5835/24,0)+1,1))-1)+IF('Standard Profiles'!$G$19=$B$10,7,0)+IF('Standard Profiles'!$G$19=$B$17,14,0)+IF('Standard Profiles'!$G$19=$B$24,21,0),MOD($C5835,24)+1)/SUM(INDEX($D$3:$AA$30,INDEX(Jesper!$R$2:$R$366,ROW(INDEX(Jesper!AI$2:AI$366,ROUNDDOWN($C5835/24,0)+1,1))-1)+IF('Standard Profiles'!$G$19=$B$10,7,0)+IF('Standard Profiles'!$G$19=$B$17,14,0)+IF('Standard Profiles'!$G$19=$B$24,21,0),0)),0)</f>
        <v>0</v>
      </c>
      <c r="F5835" cm="1">
        <f t="array" ref="F5835">IFERROR(INDEX(Jesper!AJ$2:AJ$366,ROUNDDOWN($C5835/24,0)+1,1)*INDEX($D$3:$AA$30,INDEX(Jesper!$R$2:$R$366,ROW(INDEX(Jesper!AJ$2:AJ$366,ROUNDDOWN($C5835/24,0)+1,1))-1)+IF('Standard Profiles'!$G$20=$B$10,7,0)+IF('Standard Profiles'!$G$20=$B$17,14,0)+IF('Standard Profiles'!$G$20=$B$24,21,0),MOD($C5835,24)+1)/SUM(INDEX($D$3:$AA$30,INDEX(Jesper!$R$2:$R$366,ROW(INDEX(Jesper!AJ$2:AJ$366,ROUNDDOWN($C5835/24,0)+1,1))-1)+IF('Standard Profiles'!$G$20=$B$10,7,0)+IF('Standard Profiles'!$G$20=$B$17,14,0)+IF('Standard Profiles'!$G$20=$B$24,21,0),0)),0)</f>
        <v>0</v>
      </c>
      <c r="G5835" cm="1">
        <f t="array" ref="G5835">IFERROR(INDEX(Jesper!AK$2:AK$366,ROUNDDOWN($C5835/24,0)+1,1)*INDEX($D$3:$AA$30,INDEX(Jesper!$R$2:$R$366,ROW(INDEX(Jesper!AK$2:AK$366,ROUNDDOWN($C5835/24,0)+1,1))-1)+IF('Standard Profiles'!$G$21=$B$10,7,0)+IF('Standard Profiles'!$G$21=$B$17,14,0)+IF('Standard Profiles'!$G$21=$B$24,21,0),MOD($C5835,24)+1)/SUM(INDEX($D$3:$AA$30,INDEX(Jesper!$R$2:$R$366,ROW(INDEX(Jesper!AK$2:AK$366,ROUNDDOWN($C5835/24,0)+1,1))-1)+IF('Standard Profiles'!$G$21=$B$10,7,0)+IF('Standard Profiles'!$G$21=$B$17,14,0)+IF('Standard Profiles'!$G$21=$B$24,21,0),0)),0)</f>
        <v>0</v>
      </c>
      <c r="H5835" cm="1">
        <f t="array" ref="H5835">IFERROR(INDEX(Jesper!AL$2:AL$366,ROUNDDOWN($C5835/24,0)+1,1)*INDEX($D$3:$AA$30,INDEX(Jesper!$R$2:$R$366,ROW(INDEX(Jesper!AL$2:AL$366,ROUNDDOWN($C5835/24,0)+1,1))-1)+IF('Standard Profiles'!$G$22=$B$10,7,0)+IF('Standard Profiles'!$G$22=$B$17,14,0)+IF('Standard Profiles'!$G$22=$B$24,21,0),MOD($C5835,24)+1)/SUM(INDEX($D$3:$AA$30,INDEX(Jesper!$R$2:$R$366,ROW(INDEX(Jesper!AL$2:AL$366,ROUNDDOWN($C5835/24,0)+1,1))-1)+IF('Standard Profiles'!$G$22=$B$10,7,0)+IF('Standard Profiles'!$G$22=$B$17,14,0)+IF('Standard Profiles'!$G$22=$B$24,21,0),0)),0)</f>
        <v>0</v>
      </c>
      <c r="I5835">
        <f t="shared" si="650"/>
        <v>0.41774929314625259</v>
      </c>
      <c r="J5835">
        <f t="shared" si="651"/>
        <v>1.3924976438208421</v>
      </c>
      <c r="K5835">
        <f t="shared" si="652"/>
        <v>2.0887464657312629</v>
      </c>
      <c r="L5835">
        <f t="shared" si="653"/>
        <v>10.025983035510063</v>
      </c>
      <c r="M5835">
        <f t="shared" si="654"/>
        <v>0</v>
      </c>
      <c r="N5835" s="46">
        <f t="shared" si="655"/>
        <v>45533.708333319264</v>
      </c>
    </row>
    <row r="5836" spans="2:14" x14ac:dyDescent="0.3">
      <c r="B5836">
        <f t="shared" si="649"/>
        <v>4</v>
      </c>
      <c r="C5836" s="16">
        <v>5802</v>
      </c>
      <c r="D5836" cm="1">
        <f t="array" ref="D5836">IFERROR(INDEX(Jesper!AH$2:AH$366,ROUNDDOWN($C5836/24,0)+1,1)*INDEX($D$3:$AA$30,INDEX(Jesper!$R$2:$R$366,ROW(INDEX(Jesper!AH$2:AH$366,ROUNDDOWN($C5836/24,0)+1,1))-1)+IF('Standard Profiles'!$G$18=$B$10,7,0)+IF('Standard Profiles'!$G$18=$B$17,14,0)+IF('Standard Profiles'!$G$18=$B$24,21,0),MOD($C5836,24)+1)/SUM(INDEX($D$3:$AA$30,INDEX(Jesper!$R$2:$R$366,ROW(INDEX(Jesper!AH$2:AH$366,ROUNDDOWN($C5836/24,0)+1,1))-1)+IF('Standard Profiles'!$G$18=$B$10,7,0)+IF('Standard Profiles'!$G$18=$B$17,14,0)+IF('Standard Profiles'!$G$18=$B$24,21,0),0)),0)</f>
        <v>13.92497643820842</v>
      </c>
      <c r="E5836" cm="1">
        <f t="array" ref="E5836">IFERROR(INDEX(Jesper!AI$2:AI$366,ROUNDDOWN($C5836/24,0)+1,1)*INDEX($D$3:$AA$30,INDEX(Jesper!$R$2:$R$366,ROW(INDEX(Jesper!AI$2:AI$366,ROUNDDOWN($C5836/24,0)+1,1))-1)+IF('Standard Profiles'!$G$19=$B$10,7,0)+IF('Standard Profiles'!$G$19=$B$17,14,0)+IF('Standard Profiles'!$G$19=$B$24,21,0),MOD($C5836,24)+1)/SUM(INDEX($D$3:$AA$30,INDEX(Jesper!$R$2:$R$366,ROW(INDEX(Jesper!AI$2:AI$366,ROUNDDOWN($C5836/24,0)+1,1))-1)+IF('Standard Profiles'!$G$19=$B$10,7,0)+IF('Standard Profiles'!$G$19=$B$17,14,0)+IF('Standard Profiles'!$G$19=$B$24,21,0),0)),0)</f>
        <v>0</v>
      </c>
      <c r="F5836" cm="1">
        <f t="array" ref="F5836">IFERROR(INDEX(Jesper!AJ$2:AJ$366,ROUNDDOWN($C5836/24,0)+1,1)*INDEX($D$3:$AA$30,INDEX(Jesper!$R$2:$R$366,ROW(INDEX(Jesper!AJ$2:AJ$366,ROUNDDOWN($C5836/24,0)+1,1))-1)+IF('Standard Profiles'!$G$20=$B$10,7,0)+IF('Standard Profiles'!$G$20=$B$17,14,0)+IF('Standard Profiles'!$G$20=$B$24,21,0),MOD($C5836,24)+1)/SUM(INDEX($D$3:$AA$30,INDEX(Jesper!$R$2:$R$366,ROW(INDEX(Jesper!AJ$2:AJ$366,ROUNDDOWN($C5836/24,0)+1,1))-1)+IF('Standard Profiles'!$G$20=$B$10,7,0)+IF('Standard Profiles'!$G$20=$B$17,14,0)+IF('Standard Profiles'!$G$20=$B$24,21,0),0)),0)</f>
        <v>0</v>
      </c>
      <c r="G5836" cm="1">
        <f t="array" ref="G5836">IFERROR(INDEX(Jesper!AK$2:AK$366,ROUNDDOWN($C5836/24,0)+1,1)*INDEX($D$3:$AA$30,INDEX(Jesper!$R$2:$R$366,ROW(INDEX(Jesper!AK$2:AK$366,ROUNDDOWN($C5836/24,0)+1,1))-1)+IF('Standard Profiles'!$G$21=$B$10,7,0)+IF('Standard Profiles'!$G$21=$B$17,14,0)+IF('Standard Profiles'!$G$21=$B$24,21,0),MOD($C5836,24)+1)/SUM(INDEX($D$3:$AA$30,INDEX(Jesper!$R$2:$R$366,ROW(INDEX(Jesper!AK$2:AK$366,ROUNDDOWN($C5836/24,0)+1,1))-1)+IF('Standard Profiles'!$G$21=$B$10,7,0)+IF('Standard Profiles'!$G$21=$B$17,14,0)+IF('Standard Profiles'!$G$21=$B$24,21,0),0)),0)</f>
        <v>0</v>
      </c>
      <c r="H5836" cm="1">
        <f t="array" ref="H5836">IFERROR(INDEX(Jesper!AL$2:AL$366,ROUNDDOWN($C5836/24,0)+1,1)*INDEX($D$3:$AA$30,INDEX(Jesper!$R$2:$R$366,ROW(INDEX(Jesper!AL$2:AL$366,ROUNDDOWN($C5836/24,0)+1,1))-1)+IF('Standard Profiles'!$G$22=$B$10,7,0)+IF('Standard Profiles'!$G$22=$B$17,14,0)+IF('Standard Profiles'!$G$22=$B$24,21,0),MOD($C5836,24)+1)/SUM(INDEX($D$3:$AA$30,INDEX(Jesper!$R$2:$R$366,ROW(INDEX(Jesper!AL$2:AL$366,ROUNDDOWN($C5836/24,0)+1,1))-1)+IF('Standard Profiles'!$G$22=$B$10,7,0)+IF('Standard Profiles'!$G$22=$B$17,14,0)+IF('Standard Profiles'!$G$22=$B$24,21,0),0)),0)</f>
        <v>0</v>
      </c>
      <c r="I5836">
        <f t="shared" si="650"/>
        <v>0.41774929314625259</v>
      </c>
      <c r="J5836">
        <f t="shared" si="651"/>
        <v>1.3924976438208421</v>
      </c>
      <c r="K5836">
        <f t="shared" si="652"/>
        <v>2.0887464657312629</v>
      </c>
      <c r="L5836">
        <f t="shared" si="653"/>
        <v>10.025983035510063</v>
      </c>
      <c r="M5836">
        <f t="shared" si="654"/>
        <v>0</v>
      </c>
      <c r="N5836" s="46">
        <f t="shared" si="655"/>
        <v>45533.749999985928</v>
      </c>
    </row>
    <row r="5837" spans="2:14" x14ac:dyDescent="0.3">
      <c r="B5837">
        <f t="shared" si="649"/>
        <v>4</v>
      </c>
      <c r="C5837" s="16">
        <v>5803</v>
      </c>
      <c r="D5837" cm="1">
        <f t="array" ref="D5837">IFERROR(INDEX(Jesper!AH$2:AH$366,ROUNDDOWN($C5837/24,0)+1,1)*INDEX($D$3:$AA$30,INDEX(Jesper!$R$2:$R$366,ROW(INDEX(Jesper!AH$2:AH$366,ROUNDDOWN($C5837/24,0)+1,1))-1)+IF('Standard Profiles'!$G$18=$B$10,7,0)+IF('Standard Profiles'!$G$18=$B$17,14,0)+IF('Standard Profiles'!$G$18=$B$24,21,0),MOD($C5837,24)+1)/SUM(INDEX($D$3:$AA$30,INDEX(Jesper!$R$2:$R$366,ROW(INDEX(Jesper!AH$2:AH$366,ROUNDDOWN($C5837/24,0)+1,1))-1)+IF('Standard Profiles'!$G$18=$B$10,7,0)+IF('Standard Profiles'!$G$18=$B$17,14,0)+IF('Standard Profiles'!$G$18=$B$24,21,0),0)),0)</f>
        <v>11.604147031840352</v>
      </c>
      <c r="E5837" cm="1">
        <f t="array" ref="E5837">IFERROR(INDEX(Jesper!AI$2:AI$366,ROUNDDOWN($C5837/24,0)+1,1)*INDEX($D$3:$AA$30,INDEX(Jesper!$R$2:$R$366,ROW(INDEX(Jesper!AI$2:AI$366,ROUNDDOWN($C5837/24,0)+1,1))-1)+IF('Standard Profiles'!$G$19=$B$10,7,0)+IF('Standard Profiles'!$G$19=$B$17,14,0)+IF('Standard Profiles'!$G$19=$B$24,21,0),MOD($C5837,24)+1)/SUM(INDEX($D$3:$AA$30,INDEX(Jesper!$R$2:$R$366,ROW(INDEX(Jesper!AI$2:AI$366,ROUNDDOWN($C5837/24,0)+1,1))-1)+IF('Standard Profiles'!$G$19=$B$10,7,0)+IF('Standard Profiles'!$G$19=$B$17,14,0)+IF('Standard Profiles'!$G$19=$B$24,21,0),0)),0)</f>
        <v>0</v>
      </c>
      <c r="F5837" cm="1">
        <f t="array" ref="F5837">IFERROR(INDEX(Jesper!AJ$2:AJ$366,ROUNDDOWN($C5837/24,0)+1,1)*INDEX($D$3:$AA$30,INDEX(Jesper!$R$2:$R$366,ROW(INDEX(Jesper!AJ$2:AJ$366,ROUNDDOWN($C5837/24,0)+1,1))-1)+IF('Standard Profiles'!$G$20=$B$10,7,0)+IF('Standard Profiles'!$G$20=$B$17,14,0)+IF('Standard Profiles'!$G$20=$B$24,21,0),MOD($C5837,24)+1)/SUM(INDEX($D$3:$AA$30,INDEX(Jesper!$R$2:$R$366,ROW(INDEX(Jesper!AJ$2:AJ$366,ROUNDDOWN($C5837/24,0)+1,1))-1)+IF('Standard Profiles'!$G$20=$B$10,7,0)+IF('Standard Profiles'!$G$20=$B$17,14,0)+IF('Standard Profiles'!$G$20=$B$24,21,0),0)),0)</f>
        <v>0</v>
      </c>
      <c r="G5837" cm="1">
        <f t="array" ref="G5837">IFERROR(INDEX(Jesper!AK$2:AK$366,ROUNDDOWN($C5837/24,0)+1,1)*INDEX($D$3:$AA$30,INDEX(Jesper!$R$2:$R$366,ROW(INDEX(Jesper!AK$2:AK$366,ROUNDDOWN($C5837/24,0)+1,1))-1)+IF('Standard Profiles'!$G$21=$B$10,7,0)+IF('Standard Profiles'!$G$21=$B$17,14,0)+IF('Standard Profiles'!$G$21=$B$24,21,0),MOD($C5837,24)+1)/SUM(INDEX($D$3:$AA$30,INDEX(Jesper!$R$2:$R$366,ROW(INDEX(Jesper!AK$2:AK$366,ROUNDDOWN($C5837/24,0)+1,1))-1)+IF('Standard Profiles'!$G$21=$B$10,7,0)+IF('Standard Profiles'!$G$21=$B$17,14,0)+IF('Standard Profiles'!$G$21=$B$24,21,0),0)),0)</f>
        <v>0</v>
      </c>
      <c r="H5837" cm="1">
        <f t="array" ref="H5837">IFERROR(INDEX(Jesper!AL$2:AL$366,ROUNDDOWN($C5837/24,0)+1,1)*INDEX($D$3:$AA$30,INDEX(Jesper!$R$2:$R$366,ROW(INDEX(Jesper!AL$2:AL$366,ROUNDDOWN($C5837/24,0)+1,1))-1)+IF('Standard Profiles'!$G$22=$B$10,7,0)+IF('Standard Profiles'!$G$22=$B$17,14,0)+IF('Standard Profiles'!$G$22=$B$24,21,0),MOD($C5837,24)+1)/SUM(INDEX($D$3:$AA$30,INDEX(Jesper!$R$2:$R$366,ROW(INDEX(Jesper!AL$2:AL$366,ROUNDDOWN($C5837/24,0)+1,1))-1)+IF('Standard Profiles'!$G$22=$B$10,7,0)+IF('Standard Profiles'!$G$22=$B$17,14,0)+IF('Standard Profiles'!$G$22=$B$24,21,0),0)),0)</f>
        <v>0</v>
      </c>
      <c r="I5837">
        <f t="shared" si="650"/>
        <v>0.34812441095521052</v>
      </c>
      <c r="J5837">
        <f t="shared" si="651"/>
        <v>1.1604147031840353</v>
      </c>
      <c r="K5837">
        <f t="shared" si="652"/>
        <v>1.7406220547760527</v>
      </c>
      <c r="L5837">
        <f t="shared" si="653"/>
        <v>8.3549858629250533</v>
      </c>
      <c r="M5837">
        <f t="shared" si="654"/>
        <v>0</v>
      </c>
      <c r="N5837" s="46">
        <f t="shared" si="655"/>
        <v>45533.791666652593</v>
      </c>
    </row>
    <row r="5838" spans="2:14" x14ac:dyDescent="0.3">
      <c r="B5838">
        <f t="shared" si="649"/>
        <v>4</v>
      </c>
      <c r="C5838" s="16">
        <v>5804</v>
      </c>
      <c r="D5838" cm="1">
        <f t="array" ref="D5838">IFERROR(INDEX(Jesper!AH$2:AH$366,ROUNDDOWN($C5838/24,0)+1,1)*INDEX($D$3:$AA$30,INDEX(Jesper!$R$2:$R$366,ROW(INDEX(Jesper!AH$2:AH$366,ROUNDDOWN($C5838/24,0)+1,1))-1)+IF('Standard Profiles'!$G$18=$B$10,7,0)+IF('Standard Profiles'!$G$18=$B$17,14,0)+IF('Standard Profiles'!$G$18=$B$24,21,0),MOD($C5838,24)+1)/SUM(INDEX($D$3:$AA$30,INDEX(Jesper!$R$2:$R$366,ROW(INDEX(Jesper!AH$2:AH$366,ROUNDDOWN($C5838/24,0)+1,1))-1)+IF('Standard Profiles'!$G$18=$B$10,7,0)+IF('Standard Profiles'!$G$18=$B$17,14,0)+IF('Standard Profiles'!$G$18=$B$24,21,0),0)),0)</f>
        <v>9.2833176254722822</v>
      </c>
      <c r="E5838" cm="1">
        <f t="array" ref="E5838">IFERROR(INDEX(Jesper!AI$2:AI$366,ROUNDDOWN($C5838/24,0)+1,1)*INDEX($D$3:$AA$30,INDEX(Jesper!$R$2:$R$366,ROW(INDEX(Jesper!AI$2:AI$366,ROUNDDOWN($C5838/24,0)+1,1))-1)+IF('Standard Profiles'!$G$19=$B$10,7,0)+IF('Standard Profiles'!$G$19=$B$17,14,0)+IF('Standard Profiles'!$G$19=$B$24,21,0),MOD($C5838,24)+1)/SUM(INDEX($D$3:$AA$30,INDEX(Jesper!$R$2:$R$366,ROW(INDEX(Jesper!AI$2:AI$366,ROUNDDOWN($C5838/24,0)+1,1))-1)+IF('Standard Profiles'!$G$19=$B$10,7,0)+IF('Standard Profiles'!$G$19=$B$17,14,0)+IF('Standard Profiles'!$G$19=$B$24,21,0),0)),0)</f>
        <v>0</v>
      </c>
      <c r="F5838" cm="1">
        <f t="array" ref="F5838">IFERROR(INDEX(Jesper!AJ$2:AJ$366,ROUNDDOWN($C5838/24,0)+1,1)*INDEX($D$3:$AA$30,INDEX(Jesper!$R$2:$R$366,ROW(INDEX(Jesper!AJ$2:AJ$366,ROUNDDOWN($C5838/24,0)+1,1))-1)+IF('Standard Profiles'!$G$20=$B$10,7,0)+IF('Standard Profiles'!$G$20=$B$17,14,0)+IF('Standard Profiles'!$G$20=$B$24,21,0),MOD($C5838,24)+1)/SUM(INDEX($D$3:$AA$30,INDEX(Jesper!$R$2:$R$366,ROW(INDEX(Jesper!AJ$2:AJ$366,ROUNDDOWN($C5838/24,0)+1,1))-1)+IF('Standard Profiles'!$G$20=$B$10,7,0)+IF('Standard Profiles'!$G$20=$B$17,14,0)+IF('Standard Profiles'!$G$20=$B$24,21,0),0)),0)</f>
        <v>0</v>
      </c>
      <c r="G5838" cm="1">
        <f t="array" ref="G5838">IFERROR(INDEX(Jesper!AK$2:AK$366,ROUNDDOWN($C5838/24,0)+1,1)*INDEX($D$3:$AA$30,INDEX(Jesper!$R$2:$R$366,ROW(INDEX(Jesper!AK$2:AK$366,ROUNDDOWN($C5838/24,0)+1,1))-1)+IF('Standard Profiles'!$G$21=$B$10,7,0)+IF('Standard Profiles'!$G$21=$B$17,14,0)+IF('Standard Profiles'!$G$21=$B$24,21,0),MOD($C5838,24)+1)/SUM(INDEX($D$3:$AA$30,INDEX(Jesper!$R$2:$R$366,ROW(INDEX(Jesper!AK$2:AK$366,ROUNDDOWN($C5838/24,0)+1,1))-1)+IF('Standard Profiles'!$G$21=$B$10,7,0)+IF('Standard Profiles'!$G$21=$B$17,14,0)+IF('Standard Profiles'!$G$21=$B$24,21,0),0)),0)</f>
        <v>0</v>
      </c>
      <c r="H5838" cm="1">
        <f t="array" ref="H5838">IFERROR(INDEX(Jesper!AL$2:AL$366,ROUNDDOWN($C5838/24,0)+1,1)*INDEX($D$3:$AA$30,INDEX(Jesper!$R$2:$R$366,ROW(INDEX(Jesper!AL$2:AL$366,ROUNDDOWN($C5838/24,0)+1,1))-1)+IF('Standard Profiles'!$G$22=$B$10,7,0)+IF('Standard Profiles'!$G$22=$B$17,14,0)+IF('Standard Profiles'!$G$22=$B$24,21,0),MOD($C5838,24)+1)/SUM(INDEX($D$3:$AA$30,INDEX(Jesper!$R$2:$R$366,ROW(INDEX(Jesper!AL$2:AL$366,ROUNDDOWN($C5838/24,0)+1,1))-1)+IF('Standard Profiles'!$G$22=$B$10,7,0)+IF('Standard Profiles'!$G$22=$B$17,14,0)+IF('Standard Profiles'!$G$22=$B$24,21,0),0)),0)</f>
        <v>0</v>
      </c>
      <c r="I5838">
        <f t="shared" si="650"/>
        <v>0.27849952876416845</v>
      </c>
      <c r="J5838">
        <f t="shared" si="651"/>
        <v>0.92833176254722827</v>
      </c>
      <c r="K5838">
        <f t="shared" si="652"/>
        <v>1.3924976438208423</v>
      </c>
      <c r="L5838">
        <f t="shared" si="653"/>
        <v>6.6839886903400432</v>
      </c>
      <c r="M5838">
        <f t="shared" si="654"/>
        <v>0</v>
      </c>
      <c r="N5838" s="46">
        <f t="shared" si="655"/>
        <v>45533.833333319257</v>
      </c>
    </row>
    <row r="5839" spans="2:14" x14ac:dyDescent="0.3">
      <c r="B5839">
        <f t="shared" si="649"/>
        <v>4</v>
      </c>
      <c r="C5839" s="16">
        <v>5805</v>
      </c>
      <c r="D5839" cm="1">
        <f t="array" ref="D5839">IFERROR(INDEX(Jesper!AH$2:AH$366,ROUNDDOWN($C5839/24,0)+1,1)*INDEX($D$3:$AA$30,INDEX(Jesper!$R$2:$R$366,ROW(INDEX(Jesper!AH$2:AH$366,ROUNDDOWN($C5839/24,0)+1,1))-1)+IF('Standard Profiles'!$G$18=$B$10,7,0)+IF('Standard Profiles'!$G$18=$B$17,14,0)+IF('Standard Profiles'!$G$18=$B$24,21,0),MOD($C5839,24)+1)/SUM(INDEX($D$3:$AA$30,INDEX(Jesper!$R$2:$R$366,ROW(INDEX(Jesper!AH$2:AH$366,ROUNDDOWN($C5839/24,0)+1,1))-1)+IF('Standard Profiles'!$G$18=$B$10,7,0)+IF('Standard Profiles'!$G$18=$B$17,14,0)+IF('Standard Profiles'!$G$18=$B$24,21,0),0)),0)</f>
        <v>6.9624882191042099</v>
      </c>
      <c r="E5839" cm="1">
        <f t="array" ref="E5839">IFERROR(INDEX(Jesper!AI$2:AI$366,ROUNDDOWN($C5839/24,0)+1,1)*INDEX($D$3:$AA$30,INDEX(Jesper!$R$2:$R$366,ROW(INDEX(Jesper!AI$2:AI$366,ROUNDDOWN($C5839/24,0)+1,1))-1)+IF('Standard Profiles'!$G$19=$B$10,7,0)+IF('Standard Profiles'!$G$19=$B$17,14,0)+IF('Standard Profiles'!$G$19=$B$24,21,0),MOD($C5839,24)+1)/SUM(INDEX($D$3:$AA$30,INDEX(Jesper!$R$2:$R$366,ROW(INDEX(Jesper!AI$2:AI$366,ROUNDDOWN($C5839/24,0)+1,1))-1)+IF('Standard Profiles'!$G$19=$B$10,7,0)+IF('Standard Profiles'!$G$19=$B$17,14,0)+IF('Standard Profiles'!$G$19=$B$24,21,0),0)),0)</f>
        <v>0</v>
      </c>
      <c r="F5839" cm="1">
        <f t="array" ref="F5839">IFERROR(INDEX(Jesper!AJ$2:AJ$366,ROUNDDOWN($C5839/24,0)+1,1)*INDEX($D$3:$AA$30,INDEX(Jesper!$R$2:$R$366,ROW(INDEX(Jesper!AJ$2:AJ$366,ROUNDDOWN($C5839/24,0)+1,1))-1)+IF('Standard Profiles'!$G$20=$B$10,7,0)+IF('Standard Profiles'!$G$20=$B$17,14,0)+IF('Standard Profiles'!$G$20=$B$24,21,0),MOD($C5839,24)+1)/SUM(INDEX($D$3:$AA$30,INDEX(Jesper!$R$2:$R$366,ROW(INDEX(Jesper!AJ$2:AJ$366,ROUNDDOWN($C5839/24,0)+1,1))-1)+IF('Standard Profiles'!$G$20=$B$10,7,0)+IF('Standard Profiles'!$G$20=$B$17,14,0)+IF('Standard Profiles'!$G$20=$B$24,21,0),0)),0)</f>
        <v>0</v>
      </c>
      <c r="G5839" cm="1">
        <f t="array" ref="G5839">IFERROR(INDEX(Jesper!AK$2:AK$366,ROUNDDOWN($C5839/24,0)+1,1)*INDEX($D$3:$AA$30,INDEX(Jesper!$R$2:$R$366,ROW(INDEX(Jesper!AK$2:AK$366,ROUNDDOWN($C5839/24,0)+1,1))-1)+IF('Standard Profiles'!$G$21=$B$10,7,0)+IF('Standard Profiles'!$G$21=$B$17,14,0)+IF('Standard Profiles'!$G$21=$B$24,21,0),MOD($C5839,24)+1)/SUM(INDEX($D$3:$AA$30,INDEX(Jesper!$R$2:$R$366,ROW(INDEX(Jesper!AK$2:AK$366,ROUNDDOWN($C5839/24,0)+1,1))-1)+IF('Standard Profiles'!$G$21=$B$10,7,0)+IF('Standard Profiles'!$G$21=$B$17,14,0)+IF('Standard Profiles'!$G$21=$B$24,21,0),0)),0)</f>
        <v>0</v>
      </c>
      <c r="H5839" cm="1">
        <f t="array" ref="H5839">IFERROR(INDEX(Jesper!AL$2:AL$366,ROUNDDOWN($C5839/24,0)+1,1)*INDEX($D$3:$AA$30,INDEX(Jesper!$R$2:$R$366,ROW(INDEX(Jesper!AL$2:AL$366,ROUNDDOWN($C5839/24,0)+1,1))-1)+IF('Standard Profiles'!$G$22=$B$10,7,0)+IF('Standard Profiles'!$G$22=$B$17,14,0)+IF('Standard Profiles'!$G$22=$B$24,21,0),MOD($C5839,24)+1)/SUM(INDEX($D$3:$AA$30,INDEX(Jesper!$R$2:$R$366,ROW(INDEX(Jesper!AL$2:AL$366,ROUNDDOWN($C5839/24,0)+1,1))-1)+IF('Standard Profiles'!$G$22=$B$10,7,0)+IF('Standard Profiles'!$G$22=$B$17,14,0)+IF('Standard Profiles'!$G$22=$B$24,21,0),0)),0)</f>
        <v>0</v>
      </c>
      <c r="I5839">
        <f t="shared" si="650"/>
        <v>0.20887464657312629</v>
      </c>
      <c r="J5839">
        <f t="shared" si="651"/>
        <v>0.69624882191042103</v>
      </c>
      <c r="K5839">
        <f t="shared" si="652"/>
        <v>1.0443732328656314</v>
      </c>
      <c r="L5839">
        <f t="shared" si="653"/>
        <v>5.0129915177550313</v>
      </c>
      <c r="M5839">
        <f t="shared" si="654"/>
        <v>0</v>
      </c>
      <c r="N5839" s="46">
        <f t="shared" si="655"/>
        <v>45533.874999985921</v>
      </c>
    </row>
    <row r="5840" spans="2:14" x14ac:dyDescent="0.3">
      <c r="B5840">
        <f t="shared" si="649"/>
        <v>4</v>
      </c>
      <c r="C5840" s="16">
        <v>5806</v>
      </c>
      <c r="D5840" cm="1">
        <f t="array" ref="D5840">IFERROR(INDEX(Jesper!AH$2:AH$366,ROUNDDOWN($C5840/24,0)+1,1)*INDEX($D$3:$AA$30,INDEX(Jesper!$R$2:$R$366,ROW(INDEX(Jesper!AH$2:AH$366,ROUNDDOWN($C5840/24,0)+1,1))-1)+IF('Standard Profiles'!$G$18=$B$10,7,0)+IF('Standard Profiles'!$G$18=$B$17,14,0)+IF('Standard Profiles'!$G$18=$B$24,21,0),MOD($C5840,24)+1)/SUM(INDEX($D$3:$AA$30,INDEX(Jesper!$R$2:$R$366,ROW(INDEX(Jesper!AH$2:AH$366,ROUNDDOWN($C5840/24,0)+1,1))-1)+IF('Standard Profiles'!$G$18=$B$10,7,0)+IF('Standard Profiles'!$G$18=$B$17,14,0)+IF('Standard Profiles'!$G$18=$B$24,21,0),0)),0)</f>
        <v>6.9624882191042099</v>
      </c>
      <c r="E5840" cm="1">
        <f t="array" ref="E5840">IFERROR(INDEX(Jesper!AI$2:AI$366,ROUNDDOWN($C5840/24,0)+1,1)*INDEX($D$3:$AA$30,INDEX(Jesper!$R$2:$R$366,ROW(INDEX(Jesper!AI$2:AI$366,ROUNDDOWN($C5840/24,0)+1,1))-1)+IF('Standard Profiles'!$G$19=$B$10,7,0)+IF('Standard Profiles'!$G$19=$B$17,14,0)+IF('Standard Profiles'!$G$19=$B$24,21,0),MOD($C5840,24)+1)/SUM(INDEX($D$3:$AA$30,INDEX(Jesper!$R$2:$R$366,ROW(INDEX(Jesper!AI$2:AI$366,ROUNDDOWN($C5840/24,0)+1,1))-1)+IF('Standard Profiles'!$G$19=$B$10,7,0)+IF('Standard Profiles'!$G$19=$B$17,14,0)+IF('Standard Profiles'!$G$19=$B$24,21,0),0)),0)</f>
        <v>0</v>
      </c>
      <c r="F5840" cm="1">
        <f t="array" ref="F5840">IFERROR(INDEX(Jesper!AJ$2:AJ$366,ROUNDDOWN($C5840/24,0)+1,1)*INDEX($D$3:$AA$30,INDEX(Jesper!$R$2:$R$366,ROW(INDEX(Jesper!AJ$2:AJ$366,ROUNDDOWN($C5840/24,0)+1,1))-1)+IF('Standard Profiles'!$G$20=$B$10,7,0)+IF('Standard Profiles'!$G$20=$B$17,14,0)+IF('Standard Profiles'!$G$20=$B$24,21,0),MOD($C5840,24)+1)/SUM(INDEX($D$3:$AA$30,INDEX(Jesper!$R$2:$R$366,ROW(INDEX(Jesper!AJ$2:AJ$366,ROUNDDOWN($C5840/24,0)+1,1))-1)+IF('Standard Profiles'!$G$20=$B$10,7,0)+IF('Standard Profiles'!$G$20=$B$17,14,0)+IF('Standard Profiles'!$G$20=$B$24,21,0),0)),0)</f>
        <v>0</v>
      </c>
      <c r="G5840" cm="1">
        <f t="array" ref="G5840">IFERROR(INDEX(Jesper!AK$2:AK$366,ROUNDDOWN($C5840/24,0)+1,1)*INDEX($D$3:$AA$30,INDEX(Jesper!$R$2:$R$366,ROW(INDEX(Jesper!AK$2:AK$366,ROUNDDOWN($C5840/24,0)+1,1))-1)+IF('Standard Profiles'!$G$21=$B$10,7,0)+IF('Standard Profiles'!$G$21=$B$17,14,0)+IF('Standard Profiles'!$G$21=$B$24,21,0),MOD($C5840,24)+1)/SUM(INDEX($D$3:$AA$30,INDEX(Jesper!$R$2:$R$366,ROW(INDEX(Jesper!AK$2:AK$366,ROUNDDOWN($C5840/24,0)+1,1))-1)+IF('Standard Profiles'!$G$21=$B$10,7,0)+IF('Standard Profiles'!$G$21=$B$17,14,0)+IF('Standard Profiles'!$G$21=$B$24,21,0),0)),0)</f>
        <v>0</v>
      </c>
      <c r="H5840" cm="1">
        <f t="array" ref="H5840">IFERROR(INDEX(Jesper!AL$2:AL$366,ROUNDDOWN($C5840/24,0)+1,1)*INDEX($D$3:$AA$30,INDEX(Jesper!$R$2:$R$366,ROW(INDEX(Jesper!AL$2:AL$366,ROUNDDOWN($C5840/24,0)+1,1))-1)+IF('Standard Profiles'!$G$22=$B$10,7,0)+IF('Standard Profiles'!$G$22=$B$17,14,0)+IF('Standard Profiles'!$G$22=$B$24,21,0),MOD($C5840,24)+1)/SUM(INDEX($D$3:$AA$30,INDEX(Jesper!$R$2:$R$366,ROW(INDEX(Jesper!AL$2:AL$366,ROUNDDOWN($C5840/24,0)+1,1))-1)+IF('Standard Profiles'!$G$22=$B$10,7,0)+IF('Standard Profiles'!$G$22=$B$17,14,0)+IF('Standard Profiles'!$G$22=$B$24,21,0),0)),0)</f>
        <v>0</v>
      </c>
      <c r="I5840">
        <f t="shared" si="650"/>
        <v>0.20887464657312629</v>
      </c>
      <c r="J5840">
        <f t="shared" si="651"/>
        <v>0.69624882191042103</v>
      </c>
      <c r="K5840">
        <f t="shared" si="652"/>
        <v>1.0443732328656314</v>
      </c>
      <c r="L5840">
        <f t="shared" si="653"/>
        <v>5.0129915177550313</v>
      </c>
      <c r="M5840">
        <f t="shared" si="654"/>
        <v>0</v>
      </c>
      <c r="N5840" s="46">
        <f t="shared" si="655"/>
        <v>45533.916666652585</v>
      </c>
    </row>
    <row r="5841" spans="2:14" x14ac:dyDescent="0.3">
      <c r="B5841">
        <f t="shared" si="649"/>
        <v>4</v>
      </c>
      <c r="C5841" s="16">
        <v>5807</v>
      </c>
      <c r="D5841" cm="1">
        <f t="array" ref="D5841">IFERROR(INDEX(Jesper!AH$2:AH$366,ROUNDDOWN($C5841/24,0)+1,1)*INDEX($D$3:$AA$30,INDEX(Jesper!$R$2:$R$366,ROW(INDEX(Jesper!AH$2:AH$366,ROUNDDOWN($C5841/24,0)+1,1))-1)+IF('Standard Profiles'!$G$18=$B$10,7,0)+IF('Standard Profiles'!$G$18=$B$17,14,0)+IF('Standard Profiles'!$G$18=$B$24,21,0),MOD($C5841,24)+1)/SUM(INDEX($D$3:$AA$30,INDEX(Jesper!$R$2:$R$366,ROW(INDEX(Jesper!AH$2:AH$366,ROUNDDOWN($C5841/24,0)+1,1))-1)+IF('Standard Profiles'!$G$18=$B$10,7,0)+IF('Standard Profiles'!$G$18=$B$17,14,0)+IF('Standard Profiles'!$G$18=$B$24,21,0),0)),0)</f>
        <v>6.9624882191042099</v>
      </c>
      <c r="E5841" cm="1">
        <f t="array" ref="E5841">IFERROR(INDEX(Jesper!AI$2:AI$366,ROUNDDOWN($C5841/24,0)+1,1)*INDEX($D$3:$AA$30,INDEX(Jesper!$R$2:$R$366,ROW(INDEX(Jesper!AI$2:AI$366,ROUNDDOWN($C5841/24,0)+1,1))-1)+IF('Standard Profiles'!$G$19=$B$10,7,0)+IF('Standard Profiles'!$G$19=$B$17,14,0)+IF('Standard Profiles'!$G$19=$B$24,21,0),MOD($C5841,24)+1)/SUM(INDEX($D$3:$AA$30,INDEX(Jesper!$R$2:$R$366,ROW(INDEX(Jesper!AI$2:AI$366,ROUNDDOWN($C5841/24,0)+1,1))-1)+IF('Standard Profiles'!$G$19=$B$10,7,0)+IF('Standard Profiles'!$G$19=$B$17,14,0)+IF('Standard Profiles'!$G$19=$B$24,21,0),0)),0)</f>
        <v>0</v>
      </c>
      <c r="F5841" cm="1">
        <f t="array" ref="F5841">IFERROR(INDEX(Jesper!AJ$2:AJ$366,ROUNDDOWN($C5841/24,0)+1,1)*INDEX($D$3:$AA$30,INDEX(Jesper!$R$2:$R$366,ROW(INDEX(Jesper!AJ$2:AJ$366,ROUNDDOWN($C5841/24,0)+1,1))-1)+IF('Standard Profiles'!$G$20=$B$10,7,0)+IF('Standard Profiles'!$G$20=$B$17,14,0)+IF('Standard Profiles'!$G$20=$B$24,21,0),MOD($C5841,24)+1)/SUM(INDEX($D$3:$AA$30,INDEX(Jesper!$R$2:$R$366,ROW(INDEX(Jesper!AJ$2:AJ$366,ROUNDDOWN($C5841/24,0)+1,1))-1)+IF('Standard Profiles'!$G$20=$B$10,7,0)+IF('Standard Profiles'!$G$20=$B$17,14,0)+IF('Standard Profiles'!$G$20=$B$24,21,0),0)),0)</f>
        <v>0</v>
      </c>
      <c r="G5841" cm="1">
        <f t="array" ref="G5841">IFERROR(INDEX(Jesper!AK$2:AK$366,ROUNDDOWN($C5841/24,0)+1,1)*INDEX($D$3:$AA$30,INDEX(Jesper!$R$2:$R$366,ROW(INDEX(Jesper!AK$2:AK$366,ROUNDDOWN($C5841/24,0)+1,1))-1)+IF('Standard Profiles'!$G$21=$B$10,7,0)+IF('Standard Profiles'!$G$21=$B$17,14,0)+IF('Standard Profiles'!$G$21=$B$24,21,0),MOD($C5841,24)+1)/SUM(INDEX($D$3:$AA$30,INDEX(Jesper!$R$2:$R$366,ROW(INDEX(Jesper!AK$2:AK$366,ROUNDDOWN($C5841/24,0)+1,1))-1)+IF('Standard Profiles'!$G$21=$B$10,7,0)+IF('Standard Profiles'!$G$21=$B$17,14,0)+IF('Standard Profiles'!$G$21=$B$24,21,0),0)),0)</f>
        <v>0</v>
      </c>
      <c r="H5841" cm="1">
        <f t="array" ref="H5841">IFERROR(INDEX(Jesper!AL$2:AL$366,ROUNDDOWN($C5841/24,0)+1,1)*INDEX($D$3:$AA$30,INDEX(Jesper!$R$2:$R$366,ROW(INDEX(Jesper!AL$2:AL$366,ROUNDDOWN($C5841/24,0)+1,1))-1)+IF('Standard Profiles'!$G$22=$B$10,7,0)+IF('Standard Profiles'!$G$22=$B$17,14,0)+IF('Standard Profiles'!$G$22=$B$24,21,0),MOD($C5841,24)+1)/SUM(INDEX($D$3:$AA$30,INDEX(Jesper!$R$2:$R$366,ROW(INDEX(Jesper!AL$2:AL$366,ROUNDDOWN($C5841/24,0)+1,1))-1)+IF('Standard Profiles'!$G$22=$B$10,7,0)+IF('Standard Profiles'!$G$22=$B$17,14,0)+IF('Standard Profiles'!$G$22=$B$24,21,0),0)),0)</f>
        <v>0</v>
      </c>
      <c r="I5841">
        <f t="shared" si="650"/>
        <v>0.20887464657312629</v>
      </c>
      <c r="J5841">
        <f t="shared" si="651"/>
        <v>0.69624882191042103</v>
      </c>
      <c r="K5841">
        <f t="shared" si="652"/>
        <v>1.0443732328656314</v>
      </c>
      <c r="L5841">
        <f t="shared" si="653"/>
        <v>5.0129915177550313</v>
      </c>
      <c r="M5841">
        <f t="shared" si="654"/>
        <v>0</v>
      </c>
      <c r="N5841" s="46">
        <f t="shared" si="655"/>
        <v>45533.95833331925</v>
      </c>
    </row>
    <row r="5842" spans="2:14" x14ac:dyDescent="0.3">
      <c r="B5842">
        <f t="shared" si="649"/>
        <v>5</v>
      </c>
      <c r="C5842" s="16">
        <v>5808</v>
      </c>
      <c r="D5842" cm="1">
        <f t="array" ref="D5842">IFERROR(INDEX(Jesper!AH$2:AH$366,ROUNDDOWN($C5842/24,0)+1,1)*INDEX($D$3:$AA$30,INDEX(Jesper!$R$2:$R$366,ROW(INDEX(Jesper!AH$2:AH$366,ROUNDDOWN($C5842/24,0)+1,1))-1)+IF('Standard Profiles'!$G$18=$B$10,7,0)+IF('Standard Profiles'!$G$18=$B$17,14,0)+IF('Standard Profiles'!$G$18=$B$24,21,0),MOD($C5842,24)+1)/SUM(INDEX($D$3:$AA$30,INDEX(Jesper!$R$2:$R$366,ROW(INDEX(Jesper!AH$2:AH$366,ROUNDDOWN($C5842/24,0)+1,1))-1)+IF('Standard Profiles'!$G$18=$B$10,7,0)+IF('Standard Profiles'!$G$18=$B$17,14,0)+IF('Standard Profiles'!$G$18=$B$24,21,0),0)),0)</f>
        <v>7.7035137026106213</v>
      </c>
      <c r="E5842" cm="1">
        <f t="array" ref="E5842">IFERROR(INDEX(Jesper!AI$2:AI$366,ROUNDDOWN($C5842/24,0)+1,1)*INDEX($D$3:$AA$30,INDEX(Jesper!$R$2:$R$366,ROW(INDEX(Jesper!AI$2:AI$366,ROUNDDOWN($C5842/24,0)+1,1))-1)+IF('Standard Profiles'!$G$19=$B$10,7,0)+IF('Standard Profiles'!$G$19=$B$17,14,0)+IF('Standard Profiles'!$G$19=$B$24,21,0),MOD($C5842,24)+1)/SUM(INDEX($D$3:$AA$30,INDEX(Jesper!$R$2:$R$366,ROW(INDEX(Jesper!AI$2:AI$366,ROUNDDOWN($C5842/24,0)+1,1))-1)+IF('Standard Profiles'!$G$19=$B$10,7,0)+IF('Standard Profiles'!$G$19=$B$17,14,0)+IF('Standard Profiles'!$G$19=$B$24,21,0),0)),0)</f>
        <v>0</v>
      </c>
      <c r="F5842" cm="1">
        <f t="array" ref="F5842">IFERROR(INDEX(Jesper!AJ$2:AJ$366,ROUNDDOWN($C5842/24,0)+1,1)*INDEX($D$3:$AA$30,INDEX(Jesper!$R$2:$R$366,ROW(INDEX(Jesper!AJ$2:AJ$366,ROUNDDOWN($C5842/24,0)+1,1))-1)+IF('Standard Profiles'!$G$20=$B$10,7,0)+IF('Standard Profiles'!$G$20=$B$17,14,0)+IF('Standard Profiles'!$G$20=$B$24,21,0),MOD($C5842,24)+1)/SUM(INDEX($D$3:$AA$30,INDEX(Jesper!$R$2:$R$366,ROW(INDEX(Jesper!AJ$2:AJ$366,ROUNDDOWN($C5842/24,0)+1,1))-1)+IF('Standard Profiles'!$G$20=$B$10,7,0)+IF('Standard Profiles'!$G$20=$B$17,14,0)+IF('Standard Profiles'!$G$20=$B$24,21,0),0)),0)</f>
        <v>0</v>
      </c>
      <c r="G5842" cm="1">
        <f t="array" ref="G5842">IFERROR(INDEX(Jesper!AK$2:AK$366,ROUNDDOWN($C5842/24,0)+1,1)*INDEX($D$3:$AA$30,INDEX(Jesper!$R$2:$R$366,ROW(INDEX(Jesper!AK$2:AK$366,ROUNDDOWN($C5842/24,0)+1,1))-1)+IF('Standard Profiles'!$G$21=$B$10,7,0)+IF('Standard Profiles'!$G$21=$B$17,14,0)+IF('Standard Profiles'!$G$21=$B$24,21,0),MOD($C5842,24)+1)/SUM(INDEX($D$3:$AA$30,INDEX(Jesper!$R$2:$R$366,ROW(INDEX(Jesper!AK$2:AK$366,ROUNDDOWN($C5842/24,0)+1,1))-1)+IF('Standard Profiles'!$G$21=$B$10,7,0)+IF('Standard Profiles'!$G$21=$B$17,14,0)+IF('Standard Profiles'!$G$21=$B$24,21,0),0)),0)</f>
        <v>0</v>
      </c>
      <c r="H5842" cm="1">
        <f t="array" ref="H5842">IFERROR(INDEX(Jesper!AL$2:AL$366,ROUNDDOWN($C5842/24,0)+1,1)*INDEX($D$3:$AA$30,INDEX(Jesper!$R$2:$R$366,ROW(INDEX(Jesper!AL$2:AL$366,ROUNDDOWN($C5842/24,0)+1,1))-1)+IF('Standard Profiles'!$G$22=$B$10,7,0)+IF('Standard Profiles'!$G$22=$B$17,14,0)+IF('Standard Profiles'!$G$22=$B$24,21,0),MOD($C5842,24)+1)/SUM(INDEX($D$3:$AA$30,INDEX(Jesper!$R$2:$R$366,ROW(INDEX(Jesper!AL$2:AL$366,ROUNDDOWN($C5842/24,0)+1,1))-1)+IF('Standard Profiles'!$G$22=$B$10,7,0)+IF('Standard Profiles'!$G$22=$B$17,14,0)+IF('Standard Profiles'!$G$22=$B$24,21,0),0)),0)</f>
        <v>0</v>
      </c>
      <c r="I5842">
        <f t="shared" si="650"/>
        <v>0.23110541107831864</v>
      </c>
      <c r="J5842">
        <f t="shared" si="651"/>
        <v>0.77035137026106215</v>
      </c>
      <c r="K5842">
        <f t="shared" si="652"/>
        <v>1.1555270553915931</v>
      </c>
      <c r="L5842">
        <f t="shared" si="653"/>
        <v>5.5465298658796467</v>
      </c>
      <c r="M5842">
        <f t="shared" si="654"/>
        <v>0</v>
      </c>
      <c r="N5842" s="46">
        <f t="shared" si="655"/>
        <v>45533.999999985914</v>
      </c>
    </row>
    <row r="5843" spans="2:14" x14ac:dyDescent="0.3">
      <c r="B5843">
        <f t="shared" si="649"/>
        <v>5</v>
      </c>
      <c r="C5843" s="16">
        <v>5809</v>
      </c>
      <c r="D5843" cm="1">
        <f t="array" ref="D5843">IFERROR(INDEX(Jesper!AH$2:AH$366,ROUNDDOWN($C5843/24,0)+1,1)*INDEX($D$3:$AA$30,INDEX(Jesper!$R$2:$R$366,ROW(INDEX(Jesper!AH$2:AH$366,ROUNDDOWN($C5843/24,0)+1,1))-1)+IF('Standard Profiles'!$G$18=$B$10,7,0)+IF('Standard Profiles'!$G$18=$B$17,14,0)+IF('Standard Profiles'!$G$18=$B$24,21,0),MOD($C5843,24)+1)/SUM(INDEX($D$3:$AA$30,INDEX(Jesper!$R$2:$R$366,ROW(INDEX(Jesper!AH$2:AH$366,ROUNDDOWN($C5843/24,0)+1,1))-1)+IF('Standard Profiles'!$G$18=$B$10,7,0)+IF('Standard Profiles'!$G$18=$B$17,14,0)+IF('Standard Profiles'!$G$18=$B$24,21,0),0)),0)</f>
        <v>7.7035137026106213</v>
      </c>
      <c r="E5843" cm="1">
        <f t="array" ref="E5843">IFERROR(INDEX(Jesper!AI$2:AI$366,ROUNDDOWN($C5843/24,0)+1,1)*INDEX($D$3:$AA$30,INDEX(Jesper!$R$2:$R$366,ROW(INDEX(Jesper!AI$2:AI$366,ROUNDDOWN($C5843/24,0)+1,1))-1)+IF('Standard Profiles'!$G$19=$B$10,7,0)+IF('Standard Profiles'!$G$19=$B$17,14,0)+IF('Standard Profiles'!$G$19=$B$24,21,0),MOD($C5843,24)+1)/SUM(INDEX($D$3:$AA$30,INDEX(Jesper!$R$2:$R$366,ROW(INDEX(Jesper!AI$2:AI$366,ROUNDDOWN($C5843/24,0)+1,1))-1)+IF('Standard Profiles'!$G$19=$B$10,7,0)+IF('Standard Profiles'!$G$19=$B$17,14,0)+IF('Standard Profiles'!$G$19=$B$24,21,0),0)),0)</f>
        <v>0</v>
      </c>
      <c r="F5843" cm="1">
        <f t="array" ref="F5843">IFERROR(INDEX(Jesper!AJ$2:AJ$366,ROUNDDOWN($C5843/24,0)+1,1)*INDEX($D$3:$AA$30,INDEX(Jesper!$R$2:$R$366,ROW(INDEX(Jesper!AJ$2:AJ$366,ROUNDDOWN($C5843/24,0)+1,1))-1)+IF('Standard Profiles'!$G$20=$B$10,7,0)+IF('Standard Profiles'!$G$20=$B$17,14,0)+IF('Standard Profiles'!$G$20=$B$24,21,0),MOD($C5843,24)+1)/SUM(INDEX($D$3:$AA$30,INDEX(Jesper!$R$2:$R$366,ROW(INDEX(Jesper!AJ$2:AJ$366,ROUNDDOWN($C5843/24,0)+1,1))-1)+IF('Standard Profiles'!$G$20=$B$10,7,0)+IF('Standard Profiles'!$G$20=$B$17,14,0)+IF('Standard Profiles'!$G$20=$B$24,21,0),0)),0)</f>
        <v>0</v>
      </c>
      <c r="G5843" cm="1">
        <f t="array" ref="G5843">IFERROR(INDEX(Jesper!AK$2:AK$366,ROUNDDOWN($C5843/24,0)+1,1)*INDEX($D$3:$AA$30,INDEX(Jesper!$R$2:$R$366,ROW(INDEX(Jesper!AK$2:AK$366,ROUNDDOWN($C5843/24,0)+1,1))-1)+IF('Standard Profiles'!$G$21=$B$10,7,0)+IF('Standard Profiles'!$G$21=$B$17,14,0)+IF('Standard Profiles'!$G$21=$B$24,21,0),MOD($C5843,24)+1)/SUM(INDEX($D$3:$AA$30,INDEX(Jesper!$R$2:$R$366,ROW(INDEX(Jesper!AK$2:AK$366,ROUNDDOWN($C5843/24,0)+1,1))-1)+IF('Standard Profiles'!$G$21=$B$10,7,0)+IF('Standard Profiles'!$G$21=$B$17,14,0)+IF('Standard Profiles'!$G$21=$B$24,21,0),0)),0)</f>
        <v>0</v>
      </c>
      <c r="H5843" cm="1">
        <f t="array" ref="H5843">IFERROR(INDEX(Jesper!AL$2:AL$366,ROUNDDOWN($C5843/24,0)+1,1)*INDEX($D$3:$AA$30,INDEX(Jesper!$R$2:$R$366,ROW(INDEX(Jesper!AL$2:AL$366,ROUNDDOWN($C5843/24,0)+1,1))-1)+IF('Standard Profiles'!$G$22=$B$10,7,0)+IF('Standard Profiles'!$G$22=$B$17,14,0)+IF('Standard Profiles'!$G$22=$B$24,21,0),MOD($C5843,24)+1)/SUM(INDEX($D$3:$AA$30,INDEX(Jesper!$R$2:$R$366,ROW(INDEX(Jesper!AL$2:AL$366,ROUNDDOWN($C5843/24,0)+1,1))-1)+IF('Standard Profiles'!$G$22=$B$10,7,0)+IF('Standard Profiles'!$G$22=$B$17,14,0)+IF('Standard Profiles'!$G$22=$B$24,21,0),0)),0)</f>
        <v>0</v>
      </c>
      <c r="I5843">
        <f t="shared" si="650"/>
        <v>0.23110541107831864</v>
      </c>
      <c r="J5843">
        <f t="shared" si="651"/>
        <v>0.77035137026106215</v>
      </c>
      <c r="K5843">
        <f t="shared" si="652"/>
        <v>1.1555270553915931</v>
      </c>
      <c r="L5843">
        <f t="shared" si="653"/>
        <v>5.5465298658796467</v>
      </c>
      <c r="M5843">
        <f t="shared" si="654"/>
        <v>0</v>
      </c>
      <c r="N5843" s="46">
        <f t="shared" si="655"/>
        <v>45534.041666652578</v>
      </c>
    </row>
    <row r="5844" spans="2:14" x14ac:dyDescent="0.3">
      <c r="B5844">
        <f t="shared" si="649"/>
        <v>5</v>
      </c>
      <c r="C5844" s="16">
        <v>5810</v>
      </c>
      <c r="D5844" cm="1">
        <f t="array" ref="D5844">IFERROR(INDEX(Jesper!AH$2:AH$366,ROUNDDOWN($C5844/24,0)+1,1)*INDEX($D$3:$AA$30,INDEX(Jesper!$R$2:$R$366,ROW(INDEX(Jesper!AH$2:AH$366,ROUNDDOWN($C5844/24,0)+1,1))-1)+IF('Standard Profiles'!$G$18=$B$10,7,0)+IF('Standard Profiles'!$G$18=$B$17,14,0)+IF('Standard Profiles'!$G$18=$B$24,21,0),MOD($C5844,24)+1)/SUM(INDEX($D$3:$AA$30,INDEX(Jesper!$R$2:$R$366,ROW(INDEX(Jesper!AH$2:AH$366,ROUNDDOWN($C5844/24,0)+1,1))-1)+IF('Standard Profiles'!$G$18=$B$10,7,0)+IF('Standard Profiles'!$G$18=$B$17,14,0)+IF('Standard Profiles'!$G$18=$B$24,21,0),0)),0)</f>
        <v>7.7035137026106213</v>
      </c>
      <c r="E5844" cm="1">
        <f t="array" ref="E5844">IFERROR(INDEX(Jesper!AI$2:AI$366,ROUNDDOWN($C5844/24,0)+1,1)*INDEX($D$3:$AA$30,INDEX(Jesper!$R$2:$R$366,ROW(INDEX(Jesper!AI$2:AI$366,ROUNDDOWN($C5844/24,0)+1,1))-1)+IF('Standard Profiles'!$G$19=$B$10,7,0)+IF('Standard Profiles'!$G$19=$B$17,14,0)+IF('Standard Profiles'!$G$19=$B$24,21,0),MOD($C5844,24)+1)/SUM(INDEX($D$3:$AA$30,INDEX(Jesper!$R$2:$R$366,ROW(INDEX(Jesper!AI$2:AI$366,ROUNDDOWN($C5844/24,0)+1,1))-1)+IF('Standard Profiles'!$G$19=$B$10,7,0)+IF('Standard Profiles'!$G$19=$B$17,14,0)+IF('Standard Profiles'!$G$19=$B$24,21,0),0)),0)</f>
        <v>0</v>
      </c>
      <c r="F5844" cm="1">
        <f t="array" ref="F5844">IFERROR(INDEX(Jesper!AJ$2:AJ$366,ROUNDDOWN($C5844/24,0)+1,1)*INDEX($D$3:$AA$30,INDEX(Jesper!$R$2:$R$366,ROW(INDEX(Jesper!AJ$2:AJ$366,ROUNDDOWN($C5844/24,0)+1,1))-1)+IF('Standard Profiles'!$G$20=$B$10,7,0)+IF('Standard Profiles'!$G$20=$B$17,14,0)+IF('Standard Profiles'!$G$20=$B$24,21,0),MOD($C5844,24)+1)/SUM(INDEX($D$3:$AA$30,INDEX(Jesper!$R$2:$R$366,ROW(INDEX(Jesper!AJ$2:AJ$366,ROUNDDOWN($C5844/24,0)+1,1))-1)+IF('Standard Profiles'!$G$20=$B$10,7,0)+IF('Standard Profiles'!$G$20=$B$17,14,0)+IF('Standard Profiles'!$G$20=$B$24,21,0),0)),0)</f>
        <v>0</v>
      </c>
      <c r="G5844" cm="1">
        <f t="array" ref="G5844">IFERROR(INDEX(Jesper!AK$2:AK$366,ROUNDDOWN($C5844/24,0)+1,1)*INDEX($D$3:$AA$30,INDEX(Jesper!$R$2:$R$366,ROW(INDEX(Jesper!AK$2:AK$366,ROUNDDOWN($C5844/24,0)+1,1))-1)+IF('Standard Profiles'!$G$21=$B$10,7,0)+IF('Standard Profiles'!$G$21=$B$17,14,0)+IF('Standard Profiles'!$G$21=$B$24,21,0),MOD($C5844,24)+1)/SUM(INDEX($D$3:$AA$30,INDEX(Jesper!$R$2:$R$366,ROW(INDEX(Jesper!AK$2:AK$366,ROUNDDOWN($C5844/24,0)+1,1))-1)+IF('Standard Profiles'!$G$21=$B$10,7,0)+IF('Standard Profiles'!$G$21=$B$17,14,0)+IF('Standard Profiles'!$G$21=$B$24,21,0),0)),0)</f>
        <v>0</v>
      </c>
      <c r="H5844" cm="1">
        <f t="array" ref="H5844">IFERROR(INDEX(Jesper!AL$2:AL$366,ROUNDDOWN($C5844/24,0)+1,1)*INDEX($D$3:$AA$30,INDEX(Jesper!$R$2:$R$366,ROW(INDEX(Jesper!AL$2:AL$366,ROUNDDOWN($C5844/24,0)+1,1))-1)+IF('Standard Profiles'!$G$22=$B$10,7,0)+IF('Standard Profiles'!$G$22=$B$17,14,0)+IF('Standard Profiles'!$G$22=$B$24,21,0),MOD($C5844,24)+1)/SUM(INDEX($D$3:$AA$30,INDEX(Jesper!$R$2:$R$366,ROW(INDEX(Jesper!AL$2:AL$366,ROUNDDOWN($C5844/24,0)+1,1))-1)+IF('Standard Profiles'!$G$22=$B$10,7,0)+IF('Standard Profiles'!$G$22=$B$17,14,0)+IF('Standard Profiles'!$G$22=$B$24,21,0),0)),0)</f>
        <v>0</v>
      </c>
      <c r="I5844">
        <f t="shared" si="650"/>
        <v>0.23110541107831864</v>
      </c>
      <c r="J5844">
        <f t="shared" si="651"/>
        <v>0.77035137026106215</v>
      </c>
      <c r="K5844">
        <f t="shared" si="652"/>
        <v>1.1555270553915931</v>
      </c>
      <c r="L5844">
        <f t="shared" si="653"/>
        <v>5.5465298658796467</v>
      </c>
      <c r="M5844">
        <f t="shared" si="654"/>
        <v>0</v>
      </c>
      <c r="N5844" s="46">
        <f t="shared" si="655"/>
        <v>45534.083333319242</v>
      </c>
    </row>
    <row r="5845" spans="2:14" x14ac:dyDescent="0.3">
      <c r="B5845">
        <f t="shared" si="649"/>
        <v>5</v>
      </c>
      <c r="C5845" s="16">
        <v>5811</v>
      </c>
      <c r="D5845" cm="1">
        <f t="array" ref="D5845">IFERROR(INDEX(Jesper!AH$2:AH$366,ROUNDDOWN($C5845/24,0)+1,1)*INDEX($D$3:$AA$30,INDEX(Jesper!$R$2:$R$366,ROW(INDEX(Jesper!AH$2:AH$366,ROUNDDOWN($C5845/24,0)+1,1))-1)+IF('Standard Profiles'!$G$18=$B$10,7,0)+IF('Standard Profiles'!$G$18=$B$17,14,0)+IF('Standard Profiles'!$G$18=$B$24,21,0),MOD($C5845,24)+1)/SUM(INDEX($D$3:$AA$30,INDEX(Jesper!$R$2:$R$366,ROW(INDEX(Jesper!AH$2:AH$366,ROUNDDOWN($C5845/24,0)+1,1))-1)+IF('Standard Profiles'!$G$18=$B$10,7,0)+IF('Standard Profiles'!$G$18=$B$17,14,0)+IF('Standard Profiles'!$G$18=$B$24,21,0),0)),0)</f>
        <v>7.7035137026106213</v>
      </c>
      <c r="E5845" cm="1">
        <f t="array" ref="E5845">IFERROR(INDEX(Jesper!AI$2:AI$366,ROUNDDOWN($C5845/24,0)+1,1)*INDEX($D$3:$AA$30,INDEX(Jesper!$R$2:$R$366,ROW(INDEX(Jesper!AI$2:AI$366,ROUNDDOWN($C5845/24,0)+1,1))-1)+IF('Standard Profiles'!$G$19=$B$10,7,0)+IF('Standard Profiles'!$G$19=$B$17,14,0)+IF('Standard Profiles'!$G$19=$B$24,21,0),MOD($C5845,24)+1)/SUM(INDEX($D$3:$AA$30,INDEX(Jesper!$R$2:$R$366,ROW(INDEX(Jesper!AI$2:AI$366,ROUNDDOWN($C5845/24,0)+1,1))-1)+IF('Standard Profiles'!$G$19=$B$10,7,0)+IF('Standard Profiles'!$G$19=$B$17,14,0)+IF('Standard Profiles'!$G$19=$B$24,21,0),0)),0)</f>
        <v>0</v>
      </c>
      <c r="F5845" cm="1">
        <f t="array" ref="F5845">IFERROR(INDEX(Jesper!AJ$2:AJ$366,ROUNDDOWN($C5845/24,0)+1,1)*INDEX($D$3:$AA$30,INDEX(Jesper!$R$2:$R$366,ROW(INDEX(Jesper!AJ$2:AJ$366,ROUNDDOWN($C5845/24,0)+1,1))-1)+IF('Standard Profiles'!$G$20=$B$10,7,0)+IF('Standard Profiles'!$G$20=$B$17,14,0)+IF('Standard Profiles'!$G$20=$B$24,21,0),MOD($C5845,24)+1)/SUM(INDEX($D$3:$AA$30,INDEX(Jesper!$R$2:$R$366,ROW(INDEX(Jesper!AJ$2:AJ$366,ROUNDDOWN($C5845/24,0)+1,1))-1)+IF('Standard Profiles'!$G$20=$B$10,7,0)+IF('Standard Profiles'!$G$20=$B$17,14,0)+IF('Standard Profiles'!$G$20=$B$24,21,0),0)),0)</f>
        <v>0</v>
      </c>
      <c r="G5845" cm="1">
        <f t="array" ref="G5845">IFERROR(INDEX(Jesper!AK$2:AK$366,ROUNDDOWN($C5845/24,0)+1,1)*INDEX($D$3:$AA$30,INDEX(Jesper!$R$2:$R$366,ROW(INDEX(Jesper!AK$2:AK$366,ROUNDDOWN($C5845/24,0)+1,1))-1)+IF('Standard Profiles'!$G$21=$B$10,7,0)+IF('Standard Profiles'!$G$21=$B$17,14,0)+IF('Standard Profiles'!$G$21=$B$24,21,0),MOD($C5845,24)+1)/SUM(INDEX($D$3:$AA$30,INDEX(Jesper!$R$2:$R$366,ROW(INDEX(Jesper!AK$2:AK$366,ROUNDDOWN($C5845/24,0)+1,1))-1)+IF('Standard Profiles'!$G$21=$B$10,7,0)+IF('Standard Profiles'!$G$21=$B$17,14,0)+IF('Standard Profiles'!$G$21=$B$24,21,0),0)),0)</f>
        <v>0</v>
      </c>
      <c r="H5845" cm="1">
        <f t="array" ref="H5845">IFERROR(INDEX(Jesper!AL$2:AL$366,ROUNDDOWN($C5845/24,0)+1,1)*INDEX($D$3:$AA$30,INDEX(Jesper!$R$2:$R$366,ROW(INDEX(Jesper!AL$2:AL$366,ROUNDDOWN($C5845/24,0)+1,1))-1)+IF('Standard Profiles'!$G$22=$B$10,7,0)+IF('Standard Profiles'!$G$22=$B$17,14,0)+IF('Standard Profiles'!$G$22=$B$24,21,0),MOD($C5845,24)+1)/SUM(INDEX($D$3:$AA$30,INDEX(Jesper!$R$2:$R$366,ROW(INDEX(Jesper!AL$2:AL$366,ROUNDDOWN($C5845/24,0)+1,1))-1)+IF('Standard Profiles'!$G$22=$B$10,7,0)+IF('Standard Profiles'!$G$22=$B$17,14,0)+IF('Standard Profiles'!$G$22=$B$24,21,0),0)),0)</f>
        <v>0</v>
      </c>
      <c r="I5845">
        <f t="shared" si="650"/>
        <v>0.23110541107831864</v>
      </c>
      <c r="J5845">
        <f t="shared" si="651"/>
        <v>0.77035137026106215</v>
      </c>
      <c r="K5845">
        <f t="shared" si="652"/>
        <v>1.1555270553915931</v>
      </c>
      <c r="L5845">
        <f t="shared" si="653"/>
        <v>5.5465298658796467</v>
      </c>
      <c r="M5845">
        <f t="shared" si="654"/>
        <v>0</v>
      </c>
      <c r="N5845" s="46">
        <f t="shared" si="655"/>
        <v>45534.124999985906</v>
      </c>
    </row>
    <row r="5846" spans="2:14" x14ac:dyDescent="0.3">
      <c r="B5846">
        <f t="shared" si="649"/>
        <v>5</v>
      </c>
      <c r="C5846" s="16">
        <v>5812</v>
      </c>
      <c r="D5846" cm="1">
        <f t="array" ref="D5846">IFERROR(INDEX(Jesper!AH$2:AH$366,ROUNDDOWN($C5846/24,0)+1,1)*INDEX($D$3:$AA$30,INDEX(Jesper!$R$2:$R$366,ROW(INDEX(Jesper!AH$2:AH$366,ROUNDDOWN($C5846/24,0)+1,1))-1)+IF('Standard Profiles'!$G$18=$B$10,7,0)+IF('Standard Profiles'!$G$18=$B$17,14,0)+IF('Standard Profiles'!$G$18=$B$24,21,0),MOD($C5846,24)+1)/SUM(INDEX($D$3:$AA$30,INDEX(Jesper!$R$2:$R$366,ROW(INDEX(Jesper!AH$2:AH$366,ROUNDDOWN($C5846/24,0)+1,1))-1)+IF('Standard Profiles'!$G$18=$B$10,7,0)+IF('Standard Profiles'!$G$18=$B$17,14,0)+IF('Standard Profiles'!$G$18=$B$24,21,0),0)),0)</f>
        <v>7.7035137026106213</v>
      </c>
      <c r="E5846" cm="1">
        <f t="array" ref="E5846">IFERROR(INDEX(Jesper!AI$2:AI$366,ROUNDDOWN($C5846/24,0)+1,1)*INDEX($D$3:$AA$30,INDEX(Jesper!$R$2:$R$366,ROW(INDEX(Jesper!AI$2:AI$366,ROUNDDOWN($C5846/24,0)+1,1))-1)+IF('Standard Profiles'!$G$19=$B$10,7,0)+IF('Standard Profiles'!$G$19=$B$17,14,0)+IF('Standard Profiles'!$G$19=$B$24,21,0),MOD($C5846,24)+1)/SUM(INDEX($D$3:$AA$30,INDEX(Jesper!$R$2:$R$366,ROW(INDEX(Jesper!AI$2:AI$366,ROUNDDOWN($C5846/24,0)+1,1))-1)+IF('Standard Profiles'!$G$19=$B$10,7,0)+IF('Standard Profiles'!$G$19=$B$17,14,0)+IF('Standard Profiles'!$G$19=$B$24,21,0),0)),0)</f>
        <v>0</v>
      </c>
      <c r="F5846" cm="1">
        <f t="array" ref="F5846">IFERROR(INDEX(Jesper!AJ$2:AJ$366,ROUNDDOWN($C5846/24,0)+1,1)*INDEX($D$3:$AA$30,INDEX(Jesper!$R$2:$R$366,ROW(INDEX(Jesper!AJ$2:AJ$366,ROUNDDOWN($C5846/24,0)+1,1))-1)+IF('Standard Profiles'!$G$20=$B$10,7,0)+IF('Standard Profiles'!$G$20=$B$17,14,0)+IF('Standard Profiles'!$G$20=$B$24,21,0),MOD($C5846,24)+1)/SUM(INDEX($D$3:$AA$30,INDEX(Jesper!$R$2:$R$366,ROW(INDEX(Jesper!AJ$2:AJ$366,ROUNDDOWN($C5846/24,0)+1,1))-1)+IF('Standard Profiles'!$G$20=$B$10,7,0)+IF('Standard Profiles'!$G$20=$B$17,14,0)+IF('Standard Profiles'!$G$20=$B$24,21,0),0)),0)</f>
        <v>0</v>
      </c>
      <c r="G5846" cm="1">
        <f t="array" ref="G5846">IFERROR(INDEX(Jesper!AK$2:AK$366,ROUNDDOWN($C5846/24,0)+1,1)*INDEX($D$3:$AA$30,INDEX(Jesper!$R$2:$R$366,ROW(INDEX(Jesper!AK$2:AK$366,ROUNDDOWN($C5846/24,0)+1,1))-1)+IF('Standard Profiles'!$G$21=$B$10,7,0)+IF('Standard Profiles'!$G$21=$B$17,14,0)+IF('Standard Profiles'!$G$21=$B$24,21,0),MOD($C5846,24)+1)/SUM(INDEX($D$3:$AA$30,INDEX(Jesper!$R$2:$R$366,ROW(INDEX(Jesper!AK$2:AK$366,ROUNDDOWN($C5846/24,0)+1,1))-1)+IF('Standard Profiles'!$G$21=$B$10,7,0)+IF('Standard Profiles'!$G$21=$B$17,14,0)+IF('Standard Profiles'!$G$21=$B$24,21,0),0)),0)</f>
        <v>0</v>
      </c>
      <c r="H5846" cm="1">
        <f t="array" ref="H5846">IFERROR(INDEX(Jesper!AL$2:AL$366,ROUNDDOWN($C5846/24,0)+1,1)*INDEX($D$3:$AA$30,INDEX(Jesper!$R$2:$R$366,ROW(INDEX(Jesper!AL$2:AL$366,ROUNDDOWN($C5846/24,0)+1,1))-1)+IF('Standard Profiles'!$G$22=$B$10,7,0)+IF('Standard Profiles'!$G$22=$B$17,14,0)+IF('Standard Profiles'!$G$22=$B$24,21,0),MOD($C5846,24)+1)/SUM(INDEX($D$3:$AA$30,INDEX(Jesper!$R$2:$R$366,ROW(INDEX(Jesper!AL$2:AL$366,ROUNDDOWN($C5846/24,0)+1,1))-1)+IF('Standard Profiles'!$G$22=$B$10,7,0)+IF('Standard Profiles'!$G$22=$B$17,14,0)+IF('Standard Profiles'!$G$22=$B$24,21,0),0)),0)</f>
        <v>0</v>
      </c>
      <c r="I5846">
        <f t="shared" si="650"/>
        <v>0.23110541107831864</v>
      </c>
      <c r="J5846">
        <f t="shared" si="651"/>
        <v>0.77035137026106215</v>
      </c>
      <c r="K5846">
        <f t="shared" si="652"/>
        <v>1.1555270553915931</v>
      </c>
      <c r="L5846">
        <f t="shared" si="653"/>
        <v>5.5465298658796467</v>
      </c>
      <c r="M5846">
        <f t="shared" si="654"/>
        <v>0</v>
      </c>
      <c r="N5846" s="46">
        <f t="shared" si="655"/>
        <v>45534.166666652571</v>
      </c>
    </row>
    <row r="5847" spans="2:14" x14ac:dyDescent="0.3">
      <c r="B5847">
        <f t="shared" si="649"/>
        <v>5</v>
      </c>
      <c r="C5847" s="16">
        <v>5813</v>
      </c>
      <c r="D5847" cm="1">
        <f t="array" ref="D5847">IFERROR(INDEX(Jesper!AH$2:AH$366,ROUNDDOWN($C5847/24,0)+1,1)*INDEX($D$3:$AA$30,INDEX(Jesper!$R$2:$R$366,ROW(INDEX(Jesper!AH$2:AH$366,ROUNDDOWN($C5847/24,0)+1,1))-1)+IF('Standard Profiles'!$G$18=$B$10,7,0)+IF('Standard Profiles'!$G$18=$B$17,14,0)+IF('Standard Profiles'!$G$18=$B$24,21,0),MOD($C5847,24)+1)/SUM(INDEX($D$3:$AA$30,INDEX(Jesper!$R$2:$R$366,ROW(INDEX(Jesper!AH$2:AH$366,ROUNDDOWN($C5847/24,0)+1,1))-1)+IF('Standard Profiles'!$G$18=$B$10,7,0)+IF('Standard Profiles'!$G$18=$B$17,14,0)+IF('Standard Profiles'!$G$18=$B$24,21,0),0)),0)</f>
        <v>9.9289732166981359</v>
      </c>
      <c r="E5847" cm="1">
        <f t="array" ref="E5847">IFERROR(INDEX(Jesper!AI$2:AI$366,ROUNDDOWN($C5847/24,0)+1,1)*INDEX($D$3:$AA$30,INDEX(Jesper!$R$2:$R$366,ROW(INDEX(Jesper!AI$2:AI$366,ROUNDDOWN($C5847/24,0)+1,1))-1)+IF('Standard Profiles'!$G$19=$B$10,7,0)+IF('Standard Profiles'!$G$19=$B$17,14,0)+IF('Standard Profiles'!$G$19=$B$24,21,0),MOD($C5847,24)+1)/SUM(INDEX($D$3:$AA$30,INDEX(Jesper!$R$2:$R$366,ROW(INDEX(Jesper!AI$2:AI$366,ROUNDDOWN($C5847/24,0)+1,1))-1)+IF('Standard Profiles'!$G$19=$B$10,7,0)+IF('Standard Profiles'!$G$19=$B$17,14,0)+IF('Standard Profiles'!$G$19=$B$24,21,0),0)),0)</f>
        <v>0</v>
      </c>
      <c r="F5847" cm="1">
        <f t="array" ref="F5847">IFERROR(INDEX(Jesper!AJ$2:AJ$366,ROUNDDOWN($C5847/24,0)+1,1)*INDEX($D$3:$AA$30,INDEX(Jesper!$R$2:$R$366,ROW(INDEX(Jesper!AJ$2:AJ$366,ROUNDDOWN($C5847/24,0)+1,1))-1)+IF('Standard Profiles'!$G$20=$B$10,7,0)+IF('Standard Profiles'!$G$20=$B$17,14,0)+IF('Standard Profiles'!$G$20=$B$24,21,0),MOD($C5847,24)+1)/SUM(INDEX($D$3:$AA$30,INDEX(Jesper!$R$2:$R$366,ROW(INDEX(Jesper!AJ$2:AJ$366,ROUNDDOWN($C5847/24,0)+1,1))-1)+IF('Standard Profiles'!$G$20=$B$10,7,0)+IF('Standard Profiles'!$G$20=$B$17,14,0)+IF('Standard Profiles'!$G$20=$B$24,21,0),0)),0)</f>
        <v>0</v>
      </c>
      <c r="G5847" cm="1">
        <f t="array" ref="G5847">IFERROR(INDEX(Jesper!AK$2:AK$366,ROUNDDOWN($C5847/24,0)+1,1)*INDEX($D$3:$AA$30,INDEX(Jesper!$R$2:$R$366,ROW(INDEX(Jesper!AK$2:AK$366,ROUNDDOWN($C5847/24,0)+1,1))-1)+IF('Standard Profiles'!$G$21=$B$10,7,0)+IF('Standard Profiles'!$G$21=$B$17,14,0)+IF('Standard Profiles'!$G$21=$B$24,21,0),MOD($C5847,24)+1)/SUM(INDEX($D$3:$AA$30,INDEX(Jesper!$R$2:$R$366,ROW(INDEX(Jesper!AK$2:AK$366,ROUNDDOWN($C5847/24,0)+1,1))-1)+IF('Standard Profiles'!$G$21=$B$10,7,0)+IF('Standard Profiles'!$G$21=$B$17,14,0)+IF('Standard Profiles'!$G$21=$B$24,21,0),0)),0)</f>
        <v>0</v>
      </c>
      <c r="H5847" cm="1">
        <f t="array" ref="H5847">IFERROR(INDEX(Jesper!AL$2:AL$366,ROUNDDOWN($C5847/24,0)+1,1)*INDEX($D$3:$AA$30,INDEX(Jesper!$R$2:$R$366,ROW(INDEX(Jesper!AL$2:AL$366,ROUNDDOWN($C5847/24,0)+1,1))-1)+IF('Standard Profiles'!$G$22=$B$10,7,0)+IF('Standard Profiles'!$G$22=$B$17,14,0)+IF('Standard Profiles'!$G$22=$B$24,21,0),MOD($C5847,24)+1)/SUM(INDEX($D$3:$AA$30,INDEX(Jesper!$R$2:$R$366,ROW(INDEX(Jesper!AL$2:AL$366,ROUNDDOWN($C5847/24,0)+1,1))-1)+IF('Standard Profiles'!$G$22=$B$10,7,0)+IF('Standard Profiles'!$G$22=$B$17,14,0)+IF('Standard Profiles'!$G$22=$B$24,21,0),0)),0)</f>
        <v>0</v>
      </c>
      <c r="I5847">
        <f t="shared" si="650"/>
        <v>0.29786919650094407</v>
      </c>
      <c r="J5847">
        <f t="shared" si="651"/>
        <v>0.99289732166981359</v>
      </c>
      <c r="K5847">
        <f t="shared" si="652"/>
        <v>1.4893459825047204</v>
      </c>
      <c r="L5847">
        <f t="shared" si="653"/>
        <v>7.148860716022658</v>
      </c>
      <c r="M5847">
        <f t="shared" si="654"/>
        <v>0</v>
      </c>
      <c r="N5847" s="46">
        <f t="shared" si="655"/>
        <v>45534.208333319235</v>
      </c>
    </row>
    <row r="5848" spans="2:14" x14ac:dyDescent="0.3">
      <c r="B5848">
        <f t="shared" si="649"/>
        <v>5</v>
      </c>
      <c r="C5848" s="16">
        <v>5814</v>
      </c>
      <c r="D5848" cm="1">
        <f t="array" ref="D5848">IFERROR(INDEX(Jesper!AH$2:AH$366,ROUNDDOWN($C5848/24,0)+1,1)*INDEX($D$3:$AA$30,INDEX(Jesper!$R$2:$R$366,ROW(INDEX(Jesper!AH$2:AH$366,ROUNDDOWN($C5848/24,0)+1,1))-1)+IF('Standard Profiles'!$G$18=$B$10,7,0)+IF('Standard Profiles'!$G$18=$B$17,14,0)+IF('Standard Profiles'!$G$18=$B$24,21,0),MOD($C5848,24)+1)/SUM(INDEX($D$3:$AA$30,INDEX(Jesper!$R$2:$R$366,ROW(INDEX(Jesper!AH$2:AH$366,ROUNDDOWN($C5848/24,0)+1,1))-1)+IF('Standard Profiles'!$G$18=$B$10,7,0)+IF('Standard Profiles'!$G$18=$B$17,14,0)+IF('Standard Profiles'!$G$18=$B$24,21,0),0)),0)</f>
        <v>11.983243537394303</v>
      </c>
      <c r="E5848" cm="1">
        <f t="array" ref="E5848">IFERROR(INDEX(Jesper!AI$2:AI$366,ROUNDDOWN($C5848/24,0)+1,1)*INDEX($D$3:$AA$30,INDEX(Jesper!$R$2:$R$366,ROW(INDEX(Jesper!AI$2:AI$366,ROUNDDOWN($C5848/24,0)+1,1))-1)+IF('Standard Profiles'!$G$19=$B$10,7,0)+IF('Standard Profiles'!$G$19=$B$17,14,0)+IF('Standard Profiles'!$G$19=$B$24,21,0),MOD($C5848,24)+1)/SUM(INDEX($D$3:$AA$30,INDEX(Jesper!$R$2:$R$366,ROW(INDEX(Jesper!AI$2:AI$366,ROUNDDOWN($C5848/24,0)+1,1))-1)+IF('Standard Profiles'!$G$19=$B$10,7,0)+IF('Standard Profiles'!$G$19=$B$17,14,0)+IF('Standard Profiles'!$G$19=$B$24,21,0),0)),0)</f>
        <v>0</v>
      </c>
      <c r="F5848" cm="1">
        <f t="array" ref="F5848">IFERROR(INDEX(Jesper!AJ$2:AJ$366,ROUNDDOWN($C5848/24,0)+1,1)*INDEX($D$3:$AA$30,INDEX(Jesper!$R$2:$R$366,ROW(INDEX(Jesper!AJ$2:AJ$366,ROUNDDOWN($C5848/24,0)+1,1))-1)+IF('Standard Profiles'!$G$20=$B$10,7,0)+IF('Standard Profiles'!$G$20=$B$17,14,0)+IF('Standard Profiles'!$G$20=$B$24,21,0),MOD($C5848,24)+1)/SUM(INDEX($D$3:$AA$30,INDEX(Jesper!$R$2:$R$366,ROW(INDEX(Jesper!AJ$2:AJ$366,ROUNDDOWN($C5848/24,0)+1,1))-1)+IF('Standard Profiles'!$G$20=$B$10,7,0)+IF('Standard Profiles'!$G$20=$B$17,14,0)+IF('Standard Profiles'!$G$20=$B$24,21,0),0)),0)</f>
        <v>0</v>
      </c>
      <c r="G5848" cm="1">
        <f t="array" ref="G5848">IFERROR(INDEX(Jesper!AK$2:AK$366,ROUNDDOWN($C5848/24,0)+1,1)*INDEX($D$3:$AA$30,INDEX(Jesper!$R$2:$R$366,ROW(INDEX(Jesper!AK$2:AK$366,ROUNDDOWN($C5848/24,0)+1,1))-1)+IF('Standard Profiles'!$G$21=$B$10,7,0)+IF('Standard Profiles'!$G$21=$B$17,14,0)+IF('Standard Profiles'!$G$21=$B$24,21,0),MOD($C5848,24)+1)/SUM(INDEX($D$3:$AA$30,INDEX(Jesper!$R$2:$R$366,ROW(INDEX(Jesper!AK$2:AK$366,ROUNDDOWN($C5848/24,0)+1,1))-1)+IF('Standard Profiles'!$G$21=$B$10,7,0)+IF('Standard Profiles'!$G$21=$B$17,14,0)+IF('Standard Profiles'!$G$21=$B$24,21,0),0)),0)</f>
        <v>0</v>
      </c>
      <c r="H5848" cm="1">
        <f t="array" ref="H5848">IFERROR(INDEX(Jesper!AL$2:AL$366,ROUNDDOWN($C5848/24,0)+1,1)*INDEX($D$3:$AA$30,INDEX(Jesper!$R$2:$R$366,ROW(INDEX(Jesper!AL$2:AL$366,ROUNDDOWN($C5848/24,0)+1,1))-1)+IF('Standard Profiles'!$G$22=$B$10,7,0)+IF('Standard Profiles'!$G$22=$B$17,14,0)+IF('Standard Profiles'!$G$22=$B$24,21,0),MOD($C5848,24)+1)/SUM(INDEX($D$3:$AA$30,INDEX(Jesper!$R$2:$R$366,ROW(INDEX(Jesper!AL$2:AL$366,ROUNDDOWN($C5848/24,0)+1,1))-1)+IF('Standard Profiles'!$G$22=$B$10,7,0)+IF('Standard Profiles'!$G$22=$B$17,14,0)+IF('Standard Profiles'!$G$22=$B$24,21,0),0)),0)</f>
        <v>0</v>
      </c>
      <c r="I5848">
        <f t="shared" si="650"/>
        <v>0.35949730612182906</v>
      </c>
      <c r="J5848">
        <f t="shared" si="651"/>
        <v>1.1983243537394304</v>
      </c>
      <c r="K5848">
        <f t="shared" si="652"/>
        <v>1.7974865306091454</v>
      </c>
      <c r="L5848">
        <f t="shared" si="653"/>
        <v>8.6279353469238984</v>
      </c>
      <c r="M5848">
        <f t="shared" si="654"/>
        <v>0</v>
      </c>
      <c r="N5848" s="46">
        <f t="shared" si="655"/>
        <v>45534.249999985899</v>
      </c>
    </row>
    <row r="5849" spans="2:14" x14ac:dyDescent="0.3">
      <c r="B5849">
        <f t="shared" si="649"/>
        <v>5</v>
      </c>
      <c r="C5849" s="16">
        <v>5815</v>
      </c>
      <c r="D5849" cm="1">
        <f t="array" ref="D5849">IFERROR(INDEX(Jesper!AH$2:AH$366,ROUNDDOWN($C5849/24,0)+1,1)*INDEX($D$3:$AA$30,INDEX(Jesper!$R$2:$R$366,ROW(INDEX(Jesper!AH$2:AH$366,ROUNDDOWN($C5849/24,0)+1,1))-1)+IF('Standard Profiles'!$G$18=$B$10,7,0)+IF('Standard Profiles'!$G$18=$B$17,14,0)+IF('Standard Profiles'!$G$18=$B$24,21,0),MOD($C5849,24)+1)/SUM(INDEX($D$3:$AA$30,INDEX(Jesper!$R$2:$R$366,ROW(INDEX(Jesper!AH$2:AH$366,ROUNDDOWN($C5849/24,0)+1,1))-1)+IF('Standard Profiles'!$G$18=$B$10,7,0)+IF('Standard Profiles'!$G$18=$B$17,14,0)+IF('Standard Profiles'!$G$18=$B$24,21,0),0)),0)</f>
        <v>11.983243537394303</v>
      </c>
      <c r="E5849" cm="1">
        <f t="array" ref="E5849">IFERROR(INDEX(Jesper!AI$2:AI$366,ROUNDDOWN($C5849/24,0)+1,1)*INDEX($D$3:$AA$30,INDEX(Jesper!$R$2:$R$366,ROW(INDEX(Jesper!AI$2:AI$366,ROUNDDOWN($C5849/24,0)+1,1))-1)+IF('Standard Profiles'!$G$19=$B$10,7,0)+IF('Standard Profiles'!$G$19=$B$17,14,0)+IF('Standard Profiles'!$G$19=$B$24,21,0),MOD($C5849,24)+1)/SUM(INDEX($D$3:$AA$30,INDEX(Jesper!$R$2:$R$366,ROW(INDEX(Jesper!AI$2:AI$366,ROUNDDOWN($C5849/24,0)+1,1))-1)+IF('Standard Profiles'!$G$19=$B$10,7,0)+IF('Standard Profiles'!$G$19=$B$17,14,0)+IF('Standard Profiles'!$G$19=$B$24,21,0),0)),0)</f>
        <v>0</v>
      </c>
      <c r="F5849" cm="1">
        <f t="array" ref="F5849">IFERROR(INDEX(Jesper!AJ$2:AJ$366,ROUNDDOWN($C5849/24,0)+1,1)*INDEX($D$3:$AA$30,INDEX(Jesper!$R$2:$R$366,ROW(INDEX(Jesper!AJ$2:AJ$366,ROUNDDOWN($C5849/24,0)+1,1))-1)+IF('Standard Profiles'!$G$20=$B$10,7,0)+IF('Standard Profiles'!$G$20=$B$17,14,0)+IF('Standard Profiles'!$G$20=$B$24,21,0),MOD($C5849,24)+1)/SUM(INDEX($D$3:$AA$30,INDEX(Jesper!$R$2:$R$366,ROW(INDEX(Jesper!AJ$2:AJ$366,ROUNDDOWN($C5849/24,0)+1,1))-1)+IF('Standard Profiles'!$G$20=$B$10,7,0)+IF('Standard Profiles'!$G$20=$B$17,14,0)+IF('Standard Profiles'!$G$20=$B$24,21,0),0)),0)</f>
        <v>0</v>
      </c>
      <c r="G5849" cm="1">
        <f t="array" ref="G5849">IFERROR(INDEX(Jesper!AK$2:AK$366,ROUNDDOWN($C5849/24,0)+1,1)*INDEX($D$3:$AA$30,INDEX(Jesper!$R$2:$R$366,ROW(INDEX(Jesper!AK$2:AK$366,ROUNDDOWN($C5849/24,0)+1,1))-1)+IF('Standard Profiles'!$G$21=$B$10,7,0)+IF('Standard Profiles'!$G$21=$B$17,14,0)+IF('Standard Profiles'!$G$21=$B$24,21,0),MOD($C5849,24)+1)/SUM(INDEX($D$3:$AA$30,INDEX(Jesper!$R$2:$R$366,ROW(INDEX(Jesper!AK$2:AK$366,ROUNDDOWN($C5849/24,0)+1,1))-1)+IF('Standard Profiles'!$G$21=$B$10,7,0)+IF('Standard Profiles'!$G$21=$B$17,14,0)+IF('Standard Profiles'!$G$21=$B$24,21,0),0)),0)</f>
        <v>0</v>
      </c>
      <c r="H5849" cm="1">
        <f t="array" ref="H5849">IFERROR(INDEX(Jesper!AL$2:AL$366,ROUNDDOWN($C5849/24,0)+1,1)*INDEX($D$3:$AA$30,INDEX(Jesper!$R$2:$R$366,ROW(INDEX(Jesper!AL$2:AL$366,ROUNDDOWN($C5849/24,0)+1,1))-1)+IF('Standard Profiles'!$G$22=$B$10,7,0)+IF('Standard Profiles'!$G$22=$B$17,14,0)+IF('Standard Profiles'!$G$22=$B$24,21,0),MOD($C5849,24)+1)/SUM(INDEX($D$3:$AA$30,INDEX(Jesper!$R$2:$R$366,ROW(INDEX(Jesper!AL$2:AL$366,ROUNDDOWN($C5849/24,0)+1,1))-1)+IF('Standard Profiles'!$G$22=$B$10,7,0)+IF('Standard Profiles'!$G$22=$B$17,14,0)+IF('Standard Profiles'!$G$22=$B$24,21,0),0)),0)</f>
        <v>0</v>
      </c>
      <c r="I5849">
        <f t="shared" si="650"/>
        <v>0.35949730612182906</v>
      </c>
      <c r="J5849">
        <f t="shared" si="651"/>
        <v>1.1983243537394304</v>
      </c>
      <c r="K5849">
        <f t="shared" si="652"/>
        <v>1.7974865306091454</v>
      </c>
      <c r="L5849">
        <f t="shared" si="653"/>
        <v>8.6279353469238984</v>
      </c>
      <c r="M5849">
        <f t="shared" si="654"/>
        <v>0</v>
      </c>
      <c r="N5849" s="46">
        <f t="shared" si="655"/>
        <v>45534.291666652563</v>
      </c>
    </row>
    <row r="5850" spans="2:14" x14ac:dyDescent="0.3">
      <c r="B5850">
        <f t="shared" si="649"/>
        <v>5</v>
      </c>
      <c r="C5850" s="16">
        <v>5816</v>
      </c>
      <c r="D5850" cm="1">
        <f t="array" ref="D5850">IFERROR(INDEX(Jesper!AH$2:AH$366,ROUNDDOWN($C5850/24,0)+1,1)*INDEX($D$3:$AA$30,INDEX(Jesper!$R$2:$R$366,ROW(INDEX(Jesper!AH$2:AH$366,ROUNDDOWN($C5850/24,0)+1,1))-1)+IF('Standard Profiles'!$G$18=$B$10,7,0)+IF('Standard Profiles'!$G$18=$B$17,14,0)+IF('Standard Profiles'!$G$18=$B$24,21,0),MOD($C5850,24)+1)/SUM(INDEX($D$3:$AA$30,INDEX(Jesper!$R$2:$R$366,ROW(INDEX(Jesper!AH$2:AH$366,ROUNDDOWN($C5850/24,0)+1,1))-1)+IF('Standard Profiles'!$G$18=$B$10,7,0)+IF('Standard Profiles'!$G$18=$B$17,14,0)+IF('Standard Profiles'!$G$18=$B$24,21,0),0)),0)</f>
        <v>11.983243537394303</v>
      </c>
      <c r="E5850" cm="1">
        <f t="array" ref="E5850">IFERROR(INDEX(Jesper!AI$2:AI$366,ROUNDDOWN($C5850/24,0)+1,1)*INDEX($D$3:$AA$30,INDEX(Jesper!$R$2:$R$366,ROW(INDEX(Jesper!AI$2:AI$366,ROUNDDOWN($C5850/24,0)+1,1))-1)+IF('Standard Profiles'!$G$19=$B$10,7,0)+IF('Standard Profiles'!$G$19=$B$17,14,0)+IF('Standard Profiles'!$G$19=$B$24,21,0),MOD($C5850,24)+1)/SUM(INDEX($D$3:$AA$30,INDEX(Jesper!$R$2:$R$366,ROW(INDEX(Jesper!AI$2:AI$366,ROUNDDOWN($C5850/24,0)+1,1))-1)+IF('Standard Profiles'!$G$19=$B$10,7,0)+IF('Standard Profiles'!$G$19=$B$17,14,0)+IF('Standard Profiles'!$G$19=$B$24,21,0),0)),0)</f>
        <v>0</v>
      </c>
      <c r="F5850" cm="1">
        <f t="array" ref="F5850">IFERROR(INDEX(Jesper!AJ$2:AJ$366,ROUNDDOWN($C5850/24,0)+1,1)*INDEX($D$3:$AA$30,INDEX(Jesper!$R$2:$R$366,ROW(INDEX(Jesper!AJ$2:AJ$366,ROUNDDOWN($C5850/24,0)+1,1))-1)+IF('Standard Profiles'!$G$20=$B$10,7,0)+IF('Standard Profiles'!$G$20=$B$17,14,0)+IF('Standard Profiles'!$G$20=$B$24,21,0),MOD($C5850,24)+1)/SUM(INDEX($D$3:$AA$30,INDEX(Jesper!$R$2:$R$366,ROW(INDEX(Jesper!AJ$2:AJ$366,ROUNDDOWN($C5850/24,0)+1,1))-1)+IF('Standard Profiles'!$G$20=$B$10,7,0)+IF('Standard Profiles'!$G$20=$B$17,14,0)+IF('Standard Profiles'!$G$20=$B$24,21,0),0)),0)</f>
        <v>0</v>
      </c>
      <c r="G5850" cm="1">
        <f t="array" ref="G5850">IFERROR(INDEX(Jesper!AK$2:AK$366,ROUNDDOWN($C5850/24,0)+1,1)*INDEX($D$3:$AA$30,INDEX(Jesper!$R$2:$R$366,ROW(INDEX(Jesper!AK$2:AK$366,ROUNDDOWN($C5850/24,0)+1,1))-1)+IF('Standard Profiles'!$G$21=$B$10,7,0)+IF('Standard Profiles'!$G$21=$B$17,14,0)+IF('Standard Profiles'!$G$21=$B$24,21,0),MOD($C5850,24)+1)/SUM(INDEX($D$3:$AA$30,INDEX(Jesper!$R$2:$R$366,ROW(INDEX(Jesper!AK$2:AK$366,ROUNDDOWN($C5850/24,0)+1,1))-1)+IF('Standard Profiles'!$G$21=$B$10,7,0)+IF('Standard Profiles'!$G$21=$B$17,14,0)+IF('Standard Profiles'!$G$21=$B$24,21,0),0)),0)</f>
        <v>0</v>
      </c>
      <c r="H5850" cm="1">
        <f t="array" ref="H5850">IFERROR(INDEX(Jesper!AL$2:AL$366,ROUNDDOWN($C5850/24,0)+1,1)*INDEX($D$3:$AA$30,INDEX(Jesper!$R$2:$R$366,ROW(INDEX(Jesper!AL$2:AL$366,ROUNDDOWN($C5850/24,0)+1,1))-1)+IF('Standard Profiles'!$G$22=$B$10,7,0)+IF('Standard Profiles'!$G$22=$B$17,14,0)+IF('Standard Profiles'!$G$22=$B$24,21,0),MOD($C5850,24)+1)/SUM(INDEX($D$3:$AA$30,INDEX(Jesper!$R$2:$R$366,ROW(INDEX(Jesper!AL$2:AL$366,ROUNDDOWN($C5850/24,0)+1,1))-1)+IF('Standard Profiles'!$G$22=$B$10,7,0)+IF('Standard Profiles'!$G$22=$B$17,14,0)+IF('Standard Profiles'!$G$22=$B$24,21,0),0)),0)</f>
        <v>0</v>
      </c>
      <c r="I5850">
        <f t="shared" si="650"/>
        <v>0.35949730612182906</v>
      </c>
      <c r="J5850">
        <f t="shared" si="651"/>
        <v>1.1983243537394304</v>
      </c>
      <c r="K5850">
        <f t="shared" si="652"/>
        <v>1.7974865306091454</v>
      </c>
      <c r="L5850">
        <f t="shared" si="653"/>
        <v>8.6279353469238984</v>
      </c>
      <c r="M5850">
        <f t="shared" si="654"/>
        <v>0</v>
      </c>
      <c r="N5850" s="46">
        <f t="shared" si="655"/>
        <v>45534.333333319228</v>
      </c>
    </row>
    <row r="5851" spans="2:14" x14ac:dyDescent="0.3">
      <c r="B5851">
        <f t="shared" si="649"/>
        <v>5</v>
      </c>
      <c r="C5851" s="16">
        <v>5817</v>
      </c>
      <c r="D5851" cm="1">
        <f t="array" ref="D5851">IFERROR(INDEX(Jesper!AH$2:AH$366,ROUNDDOWN($C5851/24,0)+1,1)*INDEX($D$3:$AA$30,INDEX(Jesper!$R$2:$R$366,ROW(INDEX(Jesper!AH$2:AH$366,ROUNDDOWN($C5851/24,0)+1,1))-1)+IF('Standard Profiles'!$G$18=$B$10,7,0)+IF('Standard Profiles'!$G$18=$B$17,14,0)+IF('Standard Profiles'!$G$18=$B$24,21,0),MOD($C5851,24)+1)/SUM(INDEX($D$3:$AA$30,INDEX(Jesper!$R$2:$R$366,ROW(INDEX(Jesper!AH$2:AH$366,ROUNDDOWN($C5851/24,0)+1,1))-1)+IF('Standard Profiles'!$G$18=$B$10,7,0)+IF('Standard Profiles'!$G$18=$B$17,14,0)+IF('Standard Profiles'!$G$18=$B$24,21,0),0)),0)</f>
        <v>12.839189504351037</v>
      </c>
      <c r="E5851" cm="1">
        <f t="array" ref="E5851">IFERROR(INDEX(Jesper!AI$2:AI$366,ROUNDDOWN($C5851/24,0)+1,1)*INDEX($D$3:$AA$30,INDEX(Jesper!$R$2:$R$366,ROW(INDEX(Jesper!AI$2:AI$366,ROUNDDOWN($C5851/24,0)+1,1))-1)+IF('Standard Profiles'!$G$19=$B$10,7,0)+IF('Standard Profiles'!$G$19=$B$17,14,0)+IF('Standard Profiles'!$G$19=$B$24,21,0),MOD($C5851,24)+1)/SUM(INDEX($D$3:$AA$30,INDEX(Jesper!$R$2:$R$366,ROW(INDEX(Jesper!AI$2:AI$366,ROUNDDOWN($C5851/24,0)+1,1))-1)+IF('Standard Profiles'!$G$19=$B$10,7,0)+IF('Standard Profiles'!$G$19=$B$17,14,0)+IF('Standard Profiles'!$G$19=$B$24,21,0),0)),0)</f>
        <v>0</v>
      </c>
      <c r="F5851" cm="1">
        <f t="array" ref="F5851">IFERROR(INDEX(Jesper!AJ$2:AJ$366,ROUNDDOWN($C5851/24,0)+1,1)*INDEX($D$3:$AA$30,INDEX(Jesper!$R$2:$R$366,ROW(INDEX(Jesper!AJ$2:AJ$366,ROUNDDOWN($C5851/24,0)+1,1))-1)+IF('Standard Profiles'!$G$20=$B$10,7,0)+IF('Standard Profiles'!$G$20=$B$17,14,0)+IF('Standard Profiles'!$G$20=$B$24,21,0),MOD($C5851,24)+1)/SUM(INDEX($D$3:$AA$30,INDEX(Jesper!$R$2:$R$366,ROW(INDEX(Jesper!AJ$2:AJ$366,ROUNDDOWN($C5851/24,0)+1,1))-1)+IF('Standard Profiles'!$G$20=$B$10,7,0)+IF('Standard Profiles'!$G$20=$B$17,14,0)+IF('Standard Profiles'!$G$20=$B$24,21,0),0)),0)</f>
        <v>0</v>
      </c>
      <c r="G5851" cm="1">
        <f t="array" ref="G5851">IFERROR(INDEX(Jesper!AK$2:AK$366,ROUNDDOWN($C5851/24,0)+1,1)*INDEX($D$3:$AA$30,INDEX(Jesper!$R$2:$R$366,ROW(INDEX(Jesper!AK$2:AK$366,ROUNDDOWN($C5851/24,0)+1,1))-1)+IF('Standard Profiles'!$G$21=$B$10,7,0)+IF('Standard Profiles'!$G$21=$B$17,14,0)+IF('Standard Profiles'!$G$21=$B$24,21,0),MOD($C5851,24)+1)/SUM(INDEX($D$3:$AA$30,INDEX(Jesper!$R$2:$R$366,ROW(INDEX(Jesper!AK$2:AK$366,ROUNDDOWN($C5851/24,0)+1,1))-1)+IF('Standard Profiles'!$G$21=$B$10,7,0)+IF('Standard Profiles'!$G$21=$B$17,14,0)+IF('Standard Profiles'!$G$21=$B$24,21,0),0)),0)</f>
        <v>0</v>
      </c>
      <c r="H5851" cm="1">
        <f t="array" ref="H5851">IFERROR(INDEX(Jesper!AL$2:AL$366,ROUNDDOWN($C5851/24,0)+1,1)*INDEX($D$3:$AA$30,INDEX(Jesper!$R$2:$R$366,ROW(INDEX(Jesper!AL$2:AL$366,ROUNDDOWN($C5851/24,0)+1,1))-1)+IF('Standard Profiles'!$G$22=$B$10,7,0)+IF('Standard Profiles'!$G$22=$B$17,14,0)+IF('Standard Profiles'!$G$22=$B$24,21,0),MOD($C5851,24)+1)/SUM(INDEX($D$3:$AA$30,INDEX(Jesper!$R$2:$R$366,ROW(INDEX(Jesper!AL$2:AL$366,ROUNDDOWN($C5851/24,0)+1,1))-1)+IF('Standard Profiles'!$G$22=$B$10,7,0)+IF('Standard Profiles'!$G$22=$B$17,14,0)+IF('Standard Profiles'!$G$22=$B$24,21,0),0)),0)</f>
        <v>0</v>
      </c>
      <c r="I5851">
        <f t="shared" si="650"/>
        <v>0.38517568513053108</v>
      </c>
      <c r="J5851">
        <f t="shared" si="651"/>
        <v>1.2839189504351038</v>
      </c>
      <c r="K5851">
        <f t="shared" si="652"/>
        <v>1.9258784256526553</v>
      </c>
      <c r="L5851">
        <f t="shared" si="653"/>
        <v>9.2442164431327463</v>
      </c>
      <c r="M5851">
        <f t="shared" si="654"/>
        <v>0</v>
      </c>
      <c r="N5851" s="46">
        <f t="shared" si="655"/>
        <v>45534.374999985892</v>
      </c>
    </row>
    <row r="5852" spans="2:14" x14ac:dyDescent="0.3">
      <c r="B5852">
        <f t="shared" si="649"/>
        <v>5</v>
      </c>
      <c r="C5852" s="16">
        <v>5818</v>
      </c>
      <c r="D5852" cm="1">
        <f t="array" ref="D5852">IFERROR(INDEX(Jesper!AH$2:AH$366,ROUNDDOWN($C5852/24,0)+1,1)*INDEX($D$3:$AA$30,INDEX(Jesper!$R$2:$R$366,ROW(INDEX(Jesper!AH$2:AH$366,ROUNDDOWN($C5852/24,0)+1,1))-1)+IF('Standard Profiles'!$G$18=$B$10,7,0)+IF('Standard Profiles'!$G$18=$B$17,14,0)+IF('Standard Profiles'!$G$18=$B$24,21,0),MOD($C5852,24)+1)/SUM(INDEX($D$3:$AA$30,INDEX(Jesper!$R$2:$R$366,ROW(INDEX(Jesper!AH$2:AH$366,ROUNDDOWN($C5852/24,0)+1,1))-1)+IF('Standard Profiles'!$G$18=$B$10,7,0)+IF('Standard Profiles'!$G$18=$B$17,14,0)+IF('Standard Profiles'!$G$18=$B$24,21,0),0)),0)</f>
        <v>13.352757084525079</v>
      </c>
      <c r="E5852" cm="1">
        <f t="array" ref="E5852">IFERROR(INDEX(Jesper!AI$2:AI$366,ROUNDDOWN($C5852/24,0)+1,1)*INDEX($D$3:$AA$30,INDEX(Jesper!$R$2:$R$366,ROW(INDEX(Jesper!AI$2:AI$366,ROUNDDOWN($C5852/24,0)+1,1))-1)+IF('Standard Profiles'!$G$19=$B$10,7,0)+IF('Standard Profiles'!$G$19=$B$17,14,0)+IF('Standard Profiles'!$G$19=$B$24,21,0),MOD($C5852,24)+1)/SUM(INDEX($D$3:$AA$30,INDEX(Jesper!$R$2:$R$366,ROW(INDEX(Jesper!AI$2:AI$366,ROUNDDOWN($C5852/24,0)+1,1))-1)+IF('Standard Profiles'!$G$19=$B$10,7,0)+IF('Standard Profiles'!$G$19=$B$17,14,0)+IF('Standard Profiles'!$G$19=$B$24,21,0),0)),0)</f>
        <v>0</v>
      </c>
      <c r="F5852" cm="1">
        <f t="array" ref="F5852">IFERROR(INDEX(Jesper!AJ$2:AJ$366,ROUNDDOWN($C5852/24,0)+1,1)*INDEX($D$3:$AA$30,INDEX(Jesper!$R$2:$R$366,ROW(INDEX(Jesper!AJ$2:AJ$366,ROUNDDOWN($C5852/24,0)+1,1))-1)+IF('Standard Profiles'!$G$20=$B$10,7,0)+IF('Standard Profiles'!$G$20=$B$17,14,0)+IF('Standard Profiles'!$G$20=$B$24,21,0),MOD($C5852,24)+1)/SUM(INDEX($D$3:$AA$30,INDEX(Jesper!$R$2:$R$366,ROW(INDEX(Jesper!AJ$2:AJ$366,ROUNDDOWN($C5852/24,0)+1,1))-1)+IF('Standard Profiles'!$G$20=$B$10,7,0)+IF('Standard Profiles'!$G$20=$B$17,14,0)+IF('Standard Profiles'!$G$20=$B$24,21,0),0)),0)</f>
        <v>0</v>
      </c>
      <c r="G5852" cm="1">
        <f t="array" ref="G5852">IFERROR(INDEX(Jesper!AK$2:AK$366,ROUNDDOWN($C5852/24,0)+1,1)*INDEX($D$3:$AA$30,INDEX(Jesper!$R$2:$R$366,ROW(INDEX(Jesper!AK$2:AK$366,ROUNDDOWN($C5852/24,0)+1,1))-1)+IF('Standard Profiles'!$G$21=$B$10,7,0)+IF('Standard Profiles'!$G$21=$B$17,14,0)+IF('Standard Profiles'!$G$21=$B$24,21,0),MOD($C5852,24)+1)/SUM(INDEX($D$3:$AA$30,INDEX(Jesper!$R$2:$R$366,ROW(INDEX(Jesper!AK$2:AK$366,ROUNDDOWN($C5852/24,0)+1,1))-1)+IF('Standard Profiles'!$G$21=$B$10,7,0)+IF('Standard Profiles'!$G$21=$B$17,14,0)+IF('Standard Profiles'!$G$21=$B$24,21,0),0)),0)</f>
        <v>0</v>
      </c>
      <c r="H5852" cm="1">
        <f t="array" ref="H5852">IFERROR(INDEX(Jesper!AL$2:AL$366,ROUNDDOWN($C5852/24,0)+1,1)*INDEX($D$3:$AA$30,INDEX(Jesper!$R$2:$R$366,ROW(INDEX(Jesper!AL$2:AL$366,ROUNDDOWN($C5852/24,0)+1,1))-1)+IF('Standard Profiles'!$G$22=$B$10,7,0)+IF('Standard Profiles'!$G$22=$B$17,14,0)+IF('Standard Profiles'!$G$22=$B$24,21,0),MOD($C5852,24)+1)/SUM(INDEX($D$3:$AA$30,INDEX(Jesper!$R$2:$R$366,ROW(INDEX(Jesper!AL$2:AL$366,ROUNDDOWN($C5852/24,0)+1,1))-1)+IF('Standard Profiles'!$G$22=$B$10,7,0)+IF('Standard Profiles'!$G$22=$B$17,14,0)+IF('Standard Profiles'!$G$22=$B$24,21,0),0)),0)</f>
        <v>0</v>
      </c>
      <c r="I5852">
        <f t="shared" si="650"/>
        <v>0.40058271253575234</v>
      </c>
      <c r="J5852">
        <f t="shared" si="651"/>
        <v>1.335275708452508</v>
      </c>
      <c r="K5852">
        <f t="shared" si="652"/>
        <v>2.0029135626787617</v>
      </c>
      <c r="L5852">
        <f t="shared" si="653"/>
        <v>9.6139851008580557</v>
      </c>
      <c r="M5852">
        <f t="shared" si="654"/>
        <v>0</v>
      </c>
      <c r="N5852" s="46">
        <f t="shared" si="655"/>
        <v>45534.416666652556</v>
      </c>
    </row>
    <row r="5853" spans="2:14" x14ac:dyDescent="0.3">
      <c r="B5853">
        <f t="shared" si="649"/>
        <v>5</v>
      </c>
      <c r="C5853" s="16">
        <v>5819</v>
      </c>
      <c r="D5853" cm="1">
        <f t="array" ref="D5853">IFERROR(INDEX(Jesper!AH$2:AH$366,ROUNDDOWN($C5853/24,0)+1,1)*INDEX($D$3:$AA$30,INDEX(Jesper!$R$2:$R$366,ROW(INDEX(Jesper!AH$2:AH$366,ROUNDDOWN($C5853/24,0)+1,1))-1)+IF('Standard Profiles'!$G$18=$B$10,7,0)+IF('Standard Profiles'!$G$18=$B$17,14,0)+IF('Standard Profiles'!$G$18=$B$24,21,0),MOD($C5853,24)+1)/SUM(INDEX($D$3:$AA$30,INDEX(Jesper!$R$2:$R$366,ROW(INDEX(Jesper!AH$2:AH$366,ROUNDDOWN($C5853/24,0)+1,1))-1)+IF('Standard Profiles'!$G$18=$B$10,7,0)+IF('Standard Profiles'!$G$18=$B$17,14,0)+IF('Standard Profiles'!$G$18=$B$24,21,0),0)),0)</f>
        <v>15.407027405221243</v>
      </c>
      <c r="E5853" cm="1">
        <f t="array" ref="E5853">IFERROR(INDEX(Jesper!AI$2:AI$366,ROUNDDOWN($C5853/24,0)+1,1)*INDEX($D$3:$AA$30,INDEX(Jesper!$R$2:$R$366,ROW(INDEX(Jesper!AI$2:AI$366,ROUNDDOWN($C5853/24,0)+1,1))-1)+IF('Standard Profiles'!$G$19=$B$10,7,0)+IF('Standard Profiles'!$G$19=$B$17,14,0)+IF('Standard Profiles'!$G$19=$B$24,21,0),MOD($C5853,24)+1)/SUM(INDEX($D$3:$AA$30,INDEX(Jesper!$R$2:$R$366,ROW(INDEX(Jesper!AI$2:AI$366,ROUNDDOWN($C5853/24,0)+1,1))-1)+IF('Standard Profiles'!$G$19=$B$10,7,0)+IF('Standard Profiles'!$G$19=$B$17,14,0)+IF('Standard Profiles'!$G$19=$B$24,21,0),0)),0)</f>
        <v>0</v>
      </c>
      <c r="F5853" cm="1">
        <f t="array" ref="F5853">IFERROR(INDEX(Jesper!AJ$2:AJ$366,ROUNDDOWN($C5853/24,0)+1,1)*INDEX($D$3:$AA$30,INDEX(Jesper!$R$2:$R$366,ROW(INDEX(Jesper!AJ$2:AJ$366,ROUNDDOWN($C5853/24,0)+1,1))-1)+IF('Standard Profiles'!$G$20=$B$10,7,0)+IF('Standard Profiles'!$G$20=$B$17,14,0)+IF('Standard Profiles'!$G$20=$B$24,21,0),MOD($C5853,24)+1)/SUM(INDEX($D$3:$AA$30,INDEX(Jesper!$R$2:$R$366,ROW(INDEX(Jesper!AJ$2:AJ$366,ROUNDDOWN($C5853/24,0)+1,1))-1)+IF('Standard Profiles'!$G$20=$B$10,7,0)+IF('Standard Profiles'!$G$20=$B$17,14,0)+IF('Standard Profiles'!$G$20=$B$24,21,0),0)),0)</f>
        <v>0</v>
      </c>
      <c r="G5853" cm="1">
        <f t="array" ref="G5853">IFERROR(INDEX(Jesper!AK$2:AK$366,ROUNDDOWN($C5853/24,0)+1,1)*INDEX($D$3:$AA$30,INDEX(Jesper!$R$2:$R$366,ROW(INDEX(Jesper!AK$2:AK$366,ROUNDDOWN($C5853/24,0)+1,1))-1)+IF('Standard Profiles'!$G$21=$B$10,7,0)+IF('Standard Profiles'!$G$21=$B$17,14,0)+IF('Standard Profiles'!$G$21=$B$24,21,0),MOD($C5853,24)+1)/SUM(INDEX($D$3:$AA$30,INDEX(Jesper!$R$2:$R$366,ROW(INDEX(Jesper!AK$2:AK$366,ROUNDDOWN($C5853/24,0)+1,1))-1)+IF('Standard Profiles'!$G$21=$B$10,7,0)+IF('Standard Profiles'!$G$21=$B$17,14,0)+IF('Standard Profiles'!$G$21=$B$24,21,0),0)),0)</f>
        <v>0</v>
      </c>
      <c r="H5853" cm="1">
        <f t="array" ref="H5853">IFERROR(INDEX(Jesper!AL$2:AL$366,ROUNDDOWN($C5853/24,0)+1,1)*INDEX($D$3:$AA$30,INDEX(Jesper!$R$2:$R$366,ROW(INDEX(Jesper!AL$2:AL$366,ROUNDDOWN($C5853/24,0)+1,1))-1)+IF('Standard Profiles'!$G$22=$B$10,7,0)+IF('Standard Profiles'!$G$22=$B$17,14,0)+IF('Standard Profiles'!$G$22=$B$24,21,0),MOD($C5853,24)+1)/SUM(INDEX($D$3:$AA$30,INDEX(Jesper!$R$2:$R$366,ROW(INDEX(Jesper!AL$2:AL$366,ROUNDDOWN($C5853/24,0)+1,1))-1)+IF('Standard Profiles'!$G$22=$B$10,7,0)+IF('Standard Profiles'!$G$22=$B$17,14,0)+IF('Standard Profiles'!$G$22=$B$24,21,0),0)),0)</f>
        <v>0</v>
      </c>
      <c r="I5853">
        <f t="shared" si="650"/>
        <v>0.46221082215663728</v>
      </c>
      <c r="J5853">
        <f t="shared" si="651"/>
        <v>1.5407027405221243</v>
      </c>
      <c r="K5853">
        <f t="shared" si="652"/>
        <v>2.3110541107831861</v>
      </c>
      <c r="L5853">
        <f t="shared" si="653"/>
        <v>11.093059731759293</v>
      </c>
      <c r="M5853">
        <f t="shared" si="654"/>
        <v>0</v>
      </c>
      <c r="N5853" s="46">
        <f t="shared" si="655"/>
        <v>45534.45833331922</v>
      </c>
    </row>
    <row r="5854" spans="2:14" x14ac:dyDescent="0.3">
      <c r="B5854">
        <f t="shared" si="649"/>
        <v>5</v>
      </c>
      <c r="C5854" s="16">
        <v>5820</v>
      </c>
      <c r="D5854" cm="1">
        <f t="array" ref="D5854">IFERROR(INDEX(Jesper!AH$2:AH$366,ROUNDDOWN($C5854/24,0)+1,1)*INDEX($D$3:$AA$30,INDEX(Jesper!$R$2:$R$366,ROW(INDEX(Jesper!AH$2:AH$366,ROUNDDOWN($C5854/24,0)+1,1))-1)+IF('Standard Profiles'!$G$18=$B$10,7,0)+IF('Standard Profiles'!$G$18=$B$17,14,0)+IF('Standard Profiles'!$G$18=$B$24,21,0),MOD($C5854,24)+1)/SUM(INDEX($D$3:$AA$30,INDEX(Jesper!$R$2:$R$366,ROW(INDEX(Jesper!AH$2:AH$366,ROUNDDOWN($C5854/24,0)+1,1))-1)+IF('Standard Profiles'!$G$18=$B$10,7,0)+IF('Standard Profiles'!$G$18=$B$17,14,0)+IF('Standard Profiles'!$G$18=$B$24,21,0),0)),0)</f>
        <v>15.407027405221243</v>
      </c>
      <c r="E5854" cm="1">
        <f t="array" ref="E5854">IFERROR(INDEX(Jesper!AI$2:AI$366,ROUNDDOWN($C5854/24,0)+1,1)*INDEX($D$3:$AA$30,INDEX(Jesper!$R$2:$R$366,ROW(INDEX(Jesper!AI$2:AI$366,ROUNDDOWN($C5854/24,0)+1,1))-1)+IF('Standard Profiles'!$G$19=$B$10,7,0)+IF('Standard Profiles'!$G$19=$B$17,14,0)+IF('Standard Profiles'!$G$19=$B$24,21,0),MOD($C5854,24)+1)/SUM(INDEX($D$3:$AA$30,INDEX(Jesper!$R$2:$R$366,ROW(INDEX(Jesper!AI$2:AI$366,ROUNDDOWN($C5854/24,0)+1,1))-1)+IF('Standard Profiles'!$G$19=$B$10,7,0)+IF('Standard Profiles'!$G$19=$B$17,14,0)+IF('Standard Profiles'!$G$19=$B$24,21,0),0)),0)</f>
        <v>0</v>
      </c>
      <c r="F5854" cm="1">
        <f t="array" ref="F5854">IFERROR(INDEX(Jesper!AJ$2:AJ$366,ROUNDDOWN($C5854/24,0)+1,1)*INDEX($D$3:$AA$30,INDEX(Jesper!$R$2:$R$366,ROW(INDEX(Jesper!AJ$2:AJ$366,ROUNDDOWN($C5854/24,0)+1,1))-1)+IF('Standard Profiles'!$G$20=$B$10,7,0)+IF('Standard Profiles'!$G$20=$B$17,14,0)+IF('Standard Profiles'!$G$20=$B$24,21,0),MOD($C5854,24)+1)/SUM(INDEX($D$3:$AA$30,INDEX(Jesper!$R$2:$R$366,ROW(INDEX(Jesper!AJ$2:AJ$366,ROUNDDOWN($C5854/24,0)+1,1))-1)+IF('Standard Profiles'!$G$20=$B$10,7,0)+IF('Standard Profiles'!$G$20=$B$17,14,0)+IF('Standard Profiles'!$G$20=$B$24,21,0),0)),0)</f>
        <v>0</v>
      </c>
      <c r="G5854" cm="1">
        <f t="array" ref="G5854">IFERROR(INDEX(Jesper!AK$2:AK$366,ROUNDDOWN($C5854/24,0)+1,1)*INDEX($D$3:$AA$30,INDEX(Jesper!$R$2:$R$366,ROW(INDEX(Jesper!AK$2:AK$366,ROUNDDOWN($C5854/24,0)+1,1))-1)+IF('Standard Profiles'!$G$21=$B$10,7,0)+IF('Standard Profiles'!$G$21=$B$17,14,0)+IF('Standard Profiles'!$G$21=$B$24,21,0),MOD($C5854,24)+1)/SUM(INDEX($D$3:$AA$30,INDEX(Jesper!$R$2:$R$366,ROW(INDEX(Jesper!AK$2:AK$366,ROUNDDOWN($C5854/24,0)+1,1))-1)+IF('Standard Profiles'!$G$21=$B$10,7,0)+IF('Standard Profiles'!$G$21=$B$17,14,0)+IF('Standard Profiles'!$G$21=$B$24,21,0),0)),0)</f>
        <v>0</v>
      </c>
      <c r="H5854" cm="1">
        <f t="array" ref="H5854">IFERROR(INDEX(Jesper!AL$2:AL$366,ROUNDDOWN($C5854/24,0)+1,1)*INDEX($D$3:$AA$30,INDEX(Jesper!$R$2:$R$366,ROW(INDEX(Jesper!AL$2:AL$366,ROUNDDOWN($C5854/24,0)+1,1))-1)+IF('Standard Profiles'!$G$22=$B$10,7,0)+IF('Standard Profiles'!$G$22=$B$17,14,0)+IF('Standard Profiles'!$G$22=$B$24,21,0),MOD($C5854,24)+1)/SUM(INDEX($D$3:$AA$30,INDEX(Jesper!$R$2:$R$366,ROW(INDEX(Jesper!AL$2:AL$366,ROUNDDOWN($C5854/24,0)+1,1))-1)+IF('Standard Profiles'!$G$22=$B$10,7,0)+IF('Standard Profiles'!$G$22=$B$17,14,0)+IF('Standard Profiles'!$G$22=$B$24,21,0),0)),0)</f>
        <v>0</v>
      </c>
      <c r="I5854">
        <f t="shared" si="650"/>
        <v>0.46221082215663728</v>
      </c>
      <c r="J5854">
        <f t="shared" si="651"/>
        <v>1.5407027405221243</v>
      </c>
      <c r="K5854">
        <f t="shared" si="652"/>
        <v>2.3110541107831861</v>
      </c>
      <c r="L5854">
        <f t="shared" si="653"/>
        <v>11.093059731759293</v>
      </c>
      <c r="M5854">
        <f t="shared" si="654"/>
        <v>0</v>
      </c>
      <c r="N5854" s="46">
        <f t="shared" si="655"/>
        <v>45534.499999985885</v>
      </c>
    </row>
    <row r="5855" spans="2:14" x14ac:dyDescent="0.3">
      <c r="B5855">
        <f t="shared" si="649"/>
        <v>5</v>
      </c>
      <c r="C5855" s="16">
        <v>5821</v>
      </c>
      <c r="D5855" cm="1">
        <f t="array" ref="D5855">IFERROR(INDEX(Jesper!AH$2:AH$366,ROUNDDOWN($C5855/24,0)+1,1)*INDEX($D$3:$AA$30,INDEX(Jesper!$R$2:$R$366,ROW(INDEX(Jesper!AH$2:AH$366,ROUNDDOWN($C5855/24,0)+1,1))-1)+IF('Standard Profiles'!$G$18=$B$10,7,0)+IF('Standard Profiles'!$G$18=$B$17,14,0)+IF('Standard Profiles'!$G$18=$B$24,21,0),MOD($C5855,24)+1)/SUM(INDEX($D$3:$AA$30,INDEX(Jesper!$R$2:$R$366,ROW(INDEX(Jesper!AH$2:AH$366,ROUNDDOWN($C5855/24,0)+1,1))-1)+IF('Standard Profiles'!$G$18=$B$10,7,0)+IF('Standard Profiles'!$G$18=$B$17,14,0)+IF('Standard Profiles'!$G$18=$B$24,21,0),0)),0)</f>
        <v>15.407027405221243</v>
      </c>
      <c r="E5855" cm="1">
        <f t="array" ref="E5855">IFERROR(INDEX(Jesper!AI$2:AI$366,ROUNDDOWN($C5855/24,0)+1,1)*INDEX($D$3:$AA$30,INDEX(Jesper!$R$2:$R$366,ROW(INDEX(Jesper!AI$2:AI$366,ROUNDDOWN($C5855/24,0)+1,1))-1)+IF('Standard Profiles'!$G$19=$B$10,7,0)+IF('Standard Profiles'!$G$19=$B$17,14,0)+IF('Standard Profiles'!$G$19=$B$24,21,0),MOD($C5855,24)+1)/SUM(INDEX($D$3:$AA$30,INDEX(Jesper!$R$2:$R$366,ROW(INDEX(Jesper!AI$2:AI$366,ROUNDDOWN($C5855/24,0)+1,1))-1)+IF('Standard Profiles'!$G$19=$B$10,7,0)+IF('Standard Profiles'!$G$19=$B$17,14,0)+IF('Standard Profiles'!$G$19=$B$24,21,0),0)),0)</f>
        <v>0</v>
      </c>
      <c r="F5855" cm="1">
        <f t="array" ref="F5855">IFERROR(INDEX(Jesper!AJ$2:AJ$366,ROUNDDOWN($C5855/24,0)+1,1)*INDEX($D$3:$AA$30,INDEX(Jesper!$R$2:$R$366,ROW(INDEX(Jesper!AJ$2:AJ$366,ROUNDDOWN($C5855/24,0)+1,1))-1)+IF('Standard Profiles'!$G$20=$B$10,7,0)+IF('Standard Profiles'!$G$20=$B$17,14,0)+IF('Standard Profiles'!$G$20=$B$24,21,0),MOD($C5855,24)+1)/SUM(INDEX($D$3:$AA$30,INDEX(Jesper!$R$2:$R$366,ROW(INDEX(Jesper!AJ$2:AJ$366,ROUNDDOWN($C5855/24,0)+1,1))-1)+IF('Standard Profiles'!$G$20=$B$10,7,0)+IF('Standard Profiles'!$G$20=$B$17,14,0)+IF('Standard Profiles'!$G$20=$B$24,21,0),0)),0)</f>
        <v>0</v>
      </c>
      <c r="G5855" cm="1">
        <f t="array" ref="G5855">IFERROR(INDEX(Jesper!AK$2:AK$366,ROUNDDOWN($C5855/24,0)+1,1)*INDEX($D$3:$AA$30,INDEX(Jesper!$R$2:$R$366,ROW(INDEX(Jesper!AK$2:AK$366,ROUNDDOWN($C5855/24,0)+1,1))-1)+IF('Standard Profiles'!$G$21=$B$10,7,0)+IF('Standard Profiles'!$G$21=$B$17,14,0)+IF('Standard Profiles'!$G$21=$B$24,21,0),MOD($C5855,24)+1)/SUM(INDEX($D$3:$AA$30,INDEX(Jesper!$R$2:$R$366,ROW(INDEX(Jesper!AK$2:AK$366,ROUNDDOWN($C5855/24,0)+1,1))-1)+IF('Standard Profiles'!$G$21=$B$10,7,0)+IF('Standard Profiles'!$G$21=$B$17,14,0)+IF('Standard Profiles'!$G$21=$B$24,21,0),0)),0)</f>
        <v>0</v>
      </c>
      <c r="H5855" cm="1">
        <f t="array" ref="H5855">IFERROR(INDEX(Jesper!AL$2:AL$366,ROUNDDOWN($C5855/24,0)+1,1)*INDEX($D$3:$AA$30,INDEX(Jesper!$R$2:$R$366,ROW(INDEX(Jesper!AL$2:AL$366,ROUNDDOWN($C5855/24,0)+1,1))-1)+IF('Standard Profiles'!$G$22=$B$10,7,0)+IF('Standard Profiles'!$G$22=$B$17,14,0)+IF('Standard Profiles'!$G$22=$B$24,21,0),MOD($C5855,24)+1)/SUM(INDEX($D$3:$AA$30,INDEX(Jesper!$R$2:$R$366,ROW(INDEX(Jesper!AL$2:AL$366,ROUNDDOWN($C5855/24,0)+1,1))-1)+IF('Standard Profiles'!$G$22=$B$10,7,0)+IF('Standard Profiles'!$G$22=$B$17,14,0)+IF('Standard Profiles'!$G$22=$B$24,21,0),0)),0)</f>
        <v>0</v>
      </c>
      <c r="I5855">
        <f t="shared" si="650"/>
        <v>0.46221082215663728</v>
      </c>
      <c r="J5855">
        <f t="shared" si="651"/>
        <v>1.5407027405221243</v>
      </c>
      <c r="K5855">
        <f t="shared" si="652"/>
        <v>2.3110541107831861</v>
      </c>
      <c r="L5855">
        <f t="shared" si="653"/>
        <v>11.093059731759293</v>
      </c>
      <c r="M5855">
        <f t="shared" si="654"/>
        <v>0</v>
      </c>
      <c r="N5855" s="46">
        <f t="shared" si="655"/>
        <v>45534.541666652549</v>
      </c>
    </row>
    <row r="5856" spans="2:14" x14ac:dyDescent="0.3">
      <c r="B5856">
        <f t="shared" si="649"/>
        <v>5</v>
      </c>
      <c r="C5856" s="16">
        <v>5822</v>
      </c>
      <c r="D5856" cm="1">
        <f t="array" ref="D5856">IFERROR(INDEX(Jesper!AH$2:AH$366,ROUNDDOWN($C5856/24,0)+1,1)*INDEX($D$3:$AA$30,INDEX(Jesper!$R$2:$R$366,ROW(INDEX(Jesper!AH$2:AH$366,ROUNDDOWN($C5856/24,0)+1,1))-1)+IF('Standard Profiles'!$G$18=$B$10,7,0)+IF('Standard Profiles'!$G$18=$B$17,14,0)+IF('Standard Profiles'!$G$18=$B$24,21,0),MOD($C5856,24)+1)/SUM(INDEX($D$3:$AA$30,INDEX(Jesper!$R$2:$R$366,ROW(INDEX(Jesper!AH$2:AH$366,ROUNDDOWN($C5856/24,0)+1,1))-1)+IF('Standard Profiles'!$G$18=$B$10,7,0)+IF('Standard Profiles'!$G$18=$B$17,14,0)+IF('Standard Profiles'!$G$18=$B$24,21,0),0)),0)</f>
        <v>15.407027405221243</v>
      </c>
      <c r="E5856" cm="1">
        <f t="array" ref="E5856">IFERROR(INDEX(Jesper!AI$2:AI$366,ROUNDDOWN($C5856/24,0)+1,1)*INDEX($D$3:$AA$30,INDEX(Jesper!$R$2:$R$366,ROW(INDEX(Jesper!AI$2:AI$366,ROUNDDOWN($C5856/24,0)+1,1))-1)+IF('Standard Profiles'!$G$19=$B$10,7,0)+IF('Standard Profiles'!$G$19=$B$17,14,0)+IF('Standard Profiles'!$G$19=$B$24,21,0),MOD($C5856,24)+1)/SUM(INDEX($D$3:$AA$30,INDEX(Jesper!$R$2:$R$366,ROW(INDEX(Jesper!AI$2:AI$366,ROUNDDOWN($C5856/24,0)+1,1))-1)+IF('Standard Profiles'!$G$19=$B$10,7,0)+IF('Standard Profiles'!$G$19=$B$17,14,0)+IF('Standard Profiles'!$G$19=$B$24,21,0),0)),0)</f>
        <v>0</v>
      </c>
      <c r="F5856" cm="1">
        <f t="array" ref="F5856">IFERROR(INDEX(Jesper!AJ$2:AJ$366,ROUNDDOWN($C5856/24,0)+1,1)*INDEX($D$3:$AA$30,INDEX(Jesper!$R$2:$R$366,ROW(INDEX(Jesper!AJ$2:AJ$366,ROUNDDOWN($C5856/24,0)+1,1))-1)+IF('Standard Profiles'!$G$20=$B$10,7,0)+IF('Standard Profiles'!$G$20=$B$17,14,0)+IF('Standard Profiles'!$G$20=$B$24,21,0),MOD($C5856,24)+1)/SUM(INDEX($D$3:$AA$30,INDEX(Jesper!$R$2:$R$366,ROW(INDEX(Jesper!AJ$2:AJ$366,ROUNDDOWN($C5856/24,0)+1,1))-1)+IF('Standard Profiles'!$G$20=$B$10,7,0)+IF('Standard Profiles'!$G$20=$B$17,14,0)+IF('Standard Profiles'!$G$20=$B$24,21,0),0)),0)</f>
        <v>0</v>
      </c>
      <c r="G5856" cm="1">
        <f t="array" ref="G5856">IFERROR(INDEX(Jesper!AK$2:AK$366,ROUNDDOWN($C5856/24,0)+1,1)*INDEX($D$3:$AA$30,INDEX(Jesper!$R$2:$R$366,ROW(INDEX(Jesper!AK$2:AK$366,ROUNDDOWN($C5856/24,0)+1,1))-1)+IF('Standard Profiles'!$G$21=$B$10,7,0)+IF('Standard Profiles'!$G$21=$B$17,14,0)+IF('Standard Profiles'!$G$21=$B$24,21,0),MOD($C5856,24)+1)/SUM(INDEX($D$3:$AA$30,INDEX(Jesper!$R$2:$R$366,ROW(INDEX(Jesper!AK$2:AK$366,ROUNDDOWN($C5856/24,0)+1,1))-1)+IF('Standard Profiles'!$G$21=$B$10,7,0)+IF('Standard Profiles'!$G$21=$B$17,14,0)+IF('Standard Profiles'!$G$21=$B$24,21,0),0)),0)</f>
        <v>0</v>
      </c>
      <c r="H5856" cm="1">
        <f t="array" ref="H5856">IFERROR(INDEX(Jesper!AL$2:AL$366,ROUNDDOWN($C5856/24,0)+1,1)*INDEX($D$3:$AA$30,INDEX(Jesper!$R$2:$R$366,ROW(INDEX(Jesper!AL$2:AL$366,ROUNDDOWN($C5856/24,0)+1,1))-1)+IF('Standard Profiles'!$G$22=$B$10,7,0)+IF('Standard Profiles'!$G$22=$B$17,14,0)+IF('Standard Profiles'!$G$22=$B$24,21,0),MOD($C5856,24)+1)/SUM(INDEX($D$3:$AA$30,INDEX(Jesper!$R$2:$R$366,ROW(INDEX(Jesper!AL$2:AL$366,ROUNDDOWN($C5856/24,0)+1,1))-1)+IF('Standard Profiles'!$G$22=$B$10,7,0)+IF('Standard Profiles'!$G$22=$B$17,14,0)+IF('Standard Profiles'!$G$22=$B$24,21,0),0)),0)</f>
        <v>0</v>
      </c>
      <c r="I5856">
        <f t="shared" si="650"/>
        <v>0.46221082215663728</v>
      </c>
      <c r="J5856">
        <f t="shared" si="651"/>
        <v>1.5407027405221243</v>
      </c>
      <c r="K5856">
        <f t="shared" si="652"/>
        <v>2.3110541107831861</v>
      </c>
      <c r="L5856">
        <f t="shared" si="653"/>
        <v>11.093059731759293</v>
      </c>
      <c r="M5856">
        <f t="shared" si="654"/>
        <v>0</v>
      </c>
      <c r="N5856" s="46">
        <f t="shared" si="655"/>
        <v>45534.583333319213</v>
      </c>
    </row>
    <row r="5857" spans="2:14" x14ac:dyDescent="0.3">
      <c r="B5857">
        <f t="shared" si="649"/>
        <v>5</v>
      </c>
      <c r="C5857" s="16">
        <v>5823</v>
      </c>
      <c r="D5857" cm="1">
        <f t="array" ref="D5857">IFERROR(INDEX(Jesper!AH$2:AH$366,ROUNDDOWN($C5857/24,0)+1,1)*INDEX($D$3:$AA$30,INDEX(Jesper!$R$2:$R$366,ROW(INDEX(Jesper!AH$2:AH$366,ROUNDDOWN($C5857/24,0)+1,1))-1)+IF('Standard Profiles'!$G$18=$B$10,7,0)+IF('Standard Profiles'!$G$18=$B$17,14,0)+IF('Standard Profiles'!$G$18=$B$24,21,0),MOD($C5857,24)+1)/SUM(INDEX($D$3:$AA$30,INDEX(Jesper!$R$2:$R$366,ROW(INDEX(Jesper!AH$2:AH$366,ROUNDDOWN($C5857/24,0)+1,1))-1)+IF('Standard Profiles'!$G$18=$B$10,7,0)+IF('Standard Profiles'!$G$18=$B$17,14,0)+IF('Standard Profiles'!$G$18=$B$24,21,0),0)),0)</f>
        <v>12.839189504351037</v>
      </c>
      <c r="E5857" cm="1">
        <f t="array" ref="E5857">IFERROR(INDEX(Jesper!AI$2:AI$366,ROUNDDOWN($C5857/24,0)+1,1)*INDEX($D$3:$AA$30,INDEX(Jesper!$R$2:$R$366,ROW(INDEX(Jesper!AI$2:AI$366,ROUNDDOWN($C5857/24,0)+1,1))-1)+IF('Standard Profiles'!$G$19=$B$10,7,0)+IF('Standard Profiles'!$G$19=$B$17,14,0)+IF('Standard Profiles'!$G$19=$B$24,21,0),MOD($C5857,24)+1)/SUM(INDEX($D$3:$AA$30,INDEX(Jesper!$R$2:$R$366,ROW(INDEX(Jesper!AI$2:AI$366,ROUNDDOWN($C5857/24,0)+1,1))-1)+IF('Standard Profiles'!$G$19=$B$10,7,0)+IF('Standard Profiles'!$G$19=$B$17,14,0)+IF('Standard Profiles'!$G$19=$B$24,21,0),0)),0)</f>
        <v>0</v>
      </c>
      <c r="F5857" cm="1">
        <f t="array" ref="F5857">IFERROR(INDEX(Jesper!AJ$2:AJ$366,ROUNDDOWN($C5857/24,0)+1,1)*INDEX($D$3:$AA$30,INDEX(Jesper!$R$2:$R$366,ROW(INDEX(Jesper!AJ$2:AJ$366,ROUNDDOWN($C5857/24,0)+1,1))-1)+IF('Standard Profiles'!$G$20=$B$10,7,0)+IF('Standard Profiles'!$G$20=$B$17,14,0)+IF('Standard Profiles'!$G$20=$B$24,21,0),MOD($C5857,24)+1)/SUM(INDEX($D$3:$AA$30,INDEX(Jesper!$R$2:$R$366,ROW(INDEX(Jesper!AJ$2:AJ$366,ROUNDDOWN($C5857/24,0)+1,1))-1)+IF('Standard Profiles'!$G$20=$B$10,7,0)+IF('Standard Profiles'!$G$20=$B$17,14,0)+IF('Standard Profiles'!$G$20=$B$24,21,0),0)),0)</f>
        <v>0</v>
      </c>
      <c r="G5857" cm="1">
        <f t="array" ref="G5857">IFERROR(INDEX(Jesper!AK$2:AK$366,ROUNDDOWN($C5857/24,0)+1,1)*INDEX($D$3:$AA$30,INDEX(Jesper!$R$2:$R$366,ROW(INDEX(Jesper!AK$2:AK$366,ROUNDDOWN($C5857/24,0)+1,1))-1)+IF('Standard Profiles'!$G$21=$B$10,7,0)+IF('Standard Profiles'!$G$21=$B$17,14,0)+IF('Standard Profiles'!$G$21=$B$24,21,0),MOD($C5857,24)+1)/SUM(INDEX($D$3:$AA$30,INDEX(Jesper!$R$2:$R$366,ROW(INDEX(Jesper!AK$2:AK$366,ROUNDDOWN($C5857/24,0)+1,1))-1)+IF('Standard Profiles'!$G$21=$B$10,7,0)+IF('Standard Profiles'!$G$21=$B$17,14,0)+IF('Standard Profiles'!$G$21=$B$24,21,0),0)),0)</f>
        <v>0</v>
      </c>
      <c r="H5857" cm="1">
        <f t="array" ref="H5857">IFERROR(INDEX(Jesper!AL$2:AL$366,ROUNDDOWN($C5857/24,0)+1,1)*INDEX($D$3:$AA$30,INDEX(Jesper!$R$2:$R$366,ROW(INDEX(Jesper!AL$2:AL$366,ROUNDDOWN($C5857/24,0)+1,1))-1)+IF('Standard Profiles'!$G$22=$B$10,7,0)+IF('Standard Profiles'!$G$22=$B$17,14,0)+IF('Standard Profiles'!$G$22=$B$24,21,0),MOD($C5857,24)+1)/SUM(INDEX($D$3:$AA$30,INDEX(Jesper!$R$2:$R$366,ROW(INDEX(Jesper!AL$2:AL$366,ROUNDDOWN($C5857/24,0)+1,1))-1)+IF('Standard Profiles'!$G$22=$B$10,7,0)+IF('Standard Profiles'!$G$22=$B$17,14,0)+IF('Standard Profiles'!$G$22=$B$24,21,0),0)),0)</f>
        <v>0</v>
      </c>
      <c r="I5857">
        <f t="shared" si="650"/>
        <v>0.38517568513053108</v>
      </c>
      <c r="J5857">
        <f t="shared" si="651"/>
        <v>1.2839189504351038</v>
      </c>
      <c r="K5857">
        <f t="shared" si="652"/>
        <v>1.9258784256526553</v>
      </c>
      <c r="L5857">
        <f t="shared" si="653"/>
        <v>9.2442164431327463</v>
      </c>
      <c r="M5857">
        <f t="shared" si="654"/>
        <v>0</v>
      </c>
      <c r="N5857" s="46">
        <f t="shared" si="655"/>
        <v>45534.624999985877</v>
      </c>
    </row>
    <row r="5858" spans="2:14" x14ac:dyDescent="0.3">
      <c r="B5858">
        <f t="shared" si="649"/>
        <v>5</v>
      </c>
      <c r="C5858" s="16">
        <v>5824</v>
      </c>
      <c r="D5858" cm="1">
        <f t="array" ref="D5858">IFERROR(INDEX(Jesper!AH$2:AH$366,ROUNDDOWN($C5858/24,0)+1,1)*INDEX($D$3:$AA$30,INDEX(Jesper!$R$2:$R$366,ROW(INDEX(Jesper!AH$2:AH$366,ROUNDDOWN($C5858/24,0)+1,1))-1)+IF('Standard Profiles'!$G$18=$B$10,7,0)+IF('Standard Profiles'!$G$18=$B$17,14,0)+IF('Standard Profiles'!$G$18=$B$24,21,0),MOD($C5858,24)+1)/SUM(INDEX($D$3:$AA$30,INDEX(Jesper!$R$2:$R$366,ROW(INDEX(Jesper!AH$2:AH$366,ROUNDDOWN($C5858/24,0)+1,1))-1)+IF('Standard Profiles'!$G$18=$B$10,7,0)+IF('Standard Profiles'!$G$18=$B$17,14,0)+IF('Standard Profiles'!$G$18=$B$24,21,0),0)),0)</f>
        <v>12.154432730785651</v>
      </c>
      <c r="E5858" cm="1">
        <f t="array" ref="E5858">IFERROR(INDEX(Jesper!AI$2:AI$366,ROUNDDOWN($C5858/24,0)+1,1)*INDEX($D$3:$AA$30,INDEX(Jesper!$R$2:$R$366,ROW(INDEX(Jesper!AI$2:AI$366,ROUNDDOWN($C5858/24,0)+1,1))-1)+IF('Standard Profiles'!$G$19=$B$10,7,0)+IF('Standard Profiles'!$G$19=$B$17,14,0)+IF('Standard Profiles'!$G$19=$B$24,21,0),MOD($C5858,24)+1)/SUM(INDEX($D$3:$AA$30,INDEX(Jesper!$R$2:$R$366,ROW(INDEX(Jesper!AI$2:AI$366,ROUNDDOWN($C5858/24,0)+1,1))-1)+IF('Standard Profiles'!$G$19=$B$10,7,0)+IF('Standard Profiles'!$G$19=$B$17,14,0)+IF('Standard Profiles'!$G$19=$B$24,21,0),0)),0)</f>
        <v>0</v>
      </c>
      <c r="F5858" cm="1">
        <f t="array" ref="F5858">IFERROR(INDEX(Jesper!AJ$2:AJ$366,ROUNDDOWN($C5858/24,0)+1,1)*INDEX($D$3:$AA$30,INDEX(Jesper!$R$2:$R$366,ROW(INDEX(Jesper!AJ$2:AJ$366,ROUNDDOWN($C5858/24,0)+1,1))-1)+IF('Standard Profiles'!$G$20=$B$10,7,0)+IF('Standard Profiles'!$G$20=$B$17,14,0)+IF('Standard Profiles'!$G$20=$B$24,21,0),MOD($C5858,24)+1)/SUM(INDEX($D$3:$AA$30,INDEX(Jesper!$R$2:$R$366,ROW(INDEX(Jesper!AJ$2:AJ$366,ROUNDDOWN($C5858/24,0)+1,1))-1)+IF('Standard Profiles'!$G$20=$B$10,7,0)+IF('Standard Profiles'!$G$20=$B$17,14,0)+IF('Standard Profiles'!$G$20=$B$24,21,0),0)),0)</f>
        <v>0</v>
      </c>
      <c r="G5858" cm="1">
        <f t="array" ref="G5858">IFERROR(INDEX(Jesper!AK$2:AK$366,ROUNDDOWN($C5858/24,0)+1,1)*INDEX($D$3:$AA$30,INDEX(Jesper!$R$2:$R$366,ROW(INDEX(Jesper!AK$2:AK$366,ROUNDDOWN($C5858/24,0)+1,1))-1)+IF('Standard Profiles'!$G$21=$B$10,7,0)+IF('Standard Profiles'!$G$21=$B$17,14,0)+IF('Standard Profiles'!$G$21=$B$24,21,0),MOD($C5858,24)+1)/SUM(INDEX($D$3:$AA$30,INDEX(Jesper!$R$2:$R$366,ROW(INDEX(Jesper!AK$2:AK$366,ROUNDDOWN($C5858/24,0)+1,1))-1)+IF('Standard Profiles'!$G$21=$B$10,7,0)+IF('Standard Profiles'!$G$21=$B$17,14,0)+IF('Standard Profiles'!$G$21=$B$24,21,0),0)),0)</f>
        <v>0</v>
      </c>
      <c r="H5858" cm="1">
        <f t="array" ref="H5858">IFERROR(INDEX(Jesper!AL$2:AL$366,ROUNDDOWN($C5858/24,0)+1,1)*INDEX($D$3:$AA$30,INDEX(Jesper!$R$2:$R$366,ROW(INDEX(Jesper!AL$2:AL$366,ROUNDDOWN($C5858/24,0)+1,1))-1)+IF('Standard Profiles'!$G$22=$B$10,7,0)+IF('Standard Profiles'!$G$22=$B$17,14,0)+IF('Standard Profiles'!$G$22=$B$24,21,0),MOD($C5858,24)+1)/SUM(INDEX($D$3:$AA$30,INDEX(Jesper!$R$2:$R$366,ROW(INDEX(Jesper!AL$2:AL$366,ROUNDDOWN($C5858/24,0)+1,1))-1)+IF('Standard Profiles'!$G$22=$B$10,7,0)+IF('Standard Profiles'!$G$22=$B$17,14,0)+IF('Standard Profiles'!$G$22=$B$24,21,0),0)),0)</f>
        <v>0</v>
      </c>
      <c r="I5858">
        <f t="shared" si="650"/>
        <v>0.36463298192356952</v>
      </c>
      <c r="J5858">
        <f t="shared" si="651"/>
        <v>1.2154432730785651</v>
      </c>
      <c r="K5858">
        <f t="shared" si="652"/>
        <v>1.8231649096178475</v>
      </c>
      <c r="L5858">
        <f t="shared" si="653"/>
        <v>8.7511915661656676</v>
      </c>
      <c r="M5858">
        <f t="shared" si="654"/>
        <v>0</v>
      </c>
      <c r="N5858" s="46">
        <f t="shared" si="655"/>
        <v>45534.666666652542</v>
      </c>
    </row>
    <row r="5859" spans="2:14" x14ac:dyDescent="0.3">
      <c r="B5859">
        <f t="shared" ref="B5859:B5922" si="656">WEEKDAY(N5859,2)</f>
        <v>5</v>
      </c>
      <c r="C5859" s="16">
        <v>5825</v>
      </c>
      <c r="D5859" cm="1">
        <f t="array" ref="D5859">IFERROR(INDEX(Jesper!AH$2:AH$366,ROUNDDOWN($C5859/24,0)+1,1)*INDEX($D$3:$AA$30,INDEX(Jesper!$R$2:$R$366,ROW(INDEX(Jesper!AH$2:AH$366,ROUNDDOWN($C5859/24,0)+1,1))-1)+IF('Standard Profiles'!$G$18=$B$10,7,0)+IF('Standard Profiles'!$G$18=$B$17,14,0)+IF('Standard Profiles'!$G$18=$B$24,21,0),MOD($C5859,24)+1)/SUM(INDEX($D$3:$AA$30,INDEX(Jesper!$R$2:$R$366,ROW(INDEX(Jesper!AH$2:AH$366,ROUNDDOWN($C5859/24,0)+1,1))-1)+IF('Standard Profiles'!$G$18=$B$10,7,0)+IF('Standard Profiles'!$G$18=$B$17,14,0)+IF('Standard Profiles'!$G$18=$B$24,21,0),0)),0)</f>
        <v>12.154432730785651</v>
      </c>
      <c r="E5859" cm="1">
        <f t="array" ref="E5859">IFERROR(INDEX(Jesper!AI$2:AI$366,ROUNDDOWN($C5859/24,0)+1,1)*INDEX($D$3:$AA$30,INDEX(Jesper!$R$2:$R$366,ROW(INDEX(Jesper!AI$2:AI$366,ROUNDDOWN($C5859/24,0)+1,1))-1)+IF('Standard Profiles'!$G$19=$B$10,7,0)+IF('Standard Profiles'!$G$19=$B$17,14,0)+IF('Standard Profiles'!$G$19=$B$24,21,0),MOD($C5859,24)+1)/SUM(INDEX($D$3:$AA$30,INDEX(Jesper!$R$2:$R$366,ROW(INDEX(Jesper!AI$2:AI$366,ROUNDDOWN($C5859/24,0)+1,1))-1)+IF('Standard Profiles'!$G$19=$B$10,7,0)+IF('Standard Profiles'!$G$19=$B$17,14,0)+IF('Standard Profiles'!$G$19=$B$24,21,0),0)),0)</f>
        <v>0</v>
      </c>
      <c r="F5859" cm="1">
        <f t="array" ref="F5859">IFERROR(INDEX(Jesper!AJ$2:AJ$366,ROUNDDOWN($C5859/24,0)+1,1)*INDEX($D$3:$AA$30,INDEX(Jesper!$R$2:$R$366,ROW(INDEX(Jesper!AJ$2:AJ$366,ROUNDDOWN($C5859/24,0)+1,1))-1)+IF('Standard Profiles'!$G$20=$B$10,7,0)+IF('Standard Profiles'!$G$20=$B$17,14,0)+IF('Standard Profiles'!$G$20=$B$24,21,0),MOD($C5859,24)+1)/SUM(INDEX($D$3:$AA$30,INDEX(Jesper!$R$2:$R$366,ROW(INDEX(Jesper!AJ$2:AJ$366,ROUNDDOWN($C5859/24,0)+1,1))-1)+IF('Standard Profiles'!$G$20=$B$10,7,0)+IF('Standard Profiles'!$G$20=$B$17,14,0)+IF('Standard Profiles'!$G$20=$B$24,21,0),0)),0)</f>
        <v>0</v>
      </c>
      <c r="G5859" cm="1">
        <f t="array" ref="G5859">IFERROR(INDEX(Jesper!AK$2:AK$366,ROUNDDOWN($C5859/24,0)+1,1)*INDEX($D$3:$AA$30,INDEX(Jesper!$R$2:$R$366,ROW(INDEX(Jesper!AK$2:AK$366,ROUNDDOWN($C5859/24,0)+1,1))-1)+IF('Standard Profiles'!$G$21=$B$10,7,0)+IF('Standard Profiles'!$G$21=$B$17,14,0)+IF('Standard Profiles'!$G$21=$B$24,21,0),MOD($C5859,24)+1)/SUM(INDEX($D$3:$AA$30,INDEX(Jesper!$R$2:$R$366,ROW(INDEX(Jesper!AK$2:AK$366,ROUNDDOWN($C5859/24,0)+1,1))-1)+IF('Standard Profiles'!$G$21=$B$10,7,0)+IF('Standard Profiles'!$G$21=$B$17,14,0)+IF('Standard Profiles'!$G$21=$B$24,21,0),0)),0)</f>
        <v>0</v>
      </c>
      <c r="H5859" cm="1">
        <f t="array" ref="H5859">IFERROR(INDEX(Jesper!AL$2:AL$366,ROUNDDOWN($C5859/24,0)+1,1)*INDEX($D$3:$AA$30,INDEX(Jesper!$R$2:$R$366,ROW(INDEX(Jesper!AL$2:AL$366,ROUNDDOWN($C5859/24,0)+1,1))-1)+IF('Standard Profiles'!$G$22=$B$10,7,0)+IF('Standard Profiles'!$G$22=$B$17,14,0)+IF('Standard Profiles'!$G$22=$B$24,21,0),MOD($C5859,24)+1)/SUM(INDEX($D$3:$AA$30,INDEX(Jesper!$R$2:$R$366,ROW(INDEX(Jesper!AL$2:AL$366,ROUNDDOWN($C5859/24,0)+1,1))-1)+IF('Standard Profiles'!$G$22=$B$10,7,0)+IF('Standard Profiles'!$G$22=$B$17,14,0)+IF('Standard Profiles'!$G$22=$B$24,21,0),0)),0)</f>
        <v>0</v>
      </c>
      <c r="I5859">
        <f t="shared" ref="I5859:I5922" si="657">IF($B5859&lt;6,AC$37*$D5859+AC$38*$E5859+AC$39*$F5859+AC$40*$G5859,AC$46*$D5859+AC$47*$E5859+AC$48*$F5859+AC$49*$G5859+AC$50*$H5859)</f>
        <v>0.36463298192356952</v>
      </c>
      <c r="J5859">
        <f t="shared" ref="J5859:J5922" si="658">IF($B5859&lt;6,AD$37*$D5859+AD$38*$E5859+AD$39*$F5859+AD$40*$G5859,AD$46*$D5859+AD$47*$E5859+AD$48*$F5859+AD$49*$G5859+AD$50*$H5859)</f>
        <v>1.2154432730785651</v>
      </c>
      <c r="K5859">
        <f t="shared" ref="K5859:K5922" si="659">IF($B5859&lt;6,AE$37*$D5859+AE$38*$E5859+AE$39*$F5859+AE$40*$G5859,AE$46*$D5859+AE$47*$E5859+AE$48*$F5859+AE$49*$G5859+AE$50*$H5859)</f>
        <v>1.8231649096178475</v>
      </c>
      <c r="L5859">
        <f t="shared" ref="L5859:L5922" si="660">IF($B5859&lt;6,AF$37*$D5859+AF$38*$E5859+AF$39*$F5859+AF$40*$G5859,AF$46*$D5859+AF$47*$E5859+AF$48*$F5859+AF$49*$G5859+AF$50*$H5859)</f>
        <v>8.7511915661656676</v>
      </c>
      <c r="M5859">
        <f t="shared" ref="M5859:M5922" si="661">IF($B5859&lt;6,AG$37*$D5859+AG$38*$E5859+AG$39*$F5859+AG$40*$G5859,AG$46*$D5859+AG$47*$E5859+AG$48*$F5859+AG$49*$G5859+AG$50*$H5859)</f>
        <v>0</v>
      </c>
      <c r="N5859" s="46">
        <f t="shared" si="655"/>
        <v>45534.708333319206</v>
      </c>
    </row>
    <row r="5860" spans="2:14" x14ac:dyDescent="0.3">
      <c r="B5860">
        <f t="shared" si="656"/>
        <v>5</v>
      </c>
      <c r="C5860" s="16">
        <v>5826</v>
      </c>
      <c r="D5860" cm="1">
        <f t="array" ref="D5860">IFERROR(INDEX(Jesper!AH$2:AH$366,ROUNDDOWN($C5860/24,0)+1,1)*INDEX($D$3:$AA$30,INDEX(Jesper!$R$2:$R$366,ROW(INDEX(Jesper!AH$2:AH$366,ROUNDDOWN($C5860/24,0)+1,1))-1)+IF('Standard Profiles'!$G$18=$B$10,7,0)+IF('Standard Profiles'!$G$18=$B$17,14,0)+IF('Standard Profiles'!$G$18=$B$24,21,0),MOD($C5860,24)+1)/SUM(INDEX($D$3:$AA$30,INDEX(Jesper!$R$2:$R$366,ROW(INDEX(Jesper!AH$2:AH$366,ROUNDDOWN($C5860/24,0)+1,1))-1)+IF('Standard Profiles'!$G$18=$B$10,7,0)+IF('Standard Profiles'!$G$18=$B$17,14,0)+IF('Standard Profiles'!$G$18=$B$24,21,0),0)),0)</f>
        <v>12.154432730785651</v>
      </c>
      <c r="E5860" cm="1">
        <f t="array" ref="E5860">IFERROR(INDEX(Jesper!AI$2:AI$366,ROUNDDOWN($C5860/24,0)+1,1)*INDEX($D$3:$AA$30,INDEX(Jesper!$R$2:$R$366,ROW(INDEX(Jesper!AI$2:AI$366,ROUNDDOWN($C5860/24,0)+1,1))-1)+IF('Standard Profiles'!$G$19=$B$10,7,0)+IF('Standard Profiles'!$G$19=$B$17,14,0)+IF('Standard Profiles'!$G$19=$B$24,21,0),MOD($C5860,24)+1)/SUM(INDEX($D$3:$AA$30,INDEX(Jesper!$R$2:$R$366,ROW(INDEX(Jesper!AI$2:AI$366,ROUNDDOWN($C5860/24,0)+1,1))-1)+IF('Standard Profiles'!$G$19=$B$10,7,0)+IF('Standard Profiles'!$G$19=$B$17,14,0)+IF('Standard Profiles'!$G$19=$B$24,21,0),0)),0)</f>
        <v>0</v>
      </c>
      <c r="F5860" cm="1">
        <f t="array" ref="F5860">IFERROR(INDEX(Jesper!AJ$2:AJ$366,ROUNDDOWN($C5860/24,0)+1,1)*INDEX($D$3:$AA$30,INDEX(Jesper!$R$2:$R$366,ROW(INDEX(Jesper!AJ$2:AJ$366,ROUNDDOWN($C5860/24,0)+1,1))-1)+IF('Standard Profiles'!$G$20=$B$10,7,0)+IF('Standard Profiles'!$G$20=$B$17,14,0)+IF('Standard Profiles'!$G$20=$B$24,21,0),MOD($C5860,24)+1)/SUM(INDEX($D$3:$AA$30,INDEX(Jesper!$R$2:$R$366,ROW(INDEX(Jesper!AJ$2:AJ$366,ROUNDDOWN($C5860/24,0)+1,1))-1)+IF('Standard Profiles'!$G$20=$B$10,7,0)+IF('Standard Profiles'!$G$20=$B$17,14,0)+IF('Standard Profiles'!$G$20=$B$24,21,0),0)),0)</f>
        <v>0</v>
      </c>
      <c r="G5860" cm="1">
        <f t="array" ref="G5860">IFERROR(INDEX(Jesper!AK$2:AK$366,ROUNDDOWN($C5860/24,0)+1,1)*INDEX($D$3:$AA$30,INDEX(Jesper!$R$2:$R$366,ROW(INDEX(Jesper!AK$2:AK$366,ROUNDDOWN($C5860/24,0)+1,1))-1)+IF('Standard Profiles'!$G$21=$B$10,7,0)+IF('Standard Profiles'!$G$21=$B$17,14,0)+IF('Standard Profiles'!$G$21=$B$24,21,0),MOD($C5860,24)+1)/SUM(INDEX($D$3:$AA$30,INDEX(Jesper!$R$2:$R$366,ROW(INDEX(Jesper!AK$2:AK$366,ROUNDDOWN($C5860/24,0)+1,1))-1)+IF('Standard Profiles'!$G$21=$B$10,7,0)+IF('Standard Profiles'!$G$21=$B$17,14,0)+IF('Standard Profiles'!$G$21=$B$24,21,0),0)),0)</f>
        <v>0</v>
      </c>
      <c r="H5860" cm="1">
        <f t="array" ref="H5860">IFERROR(INDEX(Jesper!AL$2:AL$366,ROUNDDOWN($C5860/24,0)+1,1)*INDEX($D$3:$AA$30,INDEX(Jesper!$R$2:$R$366,ROW(INDEX(Jesper!AL$2:AL$366,ROUNDDOWN($C5860/24,0)+1,1))-1)+IF('Standard Profiles'!$G$22=$B$10,7,0)+IF('Standard Profiles'!$G$22=$B$17,14,0)+IF('Standard Profiles'!$G$22=$B$24,21,0),MOD($C5860,24)+1)/SUM(INDEX($D$3:$AA$30,INDEX(Jesper!$R$2:$R$366,ROW(INDEX(Jesper!AL$2:AL$366,ROUNDDOWN($C5860/24,0)+1,1))-1)+IF('Standard Profiles'!$G$22=$B$10,7,0)+IF('Standard Profiles'!$G$22=$B$17,14,0)+IF('Standard Profiles'!$G$22=$B$24,21,0),0)),0)</f>
        <v>0</v>
      </c>
      <c r="I5860">
        <f t="shared" si="657"/>
        <v>0.36463298192356952</v>
      </c>
      <c r="J5860">
        <f t="shared" si="658"/>
        <v>1.2154432730785651</v>
      </c>
      <c r="K5860">
        <f t="shared" si="659"/>
        <v>1.8231649096178475</v>
      </c>
      <c r="L5860">
        <f t="shared" si="660"/>
        <v>8.7511915661656676</v>
      </c>
      <c r="M5860">
        <f t="shared" si="661"/>
        <v>0</v>
      </c>
      <c r="N5860" s="46">
        <f t="shared" ref="N5860:N5923" si="662">N5859+1/24</f>
        <v>45534.74999998587</v>
      </c>
    </row>
    <row r="5861" spans="2:14" x14ac:dyDescent="0.3">
      <c r="B5861">
        <f t="shared" si="656"/>
        <v>5</v>
      </c>
      <c r="C5861" s="16">
        <v>5827</v>
      </c>
      <c r="D5861" cm="1">
        <f t="array" ref="D5861">IFERROR(INDEX(Jesper!AH$2:AH$366,ROUNDDOWN($C5861/24,0)+1,1)*INDEX($D$3:$AA$30,INDEX(Jesper!$R$2:$R$366,ROW(INDEX(Jesper!AH$2:AH$366,ROUNDDOWN($C5861/24,0)+1,1))-1)+IF('Standard Profiles'!$G$18=$B$10,7,0)+IF('Standard Profiles'!$G$18=$B$17,14,0)+IF('Standard Profiles'!$G$18=$B$24,21,0),MOD($C5861,24)+1)/SUM(INDEX($D$3:$AA$30,INDEX(Jesper!$R$2:$R$366,ROW(INDEX(Jesper!AH$2:AH$366,ROUNDDOWN($C5861/24,0)+1,1))-1)+IF('Standard Profiles'!$G$18=$B$10,7,0)+IF('Standard Profiles'!$G$18=$B$17,14,0)+IF('Standard Profiles'!$G$18=$B$24,21,0),0)),0)</f>
        <v>12.154432730785651</v>
      </c>
      <c r="E5861" cm="1">
        <f t="array" ref="E5861">IFERROR(INDEX(Jesper!AI$2:AI$366,ROUNDDOWN($C5861/24,0)+1,1)*INDEX($D$3:$AA$30,INDEX(Jesper!$R$2:$R$366,ROW(INDEX(Jesper!AI$2:AI$366,ROUNDDOWN($C5861/24,0)+1,1))-1)+IF('Standard Profiles'!$G$19=$B$10,7,0)+IF('Standard Profiles'!$G$19=$B$17,14,0)+IF('Standard Profiles'!$G$19=$B$24,21,0),MOD($C5861,24)+1)/SUM(INDEX($D$3:$AA$30,INDEX(Jesper!$R$2:$R$366,ROW(INDEX(Jesper!AI$2:AI$366,ROUNDDOWN($C5861/24,0)+1,1))-1)+IF('Standard Profiles'!$G$19=$B$10,7,0)+IF('Standard Profiles'!$G$19=$B$17,14,0)+IF('Standard Profiles'!$G$19=$B$24,21,0),0)),0)</f>
        <v>0</v>
      </c>
      <c r="F5861" cm="1">
        <f t="array" ref="F5861">IFERROR(INDEX(Jesper!AJ$2:AJ$366,ROUNDDOWN($C5861/24,0)+1,1)*INDEX($D$3:$AA$30,INDEX(Jesper!$R$2:$R$366,ROW(INDEX(Jesper!AJ$2:AJ$366,ROUNDDOWN($C5861/24,0)+1,1))-1)+IF('Standard Profiles'!$G$20=$B$10,7,0)+IF('Standard Profiles'!$G$20=$B$17,14,0)+IF('Standard Profiles'!$G$20=$B$24,21,0),MOD($C5861,24)+1)/SUM(INDEX($D$3:$AA$30,INDEX(Jesper!$R$2:$R$366,ROW(INDEX(Jesper!AJ$2:AJ$366,ROUNDDOWN($C5861/24,0)+1,1))-1)+IF('Standard Profiles'!$G$20=$B$10,7,0)+IF('Standard Profiles'!$G$20=$B$17,14,0)+IF('Standard Profiles'!$G$20=$B$24,21,0),0)),0)</f>
        <v>0</v>
      </c>
      <c r="G5861" cm="1">
        <f t="array" ref="G5861">IFERROR(INDEX(Jesper!AK$2:AK$366,ROUNDDOWN($C5861/24,0)+1,1)*INDEX($D$3:$AA$30,INDEX(Jesper!$R$2:$R$366,ROW(INDEX(Jesper!AK$2:AK$366,ROUNDDOWN($C5861/24,0)+1,1))-1)+IF('Standard Profiles'!$G$21=$B$10,7,0)+IF('Standard Profiles'!$G$21=$B$17,14,0)+IF('Standard Profiles'!$G$21=$B$24,21,0),MOD($C5861,24)+1)/SUM(INDEX($D$3:$AA$30,INDEX(Jesper!$R$2:$R$366,ROW(INDEX(Jesper!AK$2:AK$366,ROUNDDOWN($C5861/24,0)+1,1))-1)+IF('Standard Profiles'!$G$21=$B$10,7,0)+IF('Standard Profiles'!$G$21=$B$17,14,0)+IF('Standard Profiles'!$G$21=$B$24,21,0),0)),0)</f>
        <v>0</v>
      </c>
      <c r="H5861" cm="1">
        <f t="array" ref="H5861">IFERROR(INDEX(Jesper!AL$2:AL$366,ROUNDDOWN($C5861/24,0)+1,1)*INDEX($D$3:$AA$30,INDEX(Jesper!$R$2:$R$366,ROW(INDEX(Jesper!AL$2:AL$366,ROUNDDOWN($C5861/24,0)+1,1))-1)+IF('Standard Profiles'!$G$22=$B$10,7,0)+IF('Standard Profiles'!$G$22=$B$17,14,0)+IF('Standard Profiles'!$G$22=$B$24,21,0),MOD($C5861,24)+1)/SUM(INDEX($D$3:$AA$30,INDEX(Jesper!$R$2:$R$366,ROW(INDEX(Jesper!AL$2:AL$366,ROUNDDOWN($C5861/24,0)+1,1))-1)+IF('Standard Profiles'!$G$22=$B$10,7,0)+IF('Standard Profiles'!$G$22=$B$17,14,0)+IF('Standard Profiles'!$G$22=$B$24,21,0),0)),0)</f>
        <v>0</v>
      </c>
      <c r="I5861">
        <f t="shared" si="657"/>
        <v>0.36463298192356952</v>
      </c>
      <c r="J5861">
        <f t="shared" si="658"/>
        <v>1.2154432730785651</v>
      </c>
      <c r="K5861">
        <f t="shared" si="659"/>
        <v>1.8231649096178475</v>
      </c>
      <c r="L5861">
        <f t="shared" si="660"/>
        <v>8.7511915661656676</v>
      </c>
      <c r="M5861">
        <f t="shared" si="661"/>
        <v>0</v>
      </c>
      <c r="N5861" s="46">
        <f t="shared" si="662"/>
        <v>45534.791666652534</v>
      </c>
    </row>
    <row r="5862" spans="2:14" x14ac:dyDescent="0.3">
      <c r="B5862">
        <f t="shared" si="656"/>
        <v>5</v>
      </c>
      <c r="C5862" s="16">
        <v>5828</v>
      </c>
      <c r="D5862" cm="1">
        <f t="array" ref="D5862">IFERROR(INDEX(Jesper!AH$2:AH$366,ROUNDDOWN($C5862/24,0)+1,1)*INDEX($D$3:$AA$30,INDEX(Jesper!$R$2:$R$366,ROW(INDEX(Jesper!AH$2:AH$366,ROUNDDOWN($C5862/24,0)+1,1))-1)+IF('Standard Profiles'!$G$18=$B$10,7,0)+IF('Standard Profiles'!$G$18=$B$17,14,0)+IF('Standard Profiles'!$G$18=$B$24,21,0),MOD($C5862,24)+1)/SUM(INDEX($D$3:$AA$30,INDEX(Jesper!$R$2:$R$366,ROW(INDEX(Jesper!AH$2:AH$366,ROUNDDOWN($C5862/24,0)+1,1))-1)+IF('Standard Profiles'!$G$18=$B$10,7,0)+IF('Standard Profiles'!$G$18=$B$17,14,0)+IF('Standard Profiles'!$G$18=$B$24,21,0),0)),0)</f>
        <v>9.4154056365240937</v>
      </c>
      <c r="E5862" cm="1">
        <f t="array" ref="E5862">IFERROR(INDEX(Jesper!AI$2:AI$366,ROUNDDOWN($C5862/24,0)+1,1)*INDEX($D$3:$AA$30,INDEX(Jesper!$R$2:$R$366,ROW(INDEX(Jesper!AI$2:AI$366,ROUNDDOWN($C5862/24,0)+1,1))-1)+IF('Standard Profiles'!$G$19=$B$10,7,0)+IF('Standard Profiles'!$G$19=$B$17,14,0)+IF('Standard Profiles'!$G$19=$B$24,21,0),MOD($C5862,24)+1)/SUM(INDEX($D$3:$AA$30,INDEX(Jesper!$R$2:$R$366,ROW(INDEX(Jesper!AI$2:AI$366,ROUNDDOWN($C5862/24,0)+1,1))-1)+IF('Standard Profiles'!$G$19=$B$10,7,0)+IF('Standard Profiles'!$G$19=$B$17,14,0)+IF('Standard Profiles'!$G$19=$B$24,21,0),0)),0)</f>
        <v>0</v>
      </c>
      <c r="F5862" cm="1">
        <f t="array" ref="F5862">IFERROR(INDEX(Jesper!AJ$2:AJ$366,ROUNDDOWN($C5862/24,0)+1,1)*INDEX($D$3:$AA$30,INDEX(Jesper!$R$2:$R$366,ROW(INDEX(Jesper!AJ$2:AJ$366,ROUNDDOWN($C5862/24,0)+1,1))-1)+IF('Standard Profiles'!$G$20=$B$10,7,0)+IF('Standard Profiles'!$G$20=$B$17,14,0)+IF('Standard Profiles'!$G$20=$B$24,21,0),MOD($C5862,24)+1)/SUM(INDEX($D$3:$AA$30,INDEX(Jesper!$R$2:$R$366,ROW(INDEX(Jesper!AJ$2:AJ$366,ROUNDDOWN($C5862/24,0)+1,1))-1)+IF('Standard Profiles'!$G$20=$B$10,7,0)+IF('Standard Profiles'!$G$20=$B$17,14,0)+IF('Standard Profiles'!$G$20=$B$24,21,0),0)),0)</f>
        <v>0</v>
      </c>
      <c r="G5862" cm="1">
        <f t="array" ref="G5862">IFERROR(INDEX(Jesper!AK$2:AK$366,ROUNDDOWN($C5862/24,0)+1,1)*INDEX($D$3:$AA$30,INDEX(Jesper!$R$2:$R$366,ROW(INDEX(Jesper!AK$2:AK$366,ROUNDDOWN($C5862/24,0)+1,1))-1)+IF('Standard Profiles'!$G$21=$B$10,7,0)+IF('Standard Profiles'!$G$21=$B$17,14,0)+IF('Standard Profiles'!$G$21=$B$24,21,0),MOD($C5862,24)+1)/SUM(INDEX($D$3:$AA$30,INDEX(Jesper!$R$2:$R$366,ROW(INDEX(Jesper!AK$2:AK$366,ROUNDDOWN($C5862/24,0)+1,1))-1)+IF('Standard Profiles'!$G$21=$B$10,7,0)+IF('Standard Profiles'!$G$21=$B$17,14,0)+IF('Standard Profiles'!$G$21=$B$24,21,0),0)),0)</f>
        <v>0</v>
      </c>
      <c r="H5862" cm="1">
        <f t="array" ref="H5862">IFERROR(INDEX(Jesper!AL$2:AL$366,ROUNDDOWN($C5862/24,0)+1,1)*INDEX($D$3:$AA$30,INDEX(Jesper!$R$2:$R$366,ROW(INDEX(Jesper!AL$2:AL$366,ROUNDDOWN($C5862/24,0)+1,1))-1)+IF('Standard Profiles'!$G$22=$B$10,7,0)+IF('Standard Profiles'!$G$22=$B$17,14,0)+IF('Standard Profiles'!$G$22=$B$24,21,0),MOD($C5862,24)+1)/SUM(INDEX($D$3:$AA$30,INDEX(Jesper!$R$2:$R$366,ROW(INDEX(Jesper!AL$2:AL$366,ROUNDDOWN($C5862/24,0)+1,1))-1)+IF('Standard Profiles'!$G$22=$B$10,7,0)+IF('Standard Profiles'!$G$22=$B$17,14,0)+IF('Standard Profiles'!$G$22=$B$24,21,0),0)),0)</f>
        <v>0</v>
      </c>
      <c r="I5862">
        <f t="shared" si="657"/>
        <v>0.2824621690957228</v>
      </c>
      <c r="J5862">
        <f t="shared" si="658"/>
        <v>0.94154056365240946</v>
      </c>
      <c r="K5862">
        <f t="shared" si="659"/>
        <v>1.412310845478614</v>
      </c>
      <c r="L5862">
        <f t="shared" si="660"/>
        <v>6.7790920582973468</v>
      </c>
      <c r="M5862">
        <f t="shared" si="661"/>
        <v>0</v>
      </c>
      <c r="N5862" s="46">
        <f t="shared" si="662"/>
        <v>45534.833333319199</v>
      </c>
    </row>
    <row r="5863" spans="2:14" x14ac:dyDescent="0.3">
      <c r="B5863">
        <f t="shared" si="656"/>
        <v>5</v>
      </c>
      <c r="C5863" s="16">
        <v>5829</v>
      </c>
      <c r="D5863" cm="1">
        <f t="array" ref="D5863">IFERROR(INDEX(Jesper!AH$2:AH$366,ROUNDDOWN($C5863/24,0)+1,1)*INDEX($D$3:$AA$30,INDEX(Jesper!$R$2:$R$366,ROW(INDEX(Jesper!AH$2:AH$366,ROUNDDOWN($C5863/24,0)+1,1))-1)+IF('Standard Profiles'!$G$18=$B$10,7,0)+IF('Standard Profiles'!$G$18=$B$17,14,0)+IF('Standard Profiles'!$G$18=$B$24,21,0),MOD($C5863,24)+1)/SUM(INDEX($D$3:$AA$30,INDEX(Jesper!$R$2:$R$366,ROW(INDEX(Jesper!AH$2:AH$366,ROUNDDOWN($C5863/24,0)+1,1))-1)+IF('Standard Profiles'!$G$18=$B$10,7,0)+IF('Standard Profiles'!$G$18=$B$17,14,0)+IF('Standard Profiles'!$G$18=$B$24,21,0),0)),0)</f>
        <v>3.5949730612182904</v>
      </c>
      <c r="E5863" cm="1">
        <f t="array" ref="E5863">IFERROR(INDEX(Jesper!AI$2:AI$366,ROUNDDOWN($C5863/24,0)+1,1)*INDEX($D$3:$AA$30,INDEX(Jesper!$R$2:$R$366,ROW(INDEX(Jesper!AI$2:AI$366,ROUNDDOWN($C5863/24,0)+1,1))-1)+IF('Standard Profiles'!$G$19=$B$10,7,0)+IF('Standard Profiles'!$G$19=$B$17,14,0)+IF('Standard Profiles'!$G$19=$B$24,21,0),MOD($C5863,24)+1)/SUM(INDEX($D$3:$AA$30,INDEX(Jesper!$R$2:$R$366,ROW(INDEX(Jesper!AI$2:AI$366,ROUNDDOWN($C5863/24,0)+1,1))-1)+IF('Standard Profiles'!$G$19=$B$10,7,0)+IF('Standard Profiles'!$G$19=$B$17,14,0)+IF('Standard Profiles'!$G$19=$B$24,21,0),0)),0)</f>
        <v>0</v>
      </c>
      <c r="F5863" cm="1">
        <f t="array" ref="F5863">IFERROR(INDEX(Jesper!AJ$2:AJ$366,ROUNDDOWN($C5863/24,0)+1,1)*INDEX($D$3:$AA$30,INDEX(Jesper!$R$2:$R$366,ROW(INDEX(Jesper!AJ$2:AJ$366,ROUNDDOWN($C5863/24,0)+1,1))-1)+IF('Standard Profiles'!$G$20=$B$10,7,0)+IF('Standard Profiles'!$G$20=$B$17,14,0)+IF('Standard Profiles'!$G$20=$B$24,21,0),MOD($C5863,24)+1)/SUM(INDEX($D$3:$AA$30,INDEX(Jesper!$R$2:$R$366,ROW(INDEX(Jesper!AJ$2:AJ$366,ROUNDDOWN($C5863/24,0)+1,1))-1)+IF('Standard Profiles'!$G$20=$B$10,7,0)+IF('Standard Profiles'!$G$20=$B$17,14,0)+IF('Standard Profiles'!$G$20=$B$24,21,0),0)),0)</f>
        <v>0</v>
      </c>
      <c r="G5863" cm="1">
        <f t="array" ref="G5863">IFERROR(INDEX(Jesper!AK$2:AK$366,ROUNDDOWN($C5863/24,0)+1,1)*INDEX($D$3:$AA$30,INDEX(Jesper!$R$2:$R$366,ROW(INDEX(Jesper!AK$2:AK$366,ROUNDDOWN($C5863/24,0)+1,1))-1)+IF('Standard Profiles'!$G$21=$B$10,7,0)+IF('Standard Profiles'!$G$21=$B$17,14,0)+IF('Standard Profiles'!$G$21=$B$24,21,0),MOD($C5863,24)+1)/SUM(INDEX($D$3:$AA$30,INDEX(Jesper!$R$2:$R$366,ROW(INDEX(Jesper!AK$2:AK$366,ROUNDDOWN($C5863/24,0)+1,1))-1)+IF('Standard Profiles'!$G$21=$B$10,7,0)+IF('Standard Profiles'!$G$21=$B$17,14,0)+IF('Standard Profiles'!$G$21=$B$24,21,0),0)),0)</f>
        <v>0</v>
      </c>
      <c r="H5863" cm="1">
        <f t="array" ref="H5863">IFERROR(INDEX(Jesper!AL$2:AL$366,ROUNDDOWN($C5863/24,0)+1,1)*INDEX($D$3:$AA$30,INDEX(Jesper!$R$2:$R$366,ROW(INDEX(Jesper!AL$2:AL$366,ROUNDDOWN($C5863/24,0)+1,1))-1)+IF('Standard Profiles'!$G$22=$B$10,7,0)+IF('Standard Profiles'!$G$22=$B$17,14,0)+IF('Standard Profiles'!$G$22=$B$24,21,0),MOD($C5863,24)+1)/SUM(INDEX($D$3:$AA$30,INDEX(Jesper!$R$2:$R$366,ROW(INDEX(Jesper!AL$2:AL$366,ROUNDDOWN($C5863/24,0)+1,1))-1)+IF('Standard Profiles'!$G$22=$B$10,7,0)+IF('Standard Profiles'!$G$22=$B$17,14,0)+IF('Standard Profiles'!$G$22=$B$24,21,0),0)),0)</f>
        <v>0</v>
      </c>
      <c r="I5863">
        <f t="shared" si="657"/>
        <v>0.1078491918365487</v>
      </c>
      <c r="J5863">
        <f t="shared" si="658"/>
        <v>0.35949730612182906</v>
      </c>
      <c r="K5863">
        <f t="shared" si="659"/>
        <v>0.53924595918274354</v>
      </c>
      <c r="L5863">
        <f t="shared" si="660"/>
        <v>2.5883806040771691</v>
      </c>
      <c r="M5863">
        <f t="shared" si="661"/>
        <v>0</v>
      </c>
      <c r="N5863" s="46">
        <f t="shared" si="662"/>
        <v>45534.874999985863</v>
      </c>
    </row>
    <row r="5864" spans="2:14" x14ac:dyDescent="0.3">
      <c r="B5864">
        <f t="shared" si="656"/>
        <v>5</v>
      </c>
      <c r="C5864" s="16">
        <v>5830</v>
      </c>
      <c r="D5864" cm="1">
        <f t="array" ref="D5864">IFERROR(INDEX(Jesper!AH$2:AH$366,ROUNDDOWN($C5864/24,0)+1,1)*INDEX($D$3:$AA$30,INDEX(Jesper!$R$2:$R$366,ROW(INDEX(Jesper!AH$2:AH$366,ROUNDDOWN($C5864/24,0)+1,1))-1)+IF('Standard Profiles'!$G$18=$B$10,7,0)+IF('Standard Profiles'!$G$18=$B$17,14,0)+IF('Standard Profiles'!$G$18=$B$24,21,0),MOD($C5864,24)+1)/SUM(INDEX($D$3:$AA$30,INDEX(Jesper!$R$2:$R$366,ROW(INDEX(Jesper!AH$2:AH$366,ROUNDDOWN($C5864/24,0)+1,1))-1)+IF('Standard Profiles'!$G$18=$B$10,7,0)+IF('Standard Profiles'!$G$18=$B$17,14,0)+IF('Standard Profiles'!$G$18=$B$24,21,0),0)),0)</f>
        <v>3.5949730612182904</v>
      </c>
      <c r="E5864" cm="1">
        <f t="array" ref="E5864">IFERROR(INDEX(Jesper!AI$2:AI$366,ROUNDDOWN($C5864/24,0)+1,1)*INDEX($D$3:$AA$30,INDEX(Jesper!$R$2:$R$366,ROW(INDEX(Jesper!AI$2:AI$366,ROUNDDOWN($C5864/24,0)+1,1))-1)+IF('Standard Profiles'!$G$19=$B$10,7,0)+IF('Standard Profiles'!$G$19=$B$17,14,0)+IF('Standard Profiles'!$G$19=$B$24,21,0),MOD($C5864,24)+1)/SUM(INDEX($D$3:$AA$30,INDEX(Jesper!$R$2:$R$366,ROW(INDEX(Jesper!AI$2:AI$366,ROUNDDOWN($C5864/24,0)+1,1))-1)+IF('Standard Profiles'!$G$19=$B$10,7,0)+IF('Standard Profiles'!$G$19=$B$17,14,0)+IF('Standard Profiles'!$G$19=$B$24,21,0),0)),0)</f>
        <v>0</v>
      </c>
      <c r="F5864" cm="1">
        <f t="array" ref="F5864">IFERROR(INDEX(Jesper!AJ$2:AJ$366,ROUNDDOWN($C5864/24,0)+1,1)*INDEX($D$3:$AA$30,INDEX(Jesper!$R$2:$R$366,ROW(INDEX(Jesper!AJ$2:AJ$366,ROUNDDOWN($C5864/24,0)+1,1))-1)+IF('Standard Profiles'!$G$20=$B$10,7,0)+IF('Standard Profiles'!$G$20=$B$17,14,0)+IF('Standard Profiles'!$G$20=$B$24,21,0),MOD($C5864,24)+1)/SUM(INDEX($D$3:$AA$30,INDEX(Jesper!$R$2:$R$366,ROW(INDEX(Jesper!AJ$2:AJ$366,ROUNDDOWN($C5864/24,0)+1,1))-1)+IF('Standard Profiles'!$G$20=$B$10,7,0)+IF('Standard Profiles'!$G$20=$B$17,14,0)+IF('Standard Profiles'!$G$20=$B$24,21,0),0)),0)</f>
        <v>0</v>
      </c>
      <c r="G5864" cm="1">
        <f t="array" ref="G5864">IFERROR(INDEX(Jesper!AK$2:AK$366,ROUNDDOWN($C5864/24,0)+1,1)*INDEX($D$3:$AA$30,INDEX(Jesper!$R$2:$R$366,ROW(INDEX(Jesper!AK$2:AK$366,ROUNDDOWN($C5864/24,0)+1,1))-1)+IF('Standard Profiles'!$G$21=$B$10,7,0)+IF('Standard Profiles'!$G$21=$B$17,14,0)+IF('Standard Profiles'!$G$21=$B$24,21,0),MOD($C5864,24)+1)/SUM(INDEX($D$3:$AA$30,INDEX(Jesper!$R$2:$R$366,ROW(INDEX(Jesper!AK$2:AK$366,ROUNDDOWN($C5864/24,0)+1,1))-1)+IF('Standard Profiles'!$G$21=$B$10,7,0)+IF('Standard Profiles'!$G$21=$B$17,14,0)+IF('Standard Profiles'!$G$21=$B$24,21,0),0)),0)</f>
        <v>0</v>
      </c>
      <c r="H5864" cm="1">
        <f t="array" ref="H5864">IFERROR(INDEX(Jesper!AL$2:AL$366,ROUNDDOWN($C5864/24,0)+1,1)*INDEX($D$3:$AA$30,INDEX(Jesper!$R$2:$R$366,ROW(INDEX(Jesper!AL$2:AL$366,ROUNDDOWN($C5864/24,0)+1,1))-1)+IF('Standard Profiles'!$G$22=$B$10,7,0)+IF('Standard Profiles'!$G$22=$B$17,14,0)+IF('Standard Profiles'!$G$22=$B$24,21,0),MOD($C5864,24)+1)/SUM(INDEX($D$3:$AA$30,INDEX(Jesper!$R$2:$R$366,ROW(INDEX(Jesper!AL$2:AL$366,ROUNDDOWN($C5864/24,0)+1,1))-1)+IF('Standard Profiles'!$G$22=$B$10,7,0)+IF('Standard Profiles'!$G$22=$B$17,14,0)+IF('Standard Profiles'!$G$22=$B$24,21,0),0)),0)</f>
        <v>0</v>
      </c>
      <c r="I5864">
        <f t="shared" si="657"/>
        <v>0.1078491918365487</v>
      </c>
      <c r="J5864">
        <f t="shared" si="658"/>
        <v>0.35949730612182906</v>
      </c>
      <c r="K5864">
        <f t="shared" si="659"/>
        <v>0.53924595918274354</v>
      </c>
      <c r="L5864">
        <f t="shared" si="660"/>
        <v>2.5883806040771691</v>
      </c>
      <c r="M5864">
        <f t="shared" si="661"/>
        <v>0</v>
      </c>
      <c r="N5864" s="46">
        <f t="shared" si="662"/>
        <v>45534.916666652527</v>
      </c>
    </row>
    <row r="5865" spans="2:14" x14ac:dyDescent="0.3">
      <c r="B5865">
        <f t="shared" si="656"/>
        <v>5</v>
      </c>
      <c r="C5865" s="16">
        <v>5831</v>
      </c>
      <c r="D5865" cm="1">
        <f t="array" ref="D5865">IFERROR(INDEX(Jesper!AH$2:AH$366,ROUNDDOWN($C5865/24,0)+1,1)*INDEX($D$3:$AA$30,INDEX(Jesper!$R$2:$R$366,ROW(INDEX(Jesper!AH$2:AH$366,ROUNDDOWN($C5865/24,0)+1,1))-1)+IF('Standard Profiles'!$G$18=$B$10,7,0)+IF('Standard Profiles'!$G$18=$B$17,14,0)+IF('Standard Profiles'!$G$18=$B$24,21,0),MOD($C5865,24)+1)/SUM(INDEX($D$3:$AA$30,INDEX(Jesper!$R$2:$R$366,ROW(INDEX(Jesper!AH$2:AH$366,ROUNDDOWN($C5865/24,0)+1,1))-1)+IF('Standard Profiles'!$G$18=$B$10,7,0)+IF('Standard Profiles'!$G$18=$B$17,14,0)+IF('Standard Profiles'!$G$18=$B$24,21,0),0)),0)</f>
        <v>3.5949730612182904</v>
      </c>
      <c r="E5865" cm="1">
        <f t="array" ref="E5865">IFERROR(INDEX(Jesper!AI$2:AI$366,ROUNDDOWN($C5865/24,0)+1,1)*INDEX($D$3:$AA$30,INDEX(Jesper!$R$2:$R$366,ROW(INDEX(Jesper!AI$2:AI$366,ROUNDDOWN($C5865/24,0)+1,1))-1)+IF('Standard Profiles'!$G$19=$B$10,7,0)+IF('Standard Profiles'!$G$19=$B$17,14,0)+IF('Standard Profiles'!$G$19=$B$24,21,0),MOD($C5865,24)+1)/SUM(INDEX($D$3:$AA$30,INDEX(Jesper!$R$2:$R$366,ROW(INDEX(Jesper!AI$2:AI$366,ROUNDDOWN($C5865/24,0)+1,1))-1)+IF('Standard Profiles'!$G$19=$B$10,7,0)+IF('Standard Profiles'!$G$19=$B$17,14,0)+IF('Standard Profiles'!$G$19=$B$24,21,0),0)),0)</f>
        <v>0</v>
      </c>
      <c r="F5865" cm="1">
        <f t="array" ref="F5865">IFERROR(INDEX(Jesper!AJ$2:AJ$366,ROUNDDOWN($C5865/24,0)+1,1)*INDEX($D$3:$AA$30,INDEX(Jesper!$R$2:$R$366,ROW(INDEX(Jesper!AJ$2:AJ$366,ROUNDDOWN($C5865/24,0)+1,1))-1)+IF('Standard Profiles'!$G$20=$B$10,7,0)+IF('Standard Profiles'!$G$20=$B$17,14,0)+IF('Standard Profiles'!$G$20=$B$24,21,0),MOD($C5865,24)+1)/SUM(INDEX($D$3:$AA$30,INDEX(Jesper!$R$2:$R$366,ROW(INDEX(Jesper!AJ$2:AJ$366,ROUNDDOWN($C5865/24,0)+1,1))-1)+IF('Standard Profiles'!$G$20=$B$10,7,0)+IF('Standard Profiles'!$G$20=$B$17,14,0)+IF('Standard Profiles'!$G$20=$B$24,21,0),0)),0)</f>
        <v>0</v>
      </c>
      <c r="G5865" cm="1">
        <f t="array" ref="G5865">IFERROR(INDEX(Jesper!AK$2:AK$366,ROUNDDOWN($C5865/24,0)+1,1)*INDEX($D$3:$AA$30,INDEX(Jesper!$R$2:$R$366,ROW(INDEX(Jesper!AK$2:AK$366,ROUNDDOWN($C5865/24,0)+1,1))-1)+IF('Standard Profiles'!$G$21=$B$10,7,0)+IF('Standard Profiles'!$G$21=$B$17,14,0)+IF('Standard Profiles'!$G$21=$B$24,21,0),MOD($C5865,24)+1)/SUM(INDEX($D$3:$AA$30,INDEX(Jesper!$R$2:$R$366,ROW(INDEX(Jesper!AK$2:AK$366,ROUNDDOWN($C5865/24,0)+1,1))-1)+IF('Standard Profiles'!$G$21=$B$10,7,0)+IF('Standard Profiles'!$G$21=$B$17,14,0)+IF('Standard Profiles'!$G$21=$B$24,21,0),0)),0)</f>
        <v>0</v>
      </c>
      <c r="H5865" cm="1">
        <f t="array" ref="H5865">IFERROR(INDEX(Jesper!AL$2:AL$366,ROUNDDOWN($C5865/24,0)+1,1)*INDEX($D$3:$AA$30,INDEX(Jesper!$R$2:$R$366,ROW(INDEX(Jesper!AL$2:AL$366,ROUNDDOWN($C5865/24,0)+1,1))-1)+IF('Standard Profiles'!$G$22=$B$10,7,0)+IF('Standard Profiles'!$G$22=$B$17,14,0)+IF('Standard Profiles'!$G$22=$B$24,21,0),MOD($C5865,24)+1)/SUM(INDEX($D$3:$AA$30,INDEX(Jesper!$R$2:$R$366,ROW(INDEX(Jesper!AL$2:AL$366,ROUNDDOWN($C5865/24,0)+1,1))-1)+IF('Standard Profiles'!$G$22=$B$10,7,0)+IF('Standard Profiles'!$G$22=$B$17,14,0)+IF('Standard Profiles'!$G$22=$B$24,21,0),0)),0)</f>
        <v>0</v>
      </c>
      <c r="I5865">
        <f t="shared" si="657"/>
        <v>0.1078491918365487</v>
      </c>
      <c r="J5865">
        <f t="shared" si="658"/>
        <v>0.35949730612182906</v>
      </c>
      <c r="K5865">
        <f t="shared" si="659"/>
        <v>0.53924595918274354</v>
      </c>
      <c r="L5865">
        <f t="shared" si="660"/>
        <v>2.5883806040771691</v>
      </c>
      <c r="M5865">
        <f t="shared" si="661"/>
        <v>0</v>
      </c>
      <c r="N5865" s="46">
        <f t="shared" si="662"/>
        <v>45534.958333319191</v>
      </c>
    </row>
    <row r="5866" spans="2:14" x14ac:dyDescent="0.3">
      <c r="B5866">
        <f t="shared" si="656"/>
        <v>6</v>
      </c>
      <c r="C5866" s="16">
        <v>5832</v>
      </c>
      <c r="D5866" cm="1">
        <f t="array" ref="D5866">IFERROR(INDEX(Jesper!AH$2:AH$366,ROUNDDOWN($C5866/24,0)+1,1)*INDEX($D$3:$AA$30,INDEX(Jesper!$R$2:$R$366,ROW(INDEX(Jesper!AH$2:AH$366,ROUNDDOWN($C5866/24,0)+1,1))-1)+IF('Standard Profiles'!$G$18=$B$10,7,0)+IF('Standard Profiles'!$G$18=$B$17,14,0)+IF('Standard Profiles'!$G$18=$B$24,21,0),MOD($C5866,24)+1)/SUM(INDEX($D$3:$AA$30,INDEX(Jesper!$R$2:$R$366,ROW(INDEX(Jesper!AH$2:AH$366,ROUNDDOWN($C5866/24,0)+1,1))-1)+IF('Standard Profiles'!$G$18=$B$10,7,0)+IF('Standard Profiles'!$G$18=$B$17,14,0)+IF('Standard Profiles'!$G$18=$B$24,21,0),0)),0)</f>
        <v>3.4558821816659733</v>
      </c>
      <c r="E5866" cm="1">
        <f t="array" ref="E5866">IFERROR(INDEX(Jesper!AI$2:AI$366,ROUNDDOWN($C5866/24,0)+1,1)*INDEX($D$3:$AA$30,INDEX(Jesper!$R$2:$R$366,ROW(INDEX(Jesper!AI$2:AI$366,ROUNDDOWN($C5866/24,0)+1,1))-1)+IF('Standard Profiles'!$G$19=$B$10,7,0)+IF('Standard Profiles'!$G$19=$B$17,14,0)+IF('Standard Profiles'!$G$19=$B$24,21,0),MOD($C5866,24)+1)/SUM(INDEX($D$3:$AA$30,INDEX(Jesper!$R$2:$R$366,ROW(INDEX(Jesper!AI$2:AI$366,ROUNDDOWN($C5866/24,0)+1,1))-1)+IF('Standard Profiles'!$G$19=$B$10,7,0)+IF('Standard Profiles'!$G$19=$B$17,14,0)+IF('Standard Profiles'!$G$19=$B$24,21,0),0)),0)</f>
        <v>0.53853773178804187</v>
      </c>
      <c r="F5866" cm="1">
        <f t="array" ref="F5866">IFERROR(INDEX(Jesper!AJ$2:AJ$366,ROUNDDOWN($C5866/24,0)+1,1)*INDEX($D$3:$AA$30,INDEX(Jesper!$R$2:$R$366,ROW(INDEX(Jesper!AJ$2:AJ$366,ROUNDDOWN($C5866/24,0)+1,1))-1)+IF('Standard Profiles'!$G$20=$B$10,7,0)+IF('Standard Profiles'!$G$20=$B$17,14,0)+IF('Standard Profiles'!$G$20=$B$24,21,0),MOD($C5866,24)+1)/SUM(INDEX($D$3:$AA$30,INDEX(Jesper!$R$2:$R$366,ROW(INDEX(Jesper!AJ$2:AJ$366,ROUNDDOWN($C5866/24,0)+1,1))-1)+IF('Standard Profiles'!$G$20=$B$10,7,0)+IF('Standard Profiles'!$G$20=$B$17,14,0)+IF('Standard Profiles'!$G$20=$B$24,21,0),0)),0)</f>
        <v>0</v>
      </c>
      <c r="G5866" cm="1">
        <f t="array" ref="G5866">IFERROR(INDEX(Jesper!AK$2:AK$366,ROUNDDOWN($C5866/24,0)+1,1)*INDEX($D$3:$AA$30,INDEX(Jesper!$R$2:$R$366,ROW(INDEX(Jesper!AK$2:AK$366,ROUNDDOWN($C5866/24,0)+1,1))-1)+IF('Standard Profiles'!$G$21=$B$10,7,0)+IF('Standard Profiles'!$G$21=$B$17,14,0)+IF('Standard Profiles'!$G$21=$B$24,21,0),MOD($C5866,24)+1)/SUM(INDEX($D$3:$AA$30,INDEX(Jesper!$R$2:$R$366,ROW(INDEX(Jesper!AK$2:AK$366,ROUNDDOWN($C5866/24,0)+1,1))-1)+IF('Standard Profiles'!$G$21=$B$10,7,0)+IF('Standard Profiles'!$G$21=$B$17,14,0)+IF('Standard Profiles'!$G$21=$B$24,21,0),0)),0)</f>
        <v>0</v>
      </c>
      <c r="H5866" cm="1">
        <f t="array" ref="H5866">IFERROR(INDEX(Jesper!AL$2:AL$366,ROUNDDOWN($C5866/24,0)+1,1)*INDEX($D$3:$AA$30,INDEX(Jesper!$R$2:$R$366,ROW(INDEX(Jesper!AL$2:AL$366,ROUNDDOWN($C5866/24,0)+1,1))-1)+IF('Standard Profiles'!$G$22=$B$10,7,0)+IF('Standard Profiles'!$G$22=$B$17,14,0)+IF('Standard Profiles'!$G$22=$B$24,21,0),MOD($C5866,24)+1)/SUM(INDEX($D$3:$AA$30,INDEX(Jesper!$R$2:$R$366,ROW(INDEX(Jesper!AL$2:AL$366,ROUNDDOWN($C5866/24,0)+1,1))-1)+IF('Standard Profiles'!$G$22=$B$10,7,0)+IF('Standard Profiles'!$G$22=$B$17,14,0)+IF('Standard Profiles'!$G$22=$B$24,21,0),0)),0)</f>
        <v>0</v>
      </c>
      <c r="I5866">
        <f t="shared" si="657"/>
        <v>4.8516912773697476E-2</v>
      </c>
      <c r="J5866">
        <f t="shared" si="658"/>
        <v>0.16172304257899162</v>
      </c>
      <c r="K5866">
        <f t="shared" si="659"/>
        <v>0.24258456386848742</v>
      </c>
      <c r="L5866">
        <f t="shared" si="660"/>
        <v>3.5415953942328389</v>
      </c>
      <c r="M5866">
        <f t="shared" si="661"/>
        <v>0</v>
      </c>
      <c r="N5866" s="46">
        <f t="shared" si="662"/>
        <v>45534.999999985856</v>
      </c>
    </row>
    <row r="5867" spans="2:14" x14ac:dyDescent="0.3">
      <c r="B5867">
        <f t="shared" si="656"/>
        <v>6</v>
      </c>
      <c r="C5867" s="16">
        <v>5833</v>
      </c>
      <c r="D5867" cm="1">
        <f t="array" ref="D5867">IFERROR(INDEX(Jesper!AH$2:AH$366,ROUNDDOWN($C5867/24,0)+1,1)*INDEX($D$3:$AA$30,INDEX(Jesper!$R$2:$R$366,ROW(INDEX(Jesper!AH$2:AH$366,ROUNDDOWN($C5867/24,0)+1,1))-1)+IF('Standard Profiles'!$G$18=$B$10,7,0)+IF('Standard Profiles'!$G$18=$B$17,14,0)+IF('Standard Profiles'!$G$18=$B$24,21,0),MOD($C5867,24)+1)/SUM(INDEX($D$3:$AA$30,INDEX(Jesper!$R$2:$R$366,ROW(INDEX(Jesper!AH$2:AH$366,ROUNDDOWN($C5867/24,0)+1,1))-1)+IF('Standard Profiles'!$G$18=$B$10,7,0)+IF('Standard Profiles'!$G$18=$B$17,14,0)+IF('Standard Profiles'!$G$18=$B$24,21,0),0)),0)</f>
        <v>6.747198545157377</v>
      </c>
      <c r="E5867" cm="1">
        <f t="array" ref="E5867">IFERROR(INDEX(Jesper!AI$2:AI$366,ROUNDDOWN($C5867/24,0)+1,1)*INDEX($D$3:$AA$30,INDEX(Jesper!$R$2:$R$366,ROW(INDEX(Jesper!AI$2:AI$366,ROUNDDOWN($C5867/24,0)+1,1))-1)+IF('Standard Profiles'!$G$19=$B$10,7,0)+IF('Standard Profiles'!$G$19=$B$17,14,0)+IF('Standard Profiles'!$G$19=$B$24,21,0),MOD($C5867,24)+1)/SUM(INDEX($D$3:$AA$30,INDEX(Jesper!$R$2:$R$366,ROW(INDEX(Jesper!AI$2:AI$366,ROUNDDOWN($C5867/24,0)+1,1))-1)+IF('Standard Profiles'!$G$19=$B$10,7,0)+IF('Standard Profiles'!$G$19=$B$17,14,0)+IF('Standard Profiles'!$G$19=$B$24,21,0),0)),0)</f>
        <v>1.0514308096814151</v>
      </c>
      <c r="F5867" cm="1">
        <f t="array" ref="F5867">IFERROR(INDEX(Jesper!AJ$2:AJ$366,ROUNDDOWN($C5867/24,0)+1,1)*INDEX($D$3:$AA$30,INDEX(Jesper!$R$2:$R$366,ROW(INDEX(Jesper!AJ$2:AJ$366,ROUNDDOWN($C5867/24,0)+1,1))-1)+IF('Standard Profiles'!$G$20=$B$10,7,0)+IF('Standard Profiles'!$G$20=$B$17,14,0)+IF('Standard Profiles'!$G$20=$B$24,21,0),MOD($C5867,24)+1)/SUM(INDEX($D$3:$AA$30,INDEX(Jesper!$R$2:$R$366,ROW(INDEX(Jesper!AJ$2:AJ$366,ROUNDDOWN($C5867/24,0)+1,1))-1)+IF('Standard Profiles'!$G$20=$B$10,7,0)+IF('Standard Profiles'!$G$20=$B$17,14,0)+IF('Standard Profiles'!$G$20=$B$24,21,0),0)),0)</f>
        <v>0</v>
      </c>
      <c r="G5867" cm="1">
        <f t="array" ref="G5867">IFERROR(INDEX(Jesper!AK$2:AK$366,ROUNDDOWN($C5867/24,0)+1,1)*INDEX($D$3:$AA$30,INDEX(Jesper!$R$2:$R$366,ROW(INDEX(Jesper!AK$2:AK$366,ROUNDDOWN($C5867/24,0)+1,1))-1)+IF('Standard Profiles'!$G$21=$B$10,7,0)+IF('Standard Profiles'!$G$21=$B$17,14,0)+IF('Standard Profiles'!$G$21=$B$24,21,0),MOD($C5867,24)+1)/SUM(INDEX($D$3:$AA$30,INDEX(Jesper!$R$2:$R$366,ROW(INDEX(Jesper!AK$2:AK$366,ROUNDDOWN($C5867/24,0)+1,1))-1)+IF('Standard Profiles'!$G$21=$B$10,7,0)+IF('Standard Profiles'!$G$21=$B$17,14,0)+IF('Standard Profiles'!$G$21=$B$24,21,0),0)),0)</f>
        <v>0</v>
      </c>
      <c r="H5867" cm="1">
        <f t="array" ref="H5867">IFERROR(INDEX(Jesper!AL$2:AL$366,ROUNDDOWN($C5867/24,0)+1,1)*INDEX($D$3:$AA$30,INDEX(Jesper!$R$2:$R$366,ROW(INDEX(Jesper!AL$2:AL$366,ROUNDDOWN($C5867/24,0)+1,1))-1)+IF('Standard Profiles'!$G$22=$B$10,7,0)+IF('Standard Profiles'!$G$22=$B$17,14,0)+IF('Standard Profiles'!$G$22=$B$24,21,0),MOD($C5867,24)+1)/SUM(INDEX($D$3:$AA$30,INDEX(Jesper!$R$2:$R$366,ROW(INDEX(Jesper!AL$2:AL$366,ROUNDDOWN($C5867/24,0)+1,1))-1)+IF('Standard Profiles'!$G$22=$B$10,7,0)+IF('Standard Profiles'!$G$22=$B$17,14,0)+IF('Standard Profiles'!$G$22=$B$24,21,0),0)),0)</f>
        <v>0</v>
      </c>
      <c r="I5867">
        <f t="shared" si="657"/>
        <v>9.4723496367695073E-2</v>
      </c>
      <c r="J5867">
        <f t="shared" si="658"/>
        <v>0.31574498789231698</v>
      </c>
      <c r="K5867">
        <f t="shared" si="659"/>
        <v>0.47361748183847546</v>
      </c>
      <c r="L5867">
        <f t="shared" si="660"/>
        <v>6.9145433887403049</v>
      </c>
      <c r="M5867">
        <f t="shared" si="661"/>
        <v>0</v>
      </c>
      <c r="N5867" s="46">
        <f t="shared" si="662"/>
        <v>45535.04166665252</v>
      </c>
    </row>
    <row r="5868" spans="2:14" x14ac:dyDescent="0.3">
      <c r="B5868">
        <f t="shared" si="656"/>
        <v>6</v>
      </c>
      <c r="C5868" s="16">
        <v>5834</v>
      </c>
      <c r="D5868" cm="1">
        <f t="array" ref="D5868">IFERROR(INDEX(Jesper!AH$2:AH$366,ROUNDDOWN($C5868/24,0)+1,1)*INDEX($D$3:$AA$30,INDEX(Jesper!$R$2:$R$366,ROW(INDEX(Jesper!AH$2:AH$366,ROUNDDOWN($C5868/24,0)+1,1))-1)+IF('Standard Profiles'!$G$18=$B$10,7,0)+IF('Standard Profiles'!$G$18=$B$17,14,0)+IF('Standard Profiles'!$G$18=$B$24,21,0),MOD($C5868,24)+1)/SUM(INDEX($D$3:$AA$30,INDEX(Jesper!$R$2:$R$366,ROW(INDEX(Jesper!AH$2:AH$366,ROUNDDOWN($C5868/24,0)+1,1))-1)+IF('Standard Profiles'!$G$18=$B$10,7,0)+IF('Standard Profiles'!$G$18=$B$17,14,0)+IF('Standard Profiles'!$G$18=$B$24,21,0),0)),0)</f>
        <v>6.747198545157377</v>
      </c>
      <c r="E5868" cm="1">
        <f t="array" ref="E5868">IFERROR(INDEX(Jesper!AI$2:AI$366,ROUNDDOWN($C5868/24,0)+1,1)*INDEX($D$3:$AA$30,INDEX(Jesper!$R$2:$R$366,ROW(INDEX(Jesper!AI$2:AI$366,ROUNDDOWN($C5868/24,0)+1,1))-1)+IF('Standard Profiles'!$G$19=$B$10,7,0)+IF('Standard Profiles'!$G$19=$B$17,14,0)+IF('Standard Profiles'!$G$19=$B$24,21,0),MOD($C5868,24)+1)/SUM(INDEX($D$3:$AA$30,INDEX(Jesper!$R$2:$R$366,ROW(INDEX(Jesper!AI$2:AI$366,ROUNDDOWN($C5868/24,0)+1,1))-1)+IF('Standard Profiles'!$G$19=$B$10,7,0)+IF('Standard Profiles'!$G$19=$B$17,14,0)+IF('Standard Profiles'!$G$19=$B$24,21,0),0)),0)</f>
        <v>1.0514308096814151</v>
      </c>
      <c r="F5868" cm="1">
        <f t="array" ref="F5868">IFERROR(INDEX(Jesper!AJ$2:AJ$366,ROUNDDOWN($C5868/24,0)+1,1)*INDEX($D$3:$AA$30,INDEX(Jesper!$R$2:$R$366,ROW(INDEX(Jesper!AJ$2:AJ$366,ROUNDDOWN($C5868/24,0)+1,1))-1)+IF('Standard Profiles'!$G$20=$B$10,7,0)+IF('Standard Profiles'!$G$20=$B$17,14,0)+IF('Standard Profiles'!$G$20=$B$24,21,0),MOD($C5868,24)+1)/SUM(INDEX($D$3:$AA$30,INDEX(Jesper!$R$2:$R$366,ROW(INDEX(Jesper!AJ$2:AJ$366,ROUNDDOWN($C5868/24,0)+1,1))-1)+IF('Standard Profiles'!$G$20=$B$10,7,0)+IF('Standard Profiles'!$G$20=$B$17,14,0)+IF('Standard Profiles'!$G$20=$B$24,21,0),0)),0)</f>
        <v>0</v>
      </c>
      <c r="G5868" cm="1">
        <f t="array" ref="G5868">IFERROR(INDEX(Jesper!AK$2:AK$366,ROUNDDOWN($C5868/24,0)+1,1)*INDEX($D$3:$AA$30,INDEX(Jesper!$R$2:$R$366,ROW(INDEX(Jesper!AK$2:AK$366,ROUNDDOWN($C5868/24,0)+1,1))-1)+IF('Standard Profiles'!$G$21=$B$10,7,0)+IF('Standard Profiles'!$G$21=$B$17,14,0)+IF('Standard Profiles'!$G$21=$B$24,21,0),MOD($C5868,24)+1)/SUM(INDEX($D$3:$AA$30,INDEX(Jesper!$R$2:$R$366,ROW(INDEX(Jesper!AK$2:AK$366,ROUNDDOWN($C5868/24,0)+1,1))-1)+IF('Standard Profiles'!$G$21=$B$10,7,0)+IF('Standard Profiles'!$G$21=$B$17,14,0)+IF('Standard Profiles'!$G$21=$B$24,21,0),0)),0)</f>
        <v>0</v>
      </c>
      <c r="H5868" cm="1">
        <f t="array" ref="H5868">IFERROR(INDEX(Jesper!AL$2:AL$366,ROUNDDOWN($C5868/24,0)+1,1)*INDEX($D$3:$AA$30,INDEX(Jesper!$R$2:$R$366,ROW(INDEX(Jesper!AL$2:AL$366,ROUNDDOWN($C5868/24,0)+1,1))-1)+IF('Standard Profiles'!$G$22=$B$10,7,0)+IF('Standard Profiles'!$G$22=$B$17,14,0)+IF('Standard Profiles'!$G$22=$B$24,21,0),MOD($C5868,24)+1)/SUM(INDEX($D$3:$AA$30,INDEX(Jesper!$R$2:$R$366,ROW(INDEX(Jesper!AL$2:AL$366,ROUNDDOWN($C5868/24,0)+1,1))-1)+IF('Standard Profiles'!$G$22=$B$10,7,0)+IF('Standard Profiles'!$G$22=$B$17,14,0)+IF('Standard Profiles'!$G$22=$B$24,21,0),0)),0)</f>
        <v>0</v>
      </c>
      <c r="I5868">
        <f t="shared" si="657"/>
        <v>9.4723496367695073E-2</v>
      </c>
      <c r="J5868">
        <f t="shared" si="658"/>
        <v>0.31574498789231698</v>
      </c>
      <c r="K5868">
        <f t="shared" si="659"/>
        <v>0.47361748183847546</v>
      </c>
      <c r="L5868">
        <f t="shared" si="660"/>
        <v>6.9145433887403049</v>
      </c>
      <c r="M5868">
        <f t="shared" si="661"/>
        <v>0</v>
      </c>
      <c r="N5868" s="46">
        <f t="shared" si="662"/>
        <v>45535.083333319184</v>
      </c>
    </row>
    <row r="5869" spans="2:14" x14ac:dyDescent="0.3">
      <c r="B5869">
        <f t="shared" si="656"/>
        <v>6</v>
      </c>
      <c r="C5869" s="16">
        <v>5835</v>
      </c>
      <c r="D5869" cm="1">
        <f t="array" ref="D5869">IFERROR(INDEX(Jesper!AH$2:AH$366,ROUNDDOWN($C5869/24,0)+1,1)*INDEX($D$3:$AA$30,INDEX(Jesper!$R$2:$R$366,ROW(INDEX(Jesper!AH$2:AH$366,ROUNDDOWN($C5869/24,0)+1,1))-1)+IF('Standard Profiles'!$G$18=$B$10,7,0)+IF('Standard Profiles'!$G$18=$B$17,14,0)+IF('Standard Profiles'!$G$18=$B$24,21,0),MOD($C5869,24)+1)/SUM(INDEX($D$3:$AA$30,INDEX(Jesper!$R$2:$R$366,ROW(INDEX(Jesper!AH$2:AH$366,ROUNDDOWN($C5869/24,0)+1,1))-1)+IF('Standard Profiles'!$G$18=$B$10,7,0)+IF('Standard Profiles'!$G$18=$B$17,14,0)+IF('Standard Profiles'!$G$18=$B$24,21,0),0)),0)</f>
        <v>6.747198545157377</v>
      </c>
      <c r="E5869" cm="1">
        <f t="array" ref="E5869">IFERROR(INDEX(Jesper!AI$2:AI$366,ROUNDDOWN($C5869/24,0)+1,1)*INDEX($D$3:$AA$30,INDEX(Jesper!$R$2:$R$366,ROW(INDEX(Jesper!AI$2:AI$366,ROUNDDOWN($C5869/24,0)+1,1))-1)+IF('Standard Profiles'!$G$19=$B$10,7,0)+IF('Standard Profiles'!$G$19=$B$17,14,0)+IF('Standard Profiles'!$G$19=$B$24,21,0),MOD($C5869,24)+1)/SUM(INDEX($D$3:$AA$30,INDEX(Jesper!$R$2:$R$366,ROW(INDEX(Jesper!AI$2:AI$366,ROUNDDOWN($C5869/24,0)+1,1))-1)+IF('Standard Profiles'!$G$19=$B$10,7,0)+IF('Standard Profiles'!$G$19=$B$17,14,0)+IF('Standard Profiles'!$G$19=$B$24,21,0),0)),0)</f>
        <v>1.0514308096814151</v>
      </c>
      <c r="F5869" cm="1">
        <f t="array" ref="F5869">IFERROR(INDEX(Jesper!AJ$2:AJ$366,ROUNDDOWN($C5869/24,0)+1,1)*INDEX($D$3:$AA$30,INDEX(Jesper!$R$2:$R$366,ROW(INDEX(Jesper!AJ$2:AJ$366,ROUNDDOWN($C5869/24,0)+1,1))-1)+IF('Standard Profiles'!$G$20=$B$10,7,0)+IF('Standard Profiles'!$G$20=$B$17,14,0)+IF('Standard Profiles'!$G$20=$B$24,21,0),MOD($C5869,24)+1)/SUM(INDEX($D$3:$AA$30,INDEX(Jesper!$R$2:$R$366,ROW(INDEX(Jesper!AJ$2:AJ$366,ROUNDDOWN($C5869/24,0)+1,1))-1)+IF('Standard Profiles'!$G$20=$B$10,7,0)+IF('Standard Profiles'!$G$20=$B$17,14,0)+IF('Standard Profiles'!$G$20=$B$24,21,0),0)),0)</f>
        <v>0</v>
      </c>
      <c r="G5869" cm="1">
        <f t="array" ref="G5869">IFERROR(INDEX(Jesper!AK$2:AK$366,ROUNDDOWN($C5869/24,0)+1,1)*INDEX($D$3:$AA$30,INDEX(Jesper!$R$2:$R$366,ROW(INDEX(Jesper!AK$2:AK$366,ROUNDDOWN($C5869/24,0)+1,1))-1)+IF('Standard Profiles'!$G$21=$B$10,7,0)+IF('Standard Profiles'!$G$21=$B$17,14,0)+IF('Standard Profiles'!$G$21=$B$24,21,0),MOD($C5869,24)+1)/SUM(INDEX($D$3:$AA$30,INDEX(Jesper!$R$2:$R$366,ROW(INDEX(Jesper!AK$2:AK$366,ROUNDDOWN($C5869/24,0)+1,1))-1)+IF('Standard Profiles'!$G$21=$B$10,7,0)+IF('Standard Profiles'!$G$21=$B$17,14,0)+IF('Standard Profiles'!$G$21=$B$24,21,0),0)),0)</f>
        <v>0</v>
      </c>
      <c r="H5869" cm="1">
        <f t="array" ref="H5869">IFERROR(INDEX(Jesper!AL$2:AL$366,ROUNDDOWN($C5869/24,0)+1,1)*INDEX($D$3:$AA$30,INDEX(Jesper!$R$2:$R$366,ROW(INDEX(Jesper!AL$2:AL$366,ROUNDDOWN($C5869/24,0)+1,1))-1)+IF('Standard Profiles'!$G$22=$B$10,7,0)+IF('Standard Profiles'!$G$22=$B$17,14,0)+IF('Standard Profiles'!$G$22=$B$24,21,0),MOD($C5869,24)+1)/SUM(INDEX($D$3:$AA$30,INDEX(Jesper!$R$2:$R$366,ROW(INDEX(Jesper!AL$2:AL$366,ROUNDDOWN($C5869/24,0)+1,1))-1)+IF('Standard Profiles'!$G$22=$B$10,7,0)+IF('Standard Profiles'!$G$22=$B$17,14,0)+IF('Standard Profiles'!$G$22=$B$24,21,0),0)),0)</f>
        <v>0</v>
      </c>
      <c r="I5869">
        <f t="shared" si="657"/>
        <v>9.4723496367695073E-2</v>
      </c>
      <c r="J5869">
        <f t="shared" si="658"/>
        <v>0.31574498789231698</v>
      </c>
      <c r="K5869">
        <f t="shared" si="659"/>
        <v>0.47361748183847546</v>
      </c>
      <c r="L5869">
        <f t="shared" si="660"/>
        <v>6.9145433887403049</v>
      </c>
      <c r="M5869">
        <f t="shared" si="661"/>
        <v>0</v>
      </c>
      <c r="N5869" s="46">
        <f t="shared" si="662"/>
        <v>45535.124999985848</v>
      </c>
    </row>
    <row r="5870" spans="2:14" x14ac:dyDescent="0.3">
      <c r="B5870">
        <f t="shared" si="656"/>
        <v>6</v>
      </c>
      <c r="C5870" s="16">
        <v>5836</v>
      </c>
      <c r="D5870" cm="1">
        <f t="array" ref="D5870">IFERROR(INDEX(Jesper!AH$2:AH$366,ROUNDDOWN($C5870/24,0)+1,1)*INDEX($D$3:$AA$30,INDEX(Jesper!$R$2:$R$366,ROW(INDEX(Jesper!AH$2:AH$366,ROUNDDOWN($C5870/24,0)+1,1))-1)+IF('Standard Profiles'!$G$18=$B$10,7,0)+IF('Standard Profiles'!$G$18=$B$17,14,0)+IF('Standard Profiles'!$G$18=$B$24,21,0),MOD($C5870,24)+1)/SUM(INDEX($D$3:$AA$30,INDEX(Jesper!$R$2:$R$366,ROW(INDEX(Jesper!AH$2:AH$366,ROUNDDOWN($C5870/24,0)+1,1))-1)+IF('Standard Profiles'!$G$18=$B$10,7,0)+IF('Standard Profiles'!$G$18=$B$17,14,0)+IF('Standard Profiles'!$G$18=$B$24,21,0),0)),0)</f>
        <v>6.747198545157377</v>
      </c>
      <c r="E5870" cm="1">
        <f t="array" ref="E5870">IFERROR(INDEX(Jesper!AI$2:AI$366,ROUNDDOWN($C5870/24,0)+1,1)*INDEX($D$3:$AA$30,INDEX(Jesper!$R$2:$R$366,ROW(INDEX(Jesper!AI$2:AI$366,ROUNDDOWN($C5870/24,0)+1,1))-1)+IF('Standard Profiles'!$G$19=$B$10,7,0)+IF('Standard Profiles'!$G$19=$B$17,14,0)+IF('Standard Profiles'!$G$19=$B$24,21,0),MOD($C5870,24)+1)/SUM(INDEX($D$3:$AA$30,INDEX(Jesper!$R$2:$R$366,ROW(INDEX(Jesper!AI$2:AI$366,ROUNDDOWN($C5870/24,0)+1,1))-1)+IF('Standard Profiles'!$G$19=$B$10,7,0)+IF('Standard Profiles'!$G$19=$B$17,14,0)+IF('Standard Profiles'!$G$19=$B$24,21,0),0)),0)</f>
        <v>1.0514308096814151</v>
      </c>
      <c r="F5870" cm="1">
        <f t="array" ref="F5870">IFERROR(INDEX(Jesper!AJ$2:AJ$366,ROUNDDOWN($C5870/24,0)+1,1)*INDEX($D$3:$AA$30,INDEX(Jesper!$R$2:$R$366,ROW(INDEX(Jesper!AJ$2:AJ$366,ROUNDDOWN($C5870/24,0)+1,1))-1)+IF('Standard Profiles'!$G$20=$B$10,7,0)+IF('Standard Profiles'!$G$20=$B$17,14,0)+IF('Standard Profiles'!$G$20=$B$24,21,0),MOD($C5870,24)+1)/SUM(INDEX($D$3:$AA$30,INDEX(Jesper!$R$2:$R$366,ROW(INDEX(Jesper!AJ$2:AJ$366,ROUNDDOWN($C5870/24,0)+1,1))-1)+IF('Standard Profiles'!$G$20=$B$10,7,0)+IF('Standard Profiles'!$G$20=$B$17,14,0)+IF('Standard Profiles'!$G$20=$B$24,21,0),0)),0)</f>
        <v>0</v>
      </c>
      <c r="G5870" cm="1">
        <f t="array" ref="G5870">IFERROR(INDEX(Jesper!AK$2:AK$366,ROUNDDOWN($C5870/24,0)+1,1)*INDEX($D$3:$AA$30,INDEX(Jesper!$R$2:$R$366,ROW(INDEX(Jesper!AK$2:AK$366,ROUNDDOWN($C5870/24,0)+1,1))-1)+IF('Standard Profiles'!$G$21=$B$10,7,0)+IF('Standard Profiles'!$G$21=$B$17,14,0)+IF('Standard Profiles'!$G$21=$B$24,21,0),MOD($C5870,24)+1)/SUM(INDEX($D$3:$AA$30,INDEX(Jesper!$R$2:$R$366,ROW(INDEX(Jesper!AK$2:AK$366,ROUNDDOWN($C5870/24,0)+1,1))-1)+IF('Standard Profiles'!$G$21=$B$10,7,0)+IF('Standard Profiles'!$G$21=$B$17,14,0)+IF('Standard Profiles'!$G$21=$B$24,21,0),0)),0)</f>
        <v>0</v>
      </c>
      <c r="H5870" cm="1">
        <f t="array" ref="H5870">IFERROR(INDEX(Jesper!AL$2:AL$366,ROUNDDOWN($C5870/24,0)+1,1)*INDEX($D$3:$AA$30,INDEX(Jesper!$R$2:$R$366,ROW(INDEX(Jesper!AL$2:AL$366,ROUNDDOWN($C5870/24,0)+1,1))-1)+IF('Standard Profiles'!$G$22=$B$10,7,0)+IF('Standard Profiles'!$G$22=$B$17,14,0)+IF('Standard Profiles'!$G$22=$B$24,21,0),MOD($C5870,24)+1)/SUM(INDEX($D$3:$AA$30,INDEX(Jesper!$R$2:$R$366,ROW(INDEX(Jesper!AL$2:AL$366,ROUNDDOWN($C5870/24,0)+1,1))-1)+IF('Standard Profiles'!$G$22=$B$10,7,0)+IF('Standard Profiles'!$G$22=$B$17,14,0)+IF('Standard Profiles'!$G$22=$B$24,21,0),0)),0)</f>
        <v>0</v>
      </c>
      <c r="I5870">
        <f t="shared" si="657"/>
        <v>9.4723496367695073E-2</v>
      </c>
      <c r="J5870">
        <f t="shared" si="658"/>
        <v>0.31574498789231698</v>
      </c>
      <c r="K5870">
        <f t="shared" si="659"/>
        <v>0.47361748183847546</v>
      </c>
      <c r="L5870">
        <f t="shared" si="660"/>
        <v>6.9145433887403049</v>
      </c>
      <c r="M5870">
        <f t="shared" si="661"/>
        <v>0</v>
      </c>
      <c r="N5870" s="46">
        <f t="shared" si="662"/>
        <v>45535.166666652513</v>
      </c>
    </row>
    <row r="5871" spans="2:14" x14ac:dyDescent="0.3">
      <c r="B5871">
        <f t="shared" si="656"/>
        <v>6</v>
      </c>
      <c r="C5871" s="16">
        <v>5837</v>
      </c>
      <c r="D5871" cm="1">
        <f t="array" ref="D5871">IFERROR(INDEX(Jesper!AH$2:AH$366,ROUNDDOWN($C5871/24,0)+1,1)*INDEX($D$3:$AA$30,INDEX(Jesper!$R$2:$R$366,ROW(INDEX(Jesper!AH$2:AH$366,ROUNDDOWN($C5871/24,0)+1,1))-1)+IF('Standard Profiles'!$G$18=$B$10,7,0)+IF('Standard Profiles'!$G$18=$B$17,14,0)+IF('Standard Profiles'!$G$18=$B$24,21,0),MOD($C5871,24)+1)/SUM(INDEX($D$3:$AA$30,INDEX(Jesper!$R$2:$R$366,ROW(INDEX(Jesper!AH$2:AH$366,ROUNDDOWN($C5871/24,0)+1,1))-1)+IF('Standard Profiles'!$G$18=$B$10,7,0)+IF('Standard Profiles'!$G$18=$B$17,14,0)+IF('Standard Profiles'!$G$18=$B$24,21,0),0)),0)</f>
        <v>8.39285672690308</v>
      </c>
      <c r="E5871" cm="1">
        <f t="array" ref="E5871">IFERROR(INDEX(Jesper!AI$2:AI$366,ROUNDDOWN($C5871/24,0)+1,1)*INDEX($D$3:$AA$30,INDEX(Jesper!$R$2:$R$366,ROW(INDEX(Jesper!AI$2:AI$366,ROUNDDOWN($C5871/24,0)+1,1))-1)+IF('Standard Profiles'!$G$19=$B$10,7,0)+IF('Standard Profiles'!$G$19=$B$17,14,0)+IF('Standard Profiles'!$G$19=$B$24,21,0),MOD($C5871,24)+1)/SUM(INDEX($D$3:$AA$30,INDEX(Jesper!$R$2:$R$366,ROW(INDEX(Jesper!AI$2:AI$366,ROUNDDOWN($C5871/24,0)+1,1))-1)+IF('Standard Profiles'!$G$19=$B$10,7,0)+IF('Standard Profiles'!$G$19=$B$17,14,0)+IF('Standard Profiles'!$G$19=$B$24,21,0),0)),0)</f>
        <v>1.3078773486281019</v>
      </c>
      <c r="F5871" cm="1">
        <f t="array" ref="F5871">IFERROR(INDEX(Jesper!AJ$2:AJ$366,ROUNDDOWN($C5871/24,0)+1,1)*INDEX($D$3:$AA$30,INDEX(Jesper!$R$2:$R$366,ROW(INDEX(Jesper!AJ$2:AJ$366,ROUNDDOWN($C5871/24,0)+1,1))-1)+IF('Standard Profiles'!$G$20=$B$10,7,0)+IF('Standard Profiles'!$G$20=$B$17,14,0)+IF('Standard Profiles'!$G$20=$B$24,21,0),MOD($C5871,24)+1)/SUM(INDEX($D$3:$AA$30,INDEX(Jesper!$R$2:$R$366,ROW(INDEX(Jesper!AJ$2:AJ$366,ROUNDDOWN($C5871/24,0)+1,1))-1)+IF('Standard Profiles'!$G$20=$B$10,7,0)+IF('Standard Profiles'!$G$20=$B$17,14,0)+IF('Standard Profiles'!$G$20=$B$24,21,0),0)),0)</f>
        <v>0</v>
      </c>
      <c r="G5871" cm="1">
        <f t="array" ref="G5871">IFERROR(INDEX(Jesper!AK$2:AK$366,ROUNDDOWN($C5871/24,0)+1,1)*INDEX($D$3:$AA$30,INDEX(Jesper!$R$2:$R$366,ROW(INDEX(Jesper!AK$2:AK$366,ROUNDDOWN($C5871/24,0)+1,1))-1)+IF('Standard Profiles'!$G$21=$B$10,7,0)+IF('Standard Profiles'!$G$21=$B$17,14,0)+IF('Standard Profiles'!$G$21=$B$24,21,0),MOD($C5871,24)+1)/SUM(INDEX($D$3:$AA$30,INDEX(Jesper!$R$2:$R$366,ROW(INDEX(Jesper!AK$2:AK$366,ROUNDDOWN($C5871/24,0)+1,1))-1)+IF('Standard Profiles'!$G$21=$B$10,7,0)+IF('Standard Profiles'!$G$21=$B$17,14,0)+IF('Standard Profiles'!$G$21=$B$24,21,0),0)),0)</f>
        <v>0</v>
      </c>
      <c r="H5871" cm="1">
        <f t="array" ref="H5871">IFERROR(INDEX(Jesper!AL$2:AL$366,ROUNDDOWN($C5871/24,0)+1,1)*INDEX($D$3:$AA$30,INDEX(Jesper!$R$2:$R$366,ROW(INDEX(Jesper!AL$2:AL$366,ROUNDDOWN($C5871/24,0)+1,1))-1)+IF('Standard Profiles'!$G$22=$B$10,7,0)+IF('Standard Profiles'!$G$22=$B$17,14,0)+IF('Standard Profiles'!$G$22=$B$24,21,0),MOD($C5871,24)+1)/SUM(INDEX($D$3:$AA$30,INDEX(Jesper!$R$2:$R$366,ROW(INDEX(Jesper!AL$2:AL$366,ROUNDDOWN($C5871/24,0)+1,1))-1)+IF('Standard Profiles'!$G$22=$B$10,7,0)+IF('Standard Profiles'!$G$22=$B$17,14,0)+IF('Standard Profiles'!$G$22=$B$24,21,0),0)),0)</f>
        <v>0</v>
      </c>
      <c r="I5871">
        <f t="shared" si="657"/>
        <v>0.1178267881646939</v>
      </c>
      <c r="J5871">
        <f t="shared" si="658"/>
        <v>0.39275596054897971</v>
      </c>
      <c r="K5871">
        <f t="shared" si="659"/>
        <v>0.58913394082346959</v>
      </c>
      <c r="L5871">
        <f t="shared" si="660"/>
        <v>8.6010173859940391</v>
      </c>
      <c r="M5871">
        <f t="shared" si="661"/>
        <v>0</v>
      </c>
      <c r="N5871" s="46">
        <f t="shared" si="662"/>
        <v>45535.208333319177</v>
      </c>
    </row>
    <row r="5872" spans="2:14" x14ac:dyDescent="0.3">
      <c r="B5872">
        <f t="shared" si="656"/>
        <v>6</v>
      </c>
      <c r="C5872" s="16">
        <v>5838</v>
      </c>
      <c r="D5872" cm="1">
        <f t="array" ref="D5872">IFERROR(INDEX(Jesper!AH$2:AH$366,ROUNDDOWN($C5872/24,0)+1,1)*INDEX($D$3:$AA$30,INDEX(Jesper!$R$2:$R$366,ROW(INDEX(Jesper!AH$2:AH$366,ROUNDDOWN($C5872/24,0)+1,1))-1)+IF('Standard Profiles'!$G$18=$B$10,7,0)+IF('Standard Profiles'!$G$18=$B$17,14,0)+IF('Standard Profiles'!$G$18=$B$24,21,0),MOD($C5872,24)+1)/SUM(INDEX($D$3:$AA$30,INDEX(Jesper!$R$2:$R$366,ROW(INDEX(Jesper!AH$2:AH$366,ROUNDDOWN($C5872/24,0)+1,1))-1)+IF('Standard Profiles'!$G$18=$B$10,7,0)+IF('Standard Profiles'!$G$18=$B$17,14,0)+IF('Standard Profiles'!$G$18=$B$24,21,0),0)),0)</f>
        <v>10.532212363172492</v>
      </c>
      <c r="E5872" cm="1">
        <f t="array" ref="E5872">IFERROR(INDEX(Jesper!AI$2:AI$366,ROUNDDOWN($C5872/24,0)+1,1)*INDEX($D$3:$AA$30,INDEX(Jesper!$R$2:$R$366,ROW(INDEX(Jesper!AI$2:AI$366,ROUNDDOWN($C5872/24,0)+1,1))-1)+IF('Standard Profiles'!$G$19=$B$10,7,0)+IF('Standard Profiles'!$G$19=$B$17,14,0)+IF('Standard Profiles'!$G$19=$B$24,21,0),MOD($C5872,24)+1)/SUM(INDEX($D$3:$AA$30,INDEX(Jesper!$R$2:$R$366,ROW(INDEX(Jesper!AI$2:AI$366,ROUNDDOWN($C5872/24,0)+1,1))-1)+IF('Standard Profiles'!$G$19=$B$10,7,0)+IF('Standard Profiles'!$G$19=$B$17,14,0)+IF('Standard Profiles'!$G$19=$B$24,21,0),0)),0)</f>
        <v>1.6412578492587946</v>
      </c>
      <c r="F5872" cm="1">
        <f t="array" ref="F5872">IFERROR(INDEX(Jesper!AJ$2:AJ$366,ROUNDDOWN($C5872/24,0)+1,1)*INDEX($D$3:$AA$30,INDEX(Jesper!$R$2:$R$366,ROW(INDEX(Jesper!AJ$2:AJ$366,ROUNDDOWN($C5872/24,0)+1,1))-1)+IF('Standard Profiles'!$G$20=$B$10,7,0)+IF('Standard Profiles'!$G$20=$B$17,14,0)+IF('Standard Profiles'!$G$20=$B$24,21,0),MOD($C5872,24)+1)/SUM(INDEX($D$3:$AA$30,INDEX(Jesper!$R$2:$R$366,ROW(INDEX(Jesper!AJ$2:AJ$366,ROUNDDOWN($C5872/24,0)+1,1))-1)+IF('Standard Profiles'!$G$20=$B$10,7,0)+IF('Standard Profiles'!$G$20=$B$17,14,0)+IF('Standard Profiles'!$G$20=$B$24,21,0),0)),0)</f>
        <v>0</v>
      </c>
      <c r="G5872" cm="1">
        <f t="array" ref="G5872">IFERROR(INDEX(Jesper!AK$2:AK$366,ROUNDDOWN($C5872/24,0)+1,1)*INDEX($D$3:$AA$30,INDEX(Jesper!$R$2:$R$366,ROW(INDEX(Jesper!AK$2:AK$366,ROUNDDOWN($C5872/24,0)+1,1))-1)+IF('Standard Profiles'!$G$21=$B$10,7,0)+IF('Standard Profiles'!$G$21=$B$17,14,0)+IF('Standard Profiles'!$G$21=$B$24,21,0),MOD($C5872,24)+1)/SUM(INDEX($D$3:$AA$30,INDEX(Jesper!$R$2:$R$366,ROW(INDEX(Jesper!AK$2:AK$366,ROUNDDOWN($C5872/24,0)+1,1))-1)+IF('Standard Profiles'!$G$21=$B$10,7,0)+IF('Standard Profiles'!$G$21=$B$17,14,0)+IF('Standard Profiles'!$G$21=$B$24,21,0),0)),0)</f>
        <v>0</v>
      </c>
      <c r="H5872" cm="1">
        <f t="array" ref="H5872">IFERROR(INDEX(Jesper!AL$2:AL$366,ROUNDDOWN($C5872/24,0)+1,1)*INDEX($D$3:$AA$30,INDEX(Jesper!$R$2:$R$366,ROW(INDEX(Jesper!AL$2:AL$366,ROUNDDOWN($C5872/24,0)+1,1))-1)+IF('Standard Profiles'!$G$22=$B$10,7,0)+IF('Standard Profiles'!$G$22=$B$17,14,0)+IF('Standard Profiles'!$G$22=$B$24,21,0),MOD($C5872,24)+1)/SUM(INDEX($D$3:$AA$30,INDEX(Jesper!$R$2:$R$366,ROW(INDEX(Jesper!AL$2:AL$366,ROUNDDOWN($C5872/24,0)+1,1))-1)+IF('Standard Profiles'!$G$22=$B$10,7,0)+IF('Standard Profiles'!$G$22=$B$17,14,0)+IF('Standard Profiles'!$G$22=$B$24,21,0),0)),0)</f>
        <v>0</v>
      </c>
      <c r="I5872">
        <f t="shared" si="657"/>
        <v>0.14786106750079234</v>
      </c>
      <c r="J5872">
        <f t="shared" si="658"/>
        <v>0.49287022500264122</v>
      </c>
      <c r="K5872">
        <f t="shared" si="659"/>
        <v>0.73930533750396177</v>
      </c>
      <c r="L5872">
        <f t="shared" si="660"/>
        <v>10.793433582423893</v>
      </c>
      <c r="M5872">
        <f t="shared" si="661"/>
        <v>0</v>
      </c>
      <c r="N5872" s="46">
        <f t="shared" si="662"/>
        <v>45535.249999985841</v>
      </c>
    </row>
    <row r="5873" spans="2:14" x14ac:dyDescent="0.3">
      <c r="B5873">
        <f t="shared" si="656"/>
        <v>6</v>
      </c>
      <c r="C5873" s="16">
        <v>5839</v>
      </c>
      <c r="D5873" cm="1">
        <f t="array" ref="D5873">IFERROR(INDEX(Jesper!AH$2:AH$366,ROUNDDOWN($C5873/24,0)+1,1)*INDEX($D$3:$AA$30,INDEX(Jesper!$R$2:$R$366,ROW(INDEX(Jesper!AH$2:AH$366,ROUNDDOWN($C5873/24,0)+1,1))-1)+IF('Standard Profiles'!$G$18=$B$10,7,0)+IF('Standard Profiles'!$G$18=$B$17,14,0)+IF('Standard Profiles'!$G$18=$B$24,21,0),MOD($C5873,24)+1)/SUM(INDEX($D$3:$AA$30,INDEX(Jesper!$R$2:$R$366,ROW(INDEX(Jesper!AH$2:AH$366,ROUNDDOWN($C5873/24,0)+1,1))-1)+IF('Standard Profiles'!$G$18=$B$10,7,0)+IF('Standard Profiles'!$G$18=$B$17,14,0)+IF('Standard Profiles'!$G$18=$B$24,21,0),0)),0)</f>
        <v>12.013304726743623</v>
      </c>
      <c r="E5873" cm="1">
        <f t="array" ref="E5873">IFERROR(INDEX(Jesper!AI$2:AI$366,ROUNDDOWN($C5873/24,0)+1,1)*INDEX($D$3:$AA$30,INDEX(Jesper!$R$2:$R$366,ROW(INDEX(Jesper!AI$2:AI$366,ROUNDDOWN($C5873/24,0)+1,1))-1)+IF('Standard Profiles'!$G$19=$B$10,7,0)+IF('Standard Profiles'!$G$19=$B$17,14,0)+IF('Standard Profiles'!$G$19=$B$24,21,0),MOD($C5873,24)+1)/SUM(INDEX($D$3:$AA$30,INDEX(Jesper!$R$2:$R$366,ROW(INDEX(Jesper!AI$2:AI$366,ROUNDDOWN($C5873/24,0)+1,1))-1)+IF('Standard Profiles'!$G$19=$B$10,7,0)+IF('Standard Profiles'!$G$19=$B$17,14,0)+IF('Standard Profiles'!$G$19=$B$24,21,0),0)),0)</f>
        <v>1.8720597343108123</v>
      </c>
      <c r="F5873" cm="1">
        <f t="array" ref="F5873">IFERROR(INDEX(Jesper!AJ$2:AJ$366,ROUNDDOWN($C5873/24,0)+1,1)*INDEX($D$3:$AA$30,INDEX(Jesper!$R$2:$R$366,ROW(INDEX(Jesper!AJ$2:AJ$366,ROUNDDOWN($C5873/24,0)+1,1))-1)+IF('Standard Profiles'!$G$20=$B$10,7,0)+IF('Standard Profiles'!$G$20=$B$17,14,0)+IF('Standard Profiles'!$G$20=$B$24,21,0),MOD($C5873,24)+1)/SUM(INDEX($D$3:$AA$30,INDEX(Jesper!$R$2:$R$366,ROW(INDEX(Jesper!AJ$2:AJ$366,ROUNDDOWN($C5873/24,0)+1,1))-1)+IF('Standard Profiles'!$G$20=$B$10,7,0)+IF('Standard Profiles'!$G$20=$B$17,14,0)+IF('Standard Profiles'!$G$20=$B$24,21,0),0)),0)</f>
        <v>0</v>
      </c>
      <c r="G5873" cm="1">
        <f t="array" ref="G5873">IFERROR(INDEX(Jesper!AK$2:AK$366,ROUNDDOWN($C5873/24,0)+1,1)*INDEX($D$3:$AA$30,INDEX(Jesper!$R$2:$R$366,ROW(INDEX(Jesper!AK$2:AK$366,ROUNDDOWN($C5873/24,0)+1,1))-1)+IF('Standard Profiles'!$G$21=$B$10,7,0)+IF('Standard Profiles'!$G$21=$B$17,14,0)+IF('Standard Profiles'!$G$21=$B$24,21,0),MOD($C5873,24)+1)/SUM(INDEX($D$3:$AA$30,INDEX(Jesper!$R$2:$R$366,ROW(INDEX(Jesper!AK$2:AK$366,ROUNDDOWN($C5873/24,0)+1,1))-1)+IF('Standard Profiles'!$G$21=$B$10,7,0)+IF('Standard Profiles'!$G$21=$B$17,14,0)+IF('Standard Profiles'!$G$21=$B$24,21,0),0)),0)</f>
        <v>0</v>
      </c>
      <c r="H5873" cm="1">
        <f t="array" ref="H5873">IFERROR(INDEX(Jesper!AL$2:AL$366,ROUNDDOWN($C5873/24,0)+1,1)*INDEX($D$3:$AA$30,INDEX(Jesper!$R$2:$R$366,ROW(INDEX(Jesper!AL$2:AL$366,ROUNDDOWN($C5873/24,0)+1,1))-1)+IF('Standard Profiles'!$G$22=$B$10,7,0)+IF('Standard Profiles'!$G$22=$B$17,14,0)+IF('Standard Profiles'!$G$22=$B$24,21,0),MOD($C5873,24)+1)/SUM(INDEX($D$3:$AA$30,INDEX(Jesper!$R$2:$R$366,ROW(INDEX(Jesper!AL$2:AL$366,ROUNDDOWN($C5873/24,0)+1,1))-1)+IF('Standard Profiles'!$G$22=$B$10,7,0)+IF('Standard Profiles'!$G$22=$B$17,14,0)+IF('Standard Profiles'!$G$22=$B$24,21,0),0)),0)</f>
        <v>0</v>
      </c>
      <c r="I5873">
        <f t="shared" si="657"/>
        <v>0.16865403011809124</v>
      </c>
      <c r="J5873">
        <f t="shared" si="658"/>
        <v>0.56218010039363753</v>
      </c>
      <c r="K5873">
        <f t="shared" si="659"/>
        <v>0.84327015059045629</v>
      </c>
      <c r="L5873">
        <f t="shared" si="660"/>
        <v>12.311260179952251</v>
      </c>
      <c r="M5873">
        <f t="shared" si="661"/>
        <v>0</v>
      </c>
      <c r="N5873" s="46">
        <f t="shared" si="662"/>
        <v>45535.291666652505</v>
      </c>
    </row>
    <row r="5874" spans="2:14" x14ac:dyDescent="0.3">
      <c r="B5874">
        <f t="shared" si="656"/>
        <v>6</v>
      </c>
      <c r="C5874" s="16">
        <v>5840</v>
      </c>
      <c r="D5874" cm="1">
        <f t="array" ref="D5874">IFERROR(INDEX(Jesper!AH$2:AH$366,ROUNDDOWN($C5874/24,0)+1,1)*INDEX($D$3:$AA$30,INDEX(Jesper!$R$2:$R$366,ROW(INDEX(Jesper!AH$2:AH$366,ROUNDDOWN($C5874/24,0)+1,1))-1)+IF('Standard Profiles'!$G$18=$B$10,7,0)+IF('Standard Profiles'!$G$18=$B$17,14,0)+IF('Standard Profiles'!$G$18=$B$24,21,0),MOD($C5874,24)+1)/SUM(INDEX($D$3:$AA$30,INDEX(Jesper!$R$2:$R$366,ROW(INDEX(Jesper!AH$2:AH$366,ROUNDDOWN($C5874/24,0)+1,1))-1)+IF('Standard Profiles'!$G$18=$B$10,7,0)+IF('Standard Profiles'!$G$18=$B$17,14,0)+IF('Standard Profiles'!$G$18=$B$24,21,0),0)),0)</f>
        <v>12.013304726743623</v>
      </c>
      <c r="E5874" cm="1">
        <f t="array" ref="E5874">IFERROR(INDEX(Jesper!AI$2:AI$366,ROUNDDOWN($C5874/24,0)+1,1)*INDEX($D$3:$AA$30,INDEX(Jesper!$R$2:$R$366,ROW(INDEX(Jesper!AI$2:AI$366,ROUNDDOWN($C5874/24,0)+1,1))-1)+IF('Standard Profiles'!$G$19=$B$10,7,0)+IF('Standard Profiles'!$G$19=$B$17,14,0)+IF('Standard Profiles'!$G$19=$B$24,21,0),MOD($C5874,24)+1)/SUM(INDEX($D$3:$AA$30,INDEX(Jesper!$R$2:$R$366,ROW(INDEX(Jesper!AI$2:AI$366,ROUNDDOWN($C5874/24,0)+1,1))-1)+IF('Standard Profiles'!$G$19=$B$10,7,0)+IF('Standard Profiles'!$G$19=$B$17,14,0)+IF('Standard Profiles'!$G$19=$B$24,21,0),0)),0)</f>
        <v>1.8720597343108123</v>
      </c>
      <c r="F5874" cm="1">
        <f t="array" ref="F5874">IFERROR(INDEX(Jesper!AJ$2:AJ$366,ROUNDDOWN($C5874/24,0)+1,1)*INDEX($D$3:$AA$30,INDEX(Jesper!$R$2:$R$366,ROW(INDEX(Jesper!AJ$2:AJ$366,ROUNDDOWN($C5874/24,0)+1,1))-1)+IF('Standard Profiles'!$G$20=$B$10,7,0)+IF('Standard Profiles'!$G$20=$B$17,14,0)+IF('Standard Profiles'!$G$20=$B$24,21,0),MOD($C5874,24)+1)/SUM(INDEX($D$3:$AA$30,INDEX(Jesper!$R$2:$R$366,ROW(INDEX(Jesper!AJ$2:AJ$366,ROUNDDOWN($C5874/24,0)+1,1))-1)+IF('Standard Profiles'!$G$20=$B$10,7,0)+IF('Standard Profiles'!$G$20=$B$17,14,0)+IF('Standard Profiles'!$G$20=$B$24,21,0),0)),0)</f>
        <v>0</v>
      </c>
      <c r="G5874" cm="1">
        <f t="array" ref="G5874">IFERROR(INDEX(Jesper!AK$2:AK$366,ROUNDDOWN($C5874/24,0)+1,1)*INDEX($D$3:$AA$30,INDEX(Jesper!$R$2:$R$366,ROW(INDEX(Jesper!AK$2:AK$366,ROUNDDOWN($C5874/24,0)+1,1))-1)+IF('Standard Profiles'!$G$21=$B$10,7,0)+IF('Standard Profiles'!$G$21=$B$17,14,0)+IF('Standard Profiles'!$G$21=$B$24,21,0),MOD($C5874,24)+1)/SUM(INDEX($D$3:$AA$30,INDEX(Jesper!$R$2:$R$366,ROW(INDEX(Jesper!AK$2:AK$366,ROUNDDOWN($C5874/24,0)+1,1))-1)+IF('Standard Profiles'!$G$21=$B$10,7,0)+IF('Standard Profiles'!$G$21=$B$17,14,0)+IF('Standard Profiles'!$G$21=$B$24,21,0),0)),0)</f>
        <v>0</v>
      </c>
      <c r="H5874" cm="1">
        <f t="array" ref="H5874">IFERROR(INDEX(Jesper!AL$2:AL$366,ROUNDDOWN($C5874/24,0)+1,1)*INDEX($D$3:$AA$30,INDEX(Jesper!$R$2:$R$366,ROW(INDEX(Jesper!AL$2:AL$366,ROUNDDOWN($C5874/24,0)+1,1))-1)+IF('Standard Profiles'!$G$22=$B$10,7,0)+IF('Standard Profiles'!$G$22=$B$17,14,0)+IF('Standard Profiles'!$G$22=$B$24,21,0),MOD($C5874,24)+1)/SUM(INDEX($D$3:$AA$30,INDEX(Jesper!$R$2:$R$366,ROW(INDEX(Jesper!AL$2:AL$366,ROUNDDOWN($C5874/24,0)+1,1))-1)+IF('Standard Profiles'!$G$22=$B$10,7,0)+IF('Standard Profiles'!$G$22=$B$17,14,0)+IF('Standard Profiles'!$G$22=$B$24,21,0),0)),0)</f>
        <v>0</v>
      </c>
      <c r="I5874">
        <f t="shared" si="657"/>
        <v>0.16865403011809124</v>
      </c>
      <c r="J5874">
        <f t="shared" si="658"/>
        <v>0.56218010039363753</v>
      </c>
      <c r="K5874">
        <f t="shared" si="659"/>
        <v>0.84327015059045629</v>
      </c>
      <c r="L5874">
        <f t="shared" si="660"/>
        <v>12.311260179952251</v>
      </c>
      <c r="M5874">
        <f t="shared" si="661"/>
        <v>0</v>
      </c>
      <c r="N5874" s="46">
        <f t="shared" si="662"/>
        <v>45535.333333319169</v>
      </c>
    </row>
    <row r="5875" spans="2:14" x14ac:dyDescent="0.3">
      <c r="B5875">
        <f t="shared" si="656"/>
        <v>6</v>
      </c>
      <c r="C5875" s="16">
        <v>5841</v>
      </c>
      <c r="D5875" cm="1">
        <f t="array" ref="D5875">IFERROR(INDEX(Jesper!AH$2:AH$366,ROUNDDOWN($C5875/24,0)+1,1)*INDEX($D$3:$AA$30,INDEX(Jesper!$R$2:$R$366,ROW(INDEX(Jesper!AH$2:AH$366,ROUNDDOWN($C5875/24,0)+1,1))-1)+IF('Standard Profiles'!$G$18=$B$10,7,0)+IF('Standard Profiles'!$G$18=$B$17,14,0)+IF('Standard Profiles'!$G$18=$B$24,21,0),MOD($C5875,24)+1)/SUM(INDEX($D$3:$AA$30,INDEX(Jesper!$R$2:$R$366,ROW(INDEX(Jesper!AH$2:AH$366,ROUNDDOWN($C5875/24,0)+1,1))-1)+IF('Standard Profiles'!$G$18=$B$10,7,0)+IF('Standard Profiles'!$G$18=$B$17,14,0)+IF('Standard Profiles'!$G$18=$B$24,21,0),0)),0)</f>
        <v>12.013304726743623</v>
      </c>
      <c r="E5875" cm="1">
        <f t="array" ref="E5875">IFERROR(INDEX(Jesper!AI$2:AI$366,ROUNDDOWN($C5875/24,0)+1,1)*INDEX($D$3:$AA$30,INDEX(Jesper!$R$2:$R$366,ROW(INDEX(Jesper!AI$2:AI$366,ROUNDDOWN($C5875/24,0)+1,1))-1)+IF('Standard Profiles'!$G$19=$B$10,7,0)+IF('Standard Profiles'!$G$19=$B$17,14,0)+IF('Standard Profiles'!$G$19=$B$24,21,0),MOD($C5875,24)+1)/SUM(INDEX($D$3:$AA$30,INDEX(Jesper!$R$2:$R$366,ROW(INDEX(Jesper!AI$2:AI$366,ROUNDDOWN($C5875/24,0)+1,1))-1)+IF('Standard Profiles'!$G$19=$B$10,7,0)+IF('Standard Profiles'!$G$19=$B$17,14,0)+IF('Standard Profiles'!$G$19=$B$24,21,0),0)),0)</f>
        <v>1.8720597343108123</v>
      </c>
      <c r="F5875" cm="1">
        <f t="array" ref="F5875">IFERROR(INDEX(Jesper!AJ$2:AJ$366,ROUNDDOWN($C5875/24,0)+1,1)*INDEX($D$3:$AA$30,INDEX(Jesper!$R$2:$R$366,ROW(INDEX(Jesper!AJ$2:AJ$366,ROUNDDOWN($C5875/24,0)+1,1))-1)+IF('Standard Profiles'!$G$20=$B$10,7,0)+IF('Standard Profiles'!$G$20=$B$17,14,0)+IF('Standard Profiles'!$G$20=$B$24,21,0),MOD($C5875,24)+1)/SUM(INDEX($D$3:$AA$30,INDEX(Jesper!$R$2:$R$366,ROW(INDEX(Jesper!AJ$2:AJ$366,ROUNDDOWN($C5875/24,0)+1,1))-1)+IF('Standard Profiles'!$G$20=$B$10,7,0)+IF('Standard Profiles'!$G$20=$B$17,14,0)+IF('Standard Profiles'!$G$20=$B$24,21,0),0)),0)</f>
        <v>0</v>
      </c>
      <c r="G5875" cm="1">
        <f t="array" ref="G5875">IFERROR(INDEX(Jesper!AK$2:AK$366,ROUNDDOWN($C5875/24,0)+1,1)*INDEX($D$3:$AA$30,INDEX(Jesper!$R$2:$R$366,ROW(INDEX(Jesper!AK$2:AK$366,ROUNDDOWN($C5875/24,0)+1,1))-1)+IF('Standard Profiles'!$G$21=$B$10,7,0)+IF('Standard Profiles'!$G$21=$B$17,14,0)+IF('Standard Profiles'!$G$21=$B$24,21,0),MOD($C5875,24)+1)/SUM(INDEX($D$3:$AA$30,INDEX(Jesper!$R$2:$R$366,ROW(INDEX(Jesper!AK$2:AK$366,ROUNDDOWN($C5875/24,0)+1,1))-1)+IF('Standard Profiles'!$G$21=$B$10,7,0)+IF('Standard Profiles'!$G$21=$B$17,14,0)+IF('Standard Profiles'!$G$21=$B$24,21,0),0)),0)</f>
        <v>0</v>
      </c>
      <c r="H5875" cm="1">
        <f t="array" ref="H5875">IFERROR(INDEX(Jesper!AL$2:AL$366,ROUNDDOWN($C5875/24,0)+1,1)*INDEX($D$3:$AA$30,INDEX(Jesper!$R$2:$R$366,ROW(INDEX(Jesper!AL$2:AL$366,ROUNDDOWN($C5875/24,0)+1,1))-1)+IF('Standard Profiles'!$G$22=$B$10,7,0)+IF('Standard Profiles'!$G$22=$B$17,14,0)+IF('Standard Profiles'!$G$22=$B$24,21,0),MOD($C5875,24)+1)/SUM(INDEX($D$3:$AA$30,INDEX(Jesper!$R$2:$R$366,ROW(INDEX(Jesper!AL$2:AL$366,ROUNDDOWN($C5875/24,0)+1,1))-1)+IF('Standard Profiles'!$G$22=$B$10,7,0)+IF('Standard Profiles'!$G$22=$B$17,14,0)+IF('Standard Profiles'!$G$22=$B$24,21,0),0)),0)</f>
        <v>0</v>
      </c>
      <c r="I5875">
        <f t="shared" si="657"/>
        <v>0.16865403011809124</v>
      </c>
      <c r="J5875">
        <f t="shared" si="658"/>
        <v>0.56218010039363753</v>
      </c>
      <c r="K5875">
        <f t="shared" si="659"/>
        <v>0.84327015059045629</v>
      </c>
      <c r="L5875">
        <f t="shared" si="660"/>
        <v>12.311260179952251</v>
      </c>
      <c r="M5875">
        <f t="shared" si="661"/>
        <v>0</v>
      </c>
      <c r="N5875" s="46">
        <f t="shared" si="662"/>
        <v>45535.374999985834</v>
      </c>
    </row>
    <row r="5876" spans="2:14" x14ac:dyDescent="0.3">
      <c r="B5876">
        <f t="shared" si="656"/>
        <v>6</v>
      </c>
      <c r="C5876" s="16">
        <v>5842</v>
      </c>
      <c r="D5876" cm="1">
        <f t="array" ref="D5876">IFERROR(INDEX(Jesper!AH$2:AH$366,ROUNDDOWN($C5876/24,0)+1,1)*INDEX($D$3:$AA$30,INDEX(Jesper!$R$2:$R$366,ROW(INDEX(Jesper!AH$2:AH$366,ROUNDDOWN($C5876/24,0)+1,1))-1)+IF('Standard Profiles'!$G$18=$B$10,7,0)+IF('Standard Profiles'!$G$18=$B$17,14,0)+IF('Standard Profiles'!$G$18=$B$24,21,0),MOD($C5876,24)+1)/SUM(INDEX($D$3:$AA$30,INDEX(Jesper!$R$2:$R$366,ROW(INDEX(Jesper!AH$2:AH$366,ROUNDDOWN($C5876/24,0)+1,1))-1)+IF('Standard Profiles'!$G$18=$B$10,7,0)+IF('Standard Profiles'!$G$18=$B$17,14,0)+IF('Standard Profiles'!$G$18=$B$24,21,0),0)),0)</f>
        <v>12.013304726743623</v>
      </c>
      <c r="E5876" cm="1">
        <f t="array" ref="E5876">IFERROR(INDEX(Jesper!AI$2:AI$366,ROUNDDOWN($C5876/24,0)+1,1)*INDEX($D$3:$AA$30,INDEX(Jesper!$R$2:$R$366,ROW(INDEX(Jesper!AI$2:AI$366,ROUNDDOWN($C5876/24,0)+1,1))-1)+IF('Standard Profiles'!$G$19=$B$10,7,0)+IF('Standard Profiles'!$G$19=$B$17,14,0)+IF('Standard Profiles'!$G$19=$B$24,21,0),MOD($C5876,24)+1)/SUM(INDEX($D$3:$AA$30,INDEX(Jesper!$R$2:$R$366,ROW(INDEX(Jesper!AI$2:AI$366,ROUNDDOWN($C5876/24,0)+1,1))-1)+IF('Standard Profiles'!$G$19=$B$10,7,0)+IF('Standard Profiles'!$G$19=$B$17,14,0)+IF('Standard Profiles'!$G$19=$B$24,21,0),0)),0)</f>
        <v>1.8720597343108123</v>
      </c>
      <c r="F5876" cm="1">
        <f t="array" ref="F5876">IFERROR(INDEX(Jesper!AJ$2:AJ$366,ROUNDDOWN($C5876/24,0)+1,1)*INDEX($D$3:$AA$30,INDEX(Jesper!$R$2:$R$366,ROW(INDEX(Jesper!AJ$2:AJ$366,ROUNDDOWN($C5876/24,0)+1,1))-1)+IF('Standard Profiles'!$G$20=$B$10,7,0)+IF('Standard Profiles'!$G$20=$B$17,14,0)+IF('Standard Profiles'!$G$20=$B$24,21,0),MOD($C5876,24)+1)/SUM(INDEX($D$3:$AA$30,INDEX(Jesper!$R$2:$R$366,ROW(INDEX(Jesper!AJ$2:AJ$366,ROUNDDOWN($C5876/24,0)+1,1))-1)+IF('Standard Profiles'!$G$20=$B$10,7,0)+IF('Standard Profiles'!$G$20=$B$17,14,0)+IF('Standard Profiles'!$G$20=$B$24,21,0),0)),0)</f>
        <v>0</v>
      </c>
      <c r="G5876" cm="1">
        <f t="array" ref="G5876">IFERROR(INDEX(Jesper!AK$2:AK$366,ROUNDDOWN($C5876/24,0)+1,1)*INDEX($D$3:$AA$30,INDEX(Jesper!$R$2:$R$366,ROW(INDEX(Jesper!AK$2:AK$366,ROUNDDOWN($C5876/24,0)+1,1))-1)+IF('Standard Profiles'!$G$21=$B$10,7,0)+IF('Standard Profiles'!$G$21=$B$17,14,0)+IF('Standard Profiles'!$G$21=$B$24,21,0),MOD($C5876,24)+1)/SUM(INDEX($D$3:$AA$30,INDEX(Jesper!$R$2:$R$366,ROW(INDEX(Jesper!AK$2:AK$366,ROUNDDOWN($C5876/24,0)+1,1))-1)+IF('Standard Profiles'!$G$21=$B$10,7,0)+IF('Standard Profiles'!$G$21=$B$17,14,0)+IF('Standard Profiles'!$G$21=$B$24,21,0),0)),0)</f>
        <v>0</v>
      </c>
      <c r="H5876" cm="1">
        <f t="array" ref="H5876">IFERROR(INDEX(Jesper!AL$2:AL$366,ROUNDDOWN($C5876/24,0)+1,1)*INDEX($D$3:$AA$30,INDEX(Jesper!$R$2:$R$366,ROW(INDEX(Jesper!AL$2:AL$366,ROUNDDOWN($C5876/24,0)+1,1))-1)+IF('Standard Profiles'!$G$22=$B$10,7,0)+IF('Standard Profiles'!$G$22=$B$17,14,0)+IF('Standard Profiles'!$G$22=$B$24,21,0),MOD($C5876,24)+1)/SUM(INDEX($D$3:$AA$30,INDEX(Jesper!$R$2:$R$366,ROW(INDEX(Jesper!AL$2:AL$366,ROUNDDOWN($C5876/24,0)+1,1))-1)+IF('Standard Profiles'!$G$22=$B$10,7,0)+IF('Standard Profiles'!$G$22=$B$17,14,0)+IF('Standard Profiles'!$G$22=$B$24,21,0),0)),0)</f>
        <v>0</v>
      </c>
      <c r="I5876">
        <f t="shared" si="657"/>
        <v>0.16865403011809124</v>
      </c>
      <c r="J5876">
        <f t="shared" si="658"/>
        <v>0.56218010039363753</v>
      </c>
      <c r="K5876">
        <f t="shared" si="659"/>
        <v>0.84327015059045629</v>
      </c>
      <c r="L5876">
        <f t="shared" si="660"/>
        <v>12.311260179952251</v>
      </c>
      <c r="M5876">
        <f t="shared" si="661"/>
        <v>0</v>
      </c>
      <c r="N5876" s="46">
        <f t="shared" si="662"/>
        <v>45535.416666652498</v>
      </c>
    </row>
    <row r="5877" spans="2:14" x14ac:dyDescent="0.3">
      <c r="B5877">
        <f t="shared" si="656"/>
        <v>6</v>
      </c>
      <c r="C5877" s="16">
        <v>5843</v>
      </c>
      <c r="D5877" cm="1">
        <f t="array" ref="D5877">IFERROR(INDEX(Jesper!AH$2:AH$366,ROUNDDOWN($C5877/24,0)+1,1)*INDEX($D$3:$AA$30,INDEX(Jesper!$R$2:$R$366,ROW(INDEX(Jesper!AH$2:AH$366,ROUNDDOWN($C5877/24,0)+1,1))-1)+IF('Standard Profiles'!$G$18=$B$10,7,0)+IF('Standard Profiles'!$G$18=$B$17,14,0)+IF('Standard Profiles'!$G$18=$B$24,21,0),MOD($C5877,24)+1)/SUM(INDEX($D$3:$AA$30,INDEX(Jesper!$R$2:$R$366,ROW(INDEX(Jesper!AH$2:AH$366,ROUNDDOWN($C5877/24,0)+1,1))-1)+IF('Standard Profiles'!$G$18=$B$10,7,0)+IF('Standard Profiles'!$G$18=$B$17,14,0)+IF('Standard Profiles'!$G$18=$B$24,21,0),0)),0)</f>
        <v>12.013304726743623</v>
      </c>
      <c r="E5877" cm="1">
        <f t="array" ref="E5877">IFERROR(INDEX(Jesper!AI$2:AI$366,ROUNDDOWN($C5877/24,0)+1,1)*INDEX($D$3:$AA$30,INDEX(Jesper!$R$2:$R$366,ROW(INDEX(Jesper!AI$2:AI$366,ROUNDDOWN($C5877/24,0)+1,1))-1)+IF('Standard Profiles'!$G$19=$B$10,7,0)+IF('Standard Profiles'!$G$19=$B$17,14,0)+IF('Standard Profiles'!$G$19=$B$24,21,0),MOD($C5877,24)+1)/SUM(INDEX($D$3:$AA$30,INDEX(Jesper!$R$2:$R$366,ROW(INDEX(Jesper!AI$2:AI$366,ROUNDDOWN($C5877/24,0)+1,1))-1)+IF('Standard Profiles'!$G$19=$B$10,7,0)+IF('Standard Profiles'!$G$19=$B$17,14,0)+IF('Standard Profiles'!$G$19=$B$24,21,0),0)),0)</f>
        <v>1.8720597343108123</v>
      </c>
      <c r="F5877" cm="1">
        <f t="array" ref="F5877">IFERROR(INDEX(Jesper!AJ$2:AJ$366,ROUNDDOWN($C5877/24,0)+1,1)*INDEX($D$3:$AA$30,INDEX(Jesper!$R$2:$R$366,ROW(INDEX(Jesper!AJ$2:AJ$366,ROUNDDOWN($C5877/24,0)+1,1))-1)+IF('Standard Profiles'!$G$20=$B$10,7,0)+IF('Standard Profiles'!$G$20=$B$17,14,0)+IF('Standard Profiles'!$G$20=$B$24,21,0),MOD($C5877,24)+1)/SUM(INDEX($D$3:$AA$30,INDEX(Jesper!$R$2:$R$366,ROW(INDEX(Jesper!AJ$2:AJ$366,ROUNDDOWN($C5877/24,0)+1,1))-1)+IF('Standard Profiles'!$G$20=$B$10,7,0)+IF('Standard Profiles'!$G$20=$B$17,14,0)+IF('Standard Profiles'!$G$20=$B$24,21,0),0)),0)</f>
        <v>0</v>
      </c>
      <c r="G5877" cm="1">
        <f t="array" ref="G5877">IFERROR(INDEX(Jesper!AK$2:AK$366,ROUNDDOWN($C5877/24,0)+1,1)*INDEX($D$3:$AA$30,INDEX(Jesper!$R$2:$R$366,ROW(INDEX(Jesper!AK$2:AK$366,ROUNDDOWN($C5877/24,0)+1,1))-1)+IF('Standard Profiles'!$G$21=$B$10,7,0)+IF('Standard Profiles'!$G$21=$B$17,14,0)+IF('Standard Profiles'!$G$21=$B$24,21,0),MOD($C5877,24)+1)/SUM(INDEX($D$3:$AA$30,INDEX(Jesper!$R$2:$R$366,ROW(INDEX(Jesper!AK$2:AK$366,ROUNDDOWN($C5877/24,0)+1,1))-1)+IF('Standard Profiles'!$G$21=$B$10,7,0)+IF('Standard Profiles'!$G$21=$B$17,14,0)+IF('Standard Profiles'!$G$21=$B$24,21,0),0)),0)</f>
        <v>0</v>
      </c>
      <c r="H5877" cm="1">
        <f t="array" ref="H5877">IFERROR(INDEX(Jesper!AL$2:AL$366,ROUNDDOWN($C5877/24,0)+1,1)*INDEX($D$3:$AA$30,INDEX(Jesper!$R$2:$R$366,ROW(INDEX(Jesper!AL$2:AL$366,ROUNDDOWN($C5877/24,0)+1,1))-1)+IF('Standard Profiles'!$G$22=$B$10,7,0)+IF('Standard Profiles'!$G$22=$B$17,14,0)+IF('Standard Profiles'!$G$22=$B$24,21,0),MOD($C5877,24)+1)/SUM(INDEX($D$3:$AA$30,INDEX(Jesper!$R$2:$R$366,ROW(INDEX(Jesper!AL$2:AL$366,ROUNDDOWN($C5877/24,0)+1,1))-1)+IF('Standard Profiles'!$G$22=$B$10,7,0)+IF('Standard Profiles'!$G$22=$B$17,14,0)+IF('Standard Profiles'!$G$22=$B$24,21,0),0)),0)</f>
        <v>0</v>
      </c>
      <c r="I5877">
        <f t="shared" si="657"/>
        <v>0.16865403011809124</v>
      </c>
      <c r="J5877">
        <f t="shared" si="658"/>
        <v>0.56218010039363753</v>
      </c>
      <c r="K5877">
        <f t="shared" si="659"/>
        <v>0.84327015059045629</v>
      </c>
      <c r="L5877">
        <f t="shared" si="660"/>
        <v>12.311260179952251</v>
      </c>
      <c r="M5877">
        <f t="shared" si="661"/>
        <v>0</v>
      </c>
      <c r="N5877" s="46">
        <f t="shared" si="662"/>
        <v>45535.458333319162</v>
      </c>
    </row>
    <row r="5878" spans="2:14" x14ac:dyDescent="0.3">
      <c r="B5878">
        <f t="shared" si="656"/>
        <v>6</v>
      </c>
      <c r="C5878" s="16">
        <v>5844</v>
      </c>
      <c r="D5878" cm="1">
        <f t="array" ref="D5878">IFERROR(INDEX(Jesper!AH$2:AH$366,ROUNDDOWN($C5878/24,0)+1,1)*INDEX($D$3:$AA$30,INDEX(Jesper!$R$2:$R$366,ROW(INDEX(Jesper!AH$2:AH$366,ROUNDDOWN($C5878/24,0)+1,1))-1)+IF('Standard Profiles'!$G$18=$B$10,7,0)+IF('Standard Profiles'!$G$18=$B$17,14,0)+IF('Standard Profiles'!$G$18=$B$24,21,0),MOD($C5878,24)+1)/SUM(INDEX($D$3:$AA$30,INDEX(Jesper!$R$2:$R$366,ROW(INDEX(Jesper!AH$2:AH$366,ROUNDDOWN($C5878/24,0)+1,1))-1)+IF('Standard Profiles'!$G$18=$B$10,7,0)+IF('Standard Profiles'!$G$18=$B$17,14,0)+IF('Standard Profiles'!$G$18=$B$24,21,0),0)),0)</f>
        <v>12.013304726743623</v>
      </c>
      <c r="E5878" cm="1">
        <f t="array" ref="E5878">IFERROR(INDEX(Jesper!AI$2:AI$366,ROUNDDOWN($C5878/24,0)+1,1)*INDEX($D$3:$AA$30,INDEX(Jesper!$R$2:$R$366,ROW(INDEX(Jesper!AI$2:AI$366,ROUNDDOWN($C5878/24,0)+1,1))-1)+IF('Standard Profiles'!$G$19=$B$10,7,0)+IF('Standard Profiles'!$G$19=$B$17,14,0)+IF('Standard Profiles'!$G$19=$B$24,21,0),MOD($C5878,24)+1)/SUM(INDEX($D$3:$AA$30,INDEX(Jesper!$R$2:$R$366,ROW(INDEX(Jesper!AI$2:AI$366,ROUNDDOWN($C5878/24,0)+1,1))-1)+IF('Standard Profiles'!$G$19=$B$10,7,0)+IF('Standard Profiles'!$G$19=$B$17,14,0)+IF('Standard Profiles'!$G$19=$B$24,21,0),0)),0)</f>
        <v>1.8720597343108123</v>
      </c>
      <c r="F5878" cm="1">
        <f t="array" ref="F5878">IFERROR(INDEX(Jesper!AJ$2:AJ$366,ROUNDDOWN($C5878/24,0)+1,1)*INDEX($D$3:$AA$30,INDEX(Jesper!$R$2:$R$366,ROW(INDEX(Jesper!AJ$2:AJ$366,ROUNDDOWN($C5878/24,0)+1,1))-1)+IF('Standard Profiles'!$G$20=$B$10,7,0)+IF('Standard Profiles'!$G$20=$B$17,14,0)+IF('Standard Profiles'!$G$20=$B$24,21,0),MOD($C5878,24)+1)/SUM(INDEX($D$3:$AA$30,INDEX(Jesper!$R$2:$R$366,ROW(INDEX(Jesper!AJ$2:AJ$366,ROUNDDOWN($C5878/24,0)+1,1))-1)+IF('Standard Profiles'!$G$20=$B$10,7,0)+IF('Standard Profiles'!$G$20=$B$17,14,0)+IF('Standard Profiles'!$G$20=$B$24,21,0),0)),0)</f>
        <v>0</v>
      </c>
      <c r="G5878" cm="1">
        <f t="array" ref="G5878">IFERROR(INDEX(Jesper!AK$2:AK$366,ROUNDDOWN($C5878/24,0)+1,1)*INDEX($D$3:$AA$30,INDEX(Jesper!$R$2:$R$366,ROW(INDEX(Jesper!AK$2:AK$366,ROUNDDOWN($C5878/24,0)+1,1))-1)+IF('Standard Profiles'!$G$21=$B$10,7,0)+IF('Standard Profiles'!$G$21=$B$17,14,0)+IF('Standard Profiles'!$G$21=$B$24,21,0),MOD($C5878,24)+1)/SUM(INDEX($D$3:$AA$30,INDEX(Jesper!$R$2:$R$366,ROW(INDEX(Jesper!AK$2:AK$366,ROUNDDOWN($C5878/24,0)+1,1))-1)+IF('Standard Profiles'!$G$21=$B$10,7,0)+IF('Standard Profiles'!$G$21=$B$17,14,0)+IF('Standard Profiles'!$G$21=$B$24,21,0),0)),0)</f>
        <v>0</v>
      </c>
      <c r="H5878" cm="1">
        <f t="array" ref="H5878">IFERROR(INDEX(Jesper!AL$2:AL$366,ROUNDDOWN($C5878/24,0)+1,1)*INDEX($D$3:$AA$30,INDEX(Jesper!$R$2:$R$366,ROW(INDEX(Jesper!AL$2:AL$366,ROUNDDOWN($C5878/24,0)+1,1))-1)+IF('Standard Profiles'!$G$22=$B$10,7,0)+IF('Standard Profiles'!$G$22=$B$17,14,0)+IF('Standard Profiles'!$G$22=$B$24,21,0),MOD($C5878,24)+1)/SUM(INDEX($D$3:$AA$30,INDEX(Jesper!$R$2:$R$366,ROW(INDEX(Jesper!AL$2:AL$366,ROUNDDOWN($C5878/24,0)+1,1))-1)+IF('Standard Profiles'!$G$22=$B$10,7,0)+IF('Standard Profiles'!$G$22=$B$17,14,0)+IF('Standard Profiles'!$G$22=$B$24,21,0),0)),0)</f>
        <v>0</v>
      </c>
      <c r="I5878">
        <f t="shared" si="657"/>
        <v>0.16865403011809124</v>
      </c>
      <c r="J5878">
        <f t="shared" si="658"/>
        <v>0.56218010039363753</v>
      </c>
      <c r="K5878">
        <f t="shared" si="659"/>
        <v>0.84327015059045629</v>
      </c>
      <c r="L5878">
        <f t="shared" si="660"/>
        <v>12.311260179952251</v>
      </c>
      <c r="M5878">
        <f t="shared" si="661"/>
        <v>0</v>
      </c>
      <c r="N5878" s="46">
        <f t="shared" si="662"/>
        <v>45535.499999985826</v>
      </c>
    </row>
    <row r="5879" spans="2:14" x14ac:dyDescent="0.3">
      <c r="B5879">
        <f t="shared" si="656"/>
        <v>6</v>
      </c>
      <c r="C5879" s="16">
        <v>5845</v>
      </c>
      <c r="D5879" cm="1">
        <f t="array" ref="D5879">IFERROR(INDEX(Jesper!AH$2:AH$366,ROUNDDOWN($C5879/24,0)+1,1)*INDEX($D$3:$AA$30,INDEX(Jesper!$R$2:$R$366,ROW(INDEX(Jesper!AH$2:AH$366,ROUNDDOWN($C5879/24,0)+1,1))-1)+IF('Standard Profiles'!$G$18=$B$10,7,0)+IF('Standard Profiles'!$G$18=$B$17,14,0)+IF('Standard Profiles'!$G$18=$B$24,21,0),MOD($C5879,24)+1)/SUM(INDEX($D$3:$AA$30,INDEX(Jesper!$R$2:$R$366,ROW(INDEX(Jesper!AH$2:AH$366,ROUNDDOWN($C5879/24,0)+1,1))-1)+IF('Standard Profiles'!$G$18=$B$10,7,0)+IF('Standard Profiles'!$G$18=$B$17,14,0)+IF('Standard Profiles'!$G$18=$B$24,21,0),0)),0)</f>
        <v>12.013304726743623</v>
      </c>
      <c r="E5879" cm="1">
        <f t="array" ref="E5879">IFERROR(INDEX(Jesper!AI$2:AI$366,ROUNDDOWN($C5879/24,0)+1,1)*INDEX($D$3:$AA$30,INDEX(Jesper!$R$2:$R$366,ROW(INDEX(Jesper!AI$2:AI$366,ROUNDDOWN($C5879/24,0)+1,1))-1)+IF('Standard Profiles'!$G$19=$B$10,7,0)+IF('Standard Profiles'!$G$19=$B$17,14,0)+IF('Standard Profiles'!$G$19=$B$24,21,0),MOD($C5879,24)+1)/SUM(INDEX($D$3:$AA$30,INDEX(Jesper!$R$2:$R$366,ROW(INDEX(Jesper!AI$2:AI$366,ROUNDDOWN($C5879/24,0)+1,1))-1)+IF('Standard Profiles'!$G$19=$B$10,7,0)+IF('Standard Profiles'!$G$19=$B$17,14,0)+IF('Standard Profiles'!$G$19=$B$24,21,0),0)),0)</f>
        <v>1.8720597343108123</v>
      </c>
      <c r="F5879" cm="1">
        <f t="array" ref="F5879">IFERROR(INDEX(Jesper!AJ$2:AJ$366,ROUNDDOWN($C5879/24,0)+1,1)*INDEX($D$3:$AA$30,INDEX(Jesper!$R$2:$R$366,ROW(INDEX(Jesper!AJ$2:AJ$366,ROUNDDOWN($C5879/24,0)+1,1))-1)+IF('Standard Profiles'!$G$20=$B$10,7,0)+IF('Standard Profiles'!$G$20=$B$17,14,0)+IF('Standard Profiles'!$G$20=$B$24,21,0),MOD($C5879,24)+1)/SUM(INDEX($D$3:$AA$30,INDEX(Jesper!$R$2:$R$366,ROW(INDEX(Jesper!AJ$2:AJ$366,ROUNDDOWN($C5879/24,0)+1,1))-1)+IF('Standard Profiles'!$G$20=$B$10,7,0)+IF('Standard Profiles'!$G$20=$B$17,14,0)+IF('Standard Profiles'!$G$20=$B$24,21,0),0)),0)</f>
        <v>0</v>
      </c>
      <c r="G5879" cm="1">
        <f t="array" ref="G5879">IFERROR(INDEX(Jesper!AK$2:AK$366,ROUNDDOWN($C5879/24,0)+1,1)*INDEX($D$3:$AA$30,INDEX(Jesper!$R$2:$R$366,ROW(INDEX(Jesper!AK$2:AK$366,ROUNDDOWN($C5879/24,0)+1,1))-1)+IF('Standard Profiles'!$G$21=$B$10,7,0)+IF('Standard Profiles'!$G$21=$B$17,14,0)+IF('Standard Profiles'!$G$21=$B$24,21,0),MOD($C5879,24)+1)/SUM(INDEX($D$3:$AA$30,INDEX(Jesper!$R$2:$R$366,ROW(INDEX(Jesper!AK$2:AK$366,ROUNDDOWN($C5879/24,0)+1,1))-1)+IF('Standard Profiles'!$G$21=$B$10,7,0)+IF('Standard Profiles'!$G$21=$B$17,14,0)+IF('Standard Profiles'!$G$21=$B$24,21,0),0)),0)</f>
        <v>0</v>
      </c>
      <c r="H5879" cm="1">
        <f t="array" ref="H5879">IFERROR(INDEX(Jesper!AL$2:AL$366,ROUNDDOWN($C5879/24,0)+1,1)*INDEX($D$3:$AA$30,INDEX(Jesper!$R$2:$R$366,ROW(INDEX(Jesper!AL$2:AL$366,ROUNDDOWN($C5879/24,0)+1,1))-1)+IF('Standard Profiles'!$G$22=$B$10,7,0)+IF('Standard Profiles'!$G$22=$B$17,14,0)+IF('Standard Profiles'!$G$22=$B$24,21,0),MOD($C5879,24)+1)/SUM(INDEX($D$3:$AA$30,INDEX(Jesper!$R$2:$R$366,ROW(INDEX(Jesper!AL$2:AL$366,ROUNDDOWN($C5879/24,0)+1,1))-1)+IF('Standard Profiles'!$G$22=$B$10,7,0)+IF('Standard Profiles'!$G$22=$B$17,14,0)+IF('Standard Profiles'!$G$22=$B$24,21,0),0)),0)</f>
        <v>0</v>
      </c>
      <c r="I5879">
        <f t="shared" si="657"/>
        <v>0.16865403011809124</v>
      </c>
      <c r="J5879">
        <f t="shared" si="658"/>
        <v>0.56218010039363753</v>
      </c>
      <c r="K5879">
        <f t="shared" si="659"/>
        <v>0.84327015059045629</v>
      </c>
      <c r="L5879">
        <f t="shared" si="660"/>
        <v>12.311260179952251</v>
      </c>
      <c r="M5879">
        <f t="shared" si="661"/>
        <v>0</v>
      </c>
      <c r="N5879" s="46">
        <f t="shared" si="662"/>
        <v>45535.541666652491</v>
      </c>
    </row>
    <row r="5880" spans="2:14" x14ac:dyDescent="0.3">
      <c r="B5880">
        <f t="shared" si="656"/>
        <v>6</v>
      </c>
      <c r="C5880" s="16">
        <v>5846</v>
      </c>
      <c r="D5880" cm="1">
        <f t="array" ref="D5880">IFERROR(INDEX(Jesper!AH$2:AH$366,ROUNDDOWN($C5880/24,0)+1,1)*INDEX($D$3:$AA$30,INDEX(Jesper!$R$2:$R$366,ROW(INDEX(Jesper!AH$2:AH$366,ROUNDDOWN($C5880/24,0)+1,1))-1)+IF('Standard Profiles'!$G$18=$B$10,7,0)+IF('Standard Profiles'!$G$18=$B$17,14,0)+IF('Standard Profiles'!$G$18=$B$24,21,0),MOD($C5880,24)+1)/SUM(INDEX($D$3:$AA$30,INDEX(Jesper!$R$2:$R$366,ROW(INDEX(Jesper!AH$2:AH$366,ROUNDDOWN($C5880/24,0)+1,1))-1)+IF('Standard Profiles'!$G$18=$B$10,7,0)+IF('Standard Profiles'!$G$18=$B$17,14,0)+IF('Standard Profiles'!$G$18=$B$24,21,0),0)),0)</f>
        <v>12.013304726743623</v>
      </c>
      <c r="E5880" cm="1">
        <f t="array" ref="E5880">IFERROR(INDEX(Jesper!AI$2:AI$366,ROUNDDOWN($C5880/24,0)+1,1)*INDEX($D$3:$AA$30,INDEX(Jesper!$R$2:$R$366,ROW(INDEX(Jesper!AI$2:AI$366,ROUNDDOWN($C5880/24,0)+1,1))-1)+IF('Standard Profiles'!$G$19=$B$10,7,0)+IF('Standard Profiles'!$G$19=$B$17,14,0)+IF('Standard Profiles'!$G$19=$B$24,21,0),MOD($C5880,24)+1)/SUM(INDEX($D$3:$AA$30,INDEX(Jesper!$R$2:$R$366,ROW(INDEX(Jesper!AI$2:AI$366,ROUNDDOWN($C5880/24,0)+1,1))-1)+IF('Standard Profiles'!$G$19=$B$10,7,0)+IF('Standard Profiles'!$G$19=$B$17,14,0)+IF('Standard Profiles'!$G$19=$B$24,21,0),0)),0)</f>
        <v>1.8720597343108123</v>
      </c>
      <c r="F5880" cm="1">
        <f t="array" ref="F5880">IFERROR(INDEX(Jesper!AJ$2:AJ$366,ROUNDDOWN($C5880/24,0)+1,1)*INDEX($D$3:$AA$30,INDEX(Jesper!$R$2:$R$366,ROW(INDEX(Jesper!AJ$2:AJ$366,ROUNDDOWN($C5880/24,0)+1,1))-1)+IF('Standard Profiles'!$G$20=$B$10,7,0)+IF('Standard Profiles'!$G$20=$B$17,14,0)+IF('Standard Profiles'!$G$20=$B$24,21,0),MOD($C5880,24)+1)/SUM(INDEX($D$3:$AA$30,INDEX(Jesper!$R$2:$R$366,ROW(INDEX(Jesper!AJ$2:AJ$366,ROUNDDOWN($C5880/24,0)+1,1))-1)+IF('Standard Profiles'!$G$20=$B$10,7,0)+IF('Standard Profiles'!$G$20=$B$17,14,0)+IF('Standard Profiles'!$G$20=$B$24,21,0),0)),0)</f>
        <v>0</v>
      </c>
      <c r="G5880" cm="1">
        <f t="array" ref="G5880">IFERROR(INDEX(Jesper!AK$2:AK$366,ROUNDDOWN($C5880/24,0)+1,1)*INDEX($D$3:$AA$30,INDEX(Jesper!$R$2:$R$366,ROW(INDEX(Jesper!AK$2:AK$366,ROUNDDOWN($C5880/24,0)+1,1))-1)+IF('Standard Profiles'!$G$21=$B$10,7,0)+IF('Standard Profiles'!$G$21=$B$17,14,0)+IF('Standard Profiles'!$G$21=$B$24,21,0),MOD($C5880,24)+1)/SUM(INDEX($D$3:$AA$30,INDEX(Jesper!$R$2:$R$366,ROW(INDEX(Jesper!AK$2:AK$366,ROUNDDOWN($C5880/24,0)+1,1))-1)+IF('Standard Profiles'!$G$21=$B$10,7,0)+IF('Standard Profiles'!$G$21=$B$17,14,0)+IF('Standard Profiles'!$G$21=$B$24,21,0),0)),0)</f>
        <v>0</v>
      </c>
      <c r="H5880" cm="1">
        <f t="array" ref="H5880">IFERROR(INDEX(Jesper!AL$2:AL$366,ROUNDDOWN($C5880/24,0)+1,1)*INDEX($D$3:$AA$30,INDEX(Jesper!$R$2:$R$366,ROW(INDEX(Jesper!AL$2:AL$366,ROUNDDOWN($C5880/24,0)+1,1))-1)+IF('Standard Profiles'!$G$22=$B$10,7,0)+IF('Standard Profiles'!$G$22=$B$17,14,0)+IF('Standard Profiles'!$G$22=$B$24,21,0),MOD($C5880,24)+1)/SUM(INDEX($D$3:$AA$30,INDEX(Jesper!$R$2:$R$366,ROW(INDEX(Jesper!AL$2:AL$366,ROUNDDOWN($C5880/24,0)+1,1))-1)+IF('Standard Profiles'!$G$22=$B$10,7,0)+IF('Standard Profiles'!$G$22=$B$17,14,0)+IF('Standard Profiles'!$G$22=$B$24,21,0),0)),0)</f>
        <v>0</v>
      </c>
      <c r="I5880">
        <f t="shared" si="657"/>
        <v>0.16865403011809124</v>
      </c>
      <c r="J5880">
        <f t="shared" si="658"/>
        <v>0.56218010039363753</v>
      </c>
      <c r="K5880">
        <f t="shared" si="659"/>
        <v>0.84327015059045629</v>
      </c>
      <c r="L5880">
        <f t="shared" si="660"/>
        <v>12.311260179952251</v>
      </c>
      <c r="M5880">
        <f t="shared" si="661"/>
        <v>0</v>
      </c>
      <c r="N5880" s="46">
        <f t="shared" si="662"/>
        <v>45535.583333319155</v>
      </c>
    </row>
    <row r="5881" spans="2:14" x14ac:dyDescent="0.3">
      <c r="B5881">
        <f t="shared" si="656"/>
        <v>6</v>
      </c>
      <c r="C5881" s="16">
        <v>5847</v>
      </c>
      <c r="D5881" cm="1">
        <f t="array" ref="D5881">IFERROR(INDEX(Jesper!AH$2:AH$366,ROUNDDOWN($C5881/24,0)+1,1)*INDEX($D$3:$AA$30,INDEX(Jesper!$R$2:$R$366,ROW(INDEX(Jesper!AH$2:AH$366,ROUNDDOWN($C5881/24,0)+1,1))-1)+IF('Standard Profiles'!$G$18=$B$10,7,0)+IF('Standard Profiles'!$G$18=$B$17,14,0)+IF('Standard Profiles'!$G$18=$B$24,21,0),MOD($C5881,24)+1)/SUM(INDEX($D$3:$AA$30,INDEX(Jesper!$R$2:$R$366,ROW(INDEX(Jesper!AH$2:AH$366,ROUNDDOWN($C5881/24,0)+1,1))-1)+IF('Standard Profiles'!$G$18=$B$10,7,0)+IF('Standard Profiles'!$G$18=$B$17,14,0)+IF('Standard Profiles'!$G$18=$B$24,21,0),0)),0)</f>
        <v>10.861343999521631</v>
      </c>
      <c r="E5881" cm="1">
        <f t="array" ref="E5881">IFERROR(INDEX(Jesper!AI$2:AI$366,ROUNDDOWN($C5881/24,0)+1,1)*INDEX($D$3:$AA$30,INDEX(Jesper!$R$2:$R$366,ROW(INDEX(Jesper!AI$2:AI$366,ROUNDDOWN($C5881/24,0)+1,1))-1)+IF('Standard Profiles'!$G$19=$B$10,7,0)+IF('Standard Profiles'!$G$19=$B$17,14,0)+IF('Standard Profiles'!$G$19=$B$24,21,0),MOD($C5881,24)+1)/SUM(INDEX($D$3:$AA$30,INDEX(Jesper!$R$2:$R$366,ROW(INDEX(Jesper!AI$2:AI$366,ROUNDDOWN($C5881/24,0)+1,1))-1)+IF('Standard Profiles'!$G$19=$B$10,7,0)+IF('Standard Profiles'!$G$19=$B$17,14,0)+IF('Standard Profiles'!$G$19=$B$24,21,0),0)),0)</f>
        <v>1.6925471570481316</v>
      </c>
      <c r="F5881" cm="1">
        <f t="array" ref="F5881">IFERROR(INDEX(Jesper!AJ$2:AJ$366,ROUNDDOWN($C5881/24,0)+1,1)*INDEX($D$3:$AA$30,INDEX(Jesper!$R$2:$R$366,ROW(INDEX(Jesper!AJ$2:AJ$366,ROUNDDOWN($C5881/24,0)+1,1))-1)+IF('Standard Profiles'!$G$20=$B$10,7,0)+IF('Standard Profiles'!$G$20=$B$17,14,0)+IF('Standard Profiles'!$G$20=$B$24,21,0),MOD($C5881,24)+1)/SUM(INDEX($D$3:$AA$30,INDEX(Jesper!$R$2:$R$366,ROW(INDEX(Jesper!AJ$2:AJ$366,ROUNDDOWN($C5881/24,0)+1,1))-1)+IF('Standard Profiles'!$G$20=$B$10,7,0)+IF('Standard Profiles'!$G$20=$B$17,14,0)+IF('Standard Profiles'!$G$20=$B$24,21,0),0)),0)</f>
        <v>0</v>
      </c>
      <c r="G5881" cm="1">
        <f t="array" ref="G5881">IFERROR(INDEX(Jesper!AK$2:AK$366,ROUNDDOWN($C5881/24,0)+1,1)*INDEX($D$3:$AA$30,INDEX(Jesper!$R$2:$R$366,ROW(INDEX(Jesper!AK$2:AK$366,ROUNDDOWN($C5881/24,0)+1,1))-1)+IF('Standard Profiles'!$G$21=$B$10,7,0)+IF('Standard Profiles'!$G$21=$B$17,14,0)+IF('Standard Profiles'!$G$21=$B$24,21,0),MOD($C5881,24)+1)/SUM(INDEX($D$3:$AA$30,INDEX(Jesper!$R$2:$R$366,ROW(INDEX(Jesper!AK$2:AK$366,ROUNDDOWN($C5881/24,0)+1,1))-1)+IF('Standard Profiles'!$G$21=$B$10,7,0)+IF('Standard Profiles'!$G$21=$B$17,14,0)+IF('Standard Profiles'!$G$21=$B$24,21,0),0)),0)</f>
        <v>0</v>
      </c>
      <c r="H5881" cm="1">
        <f t="array" ref="H5881">IFERROR(INDEX(Jesper!AL$2:AL$366,ROUNDDOWN($C5881/24,0)+1,1)*INDEX($D$3:$AA$30,INDEX(Jesper!$R$2:$R$366,ROW(INDEX(Jesper!AL$2:AL$366,ROUNDDOWN($C5881/24,0)+1,1))-1)+IF('Standard Profiles'!$G$22=$B$10,7,0)+IF('Standard Profiles'!$G$22=$B$17,14,0)+IF('Standard Profiles'!$G$22=$B$24,21,0),MOD($C5881,24)+1)/SUM(INDEX($D$3:$AA$30,INDEX(Jesper!$R$2:$R$366,ROW(INDEX(Jesper!AL$2:AL$366,ROUNDDOWN($C5881/24,0)+1,1))-1)+IF('Standard Profiles'!$G$22=$B$10,7,0)+IF('Standard Profiles'!$G$22=$B$17,14,0)+IF('Standard Profiles'!$G$22=$B$24,21,0),0)),0)</f>
        <v>0</v>
      </c>
      <c r="I5881">
        <f t="shared" si="657"/>
        <v>0.15248172586019207</v>
      </c>
      <c r="J5881">
        <f t="shared" si="658"/>
        <v>0.50827241953397362</v>
      </c>
      <c r="K5881">
        <f t="shared" si="659"/>
        <v>0.76240862930096054</v>
      </c>
      <c r="L5881">
        <f t="shared" si="660"/>
        <v>11.130728381874636</v>
      </c>
      <c r="M5881">
        <f t="shared" si="661"/>
        <v>0</v>
      </c>
      <c r="N5881" s="46">
        <f t="shared" si="662"/>
        <v>45535.624999985819</v>
      </c>
    </row>
    <row r="5882" spans="2:14" x14ac:dyDescent="0.3">
      <c r="B5882">
        <f t="shared" si="656"/>
        <v>6</v>
      </c>
      <c r="C5882" s="16">
        <v>5848</v>
      </c>
      <c r="D5882" cm="1">
        <f t="array" ref="D5882">IFERROR(INDEX(Jesper!AH$2:AH$366,ROUNDDOWN($C5882/24,0)+1,1)*INDEX($D$3:$AA$30,INDEX(Jesper!$R$2:$R$366,ROW(INDEX(Jesper!AH$2:AH$366,ROUNDDOWN($C5882/24,0)+1,1))-1)+IF('Standard Profiles'!$G$18=$B$10,7,0)+IF('Standard Profiles'!$G$18=$B$17,14,0)+IF('Standard Profiles'!$G$18=$B$24,21,0),MOD($C5882,24)+1)/SUM(INDEX($D$3:$AA$30,INDEX(Jesper!$R$2:$R$366,ROW(INDEX(Jesper!AH$2:AH$366,ROUNDDOWN($C5882/24,0)+1,1))-1)+IF('Standard Profiles'!$G$18=$B$10,7,0)+IF('Standard Profiles'!$G$18=$B$17,14,0)+IF('Standard Profiles'!$G$18=$B$24,21,0),0)),0)</f>
        <v>9.8739490904742109</v>
      </c>
      <c r="E5882" cm="1">
        <f t="array" ref="E5882">IFERROR(INDEX(Jesper!AI$2:AI$366,ROUNDDOWN($C5882/24,0)+1,1)*INDEX($D$3:$AA$30,INDEX(Jesper!$R$2:$R$366,ROW(INDEX(Jesper!AI$2:AI$366,ROUNDDOWN($C5882/24,0)+1,1))-1)+IF('Standard Profiles'!$G$19=$B$10,7,0)+IF('Standard Profiles'!$G$19=$B$17,14,0)+IF('Standard Profiles'!$G$19=$B$24,21,0),MOD($C5882,24)+1)/SUM(INDEX($D$3:$AA$30,INDEX(Jesper!$R$2:$R$366,ROW(INDEX(Jesper!AI$2:AI$366,ROUNDDOWN($C5882/24,0)+1,1))-1)+IF('Standard Profiles'!$G$19=$B$10,7,0)+IF('Standard Profiles'!$G$19=$B$17,14,0)+IF('Standard Profiles'!$G$19=$B$24,21,0),0)),0)</f>
        <v>1.5386792336801198</v>
      </c>
      <c r="F5882" cm="1">
        <f t="array" ref="F5882">IFERROR(INDEX(Jesper!AJ$2:AJ$366,ROUNDDOWN($C5882/24,0)+1,1)*INDEX($D$3:$AA$30,INDEX(Jesper!$R$2:$R$366,ROW(INDEX(Jesper!AJ$2:AJ$366,ROUNDDOWN($C5882/24,0)+1,1))-1)+IF('Standard Profiles'!$G$20=$B$10,7,0)+IF('Standard Profiles'!$G$20=$B$17,14,0)+IF('Standard Profiles'!$G$20=$B$24,21,0),MOD($C5882,24)+1)/SUM(INDEX($D$3:$AA$30,INDEX(Jesper!$R$2:$R$366,ROW(INDEX(Jesper!AJ$2:AJ$366,ROUNDDOWN($C5882/24,0)+1,1))-1)+IF('Standard Profiles'!$G$20=$B$10,7,0)+IF('Standard Profiles'!$G$20=$B$17,14,0)+IF('Standard Profiles'!$G$20=$B$24,21,0),0)),0)</f>
        <v>0</v>
      </c>
      <c r="G5882" cm="1">
        <f t="array" ref="G5882">IFERROR(INDEX(Jesper!AK$2:AK$366,ROUNDDOWN($C5882/24,0)+1,1)*INDEX($D$3:$AA$30,INDEX(Jesper!$R$2:$R$366,ROW(INDEX(Jesper!AK$2:AK$366,ROUNDDOWN($C5882/24,0)+1,1))-1)+IF('Standard Profiles'!$G$21=$B$10,7,0)+IF('Standard Profiles'!$G$21=$B$17,14,0)+IF('Standard Profiles'!$G$21=$B$24,21,0),MOD($C5882,24)+1)/SUM(INDEX($D$3:$AA$30,INDEX(Jesper!$R$2:$R$366,ROW(INDEX(Jesper!AK$2:AK$366,ROUNDDOWN($C5882/24,0)+1,1))-1)+IF('Standard Profiles'!$G$21=$B$10,7,0)+IF('Standard Profiles'!$G$21=$B$17,14,0)+IF('Standard Profiles'!$G$21=$B$24,21,0),0)),0)</f>
        <v>0</v>
      </c>
      <c r="H5882" cm="1">
        <f t="array" ref="H5882">IFERROR(INDEX(Jesper!AL$2:AL$366,ROUNDDOWN($C5882/24,0)+1,1)*INDEX($D$3:$AA$30,INDEX(Jesper!$R$2:$R$366,ROW(INDEX(Jesper!AL$2:AL$366,ROUNDDOWN($C5882/24,0)+1,1))-1)+IF('Standard Profiles'!$G$22=$B$10,7,0)+IF('Standard Profiles'!$G$22=$B$17,14,0)+IF('Standard Profiles'!$G$22=$B$24,21,0),MOD($C5882,24)+1)/SUM(INDEX($D$3:$AA$30,INDEX(Jesper!$R$2:$R$366,ROW(INDEX(Jesper!AL$2:AL$366,ROUNDDOWN($C5882/24,0)+1,1))-1)+IF('Standard Profiles'!$G$22=$B$10,7,0)+IF('Standard Profiles'!$G$22=$B$17,14,0)+IF('Standard Profiles'!$G$22=$B$24,21,0),0)),0)</f>
        <v>0</v>
      </c>
      <c r="I5882">
        <f t="shared" si="657"/>
        <v>0.13861975078199282</v>
      </c>
      <c r="J5882">
        <f t="shared" si="658"/>
        <v>0.46206583593997608</v>
      </c>
      <c r="K5882">
        <f t="shared" si="659"/>
        <v>0.69309875390996412</v>
      </c>
      <c r="L5882">
        <f t="shared" si="660"/>
        <v>10.118843983522398</v>
      </c>
      <c r="M5882">
        <f t="shared" si="661"/>
        <v>0</v>
      </c>
      <c r="N5882" s="46">
        <f t="shared" si="662"/>
        <v>45535.666666652483</v>
      </c>
    </row>
    <row r="5883" spans="2:14" x14ac:dyDescent="0.3">
      <c r="B5883">
        <f t="shared" si="656"/>
        <v>6</v>
      </c>
      <c r="C5883" s="16">
        <v>5849</v>
      </c>
      <c r="D5883" cm="1">
        <f t="array" ref="D5883">IFERROR(INDEX(Jesper!AH$2:AH$366,ROUNDDOWN($C5883/24,0)+1,1)*INDEX($D$3:$AA$30,INDEX(Jesper!$R$2:$R$366,ROW(INDEX(Jesper!AH$2:AH$366,ROUNDDOWN($C5883/24,0)+1,1))-1)+IF('Standard Profiles'!$G$18=$B$10,7,0)+IF('Standard Profiles'!$G$18=$B$17,14,0)+IF('Standard Profiles'!$G$18=$B$24,21,0),MOD($C5883,24)+1)/SUM(INDEX($D$3:$AA$30,INDEX(Jesper!$R$2:$R$366,ROW(INDEX(Jesper!AH$2:AH$366,ROUNDDOWN($C5883/24,0)+1,1))-1)+IF('Standard Profiles'!$G$18=$B$10,7,0)+IF('Standard Profiles'!$G$18=$B$17,14,0)+IF('Standard Profiles'!$G$18=$B$24,21,0),0)),0)</f>
        <v>8.8865541814267903</v>
      </c>
      <c r="E5883" cm="1">
        <f t="array" ref="E5883">IFERROR(INDEX(Jesper!AI$2:AI$366,ROUNDDOWN($C5883/24,0)+1,1)*INDEX($D$3:$AA$30,INDEX(Jesper!$R$2:$R$366,ROW(INDEX(Jesper!AI$2:AI$366,ROUNDDOWN($C5883/24,0)+1,1))-1)+IF('Standard Profiles'!$G$19=$B$10,7,0)+IF('Standard Profiles'!$G$19=$B$17,14,0)+IF('Standard Profiles'!$G$19=$B$24,21,0),MOD($C5883,24)+1)/SUM(INDEX($D$3:$AA$30,INDEX(Jesper!$R$2:$R$366,ROW(INDEX(Jesper!AI$2:AI$366,ROUNDDOWN($C5883/24,0)+1,1))-1)+IF('Standard Profiles'!$G$19=$B$10,7,0)+IF('Standard Profiles'!$G$19=$B$17,14,0)+IF('Standard Profiles'!$G$19=$B$24,21,0),0)),0)</f>
        <v>1.3848113103121078</v>
      </c>
      <c r="F5883" cm="1">
        <f t="array" ref="F5883">IFERROR(INDEX(Jesper!AJ$2:AJ$366,ROUNDDOWN($C5883/24,0)+1,1)*INDEX($D$3:$AA$30,INDEX(Jesper!$R$2:$R$366,ROW(INDEX(Jesper!AJ$2:AJ$366,ROUNDDOWN($C5883/24,0)+1,1))-1)+IF('Standard Profiles'!$G$20=$B$10,7,0)+IF('Standard Profiles'!$G$20=$B$17,14,0)+IF('Standard Profiles'!$G$20=$B$24,21,0),MOD($C5883,24)+1)/SUM(INDEX($D$3:$AA$30,INDEX(Jesper!$R$2:$R$366,ROW(INDEX(Jesper!AJ$2:AJ$366,ROUNDDOWN($C5883/24,0)+1,1))-1)+IF('Standard Profiles'!$G$20=$B$10,7,0)+IF('Standard Profiles'!$G$20=$B$17,14,0)+IF('Standard Profiles'!$G$20=$B$24,21,0),0)),0)</f>
        <v>0</v>
      </c>
      <c r="G5883" cm="1">
        <f t="array" ref="G5883">IFERROR(INDEX(Jesper!AK$2:AK$366,ROUNDDOWN($C5883/24,0)+1,1)*INDEX($D$3:$AA$30,INDEX(Jesper!$R$2:$R$366,ROW(INDEX(Jesper!AK$2:AK$366,ROUNDDOWN($C5883/24,0)+1,1))-1)+IF('Standard Profiles'!$G$21=$B$10,7,0)+IF('Standard Profiles'!$G$21=$B$17,14,0)+IF('Standard Profiles'!$G$21=$B$24,21,0),MOD($C5883,24)+1)/SUM(INDEX($D$3:$AA$30,INDEX(Jesper!$R$2:$R$366,ROW(INDEX(Jesper!AK$2:AK$366,ROUNDDOWN($C5883/24,0)+1,1))-1)+IF('Standard Profiles'!$G$21=$B$10,7,0)+IF('Standard Profiles'!$G$21=$B$17,14,0)+IF('Standard Profiles'!$G$21=$B$24,21,0),0)),0)</f>
        <v>0</v>
      </c>
      <c r="H5883" cm="1">
        <f t="array" ref="H5883">IFERROR(INDEX(Jesper!AL$2:AL$366,ROUNDDOWN($C5883/24,0)+1,1)*INDEX($D$3:$AA$30,INDEX(Jesper!$R$2:$R$366,ROW(INDEX(Jesper!AL$2:AL$366,ROUNDDOWN($C5883/24,0)+1,1))-1)+IF('Standard Profiles'!$G$22=$B$10,7,0)+IF('Standard Profiles'!$G$22=$B$17,14,0)+IF('Standard Profiles'!$G$22=$B$24,21,0),MOD($C5883,24)+1)/SUM(INDEX($D$3:$AA$30,INDEX(Jesper!$R$2:$R$366,ROW(INDEX(Jesper!AL$2:AL$366,ROUNDDOWN($C5883/24,0)+1,1))-1)+IF('Standard Profiles'!$G$22=$B$10,7,0)+IF('Standard Profiles'!$G$22=$B$17,14,0)+IF('Standard Profiles'!$G$22=$B$24,21,0),0)),0)</f>
        <v>0</v>
      </c>
      <c r="I5883">
        <f t="shared" si="657"/>
        <v>0.12475777570379352</v>
      </c>
      <c r="J5883">
        <f t="shared" si="658"/>
        <v>0.41585925234597848</v>
      </c>
      <c r="K5883">
        <f t="shared" si="659"/>
        <v>0.62378887851896769</v>
      </c>
      <c r="L5883">
        <f t="shared" si="660"/>
        <v>9.1069595851701592</v>
      </c>
      <c r="M5883">
        <f t="shared" si="661"/>
        <v>0</v>
      </c>
      <c r="N5883" s="46">
        <f t="shared" si="662"/>
        <v>45535.708333319148</v>
      </c>
    </row>
    <row r="5884" spans="2:14" x14ac:dyDescent="0.3">
      <c r="B5884">
        <f t="shared" si="656"/>
        <v>6</v>
      </c>
      <c r="C5884" s="16">
        <v>5850</v>
      </c>
      <c r="D5884" cm="1">
        <f t="array" ref="D5884">IFERROR(INDEX(Jesper!AH$2:AH$366,ROUNDDOWN($C5884/24,0)+1,1)*INDEX($D$3:$AA$30,INDEX(Jesper!$R$2:$R$366,ROW(INDEX(Jesper!AH$2:AH$366,ROUNDDOWN($C5884/24,0)+1,1))-1)+IF('Standard Profiles'!$G$18=$B$10,7,0)+IF('Standard Profiles'!$G$18=$B$17,14,0)+IF('Standard Profiles'!$G$18=$B$24,21,0),MOD($C5884,24)+1)/SUM(INDEX($D$3:$AA$30,INDEX(Jesper!$R$2:$R$366,ROW(INDEX(Jesper!AH$2:AH$366,ROUNDDOWN($C5884/24,0)+1,1))-1)+IF('Standard Profiles'!$G$18=$B$10,7,0)+IF('Standard Profiles'!$G$18=$B$17,14,0)+IF('Standard Profiles'!$G$18=$B$24,21,0),0)),0)</f>
        <v>8.5574225450776478</v>
      </c>
      <c r="E5884" cm="1">
        <f t="array" ref="E5884">IFERROR(INDEX(Jesper!AI$2:AI$366,ROUNDDOWN($C5884/24,0)+1,1)*INDEX($D$3:$AA$30,INDEX(Jesper!$R$2:$R$366,ROW(INDEX(Jesper!AI$2:AI$366,ROUNDDOWN($C5884/24,0)+1,1))-1)+IF('Standard Profiles'!$G$19=$B$10,7,0)+IF('Standard Profiles'!$G$19=$B$17,14,0)+IF('Standard Profiles'!$G$19=$B$24,21,0),MOD($C5884,24)+1)/SUM(INDEX($D$3:$AA$30,INDEX(Jesper!$R$2:$R$366,ROW(INDEX(Jesper!AI$2:AI$366,ROUNDDOWN($C5884/24,0)+1,1))-1)+IF('Standard Profiles'!$G$19=$B$10,7,0)+IF('Standard Profiles'!$G$19=$B$17,14,0)+IF('Standard Profiles'!$G$19=$B$24,21,0),0)),0)</f>
        <v>1.3335220025227703</v>
      </c>
      <c r="F5884" cm="1">
        <f t="array" ref="F5884">IFERROR(INDEX(Jesper!AJ$2:AJ$366,ROUNDDOWN($C5884/24,0)+1,1)*INDEX($D$3:$AA$30,INDEX(Jesper!$R$2:$R$366,ROW(INDEX(Jesper!AJ$2:AJ$366,ROUNDDOWN($C5884/24,0)+1,1))-1)+IF('Standard Profiles'!$G$20=$B$10,7,0)+IF('Standard Profiles'!$G$20=$B$17,14,0)+IF('Standard Profiles'!$G$20=$B$24,21,0),MOD($C5884,24)+1)/SUM(INDEX($D$3:$AA$30,INDEX(Jesper!$R$2:$R$366,ROW(INDEX(Jesper!AJ$2:AJ$366,ROUNDDOWN($C5884/24,0)+1,1))-1)+IF('Standard Profiles'!$G$20=$B$10,7,0)+IF('Standard Profiles'!$G$20=$B$17,14,0)+IF('Standard Profiles'!$G$20=$B$24,21,0),0)),0)</f>
        <v>0</v>
      </c>
      <c r="G5884" cm="1">
        <f t="array" ref="G5884">IFERROR(INDEX(Jesper!AK$2:AK$366,ROUNDDOWN($C5884/24,0)+1,1)*INDEX($D$3:$AA$30,INDEX(Jesper!$R$2:$R$366,ROW(INDEX(Jesper!AK$2:AK$366,ROUNDDOWN($C5884/24,0)+1,1))-1)+IF('Standard Profiles'!$G$21=$B$10,7,0)+IF('Standard Profiles'!$G$21=$B$17,14,0)+IF('Standard Profiles'!$G$21=$B$24,21,0),MOD($C5884,24)+1)/SUM(INDEX($D$3:$AA$30,INDEX(Jesper!$R$2:$R$366,ROW(INDEX(Jesper!AK$2:AK$366,ROUNDDOWN($C5884/24,0)+1,1))-1)+IF('Standard Profiles'!$G$21=$B$10,7,0)+IF('Standard Profiles'!$G$21=$B$17,14,0)+IF('Standard Profiles'!$G$21=$B$24,21,0),0)),0)</f>
        <v>0</v>
      </c>
      <c r="H5884" cm="1">
        <f t="array" ref="H5884">IFERROR(INDEX(Jesper!AL$2:AL$366,ROUNDDOWN($C5884/24,0)+1,1)*INDEX($D$3:$AA$30,INDEX(Jesper!$R$2:$R$366,ROW(INDEX(Jesper!AL$2:AL$366,ROUNDDOWN($C5884/24,0)+1,1))-1)+IF('Standard Profiles'!$G$22=$B$10,7,0)+IF('Standard Profiles'!$G$22=$B$17,14,0)+IF('Standard Profiles'!$G$22=$B$24,21,0),MOD($C5884,24)+1)/SUM(INDEX($D$3:$AA$30,INDEX(Jesper!$R$2:$R$366,ROW(INDEX(Jesper!AL$2:AL$366,ROUNDDOWN($C5884/24,0)+1,1))-1)+IF('Standard Profiles'!$G$22=$B$10,7,0)+IF('Standard Profiles'!$G$22=$B$17,14,0)+IF('Standard Profiles'!$G$22=$B$24,21,0),0)),0)</f>
        <v>0</v>
      </c>
      <c r="I5884">
        <f t="shared" si="657"/>
        <v>0.12013711734439375</v>
      </c>
      <c r="J5884">
        <f t="shared" si="658"/>
        <v>0.40045705781464591</v>
      </c>
      <c r="K5884">
        <f t="shared" si="659"/>
        <v>0.60068558672196881</v>
      </c>
      <c r="L5884">
        <f t="shared" si="660"/>
        <v>8.7696647857194101</v>
      </c>
      <c r="M5884">
        <f t="shared" si="661"/>
        <v>0</v>
      </c>
      <c r="N5884" s="46">
        <f t="shared" si="662"/>
        <v>45535.749999985812</v>
      </c>
    </row>
    <row r="5885" spans="2:14" x14ac:dyDescent="0.3">
      <c r="B5885">
        <f t="shared" si="656"/>
        <v>6</v>
      </c>
      <c r="C5885" s="16">
        <v>5851</v>
      </c>
      <c r="D5885" cm="1">
        <f t="array" ref="D5885">IFERROR(INDEX(Jesper!AH$2:AH$366,ROUNDDOWN($C5885/24,0)+1,1)*INDEX($D$3:$AA$30,INDEX(Jesper!$R$2:$R$366,ROW(INDEX(Jesper!AH$2:AH$366,ROUNDDOWN($C5885/24,0)+1,1))-1)+IF('Standard Profiles'!$G$18=$B$10,7,0)+IF('Standard Profiles'!$G$18=$B$17,14,0)+IF('Standard Profiles'!$G$18=$B$24,21,0),MOD($C5885,24)+1)/SUM(INDEX($D$3:$AA$30,INDEX(Jesper!$R$2:$R$366,ROW(INDEX(Jesper!AH$2:AH$366,ROUNDDOWN($C5885/24,0)+1,1))-1)+IF('Standard Profiles'!$G$18=$B$10,7,0)+IF('Standard Profiles'!$G$18=$B$17,14,0)+IF('Standard Profiles'!$G$18=$B$24,21,0),0)),0)</f>
        <v>6.9117643633319465</v>
      </c>
      <c r="E5885" cm="1">
        <f t="array" ref="E5885">IFERROR(INDEX(Jesper!AI$2:AI$366,ROUNDDOWN($C5885/24,0)+1,1)*INDEX($D$3:$AA$30,INDEX(Jesper!$R$2:$R$366,ROW(INDEX(Jesper!AI$2:AI$366,ROUNDDOWN($C5885/24,0)+1,1))-1)+IF('Standard Profiles'!$G$19=$B$10,7,0)+IF('Standard Profiles'!$G$19=$B$17,14,0)+IF('Standard Profiles'!$G$19=$B$24,21,0),MOD($C5885,24)+1)/SUM(INDEX($D$3:$AA$30,INDEX(Jesper!$R$2:$R$366,ROW(INDEX(Jesper!AI$2:AI$366,ROUNDDOWN($C5885/24,0)+1,1))-1)+IF('Standard Profiles'!$G$19=$B$10,7,0)+IF('Standard Profiles'!$G$19=$B$17,14,0)+IF('Standard Profiles'!$G$19=$B$24,21,0),0)),0)</f>
        <v>1.0770754635760837</v>
      </c>
      <c r="F5885" cm="1">
        <f t="array" ref="F5885">IFERROR(INDEX(Jesper!AJ$2:AJ$366,ROUNDDOWN($C5885/24,0)+1,1)*INDEX($D$3:$AA$30,INDEX(Jesper!$R$2:$R$366,ROW(INDEX(Jesper!AJ$2:AJ$366,ROUNDDOWN($C5885/24,0)+1,1))-1)+IF('Standard Profiles'!$G$20=$B$10,7,0)+IF('Standard Profiles'!$G$20=$B$17,14,0)+IF('Standard Profiles'!$G$20=$B$24,21,0),MOD($C5885,24)+1)/SUM(INDEX($D$3:$AA$30,INDEX(Jesper!$R$2:$R$366,ROW(INDEX(Jesper!AJ$2:AJ$366,ROUNDDOWN($C5885/24,0)+1,1))-1)+IF('Standard Profiles'!$G$20=$B$10,7,0)+IF('Standard Profiles'!$G$20=$B$17,14,0)+IF('Standard Profiles'!$G$20=$B$24,21,0),0)),0)</f>
        <v>0</v>
      </c>
      <c r="G5885" cm="1">
        <f t="array" ref="G5885">IFERROR(INDEX(Jesper!AK$2:AK$366,ROUNDDOWN($C5885/24,0)+1,1)*INDEX($D$3:$AA$30,INDEX(Jesper!$R$2:$R$366,ROW(INDEX(Jesper!AK$2:AK$366,ROUNDDOWN($C5885/24,0)+1,1))-1)+IF('Standard Profiles'!$G$21=$B$10,7,0)+IF('Standard Profiles'!$G$21=$B$17,14,0)+IF('Standard Profiles'!$G$21=$B$24,21,0),MOD($C5885,24)+1)/SUM(INDEX($D$3:$AA$30,INDEX(Jesper!$R$2:$R$366,ROW(INDEX(Jesper!AK$2:AK$366,ROUNDDOWN($C5885/24,0)+1,1))-1)+IF('Standard Profiles'!$G$21=$B$10,7,0)+IF('Standard Profiles'!$G$21=$B$17,14,0)+IF('Standard Profiles'!$G$21=$B$24,21,0),0)),0)</f>
        <v>0</v>
      </c>
      <c r="H5885" cm="1">
        <f t="array" ref="H5885">IFERROR(INDEX(Jesper!AL$2:AL$366,ROUNDDOWN($C5885/24,0)+1,1)*INDEX($D$3:$AA$30,INDEX(Jesper!$R$2:$R$366,ROW(INDEX(Jesper!AL$2:AL$366,ROUNDDOWN($C5885/24,0)+1,1))-1)+IF('Standard Profiles'!$G$22=$B$10,7,0)+IF('Standard Profiles'!$G$22=$B$17,14,0)+IF('Standard Profiles'!$G$22=$B$24,21,0),MOD($C5885,24)+1)/SUM(INDEX($D$3:$AA$30,INDEX(Jesper!$R$2:$R$366,ROW(INDEX(Jesper!AL$2:AL$366,ROUNDDOWN($C5885/24,0)+1,1))-1)+IF('Standard Profiles'!$G$22=$B$10,7,0)+IF('Standard Profiles'!$G$22=$B$17,14,0)+IF('Standard Profiles'!$G$22=$B$24,21,0),0)),0)</f>
        <v>0</v>
      </c>
      <c r="I5885">
        <f t="shared" si="657"/>
        <v>9.7033825547394953E-2</v>
      </c>
      <c r="J5885">
        <f t="shared" si="658"/>
        <v>0.32344608515798323</v>
      </c>
      <c r="K5885">
        <f t="shared" si="659"/>
        <v>0.48516912773697485</v>
      </c>
      <c r="L5885">
        <f t="shared" si="660"/>
        <v>7.0831907884656777</v>
      </c>
      <c r="M5885">
        <f t="shared" si="661"/>
        <v>0</v>
      </c>
      <c r="N5885" s="46">
        <f t="shared" si="662"/>
        <v>45535.791666652476</v>
      </c>
    </row>
    <row r="5886" spans="2:14" x14ac:dyDescent="0.3">
      <c r="B5886">
        <f t="shared" si="656"/>
        <v>6</v>
      </c>
      <c r="C5886" s="16">
        <v>5852</v>
      </c>
      <c r="D5886" cm="1">
        <f t="array" ref="D5886">IFERROR(INDEX(Jesper!AH$2:AH$366,ROUNDDOWN($C5886/24,0)+1,1)*INDEX($D$3:$AA$30,INDEX(Jesper!$R$2:$R$366,ROW(INDEX(Jesper!AH$2:AH$366,ROUNDDOWN($C5886/24,0)+1,1))-1)+IF('Standard Profiles'!$G$18=$B$10,7,0)+IF('Standard Profiles'!$G$18=$B$17,14,0)+IF('Standard Profiles'!$G$18=$B$24,21,0),MOD($C5886,24)+1)/SUM(INDEX($D$3:$AA$30,INDEX(Jesper!$R$2:$R$366,ROW(INDEX(Jesper!AH$2:AH$366,ROUNDDOWN($C5886/24,0)+1,1))-1)+IF('Standard Profiles'!$G$18=$B$10,7,0)+IF('Standard Profiles'!$G$18=$B$17,14,0)+IF('Standard Profiles'!$G$18=$B$24,21,0),0)),0)</f>
        <v>5.1015403634116749</v>
      </c>
      <c r="E5886" cm="1">
        <f t="array" ref="E5886">IFERROR(INDEX(Jesper!AI$2:AI$366,ROUNDDOWN($C5886/24,0)+1,1)*INDEX($D$3:$AA$30,INDEX(Jesper!$R$2:$R$366,ROW(INDEX(Jesper!AI$2:AI$366,ROUNDDOWN($C5886/24,0)+1,1))-1)+IF('Standard Profiles'!$G$19=$B$10,7,0)+IF('Standard Profiles'!$G$19=$B$17,14,0)+IF('Standard Profiles'!$G$19=$B$24,21,0),MOD($C5886,24)+1)/SUM(INDEX($D$3:$AA$30,INDEX(Jesper!$R$2:$R$366,ROW(INDEX(Jesper!AI$2:AI$366,ROUNDDOWN($C5886/24,0)+1,1))-1)+IF('Standard Profiles'!$G$19=$B$10,7,0)+IF('Standard Profiles'!$G$19=$B$17,14,0)+IF('Standard Profiles'!$G$19=$B$24,21,0),0)),0)</f>
        <v>0.79498427073472844</v>
      </c>
      <c r="F5886" cm="1">
        <f t="array" ref="F5886">IFERROR(INDEX(Jesper!AJ$2:AJ$366,ROUNDDOWN($C5886/24,0)+1,1)*INDEX($D$3:$AA$30,INDEX(Jesper!$R$2:$R$366,ROW(INDEX(Jesper!AJ$2:AJ$366,ROUNDDOWN($C5886/24,0)+1,1))-1)+IF('Standard Profiles'!$G$20=$B$10,7,0)+IF('Standard Profiles'!$G$20=$B$17,14,0)+IF('Standard Profiles'!$G$20=$B$24,21,0),MOD($C5886,24)+1)/SUM(INDEX($D$3:$AA$30,INDEX(Jesper!$R$2:$R$366,ROW(INDEX(Jesper!AJ$2:AJ$366,ROUNDDOWN($C5886/24,0)+1,1))-1)+IF('Standard Profiles'!$G$20=$B$10,7,0)+IF('Standard Profiles'!$G$20=$B$17,14,0)+IF('Standard Profiles'!$G$20=$B$24,21,0),0)),0)</f>
        <v>0</v>
      </c>
      <c r="G5886" cm="1">
        <f t="array" ref="G5886">IFERROR(INDEX(Jesper!AK$2:AK$366,ROUNDDOWN($C5886/24,0)+1,1)*INDEX($D$3:$AA$30,INDEX(Jesper!$R$2:$R$366,ROW(INDEX(Jesper!AK$2:AK$366,ROUNDDOWN($C5886/24,0)+1,1))-1)+IF('Standard Profiles'!$G$21=$B$10,7,0)+IF('Standard Profiles'!$G$21=$B$17,14,0)+IF('Standard Profiles'!$G$21=$B$24,21,0),MOD($C5886,24)+1)/SUM(INDEX($D$3:$AA$30,INDEX(Jesper!$R$2:$R$366,ROW(INDEX(Jesper!AK$2:AK$366,ROUNDDOWN($C5886/24,0)+1,1))-1)+IF('Standard Profiles'!$G$21=$B$10,7,0)+IF('Standard Profiles'!$G$21=$B$17,14,0)+IF('Standard Profiles'!$G$21=$B$24,21,0),0)),0)</f>
        <v>0</v>
      </c>
      <c r="H5886" cm="1">
        <f t="array" ref="H5886">IFERROR(INDEX(Jesper!AL$2:AL$366,ROUNDDOWN($C5886/24,0)+1,1)*INDEX($D$3:$AA$30,INDEX(Jesper!$R$2:$R$366,ROW(INDEX(Jesper!AL$2:AL$366,ROUNDDOWN($C5886/24,0)+1,1))-1)+IF('Standard Profiles'!$G$22=$B$10,7,0)+IF('Standard Profiles'!$G$22=$B$17,14,0)+IF('Standard Profiles'!$G$22=$B$24,21,0),MOD($C5886,24)+1)/SUM(INDEX($D$3:$AA$30,INDEX(Jesper!$R$2:$R$366,ROW(INDEX(Jesper!AL$2:AL$366,ROUNDDOWN($C5886/24,0)+1,1))-1)+IF('Standard Profiles'!$G$22=$B$10,7,0)+IF('Standard Profiles'!$G$22=$B$17,14,0)+IF('Standard Profiles'!$G$22=$B$24,21,0),0)),0)</f>
        <v>0</v>
      </c>
      <c r="I5886">
        <f t="shared" si="657"/>
        <v>7.1620204570696275E-2</v>
      </c>
      <c r="J5886">
        <f t="shared" si="658"/>
        <v>0.23873401523565427</v>
      </c>
      <c r="K5886">
        <f t="shared" si="659"/>
        <v>0.35810102285348144</v>
      </c>
      <c r="L5886">
        <f t="shared" si="660"/>
        <v>5.2280693914865717</v>
      </c>
      <c r="M5886">
        <f t="shared" si="661"/>
        <v>0</v>
      </c>
      <c r="N5886" s="46">
        <f t="shared" si="662"/>
        <v>45535.83333331914</v>
      </c>
    </row>
    <row r="5887" spans="2:14" x14ac:dyDescent="0.3">
      <c r="B5887">
        <f t="shared" si="656"/>
        <v>6</v>
      </c>
      <c r="C5887" s="16">
        <v>5853</v>
      </c>
      <c r="D5887" cm="1">
        <f t="array" ref="D5887">IFERROR(INDEX(Jesper!AH$2:AH$366,ROUNDDOWN($C5887/24,0)+1,1)*INDEX($D$3:$AA$30,INDEX(Jesper!$R$2:$R$366,ROW(INDEX(Jesper!AH$2:AH$366,ROUNDDOWN($C5887/24,0)+1,1))-1)+IF('Standard Profiles'!$G$18=$B$10,7,0)+IF('Standard Profiles'!$G$18=$B$17,14,0)+IF('Standard Profiles'!$G$18=$B$24,21,0),MOD($C5887,24)+1)/SUM(INDEX($D$3:$AA$30,INDEX(Jesper!$R$2:$R$366,ROW(INDEX(Jesper!AH$2:AH$366,ROUNDDOWN($C5887/24,0)+1,1))-1)+IF('Standard Profiles'!$G$18=$B$10,7,0)+IF('Standard Profiles'!$G$18=$B$17,14,0)+IF('Standard Profiles'!$G$18=$B$24,21,0),0)),0)</f>
        <v>5.1015403634116749</v>
      </c>
      <c r="E5887" cm="1">
        <f t="array" ref="E5887">IFERROR(INDEX(Jesper!AI$2:AI$366,ROUNDDOWN($C5887/24,0)+1,1)*INDEX($D$3:$AA$30,INDEX(Jesper!$R$2:$R$366,ROW(INDEX(Jesper!AI$2:AI$366,ROUNDDOWN($C5887/24,0)+1,1))-1)+IF('Standard Profiles'!$G$19=$B$10,7,0)+IF('Standard Profiles'!$G$19=$B$17,14,0)+IF('Standard Profiles'!$G$19=$B$24,21,0),MOD($C5887,24)+1)/SUM(INDEX($D$3:$AA$30,INDEX(Jesper!$R$2:$R$366,ROW(INDEX(Jesper!AI$2:AI$366,ROUNDDOWN($C5887/24,0)+1,1))-1)+IF('Standard Profiles'!$G$19=$B$10,7,0)+IF('Standard Profiles'!$G$19=$B$17,14,0)+IF('Standard Profiles'!$G$19=$B$24,21,0),0)),0)</f>
        <v>0.79498427073472844</v>
      </c>
      <c r="F5887" cm="1">
        <f t="array" ref="F5887">IFERROR(INDEX(Jesper!AJ$2:AJ$366,ROUNDDOWN($C5887/24,0)+1,1)*INDEX($D$3:$AA$30,INDEX(Jesper!$R$2:$R$366,ROW(INDEX(Jesper!AJ$2:AJ$366,ROUNDDOWN($C5887/24,0)+1,1))-1)+IF('Standard Profiles'!$G$20=$B$10,7,0)+IF('Standard Profiles'!$G$20=$B$17,14,0)+IF('Standard Profiles'!$G$20=$B$24,21,0),MOD($C5887,24)+1)/SUM(INDEX($D$3:$AA$30,INDEX(Jesper!$R$2:$R$366,ROW(INDEX(Jesper!AJ$2:AJ$366,ROUNDDOWN($C5887/24,0)+1,1))-1)+IF('Standard Profiles'!$G$20=$B$10,7,0)+IF('Standard Profiles'!$G$20=$B$17,14,0)+IF('Standard Profiles'!$G$20=$B$24,21,0),0)),0)</f>
        <v>0</v>
      </c>
      <c r="G5887" cm="1">
        <f t="array" ref="G5887">IFERROR(INDEX(Jesper!AK$2:AK$366,ROUNDDOWN($C5887/24,0)+1,1)*INDEX($D$3:$AA$30,INDEX(Jesper!$R$2:$R$366,ROW(INDEX(Jesper!AK$2:AK$366,ROUNDDOWN($C5887/24,0)+1,1))-1)+IF('Standard Profiles'!$G$21=$B$10,7,0)+IF('Standard Profiles'!$G$21=$B$17,14,0)+IF('Standard Profiles'!$G$21=$B$24,21,0),MOD($C5887,24)+1)/SUM(INDEX($D$3:$AA$30,INDEX(Jesper!$R$2:$R$366,ROW(INDEX(Jesper!AK$2:AK$366,ROUNDDOWN($C5887/24,0)+1,1))-1)+IF('Standard Profiles'!$G$21=$B$10,7,0)+IF('Standard Profiles'!$G$21=$B$17,14,0)+IF('Standard Profiles'!$G$21=$B$24,21,0),0)),0)</f>
        <v>0</v>
      </c>
      <c r="H5887" cm="1">
        <f t="array" ref="H5887">IFERROR(INDEX(Jesper!AL$2:AL$366,ROUNDDOWN($C5887/24,0)+1,1)*INDEX($D$3:$AA$30,INDEX(Jesper!$R$2:$R$366,ROW(INDEX(Jesper!AL$2:AL$366,ROUNDDOWN($C5887/24,0)+1,1))-1)+IF('Standard Profiles'!$G$22=$B$10,7,0)+IF('Standard Profiles'!$G$22=$B$17,14,0)+IF('Standard Profiles'!$G$22=$B$24,21,0),MOD($C5887,24)+1)/SUM(INDEX($D$3:$AA$30,INDEX(Jesper!$R$2:$R$366,ROW(INDEX(Jesper!AL$2:AL$366,ROUNDDOWN($C5887/24,0)+1,1))-1)+IF('Standard Profiles'!$G$22=$B$10,7,0)+IF('Standard Profiles'!$G$22=$B$17,14,0)+IF('Standard Profiles'!$G$22=$B$24,21,0),0)),0)</f>
        <v>0</v>
      </c>
      <c r="I5887">
        <f t="shared" si="657"/>
        <v>7.1620204570696275E-2</v>
      </c>
      <c r="J5887">
        <f t="shared" si="658"/>
        <v>0.23873401523565427</v>
      </c>
      <c r="K5887">
        <f t="shared" si="659"/>
        <v>0.35810102285348144</v>
      </c>
      <c r="L5887">
        <f t="shared" si="660"/>
        <v>5.2280693914865717</v>
      </c>
      <c r="M5887">
        <f t="shared" si="661"/>
        <v>0</v>
      </c>
      <c r="N5887" s="46">
        <f t="shared" si="662"/>
        <v>45535.874999985805</v>
      </c>
    </row>
    <row r="5888" spans="2:14" x14ac:dyDescent="0.3">
      <c r="B5888">
        <f t="shared" si="656"/>
        <v>6</v>
      </c>
      <c r="C5888" s="16">
        <v>5854</v>
      </c>
      <c r="D5888" cm="1">
        <f t="array" ref="D5888">IFERROR(INDEX(Jesper!AH$2:AH$366,ROUNDDOWN($C5888/24,0)+1,1)*INDEX($D$3:$AA$30,INDEX(Jesper!$R$2:$R$366,ROW(INDEX(Jesper!AH$2:AH$366,ROUNDDOWN($C5888/24,0)+1,1))-1)+IF('Standard Profiles'!$G$18=$B$10,7,0)+IF('Standard Profiles'!$G$18=$B$17,14,0)+IF('Standard Profiles'!$G$18=$B$24,21,0),MOD($C5888,24)+1)/SUM(INDEX($D$3:$AA$30,INDEX(Jesper!$R$2:$R$366,ROW(INDEX(Jesper!AH$2:AH$366,ROUNDDOWN($C5888/24,0)+1,1))-1)+IF('Standard Profiles'!$G$18=$B$10,7,0)+IF('Standard Profiles'!$G$18=$B$17,14,0)+IF('Standard Profiles'!$G$18=$B$24,21,0),0)),0)</f>
        <v>5.1015403634116749</v>
      </c>
      <c r="E5888" cm="1">
        <f t="array" ref="E5888">IFERROR(INDEX(Jesper!AI$2:AI$366,ROUNDDOWN($C5888/24,0)+1,1)*INDEX($D$3:$AA$30,INDEX(Jesper!$R$2:$R$366,ROW(INDEX(Jesper!AI$2:AI$366,ROUNDDOWN($C5888/24,0)+1,1))-1)+IF('Standard Profiles'!$G$19=$B$10,7,0)+IF('Standard Profiles'!$G$19=$B$17,14,0)+IF('Standard Profiles'!$G$19=$B$24,21,0),MOD($C5888,24)+1)/SUM(INDEX($D$3:$AA$30,INDEX(Jesper!$R$2:$R$366,ROW(INDEX(Jesper!AI$2:AI$366,ROUNDDOWN($C5888/24,0)+1,1))-1)+IF('Standard Profiles'!$G$19=$B$10,7,0)+IF('Standard Profiles'!$G$19=$B$17,14,0)+IF('Standard Profiles'!$G$19=$B$24,21,0),0)),0)</f>
        <v>0.79498427073472844</v>
      </c>
      <c r="F5888" cm="1">
        <f t="array" ref="F5888">IFERROR(INDEX(Jesper!AJ$2:AJ$366,ROUNDDOWN($C5888/24,0)+1,1)*INDEX($D$3:$AA$30,INDEX(Jesper!$R$2:$R$366,ROW(INDEX(Jesper!AJ$2:AJ$366,ROUNDDOWN($C5888/24,0)+1,1))-1)+IF('Standard Profiles'!$G$20=$B$10,7,0)+IF('Standard Profiles'!$G$20=$B$17,14,0)+IF('Standard Profiles'!$G$20=$B$24,21,0),MOD($C5888,24)+1)/SUM(INDEX($D$3:$AA$30,INDEX(Jesper!$R$2:$R$366,ROW(INDEX(Jesper!AJ$2:AJ$366,ROUNDDOWN($C5888/24,0)+1,1))-1)+IF('Standard Profiles'!$G$20=$B$10,7,0)+IF('Standard Profiles'!$G$20=$B$17,14,0)+IF('Standard Profiles'!$G$20=$B$24,21,0),0)),0)</f>
        <v>0</v>
      </c>
      <c r="G5888" cm="1">
        <f t="array" ref="G5888">IFERROR(INDEX(Jesper!AK$2:AK$366,ROUNDDOWN($C5888/24,0)+1,1)*INDEX($D$3:$AA$30,INDEX(Jesper!$R$2:$R$366,ROW(INDEX(Jesper!AK$2:AK$366,ROUNDDOWN($C5888/24,0)+1,1))-1)+IF('Standard Profiles'!$G$21=$B$10,7,0)+IF('Standard Profiles'!$G$21=$B$17,14,0)+IF('Standard Profiles'!$G$21=$B$24,21,0),MOD($C5888,24)+1)/SUM(INDEX($D$3:$AA$30,INDEX(Jesper!$R$2:$R$366,ROW(INDEX(Jesper!AK$2:AK$366,ROUNDDOWN($C5888/24,0)+1,1))-1)+IF('Standard Profiles'!$G$21=$B$10,7,0)+IF('Standard Profiles'!$G$21=$B$17,14,0)+IF('Standard Profiles'!$G$21=$B$24,21,0),0)),0)</f>
        <v>0</v>
      </c>
      <c r="H5888" cm="1">
        <f t="array" ref="H5888">IFERROR(INDEX(Jesper!AL$2:AL$366,ROUNDDOWN($C5888/24,0)+1,1)*INDEX($D$3:$AA$30,INDEX(Jesper!$R$2:$R$366,ROW(INDEX(Jesper!AL$2:AL$366,ROUNDDOWN($C5888/24,0)+1,1))-1)+IF('Standard Profiles'!$G$22=$B$10,7,0)+IF('Standard Profiles'!$G$22=$B$17,14,0)+IF('Standard Profiles'!$G$22=$B$24,21,0),MOD($C5888,24)+1)/SUM(INDEX($D$3:$AA$30,INDEX(Jesper!$R$2:$R$366,ROW(INDEX(Jesper!AL$2:AL$366,ROUNDDOWN($C5888/24,0)+1,1))-1)+IF('Standard Profiles'!$G$22=$B$10,7,0)+IF('Standard Profiles'!$G$22=$B$17,14,0)+IF('Standard Profiles'!$G$22=$B$24,21,0),0)),0)</f>
        <v>0</v>
      </c>
      <c r="I5888">
        <f t="shared" si="657"/>
        <v>7.1620204570696275E-2</v>
      </c>
      <c r="J5888">
        <f t="shared" si="658"/>
        <v>0.23873401523565427</v>
      </c>
      <c r="K5888">
        <f t="shared" si="659"/>
        <v>0.35810102285348144</v>
      </c>
      <c r="L5888">
        <f t="shared" si="660"/>
        <v>5.2280693914865717</v>
      </c>
      <c r="M5888">
        <f t="shared" si="661"/>
        <v>0</v>
      </c>
      <c r="N5888" s="46">
        <f t="shared" si="662"/>
        <v>45535.916666652469</v>
      </c>
    </row>
    <row r="5889" spans="2:14" x14ac:dyDescent="0.3">
      <c r="B5889">
        <f t="shared" si="656"/>
        <v>6</v>
      </c>
      <c r="C5889" s="16">
        <v>5855</v>
      </c>
      <c r="D5889" cm="1">
        <f t="array" ref="D5889">IFERROR(INDEX(Jesper!AH$2:AH$366,ROUNDDOWN($C5889/24,0)+1,1)*INDEX($D$3:$AA$30,INDEX(Jesper!$R$2:$R$366,ROW(INDEX(Jesper!AH$2:AH$366,ROUNDDOWN($C5889/24,0)+1,1))-1)+IF('Standard Profiles'!$G$18=$B$10,7,0)+IF('Standard Profiles'!$G$18=$B$17,14,0)+IF('Standard Profiles'!$G$18=$B$24,21,0),MOD($C5889,24)+1)/SUM(INDEX($D$3:$AA$30,INDEX(Jesper!$R$2:$R$366,ROW(INDEX(Jesper!AH$2:AH$366,ROUNDDOWN($C5889/24,0)+1,1))-1)+IF('Standard Profiles'!$G$18=$B$10,7,0)+IF('Standard Profiles'!$G$18=$B$17,14,0)+IF('Standard Profiles'!$G$18=$B$24,21,0),0)),0)</f>
        <v>5.1015403634116749</v>
      </c>
      <c r="E5889" cm="1">
        <f t="array" ref="E5889">IFERROR(INDEX(Jesper!AI$2:AI$366,ROUNDDOWN($C5889/24,0)+1,1)*INDEX($D$3:$AA$30,INDEX(Jesper!$R$2:$R$366,ROW(INDEX(Jesper!AI$2:AI$366,ROUNDDOWN($C5889/24,0)+1,1))-1)+IF('Standard Profiles'!$G$19=$B$10,7,0)+IF('Standard Profiles'!$G$19=$B$17,14,0)+IF('Standard Profiles'!$G$19=$B$24,21,0),MOD($C5889,24)+1)/SUM(INDEX($D$3:$AA$30,INDEX(Jesper!$R$2:$R$366,ROW(INDEX(Jesper!AI$2:AI$366,ROUNDDOWN($C5889/24,0)+1,1))-1)+IF('Standard Profiles'!$G$19=$B$10,7,0)+IF('Standard Profiles'!$G$19=$B$17,14,0)+IF('Standard Profiles'!$G$19=$B$24,21,0),0)),0)</f>
        <v>0.79498427073472844</v>
      </c>
      <c r="F5889" cm="1">
        <f t="array" ref="F5889">IFERROR(INDEX(Jesper!AJ$2:AJ$366,ROUNDDOWN($C5889/24,0)+1,1)*INDEX($D$3:$AA$30,INDEX(Jesper!$R$2:$R$366,ROW(INDEX(Jesper!AJ$2:AJ$366,ROUNDDOWN($C5889/24,0)+1,1))-1)+IF('Standard Profiles'!$G$20=$B$10,7,0)+IF('Standard Profiles'!$G$20=$B$17,14,0)+IF('Standard Profiles'!$G$20=$B$24,21,0),MOD($C5889,24)+1)/SUM(INDEX($D$3:$AA$30,INDEX(Jesper!$R$2:$R$366,ROW(INDEX(Jesper!AJ$2:AJ$366,ROUNDDOWN($C5889/24,0)+1,1))-1)+IF('Standard Profiles'!$G$20=$B$10,7,0)+IF('Standard Profiles'!$G$20=$B$17,14,0)+IF('Standard Profiles'!$G$20=$B$24,21,0),0)),0)</f>
        <v>0</v>
      </c>
      <c r="G5889" cm="1">
        <f t="array" ref="G5889">IFERROR(INDEX(Jesper!AK$2:AK$366,ROUNDDOWN($C5889/24,0)+1,1)*INDEX($D$3:$AA$30,INDEX(Jesper!$R$2:$R$366,ROW(INDEX(Jesper!AK$2:AK$366,ROUNDDOWN($C5889/24,0)+1,1))-1)+IF('Standard Profiles'!$G$21=$B$10,7,0)+IF('Standard Profiles'!$G$21=$B$17,14,0)+IF('Standard Profiles'!$G$21=$B$24,21,0),MOD($C5889,24)+1)/SUM(INDEX($D$3:$AA$30,INDEX(Jesper!$R$2:$R$366,ROW(INDEX(Jesper!AK$2:AK$366,ROUNDDOWN($C5889/24,0)+1,1))-1)+IF('Standard Profiles'!$G$21=$B$10,7,0)+IF('Standard Profiles'!$G$21=$B$17,14,0)+IF('Standard Profiles'!$G$21=$B$24,21,0),0)),0)</f>
        <v>0</v>
      </c>
      <c r="H5889" cm="1">
        <f t="array" ref="H5889">IFERROR(INDEX(Jesper!AL$2:AL$366,ROUNDDOWN($C5889/24,0)+1,1)*INDEX($D$3:$AA$30,INDEX(Jesper!$R$2:$R$366,ROW(INDEX(Jesper!AL$2:AL$366,ROUNDDOWN($C5889/24,0)+1,1))-1)+IF('Standard Profiles'!$G$22=$B$10,7,0)+IF('Standard Profiles'!$G$22=$B$17,14,0)+IF('Standard Profiles'!$G$22=$B$24,21,0),MOD($C5889,24)+1)/SUM(INDEX($D$3:$AA$30,INDEX(Jesper!$R$2:$R$366,ROW(INDEX(Jesper!AL$2:AL$366,ROUNDDOWN($C5889/24,0)+1,1))-1)+IF('Standard Profiles'!$G$22=$B$10,7,0)+IF('Standard Profiles'!$G$22=$B$17,14,0)+IF('Standard Profiles'!$G$22=$B$24,21,0),0)),0)</f>
        <v>0</v>
      </c>
      <c r="I5889">
        <f t="shared" si="657"/>
        <v>7.1620204570696275E-2</v>
      </c>
      <c r="J5889">
        <f t="shared" si="658"/>
        <v>0.23873401523565427</v>
      </c>
      <c r="K5889">
        <f t="shared" si="659"/>
        <v>0.35810102285348144</v>
      </c>
      <c r="L5889">
        <f t="shared" si="660"/>
        <v>5.2280693914865717</v>
      </c>
      <c r="M5889">
        <f t="shared" si="661"/>
        <v>0</v>
      </c>
      <c r="N5889" s="46">
        <f t="shared" si="662"/>
        <v>45535.958333319133</v>
      </c>
    </row>
    <row r="5890" spans="2:14" x14ac:dyDescent="0.3">
      <c r="B5890">
        <f t="shared" si="656"/>
        <v>7</v>
      </c>
      <c r="C5890" s="16">
        <v>5856</v>
      </c>
      <c r="D5890" cm="1">
        <f t="array" ref="D5890">IFERROR(INDEX(Jesper!AH$2:AH$366,ROUNDDOWN($C5890/24,0)+1,1)*INDEX($D$3:$AA$30,INDEX(Jesper!$R$2:$R$366,ROW(INDEX(Jesper!AH$2:AH$366,ROUNDDOWN($C5890/24,0)+1,1))-1)+IF('Standard Profiles'!$G$18=$B$10,7,0)+IF('Standard Profiles'!$G$18=$B$17,14,0)+IF('Standard Profiles'!$G$18=$B$24,21,0),MOD($C5890,24)+1)/SUM(INDEX($D$3:$AA$30,INDEX(Jesper!$R$2:$R$366,ROW(INDEX(Jesper!AH$2:AH$366,ROUNDDOWN($C5890/24,0)+1,1))-1)+IF('Standard Profiles'!$G$18=$B$10,7,0)+IF('Standard Profiles'!$G$18=$B$17,14,0)+IF('Standard Profiles'!$G$18=$B$24,21,0),0)),0)</f>
        <v>5.8990996383167449</v>
      </c>
      <c r="E5890" cm="1">
        <f t="array" ref="E5890">IFERROR(INDEX(Jesper!AI$2:AI$366,ROUNDDOWN($C5890/24,0)+1,1)*INDEX($D$3:$AA$30,INDEX(Jesper!$R$2:$R$366,ROW(INDEX(Jesper!AI$2:AI$366,ROUNDDOWN($C5890/24,0)+1,1))-1)+IF('Standard Profiles'!$G$19=$B$10,7,0)+IF('Standard Profiles'!$G$19=$B$17,14,0)+IF('Standard Profiles'!$G$19=$B$24,21,0),MOD($C5890,24)+1)/SUM(INDEX($D$3:$AA$30,INDEX(Jesper!$R$2:$R$366,ROW(INDEX(Jesper!AI$2:AI$366,ROUNDDOWN($C5890/24,0)+1,1))-1)+IF('Standard Profiles'!$G$19=$B$10,7,0)+IF('Standard Profiles'!$G$19=$B$17,14,0)+IF('Standard Profiles'!$G$19=$B$24,21,0),0)),0)</f>
        <v>0.95748411808829093</v>
      </c>
      <c r="F5890" cm="1">
        <f t="array" ref="F5890">IFERROR(INDEX(Jesper!AJ$2:AJ$366,ROUNDDOWN($C5890/24,0)+1,1)*INDEX($D$3:$AA$30,INDEX(Jesper!$R$2:$R$366,ROW(INDEX(Jesper!AJ$2:AJ$366,ROUNDDOWN($C5890/24,0)+1,1))-1)+IF('Standard Profiles'!$G$20=$B$10,7,0)+IF('Standard Profiles'!$G$20=$B$17,14,0)+IF('Standard Profiles'!$G$20=$B$24,21,0),MOD($C5890,24)+1)/SUM(INDEX($D$3:$AA$30,INDEX(Jesper!$R$2:$R$366,ROW(INDEX(Jesper!AJ$2:AJ$366,ROUNDDOWN($C5890/24,0)+1,1))-1)+IF('Standard Profiles'!$G$20=$B$10,7,0)+IF('Standard Profiles'!$G$20=$B$17,14,0)+IF('Standard Profiles'!$G$20=$B$24,21,0),0)),0)</f>
        <v>0</v>
      </c>
      <c r="G5890" cm="1">
        <f t="array" ref="G5890">IFERROR(INDEX(Jesper!AK$2:AK$366,ROUNDDOWN($C5890/24,0)+1,1)*INDEX($D$3:$AA$30,INDEX(Jesper!$R$2:$R$366,ROW(INDEX(Jesper!AK$2:AK$366,ROUNDDOWN($C5890/24,0)+1,1))-1)+IF('Standard Profiles'!$G$21=$B$10,7,0)+IF('Standard Profiles'!$G$21=$B$17,14,0)+IF('Standard Profiles'!$G$21=$B$24,21,0),MOD($C5890,24)+1)/SUM(INDEX($D$3:$AA$30,INDEX(Jesper!$R$2:$R$366,ROW(INDEX(Jesper!AK$2:AK$366,ROUNDDOWN($C5890/24,0)+1,1))-1)+IF('Standard Profiles'!$G$21=$B$10,7,0)+IF('Standard Profiles'!$G$21=$B$17,14,0)+IF('Standard Profiles'!$G$21=$B$24,21,0),0)),0)</f>
        <v>0</v>
      </c>
      <c r="H5890" cm="1">
        <f t="array" ref="H5890">IFERROR(INDEX(Jesper!AL$2:AL$366,ROUNDDOWN($C5890/24,0)+1,1)*INDEX($D$3:$AA$30,INDEX(Jesper!$R$2:$R$366,ROW(INDEX(Jesper!AL$2:AL$366,ROUNDDOWN($C5890/24,0)+1,1))-1)+IF('Standard Profiles'!$G$22=$B$10,7,0)+IF('Standard Profiles'!$G$22=$B$17,14,0)+IF('Standard Profiles'!$G$22=$B$24,21,0),MOD($C5890,24)+1)/SUM(INDEX($D$3:$AA$30,INDEX(Jesper!$R$2:$R$366,ROW(INDEX(Jesper!AL$2:AL$366,ROUNDDOWN($C5890/24,0)+1,1))-1)+IF('Standard Profiles'!$G$22=$B$10,7,0)+IF('Standard Profiles'!$G$22=$B$17,14,0)+IF('Standard Profiles'!$G$22=$B$24,21,0),0)),0)</f>
        <v>0</v>
      </c>
      <c r="I5890">
        <f t="shared" si="657"/>
        <v>8.6259830458404615E-2</v>
      </c>
      <c r="J5890">
        <f t="shared" si="658"/>
        <v>0.28753276819468204</v>
      </c>
      <c r="K5890">
        <f t="shared" si="659"/>
        <v>0.43129915229202309</v>
      </c>
      <c r="L5890">
        <f t="shared" si="660"/>
        <v>6.0514920054599264</v>
      </c>
      <c r="M5890">
        <f t="shared" si="661"/>
        <v>0</v>
      </c>
      <c r="N5890" s="46">
        <f t="shared" si="662"/>
        <v>45535.999999985797</v>
      </c>
    </row>
    <row r="5891" spans="2:14" x14ac:dyDescent="0.3">
      <c r="B5891">
        <f t="shared" si="656"/>
        <v>7</v>
      </c>
      <c r="C5891" s="16">
        <v>5857</v>
      </c>
      <c r="D5891" cm="1">
        <f t="array" ref="D5891">IFERROR(INDEX(Jesper!AH$2:AH$366,ROUNDDOWN($C5891/24,0)+1,1)*INDEX($D$3:$AA$30,INDEX(Jesper!$R$2:$R$366,ROW(INDEX(Jesper!AH$2:AH$366,ROUNDDOWN($C5891/24,0)+1,1))-1)+IF('Standard Profiles'!$G$18=$B$10,7,0)+IF('Standard Profiles'!$G$18=$B$17,14,0)+IF('Standard Profiles'!$G$18=$B$24,21,0),MOD($C5891,24)+1)/SUM(INDEX($D$3:$AA$30,INDEX(Jesper!$R$2:$R$366,ROW(INDEX(Jesper!AH$2:AH$366,ROUNDDOWN($C5891/24,0)+1,1))-1)+IF('Standard Profiles'!$G$18=$B$10,7,0)+IF('Standard Profiles'!$G$18=$B$17,14,0)+IF('Standard Profiles'!$G$18=$B$24,21,0),0)),0)</f>
        <v>6.8505673219162198</v>
      </c>
      <c r="E5891" cm="1">
        <f t="array" ref="E5891">IFERROR(INDEX(Jesper!AI$2:AI$366,ROUNDDOWN($C5891/24,0)+1,1)*INDEX($D$3:$AA$30,INDEX(Jesper!$R$2:$R$366,ROW(INDEX(Jesper!AI$2:AI$366,ROUNDDOWN($C5891/24,0)+1,1))-1)+IF('Standard Profiles'!$G$19=$B$10,7,0)+IF('Standard Profiles'!$G$19=$B$17,14,0)+IF('Standard Profiles'!$G$19=$B$24,21,0),MOD($C5891,24)+1)/SUM(INDEX($D$3:$AA$30,INDEX(Jesper!$R$2:$R$366,ROW(INDEX(Jesper!AI$2:AI$366,ROUNDDOWN($C5891/24,0)+1,1))-1)+IF('Standard Profiles'!$G$19=$B$10,7,0)+IF('Standard Profiles'!$G$19=$B$17,14,0)+IF('Standard Profiles'!$G$19=$B$24,21,0),0)),0)</f>
        <v>1.111917040360596</v>
      </c>
      <c r="F5891" cm="1">
        <f t="array" ref="F5891">IFERROR(INDEX(Jesper!AJ$2:AJ$366,ROUNDDOWN($C5891/24,0)+1,1)*INDEX($D$3:$AA$30,INDEX(Jesper!$R$2:$R$366,ROW(INDEX(Jesper!AJ$2:AJ$366,ROUNDDOWN($C5891/24,0)+1,1))-1)+IF('Standard Profiles'!$G$20=$B$10,7,0)+IF('Standard Profiles'!$G$20=$B$17,14,0)+IF('Standard Profiles'!$G$20=$B$24,21,0),MOD($C5891,24)+1)/SUM(INDEX($D$3:$AA$30,INDEX(Jesper!$R$2:$R$366,ROW(INDEX(Jesper!AJ$2:AJ$366,ROUNDDOWN($C5891/24,0)+1,1))-1)+IF('Standard Profiles'!$G$20=$B$10,7,0)+IF('Standard Profiles'!$G$20=$B$17,14,0)+IF('Standard Profiles'!$G$20=$B$24,21,0),0)),0)</f>
        <v>0</v>
      </c>
      <c r="G5891" cm="1">
        <f t="array" ref="G5891">IFERROR(INDEX(Jesper!AK$2:AK$366,ROUNDDOWN($C5891/24,0)+1,1)*INDEX($D$3:$AA$30,INDEX(Jesper!$R$2:$R$366,ROW(INDEX(Jesper!AK$2:AK$366,ROUNDDOWN($C5891/24,0)+1,1))-1)+IF('Standard Profiles'!$G$21=$B$10,7,0)+IF('Standard Profiles'!$G$21=$B$17,14,0)+IF('Standard Profiles'!$G$21=$B$24,21,0),MOD($C5891,24)+1)/SUM(INDEX($D$3:$AA$30,INDEX(Jesper!$R$2:$R$366,ROW(INDEX(Jesper!AK$2:AK$366,ROUNDDOWN($C5891/24,0)+1,1))-1)+IF('Standard Profiles'!$G$21=$B$10,7,0)+IF('Standard Profiles'!$G$21=$B$17,14,0)+IF('Standard Profiles'!$G$21=$B$24,21,0),0)),0)</f>
        <v>0</v>
      </c>
      <c r="H5891" cm="1">
        <f t="array" ref="H5891">IFERROR(INDEX(Jesper!AL$2:AL$366,ROUNDDOWN($C5891/24,0)+1,1)*INDEX($D$3:$AA$30,INDEX(Jesper!$R$2:$R$366,ROW(INDEX(Jesper!AL$2:AL$366,ROUNDDOWN($C5891/24,0)+1,1))-1)+IF('Standard Profiles'!$G$22=$B$10,7,0)+IF('Standard Profiles'!$G$22=$B$17,14,0)+IF('Standard Profiles'!$G$22=$B$24,21,0),MOD($C5891,24)+1)/SUM(INDEX($D$3:$AA$30,INDEX(Jesper!$R$2:$R$366,ROW(INDEX(Jesper!AL$2:AL$366,ROUNDDOWN($C5891/24,0)+1,1))-1)+IF('Standard Profiles'!$G$22=$B$10,7,0)+IF('Standard Profiles'!$G$22=$B$17,14,0)+IF('Standard Profiles'!$G$22=$B$24,21,0),0)),0)</f>
        <v>0</v>
      </c>
      <c r="I5891">
        <f t="shared" si="657"/>
        <v>0.10017270633879247</v>
      </c>
      <c r="J5891">
        <f t="shared" si="658"/>
        <v>0.33390902112930826</v>
      </c>
      <c r="K5891">
        <f t="shared" si="659"/>
        <v>0.50086353169396236</v>
      </c>
      <c r="L5891">
        <f t="shared" si="660"/>
        <v>7.0275391031147532</v>
      </c>
      <c r="M5891">
        <f t="shared" si="661"/>
        <v>0</v>
      </c>
      <c r="N5891" s="46">
        <f t="shared" si="662"/>
        <v>45536.041666652462</v>
      </c>
    </row>
    <row r="5892" spans="2:14" x14ac:dyDescent="0.3">
      <c r="B5892">
        <f t="shared" si="656"/>
        <v>7</v>
      </c>
      <c r="C5892" s="16">
        <v>5858</v>
      </c>
      <c r="D5892" cm="1">
        <f t="array" ref="D5892">IFERROR(INDEX(Jesper!AH$2:AH$366,ROUNDDOWN($C5892/24,0)+1,1)*INDEX($D$3:$AA$30,INDEX(Jesper!$R$2:$R$366,ROW(INDEX(Jesper!AH$2:AH$366,ROUNDDOWN($C5892/24,0)+1,1))-1)+IF('Standard Profiles'!$G$18=$B$10,7,0)+IF('Standard Profiles'!$G$18=$B$17,14,0)+IF('Standard Profiles'!$G$18=$B$24,21,0),MOD($C5892,24)+1)/SUM(INDEX($D$3:$AA$30,INDEX(Jesper!$R$2:$R$366,ROW(INDEX(Jesper!AH$2:AH$366,ROUNDDOWN($C5892/24,0)+1,1))-1)+IF('Standard Profiles'!$G$18=$B$10,7,0)+IF('Standard Profiles'!$G$18=$B$17,14,0)+IF('Standard Profiles'!$G$18=$B$24,21,0),0)),0)</f>
        <v>6.8505673219162198</v>
      </c>
      <c r="E5892" cm="1">
        <f t="array" ref="E5892">IFERROR(INDEX(Jesper!AI$2:AI$366,ROUNDDOWN($C5892/24,0)+1,1)*INDEX($D$3:$AA$30,INDEX(Jesper!$R$2:$R$366,ROW(INDEX(Jesper!AI$2:AI$366,ROUNDDOWN($C5892/24,0)+1,1))-1)+IF('Standard Profiles'!$G$19=$B$10,7,0)+IF('Standard Profiles'!$G$19=$B$17,14,0)+IF('Standard Profiles'!$G$19=$B$24,21,0),MOD($C5892,24)+1)/SUM(INDEX($D$3:$AA$30,INDEX(Jesper!$R$2:$R$366,ROW(INDEX(Jesper!AI$2:AI$366,ROUNDDOWN($C5892/24,0)+1,1))-1)+IF('Standard Profiles'!$G$19=$B$10,7,0)+IF('Standard Profiles'!$G$19=$B$17,14,0)+IF('Standard Profiles'!$G$19=$B$24,21,0),0)),0)</f>
        <v>1.111917040360596</v>
      </c>
      <c r="F5892" cm="1">
        <f t="array" ref="F5892">IFERROR(INDEX(Jesper!AJ$2:AJ$366,ROUNDDOWN($C5892/24,0)+1,1)*INDEX($D$3:$AA$30,INDEX(Jesper!$R$2:$R$366,ROW(INDEX(Jesper!AJ$2:AJ$366,ROUNDDOWN($C5892/24,0)+1,1))-1)+IF('Standard Profiles'!$G$20=$B$10,7,0)+IF('Standard Profiles'!$G$20=$B$17,14,0)+IF('Standard Profiles'!$G$20=$B$24,21,0),MOD($C5892,24)+1)/SUM(INDEX($D$3:$AA$30,INDEX(Jesper!$R$2:$R$366,ROW(INDEX(Jesper!AJ$2:AJ$366,ROUNDDOWN($C5892/24,0)+1,1))-1)+IF('Standard Profiles'!$G$20=$B$10,7,0)+IF('Standard Profiles'!$G$20=$B$17,14,0)+IF('Standard Profiles'!$G$20=$B$24,21,0),0)),0)</f>
        <v>0</v>
      </c>
      <c r="G5892" cm="1">
        <f t="array" ref="G5892">IFERROR(INDEX(Jesper!AK$2:AK$366,ROUNDDOWN($C5892/24,0)+1,1)*INDEX($D$3:$AA$30,INDEX(Jesper!$R$2:$R$366,ROW(INDEX(Jesper!AK$2:AK$366,ROUNDDOWN($C5892/24,0)+1,1))-1)+IF('Standard Profiles'!$G$21=$B$10,7,0)+IF('Standard Profiles'!$G$21=$B$17,14,0)+IF('Standard Profiles'!$G$21=$B$24,21,0),MOD($C5892,24)+1)/SUM(INDEX($D$3:$AA$30,INDEX(Jesper!$R$2:$R$366,ROW(INDEX(Jesper!AK$2:AK$366,ROUNDDOWN($C5892/24,0)+1,1))-1)+IF('Standard Profiles'!$G$21=$B$10,7,0)+IF('Standard Profiles'!$G$21=$B$17,14,0)+IF('Standard Profiles'!$G$21=$B$24,21,0),0)),0)</f>
        <v>0</v>
      </c>
      <c r="H5892" cm="1">
        <f t="array" ref="H5892">IFERROR(INDEX(Jesper!AL$2:AL$366,ROUNDDOWN($C5892/24,0)+1,1)*INDEX($D$3:$AA$30,INDEX(Jesper!$R$2:$R$366,ROW(INDEX(Jesper!AL$2:AL$366,ROUNDDOWN($C5892/24,0)+1,1))-1)+IF('Standard Profiles'!$G$22=$B$10,7,0)+IF('Standard Profiles'!$G$22=$B$17,14,0)+IF('Standard Profiles'!$G$22=$B$24,21,0),MOD($C5892,24)+1)/SUM(INDEX($D$3:$AA$30,INDEX(Jesper!$R$2:$R$366,ROW(INDEX(Jesper!AL$2:AL$366,ROUNDDOWN($C5892/24,0)+1,1))-1)+IF('Standard Profiles'!$G$22=$B$10,7,0)+IF('Standard Profiles'!$G$22=$B$17,14,0)+IF('Standard Profiles'!$G$22=$B$24,21,0),0)),0)</f>
        <v>0</v>
      </c>
      <c r="I5892">
        <f t="shared" si="657"/>
        <v>0.10017270633879247</v>
      </c>
      <c r="J5892">
        <f t="shared" si="658"/>
        <v>0.33390902112930826</v>
      </c>
      <c r="K5892">
        <f t="shared" si="659"/>
        <v>0.50086353169396236</v>
      </c>
      <c r="L5892">
        <f t="shared" si="660"/>
        <v>7.0275391031147532</v>
      </c>
      <c r="M5892">
        <f t="shared" si="661"/>
        <v>0</v>
      </c>
      <c r="N5892" s="46">
        <f t="shared" si="662"/>
        <v>45536.083333319126</v>
      </c>
    </row>
    <row r="5893" spans="2:14" x14ac:dyDescent="0.3">
      <c r="B5893">
        <f t="shared" si="656"/>
        <v>7</v>
      </c>
      <c r="C5893" s="16">
        <v>5859</v>
      </c>
      <c r="D5893" cm="1">
        <f t="array" ref="D5893">IFERROR(INDEX(Jesper!AH$2:AH$366,ROUNDDOWN($C5893/24,0)+1,1)*INDEX($D$3:$AA$30,INDEX(Jesper!$R$2:$R$366,ROW(INDEX(Jesper!AH$2:AH$366,ROUNDDOWN($C5893/24,0)+1,1))-1)+IF('Standard Profiles'!$G$18=$B$10,7,0)+IF('Standard Profiles'!$G$18=$B$17,14,0)+IF('Standard Profiles'!$G$18=$B$24,21,0),MOD($C5893,24)+1)/SUM(INDEX($D$3:$AA$30,INDEX(Jesper!$R$2:$R$366,ROW(INDEX(Jesper!AH$2:AH$366,ROUNDDOWN($C5893/24,0)+1,1))-1)+IF('Standard Profiles'!$G$18=$B$10,7,0)+IF('Standard Profiles'!$G$18=$B$17,14,0)+IF('Standard Profiles'!$G$18=$B$24,21,0),0)),0)</f>
        <v>6.8505673219162198</v>
      </c>
      <c r="E5893" cm="1">
        <f t="array" ref="E5893">IFERROR(INDEX(Jesper!AI$2:AI$366,ROUNDDOWN($C5893/24,0)+1,1)*INDEX($D$3:$AA$30,INDEX(Jesper!$R$2:$R$366,ROW(INDEX(Jesper!AI$2:AI$366,ROUNDDOWN($C5893/24,0)+1,1))-1)+IF('Standard Profiles'!$G$19=$B$10,7,0)+IF('Standard Profiles'!$G$19=$B$17,14,0)+IF('Standard Profiles'!$G$19=$B$24,21,0),MOD($C5893,24)+1)/SUM(INDEX($D$3:$AA$30,INDEX(Jesper!$R$2:$R$366,ROW(INDEX(Jesper!AI$2:AI$366,ROUNDDOWN($C5893/24,0)+1,1))-1)+IF('Standard Profiles'!$G$19=$B$10,7,0)+IF('Standard Profiles'!$G$19=$B$17,14,0)+IF('Standard Profiles'!$G$19=$B$24,21,0),0)),0)</f>
        <v>1.111917040360596</v>
      </c>
      <c r="F5893" cm="1">
        <f t="array" ref="F5893">IFERROR(INDEX(Jesper!AJ$2:AJ$366,ROUNDDOWN($C5893/24,0)+1,1)*INDEX($D$3:$AA$30,INDEX(Jesper!$R$2:$R$366,ROW(INDEX(Jesper!AJ$2:AJ$366,ROUNDDOWN($C5893/24,0)+1,1))-1)+IF('Standard Profiles'!$G$20=$B$10,7,0)+IF('Standard Profiles'!$G$20=$B$17,14,0)+IF('Standard Profiles'!$G$20=$B$24,21,0),MOD($C5893,24)+1)/SUM(INDEX($D$3:$AA$30,INDEX(Jesper!$R$2:$R$366,ROW(INDEX(Jesper!AJ$2:AJ$366,ROUNDDOWN($C5893/24,0)+1,1))-1)+IF('Standard Profiles'!$G$20=$B$10,7,0)+IF('Standard Profiles'!$G$20=$B$17,14,0)+IF('Standard Profiles'!$G$20=$B$24,21,0),0)),0)</f>
        <v>0</v>
      </c>
      <c r="G5893" cm="1">
        <f t="array" ref="G5893">IFERROR(INDEX(Jesper!AK$2:AK$366,ROUNDDOWN($C5893/24,0)+1,1)*INDEX($D$3:$AA$30,INDEX(Jesper!$R$2:$R$366,ROW(INDEX(Jesper!AK$2:AK$366,ROUNDDOWN($C5893/24,0)+1,1))-1)+IF('Standard Profiles'!$G$21=$B$10,7,0)+IF('Standard Profiles'!$G$21=$B$17,14,0)+IF('Standard Profiles'!$G$21=$B$24,21,0),MOD($C5893,24)+1)/SUM(INDEX($D$3:$AA$30,INDEX(Jesper!$R$2:$R$366,ROW(INDEX(Jesper!AK$2:AK$366,ROUNDDOWN($C5893/24,0)+1,1))-1)+IF('Standard Profiles'!$G$21=$B$10,7,0)+IF('Standard Profiles'!$G$21=$B$17,14,0)+IF('Standard Profiles'!$G$21=$B$24,21,0),0)),0)</f>
        <v>0</v>
      </c>
      <c r="H5893" cm="1">
        <f t="array" ref="H5893">IFERROR(INDEX(Jesper!AL$2:AL$366,ROUNDDOWN($C5893/24,0)+1,1)*INDEX($D$3:$AA$30,INDEX(Jesper!$R$2:$R$366,ROW(INDEX(Jesper!AL$2:AL$366,ROUNDDOWN($C5893/24,0)+1,1))-1)+IF('Standard Profiles'!$G$22=$B$10,7,0)+IF('Standard Profiles'!$G$22=$B$17,14,0)+IF('Standard Profiles'!$G$22=$B$24,21,0),MOD($C5893,24)+1)/SUM(INDEX($D$3:$AA$30,INDEX(Jesper!$R$2:$R$366,ROW(INDEX(Jesper!AL$2:AL$366,ROUNDDOWN($C5893/24,0)+1,1))-1)+IF('Standard Profiles'!$G$22=$B$10,7,0)+IF('Standard Profiles'!$G$22=$B$17,14,0)+IF('Standard Profiles'!$G$22=$B$24,21,0),0)),0)</f>
        <v>0</v>
      </c>
      <c r="I5893">
        <f t="shared" si="657"/>
        <v>0.10017270633879247</v>
      </c>
      <c r="J5893">
        <f t="shared" si="658"/>
        <v>0.33390902112930826</v>
      </c>
      <c r="K5893">
        <f t="shared" si="659"/>
        <v>0.50086353169396236</v>
      </c>
      <c r="L5893">
        <f t="shared" si="660"/>
        <v>7.0275391031147532</v>
      </c>
      <c r="M5893">
        <f t="shared" si="661"/>
        <v>0</v>
      </c>
      <c r="N5893" s="46">
        <f t="shared" si="662"/>
        <v>45536.12499998579</v>
      </c>
    </row>
    <row r="5894" spans="2:14" x14ac:dyDescent="0.3">
      <c r="B5894">
        <f t="shared" si="656"/>
        <v>7</v>
      </c>
      <c r="C5894" s="16">
        <v>5860</v>
      </c>
      <c r="D5894" cm="1">
        <f t="array" ref="D5894">IFERROR(INDEX(Jesper!AH$2:AH$366,ROUNDDOWN($C5894/24,0)+1,1)*INDEX($D$3:$AA$30,INDEX(Jesper!$R$2:$R$366,ROW(INDEX(Jesper!AH$2:AH$366,ROUNDDOWN($C5894/24,0)+1,1))-1)+IF('Standard Profiles'!$G$18=$B$10,7,0)+IF('Standard Profiles'!$G$18=$B$17,14,0)+IF('Standard Profiles'!$G$18=$B$24,21,0),MOD($C5894,24)+1)/SUM(INDEX($D$3:$AA$30,INDEX(Jesper!$R$2:$R$366,ROW(INDEX(Jesper!AH$2:AH$366,ROUNDDOWN($C5894/24,0)+1,1))-1)+IF('Standard Profiles'!$G$18=$B$10,7,0)+IF('Standard Profiles'!$G$18=$B$17,14,0)+IF('Standard Profiles'!$G$18=$B$24,21,0),0)),0)</f>
        <v>6.8505673219162198</v>
      </c>
      <c r="E5894" cm="1">
        <f t="array" ref="E5894">IFERROR(INDEX(Jesper!AI$2:AI$366,ROUNDDOWN($C5894/24,0)+1,1)*INDEX($D$3:$AA$30,INDEX(Jesper!$R$2:$R$366,ROW(INDEX(Jesper!AI$2:AI$366,ROUNDDOWN($C5894/24,0)+1,1))-1)+IF('Standard Profiles'!$G$19=$B$10,7,0)+IF('Standard Profiles'!$G$19=$B$17,14,0)+IF('Standard Profiles'!$G$19=$B$24,21,0),MOD($C5894,24)+1)/SUM(INDEX($D$3:$AA$30,INDEX(Jesper!$R$2:$R$366,ROW(INDEX(Jesper!AI$2:AI$366,ROUNDDOWN($C5894/24,0)+1,1))-1)+IF('Standard Profiles'!$G$19=$B$10,7,0)+IF('Standard Profiles'!$G$19=$B$17,14,0)+IF('Standard Profiles'!$G$19=$B$24,21,0),0)),0)</f>
        <v>1.111917040360596</v>
      </c>
      <c r="F5894" cm="1">
        <f t="array" ref="F5894">IFERROR(INDEX(Jesper!AJ$2:AJ$366,ROUNDDOWN($C5894/24,0)+1,1)*INDEX($D$3:$AA$30,INDEX(Jesper!$R$2:$R$366,ROW(INDEX(Jesper!AJ$2:AJ$366,ROUNDDOWN($C5894/24,0)+1,1))-1)+IF('Standard Profiles'!$G$20=$B$10,7,0)+IF('Standard Profiles'!$G$20=$B$17,14,0)+IF('Standard Profiles'!$G$20=$B$24,21,0),MOD($C5894,24)+1)/SUM(INDEX($D$3:$AA$30,INDEX(Jesper!$R$2:$R$366,ROW(INDEX(Jesper!AJ$2:AJ$366,ROUNDDOWN($C5894/24,0)+1,1))-1)+IF('Standard Profiles'!$G$20=$B$10,7,0)+IF('Standard Profiles'!$G$20=$B$17,14,0)+IF('Standard Profiles'!$G$20=$B$24,21,0),0)),0)</f>
        <v>0</v>
      </c>
      <c r="G5894" cm="1">
        <f t="array" ref="G5894">IFERROR(INDEX(Jesper!AK$2:AK$366,ROUNDDOWN($C5894/24,0)+1,1)*INDEX($D$3:$AA$30,INDEX(Jesper!$R$2:$R$366,ROW(INDEX(Jesper!AK$2:AK$366,ROUNDDOWN($C5894/24,0)+1,1))-1)+IF('Standard Profiles'!$G$21=$B$10,7,0)+IF('Standard Profiles'!$G$21=$B$17,14,0)+IF('Standard Profiles'!$G$21=$B$24,21,0),MOD($C5894,24)+1)/SUM(INDEX($D$3:$AA$30,INDEX(Jesper!$R$2:$R$366,ROW(INDEX(Jesper!AK$2:AK$366,ROUNDDOWN($C5894/24,0)+1,1))-1)+IF('Standard Profiles'!$G$21=$B$10,7,0)+IF('Standard Profiles'!$G$21=$B$17,14,0)+IF('Standard Profiles'!$G$21=$B$24,21,0),0)),0)</f>
        <v>0</v>
      </c>
      <c r="H5894" cm="1">
        <f t="array" ref="H5894">IFERROR(INDEX(Jesper!AL$2:AL$366,ROUNDDOWN($C5894/24,0)+1,1)*INDEX($D$3:$AA$30,INDEX(Jesper!$R$2:$R$366,ROW(INDEX(Jesper!AL$2:AL$366,ROUNDDOWN($C5894/24,0)+1,1))-1)+IF('Standard Profiles'!$G$22=$B$10,7,0)+IF('Standard Profiles'!$G$22=$B$17,14,0)+IF('Standard Profiles'!$G$22=$B$24,21,0),MOD($C5894,24)+1)/SUM(INDEX($D$3:$AA$30,INDEX(Jesper!$R$2:$R$366,ROW(INDEX(Jesper!AL$2:AL$366,ROUNDDOWN($C5894/24,0)+1,1))-1)+IF('Standard Profiles'!$G$22=$B$10,7,0)+IF('Standard Profiles'!$G$22=$B$17,14,0)+IF('Standard Profiles'!$G$22=$B$24,21,0),0)),0)</f>
        <v>0</v>
      </c>
      <c r="I5894">
        <f t="shared" si="657"/>
        <v>0.10017270633879247</v>
      </c>
      <c r="J5894">
        <f t="shared" si="658"/>
        <v>0.33390902112930826</v>
      </c>
      <c r="K5894">
        <f t="shared" si="659"/>
        <v>0.50086353169396236</v>
      </c>
      <c r="L5894">
        <f t="shared" si="660"/>
        <v>7.0275391031147532</v>
      </c>
      <c r="M5894">
        <f t="shared" si="661"/>
        <v>0</v>
      </c>
      <c r="N5894" s="46">
        <f t="shared" si="662"/>
        <v>45536.166666652454</v>
      </c>
    </row>
    <row r="5895" spans="2:14" x14ac:dyDescent="0.3">
      <c r="B5895">
        <f t="shared" si="656"/>
        <v>7</v>
      </c>
      <c r="C5895" s="16">
        <v>5861</v>
      </c>
      <c r="D5895" cm="1">
        <f t="array" ref="D5895">IFERROR(INDEX(Jesper!AH$2:AH$366,ROUNDDOWN($C5895/24,0)+1,1)*INDEX($D$3:$AA$30,INDEX(Jesper!$R$2:$R$366,ROW(INDEX(Jesper!AH$2:AH$366,ROUNDDOWN($C5895/24,0)+1,1))-1)+IF('Standard Profiles'!$G$18=$B$10,7,0)+IF('Standard Profiles'!$G$18=$B$17,14,0)+IF('Standard Profiles'!$G$18=$B$24,21,0),MOD($C5895,24)+1)/SUM(INDEX($D$3:$AA$30,INDEX(Jesper!$R$2:$R$366,ROW(INDEX(Jesper!AH$2:AH$366,ROUNDDOWN($C5895/24,0)+1,1))-1)+IF('Standard Profiles'!$G$18=$B$10,7,0)+IF('Standard Profiles'!$G$18=$B$17,14,0)+IF('Standard Profiles'!$G$18=$B$24,21,0),0)),0)</f>
        <v>8.5632091523952756</v>
      </c>
      <c r="E5895" cm="1">
        <f t="array" ref="E5895">IFERROR(INDEX(Jesper!AI$2:AI$366,ROUNDDOWN($C5895/24,0)+1,1)*INDEX($D$3:$AA$30,INDEX(Jesper!$R$2:$R$366,ROW(INDEX(Jesper!AI$2:AI$366,ROUNDDOWN($C5895/24,0)+1,1))-1)+IF('Standard Profiles'!$G$19=$B$10,7,0)+IF('Standard Profiles'!$G$19=$B$17,14,0)+IF('Standard Profiles'!$G$19=$B$24,21,0),MOD($C5895,24)+1)/SUM(INDEX($D$3:$AA$30,INDEX(Jesper!$R$2:$R$366,ROW(INDEX(Jesper!AI$2:AI$366,ROUNDDOWN($C5895/24,0)+1,1))-1)+IF('Standard Profiles'!$G$19=$B$10,7,0)+IF('Standard Profiles'!$G$19=$B$17,14,0)+IF('Standard Profiles'!$G$19=$B$24,21,0),0)),0)</f>
        <v>1.3898963004507447</v>
      </c>
      <c r="F5895" cm="1">
        <f t="array" ref="F5895">IFERROR(INDEX(Jesper!AJ$2:AJ$366,ROUNDDOWN($C5895/24,0)+1,1)*INDEX($D$3:$AA$30,INDEX(Jesper!$R$2:$R$366,ROW(INDEX(Jesper!AJ$2:AJ$366,ROUNDDOWN($C5895/24,0)+1,1))-1)+IF('Standard Profiles'!$G$20=$B$10,7,0)+IF('Standard Profiles'!$G$20=$B$17,14,0)+IF('Standard Profiles'!$G$20=$B$24,21,0),MOD($C5895,24)+1)/SUM(INDEX($D$3:$AA$30,INDEX(Jesper!$R$2:$R$366,ROW(INDEX(Jesper!AJ$2:AJ$366,ROUNDDOWN($C5895/24,0)+1,1))-1)+IF('Standard Profiles'!$G$20=$B$10,7,0)+IF('Standard Profiles'!$G$20=$B$17,14,0)+IF('Standard Profiles'!$G$20=$B$24,21,0),0)),0)</f>
        <v>0</v>
      </c>
      <c r="G5895" cm="1">
        <f t="array" ref="G5895">IFERROR(INDEX(Jesper!AK$2:AK$366,ROUNDDOWN($C5895/24,0)+1,1)*INDEX($D$3:$AA$30,INDEX(Jesper!$R$2:$R$366,ROW(INDEX(Jesper!AK$2:AK$366,ROUNDDOWN($C5895/24,0)+1,1))-1)+IF('Standard Profiles'!$G$21=$B$10,7,0)+IF('Standard Profiles'!$G$21=$B$17,14,0)+IF('Standard Profiles'!$G$21=$B$24,21,0),MOD($C5895,24)+1)/SUM(INDEX($D$3:$AA$30,INDEX(Jesper!$R$2:$R$366,ROW(INDEX(Jesper!AK$2:AK$366,ROUNDDOWN($C5895/24,0)+1,1))-1)+IF('Standard Profiles'!$G$21=$B$10,7,0)+IF('Standard Profiles'!$G$21=$B$17,14,0)+IF('Standard Profiles'!$G$21=$B$24,21,0),0)),0)</f>
        <v>0</v>
      </c>
      <c r="H5895" cm="1">
        <f t="array" ref="H5895">IFERROR(INDEX(Jesper!AL$2:AL$366,ROUNDDOWN($C5895/24,0)+1,1)*INDEX($D$3:$AA$30,INDEX(Jesper!$R$2:$R$366,ROW(INDEX(Jesper!AL$2:AL$366,ROUNDDOWN($C5895/24,0)+1,1))-1)+IF('Standard Profiles'!$G$22=$B$10,7,0)+IF('Standard Profiles'!$G$22=$B$17,14,0)+IF('Standard Profiles'!$G$22=$B$24,21,0),MOD($C5895,24)+1)/SUM(INDEX($D$3:$AA$30,INDEX(Jesper!$R$2:$R$366,ROW(INDEX(Jesper!AL$2:AL$366,ROUNDDOWN($C5895/24,0)+1,1))-1)+IF('Standard Profiles'!$G$22=$B$10,7,0)+IF('Standard Profiles'!$G$22=$B$17,14,0)+IF('Standard Profiles'!$G$22=$B$24,21,0),0)),0)</f>
        <v>0</v>
      </c>
      <c r="I5895">
        <f t="shared" si="657"/>
        <v>0.12521588292349056</v>
      </c>
      <c r="J5895">
        <f t="shared" si="658"/>
        <v>0.41738627641163523</v>
      </c>
      <c r="K5895">
        <f t="shared" si="659"/>
        <v>0.62607941461745287</v>
      </c>
      <c r="L5895">
        <f t="shared" si="660"/>
        <v>8.7844238788934419</v>
      </c>
      <c r="M5895">
        <f t="shared" si="661"/>
        <v>0</v>
      </c>
      <c r="N5895" s="46">
        <f t="shared" si="662"/>
        <v>45536.208333319119</v>
      </c>
    </row>
    <row r="5896" spans="2:14" x14ac:dyDescent="0.3">
      <c r="B5896">
        <f t="shared" si="656"/>
        <v>7</v>
      </c>
      <c r="C5896" s="16">
        <v>5862</v>
      </c>
      <c r="D5896" cm="1">
        <f t="array" ref="D5896">IFERROR(INDEX(Jesper!AH$2:AH$366,ROUNDDOWN($C5896/24,0)+1,1)*INDEX($D$3:$AA$30,INDEX(Jesper!$R$2:$R$366,ROW(INDEX(Jesper!AH$2:AH$366,ROUNDDOWN($C5896/24,0)+1,1))-1)+IF('Standard Profiles'!$G$18=$B$10,7,0)+IF('Standard Profiles'!$G$18=$B$17,14,0)+IF('Standard Profiles'!$G$18=$B$24,21,0),MOD($C5896,24)+1)/SUM(INDEX($D$3:$AA$30,INDEX(Jesper!$R$2:$R$366,ROW(INDEX(Jesper!AH$2:AH$366,ROUNDDOWN($C5896/24,0)+1,1))-1)+IF('Standard Profiles'!$G$18=$B$10,7,0)+IF('Standard Profiles'!$G$18=$B$17,14,0)+IF('Standard Profiles'!$G$18=$B$24,21,0),0)),0)</f>
        <v>10.085557446154434</v>
      </c>
      <c r="E5896" cm="1">
        <f t="array" ref="E5896">IFERROR(INDEX(Jesper!AI$2:AI$366,ROUNDDOWN($C5896/24,0)+1,1)*INDEX($D$3:$AA$30,INDEX(Jesper!$R$2:$R$366,ROW(INDEX(Jesper!AI$2:AI$366,ROUNDDOWN($C5896/24,0)+1,1))-1)+IF('Standard Profiles'!$G$19=$B$10,7,0)+IF('Standard Profiles'!$G$19=$B$17,14,0)+IF('Standard Profiles'!$G$19=$B$24,21,0),MOD($C5896,24)+1)/SUM(INDEX($D$3:$AA$30,INDEX(Jesper!$R$2:$R$366,ROW(INDEX(Jesper!AI$2:AI$366,ROUNDDOWN($C5896/24,0)+1,1))-1)+IF('Standard Profiles'!$G$19=$B$10,7,0)+IF('Standard Profiles'!$G$19=$B$17,14,0)+IF('Standard Profiles'!$G$19=$B$24,21,0),0)),0)</f>
        <v>1.6369889760864329</v>
      </c>
      <c r="F5896" cm="1">
        <f t="array" ref="F5896">IFERROR(INDEX(Jesper!AJ$2:AJ$366,ROUNDDOWN($C5896/24,0)+1,1)*INDEX($D$3:$AA$30,INDEX(Jesper!$R$2:$R$366,ROW(INDEX(Jesper!AJ$2:AJ$366,ROUNDDOWN($C5896/24,0)+1,1))-1)+IF('Standard Profiles'!$G$20=$B$10,7,0)+IF('Standard Profiles'!$G$20=$B$17,14,0)+IF('Standard Profiles'!$G$20=$B$24,21,0),MOD($C5896,24)+1)/SUM(INDEX($D$3:$AA$30,INDEX(Jesper!$R$2:$R$366,ROW(INDEX(Jesper!AJ$2:AJ$366,ROUNDDOWN($C5896/24,0)+1,1))-1)+IF('Standard Profiles'!$G$20=$B$10,7,0)+IF('Standard Profiles'!$G$20=$B$17,14,0)+IF('Standard Profiles'!$G$20=$B$24,21,0),0)),0)</f>
        <v>0</v>
      </c>
      <c r="G5896" cm="1">
        <f t="array" ref="G5896">IFERROR(INDEX(Jesper!AK$2:AK$366,ROUNDDOWN($C5896/24,0)+1,1)*INDEX($D$3:$AA$30,INDEX(Jesper!$R$2:$R$366,ROW(INDEX(Jesper!AK$2:AK$366,ROUNDDOWN($C5896/24,0)+1,1))-1)+IF('Standard Profiles'!$G$21=$B$10,7,0)+IF('Standard Profiles'!$G$21=$B$17,14,0)+IF('Standard Profiles'!$G$21=$B$24,21,0),MOD($C5896,24)+1)/SUM(INDEX($D$3:$AA$30,INDEX(Jesper!$R$2:$R$366,ROW(INDEX(Jesper!AK$2:AK$366,ROUNDDOWN($C5896/24,0)+1,1))-1)+IF('Standard Profiles'!$G$21=$B$10,7,0)+IF('Standard Profiles'!$G$21=$B$17,14,0)+IF('Standard Profiles'!$G$21=$B$24,21,0),0)),0)</f>
        <v>0</v>
      </c>
      <c r="H5896" cm="1">
        <f t="array" ref="H5896">IFERROR(INDEX(Jesper!AL$2:AL$366,ROUNDDOWN($C5896/24,0)+1,1)*INDEX($D$3:$AA$30,INDEX(Jesper!$R$2:$R$366,ROW(INDEX(Jesper!AL$2:AL$366,ROUNDDOWN($C5896/24,0)+1,1))-1)+IF('Standard Profiles'!$G$22=$B$10,7,0)+IF('Standard Profiles'!$G$22=$B$17,14,0)+IF('Standard Profiles'!$G$22=$B$24,21,0),MOD($C5896,24)+1)/SUM(INDEX($D$3:$AA$30,INDEX(Jesper!$R$2:$R$366,ROW(INDEX(Jesper!AL$2:AL$366,ROUNDDOWN($C5896/24,0)+1,1))-1)+IF('Standard Profiles'!$G$22=$B$10,7,0)+IF('Standard Profiles'!$G$22=$B$17,14,0)+IF('Standard Profiles'!$G$22=$B$24,21,0),0)),0)</f>
        <v>0</v>
      </c>
      <c r="I5896">
        <f t="shared" si="657"/>
        <v>0.14747648433211111</v>
      </c>
      <c r="J5896">
        <f t="shared" si="658"/>
        <v>0.49158828110703712</v>
      </c>
      <c r="K5896">
        <f t="shared" si="659"/>
        <v>0.73738242166055568</v>
      </c>
      <c r="L5896">
        <f t="shared" si="660"/>
        <v>10.346099235141164</v>
      </c>
      <c r="M5896">
        <f t="shared" si="661"/>
        <v>0</v>
      </c>
      <c r="N5896" s="46">
        <f t="shared" si="662"/>
        <v>45536.249999985783</v>
      </c>
    </row>
    <row r="5897" spans="2:14" x14ac:dyDescent="0.3">
      <c r="B5897">
        <f t="shared" si="656"/>
        <v>7</v>
      </c>
      <c r="C5897" s="16">
        <v>5863</v>
      </c>
      <c r="D5897" cm="1">
        <f t="array" ref="D5897">IFERROR(INDEX(Jesper!AH$2:AH$366,ROUNDDOWN($C5897/24,0)+1,1)*INDEX($D$3:$AA$30,INDEX(Jesper!$R$2:$R$366,ROW(INDEX(Jesper!AH$2:AH$366,ROUNDDOWN($C5897/24,0)+1,1))-1)+IF('Standard Profiles'!$G$18=$B$10,7,0)+IF('Standard Profiles'!$G$18=$B$17,14,0)+IF('Standard Profiles'!$G$18=$B$24,21,0),MOD($C5897,24)+1)/SUM(INDEX($D$3:$AA$30,INDEX(Jesper!$R$2:$R$366,ROW(INDEX(Jesper!AH$2:AH$366,ROUNDDOWN($C5897/24,0)+1,1))-1)+IF('Standard Profiles'!$G$18=$B$10,7,0)+IF('Standard Profiles'!$G$18=$B$17,14,0)+IF('Standard Profiles'!$G$18=$B$24,21,0),0)),0)</f>
        <v>11.988492813353385</v>
      </c>
      <c r="E5897" cm="1">
        <f t="array" ref="E5897">IFERROR(INDEX(Jesper!AI$2:AI$366,ROUNDDOWN($C5897/24,0)+1,1)*INDEX($D$3:$AA$30,INDEX(Jesper!$R$2:$R$366,ROW(INDEX(Jesper!AI$2:AI$366,ROUNDDOWN($C5897/24,0)+1,1))-1)+IF('Standard Profiles'!$G$19=$B$10,7,0)+IF('Standard Profiles'!$G$19=$B$17,14,0)+IF('Standard Profiles'!$G$19=$B$24,21,0),MOD($C5897,24)+1)/SUM(INDEX($D$3:$AA$30,INDEX(Jesper!$R$2:$R$366,ROW(INDEX(Jesper!AI$2:AI$366,ROUNDDOWN($C5897/24,0)+1,1))-1)+IF('Standard Profiles'!$G$19=$B$10,7,0)+IF('Standard Profiles'!$G$19=$B$17,14,0)+IF('Standard Profiles'!$G$19=$B$24,21,0),0)),0)</f>
        <v>1.9458548206310429</v>
      </c>
      <c r="F5897" cm="1">
        <f t="array" ref="F5897">IFERROR(INDEX(Jesper!AJ$2:AJ$366,ROUNDDOWN($C5897/24,0)+1,1)*INDEX($D$3:$AA$30,INDEX(Jesper!$R$2:$R$366,ROW(INDEX(Jesper!AJ$2:AJ$366,ROUNDDOWN($C5897/24,0)+1,1))-1)+IF('Standard Profiles'!$G$20=$B$10,7,0)+IF('Standard Profiles'!$G$20=$B$17,14,0)+IF('Standard Profiles'!$G$20=$B$24,21,0),MOD($C5897,24)+1)/SUM(INDEX($D$3:$AA$30,INDEX(Jesper!$R$2:$R$366,ROW(INDEX(Jesper!AJ$2:AJ$366,ROUNDDOWN($C5897/24,0)+1,1))-1)+IF('Standard Profiles'!$G$20=$B$10,7,0)+IF('Standard Profiles'!$G$20=$B$17,14,0)+IF('Standard Profiles'!$G$20=$B$24,21,0),0)),0)</f>
        <v>0</v>
      </c>
      <c r="G5897" cm="1">
        <f t="array" ref="G5897">IFERROR(INDEX(Jesper!AK$2:AK$366,ROUNDDOWN($C5897/24,0)+1,1)*INDEX($D$3:$AA$30,INDEX(Jesper!$R$2:$R$366,ROW(INDEX(Jesper!AK$2:AK$366,ROUNDDOWN($C5897/24,0)+1,1))-1)+IF('Standard Profiles'!$G$21=$B$10,7,0)+IF('Standard Profiles'!$G$21=$B$17,14,0)+IF('Standard Profiles'!$G$21=$B$24,21,0),MOD($C5897,24)+1)/SUM(INDEX($D$3:$AA$30,INDEX(Jesper!$R$2:$R$366,ROW(INDEX(Jesper!AK$2:AK$366,ROUNDDOWN($C5897/24,0)+1,1))-1)+IF('Standard Profiles'!$G$21=$B$10,7,0)+IF('Standard Profiles'!$G$21=$B$17,14,0)+IF('Standard Profiles'!$G$21=$B$24,21,0),0)),0)</f>
        <v>0</v>
      </c>
      <c r="H5897" cm="1">
        <f t="array" ref="H5897">IFERROR(INDEX(Jesper!AL$2:AL$366,ROUNDDOWN($C5897/24,0)+1,1)*INDEX($D$3:$AA$30,INDEX(Jesper!$R$2:$R$366,ROW(INDEX(Jesper!AL$2:AL$366,ROUNDDOWN($C5897/24,0)+1,1))-1)+IF('Standard Profiles'!$G$22=$B$10,7,0)+IF('Standard Profiles'!$G$22=$B$17,14,0)+IF('Standard Profiles'!$G$22=$B$24,21,0),MOD($C5897,24)+1)/SUM(INDEX($D$3:$AA$30,INDEX(Jesper!$R$2:$R$366,ROW(INDEX(Jesper!AL$2:AL$366,ROUNDDOWN($C5897/24,0)+1,1))-1)+IF('Standard Profiles'!$G$22=$B$10,7,0)+IF('Standard Profiles'!$G$22=$B$17,14,0)+IF('Standard Profiles'!$G$22=$B$24,21,0),0)),0)</f>
        <v>0</v>
      </c>
      <c r="I5897">
        <f t="shared" si="657"/>
        <v>0.17530223609288678</v>
      </c>
      <c r="J5897">
        <f t="shared" si="658"/>
        <v>0.58434078697628933</v>
      </c>
      <c r="K5897">
        <f t="shared" si="659"/>
        <v>0.8765111804644341</v>
      </c>
      <c r="L5897">
        <f t="shared" si="660"/>
        <v>12.298193430450818</v>
      </c>
      <c r="M5897">
        <f t="shared" si="661"/>
        <v>0</v>
      </c>
      <c r="N5897" s="46">
        <f t="shared" si="662"/>
        <v>45536.291666652447</v>
      </c>
    </row>
    <row r="5898" spans="2:14" x14ac:dyDescent="0.3">
      <c r="B5898">
        <f t="shared" si="656"/>
        <v>7</v>
      </c>
      <c r="C5898" s="16">
        <v>5864</v>
      </c>
      <c r="D5898" cm="1">
        <f t="array" ref="D5898">IFERROR(INDEX(Jesper!AH$2:AH$366,ROUNDDOWN($C5898/24,0)+1,1)*INDEX($D$3:$AA$30,INDEX(Jesper!$R$2:$R$366,ROW(INDEX(Jesper!AH$2:AH$366,ROUNDDOWN($C5898/24,0)+1,1))-1)+IF('Standard Profiles'!$G$18=$B$10,7,0)+IF('Standard Profiles'!$G$18=$B$17,14,0)+IF('Standard Profiles'!$G$18=$B$24,21,0),MOD($C5898,24)+1)/SUM(INDEX($D$3:$AA$30,INDEX(Jesper!$R$2:$R$366,ROW(INDEX(Jesper!AH$2:AH$366,ROUNDDOWN($C5898/24,0)+1,1))-1)+IF('Standard Profiles'!$G$18=$B$10,7,0)+IF('Standard Profiles'!$G$18=$B$17,14,0)+IF('Standard Profiles'!$G$18=$B$24,21,0),0)),0)</f>
        <v>11.988492813353385</v>
      </c>
      <c r="E5898" cm="1">
        <f t="array" ref="E5898">IFERROR(INDEX(Jesper!AI$2:AI$366,ROUNDDOWN($C5898/24,0)+1,1)*INDEX($D$3:$AA$30,INDEX(Jesper!$R$2:$R$366,ROW(INDEX(Jesper!AI$2:AI$366,ROUNDDOWN($C5898/24,0)+1,1))-1)+IF('Standard Profiles'!$G$19=$B$10,7,0)+IF('Standard Profiles'!$G$19=$B$17,14,0)+IF('Standard Profiles'!$G$19=$B$24,21,0),MOD($C5898,24)+1)/SUM(INDEX($D$3:$AA$30,INDEX(Jesper!$R$2:$R$366,ROW(INDEX(Jesper!AI$2:AI$366,ROUNDDOWN($C5898/24,0)+1,1))-1)+IF('Standard Profiles'!$G$19=$B$10,7,0)+IF('Standard Profiles'!$G$19=$B$17,14,0)+IF('Standard Profiles'!$G$19=$B$24,21,0),0)),0)</f>
        <v>1.9458548206310429</v>
      </c>
      <c r="F5898" cm="1">
        <f t="array" ref="F5898">IFERROR(INDEX(Jesper!AJ$2:AJ$366,ROUNDDOWN($C5898/24,0)+1,1)*INDEX($D$3:$AA$30,INDEX(Jesper!$R$2:$R$366,ROW(INDEX(Jesper!AJ$2:AJ$366,ROUNDDOWN($C5898/24,0)+1,1))-1)+IF('Standard Profiles'!$G$20=$B$10,7,0)+IF('Standard Profiles'!$G$20=$B$17,14,0)+IF('Standard Profiles'!$G$20=$B$24,21,0),MOD($C5898,24)+1)/SUM(INDEX($D$3:$AA$30,INDEX(Jesper!$R$2:$R$366,ROW(INDEX(Jesper!AJ$2:AJ$366,ROUNDDOWN($C5898/24,0)+1,1))-1)+IF('Standard Profiles'!$G$20=$B$10,7,0)+IF('Standard Profiles'!$G$20=$B$17,14,0)+IF('Standard Profiles'!$G$20=$B$24,21,0),0)),0)</f>
        <v>0</v>
      </c>
      <c r="G5898" cm="1">
        <f t="array" ref="G5898">IFERROR(INDEX(Jesper!AK$2:AK$366,ROUNDDOWN($C5898/24,0)+1,1)*INDEX($D$3:$AA$30,INDEX(Jesper!$R$2:$R$366,ROW(INDEX(Jesper!AK$2:AK$366,ROUNDDOWN($C5898/24,0)+1,1))-1)+IF('Standard Profiles'!$G$21=$B$10,7,0)+IF('Standard Profiles'!$G$21=$B$17,14,0)+IF('Standard Profiles'!$G$21=$B$24,21,0),MOD($C5898,24)+1)/SUM(INDEX($D$3:$AA$30,INDEX(Jesper!$R$2:$R$366,ROW(INDEX(Jesper!AK$2:AK$366,ROUNDDOWN($C5898/24,0)+1,1))-1)+IF('Standard Profiles'!$G$21=$B$10,7,0)+IF('Standard Profiles'!$G$21=$B$17,14,0)+IF('Standard Profiles'!$G$21=$B$24,21,0),0)),0)</f>
        <v>0</v>
      </c>
      <c r="H5898" cm="1">
        <f t="array" ref="H5898">IFERROR(INDEX(Jesper!AL$2:AL$366,ROUNDDOWN($C5898/24,0)+1,1)*INDEX($D$3:$AA$30,INDEX(Jesper!$R$2:$R$366,ROW(INDEX(Jesper!AL$2:AL$366,ROUNDDOWN($C5898/24,0)+1,1))-1)+IF('Standard Profiles'!$G$22=$B$10,7,0)+IF('Standard Profiles'!$G$22=$B$17,14,0)+IF('Standard Profiles'!$G$22=$B$24,21,0),MOD($C5898,24)+1)/SUM(INDEX($D$3:$AA$30,INDEX(Jesper!$R$2:$R$366,ROW(INDEX(Jesper!AL$2:AL$366,ROUNDDOWN($C5898/24,0)+1,1))-1)+IF('Standard Profiles'!$G$22=$B$10,7,0)+IF('Standard Profiles'!$G$22=$B$17,14,0)+IF('Standard Profiles'!$G$22=$B$24,21,0),0)),0)</f>
        <v>0</v>
      </c>
      <c r="I5898">
        <f t="shared" si="657"/>
        <v>0.17530223609288678</v>
      </c>
      <c r="J5898">
        <f t="shared" si="658"/>
        <v>0.58434078697628933</v>
      </c>
      <c r="K5898">
        <f t="shared" si="659"/>
        <v>0.8765111804644341</v>
      </c>
      <c r="L5898">
        <f t="shared" si="660"/>
        <v>12.298193430450818</v>
      </c>
      <c r="M5898">
        <f t="shared" si="661"/>
        <v>0</v>
      </c>
      <c r="N5898" s="46">
        <f t="shared" si="662"/>
        <v>45536.333333319111</v>
      </c>
    </row>
    <row r="5899" spans="2:14" x14ac:dyDescent="0.3">
      <c r="B5899">
        <f t="shared" si="656"/>
        <v>7</v>
      </c>
      <c r="C5899" s="16">
        <v>5865</v>
      </c>
      <c r="D5899" cm="1">
        <f t="array" ref="D5899">IFERROR(INDEX(Jesper!AH$2:AH$366,ROUNDDOWN($C5899/24,0)+1,1)*INDEX($D$3:$AA$30,INDEX(Jesper!$R$2:$R$366,ROW(INDEX(Jesper!AH$2:AH$366,ROUNDDOWN($C5899/24,0)+1,1))-1)+IF('Standard Profiles'!$G$18=$B$10,7,0)+IF('Standard Profiles'!$G$18=$B$17,14,0)+IF('Standard Profiles'!$G$18=$B$24,21,0),MOD($C5899,24)+1)/SUM(INDEX($D$3:$AA$30,INDEX(Jesper!$R$2:$R$366,ROW(INDEX(Jesper!AH$2:AH$366,ROUNDDOWN($C5899/24,0)+1,1))-1)+IF('Standard Profiles'!$G$18=$B$10,7,0)+IF('Standard Profiles'!$G$18=$B$17,14,0)+IF('Standard Profiles'!$G$18=$B$24,21,0),0)),0)</f>
        <v>11.988492813353385</v>
      </c>
      <c r="E5899" cm="1">
        <f t="array" ref="E5899">IFERROR(INDEX(Jesper!AI$2:AI$366,ROUNDDOWN($C5899/24,0)+1,1)*INDEX($D$3:$AA$30,INDEX(Jesper!$R$2:$R$366,ROW(INDEX(Jesper!AI$2:AI$366,ROUNDDOWN($C5899/24,0)+1,1))-1)+IF('Standard Profiles'!$G$19=$B$10,7,0)+IF('Standard Profiles'!$G$19=$B$17,14,0)+IF('Standard Profiles'!$G$19=$B$24,21,0),MOD($C5899,24)+1)/SUM(INDEX($D$3:$AA$30,INDEX(Jesper!$R$2:$R$366,ROW(INDEX(Jesper!AI$2:AI$366,ROUNDDOWN($C5899/24,0)+1,1))-1)+IF('Standard Profiles'!$G$19=$B$10,7,0)+IF('Standard Profiles'!$G$19=$B$17,14,0)+IF('Standard Profiles'!$G$19=$B$24,21,0),0)),0)</f>
        <v>1.9458548206310429</v>
      </c>
      <c r="F5899" cm="1">
        <f t="array" ref="F5899">IFERROR(INDEX(Jesper!AJ$2:AJ$366,ROUNDDOWN($C5899/24,0)+1,1)*INDEX($D$3:$AA$30,INDEX(Jesper!$R$2:$R$366,ROW(INDEX(Jesper!AJ$2:AJ$366,ROUNDDOWN($C5899/24,0)+1,1))-1)+IF('Standard Profiles'!$G$20=$B$10,7,0)+IF('Standard Profiles'!$G$20=$B$17,14,0)+IF('Standard Profiles'!$G$20=$B$24,21,0),MOD($C5899,24)+1)/SUM(INDEX($D$3:$AA$30,INDEX(Jesper!$R$2:$R$366,ROW(INDEX(Jesper!AJ$2:AJ$366,ROUNDDOWN($C5899/24,0)+1,1))-1)+IF('Standard Profiles'!$G$20=$B$10,7,0)+IF('Standard Profiles'!$G$20=$B$17,14,0)+IF('Standard Profiles'!$G$20=$B$24,21,0),0)),0)</f>
        <v>0</v>
      </c>
      <c r="G5899" cm="1">
        <f t="array" ref="G5899">IFERROR(INDEX(Jesper!AK$2:AK$366,ROUNDDOWN($C5899/24,0)+1,1)*INDEX($D$3:$AA$30,INDEX(Jesper!$R$2:$R$366,ROW(INDEX(Jesper!AK$2:AK$366,ROUNDDOWN($C5899/24,0)+1,1))-1)+IF('Standard Profiles'!$G$21=$B$10,7,0)+IF('Standard Profiles'!$G$21=$B$17,14,0)+IF('Standard Profiles'!$G$21=$B$24,21,0),MOD($C5899,24)+1)/SUM(INDEX($D$3:$AA$30,INDEX(Jesper!$R$2:$R$366,ROW(INDEX(Jesper!AK$2:AK$366,ROUNDDOWN($C5899/24,0)+1,1))-1)+IF('Standard Profiles'!$G$21=$B$10,7,0)+IF('Standard Profiles'!$G$21=$B$17,14,0)+IF('Standard Profiles'!$G$21=$B$24,21,0),0)),0)</f>
        <v>0</v>
      </c>
      <c r="H5899" cm="1">
        <f t="array" ref="H5899">IFERROR(INDEX(Jesper!AL$2:AL$366,ROUNDDOWN($C5899/24,0)+1,1)*INDEX($D$3:$AA$30,INDEX(Jesper!$R$2:$R$366,ROW(INDEX(Jesper!AL$2:AL$366,ROUNDDOWN($C5899/24,0)+1,1))-1)+IF('Standard Profiles'!$G$22=$B$10,7,0)+IF('Standard Profiles'!$G$22=$B$17,14,0)+IF('Standard Profiles'!$G$22=$B$24,21,0),MOD($C5899,24)+1)/SUM(INDEX($D$3:$AA$30,INDEX(Jesper!$R$2:$R$366,ROW(INDEX(Jesper!AL$2:AL$366,ROUNDDOWN($C5899/24,0)+1,1))-1)+IF('Standard Profiles'!$G$22=$B$10,7,0)+IF('Standard Profiles'!$G$22=$B$17,14,0)+IF('Standard Profiles'!$G$22=$B$24,21,0),0)),0)</f>
        <v>0</v>
      </c>
      <c r="I5899">
        <f t="shared" si="657"/>
        <v>0.17530223609288678</v>
      </c>
      <c r="J5899">
        <f t="shared" si="658"/>
        <v>0.58434078697628933</v>
      </c>
      <c r="K5899">
        <f t="shared" si="659"/>
        <v>0.8765111804644341</v>
      </c>
      <c r="L5899">
        <f t="shared" si="660"/>
        <v>12.298193430450818</v>
      </c>
      <c r="M5899">
        <f t="shared" si="661"/>
        <v>0</v>
      </c>
      <c r="N5899" s="46">
        <f t="shared" si="662"/>
        <v>45536.374999985776</v>
      </c>
    </row>
    <row r="5900" spans="2:14" x14ac:dyDescent="0.3">
      <c r="B5900">
        <f t="shared" si="656"/>
        <v>7</v>
      </c>
      <c r="C5900" s="16">
        <v>5866</v>
      </c>
      <c r="D5900" cm="1">
        <f t="array" ref="D5900">IFERROR(INDEX(Jesper!AH$2:AH$366,ROUNDDOWN($C5900/24,0)+1,1)*INDEX($D$3:$AA$30,INDEX(Jesper!$R$2:$R$366,ROW(INDEX(Jesper!AH$2:AH$366,ROUNDDOWN($C5900/24,0)+1,1))-1)+IF('Standard Profiles'!$G$18=$B$10,7,0)+IF('Standard Profiles'!$G$18=$B$17,14,0)+IF('Standard Profiles'!$G$18=$B$24,21,0),MOD($C5900,24)+1)/SUM(INDEX($D$3:$AA$30,INDEX(Jesper!$R$2:$R$366,ROW(INDEX(Jesper!AH$2:AH$366,ROUNDDOWN($C5900/24,0)+1,1))-1)+IF('Standard Profiles'!$G$18=$B$10,7,0)+IF('Standard Profiles'!$G$18=$B$17,14,0)+IF('Standard Profiles'!$G$18=$B$24,21,0),0)),0)</f>
        <v>11.988492813353385</v>
      </c>
      <c r="E5900" cm="1">
        <f t="array" ref="E5900">IFERROR(INDEX(Jesper!AI$2:AI$366,ROUNDDOWN($C5900/24,0)+1,1)*INDEX($D$3:$AA$30,INDEX(Jesper!$R$2:$R$366,ROW(INDEX(Jesper!AI$2:AI$366,ROUNDDOWN($C5900/24,0)+1,1))-1)+IF('Standard Profiles'!$G$19=$B$10,7,0)+IF('Standard Profiles'!$G$19=$B$17,14,0)+IF('Standard Profiles'!$G$19=$B$24,21,0),MOD($C5900,24)+1)/SUM(INDEX($D$3:$AA$30,INDEX(Jesper!$R$2:$R$366,ROW(INDEX(Jesper!AI$2:AI$366,ROUNDDOWN($C5900/24,0)+1,1))-1)+IF('Standard Profiles'!$G$19=$B$10,7,0)+IF('Standard Profiles'!$G$19=$B$17,14,0)+IF('Standard Profiles'!$G$19=$B$24,21,0),0)),0)</f>
        <v>1.9458548206310429</v>
      </c>
      <c r="F5900" cm="1">
        <f t="array" ref="F5900">IFERROR(INDEX(Jesper!AJ$2:AJ$366,ROUNDDOWN($C5900/24,0)+1,1)*INDEX($D$3:$AA$30,INDEX(Jesper!$R$2:$R$366,ROW(INDEX(Jesper!AJ$2:AJ$366,ROUNDDOWN($C5900/24,0)+1,1))-1)+IF('Standard Profiles'!$G$20=$B$10,7,0)+IF('Standard Profiles'!$G$20=$B$17,14,0)+IF('Standard Profiles'!$G$20=$B$24,21,0),MOD($C5900,24)+1)/SUM(INDEX($D$3:$AA$30,INDEX(Jesper!$R$2:$R$366,ROW(INDEX(Jesper!AJ$2:AJ$366,ROUNDDOWN($C5900/24,0)+1,1))-1)+IF('Standard Profiles'!$G$20=$B$10,7,0)+IF('Standard Profiles'!$G$20=$B$17,14,0)+IF('Standard Profiles'!$G$20=$B$24,21,0),0)),0)</f>
        <v>0</v>
      </c>
      <c r="G5900" cm="1">
        <f t="array" ref="G5900">IFERROR(INDEX(Jesper!AK$2:AK$366,ROUNDDOWN($C5900/24,0)+1,1)*INDEX($D$3:$AA$30,INDEX(Jesper!$R$2:$R$366,ROW(INDEX(Jesper!AK$2:AK$366,ROUNDDOWN($C5900/24,0)+1,1))-1)+IF('Standard Profiles'!$G$21=$B$10,7,0)+IF('Standard Profiles'!$G$21=$B$17,14,0)+IF('Standard Profiles'!$G$21=$B$24,21,0),MOD($C5900,24)+1)/SUM(INDEX($D$3:$AA$30,INDEX(Jesper!$R$2:$R$366,ROW(INDEX(Jesper!AK$2:AK$366,ROUNDDOWN($C5900/24,0)+1,1))-1)+IF('Standard Profiles'!$G$21=$B$10,7,0)+IF('Standard Profiles'!$G$21=$B$17,14,0)+IF('Standard Profiles'!$G$21=$B$24,21,0),0)),0)</f>
        <v>0</v>
      </c>
      <c r="H5900" cm="1">
        <f t="array" ref="H5900">IFERROR(INDEX(Jesper!AL$2:AL$366,ROUNDDOWN($C5900/24,0)+1,1)*INDEX($D$3:$AA$30,INDEX(Jesper!$R$2:$R$366,ROW(INDEX(Jesper!AL$2:AL$366,ROUNDDOWN($C5900/24,0)+1,1))-1)+IF('Standard Profiles'!$G$22=$B$10,7,0)+IF('Standard Profiles'!$G$22=$B$17,14,0)+IF('Standard Profiles'!$G$22=$B$24,21,0),MOD($C5900,24)+1)/SUM(INDEX($D$3:$AA$30,INDEX(Jesper!$R$2:$R$366,ROW(INDEX(Jesper!AL$2:AL$366,ROUNDDOWN($C5900/24,0)+1,1))-1)+IF('Standard Profiles'!$G$22=$B$10,7,0)+IF('Standard Profiles'!$G$22=$B$17,14,0)+IF('Standard Profiles'!$G$22=$B$24,21,0),0)),0)</f>
        <v>0</v>
      </c>
      <c r="I5900">
        <f t="shared" si="657"/>
        <v>0.17530223609288678</v>
      </c>
      <c r="J5900">
        <f t="shared" si="658"/>
        <v>0.58434078697628933</v>
      </c>
      <c r="K5900">
        <f t="shared" si="659"/>
        <v>0.8765111804644341</v>
      </c>
      <c r="L5900">
        <f t="shared" si="660"/>
        <v>12.298193430450818</v>
      </c>
      <c r="M5900">
        <f t="shared" si="661"/>
        <v>0</v>
      </c>
      <c r="N5900" s="46">
        <f t="shared" si="662"/>
        <v>45536.41666665244</v>
      </c>
    </row>
    <row r="5901" spans="2:14" x14ac:dyDescent="0.3">
      <c r="B5901">
        <f t="shared" si="656"/>
        <v>7</v>
      </c>
      <c r="C5901" s="16">
        <v>5867</v>
      </c>
      <c r="D5901" cm="1">
        <f t="array" ref="D5901">IFERROR(INDEX(Jesper!AH$2:AH$366,ROUNDDOWN($C5901/24,0)+1,1)*INDEX($D$3:$AA$30,INDEX(Jesper!$R$2:$R$366,ROW(INDEX(Jesper!AH$2:AH$366,ROUNDDOWN($C5901/24,0)+1,1))-1)+IF('Standard Profiles'!$G$18=$B$10,7,0)+IF('Standard Profiles'!$G$18=$B$17,14,0)+IF('Standard Profiles'!$G$18=$B$24,21,0),MOD($C5901,24)+1)/SUM(INDEX($D$3:$AA$30,INDEX(Jesper!$R$2:$R$366,ROW(INDEX(Jesper!AH$2:AH$366,ROUNDDOWN($C5901/24,0)+1,1))-1)+IF('Standard Profiles'!$G$18=$B$10,7,0)+IF('Standard Profiles'!$G$18=$B$17,14,0)+IF('Standard Profiles'!$G$18=$B$24,21,0),0)),0)</f>
        <v>11.988492813353385</v>
      </c>
      <c r="E5901" cm="1">
        <f t="array" ref="E5901">IFERROR(INDEX(Jesper!AI$2:AI$366,ROUNDDOWN($C5901/24,0)+1,1)*INDEX($D$3:$AA$30,INDEX(Jesper!$R$2:$R$366,ROW(INDEX(Jesper!AI$2:AI$366,ROUNDDOWN($C5901/24,0)+1,1))-1)+IF('Standard Profiles'!$G$19=$B$10,7,0)+IF('Standard Profiles'!$G$19=$B$17,14,0)+IF('Standard Profiles'!$G$19=$B$24,21,0),MOD($C5901,24)+1)/SUM(INDEX($D$3:$AA$30,INDEX(Jesper!$R$2:$R$366,ROW(INDEX(Jesper!AI$2:AI$366,ROUNDDOWN($C5901/24,0)+1,1))-1)+IF('Standard Profiles'!$G$19=$B$10,7,0)+IF('Standard Profiles'!$G$19=$B$17,14,0)+IF('Standard Profiles'!$G$19=$B$24,21,0),0)),0)</f>
        <v>1.9458548206310429</v>
      </c>
      <c r="F5901" cm="1">
        <f t="array" ref="F5901">IFERROR(INDEX(Jesper!AJ$2:AJ$366,ROUNDDOWN($C5901/24,0)+1,1)*INDEX($D$3:$AA$30,INDEX(Jesper!$R$2:$R$366,ROW(INDEX(Jesper!AJ$2:AJ$366,ROUNDDOWN($C5901/24,0)+1,1))-1)+IF('Standard Profiles'!$G$20=$B$10,7,0)+IF('Standard Profiles'!$G$20=$B$17,14,0)+IF('Standard Profiles'!$G$20=$B$24,21,0),MOD($C5901,24)+1)/SUM(INDEX($D$3:$AA$30,INDEX(Jesper!$R$2:$R$366,ROW(INDEX(Jesper!AJ$2:AJ$366,ROUNDDOWN($C5901/24,0)+1,1))-1)+IF('Standard Profiles'!$G$20=$B$10,7,0)+IF('Standard Profiles'!$G$20=$B$17,14,0)+IF('Standard Profiles'!$G$20=$B$24,21,0),0)),0)</f>
        <v>0</v>
      </c>
      <c r="G5901" cm="1">
        <f t="array" ref="G5901">IFERROR(INDEX(Jesper!AK$2:AK$366,ROUNDDOWN($C5901/24,0)+1,1)*INDEX($D$3:$AA$30,INDEX(Jesper!$R$2:$R$366,ROW(INDEX(Jesper!AK$2:AK$366,ROUNDDOWN($C5901/24,0)+1,1))-1)+IF('Standard Profiles'!$G$21=$B$10,7,0)+IF('Standard Profiles'!$G$21=$B$17,14,0)+IF('Standard Profiles'!$G$21=$B$24,21,0),MOD($C5901,24)+1)/SUM(INDEX($D$3:$AA$30,INDEX(Jesper!$R$2:$R$366,ROW(INDEX(Jesper!AK$2:AK$366,ROUNDDOWN($C5901/24,0)+1,1))-1)+IF('Standard Profiles'!$G$21=$B$10,7,0)+IF('Standard Profiles'!$G$21=$B$17,14,0)+IF('Standard Profiles'!$G$21=$B$24,21,0),0)),0)</f>
        <v>0</v>
      </c>
      <c r="H5901" cm="1">
        <f t="array" ref="H5901">IFERROR(INDEX(Jesper!AL$2:AL$366,ROUNDDOWN($C5901/24,0)+1,1)*INDEX($D$3:$AA$30,INDEX(Jesper!$R$2:$R$366,ROW(INDEX(Jesper!AL$2:AL$366,ROUNDDOWN($C5901/24,0)+1,1))-1)+IF('Standard Profiles'!$G$22=$B$10,7,0)+IF('Standard Profiles'!$G$22=$B$17,14,0)+IF('Standard Profiles'!$G$22=$B$24,21,0),MOD($C5901,24)+1)/SUM(INDEX($D$3:$AA$30,INDEX(Jesper!$R$2:$R$366,ROW(INDEX(Jesper!AL$2:AL$366,ROUNDDOWN($C5901/24,0)+1,1))-1)+IF('Standard Profiles'!$G$22=$B$10,7,0)+IF('Standard Profiles'!$G$22=$B$17,14,0)+IF('Standard Profiles'!$G$22=$B$24,21,0),0)),0)</f>
        <v>0</v>
      </c>
      <c r="I5901">
        <f t="shared" si="657"/>
        <v>0.17530223609288678</v>
      </c>
      <c r="J5901">
        <f t="shared" si="658"/>
        <v>0.58434078697628933</v>
      </c>
      <c r="K5901">
        <f t="shared" si="659"/>
        <v>0.8765111804644341</v>
      </c>
      <c r="L5901">
        <f t="shared" si="660"/>
        <v>12.298193430450818</v>
      </c>
      <c r="M5901">
        <f t="shared" si="661"/>
        <v>0</v>
      </c>
      <c r="N5901" s="46">
        <f t="shared" si="662"/>
        <v>45536.458333319104</v>
      </c>
    </row>
    <row r="5902" spans="2:14" x14ac:dyDescent="0.3">
      <c r="B5902">
        <f t="shared" si="656"/>
        <v>7</v>
      </c>
      <c r="C5902" s="16">
        <v>5868</v>
      </c>
      <c r="D5902" cm="1">
        <f t="array" ref="D5902">IFERROR(INDEX(Jesper!AH$2:AH$366,ROUNDDOWN($C5902/24,0)+1,1)*INDEX($D$3:$AA$30,INDEX(Jesper!$R$2:$R$366,ROW(INDEX(Jesper!AH$2:AH$366,ROUNDDOWN($C5902/24,0)+1,1))-1)+IF('Standard Profiles'!$G$18=$B$10,7,0)+IF('Standard Profiles'!$G$18=$B$17,14,0)+IF('Standard Profiles'!$G$18=$B$24,21,0),MOD($C5902,24)+1)/SUM(INDEX($D$3:$AA$30,INDEX(Jesper!$R$2:$R$366,ROW(INDEX(Jesper!AH$2:AH$366,ROUNDDOWN($C5902/24,0)+1,1))-1)+IF('Standard Profiles'!$G$18=$B$10,7,0)+IF('Standard Profiles'!$G$18=$B$17,14,0)+IF('Standard Profiles'!$G$18=$B$24,21,0),0)),0)</f>
        <v>11.988492813353385</v>
      </c>
      <c r="E5902" cm="1">
        <f t="array" ref="E5902">IFERROR(INDEX(Jesper!AI$2:AI$366,ROUNDDOWN($C5902/24,0)+1,1)*INDEX($D$3:$AA$30,INDEX(Jesper!$R$2:$R$366,ROW(INDEX(Jesper!AI$2:AI$366,ROUNDDOWN($C5902/24,0)+1,1))-1)+IF('Standard Profiles'!$G$19=$B$10,7,0)+IF('Standard Profiles'!$G$19=$B$17,14,0)+IF('Standard Profiles'!$G$19=$B$24,21,0),MOD($C5902,24)+1)/SUM(INDEX($D$3:$AA$30,INDEX(Jesper!$R$2:$R$366,ROW(INDEX(Jesper!AI$2:AI$366,ROUNDDOWN($C5902/24,0)+1,1))-1)+IF('Standard Profiles'!$G$19=$B$10,7,0)+IF('Standard Profiles'!$G$19=$B$17,14,0)+IF('Standard Profiles'!$G$19=$B$24,21,0),0)),0)</f>
        <v>1.9458548206310429</v>
      </c>
      <c r="F5902" cm="1">
        <f t="array" ref="F5902">IFERROR(INDEX(Jesper!AJ$2:AJ$366,ROUNDDOWN($C5902/24,0)+1,1)*INDEX($D$3:$AA$30,INDEX(Jesper!$R$2:$R$366,ROW(INDEX(Jesper!AJ$2:AJ$366,ROUNDDOWN($C5902/24,0)+1,1))-1)+IF('Standard Profiles'!$G$20=$B$10,7,0)+IF('Standard Profiles'!$G$20=$B$17,14,0)+IF('Standard Profiles'!$G$20=$B$24,21,0),MOD($C5902,24)+1)/SUM(INDEX($D$3:$AA$30,INDEX(Jesper!$R$2:$R$366,ROW(INDEX(Jesper!AJ$2:AJ$366,ROUNDDOWN($C5902/24,0)+1,1))-1)+IF('Standard Profiles'!$G$20=$B$10,7,0)+IF('Standard Profiles'!$G$20=$B$17,14,0)+IF('Standard Profiles'!$G$20=$B$24,21,0),0)),0)</f>
        <v>0</v>
      </c>
      <c r="G5902" cm="1">
        <f t="array" ref="G5902">IFERROR(INDEX(Jesper!AK$2:AK$366,ROUNDDOWN($C5902/24,0)+1,1)*INDEX($D$3:$AA$30,INDEX(Jesper!$R$2:$R$366,ROW(INDEX(Jesper!AK$2:AK$366,ROUNDDOWN($C5902/24,0)+1,1))-1)+IF('Standard Profiles'!$G$21=$B$10,7,0)+IF('Standard Profiles'!$G$21=$B$17,14,0)+IF('Standard Profiles'!$G$21=$B$24,21,0),MOD($C5902,24)+1)/SUM(INDEX($D$3:$AA$30,INDEX(Jesper!$R$2:$R$366,ROW(INDEX(Jesper!AK$2:AK$366,ROUNDDOWN($C5902/24,0)+1,1))-1)+IF('Standard Profiles'!$G$21=$B$10,7,0)+IF('Standard Profiles'!$G$21=$B$17,14,0)+IF('Standard Profiles'!$G$21=$B$24,21,0),0)),0)</f>
        <v>0</v>
      </c>
      <c r="H5902" cm="1">
        <f t="array" ref="H5902">IFERROR(INDEX(Jesper!AL$2:AL$366,ROUNDDOWN($C5902/24,0)+1,1)*INDEX($D$3:$AA$30,INDEX(Jesper!$R$2:$R$366,ROW(INDEX(Jesper!AL$2:AL$366,ROUNDDOWN($C5902/24,0)+1,1))-1)+IF('Standard Profiles'!$G$22=$B$10,7,0)+IF('Standard Profiles'!$G$22=$B$17,14,0)+IF('Standard Profiles'!$G$22=$B$24,21,0),MOD($C5902,24)+1)/SUM(INDEX($D$3:$AA$30,INDEX(Jesper!$R$2:$R$366,ROW(INDEX(Jesper!AL$2:AL$366,ROUNDDOWN($C5902/24,0)+1,1))-1)+IF('Standard Profiles'!$G$22=$B$10,7,0)+IF('Standard Profiles'!$G$22=$B$17,14,0)+IF('Standard Profiles'!$G$22=$B$24,21,0),0)),0)</f>
        <v>0</v>
      </c>
      <c r="I5902">
        <f t="shared" si="657"/>
        <v>0.17530223609288678</v>
      </c>
      <c r="J5902">
        <f t="shared" si="658"/>
        <v>0.58434078697628933</v>
      </c>
      <c r="K5902">
        <f t="shared" si="659"/>
        <v>0.8765111804644341</v>
      </c>
      <c r="L5902">
        <f t="shared" si="660"/>
        <v>12.298193430450818</v>
      </c>
      <c r="M5902">
        <f t="shared" si="661"/>
        <v>0</v>
      </c>
      <c r="N5902" s="46">
        <f t="shared" si="662"/>
        <v>45536.499999985768</v>
      </c>
    </row>
    <row r="5903" spans="2:14" x14ac:dyDescent="0.3">
      <c r="B5903">
        <f t="shared" si="656"/>
        <v>7</v>
      </c>
      <c r="C5903" s="16">
        <v>5869</v>
      </c>
      <c r="D5903" cm="1">
        <f t="array" ref="D5903">IFERROR(INDEX(Jesper!AH$2:AH$366,ROUNDDOWN($C5903/24,0)+1,1)*INDEX($D$3:$AA$30,INDEX(Jesper!$R$2:$R$366,ROW(INDEX(Jesper!AH$2:AH$366,ROUNDDOWN($C5903/24,0)+1,1))-1)+IF('Standard Profiles'!$G$18=$B$10,7,0)+IF('Standard Profiles'!$G$18=$B$17,14,0)+IF('Standard Profiles'!$G$18=$B$24,21,0),MOD($C5903,24)+1)/SUM(INDEX($D$3:$AA$30,INDEX(Jesper!$R$2:$R$366,ROW(INDEX(Jesper!AH$2:AH$366,ROUNDDOWN($C5903/24,0)+1,1))-1)+IF('Standard Profiles'!$G$18=$B$10,7,0)+IF('Standard Profiles'!$G$18=$B$17,14,0)+IF('Standard Profiles'!$G$18=$B$24,21,0),0)),0)</f>
        <v>11.988492813353385</v>
      </c>
      <c r="E5903" cm="1">
        <f t="array" ref="E5903">IFERROR(INDEX(Jesper!AI$2:AI$366,ROUNDDOWN($C5903/24,0)+1,1)*INDEX($D$3:$AA$30,INDEX(Jesper!$R$2:$R$366,ROW(INDEX(Jesper!AI$2:AI$366,ROUNDDOWN($C5903/24,0)+1,1))-1)+IF('Standard Profiles'!$G$19=$B$10,7,0)+IF('Standard Profiles'!$G$19=$B$17,14,0)+IF('Standard Profiles'!$G$19=$B$24,21,0),MOD($C5903,24)+1)/SUM(INDEX($D$3:$AA$30,INDEX(Jesper!$R$2:$R$366,ROW(INDEX(Jesper!AI$2:AI$366,ROUNDDOWN($C5903/24,0)+1,1))-1)+IF('Standard Profiles'!$G$19=$B$10,7,0)+IF('Standard Profiles'!$G$19=$B$17,14,0)+IF('Standard Profiles'!$G$19=$B$24,21,0),0)),0)</f>
        <v>1.9458548206310429</v>
      </c>
      <c r="F5903" cm="1">
        <f t="array" ref="F5903">IFERROR(INDEX(Jesper!AJ$2:AJ$366,ROUNDDOWN($C5903/24,0)+1,1)*INDEX($D$3:$AA$30,INDEX(Jesper!$R$2:$R$366,ROW(INDEX(Jesper!AJ$2:AJ$366,ROUNDDOWN($C5903/24,0)+1,1))-1)+IF('Standard Profiles'!$G$20=$B$10,7,0)+IF('Standard Profiles'!$G$20=$B$17,14,0)+IF('Standard Profiles'!$G$20=$B$24,21,0),MOD($C5903,24)+1)/SUM(INDEX($D$3:$AA$30,INDEX(Jesper!$R$2:$R$366,ROW(INDEX(Jesper!AJ$2:AJ$366,ROUNDDOWN($C5903/24,0)+1,1))-1)+IF('Standard Profiles'!$G$20=$B$10,7,0)+IF('Standard Profiles'!$G$20=$B$17,14,0)+IF('Standard Profiles'!$G$20=$B$24,21,0),0)),0)</f>
        <v>0</v>
      </c>
      <c r="G5903" cm="1">
        <f t="array" ref="G5903">IFERROR(INDEX(Jesper!AK$2:AK$366,ROUNDDOWN($C5903/24,0)+1,1)*INDEX($D$3:$AA$30,INDEX(Jesper!$R$2:$R$366,ROW(INDEX(Jesper!AK$2:AK$366,ROUNDDOWN($C5903/24,0)+1,1))-1)+IF('Standard Profiles'!$G$21=$B$10,7,0)+IF('Standard Profiles'!$G$21=$B$17,14,0)+IF('Standard Profiles'!$G$21=$B$24,21,0),MOD($C5903,24)+1)/SUM(INDEX($D$3:$AA$30,INDEX(Jesper!$R$2:$R$366,ROW(INDEX(Jesper!AK$2:AK$366,ROUNDDOWN($C5903/24,0)+1,1))-1)+IF('Standard Profiles'!$G$21=$B$10,7,0)+IF('Standard Profiles'!$G$21=$B$17,14,0)+IF('Standard Profiles'!$G$21=$B$24,21,0),0)),0)</f>
        <v>0</v>
      </c>
      <c r="H5903" cm="1">
        <f t="array" ref="H5903">IFERROR(INDEX(Jesper!AL$2:AL$366,ROUNDDOWN($C5903/24,0)+1,1)*INDEX($D$3:$AA$30,INDEX(Jesper!$R$2:$R$366,ROW(INDEX(Jesper!AL$2:AL$366,ROUNDDOWN($C5903/24,0)+1,1))-1)+IF('Standard Profiles'!$G$22=$B$10,7,0)+IF('Standard Profiles'!$G$22=$B$17,14,0)+IF('Standard Profiles'!$G$22=$B$24,21,0),MOD($C5903,24)+1)/SUM(INDEX($D$3:$AA$30,INDEX(Jesper!$R$2:$R$366,ROW(INDEX(Jesper!AL$2:AL$366,ROUNDDOWN($C5903/24,0)+1,1))-1)+IF('Standard Profiles'!$G$22=$B$10,7,0)+IF('Standard Profiles'!$G$22=$B$17,14,0)+IF('Standard Profiles'!$G$22=$B$24,21,0),0)),0)</f>
        <v>0</v>
      </c>
      <c r="I5903">
        <f t="shared" si="657"/>
        <v>0.17530223609288678</v>
      </c>
      <c r="J5903">
        <f t="shared" si="658"/>
        <v>0.58434078697628933</v>
      </c>
      <c r="K5903">
        <f t="shared" si="659"/>
        <v>0.8765111804644341</v>
      </c>
      <c r="L5903">
        <f t="shared" si="660"/>
        <v>12.298193430450818</v>
      </c>
      <c r="M5903">
        <f t="shared" si="661"/>
        <v>0</v>
      </c>
      <c r="N5903" s="46">
        <f t="shared" si="662"/>
        <v>45536.541666652432</v>
      </c>
    </row>
    <row r="5904" spans="2:14" x14ac:dyDescent="0.3">
      <c r="B5904">
        <f t="shared" si="656"/>
        <v>7</v>
      </c>
      <c r="C5904" s="16">
        <v>5870</v>
      </c>
      <c r="D5904" cm="1">
        <f t="array" ref="D5904">IFERROR(INDEX(Jesper!AH$2:AH$366,ROUNDDOWN($C5904/24,0)+1,1)*INDEX($D$3:$AA$30,INDEX(Jesper!$R$2:$R$366,ROW(INDEX(Jesper!AH$2:AH$366,ROUNDDOWN($C5904/24,0)+1,1))-1)+IF('Standard Profiles'!$G$18=$B$10,7,0)+IF('Standard Profiles'!$G$18=$B$17,14,0)+IF('Standard Profiles'!$G$18=$B$24,21,0),MOD($C5904,24)+1)/SUM(INDEX($D$3:$AA$30,INDEX(Jesper!$R$2:$R$366,ROW(INDEX(Jesper!AH$2:AH$366,ROUNDDOWN($C5904/24,0)+1,1))-1)+IF('Standard Profiles'!$G$18=$B$10,7,0)+IF('Standard Profiles'!$G$18=$B$17,14,0)+IF('Standard Profiles'!$G$18=$B$24,21,0),0)),0)</f>
        <v>11.988492813353385</v>
      </c>
      <c r="E5904" cm="1">
        <f t="array" ref="E5904">IFERROR(INDEX(Jesper!AI$2:AI$366,ROUNDDOWN($C5904/24,0)+1,1)*INDEX($D$3:$AA$30,INDEX(Jesper!$R$2:$R$366,ROW(INDEX(Jesper!AI$2:AI$366,ROUNDDOWN($C5904/24,0)+1,1))-1)+IF('Standard Profiles'!$G$19=$B$10,7,0)+IF('Standard Profiles'!$G$19=$B$17,14,0)+IF('Standard Profiles'!$G$19=$B$24,21,0),MOD($C5904,24)+1)/SUM(INDEX($D$3:$AA$30,INDEX(Jesper!$R$2:$R$366,ROW(INDEX(Jesper!AI$2:AI$366,ROUNDDOWN($C5904/24,0)+1,1))-1)+IF('Standard Profiles'!$G$19=$B$10,7,0)+IF('Standard Profiles'!$G$19=$B$17,14,0)+IF('Standard Profiles'!$G$19=$B$24,21,0),0)),0)</f>
        <v>1.9458548206310429</v>
      </c>
      <c r="F5904" cm="1">
        <f t="array" ref="F5904">IFERROR(INDEX(Jesper!AJ$2:AJ$366,ROUNDDOWN($C5904/24,0)+1,1)*INDEX($D$3:$AA$30,INDEX(Jesper!$R$2:$R$366,ROW(INDEX(Jesper!AJ$2:AJ$366,ROUNDDOWN($C5904/24,0)+1,1))-1)+IF('Standard Profiles'!$G$20=$B$10,7,0)+IF('Standard Profiles'!$G$20=$B$17,14,0)+IF('Standard Profiles'!$G$20=$B$24,21,0),MOD($C5904,24)+1)/SUM(INDEX($D$3:$AA$30,INDEX(Jesper!$R$2:$R$366,ROW(INDEX(Jesper!AJ$2:AJ$366,ROUNDDOWN($C5904/24,0)+1,1))-1)+IF('Standard Profiles'!$G$20=$B$10,7,0)+IF('Standard Profiles'!$G$20=$B$17,14,0)+IF('Standard Profiles'!$G$20=$B$24,21,0),0)),0)</f>
        <v>0</v>
      </c>
      <c r="G5904" cm="1">
        <f t="array" ref="G5904">IFERROR(INDEX(Jesper!AK$2:AK$366,ROUNDDOWN($C5904/24,0)+1,1)*INDEX($D$3:$AA$30,INDEX(Jesper!$R$2:$R$366,ROW(INDEX(Jesper!AK$2:AK$366,ROUNDDOWN($C5904/24,0)+1,1))-1)+IF('Standard Profiles'!$G$21=$B$10,7,0)+IF('Standard Profiles'!$G$21=$B$17,14,0)+IF('Standard Profiles'!$G$21=$B$24,21,0),MOD($C5904,24)+1)/SUM(INDEX($D$3:$AA$30,INDEX(Jesper!$R$2:$R$366,ROW(INDEX(Jesper!AK$2:AK$366,ROUNDDOWN($C5904/24,0)+1,1))-1)+IF('Standard Profiles'!$G$21=$B$10,7,0)+IF('Standard Profiles'!$G$21=$B$17,14,0)+IF('Standard Profiles'!$G$21=$B$24,21,0),0)),0)</f>
        <v>0</v>
      </c>
      <c r="H5904" cm="1">
        <f t="array" ref="H5904">IFERROR(INDEX(Jesper!AL$2:AL$366,ROUNDDOWN($C5904/24,0)+1,1)*INDEX($D$3:$AA$30,INDEX(Jesper!$R$2:$R$366,ROW(INDEX(Jesper!AL$2:AL$366,ROUNDDOWN($C5904/24,0)+1,1))-1)+IF('Standard Profiles'!$G$22=$B$10,7,0)+IF('Standard Profiles'!$G$22=$B$17,14,0)+IF('Standard Profiles'!$G$22=$B$24,21,0),MOD($C5904,24)+1)/SUM(INDEX($D$3:$AA$30,INDEX(Jesper!$R$2:$R$366,ROW(INDEX(Jesper!AL$2:AL$366,ROUNDDOWN($C5904/24,0)+1,1))-1)+IF('Standard Profiles'!$G$22=$B$10,7,0)+IF('Standard Profiles'!$G$22=$B$17,14,0)+IF('Standard Profiles'!$G$22=$B$24,21,0),0)),0)</f>
        <v>0</v>
      </c>
      <c r="I5904">
        <f t="shared" si="657"/>
        <v>0.17530223609288678</v>
      </c>
      <c r="J5904">
        <f t="shared" si="658"/>
        <v>0.58434078697628933</v>
      </c>
      <c r="K5904">
        <f t="shared" si="659"/>
        <v>0.8765111804644341</v>
      </c>
      <c r="L5904">
        <f t="shared" si="660"/>
        <v>12.298193430450818</v>
      </c>
      <c r="M5904">
        <f t="shared" si="661"/>
        <v>0</v>
      </c>
      <c r="N5904" s="46">
        <f t="shared" si="662"/>
        <v>45536.583333319097</v>
      </c>
    </row>
    <row r="5905" spans="2:14" x14ac:dyDescent="0.3">
      <c r="B5905">
        <f t="shared" si="656"/>
        <v>7</v>
      </c>
      <c r="C5905" s="16">
        <v>5871</v>
      </c>
      <c r="D5905" cm="1">
        <f t="array" ref="D5905">IFERROR(INDEX(Jesper!AH$2:AH$366,ROUNDDOWN($C5905/24,0)+1,1)*INDEX($D$3:$AA$30,INDEX(Jesper!$R$2:$R$366,ROW(INDEX(Jesper!AH$2:AH$366,ROUNDDOWN($C5905/24,0)+1,1))-1)+IF('Standard Profiles'!$G$18=$B$10,7,0)+IF('Standard Profiles'!$G$18=$B$17,14,0)+IF('Standard Profiles'!$G$18=$B$24,21,0),MOD($C5905,24)+1)/SUM(INDEX($D$3:$AA$30,INDEX(Jesper!$R$2:$R$366,ROW(INDEX(Jesper!AH$2:AH$366,ROUNDDOWN($C5905/24,0)+1,1))-1)+IF('Standard Profiles'!$G$18=$B$10,7,0)+IF('Standard Profiles'!$G$18=$B$17,14,0)+IF('Standard Profiles'!$G$18=$B$24,21,0),0)),0)</f>
        <v>10.656438056314121</v>
      </c>
      <c r="E5905" cm="1">
        <f t="array" ref="E5905">IFERROR(INDEX(Jesper!AI$2:AI$366,ROUNDDOWN($C5905/24,0)+1,1)*INDEX($D$3:$AA$30,INDEX(Jesper!$R$2:$R$366,ROW(INDEX(Jesper!AI$2:AI$366,ROUNDDOWN($C5905/24,0)+1,1))-1)+IF('Standard Profiles'!$G$19=$B$10,7,0)+IF('Standard Profiles'!$G$19=$B$17,14,0)+IF('Standard Profiles'!$G$19=$B$24,21,0),MOD($C5905,24)+1)/SUM(INDEX($D$3:$AA$30,INDEX(Jesper!$R$2:$R$366,ROW(INDEX(Jesper!AI$2:AI$366,ROUNDDOWN($C5905/24,0)+1,1))-1)+IF('Standard Profiles'!$G$19=$B$10,7,0)+IF('Standard Profiles'!$G$19=$B$17,14,0)+IF('Standard Profiles'!$G$19=$B$24,21,0),0)),0)</f>
        <v>1.729648729449816</v>
      </c>
      <c r="F5905" cm="1">
        <f t="array" ref="F5905">IFERROR(INDEX(Jesper!AJ$2:AJ$366,ROUNDDOWN($C5905/24,0)+1,1)*INDEX($D$3:$AA$30,INDEX(Jesper!$R$2:$R$366,ROW(INDEX(Jesper!AJ$2:AJ$366,ROUNDDOWN($C5905/24,0)+1,1))-1)+IF('Standard Profiles'!$G$20=$B$10,7,0)+IF('Standard Profiles'!$G$20=$B$17,14,0)+IF('Standard Profiles'!$G$20=$B$24,21,0),MOD($C5905,24)+1)/SUM(INDEX($D$3:$AA$30,INDEX(Jesper!$R$2:$R$366,ROW(INDEX(Jesper!AJ$2:AJ$366,ROUNDDOWN($C5905/24,0)+1,1))-1)+IF('Standard Profiles'!$G$20=$B$10,7,0)+IF('Standard Profiles'!$G$20=$B$17,14,0)+IF('Standard Profiles'!$G$20=$B$24,21,0),0)),0)</f>
        <v>0</v>
      </c>
      <c r="G5905" cm="1">
        <f t="array" ref="G5905">IFERROR(INDEX(Jesper!AK$2:AK$366,ROUNDDOWN($C5905/24,0)+1,1)*INDEX($D$3:$AA$30,INDEX(Jesper!$R$2:$R$366,ROW(INDEX(Jesper!AK$2:AK$366,ROUNDDOWN($C5905/24,0)+1,1))-1)+IF('Standard Profiles'!$G$21=$B$10,7,0)+IF('Standard Profiles'!$G$21=$B$17,14,0)+IF('Standard Profiles'!$G$21=$B$24,21,0),MOD($C5905,24)+1)/SUM(INDEX($D$3:$AA$30,INDEX(Jesper!$R$2:$R$366,ROW(INDEX(Jesper!AK$2:AK$366,ROUNDDOWN($C5905/24,0)+1,1))-1)+IF('Standard Profiles'!$G$21=$B$10,7,0)+IF('Standard Profiles'!$G$21=$B$17,14,0)+IF('Standard Profiles'!$G$21=$B$24,21,0),0)),0)</f>
        <v>0</v>
      </c>
      <c r="H5905" cm="1">
        <f t="array" ref="H5905">IFERROR(INDEX(Jesper!AL$2:AL$366,ROUNDDOWN($C5905/24,0)+1,1)*INDEX($D$3:$AA$30,INDEX(Jesper!$R$2:$R$366,ROW(INDEX(Jesper!AL$2:AL$366,ROUNDDOWN($C5905/24,0)+1,1))-1)+IF('Standard Profiles'!$G$22=$B$10,7,0)+IF('Standard Profiles'!$G$22=$B$17,14,0)+IF('Standard Profiles'!$G$22=$B$24,21,0),MOD($C5905,24)+1)/SUM(INDEX($D$3:$AA$30,INDEX(Jesper!$R$2:$R$366,ROW(INDEX(Jesper!AL$2:AL$366,ROUNDDOWN($C5905/24,0)+1,1))-1)+IF('Standard Profiles'!$G$22=$B$10,7,0)+IF('Standard Profiles'!$G$22=$B$17,14,0)+IF('Standard Profiles'!$G$22=$B$24,21,0),0)),0)</f>
        <v>0</v>
      </c>
      <c r="I5905">
        <f t="shared" si="657"/>
        <v>0.15582420986034382</v>
      </c>
      <c r="J5905">
        <f t="shared" si="658"/>
        <v>0.51941403286781285</v>
      </c>
      <c r="K5905">
        <f t="shared" si="659"/>
        <v>0.77912104930171922</v>
      </c>
      <c r="L5905">
        <f t="shared" si="660"/>
        <v>10.931727493734062</v>
      </c>
      <c r="M5905">
        <f t="shared" si="661"/>
        <v>0</v>
      </c>
      <c r="N5905" s="46">
        <f t="shared" si="662"/>
        <v>45536.624999985761</v>
      </c>
    </row>
    <row r="5906" spans="2:14" x14ac:dyDescent="0.3">
      <c r="B5906">
        <f t="shared" si="656"/>
        <v>7</v>
      </c>
      <c r="C5906" s="16">
        <v>5872</v>
      </c>
      <c r="D5906" cm="1">
        <f t="array" ref="D5906">IFERROR(INDEX(Jesper!AH$2:AH$366,ROUNDDOWN($C5906/24,0)+1,1)*INDEX($D$3:$AA$30,INDEX(Jesper!$R$2:$R$366,ROW(INDEX(Jesper!AH$2:AH$366,ROUNDDOWN($C5906/24,0)+1,1))-1)+IF('Standard Profiles'!$G$18=$B$10,7,0)+IF('Standard Profiles'!$G$18=$B$17,14,0)+IF('Standard Profiles'!$G$18=$B$24,21,0),MOD($C5906,24)+1)/SUM(INDEX($D$3:$AA$30,INDEX(Jesper!$R$2:$R$366,ROW(INDEX(Jesper!AH$2:AH$366,ROUNDDOWN($C5906/24,0)+1,1))-1)+IF('Standard Profiles'!$G$18=$B$10,7,0)+IF('Standard Profiles'!$G$18=$B$17,14,0)+IF('Standard Profiles'!$G$18=$B$24,21,0),0)),0)</f>
        <v>10.466144519594224</v>
      </c>
      <c r="E5906" cm="1">
        <f t="array" ref="E5906">IFERROR(INDEX(Jesper!AI$2:AI$366,ROUNDDOWN($C5906/24,0)+1,1)*INDEX($D$3:$AA$30,INDEX(Jesper!$R$2:$R$366,ROW(INDEX(Jesper!AI$2:AI$366,ROUNDDOWN($C5906/24,0)+1,1))-1)+IF('Standard Profiles'!$G$19=$B$10,7,0)+IF('Standard Profiles'!$G$19=$B$17,14,0)+IF('Standard Profiles'!$G$19=$B$24,21,0),MOD($C5906,24)+1)/SUM(INDEX($D$3:$AA$30,INDEX(Jesper!$R$2:$R$366,ROW(INDEX(Jesper!AI$2:AI$366,ROUNDDOWN($C5906/24,0)+1,1))-1)+IF('Standard Profiles'!$G$19=$B$10,7,0)+IF('Standard Profiles'!$G$19=$B$17,14,0)+IF('Standard Profiles'!$G$19=$B$24,21,0),0)),0)</f>
        <v>1.6987621449953549</v>
      </c>
      <c r="F5906" cm="1">
        <f t="array" ref="F5906">IFERROR(INDEX(Jesper!AJ$2:AJ$366,ROUNDDOWN($C5906/24,0)+1,1)*INDEX($D$3:$AA$30,INDEX(Jesper!$R$2:$R$366,ROW(INDEX(Jesper!AJ$2:AJ$366,ROUNDDOWN($C5906/24,0)+1,1))-1)+IF('Standard Profiles'!$G$20=$B$10,7,0)+IF('Standard Profiles'!$G$20=$B$17,14,0)+IF('Standard Profiles'!$G$20=$B$24,21,0),MOD($C5906,24)+1)/SUM(INDEX($D$3:$AA$30,INDEX(Jesper!$R$2:$R$366,ROW(INDEX(Jesper!AJ$2:AJ$366,ROUNDDOWN($C5906/24,0)+1,1))-1)+IF('Standard Profiles'!$G$20=$B$10,7,0)+IF('Standard Profiles'!$G$20=$B$17,14,0)+IF('Standard Profiles'!$G$20=$B$24,21,0),0)),0)</f>
        <v>0</v>
      </c>
      <c r="G5906" cm="1">
        <f t="array" ref="G5906">IFERROR(INDEX(Jesper!AK$2:AK$366,ROUNDDOWN($C5906/24,0)+1,1)*INDEX($D$3:$AA$30,INDEX(Jesper!$R$2:$R$366,ROW(INDEX(Jesper!AK$2:AK$366,ROUNDDOWN($C5906/24,0)+1,1))-1)+IF('Standard Profiles'!$G$21=$B$10,7,0)+IF('Standard Profiles'!$G$21=$B$17,14,0)+IF('Standard Profiles'!$G$21=$B$24,21,0),MOD($C5906,24)+1)/SUM(INDEX($D$3:$AA$30,INDEX(Jesper!$R$2:$R$366,ROW(INDEX(Jesper!AK$2:AK$366,ROUNDDOWN($C5906/24,0)+1,1))-1)+IF('Standard Profiles'!$G$21=$B$10,7,0)+IF('Standard Profiles'!$G$21=$B$17,14,0)+IF('Standard Profiles'!$G$21=$B$24,21,0),0)),0)</f>
        <v>0</v>
      </c>
      <c r="H5906" cm="1">
        <f t="array" ref="H5906">IFERROR(INDEX(Jesper!AL$2:AL$366,ROUNDDOWN($C5906/24,0)+1,1)*INDEX($D$3:$AA$30,INDEX(Jesper!$R$2:$R$366,ROW(INDEX(Jesper!AL$2:AL$366,ROUNDDOWN($C5906/24,0)+1,1))-1)+IF('Standard Profiles'!$G$22=$B$10,7,0)+IF('Standard Profiles'!$G$22=$B$17,14,0)+IF('Standard Profiles'!$G$22=$B$24,21,0),MOD($C5906,24)+1)/SUM(INDEX($D$3:$AA$30,INDEX(Jesper!$R$2:$R$366,ROW(INDEX(Jesper!AL$2:AL$366,ROUNDDOWN($C5906/24,0)+1,1))-1)+IF('Standard Profiles'!$G$22=$B$10,7,0)+IF('Standard Profiles'!$G$22=$B$17,14,0)+IF('Standard Profiles'!$G$22=$B$24,21,0),0)),0)</f>
        <v>0</v>
      </c>
      <c r="I5906">
        <f t="shared" si="657"/>
        <v>0.15304163468426626</v>
      </c>
      <c r="J5906">
        <f t="shared" si="658"/>
        <v>0.5101387822808876</v>
      </c>
      <c r="K5906">
        <f t="shared" si="659"/>
        <v>0.76520817342133129</v>
      </c>
      <c r="L5906">
        <f t="shared" si="660"/>
        <v>10.736518074203094</v>
      </c>
      <c r="M5906">
        <f t="shared" si="661"/>
        <v>0</v>
      </c>
      <c r="N5906" s="46">
        <f t="shared" si="662"/>
        <v>45536.666666652425</v>
      </c>
    </row>
    <row r="5907" spans="2:14" x14ac:dyDescent="0.3">
      <c r="B5907">
        <f t="shared" si="656"/>
        <v>7</v>
      </c>
      <c r="C5907" s="16">
        <v>5873</v>
      </c>
      <c r="D5907" cm="1">
        <f t="array" ref="D5907">IFERROR(INDEX(Jesper!AH$2:AH$366,ROUNDDOWN($C5907/24,0)+1,1)*INDEX($D$3:$AA$30,INDEX(Jesper!$R$2:$R$366,ROW(INDEX(Jesper!AH$2:AH$366,ROUNDDOWN($C5907/24,0)+1,1))-1)+IF('Standard Profiles'!$G$18=$B$10,7,0)+IF('Standard Profiles'!$G$18=$B$17,14,0)+IF('Standard Profiles'!$G$18=$B$24,21,0),MOD($C5907,24)+1)/SUM(INDEX($D$3:$AA$30,INDEX(Jesper!$R$2:$R$366,ROW(INDEX(Jesper!AH$2:AH$366,ROUNDDOWN($C5907/24,0)+1,1))-1)+IF('Standard Profiles'!$G$18=$B$10,7,0)+IF('Standard Profiles'!$G$18=$B$17,14,0)+IF('Standard Profiles'!$G$18=$B$24,21,0),0)),0)</f>
        <v>8.9437962258350652</v>
      </c>
      <c r="E5907" cm="1">
        <f t="array" ref="E5907">IFERROR(INDEX(Jesper!AI$2:AI$366,ROUNDDOWN($C5907/24,0)+1,1)*INDEX($D$3:$AA$30,INDEX(Jesper!$R$2:$R$366,ROW(INDEX(Jesper!AI$2:AI$366,ROUNDDOWN($C5907/24,0)+1,1))-1)+IF('Standard Profiles'!$G$19=$B$10,7,0)+IF('Standard Profiles'!$G$19=$B$17,14,0)+IF('Standard Profiles'!$G$19=$B$24,21,0),MOD($C5907,24)+1)/SUM(INDEX($D$3:$AA$30,INDEX(Jesper!$R$2:$R$366,ROW(INDEX(Jesper!AI$2:AI$366,ROUNDDOWN($C5907/24,0)+1,1))-1)+IF('Standard Profiles'!$G$19=$B$10,7,0)+IF('Standard Profiles'!$G$19=$B$17,14,0)+IF('Standard Profiles'!$G$19=$B$24,21,0),0)),0)</f>
        <v>1.451669469359667</v>
      </c>
      <c r="F5907" cm="1">
        <f t="array" ref="F5907">IFERROR(INDEX(Jesper!AJ$2:AJ$366,ROUNDDOWN($C5907/24,0)+1,1)*INDEX($D$3:$AA$30,INDEX(Jesper!$R$2:$R$366,ROW(INDEX(Jesper!AJ$2:AJ$366,ROUNDDOWN($C5907/24,0)+1,1))-1)+IF('Standard Profiles'!$G$20=$B$10,7,0)+IF('Standard Profiles'!$G$20=$B$17,14,0)+IF('Standard Profiles'!$G$20=$B$24,21,0),MOD($C5907,24)+1)/SUM(INDEX($D$3:$AA$30,INDEX(Jesper!$R$2:$R$366,ROW(INDEX(Jesper!AJ$2:AJ$366,ROUNDDOWN($C5907/24,0)+1,1))-1)+IF('Standard Profiles'!$G$20=$B$10,7,0)+IF('Standard Profiles'!$G$20=$B$17,14,0)+IF('Standard Profiles'!$G$20=$B$24,21,0),0)),0)</f>
        <v>0</v>
      </c>
      <c r="G5907" cm="1">
        <f t="array" ref="G5907">IFERROR(INDEX(Jesper!AK$2:AK$366,ROUNDDOWN($C5907/24,0)+1,1)*INDEX($D$3:$AA$30,INDEX(Jesper!$R$2:$R$366,ROW(INDEX(Jesper!AK$2:AK$366,ROUNDDOWN($C5907/24,0)+1,1))-1)+IF('Standard Profiles'!$G$21=$B$10,7,0)+IF('Standard Profiles'!$G$21=$B$17,14,0)+IF('Standard Profiles'!$G$21=$B$24,21,0),MOD($C5907,24)+1)/SUM(INDEX($D$3:$AA$30,INDEX(Jesper!$R$2:$R$366,ROW(INDEX(Jesper!AK$2:AK$366,ROUNDDOWN($C5907/24,0)+1,1))-1)+IF('Standard Profiles'!$G$21=$B$10,7,0)+IF('Standard Profiles'!$G$21=$B$17,14,0)+IF('Standard Profiles'!$G$21=$B$24,21,0),0)),0)</f>
        <v>0</v>
      </c>
      <c r="H5907" cm="1">
        <f t="array" ref="H5907">IFERROR(INDEX(Jesper!AL$2:AL$366,ROUNDDOWN($C5907/24,0)+1,1)*INDEX($D$3:$AA$30,INDEX(Jesper!$R$2:$R$366,ROW(INDEX(Jesper!AL$2:AL$366,ROUNDDOWN($C5907/24,0)+1,1))-1)+IF('Standard Profiles'!$G$22=$B$10,7,0)+IF('Standard Profiles'!$G$22=$B$17,14,0)+IF('Standard Profiles'!$G$22=$B$24,21,0),MOD($C5907,24)+1)/SUM(INDEX($D$3:$AA$30,INDEX(Jesper!$R$2:$R$366,ROW(INDEX(Jesper!AL$2:AL$366,ROUNDDOWN($C5907/24,0)+1,1))-1)+IF('Standard Profiles'!$G$22=$B$10,7,0)+IF('Standard Profiles'!$G$22=$B$17,14,0)+IF('Standard Profiles'!$G$22=$B$24,21,0),0)),0)</f>
        <v>0</v>
      </c>
      <c r="I5907">
        <f t="shared" si="657"/>
        <v>0.13078103327564572</v>
      </c>
      <c r="J5907">
        <f t="shared" si="658"/>
        <v>0.43593677758548577</v>
      </c>
      <c r="K5907">
        <f t="shared" si="659"/>
        <v>0.6539051663782286</v>
      </c>
      <c r="L5907">
        <f t="shared" si="660"/>
        <v>9.1748427179553715</v>
      </c>
      <c r="M5907">
        <f t="shared" si="661"/>
        <v>0</v>
      </c>
      <c r="N5907" s="46">
        <f t="shared" si="662"/>
        <v>45536.708333319089</v>
      </c>
    </row>
    <row r="5908" spans="2:14" x14ac:dyDescent="0.3">
      <c r="B5908">
        <f t="shared" si="656"/>
        <v>7</v>
      </c>
      <c r="C5908" s="16">
        <v>5874</v>
      </c>
      <c r="D5908" cm="1">
        <f t="array" ref="D5908">IFERROR(INDEX(Jesper!AH$2:AH$366,ROUNDDOWN($C5908/24,0)+1,1)*INDEX($D$3:$AA$30,INDEX(Jesper!$R$2:$R$366,ROW(INDEX(Jesper!AH$2:AH$366,ROUNDDOWN($C5908/24,0)+1,1))-1)+IF('Standard Profiles'!$G$18=$B$10,7,0)+IF('Standard Profiles'!$G$18=$B$17,14,0)+IF('Standard Profiles'!$G$18=$B$24,21,0),MOD($C5908,24)+1)/SUM(INDEX($D$3:$AA$30,INDEX(Jesper!$R$2:$R$366,ROW(INDEX(Jesper!AH$2:AH$366,ROUNDDOWN($C5908/24,0)+1,1))-1)+IF('Standard Profiles'!$G$18=$B$10,7,0)+IF('Standard Profiles'!$G$18=$B$17,14,0)+IF('Standard Profiles'!$G$18=$B$24,21,0),0)),0)</f>
        <v>8.3729156156753799</v>
      </c>
      <c r="E5908" cm="1">
        <f t="array" ref="E5908">IFERROR(INDEX(Jesper!AI$2:AI$366,ROUNDDOWN($C5908/24,0)+1,1)*INDEX($D$3:$AA$30,INDEX(Jesper!$R$2:$R$366,ROW(INDEX(Jesper!AI$2:AI$366,ROUNDDOWN($C5908/24,0)+1,1))-1)+IF('Standard Profiles'!$G$19=$B$10,7,0)+IF('Standard Profiles'!$G$19=$B$17,14,0)+IF('Standard Profiles'!$G$19=$B$24,21,0),MOD($C5908,24)+1)/SUM(INDEX($D$3:$AA$30,INDEX(Jesper!$R$2:$R$366,ROW(INDEX(Jesper!AI$2:AI$366,ROUNDDOWN($C5908/24,0)+1,1))-1)+IF('Standard Profiles'!$G$19=$B$10,7,0)+IF('Standard Profiles'!$G$19=$B$17,14,0)+IF('Standard Profiles'!$G$19=$B$24,21,0),0)),0)</f>
        <v>1.359009715996284</v>
      </c>
      <c r="F5908" cm="1">
        <f t="array" ref="F5908">IFERROR(INDEX(Jesper!AJ$2:AJ$366,ROUNDDOWN($C5908/24,0)+1,1)*INDEX($D$3:$AA$30,INDEX(Jesper!$R$2:$R$366,ROW(INDEX(Jesper!AJ$2:AJ$366,ROUNDDOWN($C5908/24,0)+1,1))-1)+IF('Standard Profiles'!$G$20=$B$10,7,0)+IF('Standard Profiles'!$G$20=$B$17,14,0)+IF('Standard Profiles'!$G$20=$B$24,21,0),MOD($C5908,24)+1)/SUM(INDEX($D$3:$AA$30,INDEX(Jesper!$R$2:$R$366,ROW(INDEX(Jesper!AJ$2:AJ$366,ROUNDDOWN($C5908/24,0)+1,1))-1)+IF('Standard Profiles'!$G$20=$B$10,7,0)+IF('Standard Profiles'!$G$20=$B$17,14,0)+IF('Standard Profiles'!$G$20=$B$24,21,0),0)),0)</f>
        <v>0</v>
      </c>
      <c r="G5908" cm="1">
        <f t="array" ref="G5908">IFERROR(INDEX(Jesper!AK$2:AK$366,ROUNDDOWN($C5908/24,0)+1,1)*INDEX($D$3:$AA$30,INDEX(Jesper!$R$2:$R$366,ROW(INDEX(Jesper!AK$2:AK$366,ROUNDDOWN($C5908/24,0)+1,1))-1)+IF('Standard Profiles'!$G$21=$B$10,7,0)+IF('Standard Profiles'!$G$21=$B$17,14,0)+IF('Standard Profiles'!$G$21=$B$24,21,0),MOD($C5908,24)+1)/SUM(INDEX($D$3:$AA$30,INDEX(Jesper!$R$2:$R$366,ROW(INDEX(Jesper!AK$2:AK$366,ROUNDDOWN($C5908/24,0)+1,1))-1)+IF('Standard Profiles'!$G$21=$B$10,7,0)+IF('Standard Profiles'!$G$21=$B$17,14,0)+IF('Standard Profiles'!$G$21=$B$24,21,0),0)),0)</f>
        <v>0</v>
      </c>
      <c r="H5908" cm="1">
        <f t="array" ref="H5908">IFERROR(INDEX(Jesper!AL$2:AL$366,ROUNDDOWN($C5908/24,0)+1,1)*INDEX($D$3:$AA$30,INDEX(Jesper!$R$2:$R$366,ROW(INDEX(Jesper!AL$2:AL$366,ROUNDDOWN($C5908/24,0)+1,1))-1)+IF('Standard Profiles'!$G$22=$B$10,7,0)+IF('Standard Profiles'!$G$22=$B$17,14,0)+IF('Standard Profiles'!$G$22=$B$24,21,0),MOD($C5908,24)+1)/SUM(INDEX($D$3:$AA$30,INDEX(Jesper!$R$2:$R$366,ROW(INDEX(Jesper!AL$2:AL$366,ROUNDDOWN($C5908/24,0)+1,1))-1)+IF('Standard Profiles'!$G$22=$B$10,7,0)+IF('Standard Profiles'!$G$22=$B$17,14,0)+IF('Standard Profiles'!$G$22=$B$24,21,0),0)),0)</f>
        <v>0</v>
      </c>
      <c r="I5908">
        <f t="shared" si="657"/>
        <v>0.122433307747413</v>
      </c>
      <c r="J5908">
        <f t="shared" si="658"/>
        <v>0.40811102582471004</v>
      </c>
      <c r="K5908">
        <f t="shared" si="659"/>
        <v>0.61216653873706506</v>
      </c>
      <c r="L5908">
        <f t="shared" si="660"/>
        <v>8.5892144593624753</v>
      </c>
      <c r="M5908">
        <f t="shared" si="661"/>
        <v>0</v>
      </c>
      <c r="N5908" s="46">
        <f t="shared" si="662"/>
        <v>45536.749999985754</v>
      </c>
    </row>
    <row r="5909" spans="2:14" x14ac:dyDescent="0.3">
      <c r="B5909">
        <f t="shared" si="656"/>
        <v>7</v>
      </c>
      <c r="C5909" s="16">
        <v>5875</v>
      </c>
      <c r="D5909" cm="1">
        <f t="array" ref="D5909">IFERROR(INDEX(Jesper!AH$2:AH$366,ROUNDDOWN($C5909/24,0)+1,1)*INDEX($D$3:$AA$30,INDEX(Jesper!$R$2:$R$366,ROW(INDEX(Jesper!AH$2:AH$366,ROUNDDOWN($C5909/24,0)+1,1))-1)+IF('Standard Profiles'!$G$18=$B$10,7,0)+IF('Standard Profiles'!$G$18=$B$17,14,0)+IF('Standard Profiles'!$G$18=$B$24,21,0),MOD($C5909,24)+1)/SUM(INDEX($D$3:$AA$30,INDEX(Jesper!$R$2:$R$366,ROW(INDEX(Jesper!AH$2:AH$366,ROUNDDOWN($C5909/24,0)+1,1))-1)+IF('Standard Profiles'!$G$18=$B$10,7,0)+IF('Standard Profiles'!$G$18=$B$17,14,0)+IF('Standard Profiles'!$G$18=$B$24,21,0),0)),0)</f>
        <v>7.0408608586361154</v>
      </c>
      <c r="E5909" cm="1">
        <f t="array" ref="E5909">IFERROR(INDEX(Jesper!AI$2:AI$366,ROUNDDOWN($C5909/24,0)+1,1)*INDEX($D$3:$AA$30,INDEX(Jesper!$R$2:$R$366,ROW(INDEX(Jesper!AI$2:AI$366,ROUNDDOWN($C5909/24,0)+1,1))-1)+IF('Standard Profiles'!$G$19=$B$10,7,0)+IF('Standard Profiles'!$G$19=$B$17,14,0)+IF('Standard Profiles'!$G$19=$B$24,21,0),MOD($C5909,24)+1)/SUM(INDEX($D$3:$AA$30,INDEX(Jesper!$R$2:$R$366,ROW(INDEX(Jesper!AI$2:AI$366,ROUNDDOWN($C5909/24,0)+1,1))-1)+IF('Standard Profiles'!$G$19=$B$10,7,0)+IF('Standard Profiles'!$G$19=$B$17,14,0)+IF('Standard Profiles'!$G$19=$B$24,21,0),0)),0)</f>
        <v>1.142803624815057</v>
      </c>
      <c r="F5909" cm="1">
        <f t="array" ref="F5909">IFERROR(INDEX(Jesper!AJ$2:AJ$366,ROUNDDOWN($C5909/24,0)+1,1)*INDEX($D$3:$AA$30,INDEX(Jesper!$R$2:$R$366,ROW(INDEX(Jesper!AJ$2:AJ$366,ROUNDDOWN($C5909/24,0)+1,1))-1)+IF('Standard Profiles'!$G$20=$B$10,7,0)+IF('Standard Profiles'!$G$20=$B$17,14,0)+IF('Standard Profiles'!$G$20=$B$24,21,0),MOD($C5909,24)+1)/SUM(INDEX($D$3:$AA$30,INDEX(Jesper!$R$2:$R$366,ROW(INDEX(Jesper!AJ$2:AJ$366,ROUNDDOWN($C5909/24,0)+1,1))-1)+IF('Standard Profiles'!$G$20=$B$10,7,0)+IF('Standard Profiles'!$G$20=$B$17,14,0)+IF('Standard Profiles'!$G$20=$B$24,21,0),0)),0)</f>
        <v>0</v>
      </c>
      <c r="G5909" cm="1">
        <f t="array" ref="G5909">IFERROR(INDEX(Jesper!AK$2:AK$366,ROUNDDOWN($C5909/24,0)+1,1)*INDEX($D$3:$AA$30,INDEX(Jesper!$R$2:$R$366,ROW(INDEX(Jesper!AK$2:AK$366,ROUNDDOWN($C5909/24,0)+1,1))-1)+IF('Standard Profiles'!$G$21=$B$10,7,0)+IF('Standard Profiles'!$G$21=$B$17,14,0)+IF('Standard Profiles'!$G$21=$B$24,21,0),MOD($C5909,24)+1)/SUM(INDEX($D$3:$AA$30,INDEX(Jesper!$R$2:$R$366,ROW(INDEX(Jesper!AK$2:AK$366,ROUNDDOWN($C5909/24,0)+1,1))-1)+IF('Standard Profiles'!$G$21=$B$10,7,0)+IF('Standard Profiles'!$G$21=$B$17,14,0)+IF('Standard Profiles'!$G$21=$B$24,21,0),0)),0)</f>
        <v>0</v>
      </c>
      <c r="H5909" cm="1">
        <f t="array" ref="H5909">IFERROR(INDEX(Jesper!AL$2:AL$366,ROUNDDOWN($C5909/24,0)+1,1)*INDEX($D$3:$AA$30,INDEX(Jesper!$R$2:$R$366,ROW(INDEX(Jesper!AL$2:AL$366,ROUNDDOWN($C5909/24,0)+1,1))-1)+IF('Standard Profiles'!$G$22=$B$10,7,0)+IF('Standard Profiles'!$G$22=$B$17,14,0)+IF('Standard Profiles'!$G$22=$B$24,21,0),MOD($C5909,24)+1)/SUM(INDEX($D$3:$AA$30,INDEX(Jesper!$R$2:$R$366,ROW(INDEX(Jesper!AL$2:AL$366,ROUNDDOWN($C5909/24,0)+1,1))-1)+IF('Standard Profiles'!$G$22=$B$10,7,0)+IF('Standard Profiles'!$G$22=$B$17,14,0)+IF('Standard Profiles'!$G$22=$B$24,21,0),0)),0)</f>
        <v>0</v>
      </c>
      <c r="I5909">
        <f t="shared" si="657"/>
        <v>0.10295528151487003</v>
      </c>
      <c r="J5909">
        <f t="shared" si="658"/>
        <v>0.3431842717162335</v>
      </c>
      <c r="K5909">
        <f t="shared" si="659"/>
        <v>0.51477640757435017</v>
      </c>
      <c r="L5909">
        <f t="shared" si="660"/>
        <v>7.2227485226457189</v>
      </c>
      <c r="M5909">
        <f t="shared" si="661"/>
        <v>0</v>
      </c>
      <c r="N5909" s="46">
        <f t="shared" si="662"/>
        <v>45536.791666652418</v>
      </c>
    </row>
    <row r="5910" spans="2:14" x14ac:dyDescent="0.3">
      <c r="B5910">
        <f t="shared" si="656"/>
        <v>7</v>
      </c>
      <c r="C5910" s="16">
        <v>5876</v>
      </c>
      <c r="D5910" cm="1">
        <f t="array" ref="D5910">IFERROR(INDEX(Jesper!AH$2:AH$366,ROUNDDOWN($C5910/24,0)+1,1)*INDEX($D$3:$AA$30,INDEX(Jesper!$R$2:$R$366,ROW(INDEX(Jesper!AH$2:AH$366,ROUNDDOWN($C5910/24,0)+1,1))-1)+IF('Standard Profiles'!$G$18=$B$10,7,0)+IF('Standard Profiles'!$G$18=$B$17,14,0)+IF('Standard Profiles'!$G$18=$B$24,21,0),MOD($C5910,24)+1)/SUM(INDEX($D$3:$AA$30,INDEX(Jesper!$R$2:$R$366,ROW(INDEX(Jesper!AH$2:AH$366,ROUNDDOWN($C5910/24,0)+1,1))-1)+IF('Standard Profiles'!$G$18=$B$10,7,0)+IF('Standard Profiles'!$G$18=$B$17,14,0)+IF('Standard Profiles'!$G$18=$B$24,21,0),0)),0)</f>
        <v>5.8990996383167449</v>
      </c>
      <c r="E5910" cm="1">
        <f t="array" ref="E5910">IFERROR(INDEX(Jesper!AI$2:AI$366,ROUNDDOWN($C5910/24,0)+1,1)*INDEX($D$3:$AA$30,INDEX(Jesper!$R$2:$R$366,ROW(INDEX(Jesper!AI$2:AI$366,ROUNDDOWN($C5910/24,0)+1,1))-1)+IF('Standard Profiles'!$G$19=$B$10,7,0)+IF('Standard Profiles'!$G$19=$B$17,14,0)+IF('Standard Profiles'!$G$19=$B$24,21,0),MOD($C5910,24)+1)/SUM(INDEX($D$3:$AA$30,INDEX(Jesper!$R$2:$R$366,ROW(INDEX(Jesper!AI$2:AI$366,ROUNDDOWN($C5910/24,0)+1,1))-1)+IF('Standard Profiles'!$G$19=$B$10,7,0)+IF('Standard Profiles'!$G$19=$B$17,14,0)+IF('Standard Profiles'!$G$19=$B$24,21,0),0)),0)</f>
        <v>0.95748411808829093</v>
      </c>
      <c r="F5910" cm="1">
        <f t="array" ref="F5910">IFERROR(INDEX(Jesper!AJ$2:AJ$366,ROUNDDOWN($C5910/24,0)+1,1)*INDEX($D$3:$AA$30,INDEX(Jesper!$R$2:$R$366,ROW(INDEX(Jesper!AJ$2:AJ$366,ROUNDDOWN($C5910/24,0)+1,1))-1)+IF('Standard Profiles'!$G$20=$B$10,7,0)+IF('Standard Profiles'!$G$20=$B$17,14,0)+IF('Standard Profiles'!$G$20=$B$24,21,0),MOD($C5910,24)+1)/SUM(INDEX($D$3:$AA$30,INDEX(Jesper!$R$2:$R$366,ROW(INDEX(Jesper!AJ$2:AJ$366,ROUNDDOWN($C5910/24,0)+1,1))-1)+IF('Standard Profiles'!$G$20=$B$10,7,0)+IF('Standard Profiles'!$G$20=$B$17,14,0)+IF('Standard Profiles'!$G$20=$B$24,21,0),0)),0)</f>
        <v>0</v>
      </c>
      <c r="G5910" cm="1">
        <f t="array" ref="G5910">IFERROR(INDEX(Jesper!AK$2:AK$366,ROUNDDOWN($C5910/24,0)+1,1)*INDEX($D$3:$AA$30,INDEX(Jesper!$R$2:$R$366,ROW(INDEX(Jesper!AK$2:AK$366,ROUNDDOWN($C5910/24,0)+1,1))-1)+IF('Standard Profiles'!$G$21=$B$10,7,0)+IF('Standard Profiles'!$G$21=$B$17,14,0)+IF('Standard Profiles'!$G$21=$B$24,21,0),MOD($C5910,24)+1)/SUM(INDEX($D$3:$AA$30,INDEX(Jesper!$R$2:$R$366,ROW(INDEX(Jesper!AK$2:AK$366,ROUNDDOWN($C5910/24,0)+1,1))-1)+IF('Standard Profiles'!$G$21=$B$10,7,0)+IF('Standard Profiles'!$G$21=$B$17,14,0)+IF('Standard Profiles'!$G$21=$B$24,21,0),0)),0)</f>
        <v>0</v>
      </c>
      <c r="H5910" cm="1">
        <f t="array" ref="H5910">IFERROR(INDEX(Jesper!AL$2:AL$366,ROUNDDOWN($C5910/24,0)+1,1)*INDEX($D$3:$AA$30,INDEX(Jesper!$R$2:$R$366,ROW(INDEX(Jesper!AL$2:AL$366,ROUNDDOWN($C5910/24,0)+1,1))-1)+IF('Standard Profiles'!$G$22=$B$10,7,0)+IF('Standard Profiles'!$G$22=$B$17,14,0)+IF('Standard Profiles'!$G$22=$B$24,21,0),MOD($C5910,24)+1)/SUM(INDEX($D$3:$AA$30,INDEX(Jesper!$R$2:$R$366,ROW(INDEX(Jesper!AL$2:AL$366,ROUNDDOWN($C5910/24,0)+1,1))-1)+IF('Standard Profiles'!$G$22=$B$10,7,0)+IF('Standard Profiles'!$G$22=$B$17,14,0)+IF('Standard Profiles'!$G$22=$B$24,21,0),0)),0)</f>
        <v>0</v>
      </c>
      <c r="I5910">
        <f t="shared" si="657"/>
        <v>8.6259830458404615E-2</v>
      </c>
      <c r="J5910">
        <f t="shared" si="658"/>
        <v>0.28753276819468204</v>
      </c>
      <c r="K5910">
        <f t="shared" si="659"/>
        <v>0.43129915229202309</v>
      </c>
      <c r="L5910">
        <f t="shared" si="660"/>
        <v>6.0514920054599264</v>
      </c>
      <c r="M5910">
        <f t="shared" si="661"/>
        <v>0</v>
      </c>
      <c r="N5910" s="46">
        <f t="shared" si="662"/>
        <v>45536.833333319082</v>
      </c>
    </row>
    <row r="5911" spans="2:14" x14ac:dyDescent="0.3">
      <c r="B5911">
        <f t="shared" si="656"/>
        <v>7</v>
      </c>
      <c r="C5911" s="16">
        <v>5877</v>
      </c>
      <c r="D5911" cm="1">
        <f t="array" ref="D5911">IFERROR(INDEX(Jesper!AH$2:AH$366,ROUNDDOWN($C5911/24,0)+1,1)*INDEX($D$3:$AA$30,INDEX(Jesper!$R$2:$R$366,ROW(INDEX(Jesper!AH$2:AH$366,ROUNDDOWN($C5911/24,0)+1,1))-1)+IF('Standard Profiles'!$G$18=$B$10,7,0)+IF('Standard Profiles'!$G$18=$B$17,14,0)+IF('Standard Profiles'!$G$18=$B$24,21,0),MOD($C5911,24)+1)/SUM(INDEX($D$3:$AA$30,INDEX(Jesper!$R$2:$R$366,ROW(INDEX(Jesper!AH$2:AH$366,ROUNDDOWN($C5911/24,0)+1,1))-1)+IF('Standard Profiles'!$G$18=$B$10,7,0)+IF('Standard Profiles'!$G$18=$B$17,14,0)+IF('Standard Profiles'!$G$18=$B$24,21,0),0)),0)</f>
        <v>5.1379254914371657</v>
      </c>
      <c r="E5911" cm="1">
        <f t="array" ref="E5911">IFERROR(INDEX(Jesper!AI$2:AI$366,ROUNDDOWN($C5911/24,0)+1,1)*INDEX($D$3:$AA$30,INDEX(Jesper!$R$2:$R$366,ROW(INDEX(Jesper!AI$2:AI$366,ROUNDDOWN($C5911/24,0)+1,1))-1)+IF('Standard Profiles'!$G$19=$B$10,7,0)+IF('Standard Profiles'!$G$19=$B$17,14,0)+IF('Standard Profiles'!$G$19=$B$24,21,0),MOD($C5911,24)+1)/SUM(INDEX($D$3:$AA$30,INDEX(Jesper!$R$2:$R$366,ROW(INDEX(Jesper!AI$2:AI$366,ROUNDDOWN($C5911/24,0)+1,1))-1)+IF('Standard Profiles'!$G$19=$B$10,7,0)+IF('Standard Profiles'!$G$19=$B$17,14,0)+IF('Standard Profiles'!$G$19=$B$24,21,0),0)),0)</f>
        <v>0.83393778027044707</v>
      </c>
      <c r="F5911" cm="1">
        <f t="array" ref="F5911">IFERROR(INDEX(Jesper!AJ$2:AJ$366,ROUNDDOWN($C5911/24,0)+1,1)*INDEX($D$3:$AA$30,INDEX(Jesper!$R$2:$R$366,ROW(INDEX(Jesper!AJ$2:AJ$366,ROUNDDOWN($C5911/24,0)+1,1))-1)+IF('Standard Profiles'!$G$20=$B$10,7,0)+IF('Standard Profiles'!$G$20=$B$17,14,0)+IF('Standard Profiles'!$G$20=$B$24,21,0),MOD($C5911,24)+1)/SUM(INDEX($D$3:$AA$30,INDEX(Jesper!$R$2:$R$366,ROW(INDEX(Jesper!AJ$2:AJ$366,ROUNDDOWN($C5911/24,0)+1,1))-1)+IF('Standard Profiles'!$G$20=$B$10,7,0)+IF('Standard Profiles'!$G$20=$B$17,14,0)+IF('Standard Profiles'!$G$20=$B$24,21,0),0)),0)</f>
        <v>0</v>
      </c>
      <c r="G5911" cm="1">
        <f t="array" ref="G5911">IFERROR(INDEX(Jesper!AK$2:AK$366,ROUNDDOWN($C5911/24,0)+1,1)*INDEX($D$3:$AA$30,INDEX(Jesper!$R$2:$R$366,ROW(INDEX(Jesper!AK$2:AK$366,ROUNDDOWN($C5911/24,0)+1,1))-1)+IF('Standard Profiles'!$G$21=$B$10,7,0)+IF('Standard Profiles'!$G$21=$B$17,14,0)+IF('Standard Profiles'!$G$21=$B$24,21,0),MOD($C5911,24)+1)/SUM(INDEX($D$3:$AA$30,INDEX(Jesper!$R$2:$R$366,ROW(INDEX(Jesper!AK$2:AK$366,ROUNDDOWN($C5911/24,0)+1,1))-1)+IF('Standard Profiles'!$G$21=$B$10,7,0)+IF('Standard Profiles'!$G$21=$B$17,14,0)+IF('Standard Profiles'!$G$21=$B$24,21,0),0)),0)</f>
        <v>0</v>
      </c>
      <c r="H5911" cm="1">
        <f t="array" ref="H5911">IFERROR(INDEX(Jesper!AL$2:AL$366,ROUNDDOWN($C5911/24,0)+1,1)*INDEX($D$3:$AA$30,INDEX(Jesper!$R$2:$R$366,ROW(INDEX(Jesper!AL$2:AL$366,ROUNDDOWN($C5911/24,0)+1,1))-1)+IF('Standard Profiles'!$G$22=$B$10,7,0)+IF('Standard Profiles'!$G$22=$B$17,14,0)+IF('Standard Profiles'!$G$22=$B$24,21,0),MOD($C5911,24)+1)/SUM(INDEX($D$3:$AA$30,INDEX(Jesper!$R$2:$R$366,ROW(INDEX(Jesper!AL$2:AL$366,ROUNDDOWN($C5911/24,0)+1,1))-1)+IF('Standard Profiles'!$G$22=$B$10,7,0)+IF('Standard Profiles'!$G$22=$B$17,14,0)+IF('Standard Profiles'!$G$22=$B$24,21,0),0)),0)</f>
        <v>0</v>
      </c>
      <c r="I5911">
        <f t="shared" si="657"/>
        <v>7.5129529754094357E-2</v>
      </c>
      <c r="J5911">
        <f t="shared" si="658"/>
        <v>0.25043176584698118</v>
      </c>
      <c r="K5911">
        <f t="shared" si="659"/>
        <v>0.3756476487704718</v>
      </c>
      <c r="L5911">
        <f t="shared" si="660"/>
        <v>5.2706543273360653</v>
      </c>
      <c r="M5911">
        <f t="shared" si="661"/>
        <v>0</v>
      </c>
      <c r="N5911" s="46">
        <f t="shared" si="662"/>
        <v>45536.874999985746</v>
      </c>
    </row>
    <row r="5912" spans="2:14" x14ac:dyDescent="0.3">
      <c r="B5912">
        <f t="shared" si="656"/>
        <v>7</v>
      </c>
      <c r="C5912" s="16">
        <v>5878</v>
      </c>
      <c r="D5912" cm="1">
        <f t="array" ref="D5912">IFERROR(INDEX(Jesper!AH$2:AH$366,ROUNDDOWN($C5912/24,0)+1,1)*INDEX($D$3:$AA$30,INDEX(Jesper!$R$2:$R$366,ROW(INDEX(Jesper!AH$2:AH$366,ROUNDDOWN($C5912/24,0)+1,1))-1)+IF('Standard Profiles'!$G$18=$B$10,7,0)+IF('Standard Profiles'!$G$18=$B$17,14,0)+IF('Standard Profiles'!$G$18=$B$24,21,0),MOD($C5912,24)+1)/SUM(INDEX($D$3:$AA$30,INDEX(Jesper!$R$2:$R$366,ROW(INDEX(Jesper!AH$2:AH$366,ROUNDDOWN($C5912/24,0)+1,1))-1)+IF('Standard Profiles'!$G$18=$B$10,7,0)+IF('Standard Profiles'!$G$18=$B$17,14,0)+IF('Standard Profiles'!$G$18=$B$24,21,0),0)),0)</f>
        <v>5.1379254914371657</v>
      </c>
      <c r="E5912" cm="1">
        <f t="array" ref="E5912">IFERROR(INDEX(Jesper!AI$2:AI$366,ROUNDDOWN($C5912/24,0)+1,1)*INDEX($D$3:$AA$30,INDEX(Jesper!$R$2:$R$366,ROW(INDEX(Jesper!AI$2:AI$366,ROUNDDOWN($C5912/24,0)+1,1))-1)+IF('Standard Profiles'!$G$19=$B$10,7,0)+IF('Standard Profiles'!$G$19=$B$17,14,0)+IF('Standard Profiles'!$G$19=$B$24,21,0),MOD($C5912,24)+1)/SUM(INDEX($D$3:$AA$30,INDEX(Jesper!$R$2:$R$366,ROW(INDEX(Jesper!AI$2:AI$366,ROUNDDOWN($C5912/24,0)+1,1))-1)+IF('Standard Profiles'!$G$19=$B$10,7,0)+IF('Standard Profiles'!$G$19=$B$17,14,0)+IF('Standard Profiles'!$G$19=$B$24,21,0),0)),0)</f>
        <v>0.83393778027044707</v>
      </c>
      <c r="F5912" cm="1">
        <f t="array" ref="F5912">IFERROR(INDEX(Jesper!AJ$2:AJ$366,ROUNDDOWN($C5912/24,0)+1,1)*INDEX($D$3:$AA$30,INDEX(Jesper!$R$2:$R$366,ROW(INDEX(Jesper!AJ$2:AJ$366,ROUNDDOWN($C5912/24,0)+1,1))-1)+IF('Standard Profiles'!$G$20=$B$10,7,0)+IF('Standard Profiles'!$G$20=$B$17,14,0)+IF('Standard Profiles'!$G$20=$B$24,21,0),MOD($C5912,24)+1)/SUM(INDEX($D$3:$AA$30,INDEX(Jesper!$R$2:$R$366,ROW(INDEX(Jesper!AJ$2:AJ$366,ROUNDDOWN($C5912/24,0)+1,1))-1)+IF('Standard Profiles'!$G$20=$B$10,7,0)+IF('Standard Profiles'!$G$20=$B$17,14,0)+IF('Standard Profiles'!$G$20=$B$24,21,0),0)),0)</f>
        <v>0</v>
      </c>
      <c r="G5912" cm="1">
        <f t="array" ref="G5912">IFERROR(INDEX(Jesper!AK$2:AK$366,ROUNDDOWN($C5912/24,0)+1,1)*INDEX($D$3:$AA$30,INDEX(Jesper!$R$2:$R$366,ROW(INDEX(Jesper!AK$2:AK$366,ROUNDDOWN($C5912/24,0)+1,1))-1)+IF('Standard Profiles'!$G$21=$B$10,7,0)+IF('Standard Profiles'!$G$21=$B$17,14,0)+IF('Standard Profiles'!$G$21=$B$24,21,0),MOD($C5912,24)+1)/SUM(INDEX($D$3:$AA$30,INDEX(Jesper!$R$2:$R$366,ROW(INDEX(Jesper!AK$2:AK$366,ROUNDDOWN($C5912/24,0)+1,1))-1)+IF('Standard Profiles'!$G$21=$B$10,7,0)+IF('Standard Profiles'!$G$21=$B$17,14,0)+IF('Standard Profiles'!$G$21=$B$24,21,0),0)),0)</f>
        <v>0</v>
      </c>
      <c r="H5912" cm="1">
        <f t="array" ref="H5912">IFERROR(INDEX(Jesper!AL$2:AL$366,ROUNDDOWN($C5912/24,0)+1,1)*INDEX($D$3:$AA$30,INDEX(Jesper!$R$2:$R$366,ROW(INDEX(Jesper!AL$2:AL$366,ROUNDDOWN($C5912/24,0)+1,1))-1)+IF('Standard Profiles'!$G$22=$B$10,7,0)+IF('Standard Profiles'!$G$22=$B$17,14,0)+IF('Standard Profiles'!$G$22=$B$24,21,0),MOD($C5912,24)+1)/SUM(INDEX($D$3:$AA$30,INDEX(Jesper!$R$2:$R$366,ROW(INDEX(Jesper!AL$2:AL$366,ROUNDDOWN($C5912/24,0)+1,1))-1)+IF('Standard Profiles'!$G$22=$B$10,7,0)+IF('Standard Profiles'!$G$22=$B$17,14,0)+IF('Standard Profiles'!$G$22=$B$24,21,0),0)),0)</f>
        <v>0</v>
      </c>
      <c r="I5912">
        <f t="shared" si="657"/>
        <v>7.5129529754094357E-2</v>
      </c>
      <c r="J5912">
        <f t="shared" si="658"/>
        <v>0.25043176584698118</v>
      </c>
      <c r="K5912">
        <f t="shared" si="659"/>
        <v>0.3756476487704718</v>
      </c>
      <c r="L5912">
        <f t="shared" si="660"/>
        <v>5.2706543273360653</v>
      </c>
      <c r="M5912">
        <f t="shared" si="661"/>
        <v>0</v>
      </c>
      <c r="N5912" s="46">
        <f t="shared" si="662"/>
        <v>45536.916666652411</v>
      </c>
    </row>
    <row r="5913" spans="2:14" x14ac:dyDescent="0.3">
      <c r="B5913">
        <f t="shared" si="656"/>
        <v>7</v>
      </c>
      <c r="C5913" s="16">
        <v>5879</v>
      </c>
      <c r="D5913" cm="1">
        <f t="array" ref="D5913">IFERROR(INDEX(Jesper!AH$2:AH$366,ROUNDDOWN($C5913/24,0)+1,1)*INDEX($D$3:$AA$30,INDEX(Jesper!$R$2:$R$366,ROW(INDEX(Jesper!AH$2:AH$366,ROUNDDOWN($C5913/24,0)+1,1))-1)+IF('Standard Profiles'!$G$18=$B$10,7,0)+IF('Standard Profiles'!$G$18=$B$17,14,0)+IF('Standard Profiles'!$G$18=$B$24,21,0),MOD($C5913,24)+1)/SUM(INDEX($D$3:$AA$30,INDEX(Jesper!$R$2:$R$366,ROW(INDEX(Jesper!AH$2:AH$366,ROUNDDOWN($C5913/24,0)+1,1))-1)+IF('Standard Profiles'!$G$18=$B$10,7,0)+IF('Standard Profiles'!$G$18=$B$17,14,0)+IF('Standard Profiles'!$G$18=$B$24,21,0),0)),0)</f>
        <v>5.1379254914371657</v>
      </c>
      <c r="E5913" cm="1">
        <f t="array" ref="E5913">IFERROR(INDEX(Jesper!AI$2:AI$366,ROUNDDOWN($C5913/24,0)+1,1)*INDEX($D$3:$AA$30,INDEX(Jesper!$R$2:$R$366,ROW(INDEX(Jesper!AI$2:AI$366,ROUNDDOWN($C5913/24,0)+1,1))-1)+IF('Standard Profiles'!$G$19=$B$10,7,0)+IF('Standard Profiles'!$G$19=$B$17,14,0)+IF('Standard Profiles'!$G$19=$B$24,21,0),MOD($C5913,24)+1)/SUM(INDEX($D$3:$AA$30,INDEX(Jesper!$R$2:$R$366,ROW(INDEX(Jesper!AI$2:AI$366,ROUNDDOWN($C5913/24,0)+1,1))-1)+IF('Standard Profiles'!$G$19=$B$10,7,0)+IF('Standard Profiles'!$G$19=$B$17,14,0)+IF('Standard Profiles'!$G$19=$B$24,21,0),0)),0)</f>
        <v>0.83393778027044707</v>
      </c>
      <c r="F5913" cm="1">
        <f t="array" ref="F5913">IFERROR(INDEX(Jesper!AJ$2:AJ$366,ROUNDDOWN($C5913/24,0)+1,1)*INDEX($D$3:$AA$30,INDEX(Jesper!$R$2:$R$366,ROW(INDEX(Jesper!AJ$2:AJ$366,ROUNDDOWN($C5913/24,0)+1,1))-1)+IF('Standard Profiles'!$G$20=$B$10,7,0)+IF('Standard Profiles'!$G$20=$B$17,14,0)+IF('Standard Profiles'!$G$20=$B$24,21,0),MOD($C5913,24)+1)/SUM(INDEX($D$3:$AA$30,INDEX(Jesper!$R$2:$R$366,ROW(INDEX(Jesper!AJ$2:AJ$366,ROUNDDOWN($C5913/24,0)+1,1))-1)+IF('Standard Profiles'!$G$20=$B$10,7,0)+IF('Standard Profiles'!$G$20=$B$17,14,0)+IF('Standard Profiles'!$G$20=$B$24,21,0),0)),0)</f>
        <v>0</v>
      </c>
      <c r="G5913" cm="1">
        <f t="array" ref="G5913">IFERROR(INDEX(Jesper!AK$2:AK$366,ROUNDDOWN($C5913/24,0)+1,1)*INDEX($D$3:$AA$30,INDEX(Jesper!$R$2:$R$366,ROW(INDEX(Jesper!AK$2:AK$366,ROUNDDOWN($C5913/24,0)+1,1))-1)+IF('Standard Profiles'!$G$21=$B$10,7,0)+IF('Standard Profiles'!$G$21=$B$17,14,0)+IF('Standard Profiles'!$G$21=$B$24,21,0),MOD($C5913,24)+1)/SUM(INDEX($D$3:$AA$30,INDEX(Jesper!$R$2:$R$366,ROW(INDEX(Jesper!AK$2:AK$366,ROUNDDOWN($C5913/24,0)+1,1))-1)+IF('Standard Profiles'!$G$21=$B$10,7,0)+IF('Standard Profiles'!$G$21=$B$17,14,0)+IF('Standard Profiles'!$G$21=$B$24,21,0),0)),0)</f>
        <v>0</v>
      </c>
      <c r="H5913" cm="1">
        <f t="array" ref="H5913">IFERROR(INDEX(Jesper!AL$2:AL$366,ROUNDDOWN($C5913/24,0)+1,1)*INDEX($D$3:$AA$30,INDEX(Jesper!$R$2:$R$366,ROW(INDEX(Jesper!AL$2:AL$366,ROUNDDOWN($C5913/24,0)+1,1))-1)+IF('Standard Profiles'!$G$22=$B$10,7,0)+IF('Standard Profiles'!$G$22=$B$17,14,0)+IF('Standard Profiles'!$G$22=$B$24,21,0),MOD($C5913,24)+1)/SUM(INDEX($D$3:$AA$30,INDEX(Jesper!$R$2:$R$366,ROW(INDEX(Jesper!AL$2:AL$366,ROUNDDOWN($C5913/24,0)+1,1))-1)+IF('Standard Profiles'!$G$22=$B$10,7,0)+IF('Standard Profiles'!$G$22=$B$17,14,0)+IF('Standard Profiles'!$G$22=$B$24,21,0),0)),0)</f>
        <v>0</v>
      </c>
      <c r="I5913">
        <f t="shared" si="657"/>
        <v>7.5129529754094357E-2</v>
      </c>
      <c r="J5913">
        <f t="shared" si="658"/>
        <v>0.25043176584698118</v>
      </c>
      <c r="K5913">
        <f t="shared" si="659"/>
        <v>0.3756476487704718</v>
      </c>
      <c r="L5913">
        <f t="shared" si="660"/>
        <v>5.2706543273360653</v>
      </c>
      <c r="M5913">
        <f t="shared" si="661"/>
        <v>0</v>
      </c>
      <c r="N5913" s="46">
        <f t="shared" si="662"/>
        <v>45536.958333319075</v>
      </c>
    </row>
    <row r="5914" spans="2:14" x14ac:dyDescent="0.3">
      <c r="B5914">
        <f t="shared" si="656"/>
        <v>1</v>
      </c>
      <c r="C5914" s="16">
        <v>5880</v>
      </c>
      <c r="D5914" cm="1">
        <f t="array" ref="D5914">IFERROR(INDEX(Jesper!AH$2:AH$366,ROUNDDOWN($C5914/24,0)+1,1)*INDEX($D$3:$AA$30,INDEX(Jesper!$R$2:$R$366,ROW(INDEX(Jesper!AH$2:AH$366,ROUNDDOWN($C5914/24,0)+1,1))-1)+IF('Standard Profiles'!$G$18=$B$10,7,0)+IF('Standard Profiles'!$G$18=$B$17,14,0)+IF('Standard Profiles'!$G$18=$B$24,21,0),MOD($C5914,24)+1)/SUM(INDEX($D$3:$AA$30,INDEX(Jesper!$R$2:$R$366,ROW(INDEX(Jesper!AH$2:AH$366,ROUNDDOWN($C5914/24,0)+1,1))-1)+IF('Standard Profiles'!$G$18=$B$10,7,0)+IF('Standard Profiles'!$G$18=$B$17,14,0)+IF('Standard Profiles'!$G$18=$B$24,21,0),0)),0)</f>
        <v>2.4222586484904598</v>
      </c>
      <c r="E5914" cm="1">
        <f t="array" ref="E5914">IFERROR(INDEX(Jesper!AI$2:AI$366,ROUNDDOWN($C5914/24,0)+1,1)*INDEX($D$3:$AA$30,INDEX(Jesper!$R$2:$R$366,ROW(INDEX(Jesper!AI$2:AI$366,ROUNDDOWN($C5914/24,0)+1,1))-1)+IF('Standard Profiles'!$G$19=$B$10,7,0)+IF('Standard Profiles'!$G$19=$B$17,14,0)+IF('Standard Profiles'!$G$19=$B$24,21,0),MOD($C5914,24)+1)/SUM(INDEX($D$3:$AA$30,INDEX(Jesper!$R$2:$R$366,ROW(INDEX(Jesper!AI$2:AI$366,ROUNDDOWN($C5914/24,0)+1,1))-1)+IF('Standard Profiles'!$G$19=$B$10,7,0)+IF('Standard Profiles'!$G$19=$B$17,14,0)+IF('Standard Profiles'!$G$19=$B$24,21,0),0)),0)</f>
        <v>0</v>
      </c>
      <c r="F5914" cm="1">
        <f t="array" ref="F5914">IFERROR(INDEX(Jesper!AJ$2:AJ$366,ROUNDDOWN($C5914/24,0)+1,1)*INDEX($D$3:$AA$30,INDEX(Jesper!$R$2:$R$366,ROW(INDEX(Jesper!AJ$2:AJ$366,ROUNDDOWN($C5914/24,0)+1,1))-1)+IF('Standard Profiles'!$G$20=$B$10,7,0)+IF('Standard Profiles'!$G$20=$B$17,14,0)+IF('Standard Profiles'!$G$20=$B$24,21,0),MOD($C5914,24)+1)/SUM(INDEX($D$3:$AA$30,INDEX(Jesper!$R$2:$R$366,ROW(INDEX(Jesper!AJ$2:AJ$366,ROUNDDOWN($C5914/24,0)+1,1))-1)+IF('Standard Profiles'!$G$20=$B$10,7,0)+IF('Standard Profiles'!$G$20=$B$17,14,0)+IF('Standard Profiles'!$G$20=$B$24,21,0),0)),0)</f>
        <v>0</v>
      </c>
      <c r="G5914" cm="1">
        <f t="array" ref="G5914">IFERROR(INDEX(Jesper!AK$2:AK$366,ROUNDDOWN($C5914/24,0)+1,1)*INDEX($D$3:$AA$30,INDEX(Jesper!$R$2:$R$366,ROW(INDEX(Jesper!AK$2:AK$366,ROUNDDOWN($C5914/24,0)+1,1))-1)+IF('Standard Profiles'!$G$21=$B$10,7,0)+IF('Standard Profiles'!$G$21=$B$17,14,0)+IF('Standard Profiles'!$G$21=$B$24,21,0),MOD($C5914,24)+1)/SUM(INDEX($D$3:$AA$30,INDEX(Jesper!$R$2:$R$366,ROW(INDEX(Jesper!AK$2:AK$366,ROUNDDOWN($C5914/24,0)+1,1))-1)+IF('Standard Profiles'!$G$21=$B$10,7,0)+IF('Standard Profiles'!$G$21=$B$17,14,0)+IF('Standard Profiles'!$G$21=$B$24,21,0),0)),0)</f>
        <v>0</v>
      </c>
      <c r="H5914" cm="1">
        <f t="array" ref="H5914">IFERROR(INDEX(Jesper!AL$2:AL$366,ROUNDDOWN($C5914/24,0)+1,1)*INDEX($D$3:$AA$30,INDEX(Jesper!$R$2:$R$366,ROW(INDEX(Jesper!AL$2:AL$366,ROUNDDOWN($C5914/24,0)+1,1))-1)+IF('Standard Profiles'!$G$22=$B$10,7,0)+IF('Standard Profiles'!$G$22=$B$17,14,0)+IF('Standard Profiles'!$G$22=$B$24,21,0),MOD($C5914,24)+1)/SUM(INDEX($D$3:$AA$30,INDEX(Jesper!$R$2:$R$366,ROW(INDEX(Jesper!AL$2:AL$366,ROUNDDOWN($C5914/24,0)+1,1))-1)+IF('Standard Profiles'!$G$22=$B$10,7,0)+IF('Standard Profiles'!$G$22=$B$17,14,0)+IF('Standard Profiles'!$G$22=$B$24,21,0),0)),0)</f>
        <v>0</v>
      </c>
      <c r="I5914">
        <f t="shared" si="657"/>
        <v>7.2667759454713793E-2</v>
      </c>
      <c r="J5914">
        <f t="shared" si="658"/>
        <v>0.24222586484904599</v>
      </c>
      <c r="K5914">
        <f t="shared" si="659"/>
        <v>0.36333879727356894</v>
      </c>
      <c r="L5914">
        <f t="shared" si="660"/>
        <v>1.744026226913131</v>
      </c>
      <c r="M5914">
        <f t="shared" si="661"/>
        <v>0</v>
      </c>
      <c r="N5914" s="46">
        <f t="shared" si="662"/>
        <v>45536.999999985739</v>
      </c>
    </row>
    <row r="5915" spans="2:14" x14ac:dyDescent="0.3">
      <c r="B5915">
        <f t="shared" si="656"/>
        <v>1</v>
      </c>
      <c r="C5915" s="16">
        <v>5881</v>
      </c>
      <c r="D5915" cm="1">
        <f t="array" ref="D5915">IFERROR(INDEX(Jesper!AH$2:AH$366,ROUNDDOWN($C5915/24,0)+1,1)*INDEX($D$3:$AA$30,INDEX(Jesper!$R$2:$R$366,ROW(INDEX(Jesper!AH$2:AH$366,ROUNDDOWN($C5915/24,0)+1,1))-1)+IF('Standard Profiles'!$G$18=$B$10,7,0)+IF('Standard Profiles'!$G$18=$B$17,14,0)+IF('Standard Profiles'!$G$18=$B$24,21,0),MOD($C5915,24)+1)/SUM(INDEX($D$3:$AA$30,INDEX(Jesper!$R$2:$R$366,ROW(INDEX(Jesper!AH$2:AH$366,ROUNDDOWN($C5915/24,0)+1,1))-1)+IF('Standard Profiles'!$G$18=$B$10,7,0)+IF('Standard Profiles'!$G$18=$B$17,14,0)+IF('Standard Profiles'!$G$18=$B$24,21,0),0)),0)</f>
        <v>2.4222586484904598</v>
      </c>
      <c r="E5915" cm="1">
        <f t="array" ref="E5915">IFERROR(INDEX(Jesper!AI$2:AI$366,ROUNDDOWN($C5915/24,0)+1,1)*INDEX($D$3:$AA$30,INDEX(Jesper!$R$2:$R$366,ROW(INDEX(Jesper!AI$2:AI$366,ROUNDDOWN($C5915/24,0)+1,1))-1)+IF('Standard Profiles'!$G$19=$B$10,7,0)+IF('Standard Profiles'!$G$19=$B$17,14,0)+IF('Standard Profiles'!$G$19=$B$24,21,0),MOD($C5915,24)+1)/SUM(INDEX($D$3:$AA$30,INDEX(Jesper!$R$2:$R$366,ROW(INDEX(Jesper!AI$2:AI$366,ROUNDDOWN($C5915/24,0)+1,1))-1)+IF('Standard Profiles'!$G$19=$B$10,7,0)+IF('Standard Profiles'!$G$19=$B$17,14,0)+IF('Standard Profiles'!$G$19=$B$24,21,0),0)),0)</f>
        <v>0</v>
      </c>
      <c r="F5915" cm="1">
        <f t="array" ref="F5915">IFERROR(INDEX(Jesper!AJ$2:AJ$366,ROUNDDOWN($C5915/24,0)+1,1)*INDEX($D$3:$AA$30,INDEX(Jesper!$R$2:$R$366,ROW(INDEX(Jesper!AJ$2:AJ$366,ROUNDDOWN($C5915/24,0)+1,1))-1)+IF('Standard Profiles'!$G$20=$B$10,7,0)+IF('Standard Profiles'!$G$20=$B$17,14,0)+IF('Standard Profiles'!$G$20=$B$24,21,0),MOD($C5915,24)+1)/SUM(INDEX($D$3:$AA$30,INDEX(Jesper!$R$2:$R$366,ROW(INDEX(Jesper!AJ$2:AJ$366,ROUNDDOWN($C5915/24,0)+1,1))-1)+IF('Standard Profiles'!$G$20=$B$10,7,0)+IF('Standard Profiles'!$G$20=$B$17,14,0)+IF('Standard Profiles'!$G$20=$B$24,21,0),0)),0)</f>
        <v>0</v>
      </c>
      <c r="G5915" cm="1">
        <f t="array" ref="G5915">IFERROR(INDEX(Jesper!AK$2:AK$366,ROUNDDOWN($C5915/24,0)+1,1)*INDEX($D$3:$AA$30,INDEX(Jesper!$R$2:$R$366,ROW(INDEX(Jesper!AK$2:AK$366,ROUNDDOWN($C5915/24,0)+1,1))-1)+IF('Standard Profiles'!$G$21=$B$10,7,0)+IF('Standard Profiles'!$G$21=$B$17,14,0)+IF('Standard Profiles'!$G$21=$B$24,21,0),MOD($C5915,24)+1)/SUM(INDEX($D$3:$AA$30,INDEX(Jesper!$R$2:$R$366,ROW(INDEX(Jesper!AK$2:AK$366,ROUNDDOWN($C5915/24,0)+1,1))-1)+IF('Standard Profiles'!$G$21=$B$10,7,0)+IF('Standard Profiles'!$G$21=$B$17,14,0)+IF('Standard Profiles'!$G$21=$B$24,21,0),0)),0)</f>
        <v>0</v>
      </c>
      <c r="H5915" cm="1">
        <f t="array" ref="H5915">IFERROR(INDEX(Jesper!AL$2:AL$366,ROUNDDOWN($C5915/24,0)+1,1)*INDEX($D$3:$AA$30,INDEX(Jesper!$R$2:$R$366,ROW(INDEX(Jesper!AL$2:AL$366,ROUNDDOWN($C5915/24,0)+1,1))-1)+IF('Standard Profiles'!$G$22=$B$10,7,0)+IF('Standard Profiles'!$G$22=$B$17,14,0)+IF('Standard Profiles'!$G$22=$B$24,21,0),MOD($C5915,24)+1)/SUM(INDEX($D$3:$AA$30,INDEX(Jesper!$R$2:$R$366,ROW(INDEX(Jesper!AL$2:AL$366,ROUNDDOWN($C5915/24,0)+1,1))-1)+IF('Standard Profiles'!$G$22=$B$10,7,0)+IF('Standard Profiles'!$G$22=$B$17,14,0)+IF('Standard Profiles'!$G$22=$B$24,21,0),0)),0)</f>
        <v>0</v>
      </c>
      <c r="I5915">
        <f t="shared" si="657"/>
        <v>7.2667759454713793E-2</v>
      </c>
      <c r="J5915">
        <f t="shared" si="658"/>
        <v>0.24222586484904599</v>
      </c>
      <c r="K5915">
        <f t="shared" si="659"/>
        <v>0.36333879727356894</v>
      </c>
      <c r="L5915">
        <f t="shared" si="660"/>
        <v>1.744026226913131</v>
      </c>
      <c r="M5915">
        <f t="shared" si="661"/>
        <v>0</v>
      </c>
      <c r="N5915" s="46">
        <f t="shared" si="662"/>
        <v>45537.041666652403</v>
      </c>
    </row>
    <row r="5916" spans="2:14" x14ac:dyDescent="0.3">
      <c r="B5916">
        <f t="shared" si="656"/>
        <v>1</v>
      </c>
      <c r="C5916" s="16">
        <v>5882</v>
      </c>
      <c r="D5916" cm="1">
        <f t="array" ref="D5916">IFERROR(INDEX(Jesper!AH$2:AH$366,ROUNDDOWN($C5916/24,0)+1,1)*INDEX($D$3:$AA$30,INDEX(Jesper!$R$2:$R$366,ROW(INDEX(Jesper!AH$2:AH$366,ROUNDDOWN($C5916/24,0)+1,1))-1)+IF('Standard Profiles'!$G$18=$B$10,7,0)+IF('Standard Profiles'!$G$18=$B$17,14,0)+IF('Standard Profiles'!$G$18=$B$24,21,0),MOD($C5916,24)+1)/SUM(INDEX($D$3:$AA$30,INDEX(Jesper!$R$2:$R$366,ROW(INDEX(Jesper!AH$2:AH$366,ROUNDDOWN($C5916/24,0)+1,1))-1)+IF('Standard Profiles'!$G$18=$B$10,7,0)+IF('Standard Profiles'!$G$18=$B$17,14,0)+IF('Standard Profiles'!$G$18=$B$24,21,0),0)),0)</f>
        <v>2.4222586484904598</v>
      </c>
      <c r="E5916" cm="1">
        <f t="array" ref="E5916">IFERROR(INDEX(Jesper!AI$2:AI$366,ROUNDDOWN($C5916/24,0)+1,1)*INDEX($D$3:$AA$30,INDEX(Jesper!$R$2:$R$366,ROW(INDEX(Jesper!AI$2:AI$366,ROUNDDOWN($C5916/24,0)+1,1))-1)+IF('Standard Profiles'!$G$19=$B$10,7,0)+IF('Standard Profiles'!$G$19=$B$17,14,0)+IF('Standard Profiles'!$G$19=$B$24,21,0),MOD($C5916,24)+1)/SUM(INDEX($D$3:$AA$30,INDEX(Jesper!$R$2:$R$366,ROW(INDEX(Jesper!AI$2:AI$366,ROUNDDOWN($C5916/24,0)+1,1))-1)+IF('Standard Profiles'!$G$19=$B$10,7,0)+IF('Standard Profiles'!$G$19=$B$17,14,0)+IF('Standard Profiles'!$G$19=$B$24,21,0),0)),0)</f>
        <v>0</v>
      </c>
      <c r="F5916" cm="1">
        <f t="array" ref="F5916">IFERROR(INDEX(Jesper!AJ$2:AJ$366,ROUNDDOWN($C5916/24,0)+1,1)*INDEX($D$3:$AA$30,INDEX(Jesper!$R$2:$R$366,ROW(INDEX(Jesper!AJ$2:AJ$366,ROUNDDOWN($C5916/24,0)+1,1))-1)+IF('Standard Profiles'!$G$20=$B$10,7,0)+IF('Standard Profiles'!$G$20=$B$17,14,0)+IF('Standard Profiles'!$G$20=$B$24,21,0),MOD($C5916,24)+1)/SUM(INDEX($D$3:$AA$30,INDEX(Jesper!$R$2:$R$366,ROW(INDEX(Jesper!AJ$2:AJ$366,ROUNDDOWN($C5916/24,0)+1,1))-1)+IF('Standard Profiles'!$G$20=$B$10,7,0)+IF('Standard Profiles'!$G$20=$B$17,14,0)+IF('Standard Profiles'!$G$20=$B$24,21,0),0)),0)</f>
        <v>0</v>
      </c>
      <c r="G5916" cm="1">
        <f t="array" ref="G5916">IFERROR(INDEX(Jesper!AK$2:AK$366,ROUNDDOWN($C5916/24,0)+1,1)*INDEX($D$3:$AA$30,INDEX(Jesper!$R$2:$R$366,ROW(INDEX(Jesper!AK$2:AK$366,ROUNDDOWN($C5916/24,0)+1,1))-1)+IF('Standard Profiles'!$G$21=$B$10,7,0)+IF('Standard Profiles'!$G$21=$B$17,14,0)+IF('Standard Profiles'!$G$21=$B$24,21,0),MOD($C5916,24)+1)/SUM(INDEX($D$3:$AA$30,INDEX(Jesper!$R$2:$R$366,ROW(INDEX(Jesper!AK$2:AK$366,ROUNDDOWN($C5916/24,0)+1,1))-1)+IF('Standard Profiles'!$G$21=$B$10,7,0)+IF('Standard Profiles'!$G$21=$B$17,14,0)+IF('Standard Profiles'!$G$21=$B$24,21,0),0)),0)</f>
        <v>0</v>
      </c>
      <c r="H5916" cm="1">
        <f t="array" ref="H5916">IFERROR(INDEX(Jesper!AL$2:AL$366,ROUNDDOWN($C5916/24,0)+1,1)*INDEX($D$3:$AA$30,INDEX(Jesper!$R$2:$R$366,ROW(INDEX(Jesper!AL$2:AL$366,ROUNDDOWN($C5916/24,0)+1,1))-1)+IF('Standard Profiles'!$G$22=$B$10,7,0)+IF('Standard Profiles'!$G$22=$B$17,14,0)+IF('Standard Profiles'!$G$22=$B$24,21,0),MOD($C5916,24)+1)/SUM(INDEX($D$3:$AA$30,INDEX(Jesper!$R$2:$R$366,ROW(INDEX(Jesper!AL$2:AL$366,ROUNDDOWN($C5916/24,0)+1,1))-1)+IF('Standard Profiles'!$G$22=$B$10,7,0)+IF('Standard Profiles'!$G$22=$B$17,14,0)+IF('Standard Profiles'!$G$22=$B$24,21,0),0)),0)</f>
        <v>0</v>
      </c>
      <c r="I5916">
        <f t="shared" si="657"/>
        <v>7.2667759454713793E-2</v>
      </c>
      <c r="J5916">
        <f t="shared" si="658"/>
        <v>0.24222586484904599</v>
      </c>
      <c r="K5916">
        <f t="shared" si="659"/>
        <v>0.36333879727356894</v>
      </c>
      <c r="L5916">
        <f t="shared" si="660"/>
        <v>1.744026226913131</v>
      </c>
      <c r="M5916">
        <f t="shared" si="661"/>
        <v>0</v>
      </c>
      <c r="N5916" s="46">
        <f t="shared" si="662"/>
        <v>45537.083333319068</v>
      </c>
    </row>
    <row r="5917" spans="2:14" x14ac:dyDescent="0.3">
      <c r="B5917">
        <f t="shared" si="656"/>
        <v>1</v>
      </c>
      <c r="C5917" s="16">
        <v>5883</v>
      </c>
      <c r="D5917" cm="1">
        <f t="array" ref="D5917">IFERROR(INDEX(Jesper!AH$2:AH$366,ROUNDDOWN($C5917/24,0)+1,1)*INDEX($D$3:$AA$30,INDEX(Jesper!$R$2:$R$366,ROW(INDEX(Jesper!AH$2:AH$366,ROUNDDOWN($C5917/24,0)+1,1))-1)+IF('Standard Profiles'!$G$18=$B$10,7,0)+IF('Standard Profiles'!$G$18=$B$17,14,0)+IF('Standard Profiles'!$G$18=$B$24,21,0),MOD($C5917,24)+1)/SUM(INDEX($D$3:$AA$30,INDEX(Jesper!$R$2:$R$366,ROW(INDEX(Jesper!AH$2:AH$366,ROUNDDOWN($C5917/24,0)+1,1))-1)+IF('Standard Profiles'!$G$18=$B$10,7,0)+IF('Standard Profiles'!$G$18=$B$17,14,0)+IF('Standard Profiles'!$G$18=$B$24,21,0),0)),0)</f>
        <v>2.4222586484904598</v>
      </c>
      <c r="E5917" cm="1">
        <f t="array" ref="E5917">IFERROR(INDEX(Jesper!AI$2:AI$366,ROUNDDOWN($C5917/24,0)+1,1)*INDEX($D$3:$AA$30,INDEX(Jesper!$R$2:$R$366,ROW(INDEX(Jesper!AI$2:AI$366,ROUNDDOWN($C5917/24,0)+1,1))-1)+IF('Standard Profiles'!$G$19=$B$10,7,0)+IF('Standard Profiles'!$G$19=$B$17,14,0)+IF('Standard Profiles'!$G$19=$B$24,21,0),MOD($C5917,24)+1)/SUM(INDEX($D$3:$AA$30,INDEX(Jesper!$R$2:$R$366,ROW(INDEX(Jesper!AI$2:AI$366,ROUNDDOWN($C5917/24,0)+1,1))-1)+IF('Standard Profiles'!$G$19=$B$10,7,0)+IF('Standard Profiles'!$G$19=$B$17,14,0)+IF('Standard Profiles'!$G$19=$B$24,21,0),0)),0)</f>
        <v>0</v>
      </c>
      <c r="F5917" cm="1">
        <f t="array" ref="F5917">IFERROR(INDEX(Jesper!AJ$2:AJ$366,ROUNDDOWN($C5917/24,0)+1,1)*INDEX($D$3:$AA$30,INDEX(Jesper!$R$2:$R$366,ROW(INDEX(Jesper!AJ$2:AJ$366,ROUNDDOWN($C5917/24,0)+1,1))-1)+IF('Standard Profiles'!$G$20=$B$10,7,0)+IF('Standard Profiles'!$G$20=$B$17,14,0)+IF('Standard Profiles'!$G$20=$B$24,21,0),MOD($C5917,24)+1)/SUM(INDEX($D$3:$AA$30,INDEX(Jesper!$R$2:$R$366,ROW(INDEX(Jesper!AJ$2:AJ$366,ROUNDDOWN($C5917/24,0)+1,1))-1)+IF('Standard Profiles'!$G$20=$B$10,7,0)+IF('Standard Profiles'!$G$20=$B$17,14,0)+IF('Standard Profiles'!$G$20=$B$24,21,0),0)),0)</f>
        <v>0</v>
      </c>
      <c r="G5917" cm="1">
        <f t="array" ref="G5917">IFERROR(INDEX(Jesper!AK$2:AK$366,ROUNDDOWN($C5917/24,0)+1,1)*INDEX($D$3:$AA$30,INDEX(Jesper!$R$2:$R$366,ROW(INDEX(Jesper!AK$2:AK$366,ROUNDDOWN($C5917/24,0)+1,1))-1)+IF('Standard Profiles'!$G$21=$B$10,7,0)+IF('Standard Profiles'!$G$21=$B$17,14,0)+IF('Standard Profiles'!$G$21=$B$24,21,0),MOD($C5917,24)+1)/SUM(INDEX($D$3:$AA$30,INDEX(Jesper!$R$2:$R$366,ROW(INDEX(Jesper!AK$2:AK$366,ROUNDDOWN($C5917/24,0)+1,1))-1)+IF('Standard Profiles'!$G$21=$B$10,7,0)+IF('Standard Profiles'!$G$21=$B$17,14,0)+IF('Standard Profiles'!$G$21=$B$24,21,0),0)),0)</f>
        <v>0</v>
      </c>
      <c r="H5917" cm="1">
        <f t="array" ref="H5917">IFERROR(INDEX(Jesper!AL$2:AL$366,ROUNDDOWN($C5917/24,0)+1,1)*INDEX($D$3:$AA$30,INDEX(Jesper!$R$2:$R$366,ROW(INDEX(Jesper!AL$2:AL$366,ROUNDDOWN($C5917/24,0)+1,1))-1)+IF('Standard Profiles'!$G$22=$B$10,7,0)+IF('Standard Profiles'!$G$22=$B$17,14,0)+IF('Standard Profiles'!$G$22=$B$24,21,0),MOD($C5917,24)+1)/SUM(INDEX($D$3:$AA$30,INDEX(Jesper!$R$2:$R$366,ROW(INDEX(Jesper!AL$2:AL$366,ROUNDDOWN($C5917/24,0)+1,1))-1)+IF('Standard Profiles'!$G$22=$B$10,7,0)+IF('Standard Profiles'!$G$22=$B$17,14,0)+IF('Standard Profiles'!$G$22=$B$24,21,0),0)),0)</f>
        <v>0</v>
      </c>
      <c r="I5917">
        <f t="shared" si="657"/>
        <v>7.2667759454713793E-2</v>
      </c>
      <c r="J5917">
        <f t="shared" si="658"/>
        <v>0.24222586484904599</v>
      </c>
      <c r="K5917">
        <f t="shared" si="659"/>
        <v>0.36333879727356894</v>
      </c>
      <c r="L5917">
        <f t="shared" si="660"/>
        <v>1.744026226913131</v>
      </c>
      <c r="M5917">
        <f t="shared" si="661"/>
        <v>0</v>
      </c>
      <c r="N5917" s="46">
        <f t="shared" si="662"/>
        <v>45537.124999985732</v>
      </c>
    </row>
    <row r="5918" spans="2:14" x14ac:dyDescent="0.3">
      <c r="B5918">
        <f t="shared" si="656"/>
        <v>1</v>
      </c>
      <c r="C5918" s="16">
        <v>5884</v>
      </c>
      <c r="D5918" cm="1">
        <f t="array" ref="D5918">IFERROR(INDEX(Jesper!AH$2:AH$366,ROUNDDOWN($C5918/24,0)+1,1)*INDEX($D$3:$AA$30,INDEX(Jesper!$R$2:$R$366,ROW(INDEX(Jesper!AH$2:AH$366,ROUNDDOWN($C5918/24,0)+1,1))-1)+IF('Standard Profiles'!$G$18=$B$10,7,0)+IF('Standard Profiles'!$G$18=$B$17,14,0)+IF('Standard Profiles'!$G$18=$B$24,21,0),MOD($C5918,24)+1)/SUM(INDEX($D$3:$AA$30,INDEX(Jesper!$R$2:$R$366,ROW(INDEX(Jesper!AH$2:AH$366,ROUNDDOWN($C5918/24,0)+1,1))-1)+IF('Standard Profiles'!$G$18=$B$10,7,0)+IF('Standard Profiles'!$G$18=$B$17,14,0)+IF('Standard Profiles'!$G$18=$B$24,21,0),0)),0)</f>
        <v>2.4222586484904598</v>
      </c>
      <c r="E5918" cm="1">
        <f t="array" ref="E5918">IFERROR(INDEX(Jesper!AI$2:AI$366,ROUNDDOWN($C5918/24,0)+1,1)*INDEX($D$3:$AA$30,INDEX(Jesper!$R$2:$R$366,ROW(INDEX(Jesper!AI$2:AI$366,ROUNDDOWN($C5918/24,0)+1,1))-1)+IF('Standard Profiles'!$G$19=$B$10,7,0)+IF('Standard Profiles'!$G$19=$B$17,14,0)+IF('Standard Profiles'!$G$19=$B$24,21,0),MOD($C5918,24)+1)/SUM(INDEX($D$3:$AA$30,INDEX(Jesper!$R$2:$R$366,ROW(INDEX(Jesper!AI$2:AI$366,ROUNDDOWN($C5918/24,0)+1,1))-1)+IF('Standard Profiles'!$G$19=$B$10,7,0)+IF('Standard Profiles'!$G$19=$B$17,14,0)+IF('Standard Profiles'!$G$19=$B$24,21,0),0)),0)</f>
        <v>0</v>
      </c>
      <c r="F5918" cm="1">
        <f t="array" ref="F5918">IFERROR(INDEX(Jesper!AJ$2:AJ$366,ROUNDDOWN($C5918/24,0)+1,1)*INDEX($D$3:$AA$30,INDEX(Jesper!$R$2:$R$366,ROW(INDEX(Jesper!AJ$2:AJ$366,ROUNDDOWN($C5918/24,0)+1,1))-1)+IF('Standard Profiles'!$G$20=$B$10,7,0)+IF('Standard Profiles'!$G$20=$B$17,14,0)+IF('Standard Profiles'!$G$20=$B$24,21,0),MOD($C5918,24)+1)/SUM(INDEX($D$3:$AA$30,INDEX(Jesper!$R$2:$R$366,ROW(INDEX(Jesper!AJ$2:AJ$366,ROUNDDOWN($C5918/24,0)+1,1))-1)+IF('Standard Profiles'!$G$20=$B$10,7,0)+IF('Standard Profiles'!$G$20=$B$17,14,0)+IF('Standard Profiles'!$G$20=$B$24,21,0),0)),0)</f>
        <v>0</v>
      </c>
      <c r="G5918" cm="1">
        <f t="array" ref="G5918">IFERROR(INDEX(Jesper!AK$2:AK$366,ROUNDDOWN($C5918/24,0)+1,1)*INDEX($D$3:$AA$30,INDEX(Jesper!$R$2:$R$366,ROW(INDEX(Jesper!AK$2:AK$366,ROUNDDOWN($C5918/24,0)+1,1))-1)+IF('Standard Profiles'!$G$21=$B$10,7,0)+IF('Standard Profiles'!$G$21=$B$17,14,0)+IF('Standard Profiles'!$G$21=$B$24,21,0),MOD($C5918,24)+1)/SUM(INDEX($D$3:$AA$30,INDEX(Jesper!$R$2:$R$366,ROW(INDEX(Jesper!AK$2:AK$366,ROUNDDOWN($C5918/24,0)+1,1))-1)+IF('Standard Profiles'!$G$21=$B$10,7,0)+IF('Standard Profiles'!$G$21=$B$17,14,0)+IF('Standard Profiles'!$G$21=$B$24,21,0),0)),0)</f>
        <v>0</v>
      </c>
      <c r="H5918" cm="1">
        <f t="array" ref="H5918">IFERROR(INDEX(Jesper!AL$2:AL$366,ROUNDDOWN($C5918/24,0)+1,1)*INDEX($D$3:$AA$30,INDEX(Jesper!$R$2:$R$366,ROW(INDEX(Jesper!AL$2:AL$366,ROUNDDOWN($C5918/24,0)+1,1))-1)+IF('Standard Profiles'!$G$22=$B$10,7,0)+IF('Standard Profiles'!$G$22=$B$17,14,0)+IF('Standard Profiles'!$G$22=$B$24,21,0),MOD($C5918,24)+1)/SUM(INDEX($D$3:$AA$30,INDEX(Jesper!$R$2:$R$366,ROW(INDEX(Jesper!AL$2:AL$366,ROUNDDOWN($C5918/24,0)+1,1))-1)+IF('Standard Profiles'!$G$22=$B$10,7,0)+IF('Standard Profiles'!$G$22=$B$17,14,0)+IF('Standard Profiles'!$G$22=$B$24,21,0),0)),0)</f>
        <v>0</v>
      </c>
      <c r="I5918">
        <f t="shared" si="657"/>
        <v>7.2667759454713793E-2</v>
      </c>
      <c r="J5918">
        <f t="shared" si="658"/>
        <v>0.24222586484904599</v>
      </c>
      <c r="K5918">
        <f t="shared" si="659"/>
        <v>0.36333879727356894</v>
      </c>
      <c r="L5918">
        <f t="shared" si="660"/>
        <v>1.744026226913131</v>
      </c>
      <c r="M5918">
        <f t="shared" si="661"/>
        <v>0</v>
      </c>
      <c r="N5918" s="46">
        <f t="shared" si="662"/>
        <v>45537.166666652396</v>
      </c>
    </row>
    <row r="5919" spans="2:14" x14ac:dyDescent="0.3">
      <c r="B5919">
        <f t="shared" si="656"/>
        <v>1</v>
      </c>
      <c r="C5919" s="16">
        <v>5885</v>
      </c>
      <c r="D5919" cm="1">
        <f t="array" ref="D5919">IFERROR(INDEX(Jesper!AH$2:AH$366,ROUNDDOWN($C5919/24,0)+1,1)*INDEX($D$3:$AA$30,INDEX(Jesper!$R$2:$R$366,ROW(INDEX(Jesper!AH$2:AH$366,ROUNDDOWN($C5919/24,0)+1,1))-1)+IF('Standard Profiles'!$G$18=$B$10,7,0)+IF('Standard Profiles'!$G$18=$B$17,14,0)+IF('Standard Profiles'!$G$18=$B$24,21,0),MOD($C5919,24)+1)/SUM(INDEX($D$3:$AA$30,INDEX(Jesper!$R$2:$R$366,ROW(INDEX(Jesper!AH$2:AH$366,ROUNDDOWN($C5919/24,0)+1,1))-1)+IF('Standard Profiles'!$G$18=$B$10,7,0)+IF('Standard Profiles'!$G$18=$B$17,14,0)+IF('Standard Profiles'!$G$18=$B$24,21,0),0)),0)</f>
        <v>10.496454143458658</v>
      </c>
      <c r="E5919" cm="1">
        <f t="array" ref="E5919">IFERROR(INDEX(Jesper!AI$2:AI$366,ROUNDDOWN($C5919/24,0)+1,1)*INDEX($D$3:$AA$30,INDEX(Jesper!$R$2:$R$366,ROW(INDEX(Jesper!AI$2:AI$366,ROUNDDOWN($C5919/24,0)+1,1))-1)+IF('Standard Profiles'!$G$19=$B$10,7,0)+IF('Standard Profiles'!$G$19=$B$17,14,0)+IF('Standard Profiles'!$G$19=$B$24,21,0),MOD($C5919,24)+1)/SUM(INDEX($D$3:$AA$30,INDEX(Jesper!$R$2:$R$366,ROW(INDEX(Jesper!AI$2:AI$366,ROUNDDOWN($C5919/24,0)+1,1))-1)+IF('Standard Profiles'!$G$19=$B$10,7,0)+IF('Standard Profiles'!$G$19=$B$17,14,0)+IF('Standard Profiles'!$G$19=$B$24,21,0),0)),0)</f>
        <v>0</v>
      </c>
      <c r="F5919" cm="1">
        <f t="array" ref="F5919">IFERROR(INDEX(Jesper!AJ$2:AJ$366,ROUNDDOWN($C5919/24,0)+1,1)*INDEX($D$3:$AA$30,INDEX(Jesper!$R$2:$R$366,ROW(INDEX(Jesper!AJ$2:AJ$366,ROUNDDOWN($C5919/24,0)+1,1))-1)+IF('Standard Profiles'!$G$20=$B$10,7,0)+IF('Standard Profiles'!$G$20=$B$17,14,0)+IF('Standard Profiles'!$G$20=$B$24,21,0),MOD($C5919,24)+1)/SUM(INDEX($D$3:$AA$30,INDEX(Jesper!$R$2:$R$366,ROW(INDEX(Jesper!AJ$2:AJ$366,ROUNDDOWN($C5919/24,0)+1,1))-1)+IF('Standard Profiles'!$G$20=$B$10,7,0)+IF('Standard Profiles'!$G$20=$B$17,14,0)+IF('Standard Profiles'!$G$20=$B$24,21,0),0)),0)</f>
        <v>0</v>
      </c>
      <c r="G5919" cm="1">
        <f t="array" ref="G5919">IFERROR(INDEX(Jesper!AK$2:AK$366,ROUNDDOWN($C5919/24,0)+1,1)*INDEX($D$3:$AA$30,INDEX(Jesper!$R$2:$R$366,ROW(INDEX(Jesper!AK$2:AK$366,ROUNDDOWN($C5919/24,0)+1,1))-1)+IF('Standard Profiles'!$G$21=$B$10,7,0)+IF('Standard Profiles'!$G$21=$B$17,14,0)+IF('Standard Profiles'!$G$21=$B$24,21,0),MOD($C5919,24)+1)/SUM(INDEX($D$3:$AA$30,INDEX(Jesper!$R$2:$R$366,ROW(INDEX(Jesper!AK$2:AK$366,ROUNDDOWN($C5919/24,0)+1,1))-1)+IF('Standard Profiles'!$G$21=$B$10,7,0)+IF('Standard Profiles'!$G$21=$B$17,14,0)+IF('Standard Profiles'!$G$21=$B$24,21,0),0)),0)</f>
        <v>0</v>
      </c>
      <c r="H5919" cm="1">
        <f t="array" ref="H5919">IFERROR(INDEX(Jesper!AL$2:AL$366,ROUNDDOWN($C5919/24,0)+1,1)*INDEX($D$3:$AA$30,INDEX(Jesper!$R$2:$R$366,ROW(INDEX(Jesper!AL$2:AL$366,ROUNDDOWN($C5919/24,0)+1,1))-1)+IF('Standard Profiles'!$G$22=$B$10,7,0)+IF('Standard Profiles'!$G$22=$B$17,14,0)+IF('Standard Profiles'!$G$22=$B$24,21,0),MOD($C5919,24)+1)/SUM(INDEX($D$3:$AA$30,INDEX(Jesper!$R$2:$R$366,ROW(INDEX(Jesper!AL$2:AL$366,ROUNDDOWN($C5919/24,0)+1,1))-1)+IF('Standard Profiles'!$G$22=$B$10,7,0)+IF('Standard Profiles'!$G$22=$B$17,14,0)+IF('Standard Profiles'!$G$22=$B$24,21,0),0)),0)</f>
        <v>0</v>
      </c>
      <c r="I5919">
        <f t="shared" si="657"/>
        <v>0.31489362430375972</v>
      </c>
      <c r="J5919">
        <f t="shared" si="658"/>
        <v>1.0496454143458658</v>
      </c>
      <c r="K5919">
        <f t="shared" si="659"/>
        <v>1.5744681215187988</v>
      </c>
      <c r="L5919">
        <f t="shared" si="660"/>
        <v>7.5574469832902338</v>
      </c>
      <c r="M5919">
        <f t="shared" si="661"/>
        <v>0</v>
      </c>
      <c r="N5919" s="46">
        <f t="shared" si="662"/>
        <v>45537.20833331906</v>
      </c>
    </row>
    <row r="5920" spans="2:14" x14ac:dyDescent="0.3">
      <c r="B5920">
        <f t="shared" si="656"/>
        <v>1</v>
      </c>
      <c r="C5920" s="16">
        <v>5886</v>
      </c>
      <c r="D5920" cm="1">
        <f t="array" ref="D5920">IFERROR(INDEX(Jesper!AH$2:AH$366,ROUNDDOWN($C5920/24,0)+1,1)*INDEX($D$3:$AA$30,INDEX(Jesper!$R$2:$R$366,ROW(INDEX(Jesper!AH$2:AH$366,ROUNDDOWN($C5920/24,0)+1,1))-1)+IF('Standard Profiles'!$G$18=$B$10,7,0)+IF('Standard Profiles'!$G$18=$B$17,14,0)+IF('Standard Profiles'!$G$18=$B$24,21,0),MOD($C5920,24)+1)/SUM(INDEX($D$3:$AA$30,INDEX(Jesper!$R$2:$R$366,ROW(INDEX(Jesper!AH$2:AH$366,ROUNDDOWN($C5920/24,0)+1,1))-1)+IF('Standard Profiles'!$G$18=$B$10,7,0)+IF('Standard Profiles'!$G$18=$B$17,14,0)+IF('Standard Profiles'!$G$18=$B$24,21,0),0)),0)</f>
        <v>11.909438355078093</v>
      </c>
      <c r="E5920" cm="1">
        <f t="array" ref="E5920">IFERROR(INDEX(Jesper!AI$2:AI$366,ROUNDDOWN($C5920/24,0)+1,1)*INDEX($D$3:$AA$30,INDEX(Jesper!$R$2:$R$366,ROW(INDEX(Jesper!AI$2:AI$366,ROUNDDOWN($C5920/24,0)+1,1))-1)+IF('Standard Profiles'!$G$19=$B$10,7,0)+IF('Standard Profiles'!$G$19=$B$17,14,0)+IF('Standard Profiles'!$G$19=$B$24,21,0),MOD($C5920,24)+1)/SUM(INDEX($D$3:$AA$30,INDEX(Jesper!$R$2:$R$366,ROW(INDEX(Jesper!AI$2:AI$366,ROUNDDOWN($C5920/24,0)+1,1))-1)+IF('Standard Profiles'!$G$19=$B$10,7,0)+IF('Standard Profiles'!$G$19=$B$17,14,0)+IF('Standard Profiles'!$G$19=$B$24,21,0),0)),0)</f>
        <v>0</v>
      </c>
      <c r="F5920" cm="1">
        <f t="array" ref="F5920">IFERROR(INDEX(Jesper!AJ$2:AJ$366,ROUNDDOWN($C5920/24,0)+1,1)*INDEX($D$3:$AA$30,INDEX(Jesper!$R$2:$R$366,ROW(INDEX(Jesper!AJ$2:AJ$366,ROUNDDOWN($C5920/24,0)+1,1))-1)+IF('Standard Profiles'!$G$20=$B$10,7,0)+IF('Standard Profiles'!$G$20=$B$17,14,0)+IF('Standard Profiles'!$G$20=$B$24,21,0),MOD($C5920,24)+1)/SUM(INDEX($D$3:$AA$30,INDEX(Jesper!$R$2:$R$366,ROW(INDEX(Jesper!AJ$2:AJ$366,ROUNDDOWN($C5920/24,0)+1,1))-1)+IF('Standard Profiles'!$G$20=$B$10,7,0)+IF('Standard Profiles'!$G$20=$B$17,14,0)+IF('Standard Profiles'!$G$20=$B$24,21,0),0)),0)</f>
        <v>0</v>
      </c>
      <c r="G5920" cm="1">
        <f t="array" ref="G5920">IFERROR(INDEX(Jesper!AK$2:AK$366,ROUNDDOWN($C5920/24,0)+1,1)*INDEX($D$3:$AA$30,INDEX(Jesper!$R$2:$R$366,ROW(INDEX(Jesper!AK$2:AK$366,ROUNDDOWN($C5920/24,0)+1,1))-1)+IF('Standard Profiles'!$G$21=$B$10,7,0)+IF('Standard Profiles'!$G$21=$B$17,14,0)+IF('Standard Profiles'!$G$21=$B$24,21,0),MOD($C5920,24)+1)/SUM(INDEX($D$3:$AA$30,INDEX(Jesper!$R$2:$R$366,ROW(INDEX(Jesper!AK$2:AK$366,ROUNDDOWN($C5920/24,0)+1,1))-1)+IF('Standard Profiles'!$G$21=$B$10,7,0)+IF('Standard Profiles'!$G$21=$B$17,14,0)+IF('Standard Profiles'!$G$21=$B$24,21,0),0)),0)</f>
        <v>0</v>
      </c>
      <c r="H5920" cm="1">
        <f t="array" ref="H5920">IFERROR(INDEX(Jesper!AL$2:AL$366,ROUNDDOWN($C5920/24,0)+1,1)*INDEX($D$3:$AA$30,INDEX(Jesper!$R$2:$R$366,ROW(INDEX(Jesper!AL$2:AL$366,ROUNDDOWN($C5920/24,0)+1,1))-1)+IF('Standard Profiles'!$G$22=$B$10,7,0)+IF('Standard Profiles'!$G$22=$B$17,14,0)+IF('Standard Profiles'!$G$22=$B$24,21,0),MOD($C5920,24)+1)/SUM(INDEX($D$3:$AA$30,INDEX(Jesper!$R$2:$R$366,ROW(INDEX(Jesper!AL$2:AL$366,ROUNDDOWN($C5920/24,0)+1,1))-1)+IF('Standard Profiles'!$G$22=$B$10,7,0)+IF('Standard Profiles'!$G$22=$B$17,14,0)+IF('Standard Profiles'!$G$22=$B$24,21,0),0)),0)</f>
        <v>0</v>
      </c>
      <c r="I5920">
        <f t="shared" si="657"/>
        <v>0.35728315065234278</v>
      </c>
      <c r="J5920">
        <f t="shared" si="658"/>
        <v>1.1909438355078092</v>
      </c>
      <c r="K5920">
        <f t="shared" si="659"/>
        <v>1.786415753261714</v>
      </c>
      <c r="L5920">
        <f t="shared" si="660"/>
        <v>8.5747956156562264</v>
      </c>
      <c r="M5920">
        <f t="shared" si="661"/>
        <v>0</v>
      </c>
      <c r="N5920" s="46">
        <f t="shared" si="662"/>
        <v>45537.249999985725</v>
      </c>
    </row>
    <row r="5921" spans="2:14" x14ac:dyDescent="0.3">
      <c r="B5921">
        <f t="shared" si="656"/>
        <v>1</v>
      </c>
      <c r="C5921" s="16">
        <v>5887</v>
      </c>
      <c r="D5921" cm="1">
        <f t="array" ref="D5921">IFERROR(INDEX(Jesper!AH$2:AH$366,ROUNDDOWN($C5921/24,0)+1,1)*INDEX($D$3:$AA$30,INDEX(Jesper!$R$2:$R$366,ROW(INDEX(Jesper!AH$2:AH$366,ROUNDDOWN($C5921/24,0)+1,1))-1)+IF('Standard Profiles'!$G$18=$B$10,7,0)+IF('Standard Profiles'!$G$18=$B$17,14,0)+IF('Standard Profiles'!$G$18=$B$24,21,0),MOD($C5921,24)+1)/SUM(INDEX($D$3:$AA$30,INDEX(Jesper!$R$2:$R$366,ROW(INDEX(Jesper!AH$2:AH$366,ROUNDDOWN($C5921/24,0)+1,1))-1)+IF('Standard Profiles'!$G$18=$B$10,7,0)+IF('Standard Profiles'!$G$18=$B$17,14,0)+IF('Standard Profiles'!$G$18=$B$24,21,0),0)),0)</f>
        <v>11.909438355078093</v>
      </c>
      <c r="E5921" cm="1">
        <f t="array" ref="E5921">IFERROR(INDEX(Jesper!AI$2:AI$366,ROUNDDOWN($C5921/24,0)+1,1)*INDEX($D$3:$AA$30,INDEX(Jesper!$R$2:$R$366,ROW(INDEX(Jesper!AI$2:AI$366,ROUNDDOWN($C5921/24,0)+1,1))-1)+IF('Standard Profiles'!$G$19=$B$10,7,0)+IF('Standard Profiles'!$G$19=$B$17,14,0)+IF('Standard Profiles'!$G$19=$B$24,21,0),MOD($C5921,24)+1)/SUM(INDEX($D$3:$AA$30,INDEX(Jesper!$R$2:$R$366,ROW(INDEX(Jesper!AI$2:AI$366,ROUNDDOWN($C5921/24,0)+1,1))-1)+IF('Standard Profiles'!$G$19=$B$10,7,0)+IF('Standard Profiles'!$G$19=$B$17,14,0)+IF('Standard Profiles'!$G$19=$B$24,21,0),0)),0)</f>
        <v>0</v>
      </c>
      <c r="F5921" cm="1">
        <f t="array" ref="F5921">IFERROR(INDEX(Jesper!AJ$2:AJ$366,ROUNDDOWN($C5921/24,0)+1,1)*INDEX($D$3:$AA$30,INDEX(Jesper!$R$2:$R$366,ROW(INDEX(Jesper!AJ$2:AJ$366,ROUNDDOWN($C5921/24,0)+1,1))-1)+IF('Standard Profiles'!$G$20=$B$10,7,0)+IF('Standard Profiles'!$G$20=$B$17,14,0)+IF('Standard Profiles'!$G$20=$B$24,21,0),MOD($C5921,24)+1)/SUM(INDEX($D$3:$AA$30,INDEX(Jesper!$R$2:$R$366,ROW(INDEX(Jesper!AJ$2:AJ$366,ROUNDDOWN($C5921/24,0)+1,1))-1)+IF('Standard Profiles'!$G$20=$B$10,7,0)+IF('Standard Profiles'!$G$20=$B$17,14,0)+IF('Standard Profiles'!$G$20=$B$24,21,0),0)),0)</f>
        <v>0</v>
      </c>
      <c r="G5921" cm="1">
        <f t="array" ref="G5921">IFERROR(INDEX(Jesper!AK$2:AK$366,ROUNDDOWN($C5921/24,0)+1,1)*INDEX($D$3:$AA$30,INDEX(Jesper!$R$2:$R$366,ROW(INDEX(Jesper!AK$2:AK$366,ROUNDDOWN($C5921/24,0)+1,1))-1)+IF('Standard Profiles'!$G$21=$B$10,7,0)+IF('Standard Profiles'!$G$21=$B$17,14,0)+IF('Standard Profiles'!$G$21=$B$24,21,0),MOD($C5921,24)+1)/SUM(INDEX($D$3:$AA$30,INDEX(Jesper!$R$2:$R$366,ROW(INDEX(Jesper!AK$2:AK$366,ROUNDDOWN($C5921/24,0)+1,1))-1)+IF('Standard Profiles'!$G$21=$B$10,7,0)+IF('Standard Profiles'!$G$21=$B$17,14,0)+IF('Standard Profiles'!$G$21=$B$24,21,0),0)),0)</f>
        <v>0</v>
      </c>
      <c r="H5921" cm="1">
        <f t="array" ref="H5921">IFERROR(INDEX(Jesper!AL$2:AL$366,ROUNDDOWN($C5921/24,0)+1,1)*INDEX($D$3:$AA$30,INDEX(Jesper!$R$2:$R$366,ROW(INDEX(Jesper!AL$2:AL$366,ROUNDDOWN($C5921/24,0)+1,1))-1)+IF('Standard Profiles'!$G$22=$B$10,7,0)+IF('Standard Profiles'!$G$22=$B$17,14,0)+IF('Standard Profiles'!$G$22=$B$24,21,0),MOD($C5921,24)+1)/SUM(INDEX($D$3:$AA$30,INDEX(Jesper!$R$2:$R$366,ROW(INDEX(Jesper!AL$2:AL$366,ROUNDDOWN($C5921/24,0)+1,1))-1)+IF('Standard Profiles'!$G$22=$B$10,7,0)+IF('Standard Profiles'!$G$22=$B$17,14,0)+IF('Standard Profiles'!$G$22=$B$24,21,0),0)),0)</f>
        <v>0</v>
      </c>
      <c r="I5921">
        <f t="shared" si="657"/>
        <v>0.35728315065234278</v>
      </c>
      <c r="J5921">
        <f t="shared" si="658"/>
        <v>1.1909438355078092</v>
      </c>
      <c r="K5921">
        <f t="shared" si="659"/>
        <v>1.786415753261714</v>
      </c>
      <c r="L5921">
        <f t="shared" si="660"/>
        <v>8.5747956156562264</v>
      </c>
      <c r="M5921">
        <f t="shared" si="661"/>
        <v>0</v>
      </c>
      <c r="N5921" s="46">
        <f t="shared" si="662"/>
        <v>45537.291666652389</v>
      </c>
    </row>
    <row r="5922" spans="2:14" x14ac:dyDescent="0.3">
      <c r="B5922">
        <f t="shared" si="656"/>
        <v>1</v>
      </c>
      <c r="C5922" s="16">
        <v>5888</v>
      </c>
      <c r="D5922" cm="1">
        <f t="array" ref="D5922">IFERROR(INDEX(Jesper!AH$2:AH$366,ROUNDDOWN($C5922/24,0)+1,1)*INDEX($D$3:$AA$30,INDEX(Jesper!$R$2:$R$366,ROW(INDEX(Jesper!AH$2:AH$366,ROUNDDOWN($C5922/24,0)+1,1))-1)+IF('Standard Profiles'!$G$18=$B$10,7,0)+IF('Standard Profiles'!$G$18=$B$17,14,0)+IF('Standard Profiles'!$G$18=$B$24,21,0),MOD($C5922,24)+1)/SUM(INDEX($D$3:$AA$30,INDEX(Jesper!$R$2:$R$366,ROW(INDEX(Jesper!AH$2:AH$366,ROUNDDOWN($C5922/24,0)+1,1))-1)+IF('Standard Profiles'!$G$18=$B$10,7,0)+IF('Standard Profiles'!$G$18=$B$17,14,0)+IF('Standard Profiles'!$G$18=$B$24,21,0),0)),0)</f>
        <v>11.909438355078093</v>
      </c>
      <c r="E5922" cm="1">
        <f t="array" ref="E5922">IFERROR(INDEX(Jesper!AI$2:AI$366,ROUNDDOWN($C5922/24,0)+1,1)*INDEX($D$3:$AA$30,INDEX(Jesper!$R$2:$R$366,ROW(INDEX(Jesper!AI$2:AI$366,ROUNDDOWN($C5922/24,0)+1,1))-1)+IF('Standard Profiles'!$G$19=$B$10,7,0)+IF('Standard Profiles'!$G$19=$B$17,14,0)+IF('Standard Profiles'!$G$19=$B$24,21,0),MOD($C5922,24)+1)/SUM(INDEX($D$3:$AA$30,INDEX(Jesper!$R$2:$R$366,ROW(INDEX(Jesper!AI$2:AI$366,ROUNDDOWN($C5922/24,0)+1,1))-1)+IF('Standard Profiles'!$G$19=$B$10,7,0)+IF('Standard Profiles'!$G$19=$B$17,14,0)+IF('Standard Profiles'!$G$19=$B$24,21,0),0)),0)</f>
        <v>0</v>
      </c>
      <c r="F5922" cm="1">
        <f t="array" ref="F5922">IFERROR(INDEX(Jesper!AJ$2:AJ$366,ROUNDDOWN($C5922/24,0)+1,1)*INDEX($D$3:$AA$30,INDEX(Jesper!$R$2:$R$366,ROW(INDEX(Jesper!AJ$2:AJ$366,ROUNDDOWN($C5922/24,0)+1,1))-1)+IF('Standard Profiles'!$G$20=$B$10,7,0)+IF('Standard Profiles'!$G$20=$B$17,14,0)+IF('Standard Profiles'!$G$20=$B$24,21,0),MOD($C5922,24)+1)/SUM(INDEX($D$3:$AA$30,INDEX(Jesper!$R$2:$R$366,ROW(INDEX(Jesper!AJ$2:AJ$366,ROUNDDOWN($C5922/24,0)+1,1))-1)+IF('Standard Profiles'!$G$20=$B$10,7,0)+IF('Standard Profiles'!$G$20=$B$17,14,0)+IF('Standard Profiles'!$G$20=$B$24,21,0),0)),0)</f>
        <v>0</v>
      </c>
      <c r="G5922" cm="1">
        <f t="array" ref="G5922">IFERROR(INDEX(Jesper!AK$2:AK$366,ROUNDDOWN($C5922/24,0)+1,1)*INDEX($D$3:$AA$30,INDEX(Jesper!$R$2:$R$366,ROW(INDEX(Jesper!AK$2:AK$366,ROUNDDOWN($C5922/24,0)+1,1))-1)+IF('Standard Profiles'!$G$21=$B$10,7,0)+IF('Standard Profiles'!$G$21=$B$17,14,0)+IF('Standard Profiles'!$G$21=$B$24,21,0),MOD($C5922,24)+1)/SUM(INDEX($D$3:$AA$30,INDEX(Jesper!$R$2:$R$366,ROW(INDEX(Jesper!AK$2:AK$366,ROUNDDOWN($C5922/24,0)+1,1))-1)+IF('Standard Profiles'!$G$21=$B$10,7,0)+IF('Standard Profiles'!$G$21=$B$17,14,0)+IF('Standard Profiles'!$G$21=$B$24,21,0),0)),0)</f>
        <v>0</v>
      </c>
      <c r="H5922" cm="1">
        <f t="array" ref="H5922">IFERROR(INDEX(Jesper!AL$2:AL$366,ROUNDDOWN($C5922/24,0)+1,1)*INDEX($D$3:$AA$30,INDEX(Jesper!$R$2:$R$366,ROW(INDEX(Jesper!AL$2:AL$366,ROUNDDOWN($C5922/24,0)+1,1))-1)+IF('Standard Profiles'!$G$22=$B$10,7,0)+IF('Standard Profiles'!$G$22=$B$17,14,0)+IF('Standard Profiles'!$G$22=$B$24,21,0),MOD($C5922,24)+1)/SUM(INDEX($D$3:$AA$30,INDEX(Jesper!$R$2:$R$366,ROW(INDEX(Jesper!AL$2:AL$366,ROUNDDOWN($C5922/24,0)+1,1))-1)+IF('Standard Profiles'!$G$22=$B$10,7,0)+IF('Standard Profiles'!$G$22=$B$17,14,0)+IF('Standard Profiles'!$G$22=$B$24,21,0),0)),0)</f>
        <v>0</v>
      </c>
      <c r="I5922">
        <f t="shared" si="657"/>
        <v>0.35728315065234278</v>
      </c>
      <c r="J5922">
        <f t="shared" si="658"/>
        <v>1.1909438355078092</v>
      </c>
      <c r="K5922">
        <f t="shared" si="659"/>
        <v>1.786415753261714</v>
      </c>
      <c r="L5922">
        <f t="shared" si="660"/>
        <v>8.5747956156562264</v>
      </c>
      <c r="M5922">
        <f t="shared" si="661"/>
        <v>0</v>
      </c>
      <c r="N5922" s="46">
        <f t="shared" si="662"/>
        <v>45537.333333319053</v>
      </c>
    </row>
    <row r="5923" spans="2:14" x14ac:dyDescent="0.3">
      <c r="B5923">
        <f t="shared" ref="B5923:B5986" si="663">WEEKDAY(N5923,2)</f>
        <v>1</v>
      </c>
      <c r="C5923" s="16">
        <v>5889</v>
      </c>
      <c r="D5923" cm="1">
        <f t="array" ref="D5923">IFERROR(INDEX(Jesper!AH$2:AH$366,ROUNDDOWN($C5923/24,0)+1,1)*INDEX($D$3:$AA$30,INDEX(Jesper!$R$2:$R$366,ROW(INDEX(Jesper!AH$2:AH$366,ROUNDDOWN($C5923/24,0)+1,1))-1)+IF('Standard Profiles'!$G$18=$B$10,7,0)+IF('Standard Profiles'!$G$18=$B$17,14,0)+IF('Standard Profiles'!$G$18=$B$24,21,0),MOD($C5923,24)+1)/SUM(INDEX($D$3:$AA$30,INDEX(Jesper!$R$2:$R$366,ROW(INDEX(Jesper!AH$2:AH$366,ROUNDDOWN($C5923/24,0)+1,1))-1)+IF('Standard Profiles'!$G$18=$B$10,7,0)+IF('Standard Profiles'!$G$18=$B$17,14,0)+IF('Standard Profiles'!$G$18=$B$24,21,0),0)),0)</f>
        <v>12.716857904574914</v>
      </c>
      <c r="E5923" cm="1">
        <f t="array" ref="E5923">IFERROR(INDEX(Jesper!AI$2:AI$366,ROUNDDOWN($C5923/24,0)+1,1)*INDEX($D$3:$AA$30,INDEX(Jesper!$R$2:$R$366,ROW(INDEX(Jesper!AI$2:AI$366,ROUNDDOWN($C5923/24,0)+1,1))-1)+IF('Standard Profiles'!$G$19=$B$10,7,0)+IF('Standard Profiles'!$G$19=$B$17,14,0)+IF('Standard Profiles'!$G$19=$B$24,21,0),MOD($C5923,24)+1)/SUM(INDEX($D$3:$AA$30,INDEX(Jesper!$R$2:$R$366,ROW(INDEX(Jesper!AI$2:AI$366,ROUNDDOWN($C5923/24,0)+1,1))-1)+IF('Standard Profiles'!$G$19=$B$10,7,0)+IF('Standard Profiles'!$G$19=$B$17,14,0)+IF('Standard Profiles'!$G$19=$B$24,21,0),0)),0)</f>
        <v>0</v>
      </c>
      <c r="F5923" cm="1">
        <f t="array" ref="F5923">IFERROR(INDEX(Jesper!AJ$2:AJ$366,ROUNDDOWN($C5923/24,0)+1,1)*INDEX($D$3:$AA$30,INDEX(Jesper!$R$2:$R$366,ROW(INDEX(Jesper!AJ$2:AJ$366,ROUNDDOWN($C5923/24,0)+1,1))-1)+IF('Standard Profiles'!$G$20=$B$10,7,0)+IF('Standard Profiles'!$G$20=$B$17,14,0)+IF('Standard Profiles'!$G$20=$B$24,21,0),MOD($C5923,24)+1)/SUM(INDEX($D$3:$AA$30,INDEX(Jesper!$R$2:$R$366,ROW(INDEX(Jesper!AJ$2:AJ$366,ROUNDDOWN($C5923/24,0)+1,1))-1)+IF('Standard Profiles'!$G$20=$B$10,7,0)+IF('Standard Profiles'!$G$20=$B$17,14,0)+IF('Standard Profiles'!$G$20=$B$24,21,0),0)),0)</f>
        <v>0</v>
      </c>
      <c r="G5923" cm="1">
        <f t="array" ref="G5923">IFERROR(INDEX(Jesper!AK$2:AK$366,ROUNDDOWN($C5923/24,0)+1,1)*INDEX($D$3:$AA$30,INDEX(Jesper!$R$2:$R$366,ROW(INDEX(Jesper!AK$2:AK$366,ROUNDDOWN($C5923/24,0)+1,1))-1)+IF('Standard Profiles'!$G$21=$B$10,7,0)+IF('Standard Profiles'!$G$21=$B$17,14,0)+IF('Standard Profiles'!$G$21=$B$24,21,0),MOD($C5923,24)+1)/SUM(INDEX($D$3:$AA$30,INDEX(Jesper!$R$2:$R$366,ROW(INDEX(Jesper!AK$2:AK$366,ROUNDDOWN($C5923/24,0)+1,1))-1)+IF('Standard Profiles'!$G$21=$B$10,7,0)+IF('Standard Profiles'!$G$21=$B$17,14,0)+IF('Standard Profiles'!$G$21=$B$24,21,0),0)),0)</f>
        <v>0</v>
      </c>
      <c r="H5923" cm="1">
        <f t="array" ref="H5923">IFERROR(INDEX(Jesper!AL$2:AL$366,ROUNDDOWN($C5923/24,0)+1,1)*INDEX($D$3:$AA$30,INDEX(Jesper!$R$2:$R$366,ROW(INDEX(Jesper!AL$2:AL$366,ROUNDDOWN($C5923/24,0)+1,1))-1)+IF('Standard Profiles'!$G$22=$B$10,7,0)+IF('Standard Profiles'!$G$22=$B$17,14,0)+IF('Standard Profiles'!$G$22=$B$24,21,0),MOD($C5923,24)+1)/SUM(INDEX($D$3:$AA$30,INDEX(Jesper!$R$2:$R$366,ROW(INDEX(Jesper!AL$2:AL$366,ROUNDDOWN($C5923/24,0)+1,1))-1)+IF('Standard Profiles'!$G$22=$B$10,7,0)+IF('Standard Profiles'!$G$22=$B$17,14,0)+IF('Standard Profiles'!$G$22=$B$24,21,0),0)),0)</f>
        <v>0</v>
      </c>
      <c r="I5923">
        <f t="shared" ref="I5923:I5986" si="664">IF($B5923&lt;6,AC$37*$D5923+AC$38*$E5923+AC$39*$F5923+AC$40*$G5923,AC$46*$D5923+AC$47*$E5923+AC$48*$F5923+AC$49*$G5923+AC$50*$H5923)</f>
        <v>0.38150573713724739</v>
      </c>
      <c r="J5923">
        <f t="shared" ref="J5923:J5986" si="665">IF($B5923&lt;6,AD$37*$D5923+AD$38*$E5923+AD$39*$F5923+AD$40*$G5923,AD$46*$D5923+AD$47*$E5923+AD$48*$F5923+AD$49*$G5923+AD$50*$H5923)</f>
        <v>1.2716857904574914</v>
      </c>
      <c r="K5923">
        <f t="shared" ref="K5923:K5986" si="666">IF($B5923&lt;6,AE$37*$D5923+AE$38*$E5923+AE$39*$F5923+AE$40*$G5923,AE$46*$D5923+AE$47*$E5923+AE$48*$F5923+AE$49*$G5923+AE$50*$H5923)</f>
        <v>1.907528685686237</v>
      </c>
      <c r="L5923">
        <f t="shared" ref="L5923:L5986" si="667">IF($B5923&lt;6,AF$37*$D5923+AF$38*$E5923+AF$39*$F5923+AF$40*$G5923,AF$46*$D5923+AF$47*$E5923+AF$48*$F5923+AF$49*$G5923+AF$50*$H5923)</f>
        <v>9.156137691293937</v>
      </c>
      <c r="M5923">
        <f t="shared" ref="M5923:M5986" si="668">IF($B5923&lt;6,AG$37*$D5923+AG$38*$E5923+AG$39*$F5923+AG$40*$G5923,AG$46*$D5923+AG$47*$E5923+AG$48*$F5923+AG$49*$G5923+AG$50*$H5923)</f>
        <v>0</v>
      </c>
      <c r="N5923" s="46">
        <f t="shared" si="662"/>
        <v>45537.374999985717</v>
      </c>
    </row>
    <row r="5924" spans="2:14" x14ac:dyDescent="0.3">
      <c r="B5924">
        <f t="shared" si="663"/>
        <v>1</v>
      </c>
      <c r="C5924" s="16">
        <v>5890</v>
      </c>
      <c r="D5924" cm="1">
        <f t="array" ref="D5924">IFERROR(INDEX(Jesper!AH$2:AH$366,ROUNDDOWN($C5924/24,0)+1,1)*INDEX($D$3:$AA$30,INDEX(Jesper!$R$2:$R$366,ROW(INDEX(Jesper!AH$2:AH$366,ROUNDDOWN($C5924/24,0)+1,1))-1)+IF('Standard Profiles'!$G$18=$B$10,7,0)+IF('Standard Profiles'!$G$18=$B$17,14,0)+IF('Standard Profiles'!$G$18=$B$24,21,0),MOD($C5924,24)+1)/SUM(INDEX($D$3:$AA$30,INDEX(Jesper!$R$2:$R$366,ROW(INDEX(Jesper!AH$2:AH$366,ROUNDDOWN($C5924/24,0)+1,1))-1)+IF('Standard Profiles'!$G$18=$B$10,7,0)+IF('Standard Profiles'!$G$18=$B$17,14,0)+IF('Standard Profiles'!$G$18=$B$24,21,0),0)),0)</f>
        <v>12.716857904574914</v>
      </c>
      <c r="E5924" cm="1">
        <f t="array" ref="E5924">IFERROR(INDEX(Jesper!AI$2:AI$366,ROUNDDOWN($C5924/24,0)+1,1)*INDEX($D$3:$AA$30,INDEX(Jesper!$R$2:$R$366,ROW(INDEX(Jesper!AI$2:AI$366,ROUNDDOWN($C5924/24,0)+1,1))-1)+IF('Standard Profiles'!$G$19=$B$10,7,0)+IF('Standard Profiles'!$G$19=$B$17,14,0)+IF('Standard Profiles'!$G$19=$B$24,21,0),MOD($C5924,24)+1)/SUM(INDEX($D$3:$AA$30,INDEX(Jesper!$R$2:$R$366,ROW(INDEX(Jesper!AI$2:AI$366,ROUNDDOWN($C5924/24,0)+1,1))-1)+IF('Standard Profiles'!$G$19=$B$10,7,0)+IF('Standard Profiles'!$G$19=$B$17,14,0)+IF('Standard Profiles'!$G$19=$B$24,21,0),0)),0)</f>
        <v>0</v>
      </c>
      <c r="F5924" cm="1">
        <f t="array" ref="F5924">IFERROR(INDEX(Jesper!AJ$2:AJ$366,ROUNDDOWN($C5924/24,0)+1,1)*INDEX($D$3:$AA$30,INDEX(Jesper!$R$2:$R$366,ROW(INDEX(Jesper!AJ$2:AJ$366,ROUNDDOWN($C5924/24,0)+1,1))-1)+IF('Standard Profiles'!$G$20=$B$10,7,0)+IF('Standard Profiles'!$G$20=$B$17,14,0)+IF('Standard Profiles'!$G$20=$B$24,21,0),MOD($C5924,24)+1)/SUM(INDEX($D$3:$AA$30,INDEX(Jesper!$R$2:$R$366,ROW(INDEX(Jesper!AJ$2:AJ$366,ROUNDDOWN($C5924/24,0)+1,1))-1)+IF('Standard Profiles'!$G$20=$B$10,7,0)+IF('Standard Profiles'!$G$20=$B$17,14,0)+IF('Standard Profiles'!$G$20=$B$24,21,0),0)),0)</f>
        <v>0</v>
      </c>
      <c r="G5924" cm="1">
        <f t="array" ref="G5924">IFERROR(INDEX(Jesper!AK$2:AK$366,ROUNDDOWN($C5924/24,0)+1,1)*INDEX($D$3:$AA$30,INDEX(Jesper!$R$2:$R$366,ROW(INDEX(Jesper!AK$2:AK$366,ROUNDDOWN($C5924/24,0)+1,1))-1)+IF('Standard Profiles'!$G$21=$B$10,7,0)+IF('Standard Profiles'!$G$21=$B$17,14,0)+IF('Standard Profiles'!$G$21=$B$24,21,0),MOD($C5924,24)+1)/SUM(INDEX($D$3:$AA$30,INDEX(Jesper!$R$2:$R$366,ROW(INDEX(Jesper!AK$2:AK$366,ROUNDDOWN($C5924/24,0)+1,1))-1)+IF('Standard Profiles'!$G$21=$B$10,7,0)+IF('Standard Profiles'!$G$21=$B$17,14,0)+IF('Standard Profiles'!$G$21=$B$24,21,0),0)),0)</f>
        <v>0</v>
      </c>
      <c r="H5924" cm="1">
        <f t="array" ref="H5924">IFERROR(INDEX(Jesper!AL$2:AL$366,ROUNDDOWN($C5924/24,0)+1,1)*INDEX($D$3:$AA$30,INDEX(Jesper!$R$2:$R$366,ROW(INDEX(Jesper!AL$2:AL$366,ROUNDDOWN($C5924/24,0)+1,1))-1)+IF('Standard Profiles'!$G$22=$B$10,7,0)+IF('Standard Profiles'!$G$22=$B$17,14,0)+IF('Standard Profiles'!$G$22=$B$24,21,0),MOD($C5924,24)+1)/SUM(INDEX($D$3:$AA$30,INDEX(Jesper!$R$2:$R$366,ROW(INDEX(Jesper!AL$2:AL$366,ROUNDDOWN($C5924/24,0)+1,1))-1)+IF('Standard Profiles'!$G$22=$B$10,7,0)+IF('Standard Profiles'!$G$22=$B$17,14,0)+IF('Standard Profiles'!$G$22=$B$24,21,0),0)),0)</f>
        <v>0</v>
      </c>
      <c r="I5924">
        <f t="shared" si="664"/>
        <v>0.38150573713724739</v>
      </c>
      <c r="J5924">
        <f t="shared" si="665"/>
        <v>1.2716857904574914</v>
      </c>
      <c r="K5924">
        <f t="shared" si="666"/>
        <v>1.907528685686237</v>
      </c>
      <c r="L5924">
        <f t="shared" si="667"/>
        <v>9.156137691293937</v>
      </c>
      <c r="M5924">
        <f t="shared" si="668"/>
        <v>0</v>
      </c>
      <c r="N5924" s="46">
        <f t="shared" ref="N5924:N5987" si="669">N5923+1/24</f>
        <v>45537.416666652382</v>
      </c>
    </row>
    <row r="5925" spans="2:14" x14ac:dyDescent="0.3">
      <c r="B5925">
        <f t="shared" si="663"/>
        <v>1</v>
      </c>
      <c r="C5925" s="16">
        <v>5891</v>
      </c>
      <c r="D5925" cm="1">
        <f t="array" ref="D5925">IFERROR(INDEX(Jesper!AH$2:AH$366,ROUNDDOWN($C5925/24,0)+1,1)*INDEX($D$3:$AA$30,INDEX(Jesper!$R$2:$R$366,ROW(INDEX(Jesper!AH$2:AH$366,ROUNDDOWN($C5925/24,0)+1,1))-1)+IF('Standard Profiles'!$G$18=$B$10,7,0)+IF('Standard Profiles'!$G$18=$B$17,14,0)+IF('Standard Profiles'!$G$18=$B$24,21,0),MOD($C5925,24)+1)/SUM(INDEX($D$3:$AA$30,INDEX(Jesper!$R$2:$R$366,ROW(INDEX(Jesper!AH$2:AH$366,ROUNDDOWN($C5925/24,0)+1,1))-1)+IF('Standard Profiles'!$G$18=$B$10,7,0)+IF('Standard Profiles'!$G$18=$B$17,14,0)+IF('Standard Profiles'!$G$18=$B$24,21,0),0)),0)</f>
        <v>16.148390989936399</v>
      </c>
      <c r="E5925" cm="1">
        <f t="array" ref="E5925">IFERROR(INDEX(Jesper!AI$2:AI$366,ROUNDDOWN($C5925/24,0)+1,1)*INDEX($D$3:$AA$30,INDEX(Jesper!$R$2:$R$366,ROW(INDEX(Jesper!AI$2:AI$366,ROUNDDOWN($C5925/24,0)+1,1))-1)+IF('Standard Profiles'!$G$19=$B$10,7,0)+IF('Standard Profiles'!$G$19=$B$17,14,0)+IF('Standard Profiles'!$G$19=$B$24,21,0),MOD($C5925,24)+1)/SUM(INDEX($D$3:$AA$30,INDEX(Jesper!$R$2:$R$366,ROW(INDEX(Jesper!AI$2:AI$366,ROUNDDOWN($C5925/24,0)+1,1))-1)+IF('Standard Profiles'!$G$19=$B$10,7,0)+IF('Standard Profiles'!$G$19=$B$17,14,0)+IF('Standard Profiles'!$G$19=$B$24,21,0),0)),0)</f>
        <v>0</v>
      </c>
      <c r="F5925" cm="1">
        <f t="array" ref="F5925">IFERROR(INDEX(Jesper!AJ$2:AJ$366,ROUNDDOWN($C5925/24,0)+1,1)*INDEX($D$3:$AA$30,INDEX(Jesper!$R$2:$R$366,ROW(INDEX(Jesper!AJ$2:AJ$366,ROUNDDOWN($C5925/24,0)+1,1))-1)+IF('Standard Profiles'!$G$20=$B$10,7,0)+IF('Standard Profiles'!$G$20=$B$17,14,0)+IF('Standard Profiles'!$G$20=$B$24,21,0),MOD($C5925,24)+1)/SUM(INDEX($D$3:$AA$30,INDEX(Jesper!$R$2:$R$366,ROW(INDEX(Jesper!AJ$2:AJ$366,ROUNDDOWN($C5925/24,0)+1,1))-1)+IF('Standard Profiles'!$G$20=$B$10,7,0)+IF('Standard Profiles'!$G$20=$B$17,14,0)+IF('Standard Profiles'!$G$20=$B$24,21,0),0)),0)</f>
        <v>0</v>
      </c>
      <c r="G5925" cm="1">
        <f t="array" ref="G5925">IFERROR(INDEX(Jesper!AK$2:AK$366,ROUNDDOWN($C5925/24,0)+1,1)*INDEX($D$3:$AA$30,INDEX(Jesper!$R$2:$R$366,ROW(INDEX(Jesper!AK$2:AK$366,ROUNDDOWN($C5925/24,0)+1,1))-1)+IF('Standard Profiles'!$G$21=$B$10,7,0)+IF('Standard Profiles'!$G$21=$B$17,14,0)+IF('Standard Profiles'!$G$21=$B$24,21,0),MOD($C5925,24)+1)/SUM(INDEX($D$3:$AA$30,INDEX(Jesper!$R$2:$R$366,ROW(INDEX(Jesper!AK$2:AK$366,ROUNDDOWN($C5925/24,0)+1,1))-1)+IF('Standard Profiles'!$G$21=$B$10,7,0)+IF('Standard Profiles'!$G$21=$B$17,14,0)+IF('Standard Profiles'!$G$21=$B$24,21,0),0)),0)</f>
        <v>0</v>
      </c>
      <c r="H5925" cm="1">
        <f t="array" ref="H5925">IFERROR(INDEX(Jesper!AL$2:AL$366,ROUNDDOWN($C5925/24,0)+1,1)*INDEX($D$3:$AA$30,INDEX(Jesper!$R$2:$R$366,ROW(INDEX(Jesper!AL$2:AL$366,ROUNDDOWN($C5925/24,0)+1,1))-1)+IF('Standard Profiles'!$G$22=$B$10,7,0)+IF('Standard Profiles'!$G$22=$B$17,14,0)+IF('Standard Profiles'!$G$22=$B$24,21,0),MOD($C5925,24)+1)/SUM(INDEX($D$3:$AA$30,INDEX(Jesper!$R$2:$R$366,ROW(INDEX(Jesper!AL$2:AL$366,ROUNDDOWN($C5925/24,0)+1,1))-1)+IF('Standard Profiles'!$G$22=$B$10,7,0)+IF('Standard Profiles'!$G$22=$B$17,14,0)+IF('Standard Profiles'!$G$22=$B$24,21,0),0)),0)</f>
        <v>0</v>
      </c>
      <c r="I5925">
        <f t="shared" si="664"/>
        <v>0.48445172969809192</v>
      </c>
      <c r="J5925">
        <f t="shared" si="665"/>
        <v>1.6148390989936399</v>
      </c>
      <c r="K5925">
        <f t="shared" si="666"/>
        <v>2.4222586484904598</v>
      </c>
      <c r="L5925">
        <f t="shared" si="667"/>
        <v>11.626841512754206</v>
      </c>
      <c r="M5925">
        <f t="shared" si="668"/>
        <v>0</v>
      </c>
      <c r="N5925" s="46">
        <f t="shared" si="669"/>
        <v>45537.458333319046</v>
      </c>
    </row>
    <row r="5926" spans="2:14" x14ac:dyDescent="0.3">
      <c r="B5926">
        <f t="shared" si="663"/>
        <v>1</v>
      </c>
      <c r="C5926" s="16">
        <v>5892</v>
      </c>
      <c r="D5926" cm="1">
        <f t="array" ref="D5926">IFERROR(INDEX(Jesper!AH$2:AH$366,ROUNDDOWN($C5926/24,0)+1,1)*INDEX($D$3:$AA$30,INDEX(Jesper!$R$2:$R$366,ROW(INDEX(Jesper!AH$2:AH$366,ROUNDDOWN($C5926/24,0)+1,1))-1)+IF('Standard Profiles'!$G$18=$B$10,7,0)+IF('Standard Profiles'!$G$18=$B$17,14,0)+IF('Standard Profiles'!$G$18=$B$24,21,0),MOD($C5926,24)+1)/SUM(INDEX($D$3:$AA$30,INDEX(Jesper!$R$2:$R$366,ROW(INDEX(Jesper!AH$2:AH$366,ROUNDDOWN($C5926/24,0)+1,1))-1)+IF('Standard Profiles'!$G$18=$B$10,7,0)+IF('Standard Profiles'!$G$18=$B$17,14,0)+IF('Standard Profiles'!$G$18=$B$24,21,0),0)),0)</f>
        <v>16.148390989936399</v>
      </c>
      <c r="E5926" cm="1">
        <f t="array" ref="E5926">IFERROR(INDEX(Jesper!AI$2:AI$366,ROUNDDOWN($C5926/24,0)+1,1)*INDEX($D$3:$AA$30,INDEX(Jesper!$R$2:$R$366,ROW(INDEX(Jesper!AI$2:AI$366,ROUNDDOWN($C5926/24,0)+1,1))-1)+IF('Standard Profiles'!$G$19=$B$10,7,0)+IF('Standard Profiles'!$G$19=$B$17,14,0)+IF('Standard Profiles'!$G$19=$B$24,21,0),MOD($C5926,24)+1)/SUM(INDEX($D$3:$AA$30,INDEX(Jesper!$R$2:$R$366,ROW(INDEX(Jesper!AI$2:AI$366,ROUNDDOWN($C5926/24,0)+1,1))-1)+IF('Standard Profiles'!$G$19=$B$10,7,0)+IF('Standard Profiles'!$G$19=$B$17,14,0)+IF('Standard Profiles'!$G$19=$B$24,21,0),0)),0)</f>
        <v>0</v>
      </c>
      <c r="F5926" cm="1">
        <f t="array" ref="F5926">IFERROR(INDEX(Jesper!AJ$2:AJ$366,ROUNDDOWN($C5926/24,0)+1,1)*INDEX($D$3:$AA$30,INDEX(Jesper!$R$2:$R$366,ROW(INDEX(Jesper!AJ$2:AJ$366,ROUNDDOWN($C5926/24,0)+1,1))-1)+IF('Standard Profiles'!$G$20=$B$10,7,0)+IF('Standard Profiles'!$G$20=$B$17,14,0)+IF('Standard Profiles'!$G$20=$B$24,21,0),MOD($C5926,24)+1)/SUM(INDEX($D$3:$AA$30,INDEX(Jesper!$R$2:$R$366,ROW(INDEX(Jesper!AJ$2:AJ$366,ROUNDDOWN($C5926/24,0)+1,1))-1)+IF('Standard Profiles'!$G$20=$B$10,7,0)+IF('Standard Profiles'!$G$20=$B$17,14,0)+IF('Standard Profiles'!$G$20=$B$24,21,0),0)),0)</f>
        <v>0</v>
      </c>
      <c r="G5926" cm="1">
        <f t="array" ref="G5926">IFERROR(INDEX(Jesper!AK$2:AK$366,ROUNDDOWN($C5926/24,0)+1,1)*INDEX($D$3:$AA$30,INDEX(Jesper!$R$2:$R$366,ROW(INDEX(Jesper!AK$2:AK$366,ROUNDDOWN($C5926/24,0)+1,1))-1)+IF('Standard Profiles'!$G$21=$B$10,7,0)+IF('Standard Profiles'!$G$21=$B$17,14,0)+IF('Standard Profiles'!$G$21=$B$24,21,0),MOD($C5926,24)+1)/SUM(INDEX($D$3:$AA$30,INDEX(Jesper!$R$2:$R$366,ROW(INDEX(Jesper!AK$2:AK$366,ROUNDDOWN($C5926/24,0)+1,1))-1)+IF('Standard Profiles'!$G$21=$B$10,7,0)+IF('Standard Profiles'!$G$21=$B$17,14,0)+IF('Standard Profiles'!$G$21=$B$24,21,0),0)),0)</f>
        <v>0</v>
      </c>
      <c r="H5926" cm="1">
        <f t="array" ref="H5926">IFERROR(INDEX(Jesper!AL$2:AL$366,ROUNDDOWN($C5926/24,0)+1,1)*INDEX($D$3:$AA$30,INDEX(Jesper!$R$2:$R$366,ROW(INDEX(Jesper!AL$2:AL$366,ROUNDDOWN($C5926/24,0)+1,1))-1)+IF('Standard Profiles'!$G$22=$B$10,7,0)+IF('Standard Profiles'!$G$22=$B$17,14,0)+IF('Standard Profiles'!$G$22=$B$24,21,0),MOD($C5926,24)+1)/SUM(INDEX($D$3:$AA$30,INDEX(Jesper!$R$2:$R$366,ROW(INDEX(Jesper!AL$2:AL$366,ROUNDDOWN($C5926/24,0)+1,1))-1)+IF('Standard Profiles'!$G$22=$B$10,7,0)+IF('Standard Profiles'!$G$22=$B$17,14,0)+IF('Standard Profiles'!$G$22=$B$24,21,0),0)),0)</f>
        <v>0</v>
      </c>
      <c r="I5926">
        <f t="shared" si="664"/>
        <v>0.48445172969809192</v>
      </c>
      <c r="J5926">
        <f t="shared" si="665"/>
        <v>1.6148390989936399</v>
      </c>
      <c r="K5926">
        <f t="shared" si="666"/>
        <v>2.4222586484904598</v>
      </c>
      <c r="L5926">
        <f t="shared" si="667"/>
        <v>11.626841512754206</v>
      </c>
      <c r="M5926">
        <f t="shared" si="668"/>
        <v>0</v>
      </c>
      <c r="N5926" s="46">
        <f t="shared" si="669"/>
        <v>45537.49999998571</v>
      </c>
    </row>
    <row r="5927" spans="2:14" x14ac:dyDescent="0.3">
      <c r="B5927">
        <f t="shared" si="663"/>
        <v>1</v>
      </c>
      <c r="C5927" s="16">
        <v>5893</v>
      </c>
      <c r="D5927" cm="1">
        <f t="array" ref="D5927">IFERROR(INDEX(Jesper!AH$2:AH$366,ROUNDDOWN($C5927/24,0)+1,1)*INDEX($D$3:$AA$30,INDEX(Jesper!$R$2:$R$366,ROW(INDEX(Jesper!AH$2:AH$366,ROUNDDOWN($C5927/24,0)+1,1))-1)+IF('Standard Profiles'!$G$18=$B$10,7,0)+IF('Standard Profiles'!$G$18=$B$17,14,0)+IF('Standard Profiles'!$G$18=$B$24,21,0),MOD($C5927,24)+1)/SUM(INDEX($D$3:$AA$30,INDEX(Jesper!$R$2:$R$366,ROW(INDEX(Jesper!AH$2:AH$366,ROUNDDOWN($C5927/24,0)+1,1))-1)+IF('Standard Profiles'!$G$18=$B$10,7,0)+IF('Standard Profiles'!$G$18=$B$17,14,0)+IF('Standard Profiles'!$G$18=$B$24,21,0),0)),0)</f>
        <v>10.698309030832865</v>
      </c>
      <c r="E5927" cm="1">
        <f t="array" ref="E5927">IFERROR(INDEX(Jesper!AI$2:AI$366,ROUNDDOWN($C5927/24,0)+1,1)*INDEX($D$3:$AA$30,INDEX(Jesper!$R$2:$R$366,ROW(INDEX(Jesper!AI$2:AI$366,ROUNDDOWN($C5927/24,0)+1,1))-1)+IF('Standard Profiles'!$G$19=$B$10,7,0)+IF('Standard Profiles'!$G$19=$B$17,14,0)+IF('Standard Profiles'!$G$19=$B$24,21,0),MOD($C5927,24)+1)/SUM(INDEX($D$3:$AA$30,INDEX(Jesper!$R$2:$R$366,ROW(INDEX(Jesper!AI$2:AI$366,ROUNDDOWN($C5927/24,0)+1,1))-1)+IF('Standard Profiles'!$G$19=$B$10,7,0)+IF('Standard Profiles'!$G$19=$B$17,14,0)+IF('Standard Profiles'!$G$19=$B$24,21,0),0)),0)</f>
        <v>0</v>
      </c>
      <c r="F5927" cm="1">
        <f t="array" ref="F5927">IFERROR(INDEX(Jesper!AJ$2:AJ$366,ROUNDDOWN($C5927/24,0)+1,1)*INDEX($D$3:$AA$30,INDEX(Jesper!$R$2:$R$366,ROW(INDEX(Jesper!AJ$2:AJ$366,ROUNDDOWN($C5927/24,0)+1,1))-1)+IF('Standard Profiles'!$G$20=$B$10,7,0)+IF('Standard Profiles'!$G$20=$B$17,14,0)+IF('Standard Profiles'!$G$20=$B$24,21,0),MOD($C5927,24)+1)/SUM(INDEX($D$3:$AA$30,INDEX(Jesper!$R$2:$R$366,ROW(INDEX(Jesper!AJ$2:AJ$366,ROUNDDOWN($C5927/24,0)+1,1))-1)+IF('Standard Profiles'!$G$20=$B$10,7,0)+IF('Standard Profiles'!$G$20=$B$17,14,0)+IF('Standard Profiles'!$G$20=$B$24,21,0),0)),0)</f>
        <v>0</v>
      </c>
      <c r="G5927" cm="1">
        <f t="array" ref="G5927">IFERROR(INDEX(Jesper!AK$2:AK$366,ROUNDDOWN($C5927/24,0)+1,1)*INDEX($D$3:$AA$30,INDEX(Jesper!$R$2:$R$366,ROW(INDEX(Jesper!AK$2:AK$366,ROUNDDOWN($C5927/24,0)+1,1))-1)+IF('Standard Profiles'!$G$21=$B$10,7,0)+IF('Standard Profiles'!$G$21=$B$17,14,0)+IF('Standard Profiles'!$G$21=$B$24,21,0),MOD($C5927,24)+1)/SUM(INDEX($D$3:$AA$30,INDEX(Jesper!$R$2:$R$366,ROW(INDEX(Jesper!AK$2:AK$366,ROUNDDOWN($C5927/24,0)+1,1))-1)+IF('Standard Profiles'!$G$21=$B$10,7,0)+IF('Standard Profiles'!$G$21=$B$17,14,0)+IF('Standard Profiles'!$G$21=$B$24,21,0),0)),0)</f>
        <v>0</v>
      </c>
      <c r="H5927" cm="1">
        <f t="array" ref="H5927">IFERROR(INDEX(Jesper!AL$2:AL$366,ROUNDDOWN($C5927/24,0)+1,1)*INDEX($D$3:$AA$30,INDEX(Jesper!$R$2:$R$366,ROW(INDEX(Jesper!AL$2:AL$366,ROUNDDOWN($C5927/24,0)+1,1))-1)+IF('Standard Profiles'!$G$22=$B$10,7,0)+IF('Standard Profiles'!$G$22=$B$17,14,0)+IF('Standard Profiles'!$G$22=$B$24,21,0),MOD($C5927,24)+1)/SUM(INDEX($D$3:$AA$30,INDEX(Jesper!$R$2:$R$366,ROW(INDEX(Jesper!AL$2:AL$366,ROUNDDOWN($C5927/24,0)+1,1))-1)+IF('Standard Profiles'!$G$22=$B$10,7,0)+IF('Standard Profiles'!$G$22=$B$17,14,0)+IF('Standard Profiles'!$G$22=$B$24,21,0),0)),0)</f>
        <v>0</v>
      </c>
      <c r="I5927">
        <f t="shared" si="664"/>
        <v>0.32094927092498593</v>
      </c>
      <c r="J5927">
        <f t="shared" si="665"/>
        <v>1.0698309030832867</v>
      </c>
      <c r="K5927">
        <f t="shared" si="666"/>
        <v>1.6047463546249296</v>
      </c>
      <c r="L5927">
        <f t="shared" si="667"/>
        <v>7.7027825021996623</v>
      </c>
      <c r="M5927">
        <f t="shared" si="668"/>
        <v>0</v>
      </c>
      <c r="N5927" s="46">
        <f t="shared" si="669"/>
        <v>45537.541666652374</v>
      </c>
    </row>
    <row r="5928" spans="2:14" x14ac:dyDescent="0.3">
      <c r="B5928">
        <f t="shared" si="663"/>
        <v>1</v>
      </c>
      <c r="C5928" s="16">
        <v>5894</v>
      </c>
      <c r="D5928" cm="1">
        <f t="array" ref="D5928">IFERROR(INDEX(Jesper!AH$2:AH$366,ROUNDDOWN($C5928/24,0)+1,1)*INDEX($D$3:$AA$30,INDEX(Jesper!$R$2:$R$366,ROW(INDEX(Jesper!AH$2:AH$366,ROUNDDOWN($C5928/24,0)+1,1))-1)+IF('Standard Profiles'!$G$18=$B$10,7,0)+IF('Standard Profiles'!$G$18=$B$17,14,0)+IF('Standard Profiles'!$G$18=$B$24,21,0),MOD($C5928,24)+1)/SUM(INDEX($D$3:$AA$30,INDEX(Jesper!$R$2:$R$366,ROW(INDEX(Jesper!AH$2:AH$366,ROUNDDOWN($C5928/24,0)+1,1))-1)+IF('Standard Profiles'!$G$18=$B$10,7,0)+IF('Standard Profiles'!$G$18=$B$17,14,0)+IF('Standard Profiles'!$G$18=$B$24,21,0),0)),0)</f>
        <v>16.148390989936399</v>
      </c>
      <c r="E5928" cm="1">
        <f t="array" ref="E5928">IFERROR(INDEX(Jesper!AI$2:AI$366,ROUNDDOWN($C5928/24,0)+1,1)*INDEX($D$3:$AA$30,INDEX(Jesper!$R$2:$R$366,ROW(INDEX(Jesper!AI$2:AI$366,ROUNDDOWN($C5928/24,0)+1,1))-1)+IF('Standard Profiles'!$G$19=$B$10,7,0)+IF('Standard Profiles'!$G$19=$B$17,14,0)+IF('Standard Profiles'!$G$19=$B$24,21,0),MOD($C5928,24)+1)/SUM(INDEX($D$3:$AA$30,INDEX(Jesper!$R$2:$R$366,ROW(INDEX(Jesper!AI$2:AI$366,ROUNDDOWN($C5928/24,0)+1,1))-1)+IF('Standard Profiles'!$G$19=$B$10,7,0)+IF('Standard Profiles'!$G$19=$B$17,14,0)+IF('Standard Profiles'!$G$19=$B$24,21,0),0)),0)</f>
        <v>0</v>
      </c>
      <c r="F5928" cm="1">
        <f t="array" ref="F5928">IFERROR(INDEX(Jesper!AJ$2:AJ$366,ROUNDDOWN($C5928/24,0)+1,1)*INDEX($D$3:$AA$30,INDEX(Jesper!$R$2:$R$366,ROW(INDEX(Jesper!AJ$2:AJ$366,ROUNDDOWN($C5928/24,0)+1,1))-1)+IF('Standard Profiles'!$G$20=$B$10,7,0)+IF('Standard Profiles'!$G$20=$B$17,14,0)+IF('Standard Profiles'!$G$20=$B$24,21,0),MOD($C5928,24)+1)/SUM(INDEX($D$3:$AA$30,INDEX(Jesper!$R$2:$R$366,ROW(INDEX(Jesper!AJ$2:AJ$366,ROUNDDOWN($C5928/24,0)+1,1))-1)+IF('Standard Profiles'!$G$20=$B$10,7,0)+IF('Standard Profiles'!$G$20=$B$17,14,0)+IF('Standard Profiles'!$G$20=$B$24,21,0),0)),0)</f>
        <v>0</v>
      </c>
      <c r="G5928" cm="1">
        <f t="array" ref="G5928">IFERROR(INDEX(Jesper!AK$2:AK$366,ROUNDDOWN($C5928/24,0)+1,1)*INDEX($D$3:$AA$30,INDEX(Jesper!$R$2:$R$366,ROW(INDEX(Jesper!AK$2:AK$366,ROUNDDOWN($C5928/24,0)+1,1))-1)+IF('Standard Profiles'!$G$21=$B$10,7,0)+IF('Standard Profiles'!$G$21=$B$17,14,0)+IF('Standard Profiles'!$G$21=$B$24,21,0),MOD($C5928,24)+1)/SUM(INDEX($D$3:$AA$30,INDEX(Jesper!$R$2:$R$366,ROW(INDEX(Jesper!AK$2:AK$366,ROUNDDOWN($C5928/24,0)+1,1))-1)+IF('Standard Profiles'!$G$21=$B$10,7,0)+IF('Standard Profiles'!$G$21=$B$17,14,0)+IF('Standard Profiles'!$G$21=$B$24,21,0),0)),0)</f>
        <v>0</v>
      </c>
      <c r="H5928" cm="1">
        <f t="array" ref="H5928">IFERROR(INDEX(Jesper!AL$2:AL$366,ROUNDDOWN($C5928/24,0)+1,1)*INDEX($D$3:$AA$30,INDEX(Jesper!$R$2:$R$366,ROW(INDEX(Jesper!AL$2:AL$366,ROUNDDOWN($C5928/24,0)+1,1))-1)+IF('Standard Profiles'!$G$22=$B$10,7,0)+IF('Standard Profiles'!$G$22=$B$17,14,0)+IF('Standard Profiles'!$G$22=$B$24,21,0),MOD($C5928,24)+1)/SUM(INDEX($D$3:$AA$30,INDEX(Jesper!$R$2:$R$366,ROW(INDEX(Jesper!AL$2:AL$366,ROUNDDOWN($C5928/24,0)+1,1))-1)+IF('Standard Profiles'!$G$22=$B$10,7,0)+IF('Standard Profiles'!$G$22=$B$17,14,0)+IF('Standard Profiles'!$G$22=$B$24,21,0),0)),0)</f>
        <v>0</v>
      </c>
      <c r="I5928">
        <f t="shared" si="664"/>
        <v>0.48445172969809192</v>
      </c>
      <c r="J5928">
        <f t="shared" si="665"/>
        <v>1.6148390989936399</v>
      </c>
      <c r="K5928">
        <f t="shared" si="666"/>
        <v>2.4222586484904598</v>
      </c>
      <c r="L5928">
        <f t="shared" si="667"/>
        <v>11.626841512754206</v>
      </c>
      <c r="M5928">
        <f t="shared" si="668"/>
        <v>0</v>
      </c>
      <c r="N5928" s="46">
        <f t="shared" si="669"/>
        <v>45537.583333319039</v>
      </c>
    </row>
    <row r="5929" spans="2:14" x14ac:dyDescent="0.3">
      <c r="B5929">
        <f t="shared" si="663"/>
        <v>1</v>
      </c>
      <c r="C5929" s="16">
        <v>5895</v>
      </c>
      <c r="D5929" cm="1">
        <f t="array" ref="D5929">IFERROR(INDEX(Jesper!AH$2:AH$366,ROUNDDOWN($C5929/24,0)+1,1)*INDEX($D$3:$AA$30,INDEX(Jesper!$R$2:$R$366,ROW(INDEX(Jesper!AH$2:AH$366,ROUNDDOWN($C5929/24,0)+1,1))-1)+IF('Standard Profiles'!$G$18=$B$10,7,0)+IF('Standard Profiles'!$G$18=$B$17,14,0)+IF('Standard Profiles'!$G$18=$B$24,21,0),MOD($C5929,24)+1)/SUM(INDEX($D$3:$AA$30,INDEX(Jesper!$R$2:$R$366,ROW(INDEX(Jesper!AH$2:AH$366,ROUNDDOWN($C5929/24,0)+1,1))-1)+IF('Standard Profiles'!$G$18=$B$10,7,0)+IF('Standard Profiles'!$G$18=$B$17,14,0)+IF('Standard Profiles'!$G$18=$B$24,21,0),0)),0)</f>
        <v>16.148390989936399</v>
      </c>
      <c r="E5929" cm="1">
        <f t="array" ref="E5929">IFERROR(INDEX(Jesper!AI$2:AI$366,ROUNDDOWN($C5929/24,0)+1,1)*INDEX($D$3:$AA$30,INDEX(Jesper!$R$2:$R$366,ROW(INDEX(Jesper!AI$2:AI$366,ROUNDDOWN($C5929/24,0)+1,1))-1)+IF('Standard Profiles'!$G$19=$B$10,7,0)+IF('Standard Profiles'!$G$19=$B$17,14,0)+IF('Standard Profiles'!$G$19=$B$24,21,0),MOD($C5929,24)+1)/SUM(INDEX($D$3:$AA$30,INDEX(Jesper!$R$2:$R$366,ROW(INDEX(Jesper!AI$2:AI$366,ROUNDDOWN($C5929/24,0)+1,1))-1)+IF('Standard Profiles'!$G$19=$B$10,7,0)+IF('Standard Profiles'!$G$19=$B$17,14,0)+IF('Standard Profiles'!$G$19=$B$24,21,0),0)),0)</f>
        <v>0</v>
      </c>
      <c r="F5929" cm="1">
        <f t="array" ref="F5929">IFERROR(INDEX(Jesper!AJ$2:AJ$366,ROUNDDOWN($C5929/24,0)+1,1)*INDEX($D$3:$AA$30,INDEX(Jesper!$R$2:$R$366,ROW(INDEX(Jesper!AJ$2:AJ$366,ROUNDDOWN($C5929/24,0)+1,1))-1)+IF('Standard Profiles'!$G$20=$B$10,7,0)+IF('Standard Profiles'!$G$20=$B$17,14,0)+IF('Standard Profiles'!$G$20=$B$24,21,0),MOD($C5929,24)+1)/SUM(INDEX($D$3:$AA$30,INDEX(Jesper!$R$2:$R$366,ROW(INDEX(Jesper!AJ$2:AJ$366,ROUNDDOWN($C5929/24,0)+1,1))-1)+IF('Standard Profiles'!$G$20=$B$10,7,0)+IF('Standard Profiles'!$G$20=$B$17,14,0)+IF('Standard Profiles'!$G$20=$B$24,21,0),0)),0)</f>
        <v>0</v>
      </c>
      <c r="G5929" cm="1">
        <f t="array" ref="G5929">IFERROR(INDEX(Jesper!AK$2:AK$366,ROUNDDOWN($C5929/24,0)+1,1)*INDEX($D$3:$AA$30,INDEX(Jesper!$R$2:$R$366,ROW(INDEX(Jesper!AK$2:AK$366,ROUNDDOWN($C5929/24,0)+1,1))-1)+IF('Standard Profiles'!$G$21=$B$10,7,0)+IF('Standard Profiles'!$G$21=$B$17,14,0)+IF('Standard Profiles'!$G$21=$B$24,21,0),MOD($C5929,24)+1)/SUM(INDEX($D$3:$AA$30,INDEX(Jesper!$R$2:$R$366,ROW(INDEX(Jesper!AK$2:AK$366,ROUNDDOWN($C5929/24,0)+1,1))-1)+IF('Standard Profiles'!$G$21=$B$10,7,0)+IF('Standard Profiles'!$G$21=$B$17,14,0)+IF('Standard Profiles'!$G$21=$B$24,21,0),0)),0)</f>
        <v>0</v>
      </c>
      <c r="H5929" cm="1">
        <f t="array" ref="H5929">IFERROR(INDEX(Jesper!AL$2:AL$366,ROUNDDOWN($C5929/24,0)+1,1)*INDEX($D$3:$AA$30,INDEX(Jesper!$R$2:$R$366,ROW(INDEX(Jesper!AL$2:AL$366,ROUNDDOWN($C5929/24,0)+1,1))-1)+IF('Standard Profiles'!$G$22=$B$10,7,0)+IF('Standard Profiles'!$G$22=$B$17,14,0)+IF('Standard Profiles'!$G$22=$B$24,21,0),MOD($C5929,24)+1)/SUM(INDEX($D$3:$AA$30,INDEX(Jesper!$R$2:$R$366,ROW(INDEX(Jesper!AL$2:AL$366,ROUNDDOWN($C5929/24,0)+1,1))-1)+IF('Standard Profiles'!$G$22=$B$10,7,0)+IF('Standard Profiles'!$G$22=$B$17,14,0)+IF('Standard Profiles'!$G$22=$B$24,21,0),0)),0)</f>
        <v>0</v>
      </c>
      <c r="I5929">
        <f t="shared" si="664"/>
        <v>0.48445172969809192</v>
      </c>
      <c r="J5929">
        <f t="shared" si="665"/>
        <v>1.6148390989936399</v>
      </c>
      <c r="K5929">
        <f t="shared" si="666"/>
        <v>2.4222586484904598</v>
      </c>
      <c r="L5929">
        <f t="shared" si="667"/>
        <v>11.626841512754206</v>
      </c>
      <c r="M5929">
        <f t="shared" si="668"/>
        <v>0</v>
      </c>
      <c r="N5929" s="46">
        <f t="shared" si="669"/>
        <v>45537.624999985703</v>
      </c>
    </row>
    <row r="5930" spans="2:14" x14ac:dyDescent="0.3">
      <c r="B5930">
        <f t="shared" si="663"/>
        <v>1</v>
      </c>
      <c r="C5930" s="16">
        <v>5896</v>
      </c>
      <c r="D5930" cm="1">
        <f t="array" ref="D5930">IFERROR(INDEX(Jesper!AH$2:AH$366,ROUNDDOWN($C5930/24,0)+1,1)*INDEX($D$3:$AA$30,INDEX(Jesper!$R$2:$R$366,ROW(INDEX(Jesper!AH$2:AH$366,ROUNDDOWN($C5930/24,0)+1,1))-1)+IF('Standard Profiles'!$G$18=$B$10,7,0)+IF('Standard Profiles'!$G$18=$B$17,14,0)+IF('Standard Profiles'!$G$18=$B$24,21,0),MOD($C5930,24)+1)/SUM(INDEX($D$3:$AA$30,INDEX(Jesper!$R$2:$R$366,ROW(INDEX(Jesper!AH$2:AH$366,ROUNDDOWN($C5930/24,0)+1,1))-1)+IF('Standard Profiles'!$G$18=$B$10,7,0)+IF('Standard Profiles'!$G$18=$B$17,14,0)+IF('Standard Profiles'!$G$18=$B$24,21,0),0)),0)</f>
        <v>16.148390989936399</v>
      </c>
      <c r="E5930" cm="1">
        <f t="array" ref="E5930">IFERROR(INDEX(Jesper!AI$2:AI$366,ROUNDDOWN($C5930/24,0)+1,1)*INDEX($D$3:$AA$30,INDEX(Jesper!$R$2:$R$366,ROW(INDEX(Jesper!AI$2:AI$366,ROUNDDOWN($C5930/24,0)+1,1))-1)+IF('Standard Profiles'!$G$19=$B$10,7,0)+IF('Standard Profiles'!$G$19=$B$17,14,0)+IF('Standard Profiles'!$G$19=$B$24,21,0),MOD($C5930,24)+1)/SUM(INDEX($D$3:$AA$30,INDEX(Jesper!$R$2:$R$366,ROW(INDEX(Jesper!AI$2:AI$366,ROUNDDOWN($C5930/24,0)+1,1))-1)+IF('Standard Profiles'!$G$19=$B$10,7,0)+IF('Standard Profiles'!$G$19=$B$17,14,0)+IF('Standard Profiles'!$G$19=$B$24,21,0),0)),0)</f>
        <v>0</v>
      </c>
      <c r="F5930" cm="1">
        <f t="array" ref="F5930">IFERROR(INDEX(Jesper!AJ$2:AJ$366,ROUNDDOWN($C5930/24,0)+1,1)*INDEX($D$3:$AA$30,INDEX(Jesper!$R$2:$R$366,ROW(INDEX(Jesper!AJ$2:AJ$366,ROUNDDOWN($C5930/24,0)+1,1))-1)+IF('Standard Profiles'!$G$20=$B$10,7,0)+IF('Standard Profiles'!$G$20=$B$17,14,0)+IF('Standard Profiles'!$G$20=$B$24,21,0),MOD($C5930,24)+1)/SUM(INDEX($D$3:$AA$30,INDEX(Jesper!$R$2:$R$366,ROW(INDEX(Jesper!AJ$2:AJ$366,ROUNDDOWN($C5930/24,0)+1,1))-1)+IF('Standard Profiles'!$G$20=$B$10,7,0)+IF('Standard Profiles'!$G$20=$B$17,14,0)+IF('Standard Profiles'!$G$20=$B$24,21,0),0)),0)</f>
        <v>0</v>
      </c>
      <c r="G5930" cm="1">
        <f t="array" ref="G5930">IFERROR(INDEX(Jesper!AK$2:AK$366,ROUNDDOWN($C5930/24,0)+1,1)*INDEX($D$3:$AA$30,INDEX(Jesper!$R$2:$R$366,ROW(INDEX(Jesper!AK$2:AK$366,ROUNDDOWN($C5930/24,0)+1,1))-1)+IF('Standard Profiles'!$G$21=$B$10,7,0)+IF('Standard Profiles'!$G$21=$B$17,14,0)+IF('Standard Profiles'!$G$21=$B$24,21,0),MOD($C5930,24)+1)/SUM(INDEX($D$3:$AA$30,INDEX(Jesper!$R$2:$R$366,ROW(INDEX(Jesper!AK$2:AK$366,ROUNDDOWN($C5930/24,0)+1,1))-1)+IF('Standard Profiles'!$G$21=$B$10,7,0)+IF('Standard Profiles'!$G$21=$B$17,14,0)+IF('Standard Profiles'!$G$21=$B$24,21,0),0)),0)</f>
        <v>0</v>
      </c>
      <c r="H5930" cm="1">
        <f t="array" ref="H5930">IFERROR(INDEX(Jesper!AL$2:AL$366,ROUNDDOWN($C5930/24,0)+1,1)*INDEX($D$3:$AA$30,INDEX(Jesper!$R$2:$R$366,ROW(INDEX(Jesper!AL$2:AL$366,ROUNDDOWN($C5930/24,0)+1,1))-1)+IF('Standard Profiles'!$G$22=$B$10,7,0)+IF('Standard Profiles'!$G$22=$B$17,14,0)+IF('Standard Profiles'!$G$22=$B$24,21,0),MOD($C5930,24)+1)/SUM(INDEX($D$3:$AA$30,INDEX(Jesper!$R$2:$R$366,ROW(INDEX(Jesper!AL$2:AL$366,ROUNDDOWN($C5930/24,0)+1,1))-1)+IF('Standard Profiles'!$G$22=$B$10,7,0)+IF('Standard Profiles'!$G$22=$B$17,14,0)+IF('Standard Profiles'!$G$22=$B$24,21,0),0)),0)</f>
        <v>0</v>
      </c>
      <c r="I5930">
        <f t="shared" si="664"/>
        <v>0.48445172969809192</v>
      </c>
      <c r="J5930">
        <f t="shared" si="665"/>
        <v>1.6148390989936399</v>
      </c>
      <c r="K5930">
        <f t="shared" si="666"/>
        <v>2.4222586484904598</v>
      </c>
      <c r="L5930">
        <f t="shared" si="667"/>
        <v>11.626841512754206</v>
      </c>
      <c r="M5930">
        <f t="shared" si="668"/>
        <v>0</v>
      </c>
      <c r="N5930" s="46">
        <f t="shared" si="669"/>
        <v>45537.666666652367</v>
      </c>
    </row>
    <row r="5931" spans="2:14" x14ac:dyDescent="0.3">
      <c r="B5931">
        <f t="shared" si="663"/>
        <v>1</v>
      </c>
      <c r="C5931" s="16">
        <v>5897</v>
      </c>
      <c r="D5931" cm="1">
        <f t="array" ref="D5931">IFERROR(INDEX(Jesper!AH$2:AH$366,ROUNDDOWN($C5931/24,0)+1,1)*INDEX($D$3:$AA$30,INDEX(Jesper!$R$2:$R$366,ROW(INDEX(Jesper!AH$2:AH$366,ROUNDDOWN($C5931/24,0)+1,1))-1)+IF('Standard Profiles'!$G$18=$B$10,7,0)+IF('Standard Profiles'!$G$18=$B$17,14,0)+IF('Standard Profiles'!$G$18=$B$24,21,0),MOD($C5931,24)+1)/SUM(INDEX($D$3:$AA$30,INDEX(Jesper!$R$2:$R$366,ROW(INDEX(Jesper!AH$2:AH$366,ROUNDDOWN($C5931/24,0)+1,1))-1)+IF('Standard Profiles'!$G$18=$B$10,7,0)+IF('Standard Profiles'!$G$18=$B$17,14,0)+IF('Standard Profiles'!$G$18=$B$24,21,0),0)),0)</f>
        <v>16.148390989936399</v>
      </c>
      <c r="E5931" cm="1">
        <f t="array" ref="E5931">IFERROR(INDEX(Jesper!AI$2:AI$366,ROUNDDOWN($C5931/24,0)+1,1)*INDEX($D$3:$AA$30,INDEX(Jesper!$R$2:$R$366,ROW(INDEX(Jesper!AI$2:AI$366,ROUNDDOWN($C5931/24,0)+1,1))-1)+IF('Standard Profiles'!$G$19=$B$10,7,0)+IF('Standard Profiles'!$G$19=$B$17,14,0)+IF('Standard Profiles'!$G$19=$B$24,21,0),MOD($C5931,24)+1)/SUM(INDEX($D$3:$AA$30,INDEX(Jesper!$R$2:$R$366,ROW(INDEX(Jesper!AI$2:AI$366,ROUNDDOWN($C5931/24,0)+1,1))-1)+IF('Standard Profiles'!$G$19=$B$10,7,0)+IF('Standard Profiles'!$G$19=$B$17,14,0)+IF('Standard Profiles'!$G$19=$B$24,21,0),0)),0)</f>
        <v>0</v>
      </c>
      <c r="F5931" cm="1">
        <f t="array" ref="F5931">IFERROR(INDEX(Jesper!AJ$2:AJ$366,ROUNDDOWN($C5931/24,0)+1,1)*INDEX($D$3:$AA$30,INDEX(Jesper!$R$2:$R$366,ROW(INDEX(Jesper!AJ$2:AJ$366,ROUNDDOWN($C5931/24,0)+1,1))-1)+IF('Standard Profiles'!$G$20=$B$10,7,0)+IF('Standard Profiles'!$G$20=$B$17,14,0)+IF('Standard Profiles'!$G$20=$B$24,21,0),MOD($C5931,24)+1)/SUM(INDEX($D$3:$AA$30,INDEX(Jesper!$R$2:$R$366,ROW(INDEX(Jesper!AJ$2:AJ$366,ROUNDDOWN($C5931/24,0)+1,1))-1)+IF('Standard Profiles'!$G$20=$B$10,7,0)+IF('Standard Profiles'!$G$20=$B$17,14,0)+IF('Standard Profiles'!$G$20=$B$24,21,0),0)),0)</f>
        <v>0</v>
      </c>
      <c r="G5931" cm="1">
        <f t="array" ref="G5931">IFERROR(INDEX(Jesper!AK$2:AK$366,ROUNDDOWN($C5931/24,0)+1,1)*INDEX($D$3:$AA$30,INDEX(Jesper!$R$2:$R$366,ROW(INDEX(Jesper!AK$2:AK$366,ROUNDDOWN($C5931/24,0)+1,1))-1)+IF('Standard Profiles'!$G$21=$B$10,7,0)+IF('Standard Profiles'!$G$21=$B$17,14,0)+IF('Standard Profiles'!$G$21=$B$24,21,0),MOD($C5931,24)+1)/SUM(INDEX($D$3:$AA$30,INDEX(Jesper!$R$2:$R$366,ROW(INDEX(Jesper!AK$2:AK$366,ROUNDDOWN($C5931/24,0)+1,1))-1)+IF('Standard Profiles'!$G$21=$B$10,7,0)+IF('Standard Profiles'!$G$21=$B$17,14,0)+IF('Standard Profiles'!$G$21=$B$24,21,0),0)),0)</f>
        <v>0</v>
      </c>
      <c r="H5931" cm="1">
        <f t="array" ref="H5931">IFERROR(INDEX(Jesper!AL$2:AL$366,ROUNDDOWN($C5931/24,0)+1,1)*INDEX($D$3:$AA$30,INDEX(Jesper!$R$2:$R$366,ROW(INDEX(Jesper!AL$2:AL$366,ROUNDDOWN($C5931/24,0)+1,1))-1)+IF('Standard Profiles'!$G$22=$B$10,7,0)+IF('Standard Profiles'!$G$22=$B$17,14,0)+IF('Standard Profiles'!$G$22=$B$24,21,0),MOD($C5931,24)+1)/SUM(INDEX($D$3:$AA$30,INDEX(Jesper!$R$2:$R$366,ROW(INDEX(Jesper!AL$2:AL$366,ROUNDDOWN($C5931/24,0)+1,1))-1)+IF('Standard Profiles'!$G$22=$B$10,7,0)+IF('Standard Profiles'!$G$22=$B$17,14,0)+IF('Standard Profiles'!$G$22=$B$24,21,0),0)),0)</f>
        <v>0</v>
      </c>
      <c r="I5931">
        <f t="shared" si="664"/>
        <v>0.48445172969809192</v>
      </c>
      <c r="J5931">
        <f t="shared" si="665"/>
        <v>1.6148390989936399</v>
      </c>
      <c r="K5931">
        <f t="shared" si="666"/>
        <v>2.4222586484904598</v>
      </c>
      <c r="L5931">
        <f t="shared" si="667"/>
        <v>11.626841512754206</v>
      </c>
      <c r="M5931">
        <f t="shared" si="668"/>
        <v>0</v>
      </c>
      <c r="N5931" s="46">
        <f t="shared" si="669"/>
        <v>45537.708333319031</v>
      </c>
    </row>
    <row r="5932" spans="2:14" x14ac:dyDescent="0.3">
      <c r="B5932">
        <f t="shared" si="663"/>
        <v>1</v>
      </c>
      <c r="C5932" s="16">
        <v>5898</v>
      </c>
      <c r="D5932" cm="1">
        <f t="array" ref="D5932">IFERROR(INDEX(Jesper!AH$2:AH$366,ROUNDDOWN($C5932/24,0)+1,1)*INDEX($D$3:$AA$30,INDEX(Jesper!$R$2:$R$366,ROW(INDEX(Jesper!AH$2:AH$366,ROUNDDOWN($C5932/24,0)+1,1))-1)+IF('Standard Profiles'!$G$18=$B$10,7,0)+IF('Standard Profiles'!$G$18=$B$17,14,0)+IF('Standard Profiles'!$G$18=$B$24,21,0),MOD($C5932,24)+1)/SUM(INDEX($D$3:$AA$30,INDEX(Jesper!$R$2:$R$366,ROW(INDEX(Jesper!AH$2:AH$366,ROUNDDOWN($C5932/24,0)+1,1))-1)+IF('Standard Profiles'!$G$18=$B$10,7,0)+IF('Standard Profiles'!$G$18=$B$17,14,0)+IF('Standard Profiles'!$G$18=$B$24,21,0),0)),0)</f>
        <v>16.148390989936399</v>
      </c>
      <c r="E5932" cm="1">
        <f t="array" ref="E5932">IFERROR(INDEX(Jesper!AI$2:AI$366,ROUNDDOWN($C5932/24,0)+1,1)*INDEX($D$3:$AA$30,INDEX(Jesper!$R$2:$R$366,ROW(INDEX(Jesper!AI$2:AI$366,ROUNDDOWN($C5932/24,0)+1,1))-1)+IF('Standard Profiles'!$G$19=$B$10,7,0)+IF('Standard Profiles'!$G$19=$B$17,14,0)+IF('Standard Profiles'!$G$19=$B$24,21,0),MOD($C5932,24)+1)/SUM(INDEX($D$3:$AA$30,INDEX(Jesper!$R$2:$R$366,ROW(INDEX(Jesper!AI$2:AI$366,ROUNDDOWN($C5932/24,0)+1,1))-1)+IF('Standard Profiles'!$G$19=$B$10,7,0)+IF('Standard Profiles'!$G$19=$B$17,14,0)+IF('Standard Profiles'!$G$19=$B$24,21,0),0)),0)</f>
        <v>0</v>
      </c>
      <c r="F5932" cm="1">
        <f t="array" ref="F5932">IFERROR(INDEX(Jesper!AJ$2:AJ$366,ROUNDDOWN($C5932/24,0)+1,1)*INDEX($D$3:$AA$30,INDEX(Jesper!$R$2:$R$366,ROW(INDEX(Jesper!AJ$2:AJ$366,ROUNDDOWN($C5932/24,0)+1,1))-1)+IF('Standard Profiles'!$G$20=$B$10,7,0)+IF('Standard Profiles'!$G$20=$B$17,14,0)+IF('Standard Profiles'!$G$20=$B$24,21,0),MOD($C5932,24)+1)/SUM(INDEX($D$3:$AA$30,INDEX(Jesper!$R$2:$R$366,ROW(INDEX(Jesper!AJ$2:AJ$366,ROUNDDOWN($C5932/24,0)+1,1))-1)+IF('Standard Profiles'!$G$20=$B$10,7,0)+IF('Standard Profiles'!$G$20=$B$17,14,0)+IF('Standard Profiles'!$G$20=$B$24,21,0),0)),0)</f>
        <v>0</v>
      </c>
      <c r="G5932" cm="1">
        <f t="array" ref="G5932">IFERROR(INDEX(Jesper!AK$2:AK$366,ROUNDDOWN($C5932/24,0)+1,1)*INDEX($D$3:$AA$30,INDEX(Jesper!$R$2:$R$366,ROW(INDEX(Jesper!AK$2:AK$366,ROUNDDOWN($C5932/24,0)+1,1))-1)+IF('Standard Profiles'!$G$21=$B$10,7,0)+IF('Standard Profiles'!$G$21=$B$17,14,0)+IF('Standard Profiles'!$G$21=$B$24,21,0),MOD($C5932,24)+1)/SUM(INDEX($D$3:$AA$30,INDEX(Jesper!$R$2:$R$366,ROW(INDEX(Jesper!AK$2:AK$366,ROUNDDOWN($C5932/24,0)+1,1))-1)+IF('Standard Profiles'!$G$21=$B$10,7,0)+IF('Standard Profiles'!$G$21=$B$17,14,0)+IF('Standard Profiles'!$G$21=$B$24,21,0),0)),0)</f>
        <v>0</v>
      </c>
      <c r="H5932" cm="1">
        <f t="array" ref="H5932">IFERROR(INDEX(Jesper!AL$2:AL$366,ROUNDDOWN($C5932/24,0)+1,1)*INDEX($D$3:$AA$30,INDEX(Jesper!$R$2:$R$366,ROW(INDEX(Jesper!AL$2:AL$366,ROUNDDOWN($C5932/24,0)+1,1))-1)+IF('Standard Profiles'!$G$22=$B$10,7,0)+IF('Standard Profiles'!$G$22=$B$17,14,0)+IF('Standard Profiles'!$G$22=$B$24,21,0),MOD($C5932,24)+1)/SUM(INDEX($D$3:$AA$30,INDEX(Jesper!$R$2:$R$366,ROW(INDEX(Jesper!AL$2:AL$366,ROUNDDOWN($C5932/24,0)+1,1))-1)+IF('Standard Profiles'!$G$22=$B$10,7,0)+IF('Standard Profiles'!$G$22=$B$17,14,0)+IF('Standard Profiles'!$G$22=$B$24,21,0),0)),0)</f>
        <v>0</v>
      </c>
      <c r="I5932">
        <f t="shared" si="664"/>
        <v>0.48445172969809192</v>
      </c>
      <c r="J5932">
        <f t="shared" si="665"/>
        <v>1.6148390989936399</v>
      </c>
      <c r="K5932">
        <f t="shared" si="666"/>
        <v>2.4222586484904598</v>
      </c>
      <c r="L5932">
        <f t="shared" si="667"/>
        <v>11.626841512754206</v>
      </c>
      <c r="M5932">
        <f t="shared" si="668"/>
        <v>0</v>
      </c>
      <c r="N5932" s="46">
        <f t="shared" si="669"/>
        <v>45537.749999985695</v>
      </c>
    </row>
    <row r="5933" spans="2:14" x14ac:dyDescent="0.3">
      <c r="B5933">
        <f t="shared" si="663"/>
        <v>1</v>
      </c>
      <c r="C5933" s="16">
        <v>5899</v>
      </c>
      <c r="D5933" cm="1">
        <f t="array" ref="D5933">IFERROR(INDEX(Jesper!AH$2:AH$366,ROUNDDOWN($C5933/24,0)+1,1)*INDEX($D$3:$AA$30,INDEX(Jesper!$R$2:$R$366,ROW(INDEX(Jesper!AH$2:AH$366,ROUNDDOWN($C5933/24,0)+1,1))-1)+IF('Standard Profiles'!$G$18=$B$10,7,0)+IF('Standard Profiles'!$G$18=$B$17,14,0)+IF('Standard Profiles'!$G$18=$B$24,21,0),MOD($C5933,24)+1)/SUM(INDEX($D$3:$AA$30,INDEX(Jesper!$R$2:$R$366,ROW(INDEX(Jesper!AH$2:AH$366,ROUNDDOWN($C5933/24,0)+1,1))-1)+IF('Standard Profiles'!$G$18=$B$10,7,0)+IF('Standard Profiles'!$G$18=$B$17,14,0)+IF('Standard Profiles'!$G$18=$B$24,21,0),0)),0)</f>
        <v>13.524277454071735</v>
      </c>
      <c r="E5933" cm="1">
        <f t="array" ref="E5933">IFERROR(INDEX(Jesper!AI$2:AI$366,ROUNDDOWN($C5933/24,0)+1,1)*INDEX($D$3:$AA$30,INDEX(Jesper!$R$2:$R$366,ROW(INDEX(Jesper!AI$2:AI$366,ROUNDDOWN($C5933/24,0)+1,1))-1)+IF('Standard Profiles'!$G$19=$B$10,7,0)+IF('Standard Profiles'!$G$19=$B$17,14,0)+IF('Standard Profiles'!$G$19=$B$24,21,0),MOD($C5933,24)+1)/SUM(INDEX($D$3:$AA$30,INDEX(Jesper!$R$2:$R$366,ROW(INDEX(Jesper!AI$2:AI$366,ROUNDDOWN($C5933/24,0)+1,1))-1)+IF('Standard Profiles'!$G$19=$B$10,7,0)+IF('Standard Profiles'!$G$19=$B$17,14,0)+IF('Standard Profiles'!$G$19=$B$24,21,0),0)),0)</f>
        <v>0</v>
      </c>
      <c r="F5933" cm="1">
        <f t="array" ref="F5933">IFERROR(INDEX(Jesper!AJ$2:AJ$366,ROUNDDOWN($C5933/24,0)+1,1)*INDEX($D$3:$AA$30,INDEX(Jesper!$R$2:$R$366,ROW(INDEX(Jesper!AJ$2:AJ$366,ROUNDDOWN($C5933/24,0)+1,1))-1)+IF('Standard Profiles'!$G$20=$B$10,7,0)+IF('Standard Profiles'!$G$20=$B$17,14,0)+IF('Standard Profiles'!$G$20=$B$24,21,0),MOD($C5933,24)+1)/SUM(INDEX($D$3:$AA$30,INDEX(Jesper!$R$2:$R$366,ROW(INDEX(Jesper!AJ$2:AJ$366,ROUNDDOWN($C5933/24,0)+1,1))-1)+IF('Standard Profiles'!$G$20=$B$10,7,0)+IF('Standard Profiles'!$G$20=$B$17,14,0)+IF('Standard Profiles'!$G$20=$B$24,21,0),0)),0)</f>
        <v>0</v>
      </c>
      <c r="G5933" cm="1">
        <f t="array" ref="G5933">IFERROR(INDEX(Jesper!AK$2:AK$366,ROUNDDOWN($C5933/24,0)+1,1)*INDEX($D$3:$AA$30,INDEX(Jesper!$R$2:$R$366,ROW(INDEX(Jesper!AK$2:AK$366,ROUNDDOWN($C5933/24,0)+1,1))-1)+IF('Standard Profiles'!$G$21=$B$10,7,0)+IF('Standard Profiles'!$G$21=$B$17,14,0)+IF('Standard Profiles'!$G$21=$B$24,21,0),MOD($C5933,24)+1)/SUM(INDEX($D$3:$AA$30,INDEX(Jesper!$R$2:$R$366,ROW(INDEX(Jesper!AK$2:AK$366,ROUNDDOWN($C5933/24,0)+1,1))-1)+IF('Standard Profiles'!$G$21=$B$10,7,0)+IF('Standard Profiles'!$G$21=$B$17,14,0)+IF('Standard Profiles'!$G$21=$B$24,21,0),0)),0)</f>
        <v>0</v>
      </c>
      <c r="H5933" cm="1">
        <f t="array" ref="H5933">IFERROR(INDEX(Jesper!AL$2:AL$366,ROUNDDOWN($C5933/24,0)+1,1)*INDEX($D$3:$AA$30,INDEX(Jesper!$R$2:$R$366,ROW(INDEX(Jesper!AL$2:AL$366,ROUNDDOWN($C5933/24,0)+1,1))-1)+IF('Standard Profiles'!$G$22=$B$10,7,0)+IF('Standard Profiles'!$G$22=$B$17,14,0)+IF('Standard Profiles'!$G$22=$B$24,21,0),MOD($C5933,24)+1)/SUM(INDEX($D$3:$AA$30,INDEX(Jesper!$R$2:$R$366,ROW(INDEX(Jesper!AL$2:AL$366,ROUNDDOWN($C5933/24,0)+1,1))-1)+IF('Standard Profiles'!$G$22=$B$10,7,0)+IF('Standard Profiles'!$G$22=$B$17,14,0)+IF('Standard Profiles'!$G$22=$B$24,21,0),0)),0)</f>
        <v>0</v>
      </c>
      <c r="I5933">
        <f t="shared" si="664"/>
        <v>0.405728323622152</v>
      </c>
      <c r="J5933">
        <f t="shared" si="665"/>
        <v>1.3524277454071736</v>
      </c>
      <c r="K5933">
        <f t="shared" si="666"/>
        <v>2.0286416181107603</v>
      </c>
      <c r="L5933">
        <f t="shared" si="667"/>
        <v>9.7374797669316493</v>
      </c>
      <c r="M5933">
        <f t="shared" si="668"/>
        <v>0</v>
      </c>
      <c r="N5933" s="46">
        <f t="shared" si="669"/>
        <v>45537.79166665236</v>
      </c>
    </row>
    <row r="5934" spans="2:14" x14ac:dyDescent="0.3">
      <c r="B5934">
        <f t="shared" si="663"/>
        <v>1</v>
      </c>
      <c r="C5934" s="16">
        <v>5900</v>
      </c>
      <c r="D5934" cm="1">
        <f t="array" ref="D5934">IFERROR(INDEX(Jesper!AH$2:AH$366,ROUNDDOWN($C5934/24,0)+1,1)*INDEX($D$3:$AA$30,INDEX(Jesper!$R$2:$R$366,ROW(INDEX(Jesper!AH$2:AH$366,ROUNDDOWN($C5934/24,0)+1,1))-1)+IF('Standard Profiles'!$G$18=$B$10,7,0)+IF('Standard Profiles'!$G$18=$B$17,14,0)+IF('Standard Profiles'!$G$18=$B$24,21,0),MOD($C5934,24)+1)/SUM(INDEX($D$3:$AA$30,INDEX(Jesper!$R$2:$R$366,ROW(INDEX(Jesper!AH$2:AH$366,ROUNDDOWN($C5934/24,0)+1,1))-1)+IF('Standard Profiles'!$G$18=$B$10,7,0)+IF('Standard Profiles'!$G$18=$B$17,14,0)+IF('Standard Profiles'!$G$18=$B$24,21,0),0)),0)</f>
        <v>11.102018805581274</v>
      </c>
      <c r="E5934" cm="1">
        <f t="array" ref="E5934">IFERROR(INDEX(Jesper!AI$2:AI$366,ROUNDDOWN($C5934/24,0)+1,1)*INDEX($D$3:$AA$30,INDEX(Jesper!$R$2:$R$366,ROW(INDEX(Jesper!AI$2:AI$366,ROUNDDOWN($C5934/24,0)+1,1))-1)+IF('Standard Profiles'!$G$19=$B$10,7,0)+IF('Standard Profiles'!$G$19=$B$17,14,0)+IF('Standard Profiles'!$G$19=$B$24,21,0),MOD($C5934,24)+1)/SUM(INDEX($D$3:$AA$30,INDEX(Jesper!$R$2:$R$366,ROW(INDEX(Jesper!AI$2:AI$366,ROUNDDOWN($C5934/24,0)+1,1))-1)+IF('Standard Profiles'!$G$19=$B$10,7,0)+IF('Standard Profiles'!$G$19=$B$17,14,0)+IF('Standard Profiles'!$G$19=$B$24,21,0),0)),0)</f>
        <v>0</v>
      </c>
      <c r="F5934" cm="1">
        <f t="array" ref="F5934">IFERROR(INDEX(Jesper!AJ$2:AJ$366,ROUNDDOWN($C5934/24,0)+1,1)*INDEX($D$3:$AA$30,INDEX(Jesper!$R$2:$R$366,ROW(INDEX(Jesper!AJ$2:AJ$366,ROUNDDOWN($C5934/24,0)+1,1))-1)+IF('Standard Profiles'!$G$20=$B$10,7,0)+IF('Standard Profiles'!$G$20=$B$17,14,0)+IF('Standard Profiles'!$G$20=$B$24,21,0),MOD($C5934,24)+1)/SUM(INDEX($D$3:$AA$30,INDEX(Jesper!$R$2:$R$366,ROW(INDEX(Jesper!AJ$2:AJ$366,ROUNDDOWN($C5934/24,0)+1,1))-1)+IF('Standard Profiles'!$G$20=$B$10,7,0)+IF('Standard Profiles'!$G$20=$B$17,14,0)+IF('Standard Profiles'!$G$20=$B$24,21,0),0)),0)</f>
        <v>0</v>
      </c>
      <c r="G5934" cm="1">
        <f t="array" ref="G5934">IFERROR(INDEX(Jesper!AK$2:AK$366,ROUNDDOWN($C5934/24,0)+1,1)*INDEX($D$3:$AA$30,INDEX(Jesper!$R$2:$R$366,ROW(INDEX(Jesper!AK$2:AK$366,ROUNDDOWN($C5934/24,0)+1,1))-1)+IF('Standard Profiles'!$G$21=$B$10,7,0)+IF('Standard Profiles'!$G$21=$B$17,14,0)+IF('Standard Profiles'!$G$21=$B$24,21,0),MOD($C5934,24)+1)/SUM(INDEX($D$3:$AA$30,INDEX(Jesper!$R$2:$R$366,ROW(INDEX(Jesper!AK$2:AK$366,ROUNDDOWN($C5934/24,0)+1,1))-1)+IF('Standard Profiles'!$G$21=$B$10,7,0)+IF('Standard Profiles'!$G$21=$B$17,14,0)+IF('Standard Profiles'!$G$21=$B$24,21,0),0)),0)</f>
        <v>0</v>
      </c>
      <c r="H5934" cm="1">
        <f t="array" ref="H5934">IFERROR(INDEX(Jesper!AL$2:AL$366,ROUNDDOWN($C5934/24,0)+1,1)*INDEX($D$3:$AA$30,INDEX(Jesper!$R$2:$R$366,ROW(INDEX(Jesper!AL$2:AL$366,ROUNDDOWN($C5934/24,0)+1,1))-1)+IF('Standard Profiles'!$G$22=$B$10,7,0)+IF('Standard Profiles'!$G$22=$B$17,14,0)+IF('Standard Profiles'!$G$22=$B$24,21,0),MOD($C5934,24)+1)/SUM(INDEX($D$3:$AA$30,INDEX(Jesper!$R$2:$R$366,ROW(INDEX(Jesper!AL$2:AL$366,ROUNDDOWN($C5934/24,0)+1,1))-1)+IF('Standard Profiles'!$G$22=$B$10,7,0)+IF('Standard Profiles'!$G$22=$B$17,14,0)+IF('Standard Profiles'!$G$22=$B$24,21,0),0)),0)</f>
        <v>0</v>
      </c>
      <c r="I5934">
        <f t="shared" si="664"/>
        <v>0.33306056416743818</v>
      </c>
      <c r="J5934">
        <f t="shared" si="665"/>
        <v>1.1102018805581275</v>
      </c>
      <c r="K5934">
        <f t="shared" si="666"/>
        <v>1.6653028208371909</v>
      </c>
      <c r="L5934">
        <f t="shared" si="667"/>
        <v>7.9934535400185167</v>
      </c>
      <c r="M5934">
        <f t="shared" si="668"/>
        <v>0</v>
      </c>
      <c r="N5934" s="46">
        <f t="shared" si="669"/>
        <v>45537.833333319024</v>
      </c>
    </row>
    <row r="5935" spans="2:14" x14ac:dyDescent="0.3">
      <c r="B5935">
        <f t="shared" si="663"/>
        <v>1</v>
      </c>
      <c r="C5935" s="16">
        <v>5901</v>
      </c>
      <c r="D5935" cm="1">
        <f t="array" ref="D5935">IFERROR(INDEX(Jesper!AH$2:AH$366,ROUNDDOWN($C5935/24,0)+1,1)*INDEX($D$3:$AA$30,INDEX(Jesper!$R$2:$R$366,ROW(INDEX(Jesper!AH$2:AH$366,ROUNDDOWN($C5935/24,0)+1,1))-1)+IF('Standard Profiles'!$G$18=$B$10,7,0)+IF('Standard Profiles'!$G$18=$B$17,14,0)+IF('Standard Profiles'!$G$18=$B$24,21,0),MOD($C5935,24)+1)/SUM(INDEX($D$3:$AA$30,INDEX(Jesper!$R$2:$R$366,ROW(INDEX(Jesper!AH$2:AH$366,ROUNDDOWN($C5935/24,0)+1,1))-1)+IF('Standard Profiles'!$G$18=$B$10,7,0)+IF('Standard Profiles'!$G$18=$B$17,14,0)+IF('Standard Profiles'!$G$18=$B$24,21,0),0)),0)</f>
        <v>8.0741954949681993</v>
      </c>
      <c r="E5935" cm="1">
        <f t="array" ref="E5935">IFERROR(INDEX(Jesper!AI$2:AI$366,ROUNDDOWN($C5935/24,0)+1,1)*INDEX($D$3:$AA$30,INDEX(Jesper!$R$2:$R$366,ROW(INDEX(Jesper!AI$2:AI$366,ROUNDDOWN($C5935/24,0)+1,1))-1)+IF('Standard Profiles'!$G$19=$B$10,7,0)+IF('Standard Profiles'!$G$19=$B$17,14,0)+IF('Standard Profiles'!$G$19=$B$24,21,0),MOD($C5935,24)+1)/SUM(INDEX($D$3:$AA$30,INDEX(Jesper!$R$2:$R$366,ROW(INDEX(Jesper!AI$2:AI$366,ROUNDDOWN($C5935/24,0)+1,1))-1)+IF('Standard Profiles'!$G$19=$B$10,7,0)+IF('Standard Profiles'!$G$19=$B$17,14,0)+IF('Standard Profiles'!$G$19=$B$24,21,0),0)),0)</f>
        <v>0</v>
      </c>
      <c r="F5935" cm="1">
        <f t="array" ref="F5935">IFERROR(INDEX(Jesper!AJ$2:AJ$366,ROUNDDOWN($C5935/24,0)+1,1)*INDEX($D$3:$AA$30,INDEX(Jesper!$R$2:$R$366,ROW(INDEX(Jesper!AJ$2:AJ$366,ROUNDDOWN($C5935/24,0)+1,1))-1)+IF('Standard Profiles'!$G$20=$B$10,7,0)+IF('Standard Profiles'!$G$20=$B$17,14,0)+IF('Standard Profiles'!$G$20=$B$24,21,0),MOD($C5935,24)+1)/SUM(INDEX($D$3:$AA$30,INDEX(Jesper!$R$2:$R$366,ROW(INDEX(Jesper!AJ$2:AJ$366,ROUNDDOWN($C5935/24,0)+1,1))-1)+IF('Standard Profiles'!$G$20=$B$10,7,0)+IF('Standard Profiles'!$G$20=$B$17,14,0)+IF('Standard Profiles'!$G$20=$B$24,21,0),0)),0)</f>
        <v>0</v>
      </c>
      <c r="G5935" cm="1">
        <f t="array" ref="G5935">IFERROR(INDEX(Jesper!AK$2:AK$366,ROUNDDOWN($C5935/24,0)+1,1)*INDEX($D$3:$AA$30,INDEX(Jesper!$R$2:$R$366,ROW(INDEX(Jesper!AK$2:AK$366,ROUNDDOWN($C5935/24,0)+1,1))-1)+IF('Standard Profiles'!$G$21=$B$10,7,0)+IF('Standard Profiles'!$G$21=$B$17,14,0)+IF('Standard Profiles'!$G$21=$B$24,21,0),MOD($C5935,24)+1)/SUM(INDEX($D$3:$AA$30,INDEX(Jesper!$R$2:$R$366,ROW(INDEX(Jesper!AK$2:AK$366,ROUNDDOWN($C5935/24,0)+1,1))-1)+IF('Standard Profiles'!$G$21=$B$10,7,0)+IF('Standard Profiles'!$G$21=$B$17,14,0)+IF('Standard Profiles'!$G$21=$B$24,21,0),0)),0)</f>
        <v>0</v>
      </c>
      <c r="H5935" cm="1">
        <f t="array" ref="H5935">IFERROR(INDEX(Jesper!AL$2:AL$366,ROUNDDOWN($C5935/24,0)+1,1)*INDEX($D$3:$AA$30,INDEX(Jesper!$R$2:$R$366,ROW(INDEX(Jesper!AL$2:AL$366,ROUNDDOWN($C5935/24,0)+1,1))-1)+IF('Standard Profiles'!$G$22=$B$10,7,0)+IF('Standard Profiles'!$G$22=$B$17,14,0)+IF('Standard Profiles'!$G$22=$B$24,21,0),MOD($C5935,24)+1)/SUM(INDEX($D$3:$AA$30,INDEX(Jesper!$R$2:$R$366,ROW(INDEX(Jesper!AL$2:AL$366,ROUNDDOWN($C5935/24,0)+1,1))-1)+IF('Standard Profiles'!$G$22=$B$10,7,0)+IF('Standard Profiles'!$G$22=$B$17,14,0)+IF('Standard Profiles'!$G$22=$B$24,21,0),0)),0)</f>
        <v>0</v>
      </c>
      <c r="I5935">
        <f t="shared" si="664"/>
        <v>0.24222586484904596</v>
      </c>
      <c r="J5935">
        <f t="shared" si="665"/>
        <v>0.80741954949681993</v>
      </c>
      <c r="K5935">
        <f t="shared" si="666"/>
        <v>1.2111293242452299</v>
      </c>
      <c r="L5935">
        <f t="shared" si="667"/>
        <v>5.813420756377103</v>
      </c>
      <c r="M5935">
        <f t="shared" si="668"/>
        <v>0</v>
      </c>
      <c r="N5935" s="46">
        <f t="shared" si="669"/>
        <v>45537.874999985688</v>
      </c>
    </row>
    <row r="5936" spans="2:14" x14ac:dyDescent="0.3">
      <c r="B5936">
        <f t="shared" si="663"/>
        <v>1</v>
      </c>
      <c r="C5936" s="16">
        <v>5902</v>
      </c>
      <c r="D5936" cm="1">
        <f t="array" ref="D5936">IFERROR(INDEX(Jesper!AH$2:AH$366,ROUNDDOWN($C5936/24,0)+1,1)*INDEX($D$3:$AA$30,INDEX(Jesper!$R$2:$R$366,ROW(INDEX(Jesper!AH$2:AH$366,ROUNDDOWN($C5936/24,0)+1,1))-1)+IF('Standard Profiles'!$G$18=$B$10,7,0)+IF('Standard Profiles'!$G$18=$B$17,14,0)+IF('Standard Profiles'!$G$18=$B$24,21,0),MOD($C5936,24)+1)/SUM(INDEX($D$3:$AA$30,INDEX(Jesper!$R$2:$R$366,ROW(INDEX(Jesper!AH$2:AH$366,ROUNDDOWN($C5936/24,0)+1,1))-1)+IF('Standard Profiles'!$G$18=$B$10,7,0)+IF('Standard Profiles'!$G$18=$B$17,14,0)+IF('Standard Profiles'!$G$18=$B$24,21,0),0)),0)</f>
        <v>7.6704857202197898</v>
      </c>
      <c r="E5936" cm="1">
        <f t="array" ref="E5936">IFERROR(INDEX(Jesper!AI$2:AI$366,ROUNDDOWN($C5936/24,0)+1,1)*INDEX($D$3:$AA$30,INDEX(Jesper!$R$2:$R$366,ROW(INDEX(Jesper!AI$2:AI$366,ROUNDDOWN($C5936/24,0)+1,1))-1)+IF('Standard Profiles'!$G$19=$B$10,7,0)+IF('Standard Profiles'!$G$19=$B$17,14,0)+IF('Standard Profiles'!$G$19=$B$24,21,0),MOD($C5936,24)+1)/SUM(INDEX($D$3:$AA$30,INDEX(Jesper!$R$2:$R$366,ROW(INDEX(Jesper!AI$2:AI$366,ROUNDDOWN($C5936/24,0)+1,1))-1)+IF('Standard Profiles'!$G$19=$B$10,7,0)+IF('Standard Profiles'!$G$19=$B$17,14,0)+IF('Standard Profiles'!$G$19=$B$24,21,0),0)),0)</f>
        <v>0</v>
      </c>
      <c r="F5936" cm="1">
        <f t="array" ref="F5936">IFERROR(INDEX(Jesper!AJ$2:AJ$366,ROUNDDOWN($C5936/24,0)+1,1)*INDEX($D$3:$AA$30,INDEX(Jesper!$R$2:$R$366,ROW(INDEX(Jesper!AJ$2:AJ$366,ROUNDDOWN($C5936/24,0)+1,1))-1)+IF('Standard Profiles'!$G$20=$B$10,7,0)+IF('Standard Profiles'!$G$20=$B$17,14,0)+IF('Standard Profiles'!$G$20=$B$24,21,0),MOD($C5936,24)+1)/SUM(INDEX($D$3:$AA$30,INDEX(Jesper!$R$2:$R$366,ROW(INDEX(Jesper!AJ$2:AJ$366,ROUNDDOWN($C5936/24,0)+1,1))-1)+IF('Standard Profiles'!$G$20=$B$10,7,0)+IF('Standard Profiles'!$G$20=$B$17,14,0)+IF('Standard Profiles'!$G$20=$B$24,21,0),0)),0)</f>
        <v>0</v>
      </c>
      <c r="G5936" cm="1">
        <f t="array" ref="G5936">IFERROR(INDEX(Jesper!AK$2:AK$366,ROUNDDOWN($C5936/24,0)+1,1)*INDEX($D$3:$AA$30,INDEX(Jesper!$R$2:$R$366,ROW(INDEX(Jesper!AK$2:AK$366,ROUNDDOWN($C5936/24,0)+1,1))-1)+IF('Standard Profiles'!$G$21=$B$10,7,0)+IF('Standard Profiles'!$G$21=$B$17,14,0)+IF('Standard Profiles'!$G$21=$B$24,21,0),MOD($C5936,24)+1)/SUM(INDEX($D$3:$AA$30,INDEX(Jesper!$R$2:$R$366,ROW(INDEX(Jesper!AK$2:AK$366,ROUNDDOWN($C5936/24,0)+1,1))-1)+IF('Standard Profiles'!$G$21=$B$10,7,0)+IF('Standard Profiles'!$G$21=$B$17,14,0)+IF('Standard Profiles'!$G$21=$B$24,21,0),0)),0)</f>
        <v>0</v>
      </c>
      <c r="H5936" cm="1">
        <f t="array" ref="H5936">IFERROR(INDEX(Jesper!AL$2:AL$366,ROUNDDOWN($C5936/24,0)+1,1)*INDEX($D$3:$AA$30,INDEX(Jesper!$R$2:$R$366,ROW(INDEX(Jesper!AL$2:AL$366,ROUNDDOWN($C5936/24,0)+1,1))-1)+IF('Standard Profiles'!$G$22=$B$10,7,0)+IF('Standard Profiles'!$G$22=$B$17,14,0)+IF('Standard Profiles'!$G$22=$B$24,21,0),MOD($C5936,24)+1)/SUM(INDEX($D$3:$AA$30,INDEX(Jesper!$R$2:$R$366,ROW(INDEX(Jesper!AL$2:AL$366,ROUNDDOWN($C5936/24,0)+1,1))-1)+IF('Standard Profiles'!$G$22=$B$10,7,0)+IF('Standard Profiles'!$G$22=$B$17,14,0)+IF('Standard Profiles'!$G$22=$B$24,21,0),0)),0)</f>
        <v>0</v>
      </c>
      <c r="I5936">
        <f t="shared" si="664"/>
        <v>0.23011457160659368</v>
      </c>
      <c r="J5936">
        <f t="shared" si="665"/>
        <v>0.76704857202197907</v>
      </c>
      <c r="K5936">
        <f t="shared" si="666"/>
        <v>1.1505728580329684</v>
      </c>
      <c r="L5936">
        <f t="shared" si="667"/>
        <v>5.5227497185582486</v>
      </c>
      <c r="M5936">
        <f t="shared" si="668"/>
        <v>0</v>
      </c>
      <c r="N5936" s="46">
        <f t="shared" si="669"/>
        <v>45537.916666652352</v>
      </c>
    </row>
    <row r="5937" spans="2:14" x14ac:dyDescent="0.3">
      <c r="B5937">
        <f t="shared" si="663"/>
        <v>1</v>
      </c>
      <c r="C5937" s="16">
        <v>5903</v>
      </c>
      <c r="D5937" cm="1">
        <f t="array" ref="D5937">IFERROR(INDEX(Jesper!AH$2:AH$366,ROUNDDOWN($C5937/24,0)+1,1)*INDEX($D$3:$AA$30,INDEX(Jesper!$R$2:$R$366,ROW(INDEX(Jesper!AH$2:AH$366,ROUNDDOWN($C5937/24,0)+1,1))-1)+IF('Standard Profiles'!$G$18=$B$10,7,0)+IF('Standard Profiles'!$G$18=$B$17,14,0)+IF('Standard Profiles'!$G$18=$B$24,21,0),MOD($C5937,24)+1)/SUM(INDEX($D$3:$AA$30,INDEX(Jesper!$R$2:$R$366,ROW(INDEX(Jesper!AH$2:AH$366,ROUNDDOWN($C5937/24,0)+1,1))-1)+IF('Standard Profiles'!$G$18=$B$10,7,0)+IF('Standard Profiles'!$G$18=$B$17,14,0)+IF('Standard Profiles'!$G$18=$B$24,21,0),0)),0)</f>
        <v>7.6704857202197898</v>
      </c>
      <c r="E5937" cm="1">
        <f t="array" ref="E5937">IFERROR(INDEX(Jesper!AI$2:AI$366,ROUNDDOWN($C5937/24,0)+1,1)*INDEX($D$3:$AA$30,INDEX(Jesper!$R$2:$R$366,ROW(INDEX(Jesper!AI$2:AI$366,ROUNDDOWN($C5937/24,0)+1,1))-1)+IF('Standard Profiles'!$G$19=$B$10,7,0)+IF('Standard Profiles'!$G$19=$B$17,14,0)+IF('Standard Profiles'!$G$19=$B$24,21,0),MOD($C5937,24)+1)/SUM(INDEX($D$3:$AA$30,INDEX(Jesper!$R$2:$R$366,ROW(INDEX(Jesper!AI$2:AI$366,ROUNDDOWN($C5937/24,0)+1,1))-1)+IF('Standard Profiles'!$G$19=$B$10,7,0)+IF('Standard Profiles'!$G$19=$B$17,14,0)+IF('Standard Profiles'!$G$19=$B$24,21,0),0)),0)</f>
        <v>0</v>
      </c>
      <c r="F5937" cm="1">
        <f t="array" ref="F5937">IFERROR(INDEX(Jesper!AJ$2:AJ$366,ROUNDDOWN($C5937/24,0)+1,1)*INDEX($D$3:$AA$30,INDEX(Jesper!$R$2:$R$366,ROW(INDEX(Jesper!AJ$2:AJ$366,ROUNDDOWN($C5937/24,0)+1,1))-1)+IF('Standard Profiles'!$G$20=$B$10,7,0)+IF('Standard Profiles'!$G$20=$B$17,14,0)+IF('Standard Profiles'!$G$20=$B$24,21,0),MOD($C5937,24)+1)/SUM(INDEX($D$3:$AA$30,INDEX(Jesper!$R$2:$R$366,ROW(INDEX(Jesper!AJ$2:AJ$366,ROUNDDOWN($C5937/24,0)+1,1))-1)+IF('Standard Profiles'!$G$20=$B$10,7,0)+IF('Standard Profiles'!$G$20=$B$17,14,0)+IF('Standard Profiles'!$G$20=$B$24,21,0),0)),0)</f>
        <v>0</v>
      </c>
      <c r="G5937" cm="1">
        <f t="array" ref="G5937">IFERROR(INDEX(Jesper!AK$2:AK$366,ROUNDDOWN($C5937/24,0)+1,1)*INDEX($D$3:$AA$30,INDEX(Jesper!$R$2:$R$366,ROW(INDEX(Jesper!AK$2:AK$366,ROUNDDOWN($C5937/24,0)+1,1))-1)+IF('Standard Profiles'!$G$21=$B$10,7,0)+IF('Standard Profiles'!$G$21=$B$17,14,0)+IF('Standard Profiles'!$G$21=$B$24,21,0),MOD($C5937,24)+1)/SUM(INDEX($D$3:$AA$30,INDEX(Jesper!$R$2:$R$366,ROW(INDEX(Jesper!AK$2:AK$366,ROUNDDOWN($C5937/24,0)+1,1))-1)+IF('Standard Profiles'!$G$21=$B$10,7,0)+IF('Standard Profiles'!$G$21=$B$17,14,0)+IF('Standard Profiles'!$G$21=$B$24,21,0),0)),0)</f>
        <v>0</v>
      </c>
      <c r="H5937" cm="1">
        <f t="array" ref="H5937">IFERROR(INDEX(Jesper!AL$2:AL$366,ROUNDDOWN($C5937/24,0)+1,1)*INDEX($D$3:$AA$30,INDEX(Jesper!$R$2:$R$366,ROW(INDEX(Jesper!AL$2:AL$366,ROUNDDOWN($C5937/24,0)+1,1))-1)+IF('Standard Profiles'!$G$22=$B$10,7,0)+IF('Standard Profiles'!$G$22=$B$17,14,0)+IF('Standard Profiles'!$G$22=$B$24,21,0),MOD($C5937,24)+1)/SUM(INDEX($D$3:$AA$30,INDEX(Jesper!$R$2:$R$366,ROW(INDEX(Jesper!AL$2:AL$366,ROUNDDOWN($C5937/24,0)+1,1))-1)+IF('Standard Profiles'!$G$22=$B$10,7,0)+IF('Standard Profiles'!$G$22=$B$17,14,0)+IF('Standard Profiles'!$G$22=$B$24,21,0),0)),0)</f>
        <v>0</v>
      </c>
      <c r="I5937">
        <f t="shared" si="664"/>
        <v>0.23011457160659368</v>
      </c>
      <c r="J5937">
        <f t="shared" si="665"/>
        <v>0.76704857202197907</v>
      </c>
      <c r="K5937">
        <f t="shared" si="666"/>
        <v>1.1505728580329684</v>
      </c>
      <c r="L5937">
        <f t="shared" si="667"/>
        <v>5.5227497185582486</v>
      </c>
      <c r="M5937">
        <f t="shared" si="668"/>
        <v>0</v>
      </c>
      <c r="N5937" s="46">
        <f t="shared" si="669"/>
        <v>45537.958333319017</v>
      </c>
    </row>
    <row r="5938" spans="2:14" x14ac:dyDescent="0.3">
      <c r="B5938">
        <f t="shared" si="663"/>
        <v>2</v>
      </c>
      <c r="C5938" s="16">
        <v>5904</v>
      </c>
      <c r="D5938" cm="1">
        <f t="array" ref="D5938">IFERROR(INDEX(Jesper!AH$2:AH$366,ROUNDDOWN($C5938/24,0)+1,1)*INDEX($D$3:$AA$30,INDEX(Jesper!$R$2:$R$366,ROW(INDEX(Jesper!AH$2:AH$366,ROUNDDOWN($C5938/24,0)+1,1))-1)+IF('Standard Profiles'!$G$18=$B$10,7,0)+IF('Standard Profiles'!$G$18=$B$17,14,0)+IF('Standard Profiles'!$G$18=$B$24,21,0),MOD($C5938,24)+1)/SUM(INDEX($D$3:$AA$30,INDEX(Jesper!$R$2:$R$366,ROW(INDEX(Jesper!AH$2:AH$366,ROUNDDOWN($C5938/24,0)+1,1))-1)+IF('Standard Profiles'!$G$18=$B$10,7,0)+IF('Standard Profiles'!$G$18=$B$17,14,0)+IF('Standard Profiles'!$G$18=$B$24,21,0),0)),0)</f>
        <v>7.0224911974715356</v>
      </c>
      <c r="E5938" cm="1">
        <f t="array" ref="E5938">IFERROR(INDEX(Jesper!AI$2:AI$366,ROUNDDOWN($C5938/24,0)+1,1)*INDEX($D$3:$AA$30,INDEX(Jesper!$R$2:$R$366,ROW(INDEX(Jesper!AI$2:AI$366,ROUNDDOWN($C5938/24,0)+1,1))-1)+IF('Standard Profiles'!$G$19=$B$10,7,0)+IF('Standard Profiles'!$G$19=$B$17,14,0)+IF('Standard Profiles'!$G$19=$B$24,21,0),MOD($C5938,24)+1)/SUM(INDEX($D$3:$AA$30,INDEX(Jesper!$R$2:$R$366,ROW(INDEX(Jesper!AI$2:AI$366,ROUNDDOWN($C5938/24,0)+1,1))-1)+IF('Standard Profiles'!$G$19=$B$10,7,0)+IF('Standard Profiles'!$G$19=$B$17,14,0)+IF('Standard Profiles'!$G$19=$B$24,21,0),0)),0)</f>
        <v>0</v>
      </c>
      <c r="F5938" cm="1">
        <f t="array" ref="F5938">IFERROR(INDEX(Jesper!AJ$2:AJ$366,ROUNDDOWN($C5938/24,0)+1,1)*INDEX($D$3:$AA$30,INDEX(Jesper!$R$2:$R$366,ROW(INDEX(Jesper!AJ$2:AJ$366,ROUNDDOWN($C5938/24,0)+1,1))-1)+IF('Standard Profiles'!$G$20=$B$10,7,0)+IF('Standard Profiles'!$G$20=$B$17,14,0)+IF('Standard Profiles'!$G$20=$B$24,21,0),MOD($C5938,24)+1)/SUM(INDEX($D$3:$AA$30,INDEX(Jesper!$R$2:$R$366,ROW(INDEX(Jesper!AJ$2:AJ$366,ROUNDDOWN($C5938/24,0)+1,1))-1)+IF('Standard Profiles'!$G$20=$B$10,7,0)+IF('Standard Profiles'!$G$20=$B$17,14,0)+IF('Standard Profiles'!$G$20=$B$24,21,0),0)),0)</f>
        <v>0</v>
      </c>
      <c r="G5938" cm="1">
        <f t="array" ref="G5938">IFERROR(INDEX(Jesper!AK$2:AK$366,ROUNDDOWN($C5938/24,0)+1,1)*INDEX($D$3:$AA$30,INDEX(Jesper!$R$2:$R$366,ROW(INDEX(Jesper!AK$2:AK$366,ROUNDDOWN($C5938/24,0)+1,1))-1)+IF('Standard Profiles'!$G$21=$B$10,7,0)+IF('Standard Profiles'!$G$21=$B$17,14,0)+IF('Standard Profiles'!$G$21=$B$24,21,0),MOD($C5938,24)+1)/SUM(INDEX($D$3:$AA$30,INDEX(Jesper!$R$2:$R$366,ROW(INDEX(Jesper!AK$2:AK$366,ROUNDDOWN($C5938/24,0)+1,1))-1)+IF('Standard Profiles'!$G$21=$B$10,7,0)+IF('Standard Profiles'!$G$21=$B$17,14,0)+IF('Standard Profiles'!$G$21=$B$24,21,0),0)),0)</f>
        <v>0</v>
      </c>
      <c r="H5938" cm="1">
        <f t="array" ref="H5938">IFERROR(INDEX(Jesper!AL$2:AL$366,ROUNDDOWN($C5938/24,0)+1,1)*INDEX($D$3:$AA$30,INDEX(Jesper!$R$2:$R$366,ROW(INDEX(Jesper!AL$2:AL$366,ROUNDDOWN($C5938/24,0)+1,1))-1)+IF('Standard Profiles'!$G$22=$B$10,7,0)+IF('Standard Profiles'!$G$22=$B$17,14,0)+IF('Standard Profiles'!$G$22=$B$24,21,0),MOD($C5938,24)+1)/SUM(INDEX($D$3:$AA$30,INDEX(Jesper!$R$2:$R$366,ROW(INDEX(Jesper!AL$2:AL$366,ROUNDDOWN($C5938/24,0)+1,1))-1)+IF('Standard Profiles'!$G$22=$B$10,7,0)+IF('Standard Profiles'!$G$22=$B$17,14,0)+IF('Standard Profiles'!$G$22=$B$24,21,0),0)),0)</f>
        <v>0</v>
      </c>
      <c r="I5938">
        <f t="shared" si="664"/>
        <v>0.21067473592414607</v>
      </c>
      <c r="J5938">
        <f t="shared" si="665"/>
        <v>0.70224911974715365</v>
      </c>
      <c r="K5938">
        <f t="shared" si="666"/>
        <v>1.0533736796207303</v>
      </c>
      <c r="L5938">
        <f t="shared" si="667"/>
        <v>5.0561936621795054</v>
      </c>
      <c r="M5938">
        <f t="shared" si="668"/>
        <v>0</v>
      </c>
      <c r="N5938" s="46">
        <f t="shared" si="669"/>
        <v>45537.999999985681</v>
      </c>
    </row>
    <row r="5939" spans="2:14" x14ac:dyDescent="0.3">
      <c r="B5939">
        <f t="shared" si="663"/>
        <v>2</v>
      </c>
      <c r="C5939" s="16">
        <v>5905</v>
      </c>
      <c r="D5939" cm="1">
        <f t="array" ref="D5939">IFERROR(INDEX(Jesper!AH$2:AH$366,ROUNDDOWN($C5939/24,0)+1,1)*INDEX($D$3:$AA$30,INDEX(Jesper!$R$2:$R$366,ROW(INDEX(Jesper!AH$2:AH$366,ROUNDDOWN($C5939/24,0)+1,1))-1)+IF('Standard Profiles'!$G$18=$B$10,7,0)+IF('Standard Profiles'!$G$18=$B$17,14,0)+IF('Standard Profiles'!$G$18=$B$24,21,0),MOD($C5939,24)+1)/SUM(INDEX($D$3:$AA$30,INDEX(Jesper!$R$2:$R$366,ROW(INDEX(Jesper!AH$2:AH$366,ROUNDDOWN($C5939/24,0)+1,1))-1)+IF('Standard Profiles'!$G$18=$B$10,7,0)+IF('Standard Profiles'!$G$18=$B$17,14,0)+IF('Standard Profiles'!$G$18=$B$24,21,0),0)),0)</f>
        <v>7.0224911974715356</v>
      </c>
      <c r="E5939" cm="1">
        <f t="array" ref="E5939">IFERROR(INDEX(Jesper!AI$2:AI$366,ROUNDDOWN($C5939/24,0)+1,1)*INDEX($D$3:$AA$30,INDEX(Jesper!$R$2:$R$366,ROW(INDEX(Jesper!AI$2:AI$366,ROUNDDOWN($C5939/24,0)+1,1))-1)+IF('Standard Profiles'!$G$19=$B$10,7,0)+IF('Standard Profiles'!$G$19=$B$17,14,0)+IF('Standard Profiles'!$G$19=$B$24,21,0),MOD($C5939,24)+1)/SUM(INDEX($D$3:$AA$30,INDEX(Jesper!$R$2:$R$366,ROW(INDEX(Jesper!AI$2:AI$366,ROUNDDOWN($C5939/24,0)+1,1))-1)+IF('Standard Profiles'!$G$19=$B$10,7,0)+IF('Standard Profiles'!$G$19=$B$17,14,0)+IF('Standard Profiles'!$G$19=$B$24,21,0),0)),0)</f>
        <v>0</v>
      </c>
      <c r="F5939" cm="1">
        <f t="array" ref="F5939">IFERROR(INDEX(Jesper!AJ$2:AJ$366,ROUNDDOWN($C5939/24,0)+1,1)*INDEX($D$3:$AA$30,INDEX(Jesper!$R$2:$R$366,ROW(INDEX(Jesper!AJ$2:AJ$366,ROUNDDOWN($C5939/24,0)+1,1))-1)+IF('Standard Profiles'!$G$20=$B$10,7,0)+IF('Standard Profiles'!$G$20=$B$17,14,0)+IF('Standard Profiles'!$G$20=$B$24,21,0),MOD($C5939,24)+1)/SUM(INDEX($D$3:$AA$30,INDEX(Jesper!$R$2:$R$366,ROW(INDEX(Jesper!AJ$2:AJ$366,ROUNDDOWN($C5939/24,0)+1,1))-1)+IF('Standard Profiles'!$G$20=$B$10,7,0)+IF('Standard Profiles'!$G$20=$B$17,14,0)+IF('Standard Profiles'!$G$20=$B$24,21,0),0)),0)</f>
        <v>0</v>
      </c>
      <c r="G5939" cm="1">
        <f t="array" ref="G5939">IFERROR(INDEX(Jesper!AK$2:AK$366,ROUNDDOWN($C5939/24,0)+1,1)*INDEX($D$3:$AA$30,INDEX(Jesper!$R$2:$R$366,ROW(INDEX(Jesper!AK$2:AK$366,ROUNDDOWN($C5939/24,0)+1,1))-1)+IF('Standard Profiles'!$G$21=$B$10,7,0)+IF('Standard Profiles'!$G$21=$B$17,14,0)+IF('Standard Profiles'!$G$21=$B$24,21,0),MOD($C5939,24)+1)/SUM(INDEX($D$3:$AA$30,INDEX(Jesper!$R$2:$R$366,ROW(INDEX(Jesper!AK$2:AK$366,ROUNDDOWN($C5939/24,0)+1,1))-1)+IF('Standard Profiles'!$G$21=$B$10,7,0)+IF('Standard Profiles'!$G$21=$B$17,14,0)+IF('Standard Profiles'!$G$21=$B$24,21,0),0)),0)</f>
        <v>0</v>
      </c>
      <c r="H5939" cm="1">
        <f t="array" ref="H5939">IFERROR(INDEX(Jesper!AL$2:AL$366,ROUNDDOWN($C5939/24,0)+1,1)*INDEX($D$3:$AA$30,INDEX(Jesper!$R$2:$R$366,ROW(INDEX(Jesper!AL$2:AL$366,ROUNDDOWN($C5939/24,0)+1,1))-1)+IF('Standard Profiles'!$G$22=$B$10,7,0)+IF('Standard Profiles'!$G$22=$B$17,14,0)+IF('Standard Profiles'!$G$22=$B$24,21,0),MOD($C5939,24)+1)/SUM(INDEX($D$3:$AA$30,INDEX(Jesper!$R$2:$R$366,ROW(INDEX(Jesper!AL$2:AL$366,ROUNDDOWN($C5939/24,0)+1,1))-1)+IF('Standard Profiles'!$G$22=$B$10,7,0)+IF('Standard Profiles'!$G$22=$B$17,14,0)+IF('Standard Profiles'!$G$22=$B$24,21,0),0)),0)</f>
        <v>0</v>
      </c>
      <c r="I5939">
        <f t="shared" si="664"/>
        <v>0.21067473592414607</v>
      </c>
      <c r="J5939">
        <f t="shared" si="665"/>
        <v>0.70224911974715365</v>
      </c>
      <c r="K5939">
        <f t="shared" si="666"/>
        <v>1.0533736796207303</v>
      </c>
      <c r="L5939">
        <f t="shared" si="667"/>
        <v>5.0561936621795054</v>
      </c>
      <c r="M5939">
        <f t="shared" si="668"/>
        <v>0</v>
      </c>
      <c r="N5939" s="46">
        <f t="shared" si="669"/>
        <v>45538.041666652345</v>
      </c>
    </row>
    <row r="5940" spans="2:14" x14ac:dyDescent="0.3">
      <c r="B5940">
        <f t="shared" si="663"/>
        <v>2</v>
      </c>
      <c r="C5940" s="16">
        <v>5906</v>
      </c>
      <c r="D5940" cm="1">
        <f t="array" ref="D5940">IFERROR(INDEX(Jesper!AH$2:AH$366,ROUNDDOWN($C5940/24,0)+1,1)*INDEX($D$3:$AA$30,INDEX(Jesper!$R$2:$R$366,ROW(INDEX(Jesper!AH$2:AH$366,ROUNDDOWN($C5940/24,0)+1,1))-1)+IF('Standard Profiles'!$G$18=$B$10,7,0)+IF('Standard Profiles'!$G$18=$B$17,14,0)+IF('Standard Profiles'!$G$18=$B$24,21,0),MOD($C5940,24)+1)/SUM(INDEX($D$3:$AA$30,INDEX(Jesper!$R$2:$R$366,ROW(INDEX(Jesper!AH$2:AH$366,ROUNDDOWN($C5940/24,0)+1,1))-1)+IF('Standard Profiles'!$G$18=$B$10,7,0)+IF('Standard Profiles'!$G$18=$B$17,14,0)+IF('Standard Profiles'!$G$18=$B$24,21,0),0)),0)</f>
        <v>7.0224911974715356</v>
      </c>
      <c r="E5940" cm="1">
        <f t="array" ref="E5940">IFERROR(INDEX(Jesper!AI$2:AI$366,ROUNDDOWN($C5940/24,0)+1,1)*INDEX($D$3:$AA$30,INDEX(Jesper!$R$2:$R$366,ROW(INDEX(Jesper!AI$2:AI$366,ROUNDDOWN($C5940/24,0)+1,1))-1)+IF('Standard Profiles'!$G$19=$B$10,7,0)+IF('Standard Profiles'!$G$19=$B$17,14,0)+IF('Standard Profiles'!$G$19=$B$24,21,0),MOD($C5940,24)+1)/SUM(INDEX($D$3:$AA$30,INDEX(Jesper!$R$2:$R$366,ROW(INDEX(Jesper!AI$2:AI$366,ROUNDDOWN($C5940/24,0)+1,1))-1)+IF('Standard Profiles'!$G$19=$B$10,7,0)+IF('Standard Profiles'!$G$19=$B$17,14,0)+IF('Standard Profiles'!$G$19=$B$24,21,0),0)),0)</f>
        <v>0</v>
      </c>
      <c r="F5940" cm="1">
        <f t="array" ref="F5940">IFERROR(INDEX(Jesper!AJ$2:AJ$366,ROUNDDOWN($C5940/24,0)+1,1)*INDEX($D$3:$AA$30,INDEX(Jesper!$R$2:$R$366,ROW(INDEX(Jesper!AJ$2:AJ$366,ROUNDDOWN($C5940/24,0)+1,1))-1)+IF('Standard Profiles'!$G$20=$B$10,7,0)+IF('Standard Profiles'!$G$20=$B$17,14,0)+IF('Standard Profiles'!$G$20=$B$24,21,0),MOD($C5940,24)+1)/SUM(INDEX($D$3:$AA$30,INDEX(Jesper!$R$2:$R$366,ROW(INDEX(Jesper!AJ$2:AJ$366,ROUNDDOWN($C5940/24,0)+1,1))-1)+IF('Standard Profiles'!$G$20=$B$10,7,0)+IF('Standard Profiles'!$G$20=$B$17,14,0)+IF('Standard Profiles'!$G$20=$B$24,21,0),0)),0)</f>
        <v>0</v>
      </c>
      <c r="G5940" cm="1">
        <f t="array" ref="G5940">IFERROR(INDEX(Jesper!AK$2:AK$366,ROUNDDOWN($C5940/24,0)+1,1)*INDEX($D$3:$AA$30,INDEX(Jesper!$R$2:$R$366,ROW(INDEX(Jesper!AK$2:AK$366,ROUNDDOWN($C5940/24,0)+1,1))-1)+IF('Standard Profiles'!$G$21=$B$10,7,0)+IF('Standard Profiles'!$G$21=$B$17,14,0)+IF('Standard Profiles'!$G$21=$B$24,21,0),MOD($C5940,24)+1)/SUM(INDEX($D$3:$AA$30,INDEX(Jesper!$R$2:$R$366,ROW(INDEX(Jesper!AK$2:AK$366,ROUNDDOWN($C5940/24,0)+1,1))-1)+IF('Standard Profiles'!$G$21=$B$10,7,0)+IF('Standard Profiles'!$G$21=$B$17,14,0)+IF('Standard Profiles'!$G$21=$B$24,21,0),0)),0)</f>
        <v>0</v>
      </c>
      <c r="H5940" cm="1">
        <f t="array" ref="H5940">IFERROR(INDEX(Jesper!AL$2:AL$366,ROUNDDOWN($C5940/24,0)+1,1)*INDEX($D$3:$AA$30,INDEX(Jesper!$R$2:$R$366,ROW(INDEX(Jesper!AL$2:AL$366,ROUNDDOWN($C5940/24,0)+1,1))-1)+IF('Standard Profiles'!$G$22=$B$10,7,0)+IF('Standard Profiles'!$G$22=$B$17,14,0)+IF('Standard Profiles'!$G$22=$B$24,21,0),MOD($C5940,24)+1)/SUM(INDEX($D$3:$AA$30,INDEX(Jesper!$R$2:$R$366,ROW(INDEX(Jesper!AL$2:AL$366,ROUNDDOWN($C5940/24,0)+1,1))-1)+IF('Standard Profiles'!$G$22=$B$10,7,0)+IF('Standard Profiles'!$G$22=$B$17,14,0)+IF('Standard Profiles'!$G$22=$B$24,21,0),0)),0)</f>
        <v>0</v>
      </c>
      <c r="I5940">
        <f t="shared" si="664"/>
        <v>0.21067473592414607</v>
      </c>
      <c r="J5940">
        <f t="shared" si="665"/>
        <v>0.70224911974715365</v>
      </c>
      <c r="K5940">
        <f t="shared" si="666"/>
        <v>1.0533736796207303</v>
      </c>
      <c r="L5940">
        <f t="shared" si="667"/>
        <v>5.0561936621795054</v>
      </c>
      <c r="M5940">
        <f t="shared" si="668"/>
        <v>0</v>
      </c>
      <c r="N5940" s="46">
        <f t="shared" si="669"/>
        <v>45538.083333319009</v>
      </c>
    </row>
    <row r="5941" spans="2:14" x14ac:dyDescent="0.3">
      <c r="B5941">
        <f t="shared" si="663"/>
        <v>2</v>
      </c>
      <c r="C5941" s="16">
        <v>5907</v>
      </c>
      <c r="D5941" cm="1">
        <f t="array" ref="D5941">IFERROR(INDEX(Jesper!AH$2:AH$366,ROUNDDOWN($C5941/24,0)+1,1)*INDEX($D$3:$AA$30,INDEX(Jesper!$R$2:$R$366,ROW(INDEX(Jesper!AH$2:AH$366,ROUNDDOWN($C5941/24,0)+1,1))-1)+IF('Standard Profiles'!$G$18=$B$10,7,0)+IF('Standard Profiles'!$G$18=$B$17,14,0)+IF('Standard Profiles'!$G$18=$B$24,21,0),MOD($C5941,24)+1)/SUM(INDEX($D$3:$AA$30,INDEX(Jesper!$R$2:$R$366,ROW(INDEX(Jesper!AH$2:AH$366,ROUNDDOWN($C5941/24,0)+1,1))-1)+IF('Standard Profiles'!$G$18=$B$10,7,0)+IF('Standard Profiles'!$G$18=$B$17,14,0)+IF('Standard Profiles'!$G$18=$B$24,21,0),0)),0)</f>
        <v>7.0224911974715356</v>
      </c>
      <c r="E5941" cm="1">
        <f t="array" ref="E5941">IFERROR(INDEX(Jesper!AI$2:AI$366,ROUNDDOWN($C5941/24,0)+1,1)*INDEX($D$3:$AA$30,INDEX(Jesper!$R$2:$R$366,ROW(INDEX(Jesper!AI$2:AI$366,ROUNDDOWN($C5941/24,0)+1,1))-1)+IF('Standard Profiles'!$G$19=$B$10,7,0)+IF('Standard Profiles'!$G$19=$B$17,14,0)+IF('Standard Profiles'!$G$19=$B$24,21,0),MOD($C5941,24)+1)/SUM(INDEX($D$3:$AA$30,INDEX(Jesper!$R$2:$R$366,ROW(INDEX(Jesper!AI$2:AI$366,ROUNDDOWN($C5941/24,0)+1,1))-1)+IF('Standard Profiles'!$G$19=$B$10,7,0)+IF('Standard Profiles'!$G$19=$B$17,14,0)+IF('Standard Profiles'!$G$19=$B$24,21,0),0)),0)</f>
        <v>0</v>
      </c>
      <c r="F5941" cm="1">
        <f t="array" ref="F5941">IFERROR(INDEX(Jesper!AJ$2:AJ$366,ROUNDDOWN($C5941/24,0)+1,1)*INDEX($D$3:$AA$30,INDEX(Jesper!$R$2:$R$366,ROW(INDEX(Jesper!AJ$2:AJ$366,ROUNDDOWN($C5941/24,0)+1,1))-1)+IF('Standard Profiles'!$G$20=$B$10,7,0)+IF('Standard Profiles'!$G$20=$B$17,14,0)+IF('Standard Profiles'!$G$20=$B$24,21,0),MOD($C5941,24)+1)/SUM(INDEX($D$3:$AA$30,INDEX(Jesper!$R$2:$R$366,ROW(INDEX(Jesper!AJ$2:AJ$366,ROUNDDOWN($C5941/24,0)+1,1))-1)+IF('Standard Profiles'!$G$20=$B$10,7,0)+IF('Standard Profiles'!$G$20=$B$17,14,0)+IF('Standard Profiles'!$G$20=$B$24,21,0),0)),0)</f>
        <v>0</v>
      </c>
      <c r="G5941" cm="1">
        <f t="array" ref="G5941">IFERROR(INDEX(Jesper!AK$2:AK$366,ROUNDDOWN($C5941/24,0)+1,1)*INDEX($D$3:$AA$30,INDEX(Jesper!$R$2:$R$366,ROW(INDEX(Jesper!AK$2:AK$366,ROUNDDOWN($C5941/24,0)+1,1))-1)+IF('Standard Profiles'!$G$21=$B$10,7,0)+IF('Standard Profiles'!$G$21=$B$17,14,0)+IF('Standard Profiles'!$G$21=$B$24,21,0),MOD($C5941,24)+1)/SUM(INDEX($D$3:$AA$30,INDEX(Jesper!$R$2:$R$366,ROW(INDEX(Jesper!AK$2:AK$366,ROUNDDOWN($C5941/24,0)+1,1))-1)+IF('Standard Profiles'!$G$21=$B$10,7,0)+IF('Standard Profiles'!$G$21=$B$17,14,0)+IF('Standard Profiles'!$G$21=$B$24,21,0),0)),0)</f>
        <v>0</v>
      </c>
      <c r="H5941" cm="1">
        <f t="array" ref="H5941">IFERROR(INDEX(Jesper!AL$2:AL$366,ROUNDDOWN($C5941/24,0)+1,1)*INDEX($D$3:$AA$30,INDEX(Jesper!$R$2:$R$366,ROW(INDEX(Jesper!AL$2:AL$366,ROUNDDOWN($C5941/24,0)+1,1))-1)+IF('Standard Profiles'!$G$22=$B$10,7,0)+IF('Standard Profiles'!$G$22=$B$17,14,0)+IF('Standard Profiles'!$G$22=$B$24,21,0),MOD($C5941,24)+1)/SUM(INDEX($D$3:$AA$30,INDEX(Jesper!$R$2:$R$366,ROW(INDEX(Jesper!AL$2:AL$366,ROUNDDOWN($C5941/24,0)+1,1))-1)+IF('Standard Profiles'!$G$22=$B$10,7,0)+IF('Standard Profiles'!$G$22=$B$17,14,0)+IF('Standard Profiles'!$G$22=$B$24,21,0),0)),0)</f>
        <v>0</v>
      </c>
      <c r="I5941">
        <f t="shared" si="664"/>
        <v>0.21067473592414607</v>
      </c>
      <c r="J5941">
        <f t="shared" si="665"/>
        <v>0.70224911974715365</v>
      </c>
      <c r="K5941">
        <f t="shared" si="666"/>
        <v>1.0533736796207303</v>
      </c>
      <c r="L5941">
        <f t="shared" si="667"/>
        <v>5.0561936621795054</v>
      </c>
      <c r="M5941">
        <f t="shared" si="668"/>
        <v>0</v>
      </c>
      <c r="N5941" s="46">
        <f t="shared" si="669"/>
        <v>45538.124999985674</v>
      </c>
    </row>
    <row r="5942" spans="2:14" x14ac:dyDescent="0.3">
      <c r="B5942">
        <f t="shared" si="663"/>
        <v>2</v>
      </c>
      <c r="C5942" s="16">
        <v>5908</v>
      </c>
      <c r="D5942" cm="1">
        <f t="array" ref="D5942">IFERROR(INDEX(Jesper!AH$2:AH$366,ROUNDDOWN($C5942/24,0)+1,1)*INDEX($D$3:$AA$30,INDEX(Jesper!$R$2:$R$366,ROW(INDEX(Jesper!AH$2:AH$366,ROUNDDOWN($C5942/24,0)+1,1))-1)+IF('Standard Profiles'!$G$18=$B$10,7,0)+IF('Standard Profiles'!$G$18=$B$17,14,0)+IF('Standard Profiles'!$G$18=$B$24,21,0),MOD($C5942,24)+1)/SUM(INDEX($D$3:$AA$30,INDEX(Jesper!$R$2:$R$366,ROW(INDEX(Jesper!AH$2:AH$366,ROUNDDOWN($C5942/24,0)+1,1))-1)+IF('Standard Profiles'!$G$18=$B$10,7,0)+IF('Standard Profiles'!$G$18=$B$17,14,0)+IF('Standard Profiles'!$G$18=$B$24,21,0),0)),0)</f>
        <v>7.0224911974715356</v>
      </c>
      <c r="E5942" cm="1">
        <f t="array" ref="E5942">IFERROR(INDEX(Jesper!AI$2:AI$366,ROUNDDOWN($C5942/24,0)+1,1)*INDEX($D$3:$AA$30,INDEX(Jesper!$R$2:$R$366,ROW(INDEX(Jesper!AI$2:AI$366,ROUNDDOWN($C5942/24,0)+1,1))-1)+IF('Standard Profiles'!$G$19=$B$10,7,0)+IF('Standard Profiles'!$G$19=$B$17,14,0)+IF('Standard Profiles'!$G$19=$B$24,21,0),MOD($C5942,24)+1)/SUM(INDEX($D$3:$AA$30,INDEX(Jesper!$R$2:$R$366,ROW(INDEX(Jesper!AI$2:AI$366,ROUNDDOWN($C5942/24,0)+1,1))-1)+IF('Standard Profiles'!$G$19=$B$10,7,0)+IF('Standard Profiles'!$G$19=$B$17,14,0)+IF('Standard Profiles'!$G$19=$B$24,21,0),0)),0)</f>
        <v>0</v>
      </c>
      <c r="F5942" cm="1">
        <f t="array" ref="F5942">IFERROR(INDEX(Jesper!AJ$2:AJ$366,ROUNDDOWN($C5942/24,0)+1,1)*INDEX($D$3:$AA$30,INDEX(Jesper!$R$2:$R$366,ROW(INDEX(Jesper!AJ$2:AJ$366,ROUNDDOWN($C5942/24,0)+1,1))-1)+IF('Standard Profiles'!$G$20=$B$10,7,0)+IF('Standard Profiles'!$G$20=$B$17,14,0)+IF('Standard Profiles'!$G$20=$B$24,21,0),MOD($C5942,24)+1)/SUM(INDEX($D$3:$AA$30,INDEX(Jesper!$R$2:$R$366,ROW(INDEX(Jesper!AJ$2:AJ$366,ROUNDDOWN($C5942/24,0)+1,1))-1)+IF('Standard Profiles'!$G$20=$B$10,7,0)+IF('Standard Profiles'!$G$20=$B$17,14,0)+IF('Standard Profiles'!$G$20=$B$24,21,0),0)),0)</f>
        <v>0</v>
      </c>
      <c r="G5942" cm="1">
        <f t="array" ref="G5942">IFERROR(INDEX(Jesper!AK$2:AK$366,ROUNDDOWN($C5942/24,0)+1,1)*INDEX($D$3:$AA$30,INDEX(Jesper!$R$2:$R$366,ROW(INDEX(Jesper!AK$2:AK$366,ROUNDDOWN($C5942/24,0)+1,1))-1)+IF('Standard Profiles'!$G$21=$B$10,7,0)+IF('Standard Profiles'!$G$21=$B$17,14,0)+IF('Standard Profiles'!$G$21=$B$24,21,0),MOD($C5942,24)+1)/SUM(INDEX($D$3:$AA$30,INDEX(Jesper!$R$2:$R$366,ROW(INDEX(Jesper!AK$2:AK$366,ROUNDDOWN($C5942/24,0)+1,1))-1)+IF('Standard Profiles'!$G$21=$B$10,7,0)+IF('Standard Profiles'!$G$21=$B$17,14,0)+IF('Standard Profiles'!$G$21=$B$24,21,0),0)),0)</f>
        <v>0</v>
      </c>
      <c r="H5942" cm="1">
        <f t="array" ref="H5942">IFERROR(INDEX(Jesper!AL$2:AL$366,ROUNDDOWN($C5942/24,0)+1,1)*INDEX($D$3:$AA$30,INDEX(Jesper!$R$2:$R$366,ROW(INDEX(Jesper!AL$2:AL$366,ROUNDDOWN($C5942/24,0)+1,1))-1)+IF('Standard Profiles'!$G$22=$B$10,7,0)+IF('Standard Profiles'!$G$22=$B$17,14,0)+IF('Standard Profiles'!$G$22=$B$24,21,0),MOD($C5942,24)+1)/SUM(INDEX($D$3:$AA$30,INDEX(Jesper!$R$2:$R$366,ROW(INDEX(Jesper!AL$2:AL$366,ROUNDDOWN($C5942/24,0)+1,1))-1)+IF('Standard Profiles'!$G$22=$B$10,7,0)+IF('Standard Profiles'!$G$22=$B$17,14,0)+IF('Standard Profiles'!$G$22=$B$24,21,0),0)),0)</f>
        <v>0</v>
      </c>
      <c r="I5942">
        <f t="shared" si="664"/>
        <v>0.21067473592414607</v>
      </c>
      <c r="J5942">
        <f t="shared" si="665"/>
        <v>0.70224911974715365</v>
      </c>
      <c r="K5942">
        <f t="shared" si="666"/>
        <v>1.0533736796207303</v>
      </c>
      <c r="L5942">
        <f t="shared" si="667"/>
        <v>5.0561936621795054</v>
      </c>
      <c r="M5942">
        <f t="shared" si="668"/>
        <v>0</v>
      </c>
      <c r="N5942" s="46">
        <f t="shared" si="669"/>
        <v>45538.166666652338</v>
      </c>
    </row>
    <row r="5943" spans="2:14" x14ac:dyDescent="0.3">
      <c r="B5943">
        <f t="shared" si="663"/>
        <v>2</v>
      </c>
      <c r="C5943" s="16">
        <v>5909</v>
      </c>
      <c r="D5943" cm="1">
        <f t="array" ref="D5943">IFERROR(INDEX(Jesper!AH$2:AH$366,ROUNDDOWN($C5943/24,0)+1,1)*INDEX($D$3:$AA$30,INDEX(Jesper!$R$2:$R$366,ROW(INDEX(Jesper!AH$2:AH$366,ROUNDDOWN($C5943/24,0)+1,1))-1)+IF('Standard Profiles'!$G$18=$B$10,7,0)+IF('Standard Profiles'!$G$18=$B$17,14,0)+IF('Standard Profiles'!$G$18=$B$24,21,0),MOD($C5943,24)+1)/SUM(INDEX($D$3:$AA$30,INDEX(Jesper!$R$2:$R$366,ROW(INDEX(Jesper!AH$2:AH$366,ROUNDDOWN($C5943/24,0)+1,1))-1)+IF('Standard Profiles'!$G$18=$B$10,7,0)+IF('Standard Profiles'!$G$18=$B$17,14,0)+IF('Standard Profiles'!$G$18=$B$24,21,0),0)),0)</f>
        <v>9.1292385567129948</v>
      </c>
      <c r="E5943" cm="1">
        <f t="array" ref="E5943">IFERROR(INDEX(Jesper!AI$2:AI$366,ROUNDDOWN($C5943/24,0)+1,1)*INDEX($D$3:$AA$30,INDEX(Jesper!$R$2:$R$366,ROW(INDEX(Jesper!AI$2:AI$366,ROUNDDOWN($C5943/24,0)+1,1))-1)+IF('Standard Profiles'!$G$19=$B$10,7,0)+IF('Standard Profiles'!$G$19=$B$17,14,0)+IF('Standard Profiles'!$G$19=$B$24,21,0),MOD($C5943,24)+1)/SUM(INDEX($D$3:$AA$30,INDEX(Jesper!$R$2:$R$366,ROW(INDEX(Jesper!AI$2:AI$366,ROUNDDOWN($C5943/24,0)+1,1))-1)+IF('Standard Profiles'!$G$19=$B$10,7,0)+IF('Standard Profiles'!$G$19=$B$17,14,0)+IF('Standard Profiles'!$G$19=$B$24,21,0),0)),0)</f>
        <v>0</v>
      </c>
      <c r="F5943" cm="1">
        <f t="array" ref="F5943">IFERROR(INDEX(Jesper!AJ$2:AJ$366,ROUNDDOWN($C5943/24,0)+1,1)*INDEX($D$3:$AA$30,INDEX(Jesper!$R$2:$R$366,ROW(INDEX(Jesper!AJ$2:AJ$366,ROUNDDOWN($C5943/24,0)+1,1))-1)+IF('Standard Profiles'!$G$20=$B$10,7,0)+IF('Standard Profiles'!$G$20=$B$17,14,0)+IF('Standard Profiles'!$G$20=$B$24,21,0),MOD($C5943,24)+1)/SUM(INDEX($D$3:$AA$30,INDEX(Jesper!$R$2:$R$366,ROW(INDEX(Jesper!AJ$2:AJ$366,ROUNDDOWN($C5943/24,0)+1,1))-1)+IF('Standard Profiles'!$G$20=$B$10,7,0)+IF('Standard Profiles'!$G$20=$B$17,14,0)+IF('Standard Profiles'!$G$20=$B$24,21,0),0)),0)</f>
        <v>0</v>
      </c>
      <c r="G5943" cm="1">
        <f t="array" ref="G5943">IFERROR(INDEX(Jesper!AK$2:AK$366,ROUNDDOWN($C5943/24,0)+1,1)*INDEX($D$3:$AA$30,INDEX(Jesper!$R$2:$R$366,ROW(INDEX(Jesper!AK$2:AK$366,ROUNDDOWN($C5943/24,0)+1,1))-1)+IF('Standard Profiles'!$G$21=$B$10,7,0)+IF('Standard Profiles'!$G$21=$B$17,14,0)+IF('Standard Profiles'!$G$21=$B$24,21,0),MOD($C5943,24)+1)/SUM(INDEX($D$3:$AA$30,INDEX(Jesper!$R$2:$R$366,ROW(INDEX(Jesper!AK$2:AK$366,ROUNDDOWN($C5943/24,0)+1,1))-1)+IF('Standard Profiles'!$G$21=$B$10,7,0)+IF('Standard Profiles'!$G$21=$B$17,14,0)+IF('Standard Profiles'!$G$21=$B$24,21,0),0)),0)</f>
        <v>0</v>
      </c>
      <c r="H5943" cm="1">
        <f t="array" ref="H5943">IFERROR(INDEX(Jesper!AL$2:AL$366,ROUNDDOWN($C5943/24,0)+1,1)*INDEX($D$3:$AA$30,INDEX(Jesper!$R$2:$R$366,ROW(INDEX(Jesper!AL$2:AL$366,ROUNDDOWN($C5943/24,0)+1,1))-1)+IF('Standard Profiles'!$G$22=$B$10,7,0)+IF('Standard Profiles'!$G$22=$B$17,14,0)+IF('Standard Profiles'!$G$22=$B$24,21,0),MOD($C5943,24)+1)/SUM(INDEX($D$3:$AA$30,INDEX(Jesper!$R$2:$R$366,ROW(INDEX(Jesper!AL$2:AL$366,ROUNDDOWN($C5943/24,0)+1,1))-1)+IF('Standard Profiles'!$G$22=$B$10,7,0)+IF('Standard Profiles'!$G$22=$B$17,14,0)+IF('Standard Profiles'!$G$22=$B$24,21,0),0)),0)</f>
        <v>0</v>
      </c>
      <c r="I5943">
        <f t="shared" si="664"/>
        <v>0.27387715670138985</v>
      </c>
      <c r="J5943">
        <f t="shared" si="665"/>
        <v>0.91292385567129952</v>
      </c>
      <c r="K5943">
        <f t="shared" si="666"/>
        <v>1.3693857835069492</v>
      </c>
      <c r="L5943">
        <f t="shared" si="667"/>
        <v>6.5730517608333558</v>
      </c>
      <c r="M5943">
        <f t="shared" si="668"/>
        <v>0</v>
      </c>
      <c r="N5943" s="46">
        <f t="shared" si="669"/>
        <v>45538.208333319002</v>
      </c>
    </row>
    <row r="5944" spans="2:14" x14ac:dyDescent="0.3">
      <c r="B5944">
        <f t="shared" si="663"/>
        <v>2</v>
      </c>
      <c r="C5944" s="16">
        <v>5910</v>
      </c>
      <c r="D5944" cm="1">
        <f t="array" ref="D5944">IFERROR(INDEX(Jesper!AH$2:AH$366,ROUNDDOWN($C5944/24,0)+1,1)*INDEX($D$3:$AA$30,INDEX(Jesper!$R$2:$R$366,ROW(INDEX(Jesper!AH$2:AH$366,ROUNDDOWN($C5944/24,0)+1,1))-1)+IF('Standard Profiles'!$G$18=$B$10,7,0)+IF('Standard Profiles'!$G$18=$B$17,14,0)+IF('Standard Profiles'!$G$18=$B$24,21,0),MOD($C5944,24)+1)/SUM(INDEX($D$3:$AA$30,INDEX(Jesper!$R$2:$R$366,ROW(INDEX(Jesper!AH$2:AH$366,ROUNDDOWN($C5944/24,0)+1,1))-1)+IF('Standard Profiles'!$G$18=$B$10,7,0)+IF('Standard Profiles'!$G$18=$B$17,14,0)+IF('Standard Profiles'!$G$18=$B$24,21,0),0)),0)</f>
        <v>10.182612236333727</v>
      </c>
      <c r="E5944" cm="1">
        <f t="array" ref="E5944">IFERROR(INDEX(Jesper!AI$2:AI$366,ROUNDDOWN($C5944/24,0)+1,1)*INDEX($D$3:$AA$30,INDEX(Jesper!$R$2:$R$366,ROW(INDEX(Jesper!AI$2:AI$366,ROUNDDOWN($C5944/24,0)+1,1))-1)+IF('Standard Profiles'!$G$19=$B$10,7,0)+IF('Standard Profiles'!$G$19=$B$17,14,0)+IF('Standard Profiles'!$G$19=$B$24,21,0),MOD($C5944,24)+1)/SUM(INDEX($D$3:$AA$30,INDEX(Jesper!$R$2:$R$366,ROW(INDEX(Jesper!AI$2:AI$366,ROUNDDOWN($C5944/24,0)+1,1))-1)+IF('Standard Profiles'!$G$19=$B$10,7,0)+IF('Standard Profiles'!$G$19=$B$17,14,0)+IF('Standard Profiles'!$G$19=$B$24,21,0),0)),0)</f>
        <v>0</v>
      </c>
      <c r="F5944" cm="1">
        <f t="array" ref="F5944">IFERROR(INDEX(Jesper!AJ$2:AJ$366,ROUNDDOWN($C5944/24,0)+1,1)*INDEX($D$3:$AA$30,INDEX(Jesper!$R$2:$R$366,ROW(INDEX(Jesper!AJ$2:AJ$366,ROUNDDOWN($C5944/24,0)+1,1))-1)+IF('Standard Profiles'!$G$20=$B$10,7,0)+IF('Standard Profiles'!$G$20=$B$17,14,0)+IF('Standard Profiles'!$G$20=$B$24,21,0),MOD($C5944,24)+1)/SUM(INDEX($D$3:$AA$30,INDEX(Jesper!$R$2:$R$366,ROW(INDEX(Jesper!AJ$2:AJ$366,ROUNDDOWN($C5944/24,0)+1,1))-1)+IF('Standard Profiles'!$G$20=$B$10,7,0)+IF('Standard Profiles'!$G$20=$B$17,14,0)+IF('Standard Profiles'!$G$20=$B$24,21,0),0)),0)</f>
        <v>0</v>
      </c>
      <c r="G5944" cm="1">
        <f t="array" ref="G5944">IFERROR(INDEX(Jesper!AK$2:AK$366,ROUNDDOWN($C5944/24,0)+1,1)*INDEX($D$3:$AA$30,INDEX(Jesper!$R$2:$R$366,ROW(INDEX(Jesper!AK$2:AK$366,ROUNDDOWN($C5944/24,0)+1,1))-1)+IF('Standard Profiles'!$G$21=$B$10,7,0)+IF('Standard Profiles'!$G$21=$B$17,14,0)+IF('Standard Profiles'!$G$21=$B$24,21,0),MOD($C5944,24)+1)/SUM(INDEX($D$3:$AA$30,INDEX(Jesper!$R$2:$R$366,ROW(INDEX(Jesper!AK$2:AK$366,ROUNDDOWN($C5944/24,0)+1,1))-1)+IF('Standard Profiles'!$G$21=$B$10,7,0)+IF('Standard Profiles'!$G$21=$B$17,14,0)+IF('Standard Profiles'!$G$21=$B$24,21,0),0)),0)</f>
        <v>0</v>
      </c>
      <c r="H5944" cm="1">
        <f t="array" ref="H5944">IFERROR(INDEX(Jesper!AL$2:AL$366,ROUNDDOWN($C5944/24,0)+1,1)*INDEX($D$3:$AA$30,INDEX(Jesper!$R$2:$R$366,ROW(INDEX(Jesper!AL$2:AL$366,ROUNDDOWN($C5944/24,0)+1,1))-1)+IF('Standard Profiles'!$G$22=$B$10,7,0)+IF('Standard Profiles'!$G$22=$B$17,14,0)+IF('Standard Profiles'!$G$22=$B$24,21,0),MOD($C5944,24)+1)/SUM(INDEX($D$3:$AA$30,INDEX(Jesper!$R$2:$R$366,ROW(INDEX(Jesper!AL$2:AL$366,ROUNDDOWN($C5944/24,0)+1,1))-1)+IF('Standard Profiles'!$G$22=$B$10,7,0)+IF('Standard Profiles'!$G$22=$B$17,14,0)+IF('Standard Profiles'!$G$22=$B$24,21,0),0)),0)</f>
        <v>0</v>
      </c>
      <c r="I5944">
        <f t="shared" si="664"/>
        <v>0.3054783670900118</v>
      </c>
      <c r="J5944">
        <f t="shared" si="665"/>
        <v>1.0182612236333728</v>
      </c>
      <c r="K5944">
        <f t="shared" si="666"/>
        <v>1.5273918354500589</v>
      </c>
      <c r="L5944">
        <f t="shared" si="667"/>
        <v>7.3314808101602829</v>
      </c>
      <c r="M5944">
        <f t="shared" si="668"/>
        <v>0</v>
      </c>
      <c r="N5944" s="46">
        <f t="shared" si="669"/>
        <v>45538.249999985666</v>
      </c>
    </row>
    <row r="5945" spans="2:14" x14ac:dyDescent="0.3">
      <c r="B5945">
        <f t="shared" si="663"/>
        <v>2</v>
      </c>
      <c r="C5945" s="16">
        <v>5911</v>
      </c>
      <c r="D5945" cm="1">
        <f t="array" ref="D5945">IFERROR(INDEX(Jesper!AH$2:AH$366,ROUNDDOWN($C5945/24,0)+1,1)*INDEX($D$3:$AA$30,INDEX(Jesper!$R$2:$R$366,ROW(INDEX(Jesper!AH$2:AH$366,ROUNDDOWN($C5945/24,0)+1,1))-1)+IF('Standard Profiles'!$G$18=$B$10,7,0)+IF('Standard Profiles'!$G$18=$B$17,14,0)+IF('Standard Profiles'!$G$18=$B$24,21,0),MOD($C5945,24)+1)/SUM(INDEX($D$3:$AA$30,INDEX(Jesper!$R$2:$R$366,ROW(INDEX(Jesper!AH$2:AH$366,ROUNDDOWN($C5945/24,0)+1,1))-1)+IF('Standard Profiles'!$G$18=$B$10,7,0)+IF('Standard Profiles'!$G$18=$B$17,14,0)+IF('Standard Profiles'!$G$18=$B$24,21,0),0)),0)</f>
        <v>10.533736796207304</v>
      </c>
      <c r="E5945" cm="1">
        <f t="array" ref="E5945">IFERROR(INDEX(Jesper!AI$2:AI$366,ROUNDDOWN($C5945/24,0)+1,1)*INDEX($D$3:$AA$30,INDEX(Jesper!$R$2:$R$366,ROW(INDEX(Jesper!AI$2:AI$366,ROUNDDOWN($C5945/24,0)+1,1))-1)+IF('Standard Profiles'!$G$19=$B$10,7,0)+IF('Standard Profiles'!$G$19=$B$17,14,0)+IF('Standard Profiles'!$G$19=$B$24,21,0),MOD($C5945,24)+1)/SUM(INDEX($D$3:$AA$30,INDEX(Jesper!$R$2:$R$366,ROW(INDEX(Jesper!AI$2:AI$366,ROUNDDOWN($C5945/24,0)+1,1))-1)+IF('Standard Profiles'!$G$19=$B$10,7,0)+IF('Standard Profiles'!$G$19=$B$17,14,0)+IF('Standard Profiles'!$G$19=$B$24,21,0),0)),0)</f>
        <v>0</v>
      </c>
      <c r="F5945" cm="1">
        <f t="array" ref="F5945">IFERROR(INDEX(Jesper!AJ$2:AJ$366,ROUNDDOWN($C5945/24,0)+1,1)*INDEX($D$3:$AA$30,INDEX(Jesper!$R$2:$R$366,ROW(INDEX(Jesper!AJ$2:AJ$366,ROUNDDOWN($C5945/24,0)+1,1))-1)+IF('Standard Profiles'!$G$20=$B$10,7,0)+IF('Standard Profiles'!$G$20=$B$17,14,0)+IF('Standard Profiles'!$G$20=$B$24,21,0),MOD($C5945,24)+1)/SUM(INDEX($D$3:$AA$30,INDEX(Jesper!$R$2:$R$366,ROW(INDEX(Jesper!AJ$2:AJ$366,ROUNDDOWN($C5945/24,0)+1,1))-1)+IF('Standard Profiles'!$G$20=$B$10,7,0)+IF('Standard Profiles'!$G$20=$B$17,14,0)+IF('Standard Profiles'!$G$20=$B$24,21,0),0)),0)</f>
        <v>0</v>
      </c>
      <c r="G5945" cm="1">
        <f t="array" ref="G5945">IFERROR(INDEX(Jesper!AK$2:AK$366,ROUNDDOWN($C5945/24,0)+1,1)*INDEX($D$3:$AA$30,INDEX(Jesper!$R$2:$R$366,ROW(INDEX(Jesper!AK$2:AK$366,ROUNDDOWN($C5945/24,0)+1,1))-1)+IF('Standard Profiles'!$G$21=$B$10,7,0)+IF('Standard Profiles'!$G$21=$B$17,14,0)+IF('Standard Profiles'!$G$21=$B$24,21,0),MOD($C5945,24)+1)/SUM(INDEX($D$3:$AA$30,INDEX(Jesper!$R$2:$R$366,ROW(INDEX(Jesper!AK$2:AK$366,ROUNDDOWN($C5945/24,0)+1,1))-1)+IF('Standard Profiles'!$G$21=$B$10,7,0)+IF('Standard Profiles'!$G$21=$B$17,14,0)+IF('Standard Profiles'!$G$21=$B$24,21,0),0)),0)</f>
        <v>0</v>
      </c>
      <c r="H5945" cm="1">
        <f t="array" ref="H5945">IFERROR(INDEX(Jesper!AL$2:AL$366,ROUNDDOWN($C5945/24,0)+1,1)*INDEX($D$3:$AA$30,INDEX(Jesper!$R$2:$R$366,ROW(INDEX(Jesper!AL$2:AL$366,ROUNDDOWN($C5945/24,0)+1,1))-1)+IF('Standard Profiles'!$G$22=$B$10,7,0)+IF('Standard Profiles'!$G$22=$B$17,14,0)+IF('Standard Profiles'!$G$22=$B$24,21,0),MOD($C5945,24)+1)/SUM(INDEX($D$3:$AA$30,INDEX(Jesper!$R$2:$R$366,ROW(INDEX(Jesper!AL$2:AL$366,ROUNDDOWN($C5945/24,0)+1,1))-1)+IF('Standard Profiles'!$G$22=$B$10,7,0)+IF('Standard Profiles'!$G$22=$B$17,14,0)+IF('Standard Profiles'!$G$22=$B$24,21,0),0)),0)</f>
        <v>0</v>
      </c>
      <c r="I5945">
        <f t="shared" si="664"/>
        <v>0.31601210388621909</v>
      </c>
      <c r="J5945">
        <f t="shared" si="665"/>
        <v>1.0533736796207305</v>
      </c>
      <c r="K5945">
        <f t="shared" si="666"/>
        <v>1.5800605194310955</v>
      </c>
      <c r="L5945">
        <f t="shared" si="667"/>
        <v>7.5842904932692585</v>
      </c>
      <c r="M5945">
        <f t="shared" si="668"/>
        <v>0</v>
      </c>
      <c r="N5945" s="46">
        <f t="shared" si="669"/>
        <v>45538.291666652331</v>
      </c>
    </row>
    <row r="5946" spans="2:14" x14ac:dyDescent="0.3">
      <c r="B5946">
        <f t="shared" si="663"/>
        <v>2</v>
      </c>
      <c r="C5946" s="16">
        <v>5912</v>
      </c>
      <c r="D5946" cm="1">
        <f t="array" ref="D5946">IFERROR(INDEX(Jesper!AH$2:AH$366,ROUNDDOWN($C5946/24,0)+1,1)*INDEX($D$3:$AA$30,INDEX(Jesper!$R$2:$R$366,ROW(INDEX(Jesper!AH$2:AH$366,ROUNDDOWN($C5946/24,0)+1,1))-1)+IF('Standard Profiles'!$G$18=$B$10,7,0)+IF('Standard Profiles'!$G$18=$B$17,14,0)+IF('Standard Profiles'!$G$18=$B$24,21,0),MOD($C5946,24)+1)/SUM(INDEX($D$3:$AA$30,INDEX(Jesper!$R$2:$R$366,ROW(INDEX(Jesper!AH$2:AH$366,ROUNDDOWN($C5946/24,0)+1,1))-1)+IF('Standard Profiles'!$G$18=$B$10,7,0)+IF('Standard Profiles'!$G$18=$B$17,14,0)+IF('Standard Profiles'!$G$18=$B$24,21,0),0)),0)</f>
        <v>10.533736796207304</v>
      </c>
      <c r="E5946" cm="1">
        <f t="array" ref="E5946">IFERROR(INDEX(Jesper!AI$2:AI$366,ROUNDDOWN($C5946/24,0)+1,1)*INDEX($D$3:$AA$30,INDEX(Jesper!$R$2:$R$366,ROW(INDEX(Jesper!AI$2:AI$366,ROUNDDOWN($C5946/24,0)+1,1))-1)+IF('Standard Profiles'!$G$19=$B$10,7,0)+IF('Standard Profiles'!$G$19=$B$17,14,0)+IF('Standard Profiles'!$G$19=$B$24,21,0),MOD($C5946,24)+1)/SUM(INDEX($D$3:$AA$30,INDEX(Jesper!$R$2:$R$366,ROW(INDEX(Jesper!AI$2:AI$366,ROUNDDOWN($C5946/24,0)+1,1))-1)+IF('Standard Profiles'!$G$19=$B$10,7,0)+IF('Standard Profiles'!$G$19=$B$17,14,0)+IF('Standard Profiles'!$G$19=$B$24,21,0),0)),0)</f>
        <v>0</v>
      </c>
      <c r="F5946" cm="1">
        <f t="array" ref="F5946">IFERROR(INDEX(Jesper!AJ$2:AJ$366,ROUNDDOWN($C5946/24,0)+1,1)*INDEX($D$3:$AA$30,INDEX(Jesper!$R$2:$R$366,ROW(INDEX(Jesper!AJ$2:AJ$366,ROUNDDOWN($C5946/24,0)+1,1))-1)+IF('Standard Profiles'!$G$20=$B$10,7,0)+IF('Standard Profiles'!$G$20=$B$17,14,0)+IF('Standard Profiles'!$G$20=$B$24,21,0),MOD($C5946,24)+1)/SUM(INDEX($D$3:$AA$30,INDEX(Jesper!$R$2:$R$366,ROW(INDEX(Jesper!AJ$2:AJ$366,ROUNDDOWN($C5946/24,0)+1,1))-1)+IF('Standard Profiles'!$G$20=$B$10,7,0)+IF('Standard Profiles'!$G$20=$B$17,14,0)+IF('Standard Profiles'!$G$20=$B$24,21,0),0)),0)</f>
        <v>0</v>
      </c>
      <c r="G5946" cm="1">
        <f t="array" ref="G5946">IFERROR(INDEX(Jesper!AK$2:AK$366,ROUNDDOWN($C5946/24,0)+1,1)*INDEX($D$3:$AA$30,INDEX(Jesper!$R$2:$R$366,ROW(INDEX(Jesper!AK$2:AK$366,ROUNDDOWN($C5946/24,0)+1,1))-1)+IF('Standard Profiles'!$G$21=$B$10,7,0)+IF('Standard Profiles'!$G$21=$B$17,14,0)+IF('Standard Profiles'!$G$21=$B$24,21,0),MOD($C5946,24)+1)/SUM(INDEX($D$3:$AA$30,INDEX(Jesper!$R$2:$R$366,ROW(INDEX(Jesper!AK$2:AK$366,ROUNDDOWN($C5946/24,0)+1,1))-1)+IF('Standard Profiles'!$G$21=$B$10,7,0)+IF('Standard Profiles'!$G$21=$B$17,14,0)+IF('Standard Profiles'!$G$21=$B$24,21,0),0)),0)</f>
        <v>0</v>
      </c>
      <c r="H5946" cm="1">
        <f t="array" ref="H5946">IFERROR(INDEX(Jesper!AL$2:AL$366,ROUNDDOWN($C5946/24,0)+1,1)*INDEX($D$3:$AA$30,INDEX(Jesper!$R$2:$R$366,ROW(INDEX(Jesper!AL$2:AL$366,ROUNDDOWN($C5946/24,0)+1,1))-1)+IF('Standard Profiles'!$G$22=$B$10,7,0)+IF('Standard Profiles'!$G$22=$B$17,14,0)+IF('Standard Profiles'!$G$22=$B$24,21,0),MOD($C5946,24)+1)/SUM(INDEX($D$3:$AA$30,INDEX(Jesper!$R$2:$R$366,ROW(INDEX(Jesper!AL$2:AL$366,ROUNDDOWN($C5946/24,0)+1,1))-1)+IF('Standard Profiles'!$G$22=$B$10,7,0)+IF('Standard Profiles'!$G$22=$B$17,14,0)+IF('Standard Profiles'!$G$22=$B$24,21,0),0)),0)</f>
        <v>0</v>
      </c>
      <c r="I5946">
        <f t="shared" si="664"/>
        <v>0.31601210388621909</v>
      </c>
      <c r="J5946">
        <f t="shared" si="665"/>
        <v>1.0533736796207305</v>
      </c>
      <c r="K5946">
        <f t="shared" si="666"/>
        <v>1.5800605194310955</v>
      </c>
      <c r="L5946">
        <f t="shared" si="667"/>
        <v>7.5842904932692585</v>
      </c>
      <c r="M5946">
        <f t="shared" si="668"/>
        <v>0</v>
      </c>
      <c r="N5946" s="46">
        <f t="shared" si="669"/>
        <v>45538.333333318995</v>
      </c>
    </row>
    <row r="5947" spans="2:14" x14ac:dyDescent="0.3">
      <c r="B5947">
        <f t="shared" si="663"/>
        <v>2</v>
      </c>
      <c r="C5947" s="16">
        <v>5913</v>
      </c>
      <c r="D5947" cm="1">
        <f t="array" ref="D5947">IFERROR(INDEX(Jesper!AH$2:AH$366,ROUNDDOWN($C5947/24,0)+1,1)*INDEX($D$3:$AA$30,INDEX(Jesper!$R$2:$R$366,ROW(INDEX(Jesper!AH$2:AH$366,ROUNDDOWN($C5947/24,0)+1,1))-1)+IF('Standard Profiles'!$G$18=$B$10,7,0)+IF('Standard Profiles'!$G$18=$B$17,14,0)+IF('Standard Profiles'!$G$18=$B$24,21,0),MOD($C5947,24)+1)/SUM(INDEX($D$3:$AA$30,INDEX(Jesper!$R$2:$R$366,ROW(INDEX(Jesper!AH$2:AH$366,ROUNDDOWN($C5947/24,0)+1,1))-1)+IF('Standard Profiles'!$G$18=$B$10,7,0)+IF('Standard Profiles'!$G$18=$B$17,14,0)+IF('Standard Profiles'!$G$18=$B$24,21,0),0)),0)</f>
        <v>11.411548195891244</v>
      </c>
      <c r="E5947" cm="1">
        <f t="array" ref="E5947">IFERROR(INDEX(Jesper!AI$2:AI$366,ROUNDDOWN($C5947/24,0)+1,1)*INDEX($D$3:$AA$30,INDEX(Jesper!$R$2:$R$366,ROW(INDEX(Jesper!AI$2:AI$366,ROUNDDOWN($C5947/24,0)+1,1))-1)+IF('Standard Profiles'!$G$19=$B$10,7,0)+IF('Standard Profiles'!$G$19=$B$17,14,0)+IF('Standard Profiles'!$G$19=$B$24,21,0),MOD($C5947,24)+1)/SUM(INDEX($D$3:$AA$30,INDEX(Jesper!$R$2:$R$366,ROW(INDEX(Jesper!AI$2:AI$366,ROUNDDOWN($C5947/24,0)+1,1))-1)+IF('Standard Profiles'!$G$19=$B$10,7,0)+IF('Standard Profiles'!$G$19=$B$17,14,0)+IF('Standard Profiles'!$G$19=$B$24,21,0),0)),0)</f>
        <v>0</v>
      </c>
      <c r="F5947" cm="1">
        <f t="array" ref="F5947">IFERROR(INDEX(Jesper!AJ$2:AJ$366,ROUNDDOWN($C5947/24,0)+1,1)*INDEX($D$3:$AA$30,INDEX(Jesper!$R$2:$R$366,ROW(INDEX(Jesper!AJ$2:AJ$366,ROUNDDOWN($C5947/24,0)+1,1))-1)+IF('Standard Profiles'!$G$20=$B$10,7,0)+IF('Standard Profiles'!$G$20=$B$17,14,0)+IF('Standard Profiles'!$G$20=$B$24,21,0),MOD($C5947,24)+1)/SUM(INDEX($D$3:$AA$30,INDEX(Jesper!$R$2:$R$366,ROW(INDEX(Jesper!AJ$2:AJ$366,ROUNDDOWN($C5947/24,0)+1,1))-1)+IF('Standard Profiles'!$G$20=$B$10,7,0)+IF('Standard Profiles'!$G$20=$B$17,14,0)+IF('Standard Profiles'!$G$20=$B$24,21,0),0)),0)</f>
        <v>0</v>
      </c>
      <c r="G5947" cm="1">
        <f t="array" ref="G5947">IFERROR(INDEX(Jesper!AK$2:AK$366,ROUNDDOWN($C5947/24,0)+1,1)*INDEX($D$3:$AA$30,INDEX(Jesper!$R$2:$R$366,ROW(INDEX(Jesper!AK$2:AK$366,ROUNDDOWN($C5947/24,0)+1,1))-1)+IF('Standard Profiles'!$G$21=$B$10,7,0)+IF('Standard Profiles'!$G$21=$B$17,14,0)+IF('Standard Profiles'!$G$21=$B$24,21,0),MOD($C5947,24)+1)/SUM(INDEX($D$3:$AA$30,INDEX(Jesper!$R$2:$R$366,ROW(INDEX(Jesper!AK$2:AK$366,ROUNDDOWN($C5947/24,0)+1,1))-1)+IF('Standard Profiles'!$G$21=$B$10,7,0)+IF('Standard Profiles'!$G$21=$B$17,14,0)+IF('Standard Profiles'!$G$21=$B$24,21,0),0)),0)</f>
        <v>0</v>
      </c>
      <c r="H5947" cm="1">
        <f t="array" ref="H5947">IFERROR(INDEX(Jesper!AL$2:AL$366,ROUNDDOWN($C5947/24,0)+1,1)*INDEX($D$3:$AA$30,INDEX(Jesper!$R$2:$R$366,ROW(INDEX(Jesper!AL$2:AL$366,ROUNDDOWN($C5947/24,0)+1,1))-1)+IF('Standard Profiles'!$G$22=$B$10,7,0)+IF('Standard Profiles'!$G$22=$B$17,14,0)+IF('Standard Profiles'!$G$22=$B$24,21,0),MOD($C5947,24)+1)/SUM(INDEX($D$3:$AA$30,INDEX(Jesper!$R$2:$R$366,ROW(INDEX(Jesper!AL$2:AL$366,ROUNDDOWN($C5947/24,0)+1,1))-1)+IF('Standard Profiles'!$G$22=$B$10,7,0)+IF('Standard Profiles'!$G$22=$B$17,14,0)+IF('Standard Profiles'!$G$22=$B$24,21,0),0)),0)</f>
        <v>0</v>
      </c>
      <c r="I5947">
        <f t="shared" si="664"/>
        <v>0.34234644587673729</v>
      </c>
      <c r="J5947">
        <f t="shared" si="665"/>
        <v>1.1411548195891246</v>
      </c>
      <c r="K5947">
        <f t="shared" si="666"/>
        <v>1.7117322293836865</v>
      </c>
      <c r="L5947">
        <f t="shared" si="667"/>
        <v>8.2163147010416964</v>
      </c>
      <c r="M5947">
        <f t="shared" si="668"/>
        <v>0</v>
      </c>
      <c r="N5947" s="46">
        <f t="shared" si="669"/>
        <v>45538.374999985659</v>
      </c>
    </row>
    <row r="5948" spans="2:14" x14ac:dyDescent="0.3">
      <c r="B5948">
        <f t="shared" si="663"/>
        <v>2</v>
      </c>
      <c r="C5948" s="16">
        <v>5914</v>
      </c>
      <c r="D5948" cm="1">
        <f t="array" ref="D5948">IFERROR(INDEX(Jesper!AH$2:AH$366,ROUNDDOWN($C5948/24,0)+1,1)*INDEX($D$3:$AA$30,INDEX(Jesper!$R$2:$R$366,ROW(INDEX(Jesper!AH$2:AH$366,ROUNDDOWN($C5948/24,0)+1,1))-1)+IF('Standard Profiles'!$G$18=$B$10,7,0)+IF('Standard Profiles'!$G$18=$B$17,14,0)+IF('Standard Profiles'!$G$18=$B$24,21,0),MOD($C5948,24)+1)/SUM(INDEX($D$3:$AA$30,INDEX(Jesper!$R$2:$R$366,ROW(INDEX(Jesper!AH$2:AH$366,ROUNDDOWN($C5948/24,0)+1,1))-1)+IF('Standard Profiles'!$G$18=$B$10,7,0)+IF('Standard Profiles'!$G$18=$B$17,14,0)+IF('Standard Profiles'!$G$18=$B$24,21,0),0)),0)</f>
        <v>11.938235035701609</v>
      </c>
      <c r="E5948" cm="1">
        <f t="array" ref="E5948">IFERROR(INDEX(Jesper!AI$2:AI$366,ROUNDDOWN($C5948/24,0)+1,1)*INDEX($D$3:$AA$30,INDEX(Jesper!$R$2:$R$366,ROW(INDEX(Jesper!AI$2:AI$366,ROUNDDOWN($C5948/24,0)+1,1))-1)+IF('Standard Profiles'!$G$19=$B$10,7,0)+IF('Standard Profiles'!$G$19=$B$17,14,0)+IF('Standard Profiles'!$G$19=$B$24,21,0),MOD($C5948,24)+1)/SUM(INDEX($D$3:$AA$30,INDEX(Jesper!$R$2:$R$366,ROW(INDEX(Jesper!AI$2:AI$366,ROUNDDOWN($C5948/24,0)+1,1))-1)+IF('Standard Profiles'!$G$19=$B$10,7,0)+IF('Standard Profiles'!$G$19=$B$17,14,0)+IF('Standard Profiles'!$G$19=$B$24,21,0),0)),0)</f>
        <v>0</v>
      </c>
      <c r="F5948" cm="1">
        <f t="array" ref="F5948">IFERROR(INDEX(Jesper!AJ$2:AJ$366,ROUNDDOWN($C5948/24,0)+1,1)*INDEX($D$3:$AA$30,INDEX(Jesper!$R$2:$R$366,ROW(INDEX(Jesper!AJ$2:AJ$366,ROUNDDOWN($C5948/24,0)+1,1))-1)+IF('Standard Profiles'!$G$20=$B$10,7,0)+IF('Standard Profiles'!$G$20=$B$17,14,0)+IF('Standard Profiles'!$G$20=$B$24,21,0),MOD($C5948,24)+1)/SUM(INDEX($D$3:$AA$30,INDEX(Jesper!$R$2:$R$366,ROW(INDEX(Jesper!AJ$2:AJ$366,ROUNDDOWN($C5948/24,0)+1,1))-1)+IF('Standard Profiles'!$G$20=$B$10,7,0)+IF('Standard Profiles'!$G$20=$B$17,14,0)+IF('Standard Profiles'!$G$20=$B$24,21,0),0)),0)</f>
        <v>0</v>
      </c>
      <c r="G5948" cm="1">
        <f t="array" ref="G5948">IFERROR(INDEX(Jesper!AK$2:AK$366,ROUNDDOWN($C5948/24,0)+1,1)*INDEX($D$3:$AA$30,INDEX(Jesper!$R$2:$R$366,ROW(INDEX(Jesper!AK$2:AK$366,ROUNDDOWN($C5948/24,0)+1,1))-1)+IF('Standard Profiles'!$G$21=$B$10,7,0)+IF('Standard Profiles'!$G$21=$B$17,14,0)+IF('Standard Profiles'!$G$21=$B$24,21,0),MOD($C5948,24)+1)/SUM(INDEX($D$3:$AA$30,INDEX(Jesper!$R$2:$R$366,ROW(INDEX(Jesper!AK$2:AK$366,ROUNDDOWN($C5948/24,0)+1,1))-1)+IF('Standard Profiles'!$G$21=$B$10,7,0)+IF('Standard Profiles'!$G$21=$B$17,14,0)+IF('Standard Profiles'!$G$21=$B$24,21,0),0)),0)</f>
        <v>0</v>
      </c>
      <c r="H5948" cm="1">
        <f t="array" ref="H5948">IFERROR(INDEX(Jesper!AL$2:AL$366,ROUNDDOWN($C5948/24,0)+1,1)*INDEX($D$3:$AA$30,INDEX(Jesper!$R$2:$R$366,ROW(INDEX(Jesper!AL$2:AL$366,ROUNDDOWN($C5948/24,0)+1,1))-1)+IF('Standard Profiles'!$G$22=$B$10,7,0)+IF('Standard Profiles'!$G$22=$B$17,14,0)+IF('Standard Profiles'!$G$22=$B$24,21,0),MOD($C5948,24)+1)/SUM(INDEX($D$3:$AA$30,INDEX(Jesper!$R$2:$R$366,ROW(INDEX(Jesper!AL$2:AL$366,ROUNDDOWN($C5948/24,0)+1,1))-1)+IF('Standard Profiles'!$G$22=$B$10,7,0)+IF('Standard Profiles'!$G$22=$B$17,14,0)+IF('Standard Profiles'!$G$22=$B$24,21,0),0)),0)</f>
        <v>0</v>
      </c>
      <c r="I5948">
        <f t="shared" si="664"/>
        <v>0.35814705107104827</v>
      </c>
      <c r="J5948">
        <f t="shared" si="665"/>
        <v>1.193823503570161</v>
      </c>
      <c r="K5948">
        <f t="shared" si="666"/>
        <v>1.7907352553552414</v>
      </c>
      <c r="L5948">
        <f t="shared" si="667"/>
        <v>8.5955292257051585</v>
      </c>
      <c r="M5948">
        <f t="shared" si="668"/>
        <v>0</v>
      </c>
      <c r="N5948" s="46">
        <f t="shared" si="669"/>
        <v>45538.416666652323</v>
      </c>
    </row>
    <row r="5949" spans="2:14" x14ac:dyDescent="0.3">
      <c r="B5949">
        <f t="shared" si="663"/>
        <v>2</v>
      </c>
      <c r="C5949" s="16">
        <v>5915</v>
      </c>
      <c r="D5949" cm="1">
        <f t="array" ref="D5949">IFERROR(INDEX(Jesper!AH$2:AH$366,ROUNDDOWN($C5949/24,0)+1,1)*INDEX($D$3:$AA$30,INDEX(Jesper!$R$2:$R$366,ROW(INDEX(Jesper!AH$2:AH$366,ROUNDDOWN($C5949/24,0)+1,1))-1)+IF('Standard Profiles'!$G$18=$B$10,7,0)+IF('Standard Profiles'!$G$18=$B$17,14,0)+IF('Standard Profiles'!$G$18=$B$24,21,0),MOD($C5949,24)+1)/SUM(INDEX($D$3:$AA$30,INDEX(Jesper!$R$2:$R$366,ROW(INDEX(Jesper!AH$2:AH$366,ROUNDDOWN($C5949/24,0)+1,1))-1)+IF('Standard Profiles'!$G$18=$B$10,7,0)+IF('Standard Profiles'!$G$18=$B$17,14,0)+IF('Standard Profiles'!$G$18=$B$24,21,0),0)),0)</f>
        <v>14.044982394943071</v>
      </c>
      <c r="E5949" cm="1">
        <f t="array" ref="E5949">IFERROR(INDEX(Jesper!AI$2:AI$366,ROUNDDOWN($C5949/24,0)+1,1)*INDEX($D$3:$AA$30,INDEX(Jesper!$R$2:$R$366,ROW(INDEX(Jesper!AI$2:AI$366,ROUNDDOWN($C5949/24,0)+1,1))-1)+IF('Standard Profiles'!$G$19=$B$10,7,0)+IF('Standard Profiles'!$G$19=$B$17,14,0)+IF('Standard Profiles'!$G$19=$B$24,21,0),MOD($C5949,24)+1)/SUM(INDEX($D$3:$AA$30,INDEX(Jesper!$R$2:$R$366,ROW(INDEX(Jesper!AI$2:AI$366,ROUNDDOWN($C5949/24,0)+1,1))-1)+IF('Standard Profiles'!$G$19=$B$10,7,0)+IF('Standard Profiles'!$G$19=$B$17,14,0)+IF('Standard Profiles'!$G$19=$B$24,21,0),0)),0)</f>
        <v>0</v>
      </c>
      <c r="F5949" cm="1">
        <f t="array" ref="F5949">IFERROR(INDEX(Jesper!AJ$2:AJ$366,ROUNDDOWN($C5949/24,0)+1,1)*INDEX($D$3:$AA$30,INDEX(Jesper!$R$2:$R$366,ROW(INDEX(Jesper!AJ$2:AJ$366,ROUNDDOWN($C5949/24,0)+1,1))-1)+IF('Standard Profiles'!$G$20=$B$10,7,0)+IF('Standard Profiles'!$G$20=$B$17,14,0)+IF('Standard Profiles'!$G$20=$B$24,21,0),MOD($C5949,24)+1)/SUM(INDEX($D$3:$AA$30,INDEX(Jesper!$R$2:$R$366,ROW(INDEX(Jesper!AJ$2:AJ$366,ROUNDDOWN($C5949/24,0)+1,1))-1)+IF('Standard Profiles'!$G$20=$B$10,7,0)+IF('Standard Profiles'!$G$20=$B$17,14,0)+IF('Standard Profiles'!$G$20=$B$24,21,0),0)),0)</f>
        <v>0</v>
      </c>
      <c r="G5949" cm="1">
        <f t="array" ref="G5949">IFERROR(INDEX(Jesper!AK$2:AK$366,ROUNDDOWN($C5949/24,0)+1,1)*INDEX($D$3:$AA$30,INDEX(Jesper!$R$2:$R$366,ROW(INDEX(Jesper!AK$2:AK$366,ROUNDDOWN($C5949/24,0)+1,1))-1)+IF('Standard Profiles'!$G$21=$B$10,7,0)+IF('Standard Profiles'!$G$21=$B$17,14,0)+IF('Standard Profiles'!$G$21=$B$24,21,0),MOD($C5949,24)+1)/SUM(INDEX($D$3:$AA$30,INDEX(Jesper!$R$2:$R$366,ROW(INDEX(Jesper!AK$2:AK$366,ROUNDDOWN($C5949/24,0)+1,1))-1)+IF('Standard Profiles'!$G$21=$B$10,7,0)+IF('Standard Profiles'!$G$21=$B$17,14,0)+IF('Standard Profiles'!$G$21=$B$24,21,0),0)),0)</f>
        <v>0</v>
      </c>
      <c r="H5949" cm="1">
        <f t="array" ref="H5949">IFERROR(INDEX(Jesper!AL$2:AL$366,ROUNDDOWN($C5949/24,0)+1,1)*INDEX($D$3:$AA$30,INDEX(Jesper!$R$2:$R$366,ROW(INDEX(Jesper!AL$2:AL$366,ROUNDDOWN($C5949/24,0)+1,1))-1)+IF('Standard Profiles'!$G$22=$B$10,7,0)+IF('Standard Profiles'!$G$22=$B$17,14,0)+IF('Standard Profiles'!$G$22=$B$24,21,0),MOD($C5949,24)+1)/SUM(INDEX($D$3:$AA$30,INDEX(Jesper!$R$2:$R$366,ROW(INDEX(Jesper!AL$2:AL$366,ROUNDDOWN($C5949/24,0)+1,1))-1)+IF('Standard Profiles'!$G$22=$B$10,7,0)+IF('Standard Profiles'!$G$22=$B$17,14,0)+IF('Standard Profiles'!$G$22=$B$24,21,0),0)),0)</f>
        <v>0</v>
      </c>
      <c r="I5949">
        <f t="shared" si="664"/>
        <v>0.42134947184829213</v>
      </c>
      <c r="J5949">
        <f t="shared" si="665"/>
        <v>1.4044982394943073</v>
      </c>
      <c r="K5949">
        <f t="shared" si="666"/>
        <v>2.1067473592414605</v>
      </c>
      <c r="L5949">
        <f t="shared" si="667"/>
        <v>10.112387324359011</v>
      </c>
      <c r="M5949">
        <f t="shared" si="668"/>
        <v>0</v>
      </c>
      <c r="N5949" s="46">
        <f t="shared" si="669"/>
        <v>45538.458333318988</v>
      </c>
    </row>
    <row r="5950" spans="2:14" x14ac:dyDescent="0.3">
      <c r="B5950">
        <f t="shared" si="663"/>
        <v>2</v>
      </c>
      <c r="C5950" s="16">
        <v>5916</v>
      </c>
      <c r="D5950" cm="1">
        <f t="array" ref="D5950">IFERROR(INDEX(Jesper!AH$2:AH$366,ROUNDDOWN($C5950/24,0)+1,1)*INDEX($D$3:$AA$30,INDEX(Jesper!$R$2:$R$366,ROW(INDEX(Jesper!AH$2:AH$366,ROUNDDOWN($C5950/24,0)+1,1))-1)+IF('Standard Profiles'!$G$18=$B$10,7,0)+IF('Standard Profiles'!$G$18=$B$17,14,0)+IF('Standard Profiles'!$G$18=$B$24,21,0),MOD($C5950,24)+1)/SUM(INDEX($D$3:$AA$30,INDEX(Jesper!$R$2:$R$366,ROW(INDEX(Jesper!AH$2:AH$366,ROUNDDOWN($C5950/24,0)+1,1))-1)+IF('Standard Profiles'!$G$18=$B$10,7,0)+IF('Standard Profiles'!$G$18=$B$17,14,0)+IF('Standard Profiles'!$G$18=$B$24,21,0),0)),0)</f>
        <v>14.044982394943071</v>
      </c>
      <c r="E5950" cm="1">
        <f t="array" ref="E5950">IFERROR(INDEX(Jesper!AI$2:AI$366,ROUNDDOWN($C5950/24,0)+1,1)*INDEX($D$3:$AA$30,INDEX(Jesper!$R$2:$R$366,ROW(INDEX(Jesper!AI$2:AI$366,ROUNDDOWN($C5950/24,0)+1,1))-1)+IF('Standard Profiles'!$G$19=$B$10,7,0)+IF('Standard Profiles'!$G$19=$B$17,14,0)+IF('Standard Profiles'!$G$19=$B$24,21,0),MOD($C5950,24)+1)/SUM(INDEX($D$3:$AA$30,INDEX(Jesper!$R$2:$R$366,ROW(INDEX(Jesper!AI$2:AI$366,ROUNDDOWN($C5950/24,0)+1,1))-1)+IF('Standard Profiles'!$G$19=$B$10,7,0)+IF('Standard Profiles'!$G$19=$B$17,14,0)+IF('Standard Profiles'!$G$19=$B$24,21,0),0)),0)</f>
        <v>0</v>
      </c>
      <c r="F5950" cm="1">
        <f t="array" ref="F5950">IFERROR(INDEX(Jesper!AJ$2:AJ$366,ROUNDDOWN($C5950/24,0)+1,1)*INDEX($D$3:$AA$30,INDEX(Jesper!$R$2:$R$366,ROW(INDEX(Jesper!AJ$2:AJ$366,ROUNDDOWN($C5950/24,0)+1,1))-1)+IF('Standard Profiles'!$G$20=$B$10,7,0)+IF('Standard Profiles'!$G$20=$B$17,14,0)+IF('Standard Profiles'!$G$20=$B$24,21,0),MOD($C5950,24)+1)/SUM(INDEX($D$3:$AA$30,INDEX(Jesper!$R$2:$R$366,ROW(INDEX(Jesper!AJ$2:AJ$366,ROUNDDOWN($C5950/24,0)+1,1))-1)+IF('Standard Profiles'!$G$20=$B$10,7,0)+IF('Standard Profiles'!$G$20=$B$17,14,0)+IF('Standard Profiles'!$G$20=$B$24,21,0),0)),0)</f>
        <v>0</v>
      </c>
      <c r="G5950" cm="1">
        <f t="array" ref="G5950">IFERROR(INDEX(Jesper!AK$2:AK$366,ROUNDDOWN($C5950/24,0)+1,1)*INDEX($D$3:$AA$30,INDEX(Jesper!$R$2:$R$366,ROW(INDEX(Jesper!AK$2:AK$366,ROUNDDOWN($C5950/24,0)+1,1))-1)+IF('Standard Profiles'!$G$21=$B$10,7,0)+IF('Standard Profiles'!$G$21=$B$17,14,0)+IF('Standard Profiles'!$G$21=$B$24,21,0),MOD($C5950,24)+1)/SUM(INDEX($D$3:$AA$30,INDEX(Jesper!$R$2:$R$366,ROW(INDEX(Jesper!AK$2:AK$366,ROUNDDOWN($C5950/24,0)+1,1))-1)+IF('Standard Profiles'!$G$21=$B$10,7,0)+IF('Standard Profiles'!$G$21=$B$17,14,0)+IF('Standard Profiles'!$G$21=$B$24,21,0),0)),0)</f>
        <v>0</v>
      </c>
      <c r="H5950" cm="1">
        <f t="array" ref="H5950">IFERROR(INDEX(Jesper!AL$2:AL$366,ROUNDDOWN($C5950/24,0)+1,1)*INDEX($D$3:$AA$30,INDEX(Jesper!$R$2:$R$366,ROW(INDEX(Jesper!AL$2:AL$366,ROUNDDOWN($C5950/24,0)+1,1))-1)+IF('Standard Profiles'!$G$22=$B$10,7,0)+IF('Standard Profiles'!$G$22=$B$17,14,0)+IF('Standard Profiles'!$G$22=$B$24,21,0),MOD($C5950,24)+1)/SUM(INDEX($D$3:$AA$30,INDEX(Jesper!$R$2:$R$366,ROW(INDEX(Jesper!AL$2:AL$366,ROUNDDOWN($C5950/24,0)+1,1))-1)+IF('Standard Profiles'!$G$22=$B$10,7,0)+IF('Standard Profiles'!$G$22=$B$17,14,0)+IF('Standard Profiles'!$G$22=$B$24,21,0),0)),0)</f>
        <v>0</v>
      </c>
      <c r="I5950">
        <f t="shared" si="664"/>
        <v>0.42134947184829213</v>
      </c>
      <c r="J5950">
        <f t="shared" si="665"/>
        <v>1.4044982394943073</v>
      </c>
      <c r="K5950">
        <f t="shared" si="666"/>
        <v>2.1067473592414605</v>
      </c>
      <c r="L5950">
        <f t="shared" si="667"/>
        <v>10.112387324359011</v>
      </c>
      <c r="M5950">
        <f t="shared" si="668"/>
        <v>0</v>
      </c>
      <c r="N5950" s="46">
        <f t="shared" si="669"/>
        <v>45538.499999985652</v>
      </c>
    </row>
    <row r="5951" spans="2:14" x14ac:dyDescent="0.3">
      <c r="B5951">
        <f t="shared" si="663"/>
        <v>2</v>
      </c>
      <c r="C5951" s="16">
        <v>5917</v>
      </c>
      <c r="D5951" cm="1">
        <f t="array" ref="D5951">IFERROR(INDEX(Jesper!AH$2:AH$366,ROUNDDOWN($C5951/24,0)+1,1)*INDEX($D$3:$AA$30,INDEX(Jesper!$R$2:$R$366,ROW(INDEX(Jesper!AH$2:AH$366,ROUNDDOWN($C5951/24,0)+1,1))-1)+IF('Standard Profiles'!$G$18=$B$10,7,0)+IF('Standard Profiles'!$G$18=$B$17,14,0)+IF('Standard Profiles'!$G$18=$B$24,21,0),MOD($C5951,24)+1)/SUM(INDEX($D$3:$AA$30,INDEX(Jesper!$R$2:$R$366,ROW(INDEX(Jesper!AH$2:AH$366,ROUNDDOWN($C5951/24,0)+1,1))-1)+IF('Standard Profiles'!$G$18=$B$10,7,0)+IF('Standard Profiles'!$G$18=$B$17,14,0)+IF('Standard Profiles'!$G$18=$B$24,21,0),0)),0)</f>
        <v>14.044982394943071</v>
      </c>
      <c r="E5951" cm="1">
        <f t="array" ref="E5951">IFERROR(INDEX(Jesper!AI$2:AI$366,ROUNDDOWN($C5951/24,0)+1,1)*INDEX($D$3:$AA$30,INDEX(Jesper!$R$2:$R$366,ROW(INDEX(Jesper!AI$2:AI$366,ROUNDDOWN($C5951/24,0)+1,1))-1)+IF('Standard Profiles'!$G$19=$B$10,7,0)+IF('Standard Profiles'!$G$19=$B$17,14,0)+IF('Standard Profiles'!$G$19=$B$24,21,0),MOD($C5951,24)+1)/SUM(INDEX($D$3:$AA$30,INDEX(Jesper!$R$2:$R$366,ROW(INDEX(Jesper!AI$2:AI$366,ROUNDDOWN($C5951/24,0)+1,1))-1)+IF('Standard Profiles'!$G$19=$B$10,7,0)+IF('Standard Profiles'!$G$19=$B$17,14,0)+IF('Standard Profiles'!$G$19=$B$24,21,0),0)),0)</f>
        <v>0</v>
      </c>
      <c r="F5951" cm="1">
        <f t="array" ref="F5951">IFERROR(INDEX(Jesper!AJ$2:AJ$366,ROUNDDOWN($C5951/24,0)+1,1)*INDEX($D$3:$AA$30,INDEX(Jesper!$R$2:$R$366,ROW(INDEX(Jesper!AJ$2:AJ$366,ROUNDDOWN($C5951/24,0)+1,1))-1)+IF('Standard Profiles'!$G$20=$B$10,7,0)+IF('Standard Profiles'!$G$20=$B$17,14,0)+IF('Standard Profiles'!$G$20=$B$24,21,0),MOD($C5951,24)+1)/SUM(INDEX($D$3:$AA$30,INDEX(Jesper!$R$2:$R$366,ROW(INDEX(Jesper!AJ$2:AJ$366,ROUNDDOWN($C5951/24,0)+1,1))-1)+IF('Standard Profiles'!$G$20=$B$10,7,0)+IF('Standard Profiles'!$G$20=$B$17,14,0)+IF('Standard Profiles'!$G$20=$B$24,21,0),0)),0)</f>
        <v>0</v>
      </c>
      <c r="G5951" cm="1">
        <f t="array" ref="G5951">IFERROR(INDEX(Jesper!AK$2:AK$366,ROUNDDOWN($C5951/24,0)+1,1)*INDEX($D$3:$AA$30,INDEX(Jesper!$R$2:$R$366,ROW(INDEX(Jesper!AK$2:AK$366,ROUNDDOWN($C5951/24,0)+1,1))-1)+IF('Standard Profiles'!$G$21=$B$10,7,0)+IF('Standard Profiles'!$G$21=$B$17,14,0)+IF('Standard Profiles'!$G$21=$B$24,21,0),MOD($C5951,24)+1)/SUM(INDEX($D$3:$AA$30,INDEX(Jesper!$R$2:$R$366,ROW(INDEX(Jesper!AK$2:AK$366,ROUNDDOWN($C5951/24,0)+1,1))-1)+IF('Standard Profiles'!$G$21=$B$10,7,0)+IF('Standard Profiles'!$G$21=$B$17,14,0)+IF('Standard Profiles'!$G$21=$B$24,21,0),0)),0)</f>
        <v>0</v>
      </c>
      <c r="H5951" cm="1">
        <f t="array" ref="H5951">IFERROR(INDEX(Jesper!AL$2:AL$366,ROUNDDOWN($C5951/24,0)+1,1)*INDEX($D$3:$AA$30,INDEX(Jesper!$R$2:$R$366,ROW(INDEX(Jesper!AL$2:AL$366,ROUNDDOWN($C5951/24,0)+1,1))-1)+IF('Standard Profiles'!$G$22=$B$10,7,0)+IF('Standard Profiles'!$G$22=$B$17,14,0)+IF('Standard Profiles'!$G$22=$B$24,21,0),MOD($C5951,24)+1)/SUM(INDEX($D$3:$AA$30,INDEX(Jesper!$R$2:$R$366,ROW(INDEX(Jesper!AL$2:AL$366,ROUNDDOWN($C5951/24,0)+1,1))-1)+IF('Standard Profiles'!$G$22=$B$10,7,0)+IF('Standard Profiles'!$G$22=$B$17,14,0)+IF('Standard Profiles'!$G$22=$B$24,21,0),0)),0)</f>
        <v>0</v>
      </c>
      <c r="I5951">
        <f t="shared" si="664"/>
        <v>0.42134947184829213</v>
      </c>
      <c r="J5951">
        <f t="shared" si="665"/>
        <v>1.4044982394943073</v>
      </c>
      <c r="K5951">
        <f t="shared" si="666"/>
        <v>2.1067473592414605</v>
      </c>
      <c r="L5951">
        <f t="shared" si="667"/>
        <v>10.112387324359011</v>
      </c>
      <c r="M5951">
        <f t="shared" si="668"/>
        <v>0</v>
      </c>
      <c r="N5951" s="46">
        <f t="shared" si="669"/>
        <v>45538.541666652316</v>
      </c>
    </row>
    <row r="5952" spans="2:14" x14ac:dyDescent="0.3">
      <c r="B5952">
        <f t="shared" si="663"/>
        <v>2</v>
      </c>
      <c r="C5952" s="16">
        <v>5918</v>
      </c>
      <c r="D5952" cm="1">
        <f t="array" ref="D5952">IFERROR(INDEX(Jesper!AH$2:AH$366,ROUNDDOWN($C5952/24,0)+1,1)*INDEX($D$3:$AA$30,INDEX(Jesper!$R$2:$R$366,ROW(INDEX(Jesper!AH$2:AH$366,ROUNDDOWN($C5952/24,0)+1,1))-1)+IF('Standard Profiles'!$G$18=$B$10,7,0)+IF('Standard Profiles'!$G$18=$B$17,14,0)+IF('Standard Profiles'!$G$18=$B$24,21,0),MOD($C5952,24)+1)/SUM(INDEX($D$3:$AA$30,INDEX(Jesper!$R$2:$R$366,ROW(INDEX(Jesper!AH$2:AH$366,ROUNDDOWN($C5952/24,0)+1,1))-1)+IF('Standard Profiles'!$G$18=$B$10,7,0)+IF('Standard Profiles'!$G$18=$B$17,14,0)+IF('Standard Profiles'!$G$18=$B$24,21,0),0)),0)</f>
        <v>14.044982394943071</v>
      </c>
      <c r="E5952" cm="1">
        <f t="array" ref="E5952">IFERROR(INDEX(Jesper!AI$2:AI$366,ROUNDDOWN($C5952/24,0)+1,1)*INDEX($D$3:$AA$30,INDEX(Jesper!$R$2:$R$366,ROW(INDEX(Jesper!AI$2:AI$366,ROUNDDOWN($C5952/24,0)+1,1))-1)+IF('Standard Profiles'!$G$19=$B$10,7,0)+IF('Standard Profiles'!$G$19=$B$17,14,0)+IF('Standard Profiles'!$G$19=$B$24,21,0),MOD($C5952,24)+1)/SUM(INDEX($D$3:$AA$30,INDEX(Jesper!$R$2:$R$366,ROW(INDEX(Jesper!AI$2:AI$366,ROUNDDOWN($C5952/24,0)+1,1))-1)+IF('Standard Profiles'!$G$19=$B$10,7,0)+IF('Standard Profiles'!$G$19=$B$17,14,0)+IF('Standard Profiles'!$G$19=$B$24,21,0),0)),0)</f>
        <v>0</v>
      </c>
      <c r="F5952" cm="1">
        <f t="array" ref="F5952">IFERROR(INDEX(Jesper!AJ$2:AJ$366,ROUNDDOWN($C5952/24,0)+1,1)*INDEX($D$3:$AA$30,INDEX(Jesper!$R$2:$R$366,ROW(INDEX(Jesper!AJ$2:AJ$366,ROUNDDOWN($C5952/24,0)+1,1))-1)+IF('Standard Profiles'!$G$20=$B$10,7,0)+IF('Standard Profiles'!$G$20=$B$17,14,0)+IF('Standard Profiles'!$G$20=$B$24,21,0),MOD($C5952,24)+1)/SUM(INDEX($D$3:$AA$30,INDEX(Jesper!$R$2:$R$366,ROW(INDEX(Jesper!AJ$2:AJ$366,ROUNDDOWN($C5952/24,0)+1,1))-1)+IF('Standard Profiles'!$G$20=$B$10,7,0)+IF('Standard Profiles'!$G$20=$B$17,14,0)+IF('Standard Profiles'!$G$20=$B$24,21,0),0)),0)</f>
        <v>0</v>
      </c>
      <c r="G5952" cm="1">
        <f t="array" ref="G5952">IFERROR(INDEX(Jesper!AK$2:AK$366,ROUNDDOWN($C5952/24,0)+1,1)*INDEX($D$3:$AA$30,INDEX(Jesper!$R$2:$R$366,ROW(INDEX(Jesper!AK$2:AK$366,ROUNDDOWN($C5952/24,0)+1,1))-1)+IF('Standard Profiles'!$G$21=$B$10,7,0)+IF('Standard Profiles'!$G$21=$B$17,14,0)+IF('Standard Profiles'!$G$21=$B$24,21,0),MOD($C5952,24)+1)/SUM(INDEX($D$3:$AA$30,INDEX(Jesper!$R$2:$R$366,ROW(INDEX(Jesper!AK$2:AK$366,ROUNDDOWN($C5952/24,0)+1,1))-1)+IF('Standard Profiles'!$G$21=$B$10,7,0)+IF('Standard Profiles'!$G$21=$B$17,14,0)+IF('Standard Profiles'!$G$21=$B$24,21,0),0)),0)</f>
        <v>0</v>
      </c>
      <c r="H5952" cm="1">
        <f t="array" ref="H5952">IFERROR(INDEX(Jesper!AL$2:AL$366,ROUNDDOWN($C5952/24,0)+1,1)*INDEX($D$3:$AA$30,INDEX(Jesper!$R$2:$R$366,ROW(INDEX(Jesper!AL$2:AL$366,ROUNDDOWN($C5952/24,0)+1,1))-1)+IF('Standard Profiles'!$G$22=$B$10,7,0)+IF('Standard Profiles'!$G$22=$B$17,14,0)+IF('Standard Profiles'!$G$22=$B$24,21,0),MOD($C5952,24)+1)/SUM(INDEX($D$3:$AA$30,INDEX(Jesper!$R$2:$R$366,ROW(INDEX(Jesper!AL$2:AL$366,ROUNDDOWN($C5952/24,0)+1,1))-1)+IF('Standard Profiles'!$G$22=$B$10,7,0)+IF('Standard Profiles'!$G$22=$B$17,14,0)+IF('Standard Profiles'!$G$22=$B$24,21,0),0)),0)</f>
        <v>0</v>
      </c>
      <c r="I5952">
        <f t="shared" si="664"/>
        <v>0.42134947184829213</v>
      </c>
      <c r="J5952">
        <f t="shared" si="665"/>
        <v>1.4044982394943073</v>
      </c>
      <c r="K5952">
        <f t="shared" si="666"/>
        <v>2.1067473592414605</v>
      </c>
      <c r="L5952">
        <f t="shared" si="667"/>
        <v>10.112387324359011</v>
      </c>
      <c r="M5952">
        <f t="shared" si="668"/>
        <v>0</v>
      </c>
      <c r="N5952" s="46">
        <f t="shared" si="669"/>
        <v>45538.58333331898</v>
      </c>
    </row>
    <row r="5953" spans="2:14" x14ac:dyDescent="0.3">
      <c r="B5953">
        <f t="shared" si="663"/>
        <v>2</v>
      </c>
      <c r="C5953" s="16">
        <v>5919</v>
      </c>
      <c r="D5953" cm="1">
        <f t="array" ref="D5953">IFERROR(INDEX(Jesper!AH$2:AH$366,ROUNDDOWN($C5953/24,0)+1,1)*INDEX($D$3:$AA$30,INDEX(Jesper!$R$2:$R$366,ROW(INDEX(Jesper!AH$2:AH$366,ROUNDDOWN($C5953/24,0)+1,1))-1)+IF('Standard Profiles'!$G$18=$B$10,7,0)+IF('Standard Profiles'!$G$18=$B$17,14,0)+IF('Standard Profiles'!$G$18=$B$24,21,0),MOD($C5953,24)+1)/SUM(INDEX($D$3:$AA$30,INDEX(Jesper!$R$2:$R$366,ROW(INDEX(Jesper!AH$2:AH$366,ROUNDDOWN($C5953/24,0)+1,1))-1)+IF('Standard Profiles'!$G$18=$B$10,7,0)+IF('Standard Profiles'!$G$18=$B$17,14,0)+IF('Standard Profiles'!$G$18=$B$24,21,0),0)),0)</f>
        <v>14.044982394943071</v>
      </c>
      <c r="E5953" cm="1">
        <f t="array" ref="E5953">IFERROR(INDEX(Jesper!AI$2:AI$366,ROUNDDOWN($C5953/24,0)+1,1)*INDEX($D$3:$AA$30,INDEX(Jesper!$R$2:$R$366,ROW(INDEX(Jesper!AI$2:AI$366,ROUNDDOWN($C5953/24,0)+1,1))-1)+IF('Standard Profiles'!$G$19=$B$10,7,0)+IF('Standard Profiles'!$G$19=$B$17,14,0)+IF('Standard Profiles'!$G$19=$B$24,21,0),MOD($C5953,24)+1)/SUM(INDEX($D$3:$AA$30,INDEX(Jesper!$R$2:$R$366,ROW(INDEX(Jesper!AI$2:AI$366,ROUNDDOWN($C5953/24,0)+1,1))-1)+IF('Standard Profiles'!$G$19=$B$10,7,0)+IF('Standard Profiles'!$G$19=$B$17,14,0)+IF('Standard Profiles'!$G$19=$B$24,21,0),0)),0)</f>
        <v>0</v>
      </c>
      <c r="F5953" cm="1">
        <f t="array" ref="F5953">IFERROR(INDEX(Jesper!AJ$2:AJ$366,ROUNDDOWN($C5953/24,0)+1,1)*INDEX($D$3:$AA$30,INDEX(Jesper!$R$2:$R$366,ROW(INDEX(Jesper!AJ$2:AJ$366,ROUNDDOWN($C5953/24,0)+1,1))-1)+IF('Standard Profiles'!$G$20=$B$10,7,0)+IF('Standard Profiles'!$G$20=$B$17,14,0)+IF('Standard Profiles'!$G$20=$B$24,21,0),MOD($C5953,24)+1)/SUM(INDEX($D$3:$AA$30,INDEX(Jesper!$R$2:$R$366,ROW(INDEX(Jesper!AJ$2:AJ$366,ROUNDDOWN($C5953/24,0)+1,1))-1)+IF('Standard Profiles'!$G$20=$B$10,7,0)+IF('Standard Profiles'!$G$20=$B$17,14,0)+IF('Standard Profiles'!$G$20=$B$24,21,0),0)),0)</f>
        <v>0</v>
      </c>
      <c r="G5953" cm="1">
        <f t="array" ref="G5953">IFERROR(INDEX(Jesper!AK$2:AK$366,ROUNDDOWN($C5953/24,0)+1,1)*INDEX($D$3:$AA$30,INDEX(Jesper!$R$2:$R$366,ROW(INDEX(Jesper!AK$2:AK$366,ROUNDDOWN($C5953/24,0)+1,1))-1)+IF('Standard Profiles'!$G$21=$B$10,7,0)+IF('Standard Profiles'!$G$21=$B$17,14,0)+IF('Standard Profiles'!$G$21=$B$24,21,0),MOD($C5953,24)+1)/SUM(INDEX($D$3:$AA$30,INDEX(Jesper!$R$2:$R$366,ROW(INDEX(Jesper!AK$2:AK$366,ROUNDDOWN($C5953/24,0)+1,1))-1)+IF('Standard Profiles'!$G$21=$B$10,7,0)+IF('Standard Profiles'!$G$21=$B$17,14,0)+IF('Standard Profiles'!$G$21=$B$24,21,0),0)),0)</f>
        <v>0</v>
      </c>
      <c r="H5953" cm="1">
        <f t="array" ref="H5953">IFERROR(INDEX(Jesper!AL$2:AL$366,ROUNDDOWN($C5953/24,0)+1,1)*INDEX($D$3:$AA$30,INDEX(Jesper!$R$2:$R$366,ROW(INDEX(Jesper!AL$2:AL$366,ROUNDDOWN($C5953/24,0)+1,1))-1)+IF('Standard Profiles'!$G$22=$B$10,7,0)+IF('Standard Profiles'!$G$22=$B$17,14,0)+IF('Standard Profiles'!$G$22=$B$24,21,0),MOD($C5953,24)+1)/SUM(INDEX($D$3:$AA$30,INDEX(Jesper!$R$2:$R$366,ROW(INDEX(Jesper!AL$2:AL$366,ROUNDDOWN($C5953/24,0)+1,1))-1)+IF('Standard Profiles'!$G$22=$B$10,7,0)+IF('Standard Profiles'!$G$22=$B$17,14,0)+IF('Standard Profiles'!$G$22=$B$24,21,0),0)),0)</f>
        <v>0</v>
      </c>
      <c r="I5953">
        <f t="shared" si="664"/>
        <v>0.42134947184829213</v>
      </c>
      <c r="J5953">
        <f t="shared" si="665"/>
        <v>1.4044982394943073</v>
      </c>
      <c r="K5953">
        <f t="shared" si="666"/>
        <v>2.1067473592414605</v>
      </c>
      <c r="L5953">
        <f t="shared" si="667"/>
        <v>10.112387324359011</v>
      </c>
      <c r="M5953">
        <f t="shared" si="668"/>
        <v>0</v>
      </c>
      <c r="N5953" s="46">
        <f t="shared" si="669"/>
        <v>45538.624999985645</v>
      </c>
    </row>
    <row r="5954" spans="2:14" x14ac:dyDescent="0.3">
      <c r="B5954">
        <f t="shared" si="663"/>
        <v>2</v>
      </c>
      <c r="C5954" s="16">
        <v>5920</v>
      </c>
      <c r="D5954" cm="1">
        <f t="array" ref="D5954">IFERROR(INDEX(Jesper!AH$2:AH$366,ROUNDDOWN($C5954/24,0)+1,1)*INDEX($D$3:$AA$30,INDEX(Jesper!$R$2:$R$366,ROW(INDEX(Jesper!AH$2:AH$366,ROUNDDOWN($C5954/24,0)+1,1))-1)+IF('Standard Profiles'!$G$18=$B$10,7,0)+IF('Standard Profiles'!$G$18=$B$17,14,0)+IF('Standard Profiles'!$G$18=$B$24,21,0),MOD($C5954,24)+1)/SUM(INDEX($D$3:$AA$30,INDEX(Jesper!$R$2:$R$366,ROW(INDEX(Jesper!AH$2:AH$366,ROUNDDOWN($C5954/24,0)+1,1))-1)+IF('Standard Profiles'!$G$18=$B$10,7,0)+IF('Standard Profiles'!$G$18=$B$17,14,0)+IF('Standard Profiles'!$G$18=$B$24,21,0),0)),0)</f>
        <v>14.044982394943071</v>
      </c>
      <c r="E5954" cm="1">
        <f t="array" ref="E5954">IFERROR(INDEX(Jesper!AI$2:AI$366,ROUNDDOWN($C5954/24,0)+1,1)*INDEX($D$3:$AA$30,INDEX(Jesper!$R$2:$R$366,ROW(INDEX(Jesper!AI$2:AI$366,ROUNDDOWN($C5954/24,0)+1,1))-1)+IF('Standard Profiles'!$G$19=$B$10,7,0)+IF('Standard Profiles'!$G$19=$B$17,14,0)+IF('Standard Profiles'!$G$19=$B$24,21,0),MOD($C5954,24)+1)/SUM(INDEX($D$3:$AA$30,INDEX(Jesper!$R$2:$R$366,ROW(INDEX(Jesper!AI$2:AI$366,ROUNDDOWN($C5954/24,0)+1,1))-1)+IF('Standard Profiles'!$G$19=$B$10,7,0)+IF('Standard Profiles'!$G$19=$B$17,14,0)+IF('Standard Profiles'!$G$19=$B$24,21,0),0)),0)</f>
        <v>0</v>
      </c>
      <c r="F5954" cm="1">
        <f t="array" ref="F5954">IFERROR(INDEX(Jesper!AJ$2:AJ$366,ROUNDDOWN($C5954/24,0)+1,1)*INDEX($D$3:$AA$30,INDEX(Jesper!$R$2:$R$366,ROW(INDEX(Jesper!AJ$2:AJ$366,ROUNDDOWN($C5954/24,0)+1,1))-1)+IF('Standard Profiles'!$G$20=$B$10,7,0)+IF('Standard Profiles'!$G$20=$B$17,14,0)+IF('Standard Profiles'!$G$20=$B$24,21,0),MOD($C5954,24)+1)/SUM(INDEX($D$3:$AA$30,INDEX(Jesper!$R$2:$R$366,ROW(INDEX(Jesper!AJ$2:AJ$366,ROUNDDOWN($C5954/24,0)+1,1))-1)+IF('Standard Profiles'!$G$20=$B$10,7,0)+IF('Standard Profiles'!$G$20=$B$17,14,0)+IF('Standard Profiles'!$G$20=$B$24,21,0),0)),0)</f>
        <v>0</v>
      </c>
      <c r="G5954" cm="1">
        <f t="array" ref="G5954">IFERROR(INDEX(Jesper!AK$2:AK$366,ROUNDDOWN($C5954/24,0)+1,1)*INDEX($D$3:$AA$30,INDEX(Jesper!$R$2:$R$366,ROW(INDEX(Jesper!AK$2:AK$366,ROUNDDOWN($C5954/24,0)+1,1))-1)+IF('Standard Profiles'!$G$21=$B$10,7,0)+IF('Standard Profiles'!$G$21=$B$17,14,0)+IF('Standard Profiles'!$G$21=$B$24,21,0),MOD($C5954,24)+1)/SUM(INDEX($D$3:$AA$30,INDEX(Jesper!$R$2:$R$366,ROW(INDEX(Jesper!AK$2:AK$366,ROUNDDOWN($C5954/24,0)+1,1))-1)+IF('Standard Profiles'!$G$21=$B$10,7,0)+IF('Standard Profiles'!$G$21=$B$17,14,0)+IF('Standard Profiles'!$G$21=$B$24,21,0),0)),0)</f>
        <v>0</v>
      </c>
      <c r="H5954" cm="1">
        <f t="array" ref="H5954">IFERROR(INDEX(Jesper!AL$2:AL$366,ROUNDDOWN($C5954/24,0)+1,1)*INDEX($D$3:$AA$30,INDEX(Jesper!$R$2:$R$366,ROW(INDEX(Jesper!AL$2:AL$366,ROUNDDOWN($C5954/24,0)+1,1))-1)+IF('Standard Profiles'!$G$22=$B$10,7,0)+IF('Standard Profiles'!$G$22=$B$17,14,0)+IF('Standard Profiles'!$G$22=$B$24,21,0),MOD($C5954,24)+1)/SUM(INDEX($D$3:$AA$30,INDEX(Jesper!$R$2:$R$366,ROW(INDEX(Jesper!AL$2:AL$366,ROUNDDOWN($C5954/24,0)+1,1))-1)+IF('Standard Profiles'!$G$22=$B$10,7,0)+IF('Standard Profiles'!$G$22=$B$17,14,0)+IF('Standard Profiles'!$G$22=$B$24,21,0),0)),0)</f>
        <v>0</v>
      </c>
      <c r="I5954">
        <f t="shared" si="664"/>
        <v>0.42134947184829213</v>
      </c>
      <c r="J5954">
        <f t="shared" si="665"/>
        <v>1.4044982394943073</v>
      </c>
      <c r="K5954">
        <f t="shared" si="666"/>
        <v>2.1067473592414605</v>
      </c>
      <c r="L5954">
        <f t="shared" si="667"/>
        <v>10.112387324359011</v>
      </c>
      <c r="M5954">
        <f t="shared" si="668"/>
        <v>0</v>
      </c>
      <c r="N5954" s="46">
        <f t="shared" si="669"/>
        <v>45538.666666652309</v>
      </c>
    </row>
    <row r="5955" spans="2:14" x14ac:dyDescent="0.3">
      <c r="B5955">
        <f t="shared" si="663"/>
        <v>2</v>
      </c>
      <c r="C5955" s="16">
        <v>5921</v>
      </c>
      <c r="D5955" cm="1">
        <f t="array" ref="D5955">IFERROR(INDEX(Jesper!AH$2:AH$366,ROUNDDOWN($C5955/24,0)+1,1)*INDEX($D$3:$AA$30,INDEX(Jesper!$R$2:$R$366,ROW(INDEX(Jesper!AH$2:AH$366,ROUNDDOWN($C5955/24,0)+1,1))-1)+IF('Standard Profiles'!$G$18=$B$10,7,0)+IF('Standard Profiles'!$G$18=$B$17,14,0)+IF('Standard Profiles'!$G$18=$B$24,21,0),MOD($C5955,24)+1)/SUM(INDEX($D$3:$AA$30,INDEX(Jesper!$R$2:$R$366,ROW(INDEX(Jesper!AH$2:AH$366,ROUNDDOWN($C5955/24,0)+1,1))-1)+IF('Standard Profiles'!$G$18=$B$10,7,0)+IF('Standard Profiles'!$G$18=$B$17,14,0)+IF('Standard Profiles'!$G$18=$B$24,21,0),0)),0)</f>
        <v>14.044982394943071</v>
      </c>
      <c r="E5955" cm="1">
        <f t="array" ref="E5955">IFERROR(INDEX(Jesper!AI$2:AI$366,ROUNDDOWN($C5955/24,0)+1,1)*INDEX($D$3:$AA$30,INDEX(Jesper!$R$2:$R$366,ROW(INDEX(Jesper!AI$2:AI$366,ROUNDDOWN($C5955/24,0)+1,1))-1)+IF('Standard Profiles'!$G$19=$B$10,7,0)+IF('Standard Profiles'!$G$19=$B$17,14,0)+IF('Standard Profiles'!$G$19=$B$24,21,0),MOD($C5955,24)+1)/SUM(INDEX($D$3:$AA$30,INDEX(Jesper!$R$2:$R$366,ROW(INDEX(Jesper!AI$2:AI$366,ROUNDDOWN($C5955/24,0)+1,1))-1)+IF('Standard Profiles'!$G$19=$B$10,7,0)+IF('Standard Profiles'!$G$19=$B$17,14,0)+IF('Standard Profiles'!$G$19=$B$24,21,0),0)),0)</f>
        <v>0</v>
      </c>
      <c r="F5955" cm="1">
        <f t="array" ref="F5955">IFERROR(INDEX(Jesper!AJ$2:AJ$366,ROUNDDOWN($C5955/24,0)+1,1)*INDEX($D$3:$AA$30,INDEX(Jesper!$R$2:$R$366,ROW(INDEX(Jesper!AJ$2:AJ$366,ROUNDDOWN($C5955/24,0)+1,1))-1)+IF('Standard Profiles'!$G$20=$B$10,7,0)+IF('Standard Profiles'!$G$20=$B$17,14,0)+IF('Standard Profiles'!$G$20=$B$24,21,0),MOD($C5955,24)+1)/SUM(INDEX($D$3:$AA$30,INDEX(Jesper!$R$2:$R$366,ROW(INDEX(Jesper!AJ$2:AJ$366,ROUNDDOWN($C5955/24,0)+1,1))-1)+IF('Standard Profiles'!$G$20=$B$10,7,0)+IF('Standard Profiles'!$G$20=$B$17,14,0)+IF('Standard Profiles'!$G$20=$B$24,21,0),0)),0)</f>
        <v>0</v>
      </c>
      <c r="G5955" cm="1">
        <f t="array" ref="G5955">IFERROR(INDEX(Jesper!AK$2:AK$366,ROUNDDOWN($C5955/24,0)+1,1)*INDEX($D$3:$AA$30,INDEX(Jesper!$R$2:$R$366,ROW(INDEX(Jesper!AK$2:AK$366,ROUNDDOWN($C5955/24,0)+1,1))-1)+IF('Standard Profiles'!$G$21=$B$10,7,0)+IF('Standard Profiles'!$G$21=$B$17,14,0)+IF('Standard Profiles'!$G$21=$B$24,21,0),MOD($C5955,24)+1)/SUM(INDEX($D$3:$AA$30,INDEX(Jesper!$R$2:$R$366,ROW(INDEX(Jesper!AK$2:AK$366,ROUNDDOWN($C5955/24,0)+1,1))-1)+IF('Standard Profiles'!$G$21=$B$10,7,0)+IF('Standard Profiles'!$G$21=$B$17,14,0)+IF('Standard Profiles'!$G$21=$B$24,21,0),0)),0)</f>
        <v>0</v>
      </c>
      <c r="H5955" cm="1">
        <f t="array" ref="H5955">IFERROR(INDEX(Jesper!AL$2:AL$366,ROUNDDOWN($C5955/24,0)+1,1)*INDEX($D$3:$AA$30,INDEX(Jesper!$R$2:$R$366,ROW(INDEX(Jesper!AL$2:AL$366,ROUNDDOWN($C5955/24,0)+1,1))-1)+IF('Standard Profiles'!$G$22=$B$10,7,0)+IF('Standard Profiles'!$G$22=$B$17,14,0)+IF('Standard Profiles'!$G$22=$B$24,21,0),MOD($C5955,24)+1)/SUM(INDEX($D$3:$AA$30,INDEX(Jesper!$R$2:$R$366,ROW(INDEX(Jesper!AL$2:AL$366,ROUNDDOWN($C5955/24,0)+1,1))-1)+IF('Standard Profiles'!$G$22=$B$10,7,0)+IF('Standard Profiles'!$G$22=$B$17,14,0)+IF('Standard Profiles'!$G$22=$B$24,21,0),0)),0)</f>
        <v>0</v>
      </c>
      <c r="I5955">
        <f t="shared" si="664"/>
        <v>0.42134947184829213</v>
      </c>
      <c r="J5955">
        <f t="shared" si="665"/>
        <v>1.4044982394943073</v>
      </c>
      <c r="K5955">
        <f t="shared" si="666"/>
        <v>2.1067473592414605</v>
      </c>
      <c r="L5955">
        <f t="shared" si="667"/>
        <v>10.112387324359011</v>
      </c>
      <c r="M5955">
        <f t="shared" si="668"/>
        <v>0</v>
      </c>
      <c r="N5955" s="46">
        <f t="shared" si="669"/>
        <v>45538.708333318973</v>
      </c>
    </row>
    <row r="5956" spans="2:14" x14ac:dyDescent="0.3">
      <c r="B5956">
        <f t="shared" si="663"/>
        <v>2</v>
      </c>
      <c r="C5956" s="16">
        <v>5922</v>
      </c>
      <c r="D5956" cm="1">
        <f t="array" ref="D5956">IFERROR(INDEX(Jesper!AH$2:AH$366,ROUNDDOWN($C5956/24,0)+1,1)*INDEX($D$3:$AA$30,INDEX(Jesper!$R$2:$R$366,ROW(INDEX(Jesper!AH$2:AH$366,ROUNDDOWN($C5956/24,0)+1,1))-1)+IF('Standard Profiles'!$G$18=$B$10,7,0)+IF('Standard Profiles'!$G$18=$B$17,14,0)+IF('Standard Profiles'!$G$18=$B$24,21,0),MOD($C5956,24)+1)/SUM(INDEX($D$3:$AA$30,INDEX(Jesper!$R$2:$R$366,ROW(INDEX(Jesper!AH$2:AH$366,ROUNDDOWN($C5956/24,0)+1,1))-1)+IF('Standard Profiles'!$G$18=$B$10,7,0)+IF('Standard Profiles'!$G$18=$B$17,14,0)+IF('Standard Profiles'!$G$18=$B$24,21,0),0)),0)</f>
        <v>14.044982394943071</v>
      </c>
      <c r="E5956" cm="1">
        <f t="array" ref="E5956">IFERROR(INDEX(Jesper!AI$2:AI$366,ROUNDDOWN($C5956/24,0)+1,1)*INDEX($D$3:$AA$30,INDEX(Jesper!$R$2:$R$366,ROW(INDEX(Jesper!AI$2:AI$366,ROUNDDOWN($C5956/24,0)+1,1))-1)+IF('Standard Profiles'!$G$19=$B$10,7,0)+IF('Standard Profiles'!$G$19=$B$17,14,0)+IF('Standard Profiles'!$G$19=$B$24,21,0),MOD($C5956,24)+1)/SUM(INDEX($D$3:$AA$30,INDEX(Jesper!$R$2:$R$366,ROW(INDEX(Jesper!AI$2:AI$366,ROUNDDOWN($C5956/24,0)+1,1))-1)+IF('Standard Profiles'!$G$19=$B$10,7,0)+IF('Standard Profiles'!$G$19=$B$17,14,0)+IF('Standard Profiles'!$G$19=$B$24,21,0),0)),0)</f>
        <v>0</v>
      </c>
      <c r="F5956" cm="1">
        <f t="array" ref="F5956">IFERROR(INDEX(Jesper!AJ$2:AJ$366,ROUNDDOWN($C5956/24,0)+1,1)*INDEX($D$3:$AA$30,INDEX(Jesper!$R$2:$R$366,ROW(INDEX(Jesper!AJ$2:AJ$366,ROUNDDOWN($C5956/24,0)+1,1))-1)+IF('Standard Profiles'!$G$20=$B$10,7,0)+IF('Standard Profiles'!$G$20=$B$17,14,0)+IF('Standard Profiles'!$G$20=$B$24,21,0),MOD($C5956,24)+1)/SUM(INDEX($D$3:$AA$30,INDEX(Jesper!$R$2:$R$366,ROW(INDEX(Jesper!AJ$2:AJ$366,ROUNDDOWN($C5956/24,0)+1,1))-1)+IF('Standard Profiles'!$G$20=$B$10,7,0)+IF('Standard Profiles'!$G$20=$B$17,14,0)+IF('Standard Profiles'!$G$20=$B$24,21,0),0)),0)</f>
        <v>0</v>
      </c>
      <c r="G5956" cm="1">
        <f t="array" ref="G5956">IFERROR(INDEX(Jesper!AK$2:AK$366,ROUNDDOWN($C5956/24,0)+1,1)*INDEX($D$3:$AA$30,INDEX(Jesper!$R$2:$R$366,ROW(INDEX(Jesper!AK$2:AK$366,ROUNDDOWN($C5956/24,0)+1,1))-1)+IF('Standard Profiles'!$G$21=$B$10,7,0)+IF('Standard Profiles'!$G$21=$B$17,14,0)+IF('Standard Profiles'!$G$21=$B$24,21,0),MOD($C5956,24)+1)/SUM(INDEX($D$3:$AA$30,INDEX(Jesper!$R$2:$R$366,ROW(INDEX(Jesper!AK$2:AK$366,ROUNDDOWN($C5956/24,0)+1,1))-1)+IF('Standard Profiles'!$G$21=$B$10,7,0)+IF('Standard Profiles'!$G$21=$B$17,14,0)+IF('Standard Profiles'!$G$21=$B$24,21,0),0)),0)</f>
        <v>0</v>
      </c>
      <c r="H5956" cm="1">
        <f t="array" ref="H5956">IFERROR(INDEX(Jesper!AL$2:AL$366,ROUNDDOWN($C5956/24,0)+1,1)*INDEX($D$3:$AA$30,INDEX(Jesper!$R$2:$R$366,ROW(INDEX(Jesper!AL$2:AL$366,ROUNDDOWN($C5956/24,0)+1,1))-1)+IF('Standard Profiles'!$G$22=$B$10,7,0)+IF('Standard Profiles'!$G$22=$B$17,14,0)+IF('Standard Profiles'!$G$22=$B$24,21,0),MOD($C5956,24)+1)/SUM(INDEX($D$3:$AA$30,INDEX(Jesper!$R$2:$R$366,ROW(INDEX(Jesper!AL$2:AL$366,ROUNDDOWN($C5956/24,0)+1,1))-1)+IF('Standard Profiles'!$G$22=$B$10,7,0)+IF('Standard Profiles'!$G$22=$B$17,14,0)+IF('Standard Profiles'!$G$22=$B$24,21,0),0)),0)</f>
        <v>0</v>
      </c>
      <c r="I5956">
        <f t="shared" si="664"/>
        <v>0.42134947184829213</v>
      </c>
      <c r="J5956">
        <f t="shared" si="665"/>
        <v>1.4044982394943073</v>
      </c>
      <c r="K5956">
        <f t="shared" si="666"/>
        <v>2.1067473592414605</v>
      </c>
      <c r="L5956">
        <f t="shared" si="667"/>
        <v>10.112387324359011</v>
      </c>
      <c r="M5956">
        <f t="shared" si="668"/>
        <v>0</v>
      </c>
      <c r="N5956" s="46">
        <f t="shared" si="669"/>
        <v>45538.749999985637</v>
      </c>
    </row>
    <row r="5957" spans="2:14" x14ac:dyDescent="0.3">
      <c r="B5957">
        <f t="shared" si="663"/>
        <v>2</v>
      </c>
      <c r="C5957" s="16">
        <v>5923</v>
      </c>
      <c r="D5957" cm="1">
        <f t="array" ref="D5957">IFERROR(INDEX(Jesper!AH$2:AH$366,ROUNDDOWN($C5957/24,0)+1,1)*INDEX($D$3:$AA$30,INDEX(Jesper!$R$2:$R$366,ROW(INDEX(Jesper!AH$2:AH$366,ROUNDDOWN($C5957/24,0)+1,1))-1)+IF('Standard Profiles'!$G$18=$B$10,7,0)+IF('Standard Profiles'!$G$18=$B$17,14,0)+IF('Standard Profiles'!$G$18=$B$24,21,0),MOD($C5957,24)+1)/SUM(INDEX($D$3:$AA$30,INDEX(Jesper!$R$2:$R$366,ROW(INDEX(Jesper!AH$2:AH$366,ROUNDDOWN($C5957/24,0)+1,1))-1)+IF('Standard Profiles'!$G$18=$B$10,7,0)+IF('Standard Profiles'!$G$18=$B$17,14,0)+IF('Standard Profiles'!$G$18=$B$24,21,0),0)),0)</f>
        <v>11.762672755764822</v>
      </c>
      <c r="E5957" cm="1">
        <f t="array" ref="E5957">IFERROR(INDEX(Jesper!AI$2:AI$366,ROUNDDOWN($C5957/24,0)+1,1)*INDEX($D$3:$AA$30,INDEX(Jesper!$R$2:$R$366,ROW(INDEX(Jesper!AI$2:AI$366,ROUNDDOWN($C5957/24,0)+1,1))-1)+IF('Standard Profiles'!$G$19=$B$10,7,0)+IF('Standard Profiles'!$G$19=$B$17,14,0)+IF('Standard Profiles'!$G$19=$B$24,21,0),MOD($C5957,24)+1)/SUM(INDEX($D$3:$AA$30,INDEX(Jesper!$R$2:$R$366,ROW(INDEX(Jesper!AI$2:AI$366,ROUNDDOWN($C5957/24,0)+1,1))-1)+IF('Standard Profiles'!$G$19=$B$10,7,0)+IF('Standard Profiles'!$G$19=$B$17,14,0)+IF('Standard Profiles'!$G$19=$B$24,21,0),0)),0)</f>
        <v>0</v>
      </c>
      <c r="F5957" cm="1">
        <f t="array" ref="F5957">IFERROR(INDEX(Jesper!AJ$2:AJ$366,ROUNDDOWN($C5957/24,0)+1,1)*INDEX($D$3:$AA$30,INDEX(Jesper!$R$2:$R$366,ROW(INDEX(Jesper!AJ$2:AJ$366,ROUNDDOWN($C5957/24,0)+1,1))-1)+IF('Standard Profiles'!$G$20=$B$10,7,0)+IF('Standard Profiles'!$G$20=$B$17,14,0)+IF('Standard Profiles'!$G$20=$B$24,21,0),MOD($C5957,24)+1)/SUM(INDEX($D$3:$AA$30,INDEX(Jesper!$R$2:$R$366,ROW(INDEX(Jesper!AJ$2:AJ$366,ROUNDDOWN($C5957/24,0)+1,1))-1)+IF('Standard Profiles'!$G$20=$B$10,7,0)+IF('Standard Profiles'!$G$20=$B$17,14,0)+IF('Standard Profiles'!$G$20=$B$24,21,0),0)),0)</f>
        <v>0</v>
      </c>
      <c r="G5957" cm="1">
        <f t="array" ref="G5957">IFERROR(INDEX(Jesper!AK$2:AK$366,ROUNDDOWN($C5957/24,0)+1,1)*INDEX($D$3:$AA$30,INDEX(Jesper!$R$2:$R$366,ROW(INDEX(Jesper!AK$2:AK$366,ROUNDDOWN($C5957/24,0)+1,1))-1)+IF('Standard Profiles'!$G$21=$B$10,7,0)+IF('Standard Profiles'!$G$21=$B$17,14,0)+IF('Standard Profiles'!$G$21=$B$24,21,0),MOD($C5957,24)+1)/SUM(INDEX($D$3:$AA$30,INDEX(Jesper!$R$2:$R$366,ROW(INDEX(Jesper!AK$2:AK$366,ROUNDDOWN($C5957/24,0)+1,1))-1)+IF('Standard Profiles'!$G$21=$B$10,7,0)+IF('Standard Profiles'!$G$21=$B$17,14,0)+IF('Standard Profiles'!$G$21=$B$24,21,0),0)),0)</f>
        <v>0</v>
      </c>
      <c r="H5957" cm="1">
        <f t="array" ref="H5957">IFERROR(INDEX(Jesper!AL$2:AL$366,ROUNDDOWN($C5957/24,0)+1,1)*INDEX($D$3:$AA$30,INDEX(Jesper!$R$2:$R$366,ROW(INDEX(Jesper!AL$2:AL$366,ROUNDDOWN($C5957/24,0)+1,1))-1)+IF('Standard Profiles'!$G$22=$B$10,7,0)+IF('Standard Profiles'!$G$22=$B$17,14,0)+IF('Standard Profiles'!$G$22=$B$24,21,0),MOD($C5957,24)+1)/SUM(INDEX($D$3:$AA$30,INDEX(Jesper!$R$2:$R$366,ROW(INDEX(Jesper!AL$2:AL$366,ROUNDDOWN($C5957/24,0)+1,1))-1)+IF('Standard Profiles'!$G$22=$B$10,7,0)+IF('Standard Profiles'!$G$22=$B$17,14,0)+IF('Standard Profiles'!$G$22=$B$24,21,0),0)),0)</f>
        <v>0</v>
      </c>
      <c r="I5957">
        <f t="shared" si="664"/>
        <v>0.35288018267294463</v>
      </c>
      <c r="J5957">
        <f t="shared" si="665"/>
        <v>1.1762672755764823</v>
      </c>
      <c r="K5957">
        <f t="shared" si="666"/>
        <v>1.7644009133647232</v>
      </c>
      <c r="L5957">
        <f t="shared" si="667"/>
        <v>8.4691243841506711</v>
      </c>
      <c r="M5957">
        <f t="shared" si="668"/>
        <v>0</v>
      </c>
      <c r="N5957" s="46">
        <f t="shared" si="669"/>
        <v>45538.791666652302</v>
      </c>
    </row>
    <row r="5958" spans="2:14" x14ac:dyDescent="0.3">
      <c r="B5958">
        <f t="shared" si="663"/>
        <v>2</v>
      </c>
      <c r="C5958" s="16">
        <v>5924</v>
      </c>
      <c r="D5958" cm="1">
        <f t="array" ref="D5958">IFERROR(INDEX(Jesper!AH$2:AH$366,ROUNDDOWN($C5958/24,0)+1,1)*INDEX($D$3:$AA$30,INDEX(Jesper!$R$2:$R$366,ROW(INDEX(Jesper!AH$2:AH$366,ROUNDDOWN($C5958/24,0)+1,1))-1)+IF('Standard Profiles'!$G$18=$B$10,7,0)+IF('Standard Profiles'!$G$18=$B$17,14,0)+IF('Standard Profiles'!$G$18=$B$24,21,0),MOD($C5958,24)+1)/SUM(INDEX($D$3:$AA$30,INDEX(Jesper!$R$2:$R$366,ROW(INDEX(Jesper!AH$2:AH$366,ROUNDDOWN($C5958/24,0)+1,1))-1)+IF('Standard Profiles'!$G$18=$B$10,7,0)+IF('Standard Profiles'!$G$18=$B$17,14,0)+IF('Standard Profiles'!$G$18=$B$24,21,0),0)),0)</f>
        <v>9.6559253965233598</v>
      </c>
      <c r="E5958" cm="1">
        <f t="array" ref="E5958">IFERROR(INDEX(Jesper!AI$2:AI$366,ROUNDDOWN($C5958/24,0)+1,1)*INDEX($D$3:$AA$30,INDEX(Jesper!$R$2:$R$366,ROW(INDEX(Jesper!AI$2:AI$366,ROUNDDOWN($C5958/24,0)+1,1))-1)+IF('Standard Profiles'!$G$19=$B$10,7,0)+IF('Standard Profiles'!$G$19=$B$17,14,0)+IF('Standard Profiles'!$G$19=$B$24,21,0),MOD($C5958,24)+1)/SUM(INDEX($D$3:$AA$30,INDEX(Jesper!$R$2:$R$366,ROW(INDEX(Jesper!AI$2:AI$366,ROUNDDOWN($C5958/24,0)+1,1))-1)+IF('Standard Profiles'!$G$19=$B$10,7,0)+IF('Standard Profiles'!$G$19=$B$17,14,0)+IF('Standard Profiles'!$G$19=$B$24,21,0),0)),0)</f>
        <v>0</v>
      </c>
      <c r="F5958" cm="1">
        <f t="array" ref="F5958">IFERROR(INDEX(Jesper!AJ$2:AJ$366,ROUNDDOWN($C5958/24,0)+1,1)*INDEX($D$3:$AA$30,INDEX(Jesper!$R$2:$R$366,ROW(INDEX(Jesper!AJ$2:AJ$366,ROUNDDOWN($C5958/24,0)+1,1))-1)+IF('Standard Profiles'!$G$20=$B$10,7,0)+IF('Standard Profiles'!$G$20=$B$17,14,0)+IF('Standard Profiles'!$G$20=$B$24,21,0),MOD($C5958,24)+1)/SUM(INDEX($D$3:$AA$30,INDEX(Jesper!$R$2:$R$366,ROW(INDEX(Jesper!AJ$2:AJ$366,ROUNDDOWN($C5958/24,0)+1,1))-1)+IF('Standard Profiles'!$G$20=$B$10,7,0)+IF('Standard Profiles'!$G$20=$B$17,14,0)+IF('Standard Profiles'!$G$20=$B$24,21,0),0)),0)</f>
        <v>0</v>
      </c>
      <c r="G5958" cm="1">
        <f t="array" ref="G5958">IFERROR(INDEX(Jesper!AK$2:AK$366,ROUNDDOWN($C5958/24,0)+1,1)*INDEX($D$3:$AA$30,INDEX(Jesper!$R$2:$R$366,ROW(INDEX(Jesper!AK$2:AK$366,ROUNDDOWN($C5958/24,0)+1,1))-1)+IF('Standard Profiles'!$G$21=$B$10,7,0)+IF('Standard Profiles'!$G$21=$B$17,14,0)+IF('Standard Profiles'!$G$21=$B$24,21,0),MOD($C5958,24)+1)/SUM(INDEX($D$3:$AA$30,INDEX(Jesper!$R$2:$R$366,ROW(INDEX(Jesper!AK$2:AK$366,ROUNDDOWN($C5958/24,0)+1,1))-1)+IF('Standard Profiles'!$G$21=$B$10,7,0)+IF('Standard Profiles'!$G$21=$B$17,14,0)+IF('Standard Profiles'!$G$21=$B$24,21,0),0)),0)</f>
        <v>0</v>
      </c>
      <c r="H5958" cm="1">
        <f t="array" ref="H5958">IFERROR(INDEX(Jesper!AL$2:AL$366,ROUNDDOWN($C5958/24,0)+1,1)*INDEX($D$3:$AA$30,INDEX(Jesper!$R$2:$R$366,ROW(INDEX(Jesper!AL$2:AL$366,ROUNDDOWN($C5958/24,0)+1,1))-1)+IF('Standard Profiles'!$G$22=$B$10,7,0)+IF('Standard Profiles'!$G$22=$B$17,14,0)+IF('Standard Profiles'!$G$22=$B$24,21,0),MOD($C5958,24)+1)/SUM(INDEX($D$3:$AA$30,INDEX(Jesper!$R$2:$R$366,ROW(INDEX(Jesper!AL$2:AL$366,ROUNDDOWN($C5958/24,0)+1,1))-1)+IF('Standard Profiles'!$G$22=$B$10,7,0)+IF('Standard Profiles'!$G$22=$B$17,14,0)+IF('Standard Profiles'!$G$22=$B$24,21,0),0)),0)</f>
        <v>0</v>
      </c>
      <c r="I5958">
        <f t="shared" si="664"/>
        <v>0.28967776189570077</v>
      </c>
      <c r="J5958">
        <f t="shared" si="665"/>
        <v>0.96559253965233605</v>
      </c>
      <c r="K5958">
        <f t="shared" si="666"/>
        <v>1.448388809478504</v>
      </c>
      <c r="L5958">
        <f t="shared" si="667"/>
        <v>6.9522662854968189</v>
      </c>
      <c r="M5958">
        <f t="shared" si="668"/>
        <v>0</v>
      </c>
      <c r="N5958" s="46">
        <f t="shared" si="669"/>
        <v>45538.833333318966</v>
      </c>
    </row>
    <row r="5959" spans="2:14" x14ac:dyDescent="0.3">
      <c r="B5959">
        <f t="shared" si="663"/>
        <v>2</v>
      </c>
      <c r="C5959" s="16">
        <v>5925</v>
      </c>
      <c r="D5959" cm="1">
        <f t="array" ref="D5959">IFERROR(INDEX(Jesper!AH$2:AH$366,ROUNDDOWN($C5959/24,0)+1,1)*INDEX($D$3:$AA$30,INDEX(Jesper!$R$2:$R$366,ROW(INDEX(Jesper!AH$2:AH$366,ROUNDDOWN($C5959/24,0)+1,1))-1)+IF('Standard Profiles'!$G$18=$B$10,7,0)+IF('Standard Profiles'!$G$18=$B$17,14,0)+IF('Standard Profiles'!$G$18=$B$24,21,0),MOD($C5959,24)+1)/SUM(INDEX($D$3:$AA$30,INDEX(Jesper!$R$2:$R$366,ROW(INDEX(Jesper!AH$2:AH$366,ROUNDDOWN($C5959/24,0)+1,1))-1)+IF('Standard Profiles'!$G$18=$B$10,7,0)+IF('Standard Profiles'!$G$18=$B$17,14,0)+IF('Standard Profiles'!$G$18=$B$24,21,0),0)),0)</f>
        <v>7.0224911974715356</v>
      </c>
      <c r="E5959" cm="1">
        <f t="array" ref="E5959">IFERROR(INDEX(Jesper!AI$2:AI$366,ROUNDDOWN($C5959/24,0)+1,1)*INDEX($D$3:$AA$30,INDEX(Jesper!$R$2:$R$366,ROW(INDEX(Jesper!AI$2:AI$366,ROUNDDOWN($C5959/24,0)+1,1))-1)+IF('Standard Profiles'!$G$19=$B$10,7,0)+IF('Standard Profiles'!$G$19=$B$17,14,0)+IF('Standard Profiles'!$G$19=$B$24,21,0),MOD($C5959,24)+1)/SUM(INDEX($D$3:$AA$30,INDEX(Jesper!$R$2:$R$366,ROW(INDEX(Jesper!AI$2:AI$366,ROUNDDOWN($C5959/24,0)+1,1))-1)+IF('Standard Profiles'!$G$19=$B$10,7,0)+IF('Standard Profiles'!$G$19=$B$17,14,0)+IF('Standard Profiles'!$G$19=$B$24,21,0),0)),0)</f>
        <v>0</v>
      </c>
      <c r="F5959" cm="1">
        <f t="array" ref="F5959">IFERROR(INDEX(Jesper!AJ$2:AJ$366,ROUNDDOWN($C5959/24,0)+1,1)*INDEX($D$3:$AA$30,INDEX(Jesper!$R$2:$R$366,ROW(INDEX(Jesper!AJ$2:AJ$366,ROUNDDOWN($C5959/24,0)+1,1))-1)+IF('Standard Profiles'!$G$20=$B$10,7,0)+IF('Standard Profiles'!$G$20=$B$17,14,0)+IF('Standard Profiles'!$G$20=$B$24,21,0),MOD($C5959,24)+1)/SUM(INDEX($D$3:$AA$30,INDEX(Jesper!$R$2:$R$366,ROW(INDEX(Jesper!AJ$2:AJ$366,ROUNDDOWN($C5959/24,0)+1,1))-1)+IF('Standard Profiles'!$G$20=$B$10,7,0)+IF('Standard Profiles'!$G$20=$B$17,14,0)+IF('Standard Profiles'!$G$20=$B$24,21,0),0)),0)</f>
        <v>0</v>
      </c>
      <c r="G5959" cm="1">
        <f t="array" ref="G5959">IFERROR(INDEX(Jesper!AK$2:AK$366,ROUNDDOWN($C5959/24,0)+1,1)*INDEX($D$3:$AA$30,INDEX(Jesper!$R$2:$R$366,ROW(INDEX(Jesper!AK$2:AK$366,ROUNDDOWN($C5959/24,0)+1,1))-1)+IF('Standard Profiles'!$G$21=$B$10,7,0)+IF('Standard Profiles'!$G$21=$B$17,14,0)+IF('Standard Profiles'!$G$21=$B$24,21,0),MOD($C5959,24)+1)/SUM(INDEX($D$3:$AA$30,INDEX(Jesper!$R$2:$R$366,ROW(INDEX(Jesper!AK$2:AK$366,ROUNDDOWN($C5959/24,0)+1,1))-1)+IF('Standard Profiles'!$G$21=$B$10,7,0)+IF('Standard Profiles'!$G$21=$B$17,14,0)+IF('Standard Profiles'!$G$21=$B$24,21,0),0)),0)</f>
        <v>0</v>
      </c>
      <c r="H5959" cm="1">
        <f t="array" ref="H5959">IFERROR(INDEX(Jesper!AL$2:AL$366,ROUNDDOWN($C5959/24,0)+1,1)*INDEX($D$3:$AA$30,INDEX(Jesper!$R$2:$R$366,ROW(INDEX(Jesper!AL$2:AL$366,ROUNDDOWN($C5959/24,0)+1,1))-1)+IF('Standard Profiles'!$G$22=$B$10,7,0)+IF('Standard Profiles'!$G$22=$B$17,14,0)+IF('Standard Profiles'!$G$22=$B$24,21,0),MOD($C5959,24)+1)/SUM(INDEX($D$3:$AA$30,INDEX(Jesper!$R$2:$R$366,ROW(INDEX(Jesper!AL$2:AL$366,ROUNDDOWN($C5959/24,0)+1,1))-1)+IF('Standard Profiles'!$G$22=$B$10,7,0)+IF('Standard Profiles'!$G$22=$B$17,14,0)+IF('Standard Profiles'!$G$22=$B$24,21,0),0)),0)</f>
        <v>0</v>
      </c>
      <c r="I5959">
        <f t="shared" si="664"/>
        <v>0.21067473592414607</v>
      </c>
      <c r="J5959">
        <f t="shared" si="665"/>
        <v>0.70224911974715365</v>
      </c>
      <c r="K5959">
        <f t="shared" si="666"/>
        <v>1.0533736796207303</v>
      </c>
      <c r="L5959">
        <f t="shared" si="667"/>
        <v>5.0561936621795054</v>
      </c>
      <c r="M5959">
        <f t="shared" si="668"/>
        <v>0</v>
      </c>
      <c r="N5959" s="46">
        <f t="shared" si="669"/>
        <v>45538.87499998563</v>
      </c>
    </row>
    <row r="5960" spans="2:14" x14ac:dyDescent="0.3">
      <c r="B5960">
        <f t="shared" si="663"/>
        <v>2</v>
      </c>
      <c r="C5960" s="16">
        <v>5926</v>
      </c>
      <c r="D5960" cm="1">
        <f t="array" ref="D5960">IFERROR(INDEX(Jesper!AH$2:AH$366,ROUNDDOWN($C5960/24,0)+1,1)*INDEX($D$3:$AA$30,INDEX(Jesper!$R$2:$R$366,ROW(INDEX(Jesper!AH$2:AH$366,ROUNDDOWN($C5960/24,0)+1,1))-1)+IF('Standard Profiles'!$G$18=$B$10,7,0)+IF('Standard Profiles'!$G$18=$B$17,14,0)+IF('Standard Profiles'!$G$18=$B$24,21,0),MOD($C5960,24)+1)/SUM(INDEX($D$3:$AA$30,INDEX(Jesper!$R$2:$R$366,ROW(INDEX(Jesper!AH$2:AH$366,ROUNDDOWN($C5960/24,0)+1,1))-1)+IF('Standard Profiles'!$G$18=$B$10,7,0)+IF('Standard Profiles'!$G$18=$B$17,14,0)+IF('Standard Profiles'!$G$18=$B$24,21,0),0)),0)</f>
        <v>7.0224911974715356</v>
      </c>
      <c r="E5960" cm="1">
        <f t="array" ref="E5960">IFERROR(INDEX(Jesper!AI$2:AI$366,ROUNDDOWN($C5960/24,0)+1,1)*INDEX($D$3:$AA$30,INDEX(Jesper!$R$2:$R$366,ROW(INDEX(Jesper!AI$2:AI$366,ROUNDDOWN($C5960/24,0)+1,1))-1)+IF('Standard Profiles'!$G$19=$B$10,7,0)+IF('Standard Profiles'!$G$19=$B$17,14,0)+IF('Standard Profiles'!$G$19=$B$24,21,0),MOD($C5960,24)+1)/SUM(INDEX($D$3:$AA$30,INDEX(Jesper!$R$2:$R$366,ROW(INDEX(Jesper!AI$2:AI$366,ROUNDDOWN($C5960/24,0)+1,1))-1)+IF('Standard Profiles'!$G$19=$B$10,7,0)+IF('Standard Profiles'!$G$19=$B$17,14,0)+IF('Standard Profiles'!$G$19=$B$24,21,0),0)),0)</f>
        <v>0</v>
      </c>
      <c r="F5960" cm="1">
        <f t="array" ref="F5960">IFERROR(INDEX(Jesper!AJ$2:AJ$366,ROUNDDOWN($C5960/24,0)+1,1)*INDEX($D$3:$AA$30,INDEX(Jesper!$R$2:$R$366,ROW(INDEX(Jesper!AJ$2:AJ$366,ROUNDDOWN($C5960/24,0)+1,1))-1)+IF('Standard Profiles'!$G$20=$B$10,7,0)+IF('Standard Profiles'!$G$20=$B$17,14,0)+IF('Standard Profiles'!$G$20=$B$24,21,0),MOD($C5960,24)+1)/SUM(INDEX($D$3:$AA$30,INDEX(Jesper!$R$2:$R$366,ROW(INDEX(Jesper!AJ$2:AJ$366,ROUNDDOWN($C5960/24,0)+1,1))-1)+IF('Standard Profiles'!$G$20=$B$10,7,0)+IF('Standard Profiles'!$G$20=$B$17,14,0)+IF('Standard Profiles'!$G$20=$B$24,21,0),0)),0)</f>
        <v>0</v>
      </c>
      <c r="G5960" cm="1">
        <f t="array" ref="G5960">IFERROR(INDEX(Jesper!AK$2:AK$366,ROUNDDOWN($C5960/24,0)+1,1)*INDEX($D$3:$AA$30,INDEX(Jesper!$R$2:$R$366,ROW(INDEX(Jesper!AK$2:AK$366,ROUNDDOWN($C5960/24,0)+1,1))-1)+IF('Standard Profiles'!$G$21=$B$10,7,0)+IF('Standard Profiles'!$G$21=$B$17,14,0)+IF('Standard Profiles'!$G$21=$B$24,21,0),MOD($C5960,24)+1)/SUM(INDEX($D$3:$AA$30,INDEX(Jesper!$R$2:$R$366,ROW(INDEX(Jesper!AK$2:AK$366,ROUNDDOWN($C5960/24,0)+1,1))-1)+IF('Standard Profiles'!$G$21=$B$10,7,0)+IF('Standard Profiles'!$G$21=$B$17,14,0)+IF('Standard Profiles'!$G$21=$B$24,21,0),0)),0)</f>
        <v>0</v>
      </c>
      <c r="H5960" cm="1">
        <f t="array" ref="H5960">IFERROR(INDEX(Jesper!AL$2:AL$366,ROUNDDOWN($C5960/24,0)+1,1)*INDEX($D$3:$AA$30,INDEX(Jesper!$R$2:$R$366,ROW(INDEX(Jesper!AL$2:AL$366,ROUNDDOWN($C5960/24,0)+1,1))-1)+IF('Standard Profiles'!$G$22=$B$10,7,0)+IF('Standard Profiles'!$G$22=$B$17,14,0)+IF('Standard Profiles'!$G$22=$B$24,21,0),MOD($C5960,24)+1)/SUM(INDEX($D$3:$AA$30,INDEX(Jesper!$R$2:$R$366,ROW(INDEX(Jesper!AL$2:AL$366,ROUNDDOWN($C5960/24,0)+1,1))-1)+IF('Standard Profiles'!$G$22=$B$10,7,0)+IF('Standard Profiles'!$G$22=$B$17,14,0)+IF('Standard Profiles'!$G$22=$B$24,21,0),0)),0)</f>
        <v>0</v>
      </c>
      <c r="I5960">
        <f t="shared" si="664"/>
        <v>0.21067473592414607</v>
      </c>
      <c r="J5960">
        <f t="shared" si="665"/>
        <v>0.70224911974715365</v>
      </c>
      <c r="K5960">
        <f t="shared" si="666"/>
        <v>1.0533736796207303</v>
      </c>
      <c r="L5960">
        <f t="shared" si="667"/>
        <v>5.0561936621795054</v>
      </c>
      <c r="M5960">
        <f t="shared" si="668"/>
        <v>0</v>
      </c>
      <c r="N5960" s="46">
        <f t="shared" si="669"/>
        <v>45538.916666652294</v>
      </c>
    </row>
    <row r="5961" spans="2:14" x14ac:dyDescent="0.3">
      <c r="B5961">
        <f t="shared" si="663"/>
        <v>2</v>
      </c>
      <c r="C5961" s="16">
        <v>5927</v>
      </c>
      <c r="D5961" cm="1">
        <f t="array" ref="D5961">IFERROR(INDEX(Jesper!AH$2:AH$366,ROUNDDOWN($C5961/24,0)+1,1)*INDEX($D$3:$AA$30,INDEX(Jesper!$R$2:$R$366,ROW(INDEX(Jesper!AH$2:AH$366,ROUNDDOWN($C5961/24,0)+1,1))-1)+IF('Standard Profiles'!$G$18=$B$10,7,0)+IF('Standard Profiles'!$G$18=$B$17,14,0)+IF('Standard Profiles'!$G$18=$B$24,21,0),MOD($C5961,24)+1)/SUM(INDEX($D$3:$AA$30,INDEX(Jesper!$R$2:$R$366,ROW(INDEX(Jesper!AH$2:AH$366,ROUNDDOWN($C5961/24,0)+1,1))-1)+IF('Standard Profiles'!$G$18=$B$10,7,0)+IF('Standard Profiles'!$G$18=$B$17,14,0)+IF('Standard Profiles'!$G$18=$B$24,21,0),0)),0)</f>
        <v>7.0224911974715356</v>
      </c>
      <c r="E5961" cm="1">
        <f t="array" ref="E5961">IFERROR(INDEX(Jesper!AI$2:AI$366,ROUNDDOWN($C5961/24,0)+1,1)*INDEX($D$3:$AA$30,INDEX(Jesper!$R$2:$R$366,ROW(INDEX(Jesper!AI$2:AI$366,ROUNDDOWN($C5961/24,0)+1,1))-1)+IF('Standard Profiles'!$G$19=$B$10,7,0)+IF('Standard Profiles'!$G$19=$B$17,14,0)+IF('Standard Profiles'!$G$19=$B$24,21,0),MOD($C5961,24)+1)/SUM(INDEX($D$3:$AA$30,INDEX(Jesper!$R$2:$R$366,ROW(INDEX(Jesper!AI$2:AI$366,ROUNDDOWN($C5961/24,0)+1,1))-1)+IF('Standard Profiles'!$G$19=$B$10,7,0)+IF('Standard Profiles'!$G$19=$B$17,14,0)+IF('Standard Profiles'!$G$19=$B$24,21,0),0)),0)</f>
        <v>0</v>
      </c>
      <c r="F5961" cm="1">
        <f t="array" ref="F5961">IFERROR(INDEX(Jesper!AJ$2:AJ$366,ROUNDDOWN($C5961/24,0)+1,1)*INDEX($D$3:$AA$30,INDEX(Jesper!$R$2:$R$366,ROW(INDEX(Jesper!AJ$2:AJ$366,ROUNDDOWN($C5961/24,0)+1,1))-1)+IF('Standard Profiles'!$G$20=$B$10,7,0)+IF('Standard Profiles'!$G$20=$B$17,14,0)+IF('Standard Profiles'!$G$20=$B$24,21,0),MOD($C5961,24)+1)/SUM(INDEX($D$3:$AA$30,INDEX(Jesper!$R$2:$R$366,ROW(INDEX(Jesper!AJ$2:AJ$366,ROUNDDOWN($C5961/24,0)+1,1))-1)+IF('Standard Profiles'!$G$20=$B$10,7,0)+IF('Standard Profiles'!$G$20=$B$17,14,0)+IF('Standard Profiles'!$G$20=$B$24,21,0),0)),0)</f>
        <v>0</v>
      </c>
      <c r="G5961" cm="1">
        <f t="array" ref="G5961">IFERROR(INDEX(Jesper!AK$2:AK$366,ROUNDDOWN($C5961/24,0)+1,1)*INDEX($D$3:$AA$30,INDEX(Jesper!$R$2:$R$366,ROW(INDEX(Jesper!AK$2:AK$366,ROUNDDOWN($C5961/24,0)+1,1))-1)+IF('Standard Profiles'!$G$21=$B$10,7,0)+IF('Standard Profiles'!$G$21=$B$17,14,0)+IF('Standard Profiles'!$G$21=$B$24,21,0),MOD($C5961,24)+1)/SUM(INDEX($D$3:$AA$30,INDEX(Jesper!$R$2:$R$366,ROW(INDEX(Jesper!AK$2:AK$366,ROUNDDOWN($C5961/24,0)+1,1))-1)+IF('Standard Profiles'!$G$21=$B$10,7,0)+IF('Standard Profiles'!$G$21=$B$17,14,0)+IF('Standard Profiles'!$G$21=$B$24,21,0),0)),0)</f>
        <v>0</v>
      </c>
      <c r="H5961" cm="1">
        <f t="array" ref="H5961">IFERROR(INDEX(Jesper!AL$2:AL$366,ROUNDDOWN($C5961/24,0)+1,1)*INDEX($D$3:$AA$30,INDEX(Jesper!$R$2:$R$366,ROW(INDEX(Jesper!AL$2:AL$366,ROUNDDOWN($C5961/24,0)+1,1))-1)+IF('Standard Profiles'!$G$22=$B$10,7,0)+IF('Standard Profiles'!$G$22=$B$17,14,0)+IF('Standard Profiles'!$G$22=$B$24,21,0),MOD($C5961,24)+1)/SUM(INDEX($D$3:$AA$30,INDEX(Jesper!$R$2:$R$366,ROW(INDEX(Jesper!AL$2:AL$366,ROUNDDOWN($C5961/24,0)+1,1))-1)+IF('Standard Profiles'!$G$22=$B$10,7,0)+IF('Standard Profiles'!$G$22=$B$17,14,0)+IF('Standard Profiles'!$G$22=$B$24,21,0),0)),0)</f>
        <v>0</v>
      </c>
      <c r="I5961">
        <f t="shared" si="664"/>
        <v>0.21067473592414607</v>
      </c>
      <c r="J5961">
        <f t="shared" si="665"/>
        <v>0.70224911974715365</v>
      </c>
      <c r="K5961">
        <f t="shared" si="666"/>
        <v>1.0533736796207303</v>
      </c>
      <c r="L5961">
        <f t="shared" si="667"/>
        <v>5.0561936621795054</v>
      </c>
      <c r="M5961">
        <f t="shared" si="668"/>
        <v>0</v>
      </c>
      <c r="N5961" s="46">
        <f t="shared" si="669"/>
        <v>45538.958333318958</v>
      </c>
    </row>
    <row r="5962" spans="2:14" x14ac:dyDescent="0.3">
      <c r="B5962">
        <f t="shared" si="663"/>
        <v>3</v>
      </c>
      <c r="C5962" s="16">
        <v>5928</v>
      </c>
      <c r="D5962" cm="1">
        <f t="array" ref="D5962">IFERROR(INDEX(Jesper!AH$2:AH$366,ROUNDDOWN($C5962/24,0)+1,1)*INDEX($D$3:$AA$30,INDEX(Jesper!$R$2:$R$366,ROW(INDEX(Jesper!AH$2:AH$366,ROUNDDOWN($C5962/24,0)+1,1))-1)+IF('Standard Profiles'!$G$18=$B$10,7,0)+IF('Standard Profiles'!$G$18=$B$17,14,0)+IF('Standard Profiles'!$G$18=$B$24,21,0),MOD($C5962,24)+1)/SUM(INDEX($D$3:$AA$30,INDEX(Jesper!$R$2:$R$366,ROW(INDEX(Jesper!AH$2:AH$366,ROUNDDOWN($C5962/24,0)+1,1))-1)+IF('Standard Profiles'!$G$18=$B$10,7,0)+IF('Standard Profiles'!$G$18=$B$17,14,0)+IF('Standard Profiles'!$G$18=$B$24,21,0),0)),0)</f>
        <v>6.37349767004208</v>
      </c>
      <c r="E5962" cm="1">
        <f t="array" ref="E5962">IFERROR(INDEX(Jesper!AI$2:AI$366,ROUNDDOWN($C5962/24,0)+1,1)*INDEX($D$3:$AA$30,INDEX(Jesper!$R$2:$R$366,ROW(INDEX(Jesper!AI$2:AI$366,ROUNDDOWN($C5962/24,0)+1,1))-1)+IF('Standard Profiles'!$G$19=$B$10,7,0)+IF('Standard Profiles'!$G$19=$B$17,14,0)+IF('Standard Profiles'!$G$19=$B$24,21,0),MOD($C5962,24)+1)/SUM(INDEX($D$3:$AA$30,INDEX(Jesper!$R$2:$R$366,ROW(INDEX(Jesper!AI$2:AI$366,ROUNDDOWN($C5962/24,0)+1,1))-1)+IF('Standard Profiles'!$G$19=$B$10,7,0)+IF('Standard Profiles'!$G$19=$B$17,14,0)+IF('Standard Profiles'!$G$19=$B$24,21,0),0)),0)</f>
        <v>0</v>
      </c>
      <c r="F5962" cm="1">
        <f t="array" ref="F5962">IFERROR(INDEX(Jesper!AJ$2:AJ$366,ROUNDDOWN($C5962/24,0)+1,1)*INDEX($D$3:$AA$30,INDEX(Jesper!$R$2:$R$366,ROW(INDEX(Jesper!AJ$2:AJ$366,ROUNDDOWN($C5962/24,0)+1,1))-1)+IF('Standard Profiles'!$G$20=$B$10,7,0)+IF('Standard Profiles'!$G$20=$B$17,14,0)+IF('Standard Profiles'!$G$20=$B$24,21,0),MOD($C5962,24)+1)/SUM(INDEX($D$3:$AA$30,INDEX(Jesper!$R$2:$R$366,ROW(INDEX(Jesper!AJ$2:AJ$366,ROUNDDOWN($C5962/24,0)+1,1))-1)+IF('Standard Profiles'!$G$20=$B$10,7,0)+IF('Standard Profiles'!$G$20=$B$17,14,0)+IF('Standard Profiles'!$G$20=$B$24,21,0),0)),0)</f>
        <v>0</v>
      </c>
      <c r="G5962" cm="1">
        <f t="array" ref="G5962">IFERROR(INDEX(Jesper!AK$2:AK$366,ROUNDDOWN($C5962/24,0)+1,1)*INDEX($D$3:$AA$30,INDEX(Jesper!$R$2:$R$366,ROW(INDEX(Jesper!AK$2:AK$366,ROUNDDOWN($C5962/24,0)+1,1))-1)+IF('Standard Profiles'!$G$21=$B$10,7,0)+IF('Standard Profiles'!$G$21=$B$17,14,0)+IF('Standard Profiles'!$G$21=$B$24,21,0),MOD($C5962,24)+1)/SUM(INDEX($D$3:$AA$30,INDEX(Jesper!$R$2:$R$366,ROW(INDEX(Jesper!AK$2:AK$366,ROUNDDOWN($C5962/24,0)+1,1))-1)+IF('Standard Profiles'!$G$21=$B$10,7,0)+IF('Standard Profiles'!$G$21=$B$17,14,0)+IF('Standard Profiles'!$G$21=$B$24,21,0),0)),0)</f>
        <v>0</v>
      </c>
      <c r="H5962" cm="1">
        <f t="array" ref="H5962">IFERROR(INDEX(Jesper!AL$2:AL$366,ROUNDDOWN($C5962/24,0)+1,1)*INDEX($D$3:$AA$30,INDEX(Jesper!$R$2:$R$366,ROW(INDEX(Jesper!AL$2:AL$366,ROUNDDOWN($C5962/24,0)+1,1))-1)+IF('Standard Profiles'!$G$22=$B$10,7,0)+IF('Standard Profiles'!$G$22=$B$17,14,0)+IF('Standard Profiles'!$G$22=$B$24,21,0),MOD($C5962,24)+1)/SUM(INDEX($D$3:$AA$30,INDEX(Jesper!$R$2:$R$366,ROW(INDEX(Jesper!AL$2:AL$366,ROUNDDOWN($C5962/24,0)+1,1))-1)+IF('Standard Profiles'!$G$22=$B$10,7,0)+IF('Standard Profiles'!$G$22=$B$17,14,0)+IF('Standard Profiles'!$G$22=$B$24,21,0),0)),0)</f>
        <v>0</v>
      </c>
      <c r="I5962">
        <f t="shared" si="664"/>
        <v>0.19120493010126238</v>
      </c>
      <c r="J5962">
        <f t="shared" si="665"/>
        <v>0.63734976700420809</v>
      </c>
      <c r="K5962">
        <f t="shared" si="666"/>
        <v>0.95602465050631191</v>
      </c>
      <c r="L5962">
        <f t="shared" si="667"/>
        <v>4.5889183224302972</v>
      </c>
      <c r="M5962">
        <f t="shared" si="668"/>
        <v>0</v>
      </c>
      <c r="N5962" s="46">
        <f t="shared" si="669"/>
        <v>45538.999999985623</v>
      </c>
    </row>
    <row r="5963" spans="2:14" x14ac:dyDescent="0.3">
      <c r="B5963">
        <f t="shared" si="663"/>
        <v>3</v>
      </c>
      <c r="C5963" s="16">
        <v>5929</v>
      </c>
      <c r="D5963" cm="1">
        <f t="array" ref="D5963">IFERROR(INDEX(Jesper!AH$2:AH$366,ROUNDDOWN($C5963/24,0)+1,1)*INDEX($D$3:$AA$30,INDEX(Jesper!$R$2:$R$366,ROW(INDEX(Jesper!AH$2:AH$366,ROUNDDOWN($C5963/24,0)+1,1))-1)+IF('Standard Profiles'!$G$18=$B$10,7,0)+IF('Standard Profiles'!$G$18=$B$17,14,0)+IF('Standard Profiles'!$G$18=$B$24,21,0),MOD($C5963,24)+1)/SUM(INDEX($D$3:$AA$30,INDEX(Jesper!$R$2:$R$366,ROW(INDEX(Jesper!AH$2:AH$366,ROUNDDOWN($C5963/24,0)+1,1))-1)+IF('Standard Profiles'!$G$18=$B$10,7,0)+IF('Standard Profiles'!$G$18=$B$17,14,0)+IF('Standard Profiles'!$G$18=$B$24,21,0),0)),0)</f>
        <v>7.1701848787973406</v>
      </c>
      <c r="E5963" cm="1">
        <f t="array" ref="E5963">IFERROR(INDEX(Jesper!AI$2:AI$366,ROUNDDOWN($C5963/24,0)+1,1)*INDEX($D$3:$AA$30,INDEX(Jesper!$R$2:$R$366,ROW(INDEX(Jesper!AI$2:AI$366,ROUNDDOWN($C5963/24,0)+1,1))-1)+IF('Standard Profiles'!$G$19=$B$10,7,0)+IF('Standard Profiles'!$G$19=$B$17,14,0)+IF('Standard Profiles'!$G$19=$B$24,21,0),MOD($C5963,24)+1)/SUM(INDEX($D$3:$AA$30,INDEX(Jesper!$R$2:$R$366,ROW(INDEX(Jesper!AI$2:AI$366,ROUNDDOWN($C5963/24,0)+1,1))-1)+IF('Standard Profiles'!$G$19=$B$10,7,0)+IF('Standard Profiles'!$G$19=$B$17,14,0)+IF('Standard Profiles'!$G$19=$B$24,21,0),0)),0)</f>
        <v>0</v>
      </c>
      <c r="F5963" cm="1">
        <f t="array" ref="F5963">IFERROR(INDEX(Jesper!AJ$2:AJ$366,ROUNDDOWN($C5963/24,0)+1,1)*INDEX($D$3:$AA$30,INDEX(Jesper!$R$2:$R$366,ROW(INDEX(Jesper!AJ$2:AJ$366,ROUNDDOWN($C5963/24,0)+1,1))-1)+IF('Standard Profiles'!$G$20=$B$10,7,0)+IF('Standard Profiles'!$G$20=$B$17,14,0)+IF('Standard Profiles'!$G$20=$B$24,21,0),MOD($C5963,24)+1)/SUM(INDEX($D$3:$AA$30,INDEX(Jesper!$R$2:$R$366,ROW(INDEX(Jesper!AJ$2:AJ$366,ROUNDDOWN($C5963/24,0)+1,1))-1)+IF('Standard Profiles'!$G$20=$B$10,7,0)+IF('Standard Profiles'!$G$20=$B$17,14,0)+IF('Standard Profiles'!$G$20=$B$24,21,0),0)),0)</f>
        <v>0</v>
      </c>
      <c r="G5963" cm="1">
        <f t="array" ref="G5963">IFERROR(INDEX(Jesper!AK$2:AK$366,ROUNDDOWN($C5963/24,0)+1,1)*INDEX($D$3:$AA$30,INDEX(Jesper!$R$2:$R$366,ROW(INDEX(Jesper!AK$2:AK$366,ROUNDDOWN($C5963/24,0)+1,1))-1)+IF('Standard Profiles'!$G$21=$B$10,7,0)+IF('Standard Profiles'!$G$21=$B$17,14,0)+IF('Standard Profiles'!$G$21=$B$24,21,0),MOD($C5963,24)+1)/SUM(INDEX($D$3:$AA$30,INDEX(Jesper!$R$2:$R$366,ROW(INDEX(Jesper!AK$2:AK$366,ROUNDDOWN($C5963/24,0)+1,1))-1)+IF('Standard Profiles'!$G$21=$B$10,7,0)+IF('Standard Profiles'!$G$21=$B$17,14,0)+IF('Standard Profiles'!$G$21=$B$24,21,0),0)),0)</f>
        <v>0</v>
      </c>
      <c r="H5963" cm="1">
        <f t="array" ref="H5963">IFERROR(INDEX(Jesper!AL$2:AL$366,ROUNDDOWN($C5963/24,0)+1,1)*INDEX($D$3:$AA$30,INDEX(Jesper!$R$2:$R$366,ROW(INDEX(Jesper!AL$2:AL$366,ROUNDDOWN($C5963/24,0)+1,1))-1)+IF('Standard Profiles'!$G$22=$B$10,7,0)+IF('Standard Profiles'!$G$22=$B$17,14,0)+IF('Standard Profiles'!$G$22=$B$24,21,0),MOD($C5963,24)+1)/SUM(INDEX($D$3:$AA$30,INDEX(Jesper!$R$2:$R$366,ROW(INDEX(Jesper!AL$2:AL$366,ROUNDDOWN($C5963/24,0)+1,1))-1)+IF('Standard Profiles'!$G$22=$B$10,7,0)+IF('Standard Profiles'!$G$22=$B$17,14,0)+IF('Standard Profiles'!$G$22=$B$24,21,0),0)),0)</f>
        <v>0</v>
      </c>
      <c r="I5963">
        <f t="shared" si="664"/>
        <v>0.21510554636392021</v>
      </c>
      <c r="J5963">
        <f t="shared" si="665"/>
        <v>0.7170184878797341</v>
      </c>
      <c r="K5963">
        <f t="shared" si="666"/>
        <v>1.075527731819601</v>
      </c>
      <c r="L5963">
        <f t="shared" si="667"/>
        <v>5.162533112734085</v>
      </c>
      <c r="M5963">
        <f t="shared" si="668"/>
        <v>0</v>
      </c>
      <c r="N5963" s="46">
        <f t="shared" si="669"/>
        <v>45539.041666652287</v>
      </c>
    </row>
    <row r="5964" spans="2:14" x14ac:dyDescent="0.3">
      <c r="B5964">
        <f t="shared" si="663"/>
        <v>3</v>
      </c>
      <c r="C5964" s="16">
        <v>5930</v>
      </c>
      <c r="D5964" cm="1">
        <f t="array" ref="D5964">IFERROR(INDEX(Jesper!AH$2:AH$366,ROUNDDOWN($C5964/24,0)+1,1)*INDEX($D$3:$AA$30,INDEX(Jesper!$R$2:$R$366,ROW(INDEX(Jesper!AH$2:AH$366,ROUNDDOWN($C5964/24,0)+1,1))-1)+IF('Standard Profiles'!$G$18=$B$10,7,0)+IF('Standard Profiles'!$G$18=$B$17,14,0)+IF('Standard Profiles'!$G$18=$B$24,21,0),MOD($C5964,24)+1)/SUM(INDEX($D$3:$AA$30,INDEX(Jesper!$R$2:$R$366,ROW(INDEX(Jesper!AH$2:AH$366,ROUNDDOWN($C5964/24,0)+1,1))-1)+IF('Standard Profiles'!$G$18=$B$10,7,0)+IF('Standard Profiles'!$G$18=$B$17,14,0)+IF('Standard Profiles'!$G$18=$B$24,21,0),0)),0)</f>
        <v>7.1701848787973406</v>
      </c>
      <c r="E5964" cm="1">
        <f t="array" ref="E5964">IFERROR(INDEX(Jesper!AI$2:AI$366,ROUNDDOWN($C5964/24,0)+1,1)*INDEX($D$3:$AA$30,INDEX(Jesper!$R$2:$R$366,ROW(INDEX(Jesper!AI$2:AI$366,ROUNDDOWN($C5964/24,0)+1,1))-1)+IF('Standard Profiles'!$G$19=$B$10,7,0)+IF('Standard Profiles'!$G$19=$B$17,14,0)+IF('Standard Profiles'!$G$19=$B$24,21,0),MOD($C5964,24)+1)/SUM(INDEX($D$3:$AA$30,INDEX(Jesper!$R$2:$R$366,ROW(INDEX(Jesper!AI$2:AI$366,ROUNDDOWN($C5964/24,0)+1,1))-1)+IF('Standard Profiles'!$G$19=$B$10,7,0)+IF('Standard Profiles'!$G$19=$B$17,14,0)+IF('Standard Profiles'!$G$19=$B$24,21,0),0)),0)</f>
        <v>0</v>
      </c>
      <c r="F5964" cm="1">
        <f t="array" ref="F5964">IFERROR(INDEX(Jesper!AJ$2:AJ$366,ROUNDDOWN($C5964/24,0)+1,1)*INDEX($D$3:$AA$30,INDEX(Jesper!$R$2:$R$366,ROW(INDEX(Jesper!AJ$2:AJ$366,ROUNDDOWN($C5964/24,0)+1,1))-1)+IF('Standard Profiles'!$G$20=$B$10,7,0)+IF('Standard Profiles'!$G$20=$B$17,14,0)+IF('Standard Profiles'!$G$20=$B$24,21,0),MOD($C5964,24)+1)/SUM(INDEX($D$3:$AA$30,INDEX(Jesper!$R$2:$R$366,ROW(INDEX(Jesper!AJ$2:AJ$366,ROUNDDOWN($C5964/24,0)+1,1))-1)+IF('Standard Profiles'!$G$20=$B$10,7,0)+IF('Standard Profiles'!$G$20=$B$17,14,0)+IF('Standard Profiles'!$G$20=$B$24,21,0),0)),0)</f>
        <v>0</v>
      </c>
      <c r="G5964" cm="1">
        <f t="array" ref="G5964">IFERROR(INDEX(Jesper!AK$2:AK$366,ROUNDDOWN($C5964/24,0)+1,1)*INDEX($D$3:$AA$30,INDEX(Jesper!$R$2:$R$366,ROW(INDEX(Jesper!AK$2:AK$366,ROUNDDOWN($C5964/24,0)+1,1))-1)+IF('Standard Profiles'!$G$21=$B$10,7,0)+IF('Standard Profiles'!$G$21=$B$17,14,0)+IF('Standard Profiles'!$G$21=$B$24,21,0),MOD($C5964,24)+1)/SUM(INDEX($D$3:$AA$30,INDEX(Jesper!$R$2:$R$366,ROW(INDEX(Jesper!AK$2:AK$366,ROUNDDOWN($C5964/24,0)+1,1))-1)+IF('Standard Profiles'!$G$21=$B$10,7,0)+IF('Standard Profiles'!$G$21=$B$17,14,0)+IF('Standard Profiles'!$G$21=$B$24,21,0),0)),0)</f>
        <v>0</v>
      </c>
      <c r="H5964" cm="1">
        <f t="array" ref="H5964">IFERROR(INDEX(Jesper!AL$2:AL$366,ROUNDDOWN($C5964/24,0)+1,1)*INDEX($D$3:$AA$30,INDEX(Jesper!$R$2:$R$366,ROW(INDEX(Jesper!AL$2:AL$366,ROUNDDOWN($C5964/24,0)+1,1))-1)+IF('Standard Profiles'!$G$22=$B$10,7,0)+IF('Standard Profiles'!$G$22=$B$17,14,0)+IF('Standard Profiles'!$G$22=$B$24,21,0),MOD($C5964,24)+1)/SUM(INDEX($D$3:$AA$30,INDEX(Jesper!$R$2:$R$366,ROW(INDEX(Jesper!AL$2:AL$366,ROUNDDOWN($C5964/24,0)+1,1))-1)+IF('Standard Profiles'!$G$22=$B$10,7,0)+IF('Standard Profiles'!$G$22=$B$17,14,0)+IF('Standard Profiles'!$G$22=$B$24,21,0),0)),0)</f>
        <v>0</v>
      </c>
      <c r="I5964">
        <f t="shared" si="664"/>
        <v>0.21510554636392021</v>
      </c>
      <c r="J5964">
        <f t="shared" si="665"/>
        <v>0.7170184878797341</v>
      </c>
      <c r="K5964">
        <f t="shared" si="666"/>
        <v>1.075527731819601</v>
      </c>
      <c r="L5964">
        <f t="shared" si="667"/>
        <v>5.162533112734085</v>
      </c>
      <c r="M5964">
        <f t="shared" si="668"/>
        <v>0</v>
      </c>
      <c r="N5964" s="46">
        <f t="shared" si="669"/>
        <v>45539.083333318951</v>
      </c>
    </row>
    <row r="5965" spans="2:14" x14ac:dyDescent="0.3">
      <c r="B5965">
        <f t="shared" si="663"/>
        <v>3</v>
      </c>
      <c r="C5965" s="16">
        <v>5931</v>
      </c>
      <c r="D5965" cm="1">
        <f t="array" ref="D5965">IFERROR(INDEX(Jesper!AH$2:AH$366,ROUNDDOWN($C5965/24,0)+1,1)*INDEX($D$3:$AA$30,INDEX(Jesper!$R$2:$R$366,ROW(INDEX(Jesper!AH$2:AH$366,ROUNDDOWN($C5965/24,0)+1,1))-1)+IF('Standard Profiles'!$G$18=$B$10,7,0)+IF('Standard Profiles'!$G$18=$B$17,14,0)+IF('Standard Profiles'!$G$18=$B$24,21,0),MOD($C5965,24)+1)/SUM(INDEX($D$3:$AA$30,INDEX(Jesper!$R$2:$R$366,ROW(INDEX(Jesper!AH$2:AH$366,ROUNDDOWN($C5965/24,0)+1,1))-1)+IF('Standard Profiles'!$G$18=$B$10,7,0)+IF('Standard Profiles'!$G$18=$B$17,14,0)+IF('Standard Profiles'!$G$18=$B$24,21,0),0)),0)</f>
        <v>7.1701848787973406</v>
      </c>
      <c r="E5965" cm="1">
        <f t="array" ref="E5965">IFERROR(INDEX(Jesper!AI$2:AI$366,ROUNDDOWN($C5965/24,0)+1,1)*INDEX($D$3:$AA$30,INDEX(Jesper!$R$2:$R$366,ROW(INDEX(Jesper!AI$2:AI$366,ROUNDDOWN($C5965/24,0)+1,1))-1)+IF('Standard Profiles'!$G$19=$B$10,7,0)+IF('Standard Profiles'!$G$19=$B$17,14,0)+IF('Standard Profiles'!$G$19=$B$24,21,0),MOD($C5965,24)+1)/SUM(INDEX($D$3:$AA$30,INDEX(Jesper!$R$2:$R$366,ROW(INDEX(Jesper!AI$2:AI$366,ROUNDDOWN($C5965/24,0)+1,1))-1)+IF('Standard Profiles'!$G$19=$B$10,7,0)+IF('Standard Profiles'!$G$19=$B$17,14,0)+IF('Standard Profiles'!$G$19=$B$24,21,0),0)),0)</f>
        <v>0</v>
      </c>
      <c r="F5965" cm="1">
        <f t="array" ref="F5965">IFERROR(INDEX(Jesper!AJ$2:AJ$366,ROUNDDOWN($C5965/24,0)+1,1)*INDEX($D$3:$AA$30,INDEX(Jesper!$R$2:$R$366,ROW(INDEX(Jesper!AJ$2:AJ$366,ROUNDDOWN($C5965/24,0)+1,1))-1)+IF('Standard Profiles'!$G$20=$B$10,7,0)+IF('Standard Profiles'!$G$20=$B$17,14,0)+IF('Standard Profiles'!$G$20=$B$24,21,0),MOD($C5965,24)+1)/SUM(INDEX($D$3:$AA$30,INDEX(Jesper!$R$2:$R$366,ROW(INDEX(Jesper!AJ$2:AJ$366,ROUNDDOWN($C5965/24,0)+1,1))-1)+IF('Standard Profiles'!$G$20=$B$10,7,0)+IF('Standard Profiles'!$G$20=$B$17,14,0)+IF('Standard Profiles'!$G$20=$B$24,21,0),0)),0)</f>
        <v>0</v>
      </c>
      <c r="G5965" cm="1">
        <f t="array" ref="G5965">IFERROR(INDEX(Jesper!AK$2:AK$366,ROUNDDOWN($C5965/24,0)+1,1)*INDEX($D$3:$AA$30,INDEX(Jesper!$R$2:$R$366,ROW(INDEX(Jesper!AK$2:AK$366,ROUNDDOWN($C5965/24,0)+1,1))-1)+IF('Standard Profiles'!$G$21=$B$10,7,0)+IF('Standard Profiles'!$G$21=$B$17,14,0)+IF('Standard Profiles'!$G$21=$B$24,21,0),MOD($C5965,24)+1)/SUM(INDEX($D$3:$AA$30,INDEX(Jesper!$R$2:$R$366,ROW(INDEX(Jesper!AK$2:AK$366,ROUNDDOWN($C5965/24,0)+1,1))-1)+IF('Standard Profiles'!$G$21=$B$10,7,0)+IF('Standard Profiles'!$G$21=$B$17,14,0)+IF('Standard Profiles'!$G$21=$B$24,21,0),0)),0)</f>
        <v>0</v>
      </c>
      <c r="H5965" cm="1">
        <f t="array" ref="H5965">IFERROR(INDEX(Jesper!AL$2:AL$366,ROUNDDOWN($C5965/24,0)+1,1)*INDEX($D$3:$AA$30,INDEX(Jesper!$R$2:$R$366,ROW(INDEX(Jesper!AL$2:AL$366,ROUNDDOWN($C5965/24,0)+1,1))-1)+IF('Standard Profiles'!$G$22=$B$10,7,0)+IF('Standard Profiles'!$G$22=$B$17,14,0)+IF('Standard Profiles'!$G$22=$B$24,21,0),MOD($C5965,24)+1)/SUM(INDEX($D$3:$AA$30,INDEX(Jesper!$R$2:$R$366,ROW(INDEX(Jesper!AL$2:AL$366,ROUNDDOWN($C5965/24,0)+1,1))-1)+IF('Standard Profiles'!$G$22=$B$10,7,0)+IF('Standard Profiles'!$G$22=$B$17,14,0)+IF('Standard Profiles'!$G$22=$B$24,21,0),0)),0)</f>
        <v>0</v>
      </c>
      <c r="I5965">
        <f t="shared" si="664"/>
        <v>0.21510554636392021</v>
      </c>
      <c r="J5965">
        <f t="shared" si="665"/>
        <v>0.7170184878797341</v>
      </c>
      <c r="K5965">
        <f t="shared" si="666"/>
        <v>1.075527731819601</v>
      </c>
      <c r="L5965">
        <f t="shared" si="667"/>
        <v>5.162533112734085</v>
      </c>
      <c r="M5965">
        <f t="shared" si="668"/>
        <v>0</v>
      </c>
      <c r="N5965" s="46">
        <f t="shared" si="669"/>
        <v>45539.124999985615</v>
      </c>
    </row>
    <row r="5966" spans="2:14" x14ac:dyDescent="0.3">
      <c r="B5966">
        <f t="shared" si="663"/>
        <v>3</v>
      </c>
      <c r="C5966" s="16">
        <v>5932</v>
      </c>
      <c r="D5966" cm="1">
        <f t="array" ref="D5966">IFERROR(INDEX(Jesper!AH$2:AH$366,ROUNDDOWN($C5966/24,0)+1,1)*INDEX($D$3:$AA$30,INDEX(Jesper!$R$2:$R$366,ROW(INDEX(Jesper!AH$2:AH$366,ROUNDDOWN($C5966/24,0)+1,1))-1)+IF('Standard Profiles'!$G$18=$B$10,7,0)+IF('Standard Profiles'!$G$18=$B$17,14,0)+IF('Standard Profiles'!$G$18=$B$24,21,0),MOD($C5966,24)+1)/SUM(INDEX($D$3:$AA$30,INDEX(Jesper!$R$2:$R$366,ROW(INDEX(Jesper!AH$2:AH$366,ROUNDDOWN($C5966/24,0)+1,1))-1)+IF('Standard Profiles'!$G$18=$B$10,7,0)+IF('Standard Profiles'!$G$18=$B$17,14,0)+IF('Standard Profiles'!$G$18=$B$24,21,0),0)),0)</f>
        <v>7.1701848787973406</v>
      </c>
      <c r="E5966" cm="1">
        <f t="array" ref="E5966">IFERROR(INDEX(Jesper!AI$2:AI$366,ROUNDDOWN($C5966/24,0)+1,1)*INDEX($D$3:$AA$30,INDEX(Jesper!$R$2:$R$366,ROW(INDEX(Jesper!AI$2:AI$366,ROUNDDOWN($C5966/24,0)+1,1))-1)+IF('Standard Profiles'!$G$19=$B$10,7,0)+IF('Standard Profiles'!$G$19=$B$17,14,0)+IF('Standard Profiles'!$G$19=$B$24,21,0),MOD($C5966,24)+1)/SUM(INDEX($D$3:$AA$30,INDEX(Jesper!$R$2:$R$366,ROW(INDEX(Jesper!AI$2:AI$366,ROUNDDOWN($C5966/24,0)+1,1))-1)+IF('Standard Profiles'!$G$19=$B$10,7,0)+IF('Standard Profiles'!$G$19=$B$17,14,0)+IF('Standard Profiles'!$G$19=$B$24,21,0),0)),0)</f>
        <v>0</v>
      </c>
      <c r="F5966" cm="1">
        <f t="array" ref="F5966">IFERROR(INDEX(Jesper!AJ$2:AJ$366,ROUNDDOWN($C5966/24,0)+1,1)*INDEX($D$3:$AA$30,INDEX(Jesper!$R$2:$R$366,ROW(INDEX(Jesper!AJ$2:AJ$366,ROUNDDOWN($C5966/24,0)+1,1))-1)+IF('Standard Profiles'!$G$20=$B$10,7,0)+IF('Standard Profiles'!$G$20=$B$17,14,0)+IF('Standard Profiles'!$G$20=$B$24,21,0),MOD($C5966,24)+1)/SUM(INDEX($D$3:$AA$30,INDEX(Jesper!$R$2:$R$366,ROW(INDEX(Jesper!AJ$2:AJ$366,ROUNDDOWN($C5966/24,0)+1,1))-1)+IF('Standard Profiles'!$G$20=$B$10,7,0)+IF('Standard Profiles'!$G$20=$B$17,14,0)+IF('Standard Profiles'!$G$20=$B$24,21,0),0)),0)</f>
        <v>0</v>
      </c>
      <c r="G5966" cm="1">
        <f t="array" ref="G5966">IFERROR(INDEX(Jesper!AK$2:AK$366,ROUNDDOWN($C5966/24,0)+1,1)*INDEX($D$3:$AA$30,INDEX(Jesper!$R$2:$R$366,ROW(INDEX(Jesper!AK$2:AK$366,ROUNDDOWN($C5966/24,0)+1,1))-1)+IF('Standard Profiles'!$G$21=$B$10,7,0)+IF('Standard Profiles'!$G$21=$B$17,14,0)+IF('Standard Profiles'!$G$21=$B$24,21,0),MOD($C5966,24)+1)/SUM(INDEX($D$3:$AA$30,INDEX(Jesper!$R$2:$R$366,ROW(INDEX(Jesper!AK$2:AK$366,ROUNDDOWN($C5966/24,0)+1,1))-1)+IF('Standard Profiles'!$G$21=$B$10,7,0)+IF('Standard Profiles'!$G$21=$B$17,14,0)+IF('Standard Profiles'!$G$21=$B$24,21,0),0)),0)</f>
        <v>0</v>
      </c>
      <c r="H5966" cm="1">
        <f t="array" ref="H5966">IFERROR(INDEX(Jesper!AL$2:AL$366,ROUNDDOWN($C5966/24,0)+1,1)*INDEX($D$3:$AA$30,INDEX(Jesper!$R$2:$R$366,ROW(INDEX(Jesper!AL$2:AL$366,ROUNDDOWN($C5966/24,0)+1,1))-1)+IF('Standard Profiles'!$G$22=$B$10,7,0)+IF('Standard Profiles'!$G$22=$B$17,14,0)+IF('Standard Profiles'!$G$22=$B$24,21,0),MOD($C5966,24)+1)/SUM(INDEX($D$3:$AA$30,INDEX(Jesper!$R$2:$R$366,ROW(INDEX(Jesper!AL$2:AL$366,ROUNDDOWN($C5966/24,0)+1,1))-1)+IF('Standard Profiles'!$G$22=$B$10,7,0)+IF('Standard Profiles'!$G$22=$B$17,14,0)+IF('Standard Profiles'!$G$22=$B$24,21,0),0)),0)</f>
        <v>0</v>
      </c>
      <c r="I5966">
        <f t="shared" si="664"/>
        <v>0.21510554636392021</v>
      </c>
      <c r="J5966">
        <f t="shared" si="665"/>
        <v>0.7170184878797341</v>
      </c>
      <c r="K5966">
        <f t="shared" si="666"/>
        <v>1.075527731819601</v>
      </c>
      <c r="L5966">
        <f t="shared" si="667"/>
        <v>5.162533112734085</v>
      </c>
      <c r="M5966">
        <f t="shared" si="668"/>
        <v>0</v>
      </c>
      <c r="N5966" s="46">
        <f t="shared" si="669"/>
        <v>45539.16666665228</v>
      </c>
    </row>
    <row r="5967" spans="2:14" x14ac:dyDescent="0.3">
      <c r="B5967">
        <f t="shared" si="663"/>
        <v>3</v>
      </c>
      <c r="C5967" s="16">
        <v>5933</v>
      </c>
      <c r="D5967" cm="1">
        <f t="array" ref="D5967">IFERROR(INDEX(Jesper!AH$2:AH$366,ROUNDDOWN($C5967/24,0)+1,1)*INDEX($D$3:$AA$30,INDEX(Jesper!$R$2:$R$366,ROW(INDEX(Jesper!AH$2:AH$366,ROUNDDOWN($C5967/24,0)+1,1))-1)+IF('Standard Profiles'!$G$18=$B$10,7,0)+IF('Standard Profiles'!$G$18=$B$17,14,0)+IF('Standard Profiles'!$G$18=$B$24,21,0),MOD($C5967,24)+1)/SUM(INDEX($D$3:$AA$30,INDEX(Jesper!$R$2:$R$366,ROW(INDEX(Jesper!AH$2:AH$366,ROUNDDOWN($C5967/24,0)+1,1))-1)+IF('Standard Profiles'!$G$18=$B$10,7,0)+IF('Standard Profiles'!$G$18=$B$17,14,0)+IF('Standard Profiles'!$G$18=$B$24,21,0),0)),0)</f>
        <v>9.2415716215610164</v>
      </c>
      <c r="E5967" cm="1">
        <f t="array" ref="E5967">IFERROR(INDEX(Jesper!AI$2:AI$366,ROUNDDOWN($C5967/24,0)+1,1)*INDEX($D$3:$AA$30,INDEX(Jesper!$R$2:$R$366,ROW(INDEX(Jesper!AI$2:AI$366,ROUNDDOWN($C5967/24,0)+1,1))-1)+IF('Standard Profiles'!$G$19=$B$10,7,0)+IF('Standard Profiles'!$G$19=$B$17,14,0)+IF('Standard Profiles'!$G$19=$B$24,21,0),MOD($C5967,24)+1)/SUM(INDEX($D$3:$AA$30,INDEX(Jesper!$R$2:$R$366,ROW(INDEX(Jesper!AI$2:AI$366,ROUNDDOWN($C5967/24,0)+1,1))-1)+IF('Standard Profiles'!$G$19=$B$10,7,0)+IF('Standard Profiles'!$G$19=$B$17,14,0)+IF('Standard Profiles'!$G$19=$B$24,21,0),0)),0)</f>
        <v>0</v>
      </c>
      <c r="F5967" cm="1">
        <f t="array" ref="F5967">IFERROR(INDEX(Jesper!AJ$2:AJ$366,ROUNDDOWN($C5967/24,0)+1,1)*INDEX($D$3:$AA$30,INDEX(Jesper!$R$2:$R$366,ROW(INDEX(Jesper!AJ$2:AJ$366,ROUNDDOWN($C5967/24,0)+1,1))-1)+IF('Standard Profiles'!$G$20=$B$10,7,0)+IF('Standard Profiles'!$G$20=$B$17,14,0)+IF('Standard Profiles'!$G$20=$B$24,21,0),MOD($C5967,24)+1)/SUM(INDEX($D$3:$AA$30,INDEX(Jesper!$R$2:$R$366,ROW(INDEX(Jesper!AJ$2:AJ$366,ROUNDDOWN($C5967/24,0)+1,1))-1)+IF('Standard Profiles'!$G$20=$B$10,7,0)+IF('Standard Profiles'!$G$20=$B$17,14,0)+IF('Standard Profiles'!$G$20=$B$24,21,0),0)),0)</f>
        <v>0</v>
      </c>
      <c r="G5967" cm="1">
        <f t="array" ref="G5967">IFERROR(INDEX(Jesper!AK$2:AK$366,ROUNDDOWN($C5967/24,0)+1,1)*INDEX($D$3:$AA$30,INDEX(Jesper!$R$2:$R$366,ROW(INDEX(Jesper!AK$2:AK$366,ROUNDDOWN($C5967/24,0)+1,1))-1)+IF('Standard Profiles'!$G$21=$B$10,7,0)+IF('Standard Profiles'!$G$21=$B$17,14,0)+IF('Standard Profiles'!$G$21=$B$24,21,0),MOD($C5967,24)+1)/SUM(INDEX($D$3:$AA$30,INDEX(Jesper!$R$2:$R$366,ROW(INDEX(Jesper!AK$2:AK$366,ROUNDDOWN($C5967/24,0)+1,1))-1)+IF('Standard Profiles'!$G$21=$B$10,7,0)+IF('Standard Profiles'!$G$21=$B$17,14,0)+IF('Standard Profiles'!$G$21=$B$24,21,0),0)),0)</f>
        <v>0</v>
      </c>
      <c r="H5967" cm="1">
        <f t="array" ref="H5967">IFERROR(INDEX(Jesper!AL$2:AL$366,ROUNDDOWN($C5967/24,0)+1,1)*INDEX($D$3:$AA$30,INDEX(Jesper!$R$2:$R$366,ROW(INDEX(Jesper!AL$2:AL$366,ROUNDDOWN($C5967/24,0)+1,1))-1)+IF('Standard Profiles'!$G$22=$B$10,7,0)+IF('Standard Profiles'!$G$22=$B$17,14,0)+IF('Standard Profiles'!$G$22=$B$24,21,0),MOD($C5967,24)+1)/SUM(INDEX($D$3:$AA$30,INDEX(Jesper!$R$2:$R$366,ROW(INDEX(Jesper!AL$2:AL$366,ROUNDDOWN($C5967/24,0)+1,1))-1)+IF('Standard Profiles'!$G$22=$B$10,7,0)+IF('Standard Profiles'!$G$22=$B$17,14,0)+IF('Standard Profiles'!$G$22=$B$24,21,0),0)),0)</f>
        <v>0</v>
      </c>
      <c r="I5967">
        <f t="shared" si="664"/>
        <v>0.27724714864683048</v>
      </c>
      <c r="J5967">
        <f t="shared" si="665"/>
        <v>0.92415716215610166</v>
      </c>
      <c r="K5967">
        <f t="shared" si="666"/>
        <v>1.3862357432341523</v>
      </c>
      <c r="L5967">
        <f t="shared" si="667"/>
        <v>6.6539315675239319</v>
      </c>
      <c r="M5967">
        <f t="shared" si="668"/>
        <v>0</v>
      </c>
      <c r="N5967" s="46">
        <f t="shared" si="669"/>
        <v>45539.208333318944</v>
      </c>
    </row>
    <row r="5968" spans="2:14" x14ac:dyDescent="0.3">
      <c r="B5968">
        <f t="shared" si="663"/>
        <v>3</v>
      </c>
      <c r="C5968" s="16">
        <v>5934</v>
      </c>
      <c r="D5968" cm="1">
        <f t="array" ref="D5968">IFERROR(INDEX(Jesper!AH$2:AH$366,ROUNDDOWN($C5968/24,0)+1,1)*INDEX($D$3:$AA$30,INDEX(Jesper!$R$2:$R$366,ROW(INDEX(Jesper!AH$2:AH$366,ROUNDDOWN($C5968/24,0)+1,1))-1)+IF('Standard Profiles'!$G$18=$B$10,7,0)+IF('Standard Profiles'!$G$18=$B$17,14,0)+IF('Standard Profiles'!$G$18=$B$24,21,0),MOD($C5968,24)+1)/SUM(INDEX($D$3:$AA$30,INDEX(Jesper!$R$2:$R$366,ROW(INDEX(Jesper!AH$2:AH$366,ROUNDDOWN($C5968/24,0)+1,1))-1)+IF('Standard Profiles'!$G$18=$B$10,7,0)+IF('Standard Profiles'!$G$18=$B$17,14,0)+IF('Standard Profiles'!$G$18=$B$24,21,0),0)),0)</f>
        <v>10.675608597320485</v>
      </c>
      <c r="E5968" cm="1">
        <f t="array" ref="E5968">IFERROR(INDEX(Jesper!AI$2:AI$366,ROUNDDOWN($C5968/24,0)+1,1)*INDEX($D$3:$AA$30,INDEX(Jesper!$R$2:$R$366,ROW(INDEX(Jesper!AI$2:AI$366,ROUNDDOWN($C5968/24,0)+1,1))-1)+IF('Standard Profiles'!$G$19=$B$10,7,0)+IF('Standard Profiles'!$G$19=$B$17,14,0)+IF('Standard Profiles'!$G$19=$B$24,21,0),MOD($C5968,24)+1)/SUM(INDEX($D$3:$AA$30,INDEX(Jesper!$R$2:$R$366,ROW(INDEX(Jesper!AI$2:AI$366,ROUNDDOWN($C5968/24,0)+1,1))-1)+IF('Standard Profiles'!$G$19=$B$10,7,0)+IF('Standard Profiles'!$G$19=$B$17,14,0)+IF('Standard Profiles'!$G$19=$B$24,21,0),0)),0)</f>
        <v>0</v>
      </c>
      <c r="F5968" cm="1">
        <f t="array" ref="F5968">IFERROR(INDEX(Jesper!AJ$2:AJ$366,ROUNDDOWN($C5968/24,0)+1,1)*INDEX($D$3:$AA$30,INDEX(Jesper!$R$2:$R$366,ROW(INDEX(Jesper!AJ$2:AJ$366,ROUNDDOWN($C5968/24,0)+1,1))-1)+IF('Standard Profiles'!$G$20=$B$10,7,0)+IF('Standard Profiles'!$G$20=$B$17,14,0)+IF('Standard Profiles'!$G$20=$B$24,21,0),MOD($C5968,24)+1)/SUM(INDEX($D$3:$AA$30,INDEX(Jesper!$R$2:$R$366,ROW(INDEX(Jesper!AJ$2:AJ$366,ROUNDDOWN($C5968/24,0)+1,1))-1)+IF('Standard Profiles'!$G$20=$B$10,7,0)+IF('Standard Profiles'!$G$20=$B$17,14,0)+IF('Standard Profiles'!$G$20=$B$24,21,0),0)),0)</f>
        <v>0</v>
      </c>
      <c r="G5968" cm="1">
        <f t="array" ref="G5968">IFERROR(INDEX(Jesper!AK$2:AK$366,ROUNDDOWN($C5968/24,0)+1,1)*INDEX($D$3:$AA$30,INDEX(Jesper!$R$2:$R$366,ROW(INDEX(Jesper!AK$2:AK$366,ROUNDDOWN($C5968/24,0)+1,1))-1)+IF('Standard Profiles'!$G$21=$B$10,7,0)+IF('Standard Profiles'!$G$21=$B$17,14,0)+IF('Standard Profiles'!$G$21=$B$24,21,0),MOD($C5968,24)+1)/SUM(INDEX($D$3:$AA$30,INDEX(Jesper!$R$2:$R$366,ROW(INDEX(Jesper!AK$2:AK$366,ROUNDDOWN($C5968/24,0)+1,1))-1)+IF('Standard Profiles'!$G$21=$B$10,7,0)+IF('Standard Profiles'!$G$21=$B$17,14,0)+IF('Standard Profiles'!$G$21=$B$24,21,0),0)),0)</f>
        <v>0</v>
      </c>
      <c r="H5968" cm="1">
        <f t="array" ref="H5968">IFERROR(INDEX(Jesper!AL$2:AL$366,ROUNDDOWN($C5968/24,0)+1,1)*INDEX($D$3:$AA$30,INDEX(Jesper!$R$2:$R$366,ROW(INDEX(Jesper!AL$2:AL$366,ROUNDDOWN($C5968/24,0)+1,1))-1)+IF('Standard Profiles'!$G$22=$B$10,7,0)+IF('Standard Profiles'!$G$22=$B$17,14,0)+IF('Standard Profiles'!$G$22=$B$24,21,0),MOD($C5968,24)+1)/SUM(INDEX($D$3:$AA$30,INDEX(Jesper!$R$2:$R$366,ROW(INDEX(Jesper!AL$2:AL$366,ROUNDDOWN($C5968/24,0)+1,1))-1)+IF('Standard Profiles'!$G$22=$B$10,7,0)+IF('Standard Profiles'!$G$22=$B$17,14,0)+IF('Standard Profiles'!$G$22=$B$24,21,0),0)),0)</f>
        <v>0</v>
      </c>
      <c r="I5968">
        <f t="shared" si="664"/>
        <v>0.32026825791961455</v>
      </c>
      <c r="J5968">
        <f t="shared" si="665"/>
        <v>1.0675608597320485</v>
      </c>
      <c r="K5968">
        <f t="shared" si="666"/>
        <v>1.6013412895980728</v>
      </c>
      <c r="L5968">
        <f t="shared" si="667"/>
        <v>7.6864381900707492</v>
      </c>
      <c r="M5968">
        <f t="shared" si="668"/>
        <v>0</v>
      </c>
      <c r="N5968" s="46">
        <f t="shared" si="669"/>
        <v>45539.249999985608</v>
      </c>
    </row>
    <row r="5969" spans="2:14" x14ac:dyDescent="0.3">
      <c r="B5969">
        <f t="shared" si="663"/>
        <v>3</v>
      </c>
      <c r="C5969" s="16">
        <v>5935</v>
      </c>
      <c r="D5969" cm="1">
        <f t="array" ref="D5969">IFERROR(INDEX(Jesper!AH$2:AH$366,ROUNDDOWN($C5969/24,0)+1,1)*INDEX($D$3:$AA$30,INDEX(Jesper!$R$2:$R$366,ROW(INDEX(Jesper!AH$2:AH$366,ROUNDDOWN($C5969/24,0)+1,1))-1)+IF('Standard Profiles'!$G$18=$B$10,7,0)+IF('Standard Profiles'!$G$18=$B$17,14,0)+IF('Standard Profiles'!$G$18=$B$24,21,0),MOD($C5969,24)+1)/SUM(INDEX($D$3:$AA$30,INDEX(Jesper!$R$2:$R$366,ROW(INDEX(Jesper!AH$2:AH$366,ROUNDDOWN($C5969/24,0)+1,1))-1)+IF('Standard Profiles'!$G$18=$B$10,7,0)+IF('Standard Profiles'!$G$18=$B$17,14,0)+IF('Standard Profiles'!$G$18=$B$24,21,0),0)),0)</f>
        <v>10.675608597320485</v>
      </c>
      <c r="E5969" cm="1">
        <f t="array" ref="E5969">IFERROR(INDEX(Jesper!AI$2:AI$366,ROUNDDOWN($C5969/24,0)+1,1)*INDEX($D$3:$AA$30,INDEX(Jesper!$R$2:$R$366,ROW(INDEX(Jesper!AI$2:AI$366,ROUNDDOWN($C5969/24,0)+1,1))-1)+IF('Standard Profiles'!$G$19=$B$10,7,0)+IF('Standard Profiles'!$G$19=$B$17,14,0)+IF('Standard Profiles'!$G$19=$B$24,21,0),MOD($C5969,24)+1)/SUM(INDEX($D$3:$AA$30,INDEX(Jesper!$R$2:$R$366,ROW(INDEX(Jesper!AI$2:AI$366,ROUNDDOWN($C5969/24,0)+1,1))-1)+IF('Standard Profiles'!$G$19=$B$10,7,0)+IF('Standard Profiles'!$G$19=$B$17,14,0)+IF('Standard Profiles'!$G$19=$B$24,21,0),0)),0)</f>
        <v>0</v>
      </c>
      <c r="F5969" cm="1">
        <f t="array" ref="F5969">IFERROR(INDEX(Jesper!AJ$2:AJ$366,ROUNDDOWN($C5969/24,0)+1,1)*INDEX($D$3:$AA$30,INDEX(Jesper!$R$2:$R$366,ROW(INDEX(Jesper!AJ$2:AJ$366,ROUNDDOWN($C5969/24,0)+1,1))-1)+IF('Standard Profiles'!$G$20=$B$10,7,0)+IF('Standard Profiles'!$G$20=$B$17,14,0)+IF('Standard Profiles'!$G$20=$B$24,21,0),MOD($C5969,24)+1)/SUM(INDEX($D$3:$AA$30,INDEX(Jesper!$R$2:$R$366,ROW(INDEX(Jesper!AJ$2:AJ$366,ROUNDDOWN($C5969/24,0)+1,1))-1)+IF('Standard Profiles'!$G$20=$B$10,7,0)+IF('Standard Profiles'!$G$20=$B$17,14,0)+IF('Standard Profiles'!$G$20=$B$24,21,0),0)),0)</f>
        <v>0</v>
      </c>
      <c r="G5969" cm="1">
        <f t="array" ref="G5969">IFERROR(INDEX(Jesper!AK$2:AK$366,ROUNDDOWN($C5969/24,0)+1,1)*INDEX($D$3:$AA$30,INDEX(Jesper!$R$2:$R$366,ROW(INDEX(Jesper!AK$2:AK$366,ROUNDDOWN($C5969/24,0)+1,1))-1)+IF('Standard Profiles'!$G$21=$B$10,7,0)+IF('Standard Profiles'!$G$21=$B$17,14,0)+IF('Standard Profiles'!$G$21=$B$24,21,0),MOD($C5969,24)+1)/SUM(INDEX($D$3:$AA$30,INDEX(Jesper!$R$2:$R$366,ROW(INDEX(Jesper!AK$2:AK$366,ROUNDDOWN($C5969/24,0)+1,1))-1)+IF('Standard Profiles'!$G$21=$B$10,7,0)+IF('Standard Profiles'!$G$21=$B$17,14,0)+IF('Standard Profiles'!$G$21=$B$24,21,0),0)),0)</f>
        <v>0</v>
      </c>
      <c r="H5969" cm="1">
        <f t="array" ref="H5969">IFERROR(INDEX(Jesper!AL$2:AL$366,ROUNDDOWN($C5969/24,0)+1,1)*INDEX($D$3:$AA$30,INDEX(Jesper!$R$2:$R$366,ROW(INDEX(Jesper!AL$2:AL$366,ROUNDDOWN($C5969/24,0)+1,1))-1)+IF('Standard Profiles'!$G$22=$B$10,7,0)+IF('Standard Profiles'!$G$22=$B$17,14,0)+IF('Standard Profiles'!$G$22=$B$24,21,0),MOD($C5969,24)+1)/SUM(INDEX($D$3:$AA$30,INDEX(Jesper!$R$2:$R$366,ROW(INDEX(Jesper!AL$2:AL$366,ROUNDDOWN($C5969/24,0)+1,1))-1)+IF('Standard Profiles'!$G$22=$B$10,7,0)+IF('Standard Profiles'!$G$22=$B$17,14,0)+IF('Standard Profiles'!$G$22=$B$24,21,0),0)),0)</f>
        <v>0</v>
      </c>
      <c r="I5969">
        <f t="shared" si="664"/>
        <v>0.32026825791961455</v>
      </c>
      <c r="J5969">
        <f t="shared" si="665"/>
        <v>1.0675608597320485</v>
      </c>
      <c r="K5969">
        <f t="shared" si="666"/>
        <v>1.6013412895980728</v>
      </c>
      <c r="L5969">
        <f t="shared" si="667"/>
        <v>7.6864381900707492</v>
      </c>
      <c r="M5969">
        <f t="shared" si="668"/>
        <v>0</v>
      </c>
      <c r="N5969" s="46">
        <f t="shared" si="669"/>
        <v>45539.291666652272</v>
      </c>
    </row>
    <row r="5970" spans="2:14" x14ac:dyDescent="0.3">
      <c r="B5970">
        <f t="shared" si="663"/>
        <v>3</v>
      </c>
      <c r="C5970" s="16">
        <v>5936</v>
      </c>
      <c r="D5970" cm="1">
        <f t="array" ref="D5970">IFERROR(INDEX(Jesper!AH$2:AH$366,ROUNDDOWN($C5970/24,0)+1,1)*INDEX($D$3:$AA$30,INDEX(Jesper!$R$2:$R$366,ROW(INDEX(Jesper!AH$2:AH$366,ROUNDDOWN($C5970/24,0)+1,1))-1)+IF('Standard Profiles'!$G$18=$B$10,7,0)+IF('Standard Profiles'!$G$18=$B$17,14,0)+IF('Standard Profiles'!$G$18=$B$24,21,0),MOD($C5970,24)+1)/SUM(INDEX($D$3:$AA$30,INDEX(Jesper!$R$2:$R$366,ROW(INDEX(Jesper!AH$2:AH$366,ROUNDDOWN($C5970/24,0)+1,1))-1)+IF('Standard Profiles'!$G$18=$B$10,7,0)+IF('Standard Profiles'!$G$18=$B$17,14,0)+IF('Standard Profiles'!$G$18=$B$24,21,0),0)),0)</f>
        <v>10.675608597320485</v>
      </c>
      <c r="E5970" cm="1">
        <f t="array" ref="E5970">IFERROR(INDEX(Jesper!AI$2:AI$366,ROUNDDOWN($C5970/24,0)+1,1)*INDEX($D$3:$AA$30,INDEX(Jesper!$R$2:$R$366,ROW(INDEX(Jesper!AI$2:AI$366,ROUNDDOWN($C5970/24,0)+1,1))-1)+IF('Standard Profiles'!$G$19=$B$10,7,0)+IF('Standard Profiles'!$G$19=$B$17,14,0)+IF('Standard Profiles'!$G$19=$B$24,21,0),MOD($C5970,24)+1)/SUM(INDEX($D$3:$AA$30,INDEX(Jesper!$R$2:$R$366,ROW(INDEX(Jesper!AI$2:AI$366,ROUNDDOWN($C5970/24,0)+1,1))-1)+IF('Standard Profiles'!$G$19=$B$10,7,0)+IF('Standard Profiles'!$G$19=$B$17,14,0)+IF('Standard Profiles'!$G$19=$B$24,21,0),0)),0)</f>
        <v>0</v>
      </c>
      <c r="F5970" cm="1">
        <f t="array" ref="F5970">IFERROR(INDEX(Jesper!AJ$2:AJ$366,ROUNDDOWN($C5970/24,0)+1,1)*INDEX($D$3:$AA$30,INDEX(Jesper!$R$2:$R$366,ROW(INDEX(Jesper!AJ$2:AJ$366,ROUNDDOWN($C5970/24,0)+1,1))-1)+IF('Standard Profiles'!$G$20=$B$10,7,0)+IF('Standard Profiles'!$G$20=$B$17,14,0)+IF('Standard Profiles'!$G$20=$B$24,21,0),MOD($C5970,24)+1)/SUM(INDEX($D$3:$AA$30,INDEX(Jesper!$R$2:$R$366,ROW(INDEX(Jesper!AJ$2:AJ$366,ROUNDDOWN($C5970/24,0)+1,1))-1)+IF('Standard Profiles'!$G$20=$B$10,7,0)+IF('Standard Profiles'!$G$20=$B$17,14,0)+IF('Standard Profiles'!$G$20=$B$24,21,0),0)),0)</f>
        <v>0</v>
      </c>
      <c r="G5970" cm="1">
        <f t="array" ref="G5970">IFERROR(INDEX(Jesper!AK$2:AK$366,ROUNDDOWN($C5970/24,0)+1,1)*INDEX($D$3:$AA$30,INDEX(Jesper!$R$2:$R$366,ROW(INDEX(Jesper!AK$2:AK$366,ROUNDDOWN($C5970/24,0)+1,1))-1)+IF('Standard Profiles'!$G$21=$B$10,7,0)+IF('Standard Profiles'!$G$21=$B$17,14,0)+IF('Standard Profiles'!$G$21=$B$24,21,0),MOD($C5970,24)+1)/SUM(INDEX($D$3:$AA$30,INDEX(Jesper!$R$2:$R$366,ROW(INDEX(Jesper!AK$2:AK$366,ROUNDDOWN($C5970/24,0)+1,1))-1)+IF('Standard Profiles'!$G$21=$B$10,7,0)+IF('Standard Profiles'!$G$21=$B$17,14,0)+IF('Standard Profiles'!$G$21=$B$24,21,0),0)),0)</f>
        <v>0</v>
      </c>
      <c r="H5970" cm="1">
        <f t="array" ref="H5970">IFERROR(INDEX(Jesper!AL$2:AL$366,ROUNDDOWN($C5970/24,0)+1,1)*INDEX($D$3:$AA$30,INDEX(Jesper!$R$2:$R$366,ROW(INDEX(Jesper!AL$2:AL$366,ROUNDDOWN($C5970/24,0)+1,1))-1)+IF('Standard Profiles'!$G$22=$B$10,7,0)+IF('Standard Profiles'!$G$22=$B$17,14,0)+IF('Standard Profiles'!$G$22=$B$24,21,0),MOD($C5970,24)+1)/SUM(INDEX($D$3:$AA$30,INDEX(Jesper!$R$2:$R$366,ROW(INDEX(Jesper!AL$2:AL$366,ROUNDDOWN($C5970/24,0)+1,1))-1)+IF('Standard Profiles'!$G$22=$B$10,7,0)+IF('Standard Profiles'!$G$22=$B$17,14,0)+IF('Standard Profiles'!$G$22=$B$24,21,0),0)),0)</f>
        <v>0</v>
      </c>
      <c r="I5970">
        <f t="shared" si="664"/>
        <v>0.32026825791961455</v>
      </c>
      <c r="J5970">
        <f t="shared" si="665"/>
        <v>1.0675608597320485</v>
      </c>
      <c r="K5970">
        <f t="shared" si="666"/>
        <v>1.6013412895980728</v>
      </c>
      <c r="L5970">
        <f t="shared" si="667"/>
        <v>7.6864381900707492</v>
      </c>
      <c r="M5970">
        <f t="shared" si="668"/>
        <v>0</v>
      </c>
      <c r="N5970" s="46">
        <f t="shared" si="669"/>
        <v>45539.333333318937</v>
      </c>
    </row>
    <row r="5971" spans="2:14" x14ac:dyDescent="0.3">
      <c r="B5971">
        <f t="shared" si="663"/>
        <v>3</v>
      </c>
      <c r="C5971" s="16">
        <v>5937</v>
      </c>
      <c r="D5971" cm="1">
        <f t="array" ref="D5971">IFERROR(INDEX(Jesper!AH$2:AH$366,ROUNDDOWN($C5971/24,0)+1,1)*INDEX($D$3:$AA$30,INDEX(Jesper!$R$2:$R$366,ROW(INDEX(Jesper!AH$2:AH$366,ROUNDDOWN($C5971/24,0)+1,1))-1)+IF('Standard Profiles'!$G$18=$B$10,7,0)+IF('Standard Profiles'!$G$18=$B$17,14,0)+IF('Standard Profiles'!$G$18=$B$24,21,0),MOD($C5971,24)+1)/SUM(INDEX($D$3:$AA$30,INDEX(Jesper!$R$2:$R$366,ROW(INDEX(Jesper!AH$2:AH$366,ROUNDDOWN($C5971/24,0)+1,1))-1)+IF('Standard Profiles'!$G$18=$B$10,7,0)+IF('Standard Profiles'!$G$18=$B$17,14,0)+IF('Standard Profiles'!$G$18=$B$24,21,0),0)),0)</f>
        <v>11.472295806075744</v>
      </c>
      <c r="E5971" cm="1">
        <f t="array" ref="E5971">IFERROR(INDEX(Jesper!AI$2:AI$366,ROUNDDOWN($C5971/24,0)+1,1)*INDEX($D$3:$AA$30,INDEX(Jesper!$R$2:$R$366,ROW(INDEX(Jesper!AI$2:AI$366,ROUNDDOWN($C5971/24,0)+1,1))-1)+IF('Standard Profiles'!$G$19=$B$10,7,0)+IF('Standard Profiles'!$G$19=$B$17,14,0)+IF('Standard Profiles'!$G$19=$B$24,21,0),MOD($C5971,24)+1)/SUM(INDEX($D$3:$AA$30,INDEX(Jesper!$R$2:$R$366,ROW(INDEX(Jesper!AI$2:AI$366,ROUNDDOWN($C5971/24,0)+1,1))-1)+IF('Standard Profiles'!$G$19=$B$10,7,0)+IF('Standard Profiles'!$G$19=$B$17,14,0)+IF('Standard Profiles'!$G$19=$B$24,21,0),0)),0)</f>
        <v>0</v>
      </c>
      <c r="F5971" cm="1">
        <f t="array" ref="F5971">IFERROR(INDEX(Jesper!AJ$2:AJ$366,ROUNDDOWN($C5971/24,0)+1,1)*INDEX($D$3:$AA$30,INDEX(Jesper!$R$2:$R$366,ROW(INDEX(Jesper!AJ$2:AJ$366,ROUNDDOWN($C5971/24,0)+1,1))-1)+IF('Standard Profiles'!$G$20=$B$10,7,0)+IF('Standard Profiles'!$G$20=$B$17,14,0)+IF('Standard Profiles'!$G$20=$B$24,21,0),MOD($C5971,24)+1)/SUM(INDEX($D$3:$AA$30,INDEX(Jesper!$R$2:$R$366,ROW(INDEX(Jesper!AJ$2:AJ$366,ROUNDDOWN($C5971/24,0)+1,1))-1)+IF('Standard Profiles'!$G$20=$B$10,7,0)+IF('Standard Profiles'!$G$20=$B$17,14,0)+IF('Standard Profiles'!$G$20=$B$24,21,0),0)),0)</f>
        <v>0</v>
      </c>
      <c r="G5971" cm="1">
        <f t="array" ref="G5971">IFERROR(INDEX(Jesper!AK$2:AK$366,ROUNDDOWN($C5971/24,0)+1,1)*INDEX($D$3:$AA$30,INDEX(Jesper!$R$2:$R$366,ROW(INDEX(Jesper!AK$2:AK$366,ROUNDDOWN($C5971/24,0)+1,1))-1)+IF('Standard Profiles'!$G$21=$B$10,7,0)+IF('Standard Profiles'!$G$21=$B$17,14,0)+IF('Standard Profiles'!$G$21=$B$24,21,0),MOD($C5971,24)+1)/SUM(INDEX($D$3:$AA$30,INDEX(Jesper!$R$2:$R$366,ROW(INDEX(Jesper!AK$2:AK$366,ROUNDDOWN($C5971/24,0)+1,1))-1)+IF('Standard Profiles'!$G$21=$B$10,7,0)+IF('Standard Profiles'!$G$21=$B$17,14,0)+IF('Standard Profiles'!$G$21=$B$24,21,0),0)),0)</f>
        <v>0</v>
      </c>
      <c r="H5971" cm="1">
        <f t="array" ref="H5971">IFERROR(INDEX(Jesper!AL$2:AL$366,ROUNDDOWN($C5971/24,0)+1,1)*INDEX($D$3:$AA$30,INDEX(Jesper!$R$2:$R$366,ROW(INDEX(Jesper!AL$2:AL$366,ROUNDDOWN($C5971/24,0)+1,1))-1)+IF('Standard Profiles'!$G$22=$B$10,7,0)+IF('Standard Profiles'!$G$22=$B$17,14,0)+IF('Standard Profiles'!$G$22=$B$24,21,0),MOD($C5971,24)+1)/SUM(INDEX($D$3:$AA$30,INDEX(Jesper!$R$2:$R$366,ROW(INDEX(Jesper!AL$2:AL$366,ROUNDDOWN($C5971/24,0)+1,1))-1)+IF('Standard Profiles'!$G$22=$B$10,7,0)+IF('Standard Profiles'!$G$22=$B$17,14,0)+IF('Standard Profiles'!$G$22=$B$24,21,0),0)),0)</f>
        <v>0</v>
      </c>
      <c r="I5971">
        <f t="shared" si="664"/>
        <v>0.34416887418227232</v>
      </c>
      <c r="J5971">
        <f t="shared" si="665"/>
        <v>1.1472295806075745</v>
      </c>
      <c r="K5971">
        <f t="shared" si="666"/>
        <v>1.7208443709113614</v>
      </c>
      <c r="L5971">
        <f t="shared" si="667"/>
        <v>8.2600529803745353</v>
      </c>
      <c r="M5971">
        <f t="shared" si="668"/>
        <v>0</v>
      </c>
      <c r="N5971" s="46">
        <f t="shared" si="669"/>
        <v>45539.374999985601</v>
      </c>
    </row>
    <row r="5972" spans="2:14" x14ac:dyDescent="0.3">
      <c r="B5972">
        <f t="shared" si="663"/>
        <v>3</v>
      </c>
      <c r="C5972" s="16">
        <v>5938</v>
      </c>
      <c r="D5972" cm="1">
        <f t="array" ref="D5972">IFERROR(INDEX(Jesper!AH$2:AH$366,ROUNDDOWN($C5972/24,0)+1,1)*INDEX($D$3:$AA$30,INDEX(Jesper!$R$2:$R$366,ROW(INDEX(Jesper!AH$2:AH$366,ROUNDDOWN($C5972/24,0)+1,1))-1)+IF('Standard Profiles'!$G$18=$B$10,7,0)+IF('Standard Profiles'!$G$18=$B$17,14,0)+IF('Standard Profiles'!$G$18=$B$24,21,0),MOD($C5972,24)+1)/SUM(INDEX($D$3:$AA$30,INDEX(Jesper!$R$2:$R$366,ROW(INDEX(Jesper!AH$2:AH$366,ROUNDDOWN($C5972/24,0)+1,1))-1)+IF('Standard Profiles'!$G$18=$B$10,7,0)+IF('Standard Profiles'!$G$18=$B$17,14,0)+IF('Standard Profiles'!$G$18=$B$24,21,0),0)),0)</f>
        <v>12.428320456582055</v>
      </c>
      <c r="E5972" cm="1">
        <f t="array" ref="E5972">IFERROR(INDEX(Jesper!AI$2:AI$366,ROUNDDOWN($C5972/24,0)+1,1)*INDEX($D$3:$AA$30,INDEX(Jesper!$R$2:$R$366,ROW(INDEX(Jesper!AI$2:AI$366,ROUNDDOWN($C5972/24,0)+1,1))-1)+IF('Standard Profiles'!$G$19=$B$10,7,0)+IF('Standard Profiles'!$G$19=$B$17,14,0)+IF('Standard Profiles'!$G$19=$B$24,21,0),MOD($C5972,24)+1)/SUM(INDEX($D$3:$AA$30,INDEX(Jesper!$R$2:$R$366,ROW(INDEX(Jesper!AI$2:AI$366,ROUNDDOWN($C5972/24,0)+1,1))-1)+IF('Standard Profiles'!$G$19=$B$10,7,0)+IF('Standard Profiles'!$G$19=$B$17,14,0)+IF('Standard Profiles'!$G$19=$B$24,21,0),0)),0)</f>
        <v>0</v>
      </c>
      <c r="F5972" cm="1">
        <f t="array" ref="F5972">IFERROR(INDEX(Jesper!AJ$2:AJ$366,ROUNDDOWN($C5972/24,0)+1,1)*INDEX($D$3:$AA$30,INDEX(Jesper!$R$2:$R$366,ROW(INDEX(Jesper!AJ$2:AJ$366,ROUNDDOWN($C5972/24,0)+1,1))-1)+IF('Standard Profiles'!$G$20=$B$10,7,0)+IF('Standard Profiles'!$G$20=$B$17,14,0)+IF('Standard Profiles'!$G$20=$B$24,21,0),MOD($C5972,24)+1)/SUM(INDEX($D$3:$AA$30,INDEX(Jesper!$R$2:$R$366,ROW(INDEX(Jesper!AJ$2:AJ$366,ROUNDDOWN($C5972/24,0)+1,1))-1)+IF('Standard Profiles'!$G$20=$B$10,7,0)+IF('Standard Profiles'!$G$20=$B$17,14,0)+IF('Standard Profiles'!$G$20=$B$24,21,0),0)),0)</f>
        <v>0</v>
      </c>
      <c r="G5972" cm="1">
        <f t="array" ref="G5972">IFERROR(INDEX(Jesper!AK$2:AK$366,ROUNDDOWN($C5972/24,0)+1,1)*INDEX($D$3:$AA$30,INDEX(Jesper!$R$2:$R$366,ROW(INDEX(Jesper!AK$2:AK$366,ROUNDDOWN($C5972/24,0)+1,1))-1)+IF('Standard Profiles'!$G$21=$B$10,7,0)+IF('Standard Profiles'!$G$21=$B$17,14,0)+IF('Standard Profiles'!$G$21=$B$24,21,0),MOD($C5972,24)+1)/SUM(INDEX($D$3:$AA$30,INDEX(Jesper!$R$2:$R$366,ROW(INDEX(Jesper!AK$2:AK$366,ROUNDDOWN($C5972/24,0)+1,1))-1)+IF('Standard Profiles'!$G$21=$B$10,7,0)+IF('Standard Profiles'!$G$21=$B$17,14,0)+IF('Standard Profiles'!$G$21=$B$24,21,0),0)),0)</f>
        <v>0</v>
      </c>
      <c r="H5972" cm="1">
        <f t="array" ref="H5972">IFERROR(INDEX(Jesper!AL$2:AL$366,ROUNDDOWN($C5972/24,0)+1,1)*INDEX($D$3:$AA$30,INDEX(Jesper!$R$2:$R$366,ROW(INDEX(Jesper!AL$2:AL$366,ROUNDDOWN($C5972/24,0)+1,1))-1)+IF('Standard Profiles'!$G$22=$B$10,7,0)+IF('Standard Profiles'!$G$22=$B$17,14,0)+IF('Standard Profiles'!$G$22=$B$24,21,0),MOD($C5972,24)+1)/SUM(INDEX($D$3:$AA$30,INDEX(Jesper!$R$2:$R$366,ROW(INDEX(Jesper!AL$2:AL$366,ROUNDDOWN($C5972/24,0)+1,1))-1)+IF('Standard Profiles'!$G$22=$B$10,7,0)+IF('Standard Profiles'!$G$22=$B$17,14,0)+IF('Standard Profiles'!$G$22=$B$24,21,0),0)),0)</f>
        <v>0</v>
      </c>
      <c r="I5972">
        <f t="shared" si="664"/>
        <v>0.37284961369746161</v>
      </c>
      <c r="J5972">
        <f t="shared" si="665"/>
        <v>1.2428320456582056</v>
      </c>
      <c r="K5972">
        <f t="shared" si="666"/>
        <v>1.8642480684873082</v>
      </c>
      <c r="L5972">
        <f t="shared" si="667"/>
        <v>8.9483907287390796</v>
      </c>
      <c r="M5972">
        <f t="shared" si="668"/>
        <v>0</v>
      </c>
      <c r="N5972" s="46">
        <f t="shared" si="669"/>
        <v>45539.416666652265</v>
      </c>
    </row>
    <row r="5973" spans="2:14" x14ac:dyDescent="0.3">
      <c r="B5973">
        <f t="shared" si="663"/>
        <v>3</v>
      </c>
      <c r="C5973" s="16">
        <v>5939</v>
      </c>
      <c r="D5973" cm="1">
        <f t="array" ref="D5973">IFERROR(INDEX(Jesper!AH$2:AH$366,ROUNDDOWN($C5973/24,0)+1,1)*INDEX($D$3:$AA$30,INDEX(Jesper!$R$2:$R$366,ROW(INDEX(Jesper!AH$2:AH$366,ROUNDDOWN($C5973/24,0)+1,1))-1)+IF('Standard Profiles'!$G$18=$B$10,7,0)+IF('Standard Profiles'!$G$18=$B$17,14,0)+IF('Standard Profiles'!$G$18=$B$24,21,0),MOD($C5973,24)+1)/SUM(INDEX($D$3:$AA$30,INDEX(Jesper!$R$2:$R$366,ROW(INDEX(Jesper!AH$2:AH$366,ROUNDDOWN($C5973/24,0)+1,1))-1)+IF('Standard Profiles'!$G$18=$B$10,7,0)+IF('Standard Profiles'!$G$18=$B$17,14,0)+IF('Standard Profiles'!$G$18=$B$24,21,0),0)),0)</f>
        <v>14.340369757594681</v>
      </c>
      <c r="E5973" cm="1">
        <f t="array" ref="E5973">IFERROR(INDEX(Jesper!AI$2:AI$366,ROUNDDOWN($C5973/24,0)+1,1)*INDEX($D$3:$AA$30,INDEX(Jesper!$R$2:$R$366,ROW(INDEX(Jesper!AI$2:AI$366,ROUNDDOWN($C5973/24,0)+1,1))-1)+IF('Standard Profiles'!$G$19=$B$10,7,0)+IF('Standard Profiles'!$G$19=$B$17,14,0)+IF('Standard Profiles'!$G$19=$B$24,21,0),MOD($C5973,24)+1)/SUM(INDEX($D$3:$AA$30,INDEX(Jesper!$R$2:$R$366,ROW(INDEX(Jesper!AI$2:AI$366,ROUNDDOWN($C5973/24,0)+1,1))-1)+IF('Standard Profiles'!$G$19=$B$10,7,0)+IF('Standard Profiles'!$G$19=$B$17,14,0)+IF('Standard Profiles'!$G$19=$B$24,21,0),0)),0)</f>
        <v>0</v>
      </c>
      <c r="F5973" cm="1">
        <f t="array" ref="F5973">IFERROR(INDEX(Jesper!AJ$2:AJ$366,ROUNDDOWN($C5973/24,0)+1,1)*INDEX($D$3:$AA$30,INDEX(Jesper!$R$2:$R$366,ROW(INDEX(Jesper!AJ$2:AJ$366,ROUNDDOWN($C5973/24,0)+1,1))-1)+IF('Standard Profiles'!$G$20=$B$10,7,0)+IF('Standard Profiles'!$G$20=$B$17,14,0)+IF('Standard Profiles'!$G$20=$B$24,21,0),MOD($C5973,24)+1)/SUM(INDEX($D$3:$AA$30,INDEX(Jesper!$R$2:$R$366,ROW(INDEX(Jesper!AJ$2:AJ$366,ROUNDDOWN($C5973/24,0)+1,1))-1)+IF('Standard Profiles'!$G$20=$B$10,7,0)+IF('Standard Profiles'!$G$20=$B$17,14,0)+IF('Standard Profiles'!$G$20=$B$24,21,0),0)),0)</f>
        <v>0</v>
      </c>
      <c r="G5973" cm="1">
        <f t="array" ref="G5973">IFERROR(INDEX(Jesper!AK$2:AK$366,ROUNDDOWN($C5973/24,0)+1,1)*INDEX($D$3:$AA$30,INDEX(Jesper!$R$2:$R$366,ROW(INDEX(Jesper!AK$2:AK$366,ROUNDDOWN($C5973/24,0)+1,1))-1)+IF('Standard Profiles'!$G$21=$B$10,7,0)+IF('Standard Profiles'!$G$21=$B$17,14,0)+IF('Standard Profiles'!$G$21=$B$24,21,0),MOD($C5973,24)+1)/SUM(INDEX($D$3:$AA$30,INDEX(Jesper!$R$2:$R$366,ROW(INDEX(Jesper!AK$2:AK$366,ROUNDDOWN($C5973/24,0)+1,1))-1)+IF('Standard Profiles'!$G$21=$B$10,7,0)+IF('Standard Profiles'!$G$21=$B$17,14,0)+IF('Standard Profiles'!$G$21=$B$24,21,0),0)),0)</f>
        <v>0</v>
      </c>
      <c r="H5973" cm="1">
        <f t="array" ref="H5973">IFERROR(INDEX(Jesper!AL$2:AL$366,ROUNDDOWN($C5973/24,0)+1,1)*INDEX($D$3:$AA$30,INDEX(Jesper!$R$2:$R$366,ROW(INDEX(Jesper!AL$2:AL$366,ROUNDDOWN($C5973/24,0)+1,1))-1)+IF('Standard Profiles'!$G$22=$B$10,7,0)+IF('Standard Profiles'!$G$22=$B$17,14,0)+IF('Standard Profiles'!$G$22=$B$24,21,0),MOD($C5973,24)+1)/SUM(INDEX($D$3:$AA$30,INDEX(Jesper!$R$2:$R$366,ROW(INDEX(Jesper!AL$2:AL$366,ROUNDDOWN($C5973/24,0)+1,1))-1)+IF('Standard Profiles'!$G$22=$B$10,7,0)+IF('Standard Profiles'!$G$22=$B$17,14,0)+IF('Standard Profiles'!$G$22=$B$24,21,0),0)),0)</f>
        <v>0</v>
      </c>
      <c r="I5973">
        <f t="shared" si="664"/>
        <v>0.43021109272784042</v>
      </c>
      <c r="J5973">
        <f t="shared" si="665"/>
        <v>1.4340369757594682</v>
      </c>
      <c r="K5973">
        <f t="shared" si="666"/>
        <v>2.1510554636392021</v>
      </c>
      <c r="L5973">
        <f t="shared" si="667"/>
        <v>10.32506622546817</v>
      </c>
      <c r="M5973">
        <f t="shared" si="668"/>
        <v>0</v>
      </c>
      <c r="N5973" s="46">
        <f t="shared" si="669"/>
        <v>45539.458333318929</v>
      </c>
    </row>
    <row r="5974" spans="2:14" x14ac:dyDescent="0.3">
      <c r="B5974">
        <f t="shared" si="663"/>
        <v>3</v>
      </c>
      <c r="C5974" s="16">
        <v>5940</v>
      </c>
      <c r="D5974" cm="1">
        <f t="array" ref="D5974">IFERROR(INDEX(Jesper!AH$2:AH$366,ROUNDDOWN($C5974/24,0)+1,1)*INDEX($D$3:$AA$30,INDEX(Jesper!$R$2:$R$366,ROW(INDEX(Jesper!AH$2:AH$366,ROUNDDOWN($C5974/24,0)+1,1))-1)+IF('Standard Profiles'!$G$18=$B$10,7,0)+IF('Standard Profiles'!$G$18=$B$17,14,0)+IF('Standard Profiles'!$G$18=$B$24,21,0),MOD($C5974,24)+1)/SUM(INDEX($D$3:$AA$30,INDEX(Jesper!$R$2:$R$366,ROW(INDEX(Jesper!AH$2:AH$366,ROUNDDOWN($C5974/24,0)+1,1))-1)+IF('Standard Profiles'!$G$18=$B$10,7,0)+IF('Standard Profiles'!$G$18=$B$17,14,0)+IF('Standard Profiles'!$G$18=$B$24,21,0),0)),0)</f>
        <v>14.340369757594681</v>
      </c>
      <c r="E5974" cm="1">
        <f t="array" ref="E5974">IFERROR(INDEX(Jesper!AI$2:AI$366,ROUNDDOWN($C5974/24,0)+1,1)*INDEX($D$3:$AA$30,INDEX(Jesper!$R$2:$R$366,ROW(INDEX(Jesper!AI$2:AI$366,ROUNDDOWN($C5974/24,0)+1,1))-1)+IF('Standard Profiles'!$G$19=$B$10,7,0)+IF('Standard Profiles'!$G$19=$B$17,14,0)+IF('Standard Profiles'!$G$19=$B$24,21,0),MOD($C5974,24)+1)/SUM(INDEX($D$3:$AA$30,INDEX(Jesper!$R$2:$R$366,ROW(INDEX(Jesper!AI$2:AI$366,ROUNDDOWN($C5974/24,0)+1,1))-1)+IF('Standard Profiles'!$G$19=$B$10,7,0)+IF('Standard Profiles'!$G$19=$B$17,14,0)+IF('Standard Profiles'!$G$19=$B$24,21,0),0)),0)</f>
        <v>0</v>
      </c>
      <c r="F5974" cm="1">
        <f t="array" ref="F5974">IFERROR(INDEX(Jesper!AJ$2:AJ$366,ROUNDDOWN($C5974/24,0)+1,1)*INDEX($D$3:$AA$30,INDEX(Jesper!$R$2:$R$366,ROW(INDEX(Jesper!AJ$2:AJ$366,ROUNDDOWN($C5974/24,0)+1,1))-1)+IF('Standard Profiles'!$G$20=$B$10,7,0)+IF('Standard Profiles'!$G$20=$B$17,14,0)+IF('Standard Profiles'!$G$20=$B$24,21,0),MOD($C5974,24)+1)/SUM(INDEX($D$3:$AA$30,INDEX(Jesper!$R$2:$R$366,ROW(INDEX(Jesper!AJ$2:AJ$366,ROUNDDOWN($C5974/24,0)+1,1))-1)+IF('Standard Profiles'!$G$20=$B$10,7,0)+IF('Standard Profiles'!$G$20=$B$17,14,0)+IF('Standard Profiles'!$G$20=$B$24,21,0),0)),0)</f>
        <v>0</v>
      </c>
      <c r="G5974" cm="1">
        <f t="array" ref="G5974">IFERROR(INDEX(Jesper!AK$2:AK$366,ROUNDDOWN($C5974/24,0)+1,1)*INDEX($D$3:$AA$30,INDEX(Jesper!$R$2:$R$366,ROW(INDEX(Jesper!AK$2:AK$366,ROUNDDOWN($C5974/24,0)+1,1))-1)+IF('Standard Profiles'!$G$21=$B$10,7,0)+IF('Standard Profiles'!$G$21=$B$17,14,0)+IF('Standard Profiles'!$G$21=$B$24,21,0),MOD($C5974,24)+1)/SUM(INDEX($D$3:$AA$30,INDEX(Jesper!$R$2:$R$366,ROW(INDEX(Jesper!AK$2:AK$366,ROUNDDOWN($C5974/24,0)+1,1))-1)+IF('Standard Profiles'!$G$21=$B$10,7,0)+IF('Standard Profiles'!$G$21=$B$17,14,0)+IF('Standard Profiles'!$G$21=$B$24,21,0),0)),0)</f>
        <v>0</v>
      </c>
      <c r="H5974" cm="1">
        <f t="array" ref="H5974">IFERROR(INDEX(Jesper!AL$2:AL$366,ROUNDDOWN($C5974/24,0)+1,1)*INDEX($D$3:$AA$30,INDEX(Jesper!$R$2:$R$366,ROW(INDEX(Jesper!AL$2:AL$366,ROUNDDOWN($C5974/24,0)+1,1))-1)+IF('Standard Profiles'!$G$22=$B$10,7,0)+IF('Standard Profiles'!$G$22=$B$17,14,0)+IF('Standard Profiles'!$G$22=$B$24,21,0),MOD($C5974,24)+1)/SUM(INDEX($D$3:$AA$30,INDEX(Jesper!$R$2:$R$366,ROW(INDEX(Jesper!AL$2:AL$366,ROUNDDOWN($C5974/24,0)+1,1))-1)+IF('Standard Profiles'!$G$22=$B$10,7,0)+IF('Standard Profiles'!$G$22=$B$17,14,0)+IF('Standard Profiles'!$G$22=$B$24,21,0),0)),0)</f>
        <v>0</v>
      </c>
      <c r="I5974">
        <f t="shared" si="664"/>
        <v>0.43021109272784042</v>
      </c>
      <c r="J5974">
        <f t="shared" si="665"/>
        <v>1.4340369757594682</v>
      </c>
      <c r="K5974">
        <f t="shared" si="666"/>
        <v>2.1510554636392021</v>
      </c>
      <c r="L5974">
        <f t="shared" si="667"/>
        <v>10.32506622546817</v>
      </c>
      <c r="M5974">
        <f t="shared" si="668"/>
        <v>0</v>
      </c>
      <c r="N5974" s="46">
        <f t="shared" si="669"/>
        <v>45539.499999985594</v>
      </c>
    </row>
    <row r="5975" spans="2:14" x14ac:dyDescent="0.3">
      <c r="B5975">
        <f t="shared" si="663"/>
        <v>3</v>
      </c>
      <c r="C5975" s="16">
        <v>5941</v>
      </c>
      <c r="D5975" cm="1">
        <f t="array" ref="D5975">IFERROR(INDEX(Jesper!AH$2:AH$366,ROUNDDOWN($C5975/24,0)+1,1)*INDEX($D$3:$AA$30,INDEX(Jesper!$R$2:$R$366,ROW(INDEX(Jesper!AH$2:AH$366,ROUNDDOWN($C5975/24,0)+1,1))-1)+IF('Standard Profiles'!$G$18=$B$10,7,0)+IF('Standard Profiles'!$G$18=$B$17,14,0)+IF('Standard Profiles'!$G$18=$B$24,21,0),MOD($C5975,24)+1)/SUM(INDEX($D$3:$AA$30,INDEX(Jesper!$R$2:$R$366,ROW(INDEX(Jesper!AH$2:AH$366,ROUNDDOWN($C5975/24,0)+1,1))-1)+IF('Standard Profiles'!$G$18=$B$10,7,0)+IF('Standard Profiles'!$G$18=$B$17,14,0)+IF('Standard Profiles'!$G$18=$B$24,21,0),0)),0)</f>
        <v>14.340369757594681</v>
      </c>
      <c r="E5975" cm="1">
        <f t="array" ref="E5975">IFERROR(INDEX(Jesper!AI$2:AI$366,ROUNDDOWN($C5975/24,0)+1,1)*INDEX($D$3:$AA$30,INDEX(Jesper!$R$2:$R$366,ROW(INDEX(Jesper!AI$2:AI$366,ROUNDDOWN($C5975/24,0)+1,1))-1)+IF('Standard Profiles'!$G$19=$B$10,7,0)+IF('Standard Profiles'!$G$19=$B$17,14,0)+IF('Standard Profiles'!$G$19=$B$24,21,0),MOD($C5975,24)+1)/SUM(INDEX($D$3:$AA$30,INDEX(Jesper!$R$2:$R$366,ROW(INDEX(Jesper!AI$2:AI$366,ROUNDDOWN($C5975/24,0)+1,1))-1)+IF('Standard Profiles'!$G$19=$B$10,7,0)+IF('Standard Profiles'!$G$19=$B$17,14,0)+IF('Standard Profiles'!$G$19=$B$24,21,0),0)),0)</f>
        <v>0</v>
      </c>
      <c r="F5975" cm="1">
        <f t="array" ref="F5975">IFERROR(INDEX(Jesper!AJ$2:AJ$366,ROUNDDOWN($C5975/24,0)+1,1)*INDEX($D$3:$AA$30,INDEX(Jesper!$R$2:$R$366,ROW(INDEX(Jesper!AJ$2:AJ$366,ROUNDDOWN($C5975/24,0)+1,1))-1)+IF('Standard Profiles'!$G$20=$B$10,7,0)+IF('Standard Profiles'!$G$20=$B$17,14,0)+IF('Standard Profiles'!$G$20=$B$24,21,0),MOD($C5975,24)+1)/SUM(INDEX($D$3:$AA$30,INDEX(Jesper!$R$2:$R$366,ROW(INDEX(Jesper!AJ$2:AJ$366,ROUNDDOWN($C5975/24,0)+1,1))-1)+IF('Standard Profiles'!$G$20=$B$10,7,0)+IF('Standard Profiles'!$G$20=$B$17,14,0)+IF('Standard Profiles'!$G$20=$B$24,21,0),0)),0)</f>
        <v>0</v>
      </c>
      <c r="G5975" cm="1">
        <f t="array" ref="G5975">IFERROR(INDEX(Jesper!AK$2:AK$366,ROUNDDOWN($C5975/24,0)+1,1)*INDEX($D$3:$AA$30,INDEX(Jesper!$R$2:$R$366,ROW(INDEX(Jesper!AK$2:AK$366,ROUNDDOWN($C5975/24,0)+1,1))-1)+IF('Standard Profiles'!$G$21=$B$10,7,0)+IF('Standard Profiles'!$G$21=$B$17,14,0)+IF('Standard Profiles'!$G$21=$B$24,21,0),MOD($C5975,24)+1)/SUM(INDEX($D$3:$AA$30,INDEX(Jesper!$R$2:$R$366,ROW(INDEX(Jesper!AK$2:AK$366,ROUNDDOWN($C5975/24,0)+1,1))-1)+IF('Standard Profiles'!$G$21=$B$10,7,0)+IF('Standard Profiles'!$G$21=$B$17,14,0)+IF('Standard Profiles'!$G$21=$B$24,21,0),0)),0)</f>
        <v>0</v>
      </c>
      <c r="H5975" cm="1">
        <f t="array" ref="H5975">IFERROR(INDEX(Jesper!AL$2:AL$366,ROUNDDOWN($C5975/24,0)+1,1)*INDEX($D$3:$AA$30,INDEX(Jesper!$R$2:$R$366,ROW(INDEX(Jesper!AL$2:AL$366,ROUNDDOWN($C5975/24,0)+1,1))-1)+IF('Standard Profiles'!$G$22=$B$10,7,0)+IF('Standard Profiles'!$G$22=$B$17,14,0)+IF('Standard Profiles'!$G$22=$B$24,21,0),MOD($C5975,24)+1)/SUM(INDEX($D$3:$AA$30,INDEX(Jesper!$R$2:$R$366,ROW(INDEX(Jesper!AL$2:AL$366,ROUNDDOWN($C5975/24,0)+1,1))-1)+IF('Standard Profiles'!$G$22=$B$10,7,0)+IF('Standard Profiles'!$G$22=$B$17,14,0)+IF('Standard Profiles'!$G$22=$B$24,21,0),0)),0)</f>
        <v>0</v>
      </c>
      <c r="I5975">
        <f t="shared" si="664"/>
        <v>0.43021109272784042</v>
      </c>
      <c r="J5975">
        <f t="shared" si="665"/>
        <v>1.4340369757594682</v>
      </c>
      <c r="K5975">
        <f t="shared" si="666"/>
        <v>2.1510554636392021</v>
      </c>
      <c r="L5975">
        <f t="shared" si="667"/>
        <v>10.32506622546817</v>
      </c>
      <c r="M5975">
        <f t="shared" si="668"/>
        <v>0</v>
      </c>
      <c r="N5975" s="46">
        <f t="shared" si="669"/>
        <v>45539.541666652258</v>
      </c>
    </row>
    <row r="5976" spans="2:14" x14ac:dyDescent="0.3">
      <c r="B5976">
        <f t="shared" si="663"/>
        <v>3</v>
      </c>
      <c r="C5976" s="16">
        <v>5942</v>
      </c>
      <c r="D5976" cm="1">
        <f t="array" ref="D5976">IFERROR(INDEX(Jesper!AH$2:AH$366,ROUNDDOWN($C5976/24,0)+1,1)*INDEX($D$3:$AA$30,INDEX(Jesper!$R$2:$R$366,ROW(INDEX(Jesper!AH$2:AH$366,ROUNDDOWN($C5976/24,0)+1,1))-1)+IF('Standard Profiles'!$G$18=$B$10,7,0)+IF('Standard Profiles'!$G$18=$B$17,14,0)+IF('Standard Profiles'!$G$18=$B$24,21,0),MOD($C5976,24)+1)/SUM(INDEX($D$3:$AA$30,INDEX(Jesper!$R$2:$R$366,ROW(INDEX(Jesper!AH$2:AH$366,ROUNDDOWN($C5976/24,0)+1,1))-1)+IF('Standard Profiles'!$G$18=$B$10,7,0)+IF('Standard Profiles'!$G$18=$B$17,14,0)+IF('Standard Profiles'!$G$18=$B$24,21,0),0)),0)</f>
        <v>14.340369757594681</v>
      </c>
      <c r="E5976" cm="1">
        <f t="array" ref="E5976">IFERROR(INDEX(Jesper!AI$2:AI$366,ROUNDDOWN($C5976/24,0)+1,1)*INDEX($D$3:$AA$30,INDEX(Jesper!$R$2:$R$366,ROW(INDEX(Jesper!AI$2:AI$366,ROUNDDOWN($C5976/24,0)+1,1))-1)+IF('Standard Profiles'!$G$19=$B$10,7,0)+IF('Standard Profiles'!$G$19=$B$17,14,0)+IF('Standard Profiles'!$G$19=$B$24,21,0),MOD($C5976,24)+1)/SUM(INDEX($D$3:$AA$30,INDEX(Jesper!$R$2:$R$366,ROW(INDEX(Jesper!AI$2:AI$366,ROUNDDOWN($C5976/24,0)+1,1))-1)+IF('Standard Profiles'!$G$19=$B$10,7,0)+IF('Standard Profiles'!$G$19=$B$17,14,0)+IF('Standard Profiles'!$G$19=$B$24,21,0),0)),0)</f>
        <v>0</v>
      </c>
      <c r="F5976" cm="1">
        <f t="array" ref="F5976">IFERROR(INDEX(Jesper!AJ$2:AJ$366,ROUNDDOWN($C5976/24,0)+1,1)*INDEX($D$3:$AA$30,INDEX(Jesper!$R$2:$R$366,ROW(INDEX(Jesper!AJ$2:AJ$366,ROUNDDOWN($C5976/24,0)+1,1))-1)+IF('Standard Profiles'!$G$20=$B$10,7,0)+IF('Standard Profiles'!$G$20=$B$17,14,0)+IF('Standard Profiles'!$G$20=$B$24,21,0),MOD($C5976,24)+1)/SUM(INDEX($D$3:$AA$30,INDEX(Jesper!$R$2:$R$366,ROW(INDEX(Jesper!AJ$2:AJ$366,ROUNDDOWN($C5976/24,0)+1,1))-1)+IF('Standard Profiles'!$G$20=$B$10,7,0)+IF('Standard Profiles'!$G$20=$B$17,14,0)+IF('Standard Profiles'!$G$20=$B$24,21,0),0)),0)</f>
        <v>0</v>
      </c>
      <c r="G5976" cm="1">
        <f t="array" ref="G5976">IFERROR(INDEX(Jesper!AK$2:AK$366,ROUNDDOWN($C5976/24,0)+1,1)*INDEX($D$3:$AA$30,INDEX(Jesper!$R$2:$R$366,ROW(INDEX(Jesper!AK$2:AK$366,ROUNDDOWN($C5976/24,0)+1,1))-1)+IF('Standard Profiles'!$G$21=$B$10,7,0)+IF('Standard Profiles'!$G$21=$B$17,14,0)+IF('Standard Profiles'!$G$21=$B$24,21,0),MOD($C5976,24)+1)/SUM(INDEX($D$3:$AA$30,INDEX(Jesper!$R$2:$R$366,ROW(INDEX(Jesper!AK$2:AK$366,ROUNDDOWN($C5976/24,0)+1,1))-1)+IF('Standard Profiles'!$G$21=$B$10,7,0)+IF('Standard Profiles'!$G$21=$B$17,14,0)+IF('Standard Profiles'!$G$21=$B$24,21,0),0)),0)</f>
        <v>0</v>
      </c>
      <c r="H5976" cm="1">
        <f t="array" ref="H5976">IFERROR(INDEX(Jesper!AL$2:AL$366,ROUNDDOWN($C5976/24,0)+1,1)*INDEX($D$3:$AA$30,INDEX(Jesper!$R$2:$R$366,ROW(INDEX(Jesper!AL$2:AL$366,ROUNDDOWN($C5976/24,0)+1,1))-1)+IF('Standard Profiles'!$G$22=$B$10,7,0)+IF('Standard Profiles'!$G$22=$B$17,14,0)+IF('Standard Profiles'!$G$22=$B$24,21,0),MOD($C5976,24)+1)/SUM(INDEX($D$3:$AA$30,INDEX(Jesper!$R$2:$R$366,ROW(INDEX(Jesper!AL$2:AL$366,ROUNDDOWN($C5976/24,0)+1,1))-1)+IF('Standard Profiles'!$G$22=$B$10,7,0)+IF('Standard Profiles'!$G$22=$B$17,14,0)+IF('Standard Profiles'!$G$22=$B$24,21,0),0)),0)</f>
        <v>0</v>
      </c>
      <c r="I5976">
        <f t="shared" si="664"/>
        <v>0.43021109272784042</v>
      </c>
      <c r="J5976">
        <f t="shared" si="665"/>
        <v>1.4340369757594682</v>
      </c>
      <c r="K5976">
        <f t="shared" si="666"/>
        <v>2.1510554636392021</v>
      </c>
      <c r="L5976">
        <f t="shared" si="667"/>
        <v>10.32506622546817</v>
      </c>
      <c r="M5976">
        <f t="shared" si="668"/>
        <v>0</v>
      </c>
      <c r="N5976" s="46">
        <f t="shared" si="669"/>
        <v>45539.583333318922</v>
      </c>
    </row>
    <row r="5977" spans="2:14" x14ac:dyDescent="0.3">
      <c r="B5977">
        <f t="shared" si="663"/>
        <v>3</v>
      </c>
      <c r="C5977" s="16">
        <v>5943</v>
      </c>
      <c r="D5977" cm="1">
        <f t="array" ref="D5977">IFERROR(INDEX(Jesper!AH$2:AH$366,ROUNDDOWN($C5977/24,0)+1,1)*INDEX($D$3:$AA$30,INDEX(Jesper!$R$2:$R$366,ROW(INDEX(Jesper!AH$2:AH$366,ROUNDDOWN($C5977/24,0)+1,1))-1)+IF('Standard Profiles'!$G$18=$B$10,7,0)+IF('Standard Profiles'!$G$18=$B$17,14,0)+IF('Standard Profiles'!$G$18=$B$24,21,0),MOD($C5977,24)+1)/SUM(INDEX($D$3:$AA$30,INDEX(Jesper!$R$2:$R$366,ROW(INDEX(Jesper!AH$2:AH$366,ROUNDDOWN($C5977/24,0)+1,1))-1)+IF('Standard Profiles'!$G$18=$B$10,7,0)+IF('Standard Profiles'!$G$18=$B$17,14,0)+IF('Standard Profiles'!$G$18=$B$24,21,0),0)),0)</f>
        <v>14.340369757594681</v>
      </c>
      <c r="E5977" cm="1">
        <f t="array" ref="E5977">IFERROR(INDEX(Jesper!AI$2:AI$366,ROUNDDOWN($C5977/24,0)+1,1)*INDEX($D$3:$AA$30,INDEX(Jesper!$R$2:$R$366,ROW(INDEX(Jesper!AI$2:AI$366,ROUNDDOWN($C5977/24,0)+1,1))-1)+IF('Standard Profiles'!$G$19=$B$10,7,0)+IF('Standard Profiles'!$G$19=$B$17,14,0)+IF('Standard Profiles'!$G$19=$B$24,21,0),MOD($C5977,24)+1)/SUM(INDEX($D$3:$AA$30,INDEX(Jesper!$R$2:$R$366,ROW(INDEX(Jesper!AI$2:AI$366,ROUNDDOWN($C5977/24,0)+1,1))-1)+IF('Standard Profiles'!$G$19=$B$10,7,0)+IF('Standard Profiles'!$G$19=$B$17,14,0)+IF('Standard Profiles'!$G$19=$B$24,21,0),0)),0)</f>
        <v>0</v>
      </c>
      <c r="F5977" cm="1">
        <f t="array" ref="F5977">IFERROR(INDEX(Jesper!AJ$2:AJ$366,ROUNDDOWN($C5977/24,0)+1,1)*INDEX($D$3:$AA$30,INDEX(Jesper!$R$2:$R$366,ROW(INDEX(Jesper!AJ$2:AJ$366,ROUNDDOWN($C5977/24,0)+1,1))-1)+IF('Standard Profiles'!$G$20=$B$10,7,0)+IF('Standard Profiles'!$G$20=$B$17,14,0)+IF('Standard Profiles'!$G$20=$B$24,21,0),MOD($C5977,24)+1)/SUM(INDEX($D$3:$AA$30,INDEX(Jesper!$R$2:$R$366,ROW(INDEX(Jesper!AJ$2:AJ$366,ROUNDDOWN($C5977/24,0)+1,1))-1)+IF('Standard Profiles'!$G$20=$B$10,7,0)+IF('Standard Profiles'!$G$20=$B$17,14,0)+IF('Standard Profiles'!$G$20=$B$24,21,0),0)),0)</f>
        <v>0</v>
      </c>
      <c r="G5977" cm="1">
        <f t="array" ref="G5977">IFERROR(INDEX(Jesper!AK$2:AK$366,ROUNDDOWN($C5977/24,0)+1,1)*INDEX($D$3:$AA$30,INDEX(Jesper!$R$2:$R$366,ROW(INDEX(Jesper!AK$2:AK$366,ROUNDDOWN($C5977/24,0)+1,1))-1)+IF('Standard Profiles'!$G$21=$B$10,7,0)+IF('Standard Profiles'!$G$21=$B$17,14,0)+IF('Standard Profiles'!$G$21=$B$24,21,0),MOD($C5977,24)+1)/SUM(INDEX($D$3:$AA$30,INDEX(Jesper!$R$2:$R$366,ROW(INDEX(Jesper!AK$2:AK$366,ROUNDDOWN($C5977/24,0)+1,1))-1)+IF('Standard Profiles'!$G$21=$B$10,7,0)+IF('Standard Profiles'!$G$21=$B$17,14,0)+IF('Standard Profiles'!$G$21=$B$24,21,0),0)),0)</f>
        <v>0</v>
      </c>
      <c r="H5977" cm="1">
        <f t="array" ref="H5977">IFERROR(INDEX(Jesper!AL$2:AL$366,ROUNDDOWN($C5977/24,0)+1,1)*INDEX($D$3:$AA$30,INDEX(Jesper!$R$2:$R$366,ROW(INDEX(Jesper!AL$2:AL$366,ROUNDDOWN($C5977/24,0)+1,1))-1)+IF('Standard Profiles'!$G$22=$B$10,7,0)+IF('Standard Profiles'!$G$22=$B$17,14,0)+IF('Standard Profiles'!$G$22=$B$24,21,0),MOD($C5977,24)+1)/SUM(INDEX($D$3:$AA$30,INDEX(Jesper!$R$2:$R$366,ROW(INDEX(Jesper!AL$2:AL$366,ROUNDDOWN($C5977/24,0)+1,1))-1)+IF('Standard Profiles'!$G$22=$B$10,7,0)+IF('Standard Profiles'!$G$22=$B$17,14,0)+IF('Standard Profiles'!$G$22=$B$24,21,0),0)),0)</f>
        <v>0</v>
      </c>
      <c r="I5977">
        <f t="shared" si="664"/>
        <v>0.43021109272784042</v>
      </c>
      <c r="J5977">
        <f t="shared" si="665"/>
        <v>1.4340369757594682</v>
      </c>
      <c r="K5977">
        <f t="shared" si="666"/>
        <v>2.1510554636392021</v>
      </c>
      <c r="L5977">
        <f t="shared" si="667"/>
        <v>10.32506622546817</v>
      </c>
      <c r="M5977">
        <f t="shared" si="668"/>
        <v>0</v>
      </c>
      <c r="N5977" s="46">
        <f t="shared" si="669"/>
        <v>45539.624999985586</v>
      </c>
    </row>
    <row r="5978" spans="2:14" x14ac:dyDescent="0.3">
      <c r="B5978">
        <f t="shared" si="663"/>
        <v>3</v>
      </c>
      <c r="C5978" s="16">
        <v>5944</v>
      </c>
      <c r="D5978" cm="1">
        <f t="array" ref="D5978">IFERROR(INDEX(Jesper!AH$2:AH$366,ROUNDDOWN($C5978/24,0)+1,1)*INDEX($D$3:$AA$30,INDEX(Jesper!$R$2:$R$366,ROW(INDEX(Jesper!AH$2:AH$366,ROUNDDOWN($C5978/24,0)+1,1))-1)+IF('Standard Profiles'!$G$18=$B$10,7,0)+IF('Standard Profiles'!$G$18=$B$17,14,0)+IF('Standard Profiles'!$G$18=$B$24,21,0),MOD($C5978,24)+1)/SUM(INDEX($D$3:$AA$30,INDEX(Jesper!$R$2:$R$366,ROW(INDEX(Jesper!AH$2:AH$366,ROUNDDOWN($C5978/24,0)+1,1))-1)+IF('Standard Profiles'!$G$18=$B$10,7,0)+IF('Standard Profiles'!$G$18=$B$17,14,0)+IF('Standard Profiles'!$G$18=$B$24,21,0),0)),0)</f>
        <v>14.340369757594681</v>
      </c>
      <c r="E5978" cm="1">
        <f t="array" ref="E5978">IFERROR(INDEX(Jesper!AI$2:AI$366,ROUNDDOWN($C5978/24,0)+1,1)*INDEX($D$3:$AA$30,INDEX(Jesper!$R$2:$R$366,ROW(INDEX(Jesper!AI$2:AI$366,ROUNDDOWN($C5978/24,0)+1,1))-1)+IF('Standard Profiles'!$G$19=$B$10,7,0)+IF('Standard Profiles'!$G$19=$B$17,14,0)+IF('Standard Profiles'!$G$19=$B$24,21,0),MOD($C5978,24)+1)/SUM(INDEX($D$3:$AA$30,INDEX(Jesper!$R$2:$R$366,ROW(INDEX(Jesper!AI$2:AI$366,ROUNDDOWN($C5978/24,0)+1,1))-1)+IF('Standard Profiles'!$G$19=$B$10,7,0)+IF('Standard Profiles'!$G$19=$B$17,14,0)+IF('Standard Profiles'!$G$19=$B$24,21,0),0)),0)</f>
        <v>0</v>
      </c>
      <c r="F5978" cm="1">
        <f t="array" ref="F5978">IFERROR(INDEX(Jesper!AJ$2:AJ$366,ROUNDDOWN($C5978/24,0)+1,1)*INDEX($D$3:$AA$30,INDEX(Jesper!$R$2:$R$366,ROW(INDEX(Jesper!AJ$2:AJ$366,ROUNDDOWN($C5978/24,0)+1,1))-1)+IF('Standard Profiles'!$G$20=$B$10,7,0)+IF('Standard Profiles'!$G$20=$B$17,14,0)+IF('Standard Profiles'!$G$20=$B$24,21,0),MOD($C5978,24)+1)/SUM(INDEX($D$3:$AA$30,INDEX(Jesper!$R$2:$R$366,ROW(INDEX(Jesper!AJ$2:AJ$366,ROUNDDOWN($C5978/24,0)+1,1))-1)+IF('Standard Profiles'!$G$20=$B$10,7,0)+IF('Standard Profiles'!$G$20=$B$17,14,0)+IF('Standard Profiles'!$G$20=$B$24,21,0),0)),0)</f>
        <v>0</v>
      </c>
      <c r="G5978" cm="1">
        <f t="array" ref="G5978">IFERROR(INDEX(Jesper!AK$2:AK$366,ROUNDDOWN($C5978/24,0)+1,1)*INDEX($D$3:$AA$30,INDEX(Jesper!$R$2:$R$366,ROW(INDEX(Jesper!AK$2:AK$366,ROUNDDOWN($C5978/24,0)+1,1))-1)+IF('Standard Profiles'!$G$21=$B$10,7,0)+IF('Standard Profiles'!$G$21=$B$17,14,0)+IF('Standard Profiles'!$G$21=$B$24,21,0),MOD($C5978,24)+1)/SUM(INDEX($D$3:$AA$30,INDEX(Jesper!$R$2:$R$366,ROW(INDEX(Jesper!AK$2:AK$366,ROUNDDOWN($C5978/24,0)+1,1))-1)+IF('Standard Profiles'!$G$21=$B$10,7,0)+IF('Standard Profiles'!$G$21=$B$17,14,0)+IF('Standard Profiles'!$G$21=$B$24,21,0),0)),0)</f>
        <v>0</v>
      </c>
      <c r="H5978" cm="1">
        <f t="array" ref="H5978">IFERROR(INDEX(Jesper!AL$2:AL$366,ROUNDDOWN($C5978/24,0)+1,1)*INDEX($D$3:$AA$30,INDEX(Jesper!$R$2:$R$366,ROW(INDEX(Jesper!AL$2:AL$366,ROUNDDOWN($C5978/24,0)+1,1))-1)+IF('Standard Profiles'!$G$22=$B$10,7,0)+IF('Standard Profiles'!$G$22=$B$17,14,0)+IF('Standard Profiles'!$G$22=$B$24,21,0),MOD($C5978,24)+1)/SUM(INDEX($D$3:$AA$30,INDEX(Jesper!$R$2:$R$366,ROW(INDEX(Jesper!AL$2:AL$366,ROUNDDOWN($C5978/24,0)+1,1))-1)+IF('Standard Profiles'!$G$22=$B$10,7,0)+IF('Standard Profiles'!$G$22=$B$17,14,0)+IF('Standard Profiles'!$G$22=$B$24,21,0),0)),0)</f>
        <v>0</v>
      </c>
      <c r="I5978">
        <f t="shared" si="664"/>
        <v>0.43021109272784042</v>
      </c>
      <c r="J5978">
        <f t="shared" si="665"/>
        <v>1.4340369757594682</v>
      </c>
      <c r="K5978">
        <f t="shared" si="666"/>
        <v>2.1510554636392021</v>
      </c>
      <c r="L5978">
        <f t="shared" si="667"/>
        <v>10.32506622546817</v>
      </c>
      <c r="M5978">
        <f t="shared" si="668"/>
        <v>0</v>
      </c>
      <c r="N5978" s="46">
        <f t="shared" si="669"/>
        <v>45539.666666652251</v>
      </c>
    </row>
    <row r="5979" spans="2:14" x14ac:dyDescent="0.3">
      <c r="B5979">
        <f t="shared" si="663"/>
        <v>3</v>
      </c>
      <c r="C5979" s="16">
        <v>5945</v>
      </c>
      <c r="D5979" cm="1">
        <f t="array" ref="D5979">IFERROR(INDEX(Jesper!AH$2:AH$366,ROUNDDOWN($C5979/24,0)+1,1)*INDEX($D$3:$AA$30,INDEX(Jesper!$R$2:$R$366,ROW(INDEX(Jesper!AH$2:AH$366,ROUNDDOWN($C5979/24,0)+1,1))-1)+IF('Standard Profiles'!$G$18=$B$10,7,0)+IF('Standard Profiles'!$G$18=$B$17,14,0)+IF('Standard Profiles'!$G$18=$B$24,21,0),MOD($C5979,24)+1)/SUM(INDEX($D$3:$AA$30,INDEX(Jesper!$R$2:$R$366,ROW(INDEX(Jesper!AH$2:AH$366,ROUNDDOWN($C5979/24,0)+1,1))-1)+IF('Standard Profiles'!$G$18=$B$10,7,0)+IF('Standard Profiles'!$G$18=$B$17,14,0)+IF('Standard Profiles'!$G$18=$B$24,21,0),0)),0)</f>
        <v>14.340369757594681</v>
      </c>
      <c r="E5979" cm="1">
        <f t="array" ref="E5979">IFERROR(INDEX(Jesper!AI$2:AI$366,ROUNDDOWN($C5979/24,0)+1,1)*INDEX($D$3:$AA$30,INDEX(Jesper!$R$2:$R$366,ROW(INDEX(Jesper!AI$2:AI$366,ROUNDDOWN($C5979/24,0)+1,1))-1)+IF('Standard Profiles'!$G$19=$B$10,7,0)+IF('Standard Profiles'!$G$19=$B$17,14,0)+IF('Standard Profiles'!$G$19=$B$24,21,0),MOD($C5979,24)+1)/SUM(INDEX($D$3:$AA$30,INDEX(Jesper!$R$2:$R$366,ROW(INDEX(Jesper!AI$2:AI$366,ROUNDDOWN($C5979/24,0)+1,1))-1)+IF('Standard Profiles'!$G$19=$B$10,7,0)+IF('Standard Profiles'!$G$19=$B$17,14,0)+IF('Standard Profiles'!$G$19=$B$24,21,0),0)),0)</f>
        <v>0</v>
      </c>
      <c r="F5979" cm="1">
        <f t="array" ref="F5979">IFERROR(INDEX(Jesper!AJ$2:AJ$366,ROUNDDOWN($C5979/24,0)+1,1)*INDEX($D$3:$AA$30,INDEX(Jesper!$R$2:$R$366,ROW(INDEX(Jesper!AJ$2:AJ$366,ROUNDDOWN($C5979/24,0)+1,1))-1)+IF('Standard Profiles'!$G$20=$B$10,7,0)+IF('Standard Profiles'!$G$20=$B$17,14,0)+IF('Standard Profiles'!$G$20=$B$24,21,0),MOD($C5979,24)+1)/SUM(INDEX($D$3:$AA$30,INDEX(Jesper!$R$2:$R$366,ROW(INDEX(Jesper!AJ$2:AJ$366,ROUNDDOWN($C5979/24,0)+1,1))-1)+IF('Standard Profiles'!$G$20=$B$10,7,0)+IF('Standard Profiles'!$G$20=$B$17,14,0)+IF('Standard Profiles'!$G$20=$B$24,21,0),0)),0)</f>
        <v>0</v>
      </c>
      <c r="G5979" cm="1">
        <f t="array" ref="G5979">IFERROR(INDEX(Jesper!AK$2:AK$366,ROUNDDOWN($C5979/24,0)+1,1)*INDEX($D$3:$AA$30,INDEX(Jesper!$R$2:$R$366,ROW(INDEX(Jesper!AK$2:AK$366,ROUNDDOWN($C5979/24,0)+1,1))-1)+IF('Standard Profiles'!$G$21=$B$10,7,0)+IF('Standard Profiles'!$G$21=$B$17,14,0)+IF('Standard Profiles'!$G$21=$B$24,21,0),MOD($C5979,24)+1)/SUM(INDEX($D$3:$AA$30,INDEX(Jesper!$R$2:$R$366,ROW(INDEX(Jesper!AK$2:AK$366,ROUNDDOWN($C5979/24,0)+1,1))-1)+IF('Standard Profiles'!$G$21=$B$10,7,0)+IF('Standard Profiles'!$G$21=$B$17,14,0)+IF('Standard Profiles'!$G$21=$B$24,21,0),0)),0)</f>
        <v>0</v>
      </c>
      <c r="H5979" cm="1">
        <f t="array" ref="H5979">IFERROR(INDEX(Jesper!AL$2:AL$366,ROUNDDOWN($C5979/24,0)+1,1)*INDEX($D$3:$AA$30,INDEX(Jesper!$R$2:$R$366,ROW(INDEX(Jesper!AL$2:AL$366,ROUNDDOWN($C5979/24,0)+1,1))-1)+IF('Standard Profiles'!$G$22=$B$10,7,0)+IF('Standard Profiles'!$G$22=$B$17,14,0)+IF('Standard Profiles'!$G$22=$B$24,21,0),MOD($C5979,24)+1)/SUM(INDEX($D$3:$AA$30,INDEX(Jesper!$R$2:$R$366,ROW(INDEX(Jesper!AL$2:AL$366,ROUNDDOWN($C5979/24,0)+1,1))-1)+IF('Standard Profiles'!$G$22=$B$10,7,0)+IF('Standard Profiles'!$G$22=$B$17,14,0)+IF('Standard Profiles'!$G$22=$B$24,21,0),0)),0)</f>
        <v>0</v>
      </c>
      <c r="I5979">
        <f t="shared" si="664"/>
        <v>0.43021109272784042</v>
      </c>
      <c r="J5979">
        <f t="shared" si="665"/>
        <v>1.4340369757594682</v>
      </c>
      <c r="K5979">
        <f t="shared" si="666"/>
        <v>2.1510554636392021</v>
      </c>
      <c r="L5979">
        <f t="shared" si="667"/>
        <v>10.32506622546817</v>
      </c>
      <c r="M5979">
        <f t="shared" si="668"/>
        <v>0</v>
      </c>
      <c r="N5979" s="46">
        <f t="shared" si="669"/>
        <v>45539.708333318915</v>
      </c>
    </row>
    <row r="5980" spans="2:14" x14ac:dyDescent="0.3">
      <c r="B5980">
        <f t="shared" si="663"/>
        <v>3</v>
      </c>
      <c r="C5980" s="16">
        <v>5946</v>
      </c>
      <c r="D5980" cm="1">
        <f t="array" ref="D5980">IFERROR(INDEX(Jesper!AH$2:AH$366,ROUNDDOWN($C5980/24,0)+1,1)*INDEX($D$3:$AA$30,INDEX(Jesper!$R$2:$R$366,ROW(INDEX(Jesper!AH$2:AH$366,ROUNDDOWN($C5980/24,0)+1,1))-1)+IF('Standard Profiles'!$G$18=$B$10,7,0)+IF('Standard Profiles'!$G$18=$B$17,14,0)+IF('Standard Profiles'!$G$18=$B$24,21,0),MOD($C5980,24)+1)/SUM(INDEX($D$3:$AA$30,INDEX(Jesper!$R$2:$R$366,ROW(INDEX(Jesper!AH$2:AH$366,ROUNDDOWN($C5980/24,0)+1,1))-1)+IF('Standard Profiles'!$G$18=$B$10,7,0)+IF('Standard Profiles'!$G$18=$B$17,14,0)+IF('Standard Profiles'!$G$18=$B$24,21,0),0)),0)</f>
        <v>14.340369757594681</v>
      </c>
      <c r="E5980" cm="1">
        <f t="array" ref="E5980">IFERROR(INDEX(Jesper!AI$2:AI$366,ROUNDDOWN($C5980/24,0)+1,1)*INDEX($D$3:$AA$30,INDEX(Jesper!$R$2:$R$366,ROW(INDEX(Jesper!AI$2:AI$366,ROUNDDOWN($C5980/24,0)+1,1))-1)+IF('Standard Profiles'!$G$19=$B$10,7,0)+IF('Standard Profiles'!$G$19=$B$17,14,0)+IF('Standard Profiles'!$G$19=$B$24,21,0),MOD($C5980,24)+1)/SUM(INDEX($D$3:$AA$30,INDEX(Jesper!$R$2:$R$366,ROW(INDEX(Jesper!AI$2:AI$366,ROUNDDOWN($C5980/24,0)+1,1))-1)+IF('Standard Profiles'!$G$19=$B$10,7,0)+IF('Standard Profiles'!$G$19=$B$17,14,0)+IF('Standard Profiles'!$G$19=$B$24,21,0),0)),0)</f>
        <v>0</v>
      </c>
      <c r="F5980" cm="1">
        <f t="array" ref="F5980">IFERROR(INDEX(Jesper!AJ$2:AJ$366,ROUNDDOWN($C5980/24,0)+1,1)*INDEX($D$3:$AA$30,INDEX(Jesper!$R$2:$R$366,ROW(INDEX(Jesper!AJ$2:AJ$366,ROUNDDOWN($C5980/24,0)+1,1))-1)+IF('Standard Profiles'!$G$20=$B$10,7,0)+IF('Standard Profiles'!$G$20=$B$17,14,0)+IF('Standard Profiles'!$G$20=$B$24,21,0),MOD($C5980,24)+1)/SUM(INDEX($D$3:$AA$30,INDEX(Jesper!$R$2:$R$366,ROW(INDEX(Jesper!AJ$2:AJ$366,ROUNDDOWN($C5980/24,0)+1,1))-1)+IF('Standard Profiles'!$G$20=$B$10,7,0)+IF('Standard Profiles'!$G$20=$B$17,14,0)+IF('Standard Profiles'!$G$20=$B$24,21,0),0)),0)</f>
        <v>0</v>
      </c>
      <c r="G5980" cm="1">
        <f t="array" ref="G5980">IFERROR(INDEX(Jesper!AK$2:AK$366,ROUNDDOWN($C5980/24,0)+1,1)*INDEX($D$3:$AA$30,INDEX(Jesper!$R$2:$R$366,ROW(INDEX(Jesper!AK$2:AK$366,ROUNDDOWN($C5980/24,0)+1,1))-1)+IF('Standard Profiles'!$G$21=$B$10,7,0)+IF('Standard Profiles'!$G$21=$B$17,14,0)+IF('Standard Profiles'!$G$21=$B$24,21,0),MOD($C5980,24)+1)/SUM(INDEX($D$3:$AA$30,INDEX(Jesper!$R$2:$R$366,ROW(INDEX(Jesper!AK$2:AK$366,ROUNDDOWN($C5980/24,0)+1,1))-1)+IF('Standard Profiles'!$G$21=$B$10,7,0)+IF('Standard Profiles'!$G$21=$B$17,14,0)+IF('Standard Profiles'!$G$21=$B$24,21,0),0)),0)</f>
        <v>0</v>
      </c>
      <c r="H5980" cm="1">
        <f t="array" ref="H5980">IFERROR(INDEX(Jesper!AL$2:AL$366,ROUNDDOWN($C5980/24,0)+1,1)*INDEX($D$3:$AA$30,INDEX(Jesper!$R$2:$R$366,ROW(INDEX(Jesper!AL$2:AL$366,ROUNDDOWN($C5980/24,0)+1,1))-1)+IF('Standard Profiles'!$G$22=$B$10,7,0)+IF('Standard Profiles'!$G$22=$B$17,14,0)+IF('Standard Profiles'!$G$22=$B$24,21,0),MOD($C5980,24)+1)/SUM(INDEX($D$3:$AA$30,INDEX(Jesper!$R$2:$R$366,ROW(INDEX(Jesper!AL$2:AL$366,ROUNDDOWN($C5980/24,0)+1,1))-1)+IF('Standard Profiles'!$G$22=$B$10,7,0)+IF('Standard Profiles'!$G$22=$B$17,14,0)+IF('Standard Profiles'!$G$22=$B$24,21,0),0)),0)</f>
        <v>0</v>
      </c>
      <c r="I5980">
        <f t="shared" si="664"/>
        <v>0.43021109272784042</v>
      </c>
      <c r="J5980">
        <f t="shared" si="665"/>
        <v>1.4340369757594682</v>
      </c>
      <c r="K5980">
        <f t="shared" si="666"/>
        <v>2.1510554636392021</v>
      </c>
      <c r="L5980">
        <f t="shared" si="667"/>
        <v>10.32506622546817</v>
      </c>
      <c r="M5980">
        <f t="shared" si="668"/>
        <v>0</v>
      </c>
      <c r="N5980" s="46">
        <f t="shared" si="669"/>
        <v>45539.749999985579</v>
      </c>
    </row>
    <row r="5981" spans="2:14" x14ac:dyDescent="0.3">
      <c r="B5981">
        <f t="shared" si="663"/>
        <v>3</v>
      </c>
      <c r="C5981" s="16">
        <v>5947</v>
      </c>
      <c r="D5981" cm="1">
        <f t="array" ref="D5981">IFERROR(INDEX(Jesper!AH$2:AH$366,ROUNDDOWN($C5981/24,0)+1,1)*INDEX($D$3:$AA$30,INDEX(Jesper!$R$2:$R$366,ROW(INDEX(Jesper!AH$2:AH$366,ROUNDDOWN($C5981/24,0)+1,1))-1)+IF('Standard Profiles'!$G$18=$B$10,7,0)+IF('Standard Profiles'!$G$18=$B$17,14,0)+IF('Standard Profiles'!$G$18=$B$24,21,0),MOD($C5981,24)+1)/SUM(INDEX($D$3:$AA$30,INDEX(Jesper!$R$2:$R$366,ROW(INDEX(Jesper!AH$2:AH$366,ROUNDDOWN($C5981/24,0)+1,1))-1)+IF('Standard Profiles'!$G$18=$B$10,7,0)+IF('Standard Profiles'!$G$18=$B$17,14,0)+IF('Standard Profiles'!$G$18=$B$24,21,0),0)),0)</f>
        <v>11.950308131328901</v>
      </c>
      <c r="E5981" cm="1">
        <f t="array" ref="E5981">IFERROR(INDEX(Jesper!AI$2:AI$366,ROUNDDOWN($C5981/24,0)+1,1)*INDEX($D$3:$AA$30,INDEX(Jesper!$R$2:$R$366,ROW(INDEX(Jesper!AI$2:AI$366,ROUNDDOWN($C5981/24,0)+1,1))-1)+IF('Standard Profiles'!$G$19=$B$10,7,0)+IF('Standard Profiles'!$G$19=$B$17,14,0)+IF('Standard Profiles'!$G$19=$B$24,21,0),MOD($C5981,24)+1)/SUM(INDEX($D$3:$AA$30,INDEX(Jesper!$R$2:$R$366,ROW(INDEX(Jesper!AI$2:AI$366,ROUNDDOWN($C5981/24,0)+1,1))-1)+IF('Standard Profiles'!$G$19=$B$10,7,0)+IF('Standard Profiles'!$G$19=$B$17,14,0)+IF('Standard Profiles'!$G$19=$B$24,21,0),0)),0)</f>
        <v>0</v>
      </c>
      <c r="F5981" cm="1">
        <f t="array" ref="F5981">IFERROR(INDEX(Jesper!AJ$2:AJ$366,ROUNDDOWN($C5981/24,0)+1,1)*INDEX($D$3:$AA$30,INDEX(Jesper!$R$2:$R$366,ROW(INDEX(Jesper!AJ$2:AJ$366,ROUNDDOWN($C5981/24,0)+1,1))-1)+IF('Standard Profiles'!$G$20=$B$10,7,0)+IF('Standard Profiles'!$G$20=$B$17,14,0)+IF('Standard Profiles'!$G$20=$B$24,21,0),MOD($C5981,24)+1)/SUM(INDEX($D$3:$AA$30,INDEX(Jesper!$R$2:$R$366,ROW(INDEX(Jesper!AJ$2:AJ$366,ROUNDDOWN($C5981/24,0)+1,1))-1)+IF('Standard Profiles'!$G$20=$B$10,7,0)+IF('Standard Profiles'!$G$20=$B$17,14,0)+IF('Standard Profiles'!$G$20=$B$24,21,0),0)),0)</f>
        <v>0</v>
      </c>
      <c r="G5981" cm="1">
        <f t="array" ref="G5981">IFERROR(INDEX(Jesper!AK$2:AK$366,ROUNDDOWN($C5981/24,0)+1,1)*INDEX($D$3:$AA$30,INDEX(Jesper!$R$2:$R$366,ROW(INDEX(Jesper!AK$2:AK$366,ROUNDDOWN($C5981/24,0)+1,1))-1)+IF('Standard Profiles'!$G$21=$B$10,7,0)+IF('Standard Profiles'!$G$21=$B$17,14,0)+IF('Standard Profiles'!$G$21=$B$24,21,0),MOD($C5981,24)+1)/SUM(INDEX($D$3:$AA$30,INDEX(Jesper!$R$2:$R$366,ROW(INDEX(Jesper!AK$2:AK$366,ROUNDDOWN($C5981/24,0)+1,1))-1)+IF('Standard Profiles'!$G$21=$B$10,7,0)+IF('Standard Profiles'!$G$21=$B$17,14,0)+IF('Standard Profiles'!$G$21=$B$24,21,0),0)),0)</f>
        <v>0</v>
      </c>
      <c r="H5981" cm="1">
        <f t="array" ref="H5981">IFERROR(INDEX(Jesper!AL$2:AL$366,ROUNDDOWN($C5981/24,0)+1,1)*INDEX($D$3:$AA$30,INDEX(Jesper!$R$2:$R$366,ROW(INDEX(Jesper!AL$2:AL$366,ROUNDDOWN($C5981/24,0)+1,1))-1)+IF('Standard Profiles'!$G$22=$B$10,7,0)+IF('Standard Profiles'!$G$22=$B$17,14,0)+IF('Standard Profiles'!$G$22=$B$24,21,0),MOD($C5981,24)+1)/SUM(INDEX($D$3:$AA$30,INDEX(Jesper!$R$2:$R$366,ROW(INDEX(Jesper!AL$2:AL$366,ROUNDDOWN($C5981/24,0)+1,1))-1)+IF('Standard Profiles'!$G$22=$B$10,7,0)+IF('Standard Profiles'!$G$22=$B$17,14,0)+IF('Standard Profiles'!$G$22=$B$24,21,0),0)),0)</f>
        <v>0</v>
      </c>
      <c r="I5981">
        <f t="shared" si="664"/>
        <v>0.35850924393986705</v>
      </c>
      <c r="J5981">
        <f t="shared" si="665"/>
        <v>1.1950308131328902</v>
      </c>
      <c r="K5981">
        <f t="shared" si="666"/>
        <v>1.7925462196993351</v>
      </c>
      <c r="L5981">
        <f t="shared" si="667"/>
        <v>8.6042218545568083</v>
      </c>
      <c r="M5981">
        <f t="shared" si="668"/>
        <v>0</v>
      </c>
      <c r="N5981" s="46">
        <f t="shared" si="669"/>
        <v>45539.791666652243</v>
      </c>
    </row>
    <row r="5982" spans="2:14" x14ac:dyDescent="0.3">
      <c r="B5982">
        <f t="shared" si="663"/>
        <v>3</v>
      </c>
      <c r="C5982" s="16">
        <v>5948</v>
      </c>
      <c r="D5982" cm="1">
        <f t="array" ref="D5982">IFERROR(INDEX(Jesper!AH$2:AH$366,ROUNDDOWN($C5982/24,0)+1,1)*INDEX($D$3:$AA$30,INDEX(Jesper!$R$2:$R$366,ROW(INDEX(Jesper!AH$2:AH$366,ROUNDDOWN($C5982/24,0)+1,1))-1)+IF('Standard Profiles'!$G$18=$B$10,7,0)+IF('Standard Profiles'!$G$18=$B$17,14,0)+IF('Standard Profiles'!$G$18=$B$24,21,0),MOD($C5982,24)+1)/SUM(INDEX($D$3:$AA$30,INDEX(Jesper!$R$2:$R$366,ROW(INDEX(Jesper!AH$2:AH$366,ROUNDDOWN($C5982/24,0)+1,1))-1)+IF('Standard Profiles'!$G$18=$B$10,7,0)+IF('Standard Profiles'!$G$18=$B$17,14,0)+IF('Standard Profiles'!$G$18=$B$24,21,0),0)),0)</f>
        <v>9.5602465050631213</v>
      </c>
      <c r="E5982" cm="1">
        <f t="array" ref="E5982">IFERROR(INDEX(Jesper!AI$2:AI$366,ROUNDDOWN($C5982/24,0)+1,1)*INDEX($D$3:$AA$30,INDEX(Jesper!$R$2:$R$366,ROW(INDEX(Jesper!AI$2:AI$366,ROUNDDOWN($C5982/24,0)+1,1))-1)+IF('Standard Profiles'!$G$19=$B$10,7,0)+IF('Standard Profiles'!$G$19=$B$17,14,0)+IF('Standard Profiles'!$G$19=$B$24,21,0),MOD($C5982,24)+1)/SUM(INDEX($D$3:$AA$30,INDEX(Jesper!$R$2:$R$366,ROW(INDEX(Jesper!AI$2:AI$366,ROUNDDOWN($C5982/24,0)+1,1))-1)+IF('Standard Profiles'!$G$19=$B$10,7,0)+IF('Standard Profiles'!$G$19=$B$17,14,0)+IF('Standard Profiles'!$G$19=$B$24,21,0),0)),0)</f>
        <v>0</v>
      </c>
      <c r="F5982" cm="1">
        <f t="array" ref="F5982">IFERROR(INDEX(Jesper!AJ$2:AJ$366,ROUNDDOWN($C5982/24,0)+1,1)*INDEX($D$3:$AA$30,INDEX(Jesper!$R$2:$R$366,ROW(INDEX(Jesper!AJ$2:AJ$366,ROUNDDOWN($C5982/24,0)+1,1))-1)+IF('Standard Profiles'!$G$20=$B$10,7,0)+IF('Standard Profiles'!$G$20=$B$17,14,0)+IF('Standard Profiles'!$G$20=$B$24,21,0),MOD($C5982,24)+1)/SUM(INDEX($D$3:$AA$30,INDEX(Jesper!$R$2:$R$366,ROW(INDEX(Jesper!AJ$2:AJ$366,ROUNDDOWN($C5982/24,0)+1,1))-1)+IF('Standard Profiles'!$G$20=$B$10,7,0)+IF('Standard Profiles'!$G$20=$B$17,14,0)+IF('Standard Profiles'!$G$20=$B$24,21,0),0)),0)</f>
        <v>0</v>
      </c>
      <c r="G5982" cm="1">
        <f t="array" ref="G5982">IFERROR(INDEX(Jesper!AK$2:AK$366,ROUNDDOWN($C5982/24,0)+1,1)*INDEX($D$3:$AA$30,INDEX(Jesper!$R$2:$R$366,ROW(INDEX(Jesper!AK$2:AK$366,ROUNDDOWN($C5982/24,0)+1,1))-1)+IF('Standard Profiles'!$G$21=$B$10,7,0)+IF('Standard Profiles'!$G$21=$B$17,14,0)+IF('Standard Profiles'!$G$21=$B$24,21,0),MOD($C5982,24)+1)/SUM(INDEX($D$3:$AA$30,INDEX(Jesper!$R$2:$R$366,ROW(INDEX(Jesper!AK$2:AK$366,ROUNDDOWN($C5982/24,0)+1,1))-1)+IF('Standard Profiles'!$G$21=$B$10,7,0)+IF('Standard Profiles'!$G$21=$B$17,14,0)+IF('Standard Profiles'!$G$21=$B$24,21,0),0)),0)</f>
        <v>0</v>
      </c>
      <c r="H5982" cm="1">
        <f t="array" ref="H5982">IFERROR(INDEX(Jesper!AL$2:AL$366,ROUNDDOWN($C5982/24,0)+1,1)*INDEX($D$3:$AA$30,INDEX(Jesper!$R$2:$R$366,ROW(INDEX(Jesper!AL$2:AL$366,ROUNDDOWN($C5982/24,0)+1,1))-1)+IF('Standard Profiles'!$G$22=$B$10,7,0)+IF('Standard Profiles'!$G$22=$B$17,14,0)+IF('Standard Profiles'!$G$22=$B$24,21,0),MOD($C5982,24)+1)/SUM(INDEX($D$3:$AA$30,INDEX(Jesper!$R$2:$R$366,ROW(INDEX(Jesper!AL$2:AL$366,ROUNDDOWN($C5982/24,0)+1,1))-1)+IF('Standard Profiles'!$G$22=$B$10,7,0)+IF('Standard Profiles'!$G$22=$B$17,14,0)+IF('Standard Profiles'!$G$22=$B$24,21,0),0)),0)</f>
        <v>0</v>
      </c>
      <c r="I5982">
        <f t="shared" si="664"/>
        <v>0.28680739515189363</v>
      </c>
      <c r="J5982">
        <f t="shared" si="665"/>
        <v>0.95602465050631213</v>
      </c>
      <c r="K5982">
        <f t="shared" si="666"/>
        <v>1.4340369757594682</v>
      </c>
      <c r="L5982">
        <f t="shared" si="667"/>
        <v>6.8833774836454475</v>
      </c>
      <c r="M5982">
        <f t="shared" si="668"/>
        <v>0</v>
      </c>
      <c r="N5982" s="46">
        <f t="shared" si="669"/>
        <v>45539.833333318908</v>
      </c>
    </row>
    <row r="5983" spans="2:14" x14ac:dyDescent="0.3">
      <c r="B5983">
        <f t="shared" si="663"/>
        <v>3</v>
      </c>
      <c r="C5983" s="16">
        <v>5949</v>
      </c>
      <c r="D5983" cm="1">
        <f t="array" ref="D5983">IFERROR(INDEX(Jesper!AH$2:AH$366,ROUNDDOWN($C5983/24,0)+1,1)*INDEX($D$3:$AA$30,INDEX(Jesper!$R$2:$R$366,ROW(INDEX(Jesper!AH$2:AH$366,ROUNDDOWN($C5983/24,0)+1,1))-1)+IF('Standard Profiles'!$G$18=$B$10,7,0)+IF('Standard Profiles'!$G$18=$B$17,14,0)+IF('Standard Profiles'!$G$18=$B$24,21,0),MOD($C5983,24)+1)/SUM(INDEX($D$3:$AA$30,INDEX(Jesper!$R$2:$R$366,ROW(INDEX(Jesper!AH$2:AH$366,ROUNDDOWN($C5983/24,0)+1,1))-1)+IF('Standard Profiles'!$G$18=$B$10,7,0)+IF('Standard Profiles'!$G$18=$B$17,14,0)+IF('Standard Profiles'!$G$18=$B$24,21,0),0)),0)</f>
        <v>7.1701848787973406</v>
      </c>
      <c r="E5983" cm="1">
        <f t="array" ref="E5983">IFERROR(INDEX(Jesper!AI$2:AI$366,ROUNDDOWN($C5983/24,0)+1,1)*INDEX($D$3:$AA$30,INDEX(Jesper!$R$2:$R$366,ROW(INDEX(Jesper!AI$2:AI$366,ROUNDDOWN($C5983/24,0)+1,1))-1)+IF('Standard Profiles'!$G$19=$B$10,7,0)+IF('Standard Profiles'!$G$19=$B$17,14,0)+IF('Standard Profiles'!$G$19=$B$24,21,0),MOD($C5983,24)+1)/SUM(INDEX($D$3:$AA$30,INDEX(Jesper!$R$2:$R$366,ROW(INDEX(Jesper!AI$2:AI$366,ROUNDDOWN($C5983/24,0)+1,1))-1)+IF('Standard Profiles'!$G$19=$B$10,7,0)+IF('Standard Profiles'!$G$19=$B$17,14,0)+IF('Standard Profiles'!$G$19=$B$24,21,0),0)),0)</f>
        <v>0</v>
      </c>
      <c r="F5983" cm="1">
        <f t="array" ref="F5983">IFERROR(INDEX(Jesper!AJ$2:AJ$366,ROUNDDOWN($C5983/24,0)+1,1)*INDEX($D$3:$AA$30,INDEX(Jesper!$R$2:$R$366,ROW(INDEX(Jesper!AJ$2:AJ$366,ROUNDDOWN($C5983/24,0)+1,1))-1)+IF('Standard Profiles'!$G$20=$B$10,7,0)+IF('Standard Profiles'!$G$20=$B$17,14,0)+IF('Standard Profiles'!$G$20=$B$24,21,0),MOD($C5983,24)+1)/SUM(INDEX($D$3:$AA$30,INDEX(Jesper!$R$2:$R$366,ROW(INDEX(Jesper!AJ$2:AJ$366,ROUNDDOWN($C5983/24,0)+1,1))-1)+IF('Standard Profiles'!$G$20=$B$10,7,0)+IF('Standard Profiles'!$G$20=$B$17,14,0)+IF('Standard Profiles'!$G$20=$B$24,21,0),0)),0)</f>
        <v>0</v>
      </c>
      <c r="G5983" cm="1">
        <f t="array" ref="G5983">IFERROR(INDEX(Jesper!AK$2:AK$366,ROUNDDOWN($C5983/24,0)+1,1)*INDEX($D$3:$AA$30,INDEX(Jesper!$R$2:$R$366,ROW(INDEX(Jesper!AK$2:AK$366,ROUNDDOWN($C5983/24,0)+1,1))-1)+IF('Standard Profiles'!$G$21=$B$10,7,0)+IF('Standard Profiles'!$G$21=$B$17,14,0)+IF('Standard Profiles'!$G$21=$B$24,21,0),MOD($C5983,24)+1)/SUM(INDEX($D$3:$AA$30,INDEX(Jesper!$R$2:$R$366,ROW(INDEX(Jesper!AK$2:AK$366,ROUNDDOWN($C5983/24,0)+1,1))-1)+IF('Standard Profiles'!$G$21=$B$10,7,0)+IF('Standard Profiles'!$G$21=$B$17,14,0)+IF('Standard Profiles'!$G$21=$B$24,21,0),0)),0)</f>
        <v>0</v>
      </c>
      <c r="H5983" cm="1">
        <f t="array" ref="H5983">IFERROR(INDEX(Jesper!AL$2:AL$366,ROUNDDOWN($C5983/24,0)+1,1)*INDEX($D$3:$AA$30,INDEX(Jesper!$R$2:$R$366,ROW(INDEX(Jesper!AL$2:AL$366,ROUNDDOWN($C5983/24,0)+1,1))-1)+IF('Standard Profiles'!$G$22=$B$10,7,0)+IF('Standard Profiles'!$G$22=$B$17,14,0)+IF('Standard Profiles'!$G$22=$B$24,21,0),MOD($C5983,24)+1)/SUM(INDEX($D$3:$AA$30,INDEX(Jesper!$R$2:$R$366,ROW(INDEX(Jesper!AL$2:AL$366,ROUNDDOWN($C5983/24,0)+1,1))-1)+IF('Standard Profiles'!$G$22=$B$10,7,0)+IF('Standard Profiles'!$G$22=$B$17,14,0)+IF('Standard Profiles'!$G$22=$B$24,21,0),0)),0)</f>
        <v>0</v>
      </c>
      <c r="I5983">
        <f t="shared" si="664"/>
        <v>0.21510554636392021</v>
      </c>
      <c r="J5983">
        <f t="shared" si="665"/>
        <v>0.7170184878797341</v>
      </c>
      <c r="K5983">
        <f t="shared" si="666"/>
        <v>1.075527731819601</v>
      </c>
      <c r="L5983">
        <f t="shared" si="667"/>
        <v>5.162533112734085</v>
      </c>
      <c r="M5983">
        <f t="shared" si="668"/>
        <v>0</v>
      </c>
      <c r="N5983" s="46">
        <f t="shared" si="669"/>
        <v>45539.874999985572</v>
      </c>
    </row>
    <row r="5984" spans="2:14" x14ac:dyDescent="0.3">
      <c r="B5984">
        <f t="shared" si="663"/>
        <v>3</v>
      </c>
      <c r="C5984" s="16">
        <v>5950</v>
      </c>
      <c r="D5984" cm="1">
        <f t="array" ref="D5984">IFERROR(INDEX(Jesper!AH$2:AH$366,ROUNDDOWN($C5984/24,0)+1,1)*INDEX($D$3:$AA$30,INDEX(Jesper!$R$2:$R$366,ROW(INDEX(Jesper!AH$2:AH$366,ROUNDDOWN($C5984/24,0)+1,1))-1)+IF('Standard Profiles'!$G$18=$B$10,7,0)+IF('Standard Profiles'!$G$18=$B$17,14,0)+IF('Standard Profiles'!$G$18=$B$24,21,0),MOD($C5984,24)+1)/SUM(INDEX($D$3:$AA$30,INDEX(Jesper!$R$2:$R$366,ROW(INDEX(Jesper!AH$2:AH$366,ROUNDDOWN($C5984/24,0)+1,1))-1)+IF('Standard Profiles'!$G$18=$B$10,7,0)+IF('Standard Profiles'!$G$18=$B$17,14,0)+IF('Standard Profiles'!$G$18=$B$24,21,0),0)),0)</f>
        <v>7.1701848787973406</v>
      </c>
      <c r="E5984" cm="1">
        <f t="array" ref="E5984">IFERROR(INDEX(Jesper!AI$2:AI$366,ROUNDDOWN($C5984/24,0)+1,1)*INDEX($D$3:$AA$30,INDEX(Jesper!$R$2:$R$366,ROW(INDEX(Jesper!AI$2:AI$366,ROUNDDOWN($C5984/24,0)+1,1))-1)+IF('Standard Profiles'!$G$19=$B$10,7,0)+IF('Standard Profiles'!$G$19=$B$17,14,0)+IF('Standard Profiles'!$G$19=$B$24,21,0),MOD($C5984,24)+1)/SUM(INDEX($D$3:$AA$30,INDEX(Jesper!$R$2:$R$366,ROW(INDEX(Jesper!AI$2:AI$366,ROUNDDOWN($C5984/24,0)+1,1))-1)+IF('Standard Profiles'!$G$19=$B$10,7,0)+IF('Standard Profiles'!$G$19=$B$17,14,0)+IF('Standard Profiles'!$G$19=$B$24,21,0),0)),0)</f>
        <v>0</v>
      </c>
      <c r="F5984" cm="1">
        <f t="array" ref="F5984">IFERROR(INDEX(Jesper!AJ$2:AJ$366,ROUNDDOWN($C5984/24,0)+1,1)*INDEX($D$3:$AA$30,INDEX(Jesper!$R$2:$R$366,ROW(INDEX(Jesper!AJ$2:AJ$366,ROUNDDOWN($C5984/24,0)+1,1))-1)+IF('Standard Profiles'!$G$20=$B$10,7,0)+IF('Standard Profiles'!$G$20=$B$17,14,0)+IF('Standard Profiles'!$G$20=$B$24,21,0),MOD($C5984,24)+1)/SUM(INDEX($D$3:$AA$30,INDEX(Jesper!$R$2:$R$366,ROW(INDEX(Jesper!AJ$2:AJ$366,ROUNDDOWN($C5984/24,0)+1,1))-1)+IF('Standard Profiles'!$G$20=$B$10,7,0)+IF('Standard Profiles'!$G$20=$B$17,14,0)+IF('Standard Profiles'!$G$20=$B$24,21,0),0)),0)</f>
        <v>0</v>
      </c>
      <c r="G5984" cm="1">
        <f t="array" ref="G5984">IFERROR(INDEX(Jesper!AK$2:AK$366,ROUNDDOWN($C5984/24,0)+1,1)*INDEX($D$3:$AA$30,INDEX(Jesper!$R$2:$R$366,ROW(INDEX(Jesper!AK$2:AK$366,ROUNDDOWN($C5984/24,0)+1,1))-1)+IF('Standard Profiles'!$G$21=$B$10,7,0)+IF('Standard Profiles'!$G$21=$B$17,14,0)+IF('Standard Profiles'!$G$21=$B$24,21,0),MOD($C5984,24)+1)/SUM(INDEX($D$3:$AA$30,INDEX(Jesper!$R$2:$R$366,ROW(INDEX(Jesper!AK$2:AK$366,ROUNDDOWN($C5984/24,0)+1,1))-1)+IF('Standard Profiles'!$G$21=$B$10,7,0)+IF('Standard Profiles'!$G$21=$B$17,14,0)+IF('Standard Profiles'!$G$21=$B$24,21,0),0)),0)</f>
        <v>0</v>
      </c>
      <c r="H5984" cm="1">
        <f t="array" ref="H5984">IFERROR(INDEX(Jesper!AL$2:AL$366,ROUNDDOWN($C5984/24,0)+1,1)*INDEX($D$3:$AA$30,INDEX(Jesper!$R$2:$R$366,ROW(INDEX(Jesper!AL$2:AL$366,ROUNDDOWN($C5984/24,0)+1,1))-1)+IF('Standard Profiles'!$G$22=$B$10,7,0)+IF('Standard Profiles'!$G$22=$B$17,14,0)+IF('Standard Profiles'!$G$22=$B$24,21,0),MOD($C5984,24)+1)/SUM(INDEX($D$3:$AA$30,INDEX(Jesper!$R$2:$R$366,ROW(INDEX(Jesper!AL$2:AL$366,ROUNDDOWN($C5984/24,0)+1,1))-1)+IF('Standard Profiles'!$G$22=$B$10,7,0)+IF('Standard Profiles'!$G$22=$B$17,14,0)+IF('Standard Profiles'!$G$22=$B$24,21,0),0)),0)</f>
        <v>0</v>
      </c>
      <c r="I5984">
        <f t="shared" si="664"/>
        <v>0.21510554636392021</v>
      </c>
      <c r="J5984">
        <f t="shared" si="665"/>
        <v>0.7170184878797341</v>
      </c>
      <c r="K5984">
        <f t="shared" si="666"/>
        <v>1.075527731819601</v>
      </c>
      <c r="L5984">
        <f t="shared" si="667"/>
        <v>5.162533112734085</v>
      </c>
      <c r="M5984">
        <f t="shared" si="668"/>
        <v>0</v>
      </c>
      <c r="N5984" s="46">
        <f t="shared" si="669"/>
        <v>45539.916666652236</v>
      </c>
    </row>
    <row r="5985" spans="2:14" x14ac:dyDescent="0.3">
      <c r="B5985">
        <f t="shared" si="663"/>
        <v>3</v>
      </c>
      <c r="C5985" s="16">
        <v>5951</v>
      </c>
      <c r="D5985" cm="1">
        <f t="array" ref="D5985">IFERROR(INDEX(Jesper!AH$2:AH$366,ROUNDDOWN($C5985/24,0)+1,1)*INDEX($D$3:$AA$30,INDEX(Jesper!$R$2:$R$366,ROW(INDEX(Jesper!AH$2:AH$366,ROUNDDOWN($C5985/24,0)+1,1))-1)+IF('Standard Profiles'!$G$18=$B$10,7,0)+IF('Standard Profiles'!$G$18=$B$17,14,0)+IF('Standard Profiles'!$G$18=$B$24,21,0),MOD($C5985,24)+1)/SUM(INDEX($D$3:$AA$30,INDEX(Jesper!$R$2:$R$366,ROW(INDEX(Jesper!AH$2:AH$366,ROUNDDOWN($C5985/24,0)+1,1))-1)+IF('Standard Profiles'!$G$18=$B$10,7,0)+IF('Standard Profiles'!$G$18=$B$17,14,0)+IF('Standard Profiles'!$G$18=$B$24,21,0),0)),0)</f>
        <v>7.1701848787973406</v>
      </c>
      <c r="E5985" cm="1">
        <f t="array" ref="E5985">IFERROR(INDEX(Jesper!AI$2:AI$366,ROUNDDOWN($C5985/24,0)+1,1)*INDEX($D$3:$AA$30,INDEX(Jesper!$R$2:$R$366,ROW(INDEX(Jesper!AI$2:AI$366,ROUNDDOWN($C5985/24,0)+1,1))-1)+IF('Standard Profiles'!$G$19=$B$10,7,0)+IF('Standard Profiles'!$G$19=$B$17,14,0)+IF('Standard Profiles'!$G$19=$B$24,21,0),MOD($C5985,24)+1)/SUM(INDEX($D$3:$AA$30,INDEX(Jesper!$R$2:$R$366,ROW(INDEX(Jesper!AI$2:AI$366,ROUNDDOWN($C5985/24,0)+1,1))-1)+IF('Standard Profiles'!$G$19=$B$10,7,0)+IF('Standard Profiles'!$G$19=$B$17,14,0)+IF('Standard Profiles'!$G$19=$B$24,21,0),0)),0)</f>
        <v>0</v>
      </c>
      <c r="F5985" cm="1">
        <f t="array" ref="F5985">IFERROR(INDEX(Jesper!AJ$2:AJ$366,ROUNDDOWN($C5985/24,0)+1,1)*INDEX($D$3:$AA$30,INDEX(Jesper!$R$2:$R$366,ROW(INDEX(Jesper!AJ$2:AJ$366,ROUNDDOWN($C5985/24,0)+1,1))-1)+IF('Standard Profiles'!$G$20=$B$10,7,0)+IF('Standard Profiles'!$G$20=$B$17,14,0)+IF('Standard Profiles'!$G$20=$B$24,21,0),MOD($C5985,24)+1)/SUM(INDEX($D$3:$AA$30,INDEX(Jesper!$R$2:$R$366,ROW(INDEX(Jesper!AJ$2:AJ$366,ROUNDDOWN($C5985/24,0)+1,1))-1)+IF('Standard Profiles'!$G$20=$B$10,7,0)+IF('Standard Profiles'!$G$20=$B$17,14,0)+IF('Standard Profiles'!$G$20=$B$24,21,0),0)),0)</f>
        <v>0</v>
      </c>
      <c r="G5985" cm="1">
        <f t="array" ref="G5985">IFERROR(INDEX(Jesper!AK$2:AK$366,ROUNDDOWN($C5985/24,0)+1,1)*INDEX($D$3:$AA$30,INDEX(Jesper!$R$2:$R$366,ROW(INDEX(Jesper!AK$2:AK$366,ROUNDDOWN($C5985/24,0)+1,1))-1)+IF('Standard Profiles'!$G$21=$B$10,7,0)+IF('Standard Profiles'!$G$21=$B$17,14,0)+IF('Standard Profiles'!$G$21=$B$24,21,0),MOD($C5985,24)+1)/SUM(INDEX($D$3:$AA$30,INDEX(Jesper!$R$2:$R$366,ROW(INDEX(Jesper!AK$2:AK$366,ROUNDDOWN($C5985/24,0)+1,1))-1)+IF('Standard Profiles'!$G$21=$B$10,7,0)+IF('Standard Profiles'!$G$21=$B$17,14,0)+IF('Standard Profiles'!$G$21=$B$24,21,0),0)),0)</f>
        <v>0</v>
      </c>
      <c r="H5985" cm="1">
        <f t="array" ref="H5985">IFERROR(INDEX(Jesper!AL$2:AL$366,ROUNDDOWN($C5985/24,0)+1,1)*INDEX($D$3:$AA$30,INDEX(Jesper!$R$2:$R$366,ROW(INDEX(Jesper!AL$2:AL$366,ROUNDDOWN($C5985/24,0)+1,1))-1)+IF('Standard Profiles'!$G$22=$B$10,7,0)+IF('Standard Profiles'!$G$22=$B$17,14,0)+IF('Standard Profiles'!$G$22=$B$24,21,0),MOD($C5985,24)+1)/SUM(INDEX($D$3:$AA$30,INDEX(Jesper!$R$2:$R$366,ROW(INDEX(Jesper!AL$2:AL$366,ROUNDDOWN($C5985/24,0)+1,1))-1)+IF('Standard Profiles'!$G$22=$B$10,7,0)+IF('Standard Profiles'!$G$22=$B$17,14,0)+IF('Standard Profiles'!$G$22=$B$24,21,0),0)),0)</f>
        <v>0</v>
      </c>
      <c r="I5985">
        <f t="shared" si="664"/>
        <v>0.21510554636392021</v>
      </c>
      <c r="J5985">
        <f t="shared" si="665"/>
        <v>0.7170184878797341</v>
      </c>
      <c r="K5985">
        <f t="shared" si="666"/>
        <v>1.075527731819601</v>
      </c>
      <c r="L5985">
        <f t="shared" si="667"/>
        <v>5.162533112734085</v>
      </c>
      <c r="M5985">
        <f t="shared" si="668"/>
        <v>0</v>
      </c>
      <c r="N5985" s="46">
        <f t="shared" si="669"/>
        <v>45539.9583333189</v>
      </c>
    </row>
    <row r="5986" spans="2:14" x14ac:dyDescent="0.3">
      <c r="B5986">
        <f t="shared" si="663"/>
        <v>4</v>
      </c>
      <c r="C5986" s="16">
        <v>5952</v>
      </c>
      <c r="D5986" cm="1">
        <f t="array" ref="D5986">IFERROR(INDEX(Jesper!AH$2:AH$366,ROUNDDOWN($C5986/24,0)+1,1)*INDEX($D$3:$AA$30,INDEX(Jesper!$R$2:$R$366,ROW(INDEX(Jesper!AH$2:AH$366,ROUNDDOWN($C5986/24,0)+1,1))-1)+IF('Standard Profiles'!$G$18=$B$10,7,0)+IF('Standard Profiles'!$G$18=$B$17,14,0)+IF('Standard Profiles'!$G$18=$B$24,21,0),MOD($C5986,24)+1)/SUM(INDEX($D$3:$AA$30,INDEX(Jesper!$R$2:$R$366,ROW(INDEX(Jesper!AH$2:AH$366,ROUNDDOWN($C5986/24,0)+1,1))-1)+IF('Standard Profiles'!$G$18=$B$10,7,0)+IF('Standard Profiles'!$G$18=$B$17,14,0)+IF('Standard Profiles'!$G$18=$B$24,21,0),0)),0)</f>
        <v>7.0552987027703624</v>
      </c>
      <c r="E5986" cm="1">
        <f t="array" ref="E5986">IFERROR(INDEX(Jesper!AI$2:AI$366,ROUNDDOWN($C5986/24,0)+1,1)*INDEX($D$3:$AA$30,INDEX(Jesper!$R$2:$R$366,ROW(INDEX(Jesper!AI$2:AI$366,ROUNDDOWN($C5986/24,0)+1,1))-1)+IF('Standard Profiles'!$G$19=$B$10,7,0)+IF('Standard Profiles'!$G$19=$B$17,14,0)+IF('Standard Profiles'!$G$19=$B$24,21,0),MOD($C5986,24)+1)/SUM(INDEX($D$3:$AA$30,INDEX(Jesper!$R$2:$R$366,ROW(INDEX(Jesper!AI$2:AI$366,ROUNDDOWN($C5986/24,0)+1,1))-1)+IF('Standard Profiles'!$G$19=$B$10,7,0)+IF('Standard Profiles'!$G$19=$B$17,14,0)+IF('Standard Profiles'!$G$19=$B$24,21,0),0)),0)</f>
        <v>0</v>
      </c>
      <c r="F5986" cm="1">
        <f t="array" ref="F5986">IFERROR(INDEX(Jesper!AJ$2:AJ$366,ROUNDDOWN($C5986/24,0)+1,1)*INDEX($D$3:$AA$30,INDEX(Jesper!$R$2:$R$366,ROW(INDEX(Jesper!AJ$2:AJ$366,ROUNDDOWN($C5986/24,0)+1,1))-1)+IF('Standard Profiles'!$G$20=$B$10,7,0)+IF('Standard Profiles'!$G$20=$B$17,14,0)+IF('Standard Profiles'!$G$20=$B$24,21,0),MOD($C5986,24)+1)/SUM(INDEX($D$3:$AA$30,INDEX(Jesper!$R$2:$R$366,ROW(INDEX(Jesper!AJ$2:AJ$366,ROUNDDOWN($C5986/24,0)+1,1))-1)+IF('Standard Profiles'!$G$20=$B$10,7,0)+IF('Standard Profiles'!$G$20=$B$17,14,0)+IF('Standard Profiles'!$G$20=$B$24,21,0),0)),0)</f>
        <v>0</v>
      </c>
      <c r="G5986" cm="1">
        <f t="array" ref="G5986">IFERROR(INDEX(Jesper!AK$2:AK$366,ROUNDDOWN($C5986/24,0)+1,1)*INDEX($D$3:$AA$30,INDEX(Jesper!$R$2:$R$366,ROW(INDEX(Jesper!AK$2:AK$366,ROUNDDOWN($C5986/24,0)+1,1))-1)+IF('Standard Profiles'!$G$21=$B$10,7,0)+IF('Standard Profiles'!$G$21=$B$17,14,0)+IF('Standard Profiles'!$G$21=$B$24,21,0),MOD($C5986,24)+1)/SUM(INDEX($D$3:$AA$30,INDEX(Jesper!$R$2:$R$366,ROW(INDEX(Jesper!AK$2:AK$366,ROUNDDOWN($C5986/24,0)+1,1))-1)+IF('Standard Profiles'!$G$21=$B$10,7,0)+IF('Standard Profiles'!$G$21=$B$17,14,0)+IF('Standard Profiles'!$G$21=$B$24,21,0),0)),0)</f>
        <v>0</v>
      </c>
      <c r="H5986" cm="1">
        <f t="array" ref="H5986">IFERROR(INDEX(Jesper!AL$2:AL$366,ROUNDDOWN($C5986/24,0)+1,1)*INDEX($D$3:$AA$30,INDEX(Jesper!$R$2:$R$366,ROW(INDEX(Jesper!AL$2:AL$366,ROUNDDOWN($C5986/24,0)+1,1))-1)+IF('Standard Profiles'!$G$22=$B$10,7,0)+IF('Standard Profiles'!$G$22=$B$17,14,0)+IF('Standard Profiles'!$G$22=$B$24,21,0),MOD($C5986,24)+1)/SUM(INDEX($D$3:$AA$30,INDEX(Jesper!$R$2:$R$366,ROW(INDEX(Jesper!AL$2:AL$366,ROUNDDOWN($C5986/24,0)+1,1))-1)+IF('Standard Profiles'!$G$22=$B$10,7,0)+IF('Standard Profiles'!$G$22=$B$17,14,0)+IF('Standard Profiles'!$G$22=$B$24,21,0),0)),0)</f>
        <v>0</v>
      </c>
      <c r="I5986">
        <f t="shared" si="664"/>
        <v>0.21165896108311086</v>
      </c>
      <c r="J5986">
        <f t="shared" si="665"/>
        <v>0.70552987027703629</v>
      </c>
      <c r="K5986">
        <f t="shared" si="666"/>
        <v>1.0582948054155543</v>
      </c>
      <c r="L5986">
        <f t="shared" si="667"/>
        <v>5.0798150659946604</v>
      </c>
      <c r="M5986">
        <f t="shared" si="668"/>
        <v>0</v>
      </c>
      <c r="N5986" s="46">
        <f t="shared" si="669"/>
        <v>45539.999999985565</v>
      </c>
    </row>
    <row r="5987" spans="2:14" x14ac:dyDescent="0.3">
      <c r="B5987">
        <f t="shared" ref="B5987:B6050" si="670">WEEKDAY(N5987,2)</f>
        <v>4</v>
      </c>
      <c r="C5987" s="16">
        <v>5953</v>
      </c>
      <c r="D5987" cm="1">
        <f t="array" ref="D5987">IFERROR(INDEX(Jesper!AH$2:AH$366,ROUNDDOWN($C5987/24,0)+1,1)*INDEX($D$3:$AA$30,INDEX(Jesper!$R$2:$R$366,ROW(INDEX(Jesper!AH$2:AH$366,ROUNDDOWN($C5987/24,0)+1,1))-1)+IF('Standard Profiles'!$G$18=$B$10,7,0)+IF('Standard Profiles'!$G$18=$B$17,14,0)+IF('Standard Profiles'!$G$18=$B$24,21,0),MOD($C5987,24)+1)/SUM(INDEX($D$3:$AA$30,INDEX(Jesper!$R$2:$R$366,ROW(INDEX(Jesper!AH$2:AH$366,ROUNDDOWN($C5987/24,0)+1,1))-1)+IF('Standard Profiles'!$G$18=$B$10,7,0)+IF('Standard Profiles'!$G$18=$B$17,14,0)+IF('Standard Profiles'!$G$18=$B$24,21,0),0)),0)</f>
        <v>7.0552987027703624</v>
      </c>
      <c r="E5987" cm="1">
        <f t="array" ref="E5987">IFERROR(INDEX(Jesper!AI$2:AI$366,ROUNDDOWN($C5987/24,0)+1,1)*INDEX($D$3:$AA$30,INDEX(Jesper!$R$2:$R$366,ROW(INDEX(Jesper!AI$2:AI$366,ROUNDDOWN($C5987/24,0)+1,1))-1)+IF('Standard Profiles'!$G$19=$B$10,7,0)+IF('Standard Profiles'!$G$19=$B$17,14,0)+IF('Standard Profiles'!$G$19=$B$24,21,0),MOD($C5987,24)+1)/SUM(INDEX($D$3:$AA$30,INDEX(Jesper!$R$2:$R$366,ROW(INDEX(Jesper!AI$2:AI$366,ROUNDDOWN($C5987/24,0)+1,1))-1)+IF('Standard Profiles'!$G$19=$B$10,7,0)+IF('Standard Profiles'!$G$19=$B$17,14,0)+IF('Standard Profiles'!$G$19=$B$24,21,0),0)),0)</f>
        <v>0</v>
      </c>
      <c r="F5987" cm="1">
        <f t="array" ref="F5987">IFERROR(INDEX(Jesper!AJ$2:AJ$366,ROUNDDOWN($C5987/24,0)+1,1)*INDEX($D$3:$AA$30,INDEX(Jesper!$R$2:$R$366,ROW(INDEX(Jesper!AJ$2:AJ$366,ROUNDDOWN($C5987/24,0)+1,1))-1)+IF('Standard Profiles'!$G$20=$B$10,7,0)+IF('Standard Profiles'!$G$20=$B$17,14,0)+IF('Standard Profiles'!$G$20=$B$24,21,0),MOD($C5987,24)+1)/SUM(INDEX($D$3:$AA$30,INDEX(Jesper!$R$2:$R$366,ROW(INDEX(Jesper!AJ$2:AJ$366,ROUNDDOWN($C5987/24,0)+1,1))-1)+IF('Standard Profiles'!$G$20=$B$10,7,0)+IF('Standard Profiles'!$G$20=$B$17,14,0)+IF('Standard Profiles'!$G$20=$B$24,21,0),0)),0)</f>
        <v>0</v>
      </c>
      <c r="G5987" cm="1">
        <f t="array" ref="G5987">IFERROR(INDEX(Jesper!AK$2:AK$366,ROUNDDOWN($C5987/24,0)+1,1)*INDEX($D$3:$AA$30,INDEX(Jesper!$R$2:$R$366,ROW(INDEX(Jesper!AK$2:AK$366,ROUNDDOWN($C5987/24,0)+1,1))-1)+IF('Standard Profiles'!$G$21=$B$10,7,0)+IF('Standard Profiles'!$G$21=$B$17,14,0)+IF('Standard Profiles'!$G$21=$B$24,21,0),MOD($C5987,24)+1)/SUM(INDEX($D$3:$AA$30,INDEX(Jesper!$R$2:$R$366,ROW(INDEX(Jesper!AK$2:AK$366,ROUNDDOWN($C5987/24,0)+1,1))-1)+IF('Standard Profiles'!$G$21=$B$10,7,0)+IF('Standard Profiles'!$G$21=$B$17,14,0)+IF('Standard Profiles'!$G$21=$B$24,21,0),0)),0)</f>
        <v>0</v>
      </c>
      <c r="H5987" cm="1">
        <f t="array" ref="H5987">IFERROR(INDEX(Jesper!AL$2:AL$366,ROUNDDOWN($C5987/24,0)+1,1)*INDEX($D$3:$AA$30,INDEX(Jesper!$R$2:$R$366,ROW(INDEX(Jesper!AL$2:AL$366,ROUNDDOWN($C5987/24,0)+1,1))-1)+IF('Standard Profiles'!$G$22=$B$10,7,0)+IF('Standard Profiles'!$G$22=$B$17,14,0)+IF('Standard Profiles'!$G$22=$B$24,21,0),MOD($C5987,24)+1)/SUM(INDEX($D$3:$AA$30,INDEX(Jesper!$R$2:$R$366,ROW(INDEX(Jesper!AL$2:AL$366,ROUNDDOWN($C5987/24,0)+1,1))-1)+IF('Standard Profiles'!$G$22=$B$10,7,0)+IF('Standard Profiles'!$G$22=$B$17,14,0)+IF('Standard Profiles'!$G$22=$B$24,21,0),0)),0)</f>
        <v>0</v>
      </c>
      <c r="I5987">
        <f t="shared" ref="I5987:I6050" si="671">IF($B5987&lt;6,AC$37*$D5987+AC$38*$E5987+AC$39*$F5987+AC$40*$G5987,AC$46*$D5987+AC$47*$E5987+AC$48*$F5987+AC$49*$G5987+AC$50*$H5987)</f>
        <v>0.21165896108311086</v>
      </c>
      <c r="J5987">
        <f t="shared" ref="J5987:J6050" si="672">IF($B5987&lt;6,AD$37*$D5987+AD$38*$E5987+AD$39*$F5987+AD$40*$G5987,AD$46*$D5987+AD$47*$E5987+AD$48*$F5987+AD$49*$G5987+AD$50*$H5987)</f>
        <v>0.70552987027703629</v>
      </c>
      <c r="K5987">
        <f t="shared" ref="K5987:K6050" si="673">IF($B5987&lt;6,AE$37*$D5987+AE$38*$E5987+AE$39*$F5987+AE$40*$G5987,AE$46*$D5987+AE$47*$E5987+AE$48*$F5987+AE$49*$G5987+AE$50*$H5987)</f>
        <v>1.0582948054155543</v>
      </c>
      <c r="L5987">
        <f t="shared" ref="L5987:L6050" si="674">IF($B5987&lt;6,AF$37*$D5987+AF$38*$E5987+AF$39*$F5987+AF$40*$G5987,AF$46*$D5987+AF$47*$E5987+AF$48*$F5987+AF$49*$G5987+AF$50*$H5987)</f>
        <v>5.0798150659946604</v>
      </c>
      <c r="M5987">
        <f t="shared" ref="M5987:M6050" si="675">IF($B5987&lt;6,AG$37*$D5987+AG$38*$E5987+AG$39*$F5987+AG$40*$G5987,AG$46*$D5987+AG$47*$E5987+AG$48*$F5987+AG$49*$G5987+AG$50*$H5987)</f>
        <v>0</v>
      </c>
      <c r="N5987" s="46">
        <f t="shared" si="669"/>
        <v>45540.041666652229</v>
      </c>
    </row>
    <row r="5988" spans="2:14" x14ac:dyDescent="0.3">
      <c r="B5988">
        <f t="shared" si="670"/>
        <v>4</v>
      </c>
      <c r="C5988" s="16">
        <v>5954</v>
      </c>
      <c r="D5988" cm="1">
        <f t="array" ref="D5988">IFERROR(INDEX(Jesper!AH$2:AH$366,ROUNDDOWN($C5988/24,0)+1,1)*INDEX($D$3:$AA$30,INDEX(Jesper!$R$2:$R$366,ROW(INDEX(Jesper!AH$2:AH$366,ROUNDDOWN($C5988/24,0)+1,1))-1)+IF('Standard Profiles'!$G$18=$B$10,7,0)+IF('Standard Profiles'!$G$18=$B$17,14,0)+IF('Standard Profiles'!$G$18=$B$24,21,0),MOD($C5988,24)+1)/SUM(INDEX($D$3:$AA$30,INDEX(Jesper!$R$2:$R$366,ROW(INDEX(Jesper!AH$2:AH$366,ROUNDDOWN($C5988/24,0)+1,1))-1)+IF('Standard Profiles'!$G$18=$B$10,7,0)+IF('Standard Profiles'!$G$18=$B$17,14,0)+IF('Standard Profiles'!$G$18=$B$24,21,0),0)),0)</f>
        <v>7.0552987027703624</v>
      </c>
      <c r="E5988" cm="1">
        <f t="array" ref="E5988">IFERROR(INDEX(Jesper!AI$2:AI$366,ROUNDDOWN($C5988/24,0)+1,1)*INDEX($D$3:$AA$30,INDEX(Jesper!$R$2:$R$366,ROW(INDEX(Jesper!AI$2:AI$366,ROUNDDOWN($C5988/24,0)+1,1))-1)+IF('Standard Profiles'!$G$19=$B$10,7,0)+IF('Standard Profiles'!$G$19=$B$17,14,0)+IF('Standard Profiles'!$G$19=$B$24,21,0),MOD($C5988,24)+1)/SUM(INDEX($D$3:$AA$30,INDEX(Jesper!$R$2:$R$366,ROW(INDEX(Jesper!AI$2:AI$366,ROUNDDOWN($C5988/24,0)+1,1))-1)+IF('Standard Profiles'!$G$19=$B$10,7,0)+IF('Standard Profiles'!$G$19=$B$17,14,0)+IF('Standard Profiles'!$G$19=$B$24,21,0),0)),0)</f>
        <v>0</v>
      </c>
      <c r="F5988" cm="1">
        <f t="array" ref="F5988">IFERROR(INDEX(Jesper!AJ$2:AJ$366,ROUNDDOWN($C5988/24,0)+1,1)*INDEX($D$3:$AA$30,INDEX(Jesper!$R$2:$R$366,ROW(INDEX(Jesper!AJ$2:AJ$366,ROUNDDOWN($C5988/24,0)+1,1))-1)+IF('Standard Profiles'!$G$20=$B$10,7,0)+IF('Standard Profiles'!$G$20=$B$17,14,0)+IF('Standard Profiles'!$G$20=$B$24,21,0),MOD($C5988,24)+1)/SUM(INDEX($D$3:$AA$30,INDEX(Jesper!$R$2:$R$366,ROW(INDEX(Jesper!AJ$2:AJ$366,ROUNDDOWN($C5988/24,0)+1,1))-1)+IF('Standard Profiles'!$G$20=$B$10,7,0)+IF('Standard Profiles'!$G$20=$B$17,14,0)+IF('Standard Profiles'!$G$20=$B$24,21,0),0)),0)</f>
        <v>0</v>
      </c>
      <c r="G5988" cm="1">
        <f t="array" ref="G5988">IFERROR(INDEX(Jesper!AK$2:AK$366,ROUNDDOWN($C5988/24,0)+1,1)*INDEX($D$3:$AA$30,INDEX(Jesper!$R$2:$R$366,ROW(INDEX(Jesper!AK$2:AK$366,ROUNDDOWN($C5988/24,0)+1,1))-1)+IF('Standard Profiles'!$G$21=$B$10,7,0)+IF('Standard Profiles'!$G$21=$B$17,14,0)+IF('Standard Profiles'!$G$21=$B$24,21,0),MOD($C5988,24)+1)/SUM(INDEX($D$3:$AA$30,INDEX(Jesper!$R$2:$R$366,ROW(INDEX(Jesper!AK$2:AK$366,ROUNDDOWN($C5988/24,0)+1,1))-1)+IF('Standard Profiles'!$G$21=$B$10,7,0)+IF('Standard Profiles'!$G$21=$B$17,14,0)+IF('Standard Profiles'!$G$21=$B$24,21,0),0)),0)</f>
        <v>0</v>
      </c>
      <c r="H5988" cm="1">
        <f t="array" ref="H5988">IFERROR(INDEX(Jesper!AL$2:AL$366,ROUNDDOWN($C5988/24,0)+1,1)*INDEX($D$3:$AA$30,INDEX(Jesper!$R$2:$R$366,ROW(INDEX(Jesper!AL$2:AL$366,ROUNDDOWN($C5988/24,0)+1,1))-1)+IF('Standard Profiles'!$G$22=$B$10,7,0)+IF('Standard Profiles'!$G$22=$B$17,14,0)+IF('Standard Profiles'!$G$22=$B$24,21,0),MOD($C5988,24)+1)/SUM(INDEX($D$3:$AA$30,INDEX(Jesper!$R$2:$R$366,ROW(INDEX(Jesper!AL$2:AL$366,ROUNDDOWN($C5988/24,0)+1,1))-1)+IF('Standard Profiles'!$G$22=$B$10,7,0)+IF('Standard Profiles'!$G$22=$B$17,14,0)+IF('Standard Profiles'!$G$22=$B$24,21,0),0)),0)</f>
        <v>0</v>
      </c>
      <c r="I5988">
        <f t="shared" si="671"/>
        <v>0.21165896108311086</v>
      </c>
      <c r="J5988">
        <f t="shared" si="672"/>
        <v>0.70552987027703629</v>
      </c>
      <c r="K5988">
        <f t="shared" si="673"/>
        <v>1.0582948054155543</v>
      </c>
      <c r="L5988">
        <f t="shared" si="674"/>
        <v>5.0798150659946604</v>
      </c>
      <c r="M5988">
        <f t="shared" si="675"/>
        <v>0</v>
      </c>
      <c r="N5988" s="46">
        <f t="shared" ref="N5988:N6051" si="676">N5987+1/24</f>
        <v>45540.083333318893</v>
      </c>
    </row>
    <row r="5989" spans="2:14" x14ac:dyDescent="0.3">
      <c r="B5989">
        <f t="shared" si="670"/>
        <v>4</v>
      </c>
      <c r="C5989" s="16">
        <v>5955</v>
      </c>
      <c r="D5989" cm="1">
        <f t="array" ref="D5989">IFERROR(INDEX(Jesper!AH$2:AH$366,ROUNDDOWN($C5989/24,0)+1,1)*INDEX($D$3:$AA$30,INDEX(Jesper!$R$2:$R$366,ROW(INDEX(Jesper!AH$2:AH$366,ROUNDDOWN($C5989/24,0)+1,1))-1)+IF('Standard Profiles'!$G$18=$B$10,7,0)+IF('Standard Profiles'!$G$18=$B$17,14,0)+IF('Standard Profiles'!$G$18=$B$24,21,0),MOD($C5989,24)+1)/SUM(INDEX($D$3:$AA$30,INDEX(Jesper!$R$2:$R$366,ROW(INDEX(Jesper!AH$2:AH$366,ROUNDDOWN($C5989/24,0)+1,1))-1)+IF('Standard Profiles'!$G$18=$B$10,7,0)+IF('Standard Profiles'!$G$18=$B$17,14,0)+IF('Standard Profiles'!$G$18=$B$24,21,0),0)),0)</f>
        <v>7.0552987027703624</v>
      </c>
      <c r="E5989" cm="1">
        <f t="array" ref="E5989">IFERROR(INDEX(Jesper!AI$2:AI$366,ROUNDDOWN($C5989/24,0)+1,1)*INDEX($D$3:$AA$30,INDEX(Jesper!$R$2:$R$366,ROW(INDEX(Jesper!AI$2:AI$366,ROUNDDOWN($C5989/24,0)+1,1))-1)+IF('Standard Profiles'!$G$19=$B$10,7,0)+IF('Standard Profiles'!$G$19=$B$17,14,0)+IF('Standard Profiles'!$G$19=$B$24,21,0),MOD($C5989,24)+1)/SUM(INDEX($D$3:$AA$30,INDEX(Jesper!$R$2:$R$366,ROW(INDEX(Jesper!AI$2:AI$366,ROUNDDOWN($C5989/24,0)+1,1))-1)+IF('Standard Profiles'!$G$19=$B$10,7,0)+IF('Standard Profiles'!$G$19=$B$17,14,0)+IF('Standard Profiles'!$G$19=$B$24,21,0),0)),0)</f>
        <v>0</v>
      </c>
      <c r="F5989" cm="1">
        <f t="array" ref="F5989">IFERROR(INDEX(Jesper!AJ$2:AJ$366,ROUNDDOWN($C5989/24,0)+1,1)*INDEX($D$3:$AA$30,INDEX(Jesper!$R$2:$R$366,ROW(INDEX(Jesper!AJ$2:AJ$366,ROUNDDOWN($C5989/24,0)+1,1))-1)+IF('Standard Profiles'!$G$20=$B$10,7,0)+IF('Standard Profiles'!$G$20=$B$17,14,0)+IF('Standard Profiles'!$G$20=$B$24,21,0),MOD($C5989,24)+1)/SUM(INDEX($D$3:$AA$30,INDEX(Jesper!$R$2:$R$366,ROW(INDEX(Jesper!AJ$2:AJ$366,ROUNDDOWN($C5989/24,0)+1,1))-1)+IF('Standard Profiles'!$G$20=$B$10,7,0)+IF('Standard Profiles'!$G$20=$B$17,14,0)+IF('Standard Profiles'!$G$20=$B$24,21,0),0)),0)</f>
        <v>0</v>
      </c>
      <c r="G5989" cm="1">
        <f t="array" ref="G5989">IFERROR(INDEX(Jesper!AK$2:AK$366,ROUNDDOWN($C5989/24,0)+1,1)*INDEX($D$3:$AA$30,INDEX(Jesper!$R$2:$R$366,ROW(INDEX(Jesper!AK$2:AK$366,ROUNDDOWN($C5989/24,0)+1,1))-1)+IF('Standard Profiles'!$G$21=$B$10,7,0)+IF('Standard Profiles'!$G$21=$B$17,14,0)+IF('Standard Profiles'!$G$21=$B$24,21,0),MOD($C5989,24)+1)/SUM(INDEX($D$3:$AA$30,INDEX(Jesper!$R$2:$R$366,ROW(INDEX(Jesper!AK$2:AK$366,ROUNDDOWN($C5989/24,0)+1,1))-1)+IF('Standard Profiles'!$G$21=$B$10,7,0)+IF('Standard Profiles'!$G$21=$B$17,14,0)+IF('Standard Profiles'!$G$21=$B$24,21,0),0)),0)</f>
        <v>0</v>
      </c>
      <c r="H5989" cm="1">
        <f t="array" ref="H5989">IFERROR(INDEX(Jesper!AL$2:AL$366,ROUNDDOWN($C5989/24,0)+1,1)*INDEX($D$3:$AA$30,INDEX(Jesper!$R$2:$R$366,ROW(INDEX(Jesper!AL$2:AL$366,ROUNDDOWN($C5989/24,0)+1,1))-1)+IF('Standard Profiles'!$G$22=$B$10,7,0)+IF('Standard Profiles'!$G$22=$B$17,14,0)+IF('Standard Profiles'!$G$22=$B$24,21,0),MOD($C5989,24)+1)/SUM(INDEX($D$3:$AA$30,INDEX(Jesper!$R$2:$R$366,ROW(INDEX(Jesper!AL$2:AL$366,ROUNDDOWN($C5989/24,0)+1,1))-1)+IF('Standard Profiles'!$G$22=$B$10,7,0)+IF('Standard Profiles'!$G$22=$B$17,14,0)+IF('Standard Profiles'!$G$22=$B$24,21,0),0)),0)</f>
        <v>0</v>
      </c>
      <c r="I5989">
        <f t="shared" si="671"/>
        <v>0.21165896108311086</v>
      </c>
      <c r="J5989">
        <f t="shared" si="672"/>
        <v>0.70552987027703629</v>
      </c>
      <c r="K5989">
        <f t="shared" si="673"/>
        <v>1.0582948054155543</v>
      </c>
      <c r="L5989">
        <f t="shared" si="674"/>
        <v>5.0798150659946604</v>
      </c>
      <c r="M5989">
        <f t="shared" si="675"/>
        <v>0</v>
      </c>
      <c r="N5989" s="46">
        <f t="shared" si="676"/>
        <v>45540.124999985557</v>
      </c>
    </row>
    <row r="5990" spans="2:14" x14ac:dyDescent="0.3">
      <c r="B5990">
        <f t="shared" si="670"/>
        <v>4</v>
      </c>
      <c r="C5990" s="16">
        <v>5956</v>
      </c>
      <c r="D5990" cm="1">
        <f t="array" ref="D5990">IFERROR(INDEX(Jesper!AH$2:AH$366,ROUNDDOWN($C5990/24,0)+1,1)*INDEX($D$3:$AA$30,INDEX(Jesper!$R$2:$R$366,ROW(INDEX(Jesper!AH$2:AH$366,ROUNDDOWN($C5990/24,0)+1,1))-1)+IF('Standard Profiles'!$G$18=$B$10,7,0)+IF('Standard Profiles'!$G$18=$B$17,14,0)+IF('Standard Profiles'!$G$18=$B$24,21,0),MOD($C5990,24)+1)/SUM(INDEX($D$3:$AA$30,INDEX(Jesper!$R$2:$R$366,ROW(INDEX(Jesper!AH$2:AH$366,ROUNDDOWN($C5990/24,0)+1,1))-1)+IF('Standard Profiles'!$G$18=$B$10,7,0)+IF('Standard Profiles'!$G$18=$B$17,14,0)+IF('Standard Profiles'!$G$18=$B$24,21,0),0)),0)</f>
        <v>7.0552987027703624</v>
      </c>
      <c r="E5990" cm="1">
        <f t="array" ref="E5990">IFERROR(INDEX(Jesper!AI$2:AI$366,ROUNDDOWN($C5990/24,0)+1,1)*INDEX($D$3:$AA$30,INDEX(Jesper!$R$2:$R$366,ROW(INDEX(Jesper!AI$2:AI$366,ROUNDDOWN($C5990/24,0)+1,1))-1)+IF('Standard Profiles'!$G$19=$B$10,7,0)+IF('Standard Profiles'!$G$19=$B$17,14,0)+IF('Standard Profiles'!$G$19=$B$24,21,0),MOD($C5990,24)+1)/SUM(INDEX($D$3:$AA$30,INDEX(Jesper!$R$2:$R$366,ROW(INDEX(Jesper!AI$2:AI$366,ROUNDDOWN($C5990/24,0)+1,1))-1)+IF('Standard Profiles'!$G$19=$B$10,7,0)+IF('Standard Profiles'!$G$19=$B$17,14,0)+IF('Standard Profiles'!$G$19=$B$24,21,0),0)),0)</f>
        <v>0</v>
      </c>
      <c r="F5990" cm="1">
        <f t="array" ref="F5990">IFERROR(INDEX(Jesper!AJ$2:AJ$366,ROUNDDOWN($C5990/24,0)+1,1)*INDEX($D$3:$AA$30,INDEX(Jesper!$R$2:$R$366,ROW(INDEX(Jesper!AJ$2:AJ$366,ROUNDDOWN($C5990/24,0)+1,1))-1)+IF('Standard Profiles'!$G$20=$B$10,7,0)+IF('Standard Profiles'!$G$20=$B$17,14,0)+IF('Standard Profiles'!$G$20=$B$24,21,0),MOD($C5990,24)+1)/SUM(INDEX($D$3:$AA$30,INDEX(Jesper!$R$2:$R$366,ROW(INDEX(Jesper!AJ$2:AJ$366,ROUNDDOWN($C5990/24,0)+1,1))-1)+IF('Standard Profiles'!$G$20=$B$10,7,0)+IF('Standard Profiles'!$G$20=$B$17,14,0)+IF('Standard Profiles'!$G$20=$B$24,21,0),0)),0)</f>
        <v>0</v>
      </c>
      <c r="G5990" cm="1">
        <f t="array" ref="G5990">IFERROR(INDEX(Jesper!AK$2:AK$366,ROUNDDOWN($C5990/24,0)+1,1)*INDEX($D$3:$AA$30,INDEX(Jesper!$R$2:$R$366,ROW(INDEX(Jesper!AK$2:AK$366,ROUNDDOWN($C5990/24,0)+1,1))-1)+IF('Standard Profiles'!$G$21=$B$10,7,0)+IF('Standard Profiles'!$G$21=$B$17,14,0)+IF('Standard Profiles'!$G$21=$B$24,21,0),MOD($C5990,24)+1)/SUM(INDEX($D$3:$AA$30,INDEX(Jesper!$R$2:$R$366,ROW(INDEX(Jesper!AK$2:AK$366,ROUNDDOWN($C5990/24,0)+1,1))-1)+IF('Standard Profiles'!$G$21=$B$10,7,0)+IF('Standard Profiles'!$G$21=$B$17,14,0)+IF('Standard Profiles'!$G$21=$B$24,21,0),0)),0)</f>
        <v>0</v>
      </c>
      <c r="H5990" cm="1">
        <f t="array" ref="H5990">IFERROR(INDEX(Jesper!AL$2:AL$366,ROUNDDOWN($C5990/24,0)+1,1)*INDEX($D$3:$AA$30,INDEX(Jesper!$R$2:$R$366,ROW(INDEX(Jesper!AL$2:AL$366,ROUNDDOWN($C5990/24,0)+1,1))-1)+IF('Standard Profiles'!$G$22=$B$10,7,0)+IF('Standard Profiles'!$G$22=$B$17,14,0)+IF('Standard Profiles'!$G$22=$B$24,21,0),MOD($C5990,24)+1)/SUM(INDEX($D$3:$AA$30,INDEX(Jesper!$R$2:$R$366,ROW(INDEX(Jesper!AL$2:AL$366,ROUNDDOWN($C5990/24,0)+1,1))-1)+IF('Standard Profiles'!$G$22=$B$10,7,0)+IF('Standard Profiles'!$G$22=$B$17,14,0)+IF('Standard Profiles'!$G$22=$B$24,21,0),0)),0)</f>
        <v>0</v>
      </c>
      <c r="I5990">
        <f t="shared" si="671"/>
        <v>0.21165896108311086</v>
      </c>
      <c r="J5990">
        <f t="shared" si="672"/>
        <v>0.70552987027703629</v>
      </c>
      <c r="K5990">
        <f t="shared" si="673"/>
        <v>1.0582948054155543</v>
      </c>
      <c r="L5990">
        <f t="shared" si="674"/>
        <v>5.0798150659946604</v>
      </c>
      <c r="M5990">
        <f t="shared" si="675"/>
        <v>0</v>
      </c>
      <c r="N5990" s="46">
        <f t="shared" si="676"/>
        <v>45540.166666652221</v>
      </c>
    </row>
    <row r="5991" spans="2:14" x14ac:dyDescent="0.3">
      <c r="B5991">
        <f t="shared" si="670"/>
        <v>4</v>
      </c>
      <c r="C5991" s="16">
        <v>5957</v>
      </c>
      <c r="D5991" cm="1">
        <f t="array" ref="D5991">IFERROR(INDEX(Jesper!AH$2:AH$366,ROUNDDOWN($C5991/24,0)+1,1)*INDEX($D$3:$AA$30,INDEX(Jesper!$R$2:$R$366,ROW(INDEX(Jesper!AH$2:AH$366,ROUNDDOWN($C5991/24,0)+1,1))-1)+IF('Standard Profiles'!$G$18=$B$10,7,0)+IF('Standard Profiles'!$G$18=$B$17,14,0)+IF('Standard Profiles'!$G$18=$B$24,21,0),MOD($C5991,24)+1)/SUM(INDEX($D$3:$AA$30,INDEX(Jesper!$R$2:$R$366,ROW(INDEX(Jesper!AH$2:AH$366,ROUNDDOWN($C5991/24,0)+1,1))-1)+IF('Standard Profiles'!$G$18=$B$10,7,0)+IF('Standard Profiles'!$G$18=$B$17,14,0)+IF('Standard Profiles'!$G$18=$B$24,21,0),0)),0)</f>
        <v>9.0934961057929105</v>
      </c>
      <c r="E5991" cm="1">
        <f t="array" ref="E5991">IFERROR(INDEX(Jesper!AI$2:AI$366,ROUNDDOWN($C5991/24,0)+1,1)*INDEX($D$3:$AA$30,INDEX(Jesper!$R$2:$R$366,ROW(INDEX(Jesper!AI$2:AI$366,ROUNDDOWN($C5991/24,0)+1,1))-1)+IF('Standard Profiles'!$G$19=$B$10,7,0)+IF('Standard Profiles'!$G$19=$B$17,14,0)+IF('Standard Profiles'!$G$19=$B$24,21,0),MOD($C5991,24)+1)/SUM(INDEX($D$3:$AA$30,INDEX(Jesper!$R$2:$R$366,ROW(INDEX(Jesper!AI$2:AI$366,ROUNDDOWN($C5991/24,0)+1,1))-1)+IF('Standard Profiles'!$G$19=$B$10,7,0)+IF('Standard Profiles'!$G$19=$B$17,14,0)+IF('Standard Profiles'!$G$19=$B$24,21,0),0)),0)</f>
        <v>0</v>
      </c>
      <c r="F5991" cm="1">
        <f t="array" ref="F5991">IFERROR(INDEX(Jesper!AJ$2:AJ$366,ROUNDDOWN($C5991/24,0)+1,1)*INDEX($D$3:$AA$30,INDEX(Jesper!$R$2:$R$366,ROW(INDEX(Jesper!AJ$2:AJ$366,ROUNDDOWN($C5991/24,0)+1,1))-1)+IF('Standard Profiles'!$G$20=$B$10,7,0)+IF('Standard Profiles'!$G$20=$B$17,14,0)+IF('Standard Profiles'!$G$20=$B$24,21,0),MOD($C5991,24)+1)/SUM(INDEX($D$3:$AA$30,INDEX(Jesper!$R$2:$R$366,ROW(INDEX(Jesper!AJ$2:AJ$366,ROUNDDOWN($C5991/24,0)+1,1))-1)+IF('Standard Profiles'!$G$20=$B$10,7,0)+IF('Standard Profiles'!$G$20=$B$17,14,0)+IF('Standard Profiles'!$G$20=$B$24,21,0),0)),0)</f>
        <v>0</v>
      </c>
      <c r="G5991" cm="1">
        <f t="array" ref="G5991">IFERROR(INDEX(Jesper!AK$2:AK$366,ROUNDDOWN($C5991/24,0)+1,1)*INDEX($D$3:$AA$30,INDEX(Jesper!$R$2:$R$366,ROW(INDEX(Jesper!AK$2:AK$366,ROUNDDOWN($C5991/24,0)+1,1))-1)+IF('Standard Profiles'!$G$21=$B$10,7,0)+IF('Standard Profiles'!$G$21=$B$17,14,0)+IF('Standard Profiles'!$G$21=$B$24,21,0),MOD($C5991,24)+1)/SUM(INDEX($D$3:$AA$30,INDEX(Jesper!$R$2:$R$366,ROW(INDEX(Jesper!AK$2:AK$366,ROUNDDOWN($C5991/24,0)+1,1))-1)+IF('Standard Profiles'!$G$21=$B$10,7,0)+IF('Standard Profiles'!$G$21=$B$17,14,0)+IF('Standard Profiles'!$G$21=$B$24,21,0),0)),0)</f>
        <v>0</v>
      </c>
      <c r="H5991" cm="1">
        <f t="array" ref="H5991">IFERROR(INDEX(Jesper!AL$2:AL$366,ROUNDDOWN($C5991/24,0)+1,1)*INDEX($D$3:$AA$30,INDEX(Jesper!$R$2:$R$366,ROW(INDEX(Jesper!AL$2:AL$366,ROUNDDOWN($C5991/24,0)+1,1))-1)+IF('Standard Profiles'!$G$22=$B$10,7,0)+IF('Standard Profiles'!$G$22=$B$17,14,0)+IF('Standard Profiles'!$G$22=$B$24,21,0),MOD($C5991,24)+1)/SUM(INDEX($D$3:$AA$30,INDEX(Jesper!$R$2:$R$366,ROW(INDEX(Jesper!AL$2:AL$366,ROUNDDOWN($C5991/24,0)+1,1))-1)+IF('Standard Profiles'!$G$22=$B$10,7,0)+IF('Standard Profiles'!$G$22=$B$17,14,0)+IF('Standard Profiles'!$G$22=$B$24,21,0),0)),0)</f>
        <v>0</v>
      </c>
      <c r="I5991">
        <f t="shared" si="671"/>
        <v>0.27280488317378732</v>
      </c>
      <c r="J5991">
        <f t="shared" si="672"/>
        <v>0.90934961057929109</v>
      </c>
      <c r="K5991">
        <f t="shared" si="673"/>
        <v>1.3640244158689365</v>
      </c>
      <c r="L5991">
        <f t="shared" si="674"/>
        <v>6.5473171961708951</v>
      </c>
      <c r="M5991">
        <f t="shared" si="675"/>
        <v>0</v>
      </c>
      <c r="N5991" s="46">
        <f t="shared" si="676"/>
        <v>45540.208333318886</v>
      </c>
    </row>
    <row r="5992" spans="2:14" x14ac:dyDescent="0.3">
      <c r="B5992">
        <f t="shared" si="670"/>
        <v>4</v>
      </c>
      <c r="C5992" s="16">
        <v>5958</v>
      </c>
      <c r="D5992" cm="1">
        <f t="array" ref="D5992">IFERROR(INDEX(Jesper!AH$2:AH$366,ROUNDDOWN($C5992/24,0)+1,1)*INDEX($D$3:$AA$30,INDEX(Jesper!$R$2:$R$366,ROW(INDEX(Jesper!AH$2:AH$366,ROUNDDOWN($C5992/24,0)+1,1))-1)+IF('Standard Profiles'!$G$18=$B$10,7,0)+IF('Standard Profiles'!$G$18=$B$17,14,0)+IF('Standard Profiles'!$G$18=$B$24,21,0),MOD($C5992,24)+1)/SUM(INDEX($D$3:$AA$30,INDEX(Jesper!$R$2:$R$366,ROW(INDEX(Jesper!AH$2:AH$366,ROUNDDOWN($C5992/24,0)+1,1))-1)+IF('Standard Profiles'!$G$18=$B$10,7,0)+IF('Standard Profiles'!$G$18=$B$17,14,0)+IF('Standard Profiles'!$G$18=$B$24,21,0),0)),0)</f>
        <v>10.504555846346983</v>
      </c>
      <c r="E5992" cm="1">
        <f t="array" ref="E5992">IFERROR(INDEX(Jesper!AI$2:AI$366,ROUNDDOWN($C5992/24,0)+1,1)*INDEX($D$3:$AA$30,INDEX(Jesper!$R$2:$R$366,ROW(INDEX(Jesper!AI$2:AI$366,ROUNDDOWN($C5992/24,0)+1,1))-1)+IF('Standard Profiles'!$G$19=$B$10,7,0)+IF('Standard Profiles'!$G$19=$B$17,14,0)+IF('Standard Profiles'!$G$19=$B$24,21,0),MOD($C5992,24)+1)/SUM(INDEX($D$3:$AA$30,INDEX(Jesper!$R$2:$R$366,ROW(INDEX(Jesper!AI$2:AI$366,ROUNDDOWN($C5992/24,0)+1,1))-1)+IF('Standard Profiles'!$G$19=$B$10,7,0)+IF('Standard Profiles'!$G$19=$B$17,14,0)+IF('Standard Profiles'!$G$19=$B$24,21,0),0)),0)</f>
        <v>0</v>
      </c>
      <c r="F5992" cm="1">
        <f t="array" ref="F5992">IFERROR(INDEX(Jesper!AJ$2:AJ$366,ROUNDDOWN($C5992/24,0)+1,1)*INDEX($D$3:$AA$30,INDEX(Jesper!$R$2:$R$366,ROW(INDEX(Jesper!AJ$2:AJ$366,ROUNDDOWN($C5992/24,0)+1,1))-1)+IF('Standard Profiles'!$G$20=$B$10,7,0)+IF('Standard Profiles'!$G$20=$B$17,14,0)+IF('Standard Profiles'!$G$20=$B$24,21,0),MOD($C5992,24)+1)/SUM(INDEX($D$3:$AA$30,INDEX(Jesper!$R$2:$R$366,ROW(INDEX(Jesper!AJ$2:AJ$366,ROUNDDOWN($C5992/24,0)+1,1))-1)+IF('Standard Profiles'!$G$20=$B$10,7,0)+IF('Standard Profiles'!$G$20=$B$17,14,0)+IF('Standard Profiles'!$G$20=$B$24,21,0),0)),0)</f>
        <v>0</v>
      </c>
      <c r="G5992" cm="1">
        <f t="array" ref="G5992">IFERROR(INDEX(Jesper!AK$2:AK$366,ROUNDDOWN($C5992/24,0)+1,1)*INDEX($D$3:$AA$30,INDEX(Jesper!$R$2:$R$366,ROW(INDEX(Jesper!AK$2:AK$366,ROUNDDOWN($C5992/24,0)+1,1))-1)+IF('Standard Profiles'!$G$21=$B$10,7,0)+IF('Standard Profiles'!$G$21=$B$17,14,0)+IF('Standard Profiles'!$G$21=$B$24,21,0),MOD($C5992,24)+1)/SUM(INDEX($D$3:$AA$30,INDEX(Jesper!$R$2:$R$366,ROW(INDEX(Jesper!AK$2:AK$366,ROUNDDOWN($C5992/24,0)+1,1))-1)+IF('Standard Profiles'!$G$21=$B$10,7,0)+IF('Standard Profiles'!$G$21=$B$17,14,0)+IF('Standard Profiles'!$G$21=$B$24,21,0),0)),0)</f>
        <v>0</v>
      </c>
      <c r="H5992" cm="1">
        <f t="array" ref="H5992">IFERROR(INDEX(Jesper!AL$2:AL$366,ROUNDDOWN($C5992/24,0)+1,1)*INDEX($D$3:$AA$30,INDEX(Jesper!$R$2:$R$366,ROW(INDEX(Jesper!AL$2:AL$366,ROUNDDOWN($C5992/24,0)+1,1))-1)+IF('Standard Profiles'!$G$22=$B$10,7,0)+IF('Standard Profiles'!$G$22=$B$17,14,0)+IF('Standard Profiles'!$G$22=$B$24,21,0),MOD($C5992,24)+1)/SUM(INDEX($D$3:$AA$30,INDEX(Jesper!$R$2:$R$366,ROW(INDEX(Jesper!AL$2:AL$366,ROUNDDOWN($C5992/24,0)+1,1))-1)+IF('Standard Profiles'!$G$22=$B$10,7,0)+IF('Standard Profiles'!$G$22=$B$17,14,0)+IF('Standard Profiles'!$G$22=$B$24,21,0),0)),0)</f>
        <v>0</v>
      </c>
      <c r="I5992">
        <f t="shared" si="671"/>
        <v>0.31513667539040952</v>
      </c>
      <c r="J5992">
        <f t="shared" si="672"/>
        <v>1.0504555846346983</v>
      </c>
      <c r="K5992">
        <f t="shared" si="673"/>
        <v>1.5756833769520475</v>
      </c>
      <c r="L5992">
        <f t="shared" si="674"/>
        <v>7.5632802093698279</v>
      </c>
      <c r="M5992">
        <f t="shared" si="675"/>
        <v>0</v>
      </c>
      <c r="N5992" s="46">
        <f t="shared" si="676"/>
        <v>45540.24999998555</v>
      </c>
    </row>
    <row r="5993" spans="2:14" x14ac:dyDescent="0.3">
      <c r="B5993">
        <f t="shared" si="670"/>
        <v>4</v>
      </c>
      <c r="C5993" s="16">
        <v>5959</v>
      </c>
      <c r="D5993" cm="1">
        <f t="array" ref="D5993">IFERROR(INDEX(Jesper!AH$2:AH$366,ROUNDDOWN($C5993/24,0)+1,1)*INDEX($D$3:$AA$30,INDEX(Jesper!$R$2:$R$366,ROW(INDEX(Jesper!AH$2:AH$366,ROUNDDOWN($C5993/24,0)+1,1))-1)+IF('Standard Profiles'!$G$18=$B$10,7,0)+IF('Standard Profiles'!$G$18=$B$17,14,0)+IF('Standard Profiles'!$G$18=$B$24,21,0),MOD($C5993,24)+1)/SUM(INDEX($D$3:$AA$30,INDEX(Jesper!$R$2:$R$366,ROW(INDEX(Jesper!AH$2:AH$366,ROUNDDOWN($C5993/24,0)+1,1))-1)+IF('Standard Profiles'!$G$18=$B$10,7,0)+IF('Standard Profiles'!$G$18=$B$17,14,0)+IF('Standard Profiles'!$G$18=$B$24,21,0),0)),0)</f>
        <v>10.504555846346983</v>
      </c>
      <c r="E5993" cm="1">
        <f t="array" ref="E5993">IFERROR(INDEX(Jesper!AI$2:AI$366,ROUNDDOWN($C5993/24,0)+1,1)*INDEX($D$3:$AA$30,INDEX(Jesper!$R$2:$R$366,ROW(INDEX(Jesper!AI$2:AI$366,ROUNDDOWN($C5993/24,0)+1,1))-1)+IF('Standard Profiles'!$G$19=$B$10,7,0)+IF('Standard Profiles'!$G$19=$B$17,14,0)+IF('Standard Profiles'!$G$19=$B$24,21,0),MOD($C5993,24)+1)/SUM(INDEX($D$3:$AA$30,INDEX(Jesper!$R$2:$R$366,ROW(INDEX(Jesper!AI$2:AI$366,ROUNDDOWN($C5993/24,0)+1,1))-1)+IF('Standard Profiles'!$G$19=$B$10,7,0)+IF('Standard Profiles'!$G$19=$B$17,14,0)+IF('Standard Profiles'!$G$19=$B$24,21,0),0)),0)</f>
        <v>0</v>
      </c>
      <c r="F5993" cm="1">
        <f t="array" ref="F5993">IFERROR(INDEX(Jesper!AJ$2:AJ$366,ROUNDDOWN($C5993/24,0)+1,1)*INDEX($D$3:$AA$30,INDEX(Jesper!$R$2:$R$366,ROW(INDEX(Jesper!AJ$2:AJ$366,ROUNDDOWN($C5993/24,0)+1,1))-1)+IF('Standard Profiles'!$G$20=$B$10,7,0)+IF('Standard Profiles'!$G$20=$B$17,14,0)+IF('Standard Profiles'!$G$20=$B$24,21,0),MOD($C5993,24)+1)/SUM(INDEX($D$3:$AA$30,INDEX(Jesper!$R$2:$R$366,ROW(INDEX(Jesper!AJ$2:AJ$366,ROUNDDOWN($C5993/24,0)+1,1))-1)+IF('Standard Profiles'!$G$20=$B$10,7,0)+IF('Standard Profiles'!$G$20=$B$17,14,0)+IF('Standard Profiles'!$G$20=$B$24,21,0),0)),0)</f>
        <v>0</v>
      </c>
      <c r="G5993" cm="1">
        <f t="array" ref="G5993">IFERROR(INDEX(Jesper!AK$2:AK$366,ROUNDDOWN($C5993/24,0)+1,1)*INDEX($D$3:$AA$30,INDEX(Jesper!$R$2:$R$366,ROW(INDEX(Jesper!AK$2:AK$366,ROUNDDOWN($C5993/24,0)+1,1))-1)+IF('Standard Profiles'!$G$21=$B$10,7,0)+IF('Standard Profiles'!$G$21=$B$17,14,0)+IF('Standard Profiles'!$G$21=$B$24,21,0),MOD($C5993,24)+1)/SUM(INDEX($D$3:$AA$30,INDEX(Jesper!$R$2:$R$366,ROW(INDEX(Jesper!AK$2:AK$366,ROUNDDOWN($C5993/24,0)+1,1))-1)+IF('Standard Profiles'!$G$21=$B$10,7,0)+IF('Standard Profiles'!$G$21=$B$17,14,0)+IF('Standard Profiles'!$G$21=$B$24,21,0),0)),0)</f>
        <v>0</v>
      </c>
      <c r="H5993" cm="1">
        <f t="array" ref="H5993">IFERROR(INDEX(Jesper!AL$2:AL$366,ROUNDDOWN($C5993/24,0)+1,1)*INDEX($D$3:$AA$30,INDEX(Jesper!$R$2:$R$366,ROW(INDEX(Jesper!AL$2:AL$366,ROUNDDOWN($C5993/24,0)+1,1))-1)+IF('Standard Profiles'!$G$22=$B$10,7,0)+IF('Standard Profiles'!$G$22=$B$17,14,0)+IF('Standard Profiles'!$G$22=$B$24,21,0),MOD($C5993,24)+1)/SUM(INDEX($D$3:$AA$30,INDEX(Jesper!$R$2:$R$366,ROW(INDEX(Jesper!AL$2:AL$366,ROUNDDOWN($C5993/24,0)+1,1))-1)+IF('Standard Profiles'!$G$22=$B$10,7,0)+IF('Standard Profiles'!$G$22=$B$17,14,0)+IF('Standard Profiles'!$G$22=$B$24,21,0),0)),0)</f>
        <v>0</v>
      </c>
      <c r="I5993">
        <f t="shared" si="671"/>
        <v>0.31513667539040952</v>
      </c>
      <c r="J5993">
        <f t="shared" si="672"/>
        <v>1.0504555846346983</v>
      </c>
      <c r="K5993">
        <f t="shared" si="673"/>
        <v>1.5756833769520475</v>
      </c>
      <c r="L5993">
        <f t="shared" si="674"/>
        <v>7.5632802093698279</v>
      </c>
      <c r="M5993">
        <f t="shared" si="675"/>
        <v>0</v>
      </c>
      <c r="N5993" s="46">
        <f t="shared" si="676"/>
        <v>45540.291666652214</v>
      </c>
    </row>
    <row r="5994" spans="2:14" x14ac:dyDescent="0.3">
      <c r="B5994">
        <f t="shared" si="670"/>
        <v>4</v>
      </c>
      <c r="C5994" s="16">
        <v>5960</v>
      </c>
      <c r="D5994" cm="1">
        <f t="array" ref="D5994">IFERROR(INDEX(Jesper!AH$2:AH$366,ROUNDDOWN($C5994/24,0)+1,1)*INDEX($D$3:$AA$30,INDEX(Jesper!$R$2:$R$366,ROW(INDEX(Jesper!AH$2:AH$366,ROUNDDOWN($C5994/24,0)+1,1))-1)+IF('Standard Profiles'!$G$18=$B$10,7,0)+IF('Standard Profiles'!$G$18=$B$17,14,0)+IF('Standard Profiles'!$G$18=$B$24,21,0),MOD($C5994,24)+1)/SUM(INDEX($D$3:$AA$30,INDEX(Jesper!$R$2:$R$366,ROW(INDEX(Jesper!AH$2:AH$366,ROUNDDOWN($C5994/24,0)+1,1))-1)+IF('Standard Profiles'!$G$18=$B$10,7,0)+IF('Standard Profiles'!$G$18=$B$17,14,0)+IF('Standard Profiles'!$G$18=$B$24,21,0),0)),0)</f>
        <v>10.504555846346983</v>
      </c>
      <c r="E5994" cm="1">
        <f t="array" ref="E5994">IFERROR(INDEX(Jesper!AI$2:AI$366,ROUNDDOWN($C5994/24,0)+1,1)*INDEX($D$3:$AA$30,INDEX(Jesper!$R$2:$R$366,ROW(INDEX(Jesper!AI$2:AI$366,ROUNDDOWN($C5994/24,0)+1,1))-1)+IF('Standard Profiles'!$G$19=$B$10,7,0)+IF('Standard Profiles'!$G$19=$B$17,14,0)+IF('Standard Profiles'!$G$19=$B$24,21,0),MOD($C5994,24)+1)/SUM(INDEX($D$3:$AA$30,INDEX(Jesper!$R$2:$R$366,ROW(INDEX(Jesper!AI$2:AI$366,ROUNDDOWN($C5994/24,0)+1,1))-1)+IF('Standard Profiles'!$G$19=$B$10,7,0)+IF('Standard Profiles'!$G$19=$B$17,14,0)+IF('Standard Profiles'!$G$19=$B$24,21,0),0)),0)</f>
        <v>0</v>
      </c>
      <c r="F5994" cm="1">
        <f t="array" ref="F5994">IFERROR(INDEX(Jesper!AJ$2:AJ$366,ROUNDDOWN($C5994/24,0)+1,1)*INDEX($D$3:$AA$30,INDEX(Jesper!$R$2:$R$366,ROW(INDEX(Jesper!AJ$2:AJ$366,ROUNDDOWN($C5994/24,0)+1,1))-1)+IF('Standard Profiles'!$G$20=$B$10,7,0)+IF('Standard Profiles'!$G$20=$B$17,14,0)+IF('Standard Profiles'!$G$20=$B$24,21,0),MOD($C5994,24)+1)/SUM(INDEX($D$3:$AA$30,INDEX(Jesper!$R$2:$R$366,ROW(INDEX(Jesper!AJ$2:AJ$366,ROUNDDOWN($C5994/24,0)+1,1))-1)+IF('Standard Profiles'!$G$20=$B$10,7,0)+IF('Standard Profiles'!$G$20=$B$17,14,0)+IF('Standard Profiles'!$G$20=$B$24,21,0),0)),0)</f>
        <v>0</v>
      </c>
      <c r="G5994" cm="1">
        <f t="array" ref="G5994">IFERROR(INDEX(Jesper!AK$2:AK$366,ROUNDDOWN($C5994/24,0)+1,1)*INDEX($D$3:$AA$30,INDEX(Jesper!$R$2:$R$366,ROW(INDEX(Jesper!AK$2:AK$366,ROUNDDOWN($C5994/24,0)+1,1))-1)+IF('Standard Profiles'!$G$21=$B$10,7,0)+IF('Standard Profiles'!$G$21=$B$17,14,0)+IF('Standard Profiles'!$G$21=$B$24,21,0),MOD($C5994,24)+1)/SUM(INDEX($D$3:$AA$30,INDEX(Jesper!$R$2:$R$366,ROW(INDEX(Jesper!AK$2:AK$366,ROUNDDOWN($C5994/24,0)+1,1))-1)+IF('Standard Profiles'!$G$21=$B$10,7,0)+IF('Standard Profiles'!$G$21=$B$17,14,0)+IF('Standard Profiles'!$G$21=$B$24,21,0),0)),0)</f>
        <v>0</v>
      </c>
      <c r="H5994" cm="1">
        <f t="array" ref="H5994">IFERROR(INDEX(Jesper!AL$2:AL$366,ROUNDDOWN($C5994/24,0)+1,1)*INDEX($D$3:$AA$30,INDEX(Jesper!$R$2:$R$366,ROW(INDEX(Jesper!AL$2:AL$366,ROUNDDOWN($C5994/24,0)+1,1))-1)+IF('Standard Profiles'!$G$22=$B$10,7,0)+IF('Standard Profiles'!$G$22=$B$17,14,0)+IF('Standard Profiles'!$G$22=$B$24,21,0),MOD($C5994,24)+1)/SUM(INDEX($D$3:$AA$30,INDEX(Jesper!$R$2:$R$366,ROW(INDEX(Jesper!AL$2:AL$366,ROUNDDOWN($C5994/24,0)+1,1))-1)+IF('Standard Profiles'!$G$22=$B$10,7,0)+IF('Standard Profiles'!$G$22=$B$17,14,0)+IF('Standard Profiles'!$G$22=$B$24,21,0),0)),0)</f>
        <v>0</v>
      </c>
      <c r="I5994">
        <f t="shared" si="671"/>
        <v>0.31513667539040952</v>
      </c>
      <c r="J5994">
        <f t="shared" si="672"/>
        <v>1.0504555846346983</v>
      </c>
      <c r="K5994">
        <f t="shared" si="673"/>
        <v>1.5756833769520475</v>
      </c>
      <c r="L5994">
        <f t="shared" si="674"/>
        <v>7.5632802093698279</v>
      </c>
      <c r="M5994">
        <f t="shared" si="675"/>
        <v>0</v>
      </c>
      <c r="N5994" s="46">
        <f t="shared" si="676"/>
        <v>45540.333333318878</v>
      </c>
    </row>
    <row r="5995" spans="2:14" x14ac:dyDescent="0.3">
      <c r="B5995">
        <f t="shared" si="670"/>
        <v>4</v>
      </c>
      <c r="C5995" s="16">
        <v>5961</v>
      </c>
      <c r="D5995" cm="1">
        <f t="array" ref="D5995">IFERROR(INDEX(Jesper!AH$2:AH$366,ROUNDDOWN($C5995/24,0)+1,1)*INDEX($D$3:$AA$30,INDEX(Jesper!$R$2:$R$366,ROW(INDEX(Jesper!AH$2:AH$366,ROUNDDOWN($C5995/24,0)+1,1))-1)+IF('Standard Profiles'!$G$18=$B$10,7,0)+IF('Standard Profiles'!$G$18=$B$17,14,0)+IF('Standard Profiles'!$G$18=$B$24,21,0),MOD($C5995,24)+1)/SUM(INDEX($D$3:$AA$30,INDEX(Jesper!$R$2:$R$366,ROW(INDEX(Jesper!AH$2:AH$366,ROUNDDOWN($C5995/24,0)+1,1))-1)+IF('Standard Profiles'!$G$18=$B$10,7,0)+IF('Standard Profiles'!$G$18=$B$17,14,0)+IF('Standard Profiles'!$G$18=$B$24,21,0),0)),0)</f>
        <v>11.288477924432579</v>
      </c>
      <c r="E5995" cm="1">
        <f t="array" ref="E5995">IFERROR(INDEX(Jesper!AI$2:AI$366,ROUNDDOWN($C5995/24,0)+1,1)*INDEX($D$3:$AA$30,INDEX(Jesper!$R$2:$R$366,ROW(INDEX(Jesper!AI$2:AI$366,ROUNDDOWN($C5995/24,0)+1,1))-1)+IF('Standard Profiles'!$G$19=$B$10,7,0)+IF('Standard Profiles'!$G$19=$B$17,14,0)+IF('Standard Profiles'!$G$19=$B$24,21,0),MOD($C5995,24)+1)/SUM(INDEX($D$3:$AA$30,INDEX(Jesper!$R$2:$R$366,ROW(INDEX(Jesper!AI$2:AI$366,ROUNDDOWN($C5995/24,0)+1,1))-1)+IF('Standard Profiles'!$G$19=$B$10,7,0)+IF('Standard Profiles'!$G$19=$B$17,14,0)+IF('Standard Profiles'!$G$19=$B$24,21,0),0)),0)</f>
        <v>0</v>
      </c>
      <c r="F5995" cm="1">
        <f t="array" ref="F5995">IFERROR(INDEX(Jesper!AJ$2:AJ$366,ROUNDDOWN($C5995/24,0)+1,1)*INDEX($D$3:$AA$30,INDEX(Jesper!$R$2:$R$366,ROW(INDEX(Jesper!AJ$2:AJ$366,ROUNDDOWN($C5995/24,0)+1,1))-1)+IF('Standard Profiles'!$G$20=$B$10,7,0)+IF('Standard Profiles'!$G$20=$B$17,14,0)+IF('Standard Profiles'!$G$20=$B$24,21,0),MOD($C5995,24)+1)/SUM(INDEX($D$3:$AA$30,INDEX(Jesper!$R$2:$R$366,ROW(INDEX(Jesper!AJ$2:AJ$366,ROUNDDOWN($C5995/24,0)+1,1))-1)+IF('Standard Profiles'!$G$20=$B$10,7,0)+IF('Standard Profiles'!$G$20=$B$17,14,0)+IF('Standard Profiles'!$G$20=$B$24,21,0),0)),0)</f>
        <v>0</v>
      </c>
      <c r="G5995" cm="1">
        <f t="array" ref="G5995">IFERROR(INDEX(Jesper!AK$2:AK$366,ROUNDDOWN($C5995/24,0)+1,1)*INDEX($D$3:$AA$30,INDEX(Jesper!$R$2:$R$366,ROW(INDEX(Jesper!AK$2:AK$366,ROUNDDOWN($C5995/24,0)+1,1))-1)+IF('Standard Profiles'!$G$21=$B$10,7,0)+IF('Standard Profiles'!$G$21=$B$17,14,0)+IF('Standard Profiles'!$G$21=$B$24,21,0),MOD($C5995,24)+1)/SUM(INDEX($D$3:$AA$30,INDEX(Jesper!$R$2:$R$366,ROW(INDEX(Jesper!AK$2:AK$366,ROUNDDOWN($C5995/24,0)+1,1))-1)+IF('Standard Profiles'!$G$21=$B$10,7,0)+IF('Standard Profiles'!$G$21=$B$17,14,0)+IF('Standard Profiles'!$G$21=$B$24,21,0),0)),0)</f>
        <v>0</v>
      </c>
      <c r="H5995" cm="1">
        <f t="array" ref="H5995">IFERROR(INDEX(Jesper!AL$2:AL$366,ROUNDDOWN($C5995/24,0)+1,1)*INDEX($D$3:$AA$30,INDEX(Jesper!$R$2:$R$366,ROW(INDEX(Jesper!AL$2:AL$366,ROUNDDOWN($C5995/24,0)+1,1))-1)+IF('Standard Profiles'!$G$22=$B$10,7,0)+IF('Standard Profiles'!$G$22=$B$17,14,0)+IF('Standard Profiles'!$G$22=$B$24,21,0),MOD($C5995,24)+1)/SUM(INDEX($D$3:$AA$30,INDEX(Jesper!$R$2:$R$366,ROW(INDEX(Jesper!AL$2:AL$366,ROUNDDOWN($C5995/24,0)+1,1))-1)+IF('Standard Profiles'!$G$22=$B$10,7,0)+IF('Standard Profiles'!$G$22=$B$17,14,0)+IF('Standard Profiles'!$G$22=$B$24,21,0),0)),0)</f>
        <v>0</v>
      </c>
      <c r="I5995">
        <f t="shared" si="671"/>
        <v>0.33865433773297737</v>
      </c>
      <c r="J5995">
        <f t="shared" si="672"/>
        <v>1.1288477924432578</v>
      </c>
      <c r="K5995">
        <f t="shared" si="673"/>
        <v>1.6932716886648869</v>
      </c>
      <c r="L5995">
        <f t="shared" si="674"/>
        <v>8.127704105591457</v>
      </c>
      <c r="M5995">
        <f t="shared" si="675"/>
        <v>0</v>
      </c>
      <c r="N5995" s="46">
        <f t="shared" si="676"/>
        <v>45540.374999985543</v>
      </c>
    </row>
    <row r="5996" spans="2:14" x14ac:dyDescent="0.3">
      <c r="B5996">
        <f t="shared" si="670"/>
        <v>4</v>
      </c>
      <c r="C5996" s="16">
        <v>5962</v>
      </c>
      <c r="D5996" cm="1">
        <f t="array" ref="D5996">IFERROR(INDEX(Jesper!AH$2:AH$366,ROUNDDOWN($C5996/24,0)+1,1)*INDEX($D$3:$AA$30,INDEX(Jesper!$R$2:$R$366,ROW(INDEX(Jesper!AH$2:AH$366,ROUNDDOWN($C5996/24,0)+1,1))-1)+IF('Standard Profiles'!$G$18=$B$10,7,0)+IF('Standard Profiles'!$G$18=$B$17,14,0)+IF('Standard Profiles'!$G$18=$B$24,21,0),MOD($C5996,24)+1)/SUM(INDEX($D$3:$AA$30,INDEX(Jesper!$R$2:$R$366,ROW(INDEX(Jesper!AH$2:AH$366,ROUNDDOWN($C5996/24,0)+1,1))-1)+IF('Standard Profiles'!$G$18=$B$10,7,0)+IF('Standard Profiles'!$G$18=$B$17,14,0)+IF('Standard Profiles'!$G$18=$B$24,21,0),0)),0)</f>
        <v>12.229184418135294</v>
      </c>
      <c r="E5996" cm="1">
        <f t="array" ref="E5996">IFERROR(INDEX(Jesper!AI$2:AI$366,ROUNDDOWN($C5996/24,0)+1,1)*INDEX($D$3:$AA$30,INDEX(Jesper!$R$2:$R$366,ROW(INDEX(Jesper!AI$2:AI$366,ROUNDDOWN($C5996/24,0)+1,1))-1)+IF('Standard Profiles'!$G$19=$B$10,7,0)+IF('Standard Profiles'!$G$19=$B$17,14,0)+IF('Standard Profiles'!$G$19=$B$24,21,0),MOD($C5996,24)+1)/SUM(INDEX($D$3:$AA$30,INDEX(Jesper!$R$2:$R$366,ROW(INDEX(Jesper!AI$2:AI$366,ROUNDDOWN($C5996/24,0)+1,1))-1)+IF('Standard Profiles'!$G$19=$B$10,7,0)+IF('Standard Profiles'!$G$19=$B$17,14,0)+IF('Standard Profiles'!$G$19=$B$24,21,0),0)),0)</f>
        <v>0</v>
      </c>
      <c r="F5996" cm="1">
        <f t="array" ref="F5996">IFERROR(INDEX(Jesper!AJ$2:AJ$366,ROUNDDOWN($C5996/24,0)+1,1)*INDEX($D$3:$AA$30,INDEX(Jesper!$R$2:$R$366,ROW(INDEX(Jesper!AJ$2:AJ$366,ROUNDDOWN($C5996/24,0)+1,1))-1)+IF('Standard Profiles'!$G$20=$B$10,7,0)+IF('Standard Profiles'!$G$20=$B$17,14,0)+IF('Standard Profiles'!$G$20=$B$24,21,0),MOD($C5996,24)+1)/SUM(INDEX($D$3:$AA$30,INDEX(Jesper!$R$2:$R$366,ROW(INDEX(Jesper!AJ$2:AJ$366,ROUNDDOWN($C5996/24,0)+1,1))-1)+IF('Standard Profiles'!$G$20=$B$10,7,0)+IF('Standard Profiles'!$G$20=$B$17,14,0)+IF('Standard Profiles'!$G$20=$B$24,21,0),0)),0)</f>
        <v>0</v>
      </c>
      <c r="G5996" cm="1">
        <f t="array" ref="G5996">IFERROR(INDEX(Jesper!AK$2:AK$366,ROUNDDOWN($C5996/24,0)+1,1)*INDEX($D$3:$AA$30,INDEX(Jesper!$R$2:$R$366,ROW(INDEX(Jesper!AK$2:AK$366,ROUNDDOWN($C5996/24,0)+1,1))-1)+IF('Standard Profiles'!$G$21=$B$10,7,0)+IF('Standard Profiles'!$G$21=$B$17,14,0)+IF('Standard Profiles'!$G$21=$B$24,21,0),MOD($C5996,24)+1)/SUM(INDEX($D$3:$AA$30,INDEX(Jesper!$R$2:$R$366,ROW(INDEX(Jesper!AK$2:AK$366,ROUNDDOWN($C5996/24,0)+1,1))-1)+IF('Standard Profiles'!$G$21=$B$10,7,0)+IF('Standard Profiles'!$G$21=$B$17,14,0)+IF('Standard Profiles'!$G$21=$B$24,21,0),0)),0)</f>
        <v>0</v>
      </c>
      <c r="H5996" cm="1">
        <f t="array" ref="H5996">IFERROR(INDEX(Jesper!AL$2:AL$366,ROUNDDOWN($C5996/24,0)+1,1)*INDEX($D$3:$AA$30,INDEX(Jesper!$R$2:$R$366,ROW(INDEX(Jesper!AL$2:AL$366,ROUNDDOWN($C5996/24,0)+1,1))-1)+IF('Standard Profiles'!$G$22=$B$10,7,0)+IF('Standard Profiles'!$G$22=$B$17,14,0)+IF('Standard Profiles'!$G$22=$B$24,21,0),MOD($C5996,24)+1)/SUM(INDEX($D$3:$AA$30,INDEX(Jesper!$R$2:$R$366,ROW(INDEX(Jesper!AL$2:AL$366,ROUNDDOWN($C5996/24,0)+1,1))-1)+IF('Standard Profiles'!$G$22=$B$10,7,0)+IF('Standard Profiles'!$G$22=$B$17,14,0)+IF('Standard Profiles'!$G$22=$B$24,21,0),0)),0)</f>
        <v>0</v>
      </c>
      <c r="I5996">
        <f t="shared" si="671"/>
        <v>0.3668755325440588</v>
      </c>
      <c r="J5996">
        <f t="shared" si="672"/>
        <v>1.2229184418135295</v>
      </c>
      <c r="K5996">
        <f t="shared" si="673"/>
        <v>1.8343776627202939</v>
      </c>
      <c r="L5996">
        <f t="shared" si="674"/>
        <v>8.8050127810574104</v>
      </c>
      <c r="M5996">
        <f t="shared" si="675"/>
        <v>0</v>
      </c>
      <c r="N5996" s="46">
        <f t="shared" si="676"/>
        <v>45540.416666652207</v>
      </c>
    </row>
    <row r="5997" spans="2:14" x14ac:dyDescent="0.3">
      <c r="B5997">
        <f t="shared" si="670"/>
        <v>4</v>
      </c>
      <c r="C5997" s="16">
        <v>5963</v>
      </c>
      <c r="D5997" cm="1">
        <f t="array" ref="D5997">IFERROR(INDEX(Jesper!AH$2:AH$366,ROUNDDOWN($C5997/24,0)+1,1)*INDEX($D$3:$AA$30,INDEX(Jesper!$R$2:$R$366,ROW(INDEX(Jesper!AH$2:AH$366,ROUNDDOWN($C5997/24,0)+1,1))-1)+IF('Standard Profiles'!$G$18=$B$10,7,0)+IF('Standard Profiles'!$G$18=$B$17,14,0)+IF('Standard Profiles'!$G$18=$B$24,21,0),MOD($C5997,24)+1)/SUM(INDEX($D$3:$AA$30,INDEX(Jesper!$R$2:$R$366,ROW(INDEX(Jesper!AH$2:AH$366,ROUNDDOWN($C5997/24,0)+1,1))-1)+IF('Standard Profiles'!$G$18=$B$10,7,0)+IF('Standard Profiles'!$G$18=$B$17,14,0)+IF('Standard Profiles'!$G$18=$B$24,21,0),0)),0)</f>
        <v>14.110597405540725</v>
      </c>
      <c r="E5997" cm="1">
        <f t="array" ref="E5997">IFERROR(INDEX(Jesper!AI$2:AI$366,ROUNDDOWN($C5997/24,0)+1,1)*INDEX($D$3:$AA$30,INDEX(Jesper!$R$2:$R$366,ROW(INDEX(Jesper!AI$2:AI$366,ROUNDDOWN($C5997/24,0)+1,1))-1)+IF('Standard Profiles'!$G$19=$B$10,7,0)+IF('Standard Profiles'!$G$19=$B$17,14,0)+IF('Standard Profiles'!$G$19=$B$24,21,0),MOD($C5997,24)+1)/SUM(INDEX($D$3:$AA$30,INDEX(Jesper!$R$2:$R$366,ROW(INDEX(Jesper!AI$2:AI$366,ROUNDDOWN($C5997/24,0)+1,1))-1)+IF('Standard Profiles'!$G$19=$B$10,7,0)+IF('Standard Profiles'!$G$19=$B$17,14,0)+IF('Standard Profiles'!$G$19=$B$24,21,0),0)),0)</f>
        <v>0</v>
      </c>
      <c r="F5997" cm="1">
        <f t="array" ref="F5997">IFERROR(INDEX(Jesper!AJ$2:AJ$366,ROUNDDOWN($C5997/24,0)+1,1)*INDEX($D$3:$AA$30,INDEX(Jesper!$R$2:$R$366,ROW(INDEX(Jesper!AJ$2:AJ$366,ROUNDDOWN($C5997/24,0)+1,1))-1)+IF('Standard Profiles'!$G$20=$B$10,7,0)+IF('Standard Profiles'!$G$20=$B$17,14,0)+IF('Standard Profiles'!$G$20=$B$24,21,0),MOD($C5997,24)+1)/SUM(INDEX($D$3:$AA$30,INDEX(Jesper!$R$2:$R$366,ROW(INDEX(Jesper!AJ$2:AJ$366,ROUNDDOWN($C5997/24,0)+1,1))-1)+IF('Standard Profiles'!$G$20=$B$10,7,0)+IF('Standard Profiles'!$G$20=$B$17,14,0)+IF('Standard Profiles'!$G$20=$B$24,21,0),0)),0)</f>
        <v>0</v>
      </c>
      <c r="G5997" cm="1">
        <f t="array" ref="G5997">IFERROR(INDEX(Jesper!AK$2:AK$366,ROUNDDOWN($C5997/24,0)+1,1)*INDEX($D$3:$AA$30,INDEX(Jesper!$R$2:$R$366,ROW(INDEX(Jesper!AK$2:AK$366,ROUNDDOWN($C5997/24,0)+1,1))-1)+IF('Standard Profiles'!$G$21=$B$10,7,0)+IF('Standard Profiles'!$G$21=$B$17,14,0)+IF('Standard Profiles'!$G$21=$B$24,21,0),MOD($C5997,24)+1)/SUM(INDEX($D$3:$AA$30,INDEX(Jesper!$R$2:$R$366,ROW(INDEX(Jesper!AK$2:AK$366,ROUNDDOWN($C5997/24,0)+1,1))-1)+IF('Standard Profiles'!$G$21=$B$10,7,0)+IF('Standard Profiles'!$G$21=$B$17,14,0)+IF('Standard Profiles'!$G$21=$B$24,21,0),0)),0)</f>
        <v>0</v>
      </c>
      <c r="H5997" cm="1">
        <f t="array" ref="H5997">IFERROR(INDEX(Jesper!AL$2:AL$366,ROUNDDOWN($C5997/24,0)+1,1)*INDEX($D$3:$AA$30,INDEX(Jesper!$R$2:$R$366,ROW(INDEX(Jesper!AL$2:AL$366,ROUNDDOWN($C5997/24,0)+1,1))-1)+IF('Standard Profiles'!$G$22=$B$10,7,0)+IF('Standard Profiles'!$G$22=$B$17,14,0)+IF('Standard Profiles'!$G$22=$B$24,21,0),MOD($C5997,24)+1)/SUM(INDEX($D$3:$AA$30,INDEX(Jesper!$R$2:$R$366,ROW(INDEX(Jesper!AL$2:AL$366,ROUNDDOWN($C5997/24,0)+1,1))-1)+IF('Standard Profiles'!$G$22=$B$10,7,0)+IF('Standard Profiles'!$G$22=$B$17,14,0)+IF('Standard Profiles'!$G$22=$B$24,21,0),0)),0)</f>
        <v>0</v>
      </c>
      <c r="I5997">
        <f t="shared" si="671"/>
        <v>0.42331792216622172</v>
      </c>
      <c r="J5997">
        <f t="shared" si="672"/>
        <v>1.4110597405540726</v>
      </c>
      <c r="K5997">
        <f t="shared" si="673"/>
        <v>2.1165896108311086</v>
      </c>
      <c r="L5997">
        <f t="shared" si="674"/>
        <v>10.159630131989321</v>
      </c>
      <c r="M5997">
        <f t="shared" si="675"/>
        <v>0</v>
      </c>
      <c r="N5997" s="46">
        <f t="shared" si="676"/>
        <v>45540.458333318871</v>
      </c>
    </row>
    <row r="5998" spans="2:14" x14ac:dyDescent="0.3">
      <c r="B5998">
        <f t="shared" si="670"/>
        <v>4</v>
      </c>
      <c r="C5998" s="16">
        <v>5964</v>
      </c>
      <c r="D5998" cm="1">
        <f t="array" ref="D5998">IFERROR(INDEX(Jesper!AH$2:AH$366,ROUNDDOWN($C5998/24,0)+1,1)*INDEX($D$3:$AA$30,INDEX(Jesper!$R$2:$R$366,ROW(INDEX(Jesper!AH$2:AH$366,ROUNDDOWN($C5998/24,0)+1,1))-1)+IF('Standard Profiles'!$G$18=$B$10,7,0)+IF('Standard Profiles'!$G$18=$B$17,14,0)+IF('Standard Profiles'!$G$18=$B$24,21,0),MOD($C5998,24)+1)/SUM(INDEX($D$3:$AA$30,INDEX(Jesper!$R$2:$R$366,ROW(INDEX(Jesper!AH$2:AH$366,ROUNDDOWN($C5998/24,0)+1,1))-1)+IF('Standard Profiles'!$G$18=$B$10,7,0)+IF('Standard Profiles'!$G$18=$B$17,14,0)+IF('Standard Profiles'!$G$18=$B$24,21,0),0)),0)</f>
        <v>14.110597405540725</v>
      </c>
      <c r="E5998" cm="1">
        <f t="array" ref="E5998">IFERROR(INDEX(Jesper!AI$2:AI$366,ROUNDDOWN($C5998/24,0)+1,1)*INDEX($D$3:$AA$30,INDEX(Jesper!$R$2:$R$366,ROW(INDEX(Jesper!AI$2:AI$366,ROUNDDOWN($C5998/24,0)+1,1))-1)+IF('Standard Profiles'!$G$19=$B$10,7,0)+IF('Standard Profiles'!$G$19=$B$17,14,0)+IF('Standard Profiles'!$G$19=$B$24,21,0),MOD($C5998,24)+1)/SUM(INDEX($D$3:$AA$30,INDEX(Jesper!$R$2:$R$366,ROW(INDEX(Jesper!AI$2:AI$366,ROUNDDOWN($C5998/24,0)+1,1))-1)+IF('Standard Profiles'!$G$19=$B$10,7,0)+IF('Standard Profiles'!$G$19=$B$17,14,0)+IF('Standard Profiles'!$G$19=$B$24,21,0),0)),0)</f>
        <v>0</v>
      </c>
      <c r="F5998" cm="1">
        <f t="array" ref="F5998">IFERROR(INDEX(Jesper!AJ$2:AJ$366,ROUNDDOWN($C5998/24,0)+1,1)*INDEX($D$3:$AA$30,INDEX(Jesper!$R$2:$R$366,ROW(INDEX(Jesper!AJ$2:AJ$366,ROUNDDOWN($C5998/24,0)+1,1))-1)+IF('Standard Profiles'!$G$20=$B$10,7,0)+IF('Standard Profiles'!$G$20=$B$17,14,0)+IF('Standard Profiles'!$G$20=$B$24,21,0),MOD($C5998,24)+1)/SUM(INDEX($D$3:$AA$30,INDEX(Jesper!$R$2:$R$366,ROW(INDEX(Jesper!AJ$2:AJ$366,ROUNDDOWN($C5998/24,0)+1,1))-1)+IF('Standard Profiles'!$G$20=$B$10,7,0)+IF('Standard Profiles'!$G$20=$B$17,14,0)+IF('Standard Profiles'!$G$20=$B$24,21,0),0)),0)</f>
        <v>0</v>
      </c>
      <c r="G5998" cm="1">
        <f t="array" ref="G5998">IFERROR(INDEX(Jesper!AK$2:AK$366,ROUNDDOWN($C5998/24,0)+1,1)*INDEX($D$3:$AA$30,INDEX(Jesper!$R$2:$R$366,ROW(INDEX(Jesper!AK$2:AK$366,ROUNDDOWN($C5998/24,0)+1,1))-1)+IF('Standard Profiles'!$G$21=$B$10,7,0)+IF('Standard Profiles'!$G$21=$B$17,14,0)+IF('Standard Profiles'!$G$21=$B$24,21,0),MOD($C5998,24)+1)/SUM(INDEX($D$3:$AA$30,INDEX(Jesper!$R$2:$R$366,ROW(INDEX(Jesper!AK$2:AK$366,ROUNDDOWN($C5998/24,0)+1,1))-1)+IF('Standard Profiles'!$G$21=$B$10,7,0)+IF('Standard Profiles'!$G$21=$B$17,14,0)+IF('Standard Profiles'!$G$21=$B$24,21,0),0)),0)</f>
        <v>0</v>
      </c>
      <c r="H5998" cm="1">
        <f t="array" ref="H5998">IFERROR(INDEX(Jesper!AL$2:AL$366,ROUNDDOWN($C5998/24,0)+1,1)*INDEX($D$3:$AA$30,INDEX(Jesper!$R$2:$R$366,ROW(INDEX(Jesper!AL$2:AL$366,ROUNDDOWN($C5998/24,0)+1,1))-1)+IF('Standard Profiles'!$G$22=$B$10,7,0)+IF('Standard Profiles'!$G$22=$B$17,14,0)+IF('Standard Profiles'!$G$22=$B$24,21,0),MOD($C5998,24)+1)/SUM(INDEX($D$3:$AA$30,INDEX(Jesper!$R$2:$R$366,ROW(INDEX(Jesper!AL$2:AL$366,ROUNDDOWN($C5998/24,0)+1,1))-1)+IF('Standard Profiles'!$G$22=$B$10,7,0)+IF('Standard Profiles'!$G$22=$B$17,14,0)+IF('Standard Profiles'!$G$22=$B$24,21,0),0)),0)</f>
        <v>0</v>
      </c>
      <c r="I5998">
        <f t="shared" si="671"/>
        <v>0.42331792216622172</v>
      </c>
      <c r="J5998">
        <f t="shared" si="672"/>
        <v>1.4110597405540726</v>
      </c>
      <c r="K5998">
        <f t="shared" si="673"/>
        <v>2.1165896108311086</v>
      </c>
      <c r="L5998">
        <f t="shared" si="674"/>
        <v>10.159630131989321</v>
      </c>
      <c r="M5998">
        <f t="shared" si="675"/>
        <v>0</v>
      </c>
      <c r="N5998" s="46">
        <f t="shared" si="676"/>
        <v>45540.499999985535</v>
      </c>
    </row>
    <row r="5999" spans="2:14" x14ac:dyDescent="0.3">
      <c r="B5999">
        <f t="shared" si="670"/>
        <v>4</v>
      </c>
      <c r="C5999" s="16">
        <v>5965</v>
      </c>
      <c r="D5999" cm="1">
        <f t="array" ref="D5999">IFERROR(INDEX(Jesper!AH$2:AH$366,ROUNDDOWN($C5999/24,0)+1,1)*INDEX($D$3:$AA$30,INDEX(Jesper!$R$2:$R$366,ROW(INDEX(Jesper!AH$2:AH$366,ROUNDDOWN($C5999/24,0)+1,1))-1)+IF('Standard Profiles'!$G$18=$B$10,7,0)+IF('Standard Profiles'!$G$18=$B$17,14,0)+IF('Standard Profiles'!$G$18=$B$24,21,0),MOD($C5999,24)+1)/SUM(INDEX($D$3:$AA$30,INDEX(Jesper!$R$2:$R$366,ROW(INDEX(Jesper!AH$2:AH$366,ROUNDDOWN($C5999/24,0)+1,1))-1)+IF('Standard Profiles'!$G$18=$B$10,7,0)+IF('Standard Profiles'!$G$18=$B$17,14,0)+IF('Standard Profiles'!$G$18=$B$24,21,0),0)),0)</f>
        <v>14.110597405540725</v>
      </c>
      <c r="E5999" cm="1">
        <f t="array" ref="E5999">IFERROR(INDEX(Jesper!AI$2:AI$366,ROUNDDOWN($C5999/24,0)+1,1)*INDEX($D$3:$AA$30,INDEX(Jesper!$R$2:$R$366,ROW(INDEX(Jesper!AI$2:AI$366,ROUNDDOWN($C5999/24,0)+1,1))-1)+IF('Standard Profiles'!$G$19=$B$10,7,0)+IF('Standard Profiles'!$G$19=$B$17,14,0)+IF('Standard Profiles'!$G$19=$B$24,21,0),MOD($C5999,24)+1)/SUM(INDEX($D$3:$AA$30,INDEX(Jesper!$R$2:$R$366,ROW(INDEX(Jesper!AI$2:AI$366,ROUNDDOWN($C5999/24,0)+1,1))-1)+IF('Standard Profiles'!$G$19=$B$10,7,0)+IF('Standard Profiles'!$G$19=$B$17,14,0)+IF('Standard Profiles'!$G$19=$B$24,21,0),0)),0)</f>
        <v>0</v>
      </c>
      <c r="F5999" cm="1">
        <f t="array" ref="F5999">IFERROR(INDEX(Jesper!AJ$2:AJ$366,ROUNDDOWN($C5999/24,0)+1,1)*INDEX($D$3:$AA$30,INDEX(Jesper!$R$2:$R$366,ROW(INDEX(Jesper!AJ$2:AJ$366,ROUNDDOWN($C5999/24,0)+1,1))-1)+IF('Standard Profiles'!$G$20=$B$10,7,0)+IF('Standard Profiles'!$G$20=$B$17,14,0)+IF('Standard Profiles'!$G$20=$B$24,21,0),MOD($C5999,24)+1)/SUM(INDEX($D$3:$AA$30,INDEX(Jesper!$R$2:$R$366,ROW(INDEX(Jesper!AJ$2:AJ$366,ROUNDDOWN($C5999/24,0)+1,1))-1)+IF('Standard Profiles'!$G$20=$B$10,7,0)+IF('Standard Profiles'!$G$20=$B$17,14,0)+IF('Standard Profiles'!$G$20=$B$24,21,0),0)),0)</f>
        <v>0</v>
      </c>
      <c r="G5999" cm="1">
        <f t="array" ref="G5999">IFERROR(INDEX(Jesper!AK$2:AK$366,ROUNDDOWN($C5999/24,0)+1,1)*INDEX($D$3:$AA$30,INDEX(Jesper!$R$2:$R$366,ROW(INDEX(Jesper!AK$2:AK$366,ROUNDDOWN($C5999/24,0)+1,1))-1)+IF('Standard Profiles'!$G$21=$B$10,7,0)+IF('Standard Profiles'!$G$21=$B$17,14,0)+IF('Standard Profiles'!$G$21=$B$24,21,0),MOD($C5999,24)+1)/SUM(INDEX($D$3:$AA$30,INDEX(Jesper!$R$2:$R$366,ROW(INDEX(Jesper!AK$2:AK$366,ROUNDDOWN($C5999/24,0)+1,1))-1)+IF('Standard Profiles'!$G$21=$B$10,7,0)+IF('Standard Profiles'!$G$21=$B$17,14,0)+IF('Standard Profiles'!$G$21=$B$24,21,0),0)),0)</f>
        <v>0</v>
      </c>
      <c r="H5999" cm="1">
        <f t="array" ref="H5999">IFERROR(INDEX(Jesper!AL$2:AL$366,ROUNDDOWN($C5999/24,0)+1,1)*INDEX($D$3:$AA$30,INDEX(Jesper!$R$2:$R$366,ROW(INDEX(Jesper!AL$2:AL$366,ROUNDDOWN($C5999/24,0)+1,1))-1)+IF('Standard Profiles'!$G$22=$B$10,7,0)+IF('Standard Profiles'!$G$22=$B$17,14,0)+IF('Standard Profiles'!$G$22=$B$24,21,0),MOD($C5999,24)+1)/SUM(INDEX($D$3:$AA$30,INDEX(Jesper!$R$2:$R$366,ROW(INDEX(Jesper!AL$2:AL$366,ROUNDDOWN($C5999/24,0)+1,1))-1)+IF('Standard Profiles'!$G$22=$B$10,7,0)+IF('Standard Profiles'!$G$22=$B$17,14,0)+IF('Standard Profiles'!$G$22=$B$24,21,0),0)),0)</f>
        <v>0</v>
      </c>
      <c r="I5999">
        <f t="shared" si="671"/>
        <v>0.42331792216622172</v>
      </c>
      <c r="J5999">
        <f t="shared" si="672"/>
        <v>1.4110597405540726</v>
      </c>
      <c r="K5999">
        <f t="shared" si="673"/>
        <v>2.1165896108311086</v>
      </c>
      <c r="L5999">
        <f t="shared" si="674"/>
        <v>10.159630131989321</v>
      </c>
      <c r="M5999">
        <f t="shared" si="675"/>
        <v>0</v>
      </c>
      <c r="N5999" s="46">
        <f t="shared" si="676"/>
        <v>45540.5416666522</v>
      </c>
    </row>
    <row r="6000" spans="2:14" x14ac:dyDescent="0.3">
      <c r="B6000">
        <f t="shared" si="670"/>
        <v>4</v>
      </c>
      <c r="C6000" s="16">
        <v>5966</v>
      </c>
      <c r="D6000" cm="1">
        <f t="array" ref="D6000">IFERROR(INDEX(Jesper!AH$2:AH$366,ROUNDDOWN($C6000/24,0)+1,1)*INDEX($D$3:$AA$30,INDEX(Jesper!$R$2:$R$366,ROW(INDEX(Jesper!AH$2:AH$366,ROUNDDOWN($C6000/24,0)+1,1))-1)+IF('Standard Profiles'!$G$18=$B$10,7,0)+IF('Standard Profiles'!$G$18=$B$17,14,0)+IF('Standard Profiles'!$G$18=$B$24,21,0),MOD($C6000,24)+1)/SUM(INDEX($D$3:$AA$30,INDEX(Jesper!$R$2:$R$366,ROW(INDEX(Jesper!AH$2:AH$366,ROUNDDOWN($C6000/24,0)+1,1))-1)+IF('Standard Profiles'!$G$18=$B$10,7,0)+IF('Standard Profiles'!$G$18=$B$17,14,0)+IF('Standard Profiles'!$G$18=$B$24,21,0),0)),0)</f>
        <v>14.110597405540725</v>
      </c>
      <c r="E6000" cm="1">
        <f t="array" ref="E6000">IFERROR(INDEX(Jesper!AI$2:AI$366,ROUNDDOWN($C6000/24,0)+1,1)*INDEX($D$3:$AA$30,INDEX(Jesper!$R$2:$R$366,ROW(INDEX(Jesper!AI$2:AI$366,ROUNDDOWN($C6000/24,0)+1,1))-1)+IF('Standard Profiles'!$G$19=$B$10,7,0)+IF('Standard Profiles'!$G$19=$B$17,14,0)+IF('Standard Profiles'!$G$19=$B$24,21,0),MOD($C6000,24)+1)/SUM(INDEX($D$3:$AA$30,INDEX(Jesper!$R$2:$R$366,ROW(INDEX(Jesper!AI$2:AI$366,ROUNDDOWN($C6000/24,0)+1,1))-1)+IF('Standard Profiles'!$G$19=$B$10,7,0)+IF('Standard Profiles'!$G$19=$B$17,14,0)+IF('Standard Profiles'!$G$19=$B$24,21,0),0)),0)</f>
        <v>0</v>
      </c>
      <c r="F6000" cm="1">
        <f t="array" ref="F6000">IFERROR(INDEX(Jesper!AJ$2:AJ$366,ROUNDDOWN($C6000/24,0)+1,1)*INDEX($D$3:$AA$30,INDEX(Jesper!$R$2:$R$366,ROW(INDEX(Jesper!AJ$2:AJ$366,ROUNDDOWN($C6000/24,0)+1,1))-1)+IF('Standard Profiles'!$G$20=$B$10,7,0)+IF('Standard Profiles'!$G$20=$B$17,14,0)+IF('Standard Profiles'!$G$20=$B$24,21,0),MOD($C6000,24)+1)/SUM(INDEX($D$3:$AA$30,INDEX(Jesper!$R$2:$R$366,ROW(INDEX(Jesper!AJ$2:AJ$366,ROUNDDOWN($C6000/24,0)+1,1))-1)+IF('Standard Profiles'!$G$20=$B$10,7,0)+IF('Standard Profiles'!$G$20=$B$17,14,0)+IF('Standard Profiles'!$G$20=$B$24,21,0),0)),0)</f>
        <v>0</v>
      </c>
      <c r="G6000" cm="1">
        <f t="array" ref="G6000">IFERROR(INDEX(Jesper!AK$2:AK$366,ROUNDDOWN($C6000/24,0)+1,1)*INDEX($D$3:$AA$30,INDEX(Jesper!$R$2:$R$366,ROW(INDEX(Jesper!AK$2:AK$366,ROUNDDOWN($C6000/24,0)+1,1))-1)+IF('Standard Profiles'!$G$21=$B$10,7,0)+IF('Standard Profiles'!$G$21=$B$17,14,0)+IF('Standard Profiles'!$G$21=$B$24,21,0),MOD($C6000,24)+1)/SUM(INDEX($D$3:$AA$30,INDEX(Jesper!$R$2:$R$366,ROW(INDEX(Jesper!AK$2:AK$366,ROUNDDOWN($C6000/24,0)+1,1))-1)+IF('Standard Profiles'!$G$21=$B$10,7,0)+IF('Standard Profiles'!$G$21=$B$17,14,0)+IF('Standard Profiles'!$G$21=$B$24,21,0),0)),0)</f>
        <v>0</v>
      </c>
      <c r="H6000" cm="1">
        <f t="array" ref="H6000">IFERROR(INDEX(Jesper!AL$2:AL$366,ROUNDDOWN($C6000/24,0)+1,1)*INDEX($D$3:$AA$30,INDEX(Jesper!$R$2:$R$366,ROW(INDEX(Jesper!AL$2:AL$366,ROUNDDOWN($C6000/24,0)+1,1))-1)+IF('Standard Profiles'!$G$22=$B$10,7,0)+IF('Standard Profiles'!$G$22=$B$17,14,0)+IF('Standard Profiles'!$G$22=$B$24,21,0),MOD($C6000,24)+1)/SUM(INDEX($D$3:$AA$30,INDEX(Jesper!$R$2:$R$366,ROW(INDEX(Jesper!AL$2:AL$366,ROUNDDOWN($C6000/24,0)+1,1))-1)+IF('Standard Profiles'!$G$22=$B$10,7,0)+IF('Standard Profiles'!$G$22=$B$17,14,0)+IF('Standard Profiles'!$G$22=$B$24,21,0),0)),0)</f>
        <v>0</v>
      </c>
      <c r="I6000">
        <f t="shared" si="671"/>
        <v>0.42331792216622172</v>
      </c>
      <c r="J6000">
        <f t="shared" si="672"/>
        <v>1.4110597405540726</v>
      </c>
      <c r="K6000">
        <f t="shared" si="673"/>
        <v>2.1165896108311086</v>
      </c>
      <c r="L6000">
        <f t="shared" si="674"/>
        <v>10.159630131989321</v>
      </c>
      <c r="M6000">
        <f t="shared" si="675"/>
        <v>0</v>
      </c>
      <c r="N6000" s="46">
        <f t="shared" si="676"/>
        <v>45540.583333318864</v>
      </c>
    </row>
    <row r="6001" spans="2:14" x14ac:dyDescent="0.3">
      <c r="B6001">
        <f t="shared" si="670"/>
        <v>4</v>
      </c>
      <c r="C6001" s="16">
        <v>5967</v>
      </c>
      <c r="D6001" cm="1">
        <f t="array" ref="D6001">IFERROR(INDEX(Jesper!AH$2:AH$366,ROUNDDOWN($C6001/24,0)+1,1)*INDEX($D$3:$AA$30,INDEX(Jesper!$R$2:$R$366,ROW(INDEX(Jesper!AH$2:AH$366,ROUNDDOWN($C6001/24,0)+1,1))-1)+IF('Standard Profiles'!$G$18=$B$10,7,0)+IF('Standard Profiles'!$G$18=$B$17,14,0)+IF('Standard Profiles'!$G$18=$B$24,21,0),MOD($C6001,24)+1)/SUM(INDEX($D$3:$AA$30,INDEX(Jesper!$R$2:$R$366,ROW(INDEX(Jesper!AH$2:AH$366,ROUNDDOWN($C6001/24,0)+1,1))-1)+IF('Standard Profiles'!$G$18=$B$10,7,0)+IF('Standard Profiles'!$G$18=$B$17,14,0)+IF('Standard Profiles'!$G$18=$B$24,21,0),0)),0)</f>
        <v>14.110597405540725</v>
      </c>
      <c r="E6001" cm="1">
        <f t="array" ref="E6001">IFERROR(INDEX(Jesper!AI$2:AI$366,ROUNDDOWN($C6001/24,0)+1,1)*INDEX($D$3:$AA$30,INDEX(Jesper!$R$2:$R$366,ROW(INDEX(Jesper!AI$2:AI$366,ROUNDDOWN($C6001/24,0)+1,1))-1)+IF('Standard Profiles'!$G$19=$B$10,7,0)+IF('Standard Profiles'!$G$19=$B$17,14,0)+IF('Standard Profiles'!$G$19=$B$24,21,0),MOD($C6001,24)+1)/SUM(INDEX($D$3:$AA$30,INDEX(Jesper!$R$2:$R$366,ROW(INDEX(Jesper!AI$2:AI$366,ROUNDDOWN($C6001/24,0)+1,1))-1)+IF('Standard Profiles'!$G$19=$B$10,7,0)+IF('Standard Profiles'!$G$19=$B$17,14,0)+IF('Standard Profiles'!$G$19=$B$24,21,0),0)),0)</f>
        <v>0</v>
      </c>
      <c r="F6001" cm="1">
        <f t="array" ref="F6001">IFERROR(INDEX(Jesper!AJ$2:AJ$366,ROUNDDOWN($C6001/24,0)+1,1)*INDEX($D$3:$AA$30,INDEX(Jesper!$R$2:$R$366,ROW(INDEX(Jesper!AJ$2:AJ$366,ROUNDDOWN($C6001/24,0)+1,1))-1)+IF('Standard Profiles'!$G$20=$B$10,7,0)+IF('Standard Profiles'!$G$20=$B$17,14,0)+IF('Standard Profiles'!$G$20=$B$24,21,0),MOD($C6001,24)+1)/SUM(INDEX($D$3:$AA$30,INDEX(Jesper!$R$2:$R$366,ROW(INDEX(Jesper!AJ$2:AJ$366,ROUNDDOWN($C6001/24,0)+1,1))-1)+IF('Standard Profiles'!$G$20=$B$10,7,0)+IF('Standard Profiles'!$G$20=$B$17,14,0)+IF('Standard Profiles'!$G$20=$B$24,21,0),0)),0)</f>
        <v>0</v>
      </c>
      <c r="G6001" cm="1">
        <f t="array" ref="G6001">IFERROR(INDEX(Jesper!AK$2:AK$366,ROUNDDOWN($C6001/24,0)+1,1)*INDEX($D$3:$AA$30,INDEX(Jesper!$R$2:$R$366,ROW(INDEX(Jesper!AK$2:AK$366,ROUNDDOWN($C6001/24,0)+1,1))-1)+IF('Standard Profiles'!$G$21=$B$10,7,0)+IF('Standard Profiles'!$G$21=$B$17,14,0)+IF('Standard Profiles'!$G$21=$B$24,21,0),MOD($C6001,24)+1)/SUM(INDEX($D$3:$AA$30,INDEX(Jesper!$R$2:$R$366,ROW(INDEX(Jesper!AK$2:AK$366,ROUNDDOWN($C6001/24,0)+1,1))-1)+IF('Standard Profiles'!$G$21=$B$10,7,0)+IF('Standard Profiles'!$G$21=$B$17,14,0)+IF('Standard Profiles'!$G$21=$B$24,21,0),0)),0)</f>
        <v>0</v>
      </c>
      <c r="H6001" cm="1">
        <f t="array" ref="H6001">IFERROR(INDEX(Jesper!AL$2:AL$366,ROUNDDOWN($C6001/24,0)+1,1)*INDEX($D$3:$AA$30,INDEX(Jesper!$R$2:$R$366,ROW(INDEX(Jesper!AL$2:AL$366,ROUNDDOWN($C6001/24,0)+1,1))-1)+IF('Standard Profiles'!$G$22=$B$10,7,0)+IF('Standard Profiles'!$G$22=$B$17,14,0)+IF('Standard Profiles'!$G$22=$B$24,21,0),MOD($C6001,24)+1)/SUM(INDEX($D$3:$AA$30,INDEX(Jesper!$R$2:$R$366,ROW(INDEX(Jesper!AL$2:AL$366,ROUNDDOWN($C6001/24,0)+1,1))-1)+IF('Standard Profiles'!$G$22=$B$10,7,0)+IF('Standard Profiles'!$G$22=$B$17,14,0)+IF('Standard Profiles'!$G$22=$B$24,21,0),0)),0)</f>
        <v>0</v>
      </c>
      <c r="I6001">
        <f t="shared" si="671"/>
        <v>0.42331792216622172</v>
      </c>
      <c r="J6001">
        <f t="shared" si="672"/>
        <v>1.4110597405540726</v>
      </c>
      <c r="K6001">
        <f t="shared" si="673"/>
        <v>2.1165896108311086</v>
      </c>
      <c r="L6001">
        <f t="shared" si="674"/>
        <v>10.159630131989321</v>
      </c>
      <c r="M6001">
        <f t="shared" si="675"/>
        <v>0</v>
      </c>
      <c r="N6001" s="46">
        <f t="shared" si="676"/>
        <v>45540.624999985528</v>
      </c>
    </row>
    <row r="6002" spans="2:14" x14ac:dyDescent="0.3">
      <c r="B6002">
        <f t="shared" si="670"/>
        <v>4</v>
      </c>
      <c r="C6002" s="16">
        <v>5968</v>
      </c>
      <c r="D6002" cm="1">
        <f t="array" ref="D6002">IFERROR(INDEX(Jesper!AH$2:AH$366,ROUNDDOWN($C6002/24,0)+1,1)*INDEX($D$3:$AA$30,INDEX(Jesper!$R$2:$R$366,ROW(INDEX(Jesper!AH$2:AH$366,ROUNDDOWN($C6002/24,0)+1,1))-1)+IF('Standard Profiles'!$G$18=$B$10,7,0)+IF('Standard Profiles'!$G$18=$B$17,14,0)+IF('Standard Profiles'!$G$18=$B$24,21,0),MOD($C6002,24)+1)/SUM(INDEX($D$3:$AA$30,INDEX(Jesper!$R$2:$R$366,ROW(INDEX(Jesper!AH$2:AH$366,ROUNDDOWN($C6002/24,0)+1,1))-1)+IF('Standard Profiles'!$G$18=$B$10,7,0)+IF('Standard Profiles'!$G$18=$B$17,14,0)+IF('Standard Profiles'!$G$18=$B$24,21,0),0)),0)</f>
        <v>14.110597405540725</v>
      </c>
      <c r="E6002" cm="1">
        <f t="array" ref="E6002">IFERROR(INDEX(Jesper!AI$2:AI$366,ROUNDDOWN($C6002/24,0)+1,1)*INDEX($D$3:$AA$30,INDEX(Jesper!$R$2:$R$366,ROW(INDEX(Jesper!AI$2:AI$366,ROUNDDOWN($C6002/24,0)+1,1))-1)+IF('Standard Profiles'!$G$19=$B$10,7,0)+IF('Standard Profiles'!$G$19=$B$17,14,0)+IF('Standard Profiles'!$G$19=$B$24,21,0),MOD($C6002,24)+1)/SUM(INDEX($D$3:$AA$30,INDEX(Jesper!$R$2:$R$366,ROW(INDEX(Jesper!AI$2:AI$366,ROUNDDOWN($C6002/24,0)+1,1))-1)+IF('Standard Profiles'!$G$19=$B$10,7,0)+IF('Standard Profiles'!$G$19=$B$17,14,0)+IF('Standard Profiles'!$G$19=$B$24,21,0),0)),0)</f>
        <v>0</v>
      </c>
      <c r="F6002" cm="1">
        <f t="array" ref="F6002">IFERROR(INDEX(Jesper!AJ$2:AJ$366,ROUNDDOWN($C6002/24,0)+1,1)*INDEX($D$3:$AA$30,INDEX(Jesper!$R$2:$R$366,ROW(INDEX(Jesper!AJ$2:AJ$366,ROUNDDOWN($C6002/24,0)+1,1))-1)+IF('Standard Profiles'!$G$20=$B$10,7,0)+IF('Standard Profiles'!$G$20=$B$17,14,0)+IF('Standard Profiles'!$G$20=$B$24,21,0),MOD($C6002,24)+1)/SUM(INDEX($D$3:$AA$30,INDEX(Jesper!$R$2:$R$366,ROW(INDEX(Jesper!AJ$2:AJ$366,ROUNDDOWN($C6002/24,0)+1,1))-1)+IF('Standard Profiles'!$G$20=$B$10,7,0)+IF('Standard Profiles'!$G$20=$B$17,14,0)+IF('Standard Profiles'!$G$20=$B$24,21,0),0)),0)</f>
        <v>0</v>
      </c>
      <c r="G6002" cm="1">
        <f t="array" ref="G6002">IFERROR(INDEX(Jesper!AK$2:AK$366,ROUNDDOWN($C6002/24,0)+1,1)*INDEX($D$3:$AA$30,INDEX(Jesper!$R$2:$R$366,ROW(INDEX(Jesper!AK$2:AK$366,ROUNDDOWN($C6002/24,0)+1,1))-1)+IF('Standard Profiles'!$G$21=$B$10,7,0)+IF('Standard Profiles'!$G$21=$B$17,14,0)+IF('Standard Profiles'!$G$21=$B$24,21,0),MOD($C6002,24)+1)/SUM(INDEX($D$3:$AA$30,INDEX(Jesper!$R$2:$R$366,ROW(INDEX(Jesper!AK$2:AK$366,ROUNDDOWN($C6002/24,0)+1,1))-1)+IF('Standard Profiles'!$G$21=$B$10,7,0)+IF('Standard Profiles'!$G$21=$B$17,14,0)+IF('Standard Profiles'!$G$21=$B$24,21,0),0)),0)</f>
        <v>0</v>
      </c>
      <c r="H6002" cm="1">
        <f t="array" ref="H6002">IFERROR(INDEX(Jesper!AL$2:AL$366,ROUNDDOWN($C6002/24,0)+1,1)*INDEX($D$3:$AA$30,INDEX(Jesper!$R$2:$R$366,ROW(INDEX(Jesper!AL$2:AL$366,ROUNDDOWN($C6002/24,0)+1,1))-1)+IF('Standard Profiles'!$G$22=$B$10,7,0)+IF('Standard Profiles'!$G$22=$B$17,14,0)+IF('Standard Profiles'!$G$22=$B$24,21,0),MOD($C6002,24)+1)/SUM(INDEX($D$3:$AA$30,INDEX(Jesper!$R$2:$R$366,ROW(INDEX(Jesper!AL$2:AL$366,ROUNDDOWN($C6002/24,0)+1,1))-1)+IF('Standard Profiles'!$G$22=$B$10,7,0)+IF('Standard Profiles'!$G$22=$B$17,14,0)+IF('Standard Profiles'!$G$22=$B$24,21,0),0)),0)</f>
        <v>0</v>
      </c>
      <c r="I6002">
        <f t="shared" si="671"/>
        <v>0.42331792216622172</v>
      </c>
      <c r="J6002">
        <f t="shared" si="672"/>
        <v>1.4110597405540726</v>
      </c>
      <c r="K6002">
        <f t="shared" si="673"/>
        <v>2.1165896108311086</v>
      </c>
      <c r="L6002">
        <f t="shared" si="674"/>
        <v>10.159630131989321</v>
      </c>
      <c r="M6002">
        <f t="shared" si="675"/>
        <v>0</v>
      </c>
      <c r="N6002" s="46">
        <f t="shared" si="676"/>
        <v>45540.666666652192</v>
      </c>
    </row>
    <row r="6003" spans="2:14" x14ac:dyDescent="0.3">
      <c r="B6003">
        <f t="shared" si="670"/>
        <v>4</v>
      </c>
      <c r="C6003" s="16">
        <v>5969</v>
      </c>
      <c r="D6003" cm="1">
        <f t="array" ref="D6003">IFERROR(INDEX(Jesper!AH$2:AH$366,ROUNDDOWN($C6003/24,0)+1,1)*INDEX($D$3:$AA$30,INDEX(Jesper!$R$2:$R$366,ROW(INDEX(Jesper!AH$2:AH$366,ROUNDDOWN($C6003/24,0)+1,1))-1)+IF('Standard Profiles'!$G$18=$B$10,7,0)+IF('Standard Profiles'!$G$18=$B$17,14,0)+IF('Standard Profiles'!$G$18=$B$24,21,0),MOD($C6003,24)+1)/SUM(INDEX($D$3:$AA$30,INDEX(Jesper!$R$2:$R$366,ROW(INDEX(Jesper!AH$2:AH$366,ROUNDDOWN($C6003/24,0)+1,1))-1)+IF('Standard Profiles'!$G$18=$B$10,7,0)+IF('Standard Profiles'!$G$18=$B$17,14,0)+IF('Standard Profiles'!$G$18=$B$24,21,0),0)),0)</f>
        <v>14.110597405540725</v>
      </c>
      <c r="E6003" cm="1">
        <f t="array" ref="E6003">IFERROR(INDEX(Jesper!AI$2:AI$366,ROUNDDOWN($C6003/24,0)+1,1)*INDEX($D$3:$AA$30,INDEX(Jesper!$R$2:$R$366,ROW(INDEX(Jesper!AI$2:AI$366,ROUNDDOWN($C6003/24,0)+1,1))-1)+IF('Standard Profiles'!$G$19=$B$10,7,0)+IF('Standard Profiles'!$G$19=$B$17,14,0)+IF('Standard Profiles'!$G$19=$B$24,21,0),MOD($C6003,24)+1)/SUM(INDEX($D$3:$AA$30,INDEX(Jesper!$R$2:$R$366,ROW(INDEX(Jesper!AI$2:AI$366,ROUNDDOWN($C6003/24,0)+1,1))-1)+IF('Standard Profiles'!$G$19=$B$10,7,0)+IF('Standard Profiles'!$G$19=$B$17,14,0)+IF('Standard Profiles'!$G$19=$B$24,21,0),0)),0)</f>
        <v>0</v>
      </c>
      <c r="F6003" cm="1">
        <f t="array" ref="F6003">IFERROR(INDEX(Jesper!AJ$2:AJ$366,ROUNDDOWN($C6003/24,0)+1,1)*INDEX($D$3:$AA$30,INDEX(Jesper!$R$2:$R$366,ROW(INDEX(Jesper!AJ$2:AJ$366,ROUNDDOWN($C6003/24,0)+1,1))-1)+IF('Standard Profiles'!$G$20=$B$10,7,0)+IF('Standard Profiles'!$G$20=$B$17,14,0)+IF('Standard Profiles'!$G$20=$B$24,21,0),MOD($C6003,24)+1)/SUM(INDEX($D$3:$AA$30,INDEX(Jesper!$R$2:$R$366,ROW(INDEX(Jesper!AJ$2:AJ$366,ROUNDDOWN($C6003/24,0)+1,1))-1)+IF('Standard Profiles'!$G$20=$B$10,7,0)+IF('Standard Profiles'!$G$20=$B$17,14,0)+IF('Standard Profiles'!$G$20=$B$24,21,0),0)),0)</f>
        <v>0</v>
      </c>
      <c r="G6003" cm="1">
        <f t="array" ref="G6003">IFERROR(INDEX(Jesper!AK$2:AK$366,ROUNDDOWN($C6003/24,0)+1,1)*INDEX($D$3:$AA$30,INDEX(Jesper!$R$2:$R$366,ROW(INDEX(Jesper!AK$2:AK$366,ROUNDDOWN($C6003/24,0)+1,1))-1)+IF('Standard Profiles'!$G$21=$B$10,7,0)+IF('Standard Profiles'!$G$21=$B$17,14,0)+IF('Standard Profiles'!$G$21=$B$24,21,0),MOD($C6003,24)+1)/SUM(INDEX($D$3:$AA$30,INDEX(Jesper!$R$2:$R$366,ROW(INDEX(Jesper!AK$2:AK$366,ROUNDDOWN($C6003/24,0)+1,1))-1)+IF('Standard Profiles'!$G$21=$B$10,7,0)+IF('Standard Profiles'!$G$21=$B$17,14,0)+IF('Standard Profiles'!$G$21=$B$24,21,0),0)),0)</f>
        <v>0</v>
      </c>
      <c r="H6003" cm="1">
        <f t="array" ref="H6003">IFERROR(INDEX(Jesper!AL$2:AL$366,ROUNDDOWN($C6003/24,0)+1,1)*INDEX($D$3:$AA$30,INDEX(Jesper!$R$2:$R$366,ROW(INDEX(Jesper!AL$2:AL$366,ROUNDDOWN($C6003/24,0)+1,1))-1)+IF('Standard Profiles'!$G$22=$B$10,7,0)+IF('Standard Profiles'!$G$22=$B$17,14,0)+IF('Standard Profiles'!$G$22=$B$24,21,0),MOD($C6003,24)+1)/SUM(INDEX($D$3:$AA$30,INDEX(Jesper!$R$2:$R$366,ROW(INDEX(Jesper!AL$2:AL$366,ROUNDDOWN($C6003/24,0)+1,1))-1)+IF('Standard Profiles'!$G$22=$B$10,7,0)+IF('Standard Profiles'!$G$22=$B$17,14,0)+IF('Standard Profiles'!$G$22=$B$24,21,0),0)),0)</f>
        <v>0</v>
      </c>
      <c r="I6003">
        <f t="shared" si="671"/>
        <v>0.42331792216622172</v>
      </c>
      <c r="J6003">
        <f t="shared" si="672"/>
        <v>1.4110597405540726</v>
      </c>
      <c r="K6003">
        <f t="shared" si="673"/>
        <v>2.1165896108311086</v>
      </c>
      <c r="L6003">
        <f t="shared" si="674"/>
        <v>10.159630131989321</v>
      </c>
      <c r="M6003">
        <f t="shared" si="675"/>
        <v>0</v>
      </c>
      <c r="N6003" s="46">
        <f t="shared" si="676"/>
        <v>45540.708333318857</v>
      </c>
    </row>
    <row r="6004" spans="2:14" x14ac:dyDescent="0.3">
      <c r="B6004">
        <f t="shared" si="670"/>
        <v>4</v>
      </c>
      <c r="C6004" s="16">
        <v>5970</v>
      </c>
      <c r="D6004" cm="1">
        <f t="array" ref="D6004">IFERROR(INDEX(Jesper!AH$2:AH$366,ROUNDDOWN($C6004/24,0)+1,1)*INDEX($D$3:$AA$30,INDEX(Jesper!$R$2:$R$366,ROW(INDEX(Jesper!AH$2:AH$366,ROUNDDOWN($C6004/24,0)+1,1))-1)+IF('Standard Profiles'!$G$18=$B$10,7,0)+IF('Standard Profiles'!$G$18=$B$17,14,0)+IF('Standard Profiles'!$G$18=$B$24,21,0),MOD($C6004,24)+1)/SUM(INDEX($D$3:$AA$30,INDEX(Jesper!$R$2:$R$366,ROW(INDEX(Jesper!AH$2:AH$366,ROUNDDOWN($C6004/24,0)+1,1))-1)+IF('Standard Profiles'!$G$18=$B$10,7,0)+IF('Standard Profiles'!$G$18=$B$17,14,0)+IF('Standard Profiles'!$G$18=$B$24,21,0),0)),0)</f>
        <v>14.110597405540725</v>
      </c>
      <c r="E6004" cm="1">
        <f t="array" ref="E6004">IFERROR(INDEX(Jesper!AI$2:AI$366,ROUNDDOWN($C6004/24,0)+1,1)*INDEX($D$3:$AA$30,INDEX(Jesper!$R$2:$R$366,ROW(INDEX(Jesper!AI$2:AI$366,ROUNDDOWN($C6004/24,0)+1,1))-1)+IF('Standard Profiles'!$G$19=$B$10,7,0)+IF('Standard Profiles'!$G$19=$B$17,14,0)+IF('Standard Profiles'!$G$19=$B$24,21,0),MOD($C6004,24)+1)/SUM(INDEX($D$3:$AA$30,INDEX(Jesper!$R$2:$R$366,ROW(INDEX(Jesper!AI$2:AI$366,ROUNDDOWN($C6004/24,0)+1,1))-1)+IF('Standard Profiles'!$G$19=$B$10,7,0)+IF('Standard Profiles'!$G$19=$B$17,14,0)+IF('Standard Profiles'!$G$19=$B$24,21,0),0)),0)</f>
        <v>0</v>
      </c>
      <c r="F6004" cm="1">
        <f t="array" ref="F6004">IFERROR(INDEX(Jesper!AJ$2:AJ$366,ROUNDDOWN($C6004/24,0)+1,1)*INDEX($D$3:$AA$30,INDEX(Jesper!$R$2:$R$366,ROW(INDEX(Jesper!AJ$2:AJ$366,ROUNDDOWN($C6004/24,0)+1,1))-1)+IF('Standard Profiles'!$G$20=$B$10,7,0)+IF('Standard Profiles'!$G$20=$B$17,14,0)+IF('Standard Profiles'!$G$20=$B$24,21,0),MOD($C6004,24)+1)/SUM(INDEX($D$3:$AA$30,INDEX(Jesper!$R$2:$R$366,ROW(INDEX(Jesper!AJ$2:AJ$366,ROUNDDOWN($C6004/24,0)+1,1))-1)+IF('Standard Profiles'!$G$20=$B$10,7,0)+IF('Standard Profiles'!$G$20=$B$17,14,0)+IF('Standard Profiles'!$G$20=$B$24,21,0),0)),0)</f>
        <v>0</v>
      </c>
      <c r="G6004" cm="1">
        <f t="array" ref="G6004">IFERROR(INDEX(Jesper!AK$2:AK$366,ROUNDDOWN($C6004/24,0)+1,1)*INDEX($D$3:$AA$30,INDEX(Jesper!$R$2:$R$366,ROW(INDEX(Jesper!AK$2:AK$366,ROUNDDOWN($C6004/24,0)+1,1))-1)+IF('Standard Profiles'!$G$21=$B$10,7,0)+IF('Standard Profiles'!$G$21=$B$17,14,0)+IF('Standard Profiles'!$G$21=$B$24,21,0),MOD($C6004,24)+1)/SUM(INDEX($D$3:$AA$30,INDEX(Jesper!$R$2:$R$366,ROW(INDEX(Jesper!AK$2:AK$366,ROUNDDOWN($C6004/24,0)+1,1))-1)+IF('Standard Profiles'!$G$21=$B$10,7,0)+IF('Standard Profiles'!$G$21=$B$17,14,0)+IF('Standard Profiles'!$G$21=$B$24,21,0),0)),0)</f>
        <v>0</v>
      </c>
      <c r="H6004" cm="1">
        <f t="array" ref="H6004">IFERROR(INDEX(Jesper!AL$2:AL$366,ROUNDDOWN($C6004/24,0)+1,1)*INDEX($D$3:$AA$30,INDEX(Jesper!$R$2:$R$366,ROW(INDEX(Jesper!AL$2:AL$366,ROUNDDOWN($C6004/24,0)+1,1))-1)+IF('Standard Profiles'!$G$22=$B$10,7,0)+IF('Standard Profiles'!$G$22=$B$17,14,0)+IF('Standard Profiles'!$G$22=$B$24,21,0),MOD($C6004,24)+1)/SUM(INDEX($D$3:$AA$30,INDEX(Jesper!$R$2:$R$366,ROW(INDEX(Jesper!AL$2:AL$366,ROUNDDOWN($C6004/24,0)+1,1))-1)+IF('Standard Profiles'!$G$22=$B$10,7,0)+IF('Standard Profiles'!$G$22=$B$17,14,0)+IF('Standard Profiles'!$G$22=$B$24,21,0),0)),0)</f>
        <v>0</v>
      </c>
      <c r="I6004">
        <f t="shared" si="671"/>
        <v>0.42331792216622172</v>
      </c>
      <c r="J6004">
        <f t="shared" si="672"/>
        <v>1.4110597405540726</v>
      </c>
      <c r="K6004">
        <f t="shared" si="673"/>
        <v>2.1165896108311086</v>
      </c>
      <c r="L6004">
        <f t="shared" si="674"/>
        <v>10.159630131989321</v>
      </c>
      <c r="M6004">
        <f t="shared" si="675"/>
        <v>0</v>
      </c>
      <c r="N6004" s="46">
        <f t="shared" si="676"/>
        <v>45540.749999985521</v>
      </c>
    </row>
    <row r="6005" spans="2:14" x14ac:dyDescent="0.3">
      <c r="B6005">
        <f t="shared" si="670"/>
        <v>4</v>
      </c>
      <c r="C6005" s="16">
        <v>5971</v>
      </c>
      <c r="D6005" cm="1">
        <f t="array" ref="D6005">IFERROR(INDEX(Jesper!AH$2:AH$366,ROUNDDOWN($C6005/24,0)+1,1)*INDEX($D$3:$AA$30,INDEX(Jesper!$R$2:$R$366,ROW(INDEX(Jesper!AH$2:AH$366,ROUNDDOWN($C6005/24,0)+1,1))-1)+IF('Standard Profiles'!$G$18=$B$10,7,0)+IF('Standard Profiles'!$G$18=$B$17,14,0)+IF('Standard Profiles'!$G$18=$B$24,21,0),MOD($C6005,24)+1)/SUM(INDEX($D$3:$AA$30,INDEX(Jesper!$R$2:$R$366,ROW(INDEX(Jesper!AH$2:AH$366,ROUNDDOWN($C6005/24,0)+1,1))-1)+IF('Standard Profiles'!$G$18=$B$10,7,0)+IF('Standard Profiles'!$G$18=$B$17,14,0)+IF('Standard Profiles'!$G$18=$B$24,21,0),0)),0)</f>
        <v>11.758831171283937</v>
      </c>
      <c r="E6005" cm="1">
        <f t="array" ref="E6005">IFERROR(INDEX(Jesper!AI$2:AI$366,ROUNDDOWN($C6005/24,0)+1,1)*INDEX($D$3:$AA$30,INDEX(Jesper!$R$2:$R$366,ROW(INDEX(Jesper!AI$2:AI$366,ROUNDDOWN($C6005/24,0)+1,1))-1)+IF('Standard Profiles'!$G$19=$B$10,7,0)+IF('Standard Profiles'!$G$19=$B$17,14,0)+IF('Standard Profiles'!$G$19=$B$24,21,0),MOD($C6005,24)+1)/SUM(INDEX($D$3:$AA$30,INDEX(Jesper!$R$2:$R$366,ROW(INDEX(Jesper!AI$2:AI$366,ROUNDDOWN($C6005/24,0)+1,1))-1)+IF('Standard Profiles'!$G$19=$B$10,7,0)+IF('Standard Profiles'!$G$19=$B$17,14,0)+IF('Standard Profiles'!$G$19=$B$24,21,0),0)),0)</f>
        <v>0</v>
      </c>
      <c r="F6005" cm="1">
        <f t="array" ref="F6005">IFERROR(INDEX(Jesper!AJ$2:AJ$366,ROUNDDOWN($C6005/24,0)+1,1)*INDEX($D$3:$AA$30,INDEX(Jesper!$R$2:$R$366,ROW(INDEX(Jesper!AJ$2:AJ$366,ROUNDDOWN($C6005/24,0)+1,1))-1)+IF('Standard Profiles'!$G$20=$B$10,7,0)+IF('Standard Profiles'!$G$20=$B$17,14,0)+IF('Standard Profiles'!$G$20=$B$24,21,0),MOD($C6005,24)+1)/SUM(INDEX($D$3:$AA$30,INDEX(Jesper!$R$2:$R$366,ROW(INDEX(Jesper!AJ$2:AJ$366,ROUNDDOWN($C6005/24,0)+1,1))-1)+IF('Standard Profiles'!$G$20=$B$10,7,0)+IF('Standard Profiles'!$G$20=$B$17,14,0)+IF('Standard Profiles'!$G$20=$B$24,21,0),0)),0)</f>
        <v>0</v>
      </c>
      <c r="G6005" cm="1">
        <f t="array" ref="G6005">IFERROR(INDEX(Jesper!AK$2:AK$366,ROUNDDOWN($C6005/24,0)+1,1)*INDEX($D$3:$AA$30,INDEX(Jesper!$R$2:$R$366,ROW(INDEX(Jesper!AK$2:AK$366,ROUNDDOWN($C6005/24,0)+1,1))-1)+IF('Standard Profiles'!$G$21=$B$10,7,0)+IF('Standard Profiles'!$G$21=$B$17,14,0)+IF('Standard Profiles'!$G$21=$B$24,21,0),MOD($C6005,24)+1)/SUM(INDEX($D$3:$AA$30,INDEX(Jesper!$R$2:$R$366,ROW(INDEX(Jesper!AK$2:AK$366,ROUNDDOWN($C6005/24,0)+1,1))-1)+IF('Standard Profiles'!$G$21=$B$10,7,0)+IF('Standard Profiles'!$G$21=$B$17,14,0)+IF('Standard Profiles'!$G$21=$B$24,21,0),0)),0)</f>
        <v>0</v>
      </c>
      <c r="H6005" cm="1">
        <f t="array" ref="H6005">IFERROR(INDEX(Jesper!AL$2:AL$366,ROUNDDOWN($C6005/24,0)+1,1)*INDEX($D$3:$AA$30,INDEX(Jesper!$R$2:$R$366,ROW(INDEX(Jesper!AL$2:AL$366,ROUNDDOWN($C6005/24,0)+1,1))-1)+IF('Standard Profiles'!$G$22=$B$10,7,0)+IF('Standard Profiles'!$G$22=$B$17,14,0)+IF('Standard Profiles'!$G$22=$B$24,21,0),MOD($C6005,24)+1)/SUM(INDEX($D$3:$AA$30,INDEX(Jesper!$R$2:$R$366,ROW(INDEX(Jesper!AL$2:AL$366,ROUNDDOWN($C6005/24,0)+1,1))-1)+IF('Standard Profiles'!$G$22=$B$10,7,0)+IF('Standard Profiles'!$G$22=$B$17,14,0)+IF('Standard Profiles'!$G$22=$B$24,21,0),0)),0)</f>
        <v>0</v>
      </c>
      <c r="I6005">
        <f t="shared" si="671"/>
        <v>0.35276493513851809</v>
      </c>
      <c r="J6005">
        <f t="shared" si="672"/>
        <v>1.1758831171283937</v>
      </c>
      <c r="K6005">
        <f t="shared" si="673"/>
        <v>1.7638246756925906</v>
      </c>
      <c r="L6005">
        <f t="shared" si="674"/>
        <v>8.4663584433244345</v>
      </c>
      <c r="M6005">
        <f t="shared" si="675"/>
        <v>0</v>
      </c>
      <c r="N6005" s="46">
        <f t="shared" si="676"/>
        <v>45540.791666652185</v>
      </c>
    </row>
    <row r="6006" spans="2:14" x14ac:dyDescent="0.3">
      <c r="B6006">
        <f t="shared" si="670"/>
        <v>4</v>
      </c>
      <c r="C6006" s="16">
        <v>5972</v>
      </c>
      <c r="D6006" cm="1">
        <f t="array" ref="D6006">IFERROR(INDEX(Jesper!AH$2:AH$366,ROUNDDOWN($C6006/24,0)+1,1)*INDEX($D$3:$AA$30,INDEX(Jesper!$R$2:$R$366,ROW(INDEX(Jesper!AH$2:AH$366,ROUNDDOWN($C6006/24,0)+1,1))-1)+IF('Standard Profiles'!$G$18=$B$10,7,0)+IF('Standard Profiles'!$G$18=$B$17,14,0)+IF('Standard Profiles'!$G$18=$B$24,21,0),MOD($C6006,24)+1)/SUM(INDEX($D$3:$AA$30,INDEX(Jesper!$R$2:$R$366,ROW(INDEX(Jesper!AH$2:AH$366,ROUNDDOWN($C6006/24,0)+1,1))-1)+IF('Standard Profiles'!$G$18=$B$10,7,0)+IF('Standard Profiles'!$G$18=$B$17,14,0)+IF('Standard Profiles'!$G$18=$B$24,21,0),0)),0)</f>
        <v>9.4070649370271511</v>
      </c>
      <c r="E6006" cm="1">
        <f t="array" ref="E6006">IFERROR(INDEX(Jesper!AI$2:AI$366,ROUNDDOWN($C6006/24,0)+1,1)*INDEX($D$3:$AA$30,INDEX(Jesper!$R$2:$R$366,ROW(INDEX(Jesper!AI$2:AI$366,ROUNDDOWN($C6006/24,0)+1,1))-1)+IF('Standard Profiles'!$G$19=$B$10,7,0)+IF('Standard Profiles'!$G$19=$B$17,14,0)+IF('Standard Profiles'!$G$19=$B$24,21,0),MOD($C6006,24)+1)/SUM(INDEX($D$3:$AA$30,INDEX(Jesper!$R$2:$R$366,ROW(INDEX(Jesper!AI$2:AI$366,ROUNDDOWN($C6006/24,0)+1,1))-1)+IF('Standard Profiles'!$G$19=$B$10,7,0)+IF('Standard Profiles'!$G$19=$B$17,14,0)+IF('Standard Profiles'!$G$19=$B$24,21,0),0)),0)</f>
        <v>0</v>
      </c>
      <c r="F6006" cm="1">
        <f t="array" ref="F6006">IFERROR(INDEX(Jesper!AJ$2:AJ$366,ROUNDDOWN($C6006/24,0)+1,1)*INDEX($D$3:$AA$30,INDEX(Jesper!$R$2:$R$366,ROW(INDEX(Jesper!AJ$2:AJ$366,ROUNDDOWN($C6006/24,0)+1,1))-1)+IF('Standard Profiles'!$G$20=$B$10,7,0)+IF('Standard Profiles'!$G$20=$B$17,14,0)+IF('Standard Profiles'!$G$20=$B$24,21,0),MOD($C6006,24)+1)/SUM(INDEX($D$3:$AA$30,INDEX(Jesper!$R$2:$R$366,ROW(INDEX(Jesper!AJ$2:AJ$366,ROUNDDOWN($C6006/24,0)+1,1))-1)+IF('Standard Profiles'!$G$20=$B$10,7,0)+IF('Standard Profiles'!$G$20=$B$17,14,0)+IF('Standard Profiles'!$G$20=$B$24,21,0),0)),0)</f>
        <v>0</v>
      </c>
      <c r="G6006" cm="1">
        <f t="array" ref="G6006">IFERROR(INDEX(Jesper!AK$2:AK$366,ROUNDDOWN($C6006/24,0)+1,1)*INDEX($D$3:$AA$30,INDEX(Jesper!$R$2:$R$366,ROW(INDEX(Jesper!AK$2:AK$366,ROUNDDOWN($C6006/24,0)+1,1))-1)+IF('Standard Profiles'!$G$21=$B$10,7,0)+IF('Standard Profiles'!$G$21=$B$17,14,0)+IF('Standard Profiles'!$G$21=$B$24,21,0),MOD($C6006,24)+1)/SUM(INDEX($D$3:$AA$30,INDEX(Jesper!$R$2:$R$366,ROW(INDEX(Jesper!AK$2:AK$366,ROUNDDOWN($C6006/24,0)+1,1))-1)+IF('Standard Profiles'!$G$21=$B$10,7,0)+IF('Standard Profiles'!$G$21=$B$17,14,0)+IF('Standard Profiles'!$G$21=$B$24,21,0),0)),0)</f>
        <v>0</v>
      </c>
      <c r="H6006" cm="1">
        <f t="array" ref="H6006">IFERROR(INDEX(Jesper!AL$2:AL$366,ROUNDDOWN($C6006/24,0)+1,1)*INDEX($D$3:$AA$30,INDEX(Jesper!$R$2:$R$366,ROW(INDEX(Jesper!AL$2:AL$366,ROUNDDOWN($C6006/24,0)+1,1))-1)+IF('Standard Profiles'!$G$22=$B$10,7,0)+IF('Standard Profiles'!$G$22=$B$17,14,0)+IF('Standard Profiles'!$G$22=$B$24,21,0),MOD($C6006,24)+1)/SUM(INDEX($D$3:$AA$30,INDEX(Jesper!$R$2:$R$366,ROW(INDEX(Jesper!AL$2:AL$366,ROUNDDOWN($C6006/24,0)+1,1))-1)+IF('Standard Profiles'!$G$22=$B$10,7,0)+IF('Standard Profiles'!$G$22=$B$17,14,0)+IF('Standard Profiles'!$G$22=$B$24,21,0),0)),0)</f>
        <v>0</v>
      </c>
      <c r="I6006">
        <f t="shared" si="671"/>
        <v>0.28221194811081451</v>
      </c>
      <c r="J6006">
        <f t="shared" si="672"/>
        <v>0.9407064937027152</v>
      </c>
      <c r="K6006">
        <f t="shared" si="673"/>
        <v>1.4110597405540726</v>
      </c>
      <c r="L6006">
        <f t="shared" si="674"/>
        <v>6.7730867546595483</v>
      </c>
      <c r="M6006">
        <f t="shared" si="675"/>
        <v>0</v>
      </c>
      <c r="N6006" s="46">
        <f t="shared" si="676"/>
        <v>45540.833333318849</v>
      </c>
    </row>
    <row r="6007" spans="2:14" x14ac:dyDescent="0.3">
      <c r="B6007">
        <f t="shared" si="670"/>
        <v>4</v>
      </c>
      <c r="C6007" s="16">
        <v>5973</v>
      </c>
      <c r="D6007" cm="1">
        <f t="array" ref="D6007">IFERROR(INDEX(Jesper!AH$2:AH$366,ROUNDDOWN($C6007/24,0)+1,1)*INDEX($D$3:$AA$30,INDEX(Jesper!$R$2:$R$366,ROW(INDEX(Jesper!AH$2:AH$366,ROUNDDOWN($C6007/24,0)+1,1))-1)+IF('Standard Profiles'!$G$18=$B$10,7,0)+IF('Standard Profiles'!$G$18=$B$17,14,0)+IF('Standard Profiles'!$G$18=$B$24,21,0),MOD($C6007,24)+1)/SUM(INDEX($D$3:$AA$30,INDEX(Jesper!$R$2:$R$366,ROW(INDEX(Jesper!AH$2:AH$366,ROUNDDOWN($C6007/24,0)+1,1))-1)+IF('Standard Profiles'!$G$18=$B$10,7,0)+IF('Standard Profiles'!$G$18=$B$17,14,0)+IF('Standard Profiles'!$G$18=$B$24,21,0),0)),0)</f>
        <v>7.0552987027703624</v>
      </c>
      <c r="E6007" cm="1">
        <f t="array" ref="E6007">IFERROR(INDEX(Jesper!AI$2:AI$366,ROUNDDOWN($C6007/24,0)+1,1)*INDEX($D$3:$AA$30,INDEX(Jesper!$R$2:$R$366,ROW(INDEX(Jesper!AI$2:AI$366,ROUNDDOWN($C6007/24,0)+1,1))-1)+IF('Standard Profiles'!$G$19=$B$10,7,0)+IF('Standard Profiles'!$G$19=$B$17,14,0)+IF('Standard Profiles'!$G$19=$B$24,21,0),MOD($C6007,24)+1)/SUM(INDEX($D$3:$AA$30,INDEX(Jesper!$R$2:$R$366,ROW(INDEX(Jesper!AI$2:AI$366,ROUNDDOWN($C6007/24,0)+1,1))-1)+IF('Standard Profiles'!$G$19=$B$10,7,0)+IF('Standard Profiles'!$G$19=$B$17,14,0)+IF('Standard Profiles'!$G$19=$B$24,21,0),0)),0)</f>
        <v>0</v>
      </c>
      <c r="F6007" cm="1">
        <f t="array" ref="F6007">IFERROR(INDEX(Jesper!AJ$2:AJ$366,ROUNDDOWN($C6007/24,0)+1,1)*INDEX($D$3:$AA$30,INDEX(Jesper!$R$2:$R$366,ROW(INDEX(Jesper!AJ$2:AJ$366,ROUNDDOWN($C6007/24,0)+1,1))-1)+IF('Standard Profiles'!$G$20=$B$10,7,0)+IF('Standard Profiles'!$G$20=$B$17,14,0)+IF('Standard Profiles'!$G$20=$B$24,21,0),MOD($C6007,24)+1)/SUM(INDEX($D$3:$AA$30,INDEX(Jesper!$R$2:$R$366,ROW(INDEX(Jesper!AJ$2:AJ$366,ROUNDDOWN($C6007/24,0)+1,1))-1)+IF('Standard Profiles'!$G$20=$B$10,7,0)+IF('Standard Profiles'!$G$20=$B$17,14,0)+IF('Standard Profiles'!$G$20=$B$24,21,0),0)),0)</f>
        <v>0</v>
      </c>
      <c r="G6007" cm="1">
        <f t="array" ref="G6007">IFERROR(INDEX(Jesper!AK$2:AK$366,ROUNDDOWN($C6007/24,0)+1,1)*INDEX($D$3:$AA$30,INDEX(Jesper!$R$2:$R$366,ROW(INDEX(Jesper!AK$2:AK$366,ROUNDDOWN($C6007/24,0)+1,1))-1)+IF('Standard Profiles'!$G$21=$B$10,7,0)+IF('Standard Profiles'!$G$21=$B$17,14,0)+IF('Standard Profiles'!$G$21=$B$24,21,0),MOD($C6007,24)+1)/SUM(INDEX($D$3:$AA$30,INDEX(Jesper!$R$2:$R$366,ROW(INDEX(Jesper!AK$2:AK$366,ROUNDDOWN($C6007/24,0)+1,1))-1)+IF('Standard Profiles'!$G$21=$B$10,7,0)+IF('Standard Profiles'!$G$21=$B$17,14,0)+IF('Standard Profiles'!$G$21=$B$24,21,0),0)),0)</f>
        <v>0</v>
      </c>
      <c r="H6007" cm="1">
        <f t="array" ref="H6007">IFERROR(INDEX(Jesper!AL$2:AL$366,ROUNDDOWN($C6007/24,0)+1,1)*INDEX($D$3:$AA$30,INDEX(Jesper!$R$2:$R$366,ROW(INDEX(Jesper!AL$2:AL$366,ROUNDDOWN($C6007/24,0)+1,1))-1)+IF('Standard Profiles'!$G$22=$B$10,7,0)+IF('Standard Profiles'!$G$22=$B$17,14,0)+IF('Standard Profiles'!$G$22=$B$24,21,0),MOD($C6007,24)+1)/SUM(INDEX($D$3:$AA$30,INDEX(Jesper!$R$2:$R$366,ROW(INDEX(Jesper!AL$2:AL$366,ROUNDDOWN($C6007/24,0)+1,1))-1)+IF('Standard Profiles'!$G$22=$B$10,7,0)+IF('Standard Profiles'!$G$22=$B$17,14,0)+IF('Standard Profiles'!$G$22=$B$24,21,0),0)),0)</f>
        <v>0</v>
      </c>
      <c r="I6007">
        <f t="shared" si="671"/>
        <v>0.21165896108311086</v>
      </c>
      <c r="J6007">
        <f t="shared" si="672"/>
        <v>0.70552987027703629</v>
      </c>
      <c r="K6007">
        <f t="shared" si="673"/>
        <v>1.0582948054155543</v>
      </c>
      <c r="L6007">
        <f t="shared" si="674"/>
        <v>5.0798150659946604</v>
      </c>
      <c r="M6007">
        <f t="shared" si="675"/>
        <v>0</v>
      </c>
      <c r="N6007" s="46">
        <f t="shared" si="676"/>
        <v>45540.874999985514</v>
      </c>
    </row>
    <row r="6008" spans="2:14" x14ac:dyDescent="0.3">
      <c r="B6008">
        <f t="shared" si="670"/>
        <v>4</v>
      </c>
      <c r="C6008" s="16">
        <v>5974</v>
      </c>
      <c r="D6008" cm="1">
        <f t="array" ref="D6008">IFERROR(INDEX(Jesper!AH$2:AH$366,ROUNDDOWN($C6008/24,0)+1,1)*INDEX($D$3:$AA$30,INDEX(Jesper!$R$2:$R$366,ROW(INDEX(Jesper!AH$2:AH$366,ROUNDDOWN($C6008/24,0)+1,1))-1)+IF('Standard Profiles'!$G$18=$B$10,7,0)+IF('Standard Profiles'!$G$18=$B$17,14,0)+IF('Standard Profiles'!$G$18=$B$24,21,0),MOD($C6008,24)+1)/SUM(INDEX($D$3:$AA$30,INDEX(Jesper!$R$2:$R$366,ROW(INDEX(Jesper!AH$2:AH$366,ROUNDDOWN($C6008/24,0)+1,1))-1)+IF('Standard Profiles'!$G$18=$B$10,7,0)+IF('Standard Profiles'!$G$18=$B$17,14,0)+IF('Standard Profiles'!$G$18=$B$24,21,0),0)),0)</f>
        <v>7.0552987027703624</v>
      </c>
      <c r="E6008" cm="1">
        <f t="array" ref="E6008">IFERROR(INDEX(Jesper!AI$2:AI$366,ROUNDDOWN($C6008/24,0)+1,1)*INDEX($D$3:$AA$30,INDEX(Jesper!$R$2:$R$366,ROW(INDEX(Jesper!AI$2:AI$366,ROUNDDOWN($C6008/24,0)+1,1))-1)+IF('Standard Profiles'!$G$19=$B$10,7,0)+IF('Standard Profiles'!$G$19=$B$17,14,0)+IF('Standard Profiles'!$G$19=$B$24,21,0),MOD($C6008,24)+1)/SUM(INDEX($D$3:$AA$30,INDEX(Jesper!$R$2:$R$366,ROW(INDEX(Jesper!AI$2:AI$366,ROUNDDOWN($C6008/24,0)+1,1))-1)+IF('Standard Profiles'!$G$19=$B$10,7,0)+IF('Standard Profiles'!$G$19=$B$17,14,0)+IF('Standard Profiles'!$G$19=$B$24,21,0),0)),0)</f>
        <v>0</v>
      </c>
      <c r="F6008" cm="1">
        <f t="array" ref="F6008">IFERROR(INDEX(Jesper!AJ$2:AJ$366,ROUNDDOWN($C6008/24,0)+1,1)*INDEX($D$3:$AA$30,INDEX(Jesper!$R$2:$R$366,ROW(INDEX(Jesper!AJ$2:AJ$366,ROUNDDOWN($C6008/24,0)+1,1))-1)+IF('Standard Profiles'!$G$20=$B$10,7,0)+IF('Standard Profiles'!$G$20=$B$17,14,0)+IF('Standard Profiles'!$G$20=$B$24,21,0),MOD($C6008,24)+1)/SUM(INDEX($D$3:$AA$30,INDEX(Jesper!$R$2:$R$366,ROW(INDEX(Jesper!AJ$2:AJ$366,ROUNDDOWN($C6008/24,0)+1,1))-1)+IF('Standard Profiles'!$G$20=$B$10,7,0)+IF('Standard Profiles'!$G$20=$B$17,14,0)+IF('Standard Profiles'!$G$20=$B$24,21,0),0)),0)</f>
        <v>0</v>
      </c>
      <c r="G6008" cm="1">
        <f t="array" ref="G6008">IFERROR(INDEX(Jesper!AK$2:AK$366,ROUNDDOWN($C6008/24,0)+1,1)*INDEX($D$3:$AA$30,INDEX(Jesper!$R$2:$R$366,ROW(INDEX(Jesper!AK$2:AK$366,ROUNDDOWN($C6008/24,0)+1,1))-1)+IF('Standard Profiles'!$G$21=$B$10,7,0)+IF('Standard Profiles'!$G$21=$B$17,14,0)+IF('Standard Profiles'!$G$21=$B$24,21,0),MOD($C6008,24)+1)/SUM(INDEX($D$3:$AA$30,INDEX(Jesper!$R$2:$R$366,ROW(INDEX(Jesper!AK$2:AK$366,ROUNDDOWN($C6008/24,0)+1,1))-1)+IF('Standard Profiles'!$G$21=$B$10,7,0)+IF('Standard Profiles'!$G$21=$B$17,14,0)+IF('Standard Profiles'!$G$21=$B$24,21,0),0)),0)</f>
        <v>0</v>
      </c>
      <c r="H6008" cm="1">
        <f t="array" ref="H6008">IFERROR(INDEX(Jesper!AL$2:AL$366,ROUNDDOWN($C6008/24,0)+1,1)*INDEX($D$3:$AA$30,INDEX(Jesper!$R$2:$R$366,ROW(INDEX(Jesper!AL$2:AL$366,ROUNDDOWN($C6008/24,0)+1,1))-1)+IF('Standard Profiles'!$G$22=$B$10,7,0)+IF('Standard Profiles'!$G$22=$B$17,14,0)+IF('Standard Profiles'!$G$22=$B$24,21,0),MOD($C6008,24)+1)/SUM(INDEX($D$3:$AA$30,INDEX(Jesper!$R$2:$R$366,ROW(INDEX(Jesper!AL$2:AL$366,ROUNDDOWN($C6008/24,0)+1,1))-1)+IF('Standard Profiles'!$G$22=$B$10,7,0)+IF('Standard Profiles'!$G$22=$B$17,14,0)+IF('Standard Profiles'!$G$22=$B$24,21,0),0)),0)</f>
        <v>0</v>
      </c>
      <c r="I6008">
        <f t="shared" si="671"/>
        <v>0.21165896108311086</v>
      </c>
      <c r="J6008">
        <f t="shared" si="672"/>
        <v>0.70552987027703629</v>
      </c>
      <c r="K6008">
        <f t="shared" si="673"/>
        <v>1.0582948054155543</v>
      </c>
      <c r="L6008">
        <f t="shared" si="674"/>
        <v>5.0798150659946604</v>
      </c>
      <c r="M6008">
        <f t="shared" si="675"/>
        <v>0</v>
      </c>
      <c r="N6008" s="46">
        <f t="shared" si="676"/>
        <v>45540.916666652178</v>
      </c>
    </row>
    <row r="6009" spans="2:14" x14ac:dyDescent="0.3">
      <c r="B6009">
        <f t="shared" si="670"/>
        <v>4</v>
      </c>
      <c r="C6009" s="16">
        <v>5975</v>
      </c>
      <c r="D6009" cm="1">
        <f t="array" ref="D6009">IFERROR(INDEX(Jesper!AH$2:AH$366,ROUNDDOWN($C6009/24,0)+1,1)*INDEX($D$3:$AA$30,INDEX(Jesper!$R$2:$R$366,ROW(INDEX(Jesper!AH$2:AH$366,ROUNDDOWN($C6009/24,0)+1,1))-1)+IF('Standard Profiles'!$G$18=$B$10,7,0)+IF('Standard Profiles'!$G$18=$B$17,14,0)+IF('Standard Profiles'!$G$18=$B$24,21,0),MOD($C6009,24)+1)/SUM(INDEX($D$3:$AA$30,INDEX(Jesper!$R$2:$R$366,ROW(INDEX(Jesper!AH$2:AH$366,ROUNDDOWN($C6009/24,0)+1,1))-1)+IF('Standard Profiles'!$G$18=$B$10,7,0)+IF('Standard Profiles'!$G$18=$B$17,14,0)+IF('Standard Profiles'!$G$18=$B$24,21,0),0)),0)</f>
        <v>7.0552987027703624</v>
      </c>
      <c r="E6009" cm="1">
        <f t="array" ref="E6009">IFERROR(INDEX(Jesper!AI$2:AI$366,ROUNDDOWN($C6009/24,0)+1,1)*INDEX($D$3:$AA$30,INDEX(Jesper!$R$2:$R$366,ROW(INDEX(Jesper!AI$2:AI$366,ROUNDDOWN($C6009/24,0)+1,1))-1)+IF('Standard Profiles'!$G$19=$B$10,7,0)+IF('Standard Profiles'!$G$19=$B$17,14,0)+IF('Standard Profiles'!$G$19=$B$24,21,0),MOD($C6009,24)+1)/SUM(INDEX($D$3:$AA$30,INDEX(Jesper!$R$2:$R$366,ROW(INDEX(Jesper!AI$2:AI$366,ROUNDDOWN($C6009/24,0)+1,1))-1)+IF('Standard Profiles'!$G$19=$B$10,7,0)+IF('Standard Profiles'!$G$19=$B$17,14,0)+IF('Standard Profiles'!$G$19=$B$24,21,0),0)),0)</f>
        <v>0</v>
      </c>
      <c r="F6009" cm="1">
        <f t="array" ref="F6009">IFERROR(INDEX(Jesper!AJ$2:AJ$366,ROUNDDOWN($C6009/24,0)+1,1)*INDEX($D$3:$AA$30,INDEX(Jesper!$R$2:$R$366,ROW(INDEX(Jesper!AJ$2:AJ$366,ROUNDDOWN($C6009/24,0)+1,1))-1)+IF('Standard Profiles'!$G$20=$B$10,7,0)+IF('Standard Profiles'!$G$20=$B$17,14,0)+IF('Standard Profiles'!$G$20=$B$24,21,0),MOD($C6009,24)+1)/SUM(INDEX($D$3:$AA$30,INDEX(Jesper!$R$2:$R$366,ROW(INDEX(Jesper!AJ$2:AJ$366,ROUNDDOWN($C6009/24,0)+1,1))-1)+IF('Standard Profiles'!$G$20=$B$10,7,0)+IF('Standard Profiles'!$G$20=$B$17,14,0)+IF('Standard Profiles'!$G$20=$B$24,21,0),0)),0)</f>
        <v>0</v>
      </c>
      <c r="G6009" cm="1">
        <f t="array" ref="G6009">IFERROR(INDEX(Jesper!AK$2:AK$366,ROUNDDOWN($C6009/24,0)+1,1)*INDEX($D$3:$AA$30,INDEX(Jesper!$R$2:$R$366,ROW(INDEX(Jesper!AK$2:AK$366,ROUNDDOWN($C6009/24,0)+1,1))-1)+IF('Standard Profiles'!$G$21=$B$10,7,0)+IF('Standard Profiles'!$G$21=$B$17,14,0)+IF('Standard Profiles'!$G$21=$B$24,21,0),MOD($C6009,24)+1)/SUM(INDEX($D$3:$AA$30,INDEX(Jesper!$R$2:$R$366,ROW(INDEX(Jesper!AK$2:AK$366,ROUNDDOWN($C6009/24,0)+1,1))-1)+IF('Standard Profiles'!$G$21=$B$10,7,0)+IF('Standard Profiles'!$G$21=$B$17,14,0)+IF('Standard Profiles'!$G$21=$B$24,21,0),0)),0)</f>
        <v>0</v>
      </c>
      <c r="H6009" cm="1">
        <f t="array" ref="H6009">IFERROR(INDEX(Jesper!AL$2:AL$366,ROUNDDOWN($C6009/24,0)+1,1)*INDEX($D$3:$AA$30,INDEX(Jesper!$R$2:$R$366,ROW(INDEX(Jesper!AL$2:AL$366,ROUNDDOWN($C6009/24,0)+1,1))-1)+IF('Standard Profiles'!$G$22=$B$10,7,0)+IF('Standard Profiles'!$G$22=$B$17,14,0)+IF('Standard Profiles'!$G$22=$B$24,21,0),MOD($C6009,24)+1)/SUM(INDEX($D$3:$AA$30,INDEX(Jesper!$R$2:$R$366,ROW(INDEX(Jesper!AL$2:AL$366,ROUNDDOWN($C6009/24,0)+1,1))-1)+IF('Standard Profiles'!$G$22=$B$10,7,0)+IF('Standard Profiles'!$G$22=$B$17,14,0)+IF('Standard Profiles'!$G$22=$B$24,21,0),0)),0)</f>
        <v>0</v>
      </c>
      <c r="I6009">
        <f t="shared" si="671"/>
        <v>0.21165896108311086</v>
      </c>
      <c r="J6009">
        <f t="shared" si="672"/>
        <v>0.70552987027703629</v>
      </c>
      <c r="K6009">
        <f t="shared" si="673"/>
        <v>1.0582948054155543</v>
      </c>
      <c r="L6009">
        <f t="shared" si="674"/>
        <v>5.0798150659946604</v>
      </c>
      <c r="M6009">
        <f t="shared" si="675"/>
        <v>0</v>
      </c>
      <c r="N6009" s="46">
        <f t="shared" si="676"/>
        <v>45540.958333318842</v>
      </c>
    </row>
    <row r="6010" spans="2:14" x14ac:dyDescent="0.3">
      <c r="B6010">
        <f t="shared" si="670"/>
        <v>5</v>
      </c>
      <c r="C6010" s="16">
        <v>5976</v>
      </c>
      <c r="D6010" cm="1">
        <f t="array" ref="D6010">IFERROR(INDEX(Jesper!AH$2:AH$366,ROUNDDOWN($C6010/24,0)+1,1)*INDEX($D$3:$AA$30,INDEX(Jesper!$R$2:$R$366,ROW(INDEX(Jesper!AH$2:AH$366,ROUNDDOWN($C6010/24,0)+1,1))-1)+IF('Standard Profiles'!$G$18=$B$10,7,0)+IF('Standard Profiles'!$G$18=$B$17,14,0)+IF('Standard Profiles'!$G$18=$B$24,21,0),MOD($C6010,24)+1)/SUM(INDEX($D$3:$AA$30,INDEX(Jesper!$R$2:$R$366,ROW(INDEX(Jesper!AH$2:AH$366,ROUNDDOWN($C6010/24,0)+1,1))-1)+IF('Standard Profiles'!$G$18=$B$10,7,0)+IF('Standard Profiles'!$G$18=$B$17,14,0)+IF('Standard Profiles'!$G$18=$B$24,21,0),0)),0)</f>
        <v>7.6809282189103403</v>
      </c>
      <c r="E6010" cm="1">
        <f t="array" ref="E6010">IFERROR(INDEX(Jesper!AI$2:AI$366,ROUNDDOWN($C6010/24,0)+1,1)*INDEX($D$3:$AA$30,INDEX(Jesper!$R$2:$R$366,ROW(INDEX(Jesper!AI$2:AI$366,ROUNDDOWN($C6010/24,0)+1,1))-1)+IF('Standard Profiles'!$G$19=$B$10,7,0)+IF('Standard Profiles'!$G$19=$B$17,14,0)+IF('Standard Profiles'!$G$19=$B$24,21,0),MOD($C6010,24)+1)/SUM(INDEX($D$3:$AA$30,INDEX(Jesper!$R$2:$R$366,ROW(INDEX(Jesper!AI$2:AI$366,ROUNDDOWN($C6010/24,0)+1,1))-1)+IF('Standard Profiles'!$G$19=$B$10,7,0)+IF('Standard Profiles'!$G$19=$B$17,14,0)+IF('Standard Profiles'!$G$19=$B$24,21,0),0)),0)</f>
        <v>0</v>
      </c>
      <c r="F6010" cm="1">
        <f t="array" ref="F6010">IFERROR(INDEX(Jesper!AJ$2:AJ$366,ROUNDDOWN($C6010/24,0)+1,1)*INDEX($D$3:$AA$30,INDEX(Jesper!$R$2:$R$366,ROW(INDEX(Jesper!AJ$2:AJ$366,ROUNDDOWN($C6010/24,0)+1,1))-1)+IF('Standard Profiles'!$G$20=$B$10,7,0)+IF('Standard Profiles'!$G$20=$B$17,14,0)+IF('Standard Profiles'!$G$20=$B$24,21,0),MOD($C6010,24)+1)/SUM(INDEX($D$3:$AA$30,INDEX(Jesper!$R$2:$R$366,ROW(INDEX(Jesper!AJ$2:AJ$366,ROUNDDOWN($C6010/24,0)+1,1))-1)+IF('Standard Profiles'!$G$20=$B$10,7,0)+IF('Standard Profiles'!$G$20=$B$17,14,0)+IF('Standard Profiles'!$G$20=$B$24,21,0),0)),0)</f>
        <v>0</v>
      </c>
      <c r="G6010" cm="1">
        <f t="array" ref="G6010">IFERROR(INDEX(Jesper!AK$2:AK$366,ROUNDDOWN($C6010/24,0)+1,1)*INDEX($D$3:$AA$30,INDEX(Jesper!$R$2:$R$366,ROW(INDEX(Jesper!AK$2:AK$366,ROUNDDOWN($C6010/24,0)+1,1))-1)+IF('Standard Profiles'!$G$21=$B$10,7,0)+IF('Standard Profiles'!$G$21=$B$17,14,0)+IF('Standard Profiles'!$G$21=$B$24,21,0),MOD($C6010,24)+1)/SUM(INDEX($D$3:$AA$30,INDEX(Jesper!$R$2:$R$366,ROW(INDEX(Jesper!AK$2:AK$366,ROUNDDOWN($C6010/24,0)+1,1))-1)+IF('Standard Profiles'!$G$21=$B$10,7,0)+IF('Standard Profiles'!$G$21=$B$17,14,0)+IF('Standard Profiles'!$G$21=$B$24,21,0),0)),0)</f>
        <v>0</v>
      </c>
      <c r="H6010" cm="1">
        <f t="array" ref="H6010">IFERROR(INDEX(Jesper!AL$2:AL$366,ROUNDDOWN($C6010/24,0)+1,1)*INDEX($D$3:$AA$30,INDEX(Jesper!$R$2:$R$366,ROW(INDEX(Jesper!AL$2:AL$366,ROUNDDOWN($C6010/24,0)+1,1))-1)+IF('Standard Profiles'!$G$22=$B$10,7,0)+IF('Standard Profiles'!$G$22=$B$17,14,0)+IF('Standard Profiles'!$G$22=$B$24,21,0),MOD($C6010,24)+1)/SUM(INDEX($D$3:$AA$30,INDEX(Jesper!$R$2:$R$366,ROW(INDEX(Jesper!AL$2:AL$366,ROUNDDOWN($C6010/24,0)+1,1))-1)+IF('Standard Profiles'!$G$22=$B$10,7,0)+IF('Standard Profiles'!$G$22=$B$17,14,0)+IF('Standard Profiles'!$G$22=$B$24,21,0),0)),0)</f>
        <v>0</v>
      </c>
      <c r="I6010">
        <f t="shared" si="671"/>
        <v>0.23042784656731019</v>
      </c>
      <c r="J6010">
        <f t="shared" si="672"/>
        <v>0.76809282189103412</v>
      </c>
      <c r="K6010">
        <f t="shared" si="673"/>
        <v>1.152139232836551</v>
      </c>
      <c r="L6010">
        <f t="shared" si="674"/>
        <v>5.5302683176154446</v>
      </c>
      <c r="M6010">
        <f t="shared" si="675"/>
        <v>0</v>
      </c>
      <c r="N6010" s="46">
        <f t="shared" si="676"/>
        <v>45540.999999985506</v>
      </c>
    </row>
    <row r="6011" spans="2:14" x14ac:dyDescent="0.3">
      <c r="B6011">
        <f t="shared" si="670"/>
        <v>5</v>
      </c>
      <c r="C6011" s="16">
        <v>5977</v>
      </c>
      <c r="D6011" cm="1">
        <f t="array" ref="D6011">IFERROR(INDEX(Jesper!AH$2:AH$366,ROUNDDOWN($C6011/24,0)+1,1)*INDEX($D$3:$AA$30,INDEX(Jesper!$R$2:$R$366,ROW(INDEX(Jesper!AH$2:AH$366,ROUNDDOWN($C6011/24,0)+1,1))-1)+IF('Standard Profiles'!$G$18=$B$10,7,0)+IF('Standard Profiles'!$G$18=$B$17,14,0)+IF('Standard Profiles'!$G$18=$B$24,21,0),MOD($C6011,24)+1)/SUM(INDEX($D$3:$AA$30,INDEX(Jesper!$R$2:$R$366,ROW(INDEX(Jesper!AH$2:AH$366,ROUNDDOWN($C6011/24,0)+1,1))-1)+IF('Standard Profiles'!$G$18=$B$10,7,0)+IF('Standard Profiles'!$G$18=$B$17,14,0)+IF('Standard Profiles'!$G$18=$B$24,21,0),0)),0)</f>
        <v>7.6809282189103403</v>
      </c>
      <c r="E6011" cm="1">
        <f t="array" ref="E6011">IFERROR(INDEX(Jesper!AI$2:AI$366,ROUNDDOWN($C6011/24,0)+1,1)*INDEX($D$3:$AA$30,INDEX(Jesper!$R$2:$R$366,ROW(INDEX(Jesper!AI$2:AI$366,ROUNDDOWN($C6011/24,0)+1,1))-1)+IF('Standard Profiles'!$G$19=$B$10,7,0)+IF('Standard Profiles'!$G$19=$B$17,14,0)+IF('Standard Profiles'!$G$19=$B$24,21,0),MOD($C6011,24)+1)/SUM(INDEX($D$3:$AA$30,INDEX(Jesper!$R$2:$R$366,ROW(INDEX(Jesper!AI$2:AI$366,ROUNDDOWN($C6011/24,0)+1,1))-1)+IF('Standard Profiles'!$G$19=$B$10,7,0)+IF('Standard Profiles'!$G$19=$B$17,14,0)+IF('Standard Profiles'!$G$19=$B$24,21,0),0)),0)</f>
        <v>0</v>
      </c>
      <c r="F6011" cm="1">
        <f t="array" ref="F6011">IFERROR(INDEX(Jesper!AJ$2:AJ$366,ROUNDDOWN($C6011/24,0)+1,1)*INDEX($D$3:$AA$30,INDEX(Jesper!$R$2:$R$366,ROW(INDEX(Jesper!AJ$2:AJ$366,ROUNDDOWN($C6011/24,0)+1,1))-1)+IF('Standard Profiles'!$G$20=$B$10,7,0)+IF('Standard Profiles'!$G$20=$B$17,14,0)+IF('Standard Profiles'!$G$20=$B$24,21,0),MOD($C6011,24)+1)/SUM(INDEX($D$3:$AA$30,INDEX(Jesper!$R$2:$R$366,ROW(INDEX(Jesper!AJ$2:AJ$366,ROUNDDOWN($C6011/24,0)+1,1))-1)+IF('Standard Profiles'!$G$20=$B$10,7,0)+IF('Standard Profiles'!$G$20=$B$17,14,0)+IF('Standard Profiles'!$G$20=$B$24,21,0),0)),0)</f>
        <v>0</v>
      </c>
      <c r="G6011" cm="1">
        <f t="array" ref="G6011">IFERROR(INDEX(Jesper!AK$2:AK$366,ROUNDDOWN($C6011/24,0)+1,1)*INDEX($D$3:$AA$30,INDEX(Jesper!$R$2:$R$366,ROW(INDEX(Jesper!AK$2:AK$366,ROUNDDOWN($C6011/24,0)+1,1))-1)+IF('Standard Profiles'!$G$21=$B$10,7,0)+IF('Standard Profiles'!$G$21=$B$17,14,0)+IF('Standard Profiles'!$G$21=$B$24,21,0),MOD($C6011,24)+1)/SUM(INDEX($D$3:$AA$30,INDEX(Jesper!$R$2:$R$366,ROW(INDEX(Jesper!AK$2:AK$366,ROUNDDOWN($C6011/24,0)+1,1))-1)+IF('Standard Profiles'!$G$21=$B$10,7,0)+IF('Standard Profiles'!$G$21=$B$17,14,0)+IF('Standard Profiles'!$G$21=$B$24,21,0),0)),0)</f>
        <v>0</v>
      </c>
      <c r="H6011" cm="1">
        <f t="array" ref="H6011">IFERROR(INDEX(Jesper!AL$2:AL$366,ROUNDDOWN($C6011/24,0)+1,1)*INDEX($D$3:$AA$30,INDEX(Jesper!$R$2:$R$366,ROW(INDEX(Jesper!AL$2:AL$366,ROUNDDOWN($C6011/24,0)+1,1))-1)+IF('Standard Profiles'!$G$22=$B$10,7,0)+IF('Standard Profiles'!$G$22=$B$17,14,0)+IF('Standard Profiles'!$G$22=$B$24,21,0),MOD($C6011,24)+1)/SUM(INDEX($D$3:$AA$30,INDEX(Jesper!$R$2:$R$366,ROW(INDEX(Jesper!AL$2:AL$366,ROUNDDOWN($C6011/24,0)+1,1))-1)+IF('Standard Profiles'!$G$22=$B$10,7,0)+IF('Standard Profiles'!$G$22=$B$17,14,0)+IF('Standard Profiles'!$G$22=$B$24,21,0),0)),0)</f>
        <v>0</v>
      </c>
      <c r="I6011">
        <f t="shared" si="671"/>
        <v>0.23042784656731019</v>
      </c>
      <c r="J6011">
        <f t="shared" si="672"/>
        <v>0.76809282189103412</v>
      </c>
      <c r="K6011">
        <f t="shared" si="673"/>
        <v>1.152139232836551</v>
      </c>
      <c r="L6011">
        <f t="shared" si="674"/>
        <v>5.5302683176154446</v>
      </c>
      <c r="M6011">
        <f t="shared" si="675"/>
        <v>0</v>
      </c>
      <c r="N6011" s="46">
        <f t="shared" si="676"/>
        <v>45541.041666652171</v>
      </c>
    </row>
    <row r="6012" spans="2:14" x14ac:dyDescent="0.3">
      <c r="B6012">
        <f t="shared" si="670"/>
        <v>5</v>
      </c>
      <c r="C6012" s="16">
        <v>5978</v>
      </c>
      <c r="D6012" cm="1">
        <f t="array" ref="D6012">IFERROR(INDEX(Jesper!AH$2:AH$366,ROUNDDOWN($C6012/24,0)+1,1)*INDEX($D$3:$AA$30,INDEX(Jesper!$R$2:$R$366,ROW(INDEX(Jesper!AH$2:AH$366,ROUNDDOWN($C6012/24,0)+1,1))-1)+IF('Standard Profiles'!$G$18=$B$10,7,0)+IF('Standard Profiles'!$G$18=$B$17,14,0)+IF('Standard Profiles'!$G$18=$B$24,21,0),MOD($C6012,24)+1)/SUM(INDEX($D$3:$AA$30,INDEX(Jesper!$R$2:$R$366,ROW(INDEX(Jesper!AH$2:AH$366,ROUNDDOWN($C6012/24,0)+1,1))-1)+IF('Standard Profiles'!$G$18=$B$10,7,0)+IF('Standard Profiles'!$G$18=$B$17,14,0)+IF('Standard Profiles'!$G$18=$B$24,21,0),0)),0)</f>
        <v>7.6809282189103403</v>
      </c>
      <c r="E6012" cm="1">
        <f t="array" ref="E6012">IFERROR(INDEX(Jesper!AI$2:AI$366,ROUNDDOWN($C6012/24,0)+1,1)*INDEX($D$3:$AA$30,INDEX(Jesper!$R$2:$R$366,ROW(INDEX(Jesper!AI$2:AI$366,ROUNDDOWN($C6012/24,0)+1,1))-1)+IF('Standard Profiles'!$G$19=$B$10,7,0)+IF('Standard Profiles'!$G$19=$B$17,14,0)+IF('Standard Profiles'!$G$19=$B$24,21,0),MOD($C6012,24)+1)/SUM(INDEX($D$3:$AA$30,INDEX(Jesper!$R$2:$R$366,ROW(INDEX(Jesper!AI$2:AI$366,ROUNDDOWN($C6012/24,0)+1,1))-1)+IF('Standard Profiles'!$G$19=$B$10,7,0)+IF('Standard Profiles'!$G$19=$B$17,14,0)+IF('Standard Profiles'!$G$19=$B$24,21,0),0)),0)</f>
        <v>0</v>
      </c>
      <c r="F6012" cm="1">
        <f t="array" ref="F6012">IFERROR(INDEX(Jesper!AJ$2:AJ$366,ROUNDDOWN($C6012/24,0)+1,1)*INDEX($D$3:$AA$30,INDEX(Jesper!$R$2:$R$366,ROW(INDEX(Jesper!AJ$2:AJ$366,ROUNDDOWN($C6012/24,0)+1,1))-1)+IF('Standard Profiles'!$G$20=$B$10,7,0)+IF('Standard Profiles'!$G$20=$B$17,14,0)+IF('Standard Profiles'!$G$20=$B$24,21,0),MOD($C6012,24)+1)/SUM(INDEX($D$3:$AA$30,INDEX(Jesper!$R$2:$R$366,ROW(INDEX(Jesper!AJ$2:AJ$366,ROUNDDOWN($C6012/24,0)+1,1))-1)+IF('Standard Profiles'!$G$20=$B$10,7,0)+IF('Standard Profiles'!$G$20=$B$17,14,0)+IF('Standard Profiles'!$G$20=$B$24,21,0),0)),0)</f>
        <v>0</v>
      </c>
      <c r="G6012" cm="1">
        <f t="array" ref="G6012">IFERROR(INDEX(Jesper!AK$2:AK$366,ROUNDDOWN($C6012/24,0)+1,1)*INDEX($D$3:$AA$30,INDEX(Jesper!$R$2:$R$366,ROW(INDEX(Jesper!AK$2:AK$366,ROUNDDOWN($C6012/24,0)+1,1))-1)+IF('Standard Profiles'!$G$21=$B$10,7,0)+IF('Standard Profiles'!$G$21=$B$17,14,0)+IF('Standard Profiles'!$G$21=$B$24,21,0),MOD($C6012,24)+1)/SUM(INDEX($D$3:$AA$30,INDEX(Jesper!$R$2:$R$366,ROW(INDEX(Jesper!AK$2:AK$366,ROUNDDOWN($C6012/24,0)+1,1))-1)+IF('Standard Profiles'!$G$21=$B$10,7,0)+IF('Standard Profiles'!$G$21=$B$17,14,0)+IF('Standard Profiles'!$G$21=$B$24,21,0),0)),0)</f>
        <v>0</v>
      </c>
      <c r="H6012" cm="1">
        <f t="array" ref="H6012">IFERROR(INDEX(Jesper!AL$2:AL$366,ROUNDDOWN($C6012/24,0)+1,1)*INDEX($D$3:$AA$30,INDEX(Jesper!$R$2:$R$366,ROW(INDEX(Jesper!AL$2:AL$366,ROUNDDOWN($C6012/24,0)+1,1))-1)+IF('Standard Profiles'!$G$22=$B$10,7,0)+IF('Standard Profiles'!$G$22=$B$17,14,0)+IF('Standard Profiles'!$G$22=$B$24,21,0),MOD($C6012,24)+1)/SUM(INDEX($D$3:$AA$30,INDEX(Jesper!$R$2:$R$366,ROW(INDEX(Jesper!AL$2:AL$366,ROUNDDOWN($C6012/24,0)+1,1))-1)+IF('Standard Profiles'!$G$22=$B$10,7,0)+IF('Standard Profiles'!$G$22=$B$17,14,0)+IF('Standard Profiles'!$G$22=$B$24,21,0),0)),0)</f>
        <v>0</v>
      </c>
      <c r="I6012">
        <f t="shared" si="671"/>
        <v>0.23042784656731019</v>
      </c>
      <c r="J6012">
        <f t="shared" si="672"/>
        <v>0.76809282189103412</v>
      </c>
      <c r="K6012">
        <f t="shared" si="673"/>
        <v>1.152139232836551</v>
      </c>
      <c r="L6012">
        <f t="shared" si="674"/>
        <v>5.5302683176154446</v>
      </c>
      <c r="M6012">
        <f t="shared" si="675"/>
        <v>0</v>
      </c>
      <c r="N6012" s="46">
        <f t="shared" si="676"/>
        <v>45541.083333318835</v>
      </c>
    </row>
    <row r="6013" spans="2:14" x14ac:dyDescent="0.3">
      <c r="B6013">
        <f t="shared" si="670"/>
        <v>5</v>
      </c>
      <c r="C6013" s="16">
        <v>5979</v>
      </c>
      <c r="D6013" cm="1">
        <f t="array" ref="D6013">IFERROR(INDEX(Jesper!AH$2:AH$366,ROUNDDOWN($C6013/24,0)+1,1)*INDEX($D$3:$AA$30,INDEX(Jesper!$R$2:$R$366,ROW(INDEX(Jesper!AH$2:AH$366,ROUNDDOWN($C6013/24,0)+1,1))-1)+IF('Standard Profiles'!$G$18=$B$10,7,0)+IF('Standard Profiles'!$G$18=$B$17,14,0)+IF('Standard Profiles'!$G$18=$B$24,21,0),MOD($C6013,24)+1)/SUM(INDEX($D$3:$AA$30,INDEX(Jesper!$R$2:$R$366,ROW(INDEX(Jesper!AH$2:AH$366,ROUNDDOWN($C6013/24,0)+1,1))-1)+IF('Standard Profiles'!$G$18=$B$10,7,0)+IF('Standard Profiles'!$G$18=$B$17,14,0)+IF('Standard Profiles'!$G$18=$B$24,21,0),0)),0)</f>
        <v>7.6809282189103403</v>
      </c>
      <c r="E6013" cm="1">
        <f t="array" ref="E6013">IFERROR(INDEX(Jesper!AI$2:AI$366,ROUNDDOWN($C6013/24,0)+1,1)*INDEX($D$3:$AA$30,INDEX(Jesper!$R$2:$R$366,ROW(INDEX(Jesper!AI$2:AI$366,ROUNDDOWN($C6013/24,0)+1,1))-1)+IF('Standard Profiles'!$G$19=$B$10,7,0)+IF('Standard Profiles'!$G$19=$B$17,14,0)+IF('Standard Profiles'!$G$19=$B$24,21,0),MOD($C6013,24)+1)/SUM(INDEX($D$3:$AA$30,INDEX(Jesper!$R$2:$R$366,ROW(INDEX(Jesper!AI$2:AI$366,ROUNDDOWN($C6013/24,0)+1,1))-1)+IF('Standard Profiles'!$G$19=$B$10,7,0)+IF('Standard Profiles'!$G$19=$B$17,14,0)+IF('Standard Profiles'!$G$19=$B$24,21,0),0)),0)</f>
        <v>0</v>
      </c>
      <c r="F6013" cm="1">
        <f t="array" ref="F6013">IFERROR(INDEX(Jesper!AJ$2:AJ$366,ROUNDDOWN($C6013/24,0)+1,1)*INDEX($D$3:$AA$30,INDEX(Jesper!$R$2:$R$366,ROW(INDEX(Jesper!AJ$2:AJ$366,ROUNDDOWN($C6013/24,0)+1,1))-1)+IF('Standard Profiles'!$G$20=$B$10,7,0)+IF('Standard Profiles'!$G$20=$B$17,14,0)+IF('Standard Profiles'!$G$20=$B$24,21,0),MOD($C6013,24)+1)/SUM(INDEX($D$3:$AA$30,INDEX(Jesper!$R$2:$R$366,ROW(INDEX(Jesper!AJ$2:AJ$366,ROUNDDOWN($C6013/24,0)+1,1))-1)+IF('Standard Profiles'!$G$20=$B$10,7,0)+IF('Standard Profiles'!$G$20=$B$17,14,0)+IF('Standard Profiles'!$G$20=$B$24,21,0),0)),0)</f>
        <v>0</v>
      </c>
      <c r="G6013" cm="1">
        <f t="array" ref="G6013">IFERROR(INDEX(Jesper!AK$2:AK$366,ROUNDDOWN($C6013/24,0)+1,1)*INDEX($D$3:$AA$30,INDEX(Jesper!$R$2:$R$366,ROW(INDEX(Jesper!AK$2:AK$366,ROUNDDOWN($C6013/24,0)+1,1))-1)+IF('Standard Profiles'!$G$21=$B$10,7,0)+IF('Standard Profiles'!$G$21=$B$17,14,0)+IF('Standard Profiles'!$G$21=$B$24,21,0),MOD($C6013,24)+1)/SUM(INDEX($D$3:$AA$30,INDEX(Jesper!$R$2:$R$366,ROW(INDEX(Jesper!AK$2:AK$366,ROUNDDOWN($C6013/24,0)+1,1))-1)+IF('Standard Profiles'!$G$21=$B$10,7,0)+IF('Standard Profiles'!$G$21=$B$17,14,0)+IF('Standard Profiles'!$G$21=$B$24,21,0),0)),0)</f>
        <v>0</v>
      </c>
      <c r="H6013" cm="1">
        <f t="array" ref="H6013">IFERROR(INDEX(Jesper!AL$2:AL$366,ROUNDDOWN($C6013/24,0)+1,1)*INDEX($D$3:$AA$30,INDEX(Jesper!$R$2:$R$366,ROW(INDEX(Jesper!AL$2:AL$366,ROUNDDOWN($C6013/24,0)+1,1))-1)+IF('Standard Profiles'!$G$22=$B$10,7,0)+IF('Standard Profiles'!$G$22=$B$17,14,0)+IF('Standard Profiles'!$G$22=$B$24,21,0),MOD($C6013,24)+1)/SUM(INDEX($D$3:$AA$30,INDEX(Jesper!$R$2:$R$366,ROW(INDEX(Jesper!AL$2:AL$366,ROUNDDOWN($C6013/24,0)+1,1))-1)+IF('Standard Profiles'!$G$22=$B$10,7,0)+IF('Standard Profiles'!$G$22=$B$17,14,0)+IF('Standard Profiles'!$G$22=$B$24,21,0),0)),0)</f>
        <v>0</v>
      </c>
      <c r="I6013">
        <f t="shared" si="671"/>
        <v>0.23042784656731019</v>
      </c>
      <c r="J6013">
        <f t="shared" si="672"/>
        <v>0.76809282189103412</v>
      </c>
      <c r="K6013">
        <f t="shared" si="673"/>
        <v>1.152139232836551</v>
      </c>
      <c r="L6013">
        <f t="shared" si="674"/>
        <v>5.5302683176154446</v>
      </c>
      <c r="M6013">
        <f t="shared" si="675"/>
        <v>0</v>
      </c>
      <c r="N6013" s="46">
        <f t="shared" si="676"/>
        <v>45541.124999985499</v>
      </c>
    </row>
    <row r="6014" spans="2:14" x14ac:dyDescent="0.3">
      <c r="B6014">
        <f t="shared" si="670"/>
        <v>5</v>
      </c>
      <c r="C6014" s="16">
        <v>5980</v>
      </c>
      <c r="D6014" cm="1">
        <f t="array" ref="D6014">IFERROR(INDEX(Jesper!AH$2:AH$366,ROUNDDOWN($C6014/24,0)+1,1)*INDEX($D$3:$AA$30,INDEX(Jesper!$R$2:$R$366,ROW(INDEX(Jesper!AH$2:AH$366,ROUNDDOWN($C6014/24,0)+1,1))-1)+IF('Standard Profiles'!$G$18=$B$10,7,0)+IF('Standard Profiles'!$G$18=$B$17,14,0)+IF('Standard Profiles'!$G$18=$B$24,21,0),MOD($C6014,24)+1)/SUM(INDEX($D$3:$AA$30,INDEX(Jesper!$R$2:$R$366,ROW(INDEX(Jesper!AH$2:AH$366,ROUNDDOWN($C6014/24,0)+1,1))-1)+IF('Standard Profiles'!$G$18=$B$10,7,0)+IF('Standard Profiles'!$G$18=$B$17,14,0)+IF('Standard Profiles'!$G$18=$B$24,21,0),0)),0)</f>
        <v>7.6809282189103403</v>
      </c>
      <c r="E6014" cm="1">
        <f t="array" ref="E6014">IFERROR(INDEX(Jesper!AI$2:AI$366,ROUNDDOWN($C6014/24,0)+1,1)*INDEX($D$3:$AA$30,INDEX(Jesper!$R$2:$R$366,ROW(INDEX(Jesper!AI$2:AI$366,ROUNDDOWN($C6014/24,0)+1,1))-1)+IF('Standard Profiles'!$G$19=$B$10,7,0)+IF('Standard Profiles'!$G$19=$B$17,14,0)+IF('Standard Profiles'!$G$19=$B$24,21,0),MOD($C6014,24)+1)/SUM(INDEX($D$3:$AA$30,INDEX(Jesper!$R$2:$R$366,ROW(INDEX(Jesper!AI$2:AI$366,ROUNDDOWN($C6014/24,0)+1,1))-1)+IF('Standard Profiles'!$G$19=$B$10,7,0)+IF('Standard Profiles'!$G$19=$B$17,14,0)+IF('Standard Profiles'!$G$19=$B$24,21,0),0)),0)</f>
        <v>0</v>
      </c>
      <c r="F6014" cm="1">
        <f t="array" ref="F6014">IFERROR(INDEX(Jesper!AJ$2:AJ$366,ROUNDDOWN($C6014/24,0)+1,1)*INDEX($D$3:$AA$30,INDEX(Jesper!$R$2:$R$366,ROW(INDEX(Jesper!AJ$2:AJ$366,ROUNDDOWN($C6014/24,0)+1,1))-1)+IF('Standard Profiles'!$G$20=$B$10,7,0)+IF('Standard Profiles'!$G$20=$B$17,14,0)+IF('Standard Profiles'!$G$20=$B$24,21,0),MOD($C6014,24)+1)/SUM(INDEX($D$3:$AA$30,INDEX(Jesper!$R$2:$R$366,ROW(INDEX(Jesper!AJ$2:AJ$366,ROUNDDOWN($C6014/24,0)+1,1))-1)+IF('Standard Profiles'!$G$20=$B$10,7,0)+IF('Standard Profiles'!$G$20=$B$17,14,0)+IF('Standard Profiles'!$G$20=$B$24,21,0),0)),0)</f>
        <v>0</v>
      </c>
      <c r="G6014" cm="1">
        <f t="array" ref="G6014">IFERROR(INDEX(Jesper!AK$2:AK$366,ROUNDDOWN($C6014/24,0)+1,1)*INDEX($D$3:$AA$30,INDEX(Jesper!$R$2:$R$366,ROW(INDEX(Jesper!AK$2:AK$366,ROUNDDOWN($C6014/24,0)+1,1))-1)+IF('Standard Profiles'!$G$21=$B$10,7,0)+IF('Standard Profiles'!$G$21=$B$17,14,0)+IF('Standard Profiles'!$G$21=$B$24,21,0),MOD($C6014,24)+1)/SUM(INDEX($D$3:$AA$30,INDEX(Jesper!$R$2:$R$366,ROW(INDEX(Jesper!AK$2:AK$366,ROUNDDOWN($C6014/24,0)+1,1))-1)+IF('Standard Profiles'!$G$21=$B$10,7,0)+IF('Standard Profiles'!$G$21=$B$17,14,0)+IF('Standard Profiles'!$G$21=$B$24,21,0),0)),0)</f>
        <v>0</v>
      </c>
      <c r="H6014" cm="1">
        <f t="array" ref="H6014">IFERROR(INDEX(Jesper!AL$2:AL$366,ROUNDDOWN($C6014/24,0)+1,1)*INDEX($D$3:$AA$30,INDEX(Jesper!$R$2:$R$366,ROW(INDEX(Jesper!AL$2:AL$366,ROUNDDOWN($C6014/24,0)+1,1))-1)+IF('Standard Profiles'!$G$22=$B$10,7,0)+IF('Standard Profiles'!$G$22=$B$17,14,0)+IF('Standard Profiles'!$G$22=$B$24,21,0),MOD($C6014,24)+1)/SUM(INDEX($D$3:$AA$30,INDEX(Jesper!$R$2:$R$366,ROW(INDEX(Jesper!AL$2:AL$366,ROUNDDOWN($C6014/24,0)+1,1))-1)+IF('Standard Profiles'!$G$22=$B$10,7,0)+IF('Standard Profiles'!$G$22=$B$17,14,0)+IF('Standard Profiles'!$G$22=$B$24,21,0),0)),0)</f>
        <v>0</v>
      </c>
      <c r="I6014">
        <f t="shared" si="671"/>
        <v>0.23042784656731019</v>
      </c>
      <c r="J6014">
        <f t="shared" si="672"/>
        <v>0.76809282189103412</v>
      </c>
      <c r="K6014">
        <f t="shared" si="673"/>
        <v>1.152139232836551</v>
      </c>
      <c r="L6014">
        <f t="shared" si="674"/>
        <v>5.5302683176154446</v>
      </c>
      <c r="M6014">
        <f t="shared" si="675"/>
        <v>0</v>
      </c>
      <c r="N6014" s="46">
        <f t="shared" si="676"/>
        <v>45541.166666652163</v>
      </c>
    </row>
    <row r="6015" spans="2:14" x14ac:dyDescent="0.3">
      <c r="B6015">
        <f t="shared" si="670"/>
        <v>5</v>
      </c>
      <c r="C6015" s="16">
        <v>5981</v>
      </c>
      <c r="D6015" cm="1">
        <f t="array" ref="D6015">IFERROR(INDEX(Jesper!AH$2:AH$366,ROUNDDOWN($C6015/24,0)+1,1)*INDEX($D$3:$AA$30,INDEX(Jesper!$R$2:$R$366,ROW(INDEX(Jesper!AH$2:AH$366,ROUNDDOWN($C6015/24,0)+1,1))-1)+IF('Standard Profiles'!$G$18=$B$10,7,0)+IF('Standard Profiles'!$G$18=$B$17,14,0)+IF('Standard Profiles'!$G$18=$B$24,21,0),MOD($C6015,24)+1)/SUM(INDEX($D$3:$AA$30,INDEX(Jesper!$R$2:$R$366,ROW(INDEX(Jesper!AH$2:AH$366,ROUNDDOWN($C6015/24,0)+1,1))-1)+IF('Standard Profiles'!$G$18=$B$10,7,0)+IF('Standard Profiles'!$G$18=$B$17,14,0)+IF('Standard Profiles'!$G$18=$B$24,21,0),0)),0)</f>
        <v>9.8998630377066608</v>
      </c>
      <c r="E6015" cm="1">
        <f t="array" ref="E6015">IFERROR(INDEX(Jesper!AI$2:AI$366,ROUNDDOWN($C6015/24,0)+1,1)*INDEX($D$3:$AA$30,INDEX(Jesper!$R$2:$R$366,ROW(INDEX(Jesper!AI$2:AI$366,ROUNDDOWN($C6015/24,0)+1,1))-1)+IF('Standard Profiles'!$G$19=$B$10,7,0)+IF('Standard Profiles'!$G$19=$B$17,14,0)+IF('Standard Profiles'!$G$19=$B$24,21,0),MOD($C6015,24)+1)/SUM(INDEX($D$3:$AA$30,INDEX(Jesper!$R$2:$R$366,ROW(INDEX(Jesper!AI$2:AI$366,ROUNDDOWN($C6015/24,0)+1,1))-1)+IF('Standard Profiles'!$G$19=$B$10,7,0)+IF('Standard Profiles'!$G$19=$B$17,14,0)+IF('Standard Profiles'!$G$19=$B$24,21,0),0)),0)</f>
        <v>0</v>
      </c>
      <c r="F6015" cm="1">
        <f t="array" ref="F6015">IFERROR(INDEX(Jesper!AJ$2:AJ$366,ROUNDDOWN($C6015/24,0)+1,1)*INDEX($D$3:$AA$30,INDEX(Jesper!$R$2:$R$366,ROW(INDEX(Jesper!AJ$2:AJ$366,ROUNDDOWN($C6015/24,0)+1,1))-1)+IF('Standard Profiles'!$G$20=$B$10,7,0)+IF('Standard Profiles'!$G$20=$B$17,14,0)+IF('Standard Profiles'!$G$20=$B$24,21,0),MOD($C6015,24)+1)/SUM(INDEX($D$3:$AA$30,INDEX(Jesper!$R$2:$R$366,ROW(INDEX(Jesper!AJ$2:AJ$366,ROUNDDOWN($C6015/24,0)+1,1))-1)+IF('Standard Profiles'!$G$20=$B$10,7,0)+IF('Standard Profiles'!$G$20=$B$17,14,0)+IF('Standard Profiles'!$G$20=$B$24,21,0),0)),0)</f>
        <v>0</v>
      </c>
      <c r="G6015" cm="1">
        <f t="array" ref="G6015">IFERROR(INDEX(Jesper!AK$2:AK$366,ROUNDDOWN($C6015/24,0)+1,1)*INDEX($D$3:$AA$30,INDEX(Jesper!$R$2:$R$366,ROW(INDEX(Jesper!AK$2:AK$366,ROUNDDOWN($C6015/24,0)+1,1))-1)+IF('Standard Profiles'!$G$21=$B$10,7,0)+IF('Standard Profiles'!$G$21=$B$17,14,0)+IF('Standard Profiles'!$G$21=$B$24,21,0),MOD($C6015,24)+1)/SUM(INDEX($D$3:$AA$30,INDEX(Jesper!$R$2:$R$366,ROW(INDEX(Jesper!AK$2:AK$366,ROUNDDOWN($C6015/24,0)+1,1))-1)+IF('Standard Profiles'!$G$21=$B$10,7,0)+IF('Standard Profiles'!$G$21=$B$17,14,0)+IF('Standard Profiles'!$G$21=$B$24,21,0),0)),0)</f>
        <v>0</v>
      </c>
      <c r="H6015" cm="1">
        <f t="array" ref="H6015">IFERROR(INDEX(Jesper!AL$2:AL$366,ROUNDDOWN($C6015/24,0)+1,1)*INDEX($D$3:$AA$30,INDEX(Jesper!$R$2:$R$366,ROW(INDEX(Jesper!AL$2:AL$366,ROUNDDOWN($C6015/24,0)+1,1))-1)+IF('Standard Profiles'!$G$22=$B$10,7,0)+IF('Standard Profiles'!$G$22=$B$17,14,0)+IF('Standard Profiles'!$G$22=$B$24,21,0),MOD($C6015,24)+1)/SUM(INDEX($D$3:$AA$30,INDEX(Jesper!$R$2:$R$366,ROW(INDEX(Jesper!AL$2:AL$366,ROUNDDOWN($C6015/24,0)+1,1))-1)+IF('Standard Profiles'!$G$22=$B$10,7,0)+IF('Standard Profiles'!$G$22=$B$17,14,0)+IF('Standard Profiles'!$G$22=$B$24,21,0),0)),0)</f>
        <v>0</v>
      </c>
      <c r="I6015">
        <f t="shared" si="671"/>
        <v>0.29699589113119979</v>
      </c>
      <c r="J6015">
        <f t="shared" si="672"/>
        <v>0.9899863037706661</v>
      </c>
      <c r="K6015">
        <f t="shared" si="673"/>
        <v>1.484979455655999</v>
      </c>
      <c r="L6015">
        <f t="shared" si="674"/>
        <v>7.1279013871487953</v>
      </c>
      <c r="M6015">
        <f t="shared" si="675"/>
        <v>0</v>
      </c>
      <c r="N6015" s="46">
        <f t="shared" si="676"/>
        <v>45541.208333318827</v>
      </c>
    </row>
    <row r="6016" spans="2:14" x14ac:dyDescent="0.3">
      <c r="B6016">
        <f t="shared" si="670"/>
        <v>5</v>
      </c>
      <c r="C6016" s="16">
        <v>5982</v>
      </c>
      <c r="D6016" cm="1">
        <f t="array" ref="D6016">IFERROR(INDEX(Jesper!AH$2:AH$366,ROUNDDOWN($C6016/24,0)+1,1)*INDEX($D$3:$AA$30,INDEX(Jesper!$R$2:$R$366,ROW(INDEX(Jesper!AH$2:AH$366,ROUNDDOWN($C6016/24,0)+1,1))-1)+IF('Standard Profiles'!$G$18=$B$10,7,0)+IF('Standard Profiles'!$G$18=$B$17,14,0)+IF('Standard Profiles'!$G$18=$B$24,21,0),MOD($C6016,24)+1)/SUM(INDEX($D$3:$AA$30,INDEX(Jesper!$R$2:$R$366,ROW(INDEX(Jesper!AH$2:AH$366,ROUNDDOWN($C6016/24,0)+1,1))-1)+IF('Standard Profiles'!$G$18=$B$10,7,0)+IF('Standard Profiles'!$G$18=$B$17,14,0)+IF('Standard Profiles'!$G$18=$B$24,21,0),0)),0)</f>
        <v>11.94811056274942</v>
      </c>
      <c r="E6016" cm="1">
        <f t="array" ref="E6016">IFERROR(INDEX(Jesper!AI$2:AI$366,ROUNDDOWN($C6016/24,0)+1,1)*INDEX($D$3:$AA$30,INDEX(Jesper!$R$2:$R$366,ROW(INDEX(Jesper!AI$2:AI$366,ROUNDDOWN($C6016/24,0)+1,1))-1)+IF('Standard Profiles'!$G$19=$B$10,7,0)+IF('Standard Profiles'!$G$19=$B$17,14,0)+IF('Standard Profiles'!$G$19=$B$24,21,0),MOD($C6016,24)+1)/SUM(INDEX($D$3:$AA$30,INDEX(Jesper!$R$2:$R$366,ROW(INDEX(Jesper!AI$2:AI$366,ROUNDDOWN($C6016/24,0)+1,1))-1)+IF('Standard Profiles'!$G$19=$B$10,7,0)+IF('Standard Profiles'!$G$19=$B$17,14,0)+IF('Standard Profiles'!$G$19=$B$24,21,0),0)),0)</f>
        <v>0</v>
      </c>
      <c r="F6016" cm="1">
        <f t="array" ref="F6016">IFERROR(INDEX(Jesper!AJ$2:AJ$366,ROUNDDOWN($C6016/24,0)+1,1)*INDEX($D$3:$AA$30,INDEX(Jesper!$R$2:$R$366,ROW(INDEX(Jesper!AJ$2:AJ$366,ROUNDDOWN($C6016/24,0)+1,1))-1)+IF('Standard Profiles'!$G$20=$B$10,7,0)+IF('Standard Profiles'!$G$20=$B$17,14,0)+IF('Standard Profiles'!$G$20=$B$24,21,0),MOD($C6016,24)+1)/SUM(INDEX($D$3:$AA$30,INDEX(Jesper!$R$2:$R$366,ROW(INDEX(Jesper!AJ$2:AJ$366,ROUNDDOWN($C6016/24,0)+1,1))-1)+IF('Standard Profiles'!$G$20=$B$10,7,0)+IF('Standard Profiles'!$G$20=$B$17,14,0)+IF('Standard Profiles'!$G$20=$B$24,21,0),0)),0)</f>
        <v>0</v>
      </c>
      <c r="G6016" cm="1">
        <f t="array" ref="G6016">IFERROR(INDEX(Jesper!AK$2:AK$366,ROUNDDOWN($C6016/24,0)+1,1)*INDEX($D$3:$AA$30,INDEX(Jesper!$R$2:$R$366,ROW(INDEX(Jesper!AK$2:AK$366,ROUNDDOWN($C6016/24,0)+1,1))-1)+IF('Standard Profiles'!$G$21=$B$10,7,0)+IF('Standard Profiles'!$G$21=$B$17,14,0)+IF('Standard Profiles'!$G$21=$B$24,21,0),MOD($C6016,24)+1)/SUM(INDEX($D$3:$AA$30,INDEX(Jesper!$R$2:$R$366,ROW(INDEX(Jesper!AK$2:AK$366,ROUNDDOWN($C6016/24,0)+1,1))-1)+IF('Standard Profiles'!$G$21=$B$10,7,0)+IF('Standard Profiles'!$G$21=$B$17,14,0)+IF('Standard Profiles'!$G$21=$B$24,21,0),0)),0)</f>
        <v>0</v>
      </c>
      <c r="H6016" cm="1">
        <f t="array" ref="H6016">IFERROR(INDEX(Jesper!AL$2:AL$366,ROUNDDOWN($C6016/24,0)+1,1)*INDEX($D$3:$AA$30,INDEX(Jesper!$R$2:$R$366,ROW(INDEX(Jesper!AL$2:AL$366,ROUNDDOWN($C6016/24,0)+1,1))-1)+IF('Standard Profiles'!$G$22=$B$10,7,0)+IF('Standard Profiles'!$G$22=$B$17,14,0)+IF('Standard Profiles'!$G$22=$B$24,21,0),MOD($C6016,24)+1)/SUM(INDEX($D$3:$AA$30,INDEX(Jesper!$R$2:$R$366,ROW(INDEX(Jesper!AL$2:AL$366,ROUNDDOWN($C6016/24,0)+1,1))-1)+IF('Standard Profiles'!$G$22=$B$10,7,0)+IF('Standard Profiles'!$G$22=$B$17,14,0)+IF('Standard Profiles'!$G$22=$B$24,21,0),0)),0)</f>
        <v>0</v>
      </c>
      <c r="I6016">
        <f t="shared" si="671"/>
        <v>0.3584433168824826</v>
      </c>
      <c r="J6016">
        <f t="shared" si="672"/>
        <v>1.1948110562749421</v>
      </c>
      <c r="K6016">
        <f t="shared" si="673"/>
        <v>1.7922165844124129</v>
      </c>
      <c r="L6016">
        <f t="shared" si="674"/>
        <v>8.6026396051795828</v>
      </c>
      <c r="M6016">
        <f t="shared" si="675"/>
        <v>0</v>
      </c>
      <c r="N6016" s="46">
        <f t="shared" si="676"/>
        <v>45541.249999985492</v>
      </c>
    </row>
    <row r="6017" spans="2:14" x14ac:dyDescent="0.3">
      <c r="B6017">
        <f t="shared" si="670"/>
        <v>5</v>
      </c>
      <c r="C6017" s="16">
        <v>5983</v>
      </c>
      <c r="D6017" cm="1">
        <f t="array" ref="D6017">IFERROR(INDEX(Jesper!AH$2:AH$366,ROUNDDOWN($C6017/24,0)+1,1)*INDEX($D$3:$AA$30,INDEX(Jesper!$R$2:$R$366,ROW(INDEX(Jesper!AH$2:AH$366,ROUNDDOWN($C6017/24,0)+1,1))-1)+IF('Standard Profiles'!$G$18=$B$10,7,0)+IF('Standard Profiles'!$G$18=$B$17,14,0)+IF('Standard Profiles'!$G$18=$B$24,21,0),MOD($C6017,24)+1)/SUM(INDEX($D$3:$AA$30,INDEX(Jesper!$R$2:$R$366,ROW(INDEX(Jesper!AH$2:AH$366,ROUNDDOWN($C6017/24,0)+1,1))-1)+IF('Standard Profiles'!$G$18=$B$10,7,0)+IF('Standard Profiles'!$G$18=$B$17,14,0)+IF('Standard Profiles'!$G$18=$B$24,21,0),0)),0)</f>
        <v>11.94811056274942</v>
      </c>
      <c r="E6017" cm="1">
        <f t="array" ref="E6017">IFERROR(INDEX(Jesper!AI$2:AI$366,ROUNDDOWN($C6017/24,0)+1,1)*INDEX($D$3:$AA$30,INDEX(Jesper!$R$2:$R$366,ROW(INDEX(Jesper!AI$2:AI$366,ROUNDDOWN($C6017/24,0)+1,1))-1)+IF('Standard Profiles'!$G$19=$B$10,7,0)+IF('Standard Profiles'!$G$19=$B$17,14,0)+IF('Standard Profiles'!$G$19=$B$24,21,0),MOD($C6017,24)+1)/SUM(INDEX($D$3:$AA$30,INDEX(Jesper!$R$2:$R$366,ROW(INDEX(Jesper!AI$2:AI$366,ROUNDDOWN($C6017/24,0)+1,1))-1)+IF('Standard Profiles'!$G$19=$B$10,7,0)+IF('Standard Profiles'!$G$19=$B$17,14,0)+IF('Standard Profiles'!$G$19=$B$24,21,0),0)),0)</f>
        <v>0</v>
      </c>
      <c r="F6017" cm="1">
        <f t="array" ref="F6017">IFERROR(INDEX(Jesper!AJ$2:AJ$366,ROUNDDOWN($C6017/24,0)+1,1)*INDEX($D$3:$AA$30,INDEX(Jesper!$R$2:$R$366,ROW(INDEX(Jesper!AJ$2:AJ$366,ROUNDDOWN($C6017/24,0)+1,1))-1)+IF('Standard Profiles'!$G$20=$B$10,7,0)+IF('Standard Profiles'!$G$20=$B$17,14,0)+IF('Standard Profiles'!$G$20=$B$24,21,0),MOD($C6017,24)+1)/SUM(INDEX($D$3:$AA$30,INDEX(Jesper!$R$2:$R$366,ROW(INDEX(Jesper!AJ$2:AJ$366,ROUNDDOWN($C6017/24,0)+1,1))-1)+IF('Standard Profiles'!$G$20=$B$10,7,0)+IF('Standard Profiles'!$G$20=$B$17,14,0)+IF('Standard Profiles'!$G$20=$B$24,21,0),0)),0)</f>
        <v>0</v>
      </c>
      <c r="G6017" cm="1">
        <f t="array" ref="G6017">IFERROR(INDEX(Jesper!AK$2:AK$366,ROUNDDOWN($C6017/24,0)+1,1)*INDEX($D$3:$AA$30,INDEX(Jesper!$R$2:$R$366,ROW(INDEX(Jesper!AK$2:AK$366,ROUNDDOWN($C6017/24,0)+1,1))-1)+IF('Standard Profiles'!$G$21=$B$10,7,0)+IF('Standard Profiles'!$G$21=$B$17,14,0)+IF('Standard Profiles'!$G$21=$B$24,21,0),MOD($C6017,24)+1)/SUM(INDEX($D$3:$AA$30,INDEX(Jesper!$R$2:$R$366,ROW(INDEX(Jesper!AK$2:AK$366,ROUNDDOWN($C6017/24,0)+1,1))-1)+IF('Standard Profiles'!$G$21=$B$10,7,0)+IF('Standard Profiles'!$G$21=$B$17,14,0)+IF('Standard Profiles'!$G$21=$B$24,21,0),0)),0)</f>
        <v>0</v>
      </c>
      <c r="H6017" cm="1">
        <f t="array" ref="H6017">IFERROR(INDEX(Jesper!AL$2:AL$366,ROUNDDOWN($C6017/24,0)+1,1)*INDEX($D$3:$AA$30,INDEX(Jesper!$R$2:$R$366,ROW(INDEX(Jesper!AL$2:AL$366,ROUNDDOWN($C6017/24,0)+1,1))-1)+IF('Standard Profiles'!$G$22=$B$10,7,0)+IF('Standard Profiles'!$G$22=$B$17,14,0)+IF('Standard Profiles'!$G$22=$B$24,21,0),MOD($C6017,24)+1)/SUM(INDEX($D$3:$AA$30,INDEX(Jesper!$R$2:$R$366,ROW(INDEX(Jesper!AL$2:AL$366,ROUNDDOWN($C6017/24,0)+1,1))-1)+IF('Standard Profiles'!$G$22=$B$10,7,0)+IF('Standard Profiles'!$G$22=$B$17,14,0)+IF('Standard Profiles'!$G$22=$B$24,21,0),0)),0)</f>
        <v>0</v>
      </c>
      <c r="I6017">
        <f t="shared" si="671"/>
        <v>0.3584433168824826</v>
      </c>
      <c r="J6017">
        <f t="shared" si="672"/>
        <v>1.1948110562749421</v>
      </c>
      <c r="K6017">
        <f t="shared" si="673"/>
        <v>1.7922165844124129</v>
      </c>
      <c r="L6017">
        <f t="shared" si="674"/>
        <v>8.6026396051795828</v>
      </c>
      <c r="M6017">
        <f t="shared" si="675"/>
        <v>0</v>
      </c>
      <c r="N6017" s="46">
        <f t="shared" si="676"/>
        <v>45541.291666652156</v>
      </c>
    </row>
    <row r="6018" spans="2:14" x14ac:dyDescent="0.3">
      <c r="B6018">
        <f t="shared" si="670"/>
        <v>5</v>
      </c>
      <c r="C6018" s="16">
        <v>5984</v>
      </c>
      <c r="D6018" cm="1">
        <f t="array" ref="D6018">IFERROR(INDEX(Jesper!AH$2:AH$366,ROUNDDOWN($C6018/24,0)+1,1)*INDEX($D$3:$AA$30,INDEX(Jesper!$R$2:$R$366,ROW(INDEX(Jesper!AH$2:AH$366,ROUNDDOWN($C6018/24,0)+1,1))-1)+IF('Standard Profiles'!$G$18=$B$10,7,0)+IF('Standard Profiles'!$G$18=$B$17,14,0)+IF('Standard Profiles'!$G$18=$B$24,21,0),MOD($C6018,24)+1)/SUM(INDEX($D$3:$AA$30,INDEX(Jesper!$R$2:$R$366,ROW(INDEX(Jesper!AH$2:AH$366,ROUNDDOWN($C6018/24,0)+1,1))-1)+IF('Standard Profiles'!$G$18=$B$10,7,0)+IF('Standard Profiles'!$G$18=$B$17,14,0)+IF('Standard Profiles'!$G$18=$B$24,21,0),0)),0)</f>
        <v>11.94811056274942</v>
      </c>
      <c r="E6018" cm="1">
        <f t="array" ref="E6018">IFERROR(INDEX(Jesper!AI$2:AI$366,ROUNDDOWN($C6018/24,0)+1,1)*INDEX($D$3:$AA$30,INDEX(Jesper!$R$2:$R$366,ROW(INDEX(Jesper!AI$2:AI$366,ROUNDDOWN($C6018/24,0)+1,1))-1)+IF('Standard Profiles'!$G$19=$B$10,7,0)+IF('Standard Profiles'!$G$19=$B$17,14,0)+IF('Standard Profiles'!$G$19=$B$24,21,0),MOD($C6018,24)+1)/SUM(INDEX($D$3:$AA$30,INDEX(Jesper!$R$2:$R$366,ROW(INDEX(Jesper!AI$2:AI$366,ROUNDDOWN($C6018/24,0)+1,1))-1)+IF('Standard Profiles'!$G$19=$B$10,7,0)+IF('Standard Profiles'!$G$19=$B$17,14,0)+IF('Standard Profiles'!$G$19=$B$24,21,0),0)),0)</f>
        <v>0</v>
      </c>
      <c r="F6018" cm="1">
        <f t="array" ref="F6018">IFERROR(INDEX(Jesper!AJ$2:AJ$366,ROUNDDOWN($C6018/24,0)+1,1)*INDEX($D$3:$AA$30,INDEX(Jesper!$R$2:$R$366,ROW(INDEX(Jesper!AJ$2:AJ$366,ROUNDDOWN($C6018/24,0)+1,1))-1)+IF('Standard Profiles'!$G$20=$B$10,7,0)+IF('Standard Profiles'!$G$20=$B$17,14,0)+IF('Standard Profiles'!$G$20=$B$24,21,0),MOD($C6018,24)+1)/SUM(INDEX($D$3:$AA$30,INDEX(Jesper!$R$2:$R$366,ROW(INDEX(Jesper!AJ$2:AJ$366,ROUNDDOWN($C6018/24,0)+1,1))-1)+IF('Standard Profiles'!$G$20=$B$10,7,0)+IF('Standard Profiles'!$G$20=$B$17,14,0)+IF('Standard Profiles'!$G$20=$B$24,21,0),0)),0)</f>
        <v>0</v>
      </c>
      <c r="G6018" cm="1">
        <f t="array" ref="G6018">IFERROR(INDEX(Jesper!AK$2:AK$366,ROUNDDOWN($C6018/24,0)+1,1)*INDEX($D$3:$AA$30,INDEX(Jesper!$R$2:$R$366,ROW(INDEX(Jesper!AK$2:AK$366,ROUNDDOWN($C6018/24,0)+1,1))-1)+IF('Standard Profiles'!$G$21=$B$10,7,0)+IF('Standard Profiles'!$G$21=$B$17,14,0)+IF('Standard Profiles'!$G$21=$B$24,21,0),MOD($C6018,24)+1)/SUM(INDEX($D$3:$AA$30,INDEX(Jesper!$R$2:$R$366,ROW(INDEX(Jesper!AK$2:AK$366,ROUNDDOWN($C6018/24,0)+1,1))-1)+IF('Standard Profiles'!$G$21=$B$10,7,0)+IF('Standard Profiles'!$G$21=$B$17,14,0)+IF('Standard Profiles'!$G$21=$B$24,21,0),0)),0)</f>
        <v>0</v>
      </c>
      <c r="H6018" cm="1">
        <f t="array" ref="H6018">IFERROR(INDEX(Jesper!AL$2:AL$366,ROUNDDOWN($C6018/24,0)+1,1)*INDEX($D$3:$AA$30,INDEX(Jesper!$R$2:$R$366,ROW(INDEX(Jesper!AL$2:AL$366,ROUNDDOWN($C6018/24,0)+1,1))-1)+IF('Standard Profiles'!$G$22=$B$10,7,0)+IF('Standard Profiles'!$G$22=$B$17,14,0)+IF('Standard Profiles'!$G$22=$B$24,21,0),MOD($C6018,24)+1)/SUM(INDEX($D$3:$AA$30,INDEX(Jesper!$R$2:$R$366,ROW(INDEX(Jesper!AL$2:AL$366,ROUNDDOWN($C6018/24,0)+1,1))-1)+IF('Standard Profiles'!$G$22=$B$10,7,0)+IF('Standard Profiles'!$G$22=$B$17,14,0)+IF('Standard Profiles'!$G$22=$B$24,21,0),0)),0)</f>
        <v>0</v>
      </c>
      <c r="I6018">
        <f t="shared" si="671"/>
        <v>0.3584433168824826</v>
      </c>
      <c r="J6018">
        <f t="shared" si="672"/>
        <v>1.1948110562749421</v>
      </c>
      <c r="K6018">
        <f t="shared" si="673"/>
        <v>1.7922165844124129</v>
      </c>
      <c r="L6018">
        <f t="shared" si="674"/>
        <v>8.6026396051795828</v>
      </c>
      <c r="M6018">
        <f t="shared" si="675"/>
        <v>0</v>
      </c>
      <c r="N6018" s="46">
        <f t="shared" si="676"/>
        <v>45541.33333331882</v>
      </c>
    </row>
    <row r="6019" spans="2:14" x14ac:dyDescent="0.3">
      <c r="B6019">
        <f t="shared" si="670"/>
        <v>5</v>
      </c>
      <c r="C6019" s="16">
        <v>5985</v>
      </c>
      <c r="D6019" cm="1">
        <f t="array" ref="D6019">IFERROR(INDEX(Jesper!AH$2:AH$366,ROUNDDOWN($C6019/24,0)+1,1)*INDEX($D$3:$AA$30,INDEX(Jesper!$R$2:$R$366,ROW(INDEX(Jesper!AH$2:AH$366,ROUNDDOWN($C6019/24,0)+1,1))-1)+IF('Standard Profiles'!$G$18=$B$10,7,0)+IF('Standard Profiles'!$G$18=$B$17,14,0)+IF('Standard Profiles'!$G$18=$B$24,21,0),MOD($C6019,24)+1)/SUM(INDEX($D$3:$AA$30,INDEX(Jesper!$R$2:$R$366,ROW(INDEX(Jesper!AH$2:AH$366,ROUNDDOWN($C6019/24,0)+1,1))-1)+IF('Standard Profiles'!$G$18=$B$10,7,0)+IF('Standard Profiles'!$G$18=$B$17,14,0)+IF('Standard Profiles'!$G$18=$B$24,21,0),0)),0)</f>
        <v>12.801547031517234</v>
      </c>
      <c r="E6019" cm="1">
        <f t="array" ref="E6019">IFERROR(INDEX(Jesper!AI$2:AI$366,ROUNDDOWN($C6019/24,0)+1,1)*INDEX($D$3:$AA$30,INDEX(Jesper!$R$2:$R$366,ROW(INDEX(Jesper!AI$2:AI$366,ROUNDDOWN($C6019/24,0)+1,1))-1)+IF('Standard Profiles'!$G$19=$B$10,7,0)+IF('Standard Profiles'!$G$19=$B$17,14,0)+IF('Standard Profiles'!$G$19=$B$24,21,0),MOD($C6019,24)+1)/SUM(INDEX($D$3:$AA$30,INDEX(Jesper!$R$2:$R$366,ROW(INDEX(Jesper!AI$2:AI$366,ROUNDDOWN($C6019/24,0)+1,1))-1)+IF('Standard Profiles'!$G$19=$B$10,7,0)+IF('Standard Profiles'!$G$19=$B$17,14,0)+IF('Standard Profiles'!$G$19=$B$24,21,0),0)),0)</f>
        <v>0</v>
      </c>
      <c r="F6019" cm="1">
        <f t="array" ref="F6019">IFERROR(INDEX(Jesper!AJ$2:AJ$366,ROUNDDOWN($C6019/24,0)+1,1)*INDEX($D$3:$AA$30,INDEX(Jesper!$R$2:$R$366,ROW(INDEX(Jesper!AJ$2:AJ$366,ROUNDDOWN($C6019/24,0)+1,1))-1)+IF('Standard Profiles'!$G$20=$B$10,7,0)+IF('Standard Profiles'!$G$20=$B$17,14,0)+IF('Standard Profiles'!$G$20=$B$24,21,0),MOD($C6019,24)+1)/SUM(INDEX($D$3:$AA$30,INDEX(Jesper!$R$2:$R$366,ROW(INDEX(Jesper!AJ$2:AJ$366,ROUNDDOWN($C6019/24,0)+1,1))-1)+IF('Standard Profiles'!$G$20=$B$10,7,0)+IF('Standard Profiles'!$G$20=$B$17,14,0)+IF('Standard Profiles'!$G$20=$B$24,21,0),0)),0)</f>
        <v>0</v>
      </c>
      <c r="G6019" cm="1">
        <f t="array" ref="G6019">IFERROR(INDEX(Jesper!AK$2:AK$366,ROUNDDOWN($C6019/24,0)+1,1)*INDEX($D$3:$AA$30,INDEX(Jesper!$R$2:$R$366,ROW(INDEX(Jesper!AK$2:AK$366,ROUNDDOWN($C6019/24,0)+1,1))-1)+IF('Standard Profiles'!$G$21=$B$10,7,0)+IF('Standard Profiles'!$G$21=$B$17,14,0)+IF('Standard Profiles'!$G$21=$B$24,21,0),MOD($C6019,24)+1)/SUM(INDEX($D$3:$AA$30,INDEX(Jesper!$R$2:$R$366,ROW(INDEX(Jesper!AK$2:AK$366,ROUNDDOWN($C6019/24,0)+1,1))-1)+IF('Standard Profiles'!$G$21=$B$10,7,0)+IF('Standard Profiles'!$G$21=$B$17,14,0)+IF('Standard Profiles'!$G$21=$B$24,21,0),0)),0)</f>
        <v>0</v>
      </c>
      <c r="H6019" cm="1">
        <f t="array" ref="H6019">IFERROR(INDEX(Jesper!AL$2:AL$366,ROUNDDOWN($C6019/24,0)+1,1)*INDEX($D$3:$AA$30,INDEX(Jesper!$R$2:$R$366,ROW(INDEX(Jesper!AL$2:AL$366,ROUNDDOWN($C6019/24,0)+1,1))-1)+IF('Standard Profiles'!$G$22=$B$10,7,0)+IF('Standard Profiles'!$G$22=$B$17,14,0)+IF('Standard Profiles'!$G$22=$B$24,21,0),MOD($C6019,24)+1)/SUM(INDEX($D$3:$AA$30,INDEX(Jesper!$R$2:$R$366,ROW(INDEX(Jesper!AL$2:AL$366,ROUNDDOWN($C6019/24,0)+1,1))-1)+IF('Standard Profiles'!$G$22=$B$10,7,0)+IF('Standard Profiles'!$G$22=$B$17,14,0)+IF('Standard Profiles'!$G$22=$B$24,21,0),0)),0)</f>
        <v>0</v>
      </c>
      <c r="I6019">
        <f t="shared" si="671"/>
        <v>0.384046410945517</v>
      </c>
      <c r="J6019">
        <f t="shared" si="672"/>
        <v>1.2801547031517235</v>
      </c>
      <c r="K6019">
        <f t="shared" si="673"/>
        <v>1.9202320547275851</v>
      </c>
      <c r="L6019">
        <f t="shared" si="674"/>
        <v>9.2171138626924076</v>
      </c>
      <c r="M6019">
        <f t="shared" si="675"/>
        <v>0</v>
      </c>
      <c r="N6019" s="46">
        <f t="shared" si="676"/>
        <v>45541.374999985484</v>
      </c>
    </row>
    <row r="6020" spans="2:14" x14ac:dyDescent="0.3">
      <c r="B6020">
        <f t="shared" si="670"/>
        <v>5</v>
      </c>
      <c r="C6020" s="16">
        <v>5986</v>
      </c>
      <c r="D6020" cm="1">
        <f t="array" ref="D6020">IFERROR(INDEX(Jesper!AH$2:AH$366,ROUNDDOWN($C6020/24,0)+1,1)*INDEX($D$3:$AA$30,INDEX(Jesper!$R$2:$R$366,ROW(INDEX(Jesper!AH$2:AH$366,ROUNDDOWN($C6020/24,0)+1,1))-1)+IF('Standard Profiles'!$G$18=$B$10,7,0)+IF('Standard Profiles'!$G$18=$B$17,14,0)+IF('Standard Profiles'!$G$18=$B$24,21,0),MOD($C6020,24)+1)/SUM(INDEX($D$3:$AA$30,INDEX(Jesper!$R$2:$R$366,ROW(INDEX(Jesper!AH$2:AH$366,ROUNDDOWN($C6020/24,0)+1,1))-1)+IF('Standard Profiles'!$G$18=$B$10,7,0)+IF('Standard Profiles'!$G$18=$B$17,14,0)+IF('Standard Profiles'!$G$18=$B$24,21,0),0)),0)</f>
        <v>13.313608912777925</v>
      </c>
      <c r="E6020" cm="1">
        <f t="array" ref="E6020">IFERROR(INDEX(Jesper!AI$2:AI$366,ROUNDDOWN($C6020/24,0)+1,1)*INDEX($D$3:$AA$30,INDEX(Jesper!$R$2:$R$366,ROW(INDEX(Jesper!AI$2:AI$366,ROUNDDOWN($C6020/24,0)+1,1))-1)+IF('Standard Profiles'!$G$19=$B$10,7,0)+IF('Standard Profiles'!$G$19=$B$17,14,0)+IF('Standard Profiles'!$G$19=$B$24,21,0),MOD($C6020,24)+1)/SUM(INDEX($D$3:$AA$30,INDEX(Jesper!$R$2:$R$366,ROW(INDEX(Jesper!AI$2:AI$366,ROUNDDOWN($C6020/24,0)+1,1))-1)+IF('Standard Profiles'!$G$19=$B$10,7,0)+IF('Standard Profiles'!$G$19=$B$17,14,0)+IF('Standard Profiles'!$G$19=$B$24,21,0),0)),0)</f>
        <v>0</v>
      </c>
      <c r="F6020" cm="1">
        <f t="array" ref="F6020">IFERROR(INDEX(Jesper!AJ$2:AJ$366,ROUNDDOWN($C6020/24,0)+1,1)*INDEX($D$3:$AA$30,INDEX(Jesper!$R$2:$R$366,ROW(INDEX(Jesper!AJ$2:AJ$366,ROUNDDOWN($C6020/24,0)+1,1))-1)+IF('Standard Profiles'!$G$20=$B$10,7,0)+IF('Standard Profiles'!$G$20=$B$17,14,0)+IF('Standard Profiles'!$G$20=$B$24,21,0),MOD($C6020,24)+1)/SUM(INDEX($D$3:$AA$30,INDEX(Jesper!$R$2:$R$366,ROW(INDEX(Jesper!AJ$2:AJ$366,ROUNDDOWN($C6020/24,0)+1,1))-1)+IF('Standard Profiles'!$G$20=$B$10,7,0)+IF('Standard Profiles'!$G$20=$B$17,14,0)+IF('Standard Profiles'!$G$20=$B$24,21,0),0)),0)</f>
        <v>0</v>
      </c>
      <c r="G6020" cm="1">
        <f t="array" ref="G6020">IFERROR(INDEX(Jesper!AK$2:AK$366,ROUNDDOWN($C6020/24,0)+1,1)*INDEX($D$3:$AA$30,INDEX(Jesper!$R$2:$R$366,ROW(INDEX(Jesper!AK$2:AK$366,ROUNDDOWN($C6020/24,0)+1,1))-1)+IF('Standard Profiles'!$G$21=$B$10,7,0)+IF('Standard Profiles'!$G$21=$B$17,14,0)+IF('Standard Profiles'!$G$21=$B$24,21,0),MOD($C6020,24)+1)/SUM(INDEX($D$3:$AA$30,INDEX(Jesper!$R$2:$R$366,ROW(INDEX(Jesper!AK$2:AK$366,ROUNDDOWN($C6020/24,0)+1,1))-1)+IF('Standard Profiles'!$G$21=$B$10,7,0)+IF('Standard Profiles'!$G$21=$B$17,14,0)+IF('Standard Profiles'!$G$21=$B$24,21,0),0)),0)</f>
        <v>0</v>
      </c>
      <c r="H6020" cm="1">
        <f t="array" ref="H6020">IFERROR(INDEX(Jesper!AL$2:AL$366,ROUNDDOWN($C6020/24,0)+1,1)*INDEX($D$3:$AA$30,INDEX(Jesper!$R$2:$R$366,ROW(INDEX(Jesper!AL$2:AL$366,ROUNDDOWN($C6020/24,0)+1,1))-1)+IF('Standard Profiles'!$G$22=$B$10,7,0)+IF('Standard Profiles'!$G$22=$B$17,14,0)+IF('Standard Profiles'!$G$22=$B$24,21,0),MOD($C6020,24)+1)/SUM(INDEX($D$3:$AA$30,INDEX(Jesper!$R$2:$R$366,ROW(INDEX(Jesper!AL$2:AL$366,ROUNDDOWN($C6020/24,0)+1,1))-1)+IF('Standard Profiles'!$G$22=$B$10,7,0)+IF('Standard Profiles'!$G$22=$B$17,14,0)+IF('Standard Profiles'!$G$22=$B$24,21,0),0)),0)</f>
        <v>0</v>
      </c>
      <c r="I6020">
        <f t="shared" si="671"/>
        <v>0.39940826738333773</v>
      </c>
      <c r="J6020">
        <f t="shared" si="672"/>
        <v>1.3313608912777926</v>
      </c>
      <c r="K6020">
        <f t="shared" si="673"/>
        <v>1.9970413369166886</v>
      </c>
      <c r="L6020">
        <f t="shared" si="674"/>
        <v>9.5857984172001061</v>
      </c>
      <c r="M6020">
        <f t="shared" si="675"/>
        <v>0</v>
      </c>
      <c r="N6020" s="46">
        <f t="shared" si="676"/>
        <v>45541.416666652149</v>
      </c>
    </row>
    <row r="6021" spans="2:14" x14ac:dyDescent="0.3">
      <c r="B6021">
        <f t="shared" si="670"/>
        <v>5</v>
      </c>
      <c r="C6021" s="16">
        <v>5987</v>
      </c>
      <c r="D6021" cm="1">
        <f t="array" ref="D6021">IFERROR(INDEX(Jesper!AH$2:AH$366,ROUNDDOWN($C6021/24,0)+1,1)*INDEX($D$3:$AA$30,INDEX(Jesper!$R$2:$R$366,ROW(INDEX(Jesper!AH$2:AH$366,ROUNDDOWN($C6021/24,0)+1,1))-1)+IF('Standard Profiles'!$G$18=$B$10,7,0)+IF('Standard Profiles'!$G$18=$B$17,14,0)+IF('Standard Profiles'!$G$18=$B$24,21,0),MOD($C6021,24)+1)/SUM(INDEX($D$3:$AA$30,INDEX(Jesper!$R$2:$R$366,ROW(INDEX(Jesper!AH$2:AH$366,ROUNDDOWN($C6021/24,0)+1,1))-1)+IF('Standard Profiles'!$G$18=$B$10,7,0)+IF('Standard Profiles'!$G$18=$B$17,14,0)+IF('Standard Profiles'!$G$18=$B$24,21,0),0)),0)</f>
        <v>15.361856437820681</v>
      </c>
      <c r="E6021" cm="1">
        <f t="array" ref="E6021">IFERROR(INDEX(Jesper!AI$2:AI$366,ROUNDDOWN($C6021/24,0)+1,1)*INDEX($D$3:$AA$30,INDEX(Jesper!$R$2:$R$366,ROW(INDEX(Jesper!AI$2:AI$366,ROUNDDOWN($C6021/24,0)+1,1))-1)+IF('Standard Profiles'!$G$19=$B$10,7,0)+IF('Standard Profiles'!$G$19=$B$17,14,0)+IF('Standard Profiles'!$G$19=$B$24,21,0),MOD($C6021,24)+1)/SUM(INDEX($D$3:$AA$30,INDEX(Jesper!$R$2:$R$366,ROW(INDEX(Jesper!AI$2:AI$366,ROUNDDOWN($C6021/24,0)+1,1))-1)+IF('Standard Profiles'!$G$19=$B$10,7,0)+IF('Standard Profiles'!$G$19=$B$17,14,0)+IF('Standard Profiles'!$G$19=$B$24,21,0),0)),0)</f>
        <v>0</v>
      </c>
      <c r="F6021" cm="1">
        <f t="array" ref="F6021">IFERROR(INDEX(Jesper!AJ$2:AJ$366,ROUNDDOWN($C6021/24,0)+1,1)*INDEX($D$3:$AA$30,INDEX(Jesper!$R$2:$R$366,ROW(INDEX(Jesper!AJ$2:AJ$366,ROUNDDOWN($C6021/24,0)+1,1))-1)+IF('Standard Profiles'!$G$20=$B$10,7,0)+IF('Standard Profiles'!$G$20=$B$17,14,0)+IF('Standard Profiles'!$G$20=$B$24,21,0),MOD($C6021,24)+1)/SUM(INDEX($D$3:$AA$30,INDEX(Jesper!$R$2:$R$366,ROW(INDEX(Jesper!AJ$2:AJ$366,ROUNDDOWN($C6021/24,0)+1,1))-1)+IF('Standard Profiles'!$G$20=$B$10,7,0)+IF('Standard Profiles'!$G$20=$B$17,14,0)+IF('Standard Profiles'!$G$20=$B$24,21,0),0)),0)</f>
        <v>0</v>
      </c>
      <c r="G6021" cm="1">
        <f t="array" ref="G6021">IFERROR(INDEX(Jesper!AK$2:AK$366,ROUNDDOWN($C6021/24,0)+1,1)*INDEX($D$3:$AA$30,INDEX(Jesper!$R$2:$R$366,ROW(INDEX(Jesper!AK$2:AK$366,ROUNDDOWN($C6021/24,0)+1,1))-1)+IF('Standard Profiles'!$G$21=$B$10,7,0)+IF('Standard Profiles'!$G$21=$B$17,14,0)+IF('Standard Profiles'!$G$21=$B$24,21,0),MOD($C6021,24)+1)/SUM(INDEX($D$3:$AA$30,INDEX(Jesper!$R$2:$R$366,ROW(INDEX(Jesper!AK$2:AK$366,ROUNDDOWN($C6021/24,0)+1,1))-1)+IF('Standard Profiles'!$G$21=$B$10,7,0)+IF('Standard Profiles'!$G$21=$B$17,14,0)+IF('Standard Profiles'!$G$21=$B$24,21,0),0)),0)</f>
        <v>0</v>
      </c>
      <c r="H6021" cm="1">
        <f t="array" ref="H6021">IFERROR(INDEX(Jesper!AL$2:AL$366,ROUNDDOWN($C6021/24,0)+1,1)*INDEX($D$3:$AA$30,INDEX(Jesper!$R$2:$R$366,ROW(INDEX(Jesper!AL$2:AL$366,ROUNDDOWN($C6021/24,0)+1,1))-1)+IF('Standard Profiles'!$G$22=$B$10,7,0)+IF('Standard Profiles'!$G$22=$B$17,14,0)+IF('Standard Profiles'!$G$22=$B$24,21,0),MOD($C6021,24)+1)/SUM(INDEX($D$3:$AA$30,INDEX(Jesper!$R$2:$R$366,ROW(INDEX(Jesper!AL$2:AL$366,ROUNDDOWN($C6021/24,0)+1,1))-1)+IF('Standard Profiles'!$G$22=$B$10,7,0)+IF('Standard Profiles'!$G$22=$B$17,14,0)+IF('Standard Profiles'!$G$22=$B$24,21,0),0)),0)</f>
        <v>0</v>
      </c>
      <c r="I6021">
        <f t="shared" si="671"/>
        <v>0.46085569313462038</v>
      </c>
      <c r="J6021">
        <f t="shared" si="672"/>
        <v>1.5361856437820682</v>
      </c>
      <c r="K6021">
        <f t="shared" si="673"/>
        <v>2.3042784656731019</v>
      </c>
      <c r="L6021">
        <f t="shared" si="674"/>
        <v>11.060536635230889</v>
      </c>
      <c r="M6021">
        <f t="shared" si="675"/>
        <v>0</v>
      </c>
      <c r="N6021" s="46">
        <f t="shared" si="676"/>
        <v>45541.458333318813</v>
      </c>
    </row>
    <row r="6022" spans="2:14" x14ac:dyDescent="0.3">
      <c r="B6022">
        <f t="shared" si="670"/>
        <v>5</v>
      </c>
      <c r="C6022" s="16">
        <v>5988</v>
      </c>
      <c r="D6022" cm="1">
        <f t="array" ref="D6022">IFERROR(INDEX(Jesper!AH$2:AH$366,ROUNDDOWN($C6022/24,0)+1,1)*INDEX($D$3:$AA$30,INDEX(Jesper!$R$2:$R$366,ROW(INDEX(Jesper!AH$2:AH$366,ROUNDDOWN($C6022/24,0)+1,1))-1)+IF('Standard Profiles'!$G$18=$B$10,7,0)+IF('Standard Profiles'!$G$18=$B$17,14,0)+IF('Standard Profiles'!$G$18=$B$24,21,0),MOD($C6022,24)+1)/SUM(INDEX($D$3:$AA$30,INDEX(Jesper!$R$2:$R$366,ROW(INDEX(Jesper!AH$2:AH$366,ROUNDDOWN($C6022/24,0)+1,1))-1)+IF('Standard Profiles'!$G$18=$B$10,7,0)+IF('Standard Profiles'!$G$18=$B$17,14,0)+IF('Standard Profiles'!$G$18=$B$24,21,0),0)),0)</f>
        <v>15.361856437820681</v>
      </c>
      <c r="E6022" cm="1">
        <f t="array" ref="E6022">IFERROR(INDEX(Jesper!AI$2:AI$366,ROUNDDOWN($C6022/24,0)+1,1)*INDEX($D$3:$AA$30,INDEX(Jesper!$R$2:$R$366,ROW(INDEX(Jesper!AI$2:AI$366,ROUNDDOWN($C6022/24,0)+1,1))-1)+IF('Standard Profiles'!$G$19=$B$10,7,0)+IF('Standard Profiles'!$G$19=$B$17,14,0)+IF('Standard Profiles'!$G$19=$B$24,21,0),MOD($C6022,24)+1)/SUM(INDEX($D$3:$AA$30,INDEX(Jesper!$R$2:$R$366,ROW(INDEX(Jesper!AI$2:AI$366,ROUNDDOWN($C6022/24,0)+1,1))-1)+IF('Standard Profiles'!$G$19=$B$10,7,0)+IF('Standard Profiles'!$G$19=$B$17,14,0)+IF('Standard Profiles'!$G$19=$B$24,21,0),0)),0)</f>
        <v>0</v>
      </c>
      <c r="F6022" cm="1">
        <f t="array" ref="F6022">IFERROR(INDEX(Jesper!AJ$2:AJ$366,ROUNDDOWN($C6022/24,0)+1,1)*INDEX($D$3:$AA$30,INDEX(Jesper!$R$2:$R$366,ROW(INDEX(Jesper!AJ$2:AJ$366,ROUNDDOWN($C6022/24,0)+1,1))-1)+IF('Standard Profiles'!$G$20=$B$10,7,0)+IF('Standard Profiles'!$G$20=$B$17,14,0)+IF('Standard Profiles'!$G$20=$B$24,21,0),MOD($C6022,24)+1)/SUM(INDEX($D$3:$AA$30,INDEX(Jesper!$R$2:$R$366,ROW(INDEX(Jesper!AJ$2:AJ$366,ROUNDDOWN($C6022/24,0)+1,1))-1)+IF('Standard Profiles'!$G$20=$B$10,7,0)+IF('Standard Profiles'!$G$20=$B$17,14,0)+IF('Standard Profiles'!$G$20=$B$24,21,0),0)),0)</f>
        <v>0</v>
      </c>
      <c r="G6022" cm="1">
        <f t="array" ref="G6022">IFERROR(INDEX(Jesper!AK$2:AK$366,ROUNDDOWN($C6022/24,0)+1,1)*INDEX($D$3:$AA$30,INDEX(Jesper!$R$2:$R$366,ROW(INDEX(Jesper!AK$2:AK$366,ROUNDDOWN($C6022/24,0)+1,1))-1)+IF('Standard Profiles'!$G$21=$B$10,7,0)+IF('Standard Profiles'!$G$21=$B$17,14,0)+IF('Standard Profiles'!$G$21=$B$24,21,0),MOD($C6022,24)+1)/SUM(INDEX($D$3:$AA$30,INDEX(Jesper!$R$2:$R$366,ROW(INDEX(Jesper!AK$2:AK$366,ROUNDDOWN($C6022/24,0)+1,1))-1)+IF('Standard Profiles'!$G$21=$B$10,7,0)+IF('Standard Profiles'!$G$21=$B$17,14,0)+IF('Standard Profiles'!$G$21=$B$24,21,0),0)),0)</f>
        <v>0</v>
      </c>
      <c r="H6022" cm="1">
        <f t="array" ref="H6022">IFERROR(INDEX(Jesper!AL$2:AL$366,ROUNDDOWN($C6022/24,0)+1,1)*INDEX($D$3:$AA$30,INDEX(Jesper!$R$2:$R$366,ROW(INDEX(Jesper!AL$2:AL$366,ROUNDDOWN($C6022/24,0)+1,1))-1)+IF('Standard Profiles'!$G$22=$B$10,7,0)+IF('Standard Profiles'!$G$22=$B$17,14,0)+IF('Standard Profiles'!$G$22=$B$24,21,0),MOD($C6022,24)+1)/SUM(INDEX($D$3:$AA$30,INDEX(Jesper!$R$2:$R$366,ROW(INDEX(Jesper!AL$2:AL$366,ROUNDDOWN($C6022/24,0)+1,1))-1)+IF('Standard Profiles'!$G$22=$B$10,7,0)+IF('Standard Profiles'!$G$22=$B$17,14,0)+IF('Standard Profiles'!$G$22=$B$24,21,0),0)),0)</f>
        <v>0</v>
      </c>
      <c r="I6022">
        <f t="shared" si="671"/>
        <v>0.46085569313462038</v>
      </c>
      <c r="J6022">
        <f t="shared" si="672"/>
        <v>1.5361856437820682</v>
      </c>
      <c r="K6022">
        <f t="shared" si="673"/>
        <v>2.3042784656731019</v>
      </c>
      <c r="L6022">
        <f t="shared" si="674"/>
        <v>11.060536635230889</v>
      </c>
      <c r="M6022">
        <f t="shared" si="675"/>
        <v>0</v>
      </c>
      <c r="N6022" s="46">
        <f t="shared" si="676"/>
        <v>45541.499999985477</v>
      </c>
    </row>
    <row r="6023" spans="2:14" x14ac:dyDescent="0.3">
      <c r="B6023">
        <f t="shared" si="670"/>
        <v>5</v>
      </c>
      <c r="C6023" s="16">
        <v>5989</v>
      </c>
      <c r="D6023" cm="1">
        <f t="array" ref="D6023">IFERROR(INDEX(Jesper!AH$2:AH$366,ROUNDDOWN($C6023/24,0)+1,1)*INDEX($D$3:$AA$30,INDEX(Jesper!$R$2:$R$366,ROW(INDEX(Jesper!AH$2:AH$366,ROUNDDOWN($C6023/24,0)+1,1))-1)+IF('Standard Profiles'!$G$18=$B$10,7,0)+IF('Standard Profiles'!$G$18=$B$17,14,0)+IF('Standard Profiles'!$G$18=$B$24,21,0),MOD($C6023,24)+1)/SUM(INDEX($D$3:$AA$30,INDEX(Jesper!$R$2:$R$366,ROW(INDEX(Jesper!AH$2:AH$366,ROUNDDOWN($C6023/24,0)+1,1))-1)+IF('Standard Profiles'!$G$18=$B$10,7,0)+IF('Standard Profiles'!$G$18=$B$17,14,0)+IF('Standard Profiles'!$G$18=$B$24,21,0),0)),0)</f>
        <v>15.361856437820681</v>
      </c>
      <c r="E6023" cm="1">
        <f t="array" ref="E6023">IFERROR(INDEX(Jesper!AI$2:AI$366,ROUNDDOWN($C6023/24,0)+1,1)*INDEX($D$3:$AA$30,INDEX(Jesper!$R$2:$R$366,ROW(INDEX(Jesper!AI$2:AI$366,ROUNDDOWN($C6023/24,0)+1,1))-1)+IF('Standard Profiles'!$G$19=$B$10,7,0)+IF('Standard Profiles'!$G$19=$B$17,14,0)+IF('Standard Profiles'!$G$19=$B$24,21,0),MOD($C6023,24)+1)/SUM(INDEX($D$3:$AA$30,INDEX(Jesper!$R$2:$R$366,ROW(INDEX(Jesper!AI$2:AI$366,ROUNDDOWN($C6023/24,0)+1,1))-1)+IF('Standard Profiles'!$G$19=$B$10,7,0)+IF('Standard Profiles'!$G$19=$B$17,14,0)+IF('Standard Profiles'!$G$19=$B$24,21,0),0)),0)</f>
        <v>0</v>
      </c>
      <c r="F6023" cm="1">
        <f t="array" ref="F6023">IFERROR(INDEX(Jesper!AJ$2:AJ$366,ROUNDDOWN($C6023/24,0)+1,1)*INDEX($D$3:$AA$30,INDEX(Jesper!$R$2:$R$366,ROW(INDEX(Jesper!AJ$2:AJ$366,ROUNDDOWN($C6023/24,0)+1,1))-1)+IF('Standard Profiles'!$G$20=$B$10,7,0)+IF('Standard Profiles'!$G$20=$B$17,14,0)+IF('Standard Profiles'!$G$20=$B$24,21,0),MOD($C6023,24)+1)/SUM(INDEX($D$3:$AA$30,INDEX(Jesper!$R$2:$R$366,ROW(INDEX(Jesper!AJ$2:AJ$366,ROUNDDOWN($C6023/24,0)+1,1))-1)+IF('Standard Profiles'!$G$20=$B$10,7,0)+IF('Standard Profiles'!$G$20=$B$17,14,0)+IF('Standard Profiles'!$G$20=$B$24,21,0),0)),0)</f>
        <v>0</v>
      </c>
      <c r="G6023" cm="1">
        <f t="array" ref="G6023">IFERROR(INDEX(Jesper!AK$2:AK$366,ROUNDDOWN($C6023/24,0)+1,1)*INDEX($D$3:$AA$30,INDEX(Jesper!$R$2:$R$366,ROW(INDEX(Jesper!AK$2:AK$366,ROUNDDOWN($C6023/24,0)+1,1))-1)+IF('Standard Profiles'!$G$21=$B$10,7,0)+IF('Standard Profiles'!$G$21=$B$17,14,0)+IF('Standard Profiles'!$G$21=$B$24,21,0),MOD($C6023,24)+1)/SUM(INDEX($D$3:$AA$30,INDEX(Jesper!$R$2:$R$366,ROW(INDEX(Jesper!AK$2:AK$366,ROUNDDOWN($C6023/24,0)+1,1))-1)+IF('Standard Profiles'!$G$21=$B$10,7,0)+IF('Standard Profiles'!$G$21=$B$17,14,0)+IF('Standard Profiles'!$G$21=$B$24,21,0),0)),0)</f>
        <v>0</v>
      </c>
      <c r="H6023" cm="1">
        <f t="array" ref="H6023">IFERROR(INDEX(Jesper!AL$2:AL$366,ROUNDDOWN($C6023/24,0)+1,1)*INDEX($D$3:$AA$30,INDEX(Jesper!$R$2:$R$366,ROW(INDEX(Jesper!AL$2:AL$366,ROUNDDOWN($C6023/24,0)+1,1))-1)+IF('Standard Profiles'!$G$22=$B$10,7,0)+IF('Standard Profiles'!$G$22=$B$17,14,0)+IF('Standard Profiles'!$G$22=$B$24,21,0),MOD($C6023,24)+1)/SUM(INDEX($D$3:$AA$30,INDEX(Jesper!$R$2:$R$366,ROW(INDEX(Jesper!AL$2:AL$366,ROUNDDOWN($C6023/24,0)+1,1))-1)+IF('Standard Profiles'!$G$22=$B$10,7,0)+IF('Standard Profiles'!$G$22=$B$17,14,0)+IF('Standard Profiles'!$G$22=$B$24,21,0),0)),0)</f>
        <v>0</v>
      </c>
      <c r="I6023">
        <f t="shared" si="671"/>
        <v>0.46085569313462038</v>
      </c>
      <c r="J6023">
        <f t="shared" si="672"/>
        <v>1.5361856437820682</v>
      </c>
      <c r="K6023">
        <f t="shared" si="673"/>
        <v>2.3042784656731019</v>
      </c>
      <c r="L6023">
        <f t="shared" si="674"/>
        <v>11.060536635230889</v>
      </c>
      <c r="M6023">
        <f t="shared" si="675"/>
        <v>0</v>
      </c>
      <c r="N6023" s="46">
        <f t="shared" si="676"/>
        <v>45541.541666652141</v>
      </c>
    </row>
    <row r="6024" spans="2:14" x14ac:dyDescent="0.3">
      <c r="B6024">
        <f t="shared" si="670"/>
        <v>5</v>
      </c>
      <c r="C6024" s="16">
        <v>5990</v>
      </c>
      <c r="D6024" cm="1">
        <f t="array" ref="D6024">IFERROR(INDEX(Jesper!AH$2:AH$366,ROUNDDOWN($C6024/24,0)+1,1)*INDEX($D$3:$AA$30,INDEX(Jesper!$R$2:$R$366,ROW(INDEX(Jesper!AH$2:AH$366,ROUNDDOWN($C6024/24,0)+1,1))-1)+IF('Standard Profiles'!$G$18=$B$10,7,0)+IF('Standard Profiles'!$G$18=$B$17,14,0)+IF('Standard Profiles'!$G$18=$B$24,21,0),MOD($C6024,24)+1)/SUM(INDEX($D$3:$AA$30,INDEX(Jesper!$R$2:$R$366,ROW(INDEX(Jesper!AH$2:AH$366,ROUNDDOWN($C6024/24,0)+1,1))-1)+IF('Standard Profiles'!$G$18=$B$10,7,0)+IF('Standard Profiles'!$G$18=$B$17,14,0)+IF('Standard Profiles'!$G$18=$B$24,21,0),0)),0)</f>
        <v>15.361856437820681</v>
      </c>
      <c r="E6024" cm="1">
        <f t="array" ref="E6024">IFERROR(INDEX(Jesper!AI$2:AI$366,ROUNDDOWN($C6024/24,0)+1,1)*INDEX($D$3:$AA$30,INDEX(Jesper!$R$2:$R$366,ROW(INDEX(Jesper!AI$2:AI$366,ROUNDDOWN($C6024/24,0)+1,1))-1)+IF('Standard Profiles'!$G$19=$B$10,7,0)+IF('Standard Profiles'!$G$19=$B$17,14,0)+IF('Standard Profiles'!$G$19=$B$24,21,0),MOD($C6024,24)+1)/SUM(INDEX($D$3:$AA$30,INDEX(Jesper!$R$2:$R$366,ROW(INDEX(Jesper!AI$2:AI$366,ROUNDDOWN($C6024/24,0)+1,1))-1)+IF('Standard Profiles'!$G$19=$B$10,7,0)+IF('Standard Profiles'!$G$19=$B$17,14,0)+IF('Standard Profiles'!$G$19=$B$24,21,0),0)),0)</f>
        <v>0</v>
      </c>
      <c r="F6024" cm="1">
        <f t="array" ref="F6024">IFERROR(INDEX(Jesper!AJ$2:AJ$366,ROUNDDOWN($C6024/24,0)+1,1)*INDEX($D$3:$AA$30,INDEX(Jesper!$R$2:$R$366,ROW(INDEX(Jesper!AJ$2:AJ$366,ROUNDDOWN($C6024/24,0)+1,1))-1)+IF('Standard Profiles'!$G$20=$B$10,7,0)+IF('Standard Profiles'!$G$20=$B$17,14,0)+IF('Standard Profiles'!$G$20=$B$24,21,0),MOD($C6024,24)+1)/SUM(INDEX($D$3:$AA$30,INDEX(Jesper!$R$2:$R$366,ROW(INDEX(Jesper!AJ$2:AJ$366,ROUNDDOWN($C6024/24,0)+1,1))-1)+IF('Standard Profiles'!$G$20=$B$10,7,0)+IF('Standard Profiles'!$G$20=$B$17,14,0)+IF('Standard Profiles'!$G$20=$B$24,21,0),0)),0)</f>
        <v>0</v>
      </c>
      <c r="G6024" cm="1">
        <f t="array" ref="G6024">IFERROR(INDEX(Jesper!AK$2:AK$366,ROUNDDOWN($C6024/24,0)+1,1)*INDEX($D$3:$AA$30,INDEX(Jesper!$R$2:$R$366,ROW(INDEX(Jesper!AK$2:AK$366,ROUNDDOWN($C6024/24,0)+1,1))-1)+IF('Standard Profiles'!$G$21=$B$10,7,0)+IF('Standard Profiles'!$G$21=$B$17,14,0)+IF('Standard Profiles'!$G$21=$B$24,21,0),MOD($C6024,24)+1)/SUM(INDEX($D$3:$AA$30,INDEX(Jesper!$R$2:$R$366,ROW(INDEX(Jesper!AK$2:AK$366,ROUNDDOWN($C6024/24,0)+1,1))-1)+IF('Standard Profiles'!$G$21=$B$10,7,0)+IF('Standard Profiles'!$G$21=$B$17,14,0)+IF('Standard Profiles'!$G$21=$B$24,21,0),0)),0)</f>
        <v>0</v>
      </c>
      <c r="H6024" cm="1">
        <f t="array" ref="H6024">IFERROR(INDEX(Jesper!AL$2:AL$366,ROUNDDOWN($C6024/24,0)+1,1)*INDEX($D$3:$AA$30,INDEX(Jesper!$R$2:$R$366,ROW(INDEX(Jesper!AL$2:AL$366,ROUNDDOWN($C6024/24,0)+1,1))-1)+IF('Standard Profiles'!$G$22=$B$10,7,0)+IF('Standard Profiles'!$G$22=$B$17,14,0)+IF('Standard Profiles'!$G$22=$B$24,21,0),MOD($C6024,24)+1)/SUM(INDEX($D$3:$AA$30,INDEX(Jesper!$R$2:$R$366,ROW(INDEX(Jesper!AL$2:AL$366,ROUNDDOWN($C6024/24,0)+1,1))-1)+IF('Standard Profiles'!$G$22=$B$10,7,0)+IF('Standard Profiles'!$G$22=$B$17,14,0)+IF('Standard Profiles'!$G$22=$B$24,21,0),0)),0)</f>
        <v>0</v>
      </c>
      <c r="I6024">
        <f t="shared" si="671"/>
        <v>0.46085569313462038</v>
      </c>
      <c r="J6024">
        <f t="shared" si="672"/>
        <v>1.5361856437820682</v>
      </c>
      <c r="K6024">
        <f t="shared" si="673"/>
        <v>2.3042784656731019</v>
      </c>
      <c r="L6024">
        <f t="shared" si="674"/>
        <v>11.060536635230889</v>
      </c>
      <c r="M6024">
        <f t="shared" si="675"/>
        <v>0</v>
      </c>
      <c r="N6024" s="46">
        <f t="shared" si="676"/>
        <v>45541.583333318806</v>
      </c>
    </row>
    <row r="6025" spans="2:14" x14ac:dyDescent="0.3">
      <c r="B6025">
        <f t="shared" si="670"/>
        <v>5</v>
      </c>
      <c r="C6025" s="16">
        <v>5991</v>
      </c>
      <c r="D6025" cm="1">
        <f t="array" ref="D6025">IFERROR(INDEX(Jesper!AH$2:AH$366,ROUNDDOWN($C6025/24,0)+1,1)*INDEX($D$3:$AA$30,INDEX(Jesper!$R$2:$R$366,ROW(INDEX(Jesper!AH$2:AH$366,ROUNDDOWN($C6025/24,0)+1,1))-1)+IF('Standard Profiles'!$G$18=$B$10,7,0)+IF('Standard Profiles'!$G$18=$B$17,14,0)+IF('Standard Profiles'!$G$18=$B$24,21,0),MOD($C6025,24)+1)/SUM(INDEX($D$3:$AA$30,INDEX(Jesper!$R$2:$R$366,ROW(INDEX(Jesper!AH$2:AH$366,ROUNDDOWN($C6025/24,0)+1,1))-1)+IF('Standard Profiles'!$G$18=$B$10,7,0)+IF('Standard Profiles'!$G$18=$B$17,14,0)+IF('Standard Profiles'!$G$18=$B$24,21,0),0)),0)</f>
        <v>12.801547031517234</v>
      </c>
      <c r="E6025" cm="1">
        <f t="array" ref="E6025">IFERROR(INDEX(Jesper!AI$2:AI$366,ROUNDDOWN($C6025/24,0)+1,1)*INDEX($D$3:$AA$30,INDEX(Jesper!$R$2:$R$366,ROW(INDEX(Jesper!AI$2:AI$366,ROUNDDOWN($C6025/24,0)+1,1))-1)+IF('Standard Profiles'!$G$19=$B$10,7,0)+IF('Standard Profiles'!$G$19=$B$17,14,0)+IF('Standard Profiles'!$G$19=$B$24,21,0),MOD($C6025,24)+1)/SUM(INDEX($D$3:$AA$30,INDEX(Jesper!$R$2:$R$366,ROW(INDEX(Jesper!AI$2:AI$366,ROUNDDOWN($C6025/24,0)+1,1))-1)+IF('Standard Profiles'!$G$19=$B$10,7,0)+IF('Standard Profiles'!$G$19=$B$17,14,0)+IF('Standard Profiles'!$G$19=$B$24,21,0),0)),0)</f>
        <v>0</v>
      </c>
      <c r="F6025" cm="1">
        <f t="array" ref="F6025">IFERROR(INDEX(Jesper!AJ$2:AJ$366,ROUNDDOWN($C6025/24,0)+1,1)*INDEX($D$3:$AA$30,INDEX(Jesper!$R$2:$R$366,ROW(INDEX(Jesper!AJ$2:AJ$366,ROUNDDOWN($C6025/24,0)+1,1))-1)+IF('Standard Profiles'!$G$20=$B$10,7,0)+IF('Standard Profiles'!$G$20=$B$17,14,0)+IF('Standard Profiles'!$G$20=$B$24,21,0),MOD($C6025,24)+1)/SUM(INDEX($D$3:$AA$30,INDEX(Jesper!$R$2:$R$366,ROW(INDEX(Jesper!AJ$2:AJ$366,ROUNDDOWN($C6025/24,0)+1,1))-1)+IF('Standard Profiles'!$G$20=$B$10,7,0)+IF('Standard Profiles'!$G$20=$B$17,14,0)+IF('Standard Profiles'!$G$20=$B$24,21,0),0)),0)</f>
        <v>0</v>
      </c>
      <c r="G6025" cm="1">
        <f t="array" ref="G6025">IFERROR(INDEX(Jesper!AK$2:AK$366,ROUNDDOWN($C6025/24,0)+1,1)*INDEX($D$3:$AA$30,INDEX(Jesper!$R$2:$R$366,ROW(INDEX(Jesper!AK$2:AK$366,ROUNDDOWN($C6025/24,0)+1,1))-1)+IF('Standard Profiles'!$G$21=$B$10,7,0)+IF('Standard Profiles'!$G$21=$B$17,14,0)+IF('Standard Profiles'!$G$21=$B$24,21,0),MOD($C6025,24)+1)/SUM(INDEX($D$3:$AA$30,INDEX(Jesper!$R$2:$R$366,ROW(INDEX(Jesper!AK$2:AK$366,ROUNDDOWN($C6025/24,0)+1,1))-1)+IF('Standard Profiles'!$G$21=$B$10,7,0)+IF('Standard Profiles'!$G$21=$B$17,14,0)+IF('Standard Profiles'!$G$21=$B$24,21,0),0)),0)</f>
        <v>0</v>
      </c>
      <c r="H6025" cm="1">
        <f t="array" ref="H6025">IFERROR(INDEX(Jesper!AL$2:AL$366,ROUNDDOWN($C6025/24,0)+1,1)*INDEX($D$3:$AA$30,INDEX(Jesper!$R$2:$R$366,ROW(INDEX(Jesper!AL$2:AL$366,ROUNDDOWN($C6025/24,0)+1,1))-1)+IF('Standard Profiles'!$G$22=$B$10,7,0)+IF('Standard Profiles'!$G$22=$B$17,14,0)+IF('Standard Profiles'!$G$22=$B$24,21,0),MOD($C6025,24)+1)/SUM(INDEX($D$3:$AA$30,INDEX(Jesper!$R$2:$R$366,ROW(INDEX(Jesper!AL$2:AL$366,ROUNDDOWN($C6025/24,0)+1,1))-1)+IF('Standard Profiles'!$G$22=$B$10,7,0)+IF('Standard Profiles'!$G$22=$B$17,14,0)+IF('Standard Profiles'!$G$22=$B$24,21,0),0)),0)</f>
        <v>0</v>
      </c>
      <c r="I6025">
        <f t="shared" si="671"/>
        <v>0.384046410945517</v>
      </c>
      <c r="J6025">
        <f t="shared" si="672"/>
        <v>1.2801547031517235</v>
      </c>
      <c r="K6025">
        <f t="shared" si="673"/>
        <v>1.9202320547275851</v>
      </c>
      <c r="L6025">
        <f t="shared" si="674"/>
        <v>9.2171138626924076</v>
      </c>
      <c r="M6025">
        <f t="shared" si="675"/>
        <v>0</v>
      </c>
      <c r="N6025" s="46">
        <f t="shared" si="676"/>
        <v>45541.62499998547</v>
      </c>
    </row>
    <row r="6026" spans="2:14" x14ac:dyDescent="0.3">
      <c r="B6026">
        <f t="shared" si="670"/>
        <v>5</v>
      </c>
      <c r="C6026" s="16">
        <v>5992</v>
      </c>
      <c r="D6026" cm="1">
        <f t="array" ref="D6026">IFERROR(INDEX(Jesper!AH$2:AH$366,ROUNDDOWN($C6026/24,0)+1,1)*INDEX($D$3:$AA$30,INDEX(Jesper!$R$2:$R$366,ROW(INDEX(Jesper!AH$2:AH$366,ROUNDDOWN($C6026/24,0)+1,1))-1)+IF('Standard Profiles'!$G$18=$B$10,7,0)+IF('Standard Profiles'!$G$18=$B$17,14,0)+IF('Standard Profiles'!$G$18=$B$24,21,0),MOD($C6026,24)+1)/SUM(INDEX($D$3:$AA$30,INDEX(Jesper!$R$2:$R$366,ROW(INDEX(Jesper!AH$2:AH$366,ROUNDDOWN($C6026/24,0)+1,1))-1)+IF('Standard Profiles'!$G$18=$B$10,7,0)+IF('Standard Profiles'!$G$18=$B$17,14,0)+IF('Standard Profiles'!$G$18=$B$24,21,0),0)),0)</f>
        <v>12.118797856502983</v>
      </c>
      <c r="E6026" cm="1">
        <f t="array" ref="E6026">IFERROR(INDEX(Jesper!AI$2:AI$366,ROUNDDOWN($C6026/24,0)+1,1)*INDEX($D$3:$AA$30,INDEX(Jesper!$R$2:$R$366,ROW(INDEX(Jesper!AI$2:AI$366,ROUNDDOWN($C6026/24,0)+1,1))-1)+IF('Standard Profiles'!$G$19=$B$10,7,0)+IF('Standard Profiles'!$G$19=$B$17,14,0)+IF('Standard Profiles'!$G$19=$B$24,21,0),MOD($C6026,24)+1)/SUM(INDEX($D$3:$AA$30,INDEX(Jesper!$R$2:$R$366,ROW(INDEX(Jesper!AI$2:AI$366,ROUNDDOWN($C6026/24,0)+1,1))-1)+IF('Standard Profiles'!$G$19=$B$10,7,0)+IF('Standard Profiles'!$G$19=$B$17,14,0)+IF('Standard Profiles'!$G$19=$B$24,21,0),0)),0)</f>
        <v>0</v>
      </c>
      <c r="F6026" cm="1">
        <f t="array" ref="F6026">IFERROR(INDEX(Jesper!AJ$2:AJ$366,ROUNDDOWN($C6026/24,0)+1,1)*INDEX($D$3:$AA$30,INDEX(Jesper!$R$2:$R$366,ROW(INDEX(Jesper!AJ$2:AJ$366,ROUNDDOWN($C6026/24,0)+1,1))-1)+IF('Standard Profiles'!$G$20=$B$10,7,0)+IF('Standard Profiles'!$G$20=$B$17,14,0)+IF('Standard Profiles'!$G$20=$B$24,21,0),MOD($C6026,24)+1)/SUM(INDEX($D$3:$AA$30,INDEX(Jesper!$R$2:$R$366,ROW(INDEX(Jesper!AJ$2:AJ$366,ROUNDDOWN($C6026/24,0)+1,1))-1)+IF('Standard Profiles'!$G$20=$B$10,7,0)+IF('Standard Profiles'!$G$20=$B$17,14,0)+IF('Standard Profiles'!$G$20=$B$24,21,0),0)),0)</f>
        <v>0</v>
      </c>
      <c r="G6026" cm="1">
        <f t="array" ref="G6026">IFERROR(INDEX(Jesper!AK$2:AK$366,ROUNDDOWN($C6026/24,0)+1,1)*INDEX($D$3:$AA$30,INDEX(Jesper!$R$2:$R$366,ROW(INDEX(Jesper!AK$2:AK$366,ROUNDDOWN($C6026/24,0)+1,1))-1)+IF('Standard Profiles'!$G$21=$B$10,7,0)+IF('Standard Profiles'!$G$21=$B$17,14,0)+IF('Standard Profiles'!$G$21=$B$24,21,0),MOD($C6026,24)+1)/SUM(INDEX($D$3:$AA$30,INDEX(Jesper!$R$2:$R$366,ROW(INDEX(Jesper!AK$2:AK$366,ROUNDDOWN($C6026/24,0)+1,1))-1)+IF('Standard Profiles'!$G$21=$B$10,7,0)+IF('Standard Profiles'!$G$21=$B$17,14,0)+IF('Standard Profiles'!$G$21=$B$24,21,0),0)),0)</f>
        <v>0</v>
      </c>
      <c r="H6026" cm="1">
        <f t="array" ref="H6026">IFERROR(INDEX(Jesper!AL$2:AL$366,ROUNDDOWN($C6026/24,0)+1,1)*INDEX($D$3:$AA$30,INDEX(Jesper!$R$2:$R$366,ROW(INDEX(Jesper!AL$2:AL$366,ROUNDDOWN($C6026/24,0)+1,1))-1)+IF('Standard Profiles'!$G$22=$B$10,7,0)+IF('Standard Profiles'!$G$22=$B$17,14,0)+IF('Standard Profiles'!$G$22=$B$24,21,0),MOD($C6026,24)+1)/SUM(INDEX($D$3:$AA$30,INDEX(Jesper!$R$2:$R$366,ROW(INDEX(Jesper!AL$2:AL$366,ROUNDDOWN($C6026/24,0)+1,1))-1)+IF('Standard Profiles'!$G$22=$B$10,7,0)+IF('Standard Profiles'!$G$22=$B$17,14,0)+IF('Standard Profiles'!$G$22=$B$24,21,0),0)),0)</f>
        <v>0</v>
      </c>
      <c r="I6026">
        <f t="shared" si="671"/>
        <v>0.36356393569508949</v>
      </c>
      <c r="J6026">
        <f t="shared" si="672"/>
        <v>1.2118797856502983</v>
      </c>
      <c r="K6026">
        <f t="shared" si="673"/>
        <v>1.8178196784754475</v>
      </c>
      <c r="L6026">
        <f t="shared" si="674"/>
        <v>8.7255344566821478</v>
      </c>
      <c r="M6026">
        <f t="shared" si="675"/>
        <v>0</v>
      </c>
      <c r="N6026" s="46">
        <f t="shared" si="676"/>
        <v>45541.666666652134</v>
      </c>
    </row>
    <row r="6027" spans="2:14" x14ac:dyDescent="0.3">
      <c r="B6027">
        <f t="shared" si="670"/>
        <v>5</v>
      </c>
      <c r="C6027" s="16">
        <v>5993</v>
      </c>
      <c r="D6027" cm="1">
        <f t="array" ref="D6027">IFERROR(INDEX(Jesper!AH$2:AH$366,ROUNDDOWN($C6027/24,0)+1,1)*INDEX($D$3:$AA$30,INDEX(Jesper!$R$2:$R$366,ROW(INDEX(Jesper!AH$2:AH$366,ROUNDDOWN($C6027/24,0)+1,1))-1)+IF('Standard Profiles'!$G$18=$B$10,7,0)+IF('Standard Profiles'!$G$18=$B$17,14,0)+IF('Standard Profiles'!$G$18=$B$24,21,0),MOD($C6027,24)+1)/SUM(INDEX($D$3:$AA$30,INDEX(Jesper!$R$2:$R$366,ROW(INDEX(Jesper!AH$2:AH$366,ROUNDDOWN($C6027/24,0)+1,1))-1)+IF('Standard Profiles'!$G$18=$B$10,7,0)+IF('Standard Profiles'!$G$18=$B$17,14,0)+IF('Standard Profiles'!$G$18=$B$24,21,0),0)),0)</f>
        <v>12.118797856502983</v>
      </c>
      <c r="E6027" cm="1">
        <f t="array" ref="E6027">IFERROR(INDEX(Jesper!AI$2:AI$366,ROUNDDOWN($C6027/24,0)+1,1)*INDEX($D$3:$AA$30,INDEX(Jesper!$R$2:$R$366,ROW(INDEX(Jesper!AI$2:AI$366,ROUNDDOWN($C6027/24,0)+1,1))-1)+IF('Standard Profiles'!$G$19=$B$10,7,0)+IF('Standard Profiles'!$G$19=$B$17,14,0)+IF('Standard Profiles'!$G$19=$B$24,21,0),MOD($C6027,24)+1)/SUM(INDEX($D$3:$AA$30,INDEX(Jesper!$R$2:$R$366,ROW(INDEX(Jesper!AI$2:AI$366,ROUNDDOWN($C6027/24,0)+1,1))-1)+IF('Standard Profiles'!$G$19=$B$10,7,0)+IF('Standard Profiles'!$G$19=$B$17,14,0)+IF('Standard Profiles'!$G$19=$B$24,21,0),0)),0)</f>
        <v>0</v>
      </c>
      <c r="F6027" cm="1">
        <f t="array" ref="F6027">IFERROR(INDEX(Jesper!AJ$2:AJ$366,ROUNDDOWN($C6027/24,0)+1,1)*INDEX($D$3:$AA$30,INDEX(Jesper!$R$2:$R$366,ROW(INDEX(Jesper!AJ$2:AJ$366,ROUNDDOWN($C6027/24,0)+1,1))-1)+IF('Standard Profiles'!$G$20=$B$10,7,0)+IF('Standard Profiles'!$G$20=$B$17,14,0)+IF('Standard Profiles'!$G$20=$B$24,21,0),MOD($C6027,24)+1)/SUM(INDEX($D$3:$AA$30,INDEX(Jesper!$R$2:$R$366,ROW(INDEX(Jesper!AJ$2:AJ$366,ROUNDDOWN($C6027/24,0)+1,1))-1)+IF('Standard Profiles'!$G$20=$B$10,7,0)+IF('Standard Profiles'!$G$20=$B$17,14,0)+IF('Standard Profiles'!$G$20=$B$24,21,0),0)),0)</f>
        <v>0</v>
      </c>
      <c r="G6027" cm="1">
        <f t="array" ref="G6027">IFERROR(INDEX(Jesper!AK$2:AK$366,ROUNDDOWN($C6027/24,0)+1,1)*INDEX($D$3:$AA$30,INDEX(Jesper!$R$2:$R$366,ROW(INDEX(Jesper!AK$2:AK$366,ROUNDDOWN($C6027/24,0)+1,1))-1)+IF('Standard Profiles'!$G$21=$B$10,7,0)+IF('Standard Profiles'!$G$21=$B$17,14,0)+IF('Standard Profiles'!$G$21=$B$24,21,0),MOD($C6027,24)+1)/SUM(INDEX($D$3:$AA$30,INDEX(Jesper!$R$2:$R$366,ROW(INDEX(Jesper!AK$2:AK$366,ROUNDDOWN($C6027/24,0)+1,1))-1)+IF('Standard Profiles'!$G$21=$B$10,7,0)+IF('Standard Profiles'!$G$21=$B$17,14,0)+IF('Standard Profiles'!$G$21=$B$24,21,0),0)),0)</f>
        <v>0</v>
      </c>
      <c r="H6027" cm="1">
        <f t="array" ref="H6027">IFERROR(INDEX(Jesper!AL$2:AL$366,ROUNDDOWN($C6027/24,0)+1,1)*INDEX($D$3:$AA$30,INDEX(Jesper!$R$2:$R$366,ROW(INDEX(Jesper!AL$2:AL$366,ROUNDDOWN($C6027/24,0)+1,1))-1)+IF('Standard Profiles'!$G$22=$B$10,7,0)+IF('Standard Profiles'!$G$22=$B$17,14,0)+IF('Standard Profiles'!$G$22=$B$24,21,0),MOD($C6027,24)+1)/SUM(INDEX($D$3:$AA$30,INDEX(Jesper!$R$2:$R$366,ROW(INDEX(Jesper!AL$2:AL$366,ROUNDDOWN($C6027/24,0)+1,1))-1)+IF('Standard Profiles'!$G$22=$B$10,7,0)+IF('Standard Profiles'!$G$22=$B$17,14,0)+IF('Standard Profiles'!$G$22=$B$24,21,0),0)),0)</f>
        <v>0</v>
      </c>
      <c r="I6027">
        <f t="shared" si="671"/>
        <v>0.36356393569508949</v>
      </c>
      <c r="J6027">
        <f t="shared" si="672"/>
        <v>1.2118797856502983</v>
      </c>
      <c r="K6027">
        <f t="shared" si="673"/>
        <v>1.8178196784754475</v>
      </c>
      <c r="L6027">
        <f t="shared" si="674"/>
        <v>8.7255344566821478</v>
      </c>
      <c r="M6027">
        <f t="shared" si="675"/>
        <v>0</v>
      </c>
      <c r="N6027" s="46">
        <f t="shared" si="676"/>
        <v>45541.708333318798</v>
      </c>
    </row>
    <row r="6028" spans="2:14" x14ac:dyDescent="0.3">
      <c r="B6028">
        <f t="shared" si="670"/>
        <v>5</v>
      </c>
      <c r="C6028" s="16">
        <v>5994</v>
      </c>
      <c r="D6028" cm="1">
        <f t="array" ref="D6028">IFERROR(INDEX(Jesper!AH$2:AH$366,ROUNDDOWN($C6028/24,0)+1,1)*INDEX($D$3:$AA$30,INDEX(Jesper!$R$2:$R$366,ROW(INDEX(Jesper!AH$2:AH$366,ROUNDDOWN($C6028/24,0)+1,1))-1)+IF('Standard Profiles'!$G$18=$B$10,7,0)+IF('Standard Profiles'!$G$18=$B$17,14,0)+IF('Standard Profiles'!$G$18=$B$24,21,0),MOD($C6028,24)+1)/SUM(INDEX($D$3:$AA$30,INDEX(Jesper!$R$2:$R$366,ROW(INDEX(Jesper!AH$2:AH$366,ROUNDDOWN($C6028/24,0)+1,1))-1)+IF('Standard Profiles'!$G$18=$B$10,7,0)+IF('Standard Profiles'!$G$18=$B$17,14,0)+IF('Standard Profiles'!$G$18=$B$24,21,0),0)),0)</f>
        <v>12.118797856502983</v>
      </c>
      <c r="E6028" cm="1">
        <f t="array" ref="E6028">IFERROR(INDEX(Jesper!AI$2:AI$366,ROUNDDOWN($C6028/24,0)+1,1)*INDEX($D$3:$AA$30,INDEX(Jesper!$R$2:$R$366,ROW(INDEX(Jesper!AI$2:AI$366,ROUNDDOWN($C6028/24,0)+1,1))-1)+IF('Standard Profiles'!$G$19=$B$10,7,0)+IF('Standard Profiles'!$G$19=$B$17,14,0)+IF('Standard Profiles'!$G$19=$B$24,21,0),MOD($C6028,24)+1)/SUM(INDEX($D$3:$AA$30,INDEX(Jesper!$R$2:$R$366,ROW(INDEX(Jesper!AI$2:AI$366,ROUNDDOWN($C6028/24,0)+1,1))-1)+IF('Standard Profiles'!$G$19=$B$10,7,0)+IF('Standard Profiles'!$G$19=$B$17,14,0)+IF('Standard Profiles'!$G$19=$B$24,21,0),0)),0)</f>
        <v>0</v>
      </c>
      <c r="F6028" cm="1">
        <f t="array" ref="F6028">IFERROR(INDEX(Jesper!AJ$2:AJ$366,ROUNDDOWN($C6028/24,0)+1,1)*INDEX($D$3:$AA$30,INDEX(Jesper!$R$2:$R$366,ROW(INDEX(Jesper!AJ$2:AJ$366,ROUNDDOWN($C6028/24,0)+1,1))-1)+IF('Standard Profiles'!$G$20=$B$10,7,0)+IF('Standard Profiles'!$G$20=$B$17,14,0)+IF('Standard Profiles'!$G$20=$B$24,21,0),MOD($C6028,24)+1)/SUM(INDEX($D$3:$AA$30,INDEX(Jesper!$R$2:$R$366,ROW(INDEX(Jesper!AJ$2:AJ$366,ROUNDDOWN($C6028/24,0)+1,1))-1)+IF('Standard Profiles'!$G$20=$B$10,7,0)+IF('Standard Profiles'!$G$20=$B$17,14,0)+IF('Standard Profiles'!$G$20=$B$24,21,0),0)),0)</f>
        <v>0</v>
      </c>
      <c r="G6028" cm="1">
        <f t="array" ref="G6028">IFERROR(INDEX(Jesper!AK$2:AK$366,ROUNDDOWN($C6028/24,0)+1,1)*INDEX($D$3:$AA$30,INDEX(Jesper!$R$2:$R$366,ROW(INDEX(Jesper!AK$2:AK$366,ROUNDDOWN($C6028/24,0)+1,1))-1)+IF('Standard Profiles'!$G$21=$B$10,7,0)+IF('Standard Profiles'!$G$21=$B$17,14,0)+IF('Standard Profiles'!$G$21=$B$24,21,0),MOD($C6028,24)+1)/SUM(INDEX($D$3:$AA$30,INDEX(Jesper!$R$2:$R$366,ROW(INDEX(Jesper!AK$2:AK$366,ROUNDDOWN($C6028/24,0)+1,1))-1)+IF('Standard Profiles'!$G$21=$B$10,7,0)+IF('Standard Profiles'!$G$21=$B$17,14,0)+IF('Standard Profiles'!$G$21=$B$24,21,0),0)),0)</f>
        <v>0</v>
      </c>
      <c r="H6028" cm="1">
        <f t="array" ref="H6028">IFERROR(INDEX(Jesper!AL$2:AL$366,ROUNDDOWN($C6028/24,0)+1,1)*INDEX($D$3:$AA$30,INDEX(Jesper!$R$2:$R$366,ROW(INDEX(Jesper!AL$2:AL$366,ROUNDDOWN($C6028/24,0)+1,1))-1)+IF('Standard Profiles'!$G$22=$B$10,7,0)+IF('Standard Profiles'!$G$22=$B$17,14,0)+IF('Standard Profiles'!$G$22=$B$24,21,0),MOD($C6028,24)+1)/SUM(INDEX($D$3:$AA$30,INDEX(Jesper!$R$2:$R$366,ROW(INDEX(Jesper!AL$2:AL$366,ROUNDDOWN($C6028/24,0)+1,1))-1)+IF('Standard Profiles'!$G$22=$B$10,7,0)+IF('Standard Profiles'!$G$22=$B$17,14,0)+IF('Standard Profiles'!$G$22=$B$24,21,0),0)),0)</f>
        <v>0</v>
      </c>
      <c r="I6028">
        <f t="shared" si="671"/>
        <v>0.36356393569508949</v>
      </c>
      <c r="J6028">
        <f t="shared" si="672"/>
        <v>1.2118797856502983</v>
      </c>
      <c r="K6028">
        <f t="shared" si="673"/>
        <v>1.8178196784754475</v>
      </c>
      <c r="L6028">
        <f t="shared" si="674"/>
        <v>8.7255344566821478</v>
      </c>
      <c r="M6028">
        <f t="shared" si="675"/>
        <v>0</v>
      </c>
      <c r="N6028" s="46">
        <f t="shared" si="676"/>
        <v>45541.749999985463</v>
      </c>
    </row>
    <row r="6029" spans="2:14" x14ac:dyDescent="0.3">
      <c r="B6029">
        <f t="shared" si="670"/>
        <v>5</v>
      </c>
      <c r="C6029" s="16">
        <v>5995</v>
      </c>
      <c r="D6029" cm="1">
        <f t="array" ref="D6029">IFERROR(INDEX(Jesper!AH$2:AH$366,ROUNDDOWN($C6029/24,0)+1,1)*INDEX($D$3:$AA$30,INDEX(Jesper!$R$2:$R$366,ROW(INDEX(Jesper!AH$2:AH$366,ROUNDDOWN($C6029/24,0)+1,1))-1)+IF('Standard Profiles'!$G$18=$B$10,7,0)+IF('Standard Profiles'!$G$18=$B$17,14,0)+IF('Standard Profiles'!$G$18=$B$24,21,0),MOD($C6029,24)+1)/SUM(INDEX($D$3:$AA$30,INDEX(Jesper!$R$2:$R$366,ROW(INDEX(Jesper!AH$2:AH$366,ROUNDDOWN($C6029/24,0)+1,1))-1)+IF('Standard Profiles'!$G$18=$B$10,7,0)+IF('Standard Profiles'!$G$18=$B$17,14,0)+IF('Standard Profiles'!$G$18=$B$24,21,0),0)),0)</f>
        <v>12.118797856502983</v>
      </c>
      <c r="E6029" cm="1">
        <f t="array" ref="E6029">IFERROR(INDEX(Jesper!AI$2:AI$366,ROUNDDOWN($C6029/24,0)+1,1)*INDEX($D$3:$AA$30,INDEX(Jesper!$R$2:$R$366,ROW(INDEX(Jesper!AI$2:AI$366,ROUNDDOWN($C6029/24,0)+1,1))-1)+IF('Standard Profiles'!$G$19=$B$10,7,0)+IF('Standard Profiles'!$G$19=$B$17,14,0)+IF('Standard Profiles'!$G$19=$B$24,21,0),MOD($C6029,24)+1)/SUM(INDEX($D$3:$AA$30,INDEX(Jesper!$R$2:$R$366,ROW(INDEX(Jesper!AI$2:AI$366,ROUNDDOWN($C6029/24,0)+1,1))-1)+IF('Standard Profiles'!$G$19=$B$10,7,0)+IF('Standard Profiles'!$G$19=$B$17,14,0)+IF('Standard Profiles'!$G$19=$B$24,21,0),0)),0)</f>
        <v>0</v>
      </c>
      <c r="F6029" cm="1">
        <f t="array" ref="F6029">IFERROR(INDEX(Jesper!AJ$2:AJ$366,ROUNDDOWN($C6029/24,0)+1,1)*INDEX($D$3:$AA$30,INDEX(Jesper!$R$2:$R$366,ROW(INDEX(Jesper!AJ$2:AJ$366,ROUNDDOWN($C6029/24,0)+1,1))-1)+IF('Standard Profiles'!$G$20=$B$10,7,0)+IF('Standard Profiles'!$G$20=$B$17,14,0)+IF('Standard Profiles'!$G$20=$B$24,21,0),MOD($C6029,24)+1)/SUM(INDEX($D$3:$AA$30,INDEX(Jesper!$R$2:$R$366,ROW(INDEX(Jesper!AJ$2:AJ$366,ROUNDDOWN($C6029/24,0)+1,1))-1)+IF('Standard Profiles'!$G$20=$B$10,7,0)+IF('Standard Profiles'!$G$20=$B$17,14,0)+IF('Standard Profiles'!$G$20=$B$24,21,0),0)),0)</f>
        <v>0</v>
      </c>
      <c r="G6029" cm="1">
        <f t="array" ref="G6029">IFERROR(INDEX(Jesper!AK$2:AK$366,ROUNDDOWN($C6029/24,0)+1,1)*INDEX($D$3:$AA$30,INDEX(Jesper!$R$2:$R$366,ROW(INDEX(Jesper!AK$2:AK$366,ROUNDDOWN($C6029/24,0)+1,1))-1)+IF('Standard Profiles'!$G$21=$B$10,7,0)+IF('Standard Profiles'!$G$21=$B$17,14,0)+IF('Standard Profiles'!$G$21=$B$24,21,0),MOD($C6029,24)+1)/SUM(INDEX($D$3:$AA$30,INDEX(Jesper!$R$2:$R$366,ROW(INDEX(Jesper!AK$2:AK$366,ROUNDDOWN($C6029/24,0)+1,1))-1)+IF('Standard Profiles'!$G$21=$B$10,7,0)+IF('Standard Profiles'!$G$21=$B$17,14,0)+IF('Standard Profiles'!$G$21=$B$24,21,0),0)),0)</f>
        <v>0</v>
      </c>
      <c r="H6029" cm="1">
        <f t="array" ref="H6029">IFERROR(INDEX(Jesper!AL$2:AL$366,ROUNDDOWN($C6029/24,0)+1,1)*INDEX($D$3:$AA$30,INDEX(Jesper!$R$2:$R$366,ROW(INDEX(Jesper!AL$2:AL$366,ROUNDDOWN($C6029/24,0)+1,1))-1)+IF('Standard Profiles'!$G$22=$B$10,7,0)+IF('Standard Profiles'!$G$22=$B$17,14,0)+IF('Standard Profiles'!$G$22=$B$24,21,0),MOD($C6029,24)+1)/SUM(INDEX($D$3:$AA$30,INDEX(Jesper!$R$2:$R$366,ROW(INDEX(Jesper!AL$2:AL$366,ROUNDDOWN($C6029/24,0)+1,1))-1)+IF('Standard Profiles'!$G$22=$B$10,7,0)+IF('Standard Profiles'!$G$22=$B$17,14,0)+IF('Standard Profiles'!$G$22=$B$24,21,0),0)),0)</f>
        <v>0</v>
      </c>
      <c r="I6029">
        <f t="shared" si="671"/>
        <v>0.36356393569508949</v>
      </c>
      <c r="J6029">
        <f t="shared" si="672"/>
        <v>1.2118797856502983</v>
      </c>
      <c r="K6029">
        <f t="shared" si="673"/>
        <v>1.8178196784754475</v>
      </c>
      <c r="L6029">
        <f t="shared" si="674"/>
        <v>8.7255344566821478</v>
      </c>
      <c r="M6029">
        <f t="shared" si="675"/>
        <v>0</v>
      </c>
      <c r="N6029" s="46">
        <f t="shared" si="676"/>
        <v>45541.791666652127</v>
      </c>
    </row>
    <row r="6030" spans="2:14" x14ac:dyDescent="0.3">
      <c r="B6030">
        <f t="shared" si="670"/>
        <v>5</v>
      </c>
      <c r="C6030" s="16">
        <v>5996</v>
      </c>
      <c r="D6030" cm="1">
        <f t="array" ref="D6030">IFERROR(INDEX(Jesper!AH$2:AH$366,ROUNDDOWN($C6030/24,0)+1,1)*INDEX($D$3:$AA$30,INDEX(Jesper!$R$2:$R$366,ROW(INDEX(Jesper!AH$2:AH$366,ROUNDDOWN($C6030/24,0)+1,1))-1)+IF('Standard Profiles'!$G$18=$B$10,7,0)+IF('Standard Profiles'!$G$18=$B$17,14,0)+IF('Standard Profiles'!$G$18=$B$24,21,0),MOD($C6030,24)+1)/SUM(INDEX($D$3:$AA$30,INDEX(Jesper!$R$2:$R$366,ROW(INDEX(Jesper!AH$2:AH$366,ROUNDDOWN($C6030/24,0)+1,1))-1)+IF('Standard Profiles'!$G$18=$B$10,7,0)+IF('Standard Profiles'!$G$18=$B$17,14,0)+IF('Standard Profiles'!$G$18=$B$24,21,0),0)),0)</f>
        <v>9.3878011564459722</v>
      </c>
      <c r="E6030" cm="1">
        <f t="array" ref="E6030">IFERROR(INDEX(Jesper!AI$2:AI$366,ROUNDDOWN($C6030/24,0)+1,1)*INDEX($D$3:$AA$30,INDEX(Jesper!$R$2:$R$366,ROW(INDEX(Jesper!AI$2:AI$366,ROUNDDOWN($C6030/24,0)+1,1))-1)+IF('Standard Profiles'!$G$19=$B$10,7,0)+IF('Standard Profiles'!$G$19=$B$17,14,0)+IF('Standard Profiles'!$G$19=$B$24,21,0),MOD($C6030,24)+1)/SUM(INDEX($D$3:$AA$30,INDEX(Jesper!$R$2:$R$366,ROW(INDEX(Jesper!AI$2:AI$366,ROUNDDOWN($C6030/24,0)+1,1))-1)+IF('Standard Profiles'!$G$19=$B$10,7,0)+IF('Standard Profiles'!$G$19=$B$17,14,0)+IF('Standard Profiles'!$G$19=$B$24,21,0),0)),0)</f>
        <v>0</v>
      </c>
      <c r="F6030" cm="1">
        <f t="array" ref="F6030">IFERROR(INDEX(Jesper!AJ$2:AJ$366,ROUNDDOWN($C6030/24,0)+1,1)*INDEX($D$3:$AA$30,INDEX(Jesper!$R$2:$R$366,ROW(INDEX(Jesper!AJ$2:AJ$366,ROUNDDOWN($C6030/24,0)+1,1))-1)+IF('Standard Profiles'!$G$20=$B$10,7,0)+IF('Standard Profiles'!$G$20=$B$17,14,0)+IF('Standard Profiles'!$G$20=$B$24,21,0),MOD($C6030,24)+1)/SUM(INDEX($D$3:$AA$30,INDEX(Jesper!$R$2:$R$366,ROW(INDEX(Jesper!AJ$2:AJ$366,ROUNDDOWN($C6030/24,0)+1,1))-1)+IF('Standard Profiles'!$G$20=$B$10,7,0)+IF('Standard Profiles'!$G$20=$B$17,14,0)+IF('Standard Profiles'!$G$20=$B$24,21,0),0)),0)</f>
        <v>0</v>
      </c>
      <c r="G6030" cm="1">
        <f t="array" ref="G6030">IFERROR(INDEX(Jesper!AK$2:AK$366,ROUNDDOWN($C6030/24,0)+1,1)*INDEX($D$3:$AA$30,INDEX(Jesper!$R$2:$R$366,ROW(INDEX(Jesper!AK$2:AK$366,ROUNDDOWN($C6030/24,0)+1,1))-1)+IF('Standard Profiles'!$G$21=$B$10,7,0)+IF('Standard Profiles'!$G$21=$B$17,14,0)+IF('Standard Profiles'!$G$21=$B$24,21,0),MOD($C6030,24)+1)/SUM(INDEX($D$3:$AA$30,INDEX(Jesper!$R$2:$R$366,ROW(INDEX(Jesper!AK$2:AK$366,ROUNDDOWN($C6030/24,0)+1,1))-1)+IF('Standard Profiles'!$G$21=$B$10,7,0)+IF('Standard Profiles'!$G$21=$B$17,14,0)+IF('Standard Profiles'!$G$21=$B$24,21,0),0)),0)</f>
        <v>0</v>
      </c>
      <c r="H6030" cm="1">
        <f t="array" ref="H6030">IFERROR(INDEX(Jesper!AL$2:AL$366,ROUNDDOWN($C6030/24,0)+1,1)*INDEX($D$3:$AA$30,INDEX(Jesper!$R$2:$R$366,ROW(INDEX(Jesper!AL$2:AL$366,ROUNDDOWN($C6030/24,0)+1,1))-1)+IF('Standard Profiles'!$G$22=$B$10,7,0)+IF('Standard Profiles'!$G$22=$B$17,14,0)+IF('Standard Profiles'!$G$22=$B$24,21,0),MOD($C6030,24)+1)/SUM(INDEX($D$3:$AA$30,INDEX(Jesper!$R$2:$R$366,ROW(INDEX(Jesper!AL$2:AL$366,ROUNDDOWN($C6030/24,0)+1,1))-1)+IF('Standard Profiles'!$G$22=$B$10,7,0)+IF('Standard Profiles'!$G$22=$B$17,14,0)+IF('Standard Profiles'!$G$22=$B$24,21,0),0)),0)</f>
        <v>0</v>
      </c>
      <c r="I6030">
        <f t="shared" si="671"/>
        <v>0.28163403469337916</v>
      </c>
      <c r="J6030">
        <f t="shared" si="672"/>
        <v>0.93878011564459729</v>
      </c>
      <c r="K6030">
        <f t="shared" si="673"/>
        <v>1.4081701734668959</v>
      </c>
      <c r="L6030">
        <f t="shared" si="674"/>
        <v>6.7592168326410995</v>
      </c>
      <c r="M6030">
        <f t="shared" si="675"/>
        <v>0</v>
      </c>
      <c r="N6030" s="46">
        <f t="shared" si="676"/>
        <v>45541.833333318791</v>
      </c>
    </row>
    <row r="6031" spans="2:14" x14ac:dyDescent="0.3">
      <c r="B6031">
        <f t="shared" si="670"/>
        <v>5</v>
      </c>
      <c r="C6031" s="16">
        <v>5997</v>
      </c>
      <c r="D6031" cm="1">
        <f t="array" ref="D6031">IFERROR(INDEX(Jesper!AH$2:AH$366,ROUNDDOWN($C6031/24,0)+1,1)*INDEX($D$3:$AA$30,INDEX(Jesper!$R$2:$R$366,ROW(INDEX(Jesper!AH$2:AH$366,ROUNDDOWN($C6031/24,0)+1,1))-1)+IF('Standard Profiles'!$G$18=$B$10,7,0)+IF('Standard Profiles'!$G$18=$B$17,14,0)+IF('Standard Profiles'!$G$18=$B$24,21,0),MOD($C6031,24)+1)/SUM(INDEX($D$3:$AA$30,INDEX(Jesper!$R$2:$R$366,ROW(INDEX(Jesper!AH$2:AH$366,ROUNDDOWN($C6031/24,0)+1,1))-1)+IF('Standard Profiles'!$G$18=$B$10,7,0)+IF('Standard Profiles'!$G$18=$B$17,14,0)+IF('Standard Profiles'!$G$18=$B$24,21,0),0)),0)</f>
        <v>3.5844331688248259</v>
      </c>
      <c r="E6031" cm="1">
        <f t="array" ref="E6031">IFERROR(INDEX(Jesper!AI$2:AI$366,ROUNDDOWN($C6031/24,0)+1,1)*INDEX($D$3:$AA$30,INDEX(Jesper!$R$2:$R$366,ROW(INDEX(Jesper!AI$2:AI$366,ROUNDDOWN($C6031/24,0)+1,1))-1)+IF('Standard Profiles'!$G$19=$B$10,7,0)+IF('Standard Profiles'!$G$19=$B$17,14,0)+IF('Standard Profiles'!$G$19=$B$24,21,0),MOD($C6031,24)+1)/SUM(INDEX($D$3:$AA$30,INDEX(Jesper!$R$2:$R$366,ROW(INDEX(Jesper!AI$2:AI$366,ROUNDDOWN($C6031/24,0)+1,1))-1)+IF('Standard Profiles'!$G$19=$B$10,7,0)+IF('Standard Profiles'!$G$19=$B$17,14,0)+IF('Standard Profiles'!$G$19=$B$24,21,0),0)),0)</f>
        <v>0</v>
      </c>
      <c r="F6031" cm="1">
        <f t="array" ref="F6031">IFERROR(INDEX(Jesper!AJ$2:AJ$366,ROUNDDOWN($C6031/24,0)+1,1)*INDEX($D$3:$AA$30,INDEX(Jesper!$R$2:$R$366,ROW(INDEX(Jesper!AJ$2:AJ$366,ROUNDDOWN($C6031/24,0)+1,1))-1)+IF('Standard Profiles'!$G$20=$B$10,7,0)+IF('Standard Profiles'!$G$20=$B$17,14,0)+IF('Standard Profiles'!$G$20=$B$24,21,0),MOD($C6031,24)+1)/SUM(INDEX($D$3:$AA$30,INDEX(Jesper!$R$2:$R$366,ROW(INDEX(Jesper!AJ$2:AJ$366,ROUNDDOWN($C6031/24,0)+1,1))-1)+IF('Standard Profiles'!$G$20=$B$10,7,0)+IF('Standard Profiles'!$G$20=$B$17,14,0)+IF('Standard Profiles'!$G$20=$B$24,21,0),0)),0)</f>
        <v>0</v>
      </c>
      <c r="G6031" cm="1">
        <f t="array" ref="G6031">IFERROR(INDEX(Jesper!AK$2:AK$366,ROUNDDOWN($C6031/24,0)+1,1)*INDEX($D$3:$AA$30,INDEX(Jesper!$R$2:$R$366,ROW(INDEX(Jesper!AK$2:AK$366,ROUNDDOWN($C6031/24,0)+1,1))-1)+IF('Standard Profiles'!$G$21=$B$10,7,0)+IF('Standard Profiles'!$G$21=$B$17,14,0)+IF('Standard Profiles'!$G$21=$B$24,21,0),MOD($C6031,24)+1)/SUM(INDEX($D$3:$AA$30,INDEX(Jesper!$R$2:$R$366,ROW(INDEX(Jesper!AK$2:AK$366,ROUNDDOWN($C6031/24,0)+1,1))-1)+IF('Standard Profiles'!$G$21=$B$10,7,0)+IF('Standard Profiles'!$G$21=$B$17,14,0)+IF('Standard Profiles'!$G$21=$B$24,21,0),0)),0)</f>
        <v>0</v>
      </c>
      <c r="H6031" cm="1">
        <f t="array" ref="H6031">IFERROR(INDEX(Jesper!AL$2:AL$366,ROUNDDOWN($C6031/24,0)+1,1)*INDEX($D$3:$AA$30,INDEX(Jesper!$R$2:$R$366,ROW(INDEX(Jesper!AL$2:AL$366,ROUNDDOWN($C6031/24,0)+1,1))-1)+IF('Standard Profiles'!$G$22=$B$10,7,0)+IF('Standard Profiles'!$G$22=$B$17,14,0)+IF('Standard Profiles'!$G$22=$B$24,21,0),MOD($C6031,24)+1)/SUM(INDEX($D$3:$AA$30,INDEX(Jesper!$R$2:$R$366,ROW(INDEX(Jesper!AL$2:AL$366,ROUNDDOWN($C6031/24,0)+1,1))-1)+IF('Standard Profiles'!$G$22=$B$10,7,0)+IF('Standard Profiles'!$G$22=$B$17,14,0)+IF('Standard Profiles'!$G$22=$B$24,21,0),0)),0)</f>
        <v>0</v>
      </c>
      <c r="I6031">
        <f t="shared" si="671"/>
        <v>0.10753299506474477</v>
      </c>
      <c r="J6031">
        <f t="shared" si="672"/>
        <v>0.3584433168824826</v>
      </c>
      <c r="K6031">
        <f t="shared" si="673"/>
        <v>0.53766497532372381</v>
      </c>
      <c r="L6031">
        <f t="shared" si="674"/>
        <v>2.5807918815538744</v>
      </c>
      <c r="M6031">
        <f t="shared" si="675"/>
        <v>0</v>
      </c>
      <c r="N6031" s="46">
        <f t="shared" si="676"/>
        <v>45541.874999985455</v>
      </c>
    </row>
    <row r="6032" spans="2:14" x14ac:dyDescent="0.3">
      <c r="B6032">
        <f t="shared" si="670"/>
        <v>5</v>
      </c>
      <c r="C6032" s="16">
        <v>5998</v>
      </c>
      <c r="D6032" cm="1">
        <f t="array" ref="D6032">IFERROR(INDEX(Jesper!AH$2:AH$366,ROUNDDOWN($C6032/24,0)+1,1)*INDEX($D$3:$AA$30,INDEX(Jesper!$R$2:$R$366,ROW(INDEX(Jesper!AH$2:AH$366,ROUNDDOWN($C6032/24,0)+1,1))-1)+IF('Standard Profiles'!$G$18=$B$10,7,0)+IF('Standard Profiles'!$G$18=$B$17,14,0)+IF('Standard Profiles'!$G$18=$B$24,21,0),MOD($C6032,24)+1)/SUM(INDEX($D$3:$AA$30,INDEX(Jesper!$R$2:$R$366,ROW(INDEX(Jesper!AH$2:AH$366,ROUNDDOWN($C6032/24,0)+1,1))-1)+IF('Standard Profiles'!$G$18=$B$10,7,0)+IF('Standard Profiles'!$G$18=$B$17,14,0)+IF('Standard Profiles'!$G$18=$B$24,21,0),0)),0)</f>
        <v>3.5844331688248259</v>
      </c>
      <c r="E6032" cm="1">
        <f t="array" ref="E6032">IFERROR(INDEX(Jesper!AI$2:AI$366,ROUNDDOWN($C6032/24,0)+1,1)*INDEX($D$3:$AA$30,INDEX(Jesper!$R$2:$R$366,ROW(INDEX(Jesper!AI$2:AI$366,ROUNDDOWN($C6032/24,0)+1,1))-1)+IF('Standard Profiles'!$G$19=$B$10,7,0)+IF('Standard Profiles'!$G$19=$B$17,14,0)+IF('Standard Profiles'!$G$19=$B$24,21,0),MOD($C6032,24)+1)/SUM(INDEX($D$3:$AA$30,INDEX(Jesper!$R$2:$R$366,ROW(INDEX(Jesper!AI$2:AI$366,ROUNDDOWN($C6032/24,0)+1,1))-1)+IF('Standard Profiles'!$G$19=$B$10,7,0)+IF('Standard Profiles'!$G$19=$B$17,14,0)+IF('Standard Profiles'!$G$19=$B$24,21,0),0)),0)</f>
        <v>0</v>
      </c>
      <c r="F6032" cm="1">
        <f t="array" ref="F6032">IFERROR(INDEX(Jesper!AJ$2:AJ$366,ROUNDDOWN($C6032/24,0)+1,1)*INDEX($D$3:$AA$30,INDEX(Jesper!$R$2:$R$366,ROW(INDEX(Jesper!AJ$2:AJ$366,ROUNDDOWN($C6032/24,0)+1,1))-1)+IF('Standard Profiles'!$G$20=$B$10,7,0)+IF('Standard Profiles'!$G$20=$B$17,14,0)+IF('Standard Profiles'!$G$20=$B$24,21,0),MOD($C6032,24)+1)/SUM(INDEX($D$3:$AA$30,INDEX(Jesper!$R$2:$R$366,ROW(INDEX(Jesper!AJ$2:AJ$366,ROUNDDOWN($C6032/24,0)+1,1))-1)+IF('Standard Profiles'!$G$20=$B$10,7,0)+IF('Standard Profiles'!$G$20=$B$17,14,0)+IF('Standard Profiles'!$G$20=$B$24,21,0),0)),0)</f>
        <v>0</v>
      </c>
      <c r="G6032" cm="1">
        <f t="array" ref="G6032">IFERROR(INDEX(Jesper!AK$2:AK$366,ROUNDDOWN($C6032/24,0)+1,1)*INDEX($D$3:$AA$30,INDEX(Jesper!$R$2:$R$366,ROW(INDEX(Jesper!AK$2:AK$366,ROUNDDOWN($C6032/24,0)+1,1))-1)+IF('Standard Profiles'!$G$21=$B$10,7,0)+IF('Standard Profiles'!$G$21=$B$17,14,0)+IF('Standard Profiles'!$G$21=$B$24,21,0),MOD($C6032,24)+1)/SUM(INDEX($D$3:$AA$30,INDEX(Jesper!$R$2:$R$366,ROW(INDEX(Jesper!AK$2:AK$366,ROUNDDOWN($C6032/24,0)+1,1))-1)+IF('Standard Profiles'!$G$21=$B$10,7,0)+IF('Standard Profiles'!$G$21=$B$17,14,0)+IF('Standard Profiles'!$G$21=$B$24,21,0),0)),0)</f>
        <v>0</v>
      </c>
      <c r="H6032" cm="1">
        <f t="array" ref="H6032">IFERROR(INDEX(Jesper!AL$2:AL$366,ROUNDDOWN($C6032/24,0)+1,1)*INDEX($D$3:$AA$30,INDEX(Jesper!$R$2:$R$366,ROW(INDEX(Jesper!AL$2:AL$366,ROUNDDOWN($C6032/24,0)+1,1))-1)+IF('Standard Profiles'!$G$22=$B$10,7,0)+IF('Standard Profiles'!$G$22=$B$17,14,0)+IF('Standard Profiles'!$G$22=$B$24,21,0),MOD($C6032,24)+1)/SUM(INDEX($D$3:$AA$30,INDEX(Jesper!$R$2:$R$366,ROW(INDEX(Jesper!AL$2:AL$366,ROUNDDOWN($C6032/24,0)+1,1))-1)+IF('Standard Profiles'!$G$22=$B$10,7,0)+IF('Standard Profiles'!$G$22=$B$17,14,0)+IF('Standard Profiles'!$G$22=$B$24,21,0),0)),0)</f>
        <v>0</v>
      </c>
      <c r="I6032">
        <f t="shared" si="671"/>
        <v>0.10753299506474477</v>
      </c>
      <c r="J6032">
        <f t="shared" si="672"/>
        <v>0.3584433168824826</v>
      </c>
      <c r="K6032">
        <f t="shared" si="673"/>
        <v>0.53766497532372381</v>
      </c>
      <c r="L6032">
        <f t="shared" si="674"/>
        <v>2.5807918815538744</v>
      </c>
      <c r="M6032">
        <f t="shared" si="675"/>
        <v>0</v>
      </c>
      <c r="N6032" s="46">
        <f t="shared" si="676"/>
        <v>45541.91666665212</v>
      </c>
    </row>
    <row r="6033" spans="2:14" x14ac:dyDescent="0.3">
      <c r="B6033">
        <f t="shared" si="670"/>
        <v>5</v>
      </c>
      <c r="C6033" s="16">
        <v>5999</v>
      </c>
      <c r="D6033" cm="1">
        <f t="array" ref="D6033">IFERROR(INDEX(Jesper!AH$2:AH$366,ROUNDDOWN($C6033/24,0)+1,1)*INDEX($D$3:$AA$30,INDEX(Jesper!$R$2:$R$366,ROW(INDEX(Jesper!AH$2:AH$366,ROUNDDOWN($C6033/24,0)+1,1))-1)+IF('Standard Profiles'!$G$18=$B$10,7,0)+IF('Standard Profiles'!$G$18=$B$17,14,0)+IF('Standard Profiles'!$G$18=$B$24,21,0),MOD($C6033,24)+1)/SUM(INDEX($D$3:$AA$30,INDEX(Jesper!$R$2:$R$366,ROW(INDEX(Jesper!AH$2:AH$366,ROUNDDOWN($C6033/24,0)+1,1))-1)+IF('Standard Profiles'!$G$18=$B$10,7,0)+IF('Standard Profiles'!$G$18=$B$17,14,0)+IF('Standard Profiles'!$G$18=$B$24,21,0),0)),0)</f>
        <v>3.5844331688248259</v>
      </c>
      <c r="E6033" cm="1">
        <f t="array" ref="E6033">IFERROR(INDEX(Jesper!AI$2:AI$366,ROUNDDOWN($C6033/24,0)+1,1)*INDEX($D$3:$AA$30,INDEX(Jesper!$R$2:$R$366,ROW(INDEX(Jesper!AI$2:AI$366,ROUNDDOWN($C6033/24,0)+1,1))-1)+IF('Standard Profiles'!$G$19=$B$10,7,0)+IF('Standard Profiles'!$G$19=$B$17,14,0)+IF('Standard Profiles'!$G$19=$B$24,21,0),MOD($C6033,24)+1)/SUM(INDEX($D$3:$AA$30,INDEX(Jesper!$R$2:$R$366,ROW(INDEX(Jesper!AI$2:AI$366,ROUNDDOWN($C6033/24,0)+1,1))-1)+IF('Standard Profiles'!$G$19=$B$10,7,0)+IF('Standard Profiles'!$G$19=$B$17,14,0)+IF('Standard Profiles'!$G$19=$B$24,21,0),0)),0)</f>
        <v>0</v>
      </c>
      <c r="F6033" cm="1">
        <f t="array" ref="F6033">IFERROR(INDEX(Jesper!AJ$2:AJ$366,ROUNDDOWN($C6033/24,0)+1,1)*INDEX($D$3:$AA$30,INDEX(Jesper!$R$2:$R$366,ROW(INDEX(Jesper!AJ$2:AJ$366,ROUNDDOWN($C6033/24,0)+1,1))-1)+IF('Standard Profiles'!$G$20=$B$10,7,0)+IF('Standard Profiles'!$G$20=$B$17,14,0)+IF('Standard Profiles'!$G$20=$B$24,21,0),MOD($C6033,24)+1)/SUM(INDEX($D$3:$AA$30,INDEX(Jesper!$R$2:$R$366,ROW(INDEX(Jesper!AJ$2:AJ$366,ROUNDDOWN($C6033/24,0)+1,1))-1)+IF('Standard Profiles'!$G$20=$B$10,7,0)+IF('Standard Profiles'!$G$20=$B$17,14,0)+IF('Standard Profiles'!$G$20=$B$24,21,0),0)),0)</f>
        <v>0</v>
      </c>
      <c r="G6033" cm="1">
        <f t="array" ref="G6033">IFERROR(INDEX(Jesper!AK$2:AK$366,ROUNDDOWN($C6033/24,0)+1,1)*INDEX($D$3:$AA$30,INDEX(Jesper!$R$2:$R$366,ROW(INDEX(Jesper!AK$2:AK$366,ROUNDDOWN($C6033/24,0)+1,1))-1)+IF('Standard Profiles'!$G$21=$B$10,7,0)+IF('Standard Profiles'!$G$21=$B$17,14,0)+IF('Standard Profiles'!$G$21=$B$24,21,0),MOD($C6033,24)+1)/SUM(INDEX($D$3:$AA$30,INDEX(Jesper!$R$2:$R$366,ROW(INDEX(Jesper!AK$2:AK$366,ROUNDDOWN($C6033/24,0)+1,1))-1)+IF('Standard Profiles'!$G$21=$B$10,7,0)+IF('Standard Profiles'!$G$21=$B$17,14,0)+IF('Standard Profiles'!$G$21=$B$24,21,0),0)),0)</f>
        <v>0</v>
      </c>
      <c r="H6033" cm="1">
        <f t="array" ref="H6033">IFERROR(INDEX(Jesper!AL$2:AL$366,ROUNDDOWN($C6033/24,0)+1,1)*INDEX($D$3:$AA$30,INDEX(Jesper!$R$2:$R$366,ROW(INDEX(Jesper!AL$2:AL$366,ROUNDDOWN($C6033/24,0)+1,1))-1)+IF('Standard Profiles'!$G$22=$B$10,7,0)+IF('Standard Profiles'!$G$22=$B$17,14,0)+IF('Standard Profiles'!$G$22=$B$24,21,0),MOD($C6033,24)+1)/SUM(INDEX($D$3:$AA$30,INDEX(Jesper!$R$2:$R$366,ROW(INDEX(Jesper!AL$2:AL$366,ROUNDDOWN($C6033/24,0)+1,1))-1)+IF('Standard Profiles'!$G$22=$B$10,7,0)+IF('Standard Profiles'!$G$22=$B$17,14,0)+IF('Standard Profiles'!$G$22=$B$24,21,0),0)),0)</f>
        <v>0</v>
      </c>
      <c r="I6033">
        <f t="shared" si="671"/>
        <v>0.10753299506474477</v>
      </c>
      <c r="J6033">
        <f t="shared" si="672"/>
        <v>0.3584433168824826</v>
      </c>
      <c r="K6033">
        <f t="shared" si="673"/>
        <v>0.53766497532372381</v>
      </c>
      <c r="L6033">
        <f t="shared" si="674"/>
        <v>2.5807918815538744</v>
      </c>
      <c r="M6033">
        <f t="shared" si="675"/>
        <v>0</v>
      </c>
      <c r="N6033" s="46">
        <f t="shared" si="676"/>
        <v>45541.958333318784</v>
      </c>
    </row>
    <row r="6034" spans="2:14" x14ac:dyDescent="0.3">
      <c r="B6034">
        <f t="shared" si="670"/>
        <v>6</v>
      </c>
      <c r="C6034" s="16">
        <v>6000</v>
      </c>
      <c r="D6034" cm="1">
        <f t="array" ref="D6034">IFERROR(INDEX(Jesper!AH$2:AH$366,ROUNDDOWN($C6034/24,0)+1,1)*INDEX($D$3:$AA$30,INDEX(Jesper!$R$2:$R$366,ROW(INDEX(Jesper!AH$2:AH$366,ROUNDDOWN($C6034/24,0)+1,1))-1)+IF('Standard Profiles'!$G$18=$B$10,7,0)+IF('Standard Profiles'!$G$18=$B$17,14,0)+IF('Standard Profiles'!$G$18=$B$24,21,0),MOD($C6034,24)+1)/SUM(INDEX($D$3:$AA$30,INDEX(Jesper!$R$2:$R$366,ROW(INDEX(Jesper!AH$2:AH$366,ROUNDDOWN($C6034/24,0)+1,1))-1)+IF('Standard Profiles'!$G$18=$B$10,7,0)+IF('Standard Profiles'!$G$18=$B$17,14,0)+IF('Standard Profiles'!$G$18=$B$24,21,0),0)),0)</f>
        <v>3.371541091732174</v>
      </c>
      <c r="E6034" cm="1">
        <f t="array" ref="E6034">IFERROR(INDEX(Jesper!AI$2:AI$366,ROUNDDOWN($C6034/24,0)+1,1)*INDEX($D$3:$AA$30,INDEX(Jesper!$R$2:$R$366,ROW(INDEX(Jesper!AI$2:AI$366,ROUNDDOWN($C6034/24,0)+1,1))-1)+IF('Standard Profiles'!$G$19=$B$10,7,0)+IF('Standard Profiles'!$G$19=$B$17,14,0)+IF('Standard Profiles'!$G$19=$B$24,21,0),MOD($C6034,24)+1)/SUM(INDEX($D$3:$AA$30,INDEX(Jesper!$R$2:$R$366,ROW(INDEX(Jesper!AI$2:AI$366,ROUNDDOWN($C6034/24,0)+1,1))-1)+IF('Standard Profiles'!$G$19=$B$10,7,0)+IF('Standard Profiles'!$G$19=$B$17,14,0)+IF('Standard Profiles'!$G$19=$B$24,21,0),0)),0)</f>
        <v>0.49350617440348421</v>
      </c>
      <c r="F6034" cm="1">
        <f t="array" ref="F6034">IFERROR(INDEX(Jesper!AJ$2:AJ$366,ROUNDDOWN($C6034/24,0)+1,1)*INDEX($D$3:$AA$30,INDEX(Jesper!$R$2:$R$366,ROW(INDEX(Jesper!AJ$2:AJ$366,ROUNDDOWN($C6034/24,0)+1,1))-1)+IF('Standard Profiles'!$G$20=$B$10,7,0)+IF('Standard Profiles'!$G$20=$B$17,14,0)+IF('Standard Profiles'!$G$20=$B$24,21,0),MOD($C6034,24)+1)/SUM(INDEX($D$3:$AA$30,INDEX(Jesper!$R$2:$R$366,ROW(INDEX(Jesper!AJ$2:AJ$366,ROUNDDOWN($C6034/24,0)+1,1))-1)+IF('Standard Profiles'!$G$20=$B$10,7,0)+IF('Standard Profiles'!$G$20=$B$17,14,0)+IF('Standard Profiles'!$G$20=$B$24,21,0),0)),0)</f>
        <v>0</v>
      </c>
      <c r="G6034" cm="1">
        <f t="array" ref="G6034">IFERROR(INDEX(Jesper!AK$2:AK$366,ROUNDDOWN($C6034/24,0)+1,1)*INDEX($D$3:$AA$30,INDEX(Jesper!$R$2:$R$366,ROW(INDEX(Jesper!AK$2:AK$366,ROUNDDOWN($C6034/24,0)+1,1))-1)+IF('Standard Profiles'!$G$21=$B$10,7,0)+IF('Standard Profiles'!$G$21=$B$17,14,0)+IF('Standard Profiles'!$G$21=$B$24,21,0),MOD($C6034,24)+1)/SUM(INDEX($D$3:$AA$30,INDEX(Jesper!$R$2:$R$366,ROW(INDEX(Jesper!AK$2:AK$366,ROUNDDOWN($C6034/24,0)+1,1))-1)+IF('Standard Profiles'!$G$21=$B$10,7,0)+IF('Standard Profiles'!$G$21=$B$17,14,0)+IF('Standard Profiles'!$G$21=$B$24,21,0),0)),0)</f>
        <v>0</v>
      </c>
      <c r="H6034" cm="1">
        <f t="array" ref="H6034">IFERROR(INDEX(Jesper!AL$2:AL$366,ROUNDDOWN($C6034/24,0)+1,1)*INDEX($D$3:$AA$30,INDEX(Jesper!$R$2:$R$366,ROW(INDEX(Jesper!AL$2:AL$366,ROUNDDOWN($C6034/24,0)+1,1))-1)+IF('Standard Profiles'!$G$22=$B$10,7,0)+IF('Standard Profiles'!$G$22=$B$17,14,0)+IF('Standard Profiles'!$G$22=$B$24,21,0),MOD($C6034,24)+1)/SUM(INDEX($D$3:$AA$30,INDEX(Jesper!$R$2:$R$366,ROW(INDEX(Jesper!AL$2:AL$366,ROUNDDOWN($C6034/24,0)+1,1))-1)+IF('Standard Profiles'!$G$22=$B$10,7,0)+IF('Standard Profiles'!$G$22=$B$17,14,0)+IF('Standard Profiles'!$G$22=$B$24,21,0),0)),0)</f>
        <v>0</v>
      </c>
      <c r="I6034">
        <f t="shared" si="671"/>
        <v>4.4460015712025618E-2</v>
      </c>
      <c r="J6034">
        <f t="shared" si="672"/>
        <v>0.14820005237341874</v>
      </c>
      <c r="K6034">
        <f t="shared" si="673"/>
        <v>0.22230007856012809</v>
      </c>
      <c r="L6034">
        <f t="shared" si="674"/>
        <v>3.4500871194900857</v>
      </c>
      <c r="M6034">
        <f t="shared" si="675"/>
        <v>0</v>
      </c>
      <c r="N6034" s="46">
        <f t="shared" si="676"/>
        <v>45541.999999985448</v>
      </c>
    </row>
    <row r="6035" spans="2:14" x14ac:dyDescent="0.3">
      <c r="B6035">
        <f t="shared" si="670"/>
        <v>6</v>
      </c>
      <c r="C6035" s="16">
        <v>6001</v>
      </c>
      <c r="D6035" cm="1">
        <f t="array" ref="D6035">IFERROR(INDEX(Jesper!AH$2:AH$366,ROUNDDOWN($C6035/24,0)+1,1)*INDEX($D$3:$AA$30,INDEX(Jesper!$R$2:$R$366,ROW(INDEX(Jesper!AH$2:AH$366,ROUNDDOWN($C6035/24,0)+1,1))-1)+IF('Standard Profiles'!$G$18=$B$10,7,0)+IF('Standard Profiles'!$G$18=$B$17,14,0)+IF('Standard Profiles'!$G$18=$B$24,21,0),MOD($C6035,24)+1)/SUM(INDEX($D$3:$AA$30,INDEX(Jesper!$R$2:$R$366,ROW(INDEX(Jesper!AH$2:AH$366,ROUNDDOWN($C6035/24,0)+1,1))-1)+IF('Standard Profiles'!$G$18=$B$10,7,0)+IF('Standard Profiles'!$G$18=$B$17,14,0)+IF('Standard Profiles'!$G$18=$B$24,21,0),0)),0)</f>
        <v>6.582532607667579</v>
      </c>
      <c r="E6035" cm="1">
        <f t="array" ref="E6035">IFERROR(INDEX(Jesper!AI$2:AI$366,ROUNDDOWN($C6035/24,0)+1,1)*INDEX($D$3:$AA$30,INDEX(Jesper!$R$2:$R$366,ROW(INDEX(Jesper!AI$2:AI$366,ROUNDDOWN($C6035/24,0)+1,1))-1)+IF('Standard Profiles'!$G$19=$B$10,7,0)+IF('Standard Profiles'!$G$19=$B$17,14,0)+IF('Standard Profiles'!$G$19=$B$24,21,0),MOD($C6035,24)+1)/SUM(INDEX($D$3:$AA$30,INDEX(Jesper!$R$2:$R$366,ROW(INDEX(Jesper!AI$2:AI$366,ROUNDDOWN($C6035/24,0)+1,1))-1)+IF('Standard Profiles'!$G$19=$B$10,7,0)+IF('Standard Profiles'!$G$19=$B$17,14,0)+IF('Standard Profiles'!$G$19=$B$24,21,0),0)),0)</f>
        <v>0.96351205478775503</v>
      </c>
      <c r="F6035" cm="1">
        <f t="array" ref="F6035">IFERROR(INDEX(Jesper!AJ$2:AJ$366,ROUNDDOWN($C6035/24,0)+1,1)*INDEX($D$3:$AA$30,INDEX(Jesper!$R$2:$R$366,ROW(INDEX(Jesper!AJ$2:AJ$366,ROUNDDOWN($C6035/24,0)+1,1))-1)+IF('Standard Profiles'!$G$20=$B$10,7,0)+IF('Standard Profiles'!$G$20=$B$17,14,0)+IF('Standard Profiles'!$G$20=$B$24,21,0),MOD($C6035,24)+1)/SUM(INDEX($D$3:$AA$30,INDEX(Jesper!$R$2:$R$366,ROW(INDEX(Jesper!AJ$2:AJ$366,ROUNDDOWN($C6035/24,0)+1,1))-1)+IF('Standard Profiles'!$G$20=$B$10,7,0)+IF('Standard Profiles'!$G$20=$B$17,14,0)+IF('Standard Profiles'!$G$20=$B$24,21,0),0)),0)</f>
        <v>0</v>
      </c>
      <c r="G6035" cm="1">
        <f t="array" ref="G6035">IFERROR(INDEX(Jesper!AK$2:AK$366,ROUNDDOWN($C6035/24,0)+1,1)*INDEX($D$3:$AA$30,INDEX(Jesper!$R$2:$R$366,ROW(INDEX(Jesper!AK$2:AK$366,ROUNDDOWN($C6035/24,0)+1,1))-1)+IF('Standard Profiles'!$G$21=$B$10,7,0)+IF('Standard Profiles'!$G$21=$B$17,14,0)+IF('Standard Profiles'!$G$21=$B$24,21,0),MOD($C6035,24)+1)/SUM(INDEX($D$3:$AA$30,INDEX(Jesper!$R$2:$R$366,ROW(INDEX(Jesper!AK$2:AK$366,ROUNDDOWN($C6035/24,0)+1,1))-1)+IF('Standard Profiles'!$G$21=$B$10,7,0)+IF('Standard Profiles'!$G$21=$B$17,14,0)+IF('Standard Profiles'!$G$21=$B$24,21,0),0)),0)</f>
        <v>0</v>
      </c>
      <c r="H6035" cm="1">
        <f t="array" ref="H6035">IFERROR(INDEX(Jesper!AL$2:AL$366,ROUNDDOWN($C6035/24,0)+1,1)*INDEX($D$3:$AA$30,INDEX(Jesper!$R$2:$R$366,ROW(INDEX(Jesper!AL$2:AL$366,ROUNDDOWN($C6035/24,0)+1,1))-1)+IF('Standard Profiles'!$G$22=$B$10,7,0)+IF('Standard Profiles'!$G$22=$B$17,14,0)+IF('Standard Profiles'!$G$22=$B$24,21,0),MOD($C6035,24)+1)/SUM(INDEX($D$3:$AA$30,INDEX(Jesper!$R$2:$R$366,ROW(INDEX(Jesper!AL$2:AL$366,ROUNDDOWN($C6035/24,0)+1,1))-1)+IF('Standard Profiles'!$G$22=$B$10,7,0)+IF('Standard Profiles'!$G$22=$B$17,14,0)+IF('Standard Profiles'!$G$22=$B$24,21,0),0)),0)</f>
        <v>0</v>
      </c>
      <c r="I6035">
        <f t="shared" si="671"/>
        <v>8.6802887818716687E-2</v>
      </c>
      <c r="J6035">
        <f t="shared" si="672"/>
        <v>0.28934295939572235</v>
      </c>
      <c r="K6035">
        <f t="shared" si="673"/>
        <v>0.4340144390935835</v>
      </c>
      <c r="L6035">
        <f t="shared" si="674"/>
        <v>6.7358843761473119</v>
      </c>
      <c r="M6035">
        <f t="shared" si="675"/>
        <v>0</v>
      </c>
      <c r="N6035" s="46">
        <f t="shared" si="676"/>
        <v>45542.041666652112</v>
      </c>
    </row>
    <row r="6036" spans="2:14" x14ac:dyDescent="0.3">
      <c r="B6036">
        <f t="shared" si="670"/>
        <v>6</v>
      </c>
      <c r="C6036" s="16">
        <v>6002</v>
      </c>
      <c r="D6036" cm="1">
        <f t="array" ref="D6036">IFERROR(INDEX(Jesper!AH$2:AH$366,ROUNDDOWN($C6036/24,0)+1,1)*INDEX($D$3:$AA$30,INDEX(Jesper!$R$2:$R$366,ROW(INDEX(Jesper!AH$2:AH$366,ROUNDDOWN($C6036/24,0)+1,1))-1)+IF('Standard Profiles'!$G$18=$B$10,7,0)+IF('Standard Profiles'!$G$18=$B$17,14,0)+IF('Standard Profiles'!$G$18=$B$24,21,0),MOD($C6036,24)+1)/SUM(INDEX($D$3:$AA$30,INDEX(Jesper!$R$2:$R$366,ROW(INDEX(Jesper!AH$2:AH$366,ROUNDDOWN($C6036/24,0)+1,1))-1)+IF('Standard Profiles'!$G$18=$B$10,7,0)+IF('Standard Profiles'!$G$18=$B$17,14,0)+IF('Standard Profiles'!$G$18=$B$24,21,0),0)),0)</f>
        <v>6.582532607667579</v>
      </c>
      <c r="E6036" cm="1">
        <f t="array" ref="E6036">IFERROR(INDEX(Jesper!AI$2:AI$366,ROUNDDOWN($C6036/24,0)+1,1)*INDEX($D$3:$AA$30,INDEX(Jesper!$R$2:$R$366,ROW(INDEX(Jesper!AI$2:AI$366,ROUNDDOWN($C6036/24,0)+1,1))-1)+IF('Standard Profiles'!$G$19=$B$10,7,0)+IF('Standard Profiles'!$G$19=$B$17,14,0)+IF('Standard Profiles'!$G$19=$B$24,21,0),MOD($C6036,24)+1)/SUM(INDEX($D$3:$AA$30,INDEX(Jesper!$R$2:$R$366,ROW(INDEX(Jesper!AI$2:AI$366,ROUNDDOWN($C6036/24,0)+1,1))-1)+IF('Standard Profiles'!$G$19=$B$10,7,0)+IF('Standard Profiles'!$G$19=$B$17,14,0)+IF('Standard Profiles'!$G$19=$B$24,21,0),0)),0)</f>
        <v>0.96351205478775503</v>
      </c>
      <c r="F6036" cm="1">
        <f t="array" ref="F6036">IFERROR(INDEX(Jesper!AJ$2:AJ$366,ROUNDDOWN($C6036/24,0)+1,1)*INDEX($D$3:$AA$30,INDEX(Jesper!$R$2:$R$366,ROW(INDEX(Jesper!AJ$2:AJ$366,ROUNDDOWN($C6036/24,0)+1,1))-1)+IF('Standard Profiles'!$G$20=$B$10,7,0)+IF('Standard Profiles'!$G$20=$B$17,14,0)+IF('Standard Profiles'!$G$20=$B$24,21,0),MOD($C6036,24)+1)/SUM(INDEX($D$3:$AA$30,INDEX(Jesper!$R$2:$R$366,ROW(INDEX(Jesper!AJ$2:AJ$366,ROUNDDOWN($C6036/24,0)+1,1))-1)+IF('Standard Profiles'!$G$20=$B$10,7,0)+IF('Standard Profiles'!$G$20=$B$17,14,0)+IF('Standard Profiles'!$G$20=$B$24,21,0),0)),0)</f>
        <v>0</v>
      </c>
      <c r="G6036" cm="1">
        <f t="array" ref="G6036">IFERROR(INDEX(Jesper!AK$2:AK$366,ROUNDDOWN($C6036/24,0)+1,1)*INDEX($D$3:$AA$30,INDEX(Jesper!$R$2:$R$366,ROW(INDEX(Jesper!AK$2:AK$366,ROUNDDOWN($C6036/24,0)+1,1))-1)+IF('Standard Profiles'!$G$21=$B$10,7,0)+IF('Standard Profiles'!$G$21=$B$17,14,0)+IF('Standard Profiles'!$G$21=$B$24,21,0),MOD($C6036,24)+1)/SUM(INDEX($D$3:$AA$30,INDEX(Jesper!$R$2:$R$366,ROW(INDEX(Jesper!AK$2:AK$366,ROUNDDOWN($C6036/24,0)+1,1))-1)+IF('Standard Profiles'!$G$21=$B$10,7,0)+IF('Standard Profiles'!$G$21=$B$17,14,0)+IF('Standard Profiles'!$G$21=$B$24,21,0),0)),0)</f>
        <v>0</v>
      </c>
      <c r="H6036" cm="1">
        <f t="array" ref="H6036">IFERROR(INDEX(Jesper!AL$2:AL$366,ROUNDDOWN($C6036/24,0)+1,1)*INDEX($D$3:$AA$30,INDEX(Jesper!$R$2:$R$366,ROW(INDEX(Jesper!AL$2:AL$366,ROUNDDOWN($C6036/24,0)+1,1))-1)+IF('Standard Profiles'!$G$22=$B$10,7,0)+IF('Standard Profiles'!$G$22=$B$17,14,0)+IF('Standard Profiles'!$G$22=$B$24,21,0),MOD($C6036,24)+1)/SUM(INDEX($D$3:$AA$30,INDEX(Jesper!$R$2:$R$366,ROW(INDEX(Jesper!AL$2:AL$366,ROUNDDOWN($C6036/24,0)+1,1))-1)+IF('Standard Profiles'!$G$22=$B$10,7,0)+IF('Standard Profiles'!$G$22=$B$17,14,0)+IF('Standard Profiles'!$G$22=$B$24,21,0),0)),0)</f>
        <v>0</v>
      </c>
      <c r="I6036">
        <f t="shared" si="671"/>
        <v>8.6802887818716687E-2</v>
      </c>
      <c r="J6036">
        <f t="shared" si="672"/>
        <v>0.28934295939572235</v>
      </c>
      <c r="K6036">
        <f t="shared" si="673"/>
        <v>0.4340144390935835</v>
      </c>
      <c r="L6036">
        <f t="shared" si="674"/>
        <v>6.7358843761473119</v>
      </c>
      <c r="M6036">
        <f t="shared" si="675"/>
        <v>0</v>
      </c>
      <c r="N6036" s="46">
        <f t="shared" si="676"/>
        <v>45542.083333318777</v>
      </c>
    </row>
    <row r="6037" spans="2:14" x14ac:dyDescent="0.3">
      <c r="B6037">
        <f t="shared" si="670"/>
        <v>6</v>
      </c>
      <c r="C6037" s="16">
        <v>6003</v>
      </c>
      <c r="D6037" cm="1">
        <f t="array" ref="D6037">IFERROR(INDEX(Jesper!AH$2:AH$366,ROUNDDOWN($C6037/24,0)+1,1)*INDEX($D$3:$AA$30,INDEX(Jesper!$R$2:$R$366,ROW(INDEX(Jesper!AH$2:AH$366,ROUNDDOWN($C6037/24,0)+1,1))-1)+IF('Standard Profiles'!$G$18=$B$10,7,0)+IF('Standard Profiles'!$G$18=$B$17,14,0)+IF('Standard Profiles'!$G$18=$B$24,21,0),MOD($C6037,24)+1)/SUM(INDEX($D$3:$AA$30,INDEX(Jesper!$R$2:$R$366,ROW(INDEX(Jesper!AH$2:AH$366,ROUNDDOWN($C6037/24,0)+1,1))-1)+IF('Standard Profiles'!$G$18=$B$10,7,0)+IF('Standard Profiles'!$G$18=$B$17,14,0)+IF('Standard Profiles'!$G$18=$B$24,21,0),0)),0)</f>
        <v>6.582532607667579</v>
      </c>
      <c r="E6037" cm="1">
        <f t="array" ref="E6037">IFERROR(INDEX(Jesper!AI$2:AI$366,ROUNDDOWN($C6037/24,0)+1,1)*INDEX($D$3:$AA$30,INDEX(Jesper!$R$2:$R$366,ROW(INDEX(Jesper!AI$2:AI$366,ROUNDDOWN($C6037/24,0)+1,1))-1)+IF('Standard Profiles'!$G$19=$B$10,7,0)+IF('Standard Profiles'!$G$19=$B$17,14,0)+IF('Standard Profiles'!$G$19=$B$24,21,0),MOD($C6037,24)+1)/SUM(INDEX($D$3:$AA$30,INDEX(Jesper!$R$2:$R$366,ROW(INDEX(Jesper!AI$2:AI$366,ROUNDDOWN($C6037/24,0)+1,1))-1)+IF('Standard Profiles'!$G$19=$B$10,7,0)+IF('Standard Profiles'!$G$19=$B$17,14,0)+IF('Standard Profiles'!$G$19=$B$24,21,0),0)),0)</f>
        <v>0.96351205478775503</v>
      </c>
      <c r="F6037" cm="1">
        <f t="array" ref="F6037">IFERROR(INDEX(Jesper!AJ$2:AJ$366,ROUNDDOWN($C6037/24,0)+1,1)*INDEX($D$3:$AA$30,INDEX(Jesper!$R$2:$R$366,ROW(INDEX(Jesper!AJ$2:AJ$366,ROUNDDOWN($C6037/24,0)+1,1))-1)+IF('Standard Profiles'!$G$20=$B$10,7,0)+IF('Standard Profiles'!$G$20=$B$17,14,0)+IF('Standard Profiles'!$G$20=$B$24,21,0),MOD($C6037,24)+1)/SUM(INDEX($D$3:$AA$30,INDEX(Jesper!$R$2:$R$366,ROW(INDEX(Jesper!AJ$2:AJ$366,ROUNDDOWN($C6037/24,0)+1,1))-1)+IF('Standard Profiles'!$G$20=$B$10,7,0)+IF('Standard Profiles'!$G$20=$B$17,14,0)+IF('Standard Profiles'!$G$20=$B$24,21,0),0)),0)</f>
        <v>0</v>
      </c>
      <c r="G6037" cm="1">
        <f t="array" ref="G6037">IFERROR(INDEX(Jesper!AK$2:AK$366,ROUNDDOWN($C6037/24,0)+1,1)*INDEX($D$3:$AA$30,INDEX(Jesper!$R$2:$R$366,ROW(INDEX(Jesper!AK$2:AK$366,ROUNDDOWN($C6037/24,0)+1,1))-1)+IF('Standard Profiles'!$G$21=$B$10,7,0)+IF('Standard Profiles'!$G$21=$B$17,14,0)+IF('Standard Profiles'!$G$21=$B$24,21,0),MOD($C6037,24)+1)/SUM(INDEX($D$3:$AA$30,INDEX(Jesper!$R$2:$R$366,ROW(INDEX(Jesper!AK$2:AK$366,ROUNDDOWN($C6037/24,0)+1,1))-1)+IF('Standard Profiles'!$G$21=$B$10,7,0)+IF('Standard Profiles'!$G$21=$B$17,14,0)+IF('Standard Profiles'!$G$21=$B$24,21,0),0)),0)</f>
        <v>0</v>
      </c>
      <c r="H6037" cm="1">
        <f t="array" ref="H6037">IFERROR(INDEX(Jesper!AL$2:AL$366,ROUNDDOWN($C6037/24,0)+1,1)*INDEX($D$3:$AA$30,INDEX(Jesper!$R$2:$R$366,ROW(INDEX(Jesper!AL$2:AL$366,ROUNDDOWN($C6037/24,0)+1,1))-1)+IF('Standard Profiles'!$G$22=$B$10,7,0)+IF('Standard Profiles'!$G$22=$B$17,14,0)+IF('Standard Profiles'!$G$22=$B$24,21,0),MOD($C6037,24)+1)/SUM(INDEX($D$3:$AA$30,INDEX(Jesper!$R$2:$R$366,ROW(INDEX(Jesper!AL$2:AL$366,ROUNDDOWN($C6037/24,0)+1,1))-1)+IF('Standard Profiles'!$G$22=$B$10,7,0)+IF('Standard Profiles'!$G$22=$B$17,14,0)+IF('Standard Profiles'!$G$22=$B$24,21,0),0)),0)</f>
        <v>0</v>
      </c>
      <c r="I6037">
        <f t="shared" si="671"/>
        <v>8.6802887818716687E-2</v>
      </c>
      <c r="J6037">
        <f t="shared" si="672"/>
        <v>0.28934295939572235</v>
      </c>
      <c r="K6037">
        <f t="shared" si="673"/>
        <v>0.4340144390935835</v>
      </c>
      <c r="L6037">
        <f t="shared" si="674"/>
        <v>6.7358843761473119</v>
      </c>
      <c r="M6037">
        <f t="shared" si="675"/>
        <v>0</v>
      </c>
      <c r="N6037" s="46">
        <f t="shared" si="676"/>
        <v>45542.124999985441</v>
      </c>
    </row>
    <row r="6038" spans="2:14" x14ac:dyDescent="0.3">
      <c r="B6038">
        <f t="shared" si="670"/>
        <v>6</v>
      </c>
      <c r="C6038" s="16">
        <v>6004</v>
      </c>
      <c r="D6038" cm="1">
        <f t="array" ref="D6038">IFERROR(INDEX(Jesper!AH$2:AH$366,ROUNDDOWN($C6038/24,0)+1,1)*INDEX($D$3:$AA$30,INDEX(Jesper!$R$2:$R$366,ROW(INDEX(Jesper!AH$2:AH$366,ROUNDDOWN($C6038/24,0)+1,1))-1)+IF('Standard Profiles'!$G$18=$B$10,7,0)+IF('Standard Profiles'!$G$18=$B$17,14,0)+IF('Standard Profiles'!$G$18=$B$24,21,0),MOD($C6038,24)+1)/SUM(INDEX($D$3:$AA$30,INDEX(Jesper!$R$2:$R$366,ROW(INDEX(Jesper!AH$2:AH$366,ROUNDDOWN($C6038/24,0)+1,1))-1)+IF('Standard Profiles'!$G$18=$B$10,7,0)+IF('Standard Profiles'!$G$18=$B$17,14,0)+IF('Standard Profiles'!$G$18=$B$24,21,0),0)),0)</f>
        <v>6.582532607667579</v>
      </c>
      <c r="E6038" cm="1">
        <f t="array" ref="E6038">IFERROR(INDEX(Jesper!AI$2:AI$366,ROUNDDOWN($C6038/24,0)+1,1)*INDEX($D$3:$AA$30,INDEX(Jesper!$R$2:$R$366,ROW(INDEX(Jesper!AI$2:AI$366,ROUNDDOWN($C6038/24,0)+1,1))-1)+IF('Standard Profiles'!$G$19=$B$10,7,0)+IF('Standard Profiles'!$G$19=$B$17,14,0)+IF('Standard Profiles'!$G$19=$B$24,21,0),MOD($C6038,24)+1)/SUM(INDEX($D$3:$AA$30,INDEX(Jesper!$R$2:$R$366,ROW(INDEX(Jesper!AI$2:AI$366,ROUNDDOWN($C6038/24,0)+1,1))-1)+IF('Standard Profiles'!$G$19=$B$10,7,0)+IF('Standard Profiles'!$G$19=$B$17,14,0)+IF('Standard Profiles'!$G$19=$B$24,21,0),0)),0)</f>
        <v>0.96351205478775503</v>
      </c>
      <c r="F6038" cm="1">
        <f t="array" ref="F6038">IFERROR(INDEX(Jesper!AJ$2:AJ$366,ROUNDDOWN($C6038/24,0)+1,1)*INDEX($D$3:$AA$30,INDEX(Jesper!$R$2:$R$366,ROW(INDEX(Jesper!AJ$2:AJ$366,ROUNDDOWN($C6038/24,0)+1,1))-1)+IF('Standard Profiles'!$G$20=$B$10,7,0)+IF('Standard Profiles'!$G$20=$B$17,14,0)+IF('Standard Profiles'!$G$20=$B$24,21,0),MOD($C6038,24)+1)/SUM(INDEX($D$3:$AA$30,INDEX(Jesper!$R$2:$R$366,ROW(INDEX(Jesper!AJ$2:AJ$366,ROUNDDOWN($C6038/24,0)+1,1))-1)+IF('Standard Profiles'!$G$20=$B$10,7,0)+IF('Standard Profiles'!$G$20=$B$17,14,0)+IF('Standard Profiles'!$G$20=$B$24,21,0),0)),0)</f>
        <v>0</v>
      </c>
      <c r="G6038" cm="1">
        <f t="array" ref="G6038">IFERROR(INDEX(Jesper!AK$2:AK$366,ROUNDDOWN($C6038/24,0)+1,1)*INDEX($D$3:$AA$30,INDEX(Jesper!$R$2:$R$366,ROW(INDEX(Jesper!AK$2:AK$366,ROUNDDOWN($C6038/24,0)+1,1))-1)+IF('Standard Profiles'!$G$21=$B$10,7,0)+IF('Standard Profiles'!$G$21=$B$17,14,0)+IF('Standard Profiles'!$G$21=$B$24,21,0),MOD($C6038,24)+1)/SUM(INDEX($D$3:$AA$30,INDEX(Jesper!$R$2:$R$366,ROW(INDEX(Jesper!AK$2:AK$366,ROUNDDOWN($C6038/24,0)+1,1))-1)+IF('Standard Profiles'!$G$21=$B$10,7,0)+IF('Standard Profiles'!$G$21=$B$17,14,0)+IF('Standard Profiles'!$G$21=$B$24,21,0),0)),0)</f>
        <v>0</v>
      </c>
      <c r="H6038" cm="1">
        <f t="array" ref="H6038">IFERROR(INDEX(Jesper!AL$2:AL$366,ROUNDDOWN($C6038/24,0)+1,1)*INDEX($D$3:$AA$30,INDEX(Jesper!$R$2:$R$366,ROW(INDEX(Jesper!AL$2:AL$366,ROUNDDOWN($C6038/24,0)+1,1))-1)+IF('Standard Profiles'!$G$22=$B$10,7,0)+IF('Standard Profiles'!$G$22=$B$17,14,0)+IF('Standard Profiles'!$G$22=$B$24,21,0),MOD($C6038,24)+1)/SUM(INDEX($D$3:$AA$30,INDEX(Jesper!$R$2:$R$366,ROW(INDEX(Jesper!AL$2:AL$366,ROUNDDOWN($C6038/24,0)+1,1))-1)+IF('Standard Profiles'!$G$22=$B$10,7,0)+IF('Standard Profiles'!$G$22=$B$17,14,0)+IF('Standard Profiles'!$G$22=$B$24,21,0),0)),0)</f>
        <v>0</v>
      </c>
      <c r="I6038">
        <f t="shared" si="671"/>
        <v>8.6802887818716687E-2</v>
      </c>
      <c r="J6038">
        <f t="shared" si="672"/>
        <v>0.28934295939572235</v>
      </c>
      <c r="K6038">
        <f t="shared" si="673"/>
        <v>0.4340144390935835</v>
      </c>
      <c r="L6038">
        <f t="shared" si="674"/>
        <v>6.7358843761473119</v>
      </c>
      <c r="M6038">
        <f t="shared" si="675"/>
        <v>0</v>
      </c>
      <c r="N6038" s="46">
        <f t="shared" si="676"/>
        <v>45542.166666652105</v>
      </c>
    </row>
    <row r="6039" spans="2:14" x14ac:dyDescent="0.3">
      <c r="B6039">
        <f t="shared" si="670"/>
        <v>6</v>
      </c>
      <c r="C6039" s="16">
        <v>6005</v>
      </c>
      <c r="D6039" cm="1">
        <f t="array" ref="D6039">IFERROR(INDEX(Jesper!AH$2:AH$366,ROUNDDOWN($C6039/24,0)+1,1)*INDEX($D$3:$AA$30,INDEX(Jesper!$R$2:$R$366,ROW(INDEX(Jesper!AH$2:AH$366,ROUNDDOWN($C6039/24,0)+1,1))-1)+IF('Standard Profiles'!$G$18=$B$10,7,0)+IF('Standard Profiles'!$G$18=$B$17,14,0)+IF('Standard Profiles'!$G$18=$B$24,21,0),MOD($C6039,24)+1)/SUM(INDEX($D$3:$AA$30,INDEX(Jesper!$R$2:$R$366,ROW(INDEX(Jesper!AH$2:AH$366,ROUNDDOWN($C6039/24,0)+1,1))-1)+IF('Standard Profiles'!$G$18=$B$10,7,0)+IF('Standard Profiles'!$G$18=$B$17,14,0)+IF('Standard Profiles'!$G$18=$B$24,21,0),0)),0)</f>
        <v>8.1880283656352812</v>
      </c>
      <c r="E6039" cm="1">
        <f t="array" ref="E6039">IFERROR(INDEX(Jesper!AI$2:AI$366,ROUNDDOWN($C6039/24,0)+1,1)*INDEX($D$3:$AA$30,INDEX(Jesper!$R$2:$R$366,ROW(INDEX(Jesper!AI$2:AI$366,ROUNDDOWN($C6039/24,0)+1,1))-1)+IF('Standard Profiles'!$G$19=$B$10,7,0)+IF('Standard Profiles'!$G$19=$B$17,14,0)+IF('Standard Profiles'!$G$19=$B$24,21,0),MOD($C6039,24)+1)/SUM(INDEX($D$3:$AA$30,INDEX(Jesper!$R$2:$R$366,ROW(INDEX(Jesper!AI$2:AI$366,ROUNDDOWN($C6039/24,0)+1,1))-1)+IF('Standard Profiles'!$G$19=$B$10,7,0)+IF('Standard Profiles'!$G$19=$B$17,14,0)+IF('Standard Profiles'!$G$19=$B$24,21,0),0)),0)</f>
        <v>1.1985149949798903</v>
      </c>
      <c r="F6039" cm="1">
        <f t="array" ref="F6039">IFERROR(INDEX(Jesper!AJ$2:AJ$366,ROUNDDOWN($C6039/24,0)+1,1)*INDEX($D$3:$AA$30,INDEX(Jesper!$R$2:$R$366,ROW(INDEX(Jesper!AJ$2:AJ$366,ROUNDDOWN($C6039/24,0)+1,1))-1)+IF('Standard Profiles'!$G$20=$B$10,7,0)+IF('Standard Profiles'!$G$20=$B$17,14,0)+IF('Standard Profiles'!$G$20=$B$24,21,0),MOD($C6039,24)+1)/SUM(INDEX($D$3:$AA$30,INDEX(Jesper!$R$2:$R$366,ROW(INDEX(Jesper!AJ$2:AJ$366,ROUNDDOWN($C6039/24,0)+1,1))-1)+IF('Standard Profiles'!$G$20=$B$10,7,0)+IF('Standard Profiles'!$G$20=$B$17,14,0)+IF('Standard Profiles'!$G$20=$B$24,21,0),0)),0)</f>
        <v>0</v>
      </c>
      <c r="G6039" cm="1">
        <f t="array" ref="G6039">IFERROR(INDEX(Jesper!AK$2:AK$366,ROUNDDOWN($C6039/24,0)+1,1)*INDEX($D$3:$AA$30,INDEX(Jesper!$R$2:$R$366,ROW(INDEX(Jesper!AK$2:AK$366,ROUNDDOWN($C6039/24,0)+1,1))-1)+IF('Standard Profiles'!$G$21=$B$10,7,0)+IF('Standard Profiles'!$G$21=$B$17,14,0)+IF('Standard Profiles'!$G$21=$B$24,21,0),MOD($C6039,24)+1)/SUM(INDEX($D$3:$AA$30,INDEX(Jesper!$R$2:$R$366,ROW(INDEX(Jesper!AK$2:AK$366,ROUNDDOWN($C6039/24,0)+1,1))-1)+IF('Standard Profiles'!$G$21=$B$10,7,0)+IF('Standard Profiles'!$G$21=$B$17,14,0)+IF('Standard Profiles'!$G$21=$B$24,21,0),0)),0)</f>
        <v>0</v>
      </c>
      <c r="H6039" cm="1">
        <f t="array" ref="H6039">IFERROR(INDEX(Jesper!AL$2:AL$366,ROUNDDOWN($C6039/24,0)+1,1)*INDEX($D$3:$AA$30,INDEX(Jesper!$R$2:$R$366,ROW(INDEX(Jesper!AL$2:AL$366,ROUNDDOWN($C6039/24,0)+1,1))-1)+IF('Standard Profiles'!$G$22=$B$10,7,0)+IF('Standard Profiles'!$G$22=$B$17,14,0)+IF('Standard Profiles'!$G$22=$B$24,21,0),MOD($C6039,24)+1)/SUM(INDEX($D$3:$AA$30,INDEX(Jesper!$R$2:$R$366,ROW(INDEX(Jesper!AL$2:AL$366,ROUNDDOWN($C6039/24,0)+1,1))-1)+IF('Standard Profiles'!$G$22=$B$10,7,0)+IF('Standard Profiles'!$G$22=$B$17,14,0)+IF('Standard Profiles'!$G$22=$B$24,21,0),0)),0)</f>
        <v>0</v>
      </c>
      <c r="I6039">
        <f t="shared" si="671"/>
        <v>0.10797432387206223</v>
      </c>
      <c r="J6039">
        <f t="shared" si="672"/>
        <v>0.35991441290687409</v>
      </c>
      <c r="K6039">
        <f t="shared" si="673"/>
        <v>0.53987161936031114</v>
      </c>
      <c r="L6039">
        <f t="shared" si="674"/>
        <v>8.3787830044759239</v>
      </c>
      <c r="M6039">
        <f t="shared" si="675"/>
        <v>0</v>
      </c>
      <c r="N6039" s="46">
        <f t="shared" si="676"/>
        <v>45542.208333318769</v>
      </c>
    </row>
    <row r="6040" spans="2:14" x14ac:dyDescent="0.3">
      <c r="B6040">
        <f t="shared" si="670"/>
        <v>6</v>
      </c>
      <c r="C6040" s="16">
        <v>6006</v>
      </c>
      <c r="D6040" cm="1">
        <f t="array" ref="D6040">IFERROR(INDEX(Jesper!AH$2:AH$366,ROUNDDOWN($C6040/24,0)+1,1)*INDEX($D$3:$AA$30,INDEX(Jesper!$R$2:$R$366,ROW(INDEX(Jesper!AH$2:AH$366,ROUNDDOWN($C6040/24,0)+1,1))-1)+IF('Standard Profiles'!$G$18=$B$10,7,0)+IF('Standard Profiles'!$G$18=$B$17,14,0)+IF('Standard Profiles'!$G$18=$B$24,21,0),MOD($C6040,24)+1)/SUM(INDEX($D$3:$AA$30,INDEX(Jesper!$R$2:$R$366,ROW(INDEX(Jesper!AH$2:AH$366,ROUNDDOWN($C6040/24,0)+1,1))-1)+IF('Standard Profiles'!$G$18=$B$10,7,0)+IF('Standard Profiles'!$G$18=$B$17,14,0)+IF('Standard Profiles'!$G$18=$B$24,21,0),0)),0)</f>
        <v>10.275172850993293</v>
      </c>
      <c r="E6040" cm="1">
        <f t="array" ref="E6040">IFERROR(INDEX(Jesper!AI$2:AI$366,ROUNDDOWN($C6040/24,0)+1,1)*INDEX($D$3:$AA$30,INDEX(Jesper!$R$2:$R$366,ROW(INDEX(Jesper!AI$2:AI$366,ROUNDDOWN($C6040/24,0)+1,1))-1)+IF('Standard Profiles'!$G$19=$B$10,7,0)+IF('Standard Profiles'!$G$19=$B$17,14,0)+IF('Standard Profiles'!$G$19=$B$24,21,0),MOD($C6040,24)+1)/SUM(INDEX($D$3:$AA$30,INDEX(Jesper!$R$2:$R$366,ROW(INDEX(Jesper!AI$2:AI$366,ROUNDDOWN($C6040/24,0)+1,1))-1)+IF('Standard Profiles'!$G$19=$B$10,7,0)+IF('Standard Profiles'!$G$19=$B$17,14,0)+IF('Standard Profiles'!$G$19=$B$24,21,0),0)),0)</f>
        <v>1.5040188172296665</v>
      </c>
      <c r="F6040" cm="1">
        <f t="array" ref="F6040">IFERROR(INDEX(Jesper!AJ$2:AJ$366,ROUNDDOWN($C6040/24,0)+1,1)*INDEX($D$3:$AA$30,INDEX(Jesper!$R$2:$R$366,ROW(INDEX(Jesper!AJ$2:AJ$366,ROUNDDOWN($C6040/24,0)+1,1))-1)+IF('Standard Profiles'!$G$20=$B$10,7,0)+IF('Standard Profiles'!$G$20=$B$17,14,0)+IF('Standard Profiles'!$G$20=$B$24,21,0),MOD($C6040,24)+1)/SUM(INDEX($D$3:$AA$30,INDEX(Jesper!$R$2:$R$366,ROW(INDEX(Jesper!AJ$2:AJ$366,ROUNDDOWN($C6040/24,0)+1,1))-1)+IF('Standard Profiles'!$G$20=$B$10,7,0)+IF('Standard Profiles'!$G$20=$B$17,14,0)+IF('Standard Profiles'!$G$20=$B$24,21,0),0)),0)</f>
        <v>0</v>
      </c>
      <c r="G6040" cm="1">
        <f t="array" ref="G6040">IFERROR(INDEX(Jesper!AK$2:AK$366,ROUNDDOWN($C6040/24,0)+1,1)*INDEX($D$3:$AA$30,INDEX(Jesper!$R$2:$R$366,ROW(INDEX(Jesper!AK$2:AK$366,ROUNDDOWN($C6040/24,0)+1,1))-1)+IF('Standard Profiles'!$G$21=$B$10,7,0)+IF('Standard Profiles'!$G$21=$B$17,14,0)+IF('Standard Profiles'!$G$21=$B$24,21,0),MOD($C6040,24)+1)/SUM(INDEX($D$3:$AA$30,INDEX(Jesper!$R$2:$R$366,ROW(INDEX(Jesper!AK$2:AK$366,ROUNDDOWN($C6040/24,0)+1,1))-1)+IF('Standard Profiles'!$G$21=$B$10,7,0)+IF('Standard Profiles'!$G$21=$B$17,14,0)+IF('Standard Profiles'!$G$21=$B$24,21,0),0)),0)</f>
        <v>0</v>
      </c>
      <c r="H6040" cm="1">
        <f t="array" ref="H6040">IFERROR(INDEX(Jesper!AL$2:AL$366,ROUNDDOWN($C6040/24,0)+1,1)*INDEX($D$3:$AA$30,INDEX(Jesper!$R$2:$R$366,ROW(INDEX(Jesper!AL$2:AL$366,ROUNDDOWN($C6040/24,0)+1,1))-1)+IF('Standard Profiles'!$G$22=$B$10,7,0)+IF('Standard Profiles'!$G$22=$B$17,14,0)+IF('Standard Profiles'!$G$22=$B$24,21,0),MOD($C6040,24)+1)/SUM(INDEX($D$3:$AA$30,INDEX(Jesper!$R$2:$R$366,ROW(INDEX(Jesper!AL$2:AL$366,ROUNDDOWN($C6040/24,0)+1,1))-1)+IF('Standard Profiles'!$G$22=$B$10,7,0)+IF('Standard Profiles'!$G$22=$B$17,14,0)+IF('Standard Profiles'!$G$22=$B$24,21,0),0)),0)</f>
        <v>0</v>
      </c>
      <c r="I6040">
        <f t="shared" si="671"/>
        <v>0.13549719074141142</v>
      </c>
      <c r="J6040">
        <f t="shared" si="672"/>
        <v>0.45165730247137148</v>
      </c>
      <c r="K6040">
        <f t="shared" si="673"/>
        <v>0.67748595370705722</v>
      </c>
      <c r="L6040">
        <f t="shared" si="674"/>
        <v>10.514551221303119</v>
      </c>
      <c r="M6040">
        <f t="shared" si="675"/>
        <v>0</v>
      </c>
      <c r="N6040" s="46">
        <f t="shared" si="676"/>
        <v>45542.249999985434</v>
      </c>
    </row>
    <row r="6041" spans="2:14" x14ac:dyDescent="0.3">
      <c r="B6041">
        <f t="shared" si="670"/>
        <v>6</v>
      </c>
      <c r="C6041" s="16">
        <v>6007</v>
      </c>
      <c r="D6041" cm="1">
        <f t="array" ref="D6041">IFERROR(INDEX(Jesper!AH$2:AH$366,ROUNDDOWN($C6041/24,0)+1,1)*INDEX($D$3:$AA$30,INDEX(Jesper!$R$2:$R$366,ROW(INDEX(Jesper!AH$2:AH$366,ROUNDDOWN($C6041/24,0)+1,1))-1)+IF('Standard Profiles'!$G$18=$B$10,7,0)+IF('Standard Profiles'!$G$18=$B$17,14,0)+IF('Standard Profiles'!$G$18=$B$24,21,0),MOD($C6041,24)+1)/SUM(INDEX($D$3:$AA$30,INDEX(Jesper!$R$2:$R$366,ROW(INDEX(Jesper!AH$2:AH$366,ROUNDDOWN($C6041/24,0)+1,1))-1)+IF('Standard Profiles'!$G$18=$B$10,7,0)+IF('Standard Profiles'!$G$18=$B$17,14,0)+IF('Standard Profiles'!$G$18=$B$24,21,0),0)),0)</f>
        <v>11.720119033164226</v>
      </c>
      <c r="E6041" cm="1">
        <f t="array" ref="E6041">IFERROR(INDEX(Jesper!AI$2:AI$366,ROUNDDOWN($C6041/24,0)+1,1)*INDEX($D$3:$AA$30,INDEX(Jesper!$R$2:$R$366,ROW(INDEX(Jesper!AI$2:AI$366,ROUNDDOWN($C6041/24,0)+1,1))-1)+IF('Standard Profiles'!$G$19=$B$10,7,0)+IF('Standard Profiles'!$G$19=$B$17,14,0)+IF('Standard Profiles'!$G$19=$B$24,21,0),MOD($C6041,24)+1)/SUM(INDEX($D$3:$AA$30,INDEX(Jesper!$R$2:$R$366,ROW(INDEX(Jesper!AI$2:AI$366,ROUNDDOWN($C6041/24,0)+1,1))-1)+IF('Standard Profiles'!$G$19=$B$10,7,0)+IF('Standard Profiles'!$G$19=$B$17,14,0)+IF('Standard Profiles'!$G$19=$B$24,21,0),0)),0)</f>
        <v>1.7155214634025882</v>
      </c>
      <c r="F6041" cm="1">
        <f t="array" ref="F6041">IFERROR(INDEX(Jesper!AJ$2:AJ$366,ROUNDDOWN($C6041/24,0)+1,1)*INDEX($D$3:$AA$30,INDEX(Jesper!$R$2:$R$366,ROW(INDEX(Jesper!AJ$2:AJ$366,ROUNDDOWN($C6041/24,0)+1,1))-1)+IF('Standard Profiles'!$G$20=$B$10,7,0)+IF('Standard Profiles'!$G$20=$B$17,14,0)+IF('Standard Profiles'!$G$20=$B$24,21,0),MOD($C6041,24)+1)/SUM(INDEX($D$3:$AA$30,INDEX(Jesper!$R$2:$R$366,ROW(INDEX(Jesper!AJ$2:AJ$366,ROUNDDOWN($C6041/24,0)+1,1))-1)+IF('Standard Profiles'!$G$20=$B$10,7,0)+IF('Standard Profiles'!$G$20=$B$17,14,0)+IF('Standard Profiles'!$G$20=$B$24,21,0),0)),0)</f>
        <v>0</v>
      </c>
      <c r="G6041" cm="1">
        <f t="array" ref="G6041">IFERROR(INDEX(Jesper!AK$2:AK$366,ROUNDDOWN($C6041/24,0)+1,1)*INDEX($D$3:$AA$30,INDEX(Jesper!$R$2:$R$366,ROW(INDEX(Jesper!AK$2:AK$366,ROUNDDOWN($C6041/24,0)+1,1))-1)+IF('Standard Profiles'!$G$21=$B$10,7,0)+IF('Standard Profiles'!$G$21=$B$17,14,0)+IF('Standard Profiles'!$G$21=$B$24,21,0),MOD($C6041,24)+1)/SUM(INDEX($D$3:$AA$30,INDEX(Jesper!$R$2:$R$366,ROW(INDEX(Jesper!AK$2:AK$366,ROUNDDOWN($C6041/24,0)+1,1))-1)+IF('Standard Profiles'!$G$21=$B$10,7,0)+IF('Standard Profiles'!$G$21=$B$17,14,0)+IF('Standard Profiles'!$G$21=$B$24,21,0),0)),0)</f>
        <v>0</v>
      </c>
      <c r="H6041" cm="1">
        <f t="array" ref="H6041">IFERROR(INDEX(Jesper!AL$2:AL$366,ROUNDDOWN($C6041/24,0)+1,1)*INDEX($D$3:$AA$30,INDEX(Jesper!$R$2:$R$366,ROW(INDEX(Jesper!AL$2:AL$366,ROUNDDOWN($C6041/24,0)+1,1))-1)+IF('Standard Profiles'!$G$22=$B$10,7,0)+IF('Standard Profiles'!$G$22=$B$17,14,0)+IF('Standard Profiles'!$G$22=$B$24,21,0),MOD($C6041,24)+1)/SUM(INDEX($D$3:$AA$30,INDEX(Jesper!$R$2:$R$366,ROW(INDEX(Jesper!AL$2:AL$366,ROUNDDOWN($C6041/24,0)+1,1))-1)+IF('Standard Profiles'!$G$22=$B$10,7,0)+IF('Standard Profiles'!$G$22=$B$17,14,0)+IF('Standard Profiles'!$G$22=$B$24,21,0),0)),0)</f>
        <v>0</v>
      </c>
      <c r="I6041">
        <f t="shared" si="671"/>
        <v>0.15455148318942238</v>
      </c>
      <c r="J6041">
        <f t="shared" si="672"/>
        <v>0.51517161063140804</v>
      </c>
      <c r="K6041">
        <f t="shared" si="673"/>
        <v>0.77275741594711211</v>
      </c>
      <c r="L6041">
        <f t="shared" si="674"/>
        <v>11.993159986798871</v>
      </c>
      <c r="M6041">
        <f t="shared" si="675"/>
        <v>0</v>
      </c>
      <c r="N6041" s="46">
        <f t="shared" si="676"/>
        <v>45542.291666652098</v>
      </c>
    </row>
    <row r="6042" spans="2:14" x14ac:dyDescent="0.3">
      <c r="B6042">
        <f t="shared" si="670"/>
        <v>6</v>
      </c>
      <c r="C6042" s="16">
        <v>6008</v>
      </c>
      <c r="D6042" cm="1">
        <f t="array" ref="D6042">IFERROR(INDEX(Jesper!AH$2:AH$366,ROUNDDOWN($C6042/24,0)+1,1)*INDEX($D$3:$AA$30,INDEX(Jesper!$R$2:$R$366,ROW(INDEX(Jesper!AH$2:AH$366,ROUNDDOWN($C6042/24,0)+1,1))-1)+IF('Standard Profiles'!$G$18=$B$10,7,0)+IF('Standard Profiles'!$G$18=$B$17,14,0)+IF('Standard Profiles'!$G$18=$B$24,21,0),MOD($C6042,24)+1)/SUM(INDEX($D$3:$AA$30,INDEX(Jesper!$R$2:$R$366,ROW(INDEX(Jesper!AH$2:AH$366,ROUNDDOWN($C6042/24,0)+1,1))-1)+IF('Standard Profiles'!$G$18=$B$10,7,0)+IF('Standard Profiles'!$G$18=$B$17,14,0)+IF('Standard Profiles'!$G$18=$B$24,21,0),0)),0)</f>
        <v>11.720119033164226</v>
      </c>
      <c r="E6042" cm="1">
        <f t="array" ref="E6042">IFERROR(INDEX(Jesper!AI$2:AI$366,ROUNDDOWN($C6042/24,0)+1,1)*INDEX($D$3:$AA$30,INDEX(Jesper!$R$2:$R$366,ROW(INDEX(Jesper!AI$2:AI$366,ROUNDDOWN($C6042/24,0)+1,1))-1)+IF('Standard Profiles'!$G$19=$B$10,7,0)+IF('Standard Profiles'!$G$19=$B$17,14,0)+IF('Standard Profiles'!$G$19=$B$24,21,0),MOD($C6042,24)+1)/SUM(INDEX($D$3:$AA$30,INDEX(Jesper!$R$2:$R$366,ROW(INDEX(Jesper!AI$2:AI$366,ROUNDDOWN($C6042/24,0)+1,1))-1)+IF('Standard Profiles'!$G$19=$B$10,7,0)+IF('Standard Profiles'!$G$19=$B$17,14,0)+IF('Standard Profiles'!$G$19=$B$24,21,0),0)),0)</f>
        <v>1.7155214634025882</v>
      </c>
      <c r="F6042" cm="1">
        <f t="array" ref="F6042">IFERROR(INDEX(Jesper!AJ$2:AJ$366,ROUNDDOWN($C6042/24,0)+1,1)*INDEX($D$3:$AA$30,INDEX(Jesper!$R$2:$R$366,ROW(INDEX(Jesper!AJ$2:AJ$366,ROUNDDOWN($C6042/24,0)+1,1))-1)+IF('Standard Profiles'!$G$20=$B$10,7,0)+IF('Standard Profiles'!$G$20=$B$17,14,0)+IF('Standard Profiles'!$G$20=$B$24,21,0),MOD($C6042,24)+1)/SUM(INDEX($D$3:$AA$30,INDEX(Jesper!$R$2:$R$366,ROW(INDEX(Jesper!AJ$2:AJ$366,ROUNDDOWN($C6042/24,0)+1,1))-1)+IF('Standard Profiles'!$G$20=$B$10,7,0)+IF('Standard Profiles'!$G$20=$B$17,14,0)+IF('Standard Profiles'!$G$20=$B$24,21,0),0)),0)</f>
        <v>0</v>
      </c>
      <c r="G6042" cm="1">
        <f t="array" ref="G6042">IFERROR(INDEX(Jesper!AK$2:AK$366,ROUNDDOWN($C6042/24,0)+1,1)*INDEX($D$3:$AA$30,INDEX(Jesper!$R$2:$R$366,ROW(INDEX(Jesper!AK$2:AK$366,ROUNDDOWN($C6042/24,0)+1,1))-1)+IF('Standard Profiles'!$G$21=$B$10,7,0)+IF('Standard Profiles'!$G$21=$B$17,14,0)+IF('Standard Profiles'!$G$21=$B$24,21,0),MOD($C6042,24)+1)/SUM(INDEX($D$3:$AA$30,INDEX(Jesper!$R$2:$R$366,ROW(INDEX(Jesper!AK$2:AK$366,ROUNDDOWN($C6042/24,0)+1,1))-1)+IF('Standard Profiles'!$G$21=$B$10,7,0)+IF('Standard Profiles'!$G$21=$B$17,14,0)+IF('Standard Profiles'!$G$21=$B$24,21,0),0)),0)</f>
        <v>0</v>
      </c>
      <c r="H6042" cm="1">
        <f t="array" ref="H6042">IFERROR(INDEX(Jesper!AL$2:AL$366,ROUNDDOWN($C6042/24,0)+1,1)*INDEX($D$3:$AA$30,INDEX(Jesper!$R$2:$R$366,ROW(INDEX(Jesper!AL$2:AL$366,ROUNDDOWN($C6042/24,0)+1,1))-1)+IF('Standard Profiles'!$G$22=$B$10,7,0)+IF('Standard Profiles'!$G$22=$B$17,14,0)+IF('Standard Profiles'!$G$22=$B$24,21,0),MOD($C6042,24)+1)/SUM(INDEX($D$3:$AA$30,INDEX(Jesper!$R$2:$R$366,ROW(INDEX(Jesper!AL$2:AL$366,ROUNDDOWN($C6042/24,0)+1,1))-1)+IF('Standard Profiles'!$G$22=$B$10,7,0)+IF('Standard Profiles'!$G$22=$B$17,14,0)+IF('Standard Profiles'!$G$22=$B$24,21,0),0)),0)</f>
        <v>0</v>
      </c>
      <c r="I6042">
        <f t="shared" si="671"/>
        <v>0.15455148318942238</v>
      </c>
      <c r="J6042">
        <f t="shared" si="672"/>
        <v>0.51517161063140804</v>
      </c>
      <c r="K6042">
        <f t="shared" si="673"/>
        <v>0.77275741594711211</v>
      </c>
      <c r="L6042">
        <f t="shared" si="674"/>
        <v>11.993159986798871</v>
      </c>
      <c r="M6042">
        <f t="shared" si="675"/>
        <v>0</v>
      </c>
      <c r="N6042" s="46">
        <f t="shared" si="676"/>
        <v>45542.333333318762</v>
      </c>
    </row>
    <row r="6043" spans="2:14" x14ac:dyDescent="0.3">
      <c r="B6043">
        <f t="shared" si="670"/>
        <v>6</v>
      </c>
      <c r="C6043" s="16">
        <v>6009</v>
      </c>
      <c r="D6043" cm="1">
        <f t="array" ref="D6043">IFERROR(INDEX(Jesper!AH$2:AH$366,ROUNDDOWN($C6043/24,0)+1,1)*INDEX($D$3:$AA$30,INDEX(Jesper!$R$2:$R$366,ROW(INDEX(Jesper!AH$2:AH$366,ROUNDDOWN($C6043/24,0)+1,1))-1)+IF('Standard Profiles'!$G$18=$B$10,7,0)+IF('Standard Profiles'!$G$18=$B$17,14,0)+IF('Standard Profiles'!$G$18=$B$24,21,0),MOD($C6043,24)+1)/SUM(INDEX($D$3:$AA$30,INDEX(Jesper!$R$2:$R$366,ROW(INDEX(Jesper!AH$2:AH$366,ROUNDDOWN($C6043/24,0)+1,1))-1)+IF('Standard Profiles'!$G$18=$B$10,7,0)+IF('Standard Profiles'!$G$18=$B$17,14,0)+IF('Standard Profiles'!$G$18=$B$24,21,0),0)),0)</f>
        <v>11.720119033164226</v>
      </c>
      <c r="E6043" cm="1">
        <f t="array" ref="E6043">IFERROR(INDEX(Jesper!AI$2:AI$366,ROUNDDOWN($C6043/24,0)+1,1)*INDEX($D$3:$AA$30,INDEX(Jesper!$R$2:$R$366,ROW(INDEX(Jesper!AI$2:AI$366,ROUNDDOWN($C6043/24,0)+1,1))-1)+IF('Standard Profiles'!$G$19=$B$10,7,0)+IF('Standard Profiles'!$G$19=$B$17,14,0)+IF('Standard Profiles'!$G$19=$B$24,21,0),MOD($C6043,24)+1)/SUM(INDEX($D$3:$AA$30,INDEX(Jesper!$R$2:$R$366,ROW(INDEX(Jesper!AI$2:AI$366,ROUNDDOWN($C6043/24,0)+1,1))-1)+IF('Standard Profiles'!$G$19=$B$10,7,0)+IF('Standard Profiles'!$G$19=$B$17,14,0)+IF('Standard Profiles'!$G$19=$B$24,21,0),0)),0)</f>
        <v>1.7155214634025882</v>
      </c>
      <c r="F6043" cm="1">
        <f t="array" ref="F6043">IFERROR(INDEX(Jesper!AJ$2:AJ$366,ROUNDDOWN($C6043/24,0)+1,1)*INDEX($D$3:$AA$30,INDEX(Jesper!$R$2:$R$366,ROW(INDEX(Jesper!AJ$2:AJ$366,ROUNDDOWN($C6043/24,0)+1,1))-1)+IF('Standard Profiles'!$G$20=$B$10,7,0)+IF('Standard Profiles'!$G$20=$B$17,14,0)+IF('Standard Profiles'!$G$20=$B$24,21,0),MOD($C6043,24)+1)/SUM(INDEX($D$3:$AA$30,INDEX(Jesper!$R$2:$R$366,ROW(INDEX(Jesper!AJ$2:AJ$366,ROUNDDOWN($C6043/24,0)+1,1))-1)+IF('Standard Profiles'!$G$20=$B$10,7,0)+IF('Standard Profiles'!$G$20=$B$17,14,0)+IF('Standard Profiles'!$G$20=$B$24,21,0),0)),0)</f>
        <v>0</v>
      </c>
      <c r="G6043" cm="1">
        <f t="array" ref="G6043">IFERROR(INDEX(Jesper!AK$2:AK$366,ROUNDDOWN($C6043/24,0)+1,1)*INDEX($D$3:$AA$30,INDEX(Jesper!$R$2:$R$366,ROW(INDEX(Jesper!AK$2:AK$366,ROUNDDOWN($C6043/24,0)+1,1))-1)+IF('Standard Profiles'!$G$21=$B$10,7,0)+IF('Standard Profiles'!$G$21=$B$17,14,0)+IF('Standard Profiles'!$G$21=$B$24,21,0),MOD($C6043,24)+1)/SUM(INDEX($D$3:$AA$30,INDEX(Jesper!$R$2:$R$366,ROW(INDEX(Jesper!AK$2:AK$366,ROUNDDOWN($C6043/24,0)+1,1))-1)+IF('Standard Profiles'!$G$21=$B$10,7,0)+IF('Standard Profiles'!$G$21=$B$17,14,0)+IF('Standard Profiles'!$G$21=$B$24,21,0),0)),0)</f>
        <v>0</v>
      </c>
      <c r="H6043" cm="1">
        <f t="array" ref="H6043">IFERROR(INDEX(Jesper!AL$2:AL$366,ROUNDDOWN($C6043/24,0)+1,1)*INDEX($D$3:$AA$30,INDEX(Jesper!$R$2:$R$366,ROW(INDEX(Jesper!AL$2:AL$366,ROUNDDOWN($C6043/24,0)+1,1))-1)+IF('Standard Profiles'!$G$22=$B$10,7,0)+IF('Standard Profiles'!$G$22=$B$17,14,0)+IF('Standard Profiles'!$G$22=$B$24,21,0),MOD($C6043,24)+1)/SUM(INDEX($D$3:$AA$30,INDEX(Jesper!$R$2:$R$366,ROW(INDEX(Jesper!AL$2:AL$366,ROUNDDOWN($C6043/24,0)+1,1))-1)+IF('Standard Profiles'!$G$22=$B$10,7,0)+IF('Standard Profiles'!$G$22=$B$17,14,0)+IF('Standard Profiles'!$G$22=$B$24,21,0),0)),0)</f>
        <v>0</v>
      </c>
      <c r="I6043">
        <f t="shared" si="671"/>
        <v>0.15455148318942238</v>
      </c>
      <c r="J6043">
        <f t="shared" si="672"/>
        <v>0.51517161063140804</v>
      </c>
      <c r="K6043">
        <f t="shared" si="673"/>
        <v>0.77275741594711211</v>
      </c>
      <c r="L6043">
        <f t="shared" si="674"/>
        <v>11.993159986798871</v>
      </c>
      <c r="M6043">
        <f t="shared" si="675"/>
        <v>0</v>
      </c>
      <c r="N6043" s="46">
        <f t="shared" si="676"/>
        <v>45542.374999985426</v>
      </c>
    </row>
    <row r="6044" spans="2:14" x14ac:dyDescent="0.3">
      <c r="B6044">
        <f t="shared" si="670"/>
        <v>6</v>
      </c>
      <c r="C6044" s="16">
        <v>6010</v>
      </c>
      <c r="D6044" cm="1">
        <f t="array" ref="D6044">IFERROR(INDEX(Jesper!AH$2:AH$366,ROUNDDOWN($C6044/24,0)+1,1)*INDEX($D$3:$AA$30,INDEX(Jesper!$R$2:$R$366,ROW(INDEX(Jesper!AH$2:AH$366,ROUNDDOWN($C6044/24,0)+1,1))-1)+IF('Standard Profiles'!$G$18=$B$10,7,0)+IF('Standard Profiles'!$G$18=$B$17,14,0)+IF('Standard Profiles'!$G$18=$B$24,21,0),MOD($C6044,24)+1)/SUM(INDEX($D$3:$AA$30,INDEX(Jesper!$R$2:$R$366,ROW(INDEX(Jesper!AH$2:AH$366,ROUNDDOWN($C6044/24,0)+1,1))-1)+IF('Standard Profiles'!$G$18=$B$10,7,0)+IF('Standard Profiles'!$G$18=$B$17,14,0)+IF('Standard Profiles'!$G$18=$B$24,21,0),0)),0)</f>
        <v>11.720119033164226</v>
      </c>
      <c r="E6044" cm="1">
        <f t="array" ref="E6044">IFERROR(INDEX(Jesper!AI$2:AI$366,ROUNDDOWN($C6044/24,0)+1,1)*INDEX($D$3:$AA$30,INDEX(Jesper!$R$2:$R$366,ROW(INDEX(Jesper!AI$2:AI$366,ROUNDDOWN($C6044/24,0)+1,1))-1)+IF('Standard Profiles'!$G$19=$B$10,7,0)+IF('Standard Profiles'!$G$19=$B$17,14,0)+IF('Standard Profiles'!$G$19=$B$24,21,0),MOD($C6044,24)+1)/SUM(INDEX($D$3:$AA$30,INDEX(Jesper!$R$2:$R$366,ROW(INDEX(Jesper!AI$2:AI$366,ROUNDDOWN($C6044/24,0)+1,1))-1)+IF('Standard Profiles'!$G$19=$B$10,7,0)+IF('Standard Profiles'!$G$19=$B$17,14,0)+IF('Standard Profiles'!$G$19=$B$24,21,0),0)),0)</f>
        <v>1.7155214634025882</v>
      </c>
      <c r="F6044" cm="1">
        <f t="array" ref="F6044">IFERROR(INDEX(Jesper!AJ$2:AJ$366,ROUNDDOWN($C6044/24,0)+1,1)*INDEX($D$3:$AA$30,INDEX(Jesper!$R$2:$R$366,ROW(INDEX(Jesper!AJ$2:AJ$366,ROUNDDOWN($C6044/24,0)+1,1))-1)+IF('Standard Profiles'!$G$20=$B$10,7,0)+IF('Standard Profiles'!$G$20=$B$17,14,0)+IF('Standard Profiles'!$G$20=$B$24,21,0),MOD($C6044,24)+1)/SUM(INDEX($D$3:$AA$30,INDEX(Jesper!$R$2:$R$366,ROW(INDEX(Jesper!AJ$2:AJ$366,ROUNDDOWN($C6044/24,0)+1,1))-1)+IF('Standard Profiles'!$G$20=$B$10,7,0)+IF('Standard Profiles'!$G$20=$B$17,14,0)+IF('Standard Profiles'!$G$20=$B$24,21,0),0)),0)</f>
        <v>0</v>
      </c>
      <c r="G6044" cm="1">
        <f t="array" ref="G6044">IFERROR(INDEX(Jesper!AK$2:AK$366,ROUNDDOWN($C6044/24,0)+1,1)*INDEX($D$3:$AA$30,INDEX(Jesper!$R$2:$R$366,ROW(INDEX(Jesper!AK$2:AK$366,ROUNDDOWN($C6044/24,0)+1,1))-1)+IF('Standard Profiles'!$G$21=$B$10,7,0)+IF('Standard Profiles'!$G$21=$B$17,14,0)+IF('Standard Profiles'!$G$21=$B$24,21,0),MOD($C6044,24)+1)/SUM(INDEX($D$3:$AA$30,INDEX(Jesper!$R$2:$R$366,ROW(INDEX(Jesper!AK$2:AK$366,ROUNDDOWN($C6044/24,0)+1,1))-1)+IF('Standard Profiles'!$G$21=$B$10,7,0)+IF('Standard Profiles'!$G$21=$B$17,14,0)+IF('Standard Profiles'!$G$21=$B$24,21,0),0)),0)</f>
        <v>0</v>
      </c>
      <c r="H6044" cm="1">
        <f t="array" ref="H6044">IFERROR(INDEX(Jesper!AL$2:AL$366,ROUNDDOWN($C6044/24,0)+1,1)*INDEX($D$3:$AA$30,INDEX(Jesper!$R$2:$R$366,ROW(INDEX(Jesper!AL$2:AL$366,ROUNDDOWN($C6044/24,0)+1,1))-1)+IF('Standard Profiles'!$G$22=$B$10,7,0)+IF('Standard Profiles'!$G$22=$B$17,14,0)+IF('Standard Profiles'!$G$22=$B$24,21,0),MOD($C6044,24)+1)/SUM(INDEX($D$3:$AA$30,INDEX(Jesper!$R$2:$R$366,ROW(INDEX(Jesper!AL$2:AL$366,ROUNDDOWN($C6044/24,0)+1,1))-1)+IF('Standard Profiles'!$G$22=$B$10,7,0)+IF('Standard Profiles'!$G$22=$B$17,14,0)+IF('Standard Profiles'!$G$22=$B$24,21,0),0)),0)</f>
        <v>0</v>
      </c>
      <c r="I6044">
        <f t="shared" si="671"/>
        <v>0.15455148318942238</v>
      </c>
      <c r="J6044">
        <f t="shared" si="672"/>
        <v>0.51517161063140804</v>
      </c>
      <c r="K6044">
        <f t="shared" si="673"/>
        <v>0.77275741594711211</v>
      </c>
      <c r="L6044">
        <f t="shared" si="674"/>
        <v>11.993159986798871</v>
      </c>
      <c r="M6044">
        <f t="shared" si="675"/>
        <v>0</v>
      </c>
      <c r="N6044" s="46">
        <f t="shared" si="676"/>
        <v>45542.41666665209</v>
      </c>
    </row>
    <row r="6045" spans="2:14" x14ac:dyDescent="0.3">
      <c r="B6045">
        <f t="shared" si="670"/>
        <v>6</v>
      </c>
      <c r="C6045" s="16">
        <v>6011</v>
      </c>
      <c r="D6045" cm="1">
        <f t="array" ref="D6045">IFERROR(INDEX(Jesper!AH$2:AH$366,ROUNDDOWN($C6045/24,0)+1,1)*INDEX($D$3:$AA$30,INDEX(Jesper!$R$2:$R$366,ROW(INDEX(Jesper!AH$2:AH$366,ROUNDDOWN($C6045/24,0)+1,1))-1)+IF('Standard Profiles'!$G$18=$B$10,7,0)+IF('Standard Profiles'!$G$18=$B$17,14,0)+IF('Standard Profiles'!$G$18=$B$24,21,0),MOD($C6045,24)+1)/SUM(INDEX($D$3:$AA$30,INDEX(Jesper!$R$2:$R$366,ROW(INDEX(Jesper!AH$2:AH$366,ROUNDDOWN($C6045/24,0)+1,1))-1)+IF('Standard Profiles'!$G$18=$B$10,7,0)+IF('Standard Profiles'!$G$18=$B$17,14,0)+IF('Standard Profiles'!$G$18=$B$24,21,0),0)),0)</f>
        <v>11.720119033164226</v>
      </c>
      <c r="E6045" cm="1">
        <f t="array" ref="E6045">IFERROR(INDEX(Jesper!AI$2:AI$366,ROUNDDOWN($C6045/24,0)+1,1)*INDEX($D$3:$AA$30,INDEX(Jesper!$R$2:$R$366,ROW(INDEX(Jesper!AI$2:AI$366,ROUNDDOWN($C6045/24,0)+1,1))-1)+IF('Standard Profiles'!$G$19=$B$10,7,0)+IF('Standard Profiles'!$G$19=$B$17,14,0)+IF('Standard Profiles'!$G$19=$B$24,21,0),MOD($C6045,24)+1)/SUM(INDEX($D$3:$AA$30,INDEX(Jesper!$R$2:$R$366,ROW(INDEX(Jesper!AI$2:AI$366,ROUNDDOWN($C6045/24,0)+1,1))-1)+IF('Standard Profiles'!$G$19=$B$10,7,0)+IF('Standard Profiles'!$G$19=$B$17,14,0)+IF('Standard Profiles'!$G$19=$B$24,21,0),0)),0)</f>
        <v>1.7155214634025882</v>
      </c>
      <c r="F6045" cm="1">
        <f t="array" ref="F6045">IFERROR(INDEX(Jesper!AJ$2:AJ$366,ROUNDDOWN($C6045/24,0)+1,1)*INDEX($D$3:$AA$30,INDEX(Jesper!$R$2:$R$366,ROW(INDEX(Jesper!AJ$2:AJ$366,ROUNDDOWN($C6045/24,0)+1,1))-1)+IF('Standard Profiles'!$G$20=$B$10,7,0)+IF('Standard Profiles'!$G$20=$B$17,14,0)+IF('Standard Profiles'!$G$20=$B$24,21,0),MOD($C6045,24)+1)/SUM(INDEX($D$3:$AA$30,INDEX(Jesper!$R$2:$R$366,ROW(INDEX(Jesper!AJ$2:AJ$366,ROUNDDOWN($C6045/24,0)+1,1))-1)+IF('Standard Profiles'!$G$20=$B$10,7,0)+IF('Standard Profiles'!$G$20=$B$17,14,0)+IF('Standard Profiles'!$G$20=$B$24,21,0),0)),0)</f>
        <v>0</v>
      </c>
      <c r="G6045" cm="1">
        <f t="array" ref="G6045">IFERROR(INDEX(Jesper!AK$2:AK$366,ROUNDDOWN($C6045/24,0)+1,1)*INDEX($D$3:$AA$30,INDEX(Jesper!$R$2:$R$366,ROW(INDEX(Jesper!AK$2:AK$366,ROUNDDOWN($C6045/24,0)+1,1))-1)+IF('Standard Profiles'!$G$21=$B$10,7,0)+IF('Standard Profiles'!$G$21=$B$17,14,0)+IF('Standard Profiles'!$G$21=$B$24,21,0),MOD($C6045,24)+1)/SUM(INDEX($D$3:$AA$30,INDEX(Jesper!$R$2:$R$366,ROW(INDEX(Jesper!AK$2:AK$366,ROUNDDOWN($C6045/24,0)+1,1))-1)+IF('Standard Profiles'!$G$21=$B$10,7,0)+IF('Standard Profiles'!$G$21=$B$17,14,0)+IF('Standard Profiles'!$G$21=$B$24,21,0),0)),0)</f>
        <v>0</v>
      </c>
      <c r="H6045" cm="1">
        <f t="array" ref="H6045">IFERROR(INDEX(Jesper!AL$2:AL$366,ROUNDDOWN($C6045/24,0)+1,1)*INDEX($D$3:$AA$30,INDEX(Jesper!$R$2:$R$366,ROW(INDEX(Jesper!AL$2:AL$366,ROUNDDOWN($C6045/24,0)+1,1))-1)+IF('Standard Profiles'!$G$22=$B$10,7,0)+IF('Standard Profiles'!$G$22=$B$17,14,0)+IF('Standard Profiles'!$G$22=$B$24,21,0),MOD($C6045,24)+1)/SUM(INDEX($D$3:$AA$30,INDEX(Jesper!$R$2:$R$366,ROW(INDEX(Jesper!AL$2:AL$366,ROUNDDOWN($C6045/24,0)+1,1))-1)+IF('Standard Profiles'!$G$22=$B$10,7,0)+IF('Standard Profiles'!$G$22=$B$17,14,0)+IF('Standard Profiles'!$G$22=$B$24,21,0),0)),0)</f>
        <v>0</v>
      </c>
      <c r="I6045">
        <f t="shared" si="671"/>
        <v>0.15455148318942238</v>
      </c>
      <c r="J6045">
        <f t="shared" si="672"/>
        <v>0.51517161063140804</v>
      </c>
      <c r="K6045">
        <f t="shared" si="673"/>
        <v>0.77275741594711211</v>
      </c>
      <c r="L6045">
        <f t="shared" si="674"/>
        <v>11.993159986798871</v>
      </c>
      <c r="M6045">
        <f t="shared" si="675"/>
        <v>0</v>
      </c>
      <c r="N6045" s="46">
        <f t="shared" si="676"/>
        <v>45542.458333318755</v>
      </c>
    </row>
    <row r="6046" spans="2:14" x14ac:dyDescent="0.3">
      <c r="B6046">
        <f t="shared" si="670"/>
        <v>6</v>
      </c>
      <c r="C6046" s="16">
        <v>6012</v>
      </c>
      <c r="D6046" cm="1">
        <f t="array" ref="D6046">IFERROR(INDEX(Jesper!AH$2:AH$366,ROUNDDOWN($C6046/24,0)+1,1)*INDEX($D$3:$AA$30,INDEX(Jesper!$R$2:$R$366,ROW(INDEX(Jesper!AH$2:AH$366,ROUNDDOWN($C6046/24,0)+1,1))-1)+IF('Standard Profiles'!$G$18=$B$10,7,0)+IF('Standard Profiles'!$G$18=$B$17,14,0)+IF('Standard Profiles'!$G$18=$B$24,21,0),MOD($C6046,24)+1)/SUM(INDEX($D$3:$AA$30,INDEX(Jesper!$R$2:$R$366,ROW(INDEX(Jesper!AH$2:AH$366,ROUNDDOWN($C6046/24,0)+1,1))-1)+IF('Standard Profiles'!$G$18=$B$10,7,0)+IF('Standard Profiles'!$G$18=$B$17,14,0)+IF('Standard Profiles'!$G$18=$B$24,21,0),0)),0)</f>
        <v>11.720119033164226</v>
      </c>
      <c r="E6046" cm="1">
        <f t="array" ref="E6046">IFERROR(INDEX(Jesper!AI$2:AI$366,ROUNDDOWN($C6046/24,0)+1,1)*INDEX($D$3:$AA$30,INDEX(Jesper!$R$2:$R$366,ROW(INDEX(Jesper!AI$2:AI$366,ROUNDDOWN($C6046/24,0)+1,1))-1)+IF('Standard Profiles'!$G$19=$B$10,7,0)+IF('Standard Profiles'!$G$19=$B$17,14,0)+IF('Standard Profiles'!$G$19=$B$24,21,0),MOD($C6046,24)+1)/SUM(INDEX($D$3:$AA$30,INDEX(Jesper!$R$2:$R$366,ROW(INDEX(Jesper!AI$2:AI$366,ROUNDDOWN($C6046/24,0)+1,1))-1)+IF('Standard Profiles'!$G$19=$B$10,7,0)+IF('Standard Profiles'!$G$19=$B$17,14,0)+IF('Standard Profiles'!$G$19=$B$24,21,0),0)),0)</f>
        <v>1.7155214634025882</v>
      </c>
      <c r="F6046" cm="1">
        <f t="array" ref="F6046">IFERROR(INDEX(Jesper!AJ$2:AJ$366,ROUNDDOWN($C6046/24,0)+1,1)*INDEX($D$3:$AA$30,INDEX(Jesper!$R$2:$R$366,ROW(INDEX(Jesper!AJ$2:AJ$366,ROUNDDOWN($C6046/24,0)+1,1))-1)+IF('Standard Profiles'!$G$20=$B$10,7,0)+IF('Standard Profiles'!$G$20=$B$17,14,0)+IF('Standard Profiles'!$G$20=$B$24,21,0),MOD($C6046,24)+1)/SUM(INDEX($D$3:$AA$30,INDEX(Jesper!$R$2:$R$366,ROW(INDEX(Jesper!AJ$2:AJ$366,ROUNDDOWN($C6046/24,0)+1,1))-1)+IF('Standard Profiles'!$G$20=$B$10,7,0)+IF('Standard Profiles'!$G$20=$B$17,14,0)+IF('Standard Profiles'!$G$20=$B$24,21,0),0)),0)</f>
        <v>0</v>
      </c>
      <c r="G6046" cm="1">
        <f t="array" ref="G6046">IFERROR(INDEX(Jesper!AK$2:AK$366,ROUNDDOWN($C6046/24,0)+1,1)*INDEX($D$3:$AA$30,INDEX(Jesper!$R$2:$R$366,ROW(INDEX(Jesper!AK$2:AK$366,ROUNDDOWN($C6046/24,0)+1,1))-1)+IF('Standard Profiles'!$G$21=$B$10,7,0)+IF('Standard Profiles'!$G$21=$B$17,14,0)+IF('Standard Profiles'!$G$21=$B$24,21,0),MOD($C6046,24)+1)/SUM(INDEX($D$3:$AA$30,INDEX(Jesper!$R$2:$R$366,ROW(INDEX(Jesper!AK$2:AK$366,ROUNDDOWN($C6046/24,0)+1,1))-1)+IF('Standard Profiles'!$G$21=$B$10,7,0)+IF('Standard Profiles'!$G$21=$B$17,14,0)+IF('Standard Profiles'!$G$21=$B$24,21,0),0)),0)</f>
        <v>0</v>
      </c>
      <c r="H6046" cm="1">
        <f t="array" ref="H6046">IFERROR(INDEX(Jesper!AL$2:AL$366,ROUNDDOWN($C6046/24,0)+1,1)*INDEX($D$3:$AA$30,INDEX(Jesper!$R$2:$R$366,ROW(INDEX(Jesper!AL$2:AL$366,ROUNDDOWN($C6046/24,0)+1,1))-1)+IF('Standard Profiles'!$G$22=$B$10,7,0)+IF('Standard Profiles'!$G$22=$B$17,14,0)+IF('Standard Profiles'!$G$22=$B$24,21,0),MOD($C6046,24)+1)/SUM(INDEX($D$3:$AA$30,INDEX(Jesper!$R$2:$R$366,ROW(INDEX(Jesper!AL$2:AL$366,ROUNDDOWN($C6046/24,0)+1,1))-1)+IF('Standard Profiles'!$G$22=$B$10,7,0)+IF('Standard Profiles'!$G$22=$B$17,14,0)+IF('Standard Profiles'!$G$22=$B$24,21,0),0)),0)</f>
        <v>0</v>
      </c>
      <c r="I6046">
        <f t="shared" si="671"/>
        <v>0.15455148318942238</v>
      </c>
      <c r="J6046">
        <f t="shared" si="672"/>
        <v>0.51517161063140804</v>
      </c>
      <c r="K6046">
        <f t="shared" si="673"/>
        <v>0.77275741594711211</v>
      </c>
      <c r="L6046">
        <f t="shared" si="674"/>
        <v>11.993159986798871</v>
      </c>
      <c r="M6046">
        <f t="shared" si="675"/>
        <v>0</v>
      </c>
      <c r="N6046" s="46">
        <f t="shared" si="676"/>
        <v>45542.499999985419</v>
      </c>
    </row>
    <row r="6047" spans="2:14" x14ac:dyDescent="0.3">
      <c r="B6047">
        <f t="shared" si="670"/>
        <v>6</v>
      </c>
      <c r="C6047" s="16">
        <v>6013</v>
      </c>
      <c r="D6047" cm="1">
        <f t="array" ref="D6047">IFERROR(INDEX(Jesper!AH$2:AH$366,ROUNDDOWN($C6047/24,0)+1,1)*INDEX($D$3:$AA$30,INDEX(Jesper!$R$2:$R$366,ROW(INDEX(Jesper!AH$2:AH$366,ROUNDDOWN($C6047/24,0)+1,1))-1)+IF('Standard Profiles'!$G$18=$B$10,7,0)+IF('Standard Profiles'!$G$18=$B$17,14,0)+IF('Standard Profiles'!$G$18=$B$24,21,0),MOD($C6047,24)+1)/SUM(INDEX($D$3:$AA$30,INDEX(Jesper!$R$2:$R$366,ROW(INDEX(Jesper!AH$2:AH$366,ROUNDDOWN($C6047/24,0)+1,1))-1)+IF('Standard Profiles'!$G$18=$B$10,7,0)+IF('Standard Profiles'!$G$18=$B$17,14,0)+IF('Standard Profiles'!$G$18=$B$24,21,0),0)),0)</f>
        <v>11.720119033164226</v>
      </c>
      <c r="E6047" cm="1">
        <f t="array" ref="E6047">IFERROR(INDEX(Jesper!AI$2:AI$366,ROUNDDOWN($C6047/24,0)+1,1)*INDEX($D$3:$AA$30,INDEX(Jesper!$R$2:$R$366,ROW(INDEX(Jesper!AI$2:AI$366,ROUNDDOWN($C6047/24,0)+1,1))-1)+IF('Standard Profiles'!$G$19=$B$10,7,0)+IF('Standard Profiles'!$G$19=$B$17,14,0)+IF('Standard Profiles'!$G$19=$B$24,21,0),MOD($C6047,24)+1)/SUM(INDEX($D$3:$AA$30,INDEX(Jesper!$R$2:$R$366,ROW(INDEX(Jesper!AI$2:AI$366,ROUNDDOWN($C6047/24,0)+1,1))-1)+IF('Standard Profiles'!$G$19=$B$10,7,0)+IF('Standard Profiles'!$G$19=$B$17,14,0)+IF('Standard Profiles'!$G$19=$B$24,21,0),0)),0)</f>
        <v>1.7155214634025882</v>
      </c>
      <c r="F6047" cm="1">
        <f t="array" ref="F6047">IFERROR(INDEX(Jesper!AJ$2:AJ$366,ROUNDDOWN($C6047/24,0)+1,1)*INDEX($D$3:$AA$30,INDEX(Jesper!$R$2:$R$366,ROW(INDEX(Jesper!AJ$2:AJ$366,ROUNDDOWN($C6047/24,0)+1,1))-1)+IF('Standard Profiles'!$G$20=$B$10,7,0)+IF('Standard Profiles'!$G$20=$B$17,14,0)+IF('Standard Profiles'!$G$20=$B$24,21,0),MOD($C6047,24)+1)/SUM(INDEX($D$3:$AA$30,INDEX(Jesper!$R$2:$R$366,ROW(INDEX(Jesper!AJ$2:AJ$366,ROUNDDOWN($C6047/24,0)+1,1))-1)+IF('Standard Profiles'!$G$20=$B$10,7,0)+IF('Standard Profiles'!$G$20=$B$17,14,0)+IF('Standard Profiles'!$G$20=$B$24,21,0),0)),0)</f>
        <v>0</v>
      </c>
      <c r="G6047" cm="1">
        <f t="array" ref="G6047">IFERROR(INDEX(Jesper!AK$2:AK$366,ROUNDDOWN($C6047/24,0)+1,1)*INDEX($D$3:$AA$30,INDEX(Jesper!$R$2:$R$366,ROW(INDEX(Jesper!AK$2:AK$366,ROUNDDOWN($C6047/24,0)+1,1))-1)+IF('Standard Profiles'!$G$21=$B$10,7,0)+IF('Standard Profiles'!$G$21=$B$17,14,0)+IF('Standard Profiles'!$G$21=$B$24,21,0),MOD($C6047,24)+1)/SUM(INDEX($D$3:$AA$30,INDEX(Jesper!$R$2:$R$366,ROW(INDEX(Jesper!AK$2:AK$366,ROUNDDOWN($C6047/24,0)+1,1))-1)+IF('Standard Profiles'!$G$21=$B$10,7,0)+IF('Standard Profiles'!$G$21=$B$17,14,0)+IF('Standard Profiles'!$G$21=$B$24,21,0),0)),0)</f>
        <v>0</v>
      </c>
      <c r="H6047" cm="1">
        <f t="array" ref="H6047">IFERROR(INDEX(Jesper!AL$2:AL$366,ROUNDDOWN($C6047/24,0)+1,1)*INDEX($D$3:$AA$30,INDEX(Jesper!$R$2:$R$366,ROW(INDEX(Jesper!AL$2:AL$366,ROUNDDOWN($C6047/24,0)+1,1))-1)+IF('Standard Profiles'!$G$22=$B$10,7,0)+IF('Standard Profiles'!$G$22=$B$17,14,0)+IF('Standard Profiles'!$G$22=$B$24,21,0),MOD($C6047,24)+1)/SUM(INDEX($D$3:$AA$30,INDEX(Jesper!$R$2:$R$366,ROW(INDEX(Jesper!AL$2:AL$366,ROUNDDOWN($C6047/24,0)+1,1))-1)+IF('Standard Profiles'!$G$22=$B$10,7,0)+IF('Standard Profiles'!$G$22=$B$17,14,0)+IF('Standard Profiles'!$G$22=$B$24,21,0),0)),0)</f>
        <v>0</v>
      </c>
      <c r="I6047">
        <f t="shared" si="671"/>
        <v>0.15455148318942238</v>
      </c>
      <c r="J6047">
        <f t="shared" si="672"/>
        <v>0.51517161063140804</v>
      </c>
      <c r="K6047">
        <f t="shared" si="673"/>
        <v>0.77275741594711211</v>
      </c>
      <c r="L6047">
        <f t="shared" si="674"/>
        <v>11.993159986798871</v>
      </c>
      <c r="M6047">
        <f t="shared" si="675"/>
        <v>0</v>
      </c>
      <c r="N6047" s="46">
        <f t="shared" si="676"/>
        <v>45542.541666652083</v>
      </c>
    </row>
    <row r="6048" spans="2:14" x14ac:dyDescent="0.3">
      <c r="B6048">
        <f t="shared" si="670"/>
        <v>6</v>
      </c>
      <c r="C6048" s="16">
        <v>6014</v>
      </c>
      <c r="D6048" cm="1">
        <f t="array" ref="D6048">IFERROR(INDEX(Jesper!AH$2:AH$366,ROUNDDOWN($C6048/24,0)+1,1)*INDEX($D$3:$AA$30,INDEX(Jesper!$R$2:$R$366,ROW(INDEX(Jesper!AH$2:AH$366,ROUNDDOWN($C6048/24,0)+1,1))-1)+IF('Standard Profiles'!$G$18=$B$10,7,0)+IF('Standard Profiles'!$G$18=$B$17,14,0)+IF('Standard Profiles'!$G$18=$B$24,21,0),MOD($C6048,24)+1)/SUM(INDEX($D$3:$AA$30,INDEX(Jesper!$R$2:$R$366,ROW(INDEX(Jesper!AH$2:AH$366,ROUNDDOWN($C6048/24,0)+1,1))-1)+IF('Standard Profiles'!$G$18=$B$10,7,0)+IF('Standard Profiles'!$G$18=$B$17,14,0)+IF('Standard Profiles'!$G$18=$B$24,21,0),0)),0)</f>
        <v>11.720119033164226</v>
      </c>
      <c r="E6048" cm="1">
        <f t="array" ref="E6048">IFERROR(INDEX(Jesper!AI$2:AI$366,ROUNDDOWN($C6048/24,0)+1,1)*INDEX($D$3:$AA$30,INDEX(Jesper!$R$2:$R$366,ROW(INDEX(Jesper!AI$2:AI$366,ROUNDDOWN($C6048/24,0)+1,1))-1)+IF('Standard Profiles'!$G$19=$B$10,7,0)+IF('Standard Profiles'!$G$19=$B$17,14,0)+IF('Standard Profiles'!$G$19=$B$24,21,0),MOD($C6048,24)+1)/SUM(INDEX($D$3:$AA$30,INDEX(Jesper!$R$2:$R$366,ROW(INDEX(Jesper!AI$2:AI$366,ROUNDDOWN($C6048/24,0)+1,1))-1)+IF('Standard Profiles'!$G$19=$B$10,7,0)+IF('Standard Profiles'!$G$19=$B$17,14,0)+IF('Standard Profiles'!$G$19=$B$24,21,0),0)),0)</f>
        <v>1.7155214634025882</v>
      </c>
      <c r="F6048" cm="1">
        <f t="array" ref="F6048">IFERROR(INDEX(Jesper!AJ$2:AJ$366,ROUNDDOWN($C6048/24,0)+1,1)*INDEX($D$3:$AA$30,INDEX(Jesper!$R$2:$R$366,ROW(INDEX(Jesper!AJ$2:AJ$366,ROUNDDOWN($C6048/24,0)+1,1))-1)+IF('Standard Profiles'!$G$20=$B$10,7,0)+IF('Standard Profiles'!$G$20=$B$17,14,0)+IF('Standard Profiles'!$G$20=$B$24,21,0),MOD($C6048,24)+1)/SUM(INDEX($D$3:$AA$30,INDEX(Jesper!$R$2:$R$366,ROW(INDEX(Jesper!AJ$2:AJ$366,ROUNDDOWN($C6048/24,0)+1,1))-1)+IF('Standard Profiles'!$G$20=$B$10,7,0)+IF('Standard Profiles'!$G$20=$B$17,14,0)+IF('Standard Profiles'!$G$20=$B$24,21,0),0)),0)</f>
        <v>0</v>
      </c>
      <c r="G6048" cm="1">
        <f t="array" ref="G6048">IFERROR(INDEX(Jesper!AK$2:AK$366,ROUNDDOWN($C6048/24,0)+1,1)*INDEX($D$3:$AA$30,INDEX(Jesper!$R$2:$R$366,ROW(INDEX(Jesper!AK$2:AK$366,ROUNDDOWN($C6048/24,0)+1,1))-1)+IF('Standard Profiles'!$G$21=$B$10,7,0)+IF('Standard Profiles'!$G$21=$B$17,14,0)+IF('Standard Profiles'!$G$21=$B$24,21,0),MOD($C6048,24)+1)/SUM(INDEX($D$3:$AA$30,INDEX(Jesper!$R$2:$R$366,ROW(INDEX(Jesper!AK$2:AK$366,ROUNDDOWN($C6048/24,0)+1,1))-1)+IF('Standard Profiles'!$G$21=$B$10,7,0)+IF('Standard Profiles'!$G$21=$B$17,14,0)+IF('Standard Profiles'!$G$21=$B$24,21,0),0)),0)</f>
        <v>0</v>
      </c>
      <c r="H6048" cm="1">
        <f t="array" ref="H6048">IFERROR(INDEX(Jesper!AL$2:AL$366,ROUNDDOWN($C6048/24,0)+1,1)*INDEX($D$3:$AA$30,INDEX(Jesper!$R$2:$R$366,ROW(INDEX(Jesper!AL$2:AL$366,ROUNDDOWN($C6048/24,0)+1,1))-1)+IF('Standard Profiles'!$G$22=$B$10,7,0)+IF('Standard Profiles'!$G$22=$B$17,14,0)+IF('Standard Profiles'!$G$22=$B$24,21,0),MOD($C6048,24)+1)/SUM(INDEX($D$3:$AA$30,INDEX(Jesper!$R$2:$R$366,ROW(INDEX(Jesper!AL$2:AL$366,ROUNDDOWN($C6048/24,0)+1,1))-1)+IF('Standard Profiles'!$G$22=$B$10,7,0)+IF('Standard Profiles'!$G$22=$B$17,14,0)+IF('Standard Profiles'!$G$22=$B$24,21,0),0)),0)</f>
        <v>0</v>
      </c>
      <c r="I6048">
        <f t="shared" si="671"/>
        <v>0.15455148318942238</v>
      </c>
      <c r="J6048">
        <f t="shared" si="672"/>
        <v>0.51517161063140804</v>
      </c>
      <c r="K6048">
        <f t="shared" si="673"/>
        <v>0.77275741594711211</v>
      </c>
      <c r="L6048">
        <f t="shared" si="674"/>
        <v>11.993159986798871</v>
      </c>
      <c r="M6048">
        <f t="shared" si="675"/>
        <v>0</v>
      </c>
      <c r="N6048" s="46">
        <f t="shared" si="676"/>
        <v>45542.583333318747</v>
      </c>
    </row>
    <row r="6049" spans="2:14" x14ac:dyDescent="0.3">
      <c r="B6049">
        <f t="shared" si="670"/>
        <v>6</v>
      </c>
      <c r="C6049" s="16">
        <v>6015</v>
      </c>
      <c r="D6049" cm="1">
        <f t="array" ref="D6049">IFERROR(INDEX(Jesper!AH$2:AH$366,ROUNDDOWN($C6049/24,0)+1,1)*INDEX($D$3:$AA$30,INDEX(Jesper!$R$2:$R$366,ROW(INDEX(Jesper!AH$2:AH$366,ROUNDDOWN($C6049/24,0)+1,1))-1)+IF('Standard Profiles'!$G$18=$B$10,7,0)+IF('Standard Profiles'!$G$18=$B$17,14,0)+IF('Standard Profiles'!$G$18=$B$24,21,0),MOD($C6049,24)+1)/SUM(INDEX($D$3:$AA$30,INDEX(Jesper!$R$2:$R$366,ROW(INDEX(Jesper!AH$2:AH$366,ROUNDDOWN($C6049/24,0)+1,1))-1)+IF('Standard Profiles'!$G$18=$B$10,7,0)+IF('Standard Profiles'!$G$18=$B$17,14,0)+IF('Standard Profiles'!$G$18=$B$24,21,0),0)),0)</f>
        <v>10.596272002586835</v>
      </c>
      <c r="E6049" cm="1">
        <f t="array" ref="E6049">IFERROR(INDEX(Jesper!AI$2:AI$366,ROUNDDOWN($C6049/24,0)+1,1)*INDEX($D$3:$AA$30,INDEX(Jesper!$R$2:$R$366,ROW(INDEX(Jesper!AI$2:AI$366,ROUNDDOWN($C6049/24,0)+1,1))-1)+IF('Standard Profiles'!$G$19=$B$10,7,0)+IF('Standard Profiles'!$G$19=$B$17,14,0)+IF('Standard Profiles'!$G$19=$B$24,21,0),MOD($C6049,24)+1)/SUM(INDEX($D$3:$AA$30,INDEX(Jesper!$R$2:$R$366,ROW(INDEX(Jesper!AI$2:AI$366,ROUNDDOWN($C6049/24,0)+1,1))-1)+IF('Standard Profiles'!$G$19=$B$10,7,0)+IF('Standard Profiles'!$G$19=$B$17,14,0)+IF('Standard Profiles'!$G$19=$B$24,21,0),0)),0)</f>
        <v>1.5510194052680935</v>
      </c>
      <c r="F6049" cm="1">
        <f t="array" ref="F6049">IFERROR(INDEX(Jesper!AJ$2:AJ$366,ROUNDDOWN($C6049/24,0)+1,1)*INDEX($D$3:$AA$30,INDEX(Jesper!$R$2:$R$366,ROW(INDEX(Jesper!AJ$2:AJ$366,ROUNDDOWN($C6049/24,0)+1,1))-1)+IF('Standard Profiles'!$G$20=$B$10,7,0)+IF('Standard Profiles'!$G$20=$B$17,14,0)+IF('Standard Profiles'!$G$20=$B$24,21,0),MOD($C6049,24)+1)/SUM(INDEX($D$3:$AA$30,INDEX(Jesper!$R$2:$R$366,ROW(INDEX(Jesper!AJ$2:AJ$366,ROUNDDOWN($C6049/24,0)+1,1))-1)+IF('Standard Profiles'!$G$20=$B$10,7,0)+IF('Standard Profiles'!$G$20=$B$17,14,0)+IF('Standard Profiles'!$G$20=$B$24,21,0),0)),0)</f>
        <v>0</v>
      </c>
      <c r="G6049" cm="1">
        <f t="array" ref="G6049">IFERROR(INDEX(Jesper!AK$2:AK$366,ROUNDDOWN($C6049/24,0)+1,1)*INDEX($D$3:$AA$30,INDEX(Jesper!$R$2:$R$366,ROW(INDEX(Jesper!AK$2:AK$366,ROUNDDOWN($C6049/24,0)+1,1))-1)+IF('Standard Profiles'!$G$21=$B$10,7,0)+IF('Standard Profiles'!$G$21=$B$17,14,0)+IF('Standard Profiles'!$G$21=$B$24,21,0),MOD($C6049,24)+1)/SUM(INDEX($D$3:$AA$30,INDEX(Jesper!$R$2:$R$366,ROW(INDEX(Jesper!AK$2:AK$366,ROUNDDOWN($C6049/24,0)+1,1))-1)+IF('Standard Profiles'!$G$21=$B$10,7,0)+IF('Standard Profiles'!$G$21=$B$17,14,0)+IF('Standard Profiles'!$G$21=$B$24,21,0),0)),0)</f>
        <v>0</v>
      </c>
      <c r="H6049" cm="1">
        <f t="array" ref="H6049">IFERROR(INDEX(Jesper!AL$2:AL$366,ROUNDDOWN($C6049/24,0)+1,1)*INDEX($D$3:$AA$30,INDEX(Jesper!$R$2:$R$366,ROW(INDEX(Jesper!AL$2:AL$366,ROUNDDOWN($C6049/24,0)+1,1))-1)+IF('Standard Profiles'!$G$22=$B$10,7,0)+IF('Standard Profiles'!$G$22=$B$17,14,0)+IF('Standard Profiles'!$G$22=$B$24,21,0),MOD($C6049,24)+1)/SUM(INDEX($D$3:$AA$30,INDEX(Jesper!$R$2:$R$366,ROW(INDEX(Jesper!AL$2:AL$366,ROUNDDOWN($C6049/24,0)+1,1))-1)+IF('Standard Profiles'!$G$22=$B$10,7,0)+IF('Standard Profiles'!$G$22=$B$17,14,0)+IF('Standard Profiles'!$G$22=$B$24,21,0),0)),0)</f>
        <v>0</v>
      </c>
      <c r="I6049">
        <f t="shared" si="671"/>
        <v>0.13973147795208052</v>
      </c>
      <c r="J6049">
        <f t="shared" si="672"/>
        <v>0.46577159317360184</v>
      </c>
      <c r="K6049">
        <f t="shared" si="673"/>
        <v>0.6986573897604027</v>
      </c>
      <c r="L6049">
        <f t="shared" si="674"/>
        <v>10.843130946968843</v>
      </c>
      <c r="M6049">
        <f t="shared" si="675"/>
        <v>0</v>
      </c>
      <c r="N6049" s="46">
        <f t="shared" si="676"/>
        <v>45542.624999985412</v>
      </c>
    </row>
    <row r="6050" spans="2:14" x14ac:dyDescent="0.3">
      <c r="B6050">
        <f t="shared" si="670"/>
        <v>6</v>
      </c>
      <c r="C6050" s="16">
        <v>6016</v>
      </c>
      <c r="D6050" cm="1">
        <f t="array" ref="D6050">IFERROR(INDEX(Jesper!AH$2:AH$366,ROUNDDOWN($C6050/24,0)+1,1)*INDEX($D$3:$AA$30,INDEX(Jesper!$R$2:$R$366,ROW(INDEX(Jesper!AH$2:AH$366,ROUNDDOWN($C6050/24,0)+1,1))-1)+IF('Standard Profiles'!$G$18=$B$10,7,0)+IF('Standard Profiles'!$G$18=$B$17,14,0)+IF('Standard Profiles'!$G$18=$B$24,21,0),MOD($C6050,24)+1)/SUM(INDEX($D$3:$AA$30,INDEX(Jesper!$R$2:$R$366,ROW(INDEX(Jesper!AH$2:AH$366,ROUNDDOWN($C6050/24,0)+1,1))-1)+IF('Standard Profiles'!$G$18=$B$10,7,0)+IF('Standard Profiles'!$G$18=$B$17,14,0)+IF('Standard Profiles'!$G$18=$B$24,21,0),0)),0)</f>
        <v>9.6329745478062119</v>
      </c>
      <c r="E6050" cm="1">
        <f t="array" ref="E6050">IFERROR(INDEX(Jesper!AI$2:AI$366,ROUNDDOWN($C6050/24,0)+1,1)*INDEX($D$3:$AA$30,INDEX(Jesper!$R$2:$R$366,ROW(INDEX(Jesper!AI$2:AI$366,ROUNDDOWN($C6050/24,0)+1,1))-1)+IF('Standard Profiles'!$G$19=$B$10,7,0)+IF('Standard Profiles'!$G$19=$B$17,14,0)+IF('Standard Profiles'!$G$19=$B$24,21,0),MOD($C6050,24)+1)/SUM(INDEX($D$3:$AA$30,INDEX(Jesper!$R$2:$R$366,ROW(INDEX(Jesper!AI$2:AI$366,ROUNDDOWN($C6050/24,0)+1,1))-1)+IF('Standard Profiles'!$G$19=$B$10,7,0)+IF('Standard Profiles'!$G$19=$B$17,14,0)+IF('Standard Profiles'!$G$19=$B$24,21,0),0)),0)</f>
        <v>1.4100176411528123</v>
      </c>
      <c r="F6050" cm="1">
        <f t="array" ref="F6050">IFERROR(INDEX(Jesper!AJ$2:AJ$366,ROUNDDOWN($C6050/24,0)+1,1)*INDEX($D$3:$AA$30,INDEX(Jesper!$R$2:$R$366,ROW(INDEX(Jesper!AJ$2:AJ$366,ROUNDDOWN($C6050/24,0)+1,1))-1)+IF('Standard Profiles'!$G$20=$B$10,7,0)+IF('Standard Profiles'!$G$20=$B$17,14,0)+IF('Standard Profiles'!$G$20=$B$24,21,0),MOD($C6050,24)+1)/SUM(INDEX($D$3:$AA$30,INDEX(Jesper!$R$2:$R$366,ROW(INDEX(Jesper!AJ$2:AJ$366,ROUNDDOWN($C6050/24,0)+1,1))-1)+IF('Standard Profiles'!$G$20=$B$10,7,0)+IF('Standard Profiles'!$G$20=$B$17,14,0)+IF('Standard Profiles'!$G$20=$B$24,21,0),0)),0)</f>
        <v>0</v>
      </c>
      <c r="G6050" cm="1">
        <f t="array" ref="G6050">IFERROR(INDEX(Jesper!AK$2:AK$366,ROUNDDOWN($C6050/24,0)+1,1)*INDEX($D$3:$AA$30,INDEX(Jesper!$R$2:$R$366,ROW(INDEX(Jesper!AK$2:AK$366,ROUNDDOWN($C6050/24,0)+1,1))-1)+IF('Standard Profiles'!$G$21=$B$10,7,0)+IF('Standard Profiles'!$G$21=$B$17,14,0)+IF('Standard Profiles'!$G$21=$B$24,21,0),MOD($C6050,24)+1)/SUM(INDEX($D$3:$AA$30,INDEX(Jesper!$R$2:$R$366,ROW(INDEX(Jesper!AK$2:AK$366,ROUNDDOWN($C6050/24,0)+1,1))-1)+IF('Standard Profiles'!$G$21=$B$10,7,0)+IF('Standard Profiles'!$G$21=$B$17,14,0)+IF('Standard Profiles'!$G$21=$B$24,21,0),0)),0)</f>
        <v>0</v>
      </c>
      <c r="H6050" cm="1">
        <f t="array" ref="H6050">IFERROR(INDEX(Jesper!AL$2:AL$366,ROUNDDOWN($C6050/24,0)+1,1)*INDEX($D$3:$AA$30,INDEX(Jesper!$R$2:$R$366,ROW(INDEX(Jesper!AL$2:AL$366,ROUNDDOWN($C6050/24,0)+1,1))-1)+IF('Standard Profiles'!$G$22=$B$10,7,0)+IF('Standard Profiles'!$G$22=$B$17,14,0)+IF('Standard Profiles'!$G$22=$B$24,21,0),MOD($C6050,24)+1)/SUM(INDEX($D$3:$AA$30,INDEX(Jesper!$R$2:$R$366,ROW(INDEX(Jesper!AL$2:AL$366,ROUNDDOWN($C6050/24,0)+1,1))-1)+IF('Standard Profiles'!$G$22=$B$10,7,0)+IF('Standard Profiles'!$G$22=$B$17,14,0)+IF('Standard Profiles'!$G$22=$B$24,21,0),0)),0)</f>
        <v>0</v>
      </c>
      <c r="I6050">
        <f t="shared" si="671"/>
        <v>0.1270286163200732</v>
      </c>
      <c r="J6050">
        <f t="shared" si="672"/>
        <v>0.42342872106691076</v>
      </c>
      <c r="K6050">
        <f t="shared" si="673"/>
        <v>0.63514308160036614</v>
      </c>
      <c r="L6050">
        <f t="shared" si="674"/>
        <v>9.8573917699716738</v>
      </c>
      <c r="M6050">
        <f t="shared" si="675"/>
        <v>0</v>
      </c>
      <c r="N6050" s="46">
        <f t="shared" si="676"/>
        <v>45542.666666652076</v>
      </c>
    </row>
    <row r="6051" spans="2:14" x14ac:dyDescent="0.3">
      <c r="B6051">
        <f t="shared" ref="B6051:B6114" si="677">WEEKDAY(N6051,2)</f>
        <v>6</v>
      </c>
      <c r="C6051" s="16">
        <v>6017</v>
      </c>
      <c r="D6051" cm="1">
        <f t="array" ref="D6051">IFERROR(INDEX(Jesper!AH$2:AH$366,ROUNDDOWN($C6051/24,0)+1,1)*INDEX($D$3:$AA$30,INDEX(Jesper!$R$2:$R$366,ROW(INDEX(Jesper!AH$2:AH$366,ROUNDDOWN($C6051/24,0)+1,1))-1)+IF('Standard Profiles'!$G$18=$B$10,7,0)+IF('Standard Profiles'!$G$18=$B$17,14,0)+IF('Standard Profiles'!$G$18=$B$24,21,0),MOD($C6051,24)+1)/SUM(INDEX($D$3:$AA$30,INDEX(Jesper!$R$2:$R$366,ROW(INDEX(Jesper!AH$2:AH$366,ROUNDDOWN($C6051/24,0)+1,1))-1)+IF('Standard Profiles'!$G$18=$B$10,7,0)+IF('Standard Profiles'!$G$18=$B$17,14,0)+IF('Standard Profiles'!$G$18=$B$24,21,0),0)),0)</f>
        <v>8.6696770930255909</v>
      </c>
      <c r="E6051" cm="1">
        <f t="array" ref="E6051">IFERROR(INDEX(Jesper!AI$2:AI$366,ROUNDDOWN($C6051/24,0)+1,1)*INDEX($D$3:$AA$30,INDEX(Jesper!$R$2:$R$366,ROW(INDEX(Jesper!AI$2:AI$366,ROUNDDOWN($C6051/24,0)+1,1))-1)+IF('Standard Profiles'!$G$19=$B$10,7,0)+IF('Standard Profiles'!$G$19=$B$17,14,0)+IF('Standard Profiles'!$G$19=$B$24,21,0),MOD($C6051,24)+1)/SUM(INDEX($D$3:$AA$30,INDEX(Jesper!$R$2:$R$366,ROW(INDEX(Jesper!AI$2:AI$366,ROUNDDOWN($C6051/24,0)+1,1))-1)+IF('Standard Profiles'!$G$19=$B$10,7,0)+IF('Standard Profiles'!$G$19=$B$17,14,0)+IF('Standard Profiles'!$G$19=$B$24,21,0),0)),0)</f>
        <v>1.269015877037531</v>
      </c>
      <c r="F6051" cm="1">
        <f t="array" ref="F6051">IFERROR(INDEX(Jesper!AJ$2:AJ$366,ROUNDDOWN($C6051/24,0)+1,1)*INDEX($D$3:$AA$30,INDEX(Jesper!$R$2:$R$366,ROW(INDEX(Jesper!AJ$2:AJ$366,ROUNDDOWN($C6051/24,0)+1,1))-1)+IF('Standard Profiles'!$G$20=$B$10,7,0)+IF('Standard Profiles'!$G$20=$B$17,14,0)+IF('Standard Profiles'!$G$20=$B$24,21,0),MOD($C6051,24)+1)/SUM(INDEX($D$3:$AA$30,INDEX(Jesper!$R$2:$R$366,ROW(INDEX(Jesper!AJ$2:AJ$366,ROUNDDOWN($C6051/24,0)+1,1))-1)+IF('Standard Profiles'!$G$20=$B$10,7,0)+IF('Standard Profiles'!$G$20=$B$17,14,0)+IF('Standard Profiles'!$G$20=$B$24,21,0),0)),0)</f>
        <v>0</v>
      </c>
      <c r="G6051" cm="1">
        <f t="array" ref="G6051">IFERROR(INDEX(Jesper!AK$2:AK$366,ROUNDDOWN($C6051/24,0)+1,1)*INDEX($D$3:$AA$30,INDEX(Jesper!$R$2:$R$366,ROW(INDEX(Jesper!AK$2:AK$366,ROUNDDOWN($C6051/24,0)+1,1))-1)+IF('Standard Profiles'!$G$21=$B$10,7,0)+IF('Standard Profiles'!$G$21=$B$17,14,0)+IF('Standard Profiles'!$G$21=$B$24,21,0),MOD($C6051,24)+1)/SUM(INDEX($D$3:$AA$30,INDEX(Jesper!$R$2:$R$366,ROW(INDEX(Jesper!AK$2:AK$366,ROUNDDOWN($C6051/24,0)+1,1))-1)+IF('Standard Profiles'!$G$21=$B$10,7,0)+IF('Standard Profiles'!$G$21=$B$17,14,0)+IF('Standard Profiles'!$G$21=$B$24,21,0),0)),0)</f>
        <v>0</v>
      </c>
      <c r="H6051" cm="1">
        <f t="array" ref="H6051">IFERROR(INDEX(Jesper!AL$2:AL$366,ROUNDDOWN($C6051/24,0)+1,1)*INDEX($D$3:$AA$30,INDEX(Jesper!$R$2:$R$366,ROW(INDEX(Jesper!AL$2:AL$366,ROUNDDOWN($C6051/24,0)+1,1))-1)+IF('Standard Profiles'!$G$22=$B$10,7,0)+IF('Standard Profiles'!$G$22=$B$17,14,0)+IF('Standard Profiles'!$G$22=$B$24,21,0),MOD($C6051,24)+1)/SUM(INDEX($D$3:$AA$30,INDEX(Jesper!$R$2:$R$366,ROW(INDEX(Jesper!AL$2:AL$366,ROUNDDOWN($C6051/24,0)+1,1))-1)+IF('Standard Profiles'!$G$22=$B$10,7,0)+IF('Standard Profiles'!$G$22=$B$17,14,0)+IF('Standard Profiles'!$G$22=$B$24,21,0),0)),0)</f>
        <v>0</v>
      </c>
      <c r="I6051">
        <f t="shared" ref="I6051:I6114" si="678">IF($B6051&lt;6,AC$37*$D6051+AC$38*$E6051+AC$39*$F6051+AC$40*$G6051,AC$46*$D6051+AC$47*$E6051+AC$48*$F6051+AC$49*$G6051+AC$50*$H6051)</f>
        <v>0.11432575468806588</v>
      </c>
      <c r="J6051">
        <f t="shared" ref="J6051:J6114" si="679">IF($B6051&lt;6,AD$37*$D6051+AD$38*$E6051+AD$39*$F6051+AD$40*$G6051,AD$46*$D6051+AD$47*$E6051+AD$48*$F6051+AD$49*$G6051+AD$50*$H6051)</f>
        <v>0.38108584896021969</v>
      </c>
      <c r="K6051">
        <f t="shared" ref="K6051:K6114" si="680">IF($B6051&lt;6,AE$37*$D6051+AE$38*$E6051+AE$39*$F6051+AE$40*$G6051,AE$46*$D6051+AE$47*$E6051+AE$48*$F6051+AE$49*$G6051+AE$50*$H6051)</f>
        <v>0.57162877344032947</v>
      </c>
      <c r="L6051">
        <f t="shared" ref="L6051:L6114" si="681">IF($B6051&lt;6,AF$37*$D6051+AF$38*$E6051+AF$39*$F6051+AF$40*$G6051,AF$46*$D6051+AF$47*$E6051+AF$48*$F6051+AF$49*$G6051+AF$50*$H6051)</f>
        <v>8.871652592974506</v>
      </c>
      <c r="M6051">
        <f t="shared" ref="M6051:M6114" si="682">IF($B6051&lt;6,AG$37*$D6051+AG$38*$E6051+AG$39*$F6051+AG$40*$G6051,AG$46*$D6051+AG$47*$E6051+AG$48*$F6051+AG$49*$G6051+AG$50*$H6051)</f>
        <v>0</v>
      </c>
      <c r="N6051" s="46">
        <f t="shared" si="676"/>
        <v>45542.70833331874</v>
      </c>
    </row>
    <row r="6052" spans="2:14" x14ac:dyDescent="0.3">
      <c r="B6052">
        <f t="shared" si="677"/>
        <v>6</v>
      </c>
      <c r="C6052" s="16">
        <v>6018</v>
      </c>
      <c r="D6052" cm="1">
        <f t="array" ref="D6052">IFERROR(INDEX(Jesper!AH$2:AH$366,ROUNDDOWN($C6052/24,0)+1,1)*INDEX($D$3:$AA$30,INDEX(Jesper!$R$2:$R$366,ROW(INDEX(Jesper!AH$2:AH$366,ROUNDDOWN($C6052/24,0)+1,1))-1)+IF('Standard Profiles'!$G$18=$B$10,7,0)+IF('Standard Profiles'!$G$18=$B$17,14,0)+IF('Standard Profiles'!$G$18=$B$24,21,0),MOD($C6052,24)+1)/SUM(INDEX($D$3:$AA$30,INDEX(Jesper!$R$2:$R$366,ROW(INDEX(Jesper!AH$2:AH$366,ROUNDDOWN($C6052/24,0)+1,1))-1)+IF('Standard Profiles'!$G$18=$B$10,7,0)+IF('Standard Profiles'!$G$18=$B$17,14,0)+IF('Standard Profiles'!$G$18=$B$24,21,0),0)),0)</f>
        <v>8.3485779414320511</v>
      </c>
      <c r="E6052" cm="1">
        <f t="array" ref="E6052">IFERROR(INDEX(Jesper!AI$2:AI$366,ROUNDDOWN($C6052/24,0)+1,1)*INDEX($D$3:$AA$30,INDEX(Jesper!$R$2:$R$366,ROW(INDEX(Jesper!AI$2:AI$366,ROUNDDOWN($C6052/24,0)+1,1))-1)+IF('Standard Profiles'!$G$19=$B$10,7,0)+IF('Standard Profiles'!$G$19=$B$17,14,0)+IF('Standard Profiles'!$G$19=$B$24,21,0),MOD($C6052,24)+1)/SUM(INDEX($D$3:$AA$30,INDEX(Jesper!$R$2:$R$366,ROW(INDEX(Jesper!AI$2:AI$366,ROUNDDOWN($C6052/24,0)+1,1))-1)+IF('Standard Profiles'!$G$19=$B$10,7,0)+IF('Standard Profiles'!$G$19=$B$17,14,0)+IF('Standard Profiles'!$G$19=$B$24,21,0),0)),0)</f>
        <v>1.2220152889991038</v>
      </c>
      <c r="F6052" cm="1">
        <f t="array" ref="F6052">IFERROR(INDEX(Jesper!AJ$2:AJ$366,ROUNDDOWN($C6052/24,0)+1,1)*INDEX($D$3:$AA$30,INDEX(Jesper!$R$2:$R$366,ROW(INDEX(Jesper!AJ$2:AJ$366,ROUNDDOWN($C6052/24,0)+1,1))-1)+IF('Standard Profiles'!$G$20=$B$10,7,0)+IF('Standard Profiles'!$G$20=$B$17,14,0)+IF('Standard Profiles'!$G$20=$B$24,21,0),MOD($C6052,24)+1)/SUM(INDEX($D$3:$AA$30,INDEX(Jesper!$R$2:$R$366,ROW(INDEX(Jesper!AJ$2:AJ$366,ROUNDDOWN($C6052/24,0)+1,1))-1)+IF('Standard Profiles'!$G$20=$B$10,7,0)+IF('Standard Profiles'!$G$20=$B$17,14,0)+IF('Standard Profiles'!$G$20=$B$24,21,0),0)),0)</f>
        <v>0</v>
      </c>
      <c r="G6052" cm="1">
        <f t="array" ref="G6052">IFERROR(INDEX(Jesper!AK$2:AK$366,ROUNDDOWN($C6052/24,0)+1,1)*INDEX($D$3:$AA$30,INDEX(Jesper!$R$2:$R$366,ROW(INDEX(Jesper!AK$2:AK$366,ROUNDDOWN($C6052/24,0)+1,1))-1)+IF('Standard Profiles'!$G$21=$B$10,7,0)+IF('Standard Profiles'!$G$21=$B$17,14,0)+IF('Standard Profiles'!$G$21=$B$24,21,0),MOD($C6052,24)+1)/SUM(INDEX($D$3:$AA$30,INDEX(Jesper!$R$2:$R$366,ROW(INDEX(Jesper!AK$2:AK$366,ROUNDDOWN($C6052/24,0)+1,1))-1)+IF('Standard Profiles'!$G$21=$B$10,7,0)+IF('Standard Profiles'!$G$21=$B$17,14,0)+IF('Standard Profiles'!$G$21=$B$24,21,0),0)),0)</f>
        <v>0</v>
      </c>
      <c r="H6052" cm="1">
        <f t="array" ref="H6052">IFERROR(INDEX(Jesper!AL$2:AL$366,ROUNDDOWN($C6052/24,0)+1,1)*INDEX($D$3:$AA$30,INDEX(Jesper!$R$2:$R$366,ROW(INDEX(Jesper!AL$2:AL$366,ROUNDDOWN($C6052/24,0)+1,1))-1)+IF('Standard Profiles'!$G$22=$B$10,7,0)+IF('Standard Profiles'!$G$22=$B$17,14,0)+IF('Standard Profiles'!$G$22=$B$24,21,0),MOD($C6052,24)+1)/SUM(INDEX($D$3:$AA$30,INDEX(Jesper!$R$2:$R$366,ROW(INDEX(Jesper!AL$2:AL$366,ROUNDDOWN($C6052/24,0)+1,1))-1)+IF('Standard Profiles'!$G$22=$B$10,7,0)+IF('Standard Profiles'!$G$22=$B$17,14,0)+IF('Standard Profiles'!$G$22=$B$24,21,0),0)),0)</f>
        <v>0</v>
      </c>
      <c r="I6052">
        <f t="shared" si="678"/>
        <v>0.11009146747739677</v>
      </c>
      <c r="J6052">
        <f t="shared" si="679"/>
        <v>0.36697155825798927</v>
      </c>
      <c r="K6052">
        <f t="shared" si="680"/>
        <v>0.55045733738698388</v>
      </c>
      <c r="L6052">
        <f t="shared" si="681"/>
        <v>8.5430728673087852</v>
      </c>
      <c r="M6052">
        <f t="shared" si="682"/>
        <v>0</v>
      </c>
      <c r="N6052" s="46">
        <f t="shared" ref="N6052:N6115" si="683">N6051+1/24</f>
        <v>45542.749999985404</v>
      </c>
    </row>
    <row r="6053" spans="2:14" x14ac:dyDescent="0.3">
      <c r="B6053">
        <f t="shared" si="677"/>
        <v>6</v>
      </c>
      <c r="C6053" s="16">
        <v>6019</v>
      </c>
      <c r="D6053" cm="1">
        <f t="array" ref="D6053">IFERROR(INDEX(Jesper!AH$2:AH$366,ROUNDDOWN($C6053/24,0)+1,1)*INDEX($D$3:$AA$30,INDEX(Jesper!$R$2:$R$366,ROW(INDEX(Jesper!AH$2:AH$366,ROUNDDOWN($C6053/24,0)+1,1))-1)+IF('Standard Profiles'!$G$18=$B$10,7,0)+IF('Standard Profiles'!$G$18=$B$17,14,0)+IF('Standard Profiles'!$G$18=$B$24,21,0),MOD($C6053,24)+1)/SUM(INDEX($D$3:$AA$30,INDEX(Jesper!$R$2:$R$366,ROW(INDEX(Jesper!AH$2:AH$366,ROUNDDOWN($C6053/24,0)+1,1))-1)+IF('Standard Profiles'!$G$18=$B$10,7,0)+IF('Standard Profiles'!$G$18=$B$17,14,0)+IF('Standard Profiles'!$G$18=$B$24,21,0),0)),0)</f>
        <v>6.743082183464348</v>
      </c>
      <c r="E6053" cm="1">
        <f t="array" ref="E6053">IFERROR(INDEX(Jesper!AI$2:AI$366,ROUNDDOWN($C6053/24,0)+1,1)*INDEX($D$3:$AA$30,INDEX(Jesper!$R$2:$R$366,ROW(INDEX(Jesper!AI$2:AI$366,ROUNDDOWN($C6053/24,0)+1,1))-1)+IF('Standard Profiles'!$G$19=$B$10,7,0)+IF('Standard Profiles'!$G$19=$B$17,14,0)+IF('Standard Profiles'!$G$19=$B$24,21,0),MOD($C6053,24)+1)/SUM(INDEX($D$3:$AA$30,INDEX(Jesper!$R$2:$R$366,ROW(INDEX(Jesper!AI$2:AI$366,ROUNDDOWN($C6053/24,0)+1,1))-1)+IF('Standard Profiles'!$G$19=$B$10,7,0)+IF('Standard Profiles'!$G$19=$B$17,14,0)+IF('Standard Profiles'!$G$19=$B$24,21,0),0)),0)</f>
        <v>0.98701234880696842</v>
      </c>
      <c r="F6053" cm="1">
        <f t="array" ref="F6053">IFERROR(INDEX(Jesper!AJ$2:AJ$366,ROUNDDOWN($C6053/24,0)+1,1)*INDEX($D$3:$AA$30,INDEX(Jesper!$R$2:$R$366,ROW(INDEX(Jesper!AJ$2:AJ$366,ROUNDDOWN($C6053/24,0)+1,1))-1)+IF('Standard Profiles'!$G$20=$B$10,7,0)+IF('Standard Profiles'!$G$20=$B$17,14,0)+IF('Standard Profiles'!$G$20=$B$24,21,0),MOD($C6053,24)+1)/SUM(INDEX($D$3:$AA$30,INDEX(Jesper!$R$2:$R$366,ROW(INDEX(Jesper!AJ$2:AJ$366,ROUNDDOWN($C6053/24,0)+1,1))-1)+IF('Standard Profiles'!$G$20=$B$10,7,0)+IF('Standard Profiles'!$G$20=$B$17,14,0)+IF('Standard Profiles'!$G$20=$B$24,21,0),0)),0)</f>
        <v>0</v>
      </c>
      <c r="G6053" cm="1">
        <f t="array" ref="G6053">IFERROR(INDEX(Jesper!AK$2:AK$366,ROUNDDOWN($C6053/24,0)+1,1)*INDEX($D$3:$AA$30,INDEX(Jesper!$R$2:$R$366,ROW(INDEX(Jesper!AK$2:AK$366,ROUNDDOWN($C6053/24,0)+1,1))-1)+IF('Standard Profiles'!$G$21=$B$10,7,0)+IF('Standard Profiles'!$G$21=$B$17,14,0)+IF('Standard Profiles'!$G$21=$B$24,21,0),MOD($C6053,24)+1)/SUM(INDEX($D$3:$AA$30,INDEX(Jesper!$R$2:$R$366,ROW(INDEX(Jesper!AK$2:AK$366,ROUNDDOWN($C6053/24,0)+1,1))-1)+IF('Standard Profiles'!$G$21=$B$10,7,0)+IF('Standard Profiles'!$G$21=$B$17,14,0)+IF('Standard Profiles'!$G$21=$B$24,21,0),0)),0)</f>
        <v>0</v>
      </c>
      <c r="H6053" cm="1">
        <f t="array" ref="H6053">IFERROR(INDEX(Jesper!AL$2:AL$366,ROUNDDOWN($C6053/24,0)+1,1)*INDEX($D$3:$AA$30,INDEX(Jesper!$R$2:$R$366,ROW(INDEX(Jesper!AL$2:AL$366,ROUNDDOWN($C6053/24,0)+1,1))-1)+IF('Standard Profiles'!$G$22=$B$10,7,0)+IF('Standard Profiles'!$G$22=$B$17,14,0)+IF('Standard Profiles'!$G$22=$B$24,21,0),MOD($C6053,24)+1)/SUM(INDEX($D$3:$AA$30,INDEX(Jesper!$R$2:$R$366,ROW(INDEX(Jesper!AL$2:AL$366,ROUNDDOWN($C6053/24,0)+1,1))-1)+IF('Standard Profiles'!$G$22=$B$10,7,0)+IF('Standard Profiles'!$G$22=$B$17,14,0)+IF('Standard Profiles'!$G$22=$B$24,21,0),0)),0)</f>
        <v>0</v>
      </c>
      <c r="I6053">
        <f t="shared" si="678"/>
        <v>8.8920031424051235E-2</v>
      </c>
      <c r="J6053">
        <f t="shared" si="679"/>
        <v>0.29640010474683748</v>
      </c>
      <c r="K6053">
        <f t="shared" si="680"/>
        <v>0.44460015712025619</v>
      </c>
      <c r="L6053">
        <f t="shared" si="681"/>
        <v>6.9001742389801715</v>
      </c>
      <c r="M6053">
        <f t="shared" si="682"/>
        <v>0</v>
      </c>
      <c r="N6053" s="46">
        <f t="shared" si="683"/>
        <v>45542.791666652069</v>
      </c>
    </row>
    <row r="6054" spans="2:14" x14ac:dyDescent="0.3">
      <c r="B6054">
        <f t="shared" si="677"/>
        <v>6</v>
      </c>
      <c r="C6054" s="16">
        <v>6020</v>
      </c>
      <c r="D6054" cm="1">
        <f t="array" ref="D6054">IFERROR(INDEX(Jesper!AH$2:AH$366,ROUNDDOWN($C6054/24,0)+1,1)*INDEX($D$3:$AA$30,INDEX(Jesper!$R$2:$R$366,ROW(INDEX(Jesper!AH$2:AH$366,ROUNDDOWN($C6054/24,0)+1,1))-1)+IF('Standard Profiles'!$G$18=$B$10,7,0)+IF('Standard Profiles'!$G$18=$B$17,14,0)+IF('Standard Profiles'!$G$18=$B$24,21,0),MOD($C6054,24)+1)/SUM(INDEX($D$3:$AA$30,INDEX(Jesper!$R$2:$R$366,ROW(INDEX(Jesper!AH$2:AH$366,ROUNDDOWN($C6054/24,0)+1,1))-1)+IF('Standard Profiles'!$G$18=$B$10,7,0)+IF('Standard Profiles'!$G$18=$B$17,14,0)+IF('Standard Profiles'!$G$18=$B$24,21,0),0)),0)</f>
        <v>4.9770368496998758</v>
      </c>
      <c r="E6054" cm="1">
        <f t="array" ref="E6054">IFERROR(INDEX(Jesper!AI$2:AI$366,ROUNDDOWN($C6054/24,0)+1,1)*INDEX($D$3:$AA$30,INDEX(Jesper!$R$2:$R$366,ROW(INDEX(Jesper!AI$2:AI$366,ROUNDDOWN($C6054/24,0)+1,1))-1)+IF('Standard Profiles'!$G$19=$B$10,7,0)+IF('Standard Profiles'!$G$19=$B$17,14,0)+IF('Standard Profiles'!$G$19=$B$24,21,0),MOD($C6054,24)+1)/SUM(INDEX($D$3:$AA$30,INDEX(Jesper!$R$2:$R$366,ROW(INDEX(Jesper!AI$2:AI$366,ROUNDDOWN($C6054/24,0)+1,1))-1)+IF('Standard Profiles'!$G$19=$B$10,7,0)+IF('Standard Profiles'!$G$19=$B$17,14,0)+IF('Standard Profiles'!$G$19=$B$24,21,0),0)),0)</f>
        <v>0.72850911459561962</v>
      </c>
      <c r="F6054" cm="1">
        <f t="array" ref="F6054">IFERROR(INDEX(Jesper!AJ$2:AJ$366,ROUNDDOWN($C6054/24,0)+1,1)*INDEX($D$3:$AA$30,INDEX(Jesper!$R$2:$R$366,ROW(INDEX(Jesper!AJ$2:AJ$366,ROUNDDOWN($C6054/24,0)+1,1))-1)+IF('Standard Profiles'!$G$20=$B$10,7,0)+IF('Standard Profiles'!$G$20=$B$17,14,0)+IF('Standard Profiles'!$G$20=$B$24,21,0),MOD($C6054,24)+1)/SUM(INDEX($D$3:$AA$30,INDEX(Jesper!$R$2:$R$366,ROW(INDEX(Jesper!AJ$2:AJ$366,ROUNDDOWN($C6054/24,0)+1,1))-1)+IF('Standard Profiles'!$G$20=$B$10,7,0)+IF('Standard Profiles'!$G$20=$B$17,14,0)+IF('Standard Profiles'!$G$20=$B$24,21,0),0)),0)</f>
        <v>0</v>
      </c>
      <c r="G6054" cm="1">
        <f t="array" ref="G6054">IFERROR(INDEX(Jesper!AK$2:AK$366,ROUNDDOWN($C6054/24,0)+1,1)*INDEX($D$3:$AA$30,INDEX(Jesper!$R$2:$R$366,ROW(INDEX(Jesper!AK$2:AK$366,ROUNDDOWN($C6054/24,0)+1,1))-1)+IF('Standard Profiles'!$G$21=$B$10,7,0)+IF('Standard Profiles'!$G$21=$B$17,14,0)+IF('Standard Profiles'!$G$21=$B$24,21,0),MOD($C6054,24)+1)/SUM(INDEX($D$3:$AA$30,INDEX(Jesper!$R$2:$R$366,ROW(INDEX(Jesper!AK$2:AK$366,ROUNDDOWN($C6054/24,0)+1,1))-1)+IF('Standard Profiles'!$G$21=$B$10,7,0)+IF('Standard Profiles'!$G$21=$B$17,14,0)+IF('Standard Profiles'!$G$21=$B$24,21,0),0)),0)</f>
        <v>0</v>
      </c>
      <c r="H6054" cm="1">
        <f t="array" ref="H6054">IFERROR(INDEX(Jesper!AL$2:AL$366,ROUNDDOWN($C6054/24,0)+1,1)*INDEX($D$3:$AA$30,INDEX(Jesper!$R$2:$R$366,ROW(INDEX(Jesper!AL$2:AL$366,ROUNDDOWN($C6054/24,0)+1,1))-1)+IF('Standard Profiles'!$G$22=$B$10,7,0)+IF('Standard Profiles'!$G$22=$B$17,14,0)+IF('Standard Profiles'!$G$22=$B$24,21,0),MOD($C6054,24)+1)/SUM(INDEX($D$3:$AA$30,INDEX(Jesper!$R$2:$R$366,ROW(INDEX(Jesper!AL$2:AL$366,ROUNDDOWN($C6054/24,0)+1,1))-1)+IF('Standard Profiles'!$G$22=$B$10,7,0)+IF('Standard Profiles'!$G$22=$B$17,14,0)+IF('Standard Profiles'!$G$22=$B$24,21,0),0)),0)</f>
        <v>0</v>
      </c>
      <c r="I6054">
        <f t="shared" si="678"/>
        <v>6.5631451765371149E-2</v>
      </c>
      <c r="J6054">
        <f t="shared" si="679"/>
        <v>0.21877150588457053</v>
      </c>
      <c r="K6054">
        <f t="shared" si="680"/>
        <v>0.32815725882685581</v>
      </c>
      <c r="L6054">
        <f t="shared" si="681"/>
        <v>5.0929857478186982</v>
      </c>
      <c r="M6054">
        <f t="shared" si="682"/>
        <v>0</v>
      </c>
      <c r="N6054" s="46">
        <f t="shared" si="683"/>
        <v>45542.833333318733</v>
      </c>
    </row>
    <row r="6055" spans="2:14" x14ac:dyDescent="0.3">
      <c r="B6055">
        <f t="shared" si="677"/>
        <v>6</v>
      </c>
      <c r="C6055" s="16">
        <v>6021</v>
      </c>
      <c r="D6055" cm="1">
        <f t="array" ref="D6055">IFERROR(INDEX(Jesper!AH$2:AH$366,ROUNDDOWN($C6055/24,0)+1,1)*INDEX($D$3:$AA$30,INDEX(Jesper!$R$2:$R$366,ROW(INDEX(Jesper!AH$2:AH$366,ROUNDDOWN($C6055/24,0)+1,1))-1)+IF('Standard Profiles'!$G$18=$B$10,7,0)+IF('Standard Profiles'!$G$18=$B$17,14,0)+IF('Standard Profiles'!$G$18=$B$24,21,0),MOD($C6055,24)+1)/SUM(INDEX($D$3:$AA$30,INDEX(Jesper!$R$2:$R$366,ROW(INDEX(Jesper!AH$2:AH$366,ROUNDDOWN($C6055/24,0)+1,1))-1)+IF('Standard Profiles'!$G$18=$B$10,7,0)+IF('Standard Profiles'!$G$18=$B$17,14,0)+IF('Standard Profiles'!$G$18=$B$24,21,0),0)),0)</f>
        <v>4.9770368496998758</v>
      </c>
      <c r="E6055" cm="1">
        <f t="array" ref="E6055">IFERROR(INDEX(Jesper!AI$2:AI$366,ROUNDDOWN($C6055/24,0)+1,1)*INDEX($D$3:$AA$30,INDEX(Jesper!$R$2:$R$366,ROW(INDEX(Jesper!AI$2:AI$366,ROUNDDOWN($C6055/24,0)+1,1))-1)+IF('Standard Profiles'!$G$19=$B$10,7,0)+IF('Standard Profiles'!$G$19=$B$17,14,0)+IF('Standard Profiles'!$G$19=$B$24,21,0),MOD($C6055,24)+1)/SUM(INDEX($D$3:$AA$30,INDEX(Jesper!$R$2:$R$366,ROW(INDEX(Jesper!AI$2:AI$366,ROUNDDOWN($C6055/24,0)+1,1))-1)+IF('Standard Profiles'!$G$19=$B$10,7,0)+IF('Standard Profiles'!$G$19=$B$17,14,0)+IF('Standard Profiles'!$G$19=$B$24,21,0),0)),0)</f>
        <v>0.72850911459561962</v>
      </c>
      <c r="F6055" cm="1">
        <f t="array" ref="F6055">IFERROR(INDEX(Jesper!AJ$2:AJ$366,ROUNDDOWN($C6055/24,0)+1,1)*INDEX($D$3:$AA$30,INDEX(Jesper!$R$2:$R$366,ROW(INDEX(Jesper!AJ$2:AJ$366,ROUNDDOWN($C6055/24,0)+1,1))-1)+IF('Standard Profiles'!$G$20=$B$10,7,0)+IF('Standard Profiles'!$G$20=$B$17,14,0)+IF('Standard Profiles'!$G$20=$B$24,21,0),MOD($C6055,24)+1)/SUM(INDEX($D$3:$AA$30,INDEX(Jesper!$R$2:$R$366,ROW(INDEX(Jesper!AJ$2:AJ$366,ROUNDDOWN($C6055/24,0)+1,1))-1)+IF('Standard Profiles'!$G$20=$B$10,7,0)+IF('Standard Profiles'!$G$20=$B$17,14,0)+IF('Standard Profiles'!$G$20=$B$24,21,0),0)),0)</f>
        <v>0</v>
      </c>
      <c r="G6055" cm="1">
        <f t="array" ref="G6055">IFERROR(INDEX(Jesper!AK$2:AK$366,ROUNDDOWN($C6055/24,0)+1,1)*INDEX($D$3:$AA$30,INDEX(Jesper!$R$2:$R$366,ROW(INDEX(Jesper!AK$2:AK$366,ROUNDDOWN($C6055/24,0)+1,1))-1)+IF('Standard Profiles'!$G$21=$B$10,7,0)+IF('Standard Profiles'!$G$21=$B$17,14,0)+IF('Standard Profiles'!$G$21=$B$24,21,0),MOD($C6055,24)+1)/SUM(INDEX($D$3:$AA$30,INDEX(Jesper!$R$2:$R$366,ROW(INDEX(Jesper!AK$2:AK$366,ROUNDDOWN($C6055/24,0)+1,1))-1)+IF('Standard Profiles'!$G$21=$B$10,7,0)+IF('Standard Profiles'!$G$21=$B$17,14,0)+IF('Standard Profiles'!$G$21=$B$24,21,0),0)),0)</f>
        <v>0</v>
      </c>
      <c r="H6055" cm="1">
        <f t="array" ref="H6055">IFERROR(INDEX(Jesper!AL$2:AL$366,ROUNDDOWN($C6055/24,0)+1,1)*INDEX($D$3:$AA$30,INDEX(Jesper!$R$2:$R$366,ROW(INDEX(Jesper!AL$2:AL$366,ROUNDDOWN($C6055/24,0)+1,1))-1)+IF('Standard Profiles'!$G$22=$B$10,7,0)+IF('Standard Profiles'!$G$22=$B$17,14,0)+IF('Standard Profiles'!$G$22=$B$24,21,0),MOD($C6055,24)+1)/SUM(INDEX($D$3:$AA$30,INDEX(Jesper!$R$2:$R$366,ROW(INDEX(Jesper!AL$2:AL$366,ROUNDDOWN($C6055/24,0)+1,1))-1)+IF('Standard Profiles'!$G$22=$B$10,7,0)+IF('Standard Profiles'!$G$22=$B$17,14,0)+IF('Standard Profiles'!$G$22=$B$24,21,0),0)),0)</f>
        <v>0</v>
      </c>
      <c r="I6055">
        <f t="shared" si="678"/>
        <v>6.5631451765371149E-2</v>
      </c>
      <c r="J6055">
        <f t="shared" si="679"/>
        <v>0.21877150588457053</v>
      </c>
      <c r="K6055">
        <f t="shared" si="680"/>
        <v>0.32815725882685581</v>
      </c>
      <c r="L6055">
        <f t="shared" si="681"/>
        <v>5.0929857478186982</v>
      </c>
      <c r="M6055">
        <f t="shared" si="682"/>
        <v>0</v>
      </c>
      <c r="N6055" s="46">
        <f t="shared" si="683"/>
        <v>45542.874999985397</v>
      </c>
    </row>
    <row r="6056" spans="2:14" x14ac:dyDescent="0.3">
      <c r="B6056">
        <f t="shared" si="677"/>
        <v>6</v>
      </c>
      <c r="C6056" s="16">
        <v>6022</v>
      </c>
      <c r="D6056" cm="1">
        <f t="array" ref="D6056">IFERROR(INDEX(Jesper!AH$2:AH$366,ROUNDDOWN($C6056/24,0)+1,1)*INDEX($D$3:$AA$30,INDEX(Jesper!$R$2:$R$366,ROW(INDEX(Jesper!AH$2:AH$366,ROUNDDOWN($C6056/24,0)+1,1))-1)+IF('Standard Profiles'!$G$18=$B$10,7,0)+IF('Standard Profiles'!$G$18=$B$17,14,0)+IF('Standard Profiles'!$G$18=$B$24,21,0),MOD($C6056,24)+1)/SUM(INDEX($D$3:$AA$30,INDEX(Jesper!$R$2:$R$366,ROW(INDEX(Jesper!AH$2:AH$366,ROUNDDOWN($C6056/24,0)+1,1))-1)+IF('Standard Profiles'!$G$18=$B$10,7,0)+IF('Standard Profiles'!$G$18=$B$17,14,0)+IF('Standard Profiles'!$G$18=$B$24,21,0),0)),0)</f>
        <v>4.9770368496998758</v>
      </c>
      <c r="E6056" cm="1">
        <f t="array" ref="E6056">IFERROR(INDEX(Jesper!AI$2:AI$366,ROUNDDOWN($C6056/24,0)+1,1)*INDEX($D$3:$AA$30,INDEX(Jesper!$R$2:$R$366,ROW(INDEX(Jesper!AI$2:AI$366,ROUNDDOWN($C6056/24,0)+1,1))-1)+IF('Standard Profiles'!$G$19=$B$10,7,0)+IF('Standard Profiles'!$G$19=$B$17,14,0)+IF('Standard Profiles'!$G$19=$B$24,21,0),MOD($C6056,24)+1)/SUM(INDEX($D$3:$AA$30,INDEX(Jesper!$R$2:$R$366,ROW(INDEX(Jesper!AI$2:AI$366,ROUNDDOWN($C6056/24,0)+1,1))-1)+IF('Standard Profiles'!$G$19=$B$10,7,0)+IF('Standard Profiles'!$G$19=$B$17,14,0)+IF('Standard Profiles'!$G$19=$B$24,21,0),0)),0)</f>
        <v>0.72850911459561962</v>
      </c>
      <c r="F6056" cm="1">
        <f t="array" ref="F6056">IFERROR(INDEX(Jesper!AJ$2:AJ$366,ROUNDDOWN($C6056/24,0)+1,1)*INDEX($D$3:$AA$30,INDEX(Jesper!$R$2:$R$366,ROW(INDEX(Jesper!AJ$2:AJ$366,ROUNDDOWN($C6056/24,0)+1,1))-1)+IF('Standard Profiles'!$G$20=$B$10,7,0)+IF('Standard Profiles'!$G$20=$B$17,14,0)+IF('Standard Profiles'!$G$20=$B$24,21,0),MOD($C6056,24)+1)/SUM(INDEX($D$3:$AA$30,INDEX(Jesper!$R$2:$R$366,ROW(INDEX(Jesper!AJ$2:AJ$366,ROUNDDOWN($C6056/24,0)+1,1))-1)+IF('Standard Profiles'!$G$20=$B$10,7,0)+IF('Standard Profiles'!$G$20=$B$17,14,0)+IF('Standard Profiles'!$G$20=$B$24,21,0),0)),0)</f>
        <v>0</v>
      </c>
      <c r="G6056" cm="1">
        <f t="array" ref="G6056">IFERROR(INDEX(Jesper!AK$2:AK$366,ROUNDDOWN($C6056/24,0)+1,1)*INDEX($D$3:$AA$30,INDEX(Jesper!$R$2:$R$366,ROW(INDEX(Jesper!AK$2:AK$366,ROUNDDOWN($C6056/24,0)+1,1))-1)+IF('Standard Profiles'!$G$21=$B$10,7,0)+IF('Standard Profiles'!$G$21=$B$17,14,0)+IF('Standard Profiles'!$G$21=$B$24,21,0),MOD($C6056,24)+1)/SUM(INDEX($D$3:$AA$30,INDEX(Jesper!$R$2:$R$366,ROW(INDEX(Jesper!AK$2:AK$366,ROUNDDOWN($C6056/24,0)+1,1))-1)+IF('Standard Profiles'!$G$21=$B$10,7,0)+IF('Standard Profiles'!$G$21=$B$17,14,0)+IF('Standard Profiles'!$G$21=$B$24,21,0),0)),0)</f>
        <v>0</v>
      </c>
      <c r="H6056" cm="1">
        <f t="array" ref="H6056">IFERROR(INDEX(Jesper!AL$2:AL$366,ROUNDDOWN($C6056/24,0)+1,1)*INDEX($D$3:$AA$30,INDEX(Jesper!$R$2:$R$366,ROW(INDEX(Jesper!AL$2:AL$366,ROUNDDOWN($C6056/24,0)+1,1))-1)+IF('Standard Profiles'!$G$22=$B$10,7,0)+IF('Standard Profiles'!$G$22=$B$17,14,0)+IF('Standard Profiles'!$G$22=$B$24,21,0),MOD($C6056,24)+1)/SUM(INDEX($D$3:$AA$30,INDEX(Jesper!$R$2:$R$366,ROW(INDEX(Jesper!AL$2:AL$366,ROUNDDOWN($C6056/24,0)+1,1))-1)+IF('Standard Profiles'!$G$22=$B$10,7,0)+IF('Standard Profiles'!$G$22=$B$17,14,0)+IF('Standard Profiles'!$G$22=$B$24,21,0),0)),0)</f>
        <v>0</v>
      </c>
      <c r="I6056">
        <f t="shared" si="678"/>
        <v>6.5631451765371149E-2</v>
      </c>
      <c r="J6056">
        <f t="shared" si="679"/>
        <v>0.21877150588457053</v>
      </c>
      <c r="K6056">
        <f t="shared" si="680"/>
        <v>0.32815725882685581</v>
      </c>
      <c r="L6056">
        <f t="shared" si="681"/>
        <v>5.0929857478186982</v>
      </c>
      <c r="M6056">
        <f t="shared" si="682"/>
        <v>0</v>
      </c>
      <c r="N6056" s="46">
        <f t="shared" si="683"/>
        <v>45542.916666652061</v>
      </c>
    </row>
    <row r="6057" spans="2:14" x14ac:dyDescent="0.3">
      <c r="B6057">
        <f t="shared" si="677"/>
        <v>6</v>
      </c>
      <c r="C6057" s="16">
        <v>6023</v>
      </c>
      <c r="D6057" cm="1">
        <f t="array" ref="D6057">IFERROR(INDEX(Jesper!AH$2:AH$366,ROUNDDOWN($C6057/24,0)+1,1)*INDEX($D$3:$AA$30,INDEX(Jesper!$R$2:$R$366,ROW(INDEX(Jesper!AH$2:AH$366,ROUNDDOWN($C6057/24,0)+1,1))-1)+IF('Standard Profiles'!$G$18=$B$10,7,0)+IF('Standard Profiles'!$G$18=$B$17,14,0)+IF('Standard Profiles'!$G$18=$B$24,21,0),MOD($C6057,24)+1)/SUM(INDEX($D$3:$AA$30,INDEX(Jesper!$R$2:$R$366,ROW(INDEX(Jesper!AH$2:AH$366,ROUNDDOWN($C6057/24,0)+1,1))-1)+IF('Standard Profiles'!$G$18=$B$10,7,0)+IF('Standard Profiles'!$G$18=$B$17,14,0)+IF('Standard Profiles'!$G$18=$B$24,21,0),0)),0)</f>
        <v>4.9770368496998758</v>
      </c>
      <c r="E6057" cm="1">
        <f t="array" ref="E6057">IFERROR(INDEX(Jesper!AI$2:AI$366,ROUNDDOWN($C6057/24,0)+1,1)*INDEX($D$3:$AA$30,INDEX(Jesper!$R$2:$R$366,ROW(INDEX(Jesper!AI$2:AI$366,ROUNDDOWN($C6057/24,0)+1,1))-1)+IF('Standard Profiles'!$G$19=$B$10,7,0)+IF('Standard Profiles'!$G$19=$B$17,14,0)+IF('Standard Profiles'!$G$19=$B$24,21,0),MOD($C6057,24)+1)/SUM(INDEX($D$3:$AA$30,INDEX(Jesper!$R$2:$R$366,ROW(INDEX(Jesper!AI$2:AI$366,ROUNDDOWN($C6057/24,0)+1,1))-1)+IF('Standard Profiles'!$G$19=$B$10,7,0)+IF('Standard Profiles'!$G$19=$B$17,14,0)+IF('Standard Profiles'!$G$19=$B$24,21,0),0)),0)</f>
        <v>0.72850911459561962</v>
      </c>
      <c r="F6057" cm="1">
        <f t="array" ref="F6057">IFERROR(INDEX(Jesper!AJ$2:AJ$366,ROUNDDOWN($C6057/24,0)+1,1)*INDEX($D$3:$AA$30,INDEX(Jesper!$R$2:$R$366,ROW(INDEX(Jesper!AJ$2:AJ$366,ROUNDDOWN($C6057/24,0)+1,1))-1)+IF('Standard Profiles'!$G$20=$B$10,7,0)+IF('Standard Profiles'!$G$20=$B$17,14,0)+IF('Standard Profiles'!$G$20=$B$24,21,0),MOD($C6057,24)+1)/SUM(INDEX($D$3:$AA$30,INDEX(Jesper!$R$2:$R$366,ROW(INDEX(Jesper!AJ$2:AJ$366,ROUNDDOWN($C6057/24,0)+1,1))-1)+IF('Standard Profiles'!$G$20=$B$10,7,0)+IF('Standard Profiles'!$G$20=$B$17,14,0)+IF('Standard Profiles'!$G$20=$B$24,21,0),0)),0)</f>
        <v>0</v>
      </c>
      <c r="G6057" cm="1">
        <f t="array" ref="G6057">IFERROR(INDEX(Jesper!AK$2:AK$366,ROUNDDOWN($C6057/24,0)+1,1)*INDEX($D$3:$AA$30,INDEX(Jesper!$R$2:$R$366,ROW(INDEX(Jesper!AK$2:AK$366,ROUNDDOWN($C6057/24,0)+1,1))-1)+IF('Standard Profiles'!$G$21=$B$10,7,0)+IF('Standard Profiles'!$G$21=$B$17,14,0)+IF('Standard Profiles'!$G$21=$B$24,21,0),MOD($C6057,24)+1)/SUM(INDEX($D$3:$AA$30,INDEX(Jesper!$R$2:$R$366,ROW(INDEX(Jesper!AK$2:AK$366,ROUNDDOWN($C6057/24,0)+1,1))-1)+IF('Standard Profiles'!$G$21=$B$10,7,0)+IF('Standard Profiles'!$G$21=$B$17,14,0)+IF('Standard Profiles'!$G$21=$B$24,21,0),0)),0)</f>
        <v>0</v>
      </c>
      <c r="H6057" cm="1">
        <f t="array" ref="H6057">IFERROR(INDEX(Jesper!AL$2:AL$366,ROUNDDOWN($C6057/24,0)+1,1)*INDEX($D$3:$AA$30,INDEX(Jesper!$R$2:$R$366,ROW(INDEX(Jesper!AL$2:AL$366,ROUNDDOWN($C6057/24,0)+1,1))-1)+IF('Standard Profiles'!$G$22=$B$10,7,0)+IF('Standard Profiles'!$G$22=$B$17,14,0)+IF('Standard Profiles'!$G$22=$B$24,21,0),MOD($C6057,24)+1)/SUM(INDEX($D$3:$AA$30,INDEX(Jesper!$R$2:$R$366,ROW(INDEX(Jesper!AL$2:AL$366,ROUNDDOWN($C6057/24,0)+1,1))-1)+IF('Standard Profiles'!$G$22=$B$10,7,0)+IF('Standard Profiles'!$G$22=$B$17,14,0)+IF('Standard Profiles'!$G$22=$B$24,21,0),0)),0)</f>
        <v>0</v>
      </c>
      <c r="I6057">
        <f t="shared" si="678"/>
        <v>6.5631451765371149E-2</v>
      </c>
      <c r="J6057">
        <f t="shared" si="679"/>
        <v>0.21877150588457053</v>
      </c>
      <c r="K6057">
        <f t="shared" si="680"/>
        <v>0.32815725882685581</v>
      </c>
      <c r="L6057">
        <f t="shared" si="681"/>
        <v>5.0929857478186982</v>
      </c>
      <c r="M6057">
        <f t="shared" si="682"/>
        <v>0</v>
      </c>
      <c r="N6057" s="46">
        <f t="shared" si="683"/>
        <v>45542.958333318726</v>
      </c>
    </row>
    <row r="6058" spans="2:14" x14ac:dyDescent="0.3">
      <c r="B6058">
        <f t="shared" si="677"/>
        <v>7</v>
      </c>
      <c r="C6058" s="16">
        <v>6024</v>
      </c>
      <c r="D6058" cm="1">
        <f t="array" ref="D6058">IFERROR(INDEX(Jesper!AH$2:AH$366,ROUNDDOWN($C6058/24,0)+1,1)*INDEX($D$3:$AA$30,INDEX(Jesper!$R$2:$R$366,ROW(INDEX(Jesper!AH$2:AH$366,ROUNDDOWN($C6058/24,0)+1,1))-1)+IF('Standard Profiles'!$G$18=$B$10,7,0)+IF('Standard Profiles'!$G$18=$B$17,14,0)+IF('Standard Profiles'!$G$18=$B$24,21,0),MOD($C6058,24)+1)/SUM(INDEX($D$3:$AA$30,INDEX(Jesper!$R$2:$R$366,ROW(INDEX(Jesper!AH$2:AH$366,ROUNDDOWN($C6058/24,0)+1,1))-1)+IF('Standard Profiles'!$G$18=$B$10,7,0)+IF('Standard Profiles'!$G$18=$B$17,14,0)+IF('Standard Profiles'!$G$18=$B$24,21,0),0)),0)</f>
        <v>5.484702874909984</v>
      </c>
      <c r="E6058" cm="1">
        <f t="array" ref="E6058">IFERROR(INDEX(Jesper!AI$2:AI$366,ROUNDDOWN($C6058/24,0)+1,1)*INDEX($D$3:$AA$30,INDEX(Jesper!$R$2:$R$366,ROW(INDEX(Jesper!AI$2:AI$366,ROUNDDOWN($C6058/24,0)+1,1))-1)+IF('Standard Profiles'!$G$19=$B$10,7,0)+IF('Standard Profiles'!$G$19=$B$17,14,0)+IF('Standard Profiles'!$G$19=$B$24,21,0),MOD($C6058,24)+1)/SUM(INDEX($D$3:$AA$30,INDEX(Jesper!$R$2:$R$366,ROW(INDEX(Jesper!AI$2:AI$366,ROUNDDOWN($C6058/24,0)+1,1))-1)+IF('Standard Profiles'!$G$19=$B$10,7,0)+IF('Standard Profiles'!$G$19=$B$17,14,0)+IF('Standard Profiles'!$G$19=$B$24,21,0),0)),0)</f>
        <v>0.75679807657802489</v>
      </c>
      <c r="F6058" cm="1">
        <f t="array" ref="F6058">IFERROR(INDEX(Jesper!AJ$2:AJ$366,ROUNDDOWN($C6058/24,0)+1,1)*INDEX($D$3:$AA$30,INDEX(Jesper!$R$2:$R$366,ROW(INDEX(Jesper!AJ$2:AJ$366,ROUNDDOWN($C6058/24,0)+1,1))-1)+IF('Standard Profiles'!$G$20=$B$10,7,0)+IF('Standard Profiles'!$G$20=$B$17,14,0)+IF('Standard Profiles'!$G$20=$B$24,21,0),MOD($C6058,24)+1)/SUM(INDEX($D$3:$AA$30,INDEX(Jesper!$R$2:$R$366,ROW(INDEX(Jesper!AJ$2:AJ$366,ROUNDDOWN($C6058/24,0)+1,1))-1)+IF('Standard Profiles'!$G$20=$B$10,7,0)+IF('Standard Profiles'!$G$20=$B$17,14,0)+IF('Standard Profiles'!$G$20=$B$24,21,0),0)),0)</f>
        <v>0</v>
      </c>
      <c r="G6058" cm="1">
        <f t="array" ref="G6058">IFERROR(INDEX(Jesper!AK$2:AK$366,ROUNDDOWN($C6058/24,0)+1,1)*INDEX($D$3:$AA$30,INDEX(Jesper!$R$2:$R$366,ROW(INDEX(Jesper!AK$2:AK$366,ROUNDDOWN($C6058/24,0)+1,1))-1)+IF('Standard Profiles'!$G$21=$B$10,7,0)+IF('Standard Profiles'!$G$21=$B$17,14,0)+IF('Standard Profiles'!$G$21=$B$24,21,0),MOD($C6058,24)+1)/SUM(INDEX($D$3:$AA$30,INDEX(Jesper!$R$2:$R$366,ROW(INDEX(Jesper!AK$2:AK$366,ROUNDDOWN($C6058/24,0)+1,1))-1)+IF('Standard Profiles'!$G$21=$B$10,7,0)+IF('Standard Profiles'!$G$21=$B$17,14,0)+IF('Standard Profiles'!$G$21=$B$24,21,0),0)),0)</f>
        <v>0</v>
      </c>
      <c r="H6058" cm="1">
        <f t="array" ref="H6058">IFERROR(INDEX(Jesper!AL$2:AL$366,ROUNDDOWN($C6058/24,0)+1,1)*INDEX($D$3:$AA$30,INDEX(Jesper!$R$2:$R$366,ROW(INDEX(Jesper!AL$2:AL$366,ROUNDDOWN($C6058/24,0)+1,1))-1)+IF('Standard Profiles'!$G$22=$B$10,7,0)+IF('Standard Profiles'!$G$22=$B$17,14,0)+IF('Standard Profiles'!$G$22=$B$24,21,0),MOD($C6058,24)+1)/SUM(INDEX($D$3:$AA$30,INDEX(Jesper!$R$2:$R$366,ROW(INDEX(Jesper!AL$2:AL$366,ROUNDDOWN($C6058/24,0)+1,1))-1)+IF('Standard Profiles'!$G$22=$B$10,7,0)+IF('Standard Profiles'!$G$22=$B$17,14,0)+IF('Standard Profiles'!$G$22=$B$24,21,0),0)),0)</f>
        <v>0</v>
      </c>
      <c r="I6058">
        <f t="shared" si="678"/>
        <v>6.8180006898921175E-2</v>
      </c>
      <c r="J6058">
        <f t="shared" si="679"/>
        <v>0.22726668966307062</v>
      </c>
      <c r="K6058">
        <f t="shared" si="680"/>
        <v>0.34090003449460593</v>
      </c>
      <c r="L6058">
        <f t="shared" si="681"/>
        <v>5.6051542204314115</v>
      </c>
      <c r="M6058">
        <f t="shared" si="682"/>
        <v>0</v>
      </c>
      <c r="N6058" s="46">
        <f t="shared" si="683"/>
        <v>45542.99999998539</v>
      </c>
    </row>
    <row r="6059" spans="2:14" x14ac:dyDescent="0.3">
      <c r="B6059">
        <f t="shared" si="677"/>
        <v>7</v>
      </c>
      <c r="C6059" s="16">
        <v>6025</v>
      </c>
      <c r="D6059" cm="1">
        <f t="array" ref="D6059">IFERROR(INDEX(Jesper!AH$2:AH$366,ROUNDDOWN($C6059/24,0)+1,1)*INDEX($D$3:$AA$30,INDEX(Jesper!$R$2:$R$366,ROW(INDEX(Jesper!AH$2:AH$366,ROUNDDOWN($C6059/24,0)+1,1))-1)+IF('Standard Profiles'!$G$18=$B$10,7,0)+IF('Standard Profiles'!$G$18=$B$17,14,0)+IF('Standard Profiles'!$G$18=$B$24,21,0),MOD($C6059,24)+1)/SUM(INDEX($D$3:$AA$30,INDEX(Jesper!$R$2:$R$366,ROW(INDEX(Jesper!AH$2:AH$366,ROUNDDOWN($C6059/24,0)+1,1))-1)+IF('Standard Profiles'!$G$18=$B$10,7,0)+IF('Standard Profiles'!$G$18=$B$17,14,0)+IF('Standard Profiles'!$G$18=$B$24,21,0),0)),0)</f>
        <v>6.3693323708632077</v>
      </c>
      <c r="E6059" cm="1">
        <f t="array" ref="E6059">IFERROR(INDEX(Jesper!AI$2:AI$366,ROUNDDOWN($C6059/24,0)+1,1)*INDEX($D$3:$AA$30,INDEX(Jesper!$R$2:$R$366,ROW(INDEX(Jesper!AI$2:AI$366,ROUNDDOWN($C6059/24,0)+1,1))-1)+IF('Standard Profiles'!$G$19=$B$10,7,0)+IF('Standard Profiles'!$G$19=$B$17,14,0)+IF('Standard Profiles'!$G$19=$B$24,21,0),MOD($C6059,24)+1)/SUM(INDEX($D$3:$AA$30,INDEX(Jesper!$R$2:$R$366,ROW(INDEX(Jesper!AI$2:AI$366,ROUNDDOWN($C6059/24,0)+1,1))-1)+IF('Standard Profiles'!$G$19=$B$10,7,0)+IF('Standard Profiles'!$G$19=$B$17,14,0)+IF('Standard Profiles'!$G$19=$B$24,21,0),0)),0)</f>
        <v>0.87886228247770626</v>
      </c>
      <c r="F6059" cm="1">
        <f t="array" ref="F6059">IFERROR(INDEX(Jesper!AJ$2:AJ$366,ROUNDDOWN($C6059/24,0)+1,1)*INDEX($D$3:$AA$30,INDEX(Jesper!$R$2:$R$366,ROW(INDEX(Jesper!AJ$2:AJ$366,ROUNDDOWN($C6059/24,0)+1,1))-1)+IF('Standard Profiles'!$G$20=$B$10,7,0)+IF('Standard Profiles'!$G$20=$B$17,14,0)+IF('Standard Profiles'!$G$20=$B$24,21,0),MOD($C6059,24)+1)/SUM(INDEX($D$3:$AA$30,INDEX(Jesper!$R$2:$R$366,ROW(INDEX(Jesper!AJ$2:AJ$366,ROUNDDOWN($C6059/24,0)+1,1))-1)+IF('Standard Profiles'!$G$20=$B$10,7,0)+IF('Standard Profiles'!$G$20=$B$17,14,0)+IF('Standard Profiles'!$G$20=$B$24,21,0),0)),0)</f>
        <v>0</v>
      </c>
      <c r="G6059" cm="1">
        <f t="array" ref="G6059">IFERROR(INDEX(Jesper!AK$2:AK$366,ROUNDDOWN($C6059/24,0)+1,1)*INDEX($D$3:$AA$30,INDEX(Jesper!$R$2:$R$366,ROW(INDEX(Jesper!AK$2:AK$366,ROUNDDOWN($C6059/24,0)+1,1))-1)+IF('Standard Profiles'!$G$21=$B$10,7,0)+IF('Standard Profiles'!$G$21=$B$17,14,0)+IF('Standard Profiles'!$G$21=$B$24,21,0),MOD($C6059,24)+1)/SUM(INDEX($D$3:$AA$30,INDEX(Jesper!$R$2:$R$366,ROW(INDEX(Jesper!AK$2:AK$366,ROUNDDOWN($C6059/24,0)+1,1))-1)+IF('Standard Profiles'!$G$21=$B$10,7,0)+IF('Standard Profiles'!$G$21=$B$17,14,0)+IF('Standard Profiles'!$G$21=$B$24,21,0),0)),0)</f>
        <v>0</v>
      </c>
      <c r="H6059" cm="1">
        <f t="array" ref="H6059">IFERROR(INDEX(Jesper!AL$2:AL$366,ROUNDDOWN($C6059/24,0)+1,1)*INDEX($D$3:$AA$30,INDEX(Jesper!$R$2:$R$366,ROW(INDEX(Jesper!AL$2:AL$366,ROUNDDOWN($C6059/24,0)+1,1))-1)+IF('Standard Profiles'!$G$22=$B$10,7,0)+IF('Standard Profiles'!$G$22=$B$17,14,0)+IF('Standard Profiles'!$G$22=$B$24,21,0),MOD($C6059,24)+1)/SUM(INDEX($D$3:$AA$30,INDEX(Jesper!$R$2:$R$366,ROW(INDEX(Jesper!AL$2:AL$366,ROUNDDOWN($C6059/24,0)+1,1))-1)+IF('Standard Profiles'!$G$22=$B$10,7,0)+IF('Standard Profiles'!$G$22=$B$17,14,0)+IF('Standard Profiles'!$G$22=$B$24,21,0),0)),0)</f>
        <v>0</v>
      </c>
      <c r="I6059">
        <f t="shared" si="678"/>
        <v>7.9176782205198776E-2</v>
      </c>
      <c r="J6059">
        <f t="shared" si="679"/>
        <v>0.26392260735066264</v>
      </c>
      <c r="K6059">
        <f t="shared" si="680"/>
        <v>0.39588391102599396</v>
      </c>
      <c r="L6059">
        <f t="shared" si="681"/>
        <v>6.5092113527590589</v>
      </c>
      <c r="M6059">
        <f t="shared" si="682"/>
        <v>0</v>
      </c>
      <c r="N6059" s="46">
        <f t="shared" si="683"/>
        <v>45543.041666652054</v>
      </c>
    </row>
    <row r="6060" spans="2:14" x14ac:dyDescent="0.3">
      <c r="B6060">
        <f t="shared" si="677"/>
        <v>7</v>
      </c>
      <c r="C6060" s="16">
        <v>6026</v>
      </c>
      <c r="D6060" cm="1">
        <f t="array" ref="D6060">IFERROR(INDEX(Jesper!AH$2:AH$366,ROUNDDOWN($C6060/24,0)+1,1)*INDEX($D$3:$AA$30,INDEX(Jesper!$R$2:$R$366,ROW(INDEX(Jesper!AH$2:AH$366,ROUNDDOWN($C6060/24,0)+1,1))-1)+IF('Standard Profiles'!$G$18=$B$10,7,0)+IF('Standard Profiles'!$G$18=$B$17,14,0)+IF('Standard Profiles'!$G$18=$B$24,21,0),MOD($C6060,24)+1)/SUM(INDEX($D$3:$AA$30,INDEX(Jesper!$R$2:$R$366,ROW(INDEX(Jesper!AH$2:AH$366,ROUNDDOWN($C6060/24,0)+1,1))-1)+IF('Standard Profiles'!$G$18=$B$10,7,0)+IF('Standard Profiles'!$G$18=$B$17,14,0)+IF('Standard Profiles'!$G$18=$B$24,21,0),0)),0)</f>
        <v>6.3693323708632077</v>
      </c>
      <c r="E6060" cm="1">
        <f t="array" ref="E6060">IFERROR(INDEX(Jesper!AI$2:AI$366,ROUNDDOWN($C6060/24,0)+1,1)*INDEX($D$3:$AA$30,INDEX(Jesper!$R$2:$R$366,ROW(INDEX(Jesper!AI$2:AI$366,ROUNDDOWN($C6060/24,0)+1,1))-1)+IF('Standard Profiles'!$G$19=$B$10,7,0)+IF('Standard Profiles'!$G$19=$B$17,14,0)+IF('Standard Profiles'!$G$19=$B$24,21,0),MOD($C6060,24)+1)/SUM(INDEX($D$3:$AA$30,INDEX(Jesper!$R$2:$R$366,ROW(INDEX(Jesper!AI$2:AI$366,ROUNDDOWN($C6060/24,0)+1,1))-1)+IF('Standard Profiles'!$G$19=$B$10,7,0)+IF('Standard Profiles'!$G$19=$B$17,14,0)+IF('Standard Profiles'!$G$19=$B$24,21,0),0)),0)</f>
        <v>0.87886228247770626</v>
      </c>
      <c r="F6060" cm="1">
        <f t="array" ref="F6060">IFERROR(INDEX(Jesper!AJ$2:AJ$366,ROUNDDOWN($C6060/24,0)+1,1)*INDEX($D$3:$AA$30,INDEX(Jesper!$R$2:$R$366,ROW(INDEX(Jesper!AJ$2:AJ$366,ROUNDDOWN($C6060/24,0)+1,1))-1)+IF('Standard Profiles'!$G$20=$B$10,7,0)+IF('Standard Profiles'!$G$20=$B$17,14,0)+IF('Standard Profiles'!$G$20=$B$24,21,0),MOD($C6060,24)+1)/SUM(INDEX($D$3:$AA$30,INDEX(Jesper!$R$2:$R$366,ROW(INDEX(Jesper!AJ$2:AJ$366,ROUNDDOWN($C6060/24,0)+1,1))-1)+IF('Standard Profiles'!$G$20=$B$10,7,0)+IF('Standard Profiles'!$G$20=$B$17,14,0)+IF('Standard Profiles'!$G$20=$B$24,21,0),0)),0)</f>
        <v>0</v>
      </c>
      <c r="G6060" cm="1">
        <f t="array" ref="G6060">IFERROR(INDEX(Jesper!AK$2:AK$366,ROUNDDOWN($C6060/24,0)+1,1)*INDEX($D$3:$AA$30,INDEX(Jesper!$R$2:$R$366,ROW(INDEX(Jesper!AK$2:AK$366,ROUNDDOWN($C6060/24,0)+1,1))-1)+IF('Standard Profiles'!$G$21=$B$10,7,0)+IF('Standard Profiles'!$G$21=$B$17,14,0)+IF('Standard Profiles'!$G$21=$B$24,21,0),MOD($C6060,24)+1)/SUM(INDEX($D$3:$AA$30,INDEX(Jesper!$R$2:$R$366,ROW(INDEX(Jesper!AK$2:AK$366,ROUNDDOWN($C6060/24,0)+1,1))-1)+IF('Standard Profiles'!$G$21=$B$10,7,0)+IF('Standard Profiles'!$G$21=$B$17,14,0)+IF('Standard Profiles'!$G$21=$B$24,21,0),0)),0)</f>
        <v>0</v>
      </c>
      <c r="H6060" cm="1">
        <f t="array" ref="H6060">IFERROR(INDEX(Jesper!AL$2:AL$366,ROUNDDOWN($C6060/24,0)+1,1)*INDEX($D$3:$AA$30,INDEX(Jesper!$R$2:$R$366,ROW(INDEX(Jesper!AL$2:AL$366,ROUNDDOWN($C6060/24,0)+1,1))-1)+IF('Standard Profiles'!$G$22=$B$10,7,0)+IF('Standard Profiles'!$G$22=$B$17,14,0)+IF('Standard Profiles'!$G$22=$B$24,21,0),MOD($C6060,24)+1)/SUM(INDEX($D$3:$AA$30,INDEX(Jesper!$R$2:$R$366,ROW(INDEX(Jesper!AL$2:AL$366,ROUNDDOWN($C6060/24,0)+1,1))-1)+IF('Standard Profiles'!$G$22=$B$10,7,0)+IF('Standard Profiles'!$G$22=$B$17,14,0)+IF('Standard Profiles'!$G$22=$B$24,21,0),0)),0)</f>
        <v>0</v>
      </c>
      <c r="I6060">
        <f t="shared" si="678"/>
        <v>7.9176782205198776E-2</v>
      </c>
      <c r="J6060">
        <f t="shared" si="679"/>
        <v>0.26392260735066264</v>
      </c>
      <c r="K6060">
        <f t="shared" si="680"/>
        <v>0.39588391102599396</v>
      </c>
      <c r="L6060">
        <f t="shared" si="681"/>
        <v>6.5092113527590589</v>
      </c>
      <c r="M6060">
        <f t="shared" si="682"/>
        <v>0</v>
      </c>
      <c r="N6060" s="46">
        <f t="shared" si="683"/>
        <v>45543.083333318718</v>
      </c>
    </row>
    <row r="6061" spans="2:14" x14ac:dyDescent="0.3">
      <c r="B6061">
        <f t="shared" si="677"/>
        <v>7</v>
      </c>
      <c r="C6061" s="16">
        <v>6027</v>
      </c>
      <c r="D6061" cm="1">
        <f t="array" ref="D6061">IFERROR(INDEX(Jesper!AH$2:AH$366,ROUNDDOWN($C6061/24,0)+1,1)*INDEX($D$3:$AA$30,INDEX(Jesper!$R$2:$R$366,ROW(INDEX(Jesper!AH$2:AH$366,ROUNDDOWN($C6061/24,0)+1,1))-1)+IF('Standard Profiles'!$G$18=$B$10,7,0)+IF('Standard Profiles'!$G$18=$B$17,14,0)+IF('Standard Profiles'!$G$18=$B$24,21,0),MOD($C6061,24)+1)/SUM(INDEX($D$3:$AA$30,INDEX(Jesper!$R$2:$R$366,ROW(INDEX(Jesper!AH$2:AH$366,ROUNDDOWN($C6061/24,0)+1,1))-1)+IF('Standard Profiles'!$G$18=$B$10,7,0)+IF('Standard Profiles'!$G$18=$B$17,14,0)+IF('Standard Profiles'!$G$18=$B$24,21,0),0)),0)</f>
        <v>6.3693323708632077</v>
      </c>
      <c r="E6061" cm="1">
        <f t="array" ref="E6061">IFERROR(INDEX(Jesper!AI$2:AI$366,ROUNDDOWN($C6061/24,0)+1,1)*INDEX($D$3:$AA$30,INDEX(Jesper!$R$2:$R$366,ROW(INDEX(Jesper!AI$2:AI$366,ROUNDDOWN($C6061/24,0)+1,1))-1)+IF('Standard Profiles'!$G$19=$B$10,7,0)+IF('Standard Profiles'!$G$19=$B$17,14,0)+IF('Standard Profiles'!$G$19=$B$24,21,0),MOD($C6061,24)+1)/SUM(INDEX($D$3:$AA$30,INDEX(Jesper!$R$2:$R$366,ROW(INDEX(Jesper!AI$2:AI$366,ROUNDDOWN($C6061/24,0)+1,1))-1)+IF('Standard Profiles'!$G$19=$B$10,7,0)+IF('Standard Profiles'!$G$19=$B$17,14,0)+IF('Standard Profiles'!$G$19=$B$24,21,0),0)),0)</f>
        <v>0.87886228247770626</v>
      </c>
      <c r="F6061" cm="1">
        <f t="array" ref="F6061">IFERROR(INDEX(Jesper!AJ$2:AJ$366,ROUNDDOWN($C6061/24,0)+1,1)*INDEX($D$3:$AA$30,INDEX(Jesper!$R$2:$R$366,ROW(INDEX(Jesper!AJ$2:AJ$366,ROUNDDOWN($C6061/24,0)+1,1))-1)+IF('Standard Profiles'!$G$20=$B$10,7,0)+IF('Standard Profiles'!$G$20=$B$17,14,0)+IF('Standard Profiles'!$G$20=$B$24,21,0),MOD($C6061,24)+1)/SUM(INDEX($D$3:$AA$30,INDEX(Jesper!$R$2:$R$366,ROW(INDEX(Jesper!AJ$2:AJ$366,ROUNDDOWN($C6061/24,0)+1,1))-1)+IF('Standard Profiles'!$G$20=$B$10,7,0)+IF('Standard Profiles'!$G$20=$B$17,14,0)+IF('Standard Profiles'!$G$20=$B$24,21,0),0)),0)</f>
        <v>0</v>
      </c>
      <c r="G6061" cm="1">
        <f t="array" ref="G6061">IFERROR(INDEX(Jesper!AK$2:AK$366,ROUNDDOWN($C6061/24,0)+1,1)*INDEX($D$3:$AA$30,INDEX(Jesper!$R$2:$R$366,ROW(INDEX(Jesper!AK$2:AK$366,ROUNDDOWN($C6061/24,0)+1,1))-1)+IF('Standard Profiles'!$G$21=$B$10,7,0)+IF('Standard Profiles'!$G$21=$B$17,14,0)+IF('Standard Profiles'!$G$21=$B$24,21,0),MOD($C6061,24)+1)/SUM(INDEX($D$3:$AA$30,INDEX(Jesper!$R$2:$R$366,ROW(INDEX(Jesper!AK$2:AK$366,ROUNDDOWN($C6061/24,0)+1,1))-1)+IF('Standard Profiles'!$G$21=$B$10,7,0)+IF('Standard Profiles'!$G$21=$B$17,14,0)+IF('Standard Profiles'!$G$21=$B$24,21,0),0)),0)</f>
        <v>0</v>
      </c>
      <c r="H6061" cm="1">
        <f t="array" ref="H6061">IFERROR(INDEX(Jesper!AL$2:AL$366,ROUNDDOWN($C6061/24,0)+1,1)*INDEX($D$3:$AA$30,INDEX(Jesper!$R$2:$R$366,ROW(INDEX(Jesper!AL$2:AL$366,ROUNDDOWN($C6061/24,0)+1,1))-1)+IF('Standard Profiles'!$G$22=$B$10,7,0)+IF('Standard Profiles'!$G$22=$B$17,14,0)+IF('Standard Profiles'!$G$22=$B$24,21,0),MOD($C6061,24)+1)/SUM(INDEX($D$3:$AA$30,INDEX(Jesper!$R$2:$R$366,ROW(INDEX(Jesper!AL$2:AL$366,ROUNDDOWN($C6061/24,0)+1,1))-1)+IF('Standard Profiles'!$G$22=$B$10,7,0)+IF('Standard Profiles'!$G$22=$B$17,14,0)+IF('Standard Profiles'!$G$22=$B$24,21,0),0)),0)</f>
        <v>0</v>
      </c>
      <c r="I6061">
        <f t="shared" si="678"/>
        <v>7.9176782205198776E-2</v>
      </c>
      <c r="J6061">
        <f t="shared" si="679"/>
        <v>0.26392260735066264</v>
      </c>
      <c r="K6061">
        <f t="shared" si="680"/>
        <v>0.39588391102599396</v>
      </c>
      <c r="L6061">
        <f t="shared" si="681"/>
        <v>6.5092113527590589</v>
      </c>
      <c r="M6061">
        <f t="shared" si="682"/>
        <v>0</v>
      </c>
      <c r="N6061" s="46">
        <f t="shared" si="683"/>
        <v>45543.124999985383</v>
      </c>
    </row>
    <row r="6062" spans="2:14" x14ac:dyDescent="0.3">
      <c r="B6062">
        <f t="shared" si="677"/>
        <v>7</v>
      </c>
      <c r="C6062" s="16">
        <v>6028</v>
      </c>
      <c r="D6062" cm="1">
        <f t="array" ref="D6062">IFERROR(INDEX(Jesper!AH$2:AH$366,ROUNDDOWN($C6062/24,0)+1,1)*INDEX($D$3:$AA$30,INDEX(Jesper!$R$2:$R$366,ROW(INDEX(Jesper!AH$2:AH$366,ROUNDDOWN($C6062/24,0)+1,1))-1)+IF('Standard Profiles'!$G$18=$B$10,7,0)+IF('Standard Profiles'!$G$18=$B$17,14,0)+IF('Standard Profiles'!$G$18=$B$24,21,0),MOD($C6062,24)+1)/SUM(INDEX($D$3:$AA$30,INDEX(Jesper!$R$2:$R$366,ROW(INDEX(Jesper!AH$2:AH$366,ROUNDDOWN($C6062/24,0)+1,1))-1)+IF('Standard Profiles'!$G$18=$B$10,7,0)+IF('Standard Profiles'!$G$18=$B$17,14,0)+IF('Standard Profiles'!$G$18=$B$24,21,0),0)),0)</f>
        <v>6.3693323708632077</v>
      </c>
      <c r="E6062" cm="1">
        <f t="array" ref="E6062">IFERROR(INDEX(Jesper!AI$2:AI$366,ROUNDDOWN($C6062/24,0)+1,1)*INDEX($D$3:$AA$30,INDEX(Jesper!$R$2:$R$366,ROW(INDEX(Jesper!AI$2:AI$366,ROUNDDOWN($C6062/24,0)+1,1))-1)+IF('Standard Profiles'!$G$19=$B$10,7,0)+IF('Standard Profiles'!$G$19=$B$17,14,0)+IF('Standard Profiles'!$G$19=$B$24,21,0),MOD($C6062,24)+1)/SUM(INDEX($D$3:$AA$30,INDEX(Jesper!$R$2:$R$366,ROW(INDEX(Jesper!AI$2:AI$366,ROUNDDOWN($C6062/24,0)+1,1))-1)+IF('Standard Profiles'!$G$19=$B$10,7,0)+IF('Standard Profiles'!$G$19=$B$17,14,0)+IF('Standard Profiles'!$G$19=$B$24,21,0),0)),0)</f>
        <v>0.87886228247770626</v>
      </c>
      <c r="F6062" cm="1">
        <f t="array" ref="F6062">IFERROR(INDEX(Jesper!AJ$2:AJ$366,ROUNDDOWN($C6062/24,0)+1,1)*INDEX($D$3:$AA$30,INDEX(Jesper!$R$2:$R$366,ROW(INDEX(Jesper!AJ$2:AJ$366,ROUNDDOWN($C6062/24,0)+1,1))-1)+IF('Standard Profiles'!$G$20=$B$10,7,0)+IF('Standard Profiles'!$G$20=$B$17,14,0)+IF('Standard Profiles'!$G$20=$B$24,21,0),MOD($C6062,24)+1)/SUM(INDEX($D$3:$AA$30,INDEX(Jesper!$R$2:$R$366,ROW(INDEX(Jesper!AJ$2:AJ$366,ROUNDDOWN($C6062/24,0)+1,1))-1)+IF('Standard Profiles'!$G$20=$B$10,7,0)+IF('Standard Profiles'!$G$20=$B$17,14,0)+IF('Standard Profiles'!$G$20=$B$24,21,0),0)),0)</f>
        <v>0</v>
      </c>
      <c r="G6062" cm="1">
        <f t="array" ref="G6062">IFERROR(INDEX(Jesper!AK$2:AK$366,ROUNDDOWN($C6062/24,0)+1,1)*INDEX($D$3:$AA$30,INDEX(Jesper!$R$2:$R$366,ROW(INDEX(Jesper!AK$2:AK$366,ROUNDDOWN($C6062/24,0)+1,1))-1)+IF('Standard Profiles'!$G$21=$B$10,7,0)+IF('Standard Profiles'!$G$21=$B$17,14,0)+IF('Standard Profiles'!$G$21=$B$24,21,0),MOD($C6062,24)+1)/SUM(INDEX($D$3:$AA$30,INDEX(Jesper!$R$2:$R$366,ROW(INDEX(Jesper!AK$2:AK$366,ROUNDDOWN($C6062/24,0)+1,1))-1)+IF('Standard Profiles'!$G$21=$B$10,7,0)+IF('Standard Profiles'!$G$21=$B$17,14,0)+IF('Standard Profiles'!$G$21=$B$24,21,0),0)),0)</f>
        <v>0</v>
      </c>
      <c r="H6062" cm="1">
        <f t="array" ref="H6062">IFERROR(INDEX(Jesper!AL$2:AL$366,ROUNDDOWN($C6062/24,0)+1,1)*INDEX($D$3:$AA$30,INDEX(Jesper!$R$2:$R$366,ROW(INDEX(Jesper!AL$2:AL$366,ROUNDDOWN($C6062/24,0)+1,1))-1)+IF('Standard Profiles'!$G$22=$B$10,7,0)+IF('Standard Profiles'!$G$22=$B$17,14,0)+IF('Standard Profiles'!$G$22=$B$24,21,0),MOD($C6062,24)+1)/SUM(INDEX($D$3:$AA$30,INDEX(Jesper!$R$2:$R$366,ROW(INDEX(Jesper!AL$2:AL$366,ROUNDDOWN($C6062/24,0)+1,1))-1)+IF('Standard Profiles'!$G$22=$B$10,7,0)+IF('Standard Profiles'!$G$22=$B$17,14,0)+IF('Standard Profiles'!$G$22=$B$24,21,0),0)),0)</f>
        <v>0</v>
      </c>
      <c r="I6062">
        <f t="shared" si="678"/>
        <v>7.9176782205198776E-2</v>
      </c>
      <c r="J6062">
        <f t="shared" si="679"/>
        <v>0.26392260735066264</v>
      </c>
      <c r="K6062">
        <f t="shared" si="680"/>
        <v>0.39588391102599396</v>
      </c>
      <c r="L6062">
        <f t="shared" si="681"/>
        <v>6.5092113527590589</v>
      </c>
      <c r="M6062">
        <f t="shared" si="682"/>
        <v>0</v>
      </c>
      <c r="N6062" s="46">
        <f t="shared" si="683"/>
        <v>45543.166666652047</v>
      </c>
    </row>
    <row r="6063" spans="2:14" x14ac:dyDescent="0.3">
      <c r="B6063">
        <f t="shared" si="677"/>
        <v>7</v>
      </c>
      <c r="C6063" s="16">
        <v>6029</v>
      </c>
      <c r="D6063" cm="1">
        <f t="array" ref="D6063">IFERROR(INDEX(Jesper!AH$2:AH$366,ROUNDDOWN($C6063/24,0)+1,1)*INDEX($D$3:$AA$30,INDEX(Jesper!$R$2:$R$366,ROW(INDEX(Jesper!AH$2:AH$366,ROUNDDOWN($C6063/24,0)+1,1))-1)+IF('Standard Profiles'!$G$18=$B$10,7,0)+IF('Standard Profiles'!$G$18=$B$17,14,0)+IF('Standard Profiles'!$G$18=$B$24,21,0),MOD($C6063,24)+1)/SUM(INDEX($D$3:$AA$30,INDEX(Jesper!$R$2:$R$366,ROW(INDEX(Jesper!AH$2:AH$366,ROUNDDOWN($C6063/24,0)+1,1))-1)+IF('Standard Profiles'!$G$18=$B$10,7,0)+IF('Standard Profiles'!$G$18=$B$17,14,0)+IF('Standard Profiles'!$G$18=$B$24,21,0),0)),0)</f>
        <v>7.9616654635790098</v>
      </c>
      <c r="E6063" cm="1">
        <f t="array" ref="E6063">IFERROR(INDEX(Jesper!AI$2:AI$366,ROUNDDOWN($C6063/24,0)+1,1)*INDEX($D$3:$AA$30,INDEX(Jesper!$R$2:$R$366,ROW(INDEX(Jesper!AI$2:AI$366,ROUNDDOWN($C6063/24,0)+1,1))-1)+IF('Standard Profiles'!$G$19=$B$10,7,0)+IF('Standard Profiles'!$G$19=$B$17,14,0)+IF('Standard Profiles'!$G$19=$B$24,21,0),MOD($C6063,24)+1)/SUM(INDEX($D$3:$AA$30,INDEX(Jesper!$R$2:$R$366,ROW(INDEX(Jesper!AI$2:AI$366,ROUNDDOWN($C6063/24,0)+1,1))-1)+IF('Standard Profiles'!$G$19=$B$10,7,0)+IF('Standard Profiles'!$G$19=$B$17,14,0)+IF('Standard Profiles'!$G$19=$B$24,21,0),0)),0)</f>
        <v>1.0985778530971329</v>
      </c>
      <c r="F6063" cm="1">
        <f t="array" ref="F6063">IFERROR(INDEX(Jesper!AJ$2:AJ$366,ROUNDDOWN($C6063/24,0)+1,1)*INDEX($D$3:$AA$30,INDEX(Jesper!$R$2:$R$366,ROW(INDEX(Jesper!AJ$2:AJ$366,ROUNDDOWN($C6063/24,0)+1,1))-1)+IF('Standard Profiles'!$G$20=$B$10,7,0)+IF('Standard Profiles'!$G$20=$B$17,14,0)+IF('Standard Profiles'!$G$20=$B$24,21,0),MOD($C6063,24)+1)/SUM(INDEX($D$3:$AA$30,INDEX(Jesper!$R$2:$R$366,ROW(INDEX(Jesper!AJ$2:AJ$366,ROUNDDOWN($C6063/24,0)+1,1))-1)+IF('Standard Profiles'!$G$20=$B$10,7,0)+IF('Standard Profiles'!$G$20=$B$17,14,0)+IF('Standard Profiles'!$G$20=$B$24,21,0),0)),0)</f>
        <v>0</v>
      </c>
      <c r="G6063" cm="1">
        <f t="array" ref="G6063">IFERROR(INDEX(Jesper!AK$2:AK$366,ROUNDDOWN($C6063/24,0)+1,1)*INDEX($D$3:$AA$30,INDEX(Jesper!$R$2:$R$366,ROW(INDEX(Jesper!AK$2:AK$366,ROUNDDOWN($C6063/24,0)+1,1))-1)+IF('Standard Profiles'!$G$21=$B$10,7,0)+IF('Standard Profiles'!$G$21=$B$17,14,0)+IF('Standard Profiles'!$G$21=$B$24,21,0),MOD($C6063,24)+1)/SUM(INDEX($D$3:$AA$30,INDEX(Jesper!$R$2:$R$366,ROW(INDEX(Jesper!AK$2:AK$366,ROUNDDOWN($C6063/24,0)+1,1))-1)+IF('Standard Profiles'!$G$21=$B$10,7,0)+IF('Standard Profiles'!$G$21=$B$17,14,0)+IF('Standard Profiles'!$G$21=$B$24,21,0),0)),0)</f>
        <v>0</v>
      </c>
      <c r="H6063" cm="1">
        <f t="array" ref="H6063">IFERROR(INDEX(Jesper!AL$2:AL$366,ROUNDDOWN($C6063/24,0)+1,1)*INDEX($D$3:$AA$30,INDEX(Jesper!$R$2:$R$366,ROW(INDEX(Jesper!AL$2:AL$366,ROUNDDOWN($C6063/24,0)+1,1))-1)+IF('Standard Profiles'!$G$22=$B$10,7,0)+IF('Standard Profiles'!$G$22=$B$17,14,0)+IF('Standard Profiles'!$G$22=$B$24,21,0),MOD($C6063,24)+1)/SUM(INDEX($D$3:$AA$30,INDEX(Jesper!$R$2:$R$366,ROW(INDEX(Jesper!AL$2:AL$366,ROUNDDOWN($C6063/24,0)+1,1))-1)+IF('Standard Profiles'!$G$22=$B$10,7,0)+IF('Standard Profiles'!$G$22=$B$17,14,0)+IF('Standard Profiles'!$G$22=$B$24,21,0),0)),0)</f>
        <v>0</v>
      </c>
      <c r="I6063">
        <f t="shared" si="678"/>
        <v>9.8970977756498477E-2</v>
      </c>
      <c r="J6063">
        <f t="shared" si="679"/>
        <v>0.3299032591883283</v>
      </c>
      <c r="K6063">
        <f t="shared" si="680"/>
        <v>0.49485488878249245</v>
      </c>
      <c r="L6063">
        <f t="shared" si="681"/>
        <v>8.136514190948823</v>
      </c>
      <c r="M6063">
        <f t="shared" si="682"/>
        <v>0</v>
      </c>
      <c r="N6063" s="46">
        <f t="shared" si="683"/>
        <v>45543.208333318711</v>
      </c>
    </row>
    <row r="6064" spans="2:14" x14ac:dyDescent="0.3">
      <c r="B6064">
        <f t="shared" si="677"/>
        <v>7</v>
      </c>
      <c r="C6064" s="16">
        <v>6030</v>
      </c>
      <c r="D6064" cm="1">
        <f t="array" ref="D6064">IFERROR(INDEX(Jesper!AH$2:AH$366,ROUNDDOWN($C6064/24,0)+1,1)*INDEX($D$3:$AA$30,INDEX(Jesper!$R$2:$R$366,ROW(INDEX(Jesper!AH$2:AH$366,ROUNDDOWN($C6064/24,0)+1,1))-1)+IF('Standard Profiles'!$G$18=$B$10,7,0)+IF('Standard Profiles'!$G$18=$B$17,14,0)+IF('Standard Profiles'!$G$18=$B$24,21,0),MOD($C6064,24)+1)/SUM(INDEX($D$3:$AA$30,INDEX(Jesper!$R$2:$R$366,ROW(INDEX(Jesper!AH$2:AH$366,ROUNDDOWN($C6064/24,0)+1,1))-1)+IF('Standard Profiles'!$G$18=$B$10,7,0)+IF('Standard Profiles'!$G$18=$B$17,14,0)+IF('Standard Profiles'!$G$18=$B$24,21,0),0)),0)</f>
        <v>9.3770726571041667</v>
      </c>
      <c r="E6064" cm="1">
        <f t="array" ref="E6064">IFERROR(INDEX(Jesper!AI$2:AI$366,ROUNDDOWN($C6064/24,0)+1,1)*INDEX($D$3:$AA$30,INDEX(Jesper!$R$2:$R$366,ROW(INDEX(Jesper!AI$2:AI$366,ROUNDDOWN($C6064/24,0)+1,1))-1)+IF('Standard Profiles'!$G$19=$B$10,7,0)+IF('Standard Profiles'!$G$19=$B$17,14,0)+IF('Standard Profiles'!$G$19=$B$24,21,0),MOD($C6064,24)+1)/SUM(INDEX($D$3:$AA$30,INDEX(Jesper!$R$2:$R$366,ROW(INDEX(Jesper!AI$2:AI$366,ROUNDDOWN($C6064/24,0)+1,1))-1)+IF('Standard Profiles'!$G$19=$B$10,7,0)+IF('Standard Profiles'!$G$19=$B$17,14,0)+IF('Standard Profiles'!$G$19=$B$24,21,0),0)),0)</f>
        <v>1.2938805825366233</v>
      </c>
      <c r="F6064" cm="1">
        <f t="array" ref="F6064">IFERROR(INDEX(Jesper!AJ$2:AJ$366,ROUNDDOWN($C6064/24,0)+1,1)*INDEX($D$3:$AA$30,INDEX(Jesper!$R$2:$R$366,ROW(INDEX(Jesper!AJ$2:AJ$366,ROUNDDOWN($C6064/24,0)+1,1))-1)+IF('Standard Profiles'!$G$20=$B$10,7,0)+IF('Standard Profiles'!$G$20=$B$17,14,0)+IF('Standard Profiles'!$G$20=$B$24,21,0),MOD($C6064,24)+1)/SUM(INDEX($D$3:$AA$30,INDEX(Jesper!$R$2:$R$366,ROW(INDEX(Jesper!AJ$2:AJ$366,ROUNDDOWN($C6064/24,0)+1,1))-1)+IF('Standard Profiles'!$G$20=$B$10,7,0)+IF('Standard Profiles'!$G$20=$B$17,14,0)+IF('Standard Profiles'!$G$20=$B$24,21,0),0)),0)</f>
        <v>0</v>
      </c>
      <c r="G6064" cm="1">
        <f t="array" ref="G6064">IFERROR(INDEX(Jesper!AK$2:AK$366,ROUNDDOWN($C6064/24,0)+1,1)*INDEX($D$3:$AA$30,INDEX(Jesper!$R$2:$R$366,ROW(INDEX(Jesper!AK$2:AK$366,ROUNDDOWN($C6064/24,0)+1,1))-1)+IF('Standard Profiles'!$G$21=$B$10,7,0)+IF('Standard Profiles'!$G$21=$B$17,14,0)+IF('Standard Profiles'!$G$21=$B$24,21,0),MOD($C6064,24)+1)/SUM(INDEX($D$3:$AA$30,INDEX(Jesper!$R$2:$R$366,ROW(INDEX(Jesper!AK$2:AK$366,ROUNDDOWN($C6064/24,0)+1,1))-1)+IF('Standard Profiles'!$G$21=$B$10,7,0)+IF('Standard Profiles'!$G$21=$B$17,14,0)+IF('Standard Profiles'!$G$21=$B$24,21,0),0)),0)</f>
        <v>0</v>
      </c>
      <c r="H6064" cm="1">
        <f t="array" ref="H6064">IFERROR(INDEX(Jesper!AL$2:AL$366,ROUNDDOWN($C6064/24,0)+1,1)*INDEX($D$3:$AA$30,INDEX(Jesper!$R$2:$R$366,ROW(INDEX(Jesper!AL$2:AL$366,ROUNDDOWN($C6064/24,0)+1,1))-1)+IF('Standard Profiles'!$G$22=$B$10,7,0)+IF('Standard Profiles'!$G$22=$B$17,14,0)+IF('Standard Profiles'!$G$22=$B$24,21,0),MOD($C6064,24)+1)/SUM(INDEX($D$3:$AA$30,INDEX(Jesper!$R$2:$R$366,ROW(INDEX(Jesper!AL$2:AL$366,ROUNDDOWN($C6064/24,0)+1,1))-1)+IF('Standard Profiles'!$G$22=$B$10,7,0)+IF('Standard Profiles'!$G$22=$B$17,14,0)+IF('Standard Profiles'!$G$22=$B$24,21,0),0)),0)</f>
        <v>0</v>
      </c>
      <c r="I6064">
        <f t="shared" si="678"/>
        <v>0.11656581824654268</v>
      </c>
      <c r="J6064">
        <f t="shared" si="679"/>
        <v>0.38855272748847564</v>
      </c>
      <c r="K6064">
        <f t="shared" si="680"/>
        <v>0.58282909123271343</v>
      </c>
      <c r="L6064">
        <f t="shared" si="681"/>
        <v>9.5830056026730581</v>
      </c>
      <c r="M6064">
        <f t="shared" si="682"/>
        <v>0</v>
      </c>
      <c r="N6064" s="46">
        <f t="shared" si="683"/>
        <v>45543.249999985375</v>
      </c>
    </row>
    <row r="6065" spans="2:14" x14ac:dyDescent="0.3">
      <c r="B6065">
        <f t="shared" si="677"/>
        <v>7</v>
      </c>
      <c r="C6065" s="16">
        <v>6031</v>
      </c>
      <c r="D6065" cm="1">
        <f t="array" ref="D6065">IFERROR(INDEX(Jesper!AH$2:AH$366,ROUNDDOWN($C6065/24,0)+1,1)*INDEX($D$3:$AA$30,INDEX(Jesper!$R$2:$R$366,ROW(INDEX(Jesper!AH$2:AH$366,ROUNDDOWN($C6065/24,0)+1,1))-1)+IF('Standard Profiles'!$G$18=$B$10,7,0)+IF('Standard Profiles'!$G$18=$B$17,14,0)+IF('Standard Profiles'!$G$18=$B$24,21,0),MOD($C6065,24)+1)/SUM(INDEX($D$3:$AA$30,INDEX(Jesper!$R$2:$R$366,ROW(INDEX(Jesper!AH$2:AH$366,ROUNDDOWN($C6065/24,0)+1,1))-1)+IF('Standard Profiles'!$G$18=$B$10,7,0)+IF('Standard Profiles'!$G$18=$B$17,14,0)+IF('Standard Profiles'!$G$18=$B$24,21,0),0)),0)</f>
        <v>11.146331649010614</v>
      </c>
      <c r="E6065" cm="1">
        <f t="array" ref="E6065">IFERROR(INDEX(Jesper!AI$2:AI$366,ROUNDDOWN($C6065/24,0)+1,1)*INDEX($D$3:$AA$30,INDEX(Jesper!$R$2:$R$366,ROW(INDEX(Jesper!AI$2:AI$366,ROUNDDOWN($C6065/24,0)+1,1))-1)+IF('Standard Profiles'!$G$19=$B$10,7,0)+IF('Standard Profiles'!$G$19=$B$17,14,0)+IF('Standard Profiles'!$G$19=$B$24,21,0),MOD($C6065,24)+1)/SUM(INDEX($D$3:$AA$30,INDEX(Jesper!$R$2:$R$366,ROW(INDEX(Jesper!AI$2:AI$366,ROUNDDOWN($C6065/24,0)+1,1))-1)+IF('Standard Profiles'!$G$19=$B$10,7,0)+IF('Standard Profiles'!$G$19=$B$17,14,0)+IF('Standard Profiles'!$G$19=$B$24,21,0),0)),0)</f>
        <v>1.538008994335986</v>
      </c>
      <c r="F6065" cm="1">
        <f t="array" ref="F6065">IFERROR(INDEX(Jesper!AJ$2:AJ$366,ROUNDDOWN($C6065/24,0)+1,1)*INDEX($D$3:$AA$30,INDEX(Jesper!$R$2:$R$366,ROW(INDEX(Jesper!AJ$2:AJ$366,ROUNDDOWN($C6065/24,0)+1,1))-1)+IF('Standard Profiles'!$G$20=$B$10,7,0)+IF('Standard Profiles'!$G$20=$B$17,14,0)+IF('Standard Profiles'!$G$20=$B$24,21,0),MOD($C6065,24)+1)/SUM(INDEX($D$3:$AA$30,INDEX(Jesper!$R$2:$R$366,ROW(INDEX(Jesper!AJ$2:AJ$366,ROUNDDOWN($C6065/24,0)+1,1))-1)+IF('Standard Profiles'!$G$20=$B$10,7,0)+IF('Standard Profiles'!$G$20=$B$17,14,0)+IF('Standard Profiles'!$G$20=$B$24,21,0),0)),0)</f>
        <v>0</v>
      </c>
      <c r="G6065" cm="1">
        <f t="array" ref="G6065">IFERROR(INDEX(Jesper!AK$2:AK$366,ROUNDDOWN($C6065/24,0)+1,1)*INDEX($D$3:$AA$30,INDEX(Jesper!$R$2:$R$366,ROW(INDEX(Jesper!AK$2:AK$366,ROUNDDOWN($C6065/24,0)+1,1))-1)+IF('Standard Profiles'!$G$21=$B$10,7,0)+IF('Standard Profiles'!$G$21=$B$17,14,0)+IF('Standard Profiles'!$G$21=$B$24,21,0),MOD($C6065,24)+1)/SUM(INDEX($D$3:$AA$30,INDEX(Jesper!$R$2:$R$366,ROW(INDEX(Jesper!AK$2:AK$366,ROUNDDOWN($C6065/24,0)+1,1))-1)+IF('Standard Profiles'!$G$21=$B$10,7,0)+IF('Standard Profiles'!$G$21=$B$17,14,0)+IF('Standard Profiles'!$G$21=$B$24,21,0),0)),0)</f>
        <v>0</v>
      </c>
      <c r="H6065" cm="1">
        <f t="array" ref="H6065">IFERROR(INDEX(Jesper!AL$2:AL$366,ROUNDDOWN($C6065/24,0)+1,1)*INDEX($D$3:$AA$30,INDEX(Jesper!$R$2:$R$366,ROW(INDEX(Jesper!AL$2:AL$366,ROUNDDOWN($C6065/24,0)+1,1))-1)+IF('Standard Profiles'!$G$22=$B$10,7,0)+IF('Standard Profiles'!$G$22=$B$17,14,0)+IF('Standard Profiles'!$G$22=$B$24,21,0),MOD($C6065,24)+1)/SUM(INDEX($D$3:$AA$30,INDEX(Jesper!$R$2:$R$366,ROW(INDEX(Jesper!AL$2:AL$366,ROUNDDOWN($C6065/24,0)+1,1))-1)+IF('Standard Profiles'!$G$22=$B$10,7,0)+IF('Standard Profiles'!$G$22=$B$17,14,0)+IF('Standard Profiles'!$G$22=$B$24,21,0),0)),0)</f>
        <v>0</v>
      </c>
      <c r="I6065">
        <f t="shared" si="678"/>
        <v>0.13855936885909786</v>
      </c>
      <c r="J6065">
        <f t="shared" si="679"/>
        <v>0.46186456286365962</v>
      </c>
      <c r="K6065">
        <f t="shared" si="680"/>
        <v>0.69279684429548949</v>
      </c>
      <c r="L6065">
        <f t="shared" si="681"/>
        <v>11.391119867328353</v>
      </c>
      <c r="M6065">
        <f t="shared" si="682"/>
        <v>0</v>
      </c>
      <c r="N6065" s="46">
        <f t="shared" si="683"/>
        <v>45543.29166665204</v>
      </c>
    </row>
    <row r="6066" spans="2:14" x14ac:dyDescent="0.3">
      <c r="B6066">
        <f t="shared" si="677"/>
        <v>7</v>
      </c>
      <c r="C6066" s="16">
        <v>6032</v>
      </c>
      <c r="D6066" cm="1">
        <f t="array" ref="D6066">IFERROR(INDEX(Jesper!AH$2:AH$366,ROUNDDOWN($C6066/24,0)+1,1)*INDEX($D$3:$AA$30,INDEX(Jesper!$R$2:$R$366,ROW(INDEX(Jesper!AH$2:AH$366,ROUNDDOWN($C6066/24,0)+1,1))-1)+IF('Standard Profiles'!$G$18=$B$10,7,0)+IF('Standard Profiles'!$G$18=$B$17,14,0)+IF('Standard Profiles'!$G$18=$B$24,21,0),MOD($C6066,24)+1)/SUM(INDEX($D$3:$AA$30,INDEX(Jesper!$R$2:$R$366,ROW(INDEX(Jesper!AH$2:AH$366,ROUNDDOWN($C6066/24,0)+1,1))-1)+IF('Standard Profiles'!$G$18=$B$10,7,0)+IF('Standard Profiles'!$G$18=$B$17,14,0)+IF('Standard Profiles'!$G$18=$B$24,21,0),0)),0)</f>
        <v>11.146331649010614</v>
      </c>
      <c r="E6066" cm="1">
        <f t="array" ref="E6066">IFERROR(INDEX(Jesper!AI$2:AI$366,ROUNDDOWN($C6066/24,0)+1,1)*INDEX($D$3:$AA$30,INDEX(Jesper!$R$2:$R$366,ROW(INDEX(Jesper!AI$2:AI$366,ROUNDDOWN($C6066/24,0)+1,1))-1)+IF('Standard Profiles'!$G$19=$B$10,7,0)+IF('Standard Profiles'!$G$19=$B$17,14,0)+IF('Standard Profiles'!$G$19=$B$24,21,0),MOD($C6066,24)+1)/SUM(INDEX($D$3:$AA$30,INDEX(Jesper!$R$2:$R$366,ROW(INDEX(Jesper!AI$2:AI$366,ROUNDDOWN($C6066/24,0)+1,1))-1)+IF('Standard Profiles'!$G$19=$B$10,7,0)+IF('Standard Profiles'!$G$19=$B$17,14,0)+IF('Standard Profiles'!$G$19=$B$24,21,0),0)),0)</f>
        <v>1.538008994335986</v>
      </c>
      <c r="F6066" cm="1">
        <f t="array" ref="F6066">IFERROR(INDEX(Jesper!AJ$2:AJ$366,ROUNDDOWN($C6066/24,0)+1,1)*INDEX($D$3:$AA$30,INDEX(Jesper!$R$2:$R$366,ROW(INDEX(Jesper!AJ$2:AJ$366,ROUNDDOWN($C6066/24,0)+1,1))-1)+IF('Standard Profiles'!$G$20=$B$10,7,0)+IF('Standard Profiles'!$G$20=$B$17,14,0)+IF('Standard Profiles'!$G$20=$B$24,21,0),MOD($C6066,24)+1)/SUM(INDEX($D$3:$AA$30,INDEX(Jesper!$R$2:$R$366,ROW(INDEX(Jesper!AJ$2:AJ$366,ROUNDDOWN($C6066/24,0)+1,1))-1)+IF('Standard Profiles'!$G$20=$B$10,7,0)+IF('Standard Profiles'!$G$20=$B$17,14,0)+IF('Standard Profiles'!$G$20=$B$24,21,0),0)),0)</f>
        <v>0</v>
      </c>
      <c r="G6066" cm="1">
        <f t="array" ref="G6066">IFERROR(INDEX(Jesper!AK$2:AK$366,ROUNDDOWN($C6066/24,0)+1,1)*INDEX($D$3:$AA$30,INDEX(Jesper!$R$2:$R$366,ROW(INDEX(Jesper!AK$2:AK$366,ROUNDDOWN($C6066/24,0)+1,1))-1)+IF('Standard Profiles'!$G$21=$B$10,7,0)+IF('Standard Profiles'!$G$21=$B$17,14,0)+IF('Standard Profiles'!$G$21=$B$24,21,0),MOD($C6066,24)+1)/SUM(INDEX($D$3:$AA$30,INDEX(Jesper!$R$2:$R$366,ROW(INDEX(Jesper!AK$2:AK$366,ROUNDDOWN($C6066/24,0)+1,1))-1)+IF('Standard Profiles'!$G$21=$B$10,7,0)+IF('Standard Profiles'!$G$21=$B$17,14,0)+IF('Standard Profiles'!$G$21=$B$24,21,0),0)),0)</f>
        <v>0</v>
      </c>
      <c r="H6066" cm="1">
        <f t="array" ref="H6066">IFERROR(INDEX(Jesper!AL$2:AL$366,ROUNDDOWN($C6066/24,0)+1,1)*INDEX($D$3:$AA$30,INDEX(Jesper!$R$2:$R$366,ROW(INDEX(Jesper!AL$2:AL$366,ROUNDDOWN($C6066/24,0)+1,1))-1)+IF('Standard Profiles'!$G$22=$B$10,7,0)+IF('Standard Profiles'!$G$22=$B$17,14,0)+IF('Standard Profiles'!$G$22=$B$24,21,0),MOD($C6066,24)+1)/SUM(INDEX($D$3:$AA$30,INDEX(Jesper!$R$2:$R$366,ROW(INDEX(Jesper!AL$2:AL$366,ROUNDDOWN($C6066/24,0)+1,1))-1)+IF('Standard Profiles'!$G$22=$B$10,7,0)+IF('Standard Profiles'!$G$22=$B$17,14,0)+IF('Standard Profiles'!$G$22=$B$24,21,0),0)),0)</f>
        <v>0</v>
      </c>
      <c r="I6066">
        <f t="shared" si="678"/>
        <v>0.13855936885909786</v>
      </c>
      <c r="J6066">
        <f t="shared" si="679"/>
        <v>0.46186456286365962</v>
      </c>
      <c r="K6066">
        <f t="shared" si="680"/>
        <v>0.69279684429548949</v>
      </c>
      <c r="L6066">
        <f t="shared" si="681"/>
        <v>11.391119867328353</v>
      </c>
      <c r="M6066">
        <f t="shared" si="682"/>
        <v>0</v>
      </c>
      <c r="N6066" s="46">
        <f t="shared" si="683"/>
        <v>45543.333333318704</v>
      </c>
    </row>
    <row r="6067" spans="2:14" x14ac:dyDescent="0.3">
      <c r="B6067">
        <f t="shared" si="677"/>
        <v>7</v>
      </c>
      <c r="C6067" s="16">
        <v>6033</v>
      </c>
      <c r="D6067" cm="1">
        <f t="array" ref="D6067">IFERROR(INDEX(Jesper!AH$2:AH$366,ROUNDDOWN($C6067/24,0)+1,1)*INDEX($D$3:$AA$30,INDEX(Jesper!$R$2:$R$366,ROW(INDEX(Jesper!AH$2:AH$366,ROUNDDOWN($C6067/24,0)+1,1))-1)+IF('Standard Profiles'!$G$18=$B$10,7,0)+IF('Standard Profiles'!$G$18=$B$17,14,0)+IF('Standard Profiles'!$G$18=$B$24,21,0),MOD($C6067,24)+1)/SUM(INDEX($D$3:$AA$30,INDEX(Jesper!$R$2:$R$366,ROW(INDEX(Jesper!AH$2:AH$366,ROUNDDOWN($C6067/24,0)+1,1))-1)+IF('Standard Profiles'!$G$18=$B$10,7,0)+IF('Standard Profiles'!$G$18=$B$17,14,0)+IF('Standard Profiles'!$G$18=$B$24,21,0),0)),0)</f>
        <v>11.146331649010614</v>
      </c>
      <c r="E6067" cm="1">
        <f t="array" ref="E6067">IFERROR(INDEX(Jesper!AI$2:AI$366,ROUNDDOWN($C6067/24,0)+1,1)*INDEX($D$3:$AA$30,INDEX(Jesper!$R$2:$R$366,ROW(INDEX(Jesper!AI$2:AI$366,ROUNDDOWN($C6067/24,0)+1,1))-1)+IF('Standard Profiles'!$G$19=$B$10,7,0)+IF('Standard Profiles'!$G$19=$B$17,14,0)+IF('Standard Profiles'!$G$19=$B$24,21,0),MOD($C6067,24)+1)/SUM(INDEX($D$3:$AA$30,INDEX(Jesper!$R$2:$R$366,ROW(INDEX(Jesper!AI$2:AI$366,ROUNDDOWN($C6067/24,0)+1,1))-1)+IF('Standard Profiles'!$G$19=$B$10,7,0)+IF('Standard Profiles'!$G$19=$B$17,14,0)+IF('Standard Profiles'!$G$19=$B$24,21,0),0)),0)</f>
        <v>1.538008994335986</v>
      </c>
      <c r="F6067" cm="1">
        <f t="array" ref="F6067">IFERROR(INDEX(Jesper!AJ$2:AJ$366,ROUNDDOWN($C6067/24,0)+1,1)*INDEX($D$3:$AA$30,INDEX(Jesper!$R$2:$R$366,ROW(INDEX(Jesper!AJ$2:AJ$366,ROUNDDOWN($C6067/24,0)+1,1))-1)+IF('Standard Profiles'!$G$20=$B$10,7,0)+IF('Standard Profiles'!$G$20=$B$17,14,0)+IF('Standard Profiles'!$G$20=$B$24,21,0),MOD($C6067,24)+1)/SUM(INDEX($D$3:$AA$30,INDEX(Jesper!$R$2:$R$366,ROW(INDEX(Jesper!AJ$2:AJ$366,ROUNDDOWN($C6067/24,0)+1,1))-1)+IF('Standard Profiles'!$G$20=$B$10,7,0)+IF('Standard Profiles'!$G$20=$B$17,14,0)+IF('Standard Profiles'!$G$20=$B$24,21,0),0)),0)</f>
        <v>0</v>
      </c>
      <c r="G6067" cm="1">
        <f t="array" ref="G6067">IFERROR(INDEX(Jesper!AK$2:AK$366,ROUNDDOWN($C6067/24,0)+1,1)*INDEX($D$3:$AA$30,INDEX(Jesper!$R$2:$R$366,ROW(INDEX(Jesper!AK$2:AK$366,ROUNDDOWN($C6067/24,0)+1,1))-1)+IF('Standard Profiles'!$G$21=$B$10,7,0)+IF('Standard Profiles'!$G$21=$B$17,14,0)+IF('Standard Profiles'!$G$21=$B$24,21,0),MOD($C6067,24)+1)/SUM(INDEX($D$3:$AA$30,INDEX(Jesper!$R$2:$R$366,ROW(INDEX(Jesper!AK$2:AK$366,ROUNDDOWN($C6067/24,0)+1,1))-1)+IF('Standard Profiles'!$G$21=$B$10,7,0)+IF('Standard Profiles'!$G$21=$B$17,14,0)+IF('Standard Profiles'!$G$21=$B$24,21,0),0)),0)</f>
        <v>0</v>
      </c>
      <c r="H6067" cm="1">
        <f t="array" ref="H6067">IFERROR(INDEX(Jesper!AL$2:AL$366,ROUNDDOWN($C6067/24,0)+1,1)*INDEX($D$3:$AA$30,INDEX(Jesper!$R$2:$R$366,ROW(INDEX(Jesper!AL$2:AL$366,ROUNDDOWN($C6067/24,0)+1,1))-1)+IF('Standard Profiles'!$G$22=$B$10,7,0)+IF('Standard Profiles'!$G$22=$B$17,14,0)+IF('Standard Profiles'!$G$22=$B$24,21,0),MOD($C6067,24)+1)/SUM(INDEX($D$3:$AA$30,INDEX(Jesper!$R$2:$R$366,ROW(INDEX(Jesper!AL$2:AL$366,ROUNDDOWN($C6067/24,0)+1,1))-1)+IF('Standard Profiles'!$G$22=$B$10,7,0)+IF('Standard Profiles'!$G$22=$B$17,14,0)+IF('Standard Profiles'!$G$22=$B$24,21,0),0)),0)</f>
        <v>0</v>
      </c>
      <c r="I6067">
        <f t="shared" si="678"/>
        <v>0.13855936885909786</v>
      </c>
      <c r="J6067">
        <f t="shared" si="679"/>
        <v>0.46186456286365962</v>
      </c>
      <c r="K6067">
        <f t="shared" si="680"/>
        <v>0.69279684429548949</v>
      </c>
      <c r="L6067">
        <f t="shared" si="681"/>
        <v>11.391119867328353</v>
      </c>
      <c r="M6067">
        <f t="shared" si="682"/>
        <v>0</v>
      </c>
      <c r="N6067" s="46">
        <f t="shared" si="683"/>
        <v>45543.374999985368</v>
      </c>
    </row>
    <row r="6068" spans="2:14" x14ac:dyDescent="0.3">
      <c r="B6068">
        <f t="shared" si="677"/>
        <v>7</v>
      </c>
      <c r="C6068" s="16">
        <v>6034</v>
      </c>
      <c r="D6068" cm="1">
        <f t="array" ref="D6068">IFERROR(INDEX(Jesper!AH$2:AH$366,ROUNDDOWN($C6068/24,0)+1,1)*INDEX($D$3:$AA$30,INDEX(Jesper!$R$2:$R$366,ROW(INDEX(Jesper!AH$2:AH$366,ROUNDDOWN($C6068/24,0)+1,1))-1)+IF('Standard Profiles'!$G$18=$B$10,7,0)+IF('Standard Profiles'!$G$18=$B$17,14,0)+IF('Standard Profiles'!$G$18=$B$24,21,0),MOD($C6068,24)+1)/SUM(INDEX($D$3:$AA$30,INDEX(Jesper!$R$2:$R$366,ROW(INDEX(Jesper!AH$2:AH$366,ROUNDDOWN($C6068/24,0)+1,1))-1)+IF('Standard Profiles'!$G$18=$B$10,7,0)+IF('Standard Profiles'!$G$18=$B$17,14,0)+IF('Standard Profiles'!$G$18=$B$24,21,0),0)),0)</f>
        <v>11.146331649010614</v>
      </c>
      <c r="E6068" cm="1">
        <f t="array" ref="E6068">IFERROR(INDEX(Jesper!AI$2:AI$366,ROUNDDOWN($C6068/24,0)+1,1)*INDEX($D$3:$AA$30,INDEX(Jesper!$R$2:$R$366,ROW(INDEX(Jesper!AI$2:AI$366,ROUNDDOWN($C6068/24,0)+1,1))-1)+IF('Standard Profiles'!$G$19=$B$10,7,0)+IF('Standard Profiles'!$G$19=$B$17,14,0)+IF('Standard Profiles'!$G$19=$B$24,21,0),MOD($C6068,24)+1)/SUM(INDEX($D$3:$AA$30,INDEX(Jesper!$R$2:$R$366,ROW(INDEX(Jesper!AI$2:AI$366,ROUNDDOWN($C6068/24,0)+1,1))-1)+IF('Standard Profiles'!$G$19=$B$10,7,0)+IF('Standard Profiles'!$G$19=$B$17,14,0)+IF('Standard Profiles'!$G$19=$B$24,21,0),0)),0)</f>
        <v>1.538008994335986</v>
      </c>
      <c r="F6068" cm="1">
        <f t="array" ref="F6068">IFERROR(INDEX(Jesper!AJ$2:AJ$366,ROUNDDOWN($C6068/24,0)+1,1)*INDEX($D$3:$AA$30,INDEX(Jesper!$R$2:$R$366,ROW(INDEX(Jesper!AJ$2:AJ$366,ROUNDDOWN($C6068/24,0)+1,1))-1)+IF('Standard Profiles'!$G$20=$B$10,7,0)+IF('Standard Profiles'!$G$20=$B$17,14,0)+IF('Standard Profiles'!$G$20=$B$24,21,0),MOD($C6068,24)+1)/SUM(INDEX($D$3:$AA$30,INDEX(Jesper!$R$2:$R$366,ROW(INDEX(Jesper!AJ$2:AJ$366,ROUNDDOWN($C6068/24,0)+1,1))-1)+IF('Standard Profiles'!$G$20=$B$10,7,0)+IF('Standard Profiles'!$G$20=$B$17,14,0)+IF('Standard Profiles'!$G$20=$B$24,21,0),0)),0)</f>
        <v>0</v>
      </c>
      <c r="G6068" cm="1">
        <f t="array" ref="G6068">IFERROR(INDEX(Jesper!AK$2:AK$366,ROUNDDOWN($C6068/24,0)+1,1)*INDEX($D$3:$AA$30,INDEX(Jesper!$R$2:$R$366,ROW(INDEX(Jesper!AK$2:AK$366,ROUNDDOWN($C6068/24,0)+1,1))-1)+IF('Standard Profiles'!$G$21=$B$10,7,0)+IF('Standard Profiles'!$G$21=$B$17,14,0)+IF('Standard Profiles'!$G$21=$B$24,21,0),MOD($C6068,24)+1)/SUM(INDEX($D$3:$AA$30,INDEX(Jesper!$R$2:$R$366,ROW(INDEX(Jesper!AK$2:AK$366,ROUNDDOWN($C6068/24,0)+1,1))-1)+IF('Standard Profiles'!$G$21=$B$10,7,0)+IF('Standard Profiles'!$G$21=$B$17,14,0)+IF('Standard Profiles'!$G$21=$B$24,21,0),0)),0)</f>
        <v>0</v>
      </c>
      <c r="H6068" cm="1">
        <f t="array" ref="H6068">IFERROR(INDEX(Jesper!AL$2:AL$366,ROUNDDOWN($C6068/24,0)+1,1)*INDEX($D$3:$AA$30,INDEX(Jesper!$R$2:$R$366,ROW(INDEX(Jesper!AL$2:AL$366,ROUNDDOWN($C6068/24,0)+1,1))-1)+IF('Standard Profiles'!$G$22=$B$10,7,0)+IF('Standard Profiles'!$G$22=$B$17,14,0)+IF('Standard Profiles'!$G$22=$B$24,21,0),MOD($C6068,24)+1)/SUM(INDEX($D$3:$AA$30,INDEX(Jesper!$R$2:$R$366,ROW(INDEX(Jesper!AL$2:AL$366,ROUNDDOWN($C6068/24,0)+1,1))-1)+IF('Standard Profiles'!$G$22=$B$10,7,0)+IF('Standard Profiles'!$G$22=$B$17,14,0)+IF('Standard Profiles'!$G$22=$B$24,21,0),0)),0)</f>
        <v>0</v>
      </c>
      <c r="I6068">
        <f t="shared" si="678"/>
        <v>0.13855936885909786</v>
      </c>
      <c r="J6068">
        <f t="shared" si="679"/>
        <v>0.46186456286365962</v>
      </c>
      <c r="K6068">
        <f t="shared" si="680"/>
        <v>0.69279684429548949</v>
      </c>
      <c r="L6068">
        <f t="shared" si="681"/>
        <v>11.391119867328353</v>
      </c>
      <c r="M6068">
        <f t="shared" si="682"/>
        <v>0</v>
      </c>
      <c r="N6068" s="46">
        <f t="shared" si="683"/>
        <v>45543.416666652032</v>
      </c>
    </row>
    <row r="6069" spans="2:14" x14ac:dyDescent="0.3">
      <c r="B6069">
        <f t="shared" si="677"/>
        <v>7</v>
      </c>
      <c r="C6069" s="16">
        <v>6035</v>
      </c>
      <c r="D6069" cm="1">
        <f t="array" ref="D6069">IFERROR(INDEX(Jesper!AH$2:AH$366,ROUNDDOWN($C6069/24,0)+1,1)*INDEX($D$3:$AA$30,INDEX(Jesper!$R$2:$R$366,ROW(INDEX(Jesper!AH$2:AH$366,ROUNDDOWN($C6069/24,0)+1,1))-1)+IF('Standard Profiles'!$G$18=$B$10,7,0)+IF('Standard Profiles'!$G$18=$B$17,14,0)+IF('Standard Profiles'!$G$18=$B$24,21,0),MOD($C6069,24)+1)/SUM(INDEX($D$3:$AA$30,INDEX(Jesper!$R$2:$R$366,ROW(INDEX(Jesper!AH$2:AH$366,ROUNDDOWN($C6069/24,0)+1,1))-1)+IF('Standard Profiles'!$G$18=$B$10,7,0)+IF('Standard Profiles'!$G$18=$B$17,14,0)+IF('Standard Profiles'!$G$18=$B$24,21,0),0)),0)</f>
        <v>11.146331649010614</v>
      </c>
      <c r="E6069" cm="1">
        <f t="array" ref="E6069">IFERROR(INDEX(Jesper!AI$2:AI$366,ROUNDDOWN($C6069/24,0)+1,1)*INDEX($D$3:$AA$30,INDEX(Jesper!$R$2:$R$366,ROW(INDEX(Jesper!AI$2:AI$366,ROUNDDOWN($C6069/24,0)+1,1))-1)+IF('Standard Profiles'!$G$19=$B$10,7,0)+IF('Standard Profiles'!$G$19=$B$17,14,0)+IF('Standard Profiles'!$G$19=$B$24,21,0),MOD($C6069,24)+1)/SUM(INDEX($D$3:$AA$30,INDEX(Jesper!$R$2:$R$366,ROW(INDEX(Jesper!AI$2:AI$366,ROUNDDOWN($C6069/24,0)+1,1))-1)+IF('Standard Profiles'!$G$19=$B$10,7,0)+IF('Standard Profiles'!$G$19=$B$17,14,0)+IF('Standard Profiles'!$G$19=$B$24,21,0),0)),0)</f>
        <v>1.538008994335986</v>
      </c>
      <c r="F6069" cm="1">
        <f t="array" ref="F6069">IFERROR(INDEX(Jesper!AJ$2:AJ$366,ROUNDDOWN($C6069/24,0)+1,1)*INDEX($D$3:$AA$30,INDEX(Jesper!$R$2:$R$366,ROW(INDEX(Jesper!AJ$2:AJ$366,ROUNDDOWN($C6069/24,0)+1,1))-1)+IF('Standard Profiles'!$G$20=$B$10,7,0)+IF('Standard Profiles'!$G$20=$B$17,14,0)+IF('Standard Profiles'!$G$20=$B$24,21,0),MOD($C6069,24)+1)/SUM(INDEX($D$3:$AA$30,INDEX(Jesper!$R$2:$R$366,ROW(INDEX(Jesper!AJ$2:AJ$366,ROUNDDOWN($C6069/24,0)+1,1))-1)+IF('Standard Profiles'!$G$20=$B$10,7,0)+IF('Standard Profiles'!$G$20=$B$17,14,0)+IF('Standard Profiles'!$G$20=$B$24,21,0),0)),0)</f>
        <v>0</v>
      </c>
      <c r="G6069" cm="1">
        <f t="array" ref="G6069">IFERROR(INDEX(Jesper!AK$2:AK$366,ROUNDDOWN($C6069/24,0)+1,1)*INDEX($D$3:$AA$30,INDEX(Jesper!$R$2:$R$366,ROW(INDEX(Jesper!AK$2:AK$366,ROUNDDOWN($C6069/24,0)+1,1))-1)+IF('Standard Profiles'!$G$21=$B$10,7,0)+IF('Standard Profiles'!$G$21=$B$17,14,0)+IF('Standard Profiles'!$G$21=$B$24,21,0),MOD($C6069,24)+1)/SUM(INDEX($D$3:$AA$30,INDEX(Jesper!$R$2:$R$366,ROW(INDEX(Jesper!AK$2:AK$366,ROUNDDOWN($C6069/24,0)+1,1))-1)+IF('Standard Profiles'!$G$21=$B$10,7,0)+IF('Standard Profiles'!$G$21=$B$17,14,0)+IF('Standard Profiles'!$G$21=$B$24,21,0),0)),0)</f>
        <v>0</v>
      </c>
      <c r="H6069" cm="1">
        <f t="array" ref="H6069">IFERROR(INDEX(Jesper!AL$2:AL$366,ROUNDDOWN($C6069/24,0)+1,1)*INDEX($D$3:$AA$30,INDEX(Jesper!$R$2:$R$366,ROW(INDEX(Jesper!AL$2:AL$366,ROUNDDOWN($C6069/24,0)+1,1))-1)+IF('Standard Profiles'!$G$22=$B$10,7,0)+IF('Standard Profiles'!$G$22=$B$17,14,0)+IF('Standard Profiles'!$G$22=$B$24,21,0),MOD($C6069,24)+1)/SUM(INDEX($D$3:$AA$30,INDEX(Jesper!$R$2:$R$366,ROW(INDEX(Jesper!AL$2:AL$366,ROUNDDOWN($C6069/24,0)+1,1))-1)+IF('Standard Profiles'!$G$22=$B$10,7,0)+IF('Standard Profiles'!$G$22=$B$17,14,0)+IF('Standard Profiles'!$G$22=$B$24,21,0),0)),0)</f>
        <v>0</v>
      </c>
      <c r="I6069">
        <f t="shared" si="678"/>
        <v>0.13855936885909786</v>
      </c>
      <c r="J6069">
        <f t="shared" si="679"/>
        <v>0.46186456286365962</v>
      </c>
      <c r="K6069">
        <f t="shared" si="680"/>
        <v>0.69279684429548949</v>
      </c>
      <c r="L6069">
        <f t="shared" si="681"/>
        <v>11.391119867328353</v>
      </c>
      <c r="M6069">
        <f t="shared" si="682"/>
        <v>0</v>
      </c>
      <c r="N6069" s="46">
        <f t="shared" si="683"/>
        <v>45543.458333318697</v>
      </c>
    </row>
    <row r="6070" spans="2:14" x14ac:dyDescent="0.3">
      <c r="B6070">
        <f t="shared" si="677"/>
        <v>7</v>
      </c>
      <c r="C6070" s="16">
        <v>6036</v>
      </c>
      <c r="D6070" cm="1">
        <f t="array" ref="D6070">IFERROR(INDEX(Jesper!AH$2:AH$366,ROUNDDOWN($C6070/24,0)+1,1)*INDEX($D$3:$AA$30,INDEX(Jesper!$R$2:$R$366,ROW(INDEX(Jesper!AH$2:AH$366,ROUNDDOWN($C6070/24,0)+1,1))-1)+IF('Standard Profiles'!$G$18=$B$10,7,0)+IF('Standard Profiles'!$G$18=$B$17,14,0)+IF('Standard Profiles'!$G$18=$B$24,21,0),MOD($C6070,24)+1)/SUM(INDEX($D$3:$AA$30,INDEX(Jesper!$R$2:$R$366,ROW(INDEX(Jesper!AH$2:AH$366,ROUNDDOWN($C6070/24,0)+1,1))-1)+IF('Standard Profiles'!$G$18=$B$10,7,0)+IF('Standard Profiles'!$G$18=$B$17,14,0)+IF('Standard Profiles'!$G$18=$B$24,21,0),0)),0)</f>
        <v>11.146331649010614</v>
      </c>
      <c r="E6070" cm="1">
        <f t="array" ref="E6070">IFERROR(INDEX(Jesper!AI$2:AI$366,ROUNDDOWN($C6070/24,0)+1,1)*INDEX($D$3:$AA$30,INDEX(Jesper!$R$2:$R$366,ROW(INDEX(Jesper!AI$2:AI$366,ROUNDDOWN($C6070/24,0)+1,1))-1)+IF('Standard Profiles'!$G$19=$B$10,7,0)+IF('Standard Profiles'!$G$19=$B$17,14,0)+IF('Standard Profiles'!$G$19=$B$24,21,0),MOD($C6070,24)+1)/SUM(INDEX($D$3:$AA$30,INDEX(Jesper!$R$2:$R$366,ROW(INDEX(Jesper!AI$2:AI$366,ROUNDDOWN($C6070/24,0)+1,1))-1)+IF('Standard Profiles'!$G$19=$B$10,7,0)+IF('Standard Profiles'!$G$19=$B$17,14,0)+IF('Standard Profiles'!$G$19=$B$24,21,0),0)),0)</f>
        <v>1.538008994335986</v>
      </c>
      <c r="F6070" cm="1">
        <f t="array" ref="F6070">IFERROR(INDEX(Jesper!AJ$2:AJ$366,ROUNDDOWN($C6070/24,0)+1,1)*INDEX($D$3:$AA$30,INDEX(Jesper!$R$2:$R$366,ROW(INDEX(Jesper!AJ$2:AJ$366,ROUNDDOWN($C6070/24,0)+1,1))-1)+IF('Standard Profiles'!$G$20=$B$10,7,0)+IF('Standard Profiles'!$G$20=$B$17,14,0)+IF('Standard Profiles'!$G$20=$B$24,21,0),MOD($C6070,24)+1)/SUM(INDEX($D$3:$AA$30,INDEX(Jesper!$R$2:$R$366,ROW(INDEX(Jesper!AJ$2:AJ$366,ROUNDDOWN($C6070/24,0)+1,1))-1)+IF('Standard Profiles'!$G$20=$B$10,7,0)+IF('Standard Profiles'!$G$20=$B$17,14,0)+IF('Standard Profiles'!$G$20=$B$24,21,0),0)),0)</f>
        <v>0</v>
      </c>
      <c r="G6070" cm="1">
        <f t="array" ref="G6070">IFERROR(INDEX(Jesper!AK$2:AK$366,ROUNDDOWN($C6070/24,0)+1,1)*INDEX($D$3:$AA$30,INDEX(Jesper!$R$2:$R$366,ROW(INDEX(Jesper!AK$2:AK$366,ROUNDDOWN($C6070/24,0)+1,1))-1)+IF('Standard Profiles'!$G$21=$B$10,7,0)+IF('Standard Profiles'!$G$21=$B$17,14,0)+IF('Standard Profiles'!$G$21=$B$24,21,0),MOD($C6070,24)+1)/SUM(INDEX($D$3:$AA$30,INDEX(Jesper!$R$2:$R$366,ROW(INDEX(Jesper!AK$2:AK$366,ROUNDDOWN($C6070/24,0)+1,1))-1)+IF('Standard Profiles'!$G$21=$B$10,7,0)+IF('Standard Profiles'!$G$21=$B$17,14,0)+IF('Standard Profiles'!$G$21=$B$24,21,0),0)),0)</f>
        <v>0</v>
      </c>
      <c r="H6070" cm="1">
        <f t="array" ref="H6070">IFERROR(INDEX(Jesper!AL$2:AL$366,ROUNDDOWN($C6070/24,0)+1,1)*INDEX($D$3:$AA$30,INDEX(Jesper!$R$2:$R$366,ROW(INDEX(Jesper!AL$2:AL$366,ROUNDDOWN($C6070/24,0)+1,1))-1)+IF('Standard Profiles'!$G$22=$B$10,7,0)+IF('Standard Profiles'!$G$22=$B$17,14,0)+IF('Standard Profiles'!$G$22=$B$24,21,0),MOD($C6070,24)+1)/SUM(INDEX($D$3:$AA$30,INDEX(Jesper!$R$2:$R$366,ROW(INDEX(Jesper!AL$2:AL$366,ROUNDDOWN($C6070/24,0)+1,1))-1)+IF('Standard Profiles'!$G$22=$B$10,7,0)+IF('Standard Profiles'!$G$22=$B$17,14,0)+IF('Standard Profiles'!$G$22=$B$24,21,0),0)),0)</f>
        <v>0</v>
      </c>
      <c r="I6070">
        <f t="shared" si="678"/>
        <v>0.13855936885909786</v>
      </c>
      <c r="J6070">
        <f t="shared" si="679"/>
        <v>0.46186456286365962</v>
      </c>
      <c r="K6070">
        <f t="shared" si="680"/>
        <v>0.69279684429548949</v>
      </c>
      <c r="L6070">
        <f t="shared" si="681"/>
        <v>11.391119867328353</v>
      </c>
      <c r="M6070">
        <f t="shared" si="682"/>
        <v>0</v>
      </c>
      <c r="N6070" s="46">
        <f t="shared" si="683"/>
        <v>45543.499999985361</v>
      </c>
    </row>
    <row r="6071" spans="2:14" x14ac:dyDescent="0.3">
      <c r="B6071">
        <f t="shared" si="677"/>
        <v>7</v>
      </c>
      <c r="C6071" s="16">
        <v>6037</v>
      </c>
      <c r="D6071" cm="1">
        <f t="array" ref="D6071">IFERROR(INDEX(Jesper!AH$2:AH$366,ROUNDDOWN($C6071/24,0)+1,1)*INDEX($D$3:$AA$30,INDEX(Jesper!$R$2:$R$366,ROW(INDEX(Jesper!AH$2:AH$366,ROUNDDOWN($C6071/24,0)+1,1))-1)+IF('Standard Profiles'!$G$18=$B$10,7,0)+IF('Standard Profiles'!$G$18=$B$17,14,0)+IF('Standard Profiles'!$G$18=$B$24,21,0),MOD($C6071,24)+1)/SUM(INDEX($D$3:$AA$30,INDEX(Jesper!$R$2:$R$366,ROW(INDEX(Jesper!AH$2:AH$366,ROUNDDOWN($C6071/24,0)+1,1))-1)+IF('Standard Profiles'!$G$18=$B$10,7,0)+IF('Standard Profiles'!$G$18=$B$17,14,0)+IF('Standard Profiles'!$G$18=$B$24,21,0),0)),0)</f>
        <v>11.146331649010614</v>
      </c>
      <c r="E6071" cm="1">
        <f t="array" ref="E6071">IFERROR(INDEX(Jesper!AI$2:AI$366,ROUNDDOWN($C6071/24,0)+1,1)*INDEX($D$3:$AA$30,INDEX(Jesper!$R$2:$R$366,ROW(INDEX(Jesper!AI$2:AI$366,ROUNDDOWN($C6071/24,0)+1,1))-1)+IF('Standard Profiles'!$G$19=$B$10,7,0)+IF('Standard Profiles'!$G$19=$B$17,14,0)+IF('Standard Profiles'!$G$19=$B$24,21,0),MOD($C6071,24)+1)/SUM(INDEX($D$3:$AA$30,INDEX(Jesper!$R$2:$R$366,ROW(INDEX(Jesper!AI$2:AI$366,ROUNDDOWN($C6071/24,0)+1,1))-1)+IF('Standard Profiles'!$G$19=$B$10,7,0)+IF('Standard Profiles'!$G$19=$B$17,14,0)+IF('Standard Profiles'!$G$19=$B$24,21,0),0)),0)</f>
        <v>1.538008994335986</v>
      </c>
      <c r="F6071" cm="1">
        <f t="array" ref="F6071">IFERROR(INDEX(Jesper!AJ$2:AJ$366,ROUNDDOWN($C6071/24,0)+1,1)*INDEX($D$3:$AA$30,INDEX(Jesper!$R$2:$R$366,ROW(INDEX(Jesper!AJ$2:AJ$366,ROUNDDOWN($C6071/24,0)+1,1))-1)+IF('Standard Profiles'!$G$20=$B$10,7,0)+IF('Standard Profiles'!$G$20=$B$17,14,0)+IF('Standard Profiles'!$G$20=$B$24,21,0),MOD($C6071,24)+1)/SUM(INDEX($D$3:$AA$30,INDEX(Jesper!$R$2:$R$366,ROW(INDEX(Jesper!AJ$2:AJ$366,ROUNDDOWN($C6071/24,0)+1,1))-1)+IF('Standard Profiles'!$G$20=$B$10,7,0)+IF('Standard Profiles'!$G$20=$B$17,14,0)+IF('Standard Profiles'!$G$20=$B$24,21,0),0)),0)</f>
        <v>0</v>
      </c>
      <c r="G6071" cm="1">
        <f t="array" ref="G6071">IFERROR(INDEX(Jesper!AK$2:AK$366,ROUNDDOWN($C6071/24,0)+1,1)*INDEX($D$3:$AA$30,INDEX(Jesper!$R$2:$R$366,ROW(INDEX(Jesper!AK$2:AK$366,ROUNDDOWN($C6071/24,0)+1,1))-1)+IF('Standard Profiles'!$G$21=$B$10,7,0)+IF('Standard Profiles'!$G$21=$B$17,14,0)+IF('Standard Profiles'!$G$21=$B$24,21,0),MOD($C6071,24)+1)/SUM(INDEX($D$3:$AA$30,INDEX(Jesper!$R$2:$R$366,ROW(INDEX(Jesper!AK$2:AK$366,ROUNDDOWN($C6071/24,0)+1,1))-1)+IF('Standard Profiles'!$G$21=$B$10,7,0)+IF('Standard Profiles'!$G$21=$B$17,14,0)+IF('Standard Profiles'!$G$21=$B$24,21,0),0)),0)</f>
        <v>0</v>
      </c>
      <c r="H6071" cm="1">
        <f t="array" ref="H6071">IFERROR(INDEX(Jesper!AL$2:AL$366,ROUNDDOWN($C6071/24,0)+1,1)*INDEX($D$3:$AA$30,INDEX(Jesper!$R$2:$R$366,ROW(INDEX(Jesper!AL$2:AL$366,ROUNDDOWN($C6071/24,0)+1,1))-1)+IF('Standard Profiles'!$G$22=$B$10,7,0)+IF('Standard Profiles'!$G$22=$B$17,14,0)+IF('Standard Profiles'!$G$22=$B$24,21,0),MOD($C6071,24)+1)/SUM(INDEX($D$3:$AA$30,INDEX(Jesper!$R$2:$R$366,ROW(INDEX(Jesper!AL$2:AL$366,ROUNDDOWN($C6071/24,0)+1,1))-1)+IF('Standard Profiles'!$G$22=$B$10,7,0)+IF('Standard Profiles'!$G$22=$B$17,14,0)+IF('Standard Profiles'!$G$22=$B$24,21,0),0)),0)</f>
        <v>0</v>
      </c>
      <c r="I6071">
        <f t="shared" si="678"/>
        <v>0.13855936885909786</v>
      </c>
      <c r="J6071">
        <f t="shared" si="679"/>
        <v>0.46186456286365962</v>
      </c>
      <c r="K6071">
        <f t="shared" si="680"/>
        <v>0.69279684429548949</v>
      </c>
      <c r="L6071">
        <f t="shared" si="681"/>
        <v>11.391119867328353</v>
      </c>
      <c r="M6071">
        <f t="shared" si="682"/>
        <v>0</v>
      </c>
      <c r="N6071" s="46">
        <f t="shared" si="683"/>
        <v>45543.541666652025</v>
      </c>
    </row>
    <row r="6072" spans="2:14" x14ac:dyDescent="0.3">
      <c r="B6072">
        <f t="shared" si="677"/>
        <v>7</v>
      </c>
      <c r="C6072" s="16">
        <v>6038</v>
      </c>
      <c r="D6072" cm="1">
        <f t="array" ref="D6072">IFERROR(INDEX(Jesper!AH$2:AH$366,ROUNDDOWN($C6072/24,0)+1,1)*INDEX($D$3:$AA$30,INDEX(Jesper!$R$2:$R$366,ROW(INDEX(Jesper!AH$2:AH$366,ROUNDDOWN($C6072/24,0)+1,1))-1)+IF('Standard Profiles'!$G$18=$B$10,7,0)+IF('Standard Profiles'!$G$18=$B$17,14,0)+IF('Standard Profiles'!$G$18=$B$24,21,0),MOD($C6072,24)+1)/SUM(INDEX($D$3:$AA$30,INDEX(Jesper!$R$2:$R$366,ROW(INDEX(Jesper!AH$2:AH$366,ROUNDDOWN($C6072/24,0)+1,1))-1)+IF('Standard Profiles'!$G$18=$B$10,7,0)+IF('Standard Profiles'!$G$18=$B$17,14,0)+IF('Standard Profiles'!$G$18=$B$24,21,0),0)),0)</f>
        <v>11.146331649010614</v>
      </c>
      <c r="E6072" cm="1">
        <f t="array" ref="E6072">IFERROR(INDEX(Jesper!AI$2:AI$366,ROUNDDOWN($C6072/24,0)+1,1)*INDEX($D$3:$AA$30,INDEX(Jesper!$R$2:$R$366,ROW(INDEX(Jesper!AI$2:AI$366,ROUNDDOWN($C6072/24,0)+1,1))-1)+IF('Standard Profiles'!$G$19=$B$10,7,0)+IF('Standard Profiles'!$G$19=$B$17,14,0)+IF('Standard Profiles'!$G$19=$B$24,21,0),MOD($C6072,24)+1)/SUM(INDEX($D$3:$AA$30,INDEX(Jesper!$R$2:$R$366,ROW(INDEX(Jesper!AI$2:AI$366,ROUNDDOWN($C6072/24,0)+1,1))-1)+IF('Standard Profiles'!$G$19=$B$10,7,0)+IF('Standard Profiles'!$G$19=$B$17,14,0)+IF('Standard Profiles'!$G$19=$B$24,21,0),0)),0)</f>
        <v>1.538008994335986</v>
      </c>
      <c r="F6072" cm="1">
        <f t="array" ref="F6072">IFERROR(INDEX(Jesper!AJ$2:AJ$366,ROUNDDOWN($C6072/24,0)+1,1)*INDEX($D$3:$AA$30,INDEX(Jesper!$R$2:$R$366,ROW(INDEX(Jesper!AJ$2:AJ$366,ROUNDDOWN($C6072/24,0)+1,1))-1)+IF('Standard Profiles'!$G$20=$B$10,7,0)+IF('Standard Profiles'!$G$20=$B$17,14,0)+IF('Standard Profiles'!$G$20=$B$24,21,0),MOD($C6072,24)+1)/SUM(INDEX($D$3:$AA$30,INDEX(Jesper!$R$2:$R$366,ROW(INDEX(Jesper!AJ$2:AJ$366,ROUNDDOWN($C6072/24,0)+1,1))-1)+IF('Standard Profiles'!$G$20=$B$10,7,0)+IF('Standard Profiles'!$G$20=$B$17,14,0)+IF('Standard Profiles'!$G$20=$B$24,21,0),0)),0)</f>
        <v>0</v>
      </c>
      <c r="G6072" cm="1">
        <f t="array" ref="G6072">IFERROR(INDEX(Jesper!AK$2:AK$366,ROUNDDOWN($C6072/24,0)+1,1)*INDEX($D$3:$AA$30,INDEX(Jesper!$R$2:$R$366,ROW(INDEX(Jesper!AK$2:AK$366,ROUNDDOWN($C6072/24,0)+1,1))-1)+IF('Standard Profiles'!$G$21=$B$10,7,0)+IF('Standard Profiles'!$G$21=$B$17,14,0)+IF('Standard Profiles'!$G$21=$B$24,21,0),MOD($C6072,24)+1)/SUM(INDEX($D$3:$AA$30,INDEX(Jesper!$R$2:$R$366,ROW(INDEX(Jesper!AK$2:AK$366,ROUNDDOWN($C6072/24,0)+1,1))-1)+IF('Standard Profiles'!$G$21=$B$10,7,0)+IF('Standard Profiles'!$G$21=$B$17,14,0)+IF('Standard Profiles'!$G$21=$B$24,21,0),0)),0)</f>
        <v>0</v>
      </c>
      <c r="H6072" cm="1">
        <f t="array" ref="H6072">IFERROR(INDEX(Jesper!AL$2:AL$366,ROUNDDOWN($C6072/24,0)+1,1)*INDEX($D$3:$AA$30,INDEX(Jesper!$R$2:$R$366,ROW(INDEX(Jesper!AL$2:AL$366,ROUNDDOWN($C6072/24,0)+1,1))-1)+IF('Standard Profiles'!$G$22=$B$10,7,0)+IF('Standard Profiles'!$G$22=$B$17,14,0)+IF('Standard Profiles'!$G$22=$B$24,21,0),MOD($C6072,24)+1)/SUM(INDEX($D$3:$AA$30,INDEX(Jesper!$R$2:$R$366,ROW(INDEX(Jesper!AL$2:AL$366,ROUNDDOWN($C6072/24,0)+1,1))-1)+IF('Standard Profiles'!$G$22=$B$10,7,0)+IF('Standard Profiles'!$G$22=$B$17,14,0)+IF('Standard Profiles'!$G$22=$B$24,21,0),0)),0)</f>
        <v>0</v>
      </c>
      <c r="I6072">
        <f t="shared" si="678"/>
        <v>0.13855936885909786</v>
      </c>
      <c r="J6072">
        <f t="shared" si="679"/>
        <v>0.46186456286365962</v>
      </c>
      <c r="K6072">
        <f t="shared" si="680"/>
        <v>0.69279684429548949</v>
      </c>
      <c r="L6072">
        <f t="shared" si="681"/>
        <v>11.391119867328353</v>
      </c>
      <c r="M6072">
        <f t="shared" si="682"/>
        <v>0</v>
      </c>
      <c r="N6072" s="46">
        <f t="shared" si="683"/>
        <v>45543.583333318689</v>
      </c>
    </row>
    <row r="6073" spans="2:14" x14ac:dyDescent="0.3">
      <c r="B6073">
        <f t="shared" si="677"/>
        <v>7</v>
      </c>
      <c r="C6073" s="16">
        <v>6039</v>
      </c>
      <c r="D6073" cm="1">
        <f t="array" ref="D6073">IFERROR(INDEX(Jesper!AH$2:AH$366,ROUNDDOWN($C6073/24,0)+1,1)*INDEX($D$3:$AA$30,INDEX(Jesper!$R$2:$R$366,ROW(INDEX(Jesper!AH$2:AH$366,ROUNDDOWN($C6073/24,0)+1,1))-1)+IF('Standard Profiles'!$G$18=$B$10,7,0)+IF('Standard Profiles'!$G$18=$B$17,14,0)+IF('Standard Profiles'!$G$18=$B$24,21,0),MOD($C6073,24)+1)/SUM(INDEX($D$3:$AA$30,INDEX(Jesper!$R$2:$R$366,ROW(INDEX(Jesper!AH$2:AH$366,ROUNDDOWN($C6073/24,0)+1,1))-1)+IF('Standard Profiles'!$G$18=$B$10,7,0)+IF('Standard Profiles'!$G$18=$B$17,14,0)+IF('Standard Profiles'!$G$18=$B$24,21,0),0)),0)</f>
        <v>9.9078503546761016</v>
      </c>
      <c r="E6073" cm="1">
        <f t="array" ref="E6073">IFERROR(INDEX(Jesper!AI$2:AI$366,ROUNDDOWN($C6073/24,0)+1,1)*INDEX($D$3:$AA$30,INDEX(Jesper!$R$2:$R$366,ROW(INDEX(Jesper!AI$2:AI$366,ROUNDDOWN($C6073/24,0)+1,1))-1)+IF('Standard Profiles'!$G$19=$B$10,7,0)+IF('Standard Profiles'!$G$19=$B$17,14,0)+IF('Standard Profiles'!$G$19=$B$24,21,0),MOD($C6073,24)+1)/SUM(INDEX($D$3:$AA$30,INDEX(Jesper!$R$2:$R$366,ROW(INDEX(Jesper!AI$2:AI$366,ROUNDDOWN($C6073/24,0)+1,1))-1)+IF('Standard Profiles'!$G$19=$B$10,7,0)+IF('Standard Profiles'!$G$19=$B$17,14,0)+IF('Standard Profiles'!$G$19=$B$24,21,0),0)),0)</f>
        <v>1.3671191060764318</v>
      </c>
      <c r="F6073" cm="1">
        <f t="array" ref="F6073">IFERROR(INDEX(Jesper!AJ$2:AJ$366,ROUNDDOWN($C6073/24,0)+1,1)*INDEX($D$3:$AA$30,INDEX(Jesper!$R$2:$R$366,ROW(INDEX(Jesper!AJ$2:AJ$366,ROUNDDOWN($C6073/24,0)+1,1))-1)+IF('Standard Profiles'!$G$20=$B$10,7,0)+IF('Standard Profiles'!$G$20=$B$17,14,0)+IF('Standard Profiles'!$G$20=$B$24,21,0),MOD($C6073,24)+1)/SUM(INDEX($D$3:$AA$30,INDEX(Jesper!$R$2:$R$366,ROW(INDEX(Jesper!AJ$2:AJ$366,ROUNDDOWN($C6073/24,0)+1,1))-1)+IF('Standard Profiles'!$G$20=$B$10,7,0)+IF('Standard Profiles'!$G$20=$B$17,14,0)+IF('Standard Profiles'!$G$20=$B$24,21,0),0)),0)</f>
        <v>0</v>
      </c>
      <c r="G6073" cm="1">
        <f t="array" ref="G6073">IFERROR(INDEX(Jesper!AK$2:AK$366,ROUNDDOWN($C6073/24,0)+1,1)*INDEX($D$3:$AA$30,INDEX(Jesper!$R$2:$R$366,ROW(INDEX(Jesper!AK$2:AK$366,ROUNDDOWN($C6073/24,0)+1,1))-1)+IF('Standard Profiles'!$G$21=$B$10,7,0)+IF('Standard Profiles'!$G$21=$B$17,14,0)+IF('Standard Profiles'!$G$21=$B$24,21,0),MOD($C6073,24)+1)/SUM(INDEX($D$3:$AA$30,INDEX(Jesper!$R$2:$R$366,ROW(INDEX(Jesper!AK$2:AK$366,ROUNDDOWN($C6073/24,0)+1,1))-1)+IF('Standard Profiles'!$G$21=$B$10,7,0)+IF('Standard Profiles'!$G$21=$B$17,14,0)+IF('Standard Profiles'!$G$21=$B$24,21,0),0)),0)</f>
        <v>0</v>
      </c>
      <c r="H6073" cm="1">
        <f t="array" ref="H6073">IFERROR(INDEX(Jesper!AL$2:AL$366,ROUNDDOWN($C6073/24,0)+1,1)*INDEX($D$3:$AA$30,INDEX(Jesper!$R$2:$R$366,ROW(INDEX(Jesper!AL$2:AL$366,ROUNDDOWN($C6073/24,0)+1,1))-1)+IF('Standard Profiles'!$G$22=$B$10,7,0)+IF('Standard Profiles'!$G$22=$B$17,14,0)+IF('Standard Profiles'!$G$22=$B$24,21,0),MOD($C6073,24)+1)/SUM(INDEX($D$3:$AA$30,INDEX(Jesper!$R$2:$R$366,ROW(INDEX(Jesper!AL$2:AL$366,ROUNDDOWN($C6073/24,0)+1,1))-1)+IF('Standard Profiles'!$G$22=$B$10,7,0)+IF('Standard Profiles'!$G$22=$B$17,14,0)+IF('Standard Profiles'!$G$22=$B$24,21,0),0)),0)</f>
        <v>0</v>
      </c>
      <c r="I6073">
        <f t="shared" si="678"/>
        <v>0.12316388343030921</v>
      </c>
      <c r="J6073">
        <f t="shared" si="679"/>
        <v>0.41054627810103073</v>
      </c>
      <c r="K6073">
        <f t="shared" si="680"/>
        <v>0.61581941715154609</v>
      </c>
      <c r="L6073">
        <f t="shared" si="681"/>
        <v>10.125439882069648</v>
      </c>
      <c r="M6073">
        <f t="shared" si="682"/>
        <v>0</v>
      </c>
      <c r="N6073" s="46">
        <f t="shared" si="683"/>
        <v>45543.624999985353</v>
      </c>
    </row>
    <row r="6074" spans="2:14" x14ac:dyDescent="0.3">
      <c r="B6074">
        <f t="shared" si="677"/>
        <v>7</v>
      </c>
      <c r="C6074" s="16">
        <v>6040</v>
      </c>
      <c r="D6074" cm="1">
        <f t="array" ref="D6074">IFERROR(INDEX(Jesper!AH$2:AH$366,ROUNDDOWN($C6074/24,0)+1,1)*INDEX($D$3:$AA$30,INDEX(Jesper!$R$2:$R$366,ROW(INDEX(Jesper!AH$2:AH$366,ROUNDDOWN($C6074/24,0)+1,1))-1)+IF('Standard Profiles'!$G$18=$B$10,7,0)+IF('Standard Profiles'!$G$18=$B$17,14,0)+IF('Standard Profiles'!$G$18=$B$24,21,0),MOD($C6074,24)+1)/SUM(INDEX($D$3:$AA$30,INDEX(Jesper!$R$2:$R$366,ROW(INDEX(Jesper!AH$2:AH$366,ROUNDDOWN($C6074/24,0)+1,1))-1)+IF('Standard Profiles'!$G$18=$B$10,7,0)+IF('Standard Profiles'!$G$18=$B$17,14,0)+IF('Standard Profiles'!$G$18=$B$24,21,0),0)),0)</f>
        <v>9.7309244554854555</v>
      </c>
      <c r="E6074" cm="1">
        <f t="array" ref="E6074">IFERROR(INDEX(Jesper!AI$2:AI$366,ROUNDDOWN($C6074/24,0)+1,1)*INDEX($D$3:$AA$30,INDEX(Jesper!$R$2:$R$366,ROW(INDEX(Jesper!AI$2:AI$366,ROUNDDOWN($C6074/24,0)+1,1))-1)+IF('Standard Profiles'!$G$19=$B$10,7,0)+IF('Standard Profiles'!$G$19=$B$17,14,0)+IF('Standard Profiles'!$G$19=$B$24,21,0),MOD($C6074,24)+1)/SUM(INDEX($D$3:$AA$30,INDEX(Jesper!$R$2:$R$366,ROW(INDEX(Jesper!AI$2:AI$366,ROUNDDOWN($C6074/24,0)+1,1))-1)+IF('Standard Profiles'!$G$19=$B$10,7,0)+IF('Standard Profiles'!$G$19=$B$17,14,0)+IF('Standard Profiles'!$G$19=$B$24,21,0),0)),0)</f>
        <v>1.3427062648964956</v>
      </c>
      <c r="F6074" cm="1">
        <f t="array" ref="F6074">IFERROR(INDEX(Jesper!AJ$2:AJ$366,ROUNDDOWN($C6074/24,0)+1,1)*INDEX($D$3:$AA$30,INDEX(Jesper!$R$2:$R$366,ROW(INDEX(Jesper!AJ$2:AJ$366,ROUNDDOWN($C6074/24,0)+1,1))-1)+IF('Standard Profiles'!$G$20=$B$10,7,0)+IF('Standard Profiles'!$G$20=$B$17,14,0)+IF('Standard Profiles'!$G$20=$B$24,21,0),MOD($C6074,24)+1)/SUM(INDEX($D$3:$AA$30,INDEX(Jesper!$R$2:$R$366,ROW(INDEX(Jesper!AJ$2:AJ$366,ROUNDDOWN($C6074/24,0)+1,1))-1)+IF('Standard Profiles'!$G$20=$B$10,7,0)+IF('Standard Profiles'!$G$20=$B$17,14,0)+IF('Standard Profiles'!$G$20=$B$24,21,0),0)),0)</f>
        <v>0</v>
      </c>
      <c r="G6074" cm="1">
        <f t="array" ref="G6074">IFERROR(INDEX(Jesper!AK$2:AK$366,ROUNDDOWN($C6074/24,0)+1,1)*INDEX($D$3:$AA$30,INDEX(Jesper!$R$2:$R$366,ROW(INDEX(Jesper!AK$2:AK$366,ROUNDDOWN($C6074/24,0)+1,1))-1)+IF('Standard Profiles'!$G$21=$B$10,7,0)+IF('Standard Profiles'!$G$21=$B$17,14,0)+IF('Standard Profiles'!$G$21=$B$24,21,0),MOD($C6074,24)+1)/SUM(INDEX($D$3:$AA$30,INDEX(Jesper!$R$2:$R$366,ROW(INDEX(Jesper!AK$2:AK$366,ROUNDDOWN($C6074/24,0)+1,1))-1)+IF('Standard Profiles'!$G$21=$B$10,7,0)+IF('Standard Profiles'!$G$21=$B$17,14,0)+IF('Standard Profiles'!$G$21=$B$24,21,0),0)),0)</f>
        <v>0</v>
      </c>
      <c r="H6074" cm="1">
        <f t="array" ref="H6074">IFERROR(INDEX(Jesper!AL$2:AL$366,ROUNDDOWN($C6074/24,0)+1,1)*INDEX($D$3:$AA$30,INDEX(Jesper!$R$2:$R$366,ROW(INDEX(Jesper!AL$2:AL$366,ROUNDDOWN($C6074/24,0)+1,1))-1)+IF('Standard Profiles'!$G$22=$B$10,7,0)+IF('Standard Profiles'!$G$22=$B$17,14,0)+IF('Standard Profiles'!$G$22=$B$24,21,0),MOD($C6074,24)+1)/SUM(INDEX($D$3:$AA$30,INDEX(Jesper!$R$2:$R$366,ROW(INDEX(Jesper!AL$2:AL$366,ROUNDDOWN($C6074/24,0)+1,1))-1)+IF('Standard Profiles'!$G$22=$B$10,7,0)+IF('Standard Profiles'!$G$22=$B$17,14,0)+IF('Standard Profiles'!$G$22=$B$24,21,0),0)),0)</f>
        <v>0</v>
      </c>
      <c r="I6074">
        <f t="shared" si="678"/>
        <v>0.12096452836905369</v>
      </c>
      <c r="J6074">
        <f t="shared" si="679"/>
        <v>0.40321509456351234</v>
      </c>
      <c r="K6074">
        <f t="shared" si="680"/>
        <v>0.60482264184526846</v>
      </c>
      <c r="L6074">
        <f t="shared" si="681"/>
        <v>9.944628455604116</v>
      </c>
      <c r="M6074">
        <f t="shared" si="682"/>
        <v>0</v>
      </c>
      <c r="N6074" s="46">
        <f t="shared" si="683"/>
        <v>45543.666666652018</v>
      </c>
    </row>
    <row r="6075" spans="2:14" x14ac:dyDescent="0.3">
      <c r="B6075">
        <f t="shared" si="677"/>
        <v>7</v>
      </c>
      <c r="C6075" s="16">
        <v>6041</v>
      </c>
      <c r="D6075" cm="1">
        <f t="array" ref="D6075">IFERROR(INDEX(Jesper!AH$2:AH$366,ROUNDDOWN($C6075/24,0)+1,1)*INDEX($D$3:$AA$30,INDEX(Jesper!$R$2:$R$366,ROW(INDEX(Jesper!AH$2:AH$366,ROUNDDOWN($C6075/24,0)+1,1))-1)+IF('Standard Profiles'!$G$18=$B$10,7,0)+IF('Standard Profiles'!$G$18=$B$17,14,0)+IF('Standard Profiles'!$G$18=$B$24,21,0),MOD($C6075,24)+1)/SUM(INDEX($D$3:$AA$30,INDEX(Jesper!$R$2:$R$366,ROW(INDEX(Jesper!AH$2:AH$366,ROUNDDOWN($C6075/24,0)+1,1))-1)+IF('Standard Profiles'!$G$18=$B$10,7,0)+IF('Standard Profiles'!$G$18=$B$17,14,0)+IF('Standard Profiles'!$G$18=$B$24,21,0),0)),0)</f>
        <v>8.3155172619603004</v>
      </c>
      <c r="E6075" cm="1">
        <f t="array" ref="E6075">IFERROR(INDEX(Jesper!AI$2:AI$366,ROUNDDOWN($C6075/24,0)+1,1)*INDEX($D$3:$AA$30,INDEX(Jesper!$R$2:$R$366,ROW(INDEX(Jesper!AI$2:AI$366,ROUNDDOWN($C6075/24,0)+1,1))-1)+IF('Standard Profiles'!$G$19=$B$10,7,0)+IF('Standard Profiles'!$G$19=$B$17,14,0)+IF('Standard Profiles'!$G$19=$B$24,21,0),MOD($C6075,24)+1)/SUM(INDEX($D$3:$AA$30,INDEX(Jesper!$R$2:$R$366,ROW(INDEX(Jesper!AI$2:AI$366,ROUNDDOWN($C6075/24,0)+1,1))-1)+IF('Standard Profiles'!$G$19=$B$10,7,0)+IF('Standard Profiles'!$G$19=$B$17,14,0)+IF('Standard Profiles'!$G$19=$B$24,21,0),0)),0)</f>
        <v>1.1474035354570056</v>
      </c>
      <c r="F6075" cm="1">
        <f t="array" ref="F6075">IFERROR(INDEX(Jesper!AJ$2:AJ$366,ROUNDDOWN($C6075/24,0)+1,1)*INDEX($D$3:$AA$30,INDEX(Jesper!$R$2:$R$366,ROW(INDEX(Jesper!AJ$2:AJ$366,ROUNDDOWN($C6075/24,0)+1,1))-1)+IF('Standard Profiles'!$G$20=$B$10,7,0)+IF('Standard Profiles'!$G$20=$B$17,14,0)+IF('Standard Profiles'!$G$20=$B$24,21,0),MOD($C6075,24)+1)/SUM(INDEX($D$3:$AA$30,INDEX(Jesper!$R$2:$R$366,ROW(INDEX(Jesper!AJ$2:AJ$366,ROUNDDOWN($C6075/24,0)+1,1))-1)+IF('Standard Profiles'!$G$20=$B$10,7,0)+IF('Standard Profiles'!$G$20=$B$17,14,0)+IF('Standard Profiles'!$G$20=$B$24,21,0),0)),0)</f>
        <v>0</v>
      </c>
      <c r="G6075" cm="1">
        <f t="array" ref="G6075">IFERROR(INDEX(Jesper!AK$2:AK$366,ROUNDDOWN($C6075/24,0)+1,1)*INDEX($D$3:$AA$30,INDEX(Jesper!$R$2:$R$366,ROW(INDEX(Jesper!AK$2:AK$366,ROUNDDOWN($C6075/24,0)+1,1))-1)+IF('Standard Profiles'!$G$21=$B$10,7,0)+IF('Standard Profiles'!$G$21=$B$17,14,0)+IF('Standard Profiles'!$G$21=$B$24,21,0),MOD($C6075,24)+1)/SUM(INDEX($D$3:$AA$30,INDEX(Jesper!$R$2:$R$366,ROW(INDEX(Jesper!AK$2:AK$366,ROUNDDOWN($C6075/24,0)+1,1))-1)+IF('Standard Profiles'!$G$21=$B$10,7,0)+IF('Standard Profiles'!$G$21=$B$17,14,0)+IF('Standard Profiles'!$G$21=$B$24,21,0),0)),0)</f>
        <v>0</v>
      </c>
      <c r="H6075" cm="1">
        <f t="array" ref="H6075">IFERROR(INDEX(Jesper!AL$2:AL$366,ROUNDDOWN($C6075/24,0)+1,1)*INDEX($D$3:$AA$30,INDEX(Jesper!$R$2:$R$366,ROW(INDEX(Jesper!AL$2:AL$366,ROUNDDOWN($C6075/24,0)+1,1))-1)+IF('Standard Profiles'!$G$22=$B$10,7,0)+IF('Standard Profiles'!$G$22=$B$17,14,0)+IF('Standard Profiles'!$G$22=$B$24,21,0),MOD($C6075,24)+1)/SUM(INDEX($D$3:$AA$30,INDEX(Jesper!$R$2:$R$366,ROW(INDEX(Jesper!AL$2:AL$366,ROUNDDOWN($C6075/24,0)+1,1))-1)+IF('Standard Profiles'!$G$22=$B$10,7,0)+IF('Standard Profiles'!$G$22=$B$17,14,0)+IF('Standard Profiles'!$G$22=$B$24,21,0),0)),0)</f>
        <v>0</v>
      </c>
      <c r="I6075">
        <f t="shared" si="678"/>
        <v>0.10336968787900953</v>
      </c>
      <c r="J6075">
        <f t="shared" si="679"/>
        <v>0.34456562626336518</v>
      </c>
      <c r="K6075">
        <f t="shared" si="680"/>
        <v>0.51684843939504777</v>
      </c>
      <c r="L6075">
        <f t="shared" si="681"/>
        <v>8.4981370438798844</v>
      </c>
      <c r="M6075">
        <f t="shared" si="682"/>
        <v>0</v>
      </c>
      <c r="N6075" s="46">
        <f t="shared" si="683"/>
        <v>45543.708333318682</v>
      </c>
    </row>
    <row r="6076" spans="2:14" x14ac:dyDescent="0.3">
      <c r="B6076">
        <f t="shared" si="677"/>
        <v>7</v>
      </c>
      <c r="C6076" s="16">
        <v>6042</v>
      </c>
      <c r="D6076" cm="1">
        <f t="array" ref="D6076">IFERROR(INDEX(Jesper!AH$2:AH$366,ROUNDDOWN($C6076/24,0)+1,1)*INDEX($D$3:$AA$30,INDEX(Jesper!$R$2:$R$366,ROW(INDEX(Jesper!AH$2:AH$366,ROUNDDOWN($C6076/24,0)+1,1))-1)+IF('Standard Profiles'!$G$18=$B$10,7,0)+IF('Standard Profiles'!$G$18=$B$17,14,0)+IF('Standard Profiles'!$G$18=$B$24,21,0),MOD($C6076,24)+1)/SUM(INDEX($D$3:$AA$30,INDEX(Jesper!$R$2:$R$366,ROW(INDEX(Jesper!AH$2:AH$366,ROUNDDOWN($C6076/24,0)+1,1))-1)+IF('Standard Profiles'!$G$18=$B$10,7,0)+IF('Standard Profiles'!$G$18=$B$17,14,0)+IF('Standard Profiles'!$G$18=$B$24,21,0),0)),0)</f>
        <v>7.7847395643883663</v>
      </c>
      <c r="E6076" cm="1">
        <f t="array" ref="E6076">IFERROR(INDEX(Jesper!AI$2:AI$366,ROUNDDOWN($C6076/24,0)+1,1)*INDEX($D$3:$AA$30,INDEX(Jesper!$R$2:$R$366,ROW(INDEX(Jesper!AI$2:AI$366,ROUNDDOWN($C6076/24,0)+1,1))-1)+IF('Standard Profiles'!$G$19=$B$10,7,0)+IF('Standard Profiles'!$G$19=$B$17,14,0)+IF('Standard Profiles'!$G$19=$B$24,21,0),MOD($C6076,24)+1)/SUM(INDEX($D$3:$AA$30,INDEX(Jesper!$R$2:$R$366,ROW(INDEX(Jesper!AI$2:AI$366,ROUNDDOWN($C6076/24,0)+1,1))-1)+IF('Standard Profiles'!$G$19=$B$10,7,0)+IF('Standard Profiles'!$G$19=$B$17,14,0)+IF('Standard Profiles'!$G$19=$B$24,21,0),0)),0)</f>
        <v>1.0741650119171966</v>
      </c>
      <c r="F6076" cm="1">
        <f t="array" ref="F6076">IFERROR(INDEX(Jesper!AJ$2:AJ$366,ROUNDDOWN($C6076/24,0)+1,1)*INDEX($D$3:$AA$30,INDEX(Jesper!$R$2:$R$366,ROW(INDEX(Jesper!AJ$2:AJ$366,ROUNDDOWN($C6076/24,0)+1,1))-1)+IF('Standard Profiles'!$G$20=$B$10,7,0)+IF('Standard Profiles'!$G$20=$B$17,14,0)+IF('Standard Profiles'!$G$20=$B$24,21,0),MOD($C6076,24)+1)/SUM(INDEX($D$3:$AA$30,INDEX(Jesper!$R$2:$R$366,ROW(INDEX(Jesper!AJ$2:AJ$366,ROUNDDOWN($C6076/24,0)+1,1))-1)+IF('Standard Profiles'!$G$20=$B$10,7,0)+IF('Standard Profiles'!$G$20=$B$17,14,0)+IF('Standard Profiles'!$G$20=$B$24,21,0),0)),0)</f>
        <v>0</v>
      </c>
      <c r="G6076" cm="1">
        <f t="array" ref="G6076">IFERROR(INDEX(Jesper!AK$2:AK$366,ROUNDDOWN($C6076/24,0)+1,1)*INDEX($D$3:$AA$30,INDEX(Jesper!$R$2:$R$366,ROW(INDEX(Jesper!AK$2:AK$366,ROUNDDOWN($C6076/24,0)+1,1))-1)+IF('Standard Profiles'!$G$21=$B$10,7,0)+IF('Standard Profiles'!$G$21=$B$17,14,0)+IF('Standard Profiles'!$G$21=$B$24,21,0),MOD($C6076,24)+1)/SUM(INDEX($D$3:$AA$30,INDEX(Jesper!$R$2:$R$366,ROW(INDEX(Jesper!AK$2:AK$366,ROUNDDOWN($C6076/24,0)+1,1))-1)+IF('Standard Profiles'!$G$21=$B$10,7,0)+IF('Standard Profiles'!$G$21=$B$17,14,0)+IF('Standard Profiles'!$G$21=$B$24,21,0),0)),0)</f>
        <v>0</v>
      </c>
      <c r="H6076" cm="1">
        <f t="array" ref="H6076">IFERROR(INDEX(Jesper!AL$2:AL$366,ROUNDDOWN($C6076/24,0)+1,1)*INDEX($D$3:$AA$30,INDEX(Jesper!$R$2:$R$366,ROW(INDEX(Jesper!AL$2:AL$366,ROUNDDOWN($C6076/24,0)+1,1))-1)+IF('Standard Profiles'!$G$22=$B$10,7,0)+IF('Standard Profiles'!$G$22=$B$17,14,0)+IF('Standard Profiles'!$G$22=$B$24,21,0),MOD($C6076,24)+1)/SUM(INDEX($D$3:$AA$30,INDEX(Jesper!$R$2:$R$366,ROW(INDEX(Jesper!AL$2:AL$366,ROUNDDOWN($C6076/24,0)+1,1))-1)+IF('Standard Profiles'!$G$22=$B$10,7,0)+IF('Standard Profiles'!$G$22=$B$17,14,0)+IF('Standard Profiles'!$G$22=$B$24,21,0),0)),0)</f>
        <v>0</v>
      </c>
      <c r="I6076">
        <f t="shared" si="678"/>
        <v>9.6771622695242962E-2</v>
      </c>
      <c r="J6076">
        <f t="shared" si="679"/>
        <v>0.32257207565080992</v>
      </c>
      <c r="K6076">
        <f t="shared" si="680"/>
        <v>0.48385811347621488</v>
      </c>
      <c r="L6076">
        <f t="shared" si="681"/>
        <v>7.9557027644832949</v>
      </c>
      <c r="M6076">
        <f t="shared" si="682"/>
        <v>0</v>
      </c>
      <c r="N6076" s="46">
        <f t="shared" si="683"/>
        <v>45543.749999985346</v>
      </c>
    </row>
    <row r="6077" spans="2:14" x14ac:dyDescent="0.3">
      <c r="B6077">
        <f t="shared" si="677"/>
        <v>7</v>
      </c>
      <c r="C6077" s="16">
        <v>6043</v>
      </c>
      <c r="D6077" cm="1">
        <f t="array" ref="D6077">IFERROR(INDEX(Jesper!AH$2:AH$366,ROUNDDOWN($C6077/24,0)+1,1)*INDEX($D$3:$AA$30,INDEX(Jesper!$R$2:$R$366,ROW(INDEX(Jesper!AH$2:AH$366,ROUNDDOWN($C6077/24,0)+1,1))-1)+IF('Standard Profiles'!$G$18=$B$10,7,0)+IF('Standard Profiles'!$G$18=$B$17,14,0)+IF('Standard Profiles'!$G$18=$B$24,21,0),MOD($C6077,24)+1)/SUM(INDEX($D$3:$AA$30,INDEX(Jesper!$R$2:$R$366,ROW(INDEX(Jesper!AH$2:AH$366,ROUNDDOWN($C6077/24,0)+1,1))-1)+IF('Standard Profiles'!$G$18=$B$10,7,0)+IF('Standard Profiles'!$G$18=$B$17,14,0)+IF('Standard Profiles'!$G$18=$B$24,21,0),0)),0)</f>
        <v>6.546258270053853</v>
      </c>
      <c r="E6077" cm="1">
        <f t="array" ref="E6077">IFERROR(INDEX(Jesper!AI$2:AI$366,ROUNDDOWN($C6077/24,0)+1,1)*INDEX($D$3:$AA$30,INDEX(Jesper!$R$2:$R$366,ROW(INDEX(Jesper!AI$2:AI$366,ROUNDDOWN($C6077/24,0)+1,1))-1)+IF('Standard Profiles'!$G$19=$B$10,7,0)+IF('Standard Profiles'!$G$19=$B$17,14,0)+IF('Standard Profiles'!$G$19=$B$24,21,0),MOD($C6077,24)+1)/SUM(INDEX($D$3:$AA$30,INDEX(Jesper!$R$2:$R$366,ROW(INDEX(Jesper!AI$2:AI$366,ROUNDDOWN($C6077/24,0)+1,1))-1)+IF('Standard Profiles'!$G$19=$B$10,7,0)+IF('Standard Profiles'!$G$19=$B$17,14,0)+IF('Standard Profiles'!$G$19=$B$24,21,0),0)),0)</f>
        <v>0.90327512365764262</v>
      </c>
      <c r="F6077" cm="1">
        <f t="array" ref="F6077">IFERROR(INDEX(Jesper!AJ$2:AJ$366,ROUNDDOWN($C6077/24,0)+1,1)*INDEX($D$3:$AA$30,INDEX(Jesper!$R$2:$R$366,ROW(INDEX(Jesper!AJ$2:AJ$366,ROUNDDOWN($C6077/24,0)+1,1))-1)+IF('Standard Profiles'!$G$20=$B$10,7,0)+IF('Standard Profiles'!$G$20=$B$17,14,0)+IF('Standard Profiles'!$G$20=$B$24,21,0),MOD($C6077,24)+1)/SUM(INDEX($D$3:$AA$30,INDEX(Jesper!$R$2:$R$366,ROW(INDEX(Jesper!AJ$2:AJ$366,ROUNDDOWN($C6077/24,0)+1,1))-1)+IF('Standard Profiles'!$G$20=$B$10,7,0)+IF('Standard Profiles'!$G$20=$B$17,14,0)+IF('Standard Profiles'!$G$20=$B$24,21,0),0)),0)</f>
        <v>0</v>
      </c>
      <c r="G6077" cm="1">
        <f t="array" ref="G6077">IFERROR(INDEX(Jesper!AK$2:AK$366,ROUNDDOWN($C6077/24,0)+1,1)*INDEX($D$3:$AA$30,INDEX(Jesper!$R$2:$R$366,ROW(INDEX(Jesper!AK$2:AK$366,ROUNDDOWN($C6077/24,0)+1,1))-1)+IF('Standard Profiles'!$G$21=$B$10,7,0)+IF('Standard Profiles'!$G$21=$B$17,14,0)+IF('Standard Profiles'!$G$21=$B$24,21,0),MOD($C6077,24)+1)/SUM(INDEX($D$3:$AA$30,INDEX(Jesper!$R$2:$R$366,ROW(INDEX(Jesper!AK$2:AK$366,ROUNDDOWN($C6077/24,0)+1,1))-1)+IF('Standard Profiles'!$G$21=$B$10,7,0)+IF('Standard Profiles'!$G$21=$B$17,14,0)+IF('Standard Profiles'!$G$21=$B$24,21,0),0)),0)</f>
        <v>0</v>
      </c>
      <c r="H6077" cm="1">
        <f t="array" ref="H6077">IFERROR(INDEX(Jesper!AL$2:AL$366,ROUNDDOWN($C6077/24,0)+1,1)*INDEX($D$3:$AA$30,INDEX(Jesper!$R$2:$R$366,ROW(INDEX(Jesper!AL$2:AL$366,ROUNDDOWN($C6077/24,0)+1,1))-1)+IF('Standard Profiles'!$G$22=$B$10,7,0)+IF('Standard Profiles'!$G$22=$B$17,14,0)+IF('Standard Profiles'!$G$22=$B$24,21,0),MOD($C6077,24)+1)/SUM(INDEX($D$3:$AA$30,INDEX(Jesper!$R$2:$R$366,ROW(INDEX(Jesper!AL$2:AL$366,ROUNDDOWN($C6077/24,0)+1,1))-1)+IF('Standard Profiles'!$G$22=$B$10,7,0)+IF('Standard Profiles'!$G$22=$B$17,14,0)+IF('Standard Profiles'!$G$22=$B$24,21,0),0)),0)</f>
        <v>0</v>
      </c>
      <c r="I6077">
        <f t="shared" si="678"/>
        <v>8.1376137266454318E-2</v>
      </c>
      <c r="J6077">
        <f t="shared" si="679"/>
        <v>0.27125379088818108</v>
      </c>
      <c r="K6077">
        <f t="shared" si="680"/>
        <v>0.40688068633227159</v>
      </c>
      <c r="L6077">
        <f t="shared" si="681"/>
        <v>6.6900227792245888</v>
      </c>
      <c r="M6077">
        <f t="shared" si="682"/>
        <v>0</v>
      </c>
      <c r="N6077" s="46">
        <f t="shared" si="683"/>
        <v>45543.79166665201</v>
      </c>
    </row>
    <row r="6078" spans="2:14" x14ac:dyDescent="0.3">
      <c r="B6078">
        <f t="shared" si="677"/>
        <v>7</v>
      </c>
      <c r="C6078" s="16">
        <v>6044</v>
      </c>
      <c r="D6078" cm="1">
        <f t="array" ref="D6078">IFERROR(INDEX(Jesper!AH$2:AH$366,ROUNDDOWN($C6078/24,0)+1,1)*INDEX($D$3:$AA$30,INDEX(Jesper!$R$2:$R$366,ROW(INDEX(Jesper!AH$2:AH$366,ROUNDDOWN($C6078/24,0)+1,1))-1)+IF('Standard Profiles'!$G$18=$B$10,7,0)+IF('Standard Profiles'!$G$18=$B$17,14,0)+IF('Standard Profiles'!$G$18=$B$24,21,0),MOD($C6078,24)+1)/SUM(INDEX($D$3:$AA$30,INDEX(Jesper!$R$2:$R$366,ROW(INDEX(Jesper!AH$2:AH$366,ROUNDDOWN($C6078/24,0)+1,1))-1)+IF('Standard Profiles'!$G$18=$B$10,7,0)+IF('Standard Profiles'!$G$18=$B$17,14,0)+IF('Standard Profiles'!$G$18=$B$24,21,0),0)),0)</f>
        <v>5.484702874909984</v>
      </c>
      <c r="E6078" cm="1">
        <f t="array" ref="E6078">IFERROR(INDEX(Jesper!AI$2:AI$366,ROUNDDOWN($C6078/24,0)+1,1)*INDEX($D$3:$AA$30,INDEX(Jesper!$R$2:$R$366,ROW(INDEX(Jesper!AI$2:AI$366,ROUNDDOWN($C6078/24,0)+1,1))-1)+IF('Standard Profiles'!$G$19=$B$10,7,0)+IF('Standard Profiles'!$G$19=$B$17,14,0)+IF('Standard Profiles'!$G$19=$B$24,21,0),MOD($C6078,24)+1)/SUM(INDEX($D$3:$AA$30,INDEX(Jesper!$R$2:$R$366,ROW(INDEX(Jesper!AI$2:AI$366,ROUNDDOWN($C6078/24,0)+1,1))-1)+IF('Standard Profiles'!$G$19=$B$10,7,0)+IF('Standard Profiles'!$G$19=$B$17,14,0)+IF('Standard Profiles'!$G$19=$B$24,21,0),0)),0)</f>
        <v>0.75679807657802489</v>
      </c>
      <c r="F6078" cm="1">
        <f t="array" ref="F6078">IFERROR(INDEX(Jesper!AJ$2:AJ$366,ROUNDDOWN($C6078/24,0)+1,1)*INDEX($D$3:$AA$30,INDEX(Jesper!$R$2:$R$366,ROW(INDEX(Jesper!AJ$2:AJ$366,ROUNDDOWN($C6078/24,0)+1,1))-1)+IF('Standard Profiles'!$G$20=$B$10,7,0)+IF('Standard Profiles'!$G$20=$B$17,14,0)+IF('Standard Profiles'!$G$20=$B$24,21,0),MOD($C6078,24)+1)/SUM(INDEX($D$3:$AA$30,INDEX(Jesper!$R$2:$R$366,ROW(INDEX(Jesper!AJ$2:AJ$366,ROUNDDOWN($C6078/24,0)+1,1))-1)+IF('Standard Profiles'!$G$20=$B$10,7,0)+IF('Standard Profiles'!$G$20=$B$17,14,0)+IF('Standard Profiles'!$G$20=$B$24,21,0),0)),0)</f>
        <v>0</v>
      </c>
      <c r="G6078" cm="1">
        <f t="array" ref="G6078">IFERROR(INDEX(Jesper!AK$2:AK$366,ROUNDDOWN($C6078/24,0)+1,1)*INDEX($D$3:$AA$30,INDEX(Jesper!$R$2:$R$366,ROW(INDEX(Jesper!AK$2:AK$366,ROUNDDOWN($C6078/24,0)+1,1))-1)+IF('Standard Profiles'!$G$21=$B$10,7,0)+IF('Standard Profiles'!$G$21=$B$17,14,0)+IF('Standard Profiles'!$G$21=$B$24,21,0),MOD($C6078,24)+1)/SUM(INDEX($D$3:$AA$30,INDEX(Jesper!$R$2:$R$366,ROW(INDEX(Jesper!AK$2:AK$366,ROUNDDOWN($C6078/24,0)+1,1))-1)+IF('Standard Profiles'!$G$21=$B$10,7,0)+IF('Standard Profiles'!$G$21=$B$17,14,0)+IF('Standard Profiles'!$G$21=$B$24,21,0),0)),0)</f>
        <v>0</v>
      </c>
      <c r="H6078" cm="1">
        <f t="array" ref="H6078">IFERROR(INDEX(Jesper!AL$2:AL$366,ROUNDDOWN($C6078/24,0)+1,1)*INDEX($D$3:$AA$30,INDEX(Jesper!$R$2:$R$366,ROW(INDEX(Jesper!AL$2:AL$366,ROUNDDOWN($C6078/24,0)+1,1))-1)+IF('Standard Profiles'!$G$22=$B$10,7,0)+IF('Standard Profiles'!$G$22=$B$17,14,0)+IF('Standard Profiles'!$G$22=$B$24,21,0),MOD($C6078,24)+1)/SUM(INDEX($D$3:$AA$30,INDEX(Jesper!$R$2:$R$366,ROW(INDEX(Jesper!AL$2:AL$366,ROUNDDOWN($C6078/24,0)+1,1))-1)+IF('Standard Profiles'!$G$22=$B$10,7,0)+IF('Standard Profiles'!$G$22=$B$17,14,0)+IF('Standard Profiles'!$G$22=$B$24,21,0),0)),0)</f>
        <v>0</v>
      </c>
      <c r="I6078">
        <f t="shared" si="678"/>
        <v>6.8180006898921175E-2</v>
      </c>
      <c r="J6078">
        <f t="shared" si="679"/>
        <v>0.22726668966307062</v>
      </c>
      <c r="K6078">
        <f t="shared" si="680"/>
        <v>0.34090003449460593</v>
      </c>
      <c r="L6078">
        <f t="shared" si="681"/>
        <v>5.6051542204314115</v>
      </c>
      <c r="M6078">
        <f t="shared" si="682"/>
        <v>0</v>
      </c>
      <c r="N6078" s="46">
        <f t="shared" si="683"/>
        <v>45543.833333318675</v>
      </c>
    </row>
    <row r="6079" spans="2:14" x14ac:dyDescent="0.3">
      <c r="B6079">
        <f t="shared" si="677"/>
        <v>7</v>
      </c>
      <c r="C6079" s="16">
        <v>6045</v>
      </c>
      <c r="D6079" cm="1">
        <f t="array" ref="D6079">IFERROR(INDEX(Jesper!AH$2:AH$366,ROUNDDOWN($C6079/24,0)+1,1)*INDEX($D$3:$AA$30,INDEX(Jesper!$R$2:$R$366,ROW(INDEX(Jesper!AH$2:AH$366,ROUNDDOWN($C6079/24,0)+1,1))-1)+IF('Standard Profiles'!$G$18=$B$10,7,0)+IF('Standard Profiles'!$G$18=$B$17,14,0)+IF('Standard Profiles'!$G$18=$B$24,21,0),MOD($C6079,24)+1)/SUM(INDEX($D$3:$AA$30,INDEX(Jesper!$R$2:$R$366,ROW(INDEX(Jesper!AH$2:AH$366,ROUNDDOWN($C6079/24,0)+1,1))-1)+IF('Standard Profiles'!$G$18=$B$10,7,0)+IF('Standard Profiles'!$G$18=$B$17,14,0)+IF('Standard Profiles'!$G$18=$B$24,21,0),0)),0)</f>
        <v>4.7769992781474064</v>
      </c>
      <c r="E6079" cm="1">
        <f t="array" ref="E6079">IFERROR(INDEX(Jesper!AI$2:AI$366,ROUNDDOWN($C6079/24,0)+1,1)*INDEX($D$3:$AA$30,INDEX(Jesper!$R$2:$R$366,ROW(INDEX(Jesper!AI$2:AI$366,ROUNDDOWN($C6079/24,0)+1,1))-1)+IF('Standard Profiles'!$G$19=$B$10,7,0)+IF('Standard Profiles'!$G$19=$B$17,14,0)+IF('Standard Profiles'!$G$19=$B$24,21,0),MOD($C6079,24)+1)/SUM(INDEX($D$3:$AA$30,INDEX(Jesper!$R$2:$R$366,ROW(INDEX(Jesper!AI$2:AI$366,ROUNDDOWN($C6079/24,0)+1,1))-1)+IF('Standard Profiles'!$G$19=$B$10,7,0)+IF('Standard Profiles'!$G$19=$B$17,14,0)+IF('Standard Profiles'!$G$19=$B$24,21,0),0)),0)</f>
        <v>0.65914671185827978</v>
      </c>
      <c r="F6079" cm="1">
        <f t="array" ref="F6079">IFERROR(INDEX(Jesper!AJ$2:AJ$366,ROUNDDOWN($C6079/24,0)+1,1)*INDEX($D$3:$AA$30,INDEX(Jesper!$R$2:$R$366,ROW(INDEX(Jesper!AJ$2:AJ$366,ROUNDDOWN($C6079/24,0)+1,1))-1)+IF('Standard Profiles'!$G$20=$B$10,7,0)+IF('Standard Profiles'!$G$20=$B$17,14,0)+IF('Standard Profiles'!$G$20=$B$24,21,0),MOD($C6079,24)+1)/SUM(INDEX($D$3:$AA$30,INDEX(Jesper!$R$2:$R$366,ROW(INDEX(Jesper!AJ$2:AJ$366,ROUNDDOWN($C6079/24,0)+1,1))-1)+IF('Standard Profiles'!$G$20=$B$10,7,0)+IF('Standard Profiles'!$G$20=$B$17,14,0)+IF('Standard Profiles'!$G$20=$B$24,21,0),0)),0)</f>
        <v>0</v>
      </c>
      <c r="G6079" cm="1">
        <f t="array" ref="G6079">IFERROR(INDEX(Jesper!AK$2:AK$366,ROUNDDOWN($C6079/24,0)+1,1)*INDEX($D$3:$AA$30,INDEX(Jesper!$R$2:$R$366,ROW(INDEX(Jesper!AK$2:AK$366,ROUNDDOWN($C6079/24,0)+1,1))-1)+IF('Standard Profiles'!$G$21=$B$10,7,0)+IF('Standard Profiles'!$G$21=$B$17,14,0)+IF('Standard Profiles'!$G$21=$B$24,21,0),MOD($C6079,24)+1)/SUM(INDEX($D$3:$AA$30,INDEX(Jesper!$R$2:$R$366,ROW(INDEX(Jesper!AK$2:AK$366,ROUNDDOWN($C6079/24,0)+1,1))-1)+IF('Standard Profiles'!$G$21=$B$10,7,0)+IF('Standard Profiles'!$G$21=$B$17,14,0)+IF('Standard Profiles'!$G$21=$B$24,21,0),0)),0)</f>
        <v>0</v>
      </c>
      <c r="H6079" cm="1">
        <f t="array" ref="H6079">IFERROR(INDEX(Jesper!AL$2:AL$366,ROUNDDOWN($C6079/24,0)+1,1)*INDEX($D$3:$AA$30,INDEX(Jesper!$R$2:$R$366,ROW(INDEX(Jesper!AL$2:AL$366,ROUNDDOWN($C6079/24,0)+1,1))-1)+IF('Standard Profiles'!$G$22=$B$10,7,0)+IF('Standard Profiles'!$G$22=$B$17,14,0)+IF('Standard Profiles'!$G$22=$B$24,21,0),MOD($C6079,24)+1)/SUM(INDEX($D$3:$AA$30,INDEX(Jesper!$R$2:$R$366,ROW(INDEX(Jesper!AL$2:AL$366,ROUNDDOWN($C6079/24,0)+1,1))-1)+IF('Standard Profiles'!$G$22=$B$10,7,0)+IF('Standard Profiles'!$G$22=$B$17,14,0)+IF('Standard Profiles'!$G$22=$B$24,21,0),0)),0)</f>
        <v>0</v>
      </c>
      <c r="I6079">
        <f t="shared" si="678"/>
        <v>5.9382586653899096E-2</v>
      </c>
      <c r="J6079">
        <f t="shared" si="679"/>
        <v>0.19794195551299701</v>
      </c>
      <c r="K6079">
        <f t="shared" si="680"/>
        <v>0.29691293326949553</v>
      </c>
      <c r="L6079">
        <f t="shared" si="681"/>
        <v>4.8819085145692949</v>
      </c>
      <c r="M6079">
        <f t="shared" si="682"/>
        <v>0</v>
      </c>
      <c r="N6079" s="46">
        <f t="shared" si="683"/>
        <v>45543.874999985339</v>
      </c>
    </row>
    <row r="6080" spans="2:14" x14ac:dyDescent="0.3">
      <c r="B6080">
        <f t="shared" si="677"/>
        <v>7</v>
      </c>
      <c r="C6080" s="16">
        <v>6046</v>
      </c>
      <c r="D6080" cm="1">
        <f t="array" ref="D6080">IFERROR(INDEX(Jesper!AH$2:AH$366,ROUNDDOWN($C6080/24,0)+1,1)*INDEX($D$3:$AA$30,INDEX(Jesper!$R$2:$R$366,ROW(INDEX(Jesper!AH$2:AH$366,ROUNDDOWN($C6080/24,0)+1,1))-1)+IF('Standard Profiles'!$G$18=$B$10,7,0)+IF('Standard Profiles'!$G$18=$B$17,14,0)+IF('Standard Profiles'!$G$18=$B$24,21,0),MOD($C6080,24)+1)/SUM(INDEX($D$3:$AA$30,INDEX(Jesper!$R$2:$R$366,ROW(INDEX(Jesper!AH$2:AH$366,ROUNDDOWN($C6080/24,0)+1,1))-1)+IF('Standard Profiles'!$G$18=$B$10,7,0)+IF('Standard Profiles'!$G$18=$B$17,14,0)+IF('Standard Profiles'!$G$18=$B$24,21,0),0)),0)</f>
        <v>4.7769992781474064</v>
      </c>
      <c r="E6080" cm="1">
        <f t="array" ref="E6080">IFERROR(INDEX(Jesper!AI$2:AI$366,ROUNDDOWN($C6080/24,0)+1,1)*INDEX($D$3:$AA$30,INDEX(Jesper!$R$2:$R$366,ROW(INDEX(Jesper!AI$2:AI$366,ROUNDDOWN($C6080/24,0)+1,1))-1)+IF('Standard Profiles'!$G$19=$B$10,7,0)+IF('Standard Profiles'!$G$19=$B$17,14,0)+IF('Standard Profiles'!$G$19=$B$24,21,0),MOD($C6080,24)+1)/SUM(INDEX($D$3:$AA$30,INDEX(Jesper!$R$2:$R$366,ROW(INDEX(Jesper!AI$2:AI$366,ROUNDDOWN($C6080/24,0)+1,1))-1)+IF('Standard Profiles'!$G$19=$B$10,7,0)+IF('Standard Profiles'!$G$19=$B$17,14,0)+IF('Standard Profiles'!$G$19=$B$24,21,0),0)),0)</f>
        <v>0.65914671185827978</v>
      </c>
      <c r="F6080" cm="1">
        <f t="array" ref="F6080">IFERROR(INDEX(Jesper!AJ$2:AJ$366,ROUNDDOWN($C6080/24,0)+1,1)*INDEX($D$3:$AA$30,INDEX(Jesper!$R$2:$R$366,ROW(INDEX(Jesper!AJ$2:AJ$366,ROUNDDOWN($C6080/24,0)+1,1))-1)+IF('Standard Profiles'!$G$20=$B$10,7,0)+IF('Standard Profiles'!$G$20=$B$17,14,0)+IF('Standard Profiles'!$G$20=$B$24,21,0),MOD($C6080,24)+1)/SUM(INDEX($D$3:$AA$30,INDEX(Jesper!$R$2:$R$366,ROW(INDEX(Jesper!AJ$2:AJ$366,ROUNDDOWN($C6080/24,0)+1,1))-1)+IF('Standard Profiles'!$G$20=$B$10,7,0)+IF('Standard Profiles'!$G$20=$B$17,14,0)+IF('Standard Profiles'!$G$20=$B$24,21,0),0)),0)</f>
        <v>0</v>
      </c>
      <c r="G6080" cm="1">
        <f t="array" ref="G6080">IFERROR(INDEX(Jesper!AK$2:AK$366,ROUNDDOWN($C6080/24,0)+1,1)*INDEX($D$3:$AA$30,INDEX(Jesper!$R$2:$R$366,ROW(INDEX(Jesper!AK$2:AK$366,ROUNDDOWN($C6080/24,0)+1,1))-1)+IF('Standard Profiles'!$G$21=$B$10,7,0)+IF('Standard Profiles'!$G$21=$B$17,14,0)+IF('Standard Profiles'!$G$21=$B$24,21,0),MOD($C6080,24)+1)/SUM(INDEX($D$3:$AA$30,INDEX(Jesper!$R$2:$R$366,ROW(INDEX(Jesper!AK$2:AK$366,ROUNDDOWN($C6080/24,0)+1,1))-1)+IF('Standard Profiles'!$G$21=$B$10,7,0)+IF('Standard Profiles'!$G$21=$B$17,14,0)+IF('Standard Profiles'!$G$21=$B$24,21,0),0)),0)</f>
        <v>0</v>
      </c>
      <c r="H6080" cm="1">
        <f t="array" ref="H6080">IFERROR(INDEX(Jesper!AL$2:AL$366,ROUNDDOWN($C6080/24,0)+1,1)*INDEX($D$3:$AA$30,INDEX(Jesper!$R$2:$R$366,ROW(INDEX(Jesper!AL$2:AL$366,ROUNDDOWN($C6080/24,0)+1,1))-1)+IF('Standard Profiles'!$G$22=$B$10,7,0)+IF('Standard Profiles'!$G$22=$B$17,14,0)+IF('Standard Profiles'!$G$22=$B$24,21,0),MOD($C6080,24)+1)/SUM(INDEX($D$3:$AA$30,INDEX(Jesper!$R$2:$R$366,ROW(INDEX(Jesper!AL$2:AL$366,ROUNDDOWN($C6080/24,0)+1,1))-1)+IF('Standard Profiles'!$G$22=$B$10,7,0)+IF('Standard Profiles'!$G$22=$B$17,14,0)+IF('Standard Profiles'!$G$22=$B$24,21,0),0)),0)</f>
        <v>0</v>
      </c>
      <c r="I6080">
        <f t="shared" si="678"/>
        <v>5.9382586653899096E-2</v>
      </c>
      <c r="J6080">
        <f t="shared" si="679"/>
        <v>0.19794195551299701</v>
      </c>
      <c r="K6080">
        <f t="shared" si="680"/>
        <v>0.29691293326949553</v>
      </c>
      <c r="L6080">
        <f t="shared" si="681"/>
        <v>4.8819085145692949</v>
      </c>
      <c r="M6080">
        <f t="shared" si="682"/>
        <v>0</v>
      </c>
      <c r="N6080" s="46">
        <f t="shared" si="683"/>
        <v>45543.916666652003</v>
      </c>
    </row>
    <row r="6081" spans="2:14" x14ac:dyDescent="0.3">
      <c r="B6081">
        <f t="shared" si="677"/>
        <v>7</v>
      </c>
      <c r="C6081" s="16">
        <v>6047</v>
      </c>
      <c r="D6081" cm="1">
        <f t="array" ref="D6081">IFERROR(INDEX(Jesper!AH$2:AH$366,ROUNDDOWN($C6081/24,0)+1,1)*INDEX($D$3:$AA$30,INDEX(Jesper!$R$2:$R$366,ROW(INDEX(Jesper!AH$2:AH$366,ROUNDDOWN($C6081/24,0)+1,1))-1)+IF('Standard Profiles'!$G$18=$B$10,7,0)+IF('Standard Profiles'!$G$18=$B$17,14,0)+IF('Standard Profiles'!$G$18=$B$24,21,0),MOD($C6081,24)+1)/SUM(INDEX($D$3:$AA$30,INDEX(Jesper!$R$2:$R$366,ROW(INDEX(Jesper!AH$2:AH$366,ROUNDDOWN($C6081/24,0)+1,1))-1)+IF('Standard Profiles'!$G$18=$B$10,7,0)+IF('Standard Profiles'!$G$18=$B$17,14,0)+IF('Standard Profiles'!$G$18=$B$24,21,0),0)),0)</f>
        <v>4.7769992781474064</v>
      </c>
      <c r="E6081" cm="1">
        <f t="array" ref="E6081">IFERROR(INDEX(Jesper!AI$2:AI$366,ROUNDDOWN($C6081/24,0)+1,1)*INDEX($D$3:$AA$30,INDEX(Jesper!$R$2:$R$366,ROW(INDEX(Jesper!AI$2:AI$366,ROUNDDOWN($C6081/24,0)+1,1))-1)+IF('Standard Profiles'!$G$19=$B$10,7,0)+IF('Standard Profiles'!$G$19=$B$17,14,0)+IF('Standard Profiles'!$G$19=$B$24,21,0),MOD($C6081,24)+1)/SUM(INDEX($D$3:$AA$30,INDEX(Jesper!$R$2:$R$366,ROW(INDEX(Jesper!AI$2:AI$366,ROUNDDOWN($C6081/24,0)+1,1))-1)+IF('Standard Profiles'!$G$19=$B$10,7,0)+IF('Standard Profiles'!$G$19=$B$17,14,0)+IF('Standard Profiles'!$G$19=$B$24,21,0),0)),0)</f>
        <v>0.65914671185827978</v>
      </c>
      <c r="F6081" cm="1">
        <f t="array" ref="F6081">IFERROR(INDEX(Jesper!AJ$2:AJ$366,ROUNDDOWN($C6081/24,0)+1,1)*INDEX($D$3:$AA$30,INDEX(Jesper!$R$2:$R$366,ROW(INDEX(Jesper!AJ$2:AJ$366,ROUNDDOWN($C6081/24,0)+1,1))-1)+IF('Standard Profiles'!$G$20=$B$10,7,0)+IF('Standard Profiles'!$G$20=$B$17,14,0)+IF('Standard Profiles'!$G$20=$B$24,21,0),MOD($C6081,24)+1)/SUM(INDEX($D$3:$AA$30,INDEX(Jesper!$R$2:$R$366,ROW(INDEX(Jesper!AJ$2:AJ$366,ROUNDDOWN($C6081/24,0)+1,1))-1)+IF('Standard Profiles'!$G$20=$B$10,7,0)+IF('Standard Profiles'!$G$20=$B$17,14,0)+IF('Standard Profiles'!$G$20=$B$24,21,0),0)),0)</f>
        <v>0</v>
      </c>
      <c r="G6081" cm="1">
        <f t="array" ref="G6081">IFERROR(INDEX(Jesper!AK$2:AK$366,ROUNDDOWN($C6081/24,0)+1,1)*INDEX($D$3:$AA$30,INDEX(Jesper!$R$2:$R$366,ROW(INDEX(Jesper!AK$2:AK$366,ROUNDDOWN($C6081/24,0)+1,1))-1)+IF('Standard Profiles'!$G$21=$B$10,7,0)+IF('Standard Profiles'!$G$21=$B$17,14,0)+IF('Standard Profiles'!$G$21=$B$24,21,0),MOD($C6081,24)+1)/SUM(INDEX($D$3:$AA$30,INDEX(Jesper!$R$2:$R$366,ROW(INDEX(Jesper!AK$2:AK$366,ROUNDDOWN($C6081/24,0)+1,1))-1)+IF('Standard Profiles'!$G$21=$B$10,7,0)+IF('Standard Profiles'!$G$21=$B$17,14,0)+IF('Standard Profiles'!$G$21=$B$24,21,0),0)),0)</f>
        <v>0</v>
      </c>
      <c r="H6081" cm="1">
        <f t="array" ref="H6081">IFERROR(INDEX(Jesper!AL$2:AL$366,ROUNDDOWN($C6081/24,0)+1,1)*INDEX($D$3:$AA$30,INDEX(Jesper!$R$2:$R$366,ROW(INDEX(Jesper!AL$2:AL$366,ROUNDDOWN($C6081/24,0)+1,1))-1)+IF('Standard Profiles'!$G$22=$B$10,7,0)+IF('Standard Profiles'!$G$22=$B$17,14,0)+IF('Standard Profiles'!$G$22=$B$24,21,0),MOD($C6081,24)+1)/SUM(INDEX($D$3:$AA$30,INDEX(Jesper!$R$2:$R$366,ROW(INDEX(Jesper!AL$2:AL$366,ROUNDDOWN($C6081/24,0)+1,1))-1)+IF('Standard Profiles'!$G$22=$B$10,7,0)+IF('Standard Profiles'!$G$22=$B$17,14,0)+IF('Standard Profiles'!$G$22=$B$24,21,0),0)),0)</f>
        <v>0</v>
      </c>
      <c r="I6081">
        <f t="shared" si="678"/>
        <v>5.9382586653899096E-2</v>
      </c>
      <c r="J6081">
        <f t="shared" si="679"/>
        <v>0.19794195551299701</v>
      </c>
      <c r="K6081">
        <f t="shared" si="680"/>
        <v>0.29691293326949553</v>
      </c>
      <c r="L6081">
        <f t="shared" si="681"/>
        <v>4.8819085145692949</v>
      </c>
      <c r="M6081">
        <f t="shared" si="682"/>
        <v>0</v>
      </c>
      <c r="N6081" s="46">
        <f t="shared" si="683"/>
        <v>45543.958333318667</v>
      </c>
    </row>
    <row r="6082" spans="2:14" x14ac:dyDescent="0.3">
      <c r="B6082">
        <f t="shared" si="677"/>
        <v>1</v>
      </c>
      <c r="C6082" s="16">
        <v>6048</v>
      </c>
      <c r="D6082" cm="1">
        <f t="array" ref="D6082">IFERROR(INDEX(Jesper!AH$2:AH$366,ROUNDDOWN($C6082/24,0)+1,1)*INDEX($D$3:$AA$30,INDEX(Jesper!$R$2:$R$366,ROW(INDEX(Jesper!AH$2:AH$366,ROUNDDOWN($C6082/24,0)+1,1))-1)+IF('Standard Profiles'!$G$18=$B$10,7,0)+IF('Standard Profiles'!$G$18=$B$17,14,0)+IF('Standard Profiles'!$G$18=$B$24,21,0),MOD($C6082,24)+1)/SUM(INDEX($D$3:$AA$30,INDEX(Jesper!$R$2:$R$366,ROW(INDEX(Jesper!AH$2:AH$366,ROUNDDOWN($C6082/24,0)+1,1))-1)+IF('Standard Profiles'!$G$18=$B$10,7,0)+IF('Standard Profiles'!$G$18=$B$17,14,0)+IF('Standard Profiles'!$G$18=$B$24,21,0),0)),0)</f>
        <v>2.3869829535694307</v>
      </c>
      <c r="E6082" cm="1">
        <f t="array" ref="E6082">IFERROR(INDEX(Jesper!AI$2:AI$366,ROUNDDOWN($C6082/24,0)+1,1)*INDEX($D$3:$AA$30,INDEX(Jesper!$R$2:$R$366,ROW(INDEX(Jesper!AI$2:AI$366,ROUNDDOWN($C6082/24,0)+1,1))-1)+IF('Standard Profiles'!$G$19=$B$10,7,0)+IF('Standard Profiles'!$G$19=$B$17,14,0)+IF('Standard Profiles'!$G$19=$B$24,21,0),MOD($C6082,24)+1)/SUM(INDEX($D$3:$AA$30,INDEX(Jesper!$R$2:$R$366,ROW(INDEX(Jesper!AI$2:AI$366,ROUNDDOWN($C6082/24,0)+1,1))-1)+IF('Standard Profiles'!$G$19=$B$10,7,0)+IF('Standard Profiles'!$G$19=$B$17,14,0)+IF('Standard Profiles'!$G$19=$B$24,21,0),0)),0)</f>
        <v>0</v>
      </c>
      <c r="F6082" cm="1">
        <f t="array" ref="F6082">IFERROR(INDEX(Jesper!AJ$2:AJ$366,ROUNDDOWN($C6082/24,0)+1,1)*INDEX($D$3:$AA$30,INDEX(Jesper!$R$2:$R$366,ROW(INDEX(Jesper!AJ$2:AJ$366,ROUNDDOWN($C6082/24,0)+1,1))-1)+IF('Standard Profiles'!$G$20=$B$10,7,0)+IF('Standard Profiles'!$G$20=$B$17,14,0)+IF('Standard Profiles'!$G$20=$B$24,21,0),MOD($C6082,24)+1)/SUM(INDEX($D$3:$AA$30,INDEX(Jesper!$R$2:$R$366,ROW(INDEX(Jesper!AJ$2:AJ$366,ROUNDDOWN($C6082/24,0)+1,1))-1)+IF('Standard Profiles'!$G$20=$B$10,7,0)+IF('Standard Profiles'!$G$20=$B$17,14,0)+IF('Standard Profiles'!$G$20=$B$24,21,0),0)),0)</f>
        <v>0</v>
      </c>
      <c r="G6082" cm="1">
        <f t="array" ref="G6082">IFERROR(INDEX(Jesper!AK$2:AK$366,ROUNDDOWN($C6082/24,0)+1,1)*INDEX($D$3:$AA$30,INDEX(Jesper!$R$2:$R$366,ROW(INDEX(Jesper!AK$2:AK$366,ROUNDDOWN($C6082/24,0)+1,1))-1)+IF('Standard Profiles'!$G$21=$B$10,7,0)+IF('Standard Profiles'!$G$21=$B$17,14,0)+IF('Standard Profiles'!$G$21=$B$24,21,0),MOD($C6082,24)+1)/SUM(INDEX($D$3:$AA$30,INDEX(Jesper!$R$2:$R$366,ROW(INDEX(Jesper!AK$2:AK$366,ROUNDDOWN($C6082/24,0)+1,1))-1)+IF('Standard Profiles'!$G$21=$B$10,7,0)+IF('Standard Profiles'!$G$21=$B$17,14,0)+IF('Standard Profiles'!$G$21=$B$24,21,0),0)),0)</f>
        <v>0</v>
      </c>
      <c r="H6082" cm="1">
        <f t="array" ref="H6082">IFERROR(INDEX(Jesper!AL$2:AL$366,ROUNDDOWN($C6082/24,0)+1,1)*INDEX($D$3:$AA$30,INDEX(Jesper!$R$2:$R$366,ROW(INDEX(Jesper!AL$2:AL$366,ROUNDDOWN($C6082/24,0)+1,1))-1)+IF('Standard Profiles'!$G$22=$B$10,7,0)+IF('Standard Profiles'!$G$22=$B$17,14,0)+IF('Standard Profiles'!$G$22=$B$24,21,0),MOD($C6082,24)+1)/SUM(INDEX($D$3:$AA$30,INDEX(Jesper!$R$2:$R$366,ROW(INDEX(Jesper!AL$2:AL$366,ROUNDDOWN($C6082/24,0)+1,1))-1)+IF('Standard Profiles'!$G$22=$B$10,7,0)+IF('Standard Profiles'!$G$22=$B$17,14,0)+IF('Standard Profiles'!$G$22=$B$24,21,0),0)),0)</f>
        <v>0</v>
      </c>
      <c r="I6082">
        <f t="shared" si="678"/>
        <v>7.1609488607082925E-2</v>
      </c>
      <c r="J6082">
        <f t="shared" si="679"/>
        <v>0.23869829535694309</v>
      </c>
      <c r="K6082">
        <f t="shared" si="680"/>
        <v>0.35804744303541458</v>
      </c>
      <c r="L6082">
        <f t="shared" si="681"/>
        <v>1.7186277265699901</v>
      </c>
      <c r="M6082">
        <f t="shared" si="682"/>
        <v>0</v>
      </c>
      <c r="N6082" s="46">
        <f t="shared" si="683"/>
        <v>45543.999999985332</v>
      </c>
    </row>
    <row r="6083" spans="2:14" x14ac:dyDescent="0.3">
      <c r="B6083">
        <f t="shared" si="677"/>
        <v>1</v>
      </c>
      <c r="C6083" s="16">
        <v>6049</v>
      </c>
      <c r="D6083" cm="1">
        <f t="array" ref="D6083">IFERROR(INDEX(Jesper!AH$2:AH$366,ROUNDDOWN($C6083/24,0)+1,1)*INDEX($D$3:$AA$30,INDEX(Jesper!$R$2:$R$366,ROW(INDEX(Jesper!AH$2:AH$366,ROUNDDOWN($C6083/24,0)+1,1))-1)+IF('Standard Profiles'!$G$18=$B$10,7,0)+IF('Standard Profiles'!$G$18=$B$17,14,0)+IF('Standard Profiles'!$G$18=$B$24,21,0),MOD($C6083,24)+1)/SUM(INDEX($D$3:$AA$30,INDEX(Jesper!$R$2:$R$366,ROW(INDEX(Jesper!AH$2:AH$366,ROUNDDOWN($C6083/24,0)+1,1))-1)+IF('Standard Profiles'!$G$18=$B$10,7,0)+IF('Standard Profiles'!$G$18=$B$17,14,0)+IF('Standard Profiles'!$G$18=$B$24,21,0),0)),0)</f>
        <v>2.3869829535694307</v>
      </c>
      <c r="E6083" cm="1">
        <f t="array" ref="E6083">IFERROR(INDEX(Jesper!AI$2:AI$366,ROUNDDOWN($C6083/24,0)+1,1)*INDEX($D$3:$AA$30,INDEX(Jesper!$R$2:$R$366,ROW(INDEX(Jesper!AI$2:AI$366,ROUNDDOWN($C6083/24,0)+1,1))-1)+IF('Standard Profiles'!$G$19=$B$10,7,0)+IF('Standard Profiles'!$G$19=$B$17,14,0)+IF('Standard Profiles'!$G$19=$B$24,21,0),MOD($C6083,24)+1)/SUM(INDEX($D$3:$AA$30,INDEX(Jesper!$R$2:$R$366,ROW(INDEX(Jesper!AI$2:AI$366,ROUNDDOWN($C6083/24,0)+1,1))-1)+IF('Standard Profiles'!$G$19=$B$10,7,0)+IF('Standard Profiles'!$G$19=$B$17,14,0)+IF('Standard Profiles'!$G$19=$B$24,21,0),0)),0)</f>
        <v>0</v>
      </c>
      <c r="F6083" cm="1">
        <f t="array" ref="F6083">IFERROR(INDEX(Jesper!AJ$2:AJ$366,ROUNDDOWN($C6083/24,0)+1,1)*INDEX($D$3:$AA$30,INDEX(Jesper!$R$2:$R$366,ROW(INDEX(Jesper!AJ$2:AJ$366,ROUNDDOWN($C6083/24,0)+1,1))-1)+IF('Standard Profiles'!$G$20=$B$10,7,0)+IF('Standard Profiles'!$G$20=$B$17,14,0)+IF('Standard Profiles'!$G$20=$B$24,21,0),MOD($C6083,24)+1)/SUM(INDEX($D$3:$AA$30,INDEX(Jesper!$R$2:$R$366,ROW(INDEX(Jesper!AJ$2:AJ$366,ROUNDDOWN($C6083/24,0)+1,1))-1)+IF('Standard Profiles'!$G$20=$B$10,7,0)+IF('Standard Profiles'!$G$20=$B$17,14,0)+IF('Standard Profiles'!$G$20=$B$24,21,0),0)),0)</f>
        <v>0</v>
      </c>
      <c r="G6083" cm="1">
        <f t="array" ref="G6083">IFERROR(INDEX(Jesper!AK$2:AK$366,ROUNDDOWN($C6083/24,0)+1,1)*INDEX($D$3:$AA$30,INDEX(Jesper!$R$2:$R$366,ROW(INDEX(Jesper!AK$2:AK$366,ROUNDDOWN($C6083/24,0)+1,1))-1)+IF('Standard Profiles'!$G$21=$B$10,7,0)+IF('Standard Profiles'!$G$21=$B$17,14,0)+IF('Standard Profiles'!$G$21=$B$24,21,0),MOD($C6083,24)+1)/SUM(INDEX($D$3:$AA$30,INDEX(Jesper!$R$2:$R$366,ROW(INDEX(Jesper!AK$2:AK$366,ROUNDDOWN($C6083/24,0)+1,1))-1)+IF('Standard Profiles'!$G$21=$B$10,7,0)+IF('Standard Profiles'!$G$21=$B$17,14,0)+IF('Standard Profiles'!$G$21=$B$24,21,0),0)),0)</f>
        <v>0</v>
      </c>
      <c r="H6083" cm="1">
        <f t="array" ref="H6083">IFERROR(INDEX(Jesper!AL$2:AL$366,ROUNDDOWN($C6083/24,0)+1,1)*INDEX($D$3:$AA$30,INDEX(Jesper!$R$2:$R$366,ROW(INDEX(Jesper!AL$2:AL$366,ROUNDDOWN($C6083/24,0)+1,1))-1)+IF('Standard Profiles'!$G$22=$B$10,7,0)+IF('Standard Profiles'!$G$22=$B$17,14,0)+IF('Standard Profiles'!$G$22=$B$24,21,0),MOD($C6083,24)+1)/SUM(INDEX($D$3:$AA$30,INDEX(Jesper!$R$2:$R$366,ROW(INDEX(Jesper!AL$2:AL$366,ROUNDDOWN($C6083/24,0)+1,1))-1)+IF('Standard Profiles'!$G$22=$B$10,7,0)+IF('Standard Profiles'!$G$22=$B$17,14,0)+IF('Standard Profiles'!$G$22=$B$24,21,0),0)),0)</f>
        <v>0</v>
      </c>
      <c r="I6083">
        <f t="shared" si="678"/>
        <v>7.1609488607082925E-2</v>
      </c>
      <c r="J6083">
        <f t="shared" si="679"/>
        <v>0.23869829535694309</v>
      </c>
      <c r="K6083">
        <f t="shared" si="680"/>
        <v>0.35804744303541458</v>
      </c>
      <c r="L6083">
        <f t="shared" si="681"/>
        <v>1.7186277265699901</v>
      </c>
      <c r="M6083">
        <f t="shared" si="682"/>
        <v>0</v>
      </c>
      <c r="N6083" s="46">
        <f t="shared" si="683"/>
        <v>45544.041666651996</v>
      </c>
    </row>
    <row r="6084" spans="2:14" x14ac:dyDescent="0.3">
      <c r="B6084">
        <f t="shared" si="677"/>
        <v>1</v>
      </c>
      <c r="C6084" s="16">
        <v>6050</v>
      </c>
      <c r="D6084" cm="1">
        <f t="array" ref="D6084">IFERROR(INDEX(Jesper!AH$2:AH$366,ROUNDDOWN($C6084/24,0)+1,1)*INDEX($D$3:$AA$30,INDEX(Jesper!$R$2:$R$366,ROW(INDEX(Jesper!AH$2:AH$366,ROUNDDOWN($C6084/24,0)+1,1))-1)+IF('Standard Profiles'!$G$18=$B$10,7,0)+IF('Standard Profiles'!$G$18=$B$17,14,0)+IF('Standard Profiles'!$G$18=$B$24,21,0),MOD($C6084,24)+1)/SUM(INDEX($D$3:$AA$30,INDEX(Jesper!$R$2:$R$366,ROW(INDEX(Jesper!AH$2:AH$366,ROUNDDOWN($C6084/24,0)+1,1))-1)+IF('Standard Profiles'!$G$18=$B$10,7,0)+IF('Standard Profiles'!$G$18=$B$17,14,0)+IF('Standard Profiles'!$G$18=$B$24,21,0),0)),0)</f>
        <v>2.3869829535694307</v>
      </c>
      <c r="E6084" cm="1">
        <f t="array" ref="E6084">IFERROR(INDEX(Jesper!AI$2:AI$366,ROUNDDOWN($C6084/24,0)+1,1)*INDEX($D$3:$AA$30,INDEX(Jesper!$R$2:$R$366,ROW(INDEX(Jesper!AI$2:AI$366,ROUNDDOWN($C6084/24,0)+1,1))-1)+IF('Standard Profiles'!$G$19=$B$10,7,0)+IF('Standard Profiles'!$G$19=$B$17,14,0)+IF('Standard Profiles'!$G$19=$B$24,21,0),MOD($C6084,24)+1)/SUM(INDEX($D$3:$AA$30,INDEX(Jesper!$R$2:$R$366,ROW(INDEX(Jesper!AI$2:AI$366,ROUNDDOWN($C6084/24,0)+1,1))-1)+IF('Standard Profiles'!$G$19=$B$10,7,0)+IF('Standard Profiles'!$G$19=$B$17,14,0)+IF('Standard Profiles'!$G$19=$B$24,21,0),0)),0)</f>
        <v>0</v>
      </c>
      <c r="F6084" cm="1">
        <f t="array" ref="F6084">IFERROR(INDEX(Jesper!AJ$2:AJ$366,ROUNDDOWN($C6084/24,0)+1,1)*INDEX($D$3:$AA$30,INDEX(Jesper!$R$2:$R$366,ROW(INDEX(Jesper!AJ$2:AJ$366,ROUNDDOWN($C6084/24,0)+1,1))-1)+IF('Standard Profiles'!$G$20=$B$10,7,0)+IF('Standard Profiles'!$G$20=$B$17,14,0)+IF('Standard Profiles'!$G$20=$B$24,21,0),MOD($C6084,24)+1)/SUM(INDEX($D$3:$AA$30,INDEX(Jesper!$R$2:$R$366,ROW(INDEX(Jesper!AJ$2:AJ$366,ROUNDDOWN($C6084/24,0)+1,1))-1)+IF('Standard Profiles'!$G$20=$B$10,7,0)+IF('Standard Profiles'!$G$20=$B$17,14,0)+IF('Standard Profiles'!$G$20=$B$24,21,0),0)),0)</f>
        <v>0</v>
      </c>
      <c r="G6084" cm="1">
        <f t="array" ref="G6084">IFERROR(INDEX(Jesper!AK$2:AK$366,ROUNDDOWN($C6084/24,0)+1,1)*INDEX($D$3:$AA$30,INDEX(Jesper!$R$2:$R$366,ROW(INDEX(Jesper!AK$2:AK$366,ROUNDDOWN($C6084/24,0)+1,1))-1)+IF('Standard Profiles'!$G$21=$B$10,7,0)+IF('Standard Profiles'!$G$21=$B$17,14,0)+IF('Standard Profiles'!$G$21=$B$24,21,0),MOD($C6084,24)+1)/SUM(INDEX($D$3:$AA$30,INDEX(Jesper!$R$2:$R$366,ROW(INDEX(Jesper!AK$2:AK$366,ROUNDDOWN($C6084/24,0)+1,1))-1)+IF('Standard Profiles'!$G$21=$B$10,7,0)+IF('Standard Profiles'!$G$21=$B$17,14,0)+IF('Standard Profiles'!$G$21=$B$24,21,0),0)),0)</f>
        <v>0</v>
      </c>
      <c r="H6084" cm="1">
        <f t="array" ref="H6084">IFERROR(INDEX(Jesper!AL$2:AL$366,ROUNDDOWN($C6084/24,0)+1,1)*INDEX($D$3:$AA$30,INDEX(Jesper!$R$2:$R$366,ROW(INDEX(Jesper!AL$2:AL$366,ROUNDDOWN($C6084/24,0)+1,1))-1)+IF('Standard Profiles'!$G$22=$B$10,7,0)+IF('Standard Profiles'!$G$22=$B$17,14,0)+IF('Standard Profiles'!$G$22=$B$24,21,0),MOD($C6084,24)+1)/SUM(INDEX($D$3:$AA$30,INDEX(Jesper!$R$2:$R$366,ROW(INDEX(Jesper!AL$2:AL$366,ROUNDDOWN($C6084/24,0)+1,1))-1)+IF('Standard Profiles'!$G$22=$B$10,7,0)+IF('Standard Profiles'!$G$22=$B$17,14,0)+IF('Standard Profiles'!$G$22=$B$24,21,0),0)),0)</f>
        <v>0</v>
      </c>
      <c r="I6084">
        <f t="shared" si="678"/>
        <v>7.1609488607082925E-2</v>
      </c>
      <c r="J6084">
        <f t="shared" si="679"/>
        <v>0.23869829535694309</v>
      </c>
      <c r="K6084">
        <f t="shared" si="680"/>
        <v>0.35804744303541458</v>
      </c>
      <c r="L6084">
        <f t="shared" si="681"/>
        <v>1.7186277265699901</v>
      </c>
      <c r="M6084">
        <f t="shared" si="682"/>
        <v>0</v>
      </c>
      <c r="N6084" s="46">
        <f t="shared" si="683"/>
        <v>45544.08333331866</v>
      </c>
    </row>
    <row r="6085" spans="2:14" x14ac:dyDescent="0.3">
      <c r="B6085">
        <f t="shared" si="677"/>
        <v>1</v>
      </c>
      <c r="C6085" s="16">
        <v>6051</v>
      </c>
      <c r="D6085" cm="1">
        <f t="array" ref="D6085">IFERROR(INDEX(Jesper!AH$2:AH$366,ROUNDDOWN($C6085/24,0)+1,1)*INDEX($D$3:$AA$30,INDEX(Jesper!$R$2:$R$366,ROW(INDEX(Jesper!AH$2:AH$366,ROUNDDOWN($C6085/24,0)+1,1))-1)+IF('Standard Profiles'!$G$18=$B$10,7,0)+IF('Standard Profiles'!$G$18=$B$17,14,0)+IF('Standard Profiles'!$G$18=$B$24,21,0),MOD($C6085,24)+1)/SUM(INDEX($D$3:$AA$30,INDEX(Jesper!$R$2:$R$366,ROW(INDEX(Jesper!AH$2:AH$366,ROUNDDOWN($C6085/24,0)+1,1))-1)+IF('Standard Profiles'!$G$18=$B$10,7,0)+IF('Standard Profiles'!$G$18=$B$17,14,0)+IF('Standard Profiles'!$G$18=$B$24,21,0),0)),0)</f>
        <v>2.3869829535694307</v>
      </c>
      <c r="E6085" cm="1">
        <f t="array" ref="E6085">IFERROR(INDEX(Jesper!AI$2:AI$366,ROUNDDOWN($C6085/24,0)+1,1)*INDEX($D$3:$AA$30,INDEX(Jesper!$R$2:$R$366,ROW(INDEX(Jesper!AI$2:AI$366,ROUNDDOWN($C6085/24,0)+1,1))-1)+IF('Standard Profiles'!$G$19=$B$10,7,0)+IF('Standard Profiles'!$G$19=$B$17,14,0)+IF('Standard Profiles'!$G$19=$B$24,21,0),MOD($C6085,24)+1)/SUM(INDEX($D$3:$AA$30,INDEX(Jesper!$R$2:$R$366,ROW(INDEX(Jesper!AI$2:AI$366,ROUNDDOWN($C6085/24,0)+1,1))-1)+IF('Standard Profiles'!$G$19=$B$10,7,0)+IF('Standard Profiles'!$G$19=$B$17,14,0)+IF('Standard Profiles'!$G$19=$B$24,21,0),0)),0)</f>
        <v>0</v>
      </c>
      <c r="F6085" cm="1">
        <f t="array" ref="F6085">IFERROR(INDEX(Jesper!AJ$2:AJ$366,ROUNDDOWN($C6085/24,0)+1,1)*INDEX($D$3:$AA$30,INDEX(Jesper!$R$2:$R$366,ROW(INDEX(Jesper!AJ$2:AJ$366,ROUNDDOWN($C6085/24,0)+1,1))-1)+IF('Standard Profiles'!$G$20=$B$10,7,0)+IF('Standard Profiles'!$G$20=$B$17,14,0)+IF('Standard Profiles'!$G$20=$B$24,21,0),MOD($C6085,24)+1)/SUM(INDEX($D$3:$AA$30,INDEX(Jesper!$R$2:$R$366,ROW(INDEX(Jesper!AJ$2:AJ$366,ROUNDDOWN($C6085/24,0)+1,1))-1)+IF('Standard Profiles'!$G$20=$B$10,7,0)+IF('Standard Profiles'!$G$20=$B$17,14,0)+IF('Standard Profiles'!$G$20=$B$24,21,0),0)),0)</f>
        <v>0</v>
      </c>
      <c r="G6085" cm="1">
        <f t="array" ref="G6085">IFERROR(INDEX(Jesper!AK$2:AK$366,ROUNDDOWN($C6085/24,0)+1,1)*INDEX($D$3:$AA$30,INDEX(Jesper!$R$2:$R$366,ROW(INDEX(Jesper!AK$2:AK$366,ROUNDDOWN($C6085/24,0)+1,1))-1)+IF('Standard Profiles'!$G$21=$B$10,7,0)+IF('Standard Profiles'!$G$21=$B$17,14,0)+IF('Standard Profiles'!$G$21=$B$24,21,0),MOD($C6085,24)+1)/SUM(INDEX($D$3:$AA$30,INDEX(Jesper!$R$2:$R$366,ROW(INDEX(Jesper!AK$2:AK$366,ROUNDDOWN($C6085/24,0)+1,1))-1)+IF('Standard Profiles'!$G$21=$B$10,7,0)+IF('Standard Profiles'!$G$21=$B$17,14,0)+IF('Standard Profiles'!$G$21=$B$24,21,0),0)),0)</f>
        <v>0</v>
      </c>
      <c r="H6085" cm="1">
        <f t="array" ref="H6085">IFERROR(INDEX(Jesper!AL$2:AL$366,ROUNDDOWN($C6085/24,0)+1,1)*INDEX($D$3:$AA$30,INDEX(Jesper!$R$2:$R$366,ROW(INDEX(Jesper!AL$2:AL$366,ROUNDDOWN($C6085/24,0)+1,1))-1)+IF('Standard Profiles'!$G$22=$B$10,7,0)+IF('Standard Profiles'!$G$22=$B$17,14,0)+IF('Standard Profiles'!$G$22=$B$24,21,0),MOD($C6085,24)+1)/SUM(INDEX($D$3:$AA$30,INDEX(Jesper!$R$2:$R$366,ROW(INDEX(Jesper!AL$2:AL$366,ROUNDDOWN($C6085/24,0)+1,1))-1)+IF('Standard Profiles'!$G$22=$B$10,7,0)+IF('Standard Profiles'!$G$22=$B$17,14,0)+IF('Standard Profiles'!$G$22=$B$24,21,0),0)),0)</f>
        <v>0</v>
      </c>
      <c r="I6085">
        <f t="shared" si="678"/>
        <v>7.1609488607082925E-2</v>
      </c>
      <c r="J6085">
        <f t="shared" si="679"/>
        <v>0.23869829535694309</v>
      </c>
      <c r="K6085">
        <f t="shared" si="680"/>
        <v>0.35804744303541458</v>
      </c>
      <c r="L6085">
        <f t="shared" si="681"/>
        <v>1.7186277265699901</v>
      </c>
      <c r="M6085">
        <f t="shared" si="682"/>
        <v>0</v>
      </c>
      <c r="N6085" s="46">
        <f t="shared" si="683"/>
        <v>45544.124999985324</v>
      </c>
    </row>
    <row r="6086" spans="2:14" x14ac:dyDescent="0.3">
      <c r="B6086">
        <f t="shared" si="677"/>
        <v>1</v>
      </c>
      <c r="C6086" s="16">
        <v>6052</v>
      </c>
      <c r="D6086" cm="1">
        <f t="array" ref="D6086">IFERROR(INDEX(Jesper!AH$2:AH$366,ROUNDDOWN($C6086/24,0)+1,1)*INDEX($D$3:$AA$30,INDEX(Jesper!$R$2:$R$366,ROW(INDEX(Jesper!AH$2:AH$366,ROUNDDOWN($C6086/24,0)+1,1))-1)+IF('Standard Profiles'!$G$18=$B$10,7,0)+IF('Standard Profiles'!$G$18=$B$17,14,0)+IF('Standard Profiles'!$G$18=$B$24,21,0),MOD($C6086,24)+1)/SUM(INDEX($D$3:$AA$30,INDEX(Jesper!$R$2:$R$366,ROW(INDEX(Jesper!AH$2:AH$366,ROUNDDOWN($C6086/24,0)+1,1))-1)+IF('Standard Profiles'!$G$18=$B$10,7,0)+IF('Standard Profiles'!$G$18=$B$17,14,0)+IF('Standard Profiles'!$G$18=$B$24,21,0),0)),0)</f>
        <v>2.3869829535694307</v>
      </c>
      <c r="E6086" cm="1">
        <f t="array" ref="E6086">IFERROR(INDEX(Jesper!AI$2:AI$366,ROUNDDOWN($C6086/24,0)+1,1)*INDEX($D$3:$AA$30,INDEX(Jesper!$R$2:$R$366,ROW(INDEX(Jesper!AI$2:AI$366,ROUNDDOWN($C6086/24,0)+1,1))-1)+IF('Standard Profiles'!$G$19=$B$10,7,0)+IF('Standard Profiles'!$G$19=$B$17,14,0)+IF('Standard Profiles'!$G$19=$B$24,21,0),MOD($C6086,24)+1)/SUM(INDEX($D$3:$AA$30,INDEX(Jesper!$R$2:$R$366,ROW(INDEX(Jesper!AI$2:AI$366,ROUNDDOWN($C6086/24,0)+1,1))-1)+IF('Standard Profiles'!$G$19=$B$10,7,0)+IF('Standard Profiles'!$G$19=$B$17,14,0)+IF('Standard Profiles'!$G$19=$B$24,21,0),0)),0)</f>
        <v>0</v>
      </c>
      <c r="F6086" cm="1">
        <f t="array" ref="F6086">IFERROR(INDEX(Jesper!AJ$2:AJ$366,ROUNDDOWN($C6086/24,0)+1,1)*INDEX($D$3:$AA$30,INDEX(Jesper!$R$2:$R$366,ROW(INDEX(Jesper!AJ$2:AJ$366,ROUNDDOWN($C6086/24,0)+1,1))-1)+IF('Standard Profiles'!$G$20=$B$10,7,0)+IF('Standard Profiles'!$G$20=$B$17,14,0)+IF('Standard Profiles'!$G$20=$B$24,21,0),MOD($C6086,24)+1)/SUM(INDEX($D$3:$AA$30,INDEX(Jesper!$R$2:$R$366,ROW(INDEX(Jesper!AJ$2:AJ$366,ROUNDDOWN($C6086/24,0)+1,1))-1)+IF('Standard Profiles'!$G$20=$B$10,7,0)+IF('Standard Profiles'!$G$20=$B$17,14,0)+IF('Standard Profiles'!$G$20=$B$24,21,0),0)),0)</f>
        <v>0</v>
      </c>
      <c r="G6086" cm="1">
        <f t="array" ref="G6086">IFERROR(INDEX(Jesper!AK$2:AK$366,ROUNDDOWN($C6086/24,0)+1,1)*INDEX($D$3:$AA$30,INDEX(Jesper!$R$2:$R$366,ROW(INDEX(Jesper!AK$2:AK$366,ROUNDDOWN($C6086/24,0)+1,1))-1)+IF('Standard Profiles'!$G$21=$B$10,7,0)+IF('Standard Profiles'!$G$21=$B$17,14,0)+IF('Standard Profiles'!$G$21=$B$24,21,0),MOD($C6086,24)+1)/SUM(INDEX($D$3:$AA$30,INDEX(Jesper!$R$2:$R$366,ROW(INDEX(Jesper!AK$2:AK$366,ROUNDDOWN($C6086/24,0)+1,1))-1)+IF('Standard Profiles'!$G$21=$B$10,7,0)+IF('Standard Profiles'!$G$21=$B$17,14,0)+IF('Standard Profiles'!$G$21=$B$24,21,0),0)),0)</f>
        <v>0</v>
      </c>
      <c r="H6086" cm="1">
        <f t="array" ref="H6086">IFERROR(INDEX(Jesper!AL$2:AL$366,ROUNDDOWN($C6086/24,0)+1,1)*INDEX($D$3:$AA$30,INDEX(Jesper!$R$2:$R$366,ROW(INDEX(Jesper!AL$2:AL$366,ROUNDDOWN($C6086/24,0)+1,1))-1)+IF('Standard Profiles'!$G$22=$B$10,7,0)+IF('Standard Profiles'!$G$22=$B$17,14,0)+IF('Standard Profiles'!$G$22=$B$24,21,0),MOD($C6086,24)+1)/SUM(INDEX($D$3:$AA$30,INDEX(Jesper!$R$2:$R$366,ROW(INDEX(Jesper!AL$2:AL$366,ROUNDDOWN($C6086/24,0)+1,1))-1)+IF('Standard Profiles'!$G$22=$B$10,7,0)+IF('Standard Profiles'!$G$22=$B$17,14,0)+IF('Standard Profiles'!$G$22=$B$24,21,0),0)),0)</f>
        <v>0</v>
      </c>
      <c r="I6086">
        <f t="shared" si="678"/>
        <v>7.1609488607082925E-2</v>
      </c>
      <c r="J6086">
        <f t="shared" si="679"/>
        <v>0.23869829535694309</v>
      </c>
      <c r="K6086">
        <f t="shared" si="680"/>
        <v>0.35804744303541458</v>
      </c>
      <c r="L6086">
        <f t="shared" si="681"/>
        <v>1.7186277265699901</v>
      </c>
      <c r="M6086">
        <f t="shared" si="682"/>
        <v>0</v>
      </c>
      <c r="N6086" s="46">
        <f t="shared" si="683"/>
        <v>45544.166666651989</v>
      </c>
    </row>
    <row r="6087" spans="2:14" x14ac:dyDescent="0.3">
      <c r="B6087">
        <f t="shared" si="677"/>
        <v>1</v>
      </c>
      <c r="C6087" s="16">
        <v>6053</v>
      </c>
      <c r="D6087" cm="1">
        <f t="array" ref="D6087">IFERROR(INDEX(Jesper!AH$2:AH$366,ROUNDDOWN($C6087/24,0)+1,1)*INDEX($D$3:$AA$30,INDEX(Jesper!$R$2:$R$366,ROW(INDEX(Jesper!AH$2:AH$366,ROUNDDOWN($C6087/24,0)+1,1))-1)+IF('Standard Profiles'!$G$18=$B$10,7,0)+IF('Standard Profiles'!$G$18=$B$17,14,0)+IF('Standard Profiles'!$G$18=$B$24,21,0),MOD($C6087,24)+1)/SUM(INDEX($D$3:$AA$30,INDEX(Jesper!$R$2:$R$366,ROW(INDEX(Jesper!AH$2:AH$366,ROUNDDOWN($C6087/24,0)+1,1))-1)+IF('Standard Profiles'!$G$18=$B$10,7,0)+IF('Standard Profiles'!$G$18=$B$17,14,0)+IF('Standard Profiles'!$G$18=$B$24,21,0),0)),0)</f>
        <v>10.343592798800866</v>
      </c>
      <c r="E6087" cm="1">
        <f t="array" ref="E6087">IFERROR(INDEX(Jesper!AI$2:AI$366,ROUNDDOWN($C6087/24,0)+1,1)*INDEX($D$3:$AA$30,INDEX(Jesper!$R$2:$R$366,ROW(INDEX(Jesper!AI$2:AI$366,ROUNDDOWN($C6087/24,0)+1,1))-1)+IF('Standard Profiles'!$G$19=$B$10,7,0)+IF('Standard Profiles'!$G$19=$B$17,14,0)+IF('Standard Profiles'!$G$19=$B$24,21,0),MOD($C6087,24)+1)/SUM(INDEX($D$3:$AA$30,INDEX(Jesper!$R$2:$R$366,ROW(INDEX(Jesper!AI$2:AI$366,ROUNDDOWN($C6087/24,0)+1,1))-1)+IF('Standard Profiles'!$G$19=$B$10,7,0)+IF('Standard Profiles'!$G$19=$B$17,14,0)+IF('Standard Profiles'!$G$19=$B$24,21,0),0)),0)</f>
        <v>0</v>
      </c>
      <c r="F6087" cm="1">
        <f t="array" ref="F6087">IFERROR(INDEX(Jesper!AJ$2:AJ$366,ROUNDDOWN($C6087/24,0)+1,1)*INDEX($D$3:$AA$30,INDEX(Jesper!$R$2:$R$366,ROW(INDEX(Jesper!AJ$2:AJ$366,ROUNDDOWN($C6087/24,0)+1,1))-1)+IF('Standard Profiles'!$G$20=$B$10,7,0)+IF('Standard Profiles'!$G$20=$B$17,14,0)+IF('Standard Profiles'!$G$20=$B$24,21,0),MOD($C6087,24)+1)/SUM(INDEX($D$3:$AA$30,INDEX(Jesper!$R$2:$R$366,ROW(INDEX(Jesper!AJ$2:AJ$366,ROUNDDOWN($C6087/24,0)+1,1))-1)+IF('Standard Profiles'!$G$20=$B$10,7,0)+IF('Standard Profiles'!$G$20=$B$17,14,0)+IF('Standard Profiles'!$G$20=$B$24,21,0),0)),0)</f>
        <v>0</v>
      </c>
      <c r="G6087" cm="1">
        <f t="array" ref="G6087">IFERROR(INDEX(Jesper!AK$2:AK$366,ROUNDDOWN($C6087/24,0)+1,1)*INDEX($D$3:$AA$30,INDEX(Jesper!$R$2:$R$366,ROW(INDEX(Jesper!AK$2:AK$366,ROUNDDOWN($C6087/24,0)+1,1))-1)+IF('Standard Profiles'!$G$21=$B$10,7,0)+IF('Standard Profiles'!$G$21=$B$17,14,0)+IF('Standard Profiles'!$G$21=$B$24,21,0),MOD($C6087,24)+1)/SUM(INDEX($D$3:$AA$30,INDEX(Jesper!$R$2:$R$366,ROW(INDEX(Jesper!AK$2:AK$366,ROUNDDOWN($C6087/24,0)+1,1))-1)+IF('Standard Profiles'!$G$21=$B$10,7,0)+IF('Standard Profiles'!$G$21=$B$17,14,0)+IF('Standard Profiles'!$G$21=$B$24,21,0),0)),0)</f>
        <v>0</v>
      </c>
      <c r="H6087" cm="1">
        <f t="array" ref="H6087">IFERROR(INDEX(Jesper!AL$2:AL$366,ROUNDDOWN($C6087/24,0)+1,1)*INDEX($D$3:$AA$30,INDEX(Jesper!$R$2:$R$366,ROW(INDEX(Jesper!AL$2:AL$366,ROUNDDOWN($C6087/24,0)+1,1))-1)+IF('Standard Profiles'!$G$22=$B$10,7,0)+IF('Standard Profiles'!$G$22=$B$17,14,0)+IF('Standard Profiles'!$G$22=$B$24,21,0),MOD($C6087,24)+1)/SUM(INDEX($D$3:$AA$30,INDEX(Jesper!$R$2:$R$366,ROW(INDEX(Jesper!AL$2:AL$366,ROUNDDOWN($C6087/24,0)+1,1))-1)+IF('Standard Profiles'!$G$22=$B$10,7,0)+IF('Standard Profiles'!$G$22=$B$17,14,0)+IF('Standard Profiles'!$G$22=$B$24,21,0),0)),0)</f>
        <v>0</v>
      </c>
      <c r="I6087">
        <f t="shared" si="678"/>
        <v>0.31030778396402597</v>
      </c>
      <c r="J6087">
        <f t="shared" si="679"/>
        <v>1.0343592798800867</v>
      </c>
      <c r="K6087">
        <f t="shared" si="680"/>
        <v>1.5515389198201299</v>
      </c>
      <c r="L6087">
        <f t="shared" si="681"/>
        <v>7.4473868151366238</v>
      </c>
      <c r="M6087">
        <f t="shared" si="682"/>
        <v>0</v>
      </c>
      <c r="N6087" s="46">
        <f t="shared" si="683"/>
        <v>45544.208333318653</v>
      </c>
    </row>
    <row r="6088" spans="2:14" x14ac:dyDescent="0.3">
      <c r="B6088">
        <f t="shared" si="677"/>
        <v>1</v>
      </c>
      <c r="C6088" s="16">
        <v>6054</v>
      </c>
      <c r="D6088" cm="1">
        <f t="array" ref="D6088">IFERROR(INDEX(Jesper!AH$2:AH$366,ROUNDDOWN($C6088/24,0)+1,1)*INDEX($D$3:$AA$30,INDEX(Jesper!$R$2:$R$366,ROW(INDEX(Jesper!AH$2:AH$366,ROUNDDOWN($C6088/24,0)+1,1))-1)+IF('Standard Profiles'!$G$18=$B$10,7,0)+IF('Standard Profiles'!$G$18=$B$17,14,0)+IF('Standard Profiles'!$G$18=$B$24,21,0),MOD($C6088,24)+1)/SUM(INDEX($D$3:$AA$30,INDEX(Jesper!$R$2:$R$366,ROW(INDEX(Jesper!AH$2:AH$366,ROUNDDOWN($C6088/24,0)+1,1))-1)+IF('Standard Profiles'!$G$18=$B$10,7,0)+IF('Standard Profiles'!$G$18=$B$17,14,0)+IF('Standard Profiles'!$G$18=$B$24,21,0),0)),0)</f>
        <v>11.735999521716368</v>
      </c>
      <c r="E6088" cm="1">
        <f t="array" ref="E6088">IFERROR(INDEX(Jesper!AI$2:AI$366,ROUNDDOWN($C6088/24,0)+1,1)*INDEX($D$3:$AA$30,INDEX(Jesper!$R$2:$R$366,ROW(INDEX(Jesper!AI$2:AI$366,ROUNDDOWN($C6088/24,0)+1,1))-1)+IF('Standard Profiles'!$G$19=$B$10,7,0)+IF('Standard Profiles'!$G$19=$B$17,14,0)+IF('Standard Profiles'!$G$19=$B$24,21,0),MOD($C6088,24)+1)/SUM(INDEX($D$3:$AA$30,INDEX(Jesper!$R$2:$R$366,ROW(INDEX(Jesper!AI$2:AI$366,ROUNDDOWN($C6088/24,0)+1,1))-1)+IF('Standard Profiles'!$G$19=$B$10,7,0)+IF('Standard Profiles'!$G$19=$B$17,14,0)+IF('Standard Profiles'!$G$19=$B$24,21,0),0)),0)</f>
        <v>0</v>
      </c>
      <c r="F6088" cm="1">
        <f t="array" ref="F6088">IFERROR(INDEX(Jesper!AJ$2:AJ$366,ROUNDDOWN($C6088/24,0)+1,1)*INDEX($D$3:$AA$30,INDEX(Jesper!$R$2:$R$366,ROW(INDEX(Jesper!AJ$2:AJ$366,ROUNDDOWN($C6088/24,0)+1,1))-1)+IF('Standard Profiles'!$G$20=$B$10,7,0)+IF('Standard Profiles'!$G$20=$B$17,14,0)+IF('Standard Profiles'!$G$20=$B$24,21,0),MOD($C6088,24)+1)/SUM(INDEX($D$3:$AA$30,INDEX(Jesper!$R$2:$R$366,ROW(INDEX(Jesper!AJ$2:AJ$366,ROUNDDOWN($C6088/24,0)+1,1))-1)+IF('Standard Profiles'!$G$20=$B$10,7,0)+IF('Standard Profiles'!$G$20=$B$17,14,0)+IF('Standard Profiles'!$G$20=$B$24,21,0),0)),0)</f>
        <v>0</v>
      </c>
      <c r="G6088" cm="1">
        <f t="array" ref="G6088">IFERROR(INDEX(Jesper!AK$2:AK$366,ROUNDDOWN($C6088/24,0)+1,1)*INDEX($D$3:$AA$30,INDEX(Jesper!$R$2:$R$366,ROW(INDEX(Jesper!AK$2:AK$366,ROUNDDOWN($C6088/24,0)+1,1))-1)+IF('Standard Profiles'!$G$21=$B$10,7,0)+IF('Standard Profiles'!$G$21=$B$17,14,0)+IF('Standard Profiles'!$G$21=$B$24,21,0),MOD($C6088,24)+1)/SUM(INDEX($D$3:$AA$30,INDEX(Jesper!$R$2:$R$366,ROW(INDEX(Jesper!AK$2:AK$366,ROUNDDOWN($C6088/24,0)+1,1))-1)+IF('Standard Profiles'!$G$21=$B$10,7,0)+IF('Standard Profiles'!$G$21=$B$17,14,0)+IF('Standard Profiles'!$G$21=$B$24,21,0),0)),0)</f>
        <v>0</v>
      </c>
      <c r="H6088" cm="1">
        <f t="array" ref="H6088">IFERROR(INDEX(Jesper!AL$2:AL$366,ROUNDDOWN($C6088/24,0)+1,1)*INDEX($D$3:$AA$30,INDEX(Jesper!$R$2:$R$366,ROW(INDEX(Jesper!AL$2:AL$366,ROUNDDOWN($C6088/24,0)+1,1))-1)+IF('Standard Profiles'!$G$22=$B$10,7,0)+IF('Standard Profiles'!$G$22=$B$17,14,0)+IF('Standard Profiles'!$G$22=$B$24,21,0),MOD($C6088,24)+1)/SUM(INDEX($D$3:$AA$30,INDEX(Jesper!$R$2:$R$366,ROW(INDEX(Jesper!AL$2:AL$366,ROUNDDOWN($C6088/24,0)+1,1))-1)+IF('Standard Profiles'!$G$22=$B$10,7,0)+IF('Standard Profiles'!$G$22=$B$17,14,0)+IF('Standard Profiles'!$G$22=$B$24,21,0),0)),0)</f>
        <v>0</v>
      </c>
      <c r="I6088">
        <f t="shared" si="678"/>
        <v>0.35207998565149101</v>
      </c>
      <c r="J6088">
        <f t="shared" si="679"/>
        <v>1.1735999521716367</v>
      </c>
      <c r="K6088">
        <f t="shared" si="680"/>
        <v>1.7603999282574552</v>
      </c>
      <c r="L6088">
        <f t="shared" si="681"/>
        <v>8.4499196556357852</v>
      </c>
      <c r="M6088">
        <f t="shared" si="682"/>
        <v>0</v>
      </c>
      <c r="N6088" s="46">
        <f t="shared" si="683"/>
        <v>45544.249999985317</v>
      </c>
    </row>
    <row r="6089" spans="2:14" x14ac:dyDescent="0.3">
      <c r="B6089">
        <f t="shared" si="677"/>
        <v>1</v>
      </c>
      <c r="C6089" s="16">
        <v>6055</v>
      </c>
      <c r="D6089" cm="1">
        <f t="array" ref="D6089">IFERROR(INDEX(Jesper!AH$2:AH$366,ROUNDDOWN($C6089/24,0)+1,1)*INDEX($D$3:$AA$30,INDEX(Jesper!$R$2:$R$366,ROW(INDEX(Jesper!AH$2:AH$366,ROUNDDOWN($C6089/24,0)+1,1))-1)+IF('Standard Profiles'!$G$18=$B$10,7,0)+IF('Standard Profiles'!$G$18=$B$17,14,0)+IF('Standard Profiles'!$G$18=$B$24,21,0),MOD($C6089,24)+1)/SUM(INDEX($D$3:$AA$30,INDEX(Jesper!$R$2:$R$366,ROW(INDEX(Jesper!AH$2:AH$366,ROUNDDOWN($C6089/24,0)+1,1))-1)+IF('Standard Profiles'!$G$18=$B$10,7,0)+IF('Standard Profiles'!$G$18=$B$17,14,0)+IF('Standard Profiles'!$G$18=$B$24,21,0),0)),0)</f>
        <v>11.735999521716368</v>
      </c>
      <c r="E6089" cm="1">
        <f t="array" ref="E6089">IFERROR(INDEX(Jesper!AI$2:AI$366,ROUNDDOWN($C6089/24,0)+1,1)*INDEX($D$3:$AA$30,INDEX(Jesper!$R$2:$R$366,ROW(INDEX(Jesper!AI$2:AI$366,ROUNDDOWN($C6089/24,0)+1,1))-1)+IF('Standard Profiles'!$G$19=$B$10,7,0)+IF('Standard Profiles'!$G$19=$B$17,14,0)+IF('Standard Profiles'!$G$19=$B$24,21,0),MOD($C6089,24)+1)/SUM(INDEX($D$3:$AA$30,INDEX(Jesper!$R$2:$R$366,ROW(INDEX(Jesper!AI$2:AI$366,ROUNDDOWN($C6089/24,0)+1,1))-1)+IF('Standard Profiles'!$G$19=$B$10,7,0)+IF('Standard Profiles'!$G$19=$B$17,14,0)+IF('Standard Profiles'!$G$19=$B$24,21,0),0)),0)</f>
        <v>0</v>
      </c>
      <c r="F6089" cm="1">
        <f t="array" ref="F6089">IFERROR(INDEX(Jesper!AJ$2:AJ$366,ROUNDDOWN($C6089/24,0)+1,1)*INDEX($D$3:$AA$30,INDEX(Jesper!$R$2:$R$366,ROW(INDEX(Jesper!AJ$2:AJ$366,ROUNDDOWN($C6089/24,0)+1,1))-1)+IF('Standard Profiles'!$G$20=$B$10,7,0)+IF('Standard Profiles'!$G$20=$B$17,14,0)+IF('Standard Profiles'!$G$20=$B$24,21,0),MOD($C6089,24)+1)/SUM(INDEX($D$3:$AA$30,INDEX(Jesper!$R$2:$R$366,ROW(INDEX(Jesper!AJ$2:AJ$366,ROUNDDOWN($C6089/24,0)+1,1))-1)+IF('Standard Profiles'!$G$20=$B$10,7,0)+IF('Standard Profiles'!$G$20=$B$17,14,0)+IF('Standard Profiles'!$G$20=$B$24,21,0),0)),0)</f>
        <v>0</v>
      </c>
      <c r="G6089" cm="1">
        <f t="array" ref="G6089">IFERROR(INDEX(Jesper!AK$2:AK$366,ROUNDDOWN($C6089/24,0)+1,1)*INDEX($D$3:$AA$30,INDEX(Jesper!$R$2:$R$366,ROW(INDEX(Jesper!AK$2:AK$366,ROUNDDOWN($C6089/24,0)+1,1))-1)+IF('Standard Profiles'!$G$21=$B$10,7,0)+IF('Standard Profiles'!$G$21=$B$17,14,0)+IF('Standard Profiles'!$G$21=$B$24,21,0),MOD($C6089,24)+1)/SUM(INDEX($D$3:$AA$30,INDEX(Jesper!$R$2:$R$366,ROW(INDEX(Jesper!AK$2:AK$366,ROUNDDOWN($C6089/24,0)+1,1))-1)+IF('Standard Profiles'!$G$21=$B$10,7,0)+IF('Standard Profiles'!$G$21=$B$17,14,0)+IF('Standard Profiles'!$G$21=$B$24,21,0),0)),0)</f>
        <v>0</v>
      </c>
      <c r="H6089" cm="1">
        <f t="array" ref="H6089">IFERROR(INDEX(Jesper!AL$2:AL$366,ROUNDDOWN($C6089/24,0)+1,1)*INDEX($D$3:$AA$30,INDEX(Jesper!$R$2:$R$366,ROW(INDEX(Jesper!AL$2:AL$366,ROUNDDOWN($C6089/24,0)+1,1))-1)+IF('Standard Profiles'!$G$22=$B$10,7,0)+IF('Standard Profiles'!$G$22=$B$17,14,0)+IF('Standard Profiles'!$G$22=$B$24,21,0),MOD($C6089,24)+1)/SUM(INDEX($D$3:$AA$30,INDEX(Jesper!$R$2:$R$366,ROW(INDEX(Jesper!AL$2:AL$366,ROUNDDOWN($C6089/24,0)+1,1))-1)+IF('Standard Profiles'!$G$22=$B$10,7,0)+IF('Standard Profiles'!$G$22=$B$17,14,0)+IF('Standard Profiles'!$G$22=$B$24,21,0),0)),0)</f>
        <v>0</v>
      </c>
      <c r="I6089">
        <f t="shared" si="678"/>
        <v>0.35207998565149101</v>
      </c>
      <c r="J6089">
        <f t="shared" si="679"/>
        <v>1.1735999521716367</v>
      </c>
      <c r="K6089">
        <f t="shared" si="680"/>
        <v>1.7603999282574552</v>
      </c>
      <c r="L6089">
        <f t="shared" si="681"/>
        <v>8.4499196556357852</v>
      </c>
      <c r="M6089">
        <f t="shared" si="682"/>
        <v>0</v>
      </c>
      <c r="N6089" s="46">
        <f t="shared" si="683"/>
        <v>45544.291666651981</v>
      </c>
    </row>
    <row r="6090" spans="2:14" x14ac:dyDescent="0.3">
      <c r="B6090">
        <f t="shared" si="677"/>
        <v>1</v>
      </c>
      <c r="C6090" s="16">
        <v>6056</v>
      </c>
      <c r="D6090" cm="1">
        <f t="array" ref="D6090">IFERROR(INDEX(Jesper!AH$2:AH$366,ROUNDDOWN($C6090/24,0)+1,1)*INDEX($D$3:$AA$30,INDEX(Jesper!$R$2:$R$366,ROW(INDEX(Jesper!AH$2:AH$366,ROUNDDOWN($C6090/24,0)+1,1))-1)+IF('Standard Profiles'!$G$18=$B$10,7,0)+IF('Standard Profiles'!$G$18=$B$17,14,0)+IF('Standard Profiles'!$G$18=$B$24,21,0),MOD($C6090,24)+1)/SUM(INDEX($D$3:$AA$30,INDEX(Jesper!$R$2:$R$366,ROW(INDEX(Jesper!AH$2:AH$366,ROUNDDOWN($C6090/24,0)+1,1))-1)+IF('Standard Profiles'!$G$18=$B$10,7,0)+IF('Standard Profiles'!$G$18=$B$17,14,0)+IF('Standard Profiles'!$G$18=$B$24,21,0),0)),0)</f>
        <v>11.735999521716368</v>
      </c>
      <c r="E6090" cm="1">
        <f t="array" ref="E6090">IFERROR(INDEX(Jesper!AI$2:AI$366,ROUNDDOWN($C6090/24,0)+1,1)*INDEX($D$3:$AA$30,INDEX(Jesper!$R$2:$R$366,ROW(INDEX(Jesper!AI$2:AI$366,ROUNDDOWN($C6090/24,0)+1,1))-1)+IF('Standard Profiles'!$G$19=$B$10,7,0)+IF('Standard Profiles'!$G$19=$B$17,14,0)+IF('Standard Profiles'!$G$19=$B$24,21,0),MOD($C6090,24)+1)/SUM(INDEX($D$3:$AA$30,INDEX(Jesper!$R$2:$R$366,ROW(INDEX(Jesper!AI$2:AI$366,ROUNDDOWN($C6090/24,0)+1,1))-1)+IF('Standard Profiles'!$G$19=$B$10,7,0)+IF('Standard Profiles'!$G$19=$B$17,14,0)+IF('Standard Profiles'!$G$19=$B$24,21,0),0)),0)</f>
        <v>0</v>
      </c>
      <c r="F6090" cm="1">
        <f t="array" ref="F6090">IFERROR(INDEX(Jesper!AJ$2:AJ$366,ROUNDDOWN($C6090/24,0)+1,1)*INDEX($D$3:$AA$30,INDEX(Jesper!$R$2:$R$366,ROW(INDEX(Jesper!AJ$2:AJ$366,ROUNDDOWN($C6090/24,0)+1,1))-1)+IF('Standard Profiles'!$G$20=$B$10,7,0)+IF('Standard Profiles'!$G$20=$B$17,14,0)+IF('Standard Profiles'!$G$20=$B$24,21,0),MOD($C6090,24)+1)/SUM(INDEX($D$3:$AA$30,INDEX(Jesper!$R$2:$R$366,ROW(INDEX(Jesper!AJ$2:AJ$366,ROUNDDOWN($C6090/24,0)+1,1))-1)+IF('Standard Profiles'!$G$20=$B$10,7,0)+IF('Standard Profiles'!$G$20=$B$17,14,0)+IF('Standard Profiles'!$G$20=$B$24,21,0),0)),0)</f>
        <v>0</v>
      </c>
      <c r="G6090" cm="1">
        <f t="array" ref="G6090">IFERROR(INDEX(Jesper!AK$2:AK$366,ROUNDDOWN($C6090/24,0)+1,1)*INDEX($D$3:$AA$30,INDEX(Jesper!$R$2:$R$366,ROW(INDEX(Jesper!AK$2:AK$366,ROUNDDOWN($C6090/24,0)+1,1))-1)+IF('Standard Profiles'!$G$21=$B$10,7,0)+IF('Standard Profiles'!$G$21=$B$17,14,0)+IF('Standard Profiles'!$G$21=$B$24,21,0),MOD($C6090,24)+1)/SUM(INDEX($D$3:$AA$30,INDEX(Jesper!$R$2:$R$366,ROW(INDEX(Jesper!AK$2:AK$366,ROUNDDOWN($C6090/24,0)+1,1))-1)+IF('Standard Profiles'!$G$21=$B$10,7,0)+IF('Standard Profiles'!$G$21=$B$17,14,0)+IF('Standard Profiles'!$G$21=$B$24,21,0),0)),0)</f>
        <v>0</v>
      </c>
      <c r="H6090" cm="1">
        <f t="array" ref="H6090">IFERROR(INDEX(Jesper!AL$2:AL$366,ROUNDDOWN($C6090/24,0)+1,1)*INDEX($D$3:$AA$30,INDEX(Jesper!$R$2:$R$366,ROW(INDEX(Jesper!AL$2:AL$366,ROUNDDOWN($C6090/24,0)+1,1))-1)+IF('Standard Profiles'!$G$22=$B$10,7,0)+IF('Standard Profiles'!$G$22=$B$17,14,0)+IF('Standard Profiles'!$G$22=$B$24,21,0),MOD($C6090,24)+1)/SUM(INDEX($D$3:$AA$30,INDEX(Jesper!$R$2:$R$366,ROW(INDEX(Jesper!AL$2:AL$366,ROUNDDOWN($C6090/24,0)+1,1))-1)+IF('Standard Profiles'!$G$22=$B$10,7,0)+IF('Standard Profiles'!$G$22=$B$17,14,0)+IF('Standard Profiles'!$G$22=$B$24,21,0),0)),0)</f>
        <v>0</v>
      </c>
      <c r="I6090">
        <f t="shared" si="678"/>
        <v>0.35207998565149101</v>
      </c>
      <c r="J6090">
        <f t="shared" si="679"/>
        <v>1.1735999521716367</v>
      </c>
      <c r="K6090">
        <f t="shared" si="680"/>
        <v>1.7603999282574552</v>
      </c>
      <c r="L6090">
        <f t="shared" si="681"/>
        <v>8.4499196556357852</v>
      </c>
      <c r="M6090">
        <f t="shared" si="682"/>
        <v>0</v>
      </c>
      <c r="N6090" s="46">
        <f t="shared" si="683"/>
        <v>45544.333333318646</v>
      </c>
    </row>
    <row r="6091" spans="2:14" x14ac:dyDescent="0.3">
      <c r="B6091">
        <f t="shared" si="677"/>
        <v>1</v>
      </c>
      <c r="C6091" s="16">
        <v>6057</v>
      </c>
      <c r="D6091" cm="1">
        <f t="array" ref="D6091">IFERROR(INDEX(Jesper!AH$2:AH$366,ROUNDDOWN($C6091/24,0)+1,1)*INDEX($D$3:$AA$30,INDEX(Jesper!$R$2:$R$366,ROW(INDEX(Jesper!AH$2:AH$366,ROUNDDOWN($C6091/24,0)+1,1))-1)+IF('Standard Profiles'!$G$18=$B$10,7,0)+IF('Standard Profiles'!$G$18=$B$17,14,0)+IF('Standard Profiles'!$G$18=$B$24,21,0),MOD($C6091,24)+1)/SUM(INDEX($D$3:$AA$30,INDEX(Jesper!$R$2:$R$366,ROW(INDEX(Jesper!AH$2:AH$366,ROUNDDOWN($C6091/24,0)+1,1))-1)+IF('Standard Profiles'!$G$18=$B$10,7,0)+IF('Standard Profiles'!$G$18=$B$17,14,0)+IF('Standard Profiles'!$G$18=$B$24,21,0),0)),0)</f>
        <v>12.531660506239511</v>
      </c>
      <c r="E6091" cm="1">
        <f t="array" ref="E6091">IFERROR(INDEX(Jesper!AI$2:AI$366,ROUNDDOWN($C6091/24,0)+1,1)*INDEX($D$3:$AA$30,INDEX(Jesper!$R$2:$R$366,ROW(INDEX(Jesper!AI$2:AI$366,ROUNDDOWN($C6091/24,0)+1,1))-1)+IF('Standard Profiles'!$G$19=$B$10,7,0)+IF('Standard Profiles'!$G$19=$B$17,14,0)+IF('Standard Profiles'!$G$19=$B$24,21,0),MOD($C6091,24)+1)/SUM(INDEX($D$3:$AA$30,INDEX(Jesper!$R$2:$R$366,ROW(INDEX(Jesper!AI$2:AI$366,ROUNDDOWN($C6091/24,0)+1,1))-1)+IF('Standard Profiles'!$G$19=$B$10,7,0)+IF('Standard Profiles'!$G$19=$B$17,14,0)+IF('Standard Profiles'!$G$19=$B$24,21,0),0)),0)</f>
        <v>0</v>
      </c>
      <c r="F6091" cm="1">
        <f t="array" ref="F6091">IFERROR(INDEX(Jesper!AJ$2:AJ$366,ROUNDDOWN($C6091/24,0)+1,1)*INDEX($D$3:$AA$30,INDEX(Jesper!$R$2:$R$366,ROW(INDEX(Jesper!AJ$2:AJ$366,ROUNDDOWN($C6091/24,0)+1,1))-1)+IF('Standard Profiles'!$G$20=$B$10,7,0)+IF('Standard Profiles'!$G$20=$B$17,14,0)+IF('Standard Profiles'!$G$20=$B$24,21,0),MOD($C6091,24)+1)/SUM(INDEX($D$3:$AA$30,INDEX(Jesper!$R$2:$R$366,ROW(INDEX(Jesper!AJ$2:AJ$366,ROUNDDOWN($C6091/24,0)+1,1))-1)+IF('Standard Profiles'!$G$20=$B$10,7,0)+IF('Standard Profiles'!$G$20=$B$17,14,0)+IF('Standard Profiles'!$G$20=$B$24,21,0),0)),0)</f>
        <v>0</v>
      </c>
      <c r="G6091" cm="1">
        <f t="array" ref="G6091">IFERROR(INDEX(Jesper!AK$2:AK$366,ROUNDDOWN($C6091/24,0)+1,1)*INDEX($D$3:$AA$30,INDEX(Jesper!$R$2:$R$366,ROW(INDEX(Jesper!AK$2:AK$366,ROUNDDOWN($C6091/24,0)+1,1))-1)+IF('Standard Profiles'!$G$21=$B$10,7,0)+IF('Standard Profiles'!$G$21=$B$17,14,0)+IF('Standard Profiles'!$G$21=$B$24,21,0),MOD($C6091,24)+1)/SUM(INDEX($D$3:$AA$30,INDEX(Jesper!$R$2:$R$366,ROW(INDEX(Jesper!AK$2:AK$366,ROUNDDOWN($C6091/24,0)+1,1))-1)+IF('Standard Profiles'!$G$21=$B$10,7,0)+IF('Standard Profiles'!$G$21=$B$17,14,0)+IF('Standard Profiles'!$G$21=$B$24,21,0),0)),0)</f>
        <v>0</v>
      </c>
      <c r="H6091" cm="1">
        <f t="array" ref="H6091">IFERROR(INDEX(Jesper!AL$2:AL$366,ROUNDDOWN($C6091/24,0)+1,1)*INDEX($D$3:$AA$30,INDEX(Jesper!$R$2:$R$366,ROW(INDEX(Jesper!AL$2:AL$366,ROUNDDOWN($C6091/24,0)+1,1))-1)+IF('Standard Profiles'!$G$22=$B$10,7,0)+IF('Standard Profiles'!$G$22=$B$17,14,0)+IF('Standard Profiles'!$G$22=$B$24,21,0),MOD($C6091,24)+1)/SUM(INDEX($D$3:$AA$30,INDEX(Jesper!$R$2:$R$366,ROW(INDEX(Jesper!AL$2:AL$366,ROUNDDOWN($C6091/24,0)+1,1))-1)+IF('Standard Profiles'!$G$22=$B$10,7,0)+IF('Standard Profiles'!$G$22=$B$17,14,0)+IF('Standard Profiles'!$G$22=$B$24,21,0),0)),0)</f>
        <v>0</v>
      </c>
      <c r="I6091">
        <f t="shared" si="678"/>
        <v>0.37594981518718534</v>
      </c>
      <c r="J6091">
        <f t="shared" si="679"/>
        <v>1.2531660506239513</v>
      </c>
      <c r="K6091">
        <f t="shared" si="680"/>
        <v>1.8797490759359265</v>
      </c>
      <c r="L6091">
        <f t="shared" si="681"/>
        <v>9.0227955644924478</v>
      </c>
      <c r="M6091">
        <f t="shared" si="682"/>
        <v>0</v>
      </c>
      <c r="N6091" s="46">
        <f t="shared" si="683"/>
        <v>45544.37499998531</v>
      </c>
    </row>
    <row r="6092" spans="2:14" x14ac:dyDescent="0.3">
      <c r="B6092">
        <f t="shared" si="677"/>
        <v>1</v>
      </c>
      <c r="C6092" s="16">
        <v>6058</v>
      </c>
      <c r="D6092" cm="1">
        <f t="array" ref="D6092">IFERROR(INDEX(Jesper!AH$2:AH$366,ROUNDDOWN($C6092/24,0)+1,1)*INDEX($D$3:$AA$30,INDEX(Jesper!$R$2:$R$366,ROW(INDEX(Jesper!AH$2:AH$366,ROUNDDOWN($C6092/24,0)+1,1))-1)+IF('Standard Profiles'!$G$18=$B$10,7,0)+IF('Standard Profiles'!$G$18=$B$17,14,0)+IF('Standard Profiles'!$G$18=$B$24,21,0),MOD($C6092,24)+1)/SUM(INDEX($D$3:$AA$30,INDEX(Jesper!$R$2:$R$366,ROW(INDEX(Jesper!AH$2:AH$366,ROUNDDOWN($C6092/24,0)+1,1))-1)+IF('Standard Profiles'!$G$18=$B$10,7,0)+IF('Standard Profiles'!$G$18=$B$17,14,0)+IF('Standard Profiles'!$G$18=$B$24,21,0),0)),0)</f>
        <v>12.531660506239511</v>
      </c>
      <c r="E6092" cm="1">
        <f t="array" ref="E6092">IFERROR(INDEX(Jesper!AI$2:AI$366,ROUNDDOWN($C6092/24,0)+1,1)*INDEX($D$3:$AA$30,INDEX(Jesper!$R$2:$R$366,ROW(INDEX(Jesper!AI$2:AI$366,ROUNDDOWN($C6092/24,0)+1,1))-1)+IF('Standard Profiles'!$G$19=$B$10,7,0)+IF('Standard Profiles'!$G$19=$B$17,14,0)+IF('Standard Profiles'!$G$19=$B$24,21,0),MOD($C6092,24)+1)/SUM(INDEX($D$3:$AA$30,INDEX(Jesper!$R$2:$R$366,ROW(INDEX(Jesper!AI$2:AI$366,ROUNDDOWN($C6092/24,0)+1,1))-1)+IF('Standard Profiles'!$G$19=$B$10,7,0)+IF('Standard Profiles'!$G$19=$B$17,14,0)+IF('Standard Profiles'!$G$19=$B$24,21,0),0)),0)</f>
        <v>0</v>
      </c>
      <c r="F6092" cm="1">
        <f t="array" ref="F6092">IFERROR(INDEX(Jesper!AJ$2:AJ$366,ROUNDDOWN($C6092/24,0)+1,1)*INDEX($D$3:$AA$30,INDEX(Jesper!$R$2:$R$366,ROW(INDEX(Jesper!AJ$2:AJ$366,ROUNDDOWN($C6092/24,0)+1,1))-1)+IF('Standard Profiles'!$G$20=$B$10,7,0)+IF('Standard Profiles'!$G$20=$B$17,14,0)+IF('Standard Profiles'!$G$20=$B$24,21,0),MOD($C6092,24)+1)/SUM(INDEX($D$3:$AA$30,INDEX(Jesper!$R$2:$R$366,ROW(INDEX(Jesper!AJ$2:AJ$366,ROUNDDOWN($C6092/24,0)+1,1))-1)+IF('Standard Profiles'!$G$20=$B$10,7,0)+IF('Standard Profiles'!$G$20=$B$17,14,0)+IF('Standard Profiles'!$G$20=$B$24,21,0),0)),0)</f>
        <v>0</v>
      </c>
      <c r="G6092" cm="1">
        <f t="array" ref="G6092">IFERROR(INDEX(Jesper!AK$2:AK$366,ROUNDDOWN($C6092/24,0)+1,1)*INDEX($D$3:$AA$30,INDEX(Jesper!$R$2:$R$366,ROW(INDEX(Jesper!AK$2:AK$366,ROUNDDOWN($C6092/24,0)+1,1))-1)+IF('Standard Profiles'!$G$21=$B$10,7,0)+IF('Standard Profiles'!$G$21=$B$17,14,0)+IF('Standard Profiles'!$G$21=$B$24,21,0),MOD($C6092,24)+1)/SUM(INDEX($D$3:$AA$30,INDEX(Jesper!$R$2:$R$366,ROW(INDEX(Jesper!AK$2:AK$366,ROUNDDOWN($C6092/24,0)+1,1))-1)+IF('Standard Profiles'!$G$21=$B$10,7,0)+IF('Standard Profiles'!$G$21=$B$17,14,0)+IF('Standard Profiles'!$G$21=$B$24,21,0),0)),0)</f>
        <v>0</v>
      </c>
      <c r="H6092" cm="1">
        <f t="array" ref="H6092">IFERROR(INDEX(Jesper!AL$2:AL$366,ROUNDDOWN($C6092/24,0)+1,1)*INDEX($D$3:$AA$30,INDEX(Jesper!$R$2:$R$366,ROW(INDEX(Jesper!AL$2:AL$366,ROUNDDOWN($C6092/24,0)+1,1))-1)+IF('Standard Profiles'!$G$22=$B$10,7,0)+IF('Standard Profiles'!$G$22=$B$17,14,0)+IF('Standard Profiles'!$G$22=$B$24,21,0),MOD($C6092,24)+1)/SUM(INDEX($D$3:$AA$30,INDEX(Jesper!$R$2:$R$366,ROW(INDEX(Jesper!AL$2:AL$366,ROUNDDOWN($C6092/24,0)+1,1))-1)+IF('Standard Profiles'!$G$22=$B$10,7,0)+IF('Standard Profiles'!$G$22=$B$17,14,0)+IF('Standard Profiles'!$G$22=$B$24,21,0),0)),0)</f>
        <v>0</v>
      </c>
      <c r="I6092">
        <f t="shared" si="678"/>
        <v>0.37594981518718534</v>
      </c>
      <c r="J6092">
        <f t="shared" si="679"/>
        <v>1.2531660506239513</v>
      </c>
      <c r="K6092">
        <f t="shared" si="680"/>
        <v>1.8797490759359265</v>
      </c>
      <c r="L6092">
        <f t="shared" si="681"/>
        <v>9.0227955644924478</v>
      </c>
      <c r="M6092">
        <f t="shared" si="682"/>
        <v>0</v>
      </c>
      <c r="N6092" s="46">
        <f t="shared" si="683"/>
        <v>45544.416666651974</v>
      </c>
    </row>
    <row r="6093" spans="2:14" x14ac:dyDescent="0.3">
      <c r="B6093">
        <f t="shared" si="677"/>
        <v>1</v>
      </c>
      <c r="C6093" s="16">
        <v>6059</v>
      </c>
      <c r="D6093" cm="1">
        <f t="array" ref="D6093">IFERROR(INDEX(Jesper!AH$2:AH$366,ROUNDDOWN($C6093/24,0)+1,1)*INDEX($D$3:$AA$30,INDEX(Jesper!$R$2:$R$366,ROW(INDEX(Jesper!AH$2:AH$366,ROUNDDOWN($C6093/24,0)+1,1))-1)+IF('Standard Profiles'!$G$18=$B$10,7,0)+IF('Standard Profiles'!$G$18=$B$17,14,0)+IF('Standard Profiles'!$G$18=$B$24,21,0),MOD($C6093,24)+1)/SUM(INDEX($D$3:$AA$30,INDEX(Jesper!$R$2:$R$366,ROW(INDEX(Jesper!AH$2:AH$366,ROUNDDOWN($C6093/24,0)+1,1))-1)+IF('Standard Profiles'!$G$18=$B$10,7,0)+IF('Standard Profiles'!$G$18=$B$17,14,0)+IF('Standard Profiles'!$G$18=$B$24,21,0),0)),0)</f>
        <v>15.913219690462872</v>
      </c>
      <c r="E6093" cm="1">
        <f t="array" ref="E6093">IFERROR(INDEX(Jesper!AI$2:AI$366,ROUNDDOWN($C6093/24,0)+1,1)*INDEX($D$3:$AA$30,INDEX(Jesper!$R$2:$R$366,ROW(INDEX(Jesper!AI$2:AI$366,ROUNDDOWN($C6093/24,0)+1,1))-1)+IF('Standard Profiles'!$G$19=$B$10,7,0)+IF('Standard Profiles'!$G$19=$B$17,14,0)+IF('Standard Profiles'!$G$19=$B$24,21,0),MOD($C6093,24)+1)/SUM(INDEX($D$3:$AA$30,INDEX(Jesper!$R$2:$R$366,ROW(INDEX(Jesper!AI$2:AI$366,ROUNDDOWN($C6093/24,0)+1,1))-1)+IF('Standard Profiles'!$G$19=$B$10,7,0)+IF('Standard Profiles'!$G$19=$B$17,14,0)+IF('Standard Profiles'!$G$19=$B$24,21,0),0)),0)</f>
        <v>0</v>
      </c>
      <c r="F6093" cm="1">
        <f t="array" ref="F6093">IFERROR(INDEX(Jesper!AJ$2:AJ$366,ROUNDDOWN($C6093/24,0)+1,1)*INDEX($D$3:$AA$30,INDEX(Jesper!$R$2:$R$366,ROW(INDEX(Jesper!AJ$2:AJ$366,ROUNDDOWN($C6093/24,0)+1,1))-1)+IF('Standard Profiles'!$G$20=$B$10,7,0)+IF('Standard Profiles'!$G$20=$B$17,14,0)+IF('Standard Profiles'!$G$20=$B$24,21,0),MOD($C6093,24)+1)/SUM(INDEX($D$3:$AA$30,INDEX(Jesper!$R$2:$R$366,ROW(INDEX(Jesper!AJ$2:AJ$366,ROUNDDOWN($C6093/24,0)+1,1))-1)+IF('Standard Profiles'!$G$20=$B$10,7,0)+IF('Standard Profiles'!$G$20=$B$17,14,0)+IF('Standard Profiles'!$G$20=$B$24,21,0),0)),0)</f>
        <v>0</v>
      </c>
      <c r="G6093" cm="1">
        <f t="array" ref="G6093">IFERROR(INDEX(Jesper!AK$2:AK$366,ROUNDDOWN($C6093/24,0)+1,1)*INDEX($D$3:$AA$30,INDEX(Jesper!$R$2:$R$366,ROW(INDEX(Jesper!AK$2:AK$366,ROUNDDOWN($C6093/24,0)+1,1))-1)+IF('Standard Profiles'!$G$21=$B$10,7,0)+IF('Standard Profiles'!$G$21=$B$17,14,0)+IF('Standard Profiles'!$G$21=$B$24,21,0),MOD($C6093,24)+1)/SUM(INDEX($D$3:$AA$30,INDEX(Jesper!$R$2:$R$366,ROW(INDEX(Jesper!AK$2:AK$366,ROUNDDOWN($C6093/24,0)+1,1))-1)+IF('Standard Profiles'!$G$21=$B$10,7,0)+IF('Standard Profiles'!$G$21=$B$17,14,0)+IF('Standard Profiles'!$G$21=$B$24,21,0),0)),0)</f>
        <v>0</v>
      </c>
      <c r="H6093" cm="1">
        <f t="array" ref="H6093">IFERROR(INDEX(Jesper!AL$2:AL$366,ROUNDDOWN($C6093/24,0)+1,1)*INDEX($D$3:$AA$30,INDEX(Jesper!$R$2:$R$366,ROW(INDEX(Jesper!AL$2:AL$366,ROUNDDOWN($C6093/24,0)+1,1))-1)+IF('Standard Profiles'!$G$22=$B$10,7,0)+IF('Standard Profiles'!$G$22=$B$17,14,0)+IF('Standard Profiles'!$G$22=$B$24,21,0),MOD($C6093,24)+1)/SUM(INDEX($D$3:$AA$30,INDEX(Jesper!$R$2:$R$366,ROW(INDEX(Jesper!AL$2:AL$366,ROUNDDOWN($C6093/24,0)+1,1))-1)+IF('Standard Profiles'!$G$22=$B$10,7,0)+IF('Standard Profiles'!$G$22=$B$17,14,0)+IF('Standard Profiles'!$G$22=$B$24,21,0),0)),0)</f>
        <v>0</v>
      </c>
      <c r="I6093">
        <f t="shared" si="678"/>
        <v>0.47739659071388618</v>
      </c>
      <c r="J6093">
        <f t="shared" si="679"/>
        <v>1.5913219690462874</v>
      </c>
      <c r="K6093">
        <f t="shared" si="680"/>
        <v>2.3869829535694307</v>
      </c>
      <c r="L6093">
        <f t="shared" si="681"/>
        <v>11.457518177133268</v>
      </c>
      <c r="M6093">
        <f t="shared" si="682"/>
        <v>0</v>
      </c>
      <c r="N6093" s="46">
        <f t="shared" si="683"/>
        <v>45544.458333318638</v>
      </c>
    </row>
    <row r="6094" spans="2:14" x14ac:dyDescent="0.3">
      <c r="B6094">
        <f t="shared" si="677"/>
        <v>1</v>
      </c>
      <c r="C6094" s="16">
        <v>6060</v>
      </c>
      <c r="D6094" cm="1">
        <f t="array" ref="D6094">IFERROR(INDEX(Jesper!AH$2:AH$366,ROUNDDOWN($C6094/24,0)+1,1)*INDEX($D$3:$AA$30,INDEX(Jesper!$R$2:$R$366,ROW(INDEX(Jesper!AH$2:AH$366,ROUNDDOWN($C6094/24,0)+1,1))-1)+IF('Standard Profiles'!$G$18=$B$10,7,0)+IF('Standard Profiles'!$G$18=$B$17,14,0)+IF('Standard Profiles'!$G$18=$B$24,21,0),MOD($C6094,24)+1)/SUM(INDEX($D$3:$AA$30,INDEX(Jesper!$R$2:$R$366,ROW(INDEX(Jesper!AH$2:AH$366,ROUNDDOWN($C6094/24,0)+1,1))-1)+IF('Standard Profiles'!$G$18=$B$10,7,0)+IF('Standard Profiles'!$G$18=$B$17,14,0)+IF('Standard Profiles'!$G$18=$B$24,21,0),0)),0)</f>
        <v>15.913219690462872</v>
      </c>
      <c r="E6094" cm="1">
        <f t="array" ref="E6094">IFERROR(INDEX(Jesper!AI$2:AI$366,ROUNDDOWN($C6094/24,0)+1,1)*INDEX($D$3:$AA$30,INDEX(Jesper!$R$2:$R$366,ROW(INDEX(Jesper!AI$2:AI$366,ROUNDDOWN($C6094/24,0)+1,1))-1)+IF('Standard Profiles'!$G$19=$B$10,7,0)+IF('Standard Profiles'!$G$19=$B$17,14,0)+IF('Standard Profiles'!$G$19=$B$24,21,0),MOD($C6094,24)+1)/SUM(INDEX($D$3:$AA$30,INDEX(Jesper!$R$2:$R$366,ROW(INDEX(Jesper!AI$2:AI$366,ROUNDDOWN($C6094/24,0)+1,1))-1)+IF('Standard Profiles'!$G$19=$B$10,7,0)+IF('Standard Profiles'!$G$19=$B$17,14,0)+IF('Standard Profiles'!$G$19=$B$24,21,0),0)),0)</f>
        <v>0</v>
      </c>
      <c r="F6094" cm="1">
        <f t="array" ref="F6094">IFERROR(INDEX(Jesper!AJ$2:AJ$366,ROUNDDOWN($C6094/24,0)+1,1)*INDEX($D$3:$AA$30,INDEX(Jesper!$R$2:$R$366,ROW(INDEX(Jesper!AJ$2:AJ$366,ROUNDDOWN($C6094/24,0)+1,1))-1)+IF('Standard Profiles'!$G$20=$B$10,7,0)+IF('Standard Profiles'!$G$20=$B$17,14,0)+IF('Standard Profiles'!$G$20=$B$24,21,0),MOD($C6094,24)+1)/SUM(INDEX($D$3:$AA$30,INDEX(Jesper!$R$2:$R$366,ROW(INDEX(Jesper!AJ$2:AJ$366,ROUNDDOWN($C6094/24,0)+1,1))-1)+IF('Standard Profiles'!$G$20=$B$10,7,0)+IF('Standard Profiles'!$G$20=$B$17,14,0)+IF('Standard Profiles'!$G$20=$B$24,21,0),0)),0)</f>
        <v>0</v>
      </c>
      <c r="G6094" cm="1">
        <f t="array" ref="G6094">IFERROR(INDEX(Jesper!AK$2:AK$366,ROUNDDOWN($C6094/24,0)+1,1)*INDEX($D$3:$AA$30,INDEX(Jesper!$R$2:$R$366,ROW(INDEX(Jesper!AK$2:AK$366,ROUNDDOWN($C6094/24,0)+1,1))-1)+IF('Standard Profiles'!$G$21=$B$10,7,0)+IF('Standard Profiles'!$G$21=$B$17,14,0)+IF('Standard Profiles'!$G$21=$B$24,21,0),MOD($C6094,24)+1)/SUM(INDEX($D$3:$AA$30,INDEX(Jesper!$R$2:$R$366,ROW(INDEX(Jesper!AK$2:AK$366,ROUNDDOWN($C6094/24,0)+1,1))-1)+IF('Standard Profiles'!$G$21=$B$10,7,0)+IF('Standard Profiles'!$G$21=$B$17,14,0)+IF('Standard Profiles'!$G$21=$B$24,21,0),0)),0)</f>
        <v>0</v>
      </c>
      <c r="H6094" cm="1">
        <f t="array" ref="H6094">IFERROR(INDEX(Jesper!AL$2:AL$366,ROUNDDOWN($C6094/24,0)+1,1)*INDEX($D$3:$AA$30,INDEX(Jesper!$R$2:$R$366,ROW(INDEX(Jesper!AL$2:AL$366,ROUNDDOWN($C6094/24,0)+1,1))-1)+IF('Standard Profiles'!$G$22=$B$10,7,0)+IF('Standard Profiles'!$G$22=$B$17,14,0)+IF('Standard Profiles'!$G$22=$B$24,21,0),MOD($C6094,24)+1)/SUM(INDEX($D$3:$AA$30,INDEX(Jesper!$R$2:$R$366,ROW(INDEX(Jesper!AL$2:AL$366,ROUNDDOWN($C6094/24,0)+1,1))-1)+IF('Standard Profiles'!$G$22=$B$10,7,0)+IF('Standard Profiles'!$G$22=$B$17,14,0)+IF('Standard Profiles'!$G$22=$B$24,21,0),0)),0)</f>
        <v>0</v>
      </c>
      <c r="I6094">
        <f t="shared" si="678"/>
        <v>0.47739659071388618</v>
      </c>
      <c r="J6094">
        <f t="shared" si="679"/>
        <v>1.5913219690462874</v>
      </c>
      <c r="K6094">
        <f t="shared" si="680"/>
        <v>2.3869829535694307</v>
      </c>
      <c r="L6094">
        <f t="shared" si="681"/>
        <v>11.457518177133268</v>
      </c>
      <c r="M6094">
        <f t="shared" si="682"/>
        <v>0</v>
      </c>
      <c r="N6094" s="46">
        <f t="shared" si="683"/>
        <v>45544.499999985303</v>
      </c>
    </row>
    <row r="6095" spans="2:14" x14ac:dyDescent="0.3">
      <c r="B6095">
        <f t="shared" si="677"/>
        <v>1</v>
      </c>
      <c r="C6095" s="16">
        <v>6061</v>
      </c>
      <c r="D6095" cm="1">
        <f t="array" ref="D6095">IFERROR(INDEX(Jesper!AH$2:AH$366,ROUNDDOWN($C6095/24,0)+1,1)*INDEX($D$3:$AA$30,INDEX(Jesper!$R$2:$R$366,ROW(INDEX(Jesper!AH$2:AH$366,ROUNDDOWN($C6095/24,0)+1,1))-1)+IF('Standard Profiles'!$G$18=$B$10,7,0)+IF('Standard Profiles'!$G$18=$B$17,14,0)+IF('Standard Profiles'!$G$18=$B$24,21,0),MOD($C6095,24)+1)/SUM(INDEX($D$3:$AA$30,INDEX(Jesper!$R$2:$R$366,ROW(INDEX(Jesper!AH$2:AH$366,ROUNDDOWN($C6095/24,0)+1,1))-1)+IF('Standard Profiles'!$G$18=$B$10,7,0)+IF('Standard Profiles'!$G$18=$B$17,14,0)+IF('Standard Profiles'!$G$18=$B$24,21,0),0)),0)</f>
        <v>10.542508044931653</v>
      </c>
      <c r="E6095" cm="1">
        <f t="array" ref="E6095">IFERROR(INDEX(Jesper!AI$2:AI$366,ROUNDDOWN($C6095/24,0)+1,1)*INDEX($D$3:$AA$30,INDEX(Jesper!$R$2:$R$366,ROW(INDEX(Jesper!AI$2:AI$366,ROUNDDOWN($C6095/24,0)+1,1))-1)+IF('Standard Profiles'!$G$19=$B$10,7,0)+IF('Standard Profiles'!$G$19=$B$17,14,0)+IF('Standard Profiles'!$G$19=$B$24,21,0),MOD($C6095,24)+1)/SUM(INDEX($D$3:$AA$30,INDEX(Jesper!$R$2:$R$366,ROW(INDEX(Jesper!AI$2:AI$366,ROUNDDOWN($C6095/24,0)+1,1))-1)+IF('Standard Profiles'!$G$19=$B$10,7,0)+IF('Standard Profiles'!$G$19=$B$17,14,0)+IF('Standard Profiles'!$G$19=$B$24,21,0),0)),0)</f>
        <v>0</v>
      </c>
      <c r="F6095" cm="1">
        <f t="array" ref="F6095">IFERROR(INDEX(Jesper!AJ$2:AJ$366,ROUNDDOWN($C6095/24,0)+1,1)*INDEX($D$3:$AA$30,INDEX(Jesper!$R$2:$R$366,ROW(INDEX(Jesper!AJ$2:AJ$366,ROUNDDOWN($C6095/24,0)+1,1))-1)+IF('Standard Profiles'!$G$20=$B$10,7,0)+IF('Standard Profiles'!$G$20=$B$17,14,0)+IF('Standard Profiles'!$G$20=$B$24,21,0),MOD($C6095,24)+1)/SUM(INDEX($D$3:$AA$30,INDEX(Jesper!$R$2:$R$366,ROW(INDEX(Jesper!AJ$2:AJ$366,ROUNDDOWN($C6095/24,0)+1,1))-1)+IF('Standard Profiles'!$G$20=$B$10,7,0)+IF('Standard Profiles'!$G$20=$B$17,14,0)+IF('Standard Profiles'!$G$20=$B$24,21,0),0)),0)</f>
        <v>0</v>
      </c>
      <c r="G6095" cm="1">
        <f t="array" ref="G6095">IFERROR(INDEX(Jesper!AK$2:AK$366,ROUNDDOWN($C6095/24,0)+1,1)*INDEX($D$3:$AA$30,INDEX(Jesper!$R$2:$R$366,ROW(INDEX(Jesper!AK$2:AK$366,ROUNDDOWN($C6095/24,0)+1,1))-1)+IF('Standard Profiles'!$G$21=$B$10,7,0)+IF('Standard Profiles'!$G$21=$B$17,14,0)+IF('Standard Profiles'!$G$21=$B$24,21,0),MOD($C6095,24)+1)/SUM(INDEX($D$3:$AA$30,INDEX(Jesper!$R$2:$R$366,ROW(INDEX(Jesper!AK$2:AK$366,ROUNDDOWN($C6095/24,0)+1,1))-1)+IF('Standard Profiles'!$G$21=$B$10,7,0)+IF('Standard Profiles'!$G$21=$B$17,14,0)+IF('Standard Profiles'!$G$21=$B$24,21,0),0)),0)</f>
        <v>0</v>
      </c>
      <c r="H6095" cm="1">
        <f t="array" ref="H6095">IFERROR(INDEX(Jesper!AL$2:AL$366,ROUNDDOWN($C6095/24,0)+1,1)*INDEX($D$3:$AA$30,INDEX(Jesper!$R$2:$R$366,ROW(INDEX(Jesper!AL$2:AL$366,ROUNDDOWN($C6095/24,0)+1,1))-1)+IF('Standard Profiles'!$G$22=$B$10,7,0)+IF('Standard Profiles'!$G$22=$B$17,14,0)+IF('Standard Profiles'!$G$22=$B$24,21,0),MOD($C6095,24)+1)/SUM(INDEX($D$3:$AA$30,INDEX(Jesper!$R$2:$R$366,ROW(INDEX(Jesper!AL$2:AL$366,ROUNDDOWN($C6095/24,0)+1,1))-1)+IF('Standard Profiles'!$G$22=$B$10,7,0)+IF('Standard Profiles'!$G$22=$B$17,14,0)+IF('Standard Profiles'!$G$22=$B$24,21,0),0)),0)</f>
        <v>0</v>
      </c>
      <c r="I6095">
        <f t="shared" si="678"/>
        <v>0.3162752413479496</v>
      </c>
      <c r="J6095">
        <f t="shared" si="679"/>
        <v>1.0542508044931653</v>
      </c>
      <c r="K6095">
        <f t="shared" si="680"/>
        <v>1.5813762067397479</v>
      </c>
      <c r="L6095">
        <f t="shared" si="681"/>
        <v>7.5906057923507895</v>
      </c>
      <c r="M6095">
        <f t="shared" si="682"/>
        <v>0</v>
      </c>
      <c r="N6095" s="46">
        <f t="shared" si="683"/>
        <v>45544.541666651967</v>
      </c>
    </row>
    <row r="6096" spans="2:14" x14ac:dyDescent="0.3">
      <c r="B6096">
        <f t="shared" si="677"/>
        <v>1</v>
      </c>
      <c r="C6096" s="16">
        <v>6062</v>
      </c>
      <c r="D6096" cm="1">
        <f t="array" ref="D6096">IFERROR(INDEX(Jesper!AH$2:AH$366,ROUNDDOWN($C6096/24,0)+1,1)*INDEX($D$3:$AA$30,INDEX(Jesper!$R$2:$R$366,ROW(INDEX(Jesper!AH$2:AH$366,ROUNDDOWN($C6096/24,0)+1,1))-1)+IF('Standard Profiles'!$G$18=$B$10,7,0)+IF('Standard Profiles'!$G$18=$B$17,14,0)+IF('Standard Profiles'!$G$18=$B$24,21,0),MOD($C6096,24)+1)/SUM(INDEX($D$3:$AA$30,INDEX(Jesper!$R$2:$R$366,ROW(INDEX(Jesper!AH$2:AH$366,ROUNDDOWN($C6096/24,0)+1,1))-1)+IF('Standard Profiles'!$G$18=$B$10,7,0)+IF('Standard Profiles'!$G$18=$B$17,14,0)+IF('Standard Profiles'!$G$18=$B$24,21,0),0)),0)</f>
        <v>15.913219690462872</v>
      </c>
      <c r="E6096" cm="1">
        <f t="array" ref="E6096">IFERROR(INDEX(Jesper!AI$2:AI$366,ROUNDDOWN($C6096/24,0)+1,1)*INDEX($D$3:$AA$30,INDEX(Jesper!$R$2:$R$366,ROW(INDEX(Jesper!AI$2:AI$366,ROUNDDOWN($C6096/24,0)+1,1))-1)+IF('Standard Profiles'!$G$19=$B$10,7,0)+IF('Standard Profiles'!$G$19=$B$17,14,0)+IF('Standard Profiles'!$G$19=$B$24,21,0),MOD($C6096,24)+1)/SUM(INDEX($D$3:$AA$30,INDEX(Jesper!$R$2:$R$366,ROW(INDEX(Jesper!AI$2:AI$366,ROUNDDOWN($C6096/24,0)+1,1))-1)+IF('Standard Profiles'!$G$19=$B$10,7,0)+IF('Standard Profiles'!$G$19=$B$17,14,0)+IF('Standard Profiles'!$G$19=$B$24,21,0),0)),0)</f>
        <v>0</v>
      </c>
      <c r="F6096" cm="1">
        <f t="array" ref="F6096">IFERROR(INDEX(Jesper!AJ$2:AJ$366,ROUNDDOWN($C6096/24,0)+1,1)*INDEX($D$3:$AA$30,INDEX(Jesper!$R$2:$R$366,ROW(INDEX(Jesper!AJ$2:AJ$366,ROUNDDOWN($C6096/24,0)+1,1))-1)+IF('Standard Profiles'!$G$20=$B$10,7,0)+IF('Standard Profiles'!$G$20=$B$17,14,0)+IF('Standard Profiles'!$G$20=$B$24,21,0),MOD($C6096,24)+1)/SUM(INDEX($D$3:$AA$30,INDEX(Jesper!$R$2:$R$366,ROW(INDEX(Jesper!AJ$2:AJ$366,ROUNDDOWN($C6096/24,0)+1,1))-1)+IF('Standard Profiles'!$G$20=$B$10,7,0)+IF('Standard Profiles'!$G$20=$B$17,14,0)+IF('Standard Profiles'!$G$20=$B$24,21,0),0)),0)</f>
        <v>0</v>
      </c>
      <c r="G6096" cm="1">
        <f t="array" ref="G6096">IFERROR(INDEX(Jesper!AK$2:AK$366,ROUNDDOWN($C6096/24,0)+1,1)*INDEX($D$3:$AA$30,INDEX(Jesper!$R$2:$R$366,ROW(INDEX(Jesper!AK$2:AK$366,ROUNDDOWN($C6096/24,0)+1,1))-1)+IF('Standard Profiles'!$G$21=$B$10,7,0)+IF('Standard Profiles'!$G$21=$B$17,14,0)+IF('Standard Profiles'!$G$21=$B$24,21,0),MOD($C6096,24)+1)/SUM(INDEX($D$3:$AA$30,INDEX(Jesper!$R$2:$R$366,ROW(INDEX(Jesper!AK$2:AK$366,ROUNDDOWN($C6096/24,0)+1,1))-1)+IF('Standard Profiles'!$G$21=$B$10,7,0)+IF('Standard Profiles'!$G$21=$B$17,14,0)+IF('Standard Profiles'!$G$21=$B$24,21,0),0)),0)</f>
        <v>0</v>
      </c>
      <c r="H6096" cm="1">
        <f t="array" ref="H6096">IFERROR(INDEX(Jesper!AL$2:AL$366,ROUNDDOWN($C6096/24,0)+1,1)*INDEX($D$3:$AA$30,INDEX(Jesper!$R$2:$R$366,ROW(INDEX(Jesper!AL$2:AL$366,ROUNDDOWN($C6096/24,0)+1,1))-1)+IF('Standard Profiles'!$G$22=$B$10,7,0)+IF('Standard Profiles'!$G$22=$B$17,14,0)+IF('Standard Profiles'!$G$22=$B$24,21,0),MOD($C6096,24)+1)/SUM(INDEX($D$3:$AA$30,INDEX(Jesper!$R$2:$R$366,ROW(INDEX(Jesper!AL$2:AL$366,ROUNDDOWN($C6096/24,0)+1,1))-1)+IF('Standard Profiles'!$G$22=$B$10,7,0)+IF('Standard Profiles'!$G$22=$B$17,14,0)+IF('Standard Profiles'!$G$22=$B$24,21,0),0)),0)</f>
        <v>0</v>
      </c>
      <c r="I6096">
        <f t="shared" si="678"/>
        <v>0.47739659071388618</v>
      </c>
      <c r="J6096">
        <f t="shared" si="679"/>
        <v>1.5913219690462874</v>
      </c>
      <c r="K6096">
        <f t="shared" si="680"/>
        <v>2.3869829535694307</v>
      </c>
      <c r="L6096">
        <f t="shared" si="681"/>
        <v>11.457518177133268</v>
      </c>
      <c r="M6096">
        <f t="shared" si="682"/>
        <v>0</v>
      </c>
      <c r="N6096" s="46">
        <f t="shared" si="683"/>
        <v>45544.583333318631</v>
      </c>
    </row>
    <row r="6097" spans="2:14" x14ac:dyDescent="0.3">
      <c r="B6097">
        <f t="shared" si="677"/>
        <v>1</v>
      </c>
      <c r="C6097" s="16">
        <v>6063</v>
      </c>
      <c r="D6097" cm="1">
        <f t="array" ref="D6097">IFERROR(INDEX(Jesper!AH$2:AH$366,ROUNDDOWN($C6097/24,0)+1,1)*INDEX($D$3:$AA$30,INDEX(Jesper!$R$2:$R$366,ROW(INDEX(Jesper!AH$2:AH$366,ROUNDDOWN($C6097/24,0)+1,1))-1)+IF('Standard Profiles'!$G$18=$B$10,7,0)+IF('Standard Profiles'!$G$18=$B$17,14,0)+IF('Standard Profiles'!$G$18=$B$24,21,0),MOD($C6097,24)+1)/SUM(INDEX($D$3:$AA$30,INDEX(Jesper!$R$2:$R$366,ROW(INDEX(Jesper!AH$2:AH$366,ROUNDDOWN($C6097/24,0)+1,1))-1)+IF('Standard Profiles'!$G$18=$B$10,7,0)+IF('Standard Profiles'!$G$18=$B$17,14,0)+IF('Standard Profiles'!$G$18=$B$24,21,0),0)),0)</f>
        <v>15.913219690462872</v>
      </c>
      <c r="E6097" cm="1">
        <f t="array" ref="E6097">IFERROR(INDEX(Jesper!AI$2:AI$366,ROUNDDOWN($C6097/24,0)+1,1)*INDEX($D$3:$AA$30,INDEX(Jesper!$R$2:$R$366,ROW(INDEX(Jesper!AI$2:AI$366,ROUNDDOWN($C6097/24,0)+1,1))-1)+IF('Standard Profiles'!$G$19=$B$10,7,0)+IF('Standard Profiles'!$G$19=$B$17,14,0)+IF('Standard Profiles'!$G$19=$B$24,21,0),MOD($C6097,24)+1)/SUM(INDEX($D$3:$AA$30,INDEX(Jesper!$R$2:$R$366,ROW(INDEX(Jesper!AI$2:AI$366,ROUNDDOWN($C6097/24,0)+1,1))-1)+IF('Standard Profiles'!$G$19=$B$10,7,0)+IF('Standard Profiles'!$G$19=$B$17,14,0)+IF('Standard Profiles'!$G$19=$B$24,21,0),0)),0)</f>
        <v>0</v>
      </c>
      <c r="F6097" cm="1">
        <f t="array" ref="F6097">IFERROR(INDEX(Jesper!AJ$2:AJ$366,ROUNDDOWN($C6097/24,0)+1,1)*INDEX($D$3:$AA$30,INDEX(Jesper!$R$2:$R$366,ROW(INDEX(Jesper!AJ$2:AJ$366,ROUNDDOWN($C6097/24,0)+1,1))-1)+IF('Standard Profiles'!$G$20=$B$10,7,0)+IF('Standard Profiles'!$G$20=$B$17,14,0)+IF('Standard Profiles'!$G$20=$B$24,21,0),MOD($C6097,24)+1)/SUM(INDEX($D$3:$AA$30,INDEX(Jesper!$R$2:$R$366,ROW(INDEX(Jesper!AJ$2:AJ$366,ROUNDDOWN($C6097/24,0)+1,1))-1)+IF('Standard Profiles'!$G$20=$B$10,7,0)+IF('Standard Profiles'!$G$20=$B$17,14,0)+IF('Standard Profiles'!$G$20=$B$24,21,0),0)),0)</f>
        <v>0</v>
      </c>
      <c r="G6097" cm="1">
        <f t="array" ref="G6097">IFERROR(INDEX(Jesper!AK$2:AK$366,ROUNDDOWN($C6097/24,0)+1,1)*INDEX($D$3:$AA$30,INDEX(Jesper!$R$2:$R$366,ROW(INDEX(Jesper!AK$2:AK$366,ROUNDDOWN($C6097/24,0)+1,1))-1)+IF('Standard Profiles'!$G$21=$B$10,7,0)+IF('Standard Profiles'!$G$21=$B$17,14,0)+IF('Standard Profiles'!$G$21=$B$24,21,0),MOD($C6097,24)+1)/SUM(INDEX($D$3:$AA$30,INDEX(Jesper!$R$2:$R$366,ROW(INDEX(Jesper!AK$2:AK$366,ROUNDDOWN($C6097/24,0)+1,1))-1)+IF('Standard Profiles'!$G$21=$B$10,7,0)+IF('Standard Profiles'!$G$21=$B$17,14,0)+IF('Standard Profiles'!$G$21=$B$24,21,0),0)),0)</f>
        <v>0</v>
      </c>
      <c r="H6097" cm="1">
        <f t="array" ref="H6097">IFERROR(INDEX(Jesper!AL$2:AL$366,ROUNDDOWN($C6097/24,0)+1,1)*INDEX($D$3:$AA$30,INDEX(Jesper!$R$2:$R$366,ROW(INDEX(Jesper!AL$2:AL$366,ROUNDDOWN($C6097/24,0)+1,1))-1)+IF('Standard Profiles'!$G$22=$B$10,7,0)+IF('Standard Profiles'!$G$22=$B$17,14,0)+IF('Standard Profiles'!$G$22=$B$24,21,0),MOD($C6097,24)+1)/SUM(INDEX($D$3:$AA$30,INDEX(Jesper!$R$2:$R$366,ROW(INDEX(Jesper!AL$2:AL$366,ROUNDDOWN($C6097/24,0)+1,1))-1)+IF('Standard Profiles'!$G$22=$B$10,7,0)+IF('Standard Profiles'!$G$22=$B$17,14,0)+IF('Standard Profiles'!$G$22=$B$24,21,0),0)),0)</f>
        <v>0</v>
      </c>
      <c r="I6097">
        <f t="shared" si="678"/>
        <v>0.47739659071388618</v>
      </c>
      <c r="J6097">
        <f t="shared" si="679"/>
        <v>1.5913219690462874</v>
      </c>
      <c r="K6097">
        <f t="shared" si="680"/>
        <v>2.3869829535694307</v>
      </c>
      <c r="L6097">
        <f t="shared" si="681"/>
        <v>11.457518177133268</v>
      </c>
      <c r="M6097">
        <f t="shared" si="682"/>
        <v>0</v>
      </c>
      <c r="N6097" s="46">
        <f t="shared" si="683"/>
        <v>45544.624999985295</v>
      </c>
    </row>
    <row r="6098" spans="2:14" x14ac:dyDescent="0.3">
      <c r="B6098">
        <f t="shared" si="677"/>
        <v>1</v>
      </c>
      <c r="C6098" s="16">
        <v>6064</v>
      </c>
      <c r="D6098" cm="1">
        <f t="array" ref="D6098">IFERROR(INDEX(Jesper!AH$2:AH$366,ROUNDDOWN($C6098/24,0)+1,1)*INDEX($D$3:$AA$30,INDEX(Jesper!$R$2:$R$366,ROW(INDEX(Jesper!AH$2:AH$366,ROUNDDOWN($C6098/24,0)+1,1))-1)+IF('Standard Profiles'!$G$18=$B$10,7,0)+IF('Standard Profiles'!$G$18=$B$17,14,0)+IF('Standard Profiles'!$G$18=$B$24,21,0),MOD($C6098,24)+1)/SUM(INDEX($D$3:$AA$30,INDEX(Jesper!$R$2:$R$366,ROW(INDEX(Jesper!AH$2:AH$366,ROUNDDOWN($C6098/24,0)+1,1))-1)+IF('Standard Profiles'!$G$18=$B$10,7,0)+IF('Standard Profiles'!$G$18=$B$17,14,0)+IF('Standard Profiles'!$G$18=$B$24,21,0),0)),0)</f>
        <v>15.913219690462872</v>
      </c>
      <c r="E6098" cm="1">
        <f t="array" ref="E6098">IFERROR(INDEX(Jesper!AI$2:AI$366,ROUNDDOWN($C6098/24,0)+1,1)*INDEX($D$3:$AA$30,INDEX(Jesper!$R$2:$R$366,ROW(INDEX(Jesper!AI$2:AI$366,ROUNDDOWN($C6098/24,0)+1,1))-1)+IF('Standard Profiles'!$G$19=$B$10,7,0)+IF('Standard Profiles'!$G$19=$B$17,14,0)+IF('Standard Profiles'!$G$19=$B$24,21,0),MOD($C6098,24)+1)/SUM(INDEX($D$3:$AA$30,INDEX(Jesper!$R$2:$R$366,ROW(INDEX(Jesper!AI$2:AI$366,ROUNDDOWN($C6098/24,0)+1,1))-1)+IF('Standard Profiles'!$G$19=$B$10,7,0)+IF('Standard Profiles'!$G$19=$B$17,14,0)+IF('Standard Profiles'!$G$19=$B$24,21,0),0)),0)</f>
        <v>0</v>
      </c>
      <c r="F6098" cm="1">
        <f t="array" ref="F6098">IFERROR(INDEX(Jesper!AJ$2:AJ$366,ROUNDDOWN($C6098/24,0)+1,1)*INDEX($D$3:$AA$30,INDEX(Jesper!$R$2:$R$366,ROW(INDEX(Jesper!AJ$2:AJ$366,ROUNDDOWN($C6098/24,0)+1,1))-1)+IF('Standard Profiles'!$G$20=$B$10,7,0)+IF('Standard Profiles'!$G$20=$B$17,14,0)+IF('Standard Profiles'!$G$20=$B$24,21,0),MOD($C6098,24)+1)/SUM(INDEX($D$3:$AA$30,INDEX(Jesper!$R$2:$R$366,ROW(INDEX(Jesper!AJ$2:AJ$366,ROUNDDOWN($C6098/24,0)+1,1))-1)+IF('Standard Profiles'!$G$20=$B$10,7,0)+IF('Standard Profiles'!$G$20=$B$17,14,0)+IF('Standard Profiles'!$G$20=$B$24,21,0),0)),0)</f>
        <v>0</v>
      </c>
      <c r="G6098" cm="1">
        <f t="array" ref="G6098">IFERROR(INDEX(Jesper!AK$2:AK$366,ROUNDDOWN($C6098/24,0)+1,1)*INDEX($D$3:$AA$30,INDEX(Jesper!$R$2:$R$366,ROW(INDEX(Jesper!AK$2:AK$366,ROUNDDOWN($C6098/24,0)+1,1))-1)+IF('Standard Profiles'!$G$21=$B$10,7,0)+IF('Standard Profiles'!$G$21=$B$17,14,0)+IF('Standard Profiles'!$G$21=$B$24,21,0),MOD($C6098,24)+1)/SUM(INDEX($D$3:$AA$30,INDEX(Jesper!$R$2:$R$366,ROW(INDEX(Jesper!AK$2:AK$366,ROUNDDOWN($C6098/24,0)+1,1))-1)+IF('Standard Profiles'!$G$21=$B$10,7,0)+IF('Standard Profiles'!$G$21=$B$17,14,0)+IF('Standard Profiles'!$G$21=$B$24,21,0),0)),0)</f>
        <v>0</v>
      </c>
      <c r="H6098" cm="1">
        <f t="array" ref="H6098">IFERROR(INDEX(Jesper!AL$2:AL$366,ROUNDDOWN($C6098/24,0)+1,1)*INDEX($D$3:$AA$30,INDEX(Jesper!$R$2:$R$366,ROW(INDEX(Jesper!AL$2:AL$366,ROUNDDOWN($C6098/24,0)+1,1))-1)+IF('Standard Profiles'!$G$22=$B$10,7,0)+IF('Standard Profiles'!$G$22=$B$17,14,0)+IF('Standard Profiles'!$G$22=$B$24,21,0),MOD($C6098,24)+1)/SUM(INDEX($D$3:$AA$30,INDEX(Jesper!$R$2:$R$366,ROW(INDEX(Jesper!AL$2:AL$366,ROUNDDOWN($C6098/24,0)+1,1))-1)+IF('Standard Profiles'!$G$22=$B$10,7,0)+IF('Standard Profiles'!$G$22=$B$17,14,0)+IF('Standard Profiles'!$G$22=$B$24,21,0),0)),0)</f>
        <v>0</v>
      </c>
      <c r="I6098">
        <f t="shared" si="678"/>
        <v>0.47739659071388618</v>
      </c>
      <c r="J6098">
        <f t="shared" si="679"/>
        <v>1.5913219690462874</v>
      </c>
      <c r="K6098">
        <f t="shared" si="680"/>
        <v>2.3869829535694307</v>
      </c>
      <c r="L6098">
        <f t="shared" si="681"/>
        <v>11.457518177133268</v>
      </c>
      <c r="M6098">
        <f t="shared" si="682"/>
        <v>0</v>
      </c>
      <c r="N6098" s="46">
        <f t="shared" si="683"/>
        <v>45544.66666665196</v>
      </c>
    </row>
    <row r="6099" spans="2:14" x14ac:dyDescent="0.3">
      <c r="B6099">
        <f t="shared" si="677"/>
        <v>1</v>
      </c>
      <c r="C6099" s="16">
        <v>6065</v>
      </c>
      <c r="D6099" cm="1">
        <f t="array" ref="D6099">IFERROR(INDEX(Jesper!AH$2:AH$366,ROUNDDOWN($C6099/24,0)+1,1)*INDEX($D$3:$AA$30,INDEX(Jesper!$R$2:$R$366,ROW(INDEX(Jesper!AH$2:AH$366,ROUNDDOWN($C6099/24,0)+1,1))-1)+IF('Standard Profiles'!$G$18=$B$10,7,0)+IF('Standard Profiles'!$G$18=$B$17,14,0)+IF('Standard Profiles'!$G$18=$B$24,21,0),MOD($C6099,24)+1)/SUM(INDEX($D$3:$AA$30,INDEX(Jesper!$R$2:$R$366,ROW(INDEX(Jesper!AH$2:AH$366,ROUNDDOWN($C6099/24,0)+1,1))-1)+IF('Standard Profiles'!$G$18=$B$10,7,0)+IF('Standard Profiles'!$G$18=$B$17,14,0)+IF('Standard Profiles'!$G$18=$B$24,21,0),0)),0)</f>
        <v>15.913219690462872</v>
      </c>
      <c r="E6099" cm="1">
        <f t="array" ref="E6099">IFERROR(INDEX(Jesper!AI$2:AI$366,ROUNDDOWN($C6099/24,0)+1,1)*INDEX($D$3:$AA$30,INDEX(Jesper!$R$2:$R$366,ROW(INDEX(Jesper!AI$2:AI$366,ROUNDDOWN($C6099/24,0)+1,1))-1)+IF('Standard Profiles'!$G$19=$B$10,7,0)+IF('Standard Profiles'!$G$19=$B$17,14,0)+IF('Standard Profiles'!$G$19=$B$24,21,0),MOD($C6099,24)+1)/SUM(INDEX($D$3:$AA$30,INDEX(Jesper!$R$2:$R$366,ROW(INDEX(Jesper!AI$2:AI$366,ROUNDDOWN($C6099/24,0)+1,1))-1)+IF('Standard Profiles'!$G$19=$B$10,7,0)+IF('Standard Profiles'!$G$19=$B$17,14,0)+IF('Standard Profiles'!$G$19=$B$24,21,0),0)),0)</f>
        <v>0</v>
      </c>
      <c r="F6099" cm="1">
        <f t="array" ref="F6099">IFERROR(INDEX(Jesper!AJ$2:AJ$366,ROUNDDOWN($C6099/24,0)+1,1)*INDEX($D$3:$AA$30,INDEX(Jesper!$R$2:$R$366,ROW(INDEX(Jesper!AJ$2:AJ$366,ROUNDDOWN($C6099/24,0)+1,1))-1)+IF('Standard Profiles'!$G$20=$B$10,7,0)+IF('Standard Profiles'!$G$20=$B$17,14,0)+IF('Standard Profiles'!$G$20=$B$24,21,0),MOD($C6099,24)+1)/SUM(INDEX($D$3:$AA$30,INDEX(Jesper!$R$2:$R$366,ROW(INDEX(Jesper!AJ$2:AJ$366,ROUNDDOWN($C6099/24,0)+1,1))-1)+IF('Standard Profiles'!$G$20=$B$10,7,0)+IF('Standard Profiles'!$G$20=$B$17,14,0)+IF('Standard Profiles'!$G$20=$B$24,21,0),0)),0)</f>
        <v>0</v>
      </c>
      <c r="G6099" cm="1">
        <f t="array" ref="G6099">IFERROR(INDEX(Jesper!AK$2:AK$366,ROUNDDOWN($C6099/24,0)+1,1)*INDEX($D$3:$AA$30,INDEX(Jesper!$R$2:$R$366,ROW(INDEX(Jesper!AK$2:AK$366,ROUNDDOWN($C6099/24,0)+1,1))-1)+IF('Standard Profiles'!$G$21=$B$10,7,0)+IF('Standard Profiles'!$G$21=$B$17,14,0)+IF('Standard Profiles'!$G$21=$B$24,21,0),MOD($C6099,24)+1)/SUM(INDEX($D$3:$AA$30,INDEX(Jesper!$R$2:$R$366,ROW(INDEX(Jesper!AK$2:AK$366,ROUNDDOWN($C6099/24,0)+1,1))-1)+IF('Standard Profiles'!$G$21=$B$10,7,0)+IF('Standard Profiles'!$G$21=$B$17,14,0)+IF('Standard Profiles'!$G$21=$B$24,21,0),0)),0)</f>
        <v>0</v>
      </c>
      <c r="H6099" cm="1">
        <f t="array" ref="H6099">IFERROR(INDEX(Jesper!AL$2:AL$366,ROUNDDOWN($C6099/24,0)+1,1)*INDEX($D$3:$AA$30,INDEX(Jesper!$R$2:$R$366,ROW(INDEX(Jesper!AL$2:AL$366,ROUNDDOWN($C6099/24,0)+1,1))-1)+IF('Standard Profiles'!$G$22=$B$10,7,0)+IF('Standard Profiles'!$G$22=$B$17,14,0)+IF('Standard Profiles'!$G$22=$B$24,21,0),MOD($C6099,24)+1)/SUM(INDEX($D$3:$AA$30,INDEX(Jesper!$R$2:$R$366,ROW(INDEX(Jesper!AL$2:AL$366,ROUNDDOWN($C6099/24,0)+1,1))-1)+IF('Standard Profiles'!$G$22=$B$10,7,0)+IF('Standard Profiles'!$G$22=$B$17,14,0)+IF('Standard Profiles'!$G$22=$B$24,21,0),0)),0)</f>
        <v>0</v>
      </c>
      <c r="I6099">
        <f t="shared" si="678"/>
        <v>0.47739659071388618</v>
      </c>
      <c r="J6099">
        <f t="shared" si="679"/>
        <v>1.5913219690462874</v>
      </c>
      <c r="K6099">
        <f t="shared" si="680"/>
        <v>2.3869829535694307</v>
      </c>
      <c r="L6099">
        <f t="shared" si="681"/>
        <v>11.457518177133268</v>
      </c>
      <c r="M6099">
        <f t="shared" si="682"/>
        <v>0</v>
      </c>
      <c r="N6099" s="46">
        <f t="shared" si="683"/>
        <v>45544.708333318624</v>
      </c>
    </row>
    <row r="6100" spans="2:14" x14ac:dyDescent="0.3">
      <c r="B6100">
        <f t="shared" si="677"/>
        <v>1</v>
      </c>
      <c r="C6100" s="16">
        <v>6066</v>
      </c>
      <c r="D6100" cm="1">
        <f t="array" ref="D6100">IFERROR(INDEX(Jesper!AH$2:AH$366,ROUNDDOWN($C6100/24,0)+1,1)*INDEX($D$3:$AA$30,INDEX(Jesper!$R$2:$R$366,ROW(INDEX(Jesper!AH$2:AH$366,ROUNDDOWN($C6100/24,0)+1,1))-1)+IF('Standard Profiles'!$G$18=$B$10,7,0)+IF('Standard Profiles'!$G$18=$B$17,14,0)+IF('Standard Profiles'!$G$18=$B$24,21,0),MOD($C6100,24)+1)/SUM(INDEX($D$3:$AA$30,INDEX(Jesper!$R$2:$R$366,ROW(INDEX(Jesper!AH$2:AH$366,ROUNDDOWN($C6100/24,0)+1,1))-1)+IF('Standard Profiles'!$G$18=$B$10,7,0)+IF('Standard Profiles'!$G$18=$B$17,14,0)+IF('Standard Profiles'!$G$18=$B$24,21,0),0)),0)</f>
        <v>15.913219690462872</v>
      </c>
      <c r="E6100" cm="1">
        <f t="array" ref="E6100">IFERROR(INDEX(Jesper!AI$2:AI$366,ROUNDDOWN($C6100/24,0)+1,1)*INDEX($D$3:$AA$30,INDEX(Jesper!$R$2:$R$366,ROW(INDEX(Jesper!AI$2:AI$366,ROUNDDOWN($C6100/24,0)+1,1))-1)+IF('Standard Profiles'!$G$19=$B$10,7,0)+IF('Standard Profiles'!$G$19=$B$17,14,0)+IF('Standard Profiles'!$G$19=$B$24,21,0),MOD($C6100,24)+1)/SUM(INDEX($D$3:$AA$30,INDEX(Jesper!$R$2:$R$366,ROW(INDEX(Jesper!AI$2:AI$366,ROUNDDOWN($C6100/24,0)+1,1))-1)+IF('Standard Profiles'!$G$19=$B$10,7,0)+IF('Standard Profiles'!$G$19=$B$17,14,0)+IF('Standard Profiles'!$G$19=$B$24,21,0),0)),0)</f>
        <v>0</v>
      </c>
      <c r="F6100" cm="1">
        <f t="array" ref="F6100">IFERROR(INDEX(Jesper!AJ$2:AJ$366,ROUNDDOWN($C6100/24,0)+1,1)*INDEX($D$3:$AA$30,INDEX(Jesper!$R$2:$R$366,ROW(INDEX(Jesper!AJ$2:AJ$366,ROUNDDOWN($C6100/24,0)+1,1))-1)+IF('Standard Profiles'!$G$20=$B$10,7,0)+IF('Standard Profiles'!$G$20=$B$17,14,0)+IF('Standard Profiles'!$G$20=$B$24,21,0),MOD($C6100,24)+1)/SUM(INDEX($D$3:$AA$30,INDEX(Jesper!$R$2:$R$366,ROW(INDEX(Jesper!AJ$2:AJ$366,ROUNDDOWN($C6100/24,0)+1,1))-1)+IF('Standard Profiles'!$G$20=$B$10,7,0)+IF('Standard Profiles'!$G$20=$B$17,14,0)+IF('Standard Profiles'!$G$20=$B$24,21,0),0)),0)</f>
        <v>0</v>
      </c>
      <c r="G6100" cm="1">
        <f t="array" ref="G6100">IFERROR(INDEX(Jesper!AK$2:AK$366,ROUNDDOWN($C6100/24,0)+1,1)*INDEX($D$3:$AA$30,INDEX(Jesper!$R$2:$R$366,ROW(INDEX(Jesper!AK$2:AK$366,ROUNDDOWN($C6100/24,0)+1,1))-1)+IF('Standard Profiles'!$G$21=$B$10,7,0)+IF('Standard Profiles'!$G$21=$B$17,14,0)+IF('Standard Profiles'!$G$21=$B$24,21,0),MOD($C6100,24)+1)/SUM(INDEX($D$3:$AA$30,INDEX(Jesper!$R$2:$R$366,ROW(INDEX(Jesper!AK$2:AK$366,ROUNDDOWN($C6100/24,0)+1,1))-1)+IF('Standard Profiles'!$G$21=$B$10,7,0)+IF('Standard Profiles'!$G$21=$B$17,14,0)+IF('Standard Profiles'!$G$21=$B$24,21,0),0)),0)</f>
        <v>0</v>
      </c>
      <c r="H6100" cm="1">
        <f t="array" ref="H6100">IFERROR(INDEX(Jesper!AL$2:AL$366,ROUNDDOWN($C6100/24,0)+1,1)*INDEX($D$3:$AA$30,INDEX(Jesper!$R$2:$R$366,ROW(INDEX(Jesper!AL$2:AL$366,ROUNDDOWN($C6100/24,0)+1,1))-1)+IF('Standard Profiles'!$G$22=$B$10,7,0)+IF('Standard Profiles'!$G$22=$B$17,14,0)+IF('Standard Profiles'!$G$22=$B$24,21,0),MOD($C6100,24)+1)/SUM(INDEX($D$3:$AA$30,INDEX(Jesper!$R$2:$R$366,ROW(INDEX(Jesper!AL$2:AL$366,ROUNDDOWN($C6100/24,0)+1,1))-1)+IF('Standard Profiles'!$G$22=$B$10,7,0)+IF('Standard Profiles'!$G$22=$B$17,14,0)+IF('Standard Profiles'!$G$22=$B$24,21,0),0)),0)</f>
        <v>0</v>
      </c>
      <c r="I6100">
        <f t="shared" si="678"/>
        <v>0.47739659071388618</v>
      </c>
      <c r="J6100">
        <f t="shared" si="679"/>
        <v>1.5913219690462874</v>
      </c>
      <c r="K6100">
        <f t="shared" si="680"/>
        <v>2.3869829535694307</v>
      </c>
      <c r="L6100">
        <f t="shared" si="681"/>
        <v>11.457518177133268</v>
      </c>
      <c r="M6100">
        <f t="shared" si="682"/>
        <v>0</v>
      </c>
      <c r="N6100" s="46">
        <f t="shared" si="683"/>
        <v>45544.749999985288</v>
      </c>
    </row>
    <row r="6101" spans="2:14" x14ac:dyDescent="0.3">
      <c r="B6101">
        <f t="shared" si="677"/>
        <v>1</v>
      </c>
      <c r="C6101" s="16">
        <v>6067</v>
      </c>
      <c r="D6101" cm="1">
        <f t="array" ref="D6101">IFERROR(INDEX(Jesper!AH$2:AH$366,ROUNDDOWN($C6101/24,0)+1,1)*INDEX($D$3:$AA$30,INDEX(Jesper!$R$2:$R$366,ROW(INDEX(Jesper!AH$2:AH$366,ROUNDDOWN($C6101/24,0)+1,1))-1)+IF('Standard Profiles'!$G$18=$B$10,7,0)+IF('Standard Profiles'!$G$18=$B$17,14,0)+IF('Standard Profiles'!$G$18=$B$24,21,0),MOD($C6101,24)+1)/SUM(INDEX($D$3:$AA$30,INDEX(Jesper!$R$2:$R$366,ROW(INDEX(Jesper!AH$2:AH$366,ROUNDDOWN($C6101/24,0)+1,1))-1)+IF('Standard Profiles'!$G$18=$B$10,7,0)+IF('Standard Profiles'!$G$18=$B$17,14,0)+IF('Standard Profiles'!$G$18=$B$24,21,0),0)),0)</f>
        <v>13.327321490762655</v>
      </c>
      <c r="E6101" cm="1">
        <f t="array" ref="E6101">IFERROR(INDEX(Jesper!AI$2:AI$366,ROUNDDOWN($C6101/24,0)+1,1)*INDEX($D$3:$AA$30,INDEX(Jesper!$R$2:$R$366,ROW(INDEX(Jesper!AI$2:AI$366,ROUNDDOWN($C6101/24,0)+1,1))-1)+IF('Standard Profiles'!$G$19=$B$10,7,0)+IF('Standard Profiles'!$G$19=$B$17,14,0)+IF('Standard Profiles'!$G$19=$B$24,21,0),MOD($C6101,24)+1)/SUM(INDEX($D$3:$AA$30,INDEX(Jesper!$R$2:$R$366,ROW(INDEX(Jesper!AI$2:AI$366,ROUNDDOWN($C6101/24,0)+1,1))-1)+IF('Standard Profiles'!$G$19=$B$10,7,0)+IF('Standard Profiles'!$G$19=$B$17,14,0)+IF('Standard Profiles'!$G$19=$B$24,21,0),0)),0)</f>
        <v>0</v>
      </c>
      <c r="F6101" cm="1">
        <f t="array" ref="F6101">IFERROR(INDEX(Jesper!AJ$2:AJ$366,ROUNDDOWN($C6101/24,0)+1,1)*INDEX($D$3:$AA$30,INDEX(Jesper!$R$2:$R$366,ROW(INDEX(Jesper!AJ$2:AJ$366,ROUNDDOWN($C6101/24,0)+1,1))-1)+IF('Standard Profiles'!$G$20=$B$10,7,0)+IF('Standard Profiles'!$G$20=$B$17,14,0)+IF('Standard Profiles'!$G$20=$B$24,21,0),MOD($C6101,24)+1)/SUM(INDEX($D$3:$AA$30,INDEX(Jesper!$R$2:$R$366,ROW(INDEX(Jesper!AJ$2:AJ$366,ROUNDDOWN($C6101/24,0)+1,1))-1)+IF('Standard Profiles'!$G$20=$B$10,7,0)+IF('Standard Profiles'!$G$20=$B$17,14,0)+IF('Standard Profiles'!$G$20=$B$24,21,0),0)),0)</f>
        <v>0</v>
      </c>
      <c r="G6101" cm="1">
        <f t="array" ref="G6101">IFERROR(INDEX(Jesper!AK$2:AK$366,ROUNDDOWN($C6101/24,0)+1,1)*INDEX($D$3:$AA$30,INDEX(Jesper!$R$2:$R$366,ROW(INDEX(Jesper!AK$2:AK$366,ROUNDDOWN($C6101/24,0)+1,1))-1)+IF('Standard Profiles'!$G$21=$B$10,7,0)+IF('Standard Profiles'!$G$21=$B$17,14,0)+IF('Standard Profiles'!$G$21=$B$24,21,0),MOD($C6101,24)+1)/SUM(INDEX($D$3:$AA$30,INDEX(Jesper!$R$2:$R$366,ROW(INDEX(Jesper!AK$2:AK$366,ROUNDDOWN($C6101/24,0)+1,1))-1)+IF('Standard Profiles'!$G$21=$B$10,7,0)+IF('Standard Profiles'!$G$21=$B$17,14,0)+IF('Standard Profiles'!$G$21=$B$24,21,0),0)),0)</f>
        <v>0</v>
      </c>
      <c r="H6101" cm="1">
        <f t="array" ref="H6101">IFERROR(INDEX(Jesper!AL$2:AL$366,ROUNDDOWN($C6101/24,0)+1,1)*INDEX($D$3:$AA$30,INDEX(Jesper!$R$2:$R$366,ROW(INDEX(Jesper!AL$2:AL$366,ROUNDDOWN($C6101/24,0)+1,1))-1)+IF('Standard Profiles'!$G$22=$B$10,7,0)+IF('Standard Profiles'!$G$22=$B$17,14,0)+IF('Standard Profiles'!$G$22=$B$24,21,0),MOD($C6101,24)+1)/SUM(INDEX($D$3:$AA$30,INDEX(Jesper!$R$2:$R$366,ROW(INDEX(Jesper!AL$2:AL$366,ROUNDDOWN($C6101/24,0)+1,1))-1)+IF('Standard Profiles'!$G$22=$B$10,7,0)+IF('Standard Profiles'!$G$22=$B$17,14,0)+IF('Standard Profiles'!$G$22=$B$24,21,0),0)),0)</f>
        <v>0</v>
      </c>
      <c r="I6101">
        <f t="shared" si="678"/>
        <v>0.39981964472287962</v>
      </c>
      <c r="J6101">
        <f t="shared" si="679"/>
        <v>1.3327321490762656</v>
      </c>
      <c r="K6101">
        <f t="shared" si="680"/>
        <v>1.9990982236143982</v>
      </c>
      <c r="L6101">
        <f t="shared" si="681"/>
        <v>9.5956714733491104</v>
      </c>
      <c r="M6101">
        <f t="shared" si="682"/>
        <v>0</v>
      </c>
      <c r="N6101" s="46">
        <f t="shared" si="683"/>
        <v>45544.791666651952</v>
      </c>
    </row>
    <row r="6102" spans="2:14" x14ac:dyDescent="0.3">
      <c r="B6102">
        <f t="shared" si="677"/>
        <v>1</v>
      </c>
      <c r="C6102" s="16">
        <v>6068</v>
      </c>
      <c r="D6102" cm="1">
        <f t="array" ref="D6102">IFERROR(INDEX(Jesper!AH$2:AH$366,ROUNDDOWN($C6102/24,0)+1,1)*INDEX($D$3:$AA$30,INDEX(Jesper!$R$2:$R$366,ROW(INDEX(Jesper!AH$2:AH$366,ROUNDDOWN($C6102/24,0)+1,1))-1)+IF('Standard Profiles'!$G$18=$B$10,7,0)+IF('Standard Profiles'!$G$18=$B$17,14,0)+IF('Standard Profiles'!$G$18=$B$24,21,0),MOD($C6102,24)+1)/SUM(INDEX($D$3:$AA$30,INDEX(Jesper!$R$2:$R$366,ROW(INDEX(Jesper!AH$2:AH$366,ROUNDDOWN($C6102/24,0)+1,1))-1)+IF('Standard Profiles'!$G$18=$B$10,7,0)+IF('Standard Profiles'!$G$18=$B$17,14,0)+IF('Standard Profiles'!$G$18=$B$24,21,0),0)),0)</f>
        <v>10.940338537193224</v>
      </c>
      <c r="E6102" cm="1">
        <f t="array" ref="E6102">IFERROR(INDEX(Jesper!AI$2:AI$366,ROUNDDOWN($C6102/24,0)+1,1)*INDEX($D$3:$AA$30,INDEX(Jesper!$R$2:$R$366,ROW(INDEX(Jesper!AI$2:AI$366,ROUNDDOWN($C6102/24,0)+1,1))-1)+IF('Standard Profiles'!$G$19=$B$10,7,0)+IF('Standard Profiles'!$G$19=$B$17,14,0)+IF('Standard Profiles'!$G$19=$B$24,21,0),MOD($C6102,24)+1)/SUM(INDEX($D$3:$AA$30,INDEX(Jesper!$R$2:$R$366,ROW(INDEX(Jesper!AI$2:AI$366,ROUNDDOWN($C6102/24,0)+1,1))-1)+IF('Standard Profiles'!$G$19=$B$10,7,0)+IF('Standard Profiles'!$G$19=$B$17,14,0)+IF('Standard Profiles'!$G$19=$B$24,21,0),0)),0)</f>
        <v>0</v>
      </c>
      <c r="F6102" cm="1">
        <f t="array" ref="F6102">IFERROR(INDEX(Jesper!AJ$2:AJ$366,ROUNDDOWN($C6102/24,0)+1,1)*INDEX($D$3:$AA$30,INDEX(Jesper!$R$2:$R$366,ROW(INDEX(Jesper!AJ$2:AJ$366,ROUNDDOWN($C6102/24,0)+1,1))-1)+IF('Standard Profiles'!$G$20=$B$10,7,0)+IF('Standard Profiles'!$G$20=$B$17,14,0)+IF('Standard Profiles'!$G$20=$B$24,21,0),MOD($C6102,24)+1)/SUM(INDEX($D$3:$AA$30,INDEX(Jesper!$R$2:$R$366,ROW(INDEX(Jesper!AJ$2:AJ$366,ROUNDDOWN($C6102/24,0)+1,1))-1)+IF('Standard Profiles'!$G$20=$B$10,7,0)+IF('Standard Profiles'!$G$20=$B$17,14,0)+IF('Standard Profiles'!$G$20=$B$24,21,0),0)),0)</f>
        <v>0</v>
      </c>
      <c r="G6102" cm="1">
        <f t="array" ref="G6102">IFERROR(INDEX(Jesper!AK$2:AK$366,ROUNDDOWN($C6102/24,0)+1,1)*INDEX($D$3:$AA$30,INDEX(Jesper!$R$2:$R$366,ROW(INDEX(Jesper!AK$2:AK$366,ROUNDDOWN($C6102/24,0)+1,1))-1)+IF('Standard Profiles'!$G$21=$B$10,7,0)+IF('Standard Profiles'!$G$21=$B$17,14,0)+IF('Standard Profiles'!$G$21=$B$24,21,0),MOD($C6102,24)+1)/SUM(INDEX($D$3:$AA$30,INDEX(Jesper!$R$2:$R$366,ROW(INDEX(Jesper!AK$2:AK$366,ROUNDDOWN($C6102/24,0)+1,1))-1)+IF('Standard Profiles'!$G$21=$B$10,7,0)+IF('Standard Profiles'!$G$21=$B$17,14,0)+IF('Standard Profiles'!$G$21=$B$24,21,0),0)),0)</f>
        <v>0</v>
      </c>
      <c r="H6102" cm="1">
        <f t="array" ref="H6102">IFERROR(INDEX(Jesper!AL$2:AL$366,ROUNDDOWN($C6102/24,0)+1,1)*INDEX($D$3:$AA$30,INDEX(Jesper!$R$2:$R$366,ROW(INDEX(Jesper!AL$2:AL$366,ROUNDDOWN($C6102/24,0)+1,1))-1)+IF('Standard Profiles'!$G$22=$B$10,7,0)+IF('Standard Profiles'!$G$22=$B$17,14,0)+IF('Standard Profiles'!$G$22=$B$24,21,0),MOD($C6102,24)+1)/SUM(INDEX($D$3:$AA$30,INDEX(Jesper!$R$2:$R$366,ROW(INDEX(Jesper!AL$2:AL$366,ROUNDDOWN($C6102/24,0)+1,1))-1)+IF('Standard Profiles'!$G$22=$B$10,7,0)+IF('Standard Profiles'!$G$22=$B$17,14,0)+IF('Standard Profiles'!$G$22=$B$24,21,0),0)),0)</f>
        <v>0</v>
      </c>
      <c r="I6102">
        <f t="shared" si="678"/>
        <v>0.32821015611579668</v>
      </c>
      <c r="J6102">
        <f t="shared" si="679"/>
        <v>1.0940338537193224</v>
      </c>
      <c r="K6102">
        <f t="shared" si="680"/>
        <v>1.6410507805789836</v>
      </c>
      <c r="L6102">
        <f t="shared" si="681"/>
        <v>7.8770437467791208</v>
      </c>
      <c r="M6102">
        <f t="shared" si="682"/>
        <v>0</v>
      </c>
      <c r="N6102" s="46">
        <f t="shared" si="683"/>
        <v>45544.833333318616</v>
      </c>
    </row>
    <row r="6103" spans="2:14" x14ac:dyDescent="0.3">
      <c r="B6103">
        <f t="shared" si="677"/>
        <v>1</v>
      </c>
      <c r="C6103" s="16">
        <v>6069</v>
      </c>
      <c r="D6103" cm="1">
        <f t="array" ref="D6103">IFERROR(INDEX(Jesper!AH$2:AH$366,ROUNDDOWN($C6103/24,0)+1,1)*INDEX($D$3:$AA$30,INDEX(Jesper!$R$2:$R$366,ROW(INDEX(Jesper!AH$2:AH$366,ROUNDDOWN($C6103/24,0)+1,1))-1)+IF('Standard Profiles'!$G$18=$B$10,7,0)+IF('Standard Profiles'!$G$18=$B$17,14,0)+IF('Standard Profiles'!$G$18=$B$24,21,0),MOD($C6103,24)+1)/SUM(INDEX($D$3:$AA$30,INDEX(Jesper!$R$2:$R$366,ROW(INDEX(Jesper!AH$2:AH$366,ROUNDDOWN($C6103/24,0)+1,1))-1)+IF('Standard Profiles'!$G$18=$B$10,7,0)+IF('Standard Profiles'!$G$18=$B$17,14,0)+IF('Standard Profiles'!$G$18=$B$24,21,0),0)),0)</f>
        <v>7.9566098452314362</v>
      </c>
      <c r="E6103" cm="1">
        <f t="array" ref="E6103">IFERROR(INDEX(Jesper!AI$2:AI$366,ROUNDDOWN($C6103/24,0)+1,1)*INDEX($D$3:$AA$30,INDEX(Jesper!$R$2:$R$366,ROW(INDEX(Jesper!AI$2:AI$366,ROUNDDOWN($C6103/24,0)+1,1))-1)+IF('Standard Profiles'!$G$19=$B$10,7,0)+IF('Standard Profiles'!$G$19=$B$17,14,0)+IF('Standard Profiles'!$G$19=$B$24,21,0),MOD($C6103,24)+1)/SUM(INDEX($D$3:$AA$30,INDEX(Jesper!$R$2:$R$366,ROW(INDEX(Jesper!AI$2:AI$366,ROUNDDOWN($C6103/24,0)+1,1))-1)+IF('Standard Profiles'!$G$19=$B$10,7,0)+IF('Standard Profiles'!$G$19=$B$17,14,0)+IF('Standard Profiles'!$G$19=$B$24,21,0),0)),0)</f>
        <v>0</v>
      </c>
      <c r="F6103" cm="1">
        <f t="array" ref="F6103">IFERROR(INDEX(Jesper!AJ$2:AJ$366,ROUNDDOWN($C6103/24,0)+1,1)*INDEX($D$3:$AA$30,INDEX(Jesper!$R$2:$R$366,ROW(INDEX(Jesper!AJ$2:AJ$366,ROUNDDOWN($C6103/24,0)+1,1))-1)+IF('Standard Profiles'!$G$20=$B$10,7,0)+IF('Standard Profiles'!$G$20=$B$17,14,0)+IF('Standard Profiles'!$G$20=$B$24,21,0),MOD($C6103,24)+1)/SUM(INDEX($D$3:$AA$30,INDEX(Jesper!$R$2:$R$366,ROW(INDEX(Jesper!AJ$2:AJ$366,ROUNDDOWN($C6103/24,0)+1,1))-1)+IF('Standard Profiles'!$G$20=$B$10,7,0)+IF('Standard Profiles'!$G$20=$B$17,14,0)+IF('Standard Profiles'!$G$20=$B$24,21,0),0)),0)</f>
        <v>0</v>
      </c>
      <c r="G6103" cm="1">
        <f t="array" ref="G6103">IFERROR(INDEX(Jesper!AK$2:AK$366,ROUNDDOWN($C6103/24,0)+1,1)*INDEX($D$3:$AA$30,INDEX(Jesper!$R$2:$R$366,ROW(INDEX(Jesper!AK$2:AK$366,ROUNDDOWN($C6103/24,0)+1,1))-1)+IF('Standard Profiles'!$G$21=$B$10,7,0)+IF('Standard Profiles'!$G$21=$B$17,14,0)+IF('Standard Profiles'!$G$21=$B$24,21,0),MOD($C6103,24)+1)/SUM(INDEX($D$3:$AA$30,INDEX(Jesper!$R$2:$R$366,ROW(INDEX(Jesper!AK$2:AK$366,ROUNDDOWN($C6103/24,0)+1,1))-1)+IF('Standard Profiles'!$G$21=$B$10,7,0)+IF('Standard Profiles'!$G$21=$B$17,14,0)+IF('Standard Profiles'!$G$21=$B$24,21,0),0)),0)</f>
        <v>0</v>
      </c>
      <c r="H6103" cm="1">
        <f t="array" ref="H6103">IFERROR(INDEX(Jesper!AL$2:AL$366,ROUNDDOWN($C6103/24,0)+1,1)*INDEX($D$3:$AA$30,INDEX(Jesper!$R$2:$R$366,ROW(INDEX(Jesper!AL$2:AL$366,ROUNDDOWN($C6103/24,0)+1,1))-1)+IF('Standard Profiles'!$G$22=$B$10,7,0)+IF('Standard Profiles'!$G$22=$B$17,14,0)+IF('Standard Profiles'!$G$22=$B$24,21,0),MOD($C6103,24)+1)/SUM(INDEX($D$3:$AA$30,INDEX(Jesper!$R$2:$R$366,ROW(INDEX(Jesper!AL$2:AL$366,ROUNDDOWN($C6103/24,0)+1,1))-1)+IF('Standard Profiles'!$G$22=$B$10,7,0)+IF('Standard Profiles'!$G$22=$B$17,14,0)+IF('Standard Profiles'!$G$22=$B$24,21,0),0)),0)</f>
        <v>0</v>
      </c>
      <c r="I6103">
        <f t="shared" si="678"/>
        <v>0.23869829535694309</v>
      </c>
      <c r="J6103">
        <f t="shared" si="679"/>
        <v>0.79566098452314371</v>
      </c>
      <c r="K6103">
        <f t="shared" si="680"/>
        <v>1.1934914767847153</v>
      </c>
      <c r="L6103">
        <f t="shared" si="681"/>
        <v>5.7287590885666342</v>
      </c>
      <c r="M6103">
        <f t="shared" si="682"/>
        <v>0</v>
      </c>
      <c r="N6103" s="46">
        <f t="shared" si="683"/>
        <v>45544.874999985281</v>
      </c>
    </row>
    <row r="6104" spans="2:14" x14ac:dyDescent="0.3">
      <c r="B6104">
        <f t="shared" si="677"/>
        <v>1</v>
      </c>
      <c r="C6104" s="16">
        <v>6070</v>
      </c>
      <c r="D6104" cm="1">
        <f t="array" ref="D6104">IFERROR(INDEX(Jesper!AH$2:AH$366,ROUNDDOWN($C6104/24,0)+1,1)*INDEX($D$3:$AA$30,INDEX(Jesper!$R$2:$R$366,ROW(INDEX(Jesper!AH$2:AH$366,ROUNDDOWN($C6104/24,0)+1,1))-1)+IF('Standard Profiles'!$G$18=$B$10,7,0)+IF('Standard Profiles'!$G$18=$B$17,14,0)+IF('Standard Profiles'!$G$18=$B$24,21,0),MOD($C6104,24)+1)/SUM(INDEX($D$3:$AA$30,INDEX(Jesper!$R$2:$R$366,ROW(INDEX(Jesper!AH$2:AH$366,ROUNDDOWN($C6104/24,0)+1,1))-1)+IF('Standard Profiles'!$G$18=$B$10,7,0)+IF('Standard Profiles'!$G$18=$B$17,14,0)+IF('Standard Profiles'!$G$18=$B$24,21,0),0)),0)</f>
        <v>7.5587793529698644</v>
      </c>
      <c r="E6104" cm="1">
        <f t="array" ref="E6104">IFERROR(INDEX(Jesper!AI$2:AI$366,ROUNDDOWN($C6104/24,0)+1,1)*INDEX($D$3:$AA$30,INDEX(Jesper!$R$2:$R$366,ROW(INDEX(Jesper!AI$2:AI$366,ROUNDDOWN($C6104/24,0)+1,1))-1)+IF('Standard Profiles'!$G$19=$B$10,7,0)+IF('Standard Profiles'!$G$19=$B$17,14,0)+IF('Standard Profiles'!$G$19=$B$24,21,0),MOD($C6104,24)+1)/SUM(INDEX($D$3:$AA$30,INDEX(Jesper!$R$2:$R$366,ROW(INDEX(Jesper!AI$2:AI$366,ROUNDDOWN($C6104/24,0)+1,1))-1)+IF('Standard Profiles'!$G$19=$B$10,7,0)+IF('Standard Profiles'!$G$19=$B$17,14,0)+IF('Standard Profiles'!$G$19=$B$24,21,0),0)),0)</f>
        <v>0</v>
      </c>
      <c r="F6104" cm="1">
        <f t="array" ref="F6104">IFERROR(INDEX(Jesper!AJ$2:AJ$366,ROUNDDOWN($C6104/24,0)+1,1)*INDEX($D$3:$AA$30,INDEX(Jesper!$R$2:$R$366,ROW(INDEX(Jesper!AJ$2:AJ$366,ROUNDDOWN($C6104/24,0)+1,1))-1)+IF('Standard Profiles'!$G$20=$B$10,7,0)+IF('Standard Profiles'!$G$20=$B$17,14,0)+IF('Standard Profiles'!$G$20=$B$24,21,0),MOD($C6104,24)+1)/SUM(INDEX($D$3:$AA$30,INDEX(Jesper!$R$2:$R$366,ROW(INDEX(Jesper!AJ$2:AJ$366,ROUNDDOWN($C6104/24,0)+1,1))-1)+IF('Standard Profiles'!$G$20=$B$10,7,0)+IF('Standard Profiles'!$G$20=$B$17,14,0)+IF('Standard Profiles'!$G$20=$B$24,21,0),0)),0)</f>
        <v>0</v>
      </c>
      <c r="G6104" cm="1">
        <f t="array" ref="G6104">IFERROR(INDEX(Jesper!AK$2:AK$366,ROUNDDOWN($C6104/24,0)+1,1)*INDEX($D$3:$AA$30,INDEX(Jesper!$R$2:$R$366,ROW(INDEX(Jesper!AK$2:AK$366,ROUNDDOWN($C6104/24,0)+1,1))-1)+IF('Standard Profiles'!$G$21=$B$10,7,0)+IF('Standard Profiles'!$G$21=$B$17,14,0)+IF('Standard Profiles'!$G$21=$B$24,21,0),MOD($C6104,24)+1)/SUM(INDEX($D$3:$AA$30,INDEX(Jesper!$R$2:$R$366,ROW(INDEX(Jesper!AK$2:AK$366,ROUNDDOWN($C6104/24,0)+1,1))-1)+IF('Standard Profiles'!$G$21=$B$10,7,0)+IF('Standard Profiles'!$G$21=$B$17,14,0)+IF('Standard Profiles'!$G$21=$B$24,21,0),0)),0)</f>
        <v>0</v>
      </c>
      <c r="H6104" cm="1">
        <f t="array" ref="H6104">IFERROR(INDEX(Jesper!AL$2:AL$366,ROUNDDOWN($C6104/24,0)+1,1)*INDEX($D$3:$AA$30,INDEX(Jesper!$R$2:$R$366,ROW(INDEX(Jesper!AL$2:AL$366,ROUNDDOWN($C6104/24,0)+1,1))-1)+IF('Standard Profiles'!$G$22=$B$10,7,0)+IF('Standard Profiles'!$G$22=$B$17,14,0)+IF('Standard Profiles'!$G$22=$B$24,21,0),MOD($C6104,24)+1)/SUM(INDEX($D$3:$AA$30,INDEX(Jesper!$R$2:$R$366,ROW(INDEX(Jesper!AL$2:AL$366,ROUNDDOWN($C6104/24,0)+1,1))-1)+IF('Standard Profiles'!$G$22=$B$10,7,0)+IF('Standard Profiles'!$G$22=$B$17,14,0)+IF('Standard Profiles'!$G$22=$B$24,21,0),0)),0)</f>
        <v>0</v>
      </c>
      <c r="I6104">
        <f t="shared" si="678"/>
        <v>0.22676338058909593</v>
      </c>
      <c r="J6104">
        <f t="shared" si="679"/>
        <v>0.75587793529698644</v>
      </c>
      <c r="K6104">
        <f t="shared" si="680"/>
        <v>1.1338169029454797</v>
      </c>
      <c r="L6104">
        <f t="shared" si="681"/>
        <v>5.442321134138302</v>
      </c>
      <c r="M6104">
        <f t="shared" si="682"/>
        <v>0</v>
      </c>
      <c r="N6104" s="46">
        <f t="shared" si="683"/>
        <v>45544.916666651945</v>
      </c>
    </row>
    <row r="6105" spans="2:14" x14ac:dyDescent="0.3">
      <c r="B6105">
        <f t="shared" si="677"/>
        <v>1</v>
      </c>
      <c r="C6105" s="16">
        <v>6071</v>
      </c>
      <c r="D6105" cm="1">
        <f t="array" ref="D6105">IFERROR(INDEX(Jesper!AH$2:AH$366,ROUNDDOWN($C6105/24,0)+1,1)*INDEX($D$3:$AA$30,INDEX(Jesper!$R$2:$R$366,ROW(INDEX(Jesper!AH$2:AH$366,ROUNDDOWN($C6105/24,0)+1,1))-1)+IF('Standard Profiles'!$G$18=$B$10,7,0)+IF('Standard Profiles'!$G$18=$B$17,14,0)+IF('Standard Profiles'!$G$18=$B$24,21,0),MOD($C6105,24)+1)/SUM(INDEX($D$3:$AA$30,INDEX(Jesper!$R$2:$R$366,ROW(INDEX(Jesper!AH$2:AH$366,ROUNDDOWN($C6105/24,0)+1,1))-1)+IF('Standard Profiles'!$G$18=$B$10,7,0)+IF('Standard Profiles'!$G$18=$B$17,14,0)+IF('Standard Profiles'!$G$18=$B$24,21,0),0)),0)</f>
        <v>7.5587793529698644</v>
      </c>
      <c r="E6105" cm="1">
        <f t="array" ref="E6105">IFERROR(INDEX(Jesper!AI$2:AI$366,ROUNDDOWN($C6105/24,0)+1,1)*INDEX($D$3:$AA$30,INDEX(Jesper!$R$2:$R$366,ROW(INDEX(Jesper!AI$2:AI$366,ROUNDDOWN($C6105/24,0)+1,1))-1)+IF('Standard Profiles'!$G$19=$B$10,7,0)+IF('Standard Profiles'!$G$19=$B$17,14,0)+IF('Standard Profiles'!$G$19=$B$24,21,0),MOD($C6105,24)+1)/SUM(INDEX($D$3:$AA$30,INDEX(Jesper!$R$2:$R$366,ROW(INDEX(Jesper!AI$2:AI$366,ROUNDDOWN($C6105/24,0)+1,1))-1)+IF('Standard Profiles'!$G$19=$B$10,7,0)+IF('Standard Profiles'!$G$19=$B$17,14,0)+IF('Standard Profiles'!$G$19=$B$24,21,0),0)),0)</f>
        <v>0</v>
      </c>
      <c r="F6105" cm="1">
        <f t="array" ref="F6105">IFERROR(INDEX(Jesper!AJ$2:AJ$366,ROUNDDOWN($C6105/24,0)+1,1)*INDEX($D$3:$AA$30,INDEX(Jesper!$R$2:$R$366,ROW(INDEX(Jesper!AJ$2:AJ$366,ROUNDDOWN($C6105/24,0)+1,1))-1)+IF('Standard Profiles'!$G$20=$B$10,7,0)+IF('Standard Profiles'!$G$20=$B$17,14,0)+IF('Standard Profiles'!$G$20=$B$24,21,0),MOD($C6105,24)+1)/SUM(INDEX($D$3:$AA$30,INDEX(Jesper!$R$2:$R$366,ROW(INDEX(Jesper!AJ$2:AJ$366,ROUNDDOWN($C6105/24,0)+1,1))-1)+IF('Standard Profiles'!$G$20=$B$10,7,0)+IF('Standard Profiles'!$G$20=$B$17,14,0)+IF('Standard Profiles'!$G$20=$B$24,21,0),0)),0)</f>
        <v>0</v>
      </c>
      <c r="G6105" cm="1">
        <f t="array" ref="G6105">IFERROR(INDEX(Jesper!AK$2:AK$366,ROUNDDOWN($C6105/24,0)+1,1)*INDEX($D$3:$AA$30,INDEX(Jesper!$R$2:$R$366,ROW(INDEX(Jesper!AK$2:AK$366,ROUNDDOWN($C6105/24,0)+1,1))-1)+IF('Standard Profiles'!$G$21=$B$10,7,0)+IF('Standard Profiles'!$G$21=$B$17,14,0)+IF('Standard Profiles'!$G$21=$B$24,21,0),MOD($C6105,24)+1)/SUM(INDEX($D$3:$AA$30,INDEX(Jesper!$R$2:$R$366,ROW(INDEX(Jesper!AK$2:AK$366,ROUNDDOWN($C6105/24,0)+1,1))-1)+IF('Standard Profiles'!$G$21=$B$10,7,0)+IF('Standard Profiles'!$G$21=$B$17,14,0)+IF('Standard Profiles'!$G$21=$B$24,21,0),0)),0)</f>
        <v>0</v>
      </c>
      <c r="H6105" cm="1">
        <f t="array" ref="H6105">IFERROR(INDEX(Jesper!AL$2:AL$366,ROUNDDOWN($C6105/24,0)+1,1)*INDEX($D$3:$AA$30,INDEX(Jesper!$R$2:$R$366,ROW(INDEX(Jesper!AL$2:AL$366,ROUNDDOWN($C6105/24,0)+1,1))-1)+IF('Standard Profiles'!$G$22=$B$10,7,0)+IF('Standard Profiles'!$G$22=$B$17,14,0)+IF('Standard Profiles'!$G$22=$B$24,21,0),MOD($C6105,24)+1)/SUM(INDEX($D$3:$AA$30,INDEX(Jesper!$R$2:$R$366,ROW(INDEX(Jesper!AL$2:AL$366,ROUNDDOWN($C6105/24,0)+1,1))-1)+IF('Standard Profiles'!$G$22=$B$10,7,0)+IF('Standard Profiles'!$G$22=$B$17,14,0)+IF('Standard Profiles'!$G$22=$B$24,21,0),0)),0)</f>
        <v>0</v>
      </c>
      <c r="I6105">
        <f t="shared" si="678"/>
        <v>0.22676338058909593</v>
      </c>
      <c r="J6105">
        <f t="shared" si="679"/>
        <v>0.75587793529698644</v>
      </c>
      <c r="K6105">
        <f t="shared" si="680"/>
        <v>1.1338169029454797</v>
      </c>
      <c r="L6105">
        <f t="shared" si="681"/>
        <v>5.442321134138302</v>
      </c>
      <c r="M6105">
        <f t="shared" si="682"/>
        <v>0</v>
      </c>
      <c r="N6105" s="46">
        <f t="shared" si="683"/>
        <v>45544.958333318609</v>
      </c>
    </row>
    <row r="6106" spans="2:14" x14ac:dyDescent="0.3">
      <c r="B6106">
        <f t="shared" si="677"/>
        <v>2</v>
      </c>
      <c r="C6106" s="16">
        <v>6072</v>
      </c>
      <c r="D6106" cm="1">
        <f t="array" ref="D6106">IFERROR(INDEX(Jesper!AH$2:AH$366,ROUNDDOWN($C6106/24,0)+1,1)*INDEX($D$3:$AA$30,INDEX(Jesper!$R$2:$R$366,ROW(INDEX(Jesper!AH$2:AH$366,ROUNDDOWN($C6106/24,0)+1,1))-1)+IF('Standard Profiles'!$G$18=$B$10,7,0)+IF('Standard Profiles'!$G$18=$B$17,14,0)+IF('Standard Profiles'!$G$18=$B$24,21,0),MOD($C6106,24)+1)/SUM(INDEX($D$3:$AA$30,INDEX(Jesper!$R$2:$R$366,ROW(INDEX(Jesper!AH$2:AH$366,ROUNDDOWN($C6106/24,0)+1,1))-1)+IF('Standard Profiles'!$G$18=$B$10,7,0)+IF('Standard Profiles'!$G$18=$B$17,14,0)+IF('Standard Profiles'!$G$18=$B$24,21,0),0)),0)</f>
        <v>6.9709813592131464</v>
      </c>
      <c r="E6106" cm="1">
        <f t="array" ref="E6106">IFERROR(INDEX(Jesper!AI$2:AI$366,ROUNDDOWN($C6106/24,0)+1,1)*INDEX($D$3:$AA$30,INDEX(Jesper!$R$2:$R$366,ROW(INDEX(Jesper!AI$2:AI$366,ROUNDDOWN($C6106/24,0)+1,1))-1)+IF('Standard Profiles'!$G$19=$B$10,7,0)+IF('Standard Profiles'!$G$19=$B$17,14,0)+IF('Standard Profiles'!$G$19=$B$24,21,0),MOD($C6106,24)+1)/SUM(INDEX($D$3:$AA$30,INDEX(Jesper!$R$2:$R$366,ROW(INDEX(Jesper!AI$2:AI$366,ROUNDDOWN($C6106/24,0)+1,1))-1)+IF('Standard Profiles'!$G$19=$B$10,7,0)+IF('Standard Profiles'!$G$19=$B$17,14,0)+IF('Standard Profiles'!$G$19=$B$24,21,0),0)),0)</f>
        <v>0</v>
      </c>
      <c r="F6106" cm="1">
        <f t="array" ref="F6106">IFERROR(INDEX(Jesper!AJ$2:AJ$366,ROUNDDOWN($C6106/24,0)+1,1)*INDEX($D$3:$AA$30,INDEX(Jesper!$R$2:$R$366,ROW(INDEX(Jesper!AJ$2:AJ$366,ROUNDDOWN($C6106/24,0)+1,1))-1)+IF('Standard Profiles'!$G$20=$B$10,7,0)+IF('Standard Profiles'!$G$20=$B$17,14,0)+IF('Standard Profiles'!$G$20=$B$24,21,0),MOD($C6106,24)+1)/SUM(INDEX($D$3:$AA$30,INDEX(Jesper!$R$2:$R$366,ROW(INDEX(Jesper!AJ$2:AJ$366,ROUNDDOWN($C6106/24,0)+1,1))-1)+IF('Standard Profiles'!$G$20=$B$10,7,0)+IF('Standard Profiles'!$G$20=$B$17,14,0)+IF('Standard Profiles'!$G$20=$B$24,21,0),0)),0)</f>
        <v>0</v>
      </c>
      <c r="G6106" cm="1">
        <f t="array" ref="G6106">IFERROR(INDEX(Jesper!AK$2:AK$366,ROUNDDOWN($C6106/24,0)+1,1)*INDEX($D$3:$AA$30,INDEX(Jesper!$R$2:$R$366,ROW(INDEX(Jesper!AK$2:AK$366,ROUNDDOWN($C6106/24,0)+1,1))-1)+IF('Standard Profiles'!$G$21=$B$10,7,0)+IF('Standard Profiles'!$G$21=$B$17,14,0)+IF('Standard Profiles'!$G$21=$B$24,21,0),MOD($C6106,24)+1)/SUM(INDEX($D$3:$AA$30,INDEX(Jesper!$R$2:$R$366,ROW(INDEX(Jesper!AK$2:AK$366,ROUNDDOWN($C6106/24,0)+1,1))-1)+IF('Standard Profiles'!$G$21=$B$10,7,0)+IF('Standard Profiles'!$G$21=$B$17,14,0)+IF('Standard Profiles'!$G$21=$B$24,21,0),0)),0)</f>
        <v>0</v>
      </c>
      <c r="H6106" cm="1">
        <f t="array" ref="H6106">IFERROR(INDEX(Jesper!AL$2:AL$366,ROUNDDOWN($C6106/24,0)+1,1)*INDEX($D$3:$AA$30,INDEX(Jesper!$R$2:$R$366,ROW(INDEX(Jesper!AL$2:AL$366,ROUNDDOWN($C6106/24,0)+1,1))-1)+IF('Standard Profiles'!$G$22=$B$10,7,0)+IF('Standard Profiles'!$G$22=$B$17,14,0)+IF('Standard Profiles'!$G$22=$B$24,21,0),MOD($C6106,24)+1)/SUM(INDEX($D$3:$AA$30,INDEX(Jesper!$R$2:$R$366,ROW(INDEX(Jesper!AL$2:AL$366,ROUNDDOWN($C6106/24,0)+1,1))-1)+IF('Standard Profiles'!$G$22=$B$10,7,0)+IF('Standard Profiles'!$G$22=$B$17,14,0)+IF('Standard Profiles'!$G$22=$B$24,21,0),0)),0)</f>
        <v>0</v>
      </c>
      <c r="I6106">
        <f t="shared" si="678"/>
        <v>0.20912944077639439</v>
      </c>
      <c r="J6106">
        <f t="shared" si="679"/>
        <v>0.69709813592131464</v>
      </c>
      <c r="K6106">
        <f t="shared" si="680"/>
        <v>1.045647203881972</v>
      </c>
      <c r="L6106">
        <f t="shared" si="681"/>
        <v>5.0191065786334654</v>
      </c>
      <c r="M6106">
        <f t="shared" si="682"/>
        <v>0</v>
      </c>
      <c r="N6106" s="46">
        <f t="shared" si="683"/>
        <v>45544.999999985273</v>
      </c>
    </row>
    <row r="6107" spans="2:14" x14ac:dyDescent="0.3">
      <c r="B6107">
        <f t="shared" si="677"/>
        <v>2</v>
      </c>
      <c r="C6107" s="16">
        <v>6073</v>
      </c>
      <c r="D6107" cm="1">
        <f t="array" ref="D6107">IFERROR(INDEX(Jesper!AH$2:AH$366,ROUNDDOWN($C6107/24,0)+1,1)*INDEX($D$3:$AA$30,INDEX(Jesper!$R$2:$R$366,ROW(INDEX(Jesper!AH$2:AH$366,ROUNDDOWN($C6107/24,0)+1,1))-1)+IF('Standard Profiles'!$G$18=$B$10,7,0)+IF('Standard Profiles'!$G$18=$B$17,14,0)+IF('Standard Profiles'!$G$18=$B$24,21,0),MOD($C6107,24)+1)/SUM(INDEX($D$3:$AA$30,INDEX(Jesper!$R$2:$R$366,ROW(INDEX(Jesper!AH$2:AH$366,ROUNDDOWN($C6107/24,0)+1,1))-1)+IF('Standard Profiles'!$G$18=$B$10,7,0)+IF('Standard Profiles'!$G$18=$B$17,14,0)+IF('Standard Profiles'!$G$18=$B$24,21,0),0)),0)</f>
        <v>6.9709813592131464</v>
      </c>
      <c r="E6107" cm="1">
        <f t="array" ref="E6107">IFERROR(INDEX(Jesper!AI$2:AI$366,ROUNDDOWN($C6107/24,0)+1,1)*INDEX($D$3:$AA$30,INDEX(Jesper!$R$2:$R$366,ROW(INDEX(Jesper!AI$2:AI$366,ROUNDDOWN($C6107/24,0)+1,1))-1)+IF('Standard Profiles'!$G$19=$B$10,7,0)+IF('Standard Profiles'!$G$19=$B$17,14,0)+IF('Standard Profiles'!$G$19=$B$24,21,0),MOD($C6107,24)+1)/SUM(INDEX($D$3:$AA$30,INDEX(Jesper!$R$2:$R$366,ROW(INDEX(Jesper!AI$2:AI$366,ROUNDDOWN($C6107/24,0)+1,1))-1)+IF('Standard Profiles'!$G$19=$B$10,7,0)+IF('Standard Profiles'!$G$19=$B$17,14,0)+IF('Standard Profiles'!$G$19=$B$24,21,0),0)),0)</f>
        <v>0</v>
      </c>
      <c r="F6107" cm="1">
        <f t="array" ref="F6107">IFERROR(INDEX(Jesper!AJ$2:AJ$366,ROUNDDOWN($C6107/24,0)+1,1)*INDEX($D$3:$AA$30,INDEX(Jesper!$R$2:$R$366,ROW(INDEX(Jesper!AJ$2:AJ$366,ROUNDDOWN($C6107/24,0)+1,1))-1)+IF('Standard Profiles'!$G$20=$B$10,7,0)+IF('Standard Profiles'!$G$20=$B$17,14,0)+IF('Standard Profiles'!$G$20=$B$24,21,0),MOD($C6107,24)+1)/SUM(INDEX($D$3:$AA$30,INDEX(Jesper!$R$2:$R$366,ROW(INDEX(Jesper!AJ$2:AJ$366,ROUNDDOWN($C6107/24,0)+1,1))-1)+IF('Standard Profiles'!$G$20=$B$10,7,0)+IF('Standard Profiles'!$G$20=$B$17,14,0)+IF('Standard Profiles'!$G$20=$B$24,21,0),0)),0)</f>
        <v>0</v>
      </c>
      <c r="G6107" cm="1">
        <f t="array" ref="G6107">IFERROR(INDEX(Jesper!AK$2:AK$366,ROUNDDOWN($C6107/24,0)+1,1)*INDEX($D$3:$AA$30,INDEX(Jesper!$R$2:$R$366,ROW(INDEX(Jesper!AK$2:AK$366,ROUNDDOWN($C6107/24,0)+1,1))-1)+IF('Standard Profiles'!$G$21=$B$10,7,0)+IF('Standard Profiles'!$G$21=$B$17,14,0)+IF('Standard Profiles'!$G$21=$B$24,21,0),MOD($C6107,24)+1)/SUM(INDEX($D$3:$AA$30,INDEX(Jesper!$R$2:$R$366,ROW(INDEX(Jesper!AK$2:AK$366,ROUNDDOWN($C6107/24,0)+1,1))-1)+IF('Standard Profiles'!$G$21=$B$10,7,0)+IF('Standard Profiles'!$G$21=$B$17,14,0)+IF('Standard Profiles'!$G$21=$B$24,21,0),0)),0)</f>
        <v>0</v>
      </c>
      <c r="H6107" cm="1">
        <f t="array" ref="H6107">IFERROR(INDEX(Jesper!AL$2:AL$366,ROUNDDOWN($C6107/24,0)+1,1)*INDEX($D$3:$AA$30,INDEX(Jesper!$R$2:$R$366,ROW(INDEX(Jesper!AL$2:AL$366,ROUNDDOWN($C6107/24,0)+1,1))-1)+IF('Standard Profiles'!$G$22=$B$10,7,0)+IF('Standard Profiles'!$G$22=$B$17,14,0)+IF('Standard Profiles'!$G$22=$B$24,21,0),MOD($C6107,24)+1)/SUM(INDEX($D$3:$AA$30,INDEX(Jesper!$R$2:$R$366,ROW(INDEX(Jesper!AL$2:AL$366,ROUNDDOWN($C6107/24,0)+1,1))-1)+IF('Standard Profiles'!$G$22=$B$10,7,0)+IF('Standard Profiles'!$G$22=$B$17,14,0)+IF('Standard Profiles'!$G$22=$B$24,21,0),0)),0)</f>
        <v>0</v>
      </c>
      <c r="I6107">
        <f t="shared" si="678"/>
        <v>0.20912944077639439</v>
      </c>
      <c r="J6107">
        <f t="shared" si="679"/>
        <v>0.69709813592131464</v>
      </c>
      <c r="K6107">
        <f t="shared" si="680"/>
        <v>1.045647203881972</v>
      </c>
      <c r="L6107">
        <f t="shared" si="681"/>
        <v>5.0191065786334654</v>
      </c>
      <c r="M6107">
        <f t="shared" si="682"/>
        <v>0</v>
      </c>
      <c r="N6107" s="46">
        <f t="shared" si="683"/>
        <v>45545.041666651938</v>
      </c>
    </row>
    <row r="6108" spans="2:14" x14ac:dyDescent="0.3">
      <c r="B6108">
        <f t="shared" si="677"/>
        <v>2</v>
      </c>
      <c r="C6108" s="16">
        <v>6074</v>
      </c>
      <c r="D6108" cm="1">
        <f t="array" ref="D6108">IFERROR(INDEX(Jesper!AH$2:AH$366,ROUNDDOWN($C6108/24,0)+1,1)*INDEX($D$3:$AA$30,INDEX(Jesper!$R$2:$R$366,ROW(INDEX(Jesper!AH$2:AH$366,ROUNDDOWN($C6108/24,0)+1,1))-1)+IF('Standard Profiles'!$G$18=$B$10,7,0)+IF('Standard Profiles'!$G$18=$B$17,14,0)+IF('Standard Profiles'!$G$18=$B$24,21,0),MOD($C6108,24)+1)/SUM(INDEX($D$3:$AA$30,INDEX(Jesper!$R$2:$R$366,ROW(INDEX(Jesper!AH$2:AH$366,ROUNDDOWN($C6108/24,0)+1,1))-1)+IF('Standard Profiles'!$G$18=$B$10,7,0)+IF('Standard Profiles'!$G$18=$B$17,14,0)+IF('Standard Profiles'!$G$18=$B$24,21,0),0)),0)</f>
        <v>6.9709813592131464</v>
      </c>
      <c r="E6108" cm="1">
        <f t="array" ref="E6108">IFERROR(INDEX(Jesper!AI$2:AI$366,ROUNDDOWN($C6108/24,0)+1,1)*INDEX($D$3:$AA$30,INDEX(Jesper!$R$2:$R$366,ROW(INDEX(Jesper!AI$2:AI$366,ROUNDDOWN($C6108/24,0)+1,1))-1)+IF('Standard Profiles'!$G$19=$B$10,7,0)+IF('Standard Profiles'!$G$19=$B$17,14,0)+IF('Standard Profiles'!$G$19=$B$24,21,0),MOD($C6108,24)+1)/SUM(INDEX($D$3:$AA$30,INDEX(Jesper!$R$2:$R$366,ROW(INDEX(Jesper!AI$2:AI$366,ROUNDDOWN($C6108/24,0)+1,1))-1)+IF('Standard Profiles'!$G$19=$B$10,7,0)+IF('Standard Profiles'!$G$19=$B$17,14,0)+IF('Standard Profiles'!$G$19=$B$24,21,0),0)),0)</f>
        <v>0</v>
      </c>
      <c r="F6108" cm="1">
        <f t="array" ref="F6108">IFERROR(INDEX(Jesper!AJ$2:AJ$366,ROUNDDOWN($C6108/24,0)+1,1)*INDEX($D$3:$AA$30,INDEX(Jesper!$R$2:$R$366,ROW(INDEX(Jesper!AJ$2:AJ$366,ROUNDDOWN($C6108/24,0)+1,1))-1)+IF('Standard Profiles'!$G$20=$B$10,7,0)+IF('Standard Profiles'!$G$20=$B$17,14,0)+IF('Standard Profiles'!$G$20=$B$24,21,0),MOD($C6108,24)+1)/SUM(INDEX($D$3:$AA$30,INDEX(Jesper!$R$2:$R$366,ROW(INDEX(Jesper!AJ$2:AJ$366,ROUNDDOWN($C6108/24,0)+1,1))-1)+IF('Standard Profiles'!$G$20=$B$10,7,0)+IF('Standard Profiles'!$G$20=$B$17,14,0)+IF('Standard Profiles'!$G$20=$B$24,21,0),0)),0)</f>
        <v>0</v>
      </c>
      <c r="G6108" cm="1">
        <f t="array" ref="G6108">IFERROR(INDEX(Jesper!AK$2:AK$366,ROUNDDOWN($C6108/24,0)+1,1)*INDEX($D$3:$AA$30,INDEX(Jesper!$R$2:$R$366,ROW(INDEX(Jesper!AK$2:AK$366,ROUNDDOWN($C6108/24,0)+1,1))-1)+IF('Standard Profiles'!$G$21=$B$10,7,0)+IF('Standard Profiles'!$G$21=$B$17,14,0)+IF('Standard Profiles'!$G$21=$B$24,21,0),MOD($C6108,24)+1)/SUM(INDEX($D$3:$AA$30,INDEX(Jesper!$R$2:$R$366,ROW(INDEX(Jesper!AK$2:AK$366,ROUNDDOWN($C6108/24,0)+1,1))-1)+IF('Standard Profiles'!$G$21=$B$10,7,0)+IF('Standard Profiles'!$G$21=$B$17,14,0)+IF('Standard Profiles'!$G$21=$B$24,21,0),0)),0)</f>
        <v>0</v>
      </c>
      <c r="H6108" cm="1">
        <f t="array" ref="H6108">IFERROR(INDEX(Jesper!AL$2:AL$366,ROUNDDOWN($C6108/24,0)+1,1)*INDEX($D$3:$AA$30,INDEX(Jesper!$R$2:$R$366,ROW(INDEX(Jesper!AL$2:AL$366,ROUNDDOWN($C6108/24,0)+1,1))-1)+IF('Standard Profiles'!$G$22=$B$10,7,0)+IF('Standard Profiles'!$G$22=$B$17,14,0)+IF('Standard Profiles'!$G$22=$B$24,21,0),MOD($C6108,24)+1)/SUM(INDEX($D$3:$AA$30,INDEX(Jesper!$R$2:$R$366,ROW(INDEX(Jesper!AL$2:AL$366,ROUNDDOWN($C6108/24,0)+1,1))-1)+IF('Standard Profiles'!$G$22=$B$10,7,0)+IF('Standard Profiles'!$G$22=$B$17,14,0)+IF('Standard Profiles'!$G$22=$B$24,21,0),0)),0)</f>
        <v>0</v>
      </c>
      <c r="I6108">
        <f t="shared" si="678"/>
        <v>0.20912944077639439</v>
      </c>
      <c r="J6108">
        <f t="shared" si="679"/>
        <v>0.69709813592131464</v>
      </c>
      <c r="K6108">
        <f t="shared" si="680"/>
        <v>1.045647203881972</v>
      </c>
      <c r="L6108">
        <f t="shared" si="681"/>
        <v>5.0191065786334654</v>
      </c>
      <c r="M6108">
        <f t="shared" si="682"/>
        <v>0</v>
      </c>
      <c r="N6108" s="46">
        <f t="shared" si="683"/>
        <v>45545.083333318602</v>
      </c>
    </row>
    <row r="6109" spans="2:14" x14ac:dyDescent="0.3">
      <c r="B6109">
        <f t="shared" si="677"/>
        <v>2</v>
      </c>
      <c r="C6109" s="16">
        <v>6075</v>
      </c>
      <c r="D6109" cm="1">
        <f t="array" ref="D6109">IFERROR(INDEX(Jesper!AH$2:AH$366,ROUNDDOWN($C6109/24,0)+1,1)*INDEX($D$3:$AA$30,INDEX(Jesper!$R$2:$R$366,ROW(INDEX(Jesper!AH$2:AH$366,ROUNDDOWN($C6109/24,0)+1,1))-1)+IF('Standard Profiles'!$G$18=$B$10,7,0)+IF('Standard Profiles'!$G$18=$B$17,14,0)+IF('Standard Profiles'!$G$18=$B$24,21,0),MOD($C6109,24)+1)/SUM(INDEX($D$3:$AA$30,INDEX(Jesper!$R$2:$R$366,ROW(INDEX(Jesper!AH$2:AH$366,ROUNDDOWN($C6109/24,0)+1,1))-1)+IF('Standard Profiles'!$G$18=$B$10,7,0)+IF('Standard Profiles'!$G$18=$B$17,14,0)+IF('Standard Profiles'!$G$18=$B$24,21,0),0)),0)</f>
        <v>6.9709813592131464</v>
      </c>
      <c r="E6109" cm="1">
        <f t="array" ref="E6109">IFERROR(INDEX(Jesper!AI$2:AI$366,ROUNDDOWN($C6109/24,0)+1,1)*INDEX($D$3:$AA$30,INDEX(Jesper!$R$2:$R$366,ROW(INDEX(Jesper!AI$2:AI$366,ROUNDDOWN($C6109/24,0)+1,1))-1)+IF('Standard Profiles'!$G$19=$B$10,7,0)+IF('Standard Profiles'!$G$19=$B$17,14,0)+IF('Standard Profiles'!$G$19=$B$24,21,0),MOD($C6109,24)+1)/SUM(INDEX($D$3:$AA$30,INDEX(Jesper!$R$2:$R$366,ROW(INDEX(Jesper!AI$2:AI$366,ROUNDDOWN($C6109/24,0)+1,1))-1)+IF('Standard Profiles'!$G$19=$B$10,7,0)+IF('Standard Profiles'!$G$19=$B$17,14,0)+IF('Standard Profiles'!$G$19=$B$24,21,0),0)),0)</f>
        <v>0</v>
      </c>
      <c r="F6109" cm="1">
        <f t="array" ref="F6109">IFERROR(INDEX(Jesper!AJ$2:AJ$366,ROUNDDOWN($C6109/24,0)+1,1)*INDEX($D$3:$AA$30,INDEX(Jesper!$R$2:$R$366,ROW(INDEX(Jesper!AJ$2:AJ$366,ROUNDDOWN($C6109/24,0)+1,1))-1)+IF('Standard Profiles'!$G$20=$B$10,7,0)+IF('Standard Profiles'!$G$20=$B$17,14,0)+IF('Standard Profiles'!$G$20=$B$24,21,0),MOD($C6109,24)+1)/SUM(INDEX($D$3:$AA$30,INDEX(Jesper!$R$2:$R$366,ROW(INDEX(Jesper!AJ$2:AJ$366,ROUNDDOWN($C6109/24,0)+1,1))-1)+IF('Standard Profiles'!$G$20=$B$10,7,0)+IF('Standard Profiles'!$G$20=$B$17,14,0)+IF('Standard Profiles'!$G$20=$B$24,21,0),0)),0)</f>
        <v>0</v>
      </c>
      <c r="G6109" cm="1">
        <f t="array" ref="G6109">IFERROR(INDEX(Jesper!AK$2:AK$366,ROUNDDOWN($C6109/24,0)+1,1)*INDEX($D$3:$AA$30,INDEX(Jesper!$R$2:$R$366,ROW(INDEX(Jesper!AK$2:AK$366,ROUNDDOWN($C6109/24,0)+1,1))-1)+IF('Standard Profiles'!$G$21=$B$10,7,0)+IF('Standard Profiles'!$G$21=$B$17,14,0)+IF('Standard Profiles'!$G$21=$B$24,21,0),MOD($C6109,24)+1)/SUM(INDEX($D$3:$AA$30,INDEX(Jesper!$R$2:$R$366,ROW(INDEX(Jesper!AK$2:AK$366,ROUNDDOWN($C6109/24,0)+1,1))-1)+IF('Standard Profiles'!$G$21=$B$10,7,0)+IF('Standard Profiles'!$G$21=$B$17,14,0)+IF('Standard Profiles'!$G$21=$B$24,21,0),0)),0)</f>
        <v>0</v>
      </c>
      <c r="H6109" cm="1">
        <f t="array" ref="H6109">IFERROR(INDEX(Jesper!AL$2:AL$366,ROUNDDOWN($C6109/24,0)+1,1)*INDEX($D$3:$AA$30,INDEX(Jesper!$R$2:$R$366,ROW(INDEX(Jesper!AL$2:AL$366,ROUNDDOWN($C6109/24,0)+1,1))-1)+IF('Standard Profiles'!$G$22=$B$10,7,0)+IF('Standard Profiles'!$G$22=$B$17,14,0)+IF('Standard Profiles'!$G$22=$B$24,21,0),MOD($C6109,24)+1)/SUM(INDEX($D$3:$AA$30,INDEX(Jesper!$R$2:$R$366,ROW(INDEX(Jesper!AL$2:AL$366,ROUNDDOWN($C6109/24,0)+1,1))-1)+IF('Standard Profiles'!$G$22=$B$10,7,0)+IF('Standard Profiles'!$G$22=$B$17,14,0)+IF('Standard Profiles'!$G$22=$B$24,21,0),0)),0)</f>
        <v>0</v>
      </c>
      <c r="I6109">
        <f t="shared" si="678"/>
        <v>0.20912944077639439</v>
      </c>
      <c r="J6109">
        <f t="shared" si="679"/>
        <v>0.69709813592131464</v>
      </c>
      <c r="K6109">
        <f t="shared" si="680"/>
        <v>1.045647203881972</v>
      </c>
      <c r="L6109">
        <f t="shared" si="681"/>
        <v>5.0191065786334654</v>
      </c>
      <c r="M6109">
        <f t="shared" si="682"/>
        <v>0</v>
      </c>
      <c r="N6109" s="46">
        <f t="shared" si="683"/>
        <v>45545.124999985266</v>
      </c>
    </row>
    <row r="6110" spans="2:14" x14ac:dyDescent="0.3">
      <c r="B6110">
        <f t="shared" si="677"/>
        <v>2</v>
      </c>
      <c r="C6110" s="16">
        <v>6076</v>
      </c>
      <c r="D6110" cm="1">
        <f t="array" ref="D6110">IFERROR(INDEX(Jesper!AH$2:AH$366,ROUNDDOWN($C6110/24,0)+1,1)*INDEX($D$3:$AA$30,INDEX(Jesper!$R$2:$R$366,ROW(INDEX(Jesper!AH$2:AH$366,ROUNDDOWN($C6110/24,0)+1,1))-1)+IF('Standard Profiles'!$G$18=$B$10,7,0)+IF('Standard Profiles'!$G$18=$B$17,14,0)+IF('Standard Profiles'!$G$18=$B$24,21,0),MOD($C6110,24)+1)/SUM(INDEX($D$3:$AA$30,INDEX(Jesper!$R$2:$R$366,ROW(INDEX(Jesper!AH$2:AH$366,ROUNDDOWN($C6110/24,0)+1,1))-1)+IF('Standard Profiles'!$G$18=$B$10,7,0)+IF('Standard Profiles'!$G$18=$B$17,14,0)+IF('Standard Profiles'!$G$18=$B$24,21,0),0)),0)</f>
        <v>6.9709813592131464</v>
      </c>
      <c r="E6110" cm="1">
        <f t="array" ref="E6110">IFERROR(INDEX(Jesper!AI$2:AI$366,ROUNDDOWN($C6110/24,0)+1,1)*INDEX($D$3:$AA$30,INDEX(Jesper!$R$2:$R$366,ROW(INDEX(Jesper!AI$2:AI$366,ROUNDDOWN($C6110/24,0)+1,1))-1)+IF('Standard Profiles'!$G$19=$B$10,7,0)+IF('Standard Profiles'!$G$19=$B$17,14,0)+IF('Standard Profiles'!$G$19=$B$24,21,0),MOD($C6110,24)+1)/SUM(INDEX($D$3:$AA$30,INDEX(Jesper!$R$2:$R$366,ROW(INDEX(Jesper!AI$2:AI$366,ROUNDDOWN($C6110/24,0)+1,1))-1)+IF('Standard Profiles'!$G$19=$B$10,7,0)+IF('Standard Profiles'!$G$19=$B$17,14,0)+IF('Standard Profiles'!$G$19=$B$24,21,0),0)),0)</f>
        <v>0</v>
      </c>
      <c r="F6110" cm="1">
        <f t="array" ref="F6110">IFERROR(INDEX(Jesper!AJ$2:AJ$366,ROUNDDOWN($C6110/24,0)+1,1)*INDEX($D$3:$AA$30,INDEX(Jesper!$R$2:$R$366,ROW(INDEX(Jesper!AJ$2:AJ$366,ROUNDDOWN($C6110/24,0)+1,1))-1)+IF('Standard Profiles'!$G$20=$B$10,7,0)+IF('Standard Profiles'!$G$20=$B$17,14,0)+IF('Standard Profiles'!$G$20=$B$24,21,0),MOD($C6110,24)+1)/SUM(INDEX($D$3:$AA$30,INDEX(Jesper!$R$2:$R$366,ROW(INDEX(Jesper!AJ$2:AJ$366,ROUNDDOWN($C6110/24,0)+1,1))-1)+IF('Standard Profiles'!$G$20=$B$10,7,0)+IF('Standard Profiles'!$G$20=$B$17,14,0)+IF('Standard Profiles'!$G$20=$B$24,21,0),0)),0)</f>
        <v>0</v>
      </c>
      <c r="G6110" cm="1">
        <f t="array" ref="G6110">IFERROR(INDEX(Jesper!AK$2:AK$366,ROUNDDOWN($C6110/24,0)+1,1)*INDEX($D$3:$AA$30,INDEX(Jesper!$R$2:$R$366,ROW(INDEX(Jesper!AK$2:AK$366,ROUNDDOWN($C6110/24,0)+1,1))-1)+IF('Standard Profiles'!$G$21=$B$10,7,0)+IF('Standard Profiles'!$G$21=$B$17,14,0)+IF('Standard Profiles'!$G$21=$B$24,21,0),MOD($C6110,24)+1)/SUM(INDEX($D$3:$AA$30,INDEX(Jesper!$R$2:$R$366,ROW(INDEX(Jesper!AK$2:AK$366,ROUNDDOWN($C6110/24,0)+1,1))-1)+IF('Standard Profiles'!$G$21=$B$10,7,0)+IF('Standard Profiles'!$G$21=$B$17,14,0)+IF('Standard Profiles'!$G$21=$B$24,21,0),0)),0)</f>
        <v>0</v>
      </c>
      <c r="H6110" cm="1">
        <f t="array" ref="H6110">IFERROR(INDEX(Jesper!AL$2:AL$366,ROUNDDOWN($C6110/24,0)+1,1)*INDEX($D$3:$AA$30,INDEX(Jesper!$R$2:$R$366,ROW(INDEX(Jesper!AL$2:AL$366,ROUNDDOWN($C6110/24,0)+1,1))-1)+IF('Standard Profiles'!$G$22=$B$10,7,0)+IF('Standard Profiles'!$G$22=$B$17,14,0)+IF('Standard Profiles'!$G$22=$B$24,21,0),MOD($C6110,24)+1)/SUM(INDEX($D$3:$AA$30,INDEX(Jesper!$R$2:$R$366,ROW(INDEX(Jesper!AL$2:AL$366,ROUNDDOWN($C6110/24,0)+1,1))-1)+IF('Standard Profiles'!$G$22=$B$10,7,0)+IF('Standard Profiles'!$G$22=$B$17,14,0)+IF('Standard Profiles'!$G$22=$B$24,21,0),0)),0)</f>
        <v>0</v>
      </c>
      <c r="I6110">
        <f t="shared" si="678"/>
        <v>0.20912944077639439</v>
      </c>
      <c r="J6110">
        <f t="shared" si="679"/>
        <v>0.69709813592131464</v>
      </c>
      <c r="K6110">
        <f t="shared" si="680"/>
        <v>1.045647203881972</v>
      </c>
      <c r="L6110">
        <f t="shared" si="681"/>
        <v>5.0191065786334654</v>
      </c>
      <c r="M6110">
        <f t="shared" si="682"/>
        <v>0</v>
      </c>
      <c r="N6110" s="46">
        <f t="shared" si="683"/>
        <v>45545.16666665193</v>
      </c>
    </row>
    <row r="6111" spans="2:14" x14ac:dyDescent="0.3">
      <c r="B6111">
        <f t="shared" si="677"/>
        <v>2</v>
      </c>
      <c r="C6111" s="16">
        <v>6077</v>
      </c>
      <c r="D6111" cm="1">
        <f t="array" ref="D6111">IFERROR(INDEX(Jesper!AH$2:AH$366,ROUNDDOWN($C6111/24,0)+1,1)*INDEX($D$3:$AA$30,INDEX(Jesper!$R$2:$R$366,ROW(INDEX(Jesper!AH$2:AH$366,ROUNDDOWN($C6111/24,0)+1,1))-1)+IF('Standard Profiles'!$G$18=$B$10,7,0)+IF('Standard Profiles'!$G$18=$B$17,14,0)+IF('Standard Profiles'!$G$18=$B$24,21,0),MOD($C6111,24)+1)/SUM(INDEX($D$3:$AA$30,INDEX(Jesper!$R$2:$R$366,ROW(INDEX(Jesper!AH$2:AH$366,ROUNDDOWN($C6111/24,0)+1,1))-1)+IF('Standard Profiles'!$G$18=$B$10,7,0)+IF('Standard Profiles'!$G$18=$B$17,14,0)+IF('Standard Profiles'!$G$18=$B$24,21,0),0)),0)</f>
        <v>9.0622757669770895</v>
      </c>
      <c r="E6111" cm="1">
        <f t="array" ref="E6111">IFERROR(INDEX(Jesper!AI$2:AI$366,ROUNDDOWN($C6111/24,0)+1,1)*INDEX($D$3:$AA$30,INDEX(Jesper!$R$2:$R$366,ROW(INDEX(Jesper!AI$2:AI$366,ROUNDDOWN($C6111/24,0)+1,1))-1)+IF('Standard Profiles'!$G$19=$B$10,7,0)+IF('Standard Profiles'!$G$19=$B$17,14,0)+IF('Standard Profiles'!$G$19=$B$24,21,0),MOD($C6111,24)+1)/SUM(INDEX($D$3:$AA$30,INDEX(Jesper!$R$2:$R$366,ROW(INDEX(Jesper!AI$2:AI$366,ROUNDDOWN($C6111/24,0)+1,1))-1)+IF('Standard Profiles'!$G$19=$B$10,7,0)+IF('Standard Profiles'!$G$19=$B$17,14,0)+IF('Standard Profiles'!$G$19=$B$24,21,0),0)),0)</f>
        <v>0</v>
      </c>
      <c r="F6111" cm="1">
        <f t="array" ref="F6111">IFERROR(INDEX(Jesper!AJ$2:AJ$366,ROUNDDOWN($C6111/24,0)+1,1)*INDEX($D$3:$AA$30,INDEX(Jesper!$R$2:$R$366,ROW(INDEX(Jesper!AJ$2:AJ$366,ROUNDDOWN($C6111/24,0)+1,1))-1)+IF('Standard Profiles'!$G$20=$B$10,7,0)+IF('Standard Profiles'!$G$20=$B$17,14,0)+IF('Standard Profiles'!$G$20=$B$24,21,0),MOD($C6111,24)+1)/SUM(INDEX($D$3:$AA$30,INDEX(Jesper!$R$2:$R$366,ROW(INDEX(Jesper!AJ$2:AJ$366,ROUNDDOWN($C6111/24,0)+1,1))-1)+IF('Standard Profiles'!$G$20=$B$10,7,0)+IF('Standard Profiles'!$G$20=$B$17,14,0)+IF('Standard Profiles'!$G$20=$B$24,21,0),0)),0)</f>
        <v>0</v>
      </c>
      <c r="G6111" cm="1">
        <f t="array" ref="G6111">IFERROR(INDEX(Jesper!AK$2:AK$366,ROUNDDOWN($C6111/24,0)+1,1)*INDEX($D$3:$AA$30,INDEX(Jesper!$R$2:$R$366,ROW(INDEX(Jesper!AK$2:AK$366,ROUNDDOWN($C6111/24,0)+1,1))-1)+IF('Standard Profiles'!$G$21=$B$10,7,0)+IF('Standard Profiles'!$G$21=$B$17,14,0)+IF('Standard Profiles'!$G$21=$B$24,21,0),MOD($C6111,24)+1)/SUM(INDEX($D$3:$AA$30,INDEX(Jesper!$R$2:$R$366,ROW(INDEX(Jesper!AK$2:AK$366,ROUNDDOWN($C6111/24,0)+1,1))-1)+IF('Standard Profiles'!$G$21=$B$10,7,0)+IF('Standard Profiles'!$G$21=$B$17,14,0)+IF('Standard Profiles'!$G$21=$B$24,21,0),0)),0)</f>
        <v>0</v>
      </c>
      <c r="H6111" cm="1">
        <f t="array" ref="H6111">IFERROR(INDEX(Jesper!AL$2:AL$366,ROUNDDOWN($C6111/24,0)+1,1)*INDEX($D$3:$AA$30,INDEX(Jesper!$R$2:$R$366,ROW(INDEX(Jesper!AL$2:AL$366,ROUNDDOWN($C6111/24,0)+1,1))-1)+IF('Standard Profiles'!$G$22=$B$10,7,0)+IF('Standard Profiles'!$G$22=$B$17,14,0)+IF('Standard Profiles'!$G$22=$B$24,21,0),MOD($C6111,24)+1)/SUM(INDEX($D$3:$AA$30,INDEX(Jesper!$R$2:$R$366,ROW(INDEX(Jesper!AL$2:AL$366,ROUNDDOWN($C6111/24,0)+1,1))-1)+IF('Standard Profiles'!$G$22=$B$10,7,0)+IF('Standard Profiles'!$G$22=$B$17,14,0)+IF('Standard Profiles'!$G$22=$B$24,21,0),0)),0)</f>
        <v>0</v>
      </c>
      <c r="I6111">
        <f t="shared" si="678"/>
        <v>0.27186827300931266</v>
      </c>
      <c r="J6111">
        <f t="shared" si="679"/>
        <v>0.90622757669770904</v>
      </c>
      <c r="K6111">
        <f t="shared" si="680"/>
        <v>1.3593413650465633</v>
      </c>
      <c r="L6111">
        <f t="shared" si="681"/>
        <v>6.5248385522235042</v>
      </c>
      <c r="M6111">
        <f t="shared" si="682"/>
        <v>0</v>
      </c>
      <c r="N6111" s="46">
        <f t="shared" si="683"/>
        <v>45545.208333318595</v>
      </c>
    </row>
    <row r="6112" spans="2:14" x14ac:dyDescent="0.3">
      <c r="B6112">
        <f t="shared" si="677"/>
        <v>2</v>
      </c>
      <c r="C6112" s="16">
        <v>6078</v>
      </c>
      <c r="D6112" cm="1">
        <f t="array" ref="D6112">IFERROR(INDEX(Jesper!AH$2:AH$366,ROUNDDOWN($C6112/24,0)+1,1)*INDEX($D$3:$AA$30,INDEX(Jesper!$R$2:$R$366,ROW(INDEX(Jesper!AH$2:AH$366,ROUNDDOWN($C6112/24,0)+1,1))-1)+IF('Standard Profiles'!$G$18=$B$10,7,0)+IF('Standard Profiles'!$G$18=$B$17,14,0)+IF('Standard Profiles'!$G$18=$B$24,21,0),MOD($C6112,24)+1)/SUM(INDEX($D$3:$AA$30,INDEX(Jesper!$R$2:$R$366,ROW(INDEX(Jesper!AH$2:AH$366,ROUNDDOWN($C6112/24,0)+1,1))-1)+IF('Standard Profiles'!$G$18=$B$10,7,0)+IF('Standard Profiles'!$G$18=$B$17,14,0)+IF('Standard Profiles'!$G$18=$B$24,21,0),0)),0)</f>
        <v>10.107922970859063</v>
      </c>
      <c r="E6112" cm="1">
        <f t="array" ref="E6112">IFERROR(INDEX(Jesper!AI$2:AI$366,ROUNDDOWN($C6112/24,0)+1,1)*INDEX($D$3:$AA$30,INDEX(Jesper!$R$2:$R$366,ROW(INDEX(Jesper!AI$2:AI$366,ROUNDDOWN($C6112/24,0)+1,1))-1)+IF('Standard Profiles'!$G$19=$B$10,7,0)+IF('Standard Profiles'!$G$19=$B$17,14,0)+IF('Standard Profiles'!$G$19=$B$24,21,0),MOD($C6112,24)+1)/SUM(INDEX($D$3:$AA$30,INDEX(Jesper!$R$2:$R$366,ROW(INDEX(Jesper!AI$2:AI$366,ROUNDDOWN($C6112/24,0)+1,1))-1)+IF('Standard Profiles'!$G$19=$B$10,7,0)+IF('Standard Profiles'!$G$19=$B$17,14,0)+IF('Standard Profiles'!$G$19=$B$24,21,0),0)),0)</f>
        <v>0</v>
      </c>
      <c r="F6112" cm="1">
        <f t="array" ref="F6112">IFERROR(INDEX(Jesper!AJ$2:AJ$366,ROUNDDOWN($C6112/24,0)+1,1)*INDEX($D$3:$AA$30,INDEX(Jesper!$R$2:$R$366,ROW(INDEX(Jesper!AJ$2:AJ$366,ROUNDDOWN($C6112/24,0)+1,1))-1)+IF('Standard Profiles'!$G$20=$B$10,7,0)+IF('Standard Profiles'!$G$20=$B$17,14,0)+IF('Standard Profiles'!$G$20=$B$24,21,0),MOD($C6112,24)+1)/SUM(INDEX($D$3:$AA$30,INDEX(Jesper!$R$2:$R$366,ROW(INDEX(Jesper!AJ$2:AJ$366,ROUNDDOWN($C6112/24,0)+1,1))-1)+IF('Standard Profiles'!$G$20=$B$10,7,0)+IF('Standard Profiles'!$G$20=$B$17,14,0)+IF('Standard Profiles'!$G$20=$B$24,21,0),0)),0)</f>
        <v>0</v>
      </c>
      <c r="G6112" cm="1">
        <f t="array" ref="G6112">IFERROR(INDEX(Jesper!AK$2:AK$366,ROUNDDOWN($C6112/24,0)+1,1)*INDEX($D$3:$AA$30,INDEX(Jesper!$R$2:$R$366,ROW(INDEX(Jesper!AK$2:AK$366,ROUNDDOWN($C6112/24,0)+1,1))-1)+IF('Standard Profiles'!$G$21=$B$10,7,0)+IF('Standard Profiles'!$G$21=$B$17,14,0)+IF('Standard Profiles'!$G$21=$B$24,21,0),MOD($C6112,24)+1)/SUM(INDEX($D$3:$AA$30,INDEX(Jesper!$R$2:$R$366,ROW(INDEX(Jesper!AK$2:AK$366,ROUNDDOWN($C6112/24,0)+1,1))-1)+IF('Standard Profiles'!$G$21=$B$10,7,0)+IF('Standard Profiles'!$G$21=$B$17,14,0)+IF('Standard Profiles'!$G$21=$B$24,21,0),0)),0)</f>
        <v>0</v>
      </c>
      <c r="H6112" cm="1">
        <f t="array" ref="H6112">IFERROR(INDEX(Jesper!AL$2:AL$366,ROUNDDOWN($C6112/24,0)+1,1)*INDEX($D$3:$AA$30,INDEX(Jesper!$R$2:$R$366,ROW(INDEX(Jesper!AL$2:AL$366,ROUNDDOWN($C6112/24,0)+1,1))-1)+IF('Standard Profiles'!$G$22=$B$10,7,0)+IF('Standard Profiles'!$G$22=$B$17,14,0)+IF('Standard Profiles'!$G$22=$B$24,21,0),MOD($C6112,24)+1)/SUM(INDEX($D$3:$AA$30,INDEX(Jesper!$R$2:$R$366,ROW(INDEX(Jesper!AL$2:AL$366,ROUNDDOWN($C6112/24,0)+1,1))-1)+IF('Standard Profiles'!$G$22=$B$10,7,0)+IF('Standard Profiles'!$G$22=$B$17,14,0)+IF('Standard Profiles'!$G$22=$B$24,21,0),0)),0)</f>
        <v>0</v>
      </c>
      <c r="I6112">
        <f t="shared" si="678"/>
        <v>0.30323768912577187</v>
      </c>
      <c r="J6112">
        <f t="shared" si="679"/>
        <v>1.0107922970859062</v>
      </c>
      <c r="K6112">
        <f t="shared" si="680"/>
        <v>1.5161884456288595</v>
      </c>
      <c r="L6112">
        <f t="shared" si="681"/>
        <v>7.2777045390185249</v>
      </c>
      <c r="M6112">
        <f t="shared" si="682"/>
        <v>0</v>
      </c>
      <c r="N6112" s="46">
        <f t="shared" si="683"/>
        <v>45545.249999985259</v>
      </c>
    </row>
    <row r="6113" spans="2:14" x14ac:dyDescent="0.3">
      <c r="B6113">
        <f t="shared" si="677"/>
        <v>2</v>
      </c>
      <c r="C6113" s="16">
        <v>6079</v>
      </c>
      <c r="D6113" cm="1">
        <f t="array" ref="D6113">IFERROR(INDEX(Jesper!AH$2:AH$366,ROUNDDOWN($C6113/24,0)+1,1)*INDEX($D$3:$AA$30,INDEX(Jesper!$R$2:$R$366,ROW(INDEX(Jesper!AH$2:AH$366,ROUNDDOWN($C6113/24,0)+1,1))-1)+IF('Standard Profiles'!$G$18=$B$10,7,0)+IF('Standard Profiles'!$G$18=$B$17,14,0)+IF('Standard Profiles'!$G$18=$B$24,21,0),MOD($C6113,24)+1)/SUM(INDEX($D$3:$AA$30,INDEX(Jesper!$R$2:$R$366,ROW(INDEX(Jesper!AH$2:AH$366,ROUNDDOWN($C6113/24,0)+1,1))-1)+IF('Standard Profiles'!$G$18=$B$10,7,0)+IF('Standard Profiles'!$G$18=$B$17,14,0)+IF('Standard Profiles'!$G$18=$B$24,21,0),0)),0)</f>
        <v>10.456472038819721</v>
      </c>
      <c r="E6113" cm="1">
        <f t="array" ref="E6113">IFERROR(INDEX(Jesper!AI$2:AI$366,ROUNDDOWN($C6113/24,0)+1,1)*INDEX($D$3:$AA$30,INDEX(Jesper!$R$2:$R$366,ROW(INDEX(Jesper!AI$2:AI$366,ROUNDDOWN($C6113/24,0)+1,1))-1)+IF('Standard Profiles'!$G$19=$B$10,7,0)+IF('Standard Profiles'!$G$19=$B$17,14,0)+IF('Standard Profiles'!$G$19=$B$24,21,0),MOD($C6113,24)+1)/SUM(INDEX($D$3:$AA$30,INDEX(Jesper!$R$2:$R$366,ROW(INDEX(Jesper!AI$2:AI$366,ROUNDDOWN($C6113/24,0)+1,1))-1)+IF('Standard Profiles'!$G$19=$B$10,7,0)+IF('Standard Profiles'!$G$19=$B$17,14,0)+IF('Standard Profiles'!$G$19=$B$24,21,0),0)),0)</f>
        <v>0</v>
      </c>
      <c r="F6113" cm="1">
        <f t="array" ref="F6113">IFERROR(INDEX(Jesper!AJ$2:AJ$366,ROUNDDOWN($C6113/24,0)+1,1)*INDEX($D$3:$AA$30,INDEX(Jesper!$R$2:$R$366,ROW(INDEX(Jesper!AJ$2:AJ$366,ROUNDDOWN($C6113/24,0)+1,1))-1)+IF('Standard Profiles'!$G$20=$B$10,7,0)+IF('Standard Profiles'!$G$20=$B$17,14,0)+IF('Standard Profiles'!$G$20=$B$24,21,0),MOD($C6113,24)+1)/SUM(INDEX($D$3:$AA$30,INDEX(Jesper!$R$2:$R$366,ROW(INDEX(Jesper!AJ$2:AJ$366,ROUNDDOWN($C6113/24,0)+1,1))-1)+IF('Standard Profiles'!$G$20=$B$10,7,0)+IF('Standard Profiles'!$G$20=$B$17,14,0)+IF('Standard Profiles'!$G$20=$B$24,21,0),0)),0)</f>
        <v>0</v>
      </c>
      <c r="G6113" cm="1">
        <f t="array" ref="G6113">IFERROR(INDEX(Jesper!AK$2:AK$366,ROUNDDOWN($C6113/24,0)+1,1)*INDEX($D$3:$AA$30,INDEX(Jesper!$R$2:$R$366,ROW(INDEX(Jesper!AK$2:AK$366,ROUNDDOWN($C6113/24,0)+1,1))-1)+IF('Standard Profiles'!$G$21=$B$10,7,0)+IF('Standard Profiles'!$G$21=$B$17,14,0)+IF('Standard Profiles'!$G$21=$B$24,21,0),MOD($C6113,24)+1)/SUM(INDEX($D$3:$AA$30,INDEX(Jesper!$R$2:$R$366,ROW(INDEX(Jesper!AK$2:AK$366,ROUNDDOWN($C6113/24,0)+1,1))-1)+IF('Standard Profiles'!$G$21=$B$10,7,0)+IF('Standard Profiles'!$G$21=$B$17,14,0)+IF('Standard Profiles'!$G$21=$B$24,21,0),0)),0)</f>
        <v>0</v>
      </c>
      <c r="H6113" cm="1">
        <f t="array" ref="H6113">IFERROR(INDEX(Jesper!AL$2:AL$366,ROUNDDOWN($C6113/24,0)+1,1)*INDEX($D$3:$AA$30,INDEX(Jesper!$R$2:$R$366,ROW(INDEX(Jesper!AL$2:AL$366,ROUNDDOWN($C6113/24,0)+1,1))-1)+IF('Standard Profiles'!$G$22=$B$10,7,0)+IF('Standard Profiles'!$G$22=$B$17,14,0)+IF('Standard Profiles'!$G$22=$B$24,21,0),MOD($C6113,24)+1)/SUM(INDEX($D$3:$AA$30,INDEX(Jesper!$R$2:$R$366,ROW(INDEX(Jesper!AL$2:AL$366,ROUNDDOWN($C6113/24,0)+1,1))-1)+IF('Standard Profiles'!$G$22=$B$10,7,0)+IF('Standard Profiles'!$G$22=$B$17,14,0)+IF('Standard Profiles'!$G$22=$B$24,21,0),0)),0)</f>
        <v>0</v>
      </c>
      <c r="I6113">
        <f t="shared" si="678"/>
        <v>0.31369416116459159</v>
      </c>
      <c r="J6113">
        <f t="shared" si="679"/>
        <v>1.0456472038819722</v>
      </c>
      <c r="K6113">
        <f t="shared" si="680"/>
        <v>1.5684708058229579</v>
      </c>
      <c r="L6113">
        <f t="shared" si="681"/>
        <v>7.5286598679501981</v>
      </c>
      <c r="M6113">
        <f t="shared" si="682"/>
        <v>0</v>
      </c>
      <c r="N6113" s="46">
        <f t="shared" si="683"/>
        <v>45545.291666651923</v>
      </c>
    </row>
    <row r="6114" spans="2:14" x14ac:dyDescent="0.3">
      <c r="B6114">
        <f t="shared" si="677"/>
        <v>2</v>
      </c>
      <c r="C6114" s="16">
        <v>6080</v>
      </c>
      <c r="D6114" cm="1">
        <f t="array" ref="D6114">IFERROR(INDEX(Jesper!AH$2:AH$366,ROUNDDOWN($C6114/24,0)+1,1)*INDEX($D$3:$AA$30,INDEX(Jesper!$R$2:$R$366,ROW(INDEX(Jesper!AH$2:AH$366,ROUNDDOWN($C6114/24,0)+1,1))-1)+IF('Standard Profiles'!$G$18=$B$10,7,0)+IF('Standard Profiles'!$G$18=$B$17,14,0)+IF('Standard Profiles'!$G$18=$B$24,21,0),MOD($C6114,24)+1)/SUM(INDEX($D$3:$AA$30,INDEX(Jesper!$R$2:$R$366,ROW(INDEX(Jesper!AH$2:AH$366,ROUNDDOWN($C6114/24,0)+1,1))-1)+IF('Standard Profiles'!$G$18=$B$10,7,0)+IF('Standard Profiles'!$G$18=$B$17,14,0)+IF('Standard Profiles'!$G$18=$B$24,21,0),0)),0)</f>
        <v>10.456472038819721</v>
      </c>
      <c r="E6114" cm="1">
        <f t="array" ref="E6114">IFERROR(INDEX(Jesper!AI$2:AI$366,ROUNDDOWN($C6114/24,0)+1,1)*INDEX($D$3:$AA$30,INDEX(Jesper!$R$2:$R$366,ROW(INDEX(Jesper!AI$2:AI$366,ROUNDDOWN($C6114/24,0)+1,1))-1)+IF('Standard Profiles'!$G$19=$B$10,7,0)+IF('Standard Profiles'!$G$19=$B$17,14,0)+IF('Standard Profiles'!$G$19=$B$24,21,0),MOD($C6114,24)+1)/SUM(INDEX($D$3:$AA$30,INDEX(Jesper!$R$2:$R$366,ROW(INDEX(Jesper!AI$2:AI$366,ROUNDDOWN($C6114/24,0)+1,1))-1)+IF('Standard Profiles'!$G$19=$B$10,7,0)+IF('Standard Profiles'!$G$19=$B$17,14,0)+IF('Standard Profiles'!$G$19=$B$24,21,0),0)),0)</f>
        <v>0</v>
      </c>
      <c r="F6114" cm="1">
        <f t="array" ref="F6114">IFERROR(INDEX(Jesper!AJ$2:AJ$366,ROUNDDOWN($C6114/24,0)+1,1)*INDEX($D$3:$AA$30,INDEX(Jesper!$R$2:$R$366,ROW(INDEX(Jesper!AJ$2:AJ$366,ROUNDDOWN($C6114/24,0)+1,1))-1)+IF('Standard Profiles'!$G$20=$B$10,7,0)+IF('Standard Profiles'!$G$20=$B$17,14,0)+IF('Standard Profiles'!$G$20=$B$24,21,0),MOD($C6114,24)+1)/SUM(INDEX($D$3:$AA$30,INDEX(Jesper!$R$2:$R$366,ROW(INDEX(Jesper!AJ$2:AJ$366,ROUNDDOWN($C6114/24,0)+1,1))-1)+IF('Standard Profiles'!$G$20=$B$10,7,0)+IF('Standard Profiles'!$G$20=$B$17,14,0)+IF('Standard Profiles'!$G$20=$B$24,21,0),0)),0)</f>
        <v>0</v>
      </c>
      <c r="G6114" cm="1">
        <f t="array" ref="G6114">IFERROR(INDEX(Jesper!AK$2:AK$366,ROUNDDOWN($C6114/24,0)+1,1)*INDEX($D$3:$AA$30,INDEX(Jesper!$R$2:$R$366,ROW(INDEX(Jesper!AK$2:AK$366,ROUNDDOWN($C6114/24,0)+1,1))-1)+IF('Standard Profiles'!$G$21=$B$10,7,0)+IF('Standard Profiles'!$G$21=$B$17,14,0)+IF('Standard Profiles'!$G$21=$B$24,21,0),MOD($C6114,24)+1)/SUM(INDEX($D$3:$AA$30,INDEX(Jesper!$R$2:$R$366,ROW(INDEX(Jesper!AK$2:AK$366,ROUNDDOWN($C6114/24,0)+1,1))-1)+IF('Standard Profiles'!$G$21=$B$10,7,0)+IF('Standard Profiles'!$G$21=$B$17,14,0)+IF('Standard Profiles'!$G$21=$B$24,21,0),0)),0)</f>
        <v>0</v>
      </c>
      <c r="H6114" cm="1">
        <f t="array" ref="H6114">IFERROR(INDEX(Jesper!AL$2:AL$366,ROUNDDOWN($C6114/24,0)+1,1)*INDEX($D$3:$AA$30,INDEX(Jesper!$R$2:$R$366,ROW(INDEX(Jesper!AL$2:AL$366,ROUNDDOWN($C6114/24,0)+1,1))-1)+IF('Standard Profiles'!$G$22=$B$10,7,0)+IF('Standard Profiles'!$G$22=$B$17,14,0)+IF('Standard Profiles'!$G$22=$B$24,21,0),MOD($C6114,24)+1)/SUM(INDEX($D$3:$AA$30,INDEX(Jesper!$R$2:$R$366,ROW(INDEX(Jesper!AL$2:AL$366,ROUNDDOWN($C6114/24,0)+1,1))-1)+IF('Standard Profiles'!$G$22=$B$10,7,0)+IF('Standard Profiles'!$G$22=$B$17,14,0)+IF('Standard Profiles'!$G$22=$B$24,21,0),0)),0)</f>
        <v>0</v>
      </c>
      <c r="I6114">
        <f t="shared" si="678"/>
        <v>0.31369416116459159</v>
      </c>
      <c r="J6114">
        <f t="shared" si="679"/>
        <v>1.0456472038819722</v>
      </c>
      <c r="K6114">
        <f t="shared" si="680"/>
        <v>1.5684708058229579</v>
      </c>
      <c r="L6114">
        <f t="shared" si="681"/>
        <v>7.5286598679501981</v>
      </c>
      <c r="M6114">
        <f t="shared" si="682"/>
        <v>0</v>
      </c>
      <c r="N6114" s="46">
        <f t="shared" si="683"/>
        <v>45545.333333318587</v>
      </c>
    </row>
    <row r="6115" spans="2:14" x14ac:dyDescent="0.3">
      <c r="B6115">
        <f t="shared" ref="B6115:B6178" si="684">WEEKDAY(N6115,2)</f>
        <v>2</v>
      </c>
      <c r="C6115" s="16">
        <v>6081</v>
      </c>
      <c r="D6115" cm="1">
        <f t="array" ref="D6115">IFERROR(INDEX(Jesper!AH$2:AH$366,ROUNDDOWN($C6115/24,0)+1,1)*INDEX($D$3:$AA$30,INDEX(Jesper!$R$2:$R$366,ROW(INDEX(Jesper!AH$2:AH$366,ROUNDDOWN($C6115/24,0)+1,1))-1)+IF('Standard Profiles'!$G$18=$B$10,7,0)+IF('Standard Profiles'!$G$18=$B$17,14,0)+IF('Standard Profiles'!$G$18=$B$24,21,0),MOD($C6115,24)+1)/SUM(INDEX($D$3:$AA$30,INDEX(Jesper!$R$2:$R$366,ROW(INDEX(Jesper!AH$2:AH$366,ROUNDDOWN($C6115/24,0)+1,1))-1)+IF('Standard Profiles'!$G$18=$B$10,7,0)+IF('Standard Profiles'!$G$18=$B$17,14,0)+IF('Standard Profiles'!$G$18=$B$24,21,0),0)),0)</f>
        <v>11.327844708721363</v>
      </c>
      <c r="E6115" cm="1">
        <f t="array" ref="E6115">IFERROR(INDEX(Jesper!AI$2:AI$366,ROUNDDOWN($C6115/24,0)+1,1)*INDEX($D$3:$AA$30,INDEX(Jesper!$R$2:$R$366,ROW(INDEX(Jesper!AI$2:AI$366,ROUNDDOWN($C6115/24,0)+1,1))-1)+IF('Standard Profiles'!$G$19=$B$10,7,0)+IF('Standard Profiles'!$G$19=$B$17,14,0)+IF('Standard Profiles'!$G$19=$B$24,21,0),MOD($C6115,24)+1)/SUM(INDEX($D$3:$AA$30,INDEX(Jesper!$R$2:$R$366,ROW(INDEX(Jesper!AI$2:AI$366,ROUNDDOWN($C6115/24,0)+1,1))-1)+IF('Standard Profiles'!$G$19=$B$10,7,0)+IF('Standard Profiles'!$G$19=$B$17,14,0)+IF('Standard Profiles'!$G$19=$B$24,21,0),0)),0)</f>
        <v>0</v>
      </c>
      <c r="F6115" cm="1">
        <f t="array" ref="F6115">IFERROR(INDEX(Jesper!AJ$2:AJ$366,ROUNDDOWN($C6115/24,0)+1,1)*INDEX($D$3:$AA$30,INDEX(Jesper!$R$2:$R$366,ROW(INDEX(Jesper!AJ$2:AJ$366,ROUNDDOWN($C6115/24,0)+1,1))-1)+IF('Standard Profiles'!$G$20=$B$10,7,0)+IF('Standard Profiles'!$G$20=$B$17,14,0)+IF('Standard Profiles'!$G$20=$B$24,21,0),MOD($C6115,24)+1)/SUM(INDEX($D$3:$AA$30,INDEX(Jesper!$R$2:$R$366,ROW(INDEX(Jesper!AJ$2:AJ$366,ROUNDDOWN($C6115/24,0)+1,1))-1)+IF('Standard Profiles'!$G$20=$B$10,7,0)+IF('Standard Profiles'!$G$20=$B$17,14,0)+IF('Standard Profiles'!$G$20=$B$24,21,0),0)),0)</f>
        <v>0</v>
      </c>
      <c r="G6115" cm="1">
        <f t="array" ref="G6115">IFERROR(INDEX(Jesper!AK$2:AK$366,ROUNDDOWN($C6115/24,0)+1,1)*INDEX($D$3:$AA$30,INDEX(Jesper!$R$2:$R$366,ROW(INDEX(Jesper!AK$2:AK$366,ROUNDDOWN($C6115/24,0)+1,1))-1)+IF('Standard Profiles'!$G$21=$B$10,7,0)+IF('Standard Profiles'!$G$21=$B$17,14,0)+IF('Standard Profiles'!$G$21=$B$24,21,0),MOD($C6115,24)+1)/SUM(INDEX($D$3:$AA$30,INDEX(Jesper!$R$2:$R$366,ROW(INDEX(Jesper!AK$2:AK$366,ROUNDDOWN($C6115/24,0)+1,1))-1)+IF('Standard Profiles'!$G$21=$B$10,7,0)+IF('Standard Profiles'!$G$21=$B$17,14,0)+IF('Standard Profiles'!$G$21=$B$24,21,0),0)),0)</f>
        <v>0</v>
      </c>
      <c r="H6115" cm="1">
        <f t="array" ref="H6115">IFERROR(INDEX(Jesper!AL$2:AL$366,ROUNDDOWN($C6115/24,0)+1,1)*INDEX($D$3:$AA$30,INDEX(Jesper!$R$2:$R$366,ROW(INDEX(Jesper!AL$2:AL$366,ROUNDDOWN($C6115/24,0)+1,1))-1)+IF('Standard Profiles'!$G$22=$B$10,7,0)+IF('Standard Profiles'!$G$22=$B$17,14,0)+IF('Standard Profiles'!$G$22=$B$24,21,0),MOD($C6115,24)+1)/SUM(INDEX($D$3:$AA$30,INDEX(Jesper!$R$2:$R$366,ROW(INDEX(Jesper!AL$2:AL$366,ROUNDDOWN($C6115/24,0)+1,1))-1)+IF('Standard Profiles'!$G$22=$B$10,7,0)+IF('Standard Profiles'!$G$22=$B$17,14,0)+IF('Standard Profiles'!$G$22=$B$24,21,0),0)),0)</f>
        <v>0</v>
      </c>
      <c r="I6115">
        <f t="shared" ref="I6115:I6178" si="685">IF($B6115&lt;6,AC$37*$D6115+AC$38*$E6115+AC$39*$F6115+AC$40*$G6115,AC$46*$D6115+AC$47*$E6115+AC$48*$F6115+AC$49*$G6115+AC$50*$H6115)</f>
        <v>0.33983534126164089</v>
      </c>
      <c r="J6115">
        <f t="shared" ref="J6115:J6178" si="686">IF($B6115&lt;6,AD$37*$D6115+AD$38*$E6115+AD$39*$F6115+AD$40*$G6115,AD$46*$D6115+AD$47*$E6115+AD$48*$F6115+AD$49*$G6115+AD$50*$H6115)</f>
        <v>1.1327844708721364</v>
      </c>
      <c r="K6115">
        <f t="shared" ref="K6115:K6178" si="687">IF($B6115&lt;6,AE$37*$D6115+AE$38*$E6115+AE$39*$F6115+AE$40*$G6115,AE$46*$D6115+AE$47*$E6115+AE$48*$F6115+AE$49*$G6115+AE$50*$H6115)</f>
        <v>1.6991767063082044</v>
      </c>
      <c r="L6115">
        <f t="shared" ref="L6115:L6178" si="688">IF($B6115&lt;6,AF$37*$D6115+AF$38*$E6115+AF$39*$F6115+AF$40*$G6115,AF$46*$D6115+AF$47*$E6115+AF$48*$F6115+AF$49*$G6115+AF$50*$H6115)</f>
        <v>8.1560481902793818</v>
      </c>
      <c r="M6115">
        <f t="shared" ref="M6115:M6178" si="689">IF($B6115&lt;6,AG$37*$D6115+AG$38*$E6115+AG$39*$F6115+AG$40*$G6115,AG$46*$D6115+AG$47*$E6115+AG$48*$F6115+AG$49*$G6115+AG$50*$H6115)</f>
        <v>0</v>
      </c>
      <c r="N6115" s="46">
        <f t="shared" si="683"/>
        <v>45545.374999985252</v>
      </c>
    </row>
    <row r="6116" spans="2:14" x14ac:dyDescent="0.3">
      <c r="B6116">
        <f t="shared" si="684"/>
        <v>2</v>
      </c>
      <c r="C6116" s="16">
        <v>6082</v>
      </c>
      <c r="D6116" cm="1">
        <f t="array" ref="D6116">IFERROR(INDEX(Jesper!AH$2:AH$366,ROUNDDOWN($C6116/24,0)+1,1)*INDEX($D$3:$AA$30,INDEX(Jesper!$R$2:$R$366,ROW(INDEX(Jesper!AH$2:AH$366,ROUNDDOWN($C6116/24,0)+1,1))-1)+IF('Standard Profiles'!$G$18=$B$10,7,0)+IF('Standard Profiles'!$G$18=$B$17,14,0)+IF('Standard Profiles'!$G$18=$B$24,21,0),MOD($C6116,24)+1)/SUM(INDEX($D$3:$AA$30,INDEX(Jesper!$R$2:$R$366,ROW(INDEX(Jesper!AH$2:AH$366,ROUNDDOWN($C6116/24,0)+1,1))-1)+IF('Standard Profiles'!$G$18=$B$10,7,0)+IF('Standard Profiles'!$G$18=$B$17,14,0)+IF('Standard Profiles'!$G$18=$B$24,21,0),0)),0)</f>
        <v>11.850668310662348</v>
      </c>
      <c r="E6116" cm="1">
        <f t="array" ref="E6116">IFERROR(INDEX(Jesper!AI$2:AI$366,ROUNDDOWN($C6116/24,0)+1,1)*INDEX($D$3:$AA$30,INDEX(Jesper!$R$2:$R$366,ROW(INDEX(Jesper!AI$2:AI$366,ROUNDDOWN($C6116/24,0)+1,1))-1)+IF('Standard Profiles'!$G$19=$B$10,7,0)+IF('Standard Profiles'!$G$19=$B$17,14,0)+IF('Standard Profiles'!$G$19=$B$24,21,0),MOD($C6116,24)+1)/SUM(INDEX($D$3:$AA$30,INDEX(Jesper!$R$2:$R$366,ROW(INDEX(Jesper!AI$2:AI$366,ROUNDDOWN($C6116/24,0)+1,1))-1)+IF('Standard Profiles'!$G$19=$B$10,7,0)+IF('Standard Profiles'!$G$19=$B$17,14,0)+IF('Standard Profiles'!$G$19=$B$24,21,0),0)),0)</f>
        <v>0</v>
      </c>
      <c r="F6116" cm="1">
        <f t="array" ref="F6116">IFERROR(INDEX(Jesper!AJ$2:AJ$366,ROUNDDOWN($C6116/24,0)+1,1)*INDEX($D$3:$AA$30,INDEX(Jesper!$R$2:$R$366,ROW(INDEX(Jesper!AJ$2:AJ$366,ROUNDDOWN($C6116/24,0)+1,1))-1)+IF('Standard Profiles'!$G$20=$B$10,7,0)+IF('Standard Profiles'!$G$20=$B$17,14,0)+IF('Standard Profiles'!$G$20=$B$24,21,0),MOD($C6116,24)+1)/SUM(INDEX($D$3:$AA$30,INDEX(Jesper!$R$2:$R$366,ROW(INDEX(Jesper!AJ$2:AJ$366,ROUNDDOWN($C6116/24,0)+1,1))-1)+IF('Standard Profiles'!$G$20=$B$10,7,0)+IF('Standard Profiles'!$G$20=$B$17,14,0)+IF('Standard Profiles'!$G$20=$B$24,21,0),0)),0)</f>
        <v>0</v>
      </c>
      <c r="G6116" cm="1">
        <f t="array" ref="G6116">IFERROR(INDEX(Jesper!AK$2:AK$366,ROUNDDOWN($C6116/24,0)+1,1)*INDEX($D$3:$AA$30,INDEX(Jesper!$R$2:$R$366,ROW(INDEX(Jesper!AK$2:AK$366,ROUNDDOWN($C6116/24,0)+1,1))-1)+IF('Standard Profiles'!$G$21=$B$10,7,0)+IF('Standard Profiles'!$G$21=$B$17,14,0)+IF('Standard Profiles'!$G$21=$B$24,21,0),MOD($C6116,24)+1)/SUM(INDEX($D$3:$AA$30,INDEX(Jesper!$R$2:$R$366,ROW(INDEX(Jesper!AK$2:AK$366,ROUNDDOWN($C6116/24,0)+1,1))-1)+IF('Standard Profiles'!$G$21=$B$10,7,0)+IF('Standard Profiles'!$G$21=$B$17,14,0)+IF('Standard Profiles'!$G$21=$B$24,21,0),0)),0)</f>
        <v>0</v>
      </c>
      <c r="H6116" cm="1">
        <f t="array" ref="H6116">IFERROR(INDEX(Jesper!AL$2:AL$366,ROUNDDOWN($C6116/24,0)+1,1)*INDEX($D$3:$AA$30,INDEX(Jesper!$R$2:$R$366,ROW(INDEX(Jesper!AL$2:AL$366,ROUNDDOWN($C6116/24,0)+1,1))-1)+IF('Standard Profiles'!$G$22=$B$10,7,0)+IF('Standard Profiles'!$G$22=$B$17,14,0)+IF('Standard Profiles'!$G$22=$B$24,21,0),MOD($C6116,24)+1)/SUM(INDEX($D$3:$AA$30,INDEX(Jesper!$R$2:$R$366,ROW(INDEX(Jesper!AL$2:AL$366,ROUNDDOWN($C6116/24,0)+1,1))-1)+IF('Standard Profiles'!$G$22=$B$10,7,0)+IF('Standard Profiles'!$G$22=$B$17,14,0)+IF('Standard Profiles'!$G$22=$B$24,21,0),0)),0)</f>
        <v>0</v>
      </c>
      <c r="I6116">
        <f t="shared" si="685"/>
        <v>0.35552004931987041</v>
      </c>
      <c r="J6116">
        <f t="shared" si="686"/>
        <v>1.1850668310662349</v>
      </c>
      <c r="K6116">
        <f t="shared" si="687"/>
        <v>1.7776002465993521</v>
      </c>
      <c r="L6116">
        <f t="shared" si="688"/>
        <v>8.5324811836768895</v>
      </c>
      <c r="M6116">
        <f t="shared" si="689"/>
        <v>0</v>
      </c>
      <c r="N6116" s="46">
        <f t="shared" ref="N6116:N6179" si="690">N6115+1/24</f>
        <v>45545.416666651916</v>
      </c>
    </row>
    <row r="6117" spans="2:14" x14ac:dyDescent="0.3">
      <c r="B6117">
        <f t="shared" si="684"/>
        <v>2</v>
      </c>
      <c r="C6117" s="16">
        <v>6083</v>
      </c>
      <c r="D6117" cm="1">
        <f t="array" ref="D6117">IFERROR(INDEX(Jesper!AH$2:AH$366,ROUNDDOWN($C6117/24,0)+1,1)*INDEX($D$3:$AA$30,INDEX(Jesper!$R$2:$R$366,ROW(INDEX(Jesper!AH$2:AH$366,ROUNDDOWN($C6117/24,0)+1,1))-1)+IF('Standard Profiles'!$G$18=$B$10,7,0)+IF('Standard Profiles'!$G$18=$B$17,14,0)+IF('Standard Profiles'!$G$18=$B$24,21,0),MOD($C6117,24)+1)/SUM(INDEX($D$3:$AA$30,INDEX(Jesper!$R$2:$R$366,ROW(INDEX(Jesper!AH$2:AH$366,ROUNDDOWN($C6117/24,0)+1,1))-1)+IF('Standard Profiles'!$G$18=$B$10,7,0)+IF('Standard Profiles'!$G$18=$B$17,14,0)+IF('Standard Profiles'!$G$18=$B$24,21,0),0)),0)</f>
        <v>13.941962718426293</v>
      </c>
      <c r="E6117" cm="1">
        <f t="array" ref="E6117">IFERROR(INDEX(Jesper!AI$2:AI$366,ROUNDDOWN($C6117/24,0)+1,1)*INDEX($D$3:$AA$30,INDEX(Jesper!$R$2:$R$366,ROW(INDEX(Jesper!AI$2:AI$366,ROUNDDOWN($C6117/24,0)+1,1))-1)+IF('Standard Profiles'!$G$19=$B$10,7,0)+IF('Standard Profiles'!$G$19=$B$17,14,0)+IF('Standard Profiles'!$G$19=$B$24,21,0),MOD($C6117,24)+1)/SUM(INDEX($D$3:$AA$30,INDEX(Jesper!$R$2:$R$366,ROW(INDEX(Jesper!AI$2:AI$366,ROUNDDOWN($C6117/24,0)+1,1))-1)+IF('Standard Profiles'!$G$19=$B$10,7,0)+IF('Standard Profiles'!$G$19=$B$17,14,0)+IF('Standard Profiles'!$G$19=$B$24,21,0),0)),0)</f>
        <v>0</v>
      </c>
      <c r="F6117" cm="1">
        <f t="array" ref="F6117">IFERROR(INDEX(Jesper!AJ$2:AJ$366,ROUNDDOWN($C6117/24,0)+1,1)*INDEX($D$3:$AA$30,INDEX(Jesper!$R$2:$R$366,ROW(INDEX(Jesper!AJ$2:AJ$366,ROUNDDOWN($C6117/24,0)+1,1))-1)+IF('Standard Profiles'!$G$20=$B$10,7,0)+IF('Standard Profiles'!$G$20=$B$17,14,0)+IF('Standard Profiles'!$G$20=$B$24,21,0),MOD($C6117,24)+1)/SUM(INDEX($D$3:$AA$30,INDEX(Jesper!$R$2:$R$366,ROW(INDEX(Jesper!AJ$2:AJ$366,ROUNDDOWN($C6117/24,0)+1,1))-1)+IF('Standard Profiles'!$G$20=$B$10,7,0)+IF('Standard Profiles'!$G$20=$B$17,14,0)+IF('Standard Profiles'!$G$20=$B$24,21,0),0)),0)</f>
        <v>0</v>
      </c>
      <c r="G6117" cm="1">
        <f t="array" ref="G6117">IFERROR(INDEX(Jesper!AK$2:AK$366,ROUNDDOWN($C6117/24,0)+1,1)*INDEX($D$3:$AA$30,INDEX(Jesper!$R$2:$R$366,ROW(INDEX(Jesper!AK$2:AK$366,ROUNDDOWN($C6117/24,0)+1,1))-1)+IF('Standard Profiles'!$G$21=$B$10,7,0)+IF('Standard Profiles'!$G$21=$B$17,14,0)+IF('Standard Profiles'!$G$21=$B$24,21,0),MOD($C6117,24)+1)/SUM(INDEX($D$3:$AA$30,INDEX(Jesper!$R$2:$R$366,ROW(INDEX(Jesper!AK$2:AK$366,ROUNDDOWN($C6117/24,0)+1,1))-1)+IF('Standard Profiles'!$G$21=$B$10,7,0)+IF('Standard Profiles'!$G$21=$B$17,14,0)+IF('Standard Profiles'!$G$21=$B$24,21,0),0)),0)</f>
        <v>0</v>
      </c>
      <c r="H6117" cm="1">
        <f t="array" ref="H6117">IFERROR(INDEX(Jesper!AL$2:AL$366,ROUNDDOWN($C6117/24,0)+1,1)*INDEX($D$3:$AA$30,INDEX(Jesper!$R$2:$R$366,ROW(INDEX(Jesper!AL$2:AL$366,ROUNDDOWN($C6117/24,0)+1,1))-1)+IF('Standard Profiles'!$G$22=$B$10,7,0)+IF('Standard Profiles'!$G$22=$B$17,14,0)+IF('Standard Profiles'!$G$22=$B$24,21,0),MOD($C6117,24)+1)/SUM(INDEX($D$3:$AA$30,INDEX(Jesper!$R$2:$R$366,ROW(INDEX(Jesper!AL$2:AL$366,ROUNDDOWN($C6117/24,0)+1,1))-1)+IF('Standard Profiles'!$G$22=$B$10,7,0)+IF('Standard Profiles'!$G$22=$B$17,14,0)+IF('Standard Profiles'!$G$22=$B$24,21,0),0)),0)</f>
        <v>0</v>
      </c>
      <c r="I6117">
        <f t="shared" si="685"/>
        <v>0.41825888155278879</v>
      </c>
      <c r="J6117">
        <f t="shared" si="686"/>
        <v>1.3941962718426293</v>
      </c>
      <c r="K6117">
        <f t="shared" si="687"/>
        <v>2.0912944077639439</v>
      </c>
      <c r="L6117">
        <f t="shared" si="688"/>
        <v>10.038213157266931</v>
      </c>
      <c r="M6117">
        <f t="shared" si="689"/>
        <v>0</v>
      </c>
      <c r="N6117" s="46">
        <f t="shared" si="690"/>
        <v>45545.45833331858</v>
      </c>
    </row>
    <row r="6118" spans="2:14" x14ac:dyDescent="0.3">
      <c r="B6118">
        <f t="shared" si="684"/>
        <v>2</v>
      </c>
      <c r="C6118" s="16">
        <v>6084</v>
      </c>
      <c r="D6118" cm="1">
        <f t="array" ref="D6118">IFERROR(INDEX(Jesper!AH$2:AH$366,ROUNDDOWN($C6118/24,0)+1,1)*INDEX($D$3:$AA$30,INDEX(Jesper!$R$2:$R$366,ROW(INDEX(Jesper!AH$2:AH$366,ROUNDDOWN($C6118/24,0)+1,1))-1)+IF('Standard Profiles'!$G$18=$B$10,7,0)+IF('Standard Profiles'!$G$18=$B$17,14,0)+IF('Standard Profiles'!$G$18=$B$24,21,0),MOD($C6118,24)+1)/SUM(INDEX($D$3:$AA$30,INDEX(Jesper!$R$2:$R$366,ROW(INDEX(Jesper!AH$2:AH$366,ROUNDDOWN($C6118/24,0)+1,1))-1)+IF('Standard Profiles'!$G$18=$B$10,7,0)+IF('Standard Profiles'!$G$18=$B$17,14,0)+IF('Standard Profiles'!$G$18=$B$24,21,0),0)),0)</f>
        <v>13.941962718426293</v>
      </c>
      <c r="E6118" cm="1">
        <f t="array" ref="E6118">IFERROR(INDEX(Jesper!AI$2:AI$366,ROUNDDOWN($C6118/24,0)+1,1)*INDEX($D$3:$AA$30,INDEX(Jesper!$R$2:$R$366,ROW(INDEX(Jesper!AI$2:AI$366,ROUNDDOWN($C6118/24,0)+1,1))-1)+IF('Standard Profiles'!$G$19=$B$10,7,0)+IF('Standard Profiles'!$G$19=$B$17,14,0)+IF('Standard Profiles'!$G$19=$B$24,21,0),MOD($C6118,24)+1)/SUM(INDEX($D$3:$AA$30,INDEX(Jesper!$R$2:$R$366,ROW(INDEX(Jesper!AI$2:AI$366,ROUNDDOWN($C6118/24,0)+1,1))-1)+IF('Standard Profiles'!$G$19=$B$10,7,0)+IF('Standard Profiles'!$G$19=$B$17,14,0)+IF('Standard Profiles'!$G$19=$B$24,21,0),0)),0)</f>
        <v>0</v>
      </c>
      <c r="F6118" cm="1">
        <f t="array" ref="F6118">IFERROR(INDEX(Jesper!AJ$2:AJ$366,ROUNDDOWN($C6118/24,0)+1,1)*INDEX($D$3:$AA$30,INDEX(Jesper!$R$2:$R$366,ROW(INDEX(Jesper!AJ$2:AJ$366,ROUNDDOWN($C6118/24,0)+1,1))-1)+IF('Standard Profiles'!$G$20=$B$10,7,0)+IF('Standard Profiles'!$G$20=$B$17,14,0)+IF('Standard Profiles'!$G$20=$B$24,21,0),MOD($C6118,24)+1)/SUM(INDEX($D$3:$AA$30,INDEX(Jesper!$R$2:$R$366,ROW(INDEX(Jesper!AJ$2:AJ$366,ROUNDDOWN($C6118/24,0)+1,1))-1)+IF('Standard Profiles'!$G$20=$B$10,7,0)+IF('Standard Profiles'!$G$20=$B$17,14,0)+IF('Standard Profiles'!$G$20=$B$24,21,0),0)),0)</f>
        <v>0</v>
      </c>
      <c r="G6118" cm="1">
        <f t="array" ref="G6118">IFERROR(INDEX(Jesper!AK$2:AK$366,ROUNDDOWN($C6118/24,0)+1,1)*INDEX($D$3:$AA$30,INDEX(Jesper!$R$2:$R$366,ROW(INDEX(Jesper!AK$2:AK$366,ROUNDDOWN($C6118/24,0)+1,1))-1)+IF('Standard Profiles'!$G$21=$B$10,7,0)+IF('Standard Profiles'!$G$21=$B$17,14,0)+IF('Standard Profiles'!$G$21=$B$24,21,0),MOD($C6118,24)+1)/SUM(INDEX($D$3:$AA$30,INDEX(Jesper!$R$2:$R$366,ROW(INDEX(Jesper!AK$2:AK$366,ROUNDDOWN($C6118/24,0)+1,1))-1)+IF('Standard Profiles'!$G$21=$B$10,7,0)+IF('Standard Profiles'!$G$21=$B$17,14,0)+IF('Standard Profiles'!$G$21=$B$24,21,0),0)),0)</f>
        <v>0</v>
      </c>
      <c r="H6118" cm="1">
        <f t="array" ref="H6118">IFERROR(INDEX(Jesper!AL$2:AL$366,ROUNDDOWN($C6118/24,0)+1,1)*INDEX($D$3:$AA$30,INDEX(Jesper!$R$2:$R$366,ROW(INDEX(Jesper!AL$2:AL$366,ROUNDDOWN($C6118/24,0)+1,1))-1)+IF('Standard Profiles'!$G$22=$B$10,7,0)+IF('Standard Profiles'!$G$22=$B$17,14,0)+IF('Standard Profiles'!$G$22=$B$24,21,0),MOD($C6118,24)+1)/SUM(INDEX($D$3:$AA$30,INDEX(Jesper!$R$2:$R$366,ROW(INDEX(Jesper!AL$2:AL$366,ROUNDDOWN($C6118/24,0)+1,1))-1)+IF('Standard Profiles'!$G$22=$B$10,7,0)+IF('Standard Profiles'!$G$22=$B$17,14,0)+IF('Standard Profiles'!$G$22=$B$24,21,0),0)),0)</f>
        <v>0</v>
      </c>
      <c r="I6118">
        <f t="shared" si="685"/>
        <v>0.41825888155278879</v>
      </c>
      <c r="J6118">
        <f t="shared" si="686"/>
        <v>1.3941962718426293</v>
      </c>
      <c r="K6118">
        <f t="shared" si="687"/>
        <v>2.0912944077639439</v>
      </c>
      <c r="L6118">
        <f t="shared" si="688"/>
        <v>10.038213157266931</v>
      </c>
      <c r="M6118">
        <f t="shared" si="689"/>
        <v>0</v>
      </c>
      <c r="N6118" s="46">
        <f t="shared" si="690"/>
        <v>45545.499999985244</v>
      </c>
    </row>
    <row r="6119" spans="2:14" x14ac:dyDescent="0.3">
      <c r="B6119">
        <f t="shared" si="684"/>
        <v>2</v>
      </c>
      <c r="C6119" s="16">
        <v>6085</v>
      </c>
      <c r="D6119" cm="1">
        <f t="array" ref="D6119">IFERROR(INDEX(Jesper!AH$2:AH$366,ROUNDDOWN($C6119/24,0)+1,1)*INDEX($D$3:$AA$30,INDEX(Jesper!$R$2:$R$366,ROW(INDEX(Jesper!AH$2:AH$366,ROUNDDOWN($C6119/24,0)+1,1))-1)+IF('Standard Profiles'!$G$18=$B$10,7,0)+IF('Standard Profiles'!$G$18=$B$17,14,0)+IF('Standard Profiles'!$G$18=$B$24,21,0),MOD($C6119,24)+1)/SUM(INDEX($D$3:$AA$30,INDEX(Jesper!$R$2:$R$366,ROW(INDEX(Jesper!AH$2:AH$366,ROUNDDOWN($C6119/24,0)+1,1))-1)+IF('Standard Profiles'!$G$18=$B$10,7,0)+IF('Standard Profiles'!$G$18=$B$17,14,0)+IF('Standard Profiles'!$G$18=$B$24,21,0),0)),0)</f>
        <v>13.941962718426293</v>
      </c>
      <c r="E6119" cm="1">
        <f t="array" ref="E6119">IFERROR(INDEX(Jesper!AI$2:AI$366,ROUNDDOWN($C6119/24,0)+1,1)*INDEX($D$3:$AA$30,INDEX(Jesper!$R$2:$R$366,ROW(INDEX(Jesper!AI$2:AI$366,ROUNDDOWN($C6119/24,0)+1,1))-1)+IF('Standard Profiles'!$G$19=$B$10,7,0)+IF('Standard Profiles'!$G$19=$B$17,14,0)+IF('Standard Profiles'!$G$19=$B$24,21,0),MOD($C6119,24)+1)/SUM(INDEX($D$3:$AA$30,INDEX(Jesper!$R$2:$R$366,ROW(INDEX(Jesper!AI$2:AI$366,ROUNDDOWN($C6119/24,0)+1,1))-1)+IF('Standard Profiles'!$G$19=$B$10,7,0)+IF('Standard Profiles'!$G$19=$B$17,14,0)+IF('Standard Profiles'!$G$19=$B$24,21,0),0)),0)</f>
        <v>0</v>
      </c>
      <c r="F6119" cm="1">
        <f t="array" ref="F6119">IFERROR(INDEX(Jesper!AJ$2:AJ$366,ROUNDDOWN($C6119/24,0)+1,1)*INDEX($D$3:$AA$30,INDEX(Jesper!$R$2:$R$366,ROW(INDEX(Jesper!AJ$2:AJ$366,ROUNDDOWN($C6119/24,0)+1,1))-1)+IF('Standard Profiles'!$G$20=$B$10,7,0)+IF('Standard Profiles'!$G$20=$B$17,14,0)+IF('Standard Profiles'!$G$20=$B$24,21,0),MOD($C6119,24)+1)/SUM(INDEX($D$3:$AA$30,INDEX(Jesper!$R$2:$R$366,ROW(INDEX(Jesper!AJ$2:AJ$366,ROUNDDOWN($C6119/24,0)+1,1))-1)+IF('Standard Profiles'!$G$20=$B$10,7,0)+IF('Standard Profiles'!$G$20=$B$17,14,0)+IF('Standard Profiles'!$G$20=$B$24,21,0),0)),0)</f>
        <v>0</v>
      </c>
      <c r="G6119" cm="1">
        <f t="array" ref="G6119">IFERROR(INDEX(Jesper!AK$2:AK$366,ROUNDDOWN($C6119/24,0)+1,1)*INDEX($D$3:$AA$30,INDEX(Jesper!$R$2:$R$366,ROW(INDEX(Jesper!AK$2:AK$366,ROUNDDOWN($C6119/24,0)+1,1))-1)+IF('Standard Profiles'!$G$21=$B$10,7,0)+IF('Standard Profiles'!$G$21=$B$17,14,0)+IF('Standard Profiles'!$G$21=$B$24,21,0),MOD($C6119,24)+1)/SUM(INDEX($D$3:$AA$30,INDEX(Jesper!$R$2:$R$366,ROW(INDEX(Jesper!AK$2:AK$366,ROUNDDOWN($C6119/24,0)+1,1))-1)+IF('Standard Profiles'!$G$21=$B$10,7,0)+IF('Standard Profiles'!$G$21=$B$17,14,0)+IF('Standard Profiles'!$G$21=$B$24,21,0),0)),0)</f>
        <v>0</v>
      </c>
      <c r="H6119" cm="1">
        <f t="array" ref="H6119">IFERROR(INDEX(Jesper!AL$2:AL$366,ROUNDDOWN($C6119/24,0)+1,1)*INDEX($D$3:$AA$30,INDEX(Jesper!$R$2:$R$366,ROW(INDEX(Jesper!AL$2:AL$366,ROUNDDOWN($C6119/24,0)+1,1))-1)+IF('Standard Profiles'!$G$22=$B$10,7,0)+IF('Standard Profiles'!$G$22=$B$17,14,0)+IF('Standard Profiles'!$G$22=$B$24,21,0),MOD($C6119,24)+1)/SUM(INDEX($D$3:$AA$30,INDEX(Jesper!$R$2:$R$366,ROW(INDEX(Jesper!AL$2:AL$366,ROUNDDOWN($C6119/24,0)+1,1))-1)+IF('Standard Profiles'!$G$22=$B$10,7,0)+IF('Standard Profiles'!$G$22=$B$17,14,0)+IF('Standard Profiles'!$G$22=$B$24,21,0),0)),0)</f>
        <v>0</v>
      </c>
      <c r="I6119">
        <f t="shared" si="685"/>
        <v>0.41825888155278879</v>
      </c>
      <c r="J6119">
        <f t="shared" si="686"/>
        <v>1.3941962718426293</v>
      </c>
      <c r="K6119">
        <f t="shared" si="687"/>
        <v>2.0912944077639439</v>
      </c>
      <c r="L6119">
        <f t="shared" si="688"/>
        <v>10.038213157266931</v>
      </c>
      <c r="M6119">
        <f t="shared" si="689"/>
        <v>0</v>
      </c>
      <c r="N6119" s="46">
        <f t="shared" si="690"/>
        <v>45545.541666651909</v>
      </c>
    </row>
    <row r="6120" spans="2:14" x14ac:dyDescent="0.3">
      <c r="B6120">
        <f t="shared" si="684"/>
        <v>2</v>
      </c>
      <c r="C6120" s="16">
        <v>6086</v>
      </c>
      <c r="D6120" cm="1">
        <f t="array" ref="D6120">IFERROR(INDEX(Jesper!AH$2:AH$366,ROUNDDOWN($C6120/24,0)+1,1)*INDEX($D$3:$AA$30,INDEX(Jesper!$R$2:$R$366,ROW(INDEX(Jesper!AH$2:AH$366,ROUNDDOWN($C6120/24,0)+1,1))-1)+IF('Standard Profiles'!$G$18=$B$10,7,0)+IF('Standard Profiles'!$G$18=$B$17,14,0)+IF('Standard Profiles'!$G$18=$B$24,21,0),MOD($C6120,24)+1)/SUM(INDEX($D$3:$AA$30,INDEX(Jesper!$R$2:$R$366,ROW(INDEX(Jesper!AH$2:AH$366,ROUNDDOWN($C6120/24,0)+1,1))-1)+IF('Standard Profiles'!$G$18=$B$10,7,0)+IF('Standard Profiles'!$G$18=$B$17,14,0)+IF('Standard Profiles'!$G$18=$B$24,21,0),0)),0)</f>
        <v>13.941962718426293</v>
      </c>
      <c r="E6120" cm="1">
        <f t="array" ref="E6120">IFERROR(INDEX(Jesper!AI$2:AI$366,ROUNDDOWN($C6120/24,0)+1,1)*INDEX($D$3:$AA$30,INDEX(Jesper!$R$2:$R$366,ROW(INDEX(Jesper!AI$2:AI$366,ROUNDDOWN($C6120/24,0)+1,1))-1)+IF('Standard Profiles'!$G$19=$B$10,7,0)+IF('Standard Profiles'!$G$19=$B$17,14,0)+IF('Standard Profiles'!$G$19=$B$24,21,0),MOD($C6120,24)+1)/SUM(INDEX($D$3:$AA$30,INDEX(Jesper!$R$2:$R$366,ROW(INDEX(Jesper!AI$2:AI$366,ROUNDDOWN($C6120/24,0)+1,1))-1)+IF('Standard Profiles'!$G$19=$B$10,7,0)+IF('Standard Profiles'!$G$19=$B$17,14,0)+IF('Standard Profiles'!$G$19=$B$24,21,0),0)),0)</f>
        <v>0</v>
      </c>
      <c r="F6120" cm="1">
        <f t="array" ref="F6120">IFERROR(INDEX(Jesper!AJ$2:AJ$366,ROUNDDOWN($C6120/24,0)+1,1)*INDEX($D$3:$AA$30,INDEX(Jesper!$R$2:$R$366,ROW(INDEX(Jesper!AJ$2:AJ$366,ROUNDDOWN($C6120/24,0)+1,1))-1)+IF('Standard Profiles'!$G$20=$B$10,7,0)+IF('Standard Profiles'!$G$20=$B$17,14,0)+IF('Standard Profiles'!$G$20=$B$24,21,0),MOD($C6120,24)+1)/SUM(INDEX($D$3:$AA$30,INDEX(Jesper!$R$2:$R$366,ROW(INDEX(Jesper!AJ$2:AJ$366,ROUNDDOWN($C6120/24,0)+1,1))-1)+IF('Standard Profiles'!$G$20=$B$10,7,0)+IF('Standard Profiles'!$G$20=$B$17,14,0)+IF('Standard Profiles'!$G$20=$B$24,21,0),0)),0)</f>
        <v>0</v>
      </c>
      <c r="G6120" cm="1">
        <f t="array" ref="G6120">IFERROR(INDEX(Jesper!AK$2:AK$366,ROUNDDOWN($C6120/24,0)+1,1)*INDEX($D$3:$AA$30,INDEX(Jesper!$R$2:$R$366,ROW(INDEX(Jesper!AK$2:AK$366,ROUNDDOWN($C6120/24,0)+1,1))-1)+IF('Standard Profiles'!$G$21=$B$10,7,0)+IF('Standard Profiles'!$G$21=$B$17,14,0)+IF('Standard Profiles'!$G$21=$B$24,21,0),MOD($C6120,24)+1)/SUM(INDEX($D$3:$AA$30,INDEX(Jesper!$R$2:$R$366,ROW(INDEX(Jesper!AK$2:AK$366,ROUNDDOWN($C6120/24,0)+1,1))-1)+IF('Standard Profiles'!$G$21=$B$10,7,0)+IF('Standard Profiles'!$G$21=$B$17,14,0)+IF('Standard Profiles'!$G$21=$B$24,21,0),0)),0)</f>
        <v>0</v>
      </c>
      <c r="H6120" cm="1">
        <f t="array" ref="H6120">IFERROR(INDEX(Jesper!AL$2:AL$366,ROUNDDOWN($C6120/24,0)+1,1)*INDEX($D$3:$AA$30,INDEX(Jesper!$R$2:$R$366,ROW(INDEX(Jesper!AL$2:AL$366,ROUNDDOWN($C6120/24,0)+1,1))-1)+IF('Standard Profiles'!$G$22=$B$10,7,0)+IF('Standard Profiles'!$G$22=$B$17,14,0)+IF('Standard Profiles'!$G$22=$B$24,21,0),MOD($C6120,24)+1)/SUM(INDEX($D$3:$AA$30,INDEX(Jesper!$R$2:$R$366,ROW(INDEX(Jesper!AL$2:AL$366,ROUNDDOWN($C6120/24,0)+1,1))-1)+IF('Standard Profiles'!$G$22=$B$10,7,0)+IF('Standard Profiles'!$G$22=$B$17,14,0)+IF('Standard Profiles'!$G$22=$B$24,21,0),0)),0)</f>
        <v>0</v>
      </c>
      <c r="I6120">
        <f t="shared" si="685"/>
        <v>0.41825888155278879</v>
      </c>
      <c r="J6120">
        <f t="shared" si="686"/>
        <v>1.3941962718426293</v>
      </c>
      <c r="K6120">
        <f t="shared" si="687"/>
        <v>2.0912944077639439</v>
      </c>
      <c r="L6120">
        <f t="shared" si="688"/>
        <v>10.038213157266931</v>
      </c>
      <c r="M6120">
        <f t="shared" si="689"/>
        <v>0</v>
      </c>
      <c r="N6120" s="46">
        <f t="shared" si="690"/>
        <v>45545.583333318573</v>
      </c>
    </row>
    <row r="6121" spans="2:14" x14ac:dyDescent="0.3">
      <c r="B6121">
        <f t="shared" si="684"/>
        <v>2</v>
      </c>
      <c r="C6121" s="16">
        <v>6087</v>
      </c>
      <c r="D6121" cm="1">
        <f t="array" ref="D6121">IFERROR(INDEX(Jesper!AH$2:AH$366,ROUNDDOWN($C6121/24,0)+1,1)*INDEX($D$3:$AA$30,INDEX(Jesper!$R$2:$R$366,ROW(INDEX(Jesper!AH$2:AH$366,ROUNDDOWN($C6121/24,0)+1,1))-1)+IF('Standard Profiles'!$G$18=$B$10,7,0)+IF('Standard Profiles'!$G$18=$B$17,14,0)+IF('Standard Profiles'!$G$18=$B$24,21,0),MOD($C6121,24)+1)/SUM(INDEX($D$3:$AA$30,INDEX(Jesper!$R$2:$R$366,ROW(INDEX(Jesper!AH$2:AH$366,ROUNDDOWN($C6121/24,0)+1,1))-1)+IF('Standard Profiles'!$G$18=$B$10,7,0)+IF('Standard Profiles'!$G$18=$B$17,14,0)+IF('Standard Profiles'!$G$18=$B$24,21,0),0)),0)</f>
        <v>13.941962718426293</v>
      </c>
      <c r="E6121" cm="1">
        <f t="array" ref="E6121">IFERROR(INDEX(Jesper!AI$2:AI$366,ROUNDDOWN($C6121/24,0)+1,1)*INDEX($D$3:$AA$30,INDEX(Jesper!$R$2:$R$366,ROW(INDEX(Jesper!AI$2:AI$366,ROUNDDOWN($C6121/24,0)+1,1))-1)+IF('Standard Profiles'!$G$19=$B$10,7,0)+IF('Standard Profiles'!$G$19=$B$17,14,0)+IF('Standard Profiles'!$G$19=$B$24,21,0),MOD($C6121,24)+1)/SUM(INDEX($D$3:$AA$30,INDEX(Jesper!$R$2:$R$366,ROW(INDEX(Jesper!AI$2:AI$366,ROUNDDOWN($C6121/24,0)+1,1))-1)+IF('Standard Profiles'!$G$19=$B$10,7,0)+IF('Standard Profiles'!$G$19=$B$17,14,0)+IF('Standard Profiles'!$G$19=$B$24,21,0),0)),0)</f>
        <v>0</v>
      </c>
      <c r="F6121" cm="1">
        <f t="array" ref="F6121">IFERROR(INDEX(Jesper!AJ$2:AJ$366,ROUNDDOWN($C6121/24,0)+1,1)*INDEX($D$3:$AA$30,INDEX(Jesper!$R$2:$R$366,ROW(INDEX(Jesper!AJ$2:AJ$366,ROUNDDOWN($C6121/24,0)+1,1))-1)+IF('Standard Profiles'!$G$20=$B$10,7,0)+IF('Standard Profiles'!$G$20=$B$17,14,0)+IF('Standard Profiles'!$G$20=$B$24,21,0),MOD($C6121,24)+1)/SUM(INDEX($D$3:$AA$30,INDEX(Jesper!$R$2:$R$366,ROW(INDEX(Jesper!AJ$2:AJ$366,ROUNDDOWN($C6121/24,0)+1,1))-1)+IF('Standard Profiles'!$G$20=$B$10,7,0)+IF('Standard Profiles'!$G$20=$B$17,14,0)+IF('Standard Profiles'!$G$20=$B$24,21,0),0)),0)</f>
        <v>0</v>
      </c>
      <c r="G6121" cm="1">
        <f t="array" ref="G6121">IFERROR(INDEX(Jesper!AK$2:AK$366,ROUNDDOWN($C6121/24,0)+1,1)*INDEX($D$3:$AA$30,INDEX(Jesper!$R$2:$R$366,ROW(INDEX(Jesper!AK$2:AK$366,ROUNDDOWN($C6121/24,0)+1,1))-1)+IF('Standard Profiles'!$G$21=$B$10,7,0)+IF('Standard Profiles'!$G$21=$B$17,14,0)+IF('Standard Profiles'!$G$21=$B$24,21,0),MOD($C6121,24)+1)/SUM(INDEX($D$3:$AA$30,INDEX(Jesper!$R$2:$R$366,ROW(INDEX(Jesper!AK$2:AK$366,ROUNDDOWN($C6121/24,0)+1,1))-1)+IF('Standard Profiles'!$G$21=$B$10,7,0)+IF('Standard Profiles'!$G$21=$B$17,14,0)+IF('Standard Profiles'!$G$21=$B$24,21,0),0)),0)</f>
        <v>0</v>
      </c>
      <c r="H6121" cm="1">
        <f t="array" ref="H6121">IFERROR(INDEX(Jesper!AL$2:AL$366,ROUNDDOWN($C6121/24,0)+1,1)*INDEX($D$3:$AA$30,INDEX(Jesper!$R$2:$R$366,ROW(INDEX(Jesper!AL$2:AL$366,ROUNDDOWN($C6121/24,0)+1,1))-1)+IF('Standard Profiles'!$G$22=$B$10,7,0)+IF('Standard Profiles'!$G$22=$B$17,14,0)+IF('Standard Profiles'!$G$22=$B$24,21,0),MOD($C6121,24)+1)/SUM(INDEX($D$3:$AA$30,INDEX(Jesper!$R$2:$R$366,ROW(INDEX(Jesper!AL$2:AL$366,ROUNDDOWN($C6121/24,0)+1,1))-1)+IF('Standard Profiles'!$G$22=$B$10,7,0)+IF('Standard Profiles'!$G$22=$B$17,14,0)+IF('Standard Profiles'!$G$22=$B$24,21,0),0)),0)</f>
        <v>0</v>
      </c>
      <c r="I6121">
        <f t="shared" si="685"/>
        <v>0.41825888155278879</v>
      </c>
      <c r="J6121">
        <f t="shared" si="686"/>
        <v>1.3941962718426293</v>
      </c>
      <c r="K6121">
        <f t="shared" si="687"/>
        <v>2.0912944077639439</v>
      </c>
      <c r="L6121">
        <f t="shared" si="688"/>
        <v>10.038213157266931</v>
      </c>
      <c r="M6121">
        <f t="shared" si="689"/>
        <v>0</v>
      </c>
      <c r="N6121" s="46">
        <f t="shared" si="690"/>
        <v>45545.624999985237</v>
      </c>
    </row>
    <row r="6122" spans="2:14" x14ac:dyDescent="0.3">
      <c r="B6122">
        <f t="shared" si="684"/>
        <v>2</v>
      </c>
      <c r="C6122" s="16">
        <v>6088</v>
      </c>
      <c r="D6122" cm="1">
        <f t="array" ref="D6122">IFERROR(INDEX(Jesper!AH$2:AH$366,ROUNDDOWN($C6122/24,0)+1,1)*INDEX($D$3:$AA$30,INDEX(Jesper!$R$2:$R$366,ROW(INDEX(Jesper!AH$2:AH$366,ROUNDDOWN($C6122/24,0)+1,1))-1)+IF('Standard Profiles'!$G$18=$B$10,7,0)+IF('Standard Profiles'!$G$18=$B$17,14,0)+IF('Standard Profiles'!$G$18=$B$24,21,0),MOD($C6122,24)+1)/SUM(INDEX($D$3:$AA$30,INDEX(Jesper!$R$2:$R$366,ROW(INDEX(Jesper!AH$2:AH$366,ROUNDDOWN($C6122/24,0)+1,1))-1)+IF('Standard Profiles'!$G$18=$B$10,7,0)+IF('Standard Profiles'!$G$18=$B$17,14,0)+IF('Standard Profiles'!$G$18=$B$24,21,0),0)),0)</f>
        <v>13.941962718426293</v>
      </c>
      <c r="E6122" cm="1">
        <f t="array" ref="E6122">IFERROR(INDEX(Jesper!AI$2:AI$366,ROUNDDOWN($C6122/24,0)+1,1)*INDEX($D$3:$AA$30,INDEX(Jesper!$R$2:$R$366,ROW(INDEX(Jesper!AI$2:AI$366,ROUNDDOWN($C6122/24,0)+1,1))-1)+IF('Standard Profiles'!$G$19=$B$10,7,0)+IF('Standard Profiles'!$G$19=$B$17,14,0)+IF('Standard Profiles'!$G$19=$B$24,21,0),MOD($C6122,24)+1)/SUM(INDEX($D$3:$AA$30,INDEX(Jesper!$R$2:$R$366,ROW(INDEX(Jesper!AI$2:AI$366,ROUNDDOWN($C6122/24,0)+1,1))-1)+IF('Standard Profiles'!$G$19=$B$10,7,0)+IF('Standard Profiles'!$G$19=$B$17,14,0)+IF('Standard Profiles'!$G$19=$B$24,21,0),0)),0)</f>
        <v>0</v>
      </c>
      <c r="F6122" cm="1">
        <f t="array" ref="F6122">IFERROR(INDEX(Jesper!AJ$2:AJ$366,ROUNDDOWN($C6122/24,0)+1,1)*INDEX($D$3:$AA$30,INDEX(Jesper!$R$2:$R$366,ROW(INDEX(Jesper!AJ$2:AJ$366,ROUNDDOWN($C6122/24,0)+1,1))-1)+IF('Standard Profiles'!$G$20=$B$10,7,0)+IF('Standard Profiles'!$G$20=$B$17,14,0)+IF('Standard Profiles'!$G$20=$B$24,21,0),MOD($C6122,24)+1)/SUM(INDEX($D$3:$AA$30,INDEX(Jesper!$R$2:$R$366,ROW(INDEX(Jesper!AJ$2:AJ$366,ROUNDDOWN($C6122/24,0)+1,1))-1)+IF('Standard Profiles'!$G$20=$B$10,7,0)+IF('Standard Profiles'!$G$20=$B$17,14,0)+IF('Standard Profiles'!$G$20=$B$24,21,0),0)),0)</f>
        <v>0</v>
      </c>
      <c r="G6122" cm="1">
        <f t="array" ref="G6122">IFERROR(INDEX(Jesper!AK$2:AK$366,ROUNDDOWN($C6122/24,0)+1,1)*INDEX($D$3:$AA$30,INDEX(Jesper!$R$2:$R$366,ROW(INDEX(Jesper!AK$2:AK$366,ROUNDDOWN($C6122/24,0)+1,1))-1)+IF('Standard Profiles'!$G$21=$B$10,7,0)+IF('Standard Profiles'!$G$21=$B$17,14,0)+IF('Standard Profiles'!$G$21=$B$24,21,0),MOD($C6122,24)+1)/SUM(INDEX($D$3:$AA$30,INDEX(Jesper!$R$2:$R$366,ROW(INDEX(Jesper!AK$2:AK$366,ROUNDDOWN($C6122/24,0)+1,1))-1)+IF('Standard Profiles'!$G$21=$B$10,7,0)+IF('Standard Profiles'!$G$21=$B$17,14,0)+IF('Standard Profiles'!$G$21=$B$24,21,0),0)),0)</f>
        <v>0</v>
      </c>
      <c r="H6122" cm="1">
        <f t="array" ref="H6122">IFERROR(INDEX(Jesper!AL$2:AL$366,ROUNDDOWN($C6122/24,0)+1,1)*INDEX($D$3:$AA$30,INDEX(Jesper!$R$2:$R$366,ROW(INDEX(Jesper!AL$2:AL$366,ROUNDDOWN($C6122/24,0)+1,1))-1)+IF('Standard Profiles'!$G$22=$B$10,7,0)+IF('Standard Profiles'!$G$22=$B$17,14,0)+IF('Standard Profiles'!$G$22=$B$24,21,0),MOD($C6122,24)+1)/SUM(INDEX($D$3:$AA$30,INDEX(Jesper!$R$2:$R$366,ROW(INDEX(Jesper!AL$2:AL$366,ROUNDDOWN($C6122/24,0)+1,1))-1)+IF('Standard Profiles'!$G$22=$B$10,7,0)+IF('Standard Profiles'!$G$22=$B$17,14,0)+IF('Standard Profiles'!$G$22=$B$24,21,0),0)),0)</f>
        <v>0</v>
      </c>
      <c r="I6122">
        <f t="shared" si="685"/>
        <v>0.41825888155278879</v>
      </c>
      <c r="J6122">
        <f t="shared" si="686"/>
        <v>1.3941962718426293</v>
      </c>
      <c r="K6122">
        <f t="shared" si="687"/>
        <v>2.0912944077639439</v>
      </c>
      <c r="L6122">
        <f t="shared" si="688"/>
        <v>10.038213157266931</v>
      </c>
      <c r="M6122">
        <f t="shared" si="689"/>
        <v>0</v>
      </c>
      <c r="N6122" s="46">
        <f t="shared" si="690"/>
        <v>45545.666666651901</v>
      </c>
    </row>
    <row r="6123" spans="2:14" x14ac:dyDescent="0.3">
      <c r="B6123">
        <f t="shared" si="684"/>
        <v>2</v>
      </c>
      <c r="C6123" s="16">
        <v>6089</v>
      </c>
      <c r="D6123" cm="1">
        <f t="array" ref="D6123">IFERROR(INDEX(Jesper!AH$2:AH$366,ROUNDDOWN($C6123/24,0)+1,1)*INDEX($D$3:$AA$30,INDEX(Jesper!$R$2:$R$366,ROW(INDEX(Jesper!AH$2:AH$366,ROUNDDOWN($C6123/24,0)+1,1))-1)+IF('Standard Profiles'!$G$18=$B$10,7,0)+IF('Standard Profiles'!$G$18=$B$17,14,0)+IF('Standard Profiles'!$G$18=$B$24,21,0),MOD($C6123,24)+1)/SUM(INDEX($D$3:$AA$30,INDEX(Jesper!$R$2:$R$366,ROW(INDEX(Jesper!AH$2:AH$366,ROUNDDOWN($C6123/24,0)+1,1))-1)+IF('Standard Profiles'!$G$18=$B$10,7,0)+IF('Standard Profiles'!$G$18=$B$17,14,0)+IF('Standard Profiles'!$G$18=$B$24,21,0),0)),0)</f>
        <v>13.941962718426293</v>
      </c>
      <c r="E6123" cm="1">
        <f t="array" ref="E6123">IFERROR(INDEX(Jesper!AI$2:AI$366,ROUNDDOWN($C6123/24,0)+1,1)*INDEX($D$3:$AA$30,INDEX(Jesper!$R$2:$R$366,ROW(INDEX(Jesper!AI$2:AI$366,ROUNDDOWN($C6123/24,0)+1,1))-1)+IF('Standard Profiles'!$G$19=$B$10,7,0)+IF('Standard Profiles'!$G$19=$B$17,14,0)+IF('Standard Profiles'!$G$19=$B$24,21,0),MOD($C6123,24)+1)/SUM(INDEX($D$3:$AA$30,INDEX(Jesper!$R$2:$R$366,ROW(INDEX(Jesper!AI$2:AI$366,ROUNDDOWN($C6123/24,0)+1,1))-1)+IF('Standard Profiles'!$G$19=$B$10,7,0)+IF('Standard Profiles'!$G$19=$B$17,14,0)+IF('Standard Profiles'!$G$19=$B$24,21,0),0)),0)</f>
        <v>0</v>
      </c>
      <c r="F6123" cm="1">
        <f t="array" ref="F6123">IFERROR(INDEX(Jesper!AJ$2:AJ$366,ROUNDDOWN($C6123/24,0)+1,1)*INDEX($D$3:$AA$30,INDEX(Jesper!$R$2:$R$366,ROW(INDEX(Jesper!AJ$2:AJ$366,ROUNDDOWN($C6123/24,0)+1,1))-1)+IF('Standard Profiles'!$G$20=$B$10,7,0)+IF('Standard Profiles'!$G$20=$B$17,14,0)+IF('Standard Profiles'!$G$20=$B$24,21,0),MOD($C6123,24)+1)/SUM(INDEX($D$3:$AA$30,INDEX(Jesper!$R$2:$R$366,ROW(INDEX(Jesper!AJ$2:AJ$366,ROUNDDOWN($C6123/24,0)+1,1))-1)+IF('Standard Profiles'!$G$20=$B$10,7,0)+IF('Standard Profiles'!$G$20=$B$17,14,0)+IF('Standard Profiles'!$G$20=$B$24,21,0),0)),0)</f>
        <v>0</v>
      </c>
      <c r="G6123" cm="1">
        <f t="array" ref="G6123">IFERROR(INDEX(Jesper!AK$2:AK$366,ROUNDDOWN($C6123/24,0)+1,1)*INDEX($D$3:$AA$30,INDEX(Jesper!$R$2:$R$366,ROW(INDEX(Jesper!AK$2:AK$366,ROUNDDOWN($C6123/24,0)+1,1))-1)+IF('Standard Profiles'!$G$21=$B$10,7,0)+IF('Standard Profiles'!$G$21=$B$17,14,0)+IF('Standard Profiles'!$G$21=$B$24,21,0),MOD($C6123,24)+1)/SUM(INDEX($D$3:$AA$30,INDEX(Jesper!$R$2:$R$366,ROW(INDEX(Jesper!AK$2:AK$366,ROUNDDOWN($C6123/24,0)+1,1))-1)+IF('Standard Profiles'!$G$21=$B$10,7,0)+IF('Standard Profiles'!$G$21=$B$17,14,0)+IF('Standard Profiles'!$G$21=$B$24,21,0),0)),0)</f>
        <v>0</v>
      </c>
      <c r="H6123" cm="1">
        <f t="array" ref="H6123">IFERROR(INDEX(Jesper!AL$2:AL$366,ROUNDDOWN($C6123/24,0)+1,1)*INDEX($D$3:$AA$30,INDEX(Jesper!$R$2:$R$366,ROW(INDEX(Jesper!AL$2:AL$366,ROUNDDOWN($C6123/24,0)+1,1))-1)+IF('Standard Profiles'!$G$22=$B$10,7,0)+IF('Standard Profiles'!$G$22=$B$17,14,0)+IF('Standard Profiles'!$G$22=$B$24,21,0),MOD($C6123,24)+1)/SUM(INDEX($D$3:$AA$30,INDEX(Jesper!$R$2:$R$366,ROW(INDEX(Jesper!AL$2:AL$366,ROUNDDOWN($C6123/24,0)+1,1))-1)+IF('Standard Profiles'!$G$22=$B$10,7,0)+IF('Standard Profiles'!$G$22=$B$17,14,0)+IF('Standard Profiles'!$G$22=$B$24,21,0),0)),0)</f>
        <v>0</v>
      </c>
      <c r="I6123">
        <f t="shared" si="685"/>
        <v>0.41825888155278879</v>
      </c>
      <c r="J6123">
        <f t="shared" si="686"/>
        <v>1.3941962718426293</v>
      </c>
      <c r="K6123">
        <f t="shared" si="687"/>
        <v>2.0912944077639439</v>
      </c>
      <c r="L6123">
        <f t="shared" si="688"/>
        <v>10.038213157266931</v>
      </c>
      <c r="M6123">
        <f t="shared" si="689"/>
        <v>0</v>
      </c>
      <c r="N6123" s="46">
        <f t="shared" si="690"/>
        <v>45545.708333318566</v>
      </c>
    </row>
    <row r="6124" spans="2:14" x14ac:dyDescent="0.3">
      <c r="B6124">
        <f t="shared" si="684"/>
        <v>2</v>
      </c>
      <c r="C6124" s="16">
        <v>6090</v>
      </c>
      <c r="D6124" cm="1">
        <f t="array" ref="D6124">IFERROR(INDEX(Jesper!AH$2:AH$366,ROUNDDOWN($C6124/24,0)+1,1)*INDEX($D$3:$AA$30,INDEX(Jesper!$R$2:$R$366,ROW(INDEX(Jesper!AH$2:AH$366,ROUNDDOWN($C6124/24,0)+1,1))-1)+IF('Standard Profiles'!$G$18=$B$10,7,0)+IF('Standard Profiles'!$G$18=$B$17,14,0)+IF('Standard Profiles'!$G$18=$B$24,21,0),MOD($C6124,24)+1)/SUM(INDEX($D$3:$AA$30,INDEX(Jesper!$R$2:$R$366,ROW(INDEX(Jesper!AH$2:AH$366,ROUNDDOWN($C6124/24,0)+1,1))-1)+IF('Standard Profiles'!$G$18=$B$10,7,0)+IF('Standard Profiles'!$G$18=$B$17,14,0)+IF('Standard Profiles'!$G$18=$B$24,21,0),0)),0)</f>
        <v>13.941962718426293</v>
      </c>
      <c r="E6124" cm="1">
        <f t="array" ref="E6124">IFERROR(INDEX(Jesper!AI$2:AI$366,ROUNDDOWN($C6124/24,0)+1,1)*INDEX($D$3:$AA$30,INDEX(Jesper!$R$2:$R$366,ROW(INDEX(Jesper!AI$2:AI$366,ROUNDDOWN($C6124/24,0)+1,1))-1)+IF('Standard Profiles'!$G$19=$B$10,7,0)+IF('Standard Profiles'!$G$19=$B$17,14,0)+IF('Standard Profiles'!$G$19=$B$24,21,0),MOD($C6124,24)+1)/SUM(INDEX($D$3:$AA$30,INDEX(Jesper!$R$2:$R$366,ROW(INDEX(Jesper!AI$2:AI$366,ROUNDDOWN($C6124/24,0)+1,1))-1)+IF('Standard Profiles'!$G$19=$B$10,7,0)+IF('Standard Profiles'!$G$19=$B$17,14,0)+IF('Standard Profiles'!$G$19=$B$24,21,0),0)),0)</f>
        <v>0</v>
      </c>
      <c r="F6124" cm="1">
        <f t="array" ref="F6124">IFERROR(INDEX(Jesper!AJ$2:AJ$366,ROUNDDOWN($C6124/24,0)+1,1)*INDEX($D$3:$AA$30,INDEX(Jesper!$R$2:$R$366,ROW(INDEX(Jesper!AJ$2:AJ$366,ROUNDDOWN($C6124/24,0)+1,1))-1)+IF('Standard Profiles'!$G$20=$B$10,7,0)+IF('Standard Profiles'!$G$20=$B$17,14,0)+IF('Standard Profiles'!$G$20=$B$24,21,0),MOD($C6124,24)+1)/SUM(INDEX($D$3:$AA$30,INDEX(Jesper!$R$2:$R$366,ROW(INDEX(Jesper!AJ$2:AJ$366,ROUNDDOWN($C6124/24,0)+1,1))-1)+IF('Standard Profiles'!$G$20=$B$10,7,0)+IF('Standard Profiles'!$G$20=$B$17,14,0)+IF('Standard Profiles'!$G$20=$B$24,21,0),0)),0)</f>
        <v>0</v>
      </c>
      <c r="G6124" cm="1">
        <f t="array" ref="G6124">IFERROR(INDEX(Jesper!AK$2:AK$366,ROUNDDOWN($C6124/24,0)+1,1)*INDEX($D$3:$AA$30,INDEX(Jesper!$R$2:$R$366,ROW(INDEX(Jesper!AK$2:AK$366,ROUNDDOWN($C6124/24,0)+1,1))-1)+IF('Standard Profiles'!$G$21=$B$10,7,0)+IF('Standard Profiles'!$G$21=$B$17,14,0)+IF('Standard Profiles'!$G$21=$B$24,21,0),MOD($C6124,24)+1)/SUM(INDEX($D$3:$AA$30,INDEX(Jesper!$R$2:$R$366,ROW(INDEX(Jesper!AK$2:AK$366,ROUNDDOWN($C6124/24,0)+1,1))-1)+IF('Standard Profiles'!$G$21=$B$10,7,0)+IF('Standard Profiles'!$G$21=$B$17,14,0)+IF('Standard Profiles'!$G$21=$B$24,21,0),0)),0)</f>
        <v>0</v>
      </c>
      <c r="H6124" cm="1">
        <f t="array" ref="H6124">IFERROR(INDEX(Jesper!AL$2:AL$366,ROUNDDOWN($C6124/24,0)+1,1)*INDEX($D$3:$AA$30,INDEX(Jesper!$R$2:$R$366,ROW(INDEX(Jesper!AL$2:AL$366,ROUNDDOWN($C6124/24,0)+1,1))-1)+IF('Standard Profiles'!$G$22=$B$10,7,0)+IF('Standard Profiles'!$G$22=$B$17,14,0)+IF('Standard Profiles'!$G$22=$B$24,21,0),MOD($C6124,24)+1)/SUM(INDEX($D$3:$AA$30,INDEX(Jesper!$R$2:$R$366,ROW(INDEX(Jesper!AL$2:AL$366,ROUNDDOWN($C6124/24,0)+1,1))-1)+IF('Standard Profiles'!$G$22=$B$10,7,0)+IF('Standard Profiles'!$G$22=$B$17,14,0)+IF('Standard Profiles'!$G$22=$B$24,21,0),0)),0)</f>
        <v>0</v>
      </c>
      <c r="I6124">
        <f t="shared" si="685"/>
        <v>0.41825888155278879</v>
      </c>
      <c r="J6124">
        <f t="shared" si="686"/>
        <v>1.3941962718426293</v>
      </c>
      <c r="K6124">
        <f t="shared" si="687"/>
        <v>2.0912944077639439</v>
      </c>
      <c r="L6124">
        <f t="shared" si="688"/>
        <v>10.038213157266931</v>
      </c>
      <c r="M6124">
        <f t="shared" si="689"/>
        <v>0</v>
      </c>
      <c r="N6124" s="46">
        <f t="shared" si="690"/>
        <v>45545.74999998523</v>
      </c>
    </row>
    <row r="6125" spans="2:14" x14ac:dyDescent="0.3">
      <c r="B6125">
        <f t="shared" si="684"/>
        <v>2</v>
      </c>
      <c r="C6125" s="16">
        <v>6091</v>
      </c>
      <c r="D6125" cm="1">
        <f t="array" ref="D6125">IFERROR(INDEX(Jesper!AH$2:AH$366,ROUNDDOWN($C6125/24,0)+1,1)*INDEX($D$3:$AA$30,INDEX(Jesper!$R$2:$R$366,ROW(INDEX(Jesper!AH$2:AH$366,ROUNDDOWN($C6125/24,0)+1,1))-1)+IF('Standard Profiles'!$G$18=$B$10,7,0)+IF('Standard Profiles'!$G$18=$B$17,14,0)+IF('Standard Profiles'!$G$18=$B$24,21,0),MOD($C6125,24)+1)/SUM(INDEX($D$3:$AA$30,INDEX(Jesper!$R$2:$R$366,ROW(INDEX(Jesper!AH$2:AH$366,ROUNDDOWN($C6125/24,0)+1,1))-1)+IF('Standard Profiles'!$G$18=$B$10,7,0)+IF('Standard Profiles'!$G$18=$B$17,14,0)+IF('Standard Profiles'!$G$18=$B$24,21,0),0)),0)</f>
        <v>11.676393776682021</v>
      </c>
      <c r="E6125" cm="1">
        <f t="array" ref="E6125">IFERROR(INDEX(Jesper!AI$2:AI$366,ROUNDDOWN($C6125/24,0)+1,1)*INDEX($D$3:$AA$30,INDEX(Jesper!$R$2:$R$366,ROW(INDEX(Jesper!AI$2:AI$366,ROUNDDOWN($C6125/24,0)+1,1))-1)+IF('Standard Profiles'!$G$19=$B$10,7,0)+IF('Standard Profiles'!$G$19=$B$17,14,0)+IF('Standard Profiles'!$G$19=$B$24,21,0),MOD($C6125,24)+1)/SUM(INDEX($D$3:$AA$30,INDEX(Jesper!$R$2:$R$366,ROW(INDEX(Jesper!AI$2:AI$366,ROUNDDOWN($C6125/24,0)+1,1))-1)+IF('Standard Profiles'!$G$19=$B$10,7,0)+IF('Standard Profiles'!$G$19=$B$17,14,0)+IF('Standard Profiles'!$G$19=$B$24,21,0),0)),0)</f>
        <v>0</v>
      </c>
      <c r="F6125" cm="1">
        <f t="array" ref="F6125">IFERROR(INDEX(Jesper!AJ$2:AJ$366,ROUNDDOWN($C6125/24,0)+1,1)*INDEX($D$3:$AA$30,INDEX(Jesper!$R$2:$R$366,ROW(INDEX(Jesper!AJ$2:AJ$366,ROUNDDOWN($C6125/24,0)+1,1))-1)+IF('Standard Profiles'!$G$20=$B$10,7,0)+IF('Standard Profiles'!$G$20=$B$17,14,0)+IF('Standard Profiles'!$G$20=$B$24,21,0),MOD($C6125,24)+1)/SUM(INDEX($D$3:$AA$30,INDEX(Jesper!$R$2:$R$366,ROW(INDEX(Jesper!AJ$2:AJ$366,ROUNDDOWN($C6125/24,0)+1,1))-1)+IF('Standard Profiles'!$G$20=$B$10,7,0)+IF('Standard Profiles'!$G$20=$B$17,14,0)+IF('Standard Profiles'!$G$20=$B$24,21,0),0)),0)</f>
        <v>0</v>
      </c>
      <c r="G6125" cm="1">
        <f t="array" ref="G6125">IFERROR(INDEX(Jesper!AK$2:AK$366,ROUNDDOWN($C6125/24,0)+1,1)*INDEX($D$3:$AA$30,INDEX(Jesper!$R$2:$R$366,ROW(INDEX(Jesper!AK$2:AK$366,ROUNDDOWN($C6125/24,0)+1,1))-1)+IF('Standard Profiles'!$G$21=$B$10,7,0)+IF('Standard Profiles'!$G$21=$B$17,14,0)+IF('Standard Profiles'!$G$21=$B$24,21,0),MOD($C6125,24)+1)/SUM(INDEX($D$3:$AA$30,INDEX(Jesper!$R$2:$R$366,ROW(INDEX(Jesper!AK$2:AK$366,ROUNDDOWN($C6125/24,0)+1,1))-1)+IF('Standard Profiles'!$G$21=$B$10,7,0)+IF('Standard Profiles'!$G$21=$B$17,14,0)+IF('Standard Profiles'!$G$21=$B$24,21,0),0)),0)</f>
        <v>0</v>
      </c>
      <c r="H6125" cm="1">
        <f t="array" ref="H6125">IFERROR(INDEX(Jesper!AL$2:AL$366,ROUNDDOWN($C6125/24,0)+1,1)*INDEX($D$3:$AA$30,INDEX(Jesper!$R$2:$R$366,ROW(INDEX(Jesper!AL$2:AL$366,ROUNDDOWN($C6125/24,0)+1,1))-1)+IF('Standard Profiles'!$G$22=$B$10,7,0)+IF('Standard Profiles'!$G$22=$B$17,14,0)+IF('Standard Profiles'!$G$22=$B$24,21,0),MOD($C6125,24)+1)/SUM(INDEX($D$3:$AA$30,INDEX(Jesper!$R$2:$R$366,ROW(INDEX(Jesper!AL$2:AL$366,ROUNDDOWN($C6125/24,0)+1,1))-1)+IF('Standard Profiles'!$G$22=$B$10,7,0)+IF('Standard Profiles'!$G$22=$B$17,14,0)+IF('Standard Profiles'!$G$22=$B$24,21,0),0)),0)</f>
        <v>0</v>
      </c>
      <c r="I6125">
        <f t="shared" si="685"/>
        <v>0.35029181330046061</v>
      </c>
      <c r="J6125">
        <f t="shared" si="686"/>
        <v>1.1676393776682021</v>
      </c>
      <c r="K6125">
        <f t="shared" si="687"/>
        <v>1.7514590665023031</v>
      </c>
      <c r="L6125">
        <f t="shared" si="688"/>
        <v>8.4070035192110542</v>
      </c>
      <c r="M6125">
        <f t="shared" si="689"/>
        <v>0</v>
      </c>
      <c r="N6125" s="46">
        <f t="shared" si="690"/>
        <v>45545.791666651894</v>
      </c>
    </row>
    <row r="6126" spans="2:14" x14ac:dyDescent="0.3">
      <c r="B6126">
        <f t="shared" si="684"/>
        <v>2</v>
      </c>
      <c r="C6126" s="16">
        <v>6092</v>
      </c>
      <c r="D6126" cm="1">
        <f t="array" ref="D6126">IFERROR(INDEX(Jesper!AH$2:AH$366,ROUNDDOWN($C6126/24,0)+1,1)*INDEX($D$3:$AA$30,INDEX(Jesper!$R$2:$R$366,ROW(INDEX(Jesper!AH$2:AH$366,ROUNDDOWN($C6126/24,0)+1,1))-1)+IF('Standard Profiles'!$G$18=$B$10,7,0)+IF('Standard Profiles'!$G$18=$B$17,14,0)+IF('Standard Profiles'!$G$18=$B$24,21,0),MOD($C6126,24)+1)/SUM(INDEX($D$3:$AA$30,INDEX(Jesper!$R$2:$R$366,ROW(INDEX(Jesper!AH$2:AH$366,ROUNDDOWN($C6126/24,0)+1,1))-1)+IF('Standard Profiles'!$G$18=$B$10,7,0)+IF('Standard Profiles'!$G$18=$B$17,14,0)+IF('Standard Profiles'!$G$18=$B$24,21,0),0)),0)</f>
        <v>9.5850993689180761</v>
      </c>
      <c r="E6126" cm="1">
        <f t="array" ref="E6126">IFERROR(INDEX(Jesper!AI$2:AI$366,ROUNDDOWN($C6126/24,0)+1,1)*INDEX($D$3:$AA$30,INDEX(Jesper!$R$2:$R$366,ROW(INDEX(Jesper!AI$2:AI$366,ROUNDDOWN($C6126/24,0)+1,1))-1)+IF('Standard Profiles'!$G$19=$B$10,7,0)+IF('Standard Profiles'!$G$19=$B$17,14,0)+IF('Standard Profiles'!$G$19=$B$24,21,0),MOD($C6126,24)+1)/SUM(INDEX($D$3:$AA$30,INDEX(Jesper!$R$2:$R$366,ROW(INDEX(Jesper!AI$2:AI$366,ROUNDDOWN($C6126/24,0)+1,1))-1)+IF('Standard Profiles'!$G$19=$B$10,7,0)+IF('Standard Profiles'!$G$19=$B$17,14,0)+IF('Standard Profiles'!$G$19=$B$24,21,0),0)),0)</f>
        <v>0</v>
      </c>
      <c r="F6126" cm="1">
        <f t="array" ref="F6126">IFERROR(INDEX(Jesper!AJ$2:AJ$366,ROUNDDOWN($C6126/24,0)+1,1)*INDEX($D$3:$AA$30,INDEX(Jesper!$R$2:$R$366,ROW(INDEX(Jesper!AJ$2:AJ$366,ROUNDDOWN($C6126/24,0)+1,1))-1)+IF('Standard Profiles'!$G$20=$B$10,7,0)+IF('Standard Profiles'!$G$20=$B$17,14,0)+IF('Standard Profiles'!$G$20=$B$24,21,0),MOD($C6126,24)+1)/SUM(INDEX($D$3:$AA$30,INDEX(Jesper!$R$2:$R$366,ROW(INDEX(Jesper!AJ$2:AJ$366,ROUNDDOWN($C6126/24,0)+1,1))-1)+IF('Standard Profiles'!$G$20=$B$10,7,0)+IF('Standard Profiles'!$G$20=$B$17,14,0)+IF('Standard Profiles'!$G$20=$B$24,21,0),0)),0)</f>
        <v>0</v>
      </c>
      <c r="G6126" cm="1">
        <f t="array" ref="G6126">IFERROR(INDEX(Jesper!AK$2:AK$366,ROUNDDOWN($C6126/24,0)+1,1)*INDEX($D$3:$AA$30,INDEX(Jesper!$R$2:$R$366,ROW(INDEX(Jesper!AK$2:AK$366,ROUNDDOWN($C6126/24,0)+1,1))-1)+IF('Standard Profiles'!$G$21=$B$10,7,0)+IF('Standard Profiles'!$G$21=$B$17,14,0)+IF('Standard Profiles'!$G$21=$B$24,21,0),MOD($C6126,24)+1)/SUM(INDEX($D$3:$AA$30,INDEX(Jesper!$R$2:$R$366,ROW(INDEX(Jesper!AK$2:AK$366,ROUNDDOWN($C6126/24,0)+1,1))-1)+IF('Standard Profiles'!$G$21=$B$10,7,0)+IF('Standard Profiles'!$G$21=$B$17,14,0)+IF('Standard Profiles'!$G$21=$B$24,21,0),0)),0)</f>
        <v>0</v>
      </c>
      <c r="H6126" cm="1">
        <f t="array" ref="H6126">IFERROR(INDEX(Jesper!AL$2:AL$366,ROUNDDOWN($C6126/24,0)+1,1)*INDEX($D$3:$AA$30,INDEX(Jesper!$R$2:$R$366,ROW(INDEX(Jesper!AL$2:AL$366,ROUNDDOWN($C6126/24,0)+1,1))-1)+IF('Standard Profiles'!$G$22=$B$10,7,0)+IF('Standard Profiles'!$G$22=$B$17,14,0)+IF('Standard Profiles'!$G$22=$B$24,21,0),MOD($C6126,24)+1)/SUM(INDEX($D$3:$AA$30,INDEX(Jesper!$R$2:$R$366,ROW(INDEX(Jesper!AL$2:AL$366,ROUNDDOWN($C6126/24,0)+1,1))-1)+IF('Standard Profiles'!$G$22=$B$10,7,0)+IF('Standard Profiles'!$G$22=$B$17,14,0)+IF('Standard Profiles'!$G$22=$B$24,21,0),0)),0)</f>
        <v>0</v>
      </c>
      <c r="I6126">
        <f t="shared" si="685"/>
        <v>0.28755298106754229</v>
      </c>
      <c r="J6126">
        <f t="shared" si="686"/>
        <v>0.95850993689180763</v>
      </c>
      <c r="K6126">
        <f t="shared" si="687"/>
        <v>1.4377649053377113</v>
      </c>
      <c r="L6126">
        <f t="shared" si="688"/>
        <v>6.9012715456210145</v>
      </c>
      <c r="M6126">
        <f t="shared" si="689"/>
        <v>0</v>
      </c>
      <c r="N6126" s="46">
        <f t="shared" si="690"/>
        <v>45545.833333318558</v>
      </c>
    </row>
    <row r="6127" spans="2:14" x14ac:dyDescent="0.3">
      <c r="B6127">
        <f t="shared" si="684"/>
        <v>2</v>
      </c>
      <c r="C6127" s="16">
        <v>6093</v>
      </c>
      <c r="D6127" cm="1">
        <f t="array" ref="D6127">IFERROR(INDEX(Jesper!AH$2:AH$366,ROUNDDOWN($C6127/24,0)+1,1)*INDEX($D$3:$AA$30,INDEX(Jesper!$R$2:$R$366,ROW(INDEX(Jesper!AH$2:AH$366,ROUNDDOWN($C6127/24,0)+1,1))-1)+IF('Standard Profiles'!$G$18=$B$10,7,0)+IF('Standard Profiles'!$G$18=$B$17,14,0)+IF('Standard Profiles'!$G$18=$B$24,21,0),MOD($C6127,24)+1)/SUM(INDEX($D$3:$AA$30,INDEX(Jesper!$R$2:$R$366,ROW(INDEX(Jesper!AH$2:AH$366,ROUNDDOWN($C6127/24,0)+1,1))-1)+IF('Standard Profiles'!$G$18=$B$10,7,0)+IF('Standard Profiles'!$G$18=$B$17,14,0)+IF('Standard Profiles'!$G$18=$B$24,21,0),0)),0)</f>
        <v>6.9709813592131464</v>
      </c>
      <c r="E6127" cm="1">
        <f t="array" ref="E6127">IFERROR(INDEX(Jesper!AI$2:AI$366,ROUNDDOWN($C6127/24,0)+1,1)*INDEX($D$3:$AA$30,INDEX(Jesper!$R$2:$R$366,ROW(INDEX(Jesper!AI$2:AI$366,ROUNDDOWN($C6127/24,0)+1,1))-1)+IF('Standard Profiles'!$G$19=$B$10,7,0)+IF('Standard Profiles'!$G$19=$B$17,14,0)+IF('Standard Profiles'!$G$19=$B$24,21,0),MOD($C6127,24)+1)/SUM(INDEX($D$3:$AA$30,INDEX(Jesper!$R$2:$R$366,ROW(INDEX(Jesper!AI$2:AI$366,ROUNDDOWN($C6127/24,0)+1,1))-1)+IF('Standard Profiles'!$G$19=$B$10,7,0)+IF('Standard Profiles'!$G$19=$B$17,14,0)+IF('Standard Profiles'!$G$19=$B$24,21,0),0)),0)</f>
        <v>0</v>
      </c>
      <c r="F6127" cm="1">
        <f t="array" ref="F6127">IFERROR(INDEX(Jesper!AJ$2:AJ$366,ROUNDDOWN($C6127/24,0)+1,1)*INDEX($D$3:$AA$30,INDEX(Jesper!$R$2:$R$366,ROW(INDEX(Jesper!AJ$2:AJ$366,ROUNDDOWN($C6127/24,0)+1,1))-1)+IF('Standard Profiles'!$G$20=$B$10,7,0)+IF('Standard Profiles'!$G$20=$B$17,14,0)+IF('Standard Profiles'!$G$20=$B$24,21,0),MOD($C6127,24)+1)/SUM(INDEX($D$3:$AA$30,INDEX(Jesper!$R$2:$R$366,ROW(INDEX(Jesper!AJ$2:AJ$366,ROUNDDOWN($C6127/24,0)+1,1))-1)+IF('Standard Profiles'!$G$20=$B$10,7,0)+IF('Standard Profiles'!$G$20=$B$17,14,0)+IF('Standard Profiles'!$G$20=$B$24,21,0),0)),0)</f>
        <v>0</v>
      </c>
      <c r="G6127" cm="1">
        <f t="array" ref="G6127">IFERROR(INDEX(Jesper!AK$2:AK$366,ROUNDDOWN($C6127/24,0)+1,1)*INDEX($D$3:$AA$30,INDEX(Jesper!$R$2:$R$366,ROW(INDEX(Jesper!AK$2:AK$366,ROUNDDOWN($C6127/24,0)+1,1))-1)+IF('Standard Profiles'!$G$21=$B$10,7,0)+IF('Standard Profiles'!$G$21=$B$17,14,0)+IF('Standard Profiles'!$G$21=$B$24,21,0),MOD($C6127,24)+1)/SUM(INDEX($D$3:$AA$30,INDEX(Jesper!$R$2:$R$366,ROW(INDEX(Jesper!AK$2:AK$366,ROUNDDOWN($C6127/24,0)+1,1))-1)+IF('Standard Profiles'!$G$21=$B$10,7,0)+IF('Standard Profiles'!$G$21=$B$17,14,0)+IF('Standard Profiles'!$G$21=$B$24,21,0),0)),0)</f>
        <v>0</v>
      </c>
      <c r="H6127" cm="1">
        <f t="array" ref="H6127">IFERROR(INDEX(Jesper!AL$2:AL$366,ROUNDDOWN($C6127/24,0)+1,1)*INDEX($D$3:$AA$30,INDEX(Jesper!$R$2:$R$366,ROW(INDEX(Jesper!AL$2:AL$366,ROUNDDOWN($C6127/24,0)+1,1))-1)+IF('Standard Profiles'!$G$22=$B$10,7,0)+IF('Standard Profiles'!$G$22=$B$17,14,0)+IF('Standard Profiles'!$G$22=$B$24,21,0),MOD($C6127,24)+1)/SUM(INDEX($D$3:$AA$30,INDEX(Jesper!$R$2:$R$366,ROW(INDEX(Jesper!AL$2:AL$366,ROUNDDOWN($C6127/24,0)+1,1))-1)+IF('Standard Profiles'!$G$22=$B$10,7,0)+IF('Standard Profiles'!$G$22=$B$17,14,0)+IF('Standard Profiles'!$G$22=$B$24,21,0),0)),0)</f>
        <v>0</v>
      </c>
      <c r="I6127">
        <f t="shared" si="685"/>
        <v>0.20912944077639439</v>
      </c>
      <c r="J6127">
        <f t="shared" si="686"/>
        <v>0.69709813592131464</v>
      </c>
      <c r="K6127">
        <f t="shared" si="687"/>
        <v>1.045647203881972</v>
      </c>
      <c r="L6127">
        <f t="shared" si="688"/>
        <v>5.0191065786334654</v>
      </c>
      <c r="M6127">
        <f t="shared" si="689"/>
        <v>0</v>
      </c>
      <c r="N6127" s="46">
        <f t="shared" si="690"/>
        <v>45545.874999985223</v>
      </c>
    </row>
    <row r="6128" spans="2:14" x14ac:dyDescent="0.3">
      <c r="B6128">
        <f t="shared" si="684"/>
        <v>2</v>
      </c>
      <c r="C6128" s="16">
        <v>6094</v>
      </c>
      <c r="D6128" cm="1">
        <f t="array" ref="D6128">IFERROR(INDEX(Jesper!AH$2:AH$366,ROUNDDOWN($C6128/24,0)+1,1)*INDEX($D$3:$AA$30,INDEX(Jesper!$R$2:$R$366,ROW(INDEX(Jesper!AH$2:AH$366,ROUNDDOWN($C6128/24,0)+1,1))-1)+IF('Standard Profiles'!$G$18=$B$10,7,0)+IF('Standard Profiles'!$G$18=$B$17,14,0)+IF('Standard Profiles'!$G$18=$B$24,21,0),MOD($C6128,24)+1)/SUM(INDEX($D$3:$AA$30,INDEX(Jesper!$R$2:$R$366,ROW(INDEX(Jesper!AH$2:AH$366,ROUNDDOWN($C6128/24,0)+1,1))-1)+IF('Standard Profiles'!$G$18=$B$10,7,0)+IF('Standard Profiles'!$G$18=$B$17,14,0)+IF('Standard Profiles'!$G$18=$B$24,21,0),0)),0)</f>
        <v>6.9709813592131464</v>
      </c>
      <c r="E6128" cm="1">
        <f t="array" ref="E6128">IFERROR(INDEX(Jesper!AI$2:AI$366,ROUNDDOWN($C6128/24,0)+1,1)*INDEX($D$3:$AA$30,INDEX(Jesper!$R$2:$R$366,ROW(INDEX(Jesper!AI$2:AI$366,ROUNDDOWN($C6128/24,0)+1,1))-1)+IF('Standard Profiles'!$G$19=$B$10,7,0)+IF('Standard Profiles'!$G$19=$B$17,14,0)+IF('Standard Profiles'!$G$19=$B$24,21,0),MOD($C6128,24)+1)/SUM(INDEX($D$3:$AA$30,INDEX(Jesper!$R$2:$R$366,ROW(INDEX(Jesper!AI$2:AI$366,ROUNDDOWN($C6128/24,0)+1,1))-1)+IF('Standard Profiles'!$G$19=$B$10,7,0)+IF('Standard Profiles'!$G$19=$B$17,14,0)+IF('Standard Profiles'!$G$19=$B$24,21,0),0)),0)</f>
        <v>0</v>
      </c>
      <c r="F6128" cm="1">
        <f t="array" ref="F6128">IFERROR(INDEX(Jesper!AJ$2:AJ$366,ROUNDDOWN($C6128/24,0)+1,1)*INDEX($D$3:$AA$30,INDEX(Jesper!$R$2:$R$366,ROW(INDEX(Jesper!AJ$2:AJ$366,ROUNDDOWN($C6128/24,0)+1,1))-1)+IF('Standard Profiles'!$G$20=$B$10,7,0)+IF('Standard Profiles'!$G$20=$B$17,14,0)+IF('Standard Profiles'!$G$20=$B$24,21,0),MOD($C6128,24)+1)/SUM(INDEX($D$3:$AA$30,INDEX(Jesper!$R$2:$R$366,ROW(INDEX(Jesper!AJ$2:AJ$366,ROUNDDOWN($C6128/24,0)+1,1))-1)+IF('Standard Profiles'!$G$20=$B$10,7,0)+IF('Standard Profiles'!$G$20=$B$17,14,0)+IF('Standard Profiles'!$G$20=$B$24,21,0),0)),0)</f>
        <v>0</v>
      </c>
      <c r="G6128" cm="1">
        <f t="array" ref="G6128">IFERROR(INDEX(Jesper!AK$2:AK$366,ROUNDDOWN($C6128/24,0)+1,1)*INDEX($D$3:$AA$30,INDEX(Jesper!$R$2:$R$366,ROW(INDEX(Jesper!AK$2:AK$366,ROUNDDOWN($C6128/24,0)+1,1))-1)+IF('Standard Profiles'!$G$21=$B$10,7,0)+IF('Standard Profiles'!$G$21=$B$17,14,0)+IF('Standard Profiles'!$G$21=$B$24,21,0),MOD($C6128,24)+1)/SUM(INDEX($D$3:$AA$30,INDEX(Jesper!$R$2:$R$366,ROW(INDEX(Jesper!AK$2:AK$366,ROUNDDOWN($C6128/24,0)+1,1))-1)+IF('Standard Profiles'!$G$21=$B$10,7,0)+IF('Standard Profiles'!$G$21=$B$17,14,0)+IF('Standard Profiles'!$G$21=$B$24,21,0),0)),0)</f>
        <v>0</v>
      </c>
      <c r="H6128" cm="1">
        <f t="array" ref="H6128">IFERROR(INDEX(Jesper!AL$2:AL$366,ROUNDDOWN($C6128/24,0)+1,1)*INDEX($D$3:$AA$30,INDEX(Jesper!$R$2:$R$366,ROW(INDEX(Jesper!AL$2:AL$366,ROUNDDOWN($C6128/24,0)+1,1))-1)+IF('Standard Profiles'!$G$22=$B$10,7,0)+IF('Standard Profiles'!$G$22=$B$17,14,0)+IF('Standard Profiles'!$G$22=$B$24,21,0),MOD($C6128,24)+1)/SUM(INDEX($D$3:$AA$30,INDEX(Jesper!$R$2:$R$366,ROW(INDEX(Jesper!AL$2:AL$366,ROUNDDOWN($C6128/24,0)+1,1))-1)+IF('Standard Profiles'!$G$22=$B$10,7,0)+IF('Standard Profiles'!$G$22=$B$17,14,0)+IF('Standard Profiles'!$G$22=$B$24,21,0),0)),0)</f>
        <v>0</v>
      </c>
      <c r="I6128">
        <f t="shared" si="685"/>
        <v>0.20912944077639439</v>
      </c>
      <c r="J6128">
        <f t="shared" si="686"/>
        <v>0.69709813592131464</v>
      </c>
      <c r="K6128">
        <f t="shared" si="687"/>
        <v>1.045647203881972</v>
      </c>
      <c r="L6128">
        <f t="shared" si="688"/>
        <v>5.0191065786334654</v>
      </c>
      <c r="M6128">
        <f t="shared" si="689"/>
        <v>0</v>
      </c>
      <c r="N6128" s="46">
        <f t="shared" si="690"/>
        <v>45545.916666651887</v>
      </c>
    </row>
    <row r="6129" spans="2:14" x14ac:dyDescent="0.3">
      <c r="B6129">
        <f t="shared" si="684"/>
        <v>2</v>
      </c>
      <c r="C6129" s="16">
        <v>6095</v>
      </c>
      <c r="D6129" cm="1">
        <f t="array" ref="D6129">IFERROR(INDEX(Jesper!AH$2:AH$366,ROUNDDOWN($C6129/24,0)+1,1)*INDEX($D$3:$AA$30,INDEX(Jesper!$R$2:$R$366,ROW(INDEX(Jesper!AH$2:AH$366,ROUNDDOWN($C6129/24,0)+1,1))-1)+IF('Standard Profiles'!$G$18=$B$10,7,0)+IF('Standard Profiles'!$G$18=$B$17,14,0)+IF('Standard Profiles'!$G$18=$B$24,21,0),MOD($C6129,24)+1)/SUM(INDEX($D$3:$AA$30,INDEX(Jesper!$R$2:$R$366,ROW(INDEX(Jesper!AH$2:AH$366,ROUNDDOWN($C6129/24,0)+1,1))-1)+IF('Standard Profiles'!$G$18=$B$10,7,0)+IF('Standard Profiles'!$G$18=$B$17,14,0)+IF('Standard Profiles'!$G$18=$B$24,21,0),0)),0)</f>
        <v>6.9709813592131464</v>
      </c>
      <c r="E6129" cm="1">
        <f t="array" ref="E6129">IFERROR(INDEX(Jesper!AI$2:AI$366,ROUNDDOWN($C6129/24,0)+1,1)*INDEX($D$3:$AA$30,INDEX(Jesper!$R$2:$R$366,ROW(INDEX(Jesper!AI$2:AI$366,ROUNDDOWN($C6129/24,0)+1,1))-1)+IF('Standard Profiles'!$G$19=$B$10,7,0)+IF('Standard Profiles'!$G$19=$B$17,14,0)+IF('Standard Profiles'!$G$19=$B$24,21,0),MOD($C6129,24)+1)/SUM(INDEX($D$3:$AA$30,INDEX(Jesper!$R$2:$R$366,ROW(INDEX(Jesper!AI$2:AI$366,ROUNDDOWN($C6129/24,0)+1,1))-1)+IF('Standard Profiles'!$G$19=$B$10,7,0)+IF('Standard Profiles'!$G$19=$B$17,14,0)+IF('Standard Profiles'!$G$19=$B$24,21,0),0)),0)</f>
        <v>0</v>
      </c>
      <c r="F6129" cm="1">
        <f t="array" ref="F6129">IFERROR(INDEX(Jesper!AJ$2:AJ$366,ROUNDDOWN($C6129/24,0)+1,1)*INDEX($D$3:$AA$30,INDEX(Jesper!$R$2:$R$366,ROW(INDEX(Jesper!AJ$2:AJ$366,ROUNDDOWN($C6129/24,0)+1,1))-1)+IF('Standard Profiles'!$G$20=$B$10,7,0)+IF('Standard Profiles'!$G$20=$B$17,14,0)+IF('Standard Profiles'!$G$20=$B$24,21,0),MOD($C6129,24)+1)/SUM(INDEX($D$3:$AA$30,INDEX(Jesper!$R$2:$R$366,ROW(INDEX(Jesper!AJ$2:AJ$366,ROUNDDOWN($C6129/24,0)+1,1))-1)+IF('Standard Profiles'!$G$20=$B$10,7,0)+IF('Standard Profiles'!$G$20=$B$17,14,0)+IF('Standard Profiles'!$G$20=$B$24,21,0),0)),0)</f>
        <v>0</v>
      </c>
      <c r="G6129" cm="1">
        <f t="array" ref="G6129">IFERROR(INDEX(Jesper!AK$2:AK$366,ROUNDDOWN($C6129/24,0)+1,1)*INDEX($D$3:$AA$30,INDEX(Jesper!$R$2:$R$366,ROW(INDEX(Jesper!AK$2:AK$366,ROUNDDOWN($C6129/24,0)+1,1))-1)+IF('Standard Profiles'!$G$21=$B$10,7,0)+IF('Standard Profiles'!$G$21=$B$17,14,0)+IF('Standard Profiles'!$G$21=$B$24,21,0),MOD($C6129,24)+1)/SUM(INDEX($D$3:$AA$30,INDEX(Jesper!$R$2:$R$366,ROW(INDEX(Jesper!AK$2:AK$366,ROUNDDOWN($C6129/24,0)+1,1))-1)+IF('Standard Profiles'!$G$21=$B$10,7,0)+IF('Standard Profiles'!$G$21=$B$17,14,0)+IF('Standard Profiles'!$G$21=$B$24,21,0),0)),0)</f>
        <v>0</v>
      </c>
      <c r="H6129" cm="1">
        <f t="array" ref="H6129">IFERROR(INDEX(Jesper!AL$2:AL$366,ROUNDDOWN($C6129/24,0)+1,1)*INDEX($D$3:$AA$30,INDEX(Jesper!$R$2:$R$366,ROW(INDEX(Jesper!AL$2:AL$366,ROUNDDOWN($C6129/24,0)+1,1))-1)+IF('Standard Profiles'!$G$22=$B$10,7,0)+IF('Standard Profiles'!$G$22=$B$17,14,0)+IF('Standard Profiles'!$G$22=$B$24,21,0),MOD($C6129,24)+1)/SUM(INDEX($D$3:$AA$30,INDEX(Jesper!$R$2:$R$366,ROW(INDEX(Jesper!AL$2:AL$366,ROUNDDOWN($C6129/24,0)+1,1))-1)+IF('Standard Profiles'!$G$22=$B$10,7,0)+IF('Standard Profiles'!$G$22=$B$17,14,0)+IF('Standard Profiles'!$G$22=$B$24,21,0),0)),0)</f>
        <v>0</v>
      </c>
      <c r="I6129">
        <f t="shared" si="685"/>
        <v>0.20912944077639439</v>
      </c>
      <c r="J6129">
        <f t="shared" si="686"/>
        <v>0.69709813592131464</v>
      </c>
      <c r="K6129">
        <f t="shared" si="687"/>
        <v>1.045647203881972</v>
      </c>
      <c r="L6129">
        <f t="shared" si="688"/>
        <v>5.0191065786334654</v>
      </c>
      <c r="M6129">
        <f t="shared" si="689"/>
        <v>0</v>
      </c>
      <c r="N6129" s="46">
        <f t="shared" si="690"/>
        <v>45545.958333318551</v>
      </c>
    </row>
    <row r="6130" spans="2:14" x14ac:dyDescent="0.3">
      <c r="B6130">
        <f t="shared" si="684"/>
        <v>3</v>
      </c>
      <c r="C6130" s="16">
        <v>6096</v>
      </c>
      <c r="D6130" cm="1">
        <f t="array" ref="D6130">IFERROR(INDEX(Jesper!AH$2:AH$366,ROUNDDOWN($C6130/24,0)+1,1)*INDEX($D$3:$AA$30,INDEX(Jesper!$R$2:$R$366,ROW(INDEX(Jesper!AH$2:AH$366,ROUNDDOWN($C6130/24,0)+1,1))-1)+IF('Standard Profiles'!$G$18=$B$10,7,0)+IF('Standard Profiles'!$G$18=$B$17,14,0)+IF('Standard Profiles'!$G$18=$B$24,21,0),MOD($C6130,24)+1)/SUM(INDEX($D$3:$AA$30,INDEX(Jesper!$R$2:$R$366,ROW(INDEX(Jesper!AH$2:AH$366,ROUNDDOWN($C6130/24,0)+1,1))-1)+IF('Standard Profiles'!$G$18=$B$10,7,0)+IF('Standard Profiles'!$G$18=$B$17,14,0)+IF('Standard Profiles'!$G$18=$B$24,21,0),0)),0)</f>
        <v>6.3091342340959899</v>
      </c>
      <c r="E6130" cm="1">
        <f t="array" ref="E6130">IFERROR(INDEX(Jesper!AI$2:AI$366,ROUNDDOWN($C6130/24,0)+1,1)*INDEX($D$3:$AA$30,INDEX(Jesper!$R$2:$R$366,ROW(INDEX(Jesper!AI$2:AI$366,ROUNDDOWN($C6130/24,0)+1,1))-1)+IF('Standard Profiles'!$G$19=$B$10,7,0)+IF('Standard Profiles'!$G$19=$B$17,14,0)+IF('Standard Profiles'!$G$19=$B$24,21,0),MOD($C6130,24)+1)/SUM(INDEX($D$3:$AA$30,INDEX(Jesper!$R$2:$R$366,ROW(INDEX(Jesper!AI$2:AI$366,ROUNDDOWN($C6130/24,0)+1,1))-1)+IF('Standard Profiles'!$G$19=$B$10,7,0)+IF('Standard Profiles'!$G$19=$B$17,14,0)+IF('Standard Profiles'!$G$19=$B$24,21,0),0)),0)</f>
        <v>0</v>
      </c>
      <c r="F6130" cm="1">
        <f t="array" ref="F6130">IFERROR(INDEX(Jesper!AJ$2:AJ$366,ROUNDDOWN($C6130/24,0)+1,1)*INDEX($D$3:$AA$30,INDEX(Jesper!$R$2:$R$366,ROW(INDEX(Jesper!AJ$2:AJ$366,ROUNDDOWN($C6130/24,0)+1,1))-1)+IF('Standard Profiles'!$G$20=$B$10,7,0)+IF('Standard Profiles'!$G$20=$B$17,14,0)+IF('Standard Profiles'!$G$20=$B$24,21,0),MOD($C6130,24)+1)/SUM(INDEX($D$3:$AA$30,INDEX(Jesper!$R$2:$R$366,ROW(INDEX(Jesper!AJ$2:AJ$366,ROUNDDOWN($C6130/24,0)+1,1))-1)+IF('Standard Profiles'!$G$20=$B$10,7,0)+IF('Standard Profiles'!$G$20=$B$17,14,0)+IF('Standard Profiles'!$G$20=$B$24,21,0),0)),0)</f>
        <v>0</v>
      </c>
      <c r="G6130" cm="1">
        <f t="array" ref="G6130">IFERROR(INDEX(Jesper!AK$2:AK$366,ROUNDDOWN($C6130/24,0)+1,1)*INDEX($D$3:$AA$30,INDEX(Jesper!$R$2:$R$366,ROW(INDEX(Jesper!AK$2:AK$366,ROUNDDOWN($C6130/24,0)+1,1))-1)+IF('Standard Profiles'!$G$21=$B$10,7,0)+IF('Standard Profiles'!$G$21=$B$17,14,0)+IF('Standard Profiles'!$G$21=$B$24,21,0),MOD($C6130,24)+1)/SUM(INDEX($D$3:$AA$30,INDEX(Jesper!$R$2:$R$366,ROW(INDEX(Jesper!AK$2:AK$366,ROUNDDOWN($C6130/24,0)+1,1))-1)+IF('Standard Profiles'!$G$21=$B$10,7,0)+IF('Standard Profiles'!$G$21=$B$17,14,0)+IF('Standard Profiles'!$G$21=$B$24,21,0),0)),0)</f>
        <v>0</v>
      </c>
      <c r="H6130" cm="1">
        <f t="array" ref="H6130">IFERROR(INDEX(Jesper!AL$2:AL$366,ROUNDDOWN($C6130/24,0)+1,1)*INDEX($D$3:$AA$30,INDEX(Jesper!$R$2:$R$366,ROW(INDEX(Jesper!AL$2:AL$366,ROUNDDOWN($C6130/24,0)+1,1))-1)+IF('Standard Profiles'!$G$22=$B$10,7,0)+IF('Standard Profiles'!$G$22=$B$17,14,0)+IF('Standard Profiles'!$G$22=$B$24,21,0),MOD($C6130,24)+1)/SUM(INDEX($D$3:$AA$30,INDEX(Jesper!$R$2:$R$366,ROW(INDEX(Jesper!AL$2:AL$366,ROUNDDOWN($C6130/24,0)+1,1))-1)+IF('Standard Profiles'!$G$22=$B$10,7,0)+IF('Standard Profiles'!$G$22=$B$17,14,0)+IF('Standard Profiles'!$G$22=$B$24,21,0),0)),0)</f>
        <v>0</v>
      </c>
      <c r="I6130">
        <f t="shared" si="685"/>
        <v>0.18927402702287968</v>
      </c>
      <c r="J6130">
        <f t="shared" si="686"/>
        <v>0.63091342340959899</v>
      </c>
      <c r="K6130">
        <f t="shared" si="687"/>
        <v>0.94637013511439849</v>
      </c>
      <c r="L6130">
        <f t="shared" si="688"/>
        <v>4.5425766485491126</v>
      </c>
      <c r="M6130">
        <f t="shared" si="689"/>
        <v>0</v>
      </c>
      <c r="N6130" s="46">
        <f t="shared" si="690"/>
        <v>45545.999999985215</v>
      </c>
    </row>
    <row r="6131" spans="2:14" x14ac:dyDescent="0.3">
      <c r="B6131">
        <f t="shared" si="684"/>
        <v>3</v>
      </c>
      <c r="C6131" s="16">
        <v>6097</v>
      </c>
      <c r="D6131" cm="1">
        <f t="array" ref="D6131">IFERROR(INDEX(Jesper!AH$2:AH$366,ROUNDDOWN($C6131/24,0)+1,1)*INDEX($D$3:$AA$30,INDEX(Jesper!$R$2:$R$366,ROW(INDEX(Jesper!AH$2:AH$366,ROUNDDOWN($C6131/24,0)+1,1))-1)+IF('Standard Profiles'!$G$18=$B$10,7,0)+IF('Standard Profiles'!$G$18=$B$17,14,0)+IF('Standard Profiles'!$G$18=$B$24,21,0),MOD($C6131,24)+1)/SUM(INDEX($D$3:$AA$30,INDEX(Jesper!$R$2:$R$366,ROW(INDEX(Jesper!AH$2:AH$366,ROUNDDOWN($C6131/24,0)+1,1))-1)+IF('Standard Profiles'!$G$18=$B$10,7,0)+IF('Standard Profiles'!$G$18=$B$17,14,0)+IF('Standard Profiles'!$G$18=$B$24,21,0),0)),0)</f>
        <v>7.0977760133579881</v>
      </c>
      <c r="E6131" cm="1">
        <f t="array" ref="E6131">IFERROR(INDEX(Jesper!AI$2:AI$366,ROUNDDOWN($C6131/24,0)+1,1)*INDEX($D$3:$AA$30,INDEX(Jesper!$R$2:$R$366,ROW(INDEX(Jesper!AI$2:AI$366,ROUNDDOWN($C6131/24,0)+1,1))-1)+IF('Standard Profiles'!$G$19=$B$10,7,0)+IF('Standard Profiles'!$G$19=$B$17,14,0)+IF('Standard Profiles'!$G$19=$B$24,21,0),MOD($C6131,24)+1)/SUM(INDEX($D$3:$AA$30,INDEX(Jesper!$R$2:$R$366,ROW(INDEX(Jesper!AI$2:AI$366,ROUNDDOWN($C6131/24,0)+1,1))-1)+IF('Standard Profiles'!$G$19=$B$10,7,0)+IF('Standard Profiles'!$G$19=$B$17,14,0)+IF('Standard Profiles'!$G$19=$B$24,21,0),0)),0)</f>
        <v>0</v>
      </c>
      <c r="F6131" cm="1">
        <f t="array" ref="F6131">IFERROR(INDEX(Jesper!AJ$2:AJ$366,ROUNDDOWN($C6131/24,0)+1,1)*INDEX($D$3:$AA$30,INDEX(Jesper!$R$2:$R$366,ROW(INDEX(Jesper!AJ$2:AJ$366,ROUNDDOWN($C6131/24,0)+1,1))-1)+IF('Standard Profiles'!$G$20=$B$10,7,0)+IF('Standard Profiles'!$G$20=$B$17,14,0)+IF('Standard Profiles'!$G$20=$B$24,21,0),MOD($C6131,24)+1)/SUM(INDEX($D$3:$AA$30,INDEX(Jesper!$R$2:$R$366,ROW(INDEX(Jesper!AJ$2:AJ$366,ROUNDDOWN($C6131/24,0)+1,1))-1)+IF('Standard Profiles'!$G$20=$B$10,7,0)+IF('Standard Profiles'!$G$20=$B$17,14,0)+IF('Standard Profiles'!$G$20=$B$24,21,0),0)),0)</f>
        <v>0</v>
      </c>
      <c r="G6131" cm="1">
        <f t="array" ref="G6131">IFERROR(INDEX(Jesper!AK$2:AK$366,ROUNDDOWN($C6131/24,0)+1,1)*INDEX($D$3:$AA$30,INDEX(Jesper!$R$2:$R$366,ROW(INDEX(Jesper!AK$2:AK$366,ROUNDDOWN($C6131/24,0)+1,1))-1)+IF('Standard Profiles'!$G$21=$B$10,7,0)+IF('Standard Profiles'!$G$21=$B$17,14,0)+IF('Standard Profiles'!$G$21=$B$24,21,0),MOD($C6131,24)+1)/SUM(INDEX($D$3:$AA$30,INDEX(Jesper!$R$2:$R$366,ROW(INDEX(Jesper!AK$2:AK$366,ROUNDDOWN($C6131/24,0)+1,1))-1)+IF('Standard Profiles'!$G$21=$B$10,7,0)+IF('Standard Profiles'!$G$21=$B$17,14,0)+IF('Standard Profiles'!$G$21=$B$24,21,0),0)),0)</f>
        <v>0</v>
      </c>
      <c r="H6131" cm="1">
        <f t="array" ref="H6131">IFERROR(INDEX(Jesper!AL$2:AL$366,ROUNDDOWN($C6131/24,0)+1,1)*INDEX($D$3:$AA$30,INDEX(Jesper!$R$2:$R$366,ROW(INDEX(Jesper!AL$2:AL$366,ROUNDDOWN($C6131/24,0)+1,1))-1)+IF('Standard Profiles'!$G$22=$B$10,7,0)+IF('Standard Profiles'!$G$22=$B$17,14,0)+IF('Standard Profiles'!$G$22=$B$24,21,0),MOD($C6131,24)+1)/SUM(INDEX($D$3:$AA$30,INDEX(Jesper!$R$2:$R$366,ROW(INDEX(Jesper!AL$2:AL$366,ROUNDDOWN($C6131/24,0)+1,1))-1)+IF('Standard Profiles'!$G$22=$B$10,7,0)+IF('Standard Profiles'!$G$22=$B$17,14,0)+IF('Standard Profiles'!$G$22=$B$24,21,0),0)),0)</f>
        <v>0</v>
      </c>
      <c r="I6131">
        <f t="shared" si="685"/>
        <v>0.21293328040073964</v>
      </c>
      <c r="J6131">
        <f t="shared" si="686"/>
        <v>0.70977760133579881</v>
      </c>
      <c r="K6131">
        <f t="shared" si="687"/>
        <v>1.0646664020036982</v>
      </c>
      <c r="L6131">
        <f t="shared" si="688"/>
        <v>5.1103987296177511</v>
      </c>
      <c r="M6131">
        <f t="shared" si="689"/>
        <v>0</v>
      </c>
      <c r="N6131" s="46">
        <f t="shared" si="690"/>
        <v>45546.041666651879</v>
      </c>
    </row>
    <row r="6132" spans="2:14" x14ac:dyDescent="0.3">
      <c r="B6132">
        <f t="shared" si="684"/>
        <v>3</v>
      </c>
      <c r="C6132" s="16">
        <v>6098</v>
      </c>
      <c r="D6132" cm="1">
        <f t="array" ref="D6132">IFERROR(INDEX(Jesper!AH$2:AH$366,ROUNDDOWN($C6132/24,0)+1,1)*INDEX($D$3:$AA$30,INDEX(Jesper!$R$2:$R$366,ROW(INDEX(Jesper!AH$2:AH$366,ROUNDDOWN($C6132/24,0)+1,1))-1)+IF('Standard Profiles'!$G$18=$B$10,7,0)+IF('Standard Profiles'!$G$18=$B$17,14,0)+IF('Standard Profiles'!$G$18=$B$24,21,0),MOD($C6132,24)+1)/SUM(INDEX($D$3:$AA$30,INDEX(Jesper!$R$2:$R$366,ROW(INDEX(Jesper!AH$2:AH$366,ROUNDDOWN($C6132/24,0)+1,1))-1)+IF('Standard Profiles'!$G$18=$B$10,7,0)+IF('Standard Profiles'!$G$18=$B$17,14,0)+IF('Standard Profiles'!$G$18=$B$24,21,0),0)),0)</f>
        <v>7.0977760133579881</v>
      </c>
      <c r="E6132" cm="1">
        <f t="array" ref="E6132">IFERROR(INDEX(Jesper!AI$2:AI$366,ROUNDDOWN($C6132/24,0)+1,1)*INDEX($D$3:$AA$30,INDEX(Jesper!$R$2:$R$366,ROW(INDEX(Jesper!AI$2:AI$366,ROUNDDOWN($C6132/24,0)+1,1))-1)+IF('Standard Profiles'!$G$19=$B$10,7,0)+IF('Standard Profiles'!$G$19=$B$17,14,0)+IF('Standard Profiles'!$G$19=$B$24,21,0),MOD($C6132,24)+1)/SUM(INDEX($D$3:$AA$30,INDEX(Jesper!$R$2:$R$366,ROW(INDEX(Jesper!AI$2:AI$366,ROUNDDOWN($C6132/24,0)+1,1))-1)+IF('Standard Profiles'!$G$19=$B$10,7,0)+IF('Standard Profiles'!$G$19=$B$17,14,0)+IF('Standard Profiles'!$G$19=$B$24,21,0),0)),0)</f>
        <v>0</v>
      </c>
      <c r="F6132" cm="1">
        <f t="array" ref="F6132">IFERROR(INDEX(Jesper!AJ$2:AJ$366,ROUNDDOWN($C6132/24,0)+1,1)*INDEX($D$3:$AA$30,INDEX(Jesper!$R$2:$R$366,ROW(INDEX(Jesper!AJ$2:AJ$366,ROUNDDOWN($C6132/24,0)+1,1))-1)+IF('Standard Profiles'!$G$20=$B$10,7,0)+IF('Standard Profiles'!$G$20=$B$17,14,0)+IF('Standard Profiles'!$G$20=$B$24,21,0),MOD($C6132,24)+1)/SUM(INDEX($D$3:$AA$30,INDEX(Jesper!$R$2:$R$366,ROW(INDEX(Jesper!AJ$2:AJ$366,ROUNDDOWN($C6132/24,0)+1,1))-1)+IF('Standard Profiles'!$G$20=$B$10,7,0)+IF('Standard Profiles'!$G$20=$B$17,14,0)+IF('Standard Profiles'!$G$20=$B$24,21,0),0)),0)</f>
        <v>0</v>
      </c>
      <c r="G6132" cm="1">
        <f t="array" ref="G6132">IFERROR(INDEX(Jesper!AK$2:AK$366,ROUNDDOWN($C6132/24,0)+1,1)*INDEX($D$3:$AA$30,INDEX(Jesper!$R$2:$R$366,ROW(INDEX(Jesper!AK$2:AK$366,ROUNDDOWN($C6132/24,0)+1,1))-1)+IF('Standard Profiles'!$G$21=$B$10,7,0)+IF('Standard Profiles'!$G$21=$B$17,14,0)+IF('Standard Profiles'!$G$21=$B$24,21,0),MOD($C6132,24)+1)/SUM(INDEX($D$3:$AA$30,INDEX(Jesper!$R$2:$R$366,ROW(INDEX(Jesper!AK$2:AK$366,ROUNDDOWN($C6132/24,0)+1,1))-1)+IF('Standard Profiles'!$G$21=$B$10,7,0)+IF('Standard Profiles'!$G$21=$B$17,14,0)+IF('Standard Profiles'!$G$21=$B$24,21,0),0)),0)</f>
        <v>0</v>
      </c>
      <c r="H6132" cm="1">
        <f t="array" ref="H6132">IFERROR(INDEX(Jesper!AL$2:AL$366,ROUNDDOWN($C6132/24,0)+1,1)*INDEX($D$3:$AA$30,INDEX(Jesper!$R$2:$R$366,ROW(INDEX(Jesper!AL$2:AL$366,ROUNDDOWN($C6132/24,0)+1,1))-1)+IF('Standard Profiles'!$G$22=$B$10,7,0)+IF('Standard Profiles'!$G$22=$B$17,14,0)+IF('Standard Profiles'!$G$22=$B$24,21,0),MOD($C6132,24)+1)/SUM(INDEX($D$3:$AA$30,INDEX(Jesper!$R$2:$R$366,ROW(INDEX(Jesper!AL$2:AL$366,ROUNDDOWN($C6132/24,0)+1,1))-1)+IF('Standard Profiles'!$G$22=$B$10,7,0)+IF('Standard Profiles'!$G$22=$B$17,14,0)+IF('Standard Profiles'!$G$22=$B$24,21,0),0)),0)</f>
        <v>0</v>
      </c>
      <c r="I6132">
        <f t="shared" si="685"/>
        <v>0.21293328040073964</v>
      </c>
      <c r="J6132">
        <f t="shared" si="686"/>
        <v>0.70977760133579881</v>
      </c>
      <c r="K6132">
        <f t="shared" si="687"/>
        <v>1.0646664020036982</v>
      </c>
      <c r="L6132">
        <f t="shared" si="688"/>
        <v>5.1103987296177511</v>
      </c>
      <c r="M6132">
        <f t="shared" si="689"/>
        <v>0</v>
      </c>
      <c r="N6132" s="46">
        <f t="shared" si="690"/>
        <v>45546.083333318544</v>
      </c>
    </row>
    <row r="6133" spans="2:14" x14ac:dyDescent="0.3">
      <c r="B6133">
        <f t="shared" si="684"/>
        <v>3</v>
      </c>
      <c r="C6133" s="16">
        <v>6099</v>
      </c>
      <c r="D6133" cm="1">
        <f t="array" ref="D6133">IFERROR(INDEX(Jesper!AH$2:AH$366,ROUNDDOWN($C6133/24,0)+1,1)*INDEX($D$3:$AA$30,INDEX(Jesper!$R$2:$R$366,ROW(INDEX(Jesper!AH$2:AH$366,ROUNDDOWN($C6133/24,0)+1,1))-1)+IF('Standard Profiles'!$G$18=$B$10,7,0)+IF('Standard Profiles'!$G$18=$B$17,14,0)+IF('Standard Profiles'!$G$18=$B$24,21,0),MOD($C6133,24)+1)/SUM(INDEX($D$3:$AA$30,INDEX(Jesper!$R$2:$R$366,ROW(INDEX(Jesper!AH$2:AH$366,ROUNDDOWN($C6133/24,0)+1,1))-1)+IF('Standard Profiles'!$G$18=$B$10,7,0)+IF('Standard Profiles'!$G$18=$B$17,14,0)+IF('Standard Profiles'!$G$18=$B$24,21,0),0)),0)</f>
        <v>7.0977760133579881</v>
      </c>
      <c r="E6133" cm="1">
        <f t="array" ref="E6133">IFERROR(INDEX(Jesper!AI$2:AI$366,ROUNDDOWN($C6133/24,0)+1,1)*INDEX($D$3:$AA$30,INDEX(Jesper!$R$2:$R$366,ROW(INDEX(Jesper!AI$2:AI$366,ROUNDDOWN($C6133/24,0)+1,1))-1)+IF('Standard Profiles'!$G$19=$B$10,7,0)+IF('Standard Profiles'!$G$19=$B$17,14,0)+IF('Standard Profiles'!$G$19=$B$24,21,0),MOD($C6133,24)+1)/SUM(INDEX($D$3:$AA$30,INDEX(Jesper!$R$2:$R$366,ROW(INDEX(Jesper!AI$2:AI$366,ROUNDDOWN($C6133/24,0)+1,1))-1)+IF('Standard Profiles'!$G$19=$B$10,7,0)+IF('Standard Profiles'!$G$19=$B$17,14,0)+IF('Standard Profiles'!$G$19=$B$24,21,0),0)),0)</f>
        <v>0</v>
      </c>
      <c r="F6133" cm="1">
        <f t="array" ref="F6133">IFERROR(INDEX(Jesper!AJ$2:AJ$366,ROUNDDOWN($C6133/24,0)+1,1)*INDEX($D$3:$AA$30,INDEX(Jesper!$R$2:$R$366,ROW(INDEX(Jesper!AJ$2:AJ$366,ROUNDDOWN($C6133/24,0)+1,1))-1)+IF('Standard Profiles'!$G$20=$B$10,7,0)+IF('Standard Profiles'!$G$20=$B$17,14,0)+IF('Standard Profiles'!$G$20=$B$24,21,0),MOD($C6133,24)+1)/SUM(INDEX($D$3:$AA$30,INDEX(Jesper!$R$2:$R$366,ROW(INDEX(Jesper!AJ$2:AJ$366,ROUNDDOWN($C6133/24,0)+1,1))-1)+IF('Standard Profiles'!$G$20=$B$10,7,0)+IF('Standard Profiles'!$G$20=$B$17,14,0)+IF('Standard Profiles'!$G$20=$B$24,21,0),0)),0)</f>
        <v>0</v>
      </c>
      <c r="G6133" cm="1">
        <f t="array" ref="G6133">IFERROR(INDEX(Jesper!AK$2:AK$366,ROUNDDOWN($C6133/24,0)+1,1)*INDEX($D$3:$AA$30,INDEX(Jesper!$R$2:$R$366,ROW(INDEX(Jesper!AK$2:AK$366,ROUNDDOWN($C6133/24,0)+1,1))-1)+IF('Standard Profiles'!$G$21=$B$10,7,0)+IF('Standard Profiles'!$G$21=$B$17,14,0)+IF('Standard Profiles'!$G$21=$B$24,21,0),MOD($C6133,24)+1)/SUM(INDEX($D$3:$AA$30,INDEX(Jesper!$R$2:$R$366,ROW(INDEX(Jesper!AK$2:AK$366,ROUNDDOWN($C6133/24,0)+1,1))-1)+IF('Standard Profiles'!$G$21=$B$10,7,0)+IF('Standard Profiles'!$G$21=$B$17,14,0)+IF('Standard Profiles'!$G$21=$B$24,21,0),0)),0)</f>
        <v>0</v>
      </c>
      <c r="H6133" cm="1">
        <f t="array" ref="H6133">IFERROR(INDEX(Jesper!AL$2:AL$366,ROUNDDOWN($C6133/24,0)+1,1)*INDEX($D$3:$AA$30,INDEX(Jesper!$R$2:$R$366,ROW(INDEX(Jesper!AL$2:AL$366,ROUNDDOWN($C6133/24,0)+1,1))-1)+IF('Standard Profiles'!$G$22=$B$10,7,0)+IF('Standard Profiles'!$G$22=$B$17,14,0)+IF('Standard Profiles'!$G$22=$B$24,21,0),MOD($C6133,24)+1)/SUM(INDEX($D$3:$AA$30,INDEX(Jesper!$R$2:$R$366,ROW(INDEX(Jesper!AL$2:AL$366,ROUNDDOWN($C6133/24,0)+1,1))-1)+IF('Standard Profiles'!$G$22=$B$10,7,0)+IF('Standard Profiles'!$G$22=$B$17,14,0)+IF('Standard Profiles'!$G$22=$B$24,21,0),0)),0)</f>
        <v>0</v>
      </c>
      <c r="I6133">
        <f t="shared" si="685"/>
        <v>0.21293328040073964</v>
      </c>
      <c r="J6133">
        <f t="shared" si="686"/>
        <v>0.70977760133579881</v>
      </c>
      <c r="K6133">
        <f t="shared" si="687"/>
        <v>1.0646664020036982</v>
      </c>
      <c r="L6133">
        <f t="shared" si="688"/>
        <v>5.1103987296177511</v>
      </c>
      <c r="M6133">
        <f t="shared" si="689"/>
        <v>0</v>
      </c>
      <c r="N6133" s="46">
        <f t="shared" si="690"/>
        <v>45546.124999985208</v>
      </c>
    </row>
    <row r="6134" spans="2:14" x14ac:dyDescent="0.3">
      <c r="B6134">
        <f t="shared" si="684"/>
        <v>3</v>
      </c>
      <c r="C6134" s="16">
        <v>6100</v>
      </c>
      <c r="D6134" cm="1">
        <f t="array" ref="D6134">IFERROR(INDEX(Jesper!AH$2:AH$366,ROUNDDOWN($C6134/24,0)+1,1)*INDEX($D$3:$AA$30,INDEX(Jesper!$R$2:$R$366,ROW(INDEX(Jesper!AH$2:AH$366,ROUNDDOWN($C6134/24,0)+1,1))-1)+IF('Standard Profiles'!$G$18=$B$10,7,0)+IF('Standard Profiles'!$G$18=$B$17,14,0)+IF('Standard Profiles'!$G$18=$B$24,21,0),MOD($C6134,24)+1)/SUM(INDEX($D$3:$AA$30,INDEX(Jesper!$R$2:$R$366,ROW(INDEX(Jesper!AH$2:AH$366,ROUNDDOWN($C6134/24,0)+1,1))-1)+IF('Standard Profiles'!$G$18=$B$10,7,0)+IF('Standard Profiles'!$G$18=$B$17,14,0)+IF('Standard Profiles'!$G$18=$B$24,21,0),0)),0)</f>
        <v>7.0977760133579881</v>
      </c>
      <c r="E6134" cm="1">
        <f t="array" ref="E6134">IFERROR(INDEX(Jesper!AI$2:AI$366,ROUNDDOWN($C6134/24,0)+1,1)*INDEX($D$3:$AA$30,INDEX(Jesper!$R$2:$R$366,ROW(INDEX(Jesper!AI$2:AI$366,ROUNDDOWN($C6134/24,0)+1,1))-1)+IF('Standard Profiles'!$G$19=$B$10,7,0)+IF('Standard Profiles'!$G$19=$B$17,14,0)+IF('Standard Profiles'!$G$19=$B$24,21,0),MOD($C6134,24)+1)/SUM(INDEX($D$3:$AA$30,INDEX(Jesper!$R$2:$R$366,ROW(INDEX(Jesper!AI$2:AI$366,ROUNDDOWN($C6134/24,0)+1,1))-1)+IF('Standard Profiles'!$G$19=$B$10,7,0)+IF('Standard Profiles'!$G$19=$B$17,14,0)+IF('Standard Profiles'!$G$19=$B$24,21,0),0)),0)</f>
        <v>0</v>
      </c>
      <c r="F6134" cm="1">
        <f t="array" ref="F6134">IFERROR(INDEX(Jesper!AJ$2:AJ$366,ROUNDDOWN($C6134/24,0)+1,1)*INDEX($D$3:$AA$30,INDEX(Jesper!$R$2:$R$366,ROW(INDEX(Jesper!AJ$2:AJ$366,ROUNDDOWN($C6134/24,0)+1,1))-1)+IF('Standard Profiles'!$G$20=$B$10,7,0)+IF('Standard Profiles'!$G$20=$B$17,14,0)+IF('Standard Profiles'!$G$20=$B$24,21,0),MOD($C6134,24)+1)/SUM(INDEX($D$3:$AA$30,INDEX(Jesper!$R$2:$R$366,ROW(INDEX(Jesper!AJ$2:AJ$366,ROUNDDOWN($C6134/24,0)+1,1))-1)+IF('Standard Profiles'!$G$20=$B$10,7,0)+IF('Standard Profiles'!$G$20=$B$17,14,0)+IF('Standard Profiles'!$G$20=$B$24,21,0),0)),0)</f>
        <v>0</v>
      </c>
      <c r="G6134" cm="1">
        <f t="array" ref="G6134">IFERROR(INDEX(Jesper!AK$2:AK$366,ROUNDDOWN($C6134/24,0)+1,1)*INDEX($D$3:$AA$30,INDEX(Jesper!$R$2:$R$366,ROW(INDEX(Jesper!AK$2:AK$366,ROUNDDOWN($C6134/24,0)+1,1))-1)+IF('Standard Profiles'!$G$21=$B$10,7,0)+IF('Standard Profiles'!$G$21=$B$17,14,0)+IF('Standard Profiles'!$G$21=$B$24,21,0),MOD($C6134,24)+1)/SUM(INDEX($D$3:$AA$30,INDEX(Jesper!$R$2:$R$366,ROW(INDEX(Jesper!AK$2:AK$366,ROUNDDOWN($C6134/24,0)+1,1))-1)+IF('Standard Profiles'!$G$21=$B$10,7,0)+IF('Standard Profiles'!$G$21=$B$17,14,0)+IF('Standard Profiles'!$G$21=$B$24,21,0),0)),0)</f>
        <v>0</v>
      </c>
      <c r="H6134" cm="1">
        <f t="array" ref="H6134">IFERROR(INDEX(Jesper!AL$2:AL$366,ROUNDDOWN($C6134/24,0)+1,1)*INDEX($D$3:$AA$30,INDEX(Jesper!$R$2:$R$366,ROW(INDEX(Jesper!AL$2:AL$366,ROUNDDOWN($C6134/24,0)+1,1))-1)+IF('Standard Profiles'!$G$22=$B$10,7,0)+IF('Standard Profiles'!$G$22=$B$17,14,0)+IF('Standard Profiles'!$G$22=$B$24,21,0),MOD($C6134,24)+1)/SUM(INDEX($D$3:$AA$30,INDEX(Jesper!$R$2:$R$366,ROW(INDEX(Jesper!AL$2:AL$366,ROUNDDOWN($C6134/24,0)+1,1))-1)+IF('Standard Profiles'!$G$22=$B$10,7,0)+IF('Standard Profiles'!$G$22=$B$17,14,0)+IF('Standard Profiles'!$G$22=$B$24,21,0),0)),0)</f>
        <v>0</v>
      </c>
      <c r="I6134">
        <f t="shared" si="685"/>
        <v>0.21293328040073964</v>
      </c>
      <c r="J6134">
        <f t="shared" si="686"/>
        <v>0.70977760133579881</v>
      </c>
      <c r="K6134">
        <f t="shared" si="687"/>
        <v>1.0646664020036982</v>
      </c>
      <c r="L6134">
        <f t="shared" si="688"/>
        <v>5.1103987296177511</v>
      </c>
      <c r="M6134">
        <f t="shared" si="689"/>
        <v>0</v>
      </c>
      <c r="N6134" s="46">
        <f t="shared" si="690"/>
        <v>45546.166666651872</v>
      </c>
    </row>
    <row r="6135" spans="2:14" x14ac:dyDescent="0.3">
      <c r="B6135">
        <f t="shared" si="684"/>
        <v>3</v>
      </c>
      <c r="C6135" s="16">
        <v>6101</v>
      </c>
      <c r="D6135" cm="1">
        <f t="array" ref="D6135">IFERROR(INDEX(Jesper!AH$2:AH$366,ROUNDDOWN($C6135/24,0)+1,1)*INDEX($D$3:$AA$30,INDEX(Jesper!$R$2:$R$366,ROW(INDEX(Jesper!AH$2:AH$366,ROUNDDOWN($C6135/24,0)+1,1))-1)+IF('Standard Profiles'!$G$18=$B$10,7,0)+IF('Standard Profiles'!$G$18=$B$17,14,0)+IF('Standard Profiles'!$G$18=$B$24,21,0),MOD($C6135,24)+1)/SUM(INDEX($D$3:$AA$30,INDEX(Jesper!$R$2:$R$366,ROW(INDEX(Jesper!AH$2:AH$366,ROUNDDOWN($C6135/24,0)+1,1))-1)+IF('Standard Profiles'!$G$18=$B$10,7,0)+IF('Standard Profiles'!$G$18=$B$17,14,0)+IF('Standard Profiles'!$G$18=$B$24,21,0),0)),0)</f>
        <v>9.1482446394391843</v>
      </c>
      <c r="E6135" cm="1">
        <f t="array" ref="E6135">IFERROR(INDEX(Jesper!AI$2:AI$366,ROUNDDOWN($C6135/24,0)+1,1)*INDEX($D$3:$AA$30,INDEX(Jesper!$R$2:$R$366,ROW(INDEX(Jesper!AI$2:AI$366,ROUNDDOWN($C6135/24,0)+1,1))-1)+IF('Standard Profiles'!$G$19=$B$10,7,0)+IF('Standard Profiles'!$G$19=$B$17,14,0)+IF('Standard Profiles'!$G$19=$B$24,21,0),MOD($C6135,24)+1)/SUM(INDEX($D$3:$AA$30,INDEX(Jesper!$R$2:$R$366,ROW(INDEX(Jesper!AI$2:AI$366,ROUNDDOWN($C6135/24,0)+1,1))-1)+IF('Standard Profiles'!$G$19=$B$10,7,0)+IF('Standard Profiles'!$G$19=$B$17,14,0)+IF('Standard Profiles'!$G$19=$B$24,21,0),0)),0)</f>
        <v>0</v>
      </c>
      <c r="F6135" cm="1">
        <f t="array" ref="F6135">IFERROR(INDEX(Jesper!AJ$2:AJ$366,ROUNDDOWN($C6135/24,0)+1,1)*INDEX($D$3:$AA$30,INDEX(Jesper!$R$2:$R$366,ROW(INDEX(Jesper!AJ$2:AJ$366,ROUNDDOWN($C6135/24,0)+1,1))-1)+IF('Standard Profiles'!$G$20=$B$10,7,0)+IF('Standard Profiles'!$G$20=$B$17,14,0)+IF('Standard Profiles'!$G$20=$B$24,21,0),MOD($C6135,24)+1)/SUM(INDEX($D$3:$AA$30,INDEX(Jesper!$R$2:$R$366,ROW(INDEX(Jesper!AJ$2:AJ$366,ROUNDDOWN($C6135/24,0)+1,1))-1)+IF('Standard Profiles'!$G$20=$B$10,7,0)+IF('Standard Profiles'!$G$20=$B$17,14,0)+IF('Standard Profiles'!$G$20=$B$24,21,0),0)),0)</f>
        <v>0</v>
      </c>
      <c r="G6135" cm="1">
        <f t="array" ref="G6135">IFERROR(INDEX(Jesper!AK$2:AK$366,ROUNDDOWN($C6135/24,0)+1,1)*INDEX($D$3:$AA$30,INDEX(Jesper!$R$2:$R$366,ROW(INDEX(Jesper!AK$2:AK$366,ROUNDDOWN($C6135/24,0)+1,1))-1)+IF('Standard Profiles'!$G$21=$B$10,7,0)+IF('Standard Profiles'!$G$21=$B$17,14,0)+IF('Standard Profiles'!$G$21=$B$24,21,0),MOD($C6135,24)+1)/SUM(INDEX($D$3:$AA$30,INDEX(Jesper!$R$2:$R$366,ROW(INDEX(Jesper!AK$2:AK$366,ROUNDDOWN($C6135/24,0)+1,1))-1)+IF('Standard Profiles'!$G$21=$B$10,7,0)+IF('Standard Profiles'!$G$21=$B$17,14,0)+IF('Standard Profiles'!$G$21=$B$24,21,0),0)),0)</f>
        <v>0</v>
      </c>
      <c r="H6135" cm="1">
        <f t="array" ref="H6135">IFERROR(INDEX(Jesper!AL$2:AL$366,ROUNDDOWN($C6135/24,0)+1,1)*INDEX($D$3:$AA$30,INDEX(Jesper!$R$2:$R$366,ROW(INDEX(Jesper!AL$2:AL$366,ROUNDDOWN($C6135/24,0)+1,1))-1)+IF('Standard Profiles'!$G$22=$B$10,7,0)+IF('Standard Profiles'!$G$22=$B$17,14,0)+IF('Standard Profiles'!$G$22=$B$24,21,0),MOD($C6135,24)+1)/SUM(INDEX($D$3:$AA$30,INDEX(Jesper!$R$2:$R$366,ROW(INDEX(Jesper!AL$2:AL$366,ROUNDDOWN($C6135/24,0)+1,1))-1)+IF('Standard Profiles'!$G$22=$B$10,7,0)+IF('Standard Profiles'!$G$22=$B$17,14,0)+IF('Standard Profiles'!$G$22=$B$24,21,0),0)),0)</f>
        <v>0</v>
      </c>
      <c r="I6135">
        <f t="shared" si="685"/>
        <v>0.27444733918317554</v>
      </c>
      <c r="J6135">
        <f t="shared" si="686"/>
        <v>0.91482446394391848</v>
      </c>
      <c r="K6135">
        <f t="shared" si="687"/>
        <v>1.3722366959158776</v>
      </c>
      <c r="L6135">
        <f t="shared" si="688"/>
        <v>6.5867361403962121</v>
      </c>
      <c r="M6135">
        <f t="shared" si="689"/>
        <v>0</v>
      </c>
      <c r="N6135" s="46">
        <f t="shared" si="690"/>
        <v>45546.208333318536</v>
      </c>
    </row>
    <row r="6136" spans="2:14" x14ac:dyDescent="0.3">
      <c r="B6136">
        <f t="shared" si="684"/>
        <v>3</v>
      </c>
      <c r="C6136" s="16">
        <v>6102</v>
      </c>
      <c r="D6136" cm="1">
        <f t="array" ref="D6136">IFERROR(INDEX(Jesper!AH$2:AH$366,ROUNDDOWN($C6136/24,0)+1,1)*INDEX($D$3:$AA$30,INDEX(Jesper!$R$2:$R$366,ROW(INDEX(Jesper!AH$2:AH$366,ROUNDDOWN($C6136/24,0)+1,1))-1)+IF('Standard Profiles'!$G$18=$B$10,7,0)+IF('Standard Profiles'!$G$18=$B$17,14,0)+IF('Standard Profiles'!$G$18=$B$24,21,0),MOD($C6136,24)+1)/SUM(INDEX($D$3:$AA$30,INDEX(Jesper!$R$2:$R$366,ROW(INDEX(Jesper!AH$2:AH$366,ROUNDDOWN($C6136/24,0)+1,1))-1)+IF('Standard Profiles'!$G$18=$B$10,7,0)+IF('Standard Profiles'!$G$18=$B$17,14,0)+IF('Standard Profiles'!$G$18=$B$24,21,0),0)),0)</f>
        <v>10.567799842110784</v>
      </c>
      <c r="E6136" cm="1">
        <f t="array" ref="E6136">IFERROR(INDEX(Jesper!AI$2:AI$366,ROUNDDOWN($C6136/24,0)+1,1)*INDEX($D$3:$AA$30,INDEX(Jesper!$R$2:$R$366,ROW(INDEX(Jesper!AI$2:AI$366,ROUNDDOWN($C6136/24,0)+1,1))-1)+IF('Standard Profiles'!$G$19=$B$10,7,0)+IF('Standard Profiles'!$G$19=$B$17,14,0)+IF('Standard Profiles'!$G$19=$B$24,21,0),MOD($C6136,24)+1)/SUM(INDEX($D$3:$AA$30,INDEX(Jesper!$R$2:$R$366,ROW(INDEX(Jesper!AI$2:AI$366,ROUNDDOWN($C6136/24,0)+1,1))-1)+IF('Standard Profiles'!$G$19=$B$10,7,0)+IF('Standard Profiles'!$G$19=$B$17,14,0)+IF('Standard Profiles'!$G$19=$B$24,21,0),0)),0)</f>
        <v>0</v>
      </c>
      <c r="F6136" cm="1">
        <f t="array" ref="F6136">IFERROR(INDEX(Jesper!AJ$2:AJ$366,ROUNDDOWN($C6136/24,0)+1,1)*INDEX($D$3:$AA$30,INDEX(Jesper!$R$2:$R$366,ROW(INDEX(Jesper!AJ$2:AJ$366,ROUNDDOWN($C6136/24,0)+1,1))-1)+IF('Standard Profiles'!$G$20=$B$10,7,0)+IF('Standard Profiles'!$G$20=$B$17,14,0)+IF('Standard Profiles'!$G$20=$B$24,21,0),MOD($C6136,24)+1)/SUM(INDEX($D$3:$AA$30,INDEX(Jesper!$R$2:$R$366,ROW(INDEX(Jesper!AJ$2:AJ$366,ROUNDDOWN($C6136/24,0)+1,1))-1)+IF('Standard Profiles'!$G$20=$B$10,7,0)+IF('Standard Profiles'!$G$20=$B$17,14,0)+IF('Standard Profiles'!$G$20=$B$24,21,0),0)),0)</f>
        <v>0</v>
      </c>
      <c r="G6136" cm="1">
        <f t="array" ref="G6136">IFERROR(INDEX(Jesper!AK$2:AK$366,ROUNDDOWN($C6136/24,0)+1,1)*INDEX($D$3:$AA$30,INDEX(Jesper!$R$2:$R$366,ROW(INDEX(Jesper!AK$2:AK$366,ROUNDDOWN($C6136/24,0)+1,1))-1)+IF('Standard Profiles'!$G$21=$B$10,7,0)+IF('Standard Profiles'!$G$21=$B$17,14,0)+IF('Standard Profiles'!$G$21=$B$24,21,0),MOD($C6136,24)+1)/SUM(INDEX($D$3:$AA$30,INDEX(Jesper!$R$2:$R$366,ROW(INDEX(Jesper!AK$2:AK$366,ROUNDDOWN($C6136/24,0)+1,1))-1)+IF('Standard Profiles'!$G$21=$B$10,7,0)+IF('Standard Profiles'!$G$21=$B$17,14,0)+IF('Standard Profiles'!$G$21=$B$24,21,0),0)),0)</f>
        <v>0</v>
      </c>
      <c r="H6136" cm="1">
        <f t="array" ref="H6136">IFERROR(INDEX(Jesper!AL$2:AL$366,ROUNDDOWN($C6136/24,0)+1,1)*INDEX($D$3:$AA$30,INDEX(Jesper!$R$2:$R$366,ROW(INDEX(Jesper!AL$2:AL$366,ROUNDDOWN($C6136/24,0)+1,1))-1)+IF('Standard Profiles'!$G$22=$B$10,7,0)+IF('Standard Profiles'!$G$22=$B$17,14,0)+IF('Standard Profiles'!$G$22=$B$24,21,0),MOD($C6136,24)+1)/SUM(INDEX($D$3:$AA$30,INDEX(Jesper!$R$2:$R$366,ROW(INDEX(Jesper!AL$2:AL$366,ROUNDDOWN($C6136/24,0)+1,1))-1)+IF('Standard Profiles'!$G$22=$B$10,7,0)+IF('Standard Profiles'!$G$22=$B$17,14,0)+IF('Standard Profiles'!$G$22=$B$24,21,0),0)),0)</f>
        <v>0</v>
      </c>
      <c r="I6136">
        <f t="shared" si="685"/>
        <v>0.31703399526332349</v>
      </c>
      <c r="J6136">
        <f t="shared" si="686"/>
        <v>1.0567799842110783</v>
      </c>
      <c r="K6136">
        <f t="shared" si="687"/>
        <v>1.5851699763166176</v>
      </c>
      <c r="L6136">
        <f t="shared" si="688"/>
        <v>7.6088158863197641</v>
      </c>
      <c r="M6136">
        <f t="shared" si="689"/>
        <v>0</v>
      </c>
      <c r="N6136" s="46">
        <f t="shared" si="690"/>
        <v>45546.249999985201</v>
      </c>
    </row>
    <row r="6137" spans="2:14" x14ac:dyDescent="0.3">
      <c r="B6137">
        <f t="shared" si="684"/>
        <v>3</v>
      </c>
      <c r="C6137" s="16">
        <v>6103</v>
      </c>
      <c r="D6137" cm="1">
        <f t="array" ref="D6137">IFERROR(INDEX(Jesper!AH$2:AH$366,ROUNDDOWN($C6137/24,0)+1,1)*INDEX($D$3:$AA$30,INDEX(Jesper!$R$2:$R$366,ROW(INDEX(Jesper!AH$2:AH$366,ROUNDDOWN($C6137/24,0)+1,1))-1)+IF('Standard Profiles'!$G$18=$B$10,7,0)+IF('Standard Profiles'!$G$18=$B$17,14,0)+IF('Standard Profiles'!$G$18=$B$24,21,0),MOD($C6137,24)+1)/SUM(INDEX($D$3:$AA$30,INDEX(Jesper!$R$2:$R$366,ROW(INDEX(Jesper!AH$2:AH$366,ROUNDDOWN($C6137/24,0)+1,1))-1)+IF('Standard Profiles'!$G$18=$B$10,7,0)+IF('Standard Profiles'!$G$18=$B$17,14,0)+IF('Standard Profiles'!$G$18=$B$24,21,0),0)),0)</f>
        <v>10.567799842110784</v>
      </c>
      <c r="E6137" cm="1">
        <f t="array" ref="E6137">IFERROR(INDEX(Jesper!AI$2:AI$366,ROUNDDOWN($C6137/24,0)+1,1)*INDEX($D$3:$AA$30,INDEX(Jesper!$R$2:$R$366,ROW(INDEX(Jesper!AI$2:AI$366,ROUNDDOWN($C6137/24,0)+1,1))-1)+IF('Standard Profiles'!$G$19=$B$10,7,0)+IF('Standard Profiles'!$G$19=$B$17,14,0)+IF('Standard Profiles'!$G$19=$B$24,21,0),MOD($C6137,24)+1)/SUM(INDEX($D$3:$AA$30,INDEX(Jesper!$R$2:$R$366,ROW(INDEX(Jesper!AI$2:AI$366,ROUNDDOWN($C6137/24,0)+1,1))-1)+IF('Standard Profiles'!$G$19=$B$10,7,0)+IF('Standard Profiles'!$G$19=$B$17,14,0)+IF('Standard Profiles'!$G$19=$B$24,21,0),0)),0)</f>
        <v>0</v>
      </c>
      <c r="F6137" cm="1">
        <f t="array" ref="F6137">IFERROR(INDEX(Jesper!AJ$2:AJ$366,ROUNDDOWN($C6137/24,0)+1,1)*INDEX($D$3:$AA$30,INDEX(Jesper!$R$2:$R$366,ROW(INDEX(Jesper!AJ$2:AJ$366,ROUNDDOWN($C6137/24,0)+1,1))-1)+IF('Standard Profiles'!$G$20=$B$10,7,0)+IF('Standard Profiles'!$G$20=$B$17,14,0)+IF('Standard Profiles'!$G$20=$B$24,21,0),MOD($C6137,24)+1)/SUM(INDEX($D$3:$AA$30,INDEX(Jesper!$R$2:$R$366,ROW(INDEX(Jesper!AJ$2:AJ$366,ROUNDDOWN($C6137/24,0)+1,1))-1)+IF('Standard Profiles'!$G$20=$B$10,7,0)+IF('Standard Profiles'!$G$20=$B$17,14,0)+IF('Standard Profiles'!$G$20=$B$24,21,0),0)),0)</f>
        <v>0</v>
      </c>
      <c r="G6137" cm="1">
        <f t="array" ref="G6137">IFERROR(INDEX(Jesper!AK$2:AK$366,ROUNDDOWN($C6137/24,0)+1,1)*INDEX($D$3:$AA$30,INDEX(Jesper!$R$2:$R$366,ROW(INDEX(Jesper!AK$2:AK$366,ROUNDDOWN($C6137/24,0)+1,1))-1)+IF('Standard Profiles'!$G$21=$B$10,7,0)+IF('Standard Profiles'!$G$21=$B$17,14,0)+IF('Standard Profiles'!$G$21=$B$24,21,0),MOD($C6137,24)+1)/SUM(INDEX($D$3:$AA$30,INDEX(Jesper!$R$2:$R$366,ROW(INDEX(Jesper!AK$2:AK$366,ROUNDDOWN($C6137/24,0)+1,1))-1)+IF('Standard Profiles'!$G$21=$B$10,7,0)+IF('Standard Profiles'!$G$21=$B$17,14,0)+IF('Standard Profiles'!$G$21=$B$24,21,0),0)),0)</f>
        <v>0</v>
      </c>
      <c r="H6137" cm="1">
        <f t="array" ref="H6137">IFERROR(INDEX(Jesper!AL$2:AL$366,ROUNDDOWN($C6137/24,0)+1,1)*INDEX($D$3:$AA$30,INDEX(Jesper!$R$2:$R$366,ROW(INDEX(Jesper!AL$2:AL$366,ROUNDDOWN($C6137/24,0)+1,1))-1)+IF('Standard Profiles'!$G$22=$B$10,7,0)+IF('Standard Profiles'!$G$22=$B$17,14,0)+IF('Standard Profiles'!$G$22=$B$24,21,0),MOD($C6137,24)+1)/SUM(INDEX($D$3:$AA$30,INDEX(Jesper!$R$2:$R$366,ROW(INDEX(Jesper!AL$2:AL$366,ROUNDDOWN($C6137/24,0)+1,1))-1)+IF('Standard Profiles'!$G$22=$B$10,7,0)+IF('Standard Profiles'!$G$22=$B$17,14,0)+IF('Standard Profiles'!$G$22=$B$24,21,0),0)),0)</f>
        <v>0</v>
      </c>
      <c r="I6137">
        <f t="shared" si="685"/>
        <v>0.31703399526332349</v>
      </c>
      <c r="J6137">
        <f t="shared" si="686"/>
        <v>1.0567799842110783</v>
      </c>
      <c r="K6137">
        <f t="shared" si="687"/>
        <v>1.5851699763166176</v>
      </c>
      <c r="L6137">
        <f t="shared" si="688"/>
        <v>7.6088158863197641</v>
      </c>
      <c r="M6137">
        <f t="shared" si="689"/>
        <v>0</v>
      </c>
      <c r="N6137" s="46">
        <f t="shared" si="690"/>
        <v>45546.291666651865</v>
      </c>
    </row>
    <row r="6138" spans="2:14" x14ac:dyDescent="0.3">
      <c r="B6138">
        <f t="shared" si="684"/>
        <v>3</v>
      </c>
      <c r="C6138" s="16">
        <v>6104</v>
      </c>
      <c r="D6138" cm="1">
        <f t="array" ref="D6138">IFERROR(INDEX(Jesper!AH$2:AH$366,ROUNDDOWN($C6138/24,0)+1,1)*INDEX($D$3:$AA$30,INDEX(Jesper!$R$2:$R$366,ROW(INDEX(Jesper!AH$2:AH$366,ROUNDDOWN($C6138/24,0)+1,1))-1)+IF('Standard Profiles'!$G$18=$B$10,7,0)+IF('Standard Profiles'!$G$18=$B$17,14,0)+IF('Standard Profiles'!$G$18=$B$24,21,0),MOD($C6138,24)+1)/SUM(INDEX($D$3:$AA$30,INDEX(Jesper!$R$2:$R$366,ROW(INDEX(Jesper!AH$2:AH$366,ROUNDDOWN($C6138/24,0)+1,1))-1)+IF('Standard Profiles'!$G$18=$B$10,7,0)+IF('Standard Profiles'!$G$18=$B$17,14,0)+IF('Standard Profiles'!$G$18=$B$24,21,0),0)),0)</f>
        <v>10.567799842110784</v>
      </c>
      <c r="E6138" cm="1">
        <f t="array" ref="E6138">IFERROR(INDEX(Jesper!AI$2:AI$366,ROUNDDOWN($C6138/24,0)+1,1)*INDEX($D$3:$AA$30,INDEX(Jesper!$R$2:$R$366,ROW(INDEX(Jesper!AI$2:AI$366,ROUNDDOWN($C6138/24,0)+1,1))-1)+IF('Standard Profiles'!$G$19=$B$10,7,0)+IF('Standard Profiles'!$G$19=$B$17,14,0)+IF('Standard Profiles'!$G$19=$B$24,21,0),MOD($C6138,24)+1)/SUM(INDEX($D$3:$AA$30,INDEX(Jesper!$R$2:$R$366,ROW(INDEX(Jesper!AI$2:AI$366,ROUNDDOWN($C6138/24,0)+1,1))-1)+IF('Standard Profiles'!$G$19=$B$10,7,0)+IF('Standard Profiles'!$G$19=$B$17,14,0)+IF('Standard Profiles'!$G$19=$B$24,21,0),0)),0)</f>
        <v>0</v>
      </c>
      <c r="F6138" cm="1">
        <f t="array" ref="F6138">IFERROR(INDEX(Jesper!AJ$2:AJ$366,ROUNDDOWN($C6138/24,0)+1,1)*INDEX($D$3:$AA$30,INDEX(Jesper!$R$2:$R$366,ROW(INDEX(Jesper!AJ$2:AJ$366,ROUNDDOWN($C6138/24,0)+1,1))-1)+IF('Standard Profiles'!$G$20=$B$10,7,0)+IF('Standard Profiles'!$G$20=$B$17,14,0)+IF('Standard Profiles'!$G$20=$B$24,21,0),MOD($C6138,24)+1)/SUM(INDEX($D$3:$AA$30,INDEX(Jesper!$R$2:$R$366,ROW(INDEX(Jesper!AJ$2:AJ$366,ROUNDDOWN($C6138/24,0)+1,1))-1)+IF('Standard Profiles'!$G$20=$B$10,7,0)+IF('Standard Profiles'!$G$20=$B$17,14,0)+IF('Standard Profiles'!$G$20=$B$24,21,0),0)),0)</f>
        <v>0</v>
      </c>
      <c r="G6138" cm="1">
        <f t="array" ref="G6138">IFERROR(INDEX(Jesper!AK$2:AK$366,ROUNDDOWN($C6138/24,0)+1,1)*INDEX($D$3:$AA$30,INDEX(Jesper!$R$2:$R$366,ROW(INDEX(Jesper!AK$2:AK$366,ROUNDDOWN($C6138/24,0)+1,1))-1)+IF('Standard Profiles'!$G$21=$B$10,7,0)+IF('Standard Profiles'!$G$21=$B$17,14,0)+IF('Standard Profiles'!$G$21=$B$24,21,0),MOD($C6138,24)+1)/SUM(INDEX($D$3:$AA$30,INDEX(Jesper!$R$2:$R$366,ROW(INDEX(Jesper!AK$2:AK$366,ROUNDDOWN($C6138/24,0)+1,1))-1)+IF('Standard Profiles'!$G$21=$B$10,7,0)+IF('Standard Profiles'!$G$21=$B$17,14,0)+IF('Standard Profiles'!$G$21=$B$24,21,0),0)),0)</f>
        <v>0</v>
      </c>
      <c r="H6138" cm="1">
        <f t="array" ref="H6138">IFERROR(INDEX(Jesper!AL$2:AL$366,ROUNDDOWN($C6138/24,0)+1,1)*INDEX($D$3:$AA$30,INDEX(Jesper!$R$2:$R$366,ROW(INDEX(Jesper!AL$2:AL$366,ROUNDDOWN($C6138/24,0)+1,1))-1)+IF('Standard Profiles'!$G$22=$B$10,7,0)+IF('Standard Profiles'!$G$22=$B$17,14,0)+IF('Standard Profiles'!$G$22=$B$24,21,0),MOD($C6138,24)+1)/SUM(INDEX($D$3:$AA$30,INDEX(Jesper!$R$2:$R$366,ROW(INDEX(Jesper!AL$2:AL$366,ROUNDDOWN($C6138/24,0)+1,1))-1)+IF('Standard Profiles'!$G$22=$B$10,7,0)+IF('Standard Profiles'!$G$22=$B$17,14,0)+IF('Standard Profiles'!$G$22=$B$24,21,0),0)),0)</f>
        <v>0</v>
      </c>
      <c r="I6138">
        <f t="shared" si="685"/>
        <v>0.31703399526332349</v>
      </c>
      <c r="J6138">
        <f t="shared" si="686"/>
        <v>1.0567799842110783</v>
      </c>
      <c r="K6138">
        <f t="shared" si="687"/>
        <v>1.5851699763166176</v>
      </c>
      <c r="L6138">
        <f t="shared" si="688"/>
        <v>7.6088158863197641</v>
      </c>
      <c r="M6138">
        <f t="shared" si="689"/>
        <v>0</v>
      </c>
      <c r="N6138" s="46">
        <f t="shared" si="690"/>
        <v>45546.333333318529</v>
      </c>
    </row>
    <row r="6139" spans="2:14" x14ac:dyDescent="0.3">
      <c r="B6139">
        <f t="shared" si="684"/>
        <v>3</v>
      </c>
      <c r="C6139" s="16">
        <v>6105</v>
      </c>
      <c r="D6139" cm="1">
        <f t="array" ref="D6139">IFERROR(INDEX(Jesper!AH$2:AH$366,ROUNDDOWN($C6139/24,0)+1,1)*INDEX($D$3:$AA$30,INDEX(Jesper!$R$2:$R$366,ROW(INDEX(Jesper!AH$2:AH$366,ROUNDDOWN($C6139/24,0)+1,1))-1)+IF('Standard Profiles'!$G$18=$B$10,7,0)+IF('Standard Profiles'!$G$18=$B$17,14,0)+IF('Standard Profiles'!$G$18=$B$24,21,0),MOD($C6139,24)+1)/SUM(INDEX($D$3:$AA$30,INDEX(Jesper!$R$2:$R$366,ROW(INDEX(Jesper!AH$2:AH$366,ROUNDDOWN($C6139/24,0)+1,1))-1)+IF('Standard Profiles'!$G$18=$B$10,7,0)+IF('Standard Profiles'!$G$18=$B$17,14,0)+IF('Standard Profiles'!$G$18=$B$24,21,0),0)),0)</f>
        <v>11.356441621372781</v>
      </c>
      <c r="E6139" cm="1">
        <f t="array" ref="E6139">IFERROR(INDEX(Jesper!AI$2:AI$366,ROUNDDOWN($C6139/24,0)+1,1)*INDEX($D$3:$AA$30,INDEX(Jesper!$R$2:$R$366,ROW(INDEX(Jesper!AI$2:AI$366,ROUNDDOWN($C6139/24,0)+1,1))-1)+IF('Standard Profiles'!$G$19=$B$10,7,0)+IF('Standard Profiles'!$G$19=$B$17,14,0)+IF('Standard Profiles'!$G$19=$B$24,21,0),MOD($C6139,24)+1)/SUM(INDEX($D$3:$AA$30,INDEX(Jesper!$R$2:$R$366,ROW(INDEX(Jesper!AI$2:AI$366,ROUNDDOWN($C6139/24,0)+1,1))-1)+IF('Standard Profiles'!$G$19=$B$10,7,0)+IF('Standard Profiles'!$G$19=$B$17,14,0)+IF('Standard Profiles'!$G$19=$B$24,21,0),0)),0)</f>
        <v>0</v>
      </c>
      <c r="F6139" cm="1">
        <f t="array" ref="F6139">IFERROR(INDEX(Jesper!AJ$2:AJ$366,ROUNDDOWN($C6139/24,0)+1,1)*INDEX($D$3:$AA$30,INDEX(Jesper!$R$2:$R$366,ROW(INDEX(Jesper!AJ$2:AJ$366,ROUNDDOWN($C6139/24,0)+1,1))-1)+IF('Standard Profiles'!$G$20=$B$10,7,0)+IF('Standard Profiles'!$G$20=$B$17,14,0)+IF('Standard Profiles'!$G$20=$B$24,21,0),MOD($C6139,24)+1)/SUM(INDEX($D$3:$AA$30,INDEX(Jesper!$R$2:$R$366,ROW(INDEX(Jesper!AJ$2:AJ$366,ROUNDDOWN($C6139/24,0)+1,1))-1)+IF('Standard Profiles'!$G$20=$B$10,7,0)+IF('Standard Profiles'!$G$20=$B$17,14,0)+IF('Standard Profiles'!$G$20=$B$24,21,0),0)),0)</f>
        <v>0</v>
      </c>
      <c r="G6139" cm="1">
        <f t="array" ref="G6139">IFERROR(INDEX(Jesper!AK$2:AK$366,ROUNDDOWN($C6139/24,0)+1,1)*INDEX($D$3:$AA$30,INDEX(Jesper!$R$2:$R$366,ROW(INDEX(Jesper!AK$2:AK$366,ROUNDDOWN($C6139/24,0)+1,1))-1)+IF('Standard Profiles'!$G$21=$B$10,7,0)+IF('Standard Profiles'!$G$21=$B$17,14,0)+IF('Standard Profiles'!$G$21=$B$24,21,0),MOD($C6139,24)+1)/SUM(INDEX($D$3:$AA$30,INDEX(Jesper!$R$2:$R$366,ROW(INDEX(Jesper!AK$2:AK$366,ROUNDDOWN($C6139/24,0)+1,1))-1)+IF('Standard Profiles'!$G$21=$B$10,7,0)+IF('Standard Profiles'!$G$21=$B$17,14,0)+IF('Standard Profiles'!$G$21=$B$24,21,0),0)),0)</f>
        <v>0</v>
      </c>
      <c r="H6139" cm="1">
        <f t="array" ref="H6139">IFERROR(INDEX(Jesper!AL$2:AL$366,ROUNDDOWN($C6139/24,0)+1,1)*INDEX($D$3:$AA$30,INDEX(Jesper!$R$2:$R$366,ROW(INDEX(Jesper!AL$2:AL$366,ROUNDDOWN($C6139/24,0)+1,1))-1)+IF('Standard Profiles'!$G$22=$B$10,7,0)+IF('Standard Profiles'!$G$22=$B$17,14,0)+IF('Standard Profiles'!$G$22=$B$24,21,0),MOD($C6139,24)+1)/SUM(INDEX($D$3:$AA$30,INDEX(Jesper!$R$2:$R$366,ROW(INDEX(Jesper!AL$2:AL$366,ROUNDDOWN($C6139/24,0)+1,1))-1)+IF('Standard Profiles'!$G$22=$B$10,7,0)+IF('Standard Profiles'!$G$22=$B$17,14,0)+IF('Standard Profiles'!$G$22=$B$24,21,0),0)),0)</f>
        <v>0</v>
      </c>
      <c r="I6139">
        <f t="shared" si="685"/>
        <v>0.34069324864118344</v>
      </c>
      <c r="J6139">
        <f t="shared" si="686"/>
        <v>1.1356441621372781</v>
      </c>
      <c r="K6139">
        <f t="shared" si="687"/>
        <v>1.7034662432059171</v>
      </c>
      <c r="L6139">
        <f t="shared" si="688"/>
        <v>8.1766379673884018</v>
      </c>
      <c r="M6139">
        <f t="shared" si="689"/>
        <v>0</v>
      </c>
      <c r="N6139" s="46">
        <f t="shared" si="690"/>
        <v>45546.374999985193</v>
      </c>
    </row>
    <row r="6140" spans="2:14" x14ac:dyDescent="0.3">
      <c r="B6140">
        <f t="shared" si="684"/>
        <v>3</v>
      </c>
      <c r="C6140" s="16">
        <v>6106</v>
      </c>
      <c r="D6140" cm="1">
        <f t="array" ref="D6140">IFERROR(INDEX(Jesper!AH$2:AH$366,ROUNDDOWN($C6140/24,0)+1,1)*INDEX($D$3:$AA$30,INDEX(Jesper!$R$2:$R$366,ROW(INDEX(Jesper!AH$2:AH$366,ROUNDDOWN($C6140/24,0)+1,1))-1)+IF('Standard Profiles'!$G$18=$B$10,7,0)+IF('Standard Profiles'!$G$18=$B$17,14,0)+IF('Standard Profiles'!$G$18=$B$24,21,0),MOD($C6140,24)+1)/SUM(INDEX($D$3:$AA$30,INDEX(Jesper!$R$2:$R$366,ROW(INDEX(Jesper!AH$2:AH$366,ROUNDDOWN($C6140/24,0)+1,1))-1)+IF('Standard Profiles'!$G$18=$B$10,7,0)+IF('Standard Profiles'!$G$18=$B$17,14,0)+IF('Standard Profiles'!$G$18=$B$24,21,0),0)),0)</f>
        <v>12.302811756487179</v>
      </c>
      <c r="E6140" cm="1">
        <f t="array" ref="E6140">IFERROR(INDEX(Jesper!AI$2:AI$366,ROUNDDOWN($C6140/24,0)+1,1)*INDEX($D$3:$AA$30,INDEX(Jesper!$R$2:$R$366,ROW(INDEX(Jesper!AI$2:AI$366,ROUNDDOWN($C6140/24,0)+1,1))-1)+IF('Standard Profiles'!$G$19=$B$10,7,0)+IF('Standard Profiles'!$G$19=$B$17,14,0)+IF('Standard Profiles'!$G$19=$B$24,21,0),MOD($C6140,24)+1)/SUM(INDEX($D$3:$AA$30,INDEX(Jesper!$R$2:$R$366,ROW(INDEX(Jesper!AI$2:AI$366,ROUNDDOWN($C6140/24,0)+1,1))-1)+IF('Standard Profiles'!$G$19=$B$10,7,0)+IF('Standard Profiles'!$G$19=$B$17,14,0)+IF('Standard Profiles'!$G$19=$B$24,21,0),0)),0)</f>
        <v>0</v>
      </c>
      <c r="F6140" cm="1">
        <f t="array" ref="F6140">IFERROR(INDEX(Jesper!AJ$2:AJ$366,ROUNDDOWN($C6140/24,0)+1,1)*INDEX($D$3:$AA$30,INDEX(Jesper!$R$2:$R$366,ROW(INDEX(Jesper!AJ$2:AJ$366,ROUNDDOWN($C6140/24,0)+1,1))-1)+IF('Standard Profiles'!$G$20=$B$10,7,0)+IF('Standard Profiles'!$G$20=$B$17,14,0)+IF('Standard Profiles'!$G$20=$B$24,21,0),MOD($C6140,24)+1)/SUM(INDEX($D$3:$AA$30,INDEX(Jesper!$R$2:$R$366,ROW(INDEX(Jesper!AJ$2:AJ$366,ROUNDDOWN($C6140/24,0)+1,1))-1)+IF('Standard Profiles'!$G$20=$B$10,7,0)+IF('Standard Profiles'!$G$20=$B$17,14,0)+IF('Standard Profiles'!$G$20=$B$24,21,0),0)),0)</f>
        <v>0</v>
      </c>
      <c r="G6140" cm="1">
        <f t="array" ref="G6140">IFERROR(INDEX(Jesper!AK$2:AK$366,ROUNDDOWN($C6140/24,0)+1,1)*INDEX($D$3:$AA$30,INDEX(Jesper!$R$2:$R$366,ROW(INDEX(Jesper!AK$2:AK$366,ROUNDDOWN($C6140/24,0)+1,1))-1)+IF('Standard Profiles'!$G$21=$B$10,7,0)+IF('Standard Profiles'!$G$21=$B$17,14,0)+IF('Standard Profiles'!$G$21=$B$24,21,0),MOD($C6140,24)+1)/SUM(INDEX($D$3:$AA$30,INDEX(Jesper!$R$2:$R$366,ROW(INDEX(Jesper!AK$2:AK$366,ROUNDDOWN($C6140/24,0)+1,1))-1)+IF('Standard Profiles'!$G$21=$B$10,7,0)+IF('Standard Profiles'!$G$21=$B$17,14,0)+IF('Standard Profiles'!$G$21=$B$24,21,0),0)),0)</f>
        <v>0</v>
      </c>
      <c r="H6140" cm="1">
        <f t="array" ref="H6140">IFERROR(INDEX(Jesper!AL$2:AL$366,ROUNDDOWN($C6140/24,0)+1,1)*INDEX($D$3:$AA$30,INDEX(Jesper!$R$2:$R$366,ROW(INDEX(Jesper!AL$2:AL$366,ROUNDDOWN($C6140/24,0)+1,1))-1)+IF('Standard Profiles'!$G$22=$B$10,7,0)+IF('Standard Profiles'!$G$22=$B$17,14,0)+IF('Standard Profiles'!$G$22=$B$24,21,0),MOD($C6140,24)+1)/SUM(INDEX($D$3:$AA$30,INDEX(Jesper!$R$2:$R$366,ROW(INDEX(Jesper!AL$2:AL$366,ROUNDDOWN($C6140/24,0)+1,1))-1)+IF('Standard Profiles'!$G$22=$B$10,7,0)+IF('Standard Profiles'!$G$22=$B$17,14,0)+IF('Standard Profiles'!$G$22=$B$24,21,0),0)),0)</f>
        <v>0</v>
      </c>
      <c r="I6140">
        <f t="shared" si="685"/>
        <v>0.36908435269461537</v>
      </c>
      <c r="J6140">
        <f t="shared" si="686"/>
        <v>1.230281175648718</v>
      </c>
      <c r="K6140">
        <f t="shared" si="687"/>
        <v>1.8454217634730767</v>
      </c>
      <c r="L6140">
        <f t="shared" si="688"/>
        <v>8.858024464670768</v>
      </c>
      <c r="M6140">
        <f t="shared" si="689"/>
        <v>0</v>
      </c>
      <c r="N6140" s="46">
        <f t="shared" si="690"/>
        <v>45546.416666651858</v>
      </c>
    </row>
    <row r="6141" spans="2:14" x14ac:dyDescent="0.3">
      <c r="B6141">
        <f t="shared" si="684"/>
        <v>3</v>
      </c>
      <c r="C6141" s="16">
        <v>6107</v>
      </c>
      <c r="D6141" cm="1">
        <f t="array" ref="D6141">IFERROR(INDEX(Jesper!AH$2:AH$366,ROUNDDOWN($C6141/24,0)+1,1)*INDEX($D$3:$AA$30,INDEX(Jesper!$R$2:$R$366,ROW(INDEX(Jesper!AH$2:AH$366,ROUNDDOWN($C6141/24,0)+1,1))-1)+IF('Standard Profiles'!$G$18=$B$10,7,0)+IF('Standard Profiles'!$G$18=$B$17,14,0)+IF('Standard Profiles'!$G$18=$B$24,21,0),MOD($C6141,24)+1)/SUM(INDEX($D$3:$AA$30,INDEX(Jesper!$R$2:$R$366,ROW(INDEX(Jesper!AH$2:AH$366,ROUNDDOWN($C6141/24,0)+1,1))-1)+IF('Standard Profiles'!$G$18=$B$10,7,0)+IF('Standard Profiles'!$G$18=$B$17,14,0)+IF('Standard Profiles'!$G$18=$B$24,21,0),0)),0)</f>
        <v>14.195552026715976</v>
      </c>
      <c r="E6141" cm="1">
        <f t="array" ref="E6141">IFERROR(INDEX(Jesper!AI$2:AI$366,ROUNDDOWN($C6141/24,0)+1,1)*INDEX($D$3:$AA$30,INDEX(Jesper!$R$2:$R$366,ROW(INDEX(Jesper!AI$2:AI$366,ROUNDDOWN($C6141/24,0)+1,1))-1)+IF('Standard Profiles'!$G$19=$B$10,7,0)+IF('Standard Profiles'!$G$19=$B$17,14,0)+IF('Standard Profiles'!$G$19=$B$24,21,0),MOD($C6141,24)+1)/SUM(INDEX($D$3:$AA$30,INDEX(Jesper!$R$2:$R$366,ROW(INDEX(Jesper!AI$2:AI$366,ROUNDDOWN($C6141/24,0)+1,1))-1)+IF('Standard Profiles'!$G$19=$B$10,7,0)+IF('Standard Profiles'!$G$19=$B$17,14,0)+IF('Standard Profiles'!$G$19=$B$24,21,0),0)),0)</f>
        <v>0</v>
      </c>
      <c r="F6141" cm="1">
        <f t="array" ref="F6141">IFERROR(INDEX(Jesper!AJ$2:AJ$366,ROUNDDOWN($C6141/24,0)+1,1)*INDEX($D$3:$AA$30,INDEX(Jesper!$R$2:$R$366,ROW(INDEX(Jesper!AJ$2:AJ$366,ROUNDDOWN($C6141/24,0)+1,1))-1)+IF('Standard Profiles'!$G$20=$B$10,7,0)+IF('Standard Profiles'!$G$20=$B$17,14,0)+IF('Standard Profiles'!$G$20=$B$24,21,0),MOD($C6141,24)+1)/SUM(INDEX($D$3:$AA$30,INDEX(Jesper!$R$2:$R$366,ROW(INDEX(Jesper!AJ$2:AJ$366,ROUNDDOWN($C6141/24,0)+1,1))-1)+IF('Standard Profiles'!$G$20=$B$10,7,0)+IF('Standard Profiles'!$G$20=$B$17,14,0)+IF('Standard Profiles'!$G$20=$B$24,21,0),0)),0)</f>
        <v>0</v>
      </c>
      <c r="G6141" cm="1">
        <f t="array" ref="G6141">IFERROR(INDEX(Jesper!AK$2:AK$366,ROUNDDOWN($C6141/24,0)+1,1)*INDEX($D$3:$AA$30,INDEX(Jesper!$R$2:$R$366,ROW(INDEX(Jesper!AK$2:AK$366,ROUNDDOWN($C6141/24,0)+1,1))-1)+IF('Standard Profiles'!$G$21=$B$10,7,0)+IF('Standard Profiles'!$G$21=$B$17,14,0)+IF('Standard Profiles'!$G$21=$B$24,21,0),MOD($C6141,24)+1)/SUM(INDEX($D$3:$AA$30,INDEX(Jesper!$R$2:$R$366,ROW(INDEX(Jesper!AK$2:AK$366,ROUNDDOWN($C6141/24,0)+1,1))-1)+IF('Standard Profiles'!$G$21=$B$10,7,0)+IF('Standard Profiles'!$G$21=$B$17,14,0)+IF('Standard Profiles'!$G$21=$B$24,21,0),0)),0)</f>
        <v>0</v>
      </c>
      <c r="H6141" cm="1">
        <f t="array" ref="H6141">IFERROR(INDEX(Jesper!AL$2:AL$366,ROUNDDOWN($C6141/24,0)+1,1)*INDEX($D$3:$AA$30,INDEX(Jesper!$R$2:$R$366,ROW(INDEX(Jesper!AL$2:AL$366,ROUNDDOWN($C6141/24,0)+1,1))-1)+IF('Standard Profiles'!$G$22=$B$10,7,0)+IF('Standard Profiles'!$G$22=$B$17,14,0)+IF('Standard Profiles'!$G$22=$B$24,21,0),MOD($C6141,24)+1)/SUM(INDEX($D$3:$AA$30,INDEX(Jesper!$R$2:$R$366,ROW(INDEX(Jesper!AL$2:AL$366,ROUNDDOWN($C6141/24,0)+1,1))-1)+IF('Standard Profiles'!$G$22=$B$10,7,0)+IF('Standard Profiles'!$G$22=$B$17,14,0)+IF('Standard Profiles'!$G$22=$B$24,21,0),0)),0)</f>
        <v>0</v>
      </c>
      <c r="I6141">
        <f t="shared" si="685"/>
        <v>0.42586656080147928</v>
      </c>
      <c r="J6141">
        <f t="shared" si="686"/>
        <v>1.4195552026715976</v>
      </c>
      <c r="K6141">
        <f t="shared" si="687"/>
        <v>2.1293328040073964</v>
      </c>
      <c r="L6141">
        <f t="shared" si="688"/>
        <v>10.220797459235502</v>
      </c>
      <c r="M6141">
        <f t="shared" si="689"/>
        <v>0</v>
      </c>
      <c r="N6141" s="46">
        <f t="shared" si="690"/>
        <v>45546.458333318522</v>
      </c>
    </row>
    <row r="6142" spans="2:14" x14ac:dyDescent="0.3">
      <c r="B6142">
        <f t="shared" si="684"/>
        <v>3</v>
      </c>
      <c r="C6142" s="16">
        <v>6108</v>
      </c>
      <c r="D6142" cm="1">
        <f t="array" ref="D6142">IFERROR(INDEX(Jesper!AH$2:AH$366,ROUNDDOWN($C6142/24,0)+1,1)*INDEX($D$3:$AA$30,INDEX(Jesper!$R$2:$R$366,ROW(INDEX(Jesper!AH$2:AH$366,ROUNDDOWN($C6142/24,0)+1,1))-1)+IF('Standard Profiles'!$G$18=$B$10,7,0)+IF('Standard Profiles'!$G$18=$B$17,14,0)+IF('Standard Profiles'!$G$18=$B$24,21,0),MOD($C6142,24)+1)/SUM(INDEX($D$3:$AA$30,INDEX(Jesper!$R$2:$R$366,ROW(INDEX(Jesper!AH$2:AH$366,ROUNDDOWN($C6142/24,0)+1,1))-1)+IF('Standard Profiles'!$G$18=$B$10,7,0)+IF('Standard Profiles'!$G$18=$B$17,14,0)+IF('Standard Profiles'!$G$18=$B$24,21,0),0)),0)</f>
        <v>14.195552026715976</v>
      </c>
      <c r="E6142" cm="1">
        <f t="array" ref="E6142">IFERROR(INDEX(Jesper!AI$2:AI$366,ROUNDDOWN($C6142/24,0)+1,1)*INDEX($D$3:$AA$30,INDEX(Jesper!$R$2:$R$366,ROW(INDEX(Jesper!AI$2:AI$366,ROUNDDOWN($C6142/24,0)+1,1))-1)+IF('Standard Profiles'!$G$19=$B$10,7,0)+IF('Standard Profiles'!$G$19=$B$17,14,0)+IF('Standard Profiles'!$G$19=$B$24,21,0),MOD($C6142,24)+1)/SUM(INDEX($D$3:$AA$30,INDEX(Jesper!$R$2:$R$366,ROW(INDEX(Jesper!AI$2:AI$366,ROUNDDOWN($C6142/24,0)+1,1))-1)+IF('Standard Profiles'!$G$19=$B$10,7,0)+IF('Standard Profiles'!$G$19=$B$17,14,0)+IF('Standard Profiles'!$G$19=$B$24,21,0),0)),0)</f>
        <v>0</v>
      </c>
      <c r="F6142" cm="1">
        <f t="array" ref="F6142">IFERROR(INDEX(Jesper!AJ$2:AJ$366,ROUNDDOWN($C6142/24,0)+1,1)*INDEX($D$3:$AA$30,INDEX(Jesper!$R$2:$R$366,ROW(INDEX(Jesper!AJ$2:AJ$366,ROUNDDOWN($C6142/24,0)+1,1))-1)+IF('Standard Profiles'!$G$20=$B$10,7,0)+IF('Standard Profiles'!$G$20=$B$17,14,0)+IF('Standard Profiles'!$G$20=$B$24,21,0),MOD($C6142,24)+1)/SUM(INDEX($D$3:$AA$30,INDEX(Jesper!$R$2:$R$366,ROW(INDEX(Jesper!AJ$2:AJ$366,ROUNDDOWN($C6142/24,0)+1,1))-1)+IF('Standard Profiles'!$G$20=$B$10,7,0)+IF('Standard Profiles'!$G$20=$B$17,14,0)+IF('Standard Profiles'!$G$20=$B$24,21,0),0)),0)</f>
        <v>0</v>
      </c>
      <c r="G6142" cm="1">
        <f t="array" ref="G6142">IFERROR(INDEX(Jesper!AK$2:AK$366,ROUNDDOWN($C6142/24,0)+1,1)*INDEX($D$3:$AA$30,INDEX(Jesper!$R$2:$R$366,ROW(INDEX(Jesper!AK$2:AK$366,ROUNDDOWN($C6142/24,0)+1,1))-1)+IF('Standard Profiles'!$G$21=$B$10,7,0)+IF('Standard Profiles'!$G$21=$B$17,14,0)+IF('Standard Profiles'!$G$21=$B$24,21,0),MOD($C6142,24)+1)/SUM(INDEX($D$3:$AA$30,INDEX(Jesper!$R$2:$R$366,ROW(INDEX(Jesper!AK$2:AK$366,ROUNDDOWN($C6142/24,0)+1,1))-1)+IF('Standard Profiles'!$G$21=$B$10,7,0)+IF('Standard Profiles'!$G$21=$B$17,14,0)+IF('Standard Profiles'!$G$21=$B$24,21,0),0)),0)</f>
        <v>0</v>
      </c>
      <c r="H6142" cm="1">
        <f t="array" ref="H6142">IFERROR(INDEX(Jesper!AL$2:AL$366,ROUNDDOWN($C6142/24,0)+1,1)*INDEX($D$3:$AA$30,INDEX(Jesper!$R$2:$R$366,ROW(INDEX(Jesper!AL$2:AL$366,ROUNDDOWN($C6142/24,0)+1,1))-1)+IF('Standard Profiles'!$G$22=$B$10,7,0)+IF('Standard Profiles'!$G$22=$B$17,14,0)+IF('Standard Profiles'!$G$22=$B$24,21,0),MOD($C6142,24)+1)/SUM(INDEX($D$3:$AA$30,INDEX(Jesper!$R$2:$R$366,ROW(INDEX(Jesper!AL$2:AL$366,ROUNDDOWN($C6142/24,0)+1,1))-1)+IF('Standard Profiles'!$G$22=$B$10,7,0)+IF('Standard Profiles'!$G$22=$B$17,14,0)+IF('Standard Profiles'!$G$22=$B$24,21,0),0)),0)</f>
        <v>0</v>
      </c>
      <c r="I6142">
        <f t="shared" si="685"/>
        <v>0.42586656080147928</v>
      </c>
      <c r="J6142">
        <f t="shared" si="686"/>
        <v>1.4195552026715976</v>
      </c>
      <c r="K6142">
        <f t="shared" si="687"/>
        <v>2.1293328040073964</v>
      </c>
      <c r="L6142">
        <f t="shared" si="688"/>
        <v>10.220797459235502</v>
      </c>
      <c r="M6142">
        <f t="shared" si="689"/>
        <v>0</v>
      </c>
      <c r="N6142" s="46">
        <f t="shared" si="690"/>
        <v>45546.499999985186</v>
      </c>
    </row>
    <row r="6143" spans="2:14" x14ac:dyDescent="0.3">
      <c r="B6143">
        <f t="shared" si="684"/>
        <v>3</v>
      </c>
      <c r="C6143" s="16">
        <v>6109</v>
      </c>
      <c r="D6143" cm="1">
        <f t="array" ref="D6143">IFERROR(INDEX(Jesper!AH$2:AH$366,ROUNDDOWN($C6143/24,0)+1,1)*INDEX($D$3:$AA$30,INDEX(Jesper!$R$2:$R$366,ROW(INDEX(Jesper!AH$2:AH$366,ROUNDDOWN($C6143/24,0)+1,1))-1)+IF('Standard Profiles'!$G$18=$B$10,7,0)+IF('Standard Profiles'!$G$18=$B$17,14,0)+IF('Standard Profiles'!$G$18=$B$24,21,0),MOD($C6143,24)+1)/SUM(INDEX($D$3:$AA$30,INDEX(Jesper!$R$2:$R$366,ROW(INDEX(Jesper!AH$2:AH$366,ROUNDDOWN($C6143/24,0)+1,1))-1)+IF('Standard Profiles'!$G$18=$B$10,7,0)+IF('Standard Profiles'!$G$18=$B$17,14,0)+IF('Standard Profiles'!$G$18=$B$24,21,0),0)),0)</f>
        <v>14.195552026715976</v>
      </c>
      <c r="E6143" cm="1">
        <f t="array" ref="E6143">IFERROR(INDEX(Jesper!AI$2:AI$366,ROUNDDOWN($C6143/24,0)+1,1)*INDEX($D$3:$AA$30,INDEX(Jesper!$R$2:$R$366,ROW(INDEX(Jesper!AI$2:AI$366,ROUNDDOWN($C6143/24,0)+1,1))-1)+IF('Standard Profiles'!$G$19=$B$10,7,0)+IF('Standard Profiles'!$G$19=$B$17,14,0)+IF('Standard Profiles'!$G$19=$B$24,21,0),MOD($C6143,24)+1)/SUM(INDEX($D$3:$AA$30,INDEX(Jesper!$R$2:$R$366,ROW(INDEX(Jesper!AI$2:AI$366,ROUNDDOWN($C6143/24,0)+1,1))-1)+IF('Standard Profiles'!$G$19=$B$10,7,0)+IF('Standard Profiles'!$G$19=$B$17,14,0)+IF('Standard Profiles'!$G$19=$B$24,21,0),0)),0)</f>
        <v>0</v>
      </c>
      <c r="F6143" cm="1">
        <f t="array" ref="F6143">IFERROR(INDEX(Jesper!AJ$2:AJ$366,ROUNDDOWN($C6143/24,0)+1,1)*INDEX($D$3:$AA$30,INDEX(Jesper!$R$2:$R$366,ROW(INDEX(Jesper!AJ$2:AJ$366,ROUNDDOWN($C6143/24,0)+1,1))-1)+IF('Standard Profiles'!$G$20=$B$10,7,0)+IF('Standard Profiles'!$G$20=$B$17,14,0)+IF('Standard Profiles'!$G$20=$B$24,21,0),MOD($C6143,24)+1)/SUM(INDEX($D$3:$AA$30,INDEX(Jesper!$R$2:$R$366,ROW(INDEX(Jesper!AJ$2:AJ$366,ROUNDDOWN($C6143/24,0)+1,1))-1)+IF('Standard Profiles'!$G$20=$B$10,7,0)+IF('Standard Profiles'!$G$20=$B$17,14,0)+IF('Standard Profiles'!$G$20=$B$24,21,0),0)),0)</f>
        <v>0</v>
      </c>
      <c r="G6143" cm="1">
        <f t="array" ref="G6143">IFERROR(INDEX(Jesper!AK$2:AK$366,ROUNDDOWN($C6143/24,0)+1,1)*INDEX($D$3:$AA$30,INDEX(Jesper!$R$2:$R$366,ROW(INDEX(Jesper!AK$2:AK$366,ROUNDDOWN($C6143/24,0)+1,1))-1)+IF('Standard Profiles'!$G$21=$B$10,7,0)+IF('Standard Profiles'!$G$21=$B$17,14,0)+IF('Standard Profiles'!$G$21=$B$24,21,0),MOD($C6143,24)+1)/SUM(INDEX($D$3:$AA$30,INDEX(Jesper!$R$2:$R$366,ROW(INDEX(Jesper!AK$2:AK$366,ROUNDDOWN($C6143/24,0)+1,1))-1)+IF('Standard Profiles'!$G$21=$B$10,7,0)+IF('Standard Profiles'!$G$21=$B$17,14,0)+IF('Standard Profiles'!$G$21=$B$24,21,0),0)),0)</f>
        <v>0</v>
      </c>
      <c r="H6143" cm="1">
        <f t="array" ref="H6143">IFERROR(INDEX(Jesper!AL$2:AL$366,ROUNDDOWN($C6143/24,0)+1,1)*INDEX($D$3:$AA$30,INDEX(Jesper!$R$2:$R$366,ROW(INDEX(Jesper!AL$2:AL$366,ROUNDDOWN($C6143/24,0)+1,1))-1)+IF('Standard Profiles'!$G$22=$B$10,7,0)+IF('Standard Profiles'!$G$22=$B$17,14,0)+IF('Standard Profiles'!$G$22=$B$24,21,0),MOD($C6143,24)+1)/SUM(INDEX($D$3:$AA$30,INDEX(Jesper!$R$2:$R$366,ROW(INDEX(Jesper!AL$2:AL$366,ROUNDDOWN($C6143/24,0)+1,1))-1)+IF('Standard Profiles'!$G$22=$B$10,7,0)+IF('Standard Profiles'!$G$22=$B$17,14,0)+IF('Standard Profiles'!$G$22=$B$24,21,0),0)),0)</f>
        <v>0</v>
      </c>
      <c r="I6143">
        <f t="shared" si="685"/>
        <v>0.42586656080147928</v>
      </c>
      <c r="J6143">
        <f t="shared" si="686"/>
        <v>1.4195552026715976</v>
      </c>
      <c r="K6143">
        <f t="shared" si="687"/>
        <v>2.1293328040073964</v>
      </c>
      <c r="L6143">
        <f t="shared" si="688"/>
        <v>10.220797459235502</v>
      </c>
      <c r="M6143">
        <f t="shared" si="689"/>
        <v>0</v>
      </c>
      <c r="N6143" s="46">
        <f t="shared" si="690"/>
        <v>45546.54166665185</v>
      </c>
    </row>
    <row r="6144" spans="2:14" x14ac:dyDescent="0.3">
      <c r="B6144">
        <f t="shared" si="684"/>
        <v>3</v>
      </c>
      <c r="C6144" s="16">
        <v>6110</v>
      </c>
      <c r="D6144" cm="1">
        <f t="array" ref="D6144">IFERROR(INDEX(Jesper!AH$2:AH$366,ROUNDDOWN($C6144/24,0)+1,1)*INDEX($D$3:$AA$30,INDEX(Jesper!$R$2:$R$366,ROW(INDEX(Jesper!AH$2:AH$366,ROUNDDOWN($C6144/24,0)+1,1))-1)+IF('Standard Profiles'!$G$18=$B$10,7,0)+IF('Standard Profiles'!$G$18=$B$17,14,0)+IF('Standard Profiles'!$G$18=$B$24,21,0),MOD($C6144,24)+1)/SUM(INDEX($D$3:$AA$30,INDEX(Jesper!$R$2:$R$366,ROW(INDEX(Jesper!AH$2:AH$366,ROUNDDOWN($C6144/24,0)+1,1))-1)+IF('Standard Profiles'!$G$18=$B$10,7,0)+IF('Standard Profiles'!$G$18=$B$17,14,0)+IF('Standard Profiles'!$G$18=$B$24,21,0),0)),0)</f>
        <v>14.195552026715976</v>
      </c>
      <c r="E6144" cm="1">
        <f t="array" ref="E6144">IFERROR(INDEX(Jesper!AI$2:AI$366,ROUNDDOWN($C6144/24,0)+1,1)*INDEX($D$3:$AA$30,INDEX(Jesper!$R$2:$R$366,ROW(INDEX(Jesper!AI$2:AI$366,ROUNDDOWN($C6144/24,0)+1,1))-1)+IF('Standard Profiles'!$G$19=$B$10,7,0)+IF('Standard Profiles'!$G$19=$B$17,14,0)+IF('Standard Profiles'!$G$19=$B$24,21,0),MOD($C6144,24)+1)/SUM(INDEX($D$3:$AA$30,INDEX(Jesper!$R$2:$R$366,ROW(INDEX(Jesper!AI$2:AI$366,ROUNDDOWN($C6144/24,0)+1,1))-1)+IF('Standard Profiles'!$G$19=$B$10,7,0)+IF('Standard Profiles'!$G$19=$B$17,14,0)+IF('Standard Profiles'!$G$19=$B$24,21,0),0)),0)</f>
        <v>0</v>
      </c>
      <c r="F6144" cm="1">
        <f t="array" ref="F6144">IFERROR(INDEX(Jesper!AJ$2:AJ$366,ROUNDDOWN($C6144/24,0)+1,1)*INDEX($D$3:$AA$30,INDEX(Jesper!$R$2:$R$366,ROW(INDEX(Jesper!AJ$2:AJ$366,ROUNDDOWN($C6144/24,0)+1,1))-1)+IF('Standard Profiles'!$G$20=$B$10,7,0)+IF('Standard Profiles'!$G$20=$B$17,14,0)+IF('Standard Profiles'!$G$20=$B$24,21,0),MOD($C6144,24)+1)/SUM(INDEX($D$3:$AA$30,INDEX(Jesper!$R$2:$R$366,ROW(INDEX(Jesper!AJ$2:AJ$366,ROUNDDOWN($C6144/24,0)+1,1))-1)+IF('Standard Profiles'!$G$20=$B$10,7,0)+IF('Standard Profiles'!$G$20=$B$17,14,0)+IF('Standard Profiles'!$G$20=$B$24,21,0),0)),0)</f>
        <v>0</v>
      </c>
      <c r="G6144" cm="1">
        <f t="array" ref="G6144">IFERROR(INDEX(Jesper!AK$2:AK$366,ROUNDDOWN($C6144/24,0)+1,1)*INDEX($D$3:$AA$30,INDEX(Jesper!$R$2:$R$366,ROW(INDEX(Jesper!AK$2:AK$366,ROUNDDOWN($C6144/24,0)+1,1))-1)+IF('Standard Profiles'!$G$21=$B$10,7,0)+IF('Standard Profiles'!$G$21=$B$17,14,0)+IF('Standard Profiles'!$G$21=$B$24,21,0),MOD($C6144,24)+1)/SUM(INDEX($D$3:$AA$30,INDEX(Jesper!$R$2:$R$366,ROW(INDEX(Jesper!AK$2:AK$366,ROUNDDOWN($C6144/24,0)+1,1))-1)+IF('Standard Profiles'!$G$21=$B$10,7,0)+IF('Standard Profiles'!$G$21=$B$17,14,0)+IF('Standard Profiles'!$G$21=$B$24,21,0),0)),0)</f>
        <v>0</v>
      </c>
      <c r="H6144" cm="1">
        <f t="array" ref="H6144">IFERROR(INDEX(Jesper!AL$2:AL$366,ROUNDDOWN($C6144/24,0)+1,1)*INDEX($D$3:$AA$30,INDEX(Jesper!$R$2:$R$366,ROW(INDEX(Jesper!AL$2:AL$366,ROUNDDOWN($C6144/24,0)+1,1))-1)+IF('Standard Profiles'!$G$22=$B$10,7,0)+IF('Standard Profiles'!$G$22=$B$17,14,0)+IF('Standard Profiles'!$G$22=$B$24,21,0),MOD($C6144,24)+1)/SUM(INDEX($D$3:$AA$30,INDEX(Jesper!$R$2:$R$366,ROW(INDEX(Jesper!AL$2:AL$366,ROUNDDOWN($C6144/24,0)+1,1))-1)+IF('Standard Profiles'!$G$22=$B$10,7,0)+IF('Standard Profiles'!$G$22=$B$17,14,0)+IF('Standard Profiles'!$G$22=$B$24,21,0),0)),0)</f>
        <v>0</v>
      </c>
      <c r="I6144">
        <f t="shared" si="685"/>
        <v>0.42586656080147928</v>
      </c>
      <c r="J6144">
        <f t="shared" si="686"/>
        <v>1.4195552026715976</v>
      </c>
      <c r="K6144">
        <f t="shared" si="687"/>
        <v>2.1293328040073964</v>
      </c>
      <c r="L6144">
        <f t="shared" si="688"/>
        <v>10.220797459235502</v>
      </c>
      <c r="M6144">
        <f t="shared" si="689"/>
        <v>0</v>
      </c>
      <c r="N6144" s="46">
        <f t="shared" si="690"/>
        <v>45546.583333318515</v>
      </c>
    </row>
    <row r="6145" spans="2:14" x14ac:dyDescent="0.3">
      <c r="B6145">
        <f t="shared" si="684"/>
        <v>3</v>
      </c>
      <c r="C6145" s="16">
        <v>6111</v>
      </c>
      <c r="D6145" cm="1">
        <f t="array" ref="D6145">IFERROR(INDEX(Jesper!AH$2:AH$366,ROUNDDOWN($C6145/24,0)+1,1)*INDEX($D$3:$AA$30,INDEX(Jesper!$R$2:$R$366,ROW(INDEX(Jesper!AH$2:AH$366,ROUNDDOWN($C6145/24,0)+1,1))-1)+IF('Standard Profiles'!$G$18=$B$10,7,0)+IF('Standard Profiles'!$G$18=$B$17,14,0)+IF('Standard Profiles'!$G$18=$B$24,21,0),MOD($C6145,24)+1)/SUM(INDEX($D$3:$AA$30,INDEX(Jesper!$R$2:$R$366,ROW(INDEX(Jesper!AH$2:AH$366,ROUNDDOWN($C6145/24,0)+1,1))-1)+IF('Standard Profiles'!$G$18=$B$10,7,0)+IF('Standard Profiles'!$G$18=$B$17,14,0)+IF('Standard Profiles'!$G$18=$B$24,21,0),0)),0)</f>
        <v>14.195552026715976</v>
      </c>
      <c r="E6145" cm="1">
        <f t="array" ref="E6145">IFERROR(INDEX(Jesper!AI$2:AI$366,ROUNDDOWN($C6145/24,0)+1,1)*INDEX($D$3:$AA$30,INDEX(Jesper!$R$2:$R$366,ROW(INDEX(Jesper!AI$2:AI$366,ROUNDDOWN($C6145/24,0)+1,1))-1)+IF('Standard Profiles'!$G$19=$B$10,7,0)+IF('Standard Profiles'!$G$19=$B$17,14,0)+IF('Standard Profiles'!$G$19=$B$24,21,0),MOD($C6145,24)+1)/SUM(INDEX($D$3:$AA$30,INDEX(Jesper!$R$2:$R$366,ROW(INDEX(Jesper!AI$2:AI$366,ROUNDDOWN($C6145/24,0)+1,1))-1)+IF('Standard Profiles'!$G$19=$B$10,7,0)+IF('Standard Profiles'!$G$19=$B$17,14,0)+IF('Standard Profiles'!$G$19=$B$24,21,0),0)),0)</f>
        <v>0</v>
      </c>
      <c r="F6145" cm="1">
        <f t="array" ref="F6145">IFERROR(INDEX(Jesper!AJ$2:AJ$366,ROUNDDOWN($C6145/24,0)+1,1)*INDEX($D$3:$AA$30,INDEX(Jesper!$R$2:$R$366,ROW(INDEX(Jesper!AJ$2:AJ$366,ROUNDDOWN($C6145/24,0)+1,1))-1)+IF('Standard Profiles'!$G$20=$B$10,7,0)+IF('Standard Profiles'!$G$20=$B$17,14,0)+IF('Standard Profiles'!$G$20=$B$24,21,0),MOD($C6145,24)+1)/SUM(INDEX($D$3:$AA$30,INDEX(Jesper!$R$2:$R$366,ROW(INDEX(Jesper!AJ$2:AJ$366,ROUNDDOWN($C6145/24,0)+1,1))-1)+IF('Standard Profiles'!$G$20=$B$10,7,0)+IF('Standard Profiles'!$G$20=$B$17,14,0)+IF('Standard Profiles'!$G$20=$B$24,21,0),0)),0)</f>
        <v>0</v>
      </c>
      <c r="G6145" cm="1">
        <f t="array" ref="G6145">IFERROR(INDEX(Jesper!AK$2:AK$366,ROUNDDOWN($C6145/24,0)+1,1)*INDEX($D$3:$AA$30,INDEX(Jesper!$R$2:$R$366,ROW(INDEX(Jesper!AK$2:AK$366,ROUNDDOWN($C6145/24,0)+1,1))-1)+IF('Standard Profiles'!$G$21=$B$10,7,0)+IF('Standard Profiles'!$G$21=$B$17,14,0)+IF('Standard Profiles'!$G$21=$B$24,21,0),MOD($C6145,24)+1)/SUM(INDEX($D$3:$AA$30,INDEX(Jesper!$R$2:$R$366,ROW(INDEX(Jesper!AK$2:AK$366,ROUNDDOWN($C6145/24,0)+1,1))-1)+IF('Standard Profiles'!$G$21=$B$10,7,0)+IF('Standard Profiles'!$G$21=$B$17,14,0)+IF('Standard Profiles'!$G$21=$B$24,21,0),0)),0)</f>
        <v>0</v>
      </c>
      <c r="H6145" cm="1">
        <f t="array" ref="H6145">IFERROR(INDEX(Jesper!AL$2:AL$366,ROUNDDOWN($C6145/24,0)+1,1)*INDEX($D$3:$AA$30,INDEX(Jesper!$R$2:$R$366,ROW(INDEX(Jesper!AL$2:AL$366,ROUNDDOWN($C6145/24,0)+1,1))-1)+IF('Standard Profiles'!$G$22=$B$10,7,0)+IF('Standard Profiles'!$G$22=$B$17,14,0)+IF('Standard Profiles'!$G$22=$B$24,21,0),MOD($C6145,24)+1)/SUM(INDEX($D$3:$AA$30,INDEX(Jesper!$R$2:$R$366,ROW(INDEX(Jesper!AL$2:AL$366,ROUNDDOWN($C6145/24,0)+1,1))-1)+IF('Standard Profiles'!$G$22=$B$10,7,0)+IF('Standard Profiles'!$G$22=$B$17,14,0)+IF('Standard Profiles'!$G$22=$B$24,21,0),0)),0)</f>
        <v>0</v>
      </c>
      <c r="I6145">
        <f t="shared" si="685"/>
        <v>0.42586656080147928</v>
      </c>
      <c r="J6145">
        <f t="shared" si="686"/>
        <v>1.4195552026715976</v>
      </c>
      <c r="K6145">
        <f t="shared" si="687"/>
        <v>2.1293328040073964</v>
      </c>
      <c r="L6145">
        <f t="shared" si="688"/>
        <v>10.220797459235502</v>
      </c>
      <c r="M6145">
        <f t="shared" si="689"/>
        <v>0</v>
      </c>
      <c r="N6145" s="46">
        <f t="shared" si="690"/>
        <v>45546.624999985179</v>
      </c>
    </row>
    <row r="6146" spans="2:14" x14ac:dyDescent="0.3">
      <c r="B6146">
        <f t="shared" si="684"/>
        <v>3</v>
      </c>
      <c r="C6146" s="16">
        <v>6112</v>
      </c>
      <c r="D6146" cm="1">
        <f t="array" ref="D6146">IFERROR(INDEX(Jesper!AH$2:AH$366,ROUNDDOWN($C6146/24,0)+1,1)*INDEX($D$3:$AA$30,INDEX(Jesper!$R$2:$R$366,ROW(INDEX(Jesper!AH$2:AH$366,ROUNDDOWN($C6146/24,0)+1,1))-1)+IF('Standard Profiles'!$G$18=$B$10,7,0)+IF('Standard Profiles'!$G$18=$B$17,14,0)+IF('Standard Profiles'!$G$18=$B$24,21,0),MOD($C6146,24)+1)/SUM(INDEX($D$3:$AA$30,INDEX(Jesper!$R$2:$R$366,ROW(INDEX(Jesper!AH$2:AH$366,ROUNDDOWN($C6146/24,0)+1,1))-1)+IF('Standard Profiles'!$G$18=$B$10,7,0)+IF('Standard Profiles'!$G$18=$B$17,14,0)+IF('Standard Profiles'!$G$18=$B$24,21,0),0)),0)</f>
        <v>14.195552026715976</v>
      </c>
      <c r="E6146" cm="1">
        <f t="array" ref="E6146">IFERROR(INDEX(Jesper!AI$2:AI$366,ROUNDDOWN($C6146/24,0)+1,1)*INDEX($D$3:$AA$30,INDEX(Jesper!$R$2:$R$366,ROW(INDEX(Jesper!AI$2:AI$366,ROUNDDOWN($C6146/24,0)+1,1))-1)+IF('Standard Profiles'!$G$19=$B$10,7,0)+IF('Standard Profiles'!$G$19=$B$17,14,0)+IF('Standard Profiles'!$G$19=$B$24,21,0),MOD($C6146,24)+1)/SUM(INDEX($D$3:$AA$30,INDEX(Jesper!$R$2:$R$366,ROW(INDEX(Jesper!AI$2:AI$366,ROUNDDOWN($C6146/24,0)+1,1))-1)+IF('Standard Profiles'!$G$19=$B$10,7,0)+IF('Standard Profiles'!$G$19=$B$17,14,0)+IF('Standard Profiles'!$G$19=$B$24,21,0),0)),0)</f>
        <v>0</v>
      </c>
      <c r="F6146" cm="1">
        <f t="array" ref="F6146">IFERROR(INDEX(Jesper!AJ$2:AJ$366,ROUNDDOWN($C6146/24,0)+1,1)*INDEX($D$3:$AA$30,INDEX(Jesper!$R$2:$R$366,ROW(INDEX(Jesper!AJ$2:AJ$366,ROUNDDOWN($C6146/24,0)+1,1))-1)+IF('Standard Profiles'!$G$20=$B$10,7,0)+IF('Standard Profiles'!$G$20=$B$17,14,0)+IF('Standard Profiles'!$G$20=$B$24,21,0),MOD($C6146,24)+1)/SUM(INDEX($D$3:$AA$30,INDEX(Jesper!$R$2:$R$366,ROW(INDEX(Jesper!AJ$2:AJ$366,ROUNDDOWN($C6146/24,0)+1,1))-1)+IF('Standard Profiles'!$G$20=$B$10,7,0)+IF('Standard Profiles'!$G$20=$B$17,14,0)+IF('Standard Profiles'!$G$20=$B$24,21,0),0)),0)</f>
        <v>0</v>
      </c>
      <c r="G6146" cm="1">
        <f t="array" ref="G6146">IFERROR(INDEX(Jesper!AK$2:AK$366,ROUNDDOWN($C6146/24,0)+1,1)*INDEX($D$3:$AA$30,INDEX(Jesper!$R$2:$R$366,ROW(INDEX(Jesper!AK$2:AK$366,ROUNDDOWN($C6146/24,0)+1,1))-1)+IF('Standard Profiles'!$G$21=$B$10,7,0)+IF('Standard Profiles'!$G$21=$B$17,14,0)+IF('Standard Profiles'!$G$21=$B$24,21,0),MOD($C6146,24)+1)/SUM(INDEX($D$3:$AA$30,INDEX(Jesper!$R$2:$R$366,ROW(INDEX(Jesper!AK$2:AK$366,ROUNDDOWN($C6146/24,0)+1,1))-1)+IF('Standard Profiles'!$G$21=$B$10,7,0)+IF('Standard Profiles'!$G$21=$B$17,14,0)+IF('Standard Profiles'!$G$21=$B$24,21,0),0)),0)</f>
        <v>0</v>
      </c>
      <c r="H6146" cm="1">
        <f t="array" ref="H6146">IFERROR(INDEX(Jesper!AL$2:AL$366,ROUNDDOWN($C6146/24,0)+1,1)*INDEX($D$3:$AA$30,INDEX(Jesper!$R$2:$R$366,ROW(INDEX(Jesper!AL$2:AL$366,ROUNDDOWN($C6146/24,0)+1,1))-1)+IF('Standard Profiles'!$G$22=$B$10,7,0)+IF('Standard Profiles'!$G$22=$B$17,14,0)+IF('Standard Profiles'!$G$22=$B$24,21,0),MOD($C6146,24)+1)/SUM(INDEX($D$3:$AA$30,INDEX(Jesper!$R$2:$R$366,ROW(INDEX(Jesper!AL$2:AL$366,ROUNDDOWN($C6146/24,0)+1,1))-1)+IF('Standard Profiles'!$G$22=$B$10,7,0)+IF('Standard Profiles'!$G$22=$B$17,14,0)+IF('Standard Profiles'!$G$22=$B$24,21,0),0)),0)</f>
        <v>0</v>
      </c>
      <c r="I6146">
        <f t="shared" si="685"/>
        <v>0.42586656080147928</v>
      </c>
      <c r="J6146">
        <f t="shared" si="686"/>
        <v>1.4195552026715976</v>
      </c>
      <c r="K6146">
        <f t="shared" si="687"/>
        <v>2.1293328040073964</v>
      </c>
      <c r="L6146">
        <f t="shared" si="688"/>
        <v>10.220797459235502</v>
      </c>
      <c r="M6146">
        <f t="shared" si="689"/>
        <v>0</v>
      </c>
      <c r="N6146" s="46">
        <f t="shared" si="690"/>
        <v>45546.666666651843</v>
      </c>
    </row>
    <row r="6147" spans="2:14" x14ac:dyDescent="0.3">
      <c r="B6147">
        <f t="shared" si="684"/>
        <v>3</v>
      </c>
      <c r="C6147" s="16">
        <v>6113</v>
      </c>
      <c r="D6147" cm="1">
        <f t="array" ref="D6147">IFERROR(INDEX(Jesper!AH$2:AH$366,ROUNDDOWN($C6147/24,0)+1,1)*INDEX($D$3:$AA$30,INDEX(Jesper!$R$2:$R$366,ROW(INDEX(Jesper!AH$2:AH$366,ROUNDDOWN($C6147/24,0)+1,1))-1)+IF('Standard Profiles'!$G$18=$B$10,7,0)+IF('Standard Profiles'!$G$18=$B$17,14,0)+IF('Standard Profiles'!$G$18=$B$24,21,0),MOD($C6147,24)+1)/SUM(INDEX($D$3:$AA$30,INDEX(Jesper!$R$2:$R$366,ROW(INDEX(Jesper!AH$2:AH$366,ROUNDDOWN($C6147/24,0)+1,1))-1)+IF('Standard Profiles'!$G$18=$B$10,7,0)+IF('Standard Profiles'!$G$18=$B$17,14,0)+IF('Standard Profiles'!$G$18=$B$24,21,0),0)),0)</f>
        <v>14.195552026715976</v>
      </c>
      <c r="E6147" cm="1">
        <f t="array" ref="E6147">IFERROR(INDEX(Jesper!AI$2:AI$366,ROUNDDOWN($C6147/24,0)+1,1)*INDEX($D$3:$AA$30,INDEX(Jesper!$R$2:$R$366,ROW(INDEX(Jesper!AI$2:AI$366,ROUNDDOWN($C6147/24,0)+1,1))-1)+IF('Standard Profiles'!$G$19=$B$10,7,0)+IF('Standard Profiles'!$G$19=$B$17,14,0)+IF('Standard Profiles'!$G$19=$B$24,21,0),MOD($C6147,24)+1)/SUM(INDEX($D$3:$AA$30,INDEX(Jesper!$R$2:$R$366,ROW(INDEX(Jesper!AI$2:AI$366,ROUNDDOWN($C6147/24,0)+1,1))-1)+IF('Standard Profiles'!$G$19=$B$10,7,0)+IF('Standard Profiles'!$G$19=$B$17,14,0)+IF('Standard Profiles'!$G$19=$B$24,21,0),0)),0)</f>
        <v>0</v>
      </c>
      <c r="F6147" cm="1">
        <f t="array" ref="F6147">IFERROR(INDEX(Jesper!AJ$2:AJ$366,ROUNDDOWN($C6147/24,0)+1,1)*INDEX($D$3:$AA$30,INDEX(Jesper!$R$2:$R$366,ROW(INDEX(Jesper!AJ$2:AJ$366,ROUNDDOWN($C6147/24,0)+1,1))-1)+IF('Standard Profiles'!$G$20=$B$10,7,0)+IF('Standard Profiles'!$G$20=$B$17,14,0)+IF('Standard Profiles'!$G$20=$B$24,21,0),MOD($C6147,24)+1)/SUM(INDEX($D$3:$AA$30,INDEX(Jesper!$R$2:$R$366,ROW(INDEX(Jesper!AJ$2:AJ$366,ROUNDDOWN($C6147/24,0)+1,1))-1)+IF('Standard Profiles'!$G$20=$B$10,7,0)+IF('Standard Profiles'!$G$20=$B$17,14,0)+IF('Standard Profiles'!$G$20=$B$24,21,0),0)),0)</f>
        <v>0</v>
      </c>
      <c r="G6147" cm="1">
        <f t="array" ref="G6147">IFERROR(INDEX(Jesper!AK$2:AK$366,ROUNDDOWN($C6147/24,0)+1,1)*INDEX($D$3:$AA$30,INDEX(Jesper!$R$2:$R$366,ROW(INDEX(Jesper!AK$2:AK$366,ROUNDDOWN($C6147/24,0)+1,1))-1)+IF('Standard Profiles'!$G$21=$B$10,7,0)+IF('Standard Profiles'!$G$21=$B$17,14,0)+IF('Standard Profiles'!$G$21=$B$24,21,0),MOD($C6147,24)+1)/SUM(INDEX($D$3:$AA$30,INDEX(Jesper!$R$2:$R$366,ROW(INDEX(Jesper!AK$2:AK$366,ROUNDDOWN($C6147/24,0)+1,1))-1)+IF('Standard Profiles'!$G$21=$B$10,7,0)+IF('Standard Profiles'!$G$21=$B$17,14,0)+IF('Standard Profiles'!$G$21=$B$24,21,0),0)),0)</f>
        <v>0</v>
      </c>
      <c r="H6147" cm="1">
        <f t="array" ref="H6147">IFERROR(INDEX(Jesper!AL$2:AL$366,ROUNDDOWN($C6147/24,0)+1,1)*INDEX($D$3:$AA$30,INDEX(Jesper!$R$2:$R$366,ROW(INDEX(Jesper!AL$2:AL$366,ROUNDDOWN($C6147/24,0)+1,1))-1)+IF('Standard Profiles'!$G$22=$B$10,7,0)+IF('Standard Profiles'!$G$22=$B$17,14,0)+IF('Standard Profiles'!$G$22=$B$24,21,0),MOD($C6147,24)+1)/SUM(INDEX($D$3:$AA$30,INDEX(Jesper!$R$2:$R$366,ROW(INDEX(Jesper!AL$2:AL$366,ROUNDDOWN($C6147/24,0)+1,1))-1)+IF('Standard Profiles'!$G$22=$B$10,7,0)+IF('Standard Profiles'!$G$22=$B$17,14,0)+IF('Standard Profiles'!$G$22=$B$24,21,0),0)),0)</f>
        <v>0</v>
      </c>
      <c r="I6147">
        <f t="shared" si="685"/>
        <v>0.42586656080147928</v>
      </c>
      <c r="J6147">
        <f t="shared" si="686"/>
        <v>1.4195552026715976</v>
      </c>
      <c r="K6147">
        <f t="shared" si="687"/>
        <v>2.1293328040073964</v>
      </c>
      <c r="L6147">
        <f t="shared" si="688"/>
        <v>10.220797459235502</v>
      </c>
      <c r="M6147">
        <f t="shared" si="689"/>
        <v>0</v>
      </c>
      <c r="N6147" s="46">
        <f t="shared" si="690"/>
        <v>45546.708333318507</v>
      </c>
    </row>
    <row r="6148" spans="2:14" x14ac:dyDescent="0.3">
      <c r="B6148">
        <f t="shared" si="684"/>
        <v>3</v>
      </c>
      <c r="C6148" s="16">
        <v>6114</v>
      </c>
      <c r="D6148" cm="1">
        <f t="array" ref="D6148">IFERROR(INDEX(Jesper!AH$2:AH$366,ROUNDDOWN($C6148/24,0)+1,1)*INDEX($D$3:$AA$30,INDEX(Jesper!$R$2:$R$366,ROW(INDEX(Jesper!AH$2:AH$366,ROUNDDOWN($C6148/24,0)+1,1))-1)+IF('Standard Profiles'!$G$18=$B$10,7,0)+IF('Standard Profiles'!$G$18=$B$17,14,0)+IF('Standard Profiles'!$G$18=$B$24,21,0),MOD($C6148,24)+1)/SUM(INDEX($D$3:$AA$30,INDEX(Jesper!$R$2:$R$366,ROW(INDEX(Jesper!AH$2:AH$366,ROUNDDOWN($C6148/24,0)+1,1))-1)+IF('Standard Profiles'!$G$18=$B$10,7,0)+IF('Standard Profiles'!$G$18=$B$17,14,0)+IF('Standard Profiles'!$G$18=$B$24,21,0),0)),0)</f>
        <v>14.195552026715976</v>
      </c>
      <c r="E6148" cm="1">
        <f t="array" ref="E6148">IFERROR(INDEX(Jesper!AI$2:AI$366,ROUNDDOWN($C6148/24,0)+1,1)*INDEX($D$3:$AA$30,INDEX(Jesper!$R$2:$R$366,ROW(INDEX(Jesper!AI$2:AI$366,ROUNDDOWN($C6148/24,0)+1,1))-1)+IF('Standard Profiles'!$G$19=$B$10,7,0)+IF('Standard Profiles'!$G$19=$B$17,14,0)+IF('Standard Profiles'!$G$19=$B$24,21,0),MOD($C6148,24)+1)/SUM(INDEX($D$3:$AA$30,INDEX(Jesper!$R$2:$R$366,ROW(INDEX(Jesper!AI$2:AI$366,ROUNDDOWN($C6148/24,0)+1,1))-1)+IF('Standard Profiles'!$G$19=$B$10,7,0)+IF('Standard Profiles'!$G$19=$B$17,14,0)+IF('Standard Profiles'!$G$19=$B$24,21,0),0)),0)</f>
        <v>0</v>
      </c>
      <c r="F6148" cm="1">
        <f t="array" ref="F6148">IFERROR(INDEX(Jesper!AJ$2:AJ$366,ROUNDDOWN($C6148/24,0)+1,1)*INDEX($D$3:$AA$30,INDEX(Jesper!$R$2:$R$366,ROW(INDEX(Jesper!AJ$2:AJ$366,ROUNDDOWN($C6148/24,0)+1,1))-1)+IF('Standard Profiles'!$G$20=$B$10,7,0)+IF('Standard Profiles'!$G$20=$B$17,14,0)+IF('Standard Profiles'!$G$20=$B$24,21,0),MOD($C6148,24)+1)/SUM(INDEX($D$3:$AA$30,INDEX(Jesper!$R$2:$R$366,ROW(INDEX(Jesper!AJ$2:AJ$366,ROUNDDOWN($C6148/24,0)+1,1))-1)+IF('Standard Profiles'!$G$20=$B$10,7,0)+IF('Standard Profiles'!$G$20=$B$17,14,0)+IF('Standard Profiles'!$G$20=$B$24,21,0),0)),0)</f>
        <v>0</v>
      </c>
      <c r="G6148" cm="1">
        <f t="array" ref="G6148">IFERROR(INDEX(Jesper!AK$2:AK$366,ROUNDDOWN($C6148/24,0)+1,1)*INDEX($D$3:$AA$30,INDEX(Jesper!$R$2:$R$366,ROW(INDEX(Jesper!AK$2:AK$366,ROUNDDOWN($C6148/24,0)+1,1))-1)+IF('Standard Profiles'!$G$21=$B$10,7,0)+IF('Standard Profiles'!$G$21=$B$17,14,0)+IF('Standard Profiles'!$G$21=$B$24,21,0),MOD($C6148,24)+1)/SUM(INDEX($D$3:$AA$30,INDEX(Jesper!$R$2:$R$366,ROW(INDEX(Jesper!AK$2:AK$366,ROUNDDOWN($C6148/24,0)+1,1))-1)+IF('Standard Profiles'!$G$21=$B$10,7,0)+IF('Standard Profiles'!$G$21=$B$17,14,0)+IF('Standard Profiles'!$G$21=$B$24,21,0),0)),0)</f>
        <v>0</v>
      </c>
      <c r="H6148" cm="1">
        <f t="array" ref="H6148">IFERROR(INDEX(Jesper!AL$2:AL$366,ROUNDDOWN($C6148/24,0)+1,1)*INDEX($D$3:$AA$30,INDEX(Jesper!$R$2:$R$366,ROW(INDEX(Jesper!AL$2:AL$366,ROUNDDOWN($C6148/24,0)+1,1))-1)+IF('Standard Profiles'!$G$22=$B$10,7,0)+IF('Standard Profiles'!$G$22=$B$17,14,0)+IF('Standard Profiles'!$G$22=$B$24,21,0),MOD($C6148,24)+1)/SUM(INDEX($D$3:$AA$30,INDEX(Jesper!$R$2:$R$366,ROW(INDEX(Jesper!AL$2:AL$366,ROUNDDOWN($C6148/24,0)+1,1))-1)+IF('Standard Profiles'!$G$22=$B$10,7,0)+IF('Standard Profiles'!$G$22=$B$17,14,0)+IF('Standard Profiles'!$G$22=$B$24,21,0),0)),0)</f>
        <v>0</v>
      </c>
      <c r="I6148">
        <f t="shared" si="685"/>
        <v>0.42586656080147928</v>
      </c>
      <c r="J6148">
        <f t="shared" si="686"/>
        <v>1.4195552026715976</v>
      </c>
      <c r="K6148">
        <f t="shared" si="687"/>
        <v>2.1293328040073964</v>
      </c>
      <c r="L6148">
        <f t="shared" si="688"/>
        <v>10.220797459235502</v>
      </c>
      <c r="M6148">
        <f t="shared" si="689"/>
        <v>0</v>
      </c>
      <c r="N6148" s="46">
        <f t="shared" si="690"/>
        <v>45546.749999985172</v>
      </c>
    </row>
    <row r="6149" spans="2:14" x14ac:dyDescent="0.3">
      <c r="B6149">
        <f t="shared" si="684"/>
        <v>3</v>
      </c>
      <c r="C6149" s="16">
        <v>6115</v>
      </c>
      <c r="D6149" cm="1">
        <f t="array" ref="D6149">IFERROR(INDEX(Jesper!AH$2:AH$366,ROUNDDOWN($C6149/24,0)+1,1)*INDEX($D$3:$AA$30,INDEX(Jesper!$R$2:$R$366,ROW(INDEX(Jesper!AH$2:AH$366,ROUNDDOWN($C6149/24,0)+1,1))-1)+IF('Standard Profiles'!$G$18=$B$10,7,0)+IF('Standard Profiles'!$G$18=$B$17,14,0)+IF('Standard Profiles'!$G$18=$B$24,21,0),MOD($C6149,24)+1)/SUM(INDEX($D$3:$AA$30,INDEX(Jesper!$R$2:$R$366,ROW(INDEX(Jesper!AH$2:AH$366,ROUNDDOWN($C6149/24,0)+1,1))-1)+IF('Standard Profiles'!$G$18=$B$10,7,0)+IF('Standard Profiles'!$G$18=$B$17,14,0)+IF('Standard Profiles'!$G$18=$B$24,21,0),0)),0)</f>
        <v>11.829626688929981</v>
      </c>
      <c r="E6149" cm="1">
        <f t="array" ref="E6149">IFERROR(INDEX(Jesper!AI$2:AI$366,ROUNDDOWN($C6149/24,0)+1,1)*INDEX($D$3:$AA$30,INDEX(Jesper!$R$2:$R$366,ROW(INDEX(Jesper!AI$2:AI$366,ROUNDDOWN($C6149/24,0)+1,1))-1)+IF('Standard Profiles'!$G$19=$B$10,7,0)+IF('Standard Profiles'!$G$19=$B$17,14,0)+IF('Standard Profiles'!$G$19=$B$24,21,0),MOD($C6149,24)+1)/SUM(INDEX($D$3:$AA$30,INDEX(Jesper!$R$2:$R$366,ROW(INDEX(Jesper!AI$2:AI$366,ROUNDDOWN($C6149/24,0)+1,1))-1)+IF('Standard Profiles'!$G$19=$B$10,7,0)+IF('Standard Profiles'!$G$19=$B$17,14,0)+IF('Standard Profiles'!$G$19=$B$24,21,0),0)),0)</f>
        <v>0</v>
      </c>
      <c r="F6149" cm="1">
        <f t="array" ref="F6149">IFERROR(INDEX(Jesper!AJ$2:AJ$366,ROUNDDOWN($C6149/24,0)+1,1)*INDEX($D$3:$AA$30,INDEX(Jesper!$R$2:$R$366,ROW(INDEX(Jesper!AJ$2:AJ$366,ROUNDDOWN($C6149/24,0)+1,1))-1)+IF('Standard Profiles'!$G$20=$B$10,7,0)+IF('Standard Profiles'!$G$20=$B$17,14,0)+IF('Standard Profiles'!$G$20=$B$24,21,0),MOD($C6149,24)+1)/SUM(INDEX($D$3:$AA$30,INDEX(Jesper!$R$2:$R$366,ROW(INDEX(Jesper!AJ$2:AJ$366,ROUNDDOWN($C6149/24,0)+1,1))-1)+IF('Standard Profiles'!$G$20=$B$10,7,0)+IF('Standard Profiles'!$G$20=$B$17,14,0)+IF('Standard Profiles'!$G$20=$B$24,21,0),0)),0)</f>
        <v>0</v>
      </c>
      <c r="G6149" cm="1">
        <f t="array" ref="G6149">IFERROR(INDEX(Jesper!AK$2:AK$366,ROUNDDOWN($C6149/24,0)+1,1)*INDEX($D$3:$AA$30,INDEX(Jesper!$R$2:$R$366,ROW(INDEX(Jesper!AK$2:AK$366,ROUNDDOWN($C6149/24,0)+1,1))-1)+IF('Standard Profiles'!$G$21=$B$10,7,0)+IF('Standard Profiles'!$G$21=$B$17,14,0)+IF('Standard Profiles'!$G$21=$B$24,21,0),MOD($C6149,24)+1)/SUM(INDEX($D$3:$AA$30,INDEX(Jesper!$R$2:$R$366,ROW(INDEX(Jesper!AK$2:AK$366,ROUNDDOWN($C6149/24,0)+1,1))-1)+IF('Standard Profiles'!$G$21=$B$10,7,0)+IF('Standard Profiles'!$G$21=$B$17,14,0)+IF('Standard Profiles'!$G$21=$B$24,21,0),0)),0)</f>
        <v>0</v>
      </c>
      <c r="H6149" cm="1">
        <f t="array" ref="H6149">IFERROR(INDEX(Jesper!AL$2:AL$366,ROUNDDOWN($C6149/24,0)+1,1)*INDEX($D$3:$AA$30,INDEX(Jesper!$R$2:$R$366,ROW(INDEX(Jesper!AL$2:AL$366,ROUNDDOWN($C6149/24,0)+1,1))-1)+IF('Standard Profiles'!$G$22=$B$10,7,0)+IF('Standard Profiles'!$G$22=$B$17,14,0)+IF('Standard Profiles'!$G$22=$B$24,21,0),MOD($C6149,24)+1)/SUM(INDEX($D$3:$AA$30,INDEX(Jesper!$R$2:$R$366,ROW(INDEX(Jesper!AL$2:AL$366,ROUNDDOWN($C6149/24,0)+1,1))-1)+IF('Standard Profiles'!$G$22=$B$10,7,0)+IF('Standard Profiles'!$G$22=$B$17,14,0)+IF('Standard Profiles'!$G$22=$B$24,21,0),0)),0)</f>
        <v>0</v>
      </c>
      <c r="I6149">
        <f t="shared" si="685"/>
        <v>0.35488880066789941</v>
      </c>
      <c r="J6149">
        <f t="shared" si="686"/>
        <v>1.1829626688929982</v>
      </c>
      <c r="K6149">
        <f t="shared" si="687"/>
        <v>1.774444003339497</v>
      </c>
      <c r="L6149">
        <f t="shared" si="688"/>
        <v>8.5173312160295858</v>
      </c>
      <c r="M6149">
        <f t="shared" si="689"/>
        <v>0</v>
      </c>
      <c r="N6149" s="46">
        <f t="shared" si="690"/>
        <v>45546.791666651836</v>
      </c>
    </row>
    <row r="6150" spans="2:14" x14ac:dyDescent="0.3">
      <c r="B6150">
        <f t="shared" si="684"/>
        <v>3</v>
      </c>
      <c r="C6150" s="16">
        <v>6116</v>
      </c>
      <c r="D6150" cm="1">
        <f t="array" ref="D6150">IFERROR(INDEX(Jesper!AH$2:AH$366,ROUNDDOWN($C6150/24,0)+1,1)*INDEX($D$3:$AA$30,INDEX(Jesper!$R$2:$R$366,ROW(INDEX(Jesper!AH$2:AH$366,ROUNDDOWN($C6150/24,0)+1,1))-1)+IF('Standard Profiles'!$G$18=$B$10,7,0)+IF('Standard Profiles'!$G$18=$B$17,14,0)+IF('Standard Profiles'!$G$18=$B$24,21,0),MOD($C6150,24)+1)/SUM(INDEX($D$3:$AA$30,INDEX(Jesper!$R$2:$R$366,ROW(INDEX(Jesper!AH$2:AH$366,ROUNDDOWN($C6150/24,0)+1,1))-1)+IF('Standard Profiles'!$G$18=$B$10,7,0)+IF('Standard Profiles'!$G$18=$B$17,14,0)+IF('Standard Profiles'!$G$18=$B$24,21,0),0)),0)</f>
        <v>9.4637013511439854</v>
      </c>
      <c r="E6150" cm="1">
        <f t="array" ref="E6150">IFERROR(INDEX(Jesper!AI$2:AI$366,ROUNDDOWN($C6150/24,0)+1,1)*INDEX($D$3:$AA$30,INDEX(Jesper!$R$2:$R$366,ROW(INDEX(Jesper!AI$2:AI$366,ROUNDDOWN($C6150/24,0)+1,1))-1)+IF('Standard Profiles'!$G$19=$B$10,7,0)+IF('Standard Profiles'!$G$19=$B$17,14,0)+IF('Standard Profiles'!$G$19=$B$24,21,0),MOD($C6150,24)+1)/SUM(INDEX($D$3:$AA$30,INDEX(Jesper!$R$2:$R$366,ROW(INDEX(Jesper!AI$2:AI$366,ROUNDDOWN($C6150/24,0)+1,1))-1)+IF('Standard Profiles'!$G$19=$B$10,7,0)+IF('Standard Profiles'!$G$19=$B$17,14,0)+IF('Standard Profiles'!$G$19=$B$24,21,0),0)),0)</f>
        <v>0</v>
      </c>
      <c r="F6150" cm="1">
        <f t="array" ref="F6150">IFERROR(INDEX(Jesper!AJ$2:AJ$366,ROUNDDOWN($C6150/24,0)+1,1)*INDEX($D$3:$AA$30,INDEX(Jesper!$R$2:$R$366,ROW(INDEX(Jesper!AJ$2:AJ$366,ROUNDDOWN($C6150/24,0)+1,1))-1)+IF('Standard Profiles'!$G$20=$B$10,7,0)+IF('Standard Profiles'!$G$20=$B$17,14,0)+IF('Standard Profiles'!$G$20=$B$24,21,0),MOD($C6150,24)+1)/SUM(INDEX($D$3:$AA$30,INDEX(Jesper!$R$2:$R$366,ROW(INDEX(Jesper!AJ$2:AJ$366,ROUNDDOWN($C6150/24,0)+1,1))-1)+IF('Standard Profiles'!$G$20=$B$10,7,0)+IF('Standard Profiles'!$G$20=$B$17,14,0)+IF('Standard Profiles'!$G$20=$B$24,21,0),0)),0)</f>
        <v>0</v>
      </c>
      <c r="G6150" cm="1">
        <f t="array" ref="G6150">IFERROR(INDEX(Jesper!AK$2:AK$366,ROUNDDOWN($C6150/24,0)+1,1)*INDEX($D$3:$AA$30,INDEX(Jesper!$R$2:$R$366,ROW(INDEX(Jesper!AK$2:AK$366,ROUNDDOWN($C6150/24,0)+1,1))-1)+IF('Standard Profiles'!$G$21=$B$10,7,0)+IF('Standard Profiles'!$G$21=$B$17,14,0)+IF('Standard Profiles'!$G$21=$B$24,21,0),MOD($C6150,24)+1)/SUM(INDEX($D$3:$AA$30,INDEX(Jesper!$R$2:$R$366,ROW(INDEX(Jesper!AK$2:AK$366,ROUNDDOWN($C6150/24,0)+1,1))-1)+IF('Standard Profiles'!$G$21=$B$10,7,0)+IF('Standard Profiles'!$G$21=$B$17,14,0)+IF('Standard Profiles'!$G$21=$B$24,21,0),0)),0)</f>
        <v>0</v>
      </c>
      <c r="H6150" cm="1">
        <f t="array" ref="H6150">IFERROR(INDEX(Jesper!AL$2:AL$366,ROUNDDOWN($C6150/24,0)+1,1)*INDEX($D$3:$AA$30,INDEX(Jesper!$R$2:$R$366,ROW(INDEX(Jesper!AL$2:AL$366,ROUNDDOWN($C6150/24,0)+1,1))-1)+IF('Standard Profiles'!$G$22=$B$10,7,0)+IF('Standard Profiles'!$G$22=$B$17,14,0)+IF('Standard Profiles'!$G$22=$B$24,21,0),MOD($C6150,24)+1)/SUM(INDEX($D$3:$AA$30,INDEX(Jesper!$R$2:$R$366,ROW(INDEX(Jesper!AL$2:AL$366,ROUNDDOWN($C6150/24,0)+1,1))-1)+IF('Standard Profiles'!$G$22=$B$10,7,0)+IF('Standard Profiles'!$G$22=$B$17,14,0)+IF('Standard Profiles'!$G$22=$B$24,21,0),0)),0)</f>
        <v>0</v>
      </c>
      <c r="I6150">
        <f t="shared" si="685"/>
        <v>0.28391104053431954</v>
      </c>
      <c r="J6150">
        <f t="shared" si="686"/>
        <v>0.9463701351143986</v>
      </c>
      <c r="K6150">
        <f t="shared" si="687"/>
        <v>1.4195552026715978</v>
      </c>
      <c r="L6150">
        <f t="shared" si="688"/>
        <v>6.8138649728236693</v>
      </c>
      <c r="M6150">
        <f t="shared" si="689"/>
        <v>0</v>
      </c>
      <c r="N6150" s="46">
        <f t="shared" si="690"/>
        <v>45546.8333333185</v>
      </c>
    </row>
    <row r="6151" spans="2:14" x14ac:dyDescent="0.3">
      <c r="B6151">
        <f t="shared" si="684"/>
        <v>3</v>
      </c>
      <c r="C6151" s="16">
        <v>6117</v>
      </c>
      <c r="D6151" cm="1">
        <f t="array" ref="D6151">IFERROR(INDEX(Jesper!AH$2:AH$366,ROUNDDOWN($C6151/24,0)+1,1)*INDEX($D$3:$AA$30,INDEX(Jesper!$R$2:$R$366,ROW(INDEX(Jesper!AH$2:AH$366,ROUNDDOWN($C6151/24,0)+1,1))-1)+IF('Standard Profiles'!$G$18=$B$10,7,0)+IF('Standard Profiles'!$G$18=$B$17,14,0)+IF('Standard Profiles'!$G$18=$B$24,21,0),MOD($C6151,24)+1)/SUM(INDEX($D$3:$AA$30,INDEX(Jesper!$R$2:$R$366,ROW(INDEX(Jesper!AH$2:AH$366,ROUNDDOWN($C6151/24,0)+1,1))-1)+IF('Standard Profiles'!$G$18=$B$10,7,0)+IF('Standard Profiles'!$G$18=$B$17,14,0)+IF('Standard Profiles'!$G$18=$B$24,21,0),0)),0)</f>
        <v>7.0977760133579881</v>
      </c>
      <c r="E6151" cm="1">
        <f t="array" ref="E6151">IFERROR(INDEX(Jesper!AI$2:AI$366,ROUNDDOWN($C6151/24,0)+1,1)*INDEX($D$3:$AA$30,INDEX(Jesper!$R$2:$R$366,ROW(INDEX(Jesper!AI$2:AI$366,ROUNDDOWN($C6151/24,0)+1,1))-1)+IF('Standard Profiles'!$G$19=$B$10,7,0)+IF('Standard Profiles'!$G$19=$B$17,14,0)+IF('Standard Profiles'!$G$19=$B$24,21,0),MOD($C6151,24)+1)/SUM(INDEX($D$3:$AA$30,INDEX(Jesper!$R$2:$R$366,ROW(INDEX(Jesper!AI$2:AI$366,ROUNDDOWN($C6151/24,0)+1,1))-1)+IF('Standard Profiles'!$G$19=$B$10,7,0)+IF('Standard Profiles'!$G$19=$B$17,14,0)+IF('Standard Profiles'!$G$19=$B$24,21,0),0)),0)</f>
        <v>0</v>
      </c>
      <c r="F6151" cm="1">
        <f t="array" ref="F6151">IFERROR(INDEX(Jesper!AJ$2:AJ$366,ROUNDDOWN($C6151/24,0)+1,1)*INDEX($D$3:$AA$30,INDEX(Jesper!$R$2:$R$366,ROW(INDEX(Jesper!AJ$2:AJ$366,ROUNDDOWN($C6151/24,0)+1,1))-1)+IF('Standard Profiles'!$G$20=$B$10,7,0)+IF('Standard Profiles'!$G$20=$B$17,14,0)+IF('Standard Profiles'!$G$20=$B$24,21,0),MOD($C6151,24)+1)/SUM(INDEX($D$3:$AA$30,INDEX(Jesper!$R$2:$R$366,ROW(INDEX(Jesper!AJ$2:AJ$366,ROUNDDOWN($C6151/24,0)+1,1))-1)+IF('Standard Profiles'!$G$20=$B$10,7,0)+IF('Standard Profiles'!$G$20=$B$17,14,0)+IF('Standard Profiles'!$G$20=$B$24,21,0),0)),0)</f>
        <v>0</v>
      </c>
      <c r="G6151" cm="1">
        <f t="array" ref="G6151">IFERROR(INDEX(Jesper!AK$2:AK$366,ROUNDDOWN($C6151/24,0)+1,1)*INDEX($D$3:$AA$30,INDEX(Jesper!$R$2:$R$366,ROW(INDEX(Jesper!AK$2:AK$366,ROUNDDOWN($C6151/24,0)+1,1))-1)+IF('Standard Profiles'!$G$21=$B$10,7,0)+IF('Standard Profiles'!$G$21=$B$17,14,0)+IF('Standard Profiles'!$G$21=$B$24,21,0),MOD($C6151,24)+1)/SUM(INDEX($D$3:$AA$30,INDEX(Jesper!$R$2:$R$366,ROW(INDEX(Jesper!AK$2:AK$366,ROUNDDOWN($C6151/24,0)+1,1))-1)+IF('Standard Profiles'!$G$21=$B$10,7,0)+IF('Standard Profiles'!$G$21=$B$17,14,0)+IF('Standard Profiles'!$G$21=$B$24,21,0),0)),0)</f>
        <v>0</v>
      </c>
      <c r="H6151" cm="1">
        <f t="array" ref="H6151">IFERROR(INDEX(Jesper!AL$2:AL$366,ROUNDDOWN($C6151/24,0)+1,1)*INDEX($D$3:$AA$30,INDEX(Jesper!$R$2:$R$366,ROW(INDEX(Jesper!AL$2:AL$366,ROUNDDOWN($C6151/24,0)+1,1))-1)+IF('Standard Profiles'!$G$22=$B$10,7,0)+IF('Standard Profiles'!$G$22=$B$17,14,0)+IF('Standard Profiles'!$G$22=$B$24,21,0),MOD($C6151,24)+1)/SUM(INDEX($D$3:$AA$30,INDEX(Jesper!$R$2:$R$366,ROW(INDEX(Jesper!AL$2:AL$366,ROUNDDOWN($C6151/24,0)+1,1))-1)+IF('Standard Profiles'!$G$22=$B$10,7,0)+IF('Standard Profiles'!$G$22=$B$17,14,0)+IF('Standard Profiles'!$G$22=$B$24,21,0),0)),0)</f>
        <v>0</v>
      </c>
      <c r="I6151">
        <f t="shared" si="685"/>
        <v>0.21293328040073964</v>
      </c>
      <c r="J6151">
        <f t="shared" si="686"/>
        <v>0.70977760133579881</v>
      </c>
      <c r="K6151">
        <f t="shared" si="687"/>
        <v>1.0646664020036982</v>
      </c>
      <c r="L6151">
        <f t="shared" si="688"/>
        <v>5.1103987296177511</v>
      </c>
      <c r="M6151">
        <f t="shared" si="689"/>
        <v>0</v>
      </c>
      <c r="N6151" s="46">
        <f t="shared" si="690"/>
        <v>45546.874999985164</v>
      </c>
    </row>
    <row r="6152" spans="2:14" x14ac:dyDescent="0.3">
      <c r="B6152">
        <f t="shared" si="684"/>
        <v>3</v>
      </c>
      <c r="C6152" s="16">
        <v>6118</v>
      </c>
      <c r="D6152" cm="1">
        <f t="array" ref="D6152">IFERROR(INDEX(Jesper!AH$2:AH$366,ROUNDDOWN($C6152/24,0)+1,1)*INDEX($D$3:$AA$30,INDEX(Jesper!$R$2:$R$366,ROW(INDEX(Jesper!AH$2:AH$366,ROUNDDOWN($C6152/24,0)+1,1))-1)+IF('Standard Profiles'!$G$18=$B$10,7,0)+IF('Standard Profiles'!$G$18=$B$17,14,0)+IF('Standard Profiles'!$G$18=$B$24,21,0),MOD($C6152,24)+1)/SUM(INDEX($D$3:$AA$30,INDEX(Jesper!$R$2:$R$366,ROW(INDEX(Jesper!AH$2:AH$366,ROUNDDOWN($C6152/24,0)+1,1))-1)+IF('Standard Profiles'!$G$18=$B$10,7,0)+IF('Standard Profiles'!$G$18=$B$17,14,0)+IF('Standard Profiles'!$G$18=$B$24,21,0),0)),0)</f>
        <v>7.0977760133579881</v>
      </c>
      <c r="E6152" cm="1">
        <f t="array" ref="E6152">IFERROR(INDEX(Jesper!AI$2:AI$366,ROUNDDOWN($C6152/24,0)+1,1)*INDEX($D$3:$AA$30,INDEX(Jesper!$R$2:$R$366,ROW(INDEX(Jesper!AI$2:AI$366,ROUNDDOWN($C6152/24,0)+1,1))-1)+IF('Standard Profiles'!$G$19=$B$10,7,0)+IF('Standard Profiles'!$G$19=$B$17,14,0)+IF('Standard Profiles'!$G$19=$B$24,21,0),MOD($C6152,24)+1)/SUM(INDEX($D$3:$AA$30,INDEX(Jesper!$R$2:$R$366,ROW(INDEX(Jesper!AI$2:AI$366,ROUNDDOWN($C6152/24,0)+1,1))-1)+IF('Standard Profiles'!$G$19=$B$10,7,0)+IF('Standard Profiles'!$G$19=$B$17,14,0)+IF('Standard Profiles'!$G$19=$B$24,21,0),0)),0)</f>
        <v>0</v>
      </c>
      <c r="F6152" cm="1">
        <f t="array" ref="F6152">IFERROR(INDEX(Jesper!AJ$2:AJ$366,ROUNDDOWN($C6152/24,0)+1,1)*INDEX($D$3:$AA$30,INDEX(Jesper!$R$2:$R$366,ROW(INDEX(Jesper!AJ$2:AJ$366,ROUNDDOWN($C6152/24,0)+1,1))-1)+IF('Standard Profiles'!$G$20=$B$10,7,0)+IF('Standard Profiles'!$G$20=$B$17,14,0)+IF('Standard Profiles'!$G$20=$B$24,21,0),MOD($C6152,24)+1)/SUM(INDEX($D$3:$AA$30,INDEX(Jesper!$R$2:$R$366,ROW(INDEX(Jesper!AJ$2:AJ$366,ROUNDDOWN($C6152/24,0)+1,1))-1)+IF('Standard Profiles'!$G$20=$B$10,7,0)+IF('Standard Profiles'!$G$20=$B$17,14,0)+IF('Standard Profiles'!$G$20=$B$24,21,0),0)),0)</f>
        <v>0</v>
      </c>
      <c r="G6152" cm="1">
        <f t="array" ref="G6152">IFERROR(INDEX(Jesper!AK$2:AK$366,ROUNDDOWN($C6152/24,0)+1,1)*INDEX($D$3:$AA$30,INDEX(Jesper!$R$2:$R$366,ROW(INDEX(Jesper!AK$2:AK$366,ROUNDDOWN($C6152/24,0)+1,1))-1)+IF('Standard Profiles'!$G$21=$B$10,7,0)+IF('Standard Profiles'!$G$21=$B$17,14,0)+IF('Standard Profiles'!$G$21=$B$24,21,0),MOD($C6152,24)+1)/SUM(INDEX($D$3:$AA$30,INDEX(Jesper!$R$2:$R$366,ROW(INDEX(Jesper!AK$2:AK$366,ROUNDDOWN($C6152/24,0)+1,1))-1)+IF('Standard Profiles'!$G$21=$B$10,7,0)+IF('Standard Profiles'!$G$21=$B$17,14,0)+IF('Standard Profiles'!$G$21=$B$24,21,0),0)),0)</f>
        <v>0</v>
      </c>
      <c r="H6152" cm="1">
        <f t="array" ref="H6152">IFERROR(INDEX(Jesper!AL$2:AL$366,ROUNDDOWN($C6152/24,0)+1,1)*INDEX($D$3:$AA$30,INDEX(Jesper!$R$2:$R$366,ROW(INDEX(Jesper!AL$2:AL$366,ROUNDDOWN($C6152/24,0)+1,1))-1)+IF('Standard Profiles'!$G$22=$B$10,7,0)+IF('Standard Profiles'!$G$22=$B$17,14,0)+IF('Standard Profiles'!$G$22=$B$24,21,0),MOD($C6152,24)+1)/SUM(INDEX($D$3:$AA$30,INDEX(Jesper!$R$2:$R$366,ROW(INDEX(Jesper!AL$2:AL$366,ROUNDDOWN($C6152/24,0)+1,1))-1)+IF('Standard Profiles'!$G$22=$B$10,7,0)+IF('Standard Profiles'!$G$22=$B$17,14,0)+IF('Standard Profiles'!$G$22=$B$24,21,0),0)),0)</f>
        <v>0</v>
      </c>
      <c r="I6152">
        <f t="shared" si="685"/>
        <v>0.21293328040073964</v>
      </c>
      <c r="J6152">
        <f t="shared" si="686"/>
        <v>0.70977760133579881</v>
      </c>
      <c r="K6152">
        <f t="shared" si="687"/>
        <v>1.0646664020036982</v>
      </c>
      <c r="L6152">
        <f t="shared" si="688"/>
        <v>5.1103987296177511</v>
      </c>
      <c r="M6152">
        <f t="shared" si="689"/>
        <v>0</v>
      </c>
      <c r="N6152" s="46">
        <f t="shared" si="690"/>
        <v>45546.916666651829</v>
      </c>
    </row>
    <row r="6153" spans="2:14" x14ac:dyDescent="0.3">
      <c r="B6153">
        <f t="shared" si="684"/>
        <v>3</v>
      </c>
      <c r="C6153" s="16">
        <v>6119</v>
      </c>
      <c r="D6153" cm="1">
        <f t="array" ref="D6153">IFERROR(INDEX(Jesper!AH$2:AH$366,ROUNDDOWN($C6153/24,0)+1,1)*INDEX($D$3:$AA$30,INDEX(Jesper!$R$2:$R$366,ROW(INDEX(Jesper!AH$2:AH$366,ROUNDDOWN($C6153/24,0)+1,1))-1)+IF('Standard Profiles'!$G$18=$B$10,7,0)+IF('Standard Profiles'!$G$18=$B$17,14,0)+IF('Standard Profiles'!$G$18=$B$24,21,0),MOD($C6153,24)+1)/SUM(INDEX($D$3:$AA$30,INDEX(Jesper!$R$2:$R$366,ROW(INDEX(Jesper!AH$2:AH$366,ROUNDDOWN($C6153/24,0)+1,1))-1)+IF('Standard Profiles'!$G$18=$B$10,7,0)+IF('Standard Profiles'!$G$18=$B$17,14,0)+IF('Standard Profiles'!$G$18=$B$24,21,0),0)),0)</f>
        <v>7.0977760133579881</v>
      </c>
      <c r="E6153" cm="1">
        <f t="array" ref="E6153">IFERROR(INDEX(Jesper!AI$2:AI$366,ROUNDDOWN($C6153/24,0)+1,1)*INDEX($D$3:$AA$30,INDEX(Jesper!$R$2:$R$366,ROW(INDEX(Jesper!AI$2:AI$366,ROUNDDOWN($C6153/24,0)+1,1))-1)+IF('Standard Profiles'!$G$19=$B$10,7,0)+IF('Standard Profiles'!$G$19=$B$17,14,0)+IF('Standard Profiles'!$G$19=$B$24,21,0),MOD($C6153,24)+1)/SUM(INDEX($D$3:$AA$30,INDEX(Jesper!$R$2:$R$366,ROW(INDEX(Jesper!AI$2:AI$366,ROUNDDOWN($C6153/24,0)+1,1))-1)+IF('Standard Profiles'!$G$19=$B$10,7,0)+IF('Standard Profiles'!$G$19=$B$17,14,0)+IF('Standard Profiles'!$G$19=$B$24,21,0),0)),0)</f>
        <v>0</v>
      </c>
      <c r="F6153" cm="1">
        <f t="array" ref="F6153">IFERROR(INDEX(Jesper!AJ$2:AJ$366,ROUNDDOWN($C6153/24,0)+1,1)*INDEX($D$3:$AA$30,INDEX(Jesper!$R$2:$R$366,ROW(INDEX(Jesper!AJ$2:AJ$366,ROUNDDOWN($C6153/24,0)+1,1))-1)+IF('Standard Profiles'!$G$20=$B$10,7,0)+IF('Standard Profiles'!$G$20=$B$17,14,0)+IF('Standard Profiles'!$G$20=$B$24,21,0),MOD($C6153,24)+1)/SUM(INDEX($D$3:$AA$30,INDEX(Jesper!$R$2:$R$366,ROW(INDEX(Jesper!AJ$2:AJ$366,ROUNDDOWN($C6153/24,0)+1,1))-1)+IF('Standard Profiles'!$G$20=$B$10,7,0)+IF('Standard Profiles'!$G$20=$B$17,14,0)+IF('Standard Profiles'!$G$20=$B$24,21,0),0)),0)</f>
        <v>0</v>
      </c>
      <c r="G6153" cm="1">
        <f t="array" ref="G6153">IFERROR(INDEX(Jesper!AK$2:AK$366,ROUNDDOWN($C6153/24,0)+1,1)*INDEX($D$3:$AA$30,INDEX(Jesper!$R$2:$R$366,ROW(INDEX(Jesper!AK$2:AK$366,ROUNDDOWN($C6153/24,0)+1,1))-1)+IF('Standard Profiles'!$G$21=$B$10,7,0)+IF('Standard Profiles'!$G$21=$B$17,14,0)+IF('Standard Profiles'!$G$21=$B$24,21,0),MOD($C6153,24)+1)/SUM(INDEX($D$3:$AA$30,INDEX(Jesper!$R$2:$R$366,ROW(INDEX(Jesper!AK$2:AK$366,ROUNDDOWN($C6153/24,0)+1,1))-1)+IF('Standard Profiles'!$G$21=$B$10,7,0)+IF('Standard Profiles'!$G$21=$B$17,14,0)+IF('Standard Profiles'!$G$21=$B$24,21,0),0)),0)</f>
        <v>0</v>
      </c>
      <c r="H6153" cm="1">
        <f t="array" ref="H6153">IFERROR(INDEX(Jesper!AL$2:AL$366,ROUNDDOWN($C6153/24,0)+1,1)*INDEX($D$3:$AA$30,INDEX(Jesper!$R$2:$R$366,ROW(INDEX(Jesper!AL$2:AL$366,ROUNDDOWN($C6153/24,0)+1,1))-1)+IF('Standard Profiles'!$G$22=$B$10,7,0)+IF('Standard Profiles'!$G$22=$B$17,14,0)+IF('Standard Profiles'!$G$22=$B$24,21,0),MOD($C6153,24)+1)/SUM(INDEX($D$3:$AA$30,INDEX(Jesper!$R$2:$R$366,ROW(INDEX(Jesper!AL$2:AL$366,ROUNDDOWN($C6153/24,0)+1,1))-1)+IF('Standard Profiles'!$G$22=$B$10,7,0)+IF('Standard Profiles'!$G$22=$B$17,14,0)+IF('Standard Profiles'!$G$22=$B$24,21,0),0)),0)</f>
        <v>0</v>
      </c>
      <c r="I6153">
        <f t="shared" si="685"/>
        <v>0.21293328040073964</v>
      </c>
      <c r="J6153">
        <f t="shared" si="686"/>
        <v>0.70977760133579881</v>
      </c>
      <c r="K6153">
        <f t="shared" si="687"/>
        <v>1.0646664020036982</v>
      </c>
      <c r="L6153">
        <f t="shared" si="688"/>
        <v>5.1103987296177511</v>
      </c>
      <c r="M6153">
        <f t="shared" si="689"/>
        <v>0</v>
      </c>
      <c r="N6153" s="46">
        <f t="shared" si="690"/>
        <v>45546.958333318493</v>
      </c>
    </row>
    <row r="6154" spans="2:14" x14ac:dyDescent="0.3">
      <c r="B6154">
        <f t="shared" si="684"/>
        <v>4</v>
      </c>
      <c r="C6154" s="16">
        <v>6120</v>
      </c>
      <c r="D6154" cm="1">
        <f t="array" ref="D6154">IFERROR(INDEX(Jesper!AH$2:AH$366,ROUNDDOWN($C6154/24,0)+1,1)*INDEX($D$3:$AA$30,INDEX(Jesper!$R$2:$R$366,ROW(INDEX(Jesper!AH$2:AH$366,ROUNDDOWN($C6154/24,0)+1,1))-1)+IF('Standard Profiles'!$G$18=$B$10,7,0)+IF('Standard Profiles'!$G$18=$B$17,14,0)+IF('Standard Profiles'!$G$18=$B$24,21,0),MOD($C6154,24)+1)/SUM(INDEX($D$3:$AA$30,INDEX(Jesper!$R$2:$R$366,ROW(INDEX(Jesper!AH$2:AH$366,ROUNDDOWN($C6154/24,0)+1,1))-1)+IF('Standard Profiles'!$G$18=$B$10,7,0)+IF('Standard Profiles'!$G$18=$B$17,14,0)+IF('Standard Profiles'!$G$18=$B$24,21,0),0)),0)</f>
        <v>7.2357635321212062</v>
      </c>
      <c r="E6154" cm="1">
        <f t="array" ref="E6154">IFERROR(INDEX(Jesper!AI$2:AI$366,ROUNDDOWN($C6154/24,0)+1,1)*INDEX($D$3:$AA$30,INDEX(Jesper!$R$2:$R$366,ROW(INDEX(Jesper!AI$2:AI$366,ROUNDDOWN($C6154/24,0)+1,1))-1)+IF('Standard Profiles'!$G$19=$B$10,7,0)+IF('Standard Profiles'!$G$19=$B$17,14,0)+IF('Standard Profiles'!$G$19=$B$24,21,0),MOD($C6154,24)+1)/SUM(INDEX($D$3:$AA$30,INDEX(Jesper!$R$2:$R$366,ROW(INDEX(Jesper!AI$2:AI$366,ROUNDDOWN($C6154/24,0)+1,1))-1)+IF('Standard Profiles'!$G$19=$B$10,7,0)+IF('Standard Profiles'!$G$19=$B$17,14,0)+IF('Standard Profiles'!$G$19=$B$24,21,0),0)),0)</f>
        <v>0</v>
      </c>
      <c r="F6154" cm="1">
        <f t="array" ref="F6154">IFERROR(INDEX(Jesper!AJ$2:AJ$366,ROUNDDOWN($C6154/24,0)+1,1)*INDEX($D$3:$AA$30,INDEX(Jesper!$R$2:$R$366,ROW(INDEX(Jesper!AJ$2:AJ$366,ROUNDDOWN($C6154/24,0)+1,1))-1)+IF('Standard Profiles'!$G$20=$B$10,7,0)+IF('Standard Profiles'!$G$20=$B$17,14,0)+IF('Standard Profiles'!$G$20=$B$24,21,0),MOD($C6154,24)+1)/SUM(INDEX($D$3:$AA$30,INDEX(Jesper!$R$2:$R$366,ROW(INDEX(Jesper!AJ$2:AJ$366,ROUNDDOWN($C6154/24,0)+1,1))-1)+IF('Standard Profiles'!$G$20=$B$10,7,0)+IF('Standard Profiles'!$G$20=$B$17,14,0)+IF('Standard Profiles'!$G$20=$B$24,21,0),0)),0)</f>
        <v>0</v>
      </c>
      <c r="G6154" cm="1">
        <f t="array" ref="G6154">IFERROR(INDEX(Jesper!AK$2:AK$366,ROUNDDOWN($C6154/24,0)+1,1)*INDEX($D$3:$AA$30,INDEX(Jesper!$R$2:$R$366,ROW(INDEX(Jesper!AK$2:AK$366,ROUNDDOWN($C6154/24,0)+1,1))-1)+IF('Standard Profiles'!$G$21=$B$10,7,0)+IF('Standard Profiles'!$G$21=$B$17,14,0)+IF('Standard Profiles'!$G$21=$B$24,21,0),MOD($C6154,24)+1)/SUM(INDEX($D$3:$AA$30,INDEX(Jesper!$R$2:$R$366,ROW(INDEX(Jesper!AK$2:AK$366,ROUNDDOWN($C6154/24,0)+1,1))-1)+IF('Standard Profiles'!$G$21=$B$10,7,0)+IF('Standard Profiles'!$G$21=$B$17,14,0)+IF('Standard Profiles'!$G$21=$B$24,21,0),0)),0)</f>
        <v>0</v>
      </c>
      <c r="H6154" cm="1">
        <f t="array" ref="H6154">IFERROR(INDEX(Jesper!AL$2:AL$366,ROUNDDOWN($C6154/24,0)+1,1)*INDEX($D$3:$AA$30,INDEX(Jesper!$R$2:$R$366,ROW(INDEX(Jesper!AL$2:AL$366,ROUNDDOWN($C6154/24,0)+1,1))-1)+IF('Standard Profiles'!$G$22=$B$10,7,0)+IF('Standard Profiles'!$G$22=$B$17,14,0)+IF('Standard Profiles'!$G$22=$B$24,21,0),MOD($C6154,24)+1)/SUM(INDEX($D$3:$AA$30,INDEX(Jesper!$R$2:$R$366,ROW(INDEX(Jesper!AL$2:AL$366,ROUNDDOWN($C6154/24,0)+1,1))-1)+IF('Standard Profiles'!$G$22=$B$10,7,0)+IF('Standard Profiles'!$G$22=$B$17,14,0)+IF('Standard Profiles'!$G$22=$B$24,21,0),0)),0)</f>
        <v>0</v>
      </c>
      <c r="I6154">
        <f t="shared" si="685"/>
        <v>0.21707290596363618</v>
      </c>
      <c r="J6154">
        <f t="shared" si="686"/>
        <v>0.72357635321212066</v>
      </c>
      <c r="K6154">
        <f t="shared" si="687"/>
        <v>1.0853645298181809</v>
      </c>
      <c r="L6154">
        <f t="shared" si="688"/>
        <v>5.2097497431272686</v>
      </c>
      <c r="M6154">
        <f t="shared" si="689"/>
        <v>0</v>
      </c>
      <c r="N6154" s="46">
        <f t="shared" si="690"/>
        <v>45546.999999985157</v>
      </c>
    </row>
    <row r="6155" spans="2:14" x14ac:dyDescent="0.3">
      <c r="B6155">
        <f t="shared" si="684"/>
        <v>4</v>
      </c>
      <c r="C6155" s="16">
        <v>6121</v>
      </c>
      <c r="D6155" cm="1">
        <f t="array" ref="D6155">IFERROR(INDEX(Jesper!AH$2:AH$366,ROUNDDOWN($C6155/24,0)+1,1)*INDEX($D$3:$AA$30,INDEX(Jesper!$R$2:$R$366,ROW(INDEX(Jesper!AH$2:AH$366,ROUNDDOWN($C6155/24,0)+1,1))-1)+IF('Standard Profiles'!$G$18=$B$10,7,0)+IF('Standard Profiles'!$G$18=$B$17,14,0)+IF('Standard Profiles'!$G$18=$B$24,21,0),MOD($C6155,24)+1)/SUM(INDEX($D$3:$AA$30,INDEX(Jesper!$R$2:$R$366,ROW(INDEX(Jesper!AH$2:AH$366,ROUNDDOWN($C6155/24,0)+1,1))-1)+IF('Standard Profiles'!$G$18=$B$10,7,0)+IF('Standard Profiles'!$G$18=$B$17,14,0)+IF('Standard Profiles'!$G$18=$B$24,21,0),0)),0)</f>
        <v>7.2357635321212062</v>
      </c>
      <c r="E6155" cm="1">
        <f t="array" ref="E6155">IFERROR(INDEX(Jesper!AI$2:AI$366,ROUNDDOWN($C6155/24,0)+1,1)*INDEX($D$3:$AA$30,INDEX(Jesper!$R$2:$R$366,ROW(INDEX(Jesper!AI$2:AI$366,ROUNDDOWN($C6155/24,0)+1,1))-1)+IF('Standard Profiles'!$G$19=$B$10,7,0)+IF('Standard Profiles'!$G$19=$B$17,14,0)+IF('Standard Profiles'!$G$19=$B$24,21,0),MOD($C6155,24)+1)/SUM(INDEX($D$3:$AA$30,INDEX(Jesper!$R$2:$R$366,ROW(INDEX(Jesper!AI$2:AI$366,ROUNDDOWN($C6155/24,0)+1,1))-1)+IF('Standard Profiles'!$G$19=$B$10,7,0)+IF('Standard Profiles'!$G$19=$B$17,14,0)+IF('Standard Profiles'!$G$19=$B$24,21,0),0)),0)</f>
        <v>0</v>
      </c>
      <c r="F6155" cm="1">
        <f t="array" ref="F6155">IFERROR(INDEX(Jesper!AJ$2:AJ$366,ROUNDDOWN($C6155/24,0)+1,1)*INDEX($D$3:$AA$30,INDEX(Jesper!$R$2:$R$366,ROW(INDEX(Jesper!AJ$2:AJ$366,ROUNDDOWN($C6155/24,0)+1,1))-1)+IF('Standard Profiles'!$G$20=$B$10,7,0)+IF('Standard Profiles'!$G$20=$B$17,14,0)+IF('Standard Profiles'!$G$20=$B$24,21,0),MOD($C6155,24)+1)/SUM(INDEX($D$3:$AA$30,INDEX(Jesper!$R$2:$R$366,ROW(INDEX(Jesper!AJ$2:AJ$366,ROUNDDOWN($C6155/24,0)+1,1))-1)+IF('Standard Profiles'!$G$20=$B$10,7,0)+IF('Standard Profiles'!$G$20=$B$17,14,0)+IF('Standard Profiles'!$G$20=$B$24,21,0),0)),0)</f>
        <v>0</v>
      </c>
      <c r="G6155" cm="1">
        <f t="array" ref="G6155">IFERROR(INDEX(Jesper!AK$2:AK$366,ROUNDDOWN($C6155/24,0)+1,1)*INDEX($D$3:$AA$30,INDEX(Jesper!$R$2:$R$366,ROW(INDEX(Jesper!AK$2:AK$366,ROUNDDOWN($C6155/24,0)+1,1))-1)+IF('Standard Profiles'!$G$21=$B$10,7,0)+IF('Standard Profiles'!$G$21=$B$17,14,0)+IF('Standard Profiles'!$G$21=$B$24,21,0),MOD($C6155,24)+1)/SUM(INDEX($D$3:$AA$30,INDEX(Jesper!$R$2:$R$366,ROW(INDEX(Jesper!AK$2:AK$366,ROUNDDOWN($C6155/24,0)+1,1))-1)+IF('Standard Profiles'!$G$21=$B$10,7,0)+IF('Standard Profiles'!$G$21=$B$17,14,0)+IF('Standard Profiles'!$G$21=$B$24,21,0),0)),0)</f>
        <v>0</v>
      </c>
      <c r="H6155" cm="1">
        <f t="array" ref="H6155">IFERROR(INDEX(Jesper!AL$2:AL$366,ROUNDDOWN($C6155/24,0)+1,1)*INDEX($D$3:$AA$30,INDEX(Jesper!$R$2:$R$366,ROW(INDEX(Jesper!AL$2:AL$366,ROUNDDOWN($C6155/24,0)+1,1))-1)+IF('Standard Profiles'!$G$22=$B$10,7,0)+IF('Standard Profiles'!$G$22=$B$17,14,0)+IF('Standard Profiles'!$G$22=$B$24,21,0),MOD($C6155,24)+1)/SUM(INDEX($D$3:$AA$30,INDEX(Jesper!$R$2:$R$366,ROW(INDEX(Jesper!AL$2:AL$366,ROUNDDOWN($C6155/24,0)+1,1))-1)+IF('Standard Profiles'!$G$22=$B$10,7,0)+IF('Standard Profiles'!$G$22=$B$17,14,0)+IF('Standard Profiles'!$G$22=$B$24,21,0),0)),0)</f>
        <v>0</v>
      </c>
      <c r="I6155">
        <f t="shared" si="685"/>
        <v>0.21707290596363618</v>
      </c>
      <c r="J6155">
        <f t="shared" si="686"/>
        <v>0.72357635321212066</v>
      </c>
      <c r="K6155">
        <f t="shared" si="687"/>
        <v>1.0853645298181809</v>
      </c>
      <c r="L6155">
        <f t="shared" si="688"/>
        <v>5.2097497431272686</v>
      </c>
      <c r="M6155">
        <f t="shared" si="689"/>
        <v>0</v>
      </c>
      <c r="N6155" s="46">
        <f t="shared" si="690"/>
        <v>45547.041666651821</v>
      </c>
    </row>
    <row r="6156" spans="2:14" x14ac:dyDescent="0.3">
      <c r="B6156">
        <f t="shared" si="684"/>
        <v>4</v>
      </c>
      <c r="C6156" s="16">
        <v>6122</v>
      </c>
      <c r="D6156" cm="1">
        <f t="array" ref="D6156">IFERROR(INDEX(Jesper!AH$2:AH$366,ROUNDDOWN($C6156/24,0)+1,1)*INDEX($D$3:$AA$30,INDEX(Jesper!$R$2:$R$366,ROW(INDEX(Jesper!AH$2:AH$366,ROUNDDOWN($C6156/24,0)+1,1))-1)+IF('Standard Profiles'!$G$18=$B$10,7,0)+IF('Standard Profiles'!$G$18=$B$17,14,0)+IF('Standard Profiles'!$G$18=$B$24,21,0),MOD($C6156,24)+1)/SUM(INDEX($D$3:$AA$30,INDEX(Jesper!$R$2:$R$366,ROW(INDEX(Jesper!AH$2:AH$366,ROUNDDOWN($C6156/24,0)+1,1))-1)+IF('Standard Profiles'!$G$18=$B$10,7,0)+IF('Standard Profiles'!$G$18=$B$17,14,0)+IF('Standard Profiles'!$G$18=$B$24,21,0),0)),0)</f>
        <v>7.2357635321212062</v>
      </c>
      <c r="E6156" cm="1">
        <f t="array" ref="E6156">IFERROR(INDEX(Jesper!AI$2:AI$366,ROUNDDOWN($C6156/24,0)+1,1)*INDEX($D$3:$AA$30,INDEX(Jesper!$R$2:$R$366,ROW(INDEX(Jesper!AI$2:AI$366,ROUNDDOWN($C6156/24,0)+1,1))-1)+IF('Standard Profiles'!$G$19=$B$10,7,0)+IF('Standard Profiles'!$G$19=$B$17,14,0)+IF('Standard Profiles'!$G$19=$B$24,21,0),MOD($C6156,24)+1)/SUM(INDEX($D$3:$AA$30,INDEX(Jesper!$R$2:$R$366,ROW(INDEX(Jesper!AI$2:AI$366,ROUNDDOWN($C6156/24,0)+1,1))-1)+IF('Standard Profiles'!$G$19=$B$10,7,0)+IF('Standard Profiles'!$G$19=$B$17,14,0)+IF('Standard Profiles'!$G$19=$B$24,21,0),0)),0)</f>
        <v>0</v>
      </c>
      <c r="F6156" cm="1">
        <f t="array" ref="F6156">IFERROR(INDEX(Jesper!AJ$2:AJ$366,ROUNDDOWN($C6156/24,0)+1,1)*INDEX($D$3:$AA$30,INDEX(Jesper!$R$2:$R$366,ROW(INDEX(Jesper!AJ$2:AJ$366,ROUNDDOWN($C6156/24,0)+1,1))-1)+IF('Standard Profiles'!$G$20=$B$10,7,0)+IF('Standard Profiles'!$G$20=$B$17,14,0)+IF('Standard Profiles'!$G$20=$B$24,21,0),MOD($C6156,24)+1)/SUM(INDEX($D$3:$AA$30,INDEX(Jesper!$R$2:$R$366,ROW(INDEX(Jesper!AJ$2:AJ$366,ROUNDDOWN($C6156/24,0)+1,1))-1)+IF('Standard Profiles'!$G$20=$B$10,7,0)+IF('Standard Profiles'!$G$20=$B$17,14,0)+IF('Standard Profiles'!$G$20=$B$24,21,0),0)),0)</f>
        <v>0</v>
      </c>
      <c r="G6156" cm="1">
        <f t="array" ref="G6156">IFERROR(INDEX(Jesper!AK$2:AK$366,ROUNDDOWN($C6156/24,0)+1,1)*INDEX($D$3:$AA$30,INDEX(Jesper!$R$2:$R$366,ROW(INDEX(Jesper!AK$2:AK$366,ROUNDDOWN($C6156/24,0)+1,1))-1)+IF('Standard Profiles'!$G$21=$B$10,7,0)+IF('Standard Profiles'!$G$21=$B$17,14,0)+IF('Standard Profiles'!$G$21=$B$24,21,0),MOD($C6156,24)+1)/SUM(INDEX($D$3:$AA$30,INDEX(Jesper!$R$2:$R$366,ROW(INDEX(Jesper!AK$2:AK$366,ROUNDDOWN($C6156/24,0)+1,1))-1)+IF('Standard Profiles'!$G$21=$B$10,7,0)+IF('Standard Profiles'!$G$21=$B$17,14,0)+IF('Standard Profiles'!$G$21=$B$24,21,0),0)),0)</f>
        <v>0</v>
      </c>
      <c r="H6156" cm="1">
        <f t="array" ref="H6156">IFERROR(INDEX(Jesper!AL$2:AL$366,ROUNDDOWN($C6156/24,0)+1,1)*INDEX($D$3:$AA$30,INDEX(Jesper!$R$2:$R$366,ROW(INDEX(Jesper!AL$2:AL$366,ROUNDDOWN($C6156/24,0)+1,1))-1)+IF('Standard Profiles'!$G$22=$B$10,7,0)+IF('Standard Profiles'!$G$22=$B$17,14,0)+IF('Standard Profiles'!$G$22=$B$24,21,0),MOD($C6156,24)+1)/SUM(INDEX($D$3:$AA$30,INDEX(Jesper!$R$2:$R$366,ROW(INDEX(Jesper!AL$2:AL$366,ROUNDDOWN($C6156/24,0)+1,1))-1)+IF('Standard Profiles'!$G$22=$B$10,7,0)+IF('Standard Profiles'!$G$22=$B$17,14,0)+IF('Standard Profiles'!$G$22=$B$24,21,0),0)),0)</f>
        <v>0</v>
      </c>
      <c r="I6156">
        <f t="shared" si="685"/>
        <v>0.21707290596363618</v>
      </c>
      <c r="J6156">
        <f t="shared" si="686"/>
        <v>0.72357635321212066</v>
      </c>
      <c r="K6156">
        <f t="shared" si="687"/>
        <v>1.0853645298181809</v>
      </c>
      <c r="L6156">
        <f t="shared" si="688"/>
        <v>5.2097497431272686</v>
      </c>
      <c r="M6156">
        <f t="shared" si="689"/>
        <v>0</v>
      </c>
      <c r="N6156" s="46">
        <f t="shared" si="690"/>
        <v>45547.083333318486</v>
      </c>
    </row>
    <row r="6157" spans="2:14" x14ac:dyDescent="0.3">
      <c r="B6157">
        <f t="shared" si="684"/>
        <v>4</v>
      </c>
      <c r="C6157" s="16">
        <v>6123</v>
      </c>
      <c r="D6157" cm="1">
        <f t="array" ref="D6157">IFERROR(INDEX(Jesper!AH$2:AH$366,ROUNDDOWN($C6157/24,0)+1,1)*INDEX($D$3:$AA$30,INDEX(Jesper!$R$2:$R$366,ROW(INDEX(Jesper!AH$2:AH$366,ROUNDDOWN($C6157/24,0)+1,1))-1)+IF('Standard Profiles'!$G$18=$B$10,7,0)+IF('Standard Profiles'!$G$18=$B$17,14,0)+IF('Standard Profiles'!$G$18=$B$24,21,0),MOD($C6157,24)+1)/SUM(INDEX($D$3:$AA$30,INDEX(Jesper!$R$2:$R$366,ROW(INDEX(Jesper!AH$2:AH$366,ROUNDDOWN($C6157/24,0)+1,1))-1)+IF('Standard Profiles'!$G$18=$B$10,7,0)+IF('Standard Profiles'!$G$18=$B$17,14,0)+IF('Standard Profiles'!$G$18=$B$24,21,0),0)),0)</f>
        <v>7.2357635321212062</v>
      </c>
      <c r="E6157" cm="1">
        <f t="array" ref="E6157">IFERROR(INDEX(Jesper!AI$2:AI$366,ROUNDDOWN($C6157/24,0)+1,1)*INDEX($D$3:$AA$30,INDEX(Jesper!$R$2:$R$366,ROW(INDEX(Jesper!AI$2:AI$366,ROUNDDOWN($C6157/24,0)+1,1))-1)+IF('Standard Profiles'!$G$19=$B$10,7,0)+IF('Standard Profiles'!$G$19=$B$17,14,0)+IF('Standard Profiles'!$G$19=$B$24,21,0),MOD($C6157,24)+1)/SUM(INDEX($D$3:$AA$30,INDEX(Jesper!$R$2:$R$366,ROW(INDEX(Jesper!AI$2:AI$366,ROUNDDOWN($C6157/24,0)+1,1))-1)+IF('Standard Profiles'!$G$19=$B$10,7,0)+IF('Standard Profiles'!$G$19=$B$17,14,0)+IF('Standard Profiles'!$G$19=$B$24,21,0),0)),0)</f>
        <v>0</v>
      </c>
      <c r="F6157" cm="1">
        <f t="array" ref="F6157">IFERROR(INDEX(Jesper!AJ$2:AJ$366,ROUNDDOWN($C6157/24,0)+1,1)*INDEX($D$3:$AA$30,INDEX(Jesper!$R$2:$R$366,ROW(INDEX(Jesper!AJ$2:AJ$366,ROUNDDOWN($C6157/24,0)+1,1))-1)+IF('Standard Profiles'!$G$20=$B$10,7,0)+IF('Standard Profiles'!$G$20=$B$17,14,0)+IF('Standard Profiles'!$G$20=$B$24,21,0),MOD($C6157,24)+1)/SUM(INDEX($D$3:$AA$30,INDEX(Jesper!$R$2:$R$366,ROW(INDEX(Jesper!AJ$2:AJ$366,ROUNDDOWN($C6157/24,0)+1,1))-1)+IF('Standard Profiles'!$G$20=$B$10,7,0)+IF('Standard Profiles'!$G$20=$B$17,14,0)+IF('Standard Profiles'!$G$20=$B$24,21,0),0)),0)</f>
        <v>0</v>
      </c>
      <c r="G6157" cm="1">
        <f t="array" ref="G6157">IFERROR(INDEX(Jesper!AK$2:AK$366,ROUNDDOWN($C6157/24,0)+1,1)*INDEX($D$3:$AA$30,INDEX(Jesper!$R$2:$R$366,ROW(INDEX(Jesper!AK$2:AK$366,ROUNDDOWN($C6157/24,0)+1,1))-1)+IF('Standard Profiles'!$G$21=$B$10,7,0)+IF('Standard Profiles'!$G$21=$B$17,14,0)+IF('Standard Profiles'!$G$21=$B$24,21,0),MOD($C6157,24)+1)/SUM(INDEX($D$3:$AA$30,INDEX(Jesper!$R$2:$R$366,ROW(INDEX(Jesper!AK$2:AK$366,ROUNDDOWN($C6157/24,0)+1,1))-1)+IF('Standard Profiles'!$G$21=$B$10,7,0)+IF('Standard Profiles'!$G$21=$B$17,14,0)+IF('Standard Profiles'!$G$21=$B$24,21,0),0)),0)</f>
        <v>0</v>
      </c>
      <c r="H6157" cm="1">
        <f t="array" ref="H6157">IFERROR(INDEX(Jesper!AL$2:AL$366,ROUNDDOWN($C6157/24,0)+1,1)*INDEX($D$3:$AA$30,INDEX(Jesper!$R$2:$R$366,ROW(INDEX(Jesper!AL$2:AL$366,ROUNDDOWN($C6157/24,0)+1,1))-1)+IF('Standard Profiles'!$G$22=$B$10,7,0)+IF('Standard Profiles'!$G$22=$B$17,14,0)+IF('Standard Profiles'!$G$22=$B$24,21,0),MOD($C6157,24)+1)/SUM(INDEX($D$3:$AA$30,INDEX(Jesper!$R$2:$R$366,ROW(INDEX(Jesper!AL$2:AL$366,ROUNDDOWN($C6157/24,0)+1,1))-1)+IF('Standard Profiles'!$G$22=$B$10,7,0)+IF('Standard Profiles'!$G$22=$B$17,14,0)+IF('Standard Profiles'!$G$22=$B$24,21,0),0)),0)</f>
        <v>0</v>
      </c>
      <c r="I6157">
        <f t="shared" si="685"/>
        <v>0.21707290596363618</v>
      </c>
      <c r="J6157">
        <f t="shared" si="686"/>
        <v>0.72357635321212066</v>
      </c>
      <c r="K6157">
        <f t="shared" si="687"/>
        <v>1.0853645298181809</v>
      </c>
      <c r="L6157">
        <f t="shared" si="688"/>
        <v>5.2097497431272686</v>
      </c>
      <c r="M6157">
        <f t="shared" si="689"/>
        <v>0</v>
      </c>
      <c r="N6157" s="46">
        <f t="shared" si="690"/>
        <v>45547.12499998515</v>
      </c>
    </row>
    <row r="6158" spans="2:14" x14ac:dyDescent="0.3">
      <c r="B6158">
        <f t="shared" si="684"/>
        <v>4</v>
      </c>
      <c r="C6158" s="16">
        <v>6124</v>
      </c>
      <c r="D6158" cm="1">
        <f t="array" ref="D6158">IFERROR(INDEX(Jesper!AH$2:AH$366,ROUNDDOWN($C6158/24,0)+1,1)*INDEX($D$3:$AA$30,INDEX(Jesper!$R$2:$R$366,ROW(INDEX(Jesper!AH$2:AH$366,ROUNDDOWN($C6158/24,0)+1,1))-1)+IF('Standard Profiles'!$G$18=$B$10,7,0)+IF('Standard Profiles'!$G$18=$B$17,14,0)+IF('Standard Profiles'!$G$18=$B$24,21,0),MOD($C6158,24)+1)/SUM(INDEX($D$3:$AA$30,INDEX(Jesper!$R$2:$R$366,ROW(INDEX(Jesper!AH$2:AH$366,ROUNDDOWN($C6158/24,0)+1,1))-1)+IF('Standard Profiles'!$G$18=$B$10,7,0)+IF('Standard Profiles'!$G$18=$B$17,14,0)+IF('Standard Profiles'!$G$18=$B$24,21,0),0)),0)</f>
        <v>7.2357635321212062</v>
      </c>
      <c r="E6158" cm="1">
        <f t="array" ref="E6158">IFERROR(INDEX(Jesper!AI$2:AI$366,ROUNDDOWN($C6158/24,0)+1,1)*INDEX($D$3:$AA$30,INDEX(Jesper!$R$2:$R$366,ROW(INDEX(Jesper!AI$2:AI$366,ROUNDDOWN($C6158/24,0)+1,1))-1)+IF('Standard Profiles'!$G$19=$B$10,7,0)+IF('Standard Profiles'!$G$19=$B$17,14,0)+IF('Standard Profiles'!$G$19=$B$24,21,0),MOD($C6158,24)+1)/SUM(INDEX($D$3:$AA$30,INDEX(Jesper!$R$2:$R$366,ROW(INDEX(Jesper!AI$2:AI$366,ROUNDDOWN($C6158/24,0)+1,1))-1)+IF('Standard Profiles'!$G$19=$B$10,7,0)+IF('Standard Profiles'!$G$19=$B$17,14,0)+IF('Standard Profiles'!$G$19=$B$24,21,0),0)),0)</f>
        <v>0</v>
      </c>
      <c r="F6158" cm="1">
        <f t="array" ref="F6158">IFERROR(INDEX(Jesper!AJ$2:AJ$366,ROUNDDOWN($C6158/24,0)+1,1)*INDEX($D$3:$AA$30,INDEX(Jesper!$R$2:$R$366,ROW(INDEX(Jesper!AJ$2:AJ$366,ROUNDDOWN($C6158/24,0)+1,1))-1)+IF('Standard Profiles'!$G$20=$B$10,7,0)+IF('Standard Profiles'!$G$20=$B$17,14,0)+IF('Standard Profiles'!$G$20=$B$24,21,0),MOD($C6158,24)+1)/SUM(INDEX($D$3:$AA$30,INDEX(Jesper!$R$2:$R$366,ROW(INDEX(Jesper!AJ$2:AJ$366,ROUNDDOWN($C6158/24,0)+1,1))-1)+IF('Standard Profiles'!$G$20=$B$10,7,0)+IF('Standard Profiles'!$G$20=$B$17,14,0)+IF('Standard Profiles'!$G$20=$B$24,21,0),0)),0)</f>
        <v>0</v>
      </c>
      <c r="G6158" cm="1">
        <f t="array" ref="G6158">IFERROR(INDEX(Jesper!AK$2:AK$366,ROUNDDOWN($C6158/24,0)+1,1)*INDEX($D$3:$AA$30,INDEX(Jesper!$R$2:$R$366,ROW(INDEX(Jesper!AK$2:AK$366,ROUNDDOWN($C6158/24,0)+1,1))-1)+IF('Standard Profiles'!$G$21=$B$10,7,0)+IF('Standard Profiles'!$G$21=$B$17,14,0)+IF('Standard Profiles'!$G$21=$B$24,21,0),MOD($C6158,24)+1)/SUM(INDEX($D$3:$AA$30,INDEX(Jesper!$R$2:$R$366,ROW(INDEX(Jesper!AK$2:AK$366,ROUNDDOWN($C6158/24,0)+1,1))-1)+IF('Standard Profiles'!$G$21=$B$10,7,0)+IF('Standard Profiles'!$G$21=$B$17,14,0)+IF('Standard Profiles'!$G$21=$B$24,21,0),0)),0)</f>
        <v>0</v>
      </c>
      <c r="H6158" cm="1">
        <f t="array" ref="H6158">IFERROR(INDEX(Jesper!AL$2:AL$366,ROUNDDOWN($C6158/24,0)+1,1)*INDEX($D$3:$AA$30,INDEX(Jesper!$R$2:$R$366,ROW(INDEX(Jesper!AL$2:AL$366,ROUNDDOWN($C6158/24,0)+1,1))-1)+IF('Standard Profiles'!$G$22=$B$10,7,0)+IF('Standard Profiles'!$G$22=$B$17,14,0)+IF('Standard Profiles'!$G$22=$B$24,21,0),MOD($C6158,24)+1)/SUM(INDEX($D$3:$AA$30,INDEX(Jesper!$R$2:$R$366,ROW(INDEX(Jesper!AL$2:AL$366,ROUNDDOWN($C6158/24,0)+1,1))-1)+IF('Standard Profiles'!$G$22=$B$10,7,0)+IF('Standard Profiles'!$G$22=$B$17,14,0)+IF('Standard Profiles'!$G$22=$B$24,21,0),0)),0)</f>
        <v>0</v>
      </c>
      <c r="I6158">
        <f t="shared" si="685"/>
        <v>0.21707290596363618</v>
      </c>
      <c r="J6158">
        <f t="shared" si="686"/>
        <v>0.72357635321212066</v>
      </c>
      <c r="K6158">
        <f t="shared" si="687"/>
        <v>1.0853645298181809</v>
      </c>
      <c r="L6158">
        <f t="shared" si="688"/>
        <v>5.2097497431272686</v>
      </c>
      <c r="M6158">
        <f t="shared" si="689"/>
        <v>0</v>
      </c>
      <c r="N6158" s="46">
        <f t="shared" si="690"/>
        <v>45547.166666651814</v>
      </c>
    </row>
    <row r="6159" spans="2:14" x14ac:dyDescent="0.3">
      <c r="B6159">
        <f t="shared" si="684"/>
        <v>4</v>
      </c>
      <c r="C6159" s="16">
        <v>6125</v>
      </c>
      <c r="D6159" cm="1">
        <f t="array" ref="D6159">IFERROR(INDEX(Jesper!AH$2:AH$366,ROUNDDOWN($C6159/24,0)+1,1)*INDEX($D$3:$AA$30,INDEX(Jesper!$R$2:$R$366,ROW(INDEX(Jesper!AH$2:AH$366,ROUNDDOWN($C6159/24,0)+1,1))-1)+IF('Standard Profiles'!$G$18=$B$10,7,0)+IF('Standard Profiles'!$G$18=$B$17,14,0)+IF('Standard Profiles'!$G$18=$B$24,21,0),MOD($C6159,24)+1)/SUM(INDEX($D$3:$AA$30,INDEX(Jesper!$R$2:$R$366,ROW(INDEX(Jesper!AH$2:AH$366,ROUNDDOWN($C6159/24,0)+1,1))-1)+IF('Standard Profiles'!$G$18=$B$10,7,0)+IF('Standard Profiles'!$G$18=$B$17,14,0)+IF('Standard Profiles'!$G$18=$B$24,21,0),0)),0)</f>
        <v>9.326095219178443</v>
      </c>
      <c r="E6159" cm="1">
        <f t="array" ref="E6159">IFERROR(INDEX(Jesper!AI$2:AI$366,ROUNDDOWN($C6159/24,0)+1,1)*INDEX($D$3:$AA$30,INDEX(Jesper!$R$2:$R$366,ROW(INDEX(Jesper!AI$2:AI$366,ROUNDDOWN($C6159/24,0)+1,1))-1)+IF('Standard Profiles'!$G$19=$B$10,7,0)+IF('Standard Profiles'!$G$19=$B$17,14,0)+IF('Standard Profiles'!$G$19=$B$24,21,0),MOD($C6159,24)+1)/SUM(INDEX($D$3:$AA$30,INDEX(Jesper!$R$2:$R$366,ROW(INDEX(Jesper!AI$2:AI$366,ROUNDDOWN($C6159/24,0)+1,1))-1)+IF('Standard Profiles'!$G$19=$B$10,7,0)+IF('Standard Profiles'!$G$19=$B$17,14,0)+IF('Standard Profiles'!$G$19=$B$24,21,0),0)),0)</f>
        <v>0</v>
      </c>
      <c r="F6159" cm="1">
        <f t="array" ref="F6159">IFERROR(INDEX(Jesper!AJ$2:AJ$366,ROUNDDOWN($C6159/24,0)+1,1)*INDEX($D$3:$AA$30,INDEX(Jesper!$R$2:$R$366,ROW(INDEX(Jesper!AJ$2:AJ$366,ROUNDDOWN($C6159/24,0)+1,1))-1)+IF('Standard Profiles'!$G$20=$B$10,7,0)+IF('Standard Profiles'!$G$20=$B$17,14,0)+IF('Standard Profiles'!$G$20=$B$24,21,0),MOD($C6159,24)+1)/SUM(INDEX($D$3:$AA$30,INDEX(Jesper!$R$2:$R$366,ROW(INDEX(Jesper!AJ$2:AJ$366,ROUNDDOWN($C6159/24,0)+1,1))-1)+IF('Standard Profiles'!$G$20=$B$10,7,0)+IF('Standard Profiles'!$G$20=$B$17,14,0)+IF('Standard Profiles'!$G$20=$B$24,21,0),0)),0)</f>
        <v>0</v>
      </c>
      <c r="G6159" cm="1">
        <f t="array" ref="G6159">IFERROR(INDEX(Jesper!AK$2:AK$366,ROUNDDOWN($C6159/24,0)+1,1)*INDEX($D$3:$AA$30,INDEX(Jesper!$R$2:$R$366,ROW(INDEX(Jesper!AK$2:AK$366,ROUNDDOWN($C6159/24,0)+1,1))-1)+IF('Standard Profiles'!$G$21=$B$10,7,0)+IF('Standard Profiles'!$G$21=$B$17,14,0)+IF('Standard Profiles'!$G$21=$B$24,21,0),MOD($C6159,24)+1)/SUM(INDEX($D$3:$AA$30,INDEX(Jesper!$R$2:$R$366,ROW(INDEX(Jesper!AK$2:AK$366,ROUNDDOWN($C6159/24,0)+1,1))-1)+IF('Standard Profiles'!$G$21=$B$10,7,0)+IF('Standard Profiles'!$G$21=$B$17,14,0)+IF('Standard Profiles'!$G$21=$B$24,21,0),0)),0)</f>
        <v>0</v>
      </c>
      <c r="H6159" cm="1">
        <f t="array" ref="H6159">IFERROR(INDEX(Jesper!AL$2:AL$366,ROUNDDOWN($C6159/24,0)+1,1)*INDEX($D$3:$AA$30,INDEX(Jesper!$R$2:$R$366,ROW(INDEX(Jesper!AL$2:AL$366,ROUNDDOWN($C6159/24,0)+1,1))-1)+IF('Standard Profiles'!$G$22=$B$10,7,0)+IF('Standard Profiles'!$G$22=$B$17,14,0)+IF('Standard Profiles'!$G$22=$B$24,21,0),MOD($C6159,24)+1)/SUM(INDEX($D$3:$AA$30,INDEX(Jesper!$R$2:$R$366,ROW(INDEX(Jesper!AL$2:AL$366,ROUNDDOWN($C6159/24,0)+1,1))-1)+IF('Standard Profiles'!$G$22=$B$10,7,0)+IF('Standard Profiles'!$G$22=$B$17,14,0)+IF('Standard Profiles'!$G$22=$B$24,21,0),0)),0)</f>
        <v>0</v>
      </c>
      <c r="I6159">
        <f t="shared" si="685"/>
        <v>0.27978285657535329</v>
      </c>
      <c r="J6159">
        <f t="shared" si="686"/>
        <v>0.9326095219178443</v>
      </c>
      <c r="K6159">
        <f t="shared" si="687"/>
        <v>1.3989142828767664</v>
      </c>
      <c r="L6159">
        <f t="shared" si="688"/>
        <v>6.7147885578084789</v>
      </c>
      <c r="M6159">
        <f t="shared" si="689"/>
        <v>0</v>
      </c>
      <c r="N6159" s="46">
        <f t="shared" si="690"/>
        <v>45547.208333318478</v>
      </c>
    </row>
    <row r="6160" spans="2:14" x14ac:dyDescent="0.3">
      <c r="B6160">
        <f t="shared" si="684"/>
        <v>4</v>
      </c>
      <c r="C6160" s="16">
        <v>6126</v>
      </c>
      <c r="D6160" cm="1">
        <f t="array" ref="D6160">IFERROR(INDEX(Jesper!AH$2:AH$366,ROUNDDOWN($C6160/24,0)+1,1)*INDEX($D$3:$AA$30,INDEX(Jesper!$R$2:$R$366,ROW(INDEX(Jesper!AH$2:AH$366,ROUNDDOWN($C6160/24,0)+1,1))-1)+IF('Standard Profiles'!$G$18=$B$10,7,0)+IF('Standard Profiles'!$G$18=$B$17,14,0)+IF('Standard Profiles'!$G$18=$B$24,21,0),MOD($C6160,24)+1)/SUM(INDEX($D$3:$AA$30,INDEX(Jesper!$R$2:$R$366,ROW(INDEX(Jesper!AH$2:AH$366,ROUNDDOWN($C6160/24,0)+1,1))-1)+IF('Standard Profiles'!$G$18=$B$10,7,0)+IF('Standard Profiles'!$G$18=$B$17,14,0)+IF('Standard Profiles'!$G$18=$B$24,21,0),0)),0)</f>
        <v>10.773247925602686</v>
      </c>
      <c r="E6160" cm="1">
        <f t="array" ref="E6160">IFERROR(INDEX(Jesper!AI$2:AI$366,ROUNDDOWN($C6160/24,0)+1,1)*INDEX($D$3:$AA$30,INDEX(Jesper!$R$2:$R$366,ROW(INDEX(Jesper!AI$2:AI$366,ROUNDDOWN($C6160/24,0)+1,1))-1)+IF('Standard Profiles'!$G$19=$B$10,7,0)+IF('Standard Profiles'!$G$19=$B$17,14,0)+IF('Standard Profiles'!$G$19=$B$24,21,0),MOD($C6160,24)+1)/SUM(INDEX($D$3:$AA$30,INDEX(Jesper!$R$2:$R$366,ROW(INDEX(Jesper!AI$2:AI$366,ROUNDDOWN($C6160/24,0)+1,1))-1)+IF('Standard Profiles'!$G$19=$B$10,7,0)+IF('Standard Profiles'!$G$19=$B$17,14,0)+IF('Standard Profiles'!$G$19=$B$24,21,0),0)),0)</f>
        <v>0</v>
      </c>
      <c r="F6160" cm="1">
        <f t="array" ref="F6160">IFERROR(INDEX(Jesper!AJ$2:AJ$366,ROUNDDOWN($C6160/24,0)+1,1)*INDEX($D$3:$AA$30,INDEX(Jesper!$R$2:$R$366,ROW(INDEX(Jesper!AJ$2:AJ$366,ROUNDDOWN($C6160/24,0)+1,1))-1)+IF('Standard Profiles'!$G$20=$B$10,7,0)+IF('Standard Profiles'!$G$20=$B$17,14,0)+IF('Standard Profiles'!$G$20=$B$24,21,0),MOD($C6160,24)+1)/SUM(INDEX($D$3:$AA$30,INDEX(Jesper!$R$2:$R$366,ROW(INDEX(Jesper!AJ$2:AJ$366,ROUNDDOWN($C6160/24,0)+1,1))-1)+IF('Standard Profiles'!$G$20=$B$10,7,0)+IF('Standard Profiles'!$G$20=$B$17,14,0)+IF('Standard Profiles'!$G$20=$B$24,21,0),0)),0)</f>
        <v>0</v>
      </c>
      <c r="G6160" cm="1">
        <f t="array" ref="G6160">IFERROR(INDEX(Jesper!AK$2:AK$366,ROUNDDOWN($C6160/24,0)+1,1)*INDEX($D$3:$AA$30,INDEX(Jesper!$R$2:$R$366,ROW(INDEX(Jesper!AK$2:AK$366,ROUNDDOWN($C6160/24,0)+1,1))-1)+IF('Standard Profiles'!$G$21=$B$10,7,0)+IF('Standard Profiles'!$G$21=$B$17,14,0)+IF('Standard Profiles'!$G$21=$B$24,21,0),MOD($C6160,24)+1)/SUM(INDEX($D$3:$AA$30,INDEX(Jesper!$R$2:$R$366,ROW(INDEX(Jesper!AK$2:AK$366,ROUNDDOWN($C6160/24,0)+1,1))-1)+IF('Standard Profiles'!$G$21=$B$10,7,0)+IF('Standard Profiles'!$G$21=$B$17,14,0)+IF('Standard Profiles'!$G$21=$B$24,21,0),0)),0)</f>
        <v>0</v>
      </c>
      <c r="H6160" cm="1">
        <f t="array" ref="H6160">IFERROR(INDEX(Jesper!AL$2:AL$366,ROUNDDOWN($C6160/24,0)+1,1)*INDEX($D$3:$AA$30,INDEX(Jesper!$R$2:$R$366,ROW(INDEX(Jesper!AL$2:AL$366,ROUNDDOWN($C6160/24,0)+1,1))-1)+IF('Standard Profiles'!$G$22=$B$10,7,0)+IF('Standard Profiles'!$G$22=$B$17,14,0)+IF('Standard Profiles'!$G$22=$B$24,21,0),MOD($C6160,24)+1)/SUM(INDEX($D$3:$AA$30,INDEX(Jesper!$R$2:$R$366,ROW(INDEX(Jesper!AL$2:AL$366,ROUNDDOWN($C6160/24,0)+1,1))-1)+IF('Standard Profiles'!$G$22=$B$10,7,0)+IF('Standard Profiles'!$G$22=$B$17,14,0)+IF('Standard Profiles'!$G$22=$B$24,21,0),0)),0)</f>
        <v>0</v>
      </c>
      <c r="I6160">
        <f t="shared" si="685"/>
        <v>0.32319743776808058</v>
      </c>
      <c r="J6160">
        <f t="shared" si="686"/>
        <v>1.0773247925602687</v>
      </c>
      <c r="K6160">
        <f t="shared" si="687"/>
        <v>1.6159871888404027</v>
      </c>
      <c r="L6160">
        <f t="shared" si="688"/>
        <v>7.7567385064339334</v>
      </c>
      <c r="M6160">
        <f t="shared" si="689"/>
        <v>0</v>
      </c>
      <c r="N6160" s="46">
        <f t="shared" si="690"/>
        <v>45547.249999985142</v>
      </c>
    </row>
    <row r="6161" spans="2:14" x14ac:dyDescent="0.3">
      <c r="B6161">
        <f t="shared" si="684"/>
        <v>4</v>
      </c>
      <c r="C6161" s="16">
        <v>6127</v>
      </c>
      <c r="D6161" cm="1">
        <f t="array" ref="D6161">IFERROR(INDEX(Jesper!AH$2:AH$366,ROUNDDOWN($C6161/24,0)+1,1)*INDEX($D$3:$AA$30,INDEX(Jesper!$R$2:$R$366,ROW(INDEX(Jesper!AH$2:AH$366,ROUNDDOWN($C6161/24,0)+1,1))-1)+IF('Standard Profiles'!$G$18=$B$10,7,0)+IF('Standard Profiles'!$G$18=$B$17,14,0)+IF('Standard Profiles'!$G$18=$B$24,21,0),MOD($C6161,24)+1)/SUM(INDEX($D$3:$AA$30,INDEX(Jesper!$R$2:$R$366,ROW(INDEX(Jesper!AH$2:AH$366,ROUNDDOWN($C6161/24,0)+1,1))-1)+IF('Standard Profiles'!$G$18=$B$10,7,0)+IF('Standard Profiles'!$G$18=$B$17,14,0)+IF('Standard Profiles'!$G$18=$B$24,21,0),0)),0)</f>
        <v>10.773247925602686</v>
      </c>
      <c r="E6161" cm="1">
        <f t="array" ref="E6161">IFERROR(INDEX(Jesper!AI$2:AI$366,ROUNDDOWN($C6161/24,0)+1,1)*INDEX($D$3:$AA$30,INDEX(Jesper!$R$2:$R$366,ROW(INDEX(Jesper!AI$2:AI$366,ROUNDDOWN($C6161/24,0)+1,1))-1)+IF('Standard Profiles'!$G$19=$B$10,7,0)+IF('Standard Profiles'!$G$19=$B$17,14,0)+IF('Standard Profiles'!$G$19=$B$24,21,0),MOD($C6161,24)+1)/SUM(INDEX($D$3:$AA$30,INDEX(Jesper!$R$2:$R$366,ROW(INDEX(Jesper!AI$2:AI$366,ROUNDDOWN($C6161/24,0)+1,1))-1)+IF('Standard Profiles'!$G$19=$B$10,7,0)+IF('Standard Profiles'!$G$19=$B$17,14,0)+IF('Standard Profiles'!$G$19=$B$24,21,0),0)),0)</f>
        <v>0</v>
      </c>
      <c r="F6161" cm="1">
        <f t="array" ref="F6161">IFERROR(INDEX(Jesper!AJ$2:AJ$366,ROUNDDOWN($C6161/24,0)+1,1)*INDEX($D$3:$AA$30,INDEX(Jesper!$R$2:$R$366,ROW(INDEX(Jesper!AJ$2:AJ$366,ROUNDDOWN($C6161/24,0)+1,1))-1)+IF('Standard Profiles'!$G$20=$B$10,7,0)+IF('Standard Profiles'!$G$20=$B$17,14,0)+IF('Standard Profiles'!$G$20=$B$24,21,0),MOD($C6161,24)+1)/SUM(INDEX($D$3:$AA$30,INDEX(Jesper!$R$2:$R$366,ROW(INDEX(Jesper!AJ$2:AJ$366,ROUNDDOWN($C6161/24,0)+1,1))-1)+IF('Standard Profiles'!$G$20=$B$10,7,0)+IF('Standard Profiles'!$G$20=$B$17,14,0)+IF('Standard Profiles'!$G$20=$B$24,21,0),0)),0)</f>
        <v>0</v>
      </c>
      <c r="G6161" cm="1">
        <f t="array" ref="G6161">IFERROR(INDEX(Jesper!AK$2:AK$366,ROUNDDOWN($C6161/24,0)+1,1)*INDEX($D$3:$AA$30,INDEX(Jesper!$R$2:$R$366,ROW(INDEX(Jesper!AK$2:AK$366,ROUNDDOWN($C6161/24,0)+1,1))-1)+IF('Standard Profiles'!$G$21=$B$10,7,0)+IF('Standard Profiles'!$G$21=$B$17,14,0)+IF('Standard Profiles'!$G$21=$B$24,21,0),MOD($C6161,24)+1)/SUM(INDEX($D$3:$AA$30,INDEX(Jesper!$R$2:$R$366,ROW(INDEX(Jesper!AK$2:AK$366,ROUNDDOWN($C6161/24,0)+1,1))-1)+IF('Standard Profiles'!$G$21=$B$10,7,0)+IF('Standard Profiles'!$G$21=$B$17,14,0)+IF('Standard Profiles'!$G$21=$B$24,21,0),0)),0)</f>
        <v>0</v>
      </c>
      <c r="H6161" cm="1">
        <f t="array" ref="H6161">IFERROR(INDEX(Jesper!AL$2:AL$366,ROUNDDOWN($C6161/24,0)+1,1)*INDEX($D$3:$AA$30,INDEX(Jesper!$R$2:$R$366,ROW(INDEX(Jesper!AL$2:AL$366,ROUNDDOWN($C6161/24,0)+1,1))-1)+IF('Standard Profiles'!$G$22=$B$10,7,0)+IF('Standard Profiles'!$G$22=$B$17,14,0)+IF('Standard Profiles'!$G$22=$B$24,21,0),MOD($C6161,24)+1)/SUM(INDEX($D$3:$AA$30,INDEX(Jesper!$R$2:$R$366,ROW(INDEX(Jesper!AL$2:AL$366,ROUNDDOWN($C6161/24,0)+1,1))-1)+IF('Standard Profiles'!$G$22=$B$10,7,0)+IF('Standard Profiles'!$G$22=$B$17,14,0)+IF('Standard Profiles'!$G$22=$B$24,21,0),0)),0)</f>
        <v>0</v>
      </c>
      <c r="I6161">
        <f t="shared" si="685"/>
        <v>0.32319743776808058</v>
      </c>
      <c r="J6161">
        <f t="shared" si="686"/>
        <v>1.0773247925602687</v>
      </c>
      <c r="K6161">
        <f t="shared" si="687"/>
        <v>1.6159871888404027</v>
      </c>
      <c r="L6161">
        <f t="shared" si="688"/>
        <v>7.7567385064339334</v>
      </c>
      <c r="M6161">
        <f t="shared" si="689"/>
        <v>0</v>
      </c>
      <c r="N6161" s="46">
        <f t="shared" si="690"/>
        <v>45547.291666651807</v>
      </c>
    </row>
    <row r="6162" spans="2:14" x14ac:dyDescent="0.3">
      <c r="B6162">
        <f t="shared" si="684"/>
        <v>4</v>
      </c>
      <c r="C6162" s="16">
        <v>6128</v>
      </c>
      <c r="D6162" cm="1">
        <f t="array" ref="D6162">IFERROR(INDEX(Jesper!AH$2:AH$366,ROUNDDOWN($C6162/24,0)+1,1)*INDEX($D$3:$AA$30,INDEX(Jesper!$R$2:$R$366,ROW(INDEX(Jesper!AH$2:AH$366,ROUNDDOWN($C6162/24,0)+1,1))-1)+IF('Standard Profiles'!$G$18=$B$10,7,0)+IF('Standard Profiles'!$G$18=$B$17,14,0)+IF('Standard Profiles'!$G$18=$B$24,21,0),MOD($C6162,24)+1)/SUM(INDEX($D$3:$AA$30,INDEX(Jesper!$R$2:$R$366,ROW(INDEX(Jesper!AH$2:AH$366,ROUNDDOWN($C6162/24,0)+1,1))-1)+IF('Standard Profiles'!$G$18=$B$10,7,0)+IF('Standard Profiles'!$G$18=$B$17,14,0)+IF('Standard Profiles'!$G$18=$B$24,21,0),0)),0)</f>
        <v>10.773247925602686</v>
      </c>
      <c r="E6162" cm="1">
        <f t="array" ref="E6162">IFERROR(INDEX(Jesper!AI$2:AI$366,ROUNDDOWN($C6162/24,0)+1,1)*INDEX($D$3:$AA$30,INDEX(Jesper!$R$2:$R$366,ROW(INDEX(Jesper!AI$2:AI$366,ROUNDDOWN($C6162/24,0)+1,1))-1)+IF('Standard Profiles'!$G$19=$B$10,7,0)+IF('Standard Profiles'!$G$19=$B$17,14,0)+IF('Standard Profiles'!$G$19=$B$24,21,0),MOD($C6162,24)+1)/SUM(INDEX($D$3:$AA$30,INDEX(Jesper!$R$2:$R$366,ROW(INDEX(Jesper!AI$2:AI$366,ROUNDDOWN($C6162/24,0)+1,1))-1)+IF('Standard Profiles'!$G$19=$B$10,7,0)+IF('Standard Profiles'!$G$19=$B$17,14,0)+IF('Standard Profiles'!$G$19=$B$24,21,0),0)),0)</f>
        <v>0</v>
      </c>
      <c r="F6162" cm="1">
        <f t="array" ref="F6162">IFERROR(INDEX(Jesper!AJ$2:AJ$366,ROUNDDOWN($C6162/24,0)+1,1)*INDEX($D$3:$AA$30,INDEX(Jesper!$R$2:$R$366,ROW(INDEX(Jesper!AJ$2:AJ$366,ROUNDDOWN($C6162/24,0)+1,1))-1)+IF('Standard Profiles'!$G$20=$B$10,7,0)+IF('Standard Profiles'!$G$20=$B$17,14,0)+IF('Standard Profiles'!$G$20=$B$24,21,0),MOD($C6162,24)+1)/SUM(INDEX($D$3:$AA$30,INDEX(Jesper!$R$2:$R$366,ROW(INDEX(Jesper!AJ$2:AJ$366,ROUNDDOWN($C6162/24,0)+1,1))-1)+IF('Standard Profiles'!$G$20=$B$10,7,0)+IF('Standard Profiles'!$G$20=$B$17,14,0)+IF('Standard Profiles'!$G$20=$B$24,21,0),0)),0)</f>
        <v>0</v>
      </c>
      <c r="G6162" cm="1">
        <f t="array" ref="G6162">IFERROR(INDEX(Jesper!AK$2:AK$366,ROUNDDOWN($C6162/24,0)+1,1)*INDEX($D$3:$AA$30,INDEX(Jesper!$R$2:$R$366,ROW(INDEX(Jesper!AK$2:AK$366,ROUNDDOWN($C6162/24,0)+1,1))-1)+IF('Standard Profiles'!$G$21=$B$10,7,0)+IF('Standard Profiles'!$G$21=$B$17,14,0)+IF('Standard Profiles'!$G$21=$B$24,21,0),MOD($C6162,24)+1)/SUM(INDEX($D$3:$AA$30,INDEX(Jesper!$R$2:$R$366,ROW(INDEX(Jesper!AK$2:AK$366,ROUNDDOWN($C6162/24,0)+1,1))-1)+IF('Standard Profiles'!$G$21=$B$10,7,0)+IF('Standard Profiles'!$G$21=$B$17,14,0)+IF('Standard Profiles'!$G$21=$B$24,21,0),0)),0)</f>
        <v>0</v>
      </c>
      <c r="H6162" cm="1">
        <f t="array" ref="H6162">IFERROR(INDEX(Jesper!AL$2:AL$366,ROUNDDOWN($C6162/24,0)+1,1)*INDEX($D$3:$AA$30,INDEX(Jesper!$R$2:$R$366,ROW(INDEX(Jesper!AL$2:AL$366,ROUNDDOWN($C6162/24,0)+1,1))-1)+IF('Standard Profiles'!$G$22=$B$10,7,0)+IF('Standard Profiles'!$G$22=$B$17,14,0)+IF('Standard Profiles'!$G$22=$B$24,21,0),MOD($C6162,24)+1)/SUM(INDEX($D$3:$AA$30,INDEX(Jesper!$R$2:$R$366,ROW(INDEX(Jesper!AL$2:AL$366,ROUNDDOWN($C6162/24,0)+1,1))-1)+IF('Standard Profiles'!$G$22=$B$10,7,0)+IF('Standard Profiles'!$G$22=$B$17,14,0)+IF('Standard Profiles'!$G$22=$B$24,21,0),0)),0)</f>
        <v>0</v>
      </c>
      <c r="I6162">
        <f t="shared" si="685"/>
        <v>0.32319743776808058</v>
      </c>
      <c r="J6162">
        <f t="shared" si="686"/>
        <v>1.0773247925602687</v>
      </c>
      <c r="K6162">
        <f t="shared" si="687"/>
        <v>1.6159871888404027</v>
      </c>
      <c r="L6162">
        <f t="shared" si="688"/>
        <v>7.7567385064339334</v>
      </c>
      <c r="M6162">
        <f t="shared" si="689"/>
        <v>0</v>
      </c>
      <c r="N6162" s="46">
        <f t="shared" si="690"/>
        <v>45547.333333318471</v>
      </c>
    </row>
    <row r="6163" spans="2:14" x14ac:dyDescent="0.3">
      <c r="B6163">
        <f t="shared" si="684"/>
        <v>4</v>
      </c>
      <c r="C6163" s="16">
        <v>6129</v>
      </c>
      <c r="D6163" cm="1">
        <f t="array" ref="D6163">IFERROR(INDEX(Jesper!AH$2:AH$366,ROUNDDOWN($C6163/24,0)+1,1)*INDEX($D$3:$AA$30,INDEX(Jesper!$R$2:$R$366,ROW(INDEX(Jesper!AH$2:AH$366,ROUNDDOWN($C6163/24,0)+1,1))-1)+IF('Standard Profiles'!$G$18=$B$10,7,0)+IF('Standard Profiles'!$G$18=$B$17,14,0)+IF('Standard Profiles'!$G$18=$B$24,21,0),MOD($C6163,24)+1)/SUM(INDEX($D$3:$AA$30,INDEX(Jesper!$R$2:$R$366,ROW(INDEX(Jesper!AH$2:AH$366,ROUNDDOWN($C6163/24,0)+1,1))-1)+IF('Standard Profiles'!$G$18=$B$10,7,0)+IF('Standard Profiles'!$G$18=$B$17,14,0)+IF('Standard Profiles'!$G$18=$B$24,21,0),0)),0)</f>
        <v>11.577221651393931</v>
      </c>
      <c r="E6163" cm="1">
        <f t="array" ref="E6163">IFERROR(INDEX(Jesper!AI$2:AI$366,ROUNDDOWN($C6163/24,0)+1,1)*INDEX($D$3:$AA$30,INDEX(Jesper!$R$2:$R$366,ROW(INDEX(Jesper!AI$2:AI$366,ROUNDDOWN($C6163/24,0)+1,1))-1)+IF('Standard Profiles'!$G$19=$B$10,7,0)+IF('Standard Profiles'!$G$19=$B$17,14,0)+IF('Standard Profiles'!$G$19=$B$24,21,0),MOD($C6163,24)+1)/SUM(INDEX($D$3:$AA$30,INDEX(Jesper!$R$2:$R$366,ROW(INDEX(Jesper!AI$2:AI$366,ROUNDDOWN($C6163/24,0)+1,1))-1)+IF('Standard Profiles'!$G$19=$B$10,7,0)+IF('Standard Profiles'!$G$19=$B$17,14,0)+IF('Standard Profiles'!$G$19=$B$24,21,0),0)),0)</f>
        <v>0</v>
      </c>
      <c r="F6163" cm="1">
        <f t="array" ref="F6163">IFERROR(INDEX(Jesper!AJ$2:AJ$366,ROUNDDOWN($C6163/24,0)+1,1)*INDEX($D$3:$AA$30,INDEX(Jesper!$R$2:$R$366,ROW(INDEX(Jesper!AJ$2:AJ$366,ROUNDDOWN($C6163/24,0)+1,1))-1)+IF('Standard Profiles'!$G$20=$B$10,7,0)+IF('Standard Profiles'!$G$20=$B$17,14,0)+IF('Standard Profiles'!$G$20=$B$24,21,0),MOD($C6163,24)+1)/SUM(INDEX($D$3:$AA$30,INDEX(Jesper!$R$2:$R$366,ROW(INDEX(Jesper!AJ$2:AJ$366,ROUNDDOWN($C6163/24,0)+1,1))-1)+IF('Standard Profiles'!$G$20=$B$10,7,0)+IF('Standard Profiles'!$G$20=$B$17,14,0)+IF('Standard Profiles'!$G$20=$B$24,21,0),0)),0)</f>
        <v>0</v>
      </c>
      <c r="G6163" cm="1">
        <f t="array" ref="G6163">IFERROR(INDEX(Jesper!AK$2:AK$366,ROUNDDOWN($C6163/24,0)+1,1)*INDEX($D$3:$AA$30,INDEX(Jesper!$R$2:$R$366,ROW(INDEX(Jesper!AK$2:AK$366,ROUNDDOWN($C6163/24,0)+1,1))-1)+IF('Standard Profiles'!$G$21=$B$10,7,0)+IF('Standard Profiles'!$G$21=$B$17,14,0)+IF('Standard Profiles'!$G$21=$B$24,21,0),MOD($C6163,24)+1)/SUM(INDEX($D$3:$AA$30,INDEX(Jesper!$R$2:$R$366,ROW(INDEX(Jesper!AK$2:AK$366,ROUNDDOWN($C6163/24,0)+1,1))-1)+IF('Standard Profiles'!$G$21=$B$10,7,0)+IF('Standard Profiles'!$G$21=$B$17,14,0)+IF('Standard Profiles'!$G$21=$B$24,21,0),0)),0)</f>
        <v>0</v>
      </c>
      <c r="H6163" cm="1">
        <f t="array" ref="H6163">IFERROR(INDEX(Jesper!AL$2:AL$366,ROUNDDOWN($C6163/24,0)+1,1)*INDEX($D$3:$AA$30,INDEX(Jesper!$R$2:$R$366,ROW(INDEX(Jesper!AL$2:AL$366,ROUNDDOWN($C6163/24,0)+1,1))-1)+IF('Standard Profiles'!$G$22=$B$10,7,0)+IF('Standard Profiles'!$G$22=$B$17,14,0)+IF('Standard Profiles'!$G$22=$B$24,21,0),MOD($C6163,24)+1)/SUM(INDEX($D$3:$AA$30,INDEX(Jesper!$R$2:$R$366,ROW(INDEX(Jesper!AL$2:AL$366,ROUNDDOWN($C6163/24,0)+1,1))-1)+IF('Standard Profiles'!$G$22=$B$10,7,0)+IF('Standard Profiles'!$G$22=$B$17,14,0)+IF('Standard Profiles'!$G$22=$B$24,21,0),0)),0)</f>
        <v>0</v>
      </c>
      <c r="I6163">
        <f t="shared" si="685"/>
        <v>0.3473166495418179</v>
      </c>
      <c r="J6163">
        <f t="shared" si="686"/>
        <v>1.1577221651393932</v>
      </c>
      <c r="K6163">
        <f t="shared" si="687"/>
        <v>1.7365832477090895</v>
      </c>
      <c r="L6163">
        <f t="shared" si="688"/>
        <v>8.3355995890036301</v>
      </c>
      <c r="M6163">
        <f t="shared" si="689"/>
        <v>0</v>
      </c>
      <c r="N6163" s="46">
        <f t="shared" si="690"/>
        <v>45547.374999985135</v>
      </c>
    </row>
    <row r="6164" spans="2:14" x14ac:dyDescent="0.3">
      <c r="B6164">
        <f t="shared" si="684"/>
        <v>4</v>
      </c>
      <c r="C6164" s="16">
        <v>6130</v>
      </c>
      <c r="D6164" cm="1">
        <f t="array" ref="D6164">IFERROR(INDEX(Jesper!AH$2:AH$366,ROUNDDOWN($C6164/24,0)+1,1)*INDEX($D$3:$AA$30,INDEX(Jesper!$R$2:$R$366,ROW(INDEX(Jesper!AH$2:AH$366,ROUNDDOWN($C6164/24,0)+1,1))-1)+IF('Standard Profiles'!$G$18=$B$10,7,0)+IF('Standard Profiles'!$G$18=$B$17,14,0)+IF('Standard Profiles'!$G$18=$B$24,21,0),MOD($C6164,24)+1)/SUM(INDEX($D$3:$AA$30,INDEX(Jesper!$R$2:$R$366,ROW(INDEX(Jesper!AH$2:AH$366,ROUNDDOWN($C6164/24,0)+1,1))-1)+IF('Standard Profiles'!$G$18=$B$10,7,0)+IF('Standard Profiles'!$G$18=$B$17,14,0)+IF('Standard Profiles'!$G$18=$B$24,21,0),0)),0)</f>
        <v>12.541990122343424</v>
      </c>
      <c r="E6164" cm="1">
        <f t="array" ref="E6164">IFERROR(INDEX(Jesper!AI$2:AI$366,ROUNDDOWN($C6164/24,0)+1,1)*INDEX($D$3:$AA$30,INDEX(Jesper!$R$2:$R$366,ROW(INDEX(Jesper!AI$2:AI$366,ROUNDDOWN($C6164/24,0)+1,1))-1)+IF('Standard Profiles'!$G$19=$B$10,7,0)+IF('Standard Profiles'!$G$19=$B$17,14,0)+IF('Standard Profiles'!$G$19=$B$24,21,0),MOD($C6164,24)+1)/SUM(INDEX($D$3:$AA$30,INDEX(Jesper!$R$2:$R$366,ROW(INDEX(Jesper!AI$2:AI$366,ROUNDDOWN($C6164/24,0)+1,1))-1)+IF('Standard Profiles'!$G$19=$B$10,7,0)+IF('Standard Profiles'!$G$19=$B$17,14,0)+IF('Standard Profiles'!$G$19=$B$24,21,0),0)),0)</f>
        <v>0</v>
      </c>
      <c r="F6164" cm="1">
        <f t="array" ref="F6164">IFERROR(INDEX(Jesper!AJ$2:AJ$366,ROUNDDOWN($C6164/24,0)+1,1)*INDEX($D$3:$AA$30,INDEX(Jesper!$R$2:$R$366,ROW(INDEX(Jesper!AJ$2:AJ$366,ROUNDDOWN($C6164/24,0)+1,1))-1)+IF('Standard Profiles'!$G$20=$B$10,7,0)+IF('Standard Profiles'!$G$20=$B$17,14,0)+IF('Standard Profiles'!$G$20=$B$24,21,0),MOD($C6164,24)+1)/SUM(INDEX($D$3:$AA$30,INDEX(Jesper!$R$2:$R$366,ROW(INDEX(Jesper!AJ$2:AJ$366,ROUNDDOWN($C6164/24,0)+1,1))-1)+IF('Standard Profiles'!$G$20=$B$10,7,0)+IF('Standard Profiles'!$G$20=$B$17,14,0)+IF('Standard Profiles'!$G$20=$B$24,21,0),0)),0)</f>
        <v>0</v>
      </c>
      <c r="G6164" cm="1">
        <f t="array" ref="G6164">IFERROR(INDEX(Jesper!AK$2:AK$366,ROUNDDOWN($C6164/24,0)+1,1)*INDEX($D$3:$AA$30,INDEX(Jesper!$R$2:$R$366,ROW(INDEX(Jesper!AK$2:AK$366,ROUNDDOWN($C6164/24,0)+1,1))-1)+IF('Standard Profiles'!$G$21=$B$10,7,0)+IF('Standard Profiles'!$G$21=$B$17,14,0)+IF('Standard Profiles'!$G$21=$B$24,21,0),MOD($C6164,24)+1)/SUM(INDEX($D$3:$AA$30,INDEX(Jesper!$R$2:$R$366,ROW(INDEX(Jesper!AK$2:AK$366,ROUNDDOWN($C6164/24,0)+1,1))-1)+IF('Standard Profiles'!$G$21=$B$10,7,0)+IF('Standard Profiles'!$G$21=$B$17,14,0)+IF('Standard Profiles'!$G$21=$B$24,21,0),0)),0)</f>
        <v>0</v>
      </c>
      <c r="H6164" cm="1">
        <f t="array" ref="H6164">IFERROR(INDEX(Jesper!AL$2:AL$366,ROUNDDOWN($C6164/24,0)+1,1)*INDEX($D$3:$AA$30,INDEX(Jesper!$R$2:$R$366,ROW(INDEX(Jesper!AL$2:AL$366,ROUNDDOWN($C6164/24,0)+1,1))-1)+IF('Standard Profiles'!$G$22=$B$10,7,0)+IF('Standard Profiles'!$G$22=$B$17,14,0)+IF('Standard Profiles'!$G$22=$B$24,21,0),MOD($C6164,24)+1)/SUM(INDEX($D$3:$AA$30,INDEX(Jesper!$R$2:$R$366,ROW(INDEX(Jesper!AL$2:AL$366,ROUNDDOWN($C6164/24,0)+1,1))-1)+IF('Standard Profiles'!$G$22=$B$10,7,0)+IF('Standard Profiles'!$G$22=$B$17,14,0)+IF('Standard Profiles'!$G$22=$B$24,21,0),0)),0)</f>
        <v>0</v>
      </c>
      <c r="I6164">
        <f t="shared" si="685"/>
        <v>0.3762597036703027</v>
      </c>
      <c r="J6164">
        <f t="shared" si="686"/>
        <v>1.2541990122343425</v>
      </c>
      <c r="K6164">
        <f t="shared" si="687"/>
        <v>1.8812985183515136</v>
      </c>
      <c r="L6164">
        <f t="shared" si="688"/>
        <v>9.0302328880872658</v>
      </c>
      <c r="M6164">
        <f t="shared" si="689"/>
        <v>0</v>
      </c>
      <c r="N6164" s="46">
        <f t="shared" si="690"/>
        <v>45547.416666651799</v>
      </c>
    </row>
    <row r="6165" spans="2:14" x14ac:dyDescent="0.3">
      <c r="B6165">
        <f t="shared" si="684"/>
        <v>4</v>
      </c>
      <c r="C6165" s="16">
        <v>6131</v>
      </c>
      <c r="D6165" cm="1">
        <f t="array" ref="D6165">IFERROR(INDEX(Jesper!AH$2:AH$366,ROUNDDOWN($C6165/24,0)+1,1)*INDEX($D$3:$AA$30,INDEX(Jesper!$R$2:$R$366,ROW(INDEX(Jesper!AH$2:AH$366,ROUNDDOWN($C6165/24,0)+1,1))-1)+IF('Standard Profiles'!$G$18=$B$10,7,0)+IF('Standard Profiles'!$G$18=$B$17,14,0)+IF('Standard Profiles'!$G$18=$B$24,21,0),MOD($C6165,24)+1)/SUM(INDEX($D$3:$AA$30,INDEX(Jesper!$R$2:$R$366,ROW(INDEX(Jesper!AH$2:AH$366,ROUNDDOWN($C6165/24,0)+1,1))-1)+IF('Standard Profiles'!$G$18=$B$10,7,0)+IF('Standard Profiles'!$G$18=$B$17,14,0)+IF('Standard Profiles'!$G$18=$B$24,21,0),0)),0)</f>
        <v>14.471527064242412</v>
      </c>
      <c r="E6165" cm="1">
        <f t="array" ref="E6165">IFERROR(INDEX(Jesper!AI$2:AI$366,ROUNDDOWN($C6165/24,0)+1,1)*INDEX($D$3:$AA$30,INDEX(Jesper!$R$2:$R$366,ROW(INDEX(Jesper!AI$2:AI$366,ROUNDDOWN($C6165/24,0)+1,1))-1)+IF('Standard Profiles'!$G$19=$B$10,7,0)+IF('Standard Profiles'!$G$19=$B$17,14,0)+IF('Standard Profiles'!$G$19=$B$24,21,0),MOD($C6165,24)+1)/SUM(INDEX($D$3:$AA$30,INDEX(Jesper!$R$2:$R$366,ROW(INDEX(Jesper!AI$2:AI$366,ROUNDDOWN($C6165/24,0)+1,1))-1)+IF('Standard Profiles'!$G$19=$B$10,7,0)+IF('Standard Profiles'!$G$19=$B$17,14,0)+IF('Standard Profiles'!$G$19=$B$24,21,0),0)),0)</f>
        <v>0</v>
      </c>
      <c r="F6165" cm="1">
        <f t="array" ref="F6165">IFERROR(INDEX(Jesper!AJ$2:AJ$366,ROUNDDOWN($C6165/24,0)+1,1)*INDEX($D$3:$AA$30,INDEX(Jesper!$R$2:$R$366,ROW(INDEX(Jesper!AJ$2:AJ$366,ROUNDDOWN($C6165/24,0)+1,1))-1)+IF('Standard Profiles'!$G$20=$B$10,7,0)+IF('Standard Profiles'!$G$20=$B$17,14,0)+IF('Standard Profiles'!$G$20=$B$24,21,0),MOD($C6165,24)+1)/SUM(INDEX($D$3:$AA$30,INDEX(Jesper!$R$2:$R$366,ROW(INDEX(Jesper!AJ$2:AJ$366,ROUNDDOWN($C6165/24,0)+1,1))-1)+IF('Standard Profiles'!$G$20=$B$10,7,0)+IF('Standard Profiles'!$G$20=$B$17,14,0)+IF('Standard Profiles'!$G$20=$B$24,21,0),0)),0)</f>
        <v>0</v>
      </c>
      <c r="G6165" cm="1">
        <f t="array" ref="G6165">IFERROR(INDEX(Jesper!AK$2:AK$366,ROUNDDOWN($C6165/24,0)+1,1)*INDEX($D$3:$AA$30,INDEX(Jesper!$R$2:$R$366,ROW(INDEX(Jesper!AK$2:AK$366,ROUNDDOWN($C6165/24,0)+1,1))-1)+IF('Standard Profiles'!$G$21=$B$10,7,0)+IF('Standard Profiles'!$G$21=$B$17,14,0)+IF('Standard Profiles'!$G$21=$B$24,21,0),MOD($C6165,24)+1)/SUM(INDEX($D$3:$AA$30,INDEX(Jesper!$R$2:$R$366,ROW(INDEX(Jesper!AK$2:AK$366,ROUNDDOWN($C6165/24,0)+1,1))-1)+IF('Standard Profiles'!$G$21=$B$10,7,0)+IF('Standard Profiles'!$G$21=$B$17,14,0)+IF('Standard Profiles'!$G$21=$B$24,21,0),0)),0)</f>
        <v>0</v>
      </c>
      <c r="H6165" cm="1">
        <f t="array" ref="H6165">IFERROR(INDEX(Jesper!AL$2:AL$366,ROUNDDOWN($C6165/24,0)+1,1)*INDEX($D$3:$AA$30,INDEX(Jesper!$R$2:$R$366,ROW(INDEX(Jesper!AL$2:AL$366,ROUNDDOWN($C6165/24,0)+1,1))-1)+IF('Standard Profiles'!$G$22=$B$10,7,0)+IF('Standard Profiles'!$G$22=$B$17,14,0)+IF('Standard Profiles'!$G$22=$B$24,21,0),MOD($C6165,24)+1)/SUM(INDEX($D$3:$AA$30,INDEX(Jesper!$R$2:$R$366,ROW(INDEX(Jesper!AL$2:AL$366,ROUNDDOWN($C6165/24,0)+1,1))-1)+IF('Standard Profiles'!$G$22=$B$10,7,0)+IF('Standard Profiles'!$G$22=$B$17,14,0)+IF('Standard Profiles'!$G$22=$B$24,21,0),0)),0)</f>
        <v>0</v>
      </c>
      <c r="I6165">
        <f t="shared" si="685"/>
        <v>0.43414581192727236</v>
      </c>
      <c r="J6165">
        <f t="shared" si="686"/>
        <v>1.4471527064242413</v>
      </c>
      <c r="K6165">
        <f t="shared" si="687"/>
        <v>2.1707290596363618</v>
      </c>
      <c r="L6165">
        <f t="shared" si="688"/>
        <v>10.419499486254537</v>
      </c>
      <c r="M6165">
        <f t="shared" si="689"/>
        <v>0</v>
      </c>
      <c r="N6165" s="46">
        <f t="shared" si="690"/>
        <v>45547.458333318464</v>
      </c>
    </row>
    <row r="6166" spans="2:14" x14ac:dyDescent="0.3">
      <c r="B6166">
        <f t="shared" si="684"/>
        <v>4</v>
      </c>
      <c r="C6166" s="16">
        <v>6132</v>
      </c>
      <c r="D6166" cm="1">
        <f t="array" ref="D6166">IFERROR(INDEX(Jesper!AH$2:AH$366,ROUNDDOWN($C6166/24,0)+1,1)*INDEX($D$3:$AA$30,INDEX(Jesper!$R$2:$R$366,ROW(INDEX(Jesper!AH$2:AH$366,ROUNDDOWN($C6166/24,0)+1,1))-1)+IF('Standard Profiles'!$G$18=$B$10,7,0)+IF('Standard Profiles'!$G$18=$B$17,14,0)+IF('Standard Profiles'!$G$18=$B$24,21,0),MOD($C6166,24)+1)/SUM(INDEX($D$3:$AA$30,INDEX(Jesper!$R$2:$R$366,ROW(INDEX(Jesper!AH$2:AH$366,ROUNDDOWN($C6166/24,0)+1,1))-1)+IF('Standard Profiles'!$G$18=$B$10,7,0)+IF('Standard Profiles'!$G$18=$B$17,14,0)+IF('Standard Profiles'!$G$18=$B$24,21,0),0)),0)</f>
        <v>14.471527064242412</v>
      </c>
      <c r="E6166" cm="1">
        <f t="array" ref="E6166">IFERROR(INDEX(Jesper!AI$2:AI$366,ROUNDDOWN($C6166/24,0)+1,1)*INDEX($D$3:$AA$30,INDEX(Jesper!$R$2:$R$366,ROW(INDEX(Jesper!AI$2:AI$366,ROUNDDOWN($C6166/24,0)+1,1))-1)+IF('Standard Profiles'!$G$19=$B$10,7,0)+IF('Standard Profiles'!$G$19=$B$17,14,0)+IF('Standard Profiles'!$G$19=$B$24,21,0),MOD($C6166,24)+1)/SUM(INDEX($D$3:$AA$30,INDEX(Jesper!$R$2:$R$366,ROW(INDEX(Jesper!AI$2:AI$366,ROUNDDOWN($C6166/24,0)+1,1))-1)+IF('Standard Profiles'!$G$19=$B$10,7,0)+IF('Standard Profiles'!$G$19=$B$17,14,0)+IF('Standard Profiles'!$G$19=$B$24,21,0),0)),0)</f>
        <v>0</v>
      </c>
      <c r="F6166" cm="1">
        <f t="array" ref="F6166">IFERROR(INDEX(Jesper!AJ$2:AJ$366,ROUNDDOWN($C6166/24,0)+1,1)*INDEX($D$3:$AA$30,INDEX(Jesper!$R$2:$R$366,ROW(INDEX(Jesper!AJ$2:AJ$366,ROUNDDOWN($C6166/24,0)+1,1))-1)+IF('Standard Profiles'!$G$20=$B$10,7,0)+IF('Standard Profiles'!$G$20=$B$17,14,0)+IF('Standard Profiles'!$G$20=$B$24,21,0),MOD($C6166,24)+1)/SUM(INDEX($D$3:$AA$30,INDEX(Jesper!$R$2:$R$366,ROW(INDEX(Jesper!AJ$2:AJ$366,ROUNDDOWN($C6166/24,0)+1,1))-1)+IF('Standard Profiles'!$G$20=$B$10,7,0)+IF('Standard Profiles'!$G$20=$B$17,14,0)+IF('Standard Profiles'!$G$20=$B$24,21,0),0)),0)</f>
        <v>0</v>
      </c>
      <c r="G6166" cm="1">
        <f t="array" ref="G6166">IFERROR(INDEX(Jesper!AK$2:AK$366,ROUNDDOWN($C6166/24,0)+1,1)*INDEX($D$3:$AA$30,INDEX(Jesper!$R$2:$R$366,ROW(INDEX(Jesper!AK$2:AK$366,ROUNDDOWN($C6166/24,0)+1,1))-1)+IF('Standard Profiles'!$G$21=$B$10,7,0)+IF('Standard Profiles'!$G$21=$B$17,14,0)+IF('Standard Profiles'!$G$21=$B$24,21,0),MOD($C6166,24)+1)/SUM(INDEX($D$3:$AA$30,INDEX(Jesper!$R$2:$R$366,ROW(INDEX(Jesper!AK$2:AK$366,ROUNDDOWN($C6166/24,0)+1,1))-1)+IF('Standard Profiles'!$G$21=$B$10,7,0)+IF('Standard Profiles'!$G$21=$B$17,14,0)+IF('Standard Profiles'!$G$21=$B$24,21,0),0)),0)</f>
        <v>0</v>
      </c>
      <c r="H6166" cm="1">
        <f t="array" ref="H6166">IFERROR(INDEX(Jesper!AL$2:AL$366,ROUNDDOWN($C6166/24,0)+1,1)*INDEX($D$3:$AA$30,INDEX(Jesper!$R$2:$R$366,ROW(INDEX(Jesper!AL$2:AL$366,ROUNDDOWN($C6166/24,0)+1,1))-1)+IF('Standard Profiles'!$G$22=$B$10,7,0)+IF('Standard Profiles'!$G$22=$B$17,14,0)+IF('Standard Profiles'!$G$22=$B$24,21,0),MOD($C6166,24)+1)/SUM(INDEX($D$3:$AA$30,INDEX(Jesper!$R$2:$R$366,ROW(INDEX(Jesper!AL$2:AL$366,ROUNDDOWN($C6166/24,0)+1,1))-1)+IF('Standard Profiles'!$G$22=$B$10,7,0)+IF('Standard Profiles'!$G$22=$B$17,14,0)+IF('Standard Profiles'!$G$22=$B$24,21,0),0)),0)</f>
        <v>0</v>
      </c>
      <c r="I6166">
        <f t="shared" si="685"/>
        <v>0.43414581192727236</v>
      </c>
      <c r="J6166">
        <f t="shared" si="686"/>
        <v>1.4471527064242413</v>
      </c>
      <c r="K6166">
        <f t="shared" si="687"/>
        <v>2.1707290596363618</v>
      </c>
      <c r="L6166">
        <f t="shared" si="688"/>
        <v>10.419499486254537</v>
      </c>
      <c r="M6166">
        <f t="shared" si="689"/>
        <v>0</v>
      </c>
      <c r="N6166" s="46">
        <f t="shared" si="690"/>
        <v>45547.499999985128</v>
      </c>
    </row>
    <row r="6167" spans="2:14" x14ac:dyDescent="0.3">
      <c r="B6167">
        <f t="shared" si="684"/>
        <v>4</v>
      </c>
      <c r="C6167" s="16">
        <v>6133</v>
      </c>
      <c r="D6167" cm="1">
        <f t="array" ref="D6167">IFERROR(INDEX(Jesper!AH$2:AH$366,ROUNDDOWN($C6167/24,0)+1,1)*INDEX($D$3:$AA$30,INDEX(Jesper!$R$2:$R$366,ROW(INDEX(Jesper!AH$2:AH$366,ROUNDDOWN($C6167/24,0)+1,1))-1)+IF('Standard Profiles'!$G$18=$B$10,7,0)+IF('Standard Profiles'!$G$18=$B$17,14,0)+IF('Standard Profiles'!$G$18=$B$24,21,0),MOD($C6167,24)+1)/SUM(INDEX($D$3:$AA$30,INDEX(Jesper!$R$2:$R$366,ROW(INDEX(Jesper!AH$2:AH$366,ROUNDDOWN($C6167/24,0)+1,1))-1)+IF('Standard Profiles'!$G$18=$B$10,7,0)+IF('Standard Profiles'!$G$18=$B$17,14,0)+IF('Standard Profiles'!$G$18=$B$24,21,0),0)),0)</f>
        <v>14.471527064242412</v>
      </c>
      <c r="E6167" cm="1">
        <f t="array" ref="E6167">IFERROR(INDEX(Jesper!AI$2:AI$366,ROUNDDOWN($C6167/24,0)+1,1)*INDEX($D$3:$AA$30,INDEX(Jesper!$R$2:$R$366,ROW(INDEX(Jesper!AI$2:AI$366,ROUNDDOWN($C6167/24,0)+1,1))-1)+IF('Standard Profiles'!$G$19=$B$10,7,0)+IF('Standard Profiles'!$G$19=$B$17,14,0)+IF('Standard Profiles'!$G$19=$B$24,21,0),MOD($C6167,24)+1)/SUM(INDEX($D$3:$AA$30,INDEX(Jesper!$R$2:$R$366,ROW(INDEX(Jesper!AI$2:AI$366,ROUNDDOWN($C6167/24,0)+1,1))-1)+IF('Standard Profiles'!$G$19=$B$10,7,0)+IF('Standard Profiles'!$G$19=$B$17,14,0)+IF('Standard Profiles'!$G$19=$B$24,21,0),0)),0)</f>
        <v>0</v>
      </c>
      <c r="F6167" cm="1">
        <f t="array" ref="F6167">IFERROR(INDEX(Jesper!AJ$2:AJ$366,ROUNDDOWN($C6167/24,0)+1,1)*INDEX($D$3:$AA$30,INDEX(Jesper!$R$2:$R$366,ROW(INDEX(Jesper!AJ$2:AJ$366,ROUNDDOWN($C6167/24,0)+1,1))-1)+IF('Standard Profiles'!$G$20=$B$10,7,0)+IF('Standard Profiles'!$G$20=$B$17,14,0)+IF('Standard Profiles'!$G$20=$B$24,21,0),MOD($C6167,24)+1)/SUM(INDEX($D$3:$AA$30,INDEX(Jesper!$R$2:$R$366,ROW(INDEX(Jesper!AJ$2:AJ$366,ROUNDDOWN($C6167/24,0)+1,1))-1)+IF('Standard Profiles'!$G$20=$B$10,7,0)+IF('Standard Profiles'!$G$20=$B$17,14,0)+IF('Standard Profiles'!$G$20=$B$24,21,0),0)),0)</f>
        <v>0</v>
      </c>
      <c r="G6167" cm="1">
        <f t="array" ref="G6167">IFERROR(INDEX(Jesper!AK$2:AK$366,ROUNDDOWN($C6167/24,0)+1,1)*INDEX($D$3:$AA$30,INDEX(Jesper!$R$2:$R$366,ROW(INDEX(Jesper!AK$2:AK$366,ROUNDDOWN($C6167/24,0)+1,1))-1)+IF('Standard Profiles'!$G$21=$B$10,7,0)+IF('Standard Profiles'!$G$21=$B$17,14,0)+IF('Standard Profiles'!$G$21=$B$24,21,0),MOD($C6167,24)+1)/SUM(INDEX($D$3:$AA$30,INDEX(Jesper!$R$2:$R$366,ROW(INDEX(Jesper!AK$2:AK$366,ROUNDDOWN($C6167/24,0)+1,1))-1)+IF('Standard Profiles'!$G$21=$B$10,7,0)+IF('Standard Profiles'!$G$21=$B$17,14,0)+IF('Standard Profiles'!$G$21=$B$24,21,0),0)),0)</f>
        <v>0</v>
      </c>
      <c r="H6167" cm="1">
        <f t="array" ref="H6167">IFERROR(INDEX(Jesper!AL$2:AL$366,ROUNDDOWN($C6167/24,0)+1,1)*INDEX($D$3:$AA$30,INDEX(Jesper!$R$2:$R$366,ROW(INDEX(Jesper!AL$2:AL$366,ROUNDDOWN($C6167/24,0)+1,1))-1)+IF('Standard Profiles'!$G$22=$B$10,7,0)+IF('Standard Profiles'!$G$22=$B$17,14,0)+IF('Standard Profiles'!$G$22=$B$24,21,0),MOD($C6167,24)+1)/SUM(INDEX($D$3:$AA$30,INDEX(Jesper!$R$2:$R$366,ROW(INDEX(Jesper!AL$2:AL$366,ROUNDDOWN($C6167/24,0)+1,1))-1)+IF('Standard Profiles'!$G$22=$B$10,7,0)+IF('Standard Profiles'!$G$22=$B$17,14,0)+IF('Standard Profiles'!$G$22=$B$24,21,0),0)),0)</f>
        <v>0</v>
      </c>
      <c r="I6167">
        <f t="shared" si="685"/>
        <v>0.43414581192727236</v>
      </c>
      <c r="J6167">
        <f t="shared" si="686"/>
        <v>1.4471527064242413</v>
      </c>
      <c r="K6167">
        <f t="shared" si="687"/>
        <v>2.1707290596363618</v>
      </c>
      <c r="L6167">
        <f t="shared" si="688"/>
        <v>10.419499486254537</v>
      </c>
      <c r="M6167">
        <f t="shared" si="689"/>
        <v>0</v>
      </c>
      <c r="N6167" s="46">
        <f t="shared" si="690"/>
        <v>45547.541666651792</v>
      </c>
    </row>
    <row r="6168" spans="2:14" x14ac:dyDescent="0.3">
      <c r="B6168">
        <f t="shared" si="684"/>
        <v>4</v>
      </c>
      <c r="C6168" s="16">
        <v>6134</v>
      </c>
      <c r="D6168" cm="1">
        <f t="array" ref="D6168">IFERROR(INDEX(Jesper!AH$2:AH$366,ROUNDDOWN($C6168/24,0)+1,1)*INDEX($D$3:$AA$30,INDEX(Jesper!$R$2:$R$366,ROW(INDEX(Jesper!AH$2:AH$366,ROUNDDOWN($C6168/24,0)+1,1))-1)+IF('Standard Profiles'!$G$18=$B$10,7,0)+IF('Standard Profiles'!$G$18=$B$17,14,0)+IF('Standard Profiles'!$G$18=$B$24,21,0),MOD($C6168,24)+1)/SUM(INDEX($D$3:$AA$30,INDEX(Jesper!$R$2:$R$366,ROW(INDEX(Jesper!AH$2:AH$366,ROUNDDOWN($C6168/24,0)+1,1))-1)+IF('Standard Profiles'!$G$18=$B$10,7,0)+IF('Standard Profiles'!$G$18=$B$17,14,0)+IF('Standard Profiles'!$G$18=$B$24,21,0),0)),0)</f>
        <v>14.471527064242412</v>
      </c>
      <c r="E6168" cm="1">
        <f t="array" ref="E6168">IFERROR(INDEX(Jesper!AI$2:AI$366,ROUNDDOWN($C6168/24,0)+1,1)*INDEX($D$3:$AA$30,INDEX(Jesper!$R$2:$R$366,ROW(INDEX(Jesper!AI$2:AI$366,ROUNDDOWN($C6168/24,0)+1,1))-1)+IF('Standard Profiles'!$G$19=$B$10,7,0)+IF('Standard Profiles'!$G$19=$B$17,14,0)+IF('Standard Profiles'!$G$19=$B$24,21,0),MOD($C6168,24)+1)/SUM(INDEX($D$3:$AA$30,INDEX(Jesper!$R$2:$R$366,ROW(INDEX(Jesper!AI$2:AI$366,ROUNDDOWN($C6168/24,0)+1,1))-1)+IF('Standard Profiles'!$G$19=$B$10,7,0)+IF('Standard Profiles'!$G$19=$B$17,14,0)+IF('Standard Profiles'!$G$19=$B$24,21,0),0)),0)</f>
        <v>0</v>
      </c>
      <c r="F6168" cm="1">
        <f t="array" ref="F6168">IFERROR(INDEX(Jesper!AJ$2:AJ$366,ROUNDDOWN($C6168/24,0)+1,1)*INDEX($D$3:$AA$30,INDEX(Jesper!$R$2:$R$366,ROW(INDEX(Jesper!AJ$2:AJ$366,ROUNDDOWN($C6168/24,0)+1,1))-1)+IF('Standard Profiles'!$G$20=$B$10,7,0)+IF('Standard Profiles'!$G$20=$B$17,14,0)+IF('Standard Profiles'!$G$20=$B$24,21,0),MOD($C6168,24)+1)/SUM(INDEX($D$3:$AA$30,INDEX(Jesper!$R$2:$R$366,ROW(INDEX(Jesper!AJ$2:AJ$366,ROUNDDOWN($C6168/24,0)+1,1))-1)+IF('Standard Profiles'!$G$20=$B$10,7,0)+IF('Standard Profiles'!$G$20=$B$17,14,0)+IF('Standard Profiles'!$G$20=$B$24,21,0),0)),0)</f>
        <v>0</v>
      </c>
      <c r="G6168" cm="1">
        <f t="array" ref="G6168">IFERROR(INDEX(Jesper!AK$2:AK$366,ROUNDDOWN($C6168/24,0)+1,1)*INDEX($D$3:$AA$30,INDEX(Jesper!$R$2:$R$366,ROW(INDEX(Jesper!AK$2:AK$366,ROUNDDOWN($C6168/24,0)+1,1))-1)+IF('Standard Profiles'!$G$21=$B$10,7,0)+IF('Standard Profiles'!$G$21=$B$17,14,0)+IF('Standard Profiles'!$G$21=$B$24,21,0),MOD($C6168,24)+1)/SUM(INDEX($D$3:$AA$30,INDEX(Jesper!$R$2:$R$366,ROW(INDEX(Jesper!AK$2:AK$366,ROUNDDOWN($C6168/24,0)+1,1))-1)+IF('Standard Profiles'!$G$21=$B$10,7,0)+IF('Standard Profiles'!$G$21=$B$17,14,0)+IF('Standard Profiles'!$G$21=$B$24,21,0),0)),0)</f>
        <v>0</v>
      </c>
      <c r="H6168" cm="1">
        <f t="array" ref="H6168">IFERROR(INDEX(Jesper!AL$2:AL$366,ROUNDDOWN($C6168/24,0)+1,1)*INDEX($D$3:$AA$30,INDEX(Jesper!$R$2:$R$366,ROW(INDEX(Jesper!AL$2:AL$366,ROUNDDOWN($C6168/24,0)+1,1))-1)+IF('Standard Profiles'!$G$22=$B$10,7,0)+IF('Standard Profiles'!$G$22=$B$17,14,0)+IF('Standard Profiles'!$G$22=$B$24,21,0),MOD($C6168,24)+1)/SUM(INDEX($D$3:$AA$30,INDEX(Jesper!$R$2:$R$366,ROW(INDEX(Jesper!AL$2:AL$366,ROUNDDOWN($C6168/24,0)+1,1))-1)+IF('Standard Profiles'!$G$22=$B$10,7,0)+IF('Standard Profiles'!$G$22=$B$17,14,0)+IF('Standard Profiles'!$G$22=$B$24,21,0),0)),0)</f>
        <v>0</v>
      </c>
      <c r="I6168">
        <f t="shared" si="685"/>
        <v>0.43414581192727236</v>
      </c>
      <c r="J6168">
        <f t="shared" si="686"/>
        <v>1.4471527064242413</v>
      </c>
      <c r="K6168">
        <f t="shared" si="687"/>
        <v>2.1707290596363618</v>
      </c>
      <c r="L6168">
        <f t="shared" si="688"/>
        <v>10.419499486254537</v>
      </c>
      <c r="M6168">
        <f t="shared" si="689"/>
        <v>0</v>
      </c>
      <c r="N6168" s="46">
        <f t="shared" si="690"/>
        <v>45547.583333318456</v>
      </c>
    </row>
    <row r="6169" spans="2:14" x14ac:dyDescent="0.3">
      <c r="B6169">
        <f t="shared" si="684"/>
        <v>4</v>
      </c>
      <c r="C6169" s="16">
        <v>6135</v>
      </c>
      <c r="D6169" cm="1">
        <f t="array" ref="D6169">IFERROR(INDEX(Jesper!AH$2:AH$366,ROUNDDOWN($C6169/24,0)+1,1)*INDEX($D$3:$AA$30,INDEX(Jesper!$R$2:$R$366,ROW(INDEX(Jesper!AH$2:AH$366,ROUNDDOWN($C6169/24,0)+1,1))-1)+IF('Standard Profiles'!$G$18=$B$10,7,0)+IF('Standard Profiles'!$G$18=$B$17,14,0)+IF('Standard Profiles'!$G$18=$B$24,21,0),MOD($C6169,24)+1)/SUM(INDEX($D$3:$AA$30,INDEX(Jesper!$R$2:$R$366,ROW(INDEX(Jesper!AH$2:AH$366,ROUNDDOWN($C6169/24,0)+1,1))-1)+IF('Standard Profiles'!$G$18=$B$10,7,0)+IF('Standard Profiles'!$G$18=$B$17,14,0)+IF('Standard Profiles'!$G$18=$B$24,21,0),0)),0)</f>
        <v>14.471527064242412</v>
      </c>
      <c r="E6169" cm="1">
        <f t="array" ref="E6169">IFERROR(INDEX(Jesper!AI$2:AI$366,ROUNDDOWN($C6169/24,0)+1,1)*INDEX($D$3:$AA$30,INDEX(Jesper!$R$2:$R$366,ROW(INDEX(Jesper!AI$2:AI$366,ROUNDDOWN($C6169/24,0)+1,1))-1)+IF('Standard Profiles'!$G$19=$B$10,7,0)+IF('Standard Profiles'!$G$19=$B$17,14,0)+IF('Standard Profiles'!$G$19=$B$24,21,0),MOD($C6169,24)+1)/SUM(INDEX($D$3:$AA$30,INDEX(Jesper!$R$2:$R$366,ROW(INDEX(Jesper!AI$2:AI$366,ROUNDDOWN($C6169/24,0)+1,1))-1)+IF('Standard Profiles'!$G$19=$B$10,7,0)+IF('Standard Profiles'!$G$19=$B$17,14,0)+IF('Standard Profiles'!$G$19=$B$24,21,0),0)),0)</f>
        <v>0</v>
      </c>
      <c r="F6169" cm="1">
        <f t="array" ref="F6169">IFERROR(INDEX(Jesper!AJ$2:AJ$366,ROUNDDOWN($C6169/24,0)+1,1)*INDEX($D$3:$AA$30,INDEX(Jesper!$R$2:$R$366,ROW(INDEX(Jesper!AJ$2:AJ$366,ROUNDDOWN($C6169/24,0)+1,1))-1)+IF('Standard Profiles'!$G$20=$B$10,7,0)+IF('Standard Profiles'!$G$20=$B$17,14,0)+IF('Standard Profiles'!$G$20=$B$24,21,0),MOD($C6169,24)+1)/SUM(INDEX($D$3:$AA$30,INDEX(Jesper!$R$2:$R$366,ROW(INDEX(Jesper!AJ$2:AJ$366,ROUNDDOWN($C6169/24,0)+1,1))-1)+IF('Standard Profiles'!$G$20=$B$10,7,0)+IF('Standard Profiles'!$G$20=$B$17,14,0)+IF('Standard Profiles'!$G$20=$B$24,21,0),0)),0)</f>
        <v>0</v>
      </c>
      <c r="G6169" cm="1">
        <f t="array" ref="G6169">IFERROR(INDEX(Jesper!AK$2:AK$366,ROUNDDOWN($C6169/24,0)+1,1)*INDEX($D$3:$AA$30,INDEX(Jesper!$R$2:$R$366,ROW(INDEX(Jesper!AK$2:AK$366,ROUNDDOWN($C6169/24,0)+1,1))-1)+IF('Standard Profiles'!$G$21=$B$10,7,0)+IF('Standard Profiles'!$G$21=$B$17,14,0)+IF('Standard Profiles'!$G$21=$B$24,21,0),MOD($C6169,24)+1)/SUM(INDEX($D$3:$AA$30,INDEX(Jesper!$R$2:$R$366,ROW(INDEX(Jesper!AK$2:AK$366,ROUNDDOWN($C6169/24,0)+1,1))-1)+IF('Standard Profiles'!$G$21=$B$10,7,0)+IF('Standard Profiles'!$G$21=$B$17,14,0)+IF('Standard Profiles'!$G$21=$B$24,21,0),0)),0)</f>
        <v>0</v>
      </c>
      <c r="H6169" cm="1">
        <f t="array" ref="H6169">IFERROR(INDEX(Jesper!AL$2:AL$366,ROUNDDOWN($C6169/24,0)+1,1)*INDEX($D$3:$AA$30,INDEX(Jesper!$R$2:$R$366,ROW(INDEX(Jesper!AL$2:AL$366,ROUNDDOWN($C6169/24,0)+1,1))-1)+IF('Standard Profiles'!$G$22=$B$10,7,0)+IF('Standard Profiles'!$G$22=$B$17,14,0)+IF('Standard Profiles'!$G$22=$B$24,21,0),MOD($C6169,24)+1)/SUM(INDEX($D$3:$AA$30,INDEX(Jesper!$R$2:$R$366,ROW(INDEX(Jesper!AL$2:AL$366,ROUNDDOWN($C6169/24,0)+1,1))-1)+IF('Standard Profiles'!$G$22=$B$10,7,0)+IF('Standard Profiles'!$G$22=$B$17,14,0)+IF('Standard Profiles'!$G$22=$B$24,21,0),0)),0)</f>
        <v>0</v>
      </c>
      <c r="I6169">
        <f t="shared" si="685"/>
        <v>0.43414581192727236</v>
      </c>
      <c r="J6169">
        <f t="shared" si="686"/>
        <v>1.4471527064242413</v>
      </c>
      <c r="K6169">
        <f t="shared" si="687"/>
        <v>2.1707290596363618</v>
      </c>
      <c r="L6169">
        <f t="shared" si="688"/>
        <v>10.419499486254537</v>
      </c>
      <c r="M6169">
        <f t="shared" si="689"/>
        <v>0</v>
      </c>
      <c r="N6169" s="46">
        <f t="shared" si="690"/>
        <v>45547.624999985121</v>
      </c>
    </row>
    <row r="6170" spans="2:14" x14ac:dyDescent="0.3">
      <c r="B6170">
        <f t="shared" si="684"/>
        <v>4</v>
      </c>
      <c r="C6170" s="16">
        <v>6136</v>
      </c>
      <c r="D6170" cm="1">
        <f t="array" ref="D6170">IFERROR(INDEX(Jesper!AH$2:AH$366,ROUNDDOWN($C6170/24,0)+1,1)*INDEX($D$3:$AA$30,INDEX(Jesper!$R$2:$R$366,ROW(INDEX(Jesper!AH$2:AH$366,ROUNDDOWN($C6170/24,0)+1,1))-1)+IF('Standard Profiles'!$G$18=$B$10,7,0)+IF('Standard Profiles'!$G$18=$B$17,14,0)+IF('Standard Profiles'!$G$18=$B$24,21,0),MOD($C6170,24)+1)/SUM(INDEX($D$3:$AA$30,INDEX(Jesper!$R$2:$R$366,ROW(INDEX(Jesper!AH$2:AH$366,ROUNDDOWN($C6170/24,0)+1,1))-1)+IF('Standard Profiles'!$G$18=$B$10,7,0)+IF('Standard Profiles'!$G$18=$B$17,14,0)+IF('Standard Profiles'!$G$18=$B$24,21,0),0)),0)</f>
        <v>14.471527064242412</v>
      </c>
      <c r="E6170" cm="1">
        <f t="array" ref="E6170">IFERROR(INDEX(Jesper!AI$2:AI$366,ROUNDDOWN($C6170/24,0)+1,1)*INDEX($D$3:$AA$30,INDEX(Jesper!$R$2:$R$366,ROW(INDEX(Jesper!AI$2:AI$366,ROUNDDOWN($C6170/24,0)+1,1))-1)+IF('Standard Profiles'!$G$19=$B$10,7,0)+IF('Standard Profiles'!$G$19=$B$17,14,0)+IF('Standard Profiles'!$G$19=$B$24,21,0),MOD($C6170,24)+1)/SUM(INDEX($D$3:$AA$30,INDEX(Jesper!$R$2:$R$366,ROW(INDEX(Jesper!AI$2:AI$366,ROUNDDOWN($C6170/24,0)+1,1))-1)+IF('Standard Profiles'!$G$19=$B$10,7,0)+IF('Standard Profiles'!$G$19=$B$17,14,0)+IF('Standard Profiles'!$G$19=$B$24,21,0),0)),0)</f>
        <v>0</v>
      </c>
      <c r="F6170" cm="1">
        <f t="array" ref="F6170">IFERROR(INDEX(Jesper!AJ$2:AJ$366,ROUNDDOWN($C6170/24,0)+1,1)*INDEX($D$3:$AA$30,INDEX(Jesper!$R$2:$R$366,ROW(INDEX(Jesper!AJ$2:AJ$366,ROUNDDOWN($C6170/24,0)+1,1))-1)+IF('Standard Profiles'!$G$20=$B$10,7,0)+IF('Standard Profiles'!$G$20=$B$17,14,0)+IF('Standard Profiles'!$G$20=$B$24,21,0),MOD($C6170,24)+1)/SUM(INDEX($D$3:$AA$30,INDEX(Jesper!$R$2:$R$366,ROW(INDEX(Jesper!AJ$2:AJ$366,ROUNDDOWN($C6170/24,0)+1,1))-1)+IF('Standard Profiles'!$G$20=$B$10,7,0)+IF('Standard Profiles'!$G$20=$B$17,14,0)+IF('Standard Profiles'!$G$20=$B$24,21,0),0)),0)</f>
        <v>0</v>
      </c>
      <c r="G6170" cm="1">
        <f t="array" ref="G6170">IFERROR(INDEX(Jesper!AK$2:AK$366,ROUNDDOWN($C6170/24,0)+1,1)*INDEX($D$3:$AA$30,INDEX(Jesper!$R$2:$R$366,ROW(INDEX(Jesper!AK$2:AK$366,ROUNDDOWN($C6170/24,0)+1,1))-1)+IF('Standard Profiles'!$G$21=$B$10,7,0)+IF('Standard Profiles'!$G$21=$B$17,14,0)+IF('Standard Profiles'!$G$21=$B$24,21,0),MOD($C6170,24)+1)/SUM(INDEX($D$3:$AA$30,INDEX(Jesper!$R$2:$R$366,ROW(INDEX(Jesper!AK$2:AK$366,ROUNDDOWN($C6170/24,0)+1,1))-1)+IF('Standard Profiles'!$G$21=$B$10,7,0)+IF('Standard Profiles'!$G$21=$B$17,14,0)+IF('Standard Profiles'!$G$21=$B$24,21,0),0)),0)</f>
        <v>0</v>
      </c>
      <c r="H6170" cm="1">
        <f t="array" ref="H6170">IFERROR(INDEX(Jesper!AL$2:AL$366,ROUNDDOWN($C6170/24,0)+1,1)*INDEX($D$3:$AA$30,INDEX(Jesper!$R$2:$R$366,ROW(INDEX(Jesper!AL$2:AL$366,ROUNDDOWN($C6170/24,0)+1,1))-1)+IF('Standard Profiles'!$G$22=$B$10,7,0)+IF('Standard Profiles'!$G$22=$B$17,14,0)+IF('Standard Profiles'!$G$22=$B$24,21,0),MOD($C6170,24)+1)/SUM(INDEX($D$3:$AA$30,INDEX(Jesper!$R$2:$R$366,ROW(INDEX(Jesper!AL$2:AL$366,ROUNDDOWN($C6170/24,0)+1,1))-1)+IF('Standard Profiles'!$G$22=$B$10,7,0)+IF('Standard Profiles'!$G$22=$B$17,14,0)+IF('Standard Profiles'!$G$22=$B$24,21,0),0)),0)</f>
        <v>0</v>
      </c>
      <c r="I6170">
        <f t="shared" si="685"/>
        <v>0.43414581192727236</v>
      </c>
      <c r="J6170">
        <f t="shared" si="686"/>
        <v>1.4471527064242413</v>
      </c>
      <c r="K6170">
        <f t="shared" si="687"/>
        <v>2.1707290596363618</v>
      </c>
      <c r="L6170">
        <f t="shared" si="688"/>
        <v>10.419499486254537</v>
      </c>
      <c r="M6170">
        <f t="shared" si="689"/>
        <v>0</v>
      </c>
      <c r="N6170" s="46">
        <f t="shared" si="690"/>
        <v>45547.666666651785</v>
      </c>
    </row>
    <row r="6171" spans="2:14" x14ac:dyDescent="0.3">
      <c r="B6171">
        <f t="shared" si="684"/>
        <v>4</v>
      </c>
      <c r="C6171" s="16">
        <v>6137</v>
      </c>
      <c r="D6171" cm="1">
        <f t="array" ref="D6171">IFERROR(INDEX(Jesper!AH$2:AH$366,ROUNDDOWN($C6171/24,0)+1,1)*INDEX($D$3:$AA$30,INDEX(Jesper!$R$2:$R$366,ROW(INDEX(Jesper!AH$2:AH$366,ROUNDDOWN($C6171/24,0)+1,1))-1)+IF('Standard Profiles'!$G$18=$B$10,7,0)+IF('Standard Profiles'!$G$18=$B$17,14,0)+IF('Standard Profiles'!$G$18=$B$24,21,0),MOD($C6171,24)+1)/SUM(INDEX($D$3:$AA$30,INDEX(Jesper!$R$2:$R$366,ROW(INDEX(Jesper!AH$2:AH$366,ROUNDDOWN($C6171/24,0)+1,1))-1)+IF('Standard Profiles'!$G$18=$B$10,7,0)+IF('Standard Profiles'!$G$18=$B$17,14,0)+IF('Standard Profiles'!$G$18=$B$24,21,0),0)),0)</f>
        <v>14.471527064242412</v>
      </c>
      <c r="E6171" cm="1">
        <f t="array" ref="E6171">IFERROR(INDEX(Jesper!AI$2:AI$366,ROUNDDOWN($C6171/24,0)+1,1)*INDEX($D$3:$AA$30,INDEX(Jesper!$R$2:$R$366,ROW(INDEX(Jesper!AI$2:AI$366,ROUNDDOWN($C6171/24,0)+1,1))-1)+IF('Standard Profiles'!$G$19=$B$10,7,0)+IF('Standard Profiles'!$G$19=$B$17,14,0)+IF('Standard Profiles'!$G$19=$B$24,21,0),MOD($C6171,24)+1)/SUM(INDEX($D$3:$AA$30,INDEX(Jesper!$R$2:$R$366,ROW(INDEX(Jesper!AI$2:AI$366,ROUNDDOWN($C6171/24,0)+1,1))-1)+IF('Standard Profiles'!$G$19=$B$10,7,0)+IF('Standard Profiles'!$G$19=$B$17,14,0)+IF('Standard Profiles'!$G$19=$B$24,21,0),0)),0)</f>
        <v>0</v>
      </c>
      <c r="F6171" cm="1">
        <f t="array" ref="F6171">IFERROR(INDEX(Jesper!AJ$2:AJ$366,ROUNDDOWN($C6171/24,0)+1,1)*INDEX($D$3:$AA$30,INDEX(Jesper!$R$2:$R$366,ROW(INDEX(Jesper!AJ$2:AJ$366,ROUNDDOWN($C6171/24,0)+1,1))-1)+IF('Standard Profiles'!$G$20=$B$10,7,0)+IF('Standard Profiles'!$G$20=$B$17,14,0)+IF('Standard Profiles'!$G$20=$B$24,21,0),MOD($C6171,24)+1)/SUM(INDEX($D$3:$AA$30,INDEX(Jesper!$R$2:$R$366,ROW(INDEX(Jesper!AJ$2:AJ$366,ROUNDDOWN($C6171/24,0)+1,1))-1)+IF('Standard Profiles'!$G$20=$B$10,7,0)+IF('Standard Profiles'!$G$20=$B$17,14,0)+IF('Standard Profiles'!$G$20=$B$24,21,0),0)),0)</f>
        <v>0</v>
      </c>
      <c r="G6171" cm="1">
        <f t="array" ref="G6171">IFERROR(INDEX(Jesper!AK$2:AK$366,ROUNDDOWN($C6171/24,0)+1,1)*INDEX($D$3:$AA$30,INDEX(Jesper!$R$2:$R$366,ROW(INDEX(Jesper!AK$2:AK$366,ROUNDDOWN($C6171/24,0)+1,1))-1)+IF('Standard Profiles'!$G$21=$B$10,7,0)+IF('Standard Profiles'!$G$21=$B$17,14,0)+IF('Standard Profiles'!$G$21=$B$24,21,0),MOD($C6171,24)+1)/SUM(INDEX($D$3:$AA$30,INDEX(Jesper!$R$2:$R$366,ROW(INDEX(Jesper!AK$2:AK$366,ROUNDDOWN($C6171/24,0)+1,1))-1)+IF('Standard Profiles'!$G$21=$B$10,7,0)+IF('Standard Profiles'!$G$21=$B$17,14,0)+IF('Standard Profiles'!$G$21=$B$24,21,0),0)),0)</f>
        <v>0</v>
      </c>
      <c r="H6171" cm="1">
        <f t="array" ref="H6171">IFERROR(INDEX(Jesper!AL$2:AL$366,ROUNDDOWN($C6171/24,0)+1,1)*INDEX($D$3:$AA$30,INDEX(Jesper!$R$2:$R$366,ROW(INDEX(Jesper!AL$2:AL$366,ROUNDDOWN($C6171/24,0)+1,1))-1)+IF('Standard Profiles'!$G$22=$B$10,7,0)+IF('Standard Profiles'!$G$22=$B$17,14,0)+IF('Standard Profiles'!$G$22=$B$24,21,0),MOD($C6171,24)+1)/SUM(INDEX($D$3:$AA$30,INDEX(Jesper!$R$2:$R$366,ROW(INDEX(Jesper!AL$2:AL$366,ROUNDDOWN($C6171/24,0)+1,1))-1)+IF('Standard Profiles'!$G$22=$B$10,7,0)+IF('Standard Profiles'!$G$22=$B$17,14,0)+IF('Standard Profiles'!$G$22=$B$24,21,0),0)),0)</f>
        <v>0</v>
      </c>
      <c r="I6171">
        <f t="shared" si="685"/>
        <v>0.43414581192727236</v>
      </c>
      <c r="J6171">
        <f t="shared" si="686"/>
        <v>1.4471527064242413</v>
      </c>
      <c r="K6171">
        <f t="shared" si="687"/>
        <v>2.1707290596363618</v>
      </c>
      <c r="L6171">
        <f t="shared" si="688"/>
        <v>10.419499486254537</v>
      </c>
      <c r="M6171">
        <f t="shared" si="689"/>
        <v>0</v>
      </c>
      <c r="N6171" s="46">
        <f t="shared" si="690"/>
        <v>45547.708333318449</v>
      </c>
    </row>
    <row r="6172" spans="2:14" x14ac:dyDescent="0.3">
      <c r="B6172">
        <f t="shared" si="684"/>
        <v>4</v>
      </c>
      <c r="C6172" s="16">
        <v>6138</v>
      </c>
      <c r="D6172" cm="1">
        <f t="array" ref="D6172">IFERROR(INDEX(Jesper!AH$2:AH$366,ROUNDDOWN($C6172/24,0)+1,1)*INDEX($D$3:$AA$30,INDEX(Jesper!$R$2:$R$366,ROW(INDEX(Jesper!AH$2:AH$366,ROUNDDOWN($C6172/24,0)+1,1))-1)+IF('Standard Profiles'!$G$18=$B$10,7,0)+IF('Standard Profiles'!$G$18=$B$17,14,0)+IF('Standard Profiles'!$G$18=$B$24,21,0),MOD($C6172,24)+1)/SUM(INDEX($D$3:$AA$30,INDEX(Jesper!$R$2:$R$366,ROW(INDEX(Jesper!AH$2:AH$366,ROUNDDOWN($C6172/24,0)+1,1))-1)+IF('Standard Profiles'!$G$18=$B$10,7,0)+IF('Standard Profiles'!$G$18=$B$17,14,0)+IF('Standard Profiles'!$G$18=$B$24,21,0),0)),0)</f>
        <v>14.471527064242412</v>
      </c>
      <c r="E6172" cm="1">
        <f t="array" ref="E6172">IFERROR(INDEX(Jesper!AI$2:AI$366,ROUNDDOWN($C6172/24,0)+1,1)*INDEX($D$3:$AA$30,INDEX(Jesper!$R$2:$R$366,ROW(INDEX(Jesper!AI$2:AI$366,ROUNDDOWN($C6172/24,0)+1,1))-1)+IF('Standard Profiles'!$G$19=$B$10,7,0)+IF('Standard Profiles'!$G$19=$B$17,14,0)+IF('Standard Profiles'!$G$19=$B$24,21,0),MOD($C6172,24)+1)/SUM(INDEX($D$3:$AA$30,INDEX(Jesper!$R$2:$R$366,ROW(INDEX(Jesper!AI$2:AI$366,ROUNDDOWN($C6172/24,0)+1,1))-1)+IF('Standard Profiles'!$G$19=$B$10,7,0)+IF('Standard Profiles'!$G$19=$B$17,14,0)+IF('Standard Profiles'!$G$19=$B$24,21,0),0)),0)</f>
        <v>0</v>
      </c>
      <c r="F6172" cm="1">
        <f t="array" ref="F6172">IFERROR(INDEX(Jesper!AJ$2:AJ$366,ROUNDDOWN($C6172/24,0)+1,1)*INDEX($D$3:$AA$30,INDEX(Jesper!$R$2:$R$366,ROW(INDEX(Jesper!AJ$2:AJ$366,ROUNDDOWN($C6172/24,0)+1,1))-1)+IF('Standard Profiles'!$G$20=$B$10,7,0)+IF('Standard Profiles'!$G$20=$B$17,14,0)+IF('Standard Profiles'!$G$20=$B$24,21,0),MOD($C6172,24)+1)/SUM(INDEX($D$3:$AA$30,INDEX(Jesper!$R$2:$R$366,ROW(INDEX(Jesper!AJ$2:AJ$366,ROUNDDOWN($C6172/24,0)+1,1))-1)+IF('Standard Profiles'!$G$20=$B$10,7,0)+IF('Standard Profiles'!$G$20=$B$17,14,0)+IF('Standard Profiles'!$G$20=$B$24,21,0),0)),0)</f>
        <v>0</v>
      </c>
      <c r="G6172" cm="1">
        <f t="array" ref="G6172">IFERROR(INDEX(Jesper!AK$2:AK$366,ROUNDDOWN($C6172/24,0)+1,1)*INDEX($D$3:$AA$30,INDEX(Jesper!$R$2:$R$366,ROW(INDEX(Jesper!AK$2:AK$366,ROUNDDOWN($C6172/24,0)+1,1))-1)+IF('Standard Profiles'!$G$21=$B$10,7,0)+IF('Standard Profiles'!$G$21=$B$17,14,0)+IF('Standard Profiles'!$G$21=$B$24,21,0),MOD($C6172,24)+1)/SUM(INDEX($D$3:$AA$30,INDEX(Jesper!$R$2:$R$366,ROW(INDEX(Jesper!AK$2:AK$366,ROUNDDOWN($C6172/24,0)+1,1))-1)+IF('Standard Profiles'!$G$21=$B$10,7,0)+IF('Standard Profiles'!$G$21=$B$17,14,0)+IF('Standard Profiles'!$G$21=$B$24,21,0),0)),0)</f>
        <v>0</v>
      </c>
      <c r="H6172" cm="1">
        <f t="array" ref="H6172">IFERROR(INDEX(Jesper!AL$2:AL$366,ROUNDDOWN($C6172/24,0)+1,1)*INDEX($D$3:$AA$30,INDEX(Jesper!$R$2:$R$366,ROW(INDEX(Jesper!AL$2:AL$366,ROUNDDOWN($C6172/24,0)+1,1))-1)+IF('Standard Profiles'!$G$22=$B$10,7,0)+IF('Standard Profiles'!$G$22=$B$17,14,0)+IF('Standard Profiles'!$G$22=$B$24,21,0),MOD($C6172,24)+1)/SUM(INDEX($D$3:$AA$30,INDEX(Jesper!$R$2:$R$366,ROW(INDEX(Jesper!AL$2:AL$366,ROUNDDOWN($C6172/24,0)+1,1))-1)+IF('Standard Profiles'!$G$22=$B$10,7,0)+IF('Standard Profiles'!$G$22=$B$17,14,0)+IF('Standard Profiles'!$G$22=$B$24,21,0),0)),0)</f>
        <v>0</v>
      </c>
      <c r="I6172">
        <f t="shared" si="685"/>
        <v>0.43414581192727236</v>
      </c>
      <c r="J6172">
        <f t="shared" si="686"/>
        <v>1.4471527064242413</v>
      </c>
      <c r="K6172">
        <f t="shared" si="687"/>
        <v>2.1707290596363618</v>
      </c>
      <c r="L6172">
        <f t="shared" si="688"/>
        <v>10.419499486254537</v>
      </c>
      <c r="M6172">
        <f t="shared" si="689"/>
        <v>0</v>
      </c>
      <c r="N6172" s="46">
        <f t="shared" si="690"/>
        <v>45547.749999985113</v>
      </c>
    </row>
    <row r="6173" spans="2:14" x14ac:dyDescent="0.3">
      <c r="B6173">
        <f t="shared" si="684"/>
        <v>4</v>
      </c>
      <c r="C6173" s="16">
        <v>6139</v>
      </c>
      <c r="D6173" cm="1">
        <f t="array" ref="D6173">IFERROR(INDEX(Jesper!AH$2:AH$366,ROUNDDOWN($C6173/24,0)+1,1)*INDEX($D$3:$AA$30,INDEX(Jesper!$R$2:$R$366,ROW(INDEX(Jesper!AH$2:AH$366,ROUNDDOWN($C6173/24,0)+1,1))-1)+IF('Standard Profiles'!$G$18=$B$10,7,0)+IF('Standard Profiles'!$G$18=$B$17,14,0)+IF('Standard Profiles'!$G$18=$B$24,21,0),MOD($C6173,24)+1)/SUM(INDEX($D$3:$AA$30,INDEX(Jesper!$R$2:$R$366,ROW(INDEX(Jesper!AH$2:AH$366,ROUNDDOWN($C6173/24,0)+1,1))-1)+IF('Standard Profiles'!$G$18=$B$10,7,0)+IF('Standard Profiles'!$G$18=$B$17,14,0)+IF('Standard Profiles'!$G$18=$B$24,21,0),0)),0)</f>
        <v>12.059605886868678</v>
      </c>
      <c r="E6173" cm="1">
        <f t="array" ref="E6173">IFERROR(INDEX(Jesper!AI$2:AI$366,ROUNDDOWN($C6173/24,0)+1,1)*INDEX($D$3:$AA$30,INDEX(Jesper!$R$2:$R$366,ROW(INDEX(Jesper!AI$2:AI$366,ROUNDDOWN($C6173/24,0)+1,1))-1)+IF('Standard Profiles'!$G$19=$B$10,7,0)+IF('Standard Profiles'!$G$19=$B$17,14,0)+IF('Standard Profiles'!$G$19=$B$24,21,0),MOD($C6173,24)+1)/SUM(INDEX($D$3:$AA$30,INDEX(Jesper!$R$2:$R$366,ROW(INDEX(Jesper!AI$2:AI$366,ROUNDDOWN($C6173/24,0)+1,1))-1)+IF('Standard Profiles'!$G$19=$B$10,7,0)+IF('Standard Profiles'!$G$19=$B$17,14,0)+IF('Standard Profiles'!$G$19=$B$24,21,0),0)),0)</f>
        <v>0</v>
      </c>
      <c r="F6173" cm="1">
        <f t="array" ref="F6173">IFERROR(INDEX(Jesper!AJ$2:AJ$366,ROUNDDOWN($C6173/24,0)+1,1)*INDEX($D$3:$AA$30,INDEX(Jesper!$R$2:$R$366,ROW(INDEX(Jesper!AJ$2:AJ$366,ROUNDDOWN($C6173/24,0)+1,1))-1)+IF('Standard Profiles'!$G$20=$B$10,7,0)+IF('Standard Profiles'!$G$20=$B$17,14,0)+IF('Standard Profiles'!$G$20=$B$24,21,0),MOD($C6173,24)+1)/SUM(INDEX($D$3:$AA$30,INDEX(Jesper!$R$2:$R$366,ROW(INDEX(Jesper!AJ$2:AJ$366,ROUNDDOWN($C6173/24,0)+1,1))-1)+IF('Standard Profiles'!$G$20=$B$10,7,0)+IF('Standard Profiles'!$G$20=$B$17,14,0)+IF('Standard Profiles'!$G$20=$B$24,21,0),0)),0)</f>
        <v>0</v>
      </c>
      <c r="G6173" cm="1">
        <f t="array" ref="G6173">IFERROR(INDEX(Jesper!AK$2:AK$366,ROUNDDOWN($C6173/24,0)+1,1)*INDEX($D$3:$AA$30,INDEX(Jesper!$R$2:$R$366,ROW(INDEX(Jesper!AK$2:AK$366,ROUNDDOWN($C6173/24,0)+1,1))-1)+IF('Standard Profiles'!$G$21=$B$10,7,0)+IF('Standard Profiles'!$G$21=$B$17,14,0)+IF('Standard Profiles'!$G$21=$B$24,21,0),MOD($C6173,24)+1)/SUM(INDEX($D$3:$AA$30,INDEX(Jesper!$R$2:$R$366,ROW(INDEX(Jesper!AK$2:AK$366,ROUNDDOWN($C6173/24,0)+1,1))-1)+IF('Standard Profiles'!$G$21=$B$10,7,0)+IF('Standard Profiles'!$G$21=$B$17,14,0)+IF('Standard Profiles'!$G$21=$B$24,21,0),0)),0)</f>
        <v>0</v>
      </c>
      <c r="H6173" cm="1">
        <f t="array" ref="H6173">IFERROR(INDEX(Jesper!AL$2:AL$366,ROUNDDOWN($C6173/24,0)+1,1)*INDEX($D$3:$AA$30,INDEX(Jesper!$R$2:$R$366,ROW(INDEX(Jesper!AL$2:AL$366,ROUNDDOWN($C6173/24,0)+1,1))-1)+IF('Standard Profiles'!$G$22=$B$10,7,0)+IF('Standard Profiles'!$G$22=$B$17,14,0)+IF('Standard Profiles'!$G$22=$B$24,21,0),MOD($C6173,24)+1)/SUM(INDEX($D$3:$AA$30,INDEX(Jesper!$R$2:$R$366,ROW(INDEX(Jesper!AL$2:AL$366,ROUNDDOWN($C6173/24,0)+1,1))-1)+IF('Standard Profiles'!$G$22=$B$10,7,0)+IF('Standard Profiles'!$G$22=$B$17,14,0)+IF('Standard Profiles'!$G$22=$B$24,21,0),0)),0)</f>
        <v>0</v>
      </c>
      <c r="I6173">
        <f t="shared" si="685"/>
        <v>0.36178817660606033</v>
      </c>
      <c r="J6173">
        <f t="shared" si="686"/>
        <v>1.2059605886868678</v>
      </c>
      <c r="K6173">
        <f t="shared" si="687"/>
        <v>1.8089408830303015</v>
      </c>
      <c r="L6173">
        <f t="shared" si="688"/>
        <v>8.682916238545447</v>
      </c>
      <c r="M6173">
        <f t="shared" si="689"/>
        <v>0</v>
      </c>
      <c r="N6173" s="46">
        <f t="shared" si="690"/>
        <v>45547.791666651778</v>
      </c>
    </row>
    <row r="6174" spans="2:14" x14ac:dyDescent="0.3">
      <c r="B6174">
        <f t="shared" si="684"/>
        <v>4</v>
      </c>
      <c r="C6174" s="16">
        <v>6140</v>
      </c>
      <c r="D6174" cm="1">
        <f t="array" ref="D6174">IFERROR(INDEX(Jesper!AH$2:AH$366,ROUNDDOWN($C6174/24,0)+1,1)*INDEX($D$3:$AA$30,INDEX(Jesper!$R$2:$R$366,ROW(INDEX(Jesper!AH$2:AH$366,ROUNDDOWN($C6174/24,0)+1,1))-1)+IF('Standard Profiles'!$G$18=$B$10,7,0)+IF('Standard Profiles'!$G$18=$B$17,14,0)+IF('Standard Profiles'!$G$18=$B$24,21,0),MOD($C6174,24)+1)/SUM(INDEX($D$3:$AA$30,INDEX(Jesper!$R$2:$R$366,ROW(INDEX(Jesper!AH$2:AH$366,ROUNDDOWN($C6174/24,0)+1,1))-1)+IF('Standard Profiles'!$G$18=$B$10,7,0)+IF('Standard Profiles'!$G$18=$B$17,14,0)+IF('Standard Profiles'!$G$18=$B$24,21,0),0)),0)</f>
        <v>9.6476847094949427</v>
      </c>
      <c r="E6174" cm="1">
        <f t="array" ref="E6174">IFERROR(INDEX(Jesper!AI$2:AI$366,ROUNDDOWN($C6174/24,0)+1,1)*INDEX($D$3:$AA$30,INDEX(Jesper!$R$2:$R$366,ROW(INDEX(Jesper!AI$2:AI$366,ROUNDDOWN($C6174/24,0)+1,1))-1)+IF('Standard Profiles'!$G$19=$B$10,7,0)+IF('Standard Profiles'!$G$19=$B$17,14,0)+IF('Standard Profiles'!$G$19=$B$24,21,0),MOD($C6174,24)+1)/SUM(INDEX($D$3:$AA$30,INDEX(Jesper!$R$2:$R$366,ROW(INDEX(Jesper!AI$2:AI$366,ROUNDDOWN($C6174/24,0)+1,1))-1)+IF('Standard Profiles'!$G$19=$B$10,7,0)+IF('Standard Profiles'!$G$19=$B$17,14,0)+IF('Standard Profiles'!$G$19=$B$24,21,0),0)),0)</f>
        <v>0</v>
      </c>
      <c r="F6174" cm="1">
        <f t="array" ref="F6174">IFERROR(INDEX(Jesper!AJ$2:AJ$366,ROUNDDOWN($C6174/24,0)+1,1)*INDEX($D$3:$AA$30,INDEX(Jesper!$R$2:$R$366,ROW(INDEX(Jesper!AJ$2:AJ$366,ROUNDDOWN($C6174/24,0)+1,1))-1)+IF('Standard Profiles'!$G$20=$B$10,7,0)+IF('Standard Profiles'!$G$20=$B$17,14,0)+IF('Standard Profiles'!$G$20=$B$24,21,0),MOD($C6174,24)+1)/SUM(INDEX($D$3:$AA$30,INDEX(Jesper!$R$2:$R$366,ROW(INDEX(Jesper!AJ$2:AJ$366,ROUNDDOWN($C6174/24,0)+1,1))-1)+IF('Standard Profiles'!$G$20=$B$10,7,0)+IF('Standard Profiles'!$G$20=$B$17,14,0)+IF('Standard Profiles'!$G$20=$B$24,21,0),0)),0)</f>
        <v>0</v>
      </c>
      <c r="G6174" cm="1">
        <f t="array" ref="G6174">IFERROR(INDEX(Jesper!AK$2:AK$366,ROUNDDOWN($C6174/24,0)+1,1)*INDEX($D$3:$AA$30,INDEX(Jesper!$R$2:$R$366,ROW(INDEX(Jesper!AK$2:AK$366,ROUNDDOWN($C6174/24,0)+1,1))-1)+IF('Standard Profiles'!$G$21=$B$10,7,0)+IF('Standard Profiles'!$G$21=$B$17,14,0)+IF('Standard Profiles'!$G$21=$B$24,21,0),MOD($C6174,24)+1)/SUM(INDEX($D$3:$AA$30,INDEX(Jesper!$R$2:$R$366,ROW(INDEX(Jesper!AK$2:AK$366,ROUNDDOWN($C6174/24,0)+1,1))-1)+IF('Standard Profiles'!$G$21=$B$10,7,0)+IF('Standard Profiles'!$G$21=$B$17,14,0)+IF('Standard Profiles'!$G$21=$B$24,21,0),0)),0)</f>
        <v>0</v>
      </c>
      <c r="H6174" cm="1">
        <f t="array" ref="H6174">IFERROR(INDEX(Jesper!AL$2:AL$366,ROUNDDOWN($C6174/24,0)+1,1)*INDEX($D$3:$AA$30,INDEX(Jesper!$R$2:$R$366,ROW(INDEX(Jesper!AL$2:AL$366,ROUNDDOWN($C6174/24,0)+1,1))-1)+IF('Standard Profiles'!$G$22=$B$10,7,0)+IF('Standard Profiles'!$G$22=$B$17,14,0)+IF('Standard Profiles'!$G$22=$B$24,21,0),MOD($C6174,24)+1)/SUM(INDEX($D$3:$AA$30,INDEX(Jesper!$R$2:$R$366,ROW(INDEX(Jesper!AL$2:AL$366,ROUNDDOWN($C6174/24,0)+1,1))-1)+IF('Standard Profiles'!$G$22=$B$10,7,0)+IF('Standard Profiles'!$G$22=$B$17,14,0)+IF('Standard Profiles'!$G$22=$B$24,21,0),0)),0)</f>
        <v>0</v>
      </c>
      <c r="I6174">
        <f t="shared" si="685"/>
        <v>0.2894305412848483</v>
      </c>
      <c r="J6174">
        <f t="shared" si="686"/>
        <v>0.96476847094949436</v>
      </c>
      <c r="K6174">
        <f t="shared" si="687"/>
        <v>1.4471527064242413</v>
      </c>
      <c r="L6174">
        <f t="shared" si="688"/>
        <v>6.9463329908363587</v>
      </c>
      <c r="M6174">
        <f t="shared" si="689"/>
        <v>0</v>
      </c>
      <c r="N6174" s="46">
        <f t="shared" si="690"/>
        <v>45547.833333318442</v>
      </c>
    </row>
    <row r="6175" spans="2:14" x14ac:dyDescent="0.3">
      <c r="B6175">
        <f t="shared" si="684"/>
        <v>4</v>
      </c>
      <c r="C6175" s="16">
        <v>6141</v>
      </c>
      <c r="D6175" cm="1">
        <f t="array" ref="D6175">IFERROR(INDEX(Jesper!AH$2:AH$366,ROUNDDOWN($C6175/24,0)+1,1)*INDEX($D$3:$AA$30,INDEX(Jesper!$R$2:$R$366,ROW(INDEX(Jesper!AH$2:AH$366,ROUNDDOWN($C6175/24,0)+1,1))-1)+IF('Standard Profiles'!$G$18=$B$10,7,0)+IF('Standard Profiles'!$G$18=$B$17,14,0)+IF('Standard Profiles'!$G$18=$B$24,21,0),MOD($C6175,24)+1)/SUM(INDEX($D$3:$AA$30,INDEX(Jesper!$R$2:$R$366,ROW(INDEX(Jesper!AH$2:AH$366,ROUNDDOWN($C6175/24,0)+1,1))-1)+IF('Standard Profiles'!$G$18=$B$10,7,0)+IF('Standard Profiles'!$G$18=$B$17,14,0)+IF('Standard Profiles'!$G$18=$B$24,21,0),0)),0)</f>
        <v>7.2357635321212062</v>
      </c>
      <c r="E6175" cm="1">
        <f t="array" ref="E6175">IFERROR(INDEX(Jesper!AI$2:AI$366,ROUNDDOWN($C6175/24,0)+1,1)*INDEX($D$3:$AA$30,INDEX(Jesper!$R$2:$R$366,ROW(INDEX(Jesper!AI$2:AI$366,ROUNDDOWN($C6175/24,0)+1,1))-1)+IF('Standard Profiles'!$G$19=$B$10,7,0)+IF('Standard Profiles'!$G$19=$B$17,14,0)+IF('Standard Profiles'!$G$19=$B$24,21,0),MOD($C6175,24)+1)/SUM(INDEX($D$3:$AA$30,INDEX(Jesper!$R$2:$R$366,ROW(INDEX(Jesper!AI$2:AI$366,ROUNDDOWN($C6175/24,0)+1,1))-1)+IF('Standard Profiles'!$G$19=$B$10,7,0)+IF('Standard Profiles'!$G$19=$B$17,14,0)+IF('Standard Profiles'!$G$19=$B$24,21,0),0)),0)</f>
        <v>0</v>
      </c>
      <c r="F6175" cm="1">
        <f t="array" ref="F6175">IFERROR(INDEX(Jesper!AJ$2:AJ$366,ROUNDDOWN($C6175/24,0)+1,1)*INDEX($D$3:$AA$30,INDEX(Jesper!$R$2:$R$366,ROW(INDEX(Jesper!AJ$2:AJ$366,ROUNDDOWN($C6175/24,0)+1,1))-1)+IF('Standard Profiles'!$G$20=$B$10,7,0)+IF('Standard Profiles'!$G$20=$B$17,14,0)+IF('Standard Profiles'!$G$20=$B$24,21,0),MOD($C6175,24)+1)/SUM(INDEX($D$3:$AA$30,INDEX(Jesper!$R$2:$R$366,ROW(INDEX(Jesper!AJ$2:AJ$366,ROUNDDOWN($C6175/24,0)+1,1))-1)+IF('Standard Profiles'!$G$20=$B$10,7,0)+IF('Standard Profiles'!$G$20=$B$17,14,0)+IF('Standard Profiles'!$G$20=$B$24,21,0),0)),0)</f>
        <v>0</v>
      </c>
      <c r="G6175" cm="1">
        <f t="array" ref="G6175">IFERROR(INDEX(Jesper!AK$2:AK$366,ROUNDDOWN($C6175/24,0)+1,1)*INDEX($D$3:$AA$30,INDEX(Jesper!$R$2:$R$366,ROW(INDEX(Jesper!AK$2:AK$366,ROUNDDOWN($C6175/24,0)+1,1))-1)+IF('Standard Profiles'!$G$21=$B$10,7,0)+IF('Standard Profiles'!$G$21=$B$17,14,0)+IF('Standard Profiles'!$G$21=$B$24,21,0),MOD($C6175,24)+1)/SUM(INDEX($D$3:$AA$30,INDEX(Jesper!$R$2:$R$366,ROW(INDEX(Jesper!AK$2:AK$366,ROUNDDOWN($C6175/24,0)+1,1))-1)+IF('Standard Profiles'!$G$21=$B$10,7,0)+IF('Standard Profiles'!$G$21=$B$17,14,0)+IF('Standard Profiles'!$G$21=$B$24,21,0),0)),0)</f>
        <v>0</v>
      </c>
      <c r="H6175" cm="1">
        <f t="array" ref="H6175">IFERROR(INDEX(Jesper!AL$2:AL$366,ROUNDDOWN($C6175/24,0)+1,1)*INDEX($D$3:$AA$30,INDEX(Jesper!$R$2:$R$366,ROW(INDEX(Jesper!AL$2:AL$366,ROUNDDOWN($C6175/24,0)+1,1))-1)+IF('Standard Profiles'!$G$22=$B$10,7,0)+IF('Standard Profiles'!$G$22=$B$17,14,0)+IF('Standard Profiles'!$G$22=$B$24,21,0),MOD($C6175,24)+1)/SUM(INDEX($D$3:$AA$30,INDEX(Jesper!$R$2:$R$366,ROW(INDEX(Jesper!AL$2:AL$366,ROUNDDOWN($C6175/24,0)+1,1))-1)+IF('Standard Profiles'!$G$22=$B$10,7,0)+IF('Standard Profiles'!$G$22=$B$17,14,0)+IF('Standard Profiles'!$G$22=$B$24,21,0),0)),0)</f>
        <v>0</v>
      </c>
      <c r="I6175">
        <f t="shared" si="685"/>
        <v>0.21707290596363618</v>
      </c>
      <c r="J6175">
        <f t="shared" si="686"/>
        <v>0.72357635321212066</v>
      </c>
      <c r="K6175">
        <f t="shared" si="687"/>
        <v>1.0853645298181809</v>
      </c>
      <c r="L6175">
        <f t="shared" si="688"/>
        <v>5.2097497431272686</v>
      </c>
      <c r="M6175">
        <f t="shared" si="689"/>
        <v>0</v>
      </c>
      <c r="N6175" s="46">
        <f t="shared" si="690"/>
        <v>45547.874999985106</v>
      </c>
    </row>
    <row r="6176" spans="2:14" x14ac:dyDescent="0.3">
      <c r="B6176">
        <f t="shared" si="684"/>
        <v>4</v>
      </c>
      <c r="C6176" s="16">
        <v>6142</v>
      </c>
      <c r="D6176" cm="1">
        <f t="array" ref="D6176">IFERROR(INDEX(Jesper!AH$2:AH$366,ROUNDDOWN($C6176/24,0)+1,1)*INDEX($D$3:$AA$30,INDEX(Jesper!$R$2:$R$366,ROW(INDEX(Jesper!AH$2:AH$366,ROUNDDOWN($C6176/24,0)+1,1))-1)+IF('Standard Profiles'!$G$18=$B$10,7,0)+IF('Standard Profiles'!$G$18=$B$17,14,0)+IF('Standard Profiles'!$G$18=$B$24,21,0),MOD($C6176,24)+1)/SUM(INDEX($D$3:$AA$30,INDEX(Jesper!$R$2:$R$366,ROW(INDEX(Jesper!AH$2:AH$366,ROUNDDOWN($C6176/24,0)+1,1))-1)+IF('Standard Profiles'!$G$18=$B$10,7,0)+IF('Standard Profiles'!$G$18=$B$17,14,0)+IF('Standard Profiles'!$G$18=$B$24,21,0),0)),0)</f>
        <v>7.2357635321212062</v>
      </c>
      <c r="E6176" cm="1">
        <f t="array" ref="E6176">IFERROR(INDEX(Jesper!AI$2:AI$366,ROUNDDOWN($C6176/24,0)+1,1)*INDEX($D$3:$AA$30,INDEX(Jesper!$R$2:$R$366,ROW(INDEX(Jesper!AI$2:AI$366,ROUNDDOWN($C6176/24,0)+1,1))-1)+IF('Standard Profiles'!$G$19=$B$10,7,0)+IF('Standard Profiles'!$G$19=$B$17,14,0)+IF('Standard Profiles'!$G$19=$B$24,21,0),MOD($C6176,24)+1)/SUM(INDEX($D$3:$AA$30,INDEX(Jesper!$R$2:$R$366,ROW(INDEX(Jesper!AI$2:AI$366,ROUNDDOWN($C6176/24,0)+1,1))-1)+IF('Standard Profiles'!$G$19=$B$10,7,0)+IF('Standard Profiles'!$G$19=$B$17,14,0)+IF('Standard Profiles'!$G$19=$B$24,21,0),0)),0)</f>
        <v>0</v>
      </c>
      <c r="F6176" cm="1">
        <f t="array" ref="F6176">IFERROR(INDEX(Jesper!AJ$2:AJ$366,ROUNDDOWN($C6176/24,0)+1,1)*INDEX($D$3:$AA$30,INDEX(Jesper!$R$2:$R$366,ROW(INDEX(Jesper!AJ$2:AJ$366,ROUNDDOWN($C6176/24,0)+1,1))-1)+IF('Standard Profiles'!$G$20=$B$10,7,0)+IF('Standard Profiles'!$G$20=$B$17,14,0)+IF('Standard Profiles'!$G$20=$B$24,21,0),MOD($C6176,24)+1)/SUM(INDEX($D$3:$AA$30,INDEX(Jesper!$R$2:$R$366,ROW(INDEX(Jesper!AJ$2:AJ$366,ROUNDDOWN($C6176/24,0)+1,1))-1)+IF('Standard Profiles'!$G$20=$B$10,7,0)+IF('Standard Profiles'!$G$20=$B$17,14,0)+IF('Standard Profiles'!$G$20=$B$24,21,0),0)),0)</f>
        <v>0</v>
      </c>
      <c r="G6176" cm="1">
        <f t="array" ref="G6176">IFERROR(INDEX(Jesper!AK$2:AK$366,ROUNDDOWN($C6176/24,0)+1,1)*INDEX($D$3:$AA$30,INDEX(Jesper!$R$2:$R$366,ROW(INDEX(Jesper!AK$2:AK$366,ROUNDDOWN($C6176/24,0)+1,1))-1)+IF('Standard Profiles'!$G$21=$B$10,7,0)+IF('Standard Profiles'!$G$21=$B$17,14,0)+IF('Standard Profiles'!$G$21=$B$24,21,0),MOD($C6176,24)+1)/SUM(INDEX($D$3:$AA$30,INDEX(Jesper!$R$2:$R$366,ROW(INDEX(Jesper!AK$2:AK$366,ROUNDDOWN($C6176/24,0)+1,1))-1)+IF('Standard Profiles'!$G$21=$B$10,7,0)+IF('Standard Profiles'!$G$21=$B$17,14,0)+IF('Standard Profiles'!$G$21=$B$24,21,0),0)),0)</f>
        <v>0</v>
      </c>
      <c r="H6176" cm="1">
        <f t="array" ref="H6176">IFERROR(INDEX(Jesper!AL$2:AL$366,ROUNDDOWN($C6176/24,0)+1,1)*INDEX($D$3:$AA$30,INDEX(Jesper!$R$2:$R$366,ROW(INDEX(Jesper!AL$2:AL$366,ROUNDDOWN($C6176/24,0)+1,1))-1)+IF('Standard Profiles'!$G$22=$B$10,7,0)+IF('Standard Profiles'!$G$22=$B$17,14,0)+IF('Standard Profiles'!$G$22=$B$24,21,0),MOD($C6176,24)+1)/SUM(INDEX($D$3:$AA$30,INDEX(Jesper!$R$2:$R$366,ROW(INDEX(Jesper!AL$2:AL$366,ROUNDDOWN($C6176/24,0)+1,1))-1)+IF('Standard Profiles'!$G$22=$B$10,7,0)+IF('Standard Profiles'!$G$22=$B$17,14,0)+IF('Standard Profiles'!$G$22=$B$24,21,0),0)),0)</f>
        <v>0</v>
      </c>
      <c r="I6176">
        <f t="shared" si="685"/>
        <v>0.21707290596363618</v>
      </c>
      <c r="J6176">
        <f t="shared" si="686"/>
        <v>0.72357635321212066</v>
      </c>
      <c r="K6176">
        <f t="shared" si="687"/>
        <v>1.0853645298181809</v>
      </c>
      <c r="L6176">
        <f t="shared" si="688"/>
        <v>5.2097497431272686</v>
      </c>
      <c r="M6176">
        <f t="shared" si="689"/>
        <v>0</v>
      </c>
      <c r="N6176" s="46">
        <f t="shared" si="690"/>
        <v>45547.91666665177</v>
      </c>
    </row>
    <row r="6177" spans="2:14" x14ac:dyDescent="0.3">
      <c r="B6177">
        <f t="shared" si="684"/>
        <v>4</v>
      </c>
      <c r="C6177" s="16">
        <v>6143</v>
      </c>
      <c r="D6177" cm="1">
        <f t="array" ref="D6177">IFERROR(INDEX(Jesper!AH$2:AH$366,ROUNDDOWN($C6177/24,0)+1,1)*INDEX($D$3:$AA$30,INDEX(Jesper!$R$2:$R$366,ROW(INDEX(Jesper!AH$2:AH$366,ROUNDDOWN($C6177/24,0)+1,1))-1)+IF('Standard Profiles'!$G$18=$B$10,7,0)+IF('Standard Profiles'!$G$18=$B$17,14,0)+IF('Standard Profiles'!$G$18=$B$24,21,0),MOD($C6177,24)+1)/SUM(INDEX($D$3:$AA$30,INDEX(Jesper!$R$2:$R$366,ROW(INDEX(Jesper!AH$2:AH$366,ROUNDDOWN($C6177/24,0)+1,1))-1)+IF('Standard Profiles'!$G$18=$B$10,7,0)+IF('Standard Profiles'!$G$18=$B$17,14,0)+IF('Standard Profiles'!$G$18=$B$24,21,0),0)),0)</f>
        <v>7.2357635321212062</v>
      </c>
      <c r="E6177" cm="1">
        <f t="array" ref="E6177">IFERROR(INDEX(Jesper!AI$2:AI$366,ROUNDDOWN($C6177/24,0)+1,1)*INDEX($D$3:$AA$30,INDEX(Jesper!$R$2:$R$366,ROW(INDEX(Jesper!AI$2:AI$366,ROUNDDOWN($C6177/24,0)+1,1))-1)+IF('Standard Profiles'!$G$19=$B$10,7,0)+IF('Standard Profiles'!$G$19=$B$17,14,0)+IF('Standard Profiles'!$G$19=$B$24,21,0),MOD($C6177,24)+1)/SUM(INDEX($D$3:$AA$30,INDEX(Jesper!$R$2:$R$366,ROW(INDEX(Jesper!AI$2:AI$366,ROUNDDOWN($C6177/24,0)+1,1))-1)+IF('Standard Profiles'!$G$19=$B$10,7,0)+IF('Standard Profiles'!$G$19=$B$17,14,0)+IF('Standard Profiles'!$G$19=$B$24,21,0),0)),0)</f>
        <v>0</v>
      </c>
      <c r="F6177" cm="1">
        <f t="array" ref="F6177">IFERROR(INDEX(Jesper!AJ$2:AJ$366,ROUNDDOWN($C6177/24,0)+1,1)*INDEX($D$3:$AA$30,INDEX(Jesper!$R$2:$R$366,ROW(INDEX(Jesper!AJ$2:AJ$366,ROUNDDOWN($C6177/24,0)+1,1))-1)+IF('Standard Profiles'!$G$20=$B$10,7,0)+IF('Standard Profiles'!$G$20=$B$17,14,0)+IF('Standard Profiles'!$G$20=$B$24,21,0),MOD($C6177,24)+1)/SUM(INDEX($D$3:$AA$30,INDEX(Jesper!$R$2:$R$366,ROW(INDEX(Jesper!AJ$2:AJ$366,ROUNDDOWN($C6177/24,0)+1,1))-1)+IF('Standard Profiles'!$G$20=$B$10,7,0)+IF('Standard Profiles'!$G$20=$B$17,14,0)+IF('Standard Profiles'!$G$20=$B$24,21,0),0)),0)</f>
        <v>0</v>
      </c>
      <c r="G6177" cm="1">
        <f t="array" ref="G6177">IFERROR(INDEX(Jesper!AK$2:AK$366,ROUNDDOWN($C6177/24,0)+1,1)*INDEX($D$3:$AA$30,INDEX(Jesper!$R$2:$R$366,ROW(INDEX(Jesper!AK$2:AK$366,ROUNDDOWN($C6177/24,0)+1,1))-1)+IF('Standard Profiles'!$G$21=$B$10,7,0)+IF('Standard Profiles'!$G$21=$B$17,14,0)+IF('Standard Profiles'!$G$21=$B$24,21,0),MOD($C6177,24)+1)/SUM(INDEX($D$3:$AA$30,INDEX(Jesper!$R$2:$R$366,ROW(INDEX(Jesper!AK$2:AK$366,ROUNDDOWN($C6177/24,0)+1,1))-1)+IF('Standard Profiles'!$G$21=$B$10,7,0)+IF('Standard Profiles'!$G$21=$B$17,14,0)+IF('Standard Profiles'!$G$21=$B$24,21,0),0)),0)</f>
        <v>0</v>
      </c>
      <c r="H6177" cm="1">
        <f t="array" ref="H6177">IFERROR(INDEX(Jesper!AL$2:AL$366,ROUNDDOWN($C6177/24,0)+1,1)*INDEX($D$3:$AA$30,INDEX(Jesper!$R$2:$R$366,ROW(INDEX(Jesper!AL$2:AL$366,ROUNDDOWN($C6177/24,0)+1,1))-1)+IF('Standard Profiles'!$G$22=$B$10,7,0)+IF('Standard Profiles'!$G$22=$B$17,14,0)+IF('Standard Profiles'!$G$22=$B$24,21,0),MOD($C6177,24)+1)/SUM(INDEX($D$3:$AA$30,INDEX(Jesper!$R$2:$R$366,ROW(INDEX(Jesper!AL$2:AL$366,ROUNDDOWN($C6177/24,0)+1,1))-1)+IF('Standard Profiles'!$G$22=$B$10,7,0)+IF('Standard Profiles'!$G$22=$B$17,14,0)+IF('Standard Profiles'!$G$22=$B$24,21,0),0)),0)</f>
        <v>0</v>
      </c>
      <c r="I6177">
        <f t="shared" si="685"/>
        <v>0.21707290596363618</v>
      </c>
      <c r="J6177">
        <f t="shared" si="686"/>
        <v>0.72357635321212066</v>
      </c>
      <c r="K6177">
        <f t="shared" si="687"/>
        <v>1.0853645298181809</v>
      </c>
      <c r="L6177">
        <f t="shared" si="688"/>
        <v>5.2097497431272686</v>
      </c>
      <c r="M6177">
        <f t="shared" si="689"/>
        <v>0</v>
      </c>
      <c r="N6177" s="46">
        <f t="shared" si="690"/>
        <v>45547.958333318435</v>
      </c>
    </row>
    <row r="6178" spans="2:14" x14ac:dyDescent="0.3">
      <c r="B6178">
        <f t="shared" si="684"/>
        <v>5</v>
      </c>
      <c r="C6178" s="16">
        <v>6144</v>
      </c>
      <c r="D6178" cm="1">
        <f t="array" ref="D6178">IFERROR(INDEX(Jesper!AH$2:AH$366,ROUNDDOWN($C6178/24,0)+1,1)*INDEX($D$3:$AA$30,INDEX(Jesper!$R$2:$R$366,ROW(INDEX(Jesper!AH$2:AH$366,ROUNDDOWN($C6178/24,0)+1,1))-1)+IF('Standard Profiles'!$G$18=$B$10,7,0)+IF('Standard Profiles'!$G$18=$B$17,14,0)+IF('Standard Profiles'!$G$18=$B$24,21,0),MOD($C6178,24)+1)/SUM(INDEX($D$3:$AA$30,INDEX(Jesper!$R$2:$R$366,ROW(INDEX(Jesper!AH$2:AH$366,ROUNDDOWN($C6178/24,0)+1,1))-1)+IF('Standard Profiles'!$G$18=$B$10,7,0)+IF('Standard Profiles'!$G$18=$B$17,14,0)+IF('Standard Profiles'!$G$18=$B$24,21,0),0)),0)</f>
        <v>7.8954903140630135</v>
      </c>
      <c r="E6178" cm="1">
        <f t="array" ref="E6178">IFERROR(INDEX(Jesper!AI$2:AI$366,ROUNDDOWN($C6178/24,0)+1,1)*INDEX($D$3:$AA$30,INDEX(Jesper!$R$2:$R$366,ROW(INDEX(Jesper!AI$2:AI$366,ROUNDDOWN($C6178/24,0)+1,1))-1)+IF('Standard Profiles'!$G$19=$B$10,7,0)+IF('Standard Profiles'!$G$19=$B$17,14,0)+IF('Standard Profiles'!$G$19=$B$24,21,0),MOD($C6178,24)+1)/SUM(INDEX($D$3:$AA$30,INDEX(Jesper!$R$2:$R$366,ROW(INDEX(Jesper!AI$2:AI$366,ROUNDDOWN($C6178/24,0)+1,1))-1)+IF('Standard Profiles'!$G$19=$B$10,7,0)+IF('Standard Profiles'!$G$19=$B$17,14,0)+IF('Standard Profiles'!$G$19=$B$24,21,0),0)),0)</f>
        <v>0</v>
      </c>
      <c r="F6178" cm="1">
        <f t="array" ref="F6178">IFERROR(INDEX(Jesper!AJ$2:AJ$366,ROUNDDOWN($C6178/24,0)+1,1)*INDEX($D$3:$AA$30,INDEX(Jesper!$R$2:$R$366,ROW(INDEX(Jesper!AJ$2:AJ$366,ROUNDDOWN($C6178/24,0)+1,1))-1)+IF('Standard Profiles'!$G$20=$B$10,7,0)+IF('Standard Profiles'!$G$20=$B$17,14,0)+IF('Standard Profiles'!$G$20=$B$24,21,0),MOD($C6178,24)+1)/SUM(INDEX($D$3:$AA$30,INDEX(Jesper!$R$2:$R$366,ROW(INDEX(Jesper!AJ$2:AJ$366,ROUNDDOWN($C6178/24,0)+1,1))-1)+IF('Standard Profiles'!$G$20=$B$10,7,0)+IF('Standard Profiles'!$G$20=$B$17,14,0)+IF('Standard Profiles'!$G$20=$B$24,21,0),0)),0)</f>
        <v>0</v>
      </c>
      <c r="G6178" cm="1">
        <f t="array" ref="G6178">IFERROR(INDEX(Jesper!AK$2:AK$366,ROUNDDOWN($C6178/24,0)+1,1)*INDEX($D$3:$AA$30,INDEX(Jesper!$R$2:$R$366,ROW(INDEX(Jesper!AK$2:AK$366,ROUNDDOWN($C6178/24,0)+1,1))-1)+IF('Standard Profiles'!$G$21=$B$10,7,0)+IF('Standard Profiles'!$G$21=$B$17,14,0)+IF('Standard Profiles'!$G$21=$B$24,21,0),MOD($C6178,24)+1)/SUM(INDEX($D$3:$AA$30,INDEX(Jesper!$R$2:$R$366,ROW(INDEX(Jesper!AK$2:AK$366,ROUNDDOWN($C6178/24,0)+1,1))-1)+IF('Standard Profiles'!$G$21=$B$10,7,0)+IF('Standard Profiles'!$G$21=$B$17,14,0)+IF('Standard Profiles'!$G$21=$B$24,21,0),0)),0)</f>
        <v>0</v>
      </c>
      <c r="H6178" cm="1">
        <f t="array" ref="H6178">IFERROR(INDEX(Jesper!AL$2:AL$366,ROUNDDOWN($C6178/24,0)+1,1)*INDEX($D$3:$AA$30,INDEX(Jesper!$R$2:$R$366,ROW(INDEX(Jesper!AL$2:AL$366,ROUNDDOWN($C6178/24,0)+1,1))-1)+IF('Standard Profiles'!$G$22=$B$10,7,0)+IF('Standard Profiles'!$G$22=$B$17,14,0)+IF('Standard Profiles'!$G$22=$B$24,21,0),MOD($C6178,24)+1)/SUM(INDEX($D$3:$AA$30,INDEX(Jesper!$R$2:$R$366,ROW(INDEX(Jesper!AL$2:AL$366,ROUNDDOWN($C6178/24,0)+1,1))-1)+IF('Standard Profiles'!$G$22=$B$10,7,0)+IF('Standard Profiles'!$G$22=$B$17,14,0)+IF('Standard Profiles'!$G$22=$B$24,21,0),0)),0)</f>
        <v>0</v>
      </c>
      <c r="I6178">
        <f t="shared" si="685"/>
        <v>0.23686470942189039</v>
      </c>
      <c r="J6178">
        <f t="shared" si="686"/>
        <v>0.78954903140630139</v>
      </c>
      <c r="K6178">
        <f t="shared" si="687"/>
        <v>1.184323547109452</v>
      </c>
      <c r="L6178">
        <f t="shared" si="688"/>
        <v>5.6847530261253691</v>
      </c>
      <c r="M6178">
        <f t="shared" si="689"/>
        <v>0</v>
      </c>
      <c r="N6178" s="46">
        <f t="shared" si="690"/>
        <v>45547.999999985099</v>
      </c>
    </row>
    <row r="6179" spans="2:14" x14ac:dyDescent="0.3">
      <c r="B6179">
        <f t="shared" ref="B6179:B6242" si="691">WEEKDAY(N6179,2)</f>
        <v>5</v>
      </c>
      <c r="C6179" s="16">
        <v>6145</v>
      </c>
      <c r="D6179" cm="1">
        <f t="array" ref="D6179">IFERROR(INDEX(Jesper!AH$2:AH$366,ROUNDDOWN($C6179/24,0)+1,1)*INDEX($D$3:$AA$30,INDEX(Jesper!$R$2:$R$366,ROW(INDEX(Jesper!AH$2:AH$366,ROUNDDOWN($C6179/24,0)+1,1))-1)+IF('Standard Profiles'!$G$18=$B$10,7,0)+IF('Standard Profiles'!$G$18=$B$17,14,0)+IF('Standard Profiles'!$G$18=$B$24,21,0),MOD($C6179,24)+1)/SUM(INDEX($D$3:$AA$30,INDEX(Jesper!$R$2:$R$366,ROW(INDEX(Jesper!AH$2:AH$366,ROUNDDOWN($C6179/24,0)+1,1))-1)+IF('Standard Profiles'!$G$18=$B$10,7,0)+IF('Standard Profiles'!$G$18=$B$17,14,0)+IF('Standard Profiles'!$G$18=$B$24,21,0),0)),0)</f>
        <v>7.8954903140630135</v>
      </c>
      <c r="E6179" cm="1">
        <f t="array" ref="E6179">IFERROR(INDEX(Jesper!AI$2:AI$366,ROUNDDOWN($C6179/24,0)+1,1)*INDEX($D$3:$AA$30,INDEX(Jesper!$R$2:$R$366,ROW(INDEX(Jesper!AI$2:AI$366,ROUNDDOWN($C6179/24,0)+1,1))-1)+IF('Standard Profiles'!$G$19=$B$10,7,0)+IF('Standard Profiles'!$G$19=$B$17,14,0)+IF('Standard Profiles'!$G$19=$B$24,21,0),MOD($C6179,24)+1)/SUM(INDEX($D$3:$AA$30,INDEX(Jesper!$R$2:$R$366,ROW(INDEX(Jesper!AI$2:AI$366,ROUNDDOWN($C6179/24,0)+1,1))-1)+IF('Standard Profiles'!$G$19=$B$10,7,0)+IF('Standard Profiles'!$G$19=$B$17,14,0)+IF('Standard Profiles'!$G$19=$B$24,21,0),0)),0)</f>
        <v>0</v>
      </c>
      <c r="F6179" cm="1">
        <f t="array" ref="F6179">IFERROR(INDEX(Jesper!AJ$2:AJ$366,ROUNDDOWN($C6179/24,0)+1,1)*INDEX($D$3:$AA$30,INDEX(Jesper!$R$2:$R$366,ROW(INDEX(Jesper!AJ$2:AJ$366,ROUNDDOWN($C6179/24,0)+1,1))-1)+IF('Standard Profiles'!$G$20=$B$10,7,0)+IF('Standard Profiles'!$G$20=$B$17,14,0)+IF('Standard Profiles'!$G$20=$B$24,21,0),MOD($C6179,24)+1)/SUM(INDEX($D$3:$AA$30,INDEX(Jesper!$R$2:$R$366,ROW(INDEX(Jesper!AJ$2:AJ$366,ROUNDDOWN($C6179/24,0)+1,1))-1)+IF('Standard Profiles'!$G$20=$B$10,7,0)+IF('Standard Profiles'!$G$20=$B$17,14,0)+IF('Standard Profiles'!$G$20=$B$24,21,0),0)),0)</f>
        <v>0</v>
      </c>
      <c r="G6179" cm="1">
        <f t="array" ref="G6179">IFERROR(INDEX(Jesper!AK$2:AK$366,ROUNDDOWN($C6179/24,0)+1,1)*INDEX($D$3:$AA$30,INDEX(Jesper!$R$2:$R$366,ROW(INDEX(Jesper!AK$2:AK$366,ROUNDDOWN($C6179/24,0)+1,1))-1)+IF('Standard Profiles'!$G$21=$B$10,7,0)+IF('Standard Profiles'!$G$21=$B$17,14,0)+IF('Standard Profiles'!$G$21=$B$24,21,0),MOD($C6179,24)+1)/SUM(INDEX($D$3:$AA$30,INDEX(Jesper!$R$2:$R$366,ROW(INDEX(Jesper!AK$2:AK$366,ROUNDDOWN($C6179/24,0)+1,1))-1)+IF('Standard Profiles'!$G$21=$B$10,7,0)+IF('Standard Profiles'!$G$21=$B$17,14,0)+IF('Standard Profiles'!$G$21=$B$24,21,0),0)),0)</f>
        <v>0</v>
      </c>
      <c r="H6179" cm="1">
        <f t="array" ref="H6179">IFERROR(INDEX(Jesper!AL$2:AL$366,ROUNDDOWN($C6179/24,0)+1,1)*INDEX($D$3:$AA$30,INDEX(Jesper!$R$2:$R$366,ROW(INDEX(Jesper!AL$2:AL$366,ROUNDDOWN($C6179/24,0)+1,1))-1)+IF('Standard Profiles'!$G$22=$B$10,7,0)+IF('Standard Profiles'!$G$22=$B$17,14,0)+IF('Standard Profiles'!$G$22=$B$24,21,0),MOD($C6179,24)+1)/SUM(INDEX($D$3:$AA$30,INDEX(Jesper!$R$2:$R$366,ROW(INDEX(Jesper!AL$2:AL$366,ROUNDDOWN($C6179/24,0)+1,1))-1)+IF('Standard Profiles'!$G$22=$B$10,7,0)+IF('Standard Profiles'!$G$22=$B$17,14,0)+IF('Standard Profiles'!$G$22=$B$24,21,0),0)),0)</f>
        <v>0</v>
      </c>
      <c r="I6179">
        <f t="shared" ref="I6179:I6242" si="692">IF($B6179&lt;6,AC$37*$D6179+AC$38*$E6179+AC$39*$F6179+AC$40*$G6179,AC$46*$D6179+AC$47*$E6179+AC$48*$F6179+AC$49*$G6179+AC$50*$H6179)</f>
        <v>0.23686470942189039</v>
      </c>
      <c r="J6179">
        <f t="shared" ref="J6179:J6242" si="693">IF($B6179&lt;6,AD$37*$D6179+AD$38*$E6179+AD$39*$F6179+AD$40*$G6179,AD$46*$D6179+AD$47*$E6179+AD$48*$F6179+AD$49*$G6179+AD$50*$H6179)</f>
        <v>0.78954903140630139</v>
      </c>
      <c r="K6179">
        <f t="shared" ref="K6179:K6242" si="694">IF($B6179&lt;6,AE$37*$D6179+AE$38*$E6179+AE$39*$F6179+AE$40*$G6179,AE$46*$D6179+AE$47*$E6179+AE$48*$F6179+AE$49*$G6179+AE$50*$H6179)</f>
        <v>1.184323547109452</v>
      </c>
      <c r="L6179">
        <f t="shared" ref="L6179:L6242" si="695">IF($B6179&lt;6,AF$37*$D6179+AF$38*$E6179+AF$39*$F6179+AF$40*$G6179,AF$46*$D6179+AF$47*$E6179+AF$48*$F6179+AF$49*$G6179+AF$50*$H6179)</f>
        <v>5.6847530261253691</v>
      </c>
      <c r="M6179">
        <f t="shared" ref="M6179:M6242" si="696">IF($B6179&lt;6,AG$37*$D6179+AG$38*$E6179+AG$39*$F6179+AG$40*$G6179,AG$46*$D6179+AG$47*$E6179+AG$48*$F6179+AG$49*$G6179+AG$50*$H6179)</f>
        <v>0</v>
      </c>
      <c r="N6179" s="46">
        <f t="shared" si="690"/>
        <v>45548.041666651763</v>
      </c>
    </row>
    <row r="6180" spans="2:14" x14ac:dyDescent="0.3">
      <c r="B6180">
        <f t="shared" si="691"/>
        <v>5</v>
      </c>
      <c r="C6180" s="16">
        <v>6146</v>
      </c>
      <c r="D6180" cm="1">
        <f t="array" ref="D6180">IFERROR(INDEX(Jesper!AH$2:AH$366,ROUNDDOWN($C6180/24,0)+1,1)*INDEX($D$3:$AA$30,INDEX(Jesper!$R$2:$R$366,ROW(INDEX(Jesper!AH$2:AH$366,ROUNDDOWN($C6180/24,0)+1,1))-1)+IF('Standard Profiles'!$G$18=$B$10,7,0)+IF('Standard Profiles'!$G$18=$B$17,14,0)+IF('Standard Profiles'!$G$18=$B$24,21,0),MOD($C6180,24)+1)/SUM(INDEX($D$3:$AA$30,INDEX(Jesper!$R$2:$R$366,ROW(INDEX(Jesper!AH$2:AH$366,ROUNDDOWN($C6180/24,0)+1,1))-1)+IF('Standard Profiles'!$G$18=$B$10,7,0)+IF('Standard Profiles'!$G$18=$B$17,14,0)+IF('Standard Profiles'!$G$18=$B$24,21,0),0)),0)</f>
        <v>7.8954903140630135</v>
      </c>
      <c r="E6180" cm="1">
        <f t="array" ref="E6180">IFERROR(INDEX(Jesper!AI$2:AI$366,ROUNDDOWN($C6180/24,0)+1,1)*INDEX($D$3:$AA$30,INDEX(Jesper!$R$2:$R$366,ROW(INDEX(Jesper!AI$2:AI$366,ROUNDDOWN($C6180/24,0)+1,1))-1)+IF('Standard Profiles'!$G$19=$B$10,7,0)+IF('Standard Profiles'!$G$19=$B$17,14,0)+IF('Standard Profiles'!$G$19=$B$24,21,0),MOD($C6180,24)+1)/SUM(INDEX($D$3:$AA$30,INDEX(Jesper!$R$2:$R$366,ROW(INDEX(Jesper!AI$2:AI$366,ROUNDDOWN($C6180/24,0)+1,1))-1)+IF('Standard Profiles'!$G$19=$B$10,7,0)+IF('Standard Profiles'!$G$19=$B$17,14,0)+IF('Standard Profiles'!$G$19=$B$24,21,0),0)),0)</f>
        <v>0</v>
      </c>
      <c r="F6180" cm="1">
        <f t="array" ref="F6180">IFERROR(INDEX(Jesper!AJ$2:AJ$366,ROUNDDOWN($C6180/24,0)+1,1)*INDEX($D$3:$AA$30,INDEX(Jesper!$R$2:$R$366,ROW(INDEX(Jesper!AJ$2:AJ$366,ROUNDDOWN($C6180/24,0)+1,1))-1)+IF('Standard Profiles'!$G$20=$B$10,7,0)+IF('Standard Profiles'!$G$20=$B$17,14,0)+IF('Standard Profiles'!$G$20=$B$24,21,0),MOD($C6180,24)+1)/SUM(INDEX($D$3:$AA$30,INDEX(Jesper!$R$2:$R$366,ROW(INDEX(Jesper!AJ$2:AJ$366,ROUNDDOWN($C6180/24,0)+1,1))-1)+IF('Standard Profiles'!$G$20=$B$10,7,0)+IF('Standard Profiles'!$G$20=$B$17,14,0)+IF('Standard Profiles'!$G$20=$B$24,21,0),0)),0)</f>
        <v>0</v>
      </c>
      <c r="G6180" cm="1">
        <f t="array" ref="G6180">IFERROR(INDEX(Jesper!AK$2:AK$366,ROUNDDOWN($C6180/24,0)+1,1)*INDEX($D$3:$AA$30,INDEX(Jesper!$R$2:$R$366,ROW(INDEX(Jesper!AK$2:AK$366,ROUNDDOWN($C6180/24,0)+1,1))-1)+IF('Standard Profiles'!$G$21=$B$10,7,0)+IF('Standard Profiles'!$G$21=$B$17,14,0)+IF('Standard Profiles'!$G$21=$B$24,21,0),MOD($C6180,24)+1)/SUM(INDEX($D$3:$AA$30,INDEX(Jesper!$R$2:$R$366,ROW(INDEX(Jesper!AK$2:AK$366,ROUNDDOWN($C6180/24,0)+1,1))-1)+IF('Standard Profiles'!$G$21=$B$10,7,0)+IF('Standard Profiles'!$G$21=$B$17,14,0)+IF('Standard Profiles'!$G$21=$B$24,21,0),0)),0)</f>
        <v>0</v>
      </c>
      <c r="H6180" cm="1">
        <f t="array" ref="H6180">IFERROR(INDEX(Jesper!AL$2:AL$366,ROUNDDOWN($C6180/24,0)+1,1)*INDEX($D$3:$AA$30,INDEX(Jesper!$R$2:$R$366,ROW(INDEX(Jesper!AL$2:AL$366,ROUNDDOWN($C6180/24,0)+1,1))-1)+IF('Standard Profiles'!$G$22=$B$10,7,0)+IF('Standard Profiles'!$G$22=$B$17,14,0)+IF('Standard Profiles'!$G$22=$B$24,21,0),MOD($C6180,24)+1)/SUM(INDEX($D$3:$AA$30,INDEX(Jesper!$R$2:$R$366,ROW(INDEX(Jesper!AL$2:AL$366,ROUNDDOWN($C6180/24,0)+1,1))-1)+IF('Standard Profiles'!$G$22=$B$10,7,0)+IF('Standard Profiles'!$G$22=$B$17,14,0)+IF('Standard Profiles'!$G$22=$B$24,21,0),0)),0)</f>
        <v>0</v>
      </c>
      <c r="I6180">
        <f t="shared" si="692"/>
        <v>0.23686470942189039</v>
      </c>
      <c r="J6180">
        <f t="shared" si="693"/>
        <v>0.78954903140630139</v>
      </c>
      <c r="K6180">
        <f t="shared" si="694"/>
        <v>1.184323547109452</v>
      </c>
      <c r="L6180">
        <f t="shared" si="695"/>
        <v>5.6847530261253691</v>
      </c>
      <c r="M6180">
        <f t="shared" si="696"/>
        <v>0</v>
      </c>
      <c r="N6180" s="46">
        <f t="shared" ref="N6180:N6243" si="697">N6179+1/24</f>
        <v>45548.083333318427</v>
      </c>
    </row>
    <row r="6181" spans="2:14" x14ac:dyDescent="0.3">
      <c r="B6181">
        <f t="shared" si="691"/>
        <v>5</v>
      </c>
      <c r="C6181" s="16">
        <v>6147</v>
      </c>
      <c r="D6181" cm="1">
        <f t="array" ref="D6181">IFERROR(INDEX(Jesper!AH$2:AH$366,ROUNDDOWN($C6181/24,0)+1,1)*INDEX($D$3:$AA$30,INDEX(Jesper!$R$2:$R$366,ROW(INDEX(Jesper!AH$2:AH$366,ROUNDDOWN($C6181/24,0)+1,1))-1)+IF('Standard Profiles'!$G$18=$B$10,7,0)+IF('Standard Profiles'!$G$18=$B$17,14,0)+IF('Standard Profiles'!$G$18=$B$24,21,0),MOD($C6181,24)+1)/SUM(INDEX($D$3:$AA$30,INDEX(Jesper!$R$2:$R$366,ROW(INDEX(Jesper!AH$2:AH$366,ROUNDDOWN($C6181/24,0)+1,1))-1)+IF('Standard Profiles'!$G$18=$B$10,7,0)+IF('Standard Profiles'!$G$18=$B$17,14,0)+IF('Standard Profiles'!$G$18=$B$24,21,0),0)),0)</f>
        <v>7.8954903140630135</v>
      </c>
      <c r="E6181" cm="1">
        <f t="array" ref="E6181">IFERROR(INDEX(Jesper!AI$2:AI$366,ROUNDDOWN($C6181/24,0)+1,1)*INDEX($D$3:$AA$30,INDEX(Jesper!$R$2:$R$366,ROW(INDEX(Jesper!AI$2:AI$366,ROUNDDOWN($C6181/24,0)+1,1))-1)+IF('Standard Profiles'!$G$19=$B$10,7,0)+IF('Standard Profiles'!$G$19=$B$17,14,0)+IF('Standard Profiles'!$G$19=$B$24,21,0),MOD($C6181,24)+1)/SUM(INDEX($D$3:$AA$30,INDEX(Jesper!$R$2:$R$366,ROW(INDEX(Jesper!AI$2:AI$366,ROUNDDOWN($C6181/24,0)+1,1))-1)+IF('Standard Profiles'!$G$19=$B$10,7,0)+IF('Standard Profiles'!$G$19=$B$17,14,0)+IF('Standard Profiles'!$G$19=$B$24,21,0),0)),0)</f>
        <v>0</v>
      </c>
      <c r="F6181" cm="1">
        <f t="array" ref="F6181">IFERROR(INDEX(Jesper!AJ$2:AJ$366,ROUNDDOWN($C6181/24,0)+1,1)*INDEX($D$3:$AA$30,INDEX(Jesper!$R$2:$R$366,ROW(INDEX(Jesper!AJ$2:AJ$366,ROUNDDOWN($C6181/24,0)+1,1))-1)+IF('Standard Profiles'!$G$20=$B$10,7,0)+IF('Standard Profiles'!$G$20=$B$17,14,0)+IF('Standard Profiles'!$G$20=$B$24,21,0),MOD($C6181,24)+1)/SUM(INDEX($D$3:$AA$30,INDEX(Jesper!$R$2:$R$366,ROW(INDEX(Jesper!AJ$2:AJ$366,ROUNDDOWN($C6181/24,0)+1,1))-1)+IF('Standard Profiles'!$G$20=$B$10,7,0)+IF('Standard Profiles'!$G$20=$B$17,14,0)+IF('Standard Profiles'!$G$20=$B$24,21,0),0)),0)</f>
        <v>0</v>
      </c>
      <c r="G6181" cm="1">
        <f t="array" ref="G6181">IFERROR(INDEX(Jesper!AK$2:AK$366,ROUNDDOWN($C6181/24,0)+1,1)*INDEX($D$3:$AA$30,INDEX(Jesper!$R$2:$R$366,ROW(INDEX(Jesper!AK$2:AK$366,ROUNDDOWN($C6181/24,0)+1,1))-1)+IF('Standard Profiles'!$G$21=$B$10,7,0)+IF('Standard Profiles'!$G$21=$B$17,14,0)+IF('Standard Profiles'!$G$21=$B$24,21,0),MOD($C6181,24)+1)/SUM(INDEX($D$3:$AA$30,INDEX(Jesper!$R$2:$R$366,ROW(INDEX(Jesper!AK$2:AK$366,ROUNDDOWN($C6181/24,0)+1,1))-1)+IF('Standard Profiles'!$G$21=$B$10,7,0)+IF('Standard Profiles'!$G$21=$B$17,14,0)+IF('Standard Profiles'!$G$21=$B$24,21,0),0)),0)</f>
        <v>0</v>
      </c>
      <c r="H6181" cm="1">
        <f t="array" ref="H6181">IFERROR(INDEX(Jesper!AL$2:AL$366,ROUNDDOWN($C6181/24,0)+1,1)*INDEX($D$3:$AA$30,INDEX(Jesper!$R$2:$R$366,ROW(INDEX(Jesper!AL$2:AL$366,ROUNDDOWN($C6181/24,0)+1,1))-1)+IF('Standard Profiles'!$G$22=$B$10,7,0)+IF('Standard Profiles'!$G$22=$B$17,14,0)+IF('Standard Profiles'!$G$22=$B$24,21,0),MOD($C6181,24)+1)/SUM(INDEX($D$3:$AA$30,INDEX(Jesper!$R$2:$R$366,ROW(INDEX(Jesper!AL$2:AL$366,ROUNDDOWN($C6181/24,0)+1,1))-1)+IF('Standard Profiles'!$G$22=$B$10,7,0)+IF('Standard Profiles'!$G$22=$B$17,14,0)+IF('Standard Profiles'!$G$22=$B$24,21,0),0)),0)</f>
        <v>0</v>
      </c>
      <c r="I6181">
        <f t="shared" si="692"/>
        <v>0.23686470942189039</v>
      </c>
      <c r="J6181">
        <f t="shared" si="693"/>
        <v>0.78954903140630139</v>
      </c>
      <c r="K6181">
        <f t="shared" si="694"/>
        <v>1.184323547109452</v>
      </c>
      <c r="L6181">
        <f t="shared" si="695"/>
        <v>5.6847530261253691</v>
      </c>
      <c r="M6181">
        <f t="shared" si="696"/>
        <v>0</v>
      </c>
      <c r="N6181" s="46">
        <f t="shared" si="697"/>
        <v>45548.124999985092</v>
      </c>
    </row>
    <row r="6182" spans="2:14" x14ac:dyDescent="0.3">
      <c r="B6182">
        <f t="shared" si="691"/>
        <v>5</v>
      </c>
      <c r="C6182" s="16">
        <v>6148</v>
      </c>
      <c r="D6182" cm="1">
        <f t="array" ref="D6182">IFERROR(INDEX(Jesper!AH$2:AH$366,ROUNDDOWN($C6182/24,0)+1,1)*INDEX($D$3:$AA$30,INDEX(Jesper!$R$2:$R$366,ROW(INDEX(Jesper!AH$2:AH$366,ROUNDDOWN($C6182/24,0)+1,1))-1)+IF('Standard Profiles'!$G$18=$B$10,7,0)+IF('Standard Profiles'!$G$18=$B$17,14,0)+IF('Standard Profiles'!$G$18=$B$24,21,0),MOD($C6182,24)+1)/SUM(INDEX($D$3:$AA$30,INDEX(Jesper!$R$2:$R$366,ROW(INDEX(Jesper!AH$2:AH$366,ROUNDDOWN($C6182/24,0)+1,1))-1)+IF('Standard Profiles'!$G$18=$B$10,7,0)+IF('Standard Profiles'!$G$18=$B$17,14,0)+IF('Standard Profiles'!$G$18=$B$24,21,0),0)),0)</f>
        <v>7.8954903140630135</v>
      </c>
      <c r="E6182" cm="1">
        <f t="array" ref="E6182">IFERROR(INDEX(Jesper!AI$2:AI$366,ROUNDDOWN($C6182/24,0)+1,1)*INDEX($D$3:$AA$30,INDEX(Jesper!$R$2:$R$366,ROW(INDEX(Jesper!AI$2:AI$366,ROUNDDOWN($C6182/24,0)+1,1))-1)+IF('Standard Profiles'!$G$19=$B$10,7,0)+IF('Standard Profiles'!$G$19=$B$17,14,0)+IF('Standard Profiles'!$G$19=$B$24,21,0),MOD($C6182,24)+1)/SUM(INDEX($D$3:$AA$30,INDEX(Jesper!$R$2:$R$366,ROW(INDEX(Jesper!AI$2:AI$366,ROUNDDOWN($C6182/24,0)+1,1))-1)+IF('Standard Profiles'!$G$19=$B$10,7,0)+IF('Standard Profiles'!$G$19=$B$17,14,0)+IF('Standard Profiles'!$G$19=$B$24,21,0),0)),0)</f>
        <v>0</v>
      </c>
      <c r="F6182" cm="1">
        <f t="array" ref="F6182">IFERROR(INDEX(Jesper!AJ$2:AJ$366,ROUNDDOWN($C6182/24,0)+1,1)*INDEX($D$3:$AA$30,INDEX(Jesper!$R$2:$R$366,ROW(INDEX(Jesper!AJ$2:AJ$366,ROUNDDOWN($C6182/24,0)+1,1))-1)+IF('Standard Profiles'!$G$20=$B$10,7,0)+IF('Standard Profiles'!$G$20=$B$17,14,0)+IF('Standard Profiles'!$G$20=$B$24,21,0),MOD($C6182,24)+1)/SUM(INDEX($D$3:$AA$30,INDEX(Jesper!$R$2:$R$366,ROW(INDEX(Jesper!AJ$2:AJ$366,ROUNDDOWN($C6182/24,0)+1,1))-1)+IF('Standard Profiles'!$G$20=$B$10,7,0)+IF('Standard Profiles'!$G$20=$B$17,14,0)+IF('Standard Profiles'!$G$20=$B$24,21,0),0)),0)</f>
        <v>0</v>
      </c>
      <c r="G6182" cm="1">
        <f t="array" ref="G6182">IFERROR(INDEX(Jesper!AK$2:AK$366,ROUNDDOWN($C6182/24,0)+1,1)*INDEX($D$3:$AA$30,INDEX(Jesper!$R$2:$R$366,ROW(INDEX(Jesper!AK$2:AK$366,ROUNDDOWN($C6182/24,0)+1,1))-1)+IF('Standard Profiles'!$G$21=$B$10,7,0)+IF('Standard Profiles'!$G$21=$B$17,14,0)+IF('Standard Profiles'!$G$21=$B$24,21,0),MOD($C6182,24)+1)/SUM(INDEX($D$3:$AA$30,INDEX(Jesper!$R$2:$R$366,ROW(INDEX(Jesper!AK$2:AK$366,ROUNDDOWN($C6182/24,0)+1,1))-1)+IF('Standard Profiles'!$G$21=$B$10,7,0)+IF('Standard Profiles'!$G$21=$B$17,14,0)+IF('Standard Profiles'!$G$21=$B$24,21,0),0)),0)</f>
        <v>0</v>
      </c>
      <c r="H6182" cm="1">
        <f t="array" ref="H6182">IFERROR(INDEX(Jesper!AL$2:AL$366,ROUNDDOWN($C6182/24,0)+1,1)*INDEX($D$3:$AA$30,INDEX(Jesper!$R$2:$R$366,ROW(INDEX(Jesper!AL$2:AL$366,ROUNDDOWN($C6182/24,0)+1,1))-1)+IF('Standard Profiles'!$G$22=$B$10,7,0)+IF('Standard Profiles'!$G$22=$B$17,14,0)+IF('Standard Profiles'!$G$22=$B$24,21,0),MOD($C6182,24)+1)/SUM(INDEX($D$3:$AA$30,INDEX(Jesper!$R$2:$R$366,ROW(INDEX(Jesper!AL$2:AL$366,ROUNDDOWN($C6182/24,0)+1,1))-1)+IF('Standard Profiles'!$G$22=$B$10,7,0)+IF('Standard Profiles'!$G$22=$B$17,14,0)+IF('Standard Profiles'!$G$22=$B$24,21,0),0)),0)</f>
        <v>0</v>
      </c>
      <c r="I6182">
        <f t="shared" si="692"/>
        <v>0.23686470942189039</v>
      </c>
      <c r="J6182">
        <f t="shared" si="693"/>
        <v>0.78954903140630139</v>
      </c>
      <c r="K6182">
        <f t="shared" si="694"/>
        <v>1.184323547109452</v>
      </c>
      <c r="L6182">
        <f t="shared" si="695"/>
        <v>5.6847530261253691</v>
      </c>
      <c r="M6182">
        <f t="shared" si="696"/>
        <v>0</v>
      </c>
      <c r="N6182" s="46">
        <f t="shared" si="697"/>
        <v>45548.166666651756</v>
      </c>
    </row>
    <row r="6183" spans="2:14" x14ac:dyDescent="0.3">
      <c r="B6183">
        <f t="shared" si="691"/>
        <v>5</v>
      </c>
      <c r="C6183" s="16">
        <v>6149</v>
      </c>
      <c r="D6183" cm="1">
        <f t="array" ref="D6183">IFERROR(INDEX(Jesper!AH$2:AH$366,ROUNDDOWN($C6183/24,0)+1,1)*INDEX($D$3:$AA$30,INDEX(Jesper!$R$2:$R$366,ROW(INDEX(Jesper!AH$2:AH$366,ROUNDDOWN($C6183/24,0)+1,1))-1)+IF('Standard Profiles'!$G$18=$B$10,7,0)+IF('Standard Profiles'!$G$18=$B$17,14,0)+IF('Standard Profiles'!$G$18=$B$24,21,0),MOD($C6183,24)+1)/SUM(INDEX($D$3:$AA$30,INDEX(Jesper!$R$2:$R$366,ROW(INDEX(Jesper!AH$2:AH$366,ROUNDDOWN($C6183/24,0)+1,1))-1)+IF('Standard Profiles'!$G$18=$B$10,7,0)+IF('Standard Profiles'!$G$18=$B$17,14,0)+IF('Standard Profiles'!$G$18=$B$24,21,0),0)),0)</f>
        <v>10.176409738125662</v>
      </c>
      <c r="E6183" cm="1">
        <f t="array" ref="E6183">IFERROR(INDEX(Jesper!AI$2:AI$366,ROUNDDOWN($C6183/24,0)+1,1)*INDEX($D$3:$AA$30,INDEX(Jesper!$R$2:$R$366,ROW(INDEX(Jesper!AI$2:AI$366,ROUNDDOWN($C6183/24,0)+1,1))-1)+IF('Standard Profiles'!$G$19=$B$10,7,0)+IF('Standard Profiles'!$G$19=$B$17,14,0)+IF('Standard Profiles'!$G$19=$B$24,21,0),MOD($C6183,24)+1)/SUM(INDEX($D$3:$AA$30,INDEX(Jesper!$R$2:$R$366,ROW(INDEX(Jesper!AI$2:AI$366,ROUNDDOWN($C6183/24,0)+1,1))-1)+IF('Standard Profiles'!$G$19=$B$10,7,0)+IF('Standard Profiles'!$G$19=$B$17,14,0)+IF('Standard Profiles'!$G$19=$B$24,21,0),0)),0)</f>
        <v>0</v>
      </c>
      <c r="F6183" cm="1">
        <f t="array" ref="F6183">IFERROR(INDEX(Jesper!AJ$2:AJ$366,ROUNDDOWN($C6183/24,0)+1,1)*INDEX($D$3:$AA$30,INDEX(Jesper!$R$2:$R$366,ROW(INDEX(Jesper!AJ$2:AJ$366,ROUNDDOWN($C6183/24,0)+1,1))-1)+IF('Standard Profiles'!$G$20=$B$10,7,0)+IF('Standard Profiles'!$G$20=$B$17,14,0)+IF('Standard Profiles'!$G$20=$B$24,21,0),MOD($C6183,24)+1)/SUM(INDEX($D$3:$AA$30,INDEX(Jesper!$R$2:$R$366,ROW(INDEX(Jesper!AJ$2:AJ$366,ROUNDDOWN($C6183/24,0)+1,1))-1)+IF('Standard Profiles'!$G$20=$B$10,7,0)+IF('Standard Profiles'!$G$20=$B$17,14,0)+IF('Standard Profiles'!$G$20=$B$24,21,0),0)),0)</f>
        <v>0</v>
      </c>
      <c r="G6183" cm="1">
        <f t="array" ref="G6183">IFERROR(INDEX(Jesper!AK$2:AK$366,ROUNDDOWN($C6183/24,0)+1,1)*INDEX($D$3:$AA$30,INDEX(Jesper!$R$2:$R$366,ROW(INDEX(Jesper!AK$2:AK$366,ROUNDDOWN($C6183/24,0)+1,1))-1)+IF('Standard Profiles'!$G$21=$B$10,7,0)+IF('Standard Profiles'!$G$21=$B$17,14,0)+IF('Standard Profiles'!$G$21=$B$24,21,0),MOD($C6183,24)+1)/SUM(INDEX($D$3:$AA$30,INDEX(Jesper!$R$2:$R$366,ROW(INDEX(Jesper!AK$2:AK$366,ROUNDDOWN($C6183/24,0)+1,1))-1)+IF('Standard Profiles'!$G$21=$B$10,7,0)+IF('Standard Profiles'!$G$21=$B$17,14,0)+IF('Standard Profiles'!$G$21=$B$24,21,0),0)),0)</f>
        <v>0</v>
      </c>
      <c r="H6183" cm="1">
        <f t="array" ref="H6183">IFERROR(INDEX(Jesper!AL$2:AL$366,ROUNDDOWN($C6183/24,0)+1,1)*INDEX($D$3:$AA$30,INDEX(Jesper!$R$2:$R$366,ROW(INDEX(Jesper!AL$2:AL$366,ROUNDDOWN($C6183/24,0)+1,1))-1)+IF('Standard Profiles'!$G$22=$B$10,7,0)+IF('Standard Profiles'!$G$22=$B$17,14,0)+IF('Standard Profiles'!$G$22=$B$24,21,0),MOD($C6183,24)+1)/SUM(INDEX($D$3:$AA$30,INDEX(Jesper!$R$2:$R$366,ROW(INDEX(Jesper!AL$2:AL$366,ROUNDDOWN($C6183/24,0)+1,1))-1)+IF('Standard Profiles'!$G$22=$B$10,7,0)+IF('Standard Profiles'!$G$22=$B$17,14,0)+IF('Standard Profiles'!$G$22=$B$24,21,0),0)),0)</f>
        <v>0</v>
      </c>
      <c r="I6183">
        <f t="shared" si="692"/>
        <v>0.30529229214376985</v>
      </c>
      <c r="J6183">
        <f t="shared" si="693"/>
        <v>1.0176409738125662</v>
      </c>
      <c r="K6183">
        <f t="shared" si="694"/>
        <v>1.5264614607188491</v>
      </c>
      <c r="L6183">
        <f t="shared" si="695"/>
        <v>7.3270150114504764</v>
      </c>
      <c r="M6183">
        <f t="shared" si="696"/>
        <v>0</v>
      </c>
      <c r="N6183" s="46">
        <f t="shared" si="697"/>
        <v>45548.20833331842</v>
      </c>
    </row>
    <row r="6184" spans="2:14" x14ac:dyDescent="0.3">
      <c r="B6184">
        <f t="shared" si="691"/>
        <v>5</v>
      </c>
      <c r="C6184" s="16">
        <v>6150</v>
      </c>
      <c r="D6184" cm="1">
        <f t="array" ref="D6184">IFERROR(INDEX(Jesper!AH$2:AH$366,ROUNDDOWN($C6184/24,0)+1,1)*INDEX($D$3:$AA$30,INDEX(Jesper!$R$2:$R$366,ROW(INDEX(Jesper!AH$2:AH$366,ROUNDDOWN($C6184/24,0)+1,1))-1)+IF('Standard Profiles'!$G$18=$B$10,7,0)+IF('Standard Profiles'!$G$18=$B$17,14,0)+IF('Standard Profiles'!$G$18=$B$24,21,0),MOD($C6184,24)+1)/SUM(INDEX($D$3:$AA$30,INDEX(Jesper!$R$2:$R$366,ROW(INDEX(Jesper!AH$2:AH$366,ROUNDDOWN($C6184/24,0)+1,1))-1)+IF('Standard Profiles'!$G$18=$B$10,7,0)+IF('Standard Profiles'!$G$18=$B$17,14,0)+IF('Standard Profiles'!$G$18=$B$24,21,0),0)),0)</f>
        <v>12.2818738218758</v>
      </c>
      <c r="E6184" cm="1">
        <f t="array" ref="E6184">IFERROR(INDEX(Jesper!AI$2:AI$366,ROUNDDOWN($C6184/24,0)+1,1)*INDEX($D$3:$AA$30,INDEX(Jesper!$R$2:$R$366,ROW(INDEX(Jesper!AI$2:AI$366,ROUNDDOWN($C6184/24,0)+1,1))-1)+IF('Standard Profiles'!$G$19=$B$10,7,0)+IF('Standard Profiles'!$G$19=$B$17,14,0)+IF('Standard Profiles'!$G$19=$B$24,21,0),MOD($C6184,24)+1)/SUM(INDEX($D$3:$AA$30,INDEX(Jesper!$R$2:$R$366,ROW(INDEX(Jesper!AI$2:AI$366,ROUNDDOWN($C6184/24,0)+1,1))-1)+IF('Standard Profiles'!$G$19=$B$10,7,0)+IF('Standard Profiles'!$G$19=$B$17,14,0)+IF('Standard Profiles'!$G$19=$B$24,21,0),0)),0)</f>
        <v>0</v>
      </c>
      <c r="F6184" cm="1">
        <f t="array" ref="F6184">IFERROR(INDEX(Jesper!AJ$2:AJ$366,ROUNDDOWN($C6184/24,0)+1,1)*INDEX($D$3:$AA$30,INDEX(Jesper!$R$2:$R$366,ROW(INDEX(Jesper!AJ$2:AJ$366,ROUNDDOWN($C6184/24,0)+1,1))-1)+IF('Standard Profiles'!$G$20=$B$10,7,0)+IF('Standard Profiles'!$G$20=$B$17,14,0)+IF('Standard Profiles'!$G$20=$B$24,21,0),MOD($C6184,24)+1)/SUM(INDEX($D$3:$AA$30,INDEX(Jesper!$R$2:$R$366,ROW(INDEX(Jesper!AJ$2:AJ$366,ROUNDDOWN($C6184/24,0)+1,1))-1)+IF('Standard Profiles'!$G$20=$B$10,7,0)+IF('Standard Profiles'!$G$20=$B$17,14,0)+IF('Standard Profiles'!$G$20=$B$24,21,0),0)),0)</f>
        <v>0</v>
      </c>
      <c r="G6184" cm="1">
        <f t="array" ref="G6184">IFERROR(INDEX(Jesper!AK$2:AK$366,ROUNDDOWN($C6184/24,0)+1,1)*INDEX($D$3:$AA$30,INDEX(Jesper!$R$2:$R$366,ROW(INDEX(Jesper!AK$2:AK$366,ROUNDDOWN($C6184/24,0)+1,1))-1)+IF('Standard Profiles'!$G$21=$B$10,7,0)+IF('Standard Profiles'!$G$21=$B$17,14,0)+IF('Standard Profiles'!$G$21=$B$24,21,0),MOD($C6184,24)+1)/SUM(INDEX($D$3:$AA$30,INDEX(Jesper!$R$2:$R$366,ROW(INDEX(Jesper!AK$2:AK$366,ROUNDDOWN($C6184/24,0)+1,1))-1)+IF('Standard Profiles'!$G$21=$B$10,7,0)+IF('Standard Profiles'!$G$21=$B$17,14,0)+IF('Standard Profiles'!$G$21=$B$24,21,0),0)),0)</f>
        <v>0</v>
      </c>
      <c r="H6184" cm="1">
        <f t="array" ref="H6184">IFERROR(INDEX(Jesper!AL$2:AL$366,ROUNDDOWN($C6184/24,0)+1,1)*INDEX($D$3:$AA$30,INDEX(Jesper!$R$2:$R$366,ROW(INDEX(Jesper!AL$2:AL$366,ROUNDDOWN($C6184/24,0)+1,1))-1)+IF('Standard Profiles'!$G$22=$B$10,7,0)+IF('Standard Profiles'!$G$22=$B$17,14,0)+IF('Standard Profiles'!$G$22=$B$24,21,0),MOD($C6184,24)+1)/SUM(INDEX($D$3:$AA$30,INDEX(Jesper!$R$2:$R$366,ROW(INDEX(Jesper!AL$2:AL$366,ROUNDDOWN($C6184/24,0)+1,1))-1)+IF('Standard Profiles'!$G$22=$B$10,7,0)+IF('Standard Profiles'!$G$22=$B$17,14,0)+IF('Standard Profiles'!$G$22=$B$24,21,0),0)),0)</f>
        <v>0</v>
      </c>
      <c r="I6184">
        <f t="shared" si="692"/>
        <v>0.36845621465627398</v>
      </c>
      <c r="J6184">
        <f t="shared" si="693"/>
        <v>1.2281873821875802</v>
      </c>
      <c r="K6184">
        <f t="shared" si="694"/>
        <v>1.8422810732813699</v>
      </c>
      <c r="L6184">
        <f t="shared" si="695"/>
        <v>8.8429491517505756</v>
      </c>
      <c r="M6184">
        <f t="shared" si="696"/>
        <v>0</v>
      </c>
      <c r="N6184" s="46">
        <f t="shared" si="697"/>
        <v>45548.249999985084</v>
      </c>
    </row>
    <row r="6185" spans="2:14" x14ac:dyDescent="0.3">
      <c r="B6185">
        <f t="shared" si="691"/>
        <v>5</v>
      </c>
      <c r="C6185" s="16">
        <v>6151</v>
      </c>
      <c r="D6185" cm="1">
        <f t="array" ref="D6185">IFERROR(INDEX(Jesper!AH$2:AH$366,ROUNDDOWN($C6185/24,0)+1,1)*INDEX($D$3:$AA$30,INDEX(Jesper!$R$2:$R$366,ROW(INDEX(Jesper!AH$2:AH$366,ROUNDDOWN($C6185/24,0)+1,1))-1)+IF('Standard Profiles'!$G$18=$B$10,7,0)+IF('Standard Profiles'!$G$18=$B$17,14,0)+IF('Standard Profiles'!$G$18=$B$24,21,0),MOD($C6185,24)+1)/SUM(INDEX($D$3:$AA$30,INDEX(Jesper!$R$2:$R$366,ROW(INDEX(Jesper!AH$2:AH$366,ROUNDDOWN($C6185/24,0)+1,1))-1)+IF('Standard Profiles'!$G$18=$B$10,7,0)+IF('Standard Profiles'!$G$18=$B$17,14,0)+IF('Standard Profiles'!$G$18=$B$24,21,0),0)),0)</f>
        <v>12.2818738218758</v>
      </c>
      <c r="E6185" cm="1">
        <f t="array" ref="E6185">IFERROR(INDEX(Jesper!AI$2:AI$366,ROUNDDOWN($C6185/24,0)+1,1)*INDEX($D$3:$AA$30,INDEX(Jesper!$R$2:$R$366,ROW(INDEX(Jesper!AI$2:AI$366,ROUNDDOWN($C6185/24,0)+1,1))-1)+IF('Standard Profiles'!$G$19=$B$10,7,0)+IF('Standard Profiles'!$G$19=$B$17,14,0)+IF('Standard Profiles'!$G$19=$B$24,21,0),MOD($C6185,24)+1)/SUM(INDEX($D$3:$AA$30,INDEX(Jesper!$R$2:$R$366,ROW(INDEX(Jesper!AI$2:AI$366,ROUNDDOWN($C6185/24,0)+1,1))-1)+IF('Standard Profiles'!$G$19=$B$10,7,0)+IF('Standard Profiles'!$G$19=$B$17,14,0)+IF('Standard Profiles'!$G$19=$B$24,21,0),0)),0)</f>
        <v>0</v>
      </c>
      <c r="F6185" cm="1">
        <f t="array" ref="F6185">IFERROR(INDEX(Jesper!AJ$2:AJ$366,ROUNDDOWN($C6185/24,0)+1,1)*INDEX($D$3:$AA$30,INDEX(Jesper!$R$2:$R$366,ROW(INDEX(Jesper!AJ$2:AJ$366,ROUNDDOWN($C6185/24,0)+1,1))-1)+IF('Standard Profiles'!$G$20=$B$10,7,0)+IF('Standard Profiles'!$G$20=$B$17,14,0)+IF('Standard Profiles'!$G$20=$B$24,21,0),MOD($C6185,24)+1)/SUM(INDEX($D$3:$AA$30,INDEX(Jesper!$R$2:$R$366,ROW(INDEX(Jesper!AJ$2:AJ$366,ROUNDDOWN($C6185/24,0)+1,1))-1)+IF('Standard Profiles'!$G$20=$B$10,7,0)+IF('Standard Profiles'!$G$20=$B$17,14,0)+IF('Standard Profiles'!$G$20=$B$24,21,0),0)),0)</f>
        <v>0</v>
      </c>
      <c r="G6185" cm="1">
        <f t="array" ref="G6185">IFERROR(INDEX(Jesper!AK$2:AK$366,ROUNDDOWN($C6185/24,0)+1,1)*INDEX($D$3:$AA$30,INDEX(Jesper!$R$2:$R$366,ROW(INDEX(Jesper!AK$2:AK$366,ROUNDDOWN($C6185/24,0)+1,1))-1)+IF('Standard Profiles'!$G$21=$B$10,7,0)+IF('Standard Profiles'!$G$21=$B$17,14,0)+IF('Standard Profiles'!$G$21=$B$24,21,0),MOD($C6185,24)+1)/SUM(INDEX($D$3:$AA$30,INDEX(Jesper!$R$2:$R$366,ROW(INDEX(Jesper!AK$2:AK$366,ROUNDDOWN($C6185/24,0)+1,1))-1)+IF('Standard Profiles'!$G$21=$B$10,7,0)+IF('Standard Profiles'!$G$21=$B$17,14,0)+IF('Standard Profiles'!$G$21=$B$24,21,0),0)),0)</f>
        <v>0</v>
      </c>
      <c r="H6185" cm="1">
        <f t="array" ref="H6185">IFERROR(INDEX(Jesper!AL$2:AL$366,ROUNDDOWN($C6185/24,0)+1,1)*INDEX($D$3:$AA$30,INDEX(Jesper!$R$2:$R$366,ROW(INDEX(Jesper!AL$2:AL$366,ROUNDDOWN($C6185/24,0)+1,1))-1)+IF('Standard Profiles'!$G$22=$B$10,7,0)+IF('Standard Profiles'!$G$22=$B$17,14,0)+IF('Standard Profiles'!$G$22=$B$24,21,0),MOD($C6185,24)+1)/SUM(INDEX($D$3:$AA$30,INDEX(Jesper!$R$2:$R$366,ROW(INDEX(Jesper!AL$2:AL$366,ROUNDDOWN($C6185/24,0)+1,1))-1)+IF('Standard Profiles'!$G$22=$B$10,7,0)+IF('Standard Profiles'!$G$22=$B$17,14,0)+IF('Standard Profiles'!$G$22=$B$24,21,0),0)),0)</f>
        <v>0</v>
      </c>
      <c r="I6185">
        <f t="shared" si="692"/>
        <v>0.36845621465627398</v>
      </c>
      <c r="J6185">
        <f t="shared" si="693"/>
        <v>1.2281873821875802</v>
      </c>
      <c r="K6185">
        <f t="shared" si="694"/>
        <v>1.8422810732813699</v>
      </c>
      <c r="L6185">
        <f t="shared" si="695"/>
        <v>8.8429491517505756</v>
      </c>
      <c r="M6185">
        <f t="shared" si="696"/>
        <v>0</v>
      </c>
      <c r="N6185" s="46">
        <f t="shared" si="697"/>
        <v>45548.291666651749</v>
      </c>
    </row>
    <row r="6186" spans="2:14" x14ac:dyDescent="0.3">
      <c r="B6186">
        <f t="shared" si="691"/>
        <v>5</v>
      </c>
      <c r="C6186" s="16">
        <v>6152</v>
      </c>
      <c r="D6186" cm="1">
        <f t="array" ref="D6186">IFERROR(INDEX(Jesper!AH$2:AH$366,ROUNDDOWN($C6186/24,0)+1,1)*INDEX($D$3:$AA$30,INDEX(Jesper!$R$2:$R$366,ROW(INDEX(Jesper!AH$2:AH$366,ROUNDDOWN($C6186/24,0)+1,1))-1)+IF('Standard Profiles'!$G$18=$B$10,7,0)+IF('Standard Profiles'!$G$18=$B$17,14,0)+IF('Standard Profiles'!$G$18=$B$24,21,0),MOD($C6186,24)+1)/SUM(INDEX($D$3:$AA$30,INDEX(Jesper!$R$2:$R$366,ROW(INDEX(Jesper!AH$2:AH$366,ROUNDDOWN($C6186/24,0)+1,1))-1)+IF('Standard Profiles'!$G$18=$B$10,7,0)+IF('Standard Profiles'!$G$18=$B$17,14,0)+IF('Standard Profiles'!$G$18=$B$24,21,0),0)),0)</f>
        <v>12.2818738218758</v>
      </c>
      <c r="E6186" cm="1">
        <f t="array" ref="E6186">IFERROR(INDEX(Jesper!AI$2:AI$366,ROUNDDOWN($C6186/24,0)+1,1)*INDEX($D$3:$AA$30,INDEX(Jesper!$R$2:$R$366,ROW(INDEX(Jesper!AI$2:AI$366,ROUNDDOWN($C6186/24,0)+1,1))-1)+IF('Standard Profiles'!$G$19=$B$10,7,0)+IF('Standard Profiles'!$G$19=$B$17,14,0)+IF('Standard Profiles'!$G$19=$B$24,21,0),MOD($C6186,24)+1)/SUM(INDEX($D$3:$AA$30,INDEX(Jesper!$R$2:$R$366,ROW(INDEX(Jesper!AI$2:AI$366,ROUNDDOWN($C6186/24,0)+1,1))-1)+IF('Standard Profiles'!$G$19=$B$10,7,0)+IF('Standard Profiles'!$G$19=$B$17,14,0)+IF('Standard Profiles'!$G$19=$B$24,21,0),0)),0)</f>
        <v>0</v>
      </c>
      <c r="F6186" cm="1">
        <f t="array" ref="F6186">IFERROR(INDEX(Jesper!AJ$2:AJ$366,ROUNDDOWN($C6186/24,0)+1,1)*INDEX($D$3:$AA$30,INDEX(Jesper!$R$2:$R$366,ROW(INDEX(Jesper!AJ$2:AJ$366,ROUNDDOWN($C6186/24,0)+1,1))-1)+IF('Standard Profiles'!$G$20=$B$10,7,0)+IF('Standard Profiles'!$G$20=$B$17,14,0)+IF('Standard Profiles'!$G$20=$B$24,21,0),MOD($C6186,24)+1)/SUM(INDEX($D$3:$AA$30,INDEX(Jesper!$R$2:$R$366,ROW(INDEX(Jesper!AJ$2:AJ$366,ROUNDDOWN($C6186/24,0)+1,1))-1)+IF('Standard Profiles'!$G$20=$B$10,7,0)+IF('Standard Profiles'!$G$20=$B$17,14,0)+IF('Standard Profiles'!$G$20=$B$24,21,0),0)),0)</f>
        <v>0</v>
      </c>
      <c r="G6186" cm="1">
        <f t="array" ref="G6186">IFERROR(INDEX(Jesper!AK$2:AK$366,ROUNDDOWN($C6186/24,0)+1,1)*INDEX($D$3:$AA$30,INDEX(Jesper!$R$2:$R$366,ROW(INDEX(Jesper!AK$2:AK$366,ROUNDDOWN($C6186/24,0)+1,1))-1)+IF('Standard Profiles'!$G$21=$B$10,7,0)+IF('Standard Profiles'!$G$21=$B$17,14,0)+IF('Standard Profiles'!$G$21=$B$24,21,0),MOD($C6186,24)+1)/SUM(INDEX($D$3:$AA$30,INDEX(Jesper!$R$2:$R$366,ROW(INDEX(Jesper!AK$2:AK$366,ROUNDDOWN($C6186/24,0)+1,1))-1)+IF('Standard Profiles'!$G$21=$B$10,7,0)+IF('Standard Profiles'!$G$21=$B$17,14,0)+IF('Standard Profiles'!$G$21=$B$24,21,0),0)),0)</f>
        <v>0</v>
      </c>
      <c r="H6186" cm="1">
        <f t="array" ref="H6186">IFERROR(INDEX(Jesper!AL$2:AL$366,ROUNDDOWN($C6186/24,0)+1,1)*INDEX($D$3:$AA$30,INDEX(Jesper!$R$2:$R$366,ROW(INDEX(Jesper!AL$2:AL$366,ROUNDDOWN($C6186/24,0)+1,1))-1)+IF('Standard Profiles'!$G$22=$B$10,7,0)+IF('Standard Profiles'!$G$22=$B$17,14,0)+IF('Standard Profiles'!$G$22=$B$24,21,0),MOD($C6186,24)+1)/SUM(INDEX($D$3:$AA$30,INDEX(Jesper!$R$2:$R$366,ROW(INDEX(Jesper!AL$2:AL$366,ROUNDDOWN($C6186/24,0)+1,1))-1)+IF('Standard Profiles'!$G$22=$B$10,7,0)+IF('Standard Profiles'!$G$22=$B$17,14,0)+IF('Standard Profiles'!$G$22=$B$24,21,0),0)),0)</f>
        <v>0</v>
      </c>
      <c r="I6186">
        <f t="shared" si="692"/>
        <v>0.36845621465627398</v>
      </c>
      <c r="J6186">
        <f t="shared" si="693"/>
        <v>1.2281873821875802</v>
      </c>
      <c r="K6186">
        <f t="shared" si="694"/>
        <v>1.8422810732813699</v>
      </c>
      <c r="L6186">
        <f t="shared" si="695"/>
        <v>8.8429491517505756</v>
      </c>
      <c r="M6186">
        <f t="shared" si="696"/>
        <v>0</v>
      </c>
      <c r="N6186" s="46">
        <f t="shared" si="697"/>
        <v>45548.333333318413</v>
      </c>
    </row>
    <row r="6187" spans="2:14" x14ac:dyDescent="0.3">
      <c r="B6187">
        <f t="shared" si="691"/>
        <v>5</v>
      </c>
      <c r="C6187" s="16">
        <v>6153</v>
      </c>
      <c r="D6187" cm="1">
        <f t="array" ref="D6187">IFERROR(INDEX(Jesper!AH$2:AH$366,ROUNDDOWN($C6187/24,0)+1,1)*INDEX($D$3:$AA$30,INDEX(Jesper!$R$2:$R$366,ROW(INDEX(Jesper!AH$2:AH$366,ROUNDDOWN($C6187/24,0)+1,1))-1)+IF('Standard Profiles'!$G$18=$B$10,7,0)+IF('Standard Profiles'!$G$18=$B$17,14,0)+IF('Standard Profiles'!$G$18=$B$24,21,0),MOD($C6187,24)+1)/SUM(INDEX($D$3:$AA$30,INDEX(Jesper!$R$2:$R$366,ROW(INDEX(Jesper!AH$2:AH$366,ROUNDDOWN($C6187/24,0)+1,1))-1)+IF('Standard Profiles'!$G$18=$B$10,7,0)+IF('Standard Profiles'!$G$18=$B$17,14,0)+IF('Standard Profiles'!$G$18=$B$24,21,0),0)),0)</f>
        <v>13.159150523438356</v>
      </c>
      <c r="E6187" cm="1">
        <f t="array" ref="E6187">IFERROR(INDEX(Jesper!AI$2:AI$366,ROUNDDOWN($C6187/24,0)+1,1)*INDEX($D$3:$AA$30,INDEX(Jesper!$R$2:$R$366,ROW(INDEX(Jesper!AI$2:AI$366,ROUNDDOWN($C6187/24,0)+1,1))-1)+IF('Standard Profiles'!$G$19=$B$10,7,0)+IF('Standard Profiles'!$G$19=$B$17,14,0)+IF('Standard Profiles'!$G$19=$B$24,21,0),MOD($C6187,24)+1)/SUM(INDEX($D$3:$AA$30,INDEX(Jesper!$R$2:$R$366,ROW(INDEX(Jesper!AI$2:AI$366,ROUNDDOWN($C6187/24,0)+1,1))-1)+IF('Standard Profiles'!$G$19=$B$10,7,0)+IF('Standard Profiles'!$G$19=$B$17,14,0)+IF('Standard Profiles'!$G$19=$B$24,21,0),0)),0)</f>
        <v>0</v>
      </c>
      <c r="F6187" cm="1">
        <f t="array" ref="F6187">IFERROR(INDEX(Jesper!AJ$2:AJ$366,ROUNDDOWN($C6187/24,0)+1,1)*INDEX($D$3:$AA$30,INDEX(Jesper!$R$2:$R$366,ROW(INDEX(Jesper!AJ$2:AJ$366,ROUNDDOWN($C6187/24,0)+1,1))-1)+IF('Standard Profiles'!$G$20=$B$10,7,0)+IF('Standard Profiles'!$G$20=$B$17,14,0)+IF('Standard Profiles'!$G$20=$B$24,21,0),MOD($C6187,24)+1)/SUM(INDEX($D$3:$AA$30,INDEX(Jesper!$R$2:$R$366,ROW(INDEX(Jesper!AJ$2:AJ$366,ROUNDDOWN($C6187/24,0)+1,1))-1)+IF('Standard Profiles'!$G$20=$B$10,7,0)+IF('Standard Profiles'!$G$20=$B$17,14,0)+IF('Standard Profiles'!$G$20=$B$24,21,0),0)),0)</f>
        <v>0</v>
      </c>
      <c r="G6187" cm="1">
        <f t="array" ref="G6187">IFERROR(INDEX(Jesper!AK$2:AK$366,ROUNDDOWN($C6187/24,0)+1,1)*INDEX($D$3:$AA$30,INDEX(Jesper!$R$2:$R$366,ROW(INDEX(Jesper!AK$2:AK$366,ROUNDDOWN($C6187/24,0)+1,1))-1)+IF('Standard Profiles'!$G$21=$B$10,7,0)+IF('Standard Profiles'!$G$21=$B$17,14,0)+IF('Standard Profiles'!$G$21=$B$24,21,0),MOD($C6187,24)+1)/SUM(INDEX($D$3:$AA$30,INDEX(Jesper!$R$2:$R$366,ROW(INDEX(Jesper!AK$2:AK$366,ROUNDDOWN($C6187/24,0)+1,1))-1)+IF('Standard Profiles'!$G$21=$B$10,7,0)+IF('Standard Profiles'!$G$21=$B$17,14,0)+IF('Standard Profiles'!$G$21=$B$24,21,0),0)),0)</f>
        <v>0</v>
      </c>
      <c r="H6187" cm="1">
        <f t="array" ref="H6187">IFERROR(INDEX(Jesper!AL$2:AL$366,ROUNDDOWN($C6187/24,0)+1,1)*INDEX($D$3:$AA$30,INDEX(Jesper!$R$2:$R$366,ROW(INDEX(Jesper!AL$2:AL$366,ROUNDDOWN($C6187/24,0)+1,1))-1)+IF('Standard Profiles'!$G$22=$B$10,7,0)+IF('Standard Profiles'!$G$22=$B$17,14,0)+IF('Standard Profiles'!$G$22=$B$24,21,0),MOD($C6187,24)+1)/SUM(INDEX($D$3:$AA$30,INDEX(Jesper!$R$2:$R$366,ROW(INDEX(Jesper!AL$2:AL$366,ROUNDDOWN($C6187/24,0)+1,1))-1)+IF('Standard Profiles'!$G$22=$B$10,7,0)+IF('Standard Profiles'!$G$22=$B$17,14,0)+IF('Standard Profiles'!$G$22=$B$24,21,0),0)),0)</f>
        <v>0</v>
      </c>
      <c r="I6187">
        <f t="shared" si="692"/>
        <v>0.39477451570315064</v>
      </c>
      <c r="J6187">
        <f t="shared" si="693"/>
        <v>1.3159150523438357</v>
      </c>
      <c r="K6187">
        <f t="shared" si="694"/>
        <v>1.9738725785157534</v>
      </c>
      <c r="L6187">
        <f t="shared" si="695"/>
        <v>9.4745883768756158</v>
      </c>
      <c r="M6187">
        <f t="shared" si="696"/>
        <v>0</v>
      </c>
      <c r="N6187" s="46">
        <f t="shared" si="697"/>
        <v>45548.374999985077</v>
      </c>
    </row>
    <row r="6188" spans="2:14" x14ac:dyDescent="0.3">
      <c r="B6188">
        <f t="shared" si="691"/>
        <v>5</v>
      </c>
      <c r="C6188" s="16">
        <v>6154</v>
      </c>
      <c r="D6188" cm="1">
        <f t="array" ref="D6188">IFERROR(INDEX(Jesper!AH$2:AH$366,ROUNDDOWN($C6188/24,0)+1,1)*INDEX($D$3:$AA$30,INDEX(Jesper!$R$2:$R$366,ROW(INDEX(Jesper!AH$2:AH$366,ROUNDDOWN($C6188/24,0)+1,1))-1)+IF('Standard Profiles'!$G$18=$B$10,7,0)+IF('Standard Profiles'!$G$18=$B$17,14,0)+IF('Standard Profiles'!$G$18=$B$24,21,0),MOD($C6188,24)+1)/SUM(INDEX($D$3:$AA$30,INDEX(Jesper!$R$2:$R$366,ROW(INDEX(Jesper!AH$2:AH$366,ROUNDDOWN($C6188/24,0)+1,1))-1)+IF('Standard Profiles'!$G$18=$B$10,7,0)+IF('Standard Profiles'!$G$18=$B$17,14,0)+IF('Standard Profiles'!$G$18=$B$24,21,0),0)),0)</f>
        <v>13.685516544375892</v>
      </c>
      <c r="E6188" cm="1">
        <f t="array" ref="E6188">IFERROR(INDEX(Jesper!AI$2:AI$366,ROUNDDOWN($C6188/24,0)+1,1)*INDEX($D$3:$AA$30,INDEX(Jesper!$R$2:$R$366,ROW(INDEX(Jesper!AI$2:AI$366,ROUNDDOWN($C6188/24,0)+1,1))-1)+IF('Standard Profiles'!$G$19=$B$10,7,0)+IF('Standard Profiles'!$G$19=$B$17,14,0)+IF('Standard Profiles'!$G$19=$B$24,21,0),MOD($C6188,24)+1)/SUM(INDEX($D$3:$AA$30,INDEX(Jesper!$R$2:$R$366,ROW(INDEX(Jesper!AI$2:AI$366,ROUNDDOWN($C6188/24,0)+1,1))-1)+IF('Standard Profiles'!$G$19=$B$10,7,0)+IF('Standard Profiles'!$G$19=$B$17,14,0)+IF('Standard Profiles'!$G$19=$B$24,21,0),0)),0)</f>
        <v>0</v>
      </c>
      <c r="F6188" cm="1">
        <f t="array" ref="F6188">IFERROR(INDEX(Jesper!AJ$2:AJ$366,ROUNDDOWN($C6188/24,0)+1,1)*INDEX($D$3:$AA$30,INDEX(Jesper!$R$2:$R$366,ROW(INDEX(Jesper!AJ$2:AJ$366,ROUNDDOWN($C6188/24,0)+1,1))-1)+IF('Standard Profiles'!$G$20=$B$10,7,0)+IF('Standard Profiles'!$G$20=$B$17,14,0)+IF('Standard Profiles'!$G$20=$B$24,21,0),MOD($C6188,24)+1)/SUM(INDEX($D$3:$AA$30,INDEX(Jesper!$R$2:$R$366,ROW(INDEX(Jesper!AJ$2:AJ$366,ROUNDDOWN($C6188/24,0)+1,1))-1)+IF('Standard Profiles'!$G$20=$B$10,7,0)+IF('Standard Profiles'!$G$20=$B$17,14,0)+IF('Standard Profiles'!$G$20=$B$24,21,0),0)),0)</f>
        <v>0</v>
      </c>
      <c r="G6188" cm="1">
        <f t="array" ref="G6188">IFERROR(INDEX(Jesper!AK$2:AK$366,ROUNDDOWN($C6188/24,0)+1,1)*INDEX($D$3:$AA$30,INDEX(Jesper!$R$2:$R$366,ROW(INDEX(Jesper!AK$2:AK$366,ROUNDDOWN($C6188/24,0)+1,1))-1)+IF('Standard Profiles'!$G$21=$B$10,7,0)+IF('Standard Profiles'!$G$21=$B$17,14,0)+IF('Standard Profiles'!$G$21=$B$24,21,0),MOD($C6188,24)+1)/SUM(INDEX($D$3:$AA$30,INDEX(Jesper!$R$2:$R$366,ROW(INDEX(Jesper!AK$2:AK$366,ROUNDDOWN($C6188/24,0)+1,1))-1)+IF('Standard Profiles'!$G$21=$B$10,7,0)+IF('Standard Profiles'!$G$21=$B$17,14,0)+IF('Standard Profiles'!$G$21=$B$24,21,0),0)),0)</f>
        <v>0</v>
      </c>
      <c r="H6188" cm="1">
        <f t="array" ref="H6188">IFERROR(INDEX(Jesper!AL$2:AL$366,ROUNDDOWN($C6188/24,0)+1,1)*INDEX($D$3:$AA$30,INDEX(Jesper!$R$2:$R$366,ROW(INDEX(Jesper!AL$2:AL$366,ROUNDDOWN($C6188/24,0)+1,1))-1)+IF('Standard Profiles'!$G$22=$B$10,7,0)+IF('Standard Profiles'!$G$22=$B$17,14,0)+IF('Standard Profiles'!$G$22=$B$24,21,0),MOD($C6188,24)+1)/SUM(INDEX($D$3:$AA$30,INDEX(Jesper!$R$2:$R$366,ROW(INDEX(Jesper!AL$2:AL$366,ROUNDDOWN($C6188/24,0)+1,1))-1)+IF('Standard Profiles'!$G$22=$B$10,7,0)+IF('Standard Profiles'!$G$22=$B$17,14,0)+IF('Standard Profiles'!$G$22=$B$24,21,0),0)),0)</f>
        <v>0</v>
      </c>
      <c r="I6188">
        <f t="shared" si="692"/>
        <v>0.41056549633127676</v>
      </c>
      <c r="J6188">
        <f t="shared" si="693"/>
        <v>1.3685516544375893</v>
      </c>
      <c r="K6188">
        <f t="shared" si="694"/>
        <v>2.0528274816563838</v>
      </c>
      <c r="L6188">
        <f t="shared" si="695"/>
        <v>9.8535719119506417</v>
      </c>
      <c r="M6188">
        <f t="shared" si="696"/>
        <v>0</v>
      </c>
      <c r="N6188" s="46">
        <f t="shared" si="697"/>
        <v>45548.416666651741</v>
      </c>
    </row>
    <row r="6189" spans="2:14" x14ac:dyDescent="0.3">
      <c r="B6189">
        <f t="shared" si="691"/>
        <v>5</v>
      </c>
      <c r="C6189" s="16">
        <v>6155</v>
      </c>
      <c r="D6189" cm="1">
        <f t="array" ref="D6189">IFERROR(INDEX(Jesper!AH$2:AH$366,ROUNDDOWN($C6189/24,0)+1,1)*INDEX($D$3:$AA$30,INDEX(Jesper!$R$2:$R$366,ROW(INDEX(Jesper!AH$2:AH$366,ROUNDDOWN($C6189/24,0)+1,1))-1)+IF('Standard Profiles'!$G$18=$B$10,7,0)+IF('Standard Profiles'!$G$18=$B$17,14,0)+IF('Standard Profiles'!$G$18=$B$24,21,0),MOD($C6189,24)+1)/SUM(INDEX($D$3:$AA$30,INDEX(Jesper!$R$2:$R$366,ROW(INDEX(Jesper!AH$2:AH$366,ROUNDDOWN($C6189/24,0)+1,1))-1)+IF('Standard Profiles'!$G$18=$B$10,7,0)+IF('Standard Profiles'!$G$18=$B$17,14,0)+IF('Standard Profiles'!$G$18=$B$24,21,0),0)),0)</f>
        <v>15.790980628126027</v>
      </c>
      <c r="E6189" cm="1">
        <f t="array" ref="E6189">IFERROR(INDEX(Jesper!AI$2:AI$366,ROUNDDOWN($C6189/24,0)+1,1)*INDEX($D$3:$AA$30,INDEX(Jesper!$R$2:$R$366,ROW(INDEX(Jesper!AI$2:AI$366,ROUNDDOWN($C6189/24,0)+1,1))-1)+IF('Standard Profiles'!$G$19=$B$10,7,0)+IF('Standard Profiles'!$G$19=$B$17,14,0)+IF('Standard Profiles'!$G$19=$B$24,21,0),MOD($C6189,24)+1)/SUM(INDEX($D$3:$AA$30,INDEX(Jesper!$R$2:$R$366,ROW(INDEX(Jesper!AI$2:AI$366,ROUNDDOWN($C6189/24,0)+1,1))-1)+IF('Standard Profiles'!$G$19=$B$10,7,0)+IF('Standard Profiles'!$G$19=$B$17,14,0)+IF('Standard Profiles'!$G$19=$B$24,21,0),0)),0)</f>
        <v>0</v>
      </c>
      <c r="F6189" cm="1">
        <f t="array" ref="F6189">IFERROR(INDEX(Jesper!AJ$2:AJ$366,ROUNDDOWN($C6189/24,0)+1,1)*INDEX($D$3:$AA$30,INDEX(Jesper!$R$2:$R$366,ROW(INDEX(Jesper!AJ$2:AJ$366,ROUNDDOWN($C6189/24,0)+1,1))-1)+IF('Standard Profiles'!$G$20=$B$10,7,0)+IF('Standard Profiles'!$G$20=$B$17,14,0)+IF('Standard Profiles'!$G$20=$B$24,21,0),MOD($C6189,24)+1)/SUM(INDEX($D$3:$AA$30,INDEX(Jesper!$R$2:$R$366,ROW(INDEX(Jesper!AJ$2:AJ$366,ROUNDDOWN($C6189/24,0)+1,1))-1)+IF('Standard Profiles'!$G$20=$B$10,7,0)+IF('Standard Profiles'!$G$20=$B$17,14,0)+IF('Standard Profiles'!$G$20=$B$24,21,0),0)),0)</f>
        <v>0</v>
      </c>
      <c r="G6189" cm="1">
        <f t="array" ref="G6189">IFERROR(INDEX(Jesper!AK$2:AK$366,ROUNDDOWN($C6189/24,0)+1,1)*INDEX($D$3:$AA$30,INDEX(Jesper!$R$2:$R$366,ROW(INDEX(Jesper!AK$2:AK$366,ROUNDDOWN($C6189/24,0)+1,1))-1)+IF('Standard Profiles'!$G$21=$B$10,7,0)+IF('Standard Profiles'!$G$21=$B$17,14,0)+IF('Standard Profiles'!$G$21=$B$24,21,0),MOD($C6189,24)+1)/SUM(INDEX($D$3:$AA$30,INDEX(Jesper!$R$2:$R$366,ROW(INDEX(Jesper!AK$2:AK$366,ROUNDDOWN($C6189/24,0)+1,1))-1)+IF('Standard Profiles'!$G$21=$B$10,7,0)+IF('Standard Profiles'!$G$21=$B$17,14,0)+IF('Standard Profiles'!$G$21=$B$24,21,0),0)),0)</f>
        <v>0</v>
      </c>
      <c r="H6189" cm="1">
        <f t="array" ref="H6189">IFERROR(INDEX(Jesper!AL$2:AL$366,ROUNDDOWN($C6189/24,0)+1,1)*INDEX($D$3:$AA$30,INDEX(Jesper!$R$2:$R$366,ROW(INDEX(Jesper!AL$2:AL$366,ROUNDDOWN($C6189/24,0)+1,1))-1)+IF('Standard Profiles'!$G$22=$B$10,7,0)+IF('Standard Profiles'!$G$22=$B$17,14,0)+IF('Standard Profiles'!$G$22=$B$24,21,0),MOD($C6189,24)+1)/SUM(INDEX($D$3:$AA$30,INDEX(Jesper!$R$2:$R$366,ROW(INDEX(Jesper!AL$2:AL$366,ROUNDDOWN($C6189/24,0)+1,1))-1)+IF('Standard Profiles'!$G$22=$B$10,7,0)+IF('Standard Profiles'!$G$22=$B$17,14,0)+IF('Standard Profiles'!$G$22=$B$24,21,0),0)),0)</f>
        <v>0</v>
      </c>
      <c r="I6189">
        <f t="shared" si="692"/>
        <v>0.47372941884378078</v>
      </c>
      <c r="J6189">
        <f t="shared" si="693"/>
        <v>1.5790980628126028</v>
      </c>
      <c r="K6189">
        <f t="shared" si="694"/>
        <v>2.368647094218904</v>
      </c>
      <c r="L6189">
        <f t="shared" si="695"/>
        <v>11.369506052250738</v>
      </c>
      <c r="M6189">
        <f t="shared" si="696"/>
        <v>0</v>
      </c>
      <c r="N6189" s="46">
        <f t="shared" si="697"/>
        <v>45548.458333318405</v>
      </c>
    </row>
    <row r="6190" spans="2:14" x14ac:dyDescent="0.3">
      <c r="B6190">
        <f t="shared" si="691"/>
        <v>5</v>
      </c>
      <c r="C6190" s="16">
        <v>6156</v>
      </c>
      <c r="D6190" cm="1">
        <f t="array" ref="D6190">IFERROR(INDEX(Jesper!AH$2:AH$366,ROUNDDOWN($C6190/24,0)+1,1)*INDEX($D$3:$AA$30,INDEX(Jesper!$R$2:$R$366,ROW(INDEX(Jesper!AH$2:AH$366,ROUNDDOWN($C6190/24,0)+1,1))-1)+IF('Standard Profiles'!$G$18=$B$10,7,0)+IF('Standard Profiles'!$G$18=$B$17,14,0)+IF('Standard Profiles'!$G$18=$B$24,21,0),MOD($C6190,24)+1)/SUM(INDEX($D$3:$AA$30,INDEX(Jesper!$R$2:$R$366,ROW(INDEX(Jesper!AH$2:AH$366,ROUNDDOWN($C6190/24,0)+1,1))-1)+IF('Standard Profiles'!$G$18=$B$10,7,0)+IF('Standard Profiles'!$G$18=$B$17,14,0)+IF('Standard Profiles'!$G$18=$B$24,21,0),0)),0)</f>
        <v>15.790980628126027</v>
      </c>
      <c r="E6190" cm="1">
        <f t="array" ref="E6190">IFERROR(INDEX(Jesper!AI$2:AI$366,ROUNDDOWN($C6190/24,0)+1,1)*INDEX($D$3:$AA$30,INDEX(Jesper!$R$2:$R$366,ROW(INDEX(Jesper!AI$2:AI$366,ROUNDDOWN($C6190/24,0)+1,1))-1)+IF('Standard Profiles'!$G$19=$B$10,7,0)+IF('Standard Profiles'!$G$19=$B$17,14,0)+IF('Standard Profiles'!$G$19=$B$24,21,0),MOD($C6190,24)+1)/SUM(INDEX($D$3:$AA$30,INDEX(Jesper!$R$2:$R$366,ROW(INDEX(Jesper!AI$2:AI$366,ROUNDDOWN($C6190/24,0)+1,1))-1)+IF('Standard Profiles'!$G$19=$B$10,7,0)+IF('Standard Profiles'!$G$19=$B$17,14,0)+IF('Standard Profiles'!$G$19=$B$24,21,0),0)),0)</f>
        <v>0</v>
      </c>
      <c r="F6190" cm="1">
        <f t="array" ref="F6190">IFERROR(INDEX(Jesper!AJ$2:AJ$366,ROUNDDOWN($C6190/24,0)+1,1)*INDEX($D$3:$AA$30,INDEX(Jesper!$R$2:$R$366,ROW(INDEX(Jesper!AJ$2:AJ$366,ROUNDDOWN($C6190/24,0)+1,1))-1)+IF('Standard Profiles'!$G$20=$B$10,7,0)+IF('Standard Profiles'!$G$20=$B$17,14,0)+IF('Standard Profiles'!$G$20=$B$24,21,0),MOD($C6190,24)+1)/SUM(INDEX($D$3:$AA$30,INDEX(Jesper!$R$2:$R$366,ROW(INDEX(Jesper!AJ$2:AJ$366,ROUNDDOWN($C6190/24,0)+1,1))-1)+IF('Standard Profiles'!$G$20=$B$10,7,0)+IF('Standard Profiles'!$G$20=$B$17,14,0)+IF('Standard Profiles'!$G$20=$B$24,21,0),0)),0)</f>
        <v>0</v>
      </c>
      <c r="G6190" cm="1">
        <f t="array" ref="G6190">IFERROR(INDEX(Jesper!AK$2:AK$366,ROUNDDOWN($C6190/24,0)+1,1)*INDEX($D$3:$AA$30,INDEX(Jesper!$R$2:$R$366,ROW(INDEX(Jesper!AK$2:AK$366,ROUNDDOWN($C6190/24,0)+1,1))-1)+IF('Standard Profiles'!$G$21=$B$10,7,0)+IF('Standard Profiles'!$G$21=$B$17,14,0)+IF('Standard Profiles'!$G$21=$B$24,21,0),MOD($C6190,24)+1)/SUM(INDEX($D$3:$AA$30,INDEX(Jesper!$R$2:$R$366,ROW(INDEX(Jesper!AK$2:AK$366,ROUNDDOWN($C6190/24,0)+1,1))-1)+IF('Standard Profiles'!$G$21=$B$10,7,0)+IF('Standard Profiles'!$G$21=$B$17,14,0)+IF('Standard Profiles'!$G$21=$B$24,21,0),0)),0)</f>
        <v>0</v>
      </c>
      <c r="H6190" cm="1">
        <f t="array" ref="H6190">IFERROR(INDEX(Jesper!AL$2:AL$366,ROUNDDOWN($C6190/24,0)+1,1)*INDEX($D$3:$AA$30,INDEX(Jesper!$R$2:$R$366,ROW(INDEX(Jesper!AL$2:AL$366,ROUNDDOWN($C6190/24,0)+1,1))-1)+IF('Standard Profiles'!$G$22=$B$10,7,0)+IF('Standard Profiles'!$G$22=$B$17,14,0)+IF('Standard Profiles'!$G$22=$B$24,21,0),MOD($C6190,24)+1)/SUM(INDEX($D$3:$AA$30,INDEX(Jesper!$R$2:$R$366,ROW(INDEX(Jesper!AL$2:AL$366,ROUNDDOWN($C6190/24,0)+1,1))-1)+IF('Standard Profiles'!$G$22=$B$10,7,0)+IF('Standard Profiles'!$G$22=$B$17,14,0)+IF('Standard Profiles'!$G$22=$B$24,21,0),0)),0)</f>
        <v>0</v>
      </c>
      <c r="I6190">
        <f t="shared" si="692"/>
        <v>0.47372941884378078</v>
      </c>
      <c r="J6190">
        <f t="shared" si="693"/>
        <v>1.5790980628126028</v>
      </c>
      <c r="K6190">
        <f t="shared" si="694"/>
        <v>2.368647094218904</v>
      </c>
      <c r="L6190">
        <f t="shared" si="695"/>
        <v>11.369506052250738</v>
      </c>
      <c r="M6190">
        <f t="shared" si="696"/>
        <v>0</v>
      </c>
      <c r="N6190" s="46">
        <f t="shared" si="697"/>
        <v>45548.49999998507</v>
      </c>
    </row>
    <row r="6191" spans="2:14" x14ac:dyDescent="0.3">
      <c r="B6191">
        <f t="shared" si="691"/>
        <v>5</v>
      </c>
      <c r="C6191" s="16">
        <v>6157</v>
      </c>
      <c r="D6191" cm="1">
        <f t="array" ref="D6191">IFERROR(INDEX(Jesper!AH$2:AH$366,ROUNDDOWN($C6191/24,0)+1,1)*INDEX($D$3:$AA$30,INDEX(Jesper!$R$2:$R$366,ROW(INDEX(Jesper!AH$2:AH$366,ROUNDDOWN($C6191/24,0)+1,1))-1)+IF('Standard Profiles'!$G$18=$B$10,7,0)+IF('Standard Profiles'!$G$18=$B$17,14,0)+IF('Standard Profiles'!$G$18=$B$24,21,0),MOD($C6191,24)+1)/SUM(INDEX($D$3:$AA$30,INDEX(Jesper!$R$2:$R$366,ROW(INDEX(Jesper!AH$2:AH$366,ROUNDDOWN($C6191/24,0)+1,1))-1)+IF('Standard Profiles'!$G$18=$B$10,7,0)+IF('Standard Profiles'!$G$18=$B$17,14,0)+IF('Standard Profiles'!$G$18=$B$24,21,0),0)),0)</f>
        <v>15.790980628126027</v>
      </c>
      <c r="E6191" cm="1">
        <f t="array" ref="E6191">IFERROR(INDEX(Jesper!AI$2:AI$366,ROUNDDOWN($C6191/24,0)+1,1)*INDEX($D$3:$AA$30,INDEX(Jesper!$R$2:$R$366,ROW(INDEX(Jesper!AI$2:AI$366,ROUNDDOWN($C6191/24,0)+1,1))-1)+IF('Standard Profiles'!$G$19=$B$10,7,0)+IF('Standard Profiles'!$G$19=$B$17,14,0)+IF('Standard Profiles'!$G$19=$B$24,21,0),MOD($C6191,24)+1)/SUM(INDEX($D$3:$AA$30,INDEX(Jesper!$R$2:$R$366,ROW(INDEX(Jesper!AI$2:AI$366,ROUNDDOWN($C6191/24,0)+1,1))-1)+IF('Standard Profiles'!$G$19=$B$10,7,0)+IF('Standard Profiles'!$G$19=$B$17,14,0)+IF('Standard Profiles'!$G$19=$B$24,21,0),0)),0)</f>
        <v>0</v>
      </c>
      <c r="F6191" cm="1">
        <f t="array" ref="F6191">IFERROR(INDEX(Jesper!AJ$2:AJ$366,ROUNDDOWN($C6191/24,0)+1,1)*INDEX($D$3:$AA$30,INDEX(Jesper!$R$2:$R$366,ROW(INDEX(Jesper!AJ$2:AJ$366,ROUNDDOWN($C6191/24,0)+1,1))-1)+IF('Standard Profiles'!$G$20=$B$10,7,0)+IF('Standard Profiles'!$G$20=$B$17,14,0)+IF('Standard Profiles'!$G$20=$B$24,21,0),MOD($C6191,24)+1)/SUM(INDEX($D$3:$AA$30,INDEX(Jesper!$R$2:$R$366,ROW(INDEX(Jesper!AJ$2:AJ$366,ROUNDDOWN($C6191/24,0)+1,1))-1)+IF('Standard Profiles'!$G$20=$B$10,7,0)+IF('Standard Profiles'!$G$20=$B$17,14,0)+IF('Standard Profiles'!$G$20=$B$24,21,0),0)),0)</f>
        <v>0</v>
      </c>
      <c r="G6191" cm="1">
        <f t="array" ref="G6191">IFERROR(INDEX(Jesper!AK$2:AK$366,ROUNDDOWN($C6191/24,0)+1,1)*INDEX($D$3:$AA$30,INDEX(Jesper!$R$2:$R$366,ROW(INDEX(Jesper!AK$2:AK$366,ROUNDDOWN($C6191/24,0)+1,1))-1)+IF('Standard Profiles'!$G$21=$B$10,7,0)+IF('Standard Profiles'!$G$21=$B$17,14,0)+IF('Standard Profiles'!$G$21=$B$24,21,0),MOD($C6191,24)+1)/SUM(INDEX($D$3:$AA$30,INDEX(Jesper!$R$2:$R$366,ROW(INDEX(Jesper!AK$2:AK$366,ROUNDDOWN($C6191/24,0)+1,1))-1)+IF('Standard Profiles'!$G$21=$B$10,7,0)+IF('Standard Profiles'!$G$21=$B$17,14,0)+IF('Standard Profiles'!$G$21=$B$24,21,0),0)),0)</f>
        <v>0</v>
      </c>
      <c r="H6191" cm="1">
        <f t="array" ref="H6191">IFERROR(INDEX(Jesper!AL$2:AL$366,ROUNDDOWN($C6191/24,0)+1,1)*INDEX($D$3:$AA$30,INDEX(Jesper!$R$2:$R$366,ROW(INDEX(Jesper!AL$2:AL$366,ROUNDDOWN($C6191/24,0)+1,1))-1)+IF('Standard Profiles'!$G$22=$B$10,7,0)+IF('Standard Profiles'!$G$22=$B$17,14,0)+IF('Standard Profiles'!$G$22=$B$24,21,0),MOD($C6191,24)+1)/SUM(INDEX($D$3:$AA$30,INDEX(Jesper!$R$2:$R$366,ROW(INDEX(Jesper!AL$2:AL$366,ROUNDDOWN($C6191/24,0)+1,1))-1)+IF('Standard Profiles'!$G$22=$B$10,7,0)+IF('Standard Profiles'!$G$22=$B$17,14,0)+IF('Standard Profiles'!$G$22=$B$24,21,0),0)),0)</f>
        <v>0</v>
      </c>
      <c r="I6191">
        <f t="shared" si="692"/>
        <v>0.47372941884378078</v>
      </c>
      <c r="J6191">
        <f t="shared" si="693"/>
        <v>1.5790980628126028</v>
      </c>
      <c r="K6191">
        <f t="shared" si="694"/>
        <v>2.368647094218904</v>
      </c>
      <c r="L6191">
        <f t="shared" si="695"/>
        <v>11.369506052250738</v>
      </c>
      <c r="M6191">
        <f t="shared" si="696"/>
        <v>0</v>
      </c>
      <c r="N6191" s="46">
        <f t="shared" si="697"/>
        <v>45548.541666651734</v>
      </c>
    </row>
    <row r="6192" spans="2:14" x14ac:dyDescent="0.3">
      <c r="B6192">
        <f t="shared" si="691"/>
        <v>5</v>
      </c>
      <c r="C6192" s="16">
        <v>6158</v>
      </c>
      <c r="D6192" cm="1">
        <f t="array" ref="D6192">IFERROR(INDEX(Jesper!AH$2:AH$366,ROUNDDOWN($C6192/24,0)+1,1)*INDEX($D$3:$AA$30,INDEX(Jesper!$R$2:$R$366,ROW(INDEX(Jesper!AH$2:AH$366,ROUNDDOWN($C6192/24,0)+1,1))-1)+IF('Standard Profiles'!$G$18=$B$10,7,0)+IF('Standard Profiles'!$G$18=$B$17,14,0)+IF('Standard Profiles'!$G$18=$B$24,21,0),MOD($C6192,24)+1)/SUM(INDEX($D$3:$AA$30,INDEX(Jesper!$R$2:$R$366,ROW(INDEX(Jesper!AH$2:AH$366,ROUNDDOWN($C6192/24,0)+1,1))-1)+IF('Standard Profiles'!$G$18=$B$10,7,0)+IF('Standard Profiles'!$G$18=$B$17,14,0)+IF('Standard Profiles'!$G$18=$B$24,21,0),0)),0)</f>
        <v>15.790980628126027</v>
      </c>
      <c r="E6192" cm="1">
        <f t="array" ref="E6192">IFERROR(INDEX(Jesper!AI$2:AI$366,ROUNDDOWN($C6192/24,0)+1,1)*INDEX($D$3:$AA$30,INDEX(Jesper!$R$2:$R$366,ROW(INDEX(Jesper!AI$2:AI$366,ROUNDDOWN($C6192/24,0)+1,1))-1)+IF('Standard Profiles'!$G$19=$B$10,7,0)+IF('Standard Profiles'!$G$19=$B$17,14,0)+IF('Standard Profiles'!$G$19=$B$24,21,0),MOD($C6192,24)+1)/SUM(INDEX($D$3:$AA$30,INDEX(Jesper!$R$2:$R$366,ROW(INDEX(Jesper!AI$2:AI$366,ROUNDDOWN($C6192/24,0)+1,1))-1)+IF('Standard Profiles'!$G$19=$B$10,7,0)+IF('Standard Profiles'!$G$19=$B$17,14,0)+IF('Standard Profiles'!$G$19=$B$24,21,0),0)),0)</f>
        <v>0</v>
      </c>
      <c r="F6192" cm="1">
        <f t="array" ref="F6192">IFERROR(INDEX(Jesper!AJ$2:AJ$366,ROUNDDOWN($C6192/24,0)+1,1)*INDEX($D$3:$AA$30,INDEX(Jesper!$R$2:$R$366,ROW(INDEX(Jesper!AJ$2:AJ$366,ROUNDDOWN($C6192/24,0)+1,1))-1)+IF('Standard Profiles'!$G$20=$B$10,7,0)+IF('Standard Profiles'!$G$20=$B$17,14,0)+IF('Standard Profiles'!$G$20=$B$24,21,0),MOD($C6192,24)+1)/SUM(INDEX($D$3:$AA$30,INDEX(Jesper!$R$2:$R$366,ROW(INDEX(Jesper!AJ$2:AJ$366,ROUNDDOWN($C6192/24,0)+1,1))-1)+IF('Standard Profiles'!$G$20=$B$10,7,0)+IF('Standard Profiles'!$G$20=$B$17,14,0)+IF('Standard Profiles'!$G$20=$B$24,21,0),0)),0)</f>
        <v>0</v>
      </c>
      <c r="G6192" cm="1">
        <f t="array" ref="G6192">IFERROR(INDEX(Jesper!AK$2:AK$366,ROUNDDOWN($C6192/24,0)+1,1)*INDEX($D$3:$AA$30,INDEX(Jesper!$R$2:$R$366,ROW(INDEX(Jesper!AK$2:AK$366,ROUNDDOWN($C6192/24,0)+1,1))-1)+IF('Standard Profiles'!$G$21=$B$10,7,0)+IF('Standard Profiles'!$G$21=$B$17,14,0)+IF('Standard Profiles'!$G$21=$B$24,21,0),MOD($C6192,24)+1)/SUM(INDEX($D$3:$AA$30,INDEX(Jesper!$R$2:$R$366,ROW(INDEX(Jesper!AK$2:AK$366,ROUNDDOWN($C6192/24,0)+1,1))-1)+IF('Standard Profiles'!$G$21=$B$10,7,0)+IF('Standard Profiles'!$G$21=$B$17,14,0)+IF('Standard Profiles'!$G$21=$B$24,21,0),0)),0)</f>
        <v>0</v>
      </c>
      <c r="H6192" cm="1">
        <f t="array" ref="H6192">IFERROR(INDEX(Jesper!AL$2:AL$366,ROUNDDOWN($C6192/24,0)+1,1)*INDEX($D$3:$AA$30,INDEX(Jesper!$R$2:$R$366,ROW(INDEX(Jesper!AL$2:AL$366,ROUNDDOWN($C6192/24,0)+1,1))-1)+IF('Standard Profiles'!$G$22=$B$10,7,0)+IF('Standard Profiles'!$G$22=$B$17,14,0)+IF('Standard Profiles'!$G$22=$B$24,21,0),MOD($C6192,24)+1)/SUM(INDEX($D$3:$AA$30,INDEX(Jesper!$R$2:$R$366,ROW(INDEX(Jesper!AL$2:AL$366,ROUNDDOWN($C6192/24,0)+1,1))-1)+IF('Standard Profiles'!$G$22=$B$10,7,0)+IF('Standard Profiles'!$G$22=$B$17,14,0)+IF('Standard Profiles'!$G$22=$B$24,21,0),0)),0)</f>
        <v>0</v>
      </c>
      <c r="I6192">
        <f t="shared" si="692"/>
        <v>0.47372941884378078</v>
      </c>
      <c r="J6192">
        <f t="shared" si="693"/>
        <v>1.5790980628126028</v>
      </c>
      <c r="K6192">
        <f t="shared" si="694"/>
        <v>2.368647094218904</v>
      </c>
      <c r="L6192">
        <f t="shared" si="695"/>
        <v>11.369506052250738</v>
      </c>
      <c r="M6192">
        <f t="shared" si="696"/>
        <v>0</v>
      </c>
      <c r="N6192" s="46">
        <f t="shared" si="697"/>
        <v>45548.583333318398</v>
      </c>
    </row>
    <row r="6193" spans="2:14" x14ac:dyDescent="0.3">
      <c r="B6193">
        <f t="shared" si="691"/>
        <v>5</v>
      </c>
      <c r="C6193" s="16">
        <v>6159</v>
      </c>
      <c r="D6193" cm="1">
        <f t="array" ref="D6193">IFERROR(INDEX(Jesper!AH$2:AH$366,ROUNDDOWN($C6193/24,0)+1,1)*INDEX($D$3:$AA$30,INDEX(Jesper!$R$2:$R$366,ROW(INDEX(Jesper!AH$2:AH$366,ROUNDDOWN($C6193/24,0)+1,1))-1)+IF('Standard Profiles'!$G$18=$B$10,7,0)+IF('Standard Profiles'!$G$18=$B$17,14,0)+IF('Standard Profiles'!$G$18=$B$24,21,0),MOD($C6193,24)+1)/SUM(INDEX($D$3:$AA$30,INDEX(Jesper!$R$2:$R$366,ROW(INDEX(Jesper!AH$2:AH$366,ROUNDDOWN($C6193/24,0)+1,1))-1)+IF('Standard Profiles'!$G$18=$B$10,7,0)+IF('Standard Profiles'!$G$18=$B$17,14,0)+IF('Standard Profiles'!$G$18=$B$24,21,0),0)),0)</f>
        <v>13.159150523438356</v>
      </c>
      <c r="E6193" cm="1">
        <f t="array" ref="E6193">IFERROR(INDEX(Jesper!AI$2:AI$366,ROUNDDOWN($C6193/24,0)+1,1)*INDEX($D$3:$AA$30,INDEX(Jesper!$R$2:$R$366,ROW(INDEX(Jesper!AI$2:AI$366,ROUNDDOWN($C6193/24,0)+1,1))-1)+IF('Standard Profiles'!$G$19=$B$10,7,0)+IF('Standard Profiles'!$G$19=$B$17,14,0)+IF('Standard Profiles'!$G$19=$B$24,21,0),MOD($C6193,24)+1)/SUM(INDEX($D$3:$AA$30,INDEX(Jesper!$R$2:$R$366,ROW(INDEX(Jesper!AI$2:AI$366,ROUNDDOWN($C6193/24,0)+1,1))-1)+IF('Standard Profiles'!$G$19=$B$10,7,0)+IF('Standard Profiles'!$G$19=$B$17,14,0)+IF('Standard Profiles'!$G$19=$B$24,21,0),0)),0)</f>
        <v>0</v>
      </c>
      <c r="F6193" cm="1">
        <f t="array" ref="F6193">IFERROR(INDEX(Jesper!AJ$2:AJ$366,ROUNDDOWN($C6193/24,0)+1,1)*INDEX($D$3:$AA$30,INDEX(Jesper!$R$2:$R$366,ROW(INDEX(Jesper!AJ$2:AJ$366,ROUNDDOWN($C6193/24,0)+1,1))-1)+IF('Standard Profiles'!$G$20=$B$10,7,0)+IF('Standard Profiles'!$G$20=$B$17,14,0)+IF('Standard Profiles'!$G$20=$B$24,21,0),MOD($C6193,24)+1)/SUM(INDEX($D$3:$AA$30,INDEX(Jesper!$R$2:$R$366,ROW(INDEX(Jesper!AJ$2:AJ$366,ROUNDDOWN($C6193/24,0)+1,1))-1)+IF('Standard Profiles'!$G$20=$B$10,7,0)+IF('Standard Profiles'!$G$20=$B$17,14,0)+IF('Standard Profiles'!$G$20=$B$24,21,0),0)),0)</f>
        <v>0</v>
      </c>
      <c r="G6193" cm="1">
        <f t="array" ref="G6193">IFERROR(INDEX(Jesper!AK$2:AK$366,ROUNDDOWN($C6193/24,0)+1,1)*INDEX($D$3:$AA$30,INDEX(Jesper!$R$2:$R$366,ROW(INDEX(Jesper!AK$2:AK$366,ROUNDDOWN($C6193/24,0)+1,1))-1)+IF('Standard Profiles'!$G$21=$B$10,7,0)+IF('Standard Profiles'!$G$21=$B$17,14,0)+IF('Standard Profiles'!$G$21=$B$24,21,0),MOD($C6193,24)+1)/SUM(INDEX($D$3:$AA$30,INDEX(Jesper!$R$2:$R$366,ROW(INDEX(Jesper!AK$2:AK$366,ROUNDDOWN($C6193/24,0)+1,1))-1)+IF('Standard Profiles'!$G$21=$B$10,7,0)+IF('Standard Profiles'!$G$21=$B$17,14,0)+IF('Standard Profiles'!$G$21=$B$24,21,0),0)),0)</f>
        <v>0</v>
      </c>
      <c r="H6193" cm="1">
        <f t="array" ref="H6193">IFERROR(INDEX(Jesper!AL$2:AL$366,ROUNDDOWN($C6193/24,0)+1,1)*INDEX($D$3:$AA$30,INDEX(Jesper!$R$2:$R$366,ROW(INDEX(Jesper!AL$2:AL$366,ROUNDDOWN($C6193/24,0)+1,1))-1)+IF('Standard Profiles'!$G$22=$B$10,7,0)+IF('Standard Profiles'!$G$22=$B$17,14,0)+IF('Standard Profiles'!$G$22=$B$24,21,0),MOD($C6193,24)+1)/SUM(INDEX($D$3:$AA$30,INDEX(Jesper!$R$2:$R$366,ROW(INDEX(Jesper!AL$2:AL$366,ROUNDDOWN($C6193/24,0)+1,1))-1)+IF('Standard Profiles'!$G$22=$B$10,7,0)+IF('Standard Profiles'!$G$22=$B$17,14,0)+IF('Standard Profiles'!$G$22=$B$24,21,0),0)),0)</f>
        <v>0</v>
      </c>
      <c r="I6193">
        <f t="shared" si="692"/>
        <v>0.39477451570315064</v>
      </c>
      <c r="J6193">
        <f t="shared" si="693"/>
        <v>1.3159150523438357</v>
      </c>
      <c r="K6193">
        <f t="shared" si="694"/>
        <v>1.9738725785157534</v>
      </c>
      <c r="L6193">
        <f t="shared" si="695"/>
        <v>9.4745883768756158</v>
      </c>
      <c r="M6193">
        <f t="shared" si="696"/>
        <v>0</v>
      </c>
      <c r="N6193" s="46">
        <f t="shared" si="697"/>
        <v>45548.624999985062</v>
      </c>
    </row>
    <row r="6194" spans="2:14" x14ac:dyDescent="0.3">
      <c r="B6194">
        <f t="shared" si="691"/>
        <v>5</v>
      </c>
      <c r="C6194" s="16">
        <v>6160</v>
      </c>
      <c r="D6194" cm="1">
        <f t="array" ref="D6194">IFERROR(INDEX(Jesper!AH$2:AH$366,ROUNDDOWN($C6194/24,0)+1,1)*INDEX($D$3:$AA$30,INDEX(Jesper!$R$2:$R$366,ROW(INDEX(Jesper!AH$2:AH$366,ROUNDDOWN($C6194/24,0)+1,1))-1)+IF('Standard Profiles'!$G$18=$B$10,7,0)+IF('Standard Profiles'!$G$18=$B$17,14,0)+IF('Standard Profiles'!$G$18=$B$24,21,0),MOD($C6194,24)+1)/SUM(INDEX($D$3:$AA$30,INDEX(Jesper!$R$2:$R$366,ROW(INDEX(Jesper!AH$2:AH$366,ROUNDDOWN($C6194/24,0)+1,1))-1)+IF('Standard Profiles'!$G$18=$B$10,7,0)+IF('Standard Profiles'!$G$18=$B$17,14,0)+IF('Standard Profiles'!$G$18=$B$24,21,0),0)),0)</f>
        <v>12.457329162188312</v>
      </c>
      <c r="E6194" cm="1">
        <f t="array" ref="E6194">IFERROR(INDEX(Jesper!AI$2:AI$366,ROUNDDOWN($C6194/24,0)+1,1)*INDEX($D$3:$AA$30,INDEX(Jesper!$R$2:$R$366,ROW(INDEX(Jesper!AI$2:AI$366,ROUNDDOWN($C6194/24,0)+1,1))-1)+IF('Standard Profiles'!$G$19=$B$10,7,0)+IF('Standard Profiles'!$G$19=$B$17,14,0)+IF('Standard Profiles'!$G$19=$B$24,21,0),MOD($C6194,24)+1)/SUM(INDEX($D$3:$AA$30,INDEX(Jesper!$R$2:$R$366,ROW(INDEX(Jesper!AI$2:AI$366,ROUNDDOWN($C6194/24,0)+1,1))-1)+IF('Standard Profiles'!$G$19=$B$10,7,0)+IF('Standard Profiles'!$G$19=$B$17,14,0)+IF('Standard Profiles'!$G$19=$B$24,21,0),0)),0)</f>
        <v>0</v>
      </c>
      <c r="F6194" cm="1">
        <f t="array" ref="F6194">IFERROR(INDEX(Jesper!AJ$2:AJ$366,ROUNDDOWN($C6194/24,0)+1,1)*INDEX($D$3:$AA$30,INDEX(Jesper!$R$2:$R$366,ROW(INDEX(Jesper!AJ$2:AJ$366,ROUNDDOWN($C6194/24,0)+1,1))-1)+IF('Standard Profiles'!$G$20=$B$10,7,0)+IF('Standard Profiles'!$G$20=$B$17,14,0)+IF('Standard Profiles'!$G$20=$B$24,21,0),MOD($C6194,24)+1)/SUM(INDEX($D$3:$AA$30,INDEX(Jesper!$R$2:$R$366,ROW(INDEX(Jesper!AJ$2:AJ$366,ROUNDDOWN($C6194/24,0)+1,1))-1)+IF('Standard Profiles'!$G$20=$B$10,7,0)+IF('Standard Profiles'!$G$20=$B$17,14,0)+IF('Standard Profiles'!$G$20=$B$24,21,0),0)),0)</f>
        <v>0</v>
      </c>
      <c r="G6194" cm="1">
        <f t="array" ref="G6194">IFERROR(INDEX(Jesper!AK$2:AK$366,ROUNDDOWN($C6194/24,0)+1,1)*INDEX($D$3:$AA$30,INDEX(Jesper!$R$2:$R$366,ROW(INDEX(Jesper!AK$2:AK$366,ROUNDDOWN($C6194/24,0)+1,1))-1)+IF('Standard Profiles'!$G$21=$B$10,7,0)+IF('Standard Profiles'!$G$21=$B$17,14,0)+IF('Standard Profiles'!$G$21=$B$24,21,0),MOD($C6194,24)+1)/SUM(INDEX($D$3:$AA$30,INDEX(Jesper!$R$2:$R$366,ROW(INDEX(Jesper!AK$2:AK$366,ROUNDDOWN($C6194/24,0)+1,1))-1)+IF('Standard Profiles'!$G$21=$B$10,7,0)+IF('Standard Profiles'!$G$21=$B$17,14,0)+IF('Standard Profiles'!$G$21=$B$24,21,0),0)),0)</f>
        <v>0</v>
      </c>
      <c r="H6194" cm="1">
        <f t="array" ref="H6194">IFERROR(INDEX(Jesper!AL$2:AL$366,ROUNDDOWN($C6194/24,0)+1,1)*INDEX($D$3:$AA$30,INDEX(Jesper!$R$2:$R$366,ROW(INDEX(Jesper!AL$2:AL$366,ROUNDDOWN($C6194/24,0)+1,1))-1)+IF('Standard Profiles'!$G$22=$B$10,7,0)+IF('Standard Profiles'!$G$22=$B$17,14,0)+IF('Standard Profiles'!$G$22=$B$24,21,0),MOD($C6194,24)+1)/SUM(INDEX($D$3:$AA$30,INDEX(Jesper!$R$2:$R$366,ROW(INDEX(Jesper!AL$2:AL$366,ROUNDDOWN($C6194/24,0)+1,1))-1)+IF('Standard Profiles'!$G$22=$B$10,7,0)+IF('Standard Profiles'!$G$22=$B$17,14,0)+IF('Standard Profiles'!$G$22=$B$24,21,0),0)),0)</f>
        <v>0</v>
      </c>
      <c r="I6194">
        <f t="shared" si="692"/>
        <v>0.37371987486564934</v>
      </c>
      <c r="J6194">
        <f t="shared" si="693"/>
        <v>1.2457329162188313</v>
      </c>
      <c r="K6194">
        <f t="shared" si="694"/>
        <v>1.8685993743282467</v>
      </c>
      <c r="L6194">
        <f t="shared" si="695"/>
        <v>8.9692769967755837</v>
      </c>
      <c r="M6194">
        <f t="shared" si="696"/>
        <v>0</v>
      </c>
      <c r="N6194" s="46">
        <f t="shared" si="697"/>
        <v>45548.666666651727</v>
      </c>
    </row>
    <row r="6195" spans="2:14" x14ac:dyDescent="0.3">
      <c r="B6195">
        <f t="shared" si="691"/>
        <v>5</v>
      </c>
      <c r="C6195" s="16">
        <v>6161</v>
      </c>
      <c r="D6195" cm="1">
        <f t="array" ref="D6195">IFERROR(INDEX(Jesper!AH$2:AH$366,ROUNDDOWN($C6195/24,0)+1,1)*INDEX($D$3:$AA$30,INDEX(Jesper!$R$2:$R$366,ROW(INDEX(Jesper!AH$2:AH$366,ROUNDDOWN($C6195/24,0)+1,1))-1)+IF('Standard Profiles'!$G$18=$B$10,7,0)+IF('Standard Profiles'!$G$18=$B$17,14,0)+IF('Standard Profiles'!$G$18=$B$24,21,0),MOD($C6195,24)+1)/SUM(INDEX($D$3:$AA$30,INDEX(Jesper!$R$2:$R$366,ROW(INDEX(Jesper!AH$2:AH$366,ROUNDDOWN($C6195/24,0)+1,1))-1)+IF('Standard Profiles'!$G$18=$B$10,7,0)+IF('Standard Profiles'!$G$18=$B$17,14,0)+IF('Standard Profiles'!$G$18=$B$24,21,0),0)),0)</f>
        <v>12.457329162188312</v>
      </c>
      <c r="E6195" cm="1">
        <f t="array" ref="E6195">IFERROR(INDEX(Jesper!AI$2:AI$366,ROUNDDOWN($C6195/24,0)+1,1)*INDEX($D$3:$AA$30,INDEX(Jesper!$R$2:$R$366,ROW(INDEX(Jesper!AI$2:AI$366,ROUNDDOWN($C6195/24,0)+1,1))-1)+IF('Standard Profiles'!$G$19=$B$10,7,0)+IF('Standard Profiles'!$G$19=$B$17,14,0)+IF('Standard Profiles'!$G$19=$B$24,21,0),MOD($C6195,24)+1)/SUM(INDEX($D$3:$AA$30,INDEX(Jesper!$R$2:$R$366,ROW(INDEX(Jesper!AI$2:AI$366,ROUNDDOWN($C6195/24,0)+1,1))-1)+IF('Standard Profiles'!$G$19=$B$10,7,0)+IF('Standard Profiles'!$G$19=$B$17,14,0)+IF('Standard Profiles'!$G$19=$B$24,21,0),0)),0)</f>
        <v>0</v>
      </c>
      <c r="F6195" cm="1">
        <f t="array" ref="F6195">IFERROR(INDEX(Jesper!AJ$2:AJ$366,ROUNDDOWN($C6195/24,0)+1,1)*INDEX($D$3:$AA$30,INDEX(Jesper!$R$2:$R$366,ROW(INDEX(Jesper!AJ$2:AJ$366,ROUNDDOWN($C6195/24,0)+1,1))-1)+IF('Standard Profiles'!$G$20=$B$10,7,0)+IF('Standard Profiles'!$G$20=$B$17,14,0)+IF('Standard Profiles'!$G$20=$B$24,21,0),MOD($C6195,24)+1)/SUM(INDEX($D$3:$AA$30,INDEX(Jesper!$R$2:$R$366,ROW(INDEX(Jesper!AJ$2:AJ$366,ROUNDDOWN($C6195/24,0)+1,1))-1)+IF('Standard Profiles'!$G$20=$B$10,7,0)+IF('Standard Profiles'!$G$20=$B$17,14,0)+IF('Standard Profiles'!$G$20=$B$24,21,0),0)),0)</f>
        <v>0</v>
      </c>
      <c r="G6195" cm="1">
        <f t="array" ref="G6195">IFERROR(INDEX(Jesper!AK$2:AK$366,ROUNDDOWN($C6195/24,0)+1,1)*INDEX($D$3:$AA$30,INDEX(Jesper!$R$2:$R$366,ROW(INDEX(Jesper!AK$2:AK$366,ROUNDDOWN($C6195/24,0)+1,1))-1)+IF('Standard Profiles'!$G$21=$B$10,7,0)+IF('Standard Profiles'!$G$21=$B$17,14,0)+IF('Standard Profiles'!$G$21=$B$24,21,0),MOD($C6195,24)+1)/SUM(INDEX($D$3:$AA$30,INDEX(Jesper!$R$2:$R$366,ROW(INDEX(Jesper!AK$2:AK$366,ROUNDDOWN($C6195/24,0)+1,1))-1)+IF('Standard Profiles'!$G$21=$B$10,7,0)+IF('Standard Profiles'!$G$21=$B$17,14,0)+IF('Standard Profiles'!$G$21=$B$24,21,0),0)),0)</f>
        <v>0</v>
      </c>
      <c r="H6195" cm="1">
        <f t="array" ref="H6195">IFERROR(INDEX(Jesper!AL$2:AL$366,ROUNDDOWN($C6195/24,0)+1,1)*INDEX($D$3:$AA$30,INDEX(Jesper!$R$2:$R$366,ROW(INDEX(Jesper!AL$2:AL$366,ROUNDDOWN($C6195/24,0)+1,1))-1)+IF('Standard Profiles'!$G$22=$B$10,7,0)+IF('Standard Profiles'!$G$22=$B$17,14,0)+IF('Standard Profiles'!$G$22=$B$24,21,0),MOD($C6195,24)+1)/SUM(INDEX($D$3:$AA$30,INDEX(Jesper!$R$2:$R$366,ROW(INDEX(Jesper!AL$2:AL$366,ROUNDDOWN($C6195/24,0)+1,1))-1)+IF('Standard Profiles'!$G$22=$B$10,7,0)+IF('Standard Profiles'!$G$22=$B$17,14,0)+IF('Standard Profiles'!$G$22=$B$24,21,0),0)),0)</f>
        <v>0</v>
      </c>
      <c r="I6195">
        <f t="shared" si="692"/>
        <v>0.37371987486564934</v>
      </c>
      <c r="J6195">
        <f t="shared" si="693"/>
        <v>1.2457329162188313</v>
      </c>
      <c r="K6195">
        <f t="shared" si="694"/>
        <v>1.8685993743282467</v>
      </c>
      <c r="L6195">
        <f t="shared" si="695"/>
        <v>8.9692769967755837</v>
      </c>
      <c r="M6195">
        <f t="shared" si="696"/>
        <v>0</v>
      </c>
      <c r="N6195" s="46">
        <f t="shared" si="697"/>
        <v>45548.708333318391</v>
      </c>
    </row>
    <row r="6196" spans="2:14" x14ac:dyDescent="0.3">
      <c r="B6196">
        <f t="shared" si="691"/>
        <v>5</v>
      </c>
      <c r="C6196" s="16">
        <v>6162</v>
      </c>
      <c r="D6196" cm="1">
        <f t="array" ref="D6196">IFERROR(INDEX(Jesper!AH$2:AH$366,ROUNDDOWN($C6196/24,0)+1,1)*INDEX($D$3:$AA$30,INDEX(Jesper!$R$2:$R$366,ROW(INDEX(Jesper!AH$2:AH$366,ROUNDDOWN($C6196/24,0)+1,1))-1)+IF('Standard Profiles'!$G$18=$B$10,7,0)+IF('Standard Profiles'!$G$18=$B$17,14,0)+IF('Standard Profiles'!$G$18=$B$24,21,0),MOD($C6196,24)+1)/SUM(INDEX($D$3:$AA$30,INDEX(Jesper!$R$2:$R$366,ROW(INDEX(Jesper!AH$2:AH$366,ROUNDDOWN($C6196/24,0)+1,1))-1)+IF('Standard Profiles'!$G$18=$B$10,7,0)+IF('Standard Profiles'!$G$18=$B$17,14,0)+IF('Standard Profiles'!$G$18=$B$24,21,0),0)),0)</f>
        <v>12.457329162188312</v>
      </c>
      <c r="E6196" cm="1">
        <f t="array" ref="E6196">IFERROR(INDEX(Jesper!AI$2:AI$366,ROUNDDOWN($C6196/24,0)+1,1)*INDEX($D$3:$AA$30,INDEX(Jesper!$R$2:$R$366,ROW(INDEX(Jesper!AI$2:AI$366,ROUNDDOWN($C6196/24,0)+1,1))-1)+IF('Standard Profiles'!$G$19=$B$10,7,0)+IF('Standard Profiles'!$G$19=$B$17,14,0)+IF('Standard Profiles'!$G$19=$B$24,21,0),MOD($C6196,24)+1)/SUM(INDEX($D$3:$AA$30,INDEX(Jesper!$R$2:$R$366,ROW(INDEX(Jesper!AI$2:AI$366,ROUNDDOWN($C6196/24,0)+1,1))-1)+IF('Standard Profiles'!$G$19=$B$10,7,0)+IF('Standard Profiles'!$G$19=$B$17,14,0)+IF('Standard Profiles'!$G$19=$B$24,21,0),0)),0)</f>
        <v>0</v>
      </c>
      <c r="F6196" cm="1">
        <f t="array" ref="F6196">IFERROR(INDEX(Jesper!AJ$2:AJ$366,ROUNDDOWN($C6196/24,0)+1,1)*INDEX($D$3:$AA$30,INDEX(Jesper!$R$2:$R$366,ROW(INDEX(Jesper!AJ$2:AJ$366,ROUNDDOWN($C6196/24,0)+1,1))-1)+IF('Standard Profiles'!$G$20=$B$10,7,0)+IF('Standard Profiles'!$G$20=$B$17,14,0)+IF('Standard Profiles'!$G$20=$B$24,21,0),MOD($C6196,24)+1)/SUM(INDEX($D$3:$AA$30,INDEX(Jesper!$R$2:$R$366,ROW(INDEX(Jesper!AJ$2:AJ$366,ROUNDDOWN($C6196/24,0)+1,1))-1)+IF('Standard Profiles'!$G$20=$B$10,7,0)+IF('Standard Profiles'!$G$20=$B$17,14,0)+IF('Standard Profiles'!$G$20=$B$24,21,0),0)),0)</f>
        <v>0</v>
      </c>
      <c r="G6196" cm="1">
        <f t="array" ref="G6196">IFERROR(INDEX(Jesper!AK$2:AK$366,ROUNDDOWN($C6196/24,0)+1,1)*INDEX($D$3:$AA$30,INDEX(Jesper!$R$2:$R$366,ROW(INDEX(Jesper!AK$2:AK$366,ROUNDDOWN($C6196/24,0)+1,1))-1)+IF('Standard Profiles'!$G$21=$B$10,7,0)+IF('Standard Profiles'!$G$21=$B$17,14,0)+IF('Standard Profiles'!$G$21=$B$24,21,0),MOD($C6196,24)+1)/SUM(INDEX($D$3:$AA$30,INDEX(Jesper!$R$2:$R$366,ROW(INDEX(Jesper!AK$2:AK$366,ROUNDDOWN($C6196/24,0)+1,1))-1)+IF('Standard Profiles'!$G$21=$B$10,7,0)+IF('Standard Profiles'!$G$21=$B$17,14,0)+IF('Standard Profiles'!$G$21=$B$24,21,0),0)),0)</f>
        <v>0</v>
      </c>
      <c r="H6196" cm="1">
        <f t="array" ref="H6196">IFERROR(INDEX(Jesper!AL$2:AL$366,ROUNDDOWN($C6196/24,0)+1,1)*INDEX($D$3:$AA$30,INDEX(Jesper!$R$2:$R$366,ROW(INDEX(Jesper!AL$2:AL$366,ROUNDDOWN($C6196/24,0)+1,1))-1)+IF('Standard Profiles'!$G$22=$B$10,7,0)+IF('Standard Profiles'!$G$22=$B$17,14,0)+IF('Standard Profiles'!$G$22=$B$24,21,0),MOD($C6196,24)+1)/SUM(INDEX($D$3:$AA$30,INDEX(Jesper!$R$2:$R$366,ROW(INDEX(Jesper!AL$2:AL$366,ROUNDDOWN($C6196/24,0)+1,1))-1)+IF('Standard Profiles'!$G$22=$B$10,7,0)+IF('Standard Profiles'!$G$22=$B$17,14,0)+IF('Standard Profiles'!$G$22=$B$24,21,0),0)),0)</f>
        <v>0</v>
      </c>
      <c r="I6196">
        <f t="shared" si="692"/>
        <v>0.37371987486564934</v>
      </c>
      <c r="J6196">
        <f t="shared" si="693"/>
        <v>1.2457329162188313</v>
      </c>
      <c r="K6196">
        <f t="shared" si="694"/>
        <v>1.8685993743282467</v>
      </c>
      <c r="L6196">
        <f t="shared" si="695"/>
        <v>8.9692769967755837</v>
      </c>
      <c r="M6196">
        <f t="shared" si="696"/>
        <v>0</v>
      </c>
      <c r="N6196" s="46">
        <f t="shared" si="697"/>
        <v>45548.749999985055</v>
      </c>
    </row>
    <row r="6197" spans="2:14" x14ac:dyDescent="0.3">
      <c r="B6197">
        <f t="shared" si="691"/>
        <v>5</v>
      </c>
      <c r="C6197" s="16">
        <v>6163</v>
      </c>
      <c r="D6197" cm="1">
        <f t="array" ref="D6197">IFERROR(INDEX(Jesper!AH$2:AH$366,ROUNDDOWN($C6197/24,0)+1,1)*INDEX($D$3:$AA$30,INDEX(Jesper!$R$2:$R$366,ROW(INDEX(Jesper!AH$2:AH$366,ROUNDDOWN($C6197/24,0)+1,1))-1)+IF('Standard Profiles'!$G$18=$B$10,7,0)+IF('Standard Profiles'!$G$18=$B$17,14,0)+IF('Standard Profiles'!$G$18=$B$24,21,0),MOD($C6197,24)+1)/SUM(INDEX($D$3:$AA$30,INDEX(Jesper!$R$2:$R$366,ROW(INDEX(Jesper!AH$2:AH$366,ROUNDDOWN($C6197/24,0)+1,1))-1)+IF('Standard Profiles'!$G$18=$B$10,7,0)+IF('Standard Profiles'!$G$18=$B$17,14,0)+IF('Standard Profiles'!$G$18=$B$24,21,0),0)),0)</f>
        <v>12.457329162188312</v>
      </c>
      <c r="E6197" cm="1">
        <f t="array" ref="E6197">IFERROR(INDEX(Jesper!AI$2:AI$366,ROUNDDOWN($C6197/24,0)+1,1)*INDEX($D$3:$AA$30,INDEX(Jesper!$R$2:$R$366,ROW(INDEX(Jesper!AI$2:AI$366,ROUNDDOWN($C6197/24,0)+1,1))-1)+IF('Standard Profiles'!$G$19=$B$10,7,0)+IF('Standard Profiles'!$G$19=$B$17,14,0)+IF('Standard Profiles'!$G$19=$B$24,21,0),MOD($C6197,24)+1)/SUM(INDEX($D$3:$AA$30,INDEX(Jesper!$R$2:$R$366,ROW(INDEX(Jesper!AI$2:AI$366,ROUNDDOWN($C6197/24,0)+1,1))-1)+IF('Standard Profiles'!$G$19=$B$10,7,0)+IF('Standard Profiles'!$G$19=$B$17,14,0)+IF('Standard Profiles'!$G$19=$B$24,21,0),0)),0)</f>
        <v>0</v>
      </c>
      <c r="F6197" cm="1">
        <f t="array" ref="F6197">IFERROR(INDEX(Jesper!AJ$2:AJ$366,ROUNDDOWN($C6197/24,0)+1,1)*INDEX($D$3:$AA$30,INDEX(Jesper!$R$2:$R$366,ROW(INDEX(Jesper!AJ$2:AJ$366,ROUNDDOWN($C6197/24,0)+1,1))-1)+IF('Standard Profiles'!$G$20=$B$10,7,0)+IF('Standard Profiles'!$G$20=$B$17,14,0)+IF('Standard Profiles'!$G$20=$B$24,21,0),MOD($C6197,24)+1)/SUM(INDEX($D$3:$AA$30,INDEX(Jesper!$R$2:$R$366,ROW(INDEX(Jesper!AJ$2:AJ$366,ROUNDDOWN($C6197/24,0)+1,1))-1)+IF('Standard Profiles'!$G$20=$B$10,7,0)+IF('Standard Profiles'!$G$20=$B$17,14,0)+IF('Standard Profiles'!$G$20=$B$24,21,0),0)),0)</f>
        <v>0</v>
      </c>
      <c r="G6197" cm="1">
        <f t="array" ref="G6197">IFERROR(INDEX(Jesper!AK$2:AK$366,ROUNDDOWN($C6197/24,0)+1,1)*INDEX($D$3:$AA$30,INDEX(Jesper!$R$2:$R$366,ROW(INDEX(Jesper!AK$2:AK$366,ROUNDDOWN($C6197/24,0)+1,1))-1)+IF('Standard Profiles'!$G$21=$B$10,7,0)+IF('Standard Profiles'!$G$21=$B$17,14,0)+IF('Standard Profiles'!$G$21=$B$24,21,0),MOD($C6197,24)+1)/SUM(INDEX($D$3:$AA$30,INDEX(Jesper!$R$2:$R$366,ROW(INDEX(Jesper!AK$2:AK$366,ROUNDDOWN($C6197/24,0)+1,1))-1)+IF('Standard Profiles'!$G$21=$B$10,7,0)+IF('Standard Profiles'!$G$21=$B$17,14,0)+IF('Standard Profiles'!$G$21=$B$24,21,0),0)),0)</f>
        <v>0</v>
      </c>
      <c r="H6197" cm="1">
        <f t="array" ref="H6197">IFERROR(INDEX(Jesper!AL$2:AL$366,ROUNDDOWN($C6197/24,0)+1,1)*INDEX($D$3:$AA$30,INDEX(Jesper!$R$2:$R$366,ROW(INDEX(Jesper!AL$2:AL$366,ROUNDDOWN($C6197/24,0)+1,1))-1)+IF('Standard Profiles'!$G$22=$B$10,7,0)+IF('Standard Profiles'!$G$22=$B$17,14,0)+IF('Standard Profiles'!$G$22=$B$24,21,0),MOD($C6197,24)+1)/SUM(INDEX($D$3:$AA$30,INDEX(Jesper!$R$2:$R$366,ROW(INDEX(Jesper!AL$2:AL$366,ROUNDDOWN($C6197/24,0)+1,1))-1)+IF('Standard Profiles'!$G$22=$B$10,7,0)+IF('Standard Profiles'!$G$22=$B$17,14,0)+IF('Standard Profiles'!$G$22=$B$24,21,0),0)),0)</f>
        <v>0</v>
      </c>
      <c r="I6197">
        <f t="shared" si="692"/>
        <v>0.37371987486564934</v>
      </c>
      <c r="J6197">
        <f t="shared" si="693"/>
        <v>1.2457329162188313</v>
      </c>
      <c r="K6197">
        <f t="shared" si="694"/>
        <v>1.8685993743282467</v>
      </c>
      <c r="L6197">
        <f t="shared" si="695"/>
        <v>8.9692769967755837</v>
      </c>
      <c r="M6197">
        <f t="shared" si="696"/>
        <v>0</v>
      </c>
      <c r="N6197" s="46">
        <f t="shared" si="697"/>
        <v>45548.791666651719</v>
      </c>
    </row>
    <row r="6198" spans="2:14" x14ac:dyDescent="0.3">
      <c r="B6198">
        <f t="shared" si="691"/>
        <v>5</v>
      </c>
      <c r="C6198" s="16">
        <v>6164</v>
      </c>
      <c r="D6198" cm="1">
        <f t="array" ref="D6198">IFERROR(INDEX(Jesper!AH$2:AH$366,ROUNDDOWN($C6198/24,0)+1,1)*INDEX($D$3:$AA$30,INDEX(Jesper!$R$2:$R$366,ROW(INDEX(Jesper!AH$2:AH$366,ROUNDDOWN($C6198/24,0)+1,1))-1)+IF('Standard Profiles'!$G$18=$B$10,7,0)+IF('Standard Profiles'!$G$18=$B$17,14,0)+IF('Standard Profiles'!$G$18=$B$24,21,0),MOD($C6198,24)+1)/SUM(INDEX($D$3:$AA$30,INDEX(Jesper!$R$2:$R$366,ROW(INDEX(Jesper!AH$2:AH$366,ROUNDDOWN($C6198/24,0)+1,1))-1)+IF('Standard Profiles'!$G$18=$B$10,7,0)+IF('Standard Profiles'!$G$18=$B$17,14,0)+IF('Standard Profiles'!$G$18=$B$24,21,0),0)),0)</f>
        <v>9.6500437171881277</v>
      </c>
      <c r="E6198" cm="1">
        <f t="array" ref="E6198">IFERROR(INDEX(Jesper!AI$2:AI$366,ROUNDDOWN($C6198/24,0)+1,1)*INDEX($D$3:$AA$30,INDEX(Jesper!$R$2:$R$366,ROW(INDEX(Jesper!AI$2:AI$366,ROUNDDOWN($C6198/24,0)+1,1))-1)+IF('Standard Profiles'!$G$19=$B$10,7,0)+IF('Standard Profiles'!$G$19=$B$17,14,0)+IF('Standard Profiles'!$G$19=$B$24,21,0),MOD($C6198,24)+1)/SUM(INDEX($D$3:$AA$30,INDEX(Jesper!$R$2:$R$366,ROW(INDEX(Jesper!AI$2:AI$366,ROUNDDOWN($C6198/24,0)+1,1))-1)+IF('Standard Profiles'!$G$19=$B$10,7,0)+IF('Standard Profiles'!$G$19=$B$17,14,0)+IF('Standard Profiles'!$G$19=$B$24,21,0),0)),0)</f>
        <v>0</v>
      </c>
      <c r="F6198" cm="1">
        <f t="array" ref="F6198">IFERROR(INDEX(Jesper!AJ$2:AJ$366,ROUNDDOWN($C6198/24,0)+1,1)*INDEX($D$3:$AA$30,INDEX(Jesper!$R$2:$R$366,ROW(INDEX(Jesper!AJ$2:AJ$366,ROUNDDOWN($C6198/24,0)+1,1))-1)+IF('Standard Profiles'!$G$20=$B$10,7,0)+IF('Standard Profiles'!$G$20=$B$17,14,0)+IF('Standard Profiles'!$G$20=$B$24,21,0),MOD($C6198,24)+1)/SUM(INDEX($D$3:$AA$30,INDEX(Jesper!$R$2:$R$366,ROW(INDEX(Jesper!AJ$2:AJ$366,ROUNDDOWN($C6198/24,0)+1,1))-1)+IF('Standard Profiles'!$G$20=$B$10,7,0)+IF('Standard Profiles'!$G$20=$B$17,14,0)+IF('Standard Profiles'!$G$20=$B$24,21,0),0)),0)</f>
        <v>0</v>
      </c>
      <c r="G6198" cm="1">
        <f t="array" ref="G6198">IFERROR(INDEX(Jesper!AK$2:AK$366,ROUNDDOWN($C6198/24,0)+1,1)*INDEX($D$3:$AA$30,INDEX(Jesper!$R$2:$R$366,ROW(INDEX(Jesper!AK$2:AK$366,ROUNDDOWN($C6198/24,0)+1,1))-1)+IF('Standard Profiles'!$G$21=$B$10,7,0)+IF('Standard Profiles'!$G$21=$B$17,14,0)+IF('Standard Profiles'!$G$21=$B$24,21,0),MOD($C6198,24)+1)/SUM(INDEX($D$3:$AA$30,INDEX(Jesper!$R$2:$R$366,ROW(INDEX(Jesper!AK$2:AK$366,ROUNDDOWN($C6198/24,0)+1,1))-1)+IF('Standard Profiles'!$G$21=$B$10,7,0)+IF('Standard Profiles'!$G$21=$B$17,14,0)+IF('Standard Profiles'!$G$21=$B$24,21,0),0)),0)</f>
        <v>0</v>
      </c>
      <c r="H6198" cm="1">
        <f t="array" ref="H6198">IFERROR(INDEX(Jesper!AL$2:AL$366,ROUNDDOWN($C6198/24,0)+1,1)*INDEX($D$3:$AA$30,INDEX(Jesper!$R$2:$R$366,ROW(INDEX(Jesper!AL$2:AL$366,ROUNDDOWN($C6198/24,0)+1,1))-1)+IF('Standard Profiles'!$G$22=$B$10,7,0)+IF('Standard Profiles'!$G$22=$B$17,14,0)+IF('Standard Profiles'!$G$22=$B$24,21,0),MOD($C6198,24)+1)/SUM(INDEX($D$3:$AA$30,INDEX(Jesper!$R$2:$R$366,ROW(INDEX(Jesper!AL$2:AL$366,ROUNDDOWN($C6198/24,0)+1,1))-1)+IF('Standard Profiles'!$G$22=$B$10,7,0)+IF('Standard Profiles'!$G$22=$B$17,14,0)+IF('Standard Profiles'!$G$22=$B$24,21,0),0)),0)</f>
        <v>0</v>
      </c>
      <c r="I6198">
        <f t="shared" si="692"/>
        <v>0.28950131151564384</v>
      </c>
      <c r="J6198">
        <f t="shared" si="693"/>
        <v>0.96500437171881281</v>
      </c>
      <c r="K6198">
        <f t="shared" si="694"/>
        <v>1.4475065575782191</v>
      </c>
      <c r="L6198">
        <f t="shared" si="695"/>
        <v>6.9480314763754514</v>
      </c>
      <c r="M6198">
        <f t="shared" si="696"/>
        <v>0</v>
      </c>
      <c r="N6198" s="46">
        <f t="shared" si="697"/>
        <v>45548.833333318384</v>
      </c>
    </row>
    <row r="6199" spans="2:14" x14ac:dyDescent="0.3">
      <c r="B6199">
        <f t="shared" si="691"/>
        <v>5</v>
      </c>
      <c r="C6199" s="16">
        <v>6165</v>
      </c>
      <c r="D6199" cm="1">
        <f t="array" ref="D6199">IFERROR(INDEX(Jesper!AH$2:AH$366,ROUNDDOWN($C6199/24,0)+1,1)*INDEX($D$3:$AA$30,INDEX(Jesper!$R$2:$R$366,ROW(INDEX(Jesper!AH$2:AH$366,ROUNDDOWN($C6199/24,0)+1,1))-1)+IF('Standard Profiles'!$G$18=$B$10,7,0)+IF('Standard Profiles'!$G$18=$B$17,14,0)+IF('Standard Profiles'!$G$18=$B$24,21,0),MOD($C6199,24)+1)/SUM(INDEX($D$3:$AA$30,INDEX(Jesper!$R$2:$R$366,ROW(INDEX(Jesper!AH$2:AH$366,ROUNDDOWN($C6199/24,0)+1,1))-1)+IF('Standard Profiles'!$G$18=$B$10,7,0)+IF('Standard Profiles'!$G$18=$B$17,14,0)+IF('Standard Profiles'!$G$18=$B$24,21,0),0)),0)</f>
        <v>3.6845621465627398</v>
      </c>
      <c r="E6199" cm="1">
        <f t="array" ref="E6199">IFERROR(INDEX(Jesper!AI$2:AI$366,ROUNDDOWN($C6199/24,0)+1,1)*INDEX($D$3:$AA$30,INDEX(Jesper!$R$2:$R$366,ROW(INDEX(Jesper!AI$2:AI$366,ROUNDDOWN($C6199/24,0)+1,1))-1)+IF('Standard Profiles'!$G$19=$B$10,7,0)+IF('Standard Profiles'!$G$19=$B$17,14,0)+IF('Standard Profiles'!$G$19=$B$24,21,0),MOD($C6199,24)+1)/SUM(INDEX($D$3:$AA$30,INDEX(Jesper!$R$2:$R$366,ROW(INDEX(Jesper!AI$2:AI$366,ROUNDDOWN($C6199/24,0)+1,1))-1)+IF('Standard Profiles'!$G$19=$B$10,7,0)+IF('Standard Profiles'!$G$19=$B$17,14,0)+IF('Standard Profiles'!$G$19=$B$24,21,0),0)),0)</f>
        <v>0</v>
      </c>
      <c r="F6199" cm="1">
        <f t="array" ref="F6199">IFERROR(INDEX(Jesper!AJ$2:AJ$366,ROUNDDOWN($C6199/24,0)+1,1)*INDEX($D$3:$AA$30,INDEX(Jesper!$R$2:$R$366,ROW(INDEX(Jesper!AJ$2:AJ$366,ROUNDDOWN($C6199/24,0)+1,1))-1)+IF('Standard Profiles'!$G$20=$B$10,7,0)+IF('Standard Profiles'!$G$20=$B$17,14,0)+IF('Standard Profiles'!$G$20=$B$24,21,0),MOD($C6199,24)+1)/SUM(INDEX($D$3:$AA$30,INDEX(Jesper!$R$2:$R$366,ROW(INDEX(Jesper!AJ$2:AJ$366,ROUNDDOWN($C6199/24,0)+1,1))-1)+IF('Standard Profiles'!$G$20=$B$10,7,0)+IF('Standard Profiles'!$G$20=$B$17,14,0)+IF('Standard Profiles'!$G$20=$B$24,21,0),0)),0)</f>
        <v>0</v>
      </c>
      <c r="G6199" cm="1">
        <f t="array" ref="G6199">IFERROR(INDEX(Jesper!AK$2:AK$366,ROUNDDOWN($C6199/24,0)+1,1)*INDEX($D$3:$AA$30,INDEX(Jesper!$R$2:$R$366,ROW(INDEX(Jesper!AK$2:AK$366,ROUNDDOWN($C6199/24,0)+1,1))-1)+IF('Standard Profiles'!$G$21=$B$10,7,0)+IF('Standard Profiles'!$G$21=$B$17,14,0)+IF('Standard Profiles'!$G$21=$B$24,21,0),MOD($C6199,24)+1)/SUM(INDEX($D$3:$AA$30,INDEX(Jesper!$R$2:$R$366,ROW(INDEX(Jesper!AK$2:AK$366,ROUNDDOWN($C6199/24,0)+1,1))-1)+IF('Standard Profiles'!$G$21=$B$10,7,0)+IF('Standard Profiles'!$G$21=$B$17,14,0)+IF('Standard Profiles'!$G$21=$B$24,21,0),0)),0)</f>
        <v>0</v>
      </c>
      <c r="H6199" cm="1">
        <f t="array" ref="H6199">IFERROR(INDEX(Jesper!AL$2:AL$366,ROUNDDOWN($C6199/24,0)+1,1)*INDEX($D$3:$AA$30,INDEX(Jesper!$R$2:$R$366,ROW(INDEX(Jesper!AL$2:AL$366,ROUNDDOWN($C6199/24,0)+1,1))-1)+IF('Standard Profiles'!$G$22=$B$10,7,0)+IF('Standard Profiles'!$G$22=$B$17,14,0)+IF('Standard Profiles'!$G$22=$B$24,21,0),MOD($C6199,24)+1)/SUM(INDEX($D$3:$AA$30,INDEX(Jesper!$R$2:$R$366,ROW(INDEX(Jesper!AL$2:AL$366,ROUNDDOWN($C6199/24,0)+1,1))-1)+IF('Standard Profiles'!$G$22=$B$10,7,0)+IF('Standard Profiles'!$G$22=$B$17,14,0)+IF('Standard Profiles'!$G$22=$B$24,21,0),0)),0)</f>
        <v>0</v>
      </c>
      <c r="I6199">
        <f t="shared" si="692"/>
        <v>0.11053686439688219</v>
      </c>
      <c r="J6199">
        <f t="shared" si="693"/>
        <v>0.36845621465627398</v>
      </c>
      <c r="K6199">
        <f t="shared" si="694"/>
        <v>0.55268432198441098</v>
      </c>
      <c r="L6199">
        <f t="shared" si="695"/>
        <v>2.6528847455251725</v>
      </c>
      <c r="M6199">
        <f t="shared" si="696"/>
        <v>0</v>
      </c>
      <c r="N6199" s="46">
        <f t="shared" si="697"/>
        <v>45548.874999985048</v>
      </c>
    </row>
    <row r="6200" spans="2:14" x14ac:dyDescent="0.3">
      <c r="B6200">
        <f t="shared" si="691"/>
        <v>5</v>
      </c>
      <c r="C6200" s="16">
        <v>6166</v>
      </c>
      <c r="D6200" cm="1">
        <f t="array" ref="D6200">IFERROR(INDEX(Jesper!AH$2:AH$366,ROUNDDOWN($C6200/24,0)+1,1)*INDEX($D$3:$AA$30,INDEX(Jesper!$R$2:$R$366,ROW(INDEX(Jesper!AH$2:AH$366,ROUNDDOWN($C6200/24,0)+1,1))-1)+IF('Standard Profiles'!$G$18=$B$10,7,0)+IF('Standard Profiles'!$G$18=$B$17,14,0)+IF('Standard Profiles'!$G$18=$B$24,21,0),MOD($C6200,24)+1)/SUM(INDEX($D$3:$AA$30,INDEX(Jesper!$R$2:$R$366,ROW(INDEX(Jesper!AH$2:AH$366,ROUNDDOWN($C6200/24,0)+1,1))-1)+IF('Standard Profiles'!$G$18=$B$10,7,0)+IF('Standard Profiles'!$G$18=$B$17,14,0)+IF('Standard Profiles'!$G$18=$B$24,21,0),0)),0)</f>
        <v>3.6845621465627398</v>
      </c>
      <c r="E6200" cm="1">
        <f t="array" ref="E6200">IFERROR(INDEX(Jesper!AI$2:AI$366,ROUNDDOWN($C6200/24,0)+1,1)*INDEX($D$3:$AA$30,INDEX(Jesper!$R$2:$R$366,ROW(INDEX(Jesper!AI$2:AI$366,ROUNDDOWN($C6200/24,0)+1,1))-1)+IF('Standard Profiles'!$G$19=$B$10,7,0)+IF('Standard Profiles'!$G$19=$B$17,14,0)+IF('Standard Profiles'!$G$19=$B$24,21,0),MOD($C6200,24)+1)/SUM(INDEX($D$3:$AA$30,INDEX(Jesper!$R$2:$R$366,ROW(INDEX(Jesper!AI$2:AI$366,ROUNDDOWN($C6200/24,0)+1,1))-1)+IF('Standard Profiles'!$G$19=$B$10,7,0)+IF('Standard Profiles'!$G$19=$B$17,14,0)+IF('Standard Profiles'!$G$19=$B$24,21,0),0)),0)</f>
        <v>0</v>
      </c>
      <c r="F6200" cm="1">
        <f t="array" ref="F6200">IFERROR(INDEX(Jesper!AJ$2:AJ$366,ROUNDDOWN($C6200/24,0)+1,1)*INDEX($D$3:$AA$30,INDEX(Jesper!$R$2:$R$366,ROW(INDEX(Jesper!AJ$2:AJ$366,ROUNDDOWN($C6200/24,0)+1,1))-1)+IF('Standard Profiles'!$G$20=$B$10,7,0)+IF('Standard Profiles'!$G$20=$B$17,14,0)+IF('Standard Profiles'!$G$20=$B$24,21,0),MOD($C6200,24)+1)/SUM(INDEX($D$3:$AA$30,INDEX(Jesper!$R$2:$R$366,ROW(INDEX(Jesper!AJ$2:AJ$366,ROUNDDOWN($C6200/24,0)+1,1))-1)+IF('Standard Profiles'!$G$20=$B$10,7,0)+IF('Standard Profiles'!$G$20=$B$17,14,0)+IF('Standard Profiles'!$G$20=$B$24,21,0),0)),0)</f>
        <v>0</v>
      </c>
      <c r="G6200" cm="1">
        <f t="array" ref="G6200">IFERROR(INDEX(Jesper!AK$2:AK$366,ROUNDDOWN($C6200/24,0)+1,1)*INDEX($D$3:$AA$30,INDEX(Jesper!$R$2:$R$366,ROW(INDEX(Jesper!AK$2:AK$366,ROUNDDOWN($C6200/24,0)+1,1))-1)+IF('Standard Profiles'!$G$21=$B$10,7,0)+IF('Standard Profiles'!$G$21=$B$17,14,0)+IF('Standard Profiles'!$G$21=$B$24,21,0),MOD($C6200,24)+1)/SUM(INDEX($D$3:$AA$30,INDEX(Jesper!$R$2:$R$366,ROW(INDEX(Jesper!AK$2:AK$366,ROUNDDOWN($C6200/24,0)+1,1))-1)+IF('Standard Profiles'!$G$21=$B$10,7,0)+IF('Standard Profiles'!$G$21=$B$17,14,0)+IF('Standard Profiles'!$G$21=$B$24,21,0),0)),0)</f>
        <v>0</v>
      </c>
      <c r="H6200" cm="1">
        <f t="array" ref="H6200">IFERROR(INDEX(Jesper!AL$2:AL$366,ROUNDDOWN($C6200/24,0)+1,1)*INDEX($D$3:$AA$30,INDEX(Jesper!$R$2:$R$366,ROW(INDEX(Jesper!AL$2:AL$366,ROUNDDOWN($C6200/24,0)+1,1))-1)+IF('Standard Profiles'!$G$22=$B$10,7,0)+IF('Standard Profiles'!$G$22=$B$17,14,0)+IF('Standard Profiles'!$G$22=$B$24,21,0),MOD($C6200,24)+1)/SUM(INDEX($D$3:$AA$30,INDEX(Jesper!$R$2:$R$366,ROW(INDEX(Jesper!AL$2:AL$366,ROUNDDOWN($C6200/24,0)+1,1))-1)+IF('Standard Profiles'!$G$22=$B$10,7,0)+IF('Standard Profiles'!$G$22=$B$17,14,0)+IF('Standard Profiles'!$G$22=$B$24,21,0),0)),0)</f>
        <v>0</v>
      </c>
      <c r="I6200">
        <f t="shared" si="692"/>
        <v>0.11053686439688219</v>
      </c>
      <c r="J6200">
        <f t="shared" si="693"/>
        <v>0.36845621465627398</v>
      </c>
      <c r="K6200">
        <f t="shared" si="694"/>
        <v>0.55268432198441098</v>
      </c>
      <c r="L6200">
        <f t="shared" si="695"/>
        <v>2.6528847455251725</v>
      </c>
      <c r="M6200">
        <f t="shared" si="696"/>
        <v>0</v>
      </c>
      <c r="N6200" s="46">
        <f t="shared" si="697"/>
        <v>45548.916666651712</v>
      </c>
    </row>
    <row r="6201" spans="2:14" x14ac:dyDescent="0.3">
      <c r="B6201">
        <f t="shared" si="691"/>
        <v>5</v>
      </c>
      <c r="C6201" s="16">
        <v>6167</v>
      </c>
      <c r="D6201" cm="1">
        <f t="array" ref="D6201">IFERROR(INDEX(Jesper!AH$2:AH$366,ROUNDDOWN($C6201/24,0)+1,1)*INDEX($D$3:$AA$30,INDEX(Jesper!$R$2:$R$366,ROW(INDEX(Jesper!AH$2:AH$366,ROUNDDOWN($C6201/24,0)+1,1))-1)+IF('Standard Profiles'!$G$18=$B$10,7,0)+IF('Standard Profiles'!$G$18=$B$17,14,0)+IF('Standard Profiles'!$G$18=$B$24,21,0),MOD($C6201,24)+1)/SUM(INDEX($D$3:$AA$30,INDEX(Jesper!$R$2:$R$366,ROW(INDEX(Jesper!AH$2:AH$366,ROUNDDOWN($C6201/24,0)+1,1))-1)+IF('Standard Profiles'!$G$18=$B$10,7,0)+IF('Standard Profiles'!$G$18=$B$17,14,0)+IF('Standard Profiles'!$G$18=$B$24,21,0),0)),0)</f>
        <v>3.6845621465627398</v>
      </c>
      <c r="E6201" cm="1">
        <f t="array" ref="E6201">IFERROR(INDEX(Jesper!AI$2:AI$366,ROUNDDOWN($C6201/24,0)+1,1)*INDEX($D$3:$AA$30,INDEX(Jesper!$R$2:$R$366,ROW(INDEX(Jesper!AI$2:AI$366,ROUNDDOWN($C6201/24,0)+1,1))-1)+IF('Standard Profiles'!$G$19=$B$10,7,0)+IF('Standard Profiles'!$G$19=$B$17,14,0)+IF('Standard Profiles'!$G$19=$B$24,21,0),MOD($C6201,24)+1)/SUM(INDEX($D$3:$AA$30,INDEX(Jesper!$R$2:$R$366,ROW(INDEX(Jesper!AI$2:AI$366,ROUNDDOWN($C6201/24,0)+1,1))-1)+IF('Standard Profiles'!$G$19=$B$10,7,0)+IF('Standard Profiles'!$G$19=$B$17,14,0)+IF('Standard Profiles'!$G$19=$B$24,21,0),0)),0)</f>
        <v>0</v>
      </c>
      <c r="F6201" cm="1">
        <f t="array" ref="F6201">IFERROR(INDEX(Jesper!AJ$2:AJ$366,ROUNDDOWN($C6201/24,0)+1,1)*INDEX($D$3:$AA$30,INDEX(Jesper!$R$2:$R$366,ROW(INDEX(Jesper!AJ$2:AJ$366,ROUNDDOWN($C6201/24,0)+1,1))-1)+IF('Standard Profiles'!$G$20=$B$10,7,0)+IF('Standard Profiles'!$G$20=$B$17,14,0)+IF('Standard Profiles'!$G$20=$B$24,21,0),MOD($C6201,24)+1)/SUM(INDEX($D$3:$AA$30,INDEX(Jesper!$R$2:$R$366,ROW(INDEX(Jesper!AJ$2:AJ$366,ROUNDDOWN($C6201/24,0)+1,1))-1)+IF('Standard Profiles'!$G$20=$B$10,7,0)+IF('Standard Profiles'!$G$20=$B$17,14,0)+IF('Standard Profiles'!$G$20=$B$24,21,0),0)),0)</f>
        <v>0</v>
      </c>
      <c r="G6201" cm="1">
        <f t="array" ref="G6201">IFERROR(INDEX(Jesper!AK$2:AK$366,ROUNDDOWN($C6201/24,0)+1,1)*INDEX($D$3:$AA$30,INDEX(Jesper!$R$2:$R$366,ROW(INDEX(Jesper!AK$2:AK$366,ROUNDDOWN($C6201/24,0)+1,1))-1)+IF('Standard Profiles'!$G$21=$B$10,7,0)+IF('Standard Profiles'!$G$21=$B$17,14,0)+IF('Standard Profiles'!$G$21=$B$24,21,0),MOD($C6201,24)+1)/SUM(INDEX($D$3:$AA$30,INDEX(Jesper!$R$2:$R$366,ROW(INDEX(Jesper!AK$2:AK$366,ROUNDDOWN($C6201/24,0)+1,1))-1)+IF('Standard Profiles'!$G$21=$B$10,7,0)+IF('Standard Profiles'!$G$21=$B$17,14,0)+IF('Standard Profiles'!$G$21=$B$24,21,0),0)),0)</f>
        <v>0</v>
      </c>
      <c r="H6201" cm="1">
        <f t="array" ref="H6201">IFERROR(INDEX(Jesper!AL$2:AL$366,ROUNDDOWN($C6201/24,0)+1,1)*INDEX($D$3:$AA$30,INDEX(Jesper!$R$2:$R$366,ROW(INDEX(Jesper!AL$2:AL$366,ROUNDDOWN($C6201/24,0)+1,1))-1)+IF('Standard Profiles'!$G$22=$B$10,7,0)+IF('Standard Profiles'!$G$22=$B$17,14,0)+IF('Standard Profiles'!$G$22=$B$24,21,0),MOD($C6201,24)+1)/SUM(INDEX($D$3:$AA$30,INDEX(Jesper!$R$2:$R$366,ROW(INDEX(Jesper!AL$2:AL$366,ROUNDDOWN($C6201/24,0)+1,1))-1)+IF('Standard Profiles'!$G$22=$B$10,7,0)+IF('Standard Profiles'!$G$22=$B$17,14,0)+IF('Standard Profiles'!$G$22=$B$24,21,0),0)),0)</f>
        <v>0</v>
      </c>
      <c r="I6201">
        <f t="shared" si="692"/>
        <v>0.11053686439688219</v>
      </c>
      <c r="J6201">
        <f t="shared" si="693"/>
        <v>0.36845621465627398</v>
      </c>
      <c r="K6201">
        <f t="shared" si="694"/>
        <v>0.55268432198441098</v>
      </c>
      <c r="L6201">
        <f t="shared" si="695"/>
        <v>2.6528847455251725</v>
      </c>
      <c r="M6201">
        <f t="shared" si="696"/>
        <v>0</v>
      </c>
      <c r="N6201" s="46">
        <f t="shared" si="697"/>
        <v>45548.958333318376</v>
      </c>
    </row>
    <row r="6202" spans="2:14" x14ac:dyDescent="0.3">
      <c r="B6202">
        <f t="shared" si="691"/>
        <v>6</v>
      </c>
      <c r="C6202" s="16">
        <v>6168</v>
      </c>
      <c r="D6202" cm="1">
        <f t="array" ref="D6202">IFERROR(INDEX(Jesper!AH$2:AH$366,ROUNDDOWN($C6202/24,0)+1,1)*INDEX($D$3:$AA$30,INDEX(Jesper!$R$2:$R$366,ROW(INDEX(Jesper!AH$2:AH$366,ROUNDDOWN($C6202/24,0)+1,1))-1)+IF('Standard Profiles'!$G$18=$B$10,7,0)+IF('Standard Profiles'!$G$18=$B$17,14,0)+IF('Standard Profiles'!$G$18=$B$24,21,0),MOD($C6202,24)+1)/SUM(INDEX($D$3:$AA$30,INDEX(Jesper!$R$2:$R$366,ROW(INDEX(Jesper!AH$2:AH$366,ROUNDDOWN($C6202/24,0)+1,1))-1)+IF('Standard Profiles'!$G$18=$B$10,7,0)+IF('Standard Profiles'!$G$18=$B$17,14,0)+IF('Standard Profiles'!$G$18=$B$24,21,0),0)),0)</f>
        <v>3.5221501808996729</v>
      </c>
      <c r="E6202" cm="1">
        <f t="array" ref="E6202">IFERROR(INDEX(Jesper!AI$2:AI$366,ROUNDDOWN($C6202/24,0)+1,1)*INDEX($D$3:$AA$30,INDEX(Jesper!$R$2:$R$366,ROW(INDEX(Jesper!AI$2:AI$366,ROUNDDOWN($C6202/24,0)+1,1))-1)+IF('Standard Profiles'!$G$19=$B$10,7,0)+IF('Standard Profiles'!$G$19=$B$17,14,0)+IF('Standard Profiles'!$G$19=$B$24,21,0),MOD($C6202,24)+1)/SUM(INDEX($D$3:$AA$30,INDEX(Jesper!$R$2:$R$366,ROW(INDEX(Jesper!AI$2:AI$366,ROUNDDOWN($C6202/24,0)+1,1))-1)+IF('Standard Profiles'!$G$19=$B$10,7,0)+IF('Standard Profiles'!$G$19=$B$17,14,0)+IF('Standard Profiles'!$G$19=$B$24,21,0),0)),0)</f>
        <v>0.57391966973305142</v>
      </c>
      <c r="F6202" cm="1">
        <f t="array" ref="F6202">IFERROR(INDEX(Jesper!AJ$2:AJ$366,ROUNDDOWN($C6202/24,0)+1,1)*INDEX($D$3:$AA$30,INDEX(Jesper!$R$2:$R$366,ROW(INDEX(Jesper!AJ$2:AJ$366,ROUNDDOWN($C6202/24,0)+1,1))-1)+IF('Standard Profiles'!$G$20=$B$10,7,0)+IF('Standard Profiles'!$G$20=$B$17,14,0)+IF('Standard Profiles'!$G$20=$B$24,21,0),MOD($C6202,24)+1)/SUM(INDEX($D$3:$AA$30,INDEX(Jesper!$R$2:$R$366,ROW(INDEX(Jesper!AJ$2:AJ$366,ROUNDDOWN($C6202/24,0)+1,1))-1)+IF('Standard Profiles'!$G$20=$B$10,7,0)+IF('Standard Profiles'!$G$20=$B$17,14,0)+IF('Standard Profiles'!$G$20=$B$24,21,0),0)),0)</f>
        <v>0</v>
      </c>
      <c r="G6202" cm="1">
        <f t="array" ref="G6202">IFERROR(INDEX(Jesper!AK$2:AK$366,ROUNDDOWN($C6202/24,0)+1,1)*INDEX($D$3:$AA$30,INDEX(Jesper!$R$2:$R$366,ROW(INDEX(Jesper!AK$2:AK$366,ROUNDDOWN($C6202/24,0)+1,1))-1)+IF('Standard Profiles'!$G$21=$B$10,7,0)+IF('Standard Profiles'!$G$21=$B$17,14,0)+IF('Standard Profiles'!$G$21=$B$24,21,0),MOD($C6202,24)+1)/SUM(INDEX($D$3:$AA$30,INDEX(Jesper!$R$2:$R$366,ROW(INDEX(Jesper!AK$2:AK$366,ROUNDDOWN($C6202/24,0)+1,1))-1)+IF('Standard Profiles'!$G$21=$B$10,7,0)+IF('Standard Profiles'!$G$21=$B$17,14,0)+IF('Standard Profiles'!$G$21=$B$24,21,0),0)),0)</f>
        <v>0</v>
      </c>
      <c r="H6202" cm="1">
        <f t="array" ref="H6202">IFERROR(INDEX(Jesper!AL$2:AL$366,ROUNDDOWN($C6202/24,0)+1,1)*INDEX($D$3:$AA$30,INDEX(Jesper!$R$2:$R$366,ROW(INDEX(Jesper!AL$2:AL$366,ROUNDDOWN($C6202/24,0)+1,1))-1)+IF('Standard Profiles'!$G$22=$B$10,7,0)+IF('Standard Profiles'!$G$22=$B$17,14,0)+IF('Standard Profiles'!$G$22=$B$24,21,0),MOD($C6202,24)+1)/SUM(INDEX($D$3:$AA$30,INDEX(Jesper!$R$2:$R$366,ROW(INDEX(Jesper!AL$2:AL$366,ROUNDDOWN($C6202/24,0)+1,1))-1)+IF('Standard Profiles'!$G$22=$B$10,7,0)+IF('Standard Profiles'!$G$22=$B$17,14,0)+IF('Standard Profiles'!$G$22=$B$24,21,0),0)),0)</f>
        <v>0</v>
      </c>
      <c r="I6202">
        <f t="shared" si="692"/>
        <v>5.1704474750725364E-2</v>
      </c>
      <c r="J6202">
        <f t="shared" si="693"/>
        <v>0.17234824916908459</v>
      </c>
      <c r="K6202">
        <f t="shared" si="694"/>
        <v>0.25852237375362686</v>
      </c>
      <c r="L6202">
        <f t="shared" si="695"/>
        <v>3.6134947529592876</v>
      </c>
      <c r="M6202">
        <f t="shared" si="696"/>
        <v>0</v>
      </c>
      <c r="N6202" s="46">
        <f t="shared" si="697"/>
        <v>45548.999999985041</v>
      </c>
    </row>
    <row r="6203" spans="2:14" x14ac:dyDescent="0.3">
      <c r="B6203">
        <f t="shared" si="691"/>
        <v>6</v>
      </c>
      <c r="C6203" s="16">
        <v>6169</v>
      </c>
      <c r="D6203" cm="1">
        <f t="array" ref="D6203">IFERROR(INDEX(Jesper!AH$2:AH$366,ROUNDDOWN($C6203/24,0)+1,1)*INDEX($D$3:$AA$30,INDEX(Jesper!$R$2:$R$366,ROW(INDEX(Jesper!AH$2:AH$366,ROUNDDOWN($C6203/24,0)+1,1))-1)+IF('Standard Profiles'!$G$18=$B$10,7,0)+IF('Standard Profiles'!$G$18=$B$17,14,0)+IF('Standard Profiles'!$G$18=$B$24,21,0),MOD($C6203,24)+1)/SUM(INDEX($D$3:$AA$30,INDEX(Jesper!$R$2:$R$366,ROW(INDEX(Jesper!AH$2:AH$366,ROUNDDOWN($C6203/24,0)+1,1))-1)+IF('Standard Profiles'!$G$18=$B$10,7,0)+IF('Standard Profiles'!$G$18=$B$17,14,0)+IF('Standard Profiles'!$G$18=$B$24,21,0),0)),0)</f>
        <v>6.8765789246136482</v>
      </c>
      <c r="E6203" cm="1">
        <f t="array" ref="E6203">IFERROR(INDEX(Jesper!AI$2:AI$366,ROUNDDOWN($C6203/24,0)+1,1)*INDEX($D$3:$AA$30,INDEX(Jesper!$R$2:$R$366,ROW(INDEX(Jesper!AI$2:AI$366,ROUNDDOWN($C6203/24,0)+1,1))-1)+IF('Standard Profiles'!$G$19=$B$10,7,0)+IF('Standard Profiles'!$G$19=$B$17,14,0)+IF('Standard Profiles'!$G$19=$B$24,21,0),MOD($C6203,24)+1)/SUM(INDEX($D$3:$AA$30,INDEX(Jesper!$R$2:$R$366,ROW(INDEX(Jesper!AI$2:AI$366,ROUNDDOWN($C6203/24,0)+1,1))-1)+IF('Standard Profiles'!$G$19=$B$10,7,0)+IF('Standard Profiles'!$G$19=$B$17,14,0)+IF('Standard Profiles'!$G$19=$B$24,21,0),0)),0)</f>
        <v>1.1205098313835768</v>
      </c>
      <c r="F6203" cm="1">
        <f t="array" ref="F6203">IFERROR(INDEX(Jesper!AJ$2:AJ$366,ROUNDDOWN($C6203/24,0)+1,1)*INDEX($D$3:$AA$30,INDEX(Jesper!$R$2:$R$366,ROW(INDEX(Jesper!AJ$2:AJ$366,ROUNDDOWN($C6203/24,0)+1,1))-1)+IF('Standard Profiles'!$G$20=$B$10,7,0)+IF('Standard Profiles'!$G$20=$B$17,14,0)+IF('Standard Profiles'!$G$20=$B$24,21,0),MOD($C6203,24)+1)/SUM(INDEX($D$3:$AA$30,INDEX(Jesper!$R$2:$R$366,ROW(INDEX(Jesper!AJ$2:AJ$366,ROUNDDOWN($C6203/24,0)+1,1))-1)+IF('Standard Profiles'!$G$20=$B$10,7,0)+IF('Standard Profiles'!$G$20=$B$17,14,0)+IF('Standard Profiles'!$G$20=$B$24,21,0),0)),0)</f>
        <v>0</v>
      </c>
      <c r="G6203" cm="1">
        <f t="array" ref="G6203">IFERROR(INDEX(Jesper!AK$2:AK$366,ROUNDDOWN($C6203/24,0)+1,1)*INDEX($D$3:$AA$30,INDEX(Jesper!$R$2:$R$366,ROW(INDEX(Jesper!AK$2:AK$366,ROUNDDOWN($C6203/24,0)+1,1))-1)+IF('Standard Profiles'!$G$21=$B$10,7,0)+IF('Standard Profiles'!$G$21=$B$17,14,0)+IF('Standard Profiles'!$G$21=$B$24,21,0),MOD($C6203,24)+1)/SUM(INDEX($D$3:$AA$30,INDEX(Jesper!$R$2:$R$366,ROW(INDEX(Jesper!AK$2:AK$366,ROUNDDOWN($C6203/24,0)+1,1))-1)+IF('Standard Profiles'!$G$21=$B$10,7,0)+IF('Standard Profiles'!$G$21=$B$17,14,0)+IF('Standard Profiles'!$G$21=$B$24,21,0),0)),0)</f>
        <v>0</v>
      </c>
      <c r="H6203" cm="1">
        <f t="array" ref="H6203">IFERROR(INDEX(Jesper!AL$2:AL$366,ROUNDDOWN($C6203/24,0)+1,1)*INDEX($D$3:$AA$30,INDEX(Jesper!$R$2:$R$366,ROW(INDEX(Jesper!AL$2:AL$366,ROUNDDOWN($C6203/24,0)+1,1))-1)+IF('Standard Profiles'!$G$22=$B$10,7,0)+IF('Standard Profiles'!$G$22=$B$17,14,0)+IF('Standard Profiles'!$G$22=$B$24,21,0),MOD($C6203,24)+1)/SUM(INDEX($D$3:$AA$30,INDEX(Jesper!$R$2:$R$366,ROW(INDEX(Jesper!AL$2:AL$366,ROUNDDOWN($C6203/24,0)+1,1))-1)+IF('Standard Profiles'!$G$22=$B$10,7,0)+IF('Standard Profiles'!$G$22=$B$17,14,0)+IF('Standard Profiles'!$G$22=$B$24,21,0),0)),0)</f>
        <v>0</v>
      </c>
      <c r="I6203">
        <f t="shared" si="692"/>
        <v>0.10094683165617813</v>
      </c>
      <c r="J6203">
        <f t="shared" si="693"/>
        <v>0.33648943885392713</v>
      </c>
      <c r="K6203">
        <f t="shared" si="694"/>
        <v>0.50473415828089063</v>
      </c>
      <c r="L6203">
        <f t="shared" si="695"/>
        <v>7.054918327206229</v>
      </c>
      <c r="M6203">
        <f t="shared" si="696"/>
        <v>0</v>
      </c>
      <c r="N6203" s="46">
        <f t="shared" si="697"/>
        <v>45549.041666651705</v>
      </c>
    </row>
    <row r="6204" spans="2:14" x14ac:dyDescent="0.3">
      <c r="B6204">
        <f t="shared" si="691"/>
        <v>6</v>
      </c>
      <c r="C6204" s="16">
        <v>6170</v>
      </c>
      <c r="D6204" cm="1">
        <f t="array" ref="D6204">IFERROR(INDEX(Jesper!AH$2:AH$366,ROUNDDOWN($C6204/24,0)+1,1)*INDEX($D$3:$AA$30,INDEX(Jesper!$R$2:$R$366,ROW(INDEX(Jesper!AH$2:AH$366,ROUNDDOWN($C6204/24,0)+1,1))-1)+IF('Standard Profiles'!$G$18=$B$10,7,0)+IF('Standard Profiles'!$G$18=$B$17,14,0)+IF('Standard Profiles'!$G$18=$B$24,21,0),MOD($C6204,24)+1)/SUM(INDEX($D$3:$AA$30,INDEX(Jesper!$R$2:$R$366,ROW(INDEX(Jesper!AH$2:AH$366,ROUNDDOWN($C6204/24,0)+1,1))-1)+IF('Standard Profiles'!$G$18=$B$10,7,0)+IF('Standard Profiles'!$G$18=$B$17,14,0)+IF('Standard Profiles'!$G$18=$B$24,21,0),0)),0)</f>
        <v>6.8765789246136482</v>
      </c>
      <c r="E6204" cm="1">
        <f t="array" ref="E6204">IFERROR(INDEX(Jesper!AI$2:AI$366,ROUNDDOWN($C6204/24,0)+1,1)*INDEX($D$3:$AA$30,INDEX(Jesper!$R$2:$R$366,ROW(INDEX(Jesper!AI$2:AI$366,ROUNDDOWN($C6204/24,0)+1,1))-1)+IF('Standard Profiles'!$G$19=$B$10,7,0)+IF('Standard Profiles'!$G$19=$B$17,14,0)+IF('Standard Profiles'!$G$19=$B$24,21,0),MOD($C6204,24)+1)/SUM(INDEX($D$3:$AA$30,INDEX(Jesper!$R$2:$R$366,ROW(INDEX(Jesper!AI$2:AI$366,ROUNDDOWN($C6204/24,0)+1,1))-1)+IF('Standard Profiles'!$G$19=$B$10,7,0)+IF('Standard Profiles'!$G$19=$B$17,14,0)+IF('Standard Profiles'!$G$19=$B$24,21,0),0)),0)</f>
        <v>1.1205098313835768</v>
      </c>
      <c r="F6204" cm="1">
        <f t="array" ref="F6204">IFERROR(INDEX(Jesper!AJ$2:AJ$366,ROUNDDOWN($C6204/24,0)+1,1)*INDEX($D$3:$AA$30,INDEX(Jesper!$R$2:$R$366,ROW(INDEX(Jesper!AJ$2:AJ$366,ROUNDDOWN($C6204/24,0)+1,1))-1)+IF('Standard Profiles'!$G$20=$B$10,7,0)+IF('Standard Profiles'!$G$20=$B$17,14,0)+IF('Standard Profiles'!$G$20=$B$24,21,0),MOD($C6204,24)+1)/SUM(INDEX($D$3:$AA$30,INDEX(Jesper!$R$2:$R$366,ROW(INDEX(Jesper!AJ$2:AJ$366,ROUNDDOWN($C6204/24,0)+1,1))-1)+IF('Standard Profiles'!$G$20=$B$10,7,0)+IF('Standard Profiles'!$G$20=$B$17,14,0)+IF('Standard Profiles'!$G$20=$B$24,21,0),0)),0)</f>
        <v>0</v>
      </c>
      <c r="G6204" cm="1">
        <f t="array" ref="G6204">IFERROR(INDEX(Jesper!AK$2:AK$366,ROUNDDOWN($C6204/24,0)+1,1)*INDEX($D$3:$AA$30,INDEX(Jesper!$R$2:$R$366,ROW(INDEX(Jesper!AK$2:AK$366,ROUNDDOWN($C6204/24,0)+1,1))-1)+IF('Standard Profiles'!$G$21=$B$10,7,0)+IF('Standard Profiles'!$G$21=$B$17,14,0)+IF('Standard Profiles'!$G$21=$B$24,21,0),MOD($C6204,24)+1)/SUM(INDEX($D$3:$AA$30,INDEX(Jesper!$R$2:$R$366,ROW(INDEX(Jesper!AK$2:AK$366,ROUNDDOWN($C6204/24,0)+1,1))-1)+IF('Standard Profiles'!$G$21=$B$10,7,0)+IF('Standard Profiles'!$G$21=$B$17,14,0)+IF('Standard Profiles'!$G$21=$B$24,21,0),0)),0)</f>
        <v>0</v>
      </c>
      <c r="H6204" cm="1">
        <f t="array" ref="H6204">IFERROR(INDEX(Jesper!AL$2:AL$366,ROUNDDOWN($C6204/24,0)+1,1)*INDEX($D$3:$AA$30,INDEX(Jesper!$R$2:$R$366,ROW(INDEX(Jesper!AL$2:AL$366,ROUNDDOWN($C6204/24,0)+1,1))-1)+IF('Standard Profiles'!$G$22=$B$10,7,0)+IF('Standard Profiles'!$G$22=$B$17,14,0)+IF('Standard Profiles'!$G$22=$B$24,21,0),MOD($C6204,24)+1)/SUM(INDEX($D$3:$AA$30,INDEX(Jesper!$R$2:$R$366,ROW(INDEX(Jesper!AL$2:AL$366,ROUNDDOWN($C6204/24,0)+1,1))-1)+IF('Standard Profiles'!$G$22=$B$10,7,0)+IF('Standard Profiles'!$G$22=$B$17,14,0)+IF('Standard Profiles'!$G$22=$B$24,21,0),0)),0)</f>
        <v>0</v>
      </c>
      <c r="I6204">
        <f t="shared" si="692"/>
        <v>0.10094683165617813</v>
      </c>
      <c r="J6204">
        <f t="shared" si="693"/>
        <v>0.33648943885392713</v>
      </c>
      <c r="K6204">
        <f t="shared" si="694"/>
        <v>0.50473415828089063</v>
      </c>
      <c r="L6204">
        <f t="shared" si="695"/>
        <v>7.054918327206229</v>
      </c>
      <c r="M6204">
        <f t="shared" si="696"/>
        <v>0</v>
      </c>
      <c r="N6204" s="46">
        <f t="shared" si="697"/>
        <v>45549.083333318369</v>
      </c>
    </row>
    <row r="6205" spans="2:14" x14ac:dyDescent="0.3">
      <c r="B6205">
        <f t="shared" si="691"/>
        <v>6</v>
      </c>
      <c r="C6205" s="16">
        <v>6171</v>
      </c>
      <c r="D6205" cm="1">
        <f t="array" ref="D6205">IFERROR(INDEX(Jesper!AH$2:AH$366,ROUNDDOWN($C6205/24,0)+1,1)*INDEX($D$3:$AA$30,INDEX(Jesper!$R$2:$R$366,ROW(INDEX(Jesper!AH$2:AH$366,ROUNDDOWN($C6205/24,0)+1,1))-1)+IF('Standard Profiles'!$G$18=$B$10,7,0)+IF('Standard Profiles'!$G$18=$B$17,14,0)+IF('Standard Profiles'!$G$18=$B$24,21,0),MOD($C6205,24)+1)/SUM(INDEX($D$3:$AA$30,INDEX(Jesper!$R$2:$R$366,ROW(INDEX(Jesper!AH$2:AH$366,ROUNDDOWN($C6205/24,0)+1,1))-1)+IF('Standard Profiles'!$G$18=$B$10,7,0)+IF('Standard Profiles'!$G$18=$B$17,14,0)+IF('Standard Profiles'!$G$18=$B$24,21,0),0)),0)</f>
        <v>6.8765789246136482</v>
      </c>
      <c r="E6205" cm="1">
        <f t="array" ref="E6205">IFERROR(INDEX(Jesper!AI$2:AI$366,ROUNDDOWN($C6205/24,0)+1,1)*INDEX($D$3:$AA$30,INDEX(Jesper!$R$2:$R$366,ROW(INDEX(Jesper!AI$2:AI$366,ROUNDDOWN($C6205/24,0)+1,1))-1)+IF('Standard Profiles'!$G$19=$B$10,7,0)+IF('Standard Profiles'!$G$19=$B$17,14,0)+IF('Standard Profiles'!$G$19=$B$24,21,0),MOD($C6205,24)+1)/SUM(INDEX($D$3:$AA$30,INDEX(Jesper!$R$2:$R$366,ROW(INDEX(Jesper!AI$2:AI$366,ROUNDDOWN($C6205/24,0)+1,1))-1)+IF('Standard Profiles'!$G$19=$B$10,7,0)+IF('Standard Profiles'!$G$19=$B$17,14,0)+IF('Standard Profiles'!$G$19=$B$24,21,0),0)),0)</f>
        <v>1.1205098313835768</v>
      </c>
      <c r="F6205" cm="1">
        <f t="array" ref="F6205">IFERROR(INDEX(Jesper!AJ$2:AJ$366,ROUNDDOWN($C6205/24,0)+1,1)*INDEX($D$3:$AA$30,INDEX(Jesper!$R$2:$R$366,ROW(INDEX(Jesper!AJ$2:AJ$366,ROUNDDOWN($C6205/24,0)+1,1))-1)+IF('Standard Profiles'!$G$20=$B$10,7,0)+IF('Standard Profiles'!$G$20=$B$17,14,0)+IF('Standard Profiles'!$G$20=$B$24,21,0),MOD($C6205,24)+1)/SUM(INDEX($D$3:$AA$30,INDEX(Jesper!$R$2:$R$366,ROW(INDEX(Jesper!AJ$2:AJ$366,ROUNDDOWN($C6205/24,0)+1,1))-1)+IF('Standard Profiles'!$G$20=$B$10,7,0)+IF('Standard Profiles'!$G$20=$B$17,14,0)+IF('Standard Profiles'!$G$20=$B$24,21,0),0)),0)</f>
        <v>0</v>
      </c>
      <c r="G6205" cm="1">
        <f t="array" ref="G6205">IFERROR(INDEX(Jesper!AK$2:AK$366,ROUNDDOWN($C6205/24,0)+1,1)*INDEX($D$3:$AA$30,INDEX(Jesper!$R$2:$R$366,ROW(INDEX(Jesper!AK$2:AK$366,ROUNDDOWN($C6205/24,0)+1,1))-1)+IF('Standard Profiles'!$G$21=$B$10,7,0)+IF('Standard Profiles'!$G$21=$B$17,14,0)+IF('Standard Profiles'!$G$21=$B$24,21,0),MOD($C6205,24)+1)/SUM(INDEX($D$3:$AA$30,INDEX(Jesper!$R$2:$R$366,ROW(INDEX(Jesper!AK$2:AK$366,ROUNDDOWN($C6205/24,0)+1,1))-1)+IF('Standard Profiles'!$G$21=$B$10,7,0)+IF('Standard Profiles'!$G$21=$B$17,14,0)+IF('Standard Profiles'!$G$21=$B$24,21,0),0)),0)</f>
        <v>0</v>
      </c>
      <c r="H6205" cm="1">
        <f t="array" ref="H6205">IFERROR(INDEX(Jesper!AL$2:AL$366,ROUNDDOWN($C6205/24,0)+1,1)*INDEX($D$3:$AA$30,INDEX(Jesper!$R$2:$R$366,ROW(INDEX(Jesper!AL$2:AL$366,ROUNDDOWN($C6205/24,0)+1,1))-1)+IF('Standard Profiles'!$G$22=$B$10,7,0)+IF('Standard Profiles'!$G$22=$B$17,14,0)+IF('Standard Profiles'!$G$22=$B$24,21,0),MOD($C6205,24)+1)/SUM(INDEX($D$3:$AA$30,INDEX(Jesper!$R$2:$R$366,ROW(INDEX(Jesper!AL$2:AL$366,ROUNDDOWN($C6205/24,0)+1,1))-1)+IF('Standard Profiles'!$G$22=$B$10,7,0)+IF('Standard Profiles'!$G$22=$B$17,14,0)+IF('Standard Profiles'!$G$22=$B$24,21,0),0)),0)</f>
        <v>0</v>
      </c>
      <c r="I6205">
        <f t="shared" si="692"/>
        <v>0.10094683165617813</v>
      </c>
      <c r="J6205">
        <f t="shared" si="693"/>
        <v>0.33648943885392713</v>
      </c>
      <c r="K6205">
        <f t="shared" si="694"/>
        <v>0.50473415828089063</v>
      </c>
      <c r="L6205">
        <f t="shared" si="695"/>
        <v>7.054918327206229</v>
      </c>
      <c r="M6205">
        <f t="shared" si="696"/>
        <v>0</v>
      </c>
      <c r="N6205" s="46">
        <f t="shared" si="697"/>
        <v>45549.124999985033</v>
      </c>
    </row>
    <row r="6206" spans="2:14" x14ac:dyDescent="0.3">
      <c r="B6206">
        <f t="shared" si="691"/>
        <v>6</v>
      </c>
      <c r="C6206" s="16">
        <v>6172</v>
      </c>
      <c r="D6206" cm="1">
        <f t="array" ref="D6206">IFERROR(INDEX(Jesper!AH$2:AH$366,ROUNDDOWN($C6206/24,0)+1,1)*INDEX($D$3:$AA$30,INDEX(Jesper!$R$2:$R$366,ROW(INDEX(Jesper!AH$2:AH$366,ROUNDDOWN($C6206/24,0)+1,1))-1)+IF('Standard Profiles'!$G$18=$B$10,7,0)+IF('Standard Profiles'!$G$18=$B$17,14,0)+IF('Standard Profiles'!$G$18=$B$24,21,0),MOD($C6206,24)+1)/SUM(INDEX($D$3:$AA$30,INDEX(Jesper!$R$2:$R$366,ROW(INDEX(Jesper!AH$2:AH$366,ROUNDDOWN($C6206/24,0)+1,1))-1)+IF('Standard Profiles'!$G$18=$B$10,7,0)+IF('Standard Profiles'!$G$18=$B$17,14,0)+IF('Standard Profiles'!$G$18=$B$24,21,0),0)),0)</f>
        <v>6.8765789246136482</v>
      </c>
      <c r="E6206" cm="1">
        <f t="array" ref="E6206">IFERROR(INDEX(Jesper!AI$2:AI$366,ROUNDDOWN($C6206/24,0)+1,1)*INDEX($D$3:$AA$30,INDEX(Jesper!$R$2:$R$366,ROW(INDEX(Jesper!AI$2:AI$366,ROUNDDOWN($C6206/24,0)+1,1))-1)+IF('Standard Profiles'!$G$19=$B$10,7,0)+IF('Standard Profiles'!$G$19=$B$17,14,0)+IF('Standard Profiles'!$G$19=$B$24,21,0),MOD($C6206,24)+1)/SUM(INDEX($D$3:$AA$30,INDEX(Jesper!$R$2:$R$366,ROW(INDEX(Jesper!AI$2:AI$366,ROUNDDOWN($C6206/24,0)+1,1))-1)+IF('Standard Profiles'!$G$19=$B$10,7,0)+IF('Standard Profiles'!$G$19=$B$17,14,0)+IF('Standard Profiles'!$G$19=$B$24,21,0),0)),0)</f>
        <v>1.1205098313835768</v>
      </c>
      <c r="F6206" cm="1">
        <f t="array" ref="F6206">IFERROR(INDEX(Jesper!AJ$2:AJ$366,ROUNDDOWN($C6206/24,0)+1,1)*INDEX($D$3:$AA$30,INDEX(Jesper!$R$2:$R$366,ROW(INDEX(Jesper!AJ$2:AJ$366,ROUNDDOWN($C6206/24,0)+1,1))-1)+IF('Standard Profiles'!$G$20=$B$10,7,0)+IF('Standard Profiles'!$G$20=$B$17,14,0)+IF('Standard Profiles'!$G$20=$B$24,21,0),MOD($C6206,24)+1)/SUM(INDEX($D$3:$AA$30,INDEX(Jesper!$R$2:$R$366,ROW(INDEX(Jesper!AJ$2:AJ$366,ROUNDDOWN($C6206/24,0)+1,1))-1)+IF('Standard Profiles'!$G$20=$B$10,7,0)+IF('Standard Profiles'!$G$20=$B$17,14,0)+IF('Standard Profiles'!$G$20=$B$24,21,0),0)),0)</f>
        <v>0</v>
      </c>
      <c r="G6206" cm="1">
        <f t="array" ref="G6206">IFERROR(INDEX(Jesper!AK$2:AK$366,ROUNDDOWN($C6206/24,0)+1,1)*INDEX($D$3:$AA$30,INDEX(Jesper!$R$2:$R$366,ROW(INDEX(Jesper!AK$2:AK$366,ROUNDDOWN($C6206/24,0)+1,1))-1)+IF('Standard Profiles'!$G$21=$B$10,7,0)+IF('Standard Profiles'!$G$21=$B$17,14,0)+IF('Standard Profiles'!$G$21=$B$24,21,0),MOD($C6206,24)+1)/SUM(INDEX($D$3:$AA$30,INDEX(Jesper!$R$2:$R$366,ROW(INDEX(Jesper!AK$2:AK$366,ROUNDDOWN($C6206/24,0)+1,1))-1)+IF('Standard Profiles'!$G$21=$B$10,7,0)+IF('Standard Profiles'!$G$21=$B$17,14,0)+IF('Standard Profiles'!$G$21=$B$24,21,0),0)),0)</f>
        <v>0</v>
      </c>
      <c r="H6206" cm="1">
        <f t="array" ref="H6206">IFERROR(INDEX(Jesper!AL$2:AL$366,ROUNDDOWN($C6206/24,0)+1,1)*INDEX($D$3:$AA$30,INDEX(Jesper!$R$2:$R$366,ROW(INDEX(Jesper!AL$2:AL$366,ROUNDDOWN($C6206/24,0)+1,1))-1)+IF('Standard Profiles'!$G$22=$B$10,7,0)+IF('Standard Profiles'!$G$22=$B$17,14,0)+IF('Standard Profiles'!$G$22=$B$24,21,0),MOD($C6206,24)+1)/SUM(INDEX($D$3:$AA$30,INDEX(Jesper!$R$2:$R$366,ROW(INDEX(Jesper!AL$2:AL$366,ROUNDDOWN($C6206/24,0)+1,1))-1)+IF('Standard Profiles'!$G$22=$B$10,7,0)+IF('Standard Profiles'!$G$22=$B$17,14,0)+IF('Standard Profiles'!$G$22=$B$24,21,0),0)),0)</f>
        <v>0</v>
      </c>
      <c r="I6206">
        <f t="shared" si="692"/>
        <v>0.10094683165617813</v>
      </c>
      <c r="J6206">
        <f t="shared" si="693"/>
        <v>0.33648943885392713</v>
      </c>
      <c r="K6206">
        <f t="shared" si="694"/>
        <v>0.50473415828089063</v>
      </c>
      <c r="L6206">
        <f t="shared" si="695"/>
        <v>7.054918327206229</v>
      </c>
      <c r="M6206">
        <f t="shared" si="696"/>
        <v>0</v>
      </c>
      <c r="N6206" s="46">
        <f t="shared" si="697"/>
        <v>45549.166666651698</v>
      </c>
    </row>
    <row r="6207" spans="2:14" x14ac:dyDescent="0.3">
      <c r="B6207">
        <f t="shared" si="691"/>
        <v>6</v>
      </c>
      <c r="C6207" s="16">
        <v>6173</v>
      </c>
      <c r="D6207" cm="1">
        <f t="array" ref="D6207">IFERROR(INDEX(Jesper!AH$2:AH$366,ROUNDDOWN($C6207/24,0)+1,1)*INDEX($D$3:$AA$30,INDEX(Jesper!$R$2:$R$366,ROW(INDEX(Jesper!AH$2:AH$366,ROUNDDOWN($C6207/24,0)+1,1))-1)+IF('Standard Profiles'!$G$18=$B$10,7,0)+IF('Standard Profiles'!$G$18=$B$17,14,0)+IF('Standard Profiles'!$G$18=$B$24,21,0),MOD($C6207,24)+1)/SUM(INDEX($D$3:$AA$30,INDEX(Jesper!$R$2:$R$366,ROW(INDEX(Jesper!AH$2:AH$366,ROUNDDOWN($C6207/24,0)+1,1))-1)+IF('Standard Profiles'!$G$18=$B$10,7,0)+IF('Standard Profiles'!$G$18=$B$17,14,0)+IF('Standard Profiles'!$G$18=$B$24,21,0),0)),0)</f>
        <v>8.5537932964706354</v>
      </c>
      <c r="E6207" cm="1">
        <f t="array" ref="E6207">IFERROR(INDEX(Jesper!AI$2:AI$366,ROUNDDOWN($C6207/24,0)+1,1)*INDEX($D$3:$AA$30,INDEX(Jesper!$R$2:$R$366,ROW(INDEX(Jesper!AI$2:AI$366,ROUNDDOWN($C6207/24,0)+1,1))-1)+IF('Standard Profiles'!$G$19=$B$10,7,0)+IF('Standard Profiles'!$G$19=$B$17,14,0)+IF('Standard Profiles'!$G$19=$B$24,21,0),MOD($C6207,24)+1)/SUM(INDEX($D$3:$AA$30,INDEX(Jesper!$R$2:$R$366,ROW(INDEX(Jesper!AI$2:AI$366,ROUNDDOWN($C6207/24,0)+1,1))-1)+IF('Standard Profiles'!$G$19=$B$10,7,0)+IF('Standard Profiles'!$G$19=$B$17,14,0)+IF('Standard Profiles'!$G$19=$B$24,21,0),0)),0)</f>
        <v>1.3938049122088394</v>
      </c>
      <c r="F6207" cm="1">
        <f t="array" ref="F6207">IFERROR(INDEX(Jesper!AJ$2:AJ$366,ROUNDDOWN($C6207/24,0)+1,1)*INDEX($D$3:$AA$30,INDEX(Jesper!$R$2:$R$366,ROW(INDEX(Jesper!AJ$2:AJ$366,ROUNDDOWN($C6207/24,0)+1,1))-1)+IF('Standard Profiles'!$G$20=$B$10,7,0)+IF('Standard Profiles'!$G$20=$B$17,14,0)+IF('Standard Profiles'!$G$20=$B$24,21,0),MOD($C6207,24)+1)/SUM(INDEX($D$3:$AA$30,INDEX(Jesper!$R$2:$R$366,ROW(INDEX(Jesper!AJ$2:AJ$366,ROUNDDOWN($C6207/24,0)+1,1))-1)+IF('Standard Profiles'!$G$20=$B$10,7,0)+IF('Standard Profiles'!$G$20=$B$17,14,0)+IF('Standard Profiles'!$G$20=$B$24,21,0),0)),0)</f>
        <v>0</v>
      </c>
      <c r="G6207" cm="1">
        <f t="array" ref="G6207">IFERROR(INDEX(Jesper!AK$2:AK$366,ROUNDDOWN($C6207/24,0)+1,1)*INDEX($D$3:$AA$30,INDEX(Jesper!$R$2:$R$366,ROW(INDEX(Jesper!AK$2:AK$366,ROUNDDOWN($C6207/24,0)+1,1))-1)+IF('Standard Profiles'!$G$21=$B$10,7,0)+IF('Standard Profiles'!$G$21=$B$17,14,0)+IF('Standard Profiles'!$G$21=$B$24,21,0),MOD($C6207,24)+1)/SUM(INDEX($D$3:$AA$30,INDEX(Jesper!$R$2:$R$366,ROW(INDEX(Jesper!AK$2:AK$366,ROUNDDOWN($C6207/24,0)+1,1))-1)+IF('Standard Profiles'!$G$21=$B$10,7,0)+IF('Standard Profiles'!$G$21=$B$17,14,0)+IF('Standard Profiles'!$G$21=$B$24,21,0),0)),0)</f>
        <v>0</v>
      </c>
      <c r="H6207" cm="1">
        <f t="array" ref="H6207">IFERROR(INDEX(Jesper!AL$2:AL$366,ROUNDDOWN($C6207/24,0)+1,1)*INDEX($D$3:$AA$30,INDEX(Jesper!$R$2:$R$366,ROW(INDEX(Jesper!AL$2:AL$366,ROUNDDOWN($C6207/24,0)+1,1))-1)+IF('Standard Profiles'!$G$22=$B$10,7,0)+IF('Standard Profiles'!$G$22=$B$17,14,0)+IF('Standard Profiles'!$G$22=$B$24,21,0),MOD($C6207,24)+1)/SUM(INDEX($D$3:$AA$30,INDEX(Jesper!$R$2:$R$366,ROW(INDEX(Jesper!AL$2:AL$366,ROUNDDOWN($C6207/24,0)+1,1))-1)+IF('Standard Profiles'!$G$22=$B$10,7,0)+IF('Standard Profiles'!$G$22=$B$17,14,0)+IF('Standard Profiles'!$G$22=$B$24,21,0),0)),0)</f>
        <v>0</v>
      </c>
      <c r="I6207">
        <f t="shared" si="692"/>
        <v>0.12556801010890448</v>
      </c>
      <c r="J6207">
        <f t="shared" si="693"/>
        <v>0.41856003369634831</v>
      </c>
      <c r="K6207">
        <f t="shared" si="694"/>
        <v>0.62784005054452252</v>
      </c>
      <c r="L6207">
        <f t="shared" si="695"/>
        <v>8.7756301143296991</v>
      </c>
      <c r="M6207">
        <f t="shared" si="696"/>
        <v>0</v>
      </c>
      <c r="N6207" s="46">
        <f t="shared" si="697"/>
        <v>45549.208333318362</v>
      </c>
    </row>
    <row r="6208" spans="2:14" x14ac:dyDescent="0.3">
      <c r="B6208">
        <f t="shared" si="691"/>
        <v>6</v>
      </c>
      <c r="C6208" s="16">
        <v>6174</v>
      </c>
      <c r="D6208" cm="1">
        <f t="array" ref="D6208">IFERROR(INDEX(Jesper!AH$2:AH$366,ROUNDDOWN($C6208/24,0)+1,1)*INDEX($D$3:$AA$30,INDEX(Jesper!$R$2:$R$366,ROW(INDEX(Jesper!AH$2:AH$366,ROUNDDOWN($C6208/24,0)+1,1))-1)+IF('Standard Profiles'!$G$18=$B$10,7,0)+IF('Standard Profiles'!$G$18=$B$17,14,0)+IF('Standard Profiles'!$G$18=$B$24,21,0),MOD($C6208,24)+1)/SUM(INDEX($D$3:$AA$30,INDEX(Jesper!$R$2:$R$366,ROW(INDEX(Jesper!AH$2:AH$366,ROUNDDOWN($C6208/24,0)+1,1))-1)+IF('Standard Profiles'!$G$18=$B$10,7,0)+IF('Standard Profiles'!$G$18=$B$17,14,0)+IF('Standard Profiles'!$G$18=$B$24,21,0),0)),0)</f>
        <v>10.734171979884719</v>
      </c>
      <c r="E6208" cm="1">
        <f t="array" ref="E6208">IFERROR(INDEX(Jesper!AI$2:AI$366,ROUNDDOWN($C6208/24,0)+1,1)*INDEX($D$3:$AA$30,INDEX(Jesper!$R$2:$R$366,ROW(INDEX(Jesper!AI$2:AI$366,ROUNDDOWN($C6208/24,0)+1,1))-1)+IF('Standard Profiles'!$G$19=$B$10,7,0)+IF('Standard Profiles'!$G$19=$B$17,14,0)+IF('Standard Profiles'!$G$19=$B$24,21,0),MOD($C6208,24)+1)/SUM(INDEX($D$3:$AA$30,INDEX(Jesper!$R$2:$R$366,ROW(INDEX(Jesper!AI$2:AI$366,ROUNDDOWN($C6208/24,0)+1,1))-1)+IF('Standard Profiles'!$G$19=$B$10,7,0)+IF('Standard Profiles'!$G$19=$B$17,14,0)+IF('Standard Profiles'!$G$19=$B$24,21,0),0)),0)</f>
        <v>1.7490885172816808</v>
      </c>
      <c r="F6208" cm="1">
        <f t="array" ref="F6208">IFERROR(INDEX(Jesper!AJ$2:AJ$366,ROUNDDOWN($C6208/24,0)+1,1)*INDEX($D$3:$AA$30,INDEX(Jesper!$R$2:$R$366,ROW(INDEX(Jesper!AJ$2:AJ$366,ROUNDDOWN($C6208/24,0)+1,1))-1)+IF('Standard Profiles'!$G$20=$B$10,7,0)+IF('Standard Profiles'!$G$20=$B$17,14,0)+IF('Standard Profiles'!$G$20=$B$24,21,0),MOD($C6208,24)+1)/SUM(INDEX($D$3:$AA$30,INDEX(Jesper!$R$2:$R$366,ROW(INDEX(Jesper!AJ$2:AJ$366,ROUNDDOWN($C6208/24,0)+1,1))-1)+IF('Standard Profiles'!$G$20=$B$10,7,0)+IF('Standard Profiles'!$G$20=$B$17,14,0)+IF('Standard Profiles'!$G$20=$B$24,21,0),0)),0)</f>
        <v>0</v>
      </c>
      <c r="G6208" cm="1">
        <f t="array" ref="G6208">IFERROR(INDEX(Jesper!AK$2:AK$366,ROUNDDOWN($C6208/24,0)+1,1)*INDEX($D$3:$AA$30,INDEX(Jesper!$R$2:$R$366,ROW(INDEX(Jesper!AK$2:AK$366,ROUNDDOWN($C6208/24,0)+1,1))-1)+IF('Standard Profiles'!$G$21=$B$10,7,0)+IF('Standard Profiles'!$G$21=$B$17,14,0)+IF('Standard Profiles'!$G$21=$B$24,21,0),MOD($C6208,24)+1)/SUM(INDEX($D$3:$AA$30,INDEX(Jesper!$R$2:$R$366,ROW(INDEX(Jesper!AK$2:AK$366,ROUNDDOWN($C6208/24,0)+1,1))-1)+IF('Standard Profiles'!$G$21=$B$10,7,0)+IF('Standard Profiles'!$G$21=$B$17,14,0)+IF('Standard Profiles'!$G$21=$B$24,21,0),0)),0)</f>
        <v>0</v>
      </c>
      <c r="H6208" cm="1">
        <f t="array" ref="H6208">IFERROR(INDEX(Jesper!AL$2:AL$366,ROUNDDOWN($C6208/24,0)+1,1)*INDEX($D$3:$AA$30,INDEX(Jesper!$R$2:$R$366,ROW(INDEX(Jesper!AL$2:AL$366,ROUNDDOWN($C6208/24,0)+1,1))-1)+IF('Standard Profiles'!$G$22=$B$10,7,0)+IF('Standard Profiles'!$G$22=$B$17,14,0)+IF('Standard Profiles'!$G$22=$B$24,21,0),MOD($C6208,24)+1)/SUM(INDEX($D$3:$AA$30,INDEX(Jesper!$R$2:$R$366,ROW(INDEX(Jesper!AL$2:AL$366,ROUNDDOWN($C6208/24,0)+1,1))-1)+IF('Standard Profiles'!$G$22=$B$10,7,0)+IF('Standard Profiles'!$G$22=$B$17,14,0)+IF('Standard Profiles'!$G$22=$B$24,21,0),0)),0)</f>
        <v>0</v>
      </c>
      <c r="I6208">
        <f t="shared" si="692"/>
        <v>0.15757554209744876</v>
      </c>
      <c r="J6208">
        <f t="shared" si="693"/>
        <v>0.52525180699149598</v>
      </c>
      <c r="K6208">
        <f t="shared" si="694"/>
        <v>0.78787771048724387</v>
      </c>
      <c r="L6208">
        <f t="shared" si="695"/>
        <v>11.012555437590212</v>
      </c>
      <c r="M6208">
        <f t="shared" si="696"/>
        <v>0</v>
      </c>
      <c r="N6208" s="46">
        <f t="shared" si="697"/>
        <v>45549.249999985026</v>
      </c>
    </row>
    <row r="6209" spans="2:14" x14ac:dyDescent="0.3">
      <c r="B6209">
        <f t="shared" si="691"/>
        <v>6</v>
      </c>
      <c r="C6209" s="16">
        <v>6175</v>
      </c>
      <c r="D6209" cm="1">
        <f t="array" ref="D6209">IFERROR(INDEX(Jesper!AH$2:AH$366,ROUNDDOWN($C6209/24,0)+1,1)*INDEX($D$3:$AA$30,INDEX(Jesper!$R$2:$R$366,ROW(INDEX(Jesper!AH$2:AH$366,ROUNDDOWN($C6209/24,0)+1,1))-1)+IF('Standard Profiles'!$G$18=$B$10,7,0)+IF('Standard Profiles'!$G$18=$B$17,14,0)+IF('Standard Profiles'!$G$18=$B$24,21,0),MOD($C6209,24)+1)/SUM(INDEX($D$3:$AA$30,INDEX(Jesper!$R$2:$R$366,ROW(INDEX(Jesper!AH$2:AH$366,ROUNDDOWN($C6209/24,0)+1,1))-1)+IF('Standard Profiles'!$G$18=$B$10,7,0)+IF('Standard Profiles'!$G$18=$B$17,14,0)+IF('Standard Profiles'!$G$18=$B$24,21,0),0)),0)</f>
        <v>12.243664914556007</v>
      </c>
      <c r="E6209" cm="1">
        <f t="array" ref="E6209">IFERROR(INDEX(Jesper!AI$2:AI$366,ROUNDDOWN($C6209/24,0)+1,1)*INDEX($D$3:$AA$30,INDEX(Jesper!$R$2:$R$366,ROW(INDEX(Jesper!AI$2:AI$366,ROUNDDOWN($C6209/24,0)+1,1))-1)+IF('Standard Profiles'!$G$19=$B$10,7,0)+IF('Standard Profiles'!$G$19=$B$17,14,0)+IF('Standard Profiles'!$G$19=$B$24,21,0),MOD($C6209,24)+1)/SUM(INDEX($D$3:$AA$30,INDEX(Jesper!$R$2:$R$366,ROW(INDEX(Jesper!AI$2:AI$366,ROUNDDOWN($C6209/24,0)+1,1))-1)+IF('Standard Profiles'!$G$19=$B$10,7,0)+IF('Standard Profiles'!$G$19=$B$17,14,0)+IF('Standard Profiles'!$G$19=$B$24,21,0),0)),0)</f>
        <v>1.9950540900244169</v>
      </c>
      <c r="F6209" cm="1">
        <f t="array" ref="F6209">IFERROR(INDEX(Jesper!AJ$2:AJ$366,ROUNDDOWN($C6209/24,0)+1,1)*INDEX($D$3:$AA$30,INDEX(Jesper!$R$2:$R$366,ROW(INDEX(Jesper!AJ$2:AJ$366,ROUNDDOWN($C6209/24,0)+1,1))-1)+IF('Standard Profiles'!$G$20=$B$10,7,0)+IF('Standard Profiles'!$G$20=$B$17,14,0)+IF('Standard Profiles'!$G$20=$B$24,21,0),MOD($C6209,24)+1)/SUM(INDEX($D$3:$AA$30,INDEX(Jesper!$R$2:$R$366,ROW(INDEX(Jesper!AJ$2:AJ$366,ROUNDDOWN($C6209/24,0)+1,1))-1)+IF('Standard Profiles'!$G$20=$B$10,7,0)+IF('Standard Profiles'!$G$20=$B$17,14,0)+IF('Standard Profiles'!$G$20=$B$24,21,0),0)),0)</f>
        <v>0</v>
      </c>
      <c r="G6209" cm="1">
        <f t="array" ref="G6209">IFERROR(INDEX(Jesper!AK$2:AK$366,ROUNDDOWN($C6209/24,0)+1,1)*INDEX($D$3:$AA$30,INDEX(Jesper!$R$2:$R$366,ROW(INDEX(Jesper!AK$2:AK$366,ROUNDDOWN($C6209/24,0)+1,1))-1)+IF('Standard Profiles'!$G$21=$B$10,7,0)+IF('Standard Profiles'!$G$21=$B$17,14,0)+IF('Standard Profiles'!$G$21=$B$24,21,0),MOD($C6209,24)+1)/SUM(INDEX($D$3:$AA$30,INDEX(Jesper!$R$2:$R$366,ROW(INDEX(Jesper!AK$2:AK$366,ROUNDDOWN($C6209/24,0)+1,1))-1)+IF('Standard Profiles'!$G$21=$B$10,7,0)+IF('Standard Profiles'!$G$21=$B$17,14,0)+IF('Standard Profiles'!$G$21=$B$24,21,0),0)),0)</f>
        <v>0</v>
      </c>
      <c r="H6209" cm="1">
        <f t="array" ref="H6209">IFERROR(INDEX(Jesper!AL$2:AL$366,ROUNDDOWN($C6209/24,0)+1,1)*INDEX($D$3:$AA$30,INDEX(Jesper!$R$2:$R$366,ROW(INDEX(Jesper!AL$2:AL$366,ROUNDDOWN($C6209/24,0)+1,1))-1)+IF('Standard Profiles'!$G$22=$B$10,7,0)+IF('Standard Profiles'!$G$22=$B$17,14,0)+IF('Standard Profiles'!$G$22=$B$24,21,0),MOD($C6209,24)+1)/SUM(INDEX($D$3:$AA$30,INDEX(Jesper!$R$2:$R$366,ROW(INDEX(Jesper!AL$2:AL$366,ROUNDDOWN($C6209/24,0)+1,1))-1)+IF('Standard Profiles'!$G$22=$B$10,7,0)+IF('Standard Profiles'!$G$22=$B$17,14,0)+IF('Standard Profiles'!$G$22=$B$24,21,0),0)),0)</f>
        <v>0</v>
      </c>
      <c r="I6209">
        <f t="shared" si="692"/>
        <v>0.17973460270490246</v>
      </c>
      <c r="J6209">
        <f t="shared" si="693"/>
        <v>0.59911534234967501</v>
      </c>
      <c r="K6209">
        <f t="shared" si="694"/>
        <v>0.89867301352451245</v>
      </c>
      <c r="L6209">
        <f t="shared" si="695"/>
        <v>12.561196046001333</v>
      </c>
      <c r="M6209">
        <f t="shared" si="696"/>
        <v>0</v>
      </c>
      <c r="N6209" s="46">
        <f t="shared" si="697"/>
        <v>45549.29166665169</v>
      </c>
    </row>
    <row r="6210" spans="2:14" x14ac:dyDescent="0.3">
      <c r="B6210">
        <f t="shared" si="691"/>
        <v>6</v>
      </c>
      <c r="C6210" s="16">
        <v>6176</v>
      </c>
      <c r="D6210" cm="1">
        <f t="array" ref="D6210">IFERROR(INDEX(Jesper!AH$2:AH$366,ROUNDDOWN($C6210/24,0)+1,1)*INDEX($D$3:$AA$30,INDEX(Jesper!$R$2:$R$366,ROW(INDEX(Jesper!AH$2:AH$366,ROUNDDOWN($C6210/24,0)+1,1))-1)+IF('Standard Profiles'!$G$18=$B$10,7,0)+IF('Standard Profiles'!$G$18=$B$17,14,0)+IF('Standard Profiles'!$G$18=$B$24,21,0),MOD($C6210,24)+1)/SUM(INDEX($D$3:$AA$30,INDEX(Jesper!$R$2:$R$366,ROW(INDEX(Jesper!AH$2:AH$366,ROUNDDOWN($C6210/24,0)+1,1))-1)+IF('Standard Profiles'!$G$18=$B$10,7,0)+IF('Standard Profiles'!$G$18=$B$17,14,0)+IF('Standard Profiles'!$G$18=$B$24,21,0),0)),0)</f>
        <v>12.243664914556007</v>
      </c>
      <c r="E6210" cm="1">
        <f t="array" ref="E6210">IFERROR(INDEX(Jesper!AI$2:AI$366,ROUNDDOWN($C6210/24,0)+1,1)*INDEX($D$3:$AA$30,INDEX(Jesper!$R$2:$R$366,ROW(INDEX(Jesper!AI$2:AI$366,ROUNDDOWN($C6210/24,0)+1,1))-1)+IF('Standard Profiles'!$G$19=$B$10,7,0)+IF('Standard Profiles'!$G$19=$B$17,14,0)+IF('Standard Profiles'!$G$19=$B$24,21,0),MOD($C6210,24)+1)/SUM(INDEX($D$3:$AA$30,INDEX(Jesper!$R$2:$R$366,ROW(INDEX(Jesper!AI$2:AI$366,ROUNDDOWN($C6210/24,0)+1,1))-1)+IF('Standard Profiles'!$G$19=$B$10,7,0)+IF('Standard Profiles'!$G$19=$B$17,14,0)+IF('Standard Profiles'!$G$19=$B$24,21,0),0)),0)</f>
        <v>1.9950540900244169</v>
      </c>
      <c r="F6210" cm="1">
        <f t="array" ref="F6210">IFERROR(INDEX(Jesper!AJ$2:AJ$366,ROUNDDOWN($C6210/24,0)+1,1)*INDEX($D$3:$AA$30,INDEX(Jesper!$R$2:$R$366,ROW(INDEX(Jesper!AJ$2:AJ$366,ROUNDDOWN($C6210/24,0)+1,1))-1)+IF('Standard Profiles'!$G$20=$B$10,7,0)+IF('Standard Profiles'!$G$20=$B$17,14,0)+IF('Standard Profiles'!$G$20=$B$24,21,0),MOD($C6210,24)+1)/SUM(INDEX($D$3:$AA$30,INDEX(Jesper!$R$2:$R$366,ROW(INDEX(Jesper!AJ$2:AJ$366,ROUNDDOWN($C6210/24,0)+1,1))-1)+IF('Standard Profiles'!$G$20=$B$10,7,0)+IF('Standard Profiles'!$G$20=$B$17,14,0)+IF('Standard Profiles'!$G$20=$B$24,21,0),0)),0)</f>
        <v>0</v>
      </c>
      <c r="G6210" cm="1">
        <f t="array" ref="G6210">IFERROR(INDEX(Jesper!AK$2:AK$366,ROUNDDOWN($C6210/24,0)+1,1)*INDEX($D$3:$AA$30,INDEX(Jesper!$R$2:$R$366,ROW(INDEX(Jesper!AK$2:AK$366,ROUNDDOWN($C6210/24,0)+1,1))-1)+IF('Standard Profiles'!$G$21=$B$10,7,0)+IF('Standard Profiles'!$G$21=$B$17,14,0)+IF('Standard Profiles'!$G$21=$B$24,21,0),MOD($C6210,24)+1)/SUM(INDEX($D$3:$AA$30,INDEX(Jesper!$R$2:$R$366,ROW(INDEX(Jesper!AK$2:AK$366,ROUNDDOWN($C6210/24,0)+1,1))-1)+IF('Standard Profiles'!$G$21=$B$10,7,0)+IF('Standard Profiles'!$G$21=$B$17,14,0)+IF('Standard Profiles'!$G$21=$B$24,21,0),0)),0)</f>
        <v>0</v>
      </c>
      <c r="H6210" cm="1">
        <f t="array" ref="H6210">IFERROR(INDEX(Jesper!AL$2:AL$366,ROUNDDOWN($C6210/24,0)+1,1)*INDEX($D$3:$AA$30,INDEX(Jesper!$R$2:$R$366,ROW(INDEX(Jesper!AL$2:AL$366,ROUNDDOWN($C6210/24,0)+1,1))-1)+IF('Standard Profiles'!$G$22=$B$10,7,0)+IF('Standard Profiles'!$G$22=$B$17,14,0)+IF('Standard Profiles'!$G$22=$B$24,21,0),MOD($C6210,24)+1)/SUM(INDEX($D$3:$AA$30,INDEX(Jesper!$R$2:$R$366,ROW(INDEX(Jesper!AL$2:AL$366,ROUNDDOWN($C6210/24,0)+1,1))-1)+IF('Standard Profiles'!$G$22=$B$10,7,0)+IF('Standard Profiles'!$G$22=$B$17,14,0)+IF('Standard Profiles'!$G$22=$B$24,21,0),0)),0)</f>
        <v>0</v>
      </c>
      <c r="I6210">
        <f t="shared" si="692"/>
        <v>0.17973460270490246</v>
      </c>
      <c r="J6210">
        <f t="shared" si="693"/>
        <v>0.59911534234967501</v>
      </c>
      <c r="K6210">
        <f t="shared" si="694"/>
        <v>0.89867301352451245</v>
      </c>
      <c r="L6210">
        <f t="shared" si="695"/>
        <v>12.561196046001333</v>
      </c>
      <c r="M6210">
        <f t="shared" si="696"/>
        <v>0</v>
      </c>
      <c r="N6210" s="46">
        <f t="shared" si="697"/>
        <v>45549.333333318355</v>
      </c>
    </row>
    <row r="6211" spans="2:14" x14ac:dyDescent="0.3">
      <c r="B6211">
        <f t="shared" si="691"/>
        <v>6</v>
      </c>
      <c r="C6211" s="16">
        <v>6177</v>
      </c>
      <c r="D6211" cm="1">
        <f t="array" ref="D6211">IFERROR(INDEX(Jesper!AH$2:AH$366,ROUNDDOWN($C6211/24,0)+1,1)*INDEX($D$3:$AA$30,INDEX(Jesper!$R$2:$R$366,ROW(INDEX(Jesper!AH$2:AH$366,ROUNDDOWN($C6211/24,0)+1,1))-1)+IF('Standard Profiles'!$G$18=$B$10,7,0)+IF('Standard Profiles'!$G$18=$B$17,14,0)+IF('Standard Profiles'!$G$18=$B$24,21,0),MOD($C6211,24)+1)/SUM(INDEX($D$3:$AA$30,INDEX(Jesper!$R$2:$R$366,ROW(INDEX(Jesper!AH$2:AH$366,ROUNDDOWN($C6211/24,0)+1,1))-1)+IF('Standard Profiles'!$G$18=$B$10,7,0)+IF('Standard Profiles'!$G$18=$B$17,14,0)+IF('Standard Profiles'!$G$18=$B$24,21,0),0)),0)</f>
        <v>12.243664914556007</v>
      </c>
      <c r="E6211" cm="1">
        <f t="array" ref="E6211">IFERROR(INDEX(Jesper!AI$2:AI$366,ROUNDDOWN($C6211/24,0)+1,1)*INDEX($D$3:$AA$30,INDEX(Jesper!$R$2:$R$366,ROW(INDEX(Jesper!AI$2:AI$366,ROUNDDOWN($C6211/24,0)+1,1))-1)+IF('Standard Profiles'!$G$19=$B$10,7,0)+IF('Standard Profiles'!$G$19=$B$17,14,0)+IF('Standard Profiles'!$G$19=$B$24,21,0),MOD($C6211,24)+1)/SUM(INDEX($D$3:$AA$30,INDEX(Jesper!$R$2:$R$366,ROW(INDEX(Jesper!AI$2:AI$366,ROUNDDOWN($C6211/24,0)+1,1))-1)+IF('Standard Profiles'!$G$19=$B$10,7,0)+IF('Standard Profiles'!$G$19=$B$17,14,0)+IF('Standard Profiles'!$G$19=$B$24,21,0),0)),0)</f>
        <v>1.9950540900244169</v>
      </c>
      <c r="F6211" cm="1">
        <f t="array" ref="F6211">IFERROR(INDEX(Jesper!AJ$2:AJ$366,ROUNDDOWN($C6211/24,0)+1,1)*INDEX($D$3:$AA$30,INDEX(Jesper!$R$2:$R$366,ROW(INDEX(Jesper!AJ$2:AJ$366,ROUNDDOWN($C6211/24,0)+1,1))-1)+IF('Standard Profiles'!$G$20=$B$10,7,0)+IF('Standard Profiles'!$G$20=$B$17,14,0)+IF('Standard Profiles'!$G$20=$B$24,21,0),MOD($C6211,24)+1)/SUM(INDEX($D$3:$AA$30,INDEX(Jesper!$R$2:$R$366,ROW(INDEX(Jesper!AJ$2:AJ$366,ROUNDDOWN($C6211/24,0)+1,1))-1)+IF('Standard Profiles'!$G$20=$B$10,7,0)+IF('Standard Profiles'!$G$20=$B$17,14,0)+IF('Standard Profiles'!$G$20=$B$24,21,0),0)),0)</f>
        <v>0</v>
      </c>
      <c r="G6211" cm="1">
        <f t="array" ref="G6211">IFERROR(INDEX(Jesper!AK$2:AK$366,ROUNDDOWN($C6211/24,0)+1,1)*INDEX($D$3:$AA$30,INDEX(Jesper!$R$2:$R$366,ROW(INDEX(Jesper!AK$2:AK$366,ROUNDDOWN($C6211/24,0)+1,1))-1)+IF('Standard Profiles'!$G$21=$B$10,7,0)+IF('Standard Profiles'!$G$21=$B$17,14,0)+IF('Standard Profiles'!$G$21=$B$24,21,0),MOD($C6211,24)+1)/SUM(INDEX($D$3:$AA$30,INDEX(Jesper!$R$2:$R$366,ROW(INDEX(Jesper!AK$2:AK$366,ROUNDDOWN($C6211/24,0)+1,1))-1)+IF('Standard Profiles'!$G$21=$B$10,7,0)+IF('Standard Profiles'!$G$21=$B$17,14,0)+IF('Standard Profiles'!$G$21=$B$24,21,0),0)),0)</f>
        <v>0</v>
      </c>
      <c r="H6211" cm="1">
        <f t="array" ref="H6211">IFERROR(INDEX(Jesper!AL$2:AL$366,ROUNDDOWN($C6211/24,0)+1,1)*INDEX($D$3:$AA$30,INDEX(Jesper!$R$2:$R$366,ROW(INDEX(Jesper!AL$2:AL$366,ROUNDDOWN($C6211/24,0)+1,1))-1)+IF('Standard Profiles'!$G$22=$B$10,7,0)+IF('Standard Profiles'!$G$22=$B$17,14,0)+IF('Standard Profiles'!$G$22=$B$24,21,0),MOD($C6211,24)+1)/SUM(INDEX($D$3:$AA$30,INDEX(Jesper!$R$2:$R$366,ROW(INDEX(Jesper!AL$2:AL$366,ROUNDDOWN($C6211/24,0)+1,1))-1)+IF('Standard Profiles'!$G$22=$B$10,7,0)+IF('Standard Profiles'!$G$22=$B$17,14,0)+IF('Standard Profiles'!$G$22=$B$24,21,0),0)),0)</f>
        <v>0</v>
      </c>
      <c r="I6211">
        <f t="shared" si="692"/>
        <v>0.17973460270490246</v>
      </c>
      <c r="J6211">
        <f t="shared" si="693"/>
        <v>0.59911534234967501</v>
      </c>
      <c r="K6211">
        <f t="shared" si="694"/>
        <v>0.89867301352451245</v>
      </c>
      <c r="L6211">
        <f t="shared" si="695"/>
        <v>12.561196046001333</v>
      </c>
      <c r="M6211">
        <f t="shared" si="696"/>
        <v>0</v>
      </c>
      <c r="N6211" s="46">
        <f t="shared" si="697"/>
        <v>45549.374999985019</v>
      </c>
    </row>
    <row r="6212" spans="2:14" x14ac:dyDescent="0.3">
      <c r="B6212">
        <f t="shared" si="691"/>
        <v>6</v>
      </c>
      <c r="C6212" s="16">
        <v>6178</v>
      </c>
      <c r="D6212" cm="1">
        <f t="array" ref="D6212">IFERROR(INDEX(Jesper!AH$2:AH$366,ROUNDDOWN($C6212/24,0)+1,1)*INDEX($D$3:$AA$30,INDEX(Jesper!$R$2:$R$366,ROW(INDEX(Jesper!AH$2:AH$366,ROUNDDOWN($C6212/24,0)+1,1))-1)+IF('Standard Profiles'!$G$18=$B$10,7,0)+IF('Standard Profiles'!$G$18=$B$17,14,0)+IF('Standard Profiles'!$G$18=$B$24,21,0),MOD($C6212,24)+1)/SUM(INDEX($D$3:$AA$30,INDEX(Jesper!$R$2:$R$366,ROW(INDEX(Jesper!AH$2:AH$366,ROUNDDOWN($C6212/24,0)+1,1))-1)+IF('Standard Profiles'!$G$18=$B$10,7,0)+IF('Standard Profiles'!$G$18=$B$17,14,0)+IF('Standard Profiles'!$G$18=$B$24,21,0),0)),0)</f>
        <v>12.243664914556007</v>
      </c>
      <c r="E6212" cm="1">
        <f t="array" ref="E6212">IFERROR(INDEX(Jesper!AI$2:AI$366,ROUNDDOWN($C6212/24,0)+1,1)*INDEX($D$3:$AA$30,INDEX(Jesper!$R$2:$R$366,ROW(INDEX(Jesper!AI$2:AI$366,ROUNDDOWN($C6212/24,0)+1,1))-1)+IF('Standard Profiles'!$G$19=$B$10,7,0)+IF('Standard Profiles'!$G$19=$B$17,14,0)+IF('Standard Profiles'!$G$19=$B$24,21,0),MOD($C6212,24)+1)/SUM(INDEX($D$3:$AA$30,INDEX(Jesper!$R$2:$R$366,ROW(INDEX(Jesper!AI$2:AI$366,ROUNDDOWN($C6212/24,0)+1,1))-1)+IF('Standard Profiles'!$G$19=$B$10,7,0)+IF('Standard Profiles'!$G$19=$B$17,14,0)+IF('Standard Profiles'!$G$19=$B$24,21,0),0)),0)</f>
        <v>1.9950540900244169</v>
      </c>
      <c r="F6212" cm="1">
        <f t="array" ref="F6212">IFERROR(INDEX(Jesper!AJ$2:AJ$366,ROUNDDOWN($C6212/24,0)+1,1)*INDEX($D$3:$AA$30,INDEX(Jesper!$R$2:$R$366,ROW(INDEX(Jesper!AJ$2:AJ$366,ROUNDDOWN($C6212/24,0)+1,1))-1)+IF('Standard Profiles'!$G$20=$B$10,7,0)+IF('Standard Profiles'!$G$20=$B$17,14,0)+IF('Standard Profiles'!$G$20=$B$24,21,0),MOD($C6212,24)+1)/SUM(INDEX($D$3:$AA$30,INDEX(Jesper!$R$2:$R$366,ROW(INDEX(Jesper!AJ$2:AJ$366,ROUNDDOWN($C6212/24,0)+1,1))-1)+IF('Standard Profiles'!$G$20=$B$10,7,0)+IF('Standard Profiles'!$G$20=$B$17,14,0)+IF('Standard Profiles'!$G$20=$B$24,21,0),0)),0)</f>
        <v>0</v>
      </c>
      <c r="G6212" cm="1">
        <f t="array" ref="G6212">IFERROR(INDEX(Jesper!AK$2:AK$366,ROUNDDOWN($C6212/24,0)+1,1)*INDEX($D$3:$AA$30,INDEX(Jesper!$R$2:$R$366,ROW(INDEX(Jesper!AK$2:AK$366,ROUNDDOWN($C6212/24,0)+1,1))-1)+IF('Standard Profiles'!$G$21=$B$10,7,0)+IF('Standard Profiles'!$G$21=$B$17,14,0)+IF('Standard Profiles'!$G$21=$B$24,21,0),MOD($C6212,24)+1)/SUM(INDEX($D$3:$AA$30,INDEX(Jesper!$R$2:$R$366,ROW(INDEX(Jesper!AK$2:AK$366,ROUNDDOWN($C6212/24,0)+1,1))-1)+IF('Standard Profiles'!$G$21=$B$10,7,0)+IF('Standard Profiles'!$G$21=$B$17,14,0)+IF('Standard Profiles'!$G$21=$B$24,21,0),0)),0)</f>
        <v>0</v>
      </c>
      <c r="H6212" cm="1">
        <f t="array" ref="H6212">IFERROR(INDEX(Jesper!AL$2:AL$366,ROUNDDOWN($C6212/24,0)+1,1)*INDEX($D$3:$AA$30,INDEX(Jesper!$R$2:$R$366,ROW(INDEX(Jesper!AL$2:AL$366,ROUNDDOWN($C6212/24,0)+1,1))-1)+IF('Standard Profiles'!$G$22=$B$10,7,0)+IF('Standard Profiles'!$G$22=$B$17,14,0)+IF('Standard Profiles'!$G$22=$B$24,21,0),MOD($C6212,24)+1)/SUM(INDEX($D$3:$AA$30,INDEX(Jesper!$R$2:$R$366,ROW(INDEX(Jesper!AL$2:AL$366,ROUNDDOWN($C6212/24,0)+1,1))-1)+IF('Standard Profiles'!$G$22=$B$10,7,0)+IF('Standard Profiles'!$G$22=$B$17,14,0)+IF('Standard Profiles'!$G$22=$B$24,21,0),0)),0)</f>
        <v>0</v>
      </c>
      <c r="I6212">
        <f t="shared" si="692"/>
        <v>0.17973460270490246</v>
      </c>
      <c r="J6212">
        <f t="shared" si="693"/>
        <v>0.59911534234967501</v>
      </c>
      <c r="K6212">
        <f t="shared" si="694"/>
        <v>0.89867301352451245</v>
      </c>
      <c r="L6212">
        <f t="shared" si="695"/>
        <v>12.561196046001333</v>
      </c>
      <c r="M6212">
        <f t="shared" si="696"/>
        <v>0</v>
      </c>
      <c r="N6212" s="46">
        <f t="shared" si="697"/>
        <v>45549.416666651683</v>
      </c>
    </row>
    <row r="6213" spans="2:14" x14ac:dyDescent="0.3">
      <c r="B6213">
        <f t="shared" si="691"/>
        <v>6</v>
      </c>
      <c r="C6213" s="16">
        <v>6179</v>
      </c>
      <c r="D6213" cm="1">
        <f t="array" ref="D6213">IFERROR(INDEX(Jesper!AH$2:AH$366,ROUNDDOWN($C6213/24,0)+1,1)*INDEX($D$3:$AA$30,INDEX(Jesper!$R$2:$R$366,ROW(INDEX(Jesper!AH$2:AH$366,ROUNDDOWN($C6213/24,0)+1,1))-1)+IF('Standard Profiles'!$G$18=$B$10,7,0)+IF('Standard Profiles'!$G$18=$B$17,14,0)+IF('Standard Profiles'!$G$18=$B$24,21,0),MOD($C6213,24)+1)/SUM(INDEX($D$3:$AA$30,INDEX(Jesper!$R$2:$R$366,ROW(INDEX(Jesper!AH$2:AH$366,ROUNDDOWN($C6213/24,0)+1,1))-1)+IF('Standard Profiles'!$G$18=$B$10,7,0)+IF('Standard Profiles'!$G$18=$B$17,14,0)+IF('Standard Profiles'!$G$18=$B$24,21,0),0)),0)</f>
        <v>12.243664914556007</v>
      </c>
      <c r="E6213" cm="1">
        <f t="array" ref="E6213">IFERROR(INDEX(Jesper!AI$2:AI$366,ROUNDDOWN($C6213/24,0)+1,1)*INDEX($D$3:$AA$30,INDEX(Jesper!$R$2:$R$366,ROW(INDEX(Jesper!AI$2:AI$366,ROUNDDOWN($C6213/24,0)+1,1))-1)+IF('Standard Profiles'!$G$19=$B$10,7,0)+IF('Standard Profiles'!$G$19=$B$17,14,0)+IF('Standard Profiles'!$G$19=$B$24,21,0),MOD($C6213,24)+1)/SUM(INDEX($D$3:$AA$30,INDEX(Jesper!$R$2:$R$366,ROW(INDEX(Jesper!AI$2:AI$366,ROUNDDOWN($C6213/24,0)+1,1))-1)+IF('Standard Profiles'!$G$19=$B$10,7,0)+IF('Standard Profiles'!$G$19=$B$17,14,0)+IF('Standard Profiles'!$G$19=$B$24,21,0),0)),0)</f>
        <v>1.9950540900244169</v>
      </c>
      <c r="F6213" cm="1">
        <f t="array" ref="F6213">IFERROR(INDEX(Jesper!AJ$2:AJ$366,ROUNDDOWN($C6213/24,0)+1,1)*INDEX($D$3:$AA$30,INDEX(Jesper!$R$2:$R$366,ROW(INDEX(Jesper!AJ$2:AJ$366,ROUNDDOWN($C6213/24,0)+1,1))-1)+IF('Standard Profiles'!$G$20=$B$10,7,0)+IF('Standard Profiles'!$G$20=$B$17,14,0)+IF('Standard Profiles'!$G$20=$B$24,21,0),MOD($C6213,24)+1)/SUM(INDEX($D$3:$AA$30,INDEX(Jesper!$R$2:$R$366,ROW(INDEX(Jesper!AJ$2:AJ$366,ROUNDDOWN($C6213/24,0)+1,1))-1)+IF('Standard Profiles'!$G$20=$B$10,7,0)+IF('Standard Profiles'!$G$20=$B$17,14,0)+IF('Standard Profiles'!$G$20=$B$24,21,0),0)),0)</f>
        <v>0</v>
      </c>
      <c r="G6213" cm="1">
        <f t="array" ref="G6213">IFERROR(INDEX(Jesper!AK$2:AK$366,ROUNDDOWN($C6213/24,0)+1,1)*INDEX($D$3:$AA$30,INDEX(Jesper!$R$2:$R$366,ROW(INDEX(Jesper!AK$2:AK$366,ROUNDDOWN($C6213/24,0)+1,1))-1)+IF('Standard Profiles'!$G$21=$B$10,7,0)+IF('Standard Profiles'!$G$21=$B$17,14,0)+IF('Standard Profiles'!$G$21=$B$24,21,0),MOD($C6213,24)+1)/SUM(INDEX($D$3:$AA$30,INDEX(Jesper!$R$2:$R$366,ROW(INDEX(Jesper!AK$2:AK$366,ROUNDDOWN($C6213/24,0)+1,1))-1)+IF('Standard Profiles'!$G$21=$B$10,7,0)+IF('Standard Profiles'!$G$21=$B$17,14,0)+IF('Standard Profiles'!$G$21=$B$24,21,0),0)),0)</f>
        <v>0</v>
      </c>
      <c r="H6213" cm="1">
        <f t="array" ref="H6213">IFERROR(INDEX(Jesper!AL$2:AL$366,ROUNDDOWN($C6213/24,0)+1,1)*INDEX($D$3:$AA$30,INDEX(Jesper!$R$2:$R$366,ROW(INDEX(Jesper!AL$2:AL$366,ROUNDDOWN($C6213/24,0)+1,1))-1)+IF('Standard Profiles'!$G$22=$B$10,7,0)+IF('Standard Profiles'!$G$22=$B$17,14,0)+IF('Standard Profiles'!$G$22=$B$24,21,0),MOD($C6213,24)+1)/SUM(INDEX($D$3:$AA$30,INDEX(Jesper!$R$2:$R$366,ROW(INDEX(Jesper!AL$2:AL$366,ROUNDDOWN($C6213/24,0)+1,1))-1)+IF('Standard Profiles'!$G$22=$B$10,7,0)+IF('Standard Profiles'!$G$22=$B$17,14,0)+IF('Standard Profiles'!$G$22=$B$24,21,0),0)),0)</f>
        <v>0</v>
      </c>
      <c r="I6213">
        <f t="shared" si="692"/>
        <v>0.17973460270490246</v>
      </c>
      <c r="J6213">
        <f t="shared" si="693"/>
        <v>0.59911534234967501</v>
      </c>
      <c r="K6213">
        <f t="shared" si="694"/>
        <v>0.89867301352451245</v>
      </c>
      <c r="L6213">
        <f t="shared" si="695"/>
        <v>12.561196046001333</v>
      </c>
      <c r="M6213">
        <f t="shared" si="696"/>
        <v>0</v>
      </c>
      <c r="N6213" s="46">
        <f t="shared" si="697"/>
        <v>45549.458333318347</v>
      </c>
    </row>
    <row r="6214" spans="2:14" x14ac:dyDescent="0.3">
      <c r="B6214">
        <f t="shared" si="691"/>
        <v>6</v>
      </c>
      <c r="C6214" s="16">
        <v>6180</v>
      </c>
      <c r="D6214" cm="1">
        <f t="array" ref="D6214">IFERROR(INDEX(Jesper!AH$2:AH$366,ROUNDDOWN($C6214/24,0)+1,1)*INDEX($D$3:$AA$30,INDEX(Jesper!$R$2:$R$366,ROW(INDEX(Jesper!AH$2:AH$366,ROUNDDOWN($C6214/24,0)+1,1))-1)+IF('Standard Profiles'!$G$18=$B$10,7,0)+IF('Standard Profiles'!$G$18=$B$17,14,0)+IF('Standard Profiles'!$G$18=$B$24,21,0),MOD($C6214,24)+1)/SUM(INDEX($D$3:$AA$30,INDEX(Jesper!$R$2:$R$366,ROW(INDEX(Jesper!AH$2:AH$366,ROUNDDOWN($C6214/24,0)+1,1))-1)+IF('Standard Profiles'!$G$18=$B$10,7,0)+IF('Standard Profiles'!$G$18=$B$17,14,0)+IF('Standard Profiles'!$G$18=$B$24,21,0),0)),0)</f>
        <v>12.243664914556007</v>
      </c>
      <c r="E6214" cm="1">
        <f t="array" ref="E6214">IFERROR(INDEX(Jesper!AI$2:AI$366,ROUNDDOWN($C6214/24,0)+1,1)*INDEX($D$3:$AA$30,INDEX(Jesper!$R$2:$R$366,ROW(INDEX(Jesper!AI$2:AI$366,ROUNDDOWN($C6214/24,0)+1,1))-1)+IF('Standard Profiles'!$G$19=$B$10,7,0)+IF('Standard Profiles'!$G$19=$B$17,14,0)+IF('Standard Profiles'!$G$19=$B$24,21,0),MOD($C6214,24)+1)/SUM(INDEX($D$3:$AA$30,INDEX(Jesper!$R$2:$R$366,ROW(INDEX(Jesper!AI$2:AI$366,ROUNDDOWN($C6214/24,0)+1,1))-1)+IF('Standard Profiles'!$G$19=$B$10,7,0)+IF('Standard Profiles'!$G$19=$B$17,14,0)+IF('Standard Profiles'!$G$19=$B$24,21,0),0)),0)</f>
        <v>1.9950540900244169</v>
      </c>
      <c r="F6214" cm="1">
        <f t="array" ref="F6214">IFERROR(INDEX(Jesper!AJ$2:AJ$366,ROUNDDOWN($C6214/24,0)+1,1)*INDEX($D$3:$AA$30,INDEX(Jesper!$R$2:$R$366,ROW(INDEX(Jesper!AJ$2:AJ$366,ROUNDDOWN($C6214/24,0)+1,1))-1)+IF('Standard Profiles'!$G$20=$B$10,7,0)+IF('Standard Profiles'!$G$20=$B$17,14,0)+IF('Standard Profiles'!$G$20=$B$24,21,0),MOD($C6214,24)+1)/SUM(INDEX($D$3:$AA$30,INDEX(Jesper!$R$2:$R$366,ROW(INDEX(Jesper!AJ$2:AJ$366,ROUNDDOWN($C6214/24,0)+1,1))-1)+IF('Standard Profiles'!$G$20=$B$10,7,0)+IF('Standard Profiles'!$G$20=$B$17,14,0)+IF('Standard Profiles'!$G$20=$B$24,21,0),0)),0)</f>
        <v>0</v>
      </c>
      <c r="G6214" cm="1">
        <f t="array" ref="G6214">IFERROR(INDEX(Jesper!AK$2:AK$366,ROUNDDOWN($C6214/24,0)+1,1)*INDEX($D$3:$AA$30,INDEX(Jesper!$R$2:$R$366,ROW(INDEX(Jesper!AK$2:AK$366,ROUNDDOWN($C6214/24,0)+1,1))-1)+IF('Standard Profiles'!$G$21=$B$10,7,0)+IF('Standard Profiles'!$G$21=$B$17,14,0)+IF('Standard Profiles'!$G$21=$B$24,21,0),MOD($C6214,24)+1)/SUM(INDEX($D$3:$AA$30,INDEX(Jesper!$R$2:$R$366,ROW(INDEX(Jesper!AK$2:AK$366,ROUNDDOWN($C6214/24,0)+1,1))-1)+IF('Standard Profiles'!$G$21=$B$10,7,0)+IF('Standard Profiles'!$G$21=$B$17,14,0)+IF('Standard Profiles'!$G$21=$B$24,21,0),0)),0)</f>
        <v>0</v>
      </c>
      <c r="H6214" cm="1">
        <f t="array" ref="H6214">IFERROR(INDEX(Jesper!AL$2:AL$366,ROUNDDOWN($C6214/24,0)+1,1)*INDEX($D$3:$AA$30,INDEX(Jesper!$R$2:$R$366,ROW(INDEX(Jesper!AL$2:AL$366,ROUNDDOWN($C6214/24,0)+1,1))-1)+IF('Standard Profiles'!$G$22=$B$10,7,0)+IF('Standard Profiles'!$G$22=$B$17,14,0)+IF('Standard Profiles'!$G$22=$B$24,21,0),MOD($C6214,24)+1)/SUM(INDEX($D$3:$AA$30,INDEX(Jesper!$R$2:$R$366,ROW(INDEX(Jesper!AL$2:AL$366,ROUNDDOWN($C6214/24,0)+1,1))-1)+IF('Standard Profiles'!$G$22=$B$10,7,0)+IF('Standard Profiles'!$G$22=$B$17,14,0)+IF('Standard Profiles'!$G$22=$B$24,21,0),0)),0)</f>
        <v>0</v>
      </c>
      <c r="I6214">
        <f t="shared" si="692"/>
        <v>0.17973460270490246</v>
      </c>
      <c r="J6214">
        <f t="shared" si="693"/>
        <v>0.59911534234967501</v>
      </c>
      <c r="K6214">
        <f t="shared" si="694"/>
        <v>0.89867301352451245</v>
      </c>
      <c r="L6214">
        <f t="shared" si="695"/>
        <v>12.561196046001333</v>
      </c>
      <c r="M6214">
        <f t="shared" si="696"/>
        <v>0</v>
      </c>
      <c r="N6214" s="46">
        <f t="shared" si="697"/>
        <v>45549.499999985012</v>
      </c>
    </row>
    <row r="6215" spans="2:14" x14ac:dyDescent="0.3">
      <c r="B6215">
        <f t="shared" si="691"/>
        <v>6</v>
      </c>
      <c r="C6215" s="16">
        <v>6181</v>
      </c>
      <c r="D6215" cm="1">
        <f t="array" ref="D6215">IFERROR(INDEX(Jesper!AH$2:AH$366,ROUNDDOWN($C6215/24,0)+1,1)*INDEX($D$3:$AA$30,INDEX(Jesper!$R$2:$R$366,ROW(INDEX(Jesper!AH$2:AH$366,ROUNDDOWN($C6215/24,0)+1,1))-1)+IF('Standard Profiles'!$G$18=$B$10,7,0)+IF('Standard Profiles'!$G$18=$B$17,14,0)+IF('Standard Profiles'!$G$18=$B$24,21,0),MOD($C6215,24)+1)/SUM(INDEX($D$3:$AA$30,INDEX(Jesper!$R$2:$R$366,ROW(INDEX(Jesper!AH$2:AH$366,ROUNDDOWN($C6215/24,0)+1,1))-1)+IF('Standard Profiles'!$G$18=$B$10,7,0)+IF('Standard Profiles'!$G$18=$B$17,14,0)+IF('Standard Profiles'!$G$18=$B$24,21,0),0)),0)</f>
        <v>12.243664914556007</v>
      </c>
      <c r="E6215" cm="1">
        <f t="array" ref="E6215">IFERROR(INDEX(Jesper!AI$2:AI$366,ROUNDDOWN($C6215/24,0)+1,1)*INDEX($D$3:$AA$30,INDEX(Jesper!$R$2:$R$366,ROW(INDEX(Jesper!AI$2:AI$366,ROUNDDOWN($C6215/24,0)+1,1))-1)+IF('Standard Profiles'!$G$19=$B$10,7,0)+IF('Standard Profiles'!$G$19=$B$17,14,0)+IF('Standard Profiles'!$G$19=$B$24,21,0),MOD($C6215,24)+1)/SUM(INDEX($D$3:$AA$30,INDEX(Jesper!$R$2:$R$366,ROW(INDEX(Jesper!AI$2:AI$366,ROUNDDOWN($C6215/24,0)+1,1))-1)+IF('Standard Profiles'!$G$19=$B$10,7,0)+IF('Standard Profiles'!$G$19=$B$17,14,0)+IF('Standard Profiles'!$G$19=$B$24,21,0),0)),0)</f>
        <v>1.9950540900244169</v>
      </c>
      <c r="F6215" cm="1">
        <f t="array" ref="F6215">IFERROR(INDEX(Jesper!AJ$2:AJ$366,ROUNDDOWN($C6215/24,0)+1,1)*INDEX($D$3:$AA$30,INDEX(Jesper!$R$2:$R$366,ROW(INDEX(Jesper!AJ$2:AJ$366,ROUNDDOWN($C6215/24,0)+1,1))-1)+IF('Standard Profiles'!$G$20=$B$10,7,0)+IF('Standard Profiles'!$G$20=$B$17,14,0)+IF('Standard Profiles'!$G$20=$B$24,21,0),MOD($C6215,24)+1)/SUM(INDEX($D$3:$AA$30,INDEX(Jesper!$R$2:$R$366,ROW(INDEX(Jesper!AJ$2:AJ$366,ROUNDDOWN($C6215/24,0)+1,1))-1)+IF('Standard Profiles'!$G$20=$B$10,7,0)+IF('Standard Profiles'!$G$20=$B$17,14,0)+IF('Standard Profiles'!$G$20=$B$24,21,0),0)),0)</f>
        <v>0</v>
      </c>
      <c r="G6215" cm="1">
        <f t="array" ref="G6215">IFERROR(INDEX(Jesper!AK$2:AK$366,ROUNDDOWN($C6215/24,0)+1,1)*INDEX($D$3:$AA$30,INDEX(Jesper!$R$2:$R$366,ROW(INDEX(Jesper!AK$2:AK$366,ROUNDDOWN($C6215/24,0)+1,1))-1)+IF('Standard Profiles'!$G$21=$B$10,7,0)+IF('Standard Profiles'!$G$21=$B$17,14,0)+IF('Standard Profiles'!$G$21=$B$24,21,0),MOD($C6215,24)+1)/SUM(INDEX($D$3:$AA$30,INDEX(Jesper!$R$2:$R$366,ROW(INDEX(Jesper!AK$2:AK$366,ROUNDDOWN($C6215/24,0)+1,1))-1)+IF('Standard Profiles'!$G$21=$B$10,7,0)+IF('Standard Profiles'!$G$21=$B$17,14,0)+IF('Standard Profiles'!$G$21=$B$24,21,0),0)),0)</f>
        <v>0</v>
      </c>
      <c r="H6215" cm="1">
        <f t="array" ref="H6215">IFERROR(INDEX(Jesper!AL$2:AL$366,ROUNDDOWN($C6215/24,0)+1,1)*INDEX($D$3:$AA$30,INDEX(Jesper!$R$2:$R$366,ROW(INDEX(Jesper!AL$2:AL$366,ROUNDDOWN($C6215/24,0)+1,1))-1)+IF('Standard Profiles'!$G$22=$B$10,7,0)+IF('Standard Profiles'!$G$22=$B$17,14,0)+IF('Standard Profiles'!$G$22=$B$24,21,0),MOD($C6215,24)+1)/SUM(INDEX($D$3:$AA$30,INDEX(Jesper!$R$2:$R$366,ROW(INDEX(Jesper!AL$2:AL$366,ROUNDDOWN($C6215/24,0)+1,1))-1)+IF('Standard Profiles'!$G$22=$B$10,7,0)+IF('Standard Profiles'!$G$22=$B$17,14,0)+IF('Standard Profiles'!$G$22=$B$24,21,0),0)),0)</f>
        <v>0</v>
      </c>
      <c r="I6215">
        <f t="shared" si="692"/>
        <v>0.17973460270490246</v>
      </c>
      <c r="J6215">
        <f t="shared" si="693"/>
        <v>0.59911534234967501</v>
      </c>
      <c r="K6215">
        <f t="shared" si="694"/>
        <v>0.89867301352451245</v>
      </c>
      <c r="L6215">
        <f t="shared" si="695"/>
        <v>12.561196046001333</v>
      </c>
      <c r="M6215">
        <f t="shared" si="696"/>
        <v>0</v>
      </c>
      <c r="N6215" s="46">
        <f t="shared" si="697"/>
        <v>45549.541666651676</v>
      </c>
    </row>
    <row r="6216" spans="2:14" x14ac:dyDescent="0.3">
      <c r="B6216">
        <f t="shared" si="691"/>
        <v>6</v>
      </c>
      <c r="C6216" s="16">
        <v>6182</v>
      </c>
      <c r="D6216" cm="1">
        <f t="array" ref="D6216">IFERROR(INDEX(Jesper!AH$2:AH$366,ROUNDDOWN($C6216/24,0)+1,1)*INDEX($D$3:$AA$30,INDEX(Jesper!$R$2:$R$366,ROW(INDEX(Jesper!AH$2:AH$366,ROUNDDOWN($C6216/24,0)+1,1))-1)+IF('Standard Profiles'!$G$18=$B$10,7,0)+IF('Standard Profiles'!$G$18=$B$17,14,0)+IF('Standard Profiles'!$G$18=$B$24,21,0),MOD($C6216,24)+1)/SUM(INDEX($D$3:$AA$30,INDEX(Jesper!$R$2:$R$366,ROW(INDEX(Jesper!AH$2:AH$366,ROUNDDOWN($C6216/24,0)+1,1))-1)+IF('Standard Profiles'!$G$18=$B$10,7,0)+IF('Standard Profiles'!$G$18=$B$17,14,0)+IF('Standard Profiles'!$G$18=$B$24,21,0),0)),0)</f>
        <v>12.243664914556007</v>
      </c>
      <c r="E6216" cm="1">
        <f t="array" ref="E6216">IFERROR(INDEX(Jesper!AI$2:AI$366,ROUNDDOWN($C6216/24,0)+1,1)*INDEX($D$3:$AA$30,INDEX(Jesper!$R$2:$R$366,ROW(INDEX(Jesper!AI$2:AI$366,ROUNDDOWN($C6216/24,0)+1,1))-1)+IF('Standard Profiles'!$G$19=$B$10,7,0)+IF('Standard Profiles'!$G$19=$B$17,14,0)+IF('Standard Profiles'!$G$19=$B$24,21,0),MOD($C6216,24)+1)/SUM(INDEX($D$3:$AA$30,INDEX(Jesper!$R$2:$R$366,ROW(INDEX(Jesper!AI$2:AI$366,ROUNDDOWN($C6216/24,0)+1,1))-1)+IF('Standard Profiles'!$G$19=$B$10,7,0)+IF('Standard Profiles'!$G$19=$B$17,14,0)+IF('Standard Profiles'!$G$19=$B$24,21,0),0)),0)</f>
        <v>1.9950540900244169</v>
      </c>
      <c r="F6216" cm="1">
        <f t="array" ref="F6216">IFERROR(INDEX(Jesper!AJ$2:AJ$366,ROUNDDOWN($C6216/24,0)+1,1)*INDEX($D$3:$AA$30,INDEX(Jesper!$R$2:$R$366,ROW(INDEX(Jesper!AJ$2:AJ$366,ROUNDDOWN($C6216/24,0)+1,1))-1)+IF('Standard Profiles'!$G$20=$B$10,7,0)+IF('Standard Profiles'!$G$20=$B$17,14,0)+IF('Standard Profiles'!$G$20=$B$24,21,0),MOD($C6216,24)+1)/SUM(INDEX($D$3:$AA$30,INDEX(Jesper!$R$2:$R$366,ROW(INDEX(Jesper!AJ$2:AJ$366,ROUNDDOWN($C6216/24,0)+1,1))-1)+IF('Standard Profiles'!$G$20=$B$10,7,0)+IF('Standard Profiles'!$G$20=$B$17,14,0)+IF('Standard Profiles'!$G$20=$B$24,21,0),0)),0)</f>
        <v>0</v>
      </c>
      <c r="G6216" cm="1">
        <f t="array" ref="G6216">IFERROR(INDEX(Jesper!AK$2:AK$366,ROUNDDOWN($C6216/24,0)+1,1)*INDEX($D$3:$AA$30,INDEX(Jesper!$R$2:$R$366,ROW(INDEX(Jesper!AK$2:AK$366,ROUNDDOWN($C6216/24,0)+1,1))-1)+IF('Standard Profiles'!$G$21=$B$10,7,0)+IF('Standard Profiles'!$G$21=$B$17,14,0)+IF('Standard Profiles'!$G$21=$B$24,21,0),MOD($C6216,24)+1)/SUM(INDEX($D$3:$AA$30,INDEX(Jesper!$R$2:$R$366,ROW(INDEX(Jesper!AK$2:AK$366,ROUNDDOWN($C6216/24,0)+1,1))-1)+IF('Standard Profiles'!$G$21=$B$10,7,0)+IF('Standard Profiles'!$G$21=$B$17,14,0)+IF('Standard Profiles'!$G$21=$B$24,21,0),0)),0)</f>
        <v>0</v>
      </c>
      <c r="H6216" cm="1">
        <f t="array" ref="H6216">IFERROR(INDEX(Jesper!AL$2:AL$366,ROUNDDOWN($C6216/24,0)+1,1)*INDEX($D$3:$AA$30,INDEX(Jesper!$R$2:$R$366,ROW(INDEX(Jesper!AL$2:AL$366,ROUNDDOWN($C6216/24,0)+1,1))-1)+IF('Standard Profiles'!$G$22=$B$10,7,0)+IF('Standard Profiles'!$G$22=$B$17,14,0)+IF('Standard Profiles'!$G$22=$B$24,21,0),MOD($C6216,24)+1)/SUM(INDEX($D$3:$AA$30,INDEX(Jesper!$R$2:$R$366,ROW(INDEX(Jesper!AL$2:AL$366,ROUNDDOWN($C6216/24,0)+1,1))-1)+IF('Standard Profiles'!$G$22=$B$10,7,0)+IF('Standard Profiles'!$G$22=$B$17,14,0)+IF('Standard Profiles'!$G$22=$B$24,21,0),0)),0)</f>
        <v>0</v>
      </c>
      <c r="I6216">
        <f t="shared" si="692"/>
        <v>0.17973460270490246</v>
      </c>
      <c r="J6216">
        <f t="shared" si="693"/>
        <v>0.59911534234967501</v>
      </c>
      <c r="K6216">
        <f t="shared" si="694"/>
        <v>0.89867301352451245</v>
      </c>
      <c r="L6216">
        <f t="shared" si="695"/>
        <v>12.561196046001333</v>
      </c>
      <c r="M6216">
        <f t="shared" si="696"/>
        <v>0</v>
      </c>
      <c r="N6216" s="46">
        <f t="shared" si="697"/>
        <v>45549.58333331834</v>
      </c>
    </row>
    <row r="6217" spans="2:14" x14ac:dyDescent="0.3">
      <c r="B6217">
        <f t="shared" si="691"/>
        <v>6</v>
      </c>
      <c r="C6217" s="16">
        <v>6183</v>
      </c>
      <c r="D6217" cm="1">
        <f t="array" ref="D6217">IFERROR(INDEX(Jesper!AH$2:AH$366,ROUNDDOWN($C6217/24,0)+1,1)*INDEX($D$3:$AA$30,INDEX(Jesper!$R$2:$R$366,ROW(INDEX(Jesper!AH$2:AH$366,ROUNDDOWN($C6217/24,0)+1,1))-1)+IF('Standard Profiles'!$G$18=$B$10,7,0)+IF('Standard Profiles'!$G$18=$B$17,14,0)+IF('Standard Profiles'!$G$18=$B$24,21,0),MOD($C6217,24)+1)/SUM(INDEX($D$3:$AA$30,INDEX(Jesper!$R$2:$R$366,ROW(INDEX(Jesper!AH$2:AH$366,ROUNDDOWN($C6217/24,0)+1,1))-1)+IF('Standard Profiles'!$G$18=$B$10,7,0)+IF('Standard Profiles'!$G$18=$B$17,14,0)+IF('Standard Profiles'!$G$18=$B$24,21,0),0)),0)</f>
        <v>11.069614854256116</v>
      </c>
      <c r="E6217" cm="1">
        <f t="array" ref="E6217">IFERROR(INDEX(Jesper!AI$2:AI$366,ROUNDDOWN($C6217/24,0)+1,1)*INDEX($D$3:$AA$30,INDEX(Jesper!$R$2:$R$366,ROW(INDEX(Jesper!AI$2:AI$366,ROUNDDOWN($C6217/24,0)+1,1))-1)+IF('Standard Profiles'!$G$19=$B$10,7,0)+IF('Standard Profiles'!$G$19=$B$17,14,0)+IF('Standard Profiles'!$G$19=$B$24,21,0),MOD($C6217,24)+1)/SUM(INDEX($D$3:$AA$30,INDEX(Jesper!$R$2:$R$366,ROW(INDEX(Jesper!AI$2:AI$366,ROUNDDOWN($C6217/24,0)+1,1))-1)+IF('Standard Profiles'!$G$19=$B$10,7,0)+IF('Standard Profiles'!$G$19=$B$17,14,0)+IF('Standard Profiles'!$G$19=$B$24,21,0),0)),0)</f>
        <v>1.8037475334467332</v>
      </c>
      <c r="F6217" cm="1">
        <f t="array" ref="F6217">IFERROR(INDEX(Jesper!AJ$2:AJ$366,ROUNDDOWN($C6217/24,0)+1,1)*INDEX($D$3:$AA$30,INDEX(Jesper!$R$2:$R$366,ROW(INDEX(Jesper!AJ$2:AJ$366,ROUNDDOWN($C6217/24,0)+1,1))-1)+IF('Standard Profiles'!$G$20=$B$10,7,0)+IF('Standard Profiles'!$G$20=$B$17,14,0)+IF('Standard Profiles'!$G$20=$B$24,21,0),MOD($C6217,24)+1)/SUM(INDEX($D$3:$AA$30,INDEX(Jesper!$R$2:$R$366,ROW(INDEX(Jesper!AJ$2:AJ$366,ROUNDDOWN($C6217/24,0)+1,1))-1)+IF('Standard Profiles'!$G$20=$B$10,7,0)+IF('Standard Profiles'!$G$20=$B$17,14,0)+IF('Standard Profiles'!$G$20=$B$24,21,0),0)),0)</f>
        <v>0</v>
      </c>
      <c r="G6217" cm="1">
        <f t="array" ref="G6217">IFERROR(INDEX(Jesper!AK$2:AK$366,ROUNDDOWN($C6217/24,0)+1,1)*INDEX($D$3:$AA$30,INDEX(Jesper!$R$2:$R$366,ROW(INDEX(Jesper!AK$2:AK$366,ROUNDDOWN($C6217/24,0)+1,1))-1)+IF('Standard Profiles'!$G$21=$B$10,7,0)+IF('Standard Profiles'!$G$21=$B$17,14,0)+IF('Standard Profiles'!$G$21=$B$24,21,0),MOD($C6217,24)+1)/SUM(INDEX($D$3:$AA$30,INDEX(Jesper!$R$2:$R$366,ROW(INDEX(Jesper!AK$2:AK$366,ROUNDDOWN($C6217/24,0)+1,1))-1)+IF('Standard Profiles'!$G$21=$B$10,7,0)+IF('Standard Profiles'!$G$21=$B$17,14,0)+IF('Standard Profiles'!$G$21=$B$24,21,0),0)),0)</f>
        <v>0</v>
      </c>
      <c r="H6217" cm="1">
        <f t="array" ref="H6217">IFERROR(INDEX(Jesper!AL$2:AL$366,ROUNDDOWN($C6217/24,0)+1,1)*INDEX($D$3:$AA$30,INDEX(Jesper!$R$2:$R$366,ROW(INDEX(Jesper!AL$2:AL$366,ROUNDDOWN($C6217/24,0)+1,1))-1)+IF('Standard Profiles'!$G$22=$B$10,7,0)+IF('Standard Profiles'!$G$22=$B$17,14,0)+IF('Standard Profiles'!$G$22=$B$24,21,0),MOD($C6217,24)+1)/SUM(INDEX($D$3:$AA$30,INDEX(Jesper!$R$2:$R$366,ROW(INDEX(Jesper!AL$2:AL$366,ROUNDDOWN($C6217/24,0)+1,1))-1)+IF('Standard Profiles'!$G$22=$B$10,7,0)+IF('Standard Profiles'!$G$22=$B$17,14,0)+IF('Standard Profiles'!$G$22=$B$24,21,0),0)),0)</f>
        <v>0</v>
      </c>
      <c r="I6217">
        <f t="shared" si="692"/>
        <v>0.16249977778799402</v>
      </c>
      <c r="J6217">
        <f t="shared" si="693"/>
        <v>0.5416659259599802</v>
      </c>
      <c r="K6217">
        <f t="shared" si="694"/>
        <v>0.81249888893997024</v>
      </c>
      <c r="L6217">
        <f t="shared" si="695"/>
        <v>11.356697795014906</v>
      </c>
      <c r="M6217">
        <f t="shared" si="696"/>
        <v>0</v>
      </c>
      <c r="N6217" s="46">
        <f t="shared" si="697"/>
        <v>45549.624999985004</v>
      </c>
    </row>
    <row r="6218" spans="2:14" x14ac:dyDescent="0.3">
      <c r="B6218">
        <f t="shared" si="691"/>
        <v>6</v>
      </c>
      <c r="C6218" s="16">
        <v>6184</v>
      </c>
      <c r="D6218" cm="1">
        <f t="array" ref="D6218">IFERROR(INDEX(Jesper!AH$2:AH$366,ROUNDDOWN($C6218/24,0)+1,1)*INDEX($D$3:$AA$30,INDEX(Jesper!$R$2:$R$366,ROW(INDEX(Jesper!AH$2:AH$366,ROUNDDOWN($C6218/24,0)+1,1))-1)+IF('Standard Profiles'!$G$18=$B$10,7,0)+IF('Standard Profiles'!$G$18=$B$17,14,0)+IF('Standard Profiles'!$G$18=$B$24,21,0),MOD($C6218,24)+1)/SUM(INDEX($D$3:$AA$30,INDEX(Jesper!$R$2:$R$366,ROW(INDEX(Jesper!AH$2:AH$366,ROUNDDOWN($C6218/24,0)+1,1))-1)+IF('Standard Profiles'!$G$18=$B$10,7,0)+IF('Standard Profiles'!$G$18=$B$17,14,0)+IF('Standard Profiles'!$G$18=$B$24,21,0),0)),0)</f>
        <v>10.063286231141923</v>
      </c>
      <c r="E6218" cm="1">
        <f t="array" ref="E6218">IFERROR(INDEX(Jesper!AI$2:AI$366,ROUNDDOWN($C6218/24,0)+1,1)*INDEX($D$3:$AA$30,INDEX(Jesper!$R$2:$R$366,ROW(INDEX(Jesper!AI$2:AI$366,ROUNDDOWN($C6218/24,0)+1,1))-1)+IF('Standard Profiles'!$G$19=$B$10,7,0)+IF('Standard Profiles'!$G$19=$B$17,14,0)+IF('Standard Profiles'!$G$19=$B$24,21,0),MOD($C6218,24)+1)/SUM(INDEX($D$3:$AA$30,INDEX(Jesper!$R$2:$R$366,ROW(INDEX(Jesper!AI$2:AI$366,ROUNDDOWN($C6218/24,0)+1,1))-1)+IF('Standard Profiles'!$G$19=$B$10,7,0)+IF('Standard Profiles'!$G$19=$B$17,14,0)+IF('Standard Profiles'!$G$19=$B$24,21,0),0)),0)</f>
        <v>1.6397704849515757</v>
      </c>
      <c r="F6218" cm="1">
        <f t="array" ref="F6218">IFERROR(INDEX(Jesper!AJ$2:AJ$366,ROUNDDOWN($C6218/24,0)+1,1)*INDEX($D$3:$AA$30,INDEX(Jesper!$R$2:$R$366,ROW(INDEX(Jesper!AJ$2:AJ$366,ROUNDDOWN($C6218/24,0)+1,1))-1)+IF('Standard Profiles'!$G$20=$B$10,7,0)+IF('Standard Profiles'!$G$20=$B$17,14,0)+IF('Standard Profiles'!$G$20=$B$24,21,0),MOD($C6218,24)+1)/SUM(INDEX($D$3:$AA$30,INDEX(Jesper!$R$2:$R$366,ROW(INDEX(Jesper!AJ$2:AJ$366,ROUNDDOWN($C6218/24,0)+1,1))-1)+IF('Standard Profiles'!$G$20=$B$10,7,0)+IF('Standard Profiles'!$G$20=$B$17,14,0)+IF('Standard Profiles'!$G$20=$B$24,21,0),0)),0)</f>
        <v>0</v>
      </c>
      <c r="G6218" cm="1">
        <f t="array" ref="G6218">IFERROR(INDEX(Jesper!AK$2:AK$366,ROUNDDOWN($C6218/24,0)+1,1)*INDEX($D$3:$AA$30,INDEX(Jesper!$R$2:$R$366,ROW(INDEX(Jesper!AK$2:AK$366,ROUNDDOWN($C6218/24,0)+1,1))-1)+IF('Standard Profiles'!$G$21=$B$10,7,0)+IF('Standard Profiles'!$G$21=$B$17,14,0)+IF('Standard Profiles'!$G$21=$B$24,21,0),MOD($C6218,24)+1)/SUM(INDEX($D$3:$AA$30,INDEX(Jesper!$R$2:$R$366,ROW(INDEX(Jesper!AK$2:AK$366,ROUNDDOWN($C6218/24,0)+1,1))-1)+IF('Standard Profiles'!$G$21=$B$10,7,0)+IF('Standard Profiles'!$G$21=$B$17,14,0)+IF('Standard Profiles'!$G$21=$B$24,21,0),0)),0)</f>
        <v>0</v>
      </c>
      <c r="H6218" cm="1">
        <f t="array" ref="H6218">IFERROR(INDEX(Jesper!AL$2:AL$366,ROUNDDOWN($C6218/24,0)+1,1)*INDEX($D$3:$AA$30,INDEX(Jesper!$R$2:$R$366,ROW(INDEX(Jesper!AL$2:AL$366,ROUNDDOWN($C6218/24,0)+1,1))-1)+IF('Standard Profiles'!$G$22=$B$10,7,0)+IF('Standard Profiles'!$G$22=$B$17,14,0)+IF('Standard Profiles'!$G$22=$B$24,21,0),MOD($C6218,24)+1)/SUM(INDEX($D$3:$AA$30,INDEX(Jesper!$R$2:$R$366,ROW(INDEX(Jesper!AL$2:AL$366,ROUNDDOWN($C6218/24,0)+1,1))-1)+IF('Standard Profiles'!$G$22=$B$10,7,0)+IF('Standard Profiles'!$G$22=$B$17,14,0)+IF('Standard Profiles'!$G$22=$B$24,21,0),0)),0)</f>
        <v>0</v>
      </c>
      <c r="I6218">
        <f t="shared" si="692"/>
        <v>0.14772707071635821</v>
      </c>
      <c r="J6218">
        <f t="shared" si="693"/>
        <v>0.49242356905452744</v>
      </c>
      <c r="K6218">
        <f t="shared" si="694"/>
        <v>0.73863535358179111</v>
      </c>
      <c r="L6218">
        <f t="shared" si="695"/>
        <v>10.324270722740822</v>
      </c>
      <c r="M6218">
        <f t="shared" si="696"/>
        <v>0</v>
      </c>
      <c r="N6218" s="46">
        <f t="shared" si="697"/>
        <v>45549.666666651668</v>
      </c>
    </row>
    <row r="6219" spans="2:14" x14ac:dyDescent="0.3">
      <c r="B6219">
        <f t="shared" si="691"/>
        <v>6</v>
      </c>
      <c r="C6219" s="16">
        <v>6185</v>
      </c>
      <c r="D6219" cm="1">
        <f t="array" ref="D6219">IFERROR(INDEX(Jesper!AH$2:AH$366,ROUNDDOWN($C6219/24,0)+1,1)*INDEX($D$3:$AA$30,INDEX(Jesper!$R$2:$R$366,ROW(INDEX(Jesper!AH$2:AH$366,ROUNDDOWN($C6219/24,0)+1,1))-1)+IF('Standard Profiles'!$G$18=$B$10,7,0)+IF('Standard Profiles'!$G$18=$B$17,14,0)+IF('Standard Profiles'!$G$18=$B$24,21,0),MOD($C6219,24)+1)/SUM(INDEX($D$3:$AA$30,INDEX(Jesper!$R$2:$R$366,ROW(INDEX(Jesper!AH$2:AH$366,ROUNDDOWN($C6219/24,0)+1,1))-1)+IF('Standard Profiles'!$G$18=$B$10,7,0)+IF('Standard Profiles'!$G$18=$B$17,14,0)+IF('Standard Profiles'!$G$18=$B$24,21,0),0)),0)</f>
        <v>9.0569576080277319</v>
      </c>
      <c r="E6219" cm="1">
        <f t="array" ref="E6219">IFERROR(INDEX(Jesper!AI$2:AI$366,ROUNDDOWN($C6219/24,0)+1,1)*INDEX($D$3:$AA$30,INDEX(Jesper!$R$2:$R$366,ROW(INDEX(Jesper!AI$2:AI$366,ROUNDDOWN($C6219/24,0)+1,1))-1)+IF('Standard Profiles'!$G$19=$B$10,7,0)+IF('Standard Profiles'!$G$19=$B$17,14,0)+IF('Standard Profiles'!$G$19=$B$24,21,0),MOD($C6219,24)+1)/SUM(INDEX($D$3:$AA$30,INDEX(Jesper!$R$2:$R$366,ROW(INDEX(Jesper!AI$2:AI$366,ROUNDDOWN($C6219/24,0)+1,1))-1)+IF('Standard Profiles'!$G$19=$B$10,7,0)+IF('Standard Profiles'!$G$19=$B$17,14,0)+IF('Standard Profiles'!$G$19=$B$24,21,0),0)),0)</f>
        <v>1.475793436456418</v>
      </c>
      <c r="F6219" cm="1">
        <f t="array" ref="F6219">IFERROR(INDEX(Jesper!AJ$2:AJ$366,ROUNDDOWN($C6219/24,0)+1,1)*INDEX($D$3:$AA$30,INDEX(Jesper!$R$2:$R$366,ROW(INDEX(Jesper!AJ$2:AJ$366,ROUNDDOWN($C6219/24,0)+1,1))-1)+IF('Standard Profiles'!$G$20=$B$10,7,0)+IF('Standard Profiles'!$G$20=$B$17,14,0)+IF('Standard Profiles'!$G$20=$B$24,21,0),MOD($C6219,24)+1)/SUM(INDEX($D$3:$AA$30,INDEX(Jesper!$R$2:$R$366,ROW(INDEX(Jesper!AJ$2:AJ$366,ROUNDDOWN($C6219/24,0)+1,1))-1)+IF('Standard Profiles'!$G$20=$B$10,7,0)+IF('Standard Profiles'!$G$20=$B$17,14,0)+IF('Standard Profiles'!$G$20=$B$24,21,0),0)),0)</f>
        <v>0</v>
      </c>
      <c r="G6219" cm="1">
        <f t="array" ref="G6219">IFERROR(INDEX(Jesper!AK$2:AK$366,ROUNDDOWN($C6219/24,0)+1,1)*INDEX($D$3:$AA$30,INDEX(Jesper!$R$2:$R$366,ROW(INDEX(Jesper!AK$2:AK$366,ROUNDDOWN($C6219/24,0)+1,1))-1)+IF('Standard Profiles'!$G$21=$B$10,7,0)+IF('Standard Profiles'!$G$21=$B$17,14,0)+IF('Standard Profiles'!$G$21=$B$24,21,0),MOD($C6219,24)+1)/SUM(INDEX($D$3:$AA$30,INDEX(Jesper!$R$2:$R$366,ROW(INDEX(Jesper!AK$2:AK$366,ROUNDDOWN($C6219/24,0)+1,1))-1)+IF('Standard Profiles'!$G$21=$B$10,7,0)+IF('Standard Profiles'!$G$21=$B$17,14,0)+IF('Standard Profiles'!$G$21=$B$24,21,0),0)),0)</f>
        <v>0</v>
      </c>
      <c r="H6219" cm="1">
        <f t="array" ref="H6219">IFERROR(INDEX(Jesper!AL$2:AL$366,ROUNDDOWN($C6219/24,0)+1,1)*INDEX($D$3:$AA$30,INDEX(Jesper!$R$2:$R$366,ROW(INDEX(Jesper!AL$2:AL$366,ROUNDDOWN($C6219/24,0)+1,1))-1)+IF('Standard Profiles'!$G$22=$B$10,7,0)+IF('Standard Profiles'!$G$22=$B$17,14,0)+IF('Standard Profiles'!$G$22=$B$24,21,0),MOD($C6219,24)+1)/SUM(INDEX($D$3:$AA$30,INDEX(Jesper!$R$2:$R$366,ROW(INDEX(Jesper!AL$2:AL$366,ROUNDDOWN($C6219/24,0)+1,1))-1)+IF('Standard Profiles'!$G$22=$B$10,7,0)+IF('Standard Profiles'!$G$22=$B$17,14,0)+IF('Standard Profiles'!$G$22=$B$24,21,0),0)),0)</f>
        <v>0</v>
      </c>
      <c r="I6219">
        <f t="shared" si="692"/>
        <v>0.13295436364472238</v>
      </c>
      <c r="J6219">
        <f t="shared" si="693"/>
        <v>0.44318121214907463</v>
      </c>
      <c r="K6219">
        <f t="shared" si="694"/>
        <v>0.66477181822361198</v>
      </c>
      <c r="L6219">
        <f t="shared" si="695"/>
        <v>9.2918436504667419</v>
      </c>
      <c r="M6219">
        <f t="shared" si="696"/>
        <v>0</v>
      </c>
      <c r="N6219" s="46">
        <f t="shared" si="697"/>
        <v>45549.708333318333</v>
      </c>
    </row>
    <row r="6220" spans="2:14" x14ac:dyDescent="0.3">
      <c r="B6220">
        <f t="shared" si="691"/>
        <v>6</v>
      </c>
      <c r="C6220" s="16">
        <v>6186</v>
      </c>
      <c r="D6220" cm="1">
        <f t="array" ref="D6220">IFERROR(INDEX(Jesper!AH$2:AH$366,ROUNDDOWN($C6220/24,0)+1,1)*INDEX($D$3:$AA$30,INDEX(Jesper!$R$2:$R$366,ROW(INDEX(Jesper!AH$2:AH$366,ROUNDDOWN($C6220/24,0)+1,1))-1)+IF('Standard Profiles'!$G$18=$B$10,7,0)+IF('Standard Profiles'!$G$18=$B$17,14,0)+IF('Standard Profiles'!$G$18=$B$24,21,0),MOD($C6220,24)+1)/SUM(INDEX($D$3:$AA$30,INDEX(Jesper!$R$2:$R$366,ROW(INDEX(Jesper!AH$2:AH$366,ROUNDDOWN($C6220/24,0)+1,1))-1)+IF('Standard Profiles'!$G$18=$B$10,7,0)+IF('Standard Profiles'!$G$18=$B$17,14,0)+IF('Standard Profiles'!$G$18=$B$24,21,0),0)),0)</f>
        <v>8.721514733656333</v>
      </c>
      <c r="E6220" cm="1">
        <f t="array" ref="E6220">IFERROR(INDEX(Jesper!AI$2:AI$366,ROUNDDOWN($C6220/24,0)+1,1)*INDEX($D$3:$AA$30,INDEX(Jesper!$R$2:$R$366,ROW(INDEX(Jesper!AI$2:AI$366,ROUNDDOWN($C6220/24,0)+1,1))-1)+IF('Standard Profiles'!$G$19=$B$10,7,0)+IF('Standard Profiles'!$G$19=$B$17,14,0)+IF('Standard Profiles'!$G$19=$B$24,21,0),MOD($C6220,24)+1)/SUM(INDEX($D$3:$AA$30,INDEX(Jesper!$R$2:$R$366,ROW(INDEX(Jesper!AI$2:AI$366,ROUNDDOWN($C6220/24,0)+1,1))-1)+IF('Standard Profiles'!$G$19=$B$10,7,0)+IF('Standard Profiles'!$G$19=$B$17,14,0)+IF('Standard Profiles'!$G$19=$B$24,21,0),0)),0)</f>
        <v>1.4211344202913656</v>
      </c>
      <c r="F6220" cm="1">
        <f t="array" ref="F6220">IFERROR(INDEX(Jesper!AJ$2:AJ$366,ROUNDDOWN($C6220/24,0)+1,1)*INDEX($D$3:$AA$30,INDEX(Jesper!$R$2:$R$366,ROW(INDEX(Jesper!AJ$2:AJ$366,ROUNDDOWN($C6220/24,0)+1,1))-1)+IF('Standard Profiles'!$G$20=$B$10,7,0)+IF('Standard Profiles'!$G$20=$B$17,14,0)+IF('Standard Profiles'!$G$20=$B$24,21,0),MOD($C6220,24)+1)/SUM(INDEX($D$3:$AA$30,INDEX(Jesper!$R$2:$R$366,ROW(INDEX(Jesper!AJ$2:AJ$366,ROUNDDOWN($C6220/24,0)+1,1))-1)+IF('Standard Profiles'!$G$20=$B$10,7,0)+IF('Standard Profiles'!$G$20=$B$17,14,0)+IF('Standard Profiles'!$G$20=$B$24,21,0),0)),0)</f>
        <v>0</v>
      </c>
      <c r="G6220" cm="1">
        <f t="array" ref="G6220">IFERROR(INDEX(Jesper!AK$2:AK$366,ROUNDDOWN($C6220/24,0)+1,1)*INDEX($D$3:$AA$30,INDEX(Jesper!$R$2:$R$366,ROW(INDEX(Jesper!AK$2:AK$366,ROUNDDOWN($C6220/24,0)+1,1))-1)+IF('Standard Profiles'!$G$21=$B$10,7,0)+IF('Standard Profiles'!$G$21=$B$17,14,0)+IF('Standard Profiles'!$G$21=$B$24,21,0),MOD($C6220,24)+1)/SUM(INDEX($D$3:$AA$30,INDEX(Jesper!$R$2:$R$366,ROW(INDEX(Jesper!AK$2:AK$366,ROUNDDOWN($C6220/24,0)+1,1))-1)+IF('Standard Profiles'!$G$21=$B$10,7,0)+IF('Standard Profiles'!$G$21=$B$17,14,0)+IF('Standard Profiles'!$G$21=$B$24,21,0),0)),0)</f>
        <v>0</v>
      </c>
      <c r="H6220" cm="1">
        <f t="array" ref="H6220">IFERROR(INDEX(Jesper!AL$2:AL$366,ROUNDDOWN($C6220/24,0)+1,1)*INDEX($D$3:$AA$30,INDEX(Jesper!$R$2:$R$366,ROW(INDEX(Jesper!AL$2:AL$366,ROUNDDOWN($C6220/24,0)+1,1))-1)+IF('Standard Profiles'!$G$22=$B$10,7,0)+IF('Standard Profiles'!$G$22=$B$17,14,0)+IF('Standard Profiles'!$G$22=$B$24,21,0),MOD($C6220,24)+1)/SUM(INDEX($D$3:$AA$30,INDEX(Jesper!$R$2:$R$366,ROW(INDEX(Jesper!AL$2:AL$366,ROUNDDOWN($C6220/24,0)+1,1))-1)+IF('Standard Profiles'!$G$22=$B$10,7,0)+IF('Standard Profiles'!$G$22=$B$17,14,0)+IF('Standard Profiles'!$G$22=$B$24,21,0),0)),0)</f>
        <v>0</v>
      </c>
      <c r="I6220">
        <f t="shared" si="692"/>
        <v>0.12803012795417712</v>
      </c>
      <c r="J6220">
        <f t="shared" si="693"/>
        <v>0.42676709318059042</v>
      </c>
      <c r="K6220">
        <f t="shared" si="694"/>
        <v>0.64015063977088571</v>
      </c>
      <c r="L6220">
        <f t="shared" si="695"/>
        <v>8.9477012930420461</v>
      </c>
      <c r="M6220">
        <f t="shared" si="696"/>
        <v>0</v>
      </c>
      <c r="N6220" s="46">
        <f t="shared" si="697"/>
        <v>45549.749999984997</v>
      </c>
    </row>
    <row r="6221" spans="2:14" x14ac:dyDescent="0.3">
      <c r="B6221">
        <f t="shared" si="691"/>
        <v>6</v>
      </c>
      <c r="C6221" s="16">
        <v>6187</v>
      </c>
      <c r="D6221" cm="1">
        <f t="array" ref="D6221">IFERROR(INDEX(Jesper!AH$2:AH$366,ROUNDDOWN($C6221/24,0)+1,1)*INDEX($D$3:$AA$30,INDEX(Jesper!$R$2:$R$366,ROW(INDEX(Jesper!AH$2:AH$366,ROUNDDOWN($C6221/24,0)+1,1))-1)+IF('Standard Profiles'!$G$18=$B$10,7,0)+IF('Standard Profiles'!$G$18=$B$17,14,0)+IF('Standard Profiles'!$G$18=$B$24,21,0),MOD($C6221,24)+1)/SUM(INDEX($D$3:$AA$30,INDEX(Jesper!$R$2:$R$366,ROW(INDEX(Jesper!AH$2:AH$366,ROUNDDOWN($C6221/24,0)+1,1))-1)+IF('Standard Profiles'!$G$18=$B$10,7,0)+IF('Standard Profiles'!$G$18=$B$17,14,0)+IF('Standard Profiles'!$G$18=$B$24,21,0),0)),0)</f>
        <v>7.0443003617993458</v>
      </c>
      <c r="E6221" cm="1">
        <f t="array" ref="E6221">IFERROR(INDEX(Jesper!AI$2:AI$366,ROUNDDOWN($C6221/24,0)+1,1)*INDEX($D$3:$AA$30,INDEX(Jesper!$R$2:$R$366,ROW(INDEX(Jesper!AI$2:AI$366,ROUNDDOWN($C6221/24,0)+1,1))-1)+IF('Standard Profiles'!$G$19=$B$10,7,0)+IF('Standard Profiles'!$G$19=$B$17,14,0)+IF('Standard Profiles'!$G$19=$B$24,21,0),MOD($C6221,24)+1)/SUM(INDEX($D$3:$AA$30,INDEX(Jesper!$R$2:$R$366,ROW(INDEX(Jesper!AI$2:AI$366,ROUNDDOWN($C6221/24,0)+1,1))-1)+IF('Standard Profiles'!$G$19=$B$10,7,0)+IF('Standard Profiles'!$G$19=$B$17,14,0)+IF('Standard Profiles'!$G$19=$B$24,21,0),0)),0)</f>
        <v>1.1478393394661028</v>
      </c>
      <c r="F6221" cm="1">
        <f t="array" ref="F6221">IFERROR(INDEX(Jesper!AJ$2:AJ$366,ROUNDDOWN($C6221/24,0)+1,1)*INDEX($D$3:$AA$30,INDEX(Jesper!$R$2:$R$366,ROW(INDEX(Jesper!AJ$2:AJ$366,ROUNDDOWN($C6221/24,0)+1,1))-1)+IF('Standard Profiles'!$G$20=$B$10,7,0)+IF('Standard Profiles'!$G$20=$B$17,14,0)+IF('Standard Profiles'!$G$20=$B$24,21,0),MOD($C6221,24)+1)/SUM(INDEX($D$3:$AA$30,INDEX(Jesper!$R$2:$R$366,ROW(INDEX(Jesper!AJ$2:AJ$366,ROUNDDOWN($C6221/24,0)+1,1))-1)+IF('Standard Profiles'!$G$20=$B$10,7,0)+IF('Standard Profiles'!$G$20=$B$17,14,0)+IF('Standard Profiles'!$G$20=$B$24,21,0),0)),0)</f>
        <v>0</v>
      </c>
      <c r="G6221" cm="1">
        <f t="array" ref="G6221">IFERROR(INDEX(Jesper!AK$2:AK$366,ROUNDDOWN($C6221/24,0)+1,1)*INDEX($D$3:$AA$30,INDEX(Jesper!$R$2:$R$366,ROW(INDEX(Jesper!AK$2:AK$366,ROUNDDOWN($C6221/24,0)+1,1))-1)+IF('Standard Profiles'!$G$21=$B$10,7,0)+IF('Standard Profiles'!$G$21=$B$17,14,0)+IF('Standard Profiles'!$G$21=$B$24,21,0),MOD($C6221,24)+1)/SUM(INDEX($D$3:$AA$30,INDEX(Jesper!$R$2:$R$366,ROW(INDEX(Jesper!AK$2:AK$366,ROUNDDOWN($C6221/24,0)+1,1))-1)+IF('Standard Profiles'!$G$21=$B$10,7,0)+IF('Standard Profiles'!$G$21=$B$17,14,0)+IF('Standard Profiles'!$G$21=$B$24,21,0),0)),0)</f>
        <v>0</v>
      </c>
      <c r="H6221" cm="1">
        <f t="array" ref="H6221">IFERROR(INDEX(Jesper!AL$2:AL$366,ROUNDDOWN($C6221/24,0)+1,1)*INDEX($D$3:$AA$30,INDEX(Jesper!$R$2:$R$366,ROW(INDEX(Jesper!AL$2:AL$366,ROUNDDOWN($C6221/24,0)+1,1))-1)+IF('Standard Profiles'!$G$22=$B$10,7,0)+IF('Standard Profiles'!$G$22=$B$17,14,0)+IF('Standard Profiles'!$G$22=$B$24,21,0),MOD($C6221,24)+1)/SUM(INDEX($D$3:$AA$30,INDEX(Jesper!$R$2:$R$366,ROW(INDEX(Jesper!AL$2:AL$366,ROUNDDOWN($C6221/24,0)+1,1))-1)+IF('Standard Profiles'!$G$22=$B$10,7,0)+IF('Standard Profiles'!$G$22=$B$17,14,0)+IF('Standard Profiles'!$G$22=$B$24,21,0),0)),0)</f>
        <v>0</v>
      </c>
      <c r="I6221">
        <f t="shared" si="692"/>
        <v>0.10340894950145073</v>
      </c>
      <c r="J6221">
        <f t="shared" si="693"/>
        <v>0.34469649833816918</v>
      </c>
      <c r="K6221">
        <f t="shared" si="694"/>
        <v>0.51704474750725371</v>
      </c>
      <c r="L6221">
        <f t="shared" si="695"/>
        <v>7.2269895059185751</v>
      </c>
      <c r="M6221">
        <f t="shared" si="696"/>
        <v>0</v>
      </c>
      <c r="N6221" s="46">
        <f t="shared" si="697"/>
        <v>45549.791666651661</v>
      </c>
    </row>
    <row r="6222" spans="2:14" x14ac:dyDescent="0.3">
      <c r="B6222">
        <f t="shared" si="691"/>
        <v>6</v>
      </c>
      <c r="C6222" s="16">
        <v>6188</v>
      </c>
      <c r="D6222" cm="1">
        <f t="array" ref="D6222">IFERROR(INDEX(Jesper!AH$2:AH$366,ROUNDDOWN($C6222/24,0)+1,1)*INDEX($D$3:$AA$30,INDEX(Jesper!$R$2:$R$366,ROW(INDEX(Jesper!AH$2:AH$366,ROUNDDOWN($C6222/24,0)+1,1))-1)+IF('Standard Profiles'!$G$18=$B$10,7,0)+IF('Standard Profiles'!$G$18=$B$17,14,0)+IF('Standard Profiles'!$G$18=$B$24,21,0),MOD($C6222,24)+1)/SUM(INDEX($D$3:$AA$30,INDEX(Jesper!$R$2:$R$366,ROW(INDEX(Jesper!AH$2:AH$366,ROUNDDOWN($C6222/24,0)+1,1))-1)+IF('Standard Profiles'!$G$18=$B$10,7,0)+IF('Standard Profiles'!$G$18=$B$17,14,0)+IF('Standard Profiles'!$G$18=$B$24,21,0),0)),0)</f>
        <v>5.1993645527566601</v>
      </c>
      <c r="E6222" cm="1">
        <f t="array" ref="E6222">IFERROR(INDEX(Jesper!AI$2:AI$366,ROUNDDOWN($C6222/24,0)+1,1)*INDEX($D$3:$AA$30,INDEX(Jesper!$R$2:$R$366,ROW(INDEX(Jesper!AI$2:AI$366,ROUNDDOWN($C6222/24,0)+1,1))-1)+IF('Standard Profiles'!$G$19=$B$10,7,0)+IF('Standard Profiles'!$G$19=$B$17,14,0)+IF('Standard Profiles'!$G$19=$B$24,21,0),MOD($C6222,24)+1)/SUM(INDEX($D$3:$AA$30,INDEX(Jesper!$R$2:$R$366,ROW(INDEX(Jesper!AI$2:AI$366,ROUNDDOWN($C6222/24,0)+1,1))-1)+IF('Standard Profiles'!$G$19=$B$10,7,0)+IF('Standard Profiles'!$G$19=$B$17,14,0)+IF('Standard Profiles'!$G$19=$B$24,21,0),0)),0)</f>
        <v>0.84721475055831397</v>
      </c>
      <c r="F6222" cm="1">
        <f t="array" ref="F6222">IFERROR(INDEX(Jesper!AJ$2:AJ$366,ROUNDDOWN($C6222/24,0)+1,1)*INDEX($D$3:$AA$30,INDEX(Jesper!$R$2:$R$366,ROW(INDEX(Jesper!AJ$2:AJ$366,ROUNDDOWN($C6222/24,0)+1,1))-1)+IF('Standard Profiles'!$G$20=$B$10,7,0)+IF('Standard Profiles'!$G$20=$B$17,14,0)+IF('Standard Profiles'!$G$20=$B$24,21,0),MOD($C6222,24)+1)/SUM(INDEX($D$3:$AA$30,INDEX(Jesper!$R$2:$R$366,ROW(INDEX(Jesper!AJ$2:AJ$366,ROUNDDOWN($C6222/24,0)+1,1))-1)+IF('Standard Profiles'!$G$20=$B$10,7,0)+IF('Standard Profiles'!$G$20=$B$17,14,0)+IF('Standard Profiles'!$G$20=$B$24,21,0),0)),0)</f>
        <v>0</v>
      </c>
      <c r="G6222" cm="1">
        <f t="array" ref="G6222">IFERROR(INDEX(Jesper!AK$2:AK$366,ROUNDDOWN($C6222/24,0)+1,1)*INDEX($D$3:$AA$30,INDEX(Jesper!$R$2:$R$366,ROW(INDEX(Jesper!AK$2:AK$366,ROUNDDOWN($C6222/24,0)+1,1))-1)+IF('Standard Profiles'!$G$21=$B$10,7,0)+IF('Standard Profiles'!$G$21=$B$17,14,0)+IF('Standard Profiles'!$G$21=$B$24,21,0),MOD($C6222,24)+1)/SUM(INDEX($D$3:$AA$30,INDEX(Jesper!$R$2:$R$366,ROW(INDEX(Jesper!AK$2:AK$366,ROUNDDOWN($C6222/24,0)+1,1))-1)+IF('Standard Profiles'!$G$21=$B$10,7,0)+IF('Standard Profiles'!$G$21=$B$17,14,0)+IF('Standard Profiles'!$G$21=$B$24,21,0),0)),0)</f>
        <v>0</v>
      </c>
      <c r="H6222" cm="1">
        <f t="array" ref="H6222">IFERROR(INDEX(Jesper!AL$2:AL$366,ROUNDDOWN($C6222/24,0)+1,1)*INDEX($D$3:$AA$30,INDEX(Jesper!$R$2:$R$366,ROW(INDEX(Jesper!AL$2:AL$366,ROUNDDOWN($C6222/24,0)+1,1))-1)+IF('Standard Profiles'!$G$22=$B$10,7,0)+IF('Standard Profiles'!$G$22=$B$17,14,0)+IF('Standard Profiles'!$G$22=$B$24,21,0),MOD($C6222,24)+1)/SUM(INDEX($D$3:$AA$30,INDEX(Jesper!$R$2:$R$366,ROW(INDEX(Jesper!AL$2:AL$366,ROUNDDOWN($C6222/24,0)+1,1))-1)+IF('Standard Profiles'!$G$22=$B$10,7,0)+IF('Standard Profiles'!$G$22=$B$17,14,0)+IF('Standard Profiles'!$G$22=$B$24,21,0),0)),0)</f>
        <v>0</v>
      </c>
      <c r="I6222">
        <f t="shared" si="692"/>
        <v>7.6325653203451735E-2</v>
      </c>
      <c r="J6222">
        <f t="shared" si="693"/>
        <v>0.25441884401150577</v>
      </c>
      <c r="K6222">
        <f t="shared" si="694"/>
        <v>0.38162826601725869</v>
      </c>
      <c r="L6222">
        <f t="shared" si="695"/>
        <v>5.3342065400827581</v>
      </c>
      <c r="M6222">
        <f t="shared" si="696"/>
        <v>0</v>
      </c>
      <c r="N6222" s="46">
        <f t="shared" si="697"/>
        <v>45549.833333318325</v>
      </c>
    </row>
    <row r="6223" spans="2:14" x14ac:dyDescent="0.3">
      <c r="B6223">
        <f t="shared" si="691"/>
        <v>6</v>
      </c>
      <c r="C6223" s="16">
        <v>6189</v>
      </c>
      <c r="D6223" cm="1">
        <f t="array" ref="D6223">IFERROR(INDEX(Jesper!AH$2:AH$366,ROUNDDOWN($C6223/24,0)+1,1)*INDEX($D$3:$AA$30,INDEX(Jesper!$R$2:$R$366,ROW(INDEX(Jesper!AH$2:AH$366,ROUNDDOWN($C6223/24,0)+1,1))-1)+IF('Standard Profiles'!$G$18=$B$10,7,0)+IF('Standard Profiles'!$G$18=$B$17,14,0)+IF('Standard Profiles'!$G$18=$B$24,21,0),MOD($C6223,24)+1)/SUM(INDEX($D$3:$AA$30,INDEX(Jesper!$R$2:$R$366,ROW(INDEX(Jesper!AH$2:AH$366,ROUNDDOWN($C6223/24,0)+1,1))-1)+IF('Standard Profiles'!$G$18=$B$10,7,0)+IF('Standard Profiles'!$G$18=$B$17,14,0)+IF('Standard Profiles'!$G$18=$B$24,21,0),0)),0)</f>
        <v>5.1993645527566601</v>
      </c>
      <c r="E6223" cm="1">
        <f t="array" ref="E6223">IFERROR(INDEX(Jesper!AI$2:AI$366,ROUNDDOWN($C6223/24,0)+1,1)*INDEX($D$3:$AA$30,INDEX(Jesper!$R$2:$R$366,ROW(INDEX(Jesper!AI$2:AI$366,ROUNDDOWN($C6223/24,0)+1,1))-1)+IF('Standard Profiles'!$G$19=$B$10,7,0)+IF('Standard Profiles'!$G$19=$B$17,14,0)+IF('Standard Profiles'!$G$19=$B$24,21,0),MOD($C6223,24)+1)/SUM(INDEX($D$3:$AA$30,INDEX(Jesper!$R$2:$R$366,ROW(INDEX(Jesper!AI$2:AI$366,ROUNDDOWN($C6223/24,0)+1,1))-1)+IF('Standard Profiles'!$G$19=$B$10,7,0)+IF('Standard Profiles'!$G$19=$B$17,14,0)+IF('Standard Profiles'!$G$19=$B$24,21,0),0)),0)</f>
        <v>0.84721475055831397</v>
      </c>
      <c r="F6223" cm="1">
        <f t="array" ref="F6223">IFERROR(INDEX(Jesper!AJ$2:AJ$366,ROUNDDOWN($C6223/24,0)+1,1)*INDEX($D$3:$AA$30,INDEX(Jesper!$R$2:$R$366,ROW(INDEX(Jesper!AJ$2:AJ$366,ROUNDDOWN($C6223/24,0)+1,1))-1)+IF('Standard Profiles'!$G$20=$B$10,7,0)+IF('Standard Profiles'!$G$20=$B$17,14,0)+IF('Standard Profiles'!$G$20=$B$24,21,0),MOD($C6223,24)+1)/SUM(INDEX($D$3:$AA$30,INDEX(Jesper!$R$2:$R$366,ROW(INDEX(Jesper!AJ$2:AJ$366,ROUNDDOWN($C6223/24,0)+1,1))-1)+IF('Standard Profiles'!$G$20=$B$10,7,0)+IF('Standard Profiles'!$G$20=$B$17,14,0)+IF('Standard Profiles'!$G$20=$B$24,21,0),0)),0)</f>
        <v>0</v>
      </c>
      <c r="G6223" cm="1">
        <f t="array" ref="G6223">IFERROR(INDEX(Jesper!AK$2:AK$366,ROUNDDOWN($C6223/24,0)+1,1)*INDEX($D$3:$AA$30,INDEX(Jesper!$R$2:$R$366,ROW(INDEX(Jesper!AK$2:AK$366,ROUNDDOWN($C6223/24,0)+1,1))-1)+IF('Standard Profiles'!$G$21=$B$10,7,0)+IF('Standard Profiles'!$G$21=$B$17,14,0)+IF('Standard Profiles'!$G$21=$B$24,21,0),MOD($C6223,24)+1)/SUM(INDEX($D$3:$AA$30,INDEX(Jesper!$R$2:$R$366,ROW(INDEX(Jesper!AK$2:AK$366,ROUNDDOWN($C6223/24,0)+1,1))-1)+IF('Standard Profiles'!$G$21=$B$10,7,0)+IF('Standard Profiles'!$G$21=$B$17,14,0)+IF('Standard Profiles'!$G$21=$B$24,21,0),0)),0)</f>
        <v>0</v>
      </c>
      <c r="H6223" cm="1">
        <f t="array" ref="H6223">IFERROR(INDEX(Jesper!AL$2:AL$366,ROUNDDOWN($C6223/24,0)+1,1)*INDEX($D$3:$AA$30,INDEX(Jesper!$R$2:$R$366,ROW(INDEX(Jesper!AL$2:AL$366,ROUNDDOWN($C6223/24,0)+1,1))-1)+IF('Standard Profiles'!$G$22=$B$10,7,0)+IF('Standard Profiles'!$G$22=$B$17,14,0)+IF('Standard Profiles'!$G$22=$B$24,21,0),MOD($C6223,24)+1)/SUM(INDEX($D$3:$AA$30,INDEX(Jesper!$R$2:$R$366,ROW(INDEX(Jesper!AL$2:AL$366,ROUNDDOWN($C6223/24,0)+1,1))-1)+IF('Standard Profiles'!$G$22=$B$10,7,0)+IF('Standard Profiles'!$G$22=$B$17,14,0)+IF('Standard Profiles'!$G$22=$B$24,21,0),0)),0)</f>
        <v>0</v>
      </c>
      <c r="I6223">
        <f t="shared" si="692"/>
        <v>7.6325653203451735E-2</v>
      </c>
      <c r="J6223">
        <f t="shared" si="693"/>
        <v>0.25441884401150577</v>
      </c>
      <c r="K6223">
        <f t="shared" si="694"/>
        <v>0.38162826601725869</v>
      </c>
      <c r="L6223">
        <f t="shared" si="695"/>
        <v>5.3342065400827581</v>
      </c>
      <c r="M6223">
        <f t="shared" si="696"/>
        <v>0</v>
      </c>
      <c r="N6223" s="46">
        <f t="shared" si="697"/>
        <v>45549.87499998499</v>
      </c>
    </row>
    <row r="6224" spans="2:14" x14ac:dyDescent="0.3">
      <c r="B6224">
        <f t="shared" si="691"/>
        <v>6</v>
      </c>
      <c r="C6224" s="16">
        <v>6190</v>
      </c>
      <c r="D6224" cm="1">
        <f t="array" ref="D6224">IFERROR(INDEX(Jesper!AH$2:AH$366,ROUNDDOWN($C6224/24,0)+1,1)*INDEX($D$3:$AA$30,INDEX(Jesper!$R$2:$R$366,ROW(INDEX(Jesper!AH$2:AH$366,ROUNDDOWN($C6224/24,0)+1,1))-1)+IF('Standard Profiles'!$G$18=$B$10,7,0)+IF('Standard Profiles'!$G$18=$B$17,14,0)+IF('Standard Profiles'!$G$18=$B$24,21,0),MOD($C6224,24)+1)/SUM(INDEX($D$3:$AA$30,INDEX(Jesper!$R$2:$R$366,ROW(INDEX(Jesper!AH$2:AH$366,ROUNDDOWN($C6224/24,0)+1,1))-1)+IF('Standard Profiles'!$G$18=$B$10,7,0)+IF('Standard Profiles'!$G$18=$B$17,14,0)+IF('Standard Profiles'!$G$18=$B$24,21,0),0)),0)</f>
        <v>5.1993645527566601</v>
      </c>
      <c r="E6224" cm="1">
        <f t="array" ref="E6224">IFERROR(INDEX(Jesper!AI$2:AI$366,ROUNDDOWN($C6224/24,0)+1,1)*INDEX($D$3:$AA$30,INDEX(Jesper!$R$2:$R$366,ROW(INDEX(Jesper!AI$2:AI$366,ROUNDDOWN($C6224/24,0)+1,1))-1)+IF('Standard Profiles'!$G$19=$B$10,7,0)+IF('Standard Profiles'!$G$19=$B$17,14,0)+IF('Standard Profiles'!$G$19=$B$24,21,0),MOD($C6224,24)+1)/SUM(INDEX($D$3:$AA$30,INDEX(Jesper!$R$2:$R$366,ROW(INDEX(Jesper!AI$2:AI$366,ROUNDDOWN($C6224/24,0)+1,1))-1)+IF('Standard Profiles'!$G$19=$B$10,7,0)+IF('Standard Profiles'!$G$19=$B$17,14,0)+IF('Standard Profiles'!$G$19=$B$24,21,0),0)),0)</f>
        <v>0.84721475055831397</v>
      </c>
      <c r="F6224" cm="1">
        <f t="array" ref="F6224">IFERROR(INDEX(Jesper!AJ$2:AJ$366,ROUNDDOWN($C6224/24,0)+1,1)*INDEX($D$3:$AA$30,INDEX(Jesper!$R$2:$R$366,ROW(INDEX(Jesper!AJ$2:AJ$366,ROUNDDOWN($C6224/24,0)+1,1))-1)+IF('Standard Profiles'!$G$20=$B$10,7,0)+IF('Standard Profiles'!$G$20=$B$17,14,0)+IF('Standard Profiles'!$G$20=$B$24,21,0),MOD($C6224,24)+1)/SUM(INDEX($D$3:$AA$30,INDEX(Jesper!$R$2:$R$366,ROW(INDEX(Jesper!AJ$2:AJ$366,ROUNDDOWN($C6224/24,0)+1,1))-1)+IF('Standard Profiles'!$G$20=$B$10,7,0)+IF('Standard Profiles'!$G$20=$B$17,14,0)+IF('Standard Profiles'!$G$20=$B$24,21,0),0)),0)</f>
        <v>0</v>
      </c>
      <c r="G6224" cm="1">
        <f t="array" ref="G6224">IFERROR(INDEX(Jesper!AK$2:AK$366,ROUNDDOWN($C6224/24,0)+1,1)*INDEX($D$3:$AA$30,INDEX(Jesper!$R$2:$R$366,ROW(INDEX(Jesper!AK$2:AK$366,ROUNDDOWN($C6224/24,0)+1,1))-1)+IF('Standard Profiles'!$G$21=$B$10,7,0)+IF('Standard Profiles'!$G$21=$B$17,14,0)+IF('Standard Profiles'!$G$21=$B$24,21,0),MOD($C6224,24)+1)/SUM(INDEX($D$3:$AA$30,INDEX(Jesper!$R$2:$R$366,ROW(INDEX(Jesper!AK$2:AK$366,ROUNDDOWN($C6224/24,0)+1,1))-1)+IF('Standard Profiles'!$G$21=$B$10,7,0)+IF('Standard Profiles'!$G$21=$B$17,14,0)+IF('Standard Profiles'!$G$21=$B$24,21,0),0)),0)</f>
        <v>0</v>
      </c>
      <c r="H6224" cm="1">
        <f t="array" ref="H6224">IFERROR(INDEX(Jesper!AL$2:AL$366,ROUNDDOWN($C6224/24,0)+1,1)*INDEX($D$3:$AA$30,INDEX(Jesper!$R$2:$R$366,ROW(INDEX(Jesper!AL$2:AL$366,ROUNDDOWN($C6224/24,0)+1,1))-1)+IF('Standard Profiles'!$G$22=$B$10,7,0)+IF('Standard Profiles'!$G$22=$B$17,14,0)+IF('Standard Profiles'!$G$22=$B$24,21,0),MOD($C6224,24)+1)/SUM(INDEX($D$3:$AA$30,INDEX(Jesper!$R$2:$R$366,ROW(INDEX(Jesper!AL$2:AL$366,ROUNDDOWN($C6224/24,0)+1,1))-1)+IF('Standard Profiles'!$G$22=$B$10,7,0)+IF('Standard Profiles'!$G$22=$B$17,14,0)+IF('Standard Profiles'!$G$22=$B$24,21,0),0)),0)</f>
        <v>0</v>
      </c>
      <c r="I6224">
        <f t="shared" si="692"/>
        <v>7.6325653203451735E-2</v>
      </c>
      <c r="J6224">
        <f t="shared" si="693"/>
        <v>0.25441884401150577</v>
      </c>
      <c r="K6224">
        <f t="shared" si="694"/>
        <v>0.38162826601725869</v>
      </c>
      <c r="L6224">
        <f t="shared" si="695"/>
        <v>5.3342065400827581</v>
      </c>
      <c r="M6224">
        <f t="shared" si="696"/>
        <v>0</v>
      </c>
      <c r="N6224" s="46">
        <f t="shared" si="697"/>
        <v>45549.916666651654</v>
      </c>
    </row>
    <row r="6225" spans="2:14" x14ac:dyDescent="0.3">
      <c r="B6225">
        <f t="shared" si="691"/>
        <v>6</v>
      </c>
      <c r="C6225" s="16">
        <v>6191</v>
      </c>
      <c r="D6225" cm="1">
        <f t="array" ref="D6225">IFERROR(INDEX(Jesper!AH$2:AH$366,ROUNDDOWN($C6225/24,0)+1,1)*INDEX($D$3:$AA$30,INDEX(Jesper!$R$2:$R$366,ROW(INDEX(Jesper!AH$2:AH$366,ROUNDDOWN($C6225/24,0)+1,1))-1)+IF('Standard Profiles'!$G$18=$B$10,7,0)+IF('Standard Profiles'!$G$18=$B$17,14,0)+IF('Standard Profiles'!$G$18=$B$24,21,0),MOD($C6225,24)+1)/SUM(INDEX($D$3:$AA$30,INDEX(Jesper!$R$2:$R$366,ROW(INDEX(Jesper!AH$2:AH$366,ROUNDDOWN($C6225/24,0)+1,1))-1)+IF('Standard Profiles'!$G$18=$B$10,7,0)+IF('Standard Profiles'!$G$18=$B$17,14,0)+IF('Standard Profiles'!$G$18=$B$24,21,0),0)),0)</f>
        <v>5.1993645527566601</v>
      </c>
      <c r="E6225" cm="1">
        <f t="array" ref="E6225">IFERROR(INDEX(Jesper!AI$2:AI$366,ROUNDDOWN($C6225/24,0)+1,1)*INDEX($D$3:$AA$30,INDEX(Jesper!$R$2:$R$366,ROW(INDEX(Jesper!AI$2:AI$366,ROUNDDOWN($C6225/24,0)+1,1))-1)+IF('Standard Profiles'!$G$19=$B$10,7,0)+IF('Standard Profiles'!$G$19=$B$17,14,0)+IF('Standard Profiles'!$G$19=$B$24,21,0),MOD($C6225,24)+1)/SUM(INDEX($D$3:$AA$30,INDEX(Jesper!$R$2:$R$366,ROW(INDEX(Jesper!AI$2:AI$366,ROUNDDOWN($C6225/24,0)+1,1))-1)+IF('Standard Profiles'!$G$19=$B$10,7,0)+IF('Standard Profiles'!$G$19=$B$17,14,0)+IF('Standard Profiles'!$G$19=$B$24,21,0),0)),0)</f>
        <v>0.84721475055831397</v>
      </c>
      <c r="F6225" cm="1">
        <f t="array" ref="F6225">IFERROR(INDEX(Jesper!AJ$2:AJ$366,ROUNDDOWN($C6225/24,0)+1,1)*INDEX($D$3:$AA$30,INDEX(Jesper!$R$2:$R$366,ROW(INDEX(Jesper!AJ$2:AJ$366,ROUNDDOWN($C6225/24,0)+1,1))-1)+IF('Standard Profiles'!$G$20=$B$10,7,0)+IF('Standard Profiles'!$G$20=$B$17,14,0)+IF('Standard Profiles'!$G$20=$B$24,21,0),MOD($C6225,24)+1)/SUM(INDEX($D$3:$AA$30,INDEX(Jesper!$R$2:$R$366,ROW(INDEX(Jesper!AJ$2:AJ$366,ROUNDDOWN($C6225/24,0)+1,1))-1)+IF('Standard Profiles'!$G$20=$B$10,7,0)+IF('Standard Profiles'!$G$20=$B$17,14,0)+IF('Standard Profiles'!$G$20=$B$24,21,0),0)),0)</f>
        <v>0</v>
      </c>
      <c r="G6225" cm="1">
        <f t="array" ref="G6225">IFERROR(INDEX(Jesper!AK$2:AK$366,ROUNDDOWN($C6225/24,0)+1,1)*INDEX($D$3:$AA$30,INDEX(Jesper!$R$2:$R$366,ROW(INDEX(Jesper!AK$2:AK$366,ROUNDDOWN($C6225/24,0)+1,1))-1)+IF('Standard Profiles'!$G$21=$B$10,7,0)+IF('Standard Profiles'!$G$21=$B$17,14,0)+IF('Standard Profiles'!$G$21=$B$24,21,0),MOD($C6225,24)+1)/SUM(INDEX($D$3:$AA$30,INDEX(Jesper!$R$2:$R$366,ROW(INDEX(Jesper!AK$2:AK$366,ROUNDDOWN($C6225/24,0)+1,1))-1)+IF('Standard Profiles'!$G$21=$B$10,7,0)+IF('Standard Profiles'!$G$21=$B$17,14,0)+IF('Standard Profiles'!$G$21=$B$24,21,0),0)),0)</f>
        <v>0</v>
      </c>
      <c r="H6225" cm="1">
        <f t="array" ref="H6225">IFERROR(INDEX(Jesper!AL$2:AL$366,ROUNDDOWN($C6225/24,0)+1,1)*INDEX($D$3:$AA$30,INDEX(Jesper!$R$2:$R$366,ROW(INDEX(Jesper!AL$2:AL$366,ROUNDDOWN($C6225/24,0)+1,1))-1)+IF('Standard Profiles'!$G$22=$B$10,7,0)+IF('Standard Profiles'!$G$22=$B$17,14,0)+IF('Standard Profiles'!$G$22=$B$24,21,0),MOD($C6225,24)+1)/SUM(INDEX($D$3:$AA$30,INDEX(Jesper!$R$2:$R$366,ROW(INDEX(Jesper!AL$2:AL$366,ROUNDDOWN($C6225/24,0)+1,1))-1)+IF('Standard Profiles'!$G$22=$B$10,7,0)+IF('Standard Profiles'!$G$22=$B$17,14,0)+IF('Standard Profiles'!$G$22=$B$24,21,0),0)),0)</f>
        <v>0</v>
      </c>
      <c r="I6225">
        <f t="shared" si="692"/>
        <v>7.6325653203451735E-2</v>
      </c>
      <c r="J6225">
        <f t="shared" si="693"/>
        <v>0.25441884401150577</v>
      </c>
      <c r="K6225">
        <f t="shared" si="694"/>
        <v>0.38162826601725869</v>
      </c>
      <c r="L6225">
        <f t="shared" si="695"/>
        <v>5.3342065400827581</v>
      </c>
      <c r="M6225">
        <f t="shared" si="696"/>
        <v>0</v>
      </c>
      <c r="N6225" s="46">
        <f t="shared" si="697"/>
        <v>45549.958333318318</v>
      </c>
    </row>
    <row r="6226" spans="2:14" x14ac:dyDescent="0.3">
      <c r="B6226">
        <f t="shared" si="691"/>
        <v>7</v>
      </c>
      <c r="C6226" s="16">
        <v>6192</v>
      </c>
      <c r="D6226" cm="1">
        <f t="array" ref="D6226">IFERROR(INDEX(Jesper!AH$2:AH$366,ROUNDDOWN($C6226/24,0)+1,1)*INDEX($D$3:$AA$30,INDEX(Jesper!$R$2:$R$366,ROW(INDEX(Jesper!AH$2:AH$366,ROUNDDOWN($C6226/24,0)+1,1))-1)+IF('Standard Profiles'!$G$18=$B$10,7,0)+IF('Standard Profiles'!$G$18=$B$17,14,0)+IF('Standard Profiles'!$G$18=$B$24,21,0),MOD($C6226,24)+1)/SUM(INDEX($D$3:$AA$30,INDEX(Jesper!$R$2:$R$366,ROW(INDEX(Jesper!AH$2:AH$366,ROUNDDOWN($C6226/24,0)+1,1))-1)+IF('Standard Profiles'!$G$18=$B$10,7,0)+IF('Standard Profiles'!$G$18=$B$17,14,0)+IF('Standard Profiles'!$G$18=$B$24,21,0),0)),0)</f>
        <v>6.0911371628223154</v>
      </c>
      <c r="E6226" cm="1">
        <f t="array" ref="E6226">IFERROR(INDEX(Jesper!AI$2:AI$366,ROUNDDOWN($C6226/24,0)+1,1)*INDEX($D$3:$AA$30,INDEX(Jesper!$R$2:$R$366,ROW(INDEX(Jesper!AI$2:AI$366,ROUNDDOWN($C6226/24,0)+1,1))-1)+IF('Standard Profiles'!$G$19=$B$10,7,0)+IF('Standard Profiles'!$G$19=$B$17,14,0)+IF('Standard Profiles'!$G$19=$B$24,21,0),MOD($C6226,24)+1)/SUM(INDEX($D$3:$AA$30,INDEX(Jesper!$R$2:$R$366,ROW(INDEX(Jesper!AI$2:AI$366,ROUNDDOWN($C6226/24,0)+1,1))-1)+IF('Standard Profiles'!$G$19=$B$10,7,0)+IF('Standard Profiles'!$G$19=$B$17,14,0)+IF('Standard Profiles'!$G$19=$B$24,21,0),0)),0)</f>
        <v>1.0600171635059972</v>
      </c>
      <c r="F6226" cm="1">
        <f t="array" ref="F6226">IFERROR(INDEX(Jesper!AJ$2:AJ$366,ROUNDDOWN($C6226/24,0)+1,1)*INDEX($D$3:$AA$30,INDEX(Jesper!$R$2:$R$366,ROW(INDEX(Jesper!AJ$2:AJ$366,ROUNDDOWN($C6226/24,0)+1,1))-1)+IF('Standard Profiles'!$G$20=$B$10,7,0)+IF('Standard Profiles'!$G$20=$B$17,14,0)+IF('Standard Profiles'!$G$20=$B$24,21,0),MOD($C6226,24)+1)/SUM(INDEX($D$3:$AA$30,INDEX(Jesper!$R$2:$R$366,ROW(INDEX(Jesper!AJ$2:AJ$366,ROUNDDOWN($C6226/24,0)+1,1))-1)+IF('Standard Profiles'!$G$20=$B$10,7,0)+IF('Standard Profiles'!$G$20=$B$17,14,0)+IF('Standard Profiles'!$G$20=$B$24,21,0),0)),0)</f>
        <v>0</v>
      </c>
      <c r="G6226" cm="1">
        <f t="array" ref="G6226">IFERROR(INDEX(Jesper!AK$2:AK$366,ROUNDDOWN($C6226/24,0)+1,1)*INDEX($D$3:$AA$30,INDEX(Jesper!$R$2:$R$366,ROW(INDEX(Jesper!AK$2:AK$366,ROUNDDOWN($C6226/24,0)+1,1))-1)+IF('Standard Profiles'!$G$21=$B$10,7,0)+IF('Standard Profiles'!$G$21=$B$17,14,0)+IF('Standard Profiles'!$G$21=$B$24,21,0),MOD($C6226,24)+1)/SUM(INDEX($D$3:$AA$30,INDEX(Jesper!$R$2:$R$366,ROW(INDEX(Jesper!AK$2:AK$366,ROUNDDOWN($C6226/24,0)+1,1))-1)+IF('Standard Profiles'!$G$21=$B$10,7,0)+IF('Standard Profiles'!$G$21=$B$17,14,0)+IF('Standard Profiles'!$G$21=$B$24,21,0),0)),0)</f>
        <v>0</v>
      </c>
      <c r="H6226" cm="1">
        <f t="array" ref="H6226">IFERROR(INDEX(Jesper!AL$2:AL$366,ROUNDDOWN($C6226/24,0)+1,1)*INDEX($D$3:$AA$30,INDEX(Jesper!$R$2:$R$366,ROW(INDEX(Jesper!AL$2:AL$366,ROUNDDOWN($C6226/24,0)+1,1))-1)+IF('Standard Profiles'!$G$22=$B$10,7,0)+IF('Standard Profiles'!$G$22=$B$17,14,0)+IF('Standard Profiles'!$G$22=$B$24,21,0),MOD($C6226,24)+1)/SUM(INDEX($D$3:$AA$30,INDEX(Jesper!$R$2:$R$366,ROW(INDEX(Jesper!AL$2:AL$366,ROUNDDOWN($C6226/24,0)+1,1))-1)+IF('Standard Profiles'!$G$22=$B$10,7,0)+IF('Standard Profiles'!$G$22=$B$17,14,0)+IF('Standard Profiles'!$G$22=$B$24,21,0),0)),0)</f>
        <v>0</v>
      </c>
      <c r="I6226">
        <f t="shared" si="692"/>
        <v>9.5497041757297063E-2</v>
      </c>
      <c r="J6226">
        <f t="shared" si="693"/>
        <v>0.31832347252432358</v>
      </c>
      <c r="K6226">
        <f t="shared" si="694"/>
        <v>0.47748520878648537</v>
      </c>
      <c r="L6226">
        <f t="shared" si="695"/>
        <v>6.259848603260207</v>
      </c>
      <c r="M6226">
        <f t="shared" si="696"/>
        <v>0</v>
      </c>
      <c r="N6226" s="46">
        <f t="shared" si="697"/>
        <v>45549.999999984982</v>
      </c>
    </row>
    <row r="6227" spans="2:14" x14ac:dyDescent="0.3">
      <c r="B6227">
        <f t="shared" si="691"/>
        <v>7</v>
      </c>
      <c r="C6227" s="16">
        <v>6193</v>
      </c>
      <c r="D6227" cm="1">
        <f t="array" ref="D6227">IFERROR(INDEX(Jesper!AH$2:AH$366,ROUNDDOWN($C6227/24,0)+1,1)*INDEX($D$3:$AA$30,INDEX(Jesper!$R$2:$R$366,ROW(INDEX(Jesper!AH$2:AH$366,ROUNDDOWN($C6227/24,0)+1,1))-1)+IF('Standard Profiles'!$G$18=$B$10,7,0)+IF('Standard Profiles'!$G$18=$B$17,14,0)+IF('Standard Profiles'!$G$18=$B$24,21,0),MOD($C6227,24)+1)/SUM(INDEX($D$3:$AA$30,INDEX(Jesper!$R$2:$R$366,ROW(INDEX(Jesper!AH$2:AH$366,ROUNDDOWN($C6227/24,0)+1,1))-1)+IF('Standard Profiles'!$G$18=$B$10,7,0)+IF('Standard Profiles'!$G$18=$B$17,14,0)+IF('Standard Profiles'!$G$18=$B$24,21,0),0)),0)</f>
        <v>7.0735786406968826</v>
      </c>
      <c r="E6227" cm="1">
        <f t="array" ref="E6227">IFERROR(INDEX(Jesper!AI$2:AI$366,ROUNDDOWN($C6227/24,0)+1,1)*INDEX($D$3:$AA$30,INDEX(Jesper!$R$2:$R$366,ROW(INDEX(Jesper!AI$2:AI$366,ROUNDDOWN($C6227/24,0)+1,1))-1)+IF('Standard Profiles'!$G$19=$B$10,7,0)+IF('Standard Profiles'!$G$19=$B$17,14,0)+IF('Standard Profiles'!$G$19=$B$24,21,0),MOD($C6227,24)+1)/SUM(INDEX($D$3:$AA$30,INDEX(Jesper!$R$2:$R$366,ROW(INDEX(Jesper!AI$2:AI$366,ROUNDDOWN($C6227/24,0)+1,1))-1)+IF('Standard Profiles'!$G$19=$B$10,7,0)+IF('Standard Profiles'!$G$19=$B$17,14,0)+IF('Standard Profiles'!$G$19=$B$24,21,0),0)),0)</f>
        <v>1.2309876737489001</v>
      </c>
      <c r="F6227" cm="1">
        <f t="array" ref="F6227">IFERROR(INDEX(Jesper!AJ$2:AJ$366,ROUNDDOWN($C6227/24,0)+1,1)*INDEX($D$3:$AA$30,INDEX(Jesper!$R$2:$R$366,ROW(INDEX(Jesper!AJ$2:AJ$366,ROUNDDOWN($C6227/24,0)+1,1))-1)+IF('Standard Profiles'!$G$20=$B$10,7,0)+IF('Standard Profiles'!$G$20=$B$17,14,0)+IF('Standard Profiles'!$G$20=$B$24,21,0),MOD($C6227,24)+1)/SUM(INDEX($D$3:$AA$30,INDEX(Jesper!$R$2:$R$366,ROW(INDEX(Jesper!AJ$2:AJ$366,ROUNDDOWN($C6227/24,0)+1,1))-1)+IF('Standard Profiles'!$G$20=$B$10,7,0)+IF('Standard Profiles'!$G$20=$B$17,14,0)+IF('Standard Profiles'!$G$20=$B$24,21,0),0)),0)</f>
        <v>0</v>
      </c>
      <c r="G6227" cm="1">
        <f t="array" ref="G6227">IFERROR(INDEX(Jesper!AK$2:AK$366,ROUNDDOWN($C6227/24,0)+1,1)*INDEX($D$3:$AA$30,INDEX(Jesper!$R$2:$R$366,ROW(INDEX(Jesper!AK$2:AK$366,ROUNDDOWN($C6227/24,0)+1,1))-1)+IF('Standard Profiles'!$G$21=$B$10,7,0)+IF('Standard Profiles'!$G$21=$B$17,14,0)+IF('Standard Profiles'!$G$21=$B$24,21,0),MOD($C6227,24)+1)/SUM(INDEX($D$3:$AA$30,INDEX(Jesper!$R$2:$R$366,ROW(INDEX(Jesper!AK$2:AK$366,ROUNDDOWN($C6227/24,0)+1,1))-1)+IF('Standard Profiles'!$G$21=$B$10,7,0)+IF('Standard Profiles'!$G$21=$B$17,14,0)+IF('Standard Profiles'!$G$21=$B$24,21,0),0)),0)</f>
        <v>0</v>
      </c>
      <c r="H6227" cm="1">
        <f t="array" ref="H6227">IFERROR(INDEX(Jesper!AL$2:AL$366,ROUNDDOWN($C6227/24,0)+1,1)*INDEX($D$3:$AA$30,INDEX(Jesper!$R$2:$R$366,ROW(INDEX(Jesper!AL$2:AL$366,ROUNDDOWN($C6227/24,0)+1,1))-1)+IF('Standard Profiles'!$G$22=$B$10,7,0)+IF('Standard Profiles'!$G$22=$B$17,14,0)+IF('Standard Profiles'!$G$22=$B$24,21,0),MOD($C6227,24)+1)/SUM(INDEX($D$3:$AA$30,INDEX(Jesper!$R$2:$R$366,ROW(INDEX(Jesper!AL$2:AL$366,ROUNDDOWN($C6227/24,0)+1,1))-1)+IF('Standard Profiles'!$G$22=$B$10,7,0)+IF('Standard Profiles'!$G$22=$B$17,14,0)+IF('Standard Profiles'!$G$22=$B$24,21,0),0)),0)</f>
        <v>0</v>
      </c>
      <c r="I6227">
        <f t="shared" si="692"/>
        <v>0.11089979042782887</v>
      </c>
      <c r="J6227">
        <f t="shared" si="693"/>
        <v>0.36966596809276292</v>
      </c>
      <c r="K6227">
        <f t="shared" si="694"/>
        <v>0.55449895213914435</v>
      </c>
      <c r="L6227">
        <f t="shared" si="695"/>
        <v>7.2695016037860469</v>
      </c>
      <c r="M6227">
        <f t="shared" si="696"/>
        <v>0</v>
      </c>
      <c r="N6227" s="46">
        <f t="shared" si="697"/>
        <v>45550.041666651647</v>
      </c>
    </row>
    <row r="6228" spans="2:14" x14ac:dyDescent="0.3">
      <c r="B6228">
        <f t="shared" si="691"/>
        <v>7</v>
      </c>
      <c r="C6228" s="16">
        <v>6194</v>
      </c>
      <c r="D6228" cm="1">
        <f t="array" ref="D6228">IFERROR(INDEX(Jesper!AH$2:AH$366,ROUNDDOWN($C6228/24,0)+1,1)*INDEX($D$3:$AA$30,INDEX(Jesper!$R$2:$R$366,ROW(INDEX(Jesper!AH$2:AH$366,ROUNDDOWN($C6228/24,0)+1,1))-1)+IF('Standard Profiles'!$G$18=$B$10,7,0)+IF('Standard Profiles'!$G$18=$B$17,14,0)+IF('Standard Profiles'!$G$18=$B$24,21,0),MOD($C6228,24)+1)/SUM(INDEX($D$3:$AA$30,INDEX(Jesper!$R$2:$R$366,ROW(INDEX(Jesper!AH$2:AH$366,ROUNDDOWN($C6228/24,0)+1,1))-1)+IF('Standard Profiles'!$G$18=$B$10,7,0)+IF('Standard Profiles'!$G$18=$B$17,14,0)+IF('Standard Profiles'!$G$18=$B$24,21,0),0)),0)</f>
        <v>7.0735786406968826</v>
      </c>
      <c r="E6228" cm="1">
        <f t="array" ref="E6228">IFERROR(INDEX(Jesper!AI$2:AI$366,ROUNDDOWN($C6228/24,0)+1,1)*INDEX($D$3:$AA$30,INDEX(Jesper!$R$2:$R$366,ROW(INDEX(Jesper!AI$2:AI$366,ROUNDDOWN($C6228/24,0)+1,1))-1)+IF('Standard Profiles'!$G$19=$B$10,7,0)+IF('Standard Profiles'!$G$19=$B$17,14,0)+IF('Standard Profiles'!$G$19=$B$24,21,0),MOD($C6228,24)+1)/SUM(INDEX($D$3:$AA$30,INDEX(Jesper!$R$2:$R$366,ROW(INDEX(Jesper!AI$2:AI$366,ROUNDDOWN($C6228/24,0)+1,1))-1)+IF('Standard Profiles'!$G$19=$B$10,7,0)+IF('Standard Profiles'!$G$19=$B$17,14,0)+IF('Standard Profiles'!$G$19=$B$24,21,0),0)),0)</f>
        <v>1.2309876737489001</v>
      </c>
      <c r="F6228" cm="1">
        <f t="array" ref="F6228">IFERROR(INDEX(Jesper!AJ$2:AJ$366,ROUNDDOWN($C6228/24,0)+1,1)*INDEX($D$3:$AA$30,INDEX(Jesper!$R$2:$R$366,ROW(INDEX(Jesper!AJ$2:AJ$366,ROUNDDOWN($C6228/24,0)+1,1))-1)+IF('Standard Profiles'!$G$20=$B$10,7,0)+IF('Standard Profiles'!$G$20=$B$17,14,0)+IF('Standard Profiles'!$G$20=$B$24,21,0),MOD($C6228,24)+1)/SUM(INDEX($D$3:$AA$30,INDEX(Jesper!$R$2:$R$366,ROW(INDEX(Jesper!AJ$2:AJ$366,ROUNDDOWN($C6228/24,0)+1,1))-1)+IF('Standard Profiles'!$G$20=$B$10,7,0)+IF('Standard Profiles'!$G$20=$B$17,14,0)+IF('Standard Profiles'!$G$20=$B$24,21,0),0)),0)</f>
        <v>0</v>
      </c>
      <c r="G6228" cm="1">
        <f t="array" ref="G6228">IFERROR(INDEX(Jesper!AK$2:AK$366,ROUNDDOWN($C6228/24,0)+1,1)*INDEX($D$3:$AA$30,INDEX(Jesper!$R$2:$R$366,ROW(INDEX(Jesper!AK$2:AK$366,ROUNDDOWN($C6228/24,0)+1,1))-1)+IF('Standard Profiles'!$G$21=$B$10,7,0)+IF('Standard Profiles'!$G$21=$B$17,14,0)+IF('Standard Profiles'!$G$21=$B$24,21,0),MOD($C6228,24)+1)/SUM(INDEX($D$3:$AA$30,INDEX(Jesper!$R$2:$R$366,ROW(INDEX(Jesper!AK$2:AK$366,ROUNDDOWN($C6228/24,0)+1,1))-1)+IF('Standard Profiles'!$G$21=$B$10,7,0)+IF('Standard Profiles'!$G$21=$B$17,14,0)+IF('Standard Profiles'!$G$21=$B$24,21,0),0)),0)</f>
        <v>0</v>
      </c>
      <c r="H6228" cm="1">
        <f t="array" ref="H6228">IFERROR(INDEX(Jesper!AL$2:AL$366,ROUNDDOWN($C6228/24,0)+1,1)*INDEX($D$3:$AA$30,INDEX(Jesper!$R$2:$R$366,ROW(INDEX(Jesper!AL$2:AL$366,ROUNDDOWN($C6228/24,0)+1,1))-1)+IF('Standard Profiles'!$G$22=$B$10,7,0)+IF('Standard Profiles'!$G$22=$B$17,14,0)+IF('Standard Profiles'!$G$22=$B$24,21,0),MOD($C6228,24)+1)/SUM(INDEX($D$3:$AA$30,INDEX(Jesper!$R$2:$R$366,ROW(INDEX(Jesper!AL$2:AL$366,ROUNDDOWN($C6228/24,0)+1,1))-1)+IF('Standard Profiles'!$G$22=$B$10,7,0)+IF('Standard Profiles'!$G$22=$B$17,14,0)+IF('Standard Profiles'!$G$22=$B$24,21,0),0)),0)</f>
        <v>0</v>
      </c>
      <c r="I6228">
        <f t="shared" si="692"/>
        <v>0.11089979042782887</v>
      </c>
      <c r="J6228">
        <f t="shared" si="693"/>
        <v>0.36966596809276292</v>
      </c>
      <c r="K6228">
        <f t="shared" si="694"/>
        <v>0.55449895213914435</v>
      </c>
      <c r="L6228">
        <f t="shared" si="695"/>
        <v>7.2695016037860469</v>
      </c>
      <c r="M6228">
        <f t="shared" si="696"/>
        <v>0</v>
      </c>
      <c r="N6228" s="46">
        <f t="shared" si="697"/>
        <v>45550.083333318311</v>
      </c>
    </row>
    <row r="6229" spans="2:14" x14ac:dyDescent="0.3">
      <c r="B6229">
        <f t="shared" si="691"/>
        <v>7</v>
      </c>
      <c r="C6229" s="16">
        <v>6195</v>
      </c>
      <c r="D6229" cm="1">
        <f t="array" ref="D6229">IFERROR(INDEX(Jesper!AH$2:AH$366,ROUNDDOWN($C6229/24,0)+1,1)*INDEX($D$3:$AA$30,INDEX(Jesper!$R$2:$R$366,ROW(INDEX(Jesper!AH$2:AH$366,ROUNDDOWN($C6229/24,0)+1,1))-1)+IF('Standard Profiles'!$G$18=$B$10,7,0)+IF('Standard Profiles'!$G$18=$B$17,14,0)+IF('Standard Profiles'!$G$18=$B$24,21,0),MOD($C6229,24)+1)/SUM(INDEX($D$3:$AA$30,INDEX(Jesper!$R$2:$R$366,ROW(INDEX(Jesper!AH$2:AH$366,ROUNDDOWN($C6229/24,0)+1,1))-1)+IF('Standard Profiles'!$G$18=$B$10,7,0)+IF('Standard Profiles'!$G$18=$B$17,14,0)+IF('Standard Profiles'!$G$18=$B$24,21,0),0)),0)</f>
        <v>7.0735786406968826</v>
      </c>
      <c r="E6229" cm="1">
        <f t="array" ref="E6229">IFERROR(INDEX(Jesper!AI$2:AI$366,ROUNDDOWN($C6229/24,0)+1,1)*INDEX($D$3:$AA$30,INDEX(Jesper!$R$2:$R$366,ROW(INDEX(Jesper!AI$2:AI$366,ROUNDDOWN($C6229/24,0)+1,1))-1)+IF('Standard Profiles'!$G$19=$B$10,7,0)+IF('Standard Profiles'!$G$19=$B$17,14,0)+IF('Standard Profiles'!$G$19=$B$24,21,0),MOD($C6229,24)+1)/SUM(INDEX($D$3:$AA$30,INDEX(Jesper!$R$2:$R$366,ROW(INDEX(Jesper!AI$2:AI$366,ROUNDDOWN($C6229/24,0)+1,1))-1)+IF('Standard Profiles'!$G$19=$B$10,7,0)+IF('Standard Profiles'!$G$19=$B$17,14,0)+IF('Standard Profiles'!$G$19=$B$24,21,0),0)),0)</f>
        <v>1.2309876737489001</v>
      </c>
      <c r="F6229" cm="1">
        <f t="array" ref="F6229">IFERROR(INDEX(Jesper!AJ$2:AJ$366,ROUNDDOWN($C6229/24,0)+1,1)*INDEX($D$3:$AA$30,INDEX(Jesper!$R$2:$R$366,ROW(INDEX(Jesper!AJ$2:AJ$366,ROUNDDOWN($C6229/24,0)+1,1))-1)+IF('Standard Profiles'!$G$20=$B$10,7,0)+IF('Standard Profiles'!$G$20=$B$17,14,0)+IF('Standard Profiles'!$G$20=$B$24,21,0),MOD($C6229,24)+1)/SUM(INDEX($D$3:$AA$30,INDEX(Jesper!$R$2:$R$366,ROW(INDEX(Jesper!AJ$2:AJ$366,ROUNDDOWN($C6229/24,0)+1,1))-1)+IF('Standard Profiles'!$G$20=$B$10,7,0)+IF('Standard Profiles'!$G$20=$B$17,14,0)+IF('Standard Profiles'!$G$20=$B$24,21,0),0)),0)</f>
        <v>0</v>
      </c>
      <c r="G6229" cm="1">
        <f t="array" ref="G6229">IFERROR(INDEX(Jesper!AK$2:AK$366,ROUNDDOWN($C6229/24,0)+1,1)*INDEX($D$3:$AA$30,INDEX(Jesper!$R$2:$R$366,ROW(INDEX(Jesper!AK$2:AK$366,ROUNDDOWN($C6229/24,0)+1,1))-1)+IF('Standard Profiles'!$G$21=$B$10,7,0)+IF('Standard Profiles'!$G$21=$B$17,14,0)+IF('Standard Profiles'!$G$21=$B$24,21,0),MOD($C6229,24)+1)/SUM(INDEX($D$3:$AA$30,INDEX(Jesper!$R$2:$R$366,ROW(INDEX(Jesper!AK$2:AK$366,ROUNDDOWN($C6229/24,0)+1,1))-1)+IF('Standard Profiles'!$G$21=$B$10,7,0)+IF('Standard Profiles'!$G$21=$B$17,14,0)+IF('Standard Profiles'!$G$21=$B$24,21,0),0)),0)</f>
        <v>0</v>
      </c>
      <c r="H6229" cm="1">
        <f t="array" ref="H6229">IFERROR(INDEX(Jesper!AL$2:AL$366,ROUNDDOWN($C6229/24,0)+1,1)*INDEX($D$3:$AA$30,INDEX(Jesper!$R$2:$R$366,ROW(INDEX(Jesper!AL$2:AL$366,ROUNDDOWN($C6229/24,0)+1,1))-1)+IF('Standard Profiles'!$G$22=$B$10,7,0)+IF('Standard Profiles'!$G$22=$B$17,14,0)+IF('Standard Profiles'!$G$22=$B$24,21,0),MOD($C6229,24)+1)/SUM(INDEX($D$3:$AA$30,INDEX(Jesper!$R$2:$R$366,ROW(INDEX(Jesper!AL$2:AL$366,ROUNDDOWN($C6229/24,0)+1,1))-1)+IF('Standard Profiles'!$G$22=$B$10,7,0)+IF('Standard Profiles'!$G$22=$B$17,14,0)+IF('Standard Profiles'!$G$22=$B$24,21,0),0)),0)</f>
        <v>0</v>
      </c>
      <c r="I6229">
        <f t="shared" si="692"/>
        <v>0.11089979042782887</v>
      </c>
      <c r="J6229">
        <f t="shared" si="693"/>
        <v>0.36966596809276292</v>
      </c>
      <c r="K6229">
        <f t="shared" si="694"/>
        <v>0.55449895213914435</v>
      </c>
      <c r="L6229">
        <f t="shared" si="695"/>
        <v>7.2695016037860469</v>
      </c>
      <c r="M6229">
        <f t="shared" si="696"/>
        <v>0</v>
      </c>
      <c r="N6229" s="46">
        <f t="shared" si="697"/>
        <v>45550.124999984975</v>
      </c>
    </row>
    <row r="6230" spans="2:14" x14ac:dyDescent="0.3">
      <c r="B6230">
        <f t="shared" si="691"/>
        <v>7</v>
      </c>
      <c r="C6230" s="16">
        <v>6196</v>
      </c>
      <c r="D6230" cm="1">
        <f t="array" ref="D6230">IFERROR(INDEX(Jesper!AH$2:AH$366,ROUNDDOWN($C6230/24,0)+1,1)*INDEX($D$3:$AA$30,INDEX(Jesper!$R$2:$R$366,ROW(INDEX(Jesper!AH$2:AH$366,ROUNDDOWN($C6230/24,0)+1,1))-1)+IF('Standard Profiles'!$G$18=$B$10,7,0)+IF('Standard Profiles'!$G$18=$B$17,14,0)+IF('Standard Profiles'!$G$18=$B$24,21,0),MOD($C6230,24)+1)/SUM(INDEX($D$3:$AA$30,INDEX(Jesper!$R$2:$R$366,ROW(INDEX(Jesper!AH$2:AH$366,ROUNDDOWN($C6230/24,0)+1,1))-1)+IF('Standard Profiles'!$G$18=$B$10,7,0)+IF('Standard Profiles'!$G$18=$B$17,14,0)+IF('Standard Profiles'!$G$18=$B$24,21,0),0)),0)</f>
        <v>7.0735786406968826</v>
      </c>
      <c r="E6230" cm="1">
        <f t="array" ref="E6230">IFERROR(INDEX(Jesper!AI$2:AI$366,ROUNDDOWN($C6230/24,0)+1,1)*INDEX($D$3:$AA$30,INDEX(Jesper!$R$2:$R$366,ROW(INDEX(Jesper!AI$2:AI$366,ROUNDDOWN($C6230/24,0)+1,1))-1)+IF('Standard Profiles'!$G$19=$B$10,7,0)+IF('Standard Profiles'!$G$19=$B$17,14,0)+IF('Standard Profiles'!$G$19=$B$24,21,0),MOD($C6230,24)+1)/SUM(INDEX($D$3:$AA$30,INDEX(Jesper!$R$2:$R$366,ROW(INDEX(Jesper!AI$2:AI$366,ROUNDDOWN($C6230/24,0)+1,1))-1)+IF('Standard Profiles'!$G$19=$B$10,7,0)+IF('Standard Profiles'!$G$19=$B$17,14,0)+IF('Standard Profiles'!$G$19=$B$24,21,0),0)),0)</f>
        <v>1.2309876737489001</v>
      </c>
      <c r="F6230" cm="1">
        <f t="array" ref="F6230">IFERROR(INDEX(Jesper!AJ$2:AJ$366,ROUNDDOWN($C6230/24,0)+1,1)*INDEX($D$3:$AA$30,INDEX(Jesper!$R$2:$R$366,ROW(INDEX(Jesper!AJ$2:AJ$366,ROUNDDOWN($C6230/24,0)+1,1))-1)+IF('Standard Profiles'!$G$20=$B$10,7,0)+IF('Standard Profiles'!$G$20=$B$17,14,0)+IF('Standard Profiles'!$G$20=$B$24,21,0),MOD($C6230,24)+1)/SUM(INDEX($D$3:$AA$30,INDEX(Jesper!$R$2:$R$366,ROW(INDEX(Jesper!AJ$2:AJ$366,ROUNDDOWN($C6230/24,0)+1,1))-1)+IF('Standard Profiles'!$G$20=$B$10,7,0)+IF('Standard Profiles'!$G$20=$B$17,14,0)+IF('Standard Profiles'!$G$20=$B$24,21,0),0)),0)</f>
        <v>0</v>
      </c>
      <c r="G6230" cm="1">
        <f t="array" ref="G6230">IFERROR(INDEX(Jesper!AK$2:AK$366,ROUNDDOWN($C6230/24,0)+1,1)*INDEX($D$3:$AA$30,INDEX(Jesper!$R$2:$R$366,ROW(INDEX(Jesper!AK$2:AK$366,ROUNDDOWN($C6230/24,0)+1,1))-1)+IF('Standard Profiles'!$G$21=$B$10,7,0)+IF('Standard Profiles'!$G$21=$B$17,14,0)+IF('Standard Profiles'!$G$21=$B$24,21,0),MOD($C6230,24)+1)/SUM(INDEX($D$3:$AA$30,INDEX(Jesper!$R$2:$R$366,ROW(INDEX(Jesper!AK$2:AK$366,ROUNDDOWN($C6230/24,0)+1,1))-1)+IF('Standard Profiles'!$G$21=$B$10,7,0)+IF('Standard Profiles'!$G$21=$B$17,14,0)+IF('Standard Profiles'!$G$21=$B$24,21,0),0)),0)</f>
        <v>0</v>
      </c>
      <c r="H6230" cm="1">
        <f t="array" ref="H6230">IFERROR(INDEX(Jesper!AL$2:AL$366,ROUNDDOWN($C6230/24,0)+1,1)*INDEX($D$3:$AA$30,INDEX(Jesper!$R$2:$R$366,ROW(INDEX(Jesper!AL$2:AL$366,ROUNDDOWN($C6230/24,0)+1,1))-1)+IF('Standard Profiles'!$G$22=$B$10,7,0)+IF('Standard Profiles'!$G$22=$B$17,14,0)+IF('Standard Profiles'!$G$22=$B$24,21,0),MOD($C6230,24)+1)/SUM(INDEX($D$3:$AA$30,INDEX(Jesper!$R$2:$R$366,ROW(INDEX(Jesper!AL$2:AL$366,ROUNDDOWN($C6230/24,0)+1,1))-1)+IF('Standard Profiles'!$G$22=$B$10,7,0)+IF('Standard Profiles'!$G$22=$B$17,14,0)+IF('Standard Profiles'!$G$22=$B$24,21,0),0)),0)</f>
        <v>0</v>
      </c>
      <c r="I6230">
        <f t="shared" si="692"/>
        <v>0.11089979042782887</v>
      </c>
      <c r="J6230">
        <f t="shared" si="693"/>
        <v>0.36966596809276292</v>
      </c>
      <c r="K6230">
        <f t="shared" si="694"/>
        <v>0.55449895213914435</v>
      </c>
      <c r="L6230">
        <f t="shared" si="695"/>
        <v>7.2695016037860469</v>
      </c>
      <c r="M6230">
        <f t="shared" si="696"/>
        <v>0</v>
      </c>
      <c r="N6230" s="46">
        <f t="shared" si="697"/>
        <v>45550.166666651639</v>
      </c>
    </row>
    <row r="6231" spans="2:14" x14ac:dyDescent="0.3">
      <c r="B6231">
        <f t="shared" si="691"/>
        <v>7</v>
      </c>
      <c r="C6231" s="16">
        <v>6197</v>
      </c>
      <c r="D6231" cm="1">
        <f t="array" ref="D6231">IFERROR(INDEX(Jesper!AH$2:AH$366,ROUNDDOWN($C6231/24,0)+1,1)*INDEX($D$3:$AA$30,INDEX(Jesper!$R$2:$R$366,ROW(INDEX(Jesper!AH$2:AH$366,ROUNDDOWN($C6231/24,0)+1,1))-1)+IF('Standard Profiles'!$G$18=$B$10,7,0)+IF('Standard Profiles'!$G$18=$B$17,14,0)+IF('Standard Profiles'!$G$18=$B$24,21,0),MOD($C6231,24)+1)/SUM(INDEX($D$3:$AA$30,INDEX(Jesper!$R$2:$R$366,ROW(INDEX(Jesper!AH$2:AH$366,ROUNDDOWN($C6231/24,0)+1,1))-1)+IF('Standard Profiles'!$G$18=$B$10,7,0)+IF('Standard Profiles'!$G$18=$B$17,14,0)+IF('Standard Profiles'!$G$18=$B$24,21,0),0)),0)</f>
        <v>8.8419733008711034</v>
      </c>
      <c r="E6231" cm="1">
        <f t="array" ref="E6231">IFERROR(INDEX(Jesper!AI$2:AI$366,ROUNDDOWN($C6231/24,0)+1,1)*INDEX($D$3:$AA$30,INDEX(Jesper!$R$2:$R$366,ROW(INDEX(Jesper!AI$2:AI$366,ROUNDDOWN($C6231/24,0)+1,1))-1)+IF('Standard Profiles'!$G$19=$B$10,7,0)+IF('Standard Profiles'!$G$19=$B$17,14,0)+IF('Standard Profiles'!$G$19=$B$24,21,0),MOD($C6231,24)+1)/SUM(INDEX($D$3:$AA$30,INDEX(Jesper!$R$2:$R$366,ROW(INDEX(Jesper!AI$2:AI$366,ROUNDDOWN($C6231/24,0)+1,1))-1)+IF('Standard Profiles'!$G$19=$B$10,7,0)+IF('Standard Profiles'!$G$19=$B$17,14,0)+IF('Standard Profiles'!$G$19=$B$24,21,0),0)),0)</f>
        <v>1.5387345921861246</v>
      </c>
      <c r="F6231" cm="1">
        <f t="array" ref="F6231">IFERROR(INDEX(Jesper!AJ$2:AJ$366,ROUNDDOWN($C6231/24,0)+1,1)*INDEX($D$3:$AA$30,INDEX(Jesper!$R$2:$R$366,ROW(INDEX(Jesper!AJ$2:AJ$366,ROUNDDOWN($C6231/24,0)+1,1))-1)+IF('Standard Profiles'!$G$20=$B$10,7,0)+IF('Standard Profiles'!$G$20=$B$17,14,0)+IF('Standard Profiles'!$G$20=$B$24,21,0),MOD($C6231,24)+1)/SUM(INDEX($D$3:$AA$30,INDEX(Jesper!$R$2:$R$366,ROW(INDEX(Jesper!AJ$2:AJ$366,ROUNDDOWN($C6231/24,0)+1,1))-1)+IF('Standard Profiles'!$G$20=$B$10,7,0)+IF('Standard Profiles'!$G$20=$B$17,14,0)+IF('Standard Profiles'!$G$20=$B$24,21,0),0)),0)</f>
        <v>0</v>
      </c>
      <c r="G6231" cm="1">
        <f t="array" ref="G6231">IFERROR(INDEX(Jesper!AK$2:AK$366,ROUNDDOWN($C6231/24,0)+1,1)*INDEX($D$3:$AA$30,INDEX(Jesper!$R$2:$R$366,ROW(INDEX(Jesper!AK$2:AK$366,ROUNDDOWN($C6231/24,0)+1,1))-1)+IF('Standard Profiles'!$G$21=$B$10,7,0)+IF('Standard Profiles'!$G$21=$B$17,14,0)+IF('Standard Profiles'!$G$21=$B$24,21,0),MOD($C6231,24)+1)/SUM(INDEX($D$3:$AA$30,INDEX(Jesper!$R$2:$R$366,ROW(INDEX(Jesper!AK$2:AK$366,ROUNDDOWN($C6231/24,0)+1,1))-1)+IF('Standard Profiles'!$G$21=$B$10,7,0)+IF('Standard Profiles'!$G$21=$B$17,14,0)+IF('Standard Profiles'!$G$21=$B$24,21,0),0)),0)</f>
        <v>0</v>
      </c>
      <c r="H6231" cm="1">
        <f t="array" ref="H6231">IFERROR(INDEX(Jesper!AL$2:AL$366,ROUNDDOWN($C6231/24,0)+1,1)*INDEX($D$3:$AA$30,INDEX(Jesper!$R$2:$R$366,ROW(INDEX(Jesper!AL$2:AL$366,ROUNDDOWN($C6231/24,0)+1,1))-1)+IF('Standard Profiles'!$G$22=$B$10,7,0)+IF('Standard Profiles'!$G$22=$B$17,14,0)+IF('Standard Profiles'!$G$22=$B$24,21,0),MOD($C6231,24)+1)/SUM(INDEX($D$3:$AA$30,INDEX(Jesper!$R$2:$R$366,ROW(INDEX(Jesper!AL$2:AL$366,ROUNDDOWN($C6231/24,0)+1,1))-1)+IF('Standard Profiles'!$G$22=$B$10,7,0)+IF('Standard Profiles'!$G$22=$B$17,14,0)+IF('Standard Profiles'!$G$22=$B$24,21,0),0)),0)</f>
        <v>0</v>
      </c>
      <c r="I6231">
        <f t="shared" si="692"/>
        <v>0.13862473803478603</v>
      </c>
      <c r="J6231">
        <f t="shared" si="693"/>
        <v>0.4620824601159535</v>
      </c>
      <c r="K6231">
        <f t="shared" si="694"/>
        <v>0.69312369017393027</v>
      </c>
      <c r="L6231">
        <f t="shared" si="695"/>
        <v>9.0868770047325587</v>
      </c>
      <c r="M6231">
        <f t="shared" si="696"/>
        <v>0</v>
      </c>
      <c r="N6231" s="46">
        <f t="shared" si="697"/>
        <v>45550.208333318304</v>
      </c>
    </row>
    <row r="6232" spans="2:14" x14ac:dyDescent="0.3">
      <c r="B6232">
        <f t="shared" si="691"/>
        <v>7</v>
      </c>
      <c r="C6232" s="16">
        <v>6198</v>
      </c>
      <c r="D6232" cm="1">
        <f t="array" ref="D6232">IFERROR(INDEX(Jesper!AH$2:AH$366,ROUNDDOWN($C6232/24,0)+1,1)*INDEX($D$3:$AA$30,INDEX(Jesper!$R$2:$R$366,ROW(INDEX(Jesper!AH$2:AH$366,ROUNDDOWN($C6232/24,0)+1,1))-1)+IF('Standard Profiles'!$G$18=$B$10,7,0)+IF('Standard Profiles'!$G$18=$B$17,14,0)+IF('Standard Profiles'!$G$18=$B$24,21,0),MOD($C6232,24)+1)/SUM(INDEX($D$3:$AA$30,INDEX(Jesper!$R$2:$R$366,ROW(INDEX(Jesper!AH$2:AH$366,ROUNDDOWN($C6232/24,0)+1,1))-1)+IF('Standard Profiles'!$G$18=$B$10,7,0)+IF('Standard Profiles'!$G$18=$B$17,14,0)+IF('Standard Profiles'!$G$18=$B$24,21,0),0)),0)</f>
        <v>10.413879665470411</v>
      </c>
      <c r="E6232" cm="1">
        <f t="array" ref="E6232">IFERROR(INDEX(Jesper!AI$2:AI$366,ROUNDDOWN($C6232/24,0)+1,1)*INDEX($D$3:$AA$30,INDEX(Jesper!$R$2:$R$366,ROW(INDEX(Jesper!AI$2:AI$366,ROUNDDOWN($C6232/24,0)+1,1))-1)+IF('Standard Profiles'!$G$19=$B$10,7,0)+IF('Standard Profiles'!$G$19=$B$17,14,0)+IF('Standard Profiles'!$G$19=$B$24,21,0),MOD($C6232,24)+1)/SUM(INDEX($D$3:$AA$30,INDEX(Jesper!$R$2:$R$366,ROW(INDEX(Jesper!AI$2:AI$366,ROUNDDOWN($C6232/24,0)+1,1))-1)+IF('Standard Profiles'!$G$19=$B$10,7,0)+IF('Standard Profiles'!$G$19=$B$17,14,0)+IF('Standard Profiles'!$G$19=$B$24,21,0),0)),0)</f>
        <v>1.8122874085747693</v>
      </c>
      <c r="F6232" cm="1">
        <f t="array" ref="F6232">IFERROR(INDEX(Jesper!AJ$2:AJ$366,ROUNDDOWN($C6232/24,0)+1,1)*INDEX($D$3:$AA$30,INDEX(Jesper!$R$2:$R$366,ROW(INDEX(Jesper!AJ$2:AJ$366,ROUNDDOWN($C6232/24,0)+1,1))-1)+IF('Standard Profiles'!$G$20=$B$10,7,0)+IF('Standard Profiles'!$G$20=$B$17,14,0)+IF('Standard Profiles'!$G$20=$B$24,21,0),MOD($C6232,24)+1)/SUM(INDEX($D$3:$AA$30,INDEX(Jesper!$R$2:$R$366,ROW(INDEX(Jesper!AJ$2:AJ$366,ROUNDDOWN($C6232/24,0)+1,1))-1)+IF('Standard Profiles'!$G$20=$B$10,7,0)+IF('Standard Profiles'!$G$20=$B$17,14,0)+IF('Standard Profiles'!$G$20=$B$24,21,0),0)),0)</f>
        <v>0</v>
      </c>
      <c r="G6232" cm="1">
        <f t="array" ref="G6232">IFERROR(INDEX(Jesper!AK$2:AK$366,ROUNDDOWN($C6232/24,0)+1,1)*INDEX($D$3:$AA$30,INDEX(Jesper!$R$2:$R$366,ROW(INDEX(Jesper!AK$2:AK$366,ROUNDDOWN($C6232/24,0)+1,1))-1)+IF('Standard Profiles'!$G$21=$B$10,7,0)+IF('Standard Profiles'!$G$21=$B$17,14,0)+IF('Standard Profiles'!$G$21=$B$24,21,0),MOD($C6232,24)+1)/SUM(INDEX($D$3:$AA$30,INDEX(Jesper!$R$2:$R$366,ROW(INDEX(Jesper!AK$2:AK$366,ROUNDDOWN($C6232/24,0)+1,1))-1)+IF('Standard Profiles'!$G$21=$B$10,7,0)+IF('Standard Profiles'!$G$21=$B$17,14,0)+IF('Standard Profiles'!$G$21=$B$24,21,0),0)),0)</f>
        <v>0</v>
      </c>
      <c r="H6232" cm="1">
        <f t="array" ref="H6232">IFERROR(INDEX(Jesper!AL$2:AL$366,ROUNDDOWN($C6232/24,0)+1,1)*INDEX($D$3:$AA$30,INDEX(Jesper!$R$2:$R$366,ROW(INDEX(Jesper!AL$2:AL$366,ROUNDDOWN($C6232/24,0)+1,1))-1)+IF('Standard Profiles'!$G$22=$B$10,7,0)+IF('Standard Profiles'!$G$22=$B$17,14,0)+IF('Standard Profiles'!$G$22=$B$24,21,0),MOD($C6232,24)+1)/SUM(INDEX($D$3:$AA$30,INDEX(Jesper!$R$2:$R$366,ROW(INDEX(Jesper!AL$2:AL$366,ROUNDDOWN($C6232/24,0)+1,1))-1)+IF('Standard Profiles'!$G$22=$B$10,7,0)+IF('Standard Profiles'!$G$22=$B$17,14,0)+IF('Standard Profiles'!$G$22=$B$24,21,0),0)),0)</f>
        <v>0</v>
      </c>
      <c r="I6232">
        <f t="shared" si="692"/>
        <v>0.16326913590763692</v>
      </c>
      <c r="J6232">
        <f t="shared" si="693"/>
        <v>0.54423045302545647</v>
      </c>
      <c r="K6232">
        <f t="shared" si="694"/>
        <v>0.81634567953818471</v>
      </c>
      <c r="L6232">
        <f t="shared" si="695"/>
        <v>10.702321805573902</v>
      </c>
      <c r="M6232">
        <f t="shared" si="696"/>
        <v>0</v>
      </c>
      <c r="N6232" s="46">
        <f t="shared" si="697"/>
        <v>45550.249999984968</v>
      </c>
    </row>
    <row r="6233" spans="2:14" x14ac:dyDescent="0.3">
      <c r="B6233">
        <f t="shared" si="691"/>
        <v>7</v>
      </c>
      <c r="C6233" s="16">
        <v>6199</v>
      </c>
      <c r="D6233" cm="1">
        <f t="array" ref="D6233">IFERROR(INDEX(Jesper!AH$2:AH$366,ROUNDDOWN($C6233/24,0)+1,1)*INDEX($D$3:$AA$30,INDEX(Jesper!$R$2:$R$366,ROW(INDEX(Jesper!AH$2:AH$366,ROUNDDOWN($C6233/24,0)+1,1))-1)+IF('Standard Profiles'!$G$18=$B$10,7,0)+IF('Standard Profiles'!$G$18=$B$17,14,0)+IF('Standard Profiles'!$G$18=$B$24,21,0),MOD($C6233,24)+1)/SUM(INDEX($D$3:$AA$30,INDEX(Jesper!$R$2:$R$366,ROW(INDEX(Jesper!AH$2:AH$366,ROUNDDOWN($C6233/24,0)+1,1))-1)+IF('Standard Profiles'!$G$18=$B$10,7,0)+IF('Standard Profiles'!$G$18=$B$17,14,0)+IF('Standard Profiles'!$G$18=$B$24,21,0),0)),0)</f>
        <v>12.378762621219545</v>
      </c>
      <c r="E6233" cm="1">
        <f t="array" ref="E6233">IFERROR(INDEX(Jesper!AI$2:AI$366,ROUNDDOWN($C6233/24,0)+1,1)*INDEX($D$3:$AA$30,INDEX(Jesper!$R$2:$R$366,ROW(INDEX(Jesper!AI$2:AI$366,ROUNDDOWN($C6233/24,0)+1,1))-1)+IF('Standard Profiles'!$G$19=$B$10,7,0)+IF('Standard Profiles'!$G$19=$B$17,14,0)+IF('Standard Profiles'!$G$19=$B$24,21,0),MOD($C6233,24)+1)/SUM(INDEX($D$3:$AA$30,INDEX(Jesper!$R$2:$R$366,ROW(INDEX(Jesper!AI$2:AI$366,ROUNDDOWN($C6233/24,0)+1,1))-1)+IF('Standard Profiles'!$G$19=$B$10,7,0)+IF('Standard Profiles'!$G$19=$B$17,14,0)+IF('Standard Profiles'!$G$19=$B$24,21,0),0)),0)</f>
        <v>2.1542284290605749</v>
      </c>
      <c r="F6233" cm="1">
        <f t="array" ref="F6233">IFERROR(INDEX(Jesper!AJ$2:AJ$366,ROUNDDOWN($C6233/24,0)+1,1)*INDEX($D$3:$AA$30,INDEX(Jesper!$R$2:$R$366,ROW(INDEX(Jesper!AJ$2:AJ$366,ROUNDDOWN($C6233/24,0)+1,1))-1)+IF('Standard Profiles'!$G$20=$B$10,7,0)+IF('Standard Profiles'!$G$20=$B$17,14,0)+IF('Standard Profiles'!$G$20=$B$24,21,0),MOD($C6233,24)+1)/SUM(INDEX($D$3:$AA$30,INDEX(Jesper!$R$2:$R$366,ROW(INDEX(Jesper!AJ$2:AJ$366,ROUNDDOWN($C6233/24,0)+1,1))-1)+IF('Standard Profiles'!$G$20=$B$10,7,0)+IF('Standard Profiles'!$G$20=$B$17,14,0)+IF('Standard Profiles'!$G$20=$B$24,21,0),0)),0)</f>
        <v>0</v>
      </c>
      <c r="G6233" cm="1">
        <f t="array" ref="G6233">IFERROR(INDEX(Jesper!AK$2:AK$366,ROUNDDOWN($C6233/24,0)+1,1)*INDEX($D$3:$AA$30,INDEX(Jesper!$R$2:$R$366,ROW(INDEX(Jesper!AK$2:AK$366,ROUNDDOWN($C6233/24,0)+1,1))-1)+IF('Standard Profiles'!$G$21=$B$10,7,0)+IF('Standard Profiles'!$G$21=$B$17,14,0)+IF('Standard Profiles'!$G$21=$B$24,21,0),MOD($C6233,24)+1)/SUM(INDEX($D$3:$AA$30,INDEX(Jesper!$R$2:$R$366,ROW(INDEX(Jesper!AK$2:AK$366,ROUNDDOWN($C6233/24,0)+1,1))-1)+IF('Standard Profiles'!$G$21=$B$10,7,0)+IF('Standard Profiles'!$G$21=$B$17,14,0)+IF('Standard Profiles'!$G$21=$B$24,21,0),0)),0)</f>
        <v>0</v>
      </c>
      <c r="H6233" cm="1">
        <f t="array" ref="H6233">IFERROR(INDEX(Jesper!AL$2:AL$366,ROUNDDOWN($C6233/24,0)+1,1)*INDEX($D$3:$AA$30,INDEX(Jesper!$R$2:$R$366,ROW(INDEX(Jesper!AL$2:AL$366,ROUNDDOWN($C6233/24,0)+1,1))-1)+IF('Standard Profiles'!$G$22=$B$10,7,0)+IF('Standard Profiles'!$G$22=$B$17,14,0)+IF('Standard Profiles'!$G$22=$B$24,21,0),MOD($C6233,24)+1)/SUM(INDEX($D$3:$AA$30,INDEX(Jesper!$R$2:$R$366,ROW(INDEX(Jesper!AL$2:AL$366,ROUNDDOWN($C6233/24,0)+1,1))-1)+IF('Standard Profiles'!$G$22=$B$10,7,0)+IF('Standard Profiles'!$G$22=$B$17,14,0)+IF('Standard Profiles'!$G$22=$B$24,21,0),0)),0)</f>
        <v>0</v>
      </c>
      <c r="I6233">
        <f t="shared" si="692"/>
        <v>0.1940746332487005</v>
      </c>
      <c r="J6233">
        <f t="shared" si="693"/>
        <v>0.64691544416233504</v>
      </c>
      <c r="K6233">
        <f t="shared" si="694"/>
        <v>0.97037316624350256</v>
      </c>
      <c r="L6233">
        <f t="shared" si="695"/>
        <v>12.721627806625582</v>
      </c>
      <c r="M6233">
        <f t="shared" si="696"/>
        <v>0</v>
      </c>
      <c r="N6233" s="46">
        <f t="shared" si="697"/>
        <v>45550.291666651632</v>
      </c>
    </row>
    <row r="6234" spans="2:14" x14ac:dyDescent="0.3">
      <c r="B6234">
        <f t="shared" si="691"/>
        <v>7</v>
      </c>
      <c r="C6234" s="16">
        <v>6200</v>
      </c>
      <c r="D6234" cm="1">
        <f t="array" ref="D6234">IFERROR(INDEX(Jesper!AH$2:AH$366,ROUNDDOWN($C6234/24,0)+1,1)*INDEX($D$3:$AA$30,INDEX(Jesper!$R$2:$R$366,ROW(INDEX(Jesper!AH$2:AH$366,ROUNDDOWN($C6234/24,0)+1,1))-1)+IF('Standard Profiles'!$G$18=$B$10,7,0)+IF('Standard Profiles'!$G$18=$B$17,14,0)+IF('Standard Profiles'!$G$18=$B$24,21,0),MOD($C6234,24)+1)/SUM(INDEX($D$3:$AA$30,INDEX(Jesper!$R$2:$R$366,ROW(INDEX(Jesper!AH$2:AH$366,ROUNDDOWN($C6234/24,0)+1,1))-1)+IF('Standard Profiles'!$G$18=$B$10,7,0)+IF('Standard Profiles'!$G$18=$B$17,14,0)+IF('Standard Profiles'!$G$18=$B$24,21,0),0)),0)</f>
        <v>12.378762621219545</v>
      </c>
      <c r="E6234" cm="1">
        <f t="array" ref="E6234">IFERROR(INDEX(Jesper!AI$2:AI$366,ROUNDDOWN($C6234/24,0)+1,1)*INDEX($D$3:$AA$30,INDEX(Jesper!$R$2:$R$366,ROW(INDEX(Jesper!AI$2:AI$366,ROUNDDOWN($C6234/24,0)+1,1))-1)+IF('Standard Profiles'!$G$19=$B$10,7,0)+IF('Standard Profiles'!$G$19=$B$17,14,0)+IF('Standard Profiles'!$G$19=$B$24,21,0),MOD($C6234,24)+1)/SUM(INDEX($D$3:$AA$30,INDEX(Jesper!$R$2:$R$366,ROW(INDEX(Jesper!AI$2:AI$366,ROUNDDOWN($C6234/24,0)+1,1))-1)+IF('Standard Profiles'!$G$19=$B$10,7,0)+IF('Standard Profiles'!$G$19=$B$17,14,0)+IF('Standard Profiles'!$G$19=$B$24,21,0),0)),0)</f>
        <v>2.1542284290605749</v>
      </c>
      <c r="F6234" cm="1">
        <f t="array" ref="F6234">IFERROR(INDEX(Jesper!AJ$2:AJ$366,ROUNDDOWN($C6234/24,0)+1,1)*INDEX($D$3:$AA$30,INDEX(Jesper!$R$2:$R$366,ROW(INDEX(Jesper!AJ$2:AJ$366,ROUNDDOWN($C6234/24,0)+1,1))-1)+IF('Standard Profiles'!$G$20=$B$10,7,0)+IF('Standard Profiles'!$G$20=$B$17,14,0)+IF('Standard Profiles'!$G$20=$B$24,21,0),MOD($C6234,24)+1)/SUM(INDEX($D$3:$AA$30,INDEX(Jesper!$R$2:$R$366,ROW(INDEX(Jesper!AJ$2:AJ$366,ROUNDDOWN($C6234/24,0)+1,1))-1)+IF('Standard Profiles'!$G$20=$B$10,7,0)+IF('Standard Profiles'!$G$20=$B$17,14,0)+IF('Standard Profiles'!$G$20=$B$24,21,0),0)),0)</f>
        <v>0</v>
      </c>
      <c r="G6234" cm="1">
        <f t="array" ref="G6234">IFERROR(INDEX(Jesper!AK$2:AK$366,ROUNDDOWN($C6234/24,0)+1,1)*INDEX($D$3:$AA$30,INDEX(Jesper!$R$2:$R$366,ROW(INDEX(Jesper!AK$2:AK$366,ROUNDDOWN($C6234/24,0)+1,1))-1)+IF('Standard Profiles'!$G$21=$B$10,7,0)+IF('Standard Profiles'!$G$21=$B$17,14,0)+IF('Standard Profiles'!$G$21=$B$24,21,0),MOD($C6234,24)+1)/SUM(INDEX($D$3:$AA$30,INDEX(Jesper!$R$2:$R$366,ROW(INDEX(Jesper!AK$2:AK$366,ROUNDDOWN($C6234/24,0)+1,1))-1)+IF('Standard Profiles'!$G$21=$B$10,7,0)+IF('Standard Profiles'!$G$21=$B$17,14,0)+IF('Standard Profiles'!$G$21=$B$24,21,0),0)),0)</f>
        <v>0</v>
      </c>
      <c r="H6234" cm="1">
        <f t="array" ref="H6234">IFERROR(INDEX(Jesper!AL$2:AL$366,ROUNDDOWN($C6234/24,0)+1,1)*INDEX($D$3:$AA$30,INDEX(Jesper!$R$2:$R$366,ROW(INDEX(Jesper!AL$2:AL$366,ROUNDDOWN($C6234/24,0)+1,1))-1)+IF('Standard Profiles'!$G$22=$B$10,7,0)+IF('Standard Profiles'!$G$22=$B$17,14,0)+IF('Standard Profiles'!$G$22=$B$24,21,0),MOD($C6234,24)+1)/SUM(INDEX($D$3:$AA$30,INDEX(Jesper!$R$2:$R$366,ROW(INDEX(Jesper!AL$2:AL$366,ROUNDDOWN($C6234/24,0)+1,1))-1)+IF('Standard Profiles'!$G$22=$B$10,7,0)+IF('Standard Profiles'!$G$22=$B$17,14,0)+IF('Standard Profiles'!$G$22=$B$24,21,0),0)),0)</f>
        <v>0</v>
      </c>
      <c r="I6234">
        <f t="shared" si="692"/>
        <v>0.1940746332487005</v>
      </c>
      <c r="J6234">
        <f t="shared" si="693"/>
        <v>0.64691544416233504</v>
      </c>
      <c r="K6234">
        <f t="shared" si="694"/>
        <v>0.97037316624350256</v>
      </c>
      <c r="L6234">
        <f t="shared" si="695"/>
        <v>12.721627806625582</v>
      </c>
      <c r="M6234">
        <f t="shared" si="696"/>
        <v>0</v>
      </c>
      <c r="N6234" s="46">
        <f t="shared" si="697"/>
        <v>45550.333333318296</v>
      </c>
    </row>
    <row r="6235" spans="2:14" x14ac:dyDescent="0.3">
      <c r="B6235">
        <f t="shared" si="691"/>
        <v>7</v>
      </c>
      <c r="C6235" s="16">
        <v>6201</v>
      </c>
      <c r="D6235" cm="1">
        <f t="array" ref="D6235">IFERROR(INDEX(Jesper!AH$2:AH$366,ROUNDDOWN($C6235/24,0)+1,1)*INDEX($D$3:$AA$30,INDEX(Jesper!$R$2:$R$366,ROW(INDEX(Jesper!AH$2:AH$366,ROUNDDOWN($C6235/24,0)+1,1))-1)+IF('Standard Profiles'!$G$18=$B$10,7,0)+IF('Standard Profiles'!$G$18=$B$17,14,0)+IF('Standard Profiles'!$G$18=$B$24,21,0),MOD($C6235,24)+1)/SUM(INDEX($D$3:$AA$30,INDEX(Jesper!$R$2:$R$366,ROW(INDEX(Jesper!AH$2:AH$366,ROUNDDOWN($C6235/24,0)+1,1))-1)+IF('Standard Profiles'!$G$18=$B$10,7,0)+IF('Standard Profiles'!$G$18=$B$17,14,0)+IF('Standard Profiles'!$G$18=$B$24,21,0),0)),0)</f>
        <v>12.378762621219545</v>
      </c>
      <c r="E6235" cm="1">
        <f t="array" ref="E6235">IFERROR(INDEX(Jesper!AI$2:AI$366,ROUNDDOWN($C6235/24,0)+1,1)*INDEX($D$3:$AA$30,INDEX(Jesper!$R$2:$R$366,ROW(INDEX(Jesper!AI$2:AI$366,ROUNDDOWN($C6235/24,0)+1,1))-1)+IF('Standard Profiles'!$G$19=$B$10,7,0)+IF('Standard Profiles'!$G$19=$B$17,14,0)+IF('Standard Profiles'!$G$19=$B$24,21,0),MOD($C6235,24)+1)/SUM(INDEX($D$3:$AA$30,INDEX(Jesper!$R$2:$R$366,ROW(INDEX(Jesper!AI$2:AI$366,ROUNDDOWN($C6235/24,0)+1,1))-1)+IF('Standard Profiles'!$G$19=$B$10,7,0)+IF('Standard Profiles'!$G$19=$B$17,14,0)+IF('Standard Profiles'!$G$19=$B$24,21,0),0)),0)</f>
        <v>2.1542284290605749</v>
      </c>
      <c r="F6235" cm="1">
        <f t="array" ref="F6235">IFERROR(INDEX(Jesper!AJ$2:AJ$366,ROUNDDOWN($C6235/24,0)+1,1)*INDEX($D$3:$AA$30,INDEX(Jesper!$R$2:$R$366,ROW(INDEX(Jesper!AJ$2:AJ$366,ROUNDDOWN($C6235/24,0)+1,1))-1)+IF('Standard Profiles'!$G$20=$B$10,7,0)+IF('Standard Profiles'!$G$20=$B$17,14,0)+IF('Standard Profiles'!$G$20=$B$24,21,0),MOD($C6235,24)+1)/SUM(INDEX($D$3:$AA$30,INDEX(Jesper!$R$2:$R$366,ROW(INDEX(Jesper!AJ$2:AJ$366,ROUNDDOWN($C6235/24,0)+1,1))-1)+IF('Standard Profiles'!$G$20=$B$10,7,0)+IF('Standard Profiles'!$G$20=$B$17,14,0)+IF('Standard Profiles'!$G$20=$B$24,21,0),0)),0)</f>
        <v>0</v>
      </c>
      <c r="G6235" cm="1">
        <f t="array" ref="G6235">IFERROR(INDEX(Jesper!AK$2:AK$366,ROUNDDOWN($C6235/24,0)+1,1)*INDEX($D$3:$AA$30,INDEX(Jesper!$R$2:$R$366,ROW(INDEX(Jesper!AK$2:AK$366,ROUNDDOWN($C6235/24,0)+1,1))-1)+IF('Standard Profiles'!$G$21=$B$10,7,0)+IF('Standard Profiles'!$G$21=$B$17,14,0)+IF('Standard Profiles'!$G$21=$B$24,21,0),MOD($C6235,24)+1)/SUM(INDEX($D$3:$AA$30,INDEX(Jesper!$R$2:$R$366,ROW(INDEX(Jesper!AK$2:AK$366,ROUNDDOWN($C6235/24,0)+1,1))-1)+IF('Standard Profiles'!$G$21=$B$10,7,0)+IF('Standard Profiles'!$G$21=$B$17,14,0)+IF('Standard Profiles'!$G$21=$B$24,21,0),0)),0)</f>
        <v>0</v>
      </c>
      <c r="H6235" cm="1">
        <f t="array" ref="H6235">IFERROR(INDEX(Jesper!AL$2:AL$366,ROUNDDOWN($C6235/24,0)+1,1)*INDEX($D$3:$AA$30,INDEX(Jesper!$R$2:$R$366,ROW(INDEX(Jesper!AL$2:AL$366,ROUNDDOWN($C6235/24,0)+1,1))-1)+IF('Standard Profiles'!$G$22=$B$10,7,0)+IF('Standard Profiles'!$G$22=$B$17,14,0)+IF('Standard Profiles'!$G$22=$B$24,21,0),MOD($C6235,24)+1)/SUM(INDEX($D$3:$AA$30,INDEX(Jesper!$R$2:$R$366,ROW(INDEX(Jesper!AL$2:AL$366,ROUNDDOWN($C6235/24,0)+1,1))-1)+IF('Standard Profiles'!$G$22=$B$10,7,0)+IF('Standard Profiles'!$G$22=$B$17,14,0)+IF('Standard Profiles'!$G$22=$B$24,21,0),0)),0)</f>
        <v>0</v>
      </c>
      <c r="I6235">
        <f t="shared" si="692"/>
        <v>0.1940746332487005</v>
      </c>
      <c r="J6235">
        <f t="shared" si="693"/>
        <v>0.64691544416233504</v>
      </c>
      <c r="K6235">
        <f t="shared" si="694"/>
        <v>0.97037316624350256</v>
      </c>
      <c r="L6235">
        <f t="shared" si="695"/>
        <v>12.721627806625582</v>
      </c>
      <c r="M6235">
        <f t="shared" si="696"/>
        <v>0</v>
      </c>
      <c r="N6235" s="46">
        <f t="shared" si="697"/>
        <v>45550.374999984961</v>
      </c>
    </row>
    <row r="6236" spans="2:14" x14ac:dyDescent="0.3">
      <c r="B6236">
        <f t="shared" si="691"/>
        <v>7</v>
      </c>
      <c r="C6236" s="16">
        <v>6202</v>
      </c>
      <c r="D6236" cm="1">
        <f t="array" ref="D6236">IFERROR(INDEX(Jesper!AH$2:AH$366,ROUNDDOWN($C6236/24,0)+1,1)*INDEX($D$3:$AA$30,INDEX(Jesper!$R$2:$R$366,ROW(INDEX(Jesper!AH$2:AH$366,ROUNDDOWN($C6236/24,0)+1,1))-1)+IF('Standard Profiles'!$G$18=$B$10,7,0)+IF('Standard Profiles'!$G$18=$B$17,14,0)+IF('Standard Profiles'!$G$18=$B$24,21,0),MOD($C6236,24)+1)/SUM(INDEX($D$3:$AA$30,INDEX(Jesper!$R$2:$R$366,ROW(INDEX(Jesper!AH$2:AH$366,ROUNDDOWN($C6236/24,0)+1,1))-1)+IF('Standard Profiles'!$G$18=$B$10,7,0)+IF('Standard Profiles'!$G$18=$B$17,14,0)+IF('Standard Profiles'!$G$18=$B$24,21,0),0)),0)</f>
        <v>12.378762621219545</v>
      </c>
      <c r="E6236" cm="1">
        <f t="array" ref="E6236">IFERROR(INDEX(Jesper!AI$2:AI$366,ROUNDDOWN($C6236/24,0)+1,1)*INDEX($D$3:$AA$30,INDEX(Jesper!$R$2:$R$366,ROW(INDEX(Jesper!AI$2:AI$366,ROUNDDOWN($C6236/24,0)+1,1))-1)+IF('Standard Profiles'!$G$19=$B$10,7,0)+IF('Standard Profiles'!$G$19=$B$17,14,0)+IF('Standard Profiles'!$G$19=$B$24,21,0),MOD($C6236,24)+1)/SUM(INDEX($D$3:$AA$30,INDEX(Jesper!$R$2:$R$366,ROW(INDEX(Jesper!AI$2:AI$366,ROUNDDOWN($C6236/24,0)+1,1))-1)+IF('Standard Profiles'!$G$19=$B$10,7,0)+IF('Standard Profiles'!$G$19=$B$17,14,0)+IF('Standard Profiles'!$G$19=$B$24,21,0),0)),0)</f>
        <v>2.1542284290605749</v>
      </c>
      <c r="F6236" cm="1">
        <f t="array" ref="F6236">IFERROR(INDEX(Jesper!AJ$2:AJ$366,ROUNDDOWN($C6236/24,0)+1,1)*INDEX($D$3:$AA$30,INDEX(Jesper!$R$2:$R$366,ROW(INDEX(Jesper!AJ$2:AJ$366,ROUNDDOWN($C6236/24,0)+1,1))-1)+IF('Standard Profiles'!$G$20=$B$10,7,0)+IF('Standard Profiles'!$G$20=$B$17,14,0)+IF('Standard Profiles'!$G$20=$B$24,21,0),MOD($C6236,24)+1)/SUM(INDEX($D$3:$AA$30,INDEX(Jesper!$R$2:$R$366,ROW(INDEX(Jesper!AJ$2:AJ$366,ROUNDDOWN($C6236/24,0)+1,1))-1)+IF('Standard Profiles'!$G$20=$B$10,7,0)+IF('Standard Profiles'!$G$20=$B$17,14,0)+IF('Standard Profiles'!$G$20=$B$24,21,0),0)),0)</f>
        <v>0</v>
      </c>
      <c r="G6236" cm="1">
        <f t="array" ref="G6236">IFERROR(INDEX(Jesper!AK$2:AK$366,ROUNDDOWN($C6236/24,0)+1,1)*INDEX($D$3:$AA$30,INDEX(Jesper!$R$2:$R$366,ROW(INDEX(Jesper!AK$2:AK$366,ROUNDDOWN($C6236/24,0)+1,1))-1)+IF('Standard Profiles'!$G$21=$B$10,7,0)+IF('Standard Profiles'!$G$21=$B$17,14,0)+IF('Standard Profiles'!$G$21=$B$24,21,0),MOD($C6236,24)+1)/SUM(INDEX($D$3:$AA$30,INDEX(Jesper!$R$2:$R$366,ROW(INDEX(Jesper!AK$2:AK$366,ROUNDDOWN($C6236/24,0)+1,1))-1)+IF('Standard Profiles'!$G$21=$B$10,7,0)+IF('Standard Profiles'!$G$21=$B$17,14,0)+IF('Standard Profiles'!$G$21=$B$24,21,0),0)),0)</f>
        <v>0</v>
      </c>
      <c r="H6236" cm="1">
        <f t="array" ref="H6236">IFERROR(INDEX(Jesper!AL$2:AL$366,ROUNDDOWN($C6236/24,0)+1,1)*INDEX($D$3:$AA$30,INDEX(Jesper!$R$2:$R$366,ROW(INDEX(Jesper!AL$2:AL$366,ROUNDDOWN($C6236/24,0)+1,1))-1)+IF('Standard Profiles'!$G$22=$B$10,7,0)+IF('Standard Profiles'!$G$22=$B$17,14,0)+IF('Standard Profiles'!$G$22=$B$24,21,0),MOD($C6236,24)+1)/SUM(INDEX($D$3:$AA$30,INDEX(Jesper!$R$2:$R$366,ROW(INDEX(Jesper!AL$2:AL$366,ROUNDDOWN($C6236/24,0)+1,1))-1)+IF('Standard Profiles'!$G$22=$B$10,7,0)+IF('Standard Profiles'!$G$22=$B$17,14,0)+IF('Standard Profiles'!$G$22=$B$24,21,0),0)),0)</f>
        <v>0</v>
      </c>
      <c r="I6236">
        <f t="shared" si="692"/>
        <v>0.1940746332487005</v>
      </c>
      <c r="J6236">
        <f t="shared" si="693"/>
        <v>0.64691544416233504</v>
      </c>
      <c r="K6236">
        <f t="shared" si="694"/>
        <v>0.97037316624350256</v>
      </c>
      <c r="L6236">
        <f t="shared" si="695"/>
        <v>12.721627806625582</v>
      </c>
      <c r="M6236">
        <f t="shared" si="696"/>
        <v>0</v>
      </c>
      <c r="N6236" s="46">
        <f t="shared" si="697"/>
        <v>45550.416666651625</v>
      </c>
    </row>
    <row r="6237" spans="2:14" x14ac:dyDescent="0.3">
      <c r="B6237">
        <f t="shared" si="691"/>
        <v>7</v>
      </c>
      <c r="C6237" s="16">
        <v>6203</v>
      </c>
      <c r="D6237" cm="1">
        <f t="array" ref="D6237">IFERROR(INDEX(Jesper!AH$2:AH$366,ROUNDDOWN($C6237/24,0)+1,1)*INDEX($D$3:$AA$30,INDEX(Jesper!$R$2:$R$366,ROW(INDEX(Jesper!AH$2:AH$366,ROUNDDOWN($C6237/24,0)+1,1))-1)+IF('Standard Profiles'!$G$18=$B$10,7,0)+IF('Standard Profiles'!$G$18=$B$17,14,0)+IF('Standard Profiles'!$G$18=$B$24,21,0),MOD($C6237,24)+1)/SUM(INDEX($D$3:$AA$30,INDEX(Jesper!$R$2:$R$366,ROW(INDEX(Jesper!AH$2:AH$366,ROUNDDOWN($C6237/24,0)+1,1))-1)+IF('Standard Profiles'!$G$18=$B$10,7,0)+IF('Standard Profiles'!$G$18=$B$17,14,0)+IF('Standard Profiles'!$G$18=$B$24,21,0),0)),0)</f>
        <v>12.378762621219545</v>
      </c>
      <c r="E6237" cm="1">
        <f t="array" ref="E6237">IFERROR(INDEX(Jesper!AI$2:AI$366,ROUNDDOWN($C6237/24,0)+1,1)*INDEX($D$3:$AA$30,INDEX(Jesper!$R$2:$R$366,ROW(INDEX(Jesper!AI$2:AI$366,ROUNDDOWN($C6237/24,0)+1,1))-1)+IF('Standard Profiles'!$G$19=$B$10,7,0)+IF('Standard Profiles'!$G$19=$B$17,14,0)+IF('Standard Profiles'!$G$19=$B$24,21,0),MOD($C6237,24)+1)/SUM(INDEX($D$3:$AA$30,INDEX(Jesper!$R$2:$R$366,ROW(INDEX(Jesper!AI$2:AI$366,ROUNDDOWN($C6237/24,0)+1,1))-1)+IF('Standard Profiles'!$G$19=$B$10,7,0)+IF('Standard Profiles'!$G$19=$B$17,14,0)+IF('Standard Profiles'!$G$19=$B$24,21,0),0)),0)</f>
        <v>2.1542284290605749</v>
      </c>
      <c r="F6237" cm="1">
        <f t="array" ref="F6237">IFERROR(INDEX(Jesper!AJ$2:AJ$366,ROUNDDOWN($C6237/24,0)+1,1)*INDEX($D$3:$AA$30,INDEX(Jesper!$R$2:$R$366,ROW(INDEX(Jesper!AJ$2:AJ$366,ROUNDDOWN($C6237/24,0)+1,1))-1)+IF('Standard Profiles'!$G$20=$B$10,7,0)+IF('Standard Profiles'!$G$20=$B$17,14,0)+IF('Standard Profiles'!$G$20=$B$24,21,0),MOD($C6237,24)+1)/SUM(INDEX($D$3:$AA$30,INDEX(Jesper!$R$2:$R$366,ROW(INDEX(Jesper!AJ$2:AJ$366,ROUNDDOWN($C6237/24,0)+1,1))-1)+IF('Standard Profiles'!$G$20=$B$10,7,0)+IF('Standard Profiles'!$G$20=$B$17,14,0)+IF('Standard Profiles'!$G$20=$B$24,21,0),0)),0)</f>
        <v>0</v>
      </c>
      <c r="G6237" cm="1">
        <f t="array" ref="G6237">IFERROR(INDEX(Jesper!AK$2:AK$366,ROUNDDOWN($C6237/24,0)+1,1)*INDEX($D$3:$AA$30,INDEX(Jesper!$R$2:$R$366,ROW(INDEX(Jesper!AK$2:AK$366,ROUNDDOWN($C6237/24,0)+1,1))-1)+IF('Standard Profiles'!$G$21=$B$10,7,0)+IF('Standard Profiles'!$G$21=$B$17,14,0)+IF('Standard Profiles'!$G$21=$B$24,21,0),MOD($C6237,24)+1)/SUM(INDEX($D$3:$AA$30,INDEX(Jesper!$R$2:$R$366,ROW(INDEX(Jesper!AK$2:AK$366,ROUNDDOWN($C6237/24,0)+1,1))-1)+IF('Standard Profiles'!$G$21=$B$10,7,0)+IF('Standard Profiles'!$G$21=$B$17,14,0)+IF('Standard Profiles'!$G$21=$B$24,21,0),0)),0)</f>
        <v>0</v>
      </c>
      <c r="H6237" cm="1">
        <f t="array" ref="H6237">IFERROR(INDEX(Jesper!AL$2:AL$366,ROUNDDOWN($C6237/24,0)+1,1)*INDEX($D$3:$AA$30,INDEX(Jesper!$R$2:$R$366,ROW(INDEX(Jesper!AL$2:AL$366,ROUNDDOWN($C6237/24,0)+1,1))-1)+IF('Standard Profiles'!$G$22=$B$10,7,0)+IF('Standard Profiles'!$G$22=$B$17,14,0)+IF('Standard Profiles'!$G$22=$B$24,21,0),MOD($C6237,24)+1)/SUM(INDEX($D$3:$AA$30,INDEX(Jesper!$R$2:$R$366,ROW(INDEX(Jesper!AL$2:AL$366,ROUNDDOWN($C6237/24,0)+1,1))-1)+IF('Standard Profiles'!$G$22=$B$10,7,0)+IF('Standard Profiles'!$G$22=$B$17,14,0)+IF('Standard Profiles'!$G$22=$B$24,21,0),0)),0)</f>
        <v>0</v>
      </c>
      <c r="I6237">
        <f t="shared" si="692"/>
        <v>0.1940746332487005</v>
      </c>
      <c r="J6237">
        <f t="shared" si="693"/>
        <v>0.64691544416233504</v>
      </c>
      <c r="K6237">
        <f t="shared" si="694"/>
        <v>0.97037316624350256</v>
      </c>
      <c r="L6237">
        <f t="shared" si="695"/>
        <v>12.721627806625582</v>
      </c>
      <c r="M6237">
        <f t="shared" si="696"/>
        <v>0</v>
      </c>
      <c r="N6237" s="46">
        <f t="shared" si="697"/>
        <v>45550.458333318289</v>
      </c>
    </row>
    <row r="6238" spans="2:14" x14ac:dyDescent="0.3">
      <c r="B6238">
        <f t="shared" si="691"/>
        <v>7</v>
      </c>
      <c r="C6238" s="16">
        <v>6204</v>
      </c>
      <c r="D6238" cm="1">
        <f t="array" ref="D6238">IFERROR(INDEX(Jesper!AH$2:AH$366,ROUNDDOWN($C6238/24,0)+1,1)*INDEX($D$3:$AA$30,INDEX(Jesper!$R$2:$R$366,ROW(INDEX(Jesper!AH$2:AH$366,ROUNDDOWN($C6238/24,0)+1,1))-1)+IF('Standard Profiles'!$G$18=$B$10,7,0)+IF('Standard Profiles'!$G$18=$B$17,14,0)+IF('Standard Profiles'!$G$18=$B$24,21,0),MOD($C6238,24)+1)/SUM(INDEX($D$3:$AA$30,INDEX(Jesper!$R$2:$R$366,ROW(INDEX(Jesper!AH$2:AH$366,ROUNDDOWN($C6238/24,0)+1,1))-1)+IF('Standard Profiles'!$G$18=$B$10,7,0)+IF('Standard Profiles'!$G$18=$B$17,14,0)+IF('Standard Profiles'!$G$18=$B$24,21,0),0)),0)</f>
        <v>12.378762621219545</v>
      </c>
      <c r="E6238" cm="1">
        <f t="array" ref="E6238">IFERROR(INDEX(Jesper!AI$2:AI$366,ROUNDDOWN($C6238/24,0)+1,1)*INDEX($D$3:$AA$30,INDEX(Jesper!$R$2:$R$366,ROW(INDEX(Jesper!AI$2:AI$366,ROUNDDOWN($C6238/24,0)+1,1))-1)+IF('Standard Profiles'!$G$19=$B$10,7,0)+IF('Standard Profiles'!$G$19=$B$17,14,0)+IF('Standard Profiles'!$G$19=$B$24,21,0),MOD($C6238,24)+1)/SUM(INDEX($D$3:$AA$30,INDEX(Jesper!$R$2:$R$366,ROW(INDEX(Jesper!AI$2:AI$366,ROUNDDOWN($C6238/24,0)+1,1))-1)+IF('Standard Profiles'!$G$19=$B$10,7,0)+IF('Standard Profiles'!$G$19=$B$17,14,0)+IF('Standard Profiles'!$G$19=$B$24,21,0),0)),0)</f>
        <v>2.1542284290605749</v>
      </c>
      <c r="F6238" cm="1">
        <f t="array" ref="F6238">IFERROR(INDEX(Jesper!AJ$2:AJ$366,ROUNDDOWN($C6238/24,0)+1,1)*INDEX($D$3:$AA$30,INDEX(Jesper!$R$2:$R$366,ROW(INDEX(Jesper!AJ$2:AJ$366,ROUNDDOWN($C6238/24,0)+1,1))-1)+IF('Standard Profiles'!$G$20=$B$10,7,0)+IF('Standard Profiles'!$G$20=$B$17,14,0)+IF('Standard Profiles'!$G$20=$B$24,21,0),MOD($C6238,24)+1)/SUM(INDEX($D$3:$AA$30,INDEX(Jesper!$R$2:$R$366,ROW(INDEX(Jesper!AJ$2:AJ$366,ROUNDDOWN($C6238/24,0)+1,1))-1)+IF('Standard Profiles'!$G$20=$B$10,7,0)+IF('Standard Profiles'!$G$20=$B$17,14,0)+IF('Standard Profiles'!$G$20=$B$24,21,0),0)),0)</f>
        <v>0</v>
      </c>
      <c r="G6238" cm="1">
        <f t="array" ref="G6238">IFERROR(INDEX(Jesper!AK$2:AK$366,ROUNDDOWN($C6238/24,0)+1,1)*INDEX($D$3:$AA$30,INDEX(Jesper!$R$2:$R$366,ROW(INDEX(Jesper!AK$2:AK$366,ROUNDDOWN($C6238/24,0)+1,1))-1)+IF('Standard Profiles'!$G$21=$B$10,7,0)+IF('Standard Profiles'!$G$21=$B$17,14,0)+IF('Standard Profiles'!$G$21=$B$24,21,0),MOD($C6238,24)+1)/SUM(INDEX($D$3:$AA$30,INDEX(Jesper!$R$2:$R$366,ROW(INDEX(Jesper!AK$2:AK$366,ROUNDDOWN($C6238/24,0)+1,1))-1)+IF('Standard Profiles'!$G$21=$B$10,7,0)+IF('Standard Profiles'!$G$21=$B$17,14,0)+IF('Standard Profiles'!$G$21=$B$24,21,0),0)),0)</f>
        <v>0</v>
      </c>
      <c r="H6238" cm="1">
        <f t="array" ref="H6238">IFERROR(INDEX(Jesper!AL$2:AL$366,ROUNDDOWN($C6238/24,0)+1,1)*INDEX($D$3:$AA$30,INDEX(Jesper!$R$2:$R$366,ROW(INDEX(Jesper!AL$2:AL$366,ROUNDDOWN($C6238/24,0)+1,1))-1)+IF('Standard Profiles'!$G$22=$B$10,7,0)+IF('Standard Profiles'!$G$22=$B$17,14,0)+IF('Standard Profiles'!$G$22=$B$24,21,0),MOD($C6238,24)+1)/SUM(INDEX($D$3:$AA$30,INDEX(Jesper!$R$2:$R$366,ROW(INDEX(Jesper!AL$2:AL$366,ROUNDDOWN($C6238/24,0)+1,1))-1)+IF('Standard Profiles'!$G$22=$B$10,7,0)+IF('Standard Profiles'!$G$22=$B$17,14,0)+IF('Standard Profiles'!$G$22=$B$24,21,0),0)),0)</f>
        <v>0</v>
      </c>
      <c r="I6238">
        <f t="shared" si="692"/>
        <v>0.1940746332487005</v>
      </c>
      <c r="J6238">
        <f t="shared" si="693"/>
        <v>0.64691544416233504</v>
      </c>
      <c r="K6238">
        <f t="shared" si="694"/>
        <v>0.97037316624350256</v>
      </c>
      <c r="L6238">
        <f t="shared" si="695"/>
        <v>12.721627806625582</v>
      </c>
      <c r="M6238">
        <f t="shared" si="696"/>
        <v>0</v>
      </c>
      <c r="N6238" s="46">
        <f t="shared" si="697"/>
        <v>45550.499999984953</v>
      </c>
    </row>
    <row r="6239" spans="2:14" x14ac:dyDescent="0.3">
      <c r="B6239">
        <f t="shared" si="691"/>
        <v>7</v>
      </c>
      <c r="C6239" s="16">
        <v>6205</v>
      </c>
      <c r="D6239" cm="1">
        <f t="array" ref="D6239">IFERROR(INDEX(Jesper!AH$2:AH$366,ROUNDDOWN($C6239/24,0)+1,1)*INDEX($D$3:$AA$30,INDEX(Jesper!$R$2:$R$366,ROW(INDEX(Jesper!AH$2:AH$366,ROUNDDOWN($C6239/24,0)+1,1))-1)+IF('Standard Profiles'!$G$18=$B$10,7,0)+IF('Standard Profiles'!$G$18=$B$17,14,0)+IF('Standard Profiles'!$G$18=$B$24,21,0),MOD($C6239,24)+1)/SUM(INDEX($D$3:$AA$30,INDEX(Jesper!$R$2:$R$366,ROW(INDEX(Jesper!AH$2:AH$366,ROUNDDOWN($C6239/24,0)+1,1))-1)+IF('Standard Profiles'!$G$18=$B$10,7,0)+IF('Standard Profiles'!$G$18=$B$17,14,0)+IF('Standard Profiles'!$G$18=$B$24,21,0),0)),0)</f>
        <v>12.378762621219545</v>
      </c>
      <c r="E6239" cm="1">
        <f t="array" ref="E6239">IFERROR(INDEX(Jesper!AI$2:AI$366,ROUNDDOWN($C6239/24,0)+1,1)*INDEX($D$3:$AA$30,INDEX(Jesper!$R$2:$R$366,ROW(INDEX(Jesper!AI$2:AI$366,ROUNDDOWN($C6239/24,0)+1,1))-1)+IF('Standard Profiles'!$G$19=$B$10,7,0)+IF('Standard Profiles'!$G$19=$B$17,14,0)+IF('Standard Profiles'!$G$19=$B$24,21,0),MOD($C6239,24)+1)/SUM(INDEX($D$3:$AA$30,INDEX(Jesper!$R$2:$R$366,ROW(INDEX(Jesper!AI$2:AI$366,ROUNDDOWN($C6239/24,0)+1,1))-1)+IF('Standard Profiles'!$G$19=$B$10,7,0)+IF('Standard Profiles'!$G$19=$B$17,14,0)+IF('Standard Profiles'!$G$19=$B$24,21,0),0)),0)</f>
        <v>2.1542284290605749</v>
      </c>
      <c r="F6239" cm="1">
        <f t="array" ref="F6239">IFERROR(INDEX(Jesper!AJ$2:AJ$366,ROUNDDOWN($C6239/24,0)+1,1)*INDEX($D$3:$AA$30,INDEX(Jesper!$R$2:$R$366,ROW(INDEX(Jesper!AJ$2:AJ$366,ROUNDDOWN($C6239/24,0)+1,1))-1)+IF('Standard Profiles'!$G$20=$B$10,7,0)+IF('Standard Profiles'!$G$20=$B$17,14,0)+IF('Standard Profiles'!$G$20=$B$24,21,0),MOD($C6239,24)+1)/SUM(INDEX($D$3:$AA$30,INDEX(Jesper!$R$2:$R$366,ROW(INDEX(Jesper!AJ$2:AJ$366,ROUNDDOWN($C6239/24,0)+1,1))-1)+IF('Standard Profiles'!$G$20=$B$10,7,0)+IF('Standard Profiles'!$G$20=$B$17,14,0)+IF('Standard Profiles'!$G$20=$B$24,21,0),0)),0)</f>
        <v>0</v>
      </c>
      <c r="G6239" cm="1">
        <f t="array" ref="G6239">IFERROR(INDEX(Jesper!AK$2:AK$366,ROUNDDOWN($C6239/24,0)+1,1)*INDEX($D$3:$AA$30,INDEX(Jesper!$R$2:$R$366,ROW(INDEX(Jesper!AK$2:AK$366,ROUNDDOWN($C6239/24,0)+1,1))-1)+IF('Standard Profiles'!$G$21=$B$10,7,0)+IF('Standard Profiles'!$G$21=$B$17,14,0)+IF('Standard Profiles'!$G$21=$B$24,21,0),MOD($C6239,24)+1)/SUM(INDEX($D$3:$AA$30,INDEX(Jesper!$R$2:$R$366,ROW(INDEX(Jesper!AK$2:AK$366,ROUNDDOWN($C6239/24,0)+1,1))-1)+IF('Standard Profiles'!$G$21=$B$10,7,0)+IF('Standard Profiles'!$G$21=$B$17,14,0)+IF('Standard Profiles'!$G$21=$B$24,21,0),0)),0)</f>
        <v>0</v>
      </c>
      <c r="H6239" cm="1">
        <f t="array" ref="H6239">IFERROR(INDEX(Jesper!AL$2:AL$366,ROUNDDOWN($C6239/24,0)+1,1)*INDEX($D$3:$AA$30,INDEX(Jesper!$R$2:$R$366,ROW(INDEX(Jesper!AL$2:AL$366,ROUNDDOWN($C6239/24,0)+1,1))-1)+IF('Standard Profiles'!$G$22=$B$10,7,0)+IF('Standard Profiles'!$G$22=$B$17,14,0)+IF('Standard Profiles'!$G$22=$B$24,21,0),MOD($C6239,24)+1)/SUM(INDEX($D$3:$AA$30,INDEX(Jesper!$R$2:$R$366,ROW(INDEX(Jesper!AL$2:AL$366,ROUNDDOWN($C6239/24,0)+1,1))-1)+IF('Standard Profiles'!$G$22=$B$10,7,0)+IF('Standard Profiles'!$G$22=$B$17,14,0)+IF('Standard Profiles'!$G$22=$B$24,21,0),0)),0)</f>
        <v>0</v>
      </c>
      <c r="I6239">
        <f t="shared" si="692"/>
        <v>0.1940746332487005</v>
      </c>
      <c r="J6239">
        <f t="shared" si="693"/>
        <v>0.64691544416233504</v>
      </c>
      <c r="K6239">
        <f t="shared" si="694"/>
        <v>0.97037316624350256</v>
      </c>
      <c r="L6239">
        <f t="shared" si="695"/>
        <v>12.721627806625582</v>
      </c>
      <c r="M6239">
        <f t="shared" si="696"/>
        <v>0</v>
      </c>
      <c r="N6239" s="46">
        <f t="shared" si="697"/>
        <v>45550.541666651618</v>
      </c>
    </row>
    <row r="6240" spans="2:14" x14ac:dyDescent="0.3">
      <c r="B6240">
        <f t="shared" si="691"/>
        <v>7</v>
      </c>
      <c r="C6240" s="16">
        <v>6206</v>
      </c>
      <c r="D6240" cm="1">
        <f t="array" ref="D6240">IFERROR(INDEX(Jesper!AH$2:AH$366,ROUNDDOWN($C6240/24,0)+1,1)*INDEX($D$3:$AA$30,INDEX(Jesper!$R$2:$R$366,ROW(INDEX(Jesper!AH$2:AH$366,ROUNDDOWN($C6240/24,0)+1,1))-1)+IF('Standard Profiles'!$G$18=$B$10,7,0)+IF('Standard Profiles'!$G$18=$B$17,14,0)+IF('Standard Profiles'!$G$18=$B$24,21,0),MOD($C6240,24)+1)/SUM(INDEX($D$3:$AA$30,INDEX(Jesper!$R$2:$R$366,ROW(INDEX(Jesper!AH$2:AH$366,ROUNDDOWN($C6240/24,0)+1,1))-1)+IF('Standard Profiles'!$G$18=$B$10,7,0)+IF('Standard Profiles'!$G$18=$B$17,14,0)+IF('Standard Profiles'!$G$18=$B$24,21,0),0)),0)</f>
        <v>12.378762621219545</v>
      </c>
      <c r="E6240" cm="1">
        <f t="array" ref="E6240">IFERROR(INDEX(Jesper!AI$2:AI$366,ROUNDDOWN($C6240/24,0)+1,1)*INDEX($D$3:$AA$30,INDEX(Jesper!$R$2:$R$366,ROW(INDEX(Jesper!AI$2:AI$366,ROUNDDOWN($C6240/24,0)+1,1))-1)+IF('Standard Profiles'!$G$19=$B$10,7,0)+IF('Standard Profiles'!$G$19=$B$17,14,0)+IF('Standard Profiles'!$G$19=$B$24,21,0),MOD($C6240,24)+1)/SUM(INDEX($D$3:$AA$30,INDEX(Jesper!$R$2:$R$366,ROW(INDEX(Jesper!AI$2:AI$366,ROUNDDOWN($C6240/24,0)+1,1))-1)+IF('Standard Profiles'!$G$19=$B$10,7,0)+IF('Standard Profiles'!$G$19=$B$17,14,0)+IF('Standard Profiles'!$G$19=$B$24,21,0),0)),0)</f>
        <v>2.1542284290605749</v>
      </c>
      <c r="F6240" cm="1">
        <f t="array" ref="F6240">IFERROR(INDEX(Jesper!AJ$2:AJ$366,ROUNDDOWN($C6240/24,0)+1,1)*INDEX($D$3:$AA$30,INDEX(Jesper!$R$2:$R$366,ROW(INDEX(Jesper!AJ$2:AJ$366,ROUNDDOWN($C6240/24,0)+1,1))-1)+IF('Standard Profiles'!$G$20=$B$10,7,0)+IF('Standard Profiles'!$G$20=$B$17,14,0)+IF('Standard Profiles'!$G$20=$B$24,21,0),MOD($C6240,24)+1)/SUM(INDEX($D$3:$AA$30,INDEX(Jesper!$R$2:$R$366,ROW(INDEX(Jesper!AJ$2:AJ$366,ROUNDDOWN($C6240/24,0)+1,1))-1)+IF('Standard Profiles'!$G$20=$B$10,7,0)+IF('Standard Profiles'!$G$20=$B$17,14,0)+IF('Standard Profiles'!$G$20=$B$24,21,0),0)),0)</f>
        <v>0</v>
      </c>
      <c r="G6240" cm="1">
        <f t="array" ref="G6240">IFERROR(INDEX(Jesper!AK$2:AK$366,ROUNDDOWN($C6240/24,0)+1,1)*INDEX($D$3:$AA$30,INDEX(Jesper!$R$2:$R$366,ROW(INDEX(Jesper!AK$2:AK$366,ROUNDDOWN($C6240/24,0)+1,1))-1)+IF('Standard Profiles'!$G$21=$B$10,7,0)+IF('Standard Profiles'!$G$21=$B$17,14,0)+IF('Standard Profiles'!$G$21=$B$24,21,0),MOD($C6240,24)+1)/SUM(INDEX($D$3:$AA$30,INDEX(Jesper!$R$2:$R$366,ROW(INDEX(Jesper!AK$2:AK$366,ROUNDDOWN($C6240/24,0)+1,1))-1)+IF('Standard Profiles'!$G$21=$B$10,7,0)+IF('Standard Profiles'!$G$21=$B$17,14,0)+IF('Standard Profiles'!$G$21=$B$24,21,0),0)),0)</f>
        <v>0</v>
      </c>
      <c r="H6240" cm="1">
        <f t="array" ref="H6240">IFERROR(INDEX(Jesper!AL$2:AL$366,ROUNDDOWN($C6240/24,0)+1,1)*INDEX($D$3:$AA$30,INDEX(Jesper!$R$2:$R$366,ROW(INDEX(Jesper!AL$2:AL$366,ROUNDDOWN($C6240/24,0)+1,1))-1)+IF('Standard Profiles'!$G$22=$B$10,7,0)+IF('Standard Profiles'!$G$22=$B$17,14,0)+IF('Standard Profiles'!$G$22=$B$24,21,0),MOD($C6240,24)+1)/SUM(INDEX($D$3:$AA$30,INDEX(Jesper!$R$2:$R$366,ROW(INDEX(Jesper!AL$2:AL$366,ROUNDDOWN($C6240/24,0)+1,1))-1)+IF('Standard Profiles'!$G$22=$B$10,7,0)+IF('Standard Profiles'!$G$22=$B$17,14,0)+IF('Standard Profiles'!$G$22=$B$24,21,0),0)),0)</f>
        <v>0</v>
      </c>
      <c r="I6240">
        <f t="shared" si="692"/>
        <v>0.1940746332487005</v>
      </c>
      <c r="J6240">
        <f t="shared" si="693"/>
        <v>0.64691544416233504</v>
      </c>
      <c r="K6240">
        <f t="shared" si="694"/>
        <v>0.97037316624350256</v>
      </c>
      <c r="L6240">
        <f t="shared" si="695"/>
        <v>12.721627806625582</v>
      </c>
      <c r="M6240">
        <f t="shared" si="696"/>
        <v>0</v>
      </c>
      <c r="N6240" s="46">
        <f t="shared" si="697"/>
        <v>45550.583333318282</v>
      </c>
    </row>
    <row r="6241" spans="2:14" x14ac:dyDescent="0.3">
      <c r="B6241">
        <f t="shared" si="691"/>
        <v>7</v>
      </c>
      <c r="C6241" s="16">
        <v>6207</v>
      </c>
      <c r="D6241" cm="1">
        <f t="array" ref="D6241">IFERROR(INDEX(Jesper!AH$2:AH$366,ROUNDDOWN($C6241/24,0)+1,1)*INDEX($D$3:$AA$30,INDEX(Jesper!$R$2:$R$366,ROW(INDEX(Jesper!AH$2:AH$366,ROUNDDOWN($C6241/24,0)+1,1))-1)+IF('Standard Profiles'!$G$18=$B$10,7,0)+IF('Standard Profiles'!$G$18=$B$17,14,0)+IF('Standard Profiles'!$G$18=$B$24,21,0),MOD($C6241,24)+1)/SUM(INDEX($D$3:$AA$30,INDEX(Jesper!$R$2:$R$366,ROW(INDEX(Jesper!AH$2:AH$366,ROUNDDOWN($C6241/24,0)+1,1))-1)+IF('Standard Profiles'!$G$18=$B$10,7,0)+IF('Standard Profiles'!$G$18=$B$17,14,0)+IF('Standard Profiles'!$G$18=$B$24,21,0),0)),0)</f>
        <v>11.003344552195152</v>
      </c>
      <c r="E6241" cm="1">
        <f t="array" ref="E6241">IFERROR(INDEX(Jesper!AI$2:AI$366,ROUNDDOWN($C6241/24,0)+1,1)*INDEX($D$3:$AA$30,INDEX(Jesper!$R$2:$R$366,ROW(INDEX(Jesper!AI$2:AI$366,ROUNDDOWN($C6241/24,0)+1,1))-1)+IF('Standard Profiles'!$G$19=$B$10,7,0)+IF('Standard Profiles'!$G$19=$B$17,14,0)+IF('Standard Profiles'!$G$19=$B$24,21,0),MOD($C6241,24)+1)/SUM(INDEX($D$3:$AA$30,INDEX(Jesper!$R$2:$R$366,ROW(INDEX(Jesper!AI$2:AI$366,ROUNDDOWN($C6241/24,0)+1,1))-1)+IF('Standard Profiles'!$G$19=$B$10,7,0)+IF('Standard Profiles'!$G$19=$B$17,14,0)+IF('Standard Profiles'!$G$19=$B$24,21,0),0)),0)</f>
        <v>1.9148697147205109</v>
      </c>
      <c r="F6241" cm="1">
        <f t="array" ref="F6241">IFERROR(INDEX(Jesper!AJ$2:AJ$366,ROUNDDOWN($C6241/24,0)+1,1)*INDEX($D$3:$AA$30,INDEX(Jesper!$R$2:$R$366,ROW(INDEX(Jesper!AJ$2:AJ$366,ROUNDDOWN($C6241/24,0)+1,1))-1)+IF('Standard Profiles'!$G$20=$B$10,7,0)+IF('Standard Profiles'!$G$20=$B$17,14,0)+IF('Standard Profiles'!$G$20=$B$24,21,0),MOD($C6241,24)+1)/SUM(INDEX($D$3:$AA$30,INDEX(Jesper!$R$2:$R$366,ROW(INDEX(Jesper!AJ$2:AJ$366,ROUNDDOWN($C6241/24,0)+1,1))-1)+IF('Standard Profiles'!$G$20=$B$10,7,0)+IF('Standard Profiles'!$G$20=$B$17,14,0)+IF('Standard Profiles'!$G$20=$B$24,21,0),0)),0)</f>
        <v>0</v>
      </c>
      <c r="G6241" cm="1">
        <f t="array" ref="G6241">IFERROR(INDEX(Jesper!AK$2:AK$366,ROUNDDOWN($C6241/24,0)+1,1)*INDEX($D$3:$AA$30,INDEX(Jesper!$R$2:$R$366,ROW(INDEX(Jesper!AK$2:AK$366,ROUNDDOWN($C6241/24,0)+1,1))-1)+IF('Standard Profiles'!$G$21=$B$10,7,0)+IF('Standard Profiles'!$G$21=$B$17,14,0)+IF('Standard Profiles'!$G$21=$B$24,21,0),MOD($C6241,24)+1)/SUM(INDEX($D$3:$AA$30,INDEX(Jesper!$R$2:$R$366,ROW(INDEX(Jesper!AK$2:AK$366,ROUNDDOWN($C6241/24,0)+1,1))-1)+IF('Standard Profiles'!$G$21=$B$10,7,0)+IF('Standard Profiles'!$G$21=$B$17,14,0)+IF('Standard Profiles'!$G$21=$B$24,21,0),0)),0)</f>
        <v>0</v>
      </c>
      <c r="H6241" cm="1">
        <f t="array" ref="H6241">IFERROR(INDEX(Jesper!AL$2:AL$366,ROUNDDOWN($C6241/24,0)+1,1)*INDEX($D$3:$AA$30,INDEX(Jesper!$R$2:$R$366,ROW(INDEX(Jesper!AL$2:AL$366,ROUNDDOWN($C6241/24,0)+1,1))-1)+IF('Standard Profiles'!$G$22=$B$10,7,0)+IF('Standard Profiles'!$G$22=$B$17,14,0)+IF('Standard Profiles'!$G$22=$B$24,21,0),MOD($C6241,24)+1)/SUM(INDEX($D$3:$AA$30,INDEX(Jesper!$R$2:$R$366,ROW(INDEX(Jesper!AL$2:AL$366,ROUNDDOWN($C6241/24,0)+1,1))-1)+IF('Standard Profiles'!$G$22=$B$10,7,0)+IF('Standard Profiles'!$G$22=$B$17,14,0)+IF('Standard Profiles'!$G$22=$B$24,21,0),0)),0)</f>
        <v>0</v>
      </c>
      <c r="I6241">
        <f t="shared" si="692"/>
        <v>0.17251078510995599</v>
      </c>
      <c r="J6241">
        <f t="shared" si="693"/>
        <v>0.57503595036652</v>
      </c>
      <c r="K6241">
        <f t="shared" si="694"/>
        <v>0.86255392554978005</v>
      </c>
      <c r="L6241">
        <f t="shared" si="695"/>
        <v>11.308113605889407</v>
      </c>
      <c r="M6241">
        <f t="shared" si="696"/>
        <v>0</v>
      </c>
      <c r="N6241" s="46">
        <f t="shared" si="697"/>
        <v>45550.624999984946</v>
      </c>
    </row>
    <row r="6242" spans="2:14" x14ac:dyDescent="0.3">
      <c r="B6242">
        <f t="shared" si="691"/>
        <v>7</v>
      </c>
      <c r="C6242" s="16">
        <v>6208</v>
      </c>
      <c r="D6242" cm="1">
        <f t="array" ref="D6242">IFERROR(INDEX(Jesper!AH$2:AH$366,ROUNDDOWN($C6242/24,0)+1,1)*INDEX($D$3:$AA$30,INDEX(Jesper!$R$2:$R$366,ROW(INDEX(Jesper!AH$2:AH$366,ROUNDDOWN($C6242/24,0)+1,1))-1)+IF('Standard Profiles'!$G$18=$B$10,7,0)+IF('Standard Profiles'!$G$18=$B$17,14,0)+IF('Standard Profiles'!$G$18=$B$24,21,0),MOD($C6242,24)+1)/SUM(INDEX($D$3:$AA$30,INDEX(Jesper!$R$2:$R$366,ROW(INDEX(Jesper!AH$2:AH$366,ROUNDDOWN($C6242/24,0)+1,1))-1)+IF('Standard Profiles'!$G$18=$B$10,7,0)+IF('Standard Profiles'!$G$18=$B$17,14,0)+IF('Standard Profiles'!$G$18=$B$24,21,0),0)),0)</f>
        <v>10.806856256620238</v>
      </c>
      <c r="E6242" cm="1">
        <f t="array" ref="E6242">IFERROR(INDEX(Jesper!AI$2:AI$366,ROUNDDOWN($C6242/24,0)+1,1)*INDEX($D$3:$AA$30,INDEX(Jesper!$R$2:$R$366,ROW(INDEX(Jesper!AI$2:AI$366,ROUNDDOWN($C6242/24,0)+1,1))-1)+IF('Standard Profiles'!$G$19=$B$10,7,0)+IF('Standard Profiles'!$G$19=$B$17,14,0)+IF('Standard Profiles'!$G$19=$B$24,21,0),MOD($C6242,24)+1)/SUM(INDEX($D$3:$AA$30,INDEX(Jesper!$R$2:$R$366,ROW(INDEX(Jesper!AI$2:AI$366,ROUNDDOWN($C6242/24,0)+1,1))-1)+IF('Standard Profiles'!$G$19=$B$10,7,0)+IF('Standard Profiles'!$G$19=$B$17,14,0)+IF('Standard Profiles'!$G$19=$B$24,21,0),0)),0)</f>
        <v>1.8806756126719304</v>
      </c>
      <c r="F6242" cm="1">
        <f t="array" ref="F6242">IFERROR(INDEX(Jesper!AJ$2:AJ$366,ROUNDDOWN($C6242/24,0)+1,1)*INDEX($D$3:$AA$30,INDEX(Jesper!$R$2:$R$366,ROW(INDEX(Jesper!AJ$2:AJ$366,ROUNDDOWN($C6242/24,0)+1,1))-1)+IF('Standard Profiles'!$G$20=$B$10,7,0)+IF('Standard Profiles'!$G$20=$B$17,14,0)+IF('Standard Profiles'!$G$20=$B$24,21,0),MOD($C6242,24)+1)/SUM(INDEX($D$3:$AA$30,INDEX(Jesper!$R$2:$R$366,ROW(INDEX(Jesper!AJ$2:AJ$366,ROUNDDOWN($C6242/24,0)+1,1))-1)+IF('Standard Profiles'!$G$20=$B$10,7,0)+IF('Standard Profiles'!$G$20=$B$17,14,0)+IF('Standard Profiles'!$G$20=$B$24,21,0),0)),0)</f>
        <v>0</v>
      </c>
      <c r="G6242" cm="1">
        <f t="array" ref="G6242">IFERROR(INDEX(Jesper!AK$2:AK$366,ROUNDDOWN($C6242/24,0)+1,1)*INDEX($D$3:$AA$30,INDEX(Jesper!$R$2:$R$366,ROW(INDEX(Jesper!AK$2:AK$366,ROUNDDOWN($C6242/24,0)+1,1))-1)+IF('Standard Profiles'!$G$21=$B$10,7,0)+IF('Standard Profiles'!$G$21=$B$17,14,0)+IF('Standard Profiles'!$G$21=$B$24,21,0),MOD($C6242,24)+1)/SUM(INDEX($D$3:$AA$30,INDEX(Jesper!$R$2:$R$366,ROW(INDEX(Jesper!AK$2:AK$366,ROUNDDOWN($C6242/24,0)+1,1))-1)+IF('Standard Profiles'!$G$21=$B$10,7,0)+IF('Standard Profiles'!$G$21=$B$17,14,0)+IF('Standard Profiles'!$G$21=$B$24,21,0),0)),0)</f>
        <v>0</v>
      </c>
      <c r="H6242" cm="1">
        <f t="array" ref="H6242">IFERROR(INDEX(Jesper!AL$2:AL$366,ROUNDDOWN($C6242/24,0)+1,1)*INDEX($D$3:$AA$30,INDEX(Jesper!$R$2:$R$366,ROW(INDEX(Jesper!AL$2:AL$366,ROUNDDOWN($C6242/24,0)+1,1))-1)+IF('Standard Profiles'!$G$22=$B$10,7,0)+IF('Standard Profiles'!$G$22=$B$17,14,0)+IF('Standard Profiles'!$G$22=$B$24,21,0),MOD($C6242,24)+1)/SUM(INDEX($D$3:$AA$30,INDEX(Jesper!$R$2:$R$366,ROW(INDEX(Jesper!AL$2:AL$366,ROUNDDOWN($C6242/24,0)+1,1))-1)+IF('Standard Profiles'!$G$22=$B$10,7,0)+IF('Standard Profiles'!$G$22=$B$17,14,0)+IF('Standard Profiles'!$G$22=$B$24,21,0),0)),0)</f>
        <v>0</v>
      </c>
      <c r="I6242">
        <f t="shared" si="692"/>
        <v>0.16943023537584964</v>
      </c>
      <c r="J6242">
        <f t="shared" si="693"/>
        <v>0.56476745125283212</v>
      </c>
      <c r="K6242">
        <f t="shared" si="694"/>
        <v>0.84715117687924824</v>
      </c>
      <c r="L6242">
        <f t="shared" si="695"/>
        <v>11.106183005784239</v>
      </c>
      <c r="M6242">
        <f t="shared" si="696"/>
        <v>0</v>
      </c>
      <c r="N6242" s="46">
        <f t="shared" si="697"/>
        <v>45550.66666665161</v>
      </c>
    </row>
    <row r="6243" spans="2:14" x14ac:dyDescent="0.3">
      <c r="B6243">
        <f t="shared" ref="B6243:B6306" si="698">WEEKDAY(N6243,2)</f>
        <v>7</v>
      </c>
      <c r="C6243" s="16">
        <v>6209</v>
      </c>
      <c r="D6243" cm="1">
        <f t="array" ref="D6243">IFERROR(INDEX(Jesper!AH$2:AH$366,ROUNDDOWN($C6243/24,0)+1,1)*INDEX($D$3:$AA$30,INDEX(Jesper!$R$2:$R$366,ROW(INDEX(Jesper!AH$2:AH$366,ROUNDDOWN($C6243/24,0)+1,1))-1)+IF('Standard Profiles'!$G$18=$B$10,7,0)+IF('Standard Profiles'!$G$18=$B$17,14,0)+IF('Standard Profiles'!$G$18=$B$24,21,0),MOD($C6243,24)+1)/SUM(INDEX($D$3:$AA$30,INDEX(Jesper!$R$2:$R$366,ROW(INDEX(Jesper!AH$2:AH$366,ROUNDDOWN($C6243/24,0)+1,1))-1)+IF('Standard Profiles'!$G$18=$B$10,7,0)+IF('Standard Profiles'!$G$18=$B$17,14,0)+IF('Standard Profiles'!$G$18=$B$24,21,0),0)),0)</f>
        <v>9.2349498920209303</v>
      </c>
      <c r="E6243" cm="1">
        <f t="array" ref="E6243">IFERROR(INDEX(Jesper!AI$2:AI$366,ROUNDDOWN($C6243/24,0)+1,1)*INDEX($D$3:$AA$30,INDEX(Jesper!$R$2:$R$366,ROW(INDEX(Jesper!AI$2:AI$366,ROUNDDOWN($C6243/24,0)+1,1))-1)+IF('Standard Profiles'!$G$19=$B$10,7,0)+IF('Standard Profiles'!$G$19=$B$17,14,0)+IF('Standard Profiles'!$G$19=$B$24,21,0),MOD($C6243,24)+1)/SUM(INDEX($D$3:$AA$30,INDEX(Jesper!$R$2:$R$366,ROW(INDEX(Jesper!AI$2:AI$366,ROUNDDOWN($C6243/24,0)+1,1))-1)+IF('Standard Profiles'!$G$19=$B$10,7,0)+IF('Standard Profiles'!$G$19=$B$17,14,0)+IF('Standard Profiles'!$G$19=$B$24,21,0),0)),0)</f>
        <v>1.6071227962832861</v>
      </c>
      <c r="F6243" cm="1">
        <f t="array" ref="F6243">IFERROR(INDEX(Jesper!AJ$2:AJ$366,ROUNDDOWN($C6243/24,0)+1,1)*INDEX($D$3:$AA$30,INDEX(Jesper!$R$2:$R$366,ROW(INDEX(Jesper!AJ$2:AJ$366,ROUNDDOWN($C6243/24,0)+1,1))-1)+IF('Standard Profiles'!$G$20=$B$10,7,0)+IF('Standard Profiles'!$G$20=$B$17,14,0)+IF('Standard Profiles'!$G$20=$B$24,21,0),MOD($C6243,24)+1)/SUM(INDEX($D$3:$AA$30,INDEX(Jesper!$R$2:$R$366,ROW(INDEX(Jesper!AJ$2:AJ$366,ROUNDDOWN($C6243/24,0)+1,1))-1)+IF('Standard Profiles'!$G$20=$B$10,7,0)+IF('Standard Profiles'!$G$20=$B$17,14,0)+IF('Standard Profiles'!$G$20=$B$24,21,0),0)),0)</f>
        <v>0</v>
      </c>
      <c r="G6243" cm="1">
        <f t="array" ref="G6243">IFERROR(INDEX(Jesper!AK$2:AK$366,ROUNDDOWN($C6243/24,0)+1,1)*INDEX($D$3:$AA$30,INDEX(Jesper!$R$2:$R$366,ROW(INDEX(Jesper!AK$2:AK$366,ROUNDDOWN($C6243/24,0)+1,1))-1)+IF('Standard Profiles'!$G$21=$B$10,7,0)+IF('Standard Profiles'!$G$21=$B$17,14,0)+IF('Standard Profiles'!$G$21=$B$24,21,0),MOD($C6243,24)+1)/SUM(INDEX($D$3:$AA$30,INDEX(Jesper!$R$2:$R$366,ROW(INDEX(Jesper!AK$2:AK$366,ROUNDDOWN($C6243/24,0)+1,1))-1)+IF('Standard Profiles'!$G$21=$B$10,7,0)+IF('Standard Profiles'!$G$21=$B$17,14,0)+IF('Standard Profiles'!$G$21=$B$24,21,0),0)),0)</f>
        <v>0</v>
      </c>
      <c r="H6243" cm="1">
        <f t="array" ref="H6243">IFERROR(INDEX(Jesper!AL$2:AL$366,ROUNDDOWN($C6243/24,0)+1,1)*INDEX($D$3:$AA$30,INDEX(Jesper!$R$2:$R$366,ROW(INDEX(Jesper!AL$2:AL$366,ROUNDDOWN($C6243/24,0)+1,1))-1)+IF('Standard Profiles'!$G$22=$B$10,7,0)+IF('Standard Profiles'!$G$22=$B$17,14,0)+IF('Standard Profiles'!$G$22=$B$24,21,0),MOD($C6243,24)+1)/SUM(INDEX($D$3:$AA$30,INDEX(Jesper!$R$2:$R$366,ROW(INDEX(Jesper!AL$2:AL$366,ROUNDDOWN($C6243/24,0)+1,1))-1)+IF('Standard Profiles'!$G$22=$B$10,7,0)+IF('Standard Profiles'!$G$22=$B$17,14,0)+IF('Standard Profiles'!$G$22=$B$24,21,0),0)),0)</f>
        <v>0</v>
      </c>
      <c r="I6243">
        <f t="shared" ref="I6243:I6306" si="699">IF($B6243&lt;6,AC$37*$D6243+AC$38*$E6243+AC$39*$F6243+AC$40*$G6243,AC$46*$D6243+AC$47*$E6243+AC$48*$F6243+AC$49*$G6243+AC$50*$H6243)</f>
        <v>0.14478583750299878</v>
      </c>
      <c r="J6243">
        <f t="shared" ref="J6243:J6306" si="700">IF($B6243&lt;6,AD$37*$D6243+AD$38*$E6243+AD$39*$F6243+AD$40*$G6243,AD$46*$D6243+AD$47*$E6243+AD$48*$F6243+AD$49*$G6243+AD$50*$H6243)</f>
        <v>0.48261945834332937</v>
      </c>
      <c r="K6243">
        <f t="shared" ref="K6243:K6306" si="701">IF($B6243&lt;6,AE$37*$D6243+AE$38*$E6243+AE$39*$F6243+AE$40*$G6243,AE$46*$D6243+AE$47*$E6243+AE$48*$F6243+AE$49*$G6243+AE$50*$H6243)</f>
        <v>0.72392918751499402</v>
      </c>
      <c r="L6243">
        <f t="shared" ref="L6243:L6306" si="702">IF($B6243&lt;6,AF$37*$D6243+AF$38*$E6243+AF$39*$F6243+AF$40*$G6243,AF$46*$D6243+AF$47*$E6243+AF$48*$F6243+AF$49*$G6243+AF$50*$H6243)</f>
        <v>9.490738204942895</v>
      </c>
      <c r="M6243">
        <f t="shared" ref="M6243:M6306" si="703">IF($B6243&lt;6,AG$37*$D6243+AG$38*$E6243+AG$39*$F6243+AG$40*$G6243,AG$46*$D6243+AG$47*$E6243+AG$48*$F6243+AG$49*$G6243+AG$50*$H6243)</f>
        <v>0</v>
      </c>
      <c r="N6243" s="46">
        <f t="shared" si="697"/>
        <v>45550.708333318275</v>
      </c>
    </row>
    <row r="6244" spans="2:14" x14ac:dyDescent="0.3">
      <c r="B6244">
        <f t="shared" si="698"/>
        <v>7</v>
      </c>
      <c r="C6244" s="16">
        <v>6210</v>
      </c>
      <c r="D6244" cm="1">
        <f t="array" ref="D6244">IFERROR(INDEX(Jesper!AH$2:AH$366,ROUNDDOWN($C6244/24,0)+1,1)*INDEX($D$3:$AA$30,INDEX(Jesper!$R$2:$R$366,ROW(INDEX(Jesper!AH$2:AH$366,ROUNDDOWN($C6244/24,0)+1,1))-1)+IF('Standard Profiles'!$G$18=$B$10,7,0)+IF('Standard Profiles'!$G$18=$B$17,14,0)+IF('Standard Profiles'!$G$18=$B$24,21,0),MOD($C6244,24)+1)/SUM(INDEX($D$3:$AA$30,INDEX(Jesper!$R$2:$R$366,ROW(INDEX(Jesper!AH$2:AH$366,ROUNDDOWN($C6244/24,0)+1,1))-1)+IF('Standard Profiles'!$G$18=$B$10,7,0)+IF('Standard Profiles'!$G$18=$B$17,14,0)+IF('Standard Profiles'!$G$18=$B$24,21,0),0)),0)</f>
        <v>8.6454850052961909</v>
      </c>
      <c r="E6244" cm="1">
        <f t="array" ref="E6244">IFERROR(INDEX(Jesper!AI$2:AI$366,ROUNDDOWN($C6244/24,0)+1,1)*INDEX($D$3:$AA$30,INDEX(Jesper!$R$2:$R$366,ROW(INDEX(Jesper!AI$2:AI$366,ROUNDDOWN($C6244/24,0)+1,1))-1)+IF('Standard Profiles'!$G$19=$B$10,7,0)+IF('Standard Profiles'!$G$19=$B$17,14,0)+IF('Standard Profiles'!$G$19=$B$24,21,0),MOD($C6244,24)+1)/SUM(INDEX($D$3:$AA$30,INDEX(Jesper!$R$2:$R$366,ROW(INDEX(Jesper!AI$2:AI$366,ROUNDDOWN($C6244/24,0)+1,1))-1)+IF('Standard Profiles'!$G$19=$B$10,7,0)+IF('Standard Profiles'!$G$19=$B$17,14,0)+IF('Standard Profiles'!$G$19=$B$24,21,0),0)),0)</f>
        <v>1.5045404901375445</v>
      </c>
      <c r="F6244" cm="1">
        <f t="array" ref="F6244">IFERROR(INDEX(Jesper!AJ$2:AJ$366,ROUNDDOWN($C6244/24,0)+1,1)*INDEX($D$3:$AA$30,INDEX(Jesper!$R$2:$R$366,ROW(INDEX(Jesper!AJ$2:AJ$366,ROUNDDOWN($C6244/24,0)+1,1))-1)+IF('Standard Profiles'!$G$20=$B$10,7,0)+IF('Standard Profiles'!$G$20=$B$17,14,0)+IF('Standard Profiles'!$G$20=$B$24,21,0),MOD($C6244,24)+1)/SUM(INDEX($D$3:$AA$30,INDEX(Jesper!$R$2:$R$366,ROW(INDEX(Jesper!AJ$2:AJ$366,ROUNDDOWN($C6244/24,0)+1,1))-1)+IF('Standard Profiles'!$G$20=$B$10,7,0)+IF('Standard Profiles'!$G$20=$B$17,14,0)+IF('Standard Profiles'!$G$20=$B$24,21,0),0)),0)</f>
        <v>0</v>
      </c>
      <c r="G6244" cm="1">
        <f t="array" ref="G6244">IFERROR(INDEX(Jesper!AK$2:AK$366,ROUNDDOWN($C6244/24,0)+1,1)*INDEX($D$3:$AA$30,INDEX(Jesper!$R$2:$R$366,ROW(INDEX(Jesper!AK$2:AK$366,ROUNDDOWN($C6244/24,0)+1,1))-1)+IF('Standard Profiles'!$G$21=$B$10,7,0)+IF('Standard Profiles'!$G$21=$B$17,14,0)+IF('Standard Profiles'!$G$21=$B$24,21,0),MOD($C6244,24)+1)/SUM(INDEX($D$3:$AA$30,INDEX(Jesper!$R$2:$R$366,ROW(INDEX(Jesper!AK$2:AK$366,ROUNDDOWN($C6244/24,0)+1,1))-1)+IF('Standard Profiles'!$G$21=$B$10,7,0)+IF('Standard Profiles'!$G$21=$B$17,14,0)+IF('Standard Profiles'!$G$21=$B$24,21,0),0)),0)</f>
        <v>0</v>
      </c>
      <c r="H6244" cm="1">
        <f t="array" ref="H6244">IFERROR(INDEX(Jesper!AL$2:AL$366,ROUNDDOWN($C6244/24,0)+1,1)*INDEX($D$3:$AA$30,INDEX(Jesper!$R$2:$R$366,ROW(INDEX(Jesper!AL$2:AL$366,ROUNDDOWN($C6244/24,0)+1,1))-1)+IF('Standard Profiles'!$G$22=$B$10,7,0)+IF('Standard Profiles'!$G$22=$B$17,14,0)+IF('Standard Profiles'!$G$22=$B$24,21,0),MOD($C6244,24)+1)/SUM(INDEX($D$3:$AA$30,INDEX(Jesper!$R$2:$R$366,ROW(INDEX(Jesper!AL$2:AL$366,ROUNDDOWN($C6244/24,0)+1,1))-1)+IF('Standard Profiles'!$G$22=$B$10,7,0)+IF('Standard Profiles'!$G$22=$B$17,14,0)+IF('Standard Profiles'!$G$22=$B$24,21,0),0)),0)</f>
        <v>0</v>
      </c>
      <c r="I6244">
        <f t="shared" si="699"/>
        <v>0.13554418830067971</v>
      </c>
      <c r="J6244">
        <f t="shared" si="700"/>
        <v>0.45181396100226578</v>
      </c>
      <c r="K6244">
        <f t="shared" si="701"/>
        <v>0.67772094150339868</v>
      </c>
      <c r="L6244">
        <f t="shared" si="702"/>
        <v>8.8849464046273905</v>
      </c>
      <c r="M6244">
        <f t="shared" si="703"/>
        <v>0</v>
      </c>
      <c r="N6244" s="46">
        <f t="shared" ref="N6244:N6307" si="704">N6243+1/24</f>
        <v>45550.749999984939</v>
      </c>
    </row>
    <row r="6245" spans="2:14" x14ac:dyDescent="0.3">
      <c r="B6245">
        <f t="shared" si="698"/>
        <v>7</v>
      </c>
      <c r="C6245" s="16">
        <v>6211</v>
      </c>
      <c r="D6245" cm="1">
        <f t="array" ref="D6245">IFERROR(INDEX(Jesper!AH$2:AH$366,ROUNDDOWN($C6245/24,0)+1,1)*INDEX($D$3:$AA$30,INDEX(Jesper!$R$2:$R$366,ROW(INDEX(Jesper!AH$2:AH$366,ROUNDDOWN($C6245/24,0)+1,1))-1)+IF('Standard Profiles'!$G$18=$B$10,7,0)+IF('Standard Profiles'!$G$18=$B$17,14,0)+IF('Standard Profiles'!$G$18=$B$24,21,0),MOD($C6245,24)+1)/SUM(INDEX($D$3:$AA$30,INDEX(Jesper!$R$2:$R$366,ROW(INDEX(Jesper!AH$2:AH$366,ROUNDDOWN($C6245/24,0)+1,1))-1)+IF('Standard Profiles'!$G$18=$B$10,7,0)+IF('Standard Profiles'!$G$18=$B$17,14,0)+IF('Standard Profiles'!$G$18=$B$24,21,0),0)),0)</f>
        <v>7.2700669362717969</v>
      </c>
      <c r="E6245" cm="1">
        <f t="array" ref="E6245">IFERROR(INDEX(Jesper!AI$2:AI$366,ROUNDDOWN($C6245/24,0)+1,1)*INDEX($D$3:$AA$30,INDEX(Jesper!$R$2:$R$366,ROW(INDEX(Jesper!AI$2:AI$366,ROUNDDOWN($C6245/24,0)+1,1))-1)+IF('Standard Profiles'!$G$19=$B$10,7,0)+IF('Standard Profiles'!$G$19=$B$17,14,0)+IF('Standard Profiles'!$G$19=$B$24,21,0),MOD($C6245,24)+1)/SUM(INDEX($D$3:$AA$30,INDEX(Jesper!$R$2:$R$366,ROW(INDEX(Jesper!AI$2:AI$366,ROUNDDOWN($C6245/24,0)+1,1))-1)+IF('Standard Profiles'!$G$19=$B$10,7,0)+IF('Standard Profiles'!$G$19=$B$17,14,0)+IF('Standard Profiles'!$G$19=$B$24,21,0),0)),0)</f>
        <v>1.2651817757974806</v>
      </c>
      <c r="F6245" cm="1">
        <f t="array" ref="F6245">IFERROR(INDEX(Jesper!AJ$2:AJ$366,ROUNDDOWN($C6245/24,0)+1,1)*INDEX($D$3:$AA$30,INDEX(Jesper!$R$2:$R$366,ROW(INDEX(Jesper!AJ$2:AJ$366,ROUNDDOWN($C6245/24,0)+1,1))-1)+IF('Standard Profiles'!$G$20=$B$10,7,0)+IF('Standard Profiles'!$G$20=$B$17,14,0)+IF('Standard Profiles'!$G$20=$B$24,21,0),MOD($C6245,24)+1)/SUM(INDEX($D$3:$AA$30,INDEX(Jesper!$R$2:$R$366,ROW(INDEX(Jesper!AJ$2:AJ$366,ROUNDDOWN($C6245/24,0)+1,1))-1)+IF('Standard Profiles'!$G$20=$B$10,7,0)+IF('Standard Profiles'!$G$20=$B$17,14,0)+IF('Standard Profiles'!$G$20=$B$24,21,0),0)),0)</f>
        <v>0</v>
      </c>
      <c r="G6245" cm="1">
        <f t="array" ref="G6245">IFERROR(INDEX(Jesper!AK$2:AK$366,ROUNDDOWN($C6245/24,0)+1,1)*INDEX($D$3:$AA$30,INDEX(Jesper!$R$2:$R$366,ROW(INDEX(Jesper!AK$2:AK$366,ROUNDDOWN($C6245/24,0)+1,1))-1)+IF('Standard Profiles'!$G$21=$B$10,7,0)+IF('Standard Profiles'!$G$21=$B$17,14,0)+IF('Standard Profiles'!$G$21=$B$24,21,0),MOD($C6245,24)+1)/SUM(INDEX($D$3:$AA$30,INDEX(Jesper!$R$2:$R$366,ROW(INDEX(Jesper!AK$2:AK$366,ROUNDDOWN($C6245/24,0)+1,1))-1)+IF('Standard Profiles'!$G$21=$B$10,7,0)+IF('Standard Profiles'!$G$21=$B$17,14,0)+IF('Standard Profiles'!$G$21=$B$24,21,0),0)),0)</f>
        <v>0</v>
      </c>
      <c r="H6245" cm="1">
        <f t="array" ref="H6245">IFERROR(INDEX(Jesper!AL$2:AL$366,ROUNDDOWN($C6245/24,0)+1,1)*INDEX($D$3:$AA$30,INDEX(Jesper!$R$2:$R$366,ROW(INDEX(Jesper!AL$2:AL$366,ROUNDDOWN($C6245/24,0)+1,1))-1)+IF('Standard Profiles'!$G$22=$B$10,7,0)+IF('Standard Profiles'!$G$22=$B$17,14,0)+IF('Standard Profiles'!$G$22=$B$24,21,0),MOD($C6245,24)+1)/SUM(INDEX($D$3:$AA$30,INDEX(Jesper!$R$2:$R$366,ROW(INDEX(Jesper!AL$2:AL$366,ROUNDDOWN($C6245/24,0)+1,1))-1)+IF('Standard Profiles'!$G$22=$B$10,7,0)+IF('Standard Profiles'!$G$22=$B$17,14,0)+IF('Standard Profiles'!$G$22=$B$24,21,0),0)),0)</f>
        <v>0</v>
      </c>
      <c r="I6245">
        <f t="shared" si="699"/>
        <v>0.11398034016193521</v>
      </c>
      <c r="J6245">
        <f t="shared" si="700"/>
        <v>0.3799344672064508</v>
      </c>
      <c r="K6245">
        <f t="shared" si="701"/>
        <v>0.56990170080967617</v>
      </c>
      <c r="L6245">
        <f t="shared" si="702"/>
        <v>7.4714322038912151</v>
      </c>
      <c r="M6245">
        <f t="shared" si="703"/>
        <v>0</v>
      </c>
      <c r="N6245" s="46">
        <f t="shared" si="704"/>
        <v>45550.791666651603</v>
      </c>
    </row>
    <row r="6246" spans="2:14" x14ac:dyDescent="0.3">
      <c r="B6246">
        <f t="shared" si="698"/>
        <v>7</v>
      </c>
      <c r="C6246" s="16">
        <v>6212</v>
      </c>
      <c r="D6246" cm="1">
        <f t="array" ref="D6246">IFERROR(INDEX(Jesper!AH$2:AH$366,ROUNDDOWN($C6246/24,0)+1,1)*INDEX($D$3:$AA$30,INDEX(Jesper!$R$2:$R$366,ROW(INDEX(Jesper!AH$2:AH$366,ROUNDDOWN($C6246/24,0)+1,1))-1)+IF('Standard Profiles'!$G$18=$B$10,7,0)+IF('Standard Profiles'!$G$18=$B$17,14,0)+IF('Standard Profiles'!$G$18=$B$24,21,0),MOD($C6246,24)+1)/SUM(INDEX($D$3:$AA$30,INDEX(Jesper!$R$2:$R$366,ROW(INDEX(Jesper!AH$2:AH$366,ROUNDDOWN($C6246/24,0)+1,1))-1)+IF('Standard Profiles'!$G$18=$B$10,7,0)+IF('Standard Profiles'!$G$18=$B$17,14,0)+IF('Standard Profiles'!$G$18=$B$24,21,0),0)),0)</f>
        <v>6.0911371628223154</v>
      </c>
      <c r="E6246" cm="1">
        <f t="array" ref="E6246">IFERROR(INDEX(Jesper!AI$2:AI$366,ROUNDDOWN($C6246/24,0)+1,1)*INDEX($D$3:$AA$30,INDEX(Jesper!$R$2:$R$366,ROW(INDEX(Jesper!AI$2:AI$366,ROUNDDOWN($C6246/24,0)+1,1))-1)+IF('Standard Profiles'!$G$19=$B$10,7,0)+IF('Standard Profiles'!$G$19=$B$17,14,0)+IF('Standard Profiles'!$G$19=$B$24,21,0),MOD($C6246,24)+1)/SUM(INDEX($D$3:$AA$30,INDEX(Jesper!$R$2:$R$366,ROW(INDEX(Jesper!AI$2:AI$366,ROUNDDOWN($C6246/24,0)+1,1))-1)+IF('Standard Profiles'!$G$19=$B$10,7,0)+IF('Standard Profiles'!$G$19=$B$17,14,0)+IF('Standard Profiles'!$G$19=$B$24,21,0),0)),0)</f>
        <v>1.0600171635059972</v>
      </c>
      <c r="F6246" cm="1">
        <f t="array" ref="F6246">IFERROR(INDEX(Jesper!AJ$2:AJ$366,ROUNDDOWN($C6246/24,0)+1,1)*INDEX($D$3:$AA$30,INDEX(Jesper!$R$2:$R$366,ROW(INDEX(Jesper!AJ$2:AJ$366,ROUNDDOWN($C6246/24,0)+1,1))-1)+IF('Standard Profiles'!$G$20=$B$10,7,0)+IF('Standard Profiles'!$G$20=$B$17,14,0)+IF('Standard Profiles'!$G$20=$B$24,21,0),MOD($C6246,24)+1)/SUM(INDEX($D$3:$AA$30,INDEX(Jesper!$R$2:$R$366,ROW(INDEX(Jesper!AJ$2:AJ$366,ROUNDDOWN($C6246/24,0)+1,1))-1)+IF('Standard Profiles'!$G$20=$B$10,7,0)+IF('Standard Profiles'!$G$20=$B$17,14,0)+IF('Standard Profiles'!$G$20=$B$24,21,0),0)),0)</f>
        <v>0</v>
      </c>
      <c r="G6246" cm="1">
        <f t="array" ref="G6246">IFERROR(INDEX(Jesper!AK$2:AK$366,ROUNDDOWN($C6246/24,0)+1,1)*INDEX($D$3:$AA$30,INDEX(Jesper!$R$2:$R$366,ROW(INDEX(Jesper!AK$2:AK$366,ROUNDDOWN($C6246/24,0)+1,1))-1)+IF('Standard Profiles'!$G$21=$B$10,7,0)+IF('Standard Profiles'!$G$21=$B$17,14,0)+IF('Standard Profiles'!$G$21=$B$24,21,0),MOD($C6246,24)+1)/SUM(INDEX($D$3:$AA$30,INDEX(Jesper!$R$2:$R$366,ROW(INDEX(Jesper!AK$2:AK$366,ROUNDDOWN($C6246/24,0)+1,1))-1)+IF('Standard Profiles'!$G$21=$B$10,7,0)+IF('Standard Profiles'!$G$21=$B$17,14,0)+IF('Standard Profiles'!$G$21=$B$24,21,0),0)),0)</f>
        <v>0</v>
      </c>
      <c r="H6246" cm="1">
        <f t="array" ref="H6246">IFERROR(INDEX(Jesper!AL$2:AL$366,ROUNDDOWN($C6246/24,0)+1,1)*INDEX($D$3:$AA$30,INDEX(Jesper!$R$2:$R$366,ROW(INDEX(Jesper!AL$2:AL$366,ROUNDDOWN($C6246/24,0)+1,1))-1)+IF('Standard Profiles'!$G$22=$B$10,7,0)+IF('Standard Profiles'!$G$22=$B$17,14,0)+IF('Standard Profiles'!$G$22=$B$24,21,0),MOD($C6246,24)+1)/SUM(INDEX($D$3:$AA$30,INDEX(Jesper!$R$2:$R$366,ROW(INDEX(Jesper!AL$2:AL$366,ROUNDDOWN($C6246/24,0)+1,1))-1)+IF('Standard Profiles'!$G$22=$B$10,7,0)+IF('Standard Profiles'!$G$22=$B$17,14,0)+IF('Standard Profiles'!$G$22=$B$24,21,0),0)),0)</f>
        <v>0</v>
      </c>
      <c r="I6246">
        <f t="shared" si="699"/>
        <v>9.5497041757297063E-2</v>
      </c>
      <c r="J6246">
        <f t="shared" si="700"/>
        <v>0.31832347252432358</v>
      </c>
      <c r="K6246">
        <f t="shared" si="701"/>
        <v>0.47748520878648537</v>
      </c>
      <c r="L6246">
        <f t="shared" si="702"/>
        <v>6.259848603260207</v>
      </c>
      <c r="M6246">
        <f t="shared" si="703"/>
        <v>0</v>
      </c>
      <c r="N6246" s="46">
        <f t="shared" si="704"/>
        <v>45550.833333318267</v>
      </c>
    </row>
    <row r="6247" spans="2:14" x14ac:dyDescent="0.3">
      <c r="B6247">
        <f t="shared" si="698"/>
        <v>7</v>
      </c>
      <c r="C6247" s="16">
        <v>6213</v>
      </c>
      <c r="D6247" cm="1">
        <f t="array" ref="D6247">IFERROR(INDEX(Jesper!AH$2:AH$366,ROUNDDOWN($C6247/24,0)+1,1)*INDEX($D$3:$AA$30,INDEX(Jesper!$R$2:$R$366,ROW(INDEX(Jesper!AH$2:AH$366,ROUNDDOWN($C6247/24,0)+1,1))-1)+IF('Standard Profiles'!$G$18=$B$10,7,0)+IF('Standard Profiles'!$G$18=$B$17,14,0)+IF('Standard Profiles'!$G$18=$B$24,21,0),MOD($C6247,24)+1)/SUM(INDEX($D$3:$AA$30,INDEX(Jesper!$R$2:$R$366,ROW(INDEX(Jesper!AH$2:AH$366,ROUNDDOWN($C6247/24,0)+1,1))-1)+IF('Standard Profiles'!$G$18=$B$10,7,0)+IF('Standard Profiles'!$G$18=$B$17,14,0)+IF('Standard Profiles'!$G$18=$B$24,21,0),0)),0)</f>
        <v>5.3051839805226626</v>
      </c>
      <c r="E6247" cm="1">
        <f t="array" ref="E6247">IFERROR(INDEX(Jesper!AI$2:AI$366,ROUNDDOWN($C6247/24,0)+1,1)*INDEX($D$3:$AA$30,INDEX(Jesper!$R$2:$R$366,ROW(INDEX(Jesper!AI$2:AI$366,ROUNDDOWN($C6247/24,0)+1,1))-1)+IF('Standard Profiles'!$G$19=$B$10,7,0)+IF('Standard Profiles'!$G$19=$B$17,14,0)+IF('Standard Profiles'!$G$19=$B$24,21,0),MOD($C6247,24)+1)/SUM(INDEX($D$3:$AA$30,INDEX(Jesper!$R$2:$R$366,ROW(INDEX(Jesper!AI$2:AI$366,ROUNDDOWN($C6247/24,0)+1,1))-1)+IF('Standard Profiles'!$G$19=$B$10,7,0)+IF('Standard Profiles'!$G$19=$B$17,14,0)+IF('Standard Profiles'!$G$19=$B$24,21,0),0)),0)</f>
        <v>0.92324075531167493</v>
      </c>
      <c r="F6247" cm="1">
        <f t="array" ref="F6247">IFERROR(INDEX(Jesper!AJ$2:AJ$366,ROUNDDOWN($C6247/24,0)+1,1)*INDEX($D$3:$AA$30,INDEX(Jesper!$R$2:$R$366,ROW(INDEX(Jesper!AJ$2:AJ$366,ROUNDDOWN($C6247/24,0)+1,1))-1)+IF('Standard Profiles'!$G$20=$B$10,7,0)+IF('Standard Profiles'!$G$20=$B$17,14,0)+IF('Standard Profiles'!$G$20=$B$24,21,0),MOD($C6247,24)+1)/SUM(INDEX($D$3:$AA$30,INDEX(Jesper!$R$2:$R$366,ROW(INDEX(Jesper!AJ$2:AJ$366,ROUNDDOWN($C6247/24,0)+1,1))-1)+IF('Standard Profiles'!$G$20=$B$10,7,0)+IF('Standard Profiles'!$G$20=$B$17,14,0)+IF('Standard Profiles'!$G$20=$B$24,21,0),0)),0)</f>
        <v>0</v>
      </c>
      <c r="G6247" cm="1">
        <f t="array" ref="G6247">IFERROR(INDEX(Jesper!AK$2:AK$366,ROUNDDOWN($C6247/24,0)+1,1)*INDEX($D$3:$AA$30,INDEX(Jesper!$R$2:$R$366,ROW(INDEX(Jesper!AK$2:AK$366,ROUNDDOWN($C6247/24,0)+1,1))-1)+IF('Standard Profiles'!$G$21=$B$10,7,0)+IF('Standard Profiles'!$G$21=$B$17,14,0)+IF('Standard Profiles'!$G$21=$B$24,21,0),MOD($C6247,24)+1)/SUM(INDEX($D$3:$AA$30,INDEX(Jesper!$R$2:$R$366,ROW(INDEX(Jesper!AK$2:AK$366,ROUNDDOWN($C6247/24,0)+1,1))-1)+IF('Standard Profiles'!$G$21=$B$10,7,0)+IF('Standard Profiles'!$G$21=$B$17,14,0)+IF('Standard Profiles'!$G$21=$B$24,21,0),0)),0)</f>
        <v>0</v>
      </c>
      <c r="H6247" cm="1">
        <f t="array" ref="H6247">IFERROR(INDEX(Jesper!AL$2:AL$366,ROUNDDOWN($C6247/24,0)+1,1)*INDEX($D$3:$AA$30,INDEX(Jesper!$R$2:$R$366,ROW(INDEX(Jesper!AL$2:AL$366,ROUNDDOWN($C6247/24,0)+1,1))-1)+IF('Standard Profiles'!$G$22=$B$10,7,0)+IF('Standard Profiles'!$G$22=$B$17,14,0)+IF('Standard Profiles'!$G$22=$B$24,21,0),MOD($C6247,24)+1)/SUM(INDEX($D$3:$AA$30,INDEX(Jesper!$R$2:$R$366,ROW(INDEX(Jesper!AL$2:AL$366,ROUNDDOWN($C6247/24,0)+1,1))-1)+IF('Standard Profiles'!$G$22=$B$10,7,0)+IF('Standard Profiles'!$G$22=$B$17,14,0)+IF('Standard Profiles'!$G$22=$B$24,21,0),0)),0)</f>
        <v>0</v>
      </c>
      <c r="I6247">
        <f t="shared" si="699"/>
        <v>8.3174842820871633E-2</v>
      </c>
      <c r="J6247">
        <f t="shared" si="700"/>
        <v>0.27724947606957218</v>
      </c>
      <c r="K6247">
        <f t="shared" si="701"/>
        <v>0.41587421410435826</v>
      </c>
      <c r="L6247">
        <f t="shared" si="702"/>
        <v>5.4521262028395352</v>
      </c>
      <c r="M6247">
        <f t="shared" si="703"/>
        <v>0</v>
      </c>
      <c r="N6247" s="46">
        <f t="shared" si="704"/>
        <v>45550.874999984931</v>
      </c>
    </row>
    <row r="6248" spans="2:14" x14ac:dyDescent="0.3">
      <c r="B6248">
        <f t="shared" si="698"/>
        <v>7</v>
      </c>
      <c r="C6248" s="16">
        <v>6214</v>
      </c>
      <c r="D6248" cm="1">
        <f t="array" ref="D6248">IFERROR(INDEX(Jesper!AH$2:AH$366,ROUNDDOWN($C6248/24,0)+1,1)*INDEX($D$3:$AA$30,INDEX(Jesper!$R$2:$R$366,ROW(INDEX(Jesper!AH$2:AH$366,ROUNDDOWN($C6248/24,0)+1,1))-1)+IF('Standard Profiles'!$G$18=$B$10,7,0)+IF('Standard Profiles'!$G$18=$B$17,14,0)+IF('Standard Profiles'!$G$18=$B$24,21,0),MOD($C6248,24)+1)/SUM(INDEX($D$3:$AA$30,INDEX(Jesper!$R$2:$R$366,ROW(INDEX(Jesper!AH$2:AH$366,ROUNDDOWN($C6248/24,0)+1,1))-1)+IF('Standard Profiles'!$G$18=$B$10,7,0)+IF('Standard Profiles'!$G$18=$B$17,14,0)+IF('Standard Profiles'!$G$18=$B$24,21,0),0)),0)</f>
        <v>5.3051839805226626</v>
      </c>
      <c r="E6248" cm="1">
        <f t="array" ref="E6248">IFERROR(INDEX(Jesper!AI$2:AI$366,ROUNDDOWN($C6248/24,0)+1,1)*INDEX($D$3:$AA$30,INDEX(Jesper!$R$2:$R$366,ROW(INDEX(Jesper!AI$2:AI$366,ROUNDDOWN($C6248/24,0)+1,1))-1)+IF('Standard Profiles'!$G$19=$B$10,7,0)+IF('Standard Profiles'!$G$19=$B$17,14,0)+IF('Standard Profiles'!$G$19=$B$24,21,0),MOD($C6248,24)+1)/SUM(INDEX($D$3:$AA$30,INDEX(Jesper!$R$2:$R$366,ROW(INDEX(Jesper!AI$2:AI$366,ROUNDDOWN($C6248/24,0)+1,1))-1)+IF('Standard Profiles'!$G$19=$B$10,7,0)+IF('Standard Profiles'!$G$19=$B$17,14,0)+IF('Standard Profiles'!$G$19=$B$24,21,0),0)),0)</f>
        <v>0.92324075531167493</v>
      </c>
      <c r="F6248" cm="1">
        <f t="array" ref="F6248">IFERROR(INDEX(Jesper!AJ$2:AJ$366,ROUNDDOWN($C6248/24,0)+1,1)*INDEX($D$3:$AA$30,INDEX(Jesper!$R$2:$R$366,ROW(INDEX(Jesper!AJ$2:AJ$366,ROUNDDOWN($C6248/24,0)+1,1))-1)+IF('Standard Profiles'!$G$20=$B$10,7,0)+IF('Standard Profiles'!$G$20=$B$17,14,0)+IF('Standard Profiles'!$G$20=$B$24,21,0),MOD($C6248,24)+1)/SUM(INDEX($D$3:$AA$30,INDEX(Jesper!$R$2:$R$366,ROW(INDEX(Jesper!AJ$2:AJ$366,ROUNDDOWN($C6248/24,0)+1,1))-1)+IF('Standard Profiles'!$G$20=$B$10,7,0)+IF('Standard Profiles'!$G$20=$B$17,14,0)+IF('Standard Profiles'!$G$20=$B$24,21,0),0)),0)</f>
        <v>0</v>
      </c>
      <c r="G6248" cm="1">
        <f t="array" ref="G6248">IFERROR(INDEX(Jesper!AK$2:AK$366,ROUNDDOWN($C6248/24,0)+1,1)*INDEX($D$3:$AA$30,INDEX(Jesper!$R$2:$R$366,ROW(INDEX(Jesper!AK$2:AK$366,ROUNDDOWN($C6248/24,0)+1,1))-1)+IF('Standard Profiles'!$G$21=$B$10,7,0)+IF('Standard Profiles'!$G$21=$B$17,14,0)+IF('Standard Profiles'!$G$21=$B$24,21,0),MOD($C6248,24)+1)/SUM(INDEX($D$3:$AA$30,INDEX(Jesper!$R$2:$R$366,ROW(INDEX(Jesper!AK$2:AK$366,ROUNDDOWN($C6248/24,0)+1,1))-1)+IF('Standard Profiles'!$G$21=$B$10,7,0)+IF('Standard Profiles'!$G$21=$B$17,14,0)+IF('Standard Profiles'!$G$21=$B$24,21,0),0)),0)</f>
        <v>0</v>
      </c>
      <c r="H6248" cm="1">
        <f t="array" ref="H6248">IFERROR(INDEX(Jesper!AL$2:AL$366,ROUNDDOWN($C6248/24,0)+1,1)*INDEX($D$3:$AA$30,INDEX(Jesper!$R$2:$R$366,ROW(INDEX(Jesper!AL$2:AL$366,ROUNDDOWN($C6248/24,0)+1,1))-1)+IF('Standard Profiles'!$G$22=$B$10,7,0)+IF('Standard Profiles'!$G$22=$B$17,14,0)+IF('Standard Profiles'!$G$22=$B$24,21,0),MOD($C6248,24)+1)/SUM(INDEX($D$3:$AA$30,INDEX(Jesper!$R$2:$R$366,ROW(INDEX(Jesper!AL$2:AL$366,ROUNDDOWN($C6248/24,0)+1,1))-1)+IF('Standard Profiles'!$G$22=$B$10,7,0)+IF('Standard Profiles'!$G$22=$B$17,14,0)+IF('Standard Profiles'!$G$22=$B$24,21,0),0)),0)</f>
        <v>0</v>
      </c>
      <c r="I6248">
        <f t="shared" si="699"/>
        <v>8.3174842820871633E-2</v>
      </c>
      <c r="J6248">
        <f t="shared" si="700"/>
        <v>0.27724947606957218</v>
      </c>
      <c r="K6248">
        <f t="shared" si="701"/>
        <v>0.41587421410435826</v>
      </c>
      <c r="L6248">
        <f t="shared" si="702"/>
        <v>5.4521262028395352</v>
      </c>
      <c r="M6248">
        <f t="shared" si="703"/>
        <v>0</v>
      </c>
      <c r="N6248" s="46">
        <f t="shared" si="704"/>
        <v>45550.916666651596</v>
      </c>
    </row>
    <row r="6249" spans="2:14" x14ac:dyDescent="0.3">
      <c r="B6249">
        <f t="shared" si="698"/>
        <v>7</v>
      </c>
      <c r="C6249" s="16">
        <v>6215</v>
      </c>
      <c r="D6249" cm="1">
        <f t="array" ref="D6249">IFERROR(INDEX(Jesper!AH$2:AH$366,ROUNDDOWN($C6249/24,0)+1,1)*INDEX($D$3:$AA$30,INDEX(Jesper!$R$2:$R$366,ROW(INDEX(Jesper!AH$2:AH$366,ROUNDDOWN($C6249/24,0)+1,1))-1)+IF('Standard Profiles'!$G$18=$B$10,7,0)+IF('Standard Profiles'!$G$18=$B$17,14,0)+IF('Standard Profiles'!$G$18=$B$24,21,0),MOD($C6249,24)+1)/SUM(INDEX($D$3:$AA$30,INDEX(Jesper!$R$2:$R$366,ROW(INDEX(Jesper!AH$2:AH$366,ROUNDDOWN($C6249/24,0)+1,1))-1)+IF('Standard Profiles'!$G$18=$B$10,7,0)+IF('Standard Profiles'!$G$18=$B$17,14,0)+IF('Standard Profiles'!$G$18=$B$24,21,0),0)),0)</f>
        <v>5.3051839805226626</v>
      </c>
      <c r="E6249" cm="1">
        <f t="array" ref="E6249">IFERROR(INDEX(Jesper!AI$2:AI$366,ROUNDDOWN($C6249/24,0)+1,1)*INDEX($D$3:$AA$30,INDEX(Jesper!$R$2:$R$366,ROW(INDEX(Jesper!AI$2:AI$366,ROUNDDOWN($C6249/24,0)+1,1))-1)+IF('Standard Profiles'!$G$19=$B$10,7,0)+IF('Standard Profiles'!$G$19=$B$17,14,0)+IF('Standard Profiles'!$G$19=$B$24,21,0),MOD($C6249,24)+1)/SUM(INDEX($D$3:$AA$30,INDEX(Jesper!$R$2:$R$366,ROW(INDEX(Jesper!AI$2:AI$366,ROUNDDOWN($C6249/24,0)+1,1))-1)+IF('Standard Profiles'!$G$19=$B$10,7,0)+IF('Standard Profiles'!$G$19=$B$17,14,0)+IF('Standard Profiles'!$G$19=$B$24,21,0),0)),0)</f>
        <v>0.92324075531167493</v>
      </c>
      <c r="F6249" cm="1">
        <f t="array" ref="F6249">IFERROR(INDEX(Jesper!AJ$2:AJ$366,ROUNDDOWN($C6249/24,0)+1,1)*INDEX($D$3:$AA$30,INDEX(Jesper!$R$2:$R$366,ROW(INDEX(Jesper!AJ$2:AJ$366,ROUNDDOWN($C6249/24,0)+1,1))-1)+IF('Standard Profiles'!$G$20=$B$10,7,0)+IF('Standard Profiles'!$G$20=$B$17,14,0)+IF('Standard Profiles'!$G$20=$B$24,21,0),MOD($C6249,24)+1)/SUM(INDEX($D$3:$AA$30,INDEX(Jesper!$R$2:$R$366,ROW(INDEX(Jesper!AJ$2:AJ$366,ROUNDDOWN($C6249/24,0)+1,1))-1)+IF('Standard Profiles'!$G$20=$B$10,7,0)+IF('Standard Profiles'!$G$20=$B$17,14,0)+IF('Standard Profiles'!$G$20=$B$24,21,0),0)),0)</f>
        <v>0</v>
      </c>
      <c r="G6249" cm="1">
        <f t="array" ref="G6249">IFERROR(INDEX(Jesper!AK$2:AK$366,ROUNDDOWN($C6249/24,0)+1,1)*INDEX($D$3:$AA$30,INDEX(Jesper!$R$2:$R$366,ROW(INDEX(Jesper!AK$2:AK$366,ROUNDDOWN($C6249/24,0)+1,1))-1)+IF('Standard Profiles'!$G$21=$B$10,7,0)+IF('Standard Profiles'!$G$21=$B$17,14,0)+IF('Standard Profiles'!$G$21=$B$24,21,0),MOD($C6249,24)+1)/SUM(INDEX($D$3:$AA$30,INDEX(Jesper!$R$2:$R$366,ROW(INDEX(Jesper!AK$2:AK$366,ROUNDDOWN($C6249/24,0)+1,1))-1)+IF('Standard Profiles'!$G$21=$B$10,7,0)+IF('Standard Profiles'!$G$21=$B$17,14,0)+IF('Standard Profiles'!$G$21=$B$24,21,0),0)),0)</f>
        <v>0</v>
      </c>
      <c r="H6249" cm="1">
        <f t="array" ref="H6249">IFERROR(INDEX(Jesper!AL$2:AL$366,ROUNDDOWN($C6249/24,0)+1,1)*INDEX($D$3:$AA$30,INDEX(Jesper!$R$2:$R$366,ROW(INDEX(Jesper!AL$2:AL$366,ROUNDDOWN($C6249/24,0)+1,1))-1)+IF('Standard Profiles'!$G$22=$B$10,7,0)+IF('Standard Profiles'!$G$22=$B$17,14,0)+IF('Standard Profiles'!$G$22=$B$24,21,0),MOD($C6249,24)+1)/SUM(INDEX($D$3:$AA$30,INDEX(Jesper!$R$2:$R$366,ROW(INDEX(Jesper!AL$2:AL$366,ROUNDDOWN($C6249/24,0)+1,1))-1)+IF('Standard Profiles'!$G$22=$B$10,7,0)+IF('Standard Profiles'!$G$22=$B$17,14,0)+IF('Standard Profiles'!$G$22=$B$24,21,0),0)),0)</f>
        <v>0</v>
      </c>
      <c r="I6249">
        <f t="shared" si="699"/>
        <v>8.3174842820871633E-2</v>
      </c>
      <c r="J6249">
        <f t="shared" si="700"/>
        <v>0.27724947606957218</v>
      </c>
      <c r="K6249">
        <f t="shared" si="701"/>
        <v>0.41587421410435826</v>
      </c>
      <c r="L6249">
        <f t="shared" si="702"/>
        <v>5.4521262028395352</v>
      </c>
      <c r="M6249">
        <f t="shared" si="703"/>
        <v>0</v>
      </c>
      <c r="N6249" s="46">
        <f t="shared" si="704"/>
        <v>45550.95833331826</v>
      </c>
    </row>
    <row r="6250" spans="2:14" x14ac:dyDescent="0.3">
      <c r="B6250">
        <f t="shared" si="698"/>
        <v>1</v>
      </c>
      <c r="C6250" s="16">
        <v>6216</v>
      </c>
      <c r="D6250" cm="1">
        <f t="array" ref="D6250">IFERROR(INDEX(Jesper!AH$2:AH$366,ROUNDDOWN($C6250/24,0)+1,1)*INDEX($D$3:$AA$30,INDEX(Jesper!$R$2:$R$366,ROW(INDEX(Jesper!AH$2:AH$366,ROUNDDOWN($C6250/24,0)+1,1))-1)+IF('Standard Profiles'!$G$18=$B$10,7,0)+IF('Standard Profiles'!$G$18=$B$17,14,0)+IF('Standard Profiles'!$G$18=$B$24,21,0),MOD($C6250,24)+1)/SUM(INDEX($D$3:$AA$30,INDEX(Jesper!$R$2:$R$366,ROW(INDEX(Jesper!AH$2:AH$366,ROUNDDOWN($C6250/24,0)+1,1))-1)+IF('Standard Profiles'!$G$18=$B$10,7,0)+IF('Standard Profiles'!$G$18=$B$17,14,0)+IF('Standard Profiles'!$G$18=$B$24,21,0),0)),0)</f>
        <v>2.4522429891733339</v>
      </c>
      <c r="E6250" cm="1">
        <f t="array" ref="E6250">IFERROR(INDEX(Jesper!AI$2:AI$366,ROUNDDOWN($C6250/24,0)+1,1)*INDEX($D$3:$AA$30,INDEX(Jesper!$R$2:$R$366,ROW(INDEX(Jesper!AI$2:AI$366,ROUNDDOWN($C6250/24,0)+1,1))-1)+IF('Standard Profiles'!$G$19=$B$10,7,0)+IF('Standard Profiles'!$G$19=$B$17,14,0)+IF('Standard Profiles'!$G$19=$B$24,21,0),MOD($C6250,24)+1)/SUM(INDEX($D$3:$AA$30,INDEX(Jesper!$R$2:$R$366,ROW(INDEX(Jesper!AI$2:AI$366,ROUNDDOWN($C6250/24,0)+1,1))-1)+IF('Standard Profiles'!$G$19=$B$10,7,0)+IF('Standard Profiles'!$G$19=$B$17,14,0)+IF('Standard Profiles'!$G$19=$B$24,21,0),0)),0)</f>
        <v>0</v>
      </c>
      <c r="F6250" cm="1">
        <f t="array" ref="F6250">IFERROR(INDEX(Jesper!AJ$2:AJ$366,ROUNDDOWN($C6250/24,0)+1,1)*INDEX($D$3:$AA$30,INDEX(Jesper!$R$2:$R$366,ROW(INDEX(Jesper!AJ$2:AJ$366,ROUNDDOWN($C6250/24,0)+1,1))-1)+IF('Standard Profiles'!$G$20=$B$10,7,0)+IF('Standard Profiles'!$G$20=$B$17,14,0)+IF('Standard Profiles'!$G$20=$B$24,21,0),MOD($C6250,24)+1)/SUM(INDEX($D$3:$AA$30,INDEX(Jesper!$R$2:$R$366,ROW(INDEX(Jesper!AJ$2:AJ$366,ROUNDDOWN($C6250/24,0)+1,1))-1)+IF('Standard Profiles'!$G$20=$B$10,7,0)+IF('Standard Profiles'!$G$20=$B$17,14,0)+IF('Standard Profiles'!$G$20=$B$24,21,0),0)),0)</f>
        <v>0</v>
      </c>
      <c r="G6250" cm="1">
        <f t="array" ref="G6250">IFERROR(INDEX(Jesper!AK$2:AK$366,ROUNDDOWN($C6250/24,0)+1,1)*INDEX($D$3:$AA$30,INDEX(Jesper!$R$2:$R$366,ROW(INDEX(Jesper!AK$2:AK$366,ROUNDDOWN($C6250/24,0)+1,1))-1)+IF('Standard Profiles'!$G$21=$B$10,7,0)+IF('Standard Profiles'!$G$21=$B$17,14,0)+IF('Standard Profiles'!$G$21=$B$24,21,0),MOD($C6250,24)+1)/SUM(INDEX($D$3:$AA$30,INDEX(Jesper!$R$2:$R$366,ROW(INDEX(Jesper!AK$2:AK$366,ROUNDDOWN($C6250/24,0)+1,1))-1)+IF('Standard Profiles'!$G$21=$B$10,7,0)+IF('Standard Profiles'!$G$21=$B$17,14,0)+IF('Standard Profiles'!$G$21=$B$24,21,0),0)),0)</f>
        <v>0</v>
      </c>
      <c r="H6250" cm="1">
        <f t="array" ref="H6250">IFERROR(INDEX(Jesper!AL$2:AL$366,ROUNDDOWN($C6250/24,0)+1,1)*INDEX($D$3:$AA$30,INDEX(Jesper!$R$2:$R$366,ROW(INDEX(Jesper!AL$2:AL$366,ROUNDDOWN($C6250/24,0)+1,1))-1)+IF('Standard Profiles'!$G$22=$B$10,7,0)+IF('Standard Profiles'!$G$22=$B$17,14,0)+IF('Standard Profiles'!$G$22=$B$24,21,0),MOD($C6250,24)+1)/SUM(INDEX($D$3:$AA$30,INDEX(Jesper!$R$2:$R$366,ROW(INDEX(Jesper!AL$2:AL$366,ROUNDDOWN($C6250/24,0)+1,1))-1)+IF('Standard Profiles'!$G$22=$B$10,7,0)+IF('Standard Profiles'!$G$22=$B$17,14,0)+IF('Standard Profiles'!$G$22=$B$24,21,0),0)),0)</f>
        <v>0</v>
      </c>
      <c r="I6250">
        <f t="shared" si="699"/>
        <v>7.3567289675200015E-2</v>
      </c>
      <c r="J6250">
        <f t="shared" si="700"/>
        <v>0.24522429891733341</v>
      </c>
      <c r="K6250">
        <f t="shared" si="701"/>
        <v>0.3678364483760001</v>
      </c>
      <c r="L6250">
        <f t="shared" si="702"/>
        <v>1.7656149522048004</v>
      </c>
      <c r="M6250">
        <f t="shared" si="703"/>
        <v>0</v>
      </c>
      <c r="N6250" s="46">
        <f t="shared" si="704"/>
        <v>45550.999999984924</v>
      </c>
    </row>
    <row r="6251" spans="2:14" x14ac:dyDescent="0.3">
      <c r="B6251">
        <f t="shared" si="698"/>
        <v>1</v>
      </c>
      <c r="C6251" s="16">
        <v>6217</v>
      </c>
      <c r="D6251" cm="1">
        <f t="array" ref="D6251">IFERROR(INDEX(Jesper!AH$2:AH$366,ROUNDDOWN($C6251/24,0)+1,1)*INDEX($D$3:$AA$30,INDEX(Jesper!$R$2:$R$366,ROW(INDEX(Jesper!AH$2:AH$366,ROUNDDOWN($C6251/24,0)+1,1))-1)+IF('Standard Profiles'!$G$18=$B$10,7,0)+IF('Standard Profiles'!$G$18=$B$17,14,0)+IF('Standard Profiles'!$G$18=$B$24,21,0),MOD($C6251,24)+1)/SUM(INDEX($D$3:$AA$30,INDEX(Jesper!$R$2:$R$366,ROW(INDEX(Jesper!AH$2:AH$366,ROUNDDOWN($C6251/24,0)+1,1))-1)+IF('Standard Profiles'!$G$18=$B$10,7,0)+IF('Standard Profiles'!$G$18=$B$17,14,0)+IF('Standard Profiles'!$G$18=$B$24,21,0),0)),0)</f>
        <v>2.4522429891733339</v>
      </c>
      <c r="E6251" cm="1">
        <f t="array" ref="E6251">IFERROR(INDEX(Jesper!AI$2:AI$366,ROUNDDOWN($C6251/24,0)+1,1)*INDEX($D$3:$AA$30,INDEX(Jesper!$R$2:$R$366,ROW(INDEX(Jesper!AI$2:AI$366,ROUNDDOWN($C6251/24,0)+1,1))-1)+IF('Standard Profiles'!$G$19=$B$10,7,0)+IF('Standard Profiles'!$G$19=$B$17,14,0)+IF('Standard Profiles'!$G$19=$B$24,21,0),MOD($C6251,24)+1)/SUM(INDEX($D$3:$AA$30,INDEX(Jesper!$R$2:$R$366,ROW(INDEX(Jesper!AI$2:AI$366,ROUNDDOWN($C6251/24,0)+1,1))-1)+IF('Standard Profiles'!$G$19=$B$10,7,0)+IF('Standard Profiles'!$G$19=$B$17,14,0)+IF('Standard Profiles'!$G$19=$B$24,21,0),0)),0)</f>
        <v>0</v>
      </c>
      <c r="F6251" cm="1">
        <f t="array" ref="F6251">IFERROR(INDEX(Jesper!AJ$2:AJ$366,ROUNDDOWN($C6251/24,0)+1,1)*INDEX($D$3:$AA$30,INDEX(Jesper!$R$2:$R$366,ROW(INDEX(Jesper!AJ$2:AJ$366,ROUNDDOWN($C6251/24,0)+1,1))-1)+IF('Standard Profiles'!$G$20=$B$10,7,0)+IF('Standard Profiles'!$G$20=$B$17,14,0)+IF('Standard Profiles'!$G$20=$B$24,21,0),MOD($C6251,24)+1)/SUM(INDEX($D$3:$AA$30,INDEX(Jesper!$R$2:$R$366,ROW(INDEX(Jesper!AJ$2:AJ$366,ROUNDDOWN($C6251/24,0)+1,1))-1)+IF('Standard Profiles'!$G$20=$B$10,7,0)+IF('Standard Profiles'!$G$20=$B$17,14,0)+IF('Standard Profiles'!$G$20=$B$24,21,0),0)),0)</f>
        <v>0</v>
      </c>
      <c r="G6251" cm="1">
        <f t="array" ref="G6251">IFERROR(INDEX(Jesper!AK$2:AK$366,ROUNDDOWN($C6251/24,0)+1,1)*INDEX($D$3:$AA$30,INDEX(Jesper!$R$2:$R$366,ROW(INDEX(Jesper!AK$2:AK$366,ROUNDDOWN($C6251/24,0)+1,1))-1)+IF('Standard Profiles'!$G$21=$B$10,7,0)+IF('Standard Profiles'!$G$21=$B$17,14,0)+IF('Standard Profiles'!$G$21=$B$24,21,0),MOD($C6251,24)+1)/SUM(INDEX($D$3:$AA$30,INDEX(Jesper!$R$2:$R$366,ROW(INDEX(Jesper!AK$2:AK$366,ROUNDDOWN($C6251/24,0)+1,1))-1)+IF('Standard Profiles'!$G$21=$B$10,7,0)+IF('Standard Profiles'!$G$21=$B$17,14,0)+IF('Standard Profiles'!$G$21=$B$24,21,0),0)),0)</f>
        <v>0</v>
      </c>
      <c r="H6251" cm="1">
        <f t="array" ref="H6251">IFERROR(INDEX(Jesper!AL$2:AL$366,ROUNDDOWN($C6251/24,0)+1,1)*INDEX($D$3:$AA$30,INDEX(Jesper!$R$2:$R$366,ROW(INDEX(Jesper!AL$2:AL$366,ROUNDDOWN($C6251/24,0)+1,1))-1)+IF('Standard Profiles'!$G$22=$B$10,7,0)+IF('Standard Profiles'!$G$22=$B$17,14,0)+IF('Standard Profiles'!$G$22=$B$24,21,0),MOD($C6251,24)+1)/SUM(INDEX($D$3:$AA$30,INDEX(Jesper!$R$2:$R$366,ROW(INDEX(Jesper!AL$2:AL$366,ROUNDDOWN($C6251/24,0)+1,1))-1)+IF('Standard Profiles'!$G$22=$B$10,7,0)+IF('Standard Profiles'!$G$22=$B$17,14,0)+IF('Standard Profiles'!$G$22=$B$24,21,0),0)),0)</f>
        <v>0</v>
      </c>
      <c r="I6251">
        <f t="shared" si="699"/>
        <v>7.3567289675200015E-2</v>
      </c>
      <c r="J6251">
        <f t="shared" si="700"/>
        <v>0.24522429891733341</v>
      </c>
      <c r="K6251">
        <f t="shared" si="701"/>
        <v>0.3678364483760001</v>
      </c>
      <c r="L6251">
        <f t="shared" si="702"/>
        <v>1.7656149522048004</v>
      </c>
      <c r="M6251">
        <f t="shared" si="703"/>
        <v>0</v>
      </c>
      <c r="N6251" s="46">
        <f t="shared" si="704"/>
        <v>45551.041666651588</v>
      </c>
    </row>
    <row r="6252" spans="2:14" x14ac:dyDescent="0.3">
      <c r="B6252">
        <f t="shared" si="698"/>
        <v>1</v>
      </c>
      <c r="C6252" s="16">
        <v>6218</v>
      </c>
      <c r="D6252" cm="1">
        <f t="array" ref="D6252">IFERROR(INDEX(Jesper!AH$2:AH$366,ROUNDDOWN($C6252/24,0)+1,1)*INDEX($D$3:$AA$30,INDEX(Jesper!$R$2:$R$366,ROW(INDEX(Jesper!AH$2:AH$366,ROUNDDOWN($C6252/24,0)+1,1))-1)+IF('Standard Profiles'!$G$18=$B$10,7,0)+IF('Standard Profiles'!$G$18=$B$17,14,0)+IF('Standard Profiles'!$G$18=$B$24,21,0),MOD($C6252,24)+1)/SUM(INDEX($D$3:$AA$30,INDEX(Jesper!$R$2:$R$366,ROW(INDEX(Jesper!AH$2:AH$366,ROUNDDOWN($C6252/24,0)+1,1))-1)+IF('Standard Profiles'!$G$18=$B$10,7,0)+IF('Standard Profiles'!$G$18=$B$17,14,0)+IF('Standard Profiles'!$G$18=$B$24,21,0),0)),0)</f>
        <v>2.4522429891733339</v>
      </c>
      <c r="E6252" cm="1">
        <f t="array" ref="E6252">IFERROR(INDEX(Jesper!AI$2:AI$366,ROUNDDOWN($C6252/24,0)+1,1)*INDEX($D$3:$AA$30,INDEX(Jesper!$R$2:$R$366,ROW(INDEX(Jesper!AI$2:AI$366,ROUNDDOWN($C6252/24,0)+1,1))-1)+IF('Standard Profiles'!$G$19=$B$10,7,0)+IF('Standard Profiles'!$G$19=$B$17,14,0)+IF('Standard Profiles'!$G$19=$B$24,21,0),MOD($C6252,24)+1)/SUM(INDEX($D$3:$AA$30,INDEX(Jesper!$R$2:$R$366,ROW(INDEX(Jesper!AI$2:AI$366,ROUNDDOWN($C6252/24,0)+1,1))-1)+IF('Standard Profiles'!$G$19=$B$10,7,0)+IF('Standard Profiles'!$G$19=$B$17,14,0)+IF('Standard Profiles'!$G$19=$B$24,21,0),0)),0)</f>
        <v>0</v>
      </c>
      <c r="F6252" cm="1">
        <f t="array" ref="F6252">IFERROR(INDEX(Jesper!AJ$2:AJ$366,ROUNDDOWN($C6252/24,0)+1,1)*INDEX($D$3:$AA$30,INDEX(Jesper!$R$2:$R$366,ROW(INDEX(Jesper!AJ$2:AJ$366,ROUNDDOWN($C6252/24,0)+1,1))-1)+IF('Standard Profiles'!$G$20=$B$10,7,0)+IF('Standard Profiles'!$G$20=$B$17,14,0)+IF('Standard Profiles'!$G$20=$B$24,21,0),MOD($C6252,24)+1)/SUM(INDEX($D$3:$AA$30,INDEX(Jesper!$R$2:$R$366,ROW(INDEX(Jesper!AJ$2:AJ$366,ROUNDDOWN($C6252/24,0)+1,1))-1)+IF('Standard Profiles'!$G$20=$B$10,7,0)+IF('Standard Profiles'!$G$20=$B$17,14,0)+IF('Standard Profiles'!$G$20=$B$24,21,0),0)),0)</f>
        <v>0</v>
      </c>
      <c r="G6252" cm="1">
        <f t="array" ref="G6252">IFERROR(INDEX(Jesper!AK$2:AK$366,ROUNDDOWN($C6252/24,0)+1,1)*INDEX($D$3:$AA$30,INDEX(Jesper!$R$2:$R$366,ROW(INDEX(Jesper!AK$2:AK$366,ROUNDDOWN($C6252/24,0)+1,1))-1)+IF('Standard Profiles'!$G$21=$B$10,7,0)+IF('Standard Profiles'!$G$21=$B$17,14,0)+IF('Standard Profiles'!$G$21=$B$24,21,0),MOD($C6252,24)+1)/SUM(INDEX($D$3:$AA$30,INDEX(Jesper!$R$2:$R$366,ROW(INDEX(Jesper!AK$2:AK$366,ROUNDDOWN($C6252/24,0)+1,1))-1)+IF('Standard Profiles'!$G$21=$B$10,7,0)+IF('Standard Profiles'!$G$21=$B$17,14,0)+IF('Standard Profiles'!$G$21=$B$24,21,0),0)),0)</f>
        <v>0</v>
      </c>
      <c r="H6252" cm="1">
        <f t="array" ref="H6252">IFERROR(INDEX(Jesper!AL$2:AL$366,ROUNDDOWN($C6252/24,0)+1,1)*INDEX($D$3:$AA$30,INDEX(Jesper!$R$2:$R$366,ROW(INDEX(Jesper!AL$2:AL$366,ROUNDDOWN($C6252/24,0)+1,1))-1)+IF('Standard Profiles'!$G$22=$B$10,7,0)+IF('Standard Profiles'!$G$22=$B$17,14,0)+IF('Standard Profiles'!$G$22=$B$24,21,0),MOD($C6252,24)+1)/SUM(INDEX($D$3:$AA$30,INDEX(Jesper!$R$2:$R$366,ROW(INDEX(Jesper!AL$2:AL$366,ROUNDDOWN($C6252/24,0)+1,1))-1)+IF('Standard Profiles'!$G$22=$B$10,7,0)+IF('Standard Profiles'!$G$22=$B$17,14,0)+IF('Standard Profiles'!$G$22=$B$24,21,0),0)),0)</f>
        <v>0</v>
      </c>
      <c r="I6252">
        <f t="shared" si="699"/>
        <v>7.3567289675200015E-2</v>
      </c>
      <c r="J6252">
        <f t="shared" si="700"/>
        <v>0.24522429891733341</v>
      </c>
      <c r="K6252">
        <f t="shared" si="701"/>
        <v>0.3678364483760001</v>
      </c>
      <c r="L6252">
        <f t="shared" si="702"/>
        <v>1.7656149522048004</v>
      </c>
      <c r="M6252">
        <f t="shared" si="703"/>
        <v>0</v>
      </c>
      <c r="N6252" s="46">
        <f t="shared" si="704"/>
        <v>45551.083333318253</v>
      </c>
    </row>
    <row r="6253" spans="2:14" x14ac:dyDescent="0.3">
      <c r="B6253">
        <f t="shared" si="698"/>
        <v>1</v>
      </c>
      <c r="C6253" s="16">
        <v>6219</v>
      </c>
      <c r="D6253" cm="1">
        <f t="array" ref="D6253">IFERROR(INDEX(Jesper!AH$2:AH$366,ROUNDDOWN($C6253/24,0)+1,1)*INDEX($D$3:$AA$30,INDEX(Jesper!$R$2:$R$366,ROW(INDEX(Jesper!AH$2:AH$366,ROUNDDOWN($C6253/24,0)+1,1))-1)+IF('Standard Profiles'!$G$18=$B$10,7,0)+IF('Standard Profiles'!$G$18=$B$17,14,0)+IF('Standard Profiles'!$G$18=$B$24,21,0),MOD($C6253,24)+1)/SUM(INDEX($D$3:$AA$30,INDEX(Jesper!$R$2:$R$366,ROW(INDEX(Jesper!AH$2:AH$366,ROUNDDOWN($C6253/24,0)+1,1))-1)+IF('Standard Profiles'!$G$18=$B$10,7,0)+IF('Standard Profiles'!$G$18=$B$17,14,0)+IF('Standard Profiles'!$G$18=$B$24,21,0),0)),0)</f>
        <v>2.4522429891733339</v>
      </c>
      <c r="E6253" cm="1">
        <f t="array" ref="E6253">IFERROR(INDEX(Jesper!AI$2:AI$366,ROUNDDOWN($C6253/24,0)+1,1)*INDEX($D$3:$AA$30,INDEX(Jesper!$R$2:$R$366,ROW(INDEX(Jesper!AI$2:AI$366,ROUNDDOWN($C6253/24,0)+1,1))-1)+IF('Standard Profiles'!$G$19=$B$10,7,0)+IF('Standard Profiles'!$G$19=$B$17,14,0)+IF('Standard Profiles'!$G$19=$B$24,21,0),MOD($C6253,24)+1)/SUM(INDEX($D$3:$AA$30,INDEX(Jesper!$R$2:$R$366,ROW(INDEX(Jesper!AI$2:AI$366,ROUNDDOWN($C6253/24,0)+1,1))-1)+IF('Standard Profiles'!$G$19=$B$10,7,0)+IF('Standard Profiles'!$G$19=$B$17,14,0)+IF('Standard Profiles'!$G$19=$B$24,21,0),0)),0)</f>
        <v>0</v>
      </c>
      <c r="F6253" cm="1">
        <f t="array" ref="F6253">IFERROR(INDEX(Jesper!AJ$2:AJ$366,ROUNDDOWN($C6253/24,0)+1,1)*INDEX($D$3:$AA$30,INDEX(Jesper!$R$2:$R$366,ROW(INDEX(Jesper!AJ$2:AJ$366,ROUNDDOWN($C6253/24,0)+1,1))-1)+IF('Standard Profiles'!$G$20=$B$10,7,0)+IF('Standard Profiles'!$G$20=$B$17,14,0)+IF('Standard Profiles'!$G$20=$B$24,21,0),MOD($C6253,24)+1)/SUM(INDEX($D$3:$AA$30,INDEX(Jesper!$R$2:$R$366,ROW(INDEX(Jesper!AJ$2:AJ$366,ROUNDDOWN($C6253/24,0)+1,1))-1)+IF('Standard Profiles'!$G$20=$B$10,7,0)+IF('Standard Profiles'!$G$20=$B$17,14,0)+IF('Standard Profiles'!$G$20=$B$24,21,0),0)),0)</f>
        <v>0</v>
      </c>
      <c r="G6253" cm="1">
        <f t="array" ref="G6253">IFERROR(INDEX(Jesper!AK$2:AK$366,ROUNDDOWN($C6253/24,0)+1,1)*INDEX($D$3:$AA$30,INDEX(Jesper!$R$2:$R$366,ROW(INDEX(Jesper!AK$2:AK$366,ROUNDDOWN($C6253/24,0)+1,1))-1)+IF('Standard Profiles'!$G$21=$B$10,7,0)+IF('Standard Profiles'!$G$21=$B$17,14,0)+IF('Standard Profiles'!$G$21=$B$24,21,0),MOD($C6253,24)+1)/SUM(INDEX($D$3:$AA$30,INDEX(Jesper!$R$2:$R$366,ROW(INDEX(Jesper!AK$2:AK$366,ROUNDDOWN($C6253/24,0)+1,1))-1)+IF('Standard Profiles'!$G$21=$B$10,7,0)+IF('Standard Profiles'!$G$21=$B$17,14,0)+IF('Standard Profiles'!$G$21=$B$24,21,0),0)),0)</f>
        <v>0</v>
      </c>
      <c r="H6253" cm="1">
        <f t="array" ref="H6253">IFERROR(INDEX(Jesper!AL$2:AL$366,ROUNDDOWN($C6253/24,0)+1,1)*INDEX($D$3:$AA$30,INDEX(Jesper!$R$2:$R$366,ROW(INDEX(Jesper!AL$2:AL$366,ROUNDDOWN($C6253/24,0)+1,1))-1)+IF('Standard Profiles'!$G$22=$B$10,7,0)+IF('Standard Profiles'!$G$22=$B$17,14,0)+IF('Standard Profiles'!$G$22=$B$24,21,0),MOD($C6253,24)+1)/SUM(INDEX($D$3:$AA$30,INDEX(Jesper!$R$2:$R$366,ROW(INDEX(Jesper!AL$2:AL$366,ROUNDDOWN($C6253/24,0)+1,1))-1)+IF('Standard Profiles'!$G$22=$B$10,7,0)+IF('Standard Profiles'!$G$22=$B$17,14,0)+IF('Standard Profiles'!$G$22=$B$24,21,0),0)),0)</f>
        <v>0</v>
      </c>
      <c r="I6253">
        <f t="shared" si="699"/>
        <v>7.3567289675200015E-2</v>
      </c>
      <c r="J6253">
        <f t="shared" si="700"/>
        <v>0.24522429891733341</v>
      </c>
      <c r="K6253">
        <f t="shared" si="701"/>
        <v>0.3678364483760001</v>
      </c>
      <c r="L6253">
        <f t="shared" si="702"/>
        <v>1.7656149522048004</v>
      </c>
      <c r="M6253">
        <f t="shared" si="703"/>
        <v>0</v>
      </c>
      <c r="N6253" s="46">
        <f t="shared" si="704"/>
        <v>45551.124999984917</v>
      </c>
    </row>
    <row r="6254" spans="2:14" x14ac:dyDescent="0.3">
      <c r="B6254">
        <f t="shared" si="698"/>
        <v>1</v>
      </c>
      <c r="C6254" s="16">
        <v>6220</v>
      </c>
      <c r="D6254" cm="1">
        <f t="array" ref="D6254">IFERROR(INDEX(Jesper!AH$2:AH$366,ROUNDDOWN($C6254/24,0)+1,1)*INDEX($D$3:$AA$30,INDEX(Jesper!$R$2:$R$366,ROW(INDEX(Jesper!AH$2:AH$366,ROUNDDOWN($C6254/24,0)+1,1))-1)+IF('Standard Profiles'!$G$18=$B$10,7,0)+IF('Standard Profiles'!$G$18=$B$17,14,0)+IF('Standard Profiles'!$G$18=$B$24,21,0),MOD($C6254,24)+1)/SUM(INDEX($D$3:$AA$30,INDEX(Jesper!$R$2:$R$366,ROW(INDEX(Jesper!AH$2:AH$366,ROUNDDOWN($C6254/24,0)+1,1))-1)+IF('Standard Profiles'!$G$18=$B$10,7,0)+IF('Standard Profiles'!$G$18=$B$17,14,0)+IF('Standard Profiles'!$G$18=$B$24,21,0),0)),0)</f>
        <v>2.4522429891733339</v>
      </c>
      <c r="E6254" cm="1">
        <f t="array" ref="E6254">IFERROR(INDEX(Jesper!AI$2:AI$366,ROUNDDOWN($C6254/24,0)+1,1)*INDEX($D$3:$AA$30,INDEX(Jesper!$R$2:$R$366,ROW(INDEX(Jesper!AI$2:AI$366,ROUNDDOWN($C6254/24,0)+1,1))-1)+IF('Standard Profiles'!$G$19=$B$10,7,0)+IF('Standard Profiles'!$G$19=$B$17,14,0)+IF('Standard Profiles'!$G$19=$B$24,21,0),MOD($C6254,24)+1)/SUM(INDEX($D$3:$AA$30,INDEX(Jesper!$R$2:$R$366,ROW(INDEX(Jesper!AI$2:AI$366,ROUNDDOWN($C6254/24,0)+1,1))-1)+IF('Standard Profiles'!$G$19=$B$10,7,0)+IF('Standard Profiles'!$G$19=$B$17,14,0)+IF('Standard Profiles'!$G$19=$B$24,21,0),0)),0)</f>
        <v>0</v>
      </c>
      <c r="F6254" cm="1">
        <f t="array" ref="F6254">IFERROR(INDEX(Jesper!AJ$2:AJ$366,ROUNDDOWN($C6254/24,0)+1,1)*INDEX($D$3:$AA$30,INDEX(Jesper!$R$2:$R$366,ROW(INDEX(Jesper!AJ$2:AJ$366,ROUNDDOWN($C6254/24,0)+1,1))-1)+IF('Standard Profiles'!$G$20=$B$10,7,0)+IF('Standard Profiles'!$G$20=$B$17,14,0)+IF('Standard Profiles'!$G$20=$B$24,21,0),MOD($C6254,24)+1)/SUM(INDEX($D$3:$AA$30,INDEX(Jesper!$R$2:$R$366,ROW(INDEX(Jesper!AJ$2:AJ$366,ROUNDDOWN($C6254/24,0)+1,1))-1)+IF('Standard Profiles'!$G$20=$B$10,7,0)+IF('Standard Profiles'!$G$20=$B$17,14,0)+IF('Standard Profiles'!$G$20=$B$24,21,0),0)),0)</f>
        <v>0</v>
      </c>
      <c r="G6254" cm="1">
        <f t="array" ref="G6254">IFERROR(INDEX(Jesper!AK$2:AK$366,ROUNDDOWN($C6254/24,0)+1,1)*INDEX($D$3:$AA$30,INDEX(Jesper!$R$2:$R$366,ROW(INDEX(Jesper!AK$2:AK$366,ROUNDDOWN($C6254/24,0)+1,1))-1)+IF('Standard Profiles'!$G$21=$B$10,7,0)+IF('Standard Profiles'!$G$21=$B$17,14,0)+IF('Standard Profiles'!$G$21=$B$24,21,0),MOD($C6254,24)+1)/SUM(INDEX($D$3:$AA$30,INDEX(Jesper!$R$2:$R$366,ROW(INDEX(Jesper!AK$2:AK$366,ROUNDDOWN($C6254/24,0)+1,1))-1)+IF('Standard Profiles'!$G$21=$B$10,7,0)+IF('Standard Profiles'!$G$21=$B$17,14,0)+IF('Standard Profiles'!$G$21=$B$24,21,0),0)),0)</f>
        <v>0</v>
      </c>
      <c r="H6254" cm="1">
        <f t="array" ref="H6254">IFERROR(INDEX(Jesper!AL$2:AL$366,ROUNDDOWN($C6254/24,0)+1,1)*INDEX($D$3:$AA$30,INDEX(Jesper!$R$2:$R$366,ROW(INDEX(Jesper!AL$2:AL$366,ROUNDDOWN($C6254/24,0)+1,1))-1)+IF('Standard Profiles'!$G$22=$B$10,7,0)+IF('Standard Profiles'!$G$22=$B$17,14,0)+IF('Standard Profiles'!$G$22=$B$24,21,0),MOD($C6254,24)+1)/SUM(INDEX($D$3:$AA$30,INDEX(Jesper!$R$2:$R$366,ROW(INDEX(Jesper!AL$2:AL$366,ROUNDDOWN($C6254/24,0)+1,1))-1)+IF('Standard Profiles'!$G$22=$B$10,7,0)+IF('Standard Profiles'!$G$22=$B$17,14,0)+IF('Standard Profiles'!$G$22=$B$24,21,0),0)),0)</f>
        <v>0</v>
      </c>
      <c r="I6254">
        <f t="shared" si="699"/>
        <v>7.3567289675200015E-2</v>
      </c>
      <c r="J6254">
        <f t="shared" si="700"/>
        <v>0.24522429891733341</v>
      </c>
      <c r="K6254">
        <f t="shared" si="701"/>
        <v>0.3678364483760001</v>
      </c>
      <c r="L6254">
        <f t="shared" si="702"/>
        <v>1.7656149522048004</v>
      </c>
      <c r="M6254">
        <f t="shared" si="703"/>
        <v>0</v>
      </c>
      <c r="N6254" s="46">
        <f t="shared" si="704"/>
        <v>45551.166666651581</v>
      </c>
    </row>
    <row r="6255" spans="2:14" x14ac:dyDescent="0.3">
      <c r="B6255">
        <f t="shared" si="698"/>
        <v>1</v>
      </c>
      <c r="C6255" s="16">
        <v>6221</v>
      </c>
      <c r="D6255" cm="1">
        <f t="array" ref="D6255">IFERROR(INDEX(Jesper!AH$2:AH$366,ROUNDDOWN($C6255/24,0)+1,1)*INDEX($D$3:$AA$30,INDEX(Jesper!$R$2:$R$366,ROW(INDEX(Jesper!AH$2:AH$366,ROUNDDOWN($C6255/24,0)+1,1))-1)+IF('Standard Profiles'!$G$18=$B$10,7,0)+IF('Standard Profiles'!$G$18=$B$17,14,0)+IF('Standard Profiles'!$G$18=$B$24,21,0),MOD($C6255,24)+1)/SUM(INDEX($D$3:$AA$30,INDEX(Jesper!$R$2:$R$366,ROW(INDEX(Jesper!AH$2:AH$366,ROUNDDOWN($C6255/24,0)+1,1))-1)+IF('Standard Profiles'!$G$18=$B$10,7,0)+IF('Standard Profiles'!$G$18=$B$17,14,0)+IF('Standard Profiles'!$G$18=$B$24,21,0),0)),0)</f>
        <v>10.626386286417782</v>
      </c>
      <c r="E6255" cm="1">
        <f t="array" ref="E6255">IFERROR(INDEX(Jesper!AI$2:AI$366,ROUNDDOWN($C6255/24,0)+1,1)*INDEX($D$3:$AA$30,INDEX(Jesper!$R$2:$R$366,ROW(INDEX(Jesper!AI$2:AI$366,ROUNDDOWN($C6255/24,0)+1,1))-1)+IF('Standard Profiles'!$G$19=$B$10,7,0)+IF('Standard Profiles'!$G$19=$B$17,14,0)+IF('Standard Profiles'!$G$19=$B$24,21,0),MOD($C6255,24)+1)/SUM(INDEX($D$3:$AA$30,INDEX(Jesper!$R$2:$R$366,ROW(INDEX(Jesper!AI$2:AI$366,ROUNDDOWN($C6255/24,0)+1,1))-1)+IF('Standard Profiles'!$G$19=$B$10,7,0)+IF('Standard Profiles'!$G$19=$B$17,14,0)+IF('Standard Profiles'!$G$19=$B$24,21,0),0)),0)</f>
        <v>0</v>
      </c>
      <c r="F6255" cm="1">
        <f t="array" ref="F6255">IFERROR(INDEX(Jesper!AJ$2:AJ$366,ROUNDDOWN($C6255/24,0)+1,1)*INDEX($D$3:$AA$30,INDEX(Jesper!$R$2:$R$366,ROW(INDEX(Jesper!AJ$2:AJ$366,ROUNDDOWN($C6255/24,0)+1,1))-1)+IF('Standard Profiles'!$G$20=$B$10,7,0)+IF('Standard Profiles'!$G$20=$B$17,14,0)+IF('Standard Profiles'!$G$20=$B$24,21,0),MOD($C6255,24)+1)/SUM(INDEX($D$3:$AA$30,INDEX(Jesper!$R$2:$R$366,ROW(INDEX(Jesper!AJ$2:AJ$366,ROUNDDOWN($C6255/24,0)+1,1))-1)+IF('Standard Profiles'!$G$20=$B$10,7,0)+IF('Standard Profiles'!$G$20=$B$17,14,0)+IF('Standard Profiles'!$G$20=$B$24,21,0),0)),0)</f>
        <v>0</v>
      </c>
      <c r="G6255" cm="1">
        <f t="array" ref="G6255">IFERROR(INDEX(Jesper!AK$2:AK$366,ROUNDDOWN($C6255/24,0)+1,1)*INDEX($D$3:$AA$30,INDEX(Jesper!$R$2:$R$366,ROW(INDEX(Jesper!AK$2:AK$366,ROUNDDOWN($C6255/24,0)+1,1))-1)+IF('Standard Profiles'!$G$21=$B$10,7,0)+IF('Standard Profiles'!$G$21=$B$17,14,0)+IF('Standard Profiles'!$G$21=$B$24,21,0),MOD($C6255,24)+1)/SUM(INDEX($D$3:$AA$30,INDEX(Jesper!$R$2:$R$366,ROW(INDEX(Jesper!AK$2:AK$366,ROUNDDOWN($C6255/24,0)+1,1))-1)+IF('Standard Profiles'!$G$21=$B$10,7,0)+IF('Standard Profiles'!$G$21=$B$17,14,0)+IF('Standard Profiles'!$G$21=$B$24,21,0),0)),0)</f>
        <v>0</v>
      </c>
      <c r="H6255" cm="1">
        <f t="array" ref="H6255">IFERROR(INDEX(Jesper!AL$2:AL$366,ROUNDDOWN($C6255/24,0)+1,1)*INDEX($D$3:$AA$30,INDEX(Jesper!$R$2:$R$366,ROW(INDEX(Jesper!AL$2:AL$366,ROUNDDOWN($C6255/24,0)+1,1))-1)+IF('Standard Profiles'!$G$22=$B$10,7,0)+IF('Standard Profiles'!$G$22=$B$17,14,0)+IF('Standard Profiles'!$G$22=$B$24,21,0),MOD($C6255,24)+1)/SUM(INDEX($D$3:$AA$30,INDEX(Jesper!$R$2:$R$366,ROW(INDEX(Jesper!AL$2:AL$366,ROUNDDOWN($C6255/24,0)+1,1))-1)+IF('Standard Profiles'!$G$22=$B$10,7,0)+IF('Standard Profiles'!$G$22=$B$17,14,0)+IF('Standard Profiles'!$G$22=$B$24,21,0),0)),0)</f>
        <v>0</v>
      </c>
      <c r="I6255">
        <f t="shared" si="699"/>
        <v>0.31879158859253343</v>
      </c>
      <c r="J6255">
        <f t="shared" si="700"/>
        <v>1.0626386286417782</v>
      </c>
      <c r="K6255">
        <f t="shared" si="701"/>
        <v>1.5939579429626674</v>
      </c>
      <c r="L6255">
        <f t="shared" si="702"/>
        <v>7.6509981262208031</v>
      </c>
      <c r="M6255">
        <f t="shared" si="703"/>
        <v>0</v>
      </c>
      <c r="N6255" s="46">
        <f t="shared" si="704"/>
        <v>45551.208333318245</v>
      </c>
    </row>
    <row r="6256" spans="2:14" x14ac:dyDescent="0.3">
      <c r="B6256">
        <f t="shared" si="698"/>
        <v>1</v>
      </c>
      <c r="C6256" s="16">
        <v>6222</v>
      </c>
      <c r="D6256" cm="1">
        <f t="array" ref="D6256">IFERROR(INDEX(Jesper!AH$2:AH$366,ROUNDDOWN($C6256/24,0)+1,1)*INDEX($D$3:$AA$30,INDEX(Jesper!$R$2:$R$366,ROW(INDEX(Jesper!AH$2:AH$366,ROUNDDOWN($C6256/24,0)+1,1))-1)+IF('Standard Profiles'!$G$18=$B$10,7,0)+IF('Standard Profiles'!$G$18=$B$17,14,0)+IF('Standard Profiles'!$G$18=$B$24,21,0),MOD($C6256,24)+1)/SUM(INDEX($D$3:$AA$30,INDEX(Jesper!$R$2:$R$366,ROW(INDEX(Jesper!AH$2:AH$366,ROUNDDOWN($C6256/24,0)+1,1))-1)+IF('Standard Profiles'!$G$18=$B$10,7,0)+IF('Standard Profiles'!$G$18=$B$17,14,0)+IF('Standard Profiles'!$G$18=$B$24,21,0),0)),0)</f>
        <v>12.05686136343556</v>
      </c>
      <c r="E6256" cm="1">
        <f t="array" ref="E6256">IFERROR(INDEX(Jesper!AI$2:AI$366,ROUNDDOWN($C6256/24,0)+1,1)*INDEX($D$3:$AA$30,INDEX(Jesper!$R$2:$R$366,ROW(INDEX(Jesper!AI$2:AI$366,ROUNDDOWN($C6256/24,0)+1,1))-1)+IF('Standard Profiles'!$G$19=$B$10,7,0)+IF('Standard Profiles'!$G$19=$B$17,14,0)+IF('Standard Profiles'!$G$19=$B$24,21,0),MOD($C6256,24)+1)/SUM(INDEX($D$3:$AA$30,INDEX(Jesper!$R$2:$R$366,ROW(INDEX(Jesper!AI$2:AI$366,ROUNDDOWN($C6256/24,0)+1,1))-1)+IF('Standard Profiles'!$G$19=$B$10,7,0)+IF('Standard Profiles'!$G$19=$B$17,14,0)+IF('Standard Profiles'!$G$19=$B$24,21,0),0)),0)</f>
        <v>0</v>
      </c>
      <c r="F6256" cm="1">
        <f t="array" ref="F6256">IFERROR(INDEX(Jesper!AJ$2:AJ$366,ROUNDDOWN($C6256/24,0)+1,1)*INDEX($D$3:$AA$30,INDEX(Jesper!$R$2:$R$366,ROW(INDEX(Jesper!AJ$2:AJ$366,ROUNDDOWN($C6256/24,0)+1,1))-1)+IF('Standard Profiles'!$G$20=$B$10,7,0)+IF('Standard Profiles'!$G$20=$B$17,14,0)+IF('Standard Profiles'!$G$20=$B$24,21,0),MOD($C6256,24)+1)/SUM(INDEX($D$3:$AA$30,INDEX(Jesper!$R$2:$R$366,ROW(INDEX(Jesper!AJ$2:AJ$366,ROUNDDOWN($C6256/24,0)+1,1))-1)+IF('Standard Profiles'!$G$20=$B$10,7,0)+IF('Standard Profiles'!$G$20=$B$17,14,0)+IF('Standard Profiles'!$G$20=$B$24,21,0),0)),0)</f>
        <v>0</v>
      </c>
      <c r="G6256" cm="1">
        <f t="array" ref="G6256">IFERROR(INDEX(Jesper!AK$2:AK$366,ROUNDDOWN($C6256/24,0)+1,1)*INDEX($D$3:$AA$30,INDEX(Jesper!$R$2:$R$366,ROW(INDEX(Jesper!AK$2:AK$366,ROUNDDOWN($C6256/24,0)+1,1))-1)+IF('Standard Profiles'!$G$21=$B$10,7,0)+IF('Standard Profiles'!$G$21=$B$17,14,0)+IF('Standard Profiles'!$G$21=$B$24,21,0),MOD($C6256,24)+1)/SUM(INDEX($D$3:$AA$30,INDEX(Jesper!$R$2:$R$366,ROW(INDEX(Jesper!AK$2:AK$366,ROUNDDOWN($C6256/24,0)+1,1))-1)+IF('Standard Profiles'!$G$21=$B$10,7,0)+IF('Standard Profiles'!$G$21=$B$17,14,0)+IF('Standard Profiles'!$G$21=$B$24,21,0),0)),0)</f>
        <v>0</v>
      </c>
      <c r="H6256" cm="1">
        <f t="array" ref="H6256">IFERROR(INDEX(Jesper!AL$2:AL$366,ROUNDDOWN($C6256/24,0)+1,1)*INDEX($D$3:$AA$30,INDEX(Jesper!$R$2:$R$366,ROW(INDEX(Jesper!AL$2:AL$366,ROUNDDOWN($C6256/24,0)+1,1))-1)+IF('Standard Profiles'!$G$22=$B$10,7,0)+IF('Standard Profiles'!$G$22=$B$17,14,0)+IF('Standard Profiles'!$G$22=$B$24,21,0),MOD($C6256,24)+1)/SUM(INDEX($D$3:$AA$30,INDEX(Jesper!$R$2:$R$366,ROW(INDEX(Jesper!AL$2:AL$366,ROUNDDOWN($C6256/24,0)+1,1))-1)+IF('Standard Profiles'!$G$22=$B$10,7,0)+IF('Standard Profiles'!$G$22=$B$17,14,0)+IF('Standard Profiles'!$G$22=$B$24,21,0),0)),0)</f>
        <v>0</v>
      </c>
      <c r="I6256">
        <f t="shared" si="699"/>
        <v>0.36170584090306679</v>
      </c>
      <c r="J6256">
        <f t="shared" si="700"/>
        <v>1.205686136343556</v>
      </c>
      <c r="K6256">
        <f t="shared" si="701"/>
        <v>1.8085292045153341</v>
      </c>
      <c r="L6256">
        <f t="shared" si="702"/>
        <v>8.6809401816736038</v>
      </c>
      <c r="M6256">
        <f t="shared" si="703"/>
        <v>0</v>
      </c>
      <c r="N6256" s="46">
        <f t="shared" si="704"/>
        <v>45551.24999998491</v>
      </c>
    </row>
    <row r="6257" spans="2:14" x14ac:dyDescent="0.3">
      <c r="B6257">
        <f t="shared" si="698"/>
        <v>1</v>
      </c>
      <c r="C6257" s="16">
        <v>6223</v>
      </c>
      <c r="D6257" cm="1">
        <f t="array" ref="D6257">IFERROR(INDEX(Jesper!AH$2:AH$366,ROUNDDOWN($C6257/24,0)+1,1)*INDEX($D$3:$AA$30,INDEX(Jesper!$R$2:$R$366,ROW(INDEX(Jesper!AH$2:AH$366,ROUNDDOWN($C6257/24,0)+1,1))-1)+IF('Standard Profiles'!$G$18=$B$10,7,0)+IF('Standard Profiles'!$G$18=$B$17,14,0)+IF('Standard Profiles'!$G$18=$B$24,21,0),MOD($C6257,24)+1)/SUM(INDEX($D$3:$AA$30,INDEX(Jesper!$R$2:$R$366,ROW(INDEX(Jesper!AH$2:AH$366,ROUNDDOWN($C6257/24,0)+1,1))-1)+IF('Standard Profiles'!$G$18=$B$10,7,0)+IF('Standard Profiles'!$G$18=$B$17,14,0)+IF('Standard Profiles'!$G$18=$B$24,21,0),0)),0)</f>
        <v>12.05686136343556</v>
      </c>
      <c r="E6257" cm="1">
        <f t="array" ref="E6257">IFERROR(INDEX(Jesper!AI$2:AI$366,ROUNDDOWN($C6257/24,0)+1,1)*INDEX($D$3:$AA$30,INDEX(Jesper!$R$2:$R$366,ROW(INDEX(Jesper!AI$2:AI$366,ROUNDDOWN($C6257/24,0)+1,1))-1)+IF('Standard Profiles'!$G$19=$B$10,7,0)+IF('Standard Profiles'!$G$19=$B$17,14,0)+IF('Standard Profiles'!$G$19=$B$24,21,0),MOD($C6257,24)+1)/SUM(INDEX($D$3:$AA$30,INDEX(Jesper!$R$2:$R$366,ROW(INDEX(Jesper!AI$2:AI$366,ROUNDDOWN($C6257/24,0)+1,1))-1)+IF('Standard Profiles'!$G$19=$B$10,7,0)+IF('Standard Profiles'!$G$19=$B$17,14,0)+IF('Standard Profiles'!$G$19=$B$24,21,0),0)),0)</f>
        <v>0</v>
      </c>
      <c r="F6257" cm="1">
        <f t="array" ref="F6257">IFERROR(INDEX(Jesper!AJ$2:AJ$366,ROUNDDOWN($C6257/24,0)+1,1)*INDEX($D$3:$AA$30,INDEX(Jesper!$R$2:$R$366,ROW(INDEX(Jesper!AJ$2:AJ$366,ROUNDDOWN($C6257/24,0)+1,1))-1)+IF('Standard Profiles'!$G$20=$B$10,7,0)+IF('Standard Profiles'!$G$20=$B$17,14,0)+IF('Standard Profiles'!$G$20=$B$24,21,0),MOD($C6257,24)+1)/SUM(INDEX($D$3:$AA$30,INDEX(Jesper!$R$2:$R$366,ROW(INDEX(Jesper!AJ$2:AJ$366,ROUNDDOWN($C6257/24,0)+1,1))-1)+IF('Standard Profiles'!$G$20=$B$10,7,0)+IF('Standard Profiles'!$G$20=$B$17,14,0)+IF('Standard Profiles'!$G$20=$B$24,21,0),0)),0)</f>
        <v>0</v>
      </c>
      <c r="G6257" cm="1">
        <f t="array" ref="G6257">IFERROR(INDEX(Jesper!AK$2:AK$366,ROUNDDOWN($C6257/24,0)+1,1)*INDEX($D$3:$AA$30,INDEX(Jesper!$R$2:$R$366,ROW(INDEX(Jesper!AK$2:AK$366,ROUNDDOWN($C6257/24,0)+1,1))-1)+IF('Standard Profiles'!$G$21=$B$10,7,0)+IF('Standard Profiles'!$G$21=$B$17,14,0)+IF('Standard Profiles'!$G$21=$B$24,21,0),MOD($C6257,24)+1)/SUM(INDEX($D$3:$AA$30,INDEX(Jesper!$R$2:$R$366,ROW(INDEX(Jesper!AK$2:AK$366,ROUNDDOWN($C6257/24,0)+1,1))-1)+IF('Standard Profiles'!$G$21=$B$10,7,0)+IF('Standard Profiles'!$G$21=$B$17,14,0)+IF('Standard Profiles'!$G$21=$B$24,21,0),0)),0)</f>
        <v>0</v>
      </c>
      <c r="H6257" cm="1">
        <f t="array" ref="H6257">IFERROR(INDEX(Jesper!AL$2:AL$366,ROUNDDOWN($C6257/24,0)+1,1)*INDEX($D$3:$AA$30,INDEX(Jesper!$R$2:$R$366,ROW(INDEX(Jesper!AL$2:AL$366,ROUNDDOWN($C6257/24,0)+1,1))-1)+IF('Standard Profiles'!$G$22=$B$10,7,0)+IF('Standard Profiles'!$G$22=$B$17,14,0)+IF('Standard Profiles'!$G$22=$B$24,21,0),MOD($C6257,24)+1)/SUM(INDEX($D$3:$AA$30,INDEX(Jesper!$R$2:$R$366,ROW(INDEX(Jesper!AL$2:AL$366,ROUNDDOWN($C6257/24,0)+1,1))-1)+IF('Standard Profiles'!$G$22=$B$10,7,0)+IF('Standard Profiles'!$G$22=$B$17,14,0)+IF('Standard Profiles'!$G$22=$B$24,21,0),0)),0)</f>
        <v>0</v>
      </c>
      <c r="I6257">
        <f t="shared" si="699"/>
        <v>0.36170584090306679</v>
      </c>
      <c r="J6257">
        <f t="shared" si="700"/>
        <v>1.205686136343556</v>
      </c>
      <c r="K6257">
        <f t="shared" si="701"/>
        <v>1.8085292045153341</v>
      </c>
      <c r="L6257">
        <f t="shared" si="702"/>
        <v>8.6809401816736038</v>
      </c>
      <c r="M6257">
        <f t="shared" si="703"/>
        <v>0</v>
      </c>
      <c r="N6257" s="46">
        <f t="shared" si="704"/>
        <v>45551.291666651574</v>
      </c>
    </row>
    <row r="6258" spans="2:14" x14ac:dyDescent="0.3">
      <c r="B6258">
        <f t="shared" si="698"/>
        <v>1</v>
      </c>
      <c r="C6258" s="16">
        <v>6224</v>
      </c>
      <c r="D6258" cm="1">
        <f t="array" ref="D6258">IFERROR(INDEX(Jesper!AH$2:AH$366,ROUNDDOWN($C6258/24,0)+1,1)*INDEX($D$3:$AA$30,INDEX(Jesper!$R$2:$R$366,ROW(INDEX(Jesper!AH$2:AH$366,ROUNDDOWN($C6258/24,0)+1,1))-1)+IF('Standard Profiles'!$G$18=$B$10,7,0)+IF('Standard Profiles'!$G$18=$B$17,14,0)+IF('Standard Profiles'!$G$18=$B$24,21,0),MOD($C6258,24)+1)/SUM(INDEX($D$3:$AA$30,INDEX(Jesper!$R$2:$R$366,ROW(INDEX(Jesper!AH$2:AH$366,ROUNDDOWN($C6258/24,0)+1,1))-1)+IF('Standard Profiles'!$G$18=$B$10,7,0)+IF('Standard Profiles'!$G$18=$B$17,14,0)+IF('Standard Profiles'!$G$18=$B$24,21,0),0)),0)</f>
        <v>12.05686136343556</v>
      </c>
      <c r="E6258" cm="1">
        <f t="array" ref="E6258">IFERROR(INDEX(Jesper!AI$2:AI$366,ROUNDDOWN($C6258/24,0)+1,1)*INDEX($D$3:$AA$30,INDEX(Jesper!$R$2:$R$366,ROW(INDEX(Jesper!AI$2:AI$366,ROUNDDOWN($C6258/24,0)+1,1))-1)+IF('Standard Profiles'!$G$19=$B$10,7,0)+IF('Standard Profiles'!$G$19=$B$17,14,0)+IF('Standard Profiles'!$G$19=$B$24,21,0),MOD($C6258,24)+1)/SUM(INDEX($D$3:$AA$30,INDEX(Jesper!$R$2:$R$366,ROW(INDEX(Jesper!AI$2:AI$366,ROUNDDOWN($C6258/24,0)+1,1))-1)+IF('Standard Profiles'!$G$19=$B$10,7,0)+IF('Standard Profiles'!$G$19=$B$17,14,0)+IF('Standard Profiles'!$G$19=$B$24,21,0),0)),0)</f>
        <v>0</v>
      </c>
      <c r="F6258" cm="1">
        <f t="array" ref="F6258">IFERROR(INDEX(Jesper!AJ$2:AJ$366,ROUNDDOWN($C6258/24,0)+1,1)*INDEX($D$3:$AA$30,INDEX(Jesper!$R$2:$R$366,ROW(INDEX(Jesper!AJ$2:AJ$366,ROUNDDOWN($C6258/24,0)+1,1))-1)+IF('Standard Profiles'!$G$20=$B$10,7,0)+IF('Standard Profiles'!$G$20=$B$17,14,0)+IF('Standard Profiles'!$G$20=$B$24,21,0),MOD($C6258,24)+1)/SUM(INDEX($D$3:$AA$30,INDEX(Jesper!$R$2:$R$366,ROW(INDEX(Jesper!AJ$2:AJ$366,ROUNDDOWN($C6258/24,0)+1,1))-1)+IF('Standard Profiles'!$G$20=$B$10,7,0)+IF('Standard Profiles'!$G$20=$B$17,14,0)+IF('Standard Profiles'!$G$20=$B$24,21,0),0)),0)</f>
        <v>0</v>
      </c>
      <c r="G6258" cm="1">
        <f t="array" ref="G6258">IFERROR(INDEX(Jesper!AK$2:AK$366,ROUNDDOWN($C6258/24,0)+1,1)*INDEX($D$3:$AA$30,INDEX(Jesper!$R$2:$R$366,ROW(INDEX(Jesper!AK$2:AK$366,ROUNDDOWN($C6258/24,0)+1,1))-1)+IF('Standard Profiles'!$G$21=$B$10,7,0)+IF('Standard Profiles'!$G$21=$B$17,14,0)+IF('Standard Profiles'!$G$21=$B$24,21,0),MOD($C6258,24)+1)/SUM(INDEX($D$3:$AA$30,INDEX(Jesper!$R$2:$R$366,ROW(INDEX(Jesper!AK$2:AK$366,ROUNDDOWN($C6258/24,0)+1,1))-1)+IF('Standard Profiles'!$G$21=$B$10,7,0)+IF('Standard Profiles'!$G$21=$B$17,14,0)+IF('Standard Profiles'!$G$21=$B$24,21,0),0)),0)</f>
        <v>0</v>
      </c>
      <c r="H6258" cm="1">
        <f t="array" ref="H6258">IFERROR(INDEX(Jesper!AL$2:AL$366,ROUNDDOWN($C6258/24,0)+1,1)*INDEX($D$3:$AA$30,INDEX(Jesper!$R$2:$R$366,ROW(INDEX(Jesper!AL$2:AL$366,ROUNDDOWN($C6258/24,0)+1,1))-1)+IF('Standard Profiles'!$G$22=$B$10,7,0)+IF('Standard Profiles'!$G$22=$B$17,14,0)+IF('Standard Profiles'!$G$22=$B$24,21,0),MOD($C6258,24)+1)/SUM(INDEX($D$3:$AA$30,INDEX(Jesper!$R$2:$R$366,ROW(INDEX(Jesper!AL$2:AL$366,ROUNDDOWN($C6258/24,0)+1,1))-1)+IF('Standard Profiles'!$G$22=$B$10,7,0)+IF('Standard Profiles'!$G$22=$B$17,14,0)+IF('Standard Profiles'!$G$22=$B$24,21,0),0)),0)</f>
        <v>0</v>
      </c>
      <c r="I6258">
        <f t="shared" si="699"/>
        <v>0.36170584090306679</v>
      </c>
      <c r="J6258">
        <f t="shared" si="700"/>
        <v>1.205686136343556</v>
      </c>
      <c r="K6258">
        <f t="shared" si="701"/>
        <v>1.8085292045153341</v>
      </c>
      <c r="L6258">
        <f t="shared" si="702"/>
        <v>8.6809401816736038</v>
      </c>
      <c r="M6258">
        <f t="shared" si="703"/>
        <v>0</v>
      </c>
      <c r="N6258" s="46">
        <f t="shared" si="704"/>
        <v>45551.333333318238</v>
      </c>
    </row>
    <row r="6259" spans="2:14" x14ac:dyDescent="0.3">
      <c r="B6259">
        <f t="shared" si="698"/>
        <v>1</v>
      </c>
      <c r="C6259" s="16">
        <v>6225</v>
      </c>
      <c r="D6259" cm="1">
        <f t="array" ref="D6259">IFERROR(INDEX(Jesper!AH$2:AH$366,ROUNDDOWN($C6259/24,0)+1,1)*INDEX($D$3:$AA$30,INDEX(Jesper!$R$2:$R$366,ROW(INDEX(Jesper!AH$2:AH$366,ROUNDDOWN($C6259/24,0)+1,1))-1)+IF('Standard Profiles'!$G$18=$B$10,7,0)+IF('Standard Profiles'!$G$18=$B$17,14,0)+IF('Standard Profiles'!$G$18=$B$24,21,0),MOD($C6259,24)+1)/SUM(INDEX($D$3:$AA$30,INDEX(Jesper!$R$2:$R$366,ROW(INDEX(Jesper!AH$2:AH$366,ROUNDDOWN($C6259/24,0)+1,1))-1)+IF('Standard Profiles'!$G$18=$B$10,7,0)+IF('Standard Profiles'!$G$18=$B$17,14,0)+IF('Standard Profiles'!$G$18=$B$24,21,0),0)),0)</f>
        <v>12.874275693160005</v>
      </c>
      <c r="E6259" cm="1">
        <f t="array" ref="E6259">IFERROR(INDEX(Jesper!AI$2:AI$366,ROUNDDOWN($C6259/24,0)+1,1)*INDEX($D$3:$AA$30,INDEX(Jesper!$R$2:$R$366,ROW(INDEX(Jesper!AI$2:AI$366,ROUNDDOWN($C6259/24,0)+1,1))-1)+IF('Standard Profiles'!$G$19=$B$10,7,0)+IF('Standard Profiles'!$G$19=$B$17,14,0)+IF('Standard Profiles'!$G$19=$B$24,21,0),MOD($C6259,24)+1)/SUM(INDEX($D$3:$AA$30,INDEX(Jesper!$R$2:$R$366,ROW(INDEX(Jesper!AI$2:AI$366,ROUNDDOWN($C6259/24,0)+1,1))-1)+IF('Standard Profiles'!$G$19=$B$10,7,0)+IF('Standard Profiles'!$G$19=$B$17,14,0)+IF('Standard Profiles'!$G$19=$B$24,21,0),0)),0)</f>
        <v>0</v>
      </c>
      <c r="F6259" cm="1">
        <f t="array" ref="F6259">IFERROR(INDEX(Jesper!AJ$2:AJ$366,ROUNDDOWN($C6259/24,0)+1,1)*INDEX($D$3:$AA$30,INDEX(Jesper!$R$2:$R$366,ROW(INDEX(Jesper!AJ$2:AJ$366,ROUNDDOWN($C6259/24,0)+1,1))-1)+IF('Standard Profiles'!$G$20=$B$10,7,0)+IF('Standard Profiles'!$G$20=$B$17,14,0)+IF('Standard Profiles'!$G$20=$B$24,21,0),MOD($C6259,24)+1)/SUM(INDEX($D$3:$AA$30,INDEX(Jesper!$R$2:$R$366,ROW(INDEX(Jesper!AJ$2:AJ$366,ROUNDDOWN($C6259/24,0)+1,1))-1)+IF('Standard Profiles'!$G$20=$B$10,7,0)+IF('Standard Profiles'!$G$20=$B$17,14,0)+IF('Standard Profiles'!$G$20=$B$24,21,0),0)),0)</f>
        <v>0</v>
      </c>
      <c r="G6259" cm="1">
        <f t="array" ref="G6259">IFERROR(INDEX(Jesper!AK$2:AK$366,ROUNDDOWN($C6259/24,0)+1,1)*INDEX($D$3:$AA$30,INDEX(Jesper!$R$2:$R$366,ROW(INDEX(Jesper!AK$2:AK$366,ROUNDDOWN($C6259/24,0)+1,1))-1)+IF('Standard Profiles'!$G$21=$B$10,7,0)+IF('Standard Profiles'!$G$21=$B$17,14,0)+IF('Standard Profiles'!$G$21=$B$24,21,0),MOD($C6259,24)+1)/SUM(INDEX($D$3:$AA$30,INDEX(Jesper!$R$2:$R$366,ROW(INDEX(Jesper!AK$2:AK$366,ROUNDDOWN($C6259/24,0)+1,1))-1)+IF('Standard Profiles'!$G$21=$B$10,7,0)+IF('Standard Profiles'!$G$21=$B$17,14,0)+IF('Standard Profiles'!$G$21=$B$24,21,0),0)),0)</f>
        <v>0</v>
      </c>
      <c r="H6259" cm="1">
        <f t="array" ref="H6259">IFERROR(INDEX(Jesper!AL$2:AL$366,ROUNDDOWN($C6259/24,0)+1,1)*INDEX($D$3:$AA$30,INDEX(Jesper!$R$2:$R$366,ROW(INDEX(Jesper!AL$2:AL$366,ROUNDDOWN($C6259/24,0)+1,1))-1)+IF('Standard Profiles'!$G$22=$B$10,7,0)+IF('Standard Profiles'!$G$22=$B$17,14,0)+IF('Standard Profiles'!$G$22=$B$24,21,0),MOD($C6259,24)+1)/SUM(INDEX($D$3:$AA$30,INDEX(Jesper!$R$2:$R$366,ROW(INDEX(Jesper!AL$2:AL$366,ROUNDDOWN($C6259/24,0)+1,1))-1)+IF('Standard Profiles'!$G$22=$B$10,7,0)+IF('Standard Profiles'!$G$22=$B$17,14,0)+IF('Standard Profiles'!$G$22=$B$24,21,0),0)),0)</f>
        <v>0</v>
      </c>
      <c r="I6259">
        <f t="shared" si="699"/>
        <v>0.38622827079480015</v>
      </c>
      <c r="J6259">
        <f t="shared" si="700"/>
        <v>1.2874275693160007</v>
      </c>
      <c r="K6259">
        <f t="shared" si="701"/>
        <v>1.9311413539740006</v>
      </c>
      <c r="L6259">
        <f t="shared" si="702"/>
        <v>9.2694784990752037</v>
      </c>
      <c r="M6259">
        <f t="shared" si="703"/>
        <v>0</v>
      </c>
      <c r="N6259" s="46">
        <f t="shared" si="704"/>
        <v>45551.374999984902</v>
      </c>
    </row>
    <row r="6260" spans="2:14" x14ac:dyDescent="0.3">
      <c r="B6260">
        <f t="shared" si="698"/>
        <v>1</v>
      </c>
      <c r="C6260" s="16">
        <v>6226</v>
      </c>
      <c r="D6260" cm="1">
        <f t="array" ref="D6260">IFERROR(INDEX(Jesper!AH$2:AH$366,ROUNDDOWN($C6260/24,0)+1,1)*INDEX($D$3:$AA$30,INDEX(Jesper!$R$2:$R$366,ROW(INDEX(Jesper!AH$2:AH$366,ROUNDDOWN($C6260/24,0)+1,1))-1)+IF('Standard Profiles'!$G$18=$B$10,7,0)+IF('Standard Profiles'!$G$18=$B$17,14,0)+IF('Standard Profiles'!$G$18=$B$24,21,0),MOD($C6260,24)+1)/SUM(INDEX($D$3:$AA$30,INDEX(Jesper!$R$2:$R$366,ROW(INDEX(Jesper!AH$2:AH$366,ROUNDDOWN($C6260/24,0)+1,1))-1)+IF('Standard Profiles'!$G$18=$B$10,7,0)+IF('Standard Profiles'!$G$18=$B$17,14,0)+IF('Standard Profiles'!$G$18=$B$24,21,0),0)),0)</f>
        <v>12.874275693160005</v>
      </c>
      <c r="E6260" cm="1">
        <f t="array" ref="E6260">IFERROR(INDEX(Jesper!AI$2:AI$366,ROUNDDOWN($C6260/24,0)+1,1)*INDEX($D$3:$AA$30,INDEX(Jesper!$R$2:$R$366,ROW(INDEX(Jesper!AI$2:AI$366,ROUNDDOWN($C6260/24,0)+1,1))-1)+IF('Standard Profiles'!$G$19=$B$10,7,0)+IF('Standard Profiles'!$G$19=$B$17,14,0)+IF('Standard Profiles'!$G$19=$B$24,21,0),MOD($C6260,24)+1)/SUM(INDEX($D$3:$AA$30,INDEX(Jesper!$R$2:$R$366,ROW(INDEX(Jesper!AI$2:AI$366,ROUNDDOWN($C6260/24,0)+1,1))-1)+IF('Standard Profiles'!$G$19=$B$10,7,0)+IF('Standard Profiles'!$G$19=$B$17,14,0)+IF('Standard Profiles'!$G$19=$B$24,21,0),0)),0)</f>
        <v>0</v>
      </c>
      <c r="F6260" cm="1">
        <f t="array" ref="F6260">IFERROR(INDEX(Jesper!AJ$2:AJ$366,ROUNDDOWN($C6260/24,0)+1,1)*INDEX($D$3:$AA$30,INDEX(Jesper!$R$2:$R$366,ROW(INDEX(Jesper!AJ$2:AJ$366,ROUNDDOWN($C6260/24,0)+1,1))-1)+IF('Standard Profiles'!$G$20=$B$10,7,0)+IF('Standard Profiles'!$G$20=$B$17,14,0)+IF('Standard Profiles'!$G$20=$B$24,21,0),MOD($C6260,24)+1)/SUM(INDEX($D$3:$AA$30,INDEX(Jesper!$R$2:$R$366,ROW(INDEX(Jesper!AJ$2:AJ$366,ROUNDDOWN($C6260/24,0)+1,1))-1)+IF('Standard Profiles'!$G$20=$B$10,7,0)+IF('Standard Profiles'!$G$20=$B$17,14,0)+IF('Standard Profiles'!$G$20=$B$24,21,0),0)),0)</f>
        <v>0</v>
      </c>
      <c r="G6260" cm="1">
        <f t="array" ref="G6260">IFERROR(INDEX(Jesper!AK$2:AK$366,ROUNDDOWN($C6260/24,0)+1,1)*INDEX($D$3:$AA$30,INDEX(Jesper!$R$2:$R$366,ROW(INDEX(Jesper!AK$2:AK$366,ROUNDDOWN($C6260/24,0)+1,1))-1)+IF('Standard Profiles'!$G$21=$B$10,7,0)+IF('Standard Profiles'!$G$21=$B$17,14,0)+IF('Standard Profiles'!$G$21=$B$24,21,0),MOD($C6260,24)+1)/SUM(INDEX($D$3:$AA$30,INDEX(Jesper!$R$2:$R$366,ROW(INDEX(Jesper!AK$2:AK$366,ROUNDDOWN($C6260/24,0)+1,1))-1)+IF('Standard Profiles'!$G$21=$B$10,7,0)+IF('Standard Profiles'!$G$21=$B$17,14,0)+IF('Standard Profiles'!$G$21=$B$24,21,0),0)),0)</f>
        <v>0</v>
      </c>
      <c r="H6260" cm="1">
        <f t="array" ref="H6260">IFERROR(INDEX(Jesper!AL$2:AL$366,ROUNDDOWN($C6260/24,0)+1,1)*INDEX($D$3:$AA$30,INDEX(Jesper!$R$2:$R$366,ROW(INDEX(Jesper!AL$2:AL$366,ROUNDDOWN($C6260/24,0)+1,1))-1)+IF('Standard Profiles'!$G$22=$B$10,7,0)+IF('Standard Profiles'!$G$22=$B$17,14,0)+IF('Standard Profiles'!$G$22=$B$24,21,0),MOD($C6260,24)+1)/SUM(INDEX($D$3:$AA$30,INDEX(Jesper!$R$2:$R$366,ROW(INDEX(Jesper!AL$2:AL$366,ROUNDDOWN($C6260/24,0)+1,1))-1)+IF('Standard Profiles'!$G$22=$B$10,7,0)+IF('Standard Profiles'!$G$22=$B$17,14,0)+IF('Standard Profiles'!$G$22=$B$24,21,0),0)),0)</f>
        <v>0</v>
      </c>
      <c r="I6260">
        <f t="shared" si="699"/>
        <v>0.38622827079480015</v>
      </c>
      <c r="J6260">
        <f t="shared" si="700"/>
        <v>1.2874275693160007</v>
      </c>
      <c r="K6260">
        <f t="shared" si="701"/>
        <v>1.9311413539740006</v>
      </c>
      <c r="L6260">
        <f t="shared" si="702"/>
        <v>9.2694784990752037</v>
      </c>
      <c r="M6260">
        <f t="shared" si="703"/>
        <v>0</v>
      </c>
      <c r="N6260" s="46">
        <f t="shared" si="704"/>
        <v>45551.416666651567</v>
      </c>
    </row>
    <row r="6261" spans="2:14" x14ac:dyDescent="0.3">
      <c r="B6261">
        <f t="shared" si="698"/>
        <v>1</v>
      </c>
      <c r="C6261" s="16">
        <v>6227</v>
      </c>
      <c r="D6261" cm="1">
        <f t="array" ref="D6261">IFERROR(INDEX(Jesper!AH$2:AH$366,ROUNDDOWN($C6261/24,0)+1,1)*INDEX($D$3:$AA$30,INDEX(Jesper!$R$2:$R$366,ROW(INDEX(Jesper!AH$2:AH$366,ROUNDDOWN($C6261/24,0)+1,1))-1)+IF('Standard Profiles'!$G$18=$B$10,7,0)+IF('Standard Profiles'!$G$18=$B$17,14,0)+IF('Standard Profiles'!$G$18=$B$24,21,0),MOD($C6261,24)+1)/SUM(INDEX($D$3:$AA$30,INDEX(Jesper!$R$2:$R$366,ROW(INDEX(Jesper!AH$2:AH$366,ROUNDDOWN($C6261/24,0)+1,1))-1)+IF('Standard Profiles'!$G$18=$B$10,7,0)+IF('Standard Profiles'!$G$18=$B$17,14,0)+IF('Standard Profiles'!$G$18=$B$24,21,0),0)),0)</f>
        <v>16.348286594488894</v>
      </c>
      <c r="E6261" cm="1">
        <f t="array" ref="E6261">IFERROR(INDEX(Jesper!AI$2:AI$366,ROUNDDOWN($C6261/24,0)+1,1)*INDEX($D$3:$AA$30,INDEX(Jesper!$R$2:$R$366,ROW(INDEX(Jesper!AI$2:AI$366,ROUNDDOWN($C6261/24,0)+1,1))-1)+IF('Standard Profiles'!$G$19=$B$10,7,0)+IF('Standard Profiles'!$G$19=$B$17,14,0)+IF('Standard Profiles'!$G$19=$B$24,21,0),MOD($C6261,24)+1)/SUM(INDEX($D$3:$AA$30,INDEX(Jesper!$R$2:$R$366,ROW(INDEX(Jesper!AI$2:AI$366,ROUNDDOWN($C6261/24,0)+1,1))-1)+IF('Standard Profiles'!$G$19=$B$10,7,0)+IF('Standard Profiles'!$G$19=$B$17,14,0)+IF('Standard Profiles'!$G$19=$B$24,21,0),0)),0)</f>
        <v>0</v>
      </c>
      <c r="F6261" cm="1">
        <f t="array" ref="F6261">IFERROR(INDEX(Jesper!AJ$2:AJ$366,ROUNDDOWN($C6261/24,0)+1,1)*INDEX($D$3:$AA$30,INDEX(Jesper!$R$2:$R$366,ROW(INDEX(Jesper!AJ$2:AJ$366,ROUNDDOWN($C6261/24,0)+1,1))-1)+IF('Standard Profiles'!$G$20=$B$10,7,0)+IF('Standard Profiles'!$G$20=$B$17,14,0)+IF('Standard Profiles'!$G$20=$B$24,21,0),MOD($C6261,24)+1)/SUM(INDEX($D$3:$AA$30,INDEX(Jesper!$R$2:$R$366,ROW(INDEX(Jesper!AJ$2:AJ$366,ROUNDDOWN($C6261/24,0)+1,1))-1)+IF('Standard Profiles'!$G$20=$B$10,7,0)+IF('Standard Profiles'!$G$20=$B$17,14,0)+IF('Standard Profiles'!$G$20=$B$24,21,0),0)),0)</f>
        <v>0</v>
      </c>
      <c r="G6261" cm="1">
        <f t="array" ref="G6261">IFERROR(INDEX(Jesper!AK$2:AK$366,ROUNDDOWN($C6261/24,0)+1,1)*INDEX($D$3:$AA$30,INDEX(Jesper!$R$2:$R$366,ROW(INDEX(Jesper!AK$2:AK$366,ROUNDDOWN($C6261/24,0)+1,1))-1)+IF('Standard Profiles'!$G$21=$B$10,7,0)+IF('Standard Profiles'!$G$21=$B$17,14,0)+IF('Standard Profiles'!$G$21=$B$24,21,0),MOD($C6261,24)+1)/SUM(INDEX($D$3:$AA$30,INDEX(Jesper!$R$2:$R$366,ROW(INDEX(Jesper!AK$2:AK$366,ROUNDDOWN($C6261/24,0)+1,1))-1)+IF('Standard Profiles'!$G$21=$B$10,7,0)+IF('Standard Profiles'!$G$21=$B$17,14,0)+IF('Standard Profiles'!$G$21=$B$24,21,0),0)),0)</f>
        <v>0</v>
      </c>
      <c r="H6261" cm="1">
        <f t="array" ref="H6261">IFERROR(INDEX(Jesper!AL$2:AL$366,ROUNDDOWN($C6261/24,0)+1,1)*INDEX($D$3:$AA$30,INDEX(Jesper!$R$2:$R$366,ROW(INDEX(Jesper!AL$2:AL$366,ROUNDDOWN($C6261/24,0)+1,1))-1)+IF('Standard Profiles'!$G$22=$B$10,7,0)+IF('Standard Profiles'!$G$22=$B$17,14,0)+IF('Standard Profiles'!$G$22=$B$24,21,0),MOD($C6261,24)+1)/SUM(INDEX($D$3:$AA$30,INDEX(Jesper!$R$2:$R$366,ROW(INDEX(Jesper!AL$2:AL$366,ROUNDDOWN($C6261/24,0)+1,1))-1)+IF('Standard Profiles'!$G$22=$B$10,7,0)+IF('Standard Profiles'!$G$22=$B$17,14,0)+IF('Standard Profiles'!$G$22=$B$24,21,0),0)),0)</f>
        <v>0</v>
      </c>
      <c r="I6261">
        <f t="shared" si="699"/>
        <v>0.49044859783466677</v>
      </c>
      <c r="J6261">
        <f t="shared" si="700"/>
        <v>1.6348286594488894</v>
      </c>
      <c r="K6261">
        <f t="shared" si="701"/>
        <v>2.4522429891733339</v>
      </c>
      <c r="L6261">
        <f t="shared" si="702"/>
        <v>11.770766348032003</v>
      </c>
      <c r="M6261">
        <f t="shared" si="703"/>
        <v>0</v>
      </c>
      <c r="N6261" s="46">
        <f t="shared" si="704"/>
        <v>45551.458333318231</v>
      </c>
    </row>
    <row r="6262" spans="2:14" x14ac:dyDescent="0.3">
      <c r="B6262">
        <f t="shared" si="698"/>
        <v>1</v>
      </c>
      <c r="C6262" s="16">
        <v>6228</v>
      </c>
      <c r="D6262" cm="1">
        <f t="array" ref="D6262">IFERROR(INDEX(Jesper!AH$2:AH$366,ROUNDDOWN($C6262/24,0)+1,1)*INDEX($D$3:$AA$30,INDEX(Jesper!$R$2:$R$366,ROW(INDEX(Jesper!AH$2:AH$366,ROUNDDOWN($C6262/24,0)+1,1))-1)+IF('Standard Profiles'!$G$18=$B$10,7,0)+IF('Standard Profiles'!$G$18=$B$17,14,0)+IF('Standard Profiles'!$G$18=$B$24,21,0),MOD($C6262,24)+1)/SUM(INDEX($D$3:$AA$30,INDEX(Jesper!$R$2:$R$366,ROW(INDEX(Jesper!AH$2:AH$366,ROUNDDOWN($C6262/24,0)+1,1))-1)+IF('Standard Profiles'!$G$18=$B$10,7,0)+IF('Standard Profiles'!$G$18=$B$17,14,0)+IF('Standard Profiles'!$G$18=$B$24,21,0),0)),0)</f>
        <v>16.348286594488894</v>
      </c>
      <c r="E6262" cm="1">
        <f t="array" ref="E6262">IFERROR(INDEX(Jesper!AI$2:AI$366,ROUNDDOWN($C6262/24,0)+1,1)*INDEX($D$3:$AA$30,INDEX(Jesper!$R$2:$R$366,ROW(INDEX(Jesper!AI$2:AI$366,ROUNDDOWN($C6262/24,0)+1,1))-1)+IF('Standard Profiles'!$G$19=$B$10,7,0)+IF('Standard Profiles'!$G$19=$B$17,14,0)+IF('Standard Profiles'!$G$19=$B$24,21,0),MOD($C6262,24)+1)/SUM(INDEX($D$3:$AA$30,INDEX(Jesper!$R$2:$R$366,ROW(INDEX(Jesper!AI$2:AI$366,ROUNDDOWN($C6262/24,0)+1,1))-1)+IF('Standard Profiles'!$G$19=$B$10,7,0)+IF('Standard Profiles'!$G$19=$B$17,14,0)+IF('Standard Profiles'!$G$19=$B$24,21,0),0)),0)</f>
        <v>0</v>
      </c>
      <c r="F6262" cm="1">
        <f t="array" ref="F6262">IFERROR(INDEX(Jesper!AJ$2:AJ$366,ROUNDDOWN($C6262/24,0)+1,1)*INDEX($D$3:$AA$30,INDEX(Jesper!$R$2:$R$366,ROW(INDEX(Jesper!AJ$2:AJ$366,ROUNDDOWN($C6262/24,0)+1,1))-1)+IF('Standard Profiles'!$G$20=$B$10,7,0)+IF('Standard Profiles'!$G$20=$B$17,14,0)+IF('Standard Profiles'!$G$20=$B$24,21,0),MOD($C6262,24)+1)/SUM(INDEX($D$3:$AA$30,INDEX(Jesper!$R$2:$R$366,ROW(INDEX(Jesper!AJ$2:AJ$366,ROUNDDOWN($C6262/24,0)+1,1))-1)+IF('Standard Profiles'!$G$20=$B$10,7,0)+IF('Standard Profiles'!$G$20=$B$17,14,0)+IF('Standard Profiles'!$G$20=$B$24,21,0),0)),0)</f>
        <v>0</v>
      </c>
      <c r="G6262" cm="1">
        <f t="array" ref="G6262">IFERROR(INDEX(Jesper!AK$2:AK$366,ROUNDDOWN($C6262/24,0)+1,1)*INDEX($D$3:$AA$30,INDEX(Jesper!$R$2:$R$366,ROW(INDEX(Jesper!AK$2:AK$366,ROUNDDOWN($C6262/24,0)+1,1))-1)+IF('Standard Profiles'!$G$21=$B$10,7,0)+IF('Standard Profiles'!$G$21=$B$17,14,0)+IF('Standard Profiles'!$G$21=$B$24,21,0),MOD($C6262,24)+1)/SUM(INDEX($D$3:$AA$30,INDEX(Jesper!$R$2:$R$366,ROW(INDEX(Jesper!AK$2:AK$366,ROUNDDOWN($C6262/24,0)+1,1))-1)+IF('Standard Profiles'!$G$21=$B$10,7,0)+IF('Standard Profiles'!$G$21=$B$17,14,0)+IF('Standard Profiles'!$G$21=$B$24,21,0),0)),0)</f>
        <v>0</v>
      </c>
      <c r="H6262" cm="1">
        <f t="array" ref="H6262">IFERROR(INDEX(Jesper!AL$2:AL$366,ROUNDDOWN($C6262/24,0)+1,1)*INDEX($D$3:$AA$30,INDEX(Jesper!$R$2:$R$366,ROW(INDEX(Jesper!AL$2:AL$366,ROUNDDOWN($C6262/24,0)+1,1))-1)+IF('Standard Profiles'!$G$22=$B$10,7,0)+IF('Standard Profiles'!$G$22=$B$17,14,0)+IF('Standard Profiles'!$G$22=$B$24,21,0),MOD($C6262,24)+1)/SUM(INDEX($D$3:$AA$30,INDEX(Jesper!$R$2:$R$366,ROW(INDEX(Jesper!AL$2:AL$366,ROUNDDOWN($C6262/24,0)+1,1))-1)+IF('Standard Profiles'!$G$22=$B$10,7,0)+IF('Standard Profiles'!$G$22=$B$17,14,0)+IF('Standard Profiles'!$G$22=$B$24,21,0),0)),0)</f>
        <v>0</v>
      </c>
      <c r="I6262">
        <f t="shared" si="699"/>
        <v>0.49044859783466677</v>
      </c>
      <c r="J6262">
        <f t="shared" si="700"/>
        <v>1.6348286594488894</v>
      </c>
      <c r="K6262">
        <f t="shared" si="701"/>
        <v>2.4522429891733339</v>
      </c>
      <c r="L6262">
        <f t="shared" si="702"/>
        <v>11.770766348032003</v>
      </c>
      <c r="M6262">
        <f t="shared" si="703"/>
        <v>0</v>
      </c>
      <c r="N6262" s="46">
        <f t="shared" si="704"/>
        <v>45551.499999984895</v>
      </c>
    </row>
    <row r="6263" spans="2:14" x14ac:dyDescent="0.3">
      <c r="B6263">
        <f t="shared" si="698"/>
        <v>1</v>
      </c>
      <c r="C6263" s="16">
        <v>6229</v>
      </c>
      <c r="D6263" cm="1">
        <f t="array" ref="D6263">IFERROR(INDEX(Jesper!AH$2:AH$366,ROUNDDOWN($C6263/24,0)+1,1)*INDEX($D$3:$AA$30,INDEX(Jesper!$R$2:$R$366,ROW(INDEX(Jesper!AH$2:AH$366,ROUNDDOWN($C6263/24,0)+1,1))-1)+IF('Standard Profiles'!$G$18=$B$10,7,0)+IF('Standard Profiles'!$G$18=$B$17,14,0)+IF('Standard Profiles'!$G$18=$B$24,21,0),MOD($C6263,24)+1)/SUM(INDEX($D$3:$AA$30,INDEX(Jesper!$R$2:$R$366,ROW(INDEX(Jesper!AH$2:AH$366,ROUNDDOWN($C6263/24,0)+1,1))-1)+IF('Standard Profiles'!$G$18=$B$10,7,0)+IF('Standard Profiles'!$G$18=$B$17,14,0)+IF('Standard Profiles'!$G$18=$B$24,21,0),0)),0)</f>
        <v>10.830739868848893</v>
      </c>
      <c r="E6263" cm="1">
        <f t="array" ref="E6263">IFERROR(INDEX(Jesper!AI$2:AI$366,ROUNDDOWN($C6263/24,0)+1,1)*INDEX($D$3:$AA$30,INDEX(Jesper!$R$2:$R$366,ROW(INDEX(Jesper!AI$2:AI$366,ROUNDDOWN($C6263/24,0)+1,1))-1)+IF('Standard Profiles'!$G$19=$B$10,7,0)+IF('Standard Profiles'!$G$19=$B$17,14,0)+IF('Standard Profiles'!$G$19=$B$24,21,0),MOD($C6263,24)+1)/SUM(INDEX($D$3:$AA$30,INDEX(Jesper!$R$2:$R$366,ROW(INDEX(Jesper!AI$2:AI$366,ROUNDDOWN($C6263/24,0)+1,1))-1)+IF('Standard Profiles'!$G$19=$B$10,7,0)+IF('Standard Profiles'!$G$19=$B$17,14,0)+IF('Standard Profiles'!$G$19=$B$24,21,0),0)),0)</f>
        <v>0</v>
      </c>
      <c r="F6263" cm="1">
        <f t="array" ref="F6263">IFERROR(INDEX(Jesper!AJ$2:AJ$366,ROUNDDOWN($C6263/24,0)+1,1)*INDEX($D$3:$AA$30,INDEX(Jesper!$R$2:$R$366,ROW(INDEX(Jesper!AJ$2:AJ$366,ROUNDDOWN($C6263/24,0)+1,1))-1)+IF('Standard Profiles'!$G$20=$B$10,7,0)+IF('Standard Profiles'!$G$20=$B$17,14,0)+IF('Standard Profiles'!$G$20=$B$24,21,0),MOD($C6263,24)+1)/SUM(INDEX($D$3:$AA$30,INDEX(Jesper!$R$2:$R$366,ROW(INDEX(Jesper!AJ$2:AJ$366,ROUNDDOWN($C6263/24,0)+1,1))-1)+IF('Standard Profiles'!$G$20=$B$10,7,0)+IF('Standard Profiles'!$G$20=$B$17,14,0)+IF('Standard Profiles'!$G$20=$B$24,21,0),0)),0)</f>
        <v>0</v>
      </c>
      <c r="G6263" cm="1">
        <f t="array" ref="G6263">IFERROR(INDEX(Jesper!AK$2:AK$366,ROUNDDOWN($C6263/24,0)+1,1)*INDEX($D$3:$AA$30,INDEX(Jesper!$R$2:$R$366,ROW(INDEX(Jesper!AK$2:AK$366,ROUNDDOWN($C6263/24,0)+1,1))-1)+IF('Standard Profiles'!$G$21=$B$10,7,0)+IF('Standard Profiles'!$G$21=$B$17,14,0)+IF('Standard Profiles'!$G$21=$B$24,21,0),MOD($C6263,24)+1)/SUM(INDEX($D$3:$AA$30,INDEX(Jesper!$R$2:$R$366,ROW(INDEX(Jesper!AK$2:AK$366,ROUNDDOWN($C6263/24,0)+1,1))-1)+IF('Standard Profiles'!$G$21=$B$10,7,0)+IF('Standard Profiles'!$G$21=$B$17,14,0)+IF('Standard Profiles'!$G$21=$B$24,21,0),0)),0)</f>
        <v>0</v>
      </c>
      <c r="H6263" cm="1">
        <f t="array" ref="H6263">IFERROR(INDEX(Jesper!AL$2:AL$366,ROUNDDOWN($C6263/24,0)+1,1)*INDEX($D$3:$AA$30,INDEX(Jesper!$R$2:$R$366,ROW(INDEX(Jesper!AL$2:AL$366,ROUNDDOWN($C6263/24,0)+1,1))-1)+IF('Standard Profiles'!$G$22=$B$10,7,0)+IF('Standard Profiles'!$G$22=$B$17,14,0)+IF('Standard Profiles'!$G$22=$B$24,21,0),MOD($C6263,24)+1)/SUM(INDEX($D$3:$AA$30,INDEX(Jesper!$R$2:$R$366,ROW(INDEX(Jesper!AL$2:AL$366,ROUNDDOWN($C6263/24,0)+1,1))-1)+IF('Standard Profiles'!$G$22=$B$10,7,0)+IF('Standard Profiles'!$G$22=$B$17,14,0)+IF('Standard Profiles'!$G$22=$B$24,21,0),0)),0)</f>
        <v>0</v>
      </c>
      <c r="I6263">
        <f t="shared" si="699"/>
        <v>0.3249221960654668</v>
      </c>
      <c r="J6263">
        <f t="shared" si="700"/>
        <v>1.0830739868848893</v>
      </c>
      <c r="K6263">
        <f t="shared" si="701"/>
        <v>1.6246109803273339</v>
      </c>
      <c r="L6263">
        <f t="shared" si="702"/>
        <v>7.7981327055712022</v>
      </c>
      <c r="M6263">
        <f t="shared" si="703"/>
        <v>0</v>
      </c>
      <c r="N6263" s="46">
        <f t="shared" si="704"/>
        <v>45551.541666651559</v>
      </c>
    </row>
    <row r="6264" spans="2:14" x14ac:dyDescent="0.3">
      <c r="B6264">
        <f t="shared" si="698"/>
        <v>1</v>
      </c>
      <c r="C6264" s="16">
        <v>6230</v>
      </c>
      <c r="D6264" cm="1">
        <f t="array" ref="D6264">IFERROR(INDEX(Jesper!AH$2:AH$366,ROUNDDOWN($C6264/24,0)+1,1)*INDEX($D$3:$AA$30,INDEX(Jesper!$R$2:$R$366,ROW(INDEX(Jesper!AH$2:AH$366,ROUNDDOWN($C6264/24,0)+1,1))-1)+IF('Standard Profiles'!$G$18=$B$10,7,0)+IF('Standard Profiles'!$G$18=$B$17,14,0)+IF('Standard Profiles'!$G$18=$B$24,21,0),MOD($C6264,24)+1)/SUM(INDEX($D$3:$AA$30,INDEX(Jesper!$R$2:$R$366,ROW(INDEX(Jesper!AH$2:AH$366,ROUNDDOWN($C6264/24,0)+1,1))-1)+IF('Standard Profiles'!$G$18=$B$10,7,0)+IF('Standard Profiles'!$G$18=$B$17,14,0)+IF('Standard Profiles'!$G$18=$B$24,21,0),0)),0)</f>
        <v>16.348286594488894</v>
      </c>
      <c r="E6264" cm="1">
        <f t="array" ref="E6264">IFERROR(INDEX(Jesper!AI$2:AI$366,ROUNDDOWN($C6264/24,0)+1,1)*INDEX($D$3:$AA$30,INDEX(Jesper!$R$2:$R$366,ROW(INDEX(Jesper!AI$2:AI$366,ROUNDDOWN($C6264/24,0)+1,1))-1)+IF('Standard Profiles'!$G$19=$B$10,7,0)+IF('Standard Profiles'!$G$19=$B$17,14,0)+IF('Standard Profiles'!$G$19=$B$24,21,0),MOD($C6264,24)+1)/SUM(INDEX($D$3:$AA$30,INDEX(Jesper!$R$2:$R$366,ROW(INDEX(Jesper!AI$2:AI$366,ROUNDDOWN($C6264/24,0)+1,1))-1)+IF('Standard Profiles'!$G$19=$B$10,7,0)+IF('Standard Profiles'!$G$19=$B$17,14,0)+IF('Standard Profiles'!$G$19=$B$24,21,0),0)),0)</f>
        <v>0</v>
      </c>
      <c r="F6264" cm="1">
        <f t="array" ref="F6264">IFERROR(INDEX(Jesper!AJ$2:AJ$366,ROUNDDOWN($C6264/24,0)+1,1)*INDEX($D$3:$AA$30,INDEX(Jesper!$R$2:$R$366,ROW(INDEX(Jesper!AJ$2:AJ$366,ROUNDDOWN($C6264/24,0)+1,1))-1)+IF('Standard Profiles'!$G$20=$B$10,7,0)+IF('Standard Profiles'!$G$20=$B$17,14,0)+IF('Standard Profiles'!$G$20=$B$24,21,0),MOD($C6264,24)+1)/SUM(INDEX($D$3:$AA$30,INDEX(Jesper!$R$2:$R$366,ROW(INDEX(Jesper!AJ$2:AJ$366,ROUNDDOWN($C6264/24,0)+1,1))-1)+IF('Standard Profiles'!$G$20=$B$10,7,0)+IF('Standard Profiles'!$G$20=$B$17,14,0)+IF('Standard Profiles'!$G$20=$B$24,21,0),0)),0)</f>
        <v>0</v>
      </c>
      <c r="G6264" cm="1">
        <f t="array" ref="G6264">IFERROR(INDEX(Jesper!AK$2:AK$366,ROUNDDOWN($C6264/24,0)+1,1)*INDEX($D$3:$AA$30,INDEX(Jesper!$R$2:$R$366,ROW(INDEX(Jesper!AK$2:AK$366,ROUNDDOWN($C6264/24,0)+1,1))-1)+IF('Standard Profiles'!$G$21=$B$10,7,0)+IF('Standard Profiles'!$G$21=$B$17,14,0)+IF('Standard Profiles'!$G$21=$B$24,21,0),MOD($C6264,24)+1)/SUM(INDEX($D$3:$AA$30,INDEX(Jesper!$R$2:$R$366,ROW(INDEX(Jesper!AK$2:AK$366,ROUNDDOWN($C6264/24,0)+1,1))-1)+IF('Standard Profiles'!$G$21=$B$10,7,0)+IF('Standard Profiles'!$G$21=$B$17,14,0)+IF('Standard Profiles'!$G$21=$B$24,21,0),0)),0)</f>
        <v>0</v>
      </c>
      <c r="H6264" cm="1">
        <f t="array" ref="H6264">IFERROR(INDEX(Jesper!AL$2:AL$366,ROUNDDOWN($C6264/24,0)+1,1)*INDEX($D$3:$AA$30,INDEX(Jesper!$R$2:$R$366,ROW(INDEX(Jesper!AL$2:AL$366,ROUNDDOWN($C6264/24,0)+1,1))-1)+IF('Standard Profiles'!$G$22=$B$10,7,0)+IF('Standard Profiles'!$G$22=$B$17,14,0)+IF('Standard Profiles'!$G$22=$B$24,21,0),MOD($C6264,24)+1)/SUM(INDEX($D$3:$AA$30,INDEX(Jesper!$R$2:$R$366,ROW(INDEX(Jesper!AL$2:AL$366,ROUNDDOWN($C6264/24,0)+1,1))-1)+IF('Standard Profiles'!$G$22=$B$10,7,0)+IF('Standard Profiles'!$G$22=$B$17,14,0)+IF('Standard Profiles'!$G$22=$B$24,21,0),0)),0)</f>
        <v>0</v>
      </c>
      <c r="I6264">
        <f t="shared" si="699"/>
        <v>0.49044859783466677</v>
      </c>
      <c r="J6264">
        <f t="shared" si="700"/>
        <v>1.6348286594488894</v>
      </c>
      <c r="K6264">
        <f t="shared" si="701"/>
        <v>2.4522429891733339</v>
      </c>
      <c r="L6264">
        <f t="shared" si="702"/>
        <v>11.770766348032003</v>
      </c>
      <c r="M6264">
        <f t="shared" si="703"/>
        <v>0</v>
      </c>
      <c r="N6264" s="46">
        <f t="shared" si="704"/>
        <v>45551.583333318224</v>
      </c>
    </row>
    <row r="6265" spans="2:14" x14ac:dyDescent="0.3">
      <c r="B6265">
        <f t="shared" si="698"/>
        <v>1</v>
      </c>
      <c r="C6265" s="16">
        <v>6231</v>
      </c>
      <c r="D6265" cm="1">
        <f t="array" ref="D6265">IFERROR(INDEX(Jesper!AH$2:AH$366,ROUNDDOWN($C6265/24,0)+1,1)*INDEX($D$3:$AA$30,INDEX(Jesper!$R$2:$R$366,ROW(INDEX(Jesper!AH$2:AH$366,ROUNDDOWN($C6265/24,0)+1,1))-1)+IF('Standard Profiles'!$G$18=$B$10,7,0)+IF('Standard Profiles'!$G$18=$B$17,14,0)+IF('Standard Profiles'!$G$18=$B$24,21,0),MOD($C6265,24)+1)/SUM(INDEX($D$3:$AA$30,INDEX(Jesper!$R$2:$R$366,ROW(INDEX(Jesper!AH$2:AH$366,ROUNDDOWN($C6265/24,0)+1,1))-1)+IF('Standard Profiles'!$G$18=$B$10,7,0)+IF('Standard Profiles'!$G$18=$B$17,14,0)+IF('Standard Profiles'!$G$18=$B$24,21,0),0)),0)</f>
        <v>16.348286594488894</v>
      </c>
      <c r="E6265" cm="1">
        <f t="array" ref="E6265">IFERROR(INDEX(Jesper!AI$2:AI$366,ROUNDDOWN($C6265/24,0)+1,1)*INDEX($D$3:$AA$30,INDEX(Jesper!$R$2:$R$366,ROW(INDEX(Jesper!AI$2:AI$366,ROUNDDOWN($C6265/24,0)+1,1))-1)+IF('Standard Profiles'!$G$19=$B$10,7,0)+IF('Standard Profiles'!$G$19=$B$17,14,0)+IF('Standard Profiles'!$G$19=$B$24,21,0),MOD($C6265,24)+1)/SUM(INDEX($D$3:$AA$30,INDEX(Jesper!$R$2:$R$366,ROW(INDEX(Jesper!AI$2:AI$366,ROUNDDOWN($C6265/24,0)+1,1))-1)+IF('Standard Profiles'!$G$19=$B$10,7,0)+IF('Standard Profiles'!$G$19=$B$17,14,0)+IF('Standard Profiles'!$G$19=$B$24,21,0),0)),0)</f>
        <v>0</v>
      </c>
      <c r="F6265" cm="1">
        <f t="array" ref="F6265">IFERROR(INDEX(Jesper!AJ$2:AJ$366,ROUNDDOWN($C6265/24,0)+1,1)*INDEX($D$3:$AA$30,INDEX(Jesper!$R$2:$R$366,ROW(INDEX(Jesper!AJ$2:AJ$366,ROUNDDOWN($C6265/24,0)+1,1))-1)+IF('Standard Profiles'!$G$20=$B$10,7,0)+IF('Standard Profiles'!$G$20=$B$17,14,0)+IF('Standard Profiles'!$G$20=$B$24,21,0),MOD($C6265,24)+1)/SUM(INDEX($D$3:$AA$30,INDEX(Jesper!$R$2:$R$366,ROW(INDEX(Jesper!AJ$2:AJ$366,ROUNDDOWN($C6265/24,0)+1,1))-1)+IF('Standard Profiles'!$G$20=$B$10,7,0)+IF('Standard Profiles'!$G$20=$B$17,14,0)+IF('Standard Profiles'!$G$20=$B$24,21,0),0)),0)</f>
        <v>0</v>
      </c>
      <c r="G6265" cm="1">
        <f t="array" ref="G6265">IFERROR(INDEX(Jesper!AK$2:AK$366,ROUNDDOWN($C6265/24,0)+1,1)*INDEX($D$3:$AA$30,INDEX(Jesper!$R$2:$R$366,ROW(INDEX(Jesper!AK$2:AK$366,ROUNDDOWN($C6265/24,0)+1,1))-1)+IF('Standard Profiles'!$G$21=$B$10,7,0)+IF('Standard Profiles'!$G$21=$B$17,14,0)+IF('Standard Profiles'!$G$21=$B$24,21,0),MOD($C6265,24)+1)/SUM(INDEX($D$3:$AA$30,INDEX(Jesper!$R$2:$R$366,ROW(INDEX(Jesper!AK$2:AK$366,ROUNDDOWN($C6265/24,0)+1,1))-1)+IF('Standard Profiles'!$G$21=$B$10,7,0)+IF('Standard Profiles'!$G$21=$B$17,14,0)+IF('Standard Profiles'!$G$21=$B$24,21,0),0)),0)</f>
        <v>0</v>
      </c>
      <c r="H6265" cm="1">
        <f t="array" ref="H6265">IFERROR(INDEX(Jesper!AL$2:AL$366,ROUNDDOWN($C6265/24,0)+1,1)*INDEX($D$3:$AA$30,INDEX(Jesper!$R$2:$R$366,ROW(INDEX(Jesper!AL$2:AL$366,ROUNDDOWN($C6265/24,0)+1,1))-1)+IF('Standard Profiles'!$G$22=$B$10,7,0)+IF('Standard Profiles'!$G$22=$B$17,14,0)+IF('Standard Profiles'!$G$22=$B$24,21,0),MOD($C6265,24)+1)/SUM(INDEX($D$3:$AA$30,INDEX(Jesper!$R$2:$R$366,ROW(INDEX(Jesper!AL$2:AL$366,ROUNDDOWN($C6265/24,0)+1,1))-1)+IF('Standard Profiles'!$G$22=$B$10,7,0)+IF('Standard Profiles'!$G$22=$B$17,14,0)+IF('Standard Profiles'!$G$22=$B$24,21,0),0)),0)</f>
        <v>0</v>
      </c>
      <c r="I6265">
        <f t="shared" si="699"/>
        <v>0.49044859783466677</v>
      </c>
      <c r="J6265">
        <f t="shared" si="700"/>
        <v>1.6348286594488894</v>
      </c>
      <c r="K6265">
        <f t="shared" si="701"/>
        <v>2.4522429891733339</v>
      </c>
      <c r="L6265">
        <f t="shared" si="702"/>
        <v>11.770766348032003</v>
      </c>
      <c r="M6265">
        <f t="shared" si="703"/>
        <v>0</v>
      </c>
      <c r="N6265" s="46">
        <f t="shared" si="704"/>
        <v>45551.624999984888</v>
      </c>
    </row>
    <row r="6266" spans="2:14" x14ac:dyDescent="0.3">
      <c r="B6266">
        <f t="shared" si="698"/>
        <v>1</v>
      </c>
      <c r="C6266" s="16">
        <v>6232</v>
      </c>
      <c r="D6266" cm="1">
        <f t="array" ref="D6266">IFERROR(INDEX(Jesper!AH$2:AH$366,ROUNDDOWN($C6266/24,0)+1,1)*INDEX($D$3:$AA$30,INDEX(Jesper!$R$2:$R$366,ROW(INDEX(Jesper!AH$2:AH$366,ROUNDDOWN($C6266/24,0)+1,1))-1)+IF('Standard Profiles'!$G$18=$B$10,7,0)+IF('Standard Profiles'!$G$18=$B$17,14,0)+IF('Standard Profiles'!$G$18=$B$24,21,0),MOD($C6266,24)+1)/SUM(INDEX($D$3:$AA$30,INDEX(Jesper!$R$2:$R$366,ROW(INDEX(Jesper!AH$2:AH$366,ROUNDDOWN($C6266/24,0)+1,1))-1)+IF('Standard Profiles'!$G$18=$B$10,7,0)+IF('Standard Profiles'!$G$18=$B$17,14,0)+IF('Standard Profiles'!$G$18=$B$24,21,0),0)),0)</f>
        <v>16.348286594488894</v>
      </c>
      <c r="E6266" cm="1">
        <f t="array" ref="E6266">IFERROR(INDEX(Jesper!AI$2:AI$366,ROUNDDOWN($C6266/24,0)+1,1)*INDEX($D$3:$AA$30,INDEX(Jesper!$R$2:$R$366,ROW(INDEX(Jesper!AI$2:AI$366,ROUNDDOWN($C6266/24,0)+1,1))-1)+IF('Standard Profiles'!$G$19=$B$10,7,0)+IF('Standard Profiles'!$G$19=$B$17,14,0)+IF('Standard Profiles'!$G$19=$B$24,21,0),MOD($C6266,24)+1)/SUM(INDEX($D$3:$AA$30,INDEX(Jesper!$R$2:$R$366,ROW(INDEX(Jesper!AI$2:AI$366,ROUNDDOWN($C6266/24,0)+1,1))-1)+IF('Standard Profiles'!$G$19=$B$10,7,0)+IF('Standard Profiles'!$G$19=$B$17,14,0)+IF('Standard Profiles'!$G$19=$B$24,21,0),0)),0)</f>
        <v>0</v>
      </c>
      <c r="F6266" cm="1">
        <f t="array" ref="F6266">IFERROR(INDEX(Jesper!AJ$2:AJ$366,ROUNDDOWN($C6266/24,0)+1,1)*INDEX($D$3:$AA$30,INDEX(Jesper!$R$2:$R$366,ROW(INDEX(Jesper!AJ$2:AJ$366,ROUNDDOWN($C6266/24,0)+1,1))-1)+IF('Standard Profiles'!$G$20=$B$10,7,0)+IF('Standard Profiles'!$G$20=$B$17,14,0)+IF('Standard Profiles'!$G$20=$B$24,21,0),MOD($C6266,24)+1)/SUM(INDEX($D$3:$AA$30,INDEX(Jesper!$R$2:$R$366,ROW(INDEX(Jesper!AJ$2:AJ$366,ROUNDDOWN($C6266/24,0)+1,1))-1)+IF('Standard Profiles'!$G$20=$B$10,7,0)+IF('Standard Profiles'!$G$20=$B$17,14,0)+IF('Standard Profiles'!$G$20=$B$24,21,0),0)),0)</f>
        <v>0</v>
      </c>
      <c r="G6266" cm="1">
        <f t="array" ref="G6266">IFERROR(INDEX(Jesper!AK$2:AK$366,ROUNDDOWN($C6266/24,0)+1,1)*INDEX($D$3:$AA$30,INDEX(Jesper!$R$2:$R$366,ROW(INDEX(Jesper!AK$2:AK$366,ROUNDDOWN($C6266/24,0)+1,1))-1)+IF('Standard Profiles'!$G$21=$B$10,7,0)+IF('Standard Profiles'!$G$21=$B$17,14,0)+IF('Standard Profiles'!$G$21=$B$24,21,0),MOD($C6266,24)+1)/SUM(INDEX($D$3:$AA$30,INDEX(Jesper!$R$2:$R$366,ROW(INDEX(Jesper!AK$2:AK$366,ROUNDDOWN($C6266/24,0)+1,1))-1)+IF('Standard Profiles'!$G$21=$B$10,7,0)+IF('Standard Profiles'!$G$21=$B$17,14,0)+IF('Standard Profiles'!$G$21=$B$24,21,0),0)),0)</f>
        <v>0</v>
      </c>
      <c r="H6266" cm="1">
        <f t="array" ref="H6266">IFERROR(INDEX(Jesper!AL$2:AL$366,ROUNDDOWN($C6266/24,0)+1,1)*INDEX($D$3:$AA$30,INDEX(Jesper!$R$2:$R$366,ROW(INDEX(Jesper!AL$2:AL$366,ROUNDDOWN($C6266/24,0)+1,1))-1)+IF('Standard Profiles'!$G$22=$B$10,7,0)+IF('Standard Profiles'!$G$22=$B$17,14,0)+IF('Standard Profiles'!$G$22=$B$24,21,0),MOD($C6266,24)+1)/SUM(INDEX($D$3:$AA$30,INDEX(Jesper!$R$2:$R$366,ROW(INDEX(Jesper!AL$2:AL$366,ROUNDDOWN($C6266/24,0)+1,1))-1)+IF('Standard Profiles'!$G$22=$B$10,7,0)+IF('Standard Profiles'!$G$22=$B$17,14,0)+IF('Standard Profiles'!$G$22=$B$24,21,0),0)),0)</f>
        <v>0</v>
      </c>
      <c r="I6266">
        <f t="shared" si="699"/>
        <v>0.49044859783466677</v>
      </c>
      <c r="J6266">
        <f t="shared" si="700"/>
        <v>1.6348286594488894</v>
      </c>
      <c r="K6266">
        <f t="shared" si="701"/>
        <v>2.4522429891733339</v>
      </c>
      <c r="L6266">
        <f t="shared" si="702"/>
        <v>11.770766348032003</v>
      </c>
      <c r="M6266">
        <f t="shared" si="703"/>
        <v>0</v>
      </c>
      <c r="N6266" s="46">
        <f t="shared" si="704"/>
        <v>45551.666666651552</v>
      </c>
    </row>
    <row r="6267" spans="2:14" x14ac:dyDescent="0.3">
      <c r="B6267">
        <f t="shared" si="698"/>
        <v>1</v>
      </c>
      <c r="C6267" s="16">
        <v>6233</v>
      </c>
      <c r="D6267" cm="1">
        <f t="array" ref="D6267">IFERROR(INDEX(Jesper!AH$2:AH$366,ROUNDDOWN($C6267/24,0)+1,1)*INDEX($D$3:$AA$30,INDEX(Jesper!$R$2:$R$366,ROW(INDEX(Jesper!AH$2:AH$366,ROUNDDOWN($C6267/24,0)+1,1))-1)+IF('Standard Profiles'!$G$18=$B$10,7,0)+IF('Standard Profiles'!$G$18=$B$17,14,0)+IF('Standard Profiles'!$G$18=$B$24,21,0),MOD($C6267,24)+1)/SUM(INDEX($D$3:$AA$30,INDEX(Jesper!$R$2:$R$366,ROW(INDEX(Jesper!AH$2:AH$366,ROUNDDOWN($C6267/24,0)+1,1))-1)+IF('Standard Profiles'!$G$18=$B$10,7,0)+IF('Standard Profiles'!$G$18=$B$17,14,0)+IF('Standard Profiles'!$G$18=$B$24,21,0),0)),0)</f>
        <v>16.348286594488894</v>
      </c>
      <c r="E6267" cm="1">
        <f t="array" ref="E6267">IFERROR(INDEX(Jesper!AI$2:AI$366,ROUNDDOWN($C6267/24,0)+1,1)*INDEX($D$3:$AA$30,INDEX(Jesper!$R$2:$R$366,ROW(INDEX(Jesper!AI$2:AI$366,ROUNDDOWN($C6267/24,0)+1,1))-1)+IF('Standard Profiles'!$G$19=$B$10,7,0)+IF('Standard Profiles'!$G$19=$B$17,14,0)+IF('Standard Profiles'!$G$19=$B$24,21,0),MOD($C6267,24)+1)/SUM(INDEX($D$3:$AA$30,INDEX(Jesper!$R$2:$R$366,ROW(INDEX(Jesper!AI$2:AI$366,ROUNDDOWN($C6267/24,0)+1,1))-1)+IF('Standard Profiles'!$G$19=$B$10,7,0)+IF('Standard Profiles'!$G$19=$B$17,14,0)+IF('Standard Profiles'!$G$19=$B$24,21,0),0)),0)</f>
        <v>0</v>
      </c>
      <c r="F6267" cm="1">
        <f t="array" ref="F6267">IFERROR(INDEX(Jesper!AJ$2:AJ$366,ROUNDDOWN($C6267/24,0)+1,1)*INDEX($D$3:$AA$30,INDEX(Jesper!$R$2:$R$366,ROW(INDEX(Jesper!AJ$2:AJ$366,ROUNDDOWN($C6267/24,0)+1,1))-1)+IF('Standard Profiles'!$G$20=$B$10,7,0)+IF('Standard Profiles'!$G$20=$B$17,14,0)+IF('Standard Profiles'!$G$20=$B$24,21,0),MOD($C6267,24)+1)/SUM(INDEX($D$3:$AA$30,INDEX(Jesper!$R$2:$R$366,ROW(INDEX(Jesper!AJ$2:AJ$366,ROUNDDOWN($C6267/24,0)+1,1))-1)+IF('Standard Profiles'!$G$20=$B$10,7,0)+IF('Standard Profiles'!$G$20=$B$17,14,0)+IF('Standard Profiles'!$G$20=$B$24,21,0),0)),0)</f>
        <v>0</v>
      </c>
      <c r="G6267" cm="1">
        <f t="array" ref="G6267">IFERROR(INDEX(Jesper!AK$2:AK$366,ROUNDDOWN($C6267/24,0)+1,1)*INDEX($D$3:$AA$30,INDEX(Jesper!$R$2:$R$366,ROW(INDEX(Jesper!AK$2:AK$366,ROUNDDOWN($C6267/24,0)+1,1))-1)+IF('Standard Profiles'!$G$21=$B$10,7,0)+IF('Standard Profiles'!$G$21=$B$17,14,0)+IF('Standard Profiles'!$G$21=$B$24,21,0),MOD($C6267,24)+1)/SUM(INDEX($D$3:$AA$30,INDEX(Jesper!$R$2:$R$366,ROW(INDEX(Jesper!AK$2:AK$366,ROUNDDOWN($C6267/24,0)+1,1))-1)+IF('Standard Profiles'!$G$21=$B$10,7,0)+IF('Standard Profiles'!$G$21=$B$17,14,0)+IF('Standard Profiles'!$G$21=$B$24,21,0),0)),0)</f>
        <v>0</v>
      </c>
      <c r="H6267" cm="1">
        <f t="array" ref="H6267">IFERROR(INDEX(Jesper!AL$2:AL$366,ROUNDDOWN($C6267/24,0)+1,1)*INDEX($D$3:$AA$30,INDEX(Jesper!$R$2:$R$366,ROW(INDEX(Jesper!AL$2:AL$366,ROUNDDOWN($C6267/24,0)+1,1))-1)+IF('Standard Profiles'!$G$22=$B$10,7,0)+IF('Standard Profiles'!$G$22=$B$17,14,0)+IF('Standard Profiles'!$G$22=$B$24,21,0),MOD($C6267,24)+1)/SUM(INDEX($D$3:$AA$30,INDEX(Jesper!$R$2:$R$366,ROW(INDEX(Jesper!AL$2:AL$366,ROUNDDOWN($C6267/24,0)+1,1))-1)+IF('Standard Profiles'!$G$22=$B$10,7,0)+IF('Standard Profiles'!$G$22=$B$17,14,0)+IF('Standard Profiles'!$G$22=$B$24,21,0),0)),0)</f>
        <v>0</v>
      </c>
      <c r="I6267">
        <f t="shared" si="699"/>
        <v>0.49044859783466677</v>
      </c>
      <c r="J6267">
        <f t="shared" si="700"/>
        <v>1.6348286594488894</v>
      </c>
      <c r="K6267">
        <f t="shared" si="701"/>
        <v>2.4522429891733339</v>
      </c>
      <c r="L6267">
        <f t="shared" si="702"/>
        <v>11.770766348032003</v>
      </c>
      <c r="M6267">
        <f t="shared" si="703"/>
        <v>0</v>
      </c>
      <c r="N6267" s="46">
        <f t="shared" si="704"/>
        <v>45551.708333318216</v>
      </c>
    </row>
    <row r="6268" spans="2:14" x14ac:dyDescent="0.3">
      <c r="B6268">
        <f t="shared" si="698"/>
        <v>1</v>
      </c>
      <c r="C6268" s="16">
        <v>6234</v>
      </c>
      <c r="D6268" cm="1">
        <f t="array" ref="D6268">IFERROR(INDEX(Jesper!AH$2:AH$366,ROUNDDOWN($C6268/24,0)+1,1)*INDEX($D$3:$AA$30,INDEX(Jesper!$R$2:$R$366,ROW(INDEX(Jesper!AH$2:AH$366,ROUNDDOWN($C6268/24,0)+1,1))-1)+IF('Standard Profiles'!$G$18=$B$10,7,0)+IF('Standard Profiles'!$G$18=$B$17,14,0)+IF('Standard Profiles'!$G$18=$B$24,21,0),MOD($C6268,24)+1)/SUM(INDEX($D$3:$AA$30,INDEX(Jesper!$R$2:$R$366,ROW(INDEX(Jesper!AH$2:AH$366,ROUNDDOWN($C6268/24,0)+1,1))-1)+IF('Standard Profiles'!$G$18=$B$10,7,0)+IF('Standard Profiles'!$G$18=$B$17,14,0)+IF('Standard Profiles'!$G$18=$B$24,21,0),0)),0)</f>
        <v>16.348286594488894</v>
      </c>
      <c r="E6268" cm="1">
        <f t="array" ref="E6268">IFERROR(INDEX(Jesper!AI$2:AI$366,ROUNDDOWN($C6268/24,0)+1,1)*INDEX($D$3:$AA$30,INDEX(Jesper!$R$2:$R$366,ROW(INDEX(Jesper!AI$2:AI$366,ROUNDDOWN($C6268/24,0)+1,1))-1)+IF('Standard Profiles'!$G$19=$B$10,7,0)+IF('Standard Profiles'!$G$19=$B$17,14,0)+IF('Standard Profiles'!$G$19=$B$24,21,0),MOD($C6268,24)+1)/SUM(INDEX($D$3:$AA$30,INDEX(Jesper!$R$2:$R$366,ROW(INDEX(Jesper!AI$2:AI$366,ROUNDDOWN($C6268/24,0)+1,1))-1)+IF('Standard Profiles'!$G$19=$B$10,7,0)+IF('Standard Profiles'!$G$19=$B$17,14,0)+IF('Standard Profiles'!$G$19=$B$24,21,0),0)),0)</f>
        <v>0</v>
      </c>
      <c r="F6268" cm="1">
        <f t="array" ref="F6268">IFERROR(INDEX(Jesper!AJ$2:AJ$366,ROUNDDOWN($C6268/24,0)+1,1)*INDEX($D$3:$AA$30,INDEX(Jesper!$R$2:$R$366,ROW(INDEX(Jesper!AJ$2:AJ$366,ROUNDDOWN($C6268/24,0)+1,1))-1)+IF('Standard Profiles'!$G$20=$B$10,7,0)+IF('Standard Profiles'!$G$20=$B$17,14,0)+IF('Standard Profiles'!$G$20=$B$24,21,0),MOD($C6268,24)+1)/SUM(INDEX($D$3:$AA$30,INDEX(Jesper!$R$2:$R$366,ROW(INDEX(Jesper!AJ$2:AJ$366,ROUNDDOWN($C6268/24,0)+1,1))-1)+IF('Standard Profiles'!$G$20=$B$10,7,0)+IF('Standard Profiles'!$G$20=$B$17,14,0)+IF('Standard Profiles'!$G$20=$B$24,21,0),0)),0)</f>
        <v>0</v>
      </c>
      <c r="G6268" cm="1">
        <f t="array" ref="G6268">IFERROR(INDEX(Jesper!AK$2:AK$366,ROUNDDOWN($C6268/24,0)+1,1)*INDEX($D$3:$AA$30,INDEX(Jesper!$R$2:$R$366,ROW(INDEX(Jesper!AK$2:AK$366,ROUNDDOWN($C6268/24,0)+1,1))-1)+IF('Standard Profiles'!$G$21=$B$10,7,0)+IF('Standard Profiles'!$G$21=$B$17,14,0)+IF('Standard Profiles'!$G$21=$B$24,21,0),MOD($C6268,24)+1)/SUM(INDEX($D$3:$AA$30,INDEX(Jesper!$R$2:$R$366,ROW(INDEX(Jesper!AK$2:AK$366,ROUNDDOWN($C6268/24,0)+1,1))-1)+IF('Standard Profiles'!$G$21=$B$10,7,0)+IF('Standard Profiles'!$G$21=$B$17,14,0)+IF('Standard Profiles'!$G$21=$B$24,21,0),0)),0)</f>
        <v>0</v>
      </c>
      <c r="H6268" cm="1">
        <f t="array" ref="H6268">IFERROR(INDEX(Jesper!AL$2:AL$366,ROUNDDOWN($C6268/24,0)+1,1)*INDEX($D$3:$AA$30,INDEX(Jesper!$R$2:$R$366,ROW(INDEX(Jesper!AL$2:AL$366,ROUNDDOWN($C6268/24,0)+1,1))-1)+IF('Standard Profiles'!$G$22=$B$10,7,0)+IF('Standard Profiles'!$G$22=$B$17,14,0)+IF('Standard Profiles'!$G$22=$B$24,21,0),MOD($C6268,24)+1)/SUM(INDEX($D$3:$AA$30,INDEX(Jesper!$R$2:$R$366,ROW(INDEX(Jesper!AL$2:AL$366,ROUNDDOWN($C6268/24,0)+1,1))-1)+IF('Standard Profiles'!$G$22=$B$10,7,0)+IF('Standard Profiles'!$G$22=$B$17,14,0)+IF('Standard Profiles'!$G$22=$B$24,21,0),0)),0)</f>
        <v>0</v>
      </c>
      <c r="I6268">
        <f t="shared" si="699"/>
        <v>0.49044859783466677</v>
      </c>
      <c r="J6268">
        <f t="shared" si="700"/>
        <v>1.6348286594488894</v>
      </c>
      <c r="K6268">
        <f t="shared" si="701"/>
        <v>2.4522429891733339</v>
      </c>
      <c r="L6268">
        <f t="shared" si="702"/>
        <v>11.770766348032003</v>
      </c>
      <c r="M6268">
        <f t="shared" si="703"/>
        <v>0</v>
      </c>
      <c r="N6268" s="46">
        <f t="shared" si="704"/>
        <v>45551.749999984881</v>
      </c>
    </row>
    <row r="6269" spans="2:14" x14ac:dyDescent="0.3">
      <c r="B6269">
        <f t="shared" si="698"/>
        <v>1</v>
      </c>
      <c r="C6269" s="16">
        <v>6235</v>
      </c>
      <c r="D6269" cm="1">
        <f t="array" ref="D6269">IFERROR(INDEX(Jesper!AH$2:AH$366,ROUNDDOWN($C6269/24,0)+1,1)*INDEX($D$3:$AA$30,INDEX(Jesper!$R$2:$R$366,ROW(INDEX(Jesper!AH$2:AH$366,ROUNDDOWN($C6269/24,0)+1,1))-1)+IF('Standard Profiles'!$G$18=$B$10,7,0)+IF('Standard Profiles'!$G$18=$B$17,14,0)+IF('Standard Profiles'!$G$18=$B$24,21,0),MOD($C6269,24)+1)/SUM(INDEX($D$3:$AA$30,INDEX(Jesper!$R$2:$R$366,ROW(INDEX(Jesper!AH$2:AH$366,ROUNDDOWN($C6269/24,0)+1,1))-1)+IF('Standard Profiles'!$G$18=$B$10,7,0)+IF('Standard Profiles'!$G$18=$B$17,14,0)+IF('Standard Profiles'!$G$18=$B$24,21,0),0)),0)</f>
        <v>13.691690022884451</v>
      </c>
      <c r="E6269" cm="1">
        <f t="array" ref="E6269">IFERROR(INDEX(Jesper!AI$2:AI$366,ROUNDDOWN($C6269/24,0)+1,1)*INDEX($D$3:$AA$30,INDEX(Jesper!$R$2:$R$366,ROW(INDEX(Jesper!AI$2:AI$366,ROUNDDOWN($C6269/24,0)+1,1))-1)+IF('Standard Profiles'!$G$19=$B$10,7,0)+IF('Standard Profiles'!$G$19=$B$17,14,0)+IF('Standard Profiles'!$G$19=$B$24,21,0),MOD($C6269,24)+1)/SUM(INDEX($D$3:$AA$30,INDEX(Jesper!$R$2:$R$366,ROW(INDEX(Jesper!AI$2:AI$366,ROUNDDOWN($C6269/24,0)+1,1))-1)+IF('Standard Profiles'!$G$19=$B$10,7,0)+IF('Standard Profiles'!$G$19=$B$17,14,0)+IF('Standard Profiles'!$G$19=$B$24,21,0),0)),0)</f>
        <v>0</v>
      </c>
      <c r="F6269" cm="1">
        <f t="array" ref="F6269">IFERROR(INDEX(Jesper!AJ$2:AJ$366,ROUNDDOWN($C6269/24,0)+1,1)*INDEX($D$3:$AA$30,INDEX(Jesper!$R$2:$R$366,ROW(INDEX(Jesper!AJ$2:AJ$366,ROUNDDOWN($C6269/24,0)+1,1))-1)+IF('Standard Profiles'!$G$20=$B$10,7,0)+IF('Standard Profiles'!$G$20=$B$17,14,0)+IF('Standard Profiles'!$G$20=$B$24,21,0),MOD($C6269,24)+1)/SUM(INDEX($D$3:$AA$30,INDEX(Jesper!$R$2:$R$366,ROW(INDEX(Jesper!AJ$2:AJ$366,ROUNDDOWN($C6269/24,0)+1,1))-1)+IF('Standard Profiles'!$G$20=$B$10,7,0)+IF('Standard Profiles'!$G$20=$B$17,14,0)+IF('Standard Profiles'!$G$20=$B$24,21,0),0)),0)</f>
        <v>0</v>
      </c>
      <c r="G6269" cm="1">
        <f t="array" ref="G6269">IFERROR(INDEX(Jesper!AK$2:AK$366,ROUNDDOWN($C6269/24,0)+1,1)*INDEX($D$3:$AA$30,INDEX(Jesper!$R$2:$R$366,ROW(INDEX(Jesper!AK$2:AK$366,ROUNDDOWN($C6269/24,0)+1,1))-1)+IF('Standard Profiles'!$G$21=$B$10,7,0)+IF('Standard Profiles'!$G$21=$B$17,14,0)+IF('Standard Profiles'!$G$21=$B$24,21,0),MOD($C6269,24)+1)/SUM(INDEX($D$3:$AA$30,INDEX(Jesper!$R$2:$R$366,ROW(INDEX(Jesper!AK$2:AK$366,ROUNDDOWN($C6269/24,0)+1,1))-1)+IF('Standard Profiles'!$G$21=$B$10,7,0)+IF('Standard Profiles'!$G$21=$B$17,14,0)+IF('Standard Profiles'!$G$21=$B$24,21,0),0)),0)</f>
        <v>0</v>
      </c>
      <c r="H6269" cm="1">
        <f t="array" ref="H6269">IFERROR(INDEX(Jesper!AL$2:AL$366,ROUNDDOWN($C6269/24,0)+1,1)*INDEX($D$3:$AA$30,INDEX(Jesper!$R$2:$R$366,ROW(INDEX(Jesper!AL$2:AL$366,ROUNDDOWN($C6269/24,0)+1,1))-1)+IF('Standard Profiles'!$G$22=$B$10,7,0)+IF('Standard Profiles'!$G$22=$B$17,14,0)+IF('Standard Profiles'!$G$22=$B$24,21,0),MOD($C6269,24)+1)/SUM(INDEX($D$3:$AA$30,INDEX(Jesper!$R$2:$R$366,ROW(INDEX(Jesper!AL$2:AL$366,ROUNDDOWN($C6269/24,0)+1,1))-1)+IF('Standard Profiles'!$G$22=$B$10,7,0)+IF('Standard Profiles'!$G$22=$B$17,14,0)+IF('Standard Profiles'!$G$22=$B$24,21,0),0)),0)</f>
        <v>0</v>
      </c>
      <c r="I6269">
        <f t="shared" si="699"/>
        <v>0.41075070068653352</v>
      </c>
      <c r="J6269">
        <f t="shared" si="700"/>
        <v>1.3691690022884453</v>
      </c>
      <c r="K6269">
        <f t="shared" si="701"/>
        <v>2.0537535034326675</v>
      </c>
      <c r="L6269">
        <f t="shared" si="702"/>
        <v>9.8580168164768036</v>
      </c>
      <c r="M6269">
        <f t="shared" si="703"/>
        <v>0</v>
      </c>
      <c r="N6269" s="46">
        <f t="shared" si="704"/>
        <v>45551.791666651545</v>
      </c>
    </row>
    <row r="6270" spans="2:14" x14ac:dyDescent="0.3">
      <c r="B6270">
        <f t="shared" si="698"/>
        <v>1</v>
      </c>
      <c r="C6270" s="16">
        <v>6236</v>
      </c>
      <c r="D6270" cm="1">
        <f t="array" ref="D6270">IFERROR(INDEX(Jesper!AH$2:AH$366,ROUNDDOWN($C6270/24,0)+1,1)*INDEX($D$3:$AA$30,INDEX(Jesper!$R$2:$R$366,ROW(INDEX(Jesper!AH$2:AH$366,ROUNDDOWN($C6270/24,0)+1,1))-1)+IF('Standard Profiles'!$G$18=$B$10,7,0)+IF('Standard Profiles'!$G$18=$B$17,14,0)+IF('Standard Profiles'!$G$18=$B$24,21,0),MOD($C6270,24)+1)/SUM(INDEX($D$3:$AA$30,INDEX(Jesper!$R$2:$R$366,ROW(INDEX(Jesper!AH$2:AH$366,ROUNDDOWN($C6270/24,0)+1,1))-1)+IF('Standard Profiles'!$G$18=$B$10,7,0)+IF('Standard Profiles'!$G$18=$B$17,14,0)+IF('Standard Profiles'!$G$18=$B$24,21,0),0)),0)</f>
        <v>11.239447033711116</v>
      </c>
      <c r="E6270" cm="1">
        <f t="array" ref="E6270">IFERROR(INDEX(Jesper!AI$2:AI$366,ROUNDDOWN($C6270/24,0)+1,1)*INDEX($D$3:$AA$30,INDEX(Jesper!$R$2:$R$366,ROW(INDEX(Jesper!AI$2:AI$366,ROUNDDOWN($C6270/24,0)+1,1))-1)+IF('Standard Profiles'!$G$19=$B$10,7,0)+IF('Standard Profiles'!$G$19=$B$17,14,0)+IF('Standard Profiles'!$G$19=$B$24,21,0),MOD($C6270,24)+1)/SUM(INDEX($D$3:$AA$30,INDEX(Jesper!$R$2:$R$366,ROW(INDEX(Jesper!AI$2:AI$366,ROUNDDOWN($C6270/24,0)+1,1))-1)+IF('Standard Profiles'!$G$19=$B$10,7,0)+IF('Standard Profiles'!$G$19=$B$17,14,0)+IF('Standard Profiles'!$G$19=$B$24,21,0),0)),0)</f>
        <v>0</v>
      </c>
      <c r="F6270" cm="1">
        <f t="array" ref="F6270">IFERROR(INDEX(Jesper!AJ$2:AJ$366,ROUNDDOWN($C6270/24,0)+1,1)*INDEX($D$3:$AA$30,INDEX(Jesper!$R$2:$R$366,ROW(INDEX(Jesper!AJ$2:AJ$366,ROUNDDOWN($C6270/24,0)+1,1))-1)+IF('Standard Profiles'!$G$20=$B$10,7,0)+IF('Standard Profiles'!$G$20=$B$17,14,0)+IF('Standard Profiles'!$G$20=$B$24,21,0),MOD($C6270,24)+1)/SUM(INDEX($D$3:$AA$30,INDEX(Jesper!$R$2:$R$366,ROW(INDEX(Jesper!AJ$2:AJ$366,ROUNDDOWN($C6270/24,0)+1,1))-1)+IF('Standard Profiles'!$G$20=$B$10,7,0)+IF('Standard Profiles'!$G$20=$B$17,14,0)+IF('Standard Profiles'!$G$20=$B$24,21,0),0)),0)</f>
        <v>0</v>
      </c>
      <c r="G6270" cm="1">
        <f t="array" ref="G6270">IFERROR(INDEX(Jesper!AK$2:AK$366,ROUNDDOWN($C6270/24,0)+1,1)*INDEX($D$3:$AA$30,INDEX(Jesper!$R$2:$R$366,ROW(INDEX(Jesper!AK$2:AK$366,ROUNDDOWN($C6270/24,0)+1,1))-1)+IF('Standard Profiles'!$G$21=$B$10,7,0)+IF('Standard Profiles'!$G$21=$B$17,14,0)+IF('Standard Profiles'!$G$21=$B$24,21,0),MOD($C6270,24)+1)/SUM(INDEX($D$3:$AA$30,INDEX(Jesper!$R$2:$R$366,ROW(INDEX(Jesper!AK$2:AK$366,ROUNDDOWN($C6270/24,0)+1,1))-1)+IF('Standard Profiles'!$G$21=$B$10,7,0)+IF('Standard Profiles'!$G$21=$B$17,14,0)+IF('Standard Profiles'!$G$21=$B$24,21,0),0)),0)</f>
        <v>0</v>
      </c>
      <c r="H6270" cm="1">
        <f t="array" ref="H6270">IFERROR(INDEX(Jesper!AL$2:AL$366,ROUNDDOWN($C6270/24,0)+1,1)*INDEX($D$3:$AA$30,INDEX(Jesper!$R$2:$R$366,ROW(INDEX(Jesper!AL$2:AL$366,ROUNDDOWN($C6270/24,0)+1,1))-1)+IF('Standard Profiles'!$G$22=$B$10,7,0)+IF('Standard Profiles'!$G$22=$B$17,14,0)+IF('Standard Profiles'!$G$22=$B$24,21,0),MOD($C6270,24)+1)/SUM(INDEX($D$3:$AA$30,INDEX(Jesper!$R$2:$R$366,ROW(INDEX(Jesper!AL$2:AL$366,ROUNDDOWN($C6270/24,0)+1,1))-1)+IF('Standard Profiles'!$G$22=$B$10,7,0)+IF('Standard Profiles'!$G$22=$B$17,14,0)+IF('Standard Profiles'!$G$22=$B$24,21,0),0)),0)</f>
        <v>0</v>
      </c>
      <c r="I6270">
        <f t="shared" si="699"/>
        <v>0.33718341101133348</v>
      </c>
      <c r="J6270">
        <f t="shared" si="700"/>
        <v>1.1239447033711116</v>
      </c>
      <c r="K6270">
        <f t="shared" si="701"/>
        <v>1.6859170550566673</v>
      </c>
      <c r="L6270">
        <f t="shared" si="702"/>
        <v>8.0924018642720039</v>
      </c>
      <c r="M6270">
        <f t="shared" si="703"/>
        <v>0</v>
      </c>
      <c r="N6270" s="46">
        <f t="shared" si="704"/>
        <v>45551.833333318209</v>
      </c>
    </row>
    <row r="6271" spans="2:14" x14ac:dyDescent="0.3">
      <c r="B6271">
        <f t="shared" si="698"/>
        <v>1</v>
      </c>
      <c r="C6271" s="16">
        <v>6237</v>
      </c>
      <c r="D6271" cm="1">
        <f t="array" ref="D6271">IFERROR(INDEX(Jesper!AH$2:AH$366,ROUNDDOWN($C6271/24,0)+1,1)*INDEX($D$3:$AA$30,INDEX(Jesper!$R$2:$R$366,ROW(INDEX(Jesper!AH$2:AH$366,ROUNDDOWN($C6271/24,0)+1,1))-1)+IF('Standard Profiles'!$G$18=$B$10,7,0)+IF('Standard Profiles'!$G$18=$B$17,14,0)+IF('Standard Profiles'!$G$18=$B$24,21,0),MOD($C6271,24)+1)/SUM(INDEX($D$3:$AA$30,INDEX(Jesper!$R$2:$R$366,ROW(INDEX(Jesper!AH$2:AH$366,ROUNDDOWN($C6271/24,0)+1,1))-1)+IF('Standard Profiles'!$G$18=$B$10,7,0)+IF('Standard Profiles'!$G$18=$B$17,14,0)+IF('Standard Profiles'!$G$18=$B$24,21,0),0)),0)</f>
        <v>8.1741432972444468</v>
      </c>
      <c r="E6271" cm="1">
        <f t="array" ref="E6271">IFERROR(INDEX(Jesper!AI$2:AI$366,ROUNDDOWN($C6271/24,0)+1,1)*INDEX($D$3:$AA$30,INDEX(Jesper!$R$2:$R$366,ROW(INDEX(Jesper!AI$2:AI$366,ROUNDDOWN($C6271/24,0)+1,1))-1)+IF('Standard Profiles'!$G$19=$B$10,7,0)+IF('Standard Profiles'!$G$19=$B$17,14,0)+IF('Standard Profiles'!$G$19=$B$24,21,0),MOD($C6271,24)+1)/SUM(INDEX($D$3:$AA$30,INDEX(Jesper!$R$2:$R$366,ROW(INDEX(Jesper!AI$2:AI$366,ROUNDDOWN($C6271/24,0)+1,1))-1)+IF('Standard Profiles'!$G$19=$B$10,7,0)+IF('Standard Profiles'!$G$19=$B$17,14,0)+IF('Standard Profiles'!$G$19=$B$24,21,0),0)),0)</f>
        <v>0</v>
      </c>
      <c r="F6271" cm="1">
        <f t="array" ref="F6271">IFERROR(INDEX(Jesper!AJ$2:AJ$366,ROUNDDOWN($C6271/24,0)+1,1)*INDEX($D$3:$AA$30,INDEX(Jesper!$R$2:$R$366,ROW(INDEX(Jesper!AJ$2:AJ$366,ROUNDDOWN($C6271/24,0)+1,1))-1)+IF('Standard Profiles'!$G$20=$B$10,7,0)+IF('Standard Profiles'!$G$20=$B$17,14,0)+IF('Standard Profiles'!$G$20=$B$24,21,0),MOD($C6271,24)+1)/SUM(INDEX($D$3:$AA$30,INDEX(Jesper!$R$2:$R$366,ROW(INDEX(Jesper!AJ$2:AJ$366,ROUNDDOWN($C6271/24,0)+1,1))-1)+IF('Standard Profiles'!$G$20=$B$10,7,0)+IF('Standard Profiles'!$G$20=$B$17,14,0)+IF('Standard Profiles'!$G$20=$B$24,21,0),0)),0)</f>
        <v>0</v>
      </c>
      <c r="G6271" cm="1">
        <f t="array" ref="G6271">IFERROR(INDEX(Jesper!AK$2:AK$366,ROUNDDOWN($C6271/24,0)+1,1)*INDEX($D$3:$AA$30,INDEX(Jesper!$R$2:$R$366,ROW(INDEX(Jesper!AK$2:AK$366,ROUNDDOWN($C6271/24,0)+1,1))-1)+IF('Standard Profiles'!$G$21=$B$10,7,0)+IF('Standard Profiles'!$G$21=$B$17,14,0)+IF('Standard Profiles'!$G$21=$B$24,21,0),MOD($C6271,24)+1)/SUM(INDEX($D$3:$AA$30,INDEX(Jesper!$R$2:$R$366,ROW(INDEX(Jesper!AK$2:AK$366,ROUNDDOWN($C6271/24,0)+1,1))-1)+IF('Standard Profiles'!$G$21=$B$10,7,0)+IF('Standard Profiles'!$G$21=$B$17,14,0)+IF('Standard Profiles'!$G$21=$B$24,21,0),0)),0)</f>
        <v>0</v>
      </c>
      <c r="H6271" cm="1">
        <f t="array" ref="H6271">IFERROR(INDEX(Jesper!AL$2:AL$366,ROUNDDOWN($C6271/24,0)+1,1)*INDEX($D$3:$AA$30,INDEX(Jesper!$R$2:$R$366,ROW(INDEX(Jesper!AL$2:AL$366,ROUNDDOWN($C6271/24,0)+1,1))-1)+IF('Standard Profiles'!$G$22=$B$10,7,0)+IF('Standard Profiles'!$G$22=$B$17,14,0)+IF('Standard Profiles'!$G$22=$B$24,21,0),MOD($C6271,24)+1)/SUM(INDEX($D$3:$AA$30,INDEX(Jesper!$R$2:$R$366,ROW(INDEX(Jesper!AL$2:AL$366,ROUNDDOWN($C6271/24,0)+1,1))-1)+IF('Standard Profiles'!$G$22=$B$10,7,0)+IF('Standard Profiles'!$G$22=$B$17,14,0)+IF('Standard Profiles'!$G$22=$B$24,21,0),0)),0)</f>
        <v>0</v>
      </c>
      <c r="I6271">
        <f t="shared" si="699"/>
        <v>0.24522429891733338</v>
      </c>
      <c r="J6271">
        <f t="shared" si="700"/>
        <v>0.81741432972444472</v>
      </c>
      <c r="K6271">
        <f t="shared" si="701"/>
        <v>1.226121494586667</v>
      </c>
      <c r="L6271">
        <f t="shared" si="702"/>
        <v>5.8853831740160016</v>
      </c>
      <c r="M6271">
        <f t="shared" si="703"/>
        <v>0</v>
      </c>
      <c r="N6271" s="46">
        <f t="shared" si="704"/>
        <v>45551.874999984873</v>
      </c>
    </row>
    <row r="6272" spans="2:14" x14ac:dyDescent="0.3">
      <c r="B6272">
        <f t="shared" si="698"/>
        <v>1</v>
      </c>
      <c r="C6272" s="16">
        <v>6238</v>
      </c>
      <c r="D6272" cm="1">
        <f t="array" ref="D6272">IFERROR(INDEX(Jesper!AH$2:AH$366,ROUNDDOWN($C6272/24,0)+1,1)*INDEX($D$3:$AA$30,INDEX(Jesper!$R$2:$R$366,ROW(INDEX(Jesper!AH$2:AH$366,ROUNDDOWN($C6272/24,0)+1,1))-1)+IF('Standard Profiles'!$G$18=$B$10,7,0)+IF('Standard Profiles'!$G$18=$B$17,14,0)+IF('Standard Profiles'!$G$18=$B$24,21,0),MOD($C6272,24)+1)/SUM(INDEX($D$3:$AA$30,INDEX(Jesper!$R$2:$R$366,ROW(INDEX(Jesper!AH$2:AH$366,ROUNDDOWN($C6272/24,0)+1,1))-1)+IF('Standard Profiles'!$G$18=$B$10,7,0)+IF('Standard Profiles'!$G$18=$B$17,14,0)+IF('Standard Profiles'!$G$18=$B$24,21,0),0)),0)</f>
        <v>7.7654361323822254</v>
      </c>
      <c r="E6272" cm="1">
        <f t="array" ref="E6272">IFERROR(INDEX(Jesper!AI$2:AI$366,ROUNDDOWN($C6272/24,0)+1,1)*INDEX($D$3:$AA$30,INDEX(Jesper!$R$2:$R$366,ROW(INDEX(Jesper!AI$2:AI$366,ROUNDDOWN($C6272/24,0)+1,1))-1)+IF('Standard Profiles'!$G$19=$B$10,7,0)+IF('Standard Profiles'!$G$19=$B$17,14,0)+IF('Standard Profiles'!$G$19=$B$24,21,0),MOD($C6272,24)+1)/SUM(INDEX($D$3:$AA$30,INDEX(Jesper!$R$2:$R$366,ROW(INDEX(Jesper!AI$2:AI$366,ROUNDDOWN($C6272/24,0)+1,1))-1)+IF('Standard Profiles'!$G$19=$B$10,7,0)+IF('Standard Profiles'!$G$19=$B$17,14,0)+IF('Standard Profiles'!$G$19=$B$24,21,0),0)),0)</f>
        <v>0</v>
      </c>
      <c r="F6272" cm="1">
        <f t="array" ref="F6272">IFERROR(INDEX(Jesper!AJ$2:AJ$366,ROUNDDOWN($C6272/24,0)+1,1)*INDEX($D$3:$AA$30,INDEX(Jesper!$R$2:$R$366,ROW(INDEX(Jesper!AJ$2:AJ$366,ROUNDDOWN($C6272/24,0)+1,1))-1)+IF('Standard Profiles'!$G$20=$B$10,7,0)+IF('Standard Profiles'!$G$20=$B$17,14,0)+IF('Standard Profiles'!$G$20=$B$24,21,0),MOD($C6272,24)+1)/SUM(INDEX($D$3:$AA$30,INDEX(Jesper!$R$2:$R$366,ROW(INDEX(Jesper!AJ$2:AJ$366,ROUNDDOWN($C6272/24,0)+1,1))-1)+IF('Standard Profiles'!$G$20=$B$10,7,0)+IF('Standard Profiles'!$G$20=$B$17,14,0)+IF('Standard Profiles'!$G$20=$B$24,21,0),0)),0)</f>
        <v>0</v>
      </c>
      <c r="G6272" cm="1">
        <f t="array" ref="G6272">IFERROR(INDEX(Jesper!AK$2:AK$366,ROUNDDOWN($C6272/24,0)+1,1)*INDEX($D$3:$AA$30,INDEX(Jesper!$R$2:$R$366,ROW(INDEX(Jesper!AK$2:AK$366,ROUNDDOWN($C6272/24,0)+1,1))-1)+IF('Standard Profiles'!$G$21=$B$10,7,0)+IF('Standard Profiles'!$G$21=$B$17,14,0)+IF('Standard Profiles'!$G$21=$B$24,21,0),MOD($C6272,24)+1)/SUM(INDEX($D$3:$AA$30,INDEX(Jesper!$R$2:$R$366,ROW(INDEX(Jesper!AK$2:AK$366,ROUNDDOWN($C6272/24,0)+1,1))-1)+IF('Standard Profiles'!$G$21=$B$10,7,0)+IF('Standard Profiles'!$G$21=$B$17,14,0)+IF('Standard Profiles'!$G$21=$B$24,21,0),0)),0)</f>
        <v>0</v>
      </c>
      <c r="H6272" cm="1">
        <f t="array" ref="H6272">IFERROR(INDEX(Jesper!AL$2:AL$366,ROUNDDOWN($C6272/24,0)+1,1)*INDEX($D$3:$AA$30,INDEX(Jesper!$R$2:$R$366,ROW(INDEX(Jesper!AL$2:AL$366,ROUNDDOWN($C6272/24,0)+1,1))-1)+IF('Standard Profiles'!$G$22=$B$10,7,0)+IF('Standard Profiles'!$G$22=$B$17,14,0)+IF('Standard Profiles'!$G$22=$B$24,21,0),MOD($C6272,24)+1)/SUM(INDEX($D$3:$AA$30,INDEX(Jesper!$R$2:$R$366,ROW(INDEX(Jesper!AL$2:AL$366,ROUNDDOWN($C6272/24,0)+1,1))-1)+IF('Standard Profiles'!$G$22=$B$10,7,0)+IF('Standard Profiles'!$G$22=$B$17,14,0)+IF('Standard Profiles'!$G$22=$B$24,21,0),0)),0)</f>
        <v>0</v>
      </c>
      <c r="I6272">
        <f t="shared" si="699"/>
        <v>0.23296308397146676</v>
      </c>
      <c r="J6272">
        <f t="shared" si="700"/>
        <v>0.77654361323822263</v>
      </c>
      <c r="K6272">
        <f t="shared" si="701"/>
        <v>1.1648154198573337</v>
      </c>
      <c r="L6272">
        <f t="shared" si="702"/>
        <v>5.5911140153152017</v>
      </c>
      <c r="M6272">
        <f t="shared" si="703"/>
        <v>0</v>
      </c>
      <c r="N6272" s="46">
        <f t="shared" si="704"/>
        <v>45551.916666651538</v>
      </c>
    </row>
    <row r="6273" spans="2:14" x14ac:dyDescent="0.3">
      <c r="B6273">
        <f t="shared" si="698"/>
        <v>1</v>
      </c>
      <c r="C6273" s="16">
        <v>6239</v>
      </c>
      <c r="D6273" cm="1">
        <f t="array" ref="D6273">IFERROR(INDEX(Jesper!AH$2:AH$366,ROUNDDOWN($C6273/24,0)+1,1)*INDEX($D$3:$AA$30,INDEX(Jesper!$R$2:$R$366,ROW(INDEX(Jesper!AH$2:AH$366,ROUNDDOWN($C6273/24,0)+1,1))-1)+IF('Standard Profiles'!$G$18=$B$10,7,0)+IF('Standard Profiles'!$G$18=$B$17,14,0)+IF('Standard Profiles'!$G$18=$B$24,21,0),MOD($C6273,24)+1)/SUM(INDEX($D$3:$AA$30,INDEX(Jesper!$R$2:$R$366,ROW(INDEX(Jesper!AH$2:AH$366,ROUNDDOWN($C6273/24,0)+1,1))-1)+IF('Standard Profiles'!$G$18=$B$10,7,0)+IF('Standard Profiles'!$G$18=$B$17,14,0)+IF('Standard Profiles'!$G$18=$B$24,21,0),0)),0)</f>
        <v>7.7654361323822254</v>
      </c>
      <c r="E6273" cm="1">
        <f t="array" ref="E6273">IFERROR(INDEX(Jesper!AI$2:AI$366,ROUNDDOWN($C6273/24,0)+1,1)*INDEX($D$3:$AA$30,INDEX(Jesper!$R$2:$R$366,ROW(INDEX(Jesper!AI$2:AI$366,ROUNDDOWN($C6273/24,0)+1,1))-1)+IF('Standard Profiles'!$G$19=$B$10,7,0)+IF('Standard Profiles'!$G$19=$B$17,14,0)+IF('Standard Profiles'!$G$19=$B$24,21,0),MOD($C6273,24)+1)/SUM(INDEX($D$3:$AA$30,INDEX(Jesper!$R$2:$R$366,ROW(INDEX(Jesper!AI$2:AI$366,ROUNDDOWN($C6273/24,0)+1,1))-1)+IF('Standard Profiles'!$G$19=$B$10,7,0)+IF('Standard Profiles'!$G$19=$B$17,14,0)+IF('Standard Profiles'!$G$19=$B$24,21,0),0)),0)</f>
        <v>0</v>
      </c>
      <c r="F6273" cm="1">
        <f t="array" ref="F6273">IFERROR(INDEX(Jesper!AJ$2:AJ$366,ROUNDDOWN($C6273/24,0)+1,1)*INDEX($D$3:$AA$30,INDEX(Jesper!$R$2:$R$366,ROW(INDEX(Jesper!AJ$2:AJ$366,ROUNDDOWN($C6273/24,0)+1,1))-1)+IF('Standard Profiles'!$G$20=$B$10,7,0)+IF('Standard Profiles'!$G$20=$B$17,14,0)+IF('Standard Profiles'!$G$20=$B$24,21,0),MOD($C6273,24)+1)/SUM(INDEX($D$3:$AA$30,INDEX(Jesper!$R$2:$R$366,ROW(INDEX(Jesper!AJ$2:AJ$366,ROUNDDOWN($C6273/24,0)+1,1))-1)+IF('Standard Profiles'!$G$20=$B$10,7,0)+IF('Standard Profiles'!$G$20=$B$17,14,0)+IF('Standard Profiles'!$G$20=$B$24,21,0),0)),0)</f>
        <v>0</v>
      </c>
      <c r="G6273" cm="1">
        <f t="array" ref="G6273">IFERROR(INDEX(Jesper!AK$2:AK$366,ROUNDDOWN($C6273/24,0)+1,1)*INDEX($D$3:$AA$30,INDEX(Jesper!$R$2:$R$366,ROW(INDEX(Jesper!AK$2:AK$366,ROUNDDOWN($C6273/24,0)+1,1))-1)+IF('Standard Profiles'!$G$21=$B$10,7,0)+IF('Standard Profiles'!$G$21=$B$17,14,0)+IF('Standard Profiles'!$G$21=$B$24,21,0),MOD($C6273,24)+1)/SUM(INDEX($D$3:$AA$30,INDEX(Jesper!$R$2:$R$366,ROW(INDEX(Jesper!AK$2:AK$366,ROUNDDOWN($C6273/24,0)+1,1))-1)+IF('Standard Profiles'!$G$21=$B$10,7,0)+IF('Standard Profiles'!$G$21=$B$17,14,0)+IF('Standard Profiles'!$G$21=$B$24,21,0),0)),0)</f>
        <v>0</v>
      </c>
      <c r="H6273" cm="1">
        <f t="array" ref="H6273">IFERROR(INDEX(Jesper!AL$2:AL$366,ROUNDDOWN($C6273/24,0)+1,1)*INDEX($D$3:$AA$30,INDEX(Jesper!$R$2:$R$366,ROW(INDEX(Jesper!AL$2:AL$366,ROUNDDOWN($C6273/24,0)+1,1))-1)+IF('Standard Profiles'!$G$22=$B$10,7,0)+IF('Standard Profiles'!$G$22=$B$17,14,0)+IF('Standard Profiles'!$G$22=$B$24,21,0),MOD($C6273,24)+1)/SUM(INDEX($D$3:$AA$30,INDEX(Jesper!$R$2:$R$366,ROW(INDEX(Jesper!AL$2:AL$366,ROUNDDOWN($C6273/24,0)+1,1))-1)+IF('Standard Profiles'!$G$22=$B$10,7,0)+IF('Standard Profiles'!$G$22=$B$17,14,0)+IF('Standard Profiles'!$G$22=$B$24,21,0),0)),0)</f>
        <v>0</v>
      </c>
      <c r="I6273">
        <f t="shared" si="699"/>
        <v>0.23296308397146676</v>
      </c>
      <c r="J6273">
        <f t="shared" si="700"/>
        <v>0.77654361323822263</v>
      </c>
      <c r="K6273">
        <f t="shared" si="701"/>
        <v>1.1648154198573337</v>
      </c>
      <c r="L6273">
        <f t="shared" si="702"/>
        <v>5.5911140153152017</v>
      </c>
      <c r="M6273">
        <f t="shared" si="703"/>
        <v>0</v>
      </c>
      <c r="N6273" s="46">
        <f t="shared" si="704"/>
        <v>45551.958333318202</v>
      </c>
    </row>
    <row r="6274" spans="2:14" x14ac:dyDescent="0.3">
      <c r="B6274">
        <f t="shared" si="698"/>
        <v>2</v>
      </c>
      <c r="C6274" s="16">
        <v>6240</v>
      </c>
      <c r="D6274" cm="1">
        <f t="array" ref="D6274">IFERROR(INDEX(Jesper!AH$2:AH$366,ROUNDDOWN($C6274/24,0)+1,1)*INDEX($D$3:$AA$30,INDEX(Jesper!$R$2:$R$366,ROW(INDEX(Jesper!AH$2:AH$366,ROUNDDOWN($C6274/24,0)+1,1))-1)+IF('Standard Profiles'!$G$18=$B$10,7,0)+IF('Standard Profiles'!$G$18=$B$17,14,0)+IF('Standard Profiles'!$G$18=$B$24,21,0),MOD($C6274,24)+1)/SUM(INDEX($D$3:$AA$30,INDEX(Jesper!$R$2:$R$366,ROW(INDEX(Jesper!AH$2:AH$366,ROUNDDOWN($C6274/24,0)+1,1))-1)+IF('Standard Profiles'!$G$18=$B$10,7,0)+IF('Standard Profiles'!$G$18=$B$17,14,0)+IF('Standard Profiles'!$G$18=$B$24,21,0),0)),0)</f>
        <v>7.0636990680782459</v>
      </c>
      <c r="E6274" cm="1">
        <f t="array" ref="E6274">IFERROR(INDEX(Jesper!AI$2:AI$366,ROUNDDOWN($C6274/24,0)+1,1)*INDEX($D$3:$AA$30,INDEX(Jesper!$R$2:$R$366,ROW(INDEX(Jesper!AI$2:AI$366,ROUNDDOWN($C6274/24,0)+1,1))-1)+IF('Standard Profiles'!$G$19=$B$10,7,0)+IF('Standard Profiles'!$G$19=$B$17,14,0)+IF('Standard Profiles'!$G$19=$B$24,21,0),MOD($C6274,24)+1)/SUM(INDEX($D$3:$AA$30,INDEX(Jesper!$R$2:$R$366,ROW(INDEX(Jesper!AI$2:AI$366,ROUNDDOWN($C6274/24,0)+1,1))-1)+IF('Standard Profiles'!$G$19=$B$10,7,0)+IF('Standard Profiles'!$G$19=$B$17,14,0)+IF('Standard Profiles'!$G$19=$B$24,21,0),0)),0)</f>
        <v>0</v>
      </c>
      <c r="F6274" cm="1">
        <f t="array" ref="F6274">IFERROR(INDEX(Jesper!AJ$2:AJ$366,ROUNDDOWN($C6274/24,0)+1,1)*INDEX($D$3:$AA$30,INDEX(Jesper!$R$2:$R$366,ROW(INDEX(Jesper!AJ$2:AJ$366,ROUNDDOWN($C6274/24,0)+1,1))-1)+IF('Standard Profiles'!$G$20=$B$10,7,0)+IF('Standard Profiles'!$G$20=$B$17,14,0)+IF('Standard Profiles'!$G$20=$B$24,21,0),MOD($C6274,24)+1)/SUM(INDEX($D$3:$AA$30,INDEX(Jesper!$R$2:$R$366,ROW(INDEX(Jesper!AJ$2:AJ$366,ROUNDDOWN($C6274/24,0)+1,1))-1)+IF('Standard Profiles'!$G$20=$B$10,7,0)+IF('Standard Profiles'!$G$20=$B$17,14,0)+IF('Standard Profiles'!$G$20=$B$24,21,0),0)),0)</f>
        <v>0</v>
      </c>
      <c r="G6274" cm="1">
        <f t="array" ref="G6274">IFERROR(INDEX(Jesper!AK$2:AK$366,ROUNDDOWN($C6274/24,0)+1,1)*INDEX($D$3:$AA$30,INDEX(Jesper!$R$2:$R$366,ROW(INDEX(Jesper!AK$2:AK$366,ROUNDDOWN($C6274/24,0)+1,1))-1)+IF('Standard Profiles'!$G$21=$B$10,7,0)+IF('Standard Profiles'!$G$21=$B$17,14,0)+IF('Standard Profiles'!$G$21=$B$24,21,0),MOD($C6274,24)+1)/SUM(INDEX($D$3:$AA$30,INDEX(Jesper!$R$2:$R$366,ROW(INDEX(Jesper!AK$2:AK$366,ROUNDDOWN($C6274/24,0)+1,1))-1)+IF('Standard Profiles'!$G$21=$B$10,7,0)+IF('Standard Profiles'!$G$21=$B$17,14,0)+IF('Standard Profiles'!$G$21=$B$24,21,0),0)),0)</f>
        <v>0</v>
      </c>
      <c r="H6274" cm="1">
        <f t="array" ref="H6274">IFERROR(INDEX(Jesper!AL$2:AL$366,ROUNDDOWN($C6274/24,0)+1,1)*INDEX($D$3:$AA$30,INDEX(Jesper!$R$2:$R$366,ROW(INDEX(Jesper!AL$2:AL$366,ROUNDDOWN($C6274/24,0)+1,1))-1)+IF('Standard Profiles'!$G$22=$B$10,7,0)+IF('Standard Profiles'!$G$22=$B$17,14,0)+IF('Standard Profiles'!$G$22=$B$24,21,0),MOD($C6274,24)+1)/SUM(INDEX($D$3:$AA$30,INDEX(Jesper!$R$2:$R$366,ROW(INDEX(Jesper!AL$2:AL$366,ROUNDDOWN($C6274/24,0)+1,1))-1)+IF('Standard Profiles'!$G$22=$B$10,7,0)+IF('Standard Profiles'!$G$22=$B$17,14,0)+IF('Standard Profiles'!$G$22=$B$24,21,0),0)),0)</f>
        <v>0</v>
      </c>
      <c r="I6274">
        <f t="shared" si="699"/>
        <v>0.21191097204234738</v>
      </c>
      <c r="J6274">
        <f t="shared" si="700"/>
        <v>0.70636990680782463</v>
      </c>
      <c r="K6274">
        <f t="shared" si="701"/>
        <v>1.0595548602117368</v>
      </c>
      <c r="L6274">
        <f t="shared" si="702"/>
        <v>5.0858633290163366</v>
      </c>
      <c r="M6274">
        <f t="shared" si="703"/>
        <v>0</v>
      </c>
      <c r="N6274" s="46">
        <f t="shared" si="704"/>
        <v>45551.999999984866</v>
      </c>
    </row>
    <row r="6275" spans="2:14" x14ac:dyDescent="0.3">
      <c r="B6275">
        <f t="shared" si="698"/>
        <v>2</v>
      </c>
      <c r="C6275" s="16">
        <v>6241</v>
      </c>
      <c r="D6275" cm="1">
        <f t="array" ref="D6275">IFERROR(INDEX(Jesper!AH$2:AH$366,ROUNDDOWN($C6275/24,0)+1,1)*INDEX($D$3:$AA$30,INDEX(Jesper!$R$2:$R$366,ROW(INDEX(Jesper!AH$2:AH$366,ROUNDDOWN($C6275/24,0)+1,1))-1)+IF('Standard Profiles'!$G$18=$B$10,7,0)+IF('Standard Profiles'!$G$18=$B$17,14,0)+IF('Standard Profiles'!$G$18=$B$24,21,0),MOD($C6275,24)+1)/SUM(INDEX($D$3:$AA$30,INDEX(Jesper!$R$2:$R$366,ROW(INDEX(Jesper!AH$2:AH$366,ROUNDDOWN($C6275/24,0)+1,1))-1)+IF('Standard Profiles'!$G$18=$B$10,7,0)+IF('Standard Profiles'!$G$18=$B$17,14,0)+IF('Standard Profiles'!$G$18=$B$24,21,0),0)),0)</f>
        <v>7.0636990680782459</v>
      </c>
      <c r="E6275" cm="1">
        <f t="array" ref="E6275">IFERROR(INDEX(Jesper!AI$2:AI$366,ROUNDDOWN($C6275/24,0)+1,1)*INDEX($D$3:$AA$30,INDEX(Jesper!$R$2:$R$366,ROW(INDEX(Jesper!AI$2:AI$366,ROUNDDOWN($C6275/24,0)+1,1))-1)+IF('Standard Profiles'!$G$19=$B$10,7,0)+IF('Standard Profiles'!$G$19=$B$17,14,0)+IF('Standard Profiles'!$G$19=$B$24,21,0),MOD($C6275,24)+1)/SUM(INDEX($D$3:$AA$30,INDEX(Jesper!$R$2:$R$366,ROW(INDEX(Jesper!AI$2:AI$366,ROUNDDOWN($C6275/24,0)+1,1))-1)+IF('Standard Profiles'!$G$19=$B$10,7,0)+IF('Standard Profiles'!$G$19=$B$17,14,0)+IF('Standard Profiles'!$G$19=$B$24,21,0),0)),0)</f>
        <v>0</v>
      </c>
      <c r="F6275" cm="1">
        <f t="array" ref="F6275">IFERROR(INDEX(Jesper!AJ$2:AJ$366,ROUNDDOWN($C6275/24,0)+1,1)*INDEX($D$3:$AA$30,INDEX(Jesper!$R$2:$R$366,ROW(INDEX(Jesper!AJ$2:AJ$366,ROUNDDOWN($C6275/24,0)+1,1))-1)+IF('Standard Profiles'!$G$20=$B$10,7,0)+IF('Standard Profiles'!$G$20=$B$17,14,0)+IF('Standard Profiles'!$G$20=$B$24,21,0),MOD($C6275,24)+1)/SUM(INDEX($D$3:$AA$30,INDEX(Jesper!$R$2:$R$366,ROW(INDEX(Jesper!AJ$2:AJ$366,ROUNDDOWN($C6275/24,0)+1,1))-1)+IF('Standard Profiles'!$G$20=$B$10,7,0)+IF('Standard Profiles'!$G$20=$B$17,14,0)+IF('Standard Profiles'!$G$20=$B$24,21,0),0)),0)</f>
        <v>0</v>
      </c>
      <c r="G6275" cm="1">
        <f t="array" ref="G6275">IFERROR(INDEX(Jesper!AK$2:AK$366,ROUNDDOWN($C6275/24,0)+1,1)*INDEX($D$3:$AA$30,INDEX(Jesper!$R$2:$R$366,ROW(INDEX(Jesper!AK$2:AK$366,ROUNDDOWN($C6275/24,0)+1,1))-1)+IF('Standard Profiles'!$G$21=$B$10,7,0)+IF('Standard Profiles'!$G$21=$B$17,14,0)+IF('Standard Profiles'!$G$21=$B$24,21,0),MOD($C6275,24)+1)/SUM(INDEX($D$3:$AA$30,INDEX(Jesper!$R$2:$R$366,ROW(INDEX(Jesper!AK$2:AK$366,ROUNDDOWN($C6275/24,0)+1,1))-1)+IF('Standard Profiles'!$G$21=$B$10,7,0)+IF('Standard Profiles'!$G$21=$B$17,14,0)+IF('Standard Profiles'!$G$21=$B$24,21,0),0)),0)</f>
        <v>0</v>
      </c>
      <c r="H6275" cm="1">
        <f t="array" ref="H6275">IFERROR(INDEX(Jesper!AL$2:AL$366,ROUNDDOWN($C6275/24,0)+1,1)*INDEX($D$3:$AA$30,INDEX(Jesper!$R$2:$R$366,ROW(INDEX(Jesper!AL$2:AL$366,ROUNDDOWN($C6275/24,0)+1,1))-1)+IF('Standard Profiles'!$G$22=$B$10,7,0)+IF('Standard Profiles'!$G$22=$B$17,14,0)+IF('Standard Profiles'!$G$22=$B$24,21,0),MOD($C6275,24)+1)/SUM(INDEX($D$3:$AA$30,INDEX(Jesper!$R$2:$R$366,ROW(INDEX(Jesper!AL$2:AL$366,ROUNDDOWN($C6275/24,0)+1,1))-1)+IF('Standard Profiles'!$G$22=$B$10,7,0)+IF('Standard Profiles'!$G$22=$B$17,14,0)+IF('Standard Profiles'!$G$22=$B$24,21,0),0)),0)</f>
        <v>0</v>
      </c>
      <c r="I6275">
        <f t="shared" si="699"/>
        <v>0.21191097204234738</v>
      </c>
      <c r="J6275">
        <f t="shared" si="700"/>
        <v>0.70636990680782463</v>
      </c>
      <c r="K6275">
        <f t="shared" si="701"/>
        <v>1.0595548602117368</v>
      </c>
      <c r="L6275">
        <f t="shared" si="702"/>
        <v>5.0858633290163366</v>
      </c>
      <c r="M6275">
        <f t="shared" si="703"/>
        <v>0</v>
      </c>
      <c r="N6275" s="46">
        <f t="shared" si="704"/>
        <v>45552.04166665153</v>
      </c>
    </row>
    <row r="6276" spans="2:14" x14ac:dyDescent="0.3">
      <c r="B6276">
        <f t="shared" si="698"/>
        <v>2</v>
      </c>
      <c r="C6276" s="16">
        <v>6242</v>
      </c>
      <c r="D6276" cm="1">
        <f t="array" ref="D6276">IFERROR(INDEX(Jesper!AH$2:AH$366,ROUNDDOWN($C6276/24,0)+1,1)*INDEX($D$3:$AA$30,INDEX(Jesper!$R$2:$R$366,ROW(INDEX(Jesper!AH$2:AH$366,ROUNDDOWN($C6276/24,0)+1,1))-1)+IF('Standard Profiles'!$G$18=$B$10,7,0)+IF('Standard Profiles'!$G$18=$B$17,14,0)+IF('Standard Profiles'!$G$18=$B$24,21,0),MOD($C6276,24)+1)/SUM(INDEX($D$3:$AA$30,INDEX(Jesper!$R$2:$R$366,ROW(INDEX(Jesper!AH$2:AH$366,ROUNDDOWN($C6276/24,0)+1,1))-1)+IF('Standard Profiles'!$G$18=$B$10,7,0)+IF('Standard Profiles'!$G$18=$B$17,14,0)+IF('Standard Profiles'!$G$18=$B$24,21,0),0)),0)</f>
        <v>7.0636990680782459</v>
      </c>
      <c r="E6276" cm="1">
        <f t="array" ref="E6276">IFERROR(INDEX(Jesper!AI$2:AI$366,ROUNDDOWN($C6276/24,0)+1,1)*INDEX($D$3:$AA$30,INDEX(Jesper!$R$2:$R$366,ROW(INDEX(Jesper!AI$2:AI$366,ROUNDDOWN($C6276/24,0)+1,1))-1)+IF('Standard Profiles'!$G$19=$B$10,7,0)+IF('Standard Profiles'!$G$19=$B$17,14,0)+IF('Standard Profiles'!$G$19=$B$24,21,0),MOD($C6276,24)+1)/SUM(INDEX($D$3:$AA$30,INDEX(Jesper!$R$2:$R$366,ROW(INDEX(Jesper!AI$2:AI$366,ROUNDDOWN($C6276/24,0)+1,1))-1)+IF('Standard Profiles'!$G$19=$B$10,7,0)+IF('Standard Profiles'!$G$19=$B$17,14,0)+IF('Standard Profiles'!$G$19=$B$24,21,0),0)),0)</f>
        <v>0</v>
      </c>
      <c r="F6276" cm="1">
        <f t="array" ref="F6276">IFERROR(INDEX(Jesper!AJ$2:AJ$366,ROUNDDOWN($C6276/24,0)+1,1)*INDEX($D$3:$AA$30,INDEX(Jesper!$R$2:$R$366,ROW(INDEX(Jesper!AJ$2:AJ$366,ROUNDDOWN($C6276/24,0)+1,1))-1)+IF('Standard Profiles'!$G$20=$B$10,7,0)+IF('Standard Profiles'!$G$20=$B$17,14,0)+IF('Standard Profiles'!$G$20=$B$24,21,0),MOD($C6276,24)+1)/SUM(INDEX($D$3:$AA$30,INDEX(Jesper!$R$2:$R$366,ROW(INDEX(Jesper!AJ$2:AJ$366,ROUNDDOWN($C6276/24,0)+1,1))-1)+IF('Standard Profiles'!$G$20=$B$10,7,0)+IF('Standard Profiles'!$G$20=$B$17,14,0)+IF('Standard Profiles'!$G$20=$B$24,21,0),0)),0)</f>
        <v>0</v>
      </c>
      <c r="G6276" cm="1">
        <f t="array" ref="G6276">IFERROR(INDEX(Jesper!AK$2:AK$366,ROUNDDOWN($C6276/24,0)+1,1)*INDEX($D$3:$AA$30,INDEX(Jesper!$R$2:$R$366,ROW(INDEX(Jesper!AK$2:AK$366,ROUNDDOWN($C6276/24,0)+1,1))-1)+IF('Standard Profiles'!$G$21=$B$10,7,0)+IF('Standard Profiles'!$G$21=$B$17,14,0)+IF('Standard Profiles'!$G$21=$B$24,21,0),MOD($C6276,24)+1)/SUM(INDEX($D$3:$AA$30,INDEX(Jesper!$R$2:$R$366,ROW(INDEX(Jesper!AK$2:AK$366,ROUNDDOWN($C6276/24,0)+1,1))-1)+IF('Standard Profiles'!$G$21=$B$10,7,0)+IF('Standard Profiles'!$G$21=$B$17,14,0)+IF('Standard Profiles'!$G$21=$B$24,21,0),0)),0)</f>
        <v>0</v>
      </c>
      <c r="H6276" cm="1">
        <f t="array" ref="H6276">IFERROR(INDEX(Jesper!AL$2:AL$366,ROUNDDOWN($C6276/24,0)+1,1)*INDEX($D$3:$AA$30,INDEX(Jesper!$R$2:$R$366,ROW(INDEX(Jesper!AL$2:AL$366,ROUNDDOWN($C6276/24,0)+1,1))-1)+IF('Standard Profiles'!$G$22=$B$10,7,0)+IF('Standard Profiles'!$G$22=$B$17,14,0)+IF('Standard Profiles'!$G$22=$B$24,21,0),MOD($C6276,24)+1)/SUM(INDEX($D$3:$AA$30,INDEX(Jesper!$R$2:$R$366,ROW(INDEX(Jesper!AL$2:AL$366,ROUNDDOWN($C6276/24,0)+1,1))-1)+IF('Standard Profiles'!$G$22=$B$10,7,0)+IF('Standard Profiles'!$G$22=$B$17,14,0)+IF('Standard Profiles'!$G$22=$B$24,21,0),0)),0)</f>
        <v>0</v>
      </c>
      <c r="I6276">
        <f t="shared" si="699"/>
        <v>0.21191097204234738</v>
      </c>
      <c r="J6276">
        <f t="shared" si="700"/>
        <v>0.70636990680782463</v>
      </c>
      <c r="K6276">
        <f t="shared" si="701"/>
        <v>1.0595548602117368</v>
      </c>
      <c r="L6276">
        <f t="shared" si="702"/>
        <v>5.0858633290163366</v>
      </c>
      <c r="M6276">
        <f t="shared" si="703"/>
        <v>0</v>
      </c>
      <c r="N6276" s="46">
        <f t="shared" si="704"/>
        <v>45552.083333318194</v>
      </c>
    </row>
    <row r="6277" spans="2:14" x14ac:dyDescent="0.3">
      <c r="B6277">
        <f t="shared" si="698"/>
        <v>2</v>
      </c>
      <c r="C6277" s="16">
        <v>6243</v>
      </c>
      <c r="D6277" cm="1">
        <f t="array" ref="D6277">IFERROR(INDEX(Jesper!AH$2:AH$366,ROUNDDOWN($C6277/24,0)+1,1)*INDEX($D$3:$AA$30,INDEX(Jesper!$R$2:$R$366,ROW(INDEX(Jesper!AH$2:AH$366,ROUNDDOWN($C6277/24,0)+1,1))-1)+IF('Standard Profiles'!$G$18=$B$10,7,0)+IF('Standard Profiles'!$G$18=$B$17,14,0)+IF('Standard Profiles'!$G$18=$B$24,21,0),MOD($C6277,24)+1)/SUM(INDEX($D$3:$AA$30,INDEX(Jesper!$R$2:$R$366,ROW(INDEX(Jesper!AH$2:AH$366,ROUNDDOWN($C6277/24,0)+1,1))-1)+IF('Standard Profiles'!$G$18=$B$10,7,0)+IF('Standard Profiles'!$G$18=$B$17,14,0)+IF('Standard Profiles'!$G$18=$B$24,21,0),0)),0)</f>
        <v>7.0636990680782459</v>
      </c>
      <c r="E6277" cm="1">
        <f t="array" ref="E6277">IFERROR(INDEX(Jesper!AI$2:AI$366,ROUNDDOWN($C6277/24,0)+1,1)*INDEX($D$3:$AA$30,INDEX(Jesper!$R$2:$R$366,ROW(INDEX(Jesper!AI$2:AI$366,ROUNDDOWN($C6277/24,0)+1,1))-1)+IF('Standard Profiles'!$G$19=$B$10,7,0)+IF('Standard Profiles'!$G$19=$B$17,14,0)+IF('Standard Profiles'!$G$19=$B$24,21,0),MOD($C6277,24)+1)/SUM(INDEX($D$3:$AA$30,INDEX(Jesper!$R$2:$R$366,ROW(INDEX(Jesper!AI$2:AI$366,ROUNDDOWN($C6277/24,0)+1,1))-1)+IF('Standard Profiles'!$G$19=$B$10,7,0)+IF('Standard Profiles'!$G$19=$B$17,14,0)+IF('Standard Profiles'!$G$19=$B$24,21,0),0)),0)</f>
        <v>0</v>
      </c>
      <c r="F6277" cm="1">
        <f t="array" ref="F6277">IFERROR(INDEX(Jesper!AJ$2:AJ$366,ROUNDDOWN($C6277/24,0)+1,1)*INDEX($D$3:$AA$30,INDEX(Jesper!$R$2:$R$366,ROW(INDEX(Jesper!AJ$2:AJ$366,ROUNDDOWN($C6277/24,0)+1,1))-1)+IF('Standard Profiles'!$G$20=$B$10,7,0)+IF('Standard Profiles'!$G$20=$B$17,14,0)+IF('Standard Profiles'!$G$20=$B$24,21,0),MOD($C6277,24)+1)/SUM(INDEX($D$3:$AA$30,INDEX(Jesper!$R$2:$R$366,ROW(INDEX(Jesper!AJ$2:AJ$366,ROUNDDOWN($C6277/24,0)+1,1))-1)+IF('Standard Profiles'!$G$20=$B$10,7,0)+IF('Standard Profiles'!$G$20=$B$17,14,0)+IF('Standard Profiles'!$G$20=$B$24,21,0),0)),0)</f>
        <v>0</v>
      </c>
      <c r="G6277" cm="1">
        <f t="array" ref="G6277">IFERROR(INDEX(Jesper!AK$2:AK$366,ROUNDDOWN($C6277/24,0)+1,1)*INDEX($D$3:$AA$30,INDEX(Jesper!$R$2:$R$366,ROW(INDEX(Jesper!AK$2:AK$366,ROUNDDOWN($C6277/24,0)+1,1))-1)+IF('Standard Profiles'!$G$21=$B$10,7,0)+IF('Standard Profiles'!$G$21=$B$17,14,0)+IF('Standard Profiles'!$G$21=$B$24,21,0),MOD($C6277,24)+1)/SUM(INDEX($D$3:$AA$30,INDEX(Jesper!$R$2:$R$366,ROW(INDEX(Jesper!AK$2:AK$366,ROUNDDOWN($C6277/24,0)+1,1))-1)+IF('Standard Profiles'!$G$21=$B$10,7,0)+IF('Standard Profiles'!$G$21=$B$17,14,0)+IF('Standard Profiles'!$G$21=$B$24,21,0),0)),0)</f>
        <v>0</v>
      </c>
      <c r="H6277" cm="1">
        <f t="array" ref="H6277">IFERROR(INDEX(Jesper!AL$2:AL$366,ROUNDDOWN($C6277/24,0)+1,1)*INDEX($D$3:$AA$30,INDEX(Jesper!$R$2:$R$366,ROW(INDEX(Jesper!AL$2:AL$366,ROUNDDOWN($C6277/24,0)+1,1))-1)+IF('Standard Profiles'!$G$22=$B$10,7,0)+IF('Standard Profiles'!$G$22=$B$17,14,0)+IF('Standard Profiles'!$G$22=$B$24,21,0),MOD($C6277,24)+1)/SUM(INDEX($D$3:$AA$30,INDEX(Jesper!$R$2:$R$366,ROW(INDEX(Jesper!AL$2:AL$366,ROUNDDOWN($C6277/24,0)+1,1))-1)+IF('Standard Profiles'!$G$22=$B$10,7,0)+IF('Standard Profiles'!$G$22=$B$17,14,0)+IF('Standard Profiles'!$G$22=$B$24,21,0),0)),0)</f>
        <v>0</v>
      </c>
      <c r="I6277">
        <f t="shared" si="699"/>
        <v>0.21191097204234738</v>
      </c>
      <c r="J6277">
        <f t="shared" si="700"/>
        <v>0.70636990680782463</v>
      </c>
      <c r="K6277">
        <f t="shared" si="701"/>
        <v>1.0595548602117368</v>
      </c>
      <c r="L6277">
        <f t="shared" si="702"/>
        <v>5.0858633290163366</v>
      </c>
      <c r="M6277">
        <f t="shared" si="703"/>
        <v>0</v>
      </c>
      <c r="N6277" s="46">
        <f t="shared" si="704"/>
        <v>45552.124999984859</v>
      </c>
    </row>
    <row r="6278" spans="2:14" x14ac:dyDescent="0.3">
      <c r="B6278">
        <f t="shared" si="698"/>
        <v>2</v>
      </c>
      <c r="C6278" s="16">
        <v>6244</v>
      </c>
      <c r="D6278" cm="1">
        <f t="array" ref="D6278">IFERROR(INDEX(Jesper!AH$2:AH$366,ROUNDDOWN($C6278/24,0)+1,1)*INDEX($D$3:$AA$30,INDEX(Jesper!$R$2:$R$366,ROW(INDEX(Jesper!AH$2:AH$366,ROUNDDOWN($C6278/24,0)+1,1))-1)+IF('Standard Profiles'!$G$18=$B$10,7,0)+IF('Standard Profiles'!$G$18=$B$17,14,0)+IF('Standard Profiles'!$G$18=$B$24,21,0),MOD($C6278,24)+1)/SUM(INDEX($D$3:$AA$30,INDEX(Jesper!$R$2:$R$366,ROW(INDEX(Jesper!AH$2:AH$366,ROUNDDOWN($C6278/24,0)+1,1))-1)+IF('Standard Profiles'!$G$18=$B$10,7,0)+IF('Standard Profiles'!$G$18=$B$17,14,0)+IF('Standard Profiles'!$G$18=$B$24,21,0),0)),0)</f>
        <v>7.0636990680782459</v>
      </c>
      <c r="E6278" cm="1">
        <f t="array" ref="E6278">IFERROR(INDEX(Jesper!AI$2:AI$366,ROUNDDOWN($C6278/24,0)+1,1)*INDEX($D$3:$AA$30,INDEX(Jesper!$R$2:$R$366,ROW(INDEX(Jesper!AI$2:AI$366,ROUNDDOWN($C6278/24,0)+1,1))-1)+IF('Standard Profiles'!$G$19=$B$10,7,0)+IF('Standard Profiles'!$G$19=$B$17,14,0)+IF('Standard Profiles'!$G$19=$B$24,21,0),MOD($C6278,24)+1)/SUM(INDEX($D$3:$AA$30,INDEX(Jesper!$R$2:$R$366,ROW(INDEX(Jesper!AI$2:AI$366,ROUNDDOWN($C6278/24,0)+1,1))-1)+IF('Standard Profiles'!$G$19=$B$10,7,0)+IF('Standard Profiles'!$G$19=$B$17,14,0)+IF('Standard Profiles'!$G$19=$B$24,21,0),0)),0)</f>
        <v>0</v>
      </c>
      <c r="F6278" cm="1">
        <f t="array" ref="F6278">IFERROR(INDEX(Jesper!AJ$2:AJ$366,ROUNDDOWN($C6278/24,0)+1,1)*INDEX($D$3:$AA$30,INDEX(Jesper!$R$2:$R$366,ROW(INDEX(Jesper!AJ$2:AJ$366,ROUNDDOWN($C6278/24,0)+1,1))-1)+IF('Standard Profiles'!$G$20=$B$10,7,0)+IF('Standard Profiles'!$G$20=$B$17,14,0)+IF('Standard Profiles'!$G$20=$B$24,21,0),MOD($C6278,24)+1)/SUM(INDEX($D$3:$AA$30,INDEX(Jesper!$R$2:$R$366,ROW(INDEX(Jesper!AJ$2:AJ$366,ROUNDDOWN($C6278/24,0)+1,1))-1)+IF('Standard Profiles'!$G$20=$B$10,7,0)+IF('Standard Profiles'!$G$20=$B$17,14,0)+IF('Standard Profiles'!$G$20=$B$24,21,0),0)),0)</f>
        <v>0</v>
      </c>
      <c r="G6278" cm="1">
        <f t="array" ref="G6278">IFERROR(INDEX(Jesper!AK$2:AK$366,ROUNDDOWN($C6278/24,0)+1,1)*INDEX($D$3:$AA$30,INDEX(Jesper!$R$2:$R$366,ROW(INDEX(Jesper!AK$2:AK$366,ROUNDDOWN($C6278/24,0)+1,1))-1)+IF('Standard Profiles'!$G$21=$B$10,7,0)+IF('Standard Profiles'!$G$21=$B$17,14,0)+IF('Standard Profiles'!$G$21=$B$24,21,0),MOD($C6278,24)+1)/SUM(INDEX($D$3:$AA$30,INDEX(Jesper!$R$2:$R$366,ROW(INDEX(Jesper!AK$2:AK$366,ROUNDDOWN($C6278/24,0)+1,1))-1)+IF('Standard Profiles'!$G$21=$B$10,7,0)+IF('Standard Profiles'!$G$21=$B$17,14,0)+IF('Standard Profiles'!$G$21=$B$24,21,0),0)),0)</f>
        <v>0</v>
      </c>
      <c r="H6278" cm="1">
        <f t="array" ref="H6278">IFERROR(INDEX(Jesper!AL$2:AL$366,ROUNDDOWN($C6278/24,0)+1,1)*INDEX($D$3:$AA$30,INDEX(Jesper!$R$2:$R$366,ROW(INDEX(Jesper!AL$2:AL$366,ROUNDDOWN($C6278/24,0)+1,1))-1)+IF('Standard Profiles'!$G$22=$B$10,7,0)+IF('Standard Profiles'!$G$22=$B$17,14,0)+IF('Standard Profiles'!$G$22=$B$24,21,0),MOD($C6278,24)+1)/SUM(INDEX($D$3:$AA$30,INDEX(Jesper!$R$2:$R$366,ROW(INDEX(Jesper!AL$2:AL$366,ROUNDDOWN($C6278/24,0)+1,1))-1)+IF('Standard Profiles'!$G$22=$B$10,7,0)+IF('Standard Profiles'!$G$22=$B$17,14,0)+IF('Standard Profiles'!$G$22=$B$24,21,0),0)),0)</f>
        <v>0</v>
      </c>
      <c r="I6278">
        <f t="shared" si="699"/>
        <v>0.21191097204234738</v>
      </c>
      <c r="J6278">
        <f t="shared" si="700"/>
        <v>0.70636990680782463</v>
      </c>
      <c r="K6278">
        <f t="shared" si="701"/>
        <v>1.0595548602117368</v>
      </c>
      <c r="L6278">
        <f t="shared" si="702"/>
        <v>5.0858633290163366</v>
      </c>
      <c r="M6278">
        <f t="shared" si="703"/>
        <v>0</v>
      </c>
      <c r="N6278" s="46">
        <f t="shared" si="704"/>
        <v>45552.166666651523</v>
      </c>
    </row>
    <row r="6279" spans="2:14" x14ac:dyDescent="0.3">
      <c r="B6279">
        <f t="shared" si="698"/>
        <v>2</v>
      </c>
      <c r="C6279" s="16">
        <v>6245</v>
      </c>
      <c r="D6279" cm="1">
        <f t="array" ref="D6279">IFERROR(INDEX(Jesper!AH$2:AH$366,ROUNDDOWN($C6279/24,0)+1,1)*INDEX($D$3:$AA$30,INDEX(Jesper!$R$2:$R$366,ROW(INDEX(Jesper!AH$2:AH$366,ROUNDDOWN($C6279/24,0)+1,1))-1)+IF('Standard Profiles'!$G$18=$B$10,7,0)+IF('Standard Profiles'!$G$18=$B$17,14,0)+IF('Standard Profiles'!$G$18=$B$24,21,0),MOD($C6279,24)+1)/SUM(INDEX($D$3:$AA$30,INDEX(Jesper!$R$2:$R$366,ROW(INDEX(Jesper!AH$2:AH$366,ROUNDDOWN($C6279/24,0)+1,1))-1)+IF('Standard Profiles'!$G$18=$B$10,7,0)+IF('Standard Profiles'!$G$18=$B$17,14,0)+IF('Standard Profiles'!$G$18=$B$24,21,0),0)),0)</f>
        <v>9.1828087885017187</v>
      </c>
      <c r="E6279" cm="1">
        <f t="array" ref="E6279">IFERROR(INDEX(Jesper!AI$2:AI$366,ROUNDDOWN($C6279/24,0)+1,1)*INDEX($D$3:$AA$30,INDEX(Jesper!$R$2:$R$366,ROW(INDEX(Jesper!AI$2:AI$366,ROUNDDOWN($C6279/24,0)+1,1))-1)+IF('Standard Profiles'!$G$19=$B$10,7,0)+IF('Standard Profiles'!$G$19=$B$17,14,0)+IF('Standard Profiles'!$G$19=$B$24,21,0),MOD($C6279,24)+1)/SUM(INDEX($D$3:$AA$30,INDEX(Jesper!$R$2:$R$366,ROW(INDEX(Jesper!AI$2:AI$366,ROUNDDOWN($C6279/24,0)+1,1))-1)+IF('Standard Profiles'!$G$19=$B$10,7,0)+IF('Standard Profiles'!$G$19=$B$17,14,0)+IF('Standard Profiles'!$G$19=$B$24,21,0),0)),0)</f>
        <v>0</v>
      </c>
      <c r="F6279" cm="1">
        <f t="array" ref="F6279">IFERROR(INDEX(Jesper!AJ$2:AJ$366,ROUNDDOWN($C6279/24,0)+1,1)*INDEX($D$3:$AA$30,INDEX(Jesper!$R$2:$R$366,ROW(INDEX(Jesper!AJ$2:AJ$366,ROUNDDOWN($C6279/24,0)+1,1))-1)+IF('Standard Profiles'!$G$20=$B$10,7,0)+IF('Standard Profiles'!$G$20=$B$17,14,0)+IF('Standard Profiles'!$G$20=$B$24,21,0),MOD($C6279,24)+1)/SUM(INDEX($D$3:$AA$30,INDEX(Jesper!$R$2:$R$366,ROW(INDEX(Jesper!AJ$2:AJ$366,ROUNDDOWN($C6279/24,0)+1,1))-1)+IF('Standard Profiles'!$G$20=$B$10,7,0)+IF('Standard Profiles'!$G$20=$B$17,14,0)+IF('Standard Profiles'!$G$20=$B$24,21,0),0)),0)</f>
        <v>0</v>
      </c>
      <c r="G6279" cm="1">
        <f t="array" ref="G6279">IFERROR(INDEX(Jesper!AK$2:AK$366,ROUNDDOWN($C6279/24,0)+1,1)*INDEX($D$3:$AA$30,INDEX(Jesper!$R$2:$R$366,ROW(INDEX(Jesper!AK$2:AK$366,ROUNDDOWN($C6279/24,0)+1,1))-1)+IF('Standard Profiles'!$G$21=$B$10,7,0)+IF('Standard Profiles'!$G$21=$B$17,14,0)+IF('Standard Profiles'!$G$21=$B$24,21,0),MOD($C6279,24)+1)/SUM(INDEX($D$3:$AA$30,INDEX(Jesper!$R$2:$R$366,ROW(INDEX(Jesper!AK$2:AK$366,ROUNDDOWN($C6279/24,0)+1,1))-1)+IF('Standard Profiles'!$G$21=$B$10,7,0)+IF('Standard Profiles'!$G$21=$B$17,14,0)+IF('Standard Profiles'!$G$21=$B$24,21,0),0)),0)</f>
        <v>0</v>
      </c>
      <c r="H6279" cm="1">
        <f t="array" ref="H6279">IFERROR(INDEX(Jesper!AL$2:AL$366,ROUNDDOWN($C6279/24,0)+1,1)*INDEX($D$3:$AA$30,INDEX(Jesper!$R$2:$R$366,ROW(INDEX(Jesper!AL$2:AL$366,ROUNDDOWN($C6279/24,0)+1,1))-1)+IF('Standard Profiles'!$G$22=$B$10,7,0)+IF('Standard Profiles'!$G$22=$B$17,14,0)+IF('Standard Profiles'!$G$22=$B$24,21,0),MOD($C6279,24)+1)/SUM(INDEX($D$3:$AA$30,INDEX(Jesper!$R$2:$R$366,ROW(INDEX(Jesper!AL$2:AL$366,ROUNDDOWN($C6279/24,0)+1,1))-1)+IF('Standard Profiles'!$G$22=$B$10,7,0)+IF('Standard Profiles'!$G$22=$B$17,14,0)+IF('Standard Profiles'!$G$22=$B$24,21,0),0)),0)</f>
        <v>0</v>
      </c>
      <c r="I6279">
        <f t="shared" si="699"/>
        <v>0.27548426365505158</v>
      </c>
      <c r="J6279">
        <f t="shared" si="700"/>
        <v>0.91828087885017196</v>
      </c>
      <c r="K6279">
        <f t="shared" si="701"/>
        <v>1.3774213182752577</v>
      </c>
      <c r="L6279">
        <f t="shared" si="702"/>
        <v>6.6116223277212374</v>
      </c>
      <c r="M6279">
        <f t="shared" si="703"/>
        <v>0</v>
      </c>
      <c r="N6279" s="46">
        <f t="shared" si="704"/>
        <v>45552.208333318187</v>
      </c>
    </row>
    <row r="6280" spans="2:14" x14ac:dyDescent="0.3">
      <c r="B6280">
        <f t="shared" si="698"/>
        <v>2</v>
      </c>
      <c r="C6280" s="16">
        <v>6246</v>
      </c>
      <c r="D6280" cm="1">
        <f t="array" ref="D6280">IFERROR(INDEX(Jesper!AH$2:AH$366,ROUNDDOWN($C6280/24,0)+1,1)*INDEX($D$3:$AA$30,INDEX(Jesper!$R$2:$R$366,ROW(INDEX(Jesper!AH$2:AH$366,ROUNDDOWN($C6280/24,0)+1,1))-1)+IF('Standard Profiles'!$G$18=$B$10,7,0)+IF('Standard Profiles'!$G$18=$B$17,14,0)+IF('Standard Profiles'!$G$18=$B$24,21,0),MOD($C6280,24)+1)/SUM(INDEX($D$3:$AA$30,INDEX(Jesper!$R$2:$R$366,ROW(INDEX(Jesper!AH$2:AH$366,ROUNDDOWN($C6280/24,0)+1,1))-1)+IF('Standard Profiles'!$G$18=$B$10,7,0)+IF('Standard Profiles'!$G$18=$B$17,14,0)+IF('Standard Profiles'!$G$18=$B$24,21,0),0)),0)</f>
        <v>10.242363648713456</v>
      </c>
      <c r="E6280" cm="1">
        <f t="array" ref="E6280">IFERROR(INDEX(Jesper!AI$2:AI$366,ROUNDDOWN($C6280/24,0)+1,1)*INDEX($D$3:$AA$30,INDEX(Jesper!$R$2:$R$366,ROW(INDEX(Jesper!AI$2:AI$366,ROUNDDOWN($C6280/24,0)+1,1))-1)+IF('Standard Profiles'!$G$19=$B$10,7,0)+IF('Standard Profiles'!$G$19=$B$17,14,0)+IF('Standard Profiles'!$G$19=$B$24,21,0),MOD($C6280,24)+1)/SUM(INDEX($D$3:$AA$30,INDEX(Jesper!$R$2:$R$366,ROW(INDEX(Jesper!AI$2:AI$366,ROUNDDOWN($C6280/24,0)+1,1))-1)+IF('Standard Profiles'!$G$19=$B$10,7,0)+IF('Standard Profiles'!$G$19=$B$17,14,0)+IF('Standard Profiles'!$G$19=$B$24,21,0),0)),0)</f>
        <v>0</v>
      </c>
      <c r="F6280" cm="1">
        <f t="array" ref="F6280">IFERROR(INDEX(Jesper!AJ$2:AJ$366,ROUNDDOWN($C6280/24,0)+1,1)*INDEX($D$3:$AA$30,INDEX(Jesper!$R$2:$R$366,ROW(INDEX(Jesper!AJ$2:AJ$366,ROUNDDOWN($C6280/24,0)+1,1))-1)+IF('Standard Profiles'!$G$20=$B$10,7,0)+IF('Standard Profiles'!$G$20=$B$17,14,0)+IF('Standard Profiles'!$G$20=$B$24,21,0),MOD($C6280,24)+1)/SUM(INDEX($D$3:$AA$30,INDEX(Jesper!$R$2:$R$366,ROW(INDEX(Jesper!AJ$2:AJ$366,ROUNDDOWN($C6280/24,0)+1,1))-1)+IF('Standard Profiles'!$G$20=$B$10,7,0)+IF('Standard Profiles'!$G$20=$B$17,14,0)+IF('Standard Profiles'!$G$20=$B$24,21,0),0)),0)</f>
        <v>0</v>
      </c>
      <c r="G6280" cm="1">
        <f t="array" ref="G6280">IFERROR(INDEX(Jesper!AK$2:AK$366,ROUNDDOWN($C6280/24,0)+1,1)*INDEX($D$3:$AA$30,INDEX(Jesper!$R$2:$R$366,ROW(INDEX(Jesper!AK$2:AK$366,ROUNDDOWN($C6280/24,0)+1,1))-1)+IF('Standard Profiles'!$G$21=$B$10,7,0)+IF('Standard Profiles'!$G$21=$B$17,14,0)+IF('Standard Profiles'!$G$21=$B$24,21,0),MOD($C6280,24)+1)/SUM(INDEX($D$3:$AA$30,INDEX(Jesper!$R$2:$R$366,ROW(INDEX(Jesper!AK$2:AK$366,ROUNDDOWN($C6280/24,0)+1,1))-1)+IF('Standard Profiles'!$G$21=$B$10,7,0)+IF('Standard Profiles'!$G$21=$B$17,14,0)+IF('Standard Profiles'!$G$21=$B$24,21,0),0)),0)</f>
        <v>0</v>
      </c>
      <c r="H6280" cm="1">
        <f t="array" ref="H6280">IFERROR(INDEX(Jesper!AL$2:AL$366,ROUNDDOWN($C6280/24,0)+1,1)*INDEX($D$3:$AA$30,INDEX(Jesper!$R$2:$R$366,ROW(INDEX(Jesper!AL$2:AL$366,ROUNDDOWN($C6280/24,0)+1,1))-1)+IF('Standard Profiles'!$G$22=$B$10,7,0)+IF('Standard Profiles'!$G$22=$B$17,14,0)+IF('Standard Profiles'!$G$22=$B$24,21,0),MOD($C6280,24)+1)/SUM(INDEX($D$3:$AA$30,INDEX(Jesper!$R$2:$R$366,ROW(INDEX(Jesper!AL$2:AL$366,ROUNDDOWN($C6280/24,0)+1,1))-1)+IF('Standard Profiles'!$G$22=$B$10,7,0)+IF('Standard Profiles'!$G$22=$B$17,14,0)+IF('Standard Profiles'!$G$22=$B$24,21,0),0)),0)</f>
        <v>0</v>
      </c>
      <c r="I6280">
        <f t="shared" si="699"/>
        <v>0.30727090946140367</v>
      </c>
      <c r="J6280">
        <f t="shared" si="700"/>
        <v>1.0242363648713455</v>
      </c>
      <c r="K6280">
        <f t="shared" si="701"/>
        <v>1.5363545473070184</v>
      </c>
      <c r="L6280">
        <f t="shared" si="702"/>
        <v>7.3745018270736873</v>
      </c>
      <c r="M6280">
        <f t="shared" si="703"/>
        <v>0</v>
      </c>
      <c r="N6280" s="46">
        <f t="shared" si="704"/>
        <v>45552.249999984851</v>
      </c>
    </row>
    <row r="6281" spans="2:14" x14ac:dyDescent="0.3">
      <c r="B6281">
        <f t="shared" si="698"/>
        <v>2</v>
      </c>
      <c r="C6281" s="16">
        <v>6247</v>
      </c>
      <c r="D6281" cm="1">
        <f t="array" ref="D6281">IFERROR(INDEX(Jesper!AH$2:AH$366,ROUNDDOWN($C6281/24,0)+1,1)*INDEX($D$3:$AA$30,INDEX(Jesper!$R$2:$R$366,ROW(INDEX(Jesper!AH$2:AH$366,ROUNDDOWN($C6281/24,0)+1,1))-1)+IF('Standard Profiles'!$G$18=$B$10,7,0)+IF('Standard Profiles'!$G$18=$B$17,14,0)+IF('Standard Profiles'!$G$18=$B$24,21,0),MOD($C6281,24)+1)/SUM(INDEX($D$3:$AA$30,INDEX(Jesper!$R$2:$R$366,ROW(INDEX(Jesper!AH$2:AH$366,ROUNDDOWN($C6281/24,0)+1,1))-1)+IF('Standard Profiles'!$G$18=$B$10,7,0)+IF('Standard Profiles'!$G$18=$B$17,14,0)+IF('Standard Profiles'!$G$18=$B$24,21,0),0)),0)</f>
        <v>10.595548602117368</v>
      </c>
      <c r="E6281" cm="1">
        <f t="array" ref="E6281">IFERROR(INDEX(Jesper!AI$2:AI$366,ROUNDDOWN($C6281/24,0)+1,1)*INDEX($D$3:$AA$30,INDEX(Jesper!$R$2:$R$366,ROW(INDEX(Jesper!AI$2:AI$366,ROUNDDOWN($C6281/24,0)+1,1))-1)+IF('Standard Profiles'!$G$19=$B$10,7,0)+IF('Standard Profiles'!$G$19=$B$17,14,0)+IF('Standard Profiles'!$G$19=$B$24,21,0),MOD($C6281,24)+1)/SUM(INDEX($D$3:$AA$30,INDEX(Jesper!$R$2:$R$366,ROW(INDEX(Jesper!AI$2:AI$366,ROUNDDOWN($C6281/24,0)+1,1))-1)+IF('Standard Profiles'!$G$19=$B$10,7,0)+IF('Standard Profiles'!$G$19=$B$17,14,0)+IF('Standard Profiles'!$G$19=$B$24,21,0),0)),0)</f>
        <v>0</v>
      </c>
      <c r="F6281" cm="1">
        <f t="array" ref="F6281">IFERROR(INDEX(Jesper!AJ$2:AJ$366,ROUNDDOWN($C6281/24,0)+1,1)*INDEX($D$3:$AA$30,INDEX(Jesper!$R$2:$R$366,ROW(INDEX(Jesper!AJ$2:AJ$366,ROUNDDOWN($C6281/24,0)+1,1))-1)+IF('Standard Profiles'!$G$20=$B$10,7,0)+IF('Standard Profiles'!$G$20=$B$17,14,0)+IF('Standard Profiles'!$G$20=$B$24,21,0),MOD($C6281,24)+1)/SUM(INDEX($D$3:$AA$30,INDEX(Jesper!$R$2:$R$366,ROW(INDEX(Jesper!AJ$2:AJ$366,ROUNDDOWN($C6281/24,0)+1,1))-1)+IF('Standard Profiles'!$G$20=$B$10,7,0)+IF('Standard Profiles'!$G$20=$B$17,14,0)+IF('Standard Profiles'!$G$20=$B$24,21,0),0)),0)</f>
        <v>0</v>
      </c>
      <c r="G6281" cm="1">
        <f t="array" ref="G6281">IFERROR(INDEX(Jesper!AK$2:AK$366,ROUNDDOWN($C6281/24,0)+1,1)*INDEX($D$3:$AA$30,INDEX(Jesper!$R$2:$R$366,ROW(INDEX(Jesper!AK$2:AK$366,ROUNDDOWN($C6281/24,0)+1,1))-1)+IF('Standard Profiles'!$G$21=$B$10,7,0)+IF('Standard Profiles'!$G$21=$B$17,14,0)+IF('Standard Profiles'!$G$21=$B$24,21,0),MOD($C6281,24)+1)/SUM(INDEX($D$3:$AA$30,INDEX(Jesper!$R$2:$R$366,ROW(INDEX(Jesper!AK$2:AK$366,ROUNDDOWN($C6281/24,0)+1,1))-1)+IF('Standard Profiles'!$G$21=$B$10,7,0)+IF('Standard Profiles'!$G$21=$B$17,14,0)+IF('Standard Profiles'!$G$21=$B$24,21,0),0)),0)</f>
        <v>0</v>
      </c>
      <c r="H6281" cm="1">
        <f t="array" ref="H6281">IFERROR(INDEX(Jesper!AL$2:AL$366,ROUNDDOWN($C6281/24,0)+1,1)*INDEX($D$3:$AA$30,INDEX(Jesper!$R$2:$R$366,ROW(INDEX(Jesper!AL$2:AL$366,ROUNDDOWN($C6281/24,0)+1,1))-1)+IF('Standard Profiles'!$G$22=$B$10,7,0)+IF('Standard Profiles'!$G$22=$B$17,14,0)+IF('Standard Profiles'!$G$22=$B$24,21,0),MOD($C6281,24)+1)/SUM(INDEX($D$3:$AA$30,INDEX(Jesper!$R$2:$R$366,ROW(INDEX(Jesper!AL$2:AL$366,ROUNDDOWN($C6281/24,0)+1,1))-1)+IF('Standard Profiles'!$G$22=$B$10,7,0)+IF('Standard Profiles'!$G$22=$B$17,14,0)+IF('Standard Profiles'!$G$22=$B$24,21,0),0)),0)</f>
        <v>0</v>
      </c>
      <c r="I6281">
        <f t="shared" si="699"/>
        <v>0.31786645806352104</v>
      </c>
      <c r="J6281">
        <f t="shared" si="700"/>
        <v>1.0595548602117368</v>
      </c>
      <c r="K6281">
        <f t="shared" si="701"/>
        <v>1.5893322903176053</v>
      </c>
      <c r="L6281">
        <f t="shared" si="702"/>
        <v>7.6287949935245045</v>
      </c>
      <c r="M6281">
        <f t="shared" si="703"/>
        <v>0</v>
      </c>
      <c r="N6281" s="46">
        <f t="shared" si="704"/>
        <v>45552.291666651516</v>
      </c>
    </row>
    <row r="6282" spans="2:14" x14ac:dyDescent="0.3">
      <c r="B6282">
        <f t="shared" si="698"/>
        <v>2</v>
      </c>
      <c r="C6282" s="16">
        <v>6248</v>
      </c>
      <c r="D6282" cm="1">
        <f t="array" ref="D6282">IFERROR(INDEX(Jesper!AH$2:AH$366,ROUNDDOWN($C6282/24,0)+1,1)*INDEX($D$3:$AA$30,INDEX(Jesper!$R$2:$R$366,ROW(INDEX(Jesper!AH$2:AH$366,ROUNDDOWN($C6282/24,0)+1,1))-1)+IF('Standard Profiles'!$G$18=$B$10,7,0)+IF('Standard Profiles'!$G$18=$B$17,14,0)+IF('Standard Profiles'!$G$18=$B$24,21,0),MOD($C6282,24)+1)/SUM(INDEX($D$3:$AA$30,INDEX(Jesper!$R$2:$R$366,ROW(INDEX(Jesper!AH$2:AH$366,ROUNDDOWN($C6282/24,0)+1,1))-1)+IF('Standard Profiles'!$G$18=$B$10,7,0)+IF('Standard Profiles'!$G$18=$B$17,14,0)+IF('Standard Profiles'!$G$18=$B$24,21,0),0)),0)</f>
        <v>10.595548602117368</v>
      </c>
      <c r="E6282" cm="1">
        <f t="array" ref="E6282">IFERROR(INDEX(Jesper!AI$2:AI$366,ROUNDDOWN($C6282/24,0)+1,1)*INDEX($D$3:$AA$30,INDEX(Jesper!$R$2:$R$366,ROW(INDEX(Jesper!AI$2:AI$366,ROUNDDOWN($C6282/24,0)+1,1))-1)+IF('Standard Profiles'!$G$19=$B$10,7,0)+IF('Standard Profiles'!$G$19=$B$17,14,0)+IF('Standard Profiles'!$G$19=$B$24,21,0),MOD($C6282,24)+1)/SUM(INDEX($D$3:$AA$30,INDEX(Jesper!$R$2:$R$366,ROW(INDEX(Jesper!AI$2:AI$366,ROUNDDOWN($C6282/24,0)+1,1))-1)+IF('Standard Profiles'!$G$19=$B$10,7,0)+IF('Standard Profiles'!$G$19=$B$17,14,0)+IF('Standard Profiles'!$G$19=$B$24,21,0),0)),0)</f>
        <v>0</v>
      </c>
      <c r="F6282" cm="1">
        <f t="array" ref="F6282">IFERROR(INDEX(Jesper!AJ$2:AJ$366,ROUNDDOWN($C6282/24,0)+1,1)*INDEX($D$3:$AA$30,INDEX(Jesper!$R$2:$R$366,ROW(INDEX(Jesper!AJ$2:AJ$366,ROUNDDOWN($C6282/24,0)+1,1))-1)+IF('Standard Profiles'!$G$20=$B$10,7,0)+IF('Standard Profiles'!$G$20=$B$17,14,0)+IF('Standard Profiles'!$G$20=$B$24,21,0),MOD($C6282,24)+1)/SUM(INDEX($D$3:$AA$30,INDEX(Jesper!$R$2:$R$366,ROW(INDEX(Jesper!AJ$2:AJ$366,ROUNDDOWN($C6282/24,0)+1,1))-1)+IF('Standard Profiles'!$G$20=$B$10,7,0)+IF('Standard Profiles'!$G$20=$B$17,14,0)+IF('Standard Profiles'!$G$20=$B$24,21,0),0)),0)</f>
        <v>0</v>
      </c>
      <c r="G6282" cm="1">
        <f t="array" ref="G6282">IFERROR(INDEX(Jesper!AK$2:AK$366,ROUNDDOWN($C6282/24,0)+1,1)*INDEX($D$3:$AA$30,INDEX(Jesper!$R$2:$R$366,ROW(INDEX(Jesper!AK$2:AK$366,ROUNDDOWN($C6282/24,0)+1,1))-1)+IF('Standard Profiles'!$G$21=$B$10,7,0)+IF('Standard Profiles'!$G$21=$B$17,14,0)+IF('Standard Profiles'!$G$21=$B$24,21,0),MOD($C6282,24)+1)/SUM(INDEX($D$3:$AA$30,INDEX(Jesper!$R$2:$R$366,ROW(INDEX(Jesper!AK$2:AK$366,ROUNDDOWN($C6282/24,0)+1,1))-1)+IF('Standard Profiles'!$G$21=$B$10,7,0)+IF('Standard Profiles'!$G$21=$B$17,14,0)+IF('Standard Profiles'!$G$21=$B$24,21,0),0)),0)</f>
        <v>0</v>
      </c>
      <c r="H6282" cm="1">
        <f t="array" ref="H6282">IFERROR(INDEX(Jesper!AL$2:AL$366,ROUNDDOWN($C6282/24,0)+1,1)*INDEX($D$3:$AA$30,INDEX(Jesper!$R$2:$R$366,ROW(INDEX(Jesper!AL$2:AL$366,ROUNDDOWN($C6282/24,0)+1,1))-1)+IF('Standard Profiles'!$G$22=$B$10,7,0)+IF('Standard Profiles'!$G$22=$B$17,14,0)+IF('Standard Profiles'!$G$22=$B$24,21,0),MOD($C6282,24)+1)/SUM(INDEX($D$3:$AA$30,INDEX(Jesper!$R$2:$R$366,ROW(INDEX(Jesper!AL$2:AL$366,ROUNDDOWN($C6282/24,0)+1,1))-1)+IF('Standard Profiles'!$G$22=$B$10,7,0)+IF('Standard Profiles'!$G$22=$B$17,14,0)+IF('Standard Profiles'!$G$22=$B$24,21,0),0)),0)</f>
        <v>0</v>
      </c>
      <c r="I6282">
        <f t="shared" si="699"/>
        <v>0.31786645806352104</v>
      </c>
      <c r="J6282">
        <f t="shared" si="700"/>
        <v>1.0595548602117368</v>
      </c>
      <c r="K6282">
        <f t="shared" si="701"/>
        <v>1.5893322903176053</v>
      </c>
      <c r="L6282">
        <f t="shared" si="702"/>
        <v>7.6287949935245045</v>
      </c>
      <c r="M6282">
        <f t="shared" si="703"/>
        <v>0</v>
      </c>
      <c r="N6282" s="46">
        <f t="shared" si="704"/>
        <v>45552.33333331818</v>
      </c>
    </row>
    <row r="6283" spans="2:14" x14ac:dyDescent="0.3">
      <c r="B6283">
        <f t="shared" si="698"/>
        <v>2</v>
      </c>
      <c r="C6283" s="16">
        <v>6249</v>
      </c>
      <c r="D6283" cm="1">
        <f t="array" ref="D6283">IFERROR(INDEX(Jesper!AH$2:AH$366,ROUNDDOWN($C6283/24,0)+1,1)*INDEX($D$3:$AA$30,INDEX(Jesper!$R$2:$R$366,ROW(INDEX(Jesper!AH$2:AH$366,ROUNDDOWN($C6283/24,0)+1,1))-1)+IF('Standard Profiles'!$G$18=$B$10,7,0)+IF('Standard Profiles'!$G$18=$B$17,14,0)+IF('Standard Profiles'!$G$18=$B$24,21,0),MOD($C6283,24)+1)/SUM(INDEX($D$3:$AA$30,INDEX(Jesper!$R$2:$R$366,ROW(INDEX(Jesper!AH$2:AH$366,ROUNDDOWN($C6283/24,0)+1,1))-1)+IF('Standard Profiles'!$G$18=$B$10,7,0)+IF('Standard Profiles'!$G$18=$B$17,14,0)+IF('Standard Profiles'!$G$18=$B$24,21,0),0)),0)</f>
        <v>11.47851098562715</v>
      </c>
      <c r="E6283" cm="1">
        <f t="array" ref="E6283">IFERROR(INDEX(Jesper!AI$2:AI$366,ROUNDDOWN($C6283/24,0)+1,1)*INDEX($D$3:$AA$30,INDEX(Jesper!$R$2:$R$366,ROW(INDEX(Jesper!AI$2:AI$366,ROUNDDOWN($C6283/24,0)+1,1))-1)+IF('Standard Profiles'!$G$19=$B$10,7,0)+IF('Standard Profiles'!$G$19=$B$17,14,0)+IF('Standard Profiles'!$G$19=$B$24,21,0),MOD($C6283,24)+1)/SUM(INDEX($D$3:$AA$30,INDEX(Jesper!$R$2:$R$366,ROW(INDEX(Jesper!AI$2:AI$366,ROUNDDOWN($C6283/24,0)+1,1))-1)+IF('Standard Profiles'!$G$19=$B$10,7,0)+IF('Standard Profiles'!$G$19=$B$17,14,0)+IF('Standard Profiles'!$G$19=$B$24,21,0),0)),0)</f>
        <v>0</v>
      </c>
      <c r="F6283" cm="1">
        <f t="array" ref="F6283">IFERROR(INDEX(Jesper!AJ$2:AJ$366,ROUNDDOWN($C6283/24,0)+1,1)*INDEX($D$3:$AA$30,INDEX(Jesper!$R$2:$R$366,ROW(INDEX(Jesper!AJ$2:AJ$366,ROUNDDOWN($C6283/24,0)+1,1))-1)+IF('Standard Profiles'!$G$20=$B$10,7,0)+IF('Standard Profiles'!$G$20=$B$17,14,0)+IF('Standard Profiles'!$G$20=$B$24,21,0),MOD($C6283,24)+1)/SUM(INDEX($D$3:$AA$30,INDEX(Jesper!$R$2:$R$366,ROW(INDEX(Jesper!AJ$2:AJ$366,ROUNDDOWN($C6283/24,0)+1,1))-1)+IF('Standard Profiles'!$G$20=$B$10,7,0)+IF('Standard Profiles'!$G$20=$B$17,14,0)+IF('Standard Profiles'!$G$20=$B$24,21,0),0)),0)</f>
        <v>0</v>
      </c>
      <c r="G6283" cm="1">
        <f t="array" ref="G6283">IFERROR(INDEX(Jesper!AK$2:AK$366,ROUNDDOWN($C6283/24,0)+1,1)*INDEX($D$3:$AA$30,INDEX(Jesper!$R$2:$R$366,ROW(INDEX(Jesper!AK$2:AK$366,ROUNDDOWN($C6283/24,0)+1,1))-1)+IF('Standard Profiles'!$G$21=$B$10,7,0)+IF('Standard Profiles'!$G$21=$B$17,14,0)+IF('Standard Profiles'!$G$21=$B$24,21,0),MOD($C6283,24)+1)/SUM(INDEX($D$3:$AA$30,INDEX(Jesper!$R$2:$R$366,ROW(INDEX(Jesper!AK$2:AK$366,ROUNDDOWN($C6283/24,0)+1,1))-1)+IF('Standard Profiles'!$G$21=$B$10,7,0)+IF('Standard Profiles'!$G$21=$B$17,14,0)+IF('Standard Profiles'!$G$21=$B$24,21,0),0)),0)</f>
        <v>0</v>
      </c>
      <c r="H6283" cm="1">
        <f t="array" ref="H6283">IFERROR(INDEX(Jesper!AL$2:AL$366,ROUNDDOWN($C6283/24,0)+1,1)*INDEX($D$3:$AA$30,INDEX(Jesper!$R$2:$R$366,ROW(INDEX(Jesper!AL$2:AL$366,ROUNDDOWN($C6283/24,0)+1,1))-1)+IF('Standard Profiles'!$G$22=$B$10,7,0)+IF('Standard Profiles'!$G$22=$B$17,14,0)+IF('Standard Profiles'!$G$22=$B$24,21,0),MOD($C6283,24)+1)/SUM(INDEX($D$3:$AA$30,INDEX(Jesper!$R$2:$R$366,ROW(INDEX(Jesper!AL$2:AL$366,ROUNDDOWN($C6283/24,0)+1,1))-1)+IF('Standard Profiles'!$G$22=$B$10,7,0)+IF('Standard Profiles'!$G$22=$B$17,14,0)+IF('Standard Profiles'!$G$22=$B$24,21,0),0)),0)</f>
        <v>0</v>
      </c>
      <c r="I6283">
        <f t="shared" si="699"/>
        <v>0.34435532956881448</v>
      </c>
      <c r="J6283">
        <f t="shared" si="700"/>
        <v>1.1478510985627151</v>
      </c>
      <c r="K6283">
        <f t="shared" si="701"/>
        <v>1.7217766478440724</v>
      </c>
      <c r="L6283">
        <f t="shared" si="702"/>
        <v>8.264527909651548</v>
      </c>
      <c r="M6283">
        <f t="shared" si="703"/>
        <v>0</v>
      </c>
      <c r="N6283" s="46">
        <f t="shared" si="704"/>
        <v>45552.374999984844</v>
      </c>
    </row>
    <row r="6284" spans="2:14" x14ac:dyDescent="0.3">
      <c r="B6284">
        <f t="shared" si="698"/>
        <v>2</v>
      </c>
      <c r="C6284" s="16">
        <v>6250</v>
      </c>
      <c r="D6284" cm="1">
        <f t="array" ref="D6284">IFERROR(INDEX(Jesper!AH$2:AH$366,ROUNDDOWN($C6284/24,0)+1,1)*INDEX($D$3:$AA$30,INDEX(Jesper!$R$2:$R$366,ROW(INDEX(Jesper!AH$2:AH$366,ROUNDDOWN($C6284/24,0)+1,1))-1)+IF('Standard Profiles'!$G$18=$B$10,7,0)+IF('Standard Profiles'!$G$18=$B$17,14,0)+IF('Standard Profiles'!$G$18=$B$24,21,0),MOD($C6284,24)+1)/SUM(INDEX($D$3:$AA$30,INDEX(Jesper!$R$2:$R$366,ROW(INDEX(Jesper!AH$2:AH$366,ROUNDDOWN($C6284/24,0)+1,1))-1)+IF('Standard Profiles'!$G$18=$B$10,7,0)+IF('Standard Profiles'!$G$18=$B$17,14,0)+IF('Standard Profiles'!$G$18=$B$24,21,0),0)),0)</f>
        <v>12.008288415733016</v>
      </c>
      <c r="E6284" cm="1">
        <f t="array" ref="E6284">IFERROR(INDEX(Jesper!AI$2:AI$366,ROUNDDOWN($C6284/24,0)+1,1)*INDEX($D$3:$AA$30,INDEX(Jesper!$R$2:$R$366,ROW(INDEX(Jesper!AI$2:AI$366,ROUNDDOWN($C6284/24,0)+1,1))-1)+IF('Standard Profiles'!$G$19=$B$10,7,0)+IF('Standard Profiles'!$G$19=$B$17,14,0)+IF('Standard Profiles'!$G$19=$B$24,21,0),MOD($C6284,24)+1)/SUM(INDEX($D$3:$AA$30,INDEX(Jesper!$R$2:$R$366,ROW(INDEX(Jesper!AI$2:AI$366,ROUNDDOWN($C6284/24,0)+1,1))-1)+IF('Standard Profiles'!$G$19=$B$10,7,0)+IF('Standard Profiles'!$G$19=$B$17,14,0)+IF('Standard Profiles'!$G$19=$B$24,21,0),0)),0)</f>
        <v>0</v>
      </c>
      <c r="F6284" cm="1">
        <f t="array" ref="F6284">IFERROR(INDEX(Jesper!AJ$2:AJ$366,ROUNDDOWN($C6284/24,0)+1,1)*INDEX($D$3:$AA$30,INDEX(Jesper!$R$2:$R$366,ROW(INDEX(Jesper!AJ$2:AJ$366,ROUNDDOWN($C6284/24,0)+1,1))-1)+IF('Standard Profiles'!$G$20=$B$10,7,0)+IF('Standard Profiles'!$G$20=$B$17,14,0)+IF('Standard Profiles'!$G$20=$B$24,21,0),MOD($C6284,24)+1)/SUM(INDEX($D$3:$AA$30,INDEX(Jesper!$R$2:$R$366,ROW(INDEX(Jesper!AJ$2:AJ$366,ROUNDDOWN($C6284/24,0)+1,1))-1)+IF('Standard Profiles'!$G$20=$B$10,7,0)+IF('Standard Profiles'!$G$20=$B$17,14,0)+IF('Standard Profiles'!$G$20=$B$24,21,0),0)),0)</f>
        <v>0</v>
      </c>
      <c r="G6284" cm="1">
        <f t="array" ref="G6284">IFERROR(INDEX(Jesper!AK$2:AK$366,ROUNDDOWN($C6284/24,0)+1,1)*INDEX($D$3:$AA$30,INDEX(Jesper!$R$2:$R$366,ROW(INDEX(Jesper!AK$2:AK$366,ROUNDDOWN($C6284/24,0)+1,1))-1)+IF('Standard Profiles'!$G$21=$B$10,7,0)+IF('Standard Profiles'!$G$21=$B$17,14,0)+IF('Standard Profiles'!$G$21=$B$24,21,0),MOD($C6284,24)+1)/SUM(INDEX($D$3:$AA$30,INDEX(Jesper!$R$2:$R$366,ROW(INDEX(Jesper!AK$2:AK$366,ROUNDDOWN($C6284/24,0)+1,1))-1)+IF('Standard Profiles'!$G$21=$B$10,7,0)+IF('Standard Profiles'!$G$21=$B$17,14,0)+IF('Standard Profiles'!$G$21=$B$24,21,0),0)),0)</f>
        <v>0</v>
      </c>
      <c r="H6284" cm="1">
        <f t="array" ref="H6284">IFERROR(INDEX(Jesper!AL$2:AL$366,ROUNDDOWN($C6284/24,0)+1,1)*INDEX($D$3:$AA$30,INDEX(Jesper!$R$2:$R$366,ROW(INDEX(Jesper!AL$2:AL$366,ROUNDDOWN($C6284/24,0)+1,1))-1)+IF('Standard Profiles'!$G$22=$B$10,7,0)+IF('Standard Profiles'!$G$22=$B$17,14,0)+IF('Standard Profiles'!$G$22=$B$24,21,0),MOD($C6284,24)+1)/SUM(INDEX($D$3:$AA$30,INDEX(Jesper!$R$2:$R$366,ROW(INDEX(Jesper!AL$2:AL$366,ROUNDDOWN($C6284/24,0)+1,1))-1)+IF('Standard Profiles'!$G$22=$B$10,7,0)+IF('Standard Profiles'!$G$22=$B$17,14,0)+IF('Standard Profiles'!$G$22=$B$24,21,0),0)),0)</f>
        <v>0</v>
      </c>
      <c r="I6284">
        <f t="shared" si="699"/>
        <v>0.36024865247199045</v>
      </c>
      <c r="J6284">
        <f t="shared" si="700"/>
        <v>1.2008288415733017</v>
      </c>
      <c r="K6284">
        <f t="shared" si="701"/>
        <v>1.8012432623599524</v>
      </c>
      <c r="L6284">
        <f t="shared" si="702"/>
        <v>8.6459676593277717</v>
      </c>
      <c r="M6284">
        <f t="shared" si="703"/>
        <v>0</v>
      </c>
      <c r="N6284" s="46">
        <f t="shared" si="704"/>
        <v>45552.416666651508</v>
      </c>
    </row>
    <row r="6285" spans="2:14" x14ac:dyDescent="0.3">
      <c r="B6285">
        <f t="shared" si="698"/>
        <v>2</v>
      </c>
      <c r="C6285" s="16">
        <v>6251</v>
      </c>
      <c r="D6285" cm="1">
        <f t="array" ref="D6285">IFERROR(INDEX(Jesper!AH$2:AH$366,ROUNDDOWN($C6285/24,0)+1,1)*INDEX($D$3:$AA$30,INDEX(Jesper!$R$2:$R$366,ROW(INDEX(Jesper!AH$2:AH$366,ROUNDDOWN($C6285/24,0)+1,1))-1)+IF('Standard Profiles'!$G$18=$B$10,7,0)+IF('Standard Profiles'!$G$18=$B$17,14,0)+IF('Standard Profiles'!$G$18=$B$24,21,0),MOD($C6285,24)+1)/SUM(INDEX($D$3:$AA$30,INDEX(Jesper!$R$2:$R$366,ROW(INDEX(Jesper!AH$2:AH$366,ROUNDDOWN($C6285/24,0)+1,1))-1)+IF('Standard Profiles'!$G$18=$B$10,7,0)+IF('Standard Profiles'!$G$18=$B$17,14,0)+IF('Standard Profiles'!$G$18=$B$24,21,0),0)),0)</f>
        <v>14.127398136156492</v>
      </c>
      <c r="E6285" cm="1">
        <f t="array" ref="E6285">IFERROR(INDEX(Jesper!AI$2:AI$366,ROUNDDOWN($C6285/24,0)+1,1)*INDEX($D$3:$AA$30,INDEX(Jesper!$R$2:$R$366,ROW(INDEX(Jesper!AI$2:AI$366,ROUNDDOWN($C6285/24,0)+1,1))-1)+IF('Standard Profiles'!$G$19=$B$10,7,0)+IF('Standard Profiles'!$G$19=$B$17,14,0)+IF('Standard Profiles'!$G$19=$B$24,21,0),MOD($C6285,24)+1)/SUM(INDEX($D$3:$AA$30,INDEX(Jesper!$R$2:$R$366,ROW(INDEX(Jesper!AI$2:AI$366,ROUNDDOWN($C6285/24,0)+1,1))-1)+IF('Standard Profiles'!$G$19=$B$10,7,0)+IF('Standard Profiles'!$G$19=$B$17,14,0)+IF('Standard Profiles'!$G$19=$B$24,21,0),0)),0)</f>
        <v>0</v>
      </c>
      <c r="F6285" cm="1">
        <f t="array" ref="F6285">IFERROR(INDEX(Jesper!AJ$2:AJ$366,ROUNDDOWN($C6285/24,0)+1,1)*INDEX($D$3:$AA$30,INDEX(Jesper!$R$2:$R$366,ROW(INDEX(Jesper!AJ$2:AJ$366,ROUNDDOWN($C6285/24,0)+1,1))-1)+IF('Standard Profiles'!$G$20=$B$10,7,0)+IF('Standard Profiles'!$G$20=$B$17,14,0)+IF('Standard Profiles'!$G$20=$B$24,21,0),MOD($C6285,24)+1)/SUM(INDEX($D$3:$AA$30,INDEX(Jesper!$R$2:$R$366,ROW(INDEX(Jesper!AJ$2:AJ$366,ROUNDDOWN($C6285/24,0)+1,1))-1)+IF('Standard Profiles'!$G$20=$B$10,7,0)+IF('Standard Profiles'!$G$20=$B$17,14,0)+IF('Standard Profiles'!$G$20=$B$24,21,0),0)),0)</f>
        <v>0</v>
      </c>
      <c r="G6285" cm="1">
        <f t="array" ref="G6285">IFERROR(INDEX(Jesper!AK$2:AK$366,ROUNDDOWN($C6285/24,0)+1,1)*INDEX($D$3:$AA$30,INDEX(Jesper!$R$2:$R$366,ROW(INDEX(Jesper!AK$2:AK$366,ROUNDDOWN($C6285/24,0)+1,1))-1)+IF('Standard Profiles'!$G$21=$B$10,7,0)+IF('Standard Profiles'!$G$21=$B$17,14,0)+IF('Standard Profiles'!$G$21=$B$24,21,0),MOD($C6285,24)+1)/SUM(INDEX($D$3:$AA$30,INDEX(Jesper!$R$2:$R$366,ROW(INDEX(Jesper!AK$2:AK$366,ROUNDDOWN($C6285/24,0)+1,1))-1)+IF('Standard Profiles'!$G$21=$B$10,7,0)+IF('Standard Profiles'!$G$21=$B$17,14,0)+IF('Standard Profiles'!$G$21=$B$24,21,0),0)),0)</f>
        <v>0</v>
      </c>
      <c r="H6285" cm="1">
        <f t="array" ref="H6285">IFERROR(INDEX(Jesper!AL$2:AL$366,ROUNDDOWN($C6285/24,0)+1,1)*INDEX($D$3:$AA$30,INDEX(Jesper!$R$2:$R$366,ROW(INDEX(Jesper!AL$2:AL$366,ROUNDDOWN($C6285/24,0)+1,1))-1)+IF('Standard Profiles'!$G$22=$B$10,7,0)+IF('Standard Profiles'!$G$22=$B$17,14,0)+IF('Standard Profiles'!$G$22=$B$24,21,0),MOD($C6285,24)+1)/SUM(INDEX($D$3:$AA$30,INDEX(Jesper!$R$2:$R$366,ROW(INDEX(Jesper!AL$2:AL$366,ROUNDDOWN($C6285/24,0)+1,1))-1)+IF('Standard Profiles'!$G$22=$B$10,7,0)+IF('Standard Profiles'!$G$22=$B$17,14,0)+IF('Standard Profiles'!$G$22=$B$24,21,0),0)),0)</f>
        <v>0</v>
      </c>
      <c r="I6285">
        <f t="shared" si="699"/>
        <v>0.42382194408469476</v>
      </c>
      <c r="J6285">
        <f t="shared" si="700"/>
        <v>1.4127398136156493</v>
      </c>
      <c r="K6285">
        <f t="shared" si="701"/>
        <v>2.1191097204234737</v>
      </c>
      <c r="L6285">
        <f t="shared" si="702"/>
        <v>10.171726658032673</v>
      </c>
      <c r="M6285">
        <f t="shared" si="703"/>
        <v>0</v>
      </c>
      <c r="N6285" s="46">
        <f t="shared" si="704"/>
        <v>45552.458333318173</v>
      </c>
    </row>
    <row r="6286" spans="2:14" x14ac:dyDescent="0.3">
      <c r="B6286">
        <f t="shared" si="698"/>
        <v>2</v>
      </c>
      <c r="C6286" s="16">
        <v>6252</v>
      </c>
      <c r="D6286" cm="1">
        <f t="array" ref="D6286">IFERROR(INDEX(Jesper!AH$2:AH$366,ROUNDDOWN($C6286/24,0)+1,1)*INDEX($D$3:$AA$30,INDEX(Jesper!$R$2:$R$366,ROW(INDEX(Jesper!AH$2:AH$366,ROUNDDOWN($C6286/24,0)+1,1))-1)+IF('Standard Profiles'!$G$18=$B$10,7,0)+IF('Standard Profiles'!$G$18=$B$17,14,0)+IF('Standard Profiles'!$G$18=$B$24,21,0),MOD($C6286,24)+1)/SUM(INDEX($D$3:$AA$30,INDEX(Jesper!$R$2:$R$366,ROW(INDEX(Jesper!AH$2:AH$366,ROUNDDOWN($C6286/24,0)+1,1))-1)+IF('Standard Profiles'!$G$18=$B$10,7,0)+IF('Standard Profiles'!$G$18=$B$17,14,0)+IF('Standard Profiles'!$G$18=$B$24,21,0),0)),0)</f>
        <v>14.127398136156492</v>
      </c>
      <c r="E6286" cm="1">
        <f t="array" ref="E6286">IFERROR(INDEX(Jesper!AI$2:AI$366,ROUNDDOWN($C6286/24,0)+1,1)*INDEX($D$3:$AA$30,INDEX(Jesper!$R$2:$R$366,ROW(INDEX(Jesper!AI$2:AI$366,ROUNDDOWN($C6286/24,0)+1,1))-1)+IF('Standard Profiles'!$G$19=$B$10,7,0)+IF('Standard Profiles'!$G$19=$B$17,14,0)+IF('Standard Profiles'!$G$19=$B$24,21,0),MOD($C6286,24)+1)/SUM(INDEX($D$3:$AA$30,INDEX(Jesper!$R$2:$R$366,ROW(INDEX(Jesper!AI$2:AI$366,ROUNDDOWN($C6286/24,0)+1,1))-1)+IF('Standard Profiles'!$G$19=$B$10,7,0)+IF('Standard Profiles'!$G$19=$B$17,14,0)+IF('Standard Profiles'!$G$19=$B$24,21,0),0)),0)</f>
        <v>0</v>
      </c>
      <c r="F6286" cm="1">
        <f t="array" ref="F6286">IFERROR(INDEX(Jesper!AJ$2:AJ$366,ROUNDDOWN($C6286/24,0)+1,1)*INDEX($D$3:$AA$30,INDEX(Jesper!$R$2:$R$366,ROW(INDEX(Jesper!AJ$2:AJ$366,ROUNDDOWN($C6286/24,0)+1,1))-1)+IF('Standard Profiles'!$G$20=$B$10,7,0)+IF('Standard Profiles'!$G$20=$B$17,14,0)+IF('Standard Profiles'!$G$20=$B$24,21,0),MOD($C6286,24)+1)/SUM(INDEX($D$3:$AA$30,INDEX(Jesper!$R$2:$R$366,ROW(INDEX(Jesper!AJ$2:AJ$366,ROUNDDOWN($C6286/24,0)+1,1))-1)+IF('Standard Profiles'!$G$20=$B$10,7,0)+IF('Standard Profiles'!$G$20=$B$17,14,0)+IF('Standard Profiles'!$G$20=$B$24,21,0),0)),0)</f>
        <v>0</v>
      </c>
      <c r="G6286" cm="1">
        <f t="array" ref="G6286">IFERROR(INDEX(Jesper!AK$2:AK$366,ROUNDDOWN($C6286/24,0)+1,1)*INDEX($D$3:$AA$30,INDEX(Jesper!$R$2:$R$366,ROW(INDEX(Jesper!AK$2:AK$366,ROUNDDOWN($C6286/24,0)+1,1))-1)+IF('Standard Profiles'!$G$21=$B$10,7,0)+IF('Standard Profiles'!$G$21=$B$17,14,0)+IF('Standard Profiles'!$G$21=$B$24,21,0),MOD($C6286,24)+1)/SUM(INDEX($D$3:$AA$30,INDEX(Jesper!$R$2:$R$366,ROW(INDEX(Jesper!AK$2:AK$366,ROUNDDOWN($C6286/24,0)+1,1))-1)+IF('Standard Profiles'!$G$21=$B$10,7,0)+IF('Standard Profiles'!$G$21=$B$17,14,0)+IF('Standard Profiles'!$G$21=$B$24,21,0),0)),0)</f>
        <v>0</v>
      </c>
      <c r="H6286" cm="1">
        <f t="array" ref="H6286">IFERROR(INDEX(Jesper!AL$2:AL$366,ROUNDDOWN($C6286/24,0)+1,1)*INDEX($D$3:$AA$30,INDEX(Jesper!$R$2:$R$366,ROW(INDEX(Jesper!AL$2:AL$366,ROUNDDOWN($C6286/24,0)+1,1))-1)+IF('Standard Profiles'!$G$22=$B$10,7,0)+IF('Standard Profiles'!$G$22=$B$17,14,0)+IF('Standard Profiles'!$G$22=$B$24,21,0),MOD($C6286,24)+1)/SUM(INDEX($D$3:$AA$30,INDEX(Jesper!$R$2:$R$366,ROW(INDEX(Jesper!AL$2:AL$366,ROUNDDOWN($C6286/24,0)+1,1))-1)+IF('Standard Profiles'!$G$22=$B$10,7,0)+IF('Standard Profiles'!$G$22=$B$17,14,0)+IF('Standard Profiles'!$G$22=$B$24,21,0),0)),0)</f>
        <v>0</v>
      </c>
      <c r="I6286">
        <f t="shared" si="699"/>
        <v>0.42382194408469476</v>
      </c>
      <c r="J6286">
        <f t="shared" si="700"/>
        <v>1.4127398136156493</v>
      </c>
      <c r="K6286">
        <f t="shared" si="701"/>
        <v>2.1191097204234737</v>
      </c>
      <c r="L6286">
        <f t="shared" si="702"/>
        <v>10.171726658032673</v>
      </c>
      <c r="M6286">
        <f t="shared" si="703"/>
        <v>0</v>
      </c>
      <c r="N6286" s="46">
        <f t="shared" si="704"/>
        <v>45552.499999984837</v>
      </c>
    </row>
    <row r="6287" spans="2:14" x14ac:dyDescent="0.3">
      <c r="B6287">
        <f t="shared" si="698"/>
        <v>2</v>
      </c>
      <c r="C6287" s="16">
        <v>6253</v>
      </c>
      <c r="D6287" cm="1">
        <f t="array" ref="D6287">IFERROR(INDEX(Jesper!AH$2:AH$366,ROUNDDOWN($C6287/24,0)+1,1)*INDEX($D$3:$AA$30,INDEX(Jesper!$R$2:$R$366,ROW(INDEX(Jesper!AH$2:AH$366,ROUNDDOWN($C6287/24,0)+1,1))-1)+IF('Standard Profiles'!$G$18=$B$10,7,0)+IF('Standard Profiles'!$G$18=$B$17,14,0)+IF('Standard Profiles'!$G$18=$B$24,21,0),MOD($C6287,24)+1)/SUM(INDEX($D$3:$AA$30,INDEX(Jesper!$R$2:$R$366,ROW(INDEX(Jesper!AH$2:AH$366,ROUNDDOWN($C6287/24,0)+1,1))-1)+IF('Standard Profiles'!$G$18=$B$10,7,0)+IF('Standard Profiles'!$G$18=$B$17,14,0)+IF('Standard Profiles'!$G$18=$B$24,21,0),0)),0)</f>
        <v>14.127398136156492</v>
      </c>
      <c r="E6287" cm="1">
        <f t="array" ref="E6287">IFERROR(INDEX(Jesper!AI$2:AI$366,ROUNDDOWN($C6287/24,0)+1,1)*INDEX($D$3:$AA$30,INDEX(Jesper!$R$2:$R$366,ROW(INDEX(Jesper!AI$2:AI$366,ROUNDDOWN($C6287/24,0)+1,1))-1)+IF('Standard Profiles'!$G$19=$B$10,7,0)+IF('Standard Profiles'!$G$19=$B$17,14,0)+IF('Standard Profiles'!$G$19=$B$24,21,0),MOD($C6287,24)+1)/SUM(INDEX($D$3:$AA$30,INDEX(Jesper!$R$2:$R$366,ROW(INDEX(Jesper!AI$2:AI$366,ROUNDDOWN($C6287/24,0)+1,1))-1)+IF('Standard Profiles'!$G$19=$B$10,7,0)+IF('Standard Profiles'!$G$19=$B$17,14,0)+IF('Standard Profiles'!$G$19=$B$24,21,0),0)),0)</f>
        <v>0</v>
      </c>
      <c r="F6287" cm="1">
        <f t="array" ref="F6287">IFERROR(INDEX(Jesper!AJ$2:AJ$366,ROUNDDOWN($C6287/24,0)+1,1)*INDEX($D$3:$AA$30,INDEX(Jesper!$R$2:$R$366,ROW(INDEX(Jesper!AJ$2:AJ$366,ROUNDDOWN($C6287/24,0)+1,1))-1)+IF('Standard Profiles'!$G$20=$B$10,7,0)+IF('Standard Profiles'!$G$20=$B$17,14,0)+IF('Standard Profiles'!$G$20=$B$24,21,0),MOD($C6287,24)+1)/SUM(INDEX($D$3:$AA$30,INDEX(Jesper!$R$2:$R$366,ROW(INDEX(Jesper!AJ$2:AJ$366,ROUNDDOWN($C6287/24,0)+1,1))-1)+IF('Standard Profiles'!$G$20=$B$10,7,0)+IF('Standard Profiles'!$G$20=$B$17,14,0)+IF('Standard Profiles'!$G$20=$B$24,21,0),0)),0)</f>
        <v>0</v>
      </c>
      <c r="G6287" cm="1">
        <f t="array" ref="G6287">IFERROR(INDEX(Jesper!AK$2:AK$366,ROUNDDOWN($C6287/24,0)+1,1)*INDEX($D$3:$AA$30,INDEX(Jesper!$R$2:$R$366,ROW(INDEX(Jesper!AK$2:AK$366,ROUNDDOWN($C6287/24,0)+1,1))-1)+IF('Standard Profiles'!$G$21=$B$10,7,0)+IF('Standard Profiles'!$G$21=$B$17,14,0)+IF('Standard Profiles'!$G$21=$B$24,21,0),MOD($C6287,24)+1)/SUM(INDEX($D$3:$AA$30,INDEX(Jesper!$R$2:$R$366,ROW(INDEX(Jesper!AK$2:AK$366,ROUNDDOWN($C6287/24,0)+1,1))-1)+IF('Standard Profiles'!$G$21=$B$10,7,0)+IF('Standard Profiles'!$G$21=$B$17,14,0)+IF('Standard Profiles'!$G$21=$B$24,21,0),0)),0)</f>
        <v>0</v>
      </c>
      <c r="H6287" cm="1">
        <f t="array" ref="H6287">IFERROR(INDEX(Jesper!AL$2:AL$366,ROUNDDOWN($C6287/24,0)+1,1)*INDEX($D$3:$AA$30,INDEX(Jesper!$R$2:$R$366,ROW(INDEX(Jesper!AL$2:AL$366,ROUNDDOWN($C6287/24,0)+1,1))-1)+IF('Standard Profiles'!$G$22=$B$10,7,0)+IF('Standard Profiles'!$G$22=$B$17,14,0)+IF('Standard Profiles'!$G$22=$B$24,21,0),MOD($C6287,24)+1)/SUM(INDEX($D$3:$AA$30,INDEX(Jesper!$R$2:$R$366,ROW(INDEX(Jesper!AL$2:AL$366,ROUNDDOWN($C6287/24,0)+1,1))-1)+IF('Standard Profiles'!$G$22=$B$10,7,0)+IF('Standard Profiles'!$G$22=$B$17,14,0)+IF('Standard Profiles'!$G$22=$B$24,21,0),0)),0)</f>
        <v>0</v>
      </c>
      <c r="I6287">
        <f t="shared" si="699"/>
        <v>0.42382194408469476</v>
      </c>
      <c r="J6287">
        <f t="shared" si="700"/>
        <v>1.4127398136156493</v>
      </c>
      <c r="K6287">
        <f t="shared" si="701"/>
        <v>2.1191097204234737</v>
      </c>
      <c r="L6287">
        <f t="shared" si="702"/>
        <v>10.171726658032673</v>
      </c>
      <c r="M6287">
        <f t="shared" si="703"/>
        <v>0</v>
      </c>
      <c r="N6287" s="46">
        <f t="shared" si="704"/>
        <v>45552.541666651501</v>
      </c>
    </row>
    <row r="6288" spans="2:14" x14ac:dyDescent="0.3">
      <c r="B6288">
        <f t="shared" si="698"/>
        <v>2</v>
      </c>
      <c r="C6288" s="16">
        <v>6254</v>
      </c>
      <c r="D6288" cm="1">
        <f t="array" ref="D6288">IFERROR(INDEX(Jesper!AH$2:AH$366,ROUNDDOWN($C6288/24,0)+1,1)*INDEX($D$3:$AA$30,INDEX(Jesper!$R$2:$R$366,ROW(INDEX(Jesper!AH$2:AH$366,ROUNDDOWN($C6288/24,0)+1,1))-1)+IF('Standard Profiles'!$G$18=$B$10,7,0)+IF('Standard Profiles'!$G$18=$B$17,14,0)+IF('Standard Profiles'!$G$18=$B$24,21,0),MOD($C6288,24)+1)/SUM(INDEX($D$3:$AA$30,INDEX(Jesper!$R$2:$R$366,ROW(INDEX(Jesper!AH$2:AH$366,ROUNDDOWN($C6288/24,0)+1,1))-1)+IF('Standard Profiles'!$G$18=$B$10,7,0)+IF('Standard Profiles'!$G$18=$B$17,14,0)+IF('Standard Profiles'!$G$18=$B$24,21,0),0)),0)</f>
        <v>14.127398136156492</v>
      </c>
      <c r="E6288" cm="1">
        <f t="array" ref="E6288">IFERROR(INDEX(Jesper!AI$2:AI$366,ROUNDDOWN($C6288/24,0)+1,1)*INDEX($D$3:$AA$30,INDEX(Jesper!$R$2:$R$366,ROW(INDEX(Jesper!AI$2:AI$366,ROUNDDOWN($C6288/24,0)+1,1))-1)+IF('Standard Profiles'!$G$19=$B$10,7,0)+IF('Standard Profiles'!$G$19=$B$17,14,0)+IF('Standard Profiles'!$G$19=$B$24,21,0),MOD($C6288,24)+1)/SUM(INDEX($D$3:$AA$30,INDEX(Jesper!$R$2:$R$366,ROW(INDEX(Jesper!AI$2:AI$366,ROUNDDOWN($C6288/24,0)+1,1))-1)+IF('Standard Profiles'!$G$19=$B$10,7,0)+IF('Standard Profiles'!$G$19=$B$17,14,0)+IF('Standard Profiles'!$G$19=$B$24,21,0),0)),0)</f>
        <v>0</v>
      </c>
      <c r="F6288" cm="1">
        <f t="array" ref="F6288">IFERROR(INDEX(Jesper!AJ$2:AJ$366,ROUNDDOWN($C6288/24,0)+1,1)*INDEX($D$3:$AA$30,INDEX(Jesper!$R$2:$R$366,ROW(INDEX(Jesper!AJ$2:AJ$366,ROUNDDOWN($C6288/24,0)+1,1))-1)+IF('Standard Profiles'!$G$20=$B$10,7,0)+IF('Standard Profiles'!$G$20=$B$17,14,0)+IF('Standard Profiles'!$G$20=$B$24,21,0),MOD($C6288,24)+1)/SUM(INDEX($D$3:$AA$30,INDEX(Jesper!$R$2:$R$366,ROW(INDEX(Jesper!AJ$2:AJ$366,ROUNDDOWN($C6288/24,0)+1,1))-1)+IF('Standard Profiles'!$G$20=$B$10,7,0)+IF('Standard Profiles'!$G$20=$B$17,14,0)+IF('Standard Profiles'!$G$20=$B$24,21,0),0)),0)</f>
        <v>0</v>
      </c>
      <c r="G6288" cm="1">
        <f t="array" ref="G6288">IFERROR(INDEX(Jesper!AK$2:AK$366,ROUNDDOWN($C6288/24,0)+1,1)*INDEX($D$3:$AA$30,INDEX(Jesper!$R$2:$R$366,ROW(INDEX(Jesper!AK$2:AK$366,ROUNDDOWN($C6288/24,0)+1,1))-1)+IF('Standard Profiles'!$G$21=$B$10,7,0)+IF('Standard Profiles'!$G$21=$B$17,14,0)+IF('Standard Profiles'!$G$21=$B$24,21,0),MOD($C6288,24)+1)/SUM(INDEX($D$3:$AA$30,INDEX(Jesper!$R$2:$R$366,ROW(INDEX(Jesper!AK$2:AK$366,ROUNDDOWN($C6288/24,0)+1,1))-1)+IF('Standard Profiles'!$G$21=$B$10,7,0)+IF('Standard Profiles'!$G$21=$B$17,14,0)+IF('Standard Profiles'!$G$21=$B$24,21,0),0)),0)</f>
        <v>0</v>
      </c>
      <c r="H6288" cm="1">
        <f t="array" ref="H6288">IFERROR(INDEX(Jesper!AL$2:AL$366,ROUNDDOWN($C6288/24,0)+1,1)*INDEX($D$3:$AA$30,INDEX(Jesper!$R$2:$R$366,ROW(INDEX(Jesper!AL$2:AL$366,ROUNDDOWN($C6288/24,0)+1,1))-1)+IF('Standard Profiles'!$G$22=$B$10,7,0)+IF('Standard Profiles'!$G$22=$B$17,14,0)+IF('Standard Profiles'!$G$22=$B$24,21,0),MOD($C6288,24)+1)/SUM(INDEX($D$3:$AA$30,INDEX(Jesper!$R$2:$R$366,ROW(INDEX(Jesper!AL$2:AL$366,ROUNDDOWN($C6288/24,0)+1,1))-1)+IF('Standard Profiles'!$G$22=$B$10,7,0)+IF('Standard Profiles'!$G$22=$B$17,14,0)+IF('Standard Profiles'!$G$22=$B$24,21,0),0)),0)</f>
        <v>0</v>
      </c>
      <c r="I6288">
        <f t="shared" si="699"/>
        <v>0.42382194408469476</v>
      </c>
      <c r="J6288">
        <f t="shared" si="700"/>
        <v>1.4127398136156493</v>
      </c>
      <c r="K6288">
        <f t="shared" si="701"/>
        <v>2.1191097204234737</v>
      </c>
      <c r="L6288">
        <f t="shared" si="702"/>
        <v>10.171726658032673</v>
      </c>
      <c r="M6288">
        <f t="shared" si="703"/>
        <v>0</v>
      </c>
      <c r="N6288" s="46">
        <f t="shared" si="704"/>
        <v>45552.583333318165</v>
      </c>
    </row>
    <row r="6289" spans="2:14" x14ac:dyDescent="0.3">
      <c r="B6289">
        <f t="shared" si="698"/>
        <v>2</v>
      </c>
      <c r="C6289" s="16">
        <v>6255</v>
      </c>
      <c r="D6289" cm="1">
        <f t="array" ref="D6289">IFERROR(INDEX(Jesper!AH$2:AH$366,ROUNDDOWN($C6289/24,0)+1,1)*INDEX($D$3:$AA$30,INDEX(Jesper!$R$2:$R$366,ROW(INDEX(Jesper!AH$2:AH$366,ROUNDDOWN($C6289/24,0)+1,1))-1)+IF('Standard Profiles'!$G$18=$B$10,7,0)+IF('Standard Profiles'!$G$18=$B$17,14,0)+IF('Standard Profiles'!$G$18=$B$24,21,0),MOD($C6289,24)+1)/SUM(INDEX($D$3:$AA$30,INDEX(Jesper!$R$2:$R$366,ROW(INDEX(Jesper!AH$2:AH$366,ROUNDDOWN($C6289/24,0)+1,1))-1)+IF('Standard Profiles'!$G$18=$B$10,7,0)+IF('Standard Profiles'!$G$18=$B$17,14,0)+IF('Standard Profiles'!$G$18=$B$24,21,0),0)),0)</f>
        <v>14.127398136156492</v>
      </c>
      <c r="E6289" cm="1">
        <f t="array" ref="E6289">IFERROR(INDEX(Jesper!AI$2:AI$366,ROUNDDOWN($C6289/24,0)+1,1)*INDEX($D$3:$AA$30,INDEX(Jesper!$R$2:$R$366,ROW(INDEX(Jesper!AI$2:AI$366,ROUNDDOWN($C6289/24,0)+1,1))-1)+IF('Standard Profiles'!$G$19=$B$10,7,0)+IF('Standard Profiles'!$G$19=$B$17,14,0)+IF('Standard Profiles'!$G$19=$B$24,21,0),MOD($C6289,24)+1)/SUM(INDEX($D$3:$AA$30,INDEX(Jesper!$R$2:$R$366,ROW(INDEX(Jesper!AI$2:AI$366,ROUNDDOWN($C6289/24,0)+1,1))-1)+IF('Standard Profiles'!$G$19=$B$10,7,0)+IF('Standard Profiles'!$G$19=$B$17,14,0)+IF('Standard Profiles'!$G$19=$B$24,21,0),0)),0)</f>
        <v>0</v>
      </c>
      <c r="F6289" cm="1">
        <f t="array" ref="F6289">IFERROR(INDEX(Jesper!AJ$2:AJ$366,ROUNDDOWN($C6289/24,0)+1,1)*INDEX($D$3:$AA$30,INDEX(Jesper!$R$2:$R$366,ROW(INDEX(Jesper!AJ$2:AJ$366,ROUNDDOWN($C6289/24,0)+1,1))-1)+IF('Standard Profiles'!$G$20=$B$10,7,0)+IF('Standard Profiles'!$G$20=$B$17,14,0)+IF('Standard Profiles'!$G$20=$B$24,21,0),MOD($C6289,24)+1)/SUM(INDEX($D$3:$AA$30,INDEX(Jesper!$R$2:$R$366,ROW(INDEX(Jesper!AJ$2:AJ$366,ROUNDDOWN($C6289/24,0)+1,1))-1)+IF('Standard Profiles'!$G$20=$B$10,7,0)+IF('Standard Profiles'!$G$20=$B$17,14,0)+IF('Standard Profiles'!$G$20=$B$24,21,0),0)),0)</f>
        <v>0</v>
      </c>
      <c r="G6289" cm="1">
        <f t="array" ref="G6289">IFERROR(INDEX(Jesper!AK$2:AK$366,ROUNDDOWN($C6289/24,0)+1,1)*INDEX($D$3:$AA$30,INDEX(Jesper!$R$2:$R$366,ROW(INDEX(Jesper!AK$2:AK$366,ROUNDDOWN($C6289/24,0)+1,1))-1)+IF('Standard Profiles'!$G$21=$B$10,7,0)+IF('Standard Profiles'!$G$21=$B$17,14,0)+IF('Standard Profiles'!$G$21=$B$24,21,0),MOD($C6289,24)+1)/SUM(INDEX($D$3:$AA$30,INDEX(Jesper!$R$2:$R$366,ROW(INDEX(Jesper!AK$2:AK$366,ROUNDDOWN($C6289/24,0)+1,1))-1)+IF('Standard Profiles'!$G$21=$B$10,7,0)+IF('Standard Profiles'!$G$21=$B$17,14,0)+IF('Standard Profiles'!$G$21=$B$24,21,0),0)),0)</f>
        <v>0</v>
      </c>
      <c r="H6289" cm="1">
        <f t="array" ref="H6289">IFERROR(INDEX(Jesper!AL$2:AL$366,ROUNDDOWN($C6289/24,0)+1,1)*INDEX($D$3:$AA$30,INDEX(Jesper!$R$2:$R$366,ROW(INDEX(Jesper!AL$2:AL$366,ROUNDDOWN($C6289/24,0)+1,1))-1)+IF('Standard Profiles'!$G$22=$B$10,7,0)+IF('Standard Profiles'!$G$22=$B$17,14,0)+IF('Standard Profiles'!$G$22=$B$24,21,0),MOD($C6289,24)+1)/SUM(INDEX($D$3:$AA$30,INDEX(Jesper!$R$2:$R$366,ROW(INDEX(Jesper!AL$2:AL$366,ROUNDDOWN($C6289/24,0)+1,1))-1)+IF('Standard Profiles'!$G$22=$B$10,7,0)+IF('Standard Profiles'!$G$22=$B$17,14,0)+IF('Standard Profiles'!$G$22=$B$24,21,0),0)),0)</f>
        <v>0</v>
      </c>
      <c r="I6289">
        <f t="shared" si="699"/>
        <v>0.42382194408469476</v>
      </c>
      <c r="J6289">
        <f t="shared" si="700"/>
        <v>1.4127398136156493</v>
      </c>
      <c r="K6289">
        <f t="shared" si="701"/>
        <v>2.1191097204234737</v>
      </c>
      <c r="L6289">
        <f t="shared" si="702"/>
        <v>10.171726658032673</v>
      </c>
      <c r="M6289">
        <f t="shared" si="703"/>
        <v>0</v>
      </c>
      <c r="N6289" s="46">
        <f t="shared" si="704"/>
        <v>45552.62499998483</v>
      </c>
    </row>
    <row r="6290" spans="2:14" x14ac:dyDescent="0.3">
      <c r="B6290">
        <f t="shared" si="698"/>
        <v>2</v>
      </c>
      <c r="C6290" s="16">
        <v>6256</v>
      </c>
      <c r="D6290" cm="1">
        <f t="array" ref="D6290">IFERROR(INDEX(Jesper!AH$2:AH$366,ROUNDDOWN($C6290/24,0)+1,1)*INDEX($D$3:$AA$30,INDEX(Jesper!$R$2:$R$366,ROW(INDEX(Jesper!AH$2:AH$366,ROUNDDOWN($C6290/24,0)+1,1))-1)+IF('Standard Profiles'!$G$18=$B$10,7,0)+IF('Standard Profiles'!$G$18=$B$17,14,0)+IF('Standard Profiles'!$G$18=$B$24,21,0),MOD($C6290,24)+1)/SUM(INDEX($D$3:$AA$30,INDEX(Jesper!$R$2:$R$366,ROW(INDEX(Jesper!AH$2:AH$366,ROUNDDOWN($C6290/24,0)+1,1))-1)+IF('Standard Profiles'!$G$18=$B$10,7,0)+IF('Standard Profiles'!$G$18=$B$17,14,0)+IF('Standard Profiles'!$G$18=$B$24,21,0),0)),0)</f>
        <v>14.127398136156492</v>
      </c>
      <c r="E6290" cm="1">
        <f t="array" ref="E6290">IFERROR(INDEX(Jesper!AI$2:AI$366,ROUNDDOWN($C6290/24,0)+1,1)*INDEX($D$3:$AA$30,INDEX(Jesper!$R$2:$R$366,ROW(INDEX(Jesper!AI$2:AI$366,ROUNDDOWN($C6290/24,0)+1,1))-1)+IF('Standard Profiles'!$G$19=$B$10,7,0)+IF('Standard Profiles'!$G$19=$B$17,14,0)+IF('Standard Profiles'!$G$19=$B$24,21,0),MOD($C6290,24)+1)/SUM(INDEX($D$3:$AA$30,INDEX(Jesper!$R$2:$R$366,ROW(INDEX(Jesper!AI$2:AI$366,ROUNDDOWN($C6290/24,0)+1,1))-1)+IF('Standard Profiles'!$G$19=$B$10,7,0)+IF('Standard Profiles'!$G$19=$B$17,14,0)+IF('Standard Profiles'!$G$19=$B$24,21,0),0)),0)</f>
        <v>0</v>
      </c>
      <c r="F6290" cm="1">
        <f t="array" ref="F6290">IFERROR(INDEX(Jesper!AJ$2:AJ$366,ROUNDDOWN($C6290/24,0)+1,1)*INDEX($D$3:$AA$30,INDEX(Jesper!$R$2:$R$366,ROW(INDEX(Jesper!AJ$2:AJ$366,ROUNDDOWN($C6290/24,0)+1,1))-1)+IF('Standard Profiles'!$G$20=$B$10,7,0)+IF('Standard Profiles'!$G$20=$B$17,14,0)+IF('Standard Profiles'!$G$20=$B$24,21,0),MOD($C6290,24)+1)/SUM(INDEX($D$3:$AA$30,INDEX(Jesper!$R$2:$R$366,ROW(INDEX(Jesper!AJ$2:AJ$366,ROUNDDOWN($C6290/24,0)+1,1))-1)+IF('Standard Profiles'!$G$20=$B$10,7,0)+IF('Standard Profiles'!$G$20=$B$17,14,0)+IF('Standard Profiles'!$G$20=$B$24,21,0),0)),0)</f>
        <v>0</v>
      </c>
      <c r="G6290" cm="1">
        <f t="array" ref="G6290">IFERROR(INDEX(Jesper!AK$2:AK$366,ROUNDDOWN($C6290/24,0)+1,1)*INDEX($D$3:$AA$30,INDEX(Jesper!$R$2:$R$366,ROW(INDEX(Jesper!AK$2:AK$366,ROUNDDOWN($C6290/24,0)+1,1))-1)+IF('Standard Profiles'!$G$21=$B$10,7,0)+IF('Standard Profiles'!$G$21=$B$17,14,0)+IF('Standard Profiles'!$G$21=$B$24,21,0),MOD($C6290,24)+1)/SUM(INDEX($D$3:$AA$30,INDEX(Jesper!$R$2:$R$366,ROW(INDEX(Jesper!AK$2:AK$366,ROUNDDOWN($C6290/24,0)+1,1))-1)+IF('Standard Profiles'!$G$21=$B$10,7,0)+IF('Standard Profiles'!$G$21=$B$17,14,0)+IF('Standard Profiles'!$G$21=$B$24,21,0),0)),0)</f>
        <v>0</v>
      </c>
      <c r="H6290" cm="1">
        <f t="array" ref="H6290">IFERROR(INDEX(Jesper!AL$2:AL$366,ROUNDDOWN($C6290/24,0)+1,1)*INDEX($D$3:$AA$30,INDEX(Jesper!$R$2:$R$366,ROW(INDEX(Jesper!AL$2:AL$366,ROUNDDOWN($C6290/24,0)+1,1))-1)+IF('Standard Profiles'!$G$22=$B$10,7,0)+IF('Standard Profiles'!$G$22=$B$17,14,0)+IF('Standard Profiles'!$G$22=$B$24,21,0),MOD($C6290,24)+1)/SUM(INDEX($D$3:$AA$30,INDEX(Jesper!$R$2:$R$366,ROW(INDEX(Jesper!AL$2:AL$366,ROUNDDOWN($C6290/24,0)+1,1))-1)+IF('Standard Profiles'!$G$22=$B$10,7,0)+IF('Standard Profiles'!$G$22=$B$17,14,0)+IF('Standard Profiles'!$G$22=$B$24,21,0),0)),0)</f>
        <v>0</v>
      </c>
      <c r="I6290">
        <f t="shared" si="699"/>
        <v>0.42382194408469476</v>
      </c>
      <c r="J6290">
        <f t="shared" si="700"/>
        <v>1.4127398136156493</v>
      </c>
      <c r="K6290">
        <f t="shared" si="701"/>
        <v>2.1191097204234737</v>
      </c>
      <c r="L6290">
        <f t="shared" si="702"/>
        <v>10.171726658032673</v>
      </c>
      <c r="M6290">
        <f t="shared" si="703"/>
        <v>0</v>
      </c>
      <c r="N6290" s="46">
        <f t="shared" si="704"/>
        <v>45552.666666651494</v>
      </c>
    </row>
    <row r="6291" spans="2:14" x14ac:dyDescent="0.3">
      <c r="B6291">
        <f t="shared" si="698"/>
        <v>2</v>
      </c>
      <c r="C6291" s="16">
        <v>6257</v>
      </c>
      <c r="D6291" cm="1">
        <f t="array" ref="D6291">IFERROR(INDEX(Jesper!AH$2:AH$366,ROUNDDOWN($C6291/24,0)+1,1)*INDEX($D$3:$AA$30,INDEX(Jesper!$R$2:$R$366,ROW(INDEX(Jesper!AH$2:AH$366,ROUNDDOWN($C6291/24,0)+1,1))-1)+IF('Standard Profiles'!$G$18=$B$10,7,0)+IF('Standard Profiles'!$G$18=$B$17,14,0)+IF('Standard Profiles'!$G$18=$B$24,21,0),MOD($C6291,24)+1)/SUM(INDEX($D$3:$AA$30,INDEX(Jesper!$R$2:$R$366,ROW(INDEX(Jesper!AH$2:AH$366,ROUNDDOWN($C6291/24,0)+1,1))-1)+IF('Standard Profiles'!$G$18=$B$10,7,0)+IF('Standard Profiles'!$G$18=$B$17,14,0)+IF('Standard Profiles'!$G$18=$B$24,21,0),0)),0)</f>
        <v>14.127398136156492</v>
      </c>
      <c r="E6291" cm="1">
        <f t="array" ref="E6291">IFERROR(INDEX(Jesper!AI$2:AI$366,ROUNDDOWN($C6291/24,0)+1,1)*INDEX($D$3:$AA$30,INDEX(Jesper!$R$2:$R$366,ROW(INDEX(Jesper!AI$2:AI$366,ROUNDDOWN($C6291/24,0)+1,1))-1)+IF('Standard Profiles'!$G$19=$B$10,7,0)+IF('Standard Profiles'!$G$19=$B$17,14,0)+IF('Standard Profiles'!$G$19=$B$24,21,0),MOD($C6291,24)+1)/SUM(INDEX($D$3:$AA$30,INDEX(Jesper!$R$2:$R$366,ROW(INDEX(Jesper!AI$2:AI$366,ROUNDDOWN($C6291/24,0)+1,1))-1)+IF('Standard Profiles'!$G$19=$B$10,7,0)+IF('Standard Profiles'!$G$19=$B$17,14,0)+IF('Standard Profiles'!$G$19=$B$24,21,0),0)),0)</f>
        <v>0</v>
      </c>
      <c r="F6291" cm="1">
        <f t="array" ref="F6291">IFERROR(INDEX(Jesper!AJ$2:AJ$366,ROUNDDOWN($C6291/24,0)+1,1)*INDEX($D$3:$AA$30,INDEX(Jesper!$R$2:$R$366,ROW(INDEX(Jesper!AJ$2:AJ$366,ROUNDDOWN($C6291/24,0)+1,1))-1)+IF('Standard Profiles'!$G$20=$B$10,7,0)+IF('Standard Profiles'!$G$20=$B$17,14,0)+IF('Standard Profiles'!$G$20=$B$24,21,0),MOD($C6291,24)+1)/SUM(INDEX($D$3:$AA$30,INDEX(Jesper!$R$2:$R$366,ROW(INDEX(Jesper!AJ$2:AJ$366,ROUNDDOWN($C6291/24,0)+1,1))-1)+IF('Standard Profiles'!$G$20=$B$10,7,0)+IF('Standard Profiles'!$G$20=$B$17,14,0)+IF('Standard Profiles'!$G$20=$B$24,21,0),0)),0)</f>
        <v>0</v>
      </c>
      <c r="G6291" cm="1">
        <f t="array" ref="G6291">IFERROR(INDEX(Jesper!AK$2:AK$366,ROUNDDOWN($C6291/24,0)+1,1)*INDEX($D$3:$AA$30,INDEX(Jesper!$R$2:$R$366,ROW(INDEX(Jesper!AK$2:AK$366,ROUNDDOWN($C6291/24,0)+1,1))-1)+IF('Standard Profiles'!$G$21=$B$10,7,0)+IF('Standard Profiles'!$G$21=$B$17,14,0)+IF('Standard Profiles'!$G$21=$B$24,21,0),MOD($C6291,24)+1)/SUM(INDEX($D$3:$AA$30,INDEX(Jesper!$R$2:$R$366,ROW(INDEX(Jesper!AK$2:AK$366,ROUNDDOWN($C6291/24,0)+1,1))-1)+IF('Standard Profiles'!$G$21=$B$10,7,0)+IF('Standard Profiles'!$G$21=$B$17,14,0)+IF('Standard Profiles'!$G$21=$B$24,21,0),0)),0)</f>
        <v>0</v>
      </c>
      <c r="H6291" cm="1">
        <f t="array" ref="H6291">IFERROR(INDEX(Jesper!AL$2:AL$366,ROUNDDOWN($C6291/24,0)+1,1)*INDEX($D$3:$AA$30,INDEX(Jesper!$R$2:$R$366,ROW(INDEX(Jesper!AL$2:AL$366,ROUNDDOWN($C6291/24,0)+1,1))-1)+IF('Standard Profiles'!$G$22=$B$10,7,0)+IF('Standard Profiles'!$G$22=$B$17,14,0)+IF('Standard Profiles'!$G$22=$B$24,21,0),MOD($C6291,24)+1)/SUM(INDEX($D$3:$AA$30,INDEX(Jesper!$R$2:$R$366,ROW(INDEX(Jesper!AL$2:AL$366,ROUNDDOWN($C6291/24,0)+1,1))-1)+IF('Standard Profiles'!$G$22=$B$10,7,0)+IF('Standard Profiles'!$G$22=$B$17,14,0)+IF('Standard Profiles'!$G$22=$B$24,21,0),0)),0)</f>
        <v>0</v>
      </c>
      <c r="I6291">
        <f t="shared" si="699"/>
        <v>0.42382194408469476</v>
      </c>
      <c r="J6291">
        <f t="shared" si="700"/>
        <v>1.4127398136156493</v>
      </c>
      <c r="K6291">
        <f t="shared" si="701"/>
        <v>2.1191097204234737</v>
      </c>
      <c r="L6291">
        <f t="shared" si="702"/>
        <v>10.171726658032673</v>
      </c>
      <c r="M6291">
        <f t="shared" si="703"/>
        <v>0</v>
      </c>
      <c r="N6291" s="46">
        <f t="shared" si="704"/>
        <v>45552.708333318158</v>
      </c>
    </row>
    <row r="6292" spans="2:14" x14ac:dyDescent="0.3">
      <c r="B6292">
        <f t="shared" si="698"/>
        <v>2</v>
      </c>
      <c r="C6292" s="16">
        <v>6258</v>
      </c>
      <c r="D6292" cm="1">
        <f t="array" ref="D6292">IFERROR(INDEX(Jesper!AH$2:AH$366,ROUNDDOWN($C6292/24,0)+1,1)*INDEX($D$3:$AA$30,INDEX(Jesper!$R$2:$R$366,ROW(INDEX(Jesper!AH$2:AH$366,ROUNDDOWN($C6292/24,0)+1,1))-1)+IF('Standard Profiles'!$G$18=$B$10,7,0)+IF('Standard Profiles'!$G$18=$B$17,14,0)+IF('Standard Profiles'!$G$18=$B$24,21,0),MOD($C6292,24)+1)/SUM(INDEX($D$3:$AA$30,INDEX(Jesper!$R$2:$R$366,ROW(INDEX(Jesper!AH$2:AH$366,ROUNDDOWN($C6292/24,0)+1,1))-1)+IF('Standard Profiles'!$G$18=$B$10,7,0)+IF('Standard Profiles'!$G$18=$B$17,14,0)+IF('Standard Profiles'!$G$18=$B$24,21,0),0)),0)</f>
        <v>14.127398136156492</v>
      </c>
      <c r="E6292" cm="1">
        <f t="array" ref="E6292">IFERROR(INDEX(Jesper!AI$2:AI$366,ROUNDDOWN($C6292/24,0)+1,1)*INDEX($D$3:$AA$30,INDEX(Jesper!$R$2:$R$366,ROW(INDEX(Jesper!AI$2:AI$366,ROUNDDOWN($C6292/24,0)+1,1))-1)+IF('Standard Profiles'!$G$19=$B$10,7,0)+IF('Standard Profiles'!$G$19=$B$17,14,0)+IF('Standard Profiles'!$G$19=$B$24,21,0),MOD($C6292,24)+1)/SUM(INDEX($D$3:$AA$30,INDEX(Jesper!$R$2:$R$366,ROW(INDEX(Jesper!AI$2:AI$366,ROUNDDOWN($C6292/24,0)+1,1))-1)+IF('Standard Profiles'!$G$19=$B$10,7,0)+IF('Standard Profiles'!$G$19=$B$17,14,0)+IF('Standard Profiles'!$G$19=$B$24,21,0),0)),0)</f>
        <v>0</v>
      </c>
      <c r="F6292" cm="1">
        <f t="array" ref="F6292">IFERROR(INDEX(Jesper!AJ$2:AJ$366,ROUNDDOWN($C6292/24,0)+1,1)*INDEX($D$3:$AA$30,INDEX(Jesper!$R$2:$R$366,ROW(INDEX(Jesper!AJ$2:AJ$366,ROUNDDOWN($C6292/24,0)+1,1))-1)+IF('Standard Profiles'!$G$20=$B$10,7,0)+IF('Standard Profiles'!$G$20=$B$17,14,0)+IF('Standard Profiles'!$G$20=$B$24,21,0),MOD($C6292,24)+1)/SUM(INDEX($D$3:$AA$30,INDEX(Jesper!$R$2:$R$366,ROW(INDEX(Jesper!AJ$2:AJ$366,ROUNDDOWN($C6292/24,0)+1,1))-1)+IF('Standard Profiles'!$G$20=$B$10,7,0)+IF('Standard Profiles'!$G$20=$B$17,14,0)+IF('Standard Profiles'!$G$20=$B$24,21,0),0)),0)</f>
        <v>0</v>
      </c>
      <c r="G6292" cm="1">
        <f t="array" ref="G6292">IFERROR(INDEX(Jesper!AK$2:AK$366,ROUNDDOWN($C6292/24,0)+1,1)*INDEX($D$3:$AA$30,INDEX(Jesper!$R$2:$R$366,ROW(INDEX(Jesper!AK$2:AK$366,ROUNDDOWN($C6292/24,0)+1,1))-1)+IF('Standard Profiles'!$G$21=$B$10,7,0)+IF('Standard Profiles'!$G$21=$B$17,14,0)+IF('Standard Profiles'!$G$21=$B$24,21,0),MOD($C6292,24)+1)/SUM(INDEX($D$3:$AA$30,INDEX(Jesper!$R$2:$R$366,ROW(INDEX(Jesper!AK$2:AK$366,ROUNDDOWN($C6292/24,0)+1,1))-1)+IF('Standard Profiles'!$G$21=$B$10,7,0)+IF('Standard Profiles'!$G$21=$B$17,14,0)+IF('Standard Profiles'!$G$21=$B$24,21,0),0)),0)</f>
        <v>0</v>
      </c>
      <c r="H6292" cm="1">
        <f t="array" ref="H6292">IFERROR(INDEX(Jesper!AL$2:AL$366,ROUNDDOWN($C6292/24,0)+1,1)*INDEX($D$3:$AA$30,INDEX(Jesper!$R$2:$R$366,ROW(INDEX(Jesper!AL$2:AL$366,ROUNDDOWN($C6292/24,0)+1,1))-1)+IF('Standard Profiles'!$G$22=$B$10,7,0)+IF('Standard Profiles'!$G$22=$B$17,14,0)+IF('Standard Profiles'!$G$22=$B$24,21,0),MOD($C6292,24)+1)/SUM(INDEX($D$3:$AA$30,INDEX(Jesper!$R$2:$R$366,ROW(INDEX(Jesper!AL$2:AL$366,ROUNDDOWN($C6292/24,0)+1,1))-1)+IF('Standard Profiles'!$G$22=$B$10,7,0)+IF('Standard Profiles'!$G$22=$B$17,14,0)+IF('Standard Profiles'!$G$22=$B$24,21,0),0)),0)</f>
        <v>0</v>
      </c>
      <c r="I6292">
        <f t="shared" si="699"/>
        <v>0.42382194408469476</v>
      </c>
      <c r="J6292">
        <f t="shared" si="700"/>
        <v>1.4127398136156493</v>
      </c>
      <c r="K6292">
        <f t="shared" si="701"/>
        <v>2.1191097204234737</v>
      </c>
      <c r="L6292">
        <f t="shared" si="702"/>
        <v>10.171726658032673</v>
      </c>
      <c r="M6292">
        <f t="shared" si="703"/>
        <v>0</v>
      </c>
      <c r="N6292" s="46">
        <f t="shared" si="704"/>
        <v>45552.749999984822</v>
      </c>
    </row>
    <row r="6293" spans="2:14" x14ac:dyDescent="0.3">
      <c r="B6293">
        <f t="shared" si="698"/>
        <v>2</v>
      </c>
      <c r="C6293" s="16">
        <v>6259</v>
      </c>
      <c r="D6293" cm="1">
        <f t="array" ref="D6293">IFERROR(INDEX(Jesper!AH$2:AH$366,ROUNDDOWN($C6293/24,0)+1,1)*INDEX($D$3:$AA$30,INDEX(Jesper!$R$2:$R$366,ROW(INDEX(Jesper!AH$2:AH$366,ROUNDDOWN($C6293/24,0)+1,1))-1)+IF('Standard Profiles'!$G$18=$B$10,7,0)+IF('Standard Profiles'!$G$18=$B$17,14,0)+IF('Standard Profiles'!$G$18=$B$24,21,0),MOD($C6293,24)+1)/SUM(INDEX($D$3:$AA$30,INDEX(Jesper!$R$2:$R$366,ROW(INDEX(Jesper!AH$2:AH$366,ROUNDDOWN($C6293/24,0)+1,1))-1)+IF('Standard Profiles'!$G$18=$B$10,7,0)+IF('Standard Profiles'!$G$18=$B$17,14,0)+IF('Standard Profiles'!$G$18=$B$24,21,0),0)),0)</f>
        <v>11.831695939031063</v>
      </c>
      <c r="E6293" cm="1">
        <f t="array" ref="E6293">IFERROR(INDEX(Jesper!AI$2:AI$366,ROUNDDOWN($C6293/24,0)+1,1)*INDEX($D$3:$AA$30,INDEX(Jesper!$R$2:$R$366,ROW(INDEX(Jesper!AI$2:AI$366,ROUNDDOWN($C6293/24,0)+1,1))-1)+IF('Standard Profiles'!$G$19=$B$10,7,0)+IF('Standard Profiles'!$G$19=$B$17,14,0)+IF('Standard Profiles'!$G$19=$B$24,21,0),MOD($C6293,24)+1)/SUM(INDEX($D$3:$AA$30,INDEX(Jesper!$R$2:$R$366,ROW(INDEX(Jesper!AI$2:AI$366,ROUNDDOWN($C6293/24,0)+1,1))-1)+IF('Standard Profiles'!$G$19=$B$10,7,0)+IF('Standard Profiles'!$G$19=$B$17,14,0)+IF('Standard Profiles'!$G$19=$B$24,21,0),0)),0)</f>
        <v>0</v>
      </c>
      <c r="F6293" cm="1">
        <f t="array" ref="F6293">IFERROR(INDEX(Jesper!AJ$2:AJ$366,ROUNDDOWN($C6293/24,0)+1,1)*INDEX($D$3:$AA$30,INDEX(Jesper!$R$2:$R$366,ROW(INDEX(Jesper!AJ$2:AJ$366,ROUNDDOWN($C6293/24,0)+1,1))-1)+IF('Standard Profiles'!$G$20=$B$10,7,0)+IF('Standard Profiles'!$G$20=$B$17,14,0)+IF('Standard Profiles'!$G$20=$B$24,21,0),MOD($C6293,24)+1)/SUM(INDEX($D$3:$AA$30,INDEX(Jesper!$R$2:$R$366,ROW(INDEX(Jesper!AJ$2:AJ$366,ROUNDDOWN($C6293/24,0)+1,1))-1)+IF('Standard Profiles'!$G$20=$B$10,7,0)+IF('Standard Profiles'!$G$20=$B$17,14,0)+IF('Standard Profiles'!$G$20=$B$24,21,0),0)),0)</f>
        <v>0</v>
      </c>
      <c r="G6293" cm="1">
        <f t="array" ref="G6293">IFERROR(INDEX(Jesper!AK$2:AK$366,ROUNDDOWN($C6293/24,0)+1,1)*INDEX($D$3:$AA$30,INDEX(Jesper!$R$2:$R$366,ROW(INDEX(Jesper!AK$2:AK$366,ROUNDDOWN($C6293/24,0)+1,1))-1)+IF('Standard Profiles'!$G$21=$B$10,7,0)+IF('Standard Profiles'!$G$21=$B$17,14,0)+IF('Standard Profiles'!$G$21=$B$24,21,0),MOD($C6293,24)+1)/SUM(INDEX($D$3:$AA$30,INDEX(Jesper!$R$2:$R$366,ROW(INDEX(Jesper!AK$2:AK$366,ROUNDDOWN($C6293/24,0)+1,1))-1)+IF('Standard Profiles'!$G$21=$B$10,7,0)+IF('Standard Profiles'!$G$21=$B$17,14,0)+IF('Standard Profiles'!$G$21=$B$24,21,0),0)),0)</f>
        <v>0</v>
      </c>
      <c r="H6293" cm="1">
        <f t="array" ref="H6293">IFERROR(INDEX(Jesper!AL$2:AL$366,ROUNDDOWN($C6293/24,0)+1,1)*INDEX($D$3:$AA$30,INDEX(Jesper!$R$2:$R$366,ROW(INDEX(Jesper!AL$2:AL$366,ROUNDDOWN($C6293/24,0)+1,1))-1)+IF('Standard Profiles'!$G$22=$B$10,7,0)+IF('Standard Profiles'!$G$22=$B$17,14,0)+IF('Standard Profiles'!$G$22=$B$24,21,0),MOD($C6293,24)+1)/SUM(INDEX($D$3:$AA$30,INDEX(Jesper!$R$2:$R$366,ROW(INDEX(Jesper!AL$2:AL$366,ROUNDDOWN($C6293/24,0)+1,1))-1)+IF('Standard Profiles'!$G$22=$B$10,7,0)+IF('Standard Profiles'!$G$22=$B$17,14,0)+IF('Standard Profiles'!$G$22=$B$24,21,0),0)),0)</f>
        <v>0</v>
      </c>
      <c r="I6293">
        <f t="shared" si="699"/>
        <v>0.35495087817093185</v>
      </c>
      <c r="J6293">
        <f t="shared" si="700"/>
        <v>1.1831695939031064</v>
      </c>
      <c r="K6293">
        <f t="shared" si="701"/>
        <v>1.7747543908546592</v>
      </c>
      <c r="L6293">
        <f t="shared" si="702"/>
        <v>8.5188210761023644</v>
      </c>
      <c r="M6293">
        <f t="shared" si="703"/>
        <v>0</v>
      </c>
      <c r="N6293" s="46">
        <f t="shared" si="704"/>
        <v>45552.791666651487</v>
      </c>
    </row>
    <row r="6294" spans="2:14" x14ac:dyDescent="0.3">
      <c r="B6294">
        <f t="shared" si="698"/>
        <v>2</v>
      </c>
      <c r="C6294" s="16">
        <v>6260</v>
      </c>
      <c r="D6294" cm="1">
        <f t="array" ref="D6294">IFERROR(INDEX(Jesper!AH$2:AH$366,ROUNDDOWN($C6294/24,0)+1,1)*INDEX($D$3:$AA$30,INDEX(Jesper!$R$2:$R$366,ROW(INDEX(Jesper!AH$2:AH$366,ROUNDDOWN($C6294/24,0)+1,1))-1)+IF('Standard Profiles'!$G$18=$B$10,7,0)+IF('Standard Profiles'!$G$18=$B$17,14,0)+IF('Standard Profiles'!$G$18=$B$24,21,0),MOD($C6294,24)+1)/SUM(INDEX($D$3:$AA$30,INDEX(Jesper!$R$2:$R$366,ROW(INDEX(Jesper!AH$2:AH$366,ROUNDDOWN($C6294/24,0)+1,1))-1)+IF('Standard Profiles'!$G$18=$B$10,7,0)+IF('Standard Profiles'!$G$18=$B$17,14,0)+IF('Standard Profiles'!$G$18=$B$24,21,0),0)),0)</f>
        <v>9.7125862186075871</v>
      </c>
      <c r="E6294" cm="1">
        <f t="array" ref="E6294">IFERROR(INDEX(Jesper!AI$2:AI$366,ROUNDDOWN($C6294/24,0)+1,1)*INDEX($D$3:$AA$30,INDEX(Jesper!$R$2:$R$366,ROW(INDEX(Jesper!AI$2:AI$366,ROUNDDOWN($C6294/24,0)+1,1))-1)+IF('Standard Profiles'!$G$19=$B$10,7,0)+IF('Standard Profiles'!$G$19=$B$17,14,0)+IF('Standard Profiles'!$G$19=$B$24,21,0),MOD($C6294,24)+1)/SUM(INDEX($D$3:$AA$30,INDEX(Jesper!$R$2:$R$366,ROW(INDEX(Jesper!AI$2:AI$366,ROUNDDOWN($C6294/24,0)+1,1))-1)+IF('Standard Profiles'!$G$19=$B$10,7,0)+IF('Standard Profiles'!$G$19=$B$17,14,0)+IF('Standard Profiles'!$G$19=$B$24,21,0),0)),0)</f>
        <v>0</v>
      </c>
      <c r="F6294" cm="1">
        <f t="array" ref="F6294">IFERROR(INDEX(Jesper!AJ$2:AJ$366,ROUNDDOWN($C6294/24,0)+1,1)*INDEX($D$3:$AA$30,INDEX(Jesper!$R$2:$R$366,ROW(INDEX(Jesper!AJ$2:AJ$366,ROUNDDOWN($C6294/24,0)+1,1))-1)+IF('Standard Profiles'!$G$20=$B$10,7,0)+IF('Standard Profiles'!$G$20=$B$17,14,0)+IF('Standard Profiles'!$G$20=$B$24,21,0),MOD($C6294,24)+1)/SUM(INDEX($D$3:$AA$30,INDEX(Jesper!$R$2:$R$366,ROW(INDEX(Jesper!AJ$2:AJ$366,ROUNDDOWN($C6294/24,0)+1,1))-1)+IF('Standard Profiles'!$G$20=$B$10,7,0)+IF('Standard Profiles'!$G$20=$B$17,14,0)+IF('Standard Profiles'!$G$20=$B$24,21,0),0)),0)</f>
        <v>0</v>
      </c>
      <c r="G6294" cm="1">
        <f t="array" ref="G6294">IFERROR(INDEX(Jesper!AK$2:AK$366,ROUNDDOWN($C6294/24,0)+1,1)*INDEX($D$3:$AA$30,INDEX(Jesper!$R$2:$R$366,ROW(INDEX(Jesper!AK$2:AK$366,ROUNDDOWN($C6294/24,0)+1,1))-1)+IF('Standard Profiles'!$G$21=$B$10,7,0)+IF('Standard Profiles'!$G$21=$B$17,14,0)+IF('Standard Profiles'!$G$21=$B$24,21,0),MOD($C6294,24)+1)/SUM(INDEX($D$3:$AA$30,INDEX(Jesper!$R$2:$R$366,ROW(INDEX(Jesper!AK$2:AK$366,ROUNDDOWN($C6294/24,0)+1,1))-1)+IF('Standard Profiles'!$G$21=$B$10,7,0)+IF('Standard Profiles'!$G$21=$B$17,14,0)+IF('Standard Profiles'!$G$21=$B$24,21,0),0)),0)</f>
        <v>0</v>
      </c>
      <c r="H6294" cm="1">
        <f t="array" ref="H6294">IFERROR(INDEX(Jesper!AL$2:AL$366,ROUNDDOWN($C6294/24,0)+1,1)*INDEX($D$3:$AA$30,INDEX(Jesper!$R$2:$R$366,ROW(INDEX(Jesper!AL$2:AL$366,ROUNDDOWN($C6294/24,0)+1,1))-1)+IF('Standard Profiles'!$G$22=$B$10,7,0)+IF('Standard Profiles'!$G$22=$B$17,14,0)+IF('Standard Profiles'!$G$22=$B$24,21,0),MOD($C6294,24)+1)/SUM(INDEX($D$3:$AA$30,INDEX(Jesper!$R$2:$R$366,ROW(INDEX(Jesper!AL$2:AL$366,ROUNDDOWN($C6294/24,0)+1,1))-1)+IF('Standard Profiles'!$G$22=$B$10,7,0)+IF('Standard Profiles'!$G$22=$B$17,14,0)+IF('Standard Profiles'!$G$22=$B$24,21,0),0)),0)</f>
        <v>0</v>
      </c>
      <c r="I6294">
        <f t="shared" si="699"/>
        <v>0.2913775865582276</v>
      </c>
      <c r="J6294">
        <f t="shared" si="700"/>
        <v>0.97125862186075873</v>
      </c>
      <c r="K6294">
        <f t="shared" si="701"/>
        <v>1.4568879327911379</v>
      </c>
      <c r="L6294">
        <f t="shared" si="702"/>
        <v>6.9930620773974628</v>
      </c>
      <c r="M6294">
        <f t="shared" si="703"/>
        <v>0</v>
      </c>
      <c r="N6294" s="46">
        <f t="shared" si="704"/>
        <v>45552.833333318151</v>
      </c>
    </row>
    <row r="6295" spans="2:14" x14ac:dyDescent="0.3">
      <c r="B6295">
        <f t="shared" si="698"/>
        <v>2</v>
      </c>
      <c r="C6295" s="16">
        <v>6261</v>
      </c>
      <c r="D6295" cm="1">
        <f t="array" ref="D6295">IFERROR(INDEX(Jesper!AH$2:AH$366,ROUNDDOWN($C6295/24,0)+1,1)*INDEX($D$3:$AA$30,INDEX(Jesper!$R$2:$R$366,ROW(INDEX(Jesper!AH$2:AH$366,ROUNDDOWN($C6295/24,0)+1,1))-1)+IF('Standard Profiles'!$G$18=$B$10,7,0)+IF('Standard Profiles'!$G$18=$B$17,14,0)+IF('Standard Profiles'!$G$18=$B$24,21,0),MOD($C6295,24)+1)/SUM(INDEX($D$3:$AA$30,INDEX(Jesper!$R$2:$R$366,ROW(INDEX(Jesper!AH$2:AH$366,ROUNDDOWN($C6295/24,0)+1,1))-1)+IF('Standard Profiles'!$G$18=$B$10,7,0)+IF('Standard Profiles'!$G$18=$B$17,14,0)+IF('Standard Profiles'!$G$18=$B$24,21,0),0)),0)</f>
        <v>7.0636990680782459</v>
      </c>
      <c r="E6295" cm="1">
        <f t="array" ref="E6295">IFERROR(INDEX(Jesper!AI$2:AI$366,ROUNDDOWN($C6295/24,0)+1,1)*INDEX($D$3:$AA$30,INDEX(Jesper!$R$2:$R$366,ROW(INDEX(Jesper!AI$2:AI$366,ROUNDDOWN($C6295/24,0)+1,1))-1)+IF('Standard Profiles'!$G$19=$B$10,7,0)+IF('Standard Profiles'!$G$19=$B$17,14,0)+IF('Standard Profiles'!$G$19=$B$24,21,0),MOD($C6295,24)+1)/SUM(INDEX($D$3:$AA$30,INDEX(Jesper!$R$2:$R$366,ROW(INDEX(Jesper!AI$2:AI$366,ROUNDDOWN($C6295/24,0)+1,1))-1)+IF('Standard Profiles'!$G$19=$B$10,7,0)+IF('Standard Profiles'!$G$19=$B$17,14,0)+IF('Standard Profiles'!$G$19=$B$24,21,0),0)),0)</f>
        <v>0</v>
      </c>
      <c r="F6295" cm="1">
        <f t="array" ref="F6295">IFERROR(INDEX(Jesper!AJ$2:AJ$366,ROUNDDOWN($C6295/24,0)+1,1)*INDEX($D$3:$AA$30,INDEX(Jesper!$R$2:$R$366,ROW(INDEX(Jesper!AJ$2:AJ$366,ROUNDDOWN($C6295/24,0)+1,1))-1)+IF('Standard Profiles'!$G$20=$B$10,7,0)+IF('Standard Profiles'!$G$20=$B$17,14,0)+IF('Standard Profiles'!$G$20=$B$24,21,0),MOD($C6295,24)+1)/SUM(INDEX($D$3:$AA$30,INDEX(Jesper!$R$2:$R$366,ROW(INDEX(Jesper!AJ$2:AJ$366,ROUNDDOWN($C6295/24,0)+1,1))-1)+IF('Standard Profiles'!$G$20=$B$10,7,0)+IF('Standard Profiles'!$G$20=$B$17,14,0)+IF('Standard Profiles'!$G$20=$B$24,21,0),0)),0)</f>
        <v>0</v>
      </c>
      <c r="G6295" cm="1">
        <f t="array" ref="G6295">IFERROR(INDEX(Jesper!AK$2:AK$366,ROUNDDOWN($C6295/24,0)+1,1)*INDEX($D$3:$AA$30,INDEX(Jesper!$R$2:$R$366,ROW(INDEX(Jesper!AK$2:AK$366,ROUNDDOWN($C6295/24,0)+1,1))-1)+IF('Standard Profiles'!$G$21=$B$10,7,0)+IF('Standard Profiles'!$G$21=$B$17,14,0)+IF('Standard Profiles'!$G$21=$B$24,21,0),MOD($C6295,24)+1)/SUM(INDEX($D$3:$AA$30,INDEX(Jesper!$R$2:$R$366,ROW(INDEX(Jesper!AK$2:AK$366,ROUNDDOWN($C6295/24,0)+1,1))-1)+IF('Standard Profiles'!$G$21=$B$10,7,0)+IF('Standard Profiles'!$G$21=$B$17,14,0)+IF('Standard Profiles'!$G$21=$B$24,21,0),0)),0)</f>
        <v>0</v>
      </c>
      <c r="H6295" cm="1">
        <f t="array" ref="H6295">IFERROR(INDEX(Jesper!AL$2:AL$366,ROUNDDOWN($C6295/24,0)+1,1)*INDEX($D$3:$AA$30,INDEX(Jesper!$R$2:$R$366,ROW(INDEX(Jesper!AL$2:AL$366,ROUNDDOWN($C6295/24,0)+1,1))-1)+IF('Standard Profiles'!$G$22=$B$10,7,0)+IF('Standard Profiles'!$G$22=$B$17,14,0)+IF('Standard Profiles'!$G$22=$B$24,21,0),MOD($C6295,24)+1)/SUM(INDEX($D$3:$AA$30,INDEX(Jesper!$R$2:$R$366,ROW(INDEX(Jesper!AL$2:AL$366,ROUNDDOWN($C6295/24,0)+1,1))-1)+IF('Standard Profiles'!$G$22=$B$10,7,0)+IF('Standard Profiles'!$G$22=$B$17,14,0)+IF('Standard Profiles'!$G$22=$B$24,21,0),0)),0)</f>
        <v>0</v>
      </c>
      <c r="I6295">
        <f t="shared" si="699"/>
        <v>0.21191097204234738</v>
      </c>
      <c r="J6295">
        <f t="shared" si="700"/>
        <v>0.70636990680782463</v>
      </c>
      <c r="K6295">
        <f t="shared" si="701"/>
        <v>1.0595548602117368</v>
      </c>
      <c r="L6295">
        <f t="shared" si="702"/>
        <v>5.0858633290163366</v>
      </c>
      <c r="M6295">
        <f t="shared" si="703"/>
        <v>0</v>
      </c>
      <c r="N6295" s="46">
        <f t="shared" si="704"/>
        <v>45552.874999984815</v>
      </c>
    </row>
    <row r="6296" spans="2:14" x14ac:dyDescent="0.3">
      <c r="B6296">
        <f t="shared" si="698"/>
        <v>2</v>
      </c>
      <c r="C6296" s="16">
        <v>6262</v>
      </c>
      <c r="D6296" cm="1">
        <f t="array" ref="D6296">IFERROR(INDEX(Jesper!AH$2:AH$366,ROUNDDOWN($C6296/24,0)+1,1)*INDEX($D$3:$AA$30,INDEX(Jesper!$R$2:$R$366,ROW(INDEX(Jesper!AH$2:AH$366,ROUNDDOWN($C6296/24,0)+1,1))-1)+IF('Standard Profiles'!$G$18=$B$10,7,0)+IF('Standard Profiles'!$G$18=$B$17,14,0)+IF('Standard Profiles'!$G$18=$B$24,21,0),MOD($C6296,24)+1)/SUM(INDEX($D$3:$AA$30,INDEX(Jesper!$R$2:$R$366,ROW(INDEX(Jesper!AH$2:AH$366,ROUNDDOWN($C6296/24,0)+1,1))-1)+IF('Standard Profiles'!$G$18=$B$10,7,0)+IF('Standard Profiles'!$G$18=$B$17,14,0)+IF('Standard Profiles'!$G$18=$B$24,21,0),0)),0)</f>
        <v>7.0636990680782459</v>
      </c>
      <c r="E6296" cm="1">
        <f t="array" ref="E6296">IFERROR(INDEX(Jesper!AI$2:AI$366,ROUNDDOWN($C6296/24,0)+1,1)*INDEX($D$3:$AA$30,INDEX(Jesper!$R$2:$R$366,ROW(INDEX(Jesper!AI$2:AI$366,ROUNDDOWN($C6296/24,0)+1,1))-1)+IF('Standard Profiles'!$G$19=$B$10,7,0)+IF('Standard Profiles'!$G$19=$B$17,14,0)+IF('Standard Profiles'!$G$19=$B$24,21,0),MOD($C6296,24)+1)/SUM(INDEX($D$3:$AA$30,INDEX(Jesper!$R$2:$R$366,ROW(INDEX(Jesper!AI$2:AI$366,ROUNDDOWN($C6296/24,0)+1,1))-1)+IF('Standard Profiles'!$G$19=$B$10,7,0)+IF('Standard Profiles'!$G$19=$B$17,14,0)+IF('Standard Profiles'!$G$19=$B$24,21,0),0)),0)</f>
        <v>0</v>
      </c>
      <c r="F6296" cm="1">
        <f t="array" ref="F6296">IFERROR(INDEX(Jesper!AJ$2:AJ$366,ROUNDDOWN($C6296/24,0)+1,1)*INDEX($D$3:$AA$30,INDEX(Jesper!$R$2:$R$366,ROW(INDEX(Jesper!AJ$2:AJ$366,ROUNDDOWN($C6296/24,0)+1,1))-1)+IF('Standard Profiles'!$G$20=$B$10,7,0)+IF('Standard Profiles'!$G$20=$B$17,14,0)+IF('Standard Profiles'!$G$20=$B$24,21,0),MOD($C6296,24)+1)/SUM(INDEX($D$3:$AA$30,INDEX(Jesper!$R$2:$R$366,ROW(INDEX(Jesper!AJ$2:AJ$366,ROUNDDOWN($C6296/24,0)+1,1))-1)+IF('Standard Profiles'!$G$20=$B$10,7,0)+IF('Standard Profiles'!$G$20=$B$17,14,0)+IF('Standard Profiles'!$G$20=$B$24,21,0),0)),0)</f>
        <v>0</v>
      </c>
      <c r="G6296" cm="1">
        <f t="array" ref="G6296">IFERROR(INDEX(Jesper!AK$2:AK$366,ROUNDDOWN($C6296/24,0)+1,1)*INDEX($D$3:$AA$30,INDEX(Jesper!$R$2:$R$366,ROW(INDEX(Jesper!AK$2:AK$366,ROUNDDOWN($C6296/24,0)+1,1))-1)+IF('Standard Profiles'!$G$21=$B$10,7,0)+IF('Standard Profiles'!$G$21=$B$17,14,0)+IF('Standard Profiles'!$G$21=$B$24,21,0),MOD($C6296,24)+1)/SUM(INDEX($D$3:$AA$30,INDEX(Jesper!$R$2:$R$366,ROW(INDEX(Jesper!AK$2:AK$366,ROUNDDOWN($C6296/24,0)+1,1))-1)+IF('Standard Profiles'!$G$21=$B$10,7,0)+IF('Standard Profiles'!$G$21=$B$17,14,0)+IF('Standard Profiles'!$G$21=$B$24,21,0),0)),0)</f>
        <v>0</v>
      </c>
      <c r="H6296" cm="1">
        <f t="array" ref="H6296">IFERROR(INDEX(Jesper!AL$2:AL$366,ROUNDDOWN($C6296/24,0)+1,1)*INDEX($D$3:$AA$30,INDEX(Jesper!$R$2:$R$366,ROW(INDEX(Jesper!AL$2:AL$366,ROUNDDOWN($C6296/24,0)+1,1))-1)+IF('Standard Profiles'!$G$22=$B$10,7,0)+IF('Standard Profiles'!$G$22=$B$17,14,0)+IF('Standard Profiles'!$G$22=$B$24,21,0),MOD($C6296,24)+1)/SUM(INDEX($D$3:$AA$30,INDEX(Jesper!$R$2:$R$366,ROW(INDEX(Jesper!AL$2:AL$366,ROUNDDOWN($C6296/24,0)+1,1))-1)+IF('Standard Profiles'!$G$22=$B$10,7,0)+IF('Standard Profiles'!$G$22=$B$17,14,0)+IF('Standard Profiles'!$G$22=$B$24,21,0),0)),0)</f>
        <v>0</v>
      </c>
      <c r="I6296">
        <f t="shared" si="699"/>
        <v>0.21191097204234738</v>
      </c>
      <c r="J6296">
        <f t="shared" si="700"/>
        <v>0.70636990680782463</v>
      </c>
      <c r="K6296">
        <f t="shared" si="701"/>
        <v>1.0595548602117368</v>
      </c>
      <c r="L6296">
        <f t="shared" si="702"/>
        <v>5.0858633290163366</v>
      </c>
      <c r="M6296">
        <f t="shared" si="703"/>
        <v>0</v>
      </c>
      <c r="N6296" s="46">
        <f t="shared" si="704"/>
        <v>45552.916666651479</v>
      </c>
    </row>
    <row r="6297" spans="2:14" x14ac:dyDescent="0.3">
      <c r="B6297">
        <f t="shared" si="698"/>
        <v>2</v>
      </c>
      <c r="C6297" s="16">
        <v>6263</v>
      </c>
      <c r="D6297" cm="1">
        <f t="array" ref="D6297">IFERROR(INDEX(Jesper!AH$2:AH$366,ROUNDDOWN($C6297/24,0)+1,1)*INDEX($D$3:$AA$30,INDEX(Jesper!$R$2:$R$366,ROW(INDEX(Jesper!AH$2:AH$366,ROUNDDOWN($C6297/24,0)+1,1))-1)+IF('Standard Profiles'!$G$18=$B$10,7,0)+IF('Standard Profiles'!$G$18=$B$17,14,0)+IF('Standard Profiles'!$G$18=$B$24,21,0),MOD($C6297,24)+1)/SUM(INDEX($D$3:$AA$30,INDEX(Jesper!$R$2:$R$366,ROW(INDEX(Jesper!AH$2:AH$366,ROUNDDOWN($C6297/24,0)+1,1))-1)+IF('Standard Profiles'!$G$18=$B$10,7,0)+IF('Standard Profiles'!$G$18=$B$17,14,0)+IF('Standard Profiles'!$G$18=$B$24,21,0),0)),0)</f>
        <v>7.0636990680782459</v>
      </c>
      <c r="E6297" cm="1">
        <f t="array" ref="E6297">IFERROR(INDEX(Jesper!AI$2:AI$366,ROUNDDOWN($C6297/24,0)+1,1)*INDEX($D$3:$AA$30,INDEX(Jesper!$R$2:$R$366,ROW(INDEX(Jesper!AI$2:AI$366,ROUNDDOWN($C6297/24,0)+1,1))-1)+IF('Standard Profiles'!$G$19=$B$10,7,0)+IF('Standard Profiles'!$G$19=$B$17,14,0)+IF('Standard Profiles'!$G$19=$B$24,21,0),MOD($C6297,24)+1)/SUM(INDEX($D$3:$AA$30,INDEX(Jesper!$R$2:$R$366,ROW(INDEX(Jesper!AI$2:AI$366,ROUNDDOWN($C6297/24,0)+1,1))-1)+IF('Standard Profiles'!$G$19=$B$10,7,0)+IF('Standard Profiles'!$G$19=$B$17,14,0)+IF('Standard Profiles'!$G$19=$B$24,21,0),0)),0)</f>
        <v>0</v>
      </c>
      <c r="F6297" cm="1">
        <f t="array" ref="F6297">IFERROR(INDEX(Jesper!AJ$2:AJ$366,ROUNDDOWN($C6297/24,0)+1,1)*INDEX($D$3:$AA$30,INDEX(Jesper!$R$2:$R$366,ROW(INDEX(Jesper!AJ$2:AJ$366,ROUNDDOWN($C6297/24,0)+1,1))-1)+IF('Standard Profiles'!$G$20=$B$10,7,0)+IF('Standard Profiles'!$G$20=$B$17,14,0)+IF('Standard Profiles'!$G$20=$B$24,21,0),MOD($C6297,24)+1)/SUM(INDEX($D$3:$AA$30,INDEX(Jesper!$R$2:$R$366,ROW(INDEX(Jesper!AJ$2:AJ$366,ROUNDDOWN($C6297/24,0)+1,1))-1)+IF('Standard Profiles'!$G$20=$B$10,7,0)+IF('Standard Profiles'!$G$20=$B$17,14,0)+IF('Standard Profiles'!$G$20=$B$24,21,0),0)),0)</f>
        <v>0</v>
      </c>
      <c r="G6297" cm="1">
        <f t="array" ref="G6297">IFERROR(INDEX(Jesper!AK$2:AK$366,ROUNDDOWN($C6297/24,0)+1,1)*INDEX($D$3:$AA$30,INDEX(Jesper!$R$2:$R$366,ROW(INDEX(Jesper!AK$2:AK$366,ROUNDDOWN($C6297/24,0)+1,1))-1)+IF('Standard Profiles'!$G$21=$B$10,7,0)+IF('Standard Profiles'!$G$21=$B$17,14,0)+IF('Standard Profiles'!$G$21=$B$24,21,0),MOD($C6297,24)+1)/SUM(INDEX($D$3:$AA$30,INDEX(Jesper!$R$2:$R$366,ROW(INDEX(Jesper!AK$2:AK$366,ROUNDDOWN($C6297/24,0)+1,1))-1)+IF('Standard Profiles'!$G$21=$B$10,7,0)+IF('Standard Profiles'!$G$21=$B$17,14,0)+IF('Standard Profiles'!$G$21=$B$24,21,0),0)),0)</f>
        <v>0</v>
      </c>
      <c r="H6297" cm="1">
        <f t="array" ref="H6297">IFERROR(INDEX(Jesper!AL$2:AL$366,ROUNDDOWN($C6297/24,0)+1,1)*INDEX($D$3:$AA$30,INDEX(Jesper!$R$2:$R$366,ROW(INDEX(Jesper!AL$2:AL$366,ROUNDDOWN($C6297/24,0)+1,1))-1)+IF('Standard Profiles'!$G$22=$B$10,7,0)+IF('Standard Profiles'!$G$22=$B$17,14,0)+IF('Standard Profiles'!$G$22=$B$24,21,0),MOD($C6297,24)+1)/SUM(INDEX($D$3:$AA$30,INDEX(Jesper!$R$2:$R$366,ROW(INDEX(Jesper!AL$2:AL$366,ROUNDDOWN($C6297/24,0)+1,1))-1)+IF('Standard Profiles'!$G$22=$B$10,7,0)+IF('Standard Profiles'!$G$22=$B$17,14,0)+IF('Standard Profiles'!$G$22=$B$24,21,0),0)),0)</f>
        <v>0</v>
      </c>
      <c r="I6297">
        <f t="shared" si="699"/>
        <v>0.21191097204234738</v>
      </c>
      <c r="J6297">
        <f t="shared" si="700"/>
        <v>0.70636990680782463</v>
      </c>
      <c r="K6297">
        <f t="shared" si="701"/>
        <v>1.0595548602117368</v>
      </c>
      <c r="L6297">
        <f t="shared" si="702"/>
        <v>5.0858633290163366</v>
      </c>
      <c r="M6297">
        <f t="shared" si="703"/>
        <v>0</v>
      </c>
      <c r="N6297" s="46">
        <f t="shared" si="704"/>
        <v>45552.958333318144</v>
      </c>
    </row>
    <row r="6298" spans="2:14" x14ac:dyDescent="0.3">
      <c r="B6298">
        <f t="shared" si="698"/>
        <v>3</v>
      </c>
      <c r="C6298" s="16">
        <v>6264</v>
      </c>
      <c r="D6298" cm="1">
        <f t="array" ref="D6298">IFERROR(INDEX(Jesper!AH$2:AH$366,ROUNDDOWN($C6298/24,0)+1,1)*INDEX($D$3:$AA$30,INDEX(Jesper!$R$2:$R$366,ROW(INDEX(Jesper!AH$2:AH$366,ROUNDDOWN($C6298/24,0)+1,1))-1)+IF('Standard Profiles'!$G$18=$B$10,7,0)+IF('Standard Profiles'!$G$18=$B$17,14,0)+IF('Standard Profiles'!$G$18=$B$24,21,0),MOD($C6298,24)+1)/SUM(INDEX($D$3:$AA$30,INDEX(Jesper!$R$2:$R$366,ROW(INDEX(Jesper!AH$2:AH$366,ROUNDDOWN($C6298/24,0)+1,1))-1)+IF('Standard Profiles'!$G$18=$B$10,7,0)+IF('Standard Profiles'!$G$18=$B$17,14,0)+IF('Standard Profiles'!$G$18=$B$24,21,0),0)),0)</f>
        <v>6.2907446809685368</v>
      </c>
      <c r="E6298" cm="1">
        <f t="array" ref="E6298">IFERROR(INDEX(Jesper!AI$2:AI$366,ROUNDDOWN($C6298/24,0)+1,1)*INDEX($D$3:$AA$30,INDEX(Jesper!$R$2:$R$366,ROW(INDEX(Jesper!AI$2:AI$366,ROUNDDOWN($C6298/24,0)+1,1))-1)+IF('Standard Profiles'!$G$19=$B$10,7,0)+IF('Standard Profiles'!$G$19=$B$17,14,0)+IF('Standard Profiles'!$G$19=$B$24,21,0),MOD($C6298,24)+1)/SUM(INDEX($D$3:$AA$30,INDEX(Jesper!$R$2:$R$366,ROW(INDEX(Jesper!AI$2:AI$366,ROUNDDOWN($C6298/24,0)+1,1))-1)+IF('Standard Profiles'!$G$19=$B$10,7,0)+IF('Standard Profiles'!$G$19=$B$17,14,0)+IF('Standard Profiles'!$G$19=$B$24,21,0),0)),0)</f>
        <v>0</v>
      </c>
      <c r="F6298" cm="1">
        <f t="array" ref="F6298">IFERROR(INDEX(Jesper!AJ$2:AJ$366,ROUNDDOWN($C6298/24,0)+1,1)*INDEX($D$3:$AA$30,INDEX(Jesper!$R$2:$R$366,ROW(INDEX(Jesper!AJ$2:AJ$366,ROUNDDOWN($C6298/24,0)+1,1))-1)+IF('Standard Profiles'!$G$20=$B$10,7,0)+IF('Standard Profiles'!$G$20=$B$17,14,0)+IF('Standard Profiles'!$G$20=$B$24,21,0),MOD($C6298,24)+1)/SUM(INDEX($D$3:$AA$30,INDEX(Jesper!$R$2:$R$366,ROW(INDEX(Jesper!AJ$2:AJ$366,ROUNDDOWN($C6298/24,0)+1,1))-1)+IF('Standard Profiles'!$G$20=$B$10,7,0)+IF('Standard Profiles'!$G$20=$B$17,14,0)+IF('Standard Profiles'!$G$20=$B$24,21,0),0)),0)</f>
        <v>0</v>
      </c>
      <c r="G6298" cm="1">
        <f t="array" ref="G6298">IFERROR(INDEX(Jesper!AK$2:AK$366,ROUNDDOWN($C6298/24,0)+1,1)*INDEX($D$3:$AA$30,INDEX(Jesper!$R$2:$R$366,ROW(INDEX(Jesper!AK$2:AK$366,ROUNDDOWN($C6298/24,0)+1,1))-1)+IF('Standard Profiles'!$G$21=$B$10,7,0)+IF('Standard Profiles'!$G$21=$B$17,14,0)+IF('Standard Profiles'!$G$21=$B$24,21,0),MOD($C6298,24)+1)/SUM(INDEX($D$3:$AA$30,INDEX(Jesper!$R$2:$R$366,ROW(INDEX(Jesper!AK$2:AK$366,ROUNDDOWN($C6298/24,0)+1,1))-1)+IF('Standard Profiles'!$G$21=$B$10,7,0)+IF('Standard Profiles'!$G$21=$B$17,14,0)+IF('Standard Profiles'!$G$21=$B$24,21,0),0)),0)</f>
        <v>0</v>
      </c>
      <c r="H6298" cm="1">
        <f t="array" ref="H6298">IFERROR(INDEX(Jesper!AL$2:AL$366,ROUNDDOWN($C6298/24,0)+1,1)*INDEX($D$3:$AA$30,INDEX(Jesper!$R$2:$R$366,ROW(INDEX(Jesper!AL$2:AL$366,ROUNDDOWN($C6298/24,0)+1,1))-1)+IF('Standard Profiles'!$G$22=$B$10,7,0)+IF('Standard Profiles'!$G$22=$B$17,14,0)+IF('Standard Profiles'!$G$22=$B$24,21,0),MOD($C6298,24)+1)/SUM(INDEX($D$3:$AA$30,INDEX(Jesper!$R$2:$R$366,ROW(INDEX(Jesper!AL$2:AL$366,ROUNDDOWN($C6298/24,0)+1,1))-1)+IF('Standard Profiles'!$G$22=$B$10,7,0)+IF('Standard Profiles'!$G$22=$B$17,14,0)+IF('Standard Profiles'!$G$22=$B$24,21,0),0)),0)</f>
        <v>0</v>
      </c>
      <c r="I6298">
        <f t="shared" si="699"/>
        <v>0.18872234042905608</v>
      </c>
      <c r="J6298">
        <f t="shared" si="700"/>
        <v>0.62907446809685375</v>
      </c>
      <c r="K6298">
        <f t="shared" si="701"/>
        <v>0.94361170214528045</v>
      </c>
      <c r="L6298">
        <f t="shared" si="702"/>
        <v>4.5293361702973467</v>
      </c>
      <c r="M6298">
        <f t="shared" si="703"/>
        <v>0</v>
      </c>
      <c r="N6298" s="46">
        <f t="shared" si="704"/>
        <v>45552.999999984808</v>
      </c>
    </row>
    <row r="6299" spans="2:14" x14ac:dyDescent="0.3">
      <c r="B6299">
        <f t="shared" si="698"/>
        <v>3</v>
      </c>
      <c r="C6299" s="16">
        <v>6265</v>
      </c>
      <c r="D6299" cm="1">
        <f t="array" ref="D6299">IFERROR(INDEX(Jesper!AH$2:AH$366,ROUNDDOWN($C6299/24,0)+1,1)*INDEX($D$3:$AA$30,INDEX(Jesper!$R$2:$R$366,ROW(INDEX(Jesper!AH$2:AH$366,ROUNDDOWN($C6299/24,0)+1,1))-1)+IF('Standard Profiles'!$G$18=$B$10,7,0)+IF('Standard Profiles'!$G$18=$B$17,14,0)+IF('Standard Profiles'!$G$18=$B$24,21,0),MOD($C6299,24)+1)/SUM(INDEX($D$3:$AA$30,INDEX(Jesper!$R$2:$R$366,ROW(INDEX(Jesper!AH$2:AH$366,ROUNDDOWN($C6299/24,0)+1,1))-1)+IF('Standard Profiles'!$G$18=$B$10,7,0)+IF('Standard Profiles'!$G$18=$B$17,14,0)+IF('Standard Profiles'!$G$18=$B$24,21,0),0)),0)</f>
        <v>7.0770877660896039</v>
      </c>
      <c r="E6299" cm="1">
        <f t="array" ref="E6299">IFERROR(INDEX(Jesper!AI$2:AI$366,ROUNDDOWN($C6299/24,0)+1,1)*INDEX($D$3:$AA$30,INDEX(Jesper!$R$2:$R$366,ROW(INDEX(Jesper!AI$2:AI$366,ROUNDDOWN($C6299/24,0)+1,1))-1)+IF('Standard Profiles'!$G$19=$B$10,7,0)+IF('Standard Profiles'!$G$19=$B$17,14,0)+IF('Standard Profiles'!$G$19=$B$24,21,0),MOD($C6299,24)+1)/SUM(INDEX($D$3:$AA$30,INDEX(Jesper!$R$2:$R$366,ROW(INDEX(Jesper!AI$2:AI$366,ROUNDDOWN($C6299/24,0)+1,1))-1)+IF('Standard Profiles'!$G$19=$B$10,7,0)+IF('Standard Profiles'!$G$19=$B$17,14,0)+IF('Standard Profiles'!$G$19=$B$24,21,0),0)),0)</f>
        <v>0</v>
      </c>
      <c r="F6299" cm="1">
        <f t="array" ref="F6299">IFERROR(INDEX(Jesper!AJ$2:AJ$366,ROUNDDOWN($C6299/24,0)+1,1)*INDEX($D$3:$AA$30,INDEX(Jesper!$R$2:$R$366,ROW(INDEX(Jesper!AJ$2:AJ$366,ROUNDDOWN($C6299/24,0)+1,1))-1)+IF('Standard Profiles'!$G$20=$B$10,7,0)+IF('Standard Profiles'!$G$20=$B$17,14,0)+IF('Standard Profiles'!$G$20=$B$24,21,0),MOD($C6299,24)+1)/SUM(INDEX($D$3:$AA$30,INDEX(Jesper!$R$2:$R$366,ROW(INDEX(Jesper!AJ$2:AJ$366,ROUNDDOWN($C6299/24,0)+1,1))-1)+IF('Standard Profiles'!$G$20=$B$10,7,0)+IF('Standard Profiles'!$G$20=$B$17,14,0)+IF('Standard Profiles'!$G$20=$B$24,21,0),0)),0)</f>
        <v>0</v>
      </c>
      <c r="G6299" cm="1">
        <f t="array" ref="G6299">IFERROR(INDEX(Jesper!AK$2:AK$366,ROUNDDOWN($C6299/24,0)+1,1)*INDEX($D$3:$AA$30,INDEX(Jesper!$R$2:$R$366,ROW(INDEX(Jesper!AK$2:AK$366,ROUNDDOWN($C6299/24,0)+1,1))-1)+IF('Standard Profiles'!$G$21=$B$10,7,0)+IF('Standard Profiles'!$G$21=$B$17,14,0)+IF('Standard Profiles'!$G$21=$B$24,21,0),MOD($C6299,24)+1)/SUM(INDEX($D$3:$AA$30,INDEX(Jesper!$R$2:$R$366,ROW(INDEX(Jesper!AK$2:AK$366,ROUNDDOWN($C6299/24,0)+1,1))-1)+IF('Standard Profiles'!$G$21=$B$10,7,0)+IF('Standard Profiles'!$G$21=$B$17,14,0)+IF('Standard Profiles'!$G$21=$B$24,21,0),0)),0)</f>
        <v>0</v>
      </c>
      <c r="H6299" cm="1">
        <f t="array" ref="H6299">IFERROR(INDEX(Jesper!AL$2:AL$366,ROUNDDOWN($C6299/24,0)+1,1)*INDEX($D$3:$AA$30,INDEX(Jesper!$R$2:$R$366,ROW(INDEX(Jesper!AL$2:AL$366,ROUNDDOWN($C6299/24,0)+1,1))-1)+IF('Standard Profiles'!$G$22=$B$10,7,0)+IF('Standard Profiles'!$G$22=$B$17,14,0)+IF('Standard Profiles'!$G$22=$B$24,21,0),MOD($C6299,24)+1)/SUM(INDEX($D$3:$AA$30,INDEX(Jesper!$R$2:$R$366,ROW(INDEX(Jesper!AL$2:AL$366,ROUNDDOWN($C6299/24,0)+1,1))-1)+IF('Standard Profiles'!$G$22=$B$10,7,0)+IF('Standard Profiles'!$G$22=$B$17,14,0)+IF('Standard Profiles'!$G$22=$B$24,21,0),0)),0)</f>
        <v>0</v>
      </c>
      <c r="I6299">
        <f t="shared" si="699"/>
        <v>0.2123126329826881</v>
      </c>
      <c r="J6299">
        <f t="shared" si="700"/>
        <v>0.70770877660896048</v>
      </c>
      <c r="K6299">
        <f t="shared" si="701"/>
        <v>1.0615631649134405</v>
      </c>
      <c r="L6299">
        <f t="shared" si="702"/>
        <v>5.0955031915845144</v>
      </c>
      <c r="M6299">
        <f t="shared" si="703"/>
        <v>0</v>
      </c>
      <c r="N6299" s="46">
        <f t="shared" si="704"/>
        <v>45553.041666651472</v>
      </c>
    </row>
    <row r="6300" spans="2:14" x14ac:dyDescent="0.3">
      <c r="B6300">
        <f t="shared" si="698"/>
        <v>3</v>
      </c>
      <c r="C6300" s="16">
        <v>6266</v>
      </c>
      <c r="D6300" cm="1">
        <f t="array" ref="D6300">IFERROR(INDEX(Jesper!AH$2:AH$366,ROUNDDOWN($C6300/24,0)+1,1)*INDEX($D$3:$AA$30,INDEX(Jesper!$R$2:$R$366,ROW(INDEX(Jesper!AH$2:AH$366,ROUNDDOWN($C6300/24,0)+1,1))-1)+IF('Standard Profiles'!$G$18=$B$10,7,0)+IF('Standard Profiles'!$G$18=$B$17,14,0)+IF('Standard Profiles'!$G$18=$B$24,21,0),MOD($C6300,24)+1)/SUM(INDEX($D$3:$AA$30,INDEX(Jesper!$R$2:$R$366,ROW(INDEX(Jesper!AH$2:AH$366,ROUNDDOWN($C6300/24,0)+1,1))-1)+IF('Standard Profiles'!$G$18=$B$10,7,0)+IF('Standard Profiles'!$G$18=$B$17,14,0)+IF('Standard Profiles'!$G$18=$B$24,21,0),0)),0)</f>
        <v>7.0770877660896039</v>
      </c>
      <c r="E6300" cm="1">
        <f t="array" ref="E6300">IFERROR(INDEX(Jesper!AI$2:AI$366,ROUNDDOWN($C6300/24,0)+1,1)*INDEX($D$3:$AA$30,INDEX(Jesper!$R$2:$R$366,ROW(INDEX(Jesper!AI$2:AI$366,ROUNDDOWN($C6300/24,0)+1,1))-1)+IF('Standard Profiles'!$G$19=$B$10,7,0)+IF('Standard Profiles'!$G$19=$B$17,14,0)+IF('Standard Profiles'!$G$19=$B$24,21,0),MOD($C6300,24)+1)/SUM(INDEX($D$3:$AA$30,INDEX(Jesper!$R$2:$R$366,ROW(INDEX(Jesper!AI$2:AI$366,ROUNDDOWN($C6300/24,0)+1,1))-1)+IF('Standard Profiles'!$G$19=$B$10,7,0)+IF('Standard Profiles'!$G$19=$B$17,14,0)+IF('Standard Profiles'!$G$19=$B$24,21,0),0)),0)</f>
        <v>0</v>
      </c>
      <c r="F6300" cm="1">
        <f t="array" ref="F6300">IFERROR(INDEX(Jesper!AJ$2:AJ$366,ROUNDDOWN($C6300/24,0)+1,1)*INDEX($D$3:$AA$30,INDEX(Jesper!$R$2:$R$366,ROW(INDEX(Jesper!AJ$2:AJ$366,ROUNDDOWN($C6300/24,0)+1,1))-1)+IF('Standard Profiles'!$G$20=$B$10,7,0)+IF('Standard Profiles'!$G$20=$B$17,14,0)+IF('Standard Profiles'!$G$20=$B$24,21,0),MOD($C6300,24)+1)/SUM(INDEX($D$3:$AA$30,INDEX(Jesper!$R$2:$R$366,ROW(INDEX(Jesper!AJ$2:AJ$366,ROUNDDOWN($C6300/24,0)+1,1))-1)+IF('Standard Profiles'!$G$20=$B$10,7,0)+IF('Standard Profiles'!$G$20=$B$17,14,0)+IF('Standard Profiles'!$G$20=$B$24,21,0),0)),0)</f>
        <v>0</v>
      </c>
      <c r="G6300" cm="1">
        <f t="array" ref="G6300">IFERROR(INDEX(Jesper!AK$2:AK$366,ROUNDDOWN($C6300/24,0)+1,1)*INDEX($D$3:$AA$30,INDEX(Jesper!$R$2:$R$366,ROW(INDEX(Jesper!AK$2:AK$366,ROUNDDOWN($C6300/24,0)+1,1))-1)+IF('Standard Profiles'!$G$21=$B$10,7,0)+IF('Standard Profiles'!$G$21=$B$17,14,0)+IF('Standard Profiles'!$G$21=$B$24,21,0),MOD($C6300,24)+1)/SUM(INDEX($D$3:$AA$30,INDEX(Jesper!$R$2:$R$366,ROW(INDEX(Jesper!AK$2:AK$366,ROUNDDOWN($C6300/24,0)+1,1))-1)+IF('Standard Profiles'!$G$21=$B$10,7,0)+IF('Standard Profiles'!$G$21=$B$17,14,0)+IF('Standard Profiles'!$G$21=$B$24,21,0),0)),0)</f>
        <v>0</v>
      </c>
      <c r="H6300" cm="1">
        <f t="array" ref="H6300">IFERROR(INDEX(Jesper!AL$2:AL$366,ROUNDDOWN($C6300/24,0)+1,1)*INDEX($D$3:$AA$30,INDEX(Jesper!$R$2:$R$366,ROW(INDEX(Jesper!AL$2:AL$366,ROUNDDOWN($C6300/24,0)+1,1))-1)+IF('Standard Profiles'!$G$22=$B$10,7,0)+IF('Standard Profiles'!$G$22=$B$17,14,0)+IF('Standard Profiles'!$G$22=$B$24,21,0),MOD($C6300,24)+1)/SUM(INDEX($D$3:$AA$30,INDEX(Jesper!$R$2:$R$366,ROW(INDEX(Jesper!AL$2:AL$366,ROUNDDOWN($C6300/24,0)+1,1))-1)+IF('Standard Profiles'!$G$22=$B$10,7,0)+IF('Standard Profiles'!$G$22=$B$17,14,0)+IF('Standard Profiles'!$G$22=$B$24,21,0),0)),0)</f>
        <v>0</v>
      </c>
      <c r="I6300">
        <f t="shared" si="699"/>
        <v>0.2123126329826881</v>
      </c>
      <c r="J6300">
        <f t="shared" si="700"/>
        <v>0.70770877660896048</v>
      </c>
      <c r="K6300">
        <f t="shared" si="701"/>
        <v>1.0615631649134405</v>
      </c>
      <c r="L6300">
        <f t="shared" si="702"/>
        <v>5.0955031915845144</v>
      </c>
      <c r="M6300">
        <f t="shared" si="703"/>
        <v>0</v>
      </c>
      <c r="N6300" s="46">
        <f t="shared" si="704"/>
        <v>45553.083333318136</v>
      </c>
    </row>
    <row r="6301" spans="2:14" x14ac:dyDescent="0.3">
      <c r="B6301">
        <f t="shared" si="698"/>
        <v>3</v>
      </c>
      <c r="C6301" s="16">
        <v>6267</v>
      </c>
      <c r="D6301" cm="1">
        <f t="array" ref="D6301">IFERROR(INDEX(Jesper!AH$2:AH$366,ROUNDDOWN($C6301/24,0)+1,1)*INDEX($D$3:$AA$30,INDEX(Jesper!$R$2:$R$366,ROW(INDEX(Jesper!AH$2:AH$366,ROUNDDOWN($C6301/24,0)+1,1))-1)+IF('Standard Profiles'!$G$18=$B$10,7,0)+IF('Standard Profiles'!$G$18=$B$17,14,0)+IF('Standard Profiles'!$G$18=$B$24,21,0),MOD($C6301,24)+1)/SUM(INDEX($D$3:$AA$30,INDEX(Jesper!$R$2:$R$366,ROW(INDEX(Jesper!AH$2:AH$366,ROUNDDOWN($C6301/24,0)+1,1))-1)+IF('Standard Profiles'!$G$18=$B$10,7,0)+IF('Standard Profiles'!$G$18=$B$17,14,0)+IF('Standard Profiles'!$G$18=$B$24,21,0),0)),0)</f>
        <v>7.0770877660896039</v>
      </c>
      <c r="E6301" cm="1">
        <f t="array" ref="E6301">IFERROR(INDEX(Jesper!AI$2:AI$366,ROUNDDOWN($C6301/24,0)+1,1)*INDEX($D$3:$AA$30,INDEX(Jesper!$R$2:$R$366,ROW(INDEX(Jesper!AI$2:AI$366,ROUNDDOWN($C6301/24,0)+1,1))-1)+IF('Standard Profiles'!$G$19=$B$10,7,0)+IF('Standard Profiles'!$G$19=$B$17,14,0)+IF('Standard Profiles'!$G$19=$B$24,21,0),MOD($C6301,24)+1)/SUM(INDEX($D$3:$AA$30,INDEX(Jesper!$R$2:$R$366,ROW(INDEX(Jesper!AI$2:AI$366,ROUNDDOWN($C6301/24,0)+1,1))-1)+IF('Standard Profiles'!$G$19=$B$10,7,0)+IF('Standard Profiles'!$G$19=$B$17,14,0)+IF('Standard Profiles'!$G$19=$B$24,21,0),0)),0)</f>
        <v>0</v>
      </c>
      <c r="F6301" cm="1">
        <f t="array" ref="F6301">IFERROR(INDEX(Jesper!AJ$2:AJ$366,ROUNDDOWN($C6301/24,0)+1,1)*INDEX($D$3:$AA$30,INDEX(Jesper!$R$2:$R$366,ROW(INDEX(Jesper!AJ$2:AJ$366,ROUNDDOWN($C6301/24,0)+1,1))-1)+IF('Standard Profiles'!$G$20=$B$10,7,0)+IF('Standard Profiles'!$G$20=$B$17,14,0)+IF('Standard Profiles'!$G$20=$B$24,21,0),MOD($C6301,24)+1)/SUM(INDEX($D$3:$AA$30,INDEX(Jesper!$R$2:$R$366,ROW(INDEX(Jesper!AJ$2:AJ$366,ROUNDDOWN($C6301/24,0)+1,1))-1)+IF('Standard Profiles'!$G$20=$B$10,7,0)+IF('Standard Profiles'!$G$20=$B$17,14,0)+IF('Standard Profiles'!$G$20=$B$24,21,0),0)),0)</f>
        <v>0</v>
      </c>
      <c r="G6301" cm="1">
        <f t="array" ref="G6301">IFERROR(INDEX(Jesper!AK$2:AK$366,ROUNDDOWN($C6301/24,0)+1,1)*INDEX($D$3:$AA$30,INDEX(Jesper!$R$2:$R$366,ROW(INDEX(Jesper!AK$2:AK$366,ROUNDDOWN($C6301/24,0)+1,1))-1)+IF('Standard Profiles'!$G$21=$B$10,7,0)+IF('Standard Profiles'!$G$21=$B$17,14,0)+IF('Standard Profiles'!$G$21=$B$24,21,0),MOD($C6301,24)+1)/SUM(INDEX($D$3:$AA$30,INDEX(Jesper!$R$2:$R$366,ROW(INDEX(Jesper!AK$2:AK$366,ROUNDDOWN($C6301/24,0)+1,1))-1)+IF('Standard Profiles'!$G$21=$B$10,7,0)+IF('Standard Profiles'!$G$21=$B$17,14,0)+IF('Standard Profiles'!$G$21=$B$24,21,0),0)),0)</f>
        <v>0</v>
      </c>
      <c r="H6301" cm="1">
        <f t="array" ref="H6301">IFERROR(INDEX(Jesper!AL$2:AL$366,ROUNDDOWN($C6301/24,0)+1,1)*INDEX($D$3:$AA$30,INDEX(Jesper!$R$2:$R$366,ROW(INDEX(Jesper!AL$2:AL$366,ROUNDDOWN($C6301/24,0)+1,1))-1)+IF('Standard Profiles'!$G$22=$B$10,7,0)+IF('Standard Profiles'!$G$22=$B$17,14,0)+IF('Standard Profiles'!$G$22=$B$24,21,0),MOD($C6301,24)+1)/SUM(INDEX($D$3:$AA$30,INDEX(Jesper!$R$2:$R$366,ROW(INDEX(Jesper!AL$2:AL$366,ROUNDDOWN($C6301/24,0)+1,1))-1)+IF('Standard Profiles'!$G$22=$B$10,7,0)+IF('Standard Profiles'!$G$22=$B$17,14,0)+IF('Standard Profiles'!$G$22=$B$24,21,0),0)),0)</f>
        <v>0</v>
      </c>
      <c r="I6301">
        <f t="shared" si="699"/>
        <v>0.2123126329826881</v>
      </c>
      <c r="J6301">
        <f t="shared" si="700"/>
        <v>0.70770877660896048</v>
      </c>
      <c r="K6301">
        <f t="shared" si="701"/>
        <v>1.0615631649134405</v>
      </c>
      <c r="L6301">
        <f t="shared" si="702"/>
        <v>5.0955031915845144</v>
      </c>
      <c r="M6301">
        <f t="shared" si="703"/>
        <v>0</v>
      </c>
      <c r="N6301" s="46">
        <f t="shared" si="704"/>
        <v>45553.124999984801</v>
      </c>
    </row>
    <row r="6302" spans="2:14" x14ac:dyDescent="0.3">
      <c r="B6302">
        <f t="shared" si="698"/>
        <v>3</v>
      </c>
      <c r="C6302" s="16">
        <v>6268</v>
      </c>
      <c r="D6302" cm="1">
        <f t="array" ref="D6302">IFERROR(INDEX(Jesper!AH$2:AH$366,ROUNDDOWN($C6302/24,0)+1,1)*INDEX($D$3:$AA$30,INDEX(Jesper!$R$2:$R$366,ROW(INDEX(Jesper!AH$2:AH$366,ROUNDDOWN($C6302/24,0)+1,1))-1)+IF('Standard Profiles'!$G$18=$B$10,7,0)+IF('Standard Profiles'!$G$18=$B$17,14,0)+IF('Standard Profiles'!$G$18=$B$24,21,0),MOD($C6302,24)+1)/SUM(INDEX($D$3:$AA$30,INDEX(Jesper!$R$2:$R$366,ROW(INDEX(Jesper!AH$2:AH$366,ROUNDDOWN($C6302/24,0)+1,1))-1)+IF('Standard Profiles'!$G$18=$B$10,7,0)+IF('Standard Profiles'!$G$18=$B$17,14,0)+IF('Standard Profiles'!$G$18=$B$24,21,0),0)),0)</f>
        <v>7.0770877660896039</v>
      </c>
      <c r="E6302" cm="1">
        <f t="array" ref="E6302">IFERROR(INDEX(Jesper!AI$2:AI$366,ROUNDDOWN($C6302/24,0)+1,1)*INDEX($D$3:$AA$30,INDEX(Jesper!$R$2:$R$366,ROW(INDEX(Jesper!AI$2:AI$366,ROUNDDOWN($C6302/24,0)+1,1))-1)+IF('Standard Profiles'!$G$19=$B$10,7,0)+IF('Standard Profiles'!$G$19=$B$17,14,0)+IF('Standard Profiles'!$G$19=$B$24,21,0),MOD($C6302,24)+1)/SUM(INDEX($D$3:$AA$30,INDEX(Jesper!$R$2:$R$366,ROW(INDEX(Jesper!AI$2:AI$366,ROUNDDOWN($C6302/24,0)+1,1))-1)+IF('Standard Profiles'!$G$19=$B$10,7,0)+IF('Standard Profiles'!$G$19=$B$17,14,0)+IF('Standard Profiles'!$G$19=$B$24,21,0),0)),0)</f>
        <v>0</v>
      </c>
      <c r="F6302" cm="1">
        <f t="array" ref="F6302">IFERROR(INDEX(Jesper!AJ$2:AJ$366,ROUNDDOWN($C6302/24,0)+1,1)*INDEX($D$3:$AA$30,INDEX(Jesper!$R$2:$R$366,ROW(INDEX(Jesper!AJ$2:AJ$366,ROUNDDOWN($C6302/24,0)+1,1))-1)+IF('Standard Profiles'!$G$20=$B$10,7,0)+IF('Standard Profiles'!$G$20=$B$17,14,0)+IF('Standard Profiles'!$G$20=$B$24,21,0),MOD($C6302,24)+1)/SUM(INDEX($D$3:$AA$30,INDEX(Jesper!$R$2:$R$366,ROW(INDEX(Jesper!AJ$2:AJ$366,ROUNDDOWN($C6302/24,0)+1,1))-1)+IF('Standard Profiles'!$G$20=$B$10,7,0)+IF('Standard Profiles'!$G$20=$B$17,14,0)+IF('Standard Profiles'!$G$20=$B$24,21,0),0)),0)</f>
        <v>0</v>
      </c>
      <c r="G6302" cm="1">
        <f t="array" ref="G6302">IFERROR(INDEX(Jesper!AK$2:AK$366,ROUNDDOWN($C6302/24,0)+1,1)*INDEX($D$3:$AA$30,INDEX(Jesper!$R$2:$R$366,ROW(INDEX(Jesper!AK$2:AK$366,ROUNDDOWN($C6302/24,0)+1,1))-1)+IF('Standard Profiles'!$G$21=$B$10,7,0)+IF('Standard Profiles'!$G$21=$B$17,14,0)+IF('Standard Profiles'!$G$21=$B$24,21,0),MOD($C6302,24)+1)/SUM(INDEX($D$3:$AA$30,INDEX(Jesper!$R$2:$R$366,ROW(INDEX(Jesper!AK$2:AK$366,ROUNDDOWN($C6302/24,0)+1,1))-1)+IF('Standard Profiles'!$G$21=$B$10,7,0)+IF('Standard Profiles'!$G$21=$B$17,14,0)+IF('Standard Profiles'!$G$21=$B$24,21,0),0)),0)</f>
        <v>0</v>
      </c>
      <c r="H6302" cm="1">
        <f t="array" ref="H6302">IFERROR(INDEX(Jesper!AL$2:AL$366,ROUNDDOWN($C6302/24,0)+1,1)*INDEX($D$3:$AA$30,INDEX(Jesper!$R$2:$R$366,ROW(INDEX(Jesper!AL$2:AL$366,ROUNDDOWN($C6302/24,0)+1,1))-1)+IF('Standard Profiles'!$G$22=$B$10,7,0)+IF('Standard Profiles'!$G$22=$B$17,14,0)+IF('Standard Profiles'!$G$22=$B$24,21,0),MOD($C6302,24)+1)/SUM(INDEX($D$3:$AA$30,INDEX(Jesper!$R$2:$R$366,ROW(INDEX(Jesper!AL$2:AL$366,ROUNDDOWN($C6302/24,0)+1,1))-1)+IF('Standard Profiles'!$G$22=$B$10,7,0)+IF('Standard Profiles'!$G$22=$B$17,14,0)+IF('Standard Profiles'!$G$22=$B$24,21,0),0)),0)</f>
        <v>0</v>
      </c>
      <c r="I6302">
        <f t="shared" si="699"/>
        <v>0.2123126329826881</v>
      </c>
      <c r="J6302">
        <f t="shared" si="700"/>
        <v>0.70770877660896048</v>
      </c>
      <c r="K6302">
        <f t="shared" si="701"/>
        <v>1.0615631649134405</v>
      </c>
      <c r="L6302">
        <f t="shared" si="702"/>
        <v>5.0955031915845144</v>
      </c>
      <c r="M6302">
        <f t="shared" si="703"/>
        <v>0</v>
      </c>
      <c r="N6302" s="46">
        <f t="shared" si="704"/>
        <v>45553.166666651465</v>
      </c>
    </row>
    <row r="6303" spans="2:14" x14ac:dyDescent="0.3">
      <c r="B6303">
        <f t="shared" si="698"/>
        <v>3</v>
      </c>
      <c r="C6303" s="16">
        <v>6269</v>
      </c>
      <c r="D6303" cm="1">
        <f t="array" ref="D6303">IFERROR(INDEX(Jesper!AH$2:AH$366,ROUNDDOWN($C6303/24,0)+1,1)*INDEX($D$3:$AA$30,INDEX(Jesper!$R$2:$R$366,ROW(INDEX(Jesper!AH$2:AH$366,ROUNDDOWN($C6303/24,0)+1,1))-1)+IF('Standard Profiles'!$G$18=$B$10,7,0)+IF('Standard Profiles'!$G$18=$B$17,14,0)+IF('Standard Profiles'!$G$18=$B$24,21,0),MOD($C6303,24)+1)/SUM(INDEX($D$3:$AA$30,INDEX(Jesper!$R$2:$R$366,ROW(INDEX(Jesper!AH$2:AH$366,ROUNDDOWN($C6303/24,0)+1,1))-1)+IF('Standard Profiles'!$G$18=$B$10,7,0)+IF('Standard Profiles'!$G$18=$B$17,14,0)+IF('Standard Profiles'!$G$18=$B$24,21,0),0)),0)</f>
        <v>9.1215797874043787</v>
      </c>
      <c r="E6303" cm="1">
        <f t="array" ref="E6303">IFERROR(INDEX(Jesper!AI$2:AI$366,ROUNDDOWN($C6303/24,0)+1,1)*INDEX($D$3:$AA$30,INDEX(Jesper!$R$2:$R$366,ROW(INDEX(Jesper!AI$2:AI$366,ROUNDDOWN($C6303/24,0)+1,1))-1)+IF('Standard Profiles'!$G$19=$B$10,7,0)+IF('Standard Profiles'!$G$19=$B$17,14,0)+IF('Standard Profiles'!$G$19=$B$24,21,0),MOD($C6303,24)+1)/SUM(INDEX($D$3:$AA$30,INDEX(Jesper!$R$2:$R$366,ROW(INDEX(Jesper!AI$2:AI$366,ROUNDDOWN($C6303/24,0)+1,1))-1)+IF('Standard Profiles'!$G$19=$B$10,7,0)+IF('Standard Profiles'!$G$19=$B$17,14,0)+IF('Standard Profiles'!$G$19=$B$24,21,0),0)),0)</f>
        <v>0</v>
      </c>
      <c r="F6303" cm="1">
        <f t="array" ref="F6303">IFERROR(INDEX(Jesper!AJ$2:AJ$366,ROUNDDOWN($C6303/24,0)+1,1)*INDEX($D$3:$AA$30,INDEX(Jesper!$R$2:$R$366,ROW(INDEX(Jesper!AJ$2:AJ$366,ROUNDDOWN($C6303/24,0)+1,1))-1)+IF('Standard Profiles'!$G$20=$B$10,7,0)+IF('Standard Profiles'!$G$20=$B$17,14,0)+IF('Standard Profiles'!$G$20=$B$24,21,0),MOD($C6303,24)+1)/SUM(INDEX($D$3:$AA$30,INDEX(Jesper!$R$2:$R$366,ROW(INDEX(Jesper!AJ$2:AJ$366,ROUNDDOWN($C6303/24,0)+1,1))-1)+IF('Standard Profiles'!$G$20=$B$10,7,0)+IF('Standard Profiles'!$G$20=$B$17,14,0)+IF('Standard Profiles'!$G$20=$B$24,21,0),0)),0)</f>
        <v>0</v>
      </c>
      <c r="G6303" cm="1">
        <f t="array" ref="G6303">IFERROR(INDEX(Jesper!AK$2:AK$366,ROUNDDOWN($C6303/24,0)+1,1)*INDEX($D$3:$AA$30,INDEX(Jesper!$R$2:$R$366,ROW(INDEX(Jesper!AK$2:AK$366,ROUNDDOWN($C6303/24,0)+1,1))-1)+IF('Standard Profiles'!$G$21=$B$10,7,0)+IF('Standard Profiles'!$G$21=$B$17,14,0)+IF('Standard Profiles'!$G$21=$B$24,21,0),MOD($C6303,24)+1)/SUM(INDEX($D$3:$AA$30,INDEX(Jesper!$R$2:$R$366,ROW(INDEX(Jesper!AK$2:AK$366,ROUNDDOWN($C6303/24,0)+1,1))-1)+IF('Standard Profiles'!$G$21=$B$10,7,0)+IF('Standard Profiles'!$G$21=$B$17,14,0)+IF('Standard Profiles'!$G$21=$B$24,21,0),0)),0)</f>
        <v>0</v>
      </c>
      <c r="H6303" cm="1">
        <f t="array" ref="H6303">IFERROR(INDEX(Jesper!AL$2:AL$366,ROUNDDOWN($C6303/24,0)+1,1)*INDEX($D$3:$AA$30,INDEX(Jesper!$R$2:$R$366,ROW(INDEX(Jesper!AL$2:AL$366,ROUNDDOWN($C6303/24,0)+1,1))-1)+IF('Standard Profiles'!$G$22=$B$10,7,0)+IF('Standard Profiles'!$G$22=$B$17,14,0)+IF('Standard Profiles'!$G$22=$B$24,21,0),MOD($C6303,24)+1)/SUM(INDEX($D$3:$AA$30,INDEX(Jesper!$R$2:$R$366,ROW(INDEX(Jesper!AL$2:AL$366,ROUNDDOWN($C6303/24,0)+1,1))-1)+IF('Standard Profiles'!$G$22=$B$10,7,0)+IF('Standard Profiles'!$G$22=$B$17,14,0)+IF('Standard Profiles'!$G$22=$B$24,21,0),0)),0)</f>
        <v>0</v>
      </c>
      <c r="I6303">
        <f t="shared" si="699"/>
        <v>0.27364739362213136</v>
      </c>
      <c r="J6303">
        <f t="shared" si="700"/>
        <v>0.91215797874043791</v>
      </c>
      <c r="K6303">
        <f t="shared" si="701"/>
        <v>1.3682369681106568</v>
      </c>
      <c r="L6303">
        <f t="shared" si="702"/>
        <v>6.5675374469311523</v>
      </c>
      <c r="M6303">
        <f t="shared" si="703"/>
        <v>0</v>
      </c>
      <c r="N6303" s="46">
        <f t="shared" si="704"/>
        <v>45553.208333318129</v>
      </c>
    </row>
    <row r="6304" spans="2:14" x14ac:dyDescent="0.3">
      <c r="B6304">
        <f t="shared" si="698"/>
        <v>3</v>
      </c>
      <c r="C6304" s="16">
        <v>6270</v>
      </c>
      <c r="D6304" cm="1">
        <f t="array" ref="D6304">IFERROR(INDEX(Jesper!AH$2:AH$366,ROUNDDOWN($C6304/24,0)+1,1)*INDEX($D$3:$AA$30,INDEX(Jesper!$R$2:$R$366,ROW(INDEX(Jesper!AH$2:AH$366,ROUNDDOWN($C6304/24,0)+1,1))-1)+IF('Standard Profiles'!$G$18=$B$10,7,0)+IF('Standard Profiles'!$G$18=$B$17,14,0)+IF('Standard Profiles'!$G$18=$B$24,21,0),MOD($C6304,24)+1)/SUM(INDEX($D$3:$AA$30,INDEX(Jesper!$R$2:$R$366,ROW(INDEX(Jesper!AH$2:AH$366,ROUNDDOWN($C6304/24,0)+1,1))-1)+IF('Standard Profiles'!$G$18=$B$10,7,0)+IF('Standard Profiles'!$G$18=$B$17,14,0)+IF('Standard Profiles'!$G$18=$B$24,21,0),0)),0)</f>
        <v>10.536997340622298</v>
      </c>
      <c r="E6304" cm="1">
        <f t="array" ref="E6304">IFERROR(INDEX(Jesper!AI$2:AI$366,ROUNDDOWN($C6304/24,0)+1,1)*INDEX($D$3:$AA$30,INDEX(Jesper!$R$2:$R$366,ROW(INDEX(Jesper!AI$2:AI$366,ROUNDDOWN($C6304/24,0)+1,1))-1)+IF('Standard Profiles'!$G$19=$B$10,7,0)+IF('Standard Profiles'!$G$19=$B$17,14,0)+IF('Standard Profiles'!$G$19=$B$24,21,0),MOD($C6304,24)+1)/SUM(INDEX($D$3:$AA$30,INDEX(Jesper!$R$2:$R$366,ROW(INDEX(Jesper!AI$2:AI$366,ROUNDDOWN($C6304/24,0)+1,1))-1)+IF('Standard Profiles'!$G$19=$B$10,7,0)+IF('Standard Profiles'!$G$19=$B$17,14,0)+IF('Standard Profiles'!$G$19=$B$24,21,0),0)),0)</f>
        <v>0</v>
      </c>
      <c r="F6304" cm="1">
        <f t="array" ref="F6304">IFERROR(INDEX(Jesper!AJ$2:AJ$366,ROUNDDOWN($C6304/24,0)+1,1)*INDEX($D$3:$AA$30,INDEX(Jesper!$R$2:$R$366,ROW(INDEX(Jesper!AJ$2:AJ$366,ROUNDDOWN($C6304/24,0)+1,1))-1)+IF('Standard Profiles'!$G$20=$B$10,7,0)+IF('Standard Profiles'!$G$20=$B$17,14,0)+IF('Standard Profiles'!$G$20=$B$24,21,0),MOD($C6304,24)+1)/SUM(INDEX($D$3:$AA$30,INDEX(Jesper!$R$2:$R$366,ROW(INDEX(Jesper!AJ$2:AJ$366,ROUNDDOWN($C6304/24,0)+1,1))-1)+IF('Standard Profiles'!$G$20=$B$10,7,0)+IF('Standard Profiles'!$G$20=$B$17,14,0)+IF('Standard Profiles'!$G$20=$B$24,21,0),0)),0)</f>
        <v>0</v>
      </c>
      <c r="G6304" cm="1">
        <f t="array" ref="G6304">IFERROR(INDEX(Jesper!AK$2:AK$366,ROUNDDOWN($C6304/24,0)+1,1)*INDEX($D$3:$AA$30,INDEX(Jesper!$R$2:$R$366,ROW(INDEX(Jesper!AK$2:AK$366,ROUNDDOWN($C6304/24,0)+1,1))-1)+IF('Standard Profiles'!$G$21=$B$10,7,0)+IF('Standard Profiles'!$G$21=$B$17,14,0)+IF('Standard Profiles'!$G$21=$B$24,21,0),MOD($C6304,24)+1)/SUM(INDEX($D$3:$AA$30,INDEX(Jesper!$R$2:$R$366,ROW(INDEX(Jesper!AK$2:AK$366,ROUNDDOWN($C6304/24,0)+1,1))-1)+IF('Standard Profiles'!$G$21=$B$10,7,0)+IF('Standard Profiles'!$G$21=$B$17,14,0)+IF('Standard Profiles'!$G$21=$B$24,21,0),0)),0)</f>
        <v>0</v>
      </c>
      <c r="H6304" cm="1">
        <f t="array" ref="H6304">IFERROR(INDEX(Jesper!AL$2:AL$366,ROUNDDOWN($C6304/24,0)+1,1)*INDEX($D$3:$AA$30,INDEX(Jesper!$R$2:$R$366,ROW(INDEX(Jesper!AL$2:AL$366,ROUNDDOWN($C6304/24,0)+1,1))-1)+IF('Standard Profiles'!$G$22=$B$10,7,0)+IF('Standard Profiles'!$G$22=$B$17,14,0)+IF('Standard Profiles'!$G$22=$B$24,21,0),MOD($C6304,24)+1)/SUM(INDEX($D$3:$AA$30,INDEX(Jesper!$R$2:$R$366,ROW(INDEX(Jesper!AL$2:AL$366,ROUNDDOWN($C6304/24,0)+1,1))-1)+IF('Standard Profiles'!$G$22=$B$10,7,0)+IF('Standard Profiles'!$G$22=$B$17,14,0)+IF('Standard Profiles'!$G$22=$B$24,21,0),0)),0)</f>
        <v>0</v>
      </c>
      <c r="I6304">
        <f t="shared" si="699"/>
        <v>0.31610992021866891</v>
      </c>
      <c r="J6304">
        <f t="shared" si="700"/>
        <v>1.0536997340622298</v>
      </c>
      <c r="K6304">
        <f t="shared" si="701"/>
        <v>1.5805496010933446</v>
      </c>
      <c r="L6304">
        <f t="shared" si="702"/>
        <v>7.5866380852480546</v>
      </c>
      <c r="M6304">
        <f t="shared" si="703"/>
        <v>0</v>
      </c>
      <c r="N6304" s="46">
        <f t="shared" si="704"/>
        <v>45553.249999984793</v>
      </c>
    </row>
    <row r="6305" spans="2:14" x14ac:dyDescent="0.3">
      <c r="B6305">
        <f t="shared" si="698"/>
        <v>3</v>
      </c>
      <c r="C6305" s="16">
        <v>6271</v>
      </c>
      <c r="D6305" cm="1">
        <f t="array" ref="D6305">IFERROR(INDEX(Jesper!AH$2:AH$366,ROUNDDOWN($C6305/24,0)+1,1)*INDEX($D$3:$AA$30,INDEX(Jesper!$R$2:$R$366,ROW(INDEX(Jesper!AH$2:AH$366,ROUNDDOWN($C6305/24,0)+1,1))-1)+IF('Standard Profiles'!$G$18=$B$10,7,0)+IF('Standard Profiles'!$G$18=$B$17,14,0)+IF('Standard Profiles'!$G$18=$B$24,21,0),MOD($C6305,24)+1)/SUM(INDEX($D$3:$AA$30,INDEX(Jesper!$R$2:$R$366,ROW(INDEX(Jesper!AH$2:AH$366,ROUNDDOWN($C6305/24,0)+1,1))-1)+IF('Standard Profiles'!$G$18=$B$10,7,0)+IF('Standard Profiles'!$G$18=$B$17,14,0)+IF('Standard Profiles'!$G$18=$B$24,21,0),0)),0)</f>
        <v>10.536997340622298</v>
      </c>
      <c r="E6305" cm="1">
        <f t="array" ref="E6305">IFERROR(INDEX(Jesper!AI$2:AI$366,ROUNDDOWN($C6305/24,0)+1,1)*INDEX($D$3:$AA$30,INDEX(Jesper!$R$2:$R$366,ROW(INDEX(Jesper!AI$2:AI$366,ROUNDDOWN($C6305/24,0)+1,1))-1)+IF('Standard Profiles'!$G$19=$B$10,7,0)+IF('Standard Profiles'!$G$19=$B$17,14,0)+IF('Standard Profiles'!$G$19=$B$24,21,0),MOD($C6305,24)+1)/SUM(INDEX($D$3:$AA$30,INDEX(Jesper!$R$2:$R$366,ROW(INDEX(Jesper!AI$2:AI$366,ROUNDDOWN($C6305/24,0)+1,1))-1)+IF('Standard Profiles'!$G$19=$B$10,7,0)+IF('Standard Profiles'!$G$19=$B$17,14,0)+IF('Standard Profiles'!$G$19=$B$24,21,0),0)),0)</f>
        <v>0</v>
      </c>
      <c r="F6305" cm="1">
        <f t="array" ref="F6305">IFERROR(INDEX(Jesper!AJ$2:AJ$366,ROUNDDOWN($C6305/24,0)+1,1)*INDEX($D$3:$AA$30,INDEX(Jesper!$R$2:$R$366,ROW(INDEX(Jesper!AJ$2:AJ$366,ROUNDDOWN($C6305/24,0)+1,1))-1)+IF('Standard Profiles'!$G$20=$B$10,7,0)+IF('Standard Profiles'!$G$20=$B$17,14,0)+IF('Standard Profiles'!$G$20=$B$24,21,0),MOD($C6305,24)+1)/SUM(INDEX($D$3:$AA$30,INDEX(Jesper!$R$2:$R$366,ROW(INDEX(Jesper!AJ$2:AJ$366,ROUNDDOWN($C6305/24,0)+1,1))-1)+IF('Standard Profiles'!$G$20=$B$10,7,0)+IF('Standard Profiles'!$G$20=$B$17,14,0)+IF('Standard Profiles'!$G$20=$B$24,21,0),0)),0)</f>
        <v>0</v>
      </c>
      <c r="G6305" cm="1">
        <f t="array" ref="G6305">IFERROR(INDEX(Jesper!AK$2:AK$366,ROUNDDOWN($C6305/24,0)+1,1)*INDEX($D$3:$AA$30,INDEX(Jesper!$R$2:$R$366,ROW(INDEX(Jesper!AK$2:AK$366,ROUNDDOWN($C6305/24,0)+1,1))-1)+IF('Standard Profiles'!$G$21=$B$10,7,0)+IF('Standard Profiles'!$G$21=$B$17,14,0)+IF('Standard Profiles'!$G$21=$B$24,21,0),MOD($C6305,24)+1)/SUM(INDEX($D$3:$AA$30,INDEX(Jesper!$R$2:$R$366,ROW(INDEX(Jesper!AK$2:AK$366,ROUNDDOWN($C6305/24,0)+1,1))-1)+IF('Standard Profiles'!$G$21=$B$10,7,0)+IF('Standard Profiles'!$G$21=$B$17,14,0)+IF('Standard Profiles'!$G$21=$B$24,21,0),0)),0)</f>
        <v>0</v>
      </c>
      <c r="H6305" cm="1">
        <f t="array" ref="H6305">IFERROR(INDEX(Jesper!AL$2:AL$366,ROUNDDOWN($C6305/24,0)+1,1)*INDEX($D$3:$AA$30,INDEX(Jesper!$R$2:$R$366,ROW(INDEX(Jesper!AL$2:AL$366,ROUNDDOWN($C6305/24,0)+1,1))-1)+IF('Standard Profiles'!$G$22=$B$10,7,0)+IF('Standard Profiles'!$G$22=$B$17,14,0)+IF('Standard Profiles'!$G$22=$B$24,21,0),MOD($C6305,24)+1)/SUM(INDEX($D$3:$AA$30,INDEX(Jesper!$R$2:$R$366,ROW(INDEX(Jesper!AL$2:AL$366,ROUNDDOWN($C6305/24,0)+1,1))-1)+IF('Standard Profiles'!$G$22=$B$10,7,0)+IF('Standard Profiles'!$G$22=$B$17,14,0)+IF('Standard Profiles'!$G$22=$B$24,21,0),0)),0)</f>
        <v>0</v>
      </c>
      <c r="I6305">
        <f t="shared" si="699"/>
        <v>0.31610992021866891</v>
      </c>
      <c r="J6305">
        <f t="shared" si="700"/>
        <v>1.0536997340622298</v>
      </c>
      <c r="K6305">
        <f t="shared" si="701"/>
        <v>1.5805496010933446</v>
      </c>
      <c r="L6305">
        <f t="shared" si="702"/>
        <v>7.5866380852480546</v>
      </c>
      <c r="M6305">
        <f t="shared" si="703"/>
        <v>0</v>
      </c>
      <c r="N6305" s="46">
        <f t="shared" si="704"/>
        <v>45553.291666651457</v>
      </c>
    </row>
    <row r="6306" spans="2:14" x14ac:dyDescent="0.3">
      <c r="B6306">
        <f t="shared" si="698"/>
        <v>3</v>
      </c>
      <c r="C6306" s="16">
        <v>6272</v>
      </c>
      <c r="D6306" cm="1">
        <f t="array" ref="D6306">IFERROR(INDEX(Jesper!AH$2:AH$366,ROUNDDOWN($C6306/24,0)+1,1)*INDEX($D$3:$AA$30,INDEX(Jesper!$R$2:$R$366,ROW(INDEX(Jesper!AH$2:AH$366,ROUNDDOWN($C6306/24,0)+1,1))-1)+IF('Standard Profiles'!$G$18=$B$10,7,0)+IF('Standard Profiles'!$G$18=$B$17,14,0)+IF('Standard Profiles'!$G$18=$B$24,21,0),MOD($C6306,24)+1)/SUM(INDEX($D$3:$AA$30,INDEX(Jesper!$R$2:$R$366,ROW(INDEX(Jesper!AH$2:AH$366,ROUNDDOWN($C6306/24,0)+1,1))-1)+IF('Standard Profiles'!$G$18=$B$10,7,0)+IF('Standard Profiles'!$G$18=$B$17,14,0)+IF('Standard Profiles'!$G$18=$B$24,21,0),0)),0)</f>
        <v>10.536997340622298</v>
      </c>
      <c r="E6306" cm="1">
        <f t="array" ref="E6306">IFERROR(INDEX(Jesper!AI$2:AI$366,ROUNDDOWN($C6306/24,0)+1,1)*INDEX($D$3:$AA$30,INDEX(Jesper!$R$2:$R$366,ROW(INDEX(Jesper!AI$2:AI$366,ROUNDDOWN($C6306/24,0)+1,1))-1)+IF('Standard Profiles'!$G$19=$B$10,7,0)+IF('Standard Profiles'!$G$19=$B$17,14,0)+IF('Standard Profiles'!$G$19=$B$24,21,0),MOD($C6306,24)+1)/SUM(INDEX($D$3:$AA$30,INDEX(Jesper!$R$2:$R$366,ROW(INDEX(Jesper!AI$2:AI$366,ROUNDDOWN($C6306/24,0)+1,1))-1)+IF('Standard Profiles'!$G$19=$B$10,7,0)+IF('Standard Profiles'!$G$19=$B$17,14,0)+IF('Standard Profiles'!$G$19=$B$24,21,0),0)),0)</f>
        <v>0</v>
      </c>
      <c r="F6306" cm="1">
        <f t="array" ref="F6306">IFERROR(INDEX(Jesper!AJ$2:AJ$366,ROUNDDOWN($C6306/24,0)+1,1)*INDEX($D$3:$AA$30,INDEX(Jesper!$R$2:$R$366,ROW(INDEX(Jesper!AJ$2:AJ$366,ROUNDDOWN($C6306/24,0)+1,1))-1)+IF('Standard Profiles'!$G$20=$B$10,7,0)+IF('Standard Profiles'!$G$20=$B$17,14,0)+IF('Standard Profiles'!$G$20=$B$24,21,0),MOD($C6306,24)+1)/SUM(INDEX($D$3:$AA$30,INDEX(Jesper!$R$2:$R$366,ROW(INDEX(Jesper!AJ$2:AJ$366,ROUNDDOWN($C6306/24,0)+1,1))-1)+IF('Standard Profiles'!$G$20=$B$10,7,0)+IF('Standard Profiles'!$G$20=$B$17,14,0)+IF('Standard Profiles'!$G$20=$B$24,21,0),0)),0)</f>
        <v>0</v>
      </c>
      <c r="G6306" cm="1">
        <f t="array" ref="G6306">IFERROR(INDEX(Jesper!AK$2:AK$366,ROUNDDOWN($C6306/24,0)+1,1)*INDEX($D$3:$AA$30,INDEX(Jesper!$R$2:$R$366,ROW(INDEX(Jesper!AK$2:AK$366,ROUNDDOWN($C6306/24,0)+1,1))-1)+IF('Standard Profiles'!$G$21=$B$10,7,0)+IF('Standard Profiles'!$G$21=$B$17,14,0)+IF('Standard Profiles'!$G$21=$B$24,21,0),MOD($C6306,24)+1)/SUM(INDEX($D$3:$AA$30,INDEX(Jesper!$R$2:$R$366,ROW(INDEX(Jesper!AK$2:AK$366,ROUNDDOWN($C6306/24,0)+1,1))-1)+IF('Standard Profiles'!$G$21=$B$10,7,0)+IF('Standard Profiles'!$G$21=$B$17,14,0)+IF('Standard Profiles'!$G$21=$B$24,21,0),0)),0)</f>
        <v>0</v>
      </c>
      <c r="H6306" cm="1">
        <f t="array" ref="H6306">IFERROR(INDEX(Jesper!AL$2:AL$366,ROUNDDOWN($C6306/24,0)+1,1)*INDEX($D$3:$AA$30,INDEX(Jesper!$R$2:$R$366,ROW(INDEX(Jesper!AL$2:AL$366,ROUNDDOWN($C6306/24,0)+1,1))-1)+IF('Standard Profiles'!$G$22=$B$10,7,0)+IF('Standard Profiles'!$G$22=$B$17,14,0)+IF('Standard Profiles'!$G$22=$B$24,21,0),MOD($C6306,24)+1)/SUM(INDEX($D$3:$AA$30,INDEX(Jesper!$R$2:$R$366,ROW(INDEX(Jesper!AL$2:AL$366,ROUNDDOWN($C6306/24,0)+1,1))-1)+IF('Standard Profiles'!$G$22=$B$10,7,0)+IF('Standard Profiles'!$G$22=$B$17,14,0)+IF('Standard Profiles'!$G$22=$B$24,21,0),0)),0)</f>
        <v>0</v>
      </c>
      <c r="I6306">
        <f t="shared" si="699"/>
        <v>0.31610992021866891</v>
      </c>
      <c r="J6306">
        <f t="shared" si="700"/>
        <v>1.0536997340622298</v>
      </c>
      <c r="K6306">
        <f t="shared" si="701"/>
        <v>1.5805496010933446</v>
      </c>
      <c r="L6306">
        <f t="shared" si="702"/>
        <v>7.5866380852480546</v>
      </c>
      <c r="M6306">
        <f t="shared" si="703"/>
        <v>0</v>
      </c>
      <c r="N6306" s="46">
        <f t="shared" si="704"/>
        <v>45553.333333318122</v>
      </c>
    </row>
    <row r="6307" spans="2:14" x14ac:dyDescent="0.3">
      <c r="B6307">
        <f t="shared" ref="B6307:B6370" si="705">WEEKDAY(N6307,2)</f>
        <v>3</v>
      </c>
      <c r="C6307" s="16">
        <v>6273</v>
      </c>
      <c r="D6307" cm="1">
        <f t="array" ref="D6307">IFERROR(INDEX(Jesper!AH$2:AH$366,ROUNDDOWN($C6307/24,0)+1,1)*INDEX($D$3:$AA$30,INDEX(Jesper!$R$2:$R$366,ROW(INDEX(Jesper!AH$2:AH$366,ROUNDDOWN($C6307/24,0)+1,1))-1)+IF('Standard Profiles'!$G$18=$B$10,7,0)+IF('Standard Profiles'!$G$18=$B$17,14,0)+IF('Standard Profiles'!$G$18=$B$24,21,0),MOD($C6307,24)+1)/SUM(INDEX($D$3:$AA$30,INDEX(Jesper!$R$2:$R$366,ROW(INDEX(Jesper!AH$2:AH$366,ROUNDDOWN($C6307/24,0)+1,1))-1)+IF('Standard Profiles'!$G$18=$B$10,7,0)+IF('Standard Profiles'!$G$18=$B$17,14,0)+IF('Standard Profiles'!$G$18=$B$24,21,0),0)),0)</f>
        <v>11.323340425743366</v>
      </c>
      <c r="E6307" cm="1">
        <f t="array" ref="E6307">IFERROR(INDEX(Jesper!AI$2:AI$366,ROUNDDOWN($C6307/24,0)+1,1)*INDEX($D$3:$AA$30,INDEX(Jesper!$R$2:$R$366,ROW(INDEX(Jesper!AI$2:AI$366,ROUNDDOWN($C6307/24,0)+1,1))-1)+IF('Standard Profiles'!$G$19=$B$10,7,0)+IF('Standard Profiles'!$G$19=$B$17,14,0)+IF('Standard Profiles'!$G$19=$B$24,21,0),MOD($C6307,24)+1)/SUM(INDEX($D$3:$AA$30,INDEX(Jesper!$R$2:$R$366,ROW(INDEX(Jesper!AI$2:AI$366,ROUNDDOWN($C6307/24,0)+1,1))-1)+IF('Standard Profiles'!$G$19=$B$10,7,0)+IF('Standard Profiles'!$G$19=$B$17,14,0)+IF('Standard Profiles'!$G$19=$B$24,21,0),0)),0)</f>
        <v>0</v>
      </c>
      <c r="F6307" cm="1">
        <f t="array" ref="F6307">IFERROR(INDEX(Jesper!AJ$2:AJ$366,ROUNDDOWN($C6307/24,0)+1,1)*INDEX($D$3:$AA$30,INDEX(Jesper!$R$2:$R$366,ROW(INDEX(Jesper!AJ$2:AJ$366,ROUNDDOWN($C6307/24,0)+1,1))-1)+IF('Standard Profiles'!$G$20=$B$10,7,0)+IF('Standard Profiles'!$G$20=$B$17,14,0)+IF('Standard Profiles'!$G$20=$B$24,21,0),MOD($C6307,24)+1)/SUM(INDEX($D$3:$AA$30,INDEX(Jesper!$R$2:$R$366,ROW(INDEX(Jesper!AJ$2:AJ$366,ROUNDDOWN($C6307/24,0)+1,1))-1)+IF('Standard Profiles'!$G$20=$B$10,7,0)+IF('Standard Profiles'!$G$20=$B$17,14,0)+IF('Standard Profiles'!$G$20=$B$24,21,0),0)),0)</f>
        <v>0</v>
      </c>
      <c r="G6307" cm="1">
        <f t="array" ref="G6307">IFERROR(INDEX(Jesper!AK$2:AK$366,ROUNDDOWN($C6307/24,0)+1,1)*INDEX($D$3:$AA$30,INDEX(Jesper!$R$2:$R$366,ROW(INDEX(Jesper!AK$2:AK$366,ROUNDDOWN($C6307/24,0)+1,1))-1)+IF('Standard Profiles'!$G$21=$B$10,7,0)+IF('Standard Profiles'!$G$21=$B$17,14,0)+IF('Standard Profiles'!$G$21=$B$24,21,0),MOD($C6307,24)+1)/SUM(INDEX($D$3:$AA$30,INDEX(Jesper!$R$2:$R$366,ROW(INDEX(Jesper!AK$2:AK$366,ROUNDDOWN($C6307/24,0)+1,1))-1)+IF('Standard Profiles'!$G$21=$B$10,7,0)+IF('Standard Profiles'!$G$21=$B$17,14,0)+IF('Standard Profiles'!$G$21=$B$24,21,0),0)),0)</f>
        <v>0</v>
      </c>
      <c r="H6307" cm="1">
        <f t="array" ref="H6307">IFERROR(INDEX(Jesper!AL$2:AL$366,ROUNDDOWN($C6307/24,0)+1,1)*INDEX($D$3:$AA$30,INDEX(Jesper!$R$2:$R$366,ROW(INDEX(Jesper!AL$2:AL$366,ROUNDDOWN($C6307/24,0)+1,1))-1)+IF('Standard Profiles'!$G$22=$B$10,7,0)+IF('Standard Profiles'!$G$22=$B$17,14,0)+IF('Standard Profiles'!$G$22=$B$24,21,0),MOD($C6307,24)+1)/SUM(INDEX($D$3:$AA$30,INDEX(Jesper!$R$2:$R$366,ROW(INDEX(Jesper!AL$2:AL$366,ROUNDDOWN($C6307/24,0)+1,1))-1)+IF('Standard Profiles'!$G$22=$B$10,7,0)+IF('Standard Profiles'!$G$22=$B$17,14,0)+IF('Standard Profiles'!$G$22=$B$24,21,0),0)),0)</f>
        <v>0</v>
      </c>
      <c r="I6307">
        <f t="shared" ref="I6307:I6370" si="706">IF($B6307&lt;6,AC$37*$D6307+AC$38*$E6307+AC$39*$F6307+AC$40*$G6307,AC$46*$D6307+AC$47*$E6307+AC$48*$F6307+AC$49*$G6307+AC$50*$H6307)</f>
        <v>0.33970021277230095</v>
      </c>
      <c r="J6307">
        <f t="shared" ref="J6307:J6370" si="707">IF($B6307&lt;6,AD$37*$D6307+AD$38*$E6307+AD$39*$F6307+AD$40*$G6307,AD$46*$D6307+AD$47*$E6307+AD$48*$F6307+AD$49*$G6307+AD$50*$H6307)</f>
        <v>1.1323340425743367</v>
      </c>
      <c r="K6307">
        <f t="shared" ref="K6307:K6370" si="708">IF($B6307&lt;6,AE$37*$D6307+AE$38*$E6307+AE$39*$F6307+AE$40*$G6307,AE$46*$D6307+AE$47*$E6307+AE$48*$F6307+AE$49*$G6307+AE$50*$H6307)</f>
        <v>1.6985010638615048</v>
      </c>
      <c r="L6307">
        <f t="shared" ref="L6307:L6370" si="709">IF($B6307&lt;6,AF$37*$D6307+AF$38*$E6307+AF$39*$F6307+AF$40*$G6307,AF$46*$D6307+AF$47*$E6307+AF$48*$F6307+AF$49*$G6307+AF$50*$H6307)</f>
        <v>8.1528051065352223</v>
      </c>
      <c r="M6307">
        <f t="shared" ref="M6307:M6370" si="710">IF($B6307&lt;6,AG$37*$D6307+AG$38*$E6307+AG$39*$F6307+AG$40*$G6307,AG$46*$D6307+AG$47*$E6307+AG$48*$F6307+AG$49*$G6307+AG$50*$H6307)</f>
        <v>0</v>
      </c>
      <c r="N6307" s="46">
        <f t="shared" si="704"/>
        <v>45553.374999984786</v>
      </c>
    </row>
    <row r="6308" spans="2:14" x14ac:dyDescent="0.3">
      <c r="B6308">
        <f t="shared" si="705"/>
        <v>3</v>
      </c>
      <c r="C6308" s="16">
        <v>6274</v>
      </c>
      <c r="D6308" cm="1">
        <f t="array" ref="D6308">IFERROR(INDEX(Jesper!AH$2:AH$366,ROUNDDOWN($C6308/24,0)+1,1)*INDEX($D$3:$AA$30,INDEX(Jesper!$R$2:$R$366,ROW(INDEX(Jesper!AH$2:AH$366,ROUNDDOWN($C6308/24,0)+1,1))-1)+IF('Standard Profiles'!$G$18=$B$10,7,0)+IF('Standard Profiles'!$G$18=$B$17,14,0)+IF('Standard Profiles'!$G$18=$B$24,21,0),MOD($C6308,24)+1)/SUM(INDEX($D$3:$AA$30,INDEX(Jesper!$R$2:$R$366,ROW(INDEX(Jesper!AH$2:AH$366,ROUNDDOWN($C6308/24,0)+1,1))-1)+IF('Standard Profiles'!$G$18=$B$10,7,0)+IF('Standard Profiles'!$G$18=$B$17,14,0)+IF('Standard Profiles'!$G$18=$B$24,21,0),0)),0)</f>
        <v>12.266952127888645</v>
      </c>
      <c r="E6308" cm="1">
        <f t="array" ref="E6308">IFERROR(INDEX(Jesper!AI$2:AI$366,ROUNDDOWN($C6308/24,0)+1,1)*INDEX($D$3:$AA$30,INDEX(Jesper!$R$2:$R$366,ROW(INDEX(Jesper!AI$2:AI$366,ROUNDDOWN($C6308/24,0)+1,1))-1)+IF('Standard Profiles'!$G$19=$B$10,7,0)+IF('Standard Profiles'!$G$19=$B$17,14,0)+IF('Standard Profiles'!$G$19=$B$24,21,0),MOD($C6308,24)+1)/SUM(INDEX($D$3:$AA$30,INDEX(Jesper!$R$2:$R$366,ROW(INDEX(Jesper!AI$2:AI$366,ROUNDDOWN($C6308/24,0)+1,1))-1)+IF('Standard Profiles'!$G$19=$B$10,7,0)+IF('Standard Profiles'!$G$19=$B$17,14,0)+IF('Standard Profiles'!$G$19=$B$24,21,0),0)),0)</f>
        <v>0</v>
      </c>
      <c r="F6308" cm="1">
        <f t="array" ref="F6308">IFERROR(INDEX(Jesper!AJ$2:AJ$366,ROUNDDOWN($C6308/24,0)+1,1)*INDEX($D$3:$AA$30,INDEX(Jesper!$R$2:$R$366,ROW(INDEX(Jesper!AJ$2:AJ$366,ROUNDDOWN($C6308/24,0)+1,1))-1)+IF('Standard Profiles'!$G$20=$B$10,7,0)+IF('Standard Profiles'!$G$20=$B$17,14,0)+IF('Standard Profiles'!$G$20=$B$24,21,0),MOD($C6308,24)+1)/SUM(INDEX($D$3:$AA$30,INDEX(Jesper!$R$2:$R$366,ROW(INDEX(Jesper!AJ$2:AJ$366,ROUNDDOWN($C6308/24,0)+1,1))-1)+IF('Standard Profiles'!$G$20=$B$10,7,0)+IF('Standard Profiles'!$G$20=$B$17,14,0)+IF('Standard Profiles'!$G$20=$B$24,21,0),0)),0)</f>
        <v>0</v>
      </c>
      <c r="G6308" cm="1">
        <f t="array" ref="G6308">IFERROR(INDEX(Jesper!AK$2:AK$366,ROUNDDOWN($C6308/24,0)+1,1)*INDEX($D$3:$AA$30,INDEX(Jesper!$R$2:$R$366,ROW(INDEX(Jesper!AK$2:AK$366,ROUNDDOWN($C6308/24,0)+1,1))-1)+IF('Standard Profiles'!$G$21=$B$10,7,0)+IF('Standard Profiles'!$G$21=$B$17,14,0)+IF('Standard Profiles'!$G$21=$B$24,21,0),MOD($C6308,24)+1)/SUM(INDEX($D$3:$AA$30,INDEX(Jesper!$R$2:$R$366,ROW(INDEX(Jesper!AK$2:AK$366,ROUNDDOWN($C6308/24,0)+1,1))-1)+IF('Standard Profiles'!$G$21=$B$10,7,0)+IF('Standard Profiles'!$G$21=$B$17,14,0)+IF('Standard Profiles'!$G$21=$B$24,21,0),0)),0)</f>
        <v>0</v>
      </c>
      <c r="H6308" cm="1">
        <f t="array" ref="H6308">IFERROR(INDEX(Jesper!AL$2:AL$366,ROUNDDOWN($C6308/24,0)+1,1)*INDEX($D$3:$AA$30,INDEX(Jesper!$R$2:$R$366,ROW(INDEX(Jesper!AL$2:AL$366,ROUNDDOWN($C6308/24,0)+1,1))-1)+IF('Standard Profiles'!$G$22=$B$10,7,0)+IF('Standard Profiles'!$G$22=$B$17,14,0)+IF('Standard Profiles'!$G$22=$B$24,21,0),MOD($C6308,24)+1)/SUM(INDEX($D$3:$AA$30,INDEX(Jesper!$R$2:$R$366,ROW(INDEX(Jesper!AL$2:AL$366,ROUNDDOWN($C6308/24,0)+1,1))-1)+IF('Standard Profiles'!$G$22=$B$10,7,0)+IF('Standard Profiles'!$G$22=$B$17,14,0)+IF('Standard Profiles'!$G$22=$B$24,21,0),0)),0)</f>
        <v>0</v>
      </c>
      <c r="I6308">
        <f t="shared" si="706"/>
        <v>0.36800856383665936</v>
      </c>
      <c r="J6308">
        <f t="shared" si="707"/>
        <v>1.2266952127888646</v>
      </c>
      <c r="K6308">
        <f t="shared" si="708"/>
        <v>1.8400428191832967</v>
      </c>
      <c r="L6308">
        <f t="shared" si="709"/>
        <v>8.8322055320798238</v>
      </c>
      <c r="M6308">
        <f t="shared" si="710"/>
        <v>0</v>
      </c>
      <c r="N6308" s="46">
        <f t="shared" ref="N6308:N6371" si="711">N6307+1/24</f>
        <v>45553.41666665145</v>
      </c>
    </row>
    <row r="6309" spans="2:14" x14ac:dyDescent="0.3">
      <c r="B6309">
        <f t="shared" si="705"/>
        <v>3</v>
      </c>
      <c r="C6309" s="16">
        <v>6275</v>
      </c>
      <c r="D6309" cm="1">
        <f t="array" ref="D6309">IFERROR(INDEX(Jesper!AH$2:AH$366,ROUNDDOWN($C6309/24,0)+1,1)*INDEX($D$3:$AA$30,INDEX(Jesper!$R$2:$R$366,ROW(INDEX(Jesper!AH$2:AH$366,ROUNDDOWN($C6309/24,0)+1,1))-1)+IF('Standard Profiles'!$G$18=$B$10,7,0)+IF('Standard Profiles'!$G$18=$B$17,14,0)+IF('Standard Profiles'!$G$18=$B$24,21,0),MOD($C6309,24)+1)/SUM(INDEX($D$3:$AA$30,INDEX(Jesper!$R$2:$R$366,ROW(INDEX(Jesper!AH$2:AH$366,ROUNDDOWN($C6309/24,0)+1,1))-1)+IF('Standard Profiles'!$G$18=$B$10,7,0)+IF('Standard Profiles'!$G$18=$B$17,14,0)+IF('Standard Profiles'!$G$18=$B$24,21,0),0)),0)</f>
        <v>14.154175532179208</v>
      </c>
      <c r="E6309" cm="1">
        <f t="array" ref="E6309">IFERROR(INDEX(Jesper!AI$2:AI$366,ROUNDDOWN($C6309/24,0)+1,1)*INDEX($D$3:$AA$30,INDEX(Jesper!$R$2:$R$366,ROW(INDEX(Jesper!AI$2:AI$366,ROUNDDOWN($C6309/24,0)+1,1))-1)+IF('Standard Profiles'!$G$19=$B$10,7,0)+IF('Standard Profiles'!$G$19=$B$17,14,0)+IF('Standard Profiles'!$G$19=$B$24,21,0),MOD($C6309,24)+1)/SUM(INDEX($D$3:$AA$30,INDEX(Jesper!$R$2:$R$366,ROW(INDEX(Jesper!AI$2:AI$366,ROUNDDOWN($C6309/24,0)+1,1))-1)+IF('Standard Profiles'!$G$19=$B$10,7,0)+IF('Standard Profiles'!$G$19=$B$17,14,0)+IF('Standard Profiles'!$G$19=$B$24,21,0),0)),0)</f>
        <v>0</v>
      </c>
      <c r="F6309" cm="1">
        <f t="array" ref="F6309">IFERROR(INDEX(Jesper!AJ$2:AJ$366,ROUNDDOWN($C6309/24,0)+1,1)*INDEX($D$3:$AA$30,INDEX(Jesper!$R$2:$R$366,ROW(INDEX(Jesper!AJ$2:AJ$366,ROUNDDOWN($C6309/24,0)+1,1))-1)+IF('Standard Profiles'!$G$20=$B$10,7,0)+IF('Standard Profiles'!$G$20=$B$17,14,0)+IF('Standard Profiles'!$G$20=$B$24,21,0),MOD($C6309,24)+1)/SUM(INDEX($D$3:$AA$30,INDEX(Jesper!$R$2:$R$366,ROW(INDEX(Jesper!AJ$2:AJ$366,ROUNDDOWN($C6309/24,0)+1,1))-1)+IF('Standard Profiles'!$G$20=$B$10,7,0)+IF('Standard Profiles'!$G$20=$B$17,14,0)+IF('Standard Profiles'!$G$20=$B$24,21,0),0)),0)</f>
        <v>0</v>
      </c>
      <c r="G6309" cm="1">
        <f t="array" ref="G6309">IFERROR(INDEX(Jesper!AK$2:AK$366,ROUNDDOWN($C6309/24,0)+1,1)*INDEX($D$3:$AA$30,INDEX(Jesper!$R$2:$R$366,ROW(INDEX(Jesper!AK$2:AK$366,ROUNDDOWN($C6309/24,0)+1,1))-1)+IF('Standard Profiles'!$G$21=$B$10,7,0)+IF('Standard Profiles'!$G$21=$B$17,14,0)+IF('Standard Profiles'!$G$21=$B$24,21,0),MOD($C6309,24)+1)/SUM(INDEX($D$3:$AA$30,INDEX(Jesper!$R$2:$R$366,ROW(INDEX(Jesper!AK$2:AK$366,ROUNDDOWN($C6309/24,0)+1,1))-1)+IF('Standard Profiles'!$G$21=$B$10,7,0)+IF('Standard Profiles'!$G$21=$B$17,14,0)+IF('Standard Profiles'!$G$21=$B$24,21,0),0)),0)</f>
        <v>0</v>
      </c>
      <c r="H6309" cm="1">
        <f t="array" ref="H6309">IFERROR(INDEX(Jesper!AL$2:AL$366,ROUNDDOWN($C6309/24,0)+1,1)*INDEX($D$3:$AA$30,INDEX(Jesper!$R$2:$R$366,ROW(INDEX(Jesper!AL$2:AL$366,ROUNDDOWN($C6309/24,0)+1,1))-1)+IF('Standard Profiles'!$G$22=$B$10,7,0)+IF('Standard Profiles'!$G$22=$B$17,14,0)+IF('Standard Profiles'!$G$22=$B$24,21,0),MOD($C6309,24)+1)/SUM(INDEX($D$3:$AA$30,INDEX(Jesper!$R$2:$R$366,ROW(INDEX(Jesper!AL$2:AL$366,ROUNDDOWN($C6309/24,0)+1,1))-1)+IF('Standard Profiles'!$G$22=$B$10,7,0)+IF('Standard Profiles'!$G$22=$B$17,14,0)+IF('Standard Profiles'!$G$22=$B$24,21,0),0)),0)</f>
        <v>0</v>
      </c>
      <c r="I6309">
        <f t="shared" si="706"/>
        <v>0.4246252659653762</v>
      </c>
      <c r="J6309">
        <f t="shared" si="707"/>
        <v>1.415417553217921</v>
      </c>
      <c r="K6309">
        <f t="shared" si="708"/>
        <v>2.123126329826881</v>
      </c>
      <c r="L6309">
        <f t="shared" si="709"/>
        <v>10.191006383169029</v>
      </c>
      <c r="M6309">
        <f t="shared" si="710"/>
        <v>0</v>
      </c>
      <c r="N6309" s="46">
        <f t="shared" si="711"/>
        <v>45553.458333318114</v>
      </c>
    </row>
    <row r="6310" spans="2:14" x14ac:dyDescent="0.3">
      <c r="B6310">
        <f t="shared" si="705"/>
        <v>3</v>
      </c>
      <c r="C6310" s="16">
        <v>6276</v>
      </c>
      <c r="D6310" cm="1">
        <f t="array" ref="D6310">IFERROR(INDEX(Jesper!AH$2:AH$366,ROUNDDOWN($C6310/24,0)+1,1)*INDEX($D$3:$AA$30,INDEX(Jesper!$R$2:$R$366,ROW(INDEX(Jesper!AH$2:AH$366,ROUNDDOWN($C6310/24,0)+1,1))-1)+IF('Standard Profiles'!$G$18=$B$10,7,0)+IF('Standard Profiles'!$G$18=$B$17,14,0)+IF('Standard Profiles'!$G$18=$B$24,21,0),MOD($C6310,24)+1)/SUM(INDEX($D$3:$AA$30,INDEX(Jesper!$R$2:$R$366,ROW(INDEX(Jesper!AH$2:AH$366,ROUNDDOWN($C6310/24,0)+1,1))-1)+IF('Standard Profiles'!$G$18=$B$10,7,0)+IF('Standard Profiles'!$G$18=$B$17,14,0)+IF('Standard Profiles'!$G$18=$B$24,21,0),0)),0)</f>
        <v>14.154175532179208</v>
      </c>
      <c r="E6310" cm="1">
        <f t="array" ref="E6310">IFERROR(INDEX(Jesper!AI$2:AI$366,ROUNDDOWN($C6310/24,0)+1,1)*INDEX($D$3:$AA$30,INDEX(Jesper!$R$2:$R$366,ROW(INDEX(Jesper!AI$2:AI$366,ROUNDDOWN($C6310/24,0)+1,1))-1)+IF('Standard Profiles'!$G$19=$B$10,7,0)+IF('Standard Profiles'!$G$19=$B$17,14,0)+IF('Standard Profiles'!$G$19=$B$24,21,0),MOD($C6310,24)+1)/SUM(INDEX($D$3:$AA$30,INDEX(Jesper!$R$2:$R$366,ROW(INDEX(Jesper!AI$2:AI$366,ROUNDDOWN($C6310/24,0)+1,1))-1)+IF('Standard Profiles'!$G$19=$B$10,7,0)+IF('Standard Profiles'!$G$19=$B$17,14,0)+IF('Standard Profiles'!$G$19=$B$24,21,0),0)),0)</f>
        <v>0</v>
      </c>
      <c r="F6310" cm="1">
        <f t="array" ref="F6310">IFERROR(INDEX(Jesper!AJ$2:AJ$366,ROUNDDOWN($C6310/24,0)+1,1)*INDEX($D$3:$AA$30,INDEX(Jesper!$R$2:$R$366,ROW(INDEX(Jesper!AJ$2:AJ$366,ROUNDDOWN($C6310/24,0)+1,1))-1)+IF('Standard Profiles'!$G$20=$B$10,7,0)+IF('Standard Profiles'!$G$20=$B$17,14,0)+IF('Standard Profiles'!$G$20=$B$24,21,0),MOD($C6310,24)+1)/SUM(INDEX($D$3:$AA$30,INDEX(Jesper!$R$2:$R$366,ROW(INDEX(Jesper!AJ$2:AJ$366,ROUNDDOWN($C6310/24,0)+1,1))-1)+IF('Standard Profiles'!$G$20=$B$10,7,0)+IF('Standard Profiles'!$G$20=$B$17,14,0)+IF('Standard Profiles'!$G$20=$B$24,21,0),0)),0)</f>
        <v>0</v>
      </c>
      <c r="G6310" cm="1">
        <f t="array" ref="G6310">IFERROR(INDEX(Jesper!AK$2:AK$366,ROUNDDOWN($C6310/24,0)+1,1)*INDEX($D$3:$AA$30,INDEX(Jesper!$R$2:$R$366,ROW(INDEX(Jesper!AK$2:AK$366,ROUNDDOWN($C6310/24,0)+1,1))-1)+IF('Standard Profiles'!$G$21=$B$10,7,0)+IF('Standard Profiles'!$G$21=$B$17,14,0)+IF('Standard Profiles'!$G$21=$B$24,21,0),MOD($C6310,24)+1)/SUM(INDEX($D$3:$AA$30,INDEX(Jesper!$R$2:$R$366,ROW(INDEX(Jesper!AK$2:AK$366,ROUNDDOWN($C6310/24,0)+1,1))-1)+IF('Standard Profiles'!$G$21=$B$10,7,0)+IF('Standard Profiles'!$G$21=$B$17,14,0)+IF('Standard Profiles'!$G$21=$B$24,21,0),0)),0)</f>
        <v>0</v>
      </c>
      <c r="H6310" cm="1">
        <f t="array" ref="H6310">IFERROR(INDEX(Jesper!AL$2:AL$366,ROUNDDOWN($C6310/24,0)+1,1)*INDEX($D$3:$AA$30,INDEX(Jesper!$R$2:$R$366,ROW(INDEX(Jesper!AL$2:AL$366,ROUNDDOWN($C6310/24,0)+1,1))-1)+IF('Standard Profiles'!$G$22=$B$10,7,0)+IF('Standard Profiles'!$G$22=$B$17,14,0)+IF('Standard Profiles'!$G$22=$B$24,21,0),MOD($C6310,24)+1)/SUM(INDEX($D$3:$AA$30,INDEX(Jesper!$R$2:$R$366,ROW(INDEX(Jesper!AL$2:AL$366,ROUNDDOWN($C6310/24,0)+1,1))-1)+IF('Standard Profiles'!$G$22=$B$10,7,0)+IF('Standard Profiles'!$G$22=$B$17,14,0)+IF('Standard Profiles'!$G$22=$B$24,21,0),0)),0)</f>
        <v>0</v>
      </c>
      <c r="I6310">
        <f t="shared" si="706"/>
        <v>0.4246252659653762</v>
      </c>
      <c r="J6310">
        <f t="shared" si="707"/>
        <v>1.415417553217921</v>
      </c>
      <c r="K6310">
        <f t="shared" si="708"/>
        <v>2.123126329826881</v>
      </c>
      <c r="L6310">
        <f t="shared" si="709"/>
        <v>10.191006383169029</v>
      </c>
      <c r="M6310">
        <f t="shared" si="710"/>
        <v>0</v>
      </c>
      <c r="N6310" s="46">
        <f t="shared" si="711"/>
        <v>45553.499999984779</v>
      </c>
    </row>
    <row r="6311" spans="2:14" x14ac:dyDescent="0.3">
      <c r="B6311">
        <f t="shared" si="705"/>
        <v>3</v>
      </c>
      <c r="C6311" s="16">
        <v>6277</v>
      </c>
      <c r="D6311" cm="1">
        <f t="array" ref="D6311">IFERROR(INDEX(Jesper!AH$2:AH$366,ROUNDDOWN($C6311/24,0)+1,1)*INDEX($D$3:$AA$30,INDEX(Jesper!$R$2:$R$366,ROW(INDEX(Jesper!AH$2:AH$366,ROUNDDOWN($C6311/24,0)+1,1))-1)+IF('Standard Profiles'!$G$18=$B$10,7,0)+IF('Standard Profiles'!$G$18=$B$17,14,0)+IF('Standard Profiles'!$G$18=$B$24,21,0),MOD($C6311,24)+1)/SUM(INDEX($D$3:$AA$30,INDEX(Jesper!$R$2:$R$366,ROW(INDEX(Jesper!AH$2:AH$366,ROUNDDOWN($C6311/24,0)+1,1))-1)+IF('Standard Profiles'!$G$18=$B$10,7,0)+IF('Standard Profiles'!$G$18=$B$17,14,0)+IF('Standard Profiles'!$G$18=$B$24,21,0),0)),0)</f>
        <v>14.154175532179208</v>
      </c>
      <c r="E6311" cm="1">
        <f t="array" ref="E6311">IFERROR(INDEX(Jesper!AI$2:AI$366,ROUNDDOWN($C6311/24,0)+1,1)*INDEX($D$3:$AA$30,INDEX(Jesper!$R$2:$R$366,ROW(INDEX(Jesper!AI$2:AI$366,ROUNDDOWN($C6311/24,0)+1,1))-1)+IF('Standard Profiles'!$G$19=$B$10,7,0)+IF('Standard Profiles'!$G$19=$B$17,14,0)+IF('Standard Profiles'!$G$19=$B$24,21,0),MOD($C6311,24)+1)/SUM(INDEX($D$3:$AA$30,INDEX(Jesper!$R$2:$R$366,ROW(INDEX(Jesper!AI$2:AI$366,ROUNDDOWN($C6311/24,0)+1,1))-1)+IF('Standard Profiles'!$G$19=$B$10,7,0)+IF('Standard Profiles'!$G$19=$B$17,14,0)+IF('Standard Profiles'!$G$19=$B$24,21,0),0)),0)</f>
        <v>0</v>
      </c>
      <c r="F6311" cm="1">
        <f t="array" ref="F6311">IFERROR(INDEX(Jesper!AJ$2:AJ$366,ROUNDDOWN($C6311/24,0)+1,1)*INDEX($D$3:$AA$30,INDEX(Jesper!$R$2:$R$366,ROW(INDEX(Jesper!AJ$2:AJ$366,ROUNDDOWN($C6311/24,0)+1,1))-1)+IF('Standard Profiles'!$G$20=$B$10,7,0)+IF('Standard Profiles'!$G$20=$B$17,14,0)+IF('Standard Profiles'!$G$20=$B$24,21,0),MOD($C6311,24)+1)/SUM(INDEX($D$3:$AA$30,INDEX(Jesper!$R$2:$R$366,ROW(INDEX(Jesper!AJ$2:AJ$366,ROUNDDOWN($C6311/24,0)+1,1))-1)+IF('Standard Profiles'!$G$20=$B$10,7,0)+IF('Standard Profiles'!$G$20=$B$17,14,0)+IF('Standard Profiles'!$G$20=$B$24,21,0),0)),0)</f>
        <v>0</v>
      </c>
      <c r="G6311" cm="1">
        <f t="array" ref="G6311">IFERROR(INDEX(Jesper!AK$2:AK$366,ROUNDDOWN($C6311/24,0)+1,1)*INDEX($D$3:$AA$30,INDEX(Jesper!$R$2:$R$366,ROW(INDEX(Jesper!AK$2:AK$366,ROUNDDOWN($C6311/24,0)+1,1))-1)+IF('Standard Profiles'!$G$21=$B$10,7,0)+IF('Standard Profiles'!$G$21=$B$17,14,0)+IF('Standard Profiles'!$G$21=$B$24,21,0),MOD($C6311,24)+1)/SUM(INDEX($D$3:$AA$30,INDEX(Jesper!$R$2:$R$366,ROW(INDEX(Jesper!AK$2:AK$366,ROUNDDOWN($C6311/24,0)+1,1))-1)+IF('Standard Profiles'!$G$21=$B$10,7,0)+IF('Standard Profiles'!$G$21=$B$17,14,0)+IF('Standard Profiles'!$G$21=$B$24,21,0),0)),0)</f>
        <v>0</v>
      </c>
      <c r="H6311" cm="1">
        <f t="array" ref="H6311">IFERROR(INDEX(Jesper!AL$2:AL$366,ROUNDDOWN($C6311/24,0)+1,1)*INDEX($D$3:$AA$30,INDEX(Jesper!$R$2:$R$366,ROW(INDEX(Jesper!AL$2:AL$366,ROUNDDOWN($C6311/24,0)+1,1))-1)+IF('Standard Profiles'!$G$22=$B$10,7,0)+IF('Standard Profiles'!$G$22=$B$17,14,0)+IF('Standard Profiles'!$G$22=$B$24,21,0),MOD($C6311,24)+1)/SUM(INDEX($D$3:$AA$30,INDEX(Jesper!$R$2:$R$366,ROW(INDEX(Jesper!AL$2:AL$366,ROUNDDOWN($C6311/24,0)+1,1))-1)+IF('Standard Profiles'!$G$22=$B$10,7,0)+IF('Standard Profiles'!$G$22=$B$17,14,0)+IF('Standard Profiles'!$G$22=$B$24,21,0),0)),0)</f>
        <v>0</v>
      </c>
      <c r="I6311">
        <f t="shared" si="706"/>
        <v>0.4246252659653762</v>
      </c>
      <c r="J6311">
        <f t="shared" si="707"/>
        <v>1.415417553217921</v>
      </c>
      <c r="K6311">
        <f t="shared" si="708"/>
        <v>2.123126329826881</v>
      </c>
      <c r="L6311">
        <f t="shared" si="709"/>
        <v>10.191006383169029</v>
      </c>
      <c r="M6311">
        <f t="shared" si="710"/>
        <v>0</v>
      </c>
      <c r="N6311" s="46">
        <f t="shared" si="711"/>
        <v>45553.541666651443</v>
      </c>
    </row>
    <row r="6312" spans="2:14" x14ac:dyDescent="0.3">
      <c r="B6312">
        <f t="shared" si="705"/>
        <v>3</v>
      </c>
      <c r="C6312" s="16">
        <v>6278</v>
      </c>
      <c r="D6312" cm="1">
        <f t="array" ref="D6312">IFERROR(INDEX(Jesper!AH$2:AH$366,ROUNDDOWN($C6312/24,0)+1,1)*INDEX($D$3:$AA$30,INDEX(Jesper!$R$2:$R$366,ROW(INDEX(Jesper!AH$2:AH$366,ROUNDDOWN($C6312/24,0)+1,1))-1)+IF('Standard Profiles'!$G$18=$B$10,7,0)+IF('Standard Profiles'!$G$18=$B$17,14,0)+IF('Standard Profiles'!$G$18=$B$24,21,0),MOD($C6312,24)+1)/SUM(INDEX($D$3:$AA$30,INDEX(Jesper!$R$2:$R$366,ROW(INDEX(Jesper!AH$2:AH$366,ROUNDDOWN($C6312/24,0)+1,1))-1)+IF('Standard Profiles'!$G$18=$B$10,7,0)+IF('Standard Profiles'!$G$18=$B$17,14,0)+IF('Standard Profiles'!$G$18=$B$24,21,0),0)),0)</f>
        <v>14.154175532179208</v>
      </c>
      <c r="E6312" cm="1">
        <f t="array" ref="E6312">IFERROR(INDEX(Jesper!AI$2:AI$366,ROUNDDOWN($C6312/24,0)+1,1)*INDEX($D$3:$AA$30,INDEX(Jesper!$R$2:$R$366,ROW(INDEX(Jesper!AI$2:AI$366,ROUNDDOWN($C6312/24,0)+1,1))-1)+IF('Standard Profiles'!$G$19=$B$10,7,0)+IF('Standard Profiles'!$G$19=$B$17,14,0)+IF('Standard Profiles'!$G$19=$B$24,21,0),MOD($C6312,24)+1)/SUM(INDEX($D$3:$AA$30,INDEX(Jesper!$R$2:$R$366,ROW(INDEX(Jesper!AI$2:AI$366,ROUNDDOWN($C6312/24,0)+1,1))-1)+IF('Standard Profiles'!$G$19=$B$10,7,0)+IF('Standard Profiles'!$G$19=$B$17,14,0)+IF('Standard Profiles'!$G$19=$B$24,21,0),0)),0)</f>
        <v>0</v>
      </c>
      <c r="F6312" cm="1">
        <f t="array" ref="F6312">IFERROR(INDEX(Jesper!AJ$2:AJ$366,ROUNDDOWN($C6312/24,0)+1,1)*INDEX($D$3:$AA$30,INDEX(Jesper!$R$2:$R$366,ROW(INDEX(Jesper!AJ$2:AJ$366,ROUNDDOWN($C6312/24,0)+1,1))-1)+IF('Standard Profiles'!$G$20=$B$10,7,0)+IF('Standard Profiles'!$G$20=$B$17,14,0)+IF('Standard Profiles'!$G$20=$B$24,21,0),MOD($C6312,24)+1)/SUM(INDEX($D$3:$AA$30,INDEX(Jesper!$R$2:$R$366,ROW(INDEX(Jesper!AJ$2:AJ$366,ROUNDDOWN($C6312/24,0)+1,1))-1)+IF('Standard Profiles'!$G$20=$B$10,7,0)+IF('Standard Profiles'!$G$20=$B$17,14,0)+IF('Standard Profiles'!$G$20=$B$24,21,0),0)),0)</f>
        <v>0</v>
      </c>
      <c r="G6312" cm="1">
        <f t="array" ref="G6312">IFERROR(INDEX(Jesper!AK$2:AK$366,ROUNDDOWN($C6312/24,0)+1,1)*INDEX($D$3:$AA$30,INDEX(Jesper!$R$2:$R$366,ROW(INDEX(Jesper!AK$2:AK$366,ROUNDDOWN($C6312/24,0)+1,1))-1)+IF('Standard Profiles'!$G$21=$B$10,7,0)+IF('Standard Profiles'!$G$21=$B$17,14,0)+IF('Standard Profiles'!$G$21=$B$24,21,0),MOD($C6312,24)+1)/SUM(INDEX($D$3:$AA$30,INDEX(Jesper!$R$2:$R$366,ROW(INDEX(Jesper!AK$2:AK$366,ROUNDDOWN($C6312/24,0)+1,1))-1)+IF('Standard Profiles'!$G$21=$B$10,7,0)+IF('Standard Profiles'!$G$21=$B$17,14,0)+IF('Standard Profiles'!$G$21=$B$24,21,0),0)),0)</f>
        <v>0</v>
      </c>
      <c r="H6312" cm="1">
        <f t="array" ref="H6312">IFERROR(INDEX(Jesper!AL$2:AL$366,ROUNDDOWN($C6312/24,0)+1,1)*INDEX($D$3:$AA$30,INDEX(Jesper!$R$2:$R$366,ROW(INDEX(Jesper!AL$2:AL$366,ROUNDDOWN($C6312/24,0)+1,1))-1)+IF('Standard Profiles'!$G$22=$B$10,7,0)+IF('Standard Profiles'!$G$22=$B$17,14,0)+IF('Standard Profiles'!$G$22=$B$24,21,0),MOD($C6312,24)+1)/SUM(INDEX($D$3:$AA$30,INDEX(Jesper!$R$2:$R$366,ROW(INDEX(Jesper!AL$2:AL$366,ROUNDDOWN($C6312/24,0)+1,1))-1)+IF('Standard Profiles'!$G$22=$B$10,7,0)+IF('Standard Profiles'!$G$22=$B$17,14,0)+IF('Standard Profiles'!$G$22=$B$24,21,0),0)),0)</f>
        <v>0</v>
      </c>
      <c r="I6312">
        <f t="shared" si="706"/>
        <v>0.4246252659653762</v>
      </c>
      <c r="J6312">
        <f t="shared" si="707"/>
        <v>1.415417553217921</v>
      </c>
      <c r="K6312">
        <f t="shared" si="708"/>
        <v>2.123126329826881</v>
      </c>
      <c r="L6312">
        <f t="shared" si="709"/>
        <v>10.191006383169029</v>
      </c>
      <c r="M6312">
        <f t="shared" si="710"/>
        <v>0</v>
      </c>
      <c r="N6312" s="46">
        <f t="shared" si="711"/>
        <v>45553.583333318107</v>
      </c>
    </row>
    <row r="6313" spans="2:14" x14ac:dyDescent="0.3">
      <c r="B6313">
        <f t="shared" si="705"/>
        <v>3</v>
      </c>
      <c r="C6313" s="16">
        <v>6279</v>
      </c>
      <c r="D6313" cm="1">
        <f t="array" ref="D6313">IFERROR(INDEX(Jesper!AH$2:AH$366,ROUNDDOWN($C6313/24,0)+1,1)*INDEX($D$3:$AA$30,INDEX(Jesper!$R$2:$R$366,ROW(INDEX(Jesper!AH$2:AH$366,ROUNDDOWN($C6313/24,0)+1,1))-1)+IF('Standard Profiles'!$G$18=$B$10,7,0)+IF('Standard Profiles'!$G$18=$B$17,14,0)+IF('Standard Profiles'!$G$18=$B$24,21,0),MOD($C6313,24)+1)/SUM(INDEX($D$3:$AA$30,INDEX(Jesper!$R$2:$R$366,ROW(INDEX(Jesper!AH$2:AH$366,ROUNDDOWN($C6313/24,0)+1,1))-1)+IF('Standard Profiles'!$G$18=$B$10,7,0)+IF('Standard Profiles'!$G$18=$B$17,14,0)+IF('Standard Profiles'!$G$18=$B$24,21,0),0)),0)</f>
        <v>14.154175532179208</v>
      </c>
      <c r="E6313" cm="1">
        <f t="array" ref="E6313">IFERROR(INDEX(Jesper!AI$2:AI$366,ROUNDDOWN($C6313/24,0)+1,1)*INDEX($D$3:$AA$30,INDEX(Jesper!$R$2:$R$366,ROW(INDEX(Jesper!AI$2:AI$366,ROUNDDOWN($C6313/24,0)+1,1))-1)+IF('Standard Profiles'!$G$19=$B$10,7,0)+IF('Standard Profiles'!$G$19=$B$17,14,0)+IF('Standard Profiles'!$G$19=$B$24,21,0),MOD($C6313,24)+1)/SUM(INDEX($D$3:$AA$30,INDEX(Jesper!$R$2:$R$366,ROW(INDEX(Jesper!AI$2:AI$366,ROUNDDOWN($C6313/24,0)+1,1))-1)+IF('Standard Profiles'!$G$19=$B$10,7,0)+IF('Standard Profiles'!$G$19=$B$17,14,0)+IF('Standard Profiles'!$G$19=$B$24,21,0),0)),0)</f>
        <v>0</v>
      </c>
      <c r="F6313" cm="1">
        <f t="array" ref="F6313">IFERROR(INDEX(Jesper!AJ$2:AJ$366,ROUNDDOWN($C6313/24,0)+1,1)*INDEX($D$3:$AA$30,INDEX(Jesper!$R$2:$R$366,ROW(INDEX(Jesper!AJ$2:AJ$366,ROUNDDOWN($C6313/24,0)+1,1))-1)+IF('Standard Profiles'!$G$20=$B$10,7,0)+IF('Standard Profiles'!$G$20=$B$17,14,0)+IF('Standard Profiles'!$G$20=$B$24,21,0),MOD($C6313,24)+1)/SUM(INDEX($D$3:$AA$30,INDEX(Jesper!$R$2:$R$366,ROW(INDEX(Jesper!AJ$2:AJ$366,ROUNDDOWN($C6313/24,0)+1,1))-1)+IF('Standard Profiles'!$G$20=$B$10,7,0)+IF('Standard Profiles'!$G$20=$B$17,14,0)+IF('Standard Profiles'!$G$20=$B$24,21,0),0)),0)</f>
        <v>0</v>
      </c>
      <c r="G6313" cm="1">
        <f t="array" ref="G6313">IFERROR(INDEX(Jesper!AK$2:AK$366,ROUNDDOWN($C6313/24,0)+1,1)*INDEX($D$3:$AA$30,INDEX(Jesper!$R$2:$R$366,ROW(INDEX(Jesper!AK$2:AK$366,ROUNDDOWN($C6313/24,0)+1,1))-1)+IF('Standard Profiles'!$G$21=$B$10,7,0)+IF('Standard Profiles'!$G$21=$B$17,14,0)+IF('Standard Profiles'!$G$21=$B$24,21,0),MOD($C6313,24)+1)/SUM(INDEX($D$3:$AA$30,INDEX(Jesper!$R$2:$R$366,ROW(INDEX(Jesper!AK$2:AK$366,ROUNDDOWN($C6313/24,0)+1,1))-1)+IF('Standard Profiles'!$G$21=$B$10,7,0)+IF('Standard Profiles'!$G$21=$B$17,14,0)+IF('Standard Profiles'!$G$21=$B$24,21,0),0)),0)</f>
        <v>0</v>
      </c>
      <c r="H6313" cm="1">
        <f t="array" ref="H6313">IFERROR(INDEX(Jesper!AL$2:AL$366,ROUNDDOWN($C6313/24,0)+1,1)*INDEX($D$3:$AA$30,INDEX(Jesper!$R$2:$R$366,ROW(INDEX(Jesper!AL$2:AL$366,ROUNDDOWN($C6313/24,0)+1,1))-1)+IF('Standard Profiles'!$G$22=$B$10,7,0)+IF('Standard Profiles'!$G$22=$B$17,14,0)+IF('Standard Profiles'!$G$22=$B$24,21,0),MOD($C6313,24)+1)/SUM(INDEX($D$3:$AA$30,INDEX(Jesper!$R$2:$R$366,ROW(INDEX(Jesper!AL$2:AL$366,ROUNDDOWN($C6313/24,0)+1,1))-1)+IF('Standard Profiles'!$G$22=$B$10,7,0)+IF('Standard Profiles'!$G$22=$B$17,14,0)+IF('Standard Profiles'!$G$22=$B$24,21,0),0)),0)</f>
        <v>0</v>
      </c>
      <c r="I6313">
        <f t="shared" si="706"/>
        <v>0.4246252659653762</v>
      </c>
      <c r="J6313">
        <f t="shared" si="707"/>
        <v>1.415417553217921</v>
      </c>
      <c r="K6313">
        <f t="shared" si="708"/>
        <v>2.123126329826881</v>
      </c>
      <c r="L6313">
        <f t="shared" si="709"/>
        <v>10.191006383169029</v>
      </c>
      <c r="M6313">
        <f t="shared" si="710"/>
        <v>0</v>
      </c>
      <c r="N6313" s="46">
        <f t="shared" si="711"/>
        <v>45553.624999984771</v>
      </c>
    </row>
    <row r="6314" spans="2:14" x14ac:dyDescent="0.3">
      <c r="B6314">
        <f t="shared" si="705"/>
        <v>3</v>
      </c>
      <c r="C6314" s="16">
        <v>6280</v>
      </c>
      <c r="D6314" cm="1">
        <f t="array" ref="D6314">IFERROR(INDEX(Jesper!AH$2:AH$366,ROUNDDOWN($C6314/24,0)+1,1)*INDEX($D$3:$AA$30,INDEX(Jesper!$R$2:$R$366,ROW(INDEX(Jesper!AH$2:AH$366,ROUNDDOWN($C6314/24,0)+1,1))-1)+IF('Standard Profiles'!$G$18=$B$10,7,0)+IF('Standard Profiles'!$G$18=$B$17,14,0)+IF('Standard Profiles'!$G$18=$B$24,21,0),MOD($C6314,24)+1)/SUM(INDEX($D$3:$AA$30,INDEX(Jesper!$R$2:$R$366,ROW(INDEX(Jesper!AH$2:AH$366,ROUNDDOWN($C6314/24,0)+1,1))-1)+IF('Standard Profiles'!$G$18=$B$10,7,0)+IF('Standard Profiles'!$G$18=$B$17,14,0)+IF('Standard Profiles'!$G$18=$B$24,21,0),0)),0)</f>
        <v>14.154175532179208</v>
      </c>
      <c r="E6314" cm="1">
        <f t="array" ref="E6314">IFERROR(INDEX(Jesper!AI$2:AI$366,ROUNDDOWN($C6314/24,0)+1,1)*INDEX($D$3:$AA$30,INDEX(Jesper!$R$2:$R$366,ROW(INDEX(Jesper!AI$2:AI$366,ROUNDDOWN($C6314/24,0)+1,1))-1)+IF('Standard Profiles'!$G$19=$B$10,7,0)+IF('Standard Profiles'!$G$19=$B$17,14,0)+IF('Standard Profiles'!$G$19=$B$24,21,0),MOD($C6314,24)+1)/SUM(INDEX($D$3:$AA$30,INDEX(Jesper!$R$2:$R$366,ROW(INDEX(Jesper!AI$2:AI$366,ROUNDDOWN($C6314/24,0)+1,1))-1)+IF('Standard Profiles'!$G$19=$B$10,7,0)+IF('Standard Profiles'!$G$19=$B$17,14,0)+IF('Standard Profiles'!$G$19=$B$24,21,0),0)),0)</f>
        <v>0</v>
      </c>
      <c r="F6314" cm="1">
        <f t="array" ref="F6314">IFERROR(INDEX(Jesper!AJ$2:AJ$366,ROUNDDOWN($C6314/24,0)+1,1)*INDEX($D$3:$AA$30,INDEX(Jesper!$R$2:$R$366,ROW(INDEX(Jesper!AJ$2:AJ$366,ROUNDDOWN($C6314/24,0)+1,1))-1)+IF('Standard Profiles'!$G$20=$B$10,7,0)+IF('Standard Profiles'!$G$20=$B$17,14,0)+IF('Standard Profiles'!$G$20=$B$24,21,0),MOD($C6314,24)+1)/SUM(INDEX($D$3:$AA$30,INDEX(Jesper!$R$2:$R$366,ROW(INDEX(Jesper!AJ$2:AJ$366,ROUNDDOWN($C6314/24,0)+1,1))-1)+IF('Standard Profiles'!$G$20=$B$10,7,0)+IF('Standard Profiles'!$G$20=$B$17,14,0)+IF('Standard Profiles'!$G$20=$B$24,21,0),0)),0)</f>
        <v>0</v>
      </c>
      <c r="G6314" cm="1">
        <f t="array" ref="G6314">IFERROR(INDEX(Jesper!AK$2:AK$366,ROUNDDOWN($C6314/24,0)+1,1)*INDEX($D$3:$AA$30,INDEX(Jesper!$R$2:$R$366,ROW(INDEX(Jesper!AK$2:AK$366,ROUNDDOWN($C6314/24,0)+1,1))-1)+IF('Standard Profiles'!$G$21=$B$10,7,0)+IF('Standard Profiles'!$G$21=$B$17,14,0)+IF('Standard Profiles'!$G$21=$B$24,21,0),MOD($C6314,24)+1)/SUM(INDEX($D$3:$AA$30,INDEX(Jesper!$R$2:$R$366,ROW(INDEX(Jesper!AK$2:AK$366,ROUNDDOWN($C6314/24,0)+1,1))-1)+IF('Standard Profiles'!$G$21=$B$10,7,0)+IF('Standard Profiles'!$G$21=$B$17,14,0)+IF('Standard Profiles'!$G$21=$B$24,21,0),0)),0)</f>
        <v>0</v>
      </c>
      <c r="H6314" cm="1">
        <f t="array" ref="H6314">IFERROR(INDEX(Jesper!AL$2:AL$366,ROUNDDOWN($C6314/24,0)+1,1)*INDEX($D$3:$AA$30,INDEX(Jesper!$R$2:$R$366,ROW(INDEX(Jesper!AL$2:AL$366,ROUNDDOWN($C6314/24,0)+1,1))-1)+IF('Standard Profiles'!$G$22=$B$10,7,0)+IF('Standard Profiles'!$G$22=$B$17,14,0)+IF('Standard Profiles'!$G$22=$B$24,21,0),MOD($C6314,24)+1)/SUM(INDEX($D$3:$AA$30,INDEX(Jesper!$R$2:$R$366,ROW(INDEX(Jesper!AL$2:AL$366,ROUNDDOWN($C6314/24,0)+1,1))-1)+IF('Standard Profiles'!$G$22=$B$10,7,0)+IF('Standard Profiles'!$G$22=$B$17,14,0)+IF('Standard Profiles'!$G$22=$B$24,21,0),0)),0)</f>
        <v>0</v>
      </c>
      <c r="I6314">
        <f t="shared" si="706"/>
        <v>0.4246252659653762</v>
      </c>
      <c r="J6314">
        <f t="shared" si="707"/>
        <v>1.415417553217921</v>
      </c>
      <c r="K6314">
        <f t="shared" si="708"/>
        <v>2.123126329826881</v>
      </c>
      <c r="L6314">
        <f t="shared" si="709"/>
        <v>10.191006383169029</v>
      </c>
      <c r="M6314">
        <f t="shared" si="710"/>
        <v>0</v>
      </c>
      <c r="N6314" s="46">
        <f t="shared" si="711"/>
        <v>45553.666666651436</v>
      </c>
    </row>
    <row r="6315" spans="2:14" x14ac:dyDescent="0.3">
      <c r="B6315">
        <f t="shared" si="705"/>
        <v>3</v>
      </c>
      <c r="C6315" s="16">
        <v>6281</v>
      </c>
      <c r="D6315" cm="1">
        <f t="array" ref="D6315">IFERROR(INDEX(Jesper!AH$2:AH$366,ROUNDDOWN($C6315/24,0)+1,1)*INDEX($D$3:$AA$30,INDEX(Jesper!$R$2:$R$366,ROW(INDEX(Jesper!AH$2:AH$366,ROUNDDOWN($C6315/24,0)+1,1))-1)+IF('Standard Profiles'!$G$18=$B$10,7,0)+IF('Standard Profiles'!$G$18=$B$17,14,0)+IF('Standard Profiles'!$G$18=$B$24,21,0),MOD($C6315,24)+1)/SUM(INDEX($D$3:$AA$30,INDEX(Jesper!$R$2:$R$366,ROW(INDEX(Jesper!AH$2:AH$366,ROUNDDOWN($C6315/24,0)+1,1))-1)+IF('Standard Profiles'!$G$18=$B$10,7,0)+IF('Standard Profiles'!$G$18=$B$17,14,0)+IF('Standard Profiles'!$G$18=$B$24,21,0),0)),0)</f>
        <v>14.154175532179208</v>
      </c>
      <c r="E6315" cm="1">
        <f t="array" ref="E6315">IFERROR(INDEX(Jesper!AI$2:AI$366,ROUNDDOWN($C6315/24,0)+1,1)*INDEX($D$3:$AA$30,INDEX(Jesper!$R$2:$R$366,ROW(INDEX(Jesper!AI$2:AI$366,ROUNDDOWN($C6315/24,0)+1,1))-1)+IF('Standard Profiles'!$G$19=$B$10,7,0)+IF('Standard Profiles'!$G$19=$B$17,14,0)+IF('Standard Profiles'!$G$19=$B$24,21,0),MOD($C6315,24)+1)/SUM(INDEX($D$3:$AA$30,INDEX(Jesper!$R$2:$R$366,ROW(INDEX(Jesper!AI$2:AI$366,ROUNDDOWN($C6315/24,0)+1,1))-1)+IF('Standard Profiles'!$G$19=$B$10,7,0)+IF('Standard Profiles'!$G$19=$B$17,14,0)+IF('Standard Profiles'!$G$19=$B$24,21,0),0)),0)</f>
        <v>0</v>
      </c>
      <c r="F6315" cm="1">
        <f t="array" ref="F6315">IFERROR(INDEX(Jesper!AJ$2:AJ$366,ROUNDDOWN($C6315/24,0)+1,1)*INDEX($D$3:$AA$30,INDEX(Jesper!$R$2:$R$366,ROW(INDEX(Jesper!AJ$2:AJ$366,ROUNDDOWN($C6315/24,0)+1,1))-1)+IF('Standard Profiles'!$G$20=$B$10,7,0)+IF('Standard Profiles'!$G$20=$B$17,14,0)+IF('Standard Profiles'!$G$20=$B$24,21,0),MOD($C6315,24)+1)/SUM(INDEX($D$3:$AA$30,INDEX(Jesper!$R$2:$R$366,ROW(INDEX(Jesper!AJ$2:AJ$366,ROUNDDOWN($C6315/24,0)+1,1))-1)+IF('Standard Profiles'!$G$20=$B$10,7,0)+IF('Standard Profiles'!$G$20=$B$17,14,0)+IF('Standard Profiles'!$G$20=$B$24,21,0),0)),0)</f>
        <v>0</v>
      </c>
      <c r="G6315" cm="1">
        <f t="array" ref="G6315">IFERROR(INDEX(Jesper!AK$2:AK$366,ROUNDDOWN($C6315/24,0)+1,1)*INDEX($D$3:$AA$30,INDEX(Jesper!$R$2:$R$366,ROW(INDEX(Jesper!AK$2:AK$366,ROUNDDOWN($C6315/24,0)+1,1))-1)+IF('Standard Profiles'!$G$21=$B$10,7,0)+IF('Standard Profiles'!$G$21=$B$17,14,0)+IF('Standard Profiles'!$G$21=$B$24,21,0),MOD($C6315,24)+1)/SUM(INDEX($D$3:$AA$30,INDEX(Jesper!$R$2:$R$366,ROW(INDEX(Jesper!AK$2:AK$366,ROUNDDOWN($C6315/24,0)+1,1))-1)+IF('Standard Profiles'!$G$21=$B$10,7,0)+IF('Standard Profiles'!$G$21=$B$17,14,0)+IF('Standard Profiles'!$G$21=$B$24,21,0),0)),0)</f>
        <v>0</v>
      </c>
      <c r="H6315" cm="1">
        <f t="array" ref="H6315">IFERROR(INDEX(Jesper!AL$2:AL$366,ROUNDDOWN($C6315/24,0)+1,1)*INDEX($D$3:$AA$30,INDEX(Jesper!$R$2:$R$366,ROW(INDEX(Jesper!AL$2:AL$366,ROUNDDOWN($C6315/24,0)+1,1))-1)+IF('Standard Profiles'!$G$22=$B$10,7,0)+IF('Standard Profiles'!$G$22=$B$17,14,0)+IF('Standard Profiles'!$G$22=$B$24,21,0),MOD($C6315,24)+1)/SUM(INDEX($D$3:$AA$30,INDEX(Jesper!$R$2:$R$366,ROW(INDEX(Jesper!AL$2:AL$366,ROUNDDOWN($C6315/24,0)+1,1))-1)+IF('Standard Profiles'!$G$22=$B$10,7,0)+IF('Standard Profiles'!$G$22=$B$17,14,0)+IF('Standard Profiles'!$G$22=$B$24,21,0),0)),0)</f>
        <v>0</v>
      </c>
      <c r="I6315">
        <f t="shared" si="706"/>
        <v>0.4246252659653762</v>
      </c>
      <c r="J6315">
        <f t="shared" si="707"/>
        <v>1.415417553217921</v>
      </c>
      <c r="K6315">
        <f t="shared" si="708"/>
        <v>2.123126329826881</v>
      </c>
      <c r="L6315">
        <f t="shared" si="709"/>
        <v>10.191006383169029</v>
      </c>
      <c r="M6315">
        <f t="shared" si="710"/>
        <v>0</v>
      </c>
      <c r="N6315" s="46">
        <f t="shared" si="711"/>
        <v>45553.7083333181</v>
      </c>
    </row>
    <row r="6316" spans="2:14" x14ac:dyDescent="0.3">
      <c r="B6316">
        <f t="shared" si="705"/>
        <v>3</v>
      </c>
      <c r="C6316" s="16">
        <v>6282</v>
      </c>
      <c r="D6316" cm="1">
        <f t="array" ref="D6316">IFERROR(INDEX(Jesper!AH$2:AH$366,ROUNDDOWN($C6316/24,0)+1,1)*INDEX($D$3:$AA$30,INDEX(Jesper!$R$2:$R$366,ROW(INDEX(Jesper!AH$2:AH$366,ROUNDDOWN($C6316/24,0)+1,1))-1)+IF('Standard Profiles'!$G$18=$B$10,7,0)+IF('Standard Profiles'!$G$18=$B$17,14,0)+IF('Standard Profiles'!$G$18=$B$24,21,0),MOD($C6316,24)+1)/SUM(INDEX($D$3:$AA$30,INDEX(Jesper!$R$2:$R$366,ROW(INDEX(Jesper!AH$2:AH$366,ROUNDDOWN($C6316/24,0)+1,1))-1)+IF('Standard Profiles'!$G$18=$B$10,7,0)+IF('Standard Profiles'!$G$18=$B$17,14,0)+IF('Standard Profiles'!$G$18=$B$24,21,0),0)),0)</f>
        <v>14.154175532179208</v>
      </c>
      <c r="E6316" cm="1">
        <f t="array" ref="E6316">IFERROR(INDEX(Jesper!AI$2:AI$366,ROUNDDOWN($C6316/24,0)+1,1)*INDEX($D$3:$AA$30,INDEX(Jesper!$R$2:$R$366,ROW(INDEX(Jesper!AI$2:AI$366,ROUNDDOWN($C6316/24,0)+1,1))-1)+IF('Standard Profiles'!$G$19=$B$10,7,0)+IF('Standard Profiles'!$G$19=$B$17,14,0)+IF('Standard Profiles'!$G$19=$B$24,21,0),MOD($C6316,24)+1)/SUM(INDEX($D$3:$AA$30,INDEX(Jesper!$R$2:$R$366,ROW(INDEX(Jesper!AI$2:AI$366,ROUNDDOWN($C6316/24,0)+1,1))-1)+IF('Standard Profiles'!$G$19=$B$10,7,0)+IF('Standard Profiles'!$G$19=$B$17,14,0)+IF('Standard Profiles'!$G$19=$B$24,21,0),0)),0)</f>
        <v>0</v>
      </c>
      <c r="F6316" cm="1">
        <f t="array" ref="F6316">IFERROR(INDEX(Jesper!AJ$2:AJ$366,ROUNDDOWN($C6316/24,0)+1,1)*INDEX($D$3:$AA$30,INDEX(Jesper!$R$2:$R$366,ROW(INDEX(Jesper!AJ$2:AJ$366,ROUNDDOWN($C6316/24,0)+1,1))-1)+IF('Standard Profiles'!$G$20=$B$10,7,0)+IF('Standard Profiles'!$G$20=$B$17,14,0)+IF('Standard Profiles'!$G$20=$B$24,21,0),MOD($C6316,24)+1)/SUM(INDEX($D$3:$AA$30,INDEX(Jesper!$R$2:$R$366,ROW(INDEX(Jesper!AJ$2:AJ$366,ROUNDDOWN($C6316/24,0)+1,1))-1)+IF('Standard Profiles'!$G$20=$B$10,7,0)+IF('Standard Profiles'!$G$20=$B$17,14,0)+IF('Standard Profiles'!$G$20=$B$24,21,0),0)),0)</f>
        <v>0</v>
      </c>
      <c r="G6316" cm="1">
        <f t="array" ref="G6316">IFERROR(INDEX(Jesper!AK$2:AK$366,ROUNDDOWN($C6316/24,0)+1,1)*INDEX($D$3:$AA$30,INDEX(Jesper!$R$2:$R$366,ROW(INDEX(Jesper!AK$2:AK$366,ROUNDDOWN($C6316/24,0)+1,1))-1)+IF('Standard Profiles'!$G$21=$B$10,7,0)+IF('Standard Profiles'!$G$21=$B$17,14,0)+IF('Standard Profiles'!$G$21=$B$24,21,0),MOD($C6316,24)+1)/SUM(INDEX($D$3:$AA$30,INDEX(Jesper!$R$2:$R$366,ROW(INDEX(Jesper!AK$2:AK$366,ROUNDDOWN($C6316/24,0)+1,1))-1)+IF('Standard Profiles'!$G$21=$B$10,7,0)+IF('Standard Profiles'!$G$21=$B$17,14,0)+IF('Standard Profiles'!$G$21=$B$24,21,0),0)),0)</f>
        <v>0</v>
      </c>
      <c r="H6316" cm="1">
        <f t="array" ref="H6316">IFERROR(INDEX(Jesper!AL$2:AL$366,ROUNDDOWN($C6316/24,0)+1,1)*INDEX($D$3:$AA$30,INDEX(Jesper!$R$2:$R$366,ROW(INDEX(Jesper!AL$2:AL$366,ROUNDDOWN($C6316/24,0)+1,1))-1)+IF('Standard Profiles'!$G$22=$B$10,7,0)+IF('Standard Profiles'!$G$22=$B$17,14,0)+IF('Standard Profiles'!$G$22=$B$24,21,0),MOD($C6316,24)+1)/SUM(INDEX($D$3:$AA$30,INDEX(Jesper!$R$2:$R$366,ROW(INDEX(Jesper!AL$2:AL$366,ROUNDDOWN($C6316/24,0)+1,1))-1)+IF('Standard Profiles'!$G$22=$B$10,7,0)+IF('Standard Profiles'!$G$22=$B$17,14,0)+IF('Standard Profiles'!$G$22=$B$24,21,0),0)),0)</f>
        <v>0</v>
      </c>
      <c r="I6316">
        <f t="shared" si="706"/>
        <v>0.4246252659653762</v>
      </c>
      <c r="J6316">
        <f t="shared" si="707"/>
        <v>1.415417553217921</v>
      </c>
      <c r="K6316">
        <f t="shared" si="708"/>
        <v>2.123126329826881</v>
      </c>
      <c r="L6316">
        <f t="shared" si="709"/>
        <v>10.191006383169029</v>
      </c>
      <c r="M6316">
        <f t="shared" si="710"/>
        <v>0</v>
      </c>
      <c r="N6316" s="46">
        <f t="shared" si="711"/>
        <v>45553.749999984764</v>
      </c>
    </row>
    <row r="6317" spans="2:14" x14ac:dyDescent="0.3">
      <c r="B6317">
        <f t="shared" si="705"/>
        <v>3</v>
      </c>
      <c r="C6317" s="16">
        <v>6283</v>
      </c>
      <c r="D6317" cm="1">
        <f t="array" ref="D6317">IFERROR(INDEX(Jesper!AH$2:AH$366,ROUNDDOWN($C6317/24,0)+1,1)*INDEX($D$3:$AA$30,INDEX(Jesper!$R$2:$R$366,ROW(INDEX(Jesper!AH$2:AH$366,ROUNDDOWN($C6317/24,0)+1,1))-1)+IF('Standard Profiles'!$G$18=$B$10,7,0)+IF('Standard Profiles'!$G$18=$B$17,14,0)+IF('Standard Profiles'!$G$18=$B$24,21,0),MOD($C6317,24)+1)/SUM(INDEX($D$3:$AA$30,INDEX(Jesper!$R$2:$R$366,ROW(INDEX(Jesper!AH$2:AH$366,ROUNDDOWN($C6317/24,0)+1,1))-1)+IF('Standard Profiles'!$G$18=$B$10,7,0)+IF('Standard Profiles'!$G$18=$B$17,14,0)+IF('Standard Profiles'!$G$18=$B$24,21,0),0)),0)</f>
        <v>11.795146276816006</v>
      </c>
      <c r="E6317" cm="1">
        <f t="array" ref="E6317">IFERROR(INDEX(Jesper!AI$2:AI$366,ROUNDDOWN($C6317/24,0)+1,1)*INDEX($D$3:$AA$30,INDEX(Jesper!$R$2:$R$366,ROW(INDEX(Jesper!AI$2:AI$366,ROUNDDOWN($C6317/24,0)+1,1))-1)+IF('Standard Profiles'!$G$19=$B$10,7,0)+IF('Standard Profiles'!$G$19=$B$17,14,0)+IF('Standard Profiles'!$G$19=$B$24,21,0),MOD($C6317,24)+1)/SUM(INDEX($D$3:$AA$30,INDEX(Jesper!$R$2:$R$366,ROW(INDEX(Jesper!AI$2:AI$366,ROUNDDOWN($C6317/24,0)+1,1))-1)+IF('Standard Profiles'!$G$19=$B$10,7,0)+IF('Standard Profiles'!$G$19=$B$17,14,0)+IF('Standard Profiles'!$G$19=$B$24,21,0),0)),0)</f>
        <v>0</v>
      </c>
      <c r="F6317" cm="1">
        <f t="array" ref="F6317">IFERROR(INDEX(Jesper!AJ$2:AJ$366,ROUNDDOWN($C6317/24,0)+1,1)*INDEX($D$3:$AA$30,INDEX(Jesper!$R$2:$R$366,ROW(INDEX(Jesper!AJ$2:AJ$366,ROUNDDOWN($C6317/24,0)+1,1))-1)+IF('Standard Profiles'!$G$20=$B$10,7,0)+IF('Standard Profiles'!$G$20=$B$17,14,0)+IF('Standard Profiles'!$G$20=$B$24,21,0),MOD($C6317,24)+1)/SUM(INDEX($D$3:$AA$30,INDEX(Jesper!$R$2:$R$366,ROW(INDEX(Jesper!AJ$2:AJ$366,ROUNDDOWN($C6317/24,0)+1,1))-1)+IF('Standard Profiles'!$G$20=$B$10,7,0)+IF('Standard Profiles'!$G$20=$B$17,14,0)+IF('Standard Profiles'!$G$20=$B$24,21,0),0)),0)</f>
        <v>0</v>
      </c>
      <c r="G6317" cm="1">
        <f t="array" ref="G6317">IFERROR(INDEX(Jesper!AK$2:AK$366,ROUNDDOWN($C6317/24,0)+1,1)*INDEX($D$3:$AA$30,INDEX(Jesper!$R$2:$R$366,ROW(INDEX(Jesper!AK$2:AK$366,ROUNDDOWN($C6317/24,0)+1,1))-1)+IF('Standard Profiles'!$G$21=$B$10,7,0)+IF('Standard Profiles'!$G$21=$B$17,14,0)+IF('Standard Profiles'!$G$21=$B$24,21,0),MOD($C6317,24)+1)/SUM(INDEX($D$3:$AA$30,INDEX(Jesper!$R$2:$R$366,ROW(INDEX(Jesper!AK$2:AK$366,ROUNDDOWN($C6317/24,0)+1,1))-1)+IF('Standard Profiles'!$G$21=$B$10,7,0)+IF('Standard Profiles'!$G$21=$B$17,14,0)+IF('Standard Profiles'!$G$21=$B$24,21,0),0)),0)</f>
        <v>0</v>
      </c>
      <c r="H6317" cm="1">
        <f t="array" ref="H6317">IFERROR(INDEX(Jesper!AL$2:AL$366,ROUNDDOWN($C6317/24,0)+1,1)*INDEX($D$3:$AA$30,INDEX(Jesper!$R$2:$R$366,ROW(INDEX(Jesper!AL$2:AL$366,ROUNDDOWN($C6317/24,0)+1,1))-1)+IF('Standard Profiles'!$G$22=$B$10,7,0)+IF('Standard Profiles'!$G$22=$B$17,14,0)+IF('Standard Profiles'!$G$22=$B$24,21,0),MOD($C6317,24)+1)/SUM(INDEX($D$3:$AA$30,INDEX(Jesper!$R$2:$R$366,ROW(INDEX(Jesper!AL$2:AL$366,ROUNDDOWN($C6317/24,0)+1,1))-1)+IF('Standard Profiles'!$G$22=$B$10,7,0)+IF('Standard Profiles'!$G$22=$B$17,14,0)+IF('Standard Profiles'!$G$22=$B$24,21,0),0)),0)</f>
        <v>0</v>
      </c>
      <c r="I6317">
        <f t="shared" si="706"/>
        <v>0.35385438830448013</v>
      </c>
      <c r="J6317">
        <f t="shared" si="707"/>
        <v>1.1795146276816006</v>
      </c>
      <c r="K6317">
        <f t="shared" si="708"/>
        <v>1.7692719415224007</v>
      </c>
      <c r="L6317">
        <f t="shared" si="709"/>
        <v>8.4925053193075239</v>
      </c>
      <c r="M6317">
        <f t="shared" si="710"/>
        <v>0</v>
      </c>
      <c r="N6317" s="46">
        <f t="shared" si="711"/>
        <v>45553.791666651428</v>
      </c>
    </row>
    <row r="6318" spans="2:14" x14ac:dyDescent="0.3">
      <c r="B6318">
        <f t="shared" si="705"/>
        <v>3</v>
      </c>
      <c r="C6318" s="16">
        <v>6284</v>
      </c>
      <c r="D6318" cm="1">
        <f t="array" ref="D6318">IFERROR(INDEX(Jesper!AH$2:AH$366,ROUNDDOWN($C6318/24,0)+1,1)*INDEX($D$3:$AA$30,INDEX(Jesper!$R$2:$R$366,ROW(INDEX(Jesper!AH$2:AH$366,ROUNDDOWN($C6318/24,0)+1,1))-1)+IF('Standard Profiles'!$G$18=$B$10,7,0)+IF('Standard Profiles'!$G$18=$B$17,14,0)+IF('Standard Profiles'!$G$18=$B$24,21,0),MOD($C6318,24)+1)/SUM(INDEX($D$3:$AA$30,INDEX(Jesper!$R$2:$R$366,ROW(INDEX(Jesper!AH$2:AH$366,ROUNDDOWN($C6318/24,0)+1,1))-1)+IF('Standard Profiles'!$G$18=$B$10,7,0)+IF('Standard Profiles'!$G$18=$B$17,14,0)+IF('Standard Profiles'!$G$18=$B$24,21,0),0)),0)</f>
        <v>9.4361170214528052</v>
      </c>
      <c r="E6318" cm="1">
        <f t="array" ref="E6318">IFERROR(INDEX(Jesper!AI$2:AI$366,ROUNDDOWN($C6318/24,0)+1,1)*INDEX($D$3:$AA$30,INDEX(Jesper!$R$2:$R$366,ROW(INDEX(Jesper!AI$2:AI$366,ROUNDDOWN($C6318/24,0)+1,1))-1)+IF('Standard Profiles'!$G$19=$B$10,7,0)+IF('Standard Profiles'!$G$19=$B$17,14,0)+IF('Standard Profiles'!$G$19=$B$24,21,0),MOD($C6318,24)+1)/SUM(INDEX($D$3:$AA$30,INDEX(Jesper!$R$2:$R$366,ROW(INDEX(Jesper!AI$2:AI$366,ROUNDDOWN($C6318/24,0)+1,1))-1)+IF('Standard Profiles'!$G$19=$B$10,7,0)+IF('Standard Profiles'!$G$19=$B$17,14,0)+IF('Standard Profiles'!$G$19=$B$24,21,0),0)),0)</f>
        <v>0</v>
      </c>
      <c r="F6318" cm="1">
        <f t="array" ref="F6318">IFERROR(INDEX(Jesper!AJ$2:AJ$366,ROUNDDOWN($C6318/24,0)+1,1)*INDEX($D$3:$AA$30,INDEX(Jesper!$R$2:$R$366,ROW(INDEX(Jesper!AJ$2:AJ$366,ROUNDDOWN($C6318/24,0)+1,1))-1)+IF('Standard Profiles'!$G$20=$B$10,7,0)+IF('Standard Profiles'!$G$20=$B$17,14,0)+IF('Standard Profiles'!$G$20=$B$24,21,0),MOD($C6318,24)+1)/SUM(INDEX($D$3:$AA$30,INDEX(Jesper!$R$2:$R$366,ROW(INDEX(Jesper!AJ$2:AJ$366,ROUNDDOWN($C6318/24,0)+1,1))-1)+IF('Standard Profiles'!$G$20=$B$10,7,0)+IF('Standard Profiles'!$G$20=$B$17,14,0)+IF('Standard Profiles'!$G$20=$B$24,21,0),0)),0)</f>
        <v>0</v>
      </c>
      <c r="G6318" cm="1">
        <f t="array" ref="G6318">IFERROR(INDEX(Jesper!AK$2:AK$366,ROUNDDOWN($C6318/24,0)+1,1)*INDEX($D$3:$AA$30,INDEX(Jesper!$R$2:$R$366,ROW(INDEX(Jesper!AK$2:AK$366,ROUNDDOWN($C6318/24,0)+1,1))-1)+IF('Standard Profiles'!$G$21=$B$10,7,0)+IF('Standard Profiles'!$G$21=$B$17,14,0)+IF('Standard Profiles'!$G$21=$B$24,21,0),MOD($C6318,24)+1)/SUM(INDEX($D$3:$AA$30,INDEX(Jesper!$R$2:$R$366,ROW(INDEX(Jesper!AK$2:AK$366,ROUNDDOWN($C6318/24,0)+1,1))-1)+IF('Standard Profiles'!$G$21=$B$10,7,0)+IF('Standard Profiles'!$G$21=$B$17,14,0)+IF('Standard Profiles'!$G$21=$B$24,21,0),0)),0)</f>
        <v>0</v>
      </c>
      <c r="H6318" cm="1">
        <f t="array" ref="H6318">IFERROR(INDEX(Jesper!AL$2:AL$366,ROUNDDOWN($C6318/24,0)+1,1)*INDEX($D$3:$AA$30,INDEX(Jesper!$R$2:$R$366,ROW(INDEX(Jesper!AL$2:AL$366,ROUNDDOWN($C6318/24,0)+1,1))-1)+IF('Standard Profiles'!$G$22=$B$10,7,0)+IF('Standard Profiles'!$G$22=$B$17,14,0)+IF('Standard Profiles'!$G$22=$B$24,21,0),MOD($C6318,24)+1)/SUM(INDEX($D$3:$AA$30,INDEX(Jesper!$R$2:$R$366,ROW(INDEX(Jesper!AL$2:AL$366,ROUNDDOWN($C6318/24,0)+1,1))-1)+IF('Standard Profiles'!$G$22=$B$10,7,0)+IF('Standard Profiles'!$G$22=$B$17,14,0)+IF('Standard Profiles'!$G$22=$B$24,21,0),0)),0)</f>
        <v>0</v>
      </c>
      <c r="I6318">
        <f t="shared" si="706"/>
        <v>0.28308351064358417</v>
      </c>
      <c r="J6318">
        <f t="shared" si="707"/>
        <v>0.94361170214528056</v>
      </c>
      <c r="K6318">
        <f t="shared" si="708"/>
        <v>1.4154175532179207</v>
      </c>
      <c r="L6318">
        <f t="shared" si="709"/>
        <v>6.7940042554460192</v>
      </c>
      <c r="M6318">
        <f t="shared" si="710"/>
        <v>0</v>
      </c>
      <c r="N6318" s="46">
        <f t="shared" si="711"/>
        <v>45553.833333318093</v>
      </c>
    </row>
    <row r="6319" spans="2:14" x14ac:dyDescent="0.3">
      <c r="B6319">
        <f t="shared" si="705"/>
        <v>3</v>
      </c>
      <c r="C6319" s="16">
        <v>6285</v>
      </c>
      <c r="D6319" cm="1">
        <f t="array" ref="D6319">IFERROR(INDEX(Jesper!AH$2:AH$366,ROUNDDOWN($C6319/24,0)+1,1)*INDEX($D$3:$AA$30,INDEX(Jesper!$R$2:$R$366,ROW(INDEX(Jesper!AH$2:AH$366,ROUNDDOWN($C6319/24,0)+1,1))-1)+IF('Standard Profiles'!$G$18=$B$10,7,0)+IF('Standard Profiles'!$G$18=$B$17,14,0)+IF('Standard Profiles'!$G$18=$B$24,21,0),MOD($C6319,24)+1)/SUM(INDEX($D$3:$AA$30,INDEX(Jesper!$R$2:$R$366,ROW(INDEX(Jesper!AH$2:AH$366,ROUNDDOWN($C6319/24,0)+1,1))-1)+IF('Standard Profiles'!$G$18=$B$10,7,0)+IF('Standard Profiles'!$G$18=$B$17,14,0)+IF('Standard Profiles'!$G$18=$B$24,21,0),0)),0)</f>
        <v>7.0770877660896039</v>
      </c>
      <c r="E6319" cm="1">
        <f t="array" ref="E6319">IFERROR(INDEX(Jesper!AI$2:AI$366,ROUNDDOWN($C6319/24,0)+1,1)*INDEX($D$3:$AA$30,INDEX(Jesper!$R$2:$R$366,ROW(INDEX(Jesper!AI$2:AI$366,ROUNDDOWN($C6319/24,0)+1,1))-1)+IF('Standard Profiles'!$G$19=$B$10,7,0)+IF('Standard Profiles'!$G$19=$B$17,14,0)+IF('Standard Profiles'!$G$19=$B$24,21,0),MOD($C6319,24)+1)/SUM(INDEX($D$3:$AA$30,INDEX(Jesper!$R$2:$R$366,ROW(INDEX(Jesper!AI$2:AI$366,ROUNDDOWN($C6319/24,0)+1,1))-1)+IF('Standard Profiles'!$G$19=$B$10,7,0)+IF('Standard Profiles'!$G$19=$B$17,14,0)+IF('Standard Profiles'!$G$19=$B$24,21,0),0)),0)</f>
        <v>0</v>
      </c>
      <c r="F6319" cm="1">
        <f t="array" ref="F6319">IFERROR(INDEX(Jesper!AJ$2:AJ$366,ROUNDDOWN($C6319/24,0)+1,1)*INDEX($D$3:$AA$30,INDEX(Jesper!$R$2:$R$366,ROW(INDEX(Jesper!AJ$2:AJ$366,ROUNDDOWN($C6319/24,0)+1,1))-1)+IF('Standard Profiles'!$G$20=$B$10,7,0)+IF('Standard Profiles'!$G$20=$B$17,14,0)+IF('Standard Profiles'!$G$20=$B$24,21,0),MOD($C6319,24)+1)/SUM(INDEX($D$3:$AA$30,INDEX(Jesper!$R$2:$R$366,ROW(INDEX(Jesper!AJ$2:AJ$366,ROUNDDOWN($C6319/24,0)+1,1))-1)+IF('Standard Profiles'!$G$20=$B$10,7,0)+IF('Standard Profiles'!$G$20=$B$17,14,0)+IF('Standard Profiles'!$G$20=$B$24,21,0),0)),0)</f>
        <v>0</v>
      </c>
      <c r="G6319" cm="1">
        <f t="array" ref="G6319">IFERROR(INDEX(Jesper!AK$2:AK$366,ROUNDDOWN($C6319/24,0)+1,1)*INDEX($D$3:$AA$30,INDEX(Jesper!$R$2:$R$366,ROW(INDEX(Jesper!AK$2:AK$366,ROUNDDOWN($C6319/24,0)+1,1))-1)+IF('Standard Profiles'!$G$21=$B$10,7,0)+IF('Standard Profiles'!$G$21=$B$17,14,0)+IF('Standard Profiles'!$G$21=$B$24,21,0),MOD($C6319,24)+1)/SUM(INDEX($D$3:$AA$30,INDEX(Jesper!$R$2:$R$366,ROW(INDEX(Jesper!AK$2:AK$366,ROUNDDOWN($C6319/24,0)+1,1))-1)+IF('Standard Profiles'!$G$21=$B$10,7,0)+IF('Standard Profiles'!$G$21=$B$17,14,0)+IF('Standard Profiles'!$G$21=$B$24,21,0),0)),0)</f>
        <v>0</v>
      </c>
      <c r="H6319" cm="1">
        <f t="array" ref="H6319">IFERROR(INDEX(Jesper!AL$2:AL$366,ROUNDDOWN($C6319/24,0)+1,1)*INDEX($D$3:$AA$30,INDEX(Jesper!$R$2:$R$366,ROW(INDEX(Jesper!AL$2:AL$366,ROUNDDOWN($C6319/24,0)+1,1))-1)+IF('Standard Profiles'!$G$22=$B$10,7,0)+IF('Standard Profiles'!$G$22=$B$17,14,0)+IF('Standard Profiles'!$G$22=$B$24,21,0),MOD($C6319,24)+1)/SUM(INDEX($D$3:$AA$30,INDEX(Jesper!$R$2:$R$366,ROW(INDEX(Jesper!AL$2:AL$366,ROUNDDOWN($C6319/24,0)+1,1))-1)+IF('Standard Profiles'!$G$22=$B$10,7,0)+IF('Standard Profiles'!$G$22=$B$17,14,0)+IF('Standard Profiles'!$G$22=$B$24,21,0),0)),0)</f>
        <v>0</v>
      </c>
      <c r="I6319">
        <f t="shared" si="706"/>
        <v>0.2123126329826881</v>
      </c>
      <c r="J6319">
        <f t="shared" si="707"/>
        <v>0.70770877660896048</v>
      </c>
      <c r="K6319">
        <f t="shared" si="708"/>
        <v>1.0615631649134405</v>
      </c>
      <c r="L6319">
        <f t="shared" si="709"/>
        <v>5.0955031915845144</v>
      </c>
      <c r="M6319">
        <f t="shared" si="710"/>
        <v>0</v>
      </c>
      <c r="N6319" s="46">
        <f t="shared" si="711"/>
        <v>45553.874999984757</v>
      </c>
    </row>
    <row r="6320" spans="2:14" x14ac:dyDescent="0.3">
      <c r="B6320">
        <f t="shared" si="705"/>
        <v>3</v>
      </c>
      <c r="C6320" s="16">
        <v>6286</v>
      </c>
      <c r="D6320" cm="1">
        <f t="array" ref="D6320">IFERROR(INDEX(Jesper!AH$2:AH$366,ROUNDDOWN($C6320/24,0)+1,1)*INDEX($D$3:$AA$30,INDEX(Jesper!$R$2:$R$366,ROW(INDEX(Jesper!AH$2:AH$366,ROUNDDOWN($C6320/24,0)+1,1))-1)+IF('Standard Profiles'!$G$18=$B$10,7,0)+IF('Standard Profiles'!$G$18=$B$17,14,0)+IF('Standard Profiles'!$G$18=$B$24,21,0),MOD($C6320,24)+1)/SUM(INDEX($D$3:$AA$30,INDEX(Jesper!$R$2:$R$366,ROW(INDEX(Jesper!AH$2:AH$366,ROUNDDOWN($C6320/24,0)+1,1))-1)+IF('Standard Profiles'!$G$18=$B$10,7,0)+IF('Standard Profiles'!$G$18=$B$17,14,0)+IF('Standard Profiles'!$G$18=$B$24,21,0),0)),0)</f>
        <v>7.0770877660896039</v>
      </c>
      <c r="E6320" cm="1">
        <f t="array" ref="E6320">IFERROR(INDEX(Jesper!AI$2:AI$366,ROUNDDOWN($C6320/24,0)+1,1)*INDEX($D$3:$AA$30,INDEX(Jesper!$R$2:$R$366,ROW(INDEX(Jesper!AI$2:AI$366,ROUNDDOWN($C6320/24,0)+1,1))-1)+IF('Standard Profiles'!$G$19=$B$10,7,0)+IF('Standard Profiles'!$G$19=$B$17,14,0)+IF('Standard Profiles'!$G$19=$B$24,21,0),MOD($C6320,24)+1)/SUM(INDEX($D$3:$AA$30,INDEX(Jesper!$R$2:$R$366,ROW(INDEX(Jesper!AI$2:AI$366,ROUNDDOWN($C6320/24,0)+1,1))-1)+IF('Standard Profiles'!$G$19=$B$10,7,0)+IF('Standard Profiles'!$G$19=$B$17,14,0)+IF('Standard Profiles'!$G$19=$B$24,21,0),0)),0)</f>
        <v>0</v>
      </c>
      <c r="F6320" cm="1">
        <f t="array" ref="F6320">IFERROR(INDEX(Jesper!AJ$2:AJ$366,ROUNDDOWN($C6320/24,0)+1,1)*INDEX($D$3:$AA$30,INDEX(Jesper!$R$2:$R$366,ROW(INDEX(Jesper!AJ$2:AJ$366,ROUNDDOWN($C6320/24,0)+1,1))-1)+IF('Standard Profiles'!$G$20=$B$10,7,0)+IF('Standard Profiles'!$G$20=$B$17,14,0)+IF('Standard Profiles'!$G$20=$B$24,21,0),MOD($C6320,24)+1)/SUM(INDEX($D$3:$AA$30,INDEX(Jesper!$R$2:$R$366,ROW(INDEX(Jesper!AJ$2:AJ$366,ROUNDDOWN($C6320/24,0)+1,1))-1)+IF('Standard Profiles'!$G$20=$B$10,7,0)+IF('Standard Profiles'!$G$20=$B$17,14,0)+IF('Standard Profiles'!$G$20=$B$24,21,0),0)),0)</f>
        <v>0</v>
      </c>
      <c r="G6320" cm="1">
        <f t="array" ref="G6320">IFERROR(INDEX(Jesper!AK$2:AK$366,ROUNDDOWN($C6320/24,0)+1,1)*INDEX($D$3:$AA$30,INDEX(Jesper!$R$2:$R$366,ROW(INDEX(Jesper!AK$2:AK$366,ROUNDDOWN($C6320/24,0)+1,1))-1)+IF('Standard Profiles'!$G$21=$B$10,7,0)+IF('Standard Profiles'!$G$21=$B$17,14,0)+IF('Standard Profiles'!$G$21=$B$24,21,0),MOD($C6320,24)+1)/SUM(INDEX($D$3:$AA$30,INDEX(Jesper!$R$2:$R$366,ROW(INDEX(Jesper!AK$2:AK$366,ROUNDDOWN($C6320/24,0)+1,1))-1)+IF('Standard Profiles'!$G$21=$B$10,7,0)+IF('Standard Profiles'!$G$21=$B$17,14,0)+IF('Standard Profiles'!$G$21=$B$24,21,0),0)),0)</f>
        <v>0</v>
      </c>
      <c r="H6320" cm="1">
        <f t="array" ref="H6320">IFERROR(INDEX(Jesper!AL$2:AL$366,ROUNDDOWN($C6320/24,0)+1,1)*INDEX($D$3:$AA$30,INDEX(Jesper!$R$2:$R$366,ROW(INDEX(Jesper!AL$2:AL$366,ROUNDDOWN($C6320/24,0)+1,1))-1)+IF('Standard Profiles'!$G$22=$B$10,7,0)+IF('Standard Profiles'!$G$22=$B$17,14,0)+IF('Standard Profiles'!$G$22=$B$24,21,0),MOD($C6320,24)+1)/SUM(INDEX($D$3:$AA$30,INDEX(Jesper!$R$2:$R$366,ROW(INDEX(Jesper!AL$2:AL$366,ROUNDDOWN($C6320/24,0)+1,1))-1)+IF('Standard Profiles'!$G$22=$B$10,7,0)+IF('Standard Profiles'!$G$22=$B$17,14,0)+IF('Standard Profiles'!$G$22=$B$24,21,0),0)),0)</f>
        <v>0</v>
      </c>
      <c r="I6320">
        <f t="shared" si="706"/>
        <v>0.2123126329826881</v>
      </c>
      <c r="J6320">
        <f t="shared" si="707"/>
        <v>0.70770877660896048</v>
      </c>
      <c r="K6320">
        <f t="shared" si="708"/>
        <v>1.0615631649134405</v>
      </c>
      <c r="L6320">
        <f t="shared" si="709"/>
        <v>5.0955031915845144</v>
      </c>
      <c r="M6320">
        <f t="shared" si="710"/>
        <v>0</v>
      </c>
      <c r="N6320" s="46">
        <f t="shared" si="711"/>
        <v>45553.916666651421</v>
      </c>
    </row>
    <row r="6321" spans="2:14" x14ac:dyDescent="0.3">
      <c r="B6321">
        <f t="shared" si="705"/>
        <v>3</v>
      </c>
      <c r="C6321" s="16">
        <v>6287</v>
      </c>
      <c r="D6321" cm="1">
        <f t="array" ref="D6321">IFERROR(INDEX(Jesper!AH$2:AH$366,ROUNDDOWN($C6321/24,0)+1,1)*INDEX($D$3:$AA$30,INDEX(Jesper!$R$2:$R$366,ROW(INDEX(Jesper!AH$2:AH$366,ROUNDDOWN($C6321/24,0)+1,1))-1)+IF('Standard Profiles'!$G$18=$B$10,7,0)+IF('Standard Profiles'!$G$18=$B$17,14,0)+IF('Standard Profiles'!$G$18=$B$24,21,0),MOD($C6321,24)+1)/SUM(INDEX($D$3:$AA$30,INDEX(Jesper!$R$2:$R$366,ROW(INDEX(Jesper!AH$2:AH$366,ROUNDDOWN($C6321/24,0)+1,1))-1)+IF('Standard Profiles'!$G$18=$B$10,7,0)+IF('Standard Profiles'!$G$18=$B$17,14,0)+IF('Standard Profiles'!$G$18=$B$24,21,0),0)),0)</f>
        <v>7.0770877660896039</v>
      </c>
      <c r="E6321" cm="1">
        <f t="array" ref="E6321">IFERROR(INDEX(Jesper!AI$2:AI$366,ROUNDDOWN($C6321/24,0)+1,1)*INDEX($D$3:$AA$30,INDEX(Jesper!$R$2:$R$366,ROW(INDEX(Jesper!AI$2:AI$366,ROUNDDOWN($C6321/24,0)+1,1))-1)+IF('Standard Profiles'!$G$19=$B$10,7,0)+IF('Standard Profiles'!$G$19=$B$17,14,0)+IF('Standard Profiles'!$G$19=$B$24,21,0),MOD($C6321,24)+1)/SUM(INDEX($D$3:$AA$30,INDEX(Jesper!$R$2:$R$366,ROW(INDEX(Jesper!AI$2:AI$366,ROUNDDOWN($C6321/24,0)+1,1))-1)+IF('Standard Profiles'!$G$19=$B$10,7,0)+IF('Standard Profiles'!$G$19=$B$17,14,0)+IF('Standard Profiles'!$G$19=$B$24,21,0),0)),0)</f>
        <v>0</v>
      </c>
      <c r="F6321" cm="1">
        <f t="array" ref="F6321">IFERROR(INDEX(Jesper!AJ$2:AJ$366,ROUNDDOWN($C6321/24,0)+1,1)*INDEX($D$3:$AA$30,INDEX(Jesper!$R$2:$R$366,ROW(INDEX(Jesper!AJ$2:AJ$366,ROUNDDOWN($C6321/24,0)+1,1))-1)+IF('Standard Profiles'!$G$20=$B$10,7,0)+IF('Standard Profiles'!$G$20=$B$17,14,0)+IF('Standard Profiles'!$G$20=$B$24,21,0),MOD($C6321,24)+1)/SUM(INDEX($D$3:$AA$30,INDEX(Jesper!$R$2:$R$366,ROW(INDEX(Jesper!AJ$2:AJ$366,ROUNDDOWN($C6321/24,0)+1,1))-1)+IF('Standard Profiles'!$G$20=$B$10,7,0)+IF('Standard Profiles'!$G$20=$B$17,14,0)+IF('Standard Profiles'!$G$20=$B$24,21,0),0)),0)</f>
        <v>0</v>
      </c>
      <c r="G6321" cm="1">
        <f t="array" ref="G6321">IFERROR(INDEX(Jesper!AK$2:AK$366,ROUNDDOWN($C6321/24,0)+1,1)*INDEX($D$3:$AA$30,INDEX(Jesper!$R$2:$R$366,ROW(INDEX(Jesper!AK$2:AK$366,ROUNDDOWN($C6321/24,0)+1,1))-1)+IF('Standard Profiles'!$G$21=$B$10,7,0)+IF('Standard Profiles'!$G$21=$B$17,14,0)+IF('Standard Profiles'!$G$21=$B$24,21,0),MOD($C6321,24)+1)/SUM(INDEX($D$3:$AA$30,INDEX(Jesper!$R$2:$R$366,ROW(INDEX(Jesper!AK$2:AK$366,ROUNDDOWN($C6321/24,0)+1,1))-1)+IF('Standard Profiles'!$G$21=$B$10,7,0)+IF('Standard Profiles'!$G$21=$B$17,14,0)+IF('Standard Profiles'!$G$21=$B$24,21,0),0)),0)</f>
        <v>0</v>
      </c>
      <c r="H6321" cm="1">
        <f t="array" ref="H6321">IFERROR(INDEX(Jesper!AL$2:AL$366,ROUNDDOWN($C6321/24,0)+1,1)*INDEX($D$3:$AA$30,INDEX(Jesper!$R$2:$R$366,ROW(INDEX(Jesper!AL$2:AL$366,ROUNDDOWN($C6321/24,0)+1,1))-1)+IF('Standard Profiles'!$G$22=$B$10,7,0)+IF('Standard Profiles'!$G$22=$B$17,14,0)+IF('Standard Profiles'!$G$22=$B$24,21,0),MOD($C6321,24)+1)/SUM(INDEX($D$3:$AA$30,INDEX(Jesper!$R$2:$R$366,ROW(INDEX(Jesper!AL$2:AL$366,ROUNDDOWN($C6321/24,0)+1,1))-1)+IF('Standard Profiles'!$G$22=$B$10,7,0)+IF('Standard Profiles'!$G$22=$B$17,14,0)+IF('Standard Profiles'!$G$22=$B$24,21,0),0)),0)</f>
        <v>0</v>
      </c>
      <c r="I6321">
        <f t="shared" si="706"/>
        <v>0.2123126329826881</v>
      </c>
      <c r="J6321">
        <f t="shared" si="707"/>
        <v>0.70770877660896048</v>
      </c>
      <c r="K6321">
        <f t="shared" si="708"/>
        <v>1.0615631649134405</v>
      </c>
      <c r="L6321">
        <f t="shared" si="709"/>
        <v>5.0955031915845144</v>
      </c>
      <c r="M6321">
        <f t="shared" si="710"/>
        <v>0</v>
      </c>
      <c r="N6321" s="46">
        <f t="shared" si="711"/>
        <v>45553.958333318085</v>
      </c>
    </row>
    <row r="6322" spans="2:14" x14ac:dyDescent="0.3">
      <c r="B6322">
        <f t="shared" si="705"/>
        <v>4</v>
      </c>
      <c r="C6322" s="16">
        <v>6288</v>
      </c>
      <c r="D6322" cm="1">
        <f t="array" ref="D6322">IFERROR(INDEX(Jesper!AH$2:AH$366,ROUNDDOWN($C6322/24,0)+1,1)*INDEX($D$3:$AA$30,INDEX(Jesper!$R$2:$R$366,ROW(INDEX(Jesper!AH$2:AH$366,ROUNDDOWN($C6322/24,0)+1,1))-1)+IF('Standard Profiles'!$G$18=$B$10,7,0)+IF('Standard Profiles'!$G$18=$B$17,14,0)+IF('Standard Profiles'!$G$18=$B$24,21,0),MOD($C6322,24)+1)/SUM(INDEX($D$3:$AA$30,INDEX(Jesper!$R$2:$R$366,ROW(INDEX(Jesper!AH$2:AH$366,ROUNDDOWN($C6322/24,0)+1,1))-1)+IF('Standard Profiles'!$G$18=$B$10,7,0)+IF('Standard Profiles'!$G$18=$B$17,14,0)+IF('Standard Profiles'!$G$18=$B$24,21,0),0)),0)</f>
        <v>7.1326407724921523</v>
      </c>
      <c r="E6322" cm="1">
        <f t="array" ref="E6322">IFERROR(INDEX(Jesper!AI$2:AI$366,ROUNDDOWN($C6322/24,0)+1,1)*INDEX($D$3:$AA$30,INDEX(Jesper!$R$2:$R$366,ROW(INDEX(Jesper!AI$2:AI$366,ROUNDDOWN($C6322/24,0)+1,1))-1)+IF('Standard Profiles'!$G$19=$B$10,7,0)+IF('Standard Profiles'!$G$19=$B$17,14,0)+IF('Standard Profiles'!$G$19=$B$24,21,0),MOD($C6322,24)+1)/SUM(INDEX($D$3:$AA$30,INDEX(Jesper!$R$2:$R$366,ROW(INDEX(Jesper!AI$2:AI$366,ROUNDDOWN($C6322/24,0)+1,1))-1)+IF('Standard Profiles'!$G$19=$B$10,7,0)+IF('Standard Profiles'!$G$19=$B$17,14,0)+IF('Standard Profiles'!$G$19=$B$24,21,0),0)),0)</f>
        <v>0</v>
      </c>
      <c r="F6322" cm="1">
        <f t="array" ref="F6322">IFERROR(INDEX(Jesper!AJ$2:AJ$366,ROUNDDOWN($C6322/24,0)+1,1)*INDEX($D$3:$AA$30,INDEX(Jesper!$R$2:$R$366,ROW(INDEX(Jesper!AJ$2:AJ$366,ROUNDDOWN($C6322/24,0)+1,1))-1)+IF('Standard Profiles'!$G$20=$B$10,7,0)+IF('Standard Profiles'!$G$20=$B$17,14,0)+IF('Standard Profiles'!$G$20=$B$24,21,0),MOD($C6322,24)+1)/SUM(INDEX($D$3:$AA$30,INDEX(Jesper!$R$2:$R$366,ROW(INDEX(Jesper!AJ$2:AJ$366,ROUNDDOWN($C6322/24,0)+1,1))-1)+IF('Standard Profiles'!$G$20=$B$10,7,0)+IF('Standard Profiles'!$G$20=$B$17,14,0)+IF('Standard Profiles'!$G$20=$B$24,21,0),0)),0)</f>
        <v>0</v>
      </c>
      <c r="G6322" cm="1">
        <f t="array" ref="G6322">IFERROR(INDEX(Jesper!AK$2:AK$366,ROUNDDOWN($C6322/24,0)+1,1)*INDEX($D$3:$AA$30,INDEX(Jesper!$R$2:$R$366,ROW(INDEX(Jesper!AK$2:AK$366,ROUNDDOWN($C6322/24,0)+1,1))-1)+IF('Standard Profiles'!$G$21=$B$10,7,0)+IF('Standard Profiles'!$G$21=$B$17,14,0)+IF('Standard Profiles'!$G$21=$B$24,21,0),MOD($C6322,24)+1)/SUM(INDEX($D$3:$AA$30,INDEX(Jesper!$R$2:$R$366,ROW(INDEX(Jesper!AK$2:AK$366,ROUNDDOWN($C6322/24,0)+1,1))-1)+IF('Standard Profiles'!$G$21=$B$10,7,0)+IF('Standard Profiles'!$G$21=$B$17,14,0)+IF('Standard Profiles'!$G$21=$B$24,21,0),0)),0)</f>
        <v>0</v>
      </c>
      <c r="H6322" cm="1">
        <f t="array" ref="H6322">IFERROR(INDEX(Jesper!AL$2:AL$366,ROUNDDOWN($C6322/24,0)+1,1)*INDEX($D$3:$AA$30,INDEX(Jesper!$R$2:$R$366,ROW(INDEX(Jesper!AL$2:AL$366,ROUNDDOWN($C6322/24,0)+1,1))-1)+IF('Standard Profiles'!$G$22=$B$10,7,0)+IF('Standard Profiles'!$G$22=$B$17,14,0)+IF('Standard Profiles'!$G$22=$B$24,21,0),MOD($C6322,24)+1)/SUM(INDEX($D$3:$AA$30,INDEX(Jesper!$R$2:$R$366,ROW(INDEX(Jesper!AL$2:AL$366,ROUNDDOWN($C6322/24,0)+1,1))-1)+IF('Standard Profiles'!$G$22=$B$10,7,0)+IF('Standard Profiles'!$G$22=$B$17,14,0)+IF('Standard Profiles'!$G$22=$B$24,21,0),0)),0)</f>
        <v>0</v>
      </c>
      <c r="I6322">
        <f t="shared" si="706"/>
        <v>0.21397922317476456</v>
      </c>
      <c r="J6322">
        <f t="shared" si="707"/>
        <v>0.71326407724921526</v>
      </c>
      <c r="K6322">
        <f t="shared" si="708"/>
        <v>1.0698961158738227</v>
      </c>
      <c r="L6322">
        <f t="shared" si="709"/>
        <v>5.1355013561943492</v>
      </c>
      <c r="M6322">
        <f t="shared" si="710"/>
        <v>0</v>
      </c>
      <c r="N6322" s="46">
        <f t="shared" si="711"/>
        <v>45553.99999998475</v>
      </c>
    </row>
    <row r="6323" spans="2:14" x14ac:dyDescent="0.3">
      <c r="B6323">
        <f t="shared" si="705"/>
        <v>4</v>
      </c>
      <c r="C6323" s="16">
        <v>6289</v>
      </c>
      <c r="D6323" cm="1">
        <f t="array" ref="D6323">IFERROR(INDEX(Jesper!AH$2:AH$366,ROUNDDOWN($C6323/24,0)+1,1)*INDEX($D$3:$AA$30,INDEX(Jesper!$R$2:$R$366,ROW(INDEX(Jesper!AH$2:AH$366,ROUNDDOWN($C6323/24,0)+1,1))-1)+IF('Standard Profiles'!$G$18=$B$10,7,0)+IF('Standard Profiles'!$G$18=$B$17,14,0)+IF('Standard Profiles'!$G$18=$B$24,21,0),MOD($C6323,24)+1)/SUM(INDEX($D$3:$AA$30,INDEX(Jesper!$R$2:$R$366,ROW(INDEX(Jesper!AH$2:AH$366,ROUNDDOWN($C6323/24,0)+1,1))-1)+IF('Standard Profiles'!$G$18=$B$10,7,0)+IF('Standard Profiles'!$G$18=$B$17,14,0)+IF('Standard Profiles'!$G$18=$B$24,21,0),0)),0)</f>
        <v>7.1326407724921523</v>
      </c>
      <c r="E6323" cm="1">
        <f t="array" ref="E6323">IFERROR(INDEX(Jesper!AI$2:AI$366,ROUNDDOWN($C6323/24,0)+1,1)*INDEX($D$3:$AA$30,INDEX(Jesper!$R$2:$R$366,ROW(INDEX(Jesper!AI$2:AI$366,ROUNDDOWN($C6323/24,0)+1,1))-1)+IF('Standard Profiles'!$G$19=$B$10,7,0)+IF('Standard Profiles'!$G$19=$B$17,14,0)+IF('Standard Profiles'!$G$19=$B$24,21,0),MOD($C6323,24)+1)/SUM(INDEX($D$3:$AA$30,INDEX(Jesper!$R$2:$R$366,ROW(INDEX(Jesper!AI$2:AI$366,ROUNDDOWN($C6323/24,0)+1,1))-1)+IF('Standard Profiles'!$G$19=$B$10,7,0)+IF('Standard Profiles'!$G$19=$B$17,14,0)+IF('Standard Profiles'!$G$19=$B$24,21,0),0)),0)</f>
        <v>0</v>
      </c>
      <c r="F6323" cm="1">
        <f t="array" ref="F6323">IFERROR(INDEX(Jesper!AJ$2:AJ$366,ROUNDDOWN($C6323/24,0)+1,1)*INDEX($D$3:$AA$30,INDEX(Jesper!$R$2:$R$366,ROW(INDEX(Jesper!AJ$2:AJ$366,ROUNDDOWN($C6323/24,0)+1,1))-1)+IF('Standard Profiles'!$G$20=$B$10,7,0)+IF('Standard Profiles'!$G$20=$B$17,14,0)+IF('Standard Profiles'!$G$20=$B$24,21,0),MOD($C6323,24)+1)/SUM(INDEX($D$3:$AA$30,INDEX(Jesper!$R$2:$R$366,ROW(INDEX(Jesper!AJ$2:AJ$366,ROUNDDOWN($C6323/24,0)+1,1))-1)+IF('Standard Profiles'!$G$20=$B$10,7,0)+IF('Standard Profiles'!$G$20=$B$17,14,0)+IF('Standard Profiles'!$G$20=$B$24,21,0),0)),0)</f>
        <v>0</v>
      </c>
      <c r="G6323" cm="1">
        <f t="array" ref="G6323">IFERROR(INDEX(Jesper!AK$2:AK$366,ROUNDDOWN($C6323/24,0)+1,1)*INDEX($D$3:$AA$30,INDEX(Jesper!$R$2:$R$366,ROW(INDEX(Jesper!AK$2:AK$366,ROUNDDOWN($C6323/24,0)+1,1))-1)+IF('Standard Profiles'!$G$21=$B$10,7,0)+IF('Standard Profiles'!$G$21=$B$17,14,0)+IF('Standard Profiles'!$G$21=$B$24,21,0),MOD($C6323,24)+1)/SUM(INDEX($D$3:$AA$30,INDEX(Jesper!$R$2:$R$366,ROW(INDEX(Jesper!AK$2:AK$366,ROUNDDOWN($C6323/24,0)+1,1))-1)+IF('Standard Profiles'!$G$21=$B$10,7,0)+IF('Standard Profiles'!$G$21=$B$17,14,0)+IF('Standard Profiles'!$G$21=$B$24,21,0),0)),0)</f>
        <v>0</v>
      </c>
      <c r="H6323" cm="1">
        <f t="array" ref="H6323">IFERROR(INDEX(Jesper!AL$2:AL$366,ROUNDDOWN($C6323/24,0)+1,1)*INDEX($D$3:$AA$30,INDEX(Jesper!$R$2:$R$366,ROW(INDEX(Jesper!AL$2:AL$366,ROUNDDOWN($C6323/24,0)+1,1))-1)+IF('Standard Profiles'!$G$22=$B$10,7,0)+IF('Standard Profiles'!$G$22=$B$17,14,0)+IF('Standard Profiles'!$G$22=$B$24,21,0),MOD($C6323,24)+1)/SUM(INDEX($D$3:$AA$30,INDEX(Jesper!$R$2:$R$366,ROW(INDEX(Jesper!AL$2:AL$366,ROUNDDOWN($C6323/24,0)+1,1))-1)+IF('Standard Profiles'!$G$22=$B$10,7,0)+IF('Standard Profiles'!$G$22=$B$17,14,0)+IF('Standard Profiles'!$G$22=$B$24,21,0),0)),0)</f>
        <v>0</v>
      </c>
      <c r="I6323">
        <f t="shared" si="706"/>
        <v>0.21397922317476456</v>
      </c>
      <c r="J6323">
        <f t="shared" si="707"/>
        <v>0.71326407724921526</v>
      </c>
      <c r="K6323">
        <f t="shared" si="708"/>
        <v>1.0698961158738227</v>
      </c>
      <c r="L6323">
        <f t="shared" si="709"/>
        <v>5.1355013561943492</v>
      </c>
      <c r="M6323">
        <f t="shared" si="710"/>
        <v>0</v>
      </c>
      <c r="N6323" s="46">
        <f t="shared" si="711"/>
        <v>45554.041666651414</v>
      </c>
    </row>
    <row r="6324" spans="2:14" x14ac:dyDescent="0.3">
      <c r="B6324">
        <f t="shared" si="705"/>
        <v>4</v>
      </c>
      <c r="C6324" s="16">
        <v>6290</v>
      </c>
      <c r="D6324" cm="1">
        <f t="array" ref="D6324">IFERROR(INDEX(Jesper!AH$2:AH$366,ROUNDDOWN($C6324/24,0)+1,1)*INDEX($D$3:$AA$30,INDEX(Jesper!$R$2:$R$366,ROW(INDEX(Jesper!AH$2:AH$366,ROUNDDOWN($C6324/24,0)+1,1))-1)+IF('Standard Profiles'!$G$18=$B$10,7,0)+IF('Standard Profiles'!$G$18=$B$17,14,0)+IF('Standard Profiles'!$G$18=$B$24,21,0),MOD($C6324,24)+1)/SUM(INDEX($D$3:$AA$30,INDEX(Jesper!$R$2:$R$366,ROW(INDEX(Jesper!AH$2:AH$366,ROUNDDOWN($C6324/24,0)+1,1))-1)+IF('Standard Profiles'!$G$18=$B$10,7,0)+IF('Standard Profiles'!$G$18=$B$17,14,0)+IF('Standard Profiles'!$G$18=$B$24,21,0),0)),0)</f>
        <v>7.1326407724921523</v>
      </c>
      <c r="E6324" cm="1">
        <f t="array" ref="E6324">IFERROR(INDEX(Jesper!AI$2:AI$366,ROUNDDOWN($C6324/24,0)+1,1)*INDEX($D$3:$AA$30,INDEX(Jesper!$R$2:$R$366,ROW(INDEX(Jesper!AI$2:AI$366,ROUNDDOWN($C6324/24,0)+1,1))-1)+IF('Standard Profiles'!$G$19=$B$10,7,0)+IF('Standard Profiles'!$G$19=$B$17,14,0)+IF('Standard Profiles'!$G$19=$B$24,21,0),MOD($C6324,24)+1)/SUM(INDEX($D$3:$AA$30,INDEX(Jesper!$R$2:$R$366,ROW(INDEX(Jesper!AI$2:AI$366,ROUNDDOWN($C6324/24,0)+1,1))-1)+IF('Standard Profiles'!$G$19=$B$10,7,0)+IF('Standard Profiles'!$G$19=$B$17,14,0)+IF('Standard Profiles'!$G$19=$B$24,21,0),0)),0)</f>
        <v>0</v>
      </c>
      <c r="F6324" cm="1">
        <f t="array" ref="F6324">IFERROR(INDEX(Jesper!AJ$2:AJ$366,ROUNDDOWN($C6324/24,0)+1,1)*INDEX($D$3:$AA$30,INDEX(Jesper!$R$2:$R$366,ROW(INDEX(Jesper!AJ$2:AJ$366,ROUNDDOWN($C6324/24,0)+1,1))-1)+IF('Standard Profiles'!$G$20=$B$10,7,0)+IF('Standard Profiles'!$G$20=$B$17,14,0)+IF('Standard Profiles'!$G$20=$B$24,21,0),MOD($C6324,24)+1)/SUM(INDEX($D$3:$AA$30,INDEX(Jesper!$R$2:$R$366,ROW(INDEX(Jesper!AJ$2:AJ$366,ROUNDDOWN($C6324/24,0)+1,1))-1)+IF('Standard Profiles'!$G$20=$B$10,7,0)+IF('Standard Profiles'!$G$20=$B$17,14,0)+IF('Standard Profiles'!$G$20=$B$24,21,0),0)),0)</f>
        <v>0</v>
      </c>
      <c r="G6324" cm="1">
        <f t="array" ref="G6324">IFERROR(INDEX(Jesper!AK$2:AK$366,ROUNDDOWN($C6324/24,0)+1,1)*INDEX($D$3:$AA$30,INDEX(Jesper!$R$2:$R$366,ROW(INDEX(Jesper!AK$2:AK$366,ROUNDDOWN($C6324/24,0)+1,1))-1)+IF('Standard Profiles'!$G$21=$B$10,7,0)+IF('Standard Profiles'!$G$21=$B$17,14,0)+IF('Standard Profiles'!$G$21=$B$24,21,0),MOD($C6324,24)+1)/SUM(INDEX($D$3:$AA$30,INDEX(Jesper!$R$2:$R$366,ROW(INDEX(Jesper!AK$2:AK$366,ROUNDDOWN($C6324/24,0)+1,1))-1)+IF('Standard Profiles'!$G$21=$B$10,7,0)+IF('Standard Profiles'!$G$21=$B$17,14,0)+IF('Standard Profiles'!$G$21=$B$24,21,0),0)),0)</f>
        <v>0</v>
      </c>
      <c r="H6324" cm="1">
        <f t="array" ref="H6324">IFERROR(INDEX(Jesper!AL$2:AL$366,ROUNDDOWN($C6324/24,0)+1,1)*INDEX($D$3:$AA$30,INDEX(Jesper!$R$2:$R$366,ROW(INDEX(Jesper!AL$2:AL$366,ROUNDDOWN($C6324/24,0)+1,1))-1)+IF('Standard Profiles'!$G$22=$B$10,7,0)+IF('Standard Profiles'!$G$22=$B$17,14,0)+IF('Standard Profiles'!$G$22=$B$24,21,0),MOD($C6324,24)+1)/SUM(INDEX($D$3:$AA$30,INDEX(Jesper!$R$2:$R$366,ROW(INDEX(Jesper!AL$2:AL$366,ROUNDDOWN($C6324/24,0)+1,1))-1)+IF('Standard Profiles'!$G$22=$B$10,7,0)+IF('Standard Profiles'!$G$22=$B$17,14,0)+IF('Standard Profiles'!$G$22=$B$24,21,0),0)),0)</f>
        <v>0</v>
      </c>
      <c r="I6324">
        <f t="shared" si="706"/>
        <v>0.21397922317476456</v>
      </c>
      <c r="J6324">
        <f t="shared" si="707"/>
        <v>0.71326407724921526</v>
      </c>
      <c r="K6324">
        <f t="shared" si="708"/>
        <v>1.0698961158738227</v>
      </c>
      <c r="L6324">
        <f t="shared" si="709"/>
        <v>5.1355013561943492</v>
      </c>
      <c r="M6324">
        <f t="shared" si="710"/>
        <v>0</v>
      </c>
      <c r="N6324" s="46">
        <f t="shared" si="711"/>
        <v>45554.083333318078</v>
      </c>
    </row>
    <row r="6325" spans="2:14" x14ac:dyDescent="0.3">
      <c r="B6325">
        <f t="shared" si="705"/>
        <v>4</v>
      </c>
      <c r="C6325" s="16">
        <v>6291</v>
      </c>
      <c r="D6325" cm="1">
        <f t="array" ref="D6325">IFERROR(INDEX(Jesper!AH$2:AH$366,ROUNDDOWN($C6325/24,0)+1,1)*INDEX($D$3:$AA$30,INDEX(Jesper!$R$2:$R$366,ROW(INDEX(Jesper!AH$2:AH$366,ROUNDDOWN($C6325/24,0)+1,1))-1)+IF('Standard Profiles'!$G$18=$B$10,7,0)+IF('Standard Profiles'!$G$18=$B$17,14,0)+IF('Standard Profiles'!$G$18=$B$24,21,0),MOD($C6325,24)+1)/SUM(INDEX($D$3:$AA$30,INDEX(Jesper!$R$2:$R$366,ROW(INDEX(Jesper!AH$2:AH$366,ROUNDDOWN($C6325/24,0)+1,1))-1)+IF('Standard Profiles'!$G$18=$B$10,7,0)+IF('Standard Profiles'!$G$18=$B$17,14,0)+IF('Standard Profiles'!$G$18=$B$24,21,0),0)),0)</f>
        <v>7.1326407724921523</v>
      </c>
      <c r="E6325" cm="1">
        <f t="array" ref="E6325">IFERROR(INDEX(Jesper!AI$2:AI$366,ROUNDDOWN($C6325/24,0)+1,1)*INDEX($D$3:$AA$30,INDEX(Jesper!$R$2:$R$366,ROW(INDEX(Jesper!AI$2:AI$366,ROUNDDOWN($C6325/24,0)+1,1))-1)+IF('Standard Profiles'!$G$19=$B$10,7,0)+IF('Standard Profiles'!$G$19=$B$17,14,0)+IF('Standard Profiles'!$G$19=$B$24,21,0),MOD($C6325,24)+1)/SUM(INDEX($D$3:$AA$30,INDEX(Jesper!$R$2:$R$366,ROW(INDEX(Jesper!AI$2:AI$366,ROUNDDOWN($C6325/24,0)+1,1))-1)+IF('Standard Profiles'!$G$19=$B$10,7,0)+IF('Standard Profiles'!$G$19=$B$17,14,0)+IF('Standard Profiles'!$G$19=$B$24,21,0),0)),0)</f>
        <v>0</v>
      </c>
      <c r="F6325" cm="1">
        <f t="array" ref="F6325">IFERROR(INDEX(Jesper!AJ$2:AJ$366,ROUNDDOWN($C6325/24,0)+1,1)*INDEX($D$3:$AA$30,INDEX(Jesper!$R$2:$R$366,ROW(INDEX(Jesper!AJ$2:AJ$366,ROUNDDOWN($C6325/24,0)+1,1))-1)+IF('Standard Profiles'!$G$20=$B$10,7,0)+IF('Standard Profiles'!$G$20=$B$17,14,0)+IF('Standard Profiles'!$G$20=$B$24,21,0),MOD($C6325,24)+1)/SUM(INDEX($D$3:$AA$30,INDEX(Jesper!$R$2:$R$366,ROW(INDEX(Jesper!AJ$2:AJ$366,ROUNDDOWN($C6325/24,0)+1,1))-1)+IF('Standard Profiles'!$G$20=$B$10,7,0)+IF('Standard Profiles'!$G$20=$B$17,14,0)+IF('Standard Profiles'!$G$20=$B$24,21,0),0)),0)</f>
        <v>0</v>
      </c>
      <c r="G6325" cm="1">
        <f t="array" ref="G6325">IFERROR(INDEX(Jesper!AK$2:AK$366,ROUNDDOWN($C6325/24,0)+1,1)*INDEX($D$3:$AA$30,INDEX(Jesper!$R$2:$R$366,ROW(INDEX(Jesper!AK$2:AK$366,ROUNDDOWN($C6325/24,0)+1,1))-1)+IF('Standard Profiles'!$G$21=$B$10,7,0)+IF('Standard Profiles'!$G$21=$B$17,14,0)+IF('Standard Profiles'!$G$21=$B$24,21,0),MOD($C6325,24)+1)/SUM(INDEX($D$3:$AA$30,INDEX(Jesper!$R$2:$R$366,ROW(INDEX(Jesper!AK$2:AK$366,ROUNDDOWN($C6325/24,0)+1,1))-1)+IF('Standard Profiles'!$G$21=$B$10,7,0)+IF('Standard Profiles'!$G$21=$B$17,14,0)+IF('Standard Profiles'!$G$21=$B$24,21,0),0)),0)</f>
        <v>0</v>
      </c>
      <c r="H6325" cm="1">
        <f t="array" ref="H6325">IFERROR(INDEX(Jesper!AL$2:AL$366,ROUNDDOWN($C6325/24,0)+1,1)*INDEX($D$3:$AA$30,INDEX(Jesper!$R$2:$R$366,ROW(INDEX(Jesper!AL$2:AL$366,ROUNDDOWN($C6325/24,0)+1,1))-1)+IF('Standard Profiles'!$G$22=$B$10,7,0)+IF('Standard Profiles'!$G$22=$B$17,14,0)+IF('Standard Profiles'!$G$22=$B$24,21,0),MOD($C6325,24)+1)/SUM(INDEX($D$3:$AA$30,INDEX(Jesper!$R$2:$R$366,ROW(INDEX(Jesper!AL$2:AL$366,ROUNDDOWN($C6325/24,0)+1,1))-1)+IF('Standard Profiles'!$G$22=$B$10,7,0)+IF('Standard Profiles'!$G$22=$B$17,14,0)+IF('Standard Profiles'!$G$22=$B$24,21,0),0)),0)</f>
        <v>0</v>
      </c>
      <c r="I6325">
        <f t="shared" si="706"/>
        <v>0.21397922317476456</v>
      </c>
      <c r="J6325">
        <f t="shared" si="707"/>
        <v>0.71326407724921526</v>
      </c>
      <c r="K6325">
        <f t="shared" si="708"/>
        <v>1.0698961158738227</v>
      </c>
      <c r="L6325">
        <f t="shared" si="709"/>
        <v>5.1355013561943492</v>
      </c>
      <c r="M6325">
        <f t="shared" si="710"/>
        <v>0</v>
      </c>
      <c r="N6325" s="46">
        <f t="shared" si="711"/>
        <v>45554.124999984742</v>
      </c>
    </row>
    <row r="6326" spans="2:14" x14ac:dyDescent="0.3">
      <c r="B6326">
        <f t="shared" si="705"/>
        <v>4</v>
      </c>
      <c r="C6326" s="16">
        <v>6292</v>
      </c>
      <c r="D6326" cm="1">
        <f t="array" ref="D6326">IFERROR(INDEX(Jesper!AH$2:AH$366,ROUNDDOWN($C6326/24,0)+1,1)*INDEX($D$3:$AA$30,INDEX(Jesper!$R$2:$R$366,ROW(INDEX(Jesper!AH$2:AH$366,ROUNDDOWN($C6326/24,0)+1,1))-1)+IF('Standard Profiles'!$G$18=$B$10,7,0)+IF('Standard Profiles'!$G$18=$B$17,14,0)+IF('Standard Profiles'!$G$18=$B$24,21,0),MOD($C6326,24)+1)/SUM(INDEX($D$3:$AA$30,INDEX(Jesper!$R$2:$R$366,ROW(INDEX(Jesper!AH$2:AH$366,ROUNDDOWN($C6326/24,0)+1,1))-1)+IF('Standard Profiles'!$G$18=$B$10,7,0)+IF('Standard Profiles'!$G$18=$B$17,14,0)+IF('Standard Profiles'!$G$18=$B$24,21,0),0)),0)</f>
        <v>7.1326407724921523</v>
      </c>
      <c r="E6326" cm="1">
        <f t="array" ref="E6326">IFERROR(INDEX(Jesper!AI$2:AI$366,ROUNDDOWN($C6326/24,0)+1,1)*INDEX($D$3:$AA$30,INDEX(Jesper!$R$2:$R$366,ROW(INDEX(Jesper!AI$2:AI$366,ROUNDDOWN($C6326/24,0)+1,1))-1)+IF('Standard Profiles'!$G$19=$B$10,7,0)+IF('Standard Profiles'!$G$19=$B$17,14,0)+IF('Standard Profiles'!$G$19=$B$24,21,0),MOD($C6326,24)+1)/SUM(INDEX($D$3:$AA$30,INDEX(Jesper!$R$2:$R$366,ROW(INDEX(Jesper!AI$2:AI$366,ROUNDDOWN($C6326/24,0)+1,1))-1)+IF('Standard Profiles'!$G$19=$B$10,7,0)+IF('Standard Profiles'!$G$19=$B$17,14,0)+IF('Standard Profiles'!$G$19=$B$24,21,0),0)),0)</f>
        <v>0</v>
      </c>
      <c r="F6326" cm="1">
        <f t="array" ref="F6326">IFERROR(INDEX(Jesper!AJ$2:AJ$366,ROUNDDOWN($C6326/24,0)+1,1)*INDEX($D$3:$AA$30,INDEX(Jesper!$R$2:$R$366,ROW(INDEX(Jesper!AJ$2:AJ$366,ROUNDDOWN($C6326/24,0)+1,1))-1)+IF('Standard Profiles'!$G$20=$B$10,7,0)+IF('Standard Profiles'!$G$20=$B$17,14,0)+IF('Standard Profiles'!$G$20=$B$24,21,0),MOD($C6326,24)+1)/SUM(INDEX($D$3:$AA$30,INDEX(Jesper!$R$2:$R$366,ROW(INDEX(Jesper!AJ$2:AJ$366,ROUNDDOWN($C6326/24,0)+1,1))-1)+IF('Standard Profiles'!$G$20=$B$10,7,0)+IF('Standard Profiles'!$G$20=$B$17,14,0)+IF('Standard Profiles'!$G$20=$B$24,21,0),0)),0)</f>
        <v>0</v>
      </c>
      <c r="G6326" cm="1">
        <f t="array" ref="G6326">IFERROR(INDEX(Jesper!AK$2:AK$366,ROUNDDOWN($C6326/24,0)+1,1)*INDEX($D$3:$AA$30,INDEX(Jesper!$R$2:$R$366,ROW(INDEX(Jesper!AK$2:AK$366,ROUNDDOWN($C6326/24,0)+1,1))-1)+IF('Standard Profiles'!$G$21=$B$10,7,0)+IF('Standard Profiles'!$G$21=$B$17,14,0)+IF('Standard Profiles'!$G$21=$B$24,21,0),MOD($C6326,24)+1)/SUM(INDEX($D$3:$AA$30,INDEX(Jesper!$R$2:$R$366,ROW(INDEX(Jesper!AK$2:AK$366,ROUNDDOWN($C6326/24,0)+1,1))-1)+IF('Standard Profiles'!$G$21=$B$10,7,0)+IF('Standard Profiles'!$G$21=$B$17,14,0)+IF('Standard Profiles'!$G$21=$B$24,21,0),0)),0)</f>
        <v>0</v>
      </c>
      <c r="H6326" cm="1">
        <f t="array" ref="H6326">IFERROR(INDEX(Jesper!AL$2:AL$366,ROUNDDOWN($C6326/24,0)+1,1)*INDEX($D$3:$AA$30,INDEX(Jesper!$R$2:$R$366,ROW(INDEX(Jesper!AL$2:AL$366,ROUNDDOWN($C6326/24,0)+1,1))-1)+IF('Standard Profiles'!$G$22=$B$10,7,0)+IF('Standard Profiles'!$G$22=$B$17,14,0)+IF('Standard Profiles'!$G$22=$B$24,21,0),MOD($C6326,24)+1)/SUM(INDEX($D$3:$AA$30,INDEX(Jesper!$R$2:$R$366,ROW(INDEX(Jesper!AL$2:AL$366,ROUNDDOWN($C6326/24,0)+1,1))-1)+IF('Standard Profiles'!$G$22=$B$10,7,0)+IF('Standard Profiles'!$G$22=$B$17,14,0)+IF('Standard Profiles'!$G$22=$B$24,21,0),0)),0)</f>
        <v>0</v>
      </c>
      <c r="I6326">
        <f t="shared" si="706"/>
        <v>0.21397922317476456</v>
      </c>
      <c r="J6326">
        <f t="shared" si="707"/>
        <v>0.71326407724921526</v>
      </c>
      <c r="K6326">
        <f t="shared" si="708"/>
        <v>1.0698961158738227</v>
      </c>
      <c r="L6326">
        <f t="shared" si="709"/>
        <v>5.1355013561943492</v>
      </c>
      <c r="M6326">
        <f t="shared" si="710"/>
        <v>0</v>
      </c>
      <c r="N6326" s="46">
        <f t="shared" si="711"/>
        <v>45554.166666651407</v>
      </c>
    </row>
    <row r="6327" spans="2:14" x14ac:dyDescent="0.3">
      <c r="B6327">
        <f t="shared" si="705"/>
        <v>4</v>
      </c>
      <c r="C6327" s="16">
        <v>6293</v>
      </c>
      <c r="D6327" cm="1">
        <f t="array" ref="D6327">IFERROR(INDEX(Jesper!AH$2:AH$366,ROUNDDOWN($C6327/24,0)+1,1)*INDEX($D$3:$AA$30,INDEX(Jesper!$R$2:$R$366,ROW(INDEX(Jesper!AH$2:AH$366,ROUNDDOWN($C6327/24,0)+1,1))-1)+IF('Standard Profiles'!$G$18=$B$10,7,0)+IF('Standard Profiles'!$G$18=$B$17,14,0)+IF('Standard Profiles'!$G$18=$B$24,21,0),MOD($C6327,24)+1)/SUM(INDEX($D$3:$AA$30,INDEX(Jesper!$R$2:$R$366,ROW(INDEX(Jesper!AH$2:AH$366,ROUNDDOWN($C6327/24,0)+1,1))-1)+IF('Standard Profiles'!$G$18=$B$10,7,0)+IF('Standard Profiles'!$G$18=$B$17,14,0)+IF('Standard Profiles'!$G$18=$B$24,21,0),0)),0)</f>
        <v>9.1931814401009966</v>
      </c>
      <c r="E6327" cm="1">
        <f t="array" ref="E6327">IFERROR(INDEX(Jesper!AI$2:AI$366,ROUNDDOWN($C6327/24,0)+1,1)*INDEX($D$3:$AA$30,INDEX(Jesper!$R$2:$R$366,ROW(INDEX(Jesper!AI$2:AI$366,ROUNDDOWN($C6327/24,0)+1,1))-1)+IF('Standard Profiles'!$G$19=$B$10,7,0)+IF('Standard Profiles'!$G$19=$B$17,14,0)+IF('Standard Profiles'!$G$19=$B$24,21,0),MOD($C6327,24)+1)/SUM(INDEX($D$3:$AA$30,INDEX(Jesper!$R$2:$R$366,ROW(INDEX(Jesper!AI$2:AI$366,ROUNDDOWN($C6327/24,0)+1,1))-1)+IF('Standard Profiles'!$G$19=$B$10,7,0)+IF('Standard Profiles'!$G$19=$B$17,14,0)+IF('Standard Profiles'!$G$19=$B$24,21,0),0)),0)</f>
        <v>0</v>
      </c>
      <c r="F6327" cm="1">
        <f t="array" ref="F6327">IFERROR(INDEX(Jesper!AJ$2:AJ$366,ROUNDDOWN($C6327/24,0)+1,1)*INDEX($D$3:$AA$30,INDEX(Jesper!$R$2:$R$366,ROW(INDEX(Jesper!AJ$2:AJ$366,ROUNDDOWN($C6327/24,0)+1,1))-1)+IF('Standard Profiles'!$G$20=$B$10,7,0)+IF('Standard Profiles'!$G$20=$B$17,14,0)+IF('Standard Profiles'!$G$20=$B$24,21,0),MOD($C6327,24)+1)/SUM(INDEX($D$3:$AA$30,INDEX(Jesper!$R$2:$R$366,ROW(INDEX(Jesper!AJ$2:AJ$366,ROUNDDOWN($C6327/24,0)+1,1))-1)+IF('Standard Profiles'!$G$20=$B$10,7,0)+IF('Standard Profiles'!$G$20=$B$17,14,0)+IF('Standard Profiles'!$G$20=$B$24,21,0),0)),0)</f>
        <v>0</v>
      </c>
      <c r="G6327" cm="1">
        <f t="array" ref="G6327">IFERROR(INDEX(Jesper!AK$2:AK$366,ROUNDDOWN($C6327/24,0)+1,1)*INDEX($D$3:$AA$30,INDEX(Jesper!$R$2:$R$366,ROW(INDEX(Jesper!AK$2:AK$366,ROUNDDOWN($C6327/24,0)+1,1))-1)+IF('Standard Profiles'!$G$21=$B$10,7,0)+IF('Standard Profiles'!$G$21=$B$17,14,0)+IF('Standard Profiles'!$G$21=$B$24,21,0),MOD($C6327,24)+1)/SUM(INDEX($D$3:$AA$30,INDEX(Jesper!$R$2:$R$366,ROW(INDEX(Jesper!AK$2:AK$366,ROUNDDOWN($C6327/24,0)+1,1))-1)+IF('Standard Profiles'!$G$21=$B$10,7,0)+IF('Standard Profiles'!$G$21=$B$17,14,0)+IF('Standard Profiles'!$G$21=$B$24,21,0),0)),0)</f>
        <v>0</v>
      </c>
      <c r="H6327" cm="1">
        <f t="array" ref="H6327">IFERROR(INDEX(Jesper!AL$2:AL$366,ROUNDDOWN($C6327/24,0)+1,1)*INDEX($D$3:$AA$30,INDEX(Jesper!$R$2:$R$366,ROW(INDEX(Jesper!AL$2:AL$366,ROUNDDOWN($C6327/24,0)+1,1))-1)+IF('Standard Profiles'!$G$22=$B$10,7,0)+IF('Standard Profiles'!$G$22=$B$17,14,0)+IF('Standard Profiles'!$G$22=$B$24,21,0),MOD($C6327,24)+1)/SUM(INDEX($D$3:$AA$30,INDEX(Jesper!$R$2:$R$366,ROW(INDEX(Jesper!AL$2:AL$366,ROUNDDOWN($C6327/24,0)+1,1))-1)+IF('Standard Profiles'!$G$22=$B$10,7,0)+IF('Standard Profiles'!$G$22=$B$17,14,0)+IF('Standard Profiles'!$G$22=$B$24,21,0),0)),0)</f>
        <v>0</v>
      </c>
      <c r="I6327">
        <f t="shared" si="706"/>
        <v>0.2757954432030299</v>
      </c>
      <c r="J6327">
        <f t="shared" si="707"/>
        <v>0.9193181440100997</v>
      </c>
      <c r="K6327">
        <f t="shared" si="708"/>
        <v>1.3789772160151494</v>
      </c>
      <c r="L6327">
        <f t="shared" si="709"/>
        <v>6.6190906368727171</v>
      </c>
      <c r="M6327">
        <f t="shared" si="710"/>
        <v>0</v>
      </c>
      <c r="N6327" s="46">
        <f t="shared" si="711"/>
        <v>45554.208333318071</v>
      </c>
    </row>
    <row r="6328" spans="2:14" x14ac:dyDescent="0.3">
      <c r="B6328">
        <f t="shared" si="705"/>
        <v>4</v>
      </c>
      <c r="C6328" s="16">
        <v>6294</v>
      </c>
      <c r="D6328" cm="1">
        <f t="array" ref="D6328">IFERROR(INDEX(Jesper!AH$2:AH$366,ROUNDDOWN($C6328/24,0)+1,1)*INDEX($D$3:$AA$30,INDEX(Jesper!$R$2:$R$366,ROW(INDEX(Jesper!AH$2:AH$366,ROUNDDOWN($C6328/24,0)+1,1))-1)+IF('Standard Profiles'!$G$18=$B$10,7,0)+IF('Standard Profiles'!$G$18=$B$17,14,0)+IF('Standard Profiles'!$G$18=$B$24,21,0),MOD($C6328,24)+1)/SUM(INDEX($D$3:$AA$30,INDEX(Jesper!$R$2:$R$366,ROW(INDEX(Jesper!AH$2:AH$366,ROUNDDOWN($C6328/24,0)+1,1))-1)+IF('Standard Profiles'!$G$18=$B$10,7,0)+IF('Standard Profiles'!$G$18=$B$17,14,0)+IF('Standard Profiles'!$G$18=$B$24,21,0),0)),0)</f>
        <v>10.619709594599428</v>
      </c>
      <c r="E6328" cm="1">
        <f t="array" ref="E6328">IFERROR(INDEX(Jesper!AI$2:AI$366,ROUNDDOWN($C6328/24,0)+1,1)*INDEX($D$3:$AA$30,INDEX(Jesper!$R$2:$R$366,ROW(INDEX(Jesper!AI$2:AI$366,ROUNDDOWN($C6328/24,0)+1,1))-1)+IF('Standard Profiles'!$G$19=$B$10,7,0)+IF('Standard Profiles'!$G$19=$B$17,14,0)+IF('Standard Profiles'!$G$19=$B$24,21,0),MOD($C6328,24)+1)/SUM(INDEX($D$3:$AA$30,INDEX(Jesper!$R$2:$R$366,ROW(INDEX(Jesper!AI$2:AI$366,ROUNDDOWN($C6328/24,0)+1,1))-1)+IF('Standard Profiles'!$G$19=$B$10,7,0)+IF('Standard Profiles'!$G$19=$B$17,14,0)+IF('Standard Profiles'!$G$19=$B$24,21,0),0)),0)</f>
        <v>0</v>
      </c>
      <c r="F6328" cm="1">
        <f t="array" ref="F6328">IFERROR(INDEX(Jesper!AJ$2:AJ$366,ROUNDDOWN($C6328/24,0)+1,1)*INDEX($D$3:$AA$30,INDEX(Jesper!$R$2:$R$366,ROW(INDEX(Jesper!AJ$2:AJ$366,ROUNDDOWN($C6328/24,0)+1,1))-1)+IF('Standard Profiles'!$G$20=$B$10,7,0)+IF('Standard Profiles'!$G$20=$B$17,14,0)+IF('Standard Profiles'!$G$20=$B$24,21,0),MOD($C6328,24)+1)/SUM(INDEX($D$3:$AA$30,INDEX(Jesper!$R$2:$R$366,ROW(INDEX(Jesper!AJ$2:AJ$366,ROUNDDOWN($C6328/24,0)+1,1))-1)+IF('Standard Profiles'!$G$20=$B$10,7,0)+IF('Standard Profiles'!$G$20=$B$17,14,0)+IF('Standard Profiles'!$G$20=$B$24,21,0),0)),0)</f>
        <v>0</v>
      </c>
      <c r="G6328" cm="1">
        <f t="array" ref="G6328">IFERROR(INDEX(Jesper!AK$2:AK$366,ROUNDDOWN($C6328/24,0)+1,1)*INDEX($D$3:$AA$30,INDEX(Jesper!$R$2:$R$366,ROW(INDEX(Jesper!AK$2:AK$366,ROUNDDOWN($C6328/24,0)+1,1))-1)+IF('Standard Profiles'!$G$21=$B$10,7,0)+IF('Standard Profiles'!$G$21=$B$17,14,0)+IF('Standard Profiles'!$G$21=$B$24,21,0),MOD($C6328,24)+1)/SUM(INDEX($D$3:$AA$30,INDEX(Jesper!$R$2:$R$366,ROW(INDEX(Jesper!AK$2:AK$366,ROUNDDOWN($C6328/24,0)+1,1))-1)+IF('Standard Profiles'!$G$21=$B$10,7,0)+IF('Standard Profiles'!$G$21=$B$17,14,0)+IF('Standard Profiles'!$G$21=$B$24,21,0),0)),0)</f>
        <v>0</v>
      </c>
      <c r="H6328" cm="1">
        <f t="array" ref="H6328">IFERROR(INDEX(Jesper!AL$2:AL$366,ROUNDDOWN($C6328/24,0)+1,1)*INDEX($D$3:$AA$30,INDEX(Jesper!$R$2:$R$366,ROW(INDEX(Jesper!AL$2:AL$366,ROUNDDOWN($C6328/24,0)+1,1))-1)+IF('Standard Profiles'!$G$22=$B$10,7,0)+IF('Standard Profiles'!$G$22=$B$17,14,0)+IF('Standard Profiles'!$G$22=$B$24,21,0),MOD($C6328,24)+1)/SUM(INDEX($D$3:$AA$30,INDEX(Jesper!$R$2:$R$366,ROW(INDEX(Jesper!AL$2:AL$366,ROUNDDOWN($C6328/24,0)+1,1))-1)+IF('Standard Profiles'!$G$22=$B$10,7,0)+IF('Standard Profiles'!$G$22=$B$17,14,0)+IF('Standard Profiles'!$G$22=$B$24,21,0),0)),0)</f>
        <v>0</v>
      </c>
      <c r="I6328">
        <f t="shared" si="706"/>
        <v>0.3185912878379828</v>
      </c>
      <c r="J6328">
        <f t="shared" si="707"/>
        <v>1.0619709594599429</v>
      </c>
      <c r="K6328">
        <f t="shared" si="708"/>
        <v>1.592956439189914</v>
      </c>
      <c r="L6328">
        <f t="shared" si="709"/>
        <v>7.6461909081115875</v>
      </c>
      <c r="M6328">
        <f t="shared" si="710"/>
        <v>0</v>
      </c>
      <c r="N6328" s="46">
        <f t="shared" si="711"/>
        <v>45554.249999984735</v>
      </c>
    </row>
    <row r="6329" spans="2:14" x14ac:dyDescent="0.3">
      <c r="B6329">
        <f t="shared" si="705"/>
        <v>4</v>
      </c>
      <c r="C6329" s="16">
        <v>6295</v>
      </c>
      <c r="D6329" cm="1">
        <f t="array" ref="D6329">IFERROR(INDEX(Jesper!AH$2:AH$366,ROUNDDOWN($C6329/24,0)+1,1)*INDEX($D$3:$AA$30,INDEX(Jesper!$R$2:$R$366,ROW(INDEX(Jesper!AH$2:AH$366,ROUNDDOWN($C6329/24,0)+1,1))-1)+IF('Standard Profiles'!$G$18=$B$10,7,0)+IF('Standard Profiles'!$G$18=$B$17,14,0)+IF('Standard Profiles'!$G$18=$B$24,21,0),MOD($C6329,24)+1)/SUM(INDEX($D$3:$AA$30,INDEX(Jesper!$R$2:$R$366,ROW(INDEX(Jesper!AH$2:AH$366,ROUNDDOWN($C6329/24,0)+1,1))-1)+IF('Standard Profiles'!$G$18=$B$10,7,0)+IF('Standard Profiles'!$G$18=$B$17,14,0)+IF('Standard Profiles'!$G$18=$B$24,21,0),0)),0)</f>
        <v>10.619709594599428</v>
      </c>
      <c r="E6329" cm="1">
        <f t="array" ref="E6329">IFERROR(INDEX(Jesper!AI$2:AI$366,ROUNDDOWN($C6329/24,0)+1,1)*INDEX($D$3:$AA$30,INDEX(Jesper!$R$2:$R$366,ROW(INDEX(Jesper!AI$2:AI$366,ROUNDDOWN($C6329/24,0)+1,1))-1)+IF('Standard Profiles'!$G$19=$B$10,7,0)+IF('Standard Profiles'!$G$19=$B$17,14,0)+IF('Standard Profiles'!$G$19=$B$24,21,0),MOD($C6329,24)+1)/SUM(INDEX($D$3:$AA$30,INDEX(Jesper!$R$2:$R$366,ROW(INDEX(Jesper!AI$2:AI$366,ROUNDDOWN($C6329/24,0)+1,1))-1)+IF('Standard Profiles'!$G$19=$B$10,7,0)+IF('Standard Profiles'!$G$19=$B$17,14,0)+IF('Standard Profiles'!$G$19=$B$24,21,0),0)),0)</f>
        <v>0</v>
      </c>
      <c r="F6329" cm="1">
        <f t="array" ref="F6329">IFERROR(INDEX(Jesper!AJ$2:AJ$366,ROUNDDOWN($C6329/24,0)+1,1)*INDEX($D$3:$AA$30,INDEX(Jesper!$R$2:$R$366,ROW(INDEX(Jesper!AJ$2:AJ$366,ROUNDDOWN($C6329/24,0)+1,1))-1)+IF('Standard Profiles'!$G$20=$B$10,7,0)+IF('Standard Profiles'!$G$20=$B$17,14,0)+IF('Standard Profiles'!$G$20=$B$24,21,0),MOD($C6329,24)+1)/SUM(INDEX($D$3:$AA$30,INDEX(Jesper!$R$2:$R$366,ROW(INDEX(Jesper!AJ$2:AJ$366,ROUNDDOWN($C6329/24,0)+1,1))-1)+IF('Standard Profiles'!$G$20=$B$10,7,0)+IF('Standard Profiles'!$G$20=$B$17,14,0)+IF('Standard Profiles'!$G$20=$B$24,21,0),0)),0)</f>
        <v>0</v>
      </c>
      <c r="G6329" cm="1">
        <f t="array" ref="G6329">IFERROR(INDEX(Jesper!AK$2:AK$366,ROUNDDOWN($C6329/24,0)+1,1)*INDEX($D$3:$AA$30,INDEX(Jesper!$R$2:$R$366,ROW(INDEX(Jesper!AK$2:AK$366,ROUNDDOWN($C6329/24,0)+1,1))-1)+IF('Standard Profiles'!$G$21=$B$10,7,0)+IF('Standard Profiles'!$G$21=$B$17,14,0)+IF('Standard Profiles'!$G$21=$B$24,21,0),MOD($C6329,24)+1)/SUM(INDEX($D$3:$AA$30,INDEX(Jesper!$R$2:$R$366,ROW(INDEX(Jesper!AK$2:AK$366,ROUNDDOWN($C6329/24,0)+1,1))-1)+IF('Standard Profiles'!$G$21=$B$10,7,0)+IF('Standard Profiles'!$G$21=$B$17,14,0)+IF('Standard Profiles'!$G$21=$B$24,21,0),0)),0)</f>
        <v>0</v>
      </c>
      <c r="H6329" cm="1">
        <f t="array" ref="H6329">IFERROR(INDEX(Jesper!AL$2:AL$366,ROUNDDOWN($C6329/24,0)+1,1)*INDEX($D$3:$AA$30,INDEX(Jesper!$R$2:$R$366,ROW(INDEX(Jesper!AL$2:AL$366,ROUNDDOWN($C6329/24,0)+1,1))-1)+IF('Standard Profiles'!$G$22=$B$10,7,0)+IF('Standard Profiles'!$G$22=$B$17,14,0)+IF('Standard Profiles'!$G$22=$B$24,21,0),MOD($C6329,24)+1)/SUM(INDEX($D$3:$AA$30,INDEX(Jesper!$R$2:$R$366,ROW(INDEX(Jesper!AL$2:AL$366,ROUNDDOWN($C6329/24,0)+1,1))-1)+IF('Standard Profiles'!$G$22=$B$10,7,0)+IF('Standard Profiles'!$G$22=$B$17,14,0)+IF('Standard Profiles'!$G$22=$B$24,21,0),0)),0)</f>
        <v>0</v>
      </c>
      <c r="I6329">
        <f t="shared" si="706"/>
        <v>0.3185912878379828</v>
      </c>
      <c r="J6329">
        <f t="shared" si="707"/>
        <v>1.0619709594599429</v>
      </c>
      <c r="K6329">
        <f t="shared" si="708"/>
        <v>1.592956439189914</v>
      </c>
      <c r="L6329">
        <f t="shared" si="709"/>
        <v>7.6461909081115875</v>
      </c>
      <c r="M6329">
        <f t="shared" si="710"/>
        <v>0</v>
      </c>
      <c r="N6329" s="46">
        <f t="shared" si="711"/>
        <v>45554.291666651399</v>
      </c>
    </row>
    <row r="6330" spans="2:14" x14ac:dyDescent="0.3">
      <c r="B6330">
        <f t="shared" si="705"/>
        <v>4</v>
      </c>
      <c r="C6330" s="16">
        <v>6296</v>
      </c>
      <c r="D6330" cm="1">
        <f t="array" ref="D6330">IFERROR(INDEX(Jesper!AH$2:AH$366,ROUNDDOWN($C6330/24,0)+1,1)*INDEX($D$3:$AA$30,INDEX(Jesper!$R$2:$R$366,ROW(INDEX(Jesper!AH$2:AH$366,ROUNDDOWN($C6330/24,0)+1,1))-1)+IF('Standard Profiles'!$G$18=$B$10,7,0)+IF('Standard Profiles'!$G$18=$B$17,14,0)+IF('Standard Profiles'!$G$18=$B$24,21,0),MOD($C6330,24)+1)/SUM(INDEX($D$3:$AA$30,INDEX(Jesper!$R$2:$R$366,ROW(INDEX(Jesper!AH$2:AH$366,ROUNDDOWN($C6330/24,0)+1,1))-1)+IF('Standard Profiles'!$G$18=$B$10,7,0)+IF('Standard Profiles'!$G$18=$B$17,14,0)+IF('Standard Profiles'!$G$18=$B$24,21,0),0)),0)</f>
        <v>10.619709594599428</v>
      </c>
      <c r="E6330" cm="1">
        <f t="array" ref="E6330">IFERROR(INDEX(Jesper!AI$2:AI$366,ROUNDDOWN($C6330/24,0)+1,1)*INDEX($D$3:$AA$30,INDEX(Jesper!$R$2:$R$366,ROW(INDEX(Jesper!AI$2:AI$366,ROUNDDOWN($C6330/24,0)+1,1))-1)+IF('Standard Profiles'!$G$19=$B$10,7,0)+IF('Standard Profiles'!$G$19=$B$17,14,0)+IF('Standard Profiles'!$G$19=$B$24,21,0),MOD($C6330,24)+1)/SUM(INDEX($D$3:$AA$30,INDEX(Jesper!$R$2:$R$366,ROW(INDEX(Jesper!AI$2:AI$366,ROUNDDOWN($C6330/24,0)+1,1))-1)+IF('Standard Profiles'!$G$19=$B$10,7,0)+IF('Standard Profiles'!$G$19=$B$17,14,0)+IF('Standard Profiles'!$G$19=$B$24,21,0),0)),0)</f>
        <v>0</v>
      </c>
      <c r="F6330" cm="1">
        <f t="array" ref="F6330">IFERROR(INDEX(Jesper!AJ$2:AJ$366,ROUNDDOWN($C6330/24,0)+1,1)*INDEX($D$3:$AA$30,INDEX(Jesper!$R$2:$R$366,ROW(INDEX(Jesper!AJ$2:AJ$366,ROUNDDOWN($C6330/24,0)+1,1))-1)+IF('Standard Profiles'!$G$20=$B$10,7,0)+IF('Standard Profiles'!$G$20=$B$17,14,0)+IF('Standard Profiles'!$G$20=$B$24,21,0),MOD($C6330,24)+1)/SUM(INDEX($D$3:$AA$30,INDEX(Jesper!$R$2:$R$366,ROW(INDEX(Jesper!AJ$2:AJ$366,ROUNDDOWN($C6330/24,0)+1,1))-1)+IF('Standard Profiles'!$G$20=$B$10,7,0)+IF('Standard Profiles'!$G$20=$B$17,14,0)+IF('Standard Profiles'!$G$20=$B$24,21,0),0)),0)</f>
        <v>0</v>
      </c>
      <c r="G6330" cm="1">
        <f t="array" ref="G6330">IFERROR(INDEX(Jesper!AK$2:AK$366,ROUNDDOWN($C6330/24,0)+1,1)*INDEX($D$3:$AA$30,INDEX(Jesper!$R$2:$R$366,ROW(INDEX(Jesper!AK$2:AK$366,ROUNDDOWN($C6330/24,0)+1,1))-1)+IF('Standard Profiles'!$G$21=$B$10,7,0)+IF('Standard Profiles'!$G$21=$B$17,14,0)+IF('Standard Profiles'!$G$21=$B$24,21,0),MOD($C6330,24)+1)/SUM(INDEX($D$3:$AA$30,INDEX(Jesper!$R$2:$R$366,ROW(INDEX(Jesper!AK$2:AK$366,ROUNDDOWN($C6330/24,0)+1,1))-1)+IF('Standard Profiles'!$G$21=$B$10,7,0)+IF('Standard Profiles'!$G$21=$B$17,14,0)+IF('Standard Profiles'!$G$21=$B$24,21,0),0)),0)</f>
        <v>0</v>
      </c>
      <c r="H6330" cm="1">
        <f t="array" ref="H6330">IFERROR(INDEX(Jesper!AL$2:AL$366,ROUNDDOWN($C6330/24,0)+1,1)*INDEX($D$3:$AA$30,INDEX(Jesper!$R$2:$R$366,ROW(INDEX(Jesper!AL$2:AL$366,ROUNDDOWN($C6330/24,0)+1,1))-1)+IF('Standard Profiles'!$G$22=$B$10,7,0)+IF('Standard Profiles'!$G$22=$B$17,14,0)+IF('Standard Profiles'!$G$22=$B$24,21,0),MOD($C6330,24)+1)/SUM(INDEX($D$3:$AA$30,INDEX(Jesper!$R$2:$R$366,ROW(INDEX(Jesper!AL$2:AL$366,ROUNDDOWN($C6330/24,0)+1,1))-1)+IF('Standard Profiles'!$G$22=$B$10,7,0)+IF('Standard Profiles'!$G$22=$B$17,14,0)+IF('Standard Profiles'!$G$22=$B$24,21,0),0)),0)</f>
        <v>0</v>
      </c>
      <c r="I6330">
        <f t="shared" si="706"/>
        <v>0.3185912878379828</v>
      </c>
      <c r="J6330">
        <f t="shared" si="707"/>
        <v>1.0619709594599429</v>
      </c>
      <c r="K6330">
        <f t="shared" si="708"/>
        <v>1.592956439189914</v>
      </c>
      <c r="L6330">
        <f t="shared" si="709"/>
        <v>7.6461909081115875</v>
      </c>
      <c r="M6330">
        <f t="shared" si="710"/>
        <v>0</v>
      </c>
      <c r="N6330" s="46">
        <f t="shared" si="711"/>
        <v>45554.333333318064</v>
      </c>
    </row>
    <row r="6331" spans="2:14" x14ac:dyDescent="0.3">
      <c r="B6331">
        <f t="shared" si="705"/>
        <v>4</v>
      </c>
      <c r="C6331" s="16">
        <v>6297</v>
      </c>
      <c r="D6331" cm="1">
        <f t="array" ref="D6331">IFERROR(INDEX(Jesper!AH$2:AH$366,ROUNDDOWN($C6331/24,0)+1,1)*INDEX($D$3:$AA$30,INDEX(Jesper!$R$2:$R$366,ROW(INDEX(Jesper!AH$2:AH$366,ROUNDDOWN($C6331/24,0)+1,1))-1)+IF('Standard Profiles'!$G$18=$B$10,7,0)+IF('Standard Profiles'!$G$18=$B$17,14,0)+IF('Standard Profiles'!$G$18=$B$24,21,0),MOD($C6331,24)+1)/SUM(INDEX($D$3:$AA$30,INDEX(Jesper!$R$2:$R$366,ROW(INDEX(Jesper!AH$2:AH$366,ROUNDDOWN($C6331/24,0)+1,1))-1)+IF('Standard Profiles'!$G$18=$B$10,7,0)+IF('Standard Profiles'!$G$18=$B$17,14,0)+IF('Standard Profiles'!$G$18=$B$24,21,0),0)),0)</f>
        <v>11.412225235987444</v>
      </c>
      <c r="E6331" cm="1">
        <f t="array" ref="E6331">IFERROR(INDEX(Jesper!AI$2:AI$366,ROUNDDOWN($C6331/24,0)+1,1)*INDEX($D$3:$AA$30,INDEX(Jesper!$R$2:$R$366,ROW(INDEX(Jesper!AI$2:AI$366,ROUNDDOWN($C6331/24,0)+1,1))-1)+IF('Standard Profiles'!$G$19=$B$10,7,0)+IF('Standard Profiles'!$G$19=$B$17,14,0)+IF('Standard Profiles'!$G$19=$B$24,21,0),MOD($C6331,24)+1)/SUM(INDEX($D$3:$AA$30,INDEX(Jesper!$R$2:$R$366,ROW(INDEX(Jesper!AI$2:AI$366,ROUNDDOWN($C6331/24,0)+1,1))-1)+IF('Standard Profiles'!$G$19=$B$10,7,0)+IF('Standard Profiles'!$G$19=$B$17,14,0)+IF('Standard Profiles'!$G$19=$B$24,21,0),0)),0)</f>
        <v>0</v>
      </c>
      <c r="F6331" cm="1">
        <f t="array" ref="F6331">IFERROR(INDEX(Jesper!AJ$2:AJ$366,ROUNDDOWN($C6331/24,0)+1,1)*INDEX($D$3:$AA$30,INDEX(Jesper!$R$2:$R$366,ROW(INDEX(Jesper!AJ$2:AJ$366,ROUNDDOWN($C6331/24,0)+1,1))-1)+IF('Standard Profiles'!$G$20=$B$10,7,0)+IF('Standard Profiles'!$G$20=$B$17,14,0)+IF('Standard Profiles'!$G$20=$B$24,21,0),MOD($C6331,24)+1)/SUM(INDEX($D$3:$AA$30,INDEX(Jesper!$R$2:$R$366,ROW(INDEX(Jesper!AJ$2:AJ$366,ROUNDDOWN($C6331/24,0)+1,1))-1)+IF('Standard Profiles'!$G$20=$B$10,7,0)+IF('Standard Profiles'!$G$20=$B$17,14,0)+IF('Standard Profiles'!$G$20=$B$24,21,0),0)),0)</f>
        <v>0</v>
      </c>
      <c r="G6331" cm="1">
        <f t="array" ref="G6331">IFERROR(INDEX(Jesper!AK$2:AK$366,ROUNDDOWN($C6331/24,0)+1,1)*INDEX($D$3:$AA$30,INDEX(Jesper!$R$2:$R$366,ROW(INDEX(Jesper!AK$2:AK$366,ROUNDDOWN($C6331/24,0)+1,1))-1)+IF('Standard Profiles'!$G$21=$B$10,7,0)+IF('Standard Profiles'!$G$21=$B$17,14,0)+IF('Standard Profiles'!$G$21=$B$24,21,0),MOD($C6331,24)+1)/SUM(INDEX($D$3:$AA$30,INDEX(Jesper!$R$2:$R$366,ROW(INDEX(Jesper!AK$2:AK$366,ROUNDDOWN($C6331/24,0)+1,1))-1)+IF('Standard Profiles'!$G$21=$B$10,7,0)+IF('Standard Profiles'!$G$21=$B$17,14,0)+IF('Standard Profiles'!$G$21=$B$24,21,0),0)),0)</f>
        <v>0</v>
      </c>
      <c r="H6331" cm="1">
        <f t="array" ref="H6331">IFERROR(INDEX(Jesper!AL$2:AL$366,ROUNDDOWN($C6331/24,0)+1,1)*INDEX($D$3:$AA$30,INDEX(Jesper!$R$2:$R$366,ROW(INDEX(Jesper!AL$2:AL$366,ROUNDDOWN($C6331/24,0)+1,1))-1)+IF('Standard Profiles'!$G$22=$B$10,7,0)+IF('Standard Profiles'!$G$22=$B$17,14,0)+IF('Standard Profiles'!$G$22=$B$24,21,0),MOD($C6331,24)+1)/SUM(INDEX($D$3:$AA$30,INDEX(Jesper!$R$2:$R$366,ROW(INDEX(Jesper!AL$2:AL$366,ROUNDDOWN($C6331/24,0)+1,1))-1)+IF('Standard Profiles'!$G$22=$B$10,7,0)+IF('Standard Profiles'!$G$22=$B$17,14,0)+IF('Standard Profiles'!$G$22=$B$24,21,0),0)),0)</f>
        <v>0</v>
      </c>
      <c r="I6331">
        <f t="shared" si="706"/>
        <v>0.34236675707962333</v>
      </c>
      <c r="J6331">
        <f t="shared" si="707"/>
        <v>1.1412225235987445</v>
      </c>
      <c r="K6331">
        <f t="shared" si="708"/>
        <v>1.7118337853981165</v>
      </c>
      <c r="L6331">
        <f t="shared" si="709"/>
        <v>8.2168021699109595</v>
      </c>
      <c r="M6331">
        <f t="shared" si="710"/>
        <v>0</v>
      </c>
      <c r="N6331" s="46">
        <f t="shared" si="711"/>
        <v>45554.374999984728</v>
      </c>
    </row>
    <row r="6332" spans="2:14" x14ac:dyDescent="0.3">
      <c r="B6332">
        <f t="shared" si="705"/>
        <v>4</v>
      </c>
      <c r="C6332" s="16">
        <v>6298</v>
      </c>
      <c r="D6332" cm="1">
        <f t="array" ref="D6332">IFERROR(INDEX(Jesper!AH$2:AH$366,ROUNDDOWN($C6332/24,0)+1,1)*INDEX($D$3:$AA$30,INDEX(Jesper!$R$2:$R$366,ROW(INDEX(Jesper!AH$2:AH$366,ROUNDDOWN($C6332/24,0)+1,1))-1)+IF('Standard Profiles'!$G$18=$B$10,7,0)+IF('Standard Profiles'!$G$18=$B$17,14,0)+IF('Standard Profiles'!$G$18=$B$24,21,0),MOD($C6332,24)+1)/SUM(INDEX($D$3:$AA$30,INDEX(Jesper!$R$2:$R$366,ROW(INDEX(Jesper!AH$2:AH$366,ROUNDDOWN($C6332/24,0)+1,1))-1)+IF('Standard Profiles'!$G$18=$B$10,7,0)+IF('Standard Profiles'!$G$18=$B$17,14,0)+IF('Standard Profiles'!$G$18=$B$24,21,0),0)),0)</f>
        <v>12.363244005653064</v>
      </c>
      <c r="E6332" cm="1">
        <f t="array" ref="E6332">IFERROR(INDEX(Jesper!AI$2:AI$366,ROUNDDOWN($C6332/24,0)+1,1)*INDEX($D$3:$AA$30,INDEX(Jesper!$R$2:$R$366,ROW(INDEX(Jesper!AI$2:AI$366,ROUNDDOWN($C6332/24,0)+1,1))-1)+IF('Standard Profiles'!$G$19=$B$10,7,0)+IF('Standard Profiles'!$G$19=$B$17,14,0)+IF('Standard Profiles'!$G$19=$B$24,21,0),MOD($C6332,24)+1)/SUM(INDEX($D$3:$AA$30,INDEX(Jesper!$R$2:$R$366,ROW(INDEX(Jesper!AI$2:AI$366,ROUNDDOWN($C6332/24,0)+1,1))-1)+IF('Standard Profiles'!$G$19=$B$10,7,0)+IF('Standard Profiles'!$G$19=$B$17,14,0)+IF('Standard Profiles'!$G$19=$B$24,21,0),0)),0)</f>
        <v>0</v>
      </c>
      <c r="F6332" cm="1">
        <f t="array" ref="F6332">IFERROR(INDEX(Jesper!AJ$2:AJ$366,ROUNDDOWN($C6332/24,0)+1,1)*INDEX($D$3:$AA$30,INDEX(Jesper!$R$2:$R$366,ROW(INDEX(Jesper!AJ$2:AJ$366,ROUNDDOWN($C6332/24,0)+1,1))-1)+IF('Standard Profiles'!$G$20=$B$10,7,0)+IF('Standard Profiles'!$G$20=$B$17,14,0)+IF('Standard Profiles'!$G$20=$B$24,21,0),MOD($C6332,24)+1)/SUM(INDEX($D$3:$AA$30,INDEX(Jesper!$R$2:$R$366,ROW(INDEX(Jesper!AJ$2:AJ$366,ROUNDDOWN($C6332/24,0)+1,1))-1)+IF('Standard Profiles'!$G$20=$B$10,7,0)+IF('Standard Profiles'!$G$20=$B$17,14,0)+IF('Standard Profiles'!$G$20=$B$24,21,0),0)),0)</f>
        <v>0</v>
      </c>
      <c r="G6332" cm="1">
        <f t="array" ref="G6332">IFERROR(INDEX(Jesper!AK$2:AK$366,ROUNDDOWN($C6332/24,0)+1,1)*INDEX($D$3:$AA$30,INDEX(Jesper!$R$2:$R$366,ROW(INDEX(Jesper!AK$2:AK$366,ROUNDDOWN($C6332/24,0)+1,1))-1)+IF('Standard Profiles'!$G$21=$B$10,7,0)+IF('Standard Profiles'!$G$21=$B$17,14,0)+IF('Standard Profiles'!$G$21=$B$24,21,0),MOD($C6332,24)+1)/SUM(INDEX($D$3:$AA$30,INDEX(Jesper!$R$2:$R$366,ROW(INDEX(Jesper!AK$2:AK$366,ROUNDDOWN($C6332/24,0)+1,1))-1)+IF('Standard Profiles'!$G$21=$B$10,7,0)+IF('Standard Profiles'!$G$21=$B$17,14,0)+IF('Standard Profiles'!$G$21=$B$24,21,0),0)),0)</f>
        <v>0</v>
      </c>
      <c r="H6332" cm="1">
        <f t="array" ref="H6332">IFERROR(INDEX(Jesper!AL$2:AL$366,ROUNDDOWN($C6332/24,0)+1,1)*INDEX($D$3:$AA$30,INDEX(Jesper!$R$2:$R$366,ROW(INDEX(Jesper!AL$2:AL$366,ROUNDDOWN($C6332/24,0)+1,1))-1)+IF('Standard Profiles'!$G$22=$B$10,7,0)+IF('Standard Profiles'!$G$22=$B$17,14,0)+IF('Standard Profiles'!$G$22=$B$24,21,0),MOD($C6332,24)+1)/SUM(INDEX($D$3:$AA$30,INDEX(Jesper!$R$2:$R$366,ROW(INDEX(Jesper!AL$2:AL$366,ROUNDDOWN($C6332/24,0)+1,1))-1)+IF('Standard Profiles'!$G$22=$B$10,7,0)+IF('Standard Profiles'!$G$22=$B$17,14,0)+IF('Standard Profiles'!$G$22=$B$24,21,0),0)),0)</f>
        <v>0</v>
      </c>
      <c r="I6332">
        <f t="shared" si="706"/>
        <v>0.37089732016959187</v>
      </c>
      <c r="J6332">
        <f t="shared" si="707"/>
        <v>1.2363244005653065</v>
      </c>
      <c r="K6332">
        <f t="shared" si="708"/>
        <v>1.8544866008479595</v>
      </c>
      <c r="L6332">
        <f t="shared" si="709"/>
        <v>8.9015356840702058</v>
      </c>
      <c r="M6332">
        <f t="shared" si="710"/>
        <v>0</v>
      </c>
      <c r="N6332" s="46">
        <f t="shared" si="711"/>
        <v>45554.416666651392</v>
      </c>
    </row>
    <row r="6333" spans="2:14" x14ac:dyDescent="0.3">
      <c r="B6333">
        <f t="shared" si="705"/>
        <v>4</v>
      </c>
      <c r="C6333" s="16">
        <v>6299</v>
      </c>
      <c r="D6333" cm="1">
        <f t="array" ref="D6333">IFERROR(INDEX(Jesper!AH$2:AH$366,ROUNDDOWN($C6333/24,0)+1,1)*INDEX($D$3:$AA$30,INDEX(Jesper!$R$2:$R$366,ROW(INDEX(Jesper!AH$2:AH$366,ROUNDDOWN($C6333/24,0)+1,1))-1)+IF('Standard Profiles'!$G$18=$B$10,7,0)+IF('Standard Profiles'!$G$18=$B$17,14,0)+IF('Standard Profiles'!$G$18=$B$24,21,0),MOD($C6333,24)+1)/SUM(INDEX($D$3:$AA$30,INDEX(Jesper!$R$2:$R$366,ROW(INDEX(Jesper!AH$2:AH$366,ROUNDDOWN($C6333/24,0)+1,1))-1)+IF('Standard Profiles'!$G$18=$B$10,7,0)+IF('Standard Profiles'!$G$18=$B$17,14,0)+IF('Standard Profiles'!$G$18=$B$24,21,0),0)),0)</f>
        <v>14.265281544984305</v>
      </c>
      <c r="E6333" cm="1">
        <f t="array" ref="E6333">IFERROR(INDEX(Jesper!AI$2:AI$366,ROUNDDOWN($C6333/24,0)+1,1)*INDEX($D$3:$AA$30,INDEX(Jesper!$R$2:$R$366,ROW(INDEX(Jesper!AI$2:AI$366,ROUNDDOWN($C6333/24,0)+1,1))-1)+IF('Standard Profiles'!$G$19=$B$10,7,0)+IF('Standard Profiles'!$G$19=$B$17,14,0)+IF('Standard Profiles'!$G$19=$B$24,21,0),MOD($C6333,24)+1)/SUM(INDEX($D$3:$AA$30,INDEX(Jesper!$R$2:$R$366,ROW(INDEX(Jesper!AI$2:AI$366,ROUNDDOWN($C6333/24,0)+1,1))-1)+IF('Standard Profiles'!$G$19=$B$10,7,0)+IF('Standard Profiles'!$G$19=$B$17,14,0)+IF('Standard Profiles'!$G$19=$B$24,21,0),0)),0)</f>
        <v>0</v>
      </c>
      <c r="F6333" cm="1">
        <f t="array" ref="F6333">IFERROR(INDEX(Jesper!AJ$2:AJ$366,ROUNDDOWN($C6333/24,0)+1,1)*INDEX($D$3:$AA$30,INDEX(Jesper!$R$2:$R$366,ROW(INDEX(Jesper!AJ$2:AJ$366,ROUNDDOWN($C6333/24,0)+1,1))-1)+IF('Standard Profiles'!$G$20=$B$10,7,0)+IF('Standard Profiles'!$G$20=$B$17,14,0)+IF('Standard Profiles'!$G$20=$B$24,21,0),MOD($C6333,24)+1)/SUM(INDEX($D$3:$AA$30,INDEX(Jesper!$R$2:$R$366,ROW(INDEX(Jesper!AJ$2:AJ$366,ROUNDDOWN($C6333/24,0)+1,1))-1)+IF('Standard Profiles'!$G$20=$B$10,7,0)+IF('Standard Profiles'!$G$20=$B$17,14,0)+IF('Standard Profiles'!$G$20=$B$24,21,0),0)),0)</f>
        <v>0</v>
      </c>
      <c r="G6333" cm="1">
        <f t="array" ref="G6333">IFERROR(INDEX(Jesper!AK$2:AK$366,ROUNDDOWN($C6333/24,0)+1,1)*INDEX($D$3:$AA$30,INDEX(Jesper!$R$2:$R$366,ROW(INDEX(Jesper!AK$2:AK$366,ROUNDDOWN($C6333/24,0)+1,1))-1)+IF('Standard Profiles'!$G$21=$B$10,7,0)+IF('Standard Profiles'!$G$21=$B$17,14,0)+IF('Standard Profiles'!$G$21=$B$24,21,0),MOD($C6333,24)+1)/SUM(INDEX($D$3:$AA$30,INDEX(Jesper!$R$2:$R$366,ROW(INDEX(Jesper!AK$2:AK$366,ROUNDDOWN($C6333/24,0)+1,1))-1)+IF('Standard Profiles'!$G$21=$B$10,7,0)+IF('Standard Profiles'!$G$21=$B$17,14,0)+IF('Standard Profiles'!$G$21=$B$24,21,0),0)),0)</f>
        <v>0</v>
      </c>
      <c r="H6333" cm="1">
        <f t="array" ref="H6333">IFERROR(INDEX(Jesper!AL$2:AL$366,ROUNDDOWN($C6333/24,0)+1,1)*INDEX($D$3:$AA$30,INDEX(Jesper!$R$2:$R$366,ROW(INDEX(Jesper!AL$2:AL$366,ROUNDDOWN($C6333/24,0)+1,1))-1)+IF('Standard Profiles'!$G$22=$B$10,7,0)+IF('Standard Profiles'!$G$22=$B$17,14,0)+IF('Standard Profiles'!$G$22=$B$24,21,0),MOD($C6333,24)+1)/SUM(INDEX($D$3:$AA$30,INDEX(Jesper!$R$2:$R$366,ROW(INDEX(Jesper!AL$2:AL$366,ROUNDDOWN($C6333/24,0)+1,1))-1)+IF('Standard Profiles'!$G$22=$B$10,7,0)+IF('Standard Profiles'!$G$22=$B$17,14,0)+IF('Standard Profiles'!$G$22=$B$24,21,0),0)),0)</f>
        <v>0</v>
      </c>
      <c r="I6333">
        <f t="shared" si="706"/>
        <v>0.42795844634952912</v>
      </c>
      <c r="J6333">
        <f t="shared" si="707"/>
        <v>1.4265281544984305</v>
      </c>
      <c r="K6333">
        <f t="shared" si="708"/>
        <v>2.1397922317476454</v>
      </c>
      <c r="L6333">
        <f t="shared" si="709"/>
        <v>10.271002712388698</v>
      </c>
      <c r="M6333">
        <f t="shared" si="710"/>
        <v>0</v>
      </c>
      <c r="N6333" s="46">
        <f t="shared" si="711"/>
        <v>45554.458333318056</v>
      </c>
    </row>
    <row r="6334" spans="2:14" x14ac:dyDescent="0.3">
      <c r="B6334">
        <f t="shared" si="705"/>
        <v>4</v>
      </c>
      <c r="C6334" s="16">
        <v>6300</v>
      </c>
      <c r="D6334" cm="1">
        <f t="array" ref="D6334">IFERROR(INDEX(Jesper!AH$2:AH$366,ROUNDDOWN($C6334/24,0)+1,1)*INDEX($D$3:$AA$30,INDEX(Jesper!$R$2:$R$366,ROW(INDEX(Jesper!AH$2:AH$366,ROUNDDOWN($C6334/24,0)+1,1))-1)+IF('Standard Profiles'!$G$18=$B$10,7,0)+IF('Standard Profiles'!$G$18=$B$17,14,0)+IF('Standard Profiles'!$G$18=$B$24,21,0),MOD($C6334,24)+1)/SUM(INDEX($D$3:$AA$30,INDEX(Jesper!$R$2:$R$366,ROW(INDEX(Jesper!AH$2:AH$366,ROUNDDOWN($C6334/24,0)+1,1))-1)+IF('Standard Profiles'!$G$18=$B$10,7,0)+IF('Standard Profiles'!$G$18=$B$17,14,0)+IF('Standard Profiles'!$G$18=$B$24,21,0),0)),0)</f>
        <v>14.265281544984305</v>
      </c>
      <c r="E6334" cm="1">
        <f t="array" ref="E6334">IFERROR(INDEX(Jesper!AI$2:AI$366,ROUNDDOWN($C6334/24,0)+1,1)*INDEX($D$3:$AA$30,INDEX(Jesper!$R$2:$R$366,ROW(INDEX(Jesper!AI$2:AI$366,ROUNDDOWN($C6334/24,0)+1,1))-1)+IF('Standard Profiles'!$G$19=$B$10,7,0)+IF('Standard Profiles'!$G$19=$B$17,14,0)+IF('Standard Profiles'!$G$19=$B$24,21,0),MOD($C6334,24)+1)/SUM(INDEX($D$3:$AA$30,INDEX(Jesper!$R$2:$R$366,ROW(INDEX(Jesper!AI$2:AI$366,ROUNDDOWN($C6334/24,0)+1,1))-1)+IF('Standard Profiles'!$G$19=$B$10,7,0)+IF('Standard Profiles'!$G$19=$B$17,14,0)+IF('Standard Profiles'!$G$19=$B$24,21,0),0)),0)</f>
        <v>0</v>
      </c>
      <c r="F6334" cm="1">
        <f t="array" ref="F6334">IFERROR(INDEX(Jesper!AJ$2:AJ$366,ROUNDDOWN($C6334/24,0)+1,1)*INDEX($D$3:$AA$30,INDEX(Jesper!$R$2:$R$366,ROW(INDEX(Jesper!AJ$2:AJ$366,ROUNDDOWN($C6334/24,0)+1,1))-1)+IF('Standard Profiles'!$G$20=$B$10,7,0)+IF('Standard Profiles'!$G$20=$B$17,14,0)+IF('Standard Profiles'!$G$20=$B$24,21,0),MOD($C6334,24)+1)/SUM(INDEX($D$3:$AA$30,INDEX(Jesper!$R$2:$R$366,ROW(INDEX(Jesper!AJ$2:AJ$366,ROUNDDOWN($C6334/24,0)+1,1))-1)+IF('Standard Profiles'!$G$20=$B$10,7,0)+IF('Standard Profiles'!$G$20=$B$17,14,0)+IF('Standard Profiles'!$G$20=$B$24,21,0),0)),0)</f>
        <v>0</v>
      </c>
      <c r="G6334" cm="1">
        <f t="array" ref="G6334">IFERROR(INDEX(Jesper!AK$2:AK$366,ROUNDDOWN($C6334/24,0)+1,1)*INDEX($D$3:$AA$30,INDEX(Jesper!$R$2:$R$366,ROW(INDEX(Jesper!AK$2:AK$366,ROUNDDOWN($C6334/24,0)+1,1))-1)+IF('Standard Profiles'!$G$21=$B$10,7,0)+IF('Standard Profiles'!$G$21=$B$17,14,0)+IF('Standard Profiles'!$G$21=$B$24,21,0),MOD($C6334,24)+1)/SUM(INDEX($D$3:$AA$30,INDEX(Jesper!$R$2:$R$366,ROW(INDEX(Jesper!AK$2:AK$366,ROUNDDOWN($C6334/24,0)+1,1))-1)+IF('Standard Profiles'!$G$21=$B$10,7,0)+IF('Standard Profiles'!$G$21=$B$17,14,0)+IF('Standard Profiles'!$G$21=$B$24,21,0),0)),0)</f>
        <v>0</v>
      </c>
      <c r="H6334" cm="1">
        <f t="array" ref="H6334">IFERROR(INDEX(Jesper!AL$2:AL$366,ROUNDDOWN($C6334/24,0)+1,1)*INDEX($D$3:$AA$30,INDEX(Jesper!$R$2:$R$366,ROW(INDEX(Jesper!AL$2:AL$366,ROUNDDOWN($C6334/24,0)+1,1))-1)+IF('Standard Profiles'!$G$22=$B$10,7,0)+IF('Standard Profiles'!$G$22=$B$17,14,0)+IF('Standard Profiles'!$G$22=$B$24,21,0),MOD($C6334,24)+1)/SUM(INDEX($D$3:$AA$30,INDEX(Jesper!$R$2:$R$366,ROW(INDEX(Jesper!AL$2:AL$366,ROUNDDOWN($C6334/24,0)+1,1))-1)+IF('Standard Profiles'!$G$22=$B$10,7,0)+IF('Standard Profiles'!$G$22=$B$17,14,0)+IF('Standard Profiles'!$G$22=$B$24,21,0),0)),0)</f>
        <v>0</v>
      </c>
      <c r="I6334">
        <f t="shared" si="706"/>
        <v>0.42795844634952912</v>
      </c>
      <c r="J6334">
        <f t="shared" si="707"/>
        <v>1.4265281544984305</v>
      </c>
      <c r="K6334">
        <f t="shared" si="708"/>
        <v>2.1397922317476454</v>
      </c>
      <c r="L6334">
        <f t="shared" si="709"/>
        <v>10.271002712388698</v>
      </c>
      <c r="M6334">
        <f t="shared" si="710"/>
        <v>0</v>
      </c>
      <c r="N6334" s="46">
        <f t="shared" si="711"/>
        <v>45554.49999998472</v>
      </c>
    </row>
    <row r="6335" spans="2:14" x14ac:dyDescent="0.3">
      <c r="B6335">
        <f t="shared" si="705"/>
        <v>4</v>
      </c>
      <c r="C6335" s="16">
        <v>6301</v>
      </c>
      <c r="D6335" cm="1">
        <f t="array" ref="D6335">IFERROR(INDEX(Jesper!AH$2:AH$366,ROUNDDOWN($C6335/24,0)+1,1)*INDEX($D$3:$AA$30,INDEX(Jesper!$R$2:$R$366,ROW(INDEX(Jesper!AH$2:AH$366,ROUNDDOWN($C6335/24,0)+1,1))-1)+IF('Standard Profiles'!$G$18=$B$10,7,0)+IF('Standard Profiles'!$G$18=$B$17,14,0)+IF('Standard Profiles'!$G$18=$B$24,21,0),MOD($C6335,24)+1)/SUM(INDEX($D$3:$AA$30,INDEX(Jesper!$R$2:$R$366,ROW(INDEX(Jesper!AH$2:AH$366,ROUNDDOWN($C6335/24,0)+1,1))-1)+IF('Standard Profiles'!$G$18=$B$10,7,0)+IF('Standard Profiles'!$G$18=$B$17,14,0)+IF('Standard Profiles'!$G$18=$B$24,21,0),0)),0)</f>
        <v>14.265281544984305</v>
      </c>
      <c r="E6335" cm="1">
        <f t="array" ref="E6335">IFERROR(INDEX(Jesper!AI$2:AI$366,ROUNDDOWN($C6335/24,0)+1,1)*INDEX($D$3:$AA$30,INDEX(Jesper!$R$2:$R$366,ROW(INDEX(Jesper!AI$2:AI$366,ROUNDDOWN($C6335/24,0)+1,1))-1)+IF('Standard Profiles'!$G$19=$B$10,7,0)+IF('Standard Profiles'!$G$19=$B$17,14,0)+IF('Standard Profiles'!$G$19=$B$24,21,0),MOD($C6335,24)+1)/SUM(INDEX($D$3:$AA$30,INDEX(Jesper!$R$2:$R$366,ROW(INDEX(Jesper!AI$2:AI$366,ROUNDDOWN($C6335/24,0)+1,1))-1)+IF('Standard Profiles'!$G$19=$B$10,7,0)+IF('Standard Profiles'!$G$19=$B$17,14,0)+IF('Standard Profiles'!$G$19=$B$24,21,0),0)),0)</f>
        <v>0</v>
      </c>
      <c r="F6335" cm="1">
        <f t="array" ref="F6335">IFERROR(INDEX(Jesper!AJ$2:AJ$366,ROUNDDOWN($C6335/24,0)+1,1)*INDEX($D$3:$AA$30,INDEX(Jesper!$R$2:$R$366,ROW(INDEX(Jesper!AJ$2:AJ$366,ROUNDDOWN($C6335/24,0)+1,1))-1)+IF('Standard Profiles'!$G$20=$B$10,7,0)+IF('Standard Profiles'!$G$20=$B$17,14,0)+IF('Standard Profiles'!$G$20=$B$24,21,0),MOD($C6335,24)+1)/SUM(INDEX($D$3:$AA$30,INDEX(Jesper!$R$2:$R$366,ROW(INDEX(Jesper!AJ$2:AJ$366,ROUNDDOWN($C6335/24,0)+1,1))-1)+IF('Standard Profiles'!$G$20=$B$10,7,0)+IF('Standard Profiles'!$G$20=$B$17,14,0)+IF('Standard Profiles'!$G$20=$B$24,21,0),0)),0)</f>
        <v>0</v>
      </c>
      <c r="G6335" cm="1">
        <f t="array" ref="G6335">IFERROR(INDEX(Jesper!AK$2:AK$366,ROUNDDOWN($C6335/24,0)+1,1)*INDEX($D$3:$AA$30,INDEX(Jesper!$R$2:$R$366,ROW(INDEX(Jesper!AK$2:AK$366,ROUNDDOWN($C6335/24,0)+1,1))-1)+IF('Standard Profiles'!$G$21=$B$10,7,0)+IF('Standard Profiles'!$G$21=$B$17,14,0)+IF('Standard Profiles'!$G$21=$B$24,21,0),MOD($C6335,24)+1)/SUM(INDEX($D$3:$AA$30,INDEX(Jesper!$R$2:$R$366,ROW(INDEX(Jesper!AK$2:AK$366,ROUNDDOWN($C6335/24,0)+1,1))-1)+IF('Standard Profiles'!$G$21=$B$10,7,0)+IF('Standard Profiles'!$G$21=$B$17,14,0)+IF('Standard Profiles'!$G$21=$B$24,21,0),0)),0)</f>
        <v>0</v>
      </c>
      <c r="H6335" cm="1">
        <f t="array" ref="H6335">IFERROR(INDEX(Jesper!AL$2:AL$366,ROUNDDOWN($C6335/24,0)+1,1)*INDEX($D$3:$AA$30,INDEX(Jesper!$R$2:$R$366,ROW(INDEX(Jesper!AL$2:AL$366,ROUNDDOWN($C6335/24,0)+1,1))-1)+IF('Standard Profiles'!$G$22=$B$10,7,0)+IF('Standard Profiles'!$G$22=$B$17,14,0)+IF('Standard Profiles'!$G$22=$B$24,21,0),MOD($C6335,24)+1)/SUM(INDEX($D$3:$AA$30,INDEX(Jesper!$R$2:$R$366,ROW(INDEX(Jesper!AL$2:AL$366,ROUNDDOWN($C6335/24,0)+1,1))-1)+IF('Standard Profiles'!$G$22=$B$10,7,0)+IF('Standard Profiles'!$G$22=$B$17,14,0)+IF('Standard Profiles'!$G$22=$B$24,21,0),0)),0)</f>
        <v>0</v>
      </c>
      <c r="I6335">
        <f t="shared" si="706"/>
        <v>0.42795844634952912</v>
      </c>
      <c r="J6335">
        <f t="shared" si="707"/>
        <v>1.4265281544984305</v>
      </c>
      <c r="K6335">
        <f t="shared" si="708"/>
        <v>2.1397922317476454</v>
      </c>
      <c r="L6335">
        <f t="shared" si="709"/>
        <v>10.271002712388698</v>
      </c>
      <c r="M6335">
        <f t="shared" si="710"/>
        <v>0</v>
      </c>
      <c r="N6335" s="46">
        <f t="shared" si="711"/>
        <v>45554.541666651385</v>
      </c>
    </row>
    <row r="6336" spans="2:14" x14ac:dyDescent="0.3">
      <c r="B6336">
        <f t="shared" si="705"/>
        <v>4</v>
      </c>
      <c r="C6336" s="16">
        <v>6302</v>
      </c>
      <c r="D6336" cm="1">
        <f t="array" ref="D6336">IFERROR(INDEX(Jesper!AH$2:AH$366,ROUNDDOWN($C6336/24,0)+1,1)*INDEX($D$3:$AA$30,INDEX(Jesper!$R$2:$R$366,ROW(INDEX(Jesper!AH$2:AH$366,ROUNDDOWN($C6336/24,0)+1,1))-1)+IF('Standard Profiles'!$G$18=$B$10,7,0)+IF('Standard Profiles'!$G$18=$B$17,14,0)+IF('Standard Profiles'!$G$18=$B$24,21,0),MOD($C6336,24)+1)/SUM(INDEX($D$3:$AA$30,INDEX(Jesper!$R$2:$R$366,ROW(INDEX(Jesper!AH$2:AH$366,ROUNDDOWN($C6336/24,0)+1,1))-1)+IF('Standard Profiles'!$G$18=$B$10,7,0)+IF('Standard Profiles'!$G$18=$B$17,14,0)+IF('Standard Profiles'!$G$18=$B$24,21,0),0)),0)</f>
        <v>14.265281544984305</v>
      </c>
      <c r="E6336" cm="1">
        <f t="array" ref="E6336">IFERROR(INDEX(Jesper!AI$2:AI$366,ROUNDDOWN($C6336/24,0)+1,1)*INDEX($D$3:$AA$30,INDEX(Jesper!$R$2:$R$366,ROW(INDEX(Jesper!AI$2:AI$366,ROUNDDOWN($C6336/24,0)+1,1))-1)+IF('Standard Profiles'!$G$19=$B$10,7,0)+IF('Standard Profiles'!$G$19=$B$17,14,0)+IF('Standard Profiles'!$G$19=$B$24,21,0),MOD($C6336,24)+1)/SUM(INDEX($D$3:$AA$30,INDEX(Jesper!$R$2:$R$366,ROW(INDEX(Jesper!AI$2:AI$366,ROUNDDOWN($C6336/24,0)+1,1))-1)+IF('Standard Profiles'!$G$19=$B$10,7,0)+IF('Standard Profiles'!$G$19=$B$17,14,0)+IF('Standard Profiles'!$G$19=$B$24,21,0),0)),0)</f>
        <v>0</v>
      </c>
      <c r="F6336" cm="1">
        <f t="array" ref="F6336">IFERROR(INDEX(Jesper!AJ$2:AJ$366,ROUNDDOWN($C6336/24,0)+1,1)*INDEX($D$3:$AA$30,INDEX(Jesper!$R$2:$R$366,ROW(INDEX(Jesper!AJ$2:AJ$366,ROUNDDOWN($C6336/24,0)+1,1))-1)+IF('Standard Profiles'!$G$20=$B$10,7,0)+IF('Standard Profiles'!$G$20=$B$17,14,0)+IF('Standard Profiles'!$G$20=$B$24,21,0),MOD($C6336,24)+1)/SUM(INDEX($D$3:$AA$30,INDEX(Jesper!$R$2:$R$366,ROW(INDEX(Jesper!AJ$2:AJ$366,ROUNDDOWN($C6336/24,0)+1,1))-1)+IF('Standard Profiles'!$G$20=$B$10,7,0)+IF('Standard Profiles'!$G$20=$B$17,14,0)+IF('Standard Profiles'!$G$20=$B$24,21,0),0)),0)</f>
        <v>0</v>
      </c>
      <c r="G6336" cm="1">
        <f t="array" ref="G6336">IFERROR(INDEX(Jesper!AK$2:AK$366,ROUNDDOWN($C6336/24,0)+1,1)*INDEX($D$3:$AA$30,INDEX(Jesper!$R$2:$R$366,ROW(INDEX(Jesper!AK$2:AK$366,ROUNDDOWN($C6336/24,0)+1,1))-1)+IF('Standard Profiles'!$G$21=$B$10,7,0)+IF('Standard Profiles'!$G$21=$B$17,14,0)+IF('Standard Profiles'!$G$21=$B$24,21,0),MOD($C6336,24)+1)/SUM(INDEX($D$3:$AA$30,INDEX(Jesper!$R$2:$R$366,ROW(INDEX(Jesper!AK$2:AK$366,ROUNDDOWN($C6336/24,0)+1,1))-1)+IF('Standard Profiles'!$G$21=$B$10,7,0)+IF('Standard Profiles'!$G$21=$B$17,14,0)+IF('Standard Profiles'!$G$21=$B$24,21,0),0)),0)</f>
        <v>0</v>
      </c>
      <c r="H6336" cm="1">
        <f t="array" ref="H6336">IFERROR(INDEX(Jesper!AL$2:AL$366,ROUNDDOWN($C6336/24,0)+1,1)*INDEX($D$3:$AA$30,INDEX(Jesper!$R$2:$R$366,ROW(INDEX(Jesper!AL$2:AL$366,ROUNDDOWN($C6336/24,0)+1,1))-1)+IF('Standard Profiles'!$G$22=$B$10,7,0)+IF('Standard Profiles'!$G$22=$B$17,14,0)+IF('Standard Profiles'!$G$22=$B$24,21,0),MOD($C6336,24)+1)/SUM(INDEX($D$3:$AA$30,INDEX(Jesper!$R$2:$R$366,ROW(INDEX(Jesper!AL$2:AL$366,ROUNDDOWN($C6336/24,0)+1,1))-1)+IF('Standard Profiles'!$G$22=$B$10,7,0)+IF('Standard Profiles'!$G$22=$B$17,14,0)+IF('Standard Profiles'!$G$22=$B$24,21,0),0)),0)</f>
        <v>0</v>
      </c>
      <c r="I6336">
        <f t="shared" si="706"/>
        <v>0.42795844634952912</v>
      </c>
      <c r="J6336">
        <f t="shared" si="707"/>
        <v>1.4265281544984305</v>
      </c>
      <c r="K6336">
        <f t="shared" si="708"/>
        <v>2.1397922317476454</v>
      </c>
      <c r="L6336">
        <f t="shared" si="709"/>
        <v>10.271002712388698</v>
      </c>
      <c r="M6336">
        <f t="shared" si="710"/>
        <v>0</v>
      </c>
      <c r="N6336" s="46">
        <f t="shared" si="711"/>
        <v>45554.583333318049</v>
      </c>
    </row>
    <row r="6337" spans="2:14" x14ac:dyDescent="0.3">
      <c r="B6337">
        <f t="shared" si="705"/>
        <v>4</v>
      </c>
      <c r="C6337" s="16">
        <v>6303</v>
      </c>
      <c r="D6337" cm="1">
        <f t="array" ref="D6337">IFERROR(INDEX(Jesper!AH$2:AH$366,ROUNDDOWN($C6337/24,0)+1,1)*INDEX($D$3:$AA$30,INDEX(Jesper!$R$2:$R$366,ROW(INDEX(Jesper!AH$2:AH$366,ROUNDDOWN($C6337/24,0)+1,1))-1)+IF('Standard Profiles'!$G$18=$B$10,7,0)+IF('Standard Profiles'!$G$18=$B$17,14,0)+IF('Standard Profiles'!$G$18=$B$24,21,0),MOD($C6337,24)+1)/SUM(INDEX($D$3:$AA$30,INDEX(Jesper!$R$2:$R$366,ROW(INDEX(Jesper!AH$2:AH$366,ROUNDDOWN($C6337/24,0)+1,1))-1)+IF('Standard Profiles'!$G$18=$B$10,7,0)+IF('Standard Profiles'!$G$18=$B$17,14,0)+IF('Standard Profiles'!$G$18=$B$24,21,0),0)),0)</f>
        <v>14.265281544984305</v>
      </c>
      <c r="E6337" cm="1">
        <f t="array" ref="E6337">IFERROR(INDEX(Jesper!AI$2:AI$366,ROUNDDOWN($C6337/24,0)+1,1)*INDEX($D$3:$AA$30,INDEX(Jesper!$R$2:$R$366,ROW(INDEX(Jesper!AI$2:AI$366,ROUNDDOWN($C6337/24,0)+1,1))-1)+IF('Standard Profiles'!$G$19=$B$10,7,0)+IF('Standard Profiles'!$G$19=$B$17,14,0)+IF('Standard Profiles'!$G$19=$B$24,21,0),MOD($C6337,24)+1)/SUM(INDEX($D$3:$AA$30,INDEX(Jesper!$R$2:$R$366,ROW(INDEX(Jesper!AI$2:AI$366,ROUNDDOWN($C6337/24,0)+1,1))-1)+IF('Standard Profiles'!$G$19=$B$10,7,0)+IF('Standard Profiles'!$G$19=$B$17,14,0)+IF('Standard Profiles'!$G$19=$B$24,21,0),0)),0)</f>
        <v>0</v>
      </c>
      <c r="F6337" cm="1">
        <f t="array" ref="F6337">IFERROR(INDEX(Jesper!AJ$2:AJ$366,ROUNDDOWN($C6337/24,0)+1,1)*INDEX($D$3:$AA$30,INDEX(Jesper!$R$2:$R$366,ROW(INDEX(Jesper!AJ$2:AJ$366,ROUNDDOWN($C6337/24,0)+1,1))-1)+IF('Standard Profiles'!$G$20=$B$10,7,0)+IF('Standard Profiles'!$G$20=$B$17,14,0)+IF('Standard Profiles'!$G$20=$B$24,21,0),MOD($C6337,24)+1)/SUM(INDEX($D$3:$AA$30,INDEX(Jesper!$R$2:$R$366,ROW(INDEX(Jesper!AJ$2:AJ$366,ROUNDDOWN($C6337/24,0)+1,1))-1)+IF('Standard Profiles'!$G$20=$B$10,7,0)+IF('Standard Profiles'!$G$20=$B$17,14,0)+IF('Standard Profiles'!$G$20=$B$24,21,0),0)),0)</f>
        <v>0</v>
      </c>
      <c r="G6337" cm="1">
        <f t="array" ref="G6337">IFERROR(INDEX(Jesper!AK$2:AK$366,ROUNDDOWN($C6337/24,0)+1,1)*INDEX($D$3:$AA$30,INDEX(Jesper!$R$2:$R$366,ROW(INDEX(Jesper!AK$2:AK$366,ROUNDDOWN($C6337/24,0)+1,1))-1)+IF('Standard Profiles'!$G$21=$B$10,7,0)+IF('Standard Profiles'!$G$21=$B$17,14,0)+IF('Standard Profiles'!$G$21=$B$24,21,0),MOD($C6337,24)+1)/SUM(INDEX($D$3:$AA$30,INDEX(Jesper!$R$2:$R$366,ROW(INDEX(Jesper!AK$2:AK$366,ROUNDDOWN($C6337/24,0)+1,1))-1)+IF('Standard Profiles'!$G$21=$B$10,7,0)+IF('Standard Profiles'!$G$21=$B$17,14,0)+IF('Standard Profiles'!$G$21=$B$24,21,0),0)),0)</f>
        <v>0</v>
      </c>
      <c r="H6337" cm="1">
        <f t="array" ref="H6337">IFERROR(INDEX(Jesper!AL$2:AL$366,ROUNDDOWN($C6337/24,0)+1,1)*INDEX($D$3:$AA$30,INDEX(Jesper!$R$2:$R$366,ROW(INDEX(Jesper!AL$2:AL$366,ROUNDDOWN($C6337/24,0)+1,1))-1)+IF('Standard Profiles'!$G$22=$B$10,7,0)+IF('Standard Profiles'!$G$22=$B$17,14,0)+IF('Standard Profiles'!$G$22=$B$24,21,0),MOD($C6337,24)+1)/SUM(INDEX($D$3:$AA$30,INDEX(Jesper!$R$2:$R$366,ROW(INDEX(Jesper!AL$2:AL$366,ROUNDDOWN($C6337/24,0)+1,1))-1)+IF('Standard Profiles'!$G$22=$B$10,7,0)+IF('Standard Profiles'!$G$22=$B$17,14,0)+IF('Standard Profiles'!$G$22=$B$24,21,0),0)),0)</f>
        <v>0</v>
      </c>
      <c r="I6337">
        <f t="shared" si="706"/>
        <v>0.42795844634952912</v>
      </c>
      <c r="J6337">
        <f t="shared" si="707"/>
        <v>1.4265281544984305</v>
      </c>
      <c r="K6337">
        <f t="shared" si="708"/>
        <v>2.1397922317476454</v>
      </c>
      <c r="L6337">
        <f t="shared" si="709"/>
        <v>10.271002712388698</v>
      </c>
      <c r="M6337">
        <f t="shared" si="710"/>
        <v>0</v>
      </c>
      <c r="N6337" s="46">
        <f t="shared" si="711"/>
        <v>45554.624999984713</v>
      </c>
    </row>
    <row r="6338" spans="2:14" x14ac:dyDescent="0.3">
      <c r="B6338">
        <f t="shared" si="705"/>
        <v>4</v>
      </c>
      <c r="C6338" s="16">
        <v>6304</v>
      </c>
      <c r="D6338" cm="1">
        <f t="array" ref="D6338">IFERROR(INDEX(Jesper!AH$2:AH$366,ROUNDDOWN($C6338/24,0)+1,1)*INDEX($D$3:$AA$30,INDEX(Jesper!$R$2:$R$366,ROW(INDEX(Jesper!AH$2:AH$366,ROUNDDOWN($C6338/24,0)+1,1))-1)+IF('Standard Profiles'!$G$18=$B$10,7,0)+IF('Standard Profiles'!$G$18=$B$17,14,0)+IF('Standard Profiles'!$G$18=$B$24,21,0),MOD($C6338,24)+1)/SUM(INDEX($D$3:$AA$30,INDEX(Jesper!$R$2:$R$366,ROW(INDEX(Jesper!AH$2:AH$366,ROUNDDOWN($C6338/24,0)+1,1))-1)+IF('Standard Profiles'!$G$18=$B$10,7,0)+IF('Standard Profiles'!$G$18=$B$17,14,0)+IF('Standard Profiles'!$G$18=$B$24,21,0),0)),0)</f>
        <v>14.265281544984305</v>
      </c>
      <c r="E6338" cm="1">
        <f t="array" ref="E6338">IFERROR(INDEX(Jesper!AI$2:AI$366,ROUNDDOWN($C6338/24,0)+1,1)*INDEX($D$3:$AA$30,INDEX(Jesper!$R$2:$R$366,ROW(INDEX(Jesper!AI$2:AI$366,ROUNDDOWN($C6338/24,0)+1,1))-1)+IF('Standard Profiles'!$G$19=$B$10,7,0)+IF('Standard Profiles'!$G$19=$B$17,14,0)+IF('Standard Profiles'!$G$19=$B$24,21,0),MOD($C6338,24)+1)/SUM(INDEX($D$3:$AA$30,INDEX(Jesper!$R$2:$R$366,ROW(INDEX(Jesper!AI$2:AI$366,ROUNDDOWN($C6338/24,0)+1,1))-1)+IF('Standard Profiles'!$G$19=$B$10,7,0)+IF('Standard Profiles'!$G$19=$B$17,14,0)+IF('Standard Profiles'!$G$19=$B$24,21,0),0)),0)</f>
        <v>0</v>
      </c>
      <c r="F6338" cm="1">
        <f t="array" ref="F6338">IFERROR(INDEX(Jesper!AJ$2:AJ$366,ROUNDDOWN($C6338/24,0)+1,1)*INDEX($D$3:$AA$30,INDEX(Jesper!$R$2:$R$366,ROW(INDEX(Jesper!AJ$2:AJ$366,ROUNDDOWN($C6338/24,0)+1,1))-1)+IF('Standard Profiles'!$G$20=$B$10,7,0)+IF('Standard Profiles'!$G$20=$B$17,14,0)+IF('Standard Profiles'!$G$20=$B$24,21,0),MOD($C6338,24)+1)/SUM(INDEX($D$3:$AA$30,INDEX(Jesper!$R$2:$R$366,ROW(INDEX(Jesper!AJ$2:AJ$366,ROUNDDOWN($C6338/24,0)+1,1))-1)+IF('Standard Profiles'!$G$20=$B$10,7,0)+IF('Standard Profiles'!$G$20=$B$17,14,0)+IF('Standard Profiles'!$G$20=$B$24,21,0),0)),0)</f>
        <v>0</v>
      </c>
      <c r="G6338" cm="1">
        <f t="array" ref="G6338">IFERROR(INDEX(Jesper!AK$2:AK$366,ROUNDDOWN($C6338/24,0)+1,1)*INDEX($D$3:$AA$30,INDEX(Jesper!$R$2:$R$366,ROW(INDEX(Jesper!AK$2:AK$366,ROUNDDOWN($C6338/24,0)+1,1))-1)+IF('Standard Profiles'!$G$21=$B$10,7,0)+IF('Standard Profiles'!$G$21=$B$17,14,0)+IF('Standard Profiles'!$G$21=$B$24,21,0),MOD($C6338,24)+1)/SUM(INDEX($D$3:$AA$30,INDEX(Jesper!$R$2:$R$366,ROW(INDEX(Jesper!AK$2:AK$366,ROUNDDOWN($C6338/24,0)+1,1))-1)+IF('Standard Profiles'!$G$21=$B$10,7,0)+IF('Standard Profiles'!$G$21=$B$17,14,0)+IF('Standard Profiles'!$G$21=$B$24,21,0),0)),0)</f>
        <v>0</v>
      </c>
      <c r="H6338" cm="1">
        <f t="array" ref="H6338">IFERROR(INDEX(Jesper!AL$2:AL$366,ROUNDDOWN($C6338/24,0)+1,1)*INDEX($D$3:$AA$30,INDEX(Jesper!$R$2:$R$366,ROW(INDEX(Jesper!AL$2:AL$366,ROUNDDOWN($C6338/24,0)+1,1))-1)+IF('Standard Profiles'!$G$22=$B$10,7,0)+IF('Standard Profiles'!$G$22=$B$17,14,0)+IF('Standard Profiles'!$G$22=$B$24,21,0),MOD($C6338,24)+1)/SUM(INDEX($D$3:$AA$30,INDEX(Jesper!$R$2:$R$366,ROW(INDEX(Jesper!AL$2:AL$366,ROUNDDOWN($C6338/24,0)+1,1))-1)+IF('Standard Profiles'!$G$22=$B$10,7,0)+IF('Standard Profiles'!$G$22=$B$17,14,0)+IF('Standard Profiles'!$G$22=$B$24,21,0),0)),0)</f>
        <v>0</v>
      </c>
      <c r="I6338">
        <f t="shared" si="706"/>
        <v>0.42795844634952912</v>
      </c>
      <c r="J6338">
        <f t="shared" si="707"/>
        <v>1.4265281544984305</v>
      </c>
      <c r="K6338">
        <f t="shared" si="708"/>
        <v>2.1397922317476454</v>
      </c>
      <c r="L6338">
        <f t="shared" si="709"/>
        <v>10.271002712388698</v>
      </c>
      <c r="M6338">
        <f t="shared" si="710"/>
        <v>0</v>
      </c>
      <c r="N6338" s="46">
        <f t="shared" si="711"/>
        <v>45554.666666651377</v>
      </c>
    </row>
    <row r="6339" spans="2:14" x14ac:dyDescent="0.3">
      <c r="B6339">
        <f t="shared" si="705"/>
        <v>4</v>
      </c>
      <c r="C6339" s="16">
        <v>6305</v>
      </c>
      <c r="D6339" cm="1">
        <f t="array" ref="D6339">IFERROR(INDEX(Jesper!AH$2:AH$366,ROUNDDOWN($C6339/24,0)+1,1)*INDEX($D$3:$AA$30,INDEX(Jesper!$R$2:$R$366,ROW(INDEX(Jesper!AH$2:AH$366,ROUNDDOWN($C6339/24,0)+1,1))-1)+IF('Standard Profiles'!$G$18=$B$10,7,0)+IF('Standard Profiles'!$G$18=$B$17,14,0)+IF('Standard Profiles'!$G$18=$B$24,21,0),MOD($C6339,24)+1)/SUM(INDEX($D$3:$AA$30,INDEX(Jesper!$R$2:$R$366,ROW(INDEX(Jesper!AH$2:AH$366,ROUNDDOWN($C6339/24,0)+1,1))-1)+IF('Standard Profiles'!$G$18=$B$10,7,0)+IF('Standard Profiles'!$G$18=$B$17,14,0)+IF('Standard Profiles'!$G$18=$B$24,21,0),0)),0)</f>
        <v>14.265281544984305</v>
      </c>
      <c r="E6339" cm="1">
        <f t="array" ref="E6339">IFERROR(INDEX(Jesper!AI$2:AI$366,ROUNDDOWN($C6339/24,0)+1,1)*INDEX($D$3:$AA$30,INDEX(Jesper!$R$2:$R$366,ROW(INDEX(Jesper!AI$2:AI$366,ROUNDDOWN($C6339/24,0)+1,1))-1)+IF('Standard Profiles'!$G$19=$B$10,7,0)+IF('Standard Profiles'!$G$19=$B$17,14,0)+IF('Standard Profiles'!$G$19=$B$24,21,0),MOD($C6339,24)+1)/SUM(INDEX($D$3:$AA$30,INDEX(Jesper!$R$2:$R$366,ROW(INDEX(Jesper!AI$2:AI$366,ROUNDDOWN($C6339/24,0)+1,1))-1)+IF('Standard Profiles'!$G$19=$B$10,7,0)+IF('Standard Profiles'!$G$19=$B$17,14,0)+IF('Standard Profiles'!$G$19=$B$24,21,0),0)),0)</f>
        <v>0</v>
      </c>
      <c r="F6339" cm="1">
        <f t="array" ref="F6339">IFERROR(INDEX(Jesper!AJ$2:AJ$366,ROUNDDOWN($C6339/24,0)+1,1)*INDEX($D$3:$AA$30,INDEX(Jesper!$R$2:$R$366,ROW(INDEX(Jesper!AJ$2:AJ$366,ROUNDDOWN($C6339/24,0)+1,1))-1)+IF('Standard Profiles'!$G$20=$B$10,7,0)+IF('Standard Profiles'!$G$20=$B$17,14,0)+IF('Standard Profiles'!$G$20=$B$24,21,0),MOD($C6339,24)+1)/SUM(INDEX($D$3:$AA$30,INDEX(Jesper!$R$2:$R$366,ROW(INDEX(Jesper!AJ$2:AJ$366,ROUNDDOWN($C6339/24,0)+1,1))-1)+IF('Standard Profiles'!$G$20=$B$10,7,0)+IF('Standard Profiles'!$G$20=$B$17,14,0)+IF('Standard Profiles'!$G$20=$B$24,21,0),0)),0)</f>
        <v>0</v>
      </c>
      <c r="G6339" cm="1">
        <f t="array" ref="G6339">IFERROR(INDEX(Jesper!AK$2:AK$366,ROUNDDOWN($C6339/24,0)+1,1)*INDEX($D$3:$AA$30,INDEX(Jesper!$R$2:$R$366,ROW(INDEX(Jesper!AK$2:AK$366,ROUNDDOWN($C6339/24,0)+1,1))-1)+IF('Standard Profiles'!$G$21=$B$10,7,0)+IF('Standard Profiles'!$G$21=$B$17,14,0)+IF('Standard Profiles'!$G$21=$B$24,21,0),MOD($C6339,24)+1)/SUM(INDEX($D$3:$AA$30,INDEX(Jesper!$R$2:$R$366,ROW(INDEX(Jesper!AK$2:AK$366,ROUNDDOWN($C6339/24,0)+1,1))-1)+IF('Standard Profiles'!$G$21=$B$10,7,0)+IF('Standard Profiles'!$G$21=$B$17,14,0)+IF('Standard Profiles'!$G$21=$B$24,21,0),0)),0)</f>
        <v>0</v>
      </c>
      <c r="H6339" cm="1">
        <f t="array" ref="H6339">IFERROR(INDEX(Jesper!AL$2:AL$366,ROUNDDOWN($C6339/24,0)+1,1)*INDEX($D$3:$AA$30,INDEX(Jesper!$R$2:$R$366,ROW(INDEX(Jesper!AL$2:AL$366,ROUNDDOWN($C6339/24,0)+1,1))-1)+IF('Standard Profiles'!$G$22=$B$10,7,0)+IF('Standard Profiles'!$G$22=$B$17,14,0)+IF('Standard Profiles'!$G$22=$B$24,21,0),MOD($C6339,24)+1)/SUM(INDEX($D$3:$AA$30,INDEX(Jesper!$R$2:$R$366,ROW(INDEX(Jesper!AL$2:AL$366,ROUNDDOWN($C6339/24,0)+1,1))-1)+IF('Standard Profiles'!$G$22=$B$10,7,0)+IF('Standard Profiles'!$G$22=$B$17,14,0)+IF('Standard Profiles'!$G$22=$B$24,21,0),0)),0)</f>
        <v>0</v>
      </c>
      <c r="I6339">
        <f t="shared" si="706"/>
        <v>0.42795844634952912</v>
      </c>
      <c r="J6339">
        <f t="shared" si="707"/>
        <v>1.4265281544984305</v>
      </c>
      <c r="K6339">
        <f t="shared" si="708"/>
        <v>2.1397922317476454</v>
      </c>
      <c r="L6339">
        <f t="shared" si="709"/>
        <v>10.271002712388698</v>
      </c>
      <c r="M6339">
        <f t="shared" si="710"/>
        <v>0</v>
      </c>
      <c r="N6339" s="46">
        <f t="shared" si="711"/>
        <v>45554.708333318042</v>
      </c>
    </row>
    <row r="6340" spans="2:14" x14ac:dyDescent="0.3">
      <c r="B6340">
        <f t="shared" si="705"/>
        <v>4</v>
      </c>
      <c r="C6340" s="16">
        <v>6306</v>
      </c>
      <c r="D6340" cm="1">
        <f t="array" ref="D6340">IFERROR(INDEX(Jesper!AH$2:AH$366,ROUNDDOWN($C6340/24,0)+1,1)*INDEX($D$3:$AA$30,INDEX(Jesper!$R$2:$R$366,ROW(INDEX(Jesper!AH$2:AH$366,ROUNDDOWN($C6340/24,0)+1,1))-1)+IF('Standard Profiles'!$G$18=$B$10,7,0)+IF('Standard Profiles'!$G$18=$B$17,14,0)+IF('Standard Profiles'!$G$18=$B$24,21,0),MOD($C6340,24)+1)/SUM(INDEX($D$3:$AA$30,INDEX(Jesper!$R$2:$R$366,ROW(INDEX(Jesper!AH$2:AH$366,ROUNDDOWN($C6340/24,0)+1,1))-1)+IF('Standard Profiles'!$G$18=$B$10,7,0)+IF('Standard Profiles'!$G$18=$B$17,14,0)+IF('Standard Profiles'!$G$18=$B$24,21,0),0)),0)</f>
        <v>14.265281544984305</v>
      </c>
      <c r="E6340" cm="1">
        <f t="array" ref="E6340">IFERROR(INDEX(Jesper!AI$2:AI$366,ROUNDDOWN($C6340/24,0)+1,1)*INDEX($D$3:$AA$30,INDEX(Jesper!$R$2:$R$366,ROW(INDEX(Jesper!AI$2:AI$366,ROUNDDOWN($C6340/24,0)+1,1))-1)+IF('Standard Profiles'!$G$19=$B$10,7,0)+IF('Standard Profiles'!$G$19=$B$17,14,0)+IF('Standard Profiles'!$G$19=$B$24,21,0),MOD($C6340,24)+1)/SUM(INDEX($D$3:$AA$30,INDEX(Jesper!$R$2:$R$366,ROW(INDEX(Jesper!AI$2:AI$366,ROUNDDOWN($C6340/24,0)+1,1))-1)+IF('Standard Profiles'!$G$19=$B$10,7,0)+IF('Standard Profiles'!$G$19=$B$17,14,0)+IF('Standard Profiles'!$G$19=$B$24,21,0),0)),0)</f>
        <v>0</v>
      </c>
      <c r="F6340" cm="1">
        <f t="array" ref="F6340">IFERROR(INDEX(Jesper!AJ$2:AJ$366,ROUNDDOWN($C6340/24,0)+1,1)*INDEX($D$3:$AA$30,INDEX(Jesper!$R$2:$R$366,ROW(INDEX(Jesper!AJ$2:AJ$366,ROUNDDOWN($C6340/24,0)+1,1))-1)+IF('Standard Profiles'!$G$20=$B$10,7,0)+IF('Standard Profiles'!$G$20=$B$17,14,0)+IF('Standard Profiles'!$G$20=$B$24,21,0),MOD($C6340,24)+1)/SUM(INDEX($D$3:$AA$30,INDEX(Jesper!$R$2:$R$366,ROW(INDEX(Jesper!AJ$2:AJ$366,ROUNDDOWN($C6340/24,0)+1,1))-1)+IF('Standard Profiles'!$G$20=$B$10,7,0)+IF('Standard Profiles'!$G$20=$B$17,14,0)+IF('Standard Profiles'!$G$20=$B$24,21,0),0)),0)</f>
        <v>0</v>
      </c>
      <c r="G6340" cm="1">
        <f t="array" ref="G6340">IFERROR(INDEX(Jesper!AK$2:AK$366,ROUNDDOWN($C6340/24,0)+1,1)*INDEX($D$3:$AA$30,INDEX(Jesper!$R$2:$R$366,ROW(INDEX(Jesper!AK$2:AK$366,ROUNDDOWN($C6340/24,0)+1,1))-1)+IF('Standard Profiles'!$G$21=$B$10,7,0)+IF('Standard Profiles'!$G$21=$B$17,14,0)+IF('Standard Profiles'!$G$21=$B$24,21,0),MOD($C6340,24)+1)/SUM(INDEX($D$3:$AA$30,INDEX(Jesper!$R$2:$R$366,ROW(INDEX(Jesper!AK$2:AK$366,ROUNDDOWN($C6340/24,0)+1,1))-1)+IF('Standard Profiles'!$G$21=$B$10,7,0)+IF('Standard Profiles'!$G$21=$B$17,14,0)+IF('Standard Profiles'!$G$21=$B$24,21,0),0)),0)</f>
        <v>0</v>
      </c>
      <c r="H6340" cm="1">
        <f t="array" ref="H6340">IFERROR(INDEX(Jesper!AL$2:AL$366,ROUNDDOWN($C6340/24,0)+1,1)*INDEX($D$3:$AA$30,INDEX(Jesper!$R$2:$R$366,ROW(INDEX(Jesper!AL$2:AL$366,ROUNDDOWN($C6340/24,0)+1,1))-1)+IF('Standard Profiles'!$G$22=$B$10,7,0)+IF('Standard Profiles'!$G$22=$B$17,14,0)+IF('Standard Profiles'!$G$22=$B$24,21,0),MOD($C6340,24)+1)/SUM(INDEX($D$3:$AA$30,INDEX(Jesper!$R$2:$R$366,ROW(INDEX(Jesper!AL$2:AL$366,ROUNDDOWN($C6340/24,0)+1,1))-1)+IF('Standard Profiles'!$G$22=$B$10,7,0)+IF('Standard Profiles'!$G$22=$B$17,14,0)+IF('Standard Profiles'!$G$22=$B$24,21,0),0)),0)</f>
        <v>0</v>
      </c>
      <c r="I6340">
        <f t="shared" si="706"/>
        <v>0.42795844634952912</v>
      </c>
      <c r="J6340">
        <f t="shared" si="707"/>
        <v>1.4265281544984305</v>
      </c>
      <c r="K6340">
        <f t="shared" si="708"/>
        <v>2.1397922317476454</v>
      </c>
      <c r="L6340">
        <f t="shared" si="709"/>
        <v>10.271002712388698</v>
      </c>
      <c r="M6340">
        <f t="shared" si="710"/>
        <v>0</v>
      </c>
      <c r="N6340" s="46">
        <f t="shared" si="711"/>
        <v>45554.749999984706</v>
      </c>
    </row>
    <row r="6341" spans="2:14" x14ac:dyDescent="0.3">
      <c r="B6341">
        <f t="shared" si="705"/>
        <v>4</v>
      </c>
      <c r="C6341" s="16">
        <v>6307</v>
      </c>
      <c r="D6341" cm="1">
        <f t="array" ref="D6341">IFERROR(INDEX(Jesper!AH$2:AH$366,ROUNDDOWN($C6341/24,0)+1,1)*INDEX($D$3:$AA$30,INDEX(Jesper!$R$2:$R$366,ROW(INDEX(Jesper!AH$2:AH$366,ROUNDDOWN($C6341/24,0)+1,1))-1)+IF('Standard Profiles'!$G$18=$B$10,7,0)+IF('Standard Profiles'!$G$18=$B$17,14,0)+IF('Standard Profiles'!$G$18=$B$24,21,0),MOD($C6341,24)+1)/SUM(INDEX($D$3:$AA$30,INDEX(Jesper!$R$2:$R$366,ROW(INDEX(Jesper!AH$2:AH$366,ROUNDDOWN($C6341/24,0)+1,1))-1)+IF('Standard Profiles'!$G$18=$B$10,7,0)+IF('Standard Profiles'!$G$18=$B$17,14,0)+IF('Standard Profiles'!$G$18=$B$24,21,0),0)),0)</f>
        <v>11.887734620820254</v>
      </c>
      <c r="E6341" cm="1">
        <f t="array" ref="E6341">IFERROR(INDEX(Jesper!AI$2:AI$366,ROUNDDOWN($C6341/24,0)+1,1)*INDEX($D$3:$AA$30,INDEX(Jesper!$R$2:$R$366,ROW(INDEX(Jesper!AI$2:AI$366,ROUNDDOWN($C6341/24,0)+1,1))-1)+IF('Standard Profiles'!$G$19=$B$10,7,0)+IF('Standard Profiles'!$G$19=$B$17,14,0)+IF('Standard Profiles'!$G$19=$B$24,21,0),MOD($C6341,24)+1)/SUM(INDEX($D$3:$AA$30,INDEX(Jesper!$R$2:$R$366,ROW(INDEX(Jesper!AI$2:AI$366,ROUNDDOWN($C6341/24,0)+1,1))-1)+IF('Standard Profiles'!$G$19=$B$10,7,0)+IF('Standard Profiles'!$G$19=$B$17,14,0)+IF('Standard Profiles'!$G$19=$B$24,21,0),0)),0)</f>
        <v>0</v>
      </c>
      <c r="F6341" cm="1">
        <f t="array" ref="F6341">IFERROR(INDEX(Jesper!AJ$2:AJ$366,ROUNDDOWN($C6341/24,0)+1,1)*INDEX($D$3:$AA$30,INDEX(Jesper!$R$2:$R$366,ROW(INDEX(Jesper!AJ$2:AJ$366,ROUNDDOWN($C6341/24,0)+1,1))-1)+IF('Standard Profiles'!$G$20=$B$10,7,0)+IF('Standard Profiles'!$G$20=$B$17,14,0)+IF('Standard Profiles'!$G$20=$B$24,21,0),MOD($C6341,24)+1)/SUM(INDEX($D$3:$AA$30,INDEX(Jesper!$R$2:$R$366,ROW(INDEX(Jesper!AJ$2:AJ$366,ROUNDDOWN($C6341/24,0)+1,1))-1)+IF('Standard Profiles'!$G$20=$B$10,7,0)+IF('Standard Profiles'!$G$20=$B$17,14,0)+IF('Standard Profiles'!$G$20=$B$24,21,0),0)),0)</f>
        <v>0</v>
      </c>
      <c r="G6341" cm="1">
        <f t="array" ref="G6341">IFERROR(INDEX(Jesper!AK$2:AK$366,ROUNDDOWN($C6341/24,0)+1,1)*INDEX($D$3:$AA$30,INDEX(Jesper!$R$2:$R$366,ROW(INDEX(Jesper!AK$2:AK$366,ROUNDDOWN($C6341/24,0)+1,1))-1)+IF('Standard Profiles'!$G$21=$B$10,7,0)+IF('Standard Profiles'!$G$21=$B$17,14,0)+IF('Standard Profiles'!$G$21=$B$24,21,0),MOD($C6341,24)+1)/SUM(INDEX($D$3:$AA$30,INDEX(Jesper!$R$2:$R$366,ROW(INDEX(Jesper!AK$2:AK$366,ROUNDDOWN($C6341/24,0)+1,1))-1)+IF('Standard Profiles'!$G$21=$B$10,7,0)+IF('Standard Profiles'!$G$21=$B$17,14,0)+IF('Standard Profiles'!$G$21=$B$24,21,0),0)),0)</f>
        <v>0</v>
      </c>
      <c r="H6341" cm="1">
        <f t="array" ref="H6341">IFERROR(INDEX(Jesper!AL$2:AL$366,ROUNDDOWN($C6341/24,0)+1,1)*INDEX($D$3:$AA$30,INDEX(Jesper!$R$2:$R$366,ROW(INDEX(Jesper!AL$2:AL$366,ROUNDDOWN($C6341/24,0)+1,1))-1)+IF('Standard Profiles'!$G$22=$B$10,7,0)+IF('Standard Profiles'!$G$22=$B$17,14,0)+IF('Standard Profiles'!$G$22=$B$24,21,0),MOD($C6341,24)+1)/SUM(INDEX($D$3:$AA$30,INDEX(Jesper!$R$2:$R$366,ROW(INDEX(Jesper!AL$2:AL$366,ROUNDDOWN($C6341/24,0)+1,1))-1)+IF('Standard Profiles'!$G$22=$B$10,7,0)+IF('Standard Profiles'!$G$22=$B$17,14,0)+IF('Standard Profiles'!$G$22=$B$24,21,0),0)),0)</f>
        <v>0</v>
      </c>
      <c r="I6341">
        <f t="shared" si="706"/>
        <v>0.35663203862460763</v>
      </c>
      <c r="J6341">
        <f t="shared" si="707"/>
        <v>1.1887734620820254</v>
      </c>
      <c r="K6341">
        <f t="shared" si="708"/>
        <v>1.7831601931230381</v>
      </c>
      <c r="L6341">
        <f t="shared" si="709"/>
        <v>8.5591689269905817</v>
      </c>
      <c r="M6341">
        <f t="shared" si="710"/>
        <v>0</v>
      </c>
      <c r="N6341" s="46">
        <f t="shared" si="711"/>
        <v>45554.79166665137</v>
      </c>
    </row>
    <row r="6342" spans="2:14" x14ac:dyDescent="0.3">
      <c r="B6342">
        <f t="shared" si="705"/>
        <v>4</v>
      </c>
      <c r="C6342" s="16">
        <v>6308</v>
      </c>
      <c r="D6342" cm="1">
        <f t="array" ref="D6342">IFERROR(INDEX(Jesper!AH$2:AH$366,ROUNDDOWN($C6342/24,0)+1,1)*INDEX($D$3:$AA$30,INDEX(Jesper!$R$2:$R$366,ROW(INDEX(Jesper!AH$2:AH$366,ROUNDDOWN($C6342/24,0)+1,1))-1)+IF('Standard Profiles'!$G$18=$B$10,7,0)+IF('Standard Profiles'!$G$18=$B$17,14,0)+IF('Standard Profiles'!$G$18=$B$24,21,0),MOD($C6342,24)+1)/SUM(INDEX($D$3:$AA$30,INDEX(Jesper!$R$2:$R$366,ROW(INDEX(Jesper!AH$2:AH$366,ROUNDDOWN($C6342/24,0)+1,1))-1)+IF('Standard Profiles'!$G$18=$B$10,7,0)+IF('Standard Profiles'!$G$18=$B$17,14,0)+IF('Standard Profiles'!$G$18=$B$24,21,0),0)),0)</f>
        <v>9.5101876966562049</v>
      </c>
      <c r="E6342" cm="1">
        <f t="array" ref="E6342">IFERROR(INDEX(Jesper!AI$2:AI$366,ROUNDDOWN($C6342/24,0)+1,1)*INDEX($D$3:$AA$30,INDEX(Jesper!$R$2:$R$366,ROW(INDEX(Jesper!AI$2:AI$366,ROUNDDOWN($C6342/24,0)+1,1))-1)+IF('Standard Profiles'!$G$19=$B$10,7,0)+IF('Standard Profiles'!$G$19=$B$17,14,0)+IF('Standard Profiles'!$G$19=$B$24,21,0),MOD($C6342,24)+1)/SUM(INDEX($D$3:$AA$30,INDEX(Jesper!$R$2:$R$366,ROW(INDEX(Jesper!AI$2:AI$366,ROUNDDOWN($C6342/24,0)+1,1))-1)+IF('Standard Profiles'!$G$19=$B$10,7,0)+IF('Standard Profiles'!$G$19=$B$17,14,0)+IF('Standard Profiles'!$G$19=$B$24,21,0),0)),0)</f>
        <v>0</v>
      </c>
      <c r="F6342" cm="1">
        <f t="array" ref="F6342">IFERROR(INDEX(Jesper!AJ$2:AJ$366,ROUNDDOWN($C6342/24,0)+1,1)*INDEX($D$3:$AA$30,INDEX(Jesper!$R$2:$R$366,ROW(INDEX(Jesper!AJ$2:AJ$366,ROUNDDOWN($C6342/24,0)+1,1))-1)+IF('Standard Profiles'!$G$20=$B$10,7,0)+IF('Standard Profiles'!$G$20=$B$17,14,0)+IF('Standard Profiles'!$G$20=$B$24,21,0),MOD($C6342,24)+1)/SUM(INDEX($D$3:$AA$30,INDEX(Jesper!$R$2:$R$366,ROW(INDEX(Jesper!AJ$2:AJ$366,ROUNDDOWN($C6342/24,0)+1,1))-1)+IF('Standard Profiles'!$G$20=$B$10,7,0)+IF('Standard Profiles'!$G$20=$B$17,14,0)+IF('Standard Profiles'!$G$20=$B$24,21,0),0)),0)</f>
        <v>0</v>
      </c>
      <c r="G6342" cm="1">
        <f t="array" ref="G6342">IFERROR(INDEX(Jesper!AK$2:AK$366,ROUNDDOWN($C6342/24,0)+1,1)*INDEX($D$3:$AA$30,INDEX(Jesper!$R$2:$R$366,ROW(INDEX(Jesper!AK$2:AK$366,ROUNDDOWN($C6342/24,0)+1,1))-1)+IF('Standard Profiles'!$G$21=$B$10,7,0)+IF('Standard Profiles'!$G$21=$B$17,14,0)+IF('Standard Profiles'!$G$21=$B$24,21,0),MOD($C6342,24)+1)/SUM(INDEX($D$3:$AA$30,INDEX(Jesper!$R$2:$R$366,ROW(INDEX(Jesper!AK$2:AK$366,ROUNDDOWN($C6342/24,0)+1,1))-1)+IF('Standard Profiles'!$G$21=$B$10,7,0)+IF('Standard Profiles'!$G$21=$B$17,14,0)+IF('Standard Profiles'!$G$21=$B$24,21,0),0)),0)</f>
        <v>0</v>
      </c>
      <c r="H6342" cm="1">
        <f t="array" ref="H6342">IFERROR(INDEX(Jesper!AL$2:AL$366,ROUNDDOWN($C6342/24,0)+1,1)*INDEX($D$3:$AA$30,INDEX(Jesper!$R$2:$R$366,ROW(INDEX(Jesper!AL$2:AL$366,ROUNDDOWN($C6342/24,0)+1,1))-1)+IF('Standard Profiles'!$G$22=$B$10,7,0)+IF('Standard Profiles'!$G$22=$B$17,14,0)+IF('Standard Profiles'!$G$22=$B$24,21,0),MOD($C6342,24)+1)/SUM(INDEX($D$3:$AA$30,INDEX(Jesper!$R$2:$R$366,ROW(INDEX(Jesper!AL$2:AL$366,ROUNDDOWN($C6342/24,0)+1,1))-1)+IF('Standard Profiles'!$G$22=$B$10,7,0)+IF('Standard Profiles'!$G$22=$B$17,14,0)+IF('Standard Profiles'!$G$22=$B$24,21,0),0)),0)</f>
        <v>0</v>
      </c>
      <c r="I6342">
        <f t="shared" si="706"/>
        <v>0.28530563089968614</v>
      </c>
      <c r="J6342">
        <f t="shared" si="707"/>
        <v>0.95101876966562049</v>
      </c>
      <c r="K6342">
        <f t="shared" si="708"/>
        <v>1.4265281544984307</v>
      </c>
      <c r="L6342">
        <f t="shared" si="709"/>
        <v>6.8473351415924677</v>
      </c>
      <c r="M6342">
        <f t="shared" si="710"/>
        <v>0</v>
      </c>
      <c r="N6342" s="46">
        <f t="shared" si="711"/>
        <v>45554.833333318034</v>
      </c>
    </row>
    <row r="6343" spans="2:14" x14ac:dyDescent="0.3">
      <c r="B6343">
        <f t="shared" si="705"/>
        <v>4</v>
      </c>
      <c r="C6343" s="16">
        <v>6309</v>
      </c>
      <c r="D6343" cm="1">
        <f t="array" ref="D6343">IFERROR(INDEX(Jesper!AH$2:AH$366,ROUNDDOWN($C6343/24,0)+1,1)*INDEX($D$3:$AA$30,INDEX(Jesper!$R$2:$R$366,ROW(INDEX(Jesper!AH$2:AH$366,ROUNDDOWN($C6343/24,0)+1,1))-1)+IF('Standard Profiles'!$G$18=$B$10,7,0)+IF('Standard Profiles'!$G$18=$B$17,14,0)+IF('Standard Profiles'!$G$18=$B$24,21,0),MOD($C6343,24)+1)/SUM(INDEX($D$3:$AA$30,INDEX(Jesper!$R$2:$R$366,ROW(INDEX(Jesper!AH$2:AH$366,ROUNDDOWN($C6343/24,0)+1,1))-1)+IF('Standard Profiles'!$G$18=$B$10,7,0)+IF('Standard Profiles'!$G$18=$B$17,14,0)+IF('Standard Profiles'!$G$18=$B$24,21,0),0)),0)</f>
        <v>7.1326407724921523</v>
      </c>
      <c r="E6343" cm="1">
        <f t="array" ref="E6343">IFERROR(INDEX(Jesper!AI$2:AI$366,ROUNDDOWN($C6343/24,0)+1,1)*INDEX($D$3:$AA$30,INDEX(Jesper!$R$2:$R$366,ROW(INDEX(Jesper!AI$2:AI$366,ROUNDDOWN($C6343/24,0)+1,1))-1)+IF('Standard Profiles'!$G$19=$B$10,7,0)+IF('Standard Profiles'!$G$19=$B$17,14,0)+IF('Standard Profiles'!$G$19=$B$24,21,0),MOD($C6343,24)+1)/SUM(INDEX($D$3:$AA$30,INDEX(Jesper!$R$2:$R$366,ROW(INDEX(Jesper!AI$2:AI$366,ROUNDDOWN($C6343/24,0)+1,1))-1)+IF('Standard Profiles'!$G$19=$B$10,7,0)+IF('Standard Profiles'!$G$19=$B$17,14,0)+IF('Standard Profiles'!$G$19=$B$24,21,0),0)),0)</f>
        <v>0</v>
      </c>
      <c r="F6343" cm="1">
        <f t="array" ref="F6343">IFERROR(INDEX(Jesper!AJ$2:AJ$366,ROUNDDOWN($C6343/24,0)+1,1)*INDEX($D$3:$AA$30,INDEX(Jesper!$R$2:$R$366,ROW(INDEX(Jesper!AJ$2:AJ$366,ROUNDDOWN($C6343/24,0)+1,1))-1)+IF('Standard Profiles'!$G$20=$B$10,7,0)+IF('Standard Profiles'!$G$20=$B$17,14,0)+IF('Standard Profiles'!$G$20=$B$24,21,0),MOD($C6343,24)+1)/SUM(INDEX($D$3:$AA$30,INDEX(Jesper!$R$2:$R$366,ROW(INDEX(Jesper!AJ$2:AJ$366,ROUNDDOWN($C6343/24,0)+1,1))-1)+IF('Standard Profiles'!$G$20=$B$10,7,0)+IF('Standard Profiles'!$G$20=$B$17,14,0)+IF('Standard Profiles'!$G$20=$B$24,21,0),0)),0)</f>
        <v>0</v>
      </c>
      <c r="G6343" cm="1">
        <f t="array" ref="G6343">IFERROR(INDEX(Jesper!AK$2:AK$366,ROUNDDOWN($C6343/24,0)+1,1)*INDEX($D$3:$AA$30,INDEX(Jesper!$R$2:$R$366,ROW(INDEX(Jesper!AK$2:AK$366,ROUNDDOWN($C6343/24,0)+1,1))-1)+IF('Standard Profiles'!$G$21=$B$10,7,0)+IF('Standard Profiles'!$G$21=$B$17,14,0)+IF('Standard Profiles'!$G$21=$B$24,21,0),MOD($C6343,24)+1)/SUM(INDEX($D$3:$AA$30,INDEX(Jesper!$R$2:$R$366,ROW(INDEX(Jesper!AK$2:AK$366,ROUNDDOWN($C6343/24,0)+1,1))-1)+IF('Standard Profiles'!$G$21=$B$10,7,0)+IF('Standard Profiles'!$G$21=$B$17,14,0)+IF('Standard Profiles'!$G$21=$B$24,21,0),0)),0)</f>
        <v>0</v>
      </c>
      <c r="H6343" cm="1">
        <f t="array" ref="H6343">IFERROR(INDEX(Jesper!AL$2:AL$366,ROUNDDOWN($C6343/24,0)+1,1)*INDEX($D$3:$AA$30,INDEX(Jesper!$R$2:$R$366,ROW(INDEX(Jesper!AL$2:AL$366,ROUNDDOWN($C6343/24,0)+1,1))-1)+IF('Standard Profiles'!$G$22=$B$10,7,0)+IF('Standard Profiles'!$G$22=$B$17,14,0)+IF('Standard Profiles'!$G$22=$B$24,21,0),MOD($C6343,24)+1)/SUM(INDEX($D$3:$AA$30,INDEX(Jesper!$R$2:$R$366,ROW(INDEX(Jesper!AL$2:AL$366,ROUNDDOWN($C6343/24,0)+1,1))-1)+IF('Standard Profiles'!$G$22=$B$10,7,0)+IF('Standard Profiles'!$G$22=$B$17,14,0)+IF('Standard Profiles'!$G$22=$B$24,21,0),0)),0)</f>
        <v>0</v>
      </c>
      <c r="I6343">
        <f t="shared" si="706"/>
        <v>0.21397922317476456</v>
      </c>
      <c r="J6343">
        <f t="shared" si="707"/>
        <v>0.71326407724921526</v>
      </c>
      <c r="K6343">
        <f t="shared" si="708"/>
        <v>1.0698961158738227</v>
      </c>
      <c r="L6343">
        <f t="shared" si="709"/>
        <v>5.1355013561943492</v>
      </c>
      <c r="M6343">
        <f t="shared" si="710"/>
        <v>0</v>
      </c>
      <c r="N6343" s="46">
        <f t="shared" si="711"/>
        <v>45554.874999984699</v>
      </c>
    </row>
    <row r="6344" spans="2:14" x14ac:dyDescent="0.3">
      <c r="B6344">
        <f t="shared" si="705"/>
        <v>4</v>
      </c>
      <c r="C6344" s="16">
        <v>6310</v>
      </c>
      <c r="D6344" cm="1">
        <f t="array" ref="D6344">IFERROR(INDEX(Jesper!AH$2:AH$366,ROUNDDOWN($C6344/24,0)+1,1)*INDEX($D$3:$AA$30,INDEX(Jesper!$R$2:$R$366,ROW(INDEX(Jesper!AH$2:AH$366,ROUNDDOWN($C6344/24,0)+1,1))-1)+IF('Standard Profiles'!$G$18=$B$10,7,0)+IF('Standard Profiles'!$G$18=$B$17,14,0)+IF('Standard Profiles'!$G$18=$B$24,21,0),MOD($C6344,24)+1)/SUM(INDEX($D$3:$AA$30,INDEX(Jesper!$R$2:$R$366,ROW(INDEX(Jesper!AH$2:AH$366,ROUNDDOWN($C6344/24,0)+1,1))-1)+IF('Standard Profiles'!$G$18=$B$10,7,0)+IF('Standard Profiles'!$G$18=$B$17,14,0)+IF('Standard Profiles'!$G$18=$B$24,21,0),0)),0)</f>
        <v>7.1326407724921523</v>
      </c>
      <c r="E6344" cm="1">
        <f t="array" ref="E6344">IFERROR(INDEX(Jesper!AI$2:AI$366,ROUNDDOWN($C6344/24,0)+1,1)*INDEX($D$3:$AA$30,INDEX(Jesper!$R$2:$R$366,ROW(INDEX(Jesper!AI$2:AI$366,ROUNDDOWN($C6344/24,0)+1,1))-1)+IF('Standard Profiles'!$G$19=$B$10,7,0)+IF('Standard Profiles'!$G$19=$B$17,14,0)+IF('Standard Profiles'!$G$19=$B$24,21,0),MOD($C6344,24)+1)/SUM(INDEX($D$3:$AA$30,INDEX(Jesper!$R$2:$R$366,ROW(INDEX(Jesper!AI$2:AI$366,ROUNDDOWN($C6344/24,0)+1,1))-1)+IF('Standard Profiles'!$G$19=$B$10,7,0)+IF('Standard Profiles'!$G$19=$B$17,14,0)+IF('Standard Profiles'!$G$19=$B$24,21,0),0)),0)</f>
        <v>0</v>
      </c>
      <c r="F6344" cm="1">
        <f t="array" ref="F6344">IFERROR(INDEX(Jesper!AJ$2:AJ$366,ROUNDDOWN($C6344/24,0)+1,1)*INDEX($D$3:$AA$30,INDEX(Jesper!$R$2:$R$366,ROW(INDEX(Jesper!AJ$2:AJ$366,ROUNDDOWN($C6344/24,0)+1,1))-1)+IF('Standard Profiles'!$G$20=$B$10,7,0)+IF('Standard Profiles'!$G$20=$B$17,14,0)+IF('Standard Profiles'!$G$20=$B$24,21,0),MOD($C6344,24)+1)/SUM(INDEX($D$3:$AA$30,INDEX(Jesper!$R$2:$R$366,ROW(INDEX(Jesper!AJ$2:AJ$366,ROUNDDOWN($C6344/24,0)+1,1))-1)+IF('Standard Profiles'!$G$20=$B$10,7,0)+IF('Standard Profiles'!$G$20=$B$17,14,0)+IF('Standard Profiles'!$G$20=$B$24,21,0),0)),0)</f>
        <v>0</v>
      </c>
      <c r="G6344" cm="1">
        <f t="array" ref="G6344">IFERROR(INDEX(Jesper!AK$2:AK$366,ROUNDDOWN($C6344/24,0)+1,1)*INDEX($D$3:$AA$30,INDEX(Jesper!$R$2:$R$366,ROW(INDEX(Jesper!AK$2:AK$366,ROUNDDOWN($C6344/24,0)+1,1))-1)+IF('Standard Profiles'!$G$21=$B$10,7,0)+IF('Standard Profiles'!$G$21=$B$17,14,0)+IF('Standard Profiles'!$G$21=$B$24,21,0),MOD($C6344,24)+1)/SUM(INDEX($D$3:$AA$30,INDEX(Jesper!$R$2:$R$366,ROW(INDEX(Jesper!AK$2:AK$366,ROUNDDOWN($C6344/24,0)+1,1))-1)+IF('Standard Profiles'!$G$21=$B$10,7,0)+IF('Standard Profiles'!$G$21=$B$17,14,0)+IF('Standard Profiles'!$G$21=$B$24,21,0),0)),0)</f>
        <v>0</v>
      </c>
      <c r="H6344" cm="1">
        <f t="array" ref="H6344">IFERROR(INDEX(Jesper!AL$2:AL$366,ROUNDDOWN($C6344/24,0)+1,1)*INDEX($D$3:$AA$30,INDEX(Jesper!$R$2:$R$366,ROW(INDEX(Jesper!AL$2:AL$366,ROUNDDOWN($C6344/24,0)+1,1))-1)+IF('Standard Profiles'!$G$22=$B$10,7,0)+IF('Standard Profiles'!$G$22=$B$17,14,0)+IF('Standard Profiles'!$G$22=$B$24,21,0),MOD($C6344,24)+1)/SUM(INDEX($D$3:$AA$30,INDEX(Jesper!$R$2:$R$366,ROW(INDEX(Jesper!AL$2:AL$366,ROUNDDOWN($C6344/24,0)+1,1))-1)+IF('Standard Profiles'!$G$22=$B$10,7,0)+IF('Standard Profiles'!$G$22=$B$17,14,0)+IF('Standard Profiles'!$G$22=$B$24,21,0),0)),0)</f>
        <v>0</v>
      </c>
      <c r="I6344">
        <f t="shared" si="706"/>
        <v>0.21397922317476456</v>
      </c>
      <c r="J6344">
        <f t="shared" si="707"/>
        <v>0.71326407724921526</v>
      </c>
      <c r="K6344">
        <f t="shared" si="708"/>
        <v>1.0698961158738227</v>
      </c>
      <c r="L6344">
        <f t="shared" si="709"/>
        <v>5.1355013561943492</v>
      </c>
      <c r="M6344">
        <f t="shared" si="710"/>
        <v>0</v>
      </c>
      <c r="N6344" s="46">
        <f t="shared" si="711"/>
        <v>45554.916666651363</v>
      </c>
    </row>
    <row r="6345" spans="2:14" x14ac:dyDescent="0.3">
      <c r="B6345">
        <f t="shared" si="705"/>
        <v>4</v>
      </c>
      <c r="C6345" s="16">
        <v>6311</v>
      </c>
      <c r="D6345" cm="1">
        <f t="array" ref="D6345">IFERROR(INDEX(Jesper!AH$2:AH$366,ROUNDDOWN($C6345/24,0)+1,1)*INDEX($D$3:$AA$30,INDEX(Jesper!$R$2:$R$366,ROW(INDEX(Jesper!AH$2:AH$366,ROUNDDOWN($C6345/24,0)+1,1))-1)+IF('Standard Profiles'!$G$18=$B$10,7,0)+IF('Standard Profiles'!$G$18=$B$17,14,0)+IF('Standard Profiles'!$G$18=$B$24,21,0),MOD($C6345,24)+1)/SUM(INDEX($D$3:$AA$30,INDEX(Jesper!$R$2:$R$366,ROW(INDEX(Jesper!AH$2:AH$366,ROUNDDOWN($C6345/24,0)+1,1))-1)+IF('Standard Profiles'!$G$18=$B$10,7,0)+IF('Standard Profiles'!$G$18=$B$17,14,0)+IF('Standard Profiles'!$G$18=$B$24,21,0),0)),0)</f>
        <v>7.1326407724921523</v>
      </c>
      <c r="E6345" cm="1">
        <f t="array" ref="E6345">IFERROR(INDEX(Jesper!AI$2:AI$366,ROUNDDOWN($C6345/24,0)+1,1)*INDEX($D$3:$AA$30,INDEX(Jesper!$R$2:$R$366,ROW(INDEX(Jesper!AI$2:AI$366,ROUNDDOWN($C6345/24,0)+1,1))-1)+IF('Standard Profiles'!$G$19=$B$10,7,0)+IF('Standard Profiles'!$G$19=$B$17,14,0)+IF('Standard Profiles'!$G$19=$B$24,21,0),MOD($C6345,24)+1)/SUM(INDEX($D$3:$AA$30,INDEX(Jesper!$R$2:$R$366,ROW(INDEX(Jesper!AI$2:AI$366,ROUNDDOWN($C6345/24,0)+1,1))-1)+IF('Standard Profiles'!$G$19=$B$10,7,0)+IF('Standard Profiles'!$G$19=$B$17,14,0)+IF('Standard Profiles'!$G$19=$B$24,21,0),0)),0)</f>
        <v>0</v>
      </c>
      <c r="F6345" cm="1">
        <f t="array" ref="F6345">IFERROR(INDEX(Jesper!AJ$2:AJ$366,ROUNDDOWN($C6345/24,0)+1,1)*INDEX($D$3:$AA$30,INDEX(Jesper!$R$2:$R$366,ROW(INDEX(Jesper!AJ$2:AJ$366,ROUNDDOWN($C6345/24,0)+1,1))-1)+IF('Standard Profiles'!$G$20=$B$10,7,0)+IF('Standard Profiles'!$G$20=$B$17,14,0)+IF('Standard Profiles'!$G$20=$B$24,21,0),MOD($C6345,24)+1)/SUM(INDEX($D$3:$AA$30,INDEX(Jesper!$R$2:$R$366,ROW(INDEX(Jesper!AJ$2:AJ$366,ROUNDDOWN($C6345/24,0)+1,1))-1)+IF('Standard Profiles'!$G$20=$B$10,7,0)+IF('Standard Profiles'!$G$20=$B$17,14,0)+IF('Standard Profiles'!$G$20=$B$24,21,0),0)),0)</f>
        <v>0</v>
      </c>
      <c r="G6345" cm="1">
        <f t="array" ref="G6345">IFERROR(INDEX(Jesper!AK$2:AK$366,ROUNDDOWN($C6345/24,0)+1,1)*INDEX($D$3:$AA$30,INDEX(Jesper!$R$2:$R$366,ROW(INDEX(Jesper!AK$2:AK$366,ROUNDDOWN($C6345/24,0)+1,1))-1)+IF('Standard Profiles'!$G$21=$B$10,7,0)+IF('Standard Profiles'!$G$21=$B$17,14,0)+IF('Standard Profiles'!$G$21=$B$24,21,0),MOD($C6345,24)+1)/SUM(INDEX($D$3:$AA$30,INDEX(Jesper!$R$2:$R$366,ROW(INDEX(Jesper!AK$2:AK$366,ROUNDDOWN($C6345/24,0)+1,1))-1)+IF('Standard Profiles'!$G$21=$B$10,7,0)+IF('Standard Profiles'!$G$21=$B$17,14,0)+IF('Standard Profiles'!$G$21=$B$24,21,0),0)),0)</f>
        <v>0</v>
      </c>
      <c r="H6345" cm="1">
        <f t="array" ref="H6345">IFERROR(INDEX(Jesper!AL$2:AL$366,ROUNDDOWN($C6345/24,0)+1,1)*INDEX($D$3:$AA$30,INDEX(Jesper!$R$2:$R$366,ROW(INDEX(Jesper!AL$2:AL$366,ROUNDDOWN($C6345/24,0)+1,1))-1)+IF('Standard Profiles'!$G$22=$B$10,7,0)+IF('Standard Profiles'!$G$22=$B$17,14,0)+IF('Standard Profiles'!$G$22=$B$24,21,0),MOD($C6345,24)+1)/SUM(INDEX($D$3:$AA$30,INDEX(Jesper!$R$2:$R$366,ROW(INDEX(Jesper!AL$2:AL$366,ROUNDDOWN($C6345/24,0)+1,1))-1)+IF('Standard Profiles'!$G$22=$B$10,7,0)+IF('Standard Profiles'!$G$22=$B$17,14,0)+IF('Standard Profiles'!$G$22=$B$24,21,0),0)),0)</f>
        <v>0</v>
      </c>
      <c r="I6345">
        <f t="shared" si="706"/>
        <v>0.21397922317476456</v>
      </c>
      <c r="J6345">
        <f t="shared" si="707"/>
        <v>0.71326407724921526</v>
      </c>
      <c r="K6345">
        <f t="shared" si="708"/>
        <v>1.0698961158738227</v>
      </c>
      <c r="L6345">
        <f t="shared" si="709"/>
        <v>5.1355013561943492</v>
      </c>
      <c r="M6345">
        <f t="shared" si="710"/>
        <v>0</v>
      </c>
      <c r="N6345" s="46">
        <f t="shared" si="711"/>
        <v>45554.958333318027</v>
      </c>
    </row>
    <row r="6346" spans="2:14" x14ac:dyDescent="0.3">
      <c r="B6346">
        <f t="shared" si="705"/>
        <v>5</v>
      </c>
      <c r="C6346" s="16">
        <v>6312</v>
      </c>
      <c r="D6346" cm="1">
        <f t="array" ref="D6346">IFERROR(INDEX(Jesper!AH$2:AH$366,ROUNDDOWN($C6346/24,0)+1,1)*INDEX($D$3:$AA$30,INDEX(Jesper!$R$2:$R$366,ROW(INDEX(Jesper!AH$2:AH$366,ROUNDDOWN($C6346/24,0)+1,1))-1)+IF('Standard Profiles'!$G$18=$B$10,7,0)+IF('Standard Profiles'!$G$18=$B$17,14,0)+IF('Standard Profiles'!$G$18=$B$24,21,0),MOD($C6346,24)+1)/SUM(INDEX($D$3:$AA$30,INDEX(Jesper!$R$2:$R$366,ROW(INDEX(Jesper!AH$2:AH$366,ROUNDDOWN($C6346/24,0)+1,1))-1)+IF('Standard Profiles'!$G$18=$B$10,7,0)+IF('Standard Profiles'!$G$18=$B$17,14,0)+IF('Standard Profiles'!$G$18=$B$24,21,0),0)),0)</f>
        <v>7.7317455572359739</v>
      </c>
      <c r="E6346" cm="1">
        <f t="array" ref="E6346">IFERROR(INDEX(Jesper!AI$2:AI$366,ROUNDDOWN($C6346/24,0)+1,1)*INDEX($D$3:$AA$30,INDEX(Jesper!$R$2:$R$366,ROW(INDEX(Jesper!AI$2:AI$366,ROUNDDOWN($C6346/24,0)+1,1))-1)+IF('Standard Profiles'!$G$19=$B$10,7,0)+IF('Standard Profiles'!$G$19=$B$17,14,0)+IF('Standard Profiles'!$G$19=$B$24,21,0),MOD($C6346,24)+1)/SUM(INDEX($D$3:$AA$30,INDEX(Jesper!$R$2:$R$366,ROW(INDEX(Jesper!AI$2:AI$366,ROUNDDOWN($C6346/24,0)+1,1))-1)+IF('Standard Profiles'!$G$19=$B$10,7,0)+IF('Standard Profiles'!$G$19=$B$17,14,0)+IF('Standard Profiles'!$G$19=$B$24,21,0),0)),0)</f>
        <v>0</v>
      </c>
      <c r="F6346" cm="1">
        <f t="array" ref="F6346">IFERROR(INDEX(Jesper!AJ$2:AJ$366,ROUNDDOWN($C6346/24,0)+1,1)*INDEX($D$3:$AA$30,INDEX(Jesper!$R$2:$R$366,ROW(INDEX(Jesper!AJ$2:AJ$366,ROUNDDOWN($C6346/24,0)+1,1))-1)+IF('Standard Profiles'!$G$20=$B$10,7,0)+IF('Standard Profiles'!$G$20=$B$17,14,0)+IF('Standard Profiles'!$G$20=$B$24,21,0),MOD($C6346,24)+1)/SUM(INDEX($D$3:$AA$30,INDEX(Jesper!$R$2:$R$366,ROW(INDEX(Jesper!AJ$2:AJ$366,ROUNDDOWN($C6346/24,0)+1,1))-1)+IF('Standard Profiles'!$G$20=$B$10,7,0)+IF('Standard Profiles'!$G$20=$B$17,14,0)+IF('Standard Profiles'!$G$20=$B$24,21,0),0)),0)</f>
        <v>0</v>
      </c>
      <c r="G6346" cm="1">
        <f t="array" ref="G6346">IFERROR(INDEX(Jesper!AK$2:AK$366,ROUNDDOWN($C6346/24,0)+1,1)*INDEX($D$3:$AA$30,INDEX(Jesper!$R$2:$R$366,ROW(INDEX(Jesper!AK$2:AK$366,ROUNDDOWN($C6346/24,0)+1,1))-1)+IF('Standard Profiles'!$G$21=$B$10,7,0)+IF('Standard Profiles'!$G$21=$B$17,14,0)+IF('Standard Profiles'!$G$21=$B$24,21,0),MOD($C6346,24)+1)/SUM(INDEX($D$3:$AA$30,INDEX(Jesper!$R$2:$R$366,ROW(INDEX(Jesper!AK$2:AK$366,ROUNDDOWN($C6346/24,0)+1,1))-1)+IF('Standard Profiles'!$G$21=$B$10,7,0)+IF('Standard Profiles'!$G$21=$B$17,14,0)+IF('Standard Profiles'!$G$21=$B$24,21,0),0)),0)</f>
        <v>0</v>
      </c>
      <c r="H6346" cm="1">
        <f t="array" ref="H6346">IFERROR(INDEX(Jesper!AL$2:AL$366,ROUNDDOWN($C6346/24,0)+1,1)*INDEX($D$3:$AA$30,INDEX(Jesper!$R$2:$R$366,ROW(INDEX(Jesper!AL$2:AL$366,ROUNDDOWN($C6346/24,0)+1,1))-1)+IF('Standard Profiles'!$G$22=$B$10,7,0)+IF('Standard Profiles'!$G$22=$B$17,14,0)+IF('Standard Profiles'!$G$22=$B$24,21,0),MOD($C6346,24)+1)/SUM(INDEX($D$3:$AA$30,INDEX(Jesper!$R$2:$R$366,ROW(INDEX(Jesper!AL$2:AL$366,ROUNDDOWN($C6346/24,0)+1,1))-1)+IF('Standard Profiles'!$G$22=$B$10,7,0)+IF('Standard Profiles'!$G$22=$B$17,14,0)+IF('Standard Profiles'!$G$22=$B$24,21,0),0)),0)</f>
        <v>0</v>
      </c>
      <c r="I6346">
        <f t="shared" si="706"/>
        <v>0.23195236671707919</v>
      </c>
      <c r="J6346">
        <f t="shared" si="707"/>
        <v>0.77317455572359739</v>
      </c>
      <c r="K6346">
        <f t="shared" si="708"/>
        <v>1.1597618335853961</v>
      </c>
      <c r="L6346">
        <f t="shared" si="709"/>
        <v>5.5668568012099007</v>
      </c>
      <c r="M6346">
        <f t="shared" si="710"/>
        <v>0</v>
      </c>
      <c r="N6346" s="46">
        <f t="shared" si="711"/>
        <v>45554.999999984691</v>
      </c>
    </row>
    <row r="6347" spans="2:14" x14ac:dyDescent="0.3">
      <c r="B6347">
        <f t="shared" si="705"/>
        <v>5</v>
      </c>
      <c r="C6347" s="16">
        <v>6313</v>
      </c>
      <c r="D6347" cm="1">
        <f t="array" ref="D6347">IFERROR(INDEX(Jesper!AH$2:AH$366,ROUNDDOWN($C6347/24,0)+1,1)*INDEX($D$3:$AA$30,INDEX(Jesper!$R$2:$R$366,ROW(INDEX(Jesper!AH$2:AH$366,ROUNDDOWN($C6347/24,0)+1,1))-1)+IF('Standard Profiles'!$G$18=$B$10,7,0)+IF('Standard Profiles'!$G$18=$B$17,14,0)+IF('Standard Profiles'!$G$18=$B$24,21,0),MOD($C6347,24)+1)/SUM(INDEX($D$3:$AA$30,INDEX(Jesper!$R$2:$R$366,ROW(INDEX(Jesper!AH$2:AH$366,ROUNDDOWN($C6347/24,0)+1,1))-1)+IF('Standard Profiles'!$G$18=$B$10,7,0)+IF('Standard Profiles'!$G$18=$B$17,14,0)+IF('Standard Profiles'!$G$18=$B$24,21,0),0)),0)</f>
        <v>7.7317455572359739</v>
      </c>
      <c r="E6347" cm="1">
        <f t="array" ref="E6347">IFERROR(INDEX(Jesper!AI$2:AI$366,ROUNDDOWN($C6347/24,0)+1,1)*INDEX($D$3:$AA$30,INDEX(Jesper!$R$2:$R$366,ROW(INDEX(Jesper!AI$2:AI$366,ROUNDDOWN($C6347/24,0)+1,1))-1)+IF('Standard Profiles'!$G$19=$B$10,7,0)+IF('Standard Profiles'!$G$19=$B$17,14,0)+IF('Standard Profiles'!$G$19=$B$24,21,0),MOD($C6347,24)+1)/SUM(INDEX($D$3:$AA$30,INDEX(Jesper!$R$2:$R$366,ROW(INDEX(Jesper!AI$2:AI$366,ROUNDDOWN($C6347/24,0)+1,1))-1)+IF('Standard Profiles'!$G$19=$B$10,7,0)+IF('Standard Profiles'!$G$19=$B$17,14,0)+IF('Standard Profiles'!$G$19=$B$24,21,0),0)),0)</f>
        <v>0</v>
      </c>
      <c r="F6347" cm="1">
        <f t="array" ref="F6347">IFERROR(INDEX(Jesper!AJ$2:AJ$366,ROUNDDOWN($C6347/24,0)+1,1)*INDEX($D$3:$AA$30,INDEX(Jesper!$R$2:$R$366,ROW(INDEX(Jesper!AJ$2:AJ$366,ROUNDDOWN($C6347/24,0)+1,1))-1)+IF('Standard Profiles'!$G$20=$B$10,7,0)+IF('Standard Profiles'!$G$20=$B$17,14,0)+IF('Standard Profiles'!$G$20=$B$24,21,0),MOD($C6347,24)+1)/SUM(INDEX($D$3:$AA$30,INDEX(Jesper!$R$2:$R$366,ROW(INDEX(Jesper!AJ$2:AJ$366,ROUNDDOWN($C6347/24,0)+1,1))-1)+IF('Standard Profiles'!$G$20=$B$10,7,0)+IF('Standard Profiles'!$G$20=$B$17,14,0)+IF('Standard Profiles'!$G$20=$B$24,21,0),0)),0)</f>
        <v>0</v>
      </c>
      <c r="G6347" cm="1">
        <f t="array" ref="G6347">IFERROR(INDEX(Jesper!AK$2:AK$366,ROUNDDOWN($C6347/24,0)+1,1)*INDEX($D$3:$AA$30,INDEX(Jesper!$R$2:$R$366,ROW(INDEX(Jesper!AK$2:AK$366,ROUNDDOWN($C6347/24,0)+1,1))-1)+IF('Standard Profiles'!$G$21=$B$10,7,0)+IF('Standard Profiles'!$G$21=$B$17,14,0)+IF('Standard Profiles'!$G$21=$B$24,21,0),MOD($C6347,24)+1)/SUM(INDEX($D$3:$AA$30,INDEX(Jesper!$R$2:$R$366,ROW(INDEX(Jesper!AK$2:AK$366,ROUNDDOWN($C6347/24,0)+1,1))-1)+IF('Standard Profiles'!$G$21=$B$10,7,0)+IF('Standard Profiles'!$G$21=$B$17,14,0)+IF('Standard Profiles'!$G$21=$B$24,21,0),0)),0)</f>
        <v>0</v>
      </c>
      <c r="H6347" cm="1">
        <f t="array" ref="H6347">IFERROR(INDEX(Jesper!AL$2:AL$366,ROUNDDOWN($C6347/24,0)+1,1)*INDEX($D$3:$AA$30,INDEX(Jesper!$R$2:$R$366,ROW(INDEX(Jesper!AL$2:AL$366,ROUNDDOWN($C6347/24,0)+1,1))-1)+IF('Standard Profiles'!$G$22=$B$10,7,0)+IF('Standard Profiles'!$G$22=$B$17,14,0)+IF('Standard Profiles'!$G$22=$B$24,21,0),MOD($C6347,24)+1)/SUM(INDEX($D$3:$AA$30,INDEX(Jesper!$R$2:$R$366,ROW(INDEX(Jesper!AL$2:AL$366,ROUNDDOWN($C6347/24,0)+1,1))-1)+IF('Standard Profiles'!$G$22=$B$10,7,0)+IF('Standard Profiles'!$G$22=$B$17,14,0)+IF('Standard Profiles'!$G$22=$B$24,21,0),0)),0)</f>
        <v>0</v>
      </c>
      <c r="I6347">
        <f t="shared" si="706"/>
        <v>0.23195236671707919</v>
      </c>
      <c r="J6347">
        <f t="shared" si="707"/>
        <v>0.77317455572359739</v>
      </c>
      <c r="K6347">
        <f t="shared" si="708"/>
        <v>1.1597618335853961</v>
      </c>
      <c r="L6347">
        <f t="shared" si="709"/>
        <v>5.5668568012099007</v>
      </c>
      <c r="M6347">
        <f t="shared" si="710"/>
        <v>0</v>
      </c>
      <c r="N6347" s="46">
        <f t="shared" si="711"/>
        <v>45555.041666651356</v>
      </c>
    </row>
    <row r="6348" spans="2:14" x14ac:dyDescent="0.3">
      <c r="B6348">
        <f t="shared" si="705"/>
        <v>5</v>
      </c>
      <c r="C6348" s="16">
        <v>6314</v>
      </c>
      <c r="D6348" cm="1">
        <f t="array" ref="D6348">IFERROR(INDEX(Jesper!AH$2:AH$366,ROUNDDOWN($C6348/24,0)+1,1)*INDEX($D$3:$AA$30,INDEX(Jesper!$R$2:$R$366,ROW(INDEX(Jesper!AH$2:AH$366,ROUNDDOWN($C6348/24,0)+1,1))-1)+IF('Standard Profiles'!$G$18=$B$10,7,0)+IF('Standard Profiles'!$G$18=$B$17,14,0)+IF('Standard Profiles'!$G$18=$B$24,21,0),MOD($C6348,24)+1)/SUM(INDEX($D$3:$AA$30,INDEX(Jesper!$R$2:$R$366,ROW(INDEX(Jesper!AH$2:AH$366,ROUNDDOWN($C6348/24,0)+1,1))-1)+IF('Standard Profiles'!$G$18=$B$10,7,0)+IF('Standard Profiles'!$G$18=$B$17,14,0)+IF('Standard Profiles'!$G$18=$B$24,21,0),0)),0)</f>
        <v>7.7317455572359739</v>
      </c>
      <c r="E6348" cm="1">
        <f t="array" ref="E6348">IFERROR(INDEX(Jesper!AI$2:AI$366,ROUNDDOWN($C6348/24,0)+1,1)*INDEX($D$3:$AA$30,INDEX(Jesper!$R$2:$R$366,ROW(INDEX(Jesper!AI$2:AI$366,ROUNDDOWN($C6348/24,0)+1,1))-1)+IF('Standard Profiles'!$G$19=$B$10,7,0)+IF('Standard Profiles'!$G$19=$B$17,14,0)+IF('Standard Profiles'!$G$19=$B$24,21,0),MOD($C6348,24)+1)/SUM(INDEX($D$3:$AA$30,INDEX(Jesper!$R$2:$R$366,ROW(INDEX(Jesper!AI$2:AI$366,ROUNDDOWN($C6348/24,0)+1,1))-1)+IF('Standard Profiles'!$G$19=$B$10,7,0)+IF('Standard Profiles'!$G$19=$B$17,14,0)+IF('Standard Profiles'!$G$19=$B$24,21,0),0)),0)</f>
        <v>0</v>
      </c>
      <c r="F6348" cm="1">
        <f t="array" ref="F6348">IFERROR(INDEX(Jesper!AJ$2:AJ$366,ROUNDDOWN($C6348/24,0)+1,1)*INDEX($D$3:$AA$30,INDEX(Jesper!$R$2:$R$366,ROW(INDEX(Jesper!AJ$2:AJ$366,ROUNDDOWN($C6348/24,0)+1,1))-1)+IF('Standard Profiles'!$G$20=$B$10,7,0)+IF('Standard Profiles'!$G$20=$B$17,14,0)+IF('Standard Profiles'!$G$20=$B$24,21,0),MOD($C6348,24)+1)/SUM(INDEX($D$3:$AA$30,INDEX(Jesper!$R$2:$R$366,ROW(INDEX(Jesper!AJ$2:AJ$366,ROUNDDOWN($C6348/24,0)+1,1))-1)+IF('Standard Profiles'!$G$20=$B$10,7,0)+IF('Standard Profiles'!$G$20=$B$17,14,0)+IF('Standard Profiles'!$G$20=$B$24,21,0),0)),0)</f>
        <v>0</v>
      </c>
      <c r="G6348" cm="1">
        <f t="array" ref="G6348">IFERROR(INDEX(Jesper!AK$2:AK$366,ROUNDDOWN($C6348/24,0)+1,1)*INDEX($D$3:$AA$30,INDEX(Jesper!$R$2:$R$366,ROW(INDEX(Jesper!AK$2:AK$366,ROUNDDOWN($C6348/24,0)+1,1))-1)+IF('Standard Profiles'!$G$21=$B$10,7,0)+IF('Standard Profiles'!$G$21=$B$17,14,0)+IF('Standard Profiles'!$G$21=$B$24,21,0),MOD($C6348,24)+1)/SUM(INDEX($D$3:$AA$30,INDEX(Jesper!$R$2:$R$366,ROW(INDEX(Jesper!AK$2:AK$366,ROUNDDOWN($C6348/24,0)+1,1))-1)+IF('Standard Profiles'!$G$21=$B$10,7,0)+IF('Standard Profiles'!$G$21=$B$17,14,0)+IF('Standard Profiles'!$G$21=$B$24,21,0),0)),0)</f>
        <v>0</v>
      </c>
      <c r="H6348" cm="1">
        <f t="array" ref="H6348">IFERROR(INDEX(Jesper!AL$2:AL$366,ROUNDDOWN($C6348/24,0)+1,1)*INDEX($D$3:$AA$30,INDEX(Jesper!$R$2:$R$366,ROW(INDEX(Jesper!AL$2:AL$366,ROUNDDOWN($C6348/24,0)+1,1))-1)+IF('Standard Profiles'!$G$22=$B$10,7,0)+IF('Standard Profiles'!$G$22=$B$17,14,0)+IF('Standard Profiles'!$G$22=$B$24,21,0),MOD($C6348,24)+1)/SUM(INDEX($D$3:$AA$30,INDEX(Jesper!$R$2:$R$366,ROW(INDEX(Jesper!AL$2:AL$366,ROUNDDOWN($C6348/24,0)+1,1))-1)+IF('Standard Profiles'!$G$22=$B$10,7,0)+IF('Standard Profiles'!$G$22=$B$17,14,0)+IF('Standard Profiles'!$G$22=$B$24,21,0),0)),0)</f>
        <v>0</v>
      </c>
      <c r="I6348">
        <f t="shared" si="706"/>
        <v>0.23195236671707919</v>
      </c>
      <c r="J6348">
        <f t="shared" si="707"/>
        <v>0.77317455572359739</v>
      </c>
      <c r="K6348">
        <f t="shared" si="708"/>
        <v>1.1597618335853961</v>
      </c>
      <c r="L6348">
        <f t="shared" si="709"/>
        <v>5.5668568012099007</v>
      </c>
      <c r="M6348">
        <f t="shared" si="710"/>
        <v>0</v>
      </c>
      <c r="N6348" s="46">
        <f t="shared" si="711"/>
        <v>45555.08333331802</v>
      </c>
    </row>
    <row r="6349" spans="2:14" x14ac:dyDescent="0.3">
      <c r="B6349">
        <f t="shared" si="705"/>
        <v>5</v>
      </c>
      <c r="C6349" s="16">
        <v>6315</v>
      </c>
      <c r="D6349" cm="1">
        <f t="array" ref="D6349">IFERROR(INDEX(Jesper!AH$2:AH$366,ROUNDDOWN($C6349/24,0)+1,1)*INDEX($D$3:$AA$30,INDEX(Jesper!$R$2:$R$366,ROW(INDEX(Jesper!AH$2:AH$366,ROUNDDOWN($C6349/24,0)+1,1))-1)+IF('Standard Profiles'!$G$18=$B$10,7,0)+IF('Standard Profiles'!$G$18=$B$17,14,0)+IF('Standard Profiles'!$G$18=$B$24,21,0),MOD($C6349,24)+1)/SUM(INDEX($D$3:$AA$30,INDEX(Jesper!$R$2:$R$366,ROW(INDEX(Jesper!AH$2:AH$366,ROUNDDOWN($C6349/24,0)+1,1))-1)+IF('Standard Profiles'!$G$18=$B$10,7,0)+IF('Standard Profiles'!$G$18=$B$17,14,0)+IF('Standard Profiles'!$G$18=$B$24,21,0),0)),0)</f>
        <v>7.7317455572359739</v>
      </c>
      <c r="E6349" cm="1">
        <f t="array" ref="E6349">IFERROR(INDEX(Jesper!AI$2:AI$366,ROUNDDOWN($C6349/24,0)+1,1)*INDEX($D$3:$AA$30,INDEX(Jesper!$R$2:$R$366,ROW(INDEX(Jesper!AI$2:AI$366,ROUNDDOWN($C6349/24,0)+1,1))-1)+IF('Standard Profiles'!$G$19=$B$10,7,0)+IF('Standard Profiles'!$G$19=$B$17,14,0)+IF('Standard Profiles'!$G$19=$B$24,21,0),MOD($C6349,24)+1)/SUM(INDEX($D$3:$AA$30,INDEX(Jesper!$R$2:$R$366,ROW(INDEX(Jesper!AI$2:AI$366,ROUNDDOWN($C6349/24,0)+1,1))-1)+IF('Standard Profiles'!$G$19=$B$10,7,0)+IF('Standard Profiles'!$G$19=$B$17,14,0)+IF('Standard Profiles'!$G$19=$B$24,21,0),0)),0)</f>
        <v>0</v>
      </c>
      <c r="F6349" cm="1">
        <f t="array" ref="F6349">IFERROR(INDEX(Jesper!AJ$2:AJ$366,ROUNDDOWN($C6349/24,0)+1,1)*INDEX($D$3:$AA$30,INDEX(Jesper!$R$2:$R$366,ROW(INDEX(Jesper!AJ$2:AJ$366,ROUNDDOWN($C6349/24,0)+1,1))-1)+IF('Standard Profiles'!$G$20=$B$10,7,0)+IF('Standard Profiles'!$G$20=$B$17,14,0)+IF('Standard Profiles'!$G$20=$B$24,21,0),MOD($C6349,24)+1)/SUM(INDEX($D$3:$AA$30,INDEX(Jesper!$R$2:$R$366,ROW(INDEX(Jesper!AJ$2:AJ$366,ROUNDDOWN($C6349/24,0)+1,1))-1)+IF('Standard Profiles'!$G$20=$B$10,7,0)+IF('Standard Profiles'!$G$20=$B$17,14,0)+IF('Standard Profiles'!$G$20=$B$24,21,0),0)),0)</f>
        <v>0</v>
      </c>
      <c r="G6349" cm="1">
        <f t="array" ref="G6349">IFERROR(INDEX(Jesper!AK$2:AK$366,ROUNDDOWN($C6349/24,0)+1,1)*INDEX($D$3:$AA$30,INDEX(Jesper!$R$2:$R$366,ROW(INDEX(Jesper!AK$2:AK$366,ROUNDDOWN($C6349/24,0)+1,1))-1)+IF('Standard Profiles'!$G$21=$B$10,7,0)+IF('Standard Profiles'!$G$21=$B$17,14,0)+IF('Standard Profiles'!$G$21=$B$24,21,0),MOD($C6349,24)+1)/SUM(INDEX($D$3:$AA$30,INDEX(Jesper!$R$2:$R$366,ROW(INDEX(Jesper!AK$2:AK$366,ROUNDDOWN($C6349/24,0)+1,1))-1)+IF('Standard Profiles'!$G$21=$B$10,7,0)+IF('Standard Profiles'!$G$21=$B$17,14,0)+IF('Standard Profiles'!$G$21=$B$24,21,0),0)),0)</f>
        <v>0</v>
      </c>
      <c r="H6349" cm="1">
        <f t="array" ref="H6349">IFERROR(INDEX(Jesper!AL$2:AL$366,ROUNDDOWN($C6349/24,0)+1,1)*INDEX($D$3:$AA$30,INDEX(Jesper!$R$2:$R$366,ROW(INDEX(Jesper!AL$2:AL$366,ROUNDDOWN($C6349/24,0)+1,1))-1)+IF('Standard Profiles'!$G$22=$B$10,7,0)+IF('Standard Profiles'!$G$22=$B$17,14,0)+IF('Standard Profiles'!$G$22=$B$24,21,0),MOD($C6349,24)+1)/SUM(INDEX($D$3:$AA$30,INDEX(Jesper!$R$2:$R$366,ROW(INDEX(Jesper!AL$2:AL$366,ROUNDDOWN($C6349/24,0)+1,1))-1)+IF('Standard Profiles'!$G$22=$B$10,7,0)+IF('Standard Profiles'!$G$22=$B$17,14,0)+IF('Standard Profiles'!$G$22=$B$24,21,0),0)),0)</f>
        <v>0</v>
      </c>
      <c r="I6349">
        <f t="shared" si="706"/>
        <v>0.23195236671707919</v>
      </c>
      <c r="J6349">
        <f t="shared" si="707"/>
        <v>0.77317455572359739</v>
      </c>
      <c r="K6349">
        <f t="shared" si="708"/>
        <v>1.1597618335853961</v>
      </c>
      <c r="L6349">
        <f t="shared" si="709"/>
        <v>5.5668568012099007</v>
      </c>
      <c r="M6349">
        <f t="shared" si="710"/>
        <v>0</v>
      </c>
      <c r="N6349" s="46">
        <f t="shared" si="711"/>
        <v>45555.124999984684</v>
      </c>
    </row>
    <row r="6350" spans="2:14" x14ac:dyDescent="0.3">
      <c r="B6350">
        <f t="shared" si="705"/>
        <v>5</v>
      </c>
      <c r="C6350" s="16">
        <v>6316</v>
      </c>
      <c r="D6350" cm="1">
        <f t="array" ref="D6350">IFERROR(INDEX(Jesper!AH$2:AH$366,ROUNDDOWN($C6350/24,0)+1,1)*INDEX($D$3:$AA$30,INDEX(Jesper!$R$2:$R$366,ROW(INDEX(Jesper!AH$2:AH$366,ROUNDDOWN($C6350/24,0)+1,1))-1)+IF('Standard Profiles'!$G$18=$B$10,7,0)+IF('Standard Profiles'!$G$18=$B$17,14,0)+IF('Standard Profiles'!$G$18=$B$24,21,0),MOD($C6350,24)+1)/SUM(INDEX($D$3:$AA$30,INDEX(Jesper!$R$2:$R$366,ROW(INDEX(Jesper!AH$2:AH$366,ROUNDDOWN($C6350/24,0)+1,1))-1)+IF('Standard Profiles'!$G$18=$B$10,7,0)+IF('Standard Profiles'!$G$18=$B$17,14,0)+IF('Standard Profiles'!$G$18=$B$24,21,0),0)),0)</f>
        <v>7.7317455572359739</v>
      </c>
      <c r="E6350" cm="1">
        <f t="array" ref="E6350">IFERROR(INDEX(Jesper!AI$2:AI$366,ROUNDDOWN($C6350/24,0)+1,1)*INDEX($D$3:$AA$30,INDEX(Jesper!$R$2:$R$366,ROW(INDEX(Jesper!AI$2:AI$366,ROUNDDOWN($C6350/24,0)+1,1))-1)+IF('Standard Profiles'!$G$19=$B$10,7,0)+IF('Standard Profiles'!$G$19=$B$17,14,0)+IF('Standard Profiles'!$G$19=$B$24,21,0),MOD($C6350,24)+1)/SUM(INDEX($D$3:$AA$30,INDEX(Jesper!$R$2:$R$366,ROW(INDEX(Jesper!AI$2:AI$366,ROUNDDOWN($C6350/24,0)+1,1))-1)+IF('Standard Profiles'!$G$19=$B$10,7,0)+IF('Standard Profiles'!$G$19=$B$17,14,0)+IF('Standard Profiles'!$G$19=$B$24,21,0),0)),0)</f>
        <v>0</v>
      </c>
      <c r="F6350" cm="1">
        <f t="array" ref="F6350">IFERROR(INDEX(Jesper!AJ$2:AJ$366,ROUNDDOWN($C6350/24,0)+1,1)*INDEX($D$3:$AA$30,INDEX(Jesper!$R$2:$R$366,ROW(INDEX(Jesper!AJ$2:AJ$366,ROUNDDOWN($C6350/24,0)+1,1))-1)+IF('Standard Profiles'!$G$20=$B$10,7,0)+IF('Standard Profiles'!$G$20=$B$17,14,0)+IF('Standard Profiles'!$G$20=$B$24,21,0),MOD($C6350,24)+1)/SUM(INDEX($D$3:$AA$30,INDEX(Jesper!$R$2:$R$366,ROW(INDEX(Jesper!AJ$2:AJ$366,ROUNDDOWN($C6350/24,0)+1,1))-1)+IF('Standard Profiles'!$G$20=$B$10,7,0)+IF('Standard Profiles'!$G$20=$B$17,14,0)+IF('Standard Profiles'!$G$20=$B$24,21,0),0)),0)</f>
        <v>0</v>
      </c>
      <c r="G6350" cm="1">
        <f t="array" ref="G6350">IFERROR(INDEX(Jesper!AK$2:AK$366,ROUNDDOWN($C6350/24,0)+1,1)*INDEX($D$3:$AA$30,INDEX(Jesper!$R$2:$R$366,ROW(INDEX(Jesper!AK$2:AK$366,ROUNDDOWN($C6350/24,0)+1,1))-1)+IF('Standard Profiles'!$G$21=$B$10,7,0)+IF('Standard Profiles'!$G$21=$B$17,14,0)+IF('Standard Profiles'!$G$21=$B$24,21,0),MOD($C6350,24)+1)/SUM(INDEX($D$3:$AA$30,INDEX(Jesper!$R$2:$R$366,ROW(INDEX(Jesper!AK$2:AK$366,ROUNDDOWN($C6350/24,0)+1,1))-1)+IF('Standard Profiles'!$G$21=$B$10,7,0)+IF('Standard Profiles'!$G$21=$B$17,14,0)+IF('Standard Profiles'!$G$21=$B$24,21,0),0)),0)</f>
        <v>0</v>
      </c>
      <c r="H6350" cm="1">
        <f t="array" ref="H6350">IFERROR(INDEX(Jesper!AL$2:AL$366,ROUNDDOWN($C6350/24,0)+1,1)*INDEX($D$3:$AA$30,INDEX(Jesper!$R$2:$R$366,ROW(INDEX(Jesper!AL$2:AL$366,ROUNDDOWN($C6350/24,0)+1,1))-1)+IF('Standard Profiles'!$G$22=$B$10,7,0)+IF('Standard Profiles'!$G$22=$B$17,14,0)+IF('Standard Profiles'!$G$22=$B$24,21,0),MOD($C6350,24)+1)/SUM(INDEX($D$3:$AA$30,INDEX(Jesper!$R$2:$R$366,ROW(INDEX(Jesper!AL$2:AL$366,ROUNDDOWN($C6350/24,0)+1,1))-1)+IF('Standard Profiles'!$G$22=$B$10,7,0)+IF('Standard Profiles'!$G$22=$B$17,14,0)+IF('Standard Profiles'!$G$22=$B$24,21,0),0)),0)</f>
        <v>0</v>
      </c>
      <c r="I6350">
        <f t="shared" si="706"/>
        <v>0.23195236671707919</v>
      </c>
      <c r="J6350">
        <f t="shared" si="707"/>
        <v>0.77317455572359739</v>
      </c>
      <c r="K6350">
        <f t="shared" si="708"/>
        <v>1.1597618335853961</v>
      </c>
      <c r="L6350">
        <f t="shared" si="709"/>
        <v>5.5668568012099007</v>
      </c>
      <c r="M6350">
        <f t="shared" si="710"/>
        <v>0</v>
      </c>
      <c r="N6350" s="46">
        <f t="shared" si="711"/>
        <v>45555.166666651348</v>
      </c>
    </row>
    <row r="6351" spans="2:14" x14ac:dyDescent="0.3">
      <c r="B6351">
        <f t="shared" si="705"/>
        <v>5</v>
      </c>
      <c r="C6351" s="16">
        <v>6317</v>
      </c>
      <c r="D6351" cm="1">
        <f t="array" ref="D6351">IFERROR(INDEX(Jesper!AH$2:AH$366,ROUNDDOWN($C6351/24,0)+1,1)*INDEX($D$3:$AA$30,INDEX(Jesper!$R$2:$R$366,ROW(INDEX(Jesper!AH$2:AH$366,ROUNDDOWN($C6351/24,0)+1,1))-1)+IF('Standard Profiles'!$G$18=$B$10,7,0)+IF('Standard Profiles'!$G$18=$B$17,14,0)+IF('Standard Profiles'!$G$18=$B$24,21,0),MOD($C6351,24)+1)/SUM(INDEX($D$3:$AA$30,INDEX(Jesper!$R$2:$R$366,ROW(INDEX(Jesper!AH$2:AH$366,ROUNDDOWN($C6351/24,0)+1,1))-1)+IF('Standard Profiles'!$G$18=$B$10,7,0)+IF('Standard Profiles'!$G$18=$B$17,14,0)+IF('Standard Profiles'!$G$18=$B$24,21,0),0)),0)</f>
        <v>9.9653609404374777</v>
      </c>
      <c r="E6351" cm="1">
        <f t="array" ref="E6351">IFERROR(INDEX(Jesper!AI$2:AI$366,ROUNDDOWN($C6351/24,0)+1,1)*INDEX($D$3:$AA$30,INDEX(Jesper!$R$2:$R$366,ROW(INDEX(Jesper!AI$2:AI$366,ROUNDDOWN($C6351/24,0)+1,1))-1)+IF('Standard Profiles'!$G$19=$B$10,7,0)+IF('Standard Profiles'!$G$19=$B$17,14,0)+IF('Standard Profiles'!$G$19=$B$24,21,0),MOD($C6351,24)+1)/SUM(INDEX($D$3:$AA$30,INDEX(Jesper!$R$2:$R$366,ROW(INDEX(Jesper!AI$2:AI$366,ROUNDDOWN($C6351/24,0)+1,1))-1)+IF('Standard Profiles'!$G$19=$B$10,7,0)+IF('Standard Profiles'!$G$19=$B$17,14,0)+IF('Standard Profiles'!$G$19=$B$24,21,0),0)),0)</f>
        <v>0</v>
      </c>
      <c r="F6351" cm="1">
        <f t="array" ref="F6351">IFERROR(INDEX(Jesper!AJ$2:AJ$366,ROUNDDOWN($C6351/24,0)+1,1)*INDEX($D$3:$AA$30,INDEX(Jesper!$R$2:$R$366,ROW(INDEX(Jesper!AJ$2:AJ$366,ROUNDDOWN($C6351/24,0)+1,1))-1)+IF('Standard Profiles'!$G$20=$B$10,7,0)+IF('Standard Profiles'!$G$20=$B$17,14,0)+IF('Standard Profiles'!$G$20=$B$24,21,0),MOD($C6351,24)+1)/SUM(INDEX($D$3:$AA$30,INDEX(Jesper!$R$2:$R$366,ROW(INDEX(Jesper!AJ$2:AJ$366,ROUNDDOWN($C6351/24,0)+1,1))-1)+IF('Standard Profiles'!$G$20=$B$10,7,0)+IF('Standard Profiles'!$G$20=$B$17,14,0)+IF('Standard Profiles'!$G$20=$B$24,21,0),0)),0)</f>
        <v>0</v>
      </c>
      <c r="G6351" cm="1">
        <f t="array" ref="G6351">IFERROR(INDEX(Jesper!AK$2:AK$366,ROUNDDOWN($C6351/24,0)+1,1)*INDEX($D$3:$AA$30,INDEX(Jesper!$R$2:$R$366,ROW(INDEX(Jesper!AK$2:AK$366,ROUNDDOWN($C6351/24,0)+1,1))-1)+IF('Standard Profiles'!$G$21=$B$10,7,0)+IF('Standard Profiles'!$G$21=$B$17,14,0)+IF('Standard Profiles'!$G$21=$B$24,21,0),MOD($C6351,24)+1)/SUM(INDEX($D$3:$AA$30,INDEX(Jesper!$R$2:$R$366,ROW(INDEX(Jesper!AK$2:AK$366,ROUNDDOWN($C6351/24,0)+1,1))-1)+IF('Standard Profiles'!$G$21=$B$10,7,0)+IF('Standard Profiles'!$G$21=$B$17,14,0)+IF('Standard Profiles'!$G$21=$B$24,21,0),0)),0)</f>
        <v>0</v>
      </c>
      <c r="H6351" cm="1">
        <f t="array" ref="H6351">IFERROR(INDEX(Jesper!AL$2:AL$366,ROUNDDOWN($C6351/24,0)+1,1)*INDEX($D$3:$AA$30,INDEX(Jesper!$R$2:$R$366,ROW(INDEX(Jesper!AL$2:AL$366,ROUNDDOWN($C6351/24,0)+1,1))-1)+IF('Standard Profiles'!$G$22=$B$10,7,0)+IF('Standard Profiles'!$G$22=$B$17,14,0)+IF('Standard Profiles'!$G$22=$B$24,21,0),MOD($C6351,24)+1)/SUM(INDEX($D$3:$AA$30,INDEX(Jesper!$R$2:$R$366,ROW(INDEX(Jesper!AL$2:AL$366,ROUNDDOWN($C6351/24,0)+1,1))-1)+IF('Standard Profiles'!$G$22=$B$10,7,0)+IF('Standard Profiles'!$G$22=$B$17,14,0)+IF('Standard Profiles'!$G$22=$B$24,21,0),0)),0)</f>
        <v>0</v>
      </c>
      <c r="I6351">
        <f t="shared" si="706"/>
        <v>0.29896082821312431</v>
      </c>
      <c r="J6351">
        <f t="shared" si="707"/>
        <v>0.99653609404374777</v>
      </c>
      <c r="K6351">
        <f t="shared" si="708"/>
        <v>1.4948041410656216</v>
      </c>
      <c r="L6351">
        <f t="shared" si="709"/>
        <v>7.1750598771149834</v>
      </c>
      <c r="M6351">
        <f t="shared" si="710"/>
        <v>0</v>
      </c>
      <c r="N6351" s="46">
        <f t="shared" si="711"/>
        <v>45555.208333318013</v>
      </c>
    </row>
    <row r="6352" spans="2:14" x14ac:dyDescent="0.3">
      <c r="B6352">
        <f t="shared" si="705"/>
        <v>5</v>
      </c>
      <c r="C6352" s="16">
        <v>6318</v>
      </c>
      <c r="D6352" cm="1">
        <f t="array" ref="D6352">IFERROR(INDEX(Jesper!AH$2:AH$366,ROUNDDOWN($C6352/24,0)+1,1)*INDEX($D$3:$AA$30,INDEX(Jesper!$R$2:$R$366,ROW(INDEX(Jesper!AH$2:AH$366,ROUNDDOWN($C6352/24,0)+1,1))-1)+IF('Standard Profiles'!$G$18=$B$10,7,0)+IF('Standard Profiles'!$G$18=$B$17,14,0)+IF('Standard Profiles'!$G$18=$B$24,21,0),MOD($C6352,24)+1)/SUM(INDEX($D$3:$AA$30,INDEX(Jesper!$R$2:$R$366,ROW(INDEX(Jesper!AH$2:AH$366,ROUNDDOWN($C6352/24,0)+1,1))-1)+IF('Standard Profiles'!$G$18=$B$10,7,0)+IF('Standard Profiles'!$G$18=$B$17,14,0)+IF('Standard Profiles'!$G$18=$B$24,21,0),0)),0)</f>
        <v>12.027159755700406</v>
      </c>
      <c r="E6352" cm="1">
        <f t="array" ref="E6352">IFERROR(INDEX(Jesper!AI$2:AI$366,ROUNDDOWN($C6352/24,0)+1,1)*INDEX($D$3:$AA$30,INDEX(Jesper!$R$2:$R$366,ROW(INDEX(Jesper!AI$2:AI$366,ROUNDDOWN($C6352/24,0)+1,1))-1)+IF('Standard Profiles'!$G$19=$B$10,7,0)+IF('Standard Profiles'!$G$19=$B$17,14,0)+IF('Standard Profiles'!$G$19=$B$24,21,0),MOD($C6352,24)+1)/SUM(INDEX($D$3:$AA$30,INDEX(Jesper!$R$2:$R$366,ROW(INDEX(Jesper!AI$2:AI$366,ROUNDDOWN($C6352/24,0)+1,1))-1)+IF('Standard Profiles'!$G$19=$B$10,7,0)+IF('Standard Profiles'!$G$19=$B$17,14,0)+IF('Standard Profiles'!$G$19=$B$24,21,0),0)),0)</f>
        <v>0</v>
      </c>
      <c r="F6352" cm="1">
        <f t="array" ref="F6352">IFERROR(INDEX(Jesper!AJ$2:AJ$366,ROUNDDOWN($C6352/24,0)+1,1)*INDEX($D$3:$AA$30,INDEX(Jesper!$R$2:$R$366,ROW(INDEX(Jesper!AJ$2:AJ$366,ROUNDDOWN($C6352/24,0)+1,1))-1)+IF('Standard Profiles'!$G$20=$B$10,7,0)+IF('Standard Profiles'!$G$20=$B$17,14,0)+IF('Standard Profiles'!$G$20=$B$24,21,0),MOD($C6352,24)+1)/SUM(INDEX($D$3:$AA$30,INDEX(Jesper!$R$2:$R$366,ROW(INDEX(Jesper!AJ$2:AJ$366,ROUNDDOWN($C6352/24,0)+1,1))-1)+IF('Standard Profiles'!$G$20=$B$10,7,0)+IF('Standard Profiles'!$G$20=$B$17,14,0)+IF('Standard Profiles'!$G$20=$B$24,21,0),0)),0)</f>
        <v>0</v>
      </c>
      <c r="G6352" cm="1">
        <f t="array" ref="G6352">IFERROR(INDEX(Jesper!AK$2:AK$366,ROUNDDOWN($C6352/24,0)+1,1)*INDEX($D$3:$AA$30,INDEX(Jesper!$R$2:$R$366,ROW(INDEX(Jesper!AK$2:AK$366,ROUNDDOWN($C6352/24,0)+1,1))-1)+IF('Standard Profiles'!$G$21=$B$10,7,0)+IF('Standard Profiles'!$G$21=$B$17,14,0)+IF('Standard Profiles'!$G$21=$B$24,21,0),MOD($C6352,24)+1)/SUM(INDEX($D$3:$AA$30,INDEX(Jesper!$R$2:$R$366,ROW(INDEX(Jesper!AK$2:AK$366,ROUNDDOWN($C6352/24,0)+1,1))-1)+IF('Standard Profiles'!$G$21=$B$10,7,0)+IF('Standard Profiles'!$G$21=$B$17,14,0)+IF('Standard Profiles'!$G$21=$B$24,21,0),0)),0)</f>
        <v>0</v>
      </c>
      <c r="H6352" cm="1">
        <f t="array" ref="H6352">IFERROR(INDEX(Jesper!AL$2:AL$366,ROUNDDOWN($C6352/24,0)+1,1)*INDEX($D$3:$AA$30,INDEX(Jesper!$R$2:$R$366,ROW(INDEX(Jesper!AL$2:AL$366,ROUNDDOWN($C6352/24,0)+1,1))-1)+IF('Standard Profiles'!$G$22=$B$10,7,0)+IF('Standard Profiles'!$G$22=$B$17,14,0)+IF('Standard Profiles'!$G$22=$B$24,21,0),MOD($C6352,24)+1)/SUM(INDEX($D$3:$AA$30,INDEX(Jesper!$R$2:$R$366,ROW(INDEX(Jesper!AL$2:AL$366,ROUNDDOWN($C6352/24,0)+1,1))-1)+IF('Standard Profiles'!$G$22=$B$10,7,0)+IF('Standard Profiles'!$G$22=$B$17,14,0)+IF('Standard Profiles'!$G$22=$B$24,21,0),0)),0)</f>
        <v>0</v>
      </c>
      <c r="I6352">
        <f t="shared" si="706"/>
        <v>0.36081479267101219</v>
      </c>
      <c r="J6352">
        <f t="shared" si="707"/>
        <v>1.2027159755700407</v>
      </c>
      <c r="K6352">
        <f t="shared" si="708"/>
        <v>1.8040739633550609</v>
      </c>
      <c r="L6352">
        <f t="shared" si="709"/>
        <v>8.6595550241042929</v>
      </c>
      <c r="M6352">
        <f t="shared" si="710"/>
        <v>0</v>
      </c>
      <c r="N6352" s="46">
        <f t="shared" si="711"/>
        <v>45555.249999984677</v>
      </c>
    </row>
    <row r="6353" spans="2:14" x14ac:dyDescent="0.3">
      <c r="B6353">
        <f t="shared" si="705"/>
        <v>5</v>
      </c>
      <c r="C6353" s="16">
        <v>6319</v>
      </c>
      <c r="D6353" cm="1">
        <f t="array" ref="D6353">IFERROR(INDEX(Jesper!AH$2:AH$366,ROUNDDOWN($C6353/24,0)+1,1)*INDEX($D$3:$AA$30,INDEX(Jesper!$R$2:$R$366,ROW(INDEX(Jesper!AH$2:AH$366,ROUNDDOWN($C6353/24,0)+1,1))-1)+IF('Standard Profiles'!$G$18=$B$10,7,0)+IF('Standard Profiles'!$G$18=$B$17,14,0)+IF('Standard Profiles'!$G$18=$B$24,21,0),MOD($C6353,24)+1)/SUM(INDEX($D$3:$AA$30,INDEX(Jesper!$R$2:$R$366,ROW(INDEX(Jesper!AH$2:AH$366,ROUNDDOWN($C6353/24,0)+1,1))-1)+IF('Standard Profiles'!$G$18=$B$10,7,0)+IF('Standard Profiles'!$G$18=$B$17,14,0)+IF('Standard Profiles'!$G$18=$B$24,21,0),0)),0)</f>
        <v>12.027159755700406</v>
      </c>
      <c r="E6353" cm="1">
        <f t="array" ref="E6353">IFERROR(INDEX(Jesper!AI$2:AI$366,ROUNDDOWN($C6353/24,0)+1,1)*INDEX($D$3:$AA$30,INDEX(Jesper!$R$2:$R$366,ROW(INDEX(Jesper!AI$2:AI$366,ROUNDDOWN($C6353/24,0)+1,1))-1)+IF('Standard Profiles'!$G$19=$B$10,7,0)+IF('Standard Profiles'!$G$19=$B$17,14,0)+IF('Standard Profiles'!$G$19=$B$24,21,0),MOD($C6353,24)+1)/SUM(INDEX($D$3:$AA$30,INDEX(Jesper!$R$2:$R$366,ROW(INDEX(Jesper!AI$2:AI$366,ROUNDDOWN($C6353/24,0)+1,1))-1)+IF('Standard Profiles'!$G$19=$B$10,7,0)+IF('Standard Profiles'!$G$19=$B$17,14,0)+IF('Standard Profiles'!$G$19=$B$24,21,0),0)),0)</f>
        <v>0</v>
      </c>
      <c r="F6353" cm="1">
        <f t="array" ref="F6353">IFERROR(INDEX(Jesper!AJ$2:AJ$366,ROUNDDOWN($C6353/24,0)+1,1)*INDEX($D$3:$AA$30,INDEX(Jesper!$R$2:$R$366,ROW(INDEX(Jesper!AJ$2:AJ$366,ROUNDDOWN($C6353/24,0)+1,1))-1)+IF('Standard Profiles'!$G$20=$B$10,7,0)+IF('Standard Profiles'!$G$20=$B$17,14,0)+IF('Standard Profiles'!$G$20=$B$24,21,0),MOD($C6353,24)+1)/SUM(INDEX($D$3:$AA$30,INDEX(Jesper!$R$2:$R$366,ROW(INDEX(Jesper!AJ$2:AJ$366,ROUNDDOWN($C6353/24,0)+1,1))-1)+IF('Standard Profiles'!$G$20=$B$10,7,0)+IF('Standard Profiles'!$G$20=$B$17,14,0)+IF('Standard Profiles'!$G$20=$B$24,21,0),0)),0)</f>
        <v>0</v>
      </c>
      <c r="G6353" cm="1">
        <f t="array" ref="G6353">IFERROR(INDEX(Jesper!AK$2:AK$366,ROUNDDOWN($C6353/24,0)+1,1)*INDEX($D$3:$AA$30,INDEX(Jesper!$R$2:$R$366,ROW(INDEX(Jesper!AK$2:AK$366,ROUNDDOWN($C6353/24,0)+1,1))-1)+IF('Standard Profiles'!$G$21=$B$10,7,0)+IF('Standard Profiles'!$G$21=$B$17,14,0)+IF('Standard Profiles'!$G$21=$B$24,21,0),MOD($C6353,24)+1)/SUM(INDEX($D$3:$AA$30,INDEX(Jesper!$R$2:$R$366,ROW(INDEX(Jesper!AK$2:AK$366,ROUNDDOWN($C6353/24,0)+1,1))-1)+IF('Standard Profiles'!$G$21=$B$10,7,0)+IF('Standard Profiles'!$G$21=$B$17,14,0)+IF('Standard Profiles'!$G$21=$B$24,21,0),0)),0)</f>
        <v>0</v>
      </c>
      <c r="H6353" cm="1">
        <f t="array" ref="H6353">IFERROR(INDEX(Jesper!AL$2:AL$366,ROUNDDOWN($C6353/24,0)+1,1)*INDEX($D$3:$AA$30,INDEX(Jesper!$R$2:$R$366,ROW(INDEX(Jesper!AL$2:AL$366,ROUNDDOWN($C6353/24,0)+1,1))-1)+IF('Standard Profiles'!$G$22=$B$10,7,0)+IF('Standard Profiles'!$G$22=$B$17,14,0)+IF('Standard Profiles'!$G$22=$B$24,21,0),MOD($C6353,24)+1)/SUM(INDEX($D$3:$AA$30,INDEX(Jesper!$R$2:$R$366,ROW(INDEX(Jesper!AL$2:AL$366,ROUNDDOWN($C6353/24,0)+1,1))-1)+IF('Standard Profiles'!$G$22=$B$10,7,0)+IF('Standard Profiles'!$G$22=$B$17,14,0)+IF('Standard Profiles'!$G$22=$B$24,21,0),0)),0)</f>
        <v>0</v>
      </c>
      <c r="I6353">
        <f t="shared" si="706"/>
        <v>0.36081479267101219</v>
      </c>
      <c r="J6353">
        <f t="shared" si="707"/>
        <v>1.2027159755700407</v>
      </c>
      <c r="K6353">
        <f t="shared" si="708"/>
        <v>1.8040739633550609</v>
      </c>
      <c r="L6353">
        <f t="shared" si="709"/>
        <v>8.6595550241042929</v>
      </c>
      <c r="M6353">
        <f t="shared" si="710"/>
        <v>0</v>
      </c>
      <c r="N6353" s="46">
        <f t="shared" si="711"/>
        <v>45555.291666651341</v>
      </c>
    </row>
    <row r="6354" spans="2:14" x14ac:dyDescent="0.3">
      <c r="B6354">
        <f t="shared" si="705"/>
        <v>5</v>
      </c>
      <c r="C6354" s="16">
        <v>6320</v>
      </c>
      <c r="D6354" cm="1">
        <f t="array" ref="D6354">IFERROR(INDEX(Jesper!AH$2:AH$366,ROUNDDOWN($C6354/24,0)+1,1)*INDEX($D$3:$AA$30,INDEX(Jesper!$R$2:$R$366,ROW(INDEX(Jesper!AH$2:AH$366,ROUNDDOWN($C6354/24,0)+1,1))-1)+IF('Standard Profiles'!$G$18=$B$10,7,0)+IF('Standard Profiles'!$G$18=$B$17,14,0)+IF('Standard Profiles'!$G$18=$B$24,21,0),MOD($C6354,24)+1)/SUM(INDEX($D$3:$AA$30,INDEX(Jesper!$R$2:$R$366,ROW(INDEX(Jesper!AH$2:AH$366,ROUNDDOWN($C6354/24,0)+1,1))-1)+IF('Standard Profiles'!$G$18=$B$10,7,0)+IF('Standard Profiles'!$G$18=$B$17,14,0)+IF('Standard Profiles'!$G$18=$B$24,21,0),0)),0)</f>
        <v>12.027159755700406</v>
      </c>
      <c r="E6354" cm="1">
        <f t="array" ref="E6354">IFERROR(INDEX(Jesper!AI$2:AI$366,ROUNDDOWN($C6354/24,0)+1,1)*INDEX($D$3:$AA$30,INDEX(Jesper!$R$2:$R$366,ROW(INDEX(Jesper!AI$2:AI$366,ROUNDDOWN($C6354/24,0)+1,1))-1)+IF('Standard Profiles'!$G$19=$B$10,7,0)+IF('Standard Profiles'!$G$19=$B$17,14,0)+IF('Standard Profiles'!$G$19=$B$24,21,0),MOD($C6354,24)+1)/SUM(INDEX($D$3:$AA$30,INDEX(Jesper!$R$2:$R$366,ROW(INDEX(Jesper!AI$2:AI$366,ROUNDDOWN($C6354/24,0)+1,1))-1)+IF('Standard Profiles'!$G$19=$B$10,7,0)+IF('Standard Profiles'!$G$19=$B$17,14,0)+IF('Standard Profiles'!$G$19=$B$24,21,0),0)),0)</f>
        <v>0</v>
      </c>
      <c r="F6354" cm="1">
        <f t="array" ref="F6354">IFERROR(INDEX(Jesper!AJ$2:AJ$366,ROUNDDOWN($C6354/24,0)+1,1)*INDEX($D$3:$AA$30,INDEX(Jesper!$R$2:$R$366,ROW(INDEX(Jesper!AJ$2:AJ$366,ROUNDDOWN($C6354/24,0)+1,1))-1)+IF('Standard Profiles'!$G$20=$B$10,7,0)+IF('Standard Profiles'!$G$20=$B$17,14,0)+IF('Standard Profiles'!$G$20=$B$24,21,0),MOD($C6354,24)+1)/SUM(INDEX($D$3:$AA$30,INDEX(Jesper!$R$2:$R$366,ROW(INDEX(Jesper!AJ$2:AJ$366,ROUNDDOWN($C6354/24,0)+1,1))-1)+IF('Standard Profiles'!$G$20=$B$10,7,0)+IF('Standard Profiles'!$G$20=$B$17,14,0)+IF('Standard Profiles'!$G$20=$B$24,21,0),0)),0)</f>
        <v>0</v>
      </c>
      <c r="G6354" cm="1">
        <f t="array" ref="G6354">IFERROR(INDEX(Jesper!AK$2:AK$366,ROUNDDOWN($C6354/24,0)+1,1)*INDEX($D$3:$AA$30,INDEX(Jesper!$R$2:$R$366,ROW(INDEX(Jesper!AK$2:AK$366,ROUNDDOWN($C6354/24,0)+1,1))-1)+IF('Standard Profiles'!$G$21=$B$10,7,0)+IF('Standard Profiles'!$G$21=$B$17,14,0)+IF('Standard Profiles'!$G$21=$B$24,21,0),MOD($C6354,24)+1)/SUM(INDEX($D$3:$AA$30,INDEX(Jesper!$R$2:$R$366,ROW(INDEX(Jesper!AK$2:AK$366,ROUNDDOWN($C6354/24,0)+1,1))-1)+IF('Standard Profiles'!$G$21=$B$10,7,0)+IF('Standard Profiles'!$G$21=$B$17,14,0)+IF('Standard Profiles'!$G$21=$B$24,21,0),0)),0)</f>
        <v>0</v>
      </c>
      <c r="H6354" cm="1">
        <f t="array" ref="H6354">IFERROR(INDEX(Jesper!AL$2:AL$366,ROUNDDOWN($C6354/24,0)+1,1)*INDEX($D$3:$AA$30,INDEX(Jesper!$R$2:$R$366,ROW(INDEX(Jesper!AL$2:AL$366,ROUNDDOWN($C6354/24,0)+1,1))-1)+IF('Standard Profiles'!$G$22=$B$10,7,0)+IF('Standard Profiles'!$G$22=$B$17,14,0)+IF('Standard Profiles'!$G$22=$B$24,21,0),MOD($C6354,24)+1)/SUM(INDEX($D$3:$AA$30,INDEX(Jesper!$R$2:$R$366,ROW(INDEX(Jesper!AL$2:AL$366,ROUNDDOWN($C6354/24,0)+1,1))-1)+IF('Standard Profiles'!$G$22=$B$10,7,0)+IF('Standard Profiles'!$G$22=$B$17,14,0)+IF('Standard Profiles'!$G$22=$B$24,21,0),0)),0)</f>
        <v>0</v>
      </c>
      <c r="I6354">
        <f t="shared" si="706"/>
        <v>0.36081479267101219</v>
      </c>
      <c r="J6354">
        <f t="shared" si="707"/>
        <v>1.2027159755700407</v>
      </c>
      <c r="K6354">
        <f t="shared" si="708"/>
        <v>1.8040739633550609</v>
      </c>
      <c r="L6354">
        <f t="shared" si="709"/>
        <v>8.6595550241042929</v>
      </c>
      <c r="M6354">
        <f t="shared" si="710"/>
        <v>0</v>
      </c>
      <c r="N6354" s="46">
        <f t="shared" si="711"/>
        <v>45555.333333318005</v>
      </c>
    </row>
    <row r="6355" spans="2:14" x14ac:dyDescent="0.3">
      <c r="B6355">
        <f t="shared" si="705"/>
        <v>5</v>
      </c>
      <c r="C6355" s="16">
        <v>6321</v>
      </c>
      <c r="D6355" cm="1">
        <f t="array" ref="D6355">IFERROR(INDEX(Jesper!AH$2:AH$366,ROUNDDOWN($C6355/24,0)+1,1)*INDEX($D$3:$AA$30,INDEX(Jesper!$R$2:$R$366,ROW(INDEX(Jesper!AH$2:AH$366,ROUNDDOWN($C6355/24,0)+1,1))-1)+IF('Standard Profiles'!$G$18=$B$10,7,0)+IF('Standard Profiles'!$G$18=$B$17,14,0)+IF('Standard Profiles'!$G$18=$B$24,21,0),MOD($C6355,24)+1)/SUM(INDEX($D$3:$AA$30,INDEX(Jesper!$R$2:$R$366,ROW(INDEX(Jesper!AH$2:AH$366,ROUNDDOWN($C6355/24,0)+1,1))-1)+IF('Standard Profiles'!$G$18=$B$10,7,0)+IF('Standard Profiles'!$G$18=$B$17,14,0)+IF('Standard Profiles'!$G$18=$B$24,21,0),0)),0)</f>
        <v>12.88624259539329</v>
      </c>
      <c r="E6355" cm="1">
        <f t="array" ref="E6355">IFERROR(INDEX(Jesper!AI$2:AI$366,ROUNDDOWN($C6355/24,0)+1,1)*INDEX($D$3:$AA$30,INDEX(Jesper!$R$2:$R$366,ROW(INDEX(Jesper!AI$2:AI$366,ROUNDDOWN($C6355/24,0)+1,1))-1)+IF('Standard Profiles'!$G$19=$B$10,7,0)+IF('Standard Profiles'!$G$19=$B$17,14,0)+IF('Standard Profiles'!$G$19=$B$24,21,0),MOD($C6355,24)+1)/SUM(INDEX($D$3:$AA$30,INDEX(Jesper!$R$2:$R$366,ROW(INDEX(Jesper!AI$2:AI$366,ROUNDDOWN($C6355/24,0)+1,1))-1)+IF('Standard Profiles'!$G$19=$B$10,7,0)+IF('Standard Profiles'!$G$19=$B$17,14,0)+IF('Standard Profiles'!$G$19=$B$24,21,0),0)),0)</f>
        <v>0</v>
      </c>
      <c r="F6355" cm="1">
        <f t="array" ref="F6355">IFERROR(INDEX(Jesper!AJ$2:AJ$366,ROUNDDOWN($C6355/24,0)+1,1)*INDEX($D$3:$AA$30,INDEX(Jesper!$R$2:$R$366,ROW(INDEX(Jesper!AJ$2:AJ$366,ROUNDDOWN($C6355/24,0)+1,1))-1)+IF('Standard Profiles'!$G$20=$B$10,7,0)+IF('Standard Profiles'!$G$20=$B$17,14,0)+IF('Standard Profiles'!$G$20=$B$24,21,0),MOD($C6355,24)+1)/SUM(INDEX($D$3:$AA$30,INDEX(Jesper!$R$2:$R$366,ROW(INDEX(Jesper!AJ$2:AJ$366,ROUNDDOWN($C6355/24,0)+1,1))-1)+IF('Standard Profiles'!$G$20=$B$10,7,0)+IF('Standard Profiles'!$G$20=$B$17,14,0)+IF('Standard Profiles'!$G$20=$B$24,21,0),0)),0)</f>
        <v>0</v>
      </c>
      <c r="G6355" cm="1">
        <f t="array" ref="G6355">IFERROR(INDEX(Jesper!AK$2:AK$366,ROUNDDOWN($C6355/24,0)+1,1)*INDEX($D$3:$AA$30,INDEX(Jesper!$R$2:$R$366,ROW(INDEX(Jesper!AK$2:AK$366,ROUNDDOWN($C6355/24,0)+1,1))-1)+IF('Standard Profiles'!$G$21=$B$10,7,0)+IF('Standard Profiles'!$G$21=$B$17,14,0)+IF('Standard Profiles'!$G$21=$B$24,21,0),MOD($C6355,24)+1)/SUM(INDEX($D$3:$AA$30,INDEX(Jesper!$R$2:$R$366,ROW(INDEX(Jesper!AK$2:AK$366,ROUNDDOWN($C6355/24,0)+1,1))-1)+IF('Standard Profiles'!$G$21=$B$10,7,0)+IF('Standard Profiles'!$G$21=$B$17,14,0)+IF('Standard Profiles'!$G$21=$B$24,21,0),0)),0)</f>
        <v>0</v>
      </c>
      <c r="H6355" cm="1">
        <f t="array" ref="H6355">IFERROR(INDEX(Jesper!AL$2:AL$366,ROUNDDOWN($C6355/24,0)+1,1)*INDEX($D$3:$AA$30,INDEX(Jesper!$R$2:$R$366,ROW(INDEX(Jesper!AL$2:AL$366,ROUNDDOWN($C6355/24,0)+1,1))-1)+IF('Standard Profiles'!$G$22=$B$10,7,0)+IF('Standard Profiles'!$G$22=$B$17,14,0)+IF('Standard Profiles'!$G$22=$B$24,21,0),MOD($C6355,24)+1)/SUM(INDEX($D$3:$AA$30,INDEX(Jesper!$R$2:$R$366,ROW(INDEX(Jesper!AL$2:AL$366,ROUNDDOWN($C6355/24,0)+1,1))-1)+IF('Standard Profiles'!$G$22=$B$10,7,0)+IF('Standard Profiles'!$G$22=$B$17,14,0)+IF('Standard Profiles'!$G$22=$B$24,21,0),0)),0)</f>
        <v>0</v>
      </c>
      <c r="I6355">
        <f t="shared" si="706"/>
        <v>0.38658727786179869</v>
      </c>
      <c r="J6355">
        <f t="shared" si="707"/>
        <v>1.2886242595393291</v>
      </c>
      <c r="K6355">
        <f t="shared" si="708"/>
        <v>1.9329363893089933</v>
      </c>
      <c r="L6355">
        <f t="shared" si="709"/>
        <v>9.2780946686831687</v>
      </c>
      <c r="M6355">
        <f t="shared" si="710"/>
        <v>0</v>
      </c>
      <c r="N6355" s="46">
        <f t="shared" si="711"/>
        <v>45555.37499998467</v>
      </c>
    </row>
    <row r="6356" spans="2:14" x14ac:dyDescent="0.3">
      <c r="B6356">
        <f t="shared" si="705"/>
        <v>5</v>
      </c>
      <c r="C6356" s="16">
        <v>6322</v>
      </c>
      <c r="D6356" cm="1">
        <f t="array" ref="D6356">IFERROR(INDEX(Jesper!AH$2:AH$366,ROUNDDOWN($C6356/24,0)+1,1)*INDEX($D$3:$AA$30,INDEX(Jesper!$R$2:$R$366,ROW(INDEX(Jesper!AH$2:AH$366,ROUNDDOWN($C6356/24,0)+1,1))-1)+IF('Standard Profiles'!$G$18=$B$10,7,0)+IF('Standard Profiles'!$G$18=$B$17,14,0)+IF('Standard Profiles'!$G$18=$B$24,21,0),MOD($C6356,24)+1)/SUM(INDEX($D$3:$AA$30,INDEX(Jesper!$R$2:$R$366,ROW(INDEX(Jesper!AH$2:AH$366,ROUNDDOWN($C6356/24,0)+1,1))-1)+IF('Standard Profiles'!$G$18=$B$10,7,0)+IF('Standard Profiles'!$G$18=$B$17,14,0)+IF('Standard Profiles'!$G$18=$B$24,21,0),0)),0)</f>
        <v>13.401692299209021</v>
      </c>
      <c r="E6356" cm="1">
        <f t="array" ref="E6356">IFERROR(INDEX(Jesper!AI$2:AI$366,ROUNDDOWN($C6356/24,0)+1,1)*INDEX($D$3:$AA$30,INDEX(Jesper!$R$2:$R$366,ROW(INDEX(Jesper!AI$2:AI$366,ROUNDDOWN($C6356/24,0)+1,1))-1)+IF('Standard Profiles'!$G$19=$B$10,7,0)+IF('Standard Profiles'!$G$19=$B$17,14,0)+IF('Standard Profiles'!$G$19=$B$24,21,0),MOD($C6356,24)+1)/SUM(INDEX($D$3:$AA$30,INDEX(Jesper!$R$2:$R$366,ROW(INDEX(Jesper!AI$2:AI$366,ROUNDDOWN($C6356/24,0)+1,1))-1)+IF('Standard Profiles'!$G$19=$B$10,7,0)+IF('Standard Profiles'!$G$19=$B$17,14,0)+IF('Standard Profiles'!$G$19=$B$24,21,0),0)),0)</f>
        <v>0</v>
      </c>
      <c r="F6356" cm="1">
        <f t="array" ref="F6356">IFERROR(INDEX(Jesper!AJ$2:AJ$366,ROUNDDOWN($C6356/24,0)+1,1)*INDEX($D$3:$AA$30,INDEX(Jesper!$R$2:$R$366,ROW(INDEX(Jesper!AJ$2:AJ$366,ROUNDDOWN($C6356/24,0)+1,1))-1)+IF('Standard Profiles'!$G$20=$B$10,7,0)+IF('Standard Profiles'!$G$20=$B$17,14,0)+IF('Standard Profiles'!$G$20=$B$24,21,0),MOD($C6356,24)+1)/SUM(INDEX($D$3:$AA$30,INDEX(Jesper!$R$2:$R$366,ROW(INDEX(Jesper!AJ$2:AJ$366,ROUNDDOWN($C6356/24,0)+1,1))-1)+IF('Standard Profiles'!$G$20=$B$10,7,0)+IF('Standard Profiles'!$G$20=$B$17,14,0)+IF('Standard Profiles'!$G$20=$B$24,21,0),0)),0)</f>
        <v>0</v>
      </c>
      <c r="G6356" cm="1">
        <f t="array" ref="G6356">IFERROR(INDEX(Jesper!AK$2:AK$366,ROUNDDOWN($C6356/24,0)+1,1)*INDEX($D$3:$AA$30,INDEX(Jesper!$R$2:$R$366,ROW(INDEX(Jesper!AK$2:AK$366,ROUNDDOWN($C6356/24,0)+1,1))-1)+IF('Standard Profiles'!$G$21=$B$10,7,0)+IF('Standard Profiles'!$G$21=$B$17,14,0)+IF('Standard Profiles'!$G$21=$B$24,21,0),MOD($C6356,24)+1)/SUM(INDEX($D$3:$AA$30,INDEX(Jesper!$R$2:$R$366,ROW(INDEX(Jesper!AK$2:AK$366,ROUNDDOWN($C6356/24,0)+1,1))-1)+IF('Standard Profiles'!$G$21=$B$10,7,0)+IF('Standard Profiles'!$G$21=$B$17,14,0)+IF('Standard Profiles'!$G$21=$B$24,21,0),0)),0)</f>
        <v>0</v>
      </c>
      <c r="H6356" cm="1">
        <f t="array" ref="H6356">IFERROR(INDEX(Jesper!AL$2:AL$366,ROUNDDOWN($C6356/24,0)+1,1)*INDEX($D$3:$AA$30,INDEX(Jesper!$R$2:$R$366,ROW(INDEX(Jesper!AL$2:AL$366,ROUNDDOWN($C6356/24,0)+1,1))-1)+IF('Standard Profiles'!$G$22=$B$10,7,0)+IF('Standard Profiles'!$G$22=$B$17,14,0)+IF('Standard Profiles'!$G$22=$B$24,21,0),MOD($C6356,24)+1)/SUM(INDEX($D$3:$AA$30,INDEX(Jesper!$R$2:$R$366,ROW(INDEX(Jesper!AL$2:AL$366,ROUNDDOWN($C6356/24,0)+1,1))-1)+IF('Standard Profiles'!$G$22=$B$10,7,0)+IF('Standard Profiles'!$G$22=$B$17,14,0)+IF('Standard Profiles'!$G$22=$B$24,21,0),0)),0)</f>
        <v>0</v>
      </c>
      <c r="I6356">
        <f t="shared" si="706"/>
        <v>0.40205076897627062</v>
      </c>
      <c r="J6356">
        <f t="shared" si="707"/>
        <v>1.3401692299209023</v>
      </c>
      <c r="K6356">
        <f t="shared" si="708"/>
        <v>2.0102538448813529</v>
      </c>
      <c r="L6356">
        <f t="shared" si="709"/>
        <v>9.6492184554304945</v>
      </c>
      <c r="M6356">
        <f t="shared" si="710"/>
        <v>0</v>
      </c>
      <c r="N6356" s="46">
        <f t="shared" si="711"/>
        <v>45555.416666651334</v>
      </c>
    </row>
    <row r="6357" spans="2:14" x14ac:dyDescent="0.3">
      <c r="B6357">
        <f t="shared" si="705"/>
        <v>5</v>
      </c>
      <c r="C6357" s="16">
        <v>6323</v>
      </c>
      <c r="D6357" cm="1">
        <f t="array" ref="D6357">IFERROR(INDEX(Jesper!AH$2:AH$366,ROUNDDOWN($C6357/24,0)+1,1)*INDEX($D$3:$AA$30,INDEX(Jesper!$R$2:$R$366,ROW(INDEX(Jesper!AH$2:AH$366,ROUNDDOWN($C6357/24,0)+1,1))-1)+IF('Standard Profiles'!$G$18=$B$10,7,0)+IF('Standard Profiles'!$G$18=$B$17,14,0)+IF('Standard Profiles'!$G$18=$B$24,21,0),MOD($C6357,24)+1)/SUM(INDEX($D$3:$AA$30,INDEX(Jesper!$R$2:$R$366,ROW(INDEX(Jesper!AH$2:AH$366,ROUNDDOWN($C6357/24,0)+1,1))-1)+IF('Standard Profiles'!$G$18=$B$10,7,0)+IF('Standard Profiles'!$G$18=$B$17,14,0)+IF('Standard Profiles'!$G$18=$B$24,21,0),0)),0)</f>
        <v>15.463491114471948</v>
      </c>
      <c r="E6357" cm="1">
        <f t="array" ref="E6357">IFERROR(INDEX(Jesper!AI$2:AI$366,ROUNDDOWN($C6357/24,0)+1,1)*INDEX($D$3:$AA$30,INDEX(Jesper!$R$2:$R$366,ROW(INDEX(Jesper!AI$2:AI$366,ROUNDDOWN($C6357/24,0)+1,1))-1)+IF('Standard Profiles'!$G$19=$B$10,7,0)+IF('Standard Profiles'!$G$19=$B$17,14,0)+IF('Standard Profiles'!$G$19=$B$24,21,0),MOD($C6357,24)+1)/SUM(INDEX($D$3:$AA$30,INDEX(Jesper!$R$2:$R$366,ROW(INDEX(Jesper!AI$2:AI$366,ROUNDDOWN($C6357/24,0)+1,1))-1)+IF('Standard Profiles'!$G$19=$B$10,7,0)+IF('Standard Profiles'!$G$19=$B$17,14,0)+IF('Standard Profiles'!$G$19=$B$24,21,0),0)),0)</f>
        <v>0</v>
      </c>
      <c r="F6357" cm="1">
        <f t="array" ref="F6357">IFERROR(INDEX(Jesper!AJ$2:AJ$366,ROUNDDOWN($C6357/24,0)+1,1)*INDEX($D$3:$AA$30,INDEX(Jesper!$R$2:$R$366,ROW(INDEX(Jesper!AJ$2:AJ$366,ROUNDDOWN($C6357/24,0)+1,1))-1)+IF('Standard Profiles'!$G$20=$B$10,7,0)+IF('Standard Profiles'!$G$20=$B$17,14,0)+IF('Standard Profiles'!$G$20=$B$24,21,0),MOD($C6357,24)+1)/SUM(INDEX($D$3:$AA$30,INDEX(Jesper!$R$2:$R$366,ROW(INDEX(Jesper!AJ$2:AJ$366,ROUNDDOWN($C6357/24,0)+1,1))-1)+IF('Standard Profiles'!$G$20=$B$10,7,0)+IF('Standard Profiles'!$G$20=$B$17,14,0)+IF('Standard Profiles'!$G$20=$B$24,21,0),0)),0)</f>
        <v>0</v>
      </c>
      <c r="G6357" cm="1">
        <f t="array" ref="G6357">IFERROR(INDEX(Jesper!AK$2:AK$366,ROUNDDOWN($C6357/24,0)+1,1)*INDEX($D$3:$AA$30,INDEX(Jesper!$R$2:$R$366,ROW(INDEX(Jesper!AK$2:AK$366,ROUNDDOWN($C6357/24,0)+1,1))-1)+IF('Standard Profiles'!$G$21=$B$10,7,0)+IF('Standard Profiles'!$G$21=$B$17,14,0)+IF('Standard Profiles'!$G$21=$B$24,21,0),MOD($C6357,24)+1)/SUM(INDEX($D$3:$AA$30,INDEX(Jesper!$R$2:$R$366,ROW(INDEX(Jesper!AK$2:AK$366,ROUNDDOWN($C6357/24,0)+1,1))-1)+IF('Standard Profiles'!$G$21=$B$10,7,0)+IF('Standard Profiles'!$G$21=$B$17,14,0)+IF('Standard Profiles'!$G$21=$B$24,21,0),0)),0)</f>
        <v>0</v>
      </c>
      <c r="H6357" cm="1">
        <f t="array" ref="H6357">IFERROR(INDEX(Jesper!AL$2:AL$366,ROUNDDOWN($C6357/24,0)+1,1)*INDEX($D$3:$AA$30,INDEX(Jesper!$R$2:$R$366,ROW(INDEX(Jesper!AL$2:AL$366,ROUNDDOWN($C6357/24,0)+1,1))-1)+IF('Standard Profiles'!$G$22=$B$10,7,0)+IF('Standard Profiles'!$G$22=$B$17,14,0)+IF('Standard Profiles'!$G$22=$B$24,21,0),MOD($C6357,24)+1)/SUM(INDEX($D$3:$AA$30,INDEX(Jesper!$R$2:$R$366,ROW(INDEX(Jesper!AL$2:AL$366,ROUNDDOWN($C6357/24,0)+1,1))-1)+IF('Standard Profiles'!$G$22=$B$10,7,0)+IF('Standard Profiles'!$G$22=$B$17,14,0)+IF('Standard Profiles'!$G$22=$B$24,21,0),0)),0)</f>
        <v>0</v>
      </c>
      <c r="I6357">
        <f t="shared" si="706"/>
        <v>0.46390473343415839</v>
      </c>
      <c r="J6357">
        <f t="shared" si="707"/>
        <v>1.5463491114471948</v>
      </c>
      <c r="K6357">
        <f t="shared" si="708"/>
        <v>2.3195236671707922</v>
      </c>
      <c r="L6357">
        <f t="shared" si="709"/>
        <v>11.133713602419801</v>
      </c>
      <c r="M6357">
        <f t="shared" si="710"/>
        <v>0</v>
      </c>
      <c r="N6357" s="46">
        <f t="shared" si="711"/>
        <v>45555.458333317998</v>
      </c>
    </row>
    <row r="6358" spans="2:14" x14ac:dyDescent="0.3">
      <c r="B6358">
        <f t="shared" si="705"/>
        <v>5</v>
      </c>
      <c r="C6358" s="16">
        <v>6324</v>
      </c>
      <c r="D6358" cm="1">
        <f t="array" ref="D6358">IFERROR(INDEX(Jesper!AH$2:AH$366,ROUNDDOWN($C6358/24,0)+1,1)*INDEX($D$3:$AA$30,INDEX(Jesper!$R$2:$R$366,ROW(INDEX(Jesper!AH$2:AH$366,ROUNDDOWN($C6358/24,0)+1,1))-1)+IF('Standard Profiles'!$G$18=$B$10,7,0)+IF('Standard Profiles'!$G$18=$B$17,14,0)+IF('Standard Profiles'!$G$18=$B$24,21,0),MOD($C6358,24)+1)/SUM(INDEX($D$3:$AA$30,INDEX(Jesper!$R$2:$R$366,ROW(INDEX(Jesper!AH$2:AH$366,ROUNDDOWN($C6358/24,0)+1,1))-1)+IF('Standard Profiles'!$G$18=$B$10,7,0)+IF('Standard Profiles'!$G$18=$B$17,14,0)+IF('Standard Profiles'!$G$18=$B$24,21,0),0)),0)</f>
        <v>15.463491114471948</v>
      </c>
      <c r="E6358" cm="1">
        <f t="array" ref="E6358">IFERROR(INDEX(Jesper!AI$2:AI$366,ROUNDDOWN($C6358/24,0)+1,1)*INDEX($D$3:$AA$30,INDEX(Jesper!$R$2:$R$366,ROW(INDEX(Jesper!AI$2:AI$366,ROUNDDOWN($C6358/24,0)+1,1))-1)+IF('Standard Profiles'!$G$19=$B$10,7,0)+IF('Standard Profiles'!$G$19=$B$17,14,0)+IF('Standard Profiles'!$G$19=$B$24,21,0),MOD($C6358,24)+1)/SUM(INDEX($D$3:$AA$30,INDEX(Jesper!$R$2:$R$366,ROW(INDEX(Jesper!AI$2:AI$366,ROUNDDOWN($C6358/24,0)+1,1))-1)+IF('Standard Profiles'!$G$19=$B$10,7,0)+IF('Standard Profiles'!$G$19=$B$17,14,0)+IF('Standard Profiles'!$G$19=$B$24,21,0),0)),0)</f>
        <v>0</v>
      </c>
      <c r="F6358" cm="1">
        <f t="array" ref="F6358">IFERROR(INDEX(Jesper!AJ$2:AJ$366,ROUNDDOWN($C6358/24,0)+1,1)*INDEX($D$3:$AA$30,INDEX(Jesper!$R$2:$R$366,ROW(INDEX(Jesper!AJ$2:AJ$366,ROUNDDOWN($C6358/24,0)+1,1))-1)+IF('Standard Profiles'!$G$20=$B$10,7,0)+IF('Standard Profiles'!$G$20=$B$17,14,0)+IF('Standard Profiles'!$G$20=$B$24,21,0),MOD($C6358,24)+1)/SUM(INDEX($D$3:$AA$30,INDEX(Jesper!$R$2:$R$366,ROW(INDEX(Jesper!AJ$2:AJ$366,ROUNDDOWN($C6358/24,0)+1,1))-1)+IF('Standard Profiles'!$G$20=$B$10,7,0)+IF('Standard Profiles'!$G$20=$B$17,14,0)+IF('Standard Profiles'!$G$20=$B$24,21,0),0)),0)</f>
        <v>0</v>
      </c>
      <c r="G6358" cm="1">
        <f t="array" ref="G6358">IFERROR(INDEX(Jesper!AK$2:AK$366,ROUNDDOWN($C6358/24,0)+1,1)*INDEX($D$3:$AA$30,INDEX(Jesper!$R$2:$R$366,ROW(INDEX(Jesper!AK$2:AK$366,ROUNDDOWN($C6358/24,0)+1,1))-1)+IF('Standard Profiles'!$G$21=$B$10,7,0)+IF('Standard Profiles'!$G$21=$B$17,14,0)+IF('Standard Profiles'!$G$21=$B$24,21,0),MOD($C6358,24)+1)/SUM(INDEX($D$3:$AA$30,INDEX(Jesper!$R$2:$R$366,ROW(INDEX(Jesper!AK$2:AK$366,ROUNDDOWN($C6358/24,0)+1,1))-1)+IF('Standard Profiles'!$G$21=$B$10,7,0)+IF('Standard Profiles'!$G$21=$B$17,14,0)+IF('Standard Profiles'!$G$21=$B$24,21,0),0)),0)</f>
        <v>0</v>
      </c>
      <c r="H6358" cm="1">
        <f t="array" ref="H6358">IFERROR(INDEX(Jesper!AL$2:AL$366,ROUNDDOWN($C6358/24,0)+1,1)*INDEX($D$3:$AA$30,INDEX(Jesper!$R$2:$R$366,ROW(INDEX(Jesper!AL$2:AL$366,ROUNDDOWN($C6358/24,0)+1,1))-1)+IF('Standard Profiles'!$G$22=$B$10,7,0)+IF('Standard Profiles'!$G$22=$B$17,14,0)+IF('Standard Profiles'!$G$22=$B$24,21,0),MOD($C6358,24)+1)/SUM(INDEX($D$3:$AA$30,INDEX(Jesper!$R$2:$R$366,ROW(INDEX(Jesper!AL$2:AL$366,ROUNDDOWN($C6358/24,0)+1,1))-1)+IF('Standard Profiles'!$G$22=$B$10,7,0)+IF('Standard Profiles'!$G$22=$B$17,14,0)+IF('Standard Profiles'!$G$22=$B$24,21,0),0)),0)</f>
        <v>0</v>
      </c>
      <c r="I6358">
        <f t="shared" si="706"/>
        <v>0.46390473343415839</v>
      </c>
      <c r="J6358">
        <f t="shared" si="707"/>
        <v>1.5463491114471948</v>
      </c>
      <c r="K6358">
        <f t="shared" si="708"/>
        <v>2.3195236671707922</v>
      </c>
      <c r="L6358">
        <f t="shared" si="709"/>
        <v>11.133713602419801</v>
      </c>
      <c r="M6358">
        <f t="shared" si="710"/>
        <v>0</v>
      </c>
      <c r="N6358" s="46">
        <f t="shared" si="711"/>
        <v>45555.499999984662</v>
      </c>
    </row>
    <row r="6359" spans="2:14" x14ac:dyDescent="0.3">
      <c r="B6359">
        <f t="shared" si="705"/>
        <v>5</v>
      </c>
      <c r="C6359" s="16">
        <v>6325</v>
      </c>
      <c r="D6359" cm="1">
        <f t="array" ref="D6359">IFERROR(INDEX(Jesper!AH$2:AH$366,ROUNDDOWN($C6359/24,0)+1,1)*INDEX($D$3:$AA$30,INDEX(Jesper!$R$2:$R$366,ROW(INDEX(Jesper!AH$2:AH$366,ROUNDDOWN($C6359/24,0)+1,1))-1)+IF('Standard Profiles'!$G$18=$B$10,7,0)+IF('Standard Profiles'!$G$18=$B$17,14,0)+IF('Standard Profiles'!$G$18=$B$24,21,0),MOD($C6359,24)+1)/SUM(INDEX($D$3:$AA$30,INDEX(Jesper!$R$2:$R$366,ROW(INDEX(Jesper!AH$2:AH$366,ROUNDDOWN($C6359/24,0)+1,1))-1)+IF('Standard Profiles'!$G$18=$B$10,7,0)+IF('Standard Profiles'!$G$18=$B$17,14,0)+IF('Standard Profiles'!$G$18=$B$24,21,0),0)),0)</f>
        <v>15.463491114471948</v>
      </c>
      <c r="E6359" cm="1">
        <f t="array" ref="E6359">IFERROR(INDEX(Jesper!AI$2:AI$366,ROUNDDOWN($C6359/24,0)+1,1)*INDEX($D$3:$AA$30,INDEX(Jesper!$R$2:$R$366,ROW(INDEX(Jesper!AI$2:AI$366,ROUNDDOWN($C6359/24,0)+1,1))-1)+IF('Standard Profiles'!$G$19=$B$10,7,0)+IF('Standard Profiles'!$G$19=$B$17,14,0)+IF('Standard Profiles'!$G$19=$B$24,21,0),MOD($C6359,24)+1)/SUM(INDEX($D$3:$AA$30,INDEX(Jesper!$R$2:$R$366,ROW(INDEX(Jesper!AI$2:AI$366,ROUNDDOWN($C6359/24,0)+1,1))-1)+IF('Standard Profiles'!$G$19=$B$10,7,0)+IF('Standard Profiles'!$G$19=$B$17,14,0)+IF('Standard Profiles'!$G$19=$B$24,21,0),0)),0)</f>
        <v>0</v>
      </c>
      <c r="F6359" cm="1">
        <f t="array" ref="F6359">IFERROR(INDEX(Jesper!AJ$2:AJ$366,ROUNDDOWN($C6359/24,0)+1,1)*INDEX($D$3:$AA$30,INDEX(Jesper!$R$2:$R$366,ROW(INDEX(Jesper!AJ$2:AJ$366,ROUNDDOWN($C6359/24,0)+1,1))-1)+IF('Standard Profiles'!$G$20=$B$10,7,0)+IF('Standard Profiles'!$G$20=$B$17,14,0)+IF('Standard Profiles'!$G$20=$B$24,21,0),MOD($C6359,24)+1)/SUM(INDEX($D$3:$AA$30,INDEX(Jesper!$R$2:$R$366,ROW(INDEX(Jesper!AJ$2:AJ$366,ROUNDDOWN($C6359/24,0)+1,1))-1)+IF('Standard Profiles'!$G$20=$B$10,7,0)+IF('Standard Profiles'!$G$20=$B$17,14,0)+IF('Standard Profiles'!$G$20=$B$24,21,0),0)),0)</f>
        <v>0</v>
      </c>
      <c r="G6359" cm="1">
        <f t="array" ref="G6359">IFERROR(INDEX(Jesper!AK$2:AK$366,ROUNDDOWN($C6359/24,0)+1,1)*INDEX($D$3:$AA$30,INDEX(Jesper!$R$2:$R$366,ROW(INDEX(Jesper!AK$2:AK$366,ROUNDDOWN($C6359/24,0)+1,1))-1)+IF('Standard Profiles'!$G$21=$B$10,7,0)+IF('Standard Profiles'!$G$21=$B$17,14,0)+IF('Standard Profiles'!$G$21=$B$24,21,0),MOD($C6359,24)+1)/SUM(INDEX($D$3:$AA$30,INDEX(Jesper!$R$2:$R$366,ROW(INDEX(Jesper!AK$2:AK$366,ROUNDDOWN($C6359/24,0)+1,1))-1)+IF('Standard Profiles'!$G$21=$B$10,7,0)+IF('Standard Profiles'!$G$21=$B$17,14,0)+IF('Standard Profiles'!$G$21=$B$24,21,0),0)),0)</f>
        <v>0</v>
      </c>
      <c r="H6359" cm="1">
        <f t="array" ref="H6359">IFERROR(INDEX(Jesper!AL$2:AL$366,ROUNDDOWN($C6359/24,0)+1,1)*INDEX($D$3:$AA$30,INDEX(Jesper!$R$2:$R$366,ROW(INDEX(Jesper!AL$2:AL$366,ROUNDDOWN($C6359/24,0)+1,1))-1)+IF('Standard Profiles'!$G$22=$B$10,7,0)+IF('Standard Profiles'!$G$22=$B$17,14,0)+IF('Standard Profiles'!$G$22=$B$24,21,0),MOD($C6359,24)+1)/SUM(INDEX($D$3:$AA$30,INDEX(Jesper!$R$2:$R$366,ROW(INDEX(Jesper!AL$2:AL$366,ROUNDDOWN($C6359/24,0)+1,1))-1)+IF('Standard Profiles'!$G$22=$B$10,7,0)+IF('Standard Profiles'!$G$22=$B$17,14,0)+IF('Standard Profiles'!$G$22=$B$24,21,0),0)),0)</f>
        <v>0</v>
      </c>
      <c r="I6359">
        <f t="shared" si="706"/>
        <v>0.46390473343415839</v>
      </c>
      <c r="J6359">
        <f t="shared" si="707"/>
        <v>1.5463491114471948</v>
      </c>
      <c r="K6359">
        <f t="shared" si="708"/>
        <v>2.3195236671707922</v>
      </c>
      <c r="L6359">
        <f t="shared" si="709"/>
        <v>11.133713602419801</v>
      </c>
      <c r="M6359">
        <f t="shared" si="710"/>
        <v>0</v>
      </c>
      <c r="N6359" s="46">
        <f t="shared" si="711"/>
        <v>45555.541666651327</v>
      </c>
    </row>
    <row r="6360" spans="2:14" x14ac:dyDescent="0.3">
      <c r="B6360">
        <f t="shared" si="705"/>
        <v>5</v>
      </c>
      <c r="C6360" s="16">
        <v>6326</v>
      </c>
      <c r="D6360" cm="1">
        <f t="array" ref="D6360">IFERROR(INDEX(Jesper!AH$2:AH$366,ROUNDDOWN($C6360/24,0)+1,1)*INDEX($D$3:$AA$30,INDEX(Jesper!$R$2:$R$366,ROW(INDEX(Jesper!AH$2:AH$366,ROUNDDOWN($C6360/24,0)+1,1))-1)+IF('Standard Profiles'!$G$18=$B$10,7,0)+IF('Standard Profiles'!$G$18=$B$17,14,0)+IF('Standard Profiles'!$G$18=$B$24,21,0),MOD($C6360,24)+1)/SUM(INDEX($D$3:$AA$30,INDEX(Jesper!$R$2:$R$366,ROW(INDEX(Jesper!AH$2:AH$366,ROUNDDOWN($C6360/24,0)+1,1))-1)+IF('Standard Profiles'!$G$18=$B$10,7,0)+IF('Standard Profiles'!$G$18=$B$17,14,0)+IF('Standard Profiles'!$G$18=$B$24,21,0),0)),0)</f>
        <v>15.463491114471948</v>
      </c>
      <c r="E6360" cm="1">
        <f t="array" ref="E6360">IFERROR(INDEX(Jesper!AI$2:AI$366,ROUNDDOWN($C6360/24,0)+1,1)*INDEX($D$3:$AA$30,INDEX(Jesper!$R$2:$R$366,ROW(INDEX(Jesper!AI$2:AI$366,ROUNDDOWN($C6360/24,0)+1,1))-1)+IF('Standard Profiles'!$G$19=$B$10,7,0)+IF('Standard Profiles'!$G$19=$B$17,14,0)+IF('Standard Profiles'!$G$19=$B$24,21,0),MOD($C6360,24)+1)/SUM(INDEX($D$3:$AA$30,INDEX(Jesper!$R$2:$R$366,ROW(INDEX(Jesper!AI$2:AI$366,ROUNDDOWN($C6360/24,0)+1,1))-1)+IF('Standard Profiles'!$G$19=$B$10,7,0)+IF('Standard Profiles'!$G$19=$B$17,14,0)+IF('Standard Profiles'!$G$19=$B$24,21,0),0)),0)</f>
        <v>0</v>
      </c>
      <c r="F6360" cm="1">
        <f t="array" ref="F6360">IFERROR(INDEX(Jesper!AJ$2:AJ$366,ROUNDDOWN($C6360/24,0)+1,1)*INDEX($D$3:$AA$30,INDEX(Jesper!$R$2:$R$366,ROW(INDEX(Jesper!AJ$2:AJ$366,ROUNDDOWN($C6360/24,0)+1,1))-1)+IF('Standard Profiles'!$G$20=$B$10,7,0)+IF('Standard Profiles'!$G$20=$B$17,14,0)+IF('Standard Profiles'!$G$20=$B$24,21,0),MOD($C6360,24)+1)/SUM(INDEX($D$3:$AA$30,INDEX(Jesper!$R$2:$R$366,ROW(INDEX(Jesper!AJ$2:AJ$366,ROUNDDOWN($C6360/24,0)+1,1))-1)+IF('Standard Profiles'!$G$20=$B$10,7,0)+IF('Standard Profiles'!$G$20=$B$17,14,0)+IF('Standard Profiles'!$G$20=$B$24,21,0),0)),0)</f>
        <v>0</v>
      </c>
      <c r="G6360" cm="1">
        <f t="array" ref="G6360">IFERROR(INDEX(Jesper!AK$2:AK$366,ROUNDDOWN($C6360/24,0)+1,1)*INDEX($D$3:$AA$30,INDEX(Jesper!$R$2:$R$366,ROW(INDEX(Jesper!AK$2:AK$366,ROUNDDOWN($C6360/24,0)+1,1))-1)+IF('Standard Profiles'!$G$21=$B$10,7,0)+IF('Standard Profiles'!$G$21=$B$17,14,0)+IF('Standard Profiles'!$G$21=$B$24,21,0),MOD($C6360,24)+1)/SUM(INDEX($D$3:$AA$30,INDEX(Jesper!$R$2:$R$366,ROW(INDEX(Jesper!AK$2:AK$366,ROUNDDOWN($C6360/24,0)+1,1))-1)+IF('Standard Profiles'!$G$21=$B$10,7,0)+IF('Standard Profiles'!$G$21=$B$17,14,0)+IF('Standard Profiles'!$G$21=$B$24,21,0),0)),0)</f>
        <v>0</v>
      </c>
      <c r="H6360" cm="1">
        <f t="array" ref="H6360">IFERROR(INDEX(Jesper!AL$2:AL$366,ROUNDDOWN($C6360/24,0)+1,1)*INDEX($D$3:$AA$30,INDEX(Jesper!$R$2:$R$366,ROW(INDEX(Jesper!AL$2:AL$366,ROUNDDOWN($C6360/24,0)+1,1))-1)+IF('Standard Profiles'!$G$22=$B$10,7,0)+IF('Standard Profiles'!$G$22=$B$17,14,0)+IF('Standard Profiles'!$G$22=$B$24,21,0),MOD($C6360,24)+1)/SUM(INDEX($D$3:$AA$30,INDEX(Jesper!$R$2:$R$366,ROW(INDEX(Jesper!AL$2:AL$366,ROUNDDOWN($C6360/24,0)+1,1))-1)+IF('Standard Profiles'!$G$22=$B$10,7,0)+IF('Standard Profiles'!$G$22=$B$17,14,0)+IF('Standard Profiles'!$G$22=$B$24,21,0),0)),0)</f>
        <v>0</v>
      </c>
      <c r="I6360">
        <f t="shared" si="706"/>
        <v>0.46390473343415839</v>
      </c>
      <c r="J6360">
        <f t="shared" si="707"/>
        <v>1.5463491114471948</v>
      </c>
      <c r="K6360">
        <f t="shared" si="708"/>
        <v>2.3195236671707922</v>
      </c>
      <c r="L6360">
        <f t="shared" si="709"/>
        <v>11.133713602419801</v>
      </c>
      <c r="M6360">
        <f t="shared" si="710"/>
        <v>0</v>
      </c>
      <c r="N6360" s="46">
        <f t="shared" si="711"/>
        <v>45555.583333317991</v>
      </c>
    </row>
    <row r="6361" spans="2:14" x14ac:dyDescent="0.3">
      <c r="B6361">
        <f t="shared" si="705"/>
        <v>5</v>
      </c>
      <c r="C6361" s="16">
        <v>6327</v>
      </c>
      <c r="D6361" cm="1">
        <f t="array" ref="D6361">IFERROR(INDEX(Jesper!AH$2:AH$366,ROUNDDOWN($C6361/24,0)+1,1)*INDEX($D$3:$AA$30,INDEX(Jesper!$R$2:$R$366,ROW(INDEX(Jesper!AH$2:AH$366,ROUNDDOWN($C6361/24,0)+1,1))-1)+IF('Standard Profiles'!$G$18=$B$10,7,0)+IF('Standard Profiles'!$G$18=$B$17,14,0)+IF('Standard Profiles'!$G$18=$B$24,21,0),MOD($C6361,24)+1)/SUM(INDEX($D$3:$AA$30,INDEX(Jesper!$R$2:$R$366,ROW(INDEX(Jesper!AH$2:AH$366,ROUNDDOWN($C6361/24,0)+1,1))-1)+IF('Standard Profiles'!$G$18=$B$10,7,0)+IF('Standard Profiles'!$G$18=$B$17,14,0)+IF('Standard Profiles'!$G$18=$B$24,21,0),0)),0)</f>
        <v>12.88624259539329</v>
      </c>
      <c r="E6361" cm="1">
        <f t="array" ref="E6361">IFERROR(INDEX(Jesper!AI$2:AI$366,ROUNDDOWN($C6361/24,0)+1,1)*INDEX($D$3:$AA$30,INDEX(Jesper!$R$2:$R$366,ROW(INDEX(Jesper!AI$2:AI$366,ROUNDDOWN($C6361/24,0)+1,1))-1)+IF('Standard Profiles'!$G$19=$B$10,7,0)+IF('Standard Profiles'!$G$19=$B$17,14,0)+IF('Standard Profiles'!$G$19=$B$24,21,0),MOD($C6361,24)+1)/SUM(INDEX($D$3:$AA$30,INDEX(Jesper!$R$2:$R$366,ROW(INDEX(Jesper!AI$2:AI$366,ROUNDDOWN($C6361/24,0)+1,1))-1)+IF('Standard Profiles'!$G$19=$B$10,7,0)+IF('Standard Profiles'!$G$19=$B$17,14,0)+IF('Standard Profiles'!$G$19=$B$24,21,0),0)),0)</f>
        <v>0</v>
      </c>
      <c r="F6361" cm="1">
        <f t="array" ref="F6361">IFERROR(INDEX(Jesper!AJ$2:AJ$366,ROUNDDOWN($C6361/24,0)+1,1)*INDEX($D$3:$AA$30,INDEX(Jesper!$R$2:$R$366,ROW(INDEX(Jesper!AJ$2:AJ$366,ROUNDDOWN($C6361/24,0)+1,1))-1)+IF('Standard Profiles'!$G$20=$B$10,7,0)+IF('Standard Profiles'!$G$20=$B$17,14,0)+IF('Standard Profiles'!$G$20=$B$24,21,0),MOD($C6361,24)+1)/SUM(INDEX($D$3:$AA$30,INDEX(Jesper!$R$2:$R$366,ROW(INDEX(Jesper!AJ$2:AJ$366,ROUNDDOWN($C6361/24,0)+1,1))-1)+IF('Standard Profiles'!$G$20=$B$10,7,0)+IF('Standard Profiles'!$G$20=$B$17,14,0)+IF('Standard Profiles'!$G$20=$B$24,21,0),0)),0)</f>
        <v>0</v>
      </c>
      <c r="G6361" cm="1">
        <f t="array" ref="G6361">IFERROR(INDEX(Jesper!AK$2:AK$366,ROUNDDOWN($C6361/24,0)+1,1)*INDEX($D$3:$AA$30,INDEX(Jesper!$R$2:$R$366,ROW(INDEX(Jesper!AK$2:AK$366,ROUNDDOWN($C6361/24,0)+1,1))-1)+IF('Standard Profiles'!$G$21=$B$10,7,0)+IF('Standard Profiles'!$G$21=$B$17,14,0)+IF('Standard Profiles'!$G$21=$B$24,21,0),MOD($C6361,24)+1)/SUM(INDEX($D$3:$AA$30,INDEX(Jesper!$R$2:$R$366,ROW(INDEX(Jesper!AK$2:AK$366,ROUNDDOWN($C6361/24,0)+1,1))-1)+IF('Standard Profiles'!$G$21=$B$10,7,0)+IF('Standard Profiles'!$G$21=$B$17,14,0)+IF('Standard Profiles'!$G$21=$B$24,21,0),0)),0)</f>
        <v>0</v>
      </c>
      <c r="H6361" cm="1">
        <f t="array" ref="H6361">IFERROR(INDEX(Jesper!AL$2:AL$366,ROUNDDOWN($C6361/24,0)+1,1)*INDEX($D$3:$AA$30,INDEX(Jesper!$R$2:$R$366,ROW(INDEX(Jesper!AL$2:AL$366,ROUNDDOWN($C6361/24,0)+1,1))-1)+IF('Standard Profiles'!$G$22=$B$10,7,0)+IF('Standard Profiles'!$G$22=$B$17,14,0)+IF('Standard Profiles'!$G$22=$B$24,21,0),MOD($C6361,24)+1)/SUM(INDEX($D$3:$AA$30,INDEX(Jesper!$R$2:$R$366,ROW(INDEX(Jesper!AL$2:AL$366,ROUNDDOWN($C6361/24,0)+1,1))-1)+IF('Standard Profiles'!$G$22=$B$10,7,0)+IF('Standard Profiles'!$G$22=$B$17,14,0)+IF('Standard Profiles'!$G$22=$B$24,21,0),0)),0)</f>
        <v>0</v>
      </c>
      <c r="I6361">
        <f t="shared" si="706"/>
        <v>0.38658727786179869</v>
      </c>
      <c r="J6361">
        <f t="shared" si="707"/>
        <v>1.2886242595393291</v>
      </c>
      <c r="K6361">
        <f t="shared" si="708"/>
        <v>1.9329363893089933</v>
      </c>
      <c r="L6361">
        <f t="shared" si="709"/>
        <v>9.2780946686831687</v>
      </c>
      <c r="M6361">
        <f t="shared" si="710"/>
        <v>0</v>
      </c>
      <c r="N6361" s="46">
        <f t="shared" si="711"/>
        <v>45555.624999984655</v>
      </c>
    </row>
    <row r="6362" spans="2:14" x14ac:dyDescent="0.3">
      <c r="B6362">
        <f t="shared" si="705"/>
        <v>5</v>
      </c>
      <c r="C6362" s="16">
        <v>6328</v>
      </c>
      <c r="D6362" cm="1">
        <f t="array" ref="D6362">IFERROR(INDEX(Jesper!AH$2:AH$366,ROUNDDOWN($C6362/24,0)+1,1)*INDEX($D$3:$AA$30,INDEX(Jesper!$R$2:$R$366,ROW(INDEX(Jesper!AH$2:AH$366,ROUNDDOWN($C6362/24,0)+1,1))-1)+IF('Standard Profiles'!$G$18=$B$10,7,0)+IF('Standard Profiles'!$G$18=$B$17,14,0)+IF('Standard Profiles'!$G$18=$B$24,21,0),MOD($C6362,24)+1)/SUM(INDEX($D$3:$AA$30,INDEX(Jesper!$R$2:$R$366,ROW(INDEX(Jesper!AH$2:AH$366,ROUNDDOWN($C6362/24,0)+1,1))-1)+IF('Standard Profiles'!$G$18=$B$10,7,0)+IF('Standard Profiles'!$G$18=$B$17,14,0)+IF('Standard Profiles'!$G$18=$B$24,21,0),0)),0)</f>
        <v>12.198976323638982</v>
      </c>
      <c r="E6362" cm="1">
        <f t="array" ref="E6362">IFERROR(INDEX(Jesper!AI$2:AI$366,ROUNDDOWN($C6362/24,0)+1,1)*INDEX($D$3:$AA$30,INDEX(Jesper!$R$2:$R$366,ROW(INDEX(Jesper!AI$2:AI$366,ROUNDDOWN($C6362/24,0)+1,1))-1)+IF('Standard Profiles'!$G$19=$B$10,7,0)+IF('Standard Profiles'!$G$19=$B$17,14,0)+IF('Standard Profiles'!$G$19=$B$24,21,0),MOD($C6362,24)+1)/SUM(INDEX($D$3:$AA$30,INDEX(Jesper!$R$2:$R$366,ROW(INDEX(Jesper!AI$2:AI$366,ROUNDDOWN($C6362/24,0)+1,1))-1)+IF('Standard Profiles'!$G$19=$B$10,7,0)+IF('Standard Profiles'!$G$19=$B$17,14,0)+IF('Standard Profiles'!$G$19=$B$24,21,0),0)),0)</f>
        <v>0</v>
      </c>
      <c r="F6362" cm="1">
        <f t="array" ref="F6362">IFERROR(INDEX(Jesper!AJ$2:AJ$366,ROUNDDOWN($C6362/24,0)+1,1)*INDEX($D$3:$AA$30,INDEX(Jesper!$R$2:$R$366,ROW(INDEX(Jesper!AJ$2:AJ$366,ROUNDDOWN($C6362/24,0)+1,1))-1)+IF('Standard Profiles'!$G$20=$B$10,7,0)+IF('Standard Profiles'!$G$20=$B$17,14,0)+IF('Standard Profiles'!$G$20=$B$24,21,0),MOD($C6362,24)+1)/SUM(INDEX($D$3:$AA$30,INDEX(Jesper!$R$2:$R$366,ROW(INDEX(Jesper!AJ$2:AJ$366,ROUNDDOWN($C6362/24,0)+1,1))-1)+IF('Standard Profiles'!$G$20=$B$10,7,0)+IF('Standard Profiles'!$G$20=$B$17,14,0)+IF('Standard Profiles'!$G$20=$B$24,21,0),0)),0)</f>
        <v>0</v>
      </c>
      <c r="G6362" cm="1">
        <f t="array" ref="G6362">IFERROR(INDEX(Jesper!AK$2:AK$366,ROUNDDOWN($C6362/24,0)+1,1)*INDEX($D$3:$AA$30,INDEX(Jesper!$R$2:$R$366,ROW(INDEX(Jesper!AK$2:AK$366,ROUNDDOWN($C6362/24,0)+1,1))-1)+IF('Standard Profiles'!$G$21=$B$10,7,0)+IF('Standard Profiles'!$G$21=$B$17,14,0)+IF('Standard Profiles'!$G$21=$B$24,21,0),MOD($C6362,24)+1)/SUM(INDEX($D$3:$AA$30,INDEX(Jesper!$R$2:$R$366,ROW(INDEX(Jesper!AK$2:AK$366,ROUNDDOWN($C6362/24,0)+1,1))-1)+IF('Standard Profiles'!$G$21=$B$10,7,0)+IF('Standard Profiles'!$G$21=$B$17,14,0)+IF('Standard Profiles'!$G$21=$B$24,21,0),0)),0)</f>
        <v>0</v>
      </c>
      <c r="H6362" cm="1">
        <f t="array" ref="H6362">IFERROR(INDEX(Jesper!AL$2:AL$366,ROUNDDOWN($C6362/24,0)+1,1)*INDEX($D$3:$AA$30,INDEX(Jesper!$R$2:$R$366,ROW(INDEX(Jesper!AL$2:AL$366,ROUNDDOWN($C6362/24,0)+1,1))-1)+IF('Standard Profiles'!$G$22=$B$10,7,0)+IF('Standard Profiles'!$G$22=$B$17,14,0)+IF('Standard Profiles'!$G$22=$B$24,21,0),MOD($C6362,24)+1)/SUM(INDEX($D$3:$AA$30,INDEX(Jesper!$R$2:$R$366,ROW(INDEX(Jesper!AL$2:AL$366,ROUNDDOWN($C6362/24,0)+1,1))-1)+IF('Standard Profiles'!$G$22=$B$10,7,0)+IF('Standard Profiles'!$G$22=$B$17,14,0)+IF('Standard Profiles'!$G$22=$B$24,21,0),0)),0)</f>
        <v>0</v>
      </c>
      <c r="I6362">
        <f t="shared" si="706"/>
        <v>0.36596928970916948</v>
      </c>
      <c r="J6362">
        <f t="shared" si="707"/>
        <v>1.2198976323638984</v>
      </c>
      <c r="K6362">
        <f t="shared" si="708"/>
        <v>1.8298464485458472</v>
      </c>
      <c r="L6362">
        <f t="shared" si="709"/>
        <v>8.783262953020067</v>
      </c>
      <c r="M6362">
        <f t="shared" si="710"/>
        <v>0</v>
      </c>
      <c r="N6362" s="46">
        <f t="shared" si="711"/>
        <v>45555.666666651319</v>
      </c>
    </row>
    <row r="6363" spans="2:14" x14ac:dyDescent="0.3">
      <c r="B6363">
        <f t="shared" si="705"/>
        <v>5</v>
      </c>
      <c r="C6363" s="16">
        <v>6329</v>
      </c>
      <c r="D6363" cm="1">
        <f t="array" ref="D6363">IFERROR(INDEX(Jesper!AH$2:AH$366,ROUNDDOWN($C6363/24,0)+1,1)*INDEX($D$3:$AA$30,INDEX(Jesper!$R$2:$R$366,ROW(INDEX(Jesper!AH$2:AH$366,ROUNDDOWN($C6363/24,0)+1,1))-1)+IF('Standard Profiles'!$G$18=$B$10,7,0)+IF('Standard Profiles'!$G$18=$B$17,14,0)+IF('Standard Profiles'!$G$18=$B$24,21,0),MOD($C6363,24)+1)/SUM(INDEX($D$3:$AA$30,INDEX(Jesper!$R$2:$R$366,ROW(INDEX(Jesper!AH$2:AH$366,ROUNDDOWN($C6363/24,0)+1,1))-1)+IF('Standard Profiles'!$G$18=$B$10,7,0)+IF('Standard Profiles'!$G$18=$B$17,14,0)+IF('Standard Profiles'!$G$18=$B$24,21,0),0)),0)</f>
        <v>12.198976323638982</v>
      </c>
      <c r="E6363" cm="1">
        <f t="array" ref="E6363">IFERROR(INDEX(Jesper!AI$2:AI$366,ROUNDDOWN($C6363/24,0)+1,1)*INDEX($D$3:$AA$30,INDEX(Jesper!$R$2:$R$366,ROW(INDEX(Jesper!AI$2:AI$366,ROUNDDOWN($C6363/24,0)+1,1))-1)+IF('Standard Profiles'!$G$19=$B$10,7,0)+IF('Standard Profiles'!$G$19=$B$17,14,0)+IF('Standard Profiles'!$G$19=$B$24,21,0),MOD($C6363,24)+1)/SUM(INDEX($D$3:$AA$30,INDEX(Jesper!$R$2:$R$366,ROW(INDEX(Jesper!AI$2:AI$366,ROUNDDOWN($C6363/24,0)+1,1))-1)+IF('Standard Profiles'!$G$19=$B$10,7,0)+IF('Standard Profiles'!$G$19=$B$17,14,0)+IF('Standard Profiles'!$G$19=$B$24,21,0),0)),0)</f>
        <v>0</v>
      </c>
      <c r="F6363" cm="1">
        <f t="array" ref="F6363">IFERROR(INDEX(Jesper!AJ$2:AJ$366,ROUNDDOWN($C6363/24,0)+1,1)*INDEX($D$3:$AA$30,INDEX(Jesper!$R$2:$R$366,ROW(INDEX(Jesper!AJ$2:AJ$366,ROUNDDOWN($C6363/24,0)+1,1))-1)+IF('Standard Profiles'!$G$20=$B$10,7,0)+IF('Standard Profiles'!$G$20=$B$17,14,0)+IF('Standard Profiles'!$G$20=$B$24,21,0),MOD($C6363,24)+1)/SUM(INDEX($D$3:$AA$30,INDEX(Jesper!$R$2:$R$366,ROW(INDEX(Jesper!AJ$2:AJ$366,ROUNDDOWN($C6363/24,0)+1,1))-1)+IF('Standard Profiles'!$G$20=$B$10,7,0)+IF('Standard Profiles'!$G$20=$B$17,14,0)+IF('Standard Profiles'!$G$20=$B$24,21,0),0)),0)</f>
        <v>0</v>
      </c>
      <c r="G6363" cm="1">
        <f t="array" ref="G6363">IFERROR(INDEX(Jesper!AK$2:AK$366,ROUNDDOWN($C6363/24,0)+1,1)*INDEX($D$3:$AA$30,INDEX(Jesper!$R$2:$R$366,ROW(INDEX(Jesper!AK$2:AK$366,ROUNDDOWN($C6363/24,0)+1,1))-1)+IF('Standard Profiles'!$G$21=$B$10,7,0)+IF('Standard Profiles'!$G$21=$B$17,14,0)+IF('Standard Profiles'!$G$21=$B$24,21,0),MOD($C6363,24)+1)/SUM(INDEX($D$3:$AA$30,INDEX(Jesper!$R$2:$R$366,ROW(INDEX(Jesper!AK$2:AK$366,ROUNDDOWN($C6363/24,0)+1,1))-1)+IF('Standard Profiles'!$G$21=$B$10,7,0)+IF('Standard Profiles'!$G$21=$B$17,14,0)+IF('Standard Profiles'!$G$21=$B$24,21,0),0)),0)</f>
        <v>0</v>
      </c>
      <c r="H6363" cm="1">
        <f t="array" ref="H6363">IFERROR(INDEX(Jesper!AL$2:AL$366,ROUNDDOWN($C6363/24,0)+1,1)*INDEX($D$3:$AA$30,INDEX(Jesper!$R$2:$R$366,ROW(INDEX(Jesper!AL$2:AL$366,ROUNDDOWN($C6363/24,0)+1,1))-1)+IF('Standard Profiles'!$G$22=$B$10,7,0)+IF('Standard Profiles'!$G$22=$B$17,14,0)+IF('Standard Profiles'!$G$22=$B$24,21,0),MOD($C6363,24)+1)/SUM(INDEX($D$3:$AA$30,INDEX(Jesper!$R$2:$R$366,ROW(INDEX(Jesper!AL$2:AL$366,ROUNDDOWN($C6363/24,0)+1,1))-1)+IF('Standard Profiles'!$G$22=$B$10,7,0)+IF('Standard Profiles'!$G$22=$B$17,14,0)+IF('Standard Profiles'!$G$22=$B$24,21,0),0)),0)</f>
        <v>0</v>
      </c>
      <c r="I6363">
        <f t="shared" si="706"/>
        <v>0.36596928970916948</v>
      </c>
      <c r="J6363">
        <f t="shared" si="707"/>
        <v>1.2198976323638984</v>
      </c>
      <c r="K6363">
        <f t="shared" si="708"/>
        <v>1.8298464485458472</v>
      </c>
      <c r="L6363">
        <f t="shared" si="709"/>
        <v>8.783262953020067</v>
      </c>
      <c r="M6363">
        <f t="shared" si="710"/>
        <v>0</v>
      </c>
      <c r="N6363" s="46">
        <f t="shared" si="711"/>
        <v>45555.708333317983</v>
      </c>
    </row>
    <row r="6364" spans="2:14" x14ac:dyDescent="0.3">
      <c r="B6364">
        <f t="shared" si="705"/>
        <v>5</v>
      </c>
      <c r="C6364" s="16">
        <v>6330</v>
      </c>
      <c r="D6364" cm="1">
        <f t="array" ref="D6364">IFERROR(INDEX(Jesper!AH$2:AH$366,ROUNDDOWN($C6364/24,0)+1,1)*INDEX($D$3:$AA$30,INDEX(Jesper!$R$2:$R$366,ROW(INDEX(Jesper!AH$2:AH$366,ROUNDDOWN($C6364/24,0)+1,1))-1)+IF('Standard Profiles'!$G$18=$B$10,7,0)+IF('Standard Profiles'!$G$18=$B$17,14,0)+IF('Standard Profiles'!$G$18=$B$24,21,0),MOD($C6364,24)+1)/SUM(INDEX($D$3:$AA$30,INDEX(Jesper!$R$2:$R$366,ROW(INDEX(Jesper!AH$2:AH$366,ROUNDDOWN($C6364/24,0)+1,1))-1)+IF('Standard Profiles'!$G$18=$B$10,7,0)+IF('Standard Profiles'!$G$18=$B$17,14,0)+IF('Standard Profiles'!$G$18=$B$24,21,0),0)),0)</f>
        <v>12.198976323638982</v>
      </c>
      <c r="E6364" cm="1">
        <f t="array" ref="E6364">IFERROR(INDEX(Jesper!AI$2:AI$366,ROUNDDOWN($C6364/24,0)+1,1)*INDEX($D$3:$AA$30,INDEX(Jesper!$R$2:$R$366,ROW(INDEX(Jesper!AI$2:AI$366,ROUNDDOWN($C6364/24,0)+1,1))-1)+IF('Standard Profiles'!$G$19=$B$10,7,0)+IF('Standard Profiles'!$G$19=$B$17,14,0)+IF('Standard Profiles'!$G$19=$B$24,21,0),MOD($C6364,24)+1)/SUM(INDEX($D$3:$AA$30,INDEX(Jesper!$R$2:$R$366,ROW(INDEX(Jesper!AI$2:AI$366,ROUNDDOWN($C6364/24,0)+1,1))-1)+IF('Standard Profiles'!$G$19=$B$10,7,0)+IF('Standard Profiles'!$G$19=$B$17,14,0)+IF('Standard Profiles'!$G$19=$B$24,21,0),0)),0)</f>
        <v>0</v>
      </c>
      <c r="F6364" cm="1">
        <f t="array" ref="F6364">IFERROR(INDEX(Jesper!AJ$2:AJ$366,ROUNDDOWN($C6364/24,0)+1,1)*INDEX($D$3:$AA$30,INDEX(Jesper!$R$2:$R$366,ROW(INDEX(Jesper!AJ$2:AJ$366,ROUNDDOWN($C6364/24,0)+1,1))-1)+IF('Standard Profiles'!$G$20=$B$10,7,0)+IF('Standard Profiles'!$G$20=$B$17,14,0)+IF('Standard Profiles'!$G$20=$B$24,21,0),MOD($C6364,24)+1)/SUM(INDEX($D$3:$AA$30,INDEX(Jesper!$R$2:$R$366,ROW(INDEX(Jesper!AJ$2:AJ$366,ROUNDDOWN($C6364/24,0)+1,1))-1)+IF('Standard Profiles'!$G$20=$B$10,7,0)+IF('Standard Profiles'!$G$20=$B$17,14,0)+IF('Standard Profiles'!$G$20=$B$24,21,0),0)),0)</f>
        <v>0</v>
      </c>
      <c r="G6364" cm="1">
        <f t="array" ref="G6364">IFERROR(INDEX(Jesper!AK$2:AK$366,ROUNDDOWN($C6364/24,0)+1,1)*INDEX($D$3:$AA$30,INDEX(Jesper!$R$2:$R$366,ROW(INDEX(Jesper!AK$2:AK$366,ROUNDDOWN($C6364/24,0)+1,1))-1)+IF('Standard Profiles'!$G$21=$B$10,7,0)+IF('Standard Profiles'!$G$21=$B$17,14,0)+IF('Standard Profiles'!$G$21=$B$24,21,0),MOD($C6364,24)+1)/SUM(INDEX($D$3:$AA$30,INDEX(Jesper!$R$2:$R$366,ROW(INDEX(Jesper!AK$2:AK$366,ROUNDDOWN($C6364/24,0)+1,1))-1)+IF('Standard Profiles'!$G$21=$B$10,7,0)+IF('Standard Profiles'!$G$21=$B$17,14,0)+IF('Standard Profiles'!$G$21=$B$24,21,0),0)),0)</f>
        <v>0</v>
      </c>
      <c r="H6364" cm="1">
        <f t="array" ref="H6364">IFERROR(INDEX(Jesper!AL$2:AL$366,ROUNDDOWN($C6364/24,0)+1,1)*INDEX($D$3:$AA$30,INDEX(Jesper!$R$2:$R$366,ROW(INDEX(Jesper!AL$2:AL$366,ROUNDDOWN($C6364/24,0)+1,1))-1)+IF('Standard Profiles'!$G$22=$B$10,7,0)+IF('Standard Profiles'!$G$22=$B$17,14,0)+IF('Standard Profiles'!$G$22=$B$24,21,0),MOD($C6364,24)+1)/SUM(INDEX($D$3:$AA$30,INDEX(Jesper!$R$2:$R$366,ROW(INDEX(Jesper!AL$2:AL$366,ROUNDDOWN($C6364/24,0)+1,1))-1)+IF('Standard Profiles'!$G$22=$B$10,7,0)+IF('Standard Profiles'!$G$22=$B$17,14,0)+IF('Standard Profiles'!$G$22=$B$24,21,0),0)),0)</f>
        <v>0</v>
      </c>
      <c r="I6364">
        <f t="shared" si="706"/>
        <v>0.36596928970916948</v>
      </c>
      <c r="J6364">
        <f t="shared" si="707"/>
        <v>1.2198976323638984</v>
      </c>
      <c r="K6364">
        <f t="shared" si="708"/>
        <v>1.8298464485458472</v>
      </c>
      <c r="L6364">
        <f t="shared" si="709"/>
        <v>8.783262953020067</v>
      </c>
      <c r="M6364">
        <f t="shared" si="710"/>
        <v>0</v>
      </c>
      <c r="N6364" s="46">
        <f t="shared" si="711"/>
        <v>45555.749999984648</v>
      </c>
    </row>
    <row r="6365" spans="2:14" x14ac:dyDescent="0.3">
      <c r="B6365">
        <f t="shared" si="705"/>
        <v>5</v>
      </c>
      <c r="C6365" s="16">
        <v>6331</v>
      </c>
      <c r="D6365" cm="1">
        <f t="array" ref="D6365">IFERROR(INDEX(Jesper!AH$2:AH$366,ROUNDDOWN($C6365/24,0)+1,1)*INDEX($D$3:$AA$30,INDEX(Jesper!$R$2:$R$366,ROW(INDEX(Jesper!AH$2:AH$366,ROUNDDOWN($C6365/24,0)+1,1))-1)+IF('Standard Profiles'!$G$18=$B$10,7,0)+IF('Standard Profiles'!$G$18=$B$17,14,0)+IF('Standard Profiles'!$G$18=$B$24,21,0),MOD($C6365,24)+1)/SUM(INDEX($D$3:$AA$30,INDEX(Jesper!$R$2:$R$366,ROW(INDEX(Jesper!AH$2:AH$366,ROUNDDOWN($C6365/24,0)+1,1))-1)+IF('Standard Profiles'!$G$18=$B$10,7,0)+IF('Standard Profiles'!$G$18=$B$17,14,0)+IF('Standard Profiles'!$G$18=$B$24,21,0),0)),0)</f>
        <v>12.198976323638982</v>
      </c>
      <c r="E6365" cm="1">
        <f t="array" ref="E6365">IFERROR(INDEX(Jesper!AI$2:AI$366,ROUNDDOWN($C6365/24,0)+1,1)*INDEX($D$3:$AA$30,INDEX(Jesper!$R$2:$R$366,ROW(INDEX(Jesper!AI$2:AI$366,ROUNDDOWN($C6365/24,0)+1,1))-1)+IF('Standard Profiles'!$G$19=$B$10,7,0)+IF('Standard Profiles'!$G$19=$B$17,14,0)+IF('Standard Profiles'!$G$19=$B$24,21,0),MOD($C6365,24)+1)/SUM(INDEX($D$3:$AA$30,INDEX(Jesper!$R$2:$R$366,ROW(INDEX(Jesper!AI$2:AI$366,ROUNDDOWN($C6365/24,0)+1,1))-1)+IF('Standard Profiles'!$G$19=$B$10,7,0)+IF('Standard Profiles'!$G$19=$B$17,14,0)+IF('Standard Profiles'!$G$19=$B$24,21,0),0)),0)</f>
        <v>0</v>
      </c>
      <c r="F6365" cm="1">
        <f t="array" ref="F6365">IFERROR(INDEX(Jesper!AJ$2:AJ$366,ROUNDDOWN($C6365/24,0)+1,1)*INDEX($D$3:$AA$30,INDEX(Jesper!$R$2:$R$366,ROW(INDEX(Jesper!AJ$2:AJ$366,ROUNDDOWN($C6365/24,0)+1,1))-1)+IF('Standard Profiles'!$G$20=$B$10,7,0)+IF('Standard Profiles'!$G$20=$B$17,14,0)+IF('Standard Profiles'!$G$20=$B$24,21,0),MOD($C6365,24)+1)/SUM(INDEX($D$3:$AA$30,INDEX(Jesper!$R$2:$R$366,ROW(INDEX(Jesper!AJ$2:AJ$366,ROUNDDOWN($C6365/24,0)+1,1))-1)+IF('Standard Profiles'!$G$20=$B$10,7,0)+IF('Standard Profiles'!$G$20=$B$17,14,0)+IF('Standard Profiles'!$G$20=$B$24,21,0),0)),0)</f>
        <v>0</v>
      </c>
      <c r="G6365" cm="1">
        <f t="array" ref="G6365">IFERROR(INDEX(Jesper!AK$2:AK$366,ROUNDDOWN($C6365/24,0)+1,1)*INDEX($D$3:$AA$30,INDEX(Jesper!$R$2:$R$366,ROW(INDEX(Jesper!AK$2:AK$366,ROUNDDOWN($C6365/24,0)+1,1))-1)+IF('Standard Profiles'!$G$21=$B$10,7,0)+IF('Standard Profiles'!$G$21=$B$17,14,0)+IF('Standard Profiles'!$G$21=$B$24,21,0),MOD($C6365,24)+1)/SUM(INDEX($D$3:$AA$30,INDEX(Jesper!$R$2:$R$366,ROW(INDEX(Jesper!AK$2:AK$366,ROUNDDOWN($C6365/24,0)+1,1))-1)+IF('Standard Profiles'!$G$21=$B$10,7,0)+IF('Standard Profiles'!$G$21=$B$17,14,0)+IF('Standard Profiles'!$G$21=$B$24,21,0),0)),0)</f>
        <v>0</v>
      </c>
      <c r="H6365" cm="1">
        <f t="array" ref="H6365">IFERROR(INDEX(Jesper!AL$2:AL$366,ROUNDDOWN($C6365/24,0)+1,1)*INDEX($D$3:$AA$30,INDEX(Jesper!$R$2:$R$366,ROW(INDEX(Jesper!AL$2:AL$366,ROUNDDOWN($C6365/24,0)+1,1))-1)+IF('Standard Profiles'!$G$22=$B$10,7,0)+IF('Standard Profiles'!$G$22=$B$17,14,0)+IF('Standard Profiles'!$G$22=$B$24,21,0),MOD($C6365,24)+1)/SUM(INDEX($D$3:$AA$30,INDEX(Jesper!$R$2:$R$366,ROW(INDEX(Jesper!AL$2:AL$366,ROUNDDOWN($C6365/24,0)+1,1))-1)+IF('Standard Profiles'!$G$22=$B$10,7,0)+IF('Standard Profiles'!$G$22=$B$17,14,0)+IF('Standard Profiles'!$G$22=$B$24,21,0),0)),0)</f>
        <v>0</v>
      </c>
      <c r="I6365">
        <f t="shared" si="706"/>
        <v>0.36596928970916948</v>
      </c>
      <c r="J6365">
        <f t="shared" si="707"/>
        <v>1.2198976323638984</v>
      </c>
      <c r="K6365">
        <f t="shared" si="708"/>
        <v>1.8298464485458472</v>
      </c>
      <c r="L6365">
        <f t="shared" si="709"/>
        <v>8.783262953020067</v>
      </c>
      <c r="M6365">
        <f t="shared" si="710"/>
        <v>0</v>
      </c>
      <c r="N6365" s="46">
        <f t="shared" si="711"/>
        <v>45555.791666651312</v>
      </c>
    </row>
    <row r="6366" spans="2:14" x14ac:dyDescent="0.3">
      <c r="B6366">
        <f t="shared" si="705"/>
        <v>5</v>
      </c>
      <c r="C6366" s="16">
        <v>6332</v>
      </c>
      <c r="D6366" cm="1">
        <f t="array" ref="D6366">IFERROR(INDEX(Jesper!AH$2:AH$366,ROUNDDOWN($C6366/24,0)+1,1)*INDEX($D$3:$AA$30,INDEX(Jesper!$R$2:$R$366,ROW(INDEX(Jesper!AH$2:AH$366,ROUNDDOWN($C6366/24,0)+1,1))-1)+IF('Standard Profiles'!$G$18=$B$10,7,0)+IF('Standard Profiles'!$G$18=$B$17,14,0)+IF('Standard Profiles'!$G$18=$B$24,21,0),MOD($C6366,24)+1)/SUM(INDEX($D$3:$AA$30,INDEX(Jesper!$R$2:$R$366,ROW(INDEX(Jesper!AH$2:AH$366,ROUNDDOWN($C6366/24,0)+1,1))-1)+IF('Standard Profiles'!$G$18=$B$10,7,0)+IF('Standard Profiles'!$G$18=$B$17,14,0)+IF('Standard Profiles'!$G$18=$B$24,21,0),0)),0)</f>
        <v>9.4499112366217464</v>
      </c>
      <c r="E6366" cm="1">
        <f t="array" ref="E6366">IFERROR(INDEX(Jesper!AI$2:AI$366,ROUNDDOWN($C6366/24,0)+1,1)*INDEX($D$3:$AA$30,INDEX(Jesper!$R$2:$R$366,ROW(INDEX(Jesper!AI$2:AI$366,ROUNDDOWN($C6366/24,0)+1,1))-1)+IF('Standard Profiles'!$G$19=$B$10,7,0)+IF('Standard Profiles'!$G$19=$B$17,14,0)+IF('Standard Profiles'!$G$19=$B$24,21,0),MOD($C6366,24)+1)/SUM(INDEX($D$3:$AA$30,INDEX(Jesper!$R$2:$R$366,ROW(INDEX(Jesper!AI$2:AI$366,ROUNDDOWN($C6366/24,0)+1,1))-1)+IF('Standard Profiles'!$G$19=$B$10,7,0)+IF('Standard Profiles'!$G$19=$B$17,14,0)+IF('Standard Profiles'!$G$19=$B$24,21,0),0)),0)</f>
        <v>0</v>
      </c>
      <c r="F6366" cm="1">
        <f t="array" ref="F6366">IFERROR(INDEX(Jesper!AJ$2:AJ$366,ROUNDDOWN($C6366/24,0)+1,1)*INDEX($D$3:$AA$30,INDEX(Jesper!$R$2:$R$366,ROW(INDEX(Jesper!AJ$2:AJ$366,ROUNDDOWN($C6366/24,0)+1,1))-1)+IF('Standard Profiles'!$G$20=$B$10,7,0)+IF('Standard Profiles'!$G$20=$B$17,14,0)+IF('Standard Profiles'!$G$20=$B$24,21,0),MOD($C6366,24)+1)/SUM(INDEX($D$3:$AA$30,INDEX(Jesper!$R$2:$R$366,ROW(INDEX(Jesper!AJ$2:AJ$366,ROUNDDOWN($C6366/24,0)+1,1))-1)+IF('Standard Profiles'!$G$20=$B$10,7,0)+IF('Standard Profiles'!$G$20=$B$17,14,0)+IF('Standard Profiles'!$G$20=$B$24,21,0),0)),0)</f>
        <v>0</v>
      </c>
      <c r="G6366" cm="1">
        <f t="array" ref="G6366">IFERROR(INDEX(Jesper!AK$2:AK$366,ROUNDDOWN($C6366/24,0)+1,1)*INDEX($D$3:$AA$30,INDEX(Jesper!$R$2:$R$366,ROW(INDEX(Jesper!AK$2:AK$366,ROUNDDOWN($C6366/24,0)+1,1))-1)+IF('Standard Profiles'!$G$21=$B$10,7,0)+IF('Standard Profiles'!$G$21=$B$17,14,0)+IF('Standard Profiles'!$G$21=$B$24,21,0),MOD($C6366,24)+1)/SUM(INDEX($D$3:$AA$30,INDEX(Jesper!$R$2:$R$366,ROW(INDEX(Jesper!AK$2:AK$366,ROUNDDOWN($C6366/24,0)+1,1))-1)+IF('Standard Profiles'!$G$21=$B$10,7,0)+IF('Standard Profiles'!$G$21=$B$17,14,0)+IF('Standard Profiles'!$G$21=$B$24,21,0),0)),0)</f>
        <v>0</v>
      </c>
      <c r="H6366" cm="1">
        <f t="array" ref="H6366">IFERROR(INDEX(Jesper!AL$2:AL$366,ROUNDDOWN($C6366/24,0)+1,1)*INDEX($D$3:$AA$30,INDEX(Jesper!$R$2:$R$366,ROW(INDEX(Jesper!AL$2:AL$366,ROUNDDOWN($C6366/24,0)+1,1))-1)+IF('Standard Profiles'!$G$22=$B$10,7,0)+IF('Standard Profiles'!$G$22=$B$17,14,0)+IF('Standard Profiles'!$G$22=$B$24,21,0),MOD($C6366,24)+1)/SUM(INDEX($D$3:$AA$30,INDEX(Jesper!$R$2:$R$366,ROW(INDEX(Jesper!AL$2:AL$366,ROUNDDOWN($C6366/24,0)+1,1))-1)+IF('Standard Profiles'!$G$22=$B$10,7,0)+IF('Standard Profiles'!$G$22=$B$17,14,0)+IF('Standard Profiles'!$G$22=$B$24,21,0),0)),0)</f>
        <v>0</v>
      </c>
      <c r="I6366">
        <f t="shared" si="706"/>
        <v>0.28349733709865238</v>
      </c>
      <c r="J6366">
        <f t="shared" si="707"/>
        <v>0.94499112366217464</v>
      </c>
      <c r="K6366">
        <f t="shared" si="708"/>
        <v>1.417486685493262</v>
      </c>
      <c r="L6366">
        <f t="shared" si="709"/>
        <v>6.8039360903676576</v>
      </c>
      <c r="M6366">
        <f t="shared" si="710"/>
        <v>0</v>
      </c>
      <c r="N6366" s="46">
        <f t="shared" si="711"/>
        <v>45555.833333317976</v>
      </c>
    </row>
    <row r="6367" spans="2:14" x14ac:dyDescent="0.3">
      <c r="B6367">
        <f t="shared" si="705"/>
        <v>5</v>
      </c>
      <c r="C6367" s="16">
        <v>6333</v>
      </c>
      <c r="D6367" cm="1">
        <f t="array" ref="D6367">IFERROR(INDEX(Jesper!AH$2:AH$366,ROUNDDOWN($C6367/24,0)+1,1)*INDEX($D$3:$AA$30,INDEX(Jesper!$R$2:$R$366,ROW(INDEX(Jesper!AH$2:AH$366,ROUNDDOWN($C6367/24,0)+1,1))-1)+IF('Standard Profiles'!$G$18=$B$10,7,0)+IF('Standard Profiles'!$G$18=$B$17,14,0)+IF('Standard Profiles'!$G$18=$B$24,21,0),MOD($C6367,24)+1)/SUM(INDEX($D$3:$AA$30,INDEX(Jesper!$R$2:$R$366,ROW(INDEX(Jesper!AH$2:AH$366,ROUNDDOWN($C6367/24,0)+1,1))-1)+IF('Standard Profiles'!$G$18=$B$10,7,0)+IF('Standard Profiles'!$G$18=$B$17,14,0)+IF('Standard Profiles'!$G$18=$B$24,21,0),0)),0)</f>
        <v>3.6081479267101213</v>
      </c>
      <c r="E6367" cm="1">
        <f t="array" ref="E6367">IFERROR(INDEX(Jesper!AI$2:AI$366,ROUNDDOWN($C6367/24,0)+1,1)*INDEX($D$3:$AA$30,INDEX(Jesper!$R$2:$R$366,ROW(INDEX(Jesper!AI$2:AI$366,ROUNDDOWN($C6367/24,0)+1,1))-1)+IF('Standard Profiles'!$G$19=$B$10,7,0)+IF('Standard Profiles'!$G$19=$B$17,14,0)+IF('Standard Profiles'!$G$19=$B$24,21,0),MOD($C6367,24)+1)/SUM(INDEX($D$3:$AA$30,INDEX(Jesper!$R$2:$R$366,ROW(INDEX(Jesper!AI$2:AI$366,ROUNDDOWN($C6367/24,0)+1,1))-1)+IF('Standard Profiles'!$G$19=$B$10,7,0)+IF('Standard Profiles'!$G$19=$B$17,14,0)+IF('Standard Profiles'!$G$19=$B$24,21,0),0)),0)</f>
        <v>0</v>
      </c>
      <c r="F6367" cm="1">
        <f t="array" ref="F6367">IFERROR(INDEX(Jesper!AJ$2:AJ$366,ROUNDDOWN($C6367/24,0)+1,1)*INDEX($D$3:$AA$30,INDEX(Jesper!$R$2:$R$366,ROW(INDEX(Jesper!AJ$2:AJ$366,ROUNDDOWN($C6367/24,0)+1,1))-1)+IF('Standard Profiles'!$G$20=$B$10,7,0)+IF('Standard Profiles'!$G$20=$B$17,14,0)+IF('Standard Profiles'!$G$20=$B$24,21,0),MOD($C6367,24)+1)/SUM(INDEX($D$3:$AA$30,INDEX(Jesper!$R$2:$R$366,ROW(INDEX(Jesper!AJ$2:AJ$366,ROUNDDOWN($C6367/24,0)+1,1))-1)+IF('Standard Profiles'!$G$20=$B$10,7,0)+IF('Standard Profiles'!$G$20=$B$17,14,0)+IF('Standard Profiles'!$G$20=$B$24,21,0),0)),0)</f>
        <v>0</v>
      </c>
      <c r="G6367" cm="1">
        <f t="array" ref="G6367">IFERROR(INDEX(Jesper!AK$2:AK$366,ROUNDDOWN($C6367/24,0)+1,1)*INDEX($D$3:$AA$30,INDEX(Jesper!$R$2:$R$366,ROW(INDEX(Jesper!AK$2:AK$366,ROUNDDOWN($C6367/24,0)+1,1))-1)+IF('Standard Profiles'!$G$21=$B$10,7,0)+IF('Standard Profiles'!$G$21=$B$17,14,0)+IF('Standard Profiles'!$G$21=$B$24,21,0),MOD($C6367,24)+1)/SUM(INDEX($D$3:$AA$30,INDEX(Jesper!$R$2:$R$366,ROW(INDEX(Jesper!AK$2:AK$366,ROUNDDOWN($C6367/24,0)+1,1))-1)+IF('Standard Profiles'!$G$21=$B$10,7,0)+IF('Standard Profiles'!$G$21=$B$17,14,0)+IF('Standard Profiles'!$G$21=$B$24,21,0),0)),0)</f>
        <v>0</v>
      </c>
      <c r="H6367" cm="1">
        <f t="array" ref="H6367">IFERROR(INDEX(Jesper!AL$2:AL$366,ROUNDDOWN($C6367/24,0)+1,1)*INDEX($D$3:$AA$30,INDEX(Jesper!$R$2:$R$366,ROW(INDEX(Jesper!AL$2:AL$366,ROUNDDOWN($C6367/24,0)+1,1))-1)+IF('Standard Profiles'!$G$22=$B$10,7,0)+IF('Standard Profiles'!$G$22=$B$17,14,0)+IF('Standard Profiles'!$G$22=$B$24,21,0),MOD($C6367,24)+1)/SUM(INDEX($D$3:$AA$30,INDEX(Jesper!$R$2:$R$366,ROW(INDEX(Jesper!AL$2:AL$366,ROUNDDOWN($C6367/24,0)+1,1))-1)+IF('Standard Profiles'!$G$22=$B$10,7,0)+IF('Standard Profiles'!$G$22=$B$17,14,0)+IF('Standard Profiles'!$G$22=$B$24,21,0),0)),0)</f>
        <v>0</v>
      </c>
      <c r="I6367">
        <f t="shared" si="706"/>
        <v>0.10824443780130363</v>
      </c>
      <c r="J6367">
        <f t="shared" si="707"/>
        <v>0.36081479267101213</v>
      </c>
      <c r="K6367">
        <f t="shared" si="708"/>
        <v>0.5412221890065182</v>
      </c>
      <c r="L6367">
        <f t="shared" si="709"/>
        <v>2.5978665072312874</v>
      </c>
      <c r="M6367">
        <f t="shared" si="710"/>
        <v>0</v>
      </c>
      <c r="N6367" s="46">
        <f t="shared" si="711"/>
        <v>45555.87499998464</v>
      </c>
    </row>
    <row r="6368" spans="2:14" x14ac:dyDescent="0.3">
      <c r="B6368">
        <f t="shared" si="705"/>
        <v>5</v>
      </c>
      <c r="C6368" s="16">
        <v>6334</v>
      </c>
      <c r="D6368" cm="1">
        <f t="array" ref="D6368">IFERROR(INDEX(Jesper!AH$2:AH$366,ROUNDDOWN($C6368/24,0)+1,1)*INDEX($D$3:$AA$30,INDEX(Jesper!$R$2:$R$366,ROW(INDEX(Jesper!AH$2:AH$366,ROUNDDOWN($C6368/24,0)+1,1))-1)+IF('Standard Profiles'!$G$18=$B$10,7,0)+IF('Standard Profiles'!$G$18=$B$17,14,0)+IF('Standard Profiles'!$G$18=$B$24,21,0),MOD($C6368,24)+1)/SUM(INDEX($D$3:$AA$30,INDEX(Jesper!$R$2:$R$366,ROW(INDEX(Jesper!AH$2:AH$366,ROUNDDOWN($C6368/24,0)+1,1))-1)+IF('Standard Profiles'!$G$18=$B$10,7,0)+IF('Standard Profiles'!$G$18=$B$17,14,0)+IF('Standard Profiles'!$G$18=$B$24,21,0),0)),0)</f>
        <v>3.6081479267101213</v>
      </c>
      <c r="E6368" cm="1">
        <f t="array" ref="E6368">IFERROR(INDEX(Jesper!AI$2:AI$366,ROUNDDOWN($C6368/24,0)+1,1)*INDEX($D$3:$AA$30,INDEX(Jesper!$R$2:$R$366,ROW(INDEX(Jesper!AI$2:AI$366,ROUNDDOWN($C6368/24,0)+1,1))-1)+IF('Standard Profiles'!$G$19=$B$10,7,0)+IF('Standard Profiles'!$G$19=$B$17,14,0)+IF('Standard Profiles'!$G$19=$B$24,21,0),MOD($C6368,24)+1)/SUM(INDEX($D$3:$AA$30,INDEX(Jesper!$R$2:$R$366,ROW(INDEX(Jesper!AI$2:AI$366,ROUNDDOWN($C6368/24,0)+1,1))-1)+IF('Standard Profiles'!$G$19=$B$10,7,0)+IF('Standard Profiles'!$G$19=$B$17,14,0)+IF('Standard Profiles'!$G$19=$B$24,21,0),0)),0)</f>
        <v>0</v>
      </c>
      <c r="F6368" cm="1">
        <f t="array" ref="F6368">IFERROR(INDEX(Jesper!AJ$2:AJ$366,ROUNDDOWN($C6368/24,0)+1,1)*INDEX($D$3:$AA$30,INDEX(Jesper!$R$2:$R$366,ROW(INDEX(Jesper!AJ$2:AJ$366,ROUNDDOWN($C6368/24,0)+1,1))-1)+IF('Standard Profiles'!$G$20=$B$10,7,0)+IF('Standard Profiles'!$G$20=$B$17,14,0)+IF('Standard Profiles'!$G$20=$B$24,21,0),MOD($C6368,24)+1)/SUM(INDEX($D$3:$AA$30,INDEX(Jesper!$R$2:$R$366,ROW(INDEX(Jesper!AJ$2:AJ$366,ROUNDDOWN($C6368/24,0)+1,1))-1)+IF('Standard Profiles'!$G$20=$B$10,7,0)+IF('Standard Profiles'!$G$20=$B$17,14,0)+IF('Standard Profiles'!$G$20=$B$24,21,0),0)),0)</f>
        <v>0</v>
      </c>
      <c r="G6368" cm="1">
        <f t="array" ref="G6368">IFERROR(INDEX(Jesper!AK$2:AK$366,ROUNDDOWN($C6368/24,0)+1,1)*INDEX($D$3:$AA$30,INDEX(Jesper!$R$2:$R$366,ROW(INDEX(Jesper!AK$2:AK$366,ROUNDDOWN($C6368/24,0)+1,1))-1)+IF('Standard Profiles'!$G$21=$B$10,7,0)+IF('Standard Profiles'!$G$21=$B$17,14,0)+IF('Standard Profiles'!$G$21=$B$24,21,0),MOD($C6368,24)+1)/SUM(INDEX($D$3:$AA$30,INDEX(Jesper!$R$2:$R$366,ROW(INDEX(Jesper!AK$2:AK$366,ROUNDDOWN($C6368/24,0)+1,1))-1)+IF('Standard Profiles'!$G$21=$B$10,7,0)+IF('Standard Profiles'!$G$21=$B$17,14,0)+IF('Standard Profiles'!$G$21=$B$24,21,0),0)),0)</f>
        <v>0</v>
      </c>
      <c r="H6368" cm="1">
        <f t="array" ref="H6368">IFERROR(INDEX(Jesper!AL$2:AL$366,ROUNDDOWN($C6368/24,0)+1,1)*INDEX($D$3:$AA$30,INDEX(Jesper!$R$2:$R$366,ROW(INDEX(Jesper!AL$2:AL$366,ROUNDDOWN($C6368/24,0)+1,1))-1)+IF('Standard Profiles'!$G$22=$B$10,7,0)+IF('Standard Profiles'!$G$22=$B$17,14,0)+IF('Standard Profiles'!$G$22=$B$24,21,0),MOD($C6368,24)+1)/SUM(INDEX($D$3:$AA$30,INDEX(Jesper!$R$2:$R$366,ROW(INDEX(Jesper!AL$2:AL$366,ROUNDDOWN($C6368/24,0)+1,1))-1)+IF('Standard Profiles'!$G$22=$B$10,7,0)+IF('Standard Profiles'!$G$22=$B$17,14,0)+IF('Standard Profiles'!$G$22=$B$24,21,0),0)),0)</f>
        <v>0</v>
      </c>
      <c r="I6368">
        <f t="shared" si="706"/>
        <v>0.10824443780130363</v>
      </c>
      <c r="J6368">
        <f t="shared" si="707"/>
        <v>0.36081479267101213</v>
      </c>
      <c r="K6368">
        <f t="shared" si="708"/>
        <v>0.5412221890065182</v>
      </c>
      <c r="L6368">
        <f t="shared" si="709"/>
        <v>2.5978665072312874</v>
      </c>
      <c r="M6368">
        <f t="shared" si="710"/>
        <v>0</v>
      </c>
      <c r="N6368" s="46">
        <f t="shared" si="711"/>
        <v>45555.916666651305</v>
      </c>
    </row>
    <row r="6369" spans="2:14" x14ac:dyDescent="0.3">
      <c r="B6369">
        <f t="shared" si="705"/>
        <v>5</v>
      </c>
      <c r="C6369" s="16">
        <v>6335</v>
      </c>
      <c r="D6369" cm="1">
        <f t="array" ref="D6369">IFERROR(INDEX(Jesper!AH$2:AH$366,ROUNDDOWN($C6369/24,0)+1,1)*INDEX($D$3:$AA$30,INDEX(Jesper!$R$2:$R$366,ROW(INDEX(Jesper!AH$2:AH$366,ROUNDDOWN($C6369/24,0)+1,1))-1)+IF('Standard Profiles'!$G$18=$B$10,7,0)+IF('Standard Profiles'!$G$18=$B$17,14,0)+IF('Standard Profiles'!$G$18=$B$24,21,0),MOD($C6369,24)+1)/SUM(INDEX($D$3:$AA$30,INDEX(Jesper!$R$2:$R$366,ROW(INDEX(Jesper!AH$2:AH$366,ROUNDDOWN($C6369/24,0)+1,1))-1)+IF('Standard Profiles'!$G$18=$B$10,7,0)+IF('Standard Profiles'!$G$18=$B$17,14,0)+IF('Standard Profiles'!$G$18=$B$24,21,0),0)),0)</f>
        <v>3.6081479267101213</v>
      </c>
      <c r="E6369" cm="1">
        <f t="array" ref="E6369">IFERROR(INDEX(Jesper!AI$2:AI$366,ROUNDDOWN($C6369/24,0)+1,1)*INDEX($D$3:$AA$30,INDEX(Jesper!$R$2:$R$366,ROW(INDEX(Jesper!AI$2:AI$366,ROUNDDOWN($C6369/24,0)+1,1))-1)+IF('Standard Profiles'!$G$19=$B$10,7,0)+IF('Standard Profiles'!$G$19=$B$17,14,0)+IF('Standard Profiles'!$G$19=$B$24,21,0),MOD($C6369,24)+1)/SUM(INDEX($D$3:$AA$30,INDEX(Jesper!$R$2:$R$366,ROW(INDEX(Jesper!AI$2:AI$366,ROUNDDOWN($C6369/24,0)+1,1))-1)+IF('Standard Profiles'!$G$19=$B$10,7,0)+IF('Standard Profiles'!$G$19=$B$17,14,0)+IF('Standard Profiles'!$G$19=$B$24,21,0),0)),0)</f>
        <v>0</v>
      </c>
      <c r="F6369" cm="1">
        <f t="array" ref="F6369">IFERROR(INDEX(Jesper!AJ$2:AJ$366,ROUNDDOWN($C6369/24,0)+1,1)*INDEX($D$3:$AA$30,INDEX(Jesper!$R$2:$R$366,ROW(INDEX(Jesper!AJ$2:AJ$366,ROUNDDOWN($C6369/24,0)+1,1))-1)+IF('Standard Profiles'!$G$20=$B$10,7,0)+IF('Standard Profiles'!$G$20=$B$17,14,0)+IF('Standard Profiles'!$G$20=$B$24,21,0),MOD($C6369,24)+1)/SUM(INDEX($D$3:$AA$30,INDEX(Jesper!$R$2:$R$366,ROW(INDEX(Jesper!AJ$2:AJ$366,ROUNDDOWN($C6369/24,0)+1,1))-1)+IF('Standard Profiles'!$G$20=$B$10,7,0)+IF('Standard Profiles'!$G$20=$B$17,14,0)+IF('Standard Profiles'!$G$20=$B$24,21,0),0)),0)</f>
        <v>0</v>
      </c>
      <c r="G6369" cm="1">
        <f t="array" ref="G6369">IFERROR(INDEX(Jesper!AK$2:AK$366,ROUNDDOWN($C6369/24,0)+1,1)*INDEX($D$3:$AA$30,INDEX(Jesper!$R$2:$R$366,ROW(INDEX(Jesper!AK$2:AK$366,ROUNDDOWN($C6369/24,0)+1,1))-1)+IF('Standard Profiles'!$G$21=$B$10,7,0)+IF('Standard Profiles'!$G$21=$B$17,14,0)+IF('Standard Profiles'!$G$21=$B$24,21,0),MOD($C6369,24)+1)/SUM(INDEX($D$3:$AA$30,INDEX(Jesper!$R$2:$R$366,ROW(INDEX(Jesper!AK$2:AK$366,ROUNDDOWN($C6369/24,0)+1,1))-1)+IF('Standard Profiles'!$G$21=$B$10,7,0)+IF('Standard Profiles'!$G$21=$B$17,14,0)+IF('Standard Profiles'!$G$21=$B$24,21,0),0)),0)</f>
        <v>0</v>
      </c>
      <c r="H6369" cm="1">
        <f t="array" ref="H6369">IFERROR(INDEX(Jesper!AL$2:AL$366,ROUNDDOWN($C6369/24,0)+1,1)*INDEX($D$3:$AA$30,INDEX(Jesper!$R$2:$R$366,ROW(INDEX(Jesper!AL$2:AL$366,ROUNDDOWN($C6369/24,0)+1,1))-1)+IF('Standard Profiles'!$G$22=$B$10,7,0)+IF('Standard Profiles'!$G$22=$B$17,14,0)+IF('Standard Profiles'!$G$22=$B$24,21,0),MOD($C6369,24)+1)/SUM(INDEX($D$3:$AA$30,INDEX(Jesper!$R$2:$R$366,ROW(INDEX(Jesper!AL$2:AL$366,ROUNDDOWN($C6369/24,0)+1,1))-1)+IF('Standard Profiles'!$G$22=$B$10,7,0)+IF('Standard Profiles'!$G$22=$B$17,14,0)+IF('Standard Profiles'!$G$22=$B$24,21,0),0)),0)</f>
        <v>0</v>
      </c>
      <c r="I6369">
        <f t="shared" si="706"/>
        <v>0.10824443780130363</v>
      </c>
      <c r="J6369">
        <f t="shared" si="707"/>
        <v>0.36081479267101213</v>
      </c>
      <c r="K6369">
        <f t="shared" si="708"/>
        <v>0.5412221890065182</v>
      </c>
      <c r="L6369">
        <f t="shared" si="709"/>
        <v>2.5978665072312874</v>
      </c>
      <c r="M6369">
        <f t="shared" si="710"/>
        <v>0</v>
      </c>
      <c r="N6369" s="46">
        <f t="shared" si="711"/>
        <v>45555.958333317969</v>
      </c>
    </row>
    <row r="6370" spans="2:14" x14ac:dyDescent="0.3">
      <c r="B6370">
        <f t="shared" si="705"/>
        <v>6</v>
      </c>
      <c r="C6370" s="16">
        <v>6336</v>
      </c>
      <c r="D6370" cm="1">
        <f t="array" ref="D6370">IFERROR(INDEX(Jesper!AH$2:AH$366,ROUNDDOWN($C6370/24,0)+1,1)*INDEX($D$3:$AA$30,INDEX(Jesper!$R$2:$R$366,ROW(INDEX(Jesper!AH$2:AH$366,ROUNDDOWN($C6370/24,0)+1,1))-1)+IF('Standard Profiles'!$G$18=$B$10,7,0)+IF('Standard Profiles'!$G$18=$B$17,14,0)+IF('Standard Profiles'!$G$18=$B$24,21,0),MOD($C6370,24)+1)/SUM(INDEX($D$3:$AA$30,INDEX(Jesper!$R$2:$R$366,ROW(INDEX(Jesper!AH$2:AH$366,ROUNDDOWN($C6370/24,0)+1,1))-1)+IF('Standard Profiles'!$G$18=$B$10,7,0)+IF('Standard Profiles'!$G$18=$B$17,14,0)+IF('Standard Profiles'!$G$18=$B$24,21,0),0)),0)</f>
        <v>3.5341989080330722</v>
      </c>
      <c r="E6370" cm="1">
        <f t="array" ref="E6370">IFERROR(INDEX(Jesper!AI$2:AI$366,ROUNDDOWN($C6370/24,0)+1,1)*INDEX($D$3:$AA$30,INDEX(Jesper!$R$2:$R$366,ROW(INDEX(Jesper!AI$2:AI$366,ROUNDDOWN($C6370/24,0)+1,1))-1)+IF('Standard Profiles'!$G$19=$B$10,7,0)+IF('Standard Profiles'!$G$19=$B$17,14,0)+IF('Standard Profiles'!$G$19=$B$24,21,0),MOD($C6370,24)+1)/SUM(INDEX($D$3:$AA$30,INDEX(Jesper!$R$2:$R$366,ROW(INDEX(Jesper!AI$2:AI$366,ROUNDDOWN($C6370/24,0)+1,1))-1)+IF('Standard Profiles'!$G$19=$B$10,7,0)+IF('Standard Profiles'!$G$19=$B$17,14,0)+IF('Standard Profiles'!$G$19=$B$24,21,0),0)),0)</f>
        <v>0.58035274935941683</v>
      </c>
      <c r="F6370" cm="1">
        <f t="array" ref="F6370">IFERROR(INDEX(Jesper!AJ$2:AJ$366,ROUNDDOWN($C6370/24,0)+1,1)*INDEX($D$3:$AA$30,INDEX(Jesper!$R$2:$R$366,ROW(INDEX(Jesper!AJ$2:AJ$366,ROUNDDOWN($C6370/24,0)+1,1))-1)+IF('Standard Profiles'!$G$20=$B$10,7,0)+IF('Standard Profiles'!$G$20=$B$17,14,0)+IF('Standard Profiles'!$G$20=$B$24,21,0),MOD($C6370,24)+1)/SUM(INDEX($D$3:$AA$30,INDEX(Jesper!$R$2:$R$366,ROW(INDEX(Jesper!AJ$2:AJ$366,ROUNDDOWN($C6370/24,0)+1,1))-1)+IF('Standard Profiles'!$G$20=$B$10,7,0)+IF('Standard Profiles'!$G$20=$B$17,14,0)+IF('Standard Profiles'!$G$20=$B$24,21,0),0)),0)</f>
        <v>0</v>
      </c>
      <c r="G6370" cm="1">
        <f t="array" ref="G6370">IFERROR(INDEX(Jesper!AK$2:AK$366,ROUNDDOWN($C6370/24,0)+1,1)*INDEX($D$3:$AA$30,INDEX(Jesper!$R$2:$R$366,ROW(INDEX(Jesper!AK$2:AK$366,ROUNDDOWN($C6370/24,0)+1,1))-1)+IF('Standard Profiles'!$G$21=$B$10,7,0)+IF('Standard Profiles'!$G$21=$B$17,14,0)+IF('Standard Profiles'!$G$21=$B$24,21,0),MOD($C6370,24)+1)/SUM(INDEX($D$3:$AA$30,INDEX(Jesper!$R$2:$R$366,ROW(INDEX(Jesper!AK$2:AK$366,ROUNDDOWN($C6370/24,0)+1,1))-1)+IF('Standard Profiles'!$G$21=$B$10,7,0)+IF('Standard Profiles'!$G$21=$B$17,14,0)+IF('Standard Profiles'!$G$21=$B$24,21,0),0)),0)</f>
        <v>0</v>
      </c>
      <c r="H6370" cm="1">
        <f t="array" ref="H6370">IFERROR(INDEX(Jesper!AL$2:AL$366,ROUNDDOWN($C6370/24,0)+1,1)*INDEX($D$3:$AA$30,INDEX(Jesper!$R$2:$R$366,ROW(INDEX(Jesper!AL$2:AL$366,ROUNDDOWN($C6370/24,0)+1,1))-1)+IF('Standard Profiles'!$G$22=$B$10,7,0)+IF('Standard Profiles'!$G$22=$B$17,14,0)+IF('Standard Profiles'!$G$22=$B$24,21,0),MOD($C6370,24)+1)/SUM(INDEX($D$3:$AA$30,INDEX(Jesper!$R$2:$R$366,ROW(INDEX(Jesper!AL$2:AL$366,ROUNDDOWN($C6370/24,0)+1,1))-1)+IF('Standard Profiles'!$G$22=$B$10,7,0)+IF('Standard Profiles'!$G$22=$B$17,14,0)+IF('Standard Profiles'!$G$22=$B$24,21,0),0)),0)</f>
        <v>0</v>
      </c>
      <c r="I6370">
        <f t="shared" si="706"/>
        <v>5.2284031473821352E-2</v>
      </c>
      <c r="J6370">
        <f t="shared" si="707"/>
        <v>0.17428010491273785</v>
      </c>
      <c r="K6370">
        <f t="shared" si="708"/>
        <v>0.26142015736910679</v>
      </c>
      <c r="L6370">
        <f t="shared" si="709"/>
        <v>3.626567363636823</v>
      </c>
      <c r="M6370">
        <f t="shared" si="710"/>
        <v>0</v>
      </c>
      <c r="N6370" s="46">
        <f t="shared" si="711"/>
        <v>45555.999999984633</v>
      </c>
    </row>
    <row r="6371" spans="2:14" x14ac:dyDescent="0.3">
      <c r="B6371">
        <f t="shared" ref="B6371:B6434" si="712">WEEKDAY(N6371,2)</f>
        <v>6</v>
      </c>
      <c r="C6371" s="16">
        <v>6337</v>
      </c>
      <c r="D6371" cm="1">
        <f t="array" ref="D6371">IFERROR(INDEX(Jesper!AH$2:AH$366,ROUNDDOWN($C6371/24,0)+1,1)*INDEX($D$3:$AA$30,INDEX(Jesper!$R$2:$R$366,ROW(INDEX(Jesper!AH$2:AH$366,ROUNDDOWN($C6371/24,0)+1,1))-1)+IF('Standard Profiles'!$G$18=$B$10,7,0)+IF('Standard Profiles'!$G$18=$B$17,14,0)+IF('Standard Profiles'!$G$18=$B$24,21,0),MOD($C6371,24)+1)/SUM(INDEX($D$3:$AA$30,INDEX(Jesper!$R$2:$R$366,ROW(INDEX(Jesper!AH$2:AH$366,ROUNDDOWN($C6371/24,0)+1,1))-1)+IF('Standard Profiles'!$G$18=$B$10,7,0)+IF('Standard Profiles'!$G$18=$B$17,14,0)+IF('Standard Profiles'!$G$18=$B$24,21,0),0)),0)</f>
        <v>6.9001026299693331</v>
      </c>
      <c r="E6371" cm="1">
        <f t="array" ref="E6371">IFERROR(INDEX(Jesper!AI$2:AI$366,ROUNDDOWN($C6371/24,0)+1,1)*INDEX($D$3:$AA$30,INDEX(Jesper!$R$2:$R$366,ROW(INDEX(Jesper!AI$2:AI$366,ROUNDDOWN($C6371/24,0)+1,1))-1)+IF('Standard Profiles'!$G$19=$B$10,7,0)+IF('Standard Profiles'!$G$19=$B$17,14,0)+IF('Standard Profiles'!$G$19=$B$24,21,0),MOD($C6371,24)+1)/SUM(INDEX($D$3:$AA$30,INDEX(Jesper!$R$2:$R$366,ROW(INDEX(Jesper!AI$2:AI$366,ROUNDDOWN($C6371/24,0)+1,1))-1)+IF('Standard Profiles'!$G$19=$B$10,7,0)+IF('Standard Profiles'!$G$19=$B$17,14,0)+IF('Standard Profiles'!$G$19=$B$24,21,0),0)),0)</f>
        <v>1.1330696535112426</v>
      </c>
      <c r="F6371" cm="1">
        <f t="array" ref="F6371">IFERROR(INDEX(Jesper!AJ$2:AJ$366,ROUNDDOWN($C6371/24,0)+1,1)*INDEX($D$3:$AA$30,INDEX(Jesper!$R$2:$R$366,ROW(INDEX(Jesper!AJ$2:AJ$366,ROUNDDOWN($C6371/24,0)+1,1))-1)+IF('Standard Profiles'!$G$20=$B$10,7,0)+IF('Standard Profiles'!$G$20=$B$17,14,0)+IF('Standard Profiles'!$G$20=$B$24,21,0),MOD($C6371,24)+1)/SUM(INDEX($D$3:$AA$30,INDEX(Jesper!$R$2:$R$366,ROW(INDEX(Jesper!AJ$2:AJ$366,ROUNDDOWN($C6371/24,0)+1,1))-1)+IF('Standard Profiles'!$G$20=$B$10,7,0)+IF('Standard Profiles'!$G$20=$B$17,14,0)+IF('Standard Profiles'!$G$20=$B$24,21,0),0)),0)</f>
        <v>0</v>
      </c>
      <c r="G6371" cm="1">
        <f t="array" ref="G6371">IFERROR(INDEX(Jesper!AK$2:AK$366,ROUNDDOWN($C6371/24,0)+1,1)*INDEX($D$3:$AA$30,INDEX(Jesper!$R$2:$R$366,ROW(INDEX(Jesper!AK$2:AK$366,ROUNDDOWN($C6371/24,0)+1,1))-1)+IF('Standard Profiles'!$G$21=$B$10,7,0)+IF('Standard Profiles'!$G$21=$B$17,14,0)+IF('Standard Profiles'!$G$21=$B$24,21,0),MOD($C6371,24)+1)/SUM(INDEX($D$3:$AA$30,INDEX(Jesper!$R$2:$R$366,ROW(INDEX(Jesper!AK$2:AK$366,ROUNDDOWN($C6371/24,0)+1,1))-1)+IF('Standard Profiles'!$G$21=$B$10,7,0)+IF('Standard Profiles'!$G$21=$B$17,14,0)+IF('Standard Profiles'!$G$21=$B$24,21,0),0)),0)</f>
        <v>0</v>
      </c>
      <c r="H6371" cm="1">
        <f t="array" ref="H6371">IFERROR(INDEX(Jesper!AL$2:AL$366,ROUNDDOWN($C6371/24,0)+1,1)*INDEX($D$3:$AA$30,INDEX(Jesper!$R$2:$R$366,ROW(INDEX(Jesper!AL$2:AL$366,ROUNDDOWN($C6371/24,0)+1,1))-1)+IF('Standard Profiles'!$G$22=$B$10,7,0)+IF('Standard Profiles'!$G$22=$B$17,14,0)+IF('Standard Profiles'!$G$22=$B$24,21,0),MOD($C6371,24)+1)/SUM(INDEX($D$3:$AA$30,INDEX(Jesper!$R$2:$R$366,ROW(INDEX(Jesper!AL$2:AL$366,ROUNDDOWN($C6371/24,0)+1,1))-1)+IF('Standard Profiles'!$G$22=$B$10,7,0)+IF('Standard Profiles'!$G$22=$B$17,14,0)+IF('Standard Profiles'!$G$22=$B$24,21,0),0)),0)</f>
        <v>0</v>
      </c>
      <c r="I6371">
        <f t="shared" ref="I6371:I6434" si="713">IF($B6371&lt;6,AC$37*$D6371+AC$38*$E6371+AC$39*$F6371+AC$40*$G6371,AC$46*$D6371+AC$47*$E6371+AC$48*$F6371+AC$49*$G6371+AC$50*$H6371)</f>
        <v>0.10207834716317503</v>
      </c>
      <c r="J6371">
        <f t="shared" ref="J6371:J6434" si="714">IF($B6371&lt;6,AD$37*$D6371+AD$38*$E6371+AD$39*$F6371+AD$40*$G6371,AD$46*$D6371+AD$47*$E6371+AD$48*$F6371+AD$49*$G6371+AD$50*$H6371)</f>
        <v>0.34026115721058348</v>
      </c>
      <c r="K6371">
        <f t="shared" ref="K6371:K6434" si="715">IF($B6371&lt;6,AE$37*$D6371+AE$38*$E6371+AE$39*$F6371+AE$40*$G6371,AE$46*$D6371+AE$47*$E6371+AE$48*$F6371+AE$49*$G6371+AE$50*$H6371)</f>
        <v>0.51039173581587527</v>
      </c>
      <c r="L6371">
        <f t="shared" ref="L6371:L6434" si="716">IF($B6371&lt;6,AF$37*$D6371+AF$38*$E6371+AF$39*$F6371+AF$40*$G6371,AF$46*$D6371+AF$47*$E6371+AF$48*$F6371+AF$49*$G6371+AF$50*$H6371)</f>
        <v>7.0804410432909419</v>
      </c>
      <c r="M6371">
        <f t="shared" ref="M6371:M6434" si="717">IF($B6371&lt;6,AG$37*$D6371+AG$38*$E6371+AG$39*$F6371+AG$40*$G6371,AG$46*$D6371+AG$47*$E6371+AG$48*$F6371+AG$49*$G6371+AG$50*$H6371)</f>
        <v>0</v>
      </c>
      <c r="N6371" s="46">
        <f t="shared" si="711"/>
        <v>45556.041666651297</v>
      </c>
    </row>
    <row r="6372" spans="2:14" x14ac:dyDescent="0.3">
      <c r="B6372">
        <f t="shared" si="712"/>
        <v>6</v>
      </c>
      <c r="C6372" s="16">
        <v>6338</v>
      </c>
      <c r="D6372" cm="1">
        <f t="array" ref="D6372">IFERROR(INDEX(Jesper!AH$2:AH$366,ROUNDDOWN($C6372/24,0)+1,1)*INDEX($D$3:$AA$30,INDEX(Jesper!$R$2:$R$366,ROW(INDEX(Jesper!AH$2:AH$366,ROUNDDOWN($C6372/24,0)+1,1))-1)+IF('Standard Profiles'!$G$18=$B$10,7,0)+IF('Standard Profiles'!$G$18=$B$17,14,0)+IF('Standard Profiles'!$G$18=$B$24,21,0),MOD($C6372,24)+1)/SUM(INDEX($D$3:$AA$30,INDEX(Jesper!$R$2:$R$366,ROW(INDEX(Jesper!AH$2:AH$366,ROUNDDOWN($C6372/24,0)+1,1))-1)+IF('Standard Profiles'!$G$18=$B$10,7,0)+IF('Standard Profiles'!$G$18=$B$17,14,0)+IF('Standard Profiles'!$G$18=$B$24,21,0),0)),0)</f>
        <v>6.9001026299693331</v>
      </c>
      <c r="E6372" cm="1">
        <f t="array" ref="E6372">IFERROR(INDEX(Jesper!AI$2:AI$366,ROUNDDOWN($C6372/24,0)+1,1)*INDEX($D$3:$AA$30,INDEX(Jesper!$R$2:$R$366,ROW(INDEX(Jesper!AI$2:AI$366,ROUNDDOWN($C6372/24,0)+1,1))-1)+IF('Standard Profiles'!$G$19=$B$10,7,0)+IF('Standard Profiles'!$G$19=$B$17,14,0)+IF('Standard Profiles'!$G$19=$B$24,21,0),MOD($C6372,24)+1)/SUM(INDEX($D$3:$AA$30,INDEX(Jesper!$R$2:$R$366,ROW(INDEX(Jesper!AI$2:AI$366,ROUNDDOWN($C6372/24,0)+1,1))-1)+IF('Standard Profiles'!$G$19=$B$10,7,0)+IF('Standard Profiles'!$G$19=$B$17,14,0)+IF('Standard Profiles'!$G$19=$B$24,21,0),0)),0)</f>
        <v>1.1330696535112426</v>
      </c>
      <c r="F6372" cm="1">
        <f t="array" ref="F6372">IFERROR(INDEX(Jesper!AJ$2:AJ$366,ROUNDDOWN($C6372/24,0)+1,1)*INDEX($D$3:$AA$30,INDEX(Jesper!$R$2:$R$366,ROW(INDEX(Jesper!AJ$2:AJ$366,ROUNDDOWN($C6372/24,0)+1,1))-1)+IF('Standard Profiles'!$G$20=$B$10,7,0)+IF('Standard Profiles'!$G$20=$B$17,14,0)+IF('Standard Profiles'!$G$20=$B$24,21,0),MOD($C6372,24)+1)/SUM(INDEX($D$3:$AA$30,INDEX(Jesper!$R$2:$R$366,ROW(INDEX(Jesper!AJ$2:AJ$366,ROUNDDOWN($C6372/24,0)+1,1))-1)+IF('Standard Profiles'!$G$20=$B$10,7,0)+IF('Standard Profiles'!$G$20=$B$17,14,0)+IF('Standard Profiles'!$G$20=$B$24,21,0),0)),0)</f>
        <v>0</v>
      </c>
      <c r="G6372" cm="1">
        <f t="array" ref="G6372">IFERROR(INDEX(Jesper!AK$2:AK$366,ROUNDDOWN($C6372/24,0)+1,1)*INDEX($D$3:$AA$30,INDEX(Jesper!$R$2:$R$366,ROW(INDEX(Jesper!AK$2:AK$366,ROUNDDOWN($C6372/24,0)+1,1))-1)+IF('Standard Profiles'!$G$21=$B$10,7,0)+IF('Standard Profiles'!$G$21=$B$17,14,0)+IF('Standard Profiles'!$G$21=$B$24,21,0),MOD($C6372,24)+1)/SUM(INDEX($D$3:$AA$30,INDEX(Jesper!$R$2:$R$366,ROW(INDEX(Jesper!AK$2:AK$366,ROUNDDOWN($C6372/24,0)+1,1))-1)+IF('Standard Profiles'!$G$21=$B$10,7,0)+IF('Standard Profiles'!$G$21=$B$17,14,0)+IF('Standard Profiles'!$G$21=$B$24,21,0),0)),0)</f>
        <v>0</v>
      </c>
      <c r="H6372" cm="1">
        <f t="array" ref="H6372">IFERROR(INDEX(Jesper!AL$2:AL$366,ROUNDDOWN($C6372/24,0)+1,1)*INDEX($D$3:$AA$30,INDEX(Jesper!$R$2:$R$366,ROW(INDEX(Jesper!AL$2:AL$366,ROUNDDOWN($C6372/24,0)+1,1))-1)+IF('Standard Profiles'!$G$22=$B$10,7,0)+IF('Standard Profiles'!$G$22=$B$17,14,0)+IF('Standard Profiles'!$G$22=$B$24,21,0),MOD($C6372,24)+1)/SUM(INDEX($D$3:$AA$30,INDEX(Jesper!$R$2:$R$366,ROW(INDEX(Jesper!AL$2:AL$366,ROUNDDOWN($C6372/24,0)+1,1))-1)+IF('Standard Profiles'!$G$22=$B$10,7,0)+IF('Standard Profiles'!$G$22=$B$17,14,0)+IF('Standard Profiles'!$G$22=$B$24,21,0),0)),0)</f>
        <v>0</v>
      </c>
      <c r="I6372">
        <f t="shared" si="713"/>
        <v>0.10207834716317503</v>
      </c>
      <c r="J6372">
        <f t="shared" si="714"/>
        <v>0.34026115721058348</v>
      </c>
      <c r="K6372">
        <f t="shared" si="715"/>
        <v>0.51039173581587527</v>
      </c>
      <c r="L6372">
        <f t="shared" si="716"/>
        <v>7.0804410432909419</v>
      </c>
      <c r="M6372">
        <f t="shared" si="717"/>
        <v>0</v>
      </c>
      <c r="N6372" s="46">
        <f t="shared" ref="N6372:N6435" si="718">N6371+1/24</f>
        <v>45556.083333317962</v>
      </c>
    </row>
    <row r="6373" spans="2:14" x14ac:dyDescent="0.3">
      <c r="B6373">
        <f t="shared" si="712"/>
        <v>6</v>
      </c>
      <c r="C6373" s="16">
        <v>6339</v>
      </c>
      <c r="D6373" cm="1">
        <f t="array" ref="D6373">IFERROR(INDEX(Jesper!AH$2:AH$366,ROUNDDOWN($C6373/24,0)+1,1)*INDEX($D$3:$AA$30,INDEX(Jesper!$R$2:$R$366,ROW(INDEX(Jesper!AH$2:AH$366,ROUNDDOWN($C6373/24,0)+1,1))-1)+IF('Standard Profiles'!$G$18=$B$10,7,0)+IF('Standard Profiles'!$G$18=$B$17,14,0)+IF('Standard Profiles'!$G$18=$B$24,21,0),MOD($C6373,24)+1)/SUM(INDEX($D$3:$AA$30,INDEX(Jesper!$R$2:$R$366,ROW(INDEX(Jesper!AH$2:AH$366,ROUNDDOWN($C6373/24,0)+1,1))-1)+IF('Standard Profiles'!$G$18=$B$10,7,0)+IF('Standard Profiles'!$G$18=$B$17,14,0)+IF('Standard Profiles'!$G$18=$B$24,21,0),0)),0)</f>
        <v>6.9001026299693331</v>
      </c>
      <c r="E6373" cm="1">
        <f t="array" ref="E6373">IFERROR(INDEX(Jesper!AI$2:AI$366,ROUNDDOWN($C6373/24,0)+1,1)*INDEX($D$3:$AA$30,INDEX(Jesper!$R$2:$R$366,ROW(INDEX(Jesper!AI$2:AI$366,ROUNDDOWN($C6373/24,0)+1,1))-1)+IF('Standard Profiles'!$G$19=$B$10,7,0)+IF('Standard Profiles'!$G$19=$B$17,14,0)+IF('Standard Profiles'!$G$19=$B$24,21,0),MOD($C6373,24)+1)/SUM(INDEX($D$3:$AA$30,INDEX(Jesper!$R$2:$R$366,ROW(INDEX(Jesper!AI$2:AI$366,ROUNDDOWN($C6373/24,0)+1,1))-1)+IF('Standard Profiles'!$G$19=$B$10,7,0)+IF('Standard Profiles'!$G$19=$B$17,14,0)+IF('Standard Profiles'!$G$19=$B$24,21,0),0)),0)</f>
        <v>1.1330696535112426</v>
      </c>
      <c r="F6373" cm="1">
        <f t="array" ref="F6373">IFERROR(INDEX(Jesper!AJ$2:AJ$366,ROUNDDOWN($C6373/24,0)+1,1)*INDEX($D$3:$AA$30,INDEX(Jesper!$R$2:$R$366,ROW(INDEX(Jesper!AJ$2:AJ$366,ROUNDDOWN($C6373/24,0)+1,1))-1)+IF('Standard Profiles'!$G$20=$B$10,7,0)+IF('Standard Profiles'!$G$20=$B$17,14,0)+IF('Standard Profiles'!$G$20=$B$24,21,0),MOD($C6373,24)+1)/SUM(INDEX($D$3:$AA$30,INDEX(Jesper!$R$2:$R$366,ROW(INDEX(Jesper!AJ$2:AJ$366,ROUNDDOWN($C6373/24,0)+1,1))-1)+IF('Standard Profiles'!$G$20=$B$10,7,0)+IF('Standard Profiles'!$G$20=$B$17,14,0)+IF('Standard Profiles'!$G$20=$B$24,21,0),0)),0)</f>
        <v>0</v>
      </c>
      <c r="G6373" cm="1">
        <f t="array" ref="G6373">IFERROR(INDEX(Jesper!AK$2:AK$366,ROUNDDOWN($C6373/24,0)+1,1)*INDEX($D$3:$AA$30,INDEX(Jesper!$R$2:$R$366,ROW(INDEX(Jesper!AK$2:AK$366,ROUNDDOWN($C6373/24,0)+1,1))-1)+IF('Standard Profiles'!$G$21=$B$10,7,0)+IF('Standard Profiles'!$G$21=$B$17,14,0)+IF('Standard Profiles'!$G$21=$B$24,21,0),MOD($C6373,24)+1)/SUM(INDEX($D$3:$AA$30,INDEX(Jesper!$R$2:$R$366,ROW(INDEX(Jesper!AK$2:AK$366,ROUNDDOWN($C6373/24,0)+1,1))-1)+IF('Standard Profiles'!$G$21=$B$10,7,0)+IF('Standard Profiles'!$G$21=$B$17,14,0)+IF('Standard Profiles'!$G$21=$B$24,21,0),0)),0)</f>
        <v>0</v>
      </c>
      <c r="H6373" cm="1">
        <f t="array" ref="H6373">IFERROR(INDEX(Jesper!AL$2:AL$366,ROUNDDOWN($C6373/24,0)+1,1)*INDEX($D$3:$AA$30,INDEX(Jesper!$R$2:$R$366,ROW(INDEX(Jesper!AL$2:AL$366,ROUNDDOWN($C6373/24,0)+1,1))-1)+IF('Standard Profiles'!$G$22=$B$10,7,0)+IF('Standard Profiles'!$G$22=$B$17,14,0)+IF('Standard Profiles'!$G$22=$B$24,21,0),MOD($C6373,24)+1)/SUM(INDEX($D$3:$AA$30,INDEX(Jesper!$R$2:$R$366,ROW(INDEX(Jesper!AL$2:AL$366,ROUNDDOWN($C6373/24,0)+1,1))-1)+IF('Standard Profiles'!$G$22=$B$10,7,0)+IF('Standard Profiles'!$G$22=$B$17,14,0)+IF('Standard Profiles'!$G$22=$B$24,21,0),0)),0)</f>
        <v>0</v>
      </c>
      <c r="I6373">
        <f t="shared" si="713"/>
        <v>0.10207834716317503</v>
      </c>
      <c r="J6373">
        <f t="shared" si="714"/>
        <v>0.34026115721058348</v>
      </c>
      <c r="K6373">
        <f t="shared" si="715"/>
        <v>0.51039173581587527</v>
      </c>
      <c r="L6373">
        <f t="shared" si="716"/>
        <v>7.0804410432909419</v>
      </c>
      <c r="M6373">
        <f t="shared" si="717"/>
        <v>0</v>
      </c>
      <c r="N6373" s="46">
        <f t="shared" si="718"/>
        <v>45556.124999984626</v>
      </c>
    </row>
    <row r="6374" spans="2:14" x14ac:dyDescent="0.3">
      <c r="B6374">
        <f t="shared" si="712"/>
        <v>6</v>
      </c>
      <c r="C6374" s="16">
        <v>6340</v>
      </c>
      <c r="D6374" cm="1">
        <f t="array" ref="D6374">IFERROR(INDEX(Jesper!AH$2:AH$366,ROUNDDOWN($C6374/24,0)+1,1)*INDEX($D$3:$AA$30,INDEX(Jesper!$R$2:$R$366,ROW(INDEX(Jesper!AH$2:AH$366,ROUNDDOWN($C6374/24,0)+1,1))-1)+IF('Standard Profiles'!$G$18=$B$10,7,0)+IF('Standard Profiles'!$G$18=$B$17,14,0)+IF('Standard Profiles'!$G$18=$B$24,21,0),MOD($C6374,24)+1)/SUM(INDEX($D$3:$AA$30,INDEX(Jesper!$R$2:$R$366,ROW(INDEX(Jesper!AH$2:AH$366,ROUNDDOWN($C6374/24,0)+1,1))-1)+IF('Standard Profiles'!$G$18=$B$10,7,0)+IF('Standard Profiles'!$G$18=$B$17,14,0)+IF('Standard Profiles'!$G$18=$B$24,21,0),0)),0)</f>
        <v>6.9001026299693331</v>
      </c>
      <c r="E6374" cm="1">
        <f t="array" ref="E6374">IFERROR(INDEX(Jesper!AI$2:AI$366,ROUNDDOWN($C6374/24,0)+1,1)*INDEX($D$3:$AA$30,INDEX(Jesper!$R$2:$R$366,ROW(INDEX(Jesper!AI$2:AI$366,ROUNDDOWN($C6374/24,0)+1,1))-1)+IF('Standard Profiles'!$G$19=$B$10,7,0)+IF('Standard Profiles'!$G$19=$B$17,14,0)+IF('Standard Profiles'!$G$19=$B$24,21,0),MOD($C6374,24)+1)/SUM(INDEX($D$3:$AA$30,INDEX(Jesper!$R$2:$R$366,ROW(INDEX(Jesper!AI$2:AI$366,ROUNDDOWN($C6374/24,0)+1,1))-1)+IF('Standard Profiles'!$G$19=$B$10,7,0)+IF('Standard Profiles'!$G$19=$B$17,14,0)+IF('Standard Profiles'!$G$19=$B$24,21,0),0)),0)</f>
        <v>1.1330696535112426</v>
      </c>
      <c r="F6374" cm="1">
        <f t="array" ref="F6374">IFERROR(INDEX(Jesper!AJ$2:AJ$366,ROUNDDOWN($C6374/24,0)+1,1)*INDEX($D$3:$AA$30,INDEX(Jesper!$R$2:$R$366,ROW(INDEX(Jesper!AJ$2:AJ$366,ROUNDDOWN($C6374/24,0)+1,1))-1)+IF('Standard Profiles'!$G$20=$B$10,7,0)+IF('Standard Profiles'!$G$20=$B$17,14,0)+IF('Standard Profiles'!$G$20=$B$24,21,0),MOD($C6374,24)+1)/SUM(INDEX($D$3:$AA$30,INDEX(Jesper!$R$2:$R$366,ROW(INDEX(Jesper!AJ$2:AJ$366,ROUNDDOWN($C6374/24,0)+1,1))-1)+IF('Standard Profiles'!$G$20=$B$10,7,0)+IF('Standard Profiles'!$G$20=$B$17,14,0)+IF('Standard Profiles'!$G$20=$B$24,21,0),0)),0)</f>
        <v>0</v>
      </c>
      <c r="G6374" cm="1">
        <f t="array" ref="G6374">IFERROR(INDEX(Jesper!AK$2:AK$366,ROUNDDOWN($C6374/24,0)+1,1)*INDEX($D$3:$AA$30,INDEX(Jesper!$R$2:$R$366,ROW(INDEX(Jesper!AK$2:AK$366,ROUNDDOWN($C6374/24,0)+1,1))-1)+IF('Standard Profiles'!$G$21=$B$10,7,0)+IF('Standard Profiles'!$G$21=$B$17,14,0)+IF('Standard Profiles'!$G$21=$B$24,21,0),MOD($C6374,24)+1)/SUM(INDEX($D$3:$AA$30,INDEX(Jesper!$R$2:$R$366,ROW(INDEX(Jesper!AK$2:AK$366,ROUNDDOWN($C6374/24,0)+1,1))-1)+IF('Standard Profiles'!$G$21=$B$10,7,0)+IF('Standard Profiles'!$G$21=$B$17,14,0)+IF('Standard Profiles'!$G$21=$B$24,21,0),0)),0)</f>
        <v>0</v>
      </c>
      <c r="H6374" cm="1">
        <f t="array" ref="H6374">IFERROR(INDEX(Jesper!AL$2:AL$366,ROUNDDOWN($C6374/24,0)+1,1)*INDEX($D$3:$AA$30,INDEX(Jesper!$R$2:$R$366,ROW(INDEX(Jesper!AL$2:AL$366,ROUNDDOWN($C6374/24,0)+1,1))-1)+IF('Standard Profiles'!$G$22=$B$10,7,0)+IF('Standard Profiles'!$G$22=$B$17,14,0)+IF('Standard Profiles'!$G$22=$B$24,21,0),MOD($C6374,24)+1)/SUM(INDEX($D$3:$AA$30,INDEX(Jesper!$R$2:$R$366,ROW(INDEX(Jesper!AL$2:AL$366,ROUNDDOWN($C6374/24,0)+1,1))-1)+IF('Standard Profiles'!$G$22=$B$10,7,0)+IF('Standard Profiles'!$G$22=$B$17,14,0)+IF('Standard Profiles'!$G$22=$B$24,21,0),0)),0)</f>
        <v>0</v>
      </c>
      <c r="I6374">
        <f t="shared" si="713"/>
        <v>0.10207834716317503</v>
      </c>
      <c r="J6374">
        <f t="shared" si="714"/>
        <v>0.34026115721058348</v>
      </c>
      <c r="K6374">
        <f t="shared" si="715"/>
        <v>0.51039173581587527</v>
      </c>
      <c r="L6374">
        <f t="shared" si="716"/>
        <v>7.0804410432909419</v>
      </c>
      <c r="M6374">
        <f t="shared" si="717"/>
        <v>0</v>
      </c>
      <c r="N6374" s="46">
        <f t="shared" si="718"/>
        <v>45556.16666665129</v>
      </c>
    </row>
    <row r="6375" spans="2:14" x14ac:dyDescent="0.3">
      <c r="B6375">
        <f t="shared" si="712"/>
        <v>6</v>
      </c>
      <c r="C6375" s="16">
        <v>6341</v>
      </c>
      <c r="D6375" cm="1">
        <f t="array" ref="D6375">IFERROR(INDEX(Jesper!AH$2:AH$366,ROUNDDOWN($C6375/24,0)+1,1)*INDEX($D$3:$AA$30,INDEX(Jesper!$R$2:$R$366,ROW(INDEX(Jesper!AH$2:AH$366,ROUNDDOWN($C6375/24,0)+1,1))-1)+IF('Standard Profiles'!$G$18=$B$10,7,0)+IF('Standard Profiles'!$G$18=$B$17,14,0)+IF('Standard Profiles'!$G$18=$B$24,21,0),MOD($C6375,24)+1)/SUM(INDEX($D$3:$AA$30,INDEX(Jesper!$R$2:$R$366,ROW(INDEX(Jesper!AH$2:AH$366,ROUNDDOWN($C6375/24,0)+1,1))-1)+IF('Standard Profiles'!$G$18=$B$10,7,0)+IF('Standard Profiles'!$G$18=$B$17,14,0)+IF('Standard Profiles'!$G$18=$B$24,21,0),0)),0)</f>
        <v>8.583054490937462</v>
      </c>
      <c r="E6375" cm="1">
        <f t="array" ref="E6375">IFERROR(INDEX(Jesper!AI$2:AI$366,ROUNDDOWN($C6375/24,0)+1,1)*INDEX($D$3:$AA$30,INDEX(Jesper!$R$2:$R$366,ROW(INDEX(Jesper!AI$2:AI$366,ROUNDDOWN($C6375/24,0)+1,1))-1)+IF('Standard Profiles'!$G$19=$B$10,7,0)+IF('Standard Profiles'!$G$19=$B$17,14,0)+IF('Standard Profiles'!$G$19=$B$24,21,0),MOD($C6375,24)+1)/SUM(INDEX($D$3:$AA$30,INDEX(Jesper!$R$2:$R$366,ROW(INDEX(Jesper!AI$2:AI$366,ROUNDDOWN($C6375/24,0)+1,1))-1)+IF('Standard Profiles'!$G$19=$B$10,7,0)+IF('Standard Profiles'!$G$19=$B$17,14,0)+IF('Standard Profiles'!$G$19=$B$24,21,0),0)),0)</f>
        <v>1.4094281055871551</v>
      </c>
      <c r="F6375" cm="1">
        <f t="array" ref="F6375">IFERROR(INDEX(Jesper!AJ$2:AJ$366,ROUNDDOWN($C6375/24,0)+1,1)*INDEX($D$3:$AA$30,INDEX(Jesper!$R$2:$R$366,ROW(INDEX(Jesper!AJ$2:AJ$366,ROUNDDOWN($C6375/24,0)+1,1))-1)+IF('Standard Profiles'!$G$20=$B$10,7,0)+IF('Standard Profiles'!$G$20=$B$17,14,0)+IF('Standard Profiles'!$G$20=$B$24,21,0),MOD($C6375,24)+1)/SUM(INDEX($D$3:$AA$30,INDEX(Jesper!$R$2:$R$366,ROW(INDEX(Jesper!AJ$2:AJ$366,ROUNDDOWN($C6375/24,0)+1,1))-1)+IF('Standard Profiles'!$G$20=$B$10,7,0)+IF('Standard Profiles'!$G$20=$B$17,14,0)+IF('Standard Profiles'!$G$20=$B$24,21,0),0)),0)</f>
        <v>0</v>
      </c>
      <c r="G6375" cm="1">
        <f t="array" ref="G6375">IFERROR(INDEX(Jesper!AK$2:AK$366,ROUNDDOWN($C6375/24,0)+1,1)*INDEX($D$3:$AA$30,INDEX(Jesper!$R$2:$R$366,ROW(INDEX(Jesper!AK$2:AK$366,ROUNDDOWN($C6375/24,0)+1,1))-1)+IF('Standard Profiles'!$G$21=$B$10,7,0)+IF('Standard Profiles'!$G$21=$B$17,14,0)+IF('Standard Profiles'!$G$21=$B$24,21,0),MOD($C6375,24)+1)/SUM(INDEX($D$3:$AA$30,INDEX(Jesper!$R$2:$R$366,ROW(INDEX(Jesper!AK$2:AK$366,ROUNDDOWN($C6375/24,0)+1,1))-1)+IF('Standard Profiles'!$G$21=$B$10,7,0)+IF('Standard Profiles'!$G$21=$B$17,14,0)+IF('Standard Profiles'!$G$21=$B$24,21,0),0)),0)</f>
        <v>0</v>
      </c>
      <c r="H6375" cm="1">
        <f t="array" ref="H6375">IFERROR(INDEX(Jesper!AL$2:AL$366,ROUNDDOWN($C6375/24,0)+1,1)*INDEX($D$3:$AA$30,INDEX(Jesper!$R$2:$R$366,ROW(INDEX(Jesper!AL$2:AL$366,ROUNDDOWN($C6375/24,0)+1,1))-1)+IF('Standard Profiles'!$G$22=$B$10,7,0)+IF('Standard Profiles'!$G$22=$B$17,14,0)+IF('Standard Profiles'!$G$22=$B$24,21,0),MOD($C6375,24)+1)/SUM(INDEX($D$3:$AA$30,INDEX(Jesper!$R$2:$R$366,ROW(INDEX(Jesper!AL$2:AL$366,ROUNDDOWN($C6375/24,0)+1,1))-1)+IF('Standard Profiles'!$G$22=$B$10,7,0)+IF('Standard Profiles'!$G$22=$B$17,14,0)+IF('Standard Profiles'!$G$22=$B$24,21,0),0)),0)</f>
        <v>0</v>
      </c>
      <c r="I6375">
        <f t="shared" si="713"/>
        <v>0.12697550500785185</v>
      </c>
      <c r="J6375">
        <f t="shared" si="714"/>
        <v>0.42325168335950619</v>
      </c>
      <c r="K6375">
        <f t="shared" si="715"/>
        <v>0.63487752503925932</v>
      </c>
      <c r="L6375">
        <f t="shared" si="716"/>
        <v>8.8073778831180007</v>
      </c>
      <c r="M6375">
        <f t="shared" si="717"/>
        <v>0</v>
      </c>
      <c r="N6375" s="46">
        <f t="shared" si="718"/>
        <v>45556.208333317954</v>
      </c>
    </row>
    <row r="6376" spans="2:14" x14ac:dyDescent="0.3">
      <c r="B6376">
        <f t="shared" si="712"/>
        <v>6</v>
      </c>
      <c r="C6376" s="16">
        <v>6342</v>
      </c>
      <c r="D6376" cm="1">
        <f t="array" ref="D6376">IFERROR(INDEX(Jesper!AH$2:AH$366,ROUNDDOWN($C6376/24,0)+1,1)*INDEX($D$3:$AA$30,INDEX(Jesper!$R$2:$R$366,ROW(INDEX(Jesper!AH$2:AH$366,ROUNDDOWN($C6376/24,0)+1,1))-1)+IF('Standard Profiles'!$G$18=$B$10,7,0)+IF('Standard Profiles'!$G$18=$B$17,14,0)+IF('Standard Profiles'!$G$18=$B$24,21,0),MOD($C6376,24)+1)/SUM(INDEX($D$3:$AA$30,INDEX(Jesper!$R$2:$R$366,ROW(INDEX(Jesper!AH$2:AH$366,ROUNDDOWN($C6376/24,0)+1,1))-1)+IF('Standard Profiles'!$G$18=$B$10,7,0)+IF('Standard Profiles'!$G$18=$B$17,14,0)+IF('Standard Profiles'!$G$18=$B$24,21,0),0)),0)</f>
        <v>10.770891910196031</v>
      </c>
      <c r="E6376" cm="1">
        <f t="array" ref="E6376">IFERROR(INDEX(Jesper!AI$2:AI$366,ROUNDDOWN($C6376/24,0)+1,1)*INDEX($D$3:$AA$30,INDEX(Jesper!$R$2:$R$366,ROW(INDEX(Jesper!AI$2:AI$366,ROUNDDOWN($C6376/24,0)+1,1))-1)+IF('Standard Profiles'!$G$19=$B$10,7,0)+IF('Standard Profiles'!$G$19=$B$17,14,0)+IF('Standard Profiles'!$G$19=$B$24,21,0),MOD($C6376,24)+1)/SUM(INDEX($D$3:$AA$30,INDEX(Jesper!$R$2:$R$366,ROW(INDEX(Jesper!AI$2:AI$366,ROUNDDOWN($C6376/24,0)+1,1))-1)+IF('Standard Profiles'!$G$19=$B$10,7,0)+IF('Standard Profiles'!$G$19=$B$17,14,0)+IF('Standard Profiles'!$G$19=$B$24,21,0),0)),0)</f>
        <v>1.7686940932858419</v>
      </c>
      <c r="F6376" cm="1">
        <f t="array" ref="F6376">IFERROR(INDEX(Jesper!AJ$2:AJ$366,ROUNDDOWN($C6376/24,0)+1,1)*INDEX($D$3:$AA$30,INDEX(Jesper!$R$2:$R$366,ROW(INDEX(Jesper!AJ$2:AJ$366,ROUNDDOWN($C6376/24,0)+1,1))-1)+IF('Standard Profiles'!$G$20=$B$10,7,0)+IF('Standard Profiles'!$G$20=$B$17,14,0)+IF('Standard Profiles'!$G$20=$B$24,21,0),MOD($C6376,24)+1)/SUM(INDEX($D$3:$AA$30,INDEX(Jesper!$R$2:$R$366,ROW(INDEX(Jesper!AJ$2:AJ$366,ROUNDDOWN($C6376/24,0)+1,1))-1)+IF('Standard Profiles'!$G$20=$B$10,7,0)+IF('Standard Profiles'!$G$20=$B$17,14,0)+IF('Standard Profiles'!$G$20=$B$24,21,0),0)),0)</f>
        <v>0</v>
      </c>
      <c r="G6376" cm="1">
        <f t="array" ref="G6376">IFERROR(INDEX(Jesper!AK$2:AK$366,ROUNDDOWN($C6376/24,0)+1,1)*INDEX($D$3:$AA$30,INDEX(Jesper!$R$2:$R$366,ROW(INDEX(Jesper!AK$2:AK$366,ROUNDDOWN($C6376/24,0)+1,1))-1)+IF('Standard Profiles'!$G$21=$B$10,7,0)+IF('Standard Profiles'!$G$21=$B$17,14,0)+IF('Standard Profiles'!$G$21=$B$24,21,0),MOD($C6376,24)+1)/SUM(INDEX($D$3:$AA$30,INDEX(Jesper!$R$2:$R$366,ROW(INDEX(Jesper!AK$2:AK$366,ROUNDDOWN($C6376/24,0)+1,1))-1)+IF('Standard Profiles'!$G$21=$B$10,7,0)+IF('Standard Profiles'!$G$21=$B$17,14,0)+IF('Standard Profiles'!$G$21=$B$24,21,0),0)),0)</f>
        <v>0</v>
      </c>
      <c r="H6376" cm="1">
        <f t="array" ref="H6376">IFERROR(INDEX(Jesper!AL$2:AL$366,ROUNDDOWN($C6376/24,0)+1,1)*INDEX($D$3:$AA$30,INDEX(Jesper!$R$2:$R$366,ROW(INDEX(Jesper!AL$2:AL$366,ROUNDDOWN($C6376/24,0)+1,1))-1)+IF('Standard Profiles'!$G$22=$B$10,7,0)+IF('Standard Profiles'!$G$22=$B$17,14,0)+IF('Standard Profiles'!$G$22=$B$24,21,0),MOD($C6376,24)+1)/SUM(INDEX($D$3:$AA$30,INDEX(Jesper!$R$2:$R$366,ROW(INDEX(Jesper!AL$2:AL$366,ROUNDDOWN($C6376/24,0)+1,1))-1)+IF('Standard Profiles'!$G$22=$B$10,7,0)+IF('Standard Profiles'!$G$22=$B$17,14,0)+IF('Standard Profiles'!$G$22=$B$24,21,0),0)),0)</f>
        <v>0</v>
      </c>
      <c r="I6376">
        <f t="shared" si="713"/>
        <v>0.15934181020593174</v>
      </c>
      <c r="J6376">
        <f t="shared" si="714"/>
        <v>0.53113936735310585</v>
      </c>
      <c r="K6376">
        <f t="shared" si="715"/>
        <v>0.79670905102965883</v>
      </c>
      <c r="L6376">
        <f t="shared" si="716"/>
        <v>11.052395774893176</v>
      </c>
      <c r="M6376">
        <f t="shared" si="717"/>
        <v>0</v>
      </c>
      <c r="N6376" s="46">
        <f t="shared" si="718"/>
        <v>45556.249999984619</v>
      </c>
    </row>
    <row r="6377" spans="2:14" x14ac:dyDescent="0.3">
      <c r="B6377">
        <f t="shared" si="712"/>
        <v>6</v>
      </c>
      <c r="C6377" s="16">
        <v>6343</v>
      </c>
      <c r="D6377" cm="1">
        <f t="array" ref="D6377">IFERROR(INDEX(Jesper!AH$2:AH$366,ROUNDDOWN($C6377/24,0)+1,1)*INDEX($D$3:$AA$30,INDEX(Jesper!$R$2:$R$366,ROW(INDEX(Jesper!AH$2:AH$366,ROUNDDOWN($C6377/24,0)+1,1))-1)+IF('Standard Profiles'!$G$18=$B$10,7,0)+IF('Standard Profiles'!$G$18=$B$17,14,0)+IF('Standard Profiles'!$G$18=$B$24,21,0),MOD($C6377,24)+1)/SUM(INDEX($D$3:$AA$30,INDEX(Jesper!$R$2:$R$366,ROW(INDEX(Jesper!AH$2:AH$366,ROUNDDOWN($C6377/24,0)+1,1))-1)+IF('Standard Profiles'!$G$18=$B$10,7,0)+IF('Standard Profiles'!$G$18=$B$17,14,0)+IF('Standard Profiles'!$G$18=$B$24,21,0),0)),0)</f>
        <v>12.285548585067348</v>
      </c>
      <c r="E6377" cm="1">
        <f t="array" ref="E6377">IFERROR(INDEX(Jesper!AI$2:AI$366,ROUNDDOWN($C6377/24,0)+1,1)*INDEX($D$3:$AA$30,INDEX(Jesper!$R$2:$R$366,ROW(INDEX(Jesper!AI$2:AI$366,ROUNDDOWN($C6377/24,0)+1,1))-1)+IF('Standard Profiles'!$G$19=$B$10,7,0)+IF('Standard Profiles'!$G$19=$B$17,14,0)+IF('Standard Profiles'!$G$19=$B$24,21,0),MOD($C6377,24)+1)/SUM(INDEX($D$3:$AA$30,INDEX(Jesper!$R$2:$R$366,ROW(INDEX(Jesper!AI$2:AI$366,ROUNDDOWN($C6377/24,0)+1,1))-1)+IF('Standard Profiles'!$G$19=$B$10,7,0)+IF('Standard Profiles'!$G$19=$B$17,14,0)+IF('Standard Profiles'!$G$19=$B$24,21,0),0)),0)</f>
        <v>2.0174167001541634</v>
      </c>
      <c r="F6377" cm="1">
        <f t="array" ref="F6377">IFERROR(INDEX(Jesper!AJ$2:AJ$366,ROUNDDOWN($C6377/24,0)+1,1)*INDEX($D$3:$AA$30,INDEX(Jesper!$R$2:$R$366,ROW(INDEX(Jesper!AJ$2:AJ$366,ROUNDDOWN($C6377/24,0)+1,1))-1)+IF('Standard Profiles'!$G$20=$B$10,7,0)+IF('Standard Profiles'!$G$20=$B$17,14,0)+IF('Standard Profiles'!$G$20=$B$24,21,0),MOD($C6377,24)+1)/SUM(INDEX($D$3:$AA$30,INDEX(Jesper!$R$2:$R$366,ROW(INDEX(Jesper!AJ$2:AJ$366,ROUNDDOWN($C6377/24,0)+1,1))-1)+IF('Standard Profiles'!$G$20=$B$10,7,0)+IF('Standard Profiles'!$G$20=$B$17,14,0)+IF('Standard Profiles'!$G$20=$B$24,21,0),0)),0)</f>
        <v>0</v>
      </c>
      <c r="G6377" cm="1">
        <f t="array" ref="G6377">IFERROR(INDEX(Jesper!AK$2:AK$366,ROUNDDOWN($C6377/24,0)+1,1)*INDEX($D$3:$AA$30,INDEX(Jesper!$R$2:$R$366,ROW(INDEX(Jesper!AK$2:AK$366,ROUNDDOWN($C6377/24,0)+1,1))-1)+IF('Standard Profiles'!$G$21=$B$10,7,0)+IF('Standard Profiles'!$G$21=$B$17,14,0)+IF('Standard Profiles'!$G$21=$B$24,21,0),MOD($C6377,24)+1)/SUM(INDEX($D$3:$AA$30,INDEX(Jesper!$R$2:$R$366,ROW(INDEX(Jesper!AK$2:AK$366,ROUNDDOWN($C6377/24,0)+1,1))-1)+IF('Standard Profiles'!$G$21=$B$10,7,0)+IF('Standard Profiles'!$G$21=$B$17,14,0)+IF('Standard Profiles'!$G$21=$B$24,21,0),0)),0)</f>
        <v>0</v>
      </c>
      <c r="H6377" cm="1">
        <f t="array" ref="H6377">IFERROR(INDEX(Jesper!AL$2:AL$366,ROUNDDOWN($C6377/24,0)+1,1)*INDEX($D$3:$AA$30,INDEX(Jesper!$R$2:$R$366,ROW(INDEX(Jesper!AL$2:AL$366,ROUNDDOWN($C6377/24,0)+1,1))-1)+IF('Standard Profiles'!$G$22=$B$10,7,0)+IF('Standard Profiles'!$G$22=$B$17,14,0)+IF('Standard Profiles'!$G$22=$B$24,21,0),MOD($C6377,24)+1)/SUM(INDEX($D$3:$AA$30,INDEX(Jesper!$R$2:$R$366,ROW(INDEX(Jesper!AL$2:AL$366,ROUNDDOWN($C6377/24,0)+1,1))-1)+IF('Standard Profiles'!$G$22=$B$10,7,0)+IF('Standard Profiles'!$G$22=$B$17,14,0)+IF('Standard Profiles'!$G$22=$B$24,21,0),0)),0)</f>
        <v>0</v>
      </c>
      <c r="I6377">
        <f t="shared" si="713"/>
        <v>0.18174925226614089</v>
      </c>
      <c r="J6377">
        <f t="shared" si="714"/>
        <v>0.60583084088713635</v>
      </c>
      <c r="K6377">
        <f t="shared" si="715"/>
        <v>0.90874626133070457</v>
      </c>
      <c r="L6377">
        <f t="shared" si="716"/>
        <v>12.60663893073753</v>
      </c>
      <c r="M6377">
        <f t="shared" si="717"/>
        <v>0</v>
      </c>
      <c r="N6377" s="46">
        <f t="shared" si="718"/>
        <v>45556.291666651283</v>
      </c>
    </row>
    <row r="6378" spans="2:14" x14ac:dyDescent="0.3">
      <c r="B6378">
        <f t="shared" si="712"/>
        <v>6</v>
      </c>
      <c r="C6378" s="16">
        <v>6344</v>
      </c>
      <c r="D6378" cm="1">
        <f t="array" ref="D6378">IFERROR(INDEX(Jesper!AH$2:AH$366,ROUNDDOWN($C6378/24,0)+1,1)*INDEX($D$3:$AA$30,INDEX(Jesper!$R$2:$R$366,ROW(INDEX(Jesper!AH$2:AH$366,ROUNDDOWN($C6378/24,0)+1,1))-1)+IF('Standard Profiles'!$G$18=$B$10,7,0)+IF('Standard Profiles'!$G$18=$B$17,14,0)+IF('Standard Profiles'!$G$18=$B$24,21,0),MOD($C6378,24)+1)/SUM(INDEX($D$3:$AA$30,INDEX(Jesper!$R$2:$R$366,ROW(INDEX(Jesper!AH$2:AH$366,ROUNDDOWN($C6378/24,0)+1,1))-1)+IF('Standard Profiles'!$G$18=$B$10,7,0)+IF('Standard Profiles'!$G$18=$B$17,14,0)+IF('Standard Profiles'!$G$18=$B$24,21,0),0)),0)</f>
        <v>12.285548585067348</v>
      </c>
      <c r="E6378" cm="1">
        <f t="array" ref="E6378">IFERROR(INDEX(Jesper!AI$2:AI$366,ROUNDDOWN($C6378/24,0)+1,1)*INDEX($D$3:$AA$30,INDEX(Jesper!$R$2:$R$366,ROW(INDEX(Jesper!AI$2:AI$366,ROUNDDOWN($C6378/24,0)+1,1))-1)+IF('Standard Profiles'!$G$19=$B$10,7,0)+IF('Standard Profiles'!$G$19=$B$17,14,0)+IF('Standard Profiles'!$G$19=$B$24,21,0),MOD($C6378,24)+1)/SUM(INDEX($D$3:$AA$30,INDEX(Jesper!$R$2:$R$366,ROW(INDEX(Jesper!AI$2:AI$366,ROUNDDOWN($C6378/24,0)+1,1))-1)+IF('Standard Profiles'!$G$19=$B$10,7,0)+IF('Standard Profiles'!$G$19=$B$17,14,0)+IF('Standard Profiles'!$G$19=$B$24,21,0),0)),0)</f>
        <v>2.0174167001541634</v>
      </c>
      <c r="F6378" cm="1">
        <f t="array" ref="F6378">IFERROR(INDEX(Jesper!AJ$2:AJ$366,ROUNDDOWN($C6378/24,0)+1,1)*INDEX($D$3:$AA$30,INDEX(Jesper!$R$2:$R$366,ROW(INDEX(Jesper!AJ$2:AJ$366,ROUNDDOWN($C6378/24,0)+1,1))-1)+IF('Standard Profiles'!$G$20=$B$10,7,0)+IF('Standard Profiles'!$G$20=$B$17,14,0)+IF('Standard Profiles'!$G$20=$B$24,21,0),MOD($C6378,24)+1)/SUM(INDEX($D$3:$AA$30,INDEX(Jesper!$R$2:$R$366,ROW(INDEX(Jesper!AJ$2:AJ$366,ROUNDDOWN($C6378/24,0)+1,1))-1)+IF('Standard Profiles'!$G$20=$B$10,7,0)+IF('Standard Profiles'!$G$20=$B$17,14,0)+IF('Standard Profiles'!$G$20=$B$24,21,0),0)),0)</f>
        <v>0</v>
      </c>
      <c r="G6378" cm="1">
        <f t="array" ref="G6378">IFERROR(INDEX(Jesper!AK$2:AK$366,ROUNDDOWN($C6378/24,0)+1,1)*INDEX($D$3:$AA$30,INDEX(Jesper!$R$2:$R$366,ROW(INDEX(Jesper!AK$2:AK$366,ROUNDDOWN($C6378/24,0)+1,1))-1)+IF('Standard Profiles'!$G$21=$B$10,7,0)+IF('Standard Profiles'!$G$21=$B$17,14,0)+IF('Standard Profiles'!$G$21=$B$24,21,0),MOD($C6378,24)+1)/SUM(INDEX($D$3:$AA$30,INDEX(Jesper!$R$2:$R$366,ROW(INDEX(Jesper!AK$2:AK$366,ROUNDDOWN($C6378/24,0)+1,1))-1)+IF('Standard Profiles'!$G$21=$B$10,7,0)+IF('Standard Profiles'!$G$21=$B$17,14,0)+IF('Standard Profiles'!$G$21=$B$24,21,0),0)),0)</f>
        <v>0</v>
      </c>
      <c r="H6378" cm="1">
        <f t="array" ref="H6378">IFERROR(INDEX(Jesper!AL$2:AL$366,ROUNDDOWN($C6378/24,0)+1,1)*INDEX($D$3:$AA$30,INDEX(Jesper!$R$2:$R$366,ROW(INDEX(Jesper!AL$2:AL$366,ROUNDDOWN($C6378/24,0)+1,1))-1)+IF('Standard Profiles'!$G$22=$B$10,7,0)+IF('Standard Profiles'!$G$22=$B$17,14,0)+IF('Standard Profiles'!$G$22=$B$24,21,0),MOD($C6378,24)+1)/SUM(INDEX($D$3:$AA$30,INDEX(Jesper!$R$2:$R$366,ROW(INDEX(Jesper!AL$2:AL$366,ROUNDDOWN($C6378/24,0)+1,1))-1)+IF('Standard Profiles'!$G$22=$B$10,7,0)+IF('Standard Profiles'!$G$22=$B$17,14,0)+IF('Standard Profiles'!$G$22=$B$24,21,0),0)),0)</f>
        <v>0</v>
      </c>
      <c r="I6378">
        <f t="shared" si="713"/>
        <v>0.18174925226614089</v>
      </c>
      <c r="J6378">
        <f t="shared" si="714"/>
        <v>0.60583084088713635</v>
      </c>
      <c r="K6378">
        <f t="shared" si="715"/>
        <v>0.90874626133070457</v>
      </c>
      <c r="L6378">
        <f t="shared" si="716"/>
        <v>12.60663893073753</v>
      </c>
      <c r="M6378">
        <f t="shared" si="717"/>
        <v>0</v>
      </c>
      <c r="N6378" s="46">
        <f t="shared" si="718"/>
        <v>45556.333333317947</v>
      </c>
    </row>
    <row r="6379" spans="2:14" x14ac:dyDescent="0.3">
      <c r="B6379">
        <f t="shared" si="712"/>
        <v>6</v>
      </c>
      <c r="C6379" s="16">
        <v>6345</v>
      </c>
      <c r="D6379" cm="1">
        <f t="array" ref="D6379">IFERROR(INDEX(Jesper!AH$2:AH$366,ROUNDDOWN($C6379/24,0)+1,1)*INDEX($D$3:$AA$30,INDEX(Jesper!$R$2:$R$366,ROW(INDEX(Jesper!AH$2:AH$366,ROUNDDOWN($C6379/24,0)+1,1))-1)+IF('Standard Profiles'!$G$18=$B$10,7,0)+IF('Standard Profiles'!$G$18=$B$17,14,0)+IF('Standard Profiles'!$G$18=$B$24,21,0),MOD($C6379,24)+1)/SUM(INDEX($D$3:$AA$30,INDEX(Jesper!$R$2:$R$366,ROW(INDEX(Jesper!AH$2:AH$366,ROUNDDOWN($C6379/24,0)+1,1))-1)+IF('Standard Profiles'!$G$18=$B$10,7,0)+IF('Standard Profiles'!$G$18=$B$17,14,0)+IF('Standard Profiles'!$G$18=$B$24,21,0),0)),0)</f>
        <v>12.285548585067348</v>
      </c>
      <c r="E6379" cm="1">
        <f t="array" ref="E6379">IFERROR(INDEX(Jesper!AI$2:AI$366,ROUNDDOWN($C6379/24,0)+1,1)*INDEX($D$3:$AA$30,INDEX(Jesper!$R$2:$R$366,ROW(INDEX(Jesper!AI$2:AI$366,ROUNDDOWN($C6379/24,0)+1,1))-1)+IF('Standard Profiles'!$G$19=$B$10,7,0)+IF('Standard Profiles'!$G$19=$B$17,14,0)+IF('Standard Profiles'!$G$19=$B$24,21,0),MOD($C6379,24)+1)/SUM(INDEX($D$3:$AA$30,INDEX(Jesper!$R$2:$R$366,ROW(INDEX(Jesper!AI$2:AI$366,ROUNDDOWN($C6379/24,0)+1,1))-1)+IF('Standard Profiles'!$G$19=$B$10,7,0)+IF('Standard Profiles'!$G$19=$B$17,14,0)+IF('Standard Profiles'!$G$19=$B$24,21,0),0)),0)</f>
        <v>2.0174167001541634</v>
      </c>
      <c r="F6379" cm="1">
        <f t="array" ref="F6379">IFERROR(INDEX(Jesper!AJ$2:AJ$366,ROUNDDOWN($C6379/24,0)+1,1)*INDEX($D$3:$AA$30,INDEX(Jesper!$R$2:$R$366,ROW(INDEX(Jesper!AJ$2:AJ$366,ROUNDDOWN($C6379/24,0)+1,1))-1)+IF('Standard Profiles'!$G$20=$B$10,7,0)+IF('Standard Profiles'!$G$20=$B$17,14,0)+IF('Standard Profiles'!$G$20=$B$24,21,0),MOD($C6379,24)+1)/SUM(INDEX($D$3:$AA$30,INDEX(Jesper!$R$2:$R$366,ROW(INDEX(Jesper!AJ$2:AJ$366,ROUNDDOWN($C6379/24,0)+1,1))-1)+IF('Standard Profiles'!$G$20=$B$10,7,0)+IF('Standard Profiles'!$G$20=$B$17,14,0)+IF('Standard Profiles'!$G$20=$B$24,21,0),0)),0)</f>
        <v>0</v>
      </c>
      <c r="G6379" cm="1">
        <f t="array" ref="G6379">IFERROR(INDEX(Jesper!AK$2:AK$366,ROUNDDOWN($C6379/24,0)+1,1)*INDEX($D$3:$AA$30,INDEX(Jesper!$R$2:$R$366,ROW(INDEX(Jesper!AK$2:AK$366,ROUNDDOWN($C6379/24,0)+1,1))-1)+IF('Standard Profiles'!$G$21=$B$10,7,0)+IF('Standard Profiles'!$G$21=$B$17,14,0)+IF('Standard Profiles'!$G$21=$B$24,21,0),MOD($C6379,24)+1)/SUM(INDEX($D$3:$AA$30,INDEX(Jesper!$R$2:$R$366,ROW(INDEX(Jesper!AK$2:AK$366,ROUNDDOWN($C6379/24,0)+1,1))-1)+IF('Standard Profiles'!$G$21=$B$10,7,0)+IF('Standard Profiles'!$G$21=$B$17,14,0)+IF('Standard Profiles'!$G$21=$B$24,21,0),0)),0)</f>
        <v>0</v>
      </c>
      <c r="H6379" cm="1">
        <f t="array" ref="H6379">IFERROR(INDEX(Jesper!AL$2:AL$366,ROUNDDOWN($C6379/24,0)+1,1)*INDEX($D$3:$AA$30,INDEX(Jesper!$R$2:$R$366,ROW(INDEX(Jesper!AL$2:AL$366,ROUNDDOWN($C6379/24,0)+1,1))-1)+IF('Standard Profiles'!$G$22=$B$10,7,0)+IF('Standard Profiles'!$G$22=$B$17,14,0)+IF('Standard Profiles'!$G$22=$B$24,21,0),MOD($C6379,24)+1)/SUM(INDEX($D$3:$AA$30,INDEX(Jesper!$R$2:$R$366,ROW(INDEX(Jesper!AL$2:AL$366,ROUNDDOWN($C6379/24,0)+1,1))-1)+IF('Standard Profiles'!$G$22=$B$10,7,0)+IF('Standard Profiles'!$G$22=$B$17,14,0)+IF('Standard Profiles'!$G$22=$B$24,21,0),0)),0)</f>
        <v>0</v>
      </c>
      <c r="I6379">
        <f t="shared" si="713"/>
        <v>0.18174925226614089</v>
      </c>
      <c r="J6379">
        <f t="shared" si="714"/>
        <v>0.60583084088713635</v>
      </c>
      <c r="K6379">
        <f t="shared" si="715"/>
        <v>0.90874626133070457</v>
      </c>
      <c r="L6379">
        <f t="shared" si="716"/>
        <v>12.60663893073753</v>
      </c>
      <c r="M6379">
        <f t="shared" si="717"/>
        <v>0</v>
      </c>
      <c r="N6379" s="46">
        <f t="shared" si="718"/>
        <v>45556.374999984611</v>
      </c>
    </row>
    <row r="6380" spans="2:14" x14ac:dyDescent="0.3">
      <c r="B6380">
        <f t="shared" si="712"/>
        <v>6</v>
      </c>
      <c r="C6380" s="16">
        <v>6346</v>
      </c>
      <c r="D6380" cm="1">
        <f t="array" ref="D6380">IFERROR(INDEX(Jesper!AH$2:AH$366,ROUNDDOWN($C6380/24,0)+1,1)*INDEX($D$3:$AA$30,INDEX(Jesper!$R$2:$R$366,ROW(INDEX(Jesper!AH$2:AH$366,ROUNDDOWN($C6380/24,0)+1,1))-1)+IF('Standard Profiles'!$G$18=$B$10,7,0)+IF('Standard Profiles'!$G$18=$B$17,14,0)+IF('Standard Profiles'!$G$18=$B$24,21,0),MOD($C6380,24)+1)/SUM(INDEX($D$3:$AA$30,INDEX(Jesper!$R$2:$R$366,ROW(INDEX(Jesper!AH$2:AH$366,ROUNDDOWN($C6380/24,0)+1,1))-1)+IF('Standard Profiles'!$G$18=$B$10,7,0)+IF('Standard Profiles'!$G$18=$B$17,14,0)+IF('Standard Profiles'!$G$18=$B$24,21,0),0)),0)</f>
        <v>12.285548585067348</v>
      </c>
      <c r="E6380" cm="1">
        <f t="array" ref="E6380">IFERROR(INDEX(Jesper!AI$2:AI$366,ROUNDDOWN($C6380/24,0)+1,1)*INDEX($D$3:$AA$30,INDEX(Jesper!$R$2:$R$366,ROW(INDEX(Jesper!AI$2:AI$366,ROUNDDOWN($C6380/24,0)+1,1))-1)+IF('Standard Profiles'!$G$19=$B$10,7,0)+IF('Standard Profiles'!$G$19=$B$17,14,0)+IF('Standard Profiles'!$G$19=$B$24,21,0),MOD($C6380,24)+1)/SUM(INDEX($D$3:$AA$30,INDEX(Jesper!$R$2:$R$366,ROW(INDEX(Jesper!AI$2:AI$366,ROUNDDOWN($C6380/24,0)+1,1))-1)+IF('Standard Profiles'!$G$19=$B$10,7,0)+IF('Standard Profiles'!$G$19=$B$17,14,0)+IF('Standard Profiles'!$G$19=$B$24,21,0),0)),0)</f>
        <v>2.0174167001541634</v>
      </c>
      <c r="F6380" cm="1">
        <f t="array" ref="F6380">IFERROR(INDEX(Jesper!AJ$2:AJ$366,ROUNDDOWN($C6380/24,0)+1,1)*INDEX($D$3:$AA$30,INDEX(Jesper!$R$2:$R$366,ROW(INDEX(Jesper!AJ$2:AJ$366,ROUNDDOWN($C6380/24,0)+1,1))-1)+IF('Standard Profiles'!$G$20=$B$10,7,0)+IF('Standard Profiles'!$G$20=$B$17,14,0)+IF('Standard Profiles'!$G$20=$B$24,21,0),MOD($C6380,24)+1)/SUM(INDEX($D$3:$AA$30,INDEX(Jesper!$R$2:$R$366,ROW(INDEX(Jesper!AJ$2:AJ$366,ROUNDDOWN($C6380/24,0)+1,1))-1)+IF('Standard Profiles'!$G$20=$B$10,7,0)+IF('Standard Profiles'!$G$20=$B$17,14,0)+IF('Standard Profiles'!$G$20=$B$24,21,0),0)),0)</f>
        <v>0</v>
      </c>
      <c r="G6380" cm="1">
        <f t="array" ref="G6380">IFERROR(INDEX(Jesper!AK$2:AK$366,ROUNDDOWN($C6380/24,0)+1,1)*INDEX($D$3:$AA$30,INDEX(Jesper!$R$2:$R$366,ROW(INDEX(Jesper!AK$2:AK$366,ROUNDDOWN($C6380/24,0)+1,1))-1)+IF('Standard Profiles'!$G$21=$B$10,7,0)+IF('Standard Profiles'!$G$21=$B$17,14,0)+IF('Standard Profiles'!$G$21=$B$24,21,0),MOD($C6380,24)+1)/SUM(INDEX($D$3:$AA$30,INDEX(Jesper!$R$2:$R$366,ROW(INDEX(Jesper!AK$2:AK$366,ROUNDDOWN($C6380/24,0)+1,1))-1)+IF('Standard Profiles'!$G$21=$B$10,7,0)+IF('Standard Profiles'!$G$21=$B$17,14,0)+IF('Standard Profiles'!$G$21=$B$24,21,0),0)),0)</f>
        <v>0</v>
      </c>
      <c r="H6380" cm="1">
        <f t="array" ref="H6380">IFERROR(INDEX(Jesper!AL$2:AL$366,ROUNDDOWN($C6380/24,0)+1,1)*INDEX($D$3:$AA$30,INDEX(Jesper!$R$2:$R$366,ROW(INDEX(Jesper!AL$2:AL$366,ROUNDDOWN($C6380/24,0)+1,1))-1)+IF('Standard Profiles'!$G$22=$B$10,7,0)+IF('Standard Profiles'!$G$22=$B$17,14,0)+IF('Standard Profiles'!$G$22=$B$24,21,0),MOD($C6380,24)+1)/SUM(INDEX($D$3:$AA$30,INDEX(Jesper!$R$2:$R$366,ROW(INDEX(Jesper!AL$2:AL$366,ROUNDDOWN($C6380/24,0)+1,1))-1)+IF('Standard Profiles'!$G$22=$B$10,7,0)+IF('Standard Profiles'!$G$22=$B$17,14,0)+IF('Standard Profiles'!$G$22=$B$24,21,0),0)),0)</f>
        <v>0</v>
      </c>
      <c r="I6380">
        <f t="shared" si="713"/>
        <v>0.18174925226614089</v>
      </c>
      <c r="J6380">
        <f t="shared" si="714"/>
        <v>0.60583084088713635</v>
      </c>
      <c r="K6380">
        <f t="shared" si="715"/>
        <v>0.90874626133070457</v>
      </c>
      <c r="L6380">
        <f t="shared" si="716"/>
        <v>12.60663893073753</v>
      </c>
      <c r="M6380">
        <f t="shared" si="717"/>
        <v>0</v>
      </c>
      <c r="N6380" s="46">
        <f t="shared" si="718"/>
        <v>45556.416666651276</v>
      </c>
    </row>
    <row r="6381" spans="2:14" x14ac:dyDescent="0.3">
      <c r="B6381">
        <f t="shared" si="712"/>
        <v>6</v>
      </c>
      <c r="C6381" s="16">
        <v>6347</v>
      </c>
      <c r="D6381" cm="1">
        <f t="array" ref="D6381">IFERROR(INDEX(Jesper!AH$2:AH$366,ROUNDDOWN($C6381/24,0)+1,1)*INDEX($D$3:$AA$30,INDEX(Jesper!$R$2:$R$366,ROW(INDEX(Jesper!AH$2:AH$366,ROUNDDOWN($C6381/24,0)+1,1))-1)+IF('Standard Profiles'!$G$18=$B$10,7,0)+IF('Standard Profiles'!$G$18=$B$17,14,0)+IF('Standard Profiles'!$G$18=$B$24,21,0),MOD($C6381,24)+1)/SUM(INDEX($D$3:$AA$30,INDEX(Jesper!$R$2:$R$366,ROW(INDEX(Jesper!AH$2:AH$366,ROUNDDOWN($C6381/24,0)+1,1))-1)+IF('Standard Profiles'!$G$18=$B$10,7,0)+IF('Standard Profiles'!$G$18=$B$17,14,0)+IF('Standard Profiles'!$G$18=$B$24,21,0),0)),0)</f>
        <v>12.285548585067348</v>
      </c>
      <c r="E6381" cm="1">
        <f t="array" ref="E6381">IFERROR(INDEX(Jesper!AI$2:AI$366,ROUNDDOWN($C6381/24,0)+1,1)*INDEX($D$3:$AA$30,INDEX(Jesper!$R$2:$R$366,ROW(INDEX(Jesper!AI$2:AI$366,ROUNDDOWN($C6381/24,0)+1,1))-1)+IF('Standard Profiles'!$G$19=$B$10,7,0)+IF('Standard Profiles'!$G$19=$B$17,14,0)+IF('Standard Profiles'!$G$19=$B$24,21,0),MOD($C6381,24)+1)/SUM(INDEX($D$3:$AA$30,INDEX(Jesper!$R$2:$R$366,ROW(INDEX(Jesper!AI$2:AI$366,ROUNDDOWN($C6381/24,0)+1,1))-1)+IF('Standard Profiles'!$G$19=$B$10,7,0)+IF('Standard Profiles'!$G$19=$B$17,14,0)+IF('Standard Profiles'!$G$19=$B$24,21,0),0)),0)</f>
        <v>2.0174167001541634</v>
      </c>
      <c r="F6381" cm="1">
        <f t="array" ref="F6381">IFERROR(INDEX(Jesper!AJ$2:AJ$366,ROUNDDOWN($C6381/24,0)+1,1)*INDEX($D$3:$AA$30,INDEX(Jesper!$R$2:$R$366,ROW(INDEX(Jesper!AJ$2:AJ$366,ROUNDDOWN($C6381/24,0)+1,1))-1)+IF('Standard Profiles'!$G$20=$B$10,7,0)+IF('Standard Profiles'!$G$20=$B$17,14,0)+IF('Standard Profiles'!$G$20=$B$24,21,0),MOD($C6381,24)+1)/SUM(INDEX($D$3:$AA$30,INDEX(Jesper!$R$2:$R$366,ROW(INDEX(Jesper!AJ$2:AJ$366,ROUNDDOWN($C6381/24,0)+1,1))-1)+IF('Standard Profiles'!$G$20=$B$10,7,0)+IF('Standard Profiles'!$G$20=$B$17,14,0)+IF('Standard Profiles'!$G$20=$B$24,21,0),0)),0)</f>
        <v>0</v>
      </c>
      <c r="G6381" cm="1">
        <f t="array" ref="G6381">IFERROR(INDEX(Jesper!AK$2:AK$366,ROUNDDOWN($C6381/24,0)+1,1)*INDEX($D$3:$AA$30,INDEX(Jesper!$R$2:$R$366,ROW(INDEX(Jesper!AK$2:AK$366,ROUNDDOWN($C6381/24,0)+1,1))-1)+IF('Standard Profiles'!$G$21=$B$10,7,0)+IF('Standard Profiles'!$G$21=$B$17,14,0)+IF('Standard Profiles'!$G$21=$B$24,21,0),MOD($C6381,24)+1)/SUM(INDEX($D$3:$AA$30,INDEX(Jesper!$R$2:$R$366,ROW(INDEX(Jesper!AK$2:AK$366,ROUNDDOWN($C6381/24,0)+1,1))-1)+IF('Standard Profiles'!$G$21=$B$10,7,0)+IF('Standard Profiles'!$G$21=$B$17,14,0)+IF('Standard Profiles'!$G$21=$B$24,21,0),0)),0)</f>
        <v>0</v>
      </c>
      <c r="H6381" cm="1">
        <f t="array" ref="H6381">IFERROR(INDEX(Jesper!AL$2:AL$366,ROUNDDOWN($C6381/24,0)+1,1)*INDEX($D$3:$AA$30,INDEX(Jesper!$R$2:$R$366,ROW(INDEX(Jesper!AL$2:AL$366,ROUNDDOWN($C6381/24,0)+1,1))-1)+IF('Standard Profiles'!$G$22=$B$10,7,0)+IF('Standard Profiles'!$G$22=$B$17,14,0)+IF('Standard Profiles'!$G$22=$B$24,21,0),MOD($C6381,24)+1)/SUM(INDEX($D$3:$AA$30,INDEX(Jesper!$R$2:$R$366,ROW(INDEX(Jesper!AL$2:AL$366,ROUNDDOWN($C6381/24,0)+1,1))-1)+IF('Standard Profiles'!$G$22=$B$10,7,0)+IF('Standard Profiles'!$G$22=$B$17,14,0)+IF('Standard Profiles'!$G$22=$B$24,21,0),0)),0)</f>
        <v>0</v>
      </c>
      <c r="I6381">
        <f t="shared" si="713"/>
        <v>0.18174925226614089</v>
      </c>
      <c r="J6381">
        <f t="shared" si="714"/>
        <v>0.60583084088713635</v>
      </c>
      <c r="K6381">
        <f t="shared" si="715"/>
        <v>0.90874626133070457</v>
      </c>
      <c r="L6381">
        <f t="shared" si="716"/>
        <v>12.60663893073753</v>
      </c>
      <c r="M6381">
        <f t="shared" si="717"/>
        <v>0</v>
      </c>
      <c r="N6381" s="46">
        <f t="shared" si="718"/>
        <v>45556.45833331794</v>
      </c>
    </row>
    <row r="6382" spans="2:14" x14ac:dyDescent="0.3">
      <c r="B6382">
        <f t="shared" si="712"/>
        <v>6</v>
      </c>
      <c r="C6382" s="16">
        <v>6348</v>
      </c>
      <c r="D6382" cm="1">
        <f t="array" ref="D6382">IFERROR(INDEX(Jesper!AH$2:AH$366,ROUNDDOWN($C6382/24,0)+1,1)*INDEX($D$3:$AA$30,INDEX(Jesper!$R$2:$R$366,ROW(INDEX(Jesper!AH$2:AH$366,ROUNDDOWN($C6382/24,0)+1,1))-1)+IF('Standard Profiles'!$G$18=$B$10,7,0)+IF('Standard Profiles'!$G$18=$B$17,14,0)+IF('Standard Profiles'!$G$18=$B$24,21,0),MOD($C6382,24)+1)/SUM(INDEX($D$3:$AA$30,INDEX(Jesper!$R$2:$R$366,ROW(INDEX(Jesper!AH$2:AH$366,ROUNDDOWN($C6382/24,0)+1,1))-1)+IF('Standard Profiles'!$G$18=$B$10,7,0)+IF('Standard Profiles'!$G$18=$B$17,14,0)+IF('Standard Profiles'!$G$18=$B$24,21,0),0)),0)</f>
        <v>12.285548585067348</v>
      </c>
      <c r="E6382" cm="1">
        <f t="array" ref="E6382">IFERROR(INDEX(Jesper!AI$2:AI$366,ROUNDDOWN($C6382/24,0)+1,1)*INDEX($D$3:$AA$30,INDEX(Jesper!$R$2:$R$366,ROW(INDEX(Jesper!AI$2:AI$366,ROUNDDOWN($C6382/24,0)+1,1))-1)+IF('Standard Profiles'!$G$19=$B$10,7,0)+IF('Standard Profiles'!$G$19=$B$17,14,0)+IF('Standard Profiles'!$G$19=$B$24,21,0),MOD($C6382,24)+1)/SUM(INDEX($D$3:$AA$30,INDEX(Jesper!$R$2:$R$366,ROW(INDEX(Jesper!AI$2:AI$366,ROUNDDOWN($C6382/24,0)+1,1))-1)+IF('Standard Profiles'!$G$19=$B$10,7,0)+IF('Standard Profiles'!$G$19=$B$17,14,0)+IF('Standard Profiles'!$G$19=$B$24,21,0),0)),0)</f>
        <v>2.0174167001541634</v>
      </c>
      <c r="F6382" cm="1">
        <f t="array" ref="F6382">IFERROR(INDEX(Jesper!AJ$2:AJ$366,ROUNDDOWN($C6382/24,0)+1,1)*INDEX($D$3:$AA$30,INDEX(Jesper!$R$2:$R$366,ROW(INDEX(Jesper!AJ$2:AJ$366,ROUNDDOWN($C6382/24,0)+1,1))-1)+IF('Standard Profiles'!$G$20=$B$10,7,0)+IF('Standard Profiles'!$G$20=$B$17,14,0)+IF('Standard Profiles'!$G$20=$B$24,21,0),MOD($C6382,24)+1)/SUM(INDEX($D$3:$AA$30,INDEX(Jesper!$R$2:$R$366,ROW(INDEX(Jesper!AJ$2:AJ$366,ROUNDDOWN($C6382/24,0)+1,1))-1)+IF('Standard Profiles'!$G$20=$B$10,7,0)+IF('Standard Profiles'!$G$20=$B$17,14,0)+IF('Standard Profiles'!$G$20=$B$24,21,0),0)),0)</f>
        <v>0</v>
      </c>
      <c r="G6382" cm="1">
        <f t="array" ref="G6382">IFERROR(INDEX(Jesper!AK$2:AK$366,ROUNDDOWN($C6382/24,0)+1,1)*INDEX($D$3:$AA$30,INDEX(Jesper!$R$2:$R$366,ROW(INDEX(Jesper!AK$2:AK$366,ROUNDDOWN($C6382/24,0)+1,1))-1)+IF('Standard Profiles'!$G$21=$B$10,7,0)+IF('Standard Profiles'!$G$21=$B$17,14,0)+IF('Standard Profiles'!$G$21=$B$24,21,0),MOD($C6382,24)+1)/SUM(INDEX($D$3:$AA$30,INDEX(Jesper!$R$2:$R$366,ROW(INDEX(Jesper!AK$2:AK$366,ROUNDDOWN($C6382/24,0)+1,1))-1)+IF('Standard Profiles'!$G$21=$B$10,7,0)+IF('Standard Profiles'!$G$21=$B$17,14,0)+IF('Standard Profiles'!$G$21=$B$24,21,0),0)),0)</f>
        <v>0</v>
      </c>
      <c r="H6382" cm="1">
        <f t="array" ref="H6382">IFERROR(INDEX(Jesper!AL$2:AL$366,ROUNDDOWN($C6382/24,0)+1,1)*INDEX($D$3:$AA$30,INDEX(Jesper!$R$2:$R$366,ROW(INDEX(Jesper!AL$2:AL$366,ROUNDDOWN($C6382/24,0)+1,1))-1)+IF('Standard Profiles'!$G$22=$B$10,7,0)+IF('Standard Profiles'!$G$22=$B$17,14,0)+IF('Standard Profiles'!$G$22=$B$24,21,0),MOD($C6382,24)+1)/SUM(INDEX($D$3:$AA$30,INDEX(Jesper!$R$2:$R$366,ROW(INDEX(Jesper!AL$2:AL$366,ROUNDDOWN($C6382/24,0)+1,1))-1)+IF('Standard Profiles'!$G$22=$B$10,7,0)+IF('Standard Profiles'!$G$22=$B$17,14,0)+IF('Standard Profiles'!$G$22=$B$24,21,0),0)),0)</f>
        <v>0</v>
      </c>
      <c r="I6382">
        <f t="shared" si="713"/>
        <v>0.18174925226614089</v>
      </c>
      <c r="J6382">
        <f t="shared" si="714"/>
        <v>0.60583084088713635</v>
      </c>
      <c r="K6382">
        <f t="shared" si="715"/>
        <v>0.90874626133070457</v>
      </c>
      <c r="L6382">
        <f t="shared" si="716"/>
        <v>12.60663893073753</v>
      </c>
      <c r="M6382">
        <f t="shared" si="717"/>
        <v>0</v>
      </c>
      <c r="N6382" s="46">
        <f t="shared" si="718"/>
        <v>45556.499999984604</v>
      </c>
    </row>
    <row r="6383" spans="2:14" x14ac:dyDescent="0.3">
      <c r="B6383">
        <f t="shared" si="712"/>
        <v>6</v>
      </c>
      <c r="C6383" s="16">
        <v>6349</v>
      </c>
      <c r="D6383" cm="1">
        <f t="array" ref="D6383">IFERROR(INDEX(Jesper!AH$2:AH$366,ROUNDDOWN($C6383/24,0)+1,1)*INDEX($D$3:$AA$30,INDEX(Jesper!$R$2:$R$366,ROW(INDEX(Jesper!AH$2:AH$366,ROUNDDOWN($C6383/24,0)+1,1))-1)+IF('Standard Profiles'!$G$18=$B$10,7,0)+IF('Standard Profiles'!$G$18=$B$17,14,0)+IF('Standard Profiles'!$G$18=$B$24,21,0),MOD($C6383,24)+1)/SUM(INDEX($D$3:$AA$30,INDEX(Jesper!$R$2:$R$366,ROW(INDEX(Jesper!AH$2:AH$366,ROUNDDOWN($C6383/24,0)+1,1))-1)+IF('Standard Profiles'!$G$18=$B$10,7,0)+IF('Standard Profiles'!$G$18=$B$17,14,0)+IF('Standard Profiles'!$G$18=$B$24,21,0),0)),0)</f>
        <v>12.285548585067348</v>
      </c>
      <c r="E6383" cm="1">
        <f t="array" ref="E6383">IFERROR(INDEX(Jesper!AI$2:AI$366,ROUNDDOWN($C6383/24,0)+1,1)*INDEX($D$3:$AA$30,INDEX(Jesper!$R$2:$R$366,ROW(INDEX(Jesper!AI$2:AI$366,ROUNDDOWN($C6383/24,0)+1,1))-1)+IF('Standard Profiles'!$G$19=$B$10,7,0)+IF('Standard Profiles'!$G$19=$B$17,14,0)+IF('Standard Profiles'!$G$19=$B$24,21,0),MOD($C6383,24)+1)/SUM(INDEX($D$3:$AA$30,INDEX(Jesper!$R$2:$R$366,ROW(INDEX(Jesper!AI$2:AI$366,ROUNDDOWN($C6383/24,0)+1,1))-1)+IF('Standard Profiles'!$G$19=$B$10,7,0)+IF('Standard Profiles'!$G$19=$B$17,14,0)+IF('Standard Profiles'!$G$19=$B$24,21,0),0)),0)</f>
        <v>2.0174167001541634</v>
      </c>
      <c r="F6383" cm="1">
        <f t="array" ref="F6383">IFERROR(INDEX(Jesper!AJ$2:AJ$366,ROUNDDOWN($C6383/24,0)+1,1)*INDEX($D$3:$AA$30,INDEX(Jesper!$R$2:$R$366,ROW(INDEX(Jesper!AJ$2:AJ$366,ROUNDDOWN($C6383/24,0)+1,1))-1)+IF('Standard Profiles'!$G$20=$B$10,7,0)+IF('Standard Profiles'!$G$20=$B$17,14,0)+IF('Standard Profiles'!$G$20=$B$24,21,0),MOD($C6383,24)+1)/SUM(INDEX($D$3:$AA$30,INDEX(Jesper!$R$2:$R$366,ROW(INDEX(Jesper!AJ$2:AJ$366,ROUNDDOWN($C6383/24,0)+1,1))-1)+IF('Standard Profiles'!$G$20=$B$10,7,0)+IF('Standard Profiles'!$G$20=$B$17,14,0)+IF('Standard Profiles'!$G$20=$B$24,21,0),0)),0)</f>
        <v>0</v>
      </c>
      <c r="G6383" cm="1">
        <f t="array" ref="G6383">IFERROR(INDEX(Jesper!AK$2:AK$366,ROUNDDOWN($C6383/24,0)+1,1)*INDEX($D$3:$AA$30,INDEX(Jesper!$R$2:$R$366,ROW(INDEX(Jesper!AK$2:AK$366,ROUNDDOWN($C6383/24,0)+1,1))-1)+IF('Standard Profiles'!$G$21=$B$10,7,0)+IF('Standard Profiles'!$G$21=$B$17,14,0)+IF('Standard Profiles'!$G$21=$B$24,21,0),MOD($C6383,24)+1)/SUM(INDEX($D$3:$AA$30,INDEX(Jesper!$R$2:$R$366,ROW(INDEX(Jesper!AK$2:AK$366,ROUNDDOWN($C6383/24,0)+1,1))-1)+IF('Standard Profiles'!$G$21=$B$10,7,0)+IF('Standard Profiles'!$G$21=$B$17,14,0)+IF('Standard Profiles'!$G$21=$B$24,21,0),0)),0)</f>
        <v>0</v>
      </c>
      <c r="H6383" cm="1">
        <f t="array" ref="H6383">IFERROR(INDEX(Jesper!AL$2:AL$366,ROUNDDOWN($C6383/24,0)+1,1)*INDEX($D$3:$AA$30,INDEX(Jesper!$R$2:$R$366,ROW(INDEX(Jesper!AL$2:AL$366,ROUNDDOWN($C6383/24,0)+1,1))-1)+IF('Standard Profiles'!$G$22=$B$10,7,0)+IF('Standard Profiles'!$G$22=$B$17,14,0)+IF('Standard Profiles'!$G$22=$B$24,21,0),MOD($C6383,24)+1)/SUM(INDEX($D$3:$AA$30,INDEX(Jesper!$R$2:$R$366,ROW(INDEX(Jesper!AL$2:AL$366,ROUNDDOWN($C6383/24,0)+1,1))-1)+IF('Standard Profiles'!$G$22=$B$10,7,0)+IF('Standard Profiles'!$G$22=$B$17,14,0)+IF('Standard Profiles'!$G$22=$B$24,21,0),0)),0)</f>
        <v>0</v>
      </c>
      <c r="I6383">
        <f t="shared" si="713"/>
        <v>0.18174925226614089</v>
      </c>
      <c r="J6383">
        <f t="shared" si="714"/>
        <v>0.60583084088713635</v>
      </c>
      <c r="K6383">
        <f t="shared" si="715"/>
        <v>0.90874626133070457</v>
      </c>
      <c r="L6383">
        <f t="shared" si="716"/>
        <v>12.60663893073753</v>
      </c>
      <c r="M6383">
        <f t="shared" si="717"/>
        <v>0</v>
      </c>
      <c r="N6383" s="46">
        <f t="shared" si="718"/>
        <v>45556.541666651268</v>
      </c>
    </row>
    <row r="6384" spans="2:14" x14ac:dyDescent="0.3">
      <c r="B6384">
        <f t="shared" si="712"/>
        <v>6</v>
      </c>
      <c r="C6384" s="16">
        <v>6350</v>
      </c>
      <c r="D6384" cm="1">
        <f t="array" ref="D6384">IFERROR(INDEX(Jesper!AH$2:AH$366,ROUNDDOWN($C6384/24,0)+1,1)*INDEX($D$3:$AA$30,INDEX(Jesper!$R$2:$R$366,ROW(INDEX(Jesper!AH$2:AH$366,ROUNDDOWN($C6384/24,0)+1,1))-1)+IF('Standard Profiles'!$G$18=$B$10,7,0)+IF('Standard Profiles'!$G$18=$B$17,14,0)+IF('Standard Profiles'!$G$18=$B$24,21,0),MOD($C6384,24)+1)/SUM(INDEX($D$3:$AA$30,INDEX(Jesper!$R$2:$R$366,ROW(INDEX(Jesper!AH$2:AH$366,ROUNDDOWN($C6384/24,0)+1,1))-1)+IF('Standard Profiles'!$G$18=$B$10,7,0)+IF('Standard Profiles'!$G$18=$B$17,14,0)+IF('Standard Profiles'!$G$18=$B$24,21,0),0)),0)</f>
        <v>12.285548585067348</v>
      </c>
      <c r="E6384" cm="1">
        <f t="array" ref="E6384">IFERROR(INDEX(Jesper!AI$2:AI$366,ROUNDDOWN($C6384/24,0)+1,1)*INDEX($D$3:$AA$30,INDEX(Jesper!$R$2:$R$366,ROW(INDEX(Jesper!AI$2:AI$366,ROUNDDOWN($C6384/24,0)+1,1))-1)+IF('Standard Profiles'!$G$19=$B$10,7,0)+IF('Standard Profiles'!$G$19=$B$17,14,0)+IF('Standard Profiles'!$G$19=$B$24,21,0),MOD($C6384,24)+1)/SUM(INDEX($D$3:$AA$30,INDEX(Jesper!$R$2:$R$366,ROW(INDEX(Jesper!AI$2:AI$366,ROUNDDOWN($C6384/24,0)+1,1))-1)+IF('Standard Profiles'!$G$19=$B$10,7,0)+IF('Standard Profiles'!$G$19=$B$17,14,0)+IF('Standard Profiles'!$G$19=$B$24,21,0),0)),0)</f>
        <v>2.0174167001541634</v>
      </c>
      <c r="F6384" cm="1">
        <f t="array" ref="F6384">IFERROR(INDEX(Jesper!AJ$2:AJ$366,ROUNDDOWN($C6384/24,0)+1,1)*INDEX($D$3:$AA$30,INDEX(Jesper!$R$2:$R$366,ROW(INDEX(Jesper!AJ$2:AJ$366,ROUNDDOWN($C6384/24,0)+1,1))-1)+IF('Standard Profiles'!$G$20=$B$10,7,0)+IF('Standard Profiles'!$G$20=$B$17,14,0)+IF('Standard Profiles'!$G$20=$B$24,21,0),MOD($C6384,24)+1)/SUM(INDEX($D$3:$AA$30,INDEX(Jesper!$R$2:$R$366,ROW(INDEX(Jesper!AJ$2:AJ$366,ROUNDDOWN($C6384/24,0)+1,1))-1)+IF('Standard Profiles'!$G$20=$B$10,7,0)+IF('Standard Profiles'!$G$20=$B$17,14,0)+IF('Standard Profiles'!$G$20=$B$24,21,0),0)),0)</f>
        <v>0</v>
      </c>
      <c r="G6384" cm="1">
        <f t="array" ref="G6384">IFERROR(INDEX(Jesper!AK$2:AK$366,ROUNDDOWN($C6384/24,0)+1,1)*INDEX($D$3:$AA$30,INDEX(Jesper!$R$2:$R$366,ROW(INDEX(Jesper!AK$2:AK$366,ROUNDDOWN($C6384/24,0)+1,1))-1)+IF('Standard Profiles'!$G$21=$B$10,7,0)+IF('Standard Profiles'!$G$21=$B$17,14,0)+IF('Standard Profiles'!$G$21=$B$24,21,0),MOD($C6384,24)+1)/SUM(INDEX($D$3:$AA$30,INDEX(Jesper!$R$2:$R$366,ROW(INDEX(Jesper!AK$2:AK$366,ROUNDDOWN($C6384/24,0)+1,1))-1)+IF('Standard Profiles'!$G$21=$B$10,7,0)+IF('Standard Profiles'!$G$21=$B$17,14,0)+IF('Standard Profiles'!$G$21=$B$24,21,0),0)),0)</f>
        <v>0</v>
      </c>
      <c r="H6384" cm="1">
        <f t="array" ref="H6384">IFERROR(INDEX(Jesper!AL$2:AL$366,ROUNDDOWN($C6384/24,0)+1,1)*INDEX($D$3:$AA$30,INDEX(Jesper!$R$2:$R$366,ROW(INDEX(Jesper!AL$2:AL$366,ROUNDDOWN($C6384/24,0)+1,1))-1)+IF('Standard Profiles'!$G$22=$B$10,7,0)+IF('Standard Profiles'!$G$22=$B$17,14,0)+IF('Standard Profiles'!$G$22=$B$24,21,0),MOD($C6384,24)+1)/SUM(INDEX($D$3:$AA$30,INDEX(Jesper!$R$2:$R$366,ROW(INDEX(Jesper!AL$2:AL$366,ROUNDDOWN($C6384/24,0)+1,1))-1)+IF('Standard Profiles'!$G$22=$B$10,7,0)+IF('Standard Profiles'!$G$22=$B$17,14,0)+IF('Standard Profiles'!$G$22=$B$24,21,0),0)),0)</f>
        <v>0</v>
      </c>
      <c r="I6384">
        <f t="shared" si="713"/>
        <v>0.18174925226614089</v>
      </c>
      <c r="J6384">
        <f t="shared" si="714"/>
        <v>0.60583084088713635</v>
      </c>
      <c r="K6384">
        <f t="shared" si="715"/>
        <v>0.90874626133070457</v>
      </c>
      <c r="L6384">
        <f t="shared" si="716"/>
        <v>12.60663893073753</v>
      </c>
      <c r="M6384">
        <f t="shared" si="717"/>
        <v>0</v>
      </c>
      <c r="N6384" s="46">
        <f t="shared" si="718"/>
        <v>45556.583333317933</v>
      </c>
    </row>
    <row r="6385" spans="2:14" x14ac:dyDescent="0.3">
      <c r="B6385">
        <f t="shared" si="712"/>
        <v>6</v>
      </c>
      <c r="C6385" s="16">
        <v>6351</v>
      </c>
      <c r="D6385" cm="1">
        <f t="array" ref="D6385">IFERROR(INDEX(Jesper!AH$2:AH$366,ROUNDDOWN($C6385/24,0)+1,1)*INDEX($D$3:$AA$30,INDEX(Jesper!$R$2:$R$366,ROW(INDEX(Jesper!AH$2:AH$366,ROUNDDOWN($C6385/24,0)+1,1))-1)+IF('Standard Profiles'!$G$18=$B$10,7,0)+IF('Standard Profiles'!$G$18=$B$17,14,0)+IF('Standard Profiles'!$G$18=$B$24,21,0),MOD($C6385,24)+1)/SUM(INDEX($D$3:$AA$30,INDEX(Jesper!$R$2:$R$366,ROW(INDEX(Jesper!AH$2:AH$366,ROUNDDOWN($C6385/24,0)+1,1))-1)+IF('Standard Profiles'!$G$18=$B$10,7,0)+IF('Standard Profiles'!$G$18=$B$17,14,0)+IF('Standard Profiles'!$G$18=$B$24,21,0),0)),0)</f>
        <v>11.107482282389656</v>
      </c>
      <c r="E6385" cm="1">
        <f t="array" ref="E6385">IFERROR(INDEX(Jesper!AI$2:AI$366,ROUNDDOWN($C6385/24,0)+1,1)*INDEX($D$3:$AA$30,INDEX(Jesper!$R$2:$R$366,ROW(INDEX(Jesper!AI$2:AI$366,ROUNDDOWN($C6385/24,0)+1,1))-1)+IF('Standard Profiles'!$G$19=$B$10,7,0)+IF('Standard Profiles'!$G$19=$B$17,14,0)+IF('Standard Profiles'!$G$19=$B$24,21,0),MOD($C6385,24)+1)/SUM(INDEX($D$3:$AA$30,INDEX(Jesper!$R$2:$R$366,ROW(INDEX(Jesper!AI$2:AI$366,ROUNDDOWN($C6385/24,0)+1,1))-1)+IF('Standard Profiles'!$G$19=$B$10,7,0)+IF('Standard Profiles'!$G$19=$B$17,14,0)+IF('Standard Profiles'!$G$19=$B$24,21,0),0)),0)</f>
        <v>1.8239657837010244</v>
      </c>
      <c r="F6385" cm="1">
        <f t="array" ref="F6385">IFERROR(INDEX(Jesper!AJ$2:AJ$366,ROUNDDOWN($C6385/24,0)+1,1)*INDEX($D$3:$AA$30,INDEX(Jesper!$R$2:$R$366,ROW(INDEX(Jesper!AJ$2:AJ$366,ROUNDDOWN($C6385/24,0)+1,1))-1)+IF('Standard Profiles'!$G$20=$B$10,7,0)+IF('Standard Profiles'!$G$20=$B$17,14,0)+IF('Standard Profiles'!$G$20=$B$24,21,0),MOD($C6385,24)+1)/SUM(INDEX($D$3:$AA$30,INDEX(Jesper!$R$2:$R$366,ROW(INDEX(Jesper!AJ$2:AJ$366,ROUNDDOWN($C6385/24,0)+1,1))-1)+IF('Standard Profiles'!$G$20=$B$10,7,0)+IF('Standard Profiles'!$G$20=$B$17,14,0)+IF('Standard Profiles'!$G$20=$B$24,21,0),0)),0)</f>
        <v>0</v>
      </c>
      <c r="G6385" cm="1">
        <f t="array" ref="G6385">IFERROR(INDEX(Jesper!AK$2:AK$366,ROUNDDOWN($C6385/24,0)+1,1)*INDEX($D$3:$AA$30,INDEX(Jesper!$R$2:$R$366,ROW(INDEX(Jesper!AK$2:AK$366,ROUNDDOWN($C6385/24,0)+1,1))-1)+IF('Standard Profiles'!$G$21=$B$10,7,0)+IF('Standard Profiles'!$G$21=$B$17,14,0)+IF('Standard Profiles'!$G$21=$B$24,21,0),MOD($C6385,24)+1)/SUM(INDEX($D$3:$AA$30,INDEX(Jesper!$R$2:$R$366,ROW(INDEX(Jesper!AK$2:AK$366,ROUNDDOWN($C6385/24,0)+1,1))-1)+IF('Standard Profiles'!$G$21=$B$10,7,0)+IF('Standard Profiles'!$G$21=$B$17,14,0)+IF('Standard Profiles'!$G$21=$B$24,21,0),0)),0)</f>
        <v>0</v>
      </c>
      <c r="H6385" cm="1">
        <f t="array" ref="H6385">IFERROR(INDEX(Jesper!AL$2:AL$366,ROUNDDOWN($C6385/24,0)+1,1)*INDEX($D$3:$AA$30,INDEX(Jesper!$R$2:$R$366,ROW(INDEX(Jesper!AL$2:AL$366,ROUNDDOWN($C6385/24,0)+1,1))-1)+IF('Standard Profiles'!$G$22=$B$10,7,0)+IF('Standard Profiles'!$G$22=$B$17,14,0)+IF('Standard Profiles'!$G$22=$B$24,21,0),MOD($C6385,24)+1)/SUM(INDEX($D$3:$AA$30,INDEX(Jesper!$R$2:$R$366,ROW(INDEX(Jesper!AL$2:AL$366,ROUNDDOWN($C6385/24,0)+1,1))-1)+IF('Standard Profiles'!$G$22=$B$10,7,0)+IF('Standard Profiles'!$G$22=$B$17,14,0)+IF('Standard Profiles'!$G$22=$B$24,21,0),0)),0)</f>
        <v>0</v>
      </c>
      <c r="I6385">
        <f t="shared" si="713"/>
        <v>0.16432124177486709</v>
      </c>
      <c r="J6385">
        <f t="shared" si="714"/>
        <v>0.54773747258289041</v>
      </c>
      <c r="K6385">
        <f t="shared" si="715"/>
        <v>0.82160620887433566</v>
      </c>
      <c r="L6385">
        <f t="shared" si="716"/>
        <v>11.397783142858588</v>
      </c>
      <c r="M6385">
        <f t="shared" si="717"/>
        <v>0</v>
      </c>
      <c r="N6385" s="46">
        <f t="shared" si="718"/>
        <v>45556.624999984597</v>
      </c>
    </row>
    <row r="6386" spans="2:14" x14ac:dyDescent="0.3">
      <c r="B6386">
        <f t="shared" si="712"/>
        <v>6</v>
      </c>
      <c r="C6386" s="16">
        <v>6352</v>
      </c>
      <c r="D6386" cm="1">
        <f t="array" ref="D6386">IFERROR(INDEX(Jesper!AH$2:AH$366,ROUNDDOWN($C6386/24,0)+1,1)*INDEX($D$3:$AA$30,INDEX(Jesper!$R$2:$R$366,ROW(INDEX(Jesper!AH$2:AH$366,ROUNDDOWN($C6386/24,0)+1,1))-1)+IF('Standard Profiles'!$G$18=$B$10,7,0)+IF('Standard Profiles'!$G$18=$B$17,14,0)+IF('Standard Profiles'!$G$18=$B$24,21,0),MOD($C6386,24)+1)/SUM(INDEX($D$3:$AA$30,INDEX(Jesper!$R$2:$R$366,ROW(INDEX(Jesper!AH$2:AH$366,ROUNDDOWN($C6386/24,0)+1,1))-1)+IF('Standard Profiles'!$G$18=$B$10,7,0)+IF('Standard Profiles'!$G$18=$B$17,14,0)+IF('Standard Profiles'!$G$18=$B$24,21,0),0)),0)</f>
        <v>10.097711165808779</v>
      </c>
      <c r="E6386" cm="1">
        <f t="array" ref="E6386">IFERROR(INDEX(Jesper!AI$2:AI$366,ROUNDDOWN($C6386/24,0)+1,1)*INDEX($D$3:$AA$30,INDEX(Jesper!$R$2:$R$366,ROW(INDEX(Jesper!AI$2:AI$366,ROUNDDOWN($C6386/24,0)+1,1))-1)+IF('Standard Profiles'!$G$19=$B$10,7,0)+IF('Standard Profiles'!$G$19=$B$17,14,0)+IF('Standard Profiles'!$G$19=$B$24,21,0),MOD($C6386,24)+1)/SUM(INDEX($D$3:$AA$30,INDEX(Jesper!$R$2:$R$366,ROW(INDEX(Jesper!AI$2:AI$366,ROUNDDOWN($C6386/24,0)+1,1))-1)+IF('Standard Profiles'!$G$19=$B$10,7,0)+IF('Standard Profiles'!$G$19=$B$17,14,0)+IF('Standard Profiles'!$G$19=$B$24,21,0),0)),0)</f>
        <v>1.6581507124554766</v>
      </c>
      <c r="F6386" cm="1">
        <f t="array" ref="F6386">IFERROR(INDEX(Jesper!AJ$2:AJ$366,ROUNDDOWN($C6386/24,0)+1,1)*INDEX($D$3:$AA$30,INDEX(Jesper!$R$2:$R$366,ROW(INDEX(Jesper!AJ$2:AJ$366,ROUNDDOWN($C6386/24,0)+1,1))-1)+IF('Standard Profiles'!$G$20=$B$10,7,0)+IF('Standard Profiles'!$G$20=$B$17,14,0)+IF('Standard Profiles'!$G$20=$B$24,21,0),MOD($C6386,24)+1)/SUM(INDEX($D$3:$AA$30,INDEX(Jesper!$R$2:$R$366,ROW(INDEX(Jesper!AJ$2:AJ$366,ROUNDDOWN($C6386/24,0)+1,1))-1)+IF('Standard Profiles'!$G$20=$B$10,7,0)+IF('Standard Profiles'!$G$20=$B$17,14,0)+IF('Standard Profiles'!$G$20=$B$24,21,0),0)),0)</f>
        <v>0</v>
      </c>
      <c r="G6386" cm="1">
        <f t="array" ref="G6386">IFERROR(INDEX(Jesper!AK$2:AK$366,ROUNDDOWN($C6386/24,0)+1,1)*INDEX($D$3:$AA$30,INDEX(Jesper!$R$2:$R$366,ROW(INDEX(Jesper!AK$2:AK$366,ROUNDDOWN($C6386/24,0)+1,1))-1)+IF('Standard Profiles'!$G$21=$B$10,7,0)+IF('Standard Profiles'!$G$21=$B$17,14,0)+IF('Standard Profiles'!$G$21=$B$24,21,0),MOD($C6386,24)+1)/SUM(INDEX($D$3:$AA$30,INDEX(Jesper!$R$2:$R$366,ROW(INDEX(Jesper!AK$2:AK$366,ROUNDDOWN($C6386/24,0)+1,1))-1)+IF('Standard Profiles'!$G$21=$B$10,7,0)+IF('Standard Profiles'!$G$21=$B$17,14,0)+IF('Standard Profiles'!$G$21=$B$24,21,0),0)),0)</f>
        <v>0</v>
      </c>
      <c r="H6386" cm="1">
        <f t="array" ref="H6386">IFERROR(INDEX(Jesper!AL$2:AL$366,ROUNDDOWN($C6386/24,0)+1,1)*INDEX($D$3:$AA$30,INDEX(Jesper!$R$2:$R$366,ROW(INDEX(Jesper!AL$2:AL$366,ROUNDDOWN($C6386/24,0)+1,1))-1)+IF('Standard Profiles'!$G$22=$B$10,7,0)+IF('Standard Profiles'!$G$22=$B$17,14,0)+IF('Standard Profiles'!$G$22=$B$24,21,0),MOD($C6386,24)+1)/SUM(INDEX($D$3:$AA$30,INDEX(Jesper!$R$2:$R$366,ROW(INDEX(Jesper!AL$2:AL$366,ROUNDDOWN($C6386/24,0)+1,1))-1)+IF('Standard Profiles'!$G$22=$B$10,7,0)+IF('Standard Profiles'!$G$22=$B$17,14,0)+IF('Standard Profiles'!$G$22=$B$24,21,0),0)),0)</f>
        <v>0</v>
      </c>
      <c r="I6386">
        <f t="shared" si="713"/>
        <v>0.14938294706806099</v>
      </c>
      <c r="J6386">
        <f t="shared" si="714"/>
        <v>0.49794315689353674</v>
      </c>
      <c r="K6386">
        <f t="shared" si="715"/>
        <v>0.74691473534030506</v>
      </c>
      <c r="L6386">
        <f t="shared" si="716"/>
        <v>10.361621038962353</v>
      </c>
      <c r="M6386">
        <f t="shared" si="717"/>
        <v>0</v>
      </c>
      <c r="N6386" s="46">
        <f t="shared" si="718"/>
        <v>45556.666666651261</v>
      </c>
    </row>
    <row r="6387" spans="2:14" x14ac:dyDescent="0.3">
      <c r="B6387">
        <f t="shared" si="712"/>
        <v>6</v>
      </c>
      <c r="C6387" s="16">
        <v>6353</v>
      </c>
      <c r="D6387" cm="1">
        <f t="array" ref="D6387">IFERROR(INDEX(Jesper!AH$2:AH$366,ROUNDDOWN($C6387/24,0)+1,1)*INDEX($D$3:$AA$30,INDEX(Jesper!$R$2:$R$366,ROW(INDEX(Jesper!AH$2:AH$366,ROUNDDOWN($C6387/24,0)+1,1))-1)+IF('Standard Profiles'!$G$18=$B$10,7,0)+IF('Standard Profiles'!$G$18=$B$17,14,0)+IF('Standard Profiles'!$G$18=$B$24,21,0),MOD($C6387,24)+1)/SUM(INDEX($D$3:$AA$30,INDEX(Jesper!$R$2:$R$366,ROW(INDEX(Jesper!AH$2:AH$366,ROUNDDOWN($C6387/24,0)+1,1))-1)+IF('Standard Profiles'!$G$18=$B$10,7,0)+IF('Standard Profiles'!$G$18=$B$17,14,0)+IF('Standard Profiles'!$G$18=$B$24,21,0),0)),0)</f>
        <v>9.0879400492279014</v>
      </c>
      <c r="E6387" cm="1">
        <f t="array" ref="E6387">IFERROR(INDEX(Jesper!AI$2:AI$366,ROUNDDOWN($C6387/24,0)+1,1)*INDEX($D$3:$AA$30,INDEX(Jesper!$R$2:$R$366,ROW(INDEX(Jesper!AI$2:AI$366,ROUNDDOWN($C6387/24,0)+1,1))-1)+IF('Standard Profiles'!$G$19=$B$10,7,0)+IF('Standard Profiles'!$G$19=$B$17,14,0)+IF('Standard Profiles'!$G$19=$B$24,21,0),MOD($C6387,24)+1)/SUM(INDEX($D$3:$AA$30,INDEX(Jesper!$R$2:$R$366,ROW(INDEX(Jesper!AI$2:AI$366,ROUNDDOWN($C6387/24,0)+1,1))-1)+IF('Standard Profiles'!$G$19=$B$10,7,0)+IF('Standard Profiles'!$G$19=$B$17,14,0)+IF('Standard Profiles'!$G$19=$B$24,21,0),0)),0)</f>
        <v>1.4923356412099291</v>
      </c>
      <c r="F6387" cm="1">
        <f t="array" ref="F6387">IFERROR(INDEX(Jesper!AJ$2:AJ$366,ROUNDDOWN($C6387/24,0)+1,1)*INDEX($D$3:$AA$30,INDEX(Jesper!$R$2:$R$366,ROW(INDEX(Jesper!AJ$2:AJ$366,ROUNDDOWN($C6387/24,0)+1,1))-1)+IF('Standard Profiles'!$G$20=$B$10,7,0)+IF('Standard Profiles'!$G$20=$B$17,14,0)+IF('Standard Profiles'!$G$20=$B$24,21,0),MOD($C6387,24)+1)/SUM(INDEX($D$3:$AA$30,INDEX(Jesper!$R$2:$R$366,ROW(INDEX(Jesper!AJ$2:AJ$366,ROUNDDOWN($C6387/24,0)+1,1))-1)+IF('Standard Profiles'!$G$20=$B$10,7,0)+IF('Standard Profiles'!$G$20=$B$17,14,0)+IF('Standard Profiles'!$G$20=$B$24,21,0),0)),0)</f>
        <v>0</v>
      </c>
      <c r="G6387" cm="1">
        <f t="array" ref="G6387">IFERROR(INDEX(Jesper!AK$2:AK$366,ROUNDDOWN($C6387/24,0)+1,1)*INDEX($D$3:$AA$30,INDEX(Jesper!$R$2:$R$366,ROW(INDEX(Jesper!AK$2:AK$366,ROUNDDOWN($C6387/24,0)+1,1))-1)+IF('Standard Profiles'!$G$21=$B$10,7,0)+IF('Standard Profiles'!$G$21=$B$17,14,0)+IF('Standard Profiles'!$G$21=$B$24,21,0),MOD($C6387,24)+1)/SUM(INDEX($D$3:$AA$30,INDEX(Jesper!$R$2:$R$366,ROW(INDEX(Jesper!AK$2:AK$366,ROUNDDOWN($C6387/24,0)+1,1))-1)+IF('Standard Profiles'!$G$21=$B$10,7,0)+IF('Standard Profiles'!$G$21=$B$17,14,0)+IF('Standard Profiles'!$G$21=$B$24,21,0),0)),0)</f>
        <v>0</v>
      </c>
      <c r="H6387" cm="1">
        <f t="array" ref="H6387">IFERROR(INDEX(Jesper!AL$2:AL$366,ROUNDDOWN($C6387/24,0)+1,1)*INDEX($D$3:$AA$30,INDEX(Jesper!$R$2:$R$366,ROW(INDEX(Jesper!AL$2:AL$366,ROUNDDOWN($C6387/24,0)+1,1))-1)+IF('Standard Profiles'!$G$22=$B$10,7,0)+IF('Standard Profiles'!$G$22=$B$17,14,0)+IF('Standard Profiles'!$G$22=$B$24,21,0),MOD($C6387,24)+1)/SUM(INDEX($D$3:$AA$30,INDEX(Jesper!$R$2:$R$366,ROW(INDEX(Jesper!AL$2:AL$366,ROUNDDOWN($C6387/24,0)+1,1))-1)+IF('Standard Profiles'!$G$22=$B$10,7,0)+IF('Standard Profiles'!$G$22=$B$17,14,0)+IF('Standard Profiles'!$G$22=$B$24,21,0),0)),0)</f>
        <v>0</v>
      </c>
      <c r="I6387">
        <f t="shared" si="713"/>
        <v>0.13444465236125491</v>
      </c>
      <c r="J6387">
        <f t="shared" si="714"/>
        <v>0.44814884120418308</v>
      </c>
      <c r="K6387">
        <f t="shared" si="715"/>
        <v>0.67222326180627467</v>
      </c>
      <c r="L6387">
        <f t="shared" si="716"/>
        <v>9.3254589350661181</v>
      </c>
      <c r="M6387">
        <f t="shared" si="717"/>
        <v>0</v>
      </c>
      <c r="N6387" s="46">
        <f t="shared" si="718"/>
        <v>45556.708333317925</v>
      </c>
    </row>
    <row r="6388" spans="2:14" x14ac:dyDescent="0.3">
      <c r="B6388">
        <f t="shared" si="712"/>
        <v>6</v>
      </c>
      <c r="C6388" s="16">
        <v>6354</v>
      </c>
      <c r="D6388" cm="1">
        <f t="array" ref="D6388">IFERROR(INDEX(Jesper!AH$2:AH$366,ROUNDDOWN($C6388/24,0)+1,1)*INDEX($D$3:$AA$30,INDEX(Jesper!$R$2:$R$366,ROW(INDEX(Jesper!AH$2:AH$366,ROUNDDOWN($C6388/24,0)+1,1))-1)+IF('Standard Profiles'!$G$18=$B$10,7,0)+IF('Standard Profiles'!$G$18=$B$17,14,0)+IF('Standard Profiles'!$G$18=$B$24,21,0),MOD($C6388,24)+1)/SUM(INDEX($D$3:$AA$30,INDEX(Jesper!$R$2:$R$366,ROW(INDEX(Jesper!AH$2:AH$366,ROUNDDOWN($C6388/24,0)+1,1))-1)+IF('Standard Profiles'!$G$18=$B$10,7,0)+IF('Standard Profiles'!$G$18=$B$17,14,0)+IF('Standard Profiles'!$G$18=$B$24,21,0),0)),0)</f>
        <v>8.7513496770342751</v>
      </c>
      <c r="E6388" cm="1">
        <f t="array" ref="E6388">IFERROR(INDEX(Jesper!AI$2:AI$366,ROUNDDOWN($C6388/24,0)+1,1)*INDEX($D$3:$AA$30,INDEX(Jesper!$R$2:$R$366,ROW(INDEX(Jesper!AI$2:AI$366,ROUNDDOWN($C6388/24,0)+1,1))-1)+IF('Standard Profiles'!$G$19=$B$10,7,0)+IF('Standard Profiles'!$G$19=$B$17,14,0)+IF('Standard Profiles'!$G$19=$B$24,21,0),MOD($C6388,24)+1)/SUM(INDEX($D$3:$AA$30,INDEX(Jesper!$R$2:$R$366,ROW(INDEX(Jesper!AI$2:AI$366,ROUNDDOWN($C6388/24,0)+1,1))-1)+IF('Standard Profiles'!$G$19=$B$10,7,0)+IF('Standard Profiles'!$G$19=$B$17,14,0)+IF('Standard Profiles'!$G$19=$B$24,21,0),0)),0)</f>
        <v>1.4370639507947465</v>
      </c>
      <c r="F6388" cm="1">
        <f t="array" ref="F6388">IFERROR(INDEX(Jesper!AJ$2:AJ$366,ROUNDDOWN($C6388/24,0)+1,1)*INDEX($D$3:$AA$30,INDEX(Jesper!$R$2:$R$366,ROW(INDEX(Jesper!AJ$2:AJ$366,ROUNDDOWN($C6388/24,0)+1,1))-1)+IF('Standard Profiles'!$G$20=$B$10,7,0)+IF('Standard Profiles'!$G$20=$B$17,14,0)+IF('Standard Profiles'!$G$20=$B$24,21,0),MOD($C6388,24)+1)/SUM(INDEX($D$3:$AA$30,INDEX(Jesper!$R$2:$R$366,ROW(INDEX(Jesper!AJ$2:AJ$366,ROUNDDOWN($C6388/24,0)+1,1))-1)+IF('Standard Profiles'!$G$20=$B$10,7,0)+IF('Standard Profiles'!$G$20=$B$17,14,0)+IF('Standard Profiles'!$G$20=$B$24,21,0),0)),0)</f>
        <v>0</v>
      </c>
      <c r="G6388" cm="1">
        <f t="array" ref="G6388">IFERROR(INDEX(Jesper!AK$2:AK$366,ROUNDDOWN($C6388/24,0)+1,1)*INDEX($D$3:$AA$30,INDEX(Jesper!$R$2:$R$366,ROW(INDEX(Jesper!AK$2:AK$366,ROUNDDOWN($C6388/24,0)+1,1))-1)+IF('Standard Profiles'!$G$21=$B$10,7,0)+IF('Standard Profiles'!$G$21=$B$17,14,0)+IF('Standard Profiles'!$G$21=$B$24,21,0),MOD($C6388,24)+1)/SUM(INDEX($D$3:$AA$30,INDEX(Jesper!$R$2:$R$366,ROW(INDEX(Jesper!AK$2:AK$366,ROUNDDOWN($C6388/24,0)+1,1))-1)+IF('Standard Profiles'!$G$21=$B$10,7,0)+IF('Standard Profiles'!$G$21=$B$17,14,0)+IF('Standard Profiles'!$G$21=$B$24,21,0),0)),0)</f>
        <v>0</v>
      </c>
      <c r="H6388" cm="1">
        <f t="array" ref="H6388">IFERROR(INDEX(Jesper!AL$2:AL$366,ROUNDDOWN($C6388/24,0)+1,1)*INDEX($D$3:$AA$30,INDEX(Jesper!$R$2:$R$366,ROW(INDEX(Jesper!AL$2:AL$366,ROUNDDOWN($C6388/24,0)+1,1))-1)+IF('Standard Profiles'!$G$22=$B$10,7,0)+IF('Standard Profiles'!$G$22=$B$17,14,0)+IF('Standard Profiles'!$G$22=$B$24,21,0),MOD($C6388,24)+1)/SUM(INDEX($D$3:$AA$30,INDEX(Jesper!$R$2:$R$366,ROW(INDEX(Jesper!AL$2:AL$366,ROUNDDOWN($C6388/24,0)+1,1))-1)+IF('Standard Profiles'!$G$22=$B$10,7,0)+IF('Standard Profiles'!$G$22=$B$17,14,0)+IF('Standard Profiles'!$G$22=$B$24,21,0),0)),0)</f>
        <v>0</v>
      </c>
      <c r="I6388">
        <f t="shared" si="713"/>
        <v>0.12946522079231954</v>
      </c>
      <c r="J6388">
        <f t="shared" si="714"/>
        <v>0.43155073597439852</v>
      </c>
      <c r="K6388">
        <f t="shared" si="715"/>
        <v>0.64732610396159773</v>
      </c>
      <c r="L6388">
        <f t="shared" si="716"/>
        <v>8.9800715671007065</v>
      </c>
      <c r="M6388">
        <f t="shared" si="717"/>
        <v>0</v>
      </c>
      <c r="N6388" s="46">
        <f t="shared" si="718"/>
        <v>45556.74999998459</v>
      </c>
    </row>
    <row r="6389" spans="2:14" x14ac:dyDescent="0.3">
      <c r="B6389">
        <f t="shared" si="712"/>
        <v>6</v>
      </c>
      <c r="C6389" s="16">
        <v>6355</v>
      </c>
      <c r="D6389" cm="1">
        <f t="array" ref="D6389">IFERROR(INDEX(Jesper!AH$2:AH$366,ROUNDDOWN($C6389/24,0)+1,1)*INDEX($D$3:$AA$30,INDEX(Jesper!$R$2:$R$366,ROW(INDEX(Jesper!AH$2:AH$366,ROUNDDOWN($C6389/24,0)+1,1))-1)+IF('Standard Profiles'!$G$18=$B$10,7,0)+IF('Standard Profiles'!$G$18=$B$17,14,0)+IF('Standard Profiles'!$G$18=$B$24,21,0),MOD($C6389,24)+1)/SUM(INDEX($D$3:$AA$30,INDEX(Jesper!$R$2:$R$366,ROW(INDEX(Jesper!AH$2:AH$366,ROUNDDOWN($C6389/24,0)+1,1))-1)+IF('Standard Profiles'!$G$18=$B$10,7,0)+IF('Standard Profiles'!$G$18=$B$17,14,0)+IF('Standard Profiles'!$G$18=$B$24,21,0),0)),0)</f>
        <v>7.0683978160661445</v>
      </c>
      <c r="E6389" cm="1">
        <f t="array" ref="E6389">IFERROR(INDEX(Jesper!AI$2:AI$366,ROUNDDOWN($C6389/24,0)+1,1)*INDEX($D$3:$AA$30,INDEX(Jesper!$R$2:$R$366,ROW(INDEX(Jesper!AI$2:AI$366,ROUNDDOWN($C6389/24,0)+1,1))-1)+IF('Standard Profiles'!$G$19=$B$10,7,0)+IF('Standard Profiles'!$G$19=$B$17,14,0)+IF('Standard Profiles'!$G$19=$B$24,21,0),MOD($C6389,24)+1)/SUM(INDEX($D$3:$AA$30,INDEX(Jesper!$R$2:$R$366,ROW(INDEX(Jesper!AI$2:AI$366,ROUNDDOWN($C6389/24,0)+1,1))-1)+IF('Standard Profiles'!$G$19=$B$10,7,0)+IF('Standard Profiles'!$G$19=$B$17,14,0)+IF('Standard Profiles'!$G$19=$B$24,21,0),0)),0)</f>
        <v>1.1607054987188337</v>
      </c>
      <c r="F6389" cm="1">
        <f t="array" ref="F6389">IFERROR(INDEX(Jesper!AJ$2:AJ$366,ROUNDDOWN($C6389/24,0)+1,1)*INDEX($D$3:$AA$30,INDEX(Jesper!$R$2:$R$366,ROW(INDEX(Jesper!AJ$2:AJ$366,ROUNDDOWN($C6389/24,0)+1,1))-1)+IF('Standard Profiles'!$G$20=$B$10,7,0)+IF('Standard Profiles'!$G$20=$B$17,14,0)+IF('Standard Profiles'!$G$20=$B$24,21,0),MOD($C6389,24)+1)/SUM(INDEX($D$3:$AA$30,INDEX(Jesper!$R$2:$R$366,ROW(INDEX(Jesper!AJ$2:AJ$366,ROUNDDOWN($C6389/24,0)+1,1))-1)+IF('Standard Profiles'!$G$20=$B$10,7,0)+IF('Standard Profiles'!$G$20=$B$17,14,0)+IF('Standard Profiles'!$G$20=$B$24,21,0),0)),0)</f>
        <v>0</v>
      </c>
      <c r="G6389" cm="1">
        <f t="array" ref="G6389">IFERROR(INDEX(Jesper!AK$2:AK$366,ROUNDDOWN($C6389/24,0)+1,1)*INDEX($D$3:$AA$30,INDEX(Jesper!$R$2:$R$366,ROW(INDEX(Jesper!AK$2:AK$366,ROUNDDOWN($C6389/24,0)+1,1))-1)+IF('Standard Profiles'!$G$21=$B$10,7,0)+IF('Standard Profiles'!$G$21=$B$17,14,0)+IF('Standard Profiles'!$G$21=$B$24,21,0),MOD($C6389,24)+1)/SUM(INDEX($D$3:$AA$30,INDEX(Jesper!$R$2:$R$366,ROW(INDEX(Jesper!AK$2:AK$366,ROUNDDOWN($C6389/24,0)+1,1))-1)+IF('Standard Profiles'!$G$21=$B$10,7,0)+IF('Standard Profiles'!$G$21=$B$17,14,0)+IF('Standard Profiles'!$G$21=$B$24,21,0),0)),0)</f>
        <v>0</v>
      </c>
      <c r="H6389" cm="1">
        <f t="array" ref="H6389">IFERROR(INDEX(Jesper!AL$2:AL$366,ROUNDDOWN($C6389/24,0)+1,1)*INDEX($D$3:$AA$30,INDEX(Jesper!$R$2:$R$366,ROW(INDEX(Jesper!AL$2:AL$366,ROUNDDOWN($C6389/24,0)+1,1))-1)+IF('Standard Profiles'!$G$22=$B$10,7,0)+IF('Standard Profiles'!$G$22=$B$17,14,0)+IF('Standard Profiles'!$G$22=$B$24,21,0),MOD($C6389,24)+1)/SUM(INDEX($D$3:$AA$30,INDEX(Jesper!$R$2:$R$366,ROW(INDEX(Jesper!AL$2:AL$366,ROUNDDOWN($C6389/24,0)+1,1))-1)+IF('Standard Profiles'!$G$22=$B$10,7,0)+IF('Standard Profiles'!$G$22=$B$17,14,0)+IF('Standard Profiles'!$G$22=$B$24,21,0),0)),0)</f>
        <v>0</v>
      </c>
      <c r="I6389">
        <f t="shared" si="713"/>
        <v>0.1045680629476427</v>
      </c>
      <c r="J6389">
        <f t="shared" si="714"/>
        <v>0.3485602098254757</v>
      </c>
      <c r="K6389">
        <f t="shared" si="715"/>
        <v>0.52284031473821357</v>
      </c>
      <c r="L6389">
        <f t="shared" si="716"/>
        <v>7.2531347272736459</v>
      </c>
      <c r="M6389">
        <f t="shared" si="717"/>
        <v>0</v>
      </c>
      <c r="N6389" s="46">
        <f t="shared" si="718"/>
        <v>45556.791666651254</v>
      </c>
    </row>
    <row r="6390" spans="2:14" x14ac:dyDescent="0.3">
      <c r="B6390">
        <f t="shared" si="712"/>
        <v>6</v>
      </c>
      <c r="C6390" s="16">
        <v>6356</v>
      </c>
      <c r="D6390" cm="1">
        <f t="array" ref="D6390">IFERROR(INDEX(Jesper!AH$2:AH$366,ROUNDDOWN($C6390/24,0)+1,1)*INDEX($D$3:$AA$30,INDEX(Jesper!$R$2:$R$366,ROW(INDEX(Jesper!AH$2:AH$366,ROUNDDOWN($C6390/24,0)+1,1))-1)+IF('Standard Profiles'!$G$18=$B$10,7,0)+IF('Standard Profiles'!$G$18=$B$17,14,0)+IF('Standard Profiles'!$G$18=$B$24,21,0),MOD($C6390,24)+1)/SUM(INDEX($D$3:$AA$30,INDEX(Jesper!$R$2:$R$366,ROW(INDEX(Jesper!AH$2:AH$366,ROUNDDOWN($C6390/24,0)+1,1))-1)+IF('Standard Profiles'!$G$18=$B$10,7,0)+IF('Standard Profiles'!$G$18=$B$17,14,0)+IF('Standard Profiles'!$G$18=$B$24,21,0),0)),0)</f>
        <v>5.2171507690012024</v>
      </c>
      <c r="E6390" cm="1">
        <f t="array" ref="E6390">IFERROR(INDEX(Jesper!AI$2:AI$366,ROUNDDOWN($C6390/24,0)+1,1)*INDEX($D$3:$AA$30,INDEX(Jesper!$R$2:$R$366,ROW(INDEX(Jesper!AI$2:AI$366,ROUNDDOWN($C6390/24,0)+1,1))-1)+IF('Standard Profiles'!$G$19=$B$10,7,0)+IF('Standard Profiles'!$G$19=$B$17,14,0)+IF('Standard Profiles'!$G$19=$B$24,21,0),MOD($C6390,24)+1)/SUM(INDEX($D$3:$AA$30,INDEX(Jesper!$R$2:$R$366,ROW(INDEX(Jesper!AI$2:AI$366,ROUNDDOWN($C6390/24,0)+1,1))-1)+IF('Standard Profiles'!$G$19=$B$10,7,0)+IF('Standard Profiles'!$G$19=$B$17,14,0)+IF('Standard Profiles'!$G$19=$B$24,21,0),0)),0)</f>
        <v>0.85671120143532964</v>
      </c>
      <c r="F6390" cm="1">
        <f t="array" ref="F6390">IFERROR(INDEX(Jesper!AJ$2:AJ$366,ROUNDDOWN($C6390/24,0)+1,1)*INDEX($D$3:$AA$30,INDEX(Jesper!$R$2:$R$366,ROW(INDEX(Jesper!AJ$2:AJ$366,ROUNDDOWN($C6390/24,0)+1,1))-1)+IF('Standard Profiles'!$G$20=$B$10,7,0)+IF('Standard Profiles'!$G$20=$B$17,14,0)+IF('Standard Profiles'!$G$20=$B$24,21,0),MOD($C6390,24)+1)/SUM(INDEX($D$3:$AA$30,INDEX(Jesper!$R$2:$R$366,ROW(INDEX(Jesper!AJ$2:AJ$366,ROUNDDOWN($C6390/24,0)+1,1))-1)+IF('Standard Profiles'!$G$20=$B$10,7,0)+IF('Standard Profiles'!$G$20=$B$17,14,0)+IF('Standard Profiles'!$G$20=$B$24,21,0),0)),0)</f>
        <v>0</v>
      </c>
      <c r="G6390" cm="1">
        <f t="array" ref="G6390">IFERROR(INDEX(Jesper!AK$2:AK$366,ROUNDDOWN($C6390/24,0)+1,1)*INDEX($D$3:$AA$30,INDEX(Jesper!$R$2:$R$366,ROW(INDEX(Jesper!AK$2:AK$366,ROUNDDOWN($C6390/24,0)+1,1))-1)+IF('Standard Profiles'!$G$21=$B$10,7,0)+IF('Standard Profiles'!$G$21=$B$17,14,0)+IF('Standard Profiles'!$G$21=$B$24,21,0),MOD($C6390,24)+1)/SUM(INDEX($D$3:$AA$30,INDEX(Jesper!$R$2:$R$366,ROW(INDEX(Jesper!AK$2:AK$366,ROUNDDOWN($C6390/24,0)+1,1))-1)+IF('Standard Profiles'!$G$21=$B$10,7,0)+IF('Standard Profiles'!$G$21=$B$17,14,0)+IF('Standard Profiles'!$G$21=$B$24,21,0),0)),0)</f>
        <v>0</v>
      </c>
      <c r="H6390" cm="1">
        <f t="array" ref="H6390">IFERROR(INDEX(Jesper!AL$2:AL$366,ROUNDDOWN($C6390/24,0)+1,1)*INDEX($D$3:$AA$30,INDEX(Jesper!$R$2:$R$366,ROW(INDEX(Jesper!AL$2:AL$366,ROUNDDOWN($C6390/24,0)+1,1))-1)+IF('Standard Profiles'!$G$22=$B$10,7,0)+IF('Standard Profiles'!$G$22=$B$17,14,0)+IF('Standard Profiles'!$G$22=$B$24,21,0),MOD($C6390,24)+1)/SUM(INDEX($D$3:$AA$30,INDEX(Jesper!$R$2:$R$366,ROW(INDEX(Jesper!AL$2:AL$366,ROUNDDOWN($C6390/24,0)+1,1))-1)+IF('Standard Profiles'!$G$22=$B$10,7,0)+IF('Standard Profiles'!$G$22=$B$17,14,0)+IF('Standard Profiles'!$G$22=$B$24,21,0),0)),0)</f>
        <v>0</v>
      </c>
      <c r="I6390">
        <f t="shared" si="713"/>
        <v>7.7181189318498183E-2</v>
      </c>
      <c r="J6390">
        <f t="shared" si="714"/>
        <v>0.25727063106166065</v>
      </c>
      <c r="K6390">
        <f t="shared" si="715"/>
        <v>0.385905946592491</v>
      </c>
      <c r="L6390">
        <f t="shared" si="716"/>
        <v>5.3535042034638822</v>
      </c>
      <c r="M6390">
        <f t="shared" si="717"/>
        <v>0</v>
      </c>
      <c r="N6390" s="46">
        <f t="shared" si="718"/>
        <v>45556.833333317918</v>
      </c>
    </row>
    <row r="6391" spans="2:14" x14ac:dyDescent="0.3">
      <c r="B6391">
        <f t="shared" si="712"/>
        <v>6</v>
      </c>
      <c r="C6391" s="16">
        <v>6357</v>
      </c>
      <c r="D6391" cm="1">
        <f t="array" ref="D6391">IFERROR(INDEX(Jesper!AH$2:AH$366,ROUNDDOWN($C6391/24,0)+1,1)*INDEX($D$3:$AA$30,INDEX(Jesper!$R$2:$R$366,ROW(INDEX(Jesper!AH$2:AH$366,ROUNDDOWN($C6391/24,0)+1,1))-1)+IF('Standard Profiles'!$G$18=$B$10,7,0)+IF('Standard Profiles'!$G$18=$B$17,14,0)+IF('Standard Profiles'!$G$18=$B$24,21,0),MOD($C6391,24)+1)/SUM(INDEX($D$3:$AA$30,INDEX(Jesper!$R$2:$R$366,ROW(INDEX(Jesper!AH$2:AH$366,ROUNDDOWN($C6391/24,0)+1,1))-1)+IF('Standard Profiles'!$G$18=$B$10,7,0)+IF('Standard Profiles'!$G$18=$B$17,14,0)+IF('Standard Profiles'!$G$18=$B$24,21,0),0)),0)</f>
        <v>5.2171507690012024</v>
      </c>
      <c r="E6391" cm="1">
        <f t="array" ref="E6391">IFERROR(INDEX(Jesper!AI$2:AI$366,ROUNDDOWN($C6391/24,0)+1,1)*INDEX($D$3:$AA$30,INDEX(Jesper!$R$2:$R$366,ROW(INDEX(Jesper!AI$2:AI$366,ROUNDDOWN($C6391/24,0)+1,1))-1)+IF('Standard Profiles'!$G$19=$B$10,7,0)+IF('Standard Profiles'!$G$19=$B$17,14,0)+IF('Standard Profiles'!$G$19=$B$24,21,0),MOD($C6391,24)+1)/SUM(INDEX($D$3:$AA$30,INDEX(Jesper!$R$2:$R$366,ROW(INDEX(Jesper!AI$2:AI$366,ROUNDDOWN($C6391/24,0)+1,1))-1)+IF('Standard Profiles'!$G$19=$B$10,7,0)+IF('Standard Profiles'!$G$19=$B$17,14,0)+IF('Standard Profiles'!$G$19=$B$24,21,0),0)),0)</f>
        <v>0.85671120143532964</v>
      </c>
      <c r="F6391" cm="1">
        <f t="array" ref="F6391">IFERROR(INDEX(Jesper!AJ$2:AJ$366,ROUNDDOWN($C6391/24,0)+1,1)*INDEX($D$3:$AA$30,INDEX(Jesper!$R$2:$R$366,ROW(INDEX(Jesper!AJ$2:AJ$366,ROUNDDOWN($C6391/24,0)+1,1))-1)+IF('Standard Profiles'!$G$20=$B$10,7,0)+IF('Standard Profiles'!$G$20=$B$17,14,0)+IF('Standard Profiles'!$G$20=$B$24,21,0),MOD($C6391,24)+1)/SUM(INDEX($D$3:$AA$30,INDEX(Jesper!$R$2:$R$366,ROW(INDEX(Jesper!AJ$2:AJ$366,ROUNDDOWN($C6391/24,0)+1,1))-1)+IF('Standard Profiles'!$G$20=$B$10,7,0)+IF('Standard Profiles'!$G$20=$B$17,14,0)+IF('Standard Profiles'!$G$20=$B$24,21,0),0)),0)</f>
        <v>0</v>
      </c>
      <c r="G6391" cm="1">
        <f t="array" ref="G6391">IFERROR(INDEX(Jesper!AK$2:AK$366,ROUNDDOWN($C6391/24,0)+1,1)*INDEX($D$3:$AA$30,INDEX(Jesper!$R$2:$R$366,ROW(INDEX(Jesper!AK$2:AK$366,ROUNDDOWN($C6391/24,0)+1,1))-1)+IF('Standard Profiles'!$G$21=$B$10,7,0)+IF('Standard Profiles'!$G$21=$B$17,14,0)+IF('Standard Profiles'!$G$21=$B$24,21,0),MOD($C6391,24)+1)/SUM(INDEX($D$3:$AA$30,INDEX(Jesper!$R$2:$R$366,ROW(INDEX(Jesper!AK$2:AK$366,ROUNDDOWN($C6391/24,0)+1,1))-1)+IF('Standard Profiles'!$G$21=$B$10,7,0)+IF('Standard Profiles'!$G$21=$B$17,14,0)+IF('Standard Profiles'!$G$21=$B$24,21,0),0)),0)</f>
        <v>0</v>
      </c>
      <c r="H6391" cm="1">
        <f t="array" ref="H6391">IFERROR(INDEX(Jesper!AL$2:AL$366,ROUNDDOWN($C6391/24,0)+1,1)*INDEX($D$3:$AA$30,INDEX(Jesper!$R$2:$R$366,ROW(INDEX(Jesper!AL$2:AL$366,ROUNDDOWN($C6391/24,0)+1,1))-1)+IF('Standard Profiles'!$G$22=$B$10,7,0)+IF('Standard Profiles'!$G$22=$B$17,14,0)+IF('Standard Profiles'!$G$22=$B$24,21,0),MOD($C6391,24)+1)/SUM(INDEX($D$3:$AA$30,INDEX(Jesper!$R$2:$R$366,ROW(INDEX(Jesper!AL$2:AL$366,ROUNDDOWN($C6391/24,0)+1,1))-1)+IF('Standard Profiles'!$G$22=$B$10,7,0)+IF('Standard Profiles'!$G$22=$B$17,14,0)+IF('Standard Profiles'!$G$22=$B$24,21,0),0)),0)</f>
        <v>0</v>
      </c>
      <c r="I6391">
        <f t="shared" si="713"/>
        <v>7.7181189318498183E-2</v>
      </c>
      <c r="J6391">
        <f t="shared" si="714"/>
        <v>0.25727063106166065</v>
      </c>
      <c r="K6391">
        <f t="shared" si="715"/>
        <v>0.385905946592491</v>
      </c>
      <c r="L6391">
        <f t="shared" si="716"/>
        <v>5.3535042034638822</v>
      </c>
      <c r="M6391">
        <f t="shared" si="717"/>
        <v>0</v>
      </c>
      <c r="N6391" s="46">
        <f t="shared" si="718"/>
        <v>45556.874999984582</v>
      </c>
    </row>
    <row r="6392" spans="2:14" x14ac:dyDescent="0.3">
      <c r="B6392">
        <f t="shared" si="712"/>
        <v>6</v>
      </c>
      <c r="C6392" s="16">
        <v>6358</v>
      </c>
      <c r="D6392" cm="1">
        <f t="array" ref="D6392">IFERROR(INDEX(Jesper!AH$2:AH$366,ROUNDDOWN($C6392/24,0)+1,1)*INDEX($D$3:$AA$30,INDEX(Jesper!$R$2:$R$366,ROW(INDEX(Jesper!AH$2:AH$366,ROUNDDOWN($C6392/24,0)+1,1))-1)+IF('Standard Profiles'!$G$18=$B$10,7,0)+IF('Standard Profiles'!$G$18=$B$17,14,0)+IF('Standard Profiles'!$G$18=$B$24,21,0),MOD($C6392,24)+1)/SUM(INDEX($D$3:$AA$30,INDEX(Jesper!$R$2:$R$366,ROW(INDEX(Jesper!AH$2:AH$366,ROUNDDOWN($C6392/24,0)+1,1))-1)+IF('Standard Profiles'!$G$18=$B$10,7,0)+IF('Standard Profiles'!$G$18=$B$17,14,0)+IF('Standard Profiles'!$G$18=$B$24,21,0),0)),0)</f>
        <v>5.2171507690012024</v>
      </c>
      <c r="E6392" cm="1">
        <f t="array" ref="E6392">IFERROR(INDEX(Jesper!AI$2:AI$366,ROUNDDOWN($C6392/24,0)+1,1)*INDEX($D$3:$AA$30,INDEX(Jesper!$R$2:$R$366,ROW(INDEX(Jesper!AI$2:AI$366,ROUNDDOWN($C6392/24,0)+1,1))-1)+IF('Standard Profiles'!$G$19=$B$10,7,0)+IF('Standard Profiles'!$G$19=$B$17,14,0)+IF('Standard Profiles'!$G$19=$B$24,21,0),MOD($C6392,24)+1)/SUM(INDEX($D$3:$AA$30,INDEX(Jesper!$R$2:$R$366,ROW(INDEX(Jesper!AI$2:AI$366,ROUNDDOWN($C6392/24,0)+1,1))-1)+IF('Standard Profiles'!$G$19=$B$10,7,0)+IF('Standard Profiles'!$G$19=$B$17,14,0)+IF('Standard Profiles'!$G$19=$B$24,21,0),0)),0)</f>
        <v>0.85671120143532964</v>
      </c>
      <c r="F6392" cm="1">
        <f t="array" ref="F6392">IFERROR(INDEX(Jesper!AJ$2:AJ$366,ROUNDDOWN($C6392/24,0)+1,1)*INDEX($D$3:$AA$30,INDEX(Jesper!$R$2:$R$366,ROW(INDEX(Jesper!AJ$2:AJ$366,ROUNDDOWN($C6392/24,0)+1,1))-1)+IF('Standard Profiles'!$G$20=$B$10,7,0)+IF('Standard Profiles'!$G$20=$B$17,14,0)+IF('Standard Profiles'!$G$20=$B$24,21,0),MOD($C6392,24)+1)/SUM(INDEX($D$3:$AA$30,INDEX(Jesper!$R$2:$R$366,ROW(INDEX(Jesper!AJ$2:AJ$366,ROUNDDOWN($C6392/24,0)+1,1))-1)+IF('Standard Profiles'!$G$20=$B$10,7,0)+IF('Standard Profiles'!$G$20=$B$17,14,0)+IF('Standard Profiles'!$G$20=$B$24,21,0),0)),0)</f>
        <v>0</v>
      </c>
      <c r="G6392" cm="1">
        <f t="array" ref="G6392">IFERROR(INDEX(Jesper!AK$2:AK$366,ROUNDDOWN($C6392/24,0)+1,1)*INDEX($D$3:$AA$30,INDEX(Jesper!$R$2:$R$366,ROW(INDEX(Jesper!AK$2:AK$366,ROUNDDOWN($C6392/24,0)+1,1))-1)+IF('Standard Profiles'!$G$21=$B$10,7,0)+IF('Standard Profiles'!$G$21=$B$17,14,0)+IF('Standard Profiles'!$G$21=$B$24,21,0),MOD($C6392,24)+1)/SUM(INDEX($D$3:$AA$30,INDEX(Jesper!$R$2:$R$366,ROW(INDEX(Jesper!AK$2:AK$366,ROUNDDOWN($C6392/24,0)+1,1))-1)+IF('Standard Profiles'!$G$21=$B$10,7,0)+IF('Standard Profiles'!$G$21=$B$17,14,0)+IF('Standard Profiles'!$G$21=$B$24,21,0),0)),0)</f>
        <v>0</v>
      </c>
      <c r="H6392" cm="1">
        <f t="array" ref="H6392">IFERROR(INDEX(Jesper!AL$2:AL$366,ROUNDDOWN($C6392/24,0)+1,1)*INDEX($D$3:$AA$30,INDEX(Jesper!$R$2:$R$366,ROW(INDEX(Jesper!AL$2:AL$366,ROUNDDOWN($C6392/24,0)+1,1))-1)+IF('Standard Profiles'!$G$22=$B$10,7,0)+IF('Standard Profiles'!$G$22=$B$17,14,0)+IF('Standard Profiles'!$G$22=$B$24,21,0),MOD($C6392,24)+1)/SUM(INDEX($D$3:$AA$30,INDEX(Jesper!$R$2:$R$366,ROW(INDEX(Jesper!AL$2:AL$366,ROUNDDOWN($C6392/24,0)+1,1))-1)+IF('Standard Profiles'!$G$22=$B$10,7,0)+IF('Standard Profiles'!$G$22=$B$17,14,0)+IF('Standard Profiles'!$G$22=$B$24,21,0),0)),0)</f>
        <v>0</v>
      </c>
      <c r="I6392">
        <f t="shared" si="713"/>
        <v>7.7181189318498183E-2</v>
      </c>
      <c r="J6392">
        <f t="shared" si="714"/>
        <v>0.25727063106166065</v>
      </c>
      <c r="K6392">
        <f t="shared" si="715"/>
        <v>0.385905946592491</v>
      </c>
      <c r="L6392">
        <f t="shared" si="716"/>
        <v>5.3535042034638822</v>
      </c>
      <c r="M6392">
        <f t="shared" si="717"/>
        <v>0</v>
      </c>
      <c r="N6392" s="46">
        <f t="shared" si="718"/>
        <v>45556.916666651246</v>
      </c>
    </row>
    <row r="6393" spans="2:14" x14ac:dyDescent="0.3">
      <c r="B6393">
        <f t="shared" si="712"/>
        <v>6</v>
      </c>
      <c r="C6393" s="16">
        <v>6359</v>
      </c>
      <c r="D6393" cm="1">
        <f t="array" ref="D6393">IFERROR(INDEX(Jesper!AH$2:AH$366,ROUNDDOWN($C6393/24,0)+1,1)*INDEX($D$3:$AA$30,INDEX(Jesper!$R$2:$R$366,ROW(INDEX(Jesper!AH$2:AH$366,ROUNDDOWN($C6393/24,0)+1,1))-1)+IF('Standard Profiles'!$G$18=$B$10,7,0)+IF('Standard Profiles'!$G$18=$B$17,14,0)+IF('Standard Profiles'!$G$18=$B$24,21,0),MOD($C6393,24)+1)/SUM(INDEX($D$3:$AA$30,INDEX(Jesper!$R$2:$R$366,ROW(INDEX(Jesper!AH$2:AH$366,ROUNDDOWN($C6393/24,0)+1,1))-1)+IF('Standard Profiles'!$G$18=$B$10,7,0)+IF('Standard Profiles'!$G$18=$B$17,14,0)+IF('Standard Profiles'!$G$18=$B$24,21,0),0)),0)</f>
        <v>5.2171507690012024</v>
      </c>
      <c r="E6393" cm="1">
        <f t="array" ref="E6393">IFERROR(INDEX(Jesper!AI$2:AI$366,ROUNDDOWN($C6393/24,0)+1,1)*INDEX($D$3:$AA$30,INDEX(Jesper!$R$2:$R$366,ROW(INDEX(Jesper!AI$2:AI$366,ROUNDDOWN($C6393/24,0)+1,1))-1)+IF('Standard Profiles'!$G$19=$B$10,7,0)+IF('Standard Profiles'!$G$19=$B$17,14,0)+IF('Standard Profiles'!$G$19=$B$24,21,0),MOD($C6393,24)+1)/SUM(INDEX($D$3:$AA$30,INDEX(Jesper!$R$2:$R$366,ROW(INDEX(Jesper!AI$2:AI$366,ROUNDDOWN($C6393/24,0)+1,1))-1)+IF('Standard Profiles'!$G$19=$B$10,7,0)+IF('Standard Profiles'!$G$19=$B$17,14,0)+IF('Standard Profiles'!$G$19=$B$24,21,0),0)),0)</f>
        <v>0.85671120143532964</v>
      </c>
      <c r="F6393" cm="1">
        <f t="array" ref="F6393">IFERROR(INDEX(Jesper!AJ$2:AJ$366,ROUNDDOWN($C6393/24,0)+1,1)*INDEX($D$3:$AA$30,INDEX(Jesper!$R$2:$R$366,ROW(INDEX(Jesper!AJ$2:AJ$366,ROUNDDOWN($C6393/24,0)+1,1))-1)+IF('Standard Profiles'!$G$20=$B$10,7,0)+IF('Standard Profiles'!$G$20=$B$17,14,0)+IF('Standard Profiles'!$G$20=$B$24,21,0),MOD($C6393,24)+1)/SUM(INDEX($D$3:$AA$30,INDEX(Jesper!$R$2:$R$366,ROW(INDEX(Jesper!AJ$2:AJ$366,ROUNDDOWN($C6393/24,0)+1,1))-1)+IF('Standard Profiles'!$G$20=$B$10,7,0)+IF('Standard Profiles'!$G$20=$B$17,14,0)+IF('Standard Profiles'!$G$20=$B$24,21,0),0)),0)</f>
        <v>0</v>
      </c>
      <c r="G6393" cm="1">
        <f t="array" ref="G6393">IFERROR(INDEX(Jesper!AK$2:AK$366,ROUNDDOWN($C6393/24,0)+1,1)*INDEX($D$3:$AA$30,INDEX(Jesper!$R$2:$R$366,ROW(INDEX(Jesper!AK$2:AK$366,ROUNDDOWN($C6393/24,0)+1,1))-1)+IF('Standard Profiles'!$G$21=$B$10,7,0)+IF('Standard Profiles'!$G$21=$B$17,14,0)+IF('Standard Profiles'!$G$21=$B$24,21,0),MOD($C6393,24)+1)/SUM(INDEX($D$3:$AA$30,INDEX(Jesper!$R$2:$R$366,ROW(INDEX(Jesper!AK$2:AK$366,ROUNDDOWN($C6393/24,0)+1,1))-1)+IF('Standard Profiles'!$G$21=$B$10,7,0)+IF('Standard Profiles'!$G$21=$B$17,14,0)+IF('Standard Profiles'!$G$21=$B$24,21,0),0)),0)</f>
        <v>0</v>
      </c>
      <c r="H6393" cm="1">
        <f t="array" ref="H6393">IFERROR(INDEX(Jesper!AL$2:AL$366,ROUNDDOWN($C6393/24,0)+1,1)*INDEX($D$3:$AA$30,INDEX(Jesper!$R$2:$R$366,ROW(INDEX(Jesper!AL$2:AL$366,ROUNDDOWN($C6393/24,0)+1,1))-1)+IF('Standard Profiles'!$G$22=$B$10,7,0)+IF('Standard Profiles'!$G$22=$B$17,14,0)+IF('Standard Profiles'!$G$22=$B$24,21,0),MOD($C6393,24)+1)/SUM(INDEX($D$3:$AA$30,INDEX(Jesper!$R$2:$R$366,ROW(INDEX(Jesper!AL$2:AL$366,ROUNDDOWN($C6393/24,0)+1,1))-1)+IF('Standard Profiles'!$G$22=$B$10,7,0)+IF('Standard Profiles'!$G$22=$B$17,14,0)+IF('Standard Profiles'!$G$22=$B$24,21,0),0)),0)</f>
        <v>0</v>
      </c>
      <c r="I6393">
        <f t="shared" si="713"/>
        <v>7.7181189318498183E-2</v>
      </c>
      <c r="J6393">
        <f t="shared" si="714"/>
        <v>0.25727063106166065</v>
      </c>
      <c r="K6393">
        <f t="shared" si="715"/>
        <v>0.385905946592491</v>
      </c>
      <c r="L6393">
        <f t="shared" si="716"/>
        <v>5.3535042034638822</v>
      </c>
      <c r="M6393">
        <f t="shared" si="717"/>
        <v>0</v>
      </c>
      <c r="N6393" s="46">
        <f t="shared" si="718"/>
        <v>45556.958333317911</v>
      </c>
    </row>
    <row r="6394" spans="2:14" x14ac:dyDescent="0.3">
      <c r="B6394">
        <f t="shared" si="712"/>
        <v>7</v>
      </c>
      <c r="C6394" s="16">
        <v>6360</v>
      </c>
      <c r="D6394" cm="1">
        <f t="array" ref="D6394">IFERROR(INDEX(Jesper!AH$2:AH$366,ROUNDDOWN($C6394/24,0)+1,1)*INDEX($D$3:$AA$30,INDEX(Jesper!$R$2:$R$366,ROW(INDEX(Jesper!AH$2:AH$366,ROUNDDOWN($C6394/24,0)+1,1))-1)+IF('Standard Profiles'!$G$18=$B$10,7,0)+IF('Standard Profiles'!$G$18=$B$17,14,0)+IF('Standard Profiles'!$G$18=$B$24,21,0),MOD($C6394,24)+1)/SUM(INDEX($D$3:$AA$30,INDEX(Jesper!$R$2:$R$366,ROW(INDEX(Jesper!AH$2:AH$366,ROUNDDOWN($C6394/24,0)+1,1))-1)+IF('Standard Profiles'!$G$18=$B$10,7,0)+IF('Standard Profiles'!$G$18=$B$17,14,0)+IF('Standard Profiles'!$G$18=$B$24,21,0),0)),0)</f>
        <v>6.0608154484266992</v>
      </c>
      <c r="E6394" cm="1">
        <f t="array" ref="E6394">IFERROR(INDEX(Jesper!AI$2:AI$366,ROUNDDOWN($C6394/24,0)+1,1)*INDEX($D$3:$AA$30,INDEX(Jesper!$R$2:$R$366,ROW(INDEX(Jesper!AI$2:AI$366,ROUNDDOWN($C6394/24,0)+1,1))-1)+IF('Standard Profiles'!$G$19=$B$10,7,0)+IF('Standard Profiles'!$G$19=$B$17,14,0)+IF('Standard Profiles'!$G$19=$B$24,21,0),MOD($C6394,24)+1)/SUM(INDEX($D$3:$AA$30,INDEX(Jesper!$R$2:$R$366,ROW(INDEX(Jesper!AI$2:AI$366,ROUNDDOWN($C6394/24,0)+1,1))-1)+IF('Standard Profiles'!$G$19=$B$10,7,0)+IF('Standard Profiles'!$G$19=$B$17,14,0)+IF('Standard Profiles'!$G$19=$B$24,21,0),0)),0)</f>
        <v>1.0438277352821488</v>
      </c>
      <c r="F6394" cm="1">
        <f t="array" ref="F6394">IFERROR(INDEX(Jesper!AJ$2:AJ$366,ROUNDDOWN($C6394/24,0)+1,1)*INDEX($D$3:$AA$30,INDEX(Jesper!$R$2:$R$366,ROW(INDEX(Jesper!AJ$2:AJ$366,ROUNDDOWN($C6394/24,0)+1,1))-1)+IF('Standard Profiles'!$G$20=$B$10,7,0)+IF('Standard Profiles'!$G$20=$B$17,14,0)+IF('Standard Profiles'!$G$20=$B$24,21,0),MOD($C6394,24)+1)/SUM(INDEX($D$3:$AA$30,INDEX(Jesper!$R$2:$R$366,ROW(INDEX(Jesper!AJ$2:AJ$366,ROUNDDOWN($C6394/24,0)+1,1))-1)+IF('Standard Profiles'!$G$20=$B$10,7,0)+IF('Standard Profiles'!$G$20=$B$17,14,0)+IF('Standard Profiles'!$G$20=$B$24,21,0),0)),0)</f>
        <v>0</v>
      </c>
      <c r="G6394" cm="1">
        <f t="array" ref="G6394">IFERROR(INDEX(Jesper!AK$2:AK$366,ROUNDDOWN($C6394/24,0)+1,1)*INDEX($D$3:$AA$30,INDEX(Jesper!$R$2:$R$366,ROW(INDEX(Jesper!AK$2:AK$366,ROUNDDOWN($C6394/24,0)+1,1))-1)+IF('Standard Profiles'!$G$21=$B$10,7,0)+IF('Standard Profiles'!$G$21=$B$17,14,0)+IF('Standard Profiles'!$G$21=$B$24,21,0),MOD($C6394,24)+1)/SUM(INDEX($D$3:$AA$30,INDEX(Jesper!$R$2:$R$366,ROW(INDEX(Jesper!AK$2:AK$366,ROUNDDOWN($C6394/24,0)+1,1))-1)+IF('Standard Profiles'!$G$21=$B$10,7,0)+IF('Standard Profiles'!$G$21=$B$17,14,0)+IF('Standard Profiles'!$G$21=$B$24,21,0),0)),0)</f>
        <v>0</v>
      </c>
      <c r="H6394" cm="1">
        <f t="array" ref="H6394">IFERROR(INDEX(Jesper!AL$2:AL$366,ROUNDDOWN($C6394/24,0)+1,1)*INDEX($D$3:$AA$30,INDEX(Jesper!$R$2:$R$366,ROW(INDEX(Jesper!AL$2:AL$366,ROUNDDOWN($C6394/24,0)+1,1))-1)+IF('Standard Profiles'!$G$22=$B$10,7,0)+IF('Standard Profiles'!$G$22=$B$17,14,0)+IF('Standard Profiles'!$G$22=$B$24,21,0),MOD($C6394,24)+1)/SUM(INDEX($D$3:$AA$30,INDEX(Jesper!$R$2:$R$366,ROW(INDEX(Jesper!AL$2:AL$366,ROUNDDOWN($C6394/24,0)+1,1))-1)+IF('Standard Profiles'!$G$22=$B$10,7,0)+IF('Standard Profiles'!$G$22=$B$17,14,0)+IF('Standard Profiles'!$G$22=$B$24,21,0),0)),0)</f>
        <v>0</v>
      </c>
      <c r="I6394">
        <f t="shared" si="713"/>
        <v>9.4038534710103525E-2</v>
      </c>
      <c r="J6394">
        <f t="shared" si="714"/>
        <v>0.31346178236701178</v>
      </c>
      <c r="K6394">
        <f t="shared" si="715"/>
        <v>0.47019267355051764</v>
      </c>
      <c r="L6394">
        <f t="shared" si="716"/>
        <v>6.2269501930812154</v>
      </c>
      <c r="M6394">
        <f t="shared" si="717"/>
        <v>0</v>
      </c>
      <c r="N6394" s="46">
        <f t="shared" si="718"/>
        <v>45556.999999984575</v>
      </c>
    </row>
    <row r="6395" spans="2:14" x14ac:dyDescent="0.3">
      <c r="B6395">
        <f t="shared" si="712"/>
        <v>7</v>
      </c>
      <c r="C6395" s="16">
        <v>6361</v>
      </c>
      <c r="D6395" cm="1">
        <f t="array" ref="D6395">IFERROR(INDEX(Jesper!AH$2:AH$366,ROUNDDOWN($C6395/24,0)+1,1)*INDEX($D$3:$AA$30,INDEX(Jesper!$R$2:$R$366,ROW(INDEX(Jesper!AH$2:AH$366,ROUNDDOWN($C6395/24,0)+1,1))-1)+IF('Standard Profiles'!$G$18=$B$10,7,0)+IF('Standard Profiles'!$G$18=$B$17,14,0)+IF('Standard Profiles'!$G$18=$B$24,21,0),MOD($C6395,24)+1)/SUM(INDEX($D$3:$AA$30,INDEX(Jesper!$R$2:$R$366,ROW(INDEX(Jesper!AH$2:AH$366,ROUNDDOWN($C6395/24,0)+1,1))-1)+IF('Standard Profiles'!$G$18=$B$10,7,0)+IF('Standard Profiles'!$G$18=$B$17,14,0)+IF('Standard Profiles'!$G$18=$B$24,21,0),0)),0)</f>
        <v>7.0383663272051979</v>
      </c>
      <c r="E6395" cm="1">
        <f t="array" ref="E6395">IFERROR(INDEX(Jesper!AI$2:AI$366,ROUNDDOWN($C6395/24,0)+1,1)*INDEX($D$3:$AA$30,INDEX(Jesper!$R$2:$R$366,ROW(INDEX(Jesper!AI$2:AI$366,ROUNDDOWN($C6395/24,0)+1,1))-1)+IF('Standard Profiles'!$G$19=$B$10,7,0)+IF('Standard Profiles'!$G$19=$B$17,14,0)+IF('Standard Profiles'!$G$19=$B$24,21,0),MOD($C6395,24)+1)/SUM(INDEX($D$3:$AA$30,INDEX(Jesper!$R$2:$R$366,ROW(INDEX(Jesper!AI$2:AI$366,ROUNDDOWN($C6395/24,0)+1,1))-1)+IF('Standard Profiles'!$G$19=$B$10,7,0)+IF('Standard Profiles'!$G$19=$B$17,14,0)+IF('Standard Profiles'!$G$19=$B$24,21,0),0)),0)</f>
        <v>1.212187047424431</v>
      </c>
      <c r="F6395" cm="1">
        <f t="array" ref="F6395">IFERROR(INDEX(Jesper!AJ$2:AJ$366,ROUNDDOWN($C6395/24,0)+1,1)*INDEX($D$3:$AA$30,INDEX(Jesper!$R$2:$R$366,ROW(INDEX(Jesper!AJ$2:AJ$366,ROUNDDOWN($C6395/24,0)+1,1))-1)+IF('Standard Profiles'!$G$20=$B$10,7,0)+IF('Standard Profiles'!$G$20=$B$17,14,0)+IF('Standard Profiles'!$G$20=$B$24,21,0),MOD($C6395,24)+1)/SUM(INDEX($D$3:$AA$30,INDEX(Jesper!$R$2:$R$366,ROW(INDEX(Jesper!AJ$2:AJ$366,ROUNDDOWN($C6395/24,0)+1,1))-1)+IF('Standard Profiles'!$G$20=$B$10,7,0)+IF('Standard Profiles'!$G$20=$B$17,14,0)+IF('Standard Profiles'!$G$20=$B$24,21,0),0)),0)</f>
        <v>0</v>
      </c>
      <c r="G6395" cm="1">
        <f t="array" ref="G6395">IFERROR(INDEX(Jesper!AK$2:AK$366,ROUNDDOWN($C6395/24,0)+1,1)*INDEX($D$3:$AA$30,INDEX(Jesper!$R$2:$R$366,ROW(INDEX(Jesper!AK$2:AK$366,ROUNDDOWN($C6395/24,0)+1,1))-1)+IF('Standard Profiles'!$G$21=$B$10,7,0)+IF('Standard Profiles'!$G$21=$B$17,14,0)+IF('Standard Profiles'!$G$21=$B$24,21,0),MOD($C6395,24)+1)/SUM(INDEX($D$3:$AA$30,INDEX(Jesper!$R$2:$R$366,ROW(INDEX(Jesper!AK$2:AK$366,ROUNDDOWN($C6395/24,0)+1,1))-1)+IF('Standard Profiles'!$G$21=$B$10,7,0)+IF('Standard Profiles'!$G$21=$B$17,14,0)+IF('Standard Profiles'!$G$21=$B$24,21,0),0)),0)</f>
        <v>0</v>
      </c>
      <c r="H6395" cm="1">
        <f t="array" ref="H6395">IFERROR(INDEX(Jesper!AL$2:AL$366,ROUNDDOWN($C6395/24,0)+1,1)*INDEX($D$3:$AA$30,INDEX(Jesper!$R$2:$R$366,ROW(INDEX(Jesper!AL$2:AL$366,ROUNDDOWN($C6395/24,0)+1,1))-1)+IF('Standard Profiles'!$G$22=$B$10,7,0)+IF('Standard Profiles'!$G$22=$B$17,14,0)+IF('Standard Profiles'!$G$22=$B$24,21,0),MOD($C6395,24)+1)/SUM(INDEX($D$3:$AA$30,INDEX(Jesper!$R$2:$R$366,ROW(INDEX(Jesper!AL$2:AL$366,ROUNDDOWN($C6395/24,0)+1,1))-1)+IF('Standard Profiles'!$G$22=$B$10,7,0)+IF('Standard Profiles'!$G$22=$B$17,14,0)+IF('Standard Profiles'!$G$22=$B$24,21,0),0)),0)</f>
        <v>0</v>
      </c>
      <c r="I6395">
        <f t="shared" si="713"/>
        <v>0.10920604030850732</v>
      </c>
      <c r="J6395">
        <f t="shared" si="714"/>
        <v>0.36402013436169112</v>
      </c>
      <c r="K6395">
        <f t="shared" si="715"/>
        <v>0.54603020154253668</v>
      </c>
      <c r="L6395">
        <f t="shared" si="716"/>
        <v>7.2312969984168936</v>
      </c>
      <c r="M6395">
        <f t="shared" si="717"/>
        <v>0</v>
      </c>
      <c r="N6395" s="46">
        <f t="shared" si="718"/>
        <v>45557.041666651239</v>
      </c>
    </row>
    <row r="6396" spans="2:14" x14ac:dyDescent="0.3">
      <c r="B6396">
        <f t="shared" si="712"/>
        <v>7</v>
      </c>
      <c r="C6396" s="16">
        <v>6362</v>
      </c>
      <c r="D6396" cm="1">
        <f t="array" ref="D6396">IFERROR(INDEX(Jesper!AH$2:AH$366,ROUNDDOWN($C6396/24,0)+1,1)*INDEX($D$3:$AA$30,INDEX(Jesper!$R$2:$R$366,ROW(INDEX(Jesper!AH$2:AH$366,ROUNDDOWN($C6396/24,0)+1,1))-1)+IF('Standard Profiles'!$G$18=$B$10,7,0)+IF('Standard Profiles'!$G$18=$B$17,14,0)+IF('Standard Profiles'!$G$18=$B$24,21,0),MOD($C6396,24)+1)/SUM(INDEX($D$3:$AA$30,INDEX(Jesper!$R$2:$R$366,ROW(INDEX(Jesper!AH$2:AH$366,ROUNDDOWN($C6396/24,0)+1,1))-1)+IF('Standard Profiles'!$G$18=$B$10,7,0)+IF('Standard Profiles'!$G$18=$B$17,14,0)+IF('Standard Profiles'!$G$18=$B$24,21,0),0)),0)</f>
        <v>7.0383663272051979</v>
      </c>
      <c r="E6396" cm="1">
        <f t="array" ref="E6396">IFERROR(INDEX(Jesper!AI$2:AI$366,ROUNDDOWN($C6396/24,0)+1,1)*INDEX($D$3:$AA$30,INDEX(Jesper!$R$2:$R$366,ROW(INDEX(Jesper!AI$2:AI$366,ROUNDDOWN($C6396/24,0)+1,1))-1)+IF('Standard Profiles'!$G$19=$B$10,7,0)+IF('Standard Profiles'!$G$19=$B$17,14,0)+IF('Standard Profiles'!$G$19=$B$24,21,0),MOD($C6396,24)+1)/SUM(INDEX($D$3:$AA$30,INDEX(Jesper!$R$2:$R$366,ROW(INDEX(Jesper!AI$2:AI$366,ROUNDDOWN($C6396/24,0)+1,1))-1)+IF('Standard Profiles'!$G$19=$B$10,7,0)+IF('Standard Profiles'!$G$19=$B$17,14,0)+IF('Standard Profiles'!$G$19=$B$24,21,0),0)),0)</f>
        <v>1.212187047424431</v>
      </c>
      <c r="F6396" cm="1">
        <f t="array" ref="F6396">IFERROR(INDEX(Jesper!AJ$2:AJ$366,ROUNDDOWN($C6396/24,0)+1,1)*INDEX($D$3:$AA$30,INDEX(Jesper!$R$2:$R$366,ROW(INDEX(Jesper!AJ$2:AJ$366,ROUNDDOWN($C6396/24,0)+1,1))-1)+IF('Standard Profiles'!$G$20=$B$10,7,0)+IF('Standard Profiles'!$G$20=$B$17,14,0)+IF('Standard Profiles'!$G$20=$B$24,21,0),MOD($C6396,24)+1)/SUM(INDEX($D$3:$AA$30,INDEX(Jesper!$R$2:$R$366,ROW(INDEX(Jesper!AJ$2:AJ$366,ROUNDDOWN($C6396/24,0)+1,1))-1)+IF('Standard Profiles'!$G$20=$B$10,7,0)+IF('Standard Profiles'!$G$20=$B$17,14,0)+IF('Standard Profiles'!$G$20=$B$24,21,0),0)),0)</f>
        <v>0</v>
      </c>
      <c r="G6396" cm="1">
        <f t="array" ref="G6396">IFERROR(INDEX(Jesper!AK$2:AK$366,ROUNDDOWN($C6396/24,0)+1,1)*INDEX($D$3:$AA$30,INDEX(Jesper!$R$2:$R$366,ROW(INDEX(Jesper!AK$2:AK$366,ROUNDDOWN($C6396/24,0)+1,1))-1)+IF('Standard Profiles'!$G$21=$B$10,7,0)+IF('Standard Profiles'!$G$21=$B$17,14,0)+IF('Standard Profiles'!$G$21=$B$24,21,0),MOD($C6396,24)+1)/SUM(INDEX($D$3:$AA$30,INDEX(Jesper!$R$2:$R$366,ROW(INDEX(Jesper!AK$2:AK$366,ROUNDDOWN($C6396/24,0)+1,1))-1)+IF('Standard Profiles'!$G$21=$B$10,7,0)+IF('Standard Profiles'!$G$21=$B$17,14,0)+IF('Standard Profiles'!$G$21=$B$24,21,0),0)),0)</f>
        <v>0</v>
      </c>
      <c r="H6396" cm="1">
        <f t="array" ref="H6396">IFERROR(INDEX(Jesper!AL$2:AL$366,ROUNDDOWN($C6396/24,0)+1,1)*INDEX($D$3:$AA$30,INDEX(Jesper!$R$2:$R$366,ROW(INDEX(Jesper!AL$2:AL$366,ROUNDDOWN($C6396/24,0)+1,1))-1)+IF('Standard Profiles'!$G$22=$B$10,7,0)+IF('Standard Profiles'!$G$22=$B$17,14,0)+IF('Standard Profiles'!$G$22=$B$24,21,0),MOD($C6396,24)+1)/SUM(INDEX($D$3:$AA$30,INDEX(Jesper!$R$2:$R$366,ROW(INDEX(Jesper!AL$2:AL$366,ROUNDDOWN($C6396/24,0)+1,1))-1)+IF('Standard Profiles'!$G$22=$B$10,7,0)+IF('Standard Profiles'!$G$22=$B$17,14,0)+IF('Standard Profiles'!$G$22=$B$24,21,0),0)),0)</f>
        <v>0</v>
      </c>
      <c r="I6396">
        <f t="shared" si="713"/>
        <v>0.10920604030850732</v>
      </c>
      <c r="J6396">
        <f t="shared" si="714"/>
        <v>0.36402013436169112</v>
      </c>
      <c r="K6396">
        <f t="shared" si="715"/>
        <v>0.54603020154253668</v>
      </c>
      <c r="L6396">
        <f t="shared" si="716"/>
        <v>7.2312969984168936</v>
      </c>
      <c r="M6396">
        <f t="shared" si="717"/>
        <v>0</v>
      </c>
      <c r="N6396" s="46">
        <f t="shared" si="718"/>
        <v>45557.083333317903</v>
      </c>
    </row>
    <row r="6397" spans="2:14" x14ac:dyDescent="0.3">
      <c r="B6397">
        <f t="shared" si="712"/>
        <v>7</v>
      </c>
      <c r="C6397" s="16">
        <v>6363</v>
      </c>
      <c r="D6397" cm="1">
        <f t="array" ref="D6397">IFERROR(INDEX(Jesper!AH$2:AH$366,ROUNDDOWN($C6397/24,0)+1,1)*INDEX($D$3:$AA$30,INDEX(Jesper!$R$2:$R$366,ROW(INDEX(Jesper!AH$2:AH$366,ROUNDDOWN($C6397/24,0)+1,1))-1)+IF('Standard Profiles'!$G$18=$B$10,7,0)+IF('Standard Profiles'!$G$18=$B$17,14,0)+IF('Standard Profiles'!$G$18=$B$24,21,0),MOD($C6397,24)+1)/SUM(INDEX($D$3:$AA$30,INDEX(Jesper!$R$2:$R$366,ROW(INDEX(Jesper!AH$2:AH$366,ROUNDDOWN($C6397/24,0)+1,1))-1)+IF('Standard Profiles'!$G$18=$B$10,7,0)+IF('Standard Profiles'!$G$18=$B$17,14,0)+IF('Standard Profiles'!$G$18=$B$24,21,0),0)),0)</f>
        <v>7.0383663272051979</v>
      </c>
      <c r="E6397" cm="1">
        <f t="array" ref="E6397">IFERROR(INDEX(Jesper!AI$2:AI$366,ROUNDDOWN($C6397/24,0)+1,1)*INDEX($D$3:$AA$30,INDEX(Jesper!$R$2:$R$366,ROW(INDEX(Jesper!AI$2:AI$366,ROUNDDOWN($C6397/24,0)+1,1))-1)+IF('Standard Profiles'!$G$19=$B$10,7,0)+IF('Standard Profiles'!$G$19=$B$17,14,0)+IF('Standard Profiles'!$G$19=$B$24,21,0),MOD($C6397,24)+1)/SUM(INDEX($D$3:$AA$30,INDEX(Jesper!$R$2:$R$366,ROW(INDEX(Jesper!AI$2:AI$366,ROUNDDOWN($C6397/24,0)+1,1))-1)+IF('Standard Profiles'!$G$19=$B$10,7,0)+IF('Standard Profiles'!$G$19=$B$17,14,0)+IF('Standard Profiles'!$G$19=$B$24,21,0),0)),0)</f>
        <v>1.212187047424431</v>
      </c>
      <c r="F6397" cm="1">
        <f t="array" ref="F6397">IFERROR(INDEX(Jesper!AJ$2:AJ$366,ROUNDDOWN($C6397/24,0)+1,1)*INDEX($D$3:$AA$30,INDEX(Jesper!$R$2:$R$366,ROW(INDEX(Jesper!AJ$2:AJ$366,ROUNDDOWN($C6397/24,0)+1,1))-1)+IF('Standard Profiles'!$G$20=$B$10,7,0)+IF('Standard Profiles'!$G$20=$B$17,14,0)+IF('Standard Profiles'!$G$20=$B$24,21,0),MOD($C6397,24)+1)/SUM(INDEX($D$3:$AA$30,INDEX(Jesper!$R$2:$R$366,ROW(INDEX(Jesper!AJ$2:AJ$366,ROUNDDOWN($C6397/24,0)+1,1))-1)+IF('Standard Profiles'!$G$20=$B$10,7,0)+IF('Standard Profiles'!$G$20=$B$17,14,0)+IF('Standard Profiles'!$G$20=$B$24,21,0),0)),0)</f>
        <v>0</v>
      </c>
      <c r="G6397" cm="1">
        <f t="array" ref="G6397">IFERROR(INDEX(Jesper!AK$2:AK$366,ROUNDDOWN($C6397/24,0)+1,1)*INDEX($D$3:$AA$30,INDEX(Jesper!$R$2:$R$366,ROW(INDEX(Jesper!AK$2:AK$366,ROUNDDOWN($C6397/24,0)+1,1))-1)+IF('Standard Profiles'!$G$21=$B$10,7,0)+IF('Standard Profiles'!$G$21=$B$17,14,0)+IF('Standard Profiles'!$G$21=$B$24,21,0),MOD($C6397,24)+1)/SUM(INDEX($D$3:$AA$30,INDEX(Jesper!$R$2:$R$366,ROW(INDEX(Jesper!AK$2:AK$366,ROUNDDOWN($C6397/24,0)+1,1))-1)+IF('Standard Profiles'!$G$21=$B$10,7,0)+IF('Standard Profiles'!$G$21=$B$17,14,0)+IF('Standard Profiles'!$G$21=$B$24,21,0),0)),0)</f>
        <v>0</v>
      </c>
      <c r="H6397" cm="1">
        <f t="array" ref="H6397">IFERROR(INDEX(Jesper!AL$2:AL$366,ROUNDDOWN($C6397/24,0)+1,1)*INDEX($D$3:$AA$30,INDEX(Jesper!$R$2:$R$366,ROW(INDEX(Jesper!AL$2:AL$366,ROUNDDOWN($C6397/24,0)+1,1))-1)+IF('Standard Profiles'!$G$22=$B$10,7,0)+IF('Standard Profiles'!$G$22=$B$17,14,0)+IF('Standard Profiles'!$G$22=$B$24,21,0),MOD($C6397,24)+1)/SUM(INDEX($D$3:$AA$30,INDEX(Jesper!$R$2:$R$366,ROW(INDEX(Jesper!AL$2:AL$366,ROUNDDOWN($C6397/24,0)+1,1))-1)+IF('Standard Profiles'!$G$22=$B$10,7,0)+IF('Standard Profiles'!$G$22=$B$17,14,0)+IF('Standard Profiles'!$G$22=$B$24,21,0),0)),0)</f>
        <v>0</v>
      </c>
      <c r="I6397">
        <f t="shared" si="713"/>
        <v>0.10920604030850732</v>
      </c>
      <c r="J6397">
        <f t="shared" si="714"/>
        <v>0.36402013436169112</v>
      </c>
      <c r="K6397">
        <f t="shared" si="715"/>
        <v>0.54603020154253668</v>
      </c>
      <c r="L6397">
        <f t="shared" si="716"/>
        <v>7.2312969984168936</v>
      </c>
      <c r="M6397">
        <f t="shared" si="717"/>
        <v>0</v>
      </c>
      <c r="N6397" s="46">
        <f t="shared" si="718"/>
        <v>45557.124999984568</v>
      </c>
    </row>
    <row r="6398" spans="2:14" x14ac:dyDescent="0.3">
      <c r="B6398">
        <f t="shared" si="712"/>
        <v>7</v>
      </c>
      <c r="C6398" s="16">
        <v>6364</v>
      </c>
      <c r="D6398" cm="1">
        <f t="array" ref="D6398">IFERROR(INDEX(Jesper!AH$2:AH$366,ROUNDDOWN($C6398/24,0)+1,1)*INDEX($D$3:$AA$30,INDEX(Jesper!$R$2:$R$366,ROW(INDEX(Jesper!AH$2:AH$366,ROUNDDOWN($C6398/24,0)+1,1))-1)+IF('Standard Profiles'!$G$18=$B$10,7,0)+IF('Standard Profiles'!$G$18=$B$17,14,0)+IF('Standard Profiles'!$G$18=$B$24,21,0),MOD($C6398,24)+1)/SUM(INDEX($D$3:$AA$30,INDEX(Jesper!$R$2:$R$366,ROW(INDEX(Jesper!AH$2:AH$366,ROUNDDOWN($C6398/24,0)+1,1))-1)+IF('Standard Profiles'!$G$18=$B$10,7,0)+IF('Standard Profiles'!$G$18=$B$17,14,0)+IF('Standard Profiles'!$G$18=$B$24,21,0),0)),0)</f>
        <v>7.0383663272051979</v>
      </c>
      <c r="E6398" cm="1">
        <f t="array" ref="E6398">IFERROR(INDEX(Jesper!AI$2:AI$366,ROUNDDOWN($C6398/24,0)+1,1)*INDEX($D$3:$AA$30,INDEX(Jesper!$R$2:$R$366,ROW(INDEX(Jesper!AI$2:AI$366,ROUNDDOWN($C6398/24,0)+1,1))-1)+IF('Standard Profiles'!$G$19=$B$10,7,0)+IF('Standard Profiles'!$G$19=$B$17,14,0)+IF('Standard Profiles'!$G$19=$B$24,21,0),MOD($C6398,24)+1)/SUM(INDEX($D$3:$AA$30,INDEX(Jesper!$R$2:$R$366,ROW(INDEX(Jesper!AI$2:AI$366,ROUNDDOWN($C6398/24,0)+1,1))-1)+IF('Standard Profiles'!$G$19=$B$10,7,0)+IF('Standard Profiles'!$G$19=$B$17,14,0)+IF('Standard Profiles'!$G$19=$B$24,21,0),0)),0)</f>
        <v>1.212187047424431</v>
      </c>
      <c r="F6398" cm="1">
        <f t="array" ref="F6398">IFERROR(INDEX(Jesper!AJ$2:AJ$366,ROUNDDOWN($C6398/24,0)+1,1)*INDEX($D$3:$AA$30,INDEX(Jesper!$R$2:$R$366,ROW(INDEX(Jesper!AJ$2:AJ$366,ROUNDDOWN($C6398/24,0)+1,1))-1)+IF('Standard Profiles'!$G$20=$B$10,7,0)+IF('Standard Profiles'!$G$20=$B$17,14,0)+IF('Standard Profiles'!$G$20=$B$24,21,0),MOD($C6398,24)+1)/SUM(INDEX($D$3:$AA$30,INDEX(Jesper!$R$2:$R$366,ROW(INDEX(Jesper!AJ$2:AJ$366,ROUNDDOWN($C6398/24,0)+1,1))-1)+IF('Standard Profiles'!$G$20=$B$10,7,0)+IF('Standard Profiles'!$G$20=$B$17,14,0)+IF('Standard Profiles'!$G$20=$B$24,21,0),0)),0)</f>
        <v>0</v>
      </c>
      <c r="G6398" cm="1">
        <f t="array" ref="G6398">IFERROR(INDEX(Jesper!AK$2:AK$366,ROUNDDOWN($C6398/24,0)+1,1)*INDEX($D$3:$AA$30,INDEX(Jesper!$R$2:$R$366,ROW(INDEX(Jesper!AK$2:AK$366,ROUNDDOWN($C6398/24,0)+1,1))-1)+IF('Standard Profiles'!$G$21=$B$10,7,0)+IF('Standard Profiles'!$G$21=$B$17,14,0)+IF('Standard Profiles'!$G$21=$B$24,21,0),MOD($C6398,24)+1)/SUM(INDEX($D$3:$AA$30,INDEX(Jesper!$R$2:$R$366,ROW(INDEX(Jesper!AK$2:AK$366,ROUNDDOWN($C6398/24,0)+1,1))-1)+IF('Standard Profiles'!$G$21=$B$10,7,0)+IF('Standard Profiles'!$G$21=$B$17,14,0)+IF('Standard Profiles'!$G$21=$B$24,21,0),0)),0)</f>
        <v>0</v>
      </c>
      <c r="H6398" cm="1">
        <f t="array" ref="H6398">IFERROR(INDEX(Jesper!AL$2:AL$366,ROUNDDOWN($C6398/24,0)+1,1)*INDEX($D$3:$AA$30,INDEX(Jesper!$R$2:$R$366,ROW(INDEX(Jesper!AL$2:AL$366,ROUNDDOWN($C6398/24,0)+1,1))-1)+IF('Standard Profiles'!$G$22=$B$10,7,0)+IF('Standard Profiles'!$G$22=$B$17,14,0)+IF('Standard Profiles'!$G$22=$B$24,21,0),MOD($C6398,24)+1)/SUM(INDEX($D$3:$AA$30,INDEX(Jesper!$R$2:$R$366,ROW(INDEX(Jesper!AL$2:AL$366,ROUNDDOWN($C6398/24,0)+1,1))-1)+IF('Standard Profiles'!$G$22=$B$10,7,0)+IF('Standard Profiles'!$G$22=$B$17,14,0)+IF('Standard Profiles'!$G$22=$B$24,21,0),0)),0)</f>
        <v>0</v>
      </c>
      <c r="I6398">
        <f t="shared" si="713"/>
        <v>0.10920604030850732</v>
      </c>
      <c r="J6398">
        <f t="shared" si="714"/>
        <v>0.36402013436169112</v>
      </c>
      <c r="K6398">
        <f t="shared" si="715"/>
        <v>0.54603020154253668</v>
      </c>
      <c r="L6398">
        <f t="shared" si="716"/>
        <v>7.2312969984168936</v>
      </c>
      <c r="M6398">
        <f t="shared" si="717"/>
        <v>0</v>
      </c>
      <c r="N6398" s="46">
        <f t="shared" si="718"/>
        <v>45557.166666651232</v>
      </c>
    </row>
    <row r="6399" spans="2:14" x14ac:dyDescent="0.3">
      <c r="B6399">
        <f t="shared" si="712"/>
        <v>7</v>
      </c>
      <c r="C6399" s="16">
        <v>6365</v>
      </c>
      <c r="D6399" cm="1">
        <f t="array" ref="D6399">IFERROR(INDEX(Jesper!AH$2:AH$366,ROUNDDOWN($C6399/24,0)+1,1)*INDEX($D$3:$AA$30,INDEX(Jesper!$R$2:$R$366,ROW(INDEX(Jesper!AH$2:AH$366,ROUNDDOWN($C6399/24,0)+1,1))-1)+IF('Standard Profiles'!$G$18=$B$10,7,0)+IF('Standard Profiles'!$G$18=$B$17,14,0)+IF('Standard Profiles'!$G$18=$B$24,21,0),MOD($C6399,24)+1)/SUM(INDEX($D$3:$AA$30,INDEX(Jesper!$R$2:$R$366,ROW(INDEX(Jesper!AH$2:AH$366,ROUNDDOWN($C6399/24,0)+1,1))-1)+IF('Standard Profiles'!$G$18=$B$10,7,0)+IF('Standard Profiles'!$G$18=$B$17,14,0)+IF('Standard Profiles'!$G$18=$B$24,21,0),0)),0)</f>
        <v>8.797957909006497</v>
      </c>
      <c r="E6399" cm="1">
        <f t="array" ref="E6399">IFERROR(INDEX(Jesper!AI$2:AI$366,ROUNDDOWN($C6399/24,0)+1,1)*INDEX($D$3:$AA$30,INDEX(Jesper!$R$2:$R$366,ROW(INDEX(Jesper!AI$2:AI$366,ROUNDDOWN($C6399/24,0)+1,1))-1)+IF('Standard Profiles'!$G$19=$B$10,7,0)+IF('Standard Profiles'!$G$19=$B$17,14,0)+IF('Standard Profiles'!$G$19=$B$24,21,0),MOD($C6399,24)+1)/SUM(INDEX($D$3:$AA$30,INDEX(Jesper!$R$2:$R$366,ROW(INDEX(Jesper!AI$2:AI$366,ROUNDDOWN($C6399/24,0)+1,1))-1)+IF('Standard Profiles'!$G$19=$B$10,7,0)+IF('Standard Profiles'!$G$19=$B$17,14,0)+IF('Standard Profiles'!$G$19=$B$24,21,0),0)),0)</f>
        <v>1.5152338092805386</v>
      </c>
      <c r="F6399" cm="1">
        <f t="array" ref="F6399">IFERROR(INDEX(Jesper!AJ$2:AJ$366,ROUNDDOWN($C6399/24,0)+1,1)*INDEX($D$3:$AA$30,INDEX(Jesper!$R$2:$R$366,ROW(INDEX(Jesper!AJ$2:AJ$366,ROUNDDOWN($C6399/24,0)+1,1))-1)+IF('Standard Profiles'!$G$20=$B$10,7,0)+IF('Standard Profiles'!$G$20=$B$17,14,0)+IF('Standard Profiles'!$G$20=$B$24,21,0),MOD($C6399,24)+1)/SUM(INDEX($D$3:$AA$30,INDEX(Jesper!$R$2:$R$366,ROW(INDEX(Jesper!AJ$2:AJ$366,ROUNDDOWN($C6399/24,0)+1,1))-1)+IF('Standard Profiles'!$G$20=$B$10,7,0)+IF('Standard Profiles'!$G$20=$B$17,14,0)+IF('Standard Profiles'!$G$20=$B$24,21,0),0)),0)</f>
        <v>0</v>
      </c>
      <c r="G6399" cm="1">
        <f t="array" ref="G6399">IFERROR(INDEX(Jesper!AK$2:AK$366,ROUNDDOWN($C6399/24,0)+1,1)*INDEX($D$3:$AA$30,INDEX(Jesper!$R$2:$R$366,ROW(INDEX(Jesper!AK$2:AK$366,ROUNDDOWN($C6399/24,0)+1,1))-1)+IF('Standard Profiles'!$G$21=$B$10,7,0)+IF('Standard Profiles'!$G$21=$B$17,14,0)+IF('Standard Profiles'!$G$21=$B$24,21,0),MOD($C6399,24)+1)/SUM(INDEX($D$3:$AA$30,INDEX(Jesper!$R$2:$R$366,ROW(INDEX(Jesper!AK$2:AK$366,ROUNDDOWN($C6399/24,0)+1,1))-1)+IF('Standard Profiles'!$G$21=$B$10,7,0)+IF('Standard Profiles'!$G$21=$B$17,14,0)+IF('Standard Profiles'!$G$21=$B$24,21,0),0)),0)</f>
        <v>0</v>
      </c>
      <c r="H6399" cm="1">
        <f t="array" ref="H6399">IFERROR(INDEX(Jesper!AL$2:AL$366,ROUNDDOWN($C6399/24,0)+1,1)*INDEX($D$3:$AA$30,INDEX(Jesper!$R$2:$R$366,ROW(INDEX(Jesper!AL$2:AL$366,ROUNDDOWN($C6399/24,0)+1,1))-1)+IF('Standard Profiles'!$G$22=$B$10,7,0)+IF('Standard Profiles'!$G$22=$B$17,14,0)+IF('Standard Profiles'!$G$22=$B$24,21,0),MOD($C6399,24)+1)/SUM(INDEX($D$3:$AA$30,INDEX(Jesper!$R$2:$R$366,ROW(INDEX(Jesper!AL$2:AL$366,ROUNDDOWN($C6399/24,0)+1,1))-1)+IF('Standard Profiles'!$G$22=$B$10,7,0)+IF('Standard Profiles'!$G$22=$B$17,14,0)+IF('Standard Profiles'!$G$22=$B$24,21,0),0)),0)</f>
        <v>0</v>
      </c>
      <c r="I6399">
        <f t="shared" si="713"/>
        <v>0.13650755038563414</v>
      </c>
      <c r="J6399">
        <f t="shared" si="714"/>
        <v>0.4550251679521139</v>
      </c>
      <c r="K6399">
        <f t="shared" si="715"/>
        <v>0.68253775192817079</v>
      </c>
      <c r="L6399">
        <f t="shared" si="716"/>
        <v>9.0391212480211163</v>
      </c>
      <c r="M6399">
        <f t="shared" si="717"/>
        <v>0</v>
      </c>
      <c r="N6399" s="46">
        <f t="shared" si="718"/>
        <v>45557.208333317896</v>
      </c>
    </row>
    <row r="6400" spans="2:14" x14ac:dyDescent="0.3">
      <c r="B6400">
        <f t="shared" si="712"/>
        <v>7</v>
      </c>
      <c r="C6400" s="16">
        <v>6366</v>
      </c>
      <c r="D6400" cm="1">
        <f t="array" ref="D6400">IFERROR(INDEX(Jesper!AH$2:AH$366,ROUNDDOWN($C6400/24,0)+1,1)*INDEX($D$3:$AA$30,INDEX(Jesper!$R$2:$R$366,ROW(INDEX(Jesper!AH$2:AH$366,ROUNDDOWN($C6400/24,0)+1,1))-1)+IF('Standard Profiles'!$G$18=$B$10,7,0)+IF('Standard Profiles'!$G$18=$B$17,14,0)+IF('Standard Profiles'!$G$18=$B$24,21,0),MOD($C6400,24)+1)/SUM(INDEX($D$3:$AA$30,INDEX(Jesper!$R$2:$R$366,ROW(INDEX(Jesper!AH$2:AH$366,ROUNDDOWN($C6400/24,0)+1,1))-1)+IF('Standard Profiles'!$G$18=$B$10,7,0)+IF('Standard Profiles'!$G$18=$B$17,14,0)+IF('Standard Profiles'!$G$18=$B$24,21,0),0)),0)</f>
        <v>10.362039315052099</v>
      </c>
      <c r="E6400" cm="1">
        <f t="array" ref="E6400">IFERROR(INDEX(Jesper!AI$2:AI$366,ROUNDDOWN($C6400/24,0)+1,1)*INDEX($D$3:$AA$30,INDEX(Jesper!$R$2:$R$366,ROW(INDEX(Jesper!AI$2:AI$366,ROUNDDOWN($C6400/24,0)+1,1))-1)+IF('Standard Profiles'!$G$19=$B$10,7,0)+IF('Standard Profiles'!$G$19=$B$17,14,0)+IF('Standard Profiles'!$G$19=$B$24,21,0),MOD($C6400,24)+1)/SUM(INDEX($D$3:$AA$30,INDEX(Jesper!$R$2:$R$366,ROW(INDEX(Jesper!AI$2:AI$366,ROUNDDOWN($C6400/24,0)+1,1))-1)+IF('Standard Profiles'!$G$19=$B$10,7,0)+IF('Standard Profiles'!$G$19=$B$17,14,0)+IF('Standard Profiles'!$G$19=$B$24,21,0),0)),0)</f>
        <v>1.7846087087081899</v>
      </c>
      <c r="F6400" cm="1">
        <f t="array" ref="F6400">IFERROR(INDEX(Jesper!AJ$2:AJ$366,ROUNDDOWN($C6400/24,0)+1,1)*INDEX($D$3:$AA$30,INDEX(Jesper!$R$2:$R$366,ROW(INDEX(Jesper!AJ$2:AJ$366,ROUNDDOWN($C6400/24,0)+1,1))-1)+IF('Standard Profiles'!$G$20=$B$10,7,0)+IF('Standard Profiles'!$G$20=$B$17,14,0)+IF('Standard Profiles'!$G$20=$B$24,21,0),MOD($C6400,24)+1)/SUM(INDEX($D$3:$AA$30,INDEX(Jesper!$R$2:$R$366,ROW(INDEX(Jesper!AJ$2:AJ$366,ROUNDDOWN($C6400/24,0)+1,1))-1)+IF('Standard Profiles'!$G$20=$B$10,7,0)+IF('Standard Profiles'!$G$20=$B$17,14,0)+IF('Standard Profiles'!$G$20=$B$24,21,0),0)),0)</f>
        <v>0</v>
      </c>
      <c r="G6400" cm="1">
        <f t="array" ref="G6400">IFERROR(INDEX(Jesper!AK$2:AK$366,ROUNDDOWN($C6400/24,0)+1,1)*INDEX($D$3:$AA$30,INDEX(Jesper!$R$2:$R$366,ROW(INDEX(Jesper!AK$2:AK$366,ROUNDDOWN($C6400/24,0)+1,1))-1)+IF('Standard Profiles'!$G$21=$B$10,7,0)+IF('Standard Profiles'!$G$21=$B$17,14,0)+IF('Standard Profiles'!$G$21=$B$24,21,0),MOD($C6400,24)+1)/SUM(INDEX($D$3:$AA$30,INDEX(Jesper!$R$2:$R$366,ROW(INDEX(Jesper!AK$2:AK$366,ROUNDDOWN($C6400/24,0)+1,1))-1)+IF('Standard Profiles'!$G$21=$B$10,7,0)+IF('Standard Profiles'!$G$21=$B$17,14,0)+IF('Standard Profiles'!$G$21=$B$24,21,0),0)),0)</f>
        <v>0</v>
      </c>
      <c r="H6400" cm="1">
        <f t="array" ref="H6400">IFERROR(INDEX(Jesper!AL$2:AL$366,ROUNDDOWN($C6400/24,0)+1,1)*INDEX($D$3:$AA$30,INDEX(Jesper!$R$2:$R$366,ROW(INDEX(Jesper!AL$2:AL$366,ROUNDDOWN($C6400/24,0)+1,1))-1)+IF('Standard Profiles'!$G$22=$B$10,7,0)+IF('Standard Profiles'!$G$22=$B$17,14,0)+IF('Standard Profiles'!$G$22=$B$24,21,0),MOD($C6400,24)+1)/SUM(INDEX($D$3:$AA$30,INDEX(Jesper!$R$2:$R$366,ROW(INDEX(Jesper!AL$2:AL$366,ROUNDDOWN($C6400/24,0)+1,1))-1)+IF('Standard Profiles'!$G$22=$B$10,7,0)+IF('Standard Profiles'!$G$22=$B$17,14,0)+IF('Standard Profiles'!$G$22=$B$24,21,0),0)),0)</f>
        <v>0</v>
      </c>
      <c r="I6400">
        <f t="shared" si="713"/>
        <v>0.16077555934308022</v>
      </c>
      <c r="J6400">
        <f t="shared" si="714"/>
        <v>0.53591853114360077</v>
      </c>
      <c r="K6400">
        <f t="shared" si="715"/>
        <v>0.80387779671540116</v>
      </c>
      <c r="L6400">
        <f t="shared" si="716"/>
        <v>10.646076136558207</v>
      </c>
      <c r="M6400">
        <f t="shared" si="717"/>
        <v>0</v>
      </c>
      <c r="N6400" s="46">
        <f t="shared" si="718"/>
        <v>45557.24999998456</v>
      </c>
    </row>
    <row r="6401" spans="2:14" x14ac:dyDescent="0.3">
      <c r="B6401">
        <f t="shared" si="712"/>
        <v>7</v>
      </c>
      <c r="C6401" s="16">
        <v>6367</v>
      </c>
      <c r="D6401" cm="1">
        <f t="array" ref="D6401">IFERROR(INDEX(Jesper!AH$2:AH$366,ROUNDDOWN($C6401/24,0)+1,1)*INDEX($D$3:$AA$30,INDEX(Jesper!$R$2:$R$366,ROW(INDEX(Jesper!AH$2:AH$366,ROUNDDOWN($C6401/24,0)+1,1))-1)+IF('Standard Profiles'!$G$18=$B$10,7,0)+IF('Standard Profiles'!$G$18=$B$17,14,0)+IF('Standard Profiles'!$G$18=$B$24,21,0),MOD($C6401,24)+1)/SUM(INDEX($D$3:$AA$30,INDEX(Jesper!$R$2:$R$366,ROW(INDEX(Jesper!AH$2:AH$366,ROUNDDOWN($C6401/24,0)+1,1))-1)+IF('Standard Profiles'!$G$18=$B$10,7,0)+IF('Standard Profiles'!$G$18=$B$17,14,0)+IF('Standard Profiles'!$G$18=$B$24,21,0),0)),0)</f>
        <v>12.317141072609097</v>
      </c>
      <c r="E6401" cm="1">
        <f t="array" ref="E6401">IFERROR(INDEX(Jesper!AI$2:AI$366,ROUNDDOWN($C6401/24,0)+1,1)*INDEX($D$3:$AA$30,INDEX(Jesper!$R$2:$R$366,ROW(INDEX(Jesper!AI$2:AI$366,ROUNDDOWN($C6401/24,0)+1,1))-1)+IF('Standard Profiles'!$G$19=$B$10,7,0)+IF('Standard Profiles'!$G$19=$B$17,14,0)+IF('Standard Profiles'!$G$19=$B$24,21,0),MOD($C6401,24)+1)/SUM(INDEX($D$3:$AA$30,INDEX(Jesper!$R$2:$R$366,ROW(INDEX(Jesper!AI$2:AI$366,ROUNDDOWN($C6401/24,0)+1,1))-1)+IF('Standard Profiles'!$G$19=$B$10,7,0)+IF('Standard Profiles'!$G$19=$B$17,14,0)+IF('Standard Profiles'!$G$19=$B$24,21,0),0)),0)</f>
        <v>2.1213273329927538</v>
      </c>
      <c r="F6401" cm="1">
        <f t="array" ref="F6401">IFERROR(INDEX(Jesper!AJ$2:AJ$366,ROUNDDOWN($C6401/24,0)+1,1)*INDEX($D$3:$AA$30,INDEX(Jesper!$R$2:$R$366,ROW(INDEX(Jesper!AJ$2:AJ$366,ROUNDDOWN($C6401/24,0)+1,1))-1)+IF('Standard Profiles'!$G$20=$B$10,7,0)+IF('Standard Profiles'!$G$20=$B$17,14,0)+IF('Standard Profiles'!$G$20=$B$24,21,0),MOD($C6401,24)+1)/SUM(INDEX($D$3:$AA$30,INDEX(Jesper!$R$2:$R$366,ROW(INDEX(Jesper!AJ$2:AJ$366,ROUNDDOWN($C6401/24,0)+1,1))-1)+IF('Standard Profiles'!$G$20=$B$10,7,0)+IF('Standard Profiles'!$G$20=$B$17,14,0)+IF('Standard Profiles'!$G$20=$B$24,21,0),0)),0)</f>
        <v>0</v>
      </c>
      <c r="G6401" cm="1">
        <f t="array" ref="G6401">IFERROR(INDEX(Jesper!AK$2:AK$366,ROUNDDOWN($C6401/24,0)+1,1)*INDEX($D$3:$AA$30,INDEX(Jesper!$R$2:$R$366,ROW(INDEX(Jesper!AK$2:AK$366,ROUNDDOWN($C6401/24,0)+1,1))-1)+IF('Standard Profiles'!$G$21=$B$10,7,0)+IF('Standard Profiles'!$G$21=$B$17,14,0)+IF('Standard Profiles'!$G$21=$B$24,21,0),MOD($C6401,24)+1)/SUM(INDEX($D$3:$AA$30,INDEX(Jesper!$R$2:$R$366,ROW(INDEX(Jesper!AK$2:AK$366,ROUNDDOWN($C6401/24,0)+1,1))-1)+IF('Standard Profiles'!$G$21=$B$10,7,0)+IF('Standard Profiles'!$G$21=$B$17,14,0)+IF('Standard Profiles'!$G$21=$B$24,21,0),0)),0)</f>
        <v>0</v>
      </c>
      <c r="H6401" cm="1">
        <f t="array" ref="H6401">IFERROR(INDEX(Jesper!AL$2:AL$366,ROUNDDOWN($C6401/24,0)+1,1)*INDEX($D$3:$AA$30,INDEX(Jesper!$R$2:$R$366,ROW(INDEX(Jesper!AL$2:AL$366,ROUNDDOWN($C6401/24,0)+1,1))-1)+IF('Standard Profiles'!$G$22=$B$10,7,0)+IF('Standard Profiles'!$G$22=$B$17,14,0)+IF('Standard Profiles'!$G$22=$B$24,21,0),MOD($C6401,24)+1)/SUM(INDEX($D$3:$AA$30,INDEX(Jesper!$R$2:$R$366,ROW(INDEX(Jesper!AL$2:AL$366,ROUNDDOWN($C6401/24,0)+1,1))-1)+IF('Standard Profiles'!$G$22=$B$10,7,0)+IF('Standard Profiles'!$G$22=$B$17,14,0)+IF('Standard Profiles'!$G$22=$B$24,21,0),0)),0)</f>
        <v>0</v>
      </c>
      <c r="I6401">
        <f t="shared" si="713"/>
        <v>0.19111057053988778</v>
      </c>
      <c r="J6401">
        <f t="shared" si="714"/>
        <v>0.63703523513295934</v>
      </c>
      <c r="K6401">
        <f t="shared" si="715"/>
        <v>0.95555285269943901</v>
      </c>
      <c r="L6401">
        <f t="shared" si="716"/>
        <v>12.654769747229565</v>
      </c>
      <c r="M6401">
        <f t="shared" si="717"/>
        <v>0</v>
      </c>
      <c r="N6401" s="46">
        <f t="shared" si="718"/>
        <v>45557.291666651225</v>
      </c>
    </row>
    <row r="6402" spans="2:14" x14ac:dyDescent="0.3">
      <c r="B6402">
        <f t="shared" si="712"/>
        <v>7</v>
      </c>
      <c r="C6402" s="16">
        <v>6368</v>
      </c>
      <c r="D6402" cm="1">
        <f t="array" ref="D6402">IFERROR(INDEX(Jesper!AH$2:AH$366,ROUNDDOWN($C6402/24,0)+1,1)*INDEX($D$3:$AA$30,INDEX(Jesper!$R$2:$R$366,ROW(INDEX(Jesper!AH$2:AH$366,ROUNDDOWN($C6402/24,0)+1,1))-1)+IF('Standard Profiles'!$G$18=$B$10,7,0)+IF('Standard Profiles'!$G$18=$B$17,14,0)+IF('Standard Profiles'!$G$18=$B$24,21,0),MOD($C6402,24)+1)/SUM(INDEX($D$3:$AA$30,INDEX(Jesper!$R$2:$R$366,ROW(INDEX(Jesper!AH$2:AH$366,ROUNDDOWN($C6402/24,0)+1,1))-1)+IF('Standard Profiles'!$G$18=$B$10,7,0)+IF('Standard Profiles'!$G$18=$B$17,14,0)+IF('Standard Profiles'!$G$18=$B$24,21,0),0)),0)</f>
        <v>12.317141072609097</v>
      </c>
      <c r="E6402" cm="1">
        <f t="array" ref="E6402">IFERROR(INDEX(Jesper!AI$2:AI$366,ROUNDDOWN($C6402/24,0)+1,1)*INDEX($D$3:$AA$30,INDEX(Jesper!$R$2:$R$366,ROW(INDEX(Jesper!AI$2:AI$366,ROUNDDOWN($C6402/24,0)+1,1))-1)+IF('Standard Profiles'!$G$19=$B$10,7,0)+IF('Standard Profiles'!$G$19=$B$17,14,0)+IF('Standard Profiles'!$G$19=$B$24,21,0),MOD($C6402,24)+1)/SUM(INDEX($D$3:$AA$30,INDEX(Jesper!$R$2:$R$366,ROW(INDEX(Jesper!AI$2:AI$366,ROUNDDOWN($C6402/24,0)+1,1))-1)+IF('Standard Profiles'!$G$19=$B$10,7,0)+IF('Standard Profiles'!$G$19=$B$17,14,0)+IF('Standard Profiles'!$G$19=$B$24,21,0),0)),0)</f>
        <v>2.1213273329927538</v>
      </c>
      <c r="F6402" cm="1">
        <f t="array" ref="F6402">IFERROR(INDEX(Jesper!AJ$2:AJ$366,ROUNDDOWN($C6402/24,0)+1,1)*INDEX($D$3:$AA$30,INDEX(Jesper!$R$2:$R$366,ROW(INDEX(Jesper!AJ$2:AJ$366,ROUNDDOWN($C6402/24,0)+1,1))-1)+IF('Standard Profiles'!$G$20=$B$10,7,0)+IF('Standard Profiles'!$G$20=$B$17,14,0)+IF('Standard Profiles'!$G$20=$B$24,21,0),MOD($C6402,24)+1)/SUM(INDEX($D$3:$AA$30,INDEX(Jesper!$R$2:$R$366,ROW(INDEX(Jesper!AJ$2:AJ$366,ROUNDDOWN($C6402/24,0)+1,1))-1)+IF('Standard Profiles'!$G$20=$B$10,7,0)+IF('Standard Profiles'!$G$20=$B$17,14,0)+IF('Standard Profiles'!$G$20=$B$24,21,0),0)),0)</f>
        <v>0</v>
      </c>
      <c r="G6402" cm="1">
        <f t="array" ref="G6402">IFERROR(INDEX(Jesper!AK$2:AK$366,ROUNDDOWN($C6402/24,0)+1,1)*INDEX($D$3:$AA$30,INDEX(Jesper!$R$2:$R$366,ROW(INDEX(Jesper!AK$2:AK$366,ROUNDDOWN($C6402/24,0)+1,1))-1)+IF('Standard Profiles'!$G$21=$B$10,7,0)+IF('Standard Profiles'!$G$21=$B$17,14,0)+IF('Standard Profiles'!$G$21=$B$24,21,0),MOD($C6402,24)+1)/SUM(INDEX($D$3:$AA$30,INDEX(Jesper!$R$2:$R$366,ROW(INDEX(Jesper!AK$2:AK$366,ROUNDDOWN($C6402/24,0)+1,1))-1)+IF('Standard Profiles'!$G$21=$B$10,7,0)+IF('Standard Profiles'!$G$21=$B$17,14,0)+IF('Standard Profiles'!$G$21=$B$24,21,0),0)),0)</f>
        <v>0</v>
      </c>
      <c r="H6402" cm="1">
        <f t="array" ref="H6402">IFERROR(INDEX(Jesper!AL$2:AL$366,ROUNDDOWN($C6402/24,0)+1,1)*INDEX($D$3:$AA$30,INDEX(Jesper!$R$2:$R$366,ROW(INDEX(Jesper!AL$2:AL$366,ROUNDDOWN($C6402/24,0)+1,1))-1)+IF('Standard Profiles'!$G$22=$B$10,7,0)+IF('Standard Profiles'!$G$22=$B$17,14,0)+IF('Standard Profiles'!$G$22=$B$24,21,0),MOD($C6402,24)+1)/SUM(INDEX($D$3:$AA$30,INDEX(Jesper!$R$2:$R$366,ROW(INDEX(Jesper!AL$2:AL$366,ROUNDDOWN($C6402/24,0)+1,1))-1)+IF('Standard Profiles'!$G$22=$B$10,7,0)+IF('Standard Profiles'!$G$22=$B$17,14,0)+IF('Standard Profiles'!$G$22=$B$24,21,0),0)),0)</f>
        <v>0</v>
      </c>
      <c r="I6402">
        <f t="shared" si="713"/>
        <v>0.19111057053988778</v>
      </c>
      <c r="J6402">
        <f t="shared" si="714"/>
        <v>0.63703523513295934</v>
      </c>
      <c r="K6402">
        <f t="shared" si="715"/>
        <v>0.95555285269943901</v>
      </c>
      <c r="L6402">
        <f t="shared" si="716"/>
        <v>12.654769747229565</v>
      </c>
      <c r="M6402">
        <f t="shared" si="717"/>
        <v>0</v>
      </c>
      <c r="N6402" s="46">
        <f t="shared" si="718"/>
        <v>45557.333333317889</v>
      </c>
    </row>
    <row r="6403" spans="2:14" x14ac:dyDescent="0.3">
      <c r="B6403">
        <f t="shared" si="712"/>
        <v>7</v>
      </c>
      <c r="C6403" s="16">
        <v>6369</v>
      </c>
      <c r="D6403" cm="1">
        <f t="array" ref="D6403">IFERROR(INDEX(Jesper!AH$2:AH$366,ROUNDDOWN($C6403/24,0)+1,1)*INDEX($D$3:$AA$30,INDEX(Jesper!$R$2:$R$366,ROW(INDEX(Jesper!AH$2:AH$366,ROUNDDOWN($C6403/24,0)+1,1))-1)+IF('Standard Profiles'!$G$18=$B$10,7,0)+IF('Standard Profiles'!$G$18=$B$17,14,0)+IF('Standard Profiles'!$G$18=$B$24,21,0),MOD($C6403,24)+1)/SUM(INDEX($D$3:$AA$30,INDEX(Jesper!$R$2:$R$366,ROW(INDEX(Jesper!AH$2:AH$366,ROUNDDOWN($C6403/24,0)+1,1))-1)+IF('Standard Profiles'!$G$18=$B$10,7,0)+IF('Standard Profiles'!$G$18=$B$17,14,0)+IF('Standard Profiles'!$G$18=$B$24,21,0),0)),0)</f>
        <v>12.317141072609097</v>
      </c>
      <c r="E6403" cm="1">
        <f t="array" ref="E6403">IFERROR(INDEX(Jesper!AI$2:AI$366,ROUNDDOWN($C6403/24,0)+1,1)*INDEX($D$3:$AA$30,INDEX(Jesper!$R$2:$R$366,ROW(INDEX(Jesper!AI$2:AI$366,ROUNDDOWN($C6403/24,0)+1,1))-1)+IF('Standard Profiles'!$G$19=$B$10,7,0)+IF('Standard Profiles'!$G$19=$B$17,14,0)+IF('Standard Profiles'!$G$19=$B$24,21,0),MOD($C6403,24)+1)/SUM(INDEX($D$3:$AA$30,INDEX(Jesper!$R$2:$R$366,ROW(INDEX(Jesper!AI$2:AI$366,ROUNDDOWN($C6403/24,0)+1,1))-1)+IF('Standard Profiles'!$G$19=$B$10,7,0)+IF('Standard Profiles'!$G$19=$B$17,14,0)+IF('Standard Profiles'!$G$19=$B$24,21,0),0)),0)</f>
        <v>2.1213273329927538</v>
      </c>
      <c r="F6403" cm="1">
        <f t="array" ref="F6403">IFERROR(INDEX(Jesper!AJ$2:AJ$366,ROUNDDOWN($C6403/24,0)+1,1)*INDEX($D$3:$AA$30,INDEX(Jesper!$R$2:$R$366,ROW(INDEX(Jesper!AJ$2:AJ$366,ROUNDDOWN($C6403/24,0)+1,1))-1)+IF('Standard Profiles'!$G$20=$B$10,7,0)+IF('Standard Profiles'!$G$20=$B$17,14,0)+IF('Standard Profiles'!$G$20=$B$24,21,0),MOD($C6403,24)+1)/SUM(INDEX($D$3:$AA$30,INDEX(Jesper!$R$2:$R$366,ROW(INDEX(Jesper!AJ$2:AJ$366,ROUNDDOWN($C6403/24,0)+1,1))-1)+IF('Standard Profiles'!$G$20=$B$10,7,0)+IF('Standard Profiles'!$G$20=$B$17,14,0)+IF('Standard Profiles'!$G$20=$B$24,21,0),0)),0)</f>
        <v>0</v>
      </c>
      <c r="G6403" cm="1">
        <f t="array" ref="G6403">IFERROR(INDEX(Jesper!AK$2:AK$366,ROUNDDOWN($C6403/24,0)+1,1)*INDEX($D$3:$AA$30,INDEX(Jesper!$R$2:$R$366,ROW(INDEX(Jesper!AK$2:AK$366,ROUNDDOWN($C6403/24,0)+1,1))-1)+IF('Standard Profiles'!$G$21=$B$10,7,0)+IF('Standard Profiles'!$G$21=$B$17,14,0)+IF('Standard Profiles'!$G$21=$B$24,21,0),MOD($C6403,24)+1)/SUM(INDEX($D$3:$AA$30,INDEX(Jesper!$R$2:$R$366,ROW(INDEX(Jesper!AK$2:AK$366,ROUNDDOWN($C6403/24,0)+1,1))-1)+IF('Standard Profiles'!$G$21=$B$10,7,0)+IF('Standard Profiles'!$G$21=$B$17,14,0)+IF('Standard Profiles'!$G$21=$B$24,21,0),0)),0)</f>
        <v>0</v>
      </c>
      <c r="H6403" cm="1">
        <f t="array" ref="H6403">IFERROR(INDEX(Jesper!AL$2:AL$366,ROUNDDOWN($C6403/24,0)+1,1)*INDEX($D$3:$AA$30,INDEX(Jesper!$R$2:$R$366,ROW(INDEX(Jesper!AL$2:AL$366,ROUNDDOWN($C6403/24,0)+1,1))-1)+IF('Standard Profiles'!$G$22=$B$10,7,0)+IF('Standard Profiles'!$G$22=$B$17,14,0)+IF('Standard Profiles'!$G$22=$B$24,21,0),MOD($C6403,24)+1)/SUM(INDEX($D$3:$AA$30,INDEX(Jesper!$R$2:$R$366,ROW(INDEX(Jesper!AL$2:AL$366,ROUNDDOWN($C6403/24,0)+1,1))-1)+IF('Standard Profiles'!$G$22=$B$10,7,0)+IF('Standard Profiles'!$G$22=$B$17,14,0)+IF('Standard Profiles'!$G$22=$B$24,21,0),0)),0)</f>
        <v>0</v>
      </c>
      <c r="I6403">
        <f t="shared" si="713"/>
        <v>0.19111057053988778</v>
      </c>
      <c r="J6403">
        <f t="shared" si="714"/>
        <v>0.63703523513295934</v>
      </c>
      <c r="K6403">
        <f t="shared" si="715"/>
        <v>0.95555285269943901</v>
      </c>
      <c r="L6403">
        <f t="shared" si="716"/>
        <v>12.654769747229565</v>
      </c>
      <c r="M6403">
        <f t="shared" si="717"/>
        <v>0</v>
      </c>
      <c r="N6403" s="46">
        <f t="shared" si="718"/>
        <v>45557.374999984553</v>
      </c>
    </row>
    <row r="6404" spans="2:14" x14ac:dyDescent="0.3">
      <c r="B6404">
        <f t="shared" si="712"/>
        <v>7</v>
      </c>
      <c r="C6404" s="16">
        <v>6370</v>
      </c>
      <c r="D6404" cm="1">
        <f t="array" ref="D6404">IFERROR(INDEX(Jesper!AH$2:AH$366,ROUNDDOWN($C6404/24,0)+1,1)*INDEX($D$3:$AA$30,INDEX(Jesper!$R$2:$R$366,ROW(INDEX(Jesper!AH$2:AH$366,ROUNDDOWN($C6404/24,0)+1,1))-1)+IF('Standard Profiles'!$G$18=$B$10,7,0)+IF('Standard Profiles'!$G$18=$B$17,14,0)+IF('Standard Profiles'!$G$18=$B$24,21,0),MOD($C6404,24)+1)/SUM(INDEX($D$3:$AA$30,INDEX(Jesper!$R$2:$R$366,ROW(INDEX(Jesper!AH$2:AH$366,ROUNDDOWN($C6404/24,0)+1,1))-1)+IF('Standard Profiles'!$G$18=$B$10,7,0)+IF('Standard Profiles'!$G$18=$B$17,14,0)+IF('Standard Profiles'!$G$18=$B$24,21,0),0)),0)</f>
        <v>12.317141072609097</v>
      </c>
      <c r="E6404" cm="1">
        <f t="array" ref="E6404">IFERROR(INDEX(Jesper!AI$2:AI$366,ROUNDDOWN($C6404/24,0)+1,1)*INDEX($D$3:$AA$30,INDEX(Jesper!$R$2:$R$366,ROW(INDEX(Jesper!AI$2:AI$366,ROUNDDOWN($C6404/24,0)+1,1))-1)+IF('Standard Profiles'!$G$19=$B$10,7,0)+IF('Standard Profiles'!$G$19=$B$17,14,0)+IF('Standard Profiles'!$G$19=$B$24,21,0),MOD($C6404,24)+1)/SUM(INDEX($D$3:$AA$30,INDEX(Jesper!$R$2:$R$366,ROW(INDEX(Jesper!AI$2:AI$366,ROUNDDOWN($C6404/24,0)+1,1))-1)+IF('Standard Profiles'!$G$19=$B$10,7,0)+IF('Standard Profiles'!$G$19=$B$17,14,0)+IF('Standard Profiles'!$G$19=$B$24,21,0),0)),0)</f>
        <v>2.1213273329927538</v>
      </c>
      <c r="F6404" cm="1">
        <f t="array" ref="F6404">IFERROR(INDEX(Jesper!AJ$2:AJ$366,ROUNDDOWN($C6404/24,0)+1,1)*INDEX($D$3:$AA$30,INDEX(Jesper!$R$2:$R$366,ROW(INDEX(Jesper!AJ$2:AJ$366,ROUNDDOWN($C6404/24,0)+1,1))-1)+IF('Standard Profiles'!$G$20=$B$10,7,0)+IF('Standard Profiles'!$G$20=$B$17,14,0)+IF('Standard Profiles'!$G$20=$B$24,21,0),MOD($C6404,24)+1)/SUM(INDEX($D$3:$AA$30,INDEX(Jesper!$R$2:$R$366,ROW(INDEX(Jesper!AJ$2:AJ$366,ROUNDDOWN($C6404/24,0)+1,1))-1)+IF('Standard Profiles'!$G$20=$B$10,7,0)+IF('Standard Profiles'!$G$20=$B$17,14,0)+IF('Standard Profiles'!$G$20=$B$24,21,0),0)),0)</f>
        <v>0</v>
      </c>
      <c r="G6404" cm="1">
        <f t="array" ref="G6404">IFERROR(INDEX(Jesper!AK$2:AK$366,ROUNDDOWN($C6404/24,0)+1,1)*INDEX($D$3:$AA$30,INDEX(Jesper!$R$2:$R$366,ROW(INDEX(Jesper!AK$2:AK$366,ROUNDDOWN($C6404/24,0)+1,1))-1)+IF('Standard Profiles'!$G$21=$B$10,7,0)+IF('Standard Profiles'!$G$21=$B$17,14,0)+IF('Standard Profiles'!$G$21=$B$24,21,0),MOD($C6404,24)+1)/SUM(INDEX($D$3:$AA$30,INDEX(Jesper!$R$2:$R$366,ROW(INDEX(Jesper!AK$2:AK$366,ROUNDDOWN($C6404/24,0)+1,1))-1)+IF('Standard Profiles'!$G$21=$B$10,7,0)+IF('Standard Profiles'!$G$21=$B$17,14,0)+IF('Standard Profiles'!$G$21=$B$24,21,0),0)),0)</f>
        <v>0</v>
      </c>
      <c r="H6404" cm="1">
        <f t="array" ref="H6404">IFERROR(INDEX(Jesper!AL$2:AL$366,ROUNDDOWN($C6404/24,0)+1,1)*INDEX($D$3:$AA$30,INDEX(Jesper!$R$2:$R$366,ROW(INDEX(Jesper!AL$2:AL$366,ROUNDDOWN($C6404/24,0)+1,1))-1)+IF('Standard Profiles'!$G$22=$B$10,7,0)+IF('Standard Profiles'!$G$22=$B$17,14,0)+IF('Standard Profiles'!$G$22=$B$24,21,0),MOD($C6404,24)+1)/SUM(INDEX($D$3:$AA$30,INDEX(Jesper!$R$2:$R$366,ROW(INDEX(Jesper!AL$2:AL$366,ROUNDDOWN($C6404/24,0)+1,1))-1)+IF('Standard Profiles'!$G$22=$B$10,7,0)+IF('Standard Profiles'!$G$22=$B$17,14,0)+IF('Standard Profiles'!$G$22=$B$24,21,0),0)),0)</f>
        <v>0</v>
      </c>
      <c r="I6404">
        <f t="shared" si="713"/>
        <v>0.19111057053988778</v>
      </c>
      <c r="J6404">
        <f t="shared" si="714"/>
        <v>0.63703523513295934</v>
      </c>
      <c r="K6404">
        <f t="shared" si="715"/>
        <v>0.95555285269943901</v>
      </c>
      <c r="L6404">
        <f t="shared" si="716"/>
        <v>12.654769747229565</v>
      </c>
      <c r="M6404">
        <f t="shared" si="717"/>
        <v>0</v>
      </c>
      <c r="N6404" s="46">
        <f t="shared" si="718"/>
        <v>45557.416666651217</v>
      </c>
    </row>
    <row r="6405" spans="2:14" x14ac:dyDescent="0.3">
      <c r="B6405">
        <f t="shared" si="712"/>
        <v>7</v>
      </c>
      <c r="C6405" s="16">
        <v>6371</v>
      </c>
      <c r="D6405" cm="1">
        <f t="array" ref="D6405">IFERROR(INDEX(Jesper!AH$2:AH$366,ROUNDDOWN($C6405/24,0)+1,1)*INDEX($D$3:$AA$30,INDEX(Jesper!$R$2:$R$366,ROW(INDEX(Jesper!AH$2:AH$366,ROUNDDOWN($C6405/24,0)+1,1))-1)+IF('Standard Profiles'!$G$18=$B$10,7,0)+IF('Standard Profiles'!$G$18=$B$17,14,0)+IF('Standard Profiles'!$G$18=$B$24,21,0),MOD($C6405,24)+1)/SUM(INDEX($D$3:$AA$30,INDEX(Jesper!$R$2:$R$366,ROW(INDEX(Jesper!AH$2:AH$366,ROUNDDOWN($C6405/24,0)+1,1))-1)+IF('Standard Profiles'!$G$18=$B$10,7,0)+IF('Standard Profiles'!$G$18=$B$17,14,0)+IF('Standard Profiles'!$G$18=$B$24,21,0),0)),0)</f>
        <v>12.317141072609097</v>
      </c>
      <c r="E6405" cm="1">
        <f t="array" ref="E6405">IFERROR(INDEX(Jesper!AI$2:AI$366,ROUNDDOWN($C6405/24,0)+1,1)*INDEX($D$3:$AA$30,INDEX(Jesper!$R$2:$R$366,ROW(INDEX(Jesper!AI$2:AI$366,ROUNDDOWN($C6405/24,0)+1,1))-1)+IF('Standard Profiles'!$G$19=$B$10,7,0)+IF('Standard Profiles'!$G$19=$B$17,14,0)+IF('Standard Profiles'!$G$19=$B$24,21,0),MOD($C6405,24)+1)/SUM(INDEX($D$3:$AA$30,INDEX(Jesper!$R$2:$R$366,ROW(INDEX(Jesper!AI$2:AI$366,ROUNDDOWN($C6405/24,0)+1,1))-1)+IF('Standard Profiles'!$G$19=$B$10,7,0)+IF('Standard Profiles'!$G$19=$B$17,14,0)+IF('Standard Profiles'!$G$19=$B$24,21,0),0)),0)</f>
        <v>2.1213273329927538</v>
      </c>
      <c r="F6405" cm="1">
        <f t="array" ref="F6405">IFERROR(INDEX(Jesper!AJ$2:AJ$366,ROUNDDOWN($C6405/24,0)+1,1)*INDEX($D$3:$AA$30,INDEX(Jesper!$R$2:$R$366,ROW(INDEX(Jesper!AJ$2:AJ$366,ROUNDDOWN($C6405/24,0)+1,1))-1)+IF('Standard Profiles'!$G$20=$B$10,7,0)+IF('Standard Profiles'!$G$20=$B$17,14,0)+IF('Standard Profiles'!$G$20=$B$24,21,0),MOD($C6405,24)+1)/SUM(INDEX($D$3:$AA$30,INDEX(Jesper!$R$2:$R$366,ROW(INDEX(Jesper!AJ$2:AJ$366,ROUNDDOWN($C6405/24,0)+1,1))-1)+IF('Standard Profiles'!$G$20=$B$10,7,0)+IF('Standard Profiles'!$G$20=$B$17,14,0)+IF('Standard Profiles'!$G$20=$B$24,21,0),0)),0)</f>
        <v>0</v>
      </c>
      <c r="G6405" cm="1">
        <f t="array" ref="G6405">IFERROR(INDEX(Jesper!AK$2:AK$366,ROUNDDOWN($C6405/24,0)+1,1)*INDEX($D$3:$AA$30,INDEX(Jesper!$R$2:$R$366,ROW(INDEX(Jesper!AK$2:AK$366,ROUNDDOWN($C6405/24,0)+1,1))-1)+IF('Standard Profiles'!$G$21=$B$10,7,0)+IF('Standard Profiles'!$G$21=$B$17,14,0)+IF('Standard Profiles'!$G$21=$B$24,21,0),MOD($C6405,24)+1)/SUM(INDEX($D$3:$AA$30,INDEX(Jesper!$R$2:$R$366,ROW(INDEX(Jesper!AK$2:AK$366,ROUNDDOWN($C6405/24,0)+1,1))-1)+IF('Standard Profiles'!$G$21=$B$10,7,0)+IF('Standard Profiles'!$G$21=$B$17,14,0)+IF('Standard Profiles'!$G$21=$B$24,21,0),0)),0)</f>
        <v>0</v>
      </c>
      <c r="H6405" cm="1">
        <f t="array" ref="H6405">IFERROR(INDEX(Jesper!AL$2:AL$366,ROUNDDOWN($C6405/24,0)+1,1)*INDEX($D$3:$AA$30,INDEX(Jesper!$R$2:$R$366,ROW(INDEX(Jesper!AL$2:AL$366,ROUNDDOWN($C6405/24,0)+1,1))-1)+IF('Standard Profiles'!$G$22=$B$10,7,0)+IF('Standard Profiles'!$G$22=$B$17,14,0)+IF('Standard Profiles'!$G$22=$B$24,21,0),MOD($C6405,24)+1)/SUM(INDEX($D$3:$AA$30,INDEX(Jesper!$R$2:$R$366,ROW(INDEX(Jesper!AL$2:AL$366,ROUNDDOWN($C6405/24,0)+1,1))-1)+IF('Standard Profiles'!$G$22=$B$10,7,0)+IF('Standard Profiles'!$G$22=$B$17,14,0)+IF('Standard Profiles'!$G$22=$B$24,21,0),0)),0)</f>
        <v>0</v>
      </c>
      <c r="I6405">
        <f t="shared" si="713"/>
        <v>0.19111057053988778</v>
      </c>
      <c r="J6405">
        <f t="shared" si="714"/>
        <v>0.63703523513295934</v>
      </c>
      <c r="K6405">
        <f t="shared" si="715"/>
        <v>0.95555285269943901</v>
      </c>
      <c r="L6405">
        <f t="shared" si="716"/>
        <v>12.654769747229565</v>
      </c>
      <c r="M6405">
        <f t="shared" si="717"/>
        <v>0</v>
      </c>
      <c r="N6405" s="46">
        <f t="shared" si="718"/>
        <v>45557.458333317882</v>
      </c>
    </row>
    <row r="6406" spans="2:14" x14ac:dyDescent="0.3">
      <c r="B6406">
        <f t="shared" si="712"/>
        <v>7</v>
      </c>
      <c r="C6406" s="16">
        <v>6372</v>
      </c>
      <c r="D6406" cm="1">
        <f t="array" ref="D6406">IFERROR(INDEX(Jesper!AH$2:AH$366,ROUNDDOWN($C6406/24,0)+1,1)*INDEX($D$3:$AA$30,INDEX(Jesper!$R$2:$R$366,ROW(INDEX(Jesper!AH$2:AH$366,ROUNDDOWN($C6406/24,0)+1,1))-1)+IF('Standard Profiles'!$G$18=$B$10,7,0)+IF('Standard Profiles'!$G$18=$B$17,14,0)+IF('Standard Profiles'!$G$18=$B$24,21,0),MOD($C6406,24)+1)/SUM(INDEX($D$3:$AA$30,INDEX(Jesper!$R$2:$R$366,ROW(INDEX(Jesper!AH$2:AH$366,ROUNDDOWN($C6406/24,0)+1,1))-1)+IF('Standard Profiles'!$G$18=$B$10,7,0)+IF('Standard Profiles'!$G$18=$B$17,14,0)+IF('Standard Profiles'!$G$18=$B$24,21,0),0)),0)</f>
        <v>12.317141072609097</v>
      </c>
      <c r="E6406" cm="1">
        <f t="array" ref="E6406">IFERROR(INDEX(Jesper!AI$2:AI$366,ROUNDDOWN($C6406/24,0)+1,1)*INDEX($D$3:$AA$30,INDEX(Jesper!$R$2:$R$366,ROW(INDEX(Jesper!AI$2:AI$366,ROUNDDOWN($C6406/24,0)+1,1))-1)+IF('Standard Profiles'!$G$19=$B$10,7,0)+IF('Standard Profiles'!$G$19=$B$17,14,0)+IF('Standard Profiles'!$G$19=$B$24,21,0),MOD($C6406,24)+1)/SUM(INDEX($D$3:$AA$30,INDEX(Jesper!$R$2:$R$366,ROW(INDEX(Jesper!AI$2:AI$366,ROUNDDOWN($C6406/24,0)+1,1))-1)+IF('Standard Profiles'!$G$19=$B$10,7,0)+IF('Standard Profiles'!$G$19=$B$17,14,0)+IF('Standard Profiles'!$G$19=$B$24,21,0),0)),0)</f>
        <v>2.1213273329927538</v>
      </c>
      <c r="F6406" cm="1">
        <f t="array" ref="F6406">IFERROR(INDEX(Jesper!AJ$2:AJ$366,ROUNDDOWN($C6406/24,0)+1,1)*INDEX($D$3:$AA$30,INDEX(Jesper!$R$2:$R$366,ROW(INDEX(Jesper!AJ$2:AJ$366,ROUNDDOWN($C6406/24,0)+1,1))-1)+IF('Standard Profiles'!$G$20=$B$10,7,0)+IF('Standard Profiles'!$G$20=$B$17,14,0)+IF('Standard Profiles'!$G$20=$B$24,21,0),MOD($C6406,24)+1)/SUM(INDEX($D$3:$AA$30,INDEX(Jesper!$R$2:$R$366,ROW(INDEX(Jesper!AJ$2:AJ$366,ROUNDDOWN($C6406/24,0)+1,1))-1)+IF('Standard Profiles'!$G$20=$B$10,7,0)+IF('Standard Profiles'!$G$20=$B$17,14,0)+IF('Standard Profiles'!$G$20=$B$24,21,0),0)),0)</f>
        <v>0</v>
      </c>
      <c r="G6406" cm="1">
        <f t="array" ref="G6406">IFERROR(INDEX(Jesper!AK$2:AK$366,ROUNDDOWN($C6406/24,0)+1,1)*INDEX($D$3:$AA$30,INDEX(Jesper!$R$2:$R$366,ROW(INDEX(Jesper!AK$2:AK$366,ROUNDDOWN($C6406/24,0)+1,1))-1)+IF('Standard Profiles'!$G$21=$B$10,7,0)+IF('Standard Profiles'!$G$21=$B$17,14,0)+IF('Standard Profiles'!$G$21=$B$24,21,0),MOD($C6406,24)+1)/SUM(INDEX($D$3:$AA$30,INDEX(Jesper!$R$2:$R$366,ROW(INDEX(Jesper!AK$2:AK$366,ROUNDDOWN($C6406/24,0)+1,1))-1)+IF('Standard Profiles'!$G$21=$B$10,7,0)+IF('Standard Profiles'!$G$21=$B$17,14,0)+IF('Standard Profiles'!$G$21=$B$24,21,0),0)),0)</f>
        <v>0</v>
      </c>
      <c r="H6406" cm="1">
        <f t="array" ref="H6406">IFERROR(INDEX(Jesper!AL$2:AL$366,ROUNDDOWN($C6406/24,0)+1,1)*INDEX($D$3:$AA$30,INDEX(Jesper!$R$2:$R$366,ROW(INDEX(Jesper!AL$2:AL$366,ROUNDDOWN($C6406/24,0)+1,1))-1)+IF('Standard Profiles'!$G$22=$B$10,7,0)+IF('Standard Profiles'!$G$22=$B$17,14,0)+IF('Standard Profiles'!$G$22=$B$24,21,0),MOD($C6406,24)+1)/SUM(INDEX($D$3:$AA$30,INDEX(Jesper!$R$2:$R$366,ROW(INDEX(Jesper!AL$2:AL$366,ROUNDDOWN($C6406/24,0)+1,1))-1)+IF('Standard Profiles'!$G$22=$B$10,7,0)+IF('Standard Profiles'!$G$22=$B$17,14,0)+IF('Standard Profiles'!$G$22=$B$24,21,0),0)),0)</f>
        <v>0</v>
      </c>
      <c r="I6406">
        <f t="shared" si="713"/>
        <v>0.19111057053988778</v>
      </c>
      <c r="J6406">
        <f t="shared" si="714"/>
        <v>0.63703523513295934</v>
      </c>
      <c r="K6406">
        <f t="shared" si="715"/>
        <v>0.95555285269943901</v>
      </c>
      <c r="L6406">
        <f t="shared" si="716"/>
        <v>12.654769747229565</v>
      </c>
      <c r="M6406">
        <f t="shared" si="717"/>
        <v>0</v>
      </c>
      <c r="N6406" s="46">
        <f t="shared" si="718"/>
        <v>45557.499999984546</v>
      </c>
    </row>
    <row r="6407" spans="2:14" x14ac:dyDescent="0.3">
      <c r="B6407">
        <f t="shared" si="712"/>
        <v>7</v>
      </c>
      <c r="C6407" s="16">
        <v>6373</v>
      </c>
      <c r="D6407" cm="1">
        <f t="array" ref="D6407">IFERROR(INDEX(Jesper!AH$2:AH$366,ROUNDDOWN($C6407/24,0)+1,1)*INDEX($D$3:$AA$30,INDEX(Jesper!$R$2:$R$366,ROW(INDEX(Jesper!AH$2:AH$366,ROUNDDOWN($C6407/24,0)+1,1))-1)+IF('Standard Profiles'!$G$18=$B$10,7,0)+IF('Standard Profiles'!$G$18=$B$17,14,0)+IF('Standard Profiles'!$G$18=$B$24,21,0),MOD($C6407,24)+1)/SUM(INDEX($D$3:$AA$30,INDEX(Jesper!$R$2:$R$366,ROW(INDEX(Jesper!AH$2:AH$366,ROUNDDOWN($C6407/24,0)+1,1))-1)+IF('Standard Profiles'!$G$18=$B$10,7,0)+IF('Standard Profiles'!$G$18=$B$17,14,0)+IF('Standard Profiles'!$G$18=$B$24,21,0),0)),0)</f>
        <v>12.317141072609097</v>
      </c>
      <c r="E6407" cm="1">
        <f t="array" ref="E6407">IFERROR(INDEX(Jesper!AI$2:AI$366,ROUNDDOWN($C6407/24,0)+1,1)*INDEX($D$3:$AA$30,INDEX(Jesper!$R$2:$R$366,ROW(INDEX(Jesper!AI$2:AI$366,ROUNDDOWN($C6407/24,0)+1,1))-1)+IF('Standard Profiles'!$G$19=$B$10,7,0)+IF('Standard Profiles'!$G$19=$B$17,14,0)+IF('Standard Profiles'!$G$19=$B$24,21,0),MOD($C6407,24)+1)/SUM(INDEX($D$3:$AA$30,INDEX(Jesper!$R$2:$R$366,ROW(INDEX(Jesper!AI$2:AI$366,ROUNDDOWN($C6407/24,0)+1,1))-1)+IF('Standard Profiles'!$G$19=$B$10,7,0)+IF('Standard Profiles'!$G$19=$B$17,14,0)+IF('Standard Profiles'!$G$19=$B$24,21,0),0)),0)</f>
        <v>2.1213273329927538</v>
      </c>
      <c r="F6407" cm="1">
        <f t="array" ref="F6407">IFERROR(INDEX(Jesper!AJ$2:AJ$366,ROUNDDOWN($C6407/24,0)+1,1)*INDEX($D$3:$AA$30,INDEX(Jesper!$R$2:$R$366,ROW(INDEX(Jesper!AJ$2:AJ$366,ROUNDDOWN($C6407/24,0)+1,1))-1)+IF('Standard Profiles'!$G$20=$B$10,7,0)+IF('Standard Profiles'!$G$20=$B$17,14,0)+IF('Standard Profiles'!$G$20=$B$24,21,0),MOD($C6407,24)+1)/SUM(INDEX($D$3:$AA$30,INDEX(Jesper!$R$2:$R$366,ROW(INDEX(Jesper!AJ$2:AJ$366,ROUNDDOWN($C6407/24,0)+1,1))-1)+IF('Standard Profiles'!$G$20=$B$10,7,0)+IF('Standard Profiles'!$G$20=$B$17,14,0)+IF('Standard Profiles'!$G$20=$B$24,21,0),0)),0)</f>
        <v>0</v>
      </c>
      <c r="G6407" cm="1">
        <f t="array" ref="G6407">IFERROR(INDEX(Jesper!AK$2:AK$366,ROUNDDOWN($C6407/24,0)+1,1)*INDEX($D$3:$AA$30,INDEX(Jesper!$R$2:$R$366,ROW(INDEX(Jesper!AK$2:AK$366,ROUNDDOWN($C6407/24,0)+1,1))-1)+IF('Standard Profiles'!$G$21=$B$10,7,0)+IF('Standard Profiles'!$G$21=$B$17,14,0)+IF('Standard Profiles'!$G$21=$B$24,21,0),MOD($C6407,24)+1)/SUM(INDEX($D$3:$AA$30,INDEX(Jesper!$R$2:$R$366,ROW(INDEX(Jesper!AK$2:AK$366,ROUNDDOWN($C6407/24,0)+1,1))-1)+IF('Standard Profiles'!$G$21=$B$10,7,0)+IF('Standard Profiles'!$G$21=$B$17,14,0)+IF('Standard Profiles'!$G$21=$B$24,21,0),0)),0)</f>
        <v>0</v>
      </c>
      <c r="H6407" cm="1">
        <f t="array" ref="H6407">IFERROR(INDEX(Jesper!AL$2:AL$366,ROUNDDOWN($C6407/24,0)+1,1)*INDEX($D$3:$AA$30,INDEX(Jesper!$R$2:$R$366,ROW(INDEX(Jesper!AL$2:AL$366,ROUNDDOWN($C6407/24,0)+1,1))-1)+IF('Standard Profiles'!$G$22=$B$10,7,0)+IF('Standard Profiles'!$G$22=$B$17,14,0)+IF('Standard Profiles'!$G$22=$B$24,21,0),MOD($C6407,24)+1)/SUM(INDEX($D$3:$AA$30,INDEX(Jesper!$R$2:$R$366,ROW(INDEX(Jesper!AL$2:AL$366,ROUNDDOWN($C6407/24,0)+1,1))-1)+IF('Standard Profiles'!$G$22=$B$10,7,0)+IF('Standard Profiles'!$G$22=$B$17,14,0)+IF('Standard Profiles'!$G$22=$B$24,21,0),0)),0)</f>
        <v>0</v>
      </c>
      <c r="I6407">
        <f t="shared" si="713"/>
        <v>0.19111057053988778</v>
      </c>
      <c r="J6407">
        <f t="shared" si="714"/>
        <v>0.63703523513295934</v>
      </c>
      <c r="K6407">
        <f t="shared" si="715"/>
        <v>0.95555285269943901</v>
      </c>
      <c r="L6407">
        <f t="shared" si="716"/>
        <v>12.654769747229565</v>
      </c>
      <c r="M6407">
        <f t="shared" si="717"/>
        <v>0</v>
      </c>
      <c r="N6407" s="46">
        <f t="shared" si="718"/>
        <v>45557.54166665121</v>
      </c>
    </row>
    <row r="6408" spans="2:14" x14ac:dyDescent="0.3">
      <c r="B6408">
        <f t="shared" si="712"/>
        <v>7</v>
      </c>
      <c r="C6408" s="16">
        <v>6374</v>
      </c>
      <c r="D6408" cm="1">
        <f t="array" ref="D6408">IFERROR(INDEX(Jesper!AH$2:AH$366,ROUNDDOWN($C6408/24,0)+1,1)*INDEX($D$3:$AA$30,INDEX(Jesper!$R$2:$R$366,ROW(INDEX(Jesper!AH$2:AH$366,ROUNDDOWN($C6408/24,0)+1,1))-1)+IF('Standard Profiles'!$G$18=$B$10,7,0)+IF('Standard Profiles'!$G$18=$B$17,14,0)+IF('Standard Profiles'!$G$18=$B$24,21,0),MOD($C6408,24)+1)/SUM(INDEX($D$3:$AA$30,INDEX(Jesper!$R$2:$R$366,ROW(INDEX(Jesper!AH$2:AH$366,ROUNDDOWN($C6408/24,0)+1,1))-1)+IF('Standard Profiles'!$G$18=$B$10,7,0)+IF('Standard Profiles'!$G$18=$B$17,14,0)+IF('Standard Profiles'!$G$18=$B$24,21,0),0)),0)</f>
        <v>12.317141072609097</v>
      </c>
      <c r="E6408" cm="1">
        <f t="array" ref="E6408">IFERROR(INDEX(Jesper!AI$2:AI$366,ROUNDDOWN($C6408/24,0)+1,1)*INDEX($D$3:$AA$30,INDEX(Jesper!$R$2:$R$366,ROW(INDEX(Jesper!AI$2:AI$366,ROUNDDOWN($C6408/24,0)+1,1))-1)+IF('Standard Profiles'!$G$19=$B$10,7,0)+IF('Standard Profiles'!$G$19=$B$17,14,0)+IF('Standard Profiles'!$G$19=$B$24,21,0),MOD($C6408,24)+1)/SUM(INDEX($D$3:$AA$30,INDEX(Jesper!$R$2:$R$366,ROW(INDEX(Jesper!AI$2:AI$366,ROUNDDOWN($C6408/24,0)+1,1))-1)+IF('Standard Profiles'!$G$19=$B$10,7,0)+IF('Standard Profiles'!$G$19=$B$17,14,0)+IF('Standard Profiles'!$G$19=$B$24,21,0),0)),0)</f>
        <v>2.1213273329927538</v>
      </c>
      <c r="F6408" cm="1">
        <f t="array" ref="F6408">IFERROR(INDEX(Jesper!AJ$2:AJ$366,ROUNDDOWN($C6408/24,0)+1,1)*INDEX($D$3:$AA$30,INDEX(Jesper!$R$2:$R$366,ROW(INDEX(Jesper!AJ$2:AJ$366,ROUNDDOWN($C6408/24,0)+1,1))-1)+IF('Standard Profiles'!$G$20=$B$10,7,0)+IF('Standard Profiles'!$G$20=$B$17,14,0)+IF('Standard Profiles'!$G$20=$B$24,21,0),MOD($C6408,24)+1)/SUM(INDEX($D$3:$AA$30,INDEX(Jesper!$R$2:$R$366,ROW(INDEX(Jesper!AJ$2:AJ$366,ROUNDDOWN($C6408/24,0)+1,1))-1)+IF('Standard Profiles'!$G$20=$B$10,7,0)+IF('Standard Profiles'!$G$20=$B$17,14,0)+IF('Standard Profiles'!$G$20=$B$24,21,0),0)),0)</f>
        <v>0</v>
      </c>
      <c r="G6408" cm="1">
        <f t="array" ref="G6408">IFERROR(INDEX(Jesper!AK$2:AK$366,ROUNDDOWN($C6408/24,0)+1,1)*INDEX($D$3:$AA$30,INDEX(Jesper!$R$2:$R$366,ROW(INDEX(Jesper!AK$2:AK$366,ROUNDDOWN($C6408/24,0)+1,1))-1)+IF('Standard Profiles'!$G$21=$B$10,7,0)+IF('Standard Profiles'!$G$21=$B$17,14,0)+IF('Standard Profiles'!$G$21=$B$24,21,0),MOD($C6408,24)+1)/SUM(INDEX($D$3:$AA$30,INDEX(Jesper!$R$2:$R$366,ROW(INDEX(Jesper!AK$2:AK$366,ROUNDDOWN($C6408/24,0)+1,1))-1)+IF('Standard Profiles'!$G$21=$B$10,7,0)+IF('Standard Profiles'!$G$21=$B$17,14,0)+IF('Standard Profiles'!$G$21=$B$24,21,0),0)),0)</f>
        <v>0</v>
      </c>
      <c r="H6408" cm="1">
        <f t="array" ref="H6408">IFERROR(INDEX(Jesper!AL$2:AL$366,ROUNDDOWN($C6408/24,0)+1,1)*INDEX($D$3:$AA$30,INDEX(Jesper!$R$2:$R$366,ROW(INDEX(Jesper!AL$2:AL$366,ROUNDDOWN($C6408/24,0)+1,1))-1)+IF('Standard Profiles'!$G$22=$B$10,7,0)+IF('Standard Profiles'!$G$22=$B$17,14,0)+IF('Standard Profiles'!$G$22=$B$24,21,0),MOD($C6408,24)+1)/SUM(INDEX($D$3:$AA$30,INDEX(Jesper!$R$2:$R$366,ROW(INDEX(Jesper!AL$2:AL$366,ROUNDDOWN($C6408/24,0)+1,1))-1)+IF('Standard Profiles'!$G$22=$B$10,7,0)+IF('Standard Profiles'!$G$22=$B$17,14,0)+IF('Standard Profiles'!$G$22=$B$24,21,0),0)),0)</f>
        <v>0</v>
      </c>
      <c r="I6408">
        <f t="shared" si="713"/>
        <v>0.19111057053988778</v>
      </c>
      <c r="J6408">
        <f t="shared" si="714"/>
        <v>0.63703523513295934</v>
      </c>
      <c r="K6408">
        <f t="shared" si="715"/>
        <v>0.95555285269943901</v>
      </c>
      <c r="L6408">
        <f t="shared" si="716"/>
        <v>12.654769747229565</v>
      </c>
      <c r="M6408">
        <f t="shared" si="717"/>
        <v>0</v>
      </c>
      <c r="N6408" s="46">
        <f t="shared" si="718"/>
        <v>45557.583333317874</v>
      </c>
    </row>
    <row r="6409" spans="2:14" x14ac:dyDescent="0.3">
      <c r="B6409">
        <f t="shared" si="712"/>
        <v>7</v>
      </c>
      <c r="C6409" s="16">
        <v>6375</v>
      </c>
      <c r="D6409" cm="1">
        <f t="array" ref="D6409">IFERROR(INDEX(Jesper!AH$2:AH$366,ROUNDDOWN($C6409/24,0)+1,1)*INDEX($D$3:$AA$30,INDEX(Jesper!$R$2:$R$366,ROW(INDEX(Jesper!AH$2:AH$366,ROUNDDOWN($C6409/24,0)+1,1))-1)+IF('Standard Profiles'!$G$18=$B$10,7,0)+IF('Standard Profiles'!$G$18=$B$17,14,0)+IF('Standard Profiles'!$G$18=$B$24,21,0),MOD($C6409,24)+1)/SUM(INDEX($D$3:$AA$30,INDEX(Jesper!$R$2:$R$366,ROW(INDEX(Jesper!AH$2:AH$366,ROUNDDOWN($C6409/24,0)+1,1))-1)+IF('Standard Profiles'!$G$18=$B$10,7,0)+IF('Standard Profiles'!$G$18=$B$17,14,0)+IF('Standard Profiles'!$G$18=$B$24,21,0),0)),0)</f>
        <v>10.948569842319197</v>
      </c>
      <c r="E6409" cm="1">
        <f t="array" ref="E6409">IFERROR(INDEX(Jesper!AI$2:AI$366,ROUNDDOWN($C6409/24,0)+1,1)*INDEX($D$3:$AA$30,INDEX(Jesper!$R$2:$R$366,ROW(INDEX(Jesper!AI$2:AI$366,ROUNDDOWN($C6409/24,0)+1,1))-1)+IF('Standard Profiles'!$G$19=$B$10,7,0)+IF('Standard Profiles'!$G$19=$B$17,14,0)+IF('Standard Profiles'!$G$19=$B$24,21,0),MOD($C6409,24)+1)/SUM(INDEX($D$3:$AA$30,INDEX(Jesper!$R$2:$R$366,ROW(INDEX(Jesper!AI$2:AI$366,ROUNDDOWN($C6409/24,0)+1,1))-1)+IF('Standard Profiles'!$G$19=$B$10,7,0)+IF('Standard Profiles'!$G$19=$B$17,14,0)+IF('Standard Profiles'!$G$19=$B$24,21,0),0)),0)</f>
        <v>1.8856242959935592</v>
      </c>
      <c r="F6409" cm="1">
        <f t="array" ref="F6409">IFERROR(INDEX(Jesper!AJ$2:AJ$366,ROUNDDOWN($C6409/24,0)+1,1)*INDEX($D$3:$AA$30,INDEX(Jesper!$R$2:$R$366,ROW(INDEX(Jesper!AJ$2:AJ$366,ROUNDDOWN($C6409/24,0)+1,1))-1)+IF('Standard Profiles'!$G$20=$B$10,7,0)+IF('Standard Profiles'!$G$20=$B$17,14,0)+IF('Standard Profiles'!$G$20=$B$24,21,0),MOD($C6409,24)+1)/SUM(INDEX($D$3:$AA$30,INDEX(Jesper!$R$2:$R$366,ROW(INDEX(Jesper!AJ$2:AJ$366,ROUNDDOWN($C6409/24,0)+1,1))-1)+IF('Standard Profiles'!$G$20=$B$10,7,0)+IF('Standard Profiles'!$G$20=$B$17,14,0)+IF('Standard Profiles'!$G$20=$B$24,21,0),0)),0)</f>
        <v>0</v>
      </c>
      <c r="G6409" cm="1">
        <f t="array" ref="G6409">IFERROR(INDEX(Jesper!AK$2:AK$366,ROUNDDOWN($C6409/24,0)+1,1)*INDEX($D$3:$AA$30,INDEX(Jesper!$R$2:$R$366,ROW(INDEX(Jesper!AK$2:AK$366,ROUNDDOWN($C6409/24,0)+1,1))-1)+IF('Standard Profiles'!$G$21=$B$10,7,0)+IF('Standard Profiles'!$G$21=$B$17,14,0)+IF('Standard Profiles'!$G$21=$B$24,21,0),MOD($C6409,24)+1)/SUM(INDEX($D$3:$AA$30,INDEX(Jesper!$R$2:$R$366,ROW(INDEX(Jesper!AK$2:AK$366,ROUNDDOWN($C6409/24,0)+1,1))-1)+IF('Standard Profiles'!$G$21=$B$10,7,0)+IF('Standard Profiles'!$G$21=$B$17,14,0)+IF('Standard Profiles'!$G$21=$B$24,21,0),0)),0)</f>
        <v>0</v>
      </c>
      <c r="H6409" cm="1">
        <f t="array" ref="H6409">IFERROR(INDEX(Jesper!AL$2:AL$366,ROUNDDOWN($C6409/24,0)+1,1)*INDEX($D$3:$AA$30,INDEX(Jesper!$R$2:$R$366,ROW(INDEX(Jesper!AL$2:AL$366,ROUNDDOWN($C6409/24,0)+1,1))-1)+IF('Standard Profiles'!$G$22=$B$10,7,0)+IF('Standard Profiles'!$G$22=$B$17,14,0)+IF('Standard Profiles'!$G$22=$B$24,21,0),MOD($C6409,24)+1)/SUM(INDEX($D$3:$AA$30,INDEX(Jesper!$R$2:$R$366,ROW(INDEX(Jesper!AL$2:AL$366,ROUNDDOWN($C6409/24,0)+1,1))-1)+IF('Standard Profiles'!$G$22=$B$10,7,0)+IF('Standard Profiles'!$G$22=$B$17,14,0)+IF('Standard Profiles'!$G$22=$B$24,21,0),0)),0)</f>
        <v>0</v>
      </c>
      <c r="I6409">
        <f t="shared" si="713"/>
        <v>0.16987606270212249</v>
      </c>
      <c r="J6409">
        <f t="shared" si="714"/>
        <v>0.56625354234040837</v>
      </c>
      <c r="K6409">
        <f t="shared" si="715"/>
        <v>0.84938031351061261</v>
      </c>
      <c r="L6409">
        <f t="shared" si="716"/>
        <v>11.248684219759612</v>
      </c>
      <c r="M6409">
        <f t="shared" si="717"/>
        <v>0</v>
      </c>
      <c r="N6409" s="46">
        <f t="shared" si="718"/>
        <v>45557.624999984539</v>
      </c>
    </row>
    <row r="6410" spans="2:14" x14ac:dyDescent="0.3">
      <c r="B6410">
        <f t="shared" si="712"/>
        <v>7</v>
      </c>
      <c r="C6410" s="16">
        <v>6376</v>
      </c>
      <c r="D6410" cm="1">
        <f t="array" ref="D6410">IFERROR(INDEX(Jesper!AH$2:AH$366,ROUNDDOWN($C6410/24,0)+1,1)*INDEX($D$3:$AA$30,INDEX(Jesper!$R$2:$R$366,ROW(INDEX(Jesper!AH$2:AH$366,ROUNDDOWN($C6410/24,0)+1,1))-1)+IF('Standard Profiles'!$G$18=$B$10,7,0)+IF('Standard Profiles'!$G$18=$B$17,14,0)+IF('Standard Profiles'!$G$18=$B$24,21,0),MOD($C6410,24)+1)/SUM(INDEX($D$3:$AA$30,INDEX(Jesper!$R$2:$R$366,ROW(INDEX(Jesper!AH$2:AH$366,ROUNDDOWN($C6410/24,0)+1,1))-1)+IF('Standard Profiles'!$G$18=$B$10,7,0)+IF('Standard Profiles'!$G$18=$B$17,14,0)+IF('Standard Profiles'!$G$18=$B$24,21,0),0)),0)</f>
        <v>10.753059666563498</v>
      </c>
      <c r="E6410" cm="1">
        <f t="array" ref="E6410">IFERROR(INDEX(Jesper!AI$2:AI$366,ROUNDDOWN($C6410/24,0)+1,1)*INDEX($D$3:$AA$30,INDEX(Jesper!$R$2:$R$366,ROW(INDEX(Jesper!AI$2:AI$366,ROUNDDOWN($C6410/24,0)+1,1))-1)+IF('Standard Profiles'!$G$19=$B$10,7,0)+IF('Standard Profiles'!$G$19=$B$17,14,0)+IF('Standard Profiles'!$G$19=$B$24,21,0),MOD($C6410,24)+1)/SUM(INDEX($D$3:$AA$30,INDEX(Jesper!$R$2:$R$366,ROW(INDEX(Jesper!AI$2:AI$366,ROUNDDOWN($C6410/24,0)+1,1))-1)+IF('Standard Profiles'!$G$19=$B$10,7,0)+IF('Standard Profiles'!$G$19=$B$17,14,0)+IF('Standard Profiles'!$G$19=$B$24,21,0),0)),0)</f>
        <v>1.8519524335651025</v>
      </c>
      <c r="F6410" cm="1">
        <f t="array" ref="F6410">IFERROR(INDEX(Jesper!AJ$2:AJ$366,ROUNDDOWN($C6410/24,0)+1,1)*INDEX($D$3:$AA$30,INDEX(Jesper!$R$2:$R$366,ROW(INDEX(Jesper!AJ$2:AJ$366,ROUNDDOWN($C6410/24,0)+1,1))-1)+IF('Standard Profiles'!$G$20=$B$10,7,0)+IF('Standard Profiles'!$G$20=$B$17,14,0)+IF('Standard Profiles'!$G$20=$B$24,21,0),MOD($C6410,24)+1)/SUM(INDEX($D$3:$AA$30,INDEX(Jesper!$R$2:$R$366,ROW(INDEX(Jesper!AJ$2:AJ$366,ROUNDDOWN($C6410/24,0)+1,1))-1)+IF('Standard Profiles'!$G$20=$B$10,7,0)+IF('Standard Profiles'!$G$20=$B$17,14,0)+IF('Standard Profiles'!$G$20=$B$24,21,0),0)),0)</f>
        <v>0</v>
      </c>
      <c r="G6410" cm="1">
        <f t="array" ref="G6410">IFERROR(INDEX(Jesper!AK$2:AK$366,ROUNDDOWN($C6410/24,0)+1,1)*INDEX($D$3:$AA$30,INDEX(Jesper!$R$2:$R$366,ROW(INDEX(Jesper!AK$2:AK$366,ROUNDDOWN($C6410/24,0)+1,1))-1)+IF('Standard Profiles'!$G$21=$B$10,7,0)+IF('Standard Profiles'!$G$21=$B$17,14,0)+IF('Standard Profiles'!$G$21=$B$24,21,0),MOD($C6410,24)+1)/SUM(INDEX($D$3:$AA$30,INDEX(Jesper!$R$2:$R$366,ROW(INDEX(Jesper!AK$2:AK$366,ROUNDDOWN($C6410/24,0)+1,1))-1)+IF('Standard Profiles'!$G$21=$B$10,7,0)+IF('Standard Profiles'!$G$21=$B$17,14,0)+IF('Standard Profiles'!$G$21=$B$24,21,0),0)),0)</f>
        <v>0</v>
      </c>
      <c r="H6410" cm="1">
        <f t="array" ref="H6410">IFERROR(INDEX(Jesper!AL$2:AL$366,ROUNDDOWN($C6410/24,0)+1,1)*INDEX($D$3:$AA$30,INDEX(Jesper!$R$2:$R$366,ROW(INDEX(Jesper!AL$2:AL$366,ROUNDDOWN($C6410/24,0)+1,1))-1)+IF('Standard Profiles'!$G$22=$B$10,7,0)+IF('Standard Profiles'!$G$22=$B$17,14,0)+IF('Standard Profiles'!$G$22=$B$24,21,0),MOD($C6410,24)+1)/SUM(INDEX($D$3:$AA$30,INDEX(Jesper!$R$2:$R$366,ROW(INDEX(Jesper!AL$2:AL$366,ROUNDDOWN($C6410/24,0)+1,1))-1)+IF('Standard Profiles'!$G$22=$B$10,7,0)+IF('Standard Profiles'!$G$22=$B$17,14,0)+IF('Standard Profiles'!$G$22=$B$24,21,0),0)),0)</f>
        <v>0</v>
      </c>
      <c r="I6410">
        <f t="shared" si="713"/>
        <v>0.16684256158244171</v>
      </c>
      <c r="J6410">
        <f t="shared" si="714"/>
        <v>0.55614187194147247</v>
      </c>
      <c r="K6410">
        <f t="shared" si="715"/>
        <v>0.83421280791220864</v>
      </c>
      <c r="L6410">
        <f t="shared" si="716"/>
        <v>11.047814858692478</v>
      </c>
      <c r="M6410">
        <f t="shared" si="717"/>
        <v>0</v>
      </c>
      <c r="N6410" s="46">
        <f t="shared" si="718"/>
        <v>45557.666666651203</v>
      </c>
    </row>
    <row r="6411" spans="2:14" x14ac:dyDescent="0.3">
      <c r="B6411">
        <f t="shared" si="712"/>
        <v>7</v>
      </c>
      <c r="C6411" s="16">
        <v>6377</v>
      </c>
      <c r="D6411" cm="1">
        <f t="array" ref="D6411">IFERROR(INDEX(Jesper!AH$2:AH$366,ROUNDDOWN($C6411/24,0)+1,1)*INDEX($D$3:$AA$30,INDEX(Jesper!$R$2:$R$366,ROW(INDEX(Jesper!AH$2:AH$366,ROUNDDOWN($C6411/24,0)+1,1))-1)+IF('Standard Profiles'!$G$18=$B$10,7,0)+IF('Standard Profiles'!$G$18=$B$17,14,0)+IF('Standard Profiles'!$G$18=$B$24,21,0),MOD($C6411,24)+1)/SUM(INDEX($D$3:$AA$30,INDEX(Jesper!$R$2:$R$366,ROW(INDEX(Jesper!AH$2:AH$366,ROUNDDOWN($C6411/24,0)+1,1))-1)+IF('Standard Profiles'!$G$18=$B$10,7,0)+IF('Standard Profiles'!$G$18=$B$17,14,0)+IF('Standard Profiles'!$G$18=$B$24,21,0),0)),0)</f>
        <v>9.1889782605178993</v>
      </c>
      <c r="E6411" cm="1">
        <f t="array" ref="E6411">IFERROR(INDEX(Jesper!AI$2:AI$366,ROUNDDOWN($C6411/24,0)+1,1)*INDEX($D$3:$AA$30,INDEX(Jesper!$R$2:$R$366,ROW(INDEX(Jesper!AI$2:AI$366,ROUNDDOWN($C6411/24,0)+1,1))-1)+IF('Standard Profiles'!$G$19=$B$10,7,0)+IF('Standard Profiles'!$G$19=$B$17,14,0)+IF('Standard Profiles'!$G$19=$B$24,21,0),MOD($C6411,24)+1)/SUM(INDEX($D$3:$AA$30,INDEX(Jesper!$R$2:$R$366,ROW(INDEX(Jesper!AI$2:AI$366,ROUNDDOWN($C6411/24,0)+1,1))-1)+IF('Standard Profiles'!$G$19=$B$10,7,0)+IF('Standard Profiles'!$G$19=$B$17,14,0)+IF('Standard Profiles'!$G$19=$B$24,21,0),0)),0)</f>
        <v>1.5825775341374515</v>
      </c>
      <c r="F6411" cm="1">
        <f t="array" ref="F6411">IFERROR(INDEX(Jesper!AJ$2:AJ$366,ROUNDDOWN($C6411/24,0)+1,1)*INDEX($D$3:$AA$30,INDEX(Jesper!$R$2:$R$366,ROW(INDEX(Jesper!AJ$2:AJ$366,ROUNDDOWN($C6411/24,0)+1,1))-1)+IF('Standard Profiles'!$G$20=$B$10,7,0)+IF('Standard Profiles'!$G$20=$B$17,14,0)+IF('Standard Profiles'!$G$20=$B$24,21,0),MOD($C6411,24)+1)/SUM(INDEX($D$3:$AA$30,INDEX(Jesper!$R$2:$R$366,ROW(INDEX(Jesper!AJ$2:AJ$366,ROUNDDOWN($C6411/24,0)+1,1))-1)+IF('Standard Profiles'!$G$20=$B$10,7,0)+IF('Standard Profiles'!$G$20=$B$17,14,0)+IF('Standard Profiles'!$G$20=$B$24,21,0),0)),0)</f>
        <v>0</v>
      </c>
      <c r="G6411" cm="1">
        <f t="array" ref="G6411">IFERROR(INDEX(Jesper!AK$2:AK$366,ROUNDDOWN($C6411/24,0)+1,1)*INDEX($D$3:$AA$30,INDEX(Jesper!$R$2:$R$366,ROW(INDEX(Jesper!AK$2:AK$366,ROUNDDOWN($C6411/24,0)+1,1))-1)+IF('Standard Profiles'!$G$21=$B$10,7,0)+IF('Standard Profiles'!$G$21=$B$17,14,0)+IF('Standard Profiles'!$G$21=$B$24,21,0),MOD($C6411,24)+1)/SUM(INDEX($D$3:$AA$30,INDEX(Jesper!$R$2:$R$366,ROW(INDEX(Jesper!AK$2:AK$366,ROUNDDOWN($C6411/24,0)+1,1))-1)+IF('Standard Profiles'!$G$21=$B$10,7,0)+IF('Standard Profiles'!$G$21=$B$17,14,0)+IF('Standard Profiles'!$G$21=$B$24,21,0),0)),0)</f>
        <v>0</v>
      </c>
      <c r="H6411" cm="1">
        <f t="array" ref="H6411">IFERROR(INDEX(Jesper!AL$2:AL$366,ROUNDDOWN($C6411/24,0)+1,1)*INDEX($D$3:$AA$30,INDEX(Jesper!$R$2:$R$366,ROW(INDEX(Jesper!AL$2:AL$366,ROUNDDOWN($C6411/24,0)+1,1))-1)+IF('Standard Profiles'!$G$22=$B$10,7,0)+IF('Standard Profiles'!$G$22=$B$17,14,0)+IF('Standard Profiles'!$G$22=$B$24,21,0),MOD($C6411,24)+1)/SUM(INDEX($D$3:$AA$30,INDEX(Jesper!$R$2:$R$366,ROW(INDEX(Jesper!AL$2:AL$366,ROUNDDOWN($C6411/24,0)+1,1))-1)+IF('Standard Profiles'!$G$22=$B$10,7,0)+IF('Standard Profiles'!$G$22=$B$17,14,0)+IF('Standard Profiles'!$G$22=$B$24,21,0),0)),0)</f>
        <v>0</v>
      </c>
      <c r="I6411">
        <f t="shared" si="713"/>
        <v>0.14257455262499566</v>
      </c>
      <c r="J6411">
        <f t="shared" si="714"/>
        <v>0.47524850874998564</v>
      </c>
      <c r="K6411">
        <f t="shared" si="715"/>
        <v>0.71287276312497838</v>
      </c>
      <c r="L6411">
        <f t="shared" si="716"/>
        <v>9.4408599701553904</v>
      </c>
      <c r="M6411">
        <f t="shared" si="717"/>
        <v>0</v>
      </c>
      <c r="N6411" s="46">
        <f t="shared" si="718"/>
        <v>45557.708333317867</v>
      </c>
    </row>
    <row r="6412" spans="2:14" x14ac:dyDescent="0.3">
      <c r="B6412">
        <f t="shared" si="712"/>
        <v>7</v>
      </c>
      <c r="C6412" s="16">
        <v>6378</v>
      </c>
      <c r="D6412" cm="1">
        <f t="array" ref="D6412">IFERROR(INDEX(Jesper!AH$2:AH$366,ROUNDDOWN($C6412/24,0)+1,1)*INDEX($D$3:$AA$30,INDEX(Jesper!$R$2:$R$366,ROW(INDEX(Jesper!AH$2:AH$366,ROUNDDOWN($C6412/24,0)+1,1))-1)+IF('Standard Profiles'!$G$18=$B$10,7,0)+IF('Standard Profiles'!$G$18=$B$17,14,0)+IF('Standard Profiles'!$G$18=$B$24,21,0),MOD($C6412,24)+1)/SUM(INDEX($D$3:$AA$30,INDEX(Jesper!$R$2:$R$366,ROW(INDEX(Jesper!AH$2:AH$366,ROUNDDOWN($C6412/24,0)+1,1))-1)+IF('Standard Profiles'!$G$18=$B$10,7,0)+IF('Standard Profiles'!$G$18=$B$17,14,0)+IF('Standard Profiles'!$G$18=$B$24,21,0),0)),0)</f>
        <v>8.6024477332507985</v>
      </c>
      <c r="E6412" cm="1">
        <f t="array" ref="E6412">IFERROR(INDEX(Jesper!AI$2:AI$366,ROUNDDOWN($C6412/24,0)+1,1)*INDEX($D$3:$AA$30,INDEX(Jesper!$R$2:$R$366,ROW(INDEX(Jesper!AI$2:AI$366,ROUNDDOWN($C6412/24,0)+1,1))-1)+IF('Standard Profiles'!$G$19=$B$10,7,0)+IF('Standard Profiles'!$G$19=$B$17,14,0)+IF('Standard Profiles'!$G$19=$B$24,21,0),MOD($C6412,24)+1)/SUM(INDEX($D$3:$AA$30,INDEX(Jesper!$R$2:$R$366,ROW(INDEX(Jesper!AI$2:AI$366,ROUNDDOWN($C6412/24,0)+1,1))-1)+IF('Standard Profiles'!$G$19=$B$10,7,0)+IF('Standard Profiles'!$G$19=$B$17,14,0)+IF('Standard Profiles'!$G$19=$B$24,21,0),0)),0)</f>
        <v>1.4815619468520824</v>
      </c>
      <c r="F6412" cm="1">
        <f t="array" ref="F6412">IFERROR(INDEX(Jesper!AJ$2:AJ$366,ROUNDDOWN($C6412/24,0)+1,1)*INDEX($D$3:$AA$30,INDEX(Jesper!$R$2:$R$366,ROW(INDEX(Jesper!AJ$2:AJ$366,ROUNDDOWN($C6412/24,0)+1,1))-1)+IF('Standard Profiles'!$G$20=$B$10,7,0)+IF('Standard Profiles'!$G$20=$B$17,14,0)+IF('Standard Profiles'!$G$20=$B$24,21,0),MOD($C6412,24)+1)/SUM(INDEX($D$3:$AA$30,INDEX(Jesper!$R$2:$R$366,ROW(INDEX(Jesper!AJ$2:AJ$366,ROUNDDOWN($C6412/24,0)+1,1))-1)+IF('Standard Profiles'!$G$20=$B$10,7,0)+IF('Standard Profiles'!$G$20=$B$17,14,0)+IF('Standard Profiles'!$G$20=$B$24,21,0),0)),0)</f>
        <v>0</v>
      </c>
      <c r="G6412" cm="1">
        <f t="array" ref="G6412">IFERROR(INDEX(Jesper!AK$2:AK$366,ROUNDDOWN($C6412/24,0)+1,1)*INDEX($D$3:$AA$30,INDEX(Jesper!$R$2:$R$366,ROW(INDEX(Jesper!AK$2:AK$366,ROUNDDOWN($C6412/24,0)+1,1))-1)+IF('Standard Profiles'!$G$21=$B$10,7,0)+IF('Standard Profiles'!$G$21=$B$17,14,0)+IF('Standard Profiles'!$G$21=$B$24,21,0),MOD($C6412,24)+1)/SUM(INDEX($D$3:$AA$30,INDEX(Jesper!$R$2:$R$366,ROW(INDEX(Jesper!AK$2:AK$366,ROUNDDOWN($C6412/24,0)+1,1))-1)+IF('Standard Profiles'!$G$21=$B$10,7,0)+IF('Standard Profiles'!$G$21=$B$17,14,0)+IF('Standard Profiles'!$G$21=$B$24,21,0),0)),0)</f>
        <v>0</v>
      </c>
      <c r="H6412" cm="1">
        <f t="array" ref="H6412">IFERROR(INDEX(Jesper!AL$2:AL$366,ROUNDDOWN($C6412/24,0)+1,1)*INDEX($D$3:$AA$30,INDEX(Jesper!$R$2:$R$366,ROW(INDEX(Jesper!AL$2:AL$366,ROUNDDOWN($C6412/24,0)+1,1))-1)+IF('Standard Profiles'!$G$22=$B$10,7,0)+IF('Standard Profiles'!$G$22=$B$17,14,0)+IF('Standard Profiles'!$G$22=$B$24,21,0),MOD($C6412,24)+1)/SUM(INDEX($D$3:$AA$30,INDEX(Jesper!$R$2:$R$366,ROW(INDEX(Jesper!AL$2:AL$366,ROUNDDOWN($C6412/24,0)+1,1))-1)+IF('Standard Profiles'!$G$22=$B$10,7,0)+IF('Standard Profiles'!$G$22=$B$17,14,0)+IF('Standard Profiles'!$G$22=$B$24,21,0),0)),0)</f>
        <v>0</v>
      </c>
      <c r="I6412">
        <f t="shared" si="713"/>
        <v>0.13347404926595341</v>
      </c>
      <c r="J6412">
        <f t="shared" si="714"/>
        <v>0.44491349755317805</v>
      </c>
      <c r="K6412">
        <f t="shared" si="715"/>
        <v>0.66737024632976716</v>
      </c>
      <c r="L6412">
        <f t="shared" si="716"/>
        <v>8.8382518869539819</v>
      </c>
      <c r="M6412">
        <f t="shared" si="717"/>
        <v>0</v>
      </c>
      <c r="N6412" s="46">
        <f t="shared" si="718"/>
        <v>45557.749999984531</v>
      </c>
    </row>
    <row r="6413" spans="2:14" x14ac:dyDescent="0.3">
      <c r="B6413">
        <f t="shared" si="712"/>
        <v>7</v>
      </c>
      <c r="C6413" s="16">
        <v>6379</v>
      </c>
      <c r="D6413" cm="1">
        <f t="array" ref="D6413">IFERROR(INDEX(Jesper!AH$2:AH$366,ROUNDDOWN($C6413/24,0)+1,1)*INDEX($D$3:$AA$30,INDEX(Jesper!$R$2:$R$366,ROW(INDEX(Jesper!AH$2:AH$366,ROUNDDOWN($C6413/24,0)+1,1))-1)+IF('Standard Profiles'!$G$18=$B$10,7,0)+IF('Standard Profiles'!$G$18=$B$17,14,0)+IF('Standard Profiles'!$G$18=$B$24,21,0),MOD($C6413,24)+1)/SUM(INDEX($D$3:$AA$30,INDEX(Jesper!$R$2:$R$366,ROW(INDEX(Jesper!AH$2:AH$366,ROUNDDOWN($C6413/24,0)+1,1))-1)+IF('Standard Profiles'!$G$18=$B$10,7,0)+IF('Standard Profiles'!$G$18=$B$17,14,0)+IF('Standard Profiles'!$G$18=$B$24,21,0),0)),0)</f>
        <v>7.2338765029608991</v>
      </c>
      <c r="E6413" cm="1">
        <f t="array" ref="E6413">IFERROR(INDEX(Jesper!AI$2:AI$366,ROUNDDOWN($C6413/24,0)+1,1)*INDEX($D$3:$AA$30,INDEX(Jesper!$R$2:$R$366,ROW(INDEX(Jesper!AI$2:AI$366,ROUNDDOWN($C6413/24,0)+1,1))-1)+IF('Standard Profiles'!$G$19=$B$10,7,0)+IF('Standard Profiles'!$G$19=$B$17,14,0)+IF('Standard Profiles'!$G$19=$B$24,21,0),MOD($C6413,24)+1)/SUM(INDEX($D$3:$AA$30,INDEX(Jesper!$R$2:$R$366,ROW(INDEX(Jesper!AI$2:AI$366,ROUNDDOWN($C6413/24,0)+1,1))-1)+IF('Standard Profiles'!$G$19=$B$10,7,0)+IF('Standard Profiles'!$G$19=$B$17,14,0)+IF('Standard Profiles'!$G$19=$B$24,21,0),0)),0)</f>
        <v>1.2458589098528874</v>
      </c>
      <c r="F6413" cm="1">
        <f t="array" ref="F6413">IFERROR(INDEX(Jesper!AJ$2:AJ$366,ROUNDDOWN($C6413/24,0)+1,1)*INDEX($D$3:$AA$30,INDEX(Jesper!$R$2:$R$366,ROW(INDEX(Jesper!AJ$2:AJ$366,ROUNDDOWN($C6413/24,0)+1,1))-1)+IF('Standard Profiles'!$G$20=$B$10,7,0)+IF('Standard Profiles'!$G$20=$B$17,14,0)+IF('Standard Profiles'!$G$20=$B$24,21,0),MOD($C6413,24)+1)/SUM(INDEX($D$3:$AA$30,INDEX(Jesper!$R$2:$R$366,ROW(INDEX(Jesper!AJ$2:AJ$366,ROUNDDOWN($C6413/24,0)+1,1))-1)+IF('Standard Profiles'!$G$20=$B$10,7,0)+IF('Standard Profiles'!$G$20=$B$17,14,0)+IF('Standard Profiles'!$G$20=$B$24,21,0),0)),0)</f>
        <v>0</v>
      </c>
      <c r="G6413" cm="1">
        <f t="array" ref="G6413">IFERROR(INDEX(Jesper!AK$2:AK$366,ROUNDDOWN($C6413/24,0)+1,1)*INDEX($D$3:$AA$30,INDEX(Jesper!$R$2:$R$366,ROW(INDEX(Jesper!AK$2:AK$366,ROUNDDOWN($C6413/24,0)+1,1))-1)+IF('Standard Profiles'!$G$21=$B$10,7,0)+IF('Standard Profiles'!$G$21=$B$17,14,0)+IF('Standard Profiles'!$G$21=$B$24,21,0),MOD($C6413,24)+1)/SUM(INDEX($D$3:$AA$30,INDEX(Jesper!$R$2:$R$366,ROW(INDEX(Jesper!AK$2:AK$366,ROUNDDOWN($C6413/24,0)+1,1))-1)+IF('Standard Profiles'!$G$21=$B$10,7,0)+IF('Standard Profiles'!$G$21=$B$17,14,0)+IF('Standard Profiles'!$G$21=$B$24,21,0),0)),0)</f>
        <v>0</v>
      </c>
      <c r="H6413" cm="1">
        <f t="array" ref="H6413">IFERROR(INDEX(Jesper!AL$2:AL$366,ROUNDDOWN($C6413/24,0)+1,1)*INDEX($D$3:$AA$30,INDEX(Jesper!$R$2:$R$366,ROW(INDEX(Jesper!AL$2:AL$366,ROUNDDOWN($C6413/24,0)+1,1))-1)+IF('Standard Profiles'!$G$22=$B$10,7,0)+IF('Standard Profiles'!$G$22=$B$17,14,0)+IF('Standard Profiles'!$G$22=$B$24,21,0),MOD($C6413,24)+1)/SUM(INDEX($D$3:$AA$30,INDEX(Jesper!$R$2:$R$366,ROW(INDEX(Jesper!AL$2:AL$366,ROUNDDOWN($C6413/24,0)+1,1))-1)+IF('Standard Profiles'!$G$22=$B$10,7,0)+IF('Standard Profiles'!$G$22=$B$17,14,0)+IF('Standard Profiles'!$G$22=$B$24,21,0),0)),0)</f>
        <v>0</v>
      </c>
      <c r="I6413">
        <f t="shared" si="713"/>
        <v>0.11223954142818808</v>
      </c>
      <c r="J6413">
        <f t="shared" si="714"/>
        <v>0.37413180476062696</v>
      </c>
      <c r="K6413">
        <f t="shared" si="715"/>
        <v>0.56119770714094053</v>
      </c>
      <c r="L6413">
        <f t="shared" si="716"/>
        <v>7.4321663594840315</v>
      </c>
      <c r="M6413">
        <f t="shared" si="717"/>
        <v>0</v>
      </c>
      <c r="N6413" s="46">
        <f t="shared" si="718"/>
        <v>45557.791666651196</v>
      </c>
    </row>
    <row r="6414" spans="2:14" x14ac:dyDescent="0.3">
      <c r="B6414">
        <f t="shared" si="712"/>
        <v>7</v>
      </c>
      <c r="C6414" s="16">
        <v>6380</v>
      </c>
      <c r="D6414" cm="1">
        <f t="array" ref="D6414">IFERROR(INDEX(Jesper!AH$2:AH$366,ROUNDDOWN($C6414/24,0)+1,1)*INDEX($D$3:$AA$30,INDEX(Jesper!$R$2:$R$366,ROW(INDEX(Jesper!AH$2:AH$366,ROUNDDOWN($C6414/24,0)+1,1))-1)+IF('Standard Profiles'!$G$18=$B$10,7,0)+IF('Standard Profiles'!$G$18=$B$17,14,0)+IF('Standard Profiles'!$G$18=$B$24,21,0),MOD($C6414,24)+1)/SUM(INDEX($D$3:$AA$30,INDEX(Jesper!$R$2:$R$366,ROW(INDEX(Jesper!AH$2:AH$366,ROUNDDOWN($C6414/24,0)+1,1))-1)+IF('Standard Profiles'!$G$18=$B$10,7,0)+IF('Standard Profiles'!$G$18=$B$17,14,0)+IF('Standard Profiles'!$G$18=$B$24,21,0),0)),0)</f>
        <v>6.0608154484266992</v>
      </c>
      <c r="E6414" cm="1">
        <f t="array" ref="E6414">IFERROR(INDEX(Jesper!AI$2:AI$366,ROUNDDOWN($C6414/24,0)+1,1)*INDEX($D$3:$AA$30,INDEX(Jesper!$R$2:$R$366,ROW(INDEX(Jesper!AI$2:AI$366,ROUNDDOWN($C6414/24,0)+1,1))-1)+IF('Standard Profiles'!$G$19=$B$10,7,0)+IF('Standard Profiles'!$G$19=$B$17,14,0)+IF('Standard Profiles'!$G$19=$B$24,21,0),MOD($C6414,24)+1)/SUM(INDEX($D$3:$AA$30,INDEX(Jesper!$R$2:$R$366,ROW(INDEX(Jesper!AI$2:AI$366,ROUNDDOWN($C6414/24,0)+1,1))-1)+IF('Standard Profiles'!$G$19=$B$10,7,0)+IF('Standard Profiles'!$G$19=$B$17,14,0)+IF('Standard Profiles'!$G$19=$B$24,21,0),0)),0)</f>
        <v>1.0438277352821488</v>
      </c>
      <c r="F6414" cm="1">
        <f t="array" ref="F6414">IFERROR(INDEX(Jesper!AJ$2:AJ$366,ROUNDDOWN($C6414/24,0)+1,1)*INDEX($D$3:$AA$30,INDEX(Jesper!$R$2:$R$366,ROW(INDEX(Jesper!AJ$2:AJ$366,ROUNDDOWN($C6414/24,0)+1,1))-1)+IF('Standard Profiles'!$G$20=$B$10,7,0)+IF('Standard Profiles'!$G$20=$B$17,14,0)+IF('Standard Profiles'!$G$20=$B$24,21,0),MOD($C6414,24)+1)/SUM(INDEX($D$3:$AA$30,INDEX(Jesper!$R$2:$R$366,ROW(INDEX(Jesper!AJ$2:AJ$366,ROUNDDOWN($C6414/24,0)+1,1))-1)+IF('Standard Profiles'!$G$20=$B$10,7,0)+IF('Standard Profiles'!$G$20=$B$17,14,0)+IF('Standard Profiles'!$G$20=$B$24,21,0),0)),0)</f>
        <v>0</v>
      </c>
      <c r="G6414" cm="1">
        <f t="array" ref="G6414">IFERROR(INDEX(Jesper!AK$2:AK$366,ROUNDDOWN($C6414/24,0)+1,1)*INDEX($D$3:$AA$30,INDEX(Jesper!$R$2:$R$366,ROW(INDEX(Jesper!AK$2:AK$366,ROUNDDOWN($C6414/24,0)+1,1))-1)+IF('Standard Profiles'!$G$21=$B$10,7,0)+IF('Standard Profiles'!$G$21=$B$17,14,0)+IF('Standard Profiles'!$G$21=$B$24,21,0),MOD($C6414,24)+1)/SUM(INDEX($D$3:$AA$30,INDEX(Jesper!$R$2:$R$366,ROW(INDEX(Jesper!AK$2:AK$366,ROUNDDOWN($C6414/24,0)+1,1))-1)+IF('Standard Profiles'!$G$21=$B$10,7,0)+IF('Standard Profiles'!$G$21=$B$17,14,0)+IF('Standard Profiles'!$G$21=$B$24,21,0),0)),0)</f>
        <v>0</v>
      </c>
      <c r="H6414" cm="1">
        <f t="array" ref="H6414">IFERROR(INDEX(Jesper!AL$2:AL$366,ROUNDDOWN($C6414/24,0)+1,1)*INDEX($D$3:$AA$30,INDEX(Jesper!$R$2:$R$366,ROW(INDEX(Jesper!AL$2:AL$366,ROUNDDOWN($C6414/24,0)+1,1))-1)+IF('Standard Profiles'!$G$22=$B$10,7,0)+IF('Standard Profiles'!$G$22=$B$17,14,0)+IF('Standard Profiles'!$G$22=$B$24,21,0),MOD($C6414,24)+1)/SUM(INDEX($D$3:$AA$30,INDEX(Jesper!$R$2:$R$366,ROW(INDEX(Jesper!AL$2:AL$366,ROUNDDOWN($C6414/24,0)+1,1))-1)+IF('Standard Profiles'!$G$22=$B$10,7,0)+IF('Standard Profiles'!$G$22=$B$17,14,0)+IF('Standard Profiles'!$G$22=$B$24,21,0),0)),0)</f>
        <v>0</v>
      </c>
      <c r="I6414">
        <f t="shared" si="713"/>
        <v>9.4038534710103525E-2</v>
      </c>
      <c r="J6414">
        <f t="shared" si="714"/>
        <v>0.31346178236701178</v>
      </c>
      <c r="K6414">
        <f t="shared" si="715"/>
        <v>0.47019267355051764</v>
      </c>
      <c r="L6414">
        <f t="shared" si="716"/>
        <v>6.2269501930812154</v>
      </c>
      <c r="M6414">
        <f t="shared" si="717"/>
        <v>0</v>
      </c>
      <c r="N6414" s="46">
        <f t="shared" si="718"/>
        <v>45557.83333331786</v>
      </c>
    </row>
    <row r="6415" spans="2:14" x14ac:dyDescent="0.3">
      <c r="B6415">
        <f t="shared" si="712"/>
        <v>7</v>
      </c>
      <c r="C6415" s="16">
        <v>6381</v>
      </c>
      <c r="D6415" cm="1">
        <f t="array" ref="D6415">IFERROR(INDEX(Jesper!AH$2:AH$366,ROUNDDOWN($C6415/24,0)+1,1)*INDEX($D$3:$AA$30,INDEX(Jesper!$R$2:$R$366,ROW(INDEX(Jesper!AH$2:AH$366,ROUNDDOWN($C6415/24,0)+1,1))-1)+IF('Standard Profiles'!$G$18=$B$10,7,0)+IF('Standard Profiles'!$G$18=$B$17,14,0)+IF('Standard Profiles'!$G$18=$B$24,21,0),MOD($C6415,24)+1)/SUM(INDEX($D$3:$AA$30,INDEX(Jesper!$R$2:$R$366,ROW(INDEX(Jesper!AH$2:AH$366,ROUNDDOWN($C6415/24,0)+1,1))-1)+IF('Standard Profiles'!$G$18=$B$10,7,0)+IF('Standard Profiles'!$G$18=$B$17,14,0)+IF('Standard Profiles'!$G$18=$B$24,21,0),0)),0)</f>
        <v>5.2787747454038998</v>
      </c>
      <c r="E6415" cm="1">
        <f t="array" ref="E6415">IFERROR(INDEX(Jesper!AI$2:AI$366,ROUNDDOWN($C6415/24,0)+1,1)*INDEX($D$3:$AA$30,INDEX(Jesper!$R$2:$R$366,ROW(INDEX(Jesper!AI$2:AI$366,ROUNDDOWN($C6415/24,0)+1,1))-1)+IF('Standard Profiles'!$G$19=$B$10,7,0)+IF('Standard Profiles'!$G$19=$B$17,14,0)+IF('Standard Profiles'!$G$19=$B$24,21,0),MOD($C6415,24)+1)/SUM(INDEX($D$3:$AA$30,INDEX(Jesper!$R$2:$R$366,ROW(INDEX(Jesper!AI$2:AI$366,ROUNDDOWN($C6415/24,0)+1,1))-1)+IF('Standard Profiles'!$G$19=$B$10,7,0)+IF('Standard Profiles'!$G$19=$B$17,14,0)+IF('Standard Profiles'!$G$19=$B$24,21,0),0)),0)</f>
        <v>0.90914028556832316</v>
      </c>
      <c r="F6415" cm="1">
        <f t="array" ref="F6415">IFERROR(INDEX(Jesper!AJ$2:AJ$366,ROUNDDOWN($C6415/24,0)+1,1)*INDEX($D$3:$AA$30,INDEX(Jesper!$R$2:$R$366,ROW(INDEX(Jesper!AJ$2:AJ$366,ROUNDDOWN($C6415/24,0)+1,1))-1)+IF('Standard Profiles'!$G$20=$B$10,7,0)+IF('Standard Profiles'!$G$20=$B$17,14,0)+IF('Standard Profiles'!$G$20=$B$24,21,0),MOD($C6415,24)+1)/SUM(INDEX($D$3:$AA$30,INDEX(Jesper!$R$2:$R$366,ROW(INDEX(Jesper!AJ$2:AJ$366,ROUNDDOWN($C6415/24,0)+1,1))-1)+IF('Standard Profiles'!$G$20=$B$10,7,0)+IF('Standard Profiles'!$G$20=$B$17,14,0)+IF('Standard Profiles'!$G$20=$B$24,21,0),0)),0)</f>
        <v>0</v>
      </c>
      <c r="G6415" cm="1">
        <f t="array" ref="G6415">IFERROR(INDEX(Jesper!AK$2:AK$366,ROUNDDOWN($C6415/24,0)+1,1)*INDEX($D$3:$AA$30,INDEX(Jesper!$R$2:$R$366,ROW(INDEX(Jesper!AK$2:AK$366,ROUNDDOWN($C6415/24,0)+1,1))-1)+IF('Standard Profiles'!$G$21=$B$10,7,0)+IF('Standard Profiles'!$G$21=$B$17,14,0)+IF('Standard Profiles'!$G$21=$B$24,21,0),MOD($C6415,24)+1)/SUM(INDEX($D$3:$AA$30,INDEX(Jesper!$R$2:$R$366,ROW(INDEX(Jesper!AK$2:AK$366,ROUNDDOWN($C6415/24,0)+1,1))-1)+IF('Standard Profiles'!$G$21=$B$10,7,0)+IF('Standard Profiles'!$G$21=$B$17,14,0)+IF('Standard Profiles'!$G$21=$B$24,21,0),0)),0)</f>
        <v>0</v>
      </c>
      <c r="H6415" cm="1">
        <f t="array" ref="H6415">IFERROR(INDEX(Jesper!AL$2:AL$366,ROUNDDOWN($C6415/24,0)+1,1)*INDEX($D$3:$AA$30,INDEX(Jesper!$R$2:$R$366,ROW(INDEX(Jesper!AL$2:AL$366,ROUNDDOWN($C6415/24,0)+1,1))-1)+IF('Standard Profiles'!$G$22=$B$10,7,0)+IF('Standard Profiles'!$G$22=$B$17,14,0)+IF('Standard Profiles'!$G$22=$B$24,21,0),MOD($C6415,24)+1)/SUM(INDEX($D$3:$AA$30,INDEX(Jesper!$R$2:$R$366,ROW(INDEX(Jesper!AL$2:AL$366,ROUNDDOWN($C6415/24,0)+1,1))-1)+IF('Standard Profiles'!$G$22=$B$10,7,0)+IF('Standard Profiles'!$G$22=$B$17,14,0)+IF('Standard Profiles'!$G$22=$B$24,21,0),0)),0)</f>
        <v>0</v>
      </c>
      <c r="I6415">
        <f t="shared" si="713"/>
        <v>8.1904530231380487E-2</v>
      </c>
      <c r="J6415">
        <f t="shared" si="714"/>
        <v>0.27301510077126834</v>
      </c>
      <c r="K6415">
        <f t="shared" si="715"/>
        <v>0.40952265115690251</v>
      </c>
      <c r="L6415">
        <f t="shared" si="716"/>
        <v>5.4234727488126717</v>
      </c>
      <c r="M6415">
        <f t="shared" si="717"/>
        <v>0</v>
      </c>
      <c r="N6415" s="46">
        <f t="shared" si="718"/>
        <v>45557.874999984524</v>
      </c>
    </row>
    <row r="6416" spans="2:14" x14ac:dyDescent="0.3">
      <c r="B6416">
        <f t="shared" si="712"/>
        <v>7</v>
      </c>
      <c r="C6416" s="16">
        <v>6382</v>
      </c>
      <c r="D6416" cm="1">
        <f t="array" ref="D6416">IFERROR(INDEX(Jesper!AH$2:AH$366,ROUNDDOWN($C6416/24,0)+1,1)*INDEX($D$3:$AA$30,INDEX(Jesper!$R$2:$R$366,ROW(INDEX(Jesper!AH$2:AH$366,ROUNDDOWN($C6416/24,0)+1,1))-1)+IF('Standard Profiles'!$G$18=$B$10,7,0)+IF('Standard Profiles'!$G$18=$B$17,14,0)+IF('Standard Profiles'!$G$18=$B$24,21,0),MOD($C6416,24)+1)/SUM(INDEX($D$3:$AA$30,INDEX(Jesper!$R$2:$R$366,ROW(INDEX(Jesper!AH$2:AH$366,ROUNDDOWN($C6416/24,0)+1,1))-1)+IF('Standard Profiles'!$G$18=$B$10,7,0)+IF('Standard Profiles'!$G$18=$B$17,14,0)+IF('Standard Profiles'!$G$18=$B$24,21,0),0)),0)</f>
        <v>5.2787747454038998</v>
      </c>
      <c r="E6416" cm="1">
        <f t="array" ref="E6416">IFERROR(INDEX(Jesper!AI$2:AI$366,ROUNDDOWN($C6416/24,0)+1,1)*INDEX($D$3:$AA$30,INDEX(Jesper!$R$2:$R$366,ROW(INDEX(Jesper!AI$2:AI$366,ROUNDDOWN($C6416/24,0)+1,1))-1)+IF('Standard Profiles'!$G$19=$B$10,7,0)+IF('Standard Profiles'!$G$19=$B$17,14,0)+IF('Standard Profiles'!$G$19=$B$24,21,0),MOD($C6416,24)+1)/SUM(INDEX($D$3:$AA$30,INDEX(Jesper!$R$2:$R$366,ROW(INDEX(Jesper!AI$2:AI$366,ROUNDDOWN($C6416/24,0)+1,1))-1)+IF('Standard Profiles'!$G$19=$B$10,7,0)+IF('Standard Profiles'!$G$19=$B$17,14,0)+IF('Standard Profiles'!$G$19=$B$24,21,0),0)),0)</f>
        <v>0.90914028556832316</v>
      </c>
      <c r="F6416" cm="1">
        <f t="array" ref="F6416">IFERROR(INDEX(Jesper!AJ$2:AJ$366,ROUNDDOWN($C6416/24,0)+1,1)*INDEX($D$3:$AA$30,INDEX(Jesper!$R$2:$R$366,ROW(INDEX(Jesper!AJ$2:AJ$366,ROUNDDOWN($C6416/24,0)+1,1))-1)+IF('Standard Profiles'!$G$20=$B$10,7,0)+IF('Standard Profiles'!$G$20=$B$17,14,0)+IF('Standard Profiles'!$G$20=$B$24,21,0),MOD($C6416,24)+1)/SUM(INDEX($D$3:$AA$30,INDEX(Jesper!$R$2:$R$366,ROW(INDEX(Jesper!AJ$2:AJ$366,ROUNDDOWN($C6416/24,0)+1,1))-1)+IF('Standard Profiles'!$G$20=$B$10,7,0)+IF('Standard Profiles'!$G$20=$B$17,14,0)+IF('Standard Profiles'!$G$20=$B$24,21,0),0)),0)</f>
        <v>0</v>
      </c>
      <c r="G6416" cm="1">
        <f t="array" ref="G6416">IFERROR(INDEX(Jesper!AK$2:AK$366,ROUNDDOWN($C6416/24,0)+1,1)*INDEX($D$3:$AA$30,INDEX(Jesper!$R$2:$R$366,ROW(INDEX(Jesper!AK$2:AK$366,ROUNDDOWN($C6416/24,0)+1,1))-1)+IF('Standard Profiles'!$G$21=$B$10,7,0)+IF('Standard Profiles'!$G$21=$B$17,14,0)+IF('Standard Profiles'!$G$21=$B$24,21,0),MOD($C6416,24)+1)/SUM(INDEX($D$3:$AA$30,INDEX(Jesper!$R$2:$R$366,ROW(INDEX(Jesper!AK$2:AK$366,ROUNDDOWN($C6416/24,0)+1,1))-1)+IF('Standard Profiles'!$G$21=$B$10,7,0)+IF('Standard Profiles'!$G$21=$B$17,14,0)+IF('Standard Profiles'!$G$21=$B$24,21,0),0)),0)</f>
        <v>0</v>
      </c>
      <c r="H6416" cm="1">
        <f t="array" ref="H6416">IFERROR(INDEX(Jesper!AL$2:AL$366,ROUNDDOWN($C6416/24,0)+1,1)*INDEX($D$3:$AA$30,INDEX(Jesper!$R$2:$R$366,ROW(INDEX(Jesper!AL$2:AL$366,ROUNDDOWN($C6416/24,0)+1,1))-1)+IF('Standard Profiles'!$G$22=$B$10,7,0)+IF('Standard Profiles'!$G$22=$B$17,14,0)+IF('Standard Profiles'!$G$22=$B$24,21,0),MOD($C6416,24)+1)/SUM(INDEX($D$3:$AA$30,INDEX(Jesper!$R$2:$R$366,ROW(INDEX(Jesper!AL$2:AL$366,ROUNDDOWN($C6416/24,0)+1,1))-1)+IF('Standard Profiles'!$G$22=$B$10,7,0)+IF('Standard Profiles'!$G$22=$B$17,14,0)+IF('Standard Profiles'!$G$22=$B$24,21,0),0)),0)</f>
        <v>0</v>
      </c>
      <c r="I6416">
        <f t="shared" si="713"/>
        <v>8.1904530231380487E-2</v>
      </c>
      <c r="J6416">
        <f t="shared" si="714"/>
        <v>0.27301510077126834</v>
      </c>
      <c r="K6416">
        <f t="shared" si="715"/>
        <v>0.40952265115690251</v>
      </c>
      <c r="L6416">
        <f t="shared" si="716"/>
        <v>5.4234727488126717</v>
      </c>
      <c r="M6416">
        <f t="shared" si="717"/>
        <v>0</v>
      </c>
      <c r="N6416" s="46">
        <f t="shared" si="718"/>
        <v>45557.916666651188</v>
      </c>
    </row>
    <row r="6417" spans="2:14" x14ac:dyDescent="0.3">
      <c r="B6417">
        <f t="shared" si="712"/>
        <v>7</v>
      </c>
      <c r="C6417" s="16">
        <v>6383</v>
      </c>
      <c r="D6417" cm="1">
        <f t="array" ref="D6417">IFERROR(INDEX(Jesper!AH$2:AH$366,ROUNDDOWN($C6417/24,0)+1,1)*INDEX($D$3:$AA$30,INDEX(Jesper!$R$2:$R$366,ROW(INDEX(Jesper!AH$2:AH$366,ROUNDDOWN($C6417/24,0)+1,1))-1)+IF('Standard Profiles'!$G$18=$B$10,7,0)+IF('Standard Profiles'!$G$18=$B$17,14,0)+IF('Standard Profiles'!$G$18=$B$24,21,0),MOD($C6417,24)+1)/SUM(INDEX($D$3:$AA$30,INDEX(Jesper!$R$2:$R$366,ROW(INDEX(Jesper!AH$2:AH$366,ROUNDDOWN($C6417/24,0)+1,1))-1)+IF('Standard Profiles'!$G$18=$B$10,7,0)+IF('Standard Profiles'!$G$18=$B$17,14,0)+IF('Standard Profiles'!$G$18=$B$24,21,0),0)),0)</f>
        <v>5.2787747454038998</v>
      </c>
      <c r="E6417" cm="1">
        <f t="array" ref="E6417">IFERROR(INDEX(Jesper!AI$2:AI$366,ROUNDDOWN($C6417/24,0)+1,1)*INDEX($D$3:$AA$30,INDEX(Jesper!$R$2:$R$366,ROW(INDEX(Jesper!AI$2:AI$366,ROUNDDOWN($C6417/24,0)+1,1))-1)+IF('Standard Profiles'!$G$19=$B$10,7,0)+IF('Standard Profiles'!$G$19=$B$17,14,0)+IF('Standard Profiles'!$G$19=$B$24,21,0),MOD($C6417,24)+1)/SUM(INDEX($D$3:$AA$30,INDEX(Jesper!$R$2:$R$366,ROW(INDEX(Jesper!AI$2:AI$366,ROUNDDOWN($C6417/24,0)+1,1))-1)+IF('Standard Profiles'!$G$19=$B$10,7,0)+IF('Standard Profiles'!$G$19=$B$17,14,0)+IF('Standard Profiles'!$G$19=$B$24,21,0),0)),0)</f>
        <v>0.90914028556832316</v>
      </c>
      <c r="F6417" cm="1">
        <f t="array" ref="F6417">IFERROR(INDEX(Jesper!AJ$2:AJ$366,ROUNDDOWN($C6417/24,0)+1,1)*INDEX($D$3:$AA$30,INDEX(Jesper!$R$2:$R$366,ROW(INDEX(Jesper!AJ$2:AJ$366,ROUNDDOWN($C6417/24,0)+1,1))-1)+IF('Standard Profiles'!$G$20=$B$10,7,0)+IF('Standard Profiles'!$G$20=$B$17,14,0)+IF('Standard Profiles'!$G$20=$B$24,21,0),MOD($C6417,24)+1)/SUM(INDEX($D$3:$AA$30,INDEX(Jesper!$R$2:$R$366,ROW(INDEX(Jesper!AJ$2:AJ$366,ROUNDDOWN($C6417/24,0)+1,1))-1)+IF('Standard Profiles'!$G$20=$B$10,7,0)+IF('Standard Profiles'!$G$20=$B$17,14,0)+IF('Standard Profiles'!$G$20=$B$24,21,0),0)),0)</f>
        <v>0</v>
      </c>
      <c r="G6417" cm="1">
        <f t="array" ref="G6417">IFERROR(INDEX(Jesper!AK$2:AK$366,ROUNDDOWN($C6417/24,0)+1,1)*INDEX($D$3:$AA$30,INDEX(Jesper!$R$2:$R$366,ROW(INDEX(Jesper!AK$2:AK$366,ROUNDDOWN($C6417/24,0)+1,1))-1)+IF('Standard Profiles'!$G$21=$B$10,7,0)+IF('Standard Profiles'!$G$21=$B$17,14,0)+IF('Standard Profiles'!$G$21=$B$24,21,0),MOD($C6417,24)+1)/SUM(INDEX($D$3:$AA$30,INDEX(Jesper!$R$2:$R$366,ROW(INDEX(Jesper!AK$2:AK$366,ROUNDDOWN($C6417/24,0)+1,1))-1)+IF('Standard Profiles'!$G$21=$B$10,7,0)+IF('Standard Profiles'!$G$21=$B$17,14,0)+IF('Standard Profiles'!$G$21=$B$24,21,0),0)),0)</f>
        <v>0</v>
      </c>
      <c r="H6417" cm="1">
        <f t="array" ref="H6417">IFERROR(INDEX(Jesper!AL$2:AL$366,ROUNDDOWN($C6417/24,0)+1,1)*INDEX($D$3:$AA$30,INDEX(Jesper!$R$2:$R$366,ROW(INDEX(Jesper!AL$2:AL$366,ROUNDDOWN($C6417/24,0)+1,1))-1)+IF('Standard Profiles'!$G$22=$B$10,7,0)+IF('Standard Profiles'!$G$22=$B$17,14,0)+IF('Standard Profiles'!$G$22=$B$24,21,0),MOD($C6417,24)+1)/SUM(INDEX($D$3:$AA$30,INDEX(Jesper!$R$2:$R$366,ROW(INDEX(Jesper!AL$2:AL$366,ROUNDDOWN($C6417/24,0)+1,1))-1)+IF('Standard Profiles'!$G$22=$B$10,7,0)+IF('Standard Profiles'!$G$22=$B$17,14,0)+IF('Standard Profiles'!$G$22=$B$24,21,0),0)),0)</f>
        <v>0</v>
      </c>
      <c r="I6417">
        <f t="shared" si="713"/>
        <v>8.1904530231380487E-2</v>
      </c>
      <c r="J6417">
        <f t="shared" si="714"/>
        <v>0.27301510077126834</v>
      </c>
      <c r="K6417">
        <f t="shared" si="715"/>
        <v>0.40952265115690251</v>
      </c>
      <c r="L6417">
        <f t="shared" si="716"/>
        <v>5.4234727488126717</v>
      </c>
      <c r="M6417">
        <f t="shared" si="717"/>
        <v>0</v>
      </c>
      <c r="N6417" s="46">
        <f t="shared" si="718"/>
        <v>45557.958333317853</v>
      </c>
    </row>
    <row r="6418" spans="2:14" x14ac:dyDescent="0.3">
      <c r="B6418">
        <f t="shared" si="712"/>
        <v>1</v>
      </c>
      <c r="C6418" s="16">
        <v>6384</v>
      </c>
      <c r="D6418" cm="1">
        <f t="array" ref="D6418">IFERROR(INDEX(Jesper!AH$2:AH$366,ROUNDDOWN($C6418/24,0)+1,1)*INDEX($D$3:$AA$30,INDEX(Jesper!$R$2:$R$366,ROW(INDEX(Jesper!AH$2:AH$366,ROUNDDOWN($C6418/24,0)+1,1))-1)+IF('Standard Profiles'!$G$18=$B$10,7,0)+IF('Standard Profiles'!$G$18=$B$17,14,0)+IF('Standard Profiles'!$G$18=$B$24,21,0),MOD($C6418,24)+1)/SUM(INDEX($D$3:$AA$30,INDEX(Jesper!$R$2:$R$366,ROW(INDEX(Jesper!AH$2:AH$366,ROUNDDOWN($C6418/24,0)+1,1))-1)+IF('Standard Profiles'!$G$18=$B$10,7,0)+IF('Standard Profiles'!$G$18=$B$17,14,0)+IF('Standard Profiles'!$G$18=$B$24,21,0),0)),0)</f>
        <v>2.4522429891733339</v>
      </c>
      <c r="E6418" cm="1">
        <f t="array" ref="E6418">IFERROR(INDEX(Jesper!AI$2:AI$366,ROUNDDOWN($C6418/24,0)+1,1)*INDEX($D$3:$AA$30,INDEX(Jesper!$R$2:$R$366,ROW(INDEX(Jesper!AI$2:AI$366,ROUNDDOWN($C6418/24,0)+1,1))-1)+IF('Standard Profiles'!$G$19=$B$10,7,0)+IF('Standard Profiles'!$G$19=$B$17,14,0)+IF('Standard Profiles'!$G$19=$B$24,21,0),MOD($C6418,24)+1)/SUM(INDEX($D$3:$AA$30,INDEX(Jesper!$R$2:$R$366,ROW(INDEX(Jesper!AI$2:AI$366,ROUNDDOWN($C6418/24,0)+1,1))-1)+IF('Standard Profiles'!$G$19=$B$10,7,0)+IF('Standard Profiles'!$G$19=$B$17,14,0)+IF('Standard Profiles'!$G$19=$B$24,21,0),0)),0)</f>
        <v>0</v>
      </c>
      <c r="F6418" cm="1">
        <f t="array" ref="F6418">IFERROR(INDEX(Jesper!AJ$2:AJ$366,ROUNDDOWN($C6418/24,0)+1,1)*INDEX($D$3:$AA$30,INDEX(Jesper!$R$2:$R$366,ROW(INDEX(Jesper!AJ$2:AJ$366,ROUNDDOWN($C6418/24,0)+1,1))-1)+IF('Standard Profiles'!$G$20=$B$10,7,0)+IF('Standard Profiles'!$G$20=$B$17,14,0)+IF('Standard Profiles'!$G$20=$B$24,21,0),MOD($C6418,24)+1)/SUM(INDEX($D$3:$AA$30,INDEX(Jesper!$R$2:$R$366,ROW(INDEX(Jesper!AJ$2:AJ$366,ROUNDDOWN($C6418/24,0)+1,1))-1)+IF('Standard Profiles'!$G$20=$B$10,7,0)+IF('Standard Profiles'!$G$20=$B$17,14,0)+IF('Standard Profiles'!$G$20=$B$24,21,0),0)),0)</f>
        <v>0</v>
      </c>
      <c r="G6418" cm="1">
        <f t="array" ref="G6418">IFERROR(INDEX(Jesper!AK$2:AK$366,ROUNDDOWN($C6418/24,0)+1,1)*INDEX($D$3:$AA$30,INDEX(Jesper!$R$2:$R$366,ROW(INDEX(Jesper!AK$2:AK$366,ROUNDDOWN($C6418/24,0)+1,1))-1)+IF('Standard Profiles'!$G$21=$B$10,7,0)+IF('Standard Profiles'!$G$21=$B$17,14,0)+IF('Standard Profiles'!$G$21=$B$24,21,0),MOD($C6418,24)+1)/SUM(INDEX($D$3:$AA$30,INDEX(Jesper!$R$2:$R$366,ROW(INDEX(Jesper!AK$2:AK$366,ROUNDDOWN($C6418/24,0)+1,1))-1)+IF('Standard Profiles'!$G$21=$B$10,7,0)+IF('Standard Profiles'!$G$21=$B$17,14,0)+IF('Standard Profiles'!$G$21=$B$24,21,0),0)),0)</f>
        <v>0</v>
      </c>
      <c r="H6418" cm="1">
        <f t="array" ref="H6418">IFERROR(INDEX(Jesper!AL$2:AL$366,ROUNDDOWN($C6418/24,0)+1,1)*INDEX($D$3:$AA$30,INDEX(Jesper!$R$2:$R$366,ROW(INDEX(Jesper!AL$2:AL$366,ROUNDDOWN($C6418/24,0)+1,1))-1)+IF('Standard Profiles'!$G$22=$B$10,7,0)+IF('Standard Profiles'!$G$22=$B$17,14,0)+IF('Standard Profiles'!$G$22=$B$24,21,0),MOD($C6418,24)+1)/SUM(INDEX($D$3:$AA$30,INDEX(Jesper!$R$2:$R$366,ROW(INDEX(Jesper!AL$2:AL$366,ROUNDDOWN($C6418/24,0)+1,1))-1)+IF('Standard Profiles'!$G$22=$B$10,7,0)+IF('Standard Profiles'!$G$22=$B$17,14,0)+IF('Standard Profiles'!$G$22=$B$24,21,0),0)),0)</f>
        <v>0</v>
      </c>
      <c r="I6418">
        <f t="shared" si="713"/>
        <v>7.3567289675200015E-2</v>
      </c>
      <c r="J6418">
        <f t="shared" si="714"/>
        <v>0.24522429891733341</v>
      </c>
      <c r="K6418">
        <f t="shared" si="715"/>
        <v>0.3678364483760001</v>
      </c>
      <c r="L6418">
        <f t="shared" si="716"/>
        <v>1.7656149522048004</v>
      </c>
      <c r="M6418">
        <f t="shared" si="717"/>
        <v>0</v>
      </c>
      <c r="N6418" s="46">
        <f t="shared" si="718"/>
        <v>45557.999999984517</v>
      </c>
    </row>
    <row r="6419" spans="2:14" x14ac:dyDescent="0.3">
      <c r="B6419">
        <f t="shared" si="712"/>
        <v>1</v>
      </c>
      <c r="C6419" s="16">
        <v>6385</v>
      </c>
      <c r="D6419" cm="1">
        <f t="array" ref="D6419">IFERROR(INDEX(Jesper!AH$2:AH$366,ROUNDDOWN($C6419/24,0)+1,1)*INDEX($D$3:$AA$30,INDEX(Jesper!$R$2:$R$366,ROW(INDEX(Jesper!AH$2:AH$366,ROUNDDOWN($C6419/24,0)+1,1))-1)+IF('Standard Profiles'!$G$18=$B$10,7,0)+IF('Standard Profiles'!$G$18=$B$17,14,0)+IF('Standard Profiles'!$G$18=$B$24,21,0),MOD($C6419,24)+1)/SUM(INDEX($D$3:$AA$30,INDEX(Jesper!$R$2:$R$366,ROW(INDEX(Jesper!AH$2:AH$366,ROUNDDOWN($C6419/24,0)+1,1))-1)+IF('Standard Profiles'!$G$18=$B$10,7,0)+IF('Standard Profiles'!$G$18=$B$17,14,0)+IF('Standard Profiles'!$G$18=$B$24,21,0),0)),0)</f>
        <v>2.4522429891733339</v>
      </c>
      <c r="E6419" cm="1">
        <f t="array" ref="E6419">IFERROR(INDEX(Jesper!AI$2:AI$366,ROUNDDOWN($C6419/24,0)+1,1)*INDEX($D$3:$AA$30,INDEX(Jesper!$R$2:$R$366,ROW(INDEX(Jesper!AI$2:AI$366,ROUNDDOWN($C6419/24,0)+1,1))-1)+IF('Standard Profiles'!$G$19=$B$10,7,0)+IF('Standard Profiles'!$G$19=$B$17,14,0)+IF('Standard Profiles'!$G$19=$B$24,21,0),MOD($C6419,24)+1)/SUM(INDEX($D$3:$AA$30,INDEX(Jesper!$R$2:$R$366,ROW(INDEX(Jesper!AI$2:AI$366,ROUNDDOWN($C6419/24,0)+1,1))-1)+IF('Standard Profiles'!$G$19=$B$10,7,0)+IF('Standard Profiles'!$G$19=$B$17,14,0)+IF('Standard Profiles'!$G$19=$B$24,21,0),0)),0)</f>
        <v>0</v>
      </c>
      <c r="F6419" cm="1">
        <f t="array" ref="F6419">IFERROR(INDEX(Jesper!AJ$2:AJ$366,ROUNDDOWN($C6419/24,0)+1,1)*INDEX($D$3:$AA$30,INDEX(Jesper!$R$2:$R$366,ROW(INDEX(Jesper!AJ$2:AJ$366,ROUNDDOWN($C6419/24,0)+1,1))-1)+IF('Standard Profiles'!$G$20=$B$10,7,0)+IF('Standard Profiles'!$G$20=$B$17,14,0)+IF('Standard Profiles'!$G$20=$B$24,21,0),MOD($C6419,24)+1)/SUM(INDEX($D$3:$AA$30,INDEX(Jesper!$R$2:$R$366,ROW(INDEX(Jesper!AJ$2:AJ$366,ROUNDDOWN($C6419/24,0)+1,1))-1)+IF('Standard Profiles'!$G$20=$B$10,7,0)+IF('Standard Profiles'!$G$20=$B$17,14,0)+IF('Standard Profiles'!$G$20=$B$24,21,0),0)),0)</f>
        <v>0</v>
      </c>
      <c r="G6419" cm="1">
        <f t="array" ref="G6419">IFERROR(INDEX(Jesper!AK$2:AK$366,ROUNDDOWN($C6419/24,0)+1,1)*INDEX($D$3:$AA$30,INDEX(Jesper!$R$2:$R$366,ROW(INDEX(Jesper!AK$2:AK$366,ROUNDDOWN($C6419/24,0)+1,1))-1)+IF('Standard Profiles'!$G$21=$B$10,7,0)+IF('Standard Profiles'!$G$21=$B$17,14,0)+IF('Standard Profiles'!$G$21=$B$24,21,0),MOD($C6419,24)+1)/SUM(INDEX($D$3:$AA$30,INDEX(Jesper!$R$2:$R$366,ROW(INDEX(Jesper!AK$2:AK$366,ROUNDDOWN($C6419/24,0)+1,1))-1)+IF('Standard Profiles'!$G$21=$B$10,7,0)+IF('Standard Profiles'!$G$21=$B$17,14,0)+IF('Standard Profiles'!$G$21=$B$24,21,0),0)),0)</f>
        <v>0</v>
      </c>
      <c r="H6419" cm="1">
        <f t="array" ref="H6419">IFERROR(INDEX(Jesper!AL$2:AL$366,ROUNDDOWN($C6419/24,0)+1,1)*INDEX($D$3:$AA$30,INDEX(Jesper!$R$2:$R$366,ROW(INDEX(Jesper!AL$2:AL$366,ROUNDDOWN($C6419/24,0)+1,1))-1)+IF('Standard Profiles'!$G$22=$B$10,7,0)+IF('Standard Profiles'!$G$22=$B$17,14,0)+IF('Standard Profiles'!$G$22=$B$24,21,0),MOD($C6419,24)+1)/SUM(INDEX($D$3:$AA$30,INDEX(Jesper!$R$2:$R$366,ROW(INDEX(Jesper!AL$2:AL$366,ROUNDDOWN($C6419/24,0)+1,1))-1)+IF('Standard Profiles'!$G$22=$B$10,7,0)+IF('Standard Profiles'!$G$22=$B$17,14,0)+IF('Standard Profiles'!$G$22=$B$24,21,0),0)),0)</f>
        <v>0</v>
      </c>
      <c r="I6419">
        <f t="shared" si="713"/>
        <v>7.3567289675200015E-2</v>
      </c>
      <c r="J6419">
        <f t="shared" si="714"/>
        <v>0.24522429891733341</v>
      </c>
      <c r="K6419">
        <f t="shared" si="715"/>
        <v>0.3678364483760001</v>
      </c>
      <c r="L6419">
        <f t="shared" si="716"/>
        <v>1.7656149522048004</v>
      </c>
      <c r="M6419">
        <f t="shared" si="717"/>
        <v>0</v>
      </c>
      <c r="N6419" s="46">
        <f t="shared" si="718"/>
        <v>45558.041666651181</v>
      </c>
    </row>
    <row r="6420" spans="2:14" x14ac:dyDescent="0.3">
      <c r="B6420">
        <f t="shared" si="712"/>
        <v>1</v>
      </c>
      <c r="C6420" s="16">
        <v>6386</v>
      </c>
      <c r="D6420" cm="1">
        <f t="array" ref="D6420">IFERROR(INDEX(Jesper!AH$2:AH$366,ROUNDDOWN($C6420/24,0)+1,1)*INDEX($D$3:$AA$30,INDEX(Jesper!$R$2:$R$366,ROW(INDEX(Jesper!AH$2:AH$366,ROUNDDOWN($C6420/24,0)+1,1))-1)+IF('Standard Profiles'!$G$18=$B$10,7,0)+IF('Standard Profiles'!$G$18=$B$17,14,0)+IF('Standard Profiles'!$G$18=$B$24,21,0),MOD($C6420,24)+1)/SUM(INDEX($D$3:$AA$30,INDEX(Jesper!$R$2:$R$366,ROW(INDEX(Jesper!AH$2:AH$366,ROUNDDOWN($C6420/24,0)+1,1))-1)+IF('Standard Profiles'!$G$18=$B$10,7,0)+IF('Standard Profiles'!$G$18=$B$17,14,0)+IF('Standard Profiles'!$G$18=$B$24,21,0),0)),0)</f>
        <v>2.4522429891733339</v>
      </c>
      <c r="E6420" cm="1">
        <f t="array" ref="E6420">IFERROR(INDEX(Jesper!AI$2:AI$366,ROUNDDOWN($C6420/24,0)+1,1)*INDEX($D$3:$AA$30,INDEX(Jesper!$R$2:$R$366,ROW(INDEX(Jesper!AI$2:AI$366,ROUNDDOWN($C6420/24,0)+1,1))-1)+IF('Standard Profiles'!$G$19=$B$10,7,0)+IF('Standard Profiles'!$G$19=$B$17,14,0)+IF('Standard Profiles'!$G$19=$B$24,21,0),MOD($C6420,24)+1)/SUM(INDEX($D$3:$AA$30,INDEX(Jesper!$R$2:$R$366,ROW(INDEX(Jesper!AI$2:AI$366,ROUNDDOWN($C6420/24,0)+1,1))-1)+IF('Standard Profiles'!$G$19=$B$10,7,0)+IF('Standard Profiles'!$G$19=$B$17,14,0)+IF('Standard Profiles'!$G$19=$B$24,21,0),0)),0)</f>
        <v>0</v>
      </c>
      <c r="F6420" cm="1">
        <f t="array" ref="F6420">IFERROR(INDEX(Jesper!AJ$2:AJ$366,ROUNDDOWN($C6420/24,0)+1,1)*INDEX($D$3:$AA$30,INDEX(Jesper!$R$2:$R$366,ROW(INDEX(Jesper!AJ$2:AJ$366,ROUNDDOWN($C6420/24,0)+1,1))-1)+IF('Standard Profiles'!$G$20=$B$10,7,0)+IF('Standard Profiles'!$G$20=$B$17,14,0)+IF('Standard Profiles'!$G$20=$B$24,21,0),MOD($C6420,24)+1)/SUM(INDEX($D$3:$AA$30,INDEX(Jesper!$R$2:$R$366,ROW(INDEX(Jesper!AJ$2:AJ$366,ROUNDDOWN($C6420/24,0)+1,1))-1)+IF('Standard Profiles'!$G$20=$B$10,7,0)+IF('Standard Profiles'!$G$20=$B$17,14,0)+IF('Standard Profiles'!$G$20=$B$24,21,0),0)),0)</f>
        <v>0</v>
      </c>
      <c r="G6420" cm="1">
        <f t="array" ref="G6420">IFERROR(INDEX(Jesper!AK$2:AK$366,ROUNDDOWN($C6420/24,0)+1,1)*INDEX($D$3:$AA$30,INDEX(Jesper!$R$2:$R$366,ROW(INDEX(Jesper!AK$2:AK$366,ROUNDDOWN($C6420/24,0)+1,1))-1)+IF('Standard Profiles'!$G$21=$B$10,7,0)+IF('Standard Profiles'!$G$21=$B$17,14,0)+IF('Standard Profiles'!$G$21=$B$24,21,0),MOD($C6420,24)+1)/SUM(INDEX($D$3:$AA$30,INDEX(Jesper!$R$2:$R$366,ROW(INDEX(Jesper!AK$2:AK$366,ROUNDDOWN($C6420/24,0)+1,1))-1)+IF('Standard Profiles'!$G$21=$B$10,7,0)+IF('Standard Profiles'!$G$21=$B$17,14,0)+IF('Standard Profiles'!$G$21=$B$24,21,0),0)),0)</f>
        <v>0</v>
      </c>
      <c r="H6420" cm="1">
        <f t="array" ref="H6420">IFERROR(INDEX(Jesper!AL$2:AL$366,ROUNDDOWN($C6420/24,0)+1,1)*INDEX($D$3:$AA$30,INDEX(Jesper!$R$2:$R$366,ROW(INDEX(Jesper!AL$2:AL$366,ROUNDDOWN($C6420/24,0)+1,1))-1)+IF('Standard Profiles'!$G$22=$B$10,7,0)+IF('Standard Profiles'!$G$22=$B$17,14,0)+IF('Standard Profiles'!$G$22=$B$24,21,0),MOD($C6420,24)+1)/SUM(INDEX($D$3:$AA$30,INDEX(Jesper!$R$2:$R$366,ROW(INDEX(Jesper!AL$2:AL$366,ROUNDDOWN($C6420/24,0)+1,1))-1)+IF('Standard Profiles'!$G$22=$B$10,7,0)+IF('Standard Profiles'!$G$22=$B$17,14,0)+IF('Standard Profiles'!$G$22=$B$24,21,0),0)),0)</f>
        <v>0</v>
      </c>
      <c r="I6420">
        <f t="shared" si="713"/>
        <v>7.3567289675200015E-2</v>
      </c>
      <c r="J6420">
        <f t="shared" si="714"/>
        <v>0.24522429891733341</v>
      </c>
      <c r="K6420">
        <f t="shared" si="715"/>
        <v>0.3678364483760001</v>
      </c>
      <c r="L6420">
        <f t="shared" si="716"/>
        <v>1.7656149522048004</v>
      </c>
      <c r="M6420">
        <f t="shared" si="717"/>
        <v>0</v>
      </c>
      <c r="N6420" s="46">
        <f t="shared" si="718"/>
        <v>45558.083333317845</v>
      </c>
    </row>
    <row r="6421" spans="2:14" x14ac:dyDescent="0.3">
      <c r="B6421">
        <f t="shared" si="712"/>
        <v>1</v>
      </c>
      <c r="C6421" s="16">
        <v>6387</v>
      </c>
      <c r="D6421" cm="1">
        <f t="array" ref="D6421">IFERROR(INDEX(Jesper!AH$2:AH$366,ROUNDDOWN($C6421/24,0)+1,1)*INDEX($D$3:$AA$30,INDEX(Jesper!$R$2:$R$366,ROW(INDEX(Jesper!AH$2:AH$366,ROUNDDOWN($C6421/24,0)+1,1))-1)+IF('Standard Profiles'!$G$18=$B$10,7,0)+IF('Standard Profiles'!$G$18=$B$17,14,0)+IF('Standard Profiles'!$G$18=$B$24,21,0),MOD($C6421,24)+1)/SUM(INDEX($D$3:$AA$30,INDEX(Jesper!$R$2:$R$366,ROW(INDEX(Jesper!AH$2:AH$366,ROUNDDOWN($C6421/24,0)+1,1))-1)+IF('Standard Profiles'!$G$18=$B$10,7,0)+IF('Standard Profiles'!$G$18=$B$17,14,0)+IF('Standard Profiles'!$G$18=$B$24,21,0),0)),0)</f>
        <v>2.4522429891733339</v>
      </c>
      <c r="E6421" cm="1">
        <f t="array" ref="E6421">IFERROR(INDEX(Jesper!AI$2:AI$366,ROUNDDOWN($C6421/24,0)+1,1)*INDEX($D$3:$AA$30,INDEX(Jesper!$R$2:$R$366,ROW(INDEX(Jesper!AI$2:AI$366,ROUNDDOWN($C6421/24,0)+1,1))-1)+IF('Standard Profiles'!$G$19=$B$10,7,0)+IF('Standard Profiles'!$G$19=$B$17,14,0)+IF('Standard Profiles'!$G$19=$B$24,21,0),MOD($C6421,24)+1)/SUM(INDEX($D$3:$AA$30,INDEX(Jesper!$R$2:$R$366,ROW(INDEX(Jesper!AI$2:AI$366,ROUNDDOWN($C6421/24,0)+1,1))-1)+IF('Standard Profiles'!$G$19=$B$10,7,0)+IF('Standard Profiles'!$G$19=$B$17,14,0)+IF('Standard Profiles'!$G$19=$B$24,21,0),0)),0)</f>
        <v>0</v>
      </c>
      <c r="F6421" cm="1">
        <f t="array" ref="F6421">IFERROR(INDEX(Jesper!AJ$2:AJ$366,ROUNDDOWN($C6421/24,0)+1,1)*INDEX($D$3:$AA$30,INDEX(Jesper!$R$2:$R$366,ROW(INDEX(Jesper!AJ$2:AJ$366,ROUNDDOWN($C6421/24,0)+1,1))-1)+IF('Standard Profiles'!$G$20=$B$10,7,0)+IF('Standard Profiles'!$G$20=$B$17,14,0)+IF('Standard Profiles'!$G$20=$B$24,21,0),MOD($C6421,24)+1)/SUM(INDEX($D$3:$AA$30,INDEX(Jesper!$R$2:$R$366,ROW(INDEX(Jesper!AJ$2:AJ$366,ROUNDDOWN($C6421/24,0)+1,1))-1)+IF('Standard Profiles'!$G$20=$B$10,7,0)+IF('Standard Profiles'!$G$20=$B$17,14,0)+IF('Standard Profiles'!$G$20=$B$24,21,0),0)),0)</f>
        <v>0</v>
      </c>
      <c r="G6421" cm="1">
        <f t="array" ref="G6421">IFERROR(INDEX(Jesper!AK$2:AK$366,ROUNDDOWN($C6421/24,0)+1,1)*INDEX($D$3:$AA$30,INDEX(Jesper!$R$2:$R$366,ROW(INDEX(Jesper!AK$2:AK$366,ROUNDDOWN($C6421/24,0)+1,1))-1)+IF('Standard Profiles'!$G$21=$B$10,7,0)+IF('Standard Profiles'!$G$21=$B$17,14,0)+IF('Standard Profiles'!$G$21=$B$24,21,0),MOD($C6421,24)+1)/SUM(INDEX($D$3:$AA$30,INDEX(Jesper!$R$2:$R$366,ROW(INDEX(Jesper!AK$2:AK$366,ROUNDDOWN($C6421/24,0)+1,1))-1)+IF('Standard Profiles'!$G$21=$B$10,7,0)+IF('Standard Profiles'!$G$21=$B$17,14,0)+IF('Standard Profiles'!$G$21=$B$24,21,0),0)),0)</f>
        <v>0</v>
      </c>
      <c r="H6421" cm="1">
        <f t="array" ref="H6421">IFERROR(INDEX(Jesper!AL$2:AL$366,ROUNDDOWN($C6421/24,0)+1,1)*INDEX($D$3:$AA$30,INDEX(Jesper!$R$2:$R$366,ROW(INDEX(Jesper!AL$2:AL$366,ROUNDDOWN($C6421/24,0)+1,1))-1)+IF('Standard Profiles'!$G$22=$B$10,7,0)+IF('Standard Profiles'!$G$22=$B$17,14,0)+IF('Standard Profiles'!$G$22=$B$24,21,0),MOD($C6421,24)+1)/SUM(INDEX($D$3:$AA$30,INDEX(Jesper!$R$2:$R$366,ROW(INDEX(Jesper!AL$2:AL$366,ROUNDDOWN($C6421/24,0)+1,1))-1)+IF('Standard Profiles'!$G$22=$B$10,7,0)+IF('Standard Profiles'!$G$22=$B$17,14,0)+IF('Standard Profiles'!$G$22=$B$24,21,0),0)),0)</f>
        <v>0</v>
      </c>
      <c r="I6421">
        <f t="shared" si="713"/>
        <v>7.3567289675200015E-2</v>
      </c>
      <c r="J6421">
        <f t="shared" si="714"/>
        <v>0.24522429891733341</v>
      </c>
      <c r="K6421">
        <f t="shared" si="715"/>
        <v>0.3678364483760001</v>
      </c>
      <c r="L6421">
        <f t="shared" si="716"/>
        <v>1.7656149522048004</v>
      </c>
      <c r="M6421">
        <f t="shared" si="717"/>
        <v>0</v>
      </c>
      <c r="N6421" s="46">
        <f t="shared" si="718"/>
        <v>45558.124999984509</v>
      </c>
    </row>
    <row r="6422" spans="2:14" x14ac:dyDescent="0.3">
      <c r="B6422">
        <f t="shared" si="712"/>
        <v>1</v>
      </c>
      <c r="C6422" s="16">
        <v>6388</v>
      </c>
      <c r="D6422" cm="1">
        <f t="array" ref="D6422">IFERROR(INDEX(Jesper!AH$2:AH$366,ROUNDDOWN($C6422/24,0)+1,1)*INDEX($D$3:$AA$30,INDEX(Jesper!$R$2:$R$366,ROW(INDEX(Jesper!AH$2:AH$366,ROUNDDOWN($C6422/24,0)+1,1))-1)+IF('Standard Profiles'!$G$18=$B$10,7,0)+IF('Standard Profiles'!$G$18=$B$17,14,0)+IF('Standard Profiles'!$G$18=$B$24,21,0),MOD($C6422,24)+1)/SUM(INDEX($D$3:$AA$30,INDEX(Jesper!$R$2:$R$366,ROW(INDEX(Jesper!AH$2:AH$366,ROUNDDOWN($C6422/24,0)+1,1))-1)+IF('Standard Profiles'!$G$18=$B$10,7,0)+IF('Standard Profiles'!$G$18=$B$17,14,0)+IF('Standard Profiles'!$G$18=$B$24,21,0),0)),0)</f>
        <v>2.4522429891733339</v>
      </c>
      <c r="E6422" cm="1">
        <f t="array" ref="E6422">IFERROR(INDEX(Jesper!AI$2:AI$366,ROUNDDOWN($C6422/24,0)+1,1)*INDEX($D$3:$AA$30,INDEX(Jesper!$R$2:$R$366,ROW(INDEX(Jesper!AI$2:AI$366,ROUNDDOWN($C6422/24,0)+1,1))-1)+IF('Standard Profiles'!$G$19=$B$10,7,0)+IF('Standard Profiles'!$G$19=$B$17,14,0)+IF('Standard Profiles'!$G$19=$B$24,21,0),MOD($C6422,24)+1)/SUM(INDEX($D$3:$AA$30,INDEX(Jesper!$R$2:$R$366,ROW(INDEX(Jesper!AI$2:AI$366,ROUNDDOWN($C6422/24,0)+1,1))-1)+IF('Standard Profiles'!$G$19=$B$10,7,0)+IF('Standard Profiles'!$G$19=$B$17,14,0)+IF('Standard Profiles'!$G$19=$B$24,21,0),0)),0)</f>
        <v>0</v>
      </c>
      <c r="F6422" cm="1">
        <f t="array" ref="F6422">IFERROR(INDEX(Jesper!AJ$2:AJ$366,ROUNDDOWN($C6422/24,0)+1,1)*INDEX($D$3:$AA$30,INDEX(Jesper!$R$2:$R$366,ROW(INDEX(Jesper!AJ$2:AJ$366,ROUNDDOWN($C6422/24,0)+1,1))-1)+IF('Standard Profiles'!$G$20=$B$10,7,0)+IF('Standard Profiles'!$G$20=$B$17,14,0)+IF('Standard Profiles'!$G$20=$B$24,21,0),MOD($C6422,24)+1)/SUM(INDEX($D$3:$AA$30,INDEX(Jesper!$R$2:$R$366,ROW(INDEX(Jesper!AJ$2:AJ$366,ROUNDDOWN($C6422/24,0)+1,1))-1)+IF('Standard Profiles'!$G$20=$B$10,7,0)+IF('Standard Profiles'!$G$20=$B$17,14,0)+IF('Standard Profiles'!$G$20=$B$24,21,0),0)),0)</f>
        <v>0</v>
      </c>
      <c r="G6422" cm="1">
        <f t="array" ref="G6422">IFERROR(INDEX(Jesper!AK$2:AK$366,ROUNDDOWN($C6422/24,0)+1,1)*INDEX($D$3:$AA$30,INDEX(Jesper!$R$2:$R$366,ROW(INDEX(Jesper!AK$2:AK$366,ROUNDDOWN($C6422/24,0)+1,1))-1)+IF('Standard Profiles'!$G$21=$B$10,7,0)+IF('Standard Profiles'!$G$21=$B$17,14,0)+IF('Standard Profiles'!$G$21=$B$24,21,0),MOD($C6422,24)+1)/SUM(INDEX($D$3:$AA$30,INDEX(Jesper!$R$2:$R$366,ROW(INDEX(Jesper!AK$2:AK$366,ROUNDDOWN($C6422/24,0)+1,1))-1)+IF('Standard Profiles'!$G$21=$B$10,7,0)+IF('Standard Profiles'!$G$21=$B$17,14,0)+IF('Standard Profiles'!$G$21=$B$24,21,0),0)),0)</f>
        <v>0</v>
      </c>
      <c r="H6422" cm="1">
        <f t="array" ref="H6422">IFERROR(INDEX(Jesper!AL$2:AL$366,ROUNDDOWN($C6422/24,0)+1,1)*INDEX($D$3:$AA$30,INDEX(Jesper!$R$2:$R$366,ROW(INDEX(Jesper!AL$2:AL$366,ROUNDDOWN($C6422/24,0)+1,1))-1)+IF('Standard Profiles'!$G$22=$B$10,7,0)+IF('Standard Profiles'!$G$22=$B$17,14,0)+IF('Standard Profiles'!$G$22=$B$24,21,0),MOD($C6422,24)+1)/SUM(INDEX($D$3:$AA$30,INDEX(Jesper!$R$2:$R$366,ROW(INDEX(Jesper!AL$2:AL$366,ROUNDDOWN($C6422/24,0)+1,1))-1)+IF('Standard Profiles'!$G$22=$B$10,7,0)+IF('Standard Profiles'!$G$22=$B$17,14,0)+IF('Standard Profiles'!$G$22=$B$24,21,0),0)),0)</f>
        <v>0</v>
      </c>
      <c r="I6422">
        <f t="shared" si="713"/>
        <v>7.3567289675200015E-2</v>
      </c>
      <c r="J6422">
        <f t="shared" si="714"/>
        <v>0.24522429891733341</v>
      </c>
      <c r="K6422">
        <f t="shared" si="715"/>
        <v>0.3678364483760001</v>
      </c>
      <c r="L6422">
        <f t="shared" si="716"/>
        <v>1.7656149522048004</v>
      </c>
      <c r="M6422">
        <f t="shared" si="717"/>
        <v>0</v>
      </c>
      <c r="N6422" s="46">
        <f t="shared" si="718"/>
        <v>45558.166666651174</v>
      </c>
    </row>
    <row r="6423" spans="2:14" x14ac:dyDescent="0.3">
      <c r="B6423">
        <f t="shared" si="712"/>
        <v>1</v>
      </c>
      <c r="C6423" s="16">
        <v>6389</v>
      </c>
      <c r="D6423" cm="1">
        <f t="array" ref="D6423">IFERROR(INDEX(Jesper!AH$2:AH$366,ROUNDDOWN($C6423/24,0)+1,1)*INDEX($D$3:$AA$30,INDEX(Jesper!$R$2:$R$366,ROW(INDEX(Jesper!AH$2:AH$366,ROUNDDOWN($C6423/24,0)+1,1))-1)+IF('Standard Profiles'!$G$18=$B$10,7,0)+IF('Standard Profiles'!$G$18=$B$17,14,0)+IF('Standard Profiles'!$G$18=$B$24,21,0),MOD($C6423,24)+1)/SUM(INDEX($D$3:$AA$30,INDEX(Jesper!$R$2:$R$366,ROW(INDEX(Jesper!AH$2:AH$366,ROUNDDOWN($C6423/24,0)+1,1))-1)+IF('Standard Profiles'!$G$18=$B$10,7,0)+IF('Standard Profiles'!$G$18=$B$17,14,0)+IF('Standard Profiles'!$G$18=$B$24,21,0),0)),0)</f>
        <v>10.626386286417782</v>
      </c>
      <c r="E6423" cm="1">
        <f t="array" ref="E6423">IFERROR(INDEX(Jesper!AI$2:AI$366,ROUNDDOWN($C6423/24,0)+1,1)*INDEX($D$3:$AA$30,INDEX(Jesper!$R$2:$R$366,ROW(INDEX(Jesper!AI$2:AI$366,ROUNDDOWN($C6423/24,0)+1,1))-1)+IF('Standard Profiles'!$G$19=$B$10,7,0)+IF('Standard Profiles'!$G$19=$B$17,14,0)+IF('Standard Profiles'!$G$19=$B$24,21,0),MOD($C6423,24)+1)/SUM(INDEX($D$3:$AA$30,INDEX(Jesper!$R$2:$R$366,ROW(INDEX(Jesper!AI$2:AI$366,ROUNDDOWN($C6423/24,0)+1,1))-1)+IF('Standard Profiles'!$G$19=$B$10,7,0)+IF('Standard Profiles'!$G$19=$B$17,14,0)+IF('Standard Profiles'!$G$19=$B$24,21,0),0)),0)</f>
        <v>0</v>
      </c>
      <c r="F6423" cm="1">
        <f t="array" ref="F6423">IFERROR(INDEX(Jesper!AJ$2:AJ$366,ROUNDDOWN($C6423/24,0)+1,1)*INDEX($D$3:$AA$30,INDEX(Jesper!$R$2:$R$366,ROW(INDEX(Jesper!AJ$2:AJ$366,ROUNDDOWN($C6423/24,0)+1,1))-1)+IF('Standard Profiles'!$G$20=$B$10,7,0)+IF('Standard Profiles'!$G$20=$B$17,14,0)+IF('Standard Profiles'!$G$20=$B$24,21,0),MOD($C6423,24)+1)/SUM(INDEX($D$3:$AA$30,INDEX(Jesper!$R$2:$R$366,ROW(INDEX(Jesper!AJ$2:AJ$366,ROUNDDOWN($C6423/24,0)+1,1))-1)+IF('Standard Profiles'!$G$20=$B$10,7,0)+IF('Standard Profiles'!$G$20=$B$17,14,0)+IF('Standard Profiles'!$G$20=$B$24,21,0),0)),0)</f>
        <v>0</v>
      </c>
      <c r="G6423" cm="1">
        <f t="array" ref="G6423">IFERROR(INDEX(Jesper!AK$2:AK$366,ROUNDDOWN($C6423/24,0)+1,1)*INDEX($D$3:$AA$30,INDEX(Jesper!$R$2:$R$366,ROW(INDEX(Jesper!AK$2:AK$366,ROUNDDOWN($C6423/24,0)+1,1))-1)+IF('Standard Profiles'!$G$21=$B$10,7,0)+IF('Standard Profiles'!$G$21=$B$17,14,0)+IF('Standard Profiles'!$G$21=$B$24,21,0),MOD($C6423,24)+1)/SUM(INDEX($D$3:$AA$30,INDEX(Jesper!$R$2:$R$366,ROW(INDEX(Jesper!AK$2:AK$366,ROUNDDOWN($C6423/24,0)+1,1))-1)+IF('Standard Profiles'!$G$21=$B$10,7,0)+IF('Standard Profiles'!$G$21=$B$17,14,0)+IF('Standard Profiles'!$G$21=$B$24,21,0),0)),0)</f>
        <v>0</v>
      </c>
      <c r="H6423" cm="1">
        <f t="array" ref="H6423">IFERROR(INDEX(Jesper!AL$2:AL$366,ROUNDDOWN($C6423/24,0)+1,1)*INDEX($D$3:$AA$30,INDEX(Jesper!$R$2:$R$366,ROW(INDEX(Jesper!AL$2:AL$366,ROUNDDOWN($C6423/24,0)+1,1))-1)+IF('Standard Profiles'!$G$22=$B$10,7,0)+IF('Standard Profiles'!$G$22=$B$17,14,0)+IF('Standard Profiles'!$G$22=$B$24,21,0),MOD($C6423,24)+1)/SUM(INDEX($D$3:$AA$30,INDEX(Jesper!$R$2:$R$366,ROW(INDEX(Jesper!AL$2:AL$366,ROUNDDOWN($C6423/24,0)+1,1))-1)+IF('Standard Profiles'!$G$22=$B$10,7,0)+IF('Standard Profiles'!$G$22=$B$17,14,0)+IF('Standard Profiles'!$G$22=$B$24,21,0),0)),0)</f>
        <v>0</v>
      </c>
      <c r="I6423">
        <f t="shared" si="713"/>
        <v>0.31879158859253343</v>
      </c>
      <c r="J6423">
        <f t="shared" si="714"/>
        <v>1.0626386286417782</v>
      </c>
      <c r="K6423">
        <f t="shared" si="715"/>
        <v>1.5939579429626674</v>
      </c>
      <c r="L6423">
        <f t="shared" si="716"/>
        <v>7.6509981262208031</v>
      </c>
      <c r="M6423">
        <f t="shared" si="717"/>
        <v>0</v>
      </c>
      <c r="N6423" s="46">
        <f t="shared" si="718"/>
        <v>45558.208333317838</v>
      </c>
    </row>
    <row r="6424" spans="2:14" x14ac:dyDescent="0.3">
      <c r="B6424">
        <f t="shared" si="712"/>
        <v>1</v>
      </c>
      <c r="C6424" s="16">
        <v>6390</v>
      </c>
      <c r="D6424" cm="1">
        <f t="array" ref="D6424">IFERROR(INDEX(Jesper!AH$2:AH$366,ROUNDDOWN($C6424/24,0)+1,1)*INDEX($D$3:$AA$30,INDEX(Jesper!$R$2:$R$366,ROW(INDEX(Jesper!AH$2:AH$366,ROUNDDOWN($C6424/24,0)+1,1))-1)+IF('Standard Profiles'!$G$18=$B$10,7,0)+IF('Standard Profiles'!$G$18=$B$17,14,0)+IF('Standard Profiles'!$G$18=$B$24,21,0),MOD($C6424,24)+1)/SUM(INDEX($D$3:$AA$30,INDEX(Jesper!$R$2:$R$366,ROW(INDEX(Jesper!AH$2:AH$366,ROUNDDOWN($C6424/24,0)+1,1))-1)+IF('Standard Profiles'!$G$18=$B$10,7,0)+IF('Standard Profiles'!$G$18=$B$17,14,0)+IF('Standard Profiles'!$G$18=$B$24,21,0),0)),0)</f>
        <v>12.05686136343556</v>
      </c>
      <c r="E6424" cm="1">
        <f t="array" ref="E6424">IFERROR(INDEX(Jesper!AI$2:AI$366,ROUNDDOWN($C6424/24,0)+1,1)*INDEX($D$3:$AA$30,INDEX(Jesper!$R$2:$R$366,ROW(INDEX(Jesper!AI$2:AI$366,ROUNDDOWN($C6424/24,0)+1,1))-1)+IF('Standard Profiles'!$G$19=$B$10,7,0)+IF('Standard Profiles'!$G$19=$B$17,14,0)+IF('Standard Profiles'!$G$19=$B$24,21,0),MOD($C6424,24)+1)/SUM(INDEX($D$3:$AA$30,INDEX(Jesper!$R$2:$R$366,ROW(INDEX(Jesper!AI$2:AI$366,ROUNDDOWN($C6424/24,0)+1,1))-1)+IF('Standard Profiles'!$G$19=$B$10,7,0)+IF('Standard Profiles'!$G$19=$B$17,14,0)+IF('Standard Profiles'!$G$19=$B$24,21,0),0)),0)</f>
        <v>0</v>
      </c>
      <c r="F6424" cm="1">
        <f t="array" ref="F6424">IFERROR(INDEX(Jesper!AJ$2:AJ$366,ROUNDDOWN($C6424/24,0)+1,1)*INDEX($D$3:$AA$30,INDEX(Jesper!$R$2:$R$366,ROW(INDEX(Jesper!AJ$2:AJ$366,ROUNDDOWN($C6424/24,0)+1,1))-1)+IF('Standard Profiles'!$G$20=$B$10,7,0)+IF('Standard Profiles'!$G$20=$B$17,14,0)+IF('Standard Profiles'!$G$20=$B$24,21,0),MOD($C6424,24)+1)/SUM(INDEX($D$3:$AA$30,INDEX(Jesper!$R$2:$R$366,ROW(INDEX(Jesper!AJ$2:AJ$366,ROUNDDOWN($C6424/24,0)+1,1))-1)+IF('Standard Profiles'!$G$20=$B$10,7,0)+IF('Standard Profiles'!$G$20=$B$17,14,0)+IF('Standard Profiles'!$G$20=$B$24,21,0),0)),0)</f>
        <v>0</v>
      </c>
      <c r="G6424" cm="1">
        <f t="array" ref="G6424">IFERROR(INDEX(Jesper!AK$2:AK$366,ROUNDDOWN($C6424/24,0)+1,1)*INDEX($D$3:$AA$30,INDEX(Jesper!$R$2:$R$366,ROW(INDEX(Jesper!AK$2:AK$366,ROUNDDOWN($C6424/24,0)+1,1))-1)+IF('Standard Profiles'!$G$21=$B$10,7,0)+IF('Standard Profiles'!$G$21=$B$17,14,0)+IF('Standard Profiles'!$G$21=$B$24,21,0),MOD($C6424,24)+1)/SUM(INDEX($D$3:$AA$30,INDEX(Jesper!$R$2:$R$366,ROW(INDEX(Jesper!AK$2:AK$366,ROUNDDOWN($C6424/24,0)+1,1))-1)+IF('Standard Profiles'!$G$21=$B$10,7,0)+IF('Standard Profiles'!$G$21=$B$17,14,0)+IF('Standard Profiles'!$G$21=$B$24,21,0),0)),0)</f>
        <v>0</v>
      </c>
      <c r="H6424" cm="1">
        <f t="array" ref="H6424">IFERROR(INDEX(Jesper!AL$2:AL$366,ROUNDDOWN($C6424/24,0)+1,1)*INDEX($D$3:$AA$30,INDEX(Jesper!$R$2:$R$366,ROW(INDEX(Jesper!AL$2:AL$366,ROUNDDOWN($C6424/24,0)+1,1))-1)+IF('Standard Profiles'!$G$22=$B$10,7,0)+IF('Standard Profiles'!$G$22=$B$17,14,0)+IF('Standard Profiles'!$G$22=$B$24,21,0),MOD($C6424,24)+1)/SUM(INDEX($D$3:$AA$30,INDEX(Jesper!$R$2:$R$366,ROW(INDEX(Jesper!AL$2:AL$366,ROUNDDOWN($C6424/24,0)+1,1))-1)+IF('Standard Profiles'!$G$22=$B$10,7,0)+IF('Standard Profiles'!$G$22=$B$17,14,0)+IF('Standard Profiles'!$G$22=$B$24,21,0),0)),0)</f>
        <v>0</v>
      </c>
      <c r="I6424">
        <f t="shared" si="713"/>
        <v>0.36170584090306679</v>
      </c>
      <c r="J6424">
        <f t="shared" si="714"/>
        <v>1.205686136343556</v>
      </c>
      <c r="K6424">
        <f t="shared" si="715"/>
        <v>1.8085292045153341</v>
      </c>
      <c r="L6424">
        <f t="shared" si="716"/>
        <v>8.6809401816736038</v>
      </c>
      <c r="M6424">
        <f t="shared" si="717"/>
        <v>0</v>
      </c>
      <c r="N6424" s="46">
        <f t="shared" si="718"/>
        <v>45558.249999984502</v>
      </c>
    </row>
    <row r="6425" spans="2:14" x14ac:dyDescent="0.3">
      <c r="B6425">
        <f t="shared" si="712"/>
        <v>1</v>
      </c>
      <c r="C6425" s="16">
        <v>6391</v>
      </c>
      <c r="D6425" cm="1">
        <f t="array" ref="D6425">IFERROR(INDEX(Jesper!AH$2:AH$366,ROUNDDOWN($C6425/24,0)+1,1)*INDEX($D$3:$AA$30,INDEX(Jesper!$R$2:$R$366,ROW(INDEX(Jesper!AH$2:AH$366,ROUNDDOWN($C6425/24,0)+1,1))-1)+IF('Standard Profiles'!$G$18=$B$10,7,0)+IF('Standard Profiles'!$G$18=$B$17,14,0)+IF('Standard Profiles'!$G$18=$B$24,21,0),MOD($C6425,24)+1)/SUM(INDEX($D$3:$AA$30,INDEX(Jesper!$R$2:$R$366,ROW(INDEX(Jesper!AH$2:AH$366,ROUNDDOWN($C6425/24,0)+1,1))-1)+IF('Standard Profiles'!$G$18=$B$10,7,0)+IF('Standard Profiles'!$G$18=$B$17,14,0)+IF('Standard Profiles'!$G$18=$B$24,21,0),0)),0)</f>
        <v>12.05686136343556</v>
      </c>
      <c r="E6425" cm="1">
        <f t="array" ref="E6425">IFERROR(INDEX(Jesper!AI$2:AI$366,ROUNDDOWN($C6425/24,0)+1,1)*INDEX($D$3:$AA$30,INDEX(Jesper!$R$2:$R$366,ROW(INDEX(Jesper!AI$2:AI$366,ROUNDDOWN($C6425/24,0)+1,1))-1)+IF('Standard Profiles'!$G$19=$B$10,7,0)+IF('Standard Profiles'!$G$19=$B$17,14,0)+IF('Standard Profiles'!$G$19=$B$24,21,0),MOD($C6425,24)+1)/SUM(INDEX($D$3:$AA$30,INDEX(Jesper!$R$2:$R$366,ROW(INDEX(Jesper!AI$2:AI$366,ROUNDDOWN($C6425/24,0)+1,1))-1)+IF('Standard Profiles'!$G$19=$B$10,7,0)+IF('Standard Profiles'!$G$19=$B$17,14,0)+IF('Standard Profiles'!$G$19=$B$24,21,0),0)),0)</f>
        <v>0</v>
      </c>
      <c r="F6425" cm="1">
        <f t="array" ref="F6425">IFERROR(INDEX(Jesper!AJ$2:AJ$366,ROUNDDOWN($C6425/24,0)+1,1)*INDEX($D$3:$AA$30,INDEX(Jesper!$R$2:$R$366,ROW(INDEX(Jesper!AJ$2:AJ$366,ROUNDDOWN($C6425/24,0)+1,1))-1)+IF('Standard Profiles'!$G$20=$B$10,7,0)+IF('Standard Profiles'!$G$20=$B$17,14,0)+IF('Standard Profiles'!$G$20=$B$24,21,0),MOD($C6425,24)+1)/SUM(INDEX($D$3:$AA$30,INDEX(Jesper!$R$2:$R$366,ROW(INDEX(Jesper!AJ$2:AJ$366,ROUNDDOWN($C6425/24,0)+1,1))-1)+IF('Standard Profiles'!$G$20=$B$10,7,0)+IF('Standard Profiles'!$G$20=$B$17,14,0)+IF('Standard Profiles'!$G$20=$B$24,21,0),0)),0)</f>
        <v>0</v>
      </c>
      <c r="G6425" cm="1">
        <f t="array" ref="G6425">IFERROR(INDEX(Jesper!AK$2:AK$366,ROUNDDOWN($C6425/24,0)+1,1)*INDEX($D$3:$AA$30,INDEX(Jesper!$R$2:$R$366,ROW(INDEX(Jesper!AK$2:AK$366,ROUNDDOWN($C6425/24,0)+1,1))-1)+IF('Standard Profiles'!$G$21=$B$10,7,0)+IF('Standard Profiles'!$G$21=$B$17,14,0)+IF('Standard Profiles'!$G$21=$B$24,21,0),MOD($C6425,24)+1)/SUM(INDEX($D$3:$AA$30,INDEX(Jesper!$R$2:$R$366,ROW(INDEX(Jesper!AK$2:AK$366,ROUNDDOWN($C6425/24,0)+1,1))-1)+IF('Standard Profiles'!$G$21=$B$10,7,0)+IF('Standard Profiles'!$G$21=$B$17,14,0)+IF('Standard Profiles'!$G$21=$B$24,21,0),0)),0)</f>
        <v>0</v>
      </c>
      <c r="H6425" cm="1">
        <f t="array" ref="H6425">IFERROR(INDEX(Jesper!AL$2:AL$366,ROUNDDOWN($C6425/24,0)+1,1)*INDEX($D$3:$AA$30,INDEX(Jesper!$R$2:$R$366,ROW(INDEX(Jesper!AL$2:AL$366,ROUNDDOWN($C6425/24,0)+1,1))-1)+IF('Standard Profiles'!$G$22=$B$10,7,0)+IF('Standard Profiles'!$G$22=$B$17,14,0)+IF('Standard Profiles'!$G$22=$B$24,21,0),MOD($C6425,24)+1)/SUM(INDEX($D$3:$AA$30,INDEX(Jesper!$R$2:$R$366,ROW(INDEX(Jesper!AL$2:AL$366,ROUNDDOWN($C6425/24,0)+1,1))-1)+IF('Standard Profiles'!$G$22=$B$10,7,0)+IF('Standard Profiles'!$G$22=$B$17,14,0)+IF('Standard Profiles'!$G$22=$B$24,21,0),0)),0)</f>
        <v>0</v>
      </c>
      <c r="I6425">
        <f t="shared" si="713"/>
        <v>0.36170584090306679</v>
      </c>
      <c r="J6425">
        <f t="shared" si="714"/>
        <v>1.205686136343556</v>
      </c>
      <c r="K6425">
        <f t="shared" si="715"/>
        <v>1.8085292045153341</v>
      </c>
      <c r="L6425">
        <f t="shared" si="716"/>
        <v>8.6809401816736038</v>
      </c>
      <c r="M6425">
        <f t="shared" si="717"/>
        <v>0</v>
      </c>
      <c r="N6425" s="46">
        <f t="shared" si="718"/>
        <v>45558.291666651166</v>
      </c>
    </row>
    <row r="6426" spans="2:14" x14ac:dyDescent="0.3">
      <c r="B6426">
        <f t="shared" si="712"/>
        <v>1</v>
      </c>
      <c r="C6426" s="16">
        <v>6392</v>
      </c>
      <c r="D6426" cm="1">
        <f t="array" ref="D6426">IFERROR(INDEX(Jesper!AH$2:AH$366,ROUNDDOWN($C6426/24,0)+1,1)*INDEX($D$3:$AA$30,INDEX(Jesper!$R$2:$R$366,ROW(INDEX(Jesper!AH$2:AH$366,ROUNDDOWN($C6426/24,0)+1,1))-1)+IF('Standard Profiles'!$G$18=$B$10,7,0)+IF('Standard Profiles'!$G$18=$B$17,14,0)+IF('Standard Profiles'!$G$18=$B$24,21,0),MOD($C6426,24)+1)/SUM(INDEX($D$3:$AA$30,INDEX(Jesper!$R$2:$R$366,ROW(INDEX(Jesper!AH$2:AH$366,ROUNDDOWN($C6426/24,0)+1,1))-1)+IF('Standard Profiles'!$G$18=$B$10,7,0)+IF('Standard Profiles'!$G$18=$B$17,14,0)+IF('Standard Profiles'!$G$18=$B$24,21,0),0)),0)</f>
        <v>12.05686136343556</v>
      </c>
      <c r="E6426" cm="1">
        <f t="array" ref="E6426">IFERROR(INDEX(Jesper!AI$2:AI$366,ROUNDDOWN($C6426/24,0)+1,1)*INDEX($D$3:$AA$30,INDEX(Jesper!$R$2:$R$366,ROW(INDEX(Jesper!AI$2:AI$366,ROUNDDOWN($C6426/24,0)+1,1))-1)+IF('Standard Profiles'!$G$19=$B$10,7,0)+IF('Standard Profiles'!$G$19=$B$17,14,0)+IF('Standard Profiles'!$G$19=$B$24,21,0),MOD($C6426,24)+1)/SUM(INDEX($D$3:$AA$30,INDEX(Jesper!$R$2:$R$366,ROW(INDEX(Jesper!AI$2:AI$366,ROUNDDOWN($C6426/24,0)+1,1))-1)+IF('Standard Profiles'!$G$19=$B$10,7,0)+IF('Standard Profiles'!$G$19=$B$17,14,0)+IF('Standard Profiles'!$G$19=$B$24,21,0),0)),0)</f>
        <v>0</v>
      </c>
      <c r="F6426" cm="1">
        <f t="array" ref="F6426">IFERROR(INDEX(Jesper!AJ$2:AJ$366,ROUNDDOWN($C6426/24,0)+1,1)*INDEX($D$3:$AA$30,INDEX(Jesper!$R$2:$R$366,ROW(INDEX(Jesper!AJ$2:AJ$366,ROUNDDOWN($C6426/24,0)+1,1))-1)+IF('Standard Profiles'!$G$20=$B$10,7,0)+IF('Standard Profiles'!$G$20=$B$17,14,0)+IF('Standard Profiles'!$G$20=$B$24,21,0),MOD($C6426,24)+1)/SUM(INDEX($D$3:$AA$30,INDEX(Jesper!$R$2:$R$366,ROW(INDEX(Jesper!AJ$2:AJ$366,ROUNDDOWN($C6426/24,0)+1,1))-1)+IF('Standard Profiles'!$G$20=$B$10,7,0)+IF('Standard Profiles'!$G$20=$B$17,14,0)+IF('Standard Profiles'!$G$20=$B$24,21,0),0)),0)</f>
        <v>0</v>
      </c>
      <c r="G6426" cm="1">
        <f t="array" ref="G6426">IFERROR(INDEX(Jesper!AK$2:AK$366,ROUNDDOWN($C6426/24,0)+1,1)*INDEX($D$3:$AA$30,INDEX(Jesper!$R$2:$R$366,ROW(INDEX(Jesper!AK$2:AK$366,ROUNDDOWN($C6426/24,0)+1,1))-1)+IF('Standard Profiles'!$G$21=$B$10,7,0)+IF('Standard Profiles'!$G$21=$B$17,14,0)+IF('Standard Profiles'!$G$21=$B$24,21,0),MOD($C6426,24)+1)/SUM(INDEX($D$3:$AA$30,INDEX(Jesper!$R$2:$R$366,ROW(INDEX(Jesper!AK$2:AK$366,ROUNDDOWN($C6426/24,0)+1,1))-1)+IF('Standard Profiles'!$G$21=$B$10,7,0)+IF('Standard Profiles'!$G$21=$B$17,14,0)+IF('Standard Profiles'!$G$21=$B$24,21,0),0)),0)</f>
        <v>0</v>
      </c>
      <c r="H6426" cm="1">
        <f t="array" ref="H6426">IFERROR(INDEX(Jesper!AL$2:AL$366,ROUNDDOWN($C6426/24,0)+1,1)*INDEX($D$3:$AA$30,INDEX(Jesper!$R$2:$R$366,ROW(INDEX(Jesper!AL$2:AL$366,ROUNDDOWN($C6426/24,0)+1,1))-1)+IF('Standard Profiles'!$G$22=$B$10,7,0)+IF('Standard Profiles'!$G$22=$B$17,14,0)+IF('Standard Profiles'!$G$22=$B$24,21,0),MOD($C6426,24)+1)/SUM(INDEX($D$3:$AA$30,INDEX(Jesper!$R$2:$R$366,ROW(INDEX(Jesper!AL$2:AL$366,ROUNDDOWN($C6426/24,0)+1,1))-1)+IF('Standard Profiles'!$G$22=$B$10,7,0)+IF('Standard Profiles'!$G$22=$B$17,14,0)+IF('Standard Profiles'!$G$22=$B$24,21,0),0)),0)</f>
        <v>0</v>
      </c>
      <c r="I6426">
        <f t="shared" si="713"/>
        <v>0.36170584090306679</v>
      </c>
      <c r="J6426">
        <f t="shared" si="714"/>
        <v>1.205686136343556</v>
      </c>
      <c r="K6426">
        <f t="shared" si="715"/>
        <v>1.8085292045153341</v>
      </c>
      <c r="L6426">
        <f t="shared" si="716"/>
        <v>8.6809401816736038</v>
      </c>
      <c r="M6426">
        <f t="shared" si="717"/>
        <v>0</v>
      </c>
      <c r="N6426" s="46">
        <f t="shared" si="718"/>
        <v>45558.333333317831</v>
      </c>
    </row>
    <row r="6427" spans="2:14" x14ac:dyDescent="0.3">
      <c r="B6427">
        <f t="shared" si="712"/>
        <v>1</v>
      </c>
      <c r="C6427" s="16">
        <v>6393</v>
      </c>
      <c r="D6427" cm="1">
        <f t="array" ref="D6427">IFERROR(INDEX(Jesper!AH$2:AH$366,ROUNDDOWN($C6427/24,0)+1,1)*INDEX($D$3:$AA$30,INDEX(Jesper!$R$2:$R$366,ROW(INDEX(Jesper!AH$2:AH$366,ROUNDDOWN($C6427/24,0)+1,1))-1)+IF('Standard Profiles'!$G$18=$B$10,7,0)+IF('Standard Profiles'!$G$18=$B$17,14,0)+IF('Standard Profiles'!$G$18=$B$24,21,0),MOD($C6427,24)+1)/SUM(INDEX($D$3:$AA$30,INDEX(Jesper!$R$2:$R$366,ROW(INDEX(Jesper!AH$2:AH$366,ROUNDDOWN($C6427/24,0)+1,1))-1)+IF('Standard Profiles'!$G$18=$B$10,7,0)+IF('Standard Profiles'!$G$18=$B$17,14,0)+IF('Standard Profiles'!$G$18=$B$24,21,0),0)),0)</f>
        <v>12.874275693160005</v>
      </c>
      <c r="E6427" cm="1">
        <f t="array" ref="E6427">IFERROR(INDEX(Jesper!AI$2:AI$366,ROUNDDOWN($C6427/24,0)+1,1)*INDEX($D$3:$AA$30,INDEX(Jesper!$R$2:$R$366,ROW(INDEX(Jesper!AI$2:AI$366,ROUNDDOWN($C6427/24,0)+1,1))-1)+IF('Standard Profiles'!$G$19=$B$10,7,0)+IF('Standard Profiles'!$G$19=$B$17,14,0)+IF('Standard Profiles'!$G$19=$B$24,21,0),MOD($C6427,24)+1)/SUM(INDEX($D$3:$AA$30,INDEX(Jesper!$R$2:$R$366,ROW(INDEX(Jesper!AI$2:AI$366,ROUNDDOWN($C6427/24,0)+1,1))-1)+IF('Standard Profiles'!$G$19=$B$10,7,0)+IF('Standard Profiles'!$G$19=$B$17,14,0)+IF('Standard Profiles'!$G$19=$B$24,21,0),0)),0)</f>
        <v>0</v>
      </c>
      <c r="F6427" cm="1">
        <f t="array" ref="F6427">IFERROR(INDEX(Jesper!AJ$2:AJ$366,ROUNDDOWN($C6427/24,0)+1,1)*INDEX($D$3:$AA$30,INDEX(Jesper!$R$2:$R$366,ROW(INDEX(Jesper!AJ$2:AJ$366,ROUNDDOWN($C6427/24,0)+1,1))-1)+IF('Standard Profiles'!$G$20=$B$10,7,0)+IF('Standard Profiles'!$G$20=$B$17,14,0)+IF('Standard Profiles'!$G$20=$B$24,21,0),MOD($C6427,24)+1)/SUM(INDEX($D$3:$AA$30,INDEX(Jesper!$R$2:$R$366,ROW(INDEX(Jesper!AJ$2:AJ$366,ROUNDDOWN($C6427/24,0)+1,1))-1)+IF('Standard Profiles'!$G$20=$B$10,7,0)+IF('Standard Profiles'!$G$20=$B$17,14,0)+IF('Standard Profiles'!$G$20=$B$24,21,0),0)),0)</f>
        <v>0</v>
      </c>
      <c r="G6427" cm="1">
        <f t="array" ref="G6427">IFERROR(INDEX(Jesper!AK$2:AK$366,ROUNDDOWN($C6427/24,0)+1,1)*INDEX($D$3:$AA$30,INDEX(Jesper!$R$2:$R$366,ROW(INDEX(Jesper!AK$2:AK$366,ROUNDDOWN($C6427/24,0)+1,1))-1)+IF('Standard Profiles'!$G$21=$B$10,7,0)+IF('Standard Profiles'!$G$21=$B$17,14,0)+IF('Standard Profiles'!$G$21=$B$24,21,0),MOD($C6427,24)+1)/SUM(INDEX($D$3:$AA$30,INDEX(Jesper!$R$2:$R$366,ROW(INDEX(Jesper!AK$2:AK$366,ROUNDDOWN($C6427/24,0)+1,1))-1)+IF('Standard Profiles'!$G$21=$B$10,7,0)+IF('Standard Profiles'!$G$21=$B$17,14,0)+IF('Standard Profiles'!$G$21=$B$24,21,0),0)),0)</f>
        <v>0</v>
      </c>
      <c r="H6427" cm="1">
        <f t="array" ref="H6427">IFERROR(INDEX(Jesper!AL$2:AL$366,ROUNDDOWN($C6427/24,0)+1,1)*INDEX($D$3:$AA$30,INDEX(Jesper!$R$2:$R$366,ROW(INDEX(Jesper!AL$2:AL$366,ROUNDDOWN($C6427/24,0)+1,1))-1)+IF('Standard Profiles'!$G$22=$B$10,7,0)+IF('Standard Profiles'!$G$22=$B$17,14,0)+IF('Standard Profiles'!$G$22=$B$24,21,0),MOD($C6427,24)+1)/SUM(INDEX($D$3:$AA$30,INDEX(Jesper!$R$2:$R$366,ROW(INDEX(Jesper!AL$2:AL$366,ROUNDDOWN($C6427/24,0)+1,1))-1)+IF('Standard Profiles'!$G$22=$B$10,7,0)+IF('Standard Profiles'!$G$22=$B$17,14,0)+IF('Standard Profiles'!$G$22=$B$24,21,0),0)),0)</f>
        <v>0</v>
      </c>
      <c r="I6427">
        <f t="shared" si="713"/>
        <v>0.38622827079480015</v>
      </c>
      <c r="J6427">
        <f t="shared" si="714"/>
        <v>1.2874275693160007</v>
      </c>
      <c r="K6427">
        <f t="shared" si="715"/>
        <v>1.9311413539740006</v>
      </c>
      <c r="L6427">
        <f t="shared" si="716"/>
        <v>9.2694784990752037</v>
      </c>
      <c r="M6427">
        <f t="shared" si="717"/>
        <v>0</v>
      </c>
      <c r="N6427" s="46">
        <f t="shared" si="718"/>
        <v>45558.374999984495</v>
      </c>
    </row>
    <row r="6428" spans="2:14" x14ac:dyDescent="0.3">
      <c r="B6428">
        <f t="shared" si="712"/>
        <v>1</v>
      </c>
      <c r="C6428" s="16">
        <v>6394</v>
      </c>
      <c r="D6428" cm="1">
        <f t="array" ref="D6428">IFERROR(INDEX(Jesper!AH$2:AH$366,ROUNDDOWN($C6428/24,0)+1,1)*INDEX($D$3:$AA$30,INDEX(Jesper!$R$2:$R$366,ROW(INDEX(Jesper!AH$2:AH$366,ROUNDDOWN($C6428/24,0)+1,1))-1)+IF('Standard Profiles'!$G$18=$B$10,7,0)+IF('Standard Profiles'!$G$18=$B$17,14,0)+IF('Standard Profiles'!$G$18=$B$24,21,0),MOD($C6428,24)+1)/SUM(INDEX($D$3:$AA$30,INDEX(Jesper!$R$2:$R$366,ROW(INDEX(Jesper!AH$2:AH$366,ROUNDDOWN($C6428/24,0)+1,1))-1)+IF('Standard Profiles'!$G$18=$B$10,7,0)+IF('Standard Profiles'!$G$18=$B$17,14,0)+IF('Standard Profiles'!$G$18=$B$24,21,0),0)),0)</f>
        <v>12.874275693160005</v>
      </c>
      <c r="E6428" cm="1">
        <f t="array" ref="E6428">IFERROR(INDEX(Jesper!AI$2:AI$366,ROUNDDOWN($C6428/24,0)+1,1)*INDEX($D$3:$AA$30,INDEX(Jesper!$R$2:$R$366,ROW(INDEX(Jesper!AI$2:AI$366,ROUNDDOWN($C6428/24,0)+1,1))-1)+IF('Standard Profiles'!$G$19=$B$10,7,0)+IF('Standard Profiles'!$G$19=$B$17,14,0)+IF('Standard Profiles'!$G$19=$B$24,21,0),MOD($C6428,24)+1)/SUM(INDEX($D$3:$AA$30,INDEX(Jesper!$R$2:$R$366,ROW(INDEX(Jesper!AI$2:AI$366,ROUNDDOWN($C6428/24,0)+1,1))-1)+IF('Standard Profiles'!$G$19=$B$10,7,0)+IF('Standard Profiles'!$G$19=$B$17,14,0)+IF('Standard Profiles'!$G$19=$B$24,21,0),0)),0)</f>
        <v>0</v>
      </c>
      <c r="F6428" cm="1">
        <f t="array" ref="F6428">IFERROR(INDEX(Jesper!AJ$2:AJ$366,ROUNDDOWN($C6428/24,0)+1,1)*INDEX($D$3:$AA$30,INDEX(Jesper!$R$2:$R$366,ROW(INDEX(Jesper!AJ$2:AJ$366,ROUNDDOWN($C6428/24,0)+1,1))-1)+IF('Standard Profiles'!$G$20=$B$10,7,0)+IF('Standard Profiles'!$G$20=$B$17,14,0)+IF('Standard Profiles'!$G$20=$B$24,21,0),MOD($C6428,24)+1)/SUM(INDEX($D$3:$AA$30,INDEX(Jesper!$R$2:$R$366,ROW(INDEX(Jesper!AJ$2:AJ$366,ROUNDDOWN($C6428/24,0)+1,1))-1)+IF('Standard Profiles'!$G$20=$B$10,7,0)+IF('Standard Profiles'!$G$20=$B$17,14,0)+IF('Standard Profiles'!$G$20=$B$24,21,0),0)),0)</f>
        <v>0</v>
      </c>
      <c r="G6428" cm="1">
        <f t="array" ref="G6428">IFERROR(INDEX(Jesper!AK$2:AK$366,ROUNDDOWN($C6428/24,0)+1,1)*INDEX($D$3:$AA$30,INDEX(Jesper!$R$2:$R$366,ROW(INDEX(Jesper!AK$2:AK$366,ROUNDDOWN($C6428/24,0)+1,1))-1)+IF('Standard Profiles'!$G$21=$B$10,7,0)+IF('Standard Profiles'!$G$21=$B$17,14,0)+IF('Standard Profiles'!$G$21=$B$24,21,0),MOD($C6428,24)+1)/SUM(INDEX($D$3:$AA$30,INDEX(Jesper!$R$2:$R$366,ROW(INDEX(Jesper!AK$2:AK$366,ROUNDDOWN($C6428/24,0)+1,1))-1)+IF('Standard Profiles'!$G$21=$B$10,7,0)+IF('Standard Profiles'!$G$21=$B$17,14,0)+IF('Standard Profiles'!$G$21=$B$24,21,0),0)),0)</f>
        <v>0</v>
      </c>
      <c r="H6428" cm="1">
        <f t="array" ref="H6428">IFERROR(INDEX(Jesper!AL$2:AL$366,ROUNDDOWN($C6428/24,0)+1,1)*INDEX($D$3:$AA$30,INDEX(Jesper!$R$2:$R$366,ROW(INDEX(Jesper!AL$2:AL$366,ROUNDDOWN($C6428/24,0)+1,1))-1)+IF('Standard Profiles'!$G$22=$B$10,7,0)+IF('Standard Profiles'!$G$22=$B$17,14,0)+IF('Standard Profiles'!$G$22=$B$24,21,0),MOD($C6428,24)+1)/SUM(INDEX($D$3:$AA$30,INDEX(Jesper!$R$2:$R$366,ROW(INDEX(Jesper!AL$2:AL$366,ROUNDDOWN($C6428/24,0)+1,1))-1)+IF('Standard Profiles'!$G$22=$B$10,7,0)+IF('Standard Profiles'!$G$22=$B$17,14,0)+IF('Standard Profiles'!$G$22=$B$24,21,0),0)),0)</f>
        <v>0</v>
      </c>
      <c r="I6428">
        <f t="shared" si="713"/>
        <v>0.38622827079480015</v>
      </c>
      <c r="J6428">
        <f t="shared" si="714"/>
        <v>1.2874275693160007</v>
      </c>
      <c r="K6428">
        <f t="shared" si="715"/>
        <v>1.9311413539740006</v>
      </c>
      <c r="L6428">
        <f t="shared" si="716"/>
        <v>9.2694784990752037</v>
      </c>
      <c r="M6428">
        <f t="shared" si="717"/>
        <v>0</v>
      </c>
      <c r="N6428" s="46">
        <f t="shared" si="718"/>
        <v>45558.416666651159</v>
      </c>
    </row>
    <row r="6429" spans="2:14" x14ac:dyDescent="0.3">
      <c r="B6429">
        <f t="shared" si="712"/>
        <v>1</v>
      </c>
      <c r="C6429" s="16">
        <v>6395</v>
      </c>
      <c r="D6429" cm="1">
        <f t="array" ref="D6429">IFERROR(INDEX(Jesper!AH$2:AH$366,ROUNDDOWN($C6429/24,0)+1,1)*INDEX($D$3:$AA$30,INDEX(Jesper!$R$2:$R$366,ROW(INDEX(Jesper!AH$2:AH$366,ROUNDDOWN($C6429/24,0)+1,1))-1)+IF('Standard Profiles'!$G$18=$B$10,7,0)+IF('Standard Profiles'!$G$18=$B$17,14,0)+IF('Standard Profiles'!$G$18=$B$24,21,0),MOD($C6429,24)+1)/SUM(INDEX($D$3:$AA$30,INDEX(Jesper!$R$2:$R$366,ROW(INDEX(Jesper!AH$2:AH$366,ROUNDDOWN($C6429/24,0)+1,1))-1)+IF('Standard Profiles'!$G$18=$B$10,7,0)+IF('Standard Profiles'!$G$18=$B$17,14,0)+IF('Standard Profiles'!$G$18=$B$24,21,0),0)),0)</f>
        <v>16.348286594488894</v>
      </c>
      <c r="E6429" cm="1">
        <f t="array" ref="E6429">IFERROR(INDEX(Jesper!AI$2:AI$366,ROUNDDOWN($C6429/24,0)+1,1)*INDEX($D$3:$AA$30,INDEX(Jesper!$R$2:$R$366,ROW(INDEX(Jesper!AI$2:AI$366,ROUNDDOWN($C6429/24,0)+1,1))-1)+IF('Standard Profiles'!$G$19=$B$10,7,0)+IF('Standard Profiles'!$G$19=$B$17,14,0)+IF('Standard Profiles'!$G$19=$B$24,21,0),MOD($C6429,24)+1)/SUM(INDEX($D$3:$AA$30,INDEX(Jesper!$R$2:$R$366,ROW(INDEX(Jesper!AI$2:AI$366,ROUNDDOWN($C6429/24,0)+1,1))-1)+IF('Standard Profiles'!$G$19=$B$10,7,0)+IF('Standard Profiles'!$G$19=$B$17,14,0)+IF('Standard Profiles'!$G$19=$B$24,21,0),0)),0)</f>
        <v>0</v>
      </c>
      <c r="F6429" cm="1">
        <f t="array" ref="F6429">IFERROR(INDEX(Jesper!AJ$2:AJ$366,ROUNDDOWN($C6429/24,0)+1,1)*INDEX($D$3:$AA$30,INDEX(Jesper!$R$2:$R$366,ROW(INDEX(Jesper!AJ$2:AJ$366,ROUNDDOWN($C6429/24,0)+1,1))-1)+IF('Standard Profiles'!$G$20=$B$10,7,0)+IF('Standard Profiles'!$G$20=$B$17,14,0)+IF('Standard Profiles'!$G$20=$B$24,21,0),MOD($C6429,24)+1)/SUM(INDEX($D$3:$AA$30,INDEX(Jesper!$R$2:$R$366,ROW(INDEX(Jesper!AJ$2:AJ$366,ROUNDDOWN($C6429/24,0)+1,1))-1)+IF('Standard Profiles'!$G$20=$B$10,7,0)+IF('Standard Profiles'!$G$20=$B$17,14,0)+IF('Standard Profiles'!$G$20=$B$24,21,0),0)),0)</f>
        <v>0</v>
      </c>
      <c r="G6429" cm="1">
        <f t="array" ref="G6429">IFERROR(INDEX(Jesper!AK$2:AK$366,ROUNDDOWN($C6429/24,0)+1,1)*INDEX($D$3:$AA$30,INDEX(Jesper!$R$2:$R$366,ROW(INDEX(Jesper!AK$2:AK$366,ROUNDDOWN($C6429/24,0)+1,1))-1)+IF('Standard Profiles'!$G$21=$B$10,7,0)+IF('Standard Profiles'!$G$21=$B$17,14,0)+IF('Standard Profiles'!$G$21=$B$24,21,0),MOD($C6429,24)+1)/SUM(INDEX($D$3:$AA$30,INDEX(Jesper!$R$2:$R$366,ROW(INDEX(Jesper!AK$2:AK$366,ROUNDDOWN($C6429/24,0)+1,1))-1)+IF('Standard Profiles'!$G$21=$B$10,7,0)+IF('Standard Profiles'!$G$21=$B$17,14,0)+IF('Standard Profiles'!$G$21=$B$24,21,0),0)),0)</f>
        <v>0</v>
      </c>
      <c r="H6429" cm="1">
        <f t="array" ref="H6429">IFERROR(INDEX(Jesper!AL$2:AL$366,ROUNDDOWN($C6429/24,0)+1,1)*INDEX($D$3:$AA$30,INDEX(Jesper!$R$2:$R$366,ROW(INDEX(Jesper!AL$2:AL$366,ROUNDDOWN($C6429/24,0)+1,1))-1)+IF('Standard Profiles'!$G$22=$B$10,7,0)+IF('Standard Profiles'!$G$22=$B$17,14,0)+IF('Standard Profiles'!$G$22=$B$24,21,0),MOD($C6429,24)+1)/SUM(INDEX($D$3:$AA$30,INDEX(Jesper!$R$2:$R$366,ROW(INDEX(Jesper!AL$2:AL$366,ROUNDDOWN($C6429/24,0)+1,1))-1)+IF('Standard Profiles'!$G$22=$B$10,7,0)+IF('Standard Profiles'!$G$22=$B$17,14,0)+IF('Standard Profiles'!$G$22=$B$24,21,0),0)),0)</f>
        <v>0</v>
      </c>
      <c r="I6429">
        <f t="shared" si="713"/>
        <v>0.49044859783466677</v>
      </c>
      <c r="J6429">
        <f t="shared" si="714"/>
        <v>1.6348286594488894</v>
      </c>
      <c r="K6429">
        <f t="shared" si="715"/>
        <v>2.4522429891733339</v>
      </c>
      <c r="L6429">
        <f t="shared" si="716"/>
        <v>11.770766348032003</v>
      </c>
      <c r="M6429">
        <f t="shared" si="717"/>
        <v>0</v>
      </c>
      <c r="N6429" s="46">
        <f t="shared" si="718"/>
        <v>45558.458333317823</v>
      </c>
    </row>
    <row r="6430" spans="2:14" x14ac:dyDescent="0.3">
      <c r="B6430">
        <f t="shared" si="712"/>
        <v>1</v>
      </c>
      <c r="C6430" s="16">
        <v>6396</v>
      </c>
      <c r="D6430" cm="1">
        <f t="array" ref="D6430">IFERROR(INDEX(Jesper!AH$2:AH$366,ROUNDDOWN($C6430/24,0)+1,1)*INDEX($D$3:$AA$30,INDEX(Jesper!$R$2:$R$366,ROW(INDEX(Jesper!AH$2:AH$366,ROUNDDOWN($C6430/24,0)+1,1))-1)+IF('Standard Profiles'!$G$18=$B$10,7,0)+IF('Standard Profiles'!$G$18=$B$17,14,0)+IF('Standard Profiles'!$G$18=$B$24,21,0),MOD($C6430,24)+1)/SUM(INDEX($D$3:$AA$30,INDEX(Jesper!$R$2:$R$366,ROW(INDEX(Jesper!AH$2:AH$366,ROUNDDOWN($C6430/24,0)+1,1))-1)+IF('Standard Profiles'!$G$18=$B$10,7,0)+IF('Standard Profiles'!$G$18=$B$17,14,0)+IF('Standard Profiles'!$G$18=$B$24,21,0),0)),0)</f>
        <v>16.348286594488894</v>
      </c>
      <c r="E6430" cm="1">
        <f t="array" ref="E6430">IFERROR(INDEX(Jesper!AI$2:AI$366,ROUNDDOWN($C6430/24,0)+1,1)*INDEX($D$3:$AA$30,INDEX(Jesper!$R$2:$R$366,ROW(INDEX(Jesper!AI$2:AI$366,ROUNDDOWN($C6430/24,0)+1,1))-1)+IF('Standard Profiles'!$G$19=$B$10,7,0)+IF('Standard Profiles'!$G$19=$B$17,14,0)+IF('Standard Profiles'!$G$19=$B$24,21,0),MOD($C6430,24)+1)/SUM(INDEX($D$3:$AA$30,INDEX(Jesper!$R$2:$R$366,ROW(INDEX(Jesper!AI$2:AI$366,ROUNDDOWN($C6430/24,0)+1,1))-1)+IF('Standard Profiles'!$G$19=$B$10,7,0)+IF('Standard Profiles'!$G$19=$B$17,14,0)+IF('Standard Profiles'!$G$19=$B$24,21,0),0)),0)</f>
        <v>0</v>
      </c>
      <c r="F6430" cm="1">
        <f t="array" ref="F6430">IFERROR(INDEX(Jesper!AJ$2:AJ$366,ROUNDDOWN($C6430/24,0)+1,1)*INDEX($D$3:$AA$30,INDEX(Jesper!$R$2:$R$366,ROW(INDEX(Jesper!AJ$2:AJ$366,ROUNDDOWN($C6430/24,0)+1,1))-1)+IF('Standard Profiles'!$G$20=$B$10,7,0)+IF('Standard Profiles'!$G$20=$B$17,14,0)+IF('Standard Profiles'!$G$20=$B$24,21,0),MOD($C6430,24)+1)/SUM(INDEX($D$3:$AA$30,INDEX(Jesper!$R$2:$R$366,ROW(INDEX(Jesper!AJ$2:AJ$366,ROUNDDOWN($C6430/24,0)+1,1))-1)+IF('Standard Profiles'!$G$20=$B$10,7,0)+IF('Standard Profiles'!$G$20=$B$17,14,0)+IF('Standard Profiles'!$G$20=$B$24,21,0),0)),0)</f>
        <v>0</v>
      </c>
      <c r="G6430" cm="1">
        <f t="array" ref="G6430">IFERROR(INDEX(Jesper!AK$2:AK$366,ROUNDDOWN($C6430/24,0)+1,1)*INDEX($D$3:$AA$30,INDEX(Jesper!$R$2:$R$366,ROW(INDEX(Jesper!AK$2:AK$366,ROUNDDOWN($C6430/24,0)+1,1))-1)+IF('Standard Profiles'!$G$21=$B$10,7,0)+IF('Standard Profiles'!$G$21=$B$17,14,0)+IF('Standard Profiles'!$G$21=$B$24,21,0),MOD($C6430,24)+1)/SUM(INDEX($D$3:$AA$30,INDEX(Jesper!$R$2:$R$366,ROW(INDEX(Jesper!AK$2:AK$366,ROUNDDOWN($C6430/24,0)+1,1))-1)+IF('Standard Profiles'!$G$21=$B$10,7,0)+IF('Standard Profiles'!$G$21=$B$17,14,0)+IF('Standard Profiles'!$G$21=$B$24,21,0),0)),0)</f>
        <v>0</v>
      </c>
      <c r="H6430" cm="1">
        <f t="array" ref="H6430">IFERROR(INDEX(Jesper!AL$2:AL$366,ROUNDDOWN($C6430/24,0)+1,1)*INDEX($D$3:$AA$30,INDEX(Jesper!$R$2:$R$366,ROW(INDEX(Jesper!AL$2:AL$366,ROUNDDOWN($C6430/24,0)+1,1))-1)+IF('Standard Profiles'!$G$22=$B$10,7,0)+IF('Standard Profiles'!$G$22=$B$17,14,0)+IF('Standard Profiles'!$G$22=$B$24,21,0),MOD($C6430,24)+1)/SUM(INDEX($D$3:$AA$30,INDEX(Jesper!$R$2:$R$366,ROW(INDEX(Jesper!AL$2:AL$366,ROUNDDOWN($C6430/24,0)+1,1))-1)+IF('Standard Profiles'!$G$22=$B$10,7,0)+IF('Standard Profiles'!$G$22=$B$17,14,0)+IF('Standard Profiles'!$G$22=$B$24,21,0),0)),0)</f>
        <v>0</v>
      </c>
      <c r="I6430">
        <f t="shared" si="713"/>
        <v>0.49044859783466677</v>
      </c>
      <c r="J6430">
        <f t="shared" si="714"/>
        <v>1.6348286594488894</v>
      </c>
      <c r="K6430">
        <f t="shared" si="715"/>
        <v>2.4522429891733339</v>
      </c>
      <c r="L6430">
        <f t="shared" si="716"/>
        <v>11.770766348032003</v>
      </c>
      <c r="M6430">
        <f t="shared" si="717"/>
        <v>0</v>
      </c>
      <c r="N6430" s="46">
        <f t="shared" si="718"/>
        <v>45558.499999984488</v>
      </c>
    </row>
    <row r="6431" spans="2:14" x14ac:dyDescent="0.3">
      <c r="B6431">
        <f t="shared" si="712"/>
        <v>1</v>
      </c>
      <c r="C6431" s="16">
        <v>6397</v>
      </c>
      <c r="D6431" cm="1">
        <f t="array" ref="D6431">IFERROR(INDEX(Jesper!AH$2:AH$366,ROUNDDOWN($C6431/24,0)+1,1)*INDEX($D$3:$AA$30,INDEX(Jesper!$R$2:$R$366,ROW(INDEX(Jesper!AH$2:AH$366,ROUNDDOWN($C6431/24,0)+1,1))-1)+IF('Standard Profiles'!$G$18=$B$10,7,0)+IF('Standard Profiles'!$G$18=$B$17,14,0)+IF('Standard Profiles'!$G$18=$B$24,21,0),MOD($C6431,24)+1)/SUM(INDEX($D$3:$AA$30,INDEX(Jesper!$R$2:$R$366,ROW(INDEX(Jesper!AH$2:AH$366,ROUNDDOWN($C6431/24,0)+1,1))-1)+IF('Standard Profiles'!$G$18=$B$10,7,0)+IF('Standard Profiles'!$G$18=$B$17,14,0)+IF('Standard Profiles'!$G$18=$B$24,21,0),0)),0)</f>
        <v>10.830739868848893</v>
      </c>
      <c r="E6431" cm="1">
        <f t="array" ref="E6431">IFERROR(INDEX(Jesper!AI$2:AI$366,ROUNDDOWN($C6431/24,0)+1,1)*INDEX($D$3:$AA$30,INDEX(Jesper!$R$2:$R$366,ROW(INDEX(Jesper!AI$2:AI$366,ROUNDDOWN($C6431/24,0)+1,1))-1)+IF('Standard Profiles'!$G$19=$B$10,7,0)+IF('Standard Profiles'!$G$19=$B$17,14,0)+IF('Standard Profiles'!$G$19=$B$24,21,0),MOD($C6431,24)+1)/SUM(INDEX($D$3:$AA$30,INDEX(Jesper!$R$2:$R$366,ROW(INDEX(Jesper!AI$2:AI$366,ROUNDDOWN($C6431/24,0)+1,1))-1)+IF('Standard Profiles'!$G$19=$B$10,7,0)+IF('Standard Profiles'!$G$19=$B$17,14,0)+IF('Standard Profiles'!$G$19=$B$24,21,0),0)),0)</f>
        <v>0</v>
      </c>
      <c r="F6431" cm="1">
        <f t="array" ref="F6431">IFERROR(INDEX(Jesper!AJ$2:AJ$366,ROUNDDOWN($C6431/24,0)+1,1)*INDEX($D$3:$AA$30,INDEX(Jesper!$R$2:$R$366,ROW(INDEX(Jesper!AJ$2:AJ$366,ROUNDDOWN($C6431/24,0)+1,1))-1)+IF('Standard Profiles'!$G$20=$B$10,7,0)+IF('Standard Profiles'!$G$20=$B$17,14,0)+IF('Standard Profiles'!$G$20=$B$24,21,0),MOD($C6431,24)+1)/SUM(INDEX($D$3:$AA$30,INDEX(Jesper!$R$2:$R$366,ROW(INDEX(Jesper!AJ$2:AJ$366,ROUNDDOWN($C6431/24,0)+1,1))-1)+IF('Standard Profiles'!$G$20=$B$10,7,0)+IF('Standard Profiles'!$G$20=$B$17,14,0)+IF('Standard Profiles'!$G$20=$B$24,21,0),0)),0)</f>
        <v>0</v>
      </c>
      <c r="G6431" cm="1">
        <f t="array" ref="G6431">IFERROR(INDEX(Jesper!AK$2:AK$366,ROUNDDOWN($C6431/24,0)+1,1)*INDEX($D$3:$AA$30,INDEX(Jesper!$R$2:$R$366,ROW(INDEX(Jesper!AK$2:AK$366,ROUNDDOWN($C6431/24,0)+1,1))-1)+IF('Standard Profiles'!$G$21=$B$10,7,0)+IF('Standard Profiles'!$G$21=$B$17,14,0)+IF('Standard Profiles'!$G$21=$B$24,21,0),MOD($C6431,24)+1)/SUM(INDEX($D$3:$AA$30,INDEX(Jesper!$R$2:$R$366,ROW(INDEX(Jesper!AK$2:AK$366,ROUNDDOWN($C6431/24,0)+1,1))-1)+IF('Standard Profiles'!$G$21=$B$10,7,0)+IF('Standard Profiles'!$G$21=$B$17,14,0)+IF('Standard Profiles'!$G$21=$B$24,21,0),0)),0)</f>
        <v>0</v>
      </c>
      <c r="H6431" cm="1">
        <f t="array" ref="H6431">IFERROR(INDEX(Jesper!AL$2:AL$366,ROUNDDOWN($C6431/24,0)+1,1)*INDEX($D$3:$AA$30,INDEX(Jesper!$R$2:$R$366,ROW(INDEX(Jesper!AL$2:AL$366,ROUNDDOWN($C6431/24,0)+1,1))-1)+IF('Standard Profiles'!$G$22=$B$10,7,0)+IF('Standard Profiles'!$G$22=$B$17,14,0)+IF('Standard Profiles'!$G$22=$B$24,21,0),MOD($C6431,24)+1)/SUM(INDEX($D$3:$AA$30,INDEX(Jesper!$R$2:$R$366,ROW(INDEX(Jesper!AL$2:AL$366,ROUNDDOWN($C6431/24,0)+1,1))-1)+IF('Standard Profiles'!$G$22=$B$10,7,0)+IF('Standard Profiles'!$G$22=$B$17,14,0)+IF('Standard Profiles'!$G$22=$B$24,21,0),0)),0)</f>
        <v>0</v>
      </c>
      <c r="I6431">
        <f t="shared" si="713"/>
        <v>0.3249221960654668</v>
      </c>
      <c r="J6431">
        <f t="shared" si="714"/>
        <v>1.0830739868848893</v>
      </c>
      <c r="K6431">
        <f t="shared" si="715"/>
        <v>1.6246109803273339</v>
      </c>
      <c r="L6431">
        <f t="shared" si="716"/>
        <v>7.7981327055712022</v>
      </c>
      <c r="M6431">
        <f t="shared" si="717"/>
        <v>0</v>
      </c>
      <c r="N6431" s="46">
        <f t="shared" si="718"/>
        <v>45558.541666651152</v>
      </c>
    </row>
    <row r="6432" spans="2:14" x14ac:dyDescent="0.3">
      <c r="B6432">
        <f t="shared" si="712"/>
        <v>1</v>
      </c>
      <c r="C6432" s="16">
        <v>6398</v>
      </c>
      <c r="D6432" cm="1">
        <f t="array" ref="D6432">IFERROR(INDEX(Jesper!AH$2:AH$366,ROUNDDOWN($C6432/24,0)+1,1)*INDEX($D$3:$AA$30,INDEX(Jesper!$R$2:$R$366,ROW(INDEX(Jesper!AH$2:AH$366,ROUNDDOWN($C6432/24,0)+1,1))-1)+IF('Standard Profiles'!$G$18=$B$10,7,0)+IF('Standard Profiles'!$G$18=$B$17,14,0)+IF('Standard Profiles'!$G$18=$B$24,21,0),MOD($C6432,24)+1)/SUM(INDEX($D$3:$AA$30,INDEX(Jesper!$R$2:$R$366,ROW(INDEX(Jesper!AH$2:AH$366,ROUNDDOWN($C6432/24,0)+1,1))-1)+IF('Standard Profiles'!$G$18=$B$10,7,0)+IF('Standard Profiles'!$G$18=$B$17,14,0)+IF('Standard Profiles'!$G$18=$B$24,21,0),0)),0)</f>
        <v>16.348286594488894</v>
      </c>
      <c r="E6432" cm="1">
        <f t="array" ref="E6432">IFERROR(INDEX(Jesper!AI$2:AI$366,ROUNDDOWN($C6432/24,0)+1,1)*INDEX($D$3:$AA$30,INDEX(Jesper!$R$2:$R$366,ROW(INDEX(Jesper!AI$2:AI$366,ROUNDDOWN($C6432/24,0)+1,1))-1)+IF('Standard Profiles'!$G$19=$B$10,7,0)+IF('Standard Profiles'!$G$19=$B$17,14,0)+IF('Standard Profiles'!$G$19=$B$24,21,0),MOD($C6432,24)+1)/SUM(INDEX($D$3:$AA$30,INDEX(Jesper!$R$2:$R$366,ROW(INDEX(Jesper!AI$2:AI$366,ROUNDDOWN($C6432/24,0)+1,1))-1)+IF('Standard Profiles'!$G$19=$B$10,7,0)+IF('Standard Profiles'!$G$19=$B$17,14,0)+IF('Standard Profiles'!$G$19=$B$24,21,0),0)),0)</f>
        <v>0</v>
      </c>
      <c r="F6432" cm="1">
        <f t="array" ref="F6432">IFERROR(INDEX(Jesper!AJ$2:AJ$366,ROUNDDOWN($C6432/24,0)+1,1)*INDEX($D$3:$AA$30,INDEX(Jesper!$R$2:$R$366,ROW(INDEX(Jesper!AJ$2:AJ$366,ROUNDDOWN($C6432/24,0)+1,1))-1)+IF('Standard Profiles'!$G$20=$B$10,7,0)+IF('Standard Profiles'!$G$20=$B$17,14,0)+IF('Standard Profiles'!$G$20=$B$24,21,0),MOD($C6432,24)+1)/SUM(INDEX($D$3:$AA$30,INDEX(Jesper!$R$2:$R$366,ROW(INDEX(Jesper!AJ$2:AJ$366,ROUNDDOWN($C6432/24,0)+1,1))-1)+IF('Standard Profiles'!$G$20=$B$10,7,0)+IF('Standard Profiles'!$G$20=$B$17,14,0)+IF('Standard Profiles'!$G$20=$B$24,21,0),0)),0)</f>
        <v>0</v>
      </c>
      <c r="G6432" cm="1">
        <f t="array" ref="G6432">IFERROR(INDEX(Jesper!AK$2:AK$366,ROUNDDOWN($C6432/24,0)+1,1)*INDEX($D$3:$AA$30,INDEX(Jesper!$R$2:$R$366,ROW(INDEX(Jesper!AK$2:AK$366,ROUNDDOWN($C6432/24,0)+1,1))-1)+IF('Standard Profiles'!$G$21=$B$10,7,0)+IF('Standard Profiles'!$G$21=$B$17,14,0)+IF('Standard Profiles'!$G$21=$B$24,21,0),MOD($C6432,24)+1)/SUM(INDEX($D$3:$AA$30,INDEX(Jesper!$R$2:$R$366,ROW(INDEX(Jesper!AK$2:AK$366,ROUNDDOWN($C6432/24,0)+1,1))-1)+IF('Standard Profiles'!$G$21=$B$10,7,0)+IF('Standard Profiles'!$G$21=$B$17,14,0)+IF('Standard Profiles'!$G$21=$B$24,21,0),0)),0)</f>
        <v>0</v>
      </c>
      <c r="H6432" cm="1">
        <f t="array" ref="H6432">IFERROR(INDEX(Jesper!AL$2:AL$366,ROUNDDOWN($C6432/24,0)+1,1)*INDEX($D$3:$AA$30,INDEX(Jesper!$R$2:$R$366,ROW(INDEX(Jesper!AL$2:AL$366,ROUNDDOWN($C6432/24,0)+1,1))-1)+IF('Standard Profiles'!$G$22=$B$10,7,0)+IF('Standard Profiles'!$G$22=$B$17,14,0)+IF('Standard Profiles'!$G$22=$B$24,21,0),MOD($C6432,24)+1)/SUM(INDEX($D$3:$AA$30,INDEX(Jesper!$R$2:$R$366,ROW(INDEX(Jesper!AL$2:AL$366,ROUNDDOWN($C6432/24,0)+1,1))-1)+IF('Standard Profiles'!$G$22=$B$10,7,0)+IF('Standard Profiles'!$G$22=$B$17,14,0)+IF('Standard Profiles'!$G$22=$B$24,21,0),0)),0)</f>
        <v>0</v>
      </c>
      <c r="I6432">
        <f t="shared" si="713"/>
        <v>0.49044859783466677</v>
      </c>
      <c r="J6432">
        <f t="shared" si="714"/>
        <v>1.6348286594488894</v>
      </c>
      <c r="K6432">
        <f t="shared" si="715"/>
        <v>2.4522429891733339</v>
      </c>
      <c r="L6432">
        <f t="shared" si="716"/>
        <v>11.770766348032003</v>
      </c>
      <c r="M6432">
        <f t="shared" si="717"/>
        <v>0</v>
      </c>
      <c r="N6432" s="46">
        <f t="shared" si="718"/>
        <v>45558.583333317816</v>
      </c>
    </row>
    <row r="6433" spans="2:14" x14ac:dyDescent="0.3">
      <c r="B6433">
        <f t="shared" si="712"/>
        <v>1</v>
      </c>
      <c r="C6433" s="16">
        <v>6399</v>
      </c>
      <c r="D6433" cm="1">
        <f t="array" ref="D6433">IFERROR(INDEX(Jesper!AH$2:AH$366,ROUNDDOWN($C6433/24,0)+1,1)*INDEX($D$3:$AA$30,INDEX(Jesper!$R$2:$R$366,ROW(INDEX(Jesper!AH$2:AH$366,ROUNDDOWN($C6433/24,0)+1,1))-1)+IF('Standard Profiles'!$G$18=$B$10,7,0)+IF('Standard Profiles'!$G$18=$B$17,14,0)+IF('Standard Profiles'!$G$18=$B$24,21,0),MOD($C6433,24)+1)/SUM(INDEX($D$3:$AA$30,INDEX(Jesper!$R$2:$R$366,ROW(INDEX(Jesper!AH$2:AH$366,ROUNDDOWN($C6433/24,0)+1,1))-1)+IF('Standard Profiles'!$G$18=$B$10,7,0)+IF('Standard Profiles'!$G$18=$B$17,14,0)+IF('Standard Profiles'!$G$18=$B$24,21,0),0)),0)</f>
        <v>16.348286594488894</v>
      </c>
      <c r="E6433" cm="1">
        <f t="array" ref="E6433">IFERROR(INDEX(Jesper!AI$2:AI$366,ROUNDDOWN($C6433/24,0)+1,1)*INDEX($D$3:$AA$30,INDEX(Jesper!$R$2:$R$366,ROW(INDEX(Jesper!AI$2:AI$366,ROUNDDOWN($C6433/24,0)+1,1))-1)+IF('Standard Profiles'!$G$19=$B$10,7,0)+IF('Standard Profiles'!$G$19=$B$17,14,0)+IF('Standard Profiles'!$G$19=$B$24,21,0),MOD($C6433,24)+1)/SUM(INDEX($D$3:$AA$30,INDEX(Jesper!$R$2:$R$366,ROW(INDEX(Jesper!AI$2:AI$366,ROUNDDOWN($C6433/24,0)+1,1))-1)+IF('Standard Profiles'!$G$19=$B$10,7,0)+IF('Standard Profiles'!$G$19=$B$17,14,0)+IF('Standard Profiles'!$G$19=$B$24,21,0),0)),0)</f>
        <v>0</v>
      </c>
      <c r="F6433" cm="1">
        <f t="array" ref="F6433">IFERROR(INDEX(Jesper!AJ$2:AJ$366,ROUNDDOWN($C6433/24,0)+1,1)*INDEX($D$3:$AA$30,INDEX(Jesper!$R$2:$R$366,ROW(INDEX(Jesper!AJ$2:AJ$366,ROUNDDOWN($C6433/24,0)+1,1))-1)+IF('Standard Profiles'!$G$20=$B$10,7,0)+IF('Standard Profiles'!$G$20=$B$17,14,0)+IF('Standard Profiles'!$G$20=$B$24,21,0),MOD($C6433,24)+1)/SUM(INDEX($D$3:$AA$30,INDEX(Jesper!$R$2:$R$366,ROW(INDEX(Jesper!AJ$2:AJ$366,ROUNDDOWN($C6433/24,0)+1,1))-1)+IF('Standard Profiles'!$G$20=$B$10,7,0)+IF('Standard Profiles'!$G$20=$B$17,14,0)+IF('Standard Profiles'!$G$20=$B$24,21,0),0)),0)</f>
        <v>0</v>
      </c>
      <c r="G6433" cm="1">
        <f t="array" ref="G6433">IFERROR(INDEX(Jesper!AK$2:AK$366,ROUNDDOWN($C6433/24,0)+1,1)*INDEX($D$3:$AA$30,INDEX(Jesper!$R$2:$R$366,ROW(INDEX(Jesper!AK$2:AK$366,ROUNDDOWN($C6433/24,0)+1,1))-1)+IF('Standard Profiles'!$G$21=$B$10,7,0)+IF('Standard Profiles'!$G$21=$B$17,14,0)+IF('Standard Profiles'!$G$21=$B$24,21,0),MOD($C6433,24)+1)/SUM(INDEX($D$3:$AA$30,INDEX(Jesper!$R$2:$R$366,ROW(INDEX(Jesper!AK$2:AK$366,ROUNDDOWN($C6433/24,0)+1,1))-1)+IF('Standard Profiles'!$G$21=$B$10,7,0)+IF('Standard Profiles'!$G$21=$B$17,14,0)+IF('Standard Profiles'!$G$21=$B$24,21,0),0)),0)</f>
        <v>0</v>
      </c>
      <c r="H6433" cm="1">
        <f t="array" ref="H6433">IFERROR(INDEX(Jesper!AL$2:AL$366,ROUNDDOWN($C6433/24,0)+1,1)*INDEX($D$3:$AA$30,INDEX(Jesper!$R$2:$R$366,ROW(INDEX(Jesper!AL$2:AL$366,ROUNDDOWN($C6433/24,0)+1,1))-1)+IF('Standard Profiles'!$G$22=$B$10,7,0)+IF('Standard Profiles'!$G$22=$B$17,14,0)+IF('Standard Profiles'!$G$22=$B$24,21,0),MOD($C6433,24)+1)/SUM(INDEX($D$3:$AA$30,INDEX(Jesper!$R$2:$R$366,ROW(INDEX(Jesper!AL$2:AL$366,ROUNDDOWN($C6433/24,0)+1,1))-1)+IF('Standard Profiles'!$G$22=$B$10,7,0)+IF('Standard Profiles'!$G$22=$B$17,14,0)+IF('Standard Profiles'!$G$22=$B$24,21,0),0)),0)</f>
        <v>0</v>
      </c>
      <c r="I6433">
        <f t="shared" si="713"/>
        <v>0.49044859783466677</v>
      </c>
      <c r="J6433">
        <f t="shared" si="714"/>
        <v>1.6348286594488894</v>
      </c>
      <c r="K6433">
        <f t="shared" si="715"/>
        <v>2.4522429891733339</v>
      </c>
      <c r="L6433">
        <f t="shared" si="716"/>
        <v>11.770766348032003</v>
      </c>
      <c r="M6433">
        <f t="shared" si="717"/>
        <v>0</v>
      </c>
      <c r="N6433" s="46">
        <f t="shared" si="718"/>
        <v>45558.62499998448</v>
      </c>
    </row>
    <row r="6434" spans="2:14" x14ac:dyDescent="0.3">
      <c r="B6434">
        <f t="shared" si="712"/>
        <v>1</v>
      </c>
      <c r="C6434" s="16">
        <v>6400</v>
      </c>
      <c r="D6434" cm="1">
        <f t="array" ref="D6434">IFERROR(INDEX(Jesper!AH$2:AH$366,ROUNDDOWN($C6434/24,0)+1,1)*INDEX($D$3:$AA$30,INDEX(Jesper!$R$2:$R$366,ROW(INDEX(Jesper!AH$2:AH$366,ROUNDDOWN($C6434/24,0)+1,1))-1)+IF('Standard Profiles'!$G$18=$B$10,7,0)+IF('Standard Profiles'!$G$18=$B$17,14,0)+IF('Standard Profiles'!$G$18=$B$24,21,0),MOD($C6434,24)+1)/SUM(INDEX($D$3:$AA$30,INDEX(Jesper!$R$2:$R$366,ROW(INDEX(Jesper!AH$2:AH$366,ROUNDDOWN($C6434/24,0)+1,1))-1)+IF('Standard Profiles'!$G$18=$B$10,7,0)+IF('Standard Profiles'!$G$18=$B$17,14,0)+IF('Standard Profiles'!$G$18=$B$24,21,0),0)),0)</f>
        <v>16.348286594488894</v>
      </c>
      <c r="E6434" cm="1">
        <f t="array" ref="E6434">IFERROR(INDEX(Jesper!AI$2:AI$366,ROUNDDOWN($C6434/24,0)+1,1)*INDEX($D$3:$AA$30,INDEX(Jesper!$R$2:$R$366,ROW(INDEX(Jesper!AI$2:AI$366,ROUNDDOWN($C6434/24,0)+1,1))-1)+IF('Standard Profiles'!$G$19=$B$10,7,0)+IF('Standard Profiles'!$G$19=$B$17,14,0)+IF('Standard Profiles'!$G$19=$B$24,21,0),MOD($C6434,24)+1)/SUM(INDEX($D$3:$AA$30,INDEX(Jesper!$R$2:$R$366,ROW(INDEX(Jesper!AI$2:AI$366,ROUNDDOWN($C6434/24,0)+1,1))-1)+IF('Standard Profiles'!$G$19=$B$10,7,0)+IF('Standard Profiles'!$G$19=$B$17,14,0)+IF('Standard Profiles'!$G$19=$B$24,21,0),0)),0)</f>
        <v>0</v>
      </c>
      <c r="F6434" cm="1">
        <f t="array" ref="F6434">IFERROR(INDEX(Jesper!AJ$2:AJ$366,ROUNDDOWN($C6434/24,0)+1,1)*INDEX($D$3:$AA$30,INDEX(Jesper!$R$2:$R$366,ROW(INDEX(Jesper!AJ$2:AJ$366,ROUNDDOWN($C6434/24,0)+1,1))-1)+IF('Standard Profiles'!$G$20=$B$10,7,0)+IF('Standard Profiles'!$G$20=$B$17,14,0)+IF('Standard Profiles'!$G$20=$B$24,21,0),MOD($C6434,24)+1)/SUM(INDEX($D$3:$AA$30,INDEX(Jesper!$R$2:$R$366,ROW(INDEX(Jesper!AJ$2:AJ$366,ROUNDDOWN($C6434/24,0)+1,1))-1)+IF('Standard Profiles'!$G$20=$B$10,7,0)+IF('Standard Profiles'!$G$20=$B$17,14,0)+IF('Standard Profiles'!$G$20=$B$24,21,0),0)),0)</f>
        <v>0</v>
      </c>
      <c r="G6434" cm="1">
        <f t="array" ref="G6434">IFERROR(INDEX(Jesper!AK$2:AK$366,ROUNDDOWN($C6434/24,0)+1,1)*INDEX($D$3:$AA$30,INDEX(Jesper!$R$2:$R$366,ROW(INDEX(Jesper!AK$2:AK$366,ROUNDDOWN($C6434/24,0)+1,1))-1)+IF('Standard Profiles'!$G$21=$B$10,7,0)+IF('Standard Profiles'!$G$21=$B$17,14,0)+IF('Standard Profiles'!$G$21=$B$24,21,0),MOD($C6434,24)+1)/SUM(INDEX($D$3:$AA$30,INDEX(Jesper!$R$2:$R$366,ROW(INDEX(Jesper!AK$2:AK$366,ROUNDDOWN($C6434/24,0)+1,1))-1)+IF('Standard Profiles'!$G$21=$B$10,7,0)+IF('Standard Profiles'!$G$21=$B$17,14,0)+IF('Standard Profiles'!$G$21=$B$24,21,0),0)),0)</f>
        <v>0</v>
      </c>
      <c r="H6434" cm="1">
        <f t="array" ref="H6434">IFERROR(INDEX(Jesper!AL$2:AL$366,ROUNDDOWN($C6434/24,0)+1,1)*INDEX($D$3:$AA$30,INDEX(Jesper!$R$2:$R$366,ROW(INDEX(Jesper!AL$2:AL$366,ROUNDDOWN($C6434/24,0)+1,1))-1)+IF('Standard Profiles'!$G$22=$B$10,7,0)+IF('Standard Profiles'!$G$22=$B$17,14,0)+IF('Standard Profiles'!$G$22=$B$24,21,0),MOD($C6434,24)+1)/SUM(INDEX($D$3:$AA$30,INDEX(Jesper!$R$2:$R$366,ROW(INDEX(Jesper!AL$2:AL$366,ROUNDDOWN($C6434/24,0)+1,1))-1)+IF('Standard Profiles'!$G$22=$B$10,7,0)+IF('Standard Profiles'!$G$22=$B$17,14,0)+IF('Standard Profiles'!$G$22=$B$24,21,0),0)),0)</f>
        <v>0</v>
      </c>
      <c r="I6434">
        <f t="shared" si="713"/>
        <v>0.49044859783466677</v>
      </c>
      <c r="J6434">
        <f t="shared" si="714"/>
        <v>1.6348286594488894</v>
      </c>
      <c r="K6434">
        <f t="shared" si="715"/>
        <v>2.4522429891733339</v>
      </c>
      <c r="L6434">
        <f t="shared" si="716"/>
        <v>11.770766348032003</v>
      </c>
      <c r="M6434">
        <f t="shared" si="717"/>
        <v>0</v>
      </c>
      <c r="N6434" s="46">
        <f t="shared" si="718"/>
        <v>45558.666666651145</v>
      </c>
    </row>
    <row r="6435" spans="2:14" x14ac:dyDescent="0.3">
      <c r="B6435">
        <f t="shared" ref="B6435:B6498" si="719">WEEKDAY(N6435,2)</f>
        <v>1</v>
      </c>
      <c r="C6435" s="16">
        <v>6401</v>
      </c>
      <c r="D6435" cm="1">
        <f t="array" ref="D6435">IFERROR(INDEX(Jesper!AH$2:AH$366,ROUNDDOWN($C6435/24,0)+1,1)*INDEX($D$3:$AA$30,INDEX(Jesper!$R$2:$R$366,ROW(INDEX(Jesper!AH$2:AH$366,ROUNDDOWN($C6435/24,0)+1,1))-1)+IF('Standard Profiles'!$G$18=$B$10,7,0)+IF('Standard Profiles'!$G$18=$B$17,14,0)+IF('Standard Profiles'!$G$18=$B$24,21,0),MOD($C6435,24)+1)/SUM(INDEX($D$3:$AA$30,INDEX(Jesper!$R$2:$R$366,ROW(INDEX(Jesper!AH$2:AH$366,ROUNDDOWN($C6435/24,0)+1,1))-1)+IF('Standard Profiles'!$G$18=$B$10,7,0)+IF('Standard Profiles'!$G$18=$B$17,14,0)+IF('Standard Profiles'!$G$18=$B$24,21,0),0)),0)</f>
        <v>16.348286594488894</v>
      </c>
      <c r="E6435" cm="1">
        <f t="array" ref="E6435">IFERROR(INDEX(Jesper!AI$2:AI$366,ROUNDDOWN($C6435/24,0)+1,1)*INDEX($D$3:$AA$30,INDEX(Jesper!$R$2:$R$366,ROW(INDEX(Jesper!AI$2:AI$366,ROUNDDOWN($C6435/24,0)+1,1))-1)+IF('Standard Profiles'!$G$19=$B$10,7,0)+IF('Standard Profiles'!$G$19=$B$17,14,0)+IF('Standard Profiles'!$G$19=$B$24,21,0),MOD($C6435,24)+1)/SUM(INDEX($D$3:$AA$30,INDEX(Jesper!$R$2:$R$366,ROW(INDEX(Jesper!AI$2:AI$366,ROUNDDOWN($C6435/24,0)+1,1))-1)+IF('Standard Profiles'!$G$19=$B$10,7,0)+IF('Standard Profiles'!$G$19=$B$17,14,0)+IF('Standard Profiles'!$G$19=$B$24,21,0),0)),0)</f>
        <v>0</v>
      </c>
      <c r="F6435" cm="1">
        <f t="array" ref="F6435">IFERROR(INDEX(Jesper!AJ$2:AJ$366,ROUNDDOWN($C6435/24,0)+1,1)*INDEX($D$3:$AA$30,INDEX(Jesper!$R$2:$R$366,ROW(INDEX(Jesper!AJ$2:AJ$366,ROUNDDOWN($C6435/24,0)+1,1))-1)+IF('Standard Profiles'!$G$20=$B$10,7,0)+IF('Standard Profiles'!$G$20=$B$17,14,0)+IF('Standard Profiles'!$G$20=$B$24,21,0),MOD($C6435,24)+1)/SUM(INDEX($D$3:$AA$30,INDEX(Jesper!$R$2:$R$366,ROW(INDEX(Jesper!AJ$2:AJ$366,ROUNDDOWN($C6435/24,0)+1,1))-1)+IF('Standard Profiles'!$G$20=$B$10,7,0)+IF('Standard Profiles'!$G$20=$B$17,14,0)+IF('Standard Profiles'!$G$20=$B$24,21,0),0)),0)</f>
        <v>0</v>
      </c>
      <c r="G6435" cm="1">
        <f t="array" ref="G6435">IFERROR(INDEX(Jesper!AK$2:AK$366,ROUNDDOWN($C6435/24,0)+1,1)*INDEX($D$3:$AA$30,INDEX(Jesper!$R$2:$R$366,ROW(INDEX(Jesper!AK$2:AK$366,ROUNDDOWN($C6435/24,0)+1,1))-1)+IF('Standard Profiles'!$G$21=$B$10,7,0)+IF('Standard Profiles'!$G$21=$B$17,14,0)+IF('Standard Profiles'!$G$21=$B$24,21,0),MOD($C6435,24)+1)/SUM(INDEX($D$3:$AA$30,INDEX(Jesper!$R$2:$R$366,ROW(INDEX(Jesper!AK$2:AK$366,ROUNDDOWN($C6435/24,0)+1,1))-1)+IF('Standard Profiles'!$G$21=$B$10,7,0)+IF('Standard Profiles'!$G$21=$B$17,14,0)+IF('Standard Profiles'!$G$21=$B$24,21,0),0)),0)</f>
        <v>0</v>
      </c>
      <c r="H6435" cm="1">
        <f t="array" ref="H6435">IFERROR(INDEX(Jesper!AL$2:AL$366,ROUNDDOWN($C6435/24,0)+1,1)*INDEX($D$3:$AA$30,INDEX(Jesper!$R$2:$R$366,ROW(INDEX(Jesper!AL$2:AL$366,ROUNDDOWN($C6435/24,0)+1,1))-1)+IF('Standard Profiles'!$G$22=$B$10,7,0)+IF('Standard Profiles'!$G$22=$B$17,14,0)+IF('Standard Profiles'!$G$22=$B$24,21,0),MOD($C6435,24)+1)/SUM(INDEX($D$3:$AA$30,INDEX(Jesper!$R$2:$R$366,ROW(INDEX(Jesper!AL$2:AL$366,ROUNDDOWN($C6435/24,0)+1,1))-1)+IF('Standard Profiles'!$G$22=$B$10,7,0)+IF('Standard Profiles'!$G$22=$B$17,14,0)+IF('Standard Profiles'!$G$22=$B$24,21,0),0)),0)</f>
        <v>0</v>
      </c>
      <c r="I6435">
        <f t="shared" ref="I6435:I6498" si="720">IF($B6435&lt;6,AC$37*$D6435+AC$38*$E6435+AC$39*$F6435+AC$40*$G6435,AC$46*$D6435+AC$47*$E6435+AC$48*$F6435+AC$49*$G6435+AC$50*$H6435)</f>
        <v>0.49044859783466677</v>
      </c>
      <c r="J6435">
        <f t="shared" ref="J6435:J6498" si="721">IF($B6435&lt;6,AD$37*$D6435+AD$38*$E6435+AD$39*$F6435+AD$40*$G6435,AD$46*$D6435+AD$47*$E6435+AD$48*$F6435+AD$49*$G6435+AD$50*$H6435)</f>
        <v>1.6348286594488894</v>
      </c>
      <c r="K6435">
        <f t="shared" ref="K6435:K6498" si="722">IF($B6435&lt;6,AE$37*$D6435+AE$38*$E6435+AE$39*$F6435+AE$40*$G6435,AE$46*$D6435+AE$47*$E6435+AE$48*$F6435+AE$49*$G6435+AE$50*$H6435)</f>
        <v>2.4522429891733339</v>
      </c>
      <c r="L6435">
        <f t="shared" ref="L6435:L6498" si="723">IF($B6435&lt;6,AF$37*$D6435+AF$38*$E6435+AF$39*$F6435+AF$40*$G6435,AF$46*$D6435+AF$47*$E6435+AF$48*$F6435+AF$49*$G6435+AF$50*$H6435)</f>
        <v>11.770766348032003</v>
      </c>
      <c r="M6435">
        <f t="shared" ref="M6435:M6498" si="724">IF($B6435&lt;6,AG$37*$D6435+AG$38*$E6435+AG$39*$F6435+AG$40*$G6435,AG$46*$D6435+AG$47*$E6435+AG$48*$F6435+AG$49*$G6435+AG$50*$H6435)</f>
        <v>0</v>
      </c>
      <c r="N6435" s="46">
        <f t="shared" si="718"/>
        <v>45558.708333317809</v>
      </c>
    </row>
    <row r="6436" spans="2:14" x14ac:dyDescent="0.3">
      <c r="B6436">
        <f t="shared" si="719"/>
        <v>1</v>
      </c>
      <c r="C6436" s="16">
        <v>6402</v>
      </c>
      <c r="D6436" cm="1">
        <f t="array" ref="D6436">IFERROR(INDEX(Jesper!AH$2:AH$366,ROUNDDOWN($C6436/24,0)+1,1)*INDEX($D$3:$AA$30,INDEX(Jesper!$R$2:$R$366,ROW(INDEX(Jesper!AH$2:AH$366,ROUNDDOWN($C6436/24,0)+1,1))-1)+IF('Standard Profiles'!$G$18=$B$10,7,0)+IF('Standard Profiles'!$G$18=$B$17,14,0)+IF('Standard Profiles'!$G$18=$B$24,21,0),MOD($C6436,24)+1)/SUM(INDEX($D$3:$AA$30,INDEX(Jesper!$R$2:$R$366,ROW(INDEX(Jesper!AH$2:AH$366,ROUNDDOWN($C6436/24,0)+1,1))-1)+IF('Standard Profiles'!$G$18=$B$10,7,0)+IF('Standard Profiles'!$G$18=$B$17,14,0)+IF('Standard Profiles'!$G$18=$B$24,21,0),0)),0)</f>
        <v>16.348286594488894</v>
      </c>
      <c r="E6436" cm="1">
        <f t="array" ref="E6436">IFERROR(INDEX(Jesper!AI$2:AI$366,ROUNDDOWN($C6436/24,0)+1,1)*INDEX($D$3:$AA$30,INDEX(Jesper!$R$2:$R$366,ROW(INDEX(Jesper!AI$2:AI$366,ROUNDDOWN($C6436/24,0)+1,1))-1)+IF('Standard Profiles'!$G$19=$B$10,7,0)+IF('Standard Profiles'!$G$19=$B$17,14,0)+IF('Standard Profiles'!$G$19=$B$24,21,0),MOD($C6436,24)+1)/SUM(INDEX($D$3:$AA$30,INDEX(Jesper!$R$2:$R$366,ROW(INDEX(Jesper!AI$2:AI$366,ROUNDDOWN($C6436/24,0)+1,1))-1)+IF('Standard Profiles'!$G$19=$B$10,7,0)+IF('Standard Profiles'!$G$19=$B$17,14,0)+IF('Standard Profiles'!$G$19=$B$24,21,0),0)),0)</f>
        <v>0</v>
      </c>
      <c r="F6436" cm="1">
        <f t="array" ref="F6436">IFERROR(INDEX(Jesper!AJ$2:AJ$366,ROUNDDOWN($C6436/24,0)+1,1)*INDEX($D$3:$AA$30,INDEX(Jesper!$R$2:$R$366,ROW(INDEX(Jesper!AJ$2:AJ$366,ROUNDDOWN($C6436/24,0)+1,1))-1)+IF('Standard Profiles'!$G$20=$B$10,7,0)+IF('Standard Profiles'!$G$20=$B$17,14,0)+IF('Standard Profiles'!$G$20=$B$24,21,0),MOD($C6436,24)+1)/SUM(INDEX($D$3:$AA$30,INDEX(Jesper!$R$2:$R$366,ROW(INDEX(Jesper!AJ$2:AJ$366,ROUNDDOWN($C6436/24,0)+1,1))-1)+IF('Standard Profiles'!$G$20=$B$10,7,0)+IF('Standard Profiles'!$G$20=$B$17,14,0)+IF('Standard Profiles'!$G$20=$B$24,21,0),0)),0)</f>
        <v>0</v>
      </c>
      <c r="G6436" cm="1">
        <f t="array" ref="G6436">IFERROR(INDEX(Jesper!AK$2:AK$366,ROUNDDOWN($C6436/24,0)+1,1)*INDEX($D$3:$AA$30,INDEX(Jesper!$R$2:$R$366,ROW(INDEX(Jesper!AK$2:AK$366,ROUNDDOWN($C6436/24,0)+1,1))-1)+IF('Standard Profiles'!$G$21=$B$10,7,0)+IF('Standard Profiles'!$G$21=$B$17,14,0)+IF('Standard Profiles'!$G$21=$B$24,21,0),MOD($C6436,24)+1)/SUM(INDEX($D$3:$AA$30,INDEX(Jesper!$R$2:$R$366,ROW(INDEX(Jesper!AK$2:AK$366,ROUNDDOWN($C6436/24,0)+1,1))-1)+IF('Standard Profiles'!$G$21=$B$10,7,0)+IF('Standard Profiles'!$G$21=$B$17,14,0)+IF('Standard Profiles'!$G$21=$B$24,21,0),0)),0)</f>
        <v>0</v>
      </c>
      <c r="H6436" cm="1">
        <f t="array" ref="H6436">IFERROR(INDEX(Jesper!AL$2:AL$366,ROUNDDOWN($C6436/24,0)+1,1)*INDEX($D$3:$AA$30,INDEX(Jesper!$R$2:$R$366,ROW(INDEX(Jesper!AL$2:AL$366,ROUNDDOWN($C6436/24,0)+1,1))-1)+IF('Standard Profiles'!$G$22=$B$10,7,0)+IF('Standard Profiles'!$G$22=$B$17,14,0)+IF('Standard Profiles'!$G$22=$B$24,21,0),MOD($C6436,24)+1)/SUM(INDEX($D$3:$AA$30,INDEX(Jesper!$R$2:$R$366,ROW(INDEX(Jesper!AL$2:AL$366,ROUNDDOWN($C6436/24,0)+1,1))-1)+IF('Standard Profiles'!$G$22=$B$10,7,0)+IF('Standard Profiles'!$G$22=$B$17,14,0)+IF('Standard Profiles'!$G$22=$B$24,21,0),0)),0)</f>
        <v>0</v>
      </c>
      <c r="I6436">
        <f t="shared" si="720"/>
        <v>0.49044859783466677</v>
      </c>
      <c r="J6436">
        <f t="shared" si="721"/>
        <v>1.6348286594488894</v>
      </c>
      <c r="K6436">
        <f t="shared" si="722"/>
        <v>2.4522429891733339</v>
      </c>
      <c r="L6436">
        <f t="shared" si="723"/>
        <v>11.770766348032003</v>
      </c>
      <c r="M6436">
        <f t="shared" si="724"/>
        <v>0</v>
      </c>
      <c r="N6436" s="46">
        <f t="shared" ref="N6436:N6499" si="725">N6435+1/24</f>
        <v>45558.749999984473</v>
      </c>
    </row>
    <row r="6437" spans="2:14" x14ac:dyDescent="0.3">
      <c r="B6437">
        <f t="shared" si="719"/>
        <v>1</v>
      </c>
      <c r="C6437" s="16">
        <v>6403</v>
      </c>
      <c r="D6437" cm="1">
        <f t="array" ref="D6437">IFERROR(INDEX(Jesper!AH$2:AH$366,ROUNDDOWN($C6437/24,0)+1,1)*INDEX($D$3:$AA$30,INDEX(Jesper!$R$2:$R$366,ROW(INDEX(Jesper!AH$2:AH$366,ROUNDDOWN($C6437/24,0)+1,1))-1)+IF('Standard Profiles'!$G$18=$B$10,7,0)+IF('Standard Profiles'!$G$18=$B$17,14,0)+IF('Standard Profiles'!$G$18=$B$24,21,0),MOD($C6437,24)+1)/SUM(INDEX($D$3:$AA$30,INDEX(Jesper!$R$2:$R$366,ROW(INDEX(Jesper!AH$2:AH$366,ROUNDDOWN($C6437/24,0)+1,1))-1)+IF('Standard Profiles'!$G$18=$B$10,7,0)+IF('Standard Profiles'!$G$18=$B$17,14,0)+IF('Standard Profiles'!$G$18=$B$24,21,0),0)),0)</f>
        <v>13.691690022884451</v>
      </c>
      <c r="E6437" cm="1">
        <f t="array" ref="E6437">IFERROR(INDEX(Jesper!AI$2:AI$366,ROUNDDOWN($C6437/24,0)+1,1)*INDEX($D$3:$AA$30,INDEX(Jesper!$R$2:$R$366,ROW(INDEX(Jesper!AI$2:AI$366,ROUNDDOWN($C6437/24,0)+1,1))-1)+IF('Standard Profiles'!$G$19=$B$10,7,0)+IF('Standard Profiles'!$G$19=$B$17,14,0)+IF('Standard Profiles'!$G$19=$B$24,21,0),MOD($C6437,24)+1)/SUM(INDEX($D$3:$AA$30,INDEX(Jesper!$R$2:$R$366,ROW(INDEX(Jesper!AI$2:AI$366,ROUNDDOWN($C6437/24,0)+1,1))-1)+IF('Standard Profiles'!$G$19=$B$10,7,0)+IF('Standard Profiles'!$G$19=$B$17,14,0)+IF('Standard Profiles'!$G$19=$B$24,21,0),0)),0)</f>
        <v>0</v>
      </c>
      <c r="F6437" cm="1">
        <f t="array" ref="F6437">IFERROR(INDEX(Jesper!AJ$2:AJ$366,ROUNDDOWN($C6437/24,0)+1,1)*INDEX($D$3:$AA$30,INDEX(Jesper!$R$2:$R$366,ROW(INDEX(Jesper!AJ$2:AJ$366,ROUNDDOWN($C6437/24,0)+1,1))-1)+IF('Standard Profiles'!$G$20=$B$10,7,0)+IF('Standard Profiles'!$G$20=$B$17,14,0)+IF('Standard Profiles'!$G$20=$B$24,21,0),MOD($C6437,24)+1)/SUM(INDEX($D$3:$AA$30,INDEX(Jesper!$R$2:$R$366,ROW(INDEX(Jesper!AJ$2:AJ$366,ROUNDDOWN($C6437/24,0)+1,1))-1)+IF('Standard Profiles'!$G$20=$B$10,7,0)+IF('Standard Profiles'!$G$20=$B$17,14,0)+IF('Standard Profiles'!$G$20=$B$24,21,0),0)),0)</f>
        <v>0</v>
      </c>
      <c r="G6437" cm="1">
        <f t="array" ref="G6437">IFERROR(INDEX(Jesper!AK$2:AK$366,ROUNDDOWN($C6437/24,0)+1,1)*INDEX($D$3:$AA$30,INDEX(Jesper!$R$2:$R$366,ROW(INDEX(Jesper!AK$2:AK$366,ROUNDDOWN($C6437/24,0)+1,1))-1)+IF('Standard Profiles'!$G$21=$B$10,7,0)+IF('Standard Profiles'!$G$21=$B$17,14,0)+IF('Standard Profiles'!$G$21=$B$24,21,0),MOD($C6437,24)+1)/SUM(INDEX($D$3:$AA$30,INDEX(Jesper!$R$2:$R$366,ROW(INDEX(Jesper!AK$2:AK$366,ROUNDDOWN($C6437/24,0)+1,1))-1)+IF('Standard Profiles'!$G$21=$B$10,7,0)+IF('Standard Profiles'!$G$21=$B$17,14,0)+IF('Standard Profiles'!$G$21=$B$24,21,0),0)),0)</f>
        <v>0</v>
      </c>
      <c r="H6437" cm="1">
        <f t="array" ref="H6437">IFERROR(INDEX(Jesper!AL$2:AL$366,ROUNDDOWN($C6437/24,0)+1,1)*INDEX($D$3:$AA$30,INDEX(Jesper!$R$2:$R$366,ROW(INDEX(Jesper!AL$2:AL$366,ROUNDDOWN($C6437/24,0)+1,1))-1)+IF('Standard Profiles'!$G$22=$B$10,7,0)+IF('Standard Profiles'!$G$22=$B$17,14,0)+IF('Standard Profiles'!$G$22=$B$24,21,0),MOD($C6437,24)+1)/SUM(INDEX($D$3:$AA$30,INDEX(Jesper!$R$2:$R$366,ROW(INDEX(Jesper!AL$2:AL$366,ROUNDDOWN($C6437/24,0)+1,1))-1)+IF('Standard Profiles'!$G$22=$B$10,7,0)+IF('Standard Profiles'!$G$22=$B$17,14,0)+IF('Standard Profiles'!$G$22=$B$24,21,0),0)),0)</f>
        <v>0</v>
      </c>
      <c r="I6437">
        <f t="shared" si="720"/>
        <v>0.41075070068653352</v>
      </c>
      <c r="J6437">
        <f t="shared" si="721"/>
        <v>1.3691690022884453</v>
      </c>
      <c r="K6437">
        <f t="shared" si="722"/>
        <v>2.0537535034326675</v>
      </c>
      <c r="L6437">
        <f t="shared" si="723"/>
        <v>9.8580168164768036</v>
      </c>
      <c r="M6437">
        <f t="shared" si="724"/>
        <v>0</v>
      </c>
      <c r="N6437" s="46">
        <f t="shared" si="725"/>
        <v>45558.791666651137</v>
      </c>
    </row>
    <row r="6438" spans="2:14" x14ac:dyDescent="0.3">
      <c r="B6438">
        <f t="shared" si="719"/>
        <v>1</v>
      </c>
      <c r="C6438" s="16">
        <v>6404</v>
      </c>
      <c r="D6438" cm="1">
        <f t="array" ref="D6438">IFERROR(INDEX(Jesper!AH$2:AH$366,ROUNDDOWN($C6438/24,0)+1,1)*INDEX($D$3:$AA$30,INDEX(Jesper!$R$2:$R$366,ROW(INDEX(Jesper!AH$2:AH$366,ROUNDDOWN($C6438/24,0)+1,1))-1)+IF('Standard Profiles'!$G$18=$B$10,7,0)+IF('Standard Profiles'!$G$18=$B$17,14,0)+IF('Standard Profiles'!$G$18=$B$24,21,0),MOD($C6438,24)+1)/SUM(INDEX($D$3:$AA$30,INDEX(Jesper!$R$2:$R$366,ROW(INDEX(Jesper!AH$2:AH$366,ROUNDDOWN($C6438/24,0)+1,1))-1)+IF('Standard Profiles'!$G$18=$B$10,7,0)+IF('Standard Profiles'!$G$18=$B$17,14,0)+IF('Standard Profiles'!$G$18=$B$24,21,0),0)),0)</f>
        <v>11.239447033711116</v>
      </c>
      <c r="E6438" cm="1">
        <f t="array" ref="E6438">IFERROR(INDEX(Jesper!AI$2:AI$366,ROUNDDOWN($C6438/24,0)+1,1)*INDEX($D$3:$AA$30,INDEX(Jesper!$R$2:$R$366,ROW(INDEX(Jesper!AI$2:AI$366,ROUNDDOWN($C6438/24,0)+1,1))-1)+IF('Standard Profiles'!$G$19=$B$10,7,0)+IF('Standard Profiles'!$G$19=$B$17,14,0)+IF('Standard Profiles'!$G$19=$B$24,21,0),MOD($C6438,24)+1)/SUM(INDEX($D$3:$AA$30,INDEX(Jesper!$R$2:$R$366,ROW(INDEX(Jesper!AI$2:AI$366,ROUNDDOWN($C6438/24,0)+1,1))-1)+IF('Standard Profiles'!$G$19=$B$10,7,0)+IF('Standard Profiles'!$G$19=$B$17,14,0)+IF('Standard Profiles'!$G$19=$B$24,21,0),0)),0)</f>
        <v>0</v>
      </c>
      <c r="F6438" cm="1">
        <f t="array" ref="F6438">IFERROR(INDEX(Jesper!AJ$2:AJ$366,ROUNDDOWN($C6438/24,0)+1,1)*INDEX($D$3:$AA$30,INDEX(Jesper!$R$2:$R$366,ROW(INDEX(Jesper!AJ$2:AJ$366,ROUNDDOWN($C6438/24,0)+1,1))-1)+IF('Standard Profiles'!$G$20=$B$10,7,0)+IF('Standard Profiles'!$G$20=$B$17,14,0)+IF('Standard Profiles'!$G$20=$B$24,21,0),MOD($C6438,24)+1)/SUM(INDEX($D$3:$AA$30,INDEX(Jesper!$R$2:$R$366,ROW(INDEX(Jesper!AJ$2:AJ$366,ROUNDDOWN($C6438/24,0)+1,1))-1)+IF('Standard Profiles'!$G$20=$B$10,7,0)+IF('Standard Profiles'!$G$20=$B$17,14,0)+IF('Standard Profiles'!$G$20=$B$24,21,0),0)),0)</f>
        <v>0</v>
      </c>
      <c r="G6438" cm="1">
        <f t="array" ref="G6438">IFERROR(INDEX(Jesper!AK$2:AK$366,ROUNDDOWN($C6438/24,0)+1,1)*INDEX($D$3:$AA$30,INDEX(Jesper!$R$2:$R$366,ROW(INDEX(Jesper!AK$2:AK$366,ROUNDDOWN($C6438/24,0)+1,1))-1)+IF('Standard Profiles'!$G$21=$B$10,7,0)+IF('Standard Profiles'!$G$21=$B$17,14,0)+IF('Standard Profiles'!$G$21=$B$24,21,0),MOD($C6438,24)+1)/SUM(INDEX($D$3:$AA$30,INDEX(Jesper!$R$2:$R$366,ROW(INDEX(Jesper!AK$2:AK$366,ROUNDDOWN($C6438/24,0)+1,1))-1)+IF('Standard Profiles'!$G$21=$B$10,7,0)+IF('Standard Profiles'!$G$21=$B$17,14,0)+IF('Standard Profiles'!$G$21=$B$24,21,0),0)),0)</f>
        <v>0</v>
      </c>
      <c r="H6438" cm="1">
        <f t="array" ref="H6438">IFERROR(INDEX(Jesper!AL$2:AL$366,ROUNDDOWN($C6438/24,0)+1,1)*INDEX($D$3:$AA$30,INDEX(Jesper!$R$2:$R$366,ROW(INDEX(Jesper!AL$2:AL$366,ROUNDDOWN($C6438/24,0)+1,1))-1)+IF('Standard Profiles'!$G$22=$B$10,7,0)+IF('Standard Profiles'!$G$22=$B$17,14,0)+IF('Standard Profiles'!$G$22=$B$24,21,0),MOD($C6438,24)+1)/SUM(INDEX($D$3:$AA$30,INDEX(Jesper!$R$2:$R$366,ROW(INDEX(Jesper!AL$2:AL$366,ROUNDDOWN($C6438/24,0)+1,1))-1)+IF('Standard Profiles'!$G$22=$B$10,7,0)+IF('Standard Profiles'!$G$22=$B$17,14,0)+IF('Standard Profiles'!$G$22=$B$24,21,0),0)),0)</f>
        <v>0</v>
      </c>
      <c r="I6438">
        <f t="shared" si="720"/>
        <v>0.33718341101133348</v>
      </c>
      <c r="J6438">
        <f t="shared" si="721"/>
        <v>1.1239447033711116</v>
      </c>
      <c r="K6438">
        <f t="shared" si="722"/>
        <v>1.6859170550566673</v>
      </c>
      <c r="L6438">
        <f t="shared" si="723"/>
        <v>8.0924018642720039</v>
      </c>
      <c r="M6438">
        <f t="shared" si="724"/>
        <v>0</v>
      </c>
      <c r="N6438" s="46">
        <f t="shared" si="725"/>
        <v>45558.833333317802</v>
      </c>
    </row>
    <row r="6439" spans="2:14" x14ac:dyDescent="0.3">
      <c r="B6439">
        <f t="shared" si="719"/>
        <v>1</v>
      </c>
      <c r="C6439" s="16">
        <v>6405</v>
      </c>
      <c r="D6439" cm="1">
        <f t="array" ref="D6439">IFERROR(INDEX(Jesper!AH$2:AH$366,ROUNDDOWN($C6439/24,0)+1,1)*INDEX($D$3:$AA$30,INDEX(Jesper!$R$2:$R$366,ROW(INDEX(Jesper!AH$2:AH$366,ROUNDDOWN($C6439/24,0)+1,1))-1)+IF('Standard Profiles'!$G$18=$B$10,7,0)+IF('Standard Profiles'!$G$18=$B$17,14,0)+IF('Standard Profiles'!$G$18=$B$24,21,0),MOD($C6439,24)+1)/SUM(INDEX($D$3:$AA$30,INDEX(Jesper!$R$2:$R$366,ROW(INDEX(Jesper!AH$2:AH$366,ROUNDDOWN($C6439/24,0)+1,1))-1)+IF('Standard Profiles'!$G$18=$B$10,7,0)+IF('Standard Profiles'!$G$18=$B$17,14,0)+IF('Standard Profiles'!$G$18=$B$24,21,0),0)),0)</f>
        <v>8.1741432972444468</v>
      </c>
      <c r="E6439" cm="1">
        <f t="array" ref="E6439">IFERROR(INDEX(Jesper!AI$2:AI$366,ROUNDDOWN($C6439/24,0)+1,1)*INDEX($D$3:$AA$30,INDEX(Jesper!$R$2:$R$366,ROW(INDEX(Jesper!AI$2:AI$366,ROUNDDOWN($C6439/24,0)+1,1))-1)+IF('Standard Profiles'!$G$19=$B$10,7,0)+IF('Standard Profiles'!$G$19=$B$17,14,0)+IF('Standard Profiles'!$G$19=$B$24,21,0),MOD($C6439,24)+1)/SUM(INDEX($D$3:$AA$30,INDEX(Jesper!$R$2:$R$366,ROW(INDEX(Jesper!AI$2:AI$366,ROUNDDOWN($C6439/24,0)+1,1))-1)+IF('Standard Profiles'!$G$19=$B$10,7,0)+IF('Standard Profiles'!$G$19=$B$17,14,0)+IF('Standard Profiles'!$G$19=$B$24,21,0),0)),0)</f>
        <v>0</v>
      </c>
      <c r="F6439" cm="1">
        <f t="array" ref="F6439">IFERROR(INDEX(Jesper!AJ$2:AJ$366,ROUNDDOWN($C6439/24,0)+1,1)*INDEX($D$3:$AA$30,INDEX(Jesper!$R$2:$R$366,ROW(INDEX(Jesper!AJ$2:AJ$366,ROUNDDOWN($C6439/24,0)+1,1))-1)+IF('Standard Profiles'!$G$20=$B$10,7,0)+IF('Standard Profiles'!$G$20=$B$17,14,0)+IF('Standard Profiles'!$G$20=$B$24,21,0),MOD($C6439,24)+1)/SUM(INDEX($D$3:$AA$30,INDEX(Jesper!$R$2:$R$366,ROW(INDEX(Jesper!AJ$2:AJ$366,ROUNDDOWN($C6439/24,0)+1,1))-1)+IF('Standard Profiles'!$G$20=$B$10,7,0)+IF('Standard Profiles'!$G$20=$B$17,14,0)+IF('Standard Profiles'!$G$20=$B$24,21,0),0)),0)</f>
        <v>0</v>
      </c>
      <c r="G6439" cm="1">
        <f t="array" ref="G6439">IFERROR(INDEX(Jesper!AK$2:AK$366,ROUNDDOWN($C6439/24,0)+1,1)*INDEX($D$3:$AA$30,INDEX(Jesper!$R$2:$R$366,ROW(INDEX(Jesper!AK$2:AK$366,ROUNDDOWN($C6439/24,0)+1,1))-1)+IF('Standard Profiles'!$G$21=$B$10,7,0)+IF('Standard Profiles'!$G$21=$B$17,14,0)+IF('Standard Profiles'!$G$21=$B$24,21,0),MOD($C6439,24)+1)/SUM(INDEX($D$3:$AA$30,INDEX(Jesper!$R$2:$R$366,ROW(INDEX(Jesper!AK$2:AK$366,ROUNDDOWN($C6439/24,0)+1,1))-1)+IF('Standard Profiles'!$G$21=$B$10,7,0)+IF('Standard Profiles'!$G$21=$B$17,14,0)+IF('Standard Profiles'!$G$21=$B$24,21,0),0)),0)</f>
        <v>0</v>
      </c>
      <c r="H6439" cm="1">
        <f t="array" ref="H6439">IFERROR(INDEX(Jesper!AL$2:AL$366,ROUNDDOWN($C6439/24,0)+1,1)*INDEX($D$3:$AA$30,INDEX(Jesper!$R$2:$R$366,ROW(INDEX(Jesper!AL$2:AL$366,ROUNDDOWN($C6439/24,0)+1,1))-1)+IF('Standard Profiles'!$G$22=$B$10,7,0)+IF('Standard Profiles'!$G$22=$B$17,14,0)+IF('Standard Profiles'!$G$22=$B$24,21,0),MOD($C6439,24)+1)/SUM(INDEX($D$3:$AA$30,INDEX(Jesper!$R$2:$R$366,ROW(INDEX(Jesper!AL$2:AL$366,ROUNDDOWN($C6439/24,0)+1,1))-1)+IF('Standard Profiles'!$G$22=$B$10,7,0)+IF('Standard Profiles'!$G$22=$B$17,14,0)+IF('Standard Profiles'!$G$22=$B$24,21,0),0)),0)</f>
        <v>0</v>
      </c>
      <c r="I6439">
        <f t="shared" si="720"/>
        <v>0.24522429891733338</v>
      </c>
      <c r="J6439">
        <f t="shared" si="721"/>
        <v>0.81741432972444472</v>
      </c>
      <c r="K6439">
        <f t="shared" si="722"/>
        <v>1.226121494586667</v>
      </c>
      <c r="L6439">
        <f t="shared" si="723"/>
        <v>5.8853831740160016</v>
      </c>
      <c r="M6439">
        <f t="shared" si="724"/>
        <v>0</v>
      </c>
      <c r="N6439" s="46">
        <f t="shared" si="725"/>
        <v>45558.874999984466</v>
      </c>
    </row>
    <row r="6440" spans="2:14" x14ac:dyDescent="0.3">
      <c r="B6440">
        <f t="shared" si="719"/>
        <v>1</v>
      </c>
      <c r="C6440" s="16">
        <v>6406</v>
      </c>
      <c r="D6440" cm="1">
        <f t="array" ref="D6440">IFERROR(INDEX(Jesper!AH$2:AH$366,ROUNDDOWN($C6440/24,0)+1,1)*INDEX($D$3:$AA$30,INDEX(Jesper!$R$2:$R$366,ROW(INDEX(Jesper!AH$2:AH$366,ROUNDDOWN($C6440/24,0)+1,1))-1)+IF('Standard Profiles'!$G$18=$B$10,7,0)+IF('Standard Profiles'!$G$18=$B$17,14,0)+IF('Standard Profiles'!$G$18=$B$24,21,0),MOD($C6440,24)+1)/SUM(INDEX($D$3:$AA$30,INDEX(Jesper!$R$2:$R$366,ROW(INDEX(Jesper!AH$2:AH$366,ROUNDDOWN($C6440/24,0)+1,1))-1)+IF('Standard Profiles'!$G$18=$B$10,7,0)+IF('Standard Profiles'!$G$18=$B$17,14,0)+IF('Standard Profiles'!$G$18=$B$24,21,0),0)),0)</f>
        <v>7.7654361323822254</v>
      </c>
      <c r="E6440" cm="1">
        <f t="array" ref="E6440">IFERROR(INDEX(Jesper!AI$2:AI$366,ROUNDDOWN($C6440/24,0)+1,1)*INDEX($D$3:$AA$30,INDEX(Jesper!$R$2:$R$366,ROW(INDEX(Jesper!AI$2:AI$366,ROUNDDOWN($C6440/24,0)+1,1))-1)+IF('Standard Profiles'!$G$19=$B$10,7,0)+IF('Standard Profiles'!$G$19=$B$17,14,0)+IF('Standard Profiles'!$G$19=$B$24,21,0),MOD($C6440,24)+1)/SUM(INDEX($D$3:$AA$30,INDEX(Jesper!$R$2:$R$366,ROW(INDEX(Jesper!AI$2:AI$366,ROUNDDOWN($C6440/24,0)+1,1))-1)+IF('Standard Profiles'!$G$19=$B$10,7,0)+IF('Standard Profiles'!$G$19=$B$17,14,0)+IF('Standard Profiles'!$G$19=$B$24,21,0),0)),0)</f>
        <v>0</v>
      </c>
      <c r="F6440" cm="1">
        <f t="array" ref="F6440">IFERROR(INDEX(Jesper!AJ$2:AJ$366,ROUNDDOWN($C6440/24,0)+1,1)*INDEX($D$3:$AA$30,INDEX(Jesper!$R$2:$R$366,ROW(INDEX(Jesper!AJ$2:AJ$366,ROUNDDOWN($C6440/24,0)+1,1))-1)+IF('Standard Profiles'!$G$20=$B$10,7,0)+IF('Standard Profiles'!$G$20=$B$17,14,0)+IF('Standard Profiles'!$G$20=$B$24,21,0),MOD($C6440,24)+1)/SUM(INDEX($D$3:$AA$30,INDEX(Jesper!$R$2:$R$366,ROW(INDEX(Jesper!AJ$2:AJ$366,ROUNDDOWN($C6440/24,0)+1,1))-1)+IF('Standard Profiles'!$G$20=$B$10,7,0)+IF('Standard Profiles'!$G$20=$B$17,14,0)+IF('Standard Profiles'!$G$20=$B$24,21,0),0)),0)</f>
        <v>0</v>
      </c>
      <c r="G6440" cm="1">
        <f t="array" ref="G6440">IFERROR(INDEX(Jesper!AK$2:AK$366,ROUNDDOWN($C6440/24,0)+1,1)*INDEX($D$3:$AA$30,INDEX(Jesper!$R$2:$R$366,ROW(INDEX(Jesper!AK$2:AK$366,ROUNDDOWN($C6440/24,0)+1,1))-1)+IF('Standard Profiles'!$G$21=$B$10,7,0)+IF('Standard Profiles'!$G$21=$B$17,14,0)+IF('Standard Profiles'!$G$21=$B$24,21,0),MOD($C6440,24)+1)/SUM(INDEX($D$3:$AA$30,INDEX(Jesper!$R$2:$R$366,ROW(INDEX(Jesper!AK$2:AK$366,ROUNDDOWN($C6440/24,0)+1,1))-1)+IF('Standard Profiles'!$G$21=$B$10,7,0)+IF('Standard Profiles'!$G$21=$B$17,14,0)+IF('Standard Profiles'!$G$21=$B$24,21,0),0)),0)</f>
        <v>0</v>
      </c>
      <c r="H6440" cm="1">
        <f t="array" ref="H6440">IFERROR(INDEX(Jesper!AL$2:AL$366,ROUNDDOWN($C6440/24,0)+1,1)*INDEX($D$3:$AA$30,INDEX(Jesper!$R$2:$R$366,ROW(INDEX(Jesper!AL$2:AL$366,ROUNDDOWN($C6440/24,0)+1,1))-1)+IF('Standard Profiles'!$G$22=$B$10,7,0)+IF('Standard Profiles'!$G$22=$B$17,14,0)+IF('Standard Profiles'!$G$22=$B$24,21,0),MOD($C6440,24)+1)/SUM(INDEX($D$3:$AA$30,INDEX(Jesper!$R$2:$R$366,ROW(INDEX(Jesper!AL$2:AL$366,ROUNDDOWN($C6440/24,0)+1,1))-1)+IF('Standard Profiles'!$G$22=$B$10,7,0)+IF('Standard Profiles'!$G$22=$B$17,14,0)+IF('Standard Profiles'!$G$22=$B$24,21,0),0)),0)</f>
        <v>0</v>
      </c>
      <c r="I6440">
        <f t="shared" si="720"/>
        <v>0.23296308397146676</v>
      </c>
      <c r="J6440">
        <f t="shared" si="721"/>
        <v>0.77654361323822263</v>
      </c>
      <c r="K6440">
        <f t="shared" si="722"/>
        <v>1.1648154198573337</v>
      </c>
      <c r="L6440">
        <f t="shared" si="723"/>
        <v>5.5911140153152017</v>
      </c>
      <c r="M6440">
        <f t="shared" si="724"/>
        <v>0</v>
      </c>
      <c r="N6440" s="46">
        <f t="shared" si="725"/>
        <v>45558.91666665113</v>
      </c>
    </row>
    <row r="6441" spans="2:14" x14ac:dyDescent="0.3">
      <c r="B6441">
        <f t="shared" si="719"/>
        <v>1</v>
      </c>
      <c r="C6441" s="16">
        <v>6407</v>
      </c>
      <c r="D6441" cm="1">
        <f t="array" ref="D6441">IFERROR(INDEX(Jesper!AH$2:AH$366,ROUNDDOWN($C6441/24,0)+1,1)*INDEX($D$3:$AA$30,INDEX(Jesper!$R$2:$R$366,ROW(INDEX(Jesper!AH$2:AH$366,ROUNDDOWN($C6441/24,0)+1,1))-1)+IF('Standard Profiles'!$G$18=$B$10,7,0)+IF('Standard Profiles'!$G$18=$B$17,14,0)+IF('Standard Profiles'!$G$18=$B$24,21,0),MOD($C6441,24)+1)/SUM(INDEX($D$3:$AA$30,INDEX(Jesper!$R$2:$R$366,ROW(INDEX(Jesper!AH$2:AH$366,ROUNDDOWN($C6441/24,0)+1,1))-1)+IF('Standard Profiles'!$G$18=$B$10,7,0)+IF('Standard Profiles'!$G$18=$B$17,14,0)+IF('Standard Profiles'!$G$18=$B$24,21,0),0)),0)</f>
        <v>7.7654361323822254</v>
      </c>
      <c r="E6441" cm="1">
        <f t="array" ref="E6441">IFERROR(INDEX(Jesper!AI$2:AI$366,ROUNDDOWN($C6441/24,0)+1,1)*INDEX($D$3:$AA$30,INDEX(Jesper!$R$2:$R$366,ROW(INDEX(Jesper!AI$2:AI$366,ROUNDDOWN($C6441/24,0)+1,1))-1)+IF('Standard Profiles'!$G$19=$B$10,7,0)+IF('Standard Profiles'!$G$19=$B$17,14,0)+IF('Standard Profiles'!$G$19=$B$24,21,0),MOD($C6441,24)+1)/SUM(INDEX($D$3:$AA$30,INDEX(Jesper!$R$2:$R$366,ROW(INDEX(Jesper!AI$2:AI$366,ROUNDDOWN($C6441/24,0)+1,1))-1)+IF('Standard Profiles'!$G$19=$B$10,7,0)+IF('Standard Profiles'!$G$19=$B$17,14,0)+IF('Standard Profiles'!$G$19=$B$24,21,0),0)),0)</f>
        <v>0</v>
      </c>
      <c r="F6441" cm="1">
        <f t="array" ref="F6441">IFERROR(INDEX(Jesper!AJ$2:AJ$366,ROUNDDOWN($C6441/24,0)+1,1)*INDEX($D$3:$AA$30,INDEX(Jesper!$R$2:$R$366,ROW(INDEX(Jesper!AJ$2:AJ$366,ROUNDDOWN($C6441/24,0)+1,1))-1)+IF('Standard Profiles'!$G$20=$B$10,7,0)+IF('Standard Profiles'!$G$20=$B$17,14,0)+IF('Standard Profiles'!$G$20=$B$24,21,0),MOD($C6441,24)+1)/SUM(INDEX($D$3:$AA$30,INDEX(Jesper!$R$2:$R$366,ROW(INDEX(Jesper!AJ$2:AJ$366,ROUNDDOWN($C6441/24,0)+1,1))-1)+IF('Standard Profiles'!$G$20=$B$10,7,0)+IF('Standard Profiles'!$G$20=$B$17,14,0)+IF('Standard Profiles'!$G$20=$B$24,21,0),0)),0)</f>
        <v>0</v>
      </c>
      <c r="G6441" cm="1">
        <f t="array" ref="G6441">IFERROR(INDEX(Jesper!AK$2:AK$366,ROUNDDOWN($C6441/24,0)+1,1)*INDEX($D$3:$AA$30,INDEX(Jesper!$R$2:$R$366,ROW(INDEX(Jesper!AK$2:AK$366,ROUNDDOWN($C6441/24,0)+1,1))-1)+IF('Standard Profiles'!$G$21=$B$10,7,0)+IF('Standard Profiles'!$G$21=$B$17,14,0)+IF('Standard Profiles'!$G$21=$B$24,21,0),MOD($C6441,24)+1)/SUM(INDEX($D$3:$AA$30,INDEX(Jesper!$R$2:$R$366,ROW(INDEX(Jesper!AK$2:AK$366,ROUNDDOWN($C6441/24,0)+1,1))-1)+IF('Standard Profiles'!$G$21=$B$10,7,0)+IF('Standard Profiles'!$G$21=$B$17,14,0)+IF('Standard Profiles'!$G$21=$B$24,21,0),0)),0)</f>
        <v>0</v>
      </c>
      <c r="H6441" cm="1">
        <f t="array" ref="H6441">IFERROR(INDEX(Jesper!AL$2:AL$366,ROUNDDOWN($C6441/24,0)+1,1)*INDEX($D$3:$AA$30,INDEX(Jesper!$R$2:$R$366,ROW(INDEX(Jesper!AL$2:AL$366,ROUNDDOWN($C6441/24,0)+1,1))-1)+IF('Standard Profiles'!$G$22=$B$10,7,0)+IF('Standard Profiles'!$G$22=$B$17,14,0)+IF('Standard Profiles'!$G$22=$B$24,21,0),MOD($C6441,24)+1)/SUM(INDEX($D$3:$AA$30,INDEX(Jesper!$R$2:$R$366,ROW(INDEX(Jesper!AL$2:AL$366,ROUNDDOWN($C6441/24,0)+1,1))-1)+IF('Standard Profiles'!$G$22=$B$10,7,0)+IF('Standard Profiles'!$G$22=$B$17,14,0)+IF('Standard Profiles'!$G$22=$B$24,21,0),0)),0)</f>
        <v>0</v>
      </c>
      <c r="I6441">
        <f t="shared" si="720"/>
        <v>0.23296308397146676</v>
      </c>
      <c r="J6441">
        <f t="shared" si="721"/>
        <v>0.77654361323822263</v>
      </c>
      <c r="K6441">
        <f t="shared" si="722"/>
        <v>1.1648154198573337</v>
      </c>
      <c r="L6441">
        <f t="shared" si="723"/>
        <v>5.5911140153152017</v>
      </c>
      <c r="M6441">
        <f t="shared" si="724"/>
        <v>0</v>
      </c>
      <c r="N6441" s="46">
        <f t="shared" si="725"/>
        <v>45558.958333317794</v>
      </c>
    </row>
    <row r="6442" spans="2:14" x14ac:dyDescent="0.3">
      <c r="B6442">
        <f t="shared" si="719"/>
        <v>2</v>
      </c>
      <c r="C6442" s="16">
        <v>6408</v>
      </c>
      <c r="D6442" cm="1">
        <f t="array" ref="D6442">IFERROR(INDEX(Jesper!AH$2:AH$366,ROUNDDOWN($C6442/24,0)+1,1)*INDEX($D$3:$AA$30,INDEX(Jesper!$R$2:$R$366,ROW(INDEX(Jesper!AH$2:AH$366,ROUNDDOWN($C6442/24,0)+1,1))-1)+IF('Standard Profiles'!$G$18=$B$10,7,0)+IF('Standard Profiles'!$G$18=$B$17,14,0)+IF('Standard Profiles'!$G$18=$B$24,21,0),MOD($C6442,24)+1)/SUM(INDEX($D$3:$AA$30,INDEX(Jesper!$R$2:$R$366,ROW(INDEX(Jesper!AH$2:AH$366,ROUNDDOWN($C6442/24,0)+1,1))-1)+IF('Standard Profiles'!$G$18=$B$10,7,0)+IF('Standard Profiles'!$G$18=$B$17,14,0)+IF('Standard Profiles'!$G$18=$B$24,21,0),0)),0)</f>
        <v>6.9606793915614684</v>
      </c>
      <c r="E6442" cm="1">
        <f t="array" ref="E6442">IFERROR(INDEX(Jesper!AI$2:AI$366,ROUNDDOWN($C6442/24,0)+1,1)*INDEX($D$3:$AA$30,INDEX(Jesper!$R$2:$R$366,ROW(INDEX(Jesper!AI$2:AI$366,ROUNDDOWN($C6442/24,0)+1,1))-1)+IF('Standard Profiles'!$G$19=$B$10,7,0)+IF('Standard Profiles'!$G$19=$B$17,14,0)+IF('Standard Profiles'!$G$19=$B$24,21,0),MOD($C6442,24)+1)/SUM(INDEX($D$3:$AA$30,INDEX(Jesper!$R$2:$R$366,ROW(INDEX(Jesper!AI$2:AI$366,ROUNDDOWN($C6442/24,0)+1,1))-1)+IF('Standard Profiles'!$G$19=$B$10,7,0)+IF('Standard Profiles'!$G$19=$B$17,14,0)+IF('Standard Profiles'!$G$19=$B$24,21,0),0)),0)</f>
        <v>0</v>
      </c>
      <c r="F6442" cm="1">
        <f t="array" ref="F6442">IFERROR(INDEX(Jesper!AJ$2:AJ$366,ROUNDDOWN($C6442/24,0)+1,1)*INDEX($D$3:$AA$30,INDEX(Jesper!$R$2:$R$366,ROW(INDEX(Jesper!AJ$2:AJ$366,ROUNDDOWN($C6442/24,0)+1,1))-1)+IF('Standard Profiles'!$G$20=$B$10,7,0)+IF('Standard Profiles'!$G$20=$B$17,14,0)+IF('Standard Profiles'!$G$20=$B$24,21,0),MOD($C6442,24)+1)/SUM(INDEX($D$3:$AA$30,INDEX(Jesper!$R$2:$R$366,ROW(INDEX(Jesper!AJ$2:AJ$366,ROUNDDOWN($C6442/24,0)+1,1))-1)+IF('Standard Profiles'!$G$20=$B$10,7,0)+IF('Standard Profiles'!$G$20=$B$17,14,0)+IF('Standard Profiles'!$G$20=$B$24,21,0),0)),0)</f>
        <v>0</v>
      </c>
      <c r="G6442" cm="1">
        <f t="array" ref="G6442">IFERROR(INDEX(Jesper!AK$2:AK$366,ROUNDDOWN($C6442/24,0)+1,1)*INDEX($D$3:$AA$30,INDEX(Jesper!$R$2:$R$366,ROW(INDEX(Jesper!AK$2:AK$366,ROUNDDOWN($C6442/24,0)+1,1))-1)+IF('Standard Profiles'!$G$21=$B$10,7,0)+IF('Standard Profiles'!$G$21=$B$17,14,0)+IF('Standard Profiles'!$G$21=$B$24,21,0),MOD($C6442,24)+1)/SUM(INDEX($D$3:$AA$30,INDEX(Jesper!$R$2:$R$366,ROW(INDEX(Jesper!AK$2:AK$366,ROUNDDOWN($C6442/24,0)+1,1))-1)+IF('Standard Profiles'!$G$21=$B$10,7,0)+IF('Standard Profiles'!$G$21=$B$17,14,0)+IF('Standard Profiles'!$G$21=$B$24,21,0),0)),0)</f>
        <v>0</v>
      </c>
      <c r="H6442" cm="1">
        <f t="array" ref="H6442">IFERROR(INDEX(Jesper!AL$2:AL$366,ROUNDDOWN($C6442/24,0)+1,1)*INDEX($D$3:$AA$30,INDEX(Jesper!$R$2:$R$366,ROW(INDEX(Jesper!AL$2:AL$366,ROUNDDOWN($C6442/24,0)+1,1))-1)+IF('Standard Profiles'!$G$22=$B$10,7,0)+IF('Standard Profiles'!$G$22=$B$17,14,0)+IF('Standard Profiles'!$G$22=$B$24,21,0),MOD($C6442,24)+1)/SUM(INDEX($D$3:$AA$30,INDEX(Jesper!$R$2:$R$366,ROW(INDEX(Jesper!AL$2:AL$366,ROUNDDOWN($C6442/24,0)+1,1))-1)+IF('Standard Profiles'!$G$22=$B$10,7,0)+IF('Standard Profiles'!$G$22=$B$17,14,0)+IF('Standard Profiles'!$G$22=$B$24,21,0),0)),0)</f>
        <v>0</v>
      </c>
      <c r="I6442">
        <f t="shared" si="720"/>
        <v>0.20882038174684406</v>
      </c>
      <c r="J6442">
        <f t="shared" si="721"/>
        <v>0.69606793915614684</v>
      </c>
      <c r="K6442">
        <f t="shared" si="722"/>
        <v>1.0441019087342203</v>
      </c>
      <c r="L6442">
        <f t="shared" si="723"/>
        <v>5.0116891619242567</v>
      </c>
      <c r="M6442">
        <f t="shared" si="724"/>
        <v>0</v>
      </c>
      <c r="N6442" s="46">
        <f t="shared" si="725"/>
        <v>45558.999999984459</v>
      </c>
    </row>
    <row r="6443" spans="2:14" x14ac:dyDescent="0.3">
      <c r="B6443">
        <f t="shared" si="719"/>
        <v>2</v>
      </c>
      <c r="C6443" s="16">
        <v>6409</v>
      </c>
      <c r="D6443" cm="1">
        <f t="array" ref="D6443">IFERROR(INDEX(Jesper!AH$2:AH$366,ROUNDDOWN($C6443/24,0)+1,1)*INDEX($D$3:$AA$30,INDEX(Jesper!$R$2:$R$366,ROW(INDEX(Jesper!AH$2:AH$366,ROUNDDOWN($C6443/24,0)+1,1))-1)+IF('Standard Profiles'!$G$18=$B$10,7,0)+IF('Standard Profiles'!$G$18=$B$17,14,0)+IF('Standard Profiles'!$G$18=$B$24,21,0),MOD($C6443,24)+1)/SUM(INDEX($D$3:$AA$30,INDEX(Jesper!$R$2:$R$366,ROW(INDEX(Jesper!AH$2:AH$366,ROUNDDOWN($C6443/24,0)+1,1))-1)+IF('Standard Profiles'!$G$18=$B$10,7,0)+IF('Standard Profiles'!$G$18=$B$17,14,0)+IF('Standard Profiles'!$G$18=$B$24,21,0),0)),0)</f>
        <v>6.9606793915614684</v>
      </c>
      <c r="E6443" cm="1">
        <f t="array" ref="E6443">IFERROR(INDEX(Jesper!AI$2:AI$366,ROUNDDOWN($C6443/24,0)+1,1)*INDEX($D$3:$AA$30,INDEX(Jesper!$R$2:$R$366,ROW(INDEX(Jesper!AI$2:AI$366,ROUNDDOWN($C6443/24,0)+1,1))-1)+IF('Standard Profiles'!$G$19=$B$10,7,0)+IF('Standard Profiles'!$G$19=$B$17,14,0)+IF('Standard Profiles'!$G$19=$B$24,21,0),MOD($C6443,24)+1)/SUM(INDEX($D$3:$AA$30,INDEX(Jesper!$R$2:$R$366,ROW(INDEX(Jesper!AI$2:AI$366,ROUNDDOWN($C6443/24,0)+1,1))-1)+IF('Standard Profiles'!$G$19=$B$10,7,0)+IF('Standard Profiles'!$G$19=$B$17,14,0)+IF('Standard Profiles'!$G$19=$B$24,21,0),0)),0)</f>
        <v>0</v>
      </c>
      <c r="F6443" cm="1">
        <f t="array" ref="F6443">IFERROR(INDEX(Jesper!AJ$2:AJ$366,ROUNDDOWN($C6443/24,0)+1,1)*INDEX($D$3:$AA$30,INDEX(Jesper!$R$2:$R$366,ROW(INDEX(Jesper!AJ$2:AJ$366,ROUNDDOWN($C6443/24,0)+1,1))-1)+IF('Standard Profiles'!$G$20=$B$10,7,0)+IF('Standard Profiles'!$G$20=$B$17,14,0)+IF('Standard Profiles'!$G$20=$B$24,21,0),MOD($C6443,24)+1)/SUM(INDEX($D$3:$AA$30,INDEX(Jesper!$R$2:$R$366,ROW(INDEX(Jesper!AJ$2:AJ$366,ROUNDDOWN($C6443/24,0)+1,1))-1)+IF('Standard Profiles'!$G$20=$B$10,7,0)+IF('Standard Profiles'!$G$20=$B$17,14,0)+IF('Standard Profiles'!$G$20=$B$24,21,0),0)),0)</f>
        <v>0</v>
      </c>
      <c r="G6443" cm="1">
        <f t="array" ref="G6443">IFERROR(INDEX(Jesper!AK$2:AK$366,ROUNDDOWN($C6443/24,0)+1,1)*INDEX($D$3:$AA$30,INDEX(Jesper!$R$2:$R$366,ROW(INDEX(Jesper!AK$2:AK$366,ROUNDDOWN($C6443/24,0)+1,1))-1)+IF('Standard Profiles'!$G$21=$B$10,7,0)+IF('Standard Profiles'!$G$21=$B$17,14,0)+IF('Standard Profiles'!$G$21=$B$24,21,0),MOD($C6443,24)+1)/SUM(INDEX($D$3:$AA$30,INDEX(Jesper!$R$2:$R$366,ROW(INDEX(Jesper!AK$2:AK$366,ROUNDDOWN($C6443/24,0)+1,1))-1)+IF('Standard Profiles'!$G$21=$B$10,7,0)+IF('Standard Profiles'!$G$21=$B$17,14,0)+IF('Standard Profiles'!$G$21=$B$24,21,0),0)),0)</f>
        <v>0</v>
      </c>
      <c r="H6443" cm="1">
        <f t="array" ref="H6443">IFERROR(INDEX(Jesper!AL$2:AL$366,ROUNDDOWN($C6443/24,0)+1,1)*INDEX($D$3:$AA$30,INDEX(Jesper!$R$2:$R$366,ROW(INDEX(Jesper!AL$2:AL$366,ROUNDDOWN($C6443/24,0)+1,1))-1)+IF('Standard Profiles'!$G$22=$B$10,7,0)+IF('Standard Profiles'!$G$22=$B$17,14,0)+IF('Standard Profiles'!$G$22=$B$24,21,0),MOD($C6443,24)+1)/SUM(INDEX($D$3:$AA$30,INDEX(Jesper!$R$2:$R$366,ROW(INDEX(Jesper!AL$2:AL$366,ROUNDDOWN($C6443/24,0)+1,1))-1)+IF('Standard Profiles'!$G$22=$B$10,7,0)+IF('Standard Profiles'!$G$22=$B$17,14,0)+IF('Standard Profiles'!$G$22=$B$24,21,0),0)),0)</f>
        <v>0</v>
      </c>
      <c r="I6443">
        <f t="shared" si="720"/>
        <v>0.20882038174684406</v>
      </c>
      <c r="J6443">
        <f t="shared" si="721"/>
        <v>0.69606793915614684</v>
      </c>
      <c r="K6443">
        <f t="shared" si="722"/>
        <v>1.0441019087342203</v>
      </c>
      <c r="L6443">
        <f t="shared" si="723"/>
        <v>5.0116891619242567</v>
      </c>
      <c r="M6443">
        <f t="shared" si="724"/>
        <v>0</v>
      </c>
      <c r="N6443" s="46">
        <f t="shared" si="725"/>
        <v>45559.041666651123</v>
      </c>
    </row>
    <row r="6444" spans="2:14" x14ac:dyDescent="0.3">
      <c r="B6444">
        <f t="shared" si="719"/>
        <v>2</v>
      </c>
      <c r="C6444" s="16">
        <v>6410</v>
      </c>
      <c r="D6444" cm="1">
        <f t="array" ref="D6444">IFERROR(INDEX(Jesper!AH$2:AH$366,ROUNDDOWN($C6444/24,0)+1,1)*INDEX($D$3:$AA$30,INDEX(Jesper!$R$2:$R$366,ROW(INDEX(Jesper!AH$2:AH$366,ROUNDDOWN($C6444/24,0)+1,1))-1)+IF('Standard Profiles'!$G$18=$B$10,7,0)+IF('Standard Profiles'!$G$18=$B$17,14,0)+IF('Standard Profiles'!$G$18=$B$24,21,0),MOD($C6444,24)+1)/SUM(INDEX($D$3:$AA$30,INDEX(Jesper!$R$2:$R$366,ROW(INDEX(Jesper!AH$2:AH$366,ROUNDDOWN($C6444/24,0)+1,1))-1)+IF('Standard Profiles'!$G$18=$B$10,7,0)+IF('Standard Profiles'!$G$18=$B$17,14,0)+IF('Standard Profiles'!$G$18=$B$24,21,0),0)),0)</f>
        <v>6.9606793915614684</v>
      </c>
      <c r="E6444" cm="1">
        <f t="array" ref="E6444">IFERROR(INDEX(Jesper!AI$2:AI$366,ROUNDDOWN($C6444/24,0)+1,1)*INDEX($D$3:$AA$30,INDEX(Jesper!$R$2:$R$366,ROW(INDEX(Jesper!AI$2:AI$366,ROUNDDOWN($C6444/24,0)+1,1))-1)+IF('Standard Profiles'!$G$19=$B$10,7,0)+IF('Standard Profiles'!$G$19=$B$17,14,0)+IF('Standard Profiles'!$G$19=$B$24,21,0),MOD($C6444,24)+1)/SUM(INDEX($D$3:$AA$30,INDEX(Jesper!$R$2:$R$366,ROW(INDEX(Jesper!AI$2:AI$366,ROUNDDOWN($C6444/24,0)+1,1))-1)+IF('Standard Profiles'!$G$19=$B$10,7,0)+IF('Standard Profiles'!$G$19=$B$17,14,0)+IF('Standard Profiles'!$G$19=$B$24,21,0),0)),0)</f>
        <v>0</v>
      </c>
      <c r="F6444" cm="1">
        <f t="array" ref="F6444">IFERROR(INDEX(Jesper!AJ$2:AJ$366,ROUNDDOWN($C6444/24,0)+1,1)*INDEX($D$3:$AA$30,INDEX(Jesper!$R$2:$R$366,ROW(INDEX(Jesper!AJ$2:AJ$366,ROUNDDOWN($C6444/24,0)+1,1))-1)+IF('Standard Profiles'!$G$20=$B$10,7,0)+IF('Standard Profiles'!$G$20=$B$17,14,0)+IF('Standard Profiles'!$G$20=$B$24,21,0),MOD($C6444,24)+1)/SUM(INDEX($D$3:$AA$30,INDEX(Jesper!$R$2:$R$366,ROW(INDEX(Jesper!AJ$2:AJ$366,ROUNDDOWN($C6444/24,0)+1,1))-1)+IF('Standard Profiles'!$G$20=$B$10,7,0)+IF('Standard Profiles'!$G$20=$B$17,14,0)+IF('Standard Profiles'!$G$20=$B$24,21,0),0)),0)</f>
        <v>0</v>
      </c>
      <c r="G6444" cm="1">
        <f t="array" ref="G6444">IFERROR(INDEX(Jesper!AK$2:AK$366,ROUNDDOWN($C6444/24,0)+1,1)*INDEX($D$3:$AA$30,INDEX(Jesper!$R$2:$R$366,ROW(INDEX(Jesper!AK$2:AK$366,ROUNDDOWN($C6444/24,0)+1,1))-1)+IF('Standard Profiles'!$G$21=$B$10,7,0)+IF('Standard Profiles'!$G$21=$B$17,14,0)+IF('Standard Profiles'!$G$21=$B$24,21,0),MOD($C6444,24)+1)/SUM(INDEX($D$3:$AA$30,INDEX(Jesper!$R$2:$R$366,ROW(INDEX(Jesper!AK$2:AK$366,ROUNDDOWN($C6444/24,0)+1,1))-1)+IF('Standard Profiles'!$G$21=$B$10,7,0)+IF('Standard Profiles'!$G$21=$B$17,14,0)+IF('Standard Profiles'!$G$21=$B$24,21,0),0)),0)</f>
        <v>0</v>
      </c>
      <c r="H6444" cm="1">
        <f t="array" ref="H6444">IFERROR(INDEX(Jesper!AL$2:AL$366,ROUNDDOWN($C6444/24,0)+1,1)*INDEX($D$3:$AA$30,INDEX(Jesper!$R$2:$R$366,ROW(INDEX(Jesper!AL$2:AL$366,ROUNDDOWN($C6444/24,0)+1,1))-1)+IF('Standard Profiles'!$G$22=$B$10,7,0)+IF('Standard Profiles'!$G$22=$B$17,14,0)+IF('Standard Profiles'!$G$22=$B$24,21,0),MOD($C6444,24)+1)/SUM(INDEX($D$3:$AA$30,INDEX(Jesper!$R$2:$R$366,ROW(INDEX(Jesper!AL$2:AL$366,ROUNDDOWN($C6444/24,0)+1,1))-1)+IF('Standard Profiles'!$G$22=$B$10,7,0)+IF('Standard Profiles'!$G$22=$B$17,14,0)+IF('Standard Profiles'!$G$22=$B$24,21,0),0)),0)</f>
        <v>0</v>
      </c>
      <c r="I6444">
        <f t="shared" si="720"/>
        <v>0.20882038174684406</v>
      </c>
      <c r="J6444">
        <f t="shared" si="721"/>
        <v>0.69606793915614684</v>
      </c>
      <c r="K6444">
        <f t="shared" si="722"/>
        <v>1.0441019087342203</v>
      </c>
      <c r="L6444">
        <f t="shared" si="723"/>
        <v>5.0116891619242567</v>
      </c>
      <c r="M6444">
        <f t="shared" si="724"/>
        <v>0</v>
      </c>
      <c r="N6444" s="46">
        <f t="shared" si="725"/>
        <v>45559.083333317787</v>
      </c>
    </row>
    <row r="6445" spans="2:14" x14ac:dyDescent="0.3">
      <c r="B6445">
        <f t="shared" si="719"/>
        <v>2</v>
      </c>
      <c r="C6445" s="16">
        <v>6411</v>
      </c>
      <c r="D6445" cm="1">
        <f t="array" ref="D6445">IFERROR(INDEX(Jesper!AH$2:AH$366,ROUNDDOWN($C6445/24,0)+1,1)*INDEX($D$3:$AA$30,INDEX(Jesper!$R$2:$R$366,ROW(INDEX(Jesper!AH$2:AH$366,ROUNDDOWN($C6445/24,0)+1,1))-1)+IF('Standard Profiles'!$G$18=$B$10,7,0)+IF('Standard Profiles'!$G$18=$B$17,14,0)+IF('Standard Profiles'!$G$18=$B$24,21,0),MOD($C6445,24)+1)/SUM(INDEX($D$3:$AA$30,INDEX(Jesper!$R$2:$R$366,ROW(INDEX(Jesper!AH$2:AH$366,ROUNDDOWN($C6445/24,0)+1,1))-1)+IF('Standard Profiles'!$G$18=$B$10,7,0)+IF('Standard Profiles'!$G$18=$B$17,14,0)+IF('Standard Profiles'!$G$18=$B$24,21,0),0)),0)</f>
        <v>6.9606793915614684</v>
      </c>
      <c r="E6445" cm="1">
        <f t="array" ref="E6445">IFERROR(INDEX(Jesper!AI$2:AI$366,ROUNDDOWN($C6445/24,0)+1,1)*INDEX($D$3:$AA$30,INDEX(Jesper!$R$2:$R$366,ROW(INDEX(Jesper!AI$2:AI$366,ROUNDDOWN($C6445/24,0)+1,1))-1)+IF('Standard Profiles'!$G$19=$B$10,7,0)+IF('Standard Profiles'!$G$19=$B$17,14,0)+IF('Standard Profiles'!$G$19=$B$24,21,0),MOD($C6445,24)+1)/SUM(INDEX($D$3:$AA$30,INDEX(Jesper!$R$2:$R$366,ROW(INDEX(Jesper!AI$2:AI$366,ROUNDDOWN($C6445/24,0)+1,1))-1)+IF('Standard Profiles'!$G$19=$B$10,7,0)+IF('Standard Profiles'!$G$19=$B$17,14,0)+IF('Standard Profiles'!$G$19=$B$24,21,0),0)),0)</f>
        <v>0</v>
      </c>
      <c r="F6445" cm="1">
        <f t="array" ref="F6445">IFERROR(INDEX(Jesper!AJ$2:AJ$366,ROUNDDOWN($C6445/24,0)+1,1)*INDEX($D$3:$AA$30,INDEX(Jesper!$R$2:$R$366,ROW(INDEX(Jesper!AJ$2:AJ$366,ROUNDDOWN($C6445/24,0)+1,1))-1)+IF('Standard Profiles'!$G$20=$B$10,7,0)+IF('Standard Profiles'!$G$20=$B$17,14,0)+IF('Standard Profiles'!$G$20=$B$24,21,0),MOD($C6445,24)+1)/SUM(INDEX($D$3:$AA$30,INDEX(Jesper!$R$2:$R$366,ROW(INDEX(Jesper!AJ$2:AJ$366,ROUNDDOWN($C6445/24,0)+1,1))-1)+IF('Standard Profiles'!$G$20=$B$10,7,0)+IF('Standard Profiles'!$G$20=$B$17,14,0)+IF('Standard Profiles'!$G$20=$B$24,21,0),0)),0)</f>
        <v>0</v>
      </c>
      <c r="G6445" cm="1">
        <f t="array" ref="G6445">IFERROR(INDEX(Jesper!AK$2:AK$366,ROUNDDOWN($C6445/24,0)+1,1)*INDEX($D$3:$AA$30,INDEX(Jesper!$R$2:$R$366,ROW(INDEX(Jesper!AK$2:AK$366,ROUNDDOWN($C6445/24,0)+1,1))-1)+IF('Standard Profiles'!$G$21=$B$10,7,0)+IF('Standard Profiles'!$G$21=$B$17,14,0)+IF('Standard Profiles'!$G$21=$B$24,21,0),MOD($C6445,24)+1)/SUM(INDEX($D$3:$AA$30,INDEX(Jesper!$R$2:$R$366,ROW(INDEX(Jesper!AK$2:AK$366,ROUNDDOWN($C6445/24,0)+1,1))-1)+IF('Standard Profiles'!$G$21=$B$10,7,0)+IF('Standard Profiles'!$G$21=$B$17,14,0)+IF('Standard Profiles'!$G$21=$B$24,21,0),0)),0)</f>
        <v>0</v>
      </c>
      <c r="H6445" cm="1">
        <f t="array" ref="H6445">IFERROR(INDEX(Jesper!AL$2:AL$366,ROUNDDOWN($C6445/24,0)+1,1)*INDEX($D$3:$AA$30,INDEX(Jesper!$R$2:$R$366,ROW(INDEX(Jesper!AL$2:AL$366,ROUNDDOWN($C6445/24,0)+1,1))-1)+IF('Standard Profiles'!$G$22=$B$10,7,0)+IF('Standard Profiles'!$G$22=$B$17,14,0)+IF('Standard Profiles'!$G$22=$B$24,21,0),MOD($C6445,24)+1)/SUM(INDEX($D$3:$AA$30,INDEX(Jesper!$R$2:$R$366,ROW(INDEX(Jesper!AL$2:AL$366,ROUNDDOWN($C6445/24,0)+1,1))-1)+IF('Standard Profiles'!$G$22=$B$10,7,0)+IF('Standard Profiles'!$G$22=$B$17,14,0)+IF('Standard Profiles'!$G$22=$B$24,21,0),0)),0)</f>
        <v>0</v>
      </c>
      <c r="I6445">
        <f t="shared" si="720"/>
        <v>0.20882038174684406</v>
      </c>
      <c r="J6445">
        <f t="shared" si="721"/>
        <v>0.69606793915614684</v>
      </c>
      <c r="K6445">
        <f t="shared" si="722"/>
        <v>1.0441019087342203</v>
      </c>
      <c r="L6445">
        <f t="shared" si="723"/>
        <v>5.0116891619242567</v>
      </c>
      <c r="M6445">
        <f t="shared" si="724"/>
        <v>0</v>
      </c>
      <c r="N6445" s="46">
        <f t="shared" si="725"/>
        <v>45559.124999984451</v>
      </c>
    </row>
    <row r="6446" spans="2:14" x14ac:dyDescent="0.3">
      <c r="B6446">
        <f t="shared" si="719"/>
        <v>2</v>
      </c>
      <c r="C6446" s="16">
        <v>6412</v>
      </c>
      <c r="D6446" cm="1">
        <f t="array" ref="D6446">IFERROR(INDEX(Jesper!AH$2:AH$366,ROUNDDOWN($C6446/24,0)+1,1)*INDEX($D$3:$AA$30,INDEX(Jesper!$R$2:$R$366,ROW(INDEX(Jesper!AH$2:AH$366,ROUNDDOWN($C6446/24,0)+1,1))-1)+IF('Standard Profiles'!$G$18=$B$10,7,0)+IF('Standard Profiles'!$G$18=$B$17,14,0)+IF('Standard Profiles'!$G$18=$B$24,21,0),MOD($C6446,24)+1)/SUM(INDEX($D$3:$AA$30,INDEX(Jesper!$R$2:$R$366,ROW(INDEX(Jesper!AH$2:AH$366,ROUNDDOWN($C6446/24,0)+1,1))-1)+IF('Standard Profiles'!$G$18=$B$10,7,0)+IF('Standard Profiles'!$G$18=$B$17,14,0)+IF('Standard Profiles'!$G$18=$B$24,21,0),0)),0)</f>
        <v>6.9606793915614684</v>
      </c>
      <c r="E6446" cm="1">
        <f t="array" ref="E6446">IFERROR(INDEX(Jesper!AI$2:AI$366,ROUNDDOWN($C6446/24,0)+1,1)*INDEX($D$3:$AA$30,INDEX(Jesper!$R$2:$R$366,ROW(INDEX(Jesper!AI$2:AI$366,ROUNDDOWN($C6446/24,0)+1,1))-1)+IF('Standard Profiles'!$G$19=$B$10,7,0)+IF('Standard Profiles'!$G$19=$B$17,14,0)+IF('Standard Profiles'!$G$19=$B$24,21,0),MOD($C6446,24)+1)/SUM(INDEX($D$3:$AA$30,INDEX(Jesper!$R$2:$R$366,ROW(INDEX(Jesper!AI$2:AI$366,ROUNDDOWN($C6446/24,0)+1,1))-1)+IF('Standard Profiles'!$G$19=$B$10,7,0)+IF('Standard Profiles'!$G$19=$B$17,14,0)+IF('Standard Profiles'!$G$19=$B$24,21,0),0)),0)</f>
        <v>0</v>
      </c>
      <c r="F6446" cm="1">
        <f t="array" ref="F6446">IFERROR(INDEX(Jesper!AJ$2:AJ$366,ROUNDDOWN($C6446/24,0)+1,1)*INDEX($D$3:$AA$30,INDEX(Jesper!$R$2:$R$366,ROW(INDEX(Jesper!AJ$2:AJ$366,ROUNDDOWN($C6446/24,0)+1,1))-1)+IF('Standard Profiles'!$G$20=$B$10,7,0)+IF('Standard Profiles'!$G$20=$B$17,14,0)+IF('Standard Profiles'!$G$20=$B$24,21,0),MOD($C6446,24)+1)/SUM(INDEX($D$3:$AA$30,INDEX(Jesper!$R$2:$R$366,ROW(INDEX(Jesper!AJ$2:AJ$366,ROUNDDOWN($C6446/24,0)+1,1))-1)+IF('Standard Profiles'!$G$20=$B$10,7,0)+IF('Standard Profiles'!$G$20=$B$17,14,0)+IF('Standard Profiles'!$G$20=$B$24,21,0),0)),0)</f>
        <v>0</v>
      </c>
      <c r="G6446" cm="1">
        <f t="array" ref="G6446">IFERROR(INDEX(Jesper!AK$2:AK$366,ROUNDDOWN($C6446/24,0)+1,1)*INDEX($D$3:$AA$30,INDEX(Jesper!$R$2:$R$366,ROW(INDEX(Jesper!AK$2:AK$366,ROUNDDOWN($C6446/24,0)+1,1))-1)+IF('Standard Profiles'!$G$21=$B$10,7,0)+IF('Standard Profiles'!$G$21=$B$17,14,0)+IF('Standard Profiles'!$G$21=$B$24,21,0),MOD($C6446,24)+1)/SUM(INDEX($D$3:$AA$30,INDEX(Jesper!$R$2:$R$366,ROW(INDEX(Jesper!AK$2:AK$366,ROUNDDOWN($C6446/24,0)+1,1))-1)+IF('Standard Profiles'!$G$21=$B$10,7,0)+IF('Standard Profiles'!$G$21=$B$17,14,0)+IF('Standard Profiles'!$G$21=$B$24,21,0),0)),0)</f>
        <v>0</v>
      </c>
      <c r="H6446" cm="1">
        <f t="array" ref="H6446">IFERROR(INDEX(Jesper!AL$2:AL$366,ROUNDDOWN($C6446/24,0)+1,1)*INDEX($D$3:$AA$30,INDEX(Jesper!$R$2:$R$366,ROW(INDEX(Jesper!AL$2:AL$366,ROUNDDOWN($C6446/24,0)+1,1))-1)+IF('Standard Profiles'!$G$22=$B$10,7,0)+IF('Standard Profiles'!$G$22=$B$17,14,0)+IF('Standard Profiles'!$G$22=$B$24,21,0),MOD($C6446,24)+1)/SUM(INDEX($D$3:$AA$30,INDEX(Jesper!$R$2:$R$366,ROW(INDEX(Jesper!AL$2:AL$366,ROUNDDOWN($C6446/24,0)+1,1))-1)+IF('Standard Profiles'!$G$22=$B$10,7,0)+IF('Standard Profiles'!$G$22=$B$17,14,0)+IF('Standard Profiles'!$G$22=$B$24,21,0),0)),0)</f>
        <v>0</v>
      </c>
      <c r="I6446">
        <f t="shared" si="720"/>
        <v>0.20882038174684406</v>
      </c>
      <c r="J6446">
        <f t="shared" si="721"/>
        <v>0.69606793915614684</v>
      </c>
      <c r="K6446">
        <f t="shared" si="722"/>
        <v>1.0441019087342203</v>
      </c>
      <c r="L6446">
        <f t="shared" si="723"/>
        <v>5.0116891619242567</v>
      </c>
      <c r="M6446">
        <f t="shared" si="724"/>
        <v>0</v>
      </c>
      <c r="N6446" s="46">
        <f t="shared" si="725"/>
        <v>45559.166666651116</v>
      </c>
    </row>
    <row r="6447" spans="2:14" x14ac:dyDescent="0.3">
      <c r="B6447">
        <f t="shared" si="719"/>
        <v>2</v>
      </c>
      <c r="C6447" s="16">
        <v>6413</v>
      </c>
      <c r="D6447" cm="1">
        <f t="array" ref="D6447">IFERROR(INDEX(Jesper!AH$2:AH$366,ROUNDDOWN($C6447/24,0)+1,1)*INDEX($D$3:$AA$30,INDEX(Jesper!$R$2:$R$366,ROW(INDEX(Jesper!AH$2:AH$366,ROUNDDOWN($C6447/24,0)+1,1))-1)+IF('Standard Profiles'!$G$18=$B$10,7,0)+IF('Standard Profiles'!$G$18=$B$17,14,0)+IF('Standard Profiles'!$G$18=$B$24,21,0),MOD($C6447,24)+1)/SUM(INDEX($D$3:$AA$30,INDEX(Jesper!$R$2:$R$366,ROW(INDEX(Jesper!AH$2:AH$366,ROUNDDOWN($C6447/24,0)+1,1))-1)+IF('Standard Profiles'!$G$18=$B$10,7,0)+IF('Standard Profiles'!$G$18=$B$17,14,0)+IF('Standard Profiles'!$G$18=$B$24,21,0),0)),0)</f>
        <v>9.0488832090299081</v>
      </c>
      <c r="E6447" cm="1">
        <f t="array" ref="E6447">IFERROR(INDEX(Jesper!AI$2:AI$366,ROUNDDOWN($C6447/24,0)+1,1)*INDEX($D$3:$AA$30,INDEX(Jesper!$R$2:$R$366,ROW(INDEX(Jesper!AI$2:AI$366,ROUNDDOWN($C6447/24,0)+1,1))-1)+IF('Standard Profiles'!$G$19=$B$10,7,0)+IF('Standard Profiles'!$G$19=$B$17,14,0)+IF('Standard Profiles'!$G$19=$B$24,21,0),MOD($C6447,24)+1)/SUM(INDEX($D$3:$AA$30,INDEX(Jesper!$R$2:$R$366,ROW(INDEX(Jesper!AI$2:AI$366,ROUNDDOWN($C6447/24,0)+1,1))-1)+IF('Standard Profiles'!$G$19=$B$10,7,0)+IF('Standard Profiles'!$G$19=$B$17,14,0)+IF('Standard Profiles'!$G$19=$B$24,21,0),0)),0)</f>
        <v>0</v>
      </c>
      <c r="F6447" cm="1">
        <f t="array" ref="F6447">IFERROR(INDEX(Jesper!AJ$2:AJ$366,ROUNDDOWN($C6447/24,0)+1,1)*INDEX($D$3:$AA$30,INDEX(Jesper!$R$2:$R$366,ROW(INDEX(Jesper!AJ$2:AJ$366,ROUNDDOWN($C6447/24,0)+1,1))-1)+IF('Standard Profiles'!$G$20=$B$10,7,0)+IF('Standard Profiles'!$G$20=$B$17,14,0)+IF('Standard Profiles'!$G$20=$B$24,21,0),MOD($C6447,24)+1)/SUM(INDEX($D$3:$AA$30,INDEX(Jesper!$R$2:$R$366,ROW(INDEX(Jesper!AJ$2:AJ$366,ROUNDDOWN($C6447/24,0)+1,1))-1)+IF('Standard Profiles'!$G$20=$B$10,7,0)+IF('Standard Profiles'!$G$20=$B$17,14,0)+IF('Standard Profiles'!$G$20=$B$24,21,0),0)),0)</f>
        <v>0</v>
      </c>
      <c r="G6447" cm="1">
        <f t="array" ref="G6447">IFERROR(INDEX(Jesper!AK$2:AK$366,ROUNDDOWN($C6447/24,0)+1,1)*INDEX($D$3:$AA$30,INDEX(Jesper!$R$2:$R$366,ROW(INDEX(Jesper!AK$2:AK$366,ROUNDDOWN($C6447/24,0)+1,1))-1)+IF('Standard Profiles'!$G$21=$B$10,7,0)+IF('Standard Profiles'!$G$21=$B$17,14,0)+IF('Standard Profiles'!$G$21=$B$24,21,0),MOD($C6447,24)+1)/SUM(INDEX($D$3:$AA$30,INDEX(Jesper!$R$2:$R$366,ROW(INDEX(Jesper!AK$2:AK$366,ROUNDDOWN($C6447/24,0)+1,1))-1)+IF('Standard Profiles'!$G$21=$B$10,7,0)+IF('Standard Profiles'!$G$21=$B$17,14,0)+IF('Standard Profiles'!$G$21=$B$24,21,0),0)),0)</f>
        <v>0</v>
      </c>
      <c r="H6447" cm="1">
        <f t="array" ref="H6447">IFERROR(INDEX(Jesper!AL$2:AL$366,ROUNDDOWN($C6447/24,0)+1,1)*INDEX($D$3:$AA$30,INDEX(Jesper!$R$2:$R$366,ROW(INDEX(Jesper!AL$2:AL$366,ROUNDDOWN($C6447/24,0)+1,1))-1)+IF('Standard Profiles'!$G$22=$B$10,7,0)+IF('Standard Profiles'!$G$22=$B$17,14,0)+IF('Standard Profiles'!$G$22=$B$24,21,0),MOD($C6447,24)+1)/SUM(INDEX($D$3:$AA$30,INDEX(Jesper!$R$2:$R$366,ROW(INDEX(Jesper!AL$2:AL$366,ROUNDDOWN($C6447/24,0)+1,1))-1)+IF('Standard Profiles'!$G$22=$B$10,7,0)+IF('Standard Profiles'!$G$22=$B$17,14,0)+IF('Standard Profiles'!$G$22=$B$24,21,0),0)),0)</f>
        <v>0</v>
      </c>
      <c r="I6447">
        <f t="shared" si="720"/>
        <v>0.27146649627089725</v>
      </c>
      <c r="J6447">
        <f t="shared" si="721"/>
        <v>0.90488832090299087</v>
      </c>
      <c r="K6447">
        <f t="shared" si="722"/>
        <v>1.3573324813544863</v>
      </c>
      <c r="L6447">
        <f t="shared" si="723"/>
        <v>6.5151959105015331</v>
      </c>
      <c r="M6447">
        <f t="shared" si="724"/>
        <v>0</v>
      </c>
      <c r="N6447" s="46">
        <f t="shared" si="725"/>
        <v>45559.20833331778</v>
      </c>
    </row>
    <row r="6448" spans="2:14" x14ac:dyDescent="0.3">
      <c r="B6448">
        <f t="shared" si="719"/>
        <v>2</v>
      </c>
      <c r="C6448" s="16">
        <v>6414</v>
      </c>
      <c r="D6448" cm="1">
        <f t="array" ref="D6448">IFERROR(INDEX(Jesper!AH$2:AH$366,ROUNDDOWN($C6448/24,0)+1,1)*INDEX($D$3:$AA$30,INDEX(Jesper!$R$2:$R$366,ROW(INDEX(Jesper!AH$2:AH$366,ROUNDDOWN($C6448/24,0)+1,1))-1)+IF('Standard Profiles'!$G$18=$B$10,7,0)+IF('Standard Profiles'!$G$18=$B$17,14,0)+IF('Standard Profiles'!$G$18=$B$24,21,0),MOD($C6448,24)+1)/SUM(INDEX($D$3:$AA$30,INDEX(Jesper!$R$2:$R$366,ROW(INDEX(Jesper!AH$2:AH$366,ROUNDDOWN($C6448/24,0)+1,1))-1)+IF('Standard Profiles'!$G$18=$B$10,7,0)+IF('Standard Profiles'!$G$18=$B$17,14,0)+IF('Standard Profiles'!$G$18=$B$24,21,0),0)),0)</f>
        <v>10.09298511776413</v>
      </c>
      <c r="E6448" cm="1">
        <f t="array" ref="E6448">IFERROR(INDEX(Jesper!AI$2:AI$366,ROUNDDOWN($C6448/24,0)+1,1)*INDEX($D$3:$AA$30,INDEX(Jesper!$R$2:$R$366,ROW(INDEX(Jesper!AI$2:AI$366,ROUNDDOWN($C6448/24,0)+1,1))-1)+IF('Standard Profiles'!$G$19=$B$10,7,0)+IF('Standard Profiles'!$G$19=$B$17,14,0)+IF('Standard Profiles'!$G$19=$B$24,21,0),MOD($C6448,24)+1)/SUM(INDEX($D$3:$AA$30,INDEX(Jesper!$R$2:$R$366,ROW(INDEX(Jesper!AI$2:AI$366,ROUNDDOWN($C6448/24,0)+1,1))-1)+IF('Standard Profiles'!$G$19=$B$10,7,0)+IF('Standard Profiles'!$G$19=$B$17,14,0)+IF('Standard Profiles'!$G$19=$B$24,21,0),0)),0)</f>
        <v>0</v>
      </c>
      <c r="F6448" cm="1">
        <f t="array" ref="F6448">IFERROR(INDEX(Jesper!AJ$2:AJ$366,ROUNDDOWN($C6448/24,0)+1,1)*INDEX($D$3:$AA$30,INDEX(Jesper!$R$2:$R$366,ROW(INDEX(Jesper!AJ$2:AJ$366,ROUNDDOWN($C6448/24,0)+1,1))-1)+IF('Standard Profiles'!$G$20=$B$10,7,0)+IF('Standard Profiles'!$G$20=$B$17,14,0)+IF('Standard Profiles'!$G$20=$B$24,21,0),MOD($C6448,24)+1)/SUM(INDEX($D$3:$AA$30,INDEX(Jesper!$R$2:$R$366,ROW(INDEX(Jesper!AJ$2:AJ$366,ROUNDDOWN($C6448/24,0)+1,1))-1)+IF('Standard Profiles'!$G$20=$B$10,7,0)+IF('Standard Profiles'!$G$20=$B$17,14,0)+IF('Standard Profiles'!$G$20=$B$24,21,0),0)),0)</f>
        <v>0</v>
      </c>
      <c r="G6448" cm="1">
        <f t="array" ref="G6448">IFERROR(INDEX(Jesper!AK$2:AK$366,ROUNDDOWN($C6448/24,0)+1,1)*INDEX($D$3:$AA$30,INDEX(Jesper!$R$2:$R$366,ROW(INDEX(Jesper!AK$2:AK$366,ROUNDDOWN($C6448/24,0)+1,1))-1)+IF('Standard Profiles'!$G$21=$B$10,7,0)+IF('Standard Profiles'!$G$21=$B$17,14,0)+IF('Standard Profiles'!$G$21=$B$24,21,0),MOD($C6448,24)+1)/SUM(INDEX($D$3:$AA$30,INDEX(Jesper!$R$2:$R$366,ROW(INDEX(Jesper!AK$2:AK$366,ROUNDDOWN($C6448/24,0)+1,1))-1)+IF('Standard Profiles'!$G$21=$B$10,7,0)+IF('Standard Profiles'!$G$21=$B$17,14,0)+IF('Standard Profiles'!$G$21=$B$24,21,0),0)),0)</f>
        <v>0</v>
      </c>
      <c r="H6448" cm="1">
        <f t="array" ref="H6448">IFERROR(INDEX(Jesper!AL$2:AL$366,ROUNDDOWN($C6448/24,0)+1,1)*INDEX($D$3:$AA$30,INDEX(Jesper!$R$2:$R$366,ROW(INDEX(Jesper!AL$2:AL$366,ROUNDDOWN($C6448/24,0)+1,1))-1)+IF('Standard Profiles'!$G$22=$B$10,7,0)+IF('Standard Profiles'!$G$22=$B$17,14,0)+IF('Standard Profiles'!$G$22=$B$24,21,0),MOD($C6448,24)+1)/SUM(INDEX($D$3:$AA$30,INDEX(Jesper!$R$2:$R$366,ROW(INDEX(Jesper!AL$2:AL$366,ROUNDDOWN($C6448/24,0)+1,1))-1)+IF('Standard Profiles'!$G$22=$B$10,7,0)+IF('Standard Profiles'!$G$22=$B$17,14,0)+IF('Standard Profiles'!$G$22=$B$24,21,0),0)),0)</f>
        <v>0</v>
      </c>
      <c r="I6448">
        <f t="shared" si="720"/>
        <v>0.30278955353292386</v>
      </c>
      <c r="J6448">
        <f t="shared" si="721"/>
        <v>1.0092985117764131</v>
      </c>
      <c r="K6448">
        <f t="shared" si="722"/>
        <v>1.5139477676646194</v>
      </c>
      <c r="L6448">
        <f t="shared" si="723"/>
        <v>7.2669492847901731</v>
      </c>
      <c r="M6448">
        <f t="shared" si="724"/>
        <v>0</v>
      </c>
      <c r="N6448" s="46">
        <f t="shared" si="725"/>
        <v>45559.249999984444</v>
      </c>
    </row>
    <row r="6449" spans="2:14" x14ac:dyDescent="0.3">
      <c r="B6449">
        <f t="shared" si="719"/>
        <v>2</v>
      </c>
      <c r="C6449" s="16">
        <v>6415</v>
      </c>
      <c r="D6449" cm="1">
        <f t="array" ref="D6449">IFERROR(INDEX(Jesper!AH$2:AH$366,ROUNDDOWN($C6449/24,0)+1,1)*INDEX($D$3:$AA$30,INDEX(Jesper!$R$2:$R$366,ROW(INDEX(Jesper!AH$2:AH$366,ROUNDDOWN($C6449/24,0)+1,1))-1)+IF('Standard Profiles'!$G$18=$B$10,7,0)+IF('Standard Profiles'!$G$18=$B$17,14,0)+IF('Standard Profiles'!$G$18=$B$24,21,0),MOD($C6449,24)+1)/SUM(INDEX($D$3:$AA$30,INDEX(Jesper!$R$2:$R$366,ROW(INDEX(Jesper!AH$2:AH$366,ROUNDDOWN($C6449/24,0)+1,1))-1)+IF('Standard Profiles'!$G$18=$B$10,7,0)+IF('Standard Profiles'!$G$18=$B$17,14,0)+IF('Standard Profiles'!$G$18=$B$24,21,0),0)),0)</f>
        <v>10.441019087342204</v>
      </c>
      <c r="E6449" cm="1">
        <f t="array" ref="E6449">IFERROR(INDEX(Jesper!AI$2:AI$366,ROUNDDOWN($C6449/24,0)+1,1)*INDEX($D$3:$AA$30,INDEX(Jesper!$R$2:$R$366,ROW(INDEX(Jesper!AI$2:AI$366,ROUNDDOWN($C6449/24,0)+1,1))-1)+IF('Standard Profiles'!$G$19=$B$10,7,0)+IF('Standard Profiles'!$G$19=$B$17,14,0)+IF('Standard Profiles'!$G$19=$B$24,21,0),MOD($C6449,24)+1)/SUM(INDEX($D$3:$AA$30,INDEX(Jesper!$R$2:$R$366,ROW(INDEX(Jesper!AI$2:AI$366,ROUNDDOWN($C6449/24,0)+1,1))-1)+IF('Standard Profiles'!$G$19=$B$10,7,0)+IF('Standard Profiles'!$G$19=$B$17,14,0)+IF('Standard Profiles'!$G$19=$B$24,21,0),0)),0)</f>
        <v>0</v>
      </c>
      <c r="F6449" cm="1">
        <f t="array" ref="F6449">IFERROR(INDEX(Jesper!AJ$2:AJ$366,ROUNDDOWN($C6449/24,0)+1,1)*INDEX($D$3:$AA$30,INDEX(Jesper!$R$2:$R$366,ROW(INDEX(Jesper!AJ$2:AJ$366,ROUNDDOWN($C6449/24,0)+1,1))-1)+IF('Standard Profiles'!$G$20=$B$10,7,0)+IF('Standard Profiles'!$G$20=$B$17,14,0)+IF('Standard Profiles'!$G$20=$B$24,21,0),MOD($C6449,24)+1)/SUM(INDEX($D$3:$AA$30,INDEX(Jesper!$R$2:$R$366,ROW(INDEX(Jesper!AJ$2:AJ$366,ROUNDDOWN($C6449/24,0)+1,1))-1)+IF('Standard Profiles'!$G$20=$B$10,7,0)+IF('Standard Profiles'!$G$20=$B$17,14,0)+IF('Standard Profiles'!$G$20=$B$24,21,0),0)),0)</f>
        <v>0</v>
      </c>
      <c r="G6449" cm="1">
        <f t="array" ref="G6449">IFERROR(INDEX(Jesper!AK$2:AK$366,ROUNDDOWN($C6449/24,0)+1,1)*INDEX($D$3:$AA$30,INDEX(Jesper!$R$2:$R$366,ROW(INDEX(Jesper!AK$2:AK$366,ROUNDDOWN($C6449/24,0)+1,1))-1)+IF('Standard Profiles'!$G$21=$B$10,7,0)+IF('Standard Profiles'!$G$21=$B$17,14,0)+IF('Standard Profiles'!$G$21=$B$24,21,0),MOD($C6449,24)+1)/SUM(INDEX($D$3:$AA$30,INDEX(Jesper!$R$2:$R$366,ROW(INDEX(Jesper!AK$2:AK$366,ROUNDDOWN($C6449/24,0)+1,1))-1)+IF('Standard Profiles'!$G$21=$B$10,7,0)+IF('Standard Profiles'!$G$21=$B$17,14,0)+IF('Standard Profiles'!$G$21=$B$24,21,0),0)),0)</f>
        <v>0</v>
      </c>
      <c r="H6449" cm="1">
        <f t="array" ref="H6449">IFERROR(INDEX(Jesper!AL$2:AL$366,ROUNDDOWN($C6449/24,0)+1,1)*INDEX($D$3:$AA$30,INDEX(Jesper!$R$2:$R$366,ROW(INDEX(Jesper!AL$2:AL$366,ROUNDDOWN($C6449/24,0)+1,1))-1)+IF('Standard Profiles'!$G$22=$B$10,7,0)+IF('Standard Profiles'!$G$22=$B$17,14,0)+IF('Standard Profiles'!$G$22=$B$24,21,0),MOD($C6449,24)+1)/SUM(INDEX($D$3:$AA$30,INDEX(Jesper!$R$2:$R$366,ROW(INDEX(Jesper!AL$2:AL$366,ROUNDDOWN($C6449/24,0)+1,1))-1)+IF('Standard Profiles'!$G$22=$B$10,7,0)+IF('Standard Profiles'!$G$22=$B$17,14,0)+IF('Standard Profiles'!$G$22=$B$24,21,0),0)),0)</f>
        <v>0</v>
      </c>
      <c r="I6449">
        <f t="shared" si="720"/>
        <v>0.3132305726202661</v>
      </c>
      <c r="J6449">
        <f t="shared" si="721"/>
        <v>1.0441019087342205</v>
      </c>
      <c r="K6449">
        <f t="shared" si="722"/>
        <v>1.5661528631013304</v>
      </c>
      <c r="L6449">
        <f t="shared" si="723"/>
        <v>7.5175337428863864</v>
      </c>
      <c r="M6449">
        <f t="shared" si="724"/>
        <v>0</v>
      </c>
      <c r="N6449" s="46">
        <f t="shared" si="725"/>
        <v>45559.291666651108</v>
      </c>
    </row>
    <row r="6450" spans="2:14" x14ac:dyDescent="0.3">
      <c r="B6450">
        <f t="shared" si="719"/>
        <v>2</v>
      </c>
      <c r="C6450" s="16">
        <v>6416</v>
      </c>
      <c r="D6450" cm="1">
        <f t="array" ref="D6450">IFERROR(INDEX(Jesper!AH$2:AH$366,ROUNDDOWN($C6450/24,0)+1,1)*INDEX($D$3:$AA$30,INDEX(Jesper!$R$2:$R$366,ROW(INDEX(Jesper!AH$2:AH$366,ROUNDDOWN($C6450/24,0)+1,1))-1)+IF('Standard Profiles'!$G$18=$B$10,7,0)+IF('Standard Profiles'!$G$18=$B$17,14,0)+IF('Standard Profiles'!$G$18=$B$24,21,0),MOD($C6450,24)+1)/SUM(INDEX($D$3:$AA$30,INDEX(Jesper!$R$2:$R$366,ROW(INDEX(Jesper!AH$2:AH$366,ROUNDDOWN($C6450/24,0)+1,1))-1)+IF('Standard Profiles'!$G$18=$B$10,7,0)+IF('Standard Profiles'!$G$18=$B$17,14,0)+IF('Standard Profiles'!$G$18=$B$24,21,0),0)),0)</f>
        <v>10.441019087342204</v>
      </c>
      <c r="E6450" cm="1">
        <f t="array" ref="E6450">IFERROR(INDEX(Jesper!AI$2:AI$366,ROUNDDOWN($C6450/24,0)+1,1)*INDEX($D$3:$AA$30,INDEX(Jesper!$R$2:$R$366,ROW(INDEX(Jesper!AI$2:AI$366,ROUNDDOWN($C6450/24,0)+1,1))-1)+IF('Standard Profiles'!$G$19=$B$10,7,0)+IF('Standard Profiles'!$G$19=$B$17,14,0)+IF('Standard Profiles'!$G$19=$B$24,21,0),MOD($C6450,24)+1)/SUM(INDEX($D$3:$AA$30,INDEX(Jesper!$R$2:$R$366,ROW(INDEX(Jesper!AI$2:AI$366,ROUNDDOWN($C6450/24,0)+1,1))-1)+IF('Standard Profiles'!$G$19=$B$10,7,0)+IF('Standard Profiles'!$G$19=$B$17,14,0)+IF('Standard Profiles'!$G$19=$B$24,21,0),0)),0)</f>
        <v>0</v>
      </c>
      <c r="F6450" cm="1">
        <f t="array" ref="F6450">IFERROR(INDEX(Jesper!AJ$2:AJ$366,ROUNDDOWN($C6450/24,0)+1,1)*INDEX($D$3:$AA$30,INDEX(Jesper!$R$2:$R$366,ROW(INDEX(Jesper!AJ$2:AJ$366,ROUNDDOWN($C6450/24,0)+1,1))-1)+IF('Standard Profiles'!$G$20=$B$10,7,0)+IF('Standard Profiles'!$G$20=$B$17,14,0)+IF('Standard Profiles'!$G$20=$B$24,21,0),MOD($C6450,24)+1)/SUM(INDEX($D$3:$AA$30,INDEX(Jesper!$R$2:$R$366,ROW(INDEX(Jesper!AJ$2:AJ$366,ROUNDDOWN($C6450/24,0)+1,1))-1)+IF('Standard Profiles'!$G$20=$B$10,7,0)+IF('Standard Profiles'!$G$20=$B$17,14,0)+IF('Standard Profiles'!$G$20=$B$24,21,0),0)),0)</f>
        <v>0</v>
      </c>
      <c r="G6450" cm="1">
        <f t="array" ref="G6450">IFERROR(INDEX(Jesper!AK$2:AK$366,ROUNDDOWN($C6450/24,0)+1,1)*INDEX($D$3:$AA$30,INDEX(Jesper!$R$2:$R$366,ROW(INDEX(Jesper!AK$2:AK$366,ROUNDDOWN($C6450/24,0)+1,1))-1)+IF('Standard Profiles'!$G$21=$B$10,7,0)+IF('Standard Profiles'!$G$21=$B$17,14,0)+IF('Standard Profiles'!$G$21=$B$24,21,0),MOD($C6450,24)+1)/SUM(INDEX($D$3:$AA$30,INDEX(Jesper!$R$2:$R$366,ROW(INDEX(Jesper!AK$2:AK$366,ROUNDDOWN($C6450/24,0)+1,1))-1)+IF('Standard Profiles'!$G$21=$B$10,7,0)+IF('Standard Profiles'!$G$21=$B$17,14,0)+IF('Standard Profiles'!$G$21=$B$24,21,0),0)),0)</f>
        <v>0</v>
      </c>
      <c r="H6450" cm="1">
        <f t="array" ref="H6450">IFERROR(INDEX(Jesper!AL$2:AL$366,ROUNDDOWN($C6450/24,0)+1,1)*INDEX($D$3:$AA$30,INDEX(Jesper!$R$2:$R$366,ROW(INDEX(Jesper!AL$2:AL$366,ROUNDDOWN($C6450/24,0)+1,1))-1)+IF('Standard Profiles'!$G$22=$B$10,7,0)+IF('Standard Profiles'!$G$22=$B$17,14,0)+IF('Standard Profiles'!$G$22=$B$24,21,0),MOD($C6450,24)+1)/SUM(INDEX($D$3:$AA$30,INDEX(Jesper!$R$2:$R$366,ROW(INDEX(Jesper!AL$2:AL$366,ROUNDDOWN($C6450/24,0)+1,1))-1)+IF('Standard Profiles'!$G$22=$B$10,7,0)+IF('Standard Profiles'!$G$22=$B$17,14,0)+IF('Standard Profiles'!$G$22=$B$24,21,0),0)),0)</f>
        <v>0</v>
      </c>
      <c r="I6450">
        <f t="shared" si="720"/>
        <v>0.3132305726202661</v>
      </c>
      <c r="J6450">
        <f t="shared" si="721"/>
        <v>1.0441019087342205</v>
      </c>
      <c r="K6450">
        <f t="shared" si="722"/>
        <v>1.5661528631013304</v>
      </c>
      <c r="L6450">
        <f t="shared" si="723"/>
        <v>7.5175337428863864</v>
      </c>
      <c r="M6450">
        <f t="shared" si="724"/>
        <v>0</v>
      </c>
      <c r="N6450" s="46">
        <f t="shared" si="725"/>
        <v>45559.333333317772</v>
      </c>
    </row>
    <row r="6451" spans="2:14" x14ac:dyDescent="0.3">
      <c r="B6451">
        <f t="shared" si="719"/>
        <v>2</v>
      </c>
      <c r="C6451" s="16">
        <v>6417</v>
      </c>
      <c r="D6451" cm="1">
        <f t="array" ref="D6451">IFERROR(INDEX(Jesper!AH$2:AH$366,ROUNDDOWN($C6451/24,0)+1,1)*INDEX($D$3:$AA$30,INDEX(Jesper!$R$2:$R$366,ROW(INDEX(Jesper!AH$2:AH$366,ROUNDDOWN($C6451/24,0)+1,1))-1)+IF('Standard Profiles'!$G$18=$B$10,7,0)+IF('Standard Profiles'!$G$18=$B$17,14,0)+IF('Standard Profiles'!$G$18=$B$24,21,0),MOD($C6451,24)+1)/SUM(INDEX($D$3:$AA$30,INDEX(Jesper!$R$2:$R$366,ROW(INDEX(Jesper!AH$2:AH$366,ROUNDDOWN($C6451/24,0)+1,1))-1)+IF('Standard Profiles'!$G$18=$B$10,7,0)+IF('Standard Profiles'!$G$18=$B$17,14,0)+IF('Standard Profiles'!$G$18=$B$24,21,0),0)),0)</f>
        <v>11.311104011287387</v>
      </c>
      <c r="E6451" cm="1">
        <f t="array" ref="E6451">IFERROR(INDEX(Jesper!AI$2:AI$366,ROUNDDOWN($C6451/24,0)+1,1)*INDEX($D$3:$AA$30,INDEX(Jesper!$R$2:$R$366,ROW(INDEX(Jesper!AI$2:AI$366,ROUNDDOWN($C6451/24,0)+1,1))-1)+IF('Standard Profiles'!$G$19=$B$10,7,0)+IF('Standard Profiles'!$G$19=$B$17,14,0)+IF('Standard Profiles'!$G$19=$B$24,21,0),MOD($C6451,24)+1)/SUM(INDEX($D$3:$AA$30,INDEX(Jesper!$R$2:$R$366,ROW(INDEX(Jesper!AI$2:AI$366,ROUNDDOWN($C6451/24,0)+1,1))-1)+IF('Standard Profiles'!$G$19=$B$10,7,0)+IF('Standard Profiles'!$G$19=$B$17,14,0)+IF('Standard Profiles'!$G$19=$B$24,21,0),0)),0)</f>
        <v>0</v>
      </c>
      <c r="F6451" cm="1">
        <f t="array" ref="F6451">IFERROR(INDEX(Jesper!AJ$2:AJ$366,ROUNDDOWN($C6451/24,0)+1,1)*INDEX($D$3:$AA$30,INDEX(Jesper!$R$2:$R$366,ROW(INDEX(Jesper!AJ$2:AJ$366,ROUNDDOWN($C6451/24,0)+1,1))-1)+IF('Standard Profiles'!$G$20=$B$10,7,0)+IF('Standard Profiles'!$G$20=$B$17,14,0)+IF('Standard Profiles'!$G$20=$B$24,21,0),MOD($C6451,24)+1)/SUM(INDEX($D$3:$AA$30,INDEX(Jesper!$R$2:$R$366,ROW(INDEX(Jesper!AJ$2:AJ$366,ROUNDDOWN($C6451/24,0)+1,1))-1)+IF('Standard Profiles'!$G$20=$B$10,7,0)+IF('Standard Profiles'!$G$20=$B$17,14,0)+IF('Standard Profiles'!$G$20=$B$24,21,0),0)),0)</f>
        <v>0</v>
      </c>
      <c r="G6451" cm="1">
        <f t="array" ref="G6451">IFERROR(INDEX(Jesper!AK$2:AK$366,ROUNDDOWN($C6451/24,0)+1,1)*INDEX($D$3:$AA$30,INDEX(Jesper!$R$2:$R$366,ROW(INDEX(Jesper!AK$2:AK$366,ROUNDDOWN($C6451/24,0)+1,1))-1)+IF('Standard Profiles'!$G$21=$B$10,7,0)+IF('Standard Profiles'!$G$21=$B$17,14,0)+IF('Standard Profiles'!$G$21=$B$24,21,0),MOD($C6451,24)+1)/SUM(INDEX($D$3:$AA$30,INDEX(Jesper!$R$2:$R$366,ROW(INDEX(Jesper!AK$2:AK$366,ROUNDDOWN($C6451/24,0)+1,1))-1)+IF('Standard Profiles'!$G$21=$B$10,7,0)+IF('Standard Profiles'!$G$21=$B$17,14,0)+IF('Standard Profiles'!$G$21=$B$24,21,0),0)),0)</f>
        <v>0</v>
      </c>
      <c r="H6451" cm="1">
        <f t="array" ref="H6451">IFERROR(INDEX(Jesper!AL$2:AL$366,ROUNDDOWN($C6451/24,0)+1,1)*INDEX($D$3:$AA$30,INDEX(Jesper!$R$2:$R$366,ROW(INDEX(Jesper!AL$2:AL$366,ROUNDDOWN($C6451/24,0)+1,1))-1)+IF('Standard Profiles'!$G$22=$B$10,7,0)+IF('Standard Profiles'!$G$22=$B$17,14,0)+IF('Standard Profiles'!$G$22=$B$24,21,0),MOD($C6451,24)+1)/SUM(INDEX($D$3:$AA$30,INDEX(Jesper!$R$2:$R$366,ROW(INDEX(Jesper!AL$2:AL$366,ROUNDDOWN($C6451/24,0)+1,1))-1)+IF('Standard Profiles'!$G$22=$B$10,7,0)+IF('Standard Profiles'!$G$22=$B$17,14,0)+IF('Standard Profiles'!$G$22=$B$24,21,0),0)),0)</f>
        <v>0</v>
      </c>
      <c r="I6451">
        <f t="shared" si="720"/>
        <v>0.33933312033862162</v>
      </c>
      <c r="J6451">
        <f t="shared" si="721"/>
        <v>1.1311104011287387</v>
      </c>
      <c r="K6451">
        <f t="shared" si="722"/>
        <v>1.6966656016931081</v>
      </c>
      <c r="L6451">
        <f t="shared" si="723"/>
        <v>8.1439948881269189</v>
      </c>
      <c r="M6451">
        <f t="shared" si="724"/>
        <v>0</v>
      </c>
      <c r="N6451" s="46">
        <f t="shared" si="725"/>
        <v>45559.374999984437</v>
      </c>
    </row>
    <row r="6452" spans="2:14" x14ac:dyDescent="0.3">
      <c r="B6452">
        <f t="shared" si="719"/>
        <v>2</v>
      </c>
      <c r="C6452" s="16">
        <v>6418</v>
      </c>
      <c r="D6452" cm="1">
        <f t="array" ref="D6452">IFERROR(INDEX(Jesper!AH$2:AH$366,ROUNDDOWN($C6452/24,0)+1,1)*INDEX($D$3:$AA$30,INDEX(Jesper!$R$2:$R$366,ROW(INDEX(Jesper!AH$2:AH$366,ROUNDDOWN($C6452/24,0)+1,1))-1)+IF('Standard Profiles'!$G$18=$B$10,7,0)+IF('Standard Profiles'!$G$18=$B$17,14,0)+IF('Standard Profiles'!$G$18=$B$24,21,0),MOD($C6452,24)+1)/SUM(INDEX($D$3:$AA$30,INDEX(Jesper!$R$2:$R$366,ROW(INDEX(Jesper!AH$2:AH$366,ROUNDDOWN($C6452/24,0)+1,1))-1)+IF('Standard Profiles'!$G$18=$B$10,7,0)+IF('Standard Profiles'!$G$18=$B$17,14,0)+IF('Standard Profiles'!$G$18=$B$24,21,0),0)),0)</f>
        <v>11.833154965654495</v>
      </c>
      <c r="E6452" cm="1">
        <f t="array" ref="E6452">IFERROR(INDEX(Jesper!AI$2:AI$366,ROUNDDOWN($C6452/24,0)+1,1)*INDEX($D$3:$AA$30,INDEX(Jesper!$R$2:$R$366,ROW(INDEX(Jesper!AI$2:AI$366,ROUNDDOWN($C6452/24,0)+1,1))-1)+IF('Standard Profiles'!$G$19=$B$10,7,0)+IF('Standard Profiles'!$G$19=$B$17,14,0)+IF('Standard Profiles'!$G$19=$B$24,21,0),MOD($C6452,24)+1)/SUM(INDEX($D$3:$AA$30,INDEX(Jesper!$R$2:$R$366,ROW(INDEX(Jesper!AI$2:AI$366,ROUNDDOWN($C6452/24,0)+1,1))-1)+IF('Standard Profiles'!$G$19=$B$10,7,0)+IF('Standard Profiles'!$G$19=$B$17,14,0)+IF('Standard Profiles'!$G$19=$B$24,21,0),0)),0)</f>
        <v>0</v>
      </c>
      <c r="F6452" cm="1">
        <f t="array" ref="F6452">IFERROR(INDEX(Jesper!AJ$2:AJ$366,ROUNDDOWN($C6452/24,0)+1,1)*INDEX($D$3:$AA$30,INDEX(Jesper!$R$2:$R$366,ROW(INDEX(Jesper!AJ$2:AJ$366,ROUNDDOWN($C6452/24,0)+1,1))-1)+IF('Standard Profiles'!$G$20=$B$10,7,0)+IF('Standard Profiles'!$G$20=$B$17,14,0)+IF('Standard Profiles'!$G$20=$B$24,21,0),MOD($C6452,24)+1)/SUM(INDEX($D$3:$AA$30,INDEX(Jesper!$R$2:$R$366,ROW(INDEX(Jesper!AJ$2:AJ$366,ROUNDDOWN($C6452/24,0)+1,1))-1)+IF('Standard Profiles'!$G$20=$B$10,7,0)+IF('Standard Profiles'!$G$20=$B$17,14,0)+IF('Standard Profiles'!$G$20=$B$24,21,0),0)),0)</f>
        <v>0</v>
      </c>
      <c r="G6452" cm="1">
        <f t="array" ref="G6452">IFERROR(INDEX(Jesper!AK$2:AK$366,ROUNDDOWN($C6452/24,0)+1,1)*INDEX($D$3:$AA$30,INDEX(Jesper!$R$2:$R$366,ROW(INDEX(Jesper!AK$2:AK$366,ROUNDDOWN($C6452/24,0)+1,1))-1)+IF('Standard Profiles'!$G$21=$B$10,7,0)+IF('Standard Profiles'!$G$21=$B$17,14,0)+IF('Standard Profiles'!$G$21=$B$24,21,0),MOD($C6452,24)+1)/SUM(INDEX($D$3:$AA$30,INDEX(Jesper!$R$2:$R$366,ROW(INDEX(Jesper!AK$2:AK$366,ROUNDDOWN($C6452/24,0)+1,1))-1)+IF('Standard Profiles'!$G$21=$B$10,7,0)+IF('Standard Profiles'!$G$21=$B$17,14,0)+IF('Standard Profiles'!$G$21=$B$24,21,0),0)),0)</f>
        <v>0</v>
      </c>
      <c r="H6452" cm="1">
        <f t="array" ref="H6452">IFERROR(INDEX(Jesper!AL$2:AL$366,ROUNDDOWN($C6452/24,0)+1,1)*INDEX($D$3:$AA$30,INDEX(Jesper!$R$2:$R$366,ROW(INDEX(Jesper!AL$2:AL$366,ROUNDDOWN($C6452/24,0)+1,1))-1)+IF('Standard Profiles'!$G$22=$B$10,7,0)+IF('Standard Profiles'!$G$22=$B$17,14,0)+IF('Standard Profiles'!$G$22=$B$24,21,0),MOD($C6452,24)+1)/SUM(INDEX($D$3:$AA$30,INDEX(Jesper!$R$2:$R$366,ROW(INDEX(Jesper!AL$2:AL$366,ROUNDDOWN($C6452/24,0)+1,1))-1)+IF('Standard Profiles'!$G$22=$B$10,7,0)+IF('Standard Profiles'!$G$22=$B$17,14,0)+IF('Standard Profiles'!$G$22=$B$24,21,0),0)),0)</f>
        <v>0</v>
      </c>
      <c r="I6452">
        <f t="shared" si="720"/>
        <v>0.35499464896963484</v>
      </c>
      <c r="J6452">
        <f t="shared" si="721"/>
        <v>1.1833154965654495</v>
      </c>
      <c r="K6452">
        <f t="shared" si="722"/>
        <v>1.7749732448481743</v>
      </c>
      <c r="L6452">
        <f t="shared" si="723"/>
        <v>8.5198715752712371</v>
      </c>
      <c r="M6452">
        <f t="shared" si="724"/>
        <v>0</v>
      </c>
      <c r="N6452" s="46">
        <f t="shared" si="725"/>
        <v>45559.416666651101</v>
      </c>
    </row>
    <row r="6453" spans="2:14" x14ac:dyDescent="0.3">
      <c r="B6453">
        <f t="shared" si="719"/>
        <v>2</v>
      </c>
      <c r="C6453" s="16">
        <v>6419</v>
      </c>
      <c r="D6453" cm="1">
        <f t="array" ref="D6453">IFERROR(INDEX(Jesper!AH$2:AH$366,ROUNDDOWN($C6453/24,0)+1,1)*INDEX($D$3:$AA$30,INDEX(Jesper!$R$2:$R$366,ROW(INDEX(Jesper!AH$2:AH$366,ROUNDDOWN($C6453/24,0)+1,1))-1)+IF('Standard Profiles'!$G$18=$B$10,7,0)+IF('Standard Profiles'!$G$18=$B$17,14,0)+IF('Standard Profiles'!$G$18=$B$24,21,0),MOD($C6453,24)+1)/SUM(INDEX($D$3:$AA$30,INDEX(Jesper!$R$2:$R$366,ROW(INDEX(Jesper!AH$2:AH$366,ROUNDDOWN($C6453/24,0)+1,1))-1)+IF('Standard Profiles'!$G$18=$B$10,7,0)+IF('Standard Profiles'!$G$18=$B$17,14,0)+IF('Standard Profiles'!$G$18=$B$24,21,0),0)),0)</f>
        <v>13.921358783122937</v>
      </c>
      <c r="E6453" cm="1">
        <f t="array" ref="E6453">IFERROR(INDEX(Jesper!AI$2:AI$366,ROUNDDOWN($C6453/24,0)+1,1)*INDEX($D$3:$AA$30,INDEX(Jesper!$R$2:$R$366,ROW(INDEX(Jesper!AI$2:AI$366,ROUNDDOWN($C6453/24,0)+1,1))-1)+IF('Standard Profiles'!$G$19=$B$10,7,0)+IF('Standard Profiles'!$G$19=$B$17,14,0)+IF('Standard Profiles'!$G$19=$B$24,21,0),MOD($C6453,24)+1)/SUM(INDEX($D$3:$AA$30,INDEX(Jesper!$R$2:$R$366,ROW(INDEX(Jesper!AI$2:AI$366,ROUNDDOWN($C6453/24,0)+1,1))-1)+IF('Standard Profiles'!$G$19=$B$10,7,0)+IF('Standard Profiles'!$G$19=$B$17,14,0)+IF('Standard Profiles'!$G$19=$B$24,21,0),0)),0)</f>
        <v>0</v>
      </c>
      <c r="F6453" cm="1">
        <f t="array" ref="F6453">IFERROR(INDEX(Jesper!AJ$2:AJ$366,ROUNDDOWN($C6453/24,0)+1,1)*INDEX($D$3:$AA$30,INDEX(Jesper!$R$2:$R$366,ROW(INDEX(Jesper!AJ$2:AJ$366,ROUNDDOWN($C6453/24,0)+1,1))-1)+IF('Standard Profiles'!$G$20=$B$10,7,0)+IF('Standard Profiles'!$G$20=$B$17,14,0)+IF('Standard Profiles'!$G$20=$B$24,21,0),MOD($C6453,24)+1)/SUM(INDEX($D$3:$AA$30,INDEX(Jesper!$R$2:$R$366,ROW(INDEX(Jesper!AJ$2:AJ$366,ROUNDDOWN($C6453/24,0)+1,1))-1)+IF('Standard Profiles'!$G$20=$B$10,7,0)+IF('Standard Profiles'!$G$20=$B$17,14,0)+IF('Standard Profiles'!$G$20=$B$24,21,0),0)),0)</f>
        <v>0</v>
      </c>
      <c r="G6453" cm="1">
        <f t="array" ref="G6453">IFERROR(INDEX(Jesper!AK$2:AK$366,ROUNDDOWN($C6453/24,0)+1,1)*INDEX($D$3:$AA$30,INDEX(Jesper!$R$2:$R$366,ROW(INDEX(Jesper!AK$2:AK$366,ROUNDDOWN($C6453/24,0)+1,1))-1)+IF('Standard Profiles'!$G$21=$B$10,7,0)+IF('Standard Profiles'!$G$21=$B$17,14,0)+IF('Standard Profiles'!$G$21=$B$24,21,0),MOD($C6453,24)+1)/SUM(INDEX($D$3:$AA$30,INDEX(Jesper!$R$2:$R$366,ROW(INDEX(Jesper!AK$2:AK$366,ROUNDDOWN($C6453/24,0)+1,1))-1)+IF('Standard Profiles'!$G$21=$B$10,7,0)+IF('Standard Profiles'!$G$21=$B$17,14,0)+IF('Standard Profiles'!$G$21=$B$24,21,0),0)),0)</f>
        <v>0</v>
      </c>
      <c r="H6453" cm="1">
        <f t="array" ref="H6453">IFERROR(INDEX(Jesper!AL$2:AL$366,ROUNDDOWN($C6453/24,0)+1,1)*INDEX($D$3:$AA$30,INDEX(Jesper!$R$2:$R$366,ROW(INDEX(Jesper!AL$2:AL$366,ROUNDDOWN($C6453/24,0)+1,1))-1)+IF('Standard Profiles'!$G$22=$B$10,7,0)+IF('Standard Profiles'!$G$22=$B$17,14,0)+IF('Standard Profiles'!$G$22=$B$24,21,0),MOD($C6453,24)+1)/SUM(INDEX($D$3:$AA$30,INDEX(Jesper!$R$2:$R$366,ROW(INDEX(Jesper!AL$2:AL$366,ROUNDDOWN($C6453/24,0)+1,1))-1)+IF('Standard Profiles'!$G$22=$B$10,7,0)+IF('Standard Profiles'!$G$22=$B$17,14,0)+IF('Standard Profiles'!$G$22=$B$24,21,0),0)),0)</f>
        <v>0</v>
      </c>
      <c r="I6453">
        <f t="shared" si="720"/>
        <v>0.41764076349368812</v>
      </c>
      <c r="J6453">
        <f t="shared" si="721"/>
        <v>1.3921358783122937</v>
      </c>
      <c r="K6453">
        <f t="shared" si="722"/>
        <v>2.0882038174684405</v>
      </c>
      <c r="L6453">
        <f t="shared" si="723"/>
        <v>10.023378323848513</v>
      </c>
      <c r="M6453">
        <f t="shared" si="724"/>
        <v>0</v>
      </c>
      <c r="N6453" s="46">
        <f t="shared" si="725"/>
        <v>45559.458333317765</v>
      </c>
    </row>
    <row r="6454" spans="2:14" x14ac:dyDescent="0.3">
      <c r="B6454">
        <f t="shared" si="719"/>
        <v>2</v>
      </c>
      <c r="C6454" s="16">
        <v>6420</v>
      </c>
      <c r="D6454" cm="1">
        <f t="array" ref="D6454">IFERROR(INDEX(Jesper!AH$2:AH$366,ROUNDDOWN($C6454/24,0)+1,1)*INDEX($D$3:$AA$30,INDEX(Jesper!$R$2:$R$366,ROW(INDEX(Jesper!AH$2:AH$366,ROUNDDOWN($C6454/24,0)+1,1))-1)+IF('Standard Profiles'!$G$18=$B$10,7,0)+IF('Standard Profiles'!$G$18=$B$17,14,0)+IF('Standard Profiles'!$G$18=$B$24,21,0),MOD($C6454,24)+1)/SUM(INDEX($D$3:$AA$30,INDEX(Jesper!$R$2:$R$366,ROW(INDEX(Jesper!AH$2:AH$366,ROUNDDOWN($C6454/24,0)+1,1))-1)+IF('Standard Profiles'!$G$18=$B$10,7,0)+IF('Standard Profiles'!$G$18=$B$17,14,0)+IF('Standard Profiles'!$G$18=$B$24,21,0),0)),0)</f>
        <v>13.921358783122937</v>
      </c>
      <c r="E6454" cm="1">
        <f t="array" ref="E6454">IFERROR(INDEX(Jesper!AI$2:AI$366,ROUNDDOWN($C6454/24,0)+1,1)*INDEX($D$3:$AA$30,INDEX(Jesper!$R$2:$R$366,ROW(INDEX(Jesper!AI$2:AI$366,ROUNDDOWN($C6454/24,0)+1,1))-1)+IF('Standard Profiles'!$G$19=$B$10,7,0)+IF('Standard Profiles'!$G$19=$B$17,14,0)+IF('Standard Profiles'!$G$19=$B$24,21,0),MOD($C6454,24)+1)/SUM(INDEX($D$3:$AA$30,INDEX(Jesper!$R$2:$R$366,ROW(INDEX(Jesper!AI$2:AI$366,ROUNDDOWN($C6454/24,0)+1,1))-1)+IF('Standard Profiles'!$G$19=$B$10,7,0)+IF('Standard Profiles'!$G$19=$B$17,14,0)+IF('Standard Profiles'!$G$19=$B$24,21,0),0)),0)</f>
        <v>0</v>
      </c>
      <c r="F6454" cm="1">
        <f t="array" ref="F6454">IFERROR(INDEX(Jesper!AJ$2:AJ$366,ROUNDDOWN($C6454/24,0)+1,1)*INDEX($D$3:$AA$30,INDEX(Jesper!$R$2:$R$366,ROW(INDEX(Jesper!AJ$2:AJ$366,ROUNDDOWN($C6454/24,0)+1,1))-1)+IF('Standard Profiles'!$G$20=$B$10,7,0)+IF('Standard Profiles'!$G$20=$B$17,14,0)+IF('Standard Profiles'!$G$20=$B$24,21,0),MOD($C6454,24)+1)/SUM(INDEX($D$3:$AA$30,INDEX(Jesper!$R$2:$R$366,ROW(INDEX(Jesper!AJ$2:AJ$366,ROUNDDOWN($C6454/24,0)+1,1))-1)+IF('Standard Profiles'!$G$20=$B$10,7,0)+IF('Standard Profiles'!$G$20=$B$17,14,0)+IF('Standard Profiles'!$G$20=$B$24,21,0),0)),0)</f>
        <v>0</v>
      </c>
      <c r="G6454" cm="1">
        <f t="array" ref="G6454">IFERROR(INDEX(Jesper!AK$2:AK$366,ROUNDDOWN($C6454/24,0)+1,1)*INDEX($D$3:$AA$30,INDEX(Jesper!$R$2:$R$366,ROW(INDEX(Jesper!AK$2:AK$366,ROUNDDOWN($C6454/24,0)+1,1))-1)+IF('Standard Profiles'!$G$21=$B$10,7,0)+IF('Standard Profiles'!$G$21=$B$17,14,0)+IF('Standard Profiles'!$G$21=$B$24,21,0),MOD($C6454,24)+1)/SUM(INDEX($D$3:$AA$30,INDEX(Jesper!$R$2:$R$366,ROW(INDEX(Jesper!AK$2:AK$366,ROUNDDOWN($C6454/24,0)+1,1))-1)+IF('Standard Profiles'!$G$21=$B$10,7,0)+IF('Standard Profiles'!$G$21=$B$17,14,0)+IF('Standard Profiles'!$G$21=$B$24,21,0),0)),0)</f>
        <v>0</v>
      </c>
      <c r="H6454" cm="1">
        <f t="array" ref="H6454">IFERROR(INDEX(Jesper!AL$2:AL$366,ROUNDDOWN($C6454/24,0)+1,1)*INDEX($D$3:$AA$30,INDEX(Jesper!$R$2:$R$366,ROW(INDEX(Jesper!AL$2:AL$366,ROUNDDOWN($C6454/24,0)+1,1))-1)+IF('Standard Profiles'!$G$22=$B$10,7,0)+IF('Standard Profiles'!$G$22=$B$17,14,0)+IF('Standard Profiles'!$G$22=$B$24,21,0),MOD($C6454,24)+1)/SUM(INDEX($D$3:$AA$30,INDEX(Jesper!$R$2:$R$366,ROW(INDEX(Jesper!AL$2:AL$366,ROUNDDOWN($C6454/24,0)+1,1))-1)+IF('Standard Profiles'!$G$22=$B$10,7,0)+IF('Standard Profiles'!$G$22=$B$17,14,0)+IF('Standard Profiles'!$G$22=$B$24,21,0),0)),0)</f>
        <v>0</v>
      </c>
      <c r="I6454">
        <f t="shared" si="720"/>
        <v>0.41764076349368812</v>
      </c>
      <c r="J6454">
        <f t="shared" si="721"/>
        <v>1.3921358783122937</v>
      </c>
      <c r="K6454">
        <f t="shared" si="722"/>
        <v>2.0882038174684405</v>
      </c>
      <c r="L6454">
        <f t="shared" si="723"/>
        <v>10.023378323848513</v>
      </c>
      <c r="M6454">
        <f t="shared" si="724"/>
        <v>0</v>
      </c>
      <c r="N6454" s="46">
        <f t="shared" si="725"/>
        <v>45559.499999984429</v>
      </c>
    </row>
    <row r="6455" spans="2:14" x14ac:dyDescent="0.3">
      <c r="B6455">
        <f t="shared" si="719"/>
        <v>2</v>
      </c>
      <c r="C6455" s="16">
        <v>6421</v>
      </c>
      <c r="D6455" cm="1">
        <f t="array" ref="D6455">IFERROR(INDEX(Jesper!AH$2:AH$366,ROUNDDOWN($C6455/24,0)+1,1)*INDEX($D$3:$AA$30,INDEX(Jesper!$R$2:$R$366,ROW(INDEX(Jesper!AH$2:AH$366,ROUNDDOWN($C6455/24,0)+1,1))-1)+IF('Standard Profiles'!$G$18=$B$10,7,0)+IF('Standard Profiles'!$G$18=$B$17,14,0)+IF('Standard Profiles'!$G$18=$B$24,21,0),MOD($C6455,24)+1)/SUM(INDEX($D$3:$AA$30,INDEX(Jesper!$R$2:$R$366,ROW(INDEX(Jesper!AH$2:AH$366,ROUNDDOWN($C6455/24,0)+1,1))-1)+IF('Standard Profiles'!$G$18=$B$10,7,0)+IF('Standard Profiles'!$G$18=$B$17,14,0)+IF('Standard Profiles'!$G$18=$B$24,21,0),0)),0)</f>
        <v>13.921358783122937</v>
      </c>
      <c r="E6455" cm="1">
        <f t="array" ref="E6455">IFERROR(INDEX(Jesper!AI$2:AI$366,ROUNDDOWN($C6455/24,0)+1,1)*INDEX($D$3:$AA$30,INDEX(Jesper!$R$2:$R$366,ROW(INDEX(Jesper!AI$2:AI$366,ROUNDDOWN($C6455/24,0)+1,1))-1)+IF('Standard Profiles'!$G$19=$B$10,7,0)+IF('Standard Profiles'!$G$19=$B$17,14,0)+IF('Standard Profiles'!$G$19=$B$24,21,0),MOD($C6455,24)+1)/SUM(INDEX($D$3:$AA$30,INDEX(Jesper!$R$2:$R$366,ROW(INDEX(Jesper!AI$2:AI$366,ROUNDDOWN($C6455/24,0)+1,1))-1)+IF('Standard Profiles'!$G$19=$B$10,7,0)+IF('Standard Profiles'!$G$19=$B$17,14,0)+IF('Standard Profiles'!$G$19=$B$24,21,0),0)),0)</f>
        <v>0</v>
      </c>
      <c r="F6455" cm="1">
        <f t="array" ref="F6455">IFERROR(INDEX(Jesper!AJ$2:AJ$366,ROUNDDOWN($C6455/24,0)+1,1)*INDEX($D$3:$AA$30,INDEX(Jesper!$R$2:$R$366,ROW(INDEX(Jesper!AJ$2:AJ$366,ROUNDDOWN($C6455/24,0)+1,1))-1)+IF('Standard Profiles'!$G$20=$B$10,7,0)+IF('Standard Profiles'!$G$20=$B$17,14,0)+IF('Standard Profiles'!$G$20=$B$24,21,0),MOD($C6455,24)+1)/SUM(INDEX($D$3:$AA$30,INDEX(Jesper!$R$2:$R$366,ROW(INDEX(Jesper!AJ$2:AJ$366,ROUNDDOWN($C6455/24,0)+1,1))-1)+IF('Standard Profiles'!$G$20=$B$10,7,0)+IF('Standard Profiles'!$G$20=$B$17,14,0)+IF('Standard Profiles'!$G$20=$B$24,21,0),0)),0)</f>
        <v>0</v>
      </c>
      <c r="G6455" cm="1">
        <f t="array" ref="G6455">IFERROR(INDEX(Jesper!AK$2:AK$366,ROUNDDOWN($C6455/24,0)+1,1)*INDEX($D$3:$AA$30,INDEX(Jesper!$R$2:$R$366,ROW(INDEX(Jesper!AK$2:AK$366,ROUNDDOWN($C6455/24,0)+1,1))-1)+IF('Standard Profiles'!$G$21=$B$10,7,0)+IF('Standard Profiles'!$G$21=$B$17,14,0)+IF('Standard Profiles'!$G$21=$B$24,21,0),MOD($C6455,24)+1)/SUM(INDEX($D$3:$AA$30,INDEX(Jesper!$R$2:$R$366,ROW(INDEX(Jesper!AK$2:AK$366,ROUNDDOWN($C6455/24,0)+1,1))-1)+IF('Standard Profiles'!$G$21=$B$10,7,0)+IF('Standard Profiles'!$G$21=$B$17,14,0)+IF('Standard Profiles'!$G$21=$B$24,21,0),0)),0)</f>
        <v>0</v>
      </c>
      <c r="H6455" cm="1">
        <f t="array" ref="H6455">IFERROR(INDEX(Jesper!AL$2:AL$366,ROUNDDOWN($C6455/24,0)+1,1)*INDEX($D$3:$AA$30,INDEX(Jesper!$R$2:$R$366,ROW(INDEX(Jesper!AL$2:AL$366,ROUNDDOWN($C6455/24,0)+1,1))-1)+IF('Standard Profiles'!$G$22=$B$10,7,0)+IF('Standard Profiles'!$G$22=$B$17,14,0)+IF('Standard Profiles'!$G$22=$B$24,21,0),MOD($C6455,24)+1)/SUM(INDEX($D$3:$AA$30,INDEX(Jesper!$R$2:$R$366,ROW(INDEX(Jesper!AL$2:AL$366,ROUNDDOWN($C6455/24,0)+1,1))-1)+IF('Standard Profiles'!$G$22=$B$10,7,0)+IF('Standard Profiles'!$G$22=$B$17,14,0)+IF('Standard Profiles'!$G$22=$B$24,21,0),0)),0)</f>
        <v>0</v>
      </c>
      <c r="I6455">
        <f t="shared" si="720"/>
        <v>0.41764076349368812</v>
      </c>
      <c r="J6455">
        <f t="shared" si="721"/>
        <v>1.3921358783122937</v>
      </c>
      <c r="K6455">
        <f t="shared" si="722"/>
        <v>2.0882038174684405</v>
      </c>
      <c r="L6455">
        <f t="shared" si="723"/>
        <v>10.023378323848513</v>
      </c>
      <c r="M6455">
        <f t="shared" si="724"/>
        <v>0</v>
      </c>
      <c r="N6455" s="46">
        <f t="shared" si="725"/>
        <v>45559.541666651094</v>
      </c>
    </row>
    <row r="6456" spans="2:14" x14ac:dyDescent="0.3">
      <c r="B6456">
        <f t="shared" si="719"/>
        <v>2</v>
      </c>
      <c r="C6456" s="16">
        <v>6422</v>
      </c>
      <c r="D6456" cm="1">
        <f t="array" ref="D6456">IFERROR(INDEX(Jesper!AH$2:AH$366,ROUNDDOWN($C6456/24,0)+1,1)*INDEX($D$3:$AA$30,INDEX(Jesper!$R$2:$R$366,ROW(INDEX(Jesper!AH$2:AH$366,ROUNDDOWN($C6456/24,0)+1,1))-1)+IF('Standard Profiles'!$G$18=$B$10,7,0)+IF('Standard Profiles'!$G$18=$B$17,14,0)+IF('Standard Profiles'!$G$18=$B$24,21,0),MOD($C6456,24)+1)/SUM(INDEX($D$3:$AA$30,INDEX(Jesper!$R$2:$R$366,ROW(INDEX(Jesper!AH$2:AH$366,ROUNDDOWN($C6456/24,0)+1,1))-1)+IF('Standard Profiles'!$G$18=$B$10,7,0)+IF('Standard Profiles'!$G$18=$B$17,14,0)+IF('Standard Profiles'!$G$18=$B$24,21,0),0)),0)</f>
        <v>13.921358783122937</v>
      </c>
      <c r="E6456" cm="1">
        <f t="array" ref="E6456">IFERROR(INDEX(Jesper!AI$2:AI$366,ROUNDDOWN($C6456/24,0)+1,1)*INDEX($D$3:$AA$30,INDEX(Jesper!$R$2:$R$366,ROW(INDEX(Jesper!AI$2:AI$366,ROUNDDOWN($C6456/24,0)+1,1))-1)+IF('Standard Profiles'!$G$19=$B$10,7,0)+IF('Standard Profiles'!$G$19=$B$17,14,0)+IF('Standard Profiles'!$G$19=$B$24,21,0),MOD($C6456,24)+1)/SUM(INDEX($D$3:$AA$30,INDEX(Jesper!$R$2:$R$366,ROW(INDEX(Jesper!AI$2:AI$366,ROUNDDOWN($C6456/24,0)+1,1))-1)+IF('Standard Profiles'!$G$19=$B$10,7,0)+IF('Standard Profiles'!$G$19=$B$17,14,0)+IF('Standard Profiles'!$G$19=$B$24,21,0),0)),0)</f>
        <v>0</v>
      </c>
      <c r="F6456" cm="1">
        <f t="array" ref="F6456">IFERROR(INDEX(Jesper!AJ$2:AJ$366,ROUNDDOWN($C6456/24,0)+1,1)*INDEX($D$3:$AA$30,INDEX(Jesper!$R$2:$R$366,ROW(INDEX(Jesper!AJ$2:AJ$366,ROUNDDOWN($C6456/24,0)+1,1))-1)+IF('Standard Profiles'!$G$20=$B$10,7,0)+IF('Standard Profiles'!$G$20=$B$17,14,0)+IF('Standard Profiles'!$G$20=$B$24,21,0),MOD($C6456,24)+1)/SUM(INDEX($D$3:$AA$30,INDEX(Jesper!$R$2:$R$366,ROW(INDEX(Jesper!AJ$2:AJ$366,ROUNDDOWN($C6456/24,0)+1,1))-1)+IF('Standard Profiles'!$G$20=$B$10,7,0)+IF('Standard Profiles'!$G$20=$B$17,14,0)+IF('Standard Profiles'!$G$20=$B$24,21,0),0)),0)</f>
        <v>0</v>
      </c>
      <c r="G6456" cm="1">
        <f t="array" ref="G6456">IFERROR(INDEX(Jesper!AK$2:AK$366,ROUNDDOWN($C6456/24,0)+1,1)*INDEX($D$3:$AA$30,INDEX(Jesper!$R$2:$R$366,ROW(INDEX(Jesper!AK$2:AK$366,ROUNDDOWN($C6456/24,0)+1,1))-1)+IF('Standard Profiles'!$G$21=$B$10,7,0)+IF('Standard Profiles'!$G$21=$B$17,14,0)+IF('Standard Profiles'!$G$21=$B$24,21,0),MOD($C6456,24)+1)/SUM(INDEX($D$3:$AA$30,INDEX(Jesper!$R$2:$R$366,ROW(INDEX(Jesper!AK$2:AK$366,ROUNDDOWN($C6456/24,0)+1,1))-1)+IF('Standard Profiles'!$G$21=$B$10,7,0)+IF('Standard Profiles'!$G$21=$B$17,14,0)+IF('Standard Profiles'!$G$21=$B$24,21,0),0)),0)</f>
        <v>0</v>
      </c>
      <c r="H6456" cm="1">
        <f t="array" ref="H6456">IFERROR(INDEX(Jesper!AL$2:AL$366,ROUNDDOWN($C6456/24,0)+1,1)*INDEX($D$3:$AA$30,INDEX(Jesper!$R$2:$R$366,ROW(INDEX(Jesper!AL$2:AL$366,ROUNDDOWN($C6456/24,0)+1,1))-1)+IF('Standard Profiles'!$G$22=$B$10,7,0)+IF('Standard Profiles'!$G$22=$B$17,14,0)+IF('Standard Profiles'!$G$22=$B$24,21,0),MOD($C6456,24)+1)/SUM(INDEX($D$3:$AA$30,INDEX(Jesper!$R$2:$R$366,ROW(INDEX(Jesper!AL$2:AL$366,ROUNDDOWN($C6456/24,0)+1,1))-1)+IF('Standard Profiles'!$G$22=$B$10,7,0)+IF('Standard Profiles'!$G$22=$B$17,14,0)+IF('Standard Profiles'!$G$22=$B$24,21,0),0)),0)</f>
        <v>0</v>
      </c>
      <c r="I6456">
        <f t="shared" si="720"/>
        <v>0.41764076349368812</v>
      </c>
      <c r="J6456">
        <f t="shared" si="721"/>
        <v>1.3921358783122937</v>
      </c>
      <c r="K6456">
        <f t="shared" si="722"/>
        <v>2.0882038174684405</v>
      </c>
      <c r="L6456">
        <f t="shared" si="723"/>
        <v>10.023378323848513</v>
      </c>
      <c r="M6456">
        <f t="shared" si="724"/>
        <v>0</v>
      </c>
      <c r="N6456" s="46">
        <f t="shared" si="725"/>
        <v>45559.583333317758</v>
      </c>
    </row>
    <row r="6457" spans="2:14" x14ac:dyDescent="0.3">
      <c r="B6457">
        <f t="shared" si="719"/>
        <v>2</v>
      </c>
      <c r="C6457" s="16">
        <v>6423</v>
      </c>
      <c r="D6457" cm="1">
        <f t="array" ref="D6457">IFERROR(INDEX(Jesper!AH$2:AH$366,ROUNDDOWN($C6457/24,0)+1,1)*INDEX($D$3:$AA$30,INDEX(Jesper!$R$2:$R$366,ROW(INDEX(Jesper!AH$2:AH$366,ROUNDDOWN($C6457/24,0)+1,1))-1)+IF('Standard Profiles'!$G$18=$B$10,7,0)+IF('Standard Profiles'!$G$18=$B$17,14,0)+IF('Standard Profiles'!$G$18=$B$24,21,0),MOD($C6457,24)+1)/SUM(INDEX($D$3:$AA$30,INDEX(Jesper!$R$2:$R$366,ROW(INDEX(Jesper!AH$2:AH$366,ROUNDDOWN($C6457/24,0)+1,1))-1)+IF('Standard Profiles'!$G$18=$B$10,7,0)+IF('Standard Profiles'!$G$18=$B$17,14,0)+IF('Standard Profiles'!$G$18=$B$24,21,0),0)),0)</f>
        <v>13.921358783122937</v>
      </c>
      <c r="E6457" cm="1">
        <f t="array" ref="E6457">IFERROR(INDEX(Jesper!AI$2:AI$366,ROUNDDOWN($C6457/24,0)+1,1)*INDEX($D$3:$AA$30,INDEX(Jesper!$R$2:$R$366,ROW(INDEX(Jesper!AI$2:AI$366,ROUNDDOWN($C6457/24,0)+1,1))-1)+IF('Standard Profiles'!$G$19=$B$10,7,0)+IF('Standard Profiles'!$G$19=$B$17,14,0)+IF('Standard Profiles'!$G$19=$B$24,21,0),MOD($C6457,24)+1)/SUM(INDEX($D$3:$AA$30,INDEX(Jesper!$R$2:$R$366,ROW(INDEX(Jesper!AI$2:AI$366,ROUNDDOWN($C6457/24,0)+1,1))-1)+IF('Standard Profiles'!$G$19=$B$10,7,0)+IF('Standard Profiles'!$G$19=$B$17,14,0)+IF('Standard Profiles'!$G$19=$B$24,21,0),0)),0)</f>
        <v>0</v>
      </c>
      <c r="F6457" cm="1">
        <f t="array" ref="F6457">IFERROR(INDEX(Jesper!AJ$2:AJ$366,ROUNDDOWN($C6457/24,0)+1,1)*INDEX($D$3:$AA$30,INDEX(Jesper!$R$2:$R$366,ROW(INDEX(Jesper!AJ$2:AJ$366,ROUNDDOWN($C6457/24,0)+1,1))-1)+IF('Standard Profiles'!$G$20=$B$10,7,0)+IF('Standard Profiles'!$G$20=$B$17,14,0)+IF('Standard Profiles'!$G$20=$B$24,21,0),MOD($C6457,24)+1)/SUM(INDEX($D$3:$AA$30,INDEX(Jesper!$R$2:$R$366,ROW(INDEX(Jesper!AJ$2:AJ$366,ROUNDDOWN($C6457/24,0)+1,1))-1)+IF('Standard Profiles'!$G$20=$B$10,7,0)+IF('Standard Profiles'!$G$20=$B$17,14,0)+IF('Standard Profiles'!$G$20=$B$24,21,0),0)),0)</f>
        <v>0</v>
      </c>
      <c r="G6457" cm="1">
        <f t="array" ref="G6457">IFERROR(INDEX(Jesper!AK$2:AK$366,ROUNDDOWN($C6457/24,0)+1,1)*INDEX($D$3:$AA$30,INDEX(Jesper!$R$2:$R$366,ROW(INDEX(Jesper!AK$2:AK$366,ROUNDDOWN($C6457/24,0)+1,1))-1)+IF('Standard Profiles'!$G$21=$B$10,7,0)+IF('Standard Profiles'!$G$21=$B$17,14,0)+IF('Standard Profiles'!$G$21=$B$24,21,0),MOD($C6457,24)+1)/SUM(INDEX($D$3:$AA$30,INDEX(Jesper!$R$2:$R$366,ROW(INDEX(Jesper!AK$2:AK$366,ROUNDDOWN($C6457/24,0)+1,1))-1)+IF('Standard Profiles'!$G$21=$B$10,7,0)+IF('Standard Profiles'!$G$21=$B$17,14,0)+IF('Standard Profiles'!$G$21=$B$24,21,0),0)),0)</f>
        <v>0</v>
      </c>
      <c r="H6457" cm="1">
        <f t="array" ref="H6457">IFERROR(INDEX(Jesper!AL$2:AL$366,ROUNDDOWN($C6457/24,0)+1,1)*INDEX($D$3:$AA$30,INDEX(Jesper!$R$2:$R$366,ROW(INDEX(Jesper!AL$2:AL$366,ROUNDDOWN($C6457/24,0)+1,1))-1)+IF('Standard Profiles'!$G$22=$B$10,7,0)+IF('Standard Profiles'!$G$22=$B$17,14,0)+IF('Standard Profiles'!$G$22=$B$24,21,0),MOD($C6457,24)+1)/SUM(INDEX($D$3:$AA$30,INDEX(Jesper!$R$2:$R$366,ROW(INDEX(Jesper!AL$2:AL$366,ROUNDDOWN($C6457/24,0)+1,1))-1)+IF('Standard Profiles'!$G$22=$B$10,7,0)+IF('Standard Profiles'!$G$22=$B$17,14,0)+IF('Standard Profiles'!$G$22=$B$24,21,0),0)),0)</f>
        <v>0</v>
      </c>
      <c r="I6457">
        <f t="shared" si="720"/>
        <v>0.41764076349368812</v>
      </c>
      <c r="J6457">
        <f t="shared" si="721"/>
        <v>1.3921358783122937</v>
      </c>
      <c r="K6457">
        <f t="shared" si="722"/>
        <v>2.0882038174684405</v>
      </c>
      <c r="L6457">
        <f t="shared" si="723"/>
        <v>10.023378323848513</v>
      </c>
      <c r="M6457">
        <f t="shared" si="724"/>
        <v>0</v>
      </c>
      <c r="N6457" s="46">
        <f t="shared" si="725"/>
        <v>45559.624999984422</v>
      </c>
    </row>
    <row r="6458" spans="2:14" x14ac:dyDescent="0.3">
      <c r="B6458">
        <f t="shared" si="719"/>
        <v>2</v>
      </c>
      <c r="C6458" s="16">
        <v>6424</v>
      </c>
      <c r="D6458" cm="1">
        <f t="array" ref="D6458">IFERROR(INDEX(Jesper!AH$2:AH$366,ROUNDDOWN($C6458/24,0)+1,1)*INDEX($D$3:$AA$30,INDEX(Jesper!$R$2:$R$366,ROW(INDEX(Jesper!AH$2:AH$366,ROUNDDOWN($C6458/24,0)+1,1))-1)+IF('Standard Profiles'!$G$18=$B$10,7,0)+IF('Standard Profiles'!$G$18=$B$17,14,0)+IF('Standard Profiles'!$G$18=$B$24,21,0),MOD($C6458,24)+1)/SUM(INDEX($D$3:$AA$30,INDEX(Jesper!$R$2:$R$366,ROW(INDEX(Jesper!AH$2:AH$366,ROUNDDOWN($C6458/24,0)+1,1))-1)+IF('Standard Profiles'!$G$18=$B$10,7,0)+IF('Standard Profiles'!$G$18=$B$17,14,0)+IF('Standard Profiles'!$G$18=$B$24,21,0),0)),0)</f>
        <v>13.921358783122937</v>
      </c>
      <c r="E6458" cm="1">
        <f t="array" ref="E6458">IFERROR(INDEX(Jesper!AI$2:AI$366,ROUNDDOWN($C6458/24,0)+1,1)*INDEX($D$3:$AA$30,INDEX(Jesper!$R$2:$R$366,ROW(INDEX(Jesper!AI$2:AI$366,ROUNDDOWN($C6458/24,0)+1,1))-1)+IF('Standard Profiles'!$G$19=$B$10,7,0)+IF('Standard Profiles'!$G$19=$B$17,14,0)+IF('Standard Profiles'!$G$19=$B$24,21,0),MOD($C6458,24)+1)/SUM(INDEX($D$3:$AA$30,INDEX(Jesper!$R$2:$R$366,ROW(INDEX(Jesper!AI$2:AI$366,ROUNDDOWN($C6458/24,0)+1,1))-1)+IF('Standard Profiles'!$G$19=$B$10,7,0)+IF('Standard Profiles'!$G$19=$B$17,14,0)+IF('Standard Profiles'!$G$19=$B$24,21,0),0)),0)</f>
        <v>0</v>
      </c>
      <c r="F6458" cm="1">
        <f t="array" ref="F6458">IFERROR(INDEX(Jesper!AJ$2:AJ$366,ROUNDDOWN($C6458/24,0)+1,1)*INDEX($D$3:$AA$30,INDEX(Jesper!$R$2:$R$366,ROW(INDEX(Jesper!AJ$2:AJ$366,ROUNDDOWN($C6458/24,0)+1,1))-1)+IF('Standard Profiles'!$G$20=$B$10,7,0)+IF('Standard Profiles'!$G$20=$B$17,14,0)+IF('Standard Profiles'!$G$20=$B$24,21,0),MOD($C6458,24)+1)/SUM(INDEX($D$3:$AA$30,INDEX(Jesper!$R$2:$R$366,ROW(INDEX(Jesper!AJ$2:AJ$366,ROUNDDOWN($C6458/24,0)+1,1))-1)+IF('Standard Profiles'!$G$20=$B$10,7,0)+IF('Standard Profiles'!$G$20=$B$17,14,0)+IF('Standard Profiles'!$G$20=$B$24,21,0),0)),0)</f>
        <v>0</v>
      </c>
      <c r="G6458" cm="1">
        <f t="array" ref="G6458">IFERROR(INDEX(Jesper!AK$2:AK$366,ROUNDDOWN($C6458/24,0)+1,1)*INDEX($D$3:$AA$30,INDEX(Jesper!$R$2:$R$366,ROW(INDEX(Jesper!AK$2:AK$366,ROUNDDOWN($C6458/24,0)+1,1))-1)+IF('Standard Profiles'!$G$21=$B$10,7,0)+IF('Standard Profiles'!$G$21=$B$17,14,0)+IF('Standard Profiles'!$G$21=$B$24,21,0),MOD($C6458,24)+1)/SUM(INDEX($D$3:$AA$30,INDEX(Jesper!$R$2:$R$366,ROW(INDEX(Jesper!AK$2:AK$366,ROUNDDOWN($C6458/24,0)+1,1))-1)+IF('Standard Profiles'!$G$21=$B$10,7,0)+IF('Standard Profiles'!$G$21=$B$17,14,0)+IF('Standard Profiles'!$G$21=$B$24,21,0),0)),0)</f>
        <v>0</v>
      </c>
      <c r="H6458" cm="1">
        <f t="array" ref="H6458">IFERROR(INDEX(Jesper!AL$2:AL$366,ROUNDDOWN($C6458/24,0)+1,1)*INDEX($D$3:$AA$30,INDEX(Jesper!$R$2:$R$366,ROW(INDEX(Jesper!AL$2:AL$366,ROUNDDOWN($C6458/24,0)+1,1))-1)+IF('Standard Profiles'!$G$22=$B$10,7,0)+IF('Standard Profiles'!$G$22=$B$17,14,0)+IF('Standard Profiles'!$G$22=$B$24,21,0),MOD($C6458,24)+1)/SUM(INDEX($D$3:$AA$30,INDEX(Jesper!$R$2:$R$366,ROW(INDEX(Jesper!AL$2:AL$366,ROUNDDOWN($C6458/24,0)+1,1))-1)+IF('Standard Profiles'!$G$22=$B$10,7,0)+IF('Standard Profiles'!$G$22=$B$17,14,0)+IF('Standard Profiles'!$G$22=$B$24,21,0),0)),0)</f>
        <v>0</v>
      </c>
      <c r="I6458">
        <f t="shared" si="720"/>
        <v>0.41764076349368812</v>
      </c>
      <c r="J6458">
        <f t="shared" si="721"/>
        <v>1.3921358783122937</v>
      </c>
      <c r="K6458">
        <f t="shared" si="722"/>
        <v>2.0882038174684405</v>
      </c>
      <c r="L6458">
        <f t="shared" si="723"/>
        <v>10.023378323848513</v>
      </c>
      <c r="M6458">
        <f t="shared" si="724"/>
        <v>0</v>
      </c>
      <c r="N6458" s="46">
        <f t="shared" si="725"/>
        <v>45559.666666651086</v>
      </c>
    </row>
    <row r="6459" spans="2:14" x14ac:dyDescent="0.3">
      <c r="B6459">
        <f t="shared" si="719"/>
        <v>2</v>
      </c>
      <c r="C6459" s="16">
        <v>6425</v>
      </c>
      <c r="D6459" cm="1">
        <f t="array" ref="D6459">IFERROR(INDEX(Jesper!AH$2:AH$366,ROUNDDOWN($C6459/24,0)+1,1)*INDEX($D$3:$AA$30,INDEX(Jesper!$R$2:$R$366,ROW(INDEX(Jesper!AH$2:AH$366,ROUNDDOWN($C6459/24,0)+1,1))-1)+IF('Standard Profiles'!$G$18=$B$10,7,0)+IF('Standard Profiles'!$G$18=$B$17,14,0)+IF('Standard Profiles'!$G$18=$B$24,21,0),MOD($C6459,24)+1)/SUM(INDEX($D$3:$AA$30,INDEX(Jesper!$R$2:$R$366,ROW(INDEX(Jesper!AH$2:AH$366,ROUNDDOWN($C6459/24,0)+1,1))-1)+IF('Standard Profiles'!$G$18=$B$10,7,0)+IF('Standard Profiles'!$G$18=$B$17,14,0)+IF('Standard Profiles'!$G$18=$B$24,21,0),0)),0)</f>
        <v>13.921358783122937</v>
      </c>
      <c r="E6459" cm="1">
        <f t="array" ref="E6459">IFERROR(INDEX(Jesper!AI$2:AI$366,ROUNDDOWN($C6459/24,0)+1,1)*INDEX($D$3:$AA$30,INDEX(Jesper!$R$2:$R$366,ROW(INDEX(Jesper!AI$2:AI$366,ROUNDDOWN($C6459/24,0)+1,1))-1)+IF('Standard Profiles'!$G$19=$B$10,7,0)+IF('Standard Profiles'!$G$19=$B$17,14,0)+IF('Standard Profiles'!$G$19=$B$24,21,0),MOD($C6459,24)+1)/SUM(INDEX($D$3:$AA$30,INDEX(Jesper!$R$2:$R$366,ROW(INDEX(Jesper!AI$2:AI$366,ROUNDDOWN($C6459/24,0)+1,1))-1)+IF('Standard Profiles'!$G$19=$B$10,7,0)+IF('Standard Profiles'!$G$19=$B$17,14,0)+IF('Standard Profiles'!$G$19=$B$24,21,0),0)),0)</f>
        <v>0</v>
      </c>
      <c r="F6459" cm="1">
        <f t="array" ref="F6459">IFERROR(INDEX(Jesper!AJ$2:AJ$366,ROUNDDOWN($C6459/24,0)+1,1)*INDEX($D$3:$AA$30,INDEX(Jesper!$R$2:$R$366,ROW(INDEX(Jesper!AJ$2:AJ$366,ROUNDDOWN($C6459/24,0)+1,1))-1)+IF('Standard Profiles'!$G$20=$B$10,7,0)+IF('Standard Profiles'!$G$20=$B$17,14,0)+IF('Standard Profiles'!$G$20=$B$24,21,0),MOD($C6459,24)+1)/SUM(INDEX($D$3:$AA$30,INDEX(Jesper!$R$2:$R$366,ROW(INDEX(Jesper!AJ$2:AJ$366,ROUNDDOWN($C6459/24,0)+1,1))-1)+IF('Standard Profiles'!$G$20=$B$10,7,0)+IF('Standard Profiles'!$G$20=$B$17,14,0)+IF('Standard Profiles'!$G$20=$B$24,21,0),0)),0)</f>
        <v>0</v>
      </c>
      <c r="G6459" cm="1">
        <f t="array" ref="G6459">IFERROR(INDEX(Jesper!AK$2:AK$366,ROUNDDOWN($C6459/24,0)+1,1)*INDEX($D$3:$AA$30,INDEX(Jesper!$R$2:$R$366,ROW(INDEX(Jesper!AK$2:AK$366,ROUNDDOWN($C6459/24,0)+1,1))-1)+IF('Standard Profiles'!$G$21=$B$10,7,0)+IF('Standard Profiles'!$G$21=$B$17,14,0)+IF('Standard Profiles'!$G$21=$B$24,21,0),MOD($C6459,24)+1)/SUM(INDEX($D$3:$AA$30,INDEX(Jesper!$R$2:$R$366,ROW(INDEX(Jesper!AK$2:AK$366,ROUNDDOWN($C6459/24,0)+1,1))-1)+IF('Standard Profiles'!$G$21=$B$10,7,0)+IF('Standard Profiles'!$G$21=$B$17,14,0)+IF('Standard Profiles'!$G$21=$B$24,21,0),0)),0)</f>
        <v>0</v>
      </c>
      <c r="H6459" cm="1">
        <f t="array" ref="H6459">IFERROR(INDEX(Jesper!AL$2:AL$366,ROUNDDOWN($C6459/24,0)+1,1)*INDEX($D$3:$AA$30,INDEX(Jesper!$R$2:$R$366,ROW(INDEX(Jesper!AL$2:AL$366,ROUNDDOWN($C6459/24,0)+1,1))-1)+IF('Standard Profiles'!$G$22=$B$10,7,0)+IF('Standard Profiles'!$G$22=$B$17,14,0)+IF('Standard Profiles'!$G$22=$B$24,21,0),MOD($C6459,24)+1)/SUM(INDEX($D$3:$AA$30,INDEX(Jesper!$R$2:$R$366,ROW(INDEX(Jesper!AL$2:AL$366,ROUNDDOWN($C6459/24,0)+1,1))-1)+IF('Standard Profiles'!$G$22=$B$10,7,0)+IF('Standard Profiles'!$G$22=$B$17,14,0)+IF('Standard Profiles'!$G$22=$B$24,21,0),0)),0)</f>
        <v>0</v>
      </c>
      <c r="I6459">
        <f t="shared" si="720"/>
        <v>0.41764076349368812</v>
      </c>
      <c r="J6459">
        <f t="shared" si="721"/>
        <v>1.3921358783122937</v>
      </c>
      <c r="K6459">
        <f t="shared" si="722"/>
        <v>2.0882038174684405</v>
      </c>
      <c r="L6459">
        <f t="shared" si="723"/>
        <v>10.023378323848513</v>
      </c>
      <c r="M6459">
        <f t="shared" si="724"/>
        <v>0</v>
      </c>
      <c r="N6459" s="46">
        <f t="shared" si="725"/>
        <v>45559.708333317751</v>
      </c>
    </row>
    <row r="6460" spans="2:14" x14ac:dyDescent="0.3">
      <c r="B6460">
        <f t="shared" si="719"/>
        <v>2</v>
      </c>
      <c r="C6460" s="16">
        <v>6426</v>
      </c>
      <c r="D6460" cm="1">
        <f t="array" ref="D6460">IFERROR(INDEX(Jesper!AH$2:AH$366,ROUNDDOWN($C6460/24,0)+1,1)*INDEX($D$3:$AA$30,INDEX(Jesper!$R$2:$R$366,ROW(INDEX(Jesper!AH$2:AH$366,ROUNDDOWN($C6460/24,0)+1,1))-1)+IF('Standard Profiles'!$G$18=$B$10,7,0)+IF('Standard Profiles'!$G$18=$B$17,14,0)+IF('Standard Profiles'!$G$18=$B$24,21,0),MOD($C6460,24)+1)/SUM(INDEX($D$3:$AA$30,INDEX(Jesper!$R$2:$R$366,ROW(INDEX(Jesper!AH$2:AH$366,ROUNDDOWN($C6460/24,0)+1,1))-1)+IF('Standard Profiles'!$G$18=$B$10,7,0)+IF('Standard Profiles'!$G$18=$B$17,14,0)+IF('Standard Profiles'!$G$18=$B$24,21,0),0)),0)</f>
        <v>13.921358783122937</v>
      </c>
      <c r="E6460" cm="1">
        <f t="array" ref="E6460">IFERROR(INDEX(Jesper!AI$2:AI$366,ROUNDDOWN($C6460/24,0)+1,1)*INDEX($D$3:$AA$30,INDEX(Jesper!$R$2:$R$366,ROW(INDEX(Jesper!AI$2:AI$366,ROUNDDOWN($C6460/24,0)+1,1))-1)+IF('Standard Profiles'!$G$19=$B$10,7,0)+IF('Standard Profiles'!$G$19=$B$17,14,0)+IF('Standard Profiles'!$G$19=$B$24,21,0),MOD($C6460,24)+1)/SUM(INDEX($D$3:$AA$30,INDEX(Jesper!$R$2:$R$366,ROW(INDEX(Jesper!AI$2:AI$366,ROUNDDOWN($C6460/24,0)+1,1))-1)+IF('Standard Profiles'!$G$19=$B$10,7,0)+IF('Standard Profiles'!$G$19=$B$17,14,0)+IF('Standard Profiles'!$G$19=$B$24,21,0),0)),0)</f>
        <v>0</v>
      </c>
      <c r="F6460" cm="1">
        <f t="array" ref="F6460">IFERROR(INDEX(Jesper!AJ$2:AJ$366,ROUNDDOWN($C6460/24,0)+1,1)*INDEX($D$3:$AA$30,INDEX(Jesper!$R$2:$R$366,ROW(INDEX(Jesper!AJ$2:AJ$366,ROUNDDOWN($C6460/24,0)+1,1))-1)+IF('Standard Profiles'!$G$20=$B$10,7,0)+IF('Standard Profiles'!$G$20=$B$17,14,0)+IF('Standard Profiles'!$G$20=$B$24,21,0),MOD($C6460,24)+1)/SUM(INDEX($D$3:$AA$30,INDEX(Jesper!$R$2:$R$366,ROW(INDEX(Jesper!AJ$2:AJ$366,ROUNDDOWN($C6460/24,0)+1,1))-1)+IF('Standard Profiles'!$G$20=$B$10,7,0)+IF('Standard Profiles'!$G$20=$B$17,14,0)+IF('Standard Profiles'!$G$20=$B$24,21,0),0)),0)</f>
        <v>0</v>
      </c>
      <c r="G6460" cm="1">
        <f t="array" ref="G6460">IFERROR(INDEX(Jesper!AK$2:AK$366,ROUNDDOWN($C6460/24,0)+1,1)*INDEX($D$3:$AA$30,INDEX(Jesper!$R$2:$R$366,ROW(INDEX(Jesper!AK$2:AK$366,ROUNDDOWN($C6460/24,0)+1,1))-1)+IF('Standard Profiles'!$G$21=$B$10,7,0)+IF('Standard Profiles'!$G$21=$B$17,14,0)+IF('Standard Profiles'!$G$21=$B$24,21,0),MOD($C6460,24)+1)/SUM(INDEX($D$3:$AA$30,INDEX(Jesper!$R$2:$R$366,ROW(INDEX(Jesper!AK$2:AK$366,ROUNDDOWN($C6460/24,0)+1,1))-1)+IF('Standard Profiles'!$G$21=$B$10,7,0)+IF('Standard Profiles'!$G$21=$B$17,14,0)+IF('Standard Profiles'!$G$21=$B$24,21,0),0)),0)</f>
        <v>0</v>
      </c>
      <c r="H6460" cm="1">
        <f t="array" ref="H6460">IFERROR(INDEX(Jesper!AL$2:AL$366,ROUNDDOWN($C6460/24,0)+1,1)*INDEX($D$3:$AA$30,INDEX(Jesper!$R$2:$R$366,ROW(INDEX(Jesper!AL$2:AL$366,ROUNDDOWN($C6460/24,0)+1,1))-1)+IF('Standard Profiles'!$G$22=$B$10,7,0)+IF('Standard Profiles'!$G$22=$B$17,14,0)+IF('Standard Profiles'!$G$22=$B$24,21,0),MOD($C6460,24)+1)/SUM(INDEX($D$3:$AA$30,INDEX(Jesper!$R$2:$R$366,ROW(INDEX(Jesper!AL$2:AL$366,ROUNDDOWN($C6460/24,0)+1,1))-1)+IF('Standard Profiles'!$G$22=$B$10,7,0)+IF('Standard Profiles'!$G$22=$B$17,14,0)+IF('Standard Profiles'!$G$22=$B$24,21,0),0)),0)</f>
        <v>0</v>
      </c>
      <c r="I6460">
        <f t="shared" si="720"/>
        <v>0.41764076349368812</v>
      </c>
      <c r="J6460">
        <f t="shared" si="721"/>
        <v>1.3921358783122937</v>
      </c>
      <c r="K6460">
        <f t="shared" si="722"/>
        <v>2.0882038174684405</v>
      </c>
      <c r="L6460">
        <f t="shared" si="723"/>
        <v>10.023378323848513</v>
      </c>
      <c r="M6460">
        <f t="shared" si="724"/>
        <v>0</v>
      </c>
      <c r="N6460" s="46">
        <f t="shared" si="725"/>
        <v>45559.749999984415</v>
      </c>
    </row>
    <row r="6461" spans="2:14" x14ac:dyDescent="0.3">
      <c r="B6461">
        <f t="shared" si="719"/>
        <v>2</v>
      </c>
      <c r="C6461" s="16">
        <v>6427</v>
      </c>
      <c r="D6461" cm="1">
        <f t="array" ref="D6461">IFERROR(INDEX(Jesper!AH$2:AH$366,ROUNDDOWN($C6461/24,0)+1,1)*INDEX($D$3:$AA$30,INDEX(Jesper!$R$2:$R$366,ROW(INDEX(Jesper!AH$2:AH$366,ROUNDDOWN($C6461/24,0)+1,1))-1)+IF('Standard Profiles'!$G$18=$B$10,7,0)+IF('Standard Profiles'!$G$18=$B$17,14,0)+IF('Standard Profiles'!$G$18=$B$24,21,0),MOD($C6461,24)+1)/SUM(INDEX($D$3:$AA$30,INDEX(Jesper!$R$2:$R$366,ROW(INDEX(Jesper!AH$2:AH$366,ROUNDDOWN($C6461/24,0)+1,1))-1)+IF('Standard Profiles'!$G$18=$B$10,7,0)+IF('Standard Profiles'!$G$18=$B$17,14,0)+IF('Standard Profiles'!$G$18=$B$24,21,0),0)),0)</f>
        <v>11.659137980865461</v>
      </c>
      <c r="E6461" cm="1">
        <f t="array" ref="E6461">IFERROR(INDEX(Jesper!AI$2:AI$366,ROUNDDOWN($C6461/24,0)+1,1)*INDEX($D$3:$AA$30,INDEX(Jesper!$R$2:$R$366,ROW(INDEX(Jesper!AI$2:AI$366,ROUNDDOWN($C6461/24,0)+1,1))-1)+IF('Standard Profiles'!$G$19=$B$10,7,0)+IF('Standard Profiles'!$G$19=$B$17,14,0)+IF('Standard Profiles'!$G$19=$B$24,21,0),MOD($C6461,24)+1)/SUM(INDEX($D$3:$AA$30,INDEX(Jesper!$R$2:$R$366,ROW(INDEX(Jesper!AI$2:AI$366,ROUNDDOWN($C6461/24,0)+1,1))-1)+IF('Standard Profiles'!$G$19=$B$10,7,0)+IF('Standard Profiles'!$G$19=$B$17,14,0)+IF('Standard Profiles'!$G$19=$B$24,21,0),0)),0)</f>
        <v>0</v>
      </c>
      <c r="F6461" cm="1">
        <f t="array" ref="F6461">IFERROR(INDEX(Jesper!AJ$2:AJ$366,ROUNDDOWN($C6461/24,0)+1,1)*INDEX($D$3:$AA$30,INDEX(Jesper!$R$2:$R$366,ROW(INDEX(Jesper!AJ$2:AJ$366,ROUNDDOWN($C6461/24,0)+1,1))-1)+IF('Standard Profiles'!$G$20=$B$10,7,0)+IF('Standard Profiles'!$G$20=$B$17,14,0)+IF('Standard Profiles'!$G$20=$B$24,21,0),MOD($C6461,24)+1)/SUM(INDEX($D$3:$AA$30,INDEX(Jesper!$R$2:$R$366,ROW(INDEX(Jesper!AJ$2:AJ$366,ROUNDDOWN($C6461/24,0)+1,1))-1)+IF('Standard Profiles'!$G$20=$B$10,7,0)+IF('Standard Profiles'!$G$20=$B$17,14,0)+IF('Standard Profiles'!$G$20=$B$24,21,0),0)),0)</f>
        <v>0</v>
      </c>
      <c r="G6461" cm="1">
        <f t="array" ref="G6461">IFERROR(INDEX(Jesper!AK$2:AK$366,ROUNDDOWN($C6461/24,0)+1,1)*INDEX($D$3:$AA$30,INDEX(Jesper!$R$2:$R$366,ROW(INDEX(Jesper!AK$2:AK$366,ROUNDDOWN($C6461/24,0)+1,1))-1)+IF('Standard Profiles'!$G$21=$B$10,7,0)+IF('Standard Profiles'!$G$21=$B$17,14,0)+IF('Standard Profiles'!$G$21=$B$24,21,0),MOD($C6461,24)+1)/SUM(INDEX($D$3:$AA$30,INDEX(Jesper!$R$2:$R$366,ROW(INDEX(Jesper!AK$2:AK$366,ROUNDDOWN($C6461/24,0)+1,1))-1)+IF('Standard Profiles'!$G$21=$B$10,7,0)+IF('Standard Profiles'!$G$21=$B$17,14,0)+IF('Standard Profiles'!$G$21=$B$24,21,0),0)),0)</f>
        <v>0</v>
      </c>
      <c r="H6461" cm="1">
        <f t="array" ref="H6461">IFERROR(INDEX(Jesper!AL$2:AL$366,ROUNDDOWN($C6461/24,0)+1,1)*INDEX($D$3:$AA$30,INDEX(Jesper!$R$2:$R$366,ROW(INDEX(Jesper!AL$2:AL$366,ROUNDDOWN($C6461/24,0)+1,1))-1)+IF('Standard Profiles'!$G$22=$B$10,7,0)+IF('Standard Profiles'!$G$22=$B$17,14,0)+IF('Standard Profiles'!$G$22=$B$24,21,0),MOD($C6461,24)+1)/SUM(INDEX($D$3:$AA$30,INDEX(Jesper!$R$2:$R$366,ROW(INDEX(Jesper!AL$2:AL$366,ROUNDDOWN($C6461/24,0)+1,1))-1)+IF('Standard Profiles'!$G$22=$B$10,7,0)+IF('Standard Profiles'!$G$22=$B$17,14,0)+IF('Standard Profiles'!$G$22=$B$24,21,0),0)),0)</f>
        <v>0</v>
      </c>
      <c r="I6461">
        <f t="shared" si="720"/>
        <v>0.3497741394259638</v>
      </c>
      <c r="J6461">
        <f t="shared" si="721"/>
        <v>1.1659137980865462</v>
      </c>
      <c r="K6461">
        <f t="shared" si="722"/>
        <v>1.7488706971298191</v>
      </c>
      <c r="L6461">
        <f t="shared" si="723"/>
        <v>8.3945793462231322</v>
      </c>
      <c r="M6461">
        <f t="shared" si="724"/>
        <v>0</v>
      </c>
      <c r="N6461" s="46">
        <f t="shared" si="725"/>
        <v>45559.791666651079</v>
      </c>
    </row>
    <row r="6462" spans="2:14" x14ac:dyDescent="0.3">
      <c r="B6462">
        <f t="shared" si="719"/>
        <v>2</v>
      </c>
      <c r="C6462" s="16">
        <v>6428</v>
      </c>
      <c r="D6462" cm="1">
        <f t="array" ref="D6462">IFERROR(INDEX(Jesper!AH$2:AH$366,ROUNDDOWN($C6462/24,0)+1,1)*INDEX($D$3:$AA$30,INDEX(Jesper!$R$2:$R$366,ROW(INDEX(Jesper!AH$2:AH$366,ROUNDDOWN($C6462/24,0)+1,1))-1)+IF('Standard Profiles'!$G$18=$B$10,7,0)+IF('Standard Profiles'!$G$18=$B$17,14,0)+IF('Standard Profiles'!$G$18=$B$24,21,0),MOD($C6462,24)+1)/SUM(INDEX($D$3:$AA$30,INDEX(Jesper!$R$2:$R$366,ROW(INDEX(Jesper!AH$2:AH$366,ROUNDDOWN($C6462/24,0)+1,1))-1)+IF('Standard Profiles'!$G$18=$B$10,7,0)+IF('Standard Profiles'!$G$18=$B$17,14,0)+IF('Standard Profiles'!$G$18=$B$24,21,0),0)),0)</f>
        <v>9.5709341633970197</v>
      </c>
      <c r="E6462" cm="1">
        <f t="array" ref="E6462">IFERROR(INDEX(Jesper!AI$2:AI$366,ROUNDDOWN($C6462/24,0)+1,1)*INDEX($D$3:$AA$30,INDEX(Jesper!$R$2:$R$366,ROW(INDEX(Jesper!AI$2:AI$366,ROUNDDOWN($C6462/24,0)+1,1))-1)+IF('Standard Profiles'!$G$19=$B$10,7,0)+IF('Standard Profiles'!$G$19=$B$17,14,0)+IF('Standard Profiles'!$G$19=$B$24,21,0),MOD($C6462,24)+1)/SUM(INDEX($D$3:$AA$30,INDEX(Jesper!$R$2:$R$366,ROW(INDEX(Jesper!AI$2:AI$366,ROUNDDOWN($C6462/24,0)+1,1))-1)+IF('Standard Profiles'!$G$19=$B$10,7,0)+IF('Standard Profiles'!$G$19=$B$17,14,0)+IF('Standard Profiles'!$G$19=$B$24,21,0),0)),0)</f>
        <v>0</v>
      </c>
      <c r="F6462" cm="1">
        <f t="array" ref="F6462">IFERROR(INDEX(Jesper!AJ$2:AJ$366,ROUNDDOWN($C6462/24,0)+1,1)*INDEX($D$3:$AA$30,INDEX(Jesper!$R$2:$R$366,ROW(INDEX(Jesper!AJ$2:AJ$366,ROUNDDOWN($C6462/24,0)+1,1))-1)+IF('Standard Profiles'!$G$20=$B$10,7,0)+IF('Standard Profiles'!$G$20=$B$17,14,0)+IF('Standard Profiles'!$G$20=$B$24,21,0),MOD($C6462,24)+1)/SUM(INDEX($D$3:$AA$30,INDEX(Jesper!$R$2:$R$366,ROW(INDEX(Jesper!AJ$2:AJ$366,ROUNDDOWN($C6462/24,0)+1,1))-1)+IF('Standard Profiles'!$G$20=$B$10,7,0)+IF('Standard Profiles'!$G$20=$B$17,14,0)+IF('Standard Profiles'!$G$20=$B$24,21,0),0)),0)</f>
        <v>0</v>
      </c>
      <c r="G6462" cm="1">
        <f t="array" ref="G6462">IFERROR(INDEX(Jesper!AK$2:AK$366,ROUNDDOWN($C6462/24,0)+1,1)*INDEX($D$3:$AA$30,INDEX(Jesper!$R$2:$R$366,ROW(INDEX(Jesper!AK$2:AK$366,ROUNDDOWN($C6462/24,0)+1,1))-1)+IF('Standard Profiles'!$G$21=$B$10,7,0)+IF('Standard Profiles'!$G$21=$B$17,14,0)+IF('Standard Profiles'!$G$21=$B$24,21,0),MOD($C6462,24)+1)/SUM(INDEX($D$3:$AA$30,INDEX(Jesper!$R$2:$R$366,ROW(INDEX(Jesper!AK$2:AK$366,ROUNDDOWN($C6462/24,0)+1,1))-1)+IF('Standard Profiles'!$G$21=$B$10,7,0)+IF('Standard Profiles'!$G$21=$B$17,14,0)+IF('Standard Profiles'!$G$21=$B$24,21,0),0)),0)</f>
        <v>0</v>
      </c>
      <c r="H6462" cm="1">
        <f t="array" ref="H6462">IFERROR(INDEX(Jesper!AL$2:AL$366,ROUNDDOWN($C6462/24,0)+1,1)*INDEX($D$3:$AA$30,INDEX(Jesper!$R$2:$R$366,ROW(INDEX(Jesper!AL$2:AL$366,ROUNDDOWN($C6462/24,0)+1,1))-1)+IF('Standard Profiles'!$G$22=$B$10,7,0)+IF('Standard Profiles'!$G$22=$B$17,14,0)+IF('Standard Profiles'!$G$22=$B$24,21,0),MOD($C6462,24)+1)/SUM(INDEX($D$3:$AA$30,INDEX(Jesper!$R$2:$R$366,ROW(INDEX(Jesper!AL$2:AL$366,ROUNDDOWN($C6462/24,0)+1,1))-1)+IF('Standard Profiles'!$G$22=$B$10,7,0)+IF('Standard Profiles'!$G$22=$B$17,14,0)+IF('Standard Profiles'!$G$22=$B$24,21,0),0)),0)</f>
        <v>0</v>
      </c>
      <c r="I6462">
        <f t="shared" si="720"/>
        <v>0.28712802490191058</v>
      </c>
      <c r="J6462">
        <f t="shared" si="721"/>
        <v>0.95709341633970202</v>
      </c>
      <c r="K6462">
        <f t="shared" si="722"/>
        <v>1.4356401245095529</v>
      </c>
      <c r="L6462">
        <f t="shared" si="723"/>
        <v>6.891072597645854</v>
      </c>
      <c r="M6462">
        <f t="shared" si="724"/>
        <v>0</v>
      </c>
      <c r="N6462" s="46">
        <f t="shared" si="725"/>
        <v>45559.833333317743</v>
      </c>
    </row>
    <row r="6463" spans="2:14" x14ac:dyDescent="0.3">
      <c r="B6463">
        <f t="shared" si="719"/>
        <v>2</v>
      </c>
      <c r="C6463" s="16">
        <v>6429</v>
      </c>
      <c r="D6463" cm="1">
        <f t="array" ref="D6463">IFERROR(INDEX(Jesper!AH$2:AH$366,ROUNDDOWN($C6463/24,0)+1,1)*INDEX($D$3:$AA$30,INDEX(Jesper!$R$2:$R$366,ROW(INDEX(Jesper!AH$2:AH$366,ROUNDDOWN($C6463/24,0)+1,1))-1)+IF('Standard Profiles'!$G$18=$B$10,7,0)+IF('Standard Profiles'!$G$18=$B$17,14,0)+IF('Standard Profiles'!$G$18=$B$24,21,0),MOD($C6463,24)+1)/SUM(INDEX($D$3:$AA$30,INDEX(Jesper!$R$2:$R$366,ROW(INDEX(Jesper!AH$2:AH$366,ROUNDDOWN($C6463/24,0)+1,1))-1)+IF('Standard Profiles'!$G$18=$B$10,7,0)+IF('Standard Profiles'!$G$18=$B$17,14,0)+IF('Standard Profiles'!$G$18=$B$24,21,0),0)),0)</f>
        <v>6.9606793915614684</v>
      </c>
      <c r="E6463" cm="1">
        <f t="array" ref="E6463">IFERROR(INDEX(Jesper!AI$2:AI$366,ROUNDDOWN($C6463/24,0)+1,1)*INDEX($D$3:$AA$30,INDEX(Jesper!$R$2:$R$366,ROW(INDEX(Jesper!AI$2:AI$366,ROUNDDOWN($C6463/24,0)+1,1))-1)+IF('Standard Profiles'!$G$19=$B$10,7,0)+IF('Standard Profiles'!$G$19=$B$17,14,0)+IF('Standard Profiles'!$G$19=$B$24,21,0),MOD($C6463,24)+1)/SUM(INDEX($D$3:$AA$30,INDEX(Jesper!$R$2:$R$366,ROW(INDEX(Jesper!AI$2:AI$366,ROUNDDOWN($C6463/24,0)+1,1))-1)+IF('Standard Profiles'!$G$19=$B$10,7,0)+IF('Standard Profiles'!$G$19=$B$17,14,0)+IF('Standard Profiles'!$G$19=$B$24,21,0),0)),0)</f>
        <v>0</v>
      </c>
      <c r="F6463" cm="1">
        <f t="array" ref="F6463">IFERROR(INDEX(Jesper!AJ$2:AJ$366,ROUNDDOWN($C6463/24,0)+1,1)*INDEX($D$3:$AA$30,INDEX(Jesper!$R$2:$R$366,ROW(INDEX(Jesper!AJ$2:AJ$366,ROUNDDOWN($C6463/24,0)+1,1))-1)+IF('Standard Profiles'!$G$20=$B$10,7,0)+IF('Standard Profiles'!$G$20=$B$17,14,0)+IF('Standard Profiles'!$G$20=$B$24,21,0),MOD($C6463,24)+1)/SUM(INDEX($D$3:$AA$30,INDEX(Jesper!$R$2:$R$366,ROW(INDEX(Jesper!AJ$2:AJ$366,ROUNDDOWN($C6463/24,0)+1,1))-1)+IF('Standard Profiles'!$G$20=$B$10,7,0)+IF('Standard Profiles'!$G$20=$B$17,14,0)+IF('Standard Profiles'!$G$20=$B$24,21,0),0)),0)</f>
        <v>0</v>
      </c>
      <c r="G6463" cm="1">
        <f t="array" ref="G6463">IFERROR(INDEX(Jesper!AK$2:AK$366,ROUNDDOWN($C6463/24,0)+1,1)*INDEX($D$3:$AA$30,INDEX(Jesper!$R$2:$R$366,ROW(INDEX(Jesper!AK$2:AK$366,ROUNDDOWN($C6463/24,0)+1,1))-1)+IF('Standard Profiles'!$G$21=$B$10,7,0)+IF('Standard Profiles'!$G$21=$B$17,14,0)+IF('Standard Profiles'!$G$21=$B$24,21,0),MOD($C6463,24)+1)/SUM(INDEX($D$3:$AA$30,INDEX(Jesper!$R$2:$R$366,ROW(INDEX(Jesper!AK$2:AK$366,ROUNDDOWN($C6463/24,0)+1,1))-1)+IF('Standard Profiles'!$G$21=$B$10,7,0)+IF('Standard Profiles'!$G$21=$B$17,14,0)+IF('Standard Profiles'!$G$21=$B$24,21,0),0)),0)</f>
        <v>0</v>
      </c>
      <c r="H6463" cm="1">
        <f t="array" ref="H6463">IFERROR(INDEX(Jesper!AL$2:AL$366,ROUNDDOWN($C6463/24,0)+1,1)*INDEX($D$3:$AA$30,INDEX(Jesper!$R$2:$R$366,ROW(INDEX(Jesper!AL$2:AL$366,ROUNDDOWN($C6463/24,0)+1,1))-1)+IF('Standard Profiles'!$G$22=$B$10,7,0)+IF('Standard Profiles'!$G$22=$B$17,14,0)+IF('Standard Profiles'!$G$22=$B$24,21,0),MOD($C6463,24)+1)/SUM(INDEX($D$3:$AA$30,INDEX(Jesper!$R$2:$R$366,ROW(INDEX(Jesper!AL$2:AL$366,ROUNDDOWN($C6463/24,0)+1,1))-1)+IF('Standard Profiles'!$G$22=$B$10,7,0)+IF('Standard Profiles'!$G$22=$B$17,14,0)+IF('Standard Profiles'!$G$22=$B$24,21,0),0)),0)</f>
        <v>0</v>
      </c>
      <c r="I6463">
        <f t="shared" si="720"/>
        <v>0.20882038174684406</v>
      </c>
      <c r="J6463">
        <f t="shared" si="721"/>
        <v>0.69606793915614684</v>
      </c>
      <c r="K6463">
        <f t="shared" si="722"/>
        <v>1.0441019087342203</v>
      </c>
      <c r="L6463">
        <f t="shared" si="723"/>
        <v>5.0116891619242567</v>
      </c>
      <c r="M6463">
        <f t="shared" si="724"/>
        <v>0</v>
      </c>
      <c r="N6463" s="46">
        <f t="shared" si="725"/>
        <v>45559.874999984408</v>
      </c>
    </row>
    <row r="6464" spans="2:14" x14ac:dyDescent="0.3">
      <c r="B6464">
        <f t="shared" si="719"/>
        <v>2</v>
      </c>
      <c r="C6464" s="16">
        <v>6430</v>
      </c>
      <c r="D6464" cm="1">
        <f t="array" ref="D6464">IFERROR(INDEX(Jesper!AH$2:AH$366,ROUNDDOWN($C6464/24,0)+1,1)*INDEX($D$3:$AA$30,INDEX(Jesper!$R$2:$R$366,ROW(INDEX(Jesper!AH$2:AH$366,ROUNDDOWN($C6464/24,0)+1,1))-1)+IF('Standard Profiles'!$G$18=$B$10,7,0)+IF('Standard Profiles'!$G$18=$B$17,14,0)+IF('Standard Profiles'!$G$18=$B$24,21,0),MOD($C6464,24)+1)/SUM(INDEX($D$3:$AA$30,INDEX(Jesper!$R$2:$R$366,ROW(INDEX(Jesper!AH$2:AH$366,ROUNDDOWN($C6464/24,0)+1,1))-1)+IF('Standard Profiles'!$G$18=$B$10,7,0)+IF('Standard Profiles'!$G$18=$B$17,14,0)+IF('Standard Profiles'!$G$18=$B$24,21,0),0)),0)</f>
        <v>6.9606793915614684</v>
      </c>
      <c r="E6464" cm="1">
        <f t="array" ref="E6464">IFERROR(INDEX(Jesper!AI$2:AI$366,ROUNDDOWN($C6464/24,0)+1,1)*INDEX($D$3:$AA$30,INDEX(Jesper!$R$2:$R$366,ROW(INDEX(Jesper!AI$2:AI$366,ROUNDDOWN($C6464/24,0)+1,1))-1)+IF('Standard Profiles'!$G$19=$B$10,7,0)+IF('Standard Profiles'!$G$19=$B$17,14,0)+IF('Standard Profiles'!$G$19=$B$24,21,0),MOD($C6464,24)+1)/SUM(INDEX($D$3:$AA$30,INDEX(Jesper!$R$2:$R$366,ROW(INDEX(Jesper!AI$2:AI$366,ROUNDDOWN($C6464/24,0)+1,1))-1)+IF('Standard Profiles'!$G$19=$B$10,7,0)+IF('Standard Profiles'!$G$19=$B$17,14,0)+IF('Standard Profiles'!$G$19=$B$24,21,0),0)),0)</f>
        <v>0</v>
      </c>
      <c r="F6464" cm="1">
        <f t="array" ref="F6464">IFERROR(INDEX(Jesper!AJ$2:AJ$366,ROUNDDOWN($C6464/24,0)+1,1)*INDEX($D$3:$AA$30,INDEX(Jesper!$R$2:$R$366,ROW(INDEX(Jesper!AJ$2:AJ$366,ROUNDDOWN($C6464/24,0)+1,1))-1)+IF('Standard Profiles'!$G$20=$B$10,7,0)+IF('Standard Profiles'!$G$20=$B$17,14,0)+IF('Standard Profiles'!$G$20=$B$24,21,0),MOD($C6464,24)+1)/SUM(INDEX($D$3:$AA$30,INDEX(Jesper!$R$2:$R$366,ROW(INDEX(Jesper!AJ$2:AJ$366,ROUNDDOWN($C6464/24,0)+1,1))-1)+IF('Standard Profiles'!$G$20=$B$10,7,0)+IF('Standard Profiles'!$G$20=$B$17,14,0)+IF('Standard Profiles'!$G$20=$B$24,21,0),0)),0)</f>
        <v>0</v>
      </c>
      <c r="G6464" cm="1">
        <f t="array" ref="G6464">IFERROR(INDEX(Jesper!AK$2:AK$366,ROUNDDOWN($C6464/24,0)+1,1)*INDEX($D$3:$AA$30,INDEX(Jesper!$R$2:$R$366,ROW(INDEX(Jesper!AK$2:AK$366,ROUNDDOWN($C6464/24,0)+1,1))-1)+IF('Standard Profiles'!$G$21=$B$10,7,0)+IF('Standard Profiles'!$G$21=$B$17,14,0)+IF('Standard Profiles'!$G$21=$B$24,21,0),MOD($C6464,24)+1)/SUM(INDEX($D$3:$AA$30,INDEX(Jesper!$R$2:$R$366,ROW(INDEX(Jesper!AK$2:AK$366,ROUNDDOWN($C6464/24,0)+1,1))-1)+IF('Standard Profiles'!$G$21=$B$10,7,0)+IF('Standard Profiles'!$G$21=$B$17,14,0)+IF('Standard Profiles'!$G$21=$B$24,21,0),0)),0)</f>
        <v>0</v>
      </c>
      <c r="H6464" cm="1">
        <f t="array" ref="H6464">IFERROR(INDEX(Jesper!AL$2:AL$366,ROUNDDOWN($C6464/24,0)+1,1)*INDEX($D$3:$AA$30,INDEX(Jesper!$R$2:$R$366,ROW(INDEX(Jesper!AL$2:AL$366,ROUNDDOWN($C6464/24,0)+1,1))-1)+IF('Standard Profiles'!$G$22=$B$10,7,0)+IF('Standard Profiles'!$G$22=$B$17,14,0)+IF('Standard Profiles'!$G$22=$B$24,21,0),MOD($C6464,24)+1)/SUM(INDEX($D$3:$AA$30,INDEX(Jesper!$R$2:$R$366,ROW(INDEX(Jesper!AL$2:AL$366,ROUNDDOWN($C6464/24,0)+1,1))-1)+IF('Standard Profiles'!$G$22=$B$10,7,0)+IF('Standard Profiles'!$G$22=$B$17,14,0)+IF('Standard Profiles'!$G$22=$B$24,21,0),0)),0)</f>
        <v>0</v>
      </c>
      <c r="I6464">
        <f t="shared" si="720"/>
        <v>0.20882038174684406</v>
      </c>
      <c r="J6464">
        <f t="shared" si="721"/>
        <v>0.69606793915614684</v>
      </c>
      <c r="K6464">
        <f t="shared" si="722"/>
        <v>1.0441019087342203</v>
      </c>
      <c r="L6464">
        <f t="shared" si="723"/>
        <v>5.0116891619242567</v>
      </c>
      <c r="M6464">
        <f t="shared" si="724"/>
        <v>0</v>
      </c>
      <c r="N6464" s="46">
        <f t="shared" si="725"/>
        <v>45559.916666651072</v>
      </c>
    </row>
    <row r="6465" spans="2:14" x14ac:dyDescent="0.3">
      <c r="B6465">
        <f t="shared" si="719"/>
        <v>2</v>
      </c>
      <c r="C6465" s="16">
        <v>6431</v>
      </c>
      <c r="D6465" cm="1">
        <f t="array" ref="D6465">IFERROR(INDEX(Jesper!AH$2:AH$366,ROUNDDOWN($C6465/24,0)+1,1)*INDEX($D$3:$AA$30,INDEX(Jesper!$R$2:$R$366,ROW(INDEX(Jesper!AH$2:AH$366,ROUNDDOWN($C6465/24,0)+1,1))-1)+IF('Standard Profiles'!$G$18=$B$10,7,0)+IF('Standard Profiles'!$G$18=$B$17,14,0)+IF('Standard Profiles'!$G$18=$B$24,21,0),MOD($C6465,24)+1)/SUM(INDEX($D$3:$AA$30,INDEX(Jesper!$R$2:$R$366,ROW(INDEX(Jesper!AH$2:AH$366,ROUNDDOWN($C6465/24,0)+1,1))-1)+IF('Standard Profiles'!$G$18=$B$10,7,0)+IF('Standard Profiles'!$G$18=$B$17,14,0)+IF('Standard Profiles'!$G$18=$B$24,21,0),0)),0)</f>
        <v>6.9606793915614684</v>
      </c>
      <c r="E6465" cm="1">
        <f t="array" ref="E6465">IFERROR(INDEX(Jesper!AI$2:AI$366,ROUNDDOWN($C6465/24,0)+1,1)*INDEX($D$3:$AA$30,INDEX(Jesper!$R$2:$R$366,ROW(INDEX(Jesper!AI$2:AI$366,ROUNDDOWN($C6465/24,0)+1,1))-1)+IF('Standard Profiles'!$G$19=$B$10,7,0)+IF('Standard Profiles'!$G$19=$B$17,14,0)+IF('Standard Profiles'!$G$19=$B$24,21,0),MOD($C6465,24)+1)/SUM(INDEX($D$3:$AA$30,INDEX(Jesper!$R$2:$R$366,ROW(INDEX(Jesper!AI$2:AI$366,ROUNDDOWN($C6465/24,0)+1,1))-1)+IF('Standard Profiles'!$G$19=$B$10,7,0)+IF('Standard Profiles'!$G$19=$B$17,14,0)+IF('Standard Profiles'!$G$19=$B$24,21,0),0)),0)</f>
        <v>0</v>
      </c>
      <c r="F6465" cm="1">
        <f t="array" ref="F6465">IFERROR(INDEX(Jesper!AJ$2:AJ$366,ROUNDDOWN($C6465/24,0)+1,1)*INDEX($D$3:$AA$30,INDEX(Jesper!$R$2:$R$366,ROW(INDEX(Jesper!AJ$2:AJ$366,ROUNDDOWN($C6465/24,0)+1,1))-1)+IF('Standard Profiles'!$G$20=$B$10,7,0)+IF('Standard Profiles'!$G$20=$B$17,14,0)+IF('Standard Profiles'!$G$20=$B$24,21,0),MOD($C6465,24)+1)/SUM(INDEX($D$3:$AA$30,INDEX(Jesper!$R$2:$R$366,ROW(INDEX(Jesper!AJ$2:AJ$366,ROUNDDOWN($C6465/24,0)+1,1))-1)+IF('Standard Profiles'!$G$20=$B$10,7,0)+IF('Standard Profiles'!$G$20=$B$17,14,0)+IF('Standard Profiles'!$G$20=$B$24,21,0),0)),0)</f>
        <v>0</v>
      </c>
      <c r="G6465" cm="1">
        <f t="array" ref="G6465">IFERROR(INDEX(Jesper!AK$2:AK$366,ROUNDDOWN($C6465/24,0)+1,1)*INDEX($D$3:$AA$30,INDEX(Jesper!$R$2:$R$366,ROW(INDEX(Jesper!AK$2:AK$366,ROUNDDOWN($C6465/24,0)+1,1))-1)+IF('Standard Profiles'!$G$21=$B$10,7,0)+IF('Standard Profiles'!$G$21=$B$17,14,0)+IF('Standard Profiles'!$G$21=$B$24,21,0),MOD($C6465,24)+1)/SUM(INDEX($D$3:$AA$30,INDEX(Jesper!$R$2:$R$366,ROW(INDEX(Jesper!AK$2:AK$366,ROUNDDOWN($C6465/24,0)+1,1))-1)+IF('Standard Profiles'!$G$21=$B$10,7,0)+IF('Standard Profiles'!$G$21=$B$17,14,0)+IF('Standard Profiles'!$G$21=$B$24,21,0),0)),0)</f>
        <v>0</v>
      </c>
      <c r="H6465" cm="1">
        <f t="array" ref="H6465">IFERROR(INDEX(Jesper!AL$2:AL$366,ROUNDDOWN($C6465/24,0)+1,1)*INDEX($D$3:$AA$30,INDEX(Jesper!$R$2:$R$366,ROW(INDEX(Jesper!AL$2:AL$366,ROUNDDOWN($C6465/24,0)+1,1))-1)+IF('Standard Profiles'!$G$22=$B$10,7,0)+IF('Standard Profiles'!$G$22=$B$17,14,0)+IF('Standard Profiles'!$G$22=$B$24,21,0),MOD($C6465,24)+1)/SUM(INDEX($D$3:$AA$30,INDEX(Jesper!$R$2:$R$366,ROW(INDEX(Jesper!AL$2:AL$366,ROUNDDOWN($C6465/24,0)+1,1))-1)+IF('Standard Profiles'!$G$22=$B$10,7,0)+IF('Standard Profiles'!$G$22=$B$17,14,0)+IF('Standard Profiles'!$G$22=$B$24,21,0),0)),0)</f>
        <v>0</v>
      </c>
      <c r="I6465">
        <f t="shared" si="720"/>
        <v>0.20882038174684406</v>
      </c>
      <c r="J6465">
        <f t="shared" si="721"/>
        <v>0.69606793915614684</v>
      </c>
      <c r="K6465">
        <f t="shared" si="722"/>
        <v>1.0441019087342203</v>
      </c>
      <c r="L6465">
        <f t="shared" si="723"/>
        <v>5.0116891619242567</v>
      </c>
      <c r="M6465">
        <f t="shared" si="724"/>
        <v>0</v>
      </c>
      <c r="N6465" s="46">
        <f t="shared" si="725"/>
        <v>45559.958333317736</v>
      </c>
    </row>
    <row r="6466" spans="2:14" x14ac:dyDescent="0.3">
      <c r="B6466">
        <f t="shared" si="719"/>
        <v>3</v>
      </c>
      <c r="C6466" s="16">
        <v>6432</v>
      </c>
      <c r="D6466" cm="1">
        <f t="array" ref="D6466">IFERROR(INDEX(Jesper!AH$2:AH$366,ROUNDDOWN($C6466/24,0)+1,1)*INDEX($D$3:$AA$30,INDEX(Jesper!$R$2:$R$366,ROW(INDEX(Jesper!AH$2:AH$366,ROUNDDOWN($C6466/24,0)+1,1))-1)+IF('Standard Profiles'!$G$18=$B$10,7,0)+IF('Standard Profiles'!$G$18=$B$17,14,0)+IF('Standard Profiles'!$G$18=$B$24,21,0),MOD($C6466,24)+1)/SUM(INDEX($D$3:$AA$30,INDEX(Jesper!$R$2:$R$366,ROW(INDEX(Jesper!AH$2:AH$366,ROUNDDOWN($C6466/24,0)+1,1))-1)+IF('Standard Profiles'!$G$18=$B$10,7,0)+IF('Standard Profiles'!$G$18=$B$17,14,0)+IF('Standard Profiles'!$G$18=$B$24,21,0),0)),0)</f>
        <v>6.2355760215861729</v>
      </c>
      <c r="E6466" cm="1">
        <f t="array" ref="E6466">IFERROR(INDEX(Jesper!AI$2:AI$366,ROUNDDOWN($C6466/24,0)+1,1)*INDEX($D$3:$AA$30,INDEX(Jesper!$R$2:$R$366,ROW(INDEX(Jesper!AI$2:AI$366,ROUNDDOWN($C6466/24,0)+1,1))-1)+IF('Standard Profiles'!$G$19=$B$10,7,0)+IF('Standard Profiles'!$G$19=$B$17,14,0)+IF('Standard Profiles'!$G$19=$B$24,21,0),MOD($C6466,24)+1)/SUM(INDEX($D$3:$AA$30,INDEX(Jesper!$R$2:$R$366,ROW(INDEX(Jesper!AI$2:AI$366,ROUNDDOWN($C6466/24,0)+1,1))-1)+IF('Standard Profiles'!$G$19=$B$10,7,0)+IF('Standard Profiles'!$G$19=$B$17,14,0)+IF('Standard Profiles'!$G$19=$B$24,21,0),0)),0)</f>
        <v>0</v>
      </c>
      <c r="F6466" cm="1">
        <f t="array" ref="F6466">IFERROR(INDEX(Jesper!AJ$2:AJ$366,ROUNDDOWN($C6466/24,0)+1,1)*INDEX($D$3:$AA$30,INDEX(Jesper!$R$2:$R$366,ROW(INDEX(Jesper!AJ$2:AJ$366,ROUNDDOWN($C6466/24,0)+1,1))-1)+IF('Standard Profiles'!$G$20=$B$10,7,0)+IF('Standard Profiles'!$G$20=$B$17,14,0)+IF('Standard Profiles'!$G$20=$B$24,21,0),MOD($C6466,24)+1)/SUM(INDEX($D$3:$AA$30,INDEX(Jesper!$R$2:$R$366,ROW(INDEX(Jesper!AJ$2:AJ$366,ROUNDDOWN($C6466/24,0)+1,1))-1)+IF('Standard Profiles'!$G$20=$B$10,7,0)+IF('Standard Profiles'!$G$20=$B$17,14,0)+IF('Standard Profiles'!$G$20=$B$24,21,0),0)),0)</f>
        <v>0</v>
      </c>
      <c r="G6466" cm="1">
        <f t="array" ref="G6466">IFERROR(INDEX(Jesper!AK$2:AK$366,ROUNDDOWN($C6466/24,0)+1,1)*INDEX($D$3:$AA$30,INDEX(Jesper!$R$2:$R$366,ROW(INDEX(Jesper!AK$2:AK$366,ROUNDDOWN($C6466/24,0)+1,1))-1)+IF('Standard Profiles'!$G$21=$B$10,7,0)+IF('Standard Profiles'!$G$21=$B$17,14,0)+IF('Standard Profiles'!$G$21=$B$24,21,0),MOD($C6466,24)+1)/SUM(INDEX($D$3:$AA$30,INDEX(Jesper!$R$2:$R$366,ROW(INDEX(Jesper!AK$2:AK$366,ROUNDDOWN($C6466/24,0)+1,1))-1)+IF('Standard Profiles'!$G$21=$B$10,7,0)+IF('Standard Profiles'!$G$21=$B$17,14,0)+IF('Standard Profiles'!$G$21=$B$24,21,0),0)),0)</f>
        <v>0</v>
      </c>
      <c r="H6466" cm="1">
        <f t="array" ref="H6466">IFERROR(INDEX(Jesper!AL$2:AL$366,ROUNDDOWN($C6466/24,0)+1,1)*INDEX($D$3:$AA$30,INDEX(Jesper!$R$2:$R$366,ROW(INDEX(Jesper!AL$2:AL$366,ROUNDDOWN($C6466/24,0)+1,1))-1)+IF('Standard Profiles'!$G$22=$B$10,7,0)+IF('Standard Profiles'!$G$22=$B$17,14,0)+IF('Standard Profiles'!$G$22=$B$24,21,0),MOD($C6466,24)+1)/SUM(INDEX($D$3:$AA$30,INDEX(Jesper!$R$2:$R$366,ROW(INDEX(Jesper!AL$2:AL$366,ROUNDDOWN($C6466/24,0)+1,1))-1)+IF('Standard Profiles'!$G$22=$B$10,7,0)+IF('Standard Profiles'!$G$22=$B$17,14,0)+IF('Standard Profiles'!$G$22=$B$24,21,0),0)),0)</f>
        <v>0</v>
      </c>
      <c r="I6466">
        <f t="shared" si="720"/>
        <v>0.18706728064758518</v>
      </c>
      <c r="J6466">
        <f t="shared" si="721"/>
        <v>0.62355760215861733</v>
      </c>
      <c r="K6466">
        <f t="shared" si="722"/>
        <v>0.93533640323792588</v>
      </c>
      <c r="L6466">
        <f t="shared" si="723"/>
        <v>4.4896147355420446</v>
      </c>
      <c r="M6466">
        <f t="shared" si="724"/>
        <v>0</v>
      </c>
      <c r="N6466" s="46">
        <f t="shared" si="725"/>
        <v>45559.9999999844</v>
      </c>
    </row>
    <row r="6467" spans="2:14" x14ac:dyDescent="0.3">
      <c r="B6467">
        <f t="shared" si="719"/>
        <v>3</v>
      </c>
      <c r="C6467" s="16">
        <v>6433</v>
      </c>
      <c r="D6467" cm="1">
        <f t="array" ref="D6467">IFERROR(INDEX(Jesper!AH$2:AH$366,ROUNDDOWN($C6467/24,0)+1,1)*INDEX($D$3:$AA$30,INDEX(Jesper!$R$2:$R$366,ROW(INDEX(Jesper!AH$2:AH$366,ROUNDDOWN($C6467/24,0)+1,1))-1)+IF('Standard Profiles'!$G$18=$B$10,7,0)+IF('Standard Profiles'!$G$18=$B$17,14,0)+IF('Standard Profiles'!$G$18=$B$24,21,0),MOD($C6467,24)+1)/SUM(INDEX($D$3:$AA$30,INDEX(Jesper!$R$2:$R$366,ROW(INDEX(Jesper!AH$2:AH$366,ROUNDDOWN($C6467/24,0)+1,1))-1)+IF('Standard Profiles'!$G$18=$B$10,7,0)+IF('Standard Profiles'!$G$18=$B$17,14,0)+IF('Standard Profiles'!$G$18=$B$24,21,0),0)),0)</f>
        <v>7.0150230242844449</v>
      </c>
      <c r="E6467" cm="1">
        <f t="array" ref="E6467">IFERROR(INDEX(Jesper!AI$2:AI$366,ROUNDDOWN($C6467/24,0)+1,1)*INDEX($D$3:$AA$30,INDEX(Jesper!$R$2:$R$366,ROW(INDEX(Jesper!AI$2:AI$366,ROUNDDOWN($C6467/24,0)+1,1))-1)+IF('Standard Profiles'!$G$19=$B$10,7,0)+IF('Standard Profiles'!$G$19=$B$17,14,0)+IF('Standard Profiles'!$G$19=$B$24,21,0),MOD($C6467,24)+1)/SUM(INDEX($D$3:$AA$30,INDEX(Jesper!$R$2:$R$366,ROW(INDEX(Jesper!AI$2:AI$366,ROUNDDOWN($C6467/24,0)+1,1))-1)+IF('Standard Profiles'!$G$19=$B$10,7,0)+IF('Standard Profiles'!$G$19=$B$17,14,0)+IF('Standard Profiles'!$G$19=$B$24,21,0),0)),0)</f>
        <v>0</v>
      </c>
      <c r="F6467" cm="1">
        <f t="array" ref="F6467">IFERROR(INDEX(Jesper!AJ$2:AJ$366,ROUNDDOWN($C6467/24,0)+1,1)*INDEX($D$3:$AA$30,INDEX(Jesper!$R$2:$R$366,ROW(INDEX(Jesper!AJ$2:AJ$366,ROUNDDOWN($C6467/24,0)+1,1))-1)+IF('Standard Profiles'!$G$20=$B$10,7,0)+IF('Standard Profiles'!$G$20=$B$17,14,0)+IF('Standard Profiles'!$G$20=$B$24,21,0),MOD($C6467,24)+1)/SUM(INDEX($D$3:$AA$30,INDEX(Jesper!$R$2:$R$366,ROW(INDEX(Jesper!AJ$2:AJ$366,ROUNDDOWN($C6467/24,0)+1,1))-1)+IF('Standard Profiles'!$G$20=$B$10,7,0)+IF('Standard Profiles'!$G$20=$B$17,14,0)+IF('Standard Profiles'!$G$20=$B$24,21,0),0)),0)</f>
        <v>0</v>
      </c>
      <c r="G6467" cm="1">
        <f t="array" ref="G6467">IFERROR(INDEX(Jesper!AK$2:AK$366,ROUNDDOWN($C6467/24,0)+1,1)*INDEX($D$3:$AA$30,INDEX(Jesper!$R$2:$R$366,ROW(INDEX(Jesper!AK$2:AK$366,ROUNDDOWN($C6467/24,0)+1,1))-1)+IF('Standard Profiles'!$G$21=$B$10,7,0)+IF('Standard Profiles'!$G$21=$B$17,14,0)+IF('Standard Profiles'!$G$21=$B$24,21,0),MOD($C6467,24)+1)/SUM(INDEX($D$3:$AA$30,INDEX(Jesper!$R$2:$R$366,ROW(INDEX(Jesper!AK$2:AK$366,ROUNDDOWN($C6467/24,0)+1,1))-1)+IF('Standard Profiles'!$G$21=$B$10,7,0)+IF('Standard Profiles'!$G$21=$B$17,14,0)+IF('Standard Profiles'!$G$21=$B$24,21,0),0)),0)</f>
        <v>0</v>
      </c>
      <c r="H6467" cm="1">
        <f t="array" ref="H6467">IFERROR(INDEX(Jesper!AL$2:AL$366,ROUNDDOWN($C6467/24,0)+1,1)*INDEX($D$3:$AA$30,INDEX(Jesper!$R$2:$R$366,ROW(INDEX(Jesper!AL$2:AL$366,ROUNDDOWN($C6467/24,0)+1,1))-1)+IF('Standard Profiles'!$G$22=$B$10,7,0)+IF('Standard Profiles'!$G$22=$B$17,14,0)+IF('Standard Profiles'!$G$22=$B$24,21,0),MOD($C6467,24)+1)/SUM(INDEX($D$3:$AA$30,INDEX(Jesper!$R$2:$R$366,ROW(INDEX(Jesper!AL$2:AL$366,ROUNDDOWN($C6467/24,0)+1,1))-1)+IF('Standard Profiles'!$G$22=$B$10,7,0)+IF('Standard Profiles'!$G$22=$B$17,14,0)+IF('Standard Profiles'!$G$22=$B$24,21,0),0)),0)</f>
        <v>0</v>
      </c>
      <c r="I6467">
        <f t="shared" si="720"/>
        <v>0.21045069072853334</v>
      </c>
      <c r="J6467">
        <f t="shared" si="721"/>
        <v>0.70150230242844458</v>
      </c>
      <c r="K6467">
        <f t="shared" si="722"/>
        <v>1.0522534536426666</v>
      </c>
      <c r="L6467">
        <f t="shared" si="723"/>
        <v>5.0508165774847997</v>
      </c>
      <c r="M6467">
        <f t="shared" si="724"/>
        <v>0</v>
      </c>
      <c r="N6467" s="46">
        <f t="shared" si="725"/>
        <v>45560.041666651065</v>
      </c>
    </row>
    <row r="6468" spans="2:14" x14ac:dyDescent="0.3">
      <c r="B6468">
        <f t="shared" si="719"/>
        <v>3</v>
      </c>
      <c r="C6468" s="16">
        <v>6434</v>
      </c>
      <c r="D6468" cm="1">
        <f t="array" ref="D6468">IFERROR(INDEX(Jesper!AH$2:AH$366,ROUNDDOWN($C6468/24,0)+1,1)*INDEX($D$3:$AA$30,INDEX(Jesper!$R$2:$R$366,ROW(INDEX(Jesper!AH$2:AH$366,ROUNDDOWN($C6468/24,0)+1,1))-1)+IF('Standard Profiles'!$G$18=$B$10,7,0)+IF('Standard Profiles'!$G$18=$B$17,14,0)+IF('Standard Profiles'!$G$18=$B$24,21,0),MOD($C6468,24)+1)/SUM(INDEX($D$3:$AA$30,INDEX(Jesper!$R$2:$R$366,ROW(INDEX(Jesper!AH$2:AH$366,ROUNDDOWN($C6468/24,0)+1,1))-1)+IF('Standard Profiles'!$G$18=$B$10,7,0)+IF('Standard Profiles'!$G$18=$B$17,14,0)+IF('Standard Profiles'!$G$18=$B$24,21,0),0)),0)</f>
        <v>7.0150230242844449</v>
      </c>
      <c r="E6468" cm="1">
        <f t="array" ref="E6468">IFERROR(INDEX(Jesper!AI$2:AI$366,ROUNDDOWN($C6468/24,0)+1,1)*INDEX($D$3:$AA$30,INDEX(Jesper!$R$2:$R$366,ROW(INDEX(Jesper!AI$2:AI$366,ROUNDDOWN($C6468/24,0)+1,1))-1)+IF('Standard Profiles'!$G$19=$B$10,7,0)+IF('Standard Profiles'!$G$19=$B$17,14,0)+IF('Standard Profiles'!$G$19=$B$24,21,0),MOD($C6468,24)+1)/SUM(INDEX($D$3:$AA$30,INDEX(Jesper!$R$2:$R$366,ROW(INDEX(Jesper!AI$2:AI$366,ROUNDDOWN($C6468/24,0)+1,1))-1)+IF('Standard Profiles'!$G$19=$B$10,7,0)+IF('Standard Profiles'!$G$19=$B$17,14,0)+IF('Standard Profiles'!$G$19=$B$24,21,0),0)),0)</f>
        <v>0</v>
      </c>
      <c r="F6468" cm="1">
        <f t="array" ref="F6468">IFERROR(INDEX(Jesper!AJ$2:AJ$366,ROUNDDOWN($C6468/24,0)+1,1)*INDEX($D$3:$AA$30,INDEX(Jesper!$R$2:$R$366,ROW(INDEX(Jesper!AJ$2:AJ$366,ROUNDDOWN($C6468/24,0)+1,1))-1)+IF('Standard Profiles'!$G$20=$B$10,7,0)+IF('Standard Profiles'!$G$20=$B$17,14,0)+IF('Standard Profiles'!$G$20=$B$24,21,0),MOD($C6468,24)+1)/SUM(INDEX($D$3:$AA$30,INDEX(Jesper!$R$2:$R$366,ROW(INDEX(Jesper!AJ$2:AJ$366,ROUNDDOWN($C6468/24,0)+1,1))-1)+IF('Standard Profiles'!$G$20=$B$10,7,0)+IF('Standard Profiles'!$G$20=$B$17,14,0)+IF('Standard Profiles'!$G$20=$B$24,21,0),0)),0)</f>
        <v>0</v>
      </c>
      <c r="G6468" cm="1">
        <f t="array" ref="G6468">IFERROR(INDEX(Jesper!AK$2:AK$366,ROUNDDOWN($C6468/24,0)+1,1)*INDEX($D$3:$AA$30,INDEX(Jesper!$R$2:$R$366,ROW(INDEX(Jesper!AK$2:AK$366,ROUNDDOWN($C6468/24,0)+1,1))-1)+IF('Standard Profiles'!$G$21=$B$10,7,0)+IF('Standard Profiles'!$G$21=$B$17,14,0)+IF('Standard Profiles'!$G$21=$B$24,21,0),MOD($C6468,24)+1)/SUM(INDEX($D$3:$AA$30,INDEX(Jesper!$R$2:$R$366,ROW(INDEX(Jesper!AK$2:AK$366,ROUNDDOWN($C6468/24,0)+1,1))-1)+IF('Standard Profiles'!$G$21=$B$10,7,0)+IF('Standard Profiles'!$G$21=$B$17,14,0)+IF('Standard Profiles'!$G$21=$B$24,21,0),0)),0)</f>
        <v>0</v>
      </c>
      <c r="H6468" cm="1">
        <f t="array" ref="H6468">IFERROR(INDEX(Jesper!AL$2:AL$366,ROUNDDOWN($C6468/24,0)+1,1)*INDEX($D$3:$AA$30,INDEX(Jesper!$R$2:$R$366,ROW(INDEX(Jesper!AL$2:AL$366,ROUNDDOWN($C6468/24,0)+1,1))-1)+IF('Standard Profiles'!$G$22=$B$10,7,0)+IF('Standard Profiles'!$G$22=$B$17,14,0)+IF('Standard Profiles'!$G$22=$B$24,21,0),MOD($C6468,24)+1)/SUM(INDEX($D$3:$AA$30,INDEX(Jesper!$R$2:$R$366,ROW(INDEX(Jesper!AL$2:AL$366,ROUNDDOWN($C6468/24,0)+1,1))-1)+IF('Standard Profiles'!$G$22=$B$10,7,0)+IF('Standard Profiles'!$G$22=$B$17,14,0)+IF('Standard Profiles'!$G$22=$B$24,21,0),0)),0)</f>
        <v>0</v>
      </c>
      <c r="I6468">
        <f t="shared" si="720"/>
        <v>0.21045069072853334</v>
      </c>
      <c r="J6468">
        <f t="shared" si="721"/>
        <v>0.70150230242844458</v>
      </c>
      <c r="K6468">
        <f t="shared" si="722"/>
        <v>1.0522534536426666</v>
      </c>
      <c r="L6468">
        <f t="shared" si="723"/>
        <v>5.0508165774847997</v>
      </c>
      <c r="M6468">
        <f t="shared" si="724"/>
        <v>0</v>
      </c>
      <c r="N6468" s="46">
        <f t="shared" si="725"/>
        <v>45560.083333317729</v>
      </c>
    </row>
    <row r="6469" spans="2:14" x14ac:dyDescent="0.3">
      <c r="B6469">
        <f t="shared" si="719"/>
        <v>3</v>
      </c>
      <c r="C6469" s="16">
        <v>6435</v>
      </c>
      <c r="D6469" cm="1">
        <f t="array" ref="D6469">IFERROR(INDEX(Jesper!AH$2:AH$366,ROUNDDOWN($C6469/24,0)+1,1)*INDEX($D$3:$AA$30,INDEX(Jesper!$R$2:$R$366,ROW(INDEX(Jesper!AH$2:AH$366,ROUNDDOWN($C6469/24,0)+1,1))-1)+IF('Standard Profiles'!$G$18=$B$10,7,0)+IF('Standard Profiles'!$G$18=$B$17,14,0)+IF('Standard Profiles'!$G$18=$B$24,21,0),MOD($C6469,24)+1)/SUM(INDEX($D$3:$AA$30,INDEX(Jesper!$R$2:$R$366,ROW(INDEX(Jesper!AH$2:AH$366,ROUNDDOWN($C6469/24,0)+1,1))-1)+IF('Standard Profiles'!$G$18=$B$10,7,0)+IF('Standard Profiles'!$G$18=$B$17,14,0)+IF('Standard Profiles'!$G$18=$B$24,21,0),0)),0)</f>
        <v>7.0150230242844449</v>
      </c>
      <c r="E6469" cm="1">
        <f t="array" ref="E6469">IFERROR(INDEX(Jesper!AI$2:AI$366,ROUNDDOWN($C6469/24,0)+1,1)*INDEX($D$3:$AA$30,INDEX(Jesper!$R$2:$R$366,ROW(INDEX(Jesper!AI$2:AI$366,ROUNDDOWN($C6469/24,0)+1,1))-1)+IF('Standard Profiles'!$G$19=$B$10,7,0)+IF('Standard Profiles'!$G$19=$B$17,14,0)+IF('Standard Profiles'!$G$19=$B$24,21,0),MOD($C6469,24)+1)/SUM(INDEX($D$3:$AA$30,INDEX(Jesper!$R$2:$R$366,ROW(INDEX(Jesper!AI$2:AI$366,ROUNDDOWN($C6469/24,0)+1,1))-1)+IF('Standard Profiles'!$G$19=$B$10,7,0)+IF('Standard Profiles'!$G$19=$B$17,14,0)+IF('Standard Profiles'!$G$19=$B$24,21,0),0)),0)</f>
        <v>0</v>
      </c>
      <c r="F6469" cm="1">
        <f t="array" ref="F6469">IFERROR(INDEX(Jesper!AJ$2:AJ$366,ROUNDDOWN($C6469/24,0)+1,1)*INDEX($D$3:$AA$30,INDEX(Jesper!$R$2:$R$366,ROW(INDEX(Jesper!AJ$2:AJ$366,ROUNDDOWN($C6469/24,0)+1,1))-1)+IF('Standard Profiles'!$G$20=$B$10,7,0)+IF('Standard Profiles'!$G$20=$B$17,14,0)+IF('Standard Profiles'!$G$20=$B$24,21,0),MOD($C6469,24)+1)/SUM(INDEX($D$3:$AA$30,INDEX(Jesper!$R$2:$R$366,ROW(INDEX(Jesper!AJ$2:AJ$366,ROUNDDOWN($C6469/24,0)+1,1))-1)+IF('Standard Profiles'!$G$20=$B$10,7,0)+IF('Standard Profiles'!$G$20=$B$17,14,0)+IF('Standard Profiles'!$G$20=$B$24,21,0),0)),0)</f>
        <v>0</v>
      </c>
      <c r="G6469" cm="1">
        <f t="array" ref="G6469">IFERROR(INDEX(Jesper!AK$2:AK$366,ROUNDDOWN($C6469/24,0)+1,1)*INDEX($D$3:$AA$30,INDEX(Jesper!$R$2:$R$366,ROW(INDEX(Jesper!AK$2:AK$366,ROUNDDOWN($C6469/24,0)+1,1))-1)+IF('Standard Profiles'!$G$21=$B$10,7,0)+IF('Standard Profiles'!$G$21=$B$17,14,0)+IF('Standard Profiles'!$G$21=$B$24,21,0),MOD($C6469,24)+1)/SUM(INDEX($D$3:$AA$30,INDEX(Jesper!$R$2:$R$366,ROW(INDEX(Jesper!AK$2:AK$366,ROUNDDOWN($C6469/24,0)+1,1))-1)+IF('Standard Profiles'!$G$21=$B$10,7,0)+IF('Standard Profiles'!$G$21=$B$17,14,0)+IF('Standard Profiles'!$G$21=$B$24,21,0),0)),0)</f>
        <v>0</v>
      </c>
      <c r="H6469" cm="1">
        <f t="array" ref="H6469">IFERROR(INDEX(Jesper!AL$2:AL$366,ROUNDDOWN($C6469/24,0)+1,1)*INDEX($D$3:$AA$30,INDEX(Jesper!$R$2:$R$366,ROW(INDEX(Jesper!AL$2:AL$366,ROUNDDOWN($C6469/24,0)+1,1))-1)+IF('Standard Profiles'!$G$22=$B$10,7,0)+IF('Standard Profiles'!$G$22=$B$17,14,0)+IF('Standard Profiles'!$G$22=$B$24,21,0),MOD($C6469,24)+1)/SUM(INDEX($D$3:$AA$30,INDEX(Jesper!$R$2:$R$366,ROW(INDEX(Jesper!AL$2:AL$366,ROUNDDOWN($C6469/24,0)+1,1))-1)+IF('Standard Profiles'!$G$22=$B$10,7,0)+IF('Standard Profiles'!$G$22=$B$17,14,0)+IF('Standard Profiles'!$G$22=$B$24,21,0),0)),0)</f>
        <v>0</v>
      </c>
      <c r="I6469">
        <f t="shared" si="720"/>
        <v>0.21045069072853334</v>
      </c>
      <c r="J6469">
        <f t="shared" si="721"/>
        <v>0.70150230242844458</v>
      </c>
      <c r="K6469">
        <f t="shared" si="722"/>
        <v>1.0522534536426666</v>
      </c>
      <c r="L6469">
        <f t="shared" si="723"/>
        <v>5.0508165774847997</v>
      </c>
      <c r="M6469">
        <f t="shared" si="724"/>
        <v>0</v>
      </c>
      <c r="N6469" s="46">
        <f t="shared" si="725"/>
        <v>45560.124999984393</v>
      </c>
    </row>
    <row r="6470" spans="2:14" x14ac:dyDescent="0.3">
      <c r="B6470">
        <f t="shared" si="719"/>
        <v>3</v>
      </c>
      <c r="C6470" s="16">
        <v>6436</v>
      </c>
      <c r="D6470" cm="1">
        <f t="array" ref="D6470">IFERROR(INDEX(Jesper!AH$2:AH$366,ROUNDDOWN($C6470/24,0)+1,1)*INDEX($D$3:$AA$30,INDEX(Jesper!$R$2:$R$366,ROW(INDEX(Jesper!AH$2:AH$366,ROUNDDOWN($C6470/24,0)+1,1))-1)+IF('Standard Profiles'!$G$18=$B$10,7,0)+IF('Standard Profiles'!$G$18=$B$17,14,0)+IF('Standard Profiles'!$G$18=$B$24,21,0),MOD($C6470,24)+1)/SUM(INDEX($D$3:$AA$30,INDEX(Jesper!$R$2:$R$366,ROW(INDEX(Jesper!AH$2:AH$366,ROUNDDOWN($C6470/24,0)+1,1))-1)+IF('Standard Profiles'!$G$18=$B$10,7,0)+IF('Standard Profiles'!$G$18=$B$17,14,0)+IF('Standard Profiles'!$G$18=$B$24,21,0),0)),0)</f>
        <v>7.0150230242844449</v>
      </c>
      <c r="E6470" cm="1">
        <f t="array" ref="E6470">IFERROR(INDEX(Jesper!AI$2:AI$366,ROUNDDOWN($C6470/24,0)+1,1)*INDEX($D$3:$AA$30,INDEX(Jesper!$R$2:$R$366,ROW(INDEX(Jesper!AI$2:AI$366,ROUNDDOWN($C6470/24,0)+1,1))-1)+IF('Standard Profiles'!$G$19=$B$10,7,0)+IF('Standard Profiles'!$G$19=$B$17,14,0)+IF('Standard Profiles'!$G$19=$B$24,21,0),MOD($C6470,24)+1)/SUM(INDEX($D$3:$AA$30,INDEX(Jesper!$R$2:$R$366,ROW(INDEX(Jesper!AI$2:AI$366,ROUNDDOWN($C6470/24,0)+1,1))-1)+IF('Standard Profiles'!$G$19=$B$10,7,0)+IF('Standard Profiles'!$G$19=$B$17,14,0)+IF('Standard Profiles'!$G$19=$B$24,21,0),0)),0)</f>
        <v>0</v>
      </c>
      <c r="F6470" cm="1">
        <f t="array" ref="F6470">IFERROR(INDEX(Jesper!AJ$2:AJ$366,ROUNDDOWN($C6470/24,0)+1,1)*INDEX($D$3:$AA$30,INDEX(Jesper!$R$2:$R$366,ROW(INDEX(Jesper!AJ$2:AJ$366,ROUNDDOWN($C6470/24,0)+1,1))-1)+IF('Standard Profiles'!$G$20=$B$10,7,0)+IF('Standard Profiles'!$G$20=$B$17,14,0)+IF('Standard Profiles'!$G$20=$B$24,21,0),MOD($C6470,24)+1)/SUM(INDEX($D$3:$AA$30,INDEX(Jesper!$R$2:$R$366,ROW(INDEX(Jesper!AJ$2:AJ$366,ROUNDDOWN($C6470/24,0)+1,1))-1)+IF('Standard Profiles'!$G$20=$B$10,7,0)+IF('Standard Profiles'!$G$20=$B$17,14,0)+IF('Standard Profiles'!$G$20=$B$24,21,0),0)),0)</f>
        <v>0</v>
      </c>
      <c r="G6470" cm="1">
        <f t="array" ref="G6470">IFERROR(INDEX(Jesper!AK$2:AK$366,ROUNDDOWN($C6470/24,0)+1,1)*INDEX($D$3:$AA$30,INDEX(Jesper!$R$2:$R$366,ROW(INDEX(Jesper!AK$2:AK$366,ROUNDDOWN($C6470/24,0)+1,1))-1)+IF('Standard Profiles'!$G$21=$B$10,7,0)+IF('Standard Profiles'!$G$21=$B$17,14,0)+IF('Standard Profiles'!$G$21=$B$24,21,0),MOD($C6470,24)+1)/SUM(INDEX($D$3:$AA$30,INDEX(Jesper!$R$2:$R$366,ROW(INDEX(Jesper!AK$2:AK$366,ROUNDDOWN($C6470/24,0)+1,1))-1)+IF('Standard Profiles'!$G$21=$B$10,7,0)+IF('Standard Profiles'!$G$21=$B$17,14,0)+IF('Standard Profiles'!$G$21=$B$24,21,0),0)),0)</f>
        <v>0</v>
      </c>
      <c r="H6470" cm="1">
        <f t="array" ref="H6470">IFERROR(INDEX(Jesper!AL$2:AL$366,ROUNDDOWN($C6470/24,0)+1,1)*INDEX($D$3:$AA$30,INDEX(Jesper!$R$2:$R$366,ROW(INDEX(Jesper!AL$2:AL$366,ROUNDDOWN($C6470/24,0)+1,1))-1)+IF('Standard Profiles'!$G$22=$B$10,7,0)+IF('Standard Profiles'!$G$22=$B$17,14,0)+IF('Standard Profiles'!$G$22=$B$24,21,0),MOD($C6470,24)+1)/SUM(INDEX($D$3:$AA$30,INDEX(Jesper!$R$2:$R$366,ROW(INDEX(Jesper!AL$2:AL$366,ROUNDDOWN($C6470/24,0)+1,1))-1)+IF('Standard Profiles'!$G$22=$B$10,7,0)+IF('Standard Profiles'!$G$22=$B$17,14,0)+IF('Standard Profiles'!$G$22=$B$24,21,0),0)),0)</f>
        <v>0</v>
      </c>
      <c r="I6470">
        <f t="shared" si="720"/>
        <v>0.21045069072853334</v>
      </c>
      <c r="J6470">
        <f t="shared" si="721"/>
        <v>0.70150230242844458</v>
      </c>
      <c r="K6470">
        <f t="shared" si="722"/>
        <v>1.0522534536426666</v>
      </c>
      <c r="L6470">
        <f t="shared" si="723"/>
        <v>5.0508165774847997</v>
      </c>
      <c r="M6470">
        <f t="shared" si="724"/>
        <v>0</v>
      </c>
      <c r="N6470" s="46">
        <f t="shared" si="725"/>
        <v>45560.166666651057</v>
      </c>
    </row>
    <row r="6471" spans="2:14" x14ac:dyDescent="0.3">
      <c r="B6471">
        <f t="shared" si="719"/>
        <v>3</v>
      </c>
      <c r="C6471" s="16">
        <v>6437</v>
      </c>
      <c r="D6471" cm="1">
        <f t="array" ref="D6471">IFERROR(INDEX(Jesper!AH$2:AH$366,ROUNDDOWN($C6471/24,0)+1,1)*INDEX($D$3:$AA$30,INDEX(Jesper!$R$2:$R$366,ROW(INDEX(Jesper!AH$2:AH$366,ROUNDDOWN($C6471/24,0)+1,1))-1)+IF('Standard Profiles'!$G$18=$B$10,7,0)+IF('Standard Profiles'!$G$18=$B$17,14,0)+IF('Standard Profiles'!$G$18=$B$24,21,0),MOD($C6471,24)+1)/SUM(INDEX($D$3:$AA$30,INDEX(Jesper!$R$2:$R$366,ROW(INDEX(Jesper!AH$2:AH$366,ROUNDDOWN($C6471/24,0)+1,1))-1)+IF('Standard Profiles'!$G$18=$B$10,7,0)+IF('Standard Profiles'!$G$18=$B$17,14,0)+IF('Standard Profiles'!$G$18=$B$24,21,0),0)),0)</f>
        <v>9.0415852312999494</v>
      </c>
      <c r="E6471" cm="1">
        <f t="array" ref="E6471">IFERROR(INDEX(Jesper!AI$2:AI$366,ROUNDDOWN($C6471/24,0)+1,1)*INDEX($D$3:$AA$30,INDEX(Jesper!$R$2:$R$366,ROW(INDEX(Jesper!AI$2:AI$366,ROUNDDOWN($C6471/24,0)+1,1))-1)+IF('Standard Profiles'!$G$19=$B$10,7,0)+IF('Standard Profiles'!$G$19=$B$17,14,0)+IF('Standard Profiles'!$G$19=$B$24,21,0),MOD($C6471,24)+1)/SUM(INDEX($D$3:$AA$30,INDEX(Jesper!$R$2:$R$366,ROW(INDEX(Jesper!AI$2:AI$366,ROUNDDOWN($C6471/24,0)+1,1))-1)+IF('Standard Profiles'!$G$19=$B$10,7,0)+IF('Standard Profiles'!$G$19=$B$17,14,0)+IF('Standard Profiles'!$G$19=$B$24,21,0),0)),0)</f>
        <v>0</v>
      </c>
      <c r="F6471" cm="1">
        <f t="array" ref="F6471">IFERROR(INDEX(Jesper!AJ$2:AJ$366,ROUNDDOWN($C6471/24,0)+1,1)*INDEX($D$3:$AA$30,INDEX(Jesper!$R$2:$R$366,ROW(INDEX(Jesper!AJ$2:AJ$366,ROUNDDOWN($C6471/24,0)+1,1))-1)+IF('Standard Profiles'!$G$20=$B$10,7,0)+IF('Standard Profiles'!$G$20=$B$17,14,0)+IF('Standard Profiles'!$G$20=$B$24,21,0),MOD($C6471,24)+1)/SUM(INDEX($D$3:$AA$30,INDEX(Jesper!$R$2:$R$366,ROW(INDEX(Jesper!AJ$2:AJ$366,ROUNDDOWN($C6471/24,0)+1,1))-1)+IF('Standard Profiles'!$G$20=$B$10,7,0)+IF('Standard Profiles'!$G$20=$B$17,14,0)+IF('Standard Profiles'!$G$20=$B$24,21,0),0)),0)</f>
        <v>0</v>
      </c>
      <c r="G6471" cm="1">
        <f t="array" ref="G6471">IFERROR(INDEX(Jesper!AK$2:AK$366,ROUNDDOWN($C6471/24,0)+1,1)*INDEX($D$3:$AA$30,INDEX(Jesper!$R$2:$R$366,ROW(INDEX(Jesper!AK$2:AK$366,ROUNDDOWN($C6471/24,0)+1,1))-1)+IF('Standard Profiles'!$G$21=$B$10,7,0)+IF('Standard Profiles'!$G$21=$B$17,14,0)+IF('Standard Profiles'!$G$21=$B$24,21,0),MOD($C6471,24)+1)/SUM(INDEX($D$3:$AA$30,INDEX(Jesper!$R$2:$R$366,ROW(INDEX(Jesper!AK$2:AK$366,ROUNDDOWN($C6471/24,0)+1,1))-1)+IF('Standard Profiles'!$G$21=$B$10,7,0)+IF('Standard Profiles'!$G$21=$B$17,14,0)+IF('Standard Profiles'!$G$21=$B$24,21,0),0)),0)</f>
        <v>0</v>
      </c>
      <c r="H6471" cm="1">
        <f t="array" ref="H6471">IFERROR(INDEX(Jesper!AL$2:AL$366,ROUNDDOWN($C6471/24,0)+1,1)*INDEX($D$3:$AA$30,INDEX(Jesper!$R$2:$R$366,ROW(INDEX(Jesper!AL$2:AL$366,ROUNDDOWN($C6471/24,0)+1,1))-1)+IF('Standard Profiles'!$G$22=$B$10,7,0)+IF('Standard Profiles'!$G$22=$B$17,14,0)+IF('Standard Profiles'!$G$22=$B$24,21,0),MOD($C6471,24)+1)/SUM(INDEX($D$3:$AA$30,INDEX(Jesper!$R$2:$R$366,ROW(INDEX(Jesper!AL$2:AL$366,ROUNDDOWN($C6471/24,0)+1,1))-1)+IF('Standard Profiles'!$G$22=$B$10,7,0)+IF('Standard Profiles'!$G$22=$B$17,14,0)+IF('Standard Profiles'!$G$22=$B$24,21,0),0)),0)</f>
        <v>0</v>
      </c>
      <c r="I6471">
        <f t="shared" si="720"/>
        <v>0.27124755693899849</v>
      </c>
      <c r="J6471">
        <f t="shared" si="721"/>
        <v>0.90415852312999501</v>
      </c>
      <c r="K6471">
        <f t="shared" si="722"/>
        <v>1.3562377846949925</v>
      </c>
      <c r="L6471">
        <f t="shared" si="723"/>
        <v>6.5099413665359629</v>
      </c>
      <c r="M6471">
        <f t="shared" si="724"/>
        <v>0</v>
      </c>
      <c r="N6471" s="46">
        <f t="shared" si="725"/>
        <v>45560.208333317722</v>
      </c>
    </row>
    <row r="6472" spans="2:14" x14ac:dyDescent="0.3">
      <c r="B6472">
        <f t="shared" si="719"/>
        <v>3</v>
      </c>
      <c r="C6472" s="16">
        <v>6438</v>
      </c>
      <c r="D6472" cm="1">
        <f t="array" ref="D6472">IFERROR(INDEX(Jesper!AH$2:AH$366,ROUNDDOWN($C6472/24,0)+1,1)*INDEX($D$3:$AA$30,INDEX(Jesper!$R$2:$R$366,ROW(INDEX(Jesper!AH$2:AH$366,ROUNDDOWN($C6472/24,0)+1,1))-1)+IF('Standard Profiles'!$G$18=$B$10,7,0)+IF('Standard Profiles'!$G$18=$B$17,14,0)+IF('Standard Profiles'!$G$18=$B$24,21,0),MOD($C6472,24)+1)/SUM(INDEX($D$3:$AA$30,INDEX(Jesper!$R$2:$R$366,ROW(INDEX(Jesper!AH$2:AH$366,ROUNDDOWN($C6472/24,0)+1,1))-1)+IF('Standard Profiles'!$G$18=$B$10,7,0)+IF('Standard Profiles'!$G$18=$B$17,14,0)+IF('Standard Profiles'!$G$18=$B$24,21,0),0)),0)</f>
        <v>10.44458983615684</v>
      </c>
      <c r="E6472" cm="1">
        <f t="array" ref="E6472">IFERROR(INDEX(Jesper!AI$2:AI$366,ROUNDDOWN($C6472/24,0)+1,1)*INDEX($D$3:$AA$30,INDEX(Jesper!$R$2:$R$366,ROW(INDEX(Jesper!AI$2:AI$366,ROUNDDOWN($C6472/24,0)+1,1))-1)+IF('Standard Profiles'!$G$19=$B$10,7,0)+IF('Standard Profiles'!$G$19=$B$17,14,0)+IF('Standard Profiles'!$G$19=$B$24,21,0),MOD($C6472,24)+1)/SUM(INDEX($D$3:$AA$30,INDEX(Jesper!$R$2:$R$366,ROW(INDEX(Jesper!AI$2:AI$366,ROUNDDOWN($C6472/24,0)+1,1))-1)+IF('Standard Profiles'!$G$19=$B$10,7,0)+IF('Standard Profiles'!$G$19=$B$17,14,0)+IF('Standard Profiles'!$G$19=$B$24,21,0),0)),0)</f>
        <v>0</v>
      </c>
      <c r="F6472" cm="1">
        <f t="array" ref="F6472">IFERROR(INDEX(Jesper!AJ$2:AJ$366,ROUNDDOWN($C6472/24,0)+1,1)*INDEX($D$3:$AA$30,INDEX(Jesper!$R$2:$R$366,ROW(INDEX(Jesper!AJ$2:AJ$366,ROUNDDOWN($C6472/24,0)+1,1))-1)+IF('Standard Profiles'!$G$20=$B$10,7,0)+IF('Standard Profiles'!$G$20=$B$17,14,0)+IF('Standard Profiles'!$G$20=$B$24,21,0),MOD($C6472,24)+1)/SUM(INDEX($D$3:$AA$30,INDEX(Jesper!$R$2:$R$366,ROW(INDEX(Jesper!AJ$2:AJ$366,ROUNDDOWN($C6472/24,0)+1,1))-1)+IF('Standard Profiles'!$G$20=$B$10,7,0)+IF('Standard Profiles'!$G$20=$B$17,14,0)+IF('Standard Profiles'!$G$20=$B$24,21,0),0)),0)</f>
        <v>0</v>
      </c>
      <c r="G6472" cm="1">
        <f t="array" ref="G6472">IFERROR(INDEX(Jesper!AK$2:AK$366,ROUNDDOWN($C6472/24,0)+1,1)*INDEX($D$3:$AA$30,INDEX(Jesper!$R$2:$R$366,ROW(INDEX(Jesper!AK$2:AK$366,ROUNDDOWN($C6472/24,0)+1,1))-1)+IF('Standard Profiles'!$G$21=$B$10,7,0)+IF('Standard Profiles'!$G$21=$B$17,14,0)+IF('Standard Profiles'!$G$21=$B$24,21,0),MOD($C6472,24)+1)/SUM(INDEX($D$3:$AA$30,INDEX(Jesper!$R$2:$R$366,ROW(INDEX(Jesper!AK$2:AK$366,ROUNDDOWN($C6472/24,0)+1,1))-1)+IF('Standard Profiles'!$G$21=$B$10,7,0)+IF('Standard Profiles'!$G$21=$B$17,14,0)+IF('Standard Profiles'!$G$21=$B$24,21,0),0)),0)</f>
        <v>0</v>
      </c>
      <c r="H6472" cm="1">
        <f t="array" ref="H6472">IFERROR(INDEX(Jesper!AL$2:AL$366,ROUNDDOWN($C6472/24,0)+1,1)*INDEX($D$3:$AA$30,INDEX(Jesper!$R$2:$R$366,ROW(INDEX(Jesper!AL$2:AL$366,ROUNDDOWN($C6472/24,0)+1,1))-1)+IF('Standard Profiles'!$G$22=$B$10,7,0)+IF('Standard Profiles'!$G$22=$B$17,14,0)+IF('Standard Profiles'!$G$22=$B$24,21,0),MOD($C6472,24)+1)/SUM(INDEX($D$3:$AA$30,INDEX(Jesper!$R$2:$R$366,ROW(INDEX(Jesper!AL$2:AL$366,ROUNDDOWN($C6472/24,0)+1,1))-1)+IF('Standard Profiles'!$G$22=$B$10,7,0)+IF('Standard Profiles'!$G$22=$B$17,14,0)+IF('Standard Profiles'!$G$22=$B$24,21,0),0)),0)</f>
        <v>0</v>
      </c>
      <c r="I6472">
        <f t="shared" si="720"/>
        <v>0.31333769508470521</v>
      </c>
      <c r="J6472">
        <f t="shared" si="721"/>
        <v>1.0444589836156841</v>
      </c>
      <c r="K6472">
        <f t="shared" si="722"/>
        <v>1.566688475423526</v>
      </c>
      <c r="L6472">
        <f t="shared" si="723"/>
        <v>7.5201046820329251</v>
      </c>
      <c r="M6472">
        <f t="shared" si="724"/>
        <v>0</v>
      </c>
      <c r="N6472" s="46">
        <f t="shared" si="725"/>
        <v>45560.249999984386</v>
      </c>
    </row>
    <row r="6473" spans="2:14" x14ac:dyDescent="0.3">
      <c r="B6473">
        <f t="shared" si="719"/>
        <v>3</v>
      </c>
      <c r="C6473" s="16">
        <v>6439</v>
      </c>
      <c r="D6473" cm="1">
        <f t="array" ref="D6473">IFERROR(INDEX(Jesper!AH$2:AH$366,ROUNDDOWN($C6473/24,0)+1,1)*INDEX($D$3:$AA$30,INDEX(Jesper!$R$2:$R$366,ROW(INDEX(Jesper!AH$2:AH$366,ROUNDDOWN($C6473/24,0)+1,1))-1)+IF('Standard Profiles'!$G$18=$B$10,7,0)+IF('Standard Profiles'!$G$18=$B$17,14,0)+IF('Standard Profiles'!$G$18=$B$24,21,0),MOD($C6473,24)+1)/SUM(INDEX($D$3:$AA$30,INDEX(Jesper!$R$2:$R$366,ROW(INDEX(Jesper!AH$2:AH$366,ROUNDDOWN($C6473/24,0)+1,1))-1)+IF('Standard Profiles'!$G$18=$B$10,7,0)+IF('Standard Profiles'!$G$18=$B$17,14,0)+IF('Standard Profiles'!$G$18=$B$24,21,0),0)),0)</f>
        <v>10.44458983615684</v>
      </c>
      <c r="E6473" cm="1">
        <f t="array" ref="E6473">IFERROR(INDEX(Jesper!AI$2:AI$366,ROUNDDOWN($C6473/24,0)+1,1)*INDEX($D$3:$AA$30,INDEX(Jesper!$R$2:$R$366,ROW(INDEX(Jesper!AI$2:AI$366,ROUNDDOWN($C6473/24,0)+1,1))-1)+IF('Standard Profiles'!$G$19=$B$10,7,0)+IF('Standard Profiles'!$G$19=$B$17,14,0)+IF('Standard Profiles'!$G$19=$B$24,21,0),MOD($C6473,24)+1)/SUM(INDEX($D$3:$AA$30,INDEX(Jesper!$R$2:$R$366,ROW(INDEX(Jesper!AI$2:AI$366,ROUNDDOWN($C6473/24,0)+1,1))-1)+IF('Standard Profiles'!$G$19=$B$10,7,0)+IF('Standard Profiles'!$G$19=$B$17,14,0)+IF('Standard Profiles'!$G$19=$B$24,21,0),0)),0)</f>
        <v>0</v>
      </c>
      <c r="F6473" cm="1">
        <f t="array" ref="F6473">IFERROR(INDEX(Jesper!AJ$2:AJ$366,ROUNDDOWN($C6473/24,0)+1,1)*INDEX($D$3:$AA$30,INDEX(Jesper!$R$2:$R$366,ROW(INDEX(Jesper!AJ$2:AJ$366,ROUNDDOWN($C6473/24,0)+1,1))-1)+IF('Standard Profiles'!$G$20=$B$10,7,0)+IF('Standard Profiles'!$G$20=$B$17,14,0)+IF('Standard Profiles'!$G$20=$B$24,21,0),MOD($C6473,24)+1)/SUM(INDEX($D$3:$AA$30,INDEX(Jesper!$R$2:$R$366,ROW(INDEX(Jesper!AJ$2:AJ$366,ROUNDDOWN($C6473/24,0)+1,1))-1)+IF('Standard Profiles'!$G$20=$B$10,7,0)+IF('Standard Profiles'!$G$20=$B$17,14,0)+IF('Standard Profiles'!$G$20=$B$24,21,0),0)),0)</f>
        <v>0</v>
      </c>
      <c r="G6473" cm="1">
        <f t="array" ref="G6473">IFERROR(INDEX(Jesper!AK$2:AK$366,ROUNDDOWN($C6473/24,0)+1,1)*INDEX($D$3:$AA$30,INDEX(Jesper!$R$2:$R$366,ROW(INDEX(Jesper!AK$2:AK$366,ROUNDDOWN($C6473/24,0)+1,1))-1)+IF('Standard Profiles'!$G$21=$B$10,7,0)+IF('Standard Profiles'!$G$21=$B$17,14,0)+IF('Standard Profiles'!$G$21=$B$24,21,0),MOD($C6473,24)+1)/SUM(INDEX($D$3:$AA$30,INDEX(Jesper!$R$2:$R$366,ROW(INDEX(Jesper!AK$2:AK$366,ROUNDDOWN($C6473/24,0)+1,1))-1)+IF('Standard Profiles'!$G$21=$B$10,7,0)+IF('Standard Profiles'!$G$21=$B$17,14,0)+IF('Standard Profiles'!$G$21=$B$24,21,0),0)),0)</f>
        <v>0</v>
      </c>
      <c r="H6473" cm="1">
        <f t="array" ref="H6473">IFERROR(INDEX(Jesper!AL$2:AL$366,ROUNDDOWN($C6473/24,0)+1,1)*INDEX($D$3:$AA$30,INDEX(Jesper!$R$2:$R$366,ROW(INDEX(Jesper!AL$2:AL$366,ROUNDDOWN($C6473/24,0)+1,1))-1)+IF('Standard Profiles'!$G$22=$B$10,7,0)+IF('Standard Profiles'!$G$22=$B$17,14,0)+IF('Standard Profiles'!$G$22=$B$24,21,0),MOD($C6473,24)+1)/SUM(INDEX($D$3:$AA$30,INDEX(Jesper!$R$2:$R$366,ROW(INDEX(Jesper!AL$2:AL$366,ROUNDDOWN($C6473/24,0)+1,1))-1)+IF('Standard Profiles'!$G$22=$B$10,7,0)+IF('Standard Profiles'!$G$22=$B$17,14,0)+IF('Standard Profiles'!$G$22=$B$24,21,0),0)),0)</f>
        <v>0</v>
      </c>
      <c r="I6473">
        <f t="shared" si="720"/>
        <v>0.31333769508470521</v>
      </c>
      <c r="J6473">
        <f t="shared" si="721"/>
        <v>1.0444589836156841</v>
      </c>
      <c r="K6473">
        <f t="shared" si="722"/>
        <v>1.566688475423526</v>
      </c>
      <c r="L6473">
        <f t="shared" si="723"/>
        <v>7.5201046820329251</v>
      </c>
      <c r="M6473">
        <f t="shared" si="724"/>
        <v>0</v>
      </c>
      <c r="N6473" s="46">
        <f t="shared" si="725"/>
        <v>45560.29166665105</v>
      </c>
    </row>
    <row r="6474" spans="2:14" x14ac:dyDescent="0.3">
      <c r="B6474">
        <f t="shared" si="719"/>
        <v>3</v>
      </c>
      <c r="C6474" s="16">
        <v>6440</v>
      </c>
      <c r="D6474" cm="1">
        <f t="array" ref="D6474">IFERROR(INDEX(Jesper!AH$2:AH$366,ROUNDDOWN($C6474/24,0)+1,1)*INDEX($D$3:$AA$30,INDEX(Jesper!$R$2:$R$366,ROW(INDEX(Jesper!AH$2:AH$366,ROUNDDOWN($C6474/24,0)+1,1))-1)+IF('Standard Profiles'!$G$18=$B$10,7,0)+IF('Standard Profiles'!$G$18=$B$17,14,0)+IF('Standard Profiles'!$G$18=$B$24,21,0),MOD($C6474,24)+1)/SUM(INDEX($D$3:$AA$30,INDEX(Jesper!$R$2:$R$366,ROW(INDEX(Jesper!AH$2:AH$366,ROUNDDOWN($C6474/24,0)+1,1))-1)+IF('Standard Profiles'!$G$18=$B$10,7,0)+IF('Standard Profiles'!$G$18=$B$17,14,0)+IF('Standard Profiles'!$G$18=$B$24,21,0),0)),0)</f>
        <v>10.44458983615684</v>
      </c>
      <c r="E6474" cm="1">
        <f t="array" ref="E6474">IFERROR(INDEX(Jesper!AI$2:AI$366,ROUNDDOWN($C6474/24,0)+1,1)*INDEX($D$3:$AA$30,INDEX(Jesper!$R$2:$R$366,ROW(INDEX(Jesper!AI$2:AI$366,ROUNDDOWN($C6474/24,0)+1,1))-1)+IF('Standard Profiles'!$G$19=$B$10,7,0)+IF('Standard Profiles'!$G$19=$B$17,14,0)+IF('Standard Profiles'!$G$19=$B$24,21,0),MOD($C6474,24)+1)/SUM(INDEX($D$3:$AA$30,INDEX(Jesper!$R$2:$R$366,ROW(INDEX(Jesper!AI$2:AI$366,ROUNDDOWN($C6474/24,0)+1,1))-1)+IF('Standard Profiles'!$G$19=$B$10,7,0)+IF('Standard Profiles'!$G$19=$B$17,14,0)+IF('Standard Profiles'!$G$19=$B$24,21,0),0)),0)</f>
        <v>0</v>
      </c>
      <c r="F6474" cm="1">
        <f t="array" ref="F6474">IFERROR(INDEX(Jesper!AJ$2:AJ$366,ROUNDDOWN($C6474/24,0)+1,1)*INDEX($D$3:$AA$30,INDEX(Jesper!$R$2:$R$366,ROW(INDEX(Jesper!AJ$2:AJ$366,ROUNDDOWN($C6474/24,0)+1,1))-1)+IF('Standard Profiles'!$G$20=$B$10,7,0)+IF('Standard Profiles'!$G$20=$B$17,14,0)+IF('Standard Profiles'!$G$20=$B$24,21,0),MOD($C6474,24)+1)/SUM(INDEX($D$3:$AA$30,INDEX(Jesper!$R$2:$R$366,ROW(INDEX(Jesper!AJ$2:AJ$366,ROUNDDOWN($C6474/24,0)+1,1))-1)+IF('Standard Profiles'!$G$20=$B$10,7,0)+IF('Standard Profiles'!$G$20=$B$17,14,0)+IF('Standard Profiles'!$G$20=$B$24,21,0),0)),0)</f>
        <v>0</v>
      </c>
      <c r="G6474" cm="1">
        <f t="array" ref="G6474">IFERROR(INDEX(Jesper!AK$2:AK$366,ROUNDDOWN($C6474/24,0)+1,1)*INDEX($D$3:$AA$30,INDEX(Jesper!$R$2:$R$366,ROW(INDEX(Jesper!AK$2:AK$366,ROUNDDOWN($C6474/24,0)+1,1))-1)+IF('Standard Profiles'!$G$21=$B$10,7,0)+IF('Standard Profiles'!$G$21=$B$17,14,0)+IF('Standard Profiles'!$G$21=$B$24,21,0),MOD($C6474,24)+1)/SUM(INDEX($D$3:$AA$30,INDEX(Jesper!$R$2:$R$366,ROW(INDEX(Jesper!AK$2:AK$366,ROUNDDOWN($C6474/24,0)+1,1))-1)+IF('Standard Profiles'!$G$21=$B$10,7,0)+IF('Standard Profiles'!$G$21=$B$17,14,0)+IF('Standard Profiles'!$G$21=$B$24,21,0),0)),0)</f>
        <v>0</v>
      </c>
      <c r="H6474" cm="1">
        <f t="array" ref="H6474">IFERROR(INDEX(Jesper!AL$2:AL$366,ROUNDDOWN($C6474/24,0)+1,1)*INDEX($D$3:$AA$30,INDEX(Jesper!$R$2:$R$366,ROW(INDEX(Jesper!AL$2:AL$366,ROUNDDOWN($C6474/24,0)+1,1))-1)+IF('Standard Profiles'!$G$22=$B$10,7,0)+IF('Standard Profiles'!$G$22=$B$17,14,0)+IF('Standard Profiles'!$G$22=$B$24,21,0),MOD($C6474,24)+1)/SUM(INDEX($D$3:$AA$30,INDEX(Jesper!$R$2:$R$366,ROW(INDEX(Jesper!AL$2:AL$366,ROUNDDOWN($C6474/24,0)+1,1))-1)+IF('Standard Profiles'!$G$22=$B$10,7,0)+IF('Standard Profiles'!$G$22=$B$17,14,0)+IF('Standard Profiles'!$G$22=$B$24,21,0),0)),0)</f>
        <v>0</v>
      </c>
      <c r="I6474">
        <f t="shared" si="720"/>
        <v>0.31333769508470521</v>
      </c>
      <c r="J6474">
        <f t="shared" si="721"/>
        <v>1.0444589836156841</v>
      </c>
      <c r="K6474">
        <f t="shared" si="722"/>
        <v>1.566688475423526</v>
      </c>
      <c r="L6474">
        <f t="shared" si="723"/>
        <v>7.5201046820329251</v>
      </c>
      <c r="M6474">
        <f t="shared" si="724"/>
        <v>0</v>
      </c>
      <c r="N6474" s="46">
        <f t="shared" si="725"/>
        <v>45560.333333317714</v>
      </c>
    </row>
    <row r="6475" spans="2:14" x14ac:dyDescent="0.3">
      <c r="B6475">
        <f t="shared" si="719"/>
        <v>3</v>
      </c>
      <c r="C6475" s="16">
        <v>6441</v>
      </c>
      <c r="D6475" cm="1">
        <f t="array" ref="D6475">IFERROR(INDEX(Jesper!AH$2:AH$366,ROUNDDOWN($C6475/24,0)+1,1)*INDEX($D$3:$AA$30,INDEX(Jesper!$R$2:$R$366,ROW(INDEX(Jesper!AH$2:AH$366,ROUNDDOWN($C6475/24,0)+1,1))-1)+IF('Standard Profiles'!$G$18=$B$10,7,0)+IF('Standard Profiles'!$G$18=$B$17,14,0)+IF('Standard Profiles'!$G$18=$B$24,21,0),MOD($C6475,24)+1)/SUM(INDEX($D$3:$AA$30,INDEX(Jesper!$R$2:$R$366,ROW(INDEX(Jesper!AH$2:AH$366,ROUNDDOWN($C6475/24,0)+1,1))-1)+IF('Standard Profiles'!$G$18=$B$10,7,0)+IF('Standard Profiles'!$G$18=$B$17,14,0)+IF('Standard Profiles'!$G$18=$B$24,21,0),0)),0)</f>
        <v>11.224036838855111</v>
      </c>
      <c r="E6475" cm="1">
        <f t="array" ref="E6475">IFERROR(INDEX(Jesper!AI$2:AI$366,ROUNDDOWN($C6475/24,0)+1,1)*INDEX($D$3:$AA$30,INDEX(Jesper!$R$2:$R$366,ROW(INDEX(Jesper!AI$2:AI$366,ROUNDDOWN($C6475/24,0)+1,1))-1)+IF('Standard Profiles'!$G$19=$B$10,7,0)+IF('Standard Profiles'!$G$19=$B$17,14,0)+IF('Standard Profiles'!$G$19=$B$24,21,0),MOD($C6475,24)+1)/SUM(INDEX($D$3:$AA$30,INDEX(Jesper!$R$2:$R$366,ROW(INDEX(Jesper!AI$2:AI$366,ROUNDDOWN($C6475/24,0)+1,1))-1)+IF('Standard Profiles'!$G$19=$B$10,7,0)+IF('Standard Profiles'!$G$19=$B$17,14,0)+IF('Standard Profiles'!$G$19=$B$24,21,0),0)),0)</f>
        <v>0</v>
      </c>
      <c r="F6475" cm="1">
        <f t="array" ref="F6475">IFERROR(INDEX(Jesper!AJ$2:AJ$366,ROUNDDOWN($C6475/24,0)+1,1)*INDEX($D$3:$AA$30,INDEX(Jesper!$R$2:$R$366,ROW(INDEX(Jesper!AJ$2:AJ$366,ROUNDDOWN($C6475/24,0)+1,1))-1)+IF('Standard Profiles'!$G$20=$B$10,7,0)+IF('Standard Profiles'!$G$20=$B$17,14,0)+IF('Standard Profiles'!$G$20=$B$24,21,0),MOD($C6475,24)+1)/SUM(INDEX($D$3:$AA$30,INDEX(Jesper!$R$2:$R$366,ROW(INDEX(Jesper!AJ$2:AJ$366,ROUNDDOWN($C6475/24,0)+1,1))-1)+IF('Standard Profiles'!$G$20=$B$10,7,0)+IF('Standard Profiles'!$G$20=$B$17,14,0)+IF('Standard Profiles'!$G$20=$B$24,21,0),0)),0)</f>
        <v>0</v>
      </c>
      <c r="G6475" cm="1">
        <f t="array" ref="G6475">IFERROR(INDEX(Jesper!AK$2:AK$366,ROUNDDOWN($C6475/24,0)+1,1)*INDEX($D$3:$AA$30,INDEX(Jesper!$R$2:$R$366,ROW(INDEX(Jesper!AK$2:AK$366,ROUNDDOWN($C6475/24,0)+1,1))-1)+IF('Standard Profiles'!$G$21=$B$10,7,0)+IF('Standard Profiles'!$G$21=$B$17,14,0)+IF('Standard Profiles'!$G$21=$B$24,21,0),MOD($C6475,24)+1)/SUM(INDEX($D$3:$AA$30,INDEX(Jesper!$R$2:$R$366,ROW(INDEX(Jesper!AK$2:AK$366,ROUNDDOWN($C6475/24,0)+1,1))-1)+IF('Standard Profiles'!$G$21=$B$10,7,0)+IF('Standard Profiles'!$G$21=$B$17,14,0)+IF('Standard Profiles'!$G$21=$B$24,21,0),0)),0)</f>
        <v>0</v>
      </c>
      <c r="H6475" cm="1">
        <f t="array" ref="H6475">IFERROR(INDEX(Jesper!AL$2:AL$366,ROUNDDOWN($C6475/24,0)+1,1)*INDEX($D$3:$AA$30,INDEX(Jesper!$R$2:$R$366,ROW(INDEX(Jesper!AL$2:AL$366,ROUNDDOWN($C6475/24,0)+1,1))-1)+IF('Standard Profiles'!$G$22=$B$10,7,0)+IF('Standard Profiles'!$G$22=$B$17,14,0)+IF('Standard Profiles'!$G$22=$B$24,21,0),MOD($C6475,24)+1)/SUM(INDEX($D$3:$AA$30,INDEX(Jesper!$R$2:$R$366,ROW(INDEX(Jesper!AL$2:AL$366,ROUNDDOWN($C6475/24,0)+1,1))-1)+IF('Standard Profiles'!$G$22=$B$10,7,0)+IF('Standard Profiles'!$G$22=$B$17,14,0)+IF('Standard Profiles'!$G$22=$B$24,21,0),0)),0)</f>
        <v>0</v>
      </c>
      <c r="I6475">
        <f t="shared" si="720"/>
        <v>0.33672110516565334</v>
      </c>
      <c r="J6475">
        <f t="shared" si="721"/>
        <v>1.1224036838855111</v>
      </c>
      <c r="K6475">
        <f t="shared" si="722"/>
        <v>1.6836055258282667</v>
      </c>
      <c r="L6475">
        <f t="shared" si="723"/>
        <v>8.0813065239756803</v>
      </c>
      <c r="M6475">
        <f t="shared" si="724"/>
        <v>0</v>
      </c>
      <c r="N6475" s="46">
        <f t="shared" si="725"/>
        <v>45560.374999984379</v>
      </c>
    </row>
    <row r="6476" spans="2:14" x14ac:dyDescent="0.3">
      <c r="B6476">
        <f t="shared" si="719"/>
        <v>3</v>
      </c>
      <c r="C6476" s="16">
        <v>6442</v>
      </c>
      <c r="D6476" cm="1">
        <f t="array" ref="D6476">IFERROR(INDEX(Jesper!AH$2:AH$366,ROUNDDOWN($C6476/24,0)+1,1)*INDEX($D$3:$AA$30,INDEX(Jesper!$R$2:$R$366,ROW(INDEX(Jesper!AH$2:AH$366,ROUNDDOWN($C6476/24,0)+1,1))-1)+IF('Standard Profiles'!$G$18=$B$10,7,0)+IF('Standard Profiles'!$G$18=$B$17,14,0)+IF('Standard Profiles'!$G$18=$B$24,21,0),MOD($C6476,24)+1)/SUM(INDEX($D$3:$AA$30,INDEX(Jesper!$R$2:$R$366,ROW(INDEX(Jesper!AH$2:AH$366,ROUNDDOWN($C6476/24,0)+1,1))-1)+IF('Standard Profiles'!$G$18=$B$10,7,0)+IF('Standard Profiles'!$G$18=$B$17,14,0)+IF('Standard Profiles'!$G$18=$B$24,21,0),0)),0)</f>
        <v>12.159373242093038</v>
      </c>
      <c r="E6476" cm="1">
        <f t="array" ref="E6476">IFERROR(INDEX(Jesper!AI$2:AI$366,ROUNDDOWN($C6476/24,0)+1,1)*INDEX($D$3:$AA$30,INDEX(Jesper!$R$2:$R$366,ROW(INDEX(Jesper!AI$2:AI$366,ROUNDDOWN($C6476/24,0)+1,1))-1)+IF('Standard Profiles'!$G$19=$B$10,7,0)+IF('Standard Profiles'!$G$19=$B$17,14,0)+IF('Standard Profiles'!$G$19=$B$24,21,0),MOD($C6476,24)+1)/SUM(INDEX($D$3:$AA$30,INDEX(Jesper!$R$2:$R$366,ROW(INDEX(Jesper!AI$2:AI$366,ROUNDDOWN($C6476/24,0)+1,1))-1)+IF('Standard Profiles'!$G$19=$B$10,7,0)+IF('Standard Profiles'!$G$19=$B$17,14,0)+IF('Standard Profiles'!$G$19=$B$24,21,0),0)),0)</f>
        <v>0</v>
      </c>
      <c r="F6476" cm="1">
        <f t="array" ref="F6476">IFERROR(INDEX(Jesper!AJ$2:AJ$366,ROUNDDOWN($C6476/24,0)+1,1)*INDEX($D$3:$AA$30,INDEX(Jesper!$R$2:$R$366,ROW(INDEX(Jesper!AJ$2:AJ$366,ROUNDDOWN($C6476/24,0)+1,1))-1)+IF('Standard Profiles'!$G$20=$B$10,7,0)+IF('Standard Profiles'!$G$20=$B$17,14,0)+IF('Standard Profiles'!$G$20=$B$24,21,0),MOD($C6476,24)+1)/SUM(INDEX($D$3:$AA$30,INDEX(Jesper!$R$2:$R$366,ROW(INDEX(Jesper!AJ$2:AJ$366,ROUNDDOWN($C6476/24,0)+1,1))-1)+IF('Standard Profiles'!$G$20=$B$10,7,0)+IF('Standard Profiles'!$G$20=$B$17,14,0)+IF('Standard Profiles'!$G$20=$B$24,21,0),0)),0)</f>
        <v>0</v>
      </c>
      <c r="G6476" cm="1">
        <f t="array" ref="G6476">IFERROR(INDEX(Jesper!AK$2:AK$366,ROUNDDOWN($C6476/24,0)+1,1)*INDEX($D$3:$AA$30,INDEX(Jesper!$R$2:$R$366,ROW(INDEX(Jesper!AK$2:AK$366,ROUNDDOWN($C6476/24,0)+1,1))-1)+IF('Standard Profiles'!$G$21=$B$10,7,0)+IF('Standard Profiles'!$G$21=$B$17,14,0)+IF('Standard Profiles'!$G$21=$B$24,21,0),MOD($C6476,24)+1)/SUM(INDEX($D$3:$AA$30,INDEX(Jesper!$R$2:$R$366,ROW(INDEX(Jesper!AK$2:AK$366,ROUNDDOWN($C6476/24,0)+1,1))-1)+IF('Standard Profiles'!$G$21=$B$10,7,0)+IF('Standard Profiles'!$G$21=$B$17,14,0)+IF('Standard Profiles'!$G$21=$B$24,21,0),0)),0)</f>
        <v>0</v>
      </c>
      <c r="H6476" cm="1">
        <f t="array" ref="H6476">IFERROR(INDEX(Jesper!AL$2:AL$366,ROUNDDOWN($C6476/24,0)+1,1)*INDEX($D$3:$AA$30,INDEX(Jesper!$R$2:$R$366,ROW(INDEX(Jesper!AL$2:AL$366,ROUNDDOWN($C6476/24,0)+1,1))-1)+IF('Standard Profiles'!$G$22=$B$10,7,0)+IF('Standard Profiles'!$G$22=$B$17,14,0)+IF('Standard Profiles'!$G$22=$B$24,21,0),MOD($C6476,24)+1)/SUM(INDEX($D$3:$AA$30,INDEX(Jesper!$R$2:$R$366,ROW(INDEX(Jesper!AL$2:AL$366,ROUNDDOWN($C6476/24,0)+1,1))-1)+IF('Standard Profiles'!$G$22=$B$10,7,0)+IF('Standard Profiles'!$G$22=$B$17,14,0)+IF('Standard Profiles'!$G$22=$B$24,21,0),0)),0)</f>
        <v>0</v>
      </c>
      <c r="I6476">
        <f t="shared" si="720"/>
        <v>0.36478119726279112</v>
      </c>
      <c r="J6476">
        <f t="shared" si="721"/>
        <v>1.2159373242093039</v>
      </c>
      <c r="K6476">
        <f t="shared" si="722"/>
        <v>1.8239059863139555</v>
      </c>
      <c r="L6476">
        <f t="shared" si="723"/>
        <v>8.7547487343069861</v>
      </c>
      <c r="M6476">
        <f t="shared" si="724"/>
        <v>0</v>
      </c>
      <c r="N6476" s="46">
        <f t="shared" si="725"/>
        <v>45560.416666651043</v>
      </c>
    </row>
    <row r="6477" spans="2:14" x14ac:dyDescent="0.3">
      <c r="B6477">
        <f t="shared" si="719"/>
        <v>3</v>
      </c>
      <c r="C6477" s="16">
        <v>6443</v>
      </c>
      <c r="D6477" cm="1">
        <f t="array" ref="D6477">IFERROR(INDEX(Jesper!AH$2:AH$366,ROUNDDOWN($C6477/24,0)+1,1)*INDEX($D$3:$AA$30,INDEX(Jesper!$R$2:$R$366,ROW(INDEX(Jesper!AH$2:AH$366,ROUNDDOWN($C6477/24,0)+1,1))-1)+IF('Standard Profiles'!$G$18=$B$10,7,0)+IF('Standard Profiles'!$G$18=$B$17,14,0)+IF('Standard Profiles'!$G$18=$B$24,21,0),MOD($C6477,24)+1)/SUM(INDEX($D$3:$AA$30,INDEX(Jesper!$R$2:$R$366,ROW(INDEX(Jesper!AH$2:AH$366,ROUNDDOWN($C6477/24,0)+1,1))-1)+IF('Standard Profiles'!$G$18=$B$10,7,0)+IF('Standard Profiles'!$G$18=$B$17,14,0)+IF('Standard Profiles'!$G$18=$B$24,21,0),0)),0)</f>
        <v>14.03004604856889</v>
      </c>
      <c r="E6477" cm="1">
        <f t="array" ref="E6477">IFERROR(INDEX(Jesper!AI$2:AI$366,ROUNDDOWN($C6477/24,0)+1,1)*INDEX($D$3:$AA$30,INDEX(Jesper!$R$2:$R$366,ROW(INDEX(Jesper!AI$2:AI$366,ROUNDDOWN($C6477/24,0)+1,1))-1)+IF('Standard Profiles'!$G$19=$B$10,7,0)+IF('Standard Profiles'!$G$19=$B$17,14,0)+IF('Standard Profiles'!$G$19=$B$24,21,0),MOD($C6477,24)+1)/SUM(INDEX($D$3:$AA$30,INDEX(Jesper!$R$2:$R$366,ROW(INDEX(Jesper!AI$2:AI$366,ROUNDDOWN($C6477/24,0)+1,1))-1)+IF('Standard Profiles'!$G$19=$B$10,7,0)+IF('Standard Profiles'!$G$19=$B$17,14,0)+IF('Standard Profiles'!$G$19=$B$24,21,0),0)),0)</f>
        <v>0</v>
      </c>
      <c r="F6477" cm="1">
        <f t="array" ref="F6477">IFERROR(INDEX(Jesper!AJ$2:AJ$366,ROUNDDOWN($C6477/24,0)+1,1)*INDEX($D$3:$AA$30,INDEX(Jesper!$R$2:$R$366,ROW(INDEX(Jesper!AJ$2:AJ$366,ROUNDDOWN($C6477/24,0)+1,1))-1)+IF('Standard Profiles'!$G$20=$B$10,7,0)+IF('Standard Profiles'!$G$20=$B$17,14,0)+IF('Standard Profiles'!$G$20=$B$24,21,0),MOD($C6477,24)+1)/SUM(INDEX($D$3:$AA$30,INDEX(Jesper!$R$2:$R$366,ROW(INDEX(Jesper!AJ$2:AJ$366,ROUNDDOWN($C6477/24,0)+1,1))-1)+IF('Standard Profiles'!$G$20=$B$10,7,0)+IF('Standard Profiles'!$G$20=$B$17,14,0)+IF('Standard Profiles'!$G$20=$B$24,21,0),0)),0)</f>
        <v>0</v>
      </c>
      <c r="G6477" cm="1">
        <f t="array" ref="G6477">IFERROR(INDEX(Jesper!AK$2:AK$366,ROUNDDOWN($C6477/24,0)+1,1)*INDEX($D$3:$AA$30,INDEX(Jesper!$R$2:$R$366,ROW(INDEX(Jesper!AK$2:AK$366,ROUNDDOWN($C6477/24,0)+1,1))-1)+IF('Standard Profiles'!$G$21=$B$10,7,0)+IF('Standard Profiles'!$G$21=$B$17,14,0)+IF('Standard Profiles'!$G$21=$B$24,21,0),MOD($C6477,24)+1)/SUM(INDEX($D$3:$AA$30,INDEX(Jesper!$R$2:$R$366,ROW(INDEX(Jesper!AK$2:AK$366,ROUNDDOWN($C6477/24,0)+1,1))-1)+IF('Standard Profiles'!$G$21=$B$10,7,0)+IF('Standard Profiles'!$G$21=$B$17,14,0)+IF('Standard Profiles'!$G$21=$B$24,21,0),0)),0)</f>
        <v>0</v>
      </c>
      <c r="H6477" cm="1">
        <f t="array" ref="H6477">IFERROR(INDEX(Jesper!AL$2:AL$366,ROUNDDOWN($C6477/24,0)+1,1)*INDEX($D$3:$AA$30,INDEX(Jesper!$R$2:$R$366,ROW(INDEX(Jesper!AL$2:AL$366,ROUNDDOWN($C6477/24,0)+1,1))-1)+IF('Standard Profiles'!$G$22=$B$10,7,0)+IF('Standard Profiles'!$G$22=$B$17,14,0)+IF('Standard Profiles'!$G$22=$B$24,21,0),MOD($C6477,24)+1)/SUM(INDEX($D$3:$AA$30,INDEX(Jesper!$R$2:$R$366,ROW(INDEX(Jesper!AL$2:AL$366,ROUNDDOWN($C6477/24,0)+1,1))-1)+IF('Standard Profiles'!$G$22=$B$10,7,0)+IF('Standard Profiles'!$G$22=$B$17,14,0)+IF('Standard Profiles'!$G$22=$B$24,21,0),0)),0)</f>
        <v>0</v>
      </c>
      <c r="I6477">
        <f t="shared" si="720"/>
        <v>0.42090138145706668</v>
      </c>
      <c r="J6477">
        <f t="shared" si="721"/>
        <v>1.4030046048568892</v>
      </c>
      <c r="K6477">
        <f t="shared" si="722"/>
        <v>2.1045069072853333</v>
      </c>
      <c r="L6477">
        <f t="shared" si="723"/>
        <v>10.101633154969599</v>
      </c>
      <c r="M6477">
        <f t="shared" si="724"/>
        <v>0</v>
      </c>
      <c r="N6477" s="46">
        <f t="shared" si="725"/>
        <v>45560.458333317707</v>
      </c>
    </row>
    <row r="6478" spans="2:14" x14ac:dyDescent="0.3">
      <c r="B6478">
        <f t="shared" si="719"/>
        <v>3</v>
      </c>
      <c r="C6478" s="16">
        <v>6444</v>
      </c>
      <c r="D6478" cm="1">
        <f t="array" ref="D6478">IFERROR(INDEX(Jesper!AH$2:AH$366,ROUNDDOWN($C6478/24,0)+1,1)*INDEX($D$3:$AA$30,INDEX(Jesper!$R$2:$R$366,ROW(INDEX(Jesper!AH$2:AH$366,ROUNDDOWN($C6478/24,0)+1,1))-1)+IF('Standard Profiles'!$G$18=$B$10,7,0)+IF('Standard Profiles'!$G$18=$B$17,14,0)+IF('Standard Profiles'!$G$18=$B$24,21,0),MOD($C6478,24)+1)/SUM(INDEX($D$3:$AA$30,INDEX(Jesper!$R$2:$R$366,ROW(INDEX(Jesper!AH$2:AH$366,ROUNDDOWN($C6478/24,0)+1,1))-1)+IF('Standard Profiles'!$G$18=$B$10,7,0)+IF('Standard Profiles'!$G$18=$B$17,14,0)+IF('Standard Profiles'!$G$18=$B$24,21,0),0)),0)</f>
        <v>14.03004604856889</v>
      </c>
      <c r="E6478" cm="1">
        <f t="array" ref="E6478">IFERROR(INDEX(Jesper!AI$2:AI$366,ROUNDDOWN($C6478/24,0)+1,1)*INDEX($D$3:$AA$30,INDEX(Jesper!$R$2:$R$366,ROW(INDEX(Jesper!AI$2:AI$366,ROUNDDOWN($C6478/24,0)+1,1))-1)+IF('Standard Profiles'!$G$19=$B$10,7,0)+IF('Standard Profiles'!$G$19=$B$17,14,0)+IF('Standard Profiles'!$G$19=$B$24,21,0),MOD($C6478,24)+1)/SUM(INDEX($D$3:$AA$30,INDEX(Jesper!$R$2:$R$366,ROW(INDEX(Jesper!AI$2:AI$366,ROUNDDOWN($C6478/24,0)+1,1))-1)+IF('Standard Profiles'!$G$19=$B$10,7,0)+IF('Standard Profiles'!$G$19=$B$17,14,0)+IF('Standard Profiles'!$G$19=$B$24,21,0),0)),0)</f>
        <v>0</v>
      </c>
      <c r="F6478" cm="1">
        <f t="array" ref="F6478">IFERROR(INDEX(Jesper!AJ$2:AJ$366,ROUNDDOWN($C6478/24,0)+1,1)*INDEX($D$3:$AA$30,INDEX(Jesper!$R$2:$R$366,ROW(INDEX(Jesper!AJ$2:AJ$366,ROUNDDOWN($C6478/24,0)+1,1))-1)+IF('Standard Profiles'!$G$20=$B$10,7,0)+IF('Standard Profiles'!$G$20=$B$17,14,0)+IF('Standard Profiles'!$G$20=$B$24,21,0),MOD($C6478,24)+1)/SUM(INDEX($D$3:$AA$30,INDEX(Jesper!$R$2:$R$366,ROW(INDEX(Jesper!AJ$2:AJ$366,ROUNDDOWN($C6478/24,0)+1,1))-1)+IF('Standard Profiles'!$G$20=$B$10,7,0)+IF('Standard Profiles'!$G$20=$B$17,14,0)+IF('Standard Profiles'!$G$20=$B$24,21,0),0)),0)</f>
        <v>0</v>
      </c>
      <c r="G6478" cm="1">
        <f t="array" ref="G6478">IFERROR(INDEX(Jesper!AK$2:AK$366,ROUNDDOWN($C6478/24,0)+1,1)*INDEX($D$3:$AA$30,INDEX(Jesper!$R$2:$R$366,ROW(INDEX(Jesper!AK$2:AK$366,ROUNDDOWN($C6478/24,0)+1,1))-1)+IF('Standard Profiles'!$G$21=$B$10,7,0)+IF('Standard Profiles'!$G$21=$B$17,14,0)+IF('Standard Profiles'!$G$21=$B$24,21,0),MOD($C6478,24)+1)/SUM(INDEX($D$3:$AA$30,INDEX(Jesper!$R$2:$R$366,ROW(INDEX(Jesper!AK$2:AK$366,ROUNDDOWN($C6478/24,0)+1,1))-1)+IF('Standard Profiles'!$G$21=$B$10,7,0)+IF('Standard Profiles'!$G$21=$B$17,14,0)+IF('Standard Profiles'!$G$21=$B$24,21,0),0)),0)</f>
        <v>0</v>
      </c>
      <c r="H6478" cm="1">
        <f t="array" ref="H6478">IFERROR(INDEX(Jesper!AL$2:AL$366,ROUNDDOWN($C6478/24,0)+1,1)*INDEX($D$3:$AA$30,INDEX(Jesper!$R$2:$R$366,ROW(INDEX(Jesper!AL$2:AL$366,ROUNDDOWN($C6478/24,0)+1,1))-1)+IF('Standard Profiles'!$G$22=$B$10,7,0)+IF('Standard Profiles'!$G$22=$B$17,14,0)+IF('Standard Profiles'!$G$22=$B$24,21,0),MOD($C6478,24)+1)/SUM(INDEX($D$3:$AA$30,INDEX(Jesper!$R$2:$R$366,ROW(INDEX(Jesper!AL$2:AL$366,ROUNDDOWN($C6478/24,0)+1,1))-1)+IF('Standard Profiles'!$G$22=$B$10,7,0)+IF('Standard Profiles'!$G$22=$B$17,14,0)+IF('Standard Profiles'!$G$22=$B$24,21,0),0)),0)</f>
        <v>0</v>
      </c>
      <c r="I6478">
        <f t="shared" si="720"/>
        <v>0.42090138145706668</v>
      </c>
      <c r="J6478">
        <f t="shared" si="721"/>
        <v>1.4030046048568892</v>
      </c>
      <c r="K6478">
        <f t="shared" si="722"/>
        <v>2.1045069072853333</v>
      </c>
      <c r="L6478">
        <f t="shared" si="723"/>
        <v>10.101633154969599</v>
      </c>
      <c r="M6478">
        <f t="shared" si="724"/>
        <v>0</v>
      </c>
      <c r="N6478" s="46">
        <f t="shared" si="725"/>
        <v>45560.499999984371</v>
      </c>
    </row>
    <row r="6479" spans="2:14" x14ac:dyDescent="0.3">
      <c r="B6479">
        <f t="shared" si="719"/>
        <v>3</v>
      </c>
      <c r="C6479" s="16">
        <v>6445</v>
      </c>
      <c r="D6479" cm="1">
        <f t="array" ref="D6479">IFERROR(INDEX(Jesper!AH$2:AH$366,ROUNDDOWN($C6479/24,0)+1,1)*INDEX($D$3:$AA$30,INDEX(Jesper!$R$2:$R$366,ROW(INDEX(Jesper!AH$2:AH$366,ROUNDDOWN($C6479/24,0)+1,1))-1)+IF('Standard Profiles'!$G$18=$B$10,7,0)+IF('Standard Profiles'!$G$18=$B$17,14,0)+IF('Standard Profiles'!$G$18=$B$24,21,0),MOD($C6479,24)+1)/SUM(INDEX($D$3:$AA$30,INDEX(Jesper!$R$2:$R$366,ROW(INDEX(Jesper!AH$2:AH$366,ROUNDDOWN($C6479/24,0)+1,1))-1)+IF('Standard Profiles'!$G$18=$B$10,7,0)+IF('Standard Profiles'!$G$18=$B$17,14,0)+IF('Standard Profiles'!$G$18=$B$24,21,0),0)),0)</f>
        <v>14.03004604856889</v>
      </c>
      <c r="E6479" cm="1">
        <f t="array" ref="E6479">IFERROR(INDEX(Jesper!AI$2:AI$366,ROUNDDOWN($C6479/24,0)+1,1)*INDEX($D$3:$AA$30,INDEX(Jesper!$R$2:$R$366,ROW(INDEX(Jesper!AI$2:AI$366,ROUNDDOWN($C6479/24,0)+1,1))-1)+IF('Standard Profiles'!$G$19=$B$10,7,0)+IF('Standard Profiles'!$G$19=$B$17,14,0)+IF('Standard Profiles'!$G$19=$B$24,21,0),MOD($C6479,24)+1)/SUM(INDEX($D$3:$AA$30,INDEX(Jesper!$R$2:$R$366,ROW(INDEX(Jesper!AI$2:AI$366,ROUNDDOWN($C6479/24,0)+1,1))-1)+IF('Standard Profiles'!$G$19=$B$10,7,0)+IF('Standard Profiles'!$G$19=$B$17,14,0)+IF('Standard Profiles'!$G$19=$B$24,21,0),0)),0)</f>
        <v>0</v>
      </c>
      <c r="F6479" cm="1">
        <f t="array" ref="F6479">IFERROR(INDEX(Jesper!AJ$2:AJ$366,ROUNDDOWN($C6479/24,0)+1,1)*INDEX($D$3:$AA$30,INDEX(Jesper!$R$2:$R$366,ROW(INDEX(Jesper!AJ$2:AJ$366,ROUNDDOWN($C6479/24,0)+1,1))-1)+IF('Standard Profiles'!$G$20=$B$10,7,0)+IF('Standard Profiles'!$G$20=$B$17,14,0)+IF('Standard Profiles'!$G$20=$B$24,21,0),MOD($C6479,24)+1)/SUM(INDEX($D$3:$AA$30,INDEX(Jesper!$R$2:$R$366,ROW(INDEX(Jesper!AJ$2:AJ$366,ROUNDDOWN($C6479/24,0)+1,1))-1)+IF('Standard Profiles'!$G$20=$B$10,7,0)+IF('Standard Profiles'!$G$20=$B$17,14,0)+IF('Standard Profiles'!$G$20=$B$24,21,0),0)),0)</f>
        <v>0</v>
      </c>
      <c r="G6479" cm="1">
        <f t="array" ref="G6479">IFERROR(INDEX(Jesper!AK$2:AK$366,ROUNDDOWN($C6479/24,0)+1,1)*INDEX($D$3:$AA$30,INDEX(Jesper!$R$2:$R$366,ROW(INDEX(Jesper!AK$2:AK$366,ROUNDDOWN($C6479/24,0)+1,1))-1)+IF('Standard Profiles'!$G$21=$B$10,7,0)+IF('Standard Profiles'!$G$21=$B$17,14,0)+IF('Standard Profiles'!$G$21=$B$24,21,0),MOD($C6479,24)+1)/SUM(INDEX($D$3:$AA$30,INDEX(Jesper!$R$2:$R$366,ROW(INDEX(Jesper!AK$2:AK$366,ROUNDDOWN($C6479/24,0)+1,1))-1)+IF('Standard Profiles'!$G$21=$B$10,7,0)+IF('Standard Profiles'!$G$21=$B$17,14,0)+IF('Standard Profiles'!$G$21=$B$24,21,0),0)),0)</f>
        <v>0</v>
      </c>
      <c r="H6479" cm="1">
        <f t="array" ref="H6479">IFERROR(INDEX(Jesper!AL$2:AL$366,ROUNDDOWN($C6479/24,0)+1,1)*INDEX($D$3:$AA$30,INDEX(Jesper!$R$2:$R$366,ROW(INDEX(Jesper!AL$2:AL$366,ROUNDDOWN($C6479/24,0)+1,1))-1)+IF('Standard Profiles'!$G$22=$B$10,7,0)+IF('Standard Profiles'!$G$22=$B$17,14,0)+IF('Standard Profiles'!$G$22=$B$24,21,0),MOD($C6479,24)+1)/SUM(INDEX($D$3:$AA$30,INDEX(Jesper!$R$2:$R$366,ROW(INDEX(Jesper!AL$2:AL$366,ROUNDDOWN($C6479/24,0)+1,1))-1)+IF('Standard Profiles'!$G$22=$B$10,7,0)+IF('Standard Profiles'!$G$22=$B$17,14,0)+IF('Standard Profiles'!$G$22=$B$24,21,0),0)),0)</f>
        <v>0</v>
      </c>
      <c r="I6479">
        <f t="shared" si="720"/>
        <v>0.42090138145706668</v>
      </c>
      <c r="J6479">
        <f t="shared" si="721"/>
        <v>1.4030046048568892</v>
      </c>
      <c r="K6479">
        <f t="shared" si="722"/>
        <v>2.1045069072853333</v>
      </c>
      <c r="L6479">
        <f t="shared" si="723"/>
        <v>10.101633154969599</v>
      </c>
      <c r="M6479">
        <f t="shared" si="724"/>
        <v>0</v>
      </c>
      <c r="N6479" s="46">
        <f t="shared" si="725"/>
        <v>45560.541666651035</v>
      </c>
    </row>
    <row r="6480" spans="2:14" x14ac:dyDescent="0.3">
      <c r="B6480">
        <f t="shared" si="719"/>
        <v>3</v>
      </c>
      <c r="C6480" s="16">
        <v>6446</v>
      </c>
      <c r="D6480" cm="1">
        <f t="array" ref="D6480">IFERROR(INDEX(Jesper!AH$2:AH$366,ROUNDDOWN($C6480/24,0)+1,1)*INDEX($D$3:$AA$30,INDEX(Jesper!$R$2:$R$366,ROW(INDEX(Jesper!AH$2:AH$366,ROUNDDOWN($C6480/24,0)+1,1))-1)+IF('Standard Profiles'!$G$18=$B$10,7,0)+IF('Standard Profiles'!$G$18=$B$17,14,0)+IF('Standard Profiles'!$G$18=$B$24,21,0),MOD($C6480,24)+1)/SUM(INDEX($D$3:$AA$30,INDEX(Jesper!$R$2:$R$366,ROW(INDEX(Jesper!AH$2:AH$366,ROUNDDOWN($C6480/24,0)+1,1))-1)+IF('Standard Profiles'!$G$18=$B$10,7,0)+IF('Standard Profiles'!$G$18=$B$17,14,0)+IF('Standard Profiles'!$G$18=$B$24,21,0),0)),0)</f>
        <v>14.03004604856889</v>
      </c>
      <c r="E6480" cm="1">
        <f t="array" ref="E6480">IFERROR(INDEX(Jesper!AI$2:AI$366,ROUNDDOWN($C6480/24,0)+1,1)*INDEX($D$3:$AA$30,INDEX(Jesper!$R$2:$R$366,ROW(INDEX(Jesper!AI$2:AI$366,ROUNDDOWN($C6480/24,0)+1,1))-1)+IF('Standard Profiles'!$G$19=$B$10,7,0)+IF('Standard Profiles'!$G$19=$B$17,14,0)+IF('Standard Profiles'!$G$19=$B$24,21,0),MOD($C6480,24)+1)/SUM(INDEX($D$3:$AA$30,INDEX(Jesper!$R$2:$R$366,ROW(INDEX(Jesper!AI$2:AI$366,ROUNDDOWN($C6480/24,0)+1,1))-1)+IF('Standard Profiles'!$G$19=$B$10,7,0)+IF('Standard Profiles'!$G$19=$B$17,14,0)+IF('Standard Profiles'!$G$19=$B$24,21,0),0)),0)</f>
        <v>0</v>
      </c>
      <c r="F6480" cm="1">
        <f t="array" ref="F6480">IFERROR(INDEX(Jesper!AJ$2:AJ$366,ROUNDDOWN($C6480/24,0)+1,1)*INDEX($D$3:$AA$30,INDEX(Jesper!$R$2:$R$366,ROW(INDEX(Jesper!AJ$2:AJ$366,ROUNDDOWN($C6480/24,0)+1,1))-1)+IF('Standard Profiles'!$G$20=$B$10,7,0)+IF('Standard Profiles'!$G$20=$B$17,14,0)+IF('Standard Profiles'!$G$20=$B$24,21,0),MOD($C6480,24)+1)/SUM(INDEX($D$3:$AA$30,INDEX(Jesper!$R$2:$R$366,ROW(INDEX(Jesper!AJ$2:AJ$366,ROUNDDOWN($C6480/24,0)+1,1))-1)+IF('Standard Profiles'!$G$20=$B$10,7,0)+IF('Standard Profiles'!$G$20=$B$17,14,0)+IF('Standard Profiles'!$G$20=$B$24,21,0),0)),0)</f>
        <v>0</v>
      </c>
      <c r="G6480" cm="1">
        <f t="array" ref="G6480">IFERROR(INDEX(Jesper!AK$2:AK$366,ROUNDDOWN($C6480/24,0)+1,1)*INDEX($D$3:$AA$30,INDEX(Jesper!$R$2:$R$366,ROW(INDEX(Jesper!AK$2:AK$366,ROUNDDOWN($C6480/24,0)+1,1))-1)+IF('Standard Profiles'!$G$21=$B$10,7,0)+IF('Standard Profiles'!$G$21=$B$17,14,0)+IF('Standard Profiles'!$G$21=$B$24,21,0),MOD($C6480,24)+1)/SUM(INDEX($D$3:$AA$30,INDEX(Jesper!$R$2:$R$366,ROW(INDEX(Jesper!AK$2:AK$366,ROUNDDOWN($C6480/24,0)+1,1))-1)+IF('Standard Profiles'!$G$21=$B$10,7,0)+IF('Standard Profiles'!$G$21=$B$17,14,0)+IF('Standard Profiles'!$G$21=$B$24,21,0),0)),0)</f>
        <v>0</v>
      </c>
      <c r="H6480" cm="1">
        <f t="array" ref="H6480">IFERROR(INDEX(Jesper!AL$2:AL$366,ROUNDDOWN($C6480/24,0)+1,1)*INDEX($D$3:$AA$30,INDEX(Jesper!$R$2:$R$366,ROW(INDEX(Jesper!AL$2:AL$366,ROUNDDOWN($C6480/24,0)+1,1))-1)+IF('Standard Profiles'!$G$22=$B$10,7,0)+IF('Standard Profiles'!$G$22=$B$17,14,0)+IF('Standard Profiles'!$G$22=$B$24,21,0),MOD($C6480,24)+1)/SUM(INDEX($D$3:$AA$30,INDEX(Jesper!$R$2:$R$366,ROW(INDEX(Jesper!AL$2:AL$366,ROUNDDOWN($C6480/24,0)+1,1))-1)+IF('Standard Profiles'!$G$22=$B$10,7,0)+IF('Standard Profiles'!$G$22=$B$17,14,0)+IF('Standard Profiles'!$G$22=$B$24,21,0),0)),0)</f>
        <v>0</v>
      </c>
      <c r="I6480">
        <f t="shared" si="720"/>
        <v>0.42090138145706668</v>
      </c>
      <c r="J6480">
        <f t="shared" si="721"/>
        <v>1.4030046048568892</v>
      </c>
      <c r="K6480">
        <f t="shared" si="722"/>
        <v>2.1045069072853333</v>
      </c>
      <c r="L6480">
        <f t="shared" si="723"/>
        <v>10.101633154969599</v>
      </c>
      <c r="M6480">
        <f t="shared" si="724"/>
        <v>0</v>
      </c>
      <c r="N6480" s="46">
        <f t="shared" si="725"/>
        <v>45560.5833333177</v>
      </c>
    </row>
    <row r="6481" spans="2:14" x14ac:dyDescent="0.3">
      <c r="B6481">
        <f t="shared" si="719"/>
        <v>3</v>
      </c>
      <c r="C6481" s="16">
        <v>6447</v>
      </c>
      <c r="D6481" cm="1">
        <f t="array" ref="D6481">IFERROR(INDEX(Jesper!AH$2:AH$366,ROUNDDOWN($C6481/24,0)+1,1)*INDEX($D$3:$AA$30,INDEX(Jesper!$R$2:$R$366,ROW(INDEX(Jesper!AH$2:AH$366,ROUNDDOWN($C6481/24,0)+1,1))-1)+IF('Standard Profiles'!$G$18=$B$10,7,0)+IF('Standard Profiles'!$G$18=$B$17,14,0)+IF('Standard Profiles'!$G$18=$B$24,21,0),MOD($C6481,24)+1)/SUM(INDEX($D$3:$AA$30,INDEX(Jesper!$R$2:$R$366,ROW(INDEX(Jesper!AH$2:AH$366,ROUNDDOWN($C6481/24,0)+1,1))-1)+IF('Standard Profiles'!$G$18=$B$10,7,0)+IF('Standard Profiles'!$G$18=$B$17,14,0)+IF('Standard Profiles'!$G$18=$B$24,21,0),0)),0)</f>
        <v>14.03004604856889</v>
      </c>
      <c r="E6481" cm="1">
        <f t="array" ref="E6481">IFERROR(INDEX(Jesper!AI$2:AI$366,ROUNDDOWN($C6481/24,0)+1,1)*INDEX($D$3:$AA$30,INDEX(Jesper!$R$2:$R$366,ROW(INDEX(Jesper!AI$2:AI$366,ROUNDDOWN($C6481/24,0)+1,1))-1)+IF('Standard Profiles'!$G$19=$B$10,7,0)+IF('Standard Profiles'!$G$19=$B$17,14,0)+IF('Standard Profiles'!$G$19=$B$24,21,0),MOD($C6481,24)+1)/SUM(INDEX($D$3:$AA$30,INDEX(Jesper!$R$2:$R$366,ROW(INDEX(Jesper!AI$2:AI$366,ROUNDDOWN($C6481/24,0)+1,1))-1)+IF('Standard Profiles'!$G$19=$B$10,7,0)+IF('Standard Profiles'!$G$19=$B$17,14,0)+IF('Standard Profiles'!$G$19=$B$24,21,0),0)),0)</f>
        <v>0</v>
      </c>
      <c r="F6481" cm="1">
        <f t="array" ref="F6481">IFERROR(INDEX(Jesper!AJ$2:AJ$366,ROUNDDOWN($C6481/24,0)+1,1)*INDEX($D$3:$AA$30,INDEX(Jesper!$R$2:$R$366,ROW(INDEX(Jesper!AJ$2:AJ$366,ROUNDDOWN($C6481/24,0)+1,1))-1)+IF('Standard Profiles'!$G$20=$B$10,7,0)+IF('Standard Profiles'!$G$20=$B$17,14,0)+IF('Standard Profiles'!$G$20=$B$24,21,0),MOD($C6481,24)+1)/SUM(INDEX($D$3:$AA$30,INDEX(Jesper!$R$2:$R$366,ROW(INDEX(Jesper!AJ$2:AJ$366,ROUNDDOWN($C6481/24,0)+1,1))-1)+IF('Standard Profiles'!$G$20=$B$10,7,0)+IF('Standard Profiles'!$G$20=$B$17,14,0)+IF('Standard Profiles'!$G$20=$B$24,21,0),0)),0)</f>
        <v>0</v>
      </c>
      <c r="G6481" cm="1">
        <f t="array" ref="G6481">IFERROR(INDEX(Jesper!AK$2:AK$366,ROUNDDOWN($C6481/24,0)+1,1)*INDEX($D$3:$AA$30,INDEX(Jesper!$R$2:$R$366,ROW(INDEX(Jesper!AK$2:AK$366,ROUNDDOWN($C6481/24,0)+1,1))-1)+IF('Standard Profiles'!$G$21=$B$10,7,0)+IF('Standard Profiles'!$G$21=$B$17,14,0)+IF('Standard Profiles'!$G$21=$B$24,21,0),MOD($C6481,24)+1)/SUM(INDEX($D$3:$AA$30,INDEX(Jesper!$R$2:$R$366,ROW(INDEX(Jesper!AK$2:AK$366,ROUNDDOWN($C6481/24,0)+1,1))-1)+IF('Standard Profiles'!$G$21=$B$10,7,0)+IF('Standard Profiles'!$G$21=$B$17,14,0)+IF('Standard Profiles'!$G$21=$B$24,21,0),0)),0)</f>
        <v>0</v>
      </c>
      <c r="H6481" cm="1">
        <f t="array" ref="H6481">IFERROR(INDEX(Jesper!AL$2:AL$366,ROUNDDOWN($C6481/24,0)+1,1)*INDEX($D$3:$AA$30,INDEX(Jesper!$R$2:$R$366,ROW(INDEX(Jesper!AL$2:AL$366,ROUNDDOWN($C6481/24,0)+1,1))-1)+IF('Standard Profiles'!$G$22=$B$10,7,0)+IF('Standard Profiles'!$G$22=$B$17,14,0)+IF('Standard Profiles'!$G$22=$B$24,21,0),MOD($C6481,24)+1)/SUM(INDEX($D$3:$AA$30,INDEX(Jesper!$R$2:$R$366,ROW(INDEX(Jesper!AL$2:AL$366,ROUNDDOWN($C6481/24,0)+1,1))-1)+IF('Standard Profiles'!$G$22=$B$10,7,0)+IF('Standard Profiles'!$G$22=$B$17,14,0)+IF('Standard Profiles'!$G$22=$B$24,21,0),0)),0)</f>
        <v>0</v>
      </c>
      <c r="I6481">
        <f t="shared" si="720"/>
        <v>0.42090138145706668</v>
      </c>
      <c r="J6481">
        <f t="shared" si="721"/>
        <v>1.4030046048568892</v>
      </c>
      <c r="K6481">
        <f t="shared" si="722"/>
        <v>2.1045069072853333</v>
      </c>
      <c r="L6481">
        <f t="shared" si="723"/>
        <v>10.101633154969599</v>
      </c>
      <c r="M6481">
        <f t="shared" si="724"/>
        <v>0</v>
      </c>
      <c r="N6481" s="46">
        <f t="shared" si="725"/>
        <v>45560.624999984364</v>
      </c>
    </row>
    <row r="6482" spans="2:14" x14ac:dyDescent="0.3">
      <c r="B6482">
        <f t="shared" si="719"/>
        <v>3</v>
      </c>
      <c r="C6482" s="16">
        <v>6448</v>
      </c>
      <c r="D6482" cm="1">
        <f t="array" ref="D6482">IFERROR(INDEX(Jesper!AH$2:AH$366,ROUNDDOWN($C6482/24,0)+1,1)*INDEX($D$3:$AA$30,INDEX(Jesper!$R$2:$R$366,ROW(INDEX(Jesper!AH$2:AH$366,ROUNDDOWN($C6482/24,0)+1,1))-1)+IF('Standard Profiles'!$G$18=$B$10,7,0)+IF('Standard Profiles'!$G$18=$B$17,14,0)+IF('Standard Profiles'!$G$18=$B$24,21,0),MOD($C6482,24)+1)/SUM(INDEX($D$3:$AA$30,INDEX(Jesper!$R$2:$R$366,ROW(INDEX(Jesper!AH$2:AH$366,ROUNDDOWN($C6482/24,0)+1,1))-1)+IF('Standard Profiles'!$G$18=$B$10,7,0)+IF('Standard Profiles'!$G$18=$B$17,14,0)+IF('Standard Profiles'!$G$18=$B$24,21,0),0)),0)</f>
        <v>14.03004604856889</v>
      </c>
      <c r="E6482" cm="1">
        <f t="array" ref="E6482">IFERROR(INDEX(Jesper!AI$2:AI$366,ROUNDDOWN($C6482/24,0)+1,1)*INDEX($D$3:$AA$30,INDEX(Jesper!$R$2:$R$366,ROW(INDEX(Jesper!AI$2:AI$366,ROUNDDOWN($C6482/24,0)+1,1))-1)+IF('Standard Profiles'!$G$19=$B$10,7,0)+IF('Standard Profiles'!$G$19=$B$17,14,0)+IF('Standard Profiles'!$G$19=$B$24,21,0),MOD($C6482,24)+1)/SUM(INDEX($D$3:$AA$30,INDEX(Jesper!$R$2:$R$366,ROW(INDEX(Jesper!AI$2:AI$366,ROUNDDOWN($C6482/24,0)+1,1))-1)+IF('Standard Profiles'!$G$19=$B$10,7,0)+IF('Standard Profiles'!$G$19=$B$17,14,0)+IF('Standard Profiles'!$G$19=$B$24,21,0),0)),0)</f>
        <v>0</v>
      </c>
      <c r="F6482" cm="1">
        <f t="array" ref="F6482">IFERROR(INDEX(Jesper!AJ$2:AJ$366,ROUNDDOWN($C6482/24,0)+1,1)*INDEX($D$3:$AA$30,INDEX(Jesper!$R$2:$R$366,ROW(INDEX(Jesper!AJ$2:AJ$366,ROUNDDOWN($C6482/24,0)+1,1))-1)+IF('Standard Profiles'!$G$20=$B$10,7,0)+IF('Standard Profiles'!$G$20=$B$17,14,0)+IF('Standard Profiles'!$G$20=$B$24,21,0),MOD($C6482,24)+1)/SUM(INDEX($D$3:$AA$30,INDEX(Jesper!$R$2:$R$366,ROW(INDEX(Jesper!AJ$2:AJ$366,ROUNDDOWN($C6482/24,0)+1,1))-1)+IF('Standard Profiles'!$G$20=$B$10,7,0)+IF('Standard Profiles'!$G$20=$B$17,14,0)+IF('Standard Profiles'!$G$20=$B$24,21,0),0)),0)</f>
        <v>0</v>
      </c>
      <c r="G6482" cm="1">
        <f t="array" ref="G6482">IFERROR(INDEX(Jesper!AK$2:AK$366,ROUNDDOWN($C6482/24,0)+1,1)*INDEX($D$3:$AA$30,INDEX(Jesper!$R$2:$R$366,ROW(INDEX(Jesper!AK$2:AK$366,ROUNDDOWN($C6482/24,0)+1,1))-1)+IF('Standard Profiles'!$G$21=$B$10,7,0)+IF('Standard Profiles'!$G$21=$B$17,14,0)+IF('Standard Profiles'!$G$21=$B$24,21,0),MOD($C6482,24)+1)/SUM(INDEX($D$3:$AA$30,INDEX(Jesper!$R$2:$R$366,ROW(INDEX(Jesper!AK$2:AK$366,ROUNDDOWN($C6482/24,0)+1,1))-1)+IF('Standard Profiles'!$G$21=$B$10,7,0)+IF('Standard Profiles'!$G$21=$B$17,14,0)+IF('Standard Profiles'!$G$21=$B$24,21,0),0)),0)</f>
        <v>0</v>
      </c>
      <c r="H6482" cm="1">
        <f t="array" ref="H6482">IFERROR(INDEX(Jesper!AL$2:AL$366,ROUNDDOWN($C6482/24,0)+1,1)*INDEX($D$3:$AA$30,INDEX(Jesper!$R$2:$R$366,ROW(INDEX(Jesper!AL$2:AL$366,ROUNDDOWN($C6482/24,0)+1,1))-1)+IF('Standard Profiles'!$G$22=$B$10,7,0)+IF('Standard Profiles'!$G$22=$B$17,14,0)+IF('Standard Profiles'!$G$22=$B$24,21,0),MOD($C6482,24)+1)/SUM(INDEX($D$3:$AA$30,INDEX(Jesper!$R$2:$R$366,ROW(INDEX(Jesper!AL$2:AL$366,ROUNDDOWN($C6482/24,0)+1,1))-1)+IF('Standard Profiles'!$G$22=$B$10,7,0)+IF('Standard Profiles'!$G$22=$B$17,14,0)+IF('Standard Profiles'!$G$22=$B$24,21,0),0)),0)</f>
        <v>0</v>
      </c>
      <c r="I6482">
        <f t="shared" si="720"/>
        <v>0.42090138145706668</v>
      </c>
      <c r="J6482">
        <f t="shared" si="721"/>
        <v>1.4030046048568892</v>
      </c>
      <c r="K6482">
        <f t="shared" si="722"/>
        <v>2.1045069072853333</v>
      </c>
      <c r="L6482">
        <f t="shared" si="723"/>
        <v>10.101633154969599</v>
      </c>
      <c r="M6482">
        <f t="shared" si="724"/>
        <v>0</v>
      </c>
      <c r="N6482" s="46">
        <f t="shared" si="725"/>
        <v>45560.666666651028</v>
      </c>
    </row>
    <row r="6483" spans="2:14" x14ac:dyDescent="0.3">
      <c r="B6483">
        <f t="shared" si="719"/>
        <v>3</v>
      </c>
      <c r="C6483" s="16">
        <v>6449</v>
      </c>
      <c r="D6483" cm="1">
        <f t="array" ref="D6483">IFERROR(INDEX(Jesper!AH$2:AH$366,ROUNDDOWN($C6483/24,0)+1,1)*INDEX($D$3:$AA$30,INDEX(Jesper!$R$2:$R$366,ROW(INDEX(Jesper!AH$2:AH$366,ROUNDDOWN($C6483/24,0)+1,1))-1)+IF('Standard Profiles'!$G$18=$B$10,7,0)+IF('Standard Profiles'!$G$18=$B$17,14,0)+IF('Standard Profiles'!$G$18=$B$24,21,0),MOD($C6483,24)+1)/SUM(INDEX($D$3:$AA$30,INDEX(Jesper!$R$2:$R$366,ROW(INDEX(Jesper!AH$2:AH$366,ROUNDDOWN($C6483/24,0)+1,1))-1)+IF('Standard Profiles'!$G$18=$B$10,7,0)+IF('Standard Profiles'!$G$18=$B$17,14,0)+IF('Standard Profiles'!$G$18=$B$24,21,0),0)),0)</f>
        <v>14.03004604856889</v>
      </c>
      <c r="E6483" cm="1">
        <f t="array" ref="E6483">IFERROR(INDEX(Jesper!AI$2:AI$366,ROUNDDOWN($C6483/24,0)+1,1)*INDEX($D$3:$AA$30,INDEX(Jesper!$R$2:$R$366,ROW(INDEX(Jesper!AI$2:AI$366,ROUNDDOWN($C6483/24,0)+1,1))-1)+IF('Standard Profiles'!$G$19=$B$10,7,0)+IF('Standard Profiles'!$G$19=$B$17,14,0)+IF('Standard Profiles'!$G$19=$B$24,21,0),MOD($C6483,24)+1)/SUM(INDEX($D$3:$AA$30,INDEX(Jesper!$R$2:$R$366,ROW(INDEX(Jesper!AI$2:AI$366,ROUNDDOWN($C6483/24,0)+1,1))-1)+IF('Standard Profiles'!$G$19=$B$10,7,0)+IF('Standard Profiles'!$G$19=$B$17,14,0)+IF('Standard Profiles'!$G$19=$B$24,21,0),0)),0)</f>
        <v>0</v>
      </c>
      <c r="F6483" cm="1">
        <f t="array" ref="F6483">IFERROR(INDEX(Jesper!AJ$2:AJ$366,ROUNDDOWN($C6483/24,0)+1,1)*INDEX($D$3:$AA$30,INDEX(Jesper!$R$2:$R$366,ROW(INDEX(Jesper!AJ$2:AJ$366,ROUNDDOWN($C6483/24,0)+1,1))-1)+IF('Standard Profiles'!$G$20=$B$10,7,0)+IF('Standard Profiles'!$G$20=$B$17,14,0)+IF('Standard Profiles'!$G$20=$B$24,21,0),MOD($C6483,24)+1)/SUM(INDEX($D$3:$AA$30,INDEX(Jesper!$R$2:$R$366,ROW(INDEX(Jesper!AJ$2:AJ$366,ROUNDDOWN($C6483/24,0)+1,1))-1)+IF('Standard Profiles'!$G$20=$B$10,7,0)+IF('Standard Profiles'!$G$20=$B$17,14,0)+IF('Standard Profiles'!$G$20=$B$24,21,0),0)),0)</f>
        <v>0</v>
      </c>
      <c r="G6483" cm="1">
        <f t="array" ref="G6483">IFERROR(INDEX(Jesper!AK$2:AK$366,ROUNDDOWN($C6483/24,0)+1,1)*INDEX($D$3:$AA$30,INDEX(Jesper!$R$2:$R$366,ROW(INDEX(Jesper!AK$2:AK$366,ROUNDDOWN($C6483/24,0)+1,1))-1)+IF('Standard Profiles'!$G$21=$B$10,7,0)+IF('Standard Profiles'!$G$21=$B$17,14,0)+IF('Standard Profiles'!$G$21=$B$24,21,0),MOD($C6483,24)+1)/SUM(INDEX($D$3:$AA$30,INDEX(Jesper!$R$2:$R$366,ROW(INDEX(Jesper!AK$2:AK$366,ROUNDDOWN($C6483/24,0)+1,1))-1)+IF('Standard Profiles'!$G$21=$B$10,7,0)+IF('Standard Profiles'!$G$21=$B$17,14,0)+IF('Standard Profiles'!$G$21=$B$24,21,0),0)),0)</f>
        <v>0</v>
      </c>
      <c r="H6483" cm="1">
        <f t="array" ref="H6483">IFERROR(INDEX(Jesper!AL$2:AL$366,ROUNDDOWN($C6483/24,0)+1,1)*INDEX($D$3:$AA$30,INDEX(Jesper!$R$2:$R$366,ROW(INDEX(Jesper!AL$2:AL$366,ROUNDDOWN($C6483/24,0)+1,1))-1)+IF('Standard Profiles'!$G$22=$B$10,7,0)+IF('Standard Profiles'!$G$22=$B$17,14,0)+IF('Standard Profiles'!$G$22=$B$24,21,0),MOD($C6483,24)+1)/SUM(INDEX($D$3:$AA$30,INDEX(Jesper!$R$2:$R$366,ROW(INDEX(Jesper!AL$2:AL$366,ROUNDDOWN($C6483/24,0)+1,1))-1)+IF('Standard Profiles'!$G$22=$B$10,7,0)+IF('Standard Profiles'!$G$22=$B$17,14,0)+IF('Standard Profiles'!$G$22=$B$24,21,0),0)),0)</f>
        <v>0</v>
      </c>
      <c r="I6483">
        <f t="shared" si="720"/>
        <v>0.42090138145706668</v>
      </c>
      <c r="J6483">
        <f t="shared" si="721"/>
        <v>1.4030046048568892</v>
      </c>
      <c r="K6483">
        <f t="shared" si="722"/>
        <v>2.1045069072853333</v>
      </c>
      <c r="L6483">
        <f t="shared" si="723"/>
        <v>10.101633154969599</v>
      </c>
      <c r="M6483">
        <f t="shared" si="724"/>
        <v>0</v>
      </c>
      <c r="N6483" s="46">
        <f t="shared" si="725"/>
        <v>45560.708333317692</v>
      </c>
    </row>
    <row r="6484" spans="2:14" x14ac:dyDescent="0.3">
      <c r="B6484">
        <f t="shared" si="719"/>
        <v>3</v>
      </c>
      <c r="C6484" s="16">
        <v>6450</v>
      </c>
      <c r="D6484" cm="1">
        <f t="array" ref="D6484">IFERROR(INDEX(Jesper!AH$2:AH$366,ROUNDDOWN($C6484/24,0)+1,1)*INDEX($D$3:$AA$30,INDEX(Jesper!$R$2:$R$366,ROW(INDEX(Jesper!AH$2:AH$366,ROUNDDOWN($C6484/24,0)+1,1))-1)+IF('Standard Profiles'!$G$18=$B$10,7,0)+IF('Standard Profiles'!$G$18=$B$17,14,0)+IF('Standard Profiles'!$G$18=$B$24,21,0),MOD($C6484,24)+1)/SUM(INDEX($D$3:$AA$30,INDEX(Jesper!$R$2:$R$366,ROW(INDEX(Jesper!AH$2:AH$366,ROUNDDOWN($C6484/24,0)+1,1))-1)+IF('Standard Profiles'!$G$18=$B$10,7,0)+IF('Standard Profiles'!$G$18=$B$17,14,0)+IF('Standard Profiles'!$G$18=$B$24,21,0),0)),0)</f>
        <v>14.03004604856889</v>
      </c>
      <c r="E6484" cm="1">
        <f t="array" ref="E6484">IFERROR(INDEX(Jesper!AI$2:AI$366,ROUNDDOWN($C6484/24,0)+1,1)*INDEX($D$3:$AA$30,INDEX(Jesper!$R$2:$R$366,ROW(INDEX(Jesper!AI$2:AI$366,ROUNDDOWN($C6484/24,0)+1,1))-1)+IF('Standard Profiles'!$G$19=$B$10,7,0)+IF('Standard Profiles'!$G$19=$B$17,14,0)+IF('Standard Profiles'!$G$19=$B$24,21,0),MOD($C6484,24)+1)/SUM(INDEX($D$3:$AA$30,INDEX(Jesper!$R$2:$R$366,ROW(INDEX(Jesper!AI$2:AI$366,ROUNDDOWN($C6484/24,0)+1,1))-1)+IF('Standard Profiles'!$G$19=$B$10,7,0)+IF('Standard Profiles'!$G$19=$B$17,14,0)+IF('Standard Profiles'!$G$19=$B$24,21,0),0)),0)</f>
        <v>0</v>
      </c>
      <c r="F6484" cm="1">
        <f t="array" ref="F6484">IFERROR(INDEX(Jesper!AJ$2:AJ$366,ROUNDDOWN($C6484/24,0)+1,1)*INDEX($D$3:$AA$30,INDEX(Jesper!$R$2:$R$366,ROW(INDEX(Jesper!AJ$2:AJ$366,ROUNDDOWN($C6484/24,0)+1,1))-1)+IF('Standard Profiles'!$G$20=$B$10,7,0)+IF('Standard Profiles'!$G$20=$B$17,14,0)+IF('Standard Profiles'!$G$20=$B$24,21,0),MOD($C6484,24)+1)/SUM(INDEX($D$3:$AA$30,INDEX(Jesper!$R$2:$R$366,ROW(INDEX(Jesper!AJ$2:AJ$366,ROUNDDOWN($C6484/24,0)+1,1))-1)+IF('Standard Profiles'!$G$20=$B$10,7,0)+IF('Standard Profiles'!$G$20=$B$17,14,0)+IF('Standard Profiles'!$G$20=$B$24,21,0),0)),0)</f>
        <v>0</v>
      </c>
      <c r="G6484" cm="1">
        <f t="array" ref="G6484">IFERROR(INDEX(Jesper!AK$2:AK$366,ROUNDDOWN($C6484/24,0)+1,1)*INDEX($D$3:$AA$30,INDEX(Jesper!$R$2:$R$366,ROW(INDEX(Jesper!AK$2:AK$366,ROUNDDOWN($C6484/24,0)+1,1))-1)+IF('Standard Profiles'!$G$21=$B$10,7,0)+IF('Standard Profiles'!$G$21=$B$17,14,0)+IF('Standard Profiles'!$G$21=$B$24,21,0),MOD($C6484,24)+1)/SUM(INDEX($D$3:$AA$30,INDEX(Jesper!$R$2:$R$366,ROW(INDEX(Jesper!AK$2:AK$366,ROUNDDOWN($C6484/24,0)+1,1))-1)+IF('Standard Profiles'!$G$21=$B$10,7,0)+IF('Standard Profiles'!$G$21=$B$17,14,0)+IF('Standard Profiles'!$G$21=$B$24,21,0),0)),0)</f>
        <v>0</v>
      </c>
      <c r="H6484" cm="1">
        <f t="array" ref="H6484">IFERROR(INDEX(Jesper!AL$2:AL$366,ROUNDDOWN($C6484/24,0)+1,1)*INDEX($D$3:$AA$30,INDEX(Jesper!$R$2:$R$366,ROW(INDEX(Jesper!AL$2:AL$366,ROUNDDOWN($C6484/24,0)+1,1))-1)+IF('Standard Profiles'!$G$22=$B$10,7,0)+IF('Standard Profiles'!$G$22=$B$17,14,0)+IF('Standard Profiles'!$G$22=$B$24,21,0),MOD($C6484,24)+1)/SUM(INDEX($D$3:$AA$30,INDEX(Jesper!$R$2:$R$366,ROW(INDEX(Jesper!AL$2:AL$366,ROUNDDOWN($C6484/24,0)+1,1))-1)+IF('Standard Profiles'!$G$22=$B$10,7,0)+IF('Standard Profiles'!$G$22=$B$17,14,0)+IF('Standard Profiles'!$G$22=$B$24,21,0),0)),0)</f>
        <v>0</v>
      </c>
      <c r="I6484">
        <f t="shared" si="720"/>
        <v>0.42090138145706668</v>
      </c>
      <c r="J6484">
        <f t="shared" si="721"/>
        <v>1.4030046048568892</v>
      </c>
      <c r="K6484">
        <f t="shared" si="722"/>
        <v>2.1045069072853333</v>
      </c>
      <c r="L6484">
        <f t="shared" si="723"/>
        <v>10.101633154969599</v>
      </c>
      <c r="M6484">
        <f t="shared" si="724"/>
        <v>0</v>
      </c>
      <c r="N6484" s="46">
        <f t="shared" si="725"/>
        <v>45560.749999984357</v>
      </c>
    </row>
    <row r="6485" spans="2:14" x14ac:dyDescent="0.3">
      <c r="B6485">
        <f t="shared" si="719"/>
        <v>3</v>
      </c>
      <c r="C6485" s="16">
        <v>6451</v>
      </c>
      <c r="D6485" cm="1">
        <f t="array" ref="D6485">IFERROR(INDEX(Jesper!AH$2:AH$366,ROUNDDOWN($C6485/24,0)+1,1)*INDEX($D$3:$AA$30,INDEX(Jesper!$R$2:$R$366,ROW(INDEX(Jesper!AH$2:AH$366,ROUNDDOWN($C6485/24,0)+1,1))-1)+IF('Standard Profiles'!$G$18=$B$10,7,0)+IF('Standard Profiles'!$G$18=$B$17,14,0)+IF('Standard Profiles'!$G$18=$B$24,21,0),MOD($C6485,24)+1)/SUM(INDEX($D$3:$AA$30,INDEX(Jesper!$R$2:$R$366,ROW(INDEX(Jesper!AH$2:AH$366,ROUNDDOWN($C6485/24,0)+1,1))-1)+IF('Standard Profiles'!$G$18=$B$10,7,0)+IF('Standard Profiles'!$G$18=$B$17,14,0)+IF('Standard Profiles'!$G$18=$B$24,21,0),0)),0)</f>
        <v>11.691705040474075</v>
      </c>
      <c r="E6485" cm="1">
        <f t="array" ref="E6485">IFERROR(INDEX(Jesper!AI$2:AI$366,ROUNDDOWN($C6485/24,0)+1,1)*INDEX($D$3:$AA$30,INDEX(Jesper!$R$2:$R$366,ROW(INDEX(Jesper!AI$2:AI$366,ROUNDDOWN($C6485/24,0)+1,1))-1)+IF('Standard Profiles'!$G$19=$B$10,7,0)+IF('Standard Profiles'!$G$19=$B$17,14,0)+IF('Standard Profiles'!$G$19=$B$24,21,0),MOD($C6485,24)+1)/SUM(INDEX($D$3:$AA$30,INDEX(Jesper!$R$2:$R$366,ROW(INDEX(Jesper!AI$2:AI$366,ROUNDDOWN($C6485/24,0)+1,1))-1)+IF('Standard Profiles'!$G$19=$B$10,7,0)+IF('Standard Profiles'!$G$19=$B$17,14,0)+IF('Standard Profiles'!$G$19=$B$24,21,0),0)),0)</f>
        <v>0</v>
      </c>
      <c r="F6485" cm="1">
        <f t="array" ref="F6485">IFERROR(INDEX(Jesper!AJ$2:AJ$366,ROUNDDOWN($C6485/24,0)+1,1)*INDEX($D$3:$AA$30,INDEX(Jesper!$R$2:$R$366,ROW(INDEX(Jesper!AJ$2:AJ$366,ROUNDDOWN($C6485/24,0)+1,1))-1)+IF('Standard Profiles'!$G$20=$B$10,7,0)+IF('Standard Profiles'!$G$20=$B$17,14,0)+IF('Standard Profiles'!$G$20=$B$24,21,0),MOD($C6485,24)+1)/SUM(INDEX($D$3:$AA$30,INDEX(Jesper!$R$2:$R$366,ROW(INDEX(Jesper!AJ$2:AJ$366,ROUNDDOWN($C6485/24,0)+1,1))-1)+IF('Standard Profiles'!$G$20=$B$10,7,0)+IF('Standard Profiles'!$G$20=$B$17,14,0)+IF('Standard Profiles'!$G$20=$B$24,21,0),0)),0)</f>
        <v>0</v>
      </c>
      <c r="G6485" cm="1">
        <f t="array" ref="G6485">IFERROR(INDEX(Jesper!AK$2:AK$366,ROUNDDOWN($C6485/24,0)+1,1)*INDEX($D$3:$AA$30,INDEX(Jesper!$R$2:$R$366,ROW(INDEX(Jesper!AK$2:AK$366,ROUNDDOWN($C6485/24,0)+1,1))-1)+IF('Standard Profiles'!$G$21=$B$10,7,0)+IF('Standard Profiles'!$G$21=$B$17,14,0)+IF('Standard Profiles'!$G$21=$B$24,21,0),MOD($C6485,24)+1)/SUM(INDEX($D$3:$AA$30,INDEX(Jesper!$R$2:$R$366,ROW(INDEX(Jesper!AK$2:AK$366,ROUNDDOWN($C6485/24,0)+1,1))-1)+IF('Standard Profiles'!$G$21=$B$10,7,0)+IF('Standard Profiles'!$G$21=$B$17,14,0)+IF('Standard Profiles'!$G$21=$B$24,21,0),0)),0)</f>
        <v>0</v>
      </c>
      <c r="H6485" cm="1">
        <f t="array" ref="H6485">IFERROR(INDEX(Jesper!AL$2:AL$366,ROUNDDOWN($C6485/24,0)+1,1)*INDEX($D$3:$AA$30,INDEX(Jesper!$R$2:$R$366,ROW(INDEX(Jesper!AL$2:AL$366,ROUNDDOWN($C6485/24,0)+1,1))-1)+IF('Standard Profiles'!$G$22=$B$10,7,0)+IF('Standard Profiles'!$G$22=$B$17,14,0)+IF('Standard Profiles'!$G$22=$B$24,21,0),MOD($C6485,24)+1)/SUM(INDEX($D$3:$AA$30,INDEX(Jesper!$R$2:$R$366,ROW(INDEX(Jesper!AL$2:AL$366,ROUNDDOWN($C6485/24,0)+1,1))-1)+IF('Standard Profiles'!$G$22=$B$10,7,0)+IF('Standard Profiles'!$G$22=$B$17,14,0)+IF('Standard Profiles'!$G$22=$B$24,21,0),0)),0)</f>
        <v>0</v>
      </c>
      <c r="I6485">
        <f t="shared" si="720"/>
        <v>0.35075115121422223</v>
      </c>
      <c r="J6485">
        <f t="shared" si="721"/>
        <v>1.1691705040474074</v>
      </c>
      <c r="K6485">
        <f t="shared" si="722"/>
        <v>1.7537557560711112</v>
      </c>
      <c r="L6485">
        <f t="shared" si="723"/>
        <v>8.4180276291413332</v>
      </c>
      <c r="M6485">
        <f t="shared" si="724"/>
        <v>0</v>
      </c>
      <c r="N6485" s="46">
        <f t="shared" si="725"/>
        <v>45560.791666651021</v>
      </c>
    </row>
    <row r="6486" spans="2:14" x14ac:dyDescent="0.3">
      <c r="B6486">
        <f t="shared" si="719"/>
        <v>3</v>
      </c>
      <c r="C6486" s="16">
        <v>6452</v>
      </c>
      <c r="D6486" cm="1">
        <f t="array" ref="D6486">IFERROR(INDEX(Jesper!AH$2:AH$366,ROUNDDOWN($C6486/24,0)+1,1)*INDEX($D$3:$AA$30,INDEX(Jesper!$R$2:$R$366,ROW(INDEX(Jesper!AH$2:AH$366,ROUNDDOWN($C6486/24,0)+1,1))-1)+IF('Standard Profiles'!$G$18=$B$10,7,0)+IF('Standard Profiles'!$G$18=$B$17,14,0)+IF('Standard Profiles'!$G$18=$B$24,21,0),MOD($C6486,24)+1)/SUM(INDEX($D$3:$AA$30,INDEX(Jesper!$R$2:$R$366,ROW(INDEX(Jesper!AH$2:AH$366,ROUNDDOWN($C6486/24,0)+1,1))-1)+IF('Standard Profiles'!$G$18=$B$10,7,0)+IF('Standard Profiles'!$G$18=$B$17,14,0)+IF('Standard Profiles'!$G$18=$B$24,21,0),0)),0)</f>
        <v>9.3533640323792593</v>
      </c>
      <c r="E6486" cm="1">
        <f t="array" ref="E6486">IFERROR(INDEX(Jesper!AI$2:AI$366,ROUNDDOWN($C6486/24,0)+1,1)*INDEX($D$3:$AA$30,INDEX(Jesper!$R$2:$R$366,ROW(INDEX(Jesper!AI$2:AI$366,ROUNDDOWN($C6486/24,0)+1,1))-1)+IF('Standard Profiles'!$G$19=$B$10,7,0)+IF('Standard Profiles'!$G$19=$B$17,14,0)+IF('Standard Profiles'!$G$19=$B$24,21,0),MOD($C6486,24)+1)/SUM(INDEX($D$3:$AA$30,INDEX(Jesper!$R$2:$R$366,ROW(INDEX(Jesper!AI$2:AI$366,ROUNDDOWN($C6486/24,0)+1,1))-1)+IF('Standard Profiles'!$G$19=$B$10,7,0)+IF('Standard Profiles'!$G$19=$B$17,14,0)+IF('Standard Profiles'!$G$19=$B$24,21,0),0)),0)</f>
        <v>0</v>
      </c>
      <c r="F6486" cm="1">
        <f t="array" ref="F6486">IFERROR(INDEX(Jesper!AJ$2:AJ$366,ROUNDDOWN($C6486/24,0)+1,1)*INDEX($D$3:$AA$30,INDEX(Jesper!$R$2:$R$366,ROW(INDEX(Jesper!AJ$2:AJ$366,ROUNDDOWN($C6486/24,0)+1,1))-1)+IF('Standard Profiles'!$G$20=$B$10,7,0)+IF('Standard Profiles'!$G$20=$B$17,14,0)+IF('Standard Profiles'!$G$20=$B$24,21,0),MOD($C6486,24)+1)/SUM(INDEX($D$3:$AA$30,INDEX(Jesper!$R$2:$R$366,ROW(INDEX(Jesper!AJ$2:AJ$366,ROUNDDOWN($C6486/24,0)+1,1))-1)+IF('Standard Profiles'!$G$20=$B$10,7,0)+IF('Standard Profiles'!$G$20=$B$17,14,0)+IF('Standard Profiles'!$G$20=$B$24,21,0),0)),0)</f>
        <v>0</v>
      </c>
      <c r="G6486" cm="1">
        <f t="array" ref="G6486">IFERROR(INDEX(Jesper!AK$2:AK$366,ROUNDDOWN($C6486/24,0)+1,1)*INDEX($D$3:$AA$30,INDEX(Jesper!$R$2:$R$366,ROW(INDEX(Jesper!AK$2:AK$366,ROUNDDOWN($C6486/24,0)+1,1))-1)+IF('Standard Profiles'!$G$21=$B$10,7,0)+IF('Standard Profiles'!$G$21=$B$17,14,0)+IF('Standard Profiles'!$G$21=$B$24,21,0),MOD($C6486,24)+1)/SUM(INDEX($D$3:$AA$30,INDEX(Jesper!$R$2:$R$366,ROW(INDEX(Jesper!AK$2:AK$366,ROUNDDOWN($C6486/24,0)+1,1))-1)+IF('Standard Profiles'!$G$21=$B$10,7,0)+IF('Standard Profiles'!$G$21=$B$17,14,0)+IF('Standard Profiles'!$G$21=$B$24,21,0),0)),0)</f>
        <v>0</v>
      </c>
      <c r="H6486" cm="1">
        <f t="array" ref="H6486">IFERROR(INDEX(Jesper!AL$2:AL$366,ROUNDDOWN($C6486/24,0)+1,1)*INDEX($D$3:$AA$30,INDEX(Jesper!$R$2:$R$366,ROW(INDEX(Jesper!AL$2:AL$366,ROUNDDOWN($C6486/24,0)+1,1))-1)+IF('Standard Profiles'!$G$22=$B$10,7,0)+IF('Standard Profiles'!$G$22=$B$17,14,0)+IF('Standard Profiles'!$G$22=$B$24,21,0),MOD($C6486,24)+1)/SUM(INDEX($D$3:$AA$30,INDEX(Jesper!$R$2:$R$366,ROW(INDEX(Jesper!AL$2:AL$366,ROUNDDOWN($C6486/24,0)+1,1))-1)+IF('Standard Profiles'!$G$22=$B$10,7,0)+IF('Standard Profiles'!$G$22=$B$17,14,0)+IF('Standard Profiles'!$G$22=$B$24,21,0),0)),0)</f>
        <v>0</v>
      </c>
      <c r="I6486">
        <f t="shared" si="720"/>
        <v>0.28060092097137779</v>
      </c>
      <c r="J6486">
        <f t="shared" si="721"/>
        <v>0.935336403237926</v>
      </c>
      <c r="K6486">
        <f t="shared" si="722"/>
        <v>1.4030046048568889</v>
      </c>
      <c r="L6486">
        <f t="shared" si="723"/>
        <v>6.734422103313066</v>
      </c>
      <c r="M6486">
        <f t="shared" si="724"/>
        <v>0</v>
      </c>
      <c r="N6486" s="46">
        <f t="shared" si="725"/>
        <v>45560.833333317685</v>
      </c>
    </row>
    <row r="6487" spans="2:14" x14ac:dyDescent="0.3">
      <c r="B6487">
        <f t="shared" si="719"/>
        <v>3</v>
      </c>
      <c r="C6487" s="16">
        <v>6453</v>
      </c>
      <c r="D6487" cm="1">
        <f t="array" ref="D6487">IFERROR(INDEX(Jesper!AH$2:AH$366,ROUNDDOWN($C6487/24,0)+1,1)*INDEX($D$3:$AA$30,INDEX(Jesper!$R$2:$R$366,ROW(INDEX(Jesper!AH$2:AH$366,ROUNDDOWN($C6487/24,0)+1,1))-1)+IF('Standard Profiles'!$G$18=$B$10,7,0)+IF('Standard Profiles'!$G$18=$B$17,14,0)+IF('Standard Profiles'!$G$18=$B$24,21,0),MOD($C6487,24)+1)/SUM(INDEX($D$3:$AA$30,INDEX(Jesper!$R$2:$R$366,ROW(INDEX(Jesper!AH$2:AH$366,ROUNDDOWN($C6487/24,0)+1,1))-1)+IF('Standard Profiles'!$G$18=$B$10,7,0)+IF('Standard Profiles'!$G$18=$B$17,14,0)+IF('Standard Profiles'!$G$18=$B$24,21,0),0)),0)</f>
        <v>7.0150230242844449</v>
      </c>
      <c r="E6487" cm="1">
        <f t="array" ref="E6487">IFERROR(INDEX(Jesper!AI$2:AI$366,ROUNDDOWN($C6487/24,0)+1,1)*INDEX($D$3:$AA$30,INDEX(Jesper!$R$2:$R$366,ROW(INDEX(Jesper!AI$2:AI$366,ROUNDDOWN($C6487/24,0)+1,1))-1)+IF('Standard Profiles'!$G$19=$B$10,7,0)+IF('Standard Profiles'!$G$19=$B$17,14,0)+IF('Standard Profiles'!$G$19=$B$24,21,0),MOD($C6487,24)+1)/SUM(INDEX($D$3:$AA$30,INDEX(Jesper!$R$2:$R$366,ROW(INDEX(Jesper!AI$2:AI$366,ROUNDDOWN($C6487/24,0)+1,1))-1)+IF('Standard Profiles'!$G$19=$B$10,7,0)+IF('Standard Profiles'!$G$19=$B$17,14,0)+IF('Standard Profiles'!$G$19=$B$24,21,0),0)),0)</f>
        <v>0</v>
      </c>
      <c r="F6487" cm="1">
        <f t="array" ref="F6487">IFERROR(INDEX(Jesper!AJ$2:AJ$366,ROUNDDOWN($C6487/24,0)+1,1)*INDEX($D$3:$AA$30,INDEX(Jesper!$R$2:$R$366,ROW(INDEX(Jesper!AJ$2:AJ$366,ROUNDDOWN($C6487/24,0)+1,1))-1)+IF('Standard Profiles'!$G$20=$B$10,7,0)+IF('Standard Profiles'!$G$20=$B$17,14,0)+IF('Standard Profiles'!$G$20=$B$24,21,0),MOD($C6487,24)+1)/SUM(INDEX($D$3:$AA$30,INDEX(Jesper!$R$2:$R$366,ROW(INDEX(Jesper!AJ$2:AJ$366,ROUNDDOWN($C6487/24,0)+1,1))-1)+IF('Standard Profiles'!$G$20=$B$10,7,0)+IF('Standard Profiles'!$G$20=$B$17,14,0)+IF('Standard Profiles'!$G$20=$B$24,21,0),0)),0)</f>
        <v>0</v>
      </c>
      <c r="G6487" cm="1">
        <f t="array" ref="G6487">IFERROR(INDEX(Jesper!AK$2:AK$366,ROUNDDOWN($C6487/24,0)+1,1)*INDEX($D$3:$AA$30,INDEX(Jesper!$R$2:$R$366,ROW(INDEX(Jesper!AK$2:AK$366,ROUNDDOWN($C6487/24,0)+1,1))-1)+IF('Standard Profiles'!$G$21=$B$10,7,0)+IF('Standard Profiles'!$G$21=$B$17,14,0)+IF('Standard Profiles'!$G$21=$B$24,21,0),MOD($C6487,24)+1)/SUM(INDEX($D$3:$AA$30,INDEX(Jesper!$R$2:$R$366,ROW(INDEX(Jesper!AK$2:AK$366,ROUNDDOWN($C6487/24,0)+1,1))-1)+IF('Standard Profiles'!$G$21=$B$10,7,0)+IF('Standard Profiles'!$G$21=$B$17,14,0)+IF('Standard Profiles'!$G$21=$B$24,21,0),0)),0)</f>
        <v>0</v>
      </c>
      <c r="H6487" cm="1">
        <f t="array" ref="H6487">IFERROR(INDEX(Jesper!AL$2:AL$366,ROUNDDOWN($C6487/24,0)+1,1)*INDEX($D$3:$AA$30,INDEX(Jesper!$R$2:$R$366,ROW(INDEX(Jesper!AL$2:AL$366,ROUNDDOWN($C6487/24,0)+1,1))-1)+IF('Standard Profiles'!$G$22=$B$10,7,0)+IF('Standard Profiles'!$G$22=$B$17,14,0)+IF('Standard Profiles'!$G$22=$B$24,21,0),MOD($C6487,24)+1)/SUM(INDEX($D$3:$AA$30,INDEX(Jesper!$R$2:$R$366,ROW(INDEX(Jesper!AL$2:AL$366,ROUNDDOWN($C6487/24,0)+1,1))-1)+IF('Standard Profiles'!$G$22=$B$10,7,0)+IF('Standard Profiles'!$G$22=$B$17,14,0)+IF('Standard Profiles'!$G$22=$B$24,21,0),0)),0)</f>
        <v>0</v>
      </c>
      <c r="I6487">
        <f t="shared" si="720"/>
        <v>0.21045069072853334</v>
      </c>
      <c r="J6487">
        <f t="shared" si="721"/>
        <v>0.70150230242844458</v>
      </c>
      <c r="K6487">
        <f t="shared" si="722"/>
        <v>1.0522534536426666</v>
      </c>
      <c r="L6487">
        <f t="shared" si="723"/>
        <v>5.0508165774847997</v>
      </c>
      <c r="M6487">
        <f t="shared" si="724"/>
        <v>0</v>
      </c>
      <c r="N6487" s="46">
        <f t="shared" si="725"/>
        <v>45560.874999984349</v>
      </c>
    </row>
    <row r="6488" spans="2:14" x14ac:dyDescent="0.3">
      <c r="B6488">
        <f t="shared" si="719"/>
        <v>3</v>
      </c>
      <c r="C6488" s="16">
        <v>6454</v>
      </c>
      <c r="D6488" cm="1">
        <f t="array" ref="D6488">IFERROR(INDEX(Jesper!AH$2:AH$366,ROUNDDOWN($C6488/24,0)+1,1)*INDEX($D$3:$AA$30,INDEX(Jesper!$R$2:$R$366,ROW(INDEX(Jesper!AH$2:AH$366,ROUNDDOWN($C6488/24,0)+1,1))-1)+IF('Standard Profiles'!$G$18=$B$10,7,0)+IF('Standard Profiles'!$G$18=$B$17,14,0)+IF('Standard Profiles'!$G$18=$B$24,21,0),MOD($C6488,24)+1)/SUM(INDEX($D$3:$AA$30,INDEX(Jesper!$R$2:$R$366,ROW(INDEX(Jesper!AH$2:AH$366,ROUNDDOWN($C6488/24,0)+1,1))-1)+IF('Standard Profiles'!$G$18=$B$10,7,0)+IF('Standard Profiles'!$G$18=$B$17,14,0)+IF('Standard Profiles'!$G$18=$B$24,21,0),0)),0)</f>
        <v>7.0150230242844449</v>
      </c>
      <c r="E6488" cm="1">
        <f t="array" ref="E6488">IFERROR(INDEX(Jesper!AI$2:AI$366,ROUNDDOWN($C6488/24,0)+1,1)*INDEX($D$3:$AA$30,INDEX(Jesper!$R$2:$R$366,ROW(INDEX(Jesper!AI$2:AI$366,ROUNDDOWN($C6488/24,0)+1,1))-1)+IF('Standard Profiles'!$G$19=$B$10,7,0)+IF('Standard Profiles'!$G$19=$B$17,14,0)+IF('Standard Profiles'!$G$19=$B$24,21,0),MOD($C6488,24)+1)/SUM(INDEX($D$3:$AA$30,INDEX(Jesper!$R$2:$R$366,ROW(INDEX(Jesper!AI$2:AI$366,ROUNDDOWN($C6488/24,0)+1,1))-1)+IF('Standard Profiles'!$G$19=$B$10,7,0)+IF('Standard Profiles'!$G$19=$B$17,14,0)+IF('Standard Profiles'!$G$19=$B$24,21,0),0)),0)</f>
        <v>0</v>
      </c>
      <c r="F6488" cm="1">
        <f t="array" ref="F6488">IFERROR(INDEX(Jesper!AJ$2:AJ$366,ROUNDDOWN($C6488/24,0)+1,1)*INDEX($D$3:$AA$30,INDEX(Jesper!$R$2:$R$366,ROW(INDEX(Jesper!AJ$2:AJ$366,ROUNDDOWN($C6488/24,0)+1,1))-1)+IF('Standard Profiles'!$G$20=$B$10,7,0)+IF('Standard Profiles'!$G$20=$B$17,14,0)+IF('Standard Profiles'!$G$20=$B$24,21,0),MOD($C6488,24)+1)/SUM(INDEX($D$3:$AA$30,INDEX(Jesper!$R$2:$R$366,ROW(INDEX(Jesper!AJ$2:AJ$366,ROUNDDOWN($C6488/24,0)+1,1))-1)+IF('Standard Profiles'!$G$20=$B$10,7,0)+IF('Standard Profiles'!$G$20=$B$17,14,0)+IF('Standard Profiles'!$G$20=$B$24,21,0),0)),0)</f>
        <v>0</v>
      </c>
      <c r="G6488" cm="1">
        <f t="array" ref="G6488">IFERROR(INDEX(Jesper!AK$2:AK$366,ROUNDDOWN($C6488/24,0)+1,1)*INDEX($D$3:$AA$30,INDEX(Jesper!$R$2:$R$366,ROW(INDEX(Jesper!AK$2:AK$366,ROUNDDOWN($C6488/24,0)+1,1))-1)+IF('Standard Profiles'!$G$21=$B$10,7,0)+IF('Standard Profiles'!$G$21=$B$17,14,0)+IF('Standard Profiles'!$G$21=$B$24,21,0),MOD($C6488,24)+1)/SUM(INDEX($D$3:$AA$30,INDEX(Jesper!$R$2:$R$366,ROW(INDEX(Jesper!AK$2:AK$366,ROUNDDOWN($C6488/24,0)+1,1))-1)+IF('Standard Profiles'!$G$21=$B$10,7,0)+IF('Standard Profiles'!$G$21=$B$17,14,0)+IF('Standard Profiles'!$G$21=$B$24,21,0),0)),0)</f>
        <v>0</v>
      </c>
      <c r="H6488" cm="1">
        <f t="array" ref="H6488">IFERROR(INDEX(Jesper!AL$2:AL$366,ROUNDDOWN($C6488/24,0)+1,1)*INDEX($D$3:$AA$30,INDEX(Jesper!$R$2:$R$366,ROW(INDEX(Jesper!AL$2:AL$366,ROUNDDOWN($C6488/24,0)+1,1))-1)+IF('Standard Profiles'!$G$22=$B$10,7,0)+IF('Standard Profiles'!$G$22=$B$17,14,0)+IF('Standard Profiles'!$G$22=$B$24,21,0),MOD($C6488,24)+1)/SUM(INDEX($D$3:$AA$30,INDEX(Jesper!$R$2:$R$366,ROW(INDEX(Jesper!AL$2:AL$366,ROUNDDOWN($C6488/24,0)+1,1))-1)+IF('Standard Profiles'!$G$22=$B$10,7,0)+IF('Standard Profiles'!$G$22=$B$17,14,0)+IF('Standard Profiles'!$G$22=$B$24,21,0),0)),0)</f>
        <v>0</v>
      </c>
      <c r="I6488">
        <f t="shared" si="720"/>
        <v>0.21045069072853334</v>
      </c>
      <c r="J6488">
        <f t="shared" si="721"/>
        <v>0.70150230242844458</v>
      </c>
      <c r="K6488">
        <f t="shared" si="722"/>
        <v>1.0522534536426666</v>
      </c>
      <c r="L6488">
        <f t="shared" si="723"/>
        <v>5.0508165774847997</v>
      </c>
      <c r="M6488">
        <f t="shared" si="724"/>
        <v>0</v>
      </c>
      <c r="N6488" s="46">
        <f t="shared" si="725"/>
        <v>45560.916666651014</v>
      </c>
    </row>
    <row r="6489" spans="2:14" x14ac:dyDescent="0.3">
      <c r="B6489">
        <f t="shared" si="719"/>
        <v>3</v>
      </c>
      <c r="C6489" s="16">
        <v>6455</v>
      </c>
      <c r="D6489" cm="1">
        <f t="array" ref="D6489">IFERROR(INDEX(Jesper!AH$2:AH$366,ROUNDDOWN($C6489/24,0)+1,1)*INDEX($D$3:$AA$30,INDEX(Jesper!$R$2:$R$366,ROW(INDEX(Jesper!AH$2:AH$366,ROUNDDOWN($C6489/24,0)+1,1))-1)+IF('Standard Profiles'!$G$18=$B$10,7,0)+IF('Standard Profiles'!$G$18=$B$17,14,0)+IF('Standard Profiles'!$G$18=$B$24,21,0),MOD($C6489,24)+1)/SUM(INDEX($D$3:$AA$30,INDEX(Jesper!$R$2:$R$366,ROW(INDEX(Jesper!AH$2:AH$366,ROUNDDOWN($C6489/24,0)+1,1))-1)+IF('Standard Profiles'!$G$18=$B$10,7,0)+IF('Standard Profiles'!$G$18=$B$17,14,0)+IF('Standard Profiles'!$G$18=$B$24,21,0),0)),0)</f>
        <v>7.0150230242844449</v>
      </c>
      <c r="E6489" cm="1">
        <f t="array" ref="E6489">IFERROR(INDEX(Jesper!AI$2:AI$366,ROUNDDOWN($C6489/24,0)+1,1)*INDEX($D$3:$AA$30,INDEX(Jesper!$R$2:$R$366,ROW(INDEX(Jesper!AI$2:AI$366,ROUNDDOWN($C6489/24,0)+1,1))-1)+IF('Standard Profiles'!$G$19=$B$10,7,0)+IF('Standard Profiles'!$G$19=$B$17,14,0)+IF('Standard Profiles'!$G$19=$B$24,21,0),MOD($C6489,24)+1)/SUM(INDEX($D$3:$AA$30,INDEX(Jesper!$R$2:$R$366,ROW(INDEX(Jesper!AI$2:AI$366,ROUNDDOWN($C6489/24,0)+1,1))-1)+IF('Standard Profiles'!$G$19=$B$10,7,0)+IF('Standard Profiles'!$G$19=$B$17,14,0)+IF('Standard Profiles'!$G$19=$B$24,21,0),0)),0)</f>
        <v>0</v>
      </c>
      <c r="F6489" cm="1">
        <f t="array" ref="F6489">IFERROR(INDEX(Jesper!AJ$2:AJ$366,ROUNDDOWN($C6489/24,0)+1,1)*INDEX($D$3:$AA$30,INDEX(Jesper!$R$2:$R$366,ROW(INDEX(Jesper!AJ$2:AJ$366,ROUNDDOWN($C6489/24,0)+1,1))-1)+IF('Standard Profiles'!$G$20=$B$10,7,0)+IF('Standard Profiles'!$G$20=$B$17,14,0)+IF('Standard Profiles'!$G$20=$B$24,21,0),MOD($C6489,24)+1)/SUM(INDEX($D$3:$AA$30,INDEX(Jesper!$R$2:$R$366,ROW(INDEX(Jesper!AJ$2:AJ$366,ROUNDDOWN($C6489/24,0)+1,1))-1)+IF('Standard Profiles'!$G$20=$B$10,7,0)+IF('Standard Profiles'!$G$20=$B$17,14,0)+IF('Standard Profiles'!$G$20=$B$24,21,0),0)),0)</f>
        <v>0</v>
      </c>
      <c r="G6489" cm="1">
        <f t="array" ref="G6489">IFERROR(INDEX(Jesper!AK$2:AK$366,ROUNDDOWN($C6489/24,0)+1,1)*INDEX($D$3:$AA$30,INDEX(Jesper!$R$2:$R$366,ROW(INDEX(Jesper!AK$2:AK$366,ROUNDDOWN($C6489/24,0)+1,1))-1)+IF('Standard Profiles'!$G$21=$B$10,7,0)+IF('Standard Profiles'!$G$21=$B$17,14,0)+IF('Standard Profiles'!$G$21=$B$24,21,0),MOD($C6489,24)+1)/SUM(INDEX($D$3:$AA$30,INDEX(Jesper!$R$2:$R$366,ROW(INDEX(Jesper!AK$2:AK$366,ROUNDDOWN($C6489/24,0)+1,1))-1)+IF('Standard Profiles'!$G$21=$B$10,7,0)+IF('Standard Profiles'!$G$21=$B$17,14,0)+IF('Standard Profiles'!$G$21=$B$24,21,0),0)),0)</f>
        <v>0</v>
      </c>
      <c r="H6489" cm="1">
        <f t="array" ref="H6489">IFERROR(INDEX(Jesper!AL$2:AL$366,ROUNDDOWN($C6489/24,0)+1,1)*INDEX($D$3:$AA$30,INDEX(Jesper!$R$2:$R$366,ROW(INDEX(Jesper!AL$2:AL$366,ROUNDDOWN($C6489/24,0)+1,1))-1)+IF('Standard Profiles'!$G$22=$B$10,7,0)+IF('Standard Profiles'!$G$22=$B$17,14,0)+IF('Standard Profiles'!$G$22=$B$24,21,0),MOD($C6489,24)+1)/SUM(INDEX($D$3:$AA$30,INDEX(Jesper!$R$2:$R$366,ROW(INDEX(Jesper!AL$2:AL$366,ROUNDDOWN($C6489/24,0)+1,1))-1)+IF('Standard Profiles'!$G$22=$B$10,7,0)+IF('Standard Profiles'!$G$22=$B$17,14,0)+IF('Standard Profiles'!$G$22=$B$24,21,0),0)),0)</f>
        <v>0</v>
      </c>
      <c r="I6489">
        <f t="shared" si="720"/>
        <v>0.21045069072853334</v>
      </c>
      <c r="J6489">
        <f t="shared" si="721"/>
        <v>0.70150230242844458</v>
      </c>
      <c r="K6489">
        <f t="shared" si="722"/>
        <v>1.0522534536426666</v>
      </c>
      <c r="L6489">
        <f t="shared" si="723"/>
        <v>5.0508165774847997</v>
      </c>
      <c r="M6489">
        <f t="shared" si="724"/>
        <v>0</v>
      </c>
      <c r="N6489" s="46">
        <f t="shared" si="725"/>
        <v>45560.958333317678</v>
      </c>
    </row>
    <row r="6490" spans="2:14" x14ac:dyDescent="0.3">
      <c r="B6490">
        <f t="shared" si="719"/>
        <v>4</v>
      </c>
      <c r="C6490" s="16">
        <v>6456</v>
      </c>
      <c r="D6490" cm="1">
        <f t="array" ref="D6490">IFERROR(INDEX(Jesper!AH$2:AH$366,ROUNDDOWN($C6490/24,0)+1,1)*INDEX($D$3:$AA$30,INDEX(Jesper!$R$2:$R$366,ROW(INDEX(Jesper!AH$2:AH$366,ROUNDDOWN($C6490/24,0)+1,1))-1)+IF('Standard Profiles'!$G$18=$B$10,7,0)+IF('Standard Profiles'!$G$18=$B$17,14,0)+IF('Standard Profiles'!$G$18=$B$24,21,0),MOD($C6490,24)+1)/SUM(INDEX($D$3:$AA$30,INDEX(Jesper!$R$2:$R$366,ROW(INDEX(Jesper!AH$2:AH$366,ROUNDDOWN($C6490/24,0)+1,1))-1)+IF('Standard Profiles'!$G$18=$B$10,7,0)+IF('Standard Profiles'!$G$18=$B$17,14,0)+IF('Standard Profiles'!$G$18=$B$24,21,0),0)),0)</f>
        <v>7.0501425647889082</v>
      </c>
      <c r="E6490" cm="1">
        <f t="array" ref="E6490">IFERROR(INDEX(Jesper!AI$2:AI$366,ROUNDDOWN($C6490/24,0)+1,1)*INDEX($D$3:$AA$30,INDEX(Jesper!$R$2:$R$366,ROW(INDEX(Jesper!AI$2:AI$366,ROUNDDOWN($C6490/24,0)+1,1))-1)+IF('Standard Profiles'!$G$19=$B$10,7,0)+IF('Standard Profiles'!$G$19=$B$17,14,0)+IF('Standard Profiles'!$G$19=$B$24,21,0),MOD($C6490,24)+1)/SUM(INDEX($D$3:$AA$30,INDEX(Jesper!$R$2:$R$366,ROW(INDEX(Jesper!AI$2:AI$366,ROUNDDOWN($C6490/24,0)+1,1))-1)+IF('Standard Profiles'!$G$19=$B$10,7,0)+IF('Standard Profiles'!$G$19=$B$17,14,0)+IF('Standard Profiles'!$G$19=$B$24,21,0),0)),0)</f>
        <v>0</v>
      </c>
      <c r="F6490" cm="1">
        <f t="array" ref="F6490">IFERROR(INDEX(Jesper!AJ$2:AJ$366,ROUNDDOWN($C6490/24,0)+1,1)*INDEX($D$3:$AA$30,INDEX(Jesper!$R$2:$R$366,ROW(INDEX(Jesper!AJ$2:AJ$366,ROUNDDOWN($C6490/24,0)+1,1))-1)+IF('Standard Profiles'!$G$20=$B$10,7,0)+IF('Standard Profiles'!$G$20=$B$17,14,0)+IF('Standard Profiles'!$G$20=$B$24,21,0),MOD($C6490,24)+1)/SUM(INDEX($D$3:$AA$30,INDEX(Jesper!$R$2:$R$366,ROW(INDEX(Jesper!AJ$2:AJ$366,ROUNDDOWN($C6490/24,0)+1,1))-1)+IF('Standard Profiles'!$G$20=$B$10,7,0)+IF('Standard Profiles'!$G$20=$B$17,14,0)+IF('Standard Profiles'!$G$20=$B$24,21,0),0)),0)</f>
        <v>0</v>
      </c>
      <c r="G6490" cm="1">
        <f t="array" ref="G6490">IFERROR(INDEX(Jesper!AK$2:AK$366,ROUNDDOWN($C6490/24,0)+1,1)*INDEX($D$3:$AA$30,INDEX(Jesper!$R$2:$R$366,ROW(INDEX(Jesper!AK$2:AK$366,ROUNDDOWN($C6490/24,0)+1,1))-1)+IF('Standard Profiles'!$G$21=$B$10,7,0)+IF('Standard Profiles'!$G$21=$B$17,14,0)+IF('Standard Profiles'!$G$21=$B$24,21,0),MOD($C6490,24)+1)/SUM(INDEX($D$3:$AA$30,INDEX(Jesper!$R$2:$R$366,ROW(INDEX(Jesper!AK$2:AK$366,ROUNDDOWN($C6490/24,0)+1,1))-1)+IF('Standard Profiles'!$G$21=$B$10,7,0)+IF('Standard Profiles'!$G$21=$B$17,14,0)+IF('Standard Profiles'!$G$21=$B$24,21,0),0)),0)</f>
        <v>0</v>
      </c>
      <c r="H6490" cm="1">
        <f t="array" ref="H6490">IFERROR(INDEX(Jesper!AL$2:AL$366,ROUNDDOWN($C6490/24,0)+1,1)*INDEX($D$3:$AA$30,INDEX(Jesper!$R$2:$R$366,ROW(INDEX(Jesper!AL$2:AL$366,ROUNDDOWN($C6490/24,0)+1,1))-1)+IF('Standard Profiles'!$G$22=$B$10,7,0)+IF('Standard Profiles'!$G$22=$B$17,14,0)+IF('Standard Profiles'!$G$22=$B$24,21,0),MOD($C6490,24)+1)/SUM(INDEX($D$3:$AA$30,INDEX(Jesper!$R$2:$R$366,ROW(INDEX(Jesper!AL$2:AL$366,ROUNDDOWN($C6490/24,0)+1,1))-1)+IF('Standard Profiles'!$G$22=$B$10,7,0)+IF('Standard Profiles'!$G$22=$B$17,14,0)+IF('Standard Profiles'!$G$22=$B$24,21,0),0)),0)</f>
        <v>0</v>
      </c>
      <c r="I6490">
        <f t="shared" si="720"/>
        <v>0.21150427694366725</v>
      </c>
      <c r="J6490">
        <f t="shared" si="721"/>
        <v>0.70501425647889082</v>
      </c>
      <c r="K6490">
        <f t="shared" si="722"/>
        <v>1.0575213847183362</v>
      </c>
      <c r="L6490">
        <f t="shared" si="723"/>
        <v>5.0761026466480139</v>
      </c>
      <c r="M6490">
        <f t="shared" si="724"/>
        <v>0</v>
      </c>
      <c r="N6490" s="46">
        <f t="shared" si="725"/>
        <v>45560.999999984342</v>
      </c>
    </row>
    <row r="6491" spans="2:14" x14ac:dyDescent="0.3">
      <c r="B6491">
        <f t="shared" si="719"/>
        <v>4</v>
      </c>
      <c r="C6491" s="16">
        <v>6457</v>
      </c>
      <c r="D6491" cm="1">
        <f t="array" ref="D6491">IFERROR(INDEX(Jesper!AH$2:AH$366,ROUNDDOWN($C6491/24,0)+1,1)*INDEX($D$3:$AA$30,INDEX(Jesper!$R$2:$R$366,ROW(INDEX(Jesper!AH$2:AH$366,ROUNDDOWN($C6491/24,0)+1,1))-1)+IF('Standard Profiles'!$G$18=$B$10,7,0)+IF('Standard Profiles'!$G$18=$B$17,14,0)+IF('Standard Profiles'!$G$18=$B$24,21,0),MOD($C6491,24)+1)/SUM(INDEX($D$3:$AA$30,INDEX(Jesper!$R$2:$R$366,ROW(INDEX(Jesper!AH$2:AH$366,ROUNDDOWN($C6491/24,0)+1,1))-1)+IF('Standard Profiles'!$G$18=$B$10,7,0)+IF('Standard Profiles'!$G$18=$B$17,14,0)+IF('Standard Profiles'!$G$18=$B$24,21,0),0)),0)</f>
        <v>7.0501425647889082</v>
      </c>
      <c r="E6491" cm="1">
        <f t="array" ref="E6491">IFERROR(INDEX(Jesper!AI$2:AI$366,ROUNDDOWN($C6491/24,0)+1,1)*INDEX($D$3:$AA$30,INDEX(Jesper!$R$2:$R$366,ROW(INDEX(Jesper!AI$2:AI$366,ROUNDDOWN($C6491/24,0)+1,1))-1)+IF('Standard Profiles'!$G$19=$B$10,7,0)+IF('Standard Profiles'!$G$19=$B$17,14,0)+IF('Standard Profiles'!$G$19=$B$24,21,0),MOD($C6491,24)+1)/SUM(INDEX($D$3:$AA$30,INDEX(Jesper!$R$2:$R$366,ROW(INDEX(Jesper!AI$2:AI$366,ROUNDDOWN($C6491/24,0)+1,1))-1)+IF('Standard Profiles'!$G$19=$B$10,7,0)+IF('Standard Profiles'!$G$19=$B$17,14,0)+IF('Standard Profiles'!$G$19=$B$24,21,0),0)),0)</f>
        <v>0</v>
      </c>
      <c r="F6491" cm="1">
        <f t="array" ref="F6491">IFERROR(INDEX(Jesper!AJ$2:AJ$366,ROUNDDOWN($C6491/24,0)+1,1)*INDEX($D$3:$AA$30,INDEX(Jesper!$R$2:$R$366,ROW(INDEX(Jesper!AJ$2:AJ$366,ROUNDDOWN($C6491/24,0)+1,1))-1)+IF('Standard Profiles'!$G$20=$B$10,7,0)+IF('Standard Profiles'!$G$20=$B$17,14,0)+IF('Standard Profiles'!$G$20=$B$24,21,0),MOD($C6491,24)+1)/SUM(INDEX($D$3:$AA$30,INDEX(Jesper!$R$2:$R$366,ROW(INDEX(Jesper!AJ$2:AJ$366,ROUNDDOWN($C6491/24,0)+1,1))-1)+IF('Standard Profiles'!$G$20=$B$10,7,0)+IF('Standard Profiles'!$G$20=$B$17,14,0)+IF('Standard Profiles'!$G$20=$B$24,21,0),0)),0)</f>
        <v>0</v>
      </c>
      <c r="G6491" cm="1">
        <f t="array" ref="G6491">IFERROR(INDEX(Jesper!AK$2:AK$366,ROUNDDOWN($C6491/24,0)+1,1)*INDEX($D$3:$AA$30,INDEX(Jesper!$R$2:$R$366,ROW(INDEX(Jesper!AK$2:AK$366,ROUNDDOWN($C6491/24,0)+1,1))-1)+IF('Standard Profiles'!$G$21=$B$10,7,0)+IF('Standard Profiles'!$G$21=$B$17,14,0)+IF('Standard Profiles'!$G$21=$B$24,21,0),MOD($C6491,24)+1)/SUM(INDEX($D$3:$AA$30,INDEX(Jesper!$R$2:$R$366,ROW(INDEX(Jesper!AK$2:AK$366,ROUNDDOWN($C6491/24,0)+1,1))-1)+IF('Standard Profiles'!$G$21=$B$10,7,0)+IF('Standard Profiles'!$G$21=$B$17,14,0)+IF('Standard Profiles'!$G$21=$B$24,21,0),0)),0)</f>
        <v>0</v>
      </c>
      <c r="H6491" cm="1">
        <f t="array" ref="H6491">IFERROR(INDEX(Jesper!AL$2:AL$366,ROUNDDOWN($C6491/24,0)+1,1)*INDEX($D$3:$AA$30,INDEX(Jesper!$R$2:$R$366,ROW(INDEX(Jesper!AL$2:AL$366,ROUNDDOWN($C6491/24,0)+1,1))-1)+IF('Standard Profiles'!$G$22=$B$10,7,0)+IF('Standard Profiles'!$G$22=$B$17,14,0)+IF('Standard Profiles'!$G$22=$B$24,21,0),MOD($C6491,24)+1)/SUM(INDEX($D$3:$AA$30,INDEX(Jesper!$R$2:$R$366,ROW(INDEX(Jesper!AL$2:AL$366,ROUNDDOWN($C6491/24,0)+1,1))-1)+IF('Standard Profiles'!$G$22=$B$10,7,0)+IF('Standard Profiles'!$G$22=$B$17,14,0)+IF('Standard Profiles'!$G$22=$B$24,21,0),0)),0)</f>
        <v>0</v>
      </c>
      <c r="I6491">
        <f t="shared" si="720"/>
        <v>0.21150427694366725</v>
      </c>
      <c r="J6491">
        <f t="shared" si="721"/>
        <v>0.70501425647889082</v>
      </c>
      <c r="K6491">
        <f t="shared" si="722"/>
        <v>1.0575213847183362</v>
      </c>
      <c r="L6491">
        <f t="shared" si="723"/>
        <v>5.0761026466480139</v>
      </c>
      <c r="M6491">
        <f t="shared" si="724"/>
        <v>0</v>
      </c>
      <c r="N6491" s="46">
        <f t="shared" si="725"/>
        <v>45561.041666651006</v>
      </c>
    </row>
    <row r="6492" spans="2:14" x14ac:dyDescent="0.3">
      <c r="B6492">
        <f t="shared" si="719"/>
        <v>4</v>
      </c>
      <c r="C6492" s="16">
        <v>6458</v>
      </c>
      <c r="D6492" cm="1">
        <f t="array" ref="D6492">IFERROR(INDEX(Jesper!AH$2:AH$366,ROUNDDOWN($C6492/24,0)+1,1)*INDEX($D$3:$AA$30,INDEX(Jesper!$R$2:$R$366,ROW(INDEX(Jesper!AH$2:AH$366,ROUNDDOWN($C6492/24,0)+1,1))-1)+IF('Standard Profiles'!$G$18=$B$10,7,0)+IF('Standard Profiles'!$G$18=$B$17,14,0)+IF('Standard Profiles'!$G$18=$B$24,21,0),MOD($C6492,24)+1)/SUM(INDEX($D$3:$AA$30,INDEX(Jesper!$R$2:$R$366,ROW(INDEX(Jesper!AH$2:AH$366,ROUNDDOWN($C6492/24,0)+1,1))-1)+IF('Standard Profiles'!$G$18=$B$10,7,0)+IF('Standard Profiles'!$G$18=$B$17,14,0)+IF('Standard Profiles'!$G$18=$B$24,21,0),0)),0)</f>
        <v>7.0501425647889082</v>
      </c>
      <c r="E6492" cm="1">
        <f t="array" ref="E6492">IFERROR(INDEX(Jesper!AI$2:AI$366,ROUNDDOWN($C6492/24,0)+1,1)*INDEX($D$3:$AA$30,INDEX(Jesper!$R$2:$R$366,ROW(INDEX(Jesper!AI$2:AI$366,ROUNDDOWN($C6492/24,0)+1,1))-1)+IF('Standard Profiles'!$G$19=$B$10,7,0)+IF('Standard Profiles'!$G$19=$B$17,14,0)+IF('Standard Profiles'!$G$19=$B$24,21,0),MOD($C6492,24)+1)/SUM(INDEX($D$3:$AA$30,INDEX(Jesper!$R$2:$R$366,ROW(INDEX(Jesper!AI$2:AI$366,ROUNDDOWN($C6492/24,0)+1,1))-1)+IF('Standard Profiles'!$G$19=$B$10,7,0)+IF('Standard Profiles'!$G$19=$B$17,14,0)+IF('Standard Profiles'!$G$19=$B$24,21,0),0)),0)</f>
        <v>0</v>
      </c>
      <c r="F6492" cm="1">
        <f t="array" ref="F6492">IFERROR(INDEX(Jesper!AJ$2:AJ$366,ROUNDDOWN($C6492/24,0)+1,1)*INDEX($D$3:$AA$30,INDEX(Jesper!$R$2:$R$366,ROW(INDEX(Jesper!AJ$2:AJ$366,ROUNDDOWN($C6492/24,0)+1,1))-1)+IF('Standard Profiles'!$G$20=$B$10,7,0)+IF('Standard Profiles'!$G$20=$B$17,14,0)+IF('Standard Profiles'!$G$20=$B$24,21,0),MOD($C6492,24)+1)/SUM(INDEX($D$3:$AA$30,INDEX(Jesper!$R$2:$R$366,ROW(INDEX(Jesper!AJ$2:AJ$366,ROUNDDOWN($C6492/24,0)+1,1))-1)+IF('Standard Profiles'!$G$20=$B$10,7,0)+IF('Standard Profiles'!$G$20=$B$17,14,0)+IF('Standard Profiles'!$G$20=$B$24,21,0),0)),0)</f>
        <v>0</v>
      </c>
      <c r="G6492" cm="1">
        <f t="array" ref="G6492">IFERROR(INDEX(Jesper!AK$2:AK$366,ROUNDDOWN($C6492/24,0)+1,1)*INDEX($D$3:$AA$30,INDEX(Jesper!$R$2:$R$366,ROW(INDEX(Jesper!AK$2:AK$366,ROUNDDOWN($C6492/24,0)+1,1))-1)+IF('Standard Profiles'!$G$21=$B$10,7,0)+IF('Standard Profiles'!$G$21=$B$17,14,0)+IF('Standard Profiles'!$G$21=$B$24,21,0),MOD($C6492,24)+1)/SUM(INDEX($D$3:$AA$30,INDEX(Jesper!$R$2:$R$366,ROW(INDEX(Jesper!AK$2:AK$366,ROUNDDOWN($C6492/24,0)+1,1))-1)+IF('Standard Profiles'!$G$21=$B$10,7,0)+IF('Standard Profiles'!$G$21=$B$17,14,0)+IF('Standard Profiles'!$G$21=$B$24,21,0),0)),0)</f>
        <v>0</v>
      </c>
      <c r="H6492" cm="1">
        <f t="array" ref="H6492">IFERROR(INDEX(Jesper!AL$2:AL$366,ROUNDDOWN($C6492/24,0)+1,1)*INDEX($D$3:$AA$30,INDEX(Jesper!$R$2:$R$366,ROW(INDEX(Jesper!AL$2:AL$366,ROUNDDOWN($C6492/24,0)+1,1))-1)+IF('Standard Profiles'!$G$22=$B$10,7,0)+IF('Standard Profiles'!$G$22=$B$17,14,0)+IF('Standard Profiles'!$G$22=$B$24,21,0),MOD($C6492,24)+1)/SUM(INDEX($D$3:$AA$30,INDEX(Jesper!$R$2:$R$366,ROW(INDEX(Jesper!AL$2:AL$366,ROUNDDOWN($C6492/24,0)+1,1))-1)+IF('Standard Profiles'!$G$22=$B$10,7,0)+IF('Standard Profiles'!$G$22=$B$17,14,0)+IF('Standard Profiles'!$G$22=$B$24,21,0),0)),0)</f>
        <v>0</v>
      </c>
      <c r="I6492">
        <f t="shared" si="720"/>
        <v>0.21150427694366725</v>
      </c>
      <c r="J6492">
        <f t="shared" si="721"/>
        <v>0.70501425647889082</v>
      </c>
      <c r="K6492">
        <f t="shared" si="722"/>
        <v>1.0575213847183362</v>
      </c>
      <c r="L6492">
        <f t="shared" si="723"/>
        <v>5.0761026466480139</v>
      </c>
      <c r="M6492">
        <f t="shared" si="724"/>
        <v>0</v>
      </c>
      <c r="N6492" s="46">
        <f t="shared" si="725"/>
        <v>45561.083333317671</v>
      </c>
    </row>
    <row r="6493" spans="2:14" x14ac:dyDescent="0.3">
      <c r="B6493">
        <f t="shared" si="719"/>
        <v>4</v>
      </c>
      <c r="C6493" s="16">
        <v>6459</v>
      </c>
      <c r="D6493" cm="1">
        <f t="array" ref="D6493">IFERROR(INDEX(Jesper!AH$2:AH$366,ROUNDDOWN($C6493/24,0)+1,1)*INDEX($D$3:$AA$30,INDEX(Jesper!$R$2:$R$366,ROW(INDEX(Jesper!AH$2:AH$366,ROUNDDOWN($C6493/24,0)+1,1))-1)+IF('Standard Profiles'!$G$18=$B$10,7,0)+IF('Standard Profiles'!$G$18=$B$17,14,0)+IF('Standard Profiles'!$G$18=$B$24,21,0),MOD($C6493,24)+1)/SUM(INDEX($D$3:$AA$30,INDEX(Jesper!$R$2:$R$366,ROW(INDEX(Jesper!AH$2:AH$366,ROUNDDOWN($C6493/24,0)+1,1))-1)+IF('Standard Profiles'!$G$18=$B$10,7,0)+IF('Standard Profiles'!$G$18=$B$17,14,0)+IF('Standard Profiles'!$G$18=$B$24,21,0),0)),0)</f>
        <v>7.0501425647889082</v>
      </c>
      <c r="E6493" cm="1">
        <f t="array" ref="E6493">IFERROR(INDEX(Jesper!AI$2:AI$366,ROUNDDOWN($C6493/24,0)+1,1)*INDEX($D$3:$AA$30,INDEX(Jesper!$R$2:$R$366,ROW(INDEX(Jesper!AI$2:AI$366,ROUNDDOWN($C6493/24,0)+1,1))-1)+IF('Standard Profiles'!$G$19=$B$10,7,0)+IF('Standard Profiles'!$G$19=$B$17,14,0)+IF('Standard Profiles'!$G$19=$B$24,21,0),MOD($C6493,24)+1)/SUM(INDEX($D$3:$AA$30,INDEX(Jesper!$R$2:$R$366,ROW(INDEX(Jesper!AI$2:AI$366,ROUNDDOWN($C6493/24,0)+1,1))-1)+IF('Standard Profiles'!$G$19=$B$10,7,0)+IF('Standard Profiles'!$G$19=$B$17,14,0)+IF('Standard Profiles'!$G$19=$B$24,21,0),0)),0)</f>
        <v>0</v>
      </c>
      <c r="F6493" cm="1">
        <f t="array" ref="F6493">IFERROR(INDEX(Jesper!AJ$2:AJ$366,ROUNDDOWN($C6493/24,0)+1,1)*INDEX($D$3:$AA$30,INDEX(Jesper!$R$2:$R$366,ROW(INDEX(Jesper!AJ$2:AJ$366,ROUNDDOWN($C6493/24,0)+1,1))-1)+IF('Standard Profiles'!$G$20=$B$10,7,0)+IF('Standard Profiles'!$G$20=$B$17,14,0)+IF('Standard Profiles'!$G$20=$B$24,21,0),MOD($C6493,24)+1)/SUM(INDEX($D$3:$AA$30,INDEX(Jesper!$R$2:$R$366,ROW(INDEX(Jesper!AJ$2:AJ$366,ROUNDDOWN($C6493/24,0)+1,1))-1)+IF('Standard Profiles'!$G$20=$B$10,7,0)+IF('Standard Profiles'!$G$20=$B$17,14,0)+IF('Standard Profiles'!$G$20=$B$24,21,0),0)),0)</f>
        <v>0</v>
      </c>
      <c r="G6493" cm="1">
        <f t="array" ref="G6493">IFERROR(INDEX(Jesper!AK$2:AK$366,ROUNDDOWN($C6493/24,0)+1,1)*INDEX($D$3:$AA$30,INDEX(Jesper!$R$2:$R$366,ROW(INDEX(Jesper!AK$2:AK$366,ROUNDDOWN($C6493/24,0)+1,1))-1)+IF('Standard Profiles'!$G$21=$B$10,7,0)+IF('Standard Profiles'!$G$21=$B$17,14,0)+IF('Standard Profiles'!$G$21=$B$24,21,0),MOD($C6493,24)+1)/SUM(INDEX($D$3:$AA$30,INDEX(Jesper!$R$2:$R$366,ROW(INDEX(Jesper!AK$2:AK$366,ROUNDDOWN($C6493/24,0)+1,1))-1)+IF('Standard Profiles'!$G$21=$B$10,7,0)+IF('Standard Profiles'!$G$21=$B$17,14,0)+IF('Standard Profiles'!$G$21=$B$24,21,0),0)),0)</f>
        <v>0</v>
      </c>
      <c r="H6493" cm="1">
        <f t="array" ref="H6493">IFERROR(INDEX(Jesper!AL$2:AL$366,ROUNDDOWN($C6493/24,0)+1,1)*INDEX($D$3:$AA$30,INDEX(Jesper!$R$2:$R$366,ROW(INDEX(Jesper!AL$2:AL$366,ROUNDDOWN($C6493/24,0)+1,1))-1)+IF('Standard Profiles'!$G$22=$B$10,7,0)+IF('Standard Profiles'!$G$22=$B$17,14,0)+IF('Standard Profiles'!$G$22=$B$24,21,0),MOD($C6493,24)+1)/SUM(INDEX($D$3:$AA$30,INDEX(Jesper!$R$2:$R$366,ROW(INDEX(Jesper!AL$2:AL$366,ROUNDDOWN($C6493/24,0)+1,1))-1)+IF('Standard Profiles'!$G$22=$B$10,7,0)+IF('Standard Profiles'!$G$22=$B$17,14,0)+IF('Standard Profiles'!$G$22=$B$24,21,0),0)),0)</f>
        <v>0</v>
      </c>
      <c r="I6493">
        <f t="shared" si="720"/>
        <v>0.21150427694366725</v>
      </c>
      <c r="J6493">
        <f t="shared" si="721"/>
        <v>0.70501425647889082</v>
      </c>
      <c r="K6493">
        <f t="shared" si="722"/>
        <v>1.0575213847183362</v>
      </c>
      <c r="L6493">
        <f t="shared" si="723"/>
        <v>5.0761026466480139</v>
      </c>
      <c r="M6493">
        <f t="shared" si="724"/>
        <v>0</v>
      </c>
      <c r="N6493" s="46">
        <f t="shared" si="725"/>
        <v>45561.124999984335</v>
      </c>
    </row>
    <row r="6494" spans="2:14" x14ac:dyDescent="0.3">
      <c r="B6494">
        <f t="shared" si="719"/>
        <v>4</v>
      </c>
      <c r="C6494" s="16">
        <v>6460</v>
      </c>
      <c r="D6494" cm="1">
        <f t="array" ref="D6494">IFERROR(INDEX(Jesper!AH$2:AH$366,ROUNDDOWN($C6494/24,0)+1,1)*INDEX($D$3:$AA$30,INDEX(Jesper!$R$2:$R$366,ROW(INDEX(Jesper!AH$2:AH$366,ROUNDDOWN($C6494/24,0)+1,1))-1)+IF('Standard Profiles'!$G$18=$B$10,7,0)+IF('Standard Profiles'!$G$18=$B$17,14,0)+IF('Standard Profiles'!$G$18=$B$24,21,0),MOD($C6494,24)+1)/SUM(INDEX($D$3:$AA$30,INDEX(Jesper!$R$2:$R$366,ROW(INDEX(Jesper!AH$2:AH$366,ROUNDDOWN($C6494/24,0)+1,1))-1)+IF('Standard Profiles'!$G$18=$B$10,7,0)+IF('Standard Profiles'!$G$18=$B$17,14,0)+IF('Standard Profiles'!$G$18=$B$24,21,0),0)),0)</f>
        <v>7.0501425647889082</v>
      </c>
      <c r="E6494" cm="1">
        <f t="array" ref="E6494">IFERROR(INDEX(Jesper!AI$2:AI$366,ROUNDDOWN($C6494/24,0)+1,1)*INDEX($D$3:$AA$30,INDEX(Jesper!$R$2:$R$366,ROW(INDEX(Jesper!AI$2:AI$366,ROUNDDOWN($C6494/24,0)+1,1))-1)+IF('Standard Profiles'!$G$19=$B$10,7,0)+IF('Standard Profiles'!$G$19=$B$17,14,0)+IF('Standard Profiles'!$G$19=$B$24,21,0),MOD($C6494,24)+1)/SUM(INDEX($D$3:$AA$30,INDEX(Jesper!$R$2:$R$366,ROW(INDEX(Jesper!AI$2:AI$366,ROUNDDOWN($C6494/24,0)+1,1))-1)+IF('Standard Profiles'!$G$19=$B$10,7,0)+IF('Standard Profiles'!$G$19=$B$17,14,0)+IF('Standard Profiles'!$G$19=$B$24,21,0),0)),0)</f>
        <v>0</v>
      </c>
      <c r="F6494" cm="1">
        <f t="array" ref="F6494">IFERROR(INDEX(Jesper!AJ$2:AJ$366,ROUNDDOWN($C6494/24,0)+1,1)*INDEX($D$3:$AA$30,INDEX(Jesper!$R$2:$R$366,ROW(INDEX(Jesper!AJ$2:AJ$366,ROUNDDOWN($C6494/24,0)+1,1))-1)+IF('Standard Profiles'!$G$20=$B$10,7,0)+IF('Standard Profiles'!$G$20=$B$17,14,0)+IF('Standard Profiles'!$G$20=$B$24,21,0),MOD($C6494,24)+1)/SUM(INDEX($D$3:$AA$30,INDEX(Jesper!$R$2:$R$366,ROW(INDEX(Jesper!AJ$2:AJ$366,ROUNDDOWN($C6494/24,0)+1,1))-1)+IF('Standard Profiles'!$G$20=$B$10,7,0)+IF('Standard Profiles'!$G$20=$B$17,14,0)+IF('Standard Profiles'!$G$20=$B$24,21,0),0)),0)</f>
        <v>0</v>
      </c>
      <c r="G6494" cm="1">
        <f t="array" ref="G6494">IFERROR(INDEX(Jesper!AK$2:AK$366,ROUNDDOWN($C6494/24,0)+1,1)*INDEX($D$3:$AA$30,INDEX(Jesper!$R$2:$R$366,ROW(INDEX(Jesper!AK$2:AK$366,ROUNDDOWN($C6494/24,0)+1,1))-1)+IF('Standard Profiles'!$G$21=$B$10,7,0)+IF('Standard Profiles'!$G$21=$B$17,14,0)+IF('Standard Profiles'!$G$21=$B$24,21,0),MOD($C6494,24)+1)/SUM(INDEX($D$3:$AA$30,INDEX(Jesper!$R$2:$R$366,ROW(INDEX(Jesper!AK$2:AK$366,ROUNDDOWN($C6494/24,0)+1,1))-1)+IF('Standard Profiles'!$G$21=$B$10,7,0)+IF('Standard Profiles'!$G$21=$B$17,14,0)+IF('Standard Profiles'!$G$21=$B$24,21,0),0)),0)</f>
        <v>0</v>
      </c>
      <c r="H6494" cm="1">
        <f t="array" ref="H6494">IFERROR(INDEX(Jesper!AL$2:AL$366,ROUNDDOWN($C6494/24,0)+1,1)*INDEX($D$3:$AA$30,INDEX(Jesper!$R$2:$R$366,ROW(INDEX(Jesper!AL$2:AL$366,ROUNDDOWN($C6494/24,0)+1,1))-1)+IF('Standard Profiles'!$G$22=$B$10,7,0)+IF('Standard Profiles'!$G$22=$B$17,14,0)+IF('Standard Profiles'!$G$22=$B$24,21,0),MOD($C6494,24)+1)/SUM(INDEX($D$3:$AA$30,INDEX(Jesper!$R$2:$R$366,ROW(INDEX(Jesper!AL$2:AL$366,ROUNDDOWN($C6494/24,0)+1,1))-1)+IF('Standard Profiles'!$G$22=$B$10,7,0)+IF('Standard Profiles'!$G$22=$B$17,14,0)+IF('Standard Profiles'!$G$22=$B$24,21,0),0)),0)</f>
        <v>0</v>
      </c>
      <c r="I6494">
        <f t="shared" si="720"/>
        <v>0.21150427694366725</v>
      </c>
      <c r="J6494">
        <f t="shared" si="721"/>
        <v>0.70501425647889082</v>
      </c>
      <c r="K6494">
        <f t="shared" si="722"/>
        <v>1.0575213847183362</v>
      </c>
      <c r="L6494">
        <f t="shared" si="723"/>
        <v>5.0761026466480139</v>
      </c>
      <c r="M6494">
        <f t="shared" si="724"/>
        <v>0</v>
      </c>
      <c r="N6494" s="46">
        <f t="shared" si="725"/>
        <v>45561.166666650999</v>
      </c>
    </row>
    <row r="6495" spans="2:14" x14ac:dyDescent="0.3">
      <c r="B6495">
        <f t="shared" si="719"/>
        <v>4</v>
      </c>
      <c r="C6495" s="16">
        <v>6461</v>
      </c>
      <c r="D6495" cm="1">
        <f t="array" ref="D6495">IFERROR(INDEX(Jesper!AH$2:AH$366,ROUNDDOWN($C6495/24,0)+1,1)*INDEX($D$3:$AA$30,INDEX(Jesper!$R$2:$R$366,ROW(INDEX(Jesper!AH$2:AH$366,ROUNDDOWN($C6495/24,0)+1,1))-1)+IF('Standard Profiles'!$G$18=$B$10,7,0)+IF('Standard Profiles'!$G$18=$B$17,14,0)+IF('Standard Profiles'!$G$18=$B$24,21,0),MOD($C6495,24)+1)/SUM(INDEX($D$3:$AA$30,INDEX(Jesper!$R$2:$R$366,ROW(INDEX(Jesper!AH$2:AH$366,ROUNDDOWN($C6495/24,0)+1,1))-1)+IF('Standard Profiles'!$G$18=$B$10,7,0)+IF('Standard Profiles'!$G$18=$B$17,14,0)+IF('Standard Profiles'!$G$18=$B$24,21,0),0)),0)</f>
        <v>9.086850416839038</v>
      </c>
      <c r="E6495" cm="1">
        <f t="array" ref="E6495">IFERROR(INDEX(Jesper!AI$2:AI$366,ROUNDDOWN($C6495/24,0)+1,1)*INDEX($D$3:$AA$30,INDEX(Jesper!$R$2:$R$366,ROW(INDEX(Jesper!AI$2:AI$366,ROUNDDOWN($C6495/24,0)+1,1))-1)+IF('Standard Profiles'!$G$19=$B$10,7,0)+IF('Standard Profiles'!$G$19=$B$17,14,0)+IF('Standard Profiles'!$G$19=$B$24,21,0),MOD($C6495,24)+1)/SUM(INDEX($D$3:$AA$30,INDEX(Jesper!$R$2:$R$366,ROW(INDEX(Jesper!AI$2:AI$366,ROUNDDOWN($C6495/24,0)+1,1))-1)+IF('Standard Profiles'!$G$19=$B$10,7,0)+IF('Standard Profiles'!$G$19=$B$17,14,0)+IF('Standard Profiles'!$G$19=$B$24,21,0),0)),0)</f>
        <v>0</v>
      </c>
      <c r="F6495" cm="1">
        <f t="array" ref="F6495">IFERROR(INDEX(Jesper!AJ$2:AJ$366,ROUNDDOWN($C6495/24,0)+1,1)*INDEX($D$3:$AA$30,INDEX(Jesper!$R$2:$R$366,ROW(INDEX(Jesper!AJ$2:AJ$366,ROUNDDOWN($C6495/24,0)+1,1))-1)+IF('Standard Profiles'!$G$20=$B$10,7,0)+IF('Standard Profiles'!$G$20=$B$17,14,0)+IF('Standard Profiles'!$G$20=$B$24,21,0),MOD($C6495,24)+1)/SUM(INDEX($D$3:$AA$30,INDEX(Jesper!$R$2:$R$366,ROW(INDEX(Jesper!AJ$2:AJ$366,ROUNDDOWN($C6495/24,0)+1,1))-1)+IF('Standard Profiles'!$G$20=$B$10,7,0)+IF('Standard Profiles'!$G$20=$B$17,14,0)+IF('Standard Profiles'!$G$20=$B$24,21,0),0)),0)</f>
        <v>0</v>
      </c>
      <c r="G6495" cm="1">
        <f t="array" ref="G6495">IFERROR(INDEX(Jesper!AK$2:AK$366,ROUNDDOWN($C6495/24,0)+1,1)*INDEX($D$3:$AA$30,INDEX(Jesper!$R$2:$R$366,ROW(INDEX(Jesper!AK$2:AK$366,ROUNDDOWN($C6495/24,0)+1,1))-1)+IF('Standard Profiles'!$G$21=$B$10,7,0)+IF('Standard Profiles'!$G$21=$B$17,14,0)+IF('Standard Profiles'!$G$21=$B$24,21,0),MOD($C6495,24)+1)/SUM(INDEX($D$3:$AA$30,INDEX(Jesper!$R$2:$R$366,ROW(INDEX(Jesper!AK$2:AK$366,ROUNDDOWN($C6495/24,0)+1,1))-1)+IF('Standard Profiles'!$G$21=$B$10,7,0)+IF('Standard Profiles'!$G$21=$B$17,14,0)+IF('Standard Profiles'!$G$21=$B$24,21,0),0)),0)</f>
        <v>0</v>
      </c>
      <c r="H6495" cm="1">
        <f t="array" ref="H6495">IFERROR(INDEX(Jesper!AL$2:AL$366,ROUNDDOWN($C6495/24,0)+1,1)*INDEX($D$3:$AA$30,INDEX(Jesper!$R$2:$R$366,ROW(INDEX(Jesper!AL$2:AL$366,ROUNDDOWN($C6495/24,0)+1,1))-1)+IF('Standard Profiles'!$G$22=$B$10,7,0)+IF('Standard Profiles'!$G$22=$B$17,14,0)+IF('Standard Profiles'!$G$22=$B$24,21,0),MOD($C6495,24)+1)/SUM(INDEX($D$3:$AA$30,INDEX(Jesper!$R$2:$R$366,ROW(INDEX(Jesper!AL$2:AL$366,ROUNDDOWN($C6495/24,0)+1,1))-1)+IF('Standard Profiles'!$G$22=$B$10,7,0)+IF('Standard Profiles'!$G$22=$B$17,14,0)+IF('Standard Profiles'!$G$22=$B$24,21,0),0)),0)</f>
        <v>0</v>
      </c>
      <c r="I6495">
        <f t="shared" si="720"/>
        <v>0.27260551250517112</v>
      </c>
      <c r="J6495">
        <f t="shared" si="721"/>
        <v>0.90868504168390385</v>
      </c>
      <c r="K6495">
        <f t="shared" si="722"/>
        <v>1.3630275625258557</v>
      </c>
      <c r="L6495">
        <f t="shared" si="723"/>
        <v>6.5425323001241074</v>
      </c>
      <c r="M6495">
        <f t="shared" si="724"/>
        <v>0</v>
      </c>
      <c r="N6495" s="46">
        <f t="shared" si="725"/>
        <v>45561.208333317663</v>
      </c>
    </row>
    <row r="6496" spans="2:14" x14ac:dyDescent="0.3">
      <c r="B6496">
        <f t="shared" si="719"/>
        <v>4</v>
      </c>
      <c r="C6496" s="16">
        <v>6462</v>
      </c>
      <c r="D6496" cm="1">
        <f t="array" ref="D6496">IFERROR(INDEX(Jesper!AH$2:AH$366,ROUNDDOWN($C6496/24,0)+1,1)*INDEX($D$3:$AA$30,INDEX(Jesper!$R$2:$R$366,ROW(INDEX(Jesper!AH$2:AH$366,ROUNDDOWN($C6496/24,0)+1,1))-1)+IF('Standard Profiles'!$G$18=$B$10,7,0)+IF('Standard Profiles'!$G$18=$B$17,14,0)+IF('Standard Profiles'!$G$18=$B$24,21,0),MOD($C6496,24)+1)/SUM(INDEX($D$3:$AA$30,INDEX(Jesper!$R$2:$R$366,ROW(INDEX(Jesper!AH$2:AH$366,ROUNDDOWN($C6496/24,0)+1,1))-1)+IF('Standard Profiles'!$G$18=$B$10,7,0)+IF('Standard Profiles'!$G$18=$B$17,14,0)+IF('Standard Profiles'!$G$18=$B$24,21,0),0)),0)</f>
        <v>10.496878929796821</v>
      </c>
      <c r="E6496" cm="1">
        <f t="array" ref="E6496">IFERROR(INDEX(Jesper!AI$2:AI$366,ROUNDDOWN($C6496/24,0)+1,1)*INDEX($D$3:$AA$30,INDEX(Jesper!$R$2:$R$366,ROW(INDEX(Jesper!AI$2:AI$366,ROUNDDOWN($C6496/24,0)+1,1))-1)+IF('Standard Profiles'!$G$19=$B$10,7,0)+IF('Standard Profiles'!$G$19=$B$17,14,0)+IF('Standard Profiles'!$G$19=$B$24,21,0),MOD($C6496,24)+1)/SUM(INDEX($D$3:$AA$30,INDEX(Jesper!$R$2:$R$366,ROW(INDEX(Jesper!AI$2:AI$366,ROUNDDOWN($C6496/24,0)+1,1))-1)+IF('Standard Profiles'!$G$19=$B$10,7,0)+IF('Standard Profiles'!$G$19=$B$17,14,0)+IF('Standard Profiles'!$G$19=$B$24,21,0),0)),0)</f>
        <v>0</v>
      </c>
      <c r="F6496" cm="1">
        <f t="array" ref="F6496">IFERROR(INDEX(Jesper!AJ$2:AJ$366,ROUNDDOWN($C6496/24,0)+1,1)*INDEX($D$3:$AA$30,INDEX(Jesper!$R$2:$R$366,ROW(INDEX(Jesper!AJ$2:AJ$366,ROUNDDOWN($C6496/24,0)+1,1))-1)+IF('Standard Profiles'!$G$20=$B$10,7,0)+IF('Standard Profiles'!$G$20=$B$17,14,0)+IF('Standard Profiles'!$G$20=$B$24,21,0),MOD($C6496,24)+1)/SUM(INDEX($D$3:$AA$30,INDEX(Jesper!$R$2:$R$366,ROW(INDEX(Jesper!AJ$2:AJ$366,ROUNDDOWN($C6496/24,0)+1,1))-1)+IF('Standard Profiles'!$G$20=$B$10,7,0)+IF('Standard Profiles'!$G$20=$B$17,14,0)+IF('Standard Profiles'!$G$20=$B$24,21,0),0)),0)</f>
        <v>0</v>
      </c>
      <c r="G6496" cm="1">
        <f t="array" ref="G6496">IFERROR(INDEX(Jesper!AK$2:AK$366,ROUNDDOWN($C6496/24,0)+1,1)*INDEX($D$3:$AA$30,INDEX(Jesper!$R$2:$R$366,ROW(INDEX(Jesper!AK$2:AK$366,ROUNDDOWN($C6496/24,0)+1,1))-1)+IF('Standard Profiles'!$G$21=$B$10,7,0)+IF('Standard Profiles'!$G$21=$B$17,14,0)+IF('Standard Profiles'!$G$21=$B$24,21,0),MOD($C6496,24)+1)/SUM(INDEX($D$3:$AA$30,INDEX(Jesper!$R$2:$R$366,ROW(INDEX(Jesper!AK$2:AK$366,ROUNDDOWN($C6496/24,0)+1,1))-1)+IF('Standard Profiles'!$G$21=$B$10,7,0)+IF('Standard Profiles'!$G$21=$B$17,14,0)+IF('Standard Profiles'!$G$21=$B$24,21,0),0)),0)</f>
        <v>0</v>
      </c>
      <c r="H6496" cm="1">
        <f t="array" ref="H6496">IFERROR(INDEX(Jesper!AL$2:AL$366,ROUNDDOWN($C6496/24,0)+1,1)*INDEX($D$3:$AA$30,INDEX(Jesper!$R$2:$R$366,ROW(INDEX(Jesper!AL$2:AL$366,ROUNDDOWN($C6496/24,0)+1,1))-1)+IF('Standard Profiles'!$G$22=$B$10,7,0)+IF('Standard Profiles'!$G$22=$B$17,14,0)+IF('Standard Profiles'!$G$22=$B$24,21,0),MOD($C6496,24)+1)/SUM(INDEX($D$3:$AA$30,INDEX(Jesper!$R$2:$R$366,ROW(INDEX(Jesper!AL$2:AL$366,ROUNDDOWN($C6496/24,0)+1,1))-1)+IF('Standard Profiles'!$G$22=$B$10,7,0)+IF('Standard Profiles'!$G$22=$B$17,14,0)+IF('Standard Profiles'!$G$22=$B$24,21,0),0)),0)</f>
        <v>0</v>
      </c>
      <c r="I6496">
        <f t="shared" si="720"/>
        <v>0.31490636789390464</v>
      </c>
      <c r="J6496">
        <f t="shared" si="721"/>
        <v>1.0496878929796822</v>
      </c>
      <c r="K6496">
        <f t="shared" si="722"/>
        <v>1.5745318394695231</v>
      </c>
      <c r="L6496">
        <f t="shared" si="723"/>
        <v>7.5577528294537109</v>
      </c>
      <c r="M6496">
        <f t="shared" si="724"/>
        <v>0</v>
      </c>
      <c r="N6496" s="46">
        <f t="shared" si="725"/>
        <v>45561.249999984328</v>
      </c>
    </row>
    <row r="6497" spans="2:14" x14ac:dyDescent="0.3">
      <c r="B6497">
        <f t="shared" si="719"/>
        <v>4</v>
      </c>
      <c r="C6497" s="16">
        <v>6463</v>
      </c>
      <c r="D6497" cm="1">
        <f t="array" ref="D6497">IFERROR(INDEX(Jesper!AH$2:AH$366,ROUNDDOWN($C6497/24,0)+1,1)*INDEX($D$3:$AA$30,INDEX(Jesper!$R$2:$R$366,ROW(INDEX(Jesper!AH$2:AH$366,ROUNDDOWN($C6497/24,0)+1,1))-1)+IF('Standard Profiles'!$G$18=$B$10,7,0)+IF('Standard Profiles'!$G$18=$B$17,14,0)+IF('Standard Profiles'!$G$18=$B$24,21,0),MOD($C6497,24)+1)/SUM(INDEX($D$3:$AA$30,INDEX(Jesper!$R$2:$R$366,ROW(INDEX(Jesper!AH$2:AH$366,ROUNDDOWN($C6497/24,0)+1,1))-1)+IF('Standard Profiles'!$G$18=$B$10,7,0)+IF('Standard Profiles'!$G$18=$B$17,14,0)+IF('Standard Profiles'!$G$18=$B$24,21,0),0)),0)</f>
        <v>10.496878929796821</v>
      </c>
      <c r="E6497" cm="1">
        <f t="array" ref="E6497">IFERROR(INDEX(Jesper!AI$2:AI$366,ROUNDDOWN($C6497/24,0)+1,1)*INDEX($D$3:$AA$30,INDEX(Jesper!$R$2:$R$366,ROW(INDEX(Jesper!AI$2:AI$366,ROUNDDOWN($C6497/24,0)+1,1))-1)+IF('Standard Profiles'!$G$19=$B$10,7,0)+IF('Standard Profiles'!$G$19=$B$17,14,0)+IF('Standard Profiles'!$G$19=$B$24,21,0),MOD($C6497,24)+1)/SUM(INDEX($D$3:$AA$30,INDEX(Jesper!$R$2:$R$366,ROW(INDEX(Jesper!AI$2:AI$366,ROUNDDOWN($C6497/24,0)+1,1))-1)+IF('Standard Profiles'!$G$19=$B$10,7,0)+IF('Standard Profiles'!$G$19=$B$17,14,0)+IF('Standard Profiles'!$G$19=$B$24,21,0),0)),0)</f>
        <v>0</v>
      </c>
      <c r="F6497" cm="1">
        <f t="array" ref="F6497">IFERROR(INDEX(Jesper!AJ$2:AJ$366,ROUNDDOWN($C6497/24,0)+1,1)*INDEX($D$3:$AA$30,INDEX(Jesper!$R$2:$R$366,ROW(INDEX(Jesper!AJ$2:AJ$366,ROUNDDOWN($C6497/24,0)+1,1))-1)+IF('Standard Profiles'!$G$20=$B$10,7,0)+IF('Standard Profiles'!$G$20=$B$17,14,0)+IF('Standard Profiles'!$G$20=$B$24,21,0),MOD($C6497,24)+1)/SUM(INDEX($D$3:$AA$30,INDEX(Jesper!$R$2:$R$366,ROW(INDEX(Jesper!AJ$2:AJ$366,ROUNDDOWN($C6497/24,0)+1,1))-1)+IF('Standard Profiles'!$G$20=$B$10,7,0)+IF('Standard Profiles'!$G$20=$B$17,14,0)+IF('Standard Profiles'!$G$20=$B$24,21,0),0)),0)</f>
        <v>0</v>
      </c>
      <c r="G6497" cm="1">
        <f t="array" ref="G6497">IFERROR(INDEX(Jesper!AK$2:AK$366,ROUNDDOWN($C6497/24,0)+1,1)*INDEX($D$3:$AA$30,INDEX(Jesper!$R$2:$R$366,ROW(INDEX(Jesper!AK$2:AK$366,ROUNDDOWN($C6497/24,0)+1,1))-1)+IF('Standard Profiles'!$G$21=$B$10,7,0)+IF('Standard Profiles'!$G$21=$B$17,14,0)+IF('Standard Profiles'!$G$21=$B$24,21,0),MOD($C6497,24)+1)/SUM(INDEX($D$3:$AA$30,INDEX(Jesper!$R$2:$R$366,ROW(INDEX(Jesper!AK$2:AK$366,ROUNDDOWN($C6497/24,0)+1,1))-1)+IF('Standard Profiles'!$G$21=$B$10,7,0)+IF('Standard Profiles'!$G$21=$B$17,14,0)+IF('Standard Profiles'!$G$21=$B$24,21,0),0)),0)</f>
        <v>0</v>
      </c>
      <c r="H6497" cm="1">
        <f t="array" ref="H6497">IFERROR(INDEX(Jesper!AL$2:AL$366,ROUNDDOWN($C6497/24,0)+1,1)*INDEX($D$3:$AA$30,INDEX(Jesper!$R$2:$R$366,ROW(INDEX(Jesper!AL$2:AL$366,ROUNDDOWN($C6497/24,0)+1,1))-1)+IF('Standard Profiles'!$G$22=$B$10,7,0)+IF('Standard Profiles'!$G$22=$B$17,14,0)+IF('Standard Profiles'!$G$22=$B$24,21,0),MOD($C6497,24)+1)/SUM(INDEX($D$3:$AA$30,INDEX(Jesper!$R$2:$R$366,ROW(INDEX(Jesper!AL$2:AL$366,ROUNDDOWN($C6497/24,0)+1,1))-1)+IF('Standard Profiles'!$G$22=$B$10,7,0)+IF('Standard Profiles'!$G$22=$B$17,14,0)+IF('Standard Profiles'!$G$22=$B$24,21,0),0)),0)</f>
        <v>0</v>
      </c>
      <c r="I6497">
        <f t="shared" si="720"/>
        <v>0.31490636789390464</v>
      </c>
      <c r="J6497">
        <f t="shared" si="721"/>
        <v>1.0496878929796822</v>
      </c>
      <c r="K6497">
        <f t="shared" si="722"/>
        <v>1.5745318394695231</v>
      </c>
      <c r="L6497">
        <f t="shared" si="723"/>
        <v>7.5577528294537109</v>
      </c>
      <c r="M6497">
        <f t="shared" si="724"/>
        <v>0</v>
      </c>
      <c r="N6497" s="46">
        <f t="shared" si="725"/>
        <v>45561.291666650992</v>
      </c>
    </row>
    <row r="6498" spans="2:14" x14ac:dyDescent="0.3">
      <c r="B6498">
        <f t="shared" si="719"/>
        <v>4</v>
      </c>
      <c r="C6498" s="16">
        <v>6464</v>
      </c>
      <c r="D6498" cm="1">
        <f t="array" ref="D6498">IFERROR(INDEX(Jesper!AH$2:AH$366,ROUNDDOWN($C6498/24,0)+1,1)*INDEX($D$3:$AA$30,INDEX(Jesper!$R$2:$R$366,ROW(INDEX(Jesper!AH$2:AH$366,ROUNDDOWN($C6498/24,0)+1,1))-1)+IF('Standard Profiles'!$G$18=$B$10,7,0)+IF('Standard Profiles'!$G$18=$B$17,14,0)+IF('Standard Profiles'!$G$18=$B$24,21,0),MOD($C6498,24)+1)/SUM(INDEX($D$3:$AA$30,INDEX(Jesper!$R$2:$R$366,ROW(INDEX(Jesper!AH$2:AH$366,ROUNDDOWN($C6498/24,0)+1,1))-1)+IF('Standard Profiles'!$G$18=$B$10,7,0)+IF('Standard Profiles'!$G$18=$B$17,14,0)+IF('Standard Profiles'!$G$18=$B$24,21,0),0)),0)</f>
        <v>10.496878929796821</v>
      </c>
      <c r="E6498" cm="1">
        <f t="array" ref="E6498">IFERROR(INDEX(Jesper!AI$2:AI$366,ROUNDDOWN($C6498/24,0)+1,1)*INDEX($D$3:$AA$30,INDEX(Jesper!$R$2:$R$366,ROW(INDEX(Jesper!AI$2:AI$366,ROUNDDOWN($C6498/24,0)+1,1))-1)+IF('Standard Profiles'!$G$19=$B$10,7,0)+IF('Standard Profiles'!$G$19=$B$17,14,0)+IF('Standard Profiles'!$G$19=$B$24,21,0),MOD($C6498,24)+1)/SUM(INDEX($D$3:$AA$30,INDEX(Jesper!$R$2:$R$366,ROW(INDEX(Jesper!AI$2:AI$366,ROUNDDOWN($C6498/24,0)+1,1))-1)+IF('Standard Profiles'!$G$19=$B$10,7,0)+IF('Standard Profiles'!$G$19=$B$17,14,0)+IF('Standard Profiles'!$G$19=$B$24,21,0),0)),0)</f>
        <v>0</v>
      </c>
      <c r="F6498" cm="1">
        <f t="array" ref="F6498">IFERROR(INDEX(Jesper!AJ$2:AJ$366,ROUNDDOWN($C6498/24,0)+1,1)*INDEX($D$3:$AA$30,INDEX(Jesper!$R$2:$R$366,ROW(INDEX(Jesper!AJ$2:AJ$366,ROUNDDOWN($C6498/24,0)+1,1))-1)+IF('Standard Profiles'!$G$20=$B$10,7,0)+IF('Standard Profiles'!$G$20=$B$17,14,0)+IF('Standard Profiles'!$G$20=$B$24,21,0),MOD($C6498,24)+1)/SUM(INDEX($D$3:$AA$30,INDEX(Jesper!$R$2:$R$366,ROW(INDEX(Jesper!AJ$2:AJ$366,ROUNDDOWN($C6498/24,0)+1,1))-1)+IF('Standard Profiles'!$G$20=$B$10,7,0)+IF('Standard Profiles'!$G$20=$B$17,14,0)+IF('Standard Profiles'!$G$20=$B$24,21,0),0)),0)</f>
        <v>0</v>
      </c>
      <c r="G6498" cm="1">
        <f t="array" ref="G6498">IFERROR(INDEX(Jesper!AK$2:AK$366,ROUNDDOWN($C6498/24,0)+1,1)*INDEX($D$3:$AA$30,INDEX(Jesper!$R$2:$R$366,ROW(INDEX(Jesper!AK$2:AK$366,ROUNDDOWN($C6498/24,0)+1,1))-1)+IF('Standard Profiles'!$G$21=$B$10,7,0)+IF('Standard Profiles'!$G$21=$B$17,14,0)+IF('Standard Profiles'!$G$21=$B$24,21,0),MOD($C6498,24)+1)/SUM(INDEX($D$3:$AA$30,INDEX(Jesper!$R$2:$R$366,ROW(INDEX(Jesper!AK$2:AK$366,ROUNDDOWN($C6498/24,0)+1,1))-1)+IF('Standard Profiles'!$G$21=$B$10,7,0)+IF('Standard Profiles'!$G$21=$B$17,14,0)+IF('Standard Profiles'!$G$21=$B$24,21,0),0)),0)</f>
        <v>0</v>
      </c>
      <c r="H6498" cm="1">
        <f t="array" ref="H6498">IFERROR(INDEX(Jesper!AL$2:AL$366,ROUNDDOWN($C6498/24,0)+1,1)*INDEX($D$3:$AA$30,INDEX(Jesper!$R$2:$R$366,ROW(INDEX(Jesper!AL$2:AL$366,ROUNDDOWN($C6498/24,0)+1,1))-1)+IF('Standard Profiles'!$G$22=$B$10,7,0)+IF('Standard Profiles'!$G$22=$B$17,14,0)+IF('Standard Profiles'!$G$22=$B$24,21,0),MOD($C6498,24)+1)/SUM(INDEX($D$3:$AA$30,INDEX(Jesper!$R$2:$R$366,ROW(INDEX(Jesper!AL$2:AL$366,ROUNDDOWN($C6498/24,0)+1,1))-1)+IF('Standard Profiles'!$G$22=$B$10,7,0)+IF('Standard Profiles'!$G$22=$B$17,14,0)+IF('Standard Profiles'!$G$22=$B$24,21,0),0)),0)</f>
        <v>0</v>
      </c>
      <c r="I6498">
        <f t="shared" si="720"/>
        <v>0.31490636789390464</v>
      </c>
      <c r="J6498">
        <f t="shared" si="721"/>
        <v>1.0496878929796822</v>
      </c>
      <c r="K6498">
        <f t="shared" si="722"/>
        <v>1.5745318394695231</v>
      </c>
      <c r="L6498">
        <f t="shared" si="723"/>
        <v>7.5577528294537109</v>
      </c>
      <c r="M6498">
        <f t="shared" si="724"/>
        <v>0</v>
      </c>
      <c r="N6498" s="46">
        <f t="shared" si="725"/>
        <v>45561.333333317656</v>
      </c>
    </row>
    <row r="6499" spans="2:14" x14ac:dyDescent="0.3">
      <c r="B6499">
        <f t="shared" ref="B6499:B6562" si="726">WEEKDAY(N6499,2)</f>
        <v>4</v>
      </c>
      <c r="C6499" s="16">
        <v>6465</v>
      </c>
      <c r="D6499" cm="1">
        <f t="array" ref="D6499">IFERROR(INDEX(Jesper!AH$2:AH$366,ROUNDDOWN($C6499/24,0)+1,1)*INDEX($D$3:$AA$30,INDEX(Jesper!$R$2:$R$366,ROW(INDEX(Jesper!AH$2:AH$366,ROUNDDOWN($C6499/24,0)+1,1))-1)+IF('Standard Profiles'!$G$18=$B$10,7,0)+IF('Standard Profiles'!$G$18=$B$17,14,0)+IF('Standard Profiles'!$G$18=$B$24,21,0),MOD($C6499,24)+1)/SUM(INDEX($D$3:$AA$30,INDEX(Jesper!$R$2:$R$366,ROW(INDEX(Jesper!AH$2:AH$366,ROUNDDOWN($C6499/24,0)+1,1))-1)+IF('Standard Profiles'!$G$18=$B$10,7,0)+IF('Standard Profiles'!$G$18=$B$17,14,0)+IF('Standard Profiles'!$G$18=$B$24,21,0),0)),0)</f>
        <v>11.280228103662253</v>
      </c>
      <c r="E6499" cm="1">
        <f t="array" ref="E6499">IFERROR(INDEX(Jesper!AI$2:AI$366,ROUNDDOWN($C6499/24,0)+1,1)*INDEX($D$3:$AA$30,INDEX(Jesper!$R$2:$R$366,ROW(INDEX(Jesper!AI$2:AI$366,ROUNDDOWN($C6499/24,0)+1,1))-1)+IF('Standard Profiles'!$G$19=$B$10,7,0)+IF('Standard Profiles'!$G$19=$B$17,14,0)+IF('Standard Profiles'!$G$19=$B$24,21,0),MOD($C6499,24)+1)/SUM(INDEX($D$3:$AA$30,INDEX(Jesper!$R$2:$R$366,ROW(INDEX(Jesper!AI$2:AI$366,ROUNDDOWN($C6499/24,0)+1,1))-1)+IF('Standard Profiles'!$G$19=$B$10,7,0)+IF('Standard Profiles'!$G$19=$B$17,14,0)+IF('Standard Profiles'!$G$19=$B$24,21,0),0)),0)</f>
        <v>0</v>
      </c>
      <c r="F6499" cm="1">
        <f t="array" ref="F6499">IFERROR(INDEX(Jesper!AJ$2:AJ$366,ROUNDDOWN($C6499/24,0)+1,1)*INDEX($D$3:$AA$30,INDEX(Jesper!$R$2:$R$366,ROW(INDEX(Jesper!AJ$2:AJ$366,ROUNDDOWN($C6499/24,0)+1,1))-1)+IF('Standard Profiles'!$G$20=$B$10,7,0)+IF('Standard Profiles'!$G$20=$B$17,14,0)+IF('Standard Profiles'!$G$20=$B$24,21,0),MOD($C6499,24)+1)/SUM(INDEX($D$3:$AA$30,INDEX(Jesper!$R$2:$R$366,ROW(INDEX(Jesper!AJ$2:AJ$366,ROUNDDOWN($C6499/24,0)+1,1))-1)+IF('Standard Profiles'!$G$20=$B$10,7,0)+IF('Standard Profiles'!$G$20=$B$17,14,0)+IF('Standard Profiles'!$G$20=$B$24,21,0),0)),0)</f>
        <v>0</v>
      </c>
      <c r="G6499" cm="1">
        <f t="array" ref="G6499">IFERROR(INDEX(Jesper!AK$2:AK$366,ROUNDDOWN($C6499/24,0)+1,1)*INDEX($D$3:$AA$30,INDEX(Jesper!$R$2:$R$366,ROW(INDEX(Jesper!AK$2:AK$366,ROUNDDOWN($C6499/24,0)+1,1))-1)+IF('Standard Profiles'!$G$21=$B$10,7,0)+IF('Standard Profiles'!$G$21=$B$17,14,0)+IF('Standard Profiles'!$G$21=$B$24,21,0),MOD($C6499,24)+1)/SUM(INDEX($D$3:$AA$30,INDEX(Jesper!$R$2:$R$366,ROW(INDEX(Jesper!AK$2:AK$366,ROUNDDOWN($C6499/24,0)+1,1))-1)+IF('Standard Profiles'!$G$21=$B$10,7,0)+IF('Standard Profiles'!$G$21=$B$17,14,0)+IF('Standard Profiles'!$G$21=$B$24,21,0),0)),0)</f>
        <v>0</v>
      </c>
      <c r="H6499" cm="1">
        <f t="array" ref="H6499">IFERROR(INDEX(Jesper!AL$2:AL$366,ROUNDDOWN($C6499/24,0)+1,1)*INDEX($D$3:$AA$30,INDEX(Jesper!$R$2:$R$366,ROW(INDEX(Jesper!AL$2:AL$366,ROUNDDOWN($C6499/24,0)+1,1))-1)+IF('Standard Profiles'!$G$22=$B$10,7,0)+IF('Standard Profiles'!$G$22=$B$17,14,0)+IF('Standard Profiles'!$G$22=$B$24,21,0),MOD($C6499,24)+1)/SUM(INDEX($D$3:$AA$30,INDEX(Jesper!$R$2:$R$366,ROW(INDEX(Jesper!AL$2:AL$366,ROUNDDOWN($C6499/24,0)+1,1))-1)+IF('Standard Profiles'!$G$22=$B$10,7,0)+IF('Standard Profiles'!$G$22=$B$17,14,0)+IF('Standard Profiles'!$G$22=$B$24,21,0),0)),0)</f>
        <v>0</v>
      </c>
      <c r="I6499">
        <f t="shared" ref="I6499:I6562" si="727">IF($B6499&lt;6,AC$37*$D6499+AC$38*$E6499+AC$39*$F6499+AC$40*$G6499,AC$46*$D6499+AC$47*$E6499+AC$48*$F6499+AC$49*$G6499+AC$50*$H6499)</f>
        <v>0.33840684310986757</v>
      </c>
      <c r="J6499">
        <f t="shared" ref="J6499:J6562" si="728">IF($B6499&lt;6,AD$37*$D6499+AD$38*$E6499+AD$39*$F6499+AD$40*$G6499,AD$46*$D6499+AD$47*$E6499+AD$48*$F6499+AD$49*$G6499+AD$50*$H6499)</f>
        <v>1.1280228103662253</v>
      </c>
      <c r="K6499">
        <f t="shared" ref="K6499:K6562" si="729">IF($B6499&lt;6,AE$37*$D6499+AE$38*$E6499+AE$39*$F6499+AE$40*$G6499,AE$46*$D6499+AE$47*$E6499+AE$48*$F6499+AE$49*$G6499+AE$50*$H6499)</f>
        <v>1.692034215549338</v>
      </c>
      <c r="L6499">
        <f t="shared" ref="L6499:L6562" si="730">IF($B6499&lt;6,AF$37*$D6499+AF$38*$E6499+AF$39*$F6499+AF$40*$G6499,AF$46*$D6499+AF$47*$E6499+AF$48*$F6499+AF$49*$G6499+AF$50*$H6499)</f>
        <v>8.1217642346368226</v>
      </c>
      <c r="M6499">
        <f t="shared" ref="M6499:M6562" si="731">IF($B6499&lt;6,AG$37*$D6499+AG$38*$E6499+AG$39*$F6499+AG$40*$G6499,AG$46*$D6499+AG$47*$E6499+AG$48*$F6499+AG$49*$G6499+AG$50*$H6499)</f>
        <v>0</v>
      </c>
      <c r="N6499" s="46">
        <f t="shared" si="725"/>
        <v>45561.37499998432</v>
      </c>
    </row>
    <row r="6500" spans="2:14" x14ac:dyDescent="0.3">
      <c r="B6500">
        <f t="shared" si="726"/>
        <v>4</v>
      </c>
      <c r="C6500" s="16">
        <v>6466</v>
      </c>
      <c r="D6500" cm="1">
        <f t="array" ref="D6500">IFERROR(INDEX(Jesper!AH$2:AH$366,ROUNDDOWN($C6500/24,0)+1,1)*INDEX($D$3:$AA$30,INDEX(Jesper!$R$2:$R$366,ROW(INDEX(Jesper!AH$2:AH$366,ROUNDDOWN($C6500/24,0)+1,1))-1)+IF('Standard Profiles'!$G$18=$B$10,7,0)+IF('Standard Profiles'!$G$18=$B$17,14,0)+IF('Standard Profiles'!$G$18=$B$24,21,0),MOD($C6500,24)+1)/SUM(INDEX($D$3:$AA$30,INDEX(Jesper!$R$2:$R$366,ROW(INDEX(Jesper!AH$2:AH$366,ROUNDDOWN($C6500/24,0)+1,1))-1)+IF('Standard Profiles'!$G$18=$B$10,7,0)+IF('Standard Profiles'!$G$18=$B$17,14,0)+IF('Standard Profiles'!$G$18=$B$24,21,0),0)),0)</f>
        <v>12.220247112300775</v>
      </c>
      <c r="E6500" cm="1">
        <f t="array" ref="E6500">IFERROR(INDEX(Jesper!AI$2:AI$366,ROUNDDOWN($C6500/24,0)+1,1)*INDEX($D$3:$AA$30,INDEX(Jesper!$R$2:$R$366,ROW(INDEX(Jesper!AI$2:AI$366,ROUNDDOWN($C6500/24,0)+1,1))-1)+IF('Standard Profiles'!$G$19=$B$10,7,0)+IF('Standard Profiles'!$G$19=$B$17,14,0)+IF('Standard Profiles'!$G$19=$B$24,21,0),MOD($C6500,24)+1)/SUM(INDEX($D$3:$AA$30,INDEX(Jesper!$R$2:$R$366,ROW(INDEX(Jesper!AI$2:AI$366,ROUNDDOWN($C6500/24,0)+1,1))-1)+IF('Standard Profiles'!$G$19=$B$10,7,0)+IF('Standard Profiles'!$G$19=$B$17,14,0)+IF('Standard Profiles'!$G$19=$B$24,21,0),0)),0)</f>
        <v>0</v>
      </c>
      <c r="F6500" cm="1">
        <f t="array" ref="F6500">IFERROR(INDEX(Jesper!AJ$2:AJ$366,ROUNDDOWN($C6500/24,0)+1,1)*INDEX($D$3:$AA$30,INDEX(Jesper!$R$2:$R$366,ROW(INDEX(Jesper!AJ$2:AJ$366,ROUNDDOWN($C6500/24,0)+1,1))-1)+IF('Standard Profiles'!$G$20=$B$10,7,0)+IF('Standard Profiles'!$G$20=$B$17,14,0)+IF('Standard Profiles'!$G$20=$B$24,21,0),MOD($C6500,24)+1)/SUM(INDEX($D$3:$AA$30,INDEX(Jesper!$R$2:$R$366,ROW(INDEX(Jesper!AJ$2:AJ$366,ROUNDDOWN($C6500/24,0)+1,1))-1)+IF('Standard Profiles'!$G$20=$B$10,7,0)+IF('Standard Profiles'!$G$20=$B$17,14,0)+IF('Standard Profiles'!$G$20=$B$24,21,0),0)),0)</f>
        <v>0</v>
      </c>
      <c r="G6500" cm="1">
        <f t="array" ref="G6500">IFERROR(INDEX(Jesper!AK$2:AK$366,ROUNDDOWN($C6500/24,0)+1,1)*INDEX($D$3:$AA$30,INDEX(Jesper!$R$2:$R$366,ROW(INDEX(Jesper!AK$2:AK$366,ROUNDDOWN($C6500/24,0)+1,1))-1)+IF('Standard Profiles'!$G$21=$B$10,7,0)+IF('Standard Profiles'!$G$21=$B$17,14,0)+IF('Standard Profiles'!$G$21=$B$24,21,0),MOD($C6500,24)+1)/SUM(INDEX($D$3:$AA$30,INDEX(Jesper!$R$2:$R$366,ROW(INDEX(Jesper!AK$2:AK$366,ROUNDDOWN($C6500/24,0)+1,1))-1)+IF('Standard Profiles'!$G$21=$B$10,7,0)+IF('Standard Profiles'!$G$21=$B$17,14,0)+IF('Standard Profiles'!$G$21=$B$24,21,0),0)),0)</f>
        <v>0</v>
      </c>
      <c r="H6500" cm="1">
        <f t="array" ref="H6500">IFERROR(INDEX(Jesper!AL$2:AL$366,ROUNDDOWN($C6500/24,0)+1,1)*INDEX($D$3:$AA$30,INDEX(Jesper!$R$2:$R$366,ROW(INDEX(Jesper!AL$2:AL$366,ROUNDDOWN($C6500/24,0)+1,1))-1)+IF('Standard Profiles'!$G$22=$B$10,7,0)+IF('Standard Profiles'!$G$22=$B$17,14,0)+IF('Standard Profiles'!$G$22=$B$24,21,0),MOD($C6500,24)+1)/SUM(INDEX($D$3:$AA$30,INDEX(Jesper!$R$2:$R$366,ROW(INDEX(Jesper!AL$2:AL$366,ROUNDDOWN($C6500/24,0)+1,1))-1)+IF('Standard Profiles'!$G$22=$B$10,7,0)+IF('Standard Profiles'!$G$22=$B$17,14,0)+IF('Standard Profiles'!$G$22=$B$24,21,0),0)),0)</f>
        <v>0</v>
      </c>
      <c r="I6500">
        <f t="shared" si="727"/>
        <v>0.36660741336902325</v>
      </c>
      <c r="J6500">
        <f t="shared" si="728"/>
        <v>1.2220247112300777</v>
      </c>
      <c r="K6500">
        <f t="shared" si="729"/>
        <v>1.8330370668451161</v>
      </c>
      <c r="L6500">
        <f t="shared" si="730"/>
        <v>8.7985779208565571</v>
      </c>
      <c r="M6500">
        <f t="shared" si="731"/>
        <v>0</v>
      </c>
      <c r="N6500" s="46">
        <f t="shared" ref="N6500:N6563" si="732">N6499+1/24</f>
        <v>45561.416666650985</v>
      </c>
    </row>
    <row r="6501" spans="2:14" x14ac:dyDescent="0.3">
      <c r="B6501">
        <f t="shared" si="726"/>
        <v>4</v>
      </c>
      <c r="C6501" s="16">
        <v>6467</v>
      </c>
      <c r="D6501" cm="1">
        <f t="array" ref="D6501">IFERROR(INDEX(Jesper!AH$2:AH$366,ROUNDDOWN($C6501/24,0)+1,1)*INDEX($D$3:$AA$30,INDEX(Jesper!$R$2:$R$366,ROW(INDEX(Jesper!AH$2:AH$366,ROUNDDOWN($C6501/24,0)+1,1))-1)+IF('Standard Profiles'!$G$18=$B$10,7,0)+IF('Standard Profiles'!$G$18=$B$17,14,0)+IF('Standard Profiles'!$G$18=$B$24,21,0),MOD($C6501,24)+1)/SUM(INDEX($D$3:$AA$30,INDEX(Jesper!$R$2:$R$366,ROW(INDEX(Jesper!AH$2:AH$366,ROUNDDOWN($C6501/24,0)+1,1))-1)+IF('Standard Profiles'!$G$18=$B$10,7,0)+IF('Standard Profiles'!$G$18=$B$17,14,0)+IF('Standard Profiles'!$G$18=$B$24,21,0),0)),0)</f>
        <v>14.100285129577816</v>
      </c>
      <c r="E6501" cm="1">
        <f t="array" ref="E6501">IFERROR(INDEX(Jesper!AI$2:AI$366,ROUNDDOWN($C6501/24,0)+1,1)*INDEX($D$3:$AA$30,INDEX(Jesper!$R$2:$R$366,ROW(INDEX(Jesper!AI$2:AI$366,ROUNDDOWN($C6501/24,0)+1,1))-1)+IF('Standard Profiles'!$G$19=$B$10,7,0)+IF('Standard Profiles'!$G$19=$B$17,14,0)+IF('Standard Profiles'!$G$19=$B$24,21,0),MOD($C6501,24)+1)/SUM(INDEX($D$3:$AA$30,INDEX(Jesper!$R$2:$R$366,ROW(INDEX(Jesper!AI$2:AI$366,ROUNDDOWN($C6501/24,0)+1,1))-1)+IF('Standard Profiles'!$G$19=$B$10,7,0)+IF('Standard Profiles'!$G$19=$B$17,14,0)+IF('Standard Profiles'!$G$19=$B$24,21,0),0)),0)</f>
        <v>0</v>
      </c>
      <c r="F6501" cm="1">
        <f t="array" ref="F6501">IFERROR(INDEX(Jesper!AJ$2:AJ$366,ROUNDDOWN($C6501/24,0)+1,1)*INDEX($D$3:$AA$30,INDEX(Jesper!$R$2:$R$366,ROW(INDEX(Jesper!AJ$2:AJ$366,ROUNDDOWN($C6501/24,0)+1,1))-1)+IF('Standard Profiles'!$G$20=$B$10,7,0)+IF('Standard Profiles'!$G$20=$B$17,14,0)+IF('Standard Profiles'!$G$20=$B$24,21,0),MOD($C6501,24)+1)/SUM(INDEX($D$3:$AA$30,INDEX(Jesper!$R$2:$R$366,ROW(INDEX(Jesper!AJ$2:AJ$366,ROUNDDOWN($C6501/24,0)+1,1))-1)+IF('Standard Profiles'!$G$20=$B$10,7,0)+IF('Standard Profiles'!$G$20=$B$17,14,0)+IF('Standard Profiles'!$G$20=$B$24,21,0),0)),0)</f>
        <v>0</v>
      </c>
      <c r="G6501" cm="1">
        <f t="array" ref="G6501">IFERROR(INDEX(Jesper!AK$2:AK$366,ROUNDDOWN($C6501/24,0)+1,1)*INDEX($D$3:$AA$30,INDEX(Jesper!$R$2:$R$366,ROW(INDEX(Jesper!AK$2:AK$366,ROUNDDOWN($C6501/24,0)+1,1))-1)+IF('Standard Profiles'!$G$21=$B$10,7,0)+IF('Standard Profiles'!$G$21=$B$17,14,0)+IF('Standard Profiles'!$G$21=$B$24,21,0),MOD($C6501,24)+1)/SUM(INDEX($D$3:$AA$30,INDEX(Jesper!$R$2:$R$366,ROW(INDEX(Jesper!AK$2:AK$366,ROUNDDOWN($C6501/24,0)+1,1))-1)+IF('Standard Profiles'!$G$21=$B$10,7,0)+IF('Standard Profiles'!$G$21=$B$17,14,0)+IF('Standard Profiles'!$G$21=$B$24,21,0),0)),0)</f>
        <v>0</v>
      </c>
      <c r="H6501" cm="1">
        <f t="array" ref="H6501">IFERROR(INDEX(Jesper!AL$2:AL$366,ROUNDDOWN($C6501/24,0)+1,1)*INDEX($D$3:$AA$30,INDEX(Jesper!$R$2:$R$366,ROW(INDEX(Jesper!AL$2:AL$366,ROUNDDOWN($C6501/24,0)+1,1))-1)+IF('Standard Profiles'!$G$22=$B$10,7,0)+IF('Standard Profiles'!$G$22=$B$17,14,0)+IF('Standard Profiles'!$G$22=$B$24,21,0),MOD($C6501,24)+1)/SUM(INDEX($D$3:$AA$30,INDEX(Jesper!$R$2:$R$366,ROW(INDEX(Jesper!AL$2:AL$366,ROUNDDOWN($C6501/24,0)+1,1))-1)+IF('Standard Profiles'!$G$22=$B$10,7,0)+IF('Standard Profiles'!$G$22=$B$17,14,0)+IF('Standard Profiles'!$G$22=$B$24,21,0),0)),0)</f>
        <v>0</v>
      </c>
      <c r="I6501">
        <f t="shared" si="727"/>
        <v>0.42300855388733449</v>
      </c>
      <c r="J6501">
        <f t="shared" si="728"/>
        <v>1.4100285129577816</v>
      </c>
      <c r="K6501">
        <f t="shared" si="729"/>
        <v>2.1150427694366725</v>
      </c>
      <c r="L6501">
        <f t="shared" si="730"/>
        <v>10.152205293296028</v>
      </c>
      <c r="M6501">
        <f t="shared" si="731"/>
        <v>0</v>
      </c>
      <c r="N6501" s="46">
        <f t="shared" si="732"/>
        <v>45561.458333317649</v>
      </c>
    </row>
    <row r="6502" spans="2:14" x14ac:dyDescent="0.3">
      <c r="B6502">
        <f t="shared" si="726"/>
        <v>4</v>
      </c>
      <c r="C6502" s="16">
        <v>6468</v>
      </c>
      <c r="D6502" cm="1">
        <f t="array" ref="D6502">IFERROR(INDEX(Jesper!AH$2:AH$366,ROUNDDOWN($C6502/24,0)+1,1)*INDEX($D$3:$AA$30,INDEX(Jesper!$R$2:$R$366,ROW(INDEX(Jesper!AH$2:AH$366,ROUNDDOWN($C6502/24,0)+1,1))-1)+IF('Standard Profiles'!$G$18=$B$10,7,0)+IF('Standard Profiles'!$G$18=$B$17,14,0)+IF('Standard Profiles'!$G$18=$B$24,21,0),MOD($C6502,24)+1)/SUM(INDEX($D$3:$AA$30,INDEX(Jesper!$R$2:$R$366,ROW(INDEX(Jesper!AH$2:AH$366,ROUNDDOWN($C6502/24,0)+1,1))-1)+IF('Standard Profiles'!$G$18=$B$10,7,0)+IF('Standard Profiles'!$G$18=$B$17,14,0)+IF('Standard Profiles'!$G$18=$B$24,21,0),0)),0)</f>
        <v>14.100285129577816</v>
      </c>
      <c r="E6502" cm="1">
        <f t="array" ref="E6502">IFERROR(INDEX(Jesper!AI$2:AI$366,ROUNDDOWN($C6502/24,0)+1,1)*INDEX($D$3:$AA$30,INDEX(Jesper!$R$2:$R$366,ROW(INDEX(Jesper!AI$2:AI$366,ROUNDDOWN($C6502/24,0)+1,1))-1)+IF('Standard Profiles'!$G$19=$B$10,7,0)+IF('Standard Profiles'!$G$19=$B$17,14,0)+IF('Standard Profiles'!$G$19=$B$24,21,0),MOD($C6502,24)+1)/SUM(INDEX($D$3:$AA$30,INDEX(Jesper!$R$2:$R$366,ROW(INDEX(Jesper!AI$2:AI$366,ROUNDDOWN($C6502/24,0)+1,1))-1)+IF('Standard Profiles'!$G$19=$B$10,7,0)+IF('Standard Profiles'!$G$19=$B$17,14,0)+IF('Standard Profiles'!$G$19=$B$24,21,0),0)),0)</f>
        <v>0</v>
      </c>
      <c r="F6502" cm="1">
        <f t="array" ref="F6502">IFERROR(INDEX(Jesper!AJ$2:AJ$366,ROUNDDOWN($C6502/24,0)+1,1)*INDEX($D$3:$AA$30,INDEX(Jesper!$R$2:$R$366,ROW(INDEX(Jesper!AJ$2:AJ$366,ROUNDDOWN($C6502/24,0)+1,1))-1)+IF('Standard Profiles'!$G$20=$B$10,7,0)+IF('Standard Profiles'!$G$20=$B$17,14,0)+IF('Standard Profiles'!$G$20=$B$24,21,0),MOD($C6502,24)+1)/SUM(INDEX($D$3:$AA$30,INDEX(Jesper!$R$2:$R$366,ROW(INDEX(Jesper!AJ$2:AJ$366,ROUNDDOWN($C6502/24,0)+1,1))-1)+IF('Standard Profiles'!$G$20=$B$10,7,0)+IF('Standard Profiles'!$G$20=$B$17,14,0)+IF('Standard Profiles'!$G$20=$B$24,21,0),0)),0)</f>
        <v>0</v>
      </c>
      <c r="G6502" cm="1">
        <f t="array" ref="G6502">IFERROR(INDEX(Jesper!AK$2:AK$366,ROUNDDOWN($C6502/24,0)+1,1)*INDEX($D$3:$AA$30,INDEX(Jesper!$R$2:$R$366,ROW(INDEX(Jesper!AK$2:AK$366,ROUNDDOWN($C6502/24,0)+1,1))-1)+IF('Standard Profiles'!$G$21=$B$10,7,0)+IF('Standard Profiles'!$G$21=$B$17,14,0)+IF('Standard Profiles'!$G$21=$B$24,21,0),MOD($C6502,24)+1)/SUM(INDEX($D$3:$AA$30,INDEX(Jesper!$R$2:$R$366,ROW(INDEX(Jesper!AK$2:AK$366,ROUNDDOWN($C6502/24,0)+1,1))-1)+IF('Standard Profiles'!$G$21=$B$10,7,0)+IF('Standard Profiles'!$G$21=$B$17,14,0)+IF('Standard Profiles'!$G$21=$B$24,21,0),0)),0)</f>
        <v>0</v>
      </c>
      <c r="H6502" cm="1">
        <f t="array" ref="H6502">IFERROR(INDEX(Jesper!AL$2:AL$366,ROUNDDOWN($C6502/24,0)+1,1)*INDEX($D$3:$AA$30,INDEX(Jesper!$R$2:$R$366,ROW(INDEX(Jesper!AL$2:AL$366,ROUNDDOWN($C6502/24,0)+1,1))-1)+IF('Standard Profiles'!$G$22=$B$10,7,0)+IF('Standard Profiles'!$G$22=$B$17,14,0)+IF('Standard Profiles'!$G$22=$B$24,21,0),MOD($C6502,24)+1)/SUM(INDEX($D$3:$AA$30,INDEX(Jesper!$R$2:$R$366,ROW(INDEX(Jesper!AL$2:AL$366,ROUNDDOWN($C6502/24,0)+1,1))-1)+IF('Standard Profiles'!$G$22=$B$10,7,0)+IF('Standard Profiles'!$G$22=$B$17,14,0)+IF('Standard Profiles'!$G$22=$B$24,21,0),0)),0)</f>
        <v>0</v>
      </c>
      <c r="I6502">
        <f t="shared" si="727"/>
        <v>0.42300855388733449</v>
      </c>
      <c r="J6502">
        <f t="shared" si="728"/>
        <v>1.4100285129577816</v>
      </c>
      <c r="K6502">
        <f t="shared" si="729"/>
        <v>2.1150427694366725</v>
      </c>
      <c r="L6502">
        <f t="shared" si="730"/>
        <v>10.152205293296028</v>
      </c>
      <c r="M6502">
        <f t="shared" si="731"/>
        <v>0</v>
      </c>
      <c r="N6502" s="46">
        <f t="shared" si="732"/>
        <v>45561.499999984313</v>
      </c>
    </row>
    <row r="6503" spans="2:14" x14ac:dyDescent="0.3">
      <c r="B6503">
        <f t="shared" si="726"/>
        <v>4</v>
      </c>
      <c r="C6503" s="16">
        <v>6469</v>
      </c>
      <c r="D6503" cm="1">
        <f t="array" ref="D6503">IFERROR(INDEX(Jesper!AH$2:AH$366,ROUNDDOWN($C6503/24,0)+1,1)*INDEX($D$3:$AA$30,INDEX(Jesper!$R$2:$R$366,ROW(INDEX(Jesper!AH$2:AH$366,ROUNDDOWN($C6503/24,0)+1,1))-1)+IF('Standard Profiles'!$G$18=$B$10,7,0)+IF('Standard Profiles'!$G$18=$B$17,14,0)+IF('Standard Profiles'!$G$18=$B$24,21,0),MOD($C6503,24)+1)/SUM(INDEX($D$3:$AA$30,INDEX(Jesper!$R$2:$R$366,ROW(INDEX(Jesper!AH$2:AH$366,ROUNDDOWN($C6503/24,0)+1,1))-1)+IF('Standard Profiles'!$G$18=$B$10,7,0)+IF('Standard Profiles'!$G$18=$B$17,14,0)+IF('Standard Profiles'!$G$18=$B$24,21,0),0)),0)</f>
        <v>14.100285129577816</v>
      </c>
      <c r="E6503" cm="1">
        <f t="array" ref="E6503">IFERROR(INDEX(Jesper!AI$2:AI$366,ROUNDDOWN($C6503/24,0)+1,1)*INDEX($D$3:$AA$30,INDEX(Jesper!$R$2:$R$366,ROW(INDEX(Jesper!AI$2:AI$366,ROUNDDOWN($C6503/24,0)+1,1))-1)+IF('Standard Profiles'!$G$19=$B$10,7,0)+IF('Standard Profiles'!$G$19=$B$17,14,0)+IF('Standard Profiles'!$G$19=$B$24,21,0),MOD($C6503,24)+1)/SUM(INDEX($D$3:$AA$30,INDEX(Jesper!$R$2:$R$366,ROW(INDEX(Jesper!AI$2:AI$366,ROUNDDOWN($C6503/24,0)+1,1))-1)+IF('Standard Profiles'!$G$19=$B$10,7,0)+IF('Standard Profiles'!$G$19=$B$17,14,0)+IF('Standard Profiles'!$G$19=$B$24,21,0),0)),0)</f>
        <v>0</v>
      </c>
      <c r="F6503" cm="1">
        <f t="array" ref="F6503">IFERROR(INDEX(Jesper!AJ$2:AJ$366,ROUNDDOWN($C6503/24,0)+1,1)*INDEX($D$3:$AA$30,INDEX(Jesper!$R$2:$R$366,ROW(INDEX(Jesper!AJ$2:AJ$366,ROUNDDOWN($C6503/24,0)+1,1))-1)+IF('Standard Profiles'!$G$20=$B$10,7,0)+IF('Standard Profiles'!$G$20=$B$17,14,0)+IF('Standard Profiles'!$G$20=$B$24,21,0),MOD($C6503,24)+1)/SUM(INDEX($D$3:$AA$30,INDEX(Jesper!$R$2:$R$366,ROW(INDEX(Jesper!AJ$2:AJ$366,ROUNDDOWN($C6503/24,0)+1,1))-1)+IF('Standard Profiles'!$G$20=$B$10,7,0)+IF('Standard Profiles'!$G$20=$B$17,14,0)+IF('Standard Profiles'!$G$20=$B$24,21,0),0)),0)</f>
        <v>0</v>
      </c>
      <c r="G6503" cm="1">
        <f t="array" ref="G6503">IFERROR(INDEX(Jesper!AK$2:AK$366,ROUNDDOWN($C6503/24,0)+1,1)*INDEX($D$3:$AA$30,INDEX(Jesper!$R$2:$R$366,ROW(INDEX(Jesper!AK$2:AK$366,ROUNDDOWN($C6503/24,0)+1,1))-1)+IF('Standard Profiles'!$G$21=$B$10,7,0)+IF('Standard Profiles'!$G$21=$B$17,14,0)+IF('Standard Profiles'!$G$21=$B$24,21,0),MOD($C6503,24)+1)/SUM(INDEX($D$3:$AA$30,INDEX(Jesper!$R$2:$R$366,ROW(INDEX(Jesper!AK$2:AK$366,ROUNDDOWN($C6503/24,0)+1,1))-1)+IF('Standard Profiles'!$G$21=$B$10,7,0)+IF('Standard Profiles'!$G$21=$B$17,14,0)+IF('Standard Profiles'!$G$21=$B$24,21,0),0)),0)</f>
        <v>0</v>
      </c>
      <c r="H6503" cm="1">
        <f t="array" ref="H6503">IFERROR(INDEX(Jesper!AL$2:AL$366,ROUNDDOWN($C6503/24,0)+1,1)*INDEX($D$3:$AA$30,INDEX(Jesper!$R$2:$R$366,ROW(INDEX(Jesper!AL$2:AL$366,ROUNDDOWN($C6503/24,0)+1,1))-1)+IF('Standard Profiles'!$G$22=$B$10,7,0)+IF('Standard Profiles'!$G$22=$B$17,14,0)+IF('Standard Profiles'!$G$22=$B$24,21,0),MOD($C6503,24)+1)/SUM(INDEX($D$3:$AA$30,INDEX(Jesper!$R$2:$R$366,ROW(INDEX(Jesper!AL$2:AL$366,ROUNDDOWN($C6503/24,0)+1,1))-1)+IF('Standard Profiles'!$G$22=$B$10,7,0)+IF('Standard Profiles'!$G$22=$B$17,14,0)+IF('Standard Profiles'!$G$22=$B$24,21,0),0)),0)</f>
        <v>0</v>
      </c>
      <c r="I6503">
        <f t="shared" si="727"/>
        <v>0.42300855388733449</v>
      </c>
      <c r="J6503">
        <f t="shared" si="728"/>
        <v>1.4100285129577816</v>
      </c>
      <c r="K6503">
        <f t="shared" si="729"/>
        <v>2.1150427694366725</v>
      </c>
      <c r="L6503">
        <f t="shared" si="730"/>
        <v>10.152205293296028</v>
      </c>
      <c r="M6503">
        <f t="shared" si="731"/>
        <v>0</v>
      </c>
      <c r="N6503" s="46">
        <f t="shared" si="732"/>
        <v>45561.541666650977</v>
      </c>
    </row>
    <row r="6504" spans="2:14" x14ac:dyDescent="0.3">
      <c r="B6504">
        <f t="shared" si="726"/>
        <v>4</v>
      </c>
      <c r="C6504" s="16">
        <v>6470</v>
      </c>
      <c r="D6504" cm="1">
        <f t="array" ref="D6504">IFERROR(INDEX(Jesper!AH$2:AH$366,ROUNDDOWN($C6504/24,0)+1,1)*INDEX($D$3:$AA$30,INDEX(Jesper!$R$2:$R$366,ROW(INDEX(Jesper!AH$2:AH$366,ROUNDDOWN($C6504/24,0)+1,1))-1)+IF('Standard Profiles'!$G$18=$B$10,7,0)+IF('Standard Profiles'!$G$18=$B$17,14,0)+IF('Standard Profiles'!$G$18=$B$24,21,0),MOD($C6504,24)+1)/SUM(INDEX($D$3:$AA$30,INDEX(Jesper!$R$2:$R$366,ROW(INDEX(Jesper!AH$2:AH$366,ROUNDDOWN($C6504/24,0)+1,1))-1)+IF('Standard Profiles'!$G$18=$B$10,7,0)+IF('Standard Profiles'!$G$18=$B$17,14,0)+IF('Standard Profiles'!$G$18=$B$24,21,0),0)),0)</f>
        <v>14.100285129577816</v>
      </c>
      <c r="E6504" cm="1">
        <f t="array" ref="E6504">IFERROR(INDEX(Jesper!AI$2:AI$366,ROUNDDOWN($C6504/24,0)+1,1)*INDEX($D$3:$AA$30,INDEX(Jesper!$R$2:$R$366,ROW(INDEX(Jesper!AI$2:AI$366,ROUNDDOWN($C6504/24,0)+1,1))-1)+IF('Standard Profiles'!$G$19=$B$10,7,0)+IF('Standard Profiles'!$G$19=$B$17,14,0)+IF('Standard Profiles'!$G$19=$B$24,21,0),MOD($C6504,24)+1)/SUM(INDEX($D$3:$AA$30,INDEX(Jesper!$R$2:$R$366,ROW(INDEX(Jesper!AI$2:AI$366,ROUNDDOWN($C6504/24,0)+1,1))-1)+IF('Standard Profiles'!$G$19=$B$10,7,0)+IF('Standard Profiles'!$G$19=$B$17,14,0)+IF('Standard Profiles'!$G$19=$B$24,21,0),0)),0)</f>
        <v>0</v>
      </c>
      <c r="F6504" cm="1">
        <f t="array" ref="F6504">IFERROR(INDEX(Jesper!AJ$2:AJ$366,ROUNDDOWN($C6504/24,0)+1,1)*INDEX($D$3:$AA$30,INDEX(Jesper!$R$2:$R$366,ROW(INDEX(Jesper!AJ$2:AJ$366,ROUNDDOWN($C6504/24,0)+1,1))-1)+IF('Standard Profiles'!$G$20=$B$10,7,0)+IF('Standard Profiles'!$G$20=$B$17,14,0)+IF('Standard Profiles'!$G$20=$B$24,21,0),MOD($C6504,24)+1)/SUM(INDEX($D$3:$AA$30,INDEX(Jesper!$R$2:$R$366,ROW(INDEX(Jesper!AJ$2:AJ$366,ROUNDDOWN($C6504/24,0)+1,1))-1)+IF('Standard Profiles'!$G$20=$B$10,7,0)+IF('Standard Profiles'!$G$20=$B$17,14,0)+IF('Standard Profiles'!$G$20=$B$24,21,0),0)),0)</f>
        <v>0</v>
      </c>
      <c r="G6504" cm="1">
        <f t="array" ref="G6504">IFERROR(INDEX(Jesper!AK$2:AK$366,ROUNDDOWN($C6504/24,0)+1,1)*INDEX($D$3:$AA$30,INDEX(Jesper!$R$2:$R$366,ROW(INDEX(Jesper!AK$2:AK$366,ROUNDDOWN($C6504/24,0)+1,1))-1)+IF('Standard Profiles'!$G$21=$B$10,7,0)+IF('Standard Profiles'!$G$21=$B$17,14,0)+IF('Standard Profiles'!$G$21=$B$24,21,0),MOD($C6504,24)+1)/SUM(INDEX($D$3:$AA$30,INDEX(Jesper!$R$2:$R$366,ROW(INDEX(Jesper!AK$2:AK$366,ROUNDDOWN($C6504/24,0)+1,1))-1)+IF('Standard Profiles'!$G$21=$B$10,7,0)+IF('Standard Profiles'!$G$21=$B$17,14,0)+IF('Standard Profiles'!$G$21=$B$24,21,0),0)),0)</f>
        <v>0</v>
      </c>
      <c r="H6504" cm="1">
        <f t="array" ref="H6504">IFERROR(INDEX(Jesper!AL$2:AL$366,ROUNDDOWN($C6504/24,0)+1,1)*INDEX($D$3:$AA$30,INDEX(Jesper!$R$2:$R$366,ROW(INDEX(Jesper!AL$2:AL$366,ROUNDDOWN($C6504/24,0)+1,1))-1)+IF('Standard Profiles'!$G$22=$B$10,7,0)+IF('Standard Profiles'!$G$22=$B$17,14,0)+IF('Standard Profiles'!$G$22=$B$24,21,0),MOD($C6504,24)+1)/SUM(INDEX($D$3:$AA$30,INDEX(Jesper!$R$2:$R$366,ROW(INDEX(Jesper!AL$2:AL$366,ROUNDDOWN($C6504/24,0)+1,1))-1)+IF('Standard Profiles'!$G$22=$B$10,7,0)+IF('Standard Profiles'!$G$22=$B$17,14,0)+IF('Standard Profiles'!$G$22=$B$24,21,0),0)),0)</f>
        <v>0</v>
      </c>
      <c r="I6504">
        <f t="shared" si="727"/>
        <v>0.42300855388733449</v>
      </c>
      <c r="J6504">
        <f t="shared" si="728"/>
        <v>1.4100285129577816</v>
      </c>
      <c r="K6504">
        <f t="shared" si="729"/>
        <v>2.1150427694366725</v>
      </c>
      <c r="L6504">
        <f t="shared" si="730"/>
        <v>10.152205293296028</v>
      </c>
      <c r="M6504">
        <f t="shared" si="731"/>
        <v>0</v>
      </c>
      <c r="N6504" s="46">
        <f t="shared" si="732"/>
        <v>45561.583333317642</v>
      </c>
    </row>
    <row r="6505" spans="2:14" x14ac:dyDescent="0.3">
      <c r="B6505">
        <f t="shared" si="726"/>
        <v>4</v>
      </c>
      <c r="C6505" s="16">
        <v>6471</v>
      </c>
      <c r="D6505" cm="1">
        <f t="array" ref="D6505">IFERROR(INDEX(Jesper!AH$2:AH$366,ROUNDDOWN($C6505/24,0)+1,1)*INDEX($D$3:$AA$30,INDEX(Jesper!$R$2:$R$366,ROW(INDEX(Jesper!AH$2:AH$366,ROUNDDOWN($C6505/24,0)+1,1))-1)+IF('Standard Profiles'!$G$18=$B$10,7,0)+IF('Standard Profiles'!$G$18=$B$17,14,0)+IF('Standard Profiles'!$G$18=$B$24,21,0),MOD($C6505,24)+1)/SUM(INDEX($D$3:$AA$30,INDEX(Jesper!$R$2:$R$366,ROW(INDEX(Jesper!AH$2:AH$366,ROUNDDOWN($C6505/24,0)+1,1))-1)+IF('Standard Profiles'!$G$18=$B$10,7,0)+IF('Standard Profiles'!$G$18=$B$17,14,0)+IF('Standard Profiles'!$G$18=$B$24,21,0),0)),0)</f>
        <v>14.100285129577816</v>
      </c>
      <c r="E6505" cm="1">
        <f t="array" ref="E6505">IFERROR(INDEX(Jesper!AI$2:AI$366,ROUNDDOWN($C6505/24,0)+1,1)*INDEX($D$3:$AA$30,INDEX(Jesper!$R$2:$R$366,ROW(INDEX(Jesper!AI$2:AI$366,ROUNDDOWN($C6505/24,0)+1,1))-1)+IF('Standard Profiles'!$G$19=$B$10,7,0)+IF('Standard Profiles'!$G$19=$B$17,14,0)+IF('Standard Profiles'!$G$19=$B$24,21,0),MOD($C6505,24)+1)/SUM(INDEX($D$3:$AA$30,INDEX(Jesper!$R$2:$R$366,ROW(INDEX(Jesper!AI$2:AI$366,ROUNDDOWN($C6505/24,0)+1,1))-1)+IF('Standard Profiles'!$G$19=$B$10,7,0)+IF('Standard Profiles'!$G$19=$B$17,14,0)+IF('Standard Profiles'!$G$19=$B$24,21,0),0)),0)</f>
        <v>0</v>
      </c>
      <c r="F6505" cm="1">
        <f t="array" ref="F6505">IFERROR(INDEX(Jesper!AJ$2:AJ$366,ROUNDDOWN($C6505/24,0)+1,1)*INDEX($D$3:$AA$30,INDEX(Jesper!$R$2:$R$366,ROW(INDEX(Jesper!AJ$2:AJ$366,ROUNDDOWN($C6505/24,0)+1,1))-1)+IF('Standard Profiles'!$G$20=$B$10,7,0)+IF('Standard Profiles'!$G$20=$B$17,14,0)+IF('Standard Profiles'!$G$20=$B$24,21,0),MOD($C6505,24)+1)/SUM(INDEX($D$3:$AA$30,INDEX(Jesper!$R$2:$R$366,ROW(INDEX(Jesper!AJ$2:AJ$366,ROUNDDOWN($C6505/24,0)+1,1))-1)+IF('Standard Profiles'!$G$20=$B$10,7,0)+IF('Standard Profiles'!$G$20=$B$17,14,0)+IF('Standard Profiles'!$G$20=$B$24,21,0),0)),0)</f>
        <v>0</v>
      </c>
      <c r="G6505" cm="1">
        <f t="array" ref="G6505">IFERROR(INDEX(Jesper!AK$2:AK$366,ROUNDDOWN($C6505/24,0)+1,1)*INDEX($D$3:$AA$30,INDEX(Jesper!$R$2:$R$366,ROW(INDEX(Jesper!AK$2:AK$366,ROUNDDOWN($C6505/24,0)+1,1))-1)+IF('Standard Profiles'!$G$21=$B$10,7,0)+IF('Standard Profiles'!$G$21=$B$17,14,0)+IF('Standard Profiles'!$G$21=$B$24,21,0),MOD($C6505,24)+1)/SUM(INDEX($D$3:$AA$30,INDEX(Jesper!$R$2:$R$366,ROW(INDEX(Jesper!AK$2:AK$366,ROUNDDOWN($C6505/24,0)+1,1))-1)+IF('Standard Profiles'!$G$21=$B$10,7,0)+IF('Standard Profiles'!$G$21=$B$17,14,0)+IF('Standard Profiles'!$G$21=$B$24,21,0),0)),0)</f>
        <v>0</v>
      </c>
      <c r="H6505" cm="1">
        <f t="array" ref="H6505">IFERROR(INDEX(Jesper!AL$2:AL$366,ROUNDDOWN($C6505/24,0)+1,1)*INDEX($D$3:$AA$30,INDEX(Jesper!$R$2:$R$366,ROW(INDEX(Jesper!AL$2:AL$366,ROUNDDOWN($C6505/24,0)+1,1))-1)+IF('Standard Profiles'!$G$22=$B$10,7,0)+IF('Standard Profiles'!$G$22=$B$17,14,0)+IF('Standard Profiles'!$G$22=$B$24,21,0),MOD($C6505,24)+1)/SUM(INDEX($D$3:$AA$30,INDEX(Jesper!$R$2:$R$366,ROW(INDEX(Jesper!AL$2:AL$366,ROUNDDOWN($C6505/24,0)+1,1))-1)+IF('Standard Profiles'!$G$22=$B$10,7,0)+IF('Standard Profiles'!$G$22=$B$17,14,0)+IF('Standard Profiles'!$G$22=$B$24,21,0),0)),0)</f>
        <v>0</v>
      </c>
      <c r="I6505">
        <f t="shared" si="727"/>
        <v>0.42300855388733449</v>
      </c>
      <c r="J6505">
        <f t="shared" si="728"/>
        <v>1.4100285129577816</v>
      </c>
      <c r="K6505">
        <f t="shared" si="729"/>
        <v>2.1150427694366725</v>
      </c>
      <c r="L6505">
        <f t="shared" si="730"/>
        <v>10.152205293296028</v>
      </c>
      <c r="M6505">
        <f t="shared" si="731"/>
        <v>0</v>
      </c>
      <c r="N6505" s="46">
        <f t="shared" si="732"/>
        <v>45561.624999984306</v>
      </c>
    </row>
    <row r="6506" spans="2:14" x14ac:dyDescent="0.3">
      <c r="B6506">
        <f t="shared" si="726"/>
        <v>4</v>
      </c>
      <c r="C6506" s="16">
        <v>6472</v>
      </c>
      <c r="D6506" cm="1">
        <f t="array" ref="D6506">IFERROR(INDEX(Jesper!AH$2:AH$366,ROUNDDOWN($C6506/24,0)+1,1)*INDEX($D$3:$AA$30,INDEX(Jesper!$R$2:$R$366,ROW(INDEX(Jesper!AH$2:AH$366,ROUNDDOWN($C6506/24,0)+1,1))-1)+IF('Standard Profiles'!$G$18=$B$10,7,0)+IF('Standard Profiles'!$G$18=$B$17,14,0)+IF('Standard Profiles'!$G$18=$B$24,21,0),MOD($C6506,24)+1)/SUM(INDEX($D$3:$AA$30,INDEX(Jesper!$R$2:$R$366,ROW(INDEX(Jesper!AH$2:AH$366,ROUNDDOWN($C6506/24,0)+1,1))-1)+IF('Standard Profiles'!$G$18=$B$10,7,0)+IF('Standard Profiles'!$G$18=$B$17,14,0)+IF('Standard Profiles'!$G$18=$B$24,21,0),0)),0)</f>
        <v>14.100285129577816</v>
      </c>
      <c r="E6506" cm="1">
        <f t="array" ref="E6506">IFERROR(INDEX(Jesper!AI$2:AI$366,ROUNDDOWN($C6506/24,0)+1,1)*INDEX($D$3:$AA$30,INDEX(Jesper!$R$2:$R$366,ROW(INDEX(Jesper!AI$2:AI$366,ROUNDDOWN($C6506/24,0)+1,1))-1)+IF('Standard Profiles'!$G$19=$B$10,7,0)+IF('Standard Profiles'!$G$19=$B$17,14,0)+IF('Standard Profiles'!$G$19=$B$24,21,0),MOD($C6506,24)+1)/SUM(INDEX($D$3:$AA$30,INDEX(Jesper!$R$2:$R$366,ROW(INDEX(Jesper!AI$2:AI$366,ROUNDDOWN($C6506/24,0)+1,1))-1)+IF('Standard Profiles'!$G$19=$B$10,7,0)+IF('Standard Profiles'!$G$19=$B$17,14,0)+IF('Standard Profiles'!$G$19=$B$24,21,0),0)),0)</f>
        <v>0</v>
      </c>
      <c r="F6506" cm="1">
        <f t="array" ref="F6506">IFERROR(INDEX(Jesper!AJ$2:AJ$366,ROUNDDOWN($C6506/24,0)+1,1)*INDEX($D$3:$AA$30,INDEX(Jesper!$R$2:$R$366,ROW(INDEX(Jesper!AJ$2:AJ$366,ROUNDDOWN($C6506/24,0)+1,1))-1)+IF('Standard Profiles'!$G$20=$B$10,7,0)+IF('Standard Profiles'!$G$20=$B$17,14,0)+IF('Standard Profiles'!$G$20=$B$24,21,0),MOD($C6506,24)+1)/SUM(INDEX($D$3:$AA$30,INDEX(Jesper!$R$2:$R$366,ROW(INDEX(Jesper!AJ$2:AJ$366,ROUNDDOWN($C6506/24,0)+1,1))-1)+IF('Standard Profiles'!$G$20=$B$10,7,0)+IF('Standard Profiles'!$G$20=$B$17,14,0)+IF('Standard Profiles'!$G$20=$B$24,21,0),0)),0)</f>
        <v>0</v>
      </c>
      <c r="G6506" cm="1">
        <f t="array" ref="G6506">IFERROR(INDEX(Jesper!AK$2:AK$366,ROUNDDOWN($C6506/24,0)+1,1)*INDEX($D$3:$AA$30,INDEX(Jesper!$R$2:$R$366,ROW(INDEX(Jesper!AK$2:AK$366,ROUNDDOWN($C6506/24,0)+1,1))-1)+IF('Standard Profiles'!$G$21=$B$10,7,0)+IF('Standard Profiles'!$G$21=$B$17,14,0)+IF('Standard Profiles'!$G$21=$B$24,21,0),MOD($C6506,24)+1)/SUM(INDEX($D$3:$AA$30,INDEX(Jesper!$R$2:$R$366,ROW(INDEX(Jesper!AK$2:AK$366,ROUNDDOWN($C6506/24,0)+1,1))-1)+IF('Standard Profiles'!$G$21=$B$10,7,0)+IF('Standard Profiles'!$G$21=$B$17,14,0)+IF('Standard Profiles'!$G$21=$B$24,21,0),0)),0)</f>
        <v>0</v>
      </c>
      <c r="H6506" cm="1">
        <f t="array" ref="H6506">IFERROR(INDEX(Jesper!AL$2:AL$366,ROUNDDOWN($C6506/24,0)+1,1)*INDEX($D$3:$AA$30,INDEX(Jesper!$R$2:$R$366,ROW(INDEX(Jesper!AL$2:AL$366,ROUNDDOWN($C6506/24,0)+1,1))-1)+IF('Standard Profiles'!$G$22=$B$10,7,0)+IF('Standard Profiles'!$G$22=$B$17,14,0)+IF('Standard Profiles'!$G$22=$B$24,21,0),MOD($C6506,24)+1)/SUM(INDEX($D$3:$AA$30,INDEX(Jesper!$R$2:$R$366,ROW(INDEX(Jesper!AL$2:AL$366,ROUNDDOWN($C6506/24,0)+1,1))-1)+IF('Standard Profiles'!$G$22=$B$10,7,0)+IF('Standard Profiles'!$G$22=$B$17,14,0)+IF('Standard Profiles'!$G$22=$B$24,21,0),0)),0)</f>
        <v>0</v>
      </c>
      <c r="I6506">
        <f t="shared" si="727"/>
        <v>0.42300855388733449</v>
      </c>
      <c r="J6506">
        <f t="shared" si="728"/>
        <v>1.4100285129577816</v>
      </c>
      <c r="K6506">
        <f t="shared" si="729"/>
        <v>2.1150427694366725</v>
      </c>
      <c r="L6506">
        <f t="shared" si="730"/>
        <v>10.152205293296028</v>
      </c>
      <c r="M6506">
        <f t="shared" si="731"/>
        <v>0</v>
      </c>
      <c r="N6506" s="46">
        <f t="shared" si="732"/>
        <v>45561.66666665097</v>
      </c>
    </row>
    <row r="6507" spans="2:14" x14ac:dyDescent="0.3">
      <c r="B6507">
        <f t="shared" si="726"/>
        <v>4</v>
      </c>
      <c r="C6507" s="16">
        <v>6473</v>
      </c>
      <c r="D6507" cm="1">
        <f t="array" ref="D6507">IFERROR(INDEX(Jesper!AH$2:AH$366,ROUNDDOWN($C6507/24,0)+1,1)*INDEX($D$3:$AA$30,INDEX(Jesper!$R$2:$R$366,ROW(INDEX(Jesper!AH$2:AH$366,ROUNDDOWN($C6507/24,0)+1,1))-1)+IF('Standard Profiles'!$G$18=$B$10,7,0)+IF('Standard Profiles'!$G$18=$B$17,14,0)+IF('Standard Profiles'!$G$18=$B$24,21,0),MOD($C6507,24)+1)/SUM(INDEX($D$3:$AA$30,INDEX(Jesper!$R$2:$R$366,ROW(INDEX(Jesper!AH$2:AH$366,ROUNDDOWN($C6507/24,0)+1,1))-1)+IF('Standard Profiles'!$G$18=$B$10,7,0)+IF('Standard Profiles'!$G$18=$B$17,14,0)+IF('Standard Profiles'!$G$18=$B$24,21,0),0)),0)</f>
        <v>14.100285129577816</v>
      </c>
      <c r="E6507" cm="1">
        <f t="array" ref="E6507">IFERROR(INDEX(Jesper!AI$2:AI$366,ROUNDDOWN($C6507/24,0)+1,1)*INDEX($D$3:$AA$30,INDEX(Jesper!$R$2:$R$366,ROW(INDEX(Jesper!AI$2:AI$366,ROUNDDOWN($C6507/24,0)+1,1))-1)+IF('Standard Profiles'!$G$19=$B$10,7,0)+IF('Standard Profiles'!$G$19=$B$17,14,0)+IF('Standard Profiles'!$G$19=$B$24,21,0),MOD($C6507,24)+1)/SUM(INDEX($D$3:$AA$30,INDEX(Jesper!$R$2:$R$366,ROW(INDEX(Jesper!AI$2:AI$366,ROUNDDOWN($C6507/24,0)+1,1))-1)+IF('Standard Profiles'!$G$19=$B$10,7,0)+IF('Standard Profiles'!$G$19=$B$17,14,0)+IF('Standard Profiles'!$G$19=$B$24,21,0),0)),0)</f>
        <v>0</v>
      </c>
      <c r="F6507" cm="1">
        <f t="array" ref="F6507">IFERROR(INDEX(Jesper!AJ$2:AJ$366,ROUNDDOWN($C6507/24,0)+1,1)*INDEX($D$3:$AA$30,INDEX(Jesper!$R$2:$R$366,ROW(INDEX(Jesper!AJ$2:AJ$366,ROUNDDOWN($C6507/24,0)+1,1))-1)+IF('Standard Profiles'!$G$20=$B$10,7,0)+IF('Standard Profiles'!$G$20=$B$17,14,0)+IF('Standard Profiles'!$G$20=$B$24,21,0),MOD($C6507,24)+1)/SUM(INDEX($D$3:$AA$30,INDEX(Jesper!$R$2:$R$366,ROW(INDEX(Jesper!AJ$2:AJ$366,ROUNDDOWN($C6507/24,0)+1,1))-1)+IF('Standard Profiles'!$G$20=$B$10,7,0)+IF('Standard Profiles'!$G$20=$B$17,14,0)+IF('Standard Profiles'!$G$20=$B$24,21,0),0)),0)</f>
        <v>0</v>
      </c>
      <c r="G6507" cm="1">
        <f t="array" ref="G6507">IFERROR(INDEX(Jesper!AK$2:AK$366,ROUNDDOWN($C6507/24,0)+1,1)*INDEX($D$3:$AA$30,INDEX(Jesper!$R$2:$R$366,ROW(INDEX(Jesper!AK$2:AK$366,ROUNDDOWN($C6507/24,0)+1,1))-1)+IF('Standard Profiles'!$G$21=$B$10,7,0)+IF('Standard Profiles'!$G$21=$B$17,14,0)+IF('Standard Profiles'!$G$21=$B$24,21,0),MOD($C6507,24)+1)/SUM(INDEX($D$3:$AA$30,INDEX(Jesper!$R$2:$R$366,ROW(INDEX(Jesper!AK$2:AK$366,ROUNDDOWN($C6507/24,0)+1,1))-1)+IF('Standard Profiles'!$G$21=$B$10,7,0)+IF('Standard Profiles'!$G$21=$B$17,14,0)+IF('Standard Profiles'!$G$21=$B$24,21,0),0)),0)</f>
        <v>0</v>
      </c>
      <c r="H6507" cm="1">
        <f t="array" ref="H6507">IFERROR(INDEX(Jesper!AL$2:AL$366,ROUNDDOWN($C6507/24,0)+1,1)*INDEX($D$3:$AA$30,INDEX(Jesper!$R$2:$R$366,ROW(INDEX(Jesper!AL$2:AL$366,ROUNDDOWN($C6507/24,0)+1,1))-1)+IF('Standard Profiles'!$G$22=$B$10,7,0)+IF('Standard Profiles'!$G$22=$B$17,14,0)+IF('Standard Profiles'!$G$22=$B$24,21,0),MOD($C6507,24)+1)/SUM(INDEX($D$3:$AA$30,INDEX(Jesper!$R$2:$R$366,ROW(INDEX(Jesper!AL$2:AL$366,ROUNDDOWN($C6507/24,0)+1,1))-1)+IF('Standard Profiles'!$G$22=$B$10,7,0)+IF('Standard Profiles'!$G$22=$B$17,14,0)+IF('Standard Profiles'!$G$22=$B$24,21,0),0)),0)</f>
        <v>0</v>
      </c>
      <c r="I6507">
        <f t="shared" si="727"/>
        <v>0.42300855388733449</v>
      </c>
      <c r="J6507">
        <f t="shared" si="728"/>
        <v>1.4100285129577816</v>
      </c>
      <c r="K6507">
        <f t="shared" si="729"/>
        <v>2.1150427694366725</v>
      </c>
      <c r="L6507">
        <f t="shared" si="730"/>
        <v>10.152205293296028</v>
      </c>
      <c r="M6507">
        <f t="shared" si="731"/>
        <v>0</v>
      </c>
      <c r="N6507" s="46">
        <f t="shared" si="732"/>
        <v>45561.708333317634</v>
      </c>
    </row>
    <row r="6508" spans="2:14" x14ac:dyDescent="0.3">
      <c r="B6508">
        <f t="shared" si="726"/>
        <v>4</v>
      </c>
      <c r="C6508" s="16">
        <v>6474</v>
      </c>
      <c r="D6508" cm="1">
        <f t="array" ref="D6508">IFERROR(INDEX(Jesper!AH$2:AH$366,ROUNDDOWN($C6508/24,0)+1,1)*INDEX($D$3:$AA$30,INDEX(Jesper!$R$2:$R$366,ROW(INDEX(Jesper!AH$2:AH$366,ROUNDDOWN($C6508/24,0)+1,1))-1)+IF('Standard Profiles'!$G$18=$B$10,7,0)+IF('Standard Profiles'!$G$18=$B$17,14,0)+IF('Standard Profiles'!$G$18=$B$24,21,0),MOD($C6508,24)+1)/SUM(INDEX($D$3:$AA$30,INDEX(Jesper!$R$2:$R$366,ROW(INDEX(Jesper!AH$2:AH$366,ROUNDDOWN($C6508/24,0)+1,1))-1)+IF('Standard Profiles'!$G$18=$B$10,7,0)+IF('Standard Profiles'!$G$18=$B$17,14,0)+IF('Standard Profiles'!$G$18=$B$24,21,0),0)),0)</f>
        <v>14.100285129577816</v>
      </c>
      <c r="E6508" cm="1">
        <f t="array" ref="E6508">IFERROR(INDEX(Jesper!AI$2:AI$366,ROUNDDOWN($C6508/24,0)+1,1)*INDEX($D$3:$AA$30,INDEX(Jesper!$R$2:$R$366,ROW(INDEX(Jesper!AI$2:AI$366,ROUNDDOWN($C6508/24,0)+1,1))-1)+IF('Standard Profiles'!$G$19=$B$10,7,0)+IF('Standard Profiles'!$G$19=$B$17,14,0)+IF('Standard Profiles'!$G$19=$B$24,21,0),MOD($C6508,24)+1)/SUM(INDEX($D$3:$AA$30,INDEX(Jesper!$R$2:$R$366,ROW(INDEX(Jesper!AI$2:AI$366,ROUNDDOWN($C6508/24,0)+1,1))-1)+IF('Standard Profiles'!$G$19=$B$10,7,0)+IF('Standard Profiles'!$G$19=$B$17,14,0)+IF('Standard Profiles'!$G$19=$B$24,21,0),0)),0)</f>
        <v>0</v>
      </c>
      <c r="F6508" cm="1">
        <f t="array" ref="F6508">IFERROR(INDEX(Jesper!AJ$2:AJ$366,ROUNDDOWN($C6508/24,0)+1,1)*INDEX($D$3:$AA$30,INDEX(Jesper!$R$2:$R$366,ROW(INDEX(Jesper!AJ$2:AJ$366,ROUNDDOWN($C6508/24,0)+1,1))-1)+IF('Standard Profiles'!$G$20=$B$10,7,0)+IF('Standard Profiles'!$G$20=$B$17,14,0)+IF('Standard Profiles'!$G$20=$B$24,21,0),MOD($C6508,24)+1)/SUM(INDEX($D$3:$AA$30,INDEX(Jesper!$R$2:$R$366,ROW(INDEX(Jesper!AJ$2:AJ$366,ROUNDDOWN($C6508/24,0)+1,1))-1)+IF('Standard Profiles'!$G$20=$B$10,7,0)+IF('Standard Profiles'!$G$20=$B$17,14,0)+IF('Standard Profiles'!$G$20=$B$24,21,0),0)),0)</f>
        <v>0</v>
      </c>
      <c r="G6508" cm="1">
        <f t="array" ref="G6508">IFERROR(INDEX(Jesper!AK$2:AK$366,ROUNDDOWN($C6508/24,0)+1,1)*INDEX($D$3:$AA$30,INDEX(Jesper!$R$2:$R$366,ROW(INDEX(Jesper!AK$2:AK$366,ROUNDDOWN($C6508/24,0)+1,1))-1)+IF('Standard Profiles'!$G$21=$B$10,7,0)+IF('Standard Profiles'!$G$21=$B$17,14,0)+IF('Standard Profiles'!$G$21=$B$24,21,0),MOD($C6508,24)+1)/SUM(INDEX($D$3:$AA$30,INDEX(Jesper!$R$2:$R$366,ROW(INDEX(Jesper!AK$2:AK$366,ROUNDDOWN($C6508/24,0)+1,1))-1)+IF('Standard Profiles'!$G$21=$B$10,7,0)+IF('Standard Profiles'!$G$21=$B$17,14,0)+IF('Standard Profiles'!$G$21=$B$24,21,0),0)),0)</f>
        <v>0</v>
      </c>
      <c r="H6508" cm="1">
        <f t="array" ref="H6508">IFERROR(INDEX(Jesper!AL$2:AL$366,ROUNDDOWN($C6508/24,0)+1,1)*INDEX($D$3:$AA$30,INDEX(Jesper!$R$2:$R$366,ROW(INDEX(Jesper!AL$2:AL$366,ROUNDDOWN($C6508/24,0)+1,1))-1)+IF('Standard Profiles'!$G$22=$B$10,7,0)+IF('Standard Profiles'!$G$22=$B$17,14,0)+IF('Standard Profiles'!$G$22=$B$24,21,0),MOD($C6508,24)+1)/SUM(INDEX($D$3:$AA$30,INDEX(Jesper!$R$2:$R$366,ROW(INDEX(Jesper!AL$2:AL$366,ROUNDDOWN($C6508/24,0)+1,1))-1)+IF('Standard Profiles'!$G$22=$B$10,7,0)+IF('Standard Profiles'!$G$22=$B$17,14,0)+IF('Standard Profiles'!$G$22=$B$24,21,0),0)),0)</f>
        <v>0</v>
      </c>
      <c r="I6508">
        <f t="shared" si="727"/>
        <v>0.42300855388733449</v>
      </c>
      <c r="J6508">
        <f t="shared" si="728"/>
        <v>1.4100285129577816</v>
      </c>
      <c r="K6508">
        <f t="shared" si="729"/>
        <v>2.1150427694366725</v>
      </c>
      <c r="L6508">
        <f t="shared" si="730"/>
        <v>10.152205293296028</v>
      </c>
      <c r="M6508">
        <f t="shared" si="731"/>
        <v>0</v>
      </c>
      <c r="N6508" s="46">
        <f t="shared" si="732"/>
        <v>45561.749999984298</v>
      </c>
    </row>
    <row r="6509" spans="2:14" x14ac:dyDescent="0.3">
      <c r="B6509">
        <f t="shared" si="726"/>
        <v>4</v>
      </c>
      <c r="C6509" s="16">
        <v>6475</v>
      </c>
      <c r="D6509" cm="1">
        <f t="array" ref="D6509">IFERROR(INDEX(Jesper!AH$2:AH$366,ROUNDDOWN($C6509/24,0)+1,1)*INDEX($D$3:$AA$30,INDEX(Jesper!$R$2:$R$366,ROW(INDEX(Jesper!AH$2:AH$366,ROUNDDOWN($C6509/24,0)+1,1))-1)+IF('Standard Profiles'!$G$18=$B$10,7,0)+IF('Standard Profiles'!$G$18=$B$17,14,0)+IF('Standard Profiles'!$G$18=$B$24,21,0),MOD($C6509,24)+1)/SUM(INDEX($D$3:$AA$30,INDEX(Jesper!$R$2:$R$366,ROW(INDEX(Jesper!AH$2:AH$366,ROUNDDOWN($C6509/24,0)+1,1))-1)+IF('Standard Profiles'!$G$18=$B$10,7,0)+IF('Standard Profiles'!$G$18=$B$17,14,0)+IF('Standard Profiles'!$G$18=$B$24,21,0),0)),0)</f>
        <v>11.750237607981514</v>
      </c>
      <c r="E6509" cm="1">
        <f t="array" ref="E6509">IFERROR(INDEX(Jesper!AI$2:AI$366,ROUNDDOWN($C6509/24,0)+1,1)*INDEX($D$3:$AA$30,INDEX(Jesper!$R$2:$R$366,ROW(INDEX(Jesper!AI$2:AI$366,ROUNDDOWN($C6509/24,0)+1,1))-1)+IF('Standard Profiles'!$G$19=$B$10,7,0)+IF('Standard Profiles'!$G$19=$B$17,14,0)+IF('Standard Profiles'!$G$19=$B$24,21,0),MOD($C6509,24)+1)/SUM(INDEX($D$3:$AA$30,INDEX(Jesper!$R$2:$R$366,ROW(INDEX(Jesper!AI$2:AI$366,ROUNDDOWN($C6509/24,0)+1,1))-1)+IF('Standard Profiles'!$G$19=$B$10,7,0)+IF('Standard Profiles'!$G$19=$B$17,14,0)+IF('Standard Profiles'!$G$19=$B$24,21,0),0)),0)</f>
        <v>0</v>
      </c>
      <c r="F6509" cm="1">
        <f t="array" ref="F6509">IFERROR(INDEX(Jesper!AJ$2:AJ$366,ROUNDDOWN($C6509/24,0)+1,1)*INDEX($D$3:$AA$30,INDEX(Jesper!$R$2:$R$366,ROW(INDEX(Jesper!AJ$2:AJ$366,ROUNDDOWN($C6509/24,0)+1,1))-1)+IF('Standard Profiles'!$G$20=$B$10,7,0)+IF('Standard Profiles'!$G$20=$B$17,14,0)+IF('Standard Profiles'!$G$20=$B$24,21,0),MOD($C6509,24)+1)/SUM(INDEX($D$3:$AA$30,INDEX(Jesper!$R$2:$R$366,ROW(INDEX(Jesper!AJ$2:AJ$366,ROUNDDOWN($C6509/24,0)+1,1))-1)+IF('Standard Profiles'!$G$20=$B$10,7,0)+IF('Standard Profiles'!$G$20=$B$17,14,0)+IF('Standard Profiles'!$G$20=$B$24,21,0),0)),0)</f>
        <v>0</v>
      </c>
      <c r="G6509" cm="1">
        <f t="array" ref="G6509">IFERROR(INDEX(Jesper!AK$2:AK$366,ROUNDDOWN($C6509/24,0)+1,1)*INDEX($D$3:$AA$30,INDEX(Jesper!$R$2:$R$366,ROW(INDEX(Jesper!AK$2:AK$366,ROUNDDOWN($C6509/24,0)+1,1))-1)+IF('Standard Profiles'!$G$21=$B$10,7,0)+IF('Standard Profiles'!$G$21=$B$17,14,0)+IF('Standard Profiles'!$G$21=$B$24,21,0),MOD($C6509,24)+1)/SUM(INDEX($D$3:$AA$30,INDEX(Jesper!$R$2:$R$366,ROW(INDEX(Jesper!AK$2:AK$366,ROUNDDOWN($C6509/24,0)+1,1))-1)+IF('Standard Profiles'!$G$21=$B$10,7,0)+IF('Standard Profiles'!$G$21=$B$17,14,0)+IF('Standard Profiles'!$G$21=$B$24,21,0),0)),0)</f>
        <v>0</v>
      </c>
      <c r="H6509" cm="1">
        <f t="array" ref="H6509">IFERROR(INDEX(Jesper!AL$2:AL$366,ROUNDDOWN($C6509/24,0)+1,1)*INDEX($D$3:$AA$30,INDEX(Jesper!$R$2:$R$366,ROW(INDEX(Jesper!AL$2:AL$366,ROUNDDOWN($C6509/24,0)+1,1))-1)+IF('Standard Profiles'!$G$22=$B$10,7,0)+IF('Standard Profiles'!$G$22=$B$17,14,0)+IF('Standard Profiles'!$G$22=$B$24,21,0),MOD($C6509,24)+1)/SUM(INDEX($D$3:$AA$30,INDEX(Jesper!$R$2:$R$366,ROW(INDEX(Jesper!AL$2:AL$366,ROUNDDOWN($C6509/24,0)+1,1))-1)+IF('Standard Profiles'!$G$22=$B$10,7,0)+IF('Standard Profiles'!$G$22=$B$17,14,0)+IF('Standard Profiles'!$G$22=$B$24,21,0),0)),0)</f>
        <v>0</v>
      </c>
      <c r="I6509">
        <f t="shared" si="727"/>
        <v>0.35250712823944541</v>
      </c>
      <c r="J6509">
        <f t="shared" si="728"/>
        <v>1.1750237607981515</v>
      </c>
      <c r="K6509">
        <f t="shared" si="729"/>
        <v>1.7625356411972271</v>
      </c>
      <c r="L6509">
        <f t="shared" si="730"/>
        <v>8.4601710777466899</v>
      </c>
      <c r="M6509">
        <f t="shared" si="731"/>
        <v>0</v>
      </c>
      <c r="N6509" s="46">
        <f t="shared" si="732"/>
        <v>45561.791666650963</v>
      </c>
    </row>
    <row r="6510" spans="2:14" x14ac:dyDescent="0.3">
      <c r="B6510">
        <f t="shared" si="726"/>
        <v>4</v>
      </c>
      <c r="C6510" s="16">
        <v>6476</v>
      </c>
      <c r="D6510" cm="1">
        <f t="array" ref="D6510">IFERROR(INDEX(Jesper!AH$2:AH$366,ROUNDDOWN($C6510/24,0)+1,1)*INDEX($D$3:$AA$30,INDEX(Jesper!$R$2:$R$366,ROW(INDEX(Jesper!AH$2:AH$366,ROUNDDOWN($C6510/24,0)+1,1))-1)+IF('Standard Profiles'!$G$18=$B$10,7,0)+IF('Standard Profiles'!$G$18=$B$17,14,0)+IF('Standard Profiles'!$G$18=$B$24,21,0),MOD($C6510,24)+1)/SUM(INDEX($D$3:$AA$30,INDEX(Jesper!$R$2:$R$366,ROW(INDEX(Jesper!AH$2:AH$366,ROUNDDOWN($C6510/24,0)+1,1))-1)+IF('Standard Profiles'!$G$18=$B$10,7,0)+IF('Standard Profiles'!$G$18=$B$17,14,0)+IF('Standard Profiles'!$G$18=$B$24,21,0),0)),0)</f>
        <v>9.4001900863852121</v>
      </c>
      <c r="E6510" cm="1">
        <f t="array" ref="E6510">IFERROR(INDEX(Jesper!AI$2:AI$366,ROUNDDOWN($C6510/24,0)+1,1)*INDEX($D$3:$AA$30,INDEX(Jesper!$R$2:$R$366,ROW(INDEX(Jesper!AI$2:AI$366,ROUNDDOWN($C6510/24,0)+1,1))-1)+IF('Standard Profiles'!$G$19=$B$10,7,0)+IF('Standard Profiles'!$G$19=$B$17,14,0)+IF('Standard Profiles'!$G$19=$B$24,21,0),MOD($C6510,24)+1)/SUM(INDEX($D$3:$AA$30,INDEX(Jesper!$R$2:$R$366,ROW(INDEX(Jesper!AI$2:AI$366,ROUNDDOWN($C6510/24,0)+1,1))-1)+IF('Standard Profiles'!$G$19=$B$10,7,0)+IF('Standard Profiles'!$G$19=$B$17,14,0)+IF('Standard Profiles'!$G$19=$B$24,21,0),0)),0)</f>
        <v>0</v>
      </c>
      <c r="F6510" cm="1">
        <f t="array" ref="F6510">IFERROR(INDEX(Jesper!AJ$2:AJ$366,ROUNDDOWN($C6510/24,0)+1,1)*INDEX($D$3:$AA$30,INDEX(Jesper!$R$2:$R$366,ROW(INDEX(Jesper!AJ$2:AJ$366,ROUNDDOWN($C6510/24,0)+1,1))-1)+IF('Standard Profiles'!$G$20=$B$10,7,0)+IF('Standard Profiles'!$G$20=$B$17,14,0)+IF('Standard Profiles'!$G$20=$B$24,21,0),MOD($C6510,24)+1)/SUM(INDEX($D$3:$AA$30,INDEX(Jesper!$R$2:$R$366,ROW(INDEX(Jesper!AJ$2:AJ$366,ROUNDDOWN($C6510/24,0)+1,1))-1)+IF('Standard Profiles'!$G$20=$B$10,7,0)+IF('Standard Profiles'!$G$20=$B$17,14,0)+IF('Standard Profiles'!$G$20=$B$24,21,0),0)),0)</f>
        <v>0</v>
      </c>
      <c r="G6510" cm="1">
        <f t="array" ref="G6510">IFERROR(INDEX(Jesper!AK$2:AK$366,ROUNDDOWN($C6510/24,0)+1,1)*INDEX($D$3:$AA$30,INDEX(Jesper!$R$2:$R$366,ROW(INDEX(Jesper!AK$2:AK$366,ROUNDDOWN($C6510/24,0)+1,1))-1)+IF('Standard Profiles'!$G$21=$B$10,7,0)+IF('Standard Profiles'!$G$21=$B$17,14,0)+IF('Standard Profiles'!$G$21=$B$24,21,0),MOD($C6510,24)+1)/SUM(INDEX($D$3:$AA$30,INDEX(Jesper!$R$2:$R$366,ROW(INDEX(Jesper!AK$2:AK$366,ROUNDDOWN($C6510/24,0)+1,1))-1)+IF('Standard Profiles'!$G$21=$B$10,7,0)+IF('Standard Profiles'!$G$21=$B$17,14,0)+IF('Standard Profiles'!$G$21=$B$24,21,0),0)),0)</f>
        <v>0</v>
      </c>
      <c r="H6510" cm="1">
        <f t="array" ref="H6510">IFERROR(INDEX(Jesper!AL$2:AL$366,ROUNDDOWN($C6510/24,0)+1,1)*INDEX($D$3:$AA$30,INDEX(Jesper!$R$2:$R$366,ROW(INDEX(Jesper!AL$2:AL$366,ROUNDDOWN($C6510/24,0)+1,1))-1)+IF('Standard Profiles'!$G$22=$B$10,7,0)+IF('Standard Profiles'!$G$22=$B$17,14,0)+IF('Standard Profiles'!$G$22=$B$24,21,0),MOD($C6510,24)+1)/SUM(INDEX($D$3:$AA$30,INDEX(Jesper!$R$2:$R$366,ROW(INDEX(Jesper!AL$2:AL$366,ROUNDDOWN($C6510/24,0)+1,1))-1)+IF('Standard Profiles'!$G$22=$B$10,7,0)+IF('Standard Profiles'!$G$22=$B$17,14,0)+IF('Standard Profiles'!$G$22=$B$24,21,0),0)),0)</f>
        <v>0</v>
      </c>
      <c r="I6510">
        <f t="shared" si="727"/>
        <v>0.28200570259155633</v>
      </c>
      <c r="J6510">
        <f t="shared" si="728"/>
        <v>0.94001900863852128</v>
      </c>
      <c r="K6510">
        <f t="shared" si="729"/>
        <v>1.4100285129577819</v>
      </c>
      <c r="L6510">
        <f t="shared" si="730"/>
        <v>6.7681368621973528</v>
      </c>
      <c r="M6510">
        <f t="shared" si="731"/>
        <v>0</v>
      </c>
      <c r="N6510" s="46">
        <f t="shared" si="732"/>
        <v>45561.833333317627</v>
      </c>
    </row>
    <row r="6511" spans="2:14" x14ac:dyDescent="0.3">
      <c r="B6511">
        <f t="shared" si="726"/>
        <v>4</v>
      </c>
      <c r="C6511" s="16">
        <v>6477</v>
      </c>
      <c r="D6511" cm="1">
        <f t="array" ref="D6511">IFERROR(INDEX(Jesper!AH$2:AH$366,ROUNDDOWN($C6511/24,0)+1,1)*INDEX($D$3:$AA$30,INDEX(Jesper!$R$2:$R$366,ROW(INDEX(Jesper!AH$2:AH$366,ROUNDDOWN($C6511/24,0)+1,1))-1)+IF('Standard Profiles'!$G$18=$B$10,7,0)+IF('Standard Profiles'!$G$18=$B$17,14,0)+IF('Standard Profiles'!$G$18=$B$24,21,0),MOD($C6511,24)+1)/SUM(INDEX($D$3:$AA$30,INDEX(Jesper!$R$2:$R$366,ROW(INDEX(Jesper!AH$2:AH$366,ROUNDDOWN($C6511/24,0)+1,1))-1)+IF('Standard Profiles'!$G$18=$B$10,7,0)+IF('Standard Profiles'!$G$18=$B$17,14,0)+IF('Standard Profiles'!$G$18=$B$24,21,0),0)),0)</f>
        <v>7.0501425647889082</v>
      </c>
      <c r="E6511" cm="1">
        <f t="array" ref="E6511">IFERROR(INDEX(Jesper!AI$2:AI$366,ROUNDDOWN($C6511/24,0)+1,1)*INDEX($D$3:$AA$30,INDEX(Jesper!$R$2:$R$366,ROW(INDEX(Jesper!AI$2:AI$366,ROUNDDOWN($C6511/24,0)+1,1))-1)+IF('Standard Profiles'!$G$19=$B$10,7,0)+IF('Standard Profiles'!$G$19=$B$17,14,0)+IF('Standard Profiles'!$G$19=$B$24,21,0),MOD($C6511,24)+1)/SUM(INDEX($D$3:$AA$30,INDEX(Jesper!$R$2:$R$366,ROW(INDEX(Jesper!AI$2:AI$366,ROUNDDOWN($C6511/24,0)+1,1))-1)+IF('Standard Profiles'!$G$19=$B$10,7,0)+IF('Standard Profiles'!$G$19=$B$17,14,0)+IF('Standard Profiles'!$G$19=$B$24,21,0),0)),0)</f>
        <v>0</v>
      </c>
      <c r="F6511" cm="1">
        <f t="array" ref="F6511">IFERROR(INDEX(Jesper!AJ$2:AJ$366,ROUNDDOWN($C6511/24,0)+1,1)*INDEX($D$3:$AA$30,INDEX(Jesper!$R$2:$R$366,ROW(INDEX(Jesper!AJ$2:AJ$366,ROUNDDOWN($C6511/24,0)+1,1))-1)+IF('Standard Profiles'!$G$20=$B$10,7,0)+IF('Standard Profiles'!$G$20=$B$17,14,0)+IF('Standard Profiles'!$G$20=$B$24,21,0),MOD($C6511,24)+1)/SUM(INDEX($D$3:$AA$30,INDEX(Jesper!$R$2:$R$366,ROW(INDEX(Jesper!AJ$2:AJ$366,ROUNDDOWN($C6511/24,0)+1,1))-1)+IF('Standard Profiles'!$G$20=$B$10,7,0)+IF('Standard Profiles'!$G$20=$B$17,14,0)+IF('Standard Profiles'!$G$20=$B$24,21,0),0)),0)</f>
        <v>0</v>
      </c>
      <c r="G6511" cm="1">
        <f t="array" ref="G6511">IFERROR(INDEX(Jesper!AK$2:AK$366,ROUNDDOWN($C6511/24,0)+1,1)*INDEX($D$3:$AA$30,INDEX(Jesper!$R$2:$R$366,ROW(INDEX(Jesper!AK$2:AK$366,ROUNDDOWN($C6511/24,0)+1,1))-1)+IF('Standard Profiles'!$G$21=$B$10,7,0)+IF('Standard Profiles'!$G$21=$B$17,14,0)+IF('Standard Profiles'!$G$21=$B$24,21,0),MOD($C6511,24)+1)/SUM(INDEX($D$3:$AA$30,INDEX(Jesper!$R$2:$R$366,ROW(INDEX(Jesper!AK$2:AK$366,ROUNDDOWN($C6511/24,0)+1,1))-1)+IF('Standard Profiles'!$G$21=$B$10,7,0)+IF('Standard Profiles'!$G$21=$B$17,14,0)+IF('Standard Profiles'!$G$21=$B$24,21,0),0)),0)</f>
        <v>0</v>
      </c>
      <c r="H6511" cm="1">
        <f t="array" ref="H6511">IFERROR(INDEX(Jesper!AL$2:AL$366,ROUNDDOWN($C6511/24,0)+1,1)*INDEX($D$3:$AA$30,INDEX(Jesper!$R$2:$R$366,ROW(INDEX(Jesper!AL$2:AL$366,ROUNDDOWN($C6511/24,0)+1,1))-1)+IF('Standard Profiles'!$G$22=$B$10,7,0)+IF('Standard Profiles'!$G$22=$B$17,14,0)+IF('Standard Profiles'!$G$22=$B$24,21,0),MOD($C6511,24)+1)/SUM(INDEX($D$3:$AA$30,INDEX(Jesper!$R$2:$R$366,ROW(INDEX(Jesper!AL$2:AL$366,ROUNDDOWN($C6511/24,0)+1,1))-1)+IF('Standard Profiles'!$G$22=$B$10,7,0)+IF('Standard Profiles'!$G$22=$B$17,14,0)+IF('Standard Profiles'!$G$22=$B$24,21,0),0)),0)</f>
        <v>0</v>
      </c>
      <c r="I6511">
        <f t="shared" si="727"/>
        <v>0.21150427694366725</v>
      </c>
      <c r="J6511">
        <f t="shared" si="728"/>
        <v>0.70501425647889082</v>
      </c>
      <c r="K6511">
        <f t="shared" si="729"/>
        <v>1.0575213847183362</v>
      </c>
      <c r="L6511">
        <f t="shared" si="730"/>
        <v>5.0761026466480139</v>
      </c>
      <c r="M6511">
        <f t="shared" si="731"/>
        <v>0</v>
      </c>
      <c r="N6511" s="46">
        <f t="shared" si="732"/>
        <v>45561.874999984291</v>
      </c>
    </row>
    <row r="6512" spans="2:14" x14ac:dyDescent="0.3">
      <c r="B6512">
        <f t="shared" si="726"/>
        <v>4</v>
      </c>
      <c r="C6512" s="16">
        <v>6478</v>
      </c>
      <c r="D6512" cm="1">
        <f t="array" ref="D6512">IFERROR(INDEX(Jesper!AH$2:AH$366,ROUNDDOWN($C6512/24,0)+1,1)*INDEX($D$3:$AA$30,INDEX(Jesper!$R$2:$R$366,ROW(INDEX(Jesper!AH$2:AH$366,ROUNDDOWN($C6512/24,0)+1,1))-1)+IF('Standard Profiles'!$G$18=$B$10,7,0)+IF('Standard Profiles'!$G$18=$B$17,14,0)+IF('Standard Profiles'!$G$18=$B$24,21,0),MOD($C6512,24)+1)/SUM(INDEX($D$3:$AA$30,INDEX(Jesper!$R$2:$R$366,ROW(INDEX(Jesper!AH$2:AH$366,ROUNDDOWN($C6512/24,0)+1,1))-1)+IF('Standard Profiles'!$G$18=$B$10,7,0)+IF('Standard Profiles'!$G$18=$B$17,14,0)+IF('Standard Profiles'!$G$18=$B$24,21,0),0)),0)</f>
        <v>7.0501425647889082</v>
      </c>
      <c r="E6512" cm="1">
        <f t="array" ref="E6512">IFERROR(INDEX(Jesper!AI$2:AI$366,ROUNDDOWN($C6512/24,0)+1,1)*INDEX($D$3:$AA$30,INDEX(Jesper!$R$2:$R$366,ROW(INDEX(Jesper!AI$2:AI$366,ROUNDDOWN($C6512/24,0)+1,1))-1)+IF('Standard Profiles'!$G$19=$B$10,7,0)+IF('Standard Profiles'!$G$19=$B$17,14,0)+IF('Standard Profiles'!$G$19=$B$24,21,0),MOD($C6512,24)+1)/SUM(INDEX($D$3:$AA$30,INDEX(Jesper!$R$2:$R$366,ROW(INDEX(Jesper!AI$2:AI$366,ROUNDDOWN($C6512/24,0)+1,1))-1)+IF('Standard Profiles'!$G$19=$B$10,7,0)+IF('Standard Profiles'!$G$19=$B$17,14,0)+IF('Standard Profiles'!$G$19=$B$24,21,0),0)),0)</f>
        <v>0</v>
      </c>
      <c r="F6512" cm="1">
        <f t="array" ref="F6512">IFERROR(INDEX(Jesper!AJ$2:AJ$366,ROUNDDOWN($C6512/24,0)+1,1)*INDEX($D$3:$AA$30,INDEX(Jesper!$R$2:$R$366,ROW(INDEX(Jesper!AJ$2:AJ$366,ROUNDDOWN($C6512/24,0)+1,1))-1)+IF('Standard Profiles'!$G$20=$B$10,7,0)+IF('Standard Profiles'!$G$20=$B$17,14,0)+IF('Standard Profiles'!$G$20=$B$24,21,0),MOD($C6512,24)+1)/SUM(INDEX($D$3:$AA$30,INDEX(Jesper!$R$2:$R$366,ROW(INDEX(Jesper!AJ$2:AJ$366,ROUNDDOWN($C6512/24,0)+1,1))-1)+IF('Standard Profiles'!$G$20=$B$10,7,0)+IF('Standard Profiles'!$G$20=$B$17,14,0)+IF('Standard Profiles'!$G$20=$B$24,21,0),0)),0)</f>
        <v>0</v>
      </c>
      <c r="G6512" cm="1">
        <f t="array" ref="G6512">IFERROR(INDEX(Jesper!AK$2:AK$366,ROUNDDOWN($C6512/24,0)+1,1)*INDEX($D$3:$AA$30,INDEX(Jesper!$R$2:$R$366,ROW(INDEX(Jesper!AK$2:AK$366,ROUNDDOWN($C6512/24,0)+1,1))-1)+IF('Standard Profiles'!$G$21=$B$10,7,0)+IF('Standard Profiles'!$G$21=$B$17,14,0)+IF('Standard Profiles'!$G$21=$B$24,21,0),MOD($C6512,24)+1)/SUM(INDEX($D$3:$AA$30,INDEX(Jesper!$R$2:$R$366,ROW(INDEX(Jesper!AK$2:AK$366,ROUNDDOWN($C6512/24,0)+1,1))-1)+IF('Standard Profiles'!$G$21=$B$10,7,0)+IF('Standard Profiles'!$G$21=$B$17,14,0)+IF('Standard Profiles'!$G$21=$B$24,21,0),0)),0)</f>
        <v>0</v>
      </c>
      <c r="H6512" cm="1">
        <f t="array" ref="H6512">IFERROR(INDEX(Jesper!AL$2:AL$366,ROUNDDOWN($C6512/24,0)+1,1)*INDEX($D$3:$AA$30,INDEX(Jesper!$R$2:$R$366,ROW(INDEX(Jesper!AL$2:AL$366,ROUNDDOWN($C6512/24,0)+1,1))-1)+IF('Standard Profiles'!$G$22=$B$10,7,0)+IF('Standard Profiles'!$G$22=$B$17,14,0)+IF('Standard Profiles'!$G$22=$B$24,21,0),MOD($C6512,24)+1)/SUM(INDEX($D$3:$AA$30,INDEX(Jesper!$R$2:$R$366,ROW(INDEX(Jesper!AL$2:AL$366,ROUNDDOWN($C6512/24,0)+1,1))-1)+IF('Standard Profiles'!$G$22=$B$10,7,0)+IF('Standard Profiles'!$G$22=$B$17,14,0)+IF('Standard Profiles'!$G$22=$B$24,21,0),0)),0)</f>
        <v>0</v>
      </c>
      <c r="I6512">
        <f t="shared" si="727"/>
        <v>0.21150427694366725</v>
      </c>
      <c r="J6512">
        <f t="shared" si="728"/>
        <v>0.70501425647889082</v>
      </c>
      <c r="K6512">
        <f t="shared" si="729"/>
        <v>1.0575213847183362</v>
      </c>
      <c r="L6512">
        <f t="shared" si="730"/>
        <v>5.0761026466480139</v>
      </c>
      <c r="M6512">
        <f t="shared" si="731"/>
        <v>0</v>
      </c>
      <c r="N6512" s="46">
        <f t="shared" si="732"/>
        <v>45561.916666650955</v>
      </c>
    </row>
    <row r="6513" spans="2:14" x14ac:dyDescent="0.3">
      <c r="B6513">
        <f t="shared" si="726"/>
        <v>4</v>
      </c>
      <c r="C6513" s="16">
        <v>6479</v>
      </c>
      <c r="D6513" cm="1">
        <f t="array" ref="D6513">IFERROR(INDEX(Jesper!AH$2:AH$366,ROUNDDOWN($C6513/24,0)+1,1)*INDEX($D$3:$AA$30,INDEX(Jesper!$R$2:$R$366,ROW(INDEX(Jesper!AH$2:AH$366,ROUNDDOWN($C6513/24,0)+1,1))-1)+IF('Standard Profiles'!$G$18=$B$10,7,0)+IF('Standard Profiles'!$G$18=$B$17,14,0)+IF('Standard Profiles'!$G$18=$B$24,21,0),MOD($C6513,24)+1)/SUM(INDEX($D$3:$AA$30,INDEX(Jesper!$R$2:$R$366,ROW(INDEX(Jesper!AH$2:AH$366,ROUNDDOWN($C6513/24,0)+1,1))-1)+IF('Standard Profiles'!$G$18=$B$10,7,0)+IF('Standard Profiles'!$G$18=$B$17,14,0)+IF('Standard Profiles'!$G$18=$B$24,21,0),0)),0)</f>
        <v>7.0501425647889082</v>
      </c>
      <c r="E6513" cm="1">
        <f t="array" ref="E6513">IFERROR(INDEX(Jesper!AI$2:AI$366,ROUNDDOWN($C6513/24,0)+1,1)*INDEX($D$3:$AA$30,INDEX(Jesper!$R$2:$R$366,ROW(INDEX(Jesper!AI$2:AI$366,ROUNDDOWN($C6513/24,0)+1,1))-1)+IF('Standard Profiles'!$G$19=$B$10,7,0)+IF('Standard Profiles'!$G$19=$B$17,14,0)+IF('Standard Profiles'!$G$19=$B$24,21,0),MOD($C6513,24)+1)/SUM(INDEX($D$3:$AA$30,INDEX(Jesper!$R$2:$R$366,ROW(INDEX(Jesper!AI$2:AI$366,ROUNDDOWN($C6513/24,0)+1,1))-1)+IF('Standard Profiles'!$G$19=$B$10,7,0)+IF('Standard Profiles'!$G$19=$B$17,14,0)+IF('Standard Profiles'!$G$19=$B$24,21,0),0)),0)</f>
        <v>0</v>
      </c>
      <c r="F6513" cm="1">
        <f t="array" ref="F6513">IFERROR(INDEX(Jesper!AJ$2:AJ$366,ROUNDDOWN($C6513/24,0)+1,1)*INDEX($D$3:$AA$30,INDEX(Jesper!$R$2:$R$366,ROW(INDEX(Jesper!AJ$2:AJ$366,ROUNDDOWN($C6513/24,0)+1,1))-1)+IF('Standard Profiles'!$G$20=$B$10,7,0)+IF('Standard Profiles'!$G$20=$B$17,14,0)+IF('Standard Profiles'!$G$20=$B$24,21,0),MOD($C6513,24)+1)/SUM(INDEX($D$3:$AA$30,INDEX(Jesper!$R$2:$R$366,ROW(INDEX(Jesper!AJ$2:AJ$366,ROUNDDOWN($C6513/24,0)+1,1))-1)+IF('Standard Profiles'!$G$20=$B$10,7,0)+IF('Standard Profiles'!$G$20=$B$17,14,0)+IF('Standard Profiles'!$G$20=$B$24,21,0),0)),0)</f>
        <v>0</v>
      </c>
      <c r="G6513" cm="1">
        <f t="array" ref="G6513">IFERROR(INDEX(Jesper!AK$2:AK$366,ROUNDDOWN($C6513/24,0)+1,1)*INDEX($D$3:$AA$30,INDEX(Jesper!$R$2:$R$366,ROW(INDEX(Jesper!AK$2:AK$366,ROUNDDOWN($C6513/24,0)+1,1))-1)+IF('Standard Profiles'!$G$21=$B$10,7,0)+IF('Standard Profiles'!$G$21=$B$17,14,0)+IF('Standard Profiles'!$G$21=$B$24,21,0),MOD($C6513,24)+1)/SUM(INDEX($D$3:$AA$30,INDEX(Jesper!$R$2:$R$366,ROW(INDEX(Jesper!AK$2:AK$366,ROUNDDOWN($C6513/24,0)+1,1))-1)+IF('Standard Profiles'!$G$21=$B$10,7,0)+IF('Standard Profiles'!$G$21=$B$17,14,0)+IF('Standard Profiles'!$G$21=$B$24,21,0),0)),0)</f>
        <v>0</v>
      </c>
      <c r="H6513" cm="1">
        <f t="array" ref="H6513">IFERROR(INDEX(Jesper!AL$2:AL$366,ROUNDDOWN($C6513/24,0)+1,1)*INDEX($D$3:$AA$30,INDEX(Jesper!$R$2:$R$366,ROW(INDEX(Jesper!AL$2:AL$366,ROUNDDOWN($C6513/24,0)+1,1))-1)+IF('Standard Profiles'!$G$22=$B$10,7,0)+IF('Standard Profiles'!$G$22=$B$17,14,0)+IF('Standard Profiles'!$G$22=$B$24,21,0),MOD($C6513,24)+1)/SUM(INDEX($D$3:$AA$30,INDEX(Jesper!$R$2:$R$366,ROW(INDEX(Jesper!AL$2:AL$366,ROUNDDOWN($C6513/24,0)+1,1))-1)+IF('Standard Profiles'!$G$22=$B$10,7,0)+IF('Standard Profiles'!$G$22=$B$17,14,0)+IF('Standard Profiles'!$G$22=$B$24,21,0),0)),0)</f>
        <v>0</v>
      </c>
      <c r="I6513">
        <f t="shared" si="727"/>
        <v>0.21150427694366725</v>
      </c>
      <c r="J6513">
        <f t="shared" si="728"/>
        <v>0.70501425647889082</v>
      </c>
      <c r="K6513">
        <f t="shared" si="729"/>
        <v>1.0575213847183362</v>
      </c>
      <c r="L6513">
        <f t="shared" si="730"/>
        <v>5.0761026466480139</v>
      </c>
      <c r="M6513">
        <f t="shared" si="731"/>
        <v>0</v>
      </c>
      <c r="N6513" s="46">
        <f t="shared" si="732"/>
        <v>45561.95833331762</v>
      </c>
    </row>
    <row r="6514" spans="2:14" x14ac:dyDescent="0.3">
      <c r="B6514">
        <f t="shared" si="726"/>
        <v>5</v>
      </c>
      <c r="C6514" s="16">
        <v>6480</v>
      </c>
      <c r="D6514" cm="1">
        <f t="array" ref="D6514">IFERROR(INDEX(Jesper!AH$2:AH$366,ROUNDDOWN($C6514/24,0)+1,1)*INDEX($D$3:$AA$30,INDEX(Jesper!$R$2:$R$366,ROW(INDEX(Jesper!AH$2:AH$366,ROUNDDOWN($C6514/24,0)+1,1))-1)+IF('Standard Profiles'!$G$18=$B$10,7,0)+IF('Standard Profiles'!$G$18=$B$17,14,0)+IF('Standard Profiles'!$G$18=$B$24,21,0),MOD($C6514,24)+1)/SUM(INDEX($D$3:$AA$30,INDEX(Jesper!$R$2:$R$366,ROW(INDEX(Jesper!AH$2:AH$366,ROUNDDOWN($C6514/24,0)+1,1))-1)+IF('Standard Profiles'!$G$18=$B$10,7,0)+IF('Standard Profiles'!$G$18=$B$17,14,0)+IF('Standard Profiles'!$G$18=$B$24,21,0),0)),0)</f>
        <v>7.6809282189103403</v>
      </c>
      <c r="E6514" cm="1">
        <f t="array" ref="E6514">IFERROR(INDEX(Jesper!AI$2:AI$366,ROUNDDOWN($C6514/24,0)+1,1)*INDEX($D$3:$AA$30,INDEX(Jesper!$R$2:$R$366,ROW(INDEX(Jesper!AI$2:AI$366,ROUNDDOWN($C6514/24,0)+1,1))-1)+IF('Standard Profiles'!$G$19=$B$10,7,0)+IF('Standard Profiles'!$G$19=$B$17,14,0)+IF('Standard Profiles'!$G$19=$B$24,21,0),MOD($C6514,24)+1)/SUM(INDEX($D$3:$AA$30,INDEX(Jesper!$R$2:$R$366,ROW(INDEX(Jesper!AI$2:AI$366,ROUNDDOWN($C6514/24,0)+1,1))-1)+IF('Standard Profiles'!$G$19=$B$10,7,0)+IF('Standard Profiles'!$G$19=$B$17,14,0)+IF('Standard Profiles'!$G$19=$B$24,21,0),0)),0)</f>
        <v>0</v>
      </c>
      <c r="F6514" cm="1">
        <f t="array" ref="F6514">IFERROR(INDEX(Jesper!AJ$2:AJ$366,ROUNDDOWN($C6514/24,0)+1,1)*INDEX($D$3:$AA$30,INDEX(Jesper!$R$2:$R$366,ROW(INDEX(Jesper!AJ$2:AJ$366,ROUNDDOWN($C6514/24,0)+1,1))-1)+IF('Standard Profiles'!$G$20=$B$10,7,0)+IF('Standard Profiles'!$G$20=$B$17,14,0)+IF('Standard Profiles'!$G$20=$B$24,21,0),MOD($C6514,24)+1)/SUM(INDEX($D$3:$AA$30,INDEX(Jesper!$R$2:$R$366,ROW(INDEX(Jesper!AJ$2:AJ$366,ROUNDDOWN($C6514/24,0)+1,1))-1)+IF('Standard Profiles'!$G$20=$B$10,7,0)+IF('Standard Profiles'!$G$20=$B$17,14,0)+IF('Standard Profiles'!$G$20=$B$24,21,0),0)),0)</f>
        <v>0</v>
      </c>
      <c r="G6514" cm="1">
        <f t="array" ref="G6514">IFERROR(INDEX(Jesper!AK$2:AK$366,ROUNDDOWN($C6514/24,0)+1,1)*INDEX($D$3:$AA$30,INDEX(Jesper!$R$2:$R$366,ROW(INDEX(Jesper!AK$2:AK$366,ROUNDDOWN($C6514/24,0)+1,1))-1)+IF('Standard Profiles'!$G$21=$B$10,7,0)+IF('Standard Profiles'!$G$21=$B$17,14,0)+IF('Standard Profiles'!$G$21=$B$24,21,0),MOD($C6514,24)+1)/SUM(INDEX($D$3:$AA$30,INDEX(Jesper!$R$2:$R$366,ROW(INDEX(Jesper!AK$2:AK$366,ROUNDDOWN($C6514/24,0)+1,1))-1)+IF('Standard Profiles'!$G$21=$B$10,7,0)+IF('Standard Profiles'!$G$21=$B$17,14,0)+IF('Standard Profiles'!$G$21=$B$24,21,0),0)),0)</f>
        <v>0</v>
      </c>
      <c r="H6514" cm="1">
        <f t="array" ref="H6514">IFERROR(INDEX(Jesper!AL$2:AL$366,ROUNDDOWN($C6514/24,0)+1,1)*INDEX($D$3:$AA$30,INDEX(Jesper!$R$2:$R$366,ROW(INDEX(Jesper!AL$2:AL$366,ROUNDDOWN($C6514/24,0)+1,1))-1)+IF('Standard Profiles'!$G$22=$B$10,7,0)+IF('Standard Profiles'!$G$22=$B$17,14,0)+IF('Standard Profiles'!$G$22=$B$24,21,0),MOD($C6514,24)+1)/SUM(INDEX($D$3:$AA$30,INDEX(Jesper!$R$2:$R$366,ROW(INDEX(Jesper!AL$2:AL$366,ROUNDDOWN($C6514/24,0)+1,1))-1)+IF('Standard Profiles'!$G$22=$B$10,7,0)+IF('Standard Profiles'!$G$22=$B$17,14,0)+IF('Standard Profiles'!$G$22=$B$24,21,0),0)),0)</f>
        <v>0</v>
      </c>
      <c r="I6514">
        <f t="shared" si="727"/>
        <v>0.23042784656731019</v>
      </c>
      <c r="J6514">
        <f t="shared" si="728"/>
        <v>0.76809282189103412</v>
      </c>
      <c r="K6514">
        <f t="shared" si="729"/>
        <v>1.152139232836551</v>
      </c>
      <c r="L6514">
        <f t="shared" si="730"/>
        <v>5.5302683176154446</v>
      </c>
      <c r="M6514">
        <f t="shared" si="731"/>
        <v>0</v>
      </c>
      <c r="N6514" s="46">
        <f t="shared" si="732"/>
        <v>45561.999999984284</v>
      </c>
    </row>
    <row r="6515" spans="2:14" x14ac:dyDescent="0.3">
      <c r="B6515">
        <f t="shared" si="726"/>
        <v>5</v>
      </c>
      <c r="C6515" s="16">
        <v>6481</v>
      </c>
      <c r="D6515" cm="1">
        <f t="array" ref="D6515">IFERROR(INDEX(Jesper!AH$2:AH$366,ROUNDDOWN($C6515/24,0)+1,1)*INDEX($D$3:$AA$30,INDEX(Jesper!$R$2:$R$366,ROW(INDEX(Jesper!AH$2:AH$366,ROUNDDOWN($C6515/24,0)+1,1))-1)+IF('Standard Profiles'!$G$18=$B$10,7,0)+IF('Standard Profiles'!$G$18=$B$17,14,0)+IF('Standard Profiles'!$G$18=$B$24,21,0),MOD($C6515,24)+1)/SUM(INDEX($D$3:$AA$30,INDEX(Jesper!$R$2:$R$366,ROW(INDEX(Jesper!AH$2:AH$366,ROUNDDOWN($C6515/24,0)+1,1))-1)+IF('Standard Profiles'!$G$18=$B$10,7,0)+IF('Standard Profiles'!$G$18=$B$17,14,0)+IF('Standard Profiles'!$G$18=$B$24,21,0),0)),0)</f>
        <v>7.6809282189103403</v>
      </c>
      <c r="E6515" cm="1">
        <f t="array" ref="E6515">IFERROR(INDEX(Jesper!AI$2:AI$366,ROUNDDOWN($C6515/24,0)+1,1)*INDEX($D$3:$AA$30,INDEX(Jesper!$R$2:$R$366,ROW(INDEX(Jesper!AI$2:AI$366,ROUNDDOWN($C6515/24,0)+1,1))-1)+IF('Standard Profiles'!$G$19=$B$10,7,0)+IF('Standard Profiles'!$G$19=$B$17,14,0)+IF('Standard Profiles'!$G$19=$B$24,21,0),MOD($C6515,24)+1)/SUM(INDEX($D$3:$AA$30,INDEX(Jesper!$R$2:$R$366,ROW(INDEX(Jesper!AI$2:AI$366,ROUNDDOWN($C6515/24,0)+1,1))-1)+IF('Standard Profiles'!$G$19=$B$10,7,0)+IF('Standard Profiles'!$G$19=$B$17,14,0)+IF('Standard Profiles'!$G$19=$B$24,21,0),0)),0)</f>
        <v>0</v>
      </c>
      <c r="F6515" cm="1">
        <f t="array" ref="F6515">IFERROR(INDEX(Jesper!AJ$2:AJ$366,ROUNDDOWN($C6515/24,0)+1,1)*INDEX($D$3:$AA$30,INDEX(Jesper!$R$2:$R$366,ROW(INDEX(Jesper!AJ$2:AJ$366,ROUNDDOWN($C6515/24,0)+1,1))-1)+IF('Standard Profiles'!$G$20=$B$10,7,0)+IF('Standard Profiles'!$G$20=$B$17,14,0)+IF('Standard Profiles'!$G$20=$B$24,21,0),MOD($C6515,24)+1)/SUM(INDEX($D$3:$AA$30,INDEX(Jesper!$R$2:$R$366,ROW(INDEX(Jesper!AJ$2:AJ$366,ROUNDDOWN($C6515/24,0)+1,1))-1)+IF('Standard Profiles'!$G$20=$B$10,7,0)+IF('Standard Profiles'!$G$20=$B$17,14,0)+IF('Standard Profiles'!$G$20=$B$24,21,0),0)),0)</f>
        <v>0</v>
      </c>
      <c r="G6515" cm="1">
        <f t="array" ref="G6515">IFERROR(INDEX(Jesper!AK$2:AK$366,ROUNDDOWN($C6515/24,0)+1,1)*INDEX($D$3:$AA$30,INDEX(Jesper!$R$2:$R$366,ROW(INDEX(Jesper!AK$2:AK$366,ROUNDDOWN($C6515/24,0)+1,1))-1)+IF('Standard Profiles'!$G$21=$B$10,7,0)+IF('Standard Profiles'!$G$21=$B$17,14,0)+IF('Standard Profiles'!$G$21=$B$24,21,0),MOD($C6515,24)+1)/SUM(INDEX($D$3:$AA$30,INDEX(Jesper!$R$2:$R$366,ROW(INDEX(Jesper!AK$2:AK$366,ROUNDDOWN($C6515/24,0)+1,1))-1)+IF('Standard Profiles'!$G$21=$B$10,7,0)+IF('Standard Profiles'!$G$21=$B$17,14,0)+IF('Standard Profiles'!$G$21=$B$24,21,0),0)),0)</f>
        <v>0</v>
      </c>
      <c r="H6515" cm="1">
        <f t="array" ref="H6515">IFERROR(INDEX(Jesper!AL$2:AL$366,ROUNDDOWN($C6515/24,0)+1,1)*INDEX($D$3:$AA$30,INDEX(Jesper!$R$2:$R$366,ROW(INDEX(Jesper!AL$2:AL$366,ROUNDDOWN($C6515/24,0)+1,1))-1)+IF('Standard Profiles'!$G$22=$B$10,7,0)+IF('Standard Profiles'!$G$22=$B$17,14,0)+IF('Standard Profiles'!$G$22=$B$24,21,0),MOD($C6515,24)+1)/SUM(INDEX($D$3:$AA$30,INDEX(Jesper!$R$2:$R$366,ROW(INDEX(Jesper!AL$2:AL$366,ROUNDDOWN($C6515/24,0)+1,1))-1)+IF('Standard Profiles'!$G$22=$B$10,7,0)+IF('Standard Profiles'!$G$22=$B$17,14,0)+IF('Standard Profiles'!$G$22=$B$24,21,0),0)),0)</f>
        <v>0</v>
      </c>
      <c r="I6515">
        <f t="shared" si="727"/>
        <v>0.23042784656731019</v>
      </c>
      <c r="J6515">
        <f t="shared" si="728"/>
        <v>0.76809282189103412</v>
      </c>
      <c r="K6515">
        <f t="shared" si="729"/>
        <v>1.152139232836551</v>
      </c>
      <c r="L6515">
        <f t="shared" si="730"/>
        <v>5.5302683176154446</v>
      </c>
      <c r="M6515">
        <f t="shared" si="731"/>
        <v>0</v>
      </c>
      <c r="N6515" s="46">
        <f t="shared" si="732"/>
        <v>45562.041666650948</v>
      </c>
    </row>
    <row r="6516" spans="2:14" x14ac:dyDescent="0.3">
      <c r="B6516">
        <f t="shared" si="726"/>
        <v>5</v>
      </c>
      <c r="C6516" s="16">
        <v>6482</v>
      </c>
      <c r="D6516" cm="1">
        <f t="array" ref="D6516">IFERROR(INDEX(Jesper!AH$2:AH$366,ROUNDDOWN($C6516/24,0)+1,1)*INDEX($D$3:$AA$30,INDEX(Jesper!$R$2:$R$366,ROW(INDEX(Jesper!AH$2:AH$366,ROUNDDOWN($C6516/24,0)+1,1))-1)+IF('Standard Profiles'!$G$18=$B$10,7,0)+IF('Standard Profiles'!$G$18=$B$17,14,0)+IF('Standard Profiles'!$G$18=$B$24,21,0),MOD($C6516,24)+1)/SUM(INDEX($D$3:$AA$30,INDEX(Jesper!$R$2:$R$366,ROW(INDEX(Jesper!AH$2:AH$366,ROUNDDOWN($C6516/24,0)+1,1))-1)+IF('Standard Profiles'!$G$18=$B$10,7,0)+IF('Standard Profiles'!$G$18=$B$17,14,0)+IF('Standard Profiles'!$G$18=$B$24,21,0),0)),0)</f>
        <v>7.6809282189103403</v>
      </c>
      <c r="E6516" cm="1">
        <f t="array" ref="E6516">IFERROR(INDEX(Jesper!AI$2:AI$366,ROUNDDOWN($C6516/24,0)+1,1)*INDEX($D$3:$AA$30,INDEX(Jesper!$R$2:$R$366,ROW(INDEX(Jesper!AI$2:AI$366,ROUNDDOWN($C6516/24,0)+1,1))-1)+IF('Standard Profiles'!$G$19=$B$10,7,0)+IF('Standard Profiles'!$G$19=$B$17,14,0)+IF('Standard Profiles'!$G$19=$B$24,21,0),MOD($C6516,24)+1)/SUM(INDEX($D$3:$AA$30,INDEX(Jesper!$R$2:$R$366,ROW(INDEX(Jesper!AI$2:AI$366,ROUNDDOWN($C6516/24,0)+1,1))-1)+IF('Standard Profiles'!$G$19=$B$10,7,0)+IF('Standard Profiles'!$G$19=$B$17,14,0)+IF('Standard Profiles'!$G$19=$B$24,21,0),0)),0)</f>
        <v>0</v>
      </c>
      <c r="F6516" cm="1">
        <f t="array" ref="F6516">IFERROR(INDEX(Jesper!AJ$2:AJ$366,ROUNDDOWN($C6516/24,0)+1,1)*INDEX($D$3:$AA$30,INDEX(Jesper!$R$2:$R$366,ROW(INDEX(Jesper!AJ$2:AJ$366,ROUNDDOWN($C6516/24,0)+1,1))-1)+IF('Standard Profiles'!$G$20=$B$10,7,0)+IF('Standard Profiles'!$G$20=$B$17,14,0)+IF('Standard Profiles'!$G$20=$B$24,21,0),MOD($C6516,24)+1)/SUM(INDEX($D$3:$AA$30,INDEX(Jesper!$R$2:$R$366,ROW(INDEX(Jesper!AJ$2:AJ$366,ROUNDDOWN($C6516/24,0)+1,1))-1)+IF('Standard Profiles'!$G$20=$B$10,7,0)+IF('Standard Profiles'!$G$20=$B$17,14,0)+IF('Standard Profiles'!$G$20=$B$24,21,0),0)),0)</f>
        <v>0</v>
      </c>
      <c r="G6516" cm="1">
        <f t="array" ref="G6516">IFERROR(INDEX(Jesper!AK$2:AK$366,ROUNDDOWN($C6516/24,0)+1,1)*INDEX($D$3:$AA$30,INDEX(Jesper!$R$2:$R$366,ROW(INDEX(Jesper!AK$2:AK$366,ROUNDDOWN($C6516/24,0)+1,1))-1)+IF('Standard Profiles'!$G$21=$B$10,7,0)+IF('Standard Profiles'!$G$21=$B$17,14,0)+IF('Standard Profiles'!$G$21=$B$24,21,0),MOD($C6516,24)+1)/SUM(INDEX($D$3:$AA$30,INDEX(Jesper!$R$2:$R$366,ROW(INDEX(Jesper!AK$2:AK$366,ROUNDDOWN($C6516/24,0)+1,1))-1)+IF('Standard Profiles'!$G$21=$B$10,7,0)+IF('Standard Profiles'!$G$21=$B$17,14,0)+IF('Standard Profiles'!$G$21=$B$24,21,0),0)),0)</f>
        <v>0</v>
      </c>
      <c r="H6516" cm="1">
        <f t="array" ref="H6516">IFERROR(INDEX(Jesper!AL$2:AL$366,ROUNDDOWN($C6516/24,0)+1,1)*INDEX($D$3:$AA$30,INDEX(Jesper!$R$2:$R$366,ROW(INDEX(Jesper!AL$2:AL$366,ROUNDDOWN($C6516/24,0)+1,1))-1)+IF('Standard Profiles'!$G$22=$B$10,7,0)+IF('Standard Profiles'!$G$22=$B$17,14,0)+IF('Standard Profiles'!$G$22=$B$24,21,0),MOD($C6516,24)+1)/SUM(INDEX($D$3:$AA$30,INDEX(Jesper!$R$2:$R$366,ROW(INDEX(Jesper!AL$2:AL$366,ROUNDDOWN($C6516/24,0)+1,1))-1)+IF('Standard Profiles'!$G$22=$B$10,7,0)+IF('Standard Profiles'!$G$22=$B$17,14,0)+IF('Standard Profiles'!$G$22=$B$24,21,0),0)),0)</f>
        <v>0</v>
      </c>
      <c r="I6516">
        <f t="shared" si="727"/>
        <v>0.23042784656731019</v>
      </c>
      <c r="J6516">
        <f t="shared" si="728"/>
        <v>0.76809282189103412</v>
      </c>
      <c r="K6516">
        <f t="shared" si="729"/>
        <v>1.152139232836551</v>
      </c>
      <c r="L6516">
        <f t="shared" si="730"/>
        <v>5.5302683176154446</v>
      </c>
      <c r="M6516">
        <f t="shared" si="731"/>
        <v>0</v>
      </c>
      <c r="N6516" s="46">
        <f t="shared" si="732"/>
        <v>45562.083333317612</v>
      </c>
    </row>
    <row r="6517" spans="2:14" x14ac:dyDescent="0.3">
      <c r="B6517">
        <f t="shared" si="726"/>
        <v>5</v>
      </c>
      <c r="C6517" s="16">
        <v>6483</v>
      </c>
      <c r="D6517" cm="1">
        <f t="array" ref="D6517">IFERROR(INDEX(Jesper!AH$2:AH$366,ROUNDDOWN($C6517/24,0)+1,1)*INDEX($D$3:$AA$30,INDEX(Jesper!$R$2:$R$366,ROW(INDEX(Jesper!AH$2:AH$366,ROUNDDOWN($C6517/24,0)+1,1))-1)+IF('Standard Profiles'!$G$18=$B$10,7,0)+IF('Standard Profiles'!$G$18=$B$17,14,0)+IF('Standard Profiles'!$G$18=$B$24,21,0),MOD($C6517,24)+1)/SUM(INDEX($D$3:$AA$30,INDEX(Jesper!$R$2:$R$366,ROW(INDEX(Jesper!AH$2:AH$366,ROUNDDOWN($C6517/24,0)+1,1))-1)+IF('Standard Profiles'!$G$18=$B$10,7,0)+IF('Standard Profiles'!$G$18=$B$17,14,0)+IF('Standard Profiles'!$G$18=$B$24,21,0),0)),0)</f>
        <v>7.6809282189103403</v>
      </c>
      <c r="E6517" cm="1">
        <f t="array" ref="E6517">IFERROR(INDEX(Jesper!AI$2:AI$366,ROUNDDOWN($C6517/24,0)+1,1)*INDEX($D$3:$AA$30,INDEX(Jesper!$R$2:$R$366,ROW(INDEX(Jesper!AI$2:AI$366,ROUNDDOWN($C6517/24,0)+1,1))-1)+IF('Standard Profiles'!$G$19=$B$10,7,0)+IF('Standard Profiles'!$G$19=$B$17,14,0)+IF('Standard Profiles'!$G$19=$B$24,21,0),MOD($C6517,24)+1)/SUM(INDEX($D$3:$AA$30,INDEX(Jesper!$R$2:$R$366,ROW(INDEX(Jesper!AI$2:AI$366,ROUNDDOWN($C6517/24,0)+1,1))-1)+IF('Standard Profiles'!$G$19=$B$10,7,0)+IF('Standard Profiles'!$G$19=$B$17,14,0)+IF('Standard Profiles'!$G$19=$B$24,21,0),0)),0)</f>
        <v>0</v>
      </c>
      <c r="F6517" cm="1">
        <f t="array" ref="F6517">IFERROR(INDEX(Jesper!AJ$2:AJ$366,ROUNDDOWN($C6517/24,0)+1,1)*INDEX($D$3:$AA$30,INDEX(Jesper!$R$2:$R$366,ROW(INDEX(Jesper!AJ$2:AJ$366,ROUNDDOWN($C6517/24,0)+1,1))-1)+IF('Standard Profiles'!$G$20=$B$10,7,0)+IF('Standard Profiles'!$G$20=$B$17,14,0)+IF('Standard Profiles'!$G$20=$B$24,21,0),MOD($C6517,24)+1)/SUM(INDEX($D$3:$AA$30,INDEX(Jesper!$R$2:$R$366,ROW(INDEX(Jesper!AJ$2:AJ$366,ROUNDDOWN($C6517/24,0)+1,1))-1)+IF('Standard Profiles'!$G$20=$B$10,7,0)+IF('Standard Profiles'!$G$20=$B$17,14,0)+IF('Standard Profiles'!$G$20=$B$24,21,0),0)),0)</f>
        <v>0</v>
      </c>
      <c r="G6517" cm="1">
        <f t="array" ref="G6517">IFERROR(INDEX(Jesper!AK$2:AK$366,ROUNDDOWN($C6517/24,0)+1,1)*INDEX($D$3:$AA$30,INDEX(Jesper!$R$2:$R$366,ROW(INDEX(Jesper!AK$2:AK$366,ROUNDDOWN($C6517/24,0)+1,1))-1)+IF('Standard Profiles'!$G$21=$B$10,7,0)+IF('Standard Profiles'!$G$21=$B$17,14,0)+IF('Standard Profiles'!$G$21=$B$24,21,0),MOD($C6517,24)+1)/SUM(INDEX($D$3:$AA$30,INDEX(Jesper!$R$2:$R$366,ROW(INDEX(Jesper!AK$2:AK$366,ROUNDDOWN($C6517/24,0)+1,1))-1)+IF('Standard Profiles'!$G$21=$B$10,7,0)+IF('Standard Profiles'!$G$21=$B$17,14,0)+IF('Standard Profiles'!$G$21=$B$24,21,0),0)),0)</f>
        <v>0</v>
      </c>
      <c r="H6517" cm="1">
        <f t="array" ref="H6517">IFERROR(INDEX(Jesper!AL$2:AL$366,ROUNDDOWN($C6517/24,0)+1,1)*INDEX($D$3:$AA$30,INDEX(Jesper!$R$2:$R$366,ROW(INDEX(Jesper!AL$2:AL$366,ROUNDDOWN($C6517/24,0)+1,1))-1)+IF('Standard Profiles'!$G$22=$B$10,7,0)+IF('Standard Profiles'!$G$22=$B$17,14,0)+IF('Standard Profiles'!$G$22=$B$24,21,0),MOD($C6517,24)+1)/SUM(INDEX($D$3:$AA$30,INDEX(Jesper!$R$2:$R$366,ROW(INDEX(Jesper!AL$2:AL$366,ROUNDDOWN($C6517/24,0)+1,1))-1)+IF('Standard Profiles'!$G$22=$B$10,7,0)+IF('Standard Profiles'!$G$22=$B$17,14,0)+IF('Standard Profiles'!$G$22=$B$24,21,0),0)),0)</f>
        <v>0</v>
      </c>
      <c r="I6517">
        <f t="shared" si="727"/>
        <v>0.23042784656731019</v>
      </c>
      <c r="J6517">
        <f t="shared" si="728"/>
        <v>0.76809282189103412</v>
      </c>
      <c r="K6517">
        <f t="shared" si="729"/>
        <v>1.152139232836551</v>
      </c>
      <c r="L6517">
        <f t="shared" si="730"/>
        <v>5.5302683176154446</v>
      </c>
      <c r="M6517">
        <f t="shared" si="731"/>
        <v>0</v>
      </c>
      <c r="N6517" s="46">
        <f t="shared" si="732"/>
        <v>45562.124999984277</v>
      </c>
    </row>
    <row r="6518" spans="2:14" x14ac:dyDescent="0.3">
      <c r="B6518">
        <f t="shared" si="726"/>
        <v>5</v>
      </c>
      <c r="C6518" s="16">
        <v>6484</v>
      </c>
      <c r="D6518" cm="1">
        <f t="array" ref="D6518">IFERROR(INDEX(Jesper!AH$2:AH$366,ROUNDDOWN($C6518/24,0)+1,1)*INDEX($D$3:$AA$30,INDEX(Jesper!$R$2:$R$366,ROW(INDEX(Jesper!AH$2:AH$366,ROUNDDOWN($C6518/24,0)+1,1))-1)+IF('Standard Profiles'!$G$18=$B$10,7,0)+IF('Standard Profiles'!$G$18=$B$17,14,0)+IF('Standard Profiles'!$G$18=$B$24,21,0),MOD($C6518,24)+1)/SUM(INDEX($D$3:$AA$30,INDEX(Jesper!$R$2:$R$366,ROW(INDEX(Jesper!AH$2:AH$366,ROUNDDOWN($C6518/24,0)+1,1))-1)+IF('Standard Profiles'!$G$18=$B$10,7,0)+IF('Standard Profiles'!$G$18=$B$17,14,0)+IF('Standard Profiles'!$G$18=$B$24,21,0),0)),0)</f>
        <v>7.6809282189103403</v>
      </c>
      <c r="E6518" cm="1">
        <f t="array" ref="E6518">IFERROR(INDEX(Jesper!AI$2:AI$366,ROUNDDOWN($C6518/24,0)+1,1)*INDEX($D$3:$AA$30,INDEX(Jesper!$R$2:$R$366,ROW(INDEX(Jesper!AI$2:AI$366,ROUNDDOWN($C6518/24,0)+1,1))-1)+IF('Standard Profiles'!$G$19=$B$10,7,0)+IF('Standard Profiles'!$G$19=$B$17,14,0)+IF('Standard Profiles'!$G$19=$B$24,21,0),MOD($C6518,24)+1)/SUM(INDEX($D$3:$AA$30,INDEX(Jesper!$R$2:$R$366,ROW(INDEX(Jesper!AI$2:AI$366,ROUNDDOWN($C6518/24,0)+1,1))-1)+IF('Standard Profiles'!$G$19=$B$10,7,0)+IF('Standard Profiles'!$G$19=$B$17,14,0)+IF('Standard Profiles'!$G$19=$B$24,21,0),0)),0)</f>
        <v>0</v>
      </c>
      <c r="F6518" cm="1">
        <f t="array" ref="F6518">IFERROR(INDEX(Jesper!AJ$2:AJ$366,ROUNDDOWN($C6518/24,0)+1,1)*INDEX($D$3:$AA$30,INDEX(Jesper!$R$2:$R$366,ROW(INDEX(Jesper!AJ$2:AJ$366,ROUNDDOWN($C6518/24,0)+1,1))-1)+IF('Standard Profiles'!$G$20=$B$10,7,0)+IF('Standard Profiles'!$G$20=$B$17,14,0)+IF('Standard Profiles'!$G$20=$B$24,21,0),MOD($C6518,24)+1)/SUM(INDEX($D$3:$AA$30,INDEX(Jesper!$R$2:$R$366,ROW(INDEX(Jesper!AJ$2:AJ$366,ROUNDDOWN($C6518/24,0)+1,1))-1)+IF('Standard Profiles'!$G$20=$B$10,7,0)+IF('Standard Profiles'!$G$20=$B$17,14,0)+IF('Standard Profiles'!$G$20=$B$24,21,0),0)),0)</f>
        <v>0</v>
      </c>
      <c r="G6518" cm="1">
        <f t="array" ref="G6518">IFERROR(INDEX(Jesper!AK$2:AK$366,ROUNDDOWN($C6518/24,0)+1,1)*INDEX($D$3:$AA$30,INDEX(Jesper!$R$2:$R$366,ROW(INDEX(Jesper!AK$2:AK$366,ROUNDDOWN($C6518/24,0)+1,1))-1)+IF('Standard Profiles'!$G$21=$B$10,7,0)+IF('Standard Profiles'!$G$21=$B$17,14,0)+IF('Standard Profiles'!$G$21=$B$24,21,0),MOD($C6518,24)+1)/SUM(INDEX($D$3:$AA$30,INDEX(Jesper!$R$2:$R$366,ROW(INDEX(Jesper!AK$2:AK$366,ROUNDDOWN($C6518/24,0)+1,1))-1)+IF('Standard Profiles'!$G$21=$B$10,7,0)+IF('Standard Profiles'!$G$21=$B$17,14,0)+IF('Standard Profiles'!$G$21=$B$24,21,0),0)),0)</f>
        <v>0</v>
      </c>
      <c r="H6518" cm="1">
        <f t="array" ref="H6518">IFERROR(INDEX(Jesper!AL$2:AL$366,ROUNDDOWN($C6518/24,0)+1,1)*INDEX($D$3:$AA$30,INDEX(Jesper!$R$2:$R$366,ROW(INDEX(Jesper!AL$2:AL$366,ROUNDDOWN($C6518/24,0)+1,1))-1)+IF('Standard Profiles'!$G$22=$B$10,7,0)+IF('Standard Profiles'!$G$22=$B$17,14,0)+IF('Standard Profiles'!$G$22=$B$24,21,0),MOD($C6518,24)+1)/SUM(INDEX($D$3:$AA$30,INDEX(Jesper!$R$2:$R$366,ROW(INDEX(Jesper!AL$2:AL$366,ROUNDDOWN($C6518/24,0)+1,1))-1)+IF('Standard Profiles'!$G$22=$B$10,7,0)+IF('Standard Profiles'!$G$22=$B$17,14,0)+IF('Standard Profiles'!$G$22=$B$24,21,0),0)),0)</f>
        <v>0</v>
      </c>
      <c r="I6518">
        <f t="shared" si="727"/>
        <v>0.23042784656731019</v>
      </c>
      <c r="J6518">
        <f t="shared" si="728"/>
        <v>0.76809282189103412</v>
      </c>
      <c r="K6518">
        <f t="shared" si="729"/>
        <v>1.152139232836551</v>
      </c>
      <c r="L6518">
        <f t="shared" si="730"/>
        <v>5.5302683176154446</v>
      </c>
      <c r="M6518">
        <f t="shared" si="731"/>
        <v>0</v>
      </c>
      <c r="N6518" s="46">
        <f t="shared" si="732"/>
        <v>45562.166666650941</v>
      </c>
    </row>
    <row r="6519" spans="2:14" x14ac:dyDescent="0.3">
      <c r="B6519">
        <f t="shared" si="726"/>
        <v>5</v>
      </c>
      <c r="C6519" s="16">
        <v>6485</v>
      </c>
      <c r="D6519" cm="1">
        <f t="array" ref="D6519">IFERROR(INDEX(Jesper!AH$2:AH$366,ROUNDDOWN($C6519/24,0)+1,1)*INDEX($D$3:$AA$30,INDEX(Jesper!$R$2:$R$366,ROW(INDEX(Jesper!AH$2:AH$366,ROUNDDOWN($C6519/24,0)+1,1))-1)+IF('Standard Profiles'!$G$18=$B$10,7,0)+IF('Standard Profiles'!$G$18=$B$17,14,0)+IF('Standard Profiles'!$G$18=$B$24,21,0),MOD($C6519,24)+1)/SUM(INDEX($D$3:$AA$30,INDEX(Jesper!$R$2:$R$366,ROW(INDEX(Jesper!AH$2:AH$366,ROUNDDOWN($C6519/24,0)+1,1))-1)+IF('Standard Profiles'!$G$18=$B$10,7,0)+IF('Standard Profiles'!$G$18=$B$17,14,0)+IF('Standard Profiles'!$G$18=$B$24,21,0),0)),0)</f>
        <v>9.8998630377066608</v>
      </c>
      <c r="E6519" cm="1">
        <f t="array" ref="E6519">IFERROR(INDEX(Jesper!AI$2:AI$366,ROUNDDOWN($C6519/24,0)+1,1)*INDEX($D$3:$AA$30,INDEX(Jesper!$R$2:$R$366,ROW(INDEX(Jesper!AI$2:AI$366,ROUNDDOWN($C6519/24,0)+1,1))-1)+IF('Standard Profiles'!$G$19=$B$10,7,0)+IF('Standard Profiles'!$G$19=$B$17,14,0)+IF('Standard Profiles'!$G$19=$B$24,21,0),MOD($C6519,24)+1)/SUM(INDEX($D$3:$AA$30,INDEX(Jesper!$R$2:$R$366,ROW(INDEX(Jesper!AI$2:AI$366,ROUNDDOWN($C6519/24,0)+1,1))-1)+IF('Standard Profiles'!$G$19=$B$10,7,0)+IF('Standard Profiles'!$G$19=$B$17,14,0)+IF('Standard Profiles'!$G$19=$B$24,21,0),0)),0)</f>
        <v>0</v>
      </c>
      <c r="F6519" cm="1">
        <f t="array" ref="F6519">IFERROR(INDEX(Jesper!AJ$2:AJ$366,ROUNDDOWN($C6519/24,0)+1,1)*INDEX($D$3:$AA$30,INDEX(Jesper!$R$2:$R$366,ROW(INDEX(Jesper!AJ$2:AJ$366,ROUNDDOWN($C6519/24,0)+1,1))-1)+IF('Standard Profiles'!$G$20=$B$10,7,0)+IF('Standard Profiles'!$G$20=$B$17,14,0)+IF('Standard Profiles'!$G$20=$B$24,21,0),MOD($C6519,24)+1)/SUM(INDEX($D$3:$AA$30,INDEX(Jesper!$R$2:$R$366,ROW(INDEX(Jesper!AJ$2:AJ$366,ROUNDDOWN($C6519/24,0)+1,1))-1)+IF('Standard Profiles'!$G$20=$B$10,7,0)+IF('Standard Profiles'!$G$20=$B$17,14,0)+IF('Standard Profiles'!$G$20=$B$24,21,0),0)),0)</f>
        <v>0</v>
      </c>
      <c r="G6519" cm="1">
        <f t="array" ref="G6519">IFERROR(INDEX(Jesper!AK$2:AK$366,ROUNDDOWN($C6519/24,0)+1,1)*INDEX($D$3:$AA$30,INDEX(Jesper!$R$2:$R$366,ROW(INDEX(Jesper!AK$2:AK$366,ROUNDDOWN($C6519/24,0)+1,1))-1)+IF('Standard Profiles'!$G$21=$B$10,7,0)+IF('Standard Profiles'!$G$21=$B$17,14,0)+IF('Standard Profiles'!$G$21=$B$24,21,0),MOD($C6519,24)+1)/SUM(INDEX($D$3:$AA$30,INDEX(Jesper!$R$2:$R$366,ROW(INDEX(Jesper!AK$2:AK$366,ROUNDDOWN($C6519/24,0)+1,1))-1)+IF('Standard Profiles'!$G$21=$B$10,7,0)+IF('Standard Profiles'!$G$21=$B$17,14,0)+IF('Standard Profiles'!$G$21=$B$24,21,0),0)),0)</f>
        <v>0</v>
      </c>
      <c r="H6519" cm="1">
        <f t="array" ref="H6519">IFERROR(INDEX(Jesper!AL$2:AL$366,ROUNDDOWN($C6519/24,0)+1,1)*INDEX($D$3:$AA$30,INDEX(Jesper!$R$2:$R$366,ROW(INDEX(Jesper!AL$2:AL$366,ROUNDDOWN($C6519/24,0)+1,1))-1)+IF('Standard Profiles'!$G$22=$B$10,7,0)+IF('Standard Profiles'!$G$22=$B$17,14,0)+IF('Standard Profiles'!$G$22=$B$24,21,0),MOD($C6519,24)+1)/SUM(INDEX($D$3:$AA$30,INDEX(Jesper!$R$2:$R$366,ROW(INDEX(Jesper!AL$2:AL$366,ROUNDDOWN($C6519/24,0)+1,1))-1)+IF('Standard Profiles'!$G$22=$B$10,7,0)+IF('Standard Profiles'!$G$22=$B$17,14,0)+IF('Standard Profiles'!$G$22=$B$24,21,0),0)),0)</f>
        <v>0</v>
      </c>
      <c r="I6519">
        <f t="shared" si="727"/>
        <v>0.29699589113119979</v>
      </c>
      <c r="J6519">
        <f t="shared" si="728"/>
        <v>0.9899863037706661</v>
      </c>
      <c r="K6519">
        <f t="shared" si="729"/>
        <v>1.484979455655999</v>
      </c>
      <c r="L6519">
        <f t="shared" si="730"/>
        <v>7.1279013871487953</v>
      </c>
      <c r="M6519">
        <f t="shared" si="731"/>
        <v>0</v>
      </c>
      <c r="N6519" s="46">
        <f t="shared" si="732"/>
        <v>45562.208333317605</v>
      </c>
    </row>
    <row r="6520" spans="2:14" x14ac:dyDescent="0.3">
      <c r="B6520">
        <f t="shared" si="726"/>
        <v>5</v>
      </c>
      <c r="C6520" s="16">
        <v>6486</v>
      </c>
      <c r="D6520" cm="1">
        <f t="array" ref="D6520">IFERROR(INDEX(Jesper!AH$2:AH$366,ROUNDDOWN($C6520/24,0)+1,1)*INDEX($D$3:$AA$30,INDEX(Jesper!$R$2:$R$366,ROW(INDEX(Jesper!AH$2:AH$366,ROUNDDOWN($C6520/24,0)+1,1))-1)+IF('Standard Profiles'!$G$18=$B$10,7,0)+IF('Standard Profiles'!$G$18=$B$17,14,0)+IF('Standard Profiles'!$G$18=$B$24,21,0),MOD($C6520,24)+1)/SUM(INDEX($D$3:$AA$30,INDEX(Jesper!$R$2:$R$366,ROW(INDEX(Jesper!AH$2:AH$366,ROUNDDOWN($C6520/24,0)+1,1))-1)+IF('Standard Profiles'!$G$18=$B$10,7,0)+IF('Standard Profiles'!$G$18=$B$17,14,0)+IF('Standard Profiles'!$G$18=$B$24,21,0),0)),0)</f>
        <v>11.94811056274942</v>
      </c>
      <c r="E6520" cm="1">
        <f t="array" ref="E6520">IFERROR(INDEX(Jesper!AI$2:AI$366,ROUNDDOWN($C6520/24,0)+1,1)*INDEX($D$3:$AA$30,INDEX(Jesper!$R$2:$R$366,ROW(INDEX(Jesper!AI$2:AI$366,ROUNDDOWN($C6520/24,0)+1,1))-1)+IF('Standard Profiles'!$G$19=$B$10,7,0)+IF('Standard Profiles'!$G$19=$B$17,14,0)+IF('Standard Profiles'!$G$19=$B$24,21,0),MOD($C6520,24)+1)/SUM(INDEX($D$3:$AA$30,INDEX(Jesper!$R$2:$R$366,ROW(INDEX(Jesper!AI$2:AI$366,ROUNDDOWN($C6520/24,0)+1,1))-1)+IF('Standard Profiles'!$G$19=$B$10,7,0)+IF('Standard Profiles'!$G$19=$B$17,14,0)+IF('Standard Profiles'!$G$19=$B$24,21,0),0)),0)</f>
        <v>0</v>
      </c>
      <c r="F6520" cm="1">
        <f t="array" ref="F6520">IFERROR(INDEX(Jesper!AJ$2:AJ$366,ROUNDDOWN($C6520/24,0)+1,1)*INDEX($D$3:$AA$30,INDEX(Jesper!$R$2:$R$366,ROW(INDEX(Jesper!AJ$2:AJ$366,ROUNDDOWN($C6520/24,0)+1,1))-1)+IF('Standard Profiles'!$G$20=$B$10,7,0)+IF('Standard Profiles'!$G$20=$B$17,14,0)+IF('Standard Profiles'!$G$20=$B$24,21,0),MOD($C6520,24)+1)/SUM(INDEX($D$3:$AA$30,INDEX(Jesper!$R$2:$R$366,ROW(INDEX(Jesper!AJ$2:AJ$366,ROUNDDOWN($C6520/24,0)+1,1))-1)+IF('Standard Profiles'!$G$20=$B$10,7,0)+IF('Standard Profiles'!$G$20=$B$17,14,0)+IF('Standard Profiles'!$G$20=$B$24,21,0),0)),0)</f>
        <v>0</v>
      </c>
      <c r="G6520" cm="1">
        <f t="array" ref="G6520">IFERROR(INDEX(Jesper!AK$2:AK$366,ROUNDDOWN($C6520/24,0)+1,1)*INDEX($D$3:$AA$30,INDEX(Jesper!$R$2:$R$366,ROW(INDEX(Jesper!AK$2:AK$366,ROUNDDOWN($C6520/24,0)+1,1))-1)+IF('Standard Profiles'!$G$21=$B$10,7,0)+IF('Standard Profiles'!$G$21=$B$17,14,0)+IF('Standard Profiles'!$G$21=$B$24,21,0),MOD($C6520,24)+1)/SUM(INDEX($D$3:$AA$30,INDEX(Jesper!$R$2:$R$366,ROW(INDEX(Jesper!AK$2:AK$366,ROUNDDOWN($C6520/24,0)+1,1))-1)+IF('Standard Profiles'!$G$21=$B$10,7,0)+IF('Standard Profiles'!$G$21=$B$17,14,0)+IF('Standard Profiles'!$G$21=$B$24,21,0),0)),0)</f>
        <v>0</v>
      </c>
      <c r="H6520" cm="1">
        <f t="array" ref="H6520">IFERROR(INDEX(Jesper!AL$2:AL$366,ROUNDDOWN($C6520/24,0)+1,1)*INDEX($D$3:$AA$30,INDEX(Jesper!$R$2:$R$366,ROW(INDEX(Jesper!AL$2:AL$366,ROUNDDOWN($C6520/24,0)+1,1))-1)+IF('Standard Profiles'!$G$22=$B$10,7,0)+IF('Standard Profiles'!$G$22=$B$17,14,0)+IF('Standard Profiles'!$G$22=$B$24,21,0),MOD($C6520,24)+1)/SUM(INDEX($D$3:$AA$30,INDEX(Jesper!$R$2:$R$366,ROW(INDEX(Jesper!AL$2:AL$366,ROUNDDOWN($C6520/24,0)+1,1))-1)+IF('Standard Profiles'!$G$22=$B$10,7,0)+IF('Standard Profiles'!$G$22=$B$17,14,0)+IF('Standard Profiles'!$G$22=$B$24,21,0),0)),0)</f>
        <v>0</v>
      </c>
      <c r="I6520">
        <f t="shared" si="727"/>
        <v>0.3584433168824826</v>
      </c>
      <c r="J6520">
        <f t="shared" si="728"/>
        <v>1.1948110562749421</v>
      </c>
      <c r="K6520">
        <f t="shared" si="729"/>
        <v>1.7922165844124129</v>
      </c>
      <c r="L6520">
        <f t="shared" si="730"/>
        <v>8.6026396051795828</v>
      </c>
      <c r="M6520">
        <f t="shared" si="731"/>
        <v>0</v>
      </c>
      <c r="N6520" s="46">
        <f t="shared" si="732"/>
        <v>45562.249999984269</v>
      </c>
    </row>
    <row r="6521" spans="2:14" x14ac:dyDescent="0.3">
      <c r="B6521">
        <f t="shared" si="726"/>
        <v>5</v>
      </c>
      <c r="C6521" s="16">
        <v>6487</v>
      </c>
      <c r="D6521" cm="1">
        <f t="array" ref="D6521">IFERROR(INDEX(Jesper!AH$2:AH$366,ROUNDDOWN($C6521/24,0)+1,1)*INDEX($D$3:$AA$30,INDEX(Jesper!$R$2:$R$366,ROW(INDEX(Jesper!AH$2:AH$366,ROUNDDOWN($C6521/24,0)+1,1))-1)+IF('Standard Profiles'!$G$18=$B$10,7,0)+IF('Standard Profiles'!$G$18=$B$17,14,0)+IF('Standard Profiles'!$G$18=$B$24,21,0),MOD($C6521,24)+1)/SUM(INDEX($D$3:$AA$30,INDEX(Jesper!$R$2:$R$366,ROW(INDEX(Jesper!AH$2:AH$366,ROUNDDOWN($C6521/24,0)+1,1))-1)+IF('Standard Profiles'!$G$18=$B$10,7,0)+IF('Standard Profiles'!$G$18=$B$17,14,0)+IF('Standard Profiles'!$G$18=$B$24,21,0),0)),0)</f>
        <v>11.94811056274942</v>
      </c>
      <c r="E6521" cm="1">
        <f t="array" ref="E6521">IFERROR(INDEX(Jesper!AI$2:AI$366,ROUNDDOWN($C6521/24,0)+1,1)*INDEX($D$3:$AA$30,INDEX(Jesper!$R$2:$R$366,ROW(INDEX(Jesper!AI$2:AI$366,ROUNDDOWN($C6521/24,0)+1,1))-1)+IF('Standard Profiles'!$G$19=$B$10,7,0)+IF('Standard Profiles'!$G$19=$B$17,14,0)+IF('Standard Profiles'!$G$19=$B$24,21,0),MOD($C6521,24)+1)/SUM(INDEX($D$3:$AA$30,INDEX(Jesper!$R$2:$R$366,ROW(INDEX(Jesper!AI$2:AI$366,ROUNDDOWN($C6521/24,0)+1,1))-1)+IF('Standard Profiles'!$G$19=$B$10,7,0)+IF('Standard Profiles'!$G$19=$B$17,14,0)+IF('Standard Profiles'!$G$19=$B$24,21,0),0)),0)</f>
        <v>0</v>
      </c>
      <c r="F6521" cm="1">
        <f t="array" ref="F6521">IFERROR(INDEX(Jesper!AJ$2:AJ$366,ROUNDDOWN($C6521/24,0)+1,1)*INDEX($D$3:$AA$30,INDEX(Jesper!$R$2:$R$366,ROW(INDEX(Jesper!AJ$2:AJ$366,ROUNDDOWN($C6521/24,0)+1,1))-1)+IF('Standard Profiles'!$G$20=$B$10,7,0)+IF('Standard Profiles'!$G$20=$B$17,14,0)+IF('Standard Profiles'!$G$20=$B$24,21,0),MOD($C6521,24)+1)/SUM(INDEX($D$3:$AA$30,INDEX(Jesper!$R$2:$R$366,ROW(INDEX(Jesper!AJ$2:AJ$366,ROUNDDOWN($C6521/24,0)+1,1))-1)+IF('Standard Profiles'!$G$20=$B$10,7,0)+IF('Standard Profiles'!$G$20=$B$17,14,0)+IF('Standard Profiles'!$G$20=$B$24,21,0),0)),0)</f>
        <v>0</v>
      </c>
      <c r="G6521" cm="1">
        <f t="array" ref="G6521">IFERROR(INDEX(Jesper!AK$2:AK$366,ROUNDDOWN($C6521/24,0)+1,1)*INDEX($D$3:$AA$30,INDEX(Jesper!$R$2:$R$366,ROW(INDEX(Jesper!AK$2:AK$366,ROUNDDOWN($C6521/24,0)+1,1))-1)+IF('Standard Profiles'!$G$21=$B$10,7,0)+IF('Standard Profiles'!$G$21=$B$17,14,0)+IF('Standard Profiles'!$G$21=$B$24,21,0),MOD($C6521,24)+1)/SUM(INDEX($D$3:$AA$30,INDEX(Jesper!$R$2:$R$366,ROW(INDEX(Jesper!AK$2:AK$366,ROUNDDOWN($C6521/24,0)+1,1))-1)+IF('Standard Profiles'!$G$21=$B$10,7,0)+IF('Standard Profiles'!$G$21=$B$17,14,0)+IF('Standard Profiles'!$G$21=$B$24,21,0),0)),0)</f>
        <v>0</v>
      </c>
      <c r="H6521" cm="1">
        <f t="array" ref="H6521">IFERROR(INDEX(Jesper!AL$2:AL$366,ROUNDDOWN($C6521/24,0)+1,1)*INDEX($D$3:$AA$30,INDEX(Jesper!$R$2:$R$366,ROW(INDEX(Jesper!AL$2:AL$366,ROUNDDOWN($C6521/24,0)+1,1))-1)+IF('Standard Profiles'!$G$22=$B$10,7,0)+IF('Standard Profiles'!$G$22=$B$17,14,0)+IF('Standard Profiles'!$G$22=$B$24,21,0),MOD($C6521,24)+1)/SUM(INDEX($D$3:$AA$30,INDEX(Jesper!$R$2:$R$366,ROW(INDEX(Jesper!AL$2:AL$366,ROUNDDOWN($C6521/24,0)+1,1))-1)+IF('Standard Profiles'!$G$22=$B$10,7,0)+IF('Standard Profiles'!$G$22=$B$17,14,0)+IF('Standard Profiles'!$G$22=$B$24,21,0),0)),0)</f>
        <v>0</v>
      </c>
      <c r="I6521">
        <f t="shared" si="727"/>
        <v>0.3584433168824826</v>
      </c>
      <c r="J6521">
        <f t="shared" si="728"/>
        <v>1.1948110562749421</v>
      </c>
      <c r="K6521">
        <f t="shared" si="729"/>
        <v>1.7922165844124129</v>
      </c>
      <c r="L6521">
        <f t="shared" si="730"/>
        <v>8.6026396051795828</v>
      </c>
      <c r="M6521">
        <f t="shared" si="731"/>
        <v>0</v>
      </c>
      <c r="N6521" s="46">
        <f t="shared" si="732"/>
        <v>45562.291666650934</v>
      </c>
    </row>
    <row r="6522" spans="2:14" x14ac:dyDescent="0.3">
      <c r="B6522">
        <f t="shared" si="726"/>
        <v>5</v>
      </c>
      <c r="C6522" s="16">
        <v>6488</v>
      </c>
      <c r="D6522" cm="1">
        <f t="array" ref="D6522">IFERROR(INDEX(Jesper!AH$2:AH$366,ROUNDDOWN($C6522/24,0)+1,1)*INDEX($D$3:$AA$30,INDEX(Jesper!$R$2:$R$366,ROW(INDEX(Jesper!AH$2:AH$366,ROUNDDOWN($C6522/24,0)+1,1))-1)+IF('Standard Profiles'!$G$18=$B$10,7,0)+IF('Standard Profiles'!$G$18=$B$17,14,0)+IF('Standard Profiles'!$G$18=$B$24,21,0),MOD($C6522,24)+1)/SUM(INDEX($D$3:$AA$30,INDEX(Jesper!$R$2:$R$366,ROW(INDEX(Jesper!AH$2:AH$366,ROUNDDOWN($C6522/24,0)+1,1))-1)+IF('Standard Profiles'!$G$18=$B$10,7,0)+IF('Standard Profiles'!$G$18=$B$17,14,0)+IF('Standard Profiles'!$G$18=$B$24,21,0),0)),0)</f>
        <v>11.94811056274942</v>
      </c>
      <c r="E6522" cm="1">
        <f t="array" ref="E6522">IFERROR(INDEX(Jesper!AI$2:AI$366,ROUNDDOWN($C6522/24,0)+1,1)*INDEX($D$3:$AA$30,INDEX(Jesper!$R$2:$R$366,ROW(INDEX(Jesper!AI$2:AI$366,ROUNDDOWN($C6522/24,0)+1,1))-1)+IF('Standard Profiles'!$G$19=$B$10,7,0)+IF('Standard Profiles'!$G$19=$B$17,14,0)+IF('Standard Profiles'!$G$19=$B$24,21,0),MOD($C6522,24)+1)/SUM(INDEX($D$3:$AA$30,INDEX(Jesper!$R$2:$R$366,ROW(INDEX(Jesper!AI$2:AI$366,ROUNDDOWN($C6522/24,0)+1,1))-1)+IF('Standard Profiles'!$G$19=$B$10,7,0)+IF('Standard Profiles'!$G$19=$B$17,14,0)+IF('Standard Profiles'!$G$19=$B$24,21,0),0)),0)</f>
        <v>0</v>
      </c>
      <c r="F6522" cm="1">
        <f t="array" ref="F6522">IFERROR(INDEX(Jesper!AJ$2:AJ$366,ROUNDDOWN($C6522/24,0)+1,1)*INDEX($D$3:$AA$30,INDEX(Jesper!$R$2:$R$366,ROW(INDEX(Jesper!AJ$2:AJ$366,ROUNDDOWN($C6522/24,0)+1,1))-1)+IF('Standard Profiles'!$G$20=$B$10,7,0)+IF('Standard Profiles'!$G$20=$B$17,14,0)+IF('Standard Profiles'!$G$20=$B$24,21,0),MOD($C6522,24)+1)/SUM(INDEX($D$3:$AA$30,INDEX(Jesper!$R$2:$R$366,ROW(INDEX(Jesper!AJ$2:AJ$366,ROUNDDOWN($C6522/24,0)+1,1))-1)+IF('Standard Profiles'!$G$20=$B$10,7,0)+IF('Standard Profiles'!$G$20=$B$17,14,0)+IF('Standard Profiles'!$G$20=$B$24,21,0),0)),0)</f>
        <v>0</v>
      </c>
      <c r="G6522" cm="1">
        <f t="array" ref="G6522">IFERROR(INDEX(Jesper!AK$2:AK$366,ROUNDDOWN($C6522/24,0)+1,1)*INDEX($D$3:$AA$30,INDEX(Jesper!$R$2:$R$366,ROW(INDEX(Jesper!AK$2:AK$366,ROUNDDOWN($C6522/24,0)+1,1))-1)+IF('Standard Profiles'!$G$21=$B$10,7,0)+IF('Standard Profiles'!$G$21=$B$17,14,0)+IF('Standard Profiles'!$G$21=$B$24,21,0),MOD($C6522,24)+1)/SUM(INDEX($D$3:$AA$30,INDEX(Jesper!$R$2:$R$366,ROW(INDEX(Jesper!AK$2:AK$366,ROUNDDOWN($C6522/24,0)+1,1))-1)+IF('Standard Profiles'!$G$21=$B$10,7,0)+IF('Standard Profiles'!$G$21=$B$17,14,0)+IF('Standard Profiles'!$G$21=$B$24,21,0),0)),0)</f>
        <v>0</v>
      </c>
      <c r="H6522" cm="1">
        <f t="array" ref="H6522">IFERROR(INDEX(Jesper!AL$2:AL$366,ROUNDDOWN($C6522/24,0)+1,1)*INDEX($D$3:$AA$30,INDEX(Jesper!$R$2:$R$366,ROW(INDEX(Jesper!AL$2:AL$366,ROUNDDOWN($C6522/24,0)+1,1))-1)+IF('Standard Profiles'!$G$22=$B$10,7,0)+IF('Standard Profiles'!$G$22=$B$17,14,0)+IF('Standard Profiles'!$G$22=$B$24,21,0),MOD($C6522,24)+1)/SUM(INDEX($D$3:$AA$30,INDEX(Jesper!$R$2:$R$366,ROW(INDEX(Jesper!AL$2:AL$366,ROUNDDOWN($C6522/24,0)+1,1))-1)+IF('Standard Profiles'!$G$22=$B$10,7,0)+IF('Standard Profiles'!$G$22=$B$17,14,0)+IF('Standard Profiles'!$G$22=$B$24,21,0),0)),0)</f>
        <v>0</v>
      </c>
      <c r="I6522">
        <f t="shared" si="727"/>
        <v>0.3584433168824826</v>
      </c>
      <c r="J6522">
        <f t="shared" si="728"/>
        <v>1.1948110562749421</v>
      </c>
      <c r="K6522">
        <f t="shared" si="729"/>
        <v>1.7922165844124129</v>
      </c>
      <c r="L6522">
        <f t="shared" si="730"/>
        <v>8.6026396051795828</v>
      </c>
      <c r="M6522">
        <f t="shared" si="731"/>
        <v>0</v>
      </c>
      <c r="N6522" s="46">
        <f t="shared" si="732"/>
        <v>45562.333333317598</v>
      </c>
    </row>
    <row r="6523" spans="2:14" x14ac:dyDescent="0.3">
      <c r="B6523">
        <f t="shared" si="726"/>
        <v>5</v>
      </c>
      <c r="C6523" s="16">
        <v>6489</v>
      </c>
      <c r="D6523" cm="1">
        <f t="array" ref="D6523">IFERROR(INDEX(Jesper!AH$2:AH$366,ROUNDDOWN($C6523/24,0)+1,1)*INDEX($D$3:$AA$30,INDEX(Jesper!$R$2:$R$366,ROW(INDEX(Jesper!AH$2:AH$366,ROUNDDOWN($C6523/24,0)+1,1))-1)+IF('Standard Profiles'!$G$18=$B$10,7,0)+IF('Standard Profiles'!$G$18=$B$17,14,0)+IF('Standard Profiles'!$G$18=$B$24,21,0),MOD($C6523,24)+1)/SUM(INDEX($D$3:$AA$30,INDEX(Jesper!$R$2:$R$366,ROW(INDEX(Jesper!AH$2:AH$366,ROUNDDOWN($C6523/24,0)+1,1))-1)+IF('Standard Profiles'!$G$18=$B$10,7,0)+IF('Standard Profiles'!$G$18=$B$17,14,0)+IF('Standard Profiles'!$G$18=$B$24,21,0),0)),0)</f>
        <v>12.801547031517234</v>
      </c>
      <c r="E6523" cm="1">
        <f t="array" ref="E6523">IFERROR(INDEX(Jesper!AI$2:AI$366,ROUNDDOWN($C6523/24,0)+1,1)*INDEX($D$3:$AA$30,INDEX(Jesper!$R$2:$R$366,ROW(INDEX(Jesper!AI$2:AI$366,ROUNDDOWN($C6523/24,0)+1,1))-1)+IF('Standard Profiles'!$G$19=$B$10,7,0)+IF('Standard Profiles'!$G$19=$B$17,14,0)+IF('Standard Profiles'!$G$19=$B$24,21,0),MOD($C6523,24)+1)/SUM(INDEX($D$3:$AA$30,INDEX(Jesper!$R$2:$R$366,ROW(INDEX(Jesper!AI$2:AI$366,ROUNDDOWN($C6523/24,0)+1,1))-1)+IF('Standard Profiles'!$G$19=$B$10,7,0)+IF('Standard Profiles'!$G$19=$B$17,14,0)+IF('Standard Profiles'!$G$19=$B$24,21,0),0)),0)</f>
        <v>0</v>
      </c>
      <c r="F6523" cm="1">
        <f t="array" ref="F6523">IFERROR(INDEX(Jesper!AJ$2:AJ$366,ROUNDDOWN($C6523/24,0)+1,1)*INDEX($D$3:$AA$30,INDEX(Jesper!$R$2:$R$366,ROW(INDEX(Jesper!AJ$2:AJ$366,ROUNDDOWN($C6523/24,0)+1,1))-1)+IF('Standard Profiles'!$G$20=$B$10,7,0)+IF('Standard Profiles'!$G$20=$B$17,14,0)+IF('Standard Profiles'!$G$20=$B$24,21,0),MOD($C6523,24)+1)/SUM(INDEX($D$3:$AA$30,INDEX(Jesper!$R$2:$R$366,ROW(INDEX(Jesper!AJ$2:AJ$366,ROUNDDOWN($C6523/24,0)+1,1))-1)+IF('Standard Profiles'!$G$20=$B$10,7,0)+IF('Standard Profiles'!$G$20=$B$17,14,0)+IF('Standard Profiles'!$G$20=$B$24,21,0),0)),0)</f>
        <v>0</v>
      </c>
      <c r="G6523" cm="1">
        <f t="array" ref="G6523">IFERROR(INDEX(Jesper!AK$2:AK$366,ROUNDDOWN($C6523/24,0)+1,1)*INDEX($D$3:$AA$30,INDEX(Jesper!$R$2:$R$366,ROW(INDEX(Jesper!AK$2:AK$366,ROUNDDOWN($C6523/24,0)+1,1))-1)+IF('Standard Profiles'!$G$21=$B$10,7,0)+IF('Standard Profiles'!$G$21=$B$17,14,0)+IF('Standard Profiles'!$G$21=$B$24,21,0),MOD($C6523,24)+1)/SUM(INDEX($D$3:$AA$30,INDEX(Jesper!$R$2:$R$366,ROW(INDEX(Jesper!AK$2:AK$366,ROUNDDOWN($C6523/24,0)+1,1))-1)+IF('Standard Profiles'!$G$21=$B$10,7,0)+IF('Standard Profiles'!$G$21=$B$17,14,0)+IF('Standard Profiles'!$G$21=$B$24,21,0),0)),0)</f>
        <v>0</v>
      </c>
      <c r="H6523" cm="1">
        <f t="array" ref="H6523">IFERROR(INDEX(Jesper!AL$2:AL$366,ROUNDDOWN($C6523/24,0)+1,1)*INDEX($D$3:$AA$30,INDEX(Jesper!$R$2:$R$366,ROW(INDEX(Jesper!AL$2:AL$366,ROUNDDOWN($C6523/24,0)+1,1))-1)+IF('Standard Profiles'!$G$22=$B$10,7,0)+IF('Standard Profiles'!$G$22=$B$17,14,0)+IF('Standard Profiles'!$G$22=$B$24,21,0),MOD($C6523,24)+1)/SUM(INDEX($D$3:$AA$30,INDEX(Jesper!$R$2:$R$366,ROW(INDEX(Jesper!AL$2:AL$366,ROUNDDOWN($C6523/24,0)+1,1))-1)+IF('Standard Profiles'!$G$22=$B$10,7,0)+IF('Standard Profiles'!$G$22=$B$17,14,0)+IF('Standard Profiles'!$G$22=$B$24,21,0),0)),0)</f>
        <v>0</v>
      </c>
      <c r="I6523">
        <f t="shared" si="727"/>
        <v>0.384046410945517</v>
      </c>
      <c r="J6523">
        <f t="shared" si="728"/>
        <v>1.2801547031517235</v>
      </c>
      <c r="K6523">
        <f t="shared" si="729"/>
        <v>1.9202320547275851</v>
      </c>
      <c r="L6523">
        <f t="shared" si="730"/>
        <v>9.2171138626924076</v>
      </c>
      <c r="M6523">
        <f t="shared" si="731"/>
        <v>0</v>
      </c>
      <c r="N6523" s="46">
        <f t="shared" si="732"/>
        <v>45562.374999984262</v>
      </c>
    </row>
    <row r="6524" spans="2:14" x14ac:dyDescent="0.3">
      <c r="B6524">
        <f t="shared" si="726"/>
        <v>5</v>
      </c>
      <c r="C6524" s="16">
        <v>6490</v>
      </c>
      <c r="D6524" cm="1">
        <f t="array" ref="D6524">IFERROR(INDEX(Jesper!AH$2:AH$366,ROUNDDOWN($C6524/24,0)+1,1)*INDEX($D$3:$AA$30,INDEX(Jesper!$R$2:$R$366,ROW(INDEX(Jesper!AH$2:AH$366,ROUNDDOWN($C6524/24,0)+1,1))-1)+IF('Standard Profiles'!$G$18=$B$10,7,0)+IF('Standard Profiles'!$G$18=$B$17,14,0)+IF('Standard Profiles'!$G$18=$B$24,21,0),MOD($C6524,24)+1)/SUM(INDEX($D$3:$AA$30,INDEX(Jesper!$R$2:$R$366,ROW(INDEX(Jesper!AH$2:AH$366,ROUNDDOWN($C6524/24,0)+1,1))-1)+IF('Standard Profiles'!$G$18=$B$10,7,0)+IF('Standard Profiles'!$G$18=$B$17,14,0)+IF('Standard Profiles'!$G$18=$B$24,21,0),0)),0)</f>
        <v>13.313608912777925</v>
      </c>
      <c r="E6524" cm="1">
        <f t="array" ref="E6524">IFERROR(INDEX(Jesper!AI$2:AI$366,ROUNDDOWN($C6524/24,0)+1,1)*INDEX($D$3:$AA$30,INDEX(Jesper!$R$2:$R$366,ROW(INDEX(Jesper!AI$2:AI$366,ROUNDDOWN($C6524/24,0)+1,1))-1)+IF('Standard Profiles'!$G$19=$B$10,7,0)+IF('Standard Profiles'!$G$19=$B$17,14,0)+IF('Standard Profiles'!$G$19=$B$24,21,0),MOD($C6524,24)+1)/SUM(INDEX($D$3:$AA$30,INDEX(Jesper!$R$2:$R$366,ROW(INDEX(Jesper!AI$2:AI$366,ROUNDDOWN($C6524/24,0)+1,1))-1)+IF('Standard Profiles'!$G$19=$B$10,7,0)+IF('Standard Profiles'!$G$19=$B$17,14,0)+IF('Standard Profiles'!$G$19=$B$24,21,0),0)),0)</f>
        <v>0</v>
      </c>
      <c r="F6524" cm="1">
        <f t="array" ref="F6524">IFERROR(INDEX(Jesper!AJ$2:AJ$366,ROUNDDOWN($C6524/24,0)+1,1)*INDEX($D$3:$AA$30,INDEX(Jesper!$R$2:$R$366,ROW(INDEX(Jesper!AJ$2:AJ$366,ROUNDDOWN($C6524/24,0)+1,1))-1)+IF('Standard Profiles'!$G$20=$B$10,7,0)+IF('Standard Profiles'!$G$20=$B$17,14,0)+IF('Standard Profiles'!$G$20=$B$24,21,0),MOD($C6524,24)+1)/SUM(INDEX($D$3:$AA$30,INDEX(Jesper!$R$2:$R$366,ROW(INDEX(Jesper!AJ$2:AJ$366,ROUNDDOWN($C6524/24,0)+1,1))-1)+IF('Standard Profiles'!$G$20=$B$10,7,0)+IF('Standard Profiles'!$G$20=$B$17,14,0)+IF('Standard Profiles'!$G$20=$B$24,21,0),0)),0)</f>
        <v>0</v>
      </c>
      <c r="G6524" cm="1">
        <f t="array" ref="G6524">IFERROR(INDEX(Jesper!AK$2:AK$366,ROUNDDOWN($C6524/24,0)+1,1)*INDEX($D$3:$AA$30,INDEX(Jesper!$R$2:$R$366,ROW(INDEX(Jesper!AK$2:AK$366,ROUNDDOWN($C6524/24,0)+1,1))-1)+IF('Standard Profiles'!$G$21=$B$10,7,0)+IF('Standard Profiles'!$G$21=$B$17,14,0)+IF('Standard Profiles'!$G$21=$B$24,21,0),MOD($C6524,24)+1)/SUM(INDEX($D$3:$AA$30,INDEX(Jesper!$R$2:$R$366,ROW(INDEX(Jesper!AK$2:AK$366,ROUNDDOWN($C6524/24,0)+1,1))-1)+IF('Standard Profiles'!$G$21=$B$10,7,0)+IF('Standard Profiles'!$G$21=$B$17,14,0)+IF('Standard Profiles'!$G$21=$B$24,21,0),0)),0)</f>
        <v>0</v>
      </c>
      <c r="H6524" cm="1">
        <f t="array" ref="H6524">IFERROR(INDEX(Jesper!AL$2:AL$366,ROUNDDOWN($C6524/24,0)+1,1)*INDEX($D$3:$AA$30,INDEX(Jesper!$R$2:$R$366,ROW(INDEX(Jesper!AL$2:AL$366,ROUNDDOWN($C6524/24,0)+1,1))-1)+IF('Standard Profiles'!$G$22=$B$10,7,0)+IF('Standard Profiles'!$G$22=$B$17,14,0)+IF('Standard Profiles'!$G$22=$B$24,21,0),MOD($C6524,24)+1)/SUM(INDEX($D$3:$AA$30,INDEX(Jesper!$R$2:$R$366,ROW(INDEX(Jesper!AL$2:AL$366,ROUNDDOWN($C6524/24,0)+1,1))-1)+IF('Standard Profiles'!$G$22=$B$10,7,0)+IF('Standard Profiles'!$G$22=$B$17,14,0)+IF('Standard Profiles'!$G$22=$B$24,21,0),0)),0)</f>
        <v>0</v>
      </c>
      <c r="I6524">
        <f t="shared" si="727"/>
        <v>0.39940826738333773</v>
      </c>
      <c r="J6524">
        <f t="shared" si="728"/>
        <v>1.3313608912777926</v>
      </c>
      <c r="K6524">
        <f t="shared" si="729"/>
        <v>1.9970413369166886</v>
      </c>
      <c r="L6524">
        <f t="shared" si="730"/>
        <v>9.5857984172001061</v>
      </c>
      <c r="M6524">
        <f t="shared" si="731"/>
        <v>0</v>
      </c>
      <c r="N6524" s="46">
        <f t="shared" si="732"/>
        <v>45562.416666650926</v>
      </c>
    </row>
    <row r="6525" spans="2:14" x14ac:dyDescent="0.3">
      <c r="B6525">
        <f t="shared" si="726"/>
        <v>5</v>
      </c>
      <c r="C6525" s="16">
        <v>6491</v>
      </c>
      <c r="D6525" cm="1">
        <f t="array" ref="D6525">IFERROR(INDEX(Jesper!AH$2:AH$366,ROUNDDOWN($C6525/24,0)+1,1)*INDEX($D$3:$AA$30,INDEX(Jesper!$R$2:$R$366,ROW(INDEX(Jesper!AH$2:AH$366,ROUNDDOWN($C6525/24,0)+1,1))-1)+IF('Standard Profiles'!$G$18=$B$10,7,0)+IF('Standard Profiles'!$G$18=$B$17,14,0)+IF('Standard Profiles'!$G$18=$B$24,21,0),MOD($C6525,24)+1)/SUM(INDEX($D$3:$AA$30,INDEX(Jesper!$R$2:$R$366,ROW(INDEX(Jesper!AH$2:AH$366,ROUNDDOWN($C6525/24,0)+1,1))-1)+IF('Standard Profiles'!$G$18=$B$10,7,0)+IF('Standard Profiles'!$G$18=$B$17,14,0)+IF('Standard Profiles'!$G$18=$B$24,21,0),0)),0)</f>
        <v>15.361856437820681</v>
      </c>
      <c r="E6525" cm="1">
        <f t="array" ref="E6525">IFERROR(INDEX(Jesper!AI$2:AI$366,ROUNDDOWN($C6525/24,0)+1,1)*INDEX($D$3:$AA$30,INDEX(Jesper!$R$2:$R$366,ROW(INDEX(Jesper!AI$2:AI$366,ROUNDDOWN($C6525/24,0)+1,1))-1)+IF('Standard Profiles'!$G$19=$B$10,7,0)+IF('Standard Profiles'!$G$19=$B$17,14,0)+IF('Standard Profiles'!$G$19=$B$24,21,0),MOD($C6525,24)+1)/SUM(INDEX($D$3:$AA$30,INDEX(Jesper!$R$2:$R$366,ROW(INDEX(Jesper!AI$2:AI$366,ROUNDDOWN($C6525/24,0)+1,1))-1)+IF('Standard Profiles'!$G$19=$B$10,7,0)+IF('Standard Profiles'!$G$19=$B$17,14,0)+IF('Standard Profiles'!$G$19=$B$24,21,0),0)),0)</f>
        <v>0</v>
      </c>
      <c r="F6525" cm="1">
        <f t="array" ref="F6525">IFERROR(INDEX(Jesper!AJ$2:AJ$366,ROUNDDOWN($C6525/24,0)+1,1)*INDEX($D$3:$AA$30,INDEX(Jesper!$R$2:$R$366,ROW(INDEX(Jesper!AJ$2:AJ$366,ROUNDDOWN($C6525/24,0)+1,1))-1)+IF('Standard Profiles'!$G$20=$B$10,7,0)+IF('Standard Profiles'!$G$20=$B$17,14,0)+IF('Standard Profiles'!$G$20=$B$24,21,0),MOD($C6525,24)+1)/SUM(INDEX($D$3:$AA$30,INDEX(Jesper!$R$2:$R$366,ROW(INDEX(Jesper!AJ$2:AJ$366,ROUNDDOWN($C6525/24,0)+1,1))-1)+IF('Standard Profiles'!$G$20=$B$10,7,0)+IF('Standard Profiles'!$G$20=$B$17,14,0)+IF('Standard Profiles'!$G$20=$B$24,21,0),0)),0)</f>
        <v>0</v>
      </c>
      <c r="G6525" cm="1">
        <f t="array" ref="G6525">IFERROR(INDEX(Jesper!AK$2:AK$366,ROUNDDOWN($C6525/24,0)+1,1)*INDEX($D$3:$AA$30,INDEX(Jesper!$R$2:$R$366,ROW(INDEX(Jesper!AK$2:AK$366,ROUNDDOWN($C6525/24,0)+1,1))-1)+IF('Standard Profiles'!$G$21=$B$10,7,0)+IF('Standard Profiles'!$G$21=$B$17,14,0)+IF('Standard Profiles'!$G$21=$B$24,21,0),MOD($C6525,24)+1)/SUM(INDEX($D$3:$AA$30,INDEX(Jesper!$R$2:$R$366,ROW(INDEX(Jesper!AK$2:AK$366,ROUNDDOWN($C6525/24,0)+1,1))-1)+IF('Standard Profiles'!$G$21=$B$10,7,0)+IF('Standard Profiles'!$G$21=$B$17,14,0)+IF('Standard Profiles'!$G$21=$B$24,21,0),0)),0)</f>
        <v>0</v>
      </c>
      <c r="H6525" cm="1">
        <f t="array" ref="H6525">IFERROR(INDEX(Jesper!AL$2:AL$366,ROUNDDOWN($C6525/24,0)+1,1)*INDEX($D$3:$AA$30,INDEX(Jesper!$R$2:$R$366,ROW(INDEX(Jesper!AL$2:AL$366,ROUNDDOWN($C6525/24,0)+1,1))-1)+IF('Standard Profiles'!$G$22=$B$10,7,0)+IF('Standard Profiles'!$G$22=$B$17,14,0)+IF('Standard Profiles'!$G$22=$B$24,21,0),MOD($C6525,24)+1)/SUM(INDEX($D$3:$AA$30,INDEX(Jesper!$R$2:$R$366,ROW(INDEX(Jesper!AL$2:AL$366,ROUNDDOWN($C6525/24,0)+1,1))-1)+IF('Standard Profiles'!$G$22=$B$10,7,0)+IF('Standard Profiles'!$G$22=$B$17,14,0)+IF('Standard Profiles'!$G$22=$B$24,21,0),0)),0)</f>
        <v>0</v>
      </c>
      <c r="I6525">
        <f t="shared" si="727"/>
        <v>0.46085569313462038</v>
      </c>
      <c r="J6525">
        <f t="shared" si="728"/>
        <v>1.5361856437820682</v>
      </c>
      <c r="K6525">
        <f t="shared" si="729"/>
        <v>2.3042784656731019</v>
      </c>
      <c r="L6525">
        <f t="shared" si="730"/>
        <v>11.060536635230889</v>
      </c>
      <c r="M6525">
        <f t="shared" si="731"/>
        <v>0</v>
      </c>
      <c r="N6525" s="46">
        <f t="shared" si="732"/>
        <v>45562.458333317591</v>
      </c>
    </row>
    <row r="6526" spans="2:14" x14ac:dyDescent="0.3">
      <c r="B6526">
        <f t="shared" si="726"/>
        <v>5</v>
      </c>
      <c r="C6526" s="16">
        <v>6492</v>
      </c>
      <c r="D6526" cm="1">
        <f t="array" ref="D6526">IFERROR(INDEX(Jesper!AH$2:AH$366,ROUNDDOWN($C6526/24,0)+1,1)*INDEX($D$3:$AA$30,INDEX(Jesper!$R$2:$R$366,ROW(INDEX(Jesper!AH$2:AH$366,ROUNDDOWN($C6526/24,0)+1,1))-1)+IF('Standard Profiles'!$G$18=$B$10,7,0)+IF('Standard Profiles'!$G$18=$B$17,14,0)+IF('Standard Profiles'!$G$18=$B$24,21,0),MOD($C6526,24)+1)/SUM(INDEX($D$3:$AA$30,INDEX(Jesper!$R$2:$R$366,ROW(INDEX(Jesper!AH$2:AH$366,ROUNDDOWN($C6526/24,0)+1,1))-1)+IF('Standard Profiles'!$G$18=$B$10,7,0)+IF('Standard Profiles'!$G$18=$B$17,14,0)+IF('Standard Profiles'!$G$18=$B$24,21,0),0)),0)</f>
        <v>15.361856437820681</v>
      </c>
      <c r="E6526" cm="1">
        <f t="array" ref="E6526">IFERROR(INDEX(Jesper!AI$2:AI$366,ROUNDDOWN($C6526/24,0)+1,1)*INDEX($D$3:$AA$30,INDEX(Jesper!$R$2:$R$366,ROW(INDEX(Jesper!AI$2:AI$366,ROUNDDOWN($C6526/24,0)+1,1))-1)+IF('Standard Profiles'!$G$19=$B$10,7,0)+IF('Standard Profiles'!$G$19=$B$17,14,0)+IF('Standard Profiles'!$G$19=$B$24,21,0),MOD($C6526,24)+1)/SUM(INDEX($D$3:$AA$30,INDEX(Jesper!$R$2:$R$366,ROW(INDEX(Jesper!AI$2:AI$366,ROUNDDOWN($C6526/24,0)+1,1))-1)+IF('Standard Profiles'!$G$19=$B$10,7,0)+IF('Standard Profiles'!$G$19=$B$17,14,0)+IF('Standard Profiles'!$G$19=$B$24,21,0),0)),0)</f>
        <v>0</v>
      </c>
      <c r="F6526" cm="1">
        <f t="array" ref="F6526">IFERROR(INDEX(Jesper!AJ$2:AJ$366,ROUNDDOWN($C6526/24,0)+1,1)*INDEX($D$3:$AA$30,INDEX(Jesper!$R$2:$R$366,ROW(INDEX(Jesper!AJ$2:AJ$366,ROUNDDOWN($C6526/24,0)+1,1))-1)+IF('Standard Profiles'!$G$20=$B$10,7,0)+IF('Standard Profiles'!$G$20=$B$17,14,0)+IF('Standard Profiles'!$G$20=$B$24,21,0),MOD($C6526,24)+1)/SUM(INDEX($D$3:$AA$30,INDEX(Jesper!$R$2:$R$366,ROW(INDEX(Jesper!AJ$2:AJ$366,ROUNDDOWN($C6526/24,0)+1,1))-1)+IF('Standard Profiles'!$G$20=$B$10,7,0)+IF('Standard Profiles'!$G$20=$B$17,14,0)+IF('Standard Profiles'!$G$20=$B$24,21,0),0)),0)</f>
        <v>0</v>
      </c>
      <c r="G6526" cm="1">
        <f t="array" ref="G6526">IFERROR(INDEX(Jesper!AK$2:AK$366,ROUNDDOWN($C6526/24,0)+1,1)*INDEX($D$3:$AA$30,INDEX(Jesper!$R$2:$R$366,ROW(INDEX(Jesper!AK$2:AK$366,ROUNDDOWN($C6526/24,0)+1,1))-1)+IF('Standard Profiles'!$G$21=$B$10,7,0)+IF('Standard Profiles'!$G$21=$B$17,14,0)+IF('Standard Profiles'!$G$21=$B$24,21,0),MOD($C6526,24)+1)/SUM(INDEX($D$3:$AA$30,INDEX(Jesper!$R$2:$R$366,ROW(INDEX(Jesper!AK$2:AK$366,ROUNDDOWN($C6526/24,0)+1,1))-1)+IF('Standard Profiles'!$G$21=$B$10,7,0)+IF('Standard Profiles'!$G$21=$B$17,14,0)+IF('Standard Profiles'!$G$21=$B$24,21,0),0)),0)</f>
        <v>0</v>
      </c>
      <c r="H6526" cm="1">
        <f t="array" ref="H6526">IFERROR(INDEX(Jesper!AL$2:AL$366,ROUNDDOWN($C6526/24,0)+1,1)*INDEX($D$3:$AA$30,INDEX(Jesper!$R$2:$R$366,ROW(INDEX(Jesper!AL$2:AL$366,ROUNDDOWN($C6526/24,0)+1,1))-1)+IF('Standard Profiles'!$G$22=$B$10,7,0)+IF('Standard Profiles'!$G$22=$B$17,14,0)+IF('Standard Profiles'!$G$22=$B$24,21,0),MOD($C6526,24)+1)/SUM(INDEX($D$3:$AA$30,INDEX(Jesper!$R$2:$R$366,ROW(INDEX(Jesper!AL$2:AL$366,ROUNDDOWN($C6526/24,0)+1,1))-1)+IF('Standard Profiles'!$G$22=$B$10,7,0)+IF('Standard Profiles'!$G$22=$B$17,14,0)+IF('Standard Profiles'!$G$22=$B$24,21,0),0)),0)</f>
        <v>0</v>
      </c>
      <c r="I6526">
        <f t="shared" si="727"/>
        <v>0.46085569313462038</v>
      </c>
      <c r="J6526">
        <f t="shared" si="728"/>
        <v>1.5361856437820682</v>
      </c>
      <c r="K6526">
        <f t="shared" si="729"/>
        <v>2.3042784656731019</v>
      </c>
      <c r="L6526">
        <f t="shared" si="730"/>
        <v>11.060536635230889</v>
      </c>
      <c r="M6526">
        <f t="shared" si="731"/>
        <v>0</v>
      </c>
      <c r="N6526" s="46">
        <f t="shared" si="732"/>
        <v>45562.499999984255</v>
      </c>
    </row>
    <row r="6527" spans="2:14" x14ac:dyDescent="0.3">
      <c r="B6527">
        <f t="shared" si="726"/>
        <v>5</v>
      </c>
      <c r="C6527" s="16">
        <v>6493</v>
      </c>
      <c r="D6527" cm="1">
        <f t="array" ref="D6527">IFERROR(INDEX(Jesper!AH$2:AH$366,ROUNDDOWN($C6527/24,0)+1,1)*INDEX($D$3:$AA$30,INDEX(Jesper!$R$2:$R$366,ROW(INDEX(Jesper!AH$2:AH$366,ROUNDDOWN($C6527/24,0)+1,1))-1)+IF('Standard Profiles'!$G$18=$B$10,7,0)+IF('Standard Profiles'!$G$18=$B$17,14,0)+IF('Standard Profiles'!$G$18=$B$24,21,0),MOD($C6527,24)+1)/SUM(INDEX($D$3:$AA$30,INDEX(Jesper!$R$2:$R$366,ROW(INDEX(Jesper!AH$2:AH$366,ROUNDDOWN($C6527/24,0)+1,1))-1)+IF('Standard Profiles'!$G$18=$B$10,7,0)+IF('Standard Profiles'!$G$18=$B$17,14,0)+IF('Standard Profiles'!$G$18=$B$24,21,0),0)),0)</f>
        <v>15.361856437820681</v>
      </c>
      <c r="E6527" cm="1">
        <f t="array" ref="E6527">IFERROR(INDEX(Jesper!AI$2:AI$366,ROUNDDOWN($C6527/24,0)+1,1)*INDEX($D$3:$AA$30,INDEX(Jesper!$R$2:$R$366,ROW(INDEX(Jesper!AI$2:AI$366,ROUNDDOWN($C6527/24,0)+1,1))-1)+IF('Standard Profiles'!$G$19=$B$10,7,0)+IF('Standard Profiles'!$G$19=$B$17,14,0)+IF('Standard Profiles'!$G$19=$B$24,21,0),MOD($C6527,24)+1)/SUM(INDEX($D$3:$AA$30,INDEX(Jesper!$R$2:$R$366,ROW(INDEX(Jesper!AI$2:AI$366,ROUNDDOWN($C6527/24,0)+1,1))-1)+IF('Standard Profiles'!$G$19=$B$10,7,0)+IF('Standard Profiles'!$G$19=$B$17,14,0)+IF('Standard Profiles'!$G$19=$B$24,21,0),0)),0)</f>
        <v>0</v>
      </c>
      <c r="F6527" cm="1">
        <f t="array" ref="F6527">IFERROR(INDEX(Jesper!AJ$2:AJ$366,ROUNDDOWN($C6527/24,0)+1,1)*INDEX($D$3:$AA$30,INDEX(Jesper!$R$2:$R$366,ROW(INDEX(Jesper!AJ$2:AJ$366,ROUNDDOWN($C6527/24,0)+1,1))-1)+IF('Standard Profiles'!$G$20=$B$10,7,0)+IF('Standard Profiles'!$G$20=$B$17,14,0)+IF('Standard Profiles'!$G$20=$B$24,21,0),MOD($C6527,24)+1)/SUM(INDEX($D$3:$AA$30,INDEX(Jesper!$R$2:$R$366,ROW(INDEX(Jesper!AJ$2:AJ$366,ROUNDDOWN($C6527/24,0)+1,1))-1)+IF('Standard Profiles'!$G$20=$B$10,7,0)+IF('Standard Profiles'!$G$20=$B$17,14,0)+IF('Standard Profiles'!$G$20=$B$24,21,0),0)),0)</f>
        <v>0</v>
      </c>
      <c r="G6527" cm="1">
        <f t="array" ref="G6527">IFERROR(INDEX(Jesper!AK$2:AK$366,ROUNDDOWN($C6527/24,0)+1,1)*INDEX($D$3:$AA$30,INDEX(Jesper!$R$2:$R$366,ROW(INDEX(Jesper!AK$2:AK$366,ROUNDDOWN($C6527/24,0)+1,1))-1)+IF('Standard Profiles'!$G$21=$B$10,7,0)+IF('Standard Profiles'!$G$21=$B$17,14,0)+IF('Standard Profiles'!$G$21=$B$24,21,0),MOD($C6527,24)+1)/SUM(INDEX($D$3:$AA$30,INDEX(Jesper!$R$2:$R$366,ROW(INDEX(Jesper!AK$2:AK$366,ROUNDDOWN($C6527/24,0)+1,1))-1)+IF('Standard Profiles'!$G$21=$B$10,7,0)+IF('Standard Profiles'!$G$21=$B$17,14,0)+IF('Standard Profiles'!$G$21=$B$24,21,0),0)),0)</f>
        <v>0</v>
      </c>
      <c r="H6527" cm="1">
        <f t="array" ref="H6527">IFERROR(INDEX(Jesper!AL$2:AL$366,ROUNDDOWN($C6527/24,0)+1,1)*INDEX($D$3:$AA$30,INDEX(Jesper!$R$2:$R$366,ROW(INDEX(Jesper!AL$2:AL$366,ROUNDDOWN($C6527/24,0)+1,1))-1)+IF('Standard Profiles'!$G$22=$B$10,7,0)+IF('Standard Profiles'!$G$22=$B$17,14,0)+IF('Standard Profiles'!$G$22=$B$24,21,0),MOD($C6527,24)+1)/SUM(INDEX($D$3:$AA$30,INDEX(Jesper!$R$2:$R$366,ROW(INDEX(Jesper!AL$2:AL$366,ROUNDDOWN($C6527/24,0)+1,1))-1)+IF('Standard Profiles'!$G$22=$B$10,7,0)+IF('Standard Profiles'!$G$22=$B$17,14,0)+IF('Standard Profiles'!$G$22=$B$24,21,0),0)),0)</f>
        <v>0</v>
      </c>
      <c r="I6527">
        <f t="shared" si="727"/>
        <v>0.46085569313462038</v>
      </c>
      <c r="J6527">
        <f t="shared" si="728"/>
        <v>1.5361856437820682</v>
      </c>
      <c r="K6527">
        <f t="shared" si="729"/>
        <v>2.3042784656731019</v>
      </c>
      <c r="L6527">
        <f t="shared" si="730"/>
        <v>11.060536635230889</v>
      </c>
      <c r="M6527">
        <f t="shared" si="731"/>
        <v>0</v>
      </c>
      <c r="N6527" s="46">
        <f t="shared" si="732"/>
        <v>45562.541666650919</v>
      </c>
    </row>
    <row r="6528" spans="2:14" x14ac:dyDescent="0.3">
      <c r="B6528">
        <f t="shared" si="726"/>
        <v>5</v>
      </c>
      <c r="C6528" s="16">
        <v>6494</v>
      </c>
      <c r="D6528" cm="1">
        <f t="array" ref="D6528">IFERROR(INDEX(Jesper!AH$2:AH$366,ROUNDDOWN($C6528/24,0)+1,1)*INDEX($D$3:$AA$30,INDEX(Jesper!$R$2:$R$366,ROW(INDEX(Jesper!AH$2:AH$366,ROUNDDOWN($C6528/24,0)+1,1))-1)+IF('Standard Profiles'!$G$18=$B$10,7,0)+IF('Standard Profiles'!$G$18=$B$17,14,0)+IF('Standard Profiles'!$G$18=$B$24,21,0),MOD($C6528,24)+1)/SUM(INDEX($D$3:$AA$30,INDEX(Jesper!$R$2:$R$366,ROW(INDEX(Jesper!AH$2:AH$366,ROUNDDOWN($C6528/24,0)+1,1))-1)+IF('Standard Profiles'!$G$18=$B$10,7,0)+IF('Standard Profiles'!$G$18=$B$17,14,0)+IF('Standard Profiles'!$G$18=$B$24,21,0),0)),0)</f>
        <v>15.361856437820681</v>
      </c>
      <c r="E6528" cm="1">
        <f t="array" ref="E6528">IFERROR(INDEX(Jesper!AI$2:AI$366,ROUNDDOWN($C6528/24,0)+1,1)*INDEX($D$3:$AA$30,INDEX(Jesper!$R$2:$R$366,ROW(INDEX(Jesper!AI$2:AI$366,ROUNDDOWN($C6528/24,0)+1,1))-1)+IF('Standard Profiles'!$G$19=$B$10,7,0)+IF('Standard Profiles'!$G$19=$B$17,14,0)+IF('Standard Profiles'!$G$19=$B$24,21,0),MOD($C6528,24)+1)/SUM(INDEX($D$3:$AA$30,INDEX(Jesper!$R$2:$R$366,ROW(INDEX(Jesper!AI$2:AI$366,ROUNDDOWN($C6528/24,0)+1,1))-1)+IF('Standard Profiles'!$G$19=$B$10,7,0)+IF('Standard Profiles'!$G$19=$B$17,14,0)+IF('Standard Profiles'!$G$19=$B$24,21,0),0)),0)</f>
        <v>0</v>
      </c>
      <c r="F6528" cm="1">
        <f t="array" ref="F6528">IFERROR(INDEX(Jesper!AJ$2:AJ$366,ROUNDDOWN($C6528/24,0)+1,1)*INDEX($D$3:$AA$30,INDEX(Jesper!$R$2:$R$366,ROW(INDEX(Jesper!AJ$2:AJ$366,ROUNDDOWN($C6528/24,0)+1,1))-1)+IF('Standard Profiles'!$G$20=$B$10,7,0)+IF('Standard Profiles'!$G$20=$B$17,14,0)+IF('Standard Profiles'!$G$20=$B$24,21,0),MOD($C6528,24)+1)/SUM(INDEX($D$3:$AA$30,INDEX(Jesper!$R$2:$R$366,ROW(INDEX(Jesper!AJ$2:AJ$366,ROUNDDOWN($C6528/24,0)+1,1))-1)+IF('Standard Profiles'!$G$20=$B$10,7,0)+IF('Standard Profiles'!$G$20=$B$17,14,0)+IF('Standard Profiles'!$G$20=$B$24,21,0),0)),0)</f>
        <v>0</v>
      </c>
      <c r="G6528" cm="1">
        <f t="array" ref="G6528">IFERROR(INDEX(Jesper!AK$2:AK$366,ROUNDDOWN($C6528/24,0)+1,1)*INDEX($D$3:$AA$30,INDEX(Jesper!$R$2:$R$366,ROW(INDEX(Jesper!AK$2:AK$366,ROUNDDOWN($C6528/24,0)+1,1))-1)+IF('Standard Profiles'!$G$21=$B$10,7,0)+IF('Standard Profiles'!$G$21=$B$17,14,0)+IF('Standard Profiles'!$G$21=$B$24,21,0),MOD($C6528,24)+1)/SUM(INDEX($D$3:$AA$30,INDEX(Jesper!$R$2:$R$366,ROW(INDEX(Jesper!AK$2:AK$366,ROUNDDOWN($C6528/24,0)+1,1))-1)+IF('Standard Profiles'!$G$21=$B$10,7,0)+IF('Standard Profiles'!$G$21=$B$17,14,0)+IF('Standard Profiles'!$G$21=$B$24,21,0),0)),0)</f>
        <v>0</v>
      </c>
      <c r="H6528" cm="1">
        <f t="array" ref="H6528">IFERROR(INDEX(Jesper!AL$2:AL$366,ROUNDDOWN($C6528/24,0)+1,1)*INDEX($D$3:$AA$30,INDEX(Jesper!$R$2:$R$366,ROW(INDEX(Jesper!AL$2:AL$366,ROUNDDOWN($C6528/24,0)+1,1))-1)+IF('Standard Profiles'!$G$22=$B$10,7,0)+IF('Standard Profiles'!$G$22=$B$17,14,0)+IF('Standard Profiles'!$G$22=$B$24,21,0),MOD($C6528,24)+1)/SUM(INDEX($D$3:$AA$30,INDEX(Jesper!$R$2:$R$366,ROW(INDEX(Jesper!AL$2:AL$366,ROUNDDOWN($C6528/24,0)+1,1))-1)+IF('Standard Profiles'!$G$22=$B$10,7,0)+IF('Standard Profiles'!$G$22=$B$17,14,0)+IF('Standard Profiles'!$G$22=$B$24,21,0),0)),0)</f>
        <v>0</v>
      </c>
      <c r="I6528">
        <f t="shared" si="727"/>
        <v>0.46085569313462038</v>
      </c>
      <c r="J6528">
        <f t="shared" si="728"/>
        <v>1.5361856437820682</v>
      </c>
      <c r="K6528">
        <f t="shared" si="729"/>
        <v>2.3042784656731019</v>
      </c>
      <c r="L6528">
        <f t="shared" si="730"/>
        <v>11.060536635230889</v>
      </c>
      <c r="M6528">
        <f t="shared" si="731"/>
        <v>0</v>
      </c>
      <c r="N6528" s="46">
        <f t="shared" si="732"/>
        <v>45562.583333317583</v>
      </c>
    </row>
    <row r="6529" spans="2:14" x14ac:dyDescent="0.3">
      <c r="B6529">
        <f t="shared" si="726"/>
        <v>5</v>
      </c>
      <c r="C6529" s="16">
        <v>6495</v>
      </c>
      <c r="D6529" cm="1">
        <f t="array" ref="D6529">IFERROR(INDEX(Jesper!AH$2:AH$366,ROUNDDOWN($C6529/24,0)+1,1)*INDEX($D$3:$AA$30,INDEX(Jesper!$R$2:$R$366,ROW(INDEX(Jesper!AH$2:AH$366,ROUNDDOWN($C6529/24,0)+1,1))-1)+IF('Standard Profiles'!$G$18=$B$10,7,0)+IF('Standard Profiles'!$G$18=$B$17,14,0)+IF('Standard Profiles'!$G$18=$B$24,21,0),MOD($C6529,24)+1)/SUM(INDEX($D$3:$AA$30,INDEX(Jesper!$R$2:$R$366,ROW(INDEX(Jesper!AH$2:AH$366,ROUNDDOWN($C6529/24,0)+1,1))-1)+IF('Standard Profiles'!$G$18=$B$10,7,0)+IF('Standard Profiles'!$G$18=$B$17,14,0)+IF('Standard Profiles'!$G$18=$B$24,21,0),0)),0)</f>
        <v>12.801547031517234</v>
      </c>
      <c r="E6529" cm="1">
        <f t="array" ref="E6529">IFERROR(INDEX(Jesper!AI$2:AI$366,ROUNDDOWN($C6529/24,0)+1,1)*INDEX($D$3:$AA$30,INDEX(Jesper!$R$2:$R$366,ROW(INDEX(Jesper!AI$2:AI$366,ROUNDDOWN($C6529/24,0)+1,1))-1)+IF('Standard Profiles'!$G$19=$B$10,7,0)+IF('Standard Profiles'!$G$19=$B$17,14,0)+IF('Standard Profiles'!$G$19=$B$24,21,0),MOD($C6529,24)+1)/SUM(INDEX($D$3:$AA$30,INDEX(Jesper!$R$2:$R$366,ROW(INDEX(Jesper!AI$2:AI$366,ROUNDDOWN($C6529/24,0)+1,1))-1)+IF('Standard Profiles'!$G$19=$B$10,7,0)+IF('Standard Profiles'!$G$19=$B$17,14,0)+IF('Standard Profiles'!$G$19=$B$24,21,0),0)),0)</f>
        <v>0</v>
      </c>
      <c r="F6529" cm="1">
        <f t="array" ref="F6529">IFERROR(INDEX(Jesper!AJ$2:AJ$366,ROUNDDOWN($C6529/24,0)+1,1)*INDEX($D$3:$AA$30,INDEX(Jesper!$R$2:$R$366,ROW(INDEX(Jesper!AJ$2:AJ$366,ROUNDDOWN($C6529/24,0)+1,1))-1)+IF('Standard Profiles'!$G$20=$B$10,7,0)+IF('Standard Profiles'!$G$20=$B$17,14,0)+IF('Standard Profiles'!$G$20=$B$24,21,0),MOD($C6529,24)+1)/SUM(INDEX($D$3:$AA$30,INDEX(Jesper!$R$2:$R$366,ROW(INDEX(Jesper!AJ$2:AJ$366,ROUNDDOWN($C6529/24,0)+1,1))-1)+IF('Standard Profiles'!$G$20=$B$10,7,0)+IF('Standard Profiles'!$G$20=$B$17,14,0)+IF('Standard Profiles'!$G$20=$B$24,21,0),0)),0)</f>
        <v>0</v>
      </c>
      <c r="G6529" cm="1">
        <f t="array" ref="G6529">IFERROR(INDEX(Jesper!AK$2:AK$366,ROUNDDOWN($C6529/24,0)+1,1)*INDEX($D$3:$AA$30,INDEX(Jesper!$R$2:$R$366,ROW(INDEX(Jesper!AK$2:AK$366,ROUNDDOWN($C6529/24,0)+1,1))-1)+IF('Standard Profiles'!$G$21=$B$10,7,0)+IF('Standard Profiles'!$G$21=$B$17,14,0)+IF('Standard Profiles'!$G$21=$B$24,21,0),MOD($C6529,24)+1)/SUM(INDEX($D$3:$AA$30,INDEX(Jesper!$R$2:$R$366,ROW(INDEX(Jesper!AK$2:AK$366,ROUNDDOWN($C6529/24,0)+1,1))-1)+IF('Standard Profiles'!$G$21=$B$10,7,0)+IF('Standard Profiles'!$G$21=$B$17,14,0)+IF('Standard Profiles'!$G$21=$B$24,21,0),0)),0)</f>
        <v>0</v>
      </c>
      <c r="H6529" cm="1">
        <f t="array" ref="H6529">IFERROR(INDEX(Jesper!AL$2:AL$366,ROUNDDOWN($C6529/24,0)+1,1)*INDEX($D$3:$AA$30,INDEX(Jesper!$R$2:$R$366,ROW(INDEX(Jesper!AL$2:AL$366,ROUNDDOWN($C6529/24,0)+1,1))-1)+IF('Standard Profiles'!$G$22=$B$10,7,0)+IF('Standard Profiles'!$G$22=$B$17,14,0)+IF('Standard Profiles'!$G$22=$B$24,21,0),MOD($C6529,24)+1)/SUM(INDEX($D$3:$AA$30,INDEX(Jesper!$R$2:$R$366,ROW(INDEX(Jesper!AL$2:AL$366,ROUNDDOWN($C6529/24,0)+1,1))-1)+IF('Standard Profiles'!$G$22=$B$10,7,0)+IF('Standard Profiles'!$G$22=$B$17,14,0)+IF('Standard Profiles'!$G$22=$B$24,21,0),0)),0)</f>
        <v>0</v>
      </c>
      <c r="I6529">
        <f t="shared" si="727"/>
        <v>0.384046410945517</v>
      </c>
      <c r="J6529">
        <f t="shared" si="728"/>
        <v>1.2801547031517235</v>
      </c>
      <c r="K6529">
        <f t="shared" si="729"/>
        <v>1.9202320547275851</v>
      </c>
      <c r="L6529">
        <f t="shared" si="730"/>
        <v>9.2171138626924076</v>
      </c>
      <c r="M6529">
        <f t="shared" si="731"/>
        <v>0</v>
      </c>
      <c r="N6529" s="46">
        <f t="shared" si="732"/>
        <v>45562.624999984248</v>
      </c>
    </row>
    <row r="6530" spans="2:14" x14ac:dyDescent="0.3">
      <c r="B6530">
        <f t="shared" si="726"/>
        <v>5</v>
      </c>
      <c r="C6530" s="16">
        <v>6496</v>
      </c>
      <c r="D6530" cm="1">
        <f t="array" ref="D6530">IFERROR(INDEX(Jesper!AH$2:AH$366,ROUNDDOWN($C6530/24,0)+1,1)*INDEX($D$3:$AA$30,INDEX(Jesper!$R$2:$R$366,ROW(INDEX(Jesper!AH$2:AH$366,ROUNDDOWN($C6530/24,0)+1,1))-1)+IF('Standard Profiles'!$G$18=$B$10,7,0)+IF('Standard Profiles'!$G$18=$B$17,14,0)+IF('Standard Profiles'!$G$18=$B$24,21,0),MOD($C6530,24)+1)/SUM(INDEX($D$3:$AA$30,INDEX(Jesper!$R$2:$R$366,ROW(INDEX(Jesper!AH$2:AH$366,ROUNDDOWN($C6530/24,0)+1,1))-1)+IF('Standard Profiles'!$G$18=$B$10,7,0)+IF('Standard Profiles'!$G$18=$B$17,14,0)+IF('Standard Profiles'!$G$18=$B$24,21,0),0)),0)</f>
        <v>12.118797856502983</v>
      </c>
      <c r="E6530" cm="1">
        <f t="array" ref="E6530">IFERROR(INDEX(Jesper!AI$2:AI$366,ROUNDDOWN($C6530/24,0)+1,1)*INDEX($D$3:$AA$30,INDEX(Jesper!$R$2:$R$366,ROW(INDEX(Jesper!AI$2:AI$366,ROUNDDOWN($C6530/24,0)+1,1))-1)+IF('Standard Profiles'!$G$19=$B$10,7,0)+IF('Standard Profiles'!$G$19=$B$17,14,0)+IF('Standard Profiles'!$G$19=$B$24,21,0),MOD($C6530,24)+1)/SUM(INDEX($D$3:$AA$30,INDEX(Jesper!$R$2:$R$366,ROW(INDEX(Jesper!AI$2:AI$366,ROUNDDOWN($C6530/24,0)+1,1))-1)+IF('Standard Profiles'!$G$19=$B$10,7,0)+IF('Standard Profiles'!$G$19=$B$17,14,0)+IF('Standard Profiles'!$G$19=$B$24,21,0),0)),0)</f>
        <v>0</v>
      </c>
      <c r="F6530" cm="1">
        <f t="array" ref="F6530">IFERROR(INDEX(Jesper!AJ$2:AJ$366,ROUNDDOWN($C6530/24,0)+1,1)*INDEX($D$3:$AA$30,INDEX(Jesper!$R$2:$R$366,ROW(INDEX(Jesper!AJ$2:AJ$366,ROUNDDOWN($C6530/24,0)+1,1))-1)+IF('Standard Profiles'!$G$20=$B$10,7,0)+IF('Standard Profiles'!$G$20=$B$17,14,0)+IF('Standard Profiles'!$G$20=$B$24,21,0),MOD($C6530,24)+1)/SUM(INDEX($D$3:$AA$30,INDEX(Jesper!$R$2:$R$366,ROW(INDEX(Jesper!AJ$2:AJ$366,ROUNDDOWN($C6530/24,0)+1,1))-1)+IF('Standard Profiles'!$G$20=$B$10,7,0)+IF('Standard Profiles'!$G$20=$B$17,14,0)+IF('Standard Profiles'!$G$20=$B$24,21,0),0)),0)</f>
        <v>0</v>
      </c>
      <c r="G6530" cm="1">
        <f t="array" ref="G6530">IFERROR(INDEX(Jesper!AK$2:AK$366,ROUNDDOWN($C6530/24,0)+1,1)*INDEX($D$3:$AA$30,INDEX(Jesper!$R$2:$R$366,ROW(INDEX(Jesper!AK$2:AK$366,ROUNDDOWN($C6530/24,0)+1,1))-1)+IF('Standard Profiles'!$G$21=$B$10,7,0)+IF('Standard Profiles'!$G$21=$B$17,14,0)+IF('Standard Profiles'!$G$21=$B$24,21,0),MOD($C6530,24)+1)/SUM(INDEX($D$3:$AA$30,INDEX(Jesper!$R$2:$R$366,ROW(INDEX(Jesper!AK$2:AK$366,ROUNDDOWN($C6530/24,0)+1,1))-1)+IF('Standard Profiles'!$G$21=$B$10,7,0)+IF('Standard Profiles'!$G$21=$B$17,14,0)+IF('Standard Profiles'!$G$21=$B$24,21,0),0)),0)</f>
        <v>0</v>
      </c>
      <c r="H6530" cm="1">
        <f t="array" ref="H6530">IFERROR(INDEX(Jesper!AL$2:AL$366,ROUNDDOWN($C6530/24,0)+1,1)*INDEX($D$3:$AA$30,INDEX(Jesper!$R$2:$R$366,ROW(INDEX(Jesper!AL$2:AL$366,ROUNDDOWN($C6530/24,0)+1,1))-1)+IF('Standard Profiles'!$G$22=$B$10,7,0)+IF('Standard Profiles'!$G$22=$B$17,14,0)+IF('Standard Profiles'!$G$22=$B$24,21,0),MOD($C6530,24)+1)/SUM(INDEX($D$3:$AA$30,INDEX(Jesper!$R$2:$R$366,ROW(INDEX(Jesper!AL$2:AL$366,ROUNDDOWN($C6530/24,0)+1,1))-1)+IF('Standard Profiles'!$G$22=$B$10,7,0)+IF('Standard Profiles'!$G$22=$B$17,14,0)+IF('Standard Profiles'!$G$22=$B$24,21,0),0)),0)</f>
        <v>0</v>
      </c>
      <c r="I6530">
        <f t="shared" si="727"/>
        <v>0.36356393569508949</v>
      </c>
      <c r="J6530">
        <f t="shared" si="728"/>
        <v>1.2118797856502983</v>
      </c>
      <c r="K6530">
        <f t="shared" si="729"/>
        <v>1.8178196784754475</v>
      </c>
      <c r="L6530">
        <f t="shared" si="730"/>
        <v>8.7255344566821478</v>
      </c>
      <c r="M6530">
        <f t="shared" si="731"/>
        <v>0</v>
      </c>
      <c r="N6530" s="46">
        <f t="shared" si="732"/>
        <v>45562.666666650912</v>
      </c>
    </row>
    <row r="6531" spans="2:14" x14ac:dyDescent="0.3">
      <c r="B6531">
        <f t="shared" si="726"/>
        <v>5</v>
      </c>
      <c r="C6531" s="16">
        <v>6497</v>
      </c>
      <c r="D6531" cm="1">
        <f t="array" ref="D6531">IFERROR(INDEX(Jesper!AH$2:AH$366,ROUNDDOWN($C6531/24,0)+1,1)*INDEX($D$3:$AA$30,INDEX(Jesper!$R$2:$R$366,ROW(INDEX(Jesper!AH$2:AH$366,ROUNDDOWN($C6531/24,0)+1,1))-1)+IF('Standard Profiles'!$G$18=$B$10,7,0)+IF('Standard Profiles'!$G$18=$B$17,14,0)+IF('Standard Profiles'!$G$18=$B$24,21,0),MOD($C6531,24)+1)/SUM(INDEX($D$3:$AA$30,INDEX(Jesper!$R$2:$R$366,ROW(INDEX(Jesper!AH$2:AH$366,ROUNDDOWN($C6531/24,0)+1,1))-1)+IF('Standard Profiles'!$G$18=$B$10,7,0)+IF('Standard Profiles'!$G$18=$B$17,14,0)+IF('Standard Profiles'!$G$18=$B$24,21,0),0)),0)</f>
        <v>12.118797856502983</v>
      </c>
      <c r="E6531" cm="1">
        <f t="array" ref="E6531">IFERROR(INDEX(Jesper!AI$2:AI$366,ROUNDDOWN($C6531/24,0)+1,1)*INDEX($D$3:$AA$30,INDEX(Jesper!$R$2:$R$366,ROW(INDEX(Jesper!AI$2:AI$366,ROUNDDOWN($C6531/24,0)+1,1))-1)+IF('Standard Profiles'!$G$19=$B$10,7,0)+IF('Standard Profiles'!$G$19=$B$17,14,0)+IF('Standard Profiles'!$G$19=$B$24,21,0),MOD($C6531,24)+1)/SUM(INDEX($D$3:$AA$30,INDEX(Jesper!$R$2:$R$366,ROW(INDEX(Jesper!AI$2:AI$366,ROUNDDOWN($C6531/24,0)+1,1))-1)+IF('Standard Profiles'!$G$19=$B$10,7,0)+IF('Standard Profiles'!$G$19=$B$17,14,0)+IF('Standard Profiles'!$G$19=$B$24,21,0),0)),0)</f>
        <v>0</v>
      </c>
      <c r="F6531" cm="1">
        <f t="array" ref="F6531">IFERROR(INDEX(Jesper!AJ$2:AJ$366,ROUNDDOWN($C6531/24,0)+1,1)*INDEX($D$3:$AA$30,INDEX(Jesper!$R$2:$R$366,ROW(INDEX(Jesper!AJ$2:AJ$366,ROUNDDOWN($C6531/24,0)+1,1))-1)+IF('Standard Profiles'!$G$20=$B$10,7,0)+IF('Standard Profiles'!$G$20=$B$17,14,0)+IF('Standard Profiles'!$G$20=$B$24,21,0),MOD($C6531,24)+1)/SUM(INDEX($D$3:$AA$30,INDEX(Jesper!$R$2:$R$366,ROW(INDEX(Jesper!AJ$2:AJ$366,ROUNDDOWN($C6531/24,0)+1,1))-1)+IF('Standard Profiles'!$G$20=$B$10,7,0)+IF('Standard Profiles'!$G$20=$B$17,14,0)+IF('Standard Profiles'!$G$20=$B$24,21,0),0)),0)</f>
        <v>0</v>
      </c>
      <c r="G6531" cm="1">
        <f t="array" ref="G6531">IFERROR(INDEX(Jesper!AK$2:AK$366,ROUNDDOWN($C6531/24,0)+1,1)*INDEX($D$3:$AA$30,INDEX(Jesper!$R$2:$R$366,ROW(INDEX(Jesper!AK$2:AK$366,ROUNDDOWN($C6531/24,0)+1,1))-1)+IF('Standard Profiles'!$G$21=$B$10,7,0)+IF('Standard Profiles'!$G$21=$B$17,14,0)+IF('Standard Profiles'!$G$21=$B$24,21,0),MOD($C6531,24)+1)/SUM(INDEX($D$3:$AA$30,INDEX(Jesper!$R$2:$R$366,ROW(INDEX(Jesper!AK$2:AK$366,ROUNDDOWN($C6531/24,0)+1,1))-1)+IF('Standard Profiles'!$G$21=$B$10,7,0)+IF('Standard Profiles'!$G$21=$B$17,14,0)+IF('Standard Profiles'!$G$21=$B$24,21,0),0)),0)</f>
        <v>0</v>
      </c>
      <c r="H6531" cm="1">
        <f t="array" ref="H6531">IFERROR(INDEX(Jesper!AL$2:AL$366,ROUNDDOWN($C6531/24,0)+1,1)*INDEX($D$3:$AA$30,INDEX(Jesper!$R$2:$R$366,ROW(INDEX(Jesper!AL$2:AL$366,ROUNDDOWN($C6531/24,0)+1,1))-1)+IF('Standard Profiles'!$G$22=$B$10,7,0)+IF('Standard Profiles'!$G$22=$B$17,14,0)+IF('Standard Profiles'!$G$22=$B$24,21,0),MOD($C6531,24)+1)/SUM(INDEX($D$3:$AA$30,INDEX(Jesper!$R$2:$R$366,ROW(INDEX(Jesper!AL$2:AL$366,ROUNDDOWN($C6531/24,0)+1,1))-1)+IF('Standard Profiles'!$G$22=$B$10,7,0)+IF('Standard Profiles'!$G$22=$B$17,14,0)+IF('Standard Profiles'!$G$22=$B$24,21,0),0)),0)</f>
        <v>0</v>
      </c>
      <c r="I6531">
        <f t="shared" si="727"/>
        <v>0.36356393569508949</v>
      </c>
      <c r="J6531">
        <f t="shared" si="728"/>
        <v>1.2118797856502983</v>
      </c>
      <c r="K6531">
        <f t="shared" si="729"/>
        <v>1.8178196784754475</v>
      </c>
      <c r="L6531">
        <f t="shared" si="730"/>
        <v>8.7255344566821478</v>
      </c>
      <c r="M6531">
        <f t="shared" si="731"/>
        <v>0</v>
      </c>
      <c r="N6531" s="46">
        <f t="shared" si="732"/>
        <v>45562.708333317576</v>
      </c>
    </row>
    <row r="6532" spans="2:14" x14ac:dyDescent="0.3">
      <c r="B6532">
        <f t="shared" si="726"/>
        <v>5</v>
      </c>
      <c r="C6532" s="16">
        <v>6498</v>
      </c>
      <c r="D6532" cm="1">
        <f t="array" ref="D6532">IFERROR(INDEX(Jesper!AH$2:AH$366,ROUNDDOWN($C6532/24,0)+1,1)*INDEX($D$3:$AA$30,INDEX(Jesper!$R$2:$R$366,ROW(INDEX(Jesper!AH$2:AH$366,ROUNDDOWN($C6532/24,0)+1,1))-1)+IF('Standard Profiles'!$G$18=$B$10,7,0)+IF('Standard Profiles'!$G$18=$B$17,14,0)+IF('Standard Profiles'!$G$18=$B$24,21,0),MOD($C6532,24)+1)/SUM(INDEX($D$3:$AA$30,INDEX(Jesper!$R$2:$R$366,ROW(INDEX(Jesper!AH$2:AH$366,ROUNDDOWN($C6532/24,0)+1,1))-1)+IF('Standard Profiles'!$G$18=$B$10,7,0)+IF('Standard Profiles'!$G$18=$B$17,14,0)+IF('Standard Profiles'!$G$18=$B$24,21,0),0)),0)</f>
        <v>12.118797856502983</v>
      </c>
      <c r="E6532" cm="1">
        <f t="array" ref="E6532">IFERROR(INDEX(Jesper!AI$2:AI$366,ROUNDDOWN($C6532/24,0)+1,1)*INDEX($D$3:$AA$30,INDEX(Jesper!$R$2:$R$366,ROW(INDEX(Jesper!AI$2:AI$366,ROUNDDOWN($C6532/24,0)+1,1))-1)+IF('Standard Profiles'!$G$19=$B$10,7,0)+IF('Standard Profiles'!$G$19=$B$17,14,0)+IF('Standard Profiles'!$G$19=$B$24,21,0),MOD($C6532,24)+1)/SUM(INDEX($D$3:$AA$30,INDEX(Jesper!$R$2:$R$366,ROW(INDEX(Jesper!AI$2:AI$366,ROUNDDOWN($C6532/24,0)+1,1))-1)+IF('Standard Profiles'!$G$19=$B$10,7,0)+IF('Standard Profiles'!$G$19=$B$17,14,0)+IF('Standard Profiles'!$G$19=$B$24,21,0),0)),0)</f>
        <v>0</v>
      </c>
      <c r="F6532" cm="1">
        <f t="array" ref="F6532">IFERROR(INDEX(Jesper!AJ$2:AJ$366,ROUNDDOWN($C6532/24,0)+1,1)*INDEX($D$3:$AA$30,INDEX(Jesper!$R$2:$R$366,ROW(INDEX(Jesper!AJ$2:AJ$366,ROUNDDOWN($C6532/24,0)+1,1))-1)+IF('Standard Profiles'!$G$20=$B$10,7,0)+IF('Standard Profiles'!$G$20=$B$17,14,0)+IF('Standard Profiles'!$G$20=$B$24,21,0),MOD($C6532,24)+1)/SUM(INDEX($D$3:$AA$30,INDEX(Jesper!$R$2:$R$366,ROW(INDEX(Jesper!AJ$2:AJ$366,ROUNDDOWN($C6532/24,0)+1,1))-1)+IF('Standard Profiles'!$G$20=$B$10,7,0)+IF('Standard Profiles'!$G$20=$B$17,14,0)+IF('Standard Profiles'!$G$20=$B$24,21,0),0)),0)</f>
        <v>0</v>
      </c>
      <c r="G6532" cm="1">
        <f t="array" ref="G6532">IFERROR(INDEX(Jesper!AK$2:AK$366,ROUNDDOWN($C6532/24,0)+1,1)*INDEX($D$3:$AA$30,INDEX(Jesper!$R$2:$R$366,ROW(INDEX(Jesper!AK$2:AK$366,ROUNDDOWN($C6532/24,0)+1,1))-1)+IF('Standard Profiles'!$G$21=$B$10,7,0)+IF('Standard Profiles'!$G$21=$B$17,14,0)+IF('Standard Profiles'!$G$21=$B$24,21,0),MOD($C6532,24)+1)/SUM(INDEX($D$3:$AA$30,INDEX(Jesper!$R$2:$R$366,ROW(INDEX(Jesper!AK$2:AK$366,ROUNDDOWN($C6532/24,0)+1,1))-1)+IF('Standard Profiles'!$G$21=$B$10,7,0)+IF('Standard Profiles'!$G$21=$B$17,14,0)+IF('Standard Profiles'!$G$21=$B$24,21,0),0)),0)</f>
        <v>0</v>
      </c>
      <c r="H6532" cm="1">
        <f t="array" ref="H6532">IFERROR(INDEX(Jesper!AL$2:AL$366,ROUNDDOWN($C6532/24,0)+1,1)*INDEX($D$3:$AA$30,INDEX(Jesper!$R$2:$R$366,ROW(INDEX(Jesper!AL$2:AL$366,ROUNDDOWN($C6532/24,0)+1,1))-1)+IF('Standard Profiles'!$G$22=$B$10,7,0)+IF('Standard Profiles'!$G$22=$B$17,14,0)+IF('Standard Profiles'!$G$22=$B$24,21,0),MOD($C6532,24)+1)/SUM(INDEX($D$3:$AA$30,INDEX(Jesper!$R$2:$R$366,ROW(INDEX(Jesper!AL$2:AL$366,ROUNDDOWN($C6532/24,0)+1,1))-1)+IF('Standard Profiles'!$G$22=$B$10,7,0)+IF('Standard Profiles'!$G$22=$B$17,14,0)+IF('Standard Profiles'!$G$22=$B$24,21,0),0)),0)</f>
        <v>0</v>
      </c>
      <c r="I6532">
        <f t="shared" si="727"/>
        <v>0.36356393569508949</v>
      </c>
      <c r="J6532">
        <f t="shared" si="728"/>
        <v>1.2118797856502983</v>
      </c>
      <c r="K6532">
        <f t="shared" si="729"/>
        <v>1.8178196784754475</v>
      </c>
      <c r="L6532">
        <f t="shared" si="730"/>
        <v>8.7255344566821478</v>
      </c>
      <c r="M6532">
        <f t="shared" si="731"/>
        <v>0</v>
      </c>
      <c r="N6532" s="46">
        <f t="shared" si="732"/>
        <v>45562.74999998424</v>
      </c>
    </row>
    <row r="6533" spans="2:14" x14ac:dyDescent="0.3">
      <c r="B6533">
        <f t="shared" si="726"/>
        <v>5</v>
      </c>
      <c r="C6533" s="16">
        <v>6499</v>
      </c>
      <c r="D6533" cm="1">
        <f t="array" ref="D6533">IFERROR(INDEX(Jesper!AH$2:AH$366,ROUNDDOWN($C6533/24,0)+1,1)*INDEX($D$3:$AA$30,INDEX(Jesper!$R$2:$R$366,ROW(INDEX(Jesper!AH$2:AH$366,ROUNDDOWN($C6533/24,0)+1,1))-1)+IF('Standard Profiles'!$G$18=$B$10,7,0)+IF('Standard Profiles'!$G$18=$B$17,14,0)+IF('Standard Profiles'!$G$18=$B$24,21,0),MOD($C6533,24)+1)/SUM(INDEX($D$3:$AA$30,INDEX(Jesper!$R$2:$R$366,ROW(INDEX(Jesper!AH$2:AH$366,ROUNDDOWN($C6533/24,0)+1,1))-1)+IF('Standard Profiles'!$G$18=$B$10,7,0)+IF('Standard Profiles'!$G$18=$B$17,14,0)+IF('Standard Profiles'!$G$18=$B$24,21,0),0)),0)</f>
        <v>12.118797856502983</v>
      </c>
      <c r="E6533" cm="1">
        <f t="array" ref="E6533">IFERROR(INDEX(Jesper!AI$2:AI$366,ROUNDDOWN($C6533/24,0)+1,1)*INDEX($D$3:$AA$30,INDEX(Jesper!$R$2:$R$366,ROW(INDEX(Jesper!AI$2:AI$366,ROUNDDOWN($C6533/24,0)+1,1))-1)+IF('Standard Profiles'!$G$19=$B$10,7,0)+IF('Standard Profiles'!$G$19=$B$17,14,0)+IF('Standard Profiles'!$G$19=$B$24,21,0),MOD($C6533,24)+1)/SUM(INDEX($D$3:$AA$30,INDEX(Jesper!$R$2:$R$366,ROW(INDEX(Jesper!AI$2:AI$366,ROUNDDOWN($C6533/24,0)+1,1))-1)+IF('Standard Profiles'!$G$19=$B$10,7,0)+IF('Standard Profiles'!$G$19=$B$17,14,0)+IF('Standard Profiles'!$G$19=$B$24,21,0),0)),0)</f>
        <v>0</v>
      </c>
      <c r="F6533" cm="1">
        <f t="array" ref="F6533">IFERROR(INDEX(Jesper!AJ$2:AJ$366,ROUNDDOWN($C6533/24,0)+1,1)*INDEX($D$3:$AA$30,INDEX(Jesper!$R$2:$R$366,ROW(INDEX(Jesper!AJ$2:AJ$366,ROUNDDOWN($C6533/24,0)+1,1))-1)+IF('Standard Profiles'!$G$20=$B$10,7,0)+IF('Standard Profiles'!$G$20=$B$17,14,0)+IF('Standard Profiles'!$G$20=$B$24,21,0),MOD($C6533,24)+1)/SUM(INDEX($D$3:$AA$30,INDEX(Jesper!$R$2:$R$366,ROW(INDEX(Jesper!AJ$2:AJ$366,ROUNDDOWN($C6533/24,0)+1,1))-1)+IF('Standard Profiles'!$G$20=$B$10,7,0)+IF('Standard Profiles'!$G$20=$B$17,14,0)+IF('Standard Profiles'!$G$20=$B$24,21,0),0)),0)</f>
        <v>0</v>
      </c>
      <c r="G6533" cm="1">
        <f t="array" ref="G6533">IFERROR(INDEX(Jesper!AK$2:AK$366,ROUNDDOWN($C6533/24,0)+1,1)*INDEX($D$3:$AA$30,INDEX(Jesper!$R$2:$R$366,ROW(INDEX(Jesper!AK$2:AK$366,ROUNDDOWN($C6533/24,0)+1,1))-1)+IF('Standard Profiles'!$G$21=$B$10,7,0)+IF('Standard Profiles'!$G$21=$B$17,14,0)+IF('Standard Profiles'!$G$21=$B$24,21,0),MOD($C6533,24)+1)/SUM(INDEX($D$3:$AA$30,INDEX(Jesper!$R$2:$R$366,ROW(INDEX(Jesper!AK$2:AK$366,ROUNDDOWN($C6533/24,0)+1,1))-1)+IF('Standard Profiles'!$G$21=$B$10,7,0)+IF('Standard Profiles'!$G$21=$B$17,14,0)+IF('Standard Profiles'!$G$21=$B$24,21,0),0)),0)</f>
        <v>0</v>
      </c>
      <c r="H6533" cm="1">
        <f t="array" ref="H6533">IFERROR(INDEX(Jesper!AL$2:AL$366,ROUNDDOWN($C6533/24,0)+1,1)*INDEX($D$3:$AA$30,INDEX(Jesper!$R$2:$R$366,ROW(INDEX(Jesper!AL$2:AL$366,ROUNDDOWN($C6533/24,0)+1,1))-1)+IF('Standard Profiles'!$G$22=$B$10,7,0)+IF('Standard Profiles'!$G$22=$B$17,14,0)+IF('Standard Profiles'!$G$22=$B$24,21,0),MOD($C6533,24)+1)/SUM(INDEX($D$3:$AA$30,INDEX(Jesper!$R$2:$R$366,ROW(INDEX(Jesper!AL$2:AL$366,ROUNDDOWN($C6533/24,0)+1,1))-1)+IF('Standard Profiles'!$G$22=$B$10,7,0)+IF('Standard Profiles'!$G$22=$B$17,14,0)+IF('Standard Profiles'!$G$22=$B$24,21,0),0)),0)</f>
        <v>0</v>
      </c>
      <c r="I6533">
        <f t="shared" si="727"/>
        <v>0.36356393569508949</v>
      </c>
      <c r="J6533">
        <f t="shared" si="728"/>
        <v>1.2118797856502983</v>
      </c>
      <c r="K6533">
        <f t="shared" si="729"/>
        <v>1.8178196784754475</v>
      </c>
      <c r="L6533">
        <f t="shared" si="730"/>
        <v>8.7255344566821478</v>
      </c>
      <c r="M6533">
        <f t="shared" si="731"/>
        <v>0</v>
      </c>
      <c r="N6533" s="46">
        <f t="shared" si="732"/>
        <v>45562.791666650905</v>
      </c>
    </row>
    <row r="6534" spans="2:14" x14ac:dyDescent="0.3">
      <c r="B6534">
        <f t="shared" si="726"/>
        <v>5</v>
      </c>
      <c r="C6534" s="16">
        <v>6500</v>
      </c>
      <c r="D6534" cm="1">
        <f t="array" ref="D6534">IFERROR(INDEX(Jesper!AH$2:AH$366,ROUNDDOWN($C6534/24,0)+1,1)*INDEX($D$3:$AA$30,INDEX(Jesper!$R$2:$R$366,ROW(INDEX(Jesper!AH$2:AH$366,ROUNDDOWN($C6534/24,0)+1,1))-1)+IF('Standard Profiles'!$G$18=$B$10,7,0)+IF('Standard Profiles'!$G$18=$B$17,14,0)+IF('Standard Profiles'!$G$18=$B$24,21,0),MOD($C6534,24)+1)/SUM(INDEX($D$3:$AA$30,INDEX(Jesper!$R$2:$R$366,ROW(INDEX(Jesper!AH$2:AH$366,ROUNDDOWN($C6534/24,0)+1,1))-1)+IF('Standard Profiles'!$G$18=$B$10,7,0)+IF('Standard Profiles'!$G$18=$B$17,14,0)+IF('Standard Profiles'!$G$18=$B$24,21,0),0)),0)</f>
        <v>9.3878011564459722</v>
      </c>
      <c r="E6534" cm="1">
        <f t="array" ref="E6534">IFERROR(INDEX(Jesper!AI$2:AI$366,ROUNDDOWN($C6534/24,0)+1,1)*INDEX($D$3:$AA$30,INDEX(Jesper!$R$2:$R$366,ROW(INDEX(Jesper!AI$2:AI$366,ROUNDDOWN($C6534/24,0)+1,1))-1)+IF('Standard Profiles'!$G$19=$B$10,7,0)+IF('Standard Profiles'!$G$19=$B$17,14,0)+IF('Standard Profiles'!$G$19=$B$24,21,0),MOD($C6534,24)+1)/SUM(INDEX($D$3:$AA$30,INDEX(Jesper!$R$2:$R$366,ROW(INDEX(Jesper!AI$2:AI$366,ROUNDDOWN($C6534/24,0)+1,1))-1)+IF('Standard Profiles'!$G$19=$B$10,7,0)+IF('Standard Profiles'!$G$19=$B$17,14,0)+IF('Standard Profiles'!$G$19=$B$24,21,0),0)),0)</f>
        <v>0</v>
      </c>
      <c r="F6534" cm="1">
        <f t="array" ref="F6534">IFERROR(INDEX(Jesper!AJ$2:AJ$366,ROUNDDOWN($C6534/24,0)+1,1)*INDEX($D$3:$AA$30,INDEX(Jesper!$R$2:$R$366,ROW(INDEX(Jesper!AJ$2:AJ$366,ROUNDDOWN($C6534/24,0)+1,1))-1)+IF('Standard Profiles'!$G$20=$B$10,7,0)+IF('Standard Profiles'!$G$20=$B$17,14,0)+IF('Standard Profiles'!$G$20=$B$24,21,0),MOD($C6534,24)+1)/SUM(INDEX($D$3:$AA$30,INDEX(Jesper!$R$2:$R$366,ROW(INDEX(Jesper!AJ$2:AJ$366,ROUNDDOWN($C6534/24,0)+1,1))-1)+IF('Standard Profiles'!$G$20=$B$10,7,0)+IF('Standard Profiles'!$G$20=$B$17,14,0)+IF('Standard Profiles'!$G$20=$B$24,21,0),0)),0)</f>
        <v>0</v>
      </c>
      <c r="G6534" cm="1">
        <f t="array" ref="G6534">IFERROR(INDEX(Jesper!AK$2:AK$366,ROUNDDOWN($C6534/24,0)+1,1)*INDEX($D$3:$AA$30,INDEX(Jesper!$R$2:$R$366,ROW(INDEX(Jesper!AK$2:AK$366,ROUNDDOWN($C6534/24,0)+1,1))-1)+IF('Standard Profiles'!$G$21=$B$10,7,0)+IF('Standard Profiles'!$G$21=$B$17,14,0)+IF('Standard Profiles'!$G$21=$B$24,21,0),MOD($C6534,24)+1)/SUM(INDEX($D$3:$AA$30,INDEX(Jesper!$R$2:$R$366,ROW(INDEX(Jesper!AK$2:AK$366,ROUNDDOWN($C6534/24,0)+1,1))-1)+IF('Standard Profiles'!$G$21=$B$10,7,0)+IF('Standard Profiles'!$G$21=$B$17,14,0)+IF('Standard Profiles'!$G$21=$B$24,21,0),0)),0)</f>
        <v>0</v>
      </c>
      <c r="H6534" cm="1">
        <f t="array" ref="H6534">IFERROR(INDEX(Jesper!AL$2:AL$366,ROUNDDOWN($C6534/24,0)+1,1)*INDEX($D$3:$AA$30,INDEX(Jesper!$R$2:$R$366,ROW(INDEX(Jesper!AL$2:AL$366,ROUNDDOWN($C6534/24,0)+1,1))-1)+IF('Standard Profiles'!$G$22=$B$10,7,0)+IF('Standard Profiles'!$G$22=$B$17,14,0)+IF('Standard Profiles'!$G$22=$B$24,21,0),MOD($C6534,24)+1)/SUM(INDEX($D$3:$AA$30,INDEX(Jesper!$R$2:$R$366,ROW(INDEX(Jesper!AL$2:AL$366,ROUNDDOWN($C6534/24,0)+1,1))-1)+IF('Standard Profiles'!$G$22=$B$10,7,0)+IF('Standard Profiles'!$G$22=$B$17,14,0)+IF('Standard Profiles'!$G$22=$B$24,21,0),0)),0)</f>
        <v>0</v>
      </c>
      <c r="I6534">
        <f t="shared" si="727"/>
        <v>0.28163403469337916</v>
      </c>
      <c r="J6534">
        <f t="shared" si="728"/>
        <v>0.93878011564459729</v>
      </c>
      <c r="K6534">
        <f t="shared" si="729"/>
        <v>1.4081701734668959</v>
      </c>
      <c r="L6534">
        <f t="shared" si="730"/>
        <v>6.7592168326410995</v>
      </c>
      <c r="M6534">
        <f t="shared" si="731"/>
        <v>0</v>
      </c>
      <c r="N6534" s="46">
        <f t="shared" si="732"/>
        <v>45562.833333317569</v>
      </c>
    </row>
    <row r="6535" spans="2:14" x14ac:dyDescent="0.3">
      <c r="B6535">
        <f t="shared" si="726"/>
        <v>5</v>
      </c>
      <c r="C6535" s="16">
        <v>6501</v>
      </c>
      <c r="D6535" cm="1">
        <f t="array" ref="D6535">IFERROR(INDEX(Jesper!AH$2:AH$366,ROUNDDOWN($C6535/24,0)+1,1)*INDEX($D$3:$AA$30,INDEX(Jesper!$R$2:$R$366,ROW(INDEX(Jesper!AH$2:AH$366,ROUNDDOWN($C6535/24,0)+1,1))-1)+IF('Standard Profiles'!$G$18=$B$10,7,0)+IF('Standard Profiles'!$G$18=$B$17,14,0)+IF('Standard Profiles'!$G$18=$B$24,21,0),MOD($C6535,24)+1)/SUM(INDEX($D$3:$AA$30,INDEX(Jesper!$R$2:$R$366,ROW(INDEX(Jesper!AH$2:AH$366,ROUNDDOWN($C6535/24,0)+1,1))-1)+IF('Standard Profiles'!$G$18=$B$10,7,0)+IF('Standard Profiles'!$G$18=$B$17,14,0)+IF('Standard Profiles'!$G$18=$B$24,21,0),0)),0)</f>
        <v>3.5844331688248259</v>
      </c>
      <c r="E6535" cm="1">
        <f t="array" ref="E6535">IFERROR(INDEX(Jesper!AI$2:AI$366,ROUNDDOWN($C6535/24,0)+1,1)*INDEX($D$3:$AA$30,INDEX(Jesper!$R$2:$R$366,ROW(INDEX(Jesper!AI$2:AI$366,ROUNDDOWN($C6535/24,0)+1,1))-1)+IF('Standard Profiles'!$G$19=$B$10,7,0)+IF('Standard Profiles'!$G$19=$B$17,14,0)+IF('Standard Profiles'!$G$19=$B$24,21,0),MOD($C6535,24)+1)/SUM(INDEX($D$3:$AA$30,INDEX(Jesper!$R$2:$R$366,ROW(INDEX(Jesper!AI$2:AI$366,ROUNDDOWN($C6535/24,0)+1,1))-1)+IF('Standard Profiles'!$G$19=$B$10,7,0)+IF('Standard Profiles'!$G$19=$B$17,14,0)+IF('Standard Profiles'!$G$19=$B$24,21,0),0)),0)</f>
        <v>0</v>
      </c>
      <c r="F6535" cm="1">
        <f t="array" ref="F6535">IFERROR(INDEX(Jesper!AJ$2:AJ$366,ROUNDDOWN($C6535/24,0)+1,1)*INDEX($D$3:$AA$30,INDEX(Jesper!$R$2:$R$366,ROW(INDEX(Jesper!AJ$2:AJ$366,ROUNDDOWN($C6535/24,0)+1,1))-1)+IF('Standard Profiles'!$G$20=$B$10,7,0)+IF('Standard Profiles'!$G$20=$B$17,14,0)+IF('Standard Profiles'!$G$20=$B$24,21,0),MOD($C6535,24)+1)/SUM(INDEX($D$3:$AA$30,INDEX(Jesper!$R$2:$R$366,ROW(INDEX(Jesper!AJ$2:AJ$366,ROUNDDOWN($C6535/24,0)+1,1))-1)+IF('Standard Profiles'!$G$20=$B$10,7,0)+IF('Standard Profiles'!$G$20=$B$17,14,0)+IF('Standard Profiles'!$G$20=$B$24,21,0),0)),0)</f>
        <v>0</v>
      </c>
      <c r="G6535" cm="1">
        <f t="array" ref="G6535">IFERROR(INDEX(Jesper!AK$2:AK$366,ROUNDDOWN($C6535/24,0)+1,1)*INDEX($D$3:$AA$30,INDEX(Jesper!$R$2:$R$366,ROW(INDEX(Jesper!AK$2:AK$366,ROUNDDOWN($C6535/24,0)+1,1))-1)+IF('Standard Profiles'!$G$21=$B$10,7,0)+IF('Standard Profiles'!$G$21=$B$17,14,0)+IF('Standard Profiles'!$G$21=$B$24,21,0),MOD($C6535,24)+1)/SUM(INDEX($D$3:$AA$30,INDEX(Jesper!$R$2:$R$366,ROW(INDEX(Jesper!AK$2:AK$366,ROUNDDOWN($C6535/24,0)+1,1))-1)+IF('Standard Profiles'!$G$21=$B$10,7,0)+IF('Standard Profiles'!$G$21=$B$17,14,0)+IF('Standard Profiles'!$G$21=$B$24,21,0),0)),0)</f>
        <v>0</v>
      </c>
      <c r="H6535" cm="1">
        <f t="array" ref="H6535">IFERROR(INDEX(Jesper!AL$2:AL$366,ROUNDDOWN($C6535/24,0)+1,1)*INDEX($D$3:$AA$30,INDEX(Jesper!$R$2:$R$366,ROW(INDEX(Jesper!AL$2:AL$366,ROUNDDOWN($C6535/24,0)+1,1))-1)+IF('Standard Profiles'!$G$22=$B$10,7,0)+IF('Standard Profiles'!$G$22=$B$17,14,0)+IF('Standard Profiles'!$G$22=$B$24,21,0),MOD($C6535,24)+1)/SUM(INDEX($D$3:$AA$30,INDEX(Jesper!$R$2:$R$366,ROW(INDEX(Jesper!AL$2:AL$366,ROUNDDOWN($C6535/24,0)+1,1))-1)+IF('Standard Profiles'!$G$22=$B$10,7,0)+IF('Standard Profiles'!$G$22=$B$17,14,0)+IF('Standard Profiles'!$G$22=$B$24,21,0),0)),0)</f>
        <v>0</v>
      </c>
      <c r="I6535">
        <f t="shared" si="727"/>
        <v>0.10753299506474477</v>
      </c>
      <c r="J6535">
        <f t="shared" si="728"/>
        <v>0.3584433168824826</v>
      </c>
      <c r="K6535">
        <f t="shared" si="729"/>
        <v>0.53766497532372381</v>
      </c>
      <c r="L6535">
        <f t="shared" si="730"/>
        <v>2.5807918815538744</v>
      </c>
      <c r="M6535">
        <f t="shared" si="731"/>
        <v>0</v>
      </c>
      <c r="N6535" s="46">
        <f t="shared" si="732"/>
        <v>45562.874999984233</v>
      </c>
    </row>
    <row r="6536" spans="2:14" x14ac:dyDescent="0.3">
      <c r="B6536">
        <f t="shared" si="726"/>
        <v>5</v>
      </c>
      <c r="C6536" s="16">
        <v>6502</v>
      </c>
      <c r="D6536" cm="1">
        <f t="array" ref="D6536">IFERROR(INDEX(Jesper!AH$2:AH$366,ROUNDDOWN($C6536/24,0)+1,1)*INDEX($D$3:$AA$30,INDEX(Jesper!$R$2:$R$366,ROW(INDEX(Jesper!AH$2:AH$366,ROUNDDOWN($C6536/24,0)+1,1))-1)+IF('Standard Profiles'!$G$18=$B$10,7,0)+IF('Standard Profiles'!$G$18=$B$17,14,0)+IF('Standard Profiles'!$G$18=$B$24,21,0),MOD($C6536,24)+1)/SUM(INDEX($D$3:$AA$30,INDEX(Jesper!$R$2:$R$366,ROW(INDEX(Jesper!AH$2:AH$366,ROUNDDOWN($C6536/24,0)+1,1))-1)+IF('Standard Profiles'!$G$18=$B$10,7,0)+IF('Standard Profiles'!$G$18=$B$17,14,0)+IF('Standard Profiles'!$G$18=$B$24,21,0),0)),0)</f>
        <v>3.5844331688248259</v>
      </c>
      <c r="E6536" cm="1">
        <f t="array" ref="E6536">IFERROR(INDEX(Jesper!AI$2:AI$366,ROUNDDOWN($C6536/24,0)+1,1)*INDEX($D$3:$AA$30,INDEX(Jesper!$R$2:$R$366,ROW(INDEX(Jesper!AI$2:AI$366,ROUNDDOWN($C6536/24,0)+1,1))-1)+IF('Standard Profiles'!$G$19=$B$10,7,0)+IF('Standard Profiles'!$G$19=$B$17,14,0)+IF('Standard Profiles'!$G$19=$B$24,21,0),MOD($C6536,24)+1)/SUM(INDEX($D$3:$AA$30,INDEX(Jesper!$R$2:$R$366,ROW(INDEX(Jesper!AI$2:AI$366,ROUNDDOWN($C6536/24,0)+1,1))-1)+IF('Standard Profiles'!$G$19=$B$10,7,0)+IF('Standard Profiles'!$G$19=$B$17,14,0)+IF('Standard Profiles'!$G$19=$B$24,21,0),0)),0)</f>
        <v>0</v>
      </c>
      <c r="F6536" cm="1">
        <f t="array" ref="F6536">IFERROR(INDEX(Jesper!AJ$2:AJ$366,ROUNDDOWN($C6536/24,0)+1,1)*INDEX($D$3:$AA$30,INDEX(Jesper!$R$2:$R$366,ROW(INDEX(Jesper!AJ$2:AJ$366,ROUNDDOWN($C6536/24,0)+1,1))-1)+IF('Standard Profiles'!$G$20=$B$10,7,0)+IF('Standard Profiles'!$G$20=$B$17,14,0)+IF('Standard Profiles'!$G$20=$B$24,21,0),MOD($C6536,24)+1)/SUM(INDEX($D$3:$AA$30,INDEX(Jesper!$R$2:$R$366,ROW(INDEX(Jesper!AJ$2:AJ$366,ROUNDDOWN($C6536/24,0)+1,1))-1)+IF('Standard Profiles'!$G$20=$B$10,7,0)+IF('Standard Profiles'!$G$20=$B$17,14,0)+IF('Standard Profiles'!$G$20=$B$24,21,0),0)),0)</f>
        <v>0</v>
      </c>
      <c r="G6536" cm="1">
        <f t="array" ref="G6536">IFERROR(INDEX(Jesper!AK$2:AK$366,ROUNDDOWN($C6536/24,0)+1,1)*INDEX($D$3:$AA$30,INDEX(Jesper!$R$2:$R$366,ROW(INDEX(Jesper!AK$2:AK$366,ROUNDDOWN($C6536/24,0)+1,1))-1)+IF('Standard Profiles'!$G$21=$B$10,7,0)+IF('Standard Profiles'!$G$21=$B$17,14,0)+IF('Standard Profiles'!$G$21=$B$24,21,0),MOD($C6536,24)+1)/SUM(INDEX($D$3:$AA$30,INDEX(Jesper!$R$2:$R$366,ROW(INDEX(Jesper!AK$2:AK$366,ROUNDDOWN($C6536/24,0)+1,1))-1)+IF('Standard Profiles'!$G$21=$B$10,7,0)+IF('Standard Profiles'!$G$21=$B$17,14,0)+IF('Standard Profiles'!$G$21=$B$24,21,0),0)),0)</f>
        <v>0</v>
      </c>
      <c r="H6536" cm="1">
        <f t="array" ref="H6536">IFERROR(INDEX(Jesper!AL$2:AL$366,ROUNDDOWN($C6536/24,0)+1,1)*INDEX($D$3:$AA$30,INDEX(Jesper!$R$2:$R$366,ROW(INDEX(Jesper!AL$2:AL$366,ROUNDDOWN($C6536/24,0)+1,1))-1)+IF('Standard Profiles'!$G$22=$B$10,7,0)+IF('Standard Profiles'!$G$22=$B$17,14,0)+IF('Standard Profiles'!$G$22=$B$24,21,0),MOD($C6536,24)+1)/SUM(INDEX($D$3:$AA$30,INDEX(Jesper!$R$2:$R$366,ROW(INDEX(Jesper!AL$2:AL$366,ROUNDDOWN($C6536/24,0)+1,1))-1)+IF('Standard Profiles'!$G$22=$B$10,7,0)+IF('Standard Profiles'!$G$22=$B$17,14,0)+IF('Standard Profiles'!$G$22=$B$24,21,0),0)),0)</f>
        <v>0</v>
      </c>
      <c r="I6536">
        <f t="shared" si="727"/>
        <v>0.10753299506474477</v>
      </c>
      <c r="J6536">
        <f t="shared" si="728"/>
        <v>0.3584433168824826</v>
      </c>
      <c r="K6536">
        <f t="shared" si="729"/>
        <v>0.53766497532372381</v>
      </c>
      <c r="L6536">
        <f t="shared" si="730"/>
        <v>2.5807918815538744</v>
      </c>
      <c r="M6536">
        <f t="shared" si="731"/>
        <v>0</v>
      </c>
      <c r="N6536" s="46">
        <f t="shared" si="732"/>
        <v>45562.916666650897</v>
      </c>
    </row>
    <row r="6537" spans="2:14" x14ac:dyDescent="0.3">
      <c r="B6537">
        <f t="shared" si="726"/>
        <v>5</v>
      </c>
      <c r="C6537" s="16">
        <v>6503</v>
      </c>
      <c r="D6537" cm="1">
        <f t="array" ref="D6537">IFERROR(INDEX(Jesper!AH$2:AH$366,ROUNDDOWN($C6537/24,0)+1,1)*INDEX($D$3:$AA$30,INDEX(Jesper!$R$2:$R$366,ROW(INDEX(Jesper!AH$2:AH$366,ROUNDDOWN($C6537/24,0)+1,1))-1)+IF('Standard Profiles'!$G$18=$B$10,7,0)+IF('Standard Profiles'!$G$18=$B$17,14,0)+IF('Standard Profiles'!$G$18=$B$24,21,0),MOD($C6537,24)+1)/SUM(INDEX($D$3:$AA$30,INDEX(Jesper!$R$2:$R$366,ROW(INDEX(Jesper!AH$2:AH$366,ROUNDDOWN($C6537/24,0)+1,1))-1)+IF('Standard Profiles'!$G$18=$B$10,7,0)+IF('Standard Profiles'!$G$18=$B$17,14,0)+IF('Standard Profiles'!$G$18=$B$24,21,0),0)),0)</f>
        <v>3.5844331688248259</v>
      </c>
      <c r="E6537" cm="1">
        <f t="array" ref="E6537">IFERROR(INDEX(Jesper!AI$2:AI$366,ROUNDDOWN($C6537/24,0)+1,1)*INDEX($D$3:$AA$30,INDEX(Jesper!$R$2:$R$366,ROW(INDEX(Jesper!AI$2:AI$366,ROUNDDOWN($C6537/24,0)+1,1))-1)+IF('Standard Profiles'!$G$19=$B$10,7,0)+IF('Standard Profiles'!$G$19=$B$17,14,0)+IF('Standard Profiles'!$G$19=$B$24,21,0),MOD($C6537,24)+1)/SUM(INDEX($D$3:$AA$30,INDEX(Jesper!$R$2:$R$366,ROW(INDEX(Jesper!AI$2:AI$366,ROUNDDOWN($C6537/24,0)+1,1))-1)+IF('Standard Profiles'!$G$19=$B$10,7,0)+IF('Standard Profiles'!$G$19=$B$17,14,0)+IF('Standard Profiles'!$G$19=$B$24,21,0),0)),0)</f>
        <v>0</v>
      </c>
      <c r="F6537" cm="1">
        <f t="array" ref="F6537">IFERROR(INDEX(Jesper!AJ$2:AJ$366,ROUNDDOWN($C6537/24,0)+1,1)*INDEX($D$3:$AA$30,INDEX(Jesper!$R$2:$R$366,ROW(INDEX(Jesper!AJ$2:AJ$366,ROUNDDOWN($C6537/24,0)+1,1))-1)+IF('Standard Profiles'!$G$20=$B$10,7,0)+IF('Standard Profiles'!$G$20=$B$17,14,0)+IF('Standard Profiles'!$G$20=$B$24,21,0),MOD($C6537,24)+1)/SUM(INDEX($D$3:$AA$30,INDEX(Jesper!$R$2:$R$366,ROW(INDEX(Jesper!AJ$2:AJ$366,ROUNDDOWN($C6537/24,0)+1,1))-1)+IF('Standard Profiles'!$G$20=$B$10,7,0)+IF('Standard Profiles'!$G$20=$B$17,14,0)+IF('Standard Profiles'!$G$20=$B$24,21,0),0)),0)</f>
        <v>0</v>
      </c>
      <c r="G6537" cm="1">
        <f t="array" ref="G6537">IFERROR(INDEX(Jesper!AK$2:AK$366,ROUNDDOWN($C6537/24,0)+1,1)*INDEX($D$3:$AA$30,INDEX(Jesper!$R$2:$R$366,ROW(INDEX(Jesper!AK$2:AK$366,ROUNDDOWN($C6537/24,0)+1,1))-1)+IF('Standard Profiles'!$G$21=$B$10,7,0)+IF('Standard Profiles'!$G$21=$B$17,14,0)+IF('Standard Profiles'!$G$21=$B$24,21,0),MOD($C6537,24)+1)/SUM(INDEX($D$3:$AA$30,INDEX(Jesper!$R$2:$R$366,ROW(INDEX(Jesper!AK$2:AK$366,ROUNDDOWN($C6537/24,0)+1,1))-1)+IF('Standard Profiles'!$G$21=$B$10,7,0)+IF('Standard Profiles'!$G$21=$B$17,14,0)+IF('Standard Profiles'!$G$21=$B$24,21,0),0)),0)</f>
        <v>0</v>
      </c>
      <c r="H6537" cm="1">
        <f t="array" ref="H6537">IFERROR(INDEX(Jesper!AL$2:AL$366,ROUNDDOWN($C6537/24,0)+1,1)*INDEX($D$3:$AA$30,INDEX(Jesper!$R$2:$R$366,ROW(INDEX(Jesper!AL$2:AL$366,ROUNDDOWN($C6537/24,0)+1,1))-1)+IF('Standard Profiles'!$G$22=$B$10,7,0)+IF('Standard Profiles'!$G$22=$B$17,14,0)+IF('Standard Profiles'!$G$22=$B$24,21,0),MOD($C6537,24)+1)/SUM(INDEX($D$3:$AA$30,INDEX(Jesper!$R$2:$R$366,ROW(INDEX(Jesper!AL$2:AL$366,ROUNDDOWN($C6537/24,0)+1,1))-1)+IF('Standard Profiles'!$G$22=$B$10,7,0)+IF('Standard Profiles'!$G$22=$B$17,14,0)+IF('Standard Profiles'!$G$22=$B$24,21,0),0)),0)</f>
        <v>0</v>
      </c>
      <c r="I6537">
        <f t="shared" si="727"/>
        <v>0.10753299506474477</v>
      </c>
      <c r="J6537">
        <f t="shared" si="728"/>
        <v>0.3584433168824826</v>
      </c>
      <c r="K6537">
        <f t="shared" si="729"/>
        <v>0.53766497532372381</v>
      </c>
      <c r="L6537">
        <f t="shared" si="730"/>
        <v>2.5807918815538744</v>
      </c>
      <c r="M6537">
        <f t="shared" si="731"/>
        <v>0</v>
      </c>
      <c r="N6537" s="46">
        <f t="shared" si="732"/>
        <v>45562.958333317561</v>
      </c>
    </row>
    <row r="6538" spans="2:14" x14ac:dyDescent="0.3">
      <c r="B6538">
        <f t="shared" si="726"/>
        <v>6</v>
      </c>
      <c r="C6538" s="16">
        <v>6504</v>
      </c>
      <c r="D6538" cm="1">
        <f t="array" ref="D6538">IFERROR(INDEX(Jesper!AH$2:AH$366,ROUNDDOWN($C6538/24,0)+1,1)*INDEX($D$3:$AA$30,INDEX(Jesper!$R$2:$R$366,ROW(INDEX(Jesper!AH$2:AH$366,ROUNDDOWN($C6538/24,0)+1,1))-1)+IF('Standard Profiles'!$G$18=$B$10,7,0)+IF('Standard Profiles'!$G$18=$B$17,14,0)+IF('Standard Profiles'!$G$18=$B$24,21,0),MOD($C6538,24)+1)/SUM(INDEX($D$3:$AA$30,INDEX(Jesper!$R$2:$R$366,ROW(INDEX(Jesper!AH$2:AH$366,ROUNDDOWN($C6538/24,0)+1,1))-1)+IF('Standard Profiles'!$G$18=$B$10,7,0)+IF('Standard Profiles'!$G$18=$B$17,14,0)+IF('Standard Profiles'!$G$18=$B$24,21,0),0)),0)</f>
        <v>3.5221501808996729</v>
      </c>
      <c r="E6538" cm="1">
        <f t="array" ref="E6538">IFERROR(INDEX(Jesper!AI$2:AI$366,ROUNDDOWN($C6538/24,0)+1,1)*INDEX($D$3:$AA$30,INDEX(Jesper!$R$2:$R$366,ROW(INDEX(Jesper!AI$2:AI$366,ROUNDDOWN($C6538/24,0)+1,1))-1)+IF('Standard Profiles'!$G$19=$B$10,7,0)+IF('Standard Profiles'!$G$19=$B$17,14,0)+IF('Standard Profiles'!$G$19=$B$24,21,0),MOD($C6538,24)+1)/SUM(INDEX($D$3:$AA$30,INDEX(Jesper!$R$2:$R$366,ROW(INDEX(Jesper!AI$2:AI$366,ROUNDDOWN($C6538/24,0)+1,1))-1)+IF('Standard Profiles'!$G$19=$B$10,7,0)+IF('Standard Profiles'!$G$19=$B$17,14,0)+IF('Standard Profiles'!$G$19=$B$24,21,0),0)),0)</f>
        <v>0.57391966973305142</v>
      </c>
      <c r="F6538" cm="1">
        <f t="array" ref="F6538">IFERROR(INDEX(Jesper!AJ$2:AJ$366,ROUNDDOWN($C6538/24,0)+1,1)*INDEX($D$3:$AA$30,INDEX(Jesper!$R$2:$R$366,ROW(INDEX(Jesper!AJ$2:AJ$366,ROUNDDOWN($C6538/24,0)+1,1))-1)+IF('Standard Profiles'!$G$20=$B$10,7,0)+IF('Standard Profiles'!$G$20=$B$17,14,0)+IF('Standard Profiles'!$G$20=$B$24,21,0),MOD($C6538,24)+1)/SUM(INDEX($D$3:$AA$30,INDEX(Jesper!$R$2:$R$366,ROW(INDEX(Jesper!AJ$2:AJ$366,ROUNDDOWN($C6538/24,0)+1,1))-1)+IF('Standard Profiles'!$G$20=$B$10,7,0)+IF('Standard Profiles'!$G$20=$B$17,14,0)+IF('Standard Profiles'!$G$20=$B$24,21,0),0)),0)</f>
        <v>0</v>
      </c>
      <c r="G6538" cm="1">
        <f t="array" ref="G6538">IFERROR(INDEX(Jesper!AK$2:AK$366,ROUNDDOWN($C6538/24,0)+1,1)*INDEX($D$3:$AA$30,INDEX(Jesper!$R$2:$R$366,ROW(INDEX(Jesper!AK$2:AK$366,ROUNDDOWN($C6538/24,0)+1,1))-1)+IF('Standard Profiles'!$G$21=$B$10,7,0)+IF('Standard Profiles'!$G$21=$B$17,14,0)+IF('Standard Profiles'!$G$21=$B$24,21,0),MOD($C6538,24)+1)/SUM(INDEX($D$3:$AA$30,INDEX(Jesper!$R$2:$R$366,ROW(INDEX(Jesper!AK$2:AK$366,ROUNDDOWN($C6538/24,0)+1,1))-1)+IF('Standard Profiles'!$G$21=$B$10,7,0)+IF('Standard Profiles'!$G$21=$B$17,14,0)+IF('Standard Profiles'!$G$21=$B$24,21,0),0)),0)</f>
        <v>0</v>
      </c>
      <c r="H6538" cm="1">
        <f t="array" ref="H6538">IFERROR(INDEX(Jesper!AL$2:AL$366,ROUNDDOWN($C6538/24,0)+1,1)*INDEX($D$3:$AA$30,INDEX(Jesper!$R$2:$R$366,ROW(INDEX(Jesper!AL$2:AL$366,ROUNDDOWN($C6538/24,0)+1,1))-1)+IF('Standard Profiles'!$G$22=$B$10,7,0)+IF('Standard Profiles'!$G$22=$B$17,14,0)+IF('Standard Profiles'!$G$22=$B$24,21,0),MOD($C6538,24)+1)/SUM(INDEX($D$3:$AA$30,INDEX(Jesper!$R$2:$R$366,ROW(INDEX(Jesper!AL$2:AL$366,ROUNDDOWN($C6538/24,0)+1,1))-1)+IF('Standard Profiles'!$G$22=$B$10,7,0)+IF('Standard Profiles'!$G$22=$B$17,14,0)+IF('Standard Profiles'!$G$22=$B$24,21,0),0)),0)</f>
        <v>0</v>
      </c>
      <c r="I6538">
        <f t="shared" si="727"/>
        <v>5.1704474750725364E-2</v>
      </c>
      <c r="J6538">
        <f t="shared" si="728"/>
        <v>0.17234824916908459</v>
      </c>
      <c r="K6538">
        <f t="shared" si="729"/>
        <v>0.25852237375362686</v>
      </c>
      <c r="L6538">
        <f t="shared" si="730"/>
        <v>3.6134947529592876</v>
      </c>
      <c r="M6538">
        <f t="shared" si="731"/>
        <v>0</v>
      </c>
      <c r="N6538" s="46">
        <f t="shared" si="732"/>
        <v>45562.999999984226</v>
      </c>
    </row>
    <row r="6539" spans="2:14" x14ac:dyDescent="0.3">
      <c r="B6539">
        <f t="shared" si="726"/>
        <v>6</v>
      </c>
      <c r="C6539" s="16">
        <v>6505</v>
      </c>
      <c r="D6539" cm="1">
        <f t="array" ref="D6539">IFERROR(INDEX(Jesper!AH$2:AH$366,ROUNDDOWN($C6539/24,0)+1,1)*INDEX($D$3:$AA$30,INDEX(Jesper!$R$2:$R$366,ROW(INDEX(Jesper!AH$2:AH$366,ROUNDDOWN($C6539/24,0)+1,1))-1)+IF('Standard Profiles'!$G$18=$B$10,7,0)+IF('Standard Profiles'!$G$18=$B$17,14,0)+IF('Standard Profiles'!$G$18=$B$24,21,0),MOD($C6539,24)+1)/SUM(INDEX($D$3:$AA$30,INDEX(Jesper!$R$2:$R$366,ROW(INDEX(Jesper!AH$2:AH$366,ROUNDDOWN($C6539/24,0)+1,1))-1)+IF('Standard Profiles'!$G$18=$B$10,7,0)+IF('Standard Profiles'!$G$18=$B$17,14,0)+IF('Standard Profiles'!$G$18=$B$24,21,0),0)),0)</f>
        <v>6.8765789246136482</v>
      </c>
      <c r="E6539" cm="1">
        <f t="array" ref="E6539">IFERROR(INDEX(Jesper!AI$2:AI$366,ROUNDDOWN($C6539/24,0)+1,1)*INDEX($D$3:$AA$30,INDEX(Jesper!$R$2:$R$366,ROW(INDEX(Jesper!AI$2:AI$366,ROUNDDOWN($C6539/24,0)+1,1))-1)+IF('Standard Profiles'!$G$19=$B$10,7,0)+IF('Standard Profiles'!$G$19=$B$17,14,0)+IF('Standard Profiles'!$G$19=$B$24,21,0),MOD($C6539,24)+1)/SUM(INDEX($D$3:$AA$30,INDEX(Jesper!$R$2:$R$366,ROW(INDEX(Jesper!AI$2:AI$366,ROUNDDOWN($C6539/24,0)+1,1))-1)+IF('Standard Profiles'!$G$19=$B$10,7,0)+IF('Standard Profiles'!$G$19=$B$17,14,0)+IF('Standard Profiles'!$G$19=$B$24,21,0),0)),0)</f>
        <v>1.1205098313835768</v>
      </c>
      <c r="F6539" cm="1">
        <f t="array" ref="F6539">IFERROR(INDEX(Jesper!AJ$2:AJ$366,ROUNDDOWN($C6539/24,0)+1,1)*INDEX($D$3:$AA$30,INDEX(Jesper!$R$2:$R$366,ROW(INDEX(Jesper!AJ$2:AJ$366,ROUNDDOWN($C6539/24,0)+1,1))-1)+IF('Standard Profiles'!$G$20=$B$10,7,0)+IF('Standard Profiles'!$G$20=$B$17,14,0)+IF('Standard Profiles'!$G$20=$B$24,21,0),MOD($C6539,24)+1)/SUM(INDEX($D$3:$AA$30,INDEX(Jesper!$R$2:$R$366,ROW(INDEX(Jesper!AJ$2:AJ$366,ROUNDDOWN($C6539/24,0)+1,1))-1)+IF('Standard Profiles'!$G$20=$B$10,7,0)+IF('Standard Profiles'!$G$20=$B$17,14,0)+IF('Standard Profiles'!$G$20=$B$24,21,0),0)),0)</f>
        <v>0</v>
      </c>
      <c r="G6539" cm="1">
        <f t="array" ref="G6539">IFERROR(INDEX(Jesper!AK$2:AK$366,ROUNDDOWN($C6539/24,0)+1,1)*INDEX($D$3:$AA$30,INDEX(Jesper!$R$2:$R$366,ROW(INDEX(Jesper!AK$2:AK$366,ROUNDDOWN($C6539/24,0)+1,1))-1)+IF('Standard Profiles'!$G$21=$B$10,7,0)+IF('Standard Profiles'!$G$21=$B$17,14,0)+IF('Standard Profiles'!$G$21=$B$24,21,0),MOD($C6539,24)+1)/SUM(INDEX($D$3:$AA$30,INDEX(Jesper!$R$2:$R$366,ROW(INDEX(Jesper!AK$2:AK$366,ROUNDDOWN($C6539/24,0)+1,1))-1)+IF('Standard Profiles'!$G$21=$B$10,7,0)+IF('Standard Profiles'!$G$21=$B$17,14,0)+IF('Standard Profiles'!$G$21=$B$24,21,0),0)),0)</f>
        <v>0</v>
      </c>
      <c r="H6539" cm="1">
        <f t="array" ref="H6539">IFERROR(INDEX(Jesper!AL$2:AL$366,ROUNDDOWN($C6539/24,0)+1,1)*INDEX($D$3:$AA$30,INDEX(Jesper!$R$2:$R$366,ROW(INDEX(Jesper!AL$2:AL$366,ROUNDDOWN($C6539/24,0)+1,1))-1)+IF('Standard Profiles'!$G$22=$B$10,7,0)+IF('Standard Profiles'!$G$22=$B$17,14,0)+IF('Standard Profiles'!$G$22=$B$24,21,0),MOD($C6539,24)+1)/SUM(INDEX($D$3:$AA$30,INDEX(Jesper!$R$2:$R$366,ROW(INDEX(Jesper!AL$2:AL$366,ROUNDDOWN($C6539/24,0)+1,1))-1)+IF('Standard Profiles'!$G$22=$B$10,7,0)+IF('Standard Profiles'!$G$22=$B$17,14,0)+IF('Standard Profiles'!$G$22=$B$24,21,0),0)),0)</f>
        <v>0</v>
      </c>
      <c r="I6539">
        <f t="shared" si="727"/>
        <v>0.10094683165617813</v>
      </c>
      <c r="J6539">
        <f t="shared" si="728"/>
        <v>0.33648943885392713</v>
      </c>
      <c r="K6539">
        <f t="shared" si="729"/>
        <v>0.50473415828089063</v>
      </c>
      <c r="L6539">
        <f t="shared" si="730"/>
        <v>7.054918327206229</v>
      </c>
      <c r="M6539">
        <f t="shared" si="731"/>
        <v>0</v>
      </c>
      <c r="N6539" s="46">
        <f t="shared" si="732"/>
        <v>45563.04166665089</v>
      </c>
    </row>
    <row r="6540" spans="2:14" x14ac:dyDescent="0.3">
      <c r="B6540">
        <f t="shared" si="726"/>
        <v>6</v>
      </c>
      <c r="C6540" s="16">
        <v>6506</v>
      </c>
      <c r="D6540" cm="1">
        <f t="array" ref="D6540">IFERROR(INDEX(Jesper!AH$2:AH$366,ROUNDDOWN($C6540/24,0)+1,1)*INDEX($D$3:$AA$30,INDEX(Jesper!$R$2:$R$366,ROW(INDEX(Jesper!AH$2:AH$366,ROUNDDOWN($C6540/24,0)+1,1))-1)+IF('Standard Profiles'!$G$18=$B$10,7,0)+IF('Standard Profiles'!$G$18=$B$17,14,0)+IF('Standard Profiles'!$G$18=$B$24,21,0),MOD($C6540,24)+1)/SUM(INDEX($D$3:$AA$30,INDEX(Jesper!$R$2:$R$366,ROW(INDEX(Jesper!AH$2:AH$366,ROUNDDOWN($C6540/24,0)+1,1))-1)+IF('Standard Profiles'!$G$18=$B$10,7,0)+IF('Standard Profiles'!$G$18=$B$17,14,0)+IF('Standard Profiles'!$G$18=$B$24,21,0),0)),0)</f>
        <v>6.8765789246136482</v>
      </c>
      <c r="E6540" cm="1">
        <f t="array" ref="E6540">IFERROR(INDEX(Jesper!AI$2:AI$366,ROUNDDOWN($C6540/24,0)+1,1)*INDEX($D$3:$AA$30,INDEX(Jesper!$R$2:$R$366,ROW(INDEX(Jesper!AI$2:AI$366,ROUNDDOWN($C6540/24,0)+1,1))-1)+IF('Standard Profiles'!$G$19=$B$10,7,0)+IF('Standard Profiles'!$G$19=$B$17,14,0)+IF('Standard Profiles'!$G$19=$B$24,21,0),MOD($C6540,24)+1)/SUM(INDEX($D$3:$AA$30,INDEX(Jesper!$R$2:$R$366,ROW(INDEX(Jesper!AI$2:AI$366,ROUNDDOWN($C6540/24,0)+1,1))-1)+IF('Standard Profiles'!$G$19=$B$10,7,0)+IF('Standard Profiles'!$G$19=$B$17,14,0)+IF('Standard Profiles'!$G$19=$B$24,21,0),0)),0)</f>
        <v>1.1205098313835768</v>
      </c>
      <c r="F6540" cm="1">
        <f t="array" ref="F6540">IFERROR(INDEX(Jesper!AJ$2:AJ$366,ROUNDDOWN($C6540/24,0)+1,1)*INDEX($D$3:$AA$30,INDEX(Jesper!$R$2:$R$366,ROW(INDEX(Jesper!AJ$2:AJ$366,ROUNDDOWN($C6540/24,0)+1,1))-1)+IF('Standard Profiles'!$G$20=$B$10,7,0)+IF('Standard Profiles'!$G$20=$B$17,14,0)+IF('Standard Profiles'!$G$20=$B$24,21,0),MOD($C6540,24)+1)/SUM(INDEX($D$3:$AA$30,INDEX(Jesper!$R$2:$R$366,ROW(INDEX(Jesper!AJ$2:AJ$366,ROUNDDOWN($C6540/24,0)+1,1))-1)+IF('Standard Profiles'!$G$20=$B$10,7,0)+IF('Standard Profiles'!$G$20=$B$17,14,0)+IF('Standard Profiles'!$G$20=$B$24,21,0),0)),0)</f>
        <v>0</v>
      </c>
      <c r="G6540" cm="1">
        <f t="array" ref="G6540">IFERROR(INDEX(Jesper!AK$2:AK$366,ROUNDDOWN($C6540/24,0)+1,1)*INDEX($D$3:$AA$30,INDEX(Jesper!$R$2:$R$366,ROW(INDEX(Jesper!AK$2:AK$366,ROUNDDOWN($C6540/24,0)+1,1))-1)+IF('Standard Profiles'!$G$21=$B$10,7,0)+IF('Standard Profiles'!$G$21=$B$17,14,0)+IF('Standard Profiles'!$G$21=$B$24,21,0),MOD($C6540,24)+1)/SUM(INDEX($D$3:$AA$30,INDEX(Jesper!$R$2:$R$366,ROW(INDEX(Jesper!AK$2:AK$366,ROUNDDOWN($C6540/24,0)+1,1))-1)+IF('Standard Profiles'!$G$21=$B$10,7,0)+IF('Standard Profiles'!$G$21=$B$17,14,0)+IF('Standard Profiles'!$G$21=$B$24,21,0),0)),0)</f>
        <v>0</v>
      </c>
      <c r="H6540" cm="1">
        <f t="array" ref="H6540">IFERROR(INDEX(Jesper!AL$2:AL$366,ROUNDDOWN($C6540/24,0)+1,1)*INDEX($D$3:$AA$30,INDEX(Jesper!$R$2:$R$366,ROW(INDEX(Jesper!AL$2:AL$366,ROUNDDOWN($C6540/24,0)+1,1))-1)+IF('Standard Profiles'!$G$22=$B$10,7,0)+IF('Standard Profiles'!$G$22=$B$17,14,0)+IF('Standard Profiles'!$G$22=$B$24,21,0),MOD($C6540,24)+1)/SUM(INDEX($D$3:$AA$30,INDEX(Jesper!$R$2:$R$366,ROW(INDEX(Jesper!AL$2:AL$366,ROUNDDOWN($C6540/24,0)+1,1))-1)+IF('Standard Profiles'!$G$22=$B$10,7,0)+IF('Standard Profiles'!$G$22=$B$17,14,0)+IF('Standard Profiles'!$G$22=$B$24,21,0),0)),0)</f>
        <v>0</v>
      </c>
      <c r="I6540">
        <f t="shared" si="727"/>
        <v>0.10094683165617813</v>
      </c>
      <c r="J6540">
        <f t="shared" si="728"/>
        <v>0.33648943885392713</v>
      </c>
      <c r="K6540">
        <f t="shared" si="729"/>
        <v>0.50473415828089063</v>
      </c>
      <c r="L6540">
        <f t="shared" si="730"/>
        <v>7.054918327206229</v>
      </c>
      <c r="M6540">
        <f t="shared" si="731"/>
        <v>0</v>
      </c>
      <c r="N6540" s="46">
        <f t="shared" si="732"/>
        <v>45563.083333317554</v>
      </c>
    </row>
    <row r="6541" spans="2:14" x14ac:dyDescent="0.3">
      <c r="B6541">
        <f t="shared" si="726"/>
        <v>6</v>
      </c>
      <c r="C6541" s="16">
        <v>6507</v>
      </c>
      <c r="D6541" cm="1">
        <f t="array" ref="D6541">IFERROR(INDEX(Jesper!AH$2:AH$366,ROUNDDOWN($C6541/24,0)+1,1)*INDEX($D$3:$AA$30,INDEX(Jesper!$R$2:$R$366,ROW(INDEX(Jesper!AH$2:AH$366,ROUNDDOWN($C6541/24,0)+1,1))-1)+IF('Standard Profiles'!$G$18=$B$10,7,0)+IF('Standard Profiles'!$G$18=$B$17,14,0)+IF('Standard Profiles'!$G$18=$B$24,21,0),MOD($C6541,24)+1)/SUM(INDEX($D$3:$AA$30,INDEX(Jesper!$R$2:$R$366,ROW(INDEX(Jesper!AH$2:AH$366,ROUNDDOWN($C6541/24,0)+1,1))-1)+IF('Standard Profiles'!$G$18=$B$10,7,0)+IF('Standard Profiles'!$G$18=$B$17,14,0)+IF('Standard Profiles'!$G$18=$B$24,21,0),0)),0)</f>
        <v>6.8765789246136482</v>
      </c>
      <c r="E6541" cm="1">
        <f t="array" ref="E6541">IFERROR(INDEX(Jesper!AI$2:AI$366,ROUNDDOWN($C6541/24,0)+1,1)*INDEX($D$3:$AA$30,INDEX(Jesper!$R$2:$R$366,ROW(INDEX(Jesper!AI$2:AI$366,ROUNDDOWN($C6541/24,0)+1,1))-1)+IF('Standard Profiles'!$G$19=$B$10,7,0)+IF('Standard Profiles'!$G$19=$B$17,14,0)+IF('Standard Profiles'!$G$19=$B$24,21,0),MOD($C6541,24)+1)/SUM(INDEX($D$3:$AA$30,INDEX(Jesper!$R$2:$R$366,ROW(INDEX(Jesper!AI$2:AI$366,ROUNDDOWN($C6541/24,0)+1,1))-1)+IF('Standard Profiles'!$G$19=$B$10,7,0)+IF('Standard Profiles'!$G$19=$B$17,14,0)+IF('Standard Profiles'!$G$19=$B$24,21,0),0)),0)</f>
        <v>1.1205098313835768</v>
      </c>
      <c r="F6541" cm="1">
        <f t="array" ref="F6541">IFERROR(INDEX(Jesper!AJ$2:AJ$366,ROUNDDOWN($C6541/24,0)+1,1)*INDEX($D$3:$AA$30,INDEX(Jesper!$R$2:$R$366,ROW(INDEX(Jesper!AJ$2:AJ$366,ROUNDDOWN($C6541/24,0)+1,1))-1)+IF('Standard Profiles'!$G$20=$B$10,7,0)+IF('Standard Profiles'!$G$20=$B$17,14,0)+IF('Standard Profiles'!$G$20=$B$24,21,0),MOD($C6541,24)+1)/SUM(INDEX($D$3:$AA$30,INDEX(Jesper!$R$2:$R$366,ROW(INDEX(Jesper!AJ$2:AJ$366,ROUNDDOWN($C6541/24,0)+1,1))-1)+IF('Standard Profiles'!$G$20=$B$10,7,0)+IF('Standard Profiles'!$G$20=$B$17,14,0)+IF('Standard Profiles'!$G$20=$B$24,21,0),0)),0)</f>
        <v>0</v>
      </c>
      <c r="G6541" cm="1">
        <f t="array" ref="G6541">IFERROR(INDEX(Jesper!AK$2:AK$366,ROUNDDOWN($C6541/24,0)+1,1)*INDEX($D$3:$AA$30,INDEX(Jesper!$R$2:$R$366,ROW(INDEX(Jesper!AK$2:AK$366,ROUNDDOWN($C6541/24,0)+1,1))-1)+IF('Standard Profiles'!$G$21=$B$10,7,0)+IF('Standard Profiles'!$G$21=$B$17,14,0)+IF('Standard Profiles'!$G$21=$B$24,21,0),MOD($C6541,24)+1)/SUM(INDEX($D$3:$AA$30,INDEX(Jesper!$R$2:$R$366,ROW(INDEX(Jesper!AK$2:AK$366,ROUNDDOWN($C6541/24,0)+1,1))-1)+IF('Standard Profiles'!$G$21=$B$10,7,0)+IF('Standard Profiles'!$G$21=$B$17,14,0)+IF('Standard Profiles'!$G$21=$B$24,21,0),0)),0)</f>
        <v>0</v>
      </c>
      <c r="H6541" cm="1">
        <f t="array" ref="H6541">IFERROR(INDEX(Jesper!AL$2:AL$366,ROUNDDOWN($C6541/24,0)+1,1)*INDEX($D$3:$AA$30,INDEX(Jesper!$R$2:$R$366,ROW(INDEX(Jesper!AL$2:AL$366,ROUNDDOWN($C6541/24,0)+1,1))-1)+IF('Standard Profiles'!$G$22=$B$10,7,0)+IF('Standard Profiles'!$G$22=$B$17,14,0)+IF('Standard Profiles'!$G$22=$B$24,21,0),MOD($C6541,24)+1)/SUM(INDEX($D$3:$AA$30,INDEX(Jesper!$R$2:$R$366,ROW(INDEX(Jesper!AL$2:AL$366,ROUNDDOWN($C6541/24,0)+1,1))-1)+IF('Standard Profiles'!$G$22=$B$10,7,0)+IF('Standard Profiles'!$G$22=$B$17,14,0)+IF('Standard Profiles'!$G$22=$B$24,21,0),0)),0)</f>
        <v>0</v>
      </c>
      <c r="I6541">
        <f t="shared" si="727"/>
        <v>0.10094683165617813</v>
      </c>
      <c r="J6541">
        <f t="shared" si="728"/>
        <v>0.33648943885392713</v>
      </c>
      <c r="K6541">
        <f t="shared" si="729"/>
        <v>0.50473415828089063</v>
      </c>
      <c r="L6541">
        <f t="shared" si="730"/>
        <v>7.054918327206229</v>
      </c>
      <c r="M6541">
        <f t="shared" si="731"/>
        <v>0</v>
      </c>
      <c r="N6541" s="46">
        <f t="shared" si="732"/>
        <v>45563.124999984218</v>
      </c>
    </row>
    <row r="6542" spans="2:14" x14ac:dyDescent="0.3">
      <c r="B6542">
        <f t="shared" si="726"/>
        <v>6</v>
      </c>
      <c r="C6542" s="16">
        <v>6508</v>
      </c>
      <c r="D6542" cm="1">
        <f t="array" ref="D6542">IFERROR(INDEX(Jesper!AH$2:AH$366,ROUNDDOWN($C6542/24,0)+1,1)*INDEX($D$3:$AA$30,INDEX(Jesper!$R$2:$R$366,ROW(INDEX(Jesper!AH$2:AH$366,ROUNDDOWN($C6542/24,0)+1,1))-1)+IF('Standard Profiles'!$G$18=$B$10,7,0)+IF('Standard Profiles'!$G$18=$B$17,14,0)+IF('Standard Profiles'!$G$18=$B$24,21,0),MOD($C6542,24)+1)/SUM(INDEX($D$3:$AA$30,INDEX(Jesper!$R$2:$R$366,ROW(INDEX(Jesper!AH$2:AH$366,ROUNDDOWN($C6542/24,0)+1,1))-1)+IF('Standard Profiles'!$G$18=$B$10,7,0)+IF('Standard Profiles'!$G$18=$B$17,14,0)+IF('Standard Profiles'!$G$18=$B$24,21,0),0)),0)</f>
        <v>6.8765789246136482</v>
      </c>
      <c r="E6542" cm="1">
        <f t="array" ref="E6542">IFERROR(INDEX(Jesper!AI$2:AI$366,ROUNDDOWN($C6542/24,0)+1,1)*INDEX($D$3:$AA$30,INDEX(Jesper!$R$2:$R$366,ROW(INDEX(Jesper!AI$2:AI$366,ROUNDDOWN($C6542/24,0)+1,1))-1)+IF('Standard Profiles'!$G$19=$B$10,7,0)+IF('Standard Profiles'!$G$19=$B$17,14,0)+IF('Standard Profiles'!$G$19=$B$24,21,0),MOD($C6542,24)+1)/SUM(INDEX($D$3:$AA$30,INDEX(Jesper!$R$2:$R$366,ROW(INDEX(Jesper!AI$2:AI$366,ROUNDDOWN($C6542/24,0)+1,1))-1)+IF('Standard Profiles'!$G$19=$B$10,7,0)+IF('Standard Profiles'!$G$19=$B$17,14,0)+IF('Standard Profiles'!$G$19=$B$24,21,0),0)),0)</f>
        <v>1.1205098313835768</v>
      </c>
      <c r="F6542" cm="1">
        <f t="array" ref="F6542">IFERROR(INDEX(Jesper!AJ$2:AJ$366,ROUNDDOWN($C6542/24,0)+1,1)*INDEX($D$3:$AA$30,INDEX(Jesper!$R$2:$R$366,ROW(INDEX(Jesper!AJ$2:AJ$366,ROUNDDOWN($C6542/24,0)+1,1))-1)+IF('Standard Profiles'!$G$20=$B$10,7,0)+IF('Standard Profiles'!$G$20=$B$17,14,0)+IF('Standard Profiles'!$G$20=$B$24,21,0),MOD($C6542,24)+1)/SUM(INDEX($D$3:$AA$30,INDEX(Jesper!$R$2:$R$366,ROW(INDEX(Jesper!AJ$2:AJ$366,ROUNDDOWN($C6542/24,0)+1,1))-1)+IF('Standard Profiles'!$G$20=$B$10,7,0)+IF('Standard Profiles'!$G$20=$B$17,14,0)+IF('Standard Profiles'!$G$20=$B$24,21,0),0)),0)</f>
        <v>0</v>
      </c>
      <c r="G6542" cm="1">
        <f t="array" ref="G6542">IFERROR(INDEX(Jesper!AK$2:AK$366,ROUNDDOWN($C6542/24,0)+1,1)*INDEX($D$3:$AA$30,INDEX(Jesper!$R$2:$R$366,ROW(INDEX(Jesper!AK$2:AK$366,ROUNDDOWN($C6542/24,0)+1,1))-1)+IF('Standard Profiles'!$G$21=$B$10,7,0)+IF('Standard Profiles'!$G$21=$B$17,14,0)+IF('Standard Profiles'!$G$21=$B$24,21,0),MOD($C6542,24)+1)/SUM(INDEX($D$3:$AA$30,INDEX(Jesper!$R$2:$R$366,ROW(INDEX(Jesper!AK$2:AK$366,ROUNDDOWN($C6542/24,0)+1,1))-1)+IF('Standard Profiles'!$G$21=$B$10,7,0)+IF('Standard Profiles'!$G$21=$B$17,14,0)+IF('Standard Profiles'!$G$21=$B$24,21,0),0)),0)</f>
        <v>0</v>
      </c>
      <c r="H6542" cm="1">
        <f t="array" ref="H6542">IFERROR(INDEX(Jesper!AL$2:AL$366,ROUNDDOWN($C6542/24,0)+1,1)*INDEX($D$3:$AA$30,INDEX(Jesper!$R$2:$R$366,ROW(INDEX(Jesper!AL$2:AL$366,ROUNDDOWN($C6542/24,0)+1,1))-1)+IF('Standard Profiles'!$G$22=$B$10,7,0)+IF('Standard Profiles'!$G$22=$B$17,14,0)+IF('Standard Profiles'!$G$22=$B$24,21,0),MOD($C6542,24)+1)/SUM(INDEX($D$3:$AA$30,INDEX(Jesper!$R$2:$R$366,ROW(INDEX(Jesper!AL$2:AL$366,ROUNDDOWN($C6542/24,0)+1,1))-1)+IF('Standard Profiles'!$G$22=$B$10,7,0)+IF('Standard Profiles'!$G$22=$B$17,14,0)+IF('Standard Profiles'!$G$22=$B$24,21,0),0)),0)</f>
        <v>0</v>
      </c>
      <c r="I6542">
        <f t="shared" si="727"/>
        <v>0.10094683165617813</v>
      </c>
      <c r="J6542">
        <f t="shared" si="728"/>
        <v>0.33648943885392713</v>
      </c>
      <c r="K6542">
        <f t="shared" si="729"/>
        <v>0.50473415828089063</v>
      </c>
      <c r="L6542">
        <f t="shared" si="730"/>
        <v>7.054918327206229</v>
      </c>
      <c r="M6542">
        <f t="shared" si="731"/>
        <v>0</v>
      </c>
      <c r="N6542" s="46">
        <f t="shared" si="732"/>
        <v>45563.166666650883</v>
      </c>
    </row>
    <row r="6543" spans="2:14" x14ac:dyDescent="0.3">
      <c r="B6543">
        <f t="shared" si="726"/>
        <v>6</v>
      </c>
      <c r="C6543" s="16">
        <v>6509</v>
      </c>
      <c r="D6543" cm="1">
        <f t="array" ref="D6543">IFERROR(INDEX(Jesper!AH$2:AH$366,ROUNDDOWN($C6543/24,0)+1,1)*INDEX($D$3:$AA$30,INDEX(Jesper!$R$2:$R$366,ROW(INDEX(Jesper!AH$2:AH$366,ROUNDDOWN($C6543/24,0)+1,1))-1)+IF('Standard Profiles'!$G$18=$B$10,7,0)+IF('Standard Profiles'!$G$18=$B$17,14,0)+IF('Standard Profiles'!$G$18=$B$24,21,0),MOD($C6543,24)+1)/SUM(INDEX($D$3:$AA$30,INDEX(Jesper!$R$2:$R$366,ROW(INDEX(Jesper!AH$2:AH$366,ROUNDDOWN($C6543/24,0)+1,1))-1)+IF('Standard Profiles'!$G$18=$B$10,7,0)+IF('Standard Profiles'!$G$18=$B$17,14,0)+IF('Standard Profiles'!$G$18=$B$24,21,0),0)),0)</f>
        <v>8.5537932964706354</v>
      </c>
      <c r="E6543" cm="1">
        <f t="array" ref="E6543">IFERROR(INDEX(Jesper!AI$2:AI$366,ROUNDDOWN($C6543/24,0)+1,1)*INDEX($D$3:$AA$30,INDEX(Jesper!$R$2:$R$366,ROW(INDEX(Jesper!AI$2:AI$366,ROUNDDOWN($C6543/24,0)+1,1))-1)+IF('Standard Profiles'!$G$19=$B$10,7,0)+IF('Standard Profiles'!$G$19=$B$17,14,0)+IF('Standard Profiles'!$G$19=$B$24,21,0),MOD($C6543,24)+1)/SUM(INDEX($D$3:$AA$30,INDEX(Jesper!$R$2:$R$366,ROW(INDEX(Jesper!AI$2:AI$366,ROUNDDOWN($C6543/24,0)+1,1))-1)+IF('Standard Profiles'!$G$19=$B$10,7,0)+IF('Standard Profiles'!$G$19=$B$17,14,0)+IF('Standard Profiles'!$G$19=$B$24,21,0),0)),0)</f>
        <v>1.3938049122088394</v>
      </c>
      <c r="F6543" cm="1">
        <f t="array" ref="F6543">IFERROR(INDEX(Jesper!AJ$2:AJ$366,ROUNDDOWN($C6543/24,0)+1,1)*INDEX($D$3:$AA$30,INDEX(Jesper!$R$2:$R$366,ROW(INDEX(Jesper!AJ$2:AJ$366,ROUNDDOWN($C6543/24,0)+1,1))-1)+IF('Standard Profiles'!$G$20=$B$10,7,0)+IF('Standard Profiles'!$G$20=$B$17,14,0)+IF('Standard Profiles'!$G$20=$B$24,21,0),MOD($C6543,24)+1)/SUM(INDEX($D$3:$AA$30,INDEX(Jesper!$R$2:$R$366,ROW(INDEX(Jesper!AJ$2:AJ$366,ROUNDDOWN($C6543/24,0)+1,1))-1)+IF('Standard Profiles'!$G$20=$B$10,7,0)+IF('Standard Profiles'!$G$20=$B$17,14,0)+IF('Standard Profiles'!$G$20=$B$24,21,0),0)),0)</f>
        <v>0</v>
      </c>
      <c r="G6543" cm="1">
        <f t="array" ref="G6543">IFERROR(INDEX(Jesper!AK$2:AK$366,ROUNDDOWN($C6543/24,0)+1,1)*INDEX($D$3:$AA$30,INDEX(Jesper!$R$2:$R$366,ROW(INDEX(Jesper!AK$2:AK$366,ROUNDDOWN($C6543/24,0)+1,1))-1)+IF('Standard Profiles'!$G$21=$B$10,7,0)+IF('Standard Profiles'!$G$21=$B$17,14,0)+IF('Standard Profiles'!$G$21=$B$24,21,0),MOD($C6543,24)+1)/SUM(INDEX($D$3:$AA$30,INDEX(Jesper!$R$2:$R$366,ROW(INDEX(Jesper!AK$2:AK$366,ROUNDDOWN($C6543/24,0)+1,1))-1)+IF('Standard Profiles'!$G$21=$B$10,7,0)+IF('Standard Profiles'!$G$21=$B$17,14,0)+IF('Standard Profiles'!$G$21=$B$24,21,0),0)),0)</f>
        <v>0</v>
      </c>
      <c r="H6543" cm="1">
        <f t="array" ref="H6543">IFERROR(INDEX(Jesper!AL$2:AL$366,ROUNDDOWN($C6543/24,0)+1,1)*INDEX($D$3:$AA$30,INDEX(Jesper!$R$2:$R$366,ROW(INDEX(Jesper!AL$2:AL$366,ROUNDDOWN($C6543/24,0)+1,1))-1)+IF('Standard Profiles'!$G$22=$B$10,7,0)+IF('Standard Profiles'!$G$22=$B$17,14,0)+IF('Standard Profiles'!$G$22=$B$24,21,0),MOD($C6543,24)+1)/SUM(INDEX($D$3:$AA$30,INDEX(Jesper!$R$2:$R$366,ROW(INDEX(Jesper!AL$2:AL$366,ROUNDDOWN($C6543/24,0)+1,1))-1)+IF('Standard Profiles'!$G$22=$B$10,7,0)+IF('Standard Profiles'!$G$22=$B$17,14,0)+IF('Standard Profiles'!$G$22=$B$24,21,0),0)),0)</f>
        <v>0</v>
      </c>
      <c r="I6543">
        <f t="shared" si="727"/>
        <v>0.12556801010890448</v>
      </c>
      <c r="J6543">
        <f t="shared" si="728"/>
        <v>0.41856003369634831</v>
      </c>
      <c r="K6543">
        <f t="shared" si="729"/>
        <v>0.62784005054452252</v>
      </c>
      <c r="L6543">
        <f t="shared" si="730"/>
        <v>8.7756301143296991</v>
      </c>
      <c r="M6543">
        <f t="shared" si="731"/>
        <v>0</v>
      </c>
      <c r="N6543" s="46">
        <f t="shared" si="732"/>
        <v>45563.208333317547</v>
      </c>
    </row>
    <row r="6544" spans="2:14" x14ac:dyDescent="0.3">
      <c r="B6544">
        <f t="shared" si="726"/>
        <v>6</v>
      </c>
      <c r="C6544" s="16">
        <v>6510</v>
      </c>
      <c r="D6544" cm="1">
        <f t="array" ref="D6544">IFERROR(INDEX(Jesper!AH$2:AH$366,ROUNDDOWN($C6544/24,0)+1,1)*INDEX($D$3:$AA$30,INDEX(Jesper!$R$2:$R$366,ROW(INDEX(Jesper!AH$2:AH$366,ROUNDDOWN($C6544/24,0)+1,1))-1)+IF('Standard Profiles'!$G$18=$B$10,7,0)+IF('Standard Profiles'!$G$18=$B$17,14,0)+IF('Standard Profiles'!$G$18=$B$24,21,0),MOD($C6544,24)+1)/SUM(INDEX($D$3:$AA$30,INDEX(Jesper!$R$2:$R$366,ROW(INDEX(Jesper!AH$2:AH$366,ROUNDDOWN($C6544/24,0)+1,1))-1)+IF('Standard Profiles'!$G$18=$B$10,7,0)+IF('Standard Profiles'!$G$18=$B$17,14,0)+IF('Standard Profiles'!$G$18=$B$24,21,0),0)),0)</f>
        <v>10.734171979884719</v>
      </c>
      <c r="E6544" cm="1">
        <f t="array" ref="E6544">IFERROR(INDEX(Jesper!AI$2:AI$366,ROUNDDOWN($C6544/24,0)+1,1)*INDEX($D$3:$AA$30,INDEX(Jesper!$R$2:$R$366,ROW(INDEX(Jesper!AI$2:AI$366,ROUNDDOWN($C6544/24,0)+1,1))-1)+IF('Standard Profiles'!$G$19=$B$10,7,0)+IF('Standard Profiles'!$G$19=$B$17,14,0)+IF('Standard Profiles'!$G$19=$B$24,21,0),MOD($C6544,24)+1)/SUM(INDEX($D$3:$AA$30,INDEX(Jesper!$R$2:$R$366,ROW(INDEX(Jesper!AI$2:AI$366,ROUNDDOWN($C6544/24,0)+1,1))-1)+IF('Standard Profiles'!$G$19=$B$10,7,0)+IF('Standard Profiles'!$G$19=$B$17,14,0)+IF('Standard Profiles'!$G$19=$B$24,21,0),0)),0)</f>
        <v>1.7490885172816808</v>
      </c>
      <c r="F6544" cm="1">
        <f t="array" ref="F6544">IFERROR(INDEX(Jesper!AJ$2:AJ$366,ROUNDDOWN($C6544/24,0)+1,1)*INDEX($D$3:$AA$30,INDEX(Jesper!$R$2:$R$366,ROW(INDEX(Jesper!AJ$2:AJ$366,ROUNDDOWN($C6544/24,0)+1,1))-1)+IF('Standard Profiles'!$G$20=$B$10,7,0)+IF('Standard Profiles'!$G$20=$B$17,14,0)+IF('Standard Profiles'!$G$20=$B$24,21,0),MOD($C6544,24)+1)/SUM(INDEX($D$3:$AA$30,INDEX(Jesper!$R$2:$R$366,ROW(INDEX(Jesper!AJ$2:AJ$366,ROUNDDOWN($C6544/24,0)+1,1))-1)+IF('Standard Profiles'!$G$20=$B$10,7,0)+IF('Standard Profiles'!$G$20=$B$17,14,0)+IF('Standard Profiles'!$G$20=$B$24,21,0),0)),0)</f>
        <v>0</v>
      </c>
      <c r="G6544" cm="1">
        <f t="array" ref="G6544">IFERROR(INDEX(Jesper!AK$2:AK$366,ROUNDDOWN($C6544/24,0)+1,1)*INDEX($D$3:$AA$30,INDEX(Jesper!$R$2:$R$366,ROW(INDEX(Jesper!AK$2:AK$366,ROUNDDOWN($C6544/24,0)+1,1))-1)+IF('Standard Profiles'!$G$21=$B$10,7,0)+IF('Standard Profiles'!$G$21=$B$17,14,0)+IF('Standard Profiles'!$G$21=$B$24,21,0),MOD($C6544,24)+1)/SUM(INDEX($D$3:$AA$30,INDEX(Jesper!$R$2:$R$366,ROW(INDEX(Jesper!AK$2:AK$366,ROUNDDOWN($C6544/24,0)+1,1))-1)+IF('Standard Profiles'!$G$21=$B$10,7,0)+IF('Standard Profiles'!$G$21=$B$17,14,0)+IF('Standard Profiles'!$G$21=$B$24,21,0),0)),0)</f>
        <v>0</v>
      </c>
      <c r="H6544" cm="1">
        <f t="array" ref="H6544">IFERROR(INDEX(Jesper!AL$2:AL$366,ROUNDDOWN($C6544/24,0)+1,1)*INDEX($D$3:$AA$30,INDEX(Jesper!$R$2:$R$366,ROW(INDEX(Jesper!AL$2:AL$366,ROUNDDOWN($C6544/24,0)+1,1))-1)+IF('Standard Profiles'!$G$22=$B$10,7,0)+IF('Standard Profiles'!$G$22=$B$17,14,0)+IF('Standard Profiles'!$G$22=$B$24,21,0),MOD($C6544,24)+1)/SUM(INDEX($D$3:$AA$30,INDEX(Jesper!$R$2:$R$366,ROW(INDEX(Jesper!AL$2:AL$366,ROUNDDOWN($C6544/24,0)+1,1))-1)+IF('Standard Profiles'!$G$22=$B$10,7,0)+IF('Standard Profiles'!$G$22=$B$17,14,0)+IF('Standard Profiles'!$G$22=$B$24,21,0),0)),0)</f>
        <v>0</v>
      </c>
      <c r="I6544">
        <f t="shared" si="727"/>
        <v>0.15757554209744876</v>
      </c>
      <c r="J6544">
        <f t="shared" si="728"/>
        <v>0.52525180699149598</v>
      </c>
      <c r="K6544">
        <f t="shared" si="729"/>
        <v>0.78787771048724387</v>
      </c>
      <c r="L6544">
        <f t="shared" si="730"/>
        <v>11.012555437590212</v>
      </c>
      <c r="M6544">
        <f t="shared" si="731"/>
        <v>0</v>
      </c>
      <c r="N6544" s="46">
        <f t="shared" si="732"/>
        <v>45563.249999984211</v>
      </c>
    </row>
    <row r="6545" spans="2:14" x14ac:dyDescent="0.3">
      <c r="B6545">
        <f t="shared" si="726"/>
        <v>6</v>
      </c>
      <c r="C6545" s="16">
        <v>6511</v>
      </c>
      <c r="D6545" cm="1">
        <f t="array" ref="D6545">IFERROR(INDEX(Jesper!AH$2:AH$366,ROUNDDOWN($C6545/24,0)+1,1)*INDEX($D$3:$AA$30,INDEX(Jesper!$R$2:$R$366,ROW(INDEX(Jesper!AH$2:AH$366,ROUNDDOWN($C6545/24,0)+1,1))-1)+IF('Standard Profiles'!$G$18=$B$10,7,0)+IF('Standard Profiles'!$G$18=$B$17,14,0)+IF('Standard Profiles'!$G$18=$B$24,21,0),MOD($C6545,24)+1)/SUM(INDEX($D$3:$AA$30,INDEX(Jesper!$R$2:$R$366,ROW(INDEX(Jesper!AH$2:AH$366,ROUNDDOWN($C6545/24,0)+1,1))-1)+IF('Standard Profiles'!$G$18=$B$10,7,0)+IF('Standard Profiles'!$G$18=$B$17,14,0)+IF('Standard Profiles'!$G$18=$B$24,21,0),0)),0)</f>
        <v>12.243664914556007</v>
      </c>
      <c r="E6545" cm="1">
        <f t="array" ref="E6545">IFERROR(INDEX(Jesper!AI$2:AI$366,ROUNDDOWN($C6545/24,0)+1,1)*INDEX($D$3:$AA$30,INDEX(Jesper!$R$2:$R$366,ROW(INDEX(Jesper!AI$2:AI$366,ROUNDDOWN($C6545/24,0)+1,1))-1)+IF('Standard Profiles'!$G$19=$B$10,7,0)+IF('Standard Profiles'!$G$19=$B$17,14,0)+IF('Standard Profiles'!$G$19=$B$24,21,0),MOD($C6545,24)+1)/SUM(INDEX($D$3:$AA$30,INDEX(Jesper!$R$2:$R$366,ROW(INDEX(Jesper!AI$2:AI$366,ROUNDDOWN($C6545/24,0)+1,1))-1)+IF('Standard Profiles'!$G$19=$B$10,7,0)+IF('Standard Profiles'!$G$19=$B$17,14,0)+IF('Standard Profiles'!$G$19=$B$24,21,0),0)),0)</f>
        <v>1.9950540900244169</v>
      </c>
      <c r="F6545" cm="1">
        <f t="array" ref="F6545">IFERROR(INDEX(Jesper!AJ$2:AJ$366,ROUNDDOWN($C6545/24,0)+1,1)*INDEX($D$3:$AA$30,INDEX(Jesper!$R$2:$R$366,ROW(INDEX(Jesper!AJ$2:AJ$366,ROUNDDOWN($C6545/24,0)+1,1))-1)+IF('Standard Profiles'!$G$20=$B$10,7,0)+IF('Standard Profiles'!$G$20=$B$17,14,0)+IF('Standard Profiles'!$G$20=$B$24,21,0),MOD($C6545,24)+1)/SUM(INDEX($D$3:$AA$30,INDEX(Jesper!$R$2:$R$366,ROW(INDEX(Jesper!AJ$2:AJ$366,ROUNDDOWN($C6545/24,0)+1,1))-1)+IF('Standard Profiles'!$G$20=$B$10,7,0)+IF('Standard Profiles'!$G$20=$B$17,14,0)+IF('Standard Profiles'!$G$20=$B$24,21,0),0)),0)</f>
        <v>0</v>
      </c>
      <c r="G6545" cm="1">
        <f t="array" ref="G6545">IFERROR(INDEX(Jesper!AK$2:AK$366,ROUNDDOWN($C6545/24,0)+1,1)*INDEX($D$3:$AA$30,INDEX(Jesper!$R$2:$R$366,ROW(INDEX(Jesper!AK$2:AK$366,ROUNDDOWN($C6545/24,0)+1,1))-1)+IF('Standard Profiles'!$G$21=$B$10,7,0)+IF('Standard Profiles'!$G$21=$B$17,14,0)+IF('Standard Profiles'!$G$21=$B$24,21,0),MOD($C6545,24)+1)/SUM(INDEX($D$3:$AA$30,INDEX(Jesper!$R$2:$R$366,ROW(INDEX(Jesper!AK$2:AK$366,ROUNDDOWN($C6545/24,0)+1,1))-1)+IF('Standard Profiles'!$G$21=$B$10,7,0)+IF('Standard Profiles'!$G$21=$B$17,14,0)+IF('Standard Profiles'!$G$21=$B$24,21,0),0)),0)</f>
        <v>0</v>
      </c>
      <c r="H6545" cm="1">
        <f t="array" ref="H6545">IFERROR(INDEX(Jesper!AL$2:AL$366,ROUNDDOWN($C6545/24,0)+1,1)*INDEX($D$3:$AA$30,INDEX(Jesper!$R$2:$R$366,ROW(INDEX(Jesper!AL$2:AL$366,ROUNDDOWN($C6545/24,0)+1,1))-1)+IF('Standard Profiles'!$G$22=$B$10,7,0)+IF('Standard Profiles'!$G$22=$B$17,14,0)+IF('Standard Profiles'!$G$22=$B$24,21,0),MOD($C6545,24)+1)/SUM(INDEX($D$3:$AA$30,INDEX(Jesper!$R$2:$R$366,ROW(INDEX(Jesper!AL$2:AL$366,ROUNDDOWN($C6545/24,0)+1,1))-1)+IF('Standard Profiles'!$G$22=$B$10,7,0)+IF('Standard Profiles'!$G$22=$B$17,14,0)+IF('Standard Profiles'!$G$22=$B$24,21,0),0)),0)</f>
        <v>0</v>
      </c>
      <c r="I6545">
        <f t="shared" si="727"/>
        <v>0.17973460270490246</v>
      </c>
      <c r="J6545">
        <f t="shared" si="728"/>
        <v>0.59911534234967501</v>
      </c>
      <c r="K6545">
        <f t="shared" si="729"/>
        <v>0.89867301352451245</v>
      </c>
      <c r="L6545">
        <f t="shared" si="730"/>
        <v>12.561196046001333</v>
      </c>
      <c r="M6545">
        <f t="shared" si="731"/>
        <v>0</v>
      </c>
      <c r="N6545" s="46">
        <f t="shared" si="732"/>
        <v>45563.291666650875</v>
      </c>
    </row>
    <row r="6546" spans="2:14" x14ac:dyDescent="0.3">
      <c r="B6546">
        <f t="shared" si="726"/>
        <v>6</v>
      </c>
      <c r="C6546" s="16">
        <v>6512</v>
      </c>
      <c r="D6546" cm="1">
        <f t="array" ref="D6546">IFERROR(INDEX(Jesper!AH$2:AH$366,ROUNDDOWN($C6546/24,0)+1,1)*INDEX($D$3:$AA$30,INDEX(Jesper!$R$2:$R$366,ROW(INDEX(Jesper!AH$2:AH$366,ROUNDDOWN($C6546/24,0)+1,1))-1)+IF('Standard Profiles'!$G$18=$B$10,7,0)+IF('Standard Profiles'!$G$18=$B$17,14,0)+IF('Standard Profiles'!$G$18=$B$24,21,0),MOD($C6546,24)+1)/SUM(INDEX($D$3:$AA$30,INDEX(Jesper!$R$2:$R$366,ROW(INDEX(Jesper!AH$2:AH$366,ROUNDDOWN($C6546/24,0)+1,1))-1)+IF('Standard Profiles'!$G$18=$B$10,7,0)+IF('Standard Profiles'!$G$18=$B$17,14,0)+IF('Standard Profiles'!$G$18=$B$24,21,0),0)),0)</f>
        <v>12.243664914556007</v>
      </c>
      <c r="E6546" cm="1">
        <f t="array" ref="E6546">IFERROR(INDEX(Jesper!AI$2:AI$366,ROUNDDOWN($C6546/24,0)+1,1)*INDEX($D$3:$AA$30,INDEX(Jesper!$R$2:$R$366,ROW(INDEX(Jesper!AI$2:AI$366,ROUNDDOWN($C6546/24,0)+1,1))-1)+IF('Standard Profiles'!$G$19=$B$10,7,0)+IF('Standard Profiles'!$G$19=$B$17,14,0)+IF('Standard Profiles'!$G$19=$B$24,21,0),MOD($C6546,24)+1)/SUM(INDEX($D$3:$AA$30,INDEX(Jesper!$R$2:$R$366,ROW(INDEX(Jesper!AI$2:AI$366,ROUNDDOWN($C6546/24,0)+1,1))-1)+IF('Standard Profiles'!$G$19=$B$10,7,0)+IF('Standard Profiles'!$G$19=$B$17,14,0)+IF('Standard Profiles'!$G$19=$B$24,21,0),0)),0)</f>
        <v>1.9950540900244169</v>
      </c>
      <c r="F6546" cm="1">
        <f t="array" ref="F6546">IFERROR(INDEX(Jesper!AJ$2:AJ$366,ROUNDDOWN($C6546/24,0)+1,1)*INDEX($D$3:$AA$30,INDEX(Jesper!$R$2:$R$366,ROW(INDEX(Jesper!AJ$2:AJ$366,ROUNDDOWN($C6546/24,0)+1,1))-1)+IF('Standard Profiles'!$G$20=$B$10,7,0)+IF('Standard Profiles'!$G$20=$B$17,14,0)+IF('Standard Profiles'!$G$20=$B$24,21,0),MOD($C6546,24)+1)/SUM(INDEX($D$3:$AA$30,INDEX(Jesper!$R$2:$R$366,ROW(INDEX(Jesper!AJ$2:AJ$366,ROUNDDOWN($C6546/24,0)+1,1))-1)+IF('Standard Profiles'!$G$20=$B$10,7,0)+IF('Standard Profiles'!$G$20=$B$17,14,0)+IF('Standard Profiles'!$G$20=$B$24,21,0),0)),0)</f>
        <v>0</v>
      </c>
      <c r="G6546" cm="1">
        <f t="array" ref="G6546">IFERROR(INDEX(Jesper!AK$2:AK$366,ROUNDDOWN($C6546/24,0)+1,1)*INDEX($D$3:$AA$30,INDEX(Jesper!$R$2:$R$366,ROW(INDEX(Jesper!AK$2:AK$366,ROUNDDOWN($C6546/24,0)+1,1))-1)+IF('Standard Profiles'!$G$21=$B$10,7,0)+IF('Standard Profiles'!$G$21=$B$17,14,0)+IF('Standard Profiles'!$G$21=$B$24,21,0),MOD($C6546,24)+1)/SUM(INDEX($D$3:$AA$30,INDEX(Jesper!$R$2:$R$366,ROW(INDEX(Jesper!AK$2:AK$366,ROUNDDOWN($C6546/24,0)+1,1))-1)+IF('Standard Profiles'!$G$21=$B$10,7,0)+IF('Standard Profiles'!$G$21=$B$17,14,0)+IF('Standard Profiles'!$G$21=$B$24,21,0),0)),0)</f>
        <v>0</v>
      </c>
      <c r="H6546" cm="1">
        <f t="array" ref="H6546">IFERROR(INDEX(Jesper!AL$2:AL$366,ROUNDDOWN($C6546/24,0)+1,1)*INDEX($D$3:$AA$30,INDEX(Jesper!$R$2:$R$366,ROW(INDEX(Jesper!AL$2:AL$366,ROUNDDOWN($C6546/24,0)+1,1))-1)+IF('Standard Profiles'!$G$22=$B$10,7,0)+IF('Standard Profiles'!$G$22=$B$17,14,0)+IF('Standard Profiles'!$G$22=$B$24,21,0),MOD($C6546,24)+1)/SUM(INDEX($D$3:$AA$30,INDEX(Jesper!$R$2:$R$366,ROW(INDEX(Jesper!AL$2:AL$366,ROUNDDOWN($C6546/24,0)+1,1))-1)+IF('Standard Profiles'!$G$22=$B$10,7,0)+IF('Standard Profiles'!$G$22=$B$17,14,0)+IF('Standard Profiles'!$G$22=$B$24,21,0),0)),0)</f>
        <v>0</v>
      </c>
      <c r="I6546">
        <f t="shared" si="727"/>
        <v>0.17973460270490246</v>
      </c>
      <c r="J6546">
        <f t="shared" si="728"/>
        <v>0.59911534234967501</v>
      </c>
      <c r="K6546">
        <f t="shared" si="729"/>
        <v>0.89867301352451245</v>
      </c>
      <c r="L6546">
        <f t="shared" si="730"/>
        <v>12.561196046001333</v>
      </c>
      <c r="M6546">
        <f t="shared" si="731"/>
        <v>0</v>
      </c>
      <c r="N6546" s="46">
        <f t="shared" si="732"/>
        <v>45563.33333331754</v>
      </c>
    </row>
    <row r="6547" spans="2:14" x14ac:dyDescent="0.3">
      <c r="B6547">
        <f t="shared" si="726"/>
        <v>6</v>
      </c>
      <c r="C6547" s="16">
        <v>6513</v>
      </c>
      <c r="D6547" cm="1">
        <f t="array" ref="D6547">IFERROR(INDEX(Jesper!AH$2:AH$366,ROUNDDOWN($C6547/24,0)+1,1)*INDEX($D$3:$AA$30,INDEX(Jesper!$R$2:$R$366,ROW(INDEX(Jesper!AH$2:AH$366,ROUNDDOWN($C6547/24,0)+1,1))-1)+IF('Standard Profiles'!$G$18=$B$10,7,0)+IF('Standard Profiles'!$G$18=$B$17,14,0)+IF('Standard Profiles'!$G$18=$B$24,21,0),MOD($C6547,24)+1)/SUM(INDEX($D$3:$AA$30,INDEX(Jesper!$R$2:$R$366,ROW(INDEX(Jesper!AH$2:AH$366,ROUNDDOWN($C6547/24,0)+1,1))-1)+IF('Standard Profiles'!$G$18=$B$10,7,0)+IF('Standard Profiles'!$G$18=$B$17,14,0)+IF('Standard Profiles'!$G$18=$B$24,21,0),0)),0)</f>
        <v>12.243664914556007</v>
      </c>
      <c r="E6547" cm="1">
        <f t="array" ref="E6547">IFERROR(INDEX(Jesper!AI$2:AI$366,ROUNDDOWN($C6547/24,0)+1,1)*INDEX($D$3:$AA$30,INDEX(Jesper!$R$2:$R$366,ROW(INDEX(Jesper!AI$2:AI$366,ROUNDDOWN($C6547/24,0)+1,1))-1)+IF('Standard Profiles'!$G$19=$B$10,7,0)+IF('Standard Profiles'!$G$19=$B$17,14,0)+IF('Standard Profiles'!$G$19=$B$24,21,0),MOD($C6547,24)+1)/SUM(INDEX($D$3:$AA$30,INDEX(Jesper!$R$2:$R$366,ROW(INDEX(Jesper!AI$2:AI$366,ROUNDDOWN($C6547/24,0)+1,1))-1)+IF('Standard Profiles'!$G$19=$B$10,7,0)+IF('Standard Profiles'!$G$19=$B$17,14,0)+IF('Standard Profiles'!$G$19=$B$24,21,0),0)),0)</f>
        <v>1.9950540900244169</v>
      </c>
      <c r="F6547" cm="1">
        <f t="array" ref="F6547">IFERROR(INDEX(Jesper!AJ$2:AJ$366,ROUNDDOWN($C6547/24,0)+1,1)*INDEX($D$3:$AA$30,INDEX(Jesper!$R$2:$R$366,ROW(INDEX(Jesper!AJ$2:AJ$366,ROUNDDOWN($C6547/24,0)+1,1))-1)+IF('Standard Profiles'!$G$20=$B$10,7,0)+IF('Standard Profiles'!$G$20=$B$17,14,0)+IF('Standard Profiles'!$G$20=$B$24,21,0),MOD($C6547,24)+1)/SUM(INDEX($D$3:$AA$30,INDEX(Jesper!$R$2:$R$366,ROW(INDEX(Jesper!AJ$2:AJ$366,ROUNDDOWN($C6547/24,0)+1,1))-1)+IF('Standard Profiles'!$G$20=$B$10,7,0)+IF('Standard Profiles'!$G$20=$B$17,14,0)+IF('Standard Profiles'!$G$20=$B$24,21,0),0)),0)</f>
        <v>0</v>
      </c>
      <c r="G6547" cm="1">
        <f t="array" ref="G6547">IFERROR(INDEX(Jesper!AK$2:AK$366,ROUNDDOWN($C6547/24,0)+1,1)*INDEX($D$3:$AA$30,INDEX(Jesper!$R$2:$R$366,ROW(INDEX(Jesper!AK$2:AK$366,ROUNDDOWN($C6547/24,0)+1,1))-1)+IF('Standard Profiles'!$G$21=$B$10,7,0)+IF('Standard Profiles'!$G$21=$B$17,14,0)+IF('Standard Profiles'!$G$21=$B$24,21,0),MOD($C6547,24)+1)/SUM(INDEX($D$3:$AA$30,INDEX(Jesper!$R$2:$R$366,ROW(INDEX(Jesper!AK$2:AK$366,ROUNDDOWN($C6547/24,0)+1,1))-1)+IF('Standard Profiles'!$G$21=$B$10,7,0)+IF('Standard Profiles'!$G$21=$B$17,14,0)+IF('Standard Profiles'!$G$21=$B$24,21,0),0)),0)</f>
        <v>0</v>
      </c>
      <c r="H6547" cm="1">
        <f t="array" ref="H6547">IFERROR(INDEX(Jesper!AL$2:AL$366,ROUNDDOWN($C6547/24,0)+1,1)*INDEX($D$3:$AA$30,INDEX(Jesper!$R$2:$R$366,ROW(INDEX(Jesper!AL$2:AL$366,ROUNDDOWN($C6547/24,0)+1,1))-1)+IF('Standard Profiles'!$G$22=$B$10,7,0)+IF('Standard Profiles'!$G$22=$B$17,14,0)+IF('Standard Profiles'!$G$22=$B$24,21,0),MOD($C6547,24)+1)/SUM(INDEX($D$3:$AA$30,INDEX(Jesper!$R$2:$R$366,ROW(INDEX(Jesper!AL$2:AL$366,ROUNDDOWN($C6547/24,0)+1,1))-1)+IF('Standard Profiles'!$G$22=$B$10,7,0)+IF('Standard Profiles'!$G$22=$B$17,14,0)+IF('Standard Profiles'!$G$22=$B$24,21,0),0)),0)</f>
        <v>0</v>
      </c>
      <c r="I6547">
        <f t="shared" si="727"/>
        <v>0.17973460270490246</v>
      </c>
      <c r="J6547">
        <f t="shared" si="728"/>
        <v>0.59911534234967501</v>
      </c>
      <c r="K6547">
        <f t="shared" si="729"/>
        <v>0.89867301352451245</v>
      </c>
      <c r="L6547">
        <f t="shared" si="730"/>
        <v>12.561196046001333</v>
      </c>
      <c r="M6547">
        <f t="shared" si="731"/>
        <v>0</v>
      </c>
      <c r="N6547" s="46">
        <f t="shared" si="732"/>
        <v>45563.374999984204</v>
      </c>
    </row>
    <row r="6548" spans="2:14" x14ac:dyDescent="0.3">
      <c r="B6548">
        <f t="shared" si="726"/>
        <v>6</v>
      </c>
      <c r="C6548" s="16">
        <v>6514</v>
      </c>
      <c r="D6548" cm="1">
        <f t="array" ref="D6548">IFERROR(INDEX(Jesper!AH$2:AH$366,ROUNDDOWN($C6548/24,0)+1,1)*INDEX($D$3:$AA$30,INDEX(Jesper!$R$2:$R$366,ROW(INDEX(Jesper!AH$2:AH$366,ROUNDDOWN($C6548/24,0)+1,1))-1)+IF('Standard Profiles'!$G$18=$B$10,7,0)+IF('Standard Profiles'!$G$18=$B$17,14,0)+IF('Standard Profiles'!$G$18=$B$24,21,0),MOD($C6548,24)+1)/SUM(INDEX($D$3:$AA$30,INDEX(Jesper!$R$2:$R$366,ROW(INDEX(Jesper!AH$2:AH$366,ROUNDDOWN($C6548/24,0)+1,1))-1)+IF('Standard Profiles'!$G$18=$B$10,7,0)+IF('Standard Profiles'!$G$18=$B$17,14,0)+IF('Standard Profiles'!$G$18=$B$24,21,0),0)),0)</f>
        <v>12.243664914556007</v>
      </c>
      <c r="E6548" cm="1">
        <f t="array" ref="E6548">IFERROR(INDEX(Jesper!AI$2:AI$366,ROUNDDOWN($C6548/24,0)+1,1)*INDEX($D$3:$AA$30,INDEX(Jesper!$R$2:$R$366,ROW(INDEX(Jesper!AI$2:AI$366,ROUNDDOWN($C6548/24,0)+1,1))-1)+IF('Standard Profiles'!$G$19=$B$10,7,0)+IF('Standard Profiles'!$G$19=$B$17,14,0)+IF('Standard Profiles'!$G$19=$B$24,21,0),MOD($C6548,24)+1)/SUM(INDEX($D$3:$AA$30,INDEX(Jesper!$R$2:$R$366,ROW(INDEX(Jesper!AI$2:AI$366,ROUNDDOWN($C6548/24,0)+1,1))-1)+IF('Standard Profiles'!$G$19=$B$10,7,0)+IF('Standard Profiles'!$G$19=$B$17,14,0)+IF('Standard Profiles'!$G$19=$B$24,21,0),0)),0)</f>
        <v>1.9950540900244169</v>
      </c>
      <c r="F6548" cm="1">
        <f t="array" ref="F6548">IFERROR(INDEX(Jesper!AJ$2:AJ$366,ROUNDDOWN($C6548/24,0)+1,1)*INDEX($D$3:$AA$30,INDEX(Jesper!$R$2:$R$366,ROW(INDEX(Jesper!AJ$2:AJ$366,ROUNDDOWN($C6548/24,0)+1,1))-1)+IF('Standard Profiles'!$G$20=$B$10,7,0)+IF('Standard Profiles'!$G$20=$B$17,14,0)+IF('Standard Profiles'!$G$20=$B$24,21,0),MOD($C6548,24)+1)/SUM(INDEX($D$3:$AA$30,INDEX(Jesper!$R$2:$R$366,ROW(INDEX(Jesper!AJ$2:AJ$366,ROUNDDOWN($C6548/24,0)+1,1))-1)+IF('Standard Profiles'!$G$20=$B$10,7,0)+IF('Standard Profiles'!$G$20=$B$17,14,0)+IF('Standard Profiles'!$G$20=$B$24,21,0),0)),0)</f>
        <v>0</v>
      </c>
      <c r="G6548" cm="1">
        <f t="array" ref="G6548">IFERROR(INDEX(Jesper!AK$2:AK$366,ROUNDDOWN($C6548/24,0)+1,1)*INDEX($D$3:$AA$30,INDEX(Jesper!$R$2:$R$366,ROW(INDEX(Jesper!AK$2:AK$366,ROUNDDOWN($C6548/24,0)+1,1))-1)+IF('Standard Profiles'!$G$21=$B$10,7,0)+IF('Standard Profiles'!$G$21=$B$17,14,0)+IF('Standard Profiles'!$G$21=$B$24,21,0),MOD($C6548,24)+1)/SUM(INDEX($D$3:$AA$30,INDEX(Jesper!$R$2:$R$366,ROW(INDEX(Jesper!AK$2:AK$366,ROUNDDOWN($C6548/24,0)+1,1))-1)+IF('Standard Profiles'!$G$21=$B$10,7,0)+IF('Standard Profiles'!$G$21=$B$17,14,0)+IF('Standard Profiles'!$G$21=$B$24,21,0),0)),0)</f>
        <v>0</v>
      </c>
      <c r="H6548" cm="1">
        <f t="array" ref="H6548">IFERROR(INDEX(Jesper!AL$2:AL$366,ROUNDDOWN($C6548/24,0)+1,1)*INDEX($D$3:$AA$30,INDEX(Jesper!$R$2:$R$366,ROW(INDEX(Jesper!AL$2:AL$366,ROUNDDOWN($C6548/24,0)+1,1))-1)+IF('Standard Profiles'!$G$22=$B$10,7,0)+IF('Standard Profiles'!$G$22=$B$17,14,0)+IF('Standard Profiles'!$G$22=$B$24,21,0),MOD($C6548,24)+1)/SUM(INDEX($D$3:$AA$30,INDEX(Jesper!$R$2:$R$366,ROW(INDEX(Jesper!AL$2:AL$366,ROUNDDOWN($C6548/24,0)+1,1))-1)+IF('Standard Profiles'!$G$22=$B$10,7,0)+IF('Standard Profiles'!$G$22=$B$17,14,0)+IF('Standard Profiles'!$G$22=$B$24,21,0),0)),0)</f>
        <v>0</v>
      </c>
      <c r="I6548">
        <f t="shared" si="727"/>
        <v>0.17973460270490246</v>
      </c>
      <c r="J6548">
        <f t="shared" si="728"/>
        <v>0.59911534234967501</v>
      </c>
      <c r="K6548">
        <f t="shared" si="729"/>
        <v>0.89867301352451245</v>
      </c>
      <c r="L6548">
        <f t="shared" si="730"/>
        <v>12.561196046001333</v>
      </c>
      <c r="M6548">
        <f t="shared" si="731"/>
        <v>0</v>
      </c>
      <c r="N6548" s="46">
        <f t="shared" si="732"/>
        <v>45563.416666650868</v>
      </c>
    </row>
    <row r="6549" spans="2:14" x14ac:dyDescent="0.3">
      <c r="B6549">
        <f t="shared" si="726"/>
        <v>6</v>
      </c>
      <c r="C6549" s="16">
        <v>6515</v>
      </c>
      <c r="D6549" cm="1">
        <f t="array" ref="D6549">IFERROR(INDEX(Jesper!AH$2:AH$366,ROUNDDOWN($C6549/24,0)+1,1)*INDEX($D$3:$AA$30,INDEX(Jesper!$R$2:$R$366,ROW(INDEX(Jesper!AH$2:AH$366,ROUNDDOWN($C6549/24,0)+1,1))-1)+IF('Standard Profiles'!$G$18=$B$10,7,0)+IF('Standard Profiles'!$G$18=$B$17,14,0)+IF('Standard Profiles'!$G$18=$B$24,21,0),MOD($C6549,24)+1)/SUM(INDEX($D$3:$AA$30,INDEX(Jesper!$R$2:$R$366,ROW(INDEX(Jesper!AH$2:AH$366,ROUNDDOWN($C6549/24,0)+1,1))-1)+IF('Standard Profiles'!$G$18=$B$10,7,0)+IF('Standard Profiles'!$G$18=$B$17,14,0)+IF('Standard Profiles'!$G$18=$B$24,21,0),0)),0)</f>
        <v>12.243664914556007</v>
      </c>
      <c r="E6549" cm="1">
        <f t="array" ref="E6549">IFERROR(INDEX(Jesper!AI$2:AI$366,ROUNDDOWN($C6549/24,0)+1,1)*INDEX($D$3:$AA$30,INDEX(Jesper!$R$2:$R$366,ROW(INDEX(Jesper!AI$2:AI$366,ROUNDDOWN($C6549/24,0)+1,1))-1)+IF('Standard Profiles'!$G$19=$B$10,7,0)+IF('Standard Profiles'!$G$19=$B$17,14,0)+IF('Standard Profiles'!$G$19=$B$24,21,0),MOD($C6549,24)+1)/SUM(INDEX($D$3:$AA$30,INDEX(Jesper!$R$2:$R$366,ROW(INDEX(Jesper!AI$2:AI$366,ROUNDDOWN($C6549/24,0)+1,1))-1)+IF('Standard Profiles'!$G$19=$B$10,7,0)+IF('Standard Profiles'!$G$19=$B$17,14,0)+IF('Standard Profiles'!$G$19=$B$24,21,0),0)),0)</f>
        <v>1.9950540900244169</v>
      </c>
      <c r="F6549" cm="1">
        <f t="array" ref="F6549">IFERROR(INDEX(Jesper!AJ$2:AJ$366,ROUNDDOWN($C6549/24,0)+1,1)*INDEX($D$3:$AA$30,INDEX(Jesper!$R$2:$R$366,ROW(INDEX(Jesper!AJ$2:AJ$366,ROUNDDOWN($C6549/24,0)+1,1))-1)+IF('Standard Profiles'!$G$20=$B$10,7,0)+IF('Standard Profiles'!$G$20=$B$17,14,0)+IF('Standard Profiles'!$G$20=$B$24,21,0),MOD($C6549,24)+1)/SUM(INDEX($D$3:$AA$30,INDEX(Jesper!$R$2:$R$366,ROW(INDEX(Jesper!AJ$2:AJ$366,ROUNDDOWN($C6549/24,0)+1,1))-1)+IF('Standard Profiles'!$G$20=$B$10,7,0)+IF('Standard Profiles'!$G$20=$B$17,14,0)+IF('Standard Profiles'!$G$20=$B$24,21,0),0)),0)</f>
        <v>0</v>
      </c>
      <c r="G6549" cm="1">
        <f t="array" ref="G6549">IFERROR(INDEX(Jesper!AK$2:AK$366,ROUNDDOWN($C6549/24,0)+1,1)*INDEX($D$3:$AA$30,INDEX(Jesper!$R$2:$R$366,ROW(INDEX(Jesper!AK$2:AK$366,ROUNDDOWN($C6549/24,0)+1,1))-1)+IF('Standard Profiles'!$G$21=$B$10,7,0)+IF('Standard Profiles'!$G$21=$B$17,14,0)+IF('Standard Profiles'!$G$21=$B$24,21,0),MOD($C6549,24)+1)/SUM(INDEX($D$3:$AA$30,INDEX(Jesper!$R$2:$R$366,ROW(INDEX(Jesper!AK$2:AK$366,ROUNDDOWN($C6549/24,0)+1,1))-1)+IF('Standard Profiles'!$G$21=$B$10,7,0)+IF('Standard Profiles'!$G$21=$B$17,14,0)+IF('Standard Profiles'!$G$21=$B$24,21,0),0)),0)</f>
        <v>0</v>
      </c>
      <c r="H6549" cm="1">
        <f t="array" ref="H6549">IFERROR(INDEX(Jesper!AL$2:AL$366,ROUNDDOWN($C6549/24,0)+1,1)*INDEX($D$3:$AA$30,INDEX(Jesper!$R$2:$R$366,ROW(INDEX(Jesper!AL$2:AL$366,ROUNDDOWN($C6549/24,0)+1,1))-1)+IF('Standard Profiles'!$G$22=$B$10,7,0)+IF('Standard Profiles'!$G$22=$B$17,14,0)+IF('Standard Profiles'!$G$22=$B$24,21,0),MOD($C6549,24)+1)/SUM(INDEX($D$3:$AA$30,INDEX(Jesper!$R$2:$R$366,ROW(INDEX(Jesper!AL$2:AL$366,ROUNDDOWN($C6549/24,0)+1,1))-1)+IF('Standard Profiles'!$G$22=$B$10,7,0)+IF('Standard Profiles'!$G$22=$B$17,14,0)+IF('Standard Profiles'!$G$22=$B$24,21,0),0)),0)</f>
        <v>0</v>
      </c>
      <c r="I6549">
        <f t="shared" si="727"/>
        <v>0.17973460270490246</v>
      </c>
      <c r="J6549">
        <f t="shared" si="728"/>
        <v>0.59911534234967501</v>
      </c>
      <c r="K6549">
        <f t="shared" si="729"/>
        <v>0.89867301352451245</v>
      </c>
      <c r="L6549">
        <f t="shared" si="730"/>
        <v>12.561196046001333</v>
      </c>
      <c r="M6549">
        <f t="shared" si="731"/>
        <v>0</v>
      </c>
      <c r="N6549" s="46">
        <f t="shared" si="732"/>
        <v>45563.458333317532</v>
      </c>
    </row>
    <row r="6550" spans="2:14" x14ac:dyDescent="0.3">
      <c r="B6550">
        <f t="shared" si="726"/>
        <v>6</v>
      </c>
      <c r="C6550" s="16">
        <v>6516</v>
      </c>
      <c r="D6550" cm="1">
        <f t="array" ref="D6550">IFERROR(INDEX(Jesper!AH$2:AH$366,ROUNDDOWN($C6550/24,0)+1,1)*INDEX($D$3:$AA$30,INDEX(Jesper!$R$2:$R$366,ROW(INDEX(Jesper!AH$2:AH$366,ROUNDDOWN($C6550/24,0)+1,1))-1)+IF('Standard Profiles'!$G$18=$B$10,7,0)+IF('Standard Profiles'!$G$18=$B$17,14,0)+IF('Standard Profiles'!$G$18=$B$24,21,0),MOD($C6550,24)+1)/SUM(INDEX($D$3:$AA$30,INDEX(Jesper!$R$2:$R$366,ROW(INDEX(Jesper!AH$2:AH$366,ROUNDDOWN($C6550/24,0)+1,1))-1)+IF('Standard Profiles'!$G$18=$B$10,7,0)+IF('Standard Profiles'!$G$18=$B$17,14,0)+IF('Standard Profiles'!$G$18=$B$24,21,0),0)),0)</f>
        <v>12.243664914556007</v>
      </c>
      <c r="E6550" cm="1">
        <f t="array" ref="E6550">IFERROR(INDEX(Jesper!AI$2:AI$366,ROUNDDOWN($C6550/24,0)+1,1)*INDEX($D$3:$AA$30,INDEX(Jesper!$R$2:$R$366,ROW(INDEX(Jesper!AI$2:AI$366,ROUNDDOWN($C6550/24,0)+1,1))-1)+IF('Standard Profiles'!$G$19=$B$10,7,0)+IF('Standard Profiles'!$G$19=$B$17,14,0)+IF('Standard Profiles'!$G$19=$B$24,21,0),MOD($C6550,24)+1)/SUM(INDEX($D$3:$AA$30,INDEX(Jesper!$R$2:$R$366,ROW(INDEX(Jesper!AI$2:AI$366,ROUNDDOWN($C6550/24,0)+1,1))-1)+IF('Standard Profiles'!$G$19=$B$10,7,0)+IF('Standard Profiles'!$G$19=$B$17,14,0)+IF('Standard Profiles'!$G$19=$B$24,21,0),0)),0)</f>
        <v>1.9950540900244169</v>
      </c>
      <c r="F6550" cm="1">
        <f t="array" ref="F6550">IFERROR(INDEX(Jesper!AJ$2:AJ$366,ROUNDDOWN($C6550/24,0)+1,1)*INDEX($D$3:$AA$30,INDEX(Jesper!$R$2:$R$366,ROW(INDEX(Jesper!AJ$2:AJ$366,ROUNDDOWN($C6550/24,0)+1,1))-1)+IF('Standard Profiles'!$G$20=$B$10,7,0)+IF('Standard Profiles'!$G$20=$B$17,14,0)+IF('Standard Profiles'!$G$20=$B$24,21,0),MOD($C6550,24)+1)/SUM(INDEX($D$3:$AA$30,INDEX(Jesper!$R$2:$R$366,ROW(INDEX(Jesper!AJ$2:AJ$366,ROUNDDOWN($C6550/24,0)+1,1))-1)+IF('Standard Profiles'!$G$20=$B$10,7,0)+IF('Standard Profiles'!$G$20=$B$17,14,0)+IF('Standard Profiles'!$G$20=$B$24,21,0),0)),0)</f>
        <v>0</v>
      </c>
      <c r="G6550" cm="1">
        <f t="array" ref="G6550">IFERROR(INDEX(Jesper!AK$2:AK$366,ROUNDDOWN($C6550/24,0)+1,1)*INDEX($D$3:$AA$30,INDEX(Jesper!$R$2:$R$366,ROW(INDEX(Jesper!AK$2:AK$366,ROUNDDOWN($C6550/24,0)+1,1))-1)+IF('Standard Profiles'!$G$21=$B$10,7,0)+IF('Standard Profiles'!$G$21=$B$17,14,0)+IF('Standard Profiles'!$G$21=$B$24,21,0),MOD($C6550,24)+1)/SUM(INDEX($D$3:$AA$30,INDEX(Jesper!$R$2:$R$366,ROW(INDEX(Jesper!AK$2:AK$366,ROUNDDOWN($C6550/24,0)+1,1))-1)+IF('Standard Profiles'!$G$21=$B$10,7,0)+IF('Standard Profiles'!$G$21=$B$17,14,0)+IF('Standard Profiles'!$G$21=$B$24,21,0),0)),0)</f>
        <v>0</v>
      </c>
      <c r="H6550" cm="1">
        <f t="array" ref="H6550">IFERROR(INDEX(Jesper!AL$2:AL$366,ROUNDDOWN($C6550/24,0)+1,1)*INDEX($D$3:$AA$30,INDEX(Jesper!$R$2:$R$366,ROW(INDEX(Jesper!AL$2:AL$366,ROUNDDOWN($C6550/24,0)+1,1))-1)+IF('Standard Profiles'!$G$22=$B$10,7,0)+IF('Standard Profiles'!$G$22=$B$17,14,0)+IF('Standard Profiles'!$G$22=$B$24,21,0),MOD($C6550,24)+1)/SUM(INDEX($D$3:$AA$30,INDEX(Jesper!$R$2:$R$366,ROW(INDEX(Jesper!AL$2:AL$366,ROUNDDOWN($C6550/24,0)+1,1))-1)+IF('Standard Profiles'!$G$22=$B$10,7,0)+IF('Standard Profiles'!$G$22=$B$17,14,0)+IF('Standard Profiles'!$G$22=$B$24,21,0),0)),0)</f>
        <v>0</v>
      </c>
      <c r="I6550">
        <f t="shared" si="727"/>
        <v>0.17973460270490246</v>
      </c>
      <c r="J6550">
        <f t="shared" si="728"/>
        <v>0.59911534234967501</v>
      </c>
      <c r="K6550">
        <f t="shared" si="729"/>
        <v>0.89867301352451245</v>
      </c>
      <c r="L6550">
        <f t="shared" si="730"/>
        <v>12.561196046001333</v>
      </c>
      <c r="M6550">
        <f t="shared" si="731"/>
        <v>0</v>
      </c>
      <c r="N6550" s="46">
        <f t="shared" si="732"/>
        <v>45563.499999984197</v>
      </c>
    </row>
    <row r="6551" spans="2:14" x14ac:dyDescent="0.3">
      <c r="B6551">
        <f t="shared" si="726"/>
        <v>6</v>
      </c>
      <c r="C6551" s="16">
        <v>6517</v>
      </c>
      <c r="D6551" cm="1">
        <f t="array" ref="D6551">IFERROR(INDEX(Jesper!AH$2:AH$366,ROUNDDOWN($C6551/24,0)+1,1)*INDEX($D$3:$AA$30,INDEX(Jesper!$R$2:$R$366,ROW(INDEX(Jesper!AH$2:AH$366,ROUNDDOWN($C6551/24,0)+1,1))-1)+IF('Standard Profiles'!$G$18=$B$10,7,0)+IF('Standard Profiles'!$G$18=$B$17,14,0)+IF('Standard Profiles'!$G$18=$B$24,21,0),MOD($C6551,24)+1)/SUM(INDEX($D$3:$AA$30,INDEX(Jesper!$R$2:$R$366,ROW(INDEX(Jesper!AH$2:AH$366,ROUNDDOWN($C6551/24,0)+1,1))-1)+IF('Standard Profiles'!$G$18=$B$10,7,0)+IF('Standard Profiles'!$G$18=$B$17,14,0)+IF('Standard Profiles'!$G$18=$B$24,21,0),0)),0)</f>
        <v>12.243664914556007</v>
      </c>
      <c r="E6551" cm="1">
        <f t="array" ref="E6551">IFERROR(INDEX(Jesper!AI$2:AI$366,ROUNDDOWN($C6551/24,0)+1,1)*INDEX($D$3:$AA$30,INDEX(Jesper!$R$2:$R$366,ROW(INDEX(Jesper!AI$2:AI$366,ROUNDDOWN($C6551/24,0)+1,1))-1)+IF('Standard Profiles'!$G$19=$B$10,7,0)+IF('Standard Profiles'!$G$19=$B$17,14,0)+IF('Standard Profiles'!$G$19=$B$24,21,0),MOD($C6551,24)+1)/SUM(INDEX($D$3:$AA$30,INDEX(Jesper!$R$2:$R$366,ROW(INDEX(Jesper!AI$2:AI$366,ROUNDDOWN($C6551/24,0)+1,1))-1)+IF('Standard Profiles'!$G$19=$B$10,7,0)+IF('Standard Profiles'!$G$19=$B$17,14,0)+IF('Standard Profiles'!$G$19=$B$24,21,0),0)),0)</f>
        <v>1.9950540900244169</v>
      </c>
      <c r="F6551" cm="1">
        <f t="array" ref="F6551">IFERROR(INDEX(Jesper!AJ$2:AJ$366,ROUNDDOWN($C6551/24,0)+1,1)*INDEX($D$3:$AA$30,INDEX(Jesper!$R$2:$R$366,ROW(INDEX(Jesper!AJ$2:AJ$366,ROUNDDOWN($C6551/24,0)+1,1))-1)+IF('Standard Profiles'!$G$20=$B$10,7,0)+IF('Standard Profiles'!$G$20=$B$17,14,0)+IF('Standard Profiles'!$G$20=$B$24,21,0),MOD($C6551,24)+1)/SUM(INDEX($D$3:$AA$30,INDEX(Jesper!$R$2:$R$366,ROW(INDEX(Jesper!AJ$2:AJ$366,ROUNDDOWN($C6551/24,0)+1,1))-1)+IF('Standard Profiles'!$G$20=$B$10,7,0)+IF('Standard Profiles'!$G$20=$B$17,14,0)+IF('Standard Profiles'!$G$20=$B$24,21,0),0)),0)</f>
        <v>0</v>
      </c>
      <c r="G6551" cm="1">
        <f t="array" ref="G6551">IFERROR(INDEX(Jesper!AK$2:AK$366,ROUNDDOWN($C6551/24,0)+1,1)*INDEX($D$3:$AA$30,INDEX(Jesper!$R$2:$R$366,ROW(INDEX(Jesper!AK$2:AK$366,ROUNDDOWN($C6551/24,0)+1,1))-1)+IF('Standard Profiles'!$G$21=$B$10,7,0)+IF('Standard Profiles'!$G$21=$B$17,14,0)+IF('Standard Profiles'!$G$21=$B$24,21,0),MOD($C6551,24)+1)/SUM(INDEX($D$3:$AA$30,INDEX(Jesper!$R$2:$R$366,ROW(INDEX(Jesper!AK$2:AK$366,ROUNDDOWN($C6551/24,0)+1,1))-1)+IF('Standard Profiles'!$G$21=$B$10,7,0)+IF('Standard Profiles'!$G$21=$B$17,14,0)+IF('Standard Profiles'!$G$21=$B$24,21,0),0)),0)</f>
        <v>0</v>
      </c>
      <c r="H6551" cm="1">
        <f t="array" ref="H6551">IFERROR(INDEX(Jesper!AL$2:AL$366,ROUNDDOWN($C6551/24,0)+1,1)*INDEX($D$3:$AA$30,INDEX(Jesper!$R$2:$R$366,ROW(INDEX(Jesper!AL$2:AL$366,ROUNDDOWN($C6551/24,0)+1,1))-1)+IF('Standard Profiles'!$G$22=$B$10,7,0)+IF('Standard Profiles'!$G$22=$B$17,14,0)+IF('Standard Profiles'!$G$22=$B$24,21,0),MOD($C6551,24)+1)/SUM(INDEX($D$3:$AA$30,INDEX(Jesper!$R$2:$R$366,ROW(INDEX(Jesper!AL$2:AL$366,ROUNDDOWN($C6551/24,0)+1,1))-1)+IF('Standard Profiles'!$G$22=$B$10,7,0)+IF('Standard Profiles'!$G$22=$B$17,14,0)+IF('Standard Profiles'!$G$22=$B$24,21,0),0)),0)</f>
        <v>0</v>
      </c>
      <c r="I6551">
        <f t="shared" si="727"/>
        <v>0.17973460270490246</v>
      </c>
      <c r="J6551">
        <f t="shared" si="728"/>
        <v>0.59911534234967501</v>
      </c>
      <c r="K6551">
        <f t="shared" si="729"/>
        <v>0.89867301352451245</v>
      </c>
      <c r="L6551">
        <f t="shared" si="730"/>
        <v>12.561196046001333</v>
      </c>
      <c r="M6551">
        <f t="shared" si="731"/>
        <v>0</v>
      </c>
      <c r="N6551" s="46">
        <f t="shared" si="732"/>
        <v>45563.541666650861</v>
      </c>
    </row>
    <row r="6552" spans="2:14" x14ac:dyDescent="0.3">
      <c r="B6552">
        <f t="shared" si="726"/>
        <v>6</v>
      </c>
      <c r="C6552" s="16">
        <v>6518</v>
      </c>
      <c r="D6552" cm="1">
        <f t="array" ref="D6552">IFERROR(INDEX(Jesper!AH$2:AH$366,ROUNDDOWN($C6552/24,0)+1,1)*INDEX($D$3:$AA$30,INDEX(Jesper!$R$2:$R$366,ROW(INDEX(Jesper!AH$2:AH$366,ROUNDDOWN($C6552/24,0)+1,1))-1)+IF('Standard Profiles'!$G$18=$B$10,7,0)+IF('Standard Profiles'!$G$18=$B$17,14,0)+IF('Standard Profiles'!$G$18=$B$24,21,0),MOD($C6552,24)+1)/SUM(INDEX($D$3:$AA$30,INDEX(Jesper!$R$2:$R$366,ROW(INDEX(Jesper!AH$2:AH$366,ROUNDDOWN($C6552/24,0)+1,1))-1)+IF('Standard Profiles'!$G$18=$B$10,7,0)+IF('Standard Profiles'!$G$18=$B$17,14,0)+IF('Standard Profiles'!$G$18=$B$24,21,0),0)),0)</f>
        <v>12.243664914556007</v>
      </c>
      <c r="E6552" cm="1">
        <f t="array" ref="E6552">IFERROR(INDEX(Jesper!AI$2:AI$366,ROUNDDOWN($C6552/24,0)+1,1)*INDEX($D$3:$AA$30,INDEX(Jesper!$R$2:$R$366,ROW(INDEX(Jesper!AI$2:AI$366,ROUNDDOWN($C6552/24,0)+1,1))-1)+IF('Standard Profiles'!$G$19=$B$10,7,0)+IF('Standard Profiles'!$G$19=$B$17,14,0)+IF('Standard Profiles'!$G$19=$B$24,21,0),MOD($C6552,24)+1)/SUM(INDEX($D$3:$AA$30,INDEX(Jesper!$R$2:$R$366,ROW(INDEX(Jesper!AI$2:AI$366,ROUNDDOWN($C6552/24,0)+1,1))-1)+IF('Standard Profiles'!$G$19=$B$10,7,0)+IF('Standard Profiles'!$G$19=$B$17,14,0)+IF('Standard Profiles'!$G$19=$B$24,21,0),0)),0)</f>
        <v>1.9950540900244169</v>
      </c>
      <c r="F6552" cm="1">
        <f t="array" ref="F6552">IFERROR(INDEX(Jesper!AJ$2:AJ$366,ROUNDDOWN($C6552/24,0)+1,1)*INDEX($D$3:$AA$30,INDEX(Jesper!$R$2:$R$366,ROW(INDEX(Jesper!AJ$2:AJ$366,ROUNDDOWN($C6552/24,0)+1,1))-1)+IF('Standard Profiles'!$G$20=$B$10,7,0)+IF('Standard Profiles'!$G$20=$B$17,14,0)+IF('Standard Profiles'!$G$20=$B$24,21,0),MOD($C6552,24)+1)/SUM(INDEX($D$3:$AA$30,INDEX(Jesper!$R$2:$R$366,ROW(INDEX(Jesper!AJ$2:AJ$366,ROUNDDOWN($C6552/24,0)+1,1))-1)+IF('Standard Profiles'!$G$20=$B$10,7,0)+IF('Standard Profiles'!$G$20=$B$17,14,0)+IF('Standard Profiles'!$G$20=$B$24,21,0),0)),0)</f>
        <v>0</v>
      </c>
      <c r="G6552" cm="1">
        <f t="array" ref="G6552">IFERROR(INDEX(Jesper!AK$2:AK$366,ROUNDDOWN($C6552/24,0)+1,1)*INDEX($D$3:$AA$30,INDEX(Jesper!$R$2:$R$366,ROW(INDEX(Jesper!AK$2:AK$366,ROUNDDOWN($C6552/24,0)+1,1))-1)+IF('Standard Profiles'!$G$21=$B$10,7,0)+IF('Standard Profiles'!$G$21=$B$17,14,0)+IF('Standard Profiles'!$G$21=$B$24,21,0),MOD($C6552,24)+1)/SUM(INDEX($D$3:$AA$30,INDEX(Jesper!$R$2:$R$366,ROW(INDEX(Jesper!AK$2:AK$366,ROUNDDOWN($C6552/24,0)+1,1))-1)+IF('Standard Profiles'!$G$21=$B$10,7,0)+IF('Standard Profiles'!$G$21=$B$17,14,0)+IF('Standard Profiles'!$G$21=$B$24,21,0),0)),0)</f>
        <v>0</v>
      </c>
      <c r="H6552" cm="1">
        <f t="array" ref="H6552">IFERROR(INDEX(Jesper!AL$2:AL$366,ROUNDDOWN($C6552/24,0)+1,1)*INDEX($D$3:$AA$30,INDEX(Jesper!$R$2:$R$366,ROW(INDEX(Jesper!AL$2:AL$366,ROUNDDOWN($C6552/24,0)+1,1))-1)+IF('Standard Profiles'!$G$22=$B$10,7,0)+IF('Standard Profiles'!$G$22=$B$17,14,0)+IF('Standard Profiles'!$G$22=$B$24,21,0),MOD($C6552,24)+1)/SUM(INDEX($D$3:$AA$30,INDEX(Jesper!$R$2:$R$366,ROW(INDEX(Jesper!AL$2:AL$366,ROUNDDOWN($C6552/24,0)+1,1))-1)+IF('Standard Profiles'!$G$22=$B$10,7,0)+IF('Standard Profiles'!$G$22=$B$17,14,0)+IF('Standard Profiles'!$G$22=$B$24,21,0),0)),0)</f>
        <v>0</v>
      </c>
      <c r="I6552">
        <f t="shared" si="727"/>
        <v>0.17973460270490246</v>
      </c>
      <c r="J6552">
        <f t="shared" si="728"/>
        <v>0.59911534234967501</v>
      </c>
      <c r="K6552">
        <f t="shared" si="729"/>
        <v>0.89867301352451245</v>
      </c>
      <c r="L6552">
        <f t="shared" si="730"/>
        <v>12.561196046001333</v>
      </c>
      <c r="M6552">
        <f t="shared" si="731"/>
        <v>0</v>
      </c>
      <c r="N6552" s="46">
        <f t="shared" si="732"/>
        <v>45563.583333317525</v>
      </c>
    </row>
    <row r="6553" spans="2:14" x14ac:dyDescent="0.3">
      <c r="B6553">
        <f t="shared" si="726"/>
        <v>6</v>
      </c>
      <c r="C6553" s="16">
        <v>6519</v>
      </c>
      <c r="D6553" cm="1">
        <f t="array" ref="D6553">IFERROR(INDEX(Jesper!AH$2:AH$366,ROUNDDOWN($C6553/24,0)+1,1)*INDEX($D$3:$AA$30,INDEX(Jesper!$R$2:$R$366,ROW(INDEX(Jesper!AH$2:AH$366,ROUNDDOWN($C6553/24,0)+1,1))-1)+IF('Standard Profiles'!$G$18=$B$10,7,0)+IF('Standard Profiles'!$G$18=$B$17,14,0)+IF('Standard Profiles'!$G$18=$B$24,21,0),MOD($C6553,24)+1)/SUM(INDEX($D$3:$AA$30,INDEX(Jesper!$R$2:$R$366,ROW(INDEX(Jesper!AH$2:AH$366,ROUNDDOWN($C6553/24,0)+1,1))-1)+IF('Standard Profiles'!$G$18=$B$10,7,0)+IF('Standard Profiles'!$G$18=$B$17,14,0)+IF('Standard Profiles'!$G$18=$B$24,21,0),0)),0)</f>
        <v>11.069614854256116</v>
      </c>
      <c r="E6553" cm="1">
        <f t="array" ref="E6553">IFERROR(INDEX(Jesper!AI$2:AI$366,ROUNDDOWN($C6553/24,0)+1,1)*INDEX($D$3:$AA$30,INDEX(Jesper!$R$2:$R$366,ROW(INDEX(Jesper!AI$2:AI$366,ROUNDDOWN($C6553/24,0)+1,1))-1)+IF('Standard Profiles'!$G$19=$B$10,7,0)+IF('Standard Profiles'!$G$19=$B$17,14,0)+IF('Standard Profiles'!$G$19=$B$24,21,0),MOD($C6553,24)+1)/SUM(INDEX($D$3:$AA$30,INDEX(Jesper!$R$2:$R$366,ROW(INDEX(Jesper!AI$2:AI$366,ROUNDDOWN($C6553/24,0)+1,1))-1)+IF('Standard Profiles'!$G$19=$B$10,7,0)+IF('Standard Profiles'!$G$19=$B$17,14,0)+IF('Standard Profiles'!$G$19=$B$24,21,0),0)),0)</f>
        <v>1.8037475334467332</v>
      </c>
      <c r="F6553" cm="1">
        <f t="array" ref="F6553">IFERROR(INDEX(Jesper!AJ$2:AJ$366,ROUNDDOWN($C6553/24,0)+1,1)*INDEX($D$3:$AA$30,INDEX(Jesper!$R$2:$R$366,ROW(INDEX(Jesper!AJ$2:AJ$366,ROUNDDOWN($C6553/24,0)+1,1))-1)+IF('Standard Profiles'!$G$20=$B$10,7,0)+IF('Standard Profiles'!$G$20=$B$17,14,0)+IF('Standard Profiles'!$G$20=$B$24,21,0),MOD($C6553,24)+1)/SUM(INDEX($D$3:$AA$30,INDEX(Jesper!$R$2:$R$366,ROW(INDEX(Jesper!AJ$2:AJ$366,ROUNDDOWN($C6553/24,0)+1,1))-1)+IF('Standard Profiles'!$G$20=$B$10,7,0)+IF('Standard Profiles'!$G$20=$B$17,14,0)+IF('Standard Profiles'!$G$20=$B$24,21,0),0)),0)</f>
        <v>0</v>
      </c>
      <c r="G6553" cm="1">
        <f t="array" ref="G6553">IFERROR(INDEX(Jesper!AK$2:AK$366,ROUNDDOWN($C6553/24,0)+1,1)*INDEX($D$3:$AA$30,INDEX(Jesper!$R$2:$R$366,ROW(INDEX(Jesper!AK$2:AK$366,ROUNDDOWN($C6553/24,0)+1,1))-1)+IF('Standard Profiles'!$G$21=$B$10,7,0)+IF('Standard Profiles'!$G$21=$B$17,14,0)+IF('Standard Profiles'!$G$21=$B$24,21,0),MOD($C6553,24)+1)/SUM(INDEX($D$3:$AA$30,INDEX(Jesper!$R$2:$R$366,ROW(INDEX(Jesper!AK$2:AK$366,ROUNDDOWN($C6553/24,0)+1,1))-1)+IF('Standard Profiles'!$G$21=$B$10,7,0)+IF('Standard Profiles'!$G$21=$B$17,14,0)+IF('Standard Profiles'!$G$21=$B$24,21,0),0)),0)</f>
        <v>0</v>
      </c>
      <c r="H6553" cm="1">
        <f t="array" ref="H6553">IFERROR(INDEX(Jesper!AL$2:AL$366,ROUNDDOWN($C6553/24,0)+1,1)*INDEX($D$3:$AA$30,INDEX(Jesper!$R$2:$R$366,ROW(INDEX(Jesper!AL$2:AL$366,ROUNDDOWN($C6553/24,0)+1,1))-1)+IF('Standard Profiles'!$G$22=$B$10,7,0)+IF('Standard Profiles'!$G$22=$B$17,14,0)+IF('Standard Profiles'!$G$22=$B$24,21,0),MOD($C6553,24)+1)/SUM(INDEX($D$3:$AA$30,INDEX(Jesper!$R$2:$R$366,ROW(INDEX(Jesper!AL$2:AL$366,ROUNDDOWN($C6553/24,0)+1,1))-1)+IF('Standard Profiles'!$G$22=$B$10,7,0)+IF('Standard Profiles'!$G$22=$B$17,14,0)+IF('Standard Profiles'!$G$22=$B$24,21,0),0)),0)</f>
        <v>0</v>
      </c>
      <c r="I6553">
        <f t="shared" si="727"/>
        <v>0.16249977778799402</v>
      </c>
      <c r="J6553">
        <f t="shared" si="728"/>
        <v>0.5416659259599802</v>
      </c>
      <c r="K6553">
        <f t="shared" si="729"/>
        <v>0.81249888893997024</v>
      </c>
      <c r="L6553">
        <f t="shared" si="730"/>
        <v>11.356697795014906</v>
      </c>
      <c r="M6553">
        <f t="shared" si="731"/>
        <v>0</v>
      </c>
      <c r="N6553" s="46">
        <f t="shared" si="732"/>
        <v>45563.624999984189</v>
      </c>
    </row>
    <row r="6554" spans="2:14" x14ac:dyDescent="0.3">
      <c r="B6554">
        <f t="shared" si="726"/>
        <v>6</v>
      </c>
      <c r="C6554" s="16">
        <v>6520</v>
      </c>
      <c r="D6554" cm="1">
        <f t="array" ref="D6554">IFERROR(INDEX(Jesper!AH$2:AH$366,ROUNDDOWN($C6554/24,0)+1,1)*INDEX($D$3:$AA$30,INDEX(Jesper!$R$2:$R$366,ROW(INDEX(Jesper!AH$2:AH$366,ROUNDDOWN($C6554/24,0)+1,1))-1)+IF('Standard Profiles'!$G$18=$B$10,7,0)+IF('Standard Profiles'!$G$18=$B$17,14,0)+IF('Standard Profiles'!$G$18=$B$24,21,0),MOD($C6554,24)+1)/SUM(INDEX($D$3:$AA$30,INDEX(Jesper!$R$2:$R$366,ROW(INDEX(Jesper!AH$2:AH$366,ROUNDDOWN($C6554/24,0)+1,1))-1)+IF('Standard Profiles'!$G$18=$B$10,7,0)+IF('Standard Profiles'!$G$18=$B$17,14,0)+IF('Standard Profiles'!$G$18=$B$24,21,0),0)),0)</f>
        <v>10.063286231141923</v>
      </c>
      <c r="E6554" cm="1">
        <f t="array" ref="E6554">IFERROR(INDEX(Jesper!AI$2:AI$366,ROUNDDOWN($C6554/24,0)+1,1)*INDEX($D$3:$AA$30,INDEX(Jesper!$R$2:$R$366,ROW(INDEX(Jesper!AI$2:AI$366,ROUNDDOWN($C6554/24,0)+1,1))-1)+IF('Standard Profiles'!$G$19=$B$10,7,0)+IF('Standard Profiles'!$G$19=$B$17,14,0)+IF('Standard Profiles'!$G$19=$B$24,21,0),MOD($C6554,24)+1)/SUM(INDEX($D$3:$AA$30,INDEX(Jesper!$R$2:$R$366,ROW(INDEX(Jesper!AI$2:AI$366,ROUNDDOWN($C6554/24,0)+1,1))-1)+IF('Standard Profiles'!$G$19=$B$10,7,0)+IF('Standard Profiles'!$G$19=$B$17,14,0)+IF('Standard Profiles'!$G$19=$B$24,21,0),0)),0)</f>
        <v>1.6397704849515757</v>
      </c>
      <c r="F6554" cm="1">
        <f t="array" ref="F6554">IFERROR(INDEX(Jesper!AJ$2:AJ$366,ROUNDDOWN($C6554/24,0)+1,1)*INDEX($D$3:$AA$30,INDEX(Jesper!$R$2:$R$366,ROW(INDEX(Jesper!AJ$2:AJ$366,ROUNDDOWN($C6554/24,0)+1,1))-1)+IF('Standard Profiles'!$G$20=$B$10,7,0)+IF('Standard Profiles'!$G$20=$B$17,14,0)+IF('Standard Profiles'!$G$20=$B$24,21,0),MOD($C6554,24)+1)/SUM(INDEX($D$3:$AA$30,INDEX(Jesper!$R$2:$R$366,ROW(INDEX(Jesper!AJ$2:AJ$366,ROUNDDOWN($C6554/24,0)+1,1))-1)+IF('Standard Profiles'!$G$20=$B$10,7,0)+IF('Standard Profiles'!$G$20=$B$17,14,0)+IF('Standard Profiles'!$G$20=$B$24,21,0),0)),0)</f>
        <v>0</v>
      </c>
      <c r="G6554" cm="1">
        <f t="array" ref="G6554">IFERROR(INDEX(Jesper!AK$2:AK$366,ROUNDDOWN($C6554/24,0)+1,1)*INDEX($D$3:$AA$30,INDEX(Jesper!$R$2:$R$366,ROW(INDEX(Jesper!AK$2:AK$366,ROUNDDOWN($C6554/24,0)+1,1))-1)+IF('Standard Profiles'!$G$21=$B$10,7,0)+IF('Standard Profiles'!$G$21=$B$17,14,0)+IF('Standard Profiles'!$G$21=$B$24,21,0),MOD($C6554,24)+1)/SUM(INDEX($D$3:$AA$30,INDEX(Jesper!$R$2:$R$366,ROW(INDEX(Jesper!AK$2:AK$366,ROUNDDOWN($C6554/24,0)+1,1))-1)+IF('Standard Profiles'!$G$21=$B$10,7,0)+IF('Standard Profiles'!$G$21=$B$17,14,0)+IF('Standard Profiles'!$G$21=$B$24,21,0),0)),0)</f>
        <v>0</v>
      </c>
      <c r="H6554" cm="1">
        <f t="array" ref="H6554">IFERROR(INDEX(Jesper!AL$2:AL$366,ROUNDDOWN($C6554/24,0)+1,1)*INDEX($D$3:$AA$30,INDEX(Jesper!$R$2:$R$366,ROW(INDEX(Jesper!AL$2:AL$366,ROUNDDOWN($C6554/24,0)+1,1))-1)+IF('Standard Profiles'!$G$22=$B$10,7,0)+IF('Standard Profiles'!$G$22=$B$17,14,0)+IF('Standard Profiles'!$G$22=$B$24,21,0),MOD($C6554,24)+1)/SUM(INDEX($D$3:$AA$30,INDEX(Jesper!$R$2:$R$366,ROW(INDEX(Jesper!AL$2:AL$366,ROUNDDOWN($C6554/24,0)+1,1))-1)+IF('Standard Profiles'!$G$22=$B$10,7,0)+IF('Standard Profiles'!$G$22=$B$17,14,0)+IF('Standard Profiles'!$G$22=$B$24,21,0),0)),0)</f>
        <v>0</v>
      </c>
      <c r="I6554">
        <f t="shared" si="727"/>
        <v>0.14772707071635821</v>
      </c>
      <c r="J6554">
        <f t="shared" si="728"/>
        <v>0.49242356905452744</v>
      </c>
      <c r="K6554">
        <f t="shared" si="729"/>
        <v>0.73863535358179111</v>
      </c>
      <c r="L6554">
        <f t="shared" si="730"/>
        <v>10.324270722740822</v>
      </c>
      <c r="M6554">
        <f t="shared" si="731"/>
        <v>0</v>
      </c>
      <c r="N6554" s="46">
        <f t="shared" si="732"/>
        <v>45563.666666650854</v>
      </c>
    </row>
    <row r="6555" spans="2:14" x14ac:dyDescent="0.3">
      <c r="B6555">
        <f t="shared" si="726"/>
        <v>6</v>
      </c>
      <c r="C6555" s="16">
        <v>6521</v>
      </c>
      <c r="D6555" cm="1">
        <f t="array" ref="D6555">IFERROR(INDEX(Jesper!AH$2:AH$366,ROUNDDOWN($C6555/24,0)+1,1)*INDEX($D$3:$AA$30,INDEX(Jesper!$R$2:$R$366,ROW(INDEX(Jesper!AH$2:AH$366,ROUNDDOWN($C6555/24,0)+1,1))-1)+IF('Standard Profiles'!$G$18=$B$10,7,0)+IF('Standard Profiles'!$G$18=$B$17,14,0)+IF('Standard Profiles'!$G$18=$B$24,21,0),MOD($C6555,24)+1)/SUM(INDEX($D$3:$AA$30,INDEX(Jesper!$R$2:$R$366,ROW(INDEX(Jesper!AH$2:AH$366,ROUNDDOWN($C6555/24,0)+1,1))-1)+IF('Standard Profiles'!$G$18=$B$10,7,0)+IF('Standard Profiles'!$G$18=$B$17,14,0)+IF('Standard Profiles'!$G$18=$B$24,21,0),0)),0)</f>
        <v>9.0569576080277319</v>
      </c>
      <c r="E6555" cm="1">
        <f t="array" ref="E6555">IFERROR(INDEX(Jesper!AI$2:AI$366,ROUNDDOWN($C6555/24,0)+1,1)*INDEX($D$3:$AA$30,INDEX(Jesper!$R$2:$R$366,ROW(INDEX(Jesper!AI$2:AI$366,ROUNDDOWN($C6555/24,0)+1,1))-1)+IF('Standard Profiles'!$G$19=$B$10,7,0)+IF('Standard Profiles'!$G$19=$B$17,14,0)+IF('Standard Profiles'!$G$19=$B$24,21,0),MOD($C6555,24)+1)/SUM(INDEX($D$3:$AA$30,INDEX(Jesper!$R$2:$R$366,ROW(INDEX(Jesper!AI$2:AI$366,ROUNDDOWN($C6555/24,0)+1,1))-1)+IF('Standard Profiles'!$G$19=$B$10,7,0)+IF('Standard Profiles'!$G$19=$B$17,14,0)+IF('Standard Profiles'!$G$19=$B$24,21,0),0)),0)</f>
        <v>1.475793436456418</v>
      </c>
      <c r="F6555" cm="1">
        <f t="array" ref="F6555">IFERROR(INDEX(Jesper!AJ$2:AJ$366,ROUNDDOWN($C6555/24,0)+1,1)*INDEX($D$3:$AA$30,INDEX(Jesper!$R$2:$R$366,ROW(INDEX(Jesper!AJ$2:AJ$366,ROUNDDOWN($C6555/24,0)+1,1))-1)+IF('Standard Profiles'!$G$20=$B$10,7,0)+IF('Standard Profiles'!$G$20=$B$17,14,0)+IF('Standard Profiles'!$G$20=$B$24,21,0),MOD($C6555,24)+1)/SUM(INDEX($D$3:$AA$30,INDEX(Jesper!$R$2:$R$366,ROW(INDEX(Jesper!AJ$2:AJ$366,ROUNDDOWN($C6555/24,0)+1,1))-1)+IF('Standard Profiles'!$G$20=$B$10,7,0)+IF('Standard Profiles'!$G$20=$B$17,14,0)+IF('Standard Profiles'!$G$20=$B$24,21,0),0)),0)</f>
        <v>0</v>
      </c>
      <c r="G6555" cm="1">
        <f t="array" ref="G6555">IFERROR(INDEX(Jesper!AK$2:AK$366,ROUNDDOWN($C6555/24,0)+1,1)*INDEX($D$3:$AA$30,INDEX(Jesper!$R$2:$R$366,ROW(INDEX(Jesper!AK$2:AK$366,ROUNDDOWN($C6555/24,0)+1,1))-1)+IF('Standard Profiles'!$G$21=$B$10,7,0)+IF('Standard Profiles'!$G$21=$B$17,14,0)+IF('Standard Profiles'!$G$21=$B$24,21,0),MOD($C6555,24)+1)/SUM(INDEX($D$3:$AA$30,INDEX(Jesper!$R$2:$R$366,ROW(INDEX(Jesper!AK$2:AK$366,ROUNDDOWN($C6555/24,0)+1,1))-1)+IF('Standard Profiles'!$G$21=$B$10,7,0)+IF('Standard Profiles'!$G$21=$B$17,14,0)+IF('Standard Profiles'!$G$21=$B$24,21,0),0)),0)</f>
        <v>0</v>
      </c>
      <c r="H6555" cm="1">
        <f t="array" ref="H6555">IFERROR(INDEX(Jesper!AL$2:AL$366,ROUNDDOWN($C6555/24,0)+1,1)*INDEX($D$3:$AA$30,INDEX(Jesper!$R$2:$R$366,ROW(INDEX(Jesper!AL$2:AL$366,ROUNDDOWN($C6555/24,0)+1,1))-1)+IF('Standard Profiles'!$G$22=$B$10,7,0)+IF('Standard Profiles'!$G$22=$B$17,14,0)+IF('Standard Profiles'!$G$22=$B$24,21,0),MOD($C6555,24)+1)/SUM(INDEX($D$3:$AA$30,INDEX(Jesper!$R$2:$R$366,ROW(INDEX(Jesper!AL$2:AL$366,ROUNDDOWN($C6555/24,0)+1,1))-1)+IF('Standard Profiles'!$G$22=$B$10,7,0)+IF('Standard Profiles'!$G$22=$B$17,14,0)+IF('Standard Profiles'!$G$22=$B$24,21,0),0)),0)</f>
        <v>0</v>
      </c>
      <c r="I6555">
        <f t="shared" si="727"/>
        <v>0.13295436364472238</v>
      </c>
      <c r="J6555">
        <f t="shared" si="728"/>
        <v>0.44318121214907463</v>
      </c>
      <c r="K6555">
        <f t="shared" si="729"/>
        <v>0.66477181822361198</v>
      </c>
      <c r="L6555">
        <f t="shared" si="730"/>
        <v>9.2918436504667419</v>
      </c>
      <c r="M6555">
        <f t="shared" si="731"/>
        <v>0</v>
      </c>
      <c r="N6555" s="46">
        <f t="shared" si="732"/>
        <v>45563.708333317518</v>
      </c>
    </row>
    <row r="6556" spans="2:14" x14ac:dyDescent="0.3">
      <c r="B6556">
        <f t="shared" si="726"/>
        <v>6</v>
      </c>
      <c r="C6556" s="16">
        <v>6522</v>
      </c>
      <c r="D6556" cm="1">
        <f t="array" ref="D6556">IFERROR(INDEX(Jesper!AH$2:AH$366,ROUNDDOWN($C6556/24,0)+1,1)*INDEX($D$3:$AA$30,INDEX(Jesper!$R$2:$R$366,ROW(INDEX(Jesper!AH$2:AH$366,ROUNDDOWN($C6556/24,0)+1,1))-1)+IF('Standard Profiles'!$G$18=$B$10,7,0)+IF('Standard Profiles'!$G$18=$B$17,14,0)+IF('Standard Profiles'!$G$18=$B$24,21,0),MOD($C6556,24)+1)/SUM(INDEX($D$3:$AA$30,INDEX(Jesper!$R$2:$R$366,ROW(INDEX(Jesper!AH$2:AH$366,ROUNDDOWN($C6556/24,0)+1,1))-1)+IF('Standard Profiles'!$G$18=$B$10,7,0)+IF('Standard Profiles'!$G$18=$B$17,14,0)+IF('Standard Profiles'!$G$18=$B$24,21,0),0)),0)</f>
        <v>8.721514733656333</v>
      </c>
      <c r="E6556" cm="1">
        <f t="array" ref="E6556">IFERROR(INDEX(Jesper!AI$2:AI$366,ROUNDDOWN($C6556/24,0)+1,1)*INDEX($D$3:$AA$30,INDEX(Jesper!$R$2:$R$366,ROW(INDEX(Jesper!AI$2:AI$366,ROUNDDOWN($C6556/24,0)+1,1))-1)+IF('Standard Profiles'!$G$19=$B$10,7,0)+IF('Standard Profiles'!$G$19=$B$17,14,0)+IF('Standard Profiles'!$G$19=$B$24,21,0),MOD($C6556,24)+1)/SUM(INDEX($D$3:$AA$30,INDEX(Jesper!$R$2:$R$366,ROW(INDEX(Jesper!AI$2:AI$366,ROUNDDOWN($C6556/24,0)+1,1))-1)+IF('Standard Profiles'!$G$19=$B$10,7,0)+IF('Standard Profiles'!$G$19=$B$17,14,0)+IF('Standard Profiles'!$G$19=$B$24,21,0),0)),0)</f>
        <v>1.4211344202913656</v>
      </c>
      <c r="F6556" cm="1">
        <f t="array" ref="F6556">IFERROR(INDEX(Jesper!AJ$2:AJ$366,ROUNDDOWN($C6556/24,0)+1,1)*INDEX($D$3:$AA$30,INDEX(Jesper!$R$2:$R$366,ROW(INDEX(Jesper!AJ$2:AJ$366,ROUNDDOWN($C6556/24,0)+1,1))-1)+IF('Standard Profiles'!$G$20=$B$10,7,0)+IF('Standard Profiles'!$G$20=$B$17,14,0)+IF('Standard Profiles'!$G$20=$B$24,21,0),MOD($C6556,24)+1)/SUM(INDEX($D$3:$AA$30,INDEX(Jesper!$R$2:$R$366,ROW(INDEX(Jesper!AJ$2:AJ$366,ROUNDDOWN($C6556/24,0)+1,1))-1)+IF('Standard Profiles'!$G$20=$B$10,7,0)+IF('Standard Profiles'!$G$20=$B$17,14,0)+IF('Standard Profiles'!$G$20=$B$24,21,0),0)),0)</f>
        <v>0</v>
      </c>
      <c r="G6556" cm="1">
        <f t="array" ref="G6556">IFERROR(INDEX(Jesper!AK$2:AK$366,ROUNDDOWN($C6556/24,0)+1,1)*INDEX($D$3:$AA$30,INDEX(Jesper!$R$2:$R$366,ROW(INDEX(Jesper!AK$2:AK$366,ROUNDDOWN($C6556/24,0)+1,1))-1)+IF('Standard Profiles'!$G$21=$B$10,7,0)+IF('Standard Profiles'!$G$21=$B$17,14,0)+IF('Standard Profiles'!$G$21=$B$24,21,0),MOD($C6556,24)+1)/SUM(INDEX($D$3:$AA$30,INDEX(Jesper!$R$2:$R$366,ROW(INDEX(Jesper!AK$2:AK$366,ROUNDDOWN($C6556/24,0)+1,1))-1)+IF('Standard Profiles'!$G$21=$B$10,7,0)+IF('Standard Profiles'!$G$21=$B$17,14,0)+IF('Standard Profiles'!$G$21=$B$24,21,0),0)),0)</f>
        <v>0</v>
      </c>
      <c r="H6556" cm="1">
        <f t="array" ref="H6556">IFERROR(INDEX(Jesper!AL$2:AL$366,ROUNDDOWN($C6556/24,0)+1,1)*INDEX($D$3:$AA$30,INDEX(Jesper!$R$2:$R$366,ROW(INDEX(Jesper!AL$2:AL$366,ROUNDDOWN($C6556/24,0)+1,1))-1)+IF('Standard Profiles'!$G$22=$B$10,7,0)+IF('Standard Profiles'!$G$22=$B$17,14,0)+IF('Standard Profiles'!$G$22=$B$24,21,0),MOD($C6556,24)+1)/SUM(INDEX($D$3:$AA$30,INDEX(Jesper!$R$2:$R$366,ROW(INDEX(Jesper!AL$2:AL$366,ROUNDDOWN($C6556/24,0)+1,1))-1)+IF('Standard Profiles'!$G$22=$B$10,7,0)+IF('Standard Profiles'!$G$22=$B$17,14,0)+IF('Standard Profiles'!$G$22=$B$24,21,0),0)),0)</f>
        <v>0</v>
      </c>
      <c r="I6556">
        <f t="shared" si="727"/>
        <v>0.12803012795417712</v>
      </c>
      <c r="J6556">
        <f t="shared" si="728"/>
        <v>0.42676709318059042</v>
      </c>
      <c r="K6556">
        <f t="shared" si="729"/>
        <v>0.64015063977088571</v>
      </c>
      <c r="L6556">
        <f t="shared" si="730"/>
        <v>8.9477012930420461</v>
      </c>
      <c r="M6556">
        <f t="shared" si="731"/>
        <v>0</v>
      </c>
      <c r="N6556" s="46">
        <f t="shared" si="732"/>
        <v>45563.749999984182</v>
      </c>
    </row>
    <row r="6557" spans="2:14" x14ac:dyDescent="0.3">
      <c r="B6557">
        <f t="shared" si="726"/>
        <v>6</v>
      </c>
      <c r="C6557" s="16">
        <v>6523</v>
      </c>
      <c r="D6557" cm="1">
        <f t="array" ref="D6557">IFERROR(INDEX(Jesper!AH$2:AH$366,ROUNDDOWN($C6557/24,0)+1,1)*INDEX($D$3:$AA$30,INDEX(Jesper!$R$2:$R$366,ROW(INDEX(Jesper!AH$2:AH$366,ROUNDDOWN($C6557/24,0)+1,1))-1)+IF('Standard Profiles'!$G$18=$B$10,7,0)+IF('Standard Profiles'!$G$18=$B$17,14,0)+IF('Standard Profiles'!$G$18=$B$24,21,0),MOD($C6557,24)+1)/SUM(INDEX($D$3:$AA$30,INDEX(Jesper!$R$2:$R$366,ROW(INDEX(Jesper!AH$2:AH$366,ROUNDDOWN($C6557/24,0)+1,1))-1)+IF('Standard Profiles'!$G$18=$B$10,7,0)+IF('Standard Profiles'!$G$18=$B$17,14,0)+IF('Standard Profiles'!$G$18=$B$24,21,0),0)),0)</f>
        <v>7.0443003617993458</v>
      </c>
      <c r="E6557" cm="1">
        <f t="array" ref="E6557">IFERROR(INDEX(Jesper!AI$2:AI$366,ROUNDDOWN($C6557/24,0)+1,1)*INDEX($D$3:$AA$30,INDEX(Jesper!$R$2:$R$366,ROW(INDEX(Jesper!AI$2:AI$366,ROUNDDOWN($C6557/24,0)+1,1))-1)+IF('Standard Profiles'!$G$19=$B$10,7,0)+IF('Standard Profiles'!$G$19=$B$17,14,0)+IF('Standard Profiles'!$G$19=$B$24,21,0),MOD($C6557,24)+1)/SUM(INDEX($D$3:$AA$30,INDEX(Jesper!$R$2:$R$366,ROW(INDEX(Jesper!AI$2:AI$366,ROUNDDOWN($C6557/24,0)+1,1))-1)+IF('Standard Profiles'!$G$19=$B$10,7,0)+IF('Standard Profiles'!$G$19=$B$17,14,0)+IF('Standard Profiles'!$G$19=$B$24,21,0),0)),0)</f>
        <v>1.1478393394661028</v>
      </c>
      <c r="F6557" cm="1">
        <f t="array" ref="F6557">IFERROR(INDEX(Jesper!AJ$2:AJ$366,ROUNDDOWN($C6557/24,0)+1,1)*INDEX($D$3:$AA$30,INDEX(Jesper!$R$2:$R$366,ROW(INDEX(Jesper!AJ$2:AJ$366,ROUNDDOWN($C6557/24,0)+1,1))-1)+IF('Standard Profiles'!$G$20=$B$10,7,0)+IF('Standard Profiles'!$G$20=$B$17,14,0)+IF('Standard Profiles'!$G$20=$B$24,21,0),MOD($C6557,24)+1)/SUM(INDEX($D$3:$AA$30,INDEX(Jesper!$R$2:$R$366,ROW(INDEX(Jesper!AJ$2:AJ$366,ROUNDDOWN($C6557/24,0)+1,1))-1)+IF('Standard Profiles'!$G$20=$B$10,7,0)+IF('Standard Profiles'!$G$20=$B$17,14,0)+IF('Standard Profiles'!$G$20=$B$24,21,0),0)),0)</f>
        <v>0</v>
      </c>
      <c r="G6557" cm="1">
        <f t="array" ref="G6557">IFERROR(INDEX(Jesper!AK$2:AK$366,ROUNDDOWN($C6557/24,0)+1,1)*INDEX($D$3:$AA$30,INDEX(Jesper!$R$2:$R$366,ROW(INDEX(Jesper!AK$2:AK$366,ROUNDDOWN($C6557/24,0)+1,1))-1)+IF('Standard Profiles'!$G$21=$B$10,7,0)+IF('Standard Profiles'!$G$21=$B$17,14,0)+IF('Standard Profiles'!$G$21=$B$24,21,0),MOD($C6557,24)+1)/SUM(INDEX($D$3:$AA$30,INDEX(Jesper!$R$2:$R$366,ROW(INDEX(Jesper!AK$2:AK$366,ROUNDDOWN($C6557/24,0)+1,1))-1)+IF('Standard Profiles'!$G$21=$B$10,7,0)+IF('Standard Profiles'!$G$21=$B$17,14,0)+IF('Standard Profiles'!$G$21=$B$24,21,0),0)),0)</f>
        <v>0</v>
      </c>
      <c r="H6557" cm="1">
        <f t="array" ref="H6557">IFERROR(INDEX(Jesper!AL$2:AL$366,ROUNDDOWN($C6557/24,0)+1,1)*INDEX($D$3:$AA$30,INDEX(Jesper!$R$2:$R$366,ROW(INDEX(Jesper!AL$2:AL$366,ROUNDDOWN($C6557/24,0)+1,1))-1)+IF('Standard Profiles'!$G$22=$B$10,7,0)+IF('Standard Profiles'!$G$22=$B$17,14,0)+IF('Standard Profiles'!$G$22=$B$24,21,0),MOD($C6557,24)+1)/SUM(INDEX($D$3:$AA$30,INDEX(Jesper!$R$2:$R$366,ROW(INDEX(Jesper!AL$2:AL$366,ROUNDDOWN($C6557/24,0)+1,1))-1)+IF('Standard Profiles'!$G$22=$B$10,7,0)+IF('Standard Profiles'!$G$22=$B$17,14,0)+IF('Standard Profiles'!$G$22=$B$24,21,0),0)),0)</f>
        <v>0</v>
      </c>
      <c r="I6557">
        <f t="shared" si="727"/>
        <v>0.10340894950145073</v>
      </c>
      <c r="J6557">
        <f t="shared" si="728"/>
        <v>0.34469649833816918</v>
      </c>
      <c r="K6557">
        <f t="shared" si="729"/>
        <v>0.51704474750725371</v>
      </c>
      <c r="L6557">
        <f t="shared" si="730"/>
        <v>7.2269895059185751</v>
      </c>
      <c r="M6557">
        <f t="shared" si="731"/>
        <v>0</v>
      </c>
      <c r="N6557" s="46">
        <f t="shared" si="732"/>
        <v>45563.791666650846</v>
      </c>
    </row>
    <row r="6558" spans="2:14" x14ac:dyDescent="0.3">
      <c r="B6558">
        <f t="shared" si="726"/>
        <v>6</v>
      </c>
      <c r="C6558" s="16">
        <v>6524</v>
      </c>
      <c r="D6558" cm="1">
        <f t="array" ref="D6558">IFERROR(INDEX(Jesper!AH$2:AH$366,ROUNDDOWN($C6558/24,0)+1,1)*INDEX($D$3:$AA$30,INDEX(Jesper!$R$2:$R$366,ROW(INDEX(Jesper!AH$2:AH$366,ROUNDDOWN($C6558/24,0)+1,1))-1)+IF('Standard Profiles'!$G$18=$B$10,7,0)+IF('Standard Profiles'!$G$18=$B$17,14,0)+IF('Standard Profiles'!$G$18=$B$24,21,0),MOD($C6558,24)+1)/SUM(INDEX($D$3:$AA$30,INDEX(Jesper!$R$2:$R$366,ROW(INDEX(Jesper!AH$2:AH$366,ROUNDDOWN($C6558/24,0)+1,1))-1)+IF('Standard Profiles'!$G$18=$B$10,7,0)+IF('Standard Profiles'!$G$18=$B$17,14,0)+IF('Standard Profiles'!$G$18=$B$24,21,0),0)),0)</f>
        <v>5.1993645527566601</v>
      </c>
      <c r="E6558" cm="1">
        <f t="array" ref="E6558">IFERROR(INDEX(Jesper!AI$2:AI$366,ROUNDDOWN($C6558/24,0)+1,1)*INDEX($D$3:$AA$30,INDEX(Jesper!$R$2:$R$366,ROW(INDEX(Jesper!AI$2:AI$366,ROUNDDOWN($C6558/24,0)+1,1))-1)+IF('Standard Profiles'!$G$19=$B$10,7,0)+IF('Standard Profiles'!$G$19=$B$17,14,0)+IF('Standard Profiles'!$G$19=$B$24,21,0),MOD($C6558,24)+1)/SUM(INDEX($D$3:$AA$30,INDEX(Jesper!$R$2:$R$366,ROW(INDEX(Jesper!AI$2:AI$366,ROUNDDOWN($C6558/24,0)+1,1))-1)+IF('Standard Profiles'!$G$19=$B$10,7,0)+IF('Standard Profiles'!$G$19=$B$17,14,0)+IF('Standard Profiles'!$G$19=$B$24,21,0),0)),0)</f>
        <v>0.84721475055831397</v>
      </c>
      <c r="F6558" cm="1">
        <f t="array" ref="F6558">IFERROR(INDEX(Jesper!AJ$2:AJ$366,ROUNDDOWN($C6558/24,0)+1,1)*INDEX($D$3:$AA$30,INDEX(Jesper!$R$2:$R$366,ROW(INDEX(Jesper!AJ$2:AJ$366,ROUNDDOWN($C6558/24,0)+1,1))-1)+IF('Standard Profiles'!$G$20=$B$10,7,0)+IF('Standard Profiles'!$G$20=$B$17,14,0)+IF('Standard Profiles'!$G$20=$B$24,21,0),MOD($C6558,24)+1)/SUM(INDEX($D$3:$AA$30,INDEX(Jesper!$R$2:$R$366,ROW(INDEX(Jesper!AJ$2:AJ$366,ROUNDDOWN($C6558/24,0)+1,1))-1)+IF('Standard Profiles'!$G$20=$B$10,7,0)+IF('Standard Profiles'!$G$20=$B$17,14,0)+IF('Standard Profiles'!$G$20=$B$24,21,0),0)),0)</f>
        <v>0</v>
      </c>
      <c r="G6558" cm="1">
        <f t="array" ref="G6558">IFERROR(INDEX(Jesper!AK$2:AK$366,ROUNDDOWN($C6558/24,0)+1,1)*INDEX($D$3:$AA$30,INDEX(Jesper!$R$2:$R$366,ROW(INDEX(Jesper!AK$2:AK$366,ROUNDDOWN($C6558/24,0)+1,1))-1)+IF('Standard Profiles'!$G$21=$B$10,7,0)+IF('Standard Profiles'!$G$21=$B$17,14,0)+IF('Standard Profiles'!$G$21=$B$24,21,0),MOD($C6558,24)+1)/SUM(INDEX($D$3:$AA$30,INDEX(Jesper!$R$2:$R$366,ROW(INDEX(Jesper!AK$2:AK$366,ROUNDDOWN($C6558/24,0)+1,1))-1)+IF('Standard Profiles'!$G$21=$B$10,7,0)+IF('Standard Profiles'!$G$21=$B$17,14,0)+IF('Standard Profiles'!$G$21=$B$24,21,0),0)),0)</f>
        <v>0</v>
      </c>
      <c r="H6558" cm="1">
        <f t="array" ref="H6558">IFERROR(INDEX(Jesper!AL$2:AL$366,ROUNDDOWN($C6558/24,0)+1,1)*INDEX($D$3:$AA$30,INDEX(Jesper!$R$2:$R$366,ROW(INDEX(Jesper!AL$2:AL$366,ROUNDDOWN($C6558/24,0)+1,1))-1)+IF('Standard Profiles'!$G$22=$B$10,7,0)+IF('Standard Profiles'!$G$22=$B$17,14,0)+IF('Standard Profiles'!$G$22=$B$24,21,0),MOD($C6558,24)+1)/SUM(INDEX($D$3:$AA$30,INDEX(Jesper!$R$2:$R$366,ROW(INDEX(Jesper!AL$2:AL$366,ROUNDDOWN($C6558/24,0)+1,1))-1)+IF('Standard Profiles'!$G$22=$B$10,7,0)+IF('Standard Profiles'!$G$22=$B$17,14,0)+IF('Standard Profiles'!$G$22=$B$24,21,0),0)),0)</f>
        <v>0</v>
      </c>
      <c r="I6558">
        <f t="shared" si="727"/>
        <v>7.6325653203451735E-2</v>
      </c>
      <c r="J6558">
        <f t="shared" si="728"/>
        <v>0.25441884401150577</v>
      </c>
      <c r="K6558">
        <f t="shared" si="729"/>
        <v>0.38162826601725869</v>
      </c>
      <c r="L6558">
        <f t="shared" si="730"/>
        <v>5.3342065400827581</v>
      </c>
      <c r="M6558">
        <f t="shared" si="731"/>
        <v>0</v>
      </c>
      <c r="N6558" s="46">
        <f t="shared" si="732"/>
        <v>45563.833333317511</v>
      </c>
    </row>
    <row r="6559" spans="2:14" x14ac:dyDescent="0.3">
      <c r="B6559">
        <f t="shared" si="726"/>
        <v>6</v>
      </c>
      <c r="C6559" s="16">
        <v>6525</v>
      </c>
      <c r="D6559" cm="1">
        <f t="array" ref="D6559">IFERROR(INDEX(Jesper!AH$2:AH$366,ROUNDDOWN($C6559/24,0)+1,1)*INDEX($D$3:$AA$30,INDEX(Jesper!$R$2:$R$366,ROW(INDEX(Jesper!AH$2:AH$366,ROUNDDOWN($C6559/24,0)+1,1))-1)+IF('Standard Profiles'!$G$18=$B$10,7,0)+IF('Standard Profiles'!$G$18=$B$17,14,0)+IF('Standard Profiles'!$G$18=$B$24,21,0),MOD($C6559,24)+1)/SUM(INDEX($D$3:$AA$30,INDEX(Jesper!$R$2:$R$366,ROW(INDEX(Jesper!AH$2:AH$366,ROUNDDOWN($C6559/24,0)+1,1))-1)+IF('Standard Profiles'!$G$18=$B$10,7,0)+IF('Standard Profiles'!$G$18=$B$17,14,0)+IF('Standard Profiles'!$G$18=$B$24,21,0),0)),0)</f>
        <v>5.1993645527566601</v>
      </c>
      <c r="E6559" cm="1">
        <f t="array" ref="E6559">IFERROR(INDEX(Jesper!AI$2:AI$366,ROUNDDOWN($C6559/24,0)+1,1)*INDEX($D$3:$AA$30,INDEX(Jesper!$R$2:$R$366,ROW(INDEX(Jesper!AI$2:AI$366,ROUNDDOWN($C6559/24,0)+1,1))-1)+IF('Standard Profiles'!$G$19=$B$10,7,0)+IF('Standard Profiles'!$G$19=$B$17,14,0)+IF('Standard Profiles'!$G$19=$B$24,21,0),MOD($C6559,24)+1)/SUM(INDEX($D$3:$AA$30,INDEX(Jesper!$R$2:$R$366,ROW(INDEX(Jesper!AI$2:AI$366,ROUNDDOWN($C6559/24,0)+1,1))-1)+IF('Standard Profiles'!$G$19=$B$10,7,0)+IF('Standard Profiles'!$G$19=$B$17,14,0)+IF('Standard Profiles'!$G$19=$B$24,21,0),0)),0)</f>
        <v>0.84721475055831397</v>
      </c>
      <c r="F6559" cm="1">
        <f t="array" ref="F6559">IFERROR(INDEX(Jesper!AJ$2:AJ$366,ROUNDDOWN($C6559/24,0)+1,1)*INDEX($D$3:$AA$30,INDEX(Jesper!$R$2:$R$366,ROW(INDEX(Jesper!AJ$2:AJ$366,ROUNDDOWN($C6559/24,0)+1,1))-1)+IF('Standard Profiles'!$G$20=$B$10,7,0)+IF('Standard Profiles'!$G$20=$B$17,14,0)+IF('Standard Profiles'!$G$20=$B$24,21,0),MOD($C6559,24)+1)/SUM(INDEX($D$3:$AA$30,INDEX(Jesper!$R$2:$R$366,ROW(INDEX(Jesper!AJ$2:AJ$366,ROUNDDOWN($C6559/24,0)+1,1))-1)+IF('Standard Profiles'!$G$20=$B$10,7,0)+IF('Standard Profiles'!$G$20=$B$17,14,0)+IF('Standard Profiles'!$G$20=$B$24,21,0),0)),0)</f>
        <v>0</v>
      </c>
      <c r="G6559" cm="1">
        <f t="array" ref="G6559">IFERROR(INDEX(Jesper!AK$2:AK$366,ROUNDDOWN($C6559/24,0)+1,1)*INDEX($D$3:$AA$30,INDEX(Jesper!$R$2:$R$366,ROW(INDEX(Jesper!AK$2:AK$366,ROUNDDOWN($C6559/24,0)+1,1))-1)+IF('Standard Profiles'!$G$21=$B$10,7,0)+IF('Standard Profiles'!$G$21=$B$17,14,0)+IF('Standard Profiles'!$G$21=$B$24,21,0),MOD($C6559,24)+1)/SUM(INDEX($D$3:$AA$30,INDEX(Jesper!$R$2:$R$366,ROW(INDEX(Jesper!AK$2:AK$366,ROUNDDOWN($C6559/24,0)+1,1))-1)+IF('Standard Profiles'!$G$21=$B$10,7,0)+IF('Standard Profiles'!$G$21=$B$17,14,0)+IF('Standard Profiles'!$G$21=$B$24,21,0),0)),0)</f>
        <v>0</v>
      </c>
      <c r="H6559" cm="1">
        <f t="array" ref="H6559">IFERROR(INDEX(Jesper!AL$2:AL$366,ROUNDDOWN($C6559/24,0)+1,1)*INDEX($D$3:$AA$30,INDEX(Jesper!$R$2:$R$366,ROW(INDEX(Jesper!AL$2:AL$366,ROUNDDOWN($C6559/24,0)+1,1))-1)+IF('Standard Profiles'!$G$22=$B$10,7,0)+IF('Standard Profiles'!$G$22=$B$17,14,0)+IF('Standard Profiles'!$G$22=$B$24,21,0),MOD($C6559,24)+1)/SUM(INDEX($D$3:$AA$30,INDEX(Jesper!$R$2:$R$366,ROW(INDEX(Jesper!AL$2:AL$366,ROUNDDOWN($C6559/24,0)+1,1))-1)+IF('Standard Profiles'!$G$22=$B$10,7,0)+IF('Standard Profiles'!$G$22=$B$17,14,0)+IF('Standard Profiles'!$G$22=$B$24,21,0),0)),0)</f>
        <v>0</v>
      </c>
      <c r="I6559">
        <f t="shared" si="727"/>
        <v>7.6325653203451735E-2</v>
      </c>
      <c r="J6559">
        <f t="shared" si="728"/>
        <v>0.25441884401150577</v>
      </c>
      <c r="K6559">
        <f t="shared" si="729"/>
        <v>0.38162826601725869</v>
      </c>
      <c r="L6559">
        <f t="shared" si="730"/>
        <v>5.3342065400827581</v>
      </c>
      <c r="M6559">
        <f t="shared" si="731"/>
        <v>0</v>
      </c>
      <c r="N6559" s="46">
        <f t="shared" si="732"/>
        <v>45563.874999984175</v>
      </c>
    </row>
    <row r="6560" spans="2:14" x14ac:dyDescent="0.3">
      <c r="B6560">
        <f t="shared" si="726"/>
        <v>6</v>
      </c>
      <c r="C6560" s="16">
        <v>6526</v>
      </c>
      <c r="D6560" cm="1">
        <f t="array" ref="D6560">IFERROR(INDEX(Jesper!AH$2:AH$366,ROUNDDOWN($C6560/24,0)+1,1)*INDEX($D$3:$AA$30,INDEX(Jesper!$R$2:$R$366,ROW(INDEX(Jesper!AH$2:AH$366,ROUNDDOWN($C6560/24,0)+1,1))-1)+IF('Standard Profiles'!$G$18=$B$10,7,0)+IF('Standard Profiles'!$G$18=$B$17,14,0)+IF('Standard Profiles'!$G$18=$B$24,21,0),MOD($C6560,24)+1)/SUM(INDEX($D$3:$AA$30,INDEX(Jesper!$R$2:$R$366,ROW(INDEX(Jesper!AH$2:AH$366,ROUNDDOWN($C6560/24,0)+1,1))-1)+IF('Standard Profiles'!$G$18=$B$10,7,0)+IF('Standard Profiles'!$G$18=$B$17,14,0)+IF('Standard Profiles'!$G$18=$B$24,21,0),0)),0)</f>
        <v>5.1993645527566601</v>
      </c>
      <c r="E6560" cm="1">
        <f t="array" ref="E6560">IFERROR(INDEX(Jesper!AI$2:AI$366,ROUNDDOWN($C6560/24,0)+1,1)*INDEX($D$3:$AA$30,INDEX(Jesper!$R$2:$R$366,ROW(INDEX(Jesper!AI$2:AI$366,ROUNDDOWN($C6560/24,0)+1,1))-1)+IF('Standard Profiles'!$G$19=$B$10,7,0)+IF('Standard Profiles'!$G$19=$B$17,14,0)+IF('Standard Profiles'!$G$19=$B$24,21,0),MOD($C6560,24)+1)/SUM(INDEX($D$3:$AA$30,INDEX(Jesper!$R$2:$R$366,ROW(INDEX(Jesper!AI$2:AI$366,ROUNDDOWN($C6560/24,0)+1,1))-1)+IF('Standard Profiles'!$G$19=$B$10,7,0)+IF('Standard Profiles'!$G$19=$B$17,14,0)+IF('Standard Profiles'!$G$19=$B$24,21,0),0)),0)</f>
        <v>0.84721475055831397</v>
      </c>
      <c r="F6560" cm="1">
        <f t="array" ref="F6560">IFERROR(INDEX(Jesper!AJ$2:AJ$366,ROUNDDOWN($C6560/24,0)+1,1)*INDEX($D$3:$AA$30,INDEX(Jesper!$R$2:$R$366,ROW(INDEX(Jesper!AJ$2:AJ$366,ROUNDDOWN($C6560/24,0)+1,1))-1)+IF('Standard Profiles'!$G$20=$B$10,7,0)+IF('Standard Profiles'!$G$20=$B$17,14,0)+IF('Standard Profiles'!$G$20=$B$24,21,0),MOD($C6560,24)+1)/SUM(INDEX($D$3:$AA$30,INDEX(Jesper!$R$2:$R$366,ROW(INDEX(Jesper!AJ$2:AJ$366,ROUNDDOWN($C6560/24,0)+1,1))-1)+IF('Standard Profiles'!$G$20=$B$10,7,0)+IF('Standard Profiles'!$G$20=$B$17,14,0)+IF('Standard Profiles'!$G$20=$B$24,21,0),0)),0)</f>
        <v>0</v>
      </c>
      <c r="G6560" cm="1">
        <f t="array" ref="G6560">IFERROR(INDEX(Jesper!AK$2:AK$366,ROUNDDOWN($C6560/24,0)+1,1)*INDEX($D$3:$AA$30,INDEX(Jesper!$R$2:$R$366,ROW(INDEX(Jesper!AK$2:AK$366,ROUNDDOWN($C6560/24,0)+1,1))-1)+IF('Standard Profiles'!$G$21=$B$10,7,0)+IF('Standard Profiles'!$G$21=$B$17,14,0)+IF('Standard Profiles'!$G$21=$B$24,21,0),MOD($C6560,24)+1)/SUM(INDEX($D$3:$AA$30,INDEX(Jesper!$R$2:$R$366,ROW(INDEX(Jesper!AK$2:AK$366,ROUNDDOWN($C6560/24,0)+1,1))-1)+IF('Standard Profiles'!$G$21=$B$10,7,0)+IF('Standard Profiles'!$G$21=$B$17,14,0)+IF('Standard Profiles'!$G$21=$B$24,21,0),0)),0)</f>
        <v>0</v>
      </c>
      <c r="H6560" cm="1">
        <f t="array" ref="H6560">IFERROR(INDEX(Jesper!AL$2:AL$366,ROUNDDOWN($C6560/24,0)+1,1)*INDEX($D$3:$AA$30,INDEX(Jesper!$R$2:$R$366,ROW(INDEX(Jesper!AL$2:AL$366,ROUNDDOWN($C6560/24,0)+1,1))-1)+IF('Standard Profiles'!$G$22=$B$10,7,0)+IF('Standard Profiles'!$G$22=$B$17,14,0)+IF('Standard Profiles'!$G$22=$B$24,21,0),MOD($C6560,24)+1)/SUM(INDEX($D$3:$AA$30,INDEX(Jesper!$R$2:$R$366,ROW(INDEX(Jesper!AL$2:AL$366,ROUNDDOWN($C6560/24,0)+1,1))-1)+IF('Standard Profiles'!$G$22=$B$10,7,0)+IF('Standard Profiles'!$G$22=$B$17,14,0)+IF('Standard Profiles'!$G$22=$B$24,21,0),0)),0)</f>
        <v>0</v>
      </c>
      <c r="I6560">
        <f t="shared" si="727"/>
        <v>7.6325653203451735E-2</v>
      </c>
      <c r="J6560">
        <f t="shared" si="728"/>
        <v>0.25441884401150577</v>
      </c>
      <c r="K6560">
        <f t="shared" si="729"/>
        <v>0.38162826601725869</v>
      </c>
      <c r="L6560">
        <f t="shared" si="730"/>
        <v>5.3342065400827581</v>
      </c>
      <c r="M6560">
        <f t="shared" si="731"/>
        <v>0</v>
      </c>
      <c r="N6560" s="46">
        <f t="shared" si="732"/>
        <v>45563.916666650839</v>
      </c>
    </row>
    <row r="6561" spans="2:14" x14ac:dyDescent="0.3">
      <c r="B6561">
        <f t="shared" si="726"/>
        <v>6</v>
      </c>
      <c r="C6561" s="16">
        <v>6527</v>
      </c>
      <c r="D6561" cm="1">
        <f t="array" ref="D6561">IFERROR(INDEX(Jesper!AH$2:AH$366,ROUNDDOWN($C6561/24,0)+1,1)*INDEX($D$3:$AA$30,INDEX(Jesper!$R$2:$R$366,ROW(INDEX(Jesper!AH$2:AH$366,ROUNDDOWN($C6561/24,0)+1,1))-1)+IF('Standard Profiles'!$G$18=$B$10,7,0)+IF('Standard Profiles'!$G$18=$B$17,14,0)+IF('Standard Profiles'!$G$18=$B$24,21,0),MOD($C6561,24)+1)/SUM(INDEX($D$3:$AA$30,INDEX(Jesper!$R$2:$R$366,ROW(INDEX(Jesper!AH$2:AH$366,ROUNDDOWN($C6561/24,0)+1,1))-1)+IF('Standard Profiles'!$G$18=$B$10,7,0)+IF('Standard Profiles'!$G$18=$B$17,14,0)+IF('Standard Profiles'!$G$18=$B$24,21,0),0)),0)</f>
        <v>5.1993645527566601</v>
      </c>
      <c r="E6561" cm="1">
        <f t="array" ref="E6561">IFERROR(INDEX(Jesper!AI$2:AI$366,ROUNDDOWN($C6561/24,0)+1,1)*INDEX($D$3:$AA$30,INDEX(Jesper!$R$2:$R$366,ROW(INDEX(Jesper!AI$2:AI$366,ROUNDDOWN($C6561/24,0)+1,1))-1)+IF('Standard Profiles'!$G$19=$B$10,7,0)+IF('Standard Profiles'!$G$19=$B$17,14,0)+IF('Standard Profiles'!$G$19=$B$24,21,0),MOD($C6561,24)+1)/SUM(INDEX($D$3:$AA$30,INDEX(Jesper!$R$2:$R$366,ROW(INDEX(Jesper!AI$2:AI$366,ROUNDDOWN($C6561/24,0)+1,1))-1)+IF('Standard Profiles'!$G$19=$B$10,7,0)+IF('Standard Profiles'!$G$19=$B$17,14,0)+IF('Standard Profiles'!$G$19=$B$24,21,0),0)),0)</f>
        <v>0.84721475055831397</v>
      </c>
      <c r="F6561" cm="1">
        <f t="array" ref="F6561">IFERROR(INDEX(Jesper!AJ$2:AJ$366,ROUNDDOWN($C6561/24,0)+1,1)*INDEX($D$3:$AA$30,INDEX(Jesper!$R$2:$R$366,ROW(INDEX(Jesper!AJ$2:AJ$366,ROUNDDOWN($C6561/24,0)+1,1))-1)+IF('Standard Profiles'!$G$20=$B$10,7,0)+IF('Standard Profiles'!$G$20=$B$17,14,0)+IF('Standard Profiles'!$G$20=$B$24,21,0),MOD($C6561,24)+1)/SUM(INDEX($D$3:$AA$30,INDEX(Jesper!$R$2:$R$366,ROW(INDEX(Jesper!AJ$2:AJ$366,ROUNDDOWN($C6561/24,0)+1,1))-1)+IF('Standard Profiles'!$G$20=$B$10,7,0)+IF('Standard Profiles'!$G$20=$B$17,14,0)+IF('Standard Profiles'!$G$20=$B$24,21,0),0)),0)</f>
        <v>0</v>
      </c>
      <c r="G6561" cm="1">
        <f t="array" ref="G6561">IFERROR(INDEX(Jesper!AK$2:AK$366,ROUNDDOWN($C6561/24,0)+1,1)*INDEX($D$3:$AA$30,INDEX(Jesper!$R$2:$R$366,ROW(INDEX(Jesper!AK$2:AK$366,ROUNDDOWN($C6561/24,0)+1,1))-1)+IF('Standard Profiles'!$G$21=$B$10,7,0)+IF('Standard Profiles'!$G$21=$B$17,14,0)+IF('Standard Profiles'!$G$21=$B$24,21,0),MOD($C6561,24)+1)/SUM(INDEX($D$3:$AA$30,INDEX(Jesper!$R$2:$R$366,ROW(INDEX(Jesper!AK$2:AK$366,ROUNDDOWN($C6561/24,0)+1,1))-1)+IF('Standard Profiles'!$G$21=$B$10,7,0)+IF('Standard Profiles'!$G$21=$B$17,14,0)+IF('Standard Profiles'!$G$21=$B$24,21,0),0)),0)</f>
        <v>0</v>
      </c>
      <c r="H6561" cm="1">
        <f t="array" ref="H6561">IFERROR(INDEX(Jesper!AL$2:AL$366,ROUNDDOWN($C6561/24,0)+1,1)*INDEX($D$3:$AA$30,INDEX(Jesper!$R$2:$R$366,ROW(INDEX(Jesper!AL$2:AL$366,ROUNDDOWN($C6561/24,0)+1,1))-1)+IF('Standard Profiles'!$G$22=$B$10,7,0)+IF('Standard Profiles'!$G$22=$B$17,14,0)+IF('Standard Profiles'!$G$22=$B$24,21,0),MOD($C6561,24)+1)/SUM(INDEX($D$3:$AA$30,INDEX(Jesper!$R$2:$R$366,ROW(INDEX(Jesper!AL$2:AL$366,ROUNDDOWN($C6561/24,0)+1,1))-1)+IF('Standard Profiles'!$G$22=$B$10,7,0)+IF('Standard Profiles'!$G$22=$B$17,14,0)+IF('Standard Profiles'!$G$22=$B$24,21,0),0)),0)</f>
        <v>0</v>
      </c>
      <c r="I6561">
        <f t="shared" si="727"/>
        <v>7.6325653203451735E-2</v>
      </c>
      <c r="J6561">
        <f t="shared" si="728"/>
        <v>0.25441884401150577</v>
      </c>
      <c r="K6561">
        <f t="shared" si="729"/>
        <v>0.38162826601725869</v>
      </c>
      <c r="L6561">
        <f t="shared" si="730"/>
        <v>5.3342065400827581</v>
      </c>
      <c r="M6561">
        <f t="shared" si="731"/>
        <v>0</v>
      </c>
      <c r="N6561" s="46">
        <f t="shared" si="732"/>
        <v>45563.958333317503</v>
      </c>
    </row>
    <row r="6562" spans="2:14" x14ac:dyDescent="0.3">
      <c r="B6562">
        <f t="shared" si="726"/>
        <v>7</v>
      </c>
      <c r="C6562" s="16">
        <v>6528</v>
      </c>
      <c r="D6562" cm="1">
        <f t="array" ref="D6562">IFERROR(INDEX(Jesper!AH$2:AH$366,ROUNDDOWN($C6562/24,0)+1,1)*INDEX($D$3:$AA$30,INDEX(Jesper!$R$2:$R$366,ROW(INDEX(Jesper!AH$2:AH$366,ROUNDDOWN($C6562/24,0)+1,1))-1)+IF('Standard Profiles'!$G$18=$B$10,7,0)+IF('Standard Profiles'!$G$18=$B$17,14,0)+IF('Standard Profiles'!$G$18=$B$24,21,0),MOD($C6562,24)+1)/SUM(INDEX($D$3:$AA$30,INDEX(Jesper!$R$2:$R$366,ROW(INDEX(Jesper!AH$2:AH$366,ROUNDDOWN($C6562/24,0)+1,1))-1)+IF('Standard Profiles'!$G$18=$B$10,7,0)+IF('Standard Profiles'!$G$18=$B$17,14,0)+IF('Standard Profiles'!$G$18=$B$24,21,0),0)),0)</f>
        <v>6.0608154484266992</v>
      </c>
      <c r="E6562" cm="1">
        <f t="array" ref="E6562">IFERROR(INDEX(Jesper!AI$2:AI$366,ROUNDDOWN($C6562/24,0)+1,1)*INDEX($D$3:$AA$30,INDEX(Jesper!$R$2:$R$366,ROW(INDEX(Jesper!AI$2:AI$366,ROUNDDOWN($C6562/24,0)+1,1))-1)+IF('Standard Profiles'!$G$19=$B$10,7,0)+IF('Standard Profiles'!$G$19=$B$17,14,0)+IF('Standard Profiles'!$G$19=$B$24,21,0),MOD($C6562,24)+1)/SUM(INDEX($D$3:$AA$30,INDEX(Jesper!$R$2:$R$366,ROW(INDEX(Jesper!AI$2:AI$366,ROUNDDOWN($C6562/24,0)+1,1))-1)+IF('Standard Profiles'!$G$19=$B$10,7,0)+IF('Standard Profiles'!$G$19=$B$17,14,0)+IF('Standard Profiles'!$G$19=$B$24,21,0),0)),0)</f>
        <v>1.0438277352821488</v>
      </c>
      <c r="F6562" cm="1">
        <f t="array" ref="F6562">IFERROR(INDEX(Jesper!AJ$2:AJ$366,ROUNDDOWN($C6562/24,0)+1,1)*INDEX($D$3:$AA$30,INDEX(Jesper!$R$2:$R$366,ROW(INDEX(Jesper!AJ$2:AJ$366,ROUNDDOWN($C6562/24,0)+1,1))-1)+IF('Standard Profiles'!$G$20=$B$10,7,0)+IF('Standard Profiles'!$G$20=$B$17,14,0)+IF('Standard Profiles'!$G$20=$B$24,21,0),MOD($C6562,24)+1)/SUM(INDEX($D$3:$AA$30,INDEX(Jesper!$R$2:$R$366,ROW(INDEX(Jesper!AJ$2:AJ$366,ROUNDDOWN($C6562/24,0)+1,1))-1)+IF('Standard Profiles'!$G$20=$B$10,7,0)+IF('Standard Profiles'!$G$20=$B$17,14,0)+IF('Standard Profiles'!$G$20=$B$24,21,0),0)),0)</f>
        <v>0</v>
      </c>
      <c r="G6562" cm="1">
        <f t="array" ref="G6562">IFERROR(INDEX(Jesper!AK$2:AK$366,ROUNDDOWN($C6562/24,0)+1,1)*INDEX($D$3:$AA$30,INDEX(Jesper!$R$2:$R$366,ROW(INDEX(Jesper!AK$2:AK$366,ROUNDDOWN($C6562/24,0)+1,1))-1)+IF('Standard Profiles'!$G$21=$B$10,7,0)+IF('Standard Profiles'!$G$21=$B$17,14,0)+IF('Standard Profiles'!$G$21=$B$24,21,0),MOD($C6562,24)+1)/SUM(INDEX($D$3:$AA$30,INDEX(Jesper!$R$2:$R$366,ROW(INDEX(Jesper!AK$2:AK$366,ROUNDDOWN($C6562/24,0)+1,1))-1)+IF('Standard Profiles'!$G$21=$B$10,7,0)+IF('Standard Profiles'!$G$21=$B$17,14,0)+IF('Standard Profiles'!$G$21=$B$24,21,0),0)),0)</f>
        <v>0</v>
      </c>
      <c r="H6562" cm="1">
        <f t="array" ref="H6562">IFERROR(INDEX(Jesper!AL$2:AL$366,ROUNDDOWN($C6562/24,0)+1,1)*INDEX($D$3:$AA$30,INDEX(Jesper!$R$2:$R$366,ROW(INDEX(Jesper!AL$2:AL$366,ROUNDDOWN($C6562/24,0)+1,1))-1)+IF('Standard Profiles'!$G$22=$B$10,7,0)+IF('Standard Profiles'!$G$22=$B$17,14,0)+IF('Standard Profiles'!$G$22=$B$24,21,0),MOD($C6562,24)+1)/SUM(INDEX($D$3:$AA$30,INDEX(Jesper!$R$2:$R$366,ROW(INDEX(Jesper!AL$2:AL$366,ROUNDDOWN($C6562/24,0)+1,1))-1)+IF('Standard Profiles'!$G$22=$B$10,7,0)+IF('Standard Profiles'!$G$22=$B$17,14,0)+IF('Standard Profiles'!$G$22=$B$24,21,0),0)),0)</f>
        <v>0</v>
      </c>
      <c r="I6562">
        <f t="shared" si="727"/>
        <v>9.4038534710103525E-2</v>
      </c>
      <c r="J6562">
        <f t="shared" si="728"/>
        <v>0.31346178236701178</v>
      </c>
      <c r="K6562">
        <f t="shared" si="729"/>
        <v>0.47019267355051764</v>
      </c>
      <c r="L6562">
        <f t="shared" si="730"/>
        <v>6.2269501930812154</v>
      </c>
      <c r="M6562">
        <f t="shared" si="731"/>
        <v>0</v>
      </c>
      <c r="N6562" s="46">
        <f t="shared" si="732"/>
        <v>45563.999999984168</v>
      </c>
    </row>
    <row r="6563" spans="2:14" x14ac:dyDescent="0.3">
      <c r="B6563">
        <f t="shared" ref="B6563:B6626" si="733">WEEKDAY(N6563,2)</f>
        <v>7</v>
      </c>
      <c r="C6563" s="16">
        <v>6529</v>
      </c>
      <c r="D6563" cm="1">
        <f t="array" ref="D6563">IFERROR(INDEX(Jesper!AH$2:AH$366,ROUNDDOWN($C6563/24,0)+1,1)*INDEX($D$3:$AA$30,INDEX(Jesper!$R$2:$R$366,ROW(INDEX(Jesper!AH$2:AH$366,ROUNDDOWN($C6563/24,0)+1,1))-1)+IF('Standard Profiles'!$G$18=$B$10,7,0)+IF('Standard Profiles'!$G$18=$B$17,14,0)+IF('Standard Profiles'!$G$18=$B$24,21,0),MOD($C6563,24)+1)/SUM(INDEX($D$3:$AA$30,INDEX(Jesper!$R$2:$R$366,ROW(INDEX(Jesper!AH$2:AH$366,ROUNDDOWN($C6563/24,0)+1,1))-1)+IF('Standard Profiles'!$G$18=$B$10,7,0)+IF('Standard Profiles'!$G$18=$B$17,14,0)+IF('Standard Profiles'!$G$18=$B$24,21,0),0)),0)</f>
        <v>7.0383663272051979</v>
      </c>
      <c r="E6563" cm="1">
        <f t="array" ref="E6563">IFERROR(INDEX(Jesper!AI$2:AI$366,ROUNDDOWN($C6563/24,0)+1,1)*INDEX($D$3:$AA$30,INDEX(Jesper!$R$2:$R$366,ROW(INDEX(Jesper!AI$2:AI$366,ROUNDDOWN($C6563/24,0)+1,1))-1)+IF('Standard Profiles'!$G$19=$B$10,7,0)+IF('Standard Profiles'!$G$19=$B$17,14,0)+IF('Standard Profiles'!$G$19=$B$24,21,0),MOD($C6563,24)+1)/SUM(INDEX($D$3:$AA$30,INDEX(Jesper!$R$2:$R$366,ROW(INDEX(Jesper!AI$2:AI$366,ROUNDDOWN($C6563/24,0)+1,1))-1)+IF('Standard Profiles'!$G$19=$B$10,7,0)+IF('Standard Profiles'!$G$19=$B$17,14,0)+IF('Standard Profiles'!$G$19=$B$24,21,0),0)),0)</f>
        <v>1.212187047424431</v>
      </c>
      <c r="F6563" cm="1">
        <f t="array" ref="F6563">IFERROR(INDEX(Jesper!AJ$2:AJ$366,ROUNDDOWN($C6563/24,0)+1,1)*INDEX($D$3:$AA$30,INDEX(Jesper!$R$2:$R$366,ROW(INDEX(Jesper!AJ$2:AJ$366,ROUNDDOWN($C6563/24,0)+1,1))-1)+IF('Standard Profiles'!$G$20=$B$10,7,0)+IF('Standard Profiles'!$G$20=$B$17,14,0)+IF('Standard Profiles'!$G$20=$B$24,21,0),MOD($C6563,24)+1)/SUM(INDEX($D$3:$AA$30,INDEX(Jesper!$R$2:$R$366,ROW(INDEX(Jesper!AJ$2:AJ$366,ROUNDDOWN($C6563/24,0)+1,1))-1)+IF('Standard Profiles'!$G$20=$B$10,7,0)+IF('Standard Profiles'!$G$20=$B$17,14,0)+IF('Standard Profiles'!$G$20=$B$24,21,0),0)),0)</f>
        <v>0</v>
      </c>
      <c r="G6563" cm="1">
        <f t="array" ref="G6563">IFERROR(INDEX(Jesper!AK$2:AK$366,ROUNDDOWN($C6563/24,0)+1,1)*INDEX($D$3:$AA$30,INDEX(Jesper!$R$2:$R$366,ROW(INDEX(Jesper!AK$2:AK$366,ROUNDDOWN($C6563/24,0)+1,1))-1)+IF('Standard Profiles'!$G$21=$B$10,7,0)+IF('Standard Profiles'!$G$21=$B$17,14,0)+IF('Standard Profiles'!$G$21=$B$24,21,0),MOD($C6563,24)+1)/SUM(INDEX($D$3:$AA$30,INDEX(Jesper!$R$2:$R$366,ROW(INDEX(Jesper!AK$2:AK$366,ROUNDDOWN($C6563/24,0)+1,1))-1)+IF('Standard Profiles'!$G$21=$B$10,7,0)+IF('Standard Profiles'!$G$21=$B$17,14,0)+IF('Standard Profiles'!$G$21=$B$24,21,0),0)),0)</f>
        <v>0</v>
      </c>
      <c r="H6563" cm="1">
        <f t="array" ref="H6563">IFERROR(INDEX(Jesper!AL$2:AL$366,ROUNDDOWN($C6563/24,0)+1,1)*INDEX($D$3:$AA$30,INDEX(Jesper!$R$2:$R$366,ROW(INDEX(Jesper!AL$2:AL$366,ROUNDDOWN($C6563/24,0)+1,1))-1)+IF('Standard Profiles'!$G$22=$B$10,7,0)+IF('Standard Profiles'!$G$22=$B$17,14,0)+IF('Standard Profiles'!$G$22=$B$24,21,0),MOD($C6563,24)+1)/SUM(INDEX($D$3:$AA$30,INDEX(Jesper!$R$2:$R$366,ROW(INDEX(Jesper!AL$2:AL$366,ROUNDDOWN($C6563/24,0)+1,1))-1)+IF('Standard Profiles'!$G$22=$B$10,7,0)+IF('Standard Profiles'!$G$22=$B$17,14,0)+IF('Standard Profiles'!$G$22=$B$24,21,0),0)),0)</f>
        <v>0</v>
      </c>
      <c r="I6563">
        <f t="shared" ref="I6563:I6626" si="734">IF($B6563&lt;6,AC$37*$D6563+AC$38*$E6563+AC$39*$F6563+AC$40*$G6563,AC$46*$D6563+AC$47*$E6563+AC$48*$F6563+AC$49*$G6563+AC$50*$H6563)</f>
        <v>0.10920604030850732</v>
      </c>
      <c r="J6563">
        <f t="shared" ref="J6563:J6626" si="735">IF($B6563&lt;6,AD$37*$D6563+AD$38*$E6563+AD$39*$F6563+AD$40*$G6563,AD$46*$D6563+AD$47*$E6563+AD$48*$F6563+AD$49*$G6563+AD$50*$H6563)</f>
        <v>0.36402013436169112</v>
      </c>
      <c r="K6563">
        <f t="shared" ref="K6563:K6626" si="736">IF($B6563&lt;6,AE$37*$D6563+AE$38*$E6563+AE$39*$F6563+AE$40*$G6563,AE$46*$D6563+AE$47*$E6563+AE$48*$F6563+AE$49*$G6563+AE$50*$H6563)</f>
        <v>0.54603020154253668</v>
      </c>
      <c r="L6563">
        <f t="shared" ref="L6563:L6626" si="737">IF($B6563&lt;6,AF$37*$D6563+AF$38*$E6563+AF$39*$F6563+AF$40*$G6563,AF$46*$D6563+AF$47*$E6563+AF$48*$F6563+AF$49*$G6563+AF$50*$H6563)</f>
        <v>7.2312969984168936</v>
      </c>
      <c r="M6563">
        <f t="shared" ref="M6563:M6626" si="738">IF($B6563&lt;6,AG$37*$D6563+AG$38*$E6563+AG$39*$F6563+AG$40*$G6563,AG$46*$D6563+AG$47*$E6563+AG$48*$F6563+AG$49*$G6563+AG$50*$H6563)</f>
        <v>0</v>
      </c>
      <c r="N6563" s="46">
        <f t="shared" si="732"/>
        <v>45564.041666650832</v>
      </c>
    </row>
    <row r="6564" spans="2:14" x14ac:dyDescent="0.3">
      <c r="B6564">
        <f t="shared" si="733"/>
        <v>7</v>
      </c>
      <c r="C6564" s="16">
        <v>6530</v>
      </c>
      <c r="D6564" cm="1">
        <f t="array" ref="D6564">IFERROR(INDEX(Jesper!AH$2:AH$366,ROUNDDOWN($C6564/24,0)+1,1)*INDEX($D$3:$AA$30,INDEX(Jesper!$R$2:$R$366,ROW(INDEX(Jesper!AH$2:AH$366,ROUNDDOWN($C6564/24,0)+1,1))-1)+IF('Standard Profiles'!$G$18=$B$10,7,0)+IF('Standard Profiles'!$G$18=$B$17,14,0)+IF('Standard Profiles'!$G$18=$B$24,21,0),MOD($C6564,24)+1)/SUM(INDEX($D$3:$AA$30,INDEX(Jesper!$R$2:$R$366,ROW(INDEX(Jesper!AH$2:AH$366,ROUNDDOWN($C6564/24,0)+1,1))-1)+IF('Standard Profiles'!$G$18=$B$10,7,0)+IF('Standard Profiles'!$G$18=$B$17,14,0)+IF('Standard Profiles'!$G$18=$B$24,21,0),0)),0)</f>
        <v>7.0383663272051979</v>
      </c>
      <c r="E6564" cm="1">
        <f t="array" ref="E6564">IFERROR(INDEX(Jesper!AI$2:AI$366,ROUNDDOWN($C6564/24,0)+1,1)*INDEX($D$3:$AA$30,INDEX(Jesper!$R$2:$R$366,ROW(INDEX(Jesper!AI$2:AI$366,ROUNDDOWN($C6564/24,0)+1,1))-1)+IF('Standard Profiles'!$G$19=$B$10,7,0)+IF('Standard Profiles'!$G$19=$B$17,14,0)+IF('Standard Profiles'!$G$19=$B$24,21,0),MOD($C6564,24)+1)/SUM(INDEX($D$3:$AA$30,INDEX(Jesper!$R$2:$R$366,ROW(INDEX(Jesper!AI$2:AI$366,ROUNDDOWN($C6564/24,0)+1,1))-1)+IF('Standard Profiles'!$G$19=$B$10,7,0)+IF('Standard Profiles'!$G$19=$B$17,14,0)+IF('Standard Profiles'!$G$19=$B$24,21,0),0)),0)</f>
        <v>1.212187047424431</v>
      </c>
      <c r="F6564" cm="1">
        <f t="array" ref="F6564">IFERROR(INDEX(Jesper!AJ$2:AJ$366,ROUNDDOWN($C6564/24,0)+1,1)*INDEX($D$3:$AA$30,INDEX(Jesper!$R$2:$R$366,ROW(INDEX(Jesper!AJ$2:AJ$366,ROUNDDOWN($C6564/24,0)+1,1))-1)+IF('Standard Profiles'!$G$20=$B$10,7,0)+IF('Standard Profiles'!$G$20=$B$17,14,0)+IF('Standard Profiles'!$G$20=$B$24,21,0),MOD($C6564,24)+1)/SUM(INDEX($D$3:$AA$30,INDEX(Jesper!$R$2:$R$366,ROW(INDEX(Jesper!AJ$2:AJ$366,ROUNDDOWN($C6564/24,0)+1,1))-1)+IF('Standard Profiles'!$G$20=$B$10,7,0)+IF('Standard Profiles'!$G$20=$B$17,14,0)+IF('Standard Profiles'!$G$20=$B$24,21,0),0)),0)</f>
        <v>0</v>
      </c>
      <c r="G6564" cm="1">
        <f t="array" ref="G6564">IFERROR(INDEX(Jesper!AK$2:AK$366,ROUNDDOWN($C6564/24,0)+1,1)*INDEX($D$3:$AA$30,INDEX(Jesper!$R$2:$R$366,ROW(INDEX(Jesper!AK$2:AK$366,ROUNDDOWN($C6564/24,0)+1,1))-1)+IF('Standard Profiles'!$G$21=$B$10,7,0)+IF('Standard Profiles'!$G$21=$B$17,14,0)+IF('Standard Profiles'!$G$21=$B$24,21,0),MOD($C6564,24)+1)/SUM(INDEX($D$3:$AA$30,INDEX(Jesper!$R$2:$R$366,ROW(INDEX(Jesper!AK$2:AK$366,ROUNDDOWN($C6564/24,0)+1,1))-1)+IF('Standard Profiles'!$G$21=$B$10,7,0)+IF('Standard Profiles'!$G$21=$B$17,14,0)+IF('Standard Profiles'!$G$21=$B$24,21,0),0)),0)</f>
        <v>0</v>
      </c>
      <c r="H6564" cm="1">
        <f t="array" ref="H6564">IFERROR(INDEX(Jesper!AL$2:AL$366,ROUNDDOWN($C6564/24,0)+1,1)*INDEX($D$3:$AA$30,INDEX(Jesper!$R$2:$R$366,ROW(INDEX(Jesper!AL$2:AL$366,ROUNDDOWN($C6564/24,0)+1,1))-1)+IF('Standard Profiles'!$G$22=$B$10,7,0)+IF('Standard Profiles'!$G$22=$B$17,14,0)+IF('Standard Profiles'!$G$22=$B$24,21,0),MOD($C6564,24)+1)/SUM(INDEX($D$3:$AA$30,INDEX(Jesper!$R$2:$R$366,ROW(INDEX(Jesper!AL$2:AL$366,ROUNDDOWN($C6564/24,0)+1,1))-1)+IF('Standard Profiles'!$G$22=$B$10,7,0)+IF('Standard Profiles'!$G$22=$B$17,14,0)+IF('Standard Profiles'!$G$22=$B$24,21,0),0)),0)</f>
        <v>0</v>
      </c>
      <c r="I6564">
        <f t="shared" si="734"/>
        <v>0.10920604030850732</v>
      </c>
      <c r="J6564">
        <f t="shared" si="735"/>
        <v>0.36402013436169112</v>
      </c>
      <c r="K6564">
        <f t="shared" si="736"/>
        <v>0.54603020154253668</v>
      </c>
      <c r="L6564">
        <f t="shared" si="737"/>
        <v>7.2312969984168936</v>
      </c>
      <c r="M6564">
        <f t="shared" si="738"/>
        <v>0</v>
      </c>
      <c r="N6564" s="46">
        <f t="shared" ref="N6564:N6627" si="739">N6563+1/24</f>
        <v>45564.083333317496</v>
      </c>
    </row>
    <row r="6565" spans="2:14" x14ac:dyDescent="0.3">
      <c r="B6565">
        <f t="shared" si="733"/>
        <v>7</v>
      </c>
      <c r="C6565" s="16">
        <v>6531</v>
      </c>
      <c r="D6565" cm="1">
        <f t="array" ref="D6565">IFERROR(INDEX(Jesper!AH$2:AH$366,ROUNDDOWN($C6565/24,0)+1,1)*INDEX($D$3:$AA$30,INDEX(Jesper!$R$2:$R$366,ROW(INDEX(Jesper!AH$2:AH$366,ROUNDDOWN($C6565/24,0)+1,1))-1)+IF('Standard Profiles'!$G$18=$B$10,7,0)+IF('Standard Profiles'!$G$18=$B$17,14,0)+IF('Standard Profiles'!$G$18=$B$24,21,0),MOD($C6565,24)+1)/SUM(INDEX($D$3:$AA$30,INDEX(Jesper!$R$2:$R$366,ROW(INDEX(Jesper!AH$2:AH$366,ROUNDDOWN($C6565/24,0)+1,1))-1)+IF('Standard Profiles'!$G$18=$B$10,7,0)+IF('Standard Profiles'!$G$18=$B$17,14,0)+IF('Standard Profiles'!$G$18=$B$24,21,0),0)),0)</f>
        <v>7.0383663272051979</v>
      </c>
      <c r="E6565" cm="1">
        <f t="array" ref="E6565">IFERROR(INDEX(Jesper!AI$2:AI$366,ROUNDDOWN($C6565/24,0)+1,1)*INDEX($D$3:$AA$30,INDEX(Jesper!$R$2:$R$366,ROW(INDEX(Jesper!AI$2:AI$366,ROUNDDOWN($C6565/24,0)+1,1))-1)+IF('Standard Profiles'!$G$19=$B$10,7,0)+IF('Standard Profiles'!$G$19=$B$17,14,0)+IF('Standard Profiles'!$G$19=$B$24,21,0),MOD($C6565,24)+1)/SUM(INDEX($D$3:$AA$30,INDEX(Jesper!$R$2:$R$366,ROW(INDEX(Jesper!AI$2:AI$366,ROUNDDOWN($C6565/24,0)+1,1))-1)+IF('Standard Profiles'!$G$19=$B$10,7,0)+IF('Standard Profiles'!$G$19=$B$17,14,0)+IF('Standard Profiles'!$G$19=$B$24,21,0),0)),0)</f>
        <v>1.212187047424431</v>
      </c>
      <c r="F6565" cm="1">
        <f t="array" ref="F6565">IFERROR(INDEX(Jesper!AJ$2:AJ$366,ROUNDDOWN($C6565/24,0)+1,1)*INDEX($D$3:$AA$30,INDEX(Jesper!$R$2:$R$366,ROW(INDEX(Jesper!AJ$2:AJ$366,ROUNDDOWN($C6565/24,0)+1,1))-1)+IF('Standard Profiles'!$G$20=$B$10,7,0)+IF('Standard Profiles'!$G$20=$B$17,14,0)+IF('Standard Profiles'!$G$20=$B$24,21,0),MOD($C6565,24)+1)/SUM(INDEX($D$3:$AA$30,INDEX(Jesper!$R$2:$R$366,ROW(INDEX(Jesper!AJ$2:AJ$366,ROUNDDOWN($C6565/24,0)+1,1))-1)+IF('Standard Profiles'!$G$20=$B$10,7,0)+IF('Standard Profiles'!$G$20=$B$17,14,0)+IF('Standard Profiles'!$G$20=$B$24,21,0),0)),0)</f>
        <v>0</v>
      </c>
      <c r="G6565" cm="1">
        <f t="array" ref="G6565">IFERROR(INDEX(Jesper!AK$2:AK$366,ROUNDDOWN($C6565/24,0)+1,1)*INDEX($D$3:$AA$30,INDEX(Jesper!$R$2:$R$366,ROW(INDEX(Jesper!AK$2:AK$366,ROUNDDOWN($C6565/24,0)+1,1))-1)+IF('Standard Profiles'!$G$21=$B$10,7,0)+IF('Standard Profiles'!$G$21=$B$17,14,0)+IF('Standard Profiles'!$G$21=$B$24,21,0),MOD($C6565,24)+1)/SUM(INDEX($D$3:$AA$30,INDEX(Jesper!$R$2:$R$366,ROW(INDEX(Jesper!AK$2:AK$366,ROUNDDOWN($C6565/24,0)+1,1))-1)+IF('Standard Profiles'!$G$21=$B$10,7,0)+IF('Standard Profiles'!$G$21=$B$17,14,0)+IF('Standard Profiles'!$G$21=$B$24,21,0),0)),0)</f>
        <v>0</v>
      </c>
      <c r="H6565" cm="1">
        <f t="array" ref="H6565">IFERROR(INDEX(Jesper!AL$2:AL$366,ROUNDDOWN($C6565/24,0)+1,1)*INDEX($D$3:$AA$30,INDEX(Jesper!$R$2:$R$366,ROW(INDEX(Jesper!AL$2:AL$366,ROUNDDOWN($C6565/24,0)+1,1))-1)+IF('Standard Profiles'!$G$22=$B$10,7,0)+IF('Standard Profiles'!$G$22=$B$17,14,0)+IF('Standard Profiles'!$G$22=$B$24,21,0),MOD($C6565,24)+1)/SUM(INDEX($D$3:$AA$30,INDEX(Jesper!$R$2:$R$366,ROW(INDEX(Jesper!AL$2:AL$366,ROUNDDOWN($C6565/24,0)+1,1))-1)+IF('Standard Profiles'!$G$22=$B$10,7,0)+IF('Standard Profiles'!$G$22=$B$17,14,0)+IF('Standard Profiles'!$G$22=$B$24,21,0),0)),0)</f>
        <v>0</v>
      </c>
      <c r="I6565">
        <f t="shared" si="734"/>
        <v>0.10920604030850732</v>
      </c>
      <c r="J6565">
        <f t="shared" si="735"/>
        <v>0.36402013436169112</v>
      </c>
      <c r="K6565">
        <f t="shared" si="736"/>
        <v>0.54603020154253668</v>
      </c>
      <c r="L6565">
        <f t="shared" si="737"/>
        <v>7.2312969984168936</v>
      </c>
      <c r="M6565">
        <f t="shared" si="738"/>
        <v>0</v>
      </c>
      <c r="N6565" s="46">
        <f t="shared" si="739"/>
        <v>45564.12499998416</v>
      </c>
    </row>
    <row r="6566" spans="2:14" x14ac:dyDescent="0.3">
      <c r="B6566">
        <f t="shared" si="733"/>
        <v>7</v>
      </c>
      <c r="C6566" s="16">
        <v>6532</v>
      </c>
      <c r="D6566" cm="1">
        <f t="array" ref="D6566">IFERROR(INDEX(Jesper!AH$2:AH$366,ROUNDDOWN($C6566/24,0)+1,1)*INDEX($D$3:$AA$30,INDEX(Jesper!$R$2:$R$366,ROW(INDEX(Jesper!AH$2:AH$366,ROUNDDOWN($C6566/24,0)+1,1))-1)+IF('Standard Profiles'!$G$18=$B$10,7,0)+IF('Standard Profiles'!$G$18=$B$17,14,0)+IF('Standard Profiles'!$G$18=$B$24,21,0),MOD($C6566,24)+1)/SUM(INDEX($D$3:$AA$30,INDEX(Jesper!$R$2:$R$366,ROW(INDEX(Jesper!AH$2:AH$366,ROUNDDOWN($C6566/24,0)+1,1))-1)+IF('Standard Profiles'!$G$18=$B$10,7,0)+IF('Standard Profiles'!$G$18=$B$17,14,0)+IF('Standard Profiles'!$G$18=$B$24,21,0),0)),0)</f>
        <v>7.0383663272051979</v>
      </c>
      <c r="E6566" cm="1">
        <f t="array" ref="E6566">IFERROR(INDEX(Jesper!AI$2:AI$366,ROUNDDOWN($C6566/24,0)+1,1)*INDEX($D$3:$AA$30,INDEX(Jesper!$R$2:$R$366,ROW(INDEX(Jesper!AI$2:AI$366,ROUNDDOWN($C6566/24,0)+1,1))-1)+IF('Standard Profiles'!$G$19=$B$10,7,0)+IF('Standard Profiles'!$G$19=$B$17,14,0)+IF('Standard Profiles'!$G$19=$B$24,21,0),MOD($C6566,24)+1)/SUM(INDEX($D$3:$AA$30,INDEX(Jesper!$R$2:$R$366,ROW(INDEX(Jesper!AI$2:AI$366,ROUNDDOWN($C6566/24,0)+1,1))-1)+IF('Standard Profiles'!$G$19=$B$10,7,0)+IF('Standard Profiles'!$G$19=$B$17,14,0)+IF('Standard Profiles'!$G$19=$B$24,21,0),0)),0)</f>
        <v>1.212187047424431</v>
      </c>
      <c r="F6566" cm="1">
        <f t="array" ref="F6566">IFERROR(INDEX(Jesper!AJ$2:AJ$366,ROUNDDOWN($C6566/24,0)+1,1)*INDEX($D$3:$AA$30,INDEX(Jesper!$R$2:$R$366,ROW(INDEX(Jesper!AJ$2:AJ$366,ROUNDDOWN($C6566/24,0)+1,1))-1)+IF('Standard Profiles'!$G$20=$B$10,7,0)+IF('Standard Profiles'!$G$20=$B$17,14,0)+IF('Standard Profiles'!$G$20=$B$24,21,0),MOD($C6566,24)+1)/SUM(INDEX($D$3:$AA$30,INDEX(Jesper!$R$2:$R$366,ROW(INDEX(Jesper!AJ$2:AJ$366,ROUNDDOWN($C6566/24,0)+1,1))-1)+IF('Standard Profiles'!$G$20=$B$10,7,0)+IF('Standard Profiles'!$G$20=$B$17,14,0)+IF('Standard Profiles'!$G$20=$B$24,21,0),0)),0)</f>
        <v>0</v>
      </c>
      <c r="G6566" cm="1">
        <f t="array" ref="G6566">IFERROR(INDEX(Jesper!AK$2:AK$366,ROUNDDOWN($C6566/24,0)+1,1)*INDEX($D$3:$AA$30,INDEX(Jesper!$R$2:$R$366,ROW(INDEX(Jesper!AK$2:AK$366,ROUNDDOWN($C6566/24,0)+1,1))-1)+IF('Standard Profiles'!$G$21=$B$10,7,0)+IF('Standard Profiles'!$G$21=$B$17,14,0)+IF('Standard Profiles'!$G$21=$B$24,21,0),MOD($C6566,24)+1)/SUM(INDEX($D$3:$AA$30,INDEX(Jesper!$R$2:$R$366,ROW(INDEX(Jesper!AK$2:AK$366,ROUNDDOWN($C6566/24,0)+1,1))-1)+IF('Standard Profiles'!$G$21=$B$10,7,0)+IF('Standard Profiles'!$G$21=$B$17,14,0)+IF('Standard Profiles'!$G$21=$B$24,21,0),0)),0)</f>
        <v>0</v>
      </c>
      <c r="H6566" cm="1">
        <f t="array" ref="H6566">IFERROR(INDEX(Jesper!AL$2:AL$366,ROUNDDOWN($C6566/24,0)+1,1)*INDEX($D$3:$AA$30,INDEX(Jesper!$R$2:$R$366,ROW(INDEX(Jesper!AL$2:AL$366,ROUNDDOWN($C6566/24,0)+1,1))-1)+IF('Standard Profiles'!$G$22=$B$10,7,0)+IF('Standard Profiles'!$G$22=$B$17,14,0)+IF('Standard Profiles'!$G$22=$B$24,21,0),MOD($C6566,24)+1)/SUM(INDEX($D$3:$AA$30,INDEX(Jesper!$R$2:$R$366,ROW(INDEX(Jesper!AL$2:AL$366,ROUNDDOWN($C6566/24,0)+1,1))-1)+IF('Standard Profiles'!$G$22=$B$10,7,0)+IF('Standard Profiles'!$G$22=$B$17,14,0)+IF('Standard Profiles'!$G$22=$B$24,21,0),0)),0)</f>
        <v>0</v>
      </c>
      <c r="I6566">
        <f t="shared" si="734"/>
        <v>0.10920604030850732</v>
      </c>
      <c r="J6566">
        <f t="shared" si="735"/>
        <v>0.36402013436169112</v>
      </c>
      <c r="K6566">
        <f t="shared" si="736"/>
        <v>0.54603020154253668</v>
      </c>
      <c r="L6566">
        <f t="shared" si="737"/>
        <v>7.2312969984168936</v>
      </c>
      <c r="M6566">
        <f t="shared" si="738"/>
        <v>0</v>
      </c>
      <c r="N6566" s="46">
        <f t="shared" si="739"/>
        <v>45564.166666650824</v>
      </c>
    </row>
    <row r="6567" spans="2:14" x14ac:dyDescent="0.3">
      <c r="B6567">
        <f t="shared" si="733"/>
        <v>7</v>
      </c>
      <c r="C6567" s="16">
        <v>6533</v>
      </c>
      <c r="D6567" cm="1">
        <f t="array" ref="D6567">IFERROR(INDEX(Jesper!AH$2:AH$366,ROUNDDOWN($C6567/24,0)+1,1)*INDEX($D$3:$AA$30,INDEX(Jesper!$R$2:$R$366,ROW(INDEX(Jesper!AH$2:AH$366,ROUNDDOWN($C6567/24,0)+1,1))-1)+IF('Standard Profiles'!$G$18=$B$10,7,0)+IF('Standard Profiles'!$G$18=$B$17,14,0)+IF('Standard Profiles'!$G$18=$B$24,21,0),MOD($C6567,24)+1)/SUM(INDEX($D$3:$AA$30,INDEX(Jesper!$R$2:$R$366,ROW(INDEX(Jesper!AH$2:AH$366,ROUNDDOWN($C6567/24,0)+1,1))-1)+IF('Standard Profiles'!$G$18=$B$10,7,0)+IF('Standard Profiles'!$G$18=$B$17,14,0)+IF('Standard Profiles'!$G$18=$B$24,21,0),0)),0)</f>
        <v>8.797957909006497</v>
      </c>
      <c r="E6567" cm="1">
        <f t="array" ref="E6567">IFERROR(INDEX(Jesper!AI$2:AI$366,ROUNDDOWN($C6567/24,0)+1,1)*INDEX($D$3:$AA$30,INDEX(Jesper!$R$2:$R$366,ROW(INDEX(Jesper!AI$2:AI$366,ROUNDDOWN($C6567/24,0)+1,1))-1)+IF('Standard Profiles'!$G$19=$B$10,7,0)+IF('Standard Profiles'!$G$19=$B$17,14,0)+IF('Standard Profiles'!$G$19=$B$24,21,0),MOD($C6567,24)+1)/SUM(INDEX($D$3:$AA$30,INDEX(Jesper!$R$2:$R$366,ROW(INDEX(Jesper!AI$2:AI$366,ROUNDDOWN($C6567/24,0)+1,1))-1)+IF('Standard Profiles'!$G$19=$B$10,7,0)+IF('Standard Profiles'!$G$19=$B$17,14,0)+IF('Standard Profiles'!$G$19=$B$24,21,0),0)),0)</f>
        <v>1.5152338092805386</v>
      </c>
      <c r="F6567" cm="1">
        <f t="array" ref="F6567">IFERROR(INDEX(Jesper!AJ$2:AJ$366,ROUNDDOWN($C6567/24,0)+1,1)*INDEX($D$3:$AA$30,INDEX(Jesper!$R$2:$R$366,ROW(INDEX(Jesper!AJ$2:AJ$366,ROUNDDOWN($C6567/24,0)+1,1))-1)+IF('Standard Profiles'!$G$20=$B$10,7,0)+IF('Standard Profiles'!$G$20=$B$17,14,0)+IF('Standard Profiles'!$G$20=$B$24,21,0),MOD($C6567,24)+1)/SUM(INDEX($D$3:$AA$30,INDEX(Jesper!$R$2:$R$366,ROW(INDEX(Jesper!AJ$2:AJ$366,ROUNDDOWN($C6567/24,0)+1,1))-1)+IF('Standard Profiles'!$G$20=$B$10,7,0)+IF('Standard Profiles'!$G$20=$B$17,14,0)+IF('Standard Profiles'!$G$20=$B$24,21,0),0)),0)</f>
        <v>0</v>
      </c>
      <c r="G6567" cm="1">
        <f t="array" ref="G6567">IFERROR(INDEX(Jesper!AK$2:AK$366,ROUNDDOWN($C6567/24,0)+1,1)*INDEX($D$3:$AA$30,INDEX(Jesper!$R$2:$R$366,ROW(INDEX(Jesper!AK$2:AK$366,ROUNDDOWN($C6567/24,0)+1,1))-1)+IF('Standard Profiles'!$G$21=$B$10,7,0)+IF('Standard Profiles'!$G$21=$B$17,14,0)+IF('Standard Profiles'!$G$21=$B$24,21,0),MOD($C6567,24)+1)/SUM(INDEX($D$3:$AA$30,INDEX(Jesper!$R$2:$R$366,ROW(INDEX(Jesper!AK$2:AK$366,ROUNDDOWN($C6567/24,0)+1,1))-1)+IF('Standard Profiles'!$G$21=$B$10,7,0)+IF('Standard Profiles'!$G$21=$B$17,14,0)+IF('Standard Profiles'!$G$21=$B$24,21,0),0)),0)</f>
        <v>0</v>
      </c>
      <c r="H6567" cm="1">
        <f t="array" ref="H6567">IFERROR(INDEX(Jesper!AL$2:AL$366,ROUNDDOWN($C6567/24,0)+1,1)*INDEX($D$3:$AA$30,INDEX(Jesper!$R$2:$R$366,ROW(INDEX(Jesper!AL$2:AL$366,ROUNDDOWN($C6567/24,0)+1,1))-1)+IF('Standard Profiles'!$G$22=$B$10,7,0)+IF('Standard Profiles'!$G$22=$B$17,14,0)+IF('Standard Profiles'!$G$22=$B$24,21,0),MOD($C6567,24)+1)/SUM(INDEX($D$3:$AA$30,INDEX(Jesper!$R$2:$R$366,ROW(INDEX(Jesper!AL$2:AL$366,ROUNDDOWN($C6567/24,0)+1,1))-1)+IF('Standard Profiles'!$G$22=$B$10,7,0)+IF('Standard Profiles'!$G$22=$B$17,14,0)+IF('Standard Profiles'!$G$22=$B$24,21,0),0)),0)</f>
        <v>0</v>
      </c>
      <c r="I6567">
        <f t="shared" si="734"/>
        <v>0.13650755038563414</v>
      </c>
      <c r="J6567">
        <f t="shared" si="735"/>
        <v>0.4550251679521139</v>
      </c>
      <c r="K6567">
        <f t="shared" si="736"/>
        <v>0.68253775192817079</v>
      </c>
      <c r="L6567">
        <f t="shared" si="737"/>
        <v>9.0391212480211163</v>
      </c>
      <c r="M6567">
        <f t="shared" si="738"/>
        <v>0</v>
      </c>
      <c r="N6567" s="46">
        <f t="shared" si="739"/>
        <v>45564.208333317489</v>
      </c>
    </row>
    <row r="6568" spans="2:14" x14ac:dyDescent="0.3">
      <c r="B6568">
        <f t="shared" si="733"/>
        <v>7</v>
      </c>
      <c r="C6568" s="16">
        <v>6534</v>
      </c>
      <c r="D6568" cm="1">
        <f t="array" ref="D6568">IFERROR(INDEX(Jesper!AH$2:AH$366,ROUNDDOWN($C6568/24,0)+1,1)*INDEX($D$3:$AA$30,INDEX(Jesper!$R$2:$R$366,ROW(INDEX(Jesper!AH$2:AH$366,ROUNDDOWN($C6568/24,0)+1,1))-1)+IF('Standard Profiles'!$G$18=$B$10,7,0)+IF('Standard Profiles'!$G$18=$B$17,14,0)+IF('Standard Profiles'!$G$18=$B$24,21,0),MOD($C6568,24)+1)/SUM(INDEX($D$3:$AA$30,INDEX(Jesper!$R$2:$R$366,ROW(INDEX(Jesper!AH$2:AH$366,ROUNDDOWN($C6568/24,0)+1,1))-1)+IF('Standard Profiles'!$G$18=$B$10,7,0)+IF('Standard Profiles'!$G$18=$B$17,14,0)+IF('Standard Profiles'!$G$18=$B$24,21,0),0)),0)</f>
        <v>10.362039315052099</v>
      </c>
      <c r="E6568" cm="1">
        <f t="array" ref="E6568">IFERROR(INDEX(Jesper!AI$2:AI$366,ROUNDDOWN($C6568/24,0)+1,1)*INDEX($D$3:$AA$30,INDEX(Jesper!$R$2:$R$366,ROW(INDEX(Jesper!AI$2:AI$366,ROUNDDOWN($C6568/24,0)+1,1))-1)+IF('Standard Profiles'!$G$19=$B$10,7,0)+IF('Standard Profiles'!$G$19=$B$17,14,0)+IF('Standard Profiles'!$G$19=$B$24,21,0),MOD($C6568,24)+1)/SUM(INDEX($D$3:$AA$30,INDEX(Jesper!$R$2:$R$366,ROW(INDEX(Jesper!AI$2:AI$366,ROUNDDOWN($C6568/24,0)+1,1))-1)+IF('Standard Profiles'!$G$19=$B$10,7,0)+IF('Standard Profiles'!$G$19=$B$17,14,0)+IF('Standard Profiles'!$G$19=$B$24,21,0),0)),0)</f>
        <v>1.7846087087081899</v>
      </c>
      <c r="F6568" cm="1">
        <f t="array" ref="F6568">IFERROR(INDEX(Jesper!AJ$2:AJ$366,ROUNDDOWN($C6568/24,0)+1,1)*INDEX($D$3:$AA$30,INDEX(Jesper!$R$2:$R$366,ROW(INDEX(Jesper!AJ$2:AJ$366,ROUNDDOWN($C6568/24,0)+1,1))-1)+IF('Standard Profiles'!$G$20=$B$10,7,0)+IF('Standard Profiles'!$G$20=$B$17,14,0)+IF('Standard Profiles'!$G$20=$B$24,21,0),MOD($C6568,24)+1)/SUM(INDEX($D$3:$AA$30,INDEX(Jesper!$R$2:$R$366,ROW(INDEX(Jesper!AJ$2:AJ$366,ROUNDDOWN($C6568/24,0)+1,1))-1)+IF('Standard Profiles'!$G$20=$B$10,7,0)+IF('Standard Profiles'!$G$20=$B$17,14,0)+IF('Standard Profiles'!$G$20=$B$24,21,0),0)),0)</f>
        <v>0</v>
      </c>
      <c r="G6568" cm="1">
        <f t="array" ref="G6568">IFERROR(INDEX(Jesper!AK$2:AK$366,ROUNDDOWN($C6568/24,0)+1,1)*INDEX($D$3:$AA$30,INDEX(Jesper!$R$2:$R$366,ROW(INDEX(Jesper!AK$2:AK$366,ROUNDDOWN($C6568/24,0)+1,1))-1)+IF('Standard Profiles'!$G$21=$B$10,7,0)+IF('Standard Profiles'!$G$21=$B$17,14,0)+IF('Standard Profiles'!$G$21=$B$24,21,0),MOD($C6568,24)+1)/SUM(INDEX($D$3:$AA$30,INDEX(Jesper!$R$2:$R$366,ROW(INDEX(Jesper!AK$2:AK$366,ROUNDDOWN($C6568/24,0)+1,1))-1)+IF('Standard Profiles'!$G$21=$B$10,7,0)+IF('Standard Profiles'!$G$21=$B$17,14,0)+IF('Standard Profiles'!$G$21=$B$24,21,0),0)),0)</f>
        <v>0</v>
      </c>
      <c r="H6568" cm="1">
        <f t="array" ref="H6568">IFERROR(INDEX(Jesper!AL$2:AL$366,ROUNDDOWN($C6568/24,0)+1,1)*INDEX($D$3:$AA$30,INDEX(Jesper!$R$2:$R$366,ROW(INDEX(Jesper!AL$2:AL$366,ROUNDDOWN($C6568/24,0)+1,1))-1)+IF('Standard Profiles'!$G$22=$B$10,7,0)+IF('Standard Profiles'!$G$22=$B$17,14,0)+IF('Standard Profiles'!$G$22=$B$24,21,0),MOD($C6568,24)+1)/SUM(INDEX($D$3:$AA$30,INDEX(Jesper!$R$2:$R$366,ROW(INDEX(Jesper!AL$2:AL$366,ROUNDDOWN($C6568/24,0)+1,1))-1)+IF('Standard Profiles'!$G$22=$B$10,7,0)+IF('Standard Profiles'!$G$22=$B$17,14,0)+IF('Standard Profiles'!$G$22=$B$24,21,0),0)),0)</f>
        <v>0</v>
      </c>
      <c r="I6568">
        <f t="shared" si="734"/>
        <v>0.16077555934308022</v>
      </c>
      <c r="J6568">
        <f t="shared" si="735"/>
        <v>0.53591853114360077</v>
      </c>
      <c r="K6568">
        <f t="shared" si="736"/>
        <v>0.80387779671540116</v>
      </c>
      <c r="L6568">
        <f t="shared" si="737"/>
        <v>10.646076136558207</v>
      </c>
      <c r="M6568">
        <f t="shared" si="738"/>
        <v>0</v>
      </c>
      <c r="N6568" s="46">
        <f t="shared" si="739"/>
        <v>45564.249999984153</v>
      </c>
    </row>
    <row r="6569" spans="2:14" x14ac:dyDescent="0.3">
      <c r="B6569">
        <f t="shared" si="733"/>
        <v>7</v>
      </c>
      <c r="C6569" s="16">
        <v>6535</v>
      </c>
      <c r="D6569" cm="1">
        <f t="array" ref="D6569">IFERROR(INDEX(Jesper!AH$2:AH$366,ROUNDDOWN($C6569/24,0)+1,1)*INDEX($D$3:$AA$30,INDEX(Jesper!$R$2:$R$366,ROW(INDEX(Jesper!AH$2:AH$366,ROUNDDOWN($C6569/24,0)+1,1))-1)+IF('Standard Profiles'!$G$18=$B$10,7,0)+IF('Standard Profiles'!$G$18=$B$17,14,0)+IF('Standard Profiles'!$G$18=$B$24,21,0),MOD($C6569,24)+1)/SUM(INDEX($D$3:$AA$30,INDEX(Jesper!$R$2:$R$366,ROW(INDEX(Jesper!AH$2:AH$366,ROUNDDOWN($C6569/24,0)+1,1))-1)+IF('Standard Profiles'!$G$18=$B$10,7,0)+IF('Standard Profiles'!$G$18=$B$17,14,0)+IF('Standard Profiles'!$G$18=$B$24,21,0),0)),0)</f>
        <v>12.317141072609097</v>
      </c>
      <c r="E6569" cm="1">
        <f t="array" ref="E6569">IFERROR(INDEX(Jesper!AI$2:AI$366,ROUNDDOWN($C6569/24,0)+1,1)*INDEX($D$3:$AA$30,INDEX(Jesper!$R$2:$R$366,ROW(INDEX(Jesper!AI$2:AI$366,ROUNDDOWN($C6569/24,0)+1,1))-1)+IF('Standard Profiles'!$G$19=$B$10,7,0)+IF('Standard Profiles'!$G$19=$B$17,14,0)+IF('Standard Profiles'!$G$19=$B$24,21,0),MOD($C6569,24)+1)/SUM(INDEX($D$3:$AA$30,INDEX(Jesper!$R$2:$R$366,ROW(INDEX(Jesper!AI$2:AI$366,ROUNDDOWN($C6569/24,0)+1,1))-1)+IF('Standard Profiles'!$G$19=$B$10,7,0)+IF('Standard Profiles'!$G$19=$B$17,14,0)+IF('Standard Profiles'!$G$19=$B$24,21,0),0)),0)</f>
        <v>2.1213273329927538</v>
      </c>
      <c r="F6569" cm="1">
        <f t="array" ref="F6569">IFERROR(INDEX(Jesper!AJ$2:AJ$366,ROUNDDOWN($C6569/24,0)+1,1)*INDEX($D$3:$AA$30,INDEX(Jesper!$R$2:$R$366,ROW(INDEX(Jesper!AJ$2:AJ$366,ROUNDDOWN($C6569/24,0)+1,1))-1)+IF('Standard Profiles'!$G$20=$B$10,7,0)+IF('Standard Profiles'!$G$20=$B$17,14,0)+IF('Standard Profiles'!$G$20=$B$24,21,0),MOD($C6569,24)+1)/SUM(INDEX($D$3:$AA$30,INDEX(Jesper!$R$2:$R$366,ROW(INDEX(Jesper!AJ$2:AJ$366,ROUNDDOWN($C6569/24,0)+1,1))-1)+IF('Standard Profiles'!$G$20=$B$10,7,0)+IF('Standard Profiles'!$G$20=$B$17,14,0)+IF('Standard Profiles'!$G$20=$B$24,21,0),0)),0)</f>
        <v>0</v>
      </c>
      <c r="G6569" cm="1">
        <f t="array" ref="G6569">IFERROR(INDEX(Jesper!AK$2:AK$366,ROUNDDOWN($C6569/24,0)+1,1)*INDEX($D$3:$AA$30,INDEX(Jesper!$R$2:$R$366,ROW(INDEX(Jesper!AK$2:AK$366,ROUNDDOWN($C6569/24,0)+1,1))-1)+IF('Standard Profiles'!$G$21=$B$10,7,0)+IF('Standard Profiles'!$G$21=$B$17,14,0)+IF('Standard Profiles'!$G$21=$B$24,21,0),MOD($C6569,24)+1)/SUM(INDEX($D$3:$AA$30,INDEX(Jesper!$R$2:$R$366,ROW(INDEX(Jesper!AK$2:AK$366,ROUNDDOWN($C6569/24,0)+1,1))-1)+IF('Standard Profiles'!$G$21=$B$10,7,0)+IF('Standard Profiles'!$G$21=$B$17,14,0)+IF('Standard Profiles'!$G$21=$B$24,21,0),0)),0)</f>
        <v>0</v>
      </c>
      <c r="H6569" cm="1">
        <f t="array" ref="H6569">IFERROR(INDEX(Jesper!AL$2:AL$366,ROUNDDOWN($C6569/24,0)+1,1)*INDEX($D$3:$AA$30,INDEX(Jesper!$R$2:$R$366,ROW(INDEX(Jesper!AL$2:AL$366,ROUNDDOWN($C6569/24,0)+1,1))-1)+IF('Standard Profiles'!$G$22=$B$10,7,0)+IF('Standard Profiles'!$G$22=$B$17,14,0)+IF('Standard Profiles'!$G$22=$B$24,21,0),MOD($C6569,24)+1)/SUM(INDEX($D$3:$AA$30,INDEX(Jesper!$R$2:$R$366,ROW(INDEX(Jesper!AL$2:AL$366,ROUNDDOWN($C6569/24,0)+1,1))-1)+IF('Standard Profiles'!$G$22=$B$10,7,0)+IF('Standard Profiles'!$G$22=$B$17,14,0)+IF('Standard Profiles'!$G$22=$B$24,21,0),0)),0)</f>
        <v>0</v>
      </c>
      <c r="I6569">
        <f t="shared" si="734"/>
        <v>0.19111057053988778</v>
      </c>
      <c r="J6569">
        <f t="shared" si="735"/>
        <v>0.63703523513295934</v>
      </c>
      <c r="K6569">
        <f t="shared" si="736"/>
        <v>0.95555285269943901</v>
      </c>
      <c r="L6569">
        <f t="shared" si="737"/>
        <v>12.654769747229565</v>
      </c>
      <c r="M6569">
        <f t="shared" si="738"/>
        <v>0</v>
      </c>
      <c r="N6569" s="46">
        <f t="shared" si="739"/>
        <v>45564.291666650817</v>
      </c>
    </row>
    <row r="6570" spans="2:14" x14ac:dyDescent="0.3">
      <c r="B6570">
        <f t="shared" si="733"/>
        <v>7</v>
      </c>
      <c r="C6570" s="16">
        <v>6536</v>
      </c>
      <c r="D6570" cm="1">
        <f t="array" ref="D6570">IFERROR(INDEX(Jesper!AH$2:AH$366,ROUNDDOWN($C6570/24,0)+1,1)*INDEX($D$3:$AA$30,INDEX(Jesper!$R$2:$R$366,ROW(INDEX(Jesper!AH$2:AH$366,ROUNDDOWN($C6570/24,0)+1,1))-1)+IF('Standard Profiles'!$G$18=$B$10,7,0)+IF('Standard Profiles'!$G$18=$B$17,14,0)+IF('Standard Profiles'!$G$18=$B$24,21,0),MOD($C6570,24)+1)/SUM(INDEX($D$3:$AA$30,INDEX(Jesper!$R$2:$R$366,ROW(INDEX(Jesper!AH$2:AH$366,ROUNDDOWN($C6570/24,0)+1,1))-1)+IF('Standard Profiles'!$G$18=$B$10,7,0)+IF('Standard Profiles'!$G$18=$B$17,14,0)+IF('Standard Profiles'!$G$18=$B$24,21,0),0)),0)</f>
        <v>12.317141072609097</v>
      </c>
      <c r="E6570" cm="1">
        <f t="array" ref="E6570">IFERROR(INDEX(Jesper!AI$2:AI$366,ROUNDDOWN($C6570/24,0)+1,1)*INDEX($D$3:$AA$30,INDEX(Jesper!$R$2:$R$366,ROW(INDEX(Jesper!AI$2:AI$366,ROUNDDOWN($C6570/24,0)+1,1))-1)+IF('Standard Profiles'!$G$19=$B$10,7,0)+IF('Standard Profiles'!$G$19=$B$17,14,0)+IF('Standard Profiles'!$G$19=$B$24,21,0),MOD($C6570,24)+1)/SUM(INDEX($D$3:$AA$30,INDEX(Jesper!$R$2:$R$366,ROW(INDEX(Jesper!AI$2:AI$366,ROUNDDOWN($C6570/24,0)+1,1))-1)+IF('Standard Profiles'!$G$19=$B$10,7,0)+IF('Standard Profiles'!$G$19=$B$17,14,0)+IF('Standard Profiles'!$G$19=$B$24,21,0),0)),0)</f>
        <v>2.1213273329927538</v>
      </c>
      <c r="F6570" cm="1">
        <f t="array" ref="F6570">IFERROR(INDEX(Jesper!AJ$2:AJ$366,ROUNDDOWN($C6570/24,0)+1,1)*INDEX($D$3:$AA$30,INDEX(Jesper!$R$2:$R$366,ROW(INDEX(Jesper!AJ$2:AJ$366,ROUNDDOWN($C6570/24,0)+1,1))-1)+IF('Standard Profiles'!$G$20=$B$10,7,0)+IF('Standard Profiles'!$G$20=$B$17,14,0)+IF('Standard Profiles'!$G$20=$B$24,21,0),MOD($C6570,24)+1)/SUM(INDEX($D$3:$AA$30,INDEX(Jesper!$R$2:$R$366,ROW(INDEX(Jesper!AJ$2:AJ$366,ROUNDDOWN($C6570/24,0)+1,1))-1)+IF('Standard Profiles'!$G$20=$B$10,7,0)+IF('Standard Profiles'!$G$20=$B$17,14,0)+IF('Standard Profiles'!$G$20=$B$24,21,0),0)),0)</f>
        <v>0</v>
      </c>
      <c r="G6570" cm="1">
        <f t="array" ref="G6570">IFERROR(INDEX(Jesper!AK$2:AK$366,ROUNDDOWN($C6570/24,0)+1,1)*INDEX($D$3:$AA$30,INDEX(Jesper!$R$2:$R$366,ROW(INDEX(Jesper!AK$2:AK$366,ROUNDDOWN($C6570/24,0)+1,1))-1)+IF('Standard Profiles'!$G$21=$B$10,7,0)+IF('Standard Profiles'!$G$21=$B$17,14,0)+IF('Standard Profiles'!$G$21=$B$24,21,0),MOD($C6570,24)+1)/SUM(INDEX($D$3:$AA$30,INDEX(Jesper!$R$2:$R$366,ROW(INDEX(Jesper!AK$2:AK$366,ROUNDDOWN($C6570/24,0)+1,1))-1)+IF('Standard Profiles'!$G$21=$B$10,7,0)+IF('Standard Profiles'!$G$21=$B$17,14,0)+IF('Standard Profiles'!$G$21=$B$24,21,0),0)),0)</f>
        <v>0</v>
      </c>
      <c r="H6570" cm="1">
        <f t="array" ref="H6570">IFERROR(INDEX(Jesper!AL$2:AL$366,ROUNDDOWN($C6570/24,0)+1,1)*INDEX($D$3:$AA$30,INDEX(Jesper!$R$2:$R$366,ROW(INDEX(Jesper!AL$2:AL$366,ROUNDDOWN($C6570/24,0)+1,1))-1)+IF('Standard Profiles'!$G$22=$B$10,7,0)+IF('Standard Profiles'!$G$22=$B$17,14,0)+IF('Standard Profiles'!$G$22=$B$24,21,0),MOD($C6570,24)+1)/SUM(INDEX($D$3:$AA$30,INDEX(Jesper!$R$2:$R$366,ROW(INDEX(Jesper!AL$2:AL$366,ROUNDDOWN($C6570/24,0)+1,1))-1)+IF('Standard Profiles'!$G$22=$B$10,7,0)+IF('Standard Profiles'!$G$22=$B$17,14,0)+IF('Standard Profiles'!$G$22=$B$24,21,0),0)),0)</f>
        <v>0</v>
      </c>
      <c r="I6570">
        <f t="shared" si="734"/>
        <v>0.19111057053988778</v>
      </c>
      <c r="J6570">
        <f t="shared" si="735"/>
        <v>0.63703523513295934</v>
      </c>
      <c r="K6570">
        <f t="shared" si="736"/>
        <v>0.95555285269943901</v>
      </c>
      <c r="L6570">
        <f t="shared" si="737"/>
        <v>12.654769747229565</v>
      </c>
      <c r="M6570">
        <f t="shared" si="738"/>
        <v>0</v>
      </c>
      <c r="N6570" s="46">
        <f t="shared" si="739"/>
        <v>45564.333333317481</v>
      </c>
    </row>
    <row r="6571" spans="2:14" x14ac:dyDescent="0.3">
      <c r="B6571">
        <f t="shared" si="733"/>
        <v>7</v>
      </c>
      <c r="C6571" s="16">
        <v>6537</v>
      </c>
      <c r="D6571" cm="1">
        <f t="array" ref="D6571">IFERROR(INDEX(Jesper!AH$2:AH$366,ROUNDDOWN($C6571/24,0)+1,1)*INDEX($D$3:$AA$30,INDEX(Jesper!$R$2:$R$366,ROW(INDEX(Jesper!AH$2:AH$366,ROUNDDOWN($C6571/24,0)+1,1))-1)+IF('Standard Profiles'!$G$18=$B$10,7,0)+IF('Standard Profiles'!$G$18=$B$17,14,0)+IF('Standard Profiles'!$G$18=$B$24,21,0),MOD($C6571,24)+1)/SUM(INDEX($D$3:$AA$30,INDEX(Jesper!$R$2:$R$366,ROW(INDEX(Jesper!AH$2:AH$366,ROUNDDOWN($C6571/24,0)+1,1))-1)+IF('Standard Profiles'!$G$18=$B$10,7,0)+IF('Standard Profiles'!$G$18=$B$17,14,0)+IF('Standard Profiles'!$G$18=$B$24,21,0),0)),0)</f>
        <v>12.317141072609097</v>
      </c>
      <c r="E6571" cm="1">
        <f t="array" ref="E6571">IFERROR(INDEX(Jesper!AI$2:AI$366,ROUNDDOWN($C6571/24,0)+1,1)*INDEX($D$3:$AA$30,INDEX(Jesper!$R$2:$R$366,ROW(INDEX(Jesper!AI$2:AI$366,ROUNDDOWN($C6571/24,0)+1,1))-1)+IF('Standard Profiles'!$G$19=$B$10,7,0)+IF('Standard Profiles'!$G$19=$B$17,14,0)+IF('Standard Profiles'!$G$19=$B$24,21,0),MOD($C6571,24)+1)/SUM(INDEX($D$3:$AA$30,INDEX(Jesper!$R$2:$R$366,ROW(INDEX(Jesper!AI$2:AI$366,ROUNDDOWN($C6571/24,0)+1,1))-1)+IF('Standard Profiles'!$G$19=$B$10,7,0)+IF('Standard Profiles'!$G$19=$B$17,14,0)+IF('Standard Profiles'!$G$19=$B$24,21,0),0)),0)</f>
        <v>2.1213273329927538</v>
      </c>
      <c r="F6571" cm="1">
        <f t="array" ref="F6571">IFERROR(INDEX(Jesper!AJ$2:AJ$366,ROUNDDOWN($C6571/24,0)+1,1)*INDEX($D$3:$AA$30,INDEX(Jesper!$R$2:$R$366,ROW(INDEX(Jesper!AJ$2:AJ$366,ROUNDDOWN($C6571/24,0)+1,1))-1)+IF('Standard Profiles'!$G$20=$B$10,7,0)+IF('Standard Profiles'!$G$20=$B$17,14,0)+IF('Standard Profiles'!$G$20=$B$24,21,0),MOD($C6571,24)+1)/SUM(INDEX($D$3:$AA$30,INDEX(Jesper!$R$2:$R$366,ROW(INDEX(Jesper!AJ$2:AJ$366,ROUNDDOWN($C6571/24,0)+1,1))-1)+IF('Standard Profiles'!$G$20=$B$10,7,0)+IF('Standard Profiles'!$G$20=$B$17,14,0)+IF('Standard Profiles'!$G$20=$B$24,21,0),0)),0)</f>
        <v>0</v>
      </c>
      <c r="G6571" cm="1">
        <f t="array" ref="G6571">IFERROR(INDEX(Jesper!AK$2:AK$366,ROUNDDOWN($C6571/24,0)+1,1)*INDEX($D$3:$AA$30,INDEX(Jesper!$R$2:$R$366,ROW(INDEX(Jesper!AK$2:AK$366,ROUNDDOWN($C6571/24,0)+1,1))-1)+IF('Standard Profiles'!$G$21=$B$10,7,0)+IF('Standard Profiles'!$G$21=$B$17,14,0)+IF('Standard Profiles'!$G$21=$B$24,21,0),MOD($C6571,24)+1)/SUM(INDEX($D$3:$AA$30,INDEX(Jesper!$R$2:$R$366,ROW(INDEX(Jesper!AK$2:AK$366,ROUNDDOWN($C6571/24,0)+1,1))-1)+IF('Standard Profiles'!$G$21=$B$10,7,0)+IF('Standard Profiles'!$G$21=$B$17,14,0)+IF('Standard Profiles'!$G$21=$B$24,21,0),0)),0)</f>
        <v>0</v>
      </c>
      <c r="H6571" cm="1">
        <f t="array" ref="H6571">IFERROR(INDEX(Jesper!AL$2:AL$366,ROUNDDOWN($C6571/24,0)+1,1)*INDEX($D$3:$AA$30,INDEX(Jesper!$R$2:$R$366,ROW(INDEX(Jesper!AL$2:AL$366,ROUNDDOWN($C6571/24,0)+1,1))-1)+IF('Standard Profiles'!$G$22=$B$10,7,0)+IF('Standard Profiles'!$G$22=$B$17,14,0)+IF('Standard Profiles'!$G$22=$B$24,21,0),MOD($C6571,24)+1)/SUM(INDEX($D$3:$AA$30,INDEX(Jesper!$R$2:$R$366,ROW(INDEX(Jesper!AL$2:AL$366,ROUNDDOWN($C6571/24,0)+1,1))-1)+IF('Standard Profiles'!$G$22=$B$10,7,0)+IF('Standard Profiles'!$G$22=$B$17,14,0)+IF('Standard Profiles'!$G$22=$B$24,21,0),0)),0)</f>
        <v>0</v>
      </c>
      <c r="I6571">
        <f t="shared" si="734"/>
        <v>0.19111057053988778</v>
      </c>
      <c r="J6571">
        <f t="shared" si="735"/>
        <v>0.63703523513295934</v>
      </c>
      <c r="K6571">
        <f t="shared" si="736"/>
        <v>0.95555285269943901</v>
      </c>
      <c r="L6571">
        <f t="shared" si="737"/>
        <v>12.654769747229565</v>
      </c>
      <c r="M6571">
        <f t="shared" si="738"/>
        <v>0</v>
      </c>
      <c r="N6571" s="46">
        <f t="shared" si="739"/>
        <v>45564.374999984146</v>
      </c>
    </row>
    <row r="6572" spans="2:14" x14ac:dyDescent="0.3">
      <c r="B6572">
        <f t="shared" si="733"/>
        <v>7</v>
      </c>
      <c r="C6572" s="16">
        <v>6538</v>
      </c>
      <c r="D6572" cm="1">
        <f t="array" ref="D6572">IFERROR(INDEX(Jesper!AH$2:AH$366,ROUNDDOWN($C6572/24,0)+1,1)*INDEX($D$3:$AA$30,INDEX(Jesper!$R$2:$R$366,ROW(INDEX(Jesper!AH$2:AH$366,ROUNDDOWN($C6572/24,0)+1,1))-1)+IF('Standard Profiles'!$G$18=$B$10,7,0)+IF('Standard Profiles'!$G$18=$B$17,14,0)+IF('Standard Profiles'!$G$18=$B$24,21,0),MOD($C6572,24)+1)/SUM(INDEX($D$3:$AA$30,INDEX(Jesper!$R$2:$R$366,ROW(INDEX(Jesper!AH$2:AH$366,ROUNDDOWN($C6572/24,0)+1,1))-1)+IF('Standard Profiles'!$G$18=$B$10,7,0)+IF('Standard Profiles'!$G$18=$B$17,14,0)+IF('Standard Profiles'!$G$18=$B$24,21,0),0)),0)</f>
        <v>12.317141072609097</v>
      </c>
      <c r="E6572" cm="1">
        <f t="array" ref="E6572">IFERROR(INDEX(Jesper!AI$2:AI$366,ROUNDDOWN($C6572/24,0)+1,1)*INDEX($D$3:$AA$30,INDEX(Jesper!$R$2:$R$366,ROW(INDEX(Jesper!AI$2:AI$366,ROUNDDOWN($C6572/24,0)+1,1))-1)+IF('Standard Profiles'!$G$19=$B$10,7,0)+IF('Standard Profiles'!$G$19=$B$17,14,0)+IF('Standard Profiles'!$G$19=$B$24,21,0),MOD($C6572,24)+1)/SUM(INDEX($D$3:$AA$30,INDEX(Jesper!$R$2:$R$366,ROW(INDEX(Jesper!AI$2:AI$366,ROUNDDOWN($C6572/24,0)+1,1))-1)+IF('Standard Profiles'!$G$19=$B$10,7,0)+IF('Standard Profiles'!$G$19=$B$17,14,0)+IF('Standard Profiles'!$G$19=$B$24,21,0),0)),0)</f>
        <v>2.1213273329927538</v>
      </c>
      <c r="F6572" cm="1">
        <f t="array" ref="F6572">IFERROR(INDEX(Jesper!AJ$2:AJ$366,ROUNDDOWN($C6572/24,0)+1,1)*INDEX($D$3:$AA$30,INDEX(Jesper!$R$2:$R$366,ROW(INDEX(Jesper!AJ$2:AJ$366,ROUNDDOWN($C6572/24,0)+1,1))-1)+IF('Standard Profiles'!$G$20=$B$10,7,0)+IF('Standard Profiles'!$G$20=$B$17,14,0)+IF('Standard Profiles'!$G$20=$B$24,21,0),MOD($C6572,24)+1)/SUM(INDEX($D$3:$AA$30,INDEX(Jesper!$R$2:$R$366,ROW(INDEX(Jesper!AJ$2:AJ$366,ROUNDDOWN($C6572/24,0)+1,1))-1)+IF('Standard Profiles'!$G$20=$B$10,7,0)+IF('Standard Profiles'!$G$20=$B$17,14,0)+IF('Standard Profiles'!$G$20=$B$24,21,0),0)),0)</f>
        <v>0</v>
      </c>
      <c r="G6572" cm="1">
        <f t="array" ref="G6572">IFERROR(INDEX(Jesper!AK$2:AK$366,ROUNDDOWN($C6572/24,0)+1,1)*INDEX($D$3:$AA$30,INDEX(Jesper!$R$2:$R$366,ROW(INDEX(Jesper!AK$2:AK$366,ROUNDDOWN($C6572/24,0)+1,1))-1)+IF('Standard Profiles'!$G$21=$B$10,7,0)+IF('Standard Profiles'!$G$21=$B$17,14,0)+IF('Standard Profiles'!$G$21=$B$24,21,0),MOD($C6572,24)+1)/SUM(INDEX($D$3:$AA$30,INDEX(Jesper!$R$2:$R$366,ROW(INDEX(Jesper!AK$2:AK$366,ROUNDDOWN($C6572/24,0)+1,1))-1)+IF('Standard Profiles'!$G$21=$B$10,7,0)+IF('Standard Profiles'!$G$21=$B$17,14,0)+IF('Standard Profiles'!$G$21=$B$24,21,0),0)),0)</f>
        <v>0</v>
      </c>
      <c r="H6572" cm="1">
        <f t="array" ref="H6572">IFERROR(INDEX(Jesper!AL$2:AL$366,ROUNDDOWN($C6572/24,0)+1,1)*INDEX($D$3:$AA$30,INDEX(Jesper!$R$2:$R$366,ROW(INDEX(Jesper!AL$2:AL$366,ROUNDDOWN($C6572/24,0)+1,1))-1)+IF('Standard Profiles'!$G$22=$B$10,7,0)+IF('Standard Profiles'!$G$22=$B$17,14,0)+IF('Standard Profiles'!$G$22=$B$24,21,0),MOD($C6572,24)+1)/SUM(INDEX($D$3:$AA$30,INDEX(Jesper!$R$2:$R$366,ROW(INDEX(Jesper!AL$2:AL$366,ROUNDDOWN($C6572/24,0)+1,1))-1)+IF('Standard Profiles'!$G$22=$B$10,7,0)+IF('Standard Profiles'!$G$22=$B$17,14,0)+IF('Standard Profiles'!$G$22=$B$24,21,0),0)),0)</f>
        <v>0</v>
      </c>
      <c r="I6572">
        <f t="shared" si="734"/>
        <v>0.19111057053988778</v>
      </c>
      <c r="J6572">
        <f t="shared" si="735"/>
        <v>0.63703523513295934</v>
      </c>
      <c r="K6572">
        <f t="shared" si="736"/>
        <v>0.95555285269943901</v>
      </c>
      <c r="L6572">
        <f t="shared" si="737"/>
        <v>12.654769747229565</v>
      </c>
      <c r="M6572">
        <f t="shared" si="738"/>
        <v>0</v>
      </c>
      <c r="N6572" s="46">
        <f t="shared" si="739"/>
        <v>45564.41666665081</v>
      </c>
    </row>
    <row r="6573" spans="2:14" x14ac:dyDescent="0.3">
      <c r="B6573">
        <f t="shared" si="733"/>
        <v>7</v>
      </c>
      <c r="C6573" s="16">
        <v>6539</v>
      </c>
      <c r="D6573" cm="1">
        <f t="array" ref="D6573">IFERROR(INDEX(Jesper!AH$2:AH$366,ROUNDDOWN($C6573/24,0)+1,1)*INDEX($D$3:$AA$30,INDEX(Jesper!$R$2:$R$366,ROW(INDEX(Jesper!AH$2:AH$366,ROUNDDOWN($C6573/24,0)+1,1))-1)+IF('Standard Profiles'!$G$18=$B$10,7,0)+IF('Standard Profiles'!$G$18=$B$17,14,0)+IF('Standard Profiles'!$G$18=$B$24,21,0),MOD($C6573,24)+1)/SUM(INDEX($D$3:$AA$30,INDEX(Jesper!$R$2:$R$366,ROW(INDEX(Jesper!AH$2:AH$366,ROUNDDOWN($C6573/24,0)+1,1))-1)+IF('Standard Profiles'!$G$18=$B$10,7,0)+IF('Standard Profiles'!$G$18=$B$17,14,0)+IF('Standard Profiles'!$G$18=$B$24,21,0),0)),0)</f>
        <v>12.317141072609097</v>
      </c>
      <c r="E6573" cm="1">
        <f t="array" ref="E6573">IFERROR(INDEX(Jesper!AI$2:AI$366,ROUNDDOWN($C6573/24,0)+1,1)*INDEX($D$3:$AA$30,INDEX(Jesper!$R$2:$R$366,ROW(INDEX(Jesper!AI$2:AI$366,ROUNDDOWN($C6573/24,0)+1,1))-1)+IF('Standard Profiles'!$G$19=$B$10,7,0)+IF('Standard Profiles'!$G$19=$B$17,14,0)+IF('Standard Profiles'!$G$19=$B$24,21,0),MOD($C6573,24)+1)/SUM(INDEX($D$3:$AA$30,INDEX(Jesper!$R$2:$R$366,ROW(INDEX(Jesper!AI$2:AI$366,ROUNDDOWN($C6573/24,0)+1,1))-1)+IF('Standard Profiles'!$G$19=$B$10,7,0)+IF('Standard Profiles'!$G$19=$B$17,14,0)+IF('Standard Profiles'!$G$19=$B$24,21,0),0)),0)</f>
        <v>2.1213273329927538</v>
      </c>
      <c r="F6573" cm="1">
        <f t="array" ref="F6573">IFERROR(INDEX(Jesper!AJ$2:AJ$366,ROUNDDOWN($C6573/24,0)+1,1)*INDEX($D$3:$AA$30,INDEX(Jesper!$R$2:$R$366,ROW(INDEX(Jesper!AJ$2:AJ$366,ROUNDDOWN($C6573/24,0)+1,1))-1)+IF('Standard Profiles'!$G$20=$B$10,7,0)+IF('Standard Profiles'!$G$20=$B$17,14,0)+IF('Standard Profiles'!$G$20=$B$24,21,0),MOD($C6573,24)+1)/SUM(INDEX($D$3:$AA$30,INDEX(Jesper!$R$2:$R$366,ROW(INDEX(Jesper!AJ$2:AJ$366,ROUNDDOWN($C6573/24,0)+1,1))-1)+IF('Standard Profiles'!$G$20=$B$10,7,0)+IF('Standard Profiles'!$G$20=$B$17,14,0)+IF('Standard Profiles'!$G$20=$B$24,21,0),0)),0)</f>
        <v>0</v>
      </c>
      <c r="G6573" cm="1">
        <f t="array" ref="G6573">IFERROR(INDEX(Jesper!AK$2:AK$366,ROUNDDOWN($C6573/24,0)+1,1)*INDEX($D$3:$AA$30,INDEX(Jesper!$R$2:$R$366,ROW(INDEX(Jesper!AK$2:AK$366,ROUNDDOWN($C6573/24,0)+1,1))-1)+IF('Standard Profiles'!$G$21=$B$10,7,0)+IF('Standard Profiles'!$G$21=$B$17,14,0)+IF('Standard Profiles'!$G$21=$B$24,21,0),MOD($C6573,24)+1)/SUM(INDEX($D$3:$AA$30,INDEX(Jesper!$R$2:$R$366,ROW(INDEX(Jesper!AK$2:AK$366,ROUNDDOWN($C6573/24,0)+1,1))-1)+IF('Standard Profiles'!$G$21=$B$10,7,0)+IF('Standard Profiles'!$G$21=$B$17,14,0)+IF('Standard Profiles'!$G$21=$B$24,21,0),0)),0)</f>
        <v>0</v>
      </c>
      <c r="H6573" cm="1">
        <f t="array" ref="H6573">IFERROR(INDEX(Jesper!AL$2:AL$366,ROUNDDOWN($C6573/24,0)+1,1)*INDEX($D$3:$AA$30,INDEX(Jesper!$R$2:$R$366,ROW(INDEX(Jesper!AL$2:AL$366,ROUNDDOWN($C6573/24,0)+1,1))-1)+IF('Standard Profiles'!$G$22=$B$10,7,0)+IF('Standard Profiles'!$G$22=$B$17,14,0)+IF('Standard Profiles'!$G$22=$B$24,21,0),MOD($C6573,24)+1)/SUM(INDEX($D$3:$AA$30,INDEX(Jesper!$R$2:$R$366,ROW(INDEX(Jesper!AL$2:AL$366,ROUNDDOWN($C6573/24,0)+1,1))-1)+IF('Standard Profiles'!$G$22=$B$10,7,0)+IF('Standard Profiles'!$G$22=$B$17,14,0)+IF('Standard Profiles'!$G$22=$B$24,21,0),0)),0)</f>
        <v>0</v>
      </c>
      <c r="I6573">
        <f t="shared" si="734"/>
        <v>0.19111057053988778</v>
      </c>
      <c r="J6573">
        <f t="shared" si="735"/>
        <v>0.63703523513295934</v>
      </c>
      <c r="K6573">
        <f t="shared" si="736"/>
        <v>0.95555285269943901</v>
      </c>
      <c r="L6573">
        <f t="shared" si="737"/>
        <v>12.654769747229565</v>
      </c>
      <c r="M6573">
        <f t="shared" si="738"/>
        <v>0</v>
      </c>
      <c r="N6573" s="46">
        <f t="shared" si="739"/>
        <v>45564.458333317474</v>
      </c>
    </row>
    <row r="6574" spans="2:14" x14ac:dyDescent="0.3">
      <c r="B6574">
        <f t="shared" si="733"/>
        <v>7</v>
      </c>
      <c r="C6574" s="16">
        <v>6540</v>
      </c>
      <c r="D6574" cm="1">
        <f t="array" ref="D6574">IFERROR(INDEX(Jesper!AH$2:AH$366,ROUNDDOWN($C6574/24,0)+1,1)*INDEX($D$3:$AA$30,INDEX(Jesper!$R$2:$R$366,ROW(INDEX(Jesper!AH$2:AH$366,ROUNDDOWN($C6574/24,0)+1,1))-1)+IF('Standard Profiles'!$G$18=$B$10,7,0)+IF('Standard Profiles'!$G$18=$B$17,14,0)+IF('Standard Profiles'!$G$18=$B$24,21,0),MOD($C6574,24)+1)/SUM(INDEX($D$3:$AA$30,INDEX(Jesper!$R$2:$R$366,ROW(INDEX(Jesper!AH$2:AH$366,ROUNDDOWN($C6574/24,0)+1,1))-1)+IF('Standard Profiles'!$G$18=$B$10,7,0)+IF('Standard Profiles'!$G$18=$B$17,14,0)+IF('Standard Profiles'!$G$18=$B$24,21,0),0)),0)</f>
        <v>12.317141072609097</v>
      </c>
      <c r="E6574" cm="1">
        <f t="array" ref="E6574">IFERROR(INDEX(Jesper!AI$2:AI$366,ROUNDDOWN($C6574/24,0)+1,1)*INDEX($D$3:$AA$30,INDEX(Jesper!$R$2:$R$366,ROW(INDEX(Jesper!AI$2:AI$366,ROUNDDOWN($C6574/24,0)+1,1))-1)+IF('Standard Profiles'!$G$19=$B$10,7,0)+IF('Standard Profiles'!$G$19=$B$17,14,0)+IF('Standard Profiles'!$G$19=$B$24,21,0),MOD($C6574,24)+1)/SUM(INDEX($D$3:$AA$30,INDEX(Jesper!$R$2:$R$366,ROW(INDEX(Jesper!AI$2:AI$366,ROUNDDOWN($C6574/24,0)+1,1))-1)+IF('Standard Profiles'!$G$19=$B$10,7,0)+IF('Standard Profiles'!$G$19=$B$17,14,0)+IF('Standard Profiles'!$G$19=$B$24,21,0),0)),0)</f>
        <v>2.1213273329927538</v>
      </c>
      <c r="F6574" cm="1">
        <f t="array" ref="F6574">IFERROR(INDEX(Jesper!AJ$2:AJ$366,ROUNDDOWN($C6574/24,0)+1,1)*INDEX($D$3:$AA$30,INDEX(Jesper!$R$2:$R$366,ROW(INDEX(Jesper!AJ$2:AJ$366,ROUNDDOWN($C6574/24,0)+1,1))-1)+IF('Standard Profiles'!$G$20=$B$10,7,0)+IF('Standard Profiles'!$G$20=$B$17,14,0)+IF('Standard Profiles'!$G$20=$B$24,21,0),MOD($C6574,24)+1)/SUM(INDEX($D$3:$AA$30,INDEX(Jesper!$R$2:$R$366,ROW(INDEX(Jesper!AJ$2:AJ$366,ROUNDDOWN($C6574/24,0)+1,1))-1)+IF('Standard Profiles'!$G$20=$B$10,7,0)+IF('Standard Profiles'!$G$20=$B$17,14,0)+IF('Standard Profiles'!$G$20=$B$24,21,0),0)),0)</f>
        <v>0</v>
      </c>
      <c r="G6574" cm="1">
        <f t="array" ref="G6574">IFERROR(INDEX(Jesper!AK$2:AK$366,ROUNDDOWN($C6574/24,0)+1,1)*INDEX($D$3:$AA$30,INDEX(Jesper!$R$2:$R$366,ROW(INDEX(Jesper!AK$2:AK$366,ROUNDDOWN($C6574/24,0)+1,1))-1)+IF('Standard Profiles'!$G$21=$B$10,7,0)+IF('Standard Profiles'!$G$21=$B$17,14,0)+IF('Standard Profiles'!$G$21=$B$24,21,0),MOD($C6574,24)+1)/SUM(INDEX($D$3:$AA$30,INDEX(Jesper!$R$2:$R$366,ROW(INDEX(Jesper!AK$2:AK$366,ROUNDDOWN($C6574/24,0)+1,1))-1)+IF('Standard Profiles'!$G$21=$B$10,7,0)+IF('Standard Profiles'!$G$21=$B$17,14,0)+IF('Standard Profiles'!$G$21=$B$24,21,0),0)),0)</f>
        <v>0</v>
      </c>
      <c r="H6574" cm="1">
        <f t="array" ref="H6574">IFERROR(INDEX(Jesper!AL$2:AL$366,ROUNDDOWN($C6574/24,0)+1,1)*INDEX($D$3:$AA$30,INDEX(Jesper!$R$2:$R$366,ROW(INDEX(Jesper!AL$2:AL$366,ROUNDDOWN($C6574/24,0)+1,1))-1)+IF('Standard Profiles'!$G$22=$B$10,7,0)+IF('Standard Profiles'!$G$22=$B$17,14,0)+IF('Standard Profiles'!$G$22=$B$24,21,0),MOD($C6574,24)+1)/SUM(INDEX($D$3:$AA$30,INDEX(Jesper!$R$2:$R$366,ROW(INDEX(Jesper!AL$2:AL$366,ROUNDDOWN($C6574/24,0)+1,1))-1)+IF('Standard Profiles'!$G$22=$B$10,7,0)+IF('Standard Profiles'!$G$22=$B$17,14,0)+IF('Standard Profiles'!$G$22=$B$24,21,0),0)),0)</f>
        <v>0</v>
      </c>
      <c r="I6574">
        <f t="shared" si="734"/>
        <v>0.19111057053988778</v>
      </c>
      <c r="J6574">
        <f t="shared" si="735"/>
        <v>0.63703523513295934</v>
      </c>
      <c r="K6574">
        <f t="shared" si="736"/>
        <v>0.95555285269943901</v>
      </c>
      <c r="L6574">
        <f t="shared" si="737"/>
        <v>12.654769747229565</v>
      </c>
      <c r="M6574">
        <f t="shared" si="738"/>
        <v>0</v>
      </c>
      <c r="N6574" s="46">
        <f t="shared" si="739"/>
        <v>45564.499999984138</v>
      </c>
    </row>
    <row r="6575" spans="2:14" x14ac:dyDescent="0.3">
      <c r="B6575">
        <f t="shared" si="733"/>
        <v>7</v>
      </c>
      <c r="C6575" s="16">
        <v>6541</v>
      </c>
      <c r="D6575" cm="1">
        <f t="array" ref="D6575">IFERROR(INDEX(Jesper!AH$2:AH$366,ROUNDDOWN($C6575/24,0)+1,1)*INDEX($D$3:$AA$30,INDEX(Jesper!$R$2:$R$366,ROW(INDEX(Jesper!AH$2:AH$366,ROUNDDOWN($C6575/24,0)+1,1))-1)+IF('Standard Profiles'!$G$18=$B$10,7,0)+IF('Standard Profiles'!$G$18=$B$17,14,0)+IF('Standard Profiles'!$G$18=$B$24,21,0),MOD($C6575,24)+1)/SUM(INDEX($D$3:$AA$30,INDEX(Jesper!$R$2:$R$366,ROW(INDEX(Jesper!AH$2:AH$366,ROUNDDOWN($C6575/24,0)+1,1))-1)+IF('Standard Profiles'!$G$18=$B$10,7,0)+IF('Standard Profiles'!$G$18=$B$17,14,0)+IF('Standard Profiles'!$G$18=$B$24,21,0),0)),0)</f>
        <v>12.317141072609097</v>
      </c>
      <c r="E6575" cm="1">
        <f t="array" ref="E6575">IFERROR(INDEX(Jesper!AI$2:AI$366,ROUNDDOWN($C6575/24,0)+1,1)*INDEX($D$3:$AA$30,INDEX(Jesper!$R$2:$R$366,ROW(INDEX(Jesper!AI$2:AI$366,ROUNDDOWN($C6575/24,0)+1,1))-1)+IF('Standard Profiles'!$G$19=$B$10,7,0)+IF('Standard Profiles'!$G$19=$B$17,14,0)+IF('Standard Profiles'!$G$19=$B$24,21,0),MOD($C6575,24)+1)/SUM(INDEX($D$3:$AA$30,INDEX(Jesper!$R$2:$R$366,ROW(INDEX(Jesper!AI$2:AI$366,ROUNDDOWN($C6575/24,0)+1,1))-1)+IF('Standard Profiles'!$G$19=$B$10,7,0)+IF('Standard Profiles'!$G$19=$B$17,14,0)+IF('Standard Profiles'!$G$19=$B$24,21,0),0)),0)</f>
        <v>2.1213273329927538</v>
      </c>
      <c r="F6575" cm="1">
        <f t="array" ref="F6575">IFERROR(INDEX(Jesper!AJ$2:AJ$366,ROUNDDOWN($C6575/24,0)+1,1)*INDEX($D$3:$AA$30,INDEX(Jesper!$R$2:$R$366,ROW(INDEX(Jesper!AJ$2:AJ$366,ROUNDDOWN($C6575/24,0)+1,1))-1)+IF('Standard Profiles'!$G$20=$B$10,7,0)+IF('Standard Profiles'!$G$20=$B$17,14,0)+IF('Standard Profiles'!$G$20=$B$24,21,0),MOD($C6575,24)+1)/SUM(INDEX($D$3:$AA$30,INDEX(Jesper!$R$2:$R$366,ROW(INDEX(Jesper!AJ$2:AJ$366,ROUNDDOWN($C6575/24,0)+1,1))-1)+IF('Standard Profiles'!$G$20=$B$10,7,0)+IF('Standard Profiles'!$G$20=$B$17,14,0)+IF('Standard Profiles'!$G$20=$B$24,21,0),0)),0)</f>
        <v>0</v>
      </c>
      <c r="G6575" cm="1">
        <f t="array" ref="G6575">IFERROR(INDEX(Jesper!AK$2:AK$366,ROUNDDOWN($C6575/24,0)+1,1)*INDEX($D$3:$AA$30,INDEX(Jesper!$R$2:$R$366,ROW(INDEX(Jesper!AK$2:AK$366,ROUNDDOWN($C6575/24,0)+1,1))-1)+IF('Standard Profiles'!$G$21=$B$10,7,0)+IF('Standard Profiles'!$G$21=$B$17,14,0)+IF('Standard Profiles'!$G$21=$B$24,21,0),MOD($C6575,24)+1)/SUM(INDEX($D$3:$AA$30,INDEX(Jesper!$R$2:$R$366,ROW(INDEX(Jesper!AK$2:AK$366,ROUNDDOWN($C6575/24,0)+1,1))-1)+IF('Standard Profiles'!$G$21=$B$10,7,0)+IF('Standard Profiles'!$G$21=$B$17,14,0)+IF('Standard Profiles'!$G$21=$B$24,21,0),0)),0)</f>
        <v>0</v>
      </c>
      <c r="H6575" cm="1">
        <f t="array" ref="H6575">IFERROR(INDEX(Jesper!AL$2:AL$366,ROUNDDOWN($C6575/24,0)+1,1)*INDEX($D$3:$AA$30,INDEX(Jesper!$R$2:$R$366,ROW(INDEX(Jesper!AL$2:AL$366,ROUNDDOWN($C6575/24,0)+1,1))-1)+IF('Standard Profiles'!$G$22=$B$10,7,0)+IF('Standard Profiles'!$G$22=$B$17,14,0)+IF('Standard Profiles'!$G$22=$B$24,21,0),MOD($C6575,24)+1)/SUM(INDEX($D$3:$AA$30,INDEX(Jesper!$R$2:$R$366,ROW(INDEX(Jesper!AL$2:AL$366,ROUNDDOWN($C6575/24,0)+1,1))-1)+IF('Standard Profiles'!$G$22=$B$10,7,0)+IF('Standard Profiles'!$G$22=$B$17,14,0)+IF('Standard Profiles'!$G$22=$B$24,21,0),0)),0)</f>
        <v>0</v>
      </c>
      <c r="I6575">
        <f t="shared" si="734"/>
        <v>0.19111057053988778</v>
      </c>
      <c r="J6575">
        <f t="shared" si="735"/>
        <v>0.63703523513295934</v>
      </c>
      <c r="K6575">
        <f t="shared" si="736"/>
        <v>0.95555285269943901</v>
      </c>
      <c r="L6575">
        <f t="shared" si="737"/>
        <v>12.654769747229565</v>
      </c>
      <c r="M6575">
        <f t="shared" si="738"/>
        <v>0</v>
      </c>
      <c r="N6575" s="46">
        <f t="shared" si="739"/>
        <v>45564.541666650803</v>
      </c>
    </row>
    <row r="6576" spans="2:14" x14ac:dyDescent="0.3">
      <c r="B6576">
        <f t="shared" si="733"/>
        <v>7</v>
      </c>
      <c r="C6576" s="16">
        <v>6542</v>
      </c>
      <c r="D6576" cm="1">
        <f t="array" ref="D6576">IFERROR(INDEX(Jesper!AH$2:AH$366,ROUNDDOWN($C6576/24,0)+1,1)*INDEX($D$3:$AA$30,INDEX(Jesper!$R$2:$R$366,ROW(INDEX(Jesper!AH$2:AH$366,ROUNDDOWN($C6576/24,0)+1,1))-1)+IF('Standard Profiles'!$G$18=$B$10,7,0)+IF('Standard Profiles'!$G$18=$B$17,14,0)+IF('Standard Profiles'!$G$18=$B$24,21,0),MOD($C6576,24)+1)/SUM(INDEX($D$3:$AA$30,INDEX(Jesper!$R$2:$R$366,ROW(INDEX(Jesper!AH$2:AH$366,ROUNDDOWN($C6576/24,0)+1,1))-1)+IF('Standard Profiles'!$G$18=$B$10,7,0)+IF('Standard Profiles'!$G$18=$B$17,14,0)+IF('Standard Profiles'!$G$18=$B$24,21,0),0)),0)</f>
        <v>12.317141072609097</v>
      </c>
      <c r="E6576" cm="1">
        <f t="array" ref="E6576">IFERROR(INDEX(Jesper!AI$2:AI$366,ROUNDDOWN($C6576/24,0)+1,1)*INDEX($D$3:$AA$30,INDEX(Jesper!$R$2:$R$366,ROW(INDEX(Jesper!AI$2:AI$366,ROUNDDOWN($C6576/24,0)+1,1))-1)+IF('Standard Profiles'!$G$19=$B$10,7,0)+IF('Standard Profiles'!$G$19=$B$17,14,0)+IF('Standard Profiles'!$G$19=$B$24,21,0),MOD($C6576,24)+1)/SUM(INDEX($D$3:$AA$30,INDEX(Jesper!$R$2:$R$366,ROW(INDEX(Jesper!AI$2:AI$366,ROUNDDOWN($C6576/24,0)+1,1))-1)+IF('Standard Profiles'!$G$19=$B$10,7,0)+IF('Standard Profiles'!$G$19=$B$17,14,0)+IF('Standard Profiles'!$G$19=$B$24,21,0),0)),0)</f>
        <v>2.1213273329927538</v>
      </c>
      <c r="F6576" cm="1">
        <f t="array" ref="F6576">IFERROR(INDEX(Jesper!AJ$2:AJ$366,ROUNDDOWN($C6576/24,0)+1,1)*INDEX($D$3:$AA$30,INDEX(Jesper!$R$2:$R$366,ROW(INDEX(Jesper!AJ$2:AJ$366,ROUNDDOWN($C6576/24,0)+1,1))-1)+IF('Standard Profiles'!$G$20=$B$10,7,0)+IF('Standard Profiles'!$G$20=$B$17,14,0)+IF('Standard Profiles'!$G$20=$B$24,21,0),MOD($C6576,24)+1)/SUM(INDEX($D$3:$AA$30,INDEX(Jesper!$R$2:$R$366,ROW(INDEX(Jesper!AJ$2:AJ$366,ROUNDDOWN($C6576/24,0)+1,1))-1)+IF('Standard Profiles'!$G$20=$B$10,7,0)+IF('Standard Profiles'!$G$20=$B$17,14,0)+IF('Standard Profiles'!$G$20=$B$24,21,0),0)),0)</f>
        <v>0</v>
      </c>
      <c r="G6576" cm="1">
        <f t="array" ref="G6576">IFERROR(INDEX(Jesper!AK$2:AK$366,ROUNDDOWN($C6576/24,0)+1,1)*INDEX($D$3:$AA$30,INDEX(Jesper!$R$2:$R$366,ROW(INDEX(Jesper!AK$2:AK$366,ROUNDDOWN($C6576/24,0)+1,1))-1)+IF('Standard Profiles'!$G$21=$B$10,7,0)+IF('Standard Profiles'!$G$21=$B$17,14,0)+IF('Standard Profiles'!$G$21=$B$24,21,0),MOD($C6576,24)+1)/SUM(INDEX($D$3:$AA$30,INDEX(Jesper!$R$2:$R$366,ROW(INDEX(Jesper!AK$2:AK$366,ROUNDDOWN($C6576/24,0)+1,1))-1)+IF('Standard Profiles'!$G$21=$B$10,7,0)+IF('Standard Profiles'!$G$21=$B$17,14,0)+IF('Standard Profiles'!$G$21=$B$24,21,0),0)),0)</f>
        <v>0</v>
      </c>
      <c r="H6576" cm="1">
        <f t="array" ref="H6576">IFERROR(INDEX(Jesper!AL$2:AL$366,ROUNDDOWN($C6576/24,0)+1,1)*INDEX($D$3:$AA$30,INDEX(Jesper!$R$2:$R$366,ROW(INDEX(Jesper!AL$2:AL$366,ROUNDDOWN($C6576/24,0)+1,1))-1)+IF('Standard Profiles'!$G$22=$B$10,7,0)+IF('Standard Profiles'!$G$22=$B$17,14,0)+IF('Standard Profiles'!$G$22=$B$24,21,0),MOD($C6576,24)+1)/SUM(INDEX($D$3:$AA$30,INDEX(Jesper!$R$2:$R$366,ROW(INDEX(Jesper!AL$2:AL$366,ROUNDDOWN($C6576/24,0)+1,1))-1)+IF('Standard Profiles'!$G$22=$B$10,7,0)+IF('Standard Profiles'!$G$22=$B$17,14,0)+IF('Standard Profiles'!$G$22=$B$24,21,0),0)),0)</f>
        <v>0</v>
      </c>
      <c r="I6576">
        <f t="shared" si="734"/>
        <v>0.19111057053988778</v>
      </c>
      <c r="J6576">
        <f t="shared" si="735"/>
        <v>0.63703523513295934</v>
      </c>
      <c r="K6576">
        <f t="shared" si="736"/>
        <v>0.95555285269943901</v>
      </c>
      <c r="L6576">
        <f t="shared" si="737"/>
        <v>12.654769747229565</v>
      </c>
      <c r="M6576">
        <f t="shared" si="738"/>
        <v>0</v>
      </c>
      <c r="N6576" s="46">
        <f t="shared" si="739"/>
        <v>45564.583333317467</v>
      </c>
    </row>
    <row r="6577" spans="2:14" x14ac:dyDescent="0.3">
      <c r="B6577">
        <f t="shared" si="733"/>
        <v>7</v>
      </c>
      <c r="C6577" s="16">
        <v>6543</v>
      </c>
      <c r="D6577" cm="1">
        <f t="array" ref="D6577">IFERROR(INDEX(Jesper!AH$2:AH$366,ROUNDDOWN($C6577/24,0)+1,1)*INDEX($D$3:$AA$30,INDEX(Jesper!$R$2:$R$366,ROW(INDEX(Jesper!AH$2:AH$366,ROUNDDOWN($C6577/24,0)+1,1))-1)+IF('Standard Profiles'!$G$18=$B$10,7,0)+IF('Standard Profiles'!$G$18=$B$17,14,0)+IF('Standard Profiles'!$G$18=$B$24,21,0),MOD($C6577,24)+1)/SUM(INDEX($D$3:$AA$30,INDEX(Jesper!$R$2:$R$366,ROW(INDEX(Jesper!AH$2:AH$366,ROUNDDOWN($C6577/24,0)+1,1))-1)+IF('Standard Profiles'!$G$18=$B$10,7,0)+IF('Standard Profiles'!$G$18=$B$17,14,0)+IF('Standard Profiles'!$G$18=$B$24,21,0),0)),0)</f>
        <v>10.948569842319197</v>
      </c>
      <c r="E6577" cm="1">
        <f t="array" ref="E6577">IFERROR(INDEX(Jesper!AI$2:AI$366,ROUNDDOWN($C6577/24,0)+1,1)*INDEX($D$3:$AA$30,INDEX(Jesper!$R$2:$R$366,ROW(INDEX(Jesper!AI$2:AI$366,ROUNDDOWN($C6577/24,0)+1,1))-1)+IF('Standard Profiles'!$G$19=$B$10,7,0)+IF('Standard Profiles'!$G$19=$B$17,14,0)+IF('Standard Profiles'!$G$19=$B$24,21,0),MOD($C6577,24)+1)/SUM(INDEX($D$3:$AA$30,INDEX(Jesper!$R$2:$R$366,ROW(INDEX(Jesper!AI$2:AI$366,ROUNDDOWN($C6577/24,0)+1,1))-1)+IF('Standard Profiles'!$G$19=$B$10,7,0)+IF('Standard Profiles'!$G$19=$B$17,14,0)+IF('Standard Profiles'!$G$19=$B$24,21,0),0)),0)</f>
        <v>1.8856242959935592</v>
      </c>
      <c r="F6577" cm="1">
        <f t="array" ref="F6577">IFERROR(INDEX(Jesper!AJ$2:AJ$366,ROUNDDOWN($C6577/24,0)+1,1)*INDEX($D$3:$AA$30,INDEX(Jesper!$R$2:$R$366,ROW(INDEX(Jesper!AJ$2:AJ$366,ROUNDDOWN($C6577/24,0)+1,1))-1)+IF('Standard Profiles'!$G$20=$B$10,7,0)+IF('Standard Profiles'!$G$20=$B$17,14,0)+IF('Standard Profiles'!$G$20=$B$24,21,0),MOD($C6577,24)+1)/SUM(INDEX($D$3:$AA$30,INDEX(Jesper!$R$2:$R$366,ROW(INDEX(Jesper!AJ$2:AJ$366,ROUNDDOWN($C6577/24,0)+1,1))-1)+IF('Standard Profiles'!$G$20=$B$10,7,0)+IF('Standard Profiles'!$G$20=$B$17,14,0)+IF('Standard Profiles'!$G$20=$B$24,21,0),0)),0)</f>
        <v>0</v>
      </c>
      <c r="G6577" cm="1">
        <f t="array" ref="G6577">IFERROR(INDEX(Jesper!AK$2:AK$366,ROUNDDOWN($C6577/24,0)+1,1)*INDEX($D$3:$AA$30,INDEX(Jesper!$R$2:$R$366,ROW(INDEX(Jesper!AK$2:AK$366,ROUNDDOWN($C6577/24,0)+1,1))-1)+IF('Standard Profiles'!$G$21=$B$10,7,0)+IF('Standard Profiles'!$G$21=$B$17,14,0)+IF('Standard Profiles'!$G$21=$B$24,21,0),MOD($C6577,24)+1)/SUM(INDEX($D$3:$AA$30,INDEX(Jesper!$R$2:$R$366,ROW(INDEX(Jesper!AK$2:AK$366,ROUNDDOWN($C6577/24,0)+1,1))-1)+IF('Standard Profiles'!$G$21=$B$10,7,0)+IF('Standard Profiles'!$G$21=$B$17,14,0)+IF('Standard Profiles'!$G$21=$B$24,21,0),0)),0)</f>
        <v>0</v>
      </c>
      <c r="H6577" cm="1">
        <f t="array" ref="H6577">IFERROR(INDEX(Jesper!AL$2:AL$366,ROUNDDOWN($C6577/24,0)+1,1)*INDEX($D$3:$AA$30,INDEX(Jesper!$R$2:$R$366,ROW(INDEX(Jesper!AL$2:AL$366,ROUNDDOWN($C6577/24,0)+1,1))-1)+IF('Standard Profiles'!$G$22=$B$10,7,0)+IF('Standard Profiles'!$G$22=$B$17,14,0)+IF('Standard Profiles'!$G$22=$B$24,21,0),MOD($C6577,24)+1)/SUM(INDEX($D$3:$AA$30,INDEX(Jesper!$R$2:$R$366,ROW(INDEX(Jesper!AL$2:AL$366,ROUNDDOWN($C6577/24,0)+1,1))-1)+IF('Standard Profiles'!$G$22=$B$10,7,0)+IF('Standard Profiles'!$G$22=$B$17,14,0)+IF('Standard Profiles'!$G$22=$B$24,21,0),0)),0)</f>
        <v>0</v>
      </c>
      <c r="I6577">
        <f t="shared" si="734"/>
        <v>0.16987606270212249</v>
      </c>
      <c r="J6577">
        <f t="shared" si="735"/>
        <v>0.56625354234040837</v>
      </c>
      <c r="K6577">
        <f t="shared" si="736"/>
        <v>0.84938031351061261</v>
      </c>
      <c r="L6577">
        <f t="shared" si="737"/>
        <v>11.248684219759612</v>
      </c>
      <c r="M6577">
        <f t="shared" si="738"/>
        <v>0</v>
      </c>
      <c r="N6577" s="46">
        <f t="shared" si="739"/>
        <v>45564.624999984131</v>
      </c>
    </row>
    <row r="6578" spans="2:14" x14ac:dyDescent="0.3">
      <c r="B6578">
        <f t="shared" si="733"/>
        <v>7</v>
      </c>
      <c r="C6578" s="16">
        <v>6544</v>
      </c>
      <c r="D6578" cm="1">
        <f t="array" ref="D6578">IFERROR(INDEX(Jesper!AH$2:AH$366,ROUNDDOWN($C6578/24,0)+1,1)*INDEX($D$3:$AA$30,INDEX(Jesper!$R$2:$R$366,ROW(INDEX(Jesper!AH$2:AH$366,ROUNDDOWN($C6578/24,0)+1,1))-1)+IF('Standard Profiles'!$G$18=$B$10,7,0)+IF('Standard Profiles'!$G$18=$B$17,14,0)+IF('Standard Profiles'!$G$18=$B$24,21,0),MOD($C6578,24)+1)/SUM(INDEX($D$3:$AA$30,INDEX(Jesper!$R$2:$R$366,ROW(INDEX(Jesper!AH$2:AH$366,ROUNDDOWN($C6578/24,0)+1,1))-1)+IF('Standard Profiles'!$G$18=$B$10,7,0)+IF('Standard Profiles'!$G$18=$B$17,14,0)+IF('Standard Profiles'!$G$18=$B$24,21,0),0)),0)</f>
        <v>10.753059666563498</v>
      </c>
      <c r="E6578" cm="1">
        <f t="array" ref="E6578">IFERROR(INDEX(Jesper!AI$2:AI$366,ROUNDDOWN($C6578/24,0)+1,1)*INDEX($D$3:$AA$30,INDEX(Jesper!$R$2:$R$366,ROW(INDEX(Jesper!AI$2:AI$366,ROUNDDOWN($C6578/24,0)+1,1))-1)+IF('Standard Profiles'!$G$19=$B$10,7,0)+IF('Standard Profiles'!$G$19=$B$17,14,0)+IF('Standard Profiles'!$G$19=$B$24,21,0),MOD($C6578,24)+1)/SUM(INDEX($D$3:$AA$30,INDEX(Jesper!$R$2:$R$366,ROW(INDEX(Jesper!AI$2:AI$366,ROUNDDOWN($C6578/24,0)+1,1))-1)+IF('Standard Profiles'!$G$19=$B$10,7,0)+IF('Standard Profiles'!$G$19=$B$17,14,0)+IF('Standard Profiles'!$G$19=$B$24,21,0),0)),0)</f>
        <v>1.8519524335651025</v>
      </c>
      <c r="F6578" cm="1">
        <f t="array" ref="F6578">IFERROR(INDEX(Jesper!AJ$2:AJ$366,ROUNDDOWN($C6578/24,0)+1,1)*INDEX($D$3:$AA$30,INDEX(Jesper!$R$2:$R$366,ROW(INDEX(Jesper!AJ$2:AJ$366,ROUNDDOWN($C6578/24,0)+1,1))-1)+IF('Standard Profiles'!$G$20=$B$10,7,0)+IF('Standard Profiles'!$G$20=$B$17,14,0)+IF('Standard Profiles'!$G$20=$B$24,21,0),MOD($C6578,24)+1)/SUM(INDEX($D$3:$AA$30,INDEX(Jesper!$R$2:$R$366,ROW(INDEX(Jesper!AJ$2:AJ$366,ROUNDDOWN($C6578/24,0)+1,1))-1)+IF('Standard Profiles'!$G$20=$B$10,7,0)+IF('Standard Profiles'!$G$20=$B$17,14,0)+IF('Standard Profiles'!$G$20=$B$24,21,0),0)),0)</f>
        <v>0</v>
      </c>
      <c r="G6578" cm="1">
        <f t="array" ref="G6578">IFERROR(INDEX(Jesper!AK$2:AK$366,ROUNDDOWN($C6578/24,0)+1,1)*INDEX($D$3:$AA$30,INDEX(Jesper!$R$2:$R$366,ROW(INDEX(Jesper!AK$2:AK$366,ROUNDDOWN($C6578/24,0)+1,1))-1)+IF('Standard Profiles'!$G$21=$B$10,7,0)+IF('Standard Profiles'!$G$21=$B$17,14,0)+IF('Standard Profiles'!$G$21=$B$24,21,0),MOD($C6578,24)+1)/SUM(INDEX($D$3:$AA$30,INDEX(Jesper!$R$2:$R$366,ROW(INDEX(Jesper!AK$2:AK$366,ROUNDDOWN($C6578/24,0)+1,1))-1)+IF('Standard Profiles'!$G$21=$B$10,7,0)+IF('Standard Profiles'!$G$21=$B$17,14,0)+IF('Standard Profiles'!$G$21=$B$24,21,0),0)),0)</f>
        <v>0</v>
      </c>
      <c r="H6578" cm="1">
        <f t="array" ref="H6578">IFERROR(INDEX(Jesper!AL$2:AL$366,ROUNDDOWN($C6578/24,0)+1,1)*INDEX($D$3:$AA$30,INDEX(Jesper!$R$2:$R$366,ROW(INDEX(Jesper!AL$2:AL$366,ROUNDDOWN($C6578/24,0)+1,1))-1)+IF('Standard Profiles'!$G$22=$B$10,7,0)+IF('Standard Profiles'!$G$22=$B$17,14,0)+IF('Standard Profiles'!$G$22=$B$24,21,0),MOD($C6578,24)+1)/SUM(INDEX($D$3:$AA$30,INDEX(Jesper!$R$2:$R$366,ROW(INDEX(Jesper!AL$2:AL$366,ROUNDDOWN($C6578/24,0)+1,1))-1)+IF('Standard Profiles'!$G$22=$B$10,7,0)+IF('Standard Profiles'!$G$22=$B$17,14,0)+IF('Standard Profiles'!$G$22=$B$24,21,0),0)),0)</f>
        <v>0</v>
      </c>
      <c r="I6578">
        <f t="shared" si="734"/>
        <v>0.16684256158244171</v>
      </c>
      <c r="J6578">
        <f t="shared" si="735"/>
        <v>0.55614187194147247</v>
      </c>
      <c r="K6578">
        <f t="shared" si="736"/>
        <v>0.83421280791220864</v>
      </c>
      <c r="L6578">
        <f t="shared" si="737"/>
        <v>11.047814858692478</v>
      </c>
      <c r="M6578">
        <f t="shared" si="738"/>
        <v>0</v>
      </c>
      <c r="N6578" s="46">
        <f t="shared" si="739"/>
        <v>45564.666666650795</v>
      </c>
    </row>
    <row r="6579" spans="2:14" x14ac:dyDescent="0.3">
      <c r="B6579">
        <f t="shared" si="733"/>
        <v>7</v>
      </c>
      <c r="C6579" s="16">
        <v>6545</v>
      </c>
      <c r="D6579" cm="1">
        <f t="array" ref="D6579">IFERROR(INDEX(Jesper!AH$2:AH$366,ROUNDDOWN($C6579/24,0)+1,1)*INDEX($D$3:$AA$30,INDEX(Jesper!$R$2:$R$366,ROW(INDEX(Jesper!AH$2:AH$366,ROUNDDOWN($C6579/24,0)+1,1))-1)+IF('Standard Profiles'!$G$18=$B$10,7,0)+IF('Standard Profiles'!$G$18=$B$17,14,0)+IF('Standard Profiles'!$G$18=$B$24,21,0),MOD($C6579,24)+1)/SUM(INDEX($D$3:$AA$30,INDEX(Jesper!$R$2:$R$366,ROW(INDEX(Jesper!AH$2:AH$366,ROUNDDOWN($C6579/24,0)+1,1))-1)+IF('Standard Profiles'!$G$18=$B$10,7,0)+IF('Standard Profiles'!$G$18=$B$17,14,0)+IF('Standard Profiles'!$G$18=$B$24,21,0),0)),0)</f>
        <v>9.1889782605178993</v>
      </c>
      <c r="E6579" cm="1">
        <f t="array" ref="E6579">IFERROR(INDEX(Jesper!AI$2:AI$366,ROUNDDOWN($C6579/24,0)+1,1)*INDEX($D$3:$AA$30,INDEX(Jesper!$R$2:$R$366,ROW(INDEX(Jesper!AI$2:AI$366,ROUNDDOWN($C6579/24,0)+1,1))-1)+IF('Standard Profiles'!$G$19=$B$10,7,0)+IF('Standard Profiles'!$G$19=$B$17,14,0)+IF('Standard Profiles'!$G$19=$B$24,21,0),MOD($C6579,24)+1)/SUM(INDEX($D$3:$AA$30,INDEX(Jesper!$R$2:$R$366,ROW(INDEX(Jesper!AI$2:AI$366,ROUNDDOWN($C6579/24,0)+1,1))-1)+IF('Standard Profiles'!$G$19=$B$10,7,0)+IF('Standard Profiles'!$G$19=$B$17,14,0)+IF('Standard Profiles'!$G$19=$B$24,21,0),0)),0)</f>
        <v>1.5825775341374515</v>
      </c>
      <c r="F6579" cm="1">
        <f t="array" ref="F6579">IFERROR(INDEX(Jesper!AJ$2:AJ$366,ROUNDDOWN($C6579/24,0)+1,1)*INDEX($D$3:$AA$30,INDEX(Jesper!$R$2:$R$366,ROW(INDEX(Jesper!AJ$2:AJ$366,ROUNDDOWN($C6579/24,0)+1,1))-1)+IF('Standard Profiles'!$G$20=$B$10,7,0)+IF('Standard Profiles'!$G$20=$B$17,14,0)+IF('Standard Profiles'!$G$20=$B$24,21,0),MOD($C6579,24)+1)/SUM(INDEX($D$3:$AA$30,INDEX(Jesper!$R$2:$R$366,ROW(INDEX(Jesper!AJ$2:AJ$366,ROUNDDOWN($C6579/24,0)+1,1))-1)+IF('Standard Profiles'!$G$20=$B$10,7,0)+IF('Standard Profiles'!$G$20=$B$17,14,0)+IF('Standard Profiles'!$G$20=$B$24,21,0),0)),0)</f>
        <v>0</v>
      </c>
      <c r="G6579" cm="1">
        <f t="array" ref="G6579">IFERROR(INDEX(Jesper!AK$2:AK$366,ROUNDDOWN($C6579/24,0)+1,1)*INDEX($D$3:$AA$30,INDEX(Jesper!$R$2:$R$366,ROW(INDEX(Jesper!AK$2:AK$366,ROUNDDOWN($C6579/24,0)+1,1))-1)+IF('Standard Profiles'!$G$21=$B$10,7,0)+IF('Standard Profiles'!$G$21=$B$17,14,0)+IF('Standard Profiles'!$G$21=$B$24,21,0),MOD($C6579,24)+1)/SUM(INDEX($D$3:$AA$30,INDEX(Jesper!$R$2:$R$366,ROW(INDEX(Jesper!AK$2:AK$366,ROUNDDOWN($C6579/24,0)+1,1))-1)+IF('Standard Profiles'!$G$21=$B$10,7,0)+IF('Standard Profiles'!$G$21=$B$17,14,0)+IF('Standard Profiles'!$G$21=$B$24,21,0),0)),0)</f>
        <v>0</v>
      </c>
      <c r="H6579" cm="1">
        <f t="array" ref="H6579">IFERROR(INDEX(Jesper!AL$2:AL$366,ROUNDDOWN($C6579/24,0)+1,1)*INDEX($D$3:$AA$30,INDEX(Jesper!$R$2:$R$366,ROW(INDEX(Jesper!AL$2:AL$366,ROUNDDOWN($C6579/24,0)+1,1))-1)+IF('Standard Profiles'!$G$22=$B$10,7,0)+IF('Standard Profiles'!$G$22=$B$17,14,0)+IF('Standard Profiles'!$G$22=$B$24,21,0),MOD($C6579,24)+1)/SUM(INDEX($D$3:$AA$30,INDEX(Jesper!$R$2:$R$366,ROW(INDEX(Jesper!AL$2:AL$366,ROUNDDOWN($C6579/24,0)+1,1))-1)+IF('Standard Profiles'!$G$22=$B$10,7,0)+IF('Standard Profiles'!$G$22=$B$17,14,0)+IF('Standard Profiles'!$G$22=$B$24,21,0),0)),0)</f>
        <v>0</v>
      </c>
      <c r="I6579">
        <f t="shared" si="734"/>
        <v>0.14257455262499566</v>
      </c>
      <c r="J6579">
        <f t="shared" si="735"/>
        <v>0.47524850874998564</v>
      </c>
      <c r="K6579">
        <f t="shared" si="736"/>
        <v>0.71287276312497838</v>
      </c>
      <c r="L6579">
        <f t="shared" si="737"/>
        <v>9.4408599701553904</v>
      </c>
      <c r="M6579">
        <f t="shared" si="738"/>
        <v>0</v>
      </c>
      <c r="N6579" s="46">
        <f t="shared" si="739"/>
        <v>45564.70833331746</v>
      </c>
    </row>
    <row r="6580" spans="2:14" x14ac:dyDescent="0.3">
      <c r="B6580">
        <f t="shared" si="733"/>
        <v>7</v>
      </c>
      <c r="C6580" s="16">
        <v>6546</v>
      </c>
      <c r="D6580" cm="1">
        <f t="array" ref="D6580">IFERROR(INDEX(Jesper!AH$2:AH$366,ROUNDDOWN($C6580/24,0)+1,1)*INDEX($D$3:$AA$30,INDEX(Jesper!$R$2:$R$366,ROW(INDEX(Jesper!AH$2:AH$366,ROUNDDOWN($C6580/24,0)+1,1))-1)+IF('Standard Profiles'!$G$18=$B$10,7,0)+IF('Standard Profiles'!$G$18=$B$17,14,0)+IF('Standard Profiles'!$G$18=$B$24,21,0),MOD($C6580,24)+1)/SUM(INDEX($D$3:$AA$30,INDEX(Jesper!$R$2:$R$366,ROW(INDEX(Jesper!AH$2:AH$366,ROUNDDOWN($C6580/24,0)+1,1))-1)+IF('Standard Profiles'!$G$18=$B$10,7,0)+IF('Standard Profiles'!$G$18=$B$17,14,0)+IF('Standard Profiles'!$G$18=$B$24,21,0),0)),0)</f>
        <v>8.6024477332507985</v>
      </c>
      <c r="E6580" cm="1">
        <f t="array" ref="E6580">IFERROR(INDEX(Jesper!AI$2:AI$366,ROUNDDOWN($C6580/24,0)+1,1)*INDEX($D$3:$AA$30,INDEX(Jesper!$R$2:$R$366,ROW(INDEX(Jesper!AI$2:AI$366,ROUNDDOWN($C6580/24,0)+1,1))-1)+IF('Standard Profiles'!$G$19=$B$10,7,0)+IF('Standard Profiles'!$G$19=$B$17,14,0)+IF('Standard Profiles'!$G$19=$B$24,21,0),MOD($C6580,24)+1)/SUM(INDEX($D$3:$AA$30,INDEX(Jesper!$R$2:$R$366,ROW(INDEX(Jesper!AI$2:AI$366,ROUNDDOWN($C6580/24,0)+1,1))-1)+IF('Standard Profiles'!$G$19=$B$10,7,0)+IF('Standard Profiles'!$G$19=$B$17,14,0)+IF('Standard Profiles'!$G$19=$B$24,21,0),0)),0)</f>
        <v>1.4815619468520824</v>
      </c>
      <c r="F6580" cm="1">
        <f t="array" ref="F6580">IFERROR(INDEX(Jesper!AJ$2:AJ$366,ROUNDDOWN($C6580/24,0)+1,1)*INDEX($D$3:$AA$30,INDEX(Jesper!$R$2:$R$366,ROW(INDEX(Jesper!AJ$2:AJ$366,ROUNDDOWN($C6580/24,0)+1,1))-1)+IF('Standard Profiles'!$G$20=$B$10,7,0)+IF('Standard Profiles'!$G$20=$B$17,14,0)+IF('Standard Profiles'!$G$20=$B$24,21,0),MOD($C6580,24)+1)/SUM(INDEX($D$3:$AA$30,INDEX(Jesper!$R$2:$R$366,ROW(INDEX(Jesper!AJ$2:AJ$366,ROUNDDOWN($C6580/24,0)+1,1))-1)+IF('Standard Profiles'!$G$20=$B$10,7,0)+IF('Standard Profiles'!$G$20=$B$17,14,0)+IF('Standard Profiles'!$G$20=$B$24,21,0),0)),0)</f>
        <v>0</v>
      </c>
      <c r="G6580" cm="1">
        <f t="array" ref="G6580">IFERROR(INDEX(Jesper!AK$2:AK$366,ROUNDDOWN($C6580/24,0)+1,1)*INDEX($D$3:$AA$30,INDEX(Jesper!$R$2:$R$366,ROW(INDEX(Jesper!AK$2:AK$366,ROUNDDOWN($C6580/24,0)+1,1))-1)+IF('Standard Profiles'!$G$21=$B$10,7,0)+IF('Standard Profiles'!$G$21=$B$17,14,0)+IF('Standard Profiles'!$G$21=$B$24,21,0),MOD($C6580,24)+1)/SUM(INDEX($D$3:$AA$30,INDEX(Jesper!$R$2:$R$366,ROW(INDEX(Jesper!AK$2:AK$366,ROUNDDOWN($C6580/24,0)+1,1))-1)+IF('Standard Profiles'!$G$21=$B$10,7,0)+IF('Standard Profiles'!$G$21=$B$17,14,0)+IF('Standard Profiles'!$G$21=$B$24,21,0),0)),0)</f>
        <v>0</v>
      </c>
      <c r="H6580" cm="1">
        <f t="array" ref="H6580">IFERROR(INDEX(Jesper!AL$2:AL$366,ROUNDDOWN($C6580/24,0)+1,1)*INDEX($D$3:$AA$30,INDEX(Jesper!$R$2:$R$366,ROW(INDEX(Jesper!AL$2:AL$366,ROUNDDOWN($C6580/24,0)+1,1))-1)+IF('Standard Profiles'!$G$22=$B$10,7,0)+IF('Standard Profiles'!$G$22=$B$17,14,0)+IF('Standard Profiles'!$G$22=$B$24,21,0),MOD($C6580,24)+1)/SUM(INDEX($D$3:$AA$30,INDEX(Jesper!$R$2:$R$366,ROW(INDEX(Jesper!AL$2:AL$366,ROUNDDOWN($C6580/24,0)+1,1))-1)+IF('Standard Profiles'!$G$22=$B$10,7,0)+IF('Standard Profiles'!$G$22=$B$17,14,0)+IF('Standard Profiles'!$G$22=$B$24,21,0),0)),0)</f>
        <v>0</v>
      </c>
      <c r="I6580">
        <f t="shared" si="734"/>
        <v>0.13347404926595341</v>
      </c>
      <c r="J6580">
        <f t="shared" si="735"/>
        <v>0.44491349755317805</v>
      </c>
      <c r="K6580">
        <f t="shared" si="736"/>
        <v>0.66737024632976716</v>
      </c>
      <c r="L6580">
        <f t="shared" si="737"/>
        <v>8.8382518869539819</v>
      </c>
      <c r="M6580">
        <f t="shared" si="738"/>
        <v>0</v>
      </c>
      <c r="N6580" s="46">
        <f t="shared" si="739"/>
        <v>45564.749999984124</v>
      </c>
    </row>
    <row r="6581" spans="2:14" x14ac:dyDescent="0.3">
      <c r="B6581">
        <f t="shared" si="733"/>
        <v>7</v>
      </c>
      <c r="C6581" s="16">
        <v>6547</v>
      </c>
      <c r="D6581" cm="1">
        <f t="array" ref="D6581">IFERROR(INDEX(Jesper!AH$2:AH$366,ROUNDDOWN($C6581/24,0)+1,1)*INDEX($D$3:$AA$30,INDEX(Jesper!$R$2:$R$366,ROW(INDEX(Jesper!AH$2:AH$366,ROUNDDOWN($C6581/24,0)+1,1))-1)+IF('Standard Profiles'!$G$18=$B$10,7,0)+IF('Standard Profiles'!$G$18=$B$17,14,0)+IF('Standard Profiles'!$G$18=$B$24,21,0),MOD($C6581,24)+1)/SUM(INDEX($D$3:$AA$30,INDEX(Jesper!$R$2:$R$366,ROW(INDEX(Jesper!AH$2:AH$366,ROUNDDOWN($C6581/24,0)+1,1))-1)+IF('Standard Profiles'!$G$18=$B$10,7,0)+IF('Standard Profiles'!$G$18=$B$17,14,0)+IF('Standard Profiles'!$G$18=$B$24,21,0),0)),0)</f>
        <v>7.2338765029608991</v>
      </c>
      <c r="E6581" cm="1">
        <f t="array" ref="E6581">IFERROR(INDEX(Jesper!AI$2:AI$366,ROUNDDOWN($C6581/24,0)+1,1)*INDEX($D$3:$AA$30,INDEX(Jesper!$R$2:$R$366,ROW(INDEX(Jesper!AI$2:AI$366,ROUNDDOWN($C6581/24,0)+1,1))-1)+IF('Standard Profiles'!$G$19=$B$10,7,0)+IF('Standard Profiles'!$G$19=$B$17,14,0)+IF('Standard Profiles'!$G$19=$B$24,21,0),MOD($C6581,24)+1)/SUM(INDEX($D$3:$AA$30,INDEX(Jesper!$R$2:$R$366,ROW(INDEX(Jesper!AI$2:AI$366,ROUNDDOWN($C6581/24,0)+1,1))-1)+IF('Standard Profiles'!$G$19=$B$10,7,0)+IF('Standard Profiles'!$G$19=$B$17,14,0)+IF('Standard Profiles'!$G$19=$B$24,21,0),0)),0)</f>
        <v>1.2458589098528874</v>
      </c>
      <c r="F6581" cm="1">
        <f t="array" ref="F6581">IFERROR(INDEX(Jesper!AJ$2:AJ$366,ROUNDDOWN($C6581/24,0)+1,1)*INDEX($D$3:$AA$30,INDEX(Jesper!$R$2:$R$366,ROW(INDEX(Jesper!AJ$2:AJ$366,ROUNDDOWN($C6581/24,0)+1,1))-1)+IF('Standard Profiles'!$G$20=$B$10,7,0)+IF('Standard Profiles'!$G$20=$B$17,14,0)+IF('Standard Profiles'!$G$20=$B$24,21,0),MOD($C6581,24)+1)/SUM(INDEX($D$3:$AA$30,INDEX(Jesper!$R$2:$R$366,ROW(INDEX(Jesper!AJ$2:AJ$366,ROUNDDOWN($C6581/24,0)+1,1))-1)+IF('Standard Profiles'!$G$20=$B$10,7,0)+IF('Standard Profiles'!$G$20=$B$17,14,0)+IF('Standard Profiles'!$G$20=$B$24,21,0),0)),0)</f>
        <v>0</v>
      </c>
      <c r="G6581" cm="1">
        <f t="array" ref="G6581">IFERROR(INDEX(Jesper!AK$2:AK$366,ROUNDDOWN($C6581/24,0)+1,1)*INDEX($D$3:$AA$30,INDEX(Jesper!$R$2:$R$366,ROW(INDEX(Jesper!AK$2:AK$366,ROUNDDOWN($C6581/24,0)+1,1))-1)+IF('Standard Profiles'!$G$21=$B$10,7,0)+IF('Standard Profiles'!$G$21=$B$17,14,0)+IF('Standard Profiles'!$G$21=$B$24,21,0),MOD($C6581,24)+1)/SUM(INDEX($D$3:$AA$30,INDEX(Jesper!$R$2:$R$366,ROW(INDEX(Jesper!AK$2:AK$366,ROUNDDOWN($C6581/24,0)+1,1))-1)+IF('Standard Profiles'!$G$21=$B$10,7,0)+IF('Standard Profiles'!$G$21=$B$17,14,0)+IF('Standard Profiles'!$G$21=$B$24,21,0),0)),0)</f>
        <v>0</v>
      </c>
      <c r="H6581" cm="1">
        <f t="array" ref="H6581">IFERROR(INDEX(Jesper!AL$2:AL$366,ROUNDDOWN($C6581/24,0)+1,1)*INDEX($D$3:$AA$30,INDEX(Jesper!$R$2:$R$366,ROW(INDEX(Jesper!AL$2:AL$366,ROUNDDOWN($C6581/24,0)+1,1))-1)+IF('Standard Profiles'!$G$22=$B$10,7,0)+IF('Standard Profiles'!$G$22=$B$17,14,0)+IF('Standard Profiles'!$G$22=$B$24,21,0),MOD($C6581,24)+1)/SUM(INDEX($D$3:$AA$30,INDEX(Jesper!$R$2:$R$366,ROW(INDEX(Jesper!AL$2:AL$366,ROUNDDOWN($C6581/24,0)+1,1))-1)+IF('Standard Profiles'!$G$22=$B$10,7,0)+IF('Standard Profiles'!$G$22=$B$17,14,0)+IF('Standard Profiles'!$G$22=$B$24,21,0),0)),0)</f>
        <v>0</v>
      </c>
      <c r="I6581">
        <f t="shared" si="734"/>
        <v>0.11223954142818808</v>
      </c>
      <c r="J6581">
        <f t="shared" si="735"/>
        <v>0.37413180476062696</v>
      </c>
      <c r="K6581">
        <f t="shared" si="736"/>
        <v>0.56119770714094053</v>
      </c>
      <c r="L6581">
        <f t="shared" si="737"/>
        <v>7.4321663594840315</v>
      </c>
      <c r="M6581">
        <f t="shared" si="738"/>
        <v>0</v>
      </c>
      <c r="N6581" s="46">
        <f t="shared" si="739"/>
        <v>45564.791666650788</v>
      </c>
    </row>
    <row r="6582" spans="2:14" x14ac:dyDescent="0.3">
      <c r="B6582">
        <f t="shared" si="733"/>
        <v>7</v>
      </c>
      <c r="C6582" s="16">
        <v>6548</v>
      </c>
      <c r="D6582" cm="1">
        <f t="array" ref="D6582">IFERROR(INDEX(Jesper!AH$2:AH$366,ROUNDDOWN($C6582/24,0)+1,1)*INDEX($D$3:$AA$30,INDEX(Jesper!$R$2:$R$366,ROW(INDEX(Jesper!AH$2:AH$366,ROUNDDOWN($C6582/24,0)+1,1))-1)+IF('Standard Profiles'!$G$18=$B$10,7,0)+IF('Standard Profiles'!$G$18=$B$17,14,0)+IF('Standard Profiles'!$G$18=$B$24,21,0),MOD($C6582,24)+1)/SUM(INDEX($D$3:$AA$30,INDEX(Jesper!$R$2:$R$366,ROW(INDEX(Jesper!AH$2:AH$366,ROUNDDOWN($C6582/24,0)+1,1))-1)+IF('Standard Profiles'!$G$18=$B$10,7,0)+IF('Standard Profiles'!$G$18=$B$17,14,0)+IF('Standard Profiles'!$G$18=$B$24,21,0),0)),0)</f>
        <v>6.0608154484266992</v>
      </c>
      <c r="E6582" cm="1">
        <f t="array" ref="E6582">IFERROR(INDEX(Jesper!AI$2:AI$366,ROUNDDOWN($C6582/24,0)+1,1)*INDEX($D$3:$AA$30,INDEX(Jesper!$R$2:$R$366,ROW(INDEX(Jesper!AI$2:AI$366,ROUNDDOWN($C6582/24,0)+1,1))-1)+IF('Standard Profiles'!$G$19=$B$10,7,0)+IF('Standard Profiles'!$G$19=$B$17,14,0)+IF('Standard Profiles'!$G$19=$B$24,21,0),MOD($C6582,24)+1)/SUM(INDEX($D$3:$AA$30,INDEX(Jesper!$R$2:$R$366,ROW(INDEX(Jesper!AI$2:AI$366,ROUNDDOWN($C6582/24,0)+1,1))-1)+IF('Standard Profiles'!$G$19=$B$10,7,0)+IF('Standard Profiles'!$G$19=$B$17,14,0)+IF('Standard Profiles'!$G$19=$B$24,21,0),0)),0)</f>
        <v>1.0438277352821488</v>
      </c>
      <c r="F6582" cm="1">
        <f t="array" ref="F6582">IFERROR(INDEX(Jesper!AJ$2:AJ$366,ROUNDDOWN($C6582/24,0)+1,1)*INDEX($D$3:$AA$30,INDEX(Jesper!$R$2:$R$366,ROW(INDEX(Jesper!AJ$2:AJ$366,ROUNDDOWN($C6582/24,0)+1,1))-1)+IF('Standard Profiles'!$G$20=$B$10,7,0)+IF('Standard Profiles'!$G$20=$B$17,14,0)+IF('Standard Profiles'!$G$20=$B$24,21,0),MOD($C6582,24)+1)/SUM(INDEX($D$3:$AA$30,INDEX(Jesper!$R$2:$R$366,ROW(INDEX(Jesper!AJ$2:AJ$366,ROUNDDOWN($C6582/24,0)+1,1))-1)+IF('Standard Profiles'!$G$20=$B$10,7,0)+IF('Standard Profiles'!$G$20=$B$17,14,0)+IF('Standard Profiles'!$G$20=$B$24,21,0),0)),0)</f>
        <v>0</v>
      </c>
      <c r="G6582" cm="1">
        <f t="array" ref="G6582">IFERROR(INDEX(Jesper!AK$2:AK$366,ROUNDDOWN($C6582/24,0)+1,1)*INDEX($D$3:$AA$30,INDEX(Jesper!$R$2:$R$366,ROW(INDEX(Jesper!AK$2:AK$366,ROUNDDOWN($C6582/24,0)+1,1))-1)+IF('Standard Profiles'!$G$21=$B$10,7,0)+IF('Standard Profiles'!$G$21=$B$17,14,0)+IF('Standard Profiles'!$G$21=$B$24,21,0),MOD($C6582,24)+1)/SUM(INDEX($D$3:$AA$30,INDEX(Jesper!$R$2:$R$366,ROW(INDEX(Jesper!AK$2:AK$366,ROUNDDOWN($C6582/24,0)+1,1))-1)+IF('Standard Profiles'!$G$21=$B$10,7,0)+IF('Standard Profiles'!$G$21=$B$17,14,0)+IF('Standard Profiles'!$G$21=$B$24,21,0),0)),0)</f>
        <v>0</v>
      </c>
      <c r="H6582" cm="1">
        <f t="array" ref="H6582">IFERROR(INDEX(Jesper!AL$2:AL$366,ROUNDDOWN($C6582/24,0)+1,1)*INDEX($D$3:$AA$30,INDEX(Jesper!$R$2:$R$366,ROW(INDEX(Jesper!AL$2:AL$366,ROUNDDOWN($C6582/24,0)+1,1))-1)+IF('Standard Profiles'!$G$22=$B$10,7,0)+IF('Standard Profiles'!$G$22=$B$17,14,0)+IF('Standard Profiles'!$G$22=$B$24,21,0),MOD($C6582,24)+1)/SUM(INDEX($D$3:$AA$30,INDEX(Jesper!$R$2:$R$366,ROW(INDEX(Jesper!AL$2:AL$366,ROUNDDOWN($C6582/24,0)+1,1))-1)+IF('Standard Profiles'!$G$22=$B$10,7,0)+IF('Standard Profiles'!$G$22=$B$17,14,0)+IF('Standard Profiles'!$G$22=$B$24,21,0),0)),0)</f>
        <v>0</v>
      </c>
      <c r="I6582">
        <f t="shared" si="734"/>
        <v>9.4038534710103525E-2</v>
      </c>
      <c r="J6582">
        <f t="shared" si="735"/>
        <v>0.31346178236701178</v>
      </c>
      <c r="K6582">
        <f t="shared" si="736"/>
        <v>0.47019267355051764</v>
      </c>
      <c r="L6582">
        <f t="shared" si="737"/>
        <v>6.2269501930812154</v>
      </c>
      <c r="M6582">
        <f t="shared" si="738"/>
        <v>0</v>
      </c>
      <c r="N6582" s="46">
        <f t="shared" si="739"/>
        <v>45564.833333317452</v>
      </c>
    </row>
    <row r="6583" spans="2:14" x14ac:dyDescent="0.3">
      <c r="B6583">
        <f t="shared" si="733"/>
        <v>7</v>
      </c>
      <c r="C6583" s="16">
        <v>6549</v>
      </c>
      <c r="D6583" cm="1">
        <f t="array" ref="D6583">IFERROR(INDEX(Jesper!AH$2:AH$366,ROUNDDOWN($C6583/24,0)+1,1)*INDEX($D$3:$AA$30,INDEX(Jesper!$R$2:$R$366,ROW(INDEX(Jesper!AH$2:AH$366,ROUNDDOWN($C6583/24,0)+1,1))-1)+IF('Standard Profiles'!$G$18=$B$10,7,0)+IF('Standard Profiles'!$G$18=$B$17,14,0)+IF('Standard Profiles'!$G$18=$B$24,21,0),MOD($C6583,24)+1)/SUM(INDEX($D$3:$AA$30,INDEX(Jesper!$R$2:$R$366,ROW(INDEX(Jesper!AH$2:AH$366,ROUNDDOWN($C6583/24,0)+1,1))-1)+IF('Standard Profiles'!$G$18=$B$10,7,0)+IF('Standard Profiles'!$G$18=$B$17,14,0)+IF('Standard Profiles'!$G$18=$B$24,21,0),0)),0)</f>
        <v>5.2787747454038998</v>
      </c>
      <c r="E6583" cm="1">
        <f t="array" ref="E6583">IFERROR(INDEX(Jesper!AI$2:AI$366,ROUNDDOWN($C6583/24,0)+1,1)*INDEX($D$3:$AA$30,INDEX(Jesper!$R$2:$R$366,ROW(INDEX(Jesper!AI$2:AI$366,ROUNDDOWN($C6583/24,0)+1,1))-1)+IF('Standard Profiles'!$G$19=$B$10,7,0)+IF('Standard Profiles'!$G$19=$B$17,14,0)+IF('Standard Profiles'!$G$19=$B$24,21,0),MOD($C6583,24)+1)/SUM(INDEX($D$3:$AA$30,INDEX(Jesper!$R$2:$R$366,ROW(INDEX(Jesper!AI$2:AI$366,ROUNDDOWN($C6583/24,0)+1,1))-1)+IF('Standard Profiles'!$G$19=$B$10,7,0)+IF('Standard Profiles'!$G$19=$B$17,14,0)+IF('Standard Profiles'!$G$19=$B$24,21,0),0)),0)</f>
        <v>0.90914028556832316</v>
      </c>
      <c r="F6583" cm="1">
        <f t="array" ref="F6583">IFERROR(INDEX(Jesper!AJ$2:AJ$366,ROUNDDOWN($C6583/24,0)+1,1)*INDEX($D$3:$AA$30,INDEX(Jesper!$R$2:$R$366,ROW(INDEX(Jesper!AJ$2:AJ$366,ROUNDDOWN($C6583/24,0)+1,1))-1)+IF('Standard Profiles'!$G$20=$B$10,7,0)+IF('Standard Profiles'!$G$20=$B$17,14,0)+IF('Standard Profiles'!$G$20=$B$24,21,0),MOD($C6583,24)+1)/SUM(INDEX($D$3:$AA$30,INDEX(Jesper!$R$2:$R$366,ROW(INDEX(Jesper!AJ$2:AJ$366,ROUNDDOWN($C6583/24,0)+1,1))-1)+IF('Standard Profiles'!$G$20=$B$10,7,0)+IF('Standard Profiles'!$G$20=$B$17,14,0)+IF('Standard Profiles'!$G$20=$B$24,21,0),0)),0)</f>
        <v>0</v>
      </c>
      <c r="G6583" cm="1">
        <f t="array" ref="G6583">IFERROR(INDEX(Jesper!AK$2:AK$366,ROUNDDOWN($C6583/24,0)+1,1)*INDEX($D$3:$AA$30,INDEX(Jesper!$R$2:$R$366,ROW(INDEX(Jesper!AK$2:AK$366,ROUNDDOWN($C6583/24,0)+1,1))-1)+IF('Standard Profiles'!$G$21=$B$10,7,0)+IF('Standard Profiles'!$G$21=$B$17,14,0)+IF('Standard Profiles'!$G$21=$B$24,21,0),MOD($C6583,24)+1)/SUM(INDEX($D$3:$AA$30,INDEX(Jesper!$R$2:$R$366,ROW(INDEX(Jesper!AK$2:AK$366,ROUNDDOWN($C6583/24,0)+1,1))-1)+IF('Standard Profiles'!$G$21=$B$10,7,0)+IF('Standard Profiles'!$G$21=$B$17,14,0)+IF('Standard Profiles'!$G$21=$B$24,21,0),0)),0)</f>
        <v>0</v>
      </c>
      <c r="H6583" cm="1">
        <f t="array" ref="H6583">IFERROR(INDEX(Jesper!AL$2:AL$366,ROUNDDOWN($C6583/24,0)+1,1)*INDEX($D$3:$AA$30,INDEX(Jesper!$R$2:$R$366,ROW(INDEX(Jesper!AL$2:AL$366,ROUNDDOWN($C6583/24,0)+1,1))-1)+IF('Standard Profiles'!$G$22=$B$10,7,0)+IF('Standard Profiles'!$G$22=$B$17,14,0)+IF('Standard Profiles'!$G$22=$B$24,21,0),MOD($C6583,24)+1)/SUM(INDEX($D$3:$AA$30,INDEX(Jesper!$R$2:$R$366,ROW(INDEX(Jesper!AL$2:AL$366,ROUNDDOWN($C6583/24,0)+1,1))-1)+IF('Standard Profiles'!$G$22=$B$10,7,0)+IF('Standard Profiles'!$G$22=$B$17,14,0)+IF('Standard Profiles'!$G$22=$B$24,21,0),0)),0)</f>
        <v>0</v>
      </c>
      <c r="I6583">
        <f t="shared" si="734"/>
        <v>8.1904530231380487E-2</v>
      </c>
      <c r="J6583">
        <f t="shared" si="735"/>
        <v>0.27301510077126834</v>
      </c>
      <c r="K6583">
        <f t="shared" si="736"/>
        <v>0.40952265115690251</v>
      </c>
      <c r="L6583">
        <f t="shared" si="737"/>
        <v>5.4234727488126717</v>
      </c>
      <c r="M6583">
        <f t="shared" si="738"/>
        <v>0</v>
      </c>
      <c r="N6583" s="46">
        <f t="shared" si="739"/>
        <v>45564.874999984117</v>
      </c>
    </row>
    <row r="6584" spans="2:14" x14ac:dyDescent="0.3">
      <c r="B6584">
        <f t="shared" si="733"/>
        <v>7</v>
      </c>
      <c r="C6584" s="16">
        <v>6550</v>
      </c>
      <c r="D6584" cm="1">
        <f t="array" ref="D6584">IFERROR(INDEX(Jesper!AH$2:AH$366,ROUNDDOWN($C6584/24,0)+1,1)*INDEX($D$3:$AA$30,INDEX(Jesper!$R$2:$R$366,ROW(INDEX(Jesper!AH$2:AH$366,ROUNDDOWN($C6584/24,0)+1,1))-1)+IF('Standard Profiles'!$G$18=$B$10,7,0)+IF('Standard Profiles'!$G$18=$B$17,14,0)+IF('Standard Profiles'!$G$18=$B$24,21,0),MOD($C6584,24)+1)/SUM(INDEX($D$3:$AA$30,INDEX(Jesper!$R$2:$R$366,ROW(INDEX(Jesper!AH$2:AH$366,ROUNDDOWN($C6584/24,0)+1,1))-1)+IF('Standard Profiles'!$G$18=$B$10,7,0)+IF('Standard Profiles'!$G$18=$B$17,14,0)+IF('Standard Profiles'!$G$18=$B$24,21,0),0)),0)</f>
        <v>5.2787747454038998</v>
      </c>
      <c r="E6584" cm="1">
        <f t="array" ref="E6584">IFERROR(INDEX(Jesper!AI$2:AI$366,ROUNDDOWN($C6584/24,0)+1,1)*INDEX($D$3:$AA$30,INDEX(Jesper!$R$2:$R$366,ROW(INDEX(Jesper!AI$2:AI$366,ROUNDDOWN($C6584/24,0)+1,1))-1)+IF('Standard Profiles'!$G$19=$B$10,7,0)+IF('Standard Profiles'!$G$19=$B$17,14,0)+IF('Standard Profiles'!$G$19=$B$24,21,0),MOD($C6584,24)+1)/SUM(INDEX($D$3:$AA$30,INDEX(Jesper!$R$2:$R$366,ROW(INDEX(Jesper!AI$2:AI$366,ROUNDDOWN($C6584/24,0)+1,1))-1)+IF('Standard Profiles'!$G$19=$B$10,7,0)+IF('Standard Profiles'!$G$19=$B$17,14,0)+IF('Standard Profiles'!$G$19=$B$24,21,0),0)),0)</f>
        <v>0.90914028556832316</v>
      </c>
      <c r="F6584" cm="1">
        <f t="array" ref="F6584">IFERROR(INDEX(Jesper!AJ$2:AJ$366,ROUNDDOWN($C6584/24,0)+1,1)*INDEX($D$3:$AA$30,INDEX(Jesper!$R$2:$R$366,ROW(INDEX(Jesper!AJ$2:AJ$366,ROUNDDOWN($C6584/24,0)+1,1))-1)+IF('Standard Profiles'!$G$20=$B$10,7,0)+IF('Standard Profiles'!$G$20=$B$17,14,0)+IF('Standard Profiles'!$G$20=$B$24,21,0),MOD($C6584,24)+1)/SUM(INDEX($D$3:$AA$30,INDEX(Jesper!$R$2:$R$366,ROW(INDEX(Jesper!AJ$2:AJ$366,ROUNDDOWN($C6584/24,0)+1,1))-1)+IF('Standard Profiles'!$G$20=$B$10,7,0)+IF('Standard Profiles'!$G$20=$B$17,14,0)+IF('Standard Profiles'!$G$20=$B$24,21,0),0)),0)</f>
        <v>0</v>
      </c>
      <c r="G6584" cm="1">
        <f t="array" ref="G6584">IFERROR(INDEX(Jesper!AK$2:AK$366,ROUNDDOWN($C6584/24,0)+1,1)*INDEX($D$3:$AA$30,INDEX(Jesper!$R$2:$R$366,ROW(INDEX(Jesper!AK$2:AK$366,ROUNDDOWN($C6584/24,0)+1,1))-1)+IF('Standard Profiles'!$G$21=$B$10,7,0)+IF('Standard Profiles'!$G$21=$B$17,14,0)+IF('Standard Profiles'!$G$21=$B$24,21,0),MOD($C6584,24)+1)/SUM(INDEX($D$3:$AA$30,INDEX(Jesper!$R$2:$R$366,ROW(INDEX(Jesper!AK$2:AK$366,ROUNDDOWN($C6584/24,0)+1,1))-1)+IF('Standard Profiles'!$G$21=$B$10,7,0)+IF('Standard Profiles'!$G$21=$B$17,14,0)+IF('Standard Profiles'!$G$21=$B$24,21,0),0)),0)</f>
        <v>0</v>
      </c>
      <c r="H6584" cm="1">
        <f t="array" ref="H6584">IFERROR(INDEX(Jesper!AL$2:AL$366,ROUNDDOWN($C6584/24,0)+1,1)*INDEX($D$3:$AA$30,INDEX(Jesper!$R$2:$R$366,ROW(INDEX(Jesper!AL$2:AL$366,ROUNDDOWN($C6584/24,0)+1,1))-1)+IF('Standard Profiles'!$G$22=$B$10,7,0)+IF('Standard Profiles'!$G$22=$B$17,14,0)+IF('Standard Profiles'!$G$22=$B$24,21,0),MOD($C6584,24)+1)/SUM(INDEX($D$3:$AA$30,INDEX(Jesper!$R$2:$R$366,ROW(INDEX(Jesper!AL$2:AL$366,ROUNDDOWN($C6584/24,0)+1,1))-1)+IF('Standard Profiles'!$G$22=$B$10,7,0)+IF('Standard Profiles'!$G$22=$B$17,14,0)+IF('Standard Profiles'!$G$22=$B$24,21,0),0)),0)</f>
        <v>0</v>
      </c>
      <c r="I6584">
        <f t="shared" si="734"/>
        <v>8.1904530231380487E-2</v>
      </c>
      <c r="J6584">
        <f t="shared" si="735"/>
        <v>0.27301510077126834</v>
      </c>
      <c r="K6584">
        <f t="shared" si="736"/>
        <v>0.40952265115690251</v>
      </c>
      <c r="L6584">
        <f t="shared" si="737"/>
        <v>5.4234727488126717</v>
      </c>
      <c r="M6584">
        <f t="shared" si="738"/>
        <v>0</v>
      </c>
      <c r="N6584" s="46">
        <f t="shared" si="739"/>
        <v>45564.916666650781</v>
      </c>
    </row>
    <row r="6585" spans="2:14" x14ac:dyDescent="0.3">
      <c r="B6585">
        <f t="shared" si="733"/>
        <v>7</v>
      </c>
      <c r="C6585" s="16">
        <v>6551</v>
      </c>
      <c r="D6585" cm="1">
        <f t="array" ref="D6585">IFERROR(INDEX(Jesper!AH$2:AH$366,ROUNDDOWN($C6585/24,0)+1,1)*INDEX($D$3:$AA$30,INDEX(Jesper!$R$2:$R$366,ROW(INDEX(Jesper!AH$2:AH$366,ROUNDDOWN($C6585/24,0)+1,1))-1)+IF('Standard Profiles'!$G$18=$B$10,7,0)+IF('Standard Profiles'!$G$18=$B$17,14,0)+IF('Standard Profiles'!$G$18=$B$24,21,0),MOD($C6585,24)+1)/SUM(INDEX($D$3:$AA$30,INDEX(Jesper!$R$2:$R$366,ROW(INDEX(Jesper!AH$2:AH$366,ROUNDDOWN($C6585/24,0)+1,1))-1)+IF('Standard Profiles'!$G$18=$B$10,7,0)+IF('Standard Profiles'!$G$18=$B$17,14,0)+IF('Standard Profiles'!$G$18=$B$24,21,0),0)),0)</f>
        <v>5.2787747454038998</v>
      </c>
      <c r="E6585" cm="1">
        <f t="array" ref="E6585">IFERROR(INDEX(Jesper!AI$2:AI$366,ROUNDDOWN($C6585/24,0)+1,1)*INDEX($D$3:$AA$30,INDEX(Jesper!$R$2:$R$366,ROW(INDEX(Jesper!AI$2:AI$366,ROUNDDOWN($C6585/24,0)+1,1))-1)+IF('Standard Profiles'!$G$19=$B$10,7,0)+IF('Standard Profiles'!$G$19=$B$17,14,0)+IF('Standard Profiles'!$G$19=$B$24,21,0),MOD($C6585,24)+1)/SUM(INDEX($D$3:$AA$30,INDEX(Jesper!$R$2:$R$366,ROW(INDEX(Jesper!AI$2:AI$366,ROUNDDOWN($C6585/24,0)+1,1))-1)+IF('Standard Profiles'!$G$19=$B$10,7,0)+IF('Standard Profiles'!$G$19=$B$17,14,0)+IF('Standard Profiles'!$G$19=$B$24,21,0),0)),0)</f>
        <v>0.90914028556832316</v>
      </c>
      <c r="F6585" cm="1">
        <f t="array" ref="F6585">IFERROR(INDEX(Jesper!AJ$2:AJ$366,ROUNDDOWN($C6585/24,0)+1,1)*INDEX($D$3:$AA$30,INDEX(Jesper!$R$2:$R$366,ROW(INDEX(Jesper!AJ$2:AJ$366,ROUNDDOWN($C6585/24,0)+1,1))-1)+IF('Standard Profiles'!$G$20=$B$10,7,0)+IF('Standard Profiles'!$G$20=$B$17,14,0)+IF('Standard Profiles'!$G$20=$B$24,21,0),MOD($C6585,24)+1)/SUM(INDEX($D$3:$AA$30,INDEX(Jesper!$R$2:$R$366,ROW(INDEX(Jesper!AJ$2:AJ$366,ROUNDDOWN($C6585/24,0)+1,1))-1)+IF('Standard Profiles'!$G$20=$B$10,7,0)+IF('Standard Profiles'!$G$20=$B$17,14,0)+IF('Standard Profiles'!$G$20=$B$24,21,0),0)),0)</f>
        <v>0</v>
      </c>
      <c r="G6585" cm="1">
        <f t="array" ref="G6585">IFERROR(INDEX(Jesper!AK$2:AK$366,ROUNDDOWN($C6585/24,0)+1,1)*INDEX($D$3:$AA$30,INDEX(Jesper!$R$2:$R$366,ROW(INDEX(Jesper!AK$2:AK$366,ROUNDDOWN($C6585/24,0)+1,1))-1)+IF('Standard Profiles'!$G$21=$B$10,7,0)+IF('Standard Profiles'!$G$21=$B$17,14,0)+IF('Standard Profiles'!$G$21=$B$24,21,0),MOD($C6585,24)+1)/SUM(INDEX($D$3:$AA$30,INDEX(Jesper!$R$2:$R$366,ROW(INDEX(Jesper!AK$2:AK$366,ROUNDDOWN($C6585/24,0)+1,1))-1)+IF('Standard Profiles'!$G$21=$B$10,7,0)+IF('Standard Profiles'!$G$21=$B$17,14,0)+IF('Standard Profiles'!$G$21=$B$24,21,0),0)),0)</f>
        <v>0</v>
      </c>
      <c r="H6585" cm="1">
        <f t="array" ref="H6585">IFERROR(INDEX(Jesper!AL$2:AL$366,ROUNDDOWN($C6585/24,0)+1,1)*INDEX($D$3:$AA$30,INDEX(Jesper!$R$2:$R$366,ROW(INDEX(Jesper!AL$2:AL$366,ROUNDDOWN($C6585/24,0)+1,1))-1)+IF('Standard Profiles'!$G$22=$B$10,7,0)+IF('Standard Profiles'!$G$22=$B$17,14,0)+IF('Standard Profiles'!$G$22=$B$24,21,0),MOD($C6585,24)+1)/SUM(INDEX($D$3:$AA$30,INDEX(Jesper!$R$2:$R$366,ROW(INDEX(Jesper!AL$2:AL$366,ROUNDDOWN($C6585/24,0)+1,1))-1)+IF('Standard Profiles'!$G$22=$B$10,7,0)+IF('Standard Profiles'!$G$22=$B$17,14,0)+IF('Standard Profiles'!$G$22=$B$24,21,0),0)),0)</f>
        <v>0</v>
      </c>
      <c r="I6585">
        <f t="shared" si="734"/>
        <v>8.1904530231380487E-2</v>
      </c>
      <c r="J6585">
        <f t="shared" si="735"/>
        <v>0.27301510077126834</v>
      </c>
      <c r="K6585">
        <f t="shared" si="736"/>
        <v>0.40952265115690251</v>
      </c>
      <c r="L6585">
        <f t="shared" si="737"/>
        <v>5.4234727488126717</v>
      </c>
      <c r="M6585">
        <f t="shared" si="738"/>
        <v>0</v>
      </c>
      <c r="N6585" s="46">
        <f t="shared" si="739"/>
        <v>45564.958333317445</v>
      </c>
    </row>
    <row r="6586" spans="2:14" x14ac:dyDescent="0.3">
      <c r="B6586">
        <f t="shared" si="733"/>
        <v>1</v>
      </c>
      <c r="C6586" s="16">
        <v>6552</v>
      </c>
      <c r="D6586" cm="1">
        <f t="array" ref="D6586">IFERROR(INDEX(Jesper!AH$2:AH$366,ROUNDDOWN($C6586/24,0)+1,1)*INDEX($D$3:$AA$30,INDEX(Jesper!$R$2:$R$366,ROW(INDEX(Jesper!AH$2:AH$366,ROUNDDOWN($C6586/24,0)+1,1))-1)+IF('Standard Profiles'!$G$18=$B$10,7,0)+IF('Standard Profiles'!$G$18=$B$17,14,0)+IF('Standard Profiles'!$G$18=$B$24,21,0),MOD($C6586,24)+1)/SUM(INDEX($D$3:$AA$30,INDEX(Jesper!$R$2:$R$366,ROW(INDEX(Jesper!AH$2:AH$366,ROUNDDOWN($C6586/24,0)+1,1))-1)+IF('Standard Profiles'!$G$18=$B$10,7,0)+IF('Standard Profiles'!$G$18=$B$17,14,0)+IF('Standard Profiles'!$G$18=$B$24,21,0),0)),0)</f>
        <v>2.4610619129035918</v>
      </c>
      <c r="E6586" cm="1">
        <f t="array" ref="E6586">IFERROR(INDEX(Jesper!AI$2:AI$366,ROUNDDOWN($C6586/24,0)+1,1)*INDEX($D$3:$AA$30,INDEX(Jesper!$R$2:$R$366,ROW(INDEX(Jesper!AI$2:AI$366,ROUNDDOWN($C6586/24,0)+1,1))-1)+IF('Standard Profiles'!$G$19=$B$10,7,0)+IF('Standard Profiles'!$G$19=$B$17,14,0)+IF('Standard Profiles'!$G$19=$B$24,21,0),MOD($C6586,24)+1)/SUM(INDEX($D$3:$AA$30,INDEX(Jesper!$R$2:$R$366,ROW(INDEX(Jesper!AI$2:AI$366,ROUNDDOWN($C6586/24,0)+1,1))-1)+IF('Standard Profiles'!$G$19=$B$10,7,0)+IF('Standard Profiles'!$G$19=$B$17,14,0)+IF('Standard Profiles'!$G$19=$B$24,21,0),0)),0)</f>
        <v>0</v>
      </c>
      <c r="F6586" cm="1">
        <f t="array" ref="F6586">IFERROR(INDEX(Jesper!AJ$2:AJ$366,ROUNDDOWN($C6586/24,0)+1,1)*INDEX($D$3:$AA$30,INDEX(Jesper!$R$2:$R$366,ROW(INDEX(Jesper!AJ$2:AJ$366,ROUNDDOWN($C6586/24,0)+1,1))-1)+IF('Standard Profiles'!$G$20=$B$10,7,0)+IF('Standard Profiles'!$G$20=$B$17,14,0)+IF('Standard Profiles'!$G$20=$B$24,21,0),MOD($C6586,24)+1)/SUM(INDEX($D$3:$AA$30,INDEX(Jesper!$R$2:$R$366,ROW(INDEX(Jesper!AJ$2:AJ$366,ROUNDDOWN($C6586/24,0)+1,1))-1)+IF('Standard Profiles'!$G$20=$B$10,7,0)+IF('Standard Profiles'!$G$20=$B$17,14,0)+IF('Standard Profiles'!$G$20=$B$24,21,0),0)),0)</f>
        <v>0</v>
      </c>
      <c r="G6586" cm="1">
        <f t="array" ref="G6586">IFERROR(INDEX(Jesper!AK$2:AK$366,ROUNDDOWN($C6586/24,0)+1,1)*INDEX($D$3:$AA$30,INDEX(Jesper!$R$2:$R$366,ROW(INDEX(Jesper!AK$2:AK$366,ROUNDDOWN($C6586/24,0)+1,1))-1)+IF('Standard Profiles'!$G$21=$B$10,7,0)+IF('Standard Profiles'!$G$21=$B$17,14,0)+IF('Standard Profiles'!$G$21=$B$24,21,0),MOD($C6586,24)+1)/SUM(INDEX($D$3:$AA$30,INDEX(Jesper!$R$2:$R$366,ROW(INDEX(Jesper!AK$2:AK$366,ROUNDDOWN($C6586/24,0)+1,1))-1)+IF('Standard Profiles'!$G$21=$B$10,7,0)+IF('Standard Profiles'!$G$21=$B$17,14,0)+IF('Standard Profiles'!$G$21=$B$24,21,0),0)),0)</f>
        <v>0</v>
      </c>
      <c r="H6586" cm="1">
        <f t="array" ref="H6586">IFERROR(INDEX(Jesper!AL$2:AL$366,ROUNDDOWN($C6586/24,0)+1,1)*INDEX($D$3:$AA$30,INDEX(Jesper!$R$2:$R$366,ROW(INDEX(Jesper!AL$2:AL$366,ROUNDDOWN($C6586/24,0)+1,1))-1)+IF('Standard Profiles'!$G$22=$B$10,7,0)+IF('Standard Profiles'!$G$22=$B$17,14,0)+IF('Standard Profiles'!$G$22=$B$24,21,0),MOD($C6586,24)+1)/SUM(INDEX($D$3:$AA$30,INDEX(Jesper!$R$2:$R$366,ROW(INDEX(Jesper!AL$2:AL$366,ROUNDDOWN($C6586/24,0)+1,1))-1)+IF('Standard Profiles'!$G$22=$B$10,7,0)+IF('Standard Profiles'!$G$22=$B$17,14,0)+IF('Standard Profiles'!$G$22=$B$24,21,0),0)),0)</f>
        <v>0</v>
      </c>
      <c r="I6586">
        <f t="shared" si="734"/>
        <v>7.3831857387107749E-2</v>
      </c>
      <c r="J6586">
        <f t="shared" si="735"/>
        <v>0.24610619129035918</v>
      </c>
      <c r="K6586">
        <f t="shared" si="736"/>
        <v>0.36915928693553873</v>
      </c>
      <c r="L6586">
        <f t="shared" si="737"/>
        <v>1.7719645772905861</v>
      </c>
      <c r="M6586">
        <f t="shared" si="738"/>
        <v>0</v>
      </c>
      <c r="N6586" s="46">
        <f t="shared" si="739"/>
        <v>45564.999999984109</v>
      </c>
    </row>
    <row r="6587" spans="2:14" x14ac:dyDescent="0.3">
      <c r="B6587">
        <f t="shared" si="733"/>
        <v>1</v>
      </c>
      <c r="C6587" s="16">
        <v>6553</v>
      </c>
      <c r="D6587" cm="1">
        <f t="array" ref="D6587">IFERROR(INDEX(Jesper!AH$2:AH$366,ROUNDDOWN($C6587/24,0)+1,1)*INDEX($D$3:$AA$30,INDEX(Jesper!$R$2:$R$366,ROW(INDEX(Jesper!AH$2:AH$366,ROUNDDOWN($C6587/24,0)+1,1))-1)+IF('Standard Profiles'!$G$18=$B$10,7,0)+IF('Standard Profiles'!$G$18=$B$17,14,0)+IF('Standard Profiles'!$G$18=$B$24,21,0),MOD($C6587,24)+1)/SUM(INDEX($D$3:$AA$30,INDEX(Jesper!$R$2:$R$366,ROW(INDEX(Jesper!AH$2:AH$366,ROUNDDOWN($C6587/24,0)+1,1))-1)+IF('Standard Profiles'!$G$18=$B$10,7,0)+IF('Standard Profiles'!$G$18=$B$17,14,0)+IF('Standard Profiles'!$G$18=$B$24,21,0),0)),0)</f>
        <v>2.4610619129035918</v>
      </c>
      <c r="E6587" cm="1">
        <f t="array" ref="E6587">IFERROR(INDEX(Jesper!AI$2:AI$366,ROUNDDOWN($C6587/24,0)+1,1)*INDEX($D$3:$AA$30,INDEX(Jesper!$R$2:$R$366,ROW(INDEX(Jesper!AI$2:AI$366,ROUNDDOWN($C6587/24,0)+1,1))-1)+IF('Standard Profiles'!$G$19=$B$10,7,0)+IF('Standard Profiles'!$G$19=$B$17,14,0)+IF('Standard Profiles'!$G$19=$B$24,21,0),MOD($C6587,24)+1)/SUM(INDEX($D$3:$AA$30,INDEX(Jesper!$R$2:$R$366,ROW(INDEX(Jesper!AI$2:AI$366,ROUNDDOWN($C6587/24,0)+1,1))-1)+IF('Standard Profiles'!$G$19=$B$10,7,0)+IF('Standard Profiles'!$G$19=$B$17,14,0)+IF('Standard Profiles'!$G$19=$B$24,21,0),0)),0)</f>
        <v>0</v>
      </c>
      <c r="F6587" cm="1">
        <f t="array" ref="F6587">IFERROR(INDEX(Jesper!AJ$2:AJ$366,ROUNDDOWN($C6587/24,0)+1,1)*INDEX($D$3:$AA$30,INDEX(Jesper!$R$2:$R$366,ROW(INDEX(Jesper!AJ$2:AJ$366,ROUNDDOWN($C6587/24,0)+1,1))-1)+IF('Standard Profiles'!$G$20=$B$10,7,0)+IF('Standard Profiles'!$G$20=$B$17,14,0)+IF('Standard Profiles'!$G$20=$B$24,21,0),MOD($C6587,24)+1)/SUM(INDEX($D$3:$AA$30,INDEX(Jesper!$R$2:$R$366,ROW(INDEX(Jesper!AJ$2:AJ$366,ROUNDDOWN($C6587/24,0)+1,1))-1)+IF('Standard Profiles'!$G$20=$B$10,7,0)+IF('Standard Profiles'!$G$20=$B$17,14,0)+IF('Standard Profiles'!$G$20=$B$24,21,0),0)),0)</f>
        <v>0</v>
      </c>
      <c r="G6587" cm="1">
        <f t="array" ref="G6587">IFERROR(INDEX(Jesper!AK$2:AK$366,ROUNDDOWN($C6587/24,0)+1,1)*INDEX($D$3:$AA$30,INDEX(Jesper!$R$2:$R$366,ROW(INDEX(Jesper!AK$2:AK$366,ROUNDDOWN($C6587/24,0)+1,1))-1)+IF('Standard Profiles'!$G$21=$B$10,7,0)+IF('Standard Profiles'!$G$21=$B$17,14,0)+IF('Standard Profiles'!$G$21=$B$24,21,0),MOD($C6587,24)+1)/SUM(INDEX($D$3:$AA$30,INDEX(Jesper!$R$2:$R$366,ROW(INDEX(Jesper!AK$2:AK$366,ROUNDDOWN($C6587/24,0)+1,1))-1)+IF('Standard Profiles'!$G$21=$B$10,7,0)+IF('Standard Profiles'!$G$21=$B$17,14,0)+IF('Standard Profiles'!$G$21=$B$24,21,0),0)),0)</f>
        <v>0</v>
      </c>
      <c r="H6587" cm="1">
        <f t="array" ref="H6587">IFERROR(INDEX(Jesper!AL$2:AL$366,ROUNDDOWN($C6587/24,0)+1,1)*INDEX($D$3:$AA$30,INDEX(Jesper!$R$2:$R$366,ROW(INDEX(Jesper!AL$2:AL$366,ROUNDDOWN($C6587/24,0)+1,1))-1)+IF('Standard Profiles'!$G$22=$B$10,7,0)+IF('Standard Profiles'!$G$22=$B$17,14,0)+IF('Standard Profiles'!$G$22=$B$24,21,0),MOD($C6587,24)+1)/SUM(INDEX($D$3:$AA$30,INDEX(Jesper!$R$2:$R$366,ROW(INDEX(Jesper!AL$2:AL$366,ROUNDDOWN($C6587/24,0)+1,1))-1)+IF('Standard Profiles'!$G$22=$B$10,7,0)+IF('Standard Profiles'!$G$22=$B$17,14,0)+IF('Standard Profiles'!$G$22=$B$24,21,0),0)),0)</f>
        <v>0</v>
      </c>
      <c r="I6587">
        <f t="shared" si="734"/>
        <v>7.3831857387107749E-2</v>
      </c>
      <c r="J6587">
        <f t="shared" si="735"/>
        <v>0.24610619129035918</v>
      </c>
      <c r="K6587">
        <f t="shared" si="736"/>
        <v>0.36915928693553873</v>
      </c>
      <c r="L6587">
        <f t="shared" si="737"/>
        <v>1.7719645772905861</v>
      </c>
      <c r="M6587">
        <f t="shared" si="738"/>
        <v>0</v>
      </c>
      <c r="N6587" s="46">
        <f t="shared" si="739"/>
        <v>45565.041666650774</v>
      </c>
    </row>
    <row r="6588" spans="2:14" x14ac:dyDescent="0.3">
      <c r="B6588">
        <f t="shared" si="733"/>
        <v>1</v>
      </c>
      <c r="C6588" s="16">
        <v>6554</v>
      </c>
      <c r="D6588" cm="1">
        <f t="array" ref="D6588">IFERROR(INDEX(Jesper!AH$2:AH$366,ROUNDDOWN($C6588/24,0)+1,1)*INDEX($D$3:$AA$30,INDEX(Jesper!$R$2:$R$366,ROW(INDEX(Jesper!AH$2:AH$366,ROUNDDOWN($C6588/24,0)+1,1))-1)+IF('Standard Profiles'!$G$18=$B$10,7,0)+IF('Standard Profiles'!$G$18=$B$17,14,0)+IF('Standard Profiles'!$G$18=$B$24,21,0),MOD($C6588,24)+1)/SUM(INDEX($D$3:$AA$30,INDEX(Jesper!$R$2:$R$366,ROW(INDEX(Jesper!AH$2:AH$366,ROUNDDOWN($C6588/24,0)+1,1))-1)+IF('Standard Profiles'!$G$18=$B$10,7,0)+IF('Standard Profiles'!$G$18=$B$17,14,0)+IF('Standard Profiles'!$G$18=$B$24,21,0),0)),0)</f>
        <v>2.4610619129035918</v>
      </c>
      <c r="E6588" cm="1">
        <f t="array" ref="E6588">IFERROR(INDEX(Jesper!AI$2:AI$366,ROUNDDOWN($C6588/24,0)+1,1)*INDEX($D$3:$AA$30,INDEX(Jesper!$R$2:$R$366,ROW(INDEX(Jesper!AI$2:AI$366,ROUNDDOWN($C6588/24,0)+1,1))-1)+IF('Standard Profiles'!$G$19=$B$10,7,0)+IF('Standard Profiles'!$G$19=$B$17,14,0)+IF('Standard Profiles'!$G$19=$B$24,21,0),MOD($C6588,24)+1)/SUM(INDEX($D$3:$AA$30,INDEX(Jesper!$R$2:$R$366,ROW(INDEX(Jesper!AI$2:AI$366,ROUNDDOWN($C6588/24,0)+1,1))-1)+IF('Standard Profiles'!$G$19=$B$10,7,0)+IF('Standard Profiles'!$G$19=$B$17,14,0)+IF('Standard Profiles'!$G$19=$B$24,21,0),0)),0)</f>
        <v>0</v>
      </c>
      <c r="F6588" cm="1">
        <f t="array" ref="F6588">IFERROR(INDEX(Jesper!AJ$2:AJ$366,ROUNDDOWN($C6588/24,0)+1,1)*INDEX($D$3:$AA$30,INDEX(Jesper!$R$2:$R$366,ROW(INDEX(Jesper!AJ$2:AJ$366,ROUNDDOWN($C6588/24,0)+1,1))-1)+IF('Standard Profiles'!$G$20=$B$10,7,0)+IF('Standard Profiles'!$G$20=$B$17,14,0)+IF('Standard Profiles'!$G$20=$B$24,21,0),MOD($C6588,24)+1)/SUM(INDEX($D$3:$AA$30,INDEX(Jesper!$R$2:$R$366,ROW(INDEX(Jesper!AJ$2:AJ$366,ROUNDDOWN($C6588/24,0)+1,1))-1)+IF('Standard Profiles'!$G$20=$B$10,7,0)+IF('Standard Profiles'!$G$20=$B$17,14,0)+IF('Standard Profiles'!$G$20=$B$24,21,0),0)),0)</f>
        <v>0</v>
      </c>
      <c r="G6588" cm="1">
        <f t="array" ref="G6588">IFERROR(INDEX(Jesper!AK$2:AK$366,ROUNDDOWN($C6588/24,0)+1,1)*INDEX($D$3:$AA$30,INDEX(Jesper!$R$2:$R$366,ROW(INDEX(Jesper!AK$2:AK$366,ROUNDDOWN($C6588/24,0)+1,1))-1)+IF('Standard Profiles'!$G$21=$B$10,7,0)+IF('Standard Profiles'!$G$21=$B$17,14,0)+IF('Standard Profiles'!$G$21=$B$24,21,0),MOD($C6588,24)+1)/SUM(INDEX($D$3:$AA$30,INDEX(Jesper!$R$2:$R$366,ROW(INDEX(Jesper!AK$2:AK$366,ROUNDDOWN($C6588/24,0)+1,1))-1)+IF('Standard Profiles'!$G$21=$B$10,7,0)+IF('Standard Profiles'!$G$21=$B$17,14,0)+IF('Standard Profiles'!$G$21=$B$24,21,0),0)),0)</f>
        <v>0</v>
      </c>
      <c r="H6588" cm="1">
        <f t="array" ref="H6588">IFERROR(INDEX(Jesper!AL$2:AL$366,ROUNDDOWN($C6588/24,0)+1,1)*INDEX($D$3:$AA$30,INDEX(Jesper!$R$2:$R$366,ROW(INDEX(Jesper!AL$2:AL$366,ROUNDDOWN($C6588/24,0)+1,1))-1)+IF('Standard Profiles'!$G$22=$B$10,7,0)+IF('Standard Profiles'!$G$22=$B$17,14,0)+IF('Standard Profiles'!$G$22=$B$24,21,0),MOD($C6588,24)+1)/SUM(INDEX($D$3:$AA$30,INDEX(Jesper!$R$2:$R$366,ROW(INDEX(Jesper!AL$2:AL$366,ROUNDDOWN($C6588/24,0)+1,1))-1)+IF('Standard Profiles'!$G$22=$B$10,7,0)+IF('Standard Profiles'!$G$22=$B$17,14,0)+IF('Standard Profiles'!$G$22=$B$24,21,0),0)),0)</f>
        <v>0</v>
      </c>
      <c r="I6588">
        <f t="shared" si="734"/>
        <v>7.3831857387107749E-2</v>
      </c>
      <c r="J6588">
        <f t="shared" si="735"/>
        <v>0.24610619129035918</v>
      </c>
      <c r="K6588">
        <f t="shared" si="736"/>
        <v>0.36915928693553873</v>
      </c>
      <c r="L6588">
        <f t="shared" si="737"/>
        <v>1.7719645772905861</v>
      </c>
      <c r="M6588">
        <f t="shared" si="738"/>
        <v>0</v>
      </c>
      <c r="N6588" s="46">
        <f t="shared" si="739"/>
        <v>45565.083333317438</v>
      </c>
    </row>
    <row r="6589" spans="2:14" x14ac:dyDescent="0.3">
      <c r="B6589">
        <f t="shared" si="733"/>
        <v>1</v>
      </c>
      <c r="C6589" s="16">
        <v>6555</v>
      </c>
      <c r="D6589" cm="1">
        <f t="array" ref="D6589">IFERROR(INDEX(Jesper!AH$2:AH$366,ROUNDDOWN($C6589/24,0)+1,1)*INDEX($D$3:$AA$30,INDEX(Jesper!$R$2:$R$366,ROW(INDEX(Jesper!AH$2:AH$366,ROUNDDOWN($C6589/24,0)+1,1))-1)+IF('Standard Profiles'!$G$18=$B$10,7,0)+IF('Standard Profiles'!$G$18=$B$17,14,0)+IF('Standard Profiles'!$G$18=$B$24,21,0),MOD($C6589,24)+1)/SUM(INDEX($D$3:$AA$30,INDEX(Jesper!$R$2:$R$366,ROW(INDEX(Jesper!AH$2:AH$366,ROUNDDOWN($C6589/24,0)+1,1))-1)+IF('Standard Profiles'!$G$18=$B$10,7,0)+IF('Standard Profiles'!$G$18=$B$17,14,0)+IF('Standard Profiles'!$G$18=$B$24,21,0),0)),0)</f>
        <v>2.4610619129035918</v>
      </c>
      <c r="E6589" cm="1">
        <f t="array" ref="E6589">IFERROR(INDEX(Jesper!AI$2:AI$366,ROUNDDOWN($C6589/24,0)+1,1)*INDEX($D$3:$AA$30,INDEX(Jesper!$R$2:$R$366,ROW(INDEX(Jesper!AI$2:AI$366,ROUNDDOWN($C6589/24,0)+1,1))-1)+IF('Standard Profiles'!$G$19=$B$10,7,0)+IF('Standard Profiles'!$G$19=$B$17,14,0)+IF('Standard Profiles'!$G$19=$B$24,21,0),MOD($C6589,24)+1)/SUM(INDEX($D$3:$AA$30,INDEX(Jesper!$R$2:$R$366,ROW(INDEX(Jesper!AI$2:AI$366,ROUNDDOWN($C6589/24,0)+1,1))-1)+IF('Standard Profiles'!$G$19=$B$10,7,0)+IF('Standard Profiles'!$G$19=$B$17,14,0)+IF('Standard Profiles'!$G$19=$B$24,21,0),0)),0)</f>
        <v>0</v>
      </c>
      <c r="F6589" cm="1">
        <f t="array" ref="F6589">IFERROR(INDEX(Jesper!AJ$2:AJ$366,ROUNDDOWN($C6589/24,0)+1,1)*INDEX($D$3:$AA$30,INDEX(Jesper!$R$2:$R$366,ROW(INDEX(Jesper!AJ$2:AJ$366,ROUNDDOWN($C6589/24,0)+1,1))-1)+IF('Standard Profiles'!$G$20=$B$10,7,0)+IF('Standard Profiles'!$G$20=$B$17,14,0)+IF('Standard Profiles'!$G$20=$B$24,21,0),MOD($C6589,24)+1)/SUM(INDEX($D$3:$AA$30,INDEX(Jesper!$R$2:$R$366,ROW(INDEX(Jesper!AJ$2:AJ$366,ROUNDDOWN($C6589/24,0)+1,1))-1)+IF('Standard Profiles'!$G$20=$B$10,7,0)+IF('Standard Profiles'!$G$20=$B$17,14,0)+IF('Standard Profiles'!$G$20=$B$24,21,0),0)),0)</f>
        <v>0</v>
      </c>
      <c r="G6589" cm="1">
        <f t="array" ref="G6589">IFERROR(INDEX(Jesper!AK$2:AK$366,ROUNDDOWN($C6589/24,0)+1,1)*INDEX($D$3:$AA$30,INDEX(Jesper!$R$2:$R$366,ROW(INDEX(Jesper!AK$2:AK$366,ROUNDDOWN($C6589/24,0)+1,1))-1)+IF('Standard Profiles'!$G$21=$B$10,7,0)+IF('Standard Profiles'!$G$21=$B$17,14,0)+IF('Standard Profiles'!$G$21=$B$24,21,0),MOD($C6589,24)+1)/SUM(INDEX($D$3:$AA$30,INDEX(Jesper!$R$2:$R$366,ROW(INDEX(Jesper!AK$2:AK$366,ROUNDDOWN($C6589/24,0)+1,1))-1)+IF('Standard Profiles'!$G$21=$B$10,7,0)+IF('Standard Profiles'!$G$21=$B$17,14,0)+IF('Standard Profiles'!$G$21=$B$24,21,0),0)),0)</f>
        <v>0</v>
      </c>
      <c r="H6589" cm="1">
        <f t="array" ref="H6589">IFERROR(INDEX(Jesper!AL$2:AL$366,ROUNDDOWN($C6589/24,0)+1,1)*INDEX($D$3:$AA$30,INDEX(Jesper!$R$2:$R$366,ROW(INDEX(Jesper!AL$2:AL$366,ROUNDDOWN($C6589/24,0)+1,1))-1)+IF('Standard Profiles'!$G$22=$B$10,7,0)+IF('Standard Profiles'!$G$22=$B$17,14,0)+IF('Standard Profiles'!$G$22=$B$24,21,0),MOD($C6589,24)+1)/SUM(INDEX($D$3:$AA$30,INDEX(Jesper!$R$2:$R$366,ROW(INDEX(Jesper!AL$2:AL$366,ROUNDDOWN($C6589/24,0)+1,1))-1)+IF('Standard Profiles'!$G$22=$B$10,7,0)+IF('Standard Profiles'!$G$22=$B$17,14,0)+IF('Standard Profiles'!$G$22=$B$24,21,0),0)),0)</f>
        <v>0</v>
      </c>
      <c r="I6589">
        <f t="shared" si="734"/>
        <v>7.3831857387107749E-2</v>
      </c>
      <c r="J6589">
        <f t="shared" si="735"/>
        <v>0.24610619129035918</v>
      </c>
      <c r="K6589">
        <f t="shared" si="736"/>
        <v>0.36915928693553873</v>
      </c>
      <c r="L6589">
        <f t="shared" si="737"/>
        <v>1.7719645772905861</v>
      </c>
      <c r="M6589">
        <f t="shared" si="738"/>
        <v>0</v>
      </c>
      <c r="N6589" s="46">
        <f t="shared" si="739"/>
        <v>45565.124999984102</v>
      </c>
    </row>
    <row r="6590" spans="2:14" x14ac:dyDescent="0.3">
      <c r="B6590">
        <f t="shared" si="733"/>
        <v>1</v>
      </c>
      <c r="C6590" s="16">
        <v>6556</v>
      </c>
      <c r="D6590" cm="1">
        <f t="array" ref="D6590">IFERROR(INDEX(Jesper!AH$2:AH$366,ROUNDDOWN($C6590/24,0)+1,1)*INDEX($D$3:$AA$30,INDEX(Jesper!$R$2:$R$366,ROW(INDEX(Jesper!AH$2:AH$366,ROUNDDOWN($C6590/24,0)+1,1))-1)+IF('Standard Profiles'!$G$18=$B$10,7,0)+IF('Standard Profiles'!$G$18=$B$17,14,0)+IF('Standard Profiles'!$G$18=$B$24,21,0),MOD($C6590,24)+1)/SUM(INDEX($D$3:$AA$30,INDEX(Jesper!$R$2:$R$366,ROW(INDEX(Jesper!AH$2:AH$366,ROUNDDOWN($C6590/24,0)+1,1))-1)+IF('Standard Profiles'!$G$18=$B$10,7,0)+IF('Standard Profiles'!$G$18=$B$17,14,0)+IF('Standard Profiles'!$G$18=$B$24,21,0),0)),0)</f>
        <v>2.4610619129035918</v>
      </c>
      <c r="E6590" cm="1">
        <f t="array" ref="E6590">IFERROR(INDEX(Jesper!AI$2:AI$366,ROUNDDOWN($C6590/24,0)+1,1)*INDEX($D$3:$AA$30,INDEX(Jesper!$R$2:$R$366,ROW(INDEX(Jesper!AI$2:AI$366,ROUNDDOWN($C6590/24,0)+1,1))-1)+IF('Standard Profiles'!$G$19=$B$10,7,0)+IF('Standard Profiles'!$G$19=$B$17,14,0)+IF('Standard Profiles'!$G$19=$B$24,21,0),MOD($C6590,24)+1)/SUM(INDEX($D$3:$AA$30,INDEX(Jesper!$R$2:$R$366,ROW(INDEX(Jesper!AI$2:AI$366,ROUNDDOWN($C6590/24,0)+1,1))-1)+IF('Standard Profiles'!$G$19=$B$10,7,0)+IF('Standard Profiles'!$G$19=$B$17,14,0)+IF('Standard Profiles'!$G$19=$B$24,21,0),0)),0)</f>
        <v>0</v>
      </c>
      <c r="F6590" cm="1">
        <f t="array" ref="F6590">IFERROR(INDEX(Jesper!AJ$2:AJ$366,ROUNDDOWN($C6590/24,0)+1,1)*INDEX($D$3:$AA$30,INDEX(Jesper!$R$2:$R$366,ROW(INDEX(Jesper!AJ$2:AJ$366,ROUNDDOWN($C6590/24,0)+1,1))-1)+IF('Standard Profiles'!$G$20=$B$10,7,0)+IF('Standard Profiles'!$G$20=$B$17,14,0)+IF('Standard Profiles'!$G$20=$B$24,21,0),MOD($C6590,24)+1)/SUM(INDEX($D$3:$AA$30,INDEX(Jesper!$R$2:$R$366,ROW(INDEX(Jesper!AJ$2:AJ$366,ROUNDDOWN($C6590/24,0)+1,1))-1)+IF('Standard Profiles'!$G$20=$B$10,7,0)+IF('Standard Profiles'!$G$20=$B$17,14,0)+IF('Standard Profiles'!$G$20=$B$24,21,0),0)),0)</f>
        <v>0</v>
      </c>
      <c r="G6590" cm="1">
        <f t="array" ref="G6590">IFERROR(INDEX(Jesper!AK$2:AK$366,ROUNDDOWN($C6590/24,0)+1,1)*INDEX($D$3:$AA$30,INDEX(Jesper!$R$2:$R$366,ROW(INDEX(Jesper!AK$2:AK$366,ROUNDDOWN($C6590/24,0)+1,1))-1)+IF('Standard Profiles'!$G$21=$B$10,7,0)+IF('Standard Profiles'!$G$21=$B$17,14,0)+IF('Standard Profiles'!$G$21=$B$24,21,0),MOD($C6590,24)+1)/SUM(INDEX($D$3:$AA$30,INDEX(Jesper!$R$2:$R$366,ROW(INDEX(Jesper!AK$2:AK$366,ROUNDDOWN($C6590/24,0)+1,1))-1)+IF('Standard Profiles'!$G$21=$B$10,7,0)+IF('Standard Profiles'!$G$21=$B$17,14,0)+IF('Standard Profiles'!$G$21=$B$24,21,0),0)),0)</f>
        <v>0</v>
      </c>
      <c r="H6590" cm="1">
        <f t="array" ref="H6590">IFERROR(INDEX(Jesper!AL$2:AL$366,ROUNDDOWN($C6590/24,0)+1,1)*INDEX($D$3:$AA$30,INDEX(Jesper!$R$2:$R$366,ROW(INDEX(Jesper!AL$2:AL$366,ROUNDDOWN($C6590/24,0)+1,1))-1)+IF('Standard Profiles'!$G$22=$B$10,7,0)+IF('Standard Profiles'!$G$22=$B$17,14,0)+IF('Standard Profiles'!$G$22=$B$24,21,0),MOD($C6590,24)+1)/SUM(INDEX($D$3:$AA$30,INDEX(Jesper!$R$2:$R$366,ROW(INDEX(Jesper!AL$2:AL$366,ROUNDDOWN($C6590/24,0)+1,1))-1)+IF('Standard Profiles'!$G$22=$B$10,7,0)+IF('Standard Profiles'!$G$22=$B$17,14,0)+IF('Standard Profiles'!$G$22=$B$24,21,0),0)),0)</f>
        <v>0</v>
      </c>
      <c r="I6590">
        <f t="shared" si="734"/>
        <v>7.3831857387107749E-2</v>
      </c>
      <c r="J6590">
        <f t="shared" si="735"/>
        <v>0.24610619129035918</v>
      </c>
      <c r="K6590">
        <f t="shared" si="736"/>
        <v>0.36915928693553873</v>
      </c>
      <c r="L6590">
        <f t="shared" si="737"/>
        <v>1.7719645772905861</v>
      </c>
      <c r="M6590">
        <f t="shared" si="738"/>
        <v>0</v>
      </c>
      <c r="N6590" s="46">
        <f t="shared" si="739"/>
        <v>45565.166666650766</v>
      </c>
    </row>
    <row r="6591" spans="2:14" x14ac:dyDescent="0.3">
      <c r="B6591">
        <f t="shared" si="733"/>
        <v>1</v>
      </c>
      <c r="C6591" s="16">
        <v>6557</v>
      </c>
      <c r="D6591" cm="1">
        <f t="array" ref="D6591">IFERROR(INDEX(Jesper!AH$2:AH$366,ROUNDDOWN($C6591/24,0)+1,1)*INDEX($D$3:$AA$30,INDEX(Jesper!$R$2:$R$366,ROW(INDEX(Jesper!AH$2:AH$366,ROUNDDOWN($C6591/24,0)+1,1))-1)+IF('Standard Profiles'!$G$18=$B$10,7,0)+IF('Standard Profiles'!$G$18=$B$17,14,0)+IF('Standard Profiles'!$G$18=$B$24,21,0),MOD($C6591,24)+1)/SUM(INDEX($D$3:$AA$30,INDEX(Jesper!$R$2:$R$366,ROW(INDEX(Jesper!AH$2:AH$366,ROUNDDOWN($C6591/24,0)+1,1))-1)+IF('Standard Profiles'!$G$18=$B$10,7,0)+IF('Standard Profiles'!$G$18=$B$17,14,0)+IF('Standard Profiles'!$G$18=$B$24,21,0),0)),0)</f>
        <v>10.664601622582232</v>
      </c>
      <c r="E6591" cm="1">
        <f t="array" ref="E6591">IFERROR(INDEX(Jesper!AI$2:AI$366,ROUNDDOWN($C6591/24,0)+1,1)*INDEX($D$3:$AA$30,INDEX(Jesper!$R$2:$R$366,ROW(INDEX(Jesper!AI$2:AI$366,ROUNDDOWN($C6591/24,0)+1,1))-1)+IF('Standard Profiles'!$G$19=$B$10,7,0)+IF('Standard Profiles'!$G$19=$B$17,14,0)+IF('Standard Profiles'!$G$19=$B$24,21,0),MOD($C6591,24)+1)/SUM(INDEX($D$3:$AA$30,INDEX(Jesper!$R$2:$R$366,ROW(INDEX(Jesper!AI$2:AI$366,ROUNDDOWN($C6591/24,0)+1,1))-1)+IF('Standard Profiles'!$G$19=$B$10,7,0)+IF('Standard Profiles'!$G$19=$B$17,14,0)+IF('Standard Profiles'!$G$19=$B$24,21,0),0)),0)</f>
        <v>0</v>
      </c>
      <c r="F6591" cm="1">
        <f t="array" ref="F6591">IFERROR(INDEX(Jesper!AJ$2:AJ$366,ROUNDDOWN($C6591/24,0)+1,1)*INDEX($D$3:$AA$30,INDEX(Jesper!$R$2:$R$366,ROW(INDEX(Jesper!AJ$2:AJ$366,ROUNDDOWN($C6591/24,0)+1,1))-1)+IF('Standard Profiles'!$G$20=$B$10,7,0)+IF('Standard Profiles'!$G$20=$B$17,14,0)+IF('Standard Profiles'!$G$20=$B$24,21,0),MOD($C6591,24)+1)/SUM(INDEX($D$3:$AA$30,INDEX(Jesper!$R$2:$R$366,ROW(INDEX(Jesper!AJ$2:AJ$366,ROUNDDOWN($C6591/24,0)+1,1))-1)+IF('Standard Profiles'!$G$20=$B$10,7,0)+IF('Standard Profiles'!$G$20=$B$17,14,0)+IF('Standard Profiles'!$G$20=$B$24,21,0),0)),0)</f>
        <v>0</v>
      </c>
      <c r="G6591" cm="1">
        <f t="array" ref="G6591">IFERROR(INDEX(Jesper!AK$2:AK$366,ROUNDDOWN($C6591/24,0)+1,1)*INDEX($D$3:$AA$30,INDEX(Jesper!$R$2:$R$366,ROW(INDEX(Jesper!AK$2:AK$366,ROUNDDOWN($C6591/24,0)+1,1))-1)+IF('Standard Profiles'!$G$21=$B$10,7,0)+IF('Standard Profiles'!$G$21=$B$17,14,0)+IF('Standard Profiles'!$G$21=$B$24,21,0),MOD($C6591,24)+1)/SUM(INDEX($D$3:$AA$30,INDEX(Jesper!$R$2:$R$366,ROW(INDEX(Jesper!AK$2:AK$366,ROUNDDOWN($C6591/24,0)+1,1))-1)+IF('Standard Profiles'!$G$21=$B$10,7,0)+IF('Standard Profiles'!$G$21=$B$17,14,0)+IF('Standard Profiles'!$G$21=$B$24,21,0),0)),0)</f>
        <v>0</v>
      </c>
      <c r="H6591" cm="1">
        <f t="array" ref="H6591">IFERROR(INDEX(Jesper!AL$2:AL$366,ROUNDDOWN($C6591/24,0)+1,1)*INDEX($D$3:$AA$30,INDEX(Jesper!$R$2:$R$366,ROW(INDEX(Jesper!AL$2:AL$366,ROUNDDOWN($C6591/24,0)+1,1))-1)+IF('Standard Profiles'!$G$22=$B$10,7,0)+IF('Standard Profiles'!$G$22=$B$17,14,0)+IF('Standard Profiles'!$G$22=$B$24,21,0),MOD($C6591,24)+1)/SUM(INDEX($D$3:$AA$30,INDEX(Jesper!$R$2:$R$366,ROW(INDEX(Jesper!AL$2:AL$366,ROUNDDOWN($C6591/24,0)+1,1))-1)+IF('Standard Profiles'!$G$22=$B$10,7,0)+IF('Standard Profiles'!$G$22=$B$17,14,0)+IF('Standard Profiles'!$G$22=$B$24,21,0),0)),0)</f>
        <v>0</v>
      </c>
      <c r="I6591">
        <f t="shared" si="734"/>
        <v>0.31993804867746695</v>
      </c>
      <c r="J6591">
        <f t="shared" si="735"/>
        <v>1.0664601622582233</v>
      </c>
      <c r="K6591">
        <f t="shared" si="736"/>
        <v>1.5996902433873348</v>
      </c>
      <c r="L6591">
        <f t="shared" si="737"/>
        <v>7.6785131682592072</v>
      </c>
      <c r="M6591">
        <f t="shared" si="738"/>
        <v>0</v>
      </c>
      <c r="N6591" s="46">
        <f t="shared" si="739"/>
        <v>45565.208333317431</v>
      </c>
    </row>
    <row r="6592" spans="2:14" x14ac:dyDescent="0.3">
      <c r="B6592">
        <f t="shared" si="733"/>
        <v>1</v>
      </c>
      <c r="C6592" s="16">
        <v>6558</v>
      </c>
      <c r="D6592" cm="1">
        <f t="array" ref="D6592">IFERROR(INDEX(Jesper!AH$2:AH$366,ROUNDDOWN($C6592/24,0)+1,1)*INDEX($D$3:$AA$30,INDEX(Jesper!$R$2:$R$366,ROW(INDEX(Jesper!AH$2:AH$366,ROUNDDOWN($C6592/24,0)+1,1))-1)+IF('Standard Profiles'!$G$18=$B$10,7,0)+IF('Standard Profiles'!$G$18=$B$17,14,0)+IF('Standard Profiles'!$G$18=$B$24,21,0),MOD($C6592,24)+1)/SUM(INDEX($D$3:$AA$30,INDEX(Jesper!$R$2:$R$366,ROW(INDEX(Jesper!AH$2:AH$366,ROUNDDOWN($C6592/24,0)+1,1))-1)+IF('Standard Profiles'!$G$18=$B$10,7,0)+IF('Standard Profiles'!$G$18=$B$17,14,0)+IF('Standard Profiles'!$G$18=$B$24,21,0),0)),0)</f>
        <v>12.100221071775994</v>
      </c>
      <c r="E6592" cm="1">
        <f t="array" ref="E6592">IFERROR(INDEX(Jesper!AI$2:AI$366,ROUNDDOWN($C6592/24,0)+1,1)*INDEX($D$3:$AA$30,INDEX(Jesper!$R$2:$R$366,ROW(INDEX(Jesper!AI$2:AI$366,ROUNDDOWN($C6592/24,0)+1,1))-1)+IF('Standard Profiles'!$G$19=$B$10,7,0)+IF('Standard Profiles'!$G$19=$B$17,14,0)+IF('Standard Profiles'!$G$19=$B$24,21,0),MOD($C6592,24)+1)/SUM(INDEX($D$3:$AA$30,INDEX(Jesper!$R$2:$R$366,ROW(INDEX(Jesper!AI$2:AI$366,ROUNDDOWN($C6592/24,0)+1,1))-1)+IF('Standard Profiles'!$G$19=$B$10,7,0)+IF('Standard Profiles'!$G$19=$B$17,14,0)+IF('Standard Profiles'!$G$19=$B$24,21,0),0)),0)</f>
        <v>0</v>
      </c>
      <c r="F6592" cm="1">
        <f t="array" ref="F6592">IFERROR(INDEX(Jesper!AJ$2:AJ$366,ROUNDDOWN($C6592/24,0)+1,1)*INDEX($D$3:$AA$30,INDEX(Jesper!$R$2:$R$366,ROW(INDEX(Jesper!AJ$2:AJ$366,ROUNDDOWN($C6592/24,0)+1,1))-1)+IF('Standard Profiles'!$G$20=$B$10,7,0)+IF('Standard Profiles'!$G$20=$B$17,14,0)+IF('Standard Profiles'!$G$20=$B$24,21,0),MOD($C6592,24)+1)/SUM(INDEX($D$3:$AA$30,INDEX(Jesper!$R$2:$R$366,ROW(INDEX(Jesper!AJ$2:AJ$366,ROUNDDOWN($C6592/24,0)+1,1))-1)+IF('Standard Profiles'!$G$20=$B$10,7,0)+IF('Standard Profiles'!$G$20=$B$17,14,0)+IF('Standard Profiles'!$G$20=$B$24,21,0),0)),0)</f>
        <v>0</v>
      </c>
      <c r="G6592" cm="1">
        <f t="array" ref="G6592">IFERROR(INDEX(Jesper!AK$2:AK$366,ROUNDDOWN($C6592/24,0)+1,1)*INDEX($D$3:$AA$30,INDEX(Jesper!$R$2:$R$366,ROW(INDEX(Jesper!AK$2:AK$366,ROUNDDOWN($C6592/24,0)+1,1))-1)+IF('Standard Profiles'!$G$21=$B$10,7,0)+IF('Standard Profiles'!$G$21=$B$17,14,0)+IF('Standard Profiles'!$G$21=$B$24,21,0),MOD($C6592,24)+1)/SUM(INDEX($D$3:$AA$30,INDEX(Jesper!$R$2:$R$366,ROW(INDEX(Jesper!AK$2:AK$366,ROUNDDOWN($C6592/24,0)+1,1))-1)+IF('Standard Profiles'!$G$21=$B$10,7,0)+IF('Standard Profiles'!$G$21=$B$17,14,0)+IF('Standard Profiles'!$G$21=$B$24,21,0),0)),0)</f>
        <v>0</v>
      </c>
      <c r="H6592" cm="1">
        <f t="array" ref="H6592">IFERROR(INDEX(Jesper!AL$2:AL$366,ROUNDDOWN($C6592/24,0)+1,1)*INDEX($D$3:$AA$30,INDEX(Jesper!$R$2:$R$366,ROW(INDEX(Jesper!AL$2:AL$366,ROUNDDOWN($C6592/24,0)+1,1))-1)+IF('Standard Profiles'!$G$22=$B$10,7,0)+IF('Standard Profiles'!$G$22=$B$17,14,0)+IF('Standard Profiles'!$G$22=$B$24,21,0),MOD($C6592,24)+1)/SUM(INDEX($D$3:$AA$30,INDEX(Jesper!$R$2:$R$366,ROW(INDEX(Jesper!AL$2:AL$366,ROUNDDOWN($C6592/24,0)+1,1))-1)+IF('Standard Profiles'!$G$22=$B$10,7,0)+IF('Standard Profiles'!$G$22=$B$17,14,0)+IF('Standard Profiles'!$G$22=$B$24,21,0),0)),0)</f>
        <v>0</v>
      </c>
      <c r="I6592">
        <f t="shared" si="734"/>
        <v>0.36300663215327983</v>
      </c>
      <c r="J6592">
        <f t="shared" si="735"/>
        <v>1.2100221071775996</v>
      </c>
      <c r="K6592">
        <f t="shared" si="736"/>
        <v>1.815033160766399</v>
      </c>
      <c r="L6592">
        <f t="shared" si="737"/>
        <v>8.7121591716787155</v>
      </c>
      <c r="M6592">
        <f t="shared" si="738"/>
        <v>0</v>
      </c>
      <c r="N6592" s="46">
        <f t="shared" si="739"/>
        <v>45565.249999984095</v>
      </c>
    </row>
    <row r="6593" spans="2:14" x14ac:dyDescent="0.3">
      <c r="B6593">
        <f t="shared" si="733"/>
        <v>1</v>
      </c>
      <c r="C6593" s="16">
        <v>6559</v>
      </c>
      <c r="D6593" cm="1">
        <f t="array" ref="D6593">IFERROR(INDEX(Jesper!AH$2:AH$366,ROUNDDOWN($C6593/24,0)+1,1)*INDEX($D$3:$AA$30,INDEX(Jesper!$R$2:$R$366,ROW(INDEX(Jesper!AH$2:AH$366,ROUNDDOWN($C6593/24,0)+1,1))-1)+IF('Standard Profiles'!$G$18=$B$10,7,0)+IF('Standard Profiles'!$G$18=$B$17,14,0)+IF('Standard Profiles'!$G$18=$B$24,21,0),MOD($C6593,24)+1)/SUM(INDEX($D$3:$AA$30,INDEX(Jesper!$R$2:$R$366,ROW(INDEX(Jesper!AH$2:AH$366,ROUNDDOWN($C6593/24,0)+1,1))-1)+IF('Standard Profiles'!$G$18=$B$10,7,0)+IF('Standard Profiles'!$G$18=$B$17,14,0)+IF('Standard Profiles'!$G$18=$B$24,21,0),0)),0)</f>
        <v>12.100221071775994</v>
      </c>
      <c r="E6593" cm="1">
        <f t="array" ref="E6593">IFERROR(INDEX(Jesper!AI$2:AI$366,ROUNDDOWN($C6593/24,0)+1,1)*INDEX($D$3:$AA$30,INDEX(Jesper!$R$2:$R$366,ROW(INDEX(Jesper!AI$2:AI$366,ROUNDDOWN($C6593/24,0)+1,1))-1)+IF('Standard Profiles'!$G$19=$B$10,7,0)+IF('Standard Profiles'!$G$19=$B$17,14,0)+IF('Standard Profiles'!$G$19=$B$24,21,0),MOD($C6593,24)+1)/SUM(INDEX($D$3:$AA$30,INDEX(Jesper!$R$2:$R$366,ROW(INDEX(Jesper!AI$2:AI$366,ROUNDDOWN($C6593/24,0)+1,1))-1)+IF('Standard Profiles'!$G$19=$B$10,7,0)+IF('Standard Profiles'!$G$19=$B$17,14,0)+IF('Standard Profiles'!$G$19=$B$24,21,0),0)),0)</f>
        <v>0</v>
      </c>
      <c r="F6593" cm="1">
        <f t="array" ref="F6593">IFERROR(INDEX(Jesper!AJ$2:AJ$366,ROUNDDOWN($C6593/24,0)+1,1)*INDEX($D$3:$AA$30,INDEX(Jesper!$R$2:$R$366,ROW(INDEX(Jesper!AJ$2:AJ$366,ROUNDDOWN($C6593/24,0)+1,1))-1)+IF('Standard Profiles'!$G$20=$B$10,7,0)+IF('Standard Profiles'!$G$20=$B$17,14,0)+IF('Standard Profiles'!$G$20=$B$24,21,0),MOD($C6593,24)+1)/SUM(INDEX($D$3:$AA$30,INDEX(Jesper!$R$2:$R$366,ROW(INDEX(Jesper!AJ$2:AJ$366,ROUNDDOWN($C6593/24,0)+1,1))-1)+IF('Standard Profiles'!$G$20=$B$10,7,0)+IF('Standard Profiles'!$G$20=$B$17,14,0)+IF('Standard Profiles'!$G$20=$B$24,21,0),0)),0)</f>
        <v>0</v>
      </c>
      <c r="G6593" cm="1">
        <f t="array" ref="G6593">IFERROR(INDEX(Jesper!AK$2:AK$366,ROUNDDOWN($C6593/24,0)+1,1)*INDEX($D$3:$AA$30,INDEX(Jesper!$R$2:$R$366,ROW(INDEX(Jesper!AK$2:AK$366,ROUNDDOWN($C6593/24,0)+1,1))-1)+IF('Standard Profiles'!$G$21=$B$10,7,0)+IF('Standard Profiles'!$G$21=$B$17,14,0)+IF('Standard Profiles'!$G$21=$B$24,21,0),MOD($C6593,24)+1)/SUM(INDEX($D$3:$AA$30,INDEX(Jesper!$R$2:$R$366,ROW(INDEX(Jesper!AK$2:AK$366,ROUNDDOWN($C6593/24,0)+1,1))-1)+IF('Standard Profiles'!$G$21=$B$10,7,0)+IF('Standard Profiles'!$G$21=$B$17,14,0)+IF('Standard Profiles'!$G$21=$B$24,21,0),0)),0)</f>
        <v>0</v>
      </c>
      <c r="H6593" cm="1">
        <f t="array" ref="H6593">IFERROR(INDEX(Jesper!AL$2:AL$366,ROUNDDOWN($C6593/24,0)+1,1)*INDEX($D$3:$AA$30,INDEX(Jesper!$R$2:$R$366,ROW(INDEX(Jesper!AL$2:AL$366,ROUNDDOWN($C6593/24,0)+1,1))-1)+IF('Standard Profiles'!$G$22=$B$10,7,0)+IF('Standard Profiles'!$G$22=$B$17,14,0)+IF('Standard Profiles'!$G$22=$B$24,21,0),MOD($C6593,24)+1)/SUM(INDEX($D$3:$AA$30,INDEX(Jesper!$R$2:$R$366,ROW(INDEX(Jesper!AL$2:AL$366,ROUNDDOWN($C6593/24,0)+1,1))-1)+IF('Standard Profiles'!$G$22=$B$10,7,0)+IF('Standard Profiles'!$G$22=$B$17,14,0)+IF('Standard Profiles'!$G$22=$B$24,21,0),0)),0)</f>
        <v>0</v>
      </c>
      <c r="I6593">
        <f t="shared" si="734"/>
        <v>0.36300663215327983</v>
      </c>
      <c r="J6593">
        <f t="shared" si="735"/>
        <v>1.2100221071775996</v>
      </c>
      <c r="K6593">
        <f t="shared" si="736"/>
        <v>1.815033160766399</v>
      </c>
      <c r="L6593">
        <f t="shared" si="737"/>
        <v>8.7121591716787155</v>
      </c>
      <c r="M6593">
        <f t="shared" si="738"/>
        <v>0</v>
      </c>
      <c r="N6593" s="46">
        <f t="shared" si="739"/>
        <v>45565.291666650759</v>
      </c>
    </row>
    <row r="6594" spans="2:14" x14ac:dyDescent="0.3">
      <c r="B6594">
        <f t="shared" si="733"/>
        <v>1</v>
      </c>
      <c r="C6594" s="16">
        <v>6560</v>
      </c>
      <c r="D6594" cm="1">
        <f t="array" ref="D6594">IFERROR(INDEX(Jesper!AH$2:AH$366,ROUNDDOWN($C6594/24,0)+1,1)*INDEX($D$3:$AA$30,INDEX(Jesper!$R$2:$R$366,ROW(INDEX(Jesper!AH$2:AH$366,ROUNDDOWN($C6594/24,0)+1,1))-1)+IF('Standard Profiles'!$G$18=$B$10,7,0)+IF('Standard Profiles'!$G$18=$B$17,14,0)+IF('Standard Profiles'!$G$18=$B$24,21,0),MOD($C6594,24)+1)/SUM(INDEX($D$3:$AA$30,INDEX(Jesper!$R$2:$R$366,ROW(INDEX(Jesper!AH$2:AH$366,ROUNDDOWN($C6594/24,0)+1,1))-1)+IF('Standard Profiles'!$G$18=$B$10,7,0)+IF('Standard Profiles'!$G$18=$B$17,14,0)+IF('Standard Profiles'!$G$18=$B$24,21,0),0)),0)</f>
        <v>12.100221071775994</v>
      </c>
      <c r="E6594" cm="1">
        <f t="array" ref="E6594">IFERROR(INDEX(Jesper!AI$2:AI$366,ROUNDDOWN($C6594/24,0)+1,1)*INDEX($D$3:$AA$30,INDEX(Jesper!$R$2:$R$366,ROW(INDEX(Jesper!AI$2:AI$366,ROUNDDOWN($C6594/24,0)+1,1))-1)+IF('Standard Profiles'!$G$19=$B$10,7,0)+IF('Standard Profiles'!$G$19=$B$17,14,0)+IF('Standard Profiles'!$G$19=$B$24,21,0),MOD($C6594,24)+1)/SUM(INDEX($D$3:$AA$30,INDEX(Jesper!$R$2:$R$366,ROW(INDEX(Jesper!AI$2:AI$366,ROUNDDOWN($C6594/24,0)+1,1))-1)+IF('Standard Profiles'!$G$19=$B$10,7,0)+IF('Standard Profiles'!$G$19=$B$17,14,0)+IF('Standard Profiles'!$G$19=$B$24,21,0),0)),0)</f>
        <v>0</v>
      </c>
      <c r="F6594" cm="1">
        <f t="array" ref="F6594">IFERROR(INDEX(Jesper!AJ$2:AJ$366,ROUNDDOWN($C6594/24,0)+1,1)*INDEX($D$3:$AA$30,INDEX(Jesper!$R$2:$R$366,ROW(INDEX(Jesper!AJ$2:AJ$366,ROUNDDOWN($C6594/24,0)+1,1))-1)+IF('Standard Profiles'!$G$20=$B$10,7,0)+IF('Standard Profiles'!$G$20=$B$17,14,0)+IF('Standard Profiles'!$G$20=$B$24,21,0),MOD($C6594,24)+1)/SUM(INDEX($D$3:$AA$30,INDEX(Jesper!$R$2:$R$366,ROW(INDEX(Jesper!AJ$2:AJ$366,ROUNDDOWN($C6594/24,0)+1,1))-1)+IF('Standard Profiles'!$G$20=$B$10,7,0)+IF('Standard Profiles'!$G$20=$B$17,14,0)+IF('Standard Profiles'!$G$20=$B$24,21,0),0)),0)</f>
        <v>0</v>
      </c>
      <c r="G6594" cm="1">
        <f t="array" ref="G6594">IFERROR(INDEX(Jesper!AK$2:AK$366,ROUNDDOWN($C6594/24,0)+1,1)*INDEX($D$3:$AA$30,INDEX(Jesper!$R$2:$R$366,ROW(INDEX(Jesper!AK$2:AK$366,ROUNDDOWN($C6594/24,0)+1,1))-1)+IF('Standard Profiles'!$G$21=$B$10,7,0)+IF('Standard Profiles'!$G$21=$B$17,14,0)+IF('Standard Profiles'!$G$21=$B$24,21,0),MOD($C6594,24)+1)/SUM(INDEX($D$3:$AA$30,INDEX(Jesper!$R$2:$R$366,ROW(INDEX(Jesper!AK$2:AK$366,ROUNDDOWN($C6594/24,0)+1,1))-1)+IF('Standard Profiles'!$G$21=$B$10,7,0)+IF('Standard Profiles'!$G$21=$B$17,14,0)+IF('Standard Profiles'!$G$21=$B$24,21,0),0)),0)</f>
        <v>0</v>
      </c>
      <c r="H6594" cm="1">
        <f t="array" ref="H6594">IFERROR(INDEX(Jesper!AL$2:AL$366,ROUNDDOWN($C6594/24,0)+1,1)*INDEX($D$3:$AA$30,INDEX(Jesper!$R$2:$R$366,ROW(INDEX(Jesper!AL$2:AL$366,ROUNDDOWN($C6594/24,0)+1,1))-1)+IF('Standard Profiles'!$G$22=$B$10,7,0)+IF('Standard Profiles'!$G$22=$B$17,14,0)+IF('Standard Profiles'!$G$22=$B$24,21,0),MOD($C6594,24)+1)/SUM(INDEX($D$3:$AA$30,INDEX(Jesper!$R$2:$R$366,ROW(INDEX(Jesper!AL$2:AL$366,ROUNDDOWN($C6594/24,0)+1,1))-1)+IF('Standard Profiles'!$G$22=$B$10,7,0)+IF('Standard Profiles'!$G$22=$B$17,14,0)+IF('Standard Profiles'!$G$22=$B$24,21,0),0)),0)</f>
        <v>0</v>
      </c>
      <c r="I6594">
        <f t="shared" si="734"/>
        <v>0.36300663215327983</v>
      </c>
      <c r="J6594">
        <f t="shared" si="735"/>
        <v>1.2100221071775996</v>
      </c>
      <c r="K6594">
        <f t="shared" si="736"/>
        <v>1.815033160766399</v>
      </c>
      <c r="L6594">
        <f t="shared" si="737"/>
        <v>8.7121591716787155</v>
      </c>
      <c r="M6594">
        <f t="shared" si="738"/>
        <v>0</v>
      </c>
      <c r="N6594" s="46">
        <f t="shared" si="739"/>
        <v>45565.333333317423</v>
      </c>
    </row>
    <row r="6595" spans="2:14" x14ac:dyDescent="0.3">
      <c r="B6595">
        <f t="shared" si="733"/>
        <v>1</v>
      </c>
      <c r="C6595" s="16">
        <v>6561</v>
      </c>
      <c r="D6595" cm="1">
        <f t="array" ref="D6595">IFERROR(INDEX(Jesper!AH$2:AH$366,ROUNDDOWN($C6595/24,0)+1,1)*INDEX($D$3:$AA$30,INDEX(Jesper!$R$2:$R$366,ROW(INDEX(Jesper!AH$2:AH$366,ROUNDDOWN($C6595/24,0)+1,1))-1)+IF('Standard Profiles'!$G$18=$B$10,7,0)+IF('Standard Profiles'!$G$18=$B$17,14,0)+IF('Standard Profiles'!$G$18=$B$24,21,0),MOD($C6595,24)+1)/SUM(INDEX($D$3:$AA$30,INDEX(Jesper!$R$2:$R$366,ROW(INDEX(Jesper!AH$2:AH$366,ROUNDDOWN($C6595/24,0)+1,1))-1)+IF('Standard Profiles'!$G$18=$B$10,7,0)+IF('Standard Profiles'!$G$18=$B$17,14,0)+IF('Standard Profiles'!$G$18=$B$24,21,0),0)),0)</f>
        <v>12.920575042743858</v>
      </c>
      <c r="E6595" cm="1">
        <f t="array" ref="E6595">IFERROR(INDEX(Jesper!AI$2:AI$366,ROUNDDOWN($C6595/24,0)+1,1)*INDEX($D$3:$AA$30,INDEX(Jesper!$R$2:$R$366,ROW(INDEX(Jesper!AI$2:AI$366,ROUNDDOWN($C6595/24,0)+1,1))-1)+IF('Standard Profiles'!$G$19=$B$10,7,0)+IF('Standard Profiles'!$G$19=$B$17,14,0)+IF('Standard Profiles'!$G$19=$B$24,21,0),MOD($C6595,24)+1)/SUM(INDEX($D$3:$AA$30,INDEX(Jesper!$R$2:$R$366,ROW(INDEX(Jesper!AI$2:AI$366,ROUNDDOWN($C6595/24,0)+1,1))-1)+IF('Standard Profiles'!$G$19=$B$10,7,0)+IF('Standard Profiles'!$G$19=$B$17,14,0)+IF('Standard Profiles'!$G$19=$B$24,21,0),0)),0)</f>
        <v>0</v>
      </c>
      <c r="F6595" cm="1">
        <f t="array" ref="F6595">IFERROR(INDEX(Jesper!AJ$2:AJ$366,ROUNDDOWN($C6595/24,0)+1,1)*INDEX($D$3:$AA$30,INDEX(Jesper!$R$2:$R$366,ROW(INDEX(Jesper!AJ$2:AJ$366,ROUNDDOWN($C6595/24,0)+1,1))-1)+IF('Standard Profiles'!$G$20=$B$10,7,0)+IF('Standard Profiles'!$G$20=$B$17,14,0)+IF('Standard Profiles'!$G$20=$B$24,21,0),MOD($C6595,24)+1)/SUM(INDEX($D$3:$AA$30,INDEX(Jesper!$R$2:$R$366,ROW(INDEX(Jesper!AJ$2:AJ$366,ROUNDDOWN($C6595/24,0)+1,1))-1)+IF('Standard Profiles'!$G$20=$B$10,7,0)+IF('Standard Profiles'!$G$20=$B$17,14,0)+IF('Standard Profiles'!$G$20=$B$24,21,0),0)),0)</f>
        <v>0</v>
      </c>
      <c r="G6595" cm="1">
        <f t="array" ref="G6595">IFERROR(INDEX(Jesper!AK$2:AK$366,ROUNDDOWN($C6595/24,0)+1,1)*INDEX($D$3:$AA$30,INDEX(Jesper!$R$2:$R$366,ROW(INDEX(Jesper!AK$2:AK$366,ROUNDDOWN($C6595/24,0)+1,1))-1)+IF('Standard Profiles'!$G$21=$B$10,7,0)+IF('Standard Profiles'!$G$21=$B$17,14,0)+IF('Standard Profiles'!$G$21=$B$24,21,0),MOD($C6595,24)+1)/SUM(INDEX($D$3:$AA$30,INDEX(Jesper!$R$2:$R$366,ROW(INDEX(Jesper!AK$2:AK$366,ROUNDDOWN($C6595/24,0)+1,1))-1)+IF('Standard Profiles'!$G$21=$B$10,7,0)+IF('Standard Profiles'!$G$21=$B$17,14,0)+IF('Standard Profiles'!$G$21=$B$24,21,0),0)),0)</f>
        <v>0</v>
      </c>
      <c r="H6595" cm="1">
        <f t="array" ref="H6595">IFERROR(INDEX(Jesper!AL$2:AL$366,ROUNDDOWN($C6595/24,0)+1,1)*INDEX($D$3:$AA$30,INDEX(Jesper!$R$2:$R$366,ROW(INDEX(Jesper!AL$2:AL$366,ROUNDDOWN($C6595/24,0)+1,1))-1)+IF('Standard Profiles'!$G$22=$B$10,7,0)+IF('Standard Profiles'!$G$22=$B$17,14,0)+IF('Standard Profiles'!$G$22=$B$24,21,0),MOD($C6595,24)+1)/SUM(INDEX($D$3:$AA$30,INDEX(Jesper!$R$2:$R$366,ROW(INDEX(Jesper!AL$2:AL$366,ROUNDDOWN($C6595/24,0)+1,1))-1)+IF('Standard Profiles'!$G$22=$B$10,7,0)+IF('Standard Profiles'!$G$22=$B$17,14,0)+IF('Standard Profiles'!$G$22=$B$24,21,0),0)),0)</f>
        <v>0</v>
      </c>
      <c r="I6595">
        <f t="shared" si="734"/>
        <v>0.38761725128231572</v>
      </c>
      <c r="J6595">
        <f t="shared" si="735"/>
        <v>1.2920575042743858</v>
      </c>
      <c r="K6595">
        <f t="shared" si="736"/>
        <v>1.9380862564115786</v>
      </c>
      <c r="L6595">
        <f t="shared" si="737"/>
        <v>9.3028140307755773</v>
      </c>
      <c r="M6595">
        <f t="shared" si="738"/>
        <v>0</v>
      </c>
      <c r="N6595" s="46">
        <f t="shared" si="739"/>
        <v>45565.374999984087</v>
      </c>
    </row>
    <row r="6596" spans="2:14" x14ac:dyDescent="0.3">
      <c r="B6596">
        <f t="shared" si="733"/>
        <v>1</v>
      </c>
      <c r="C6596" s="16">
        <v>6562</v>
      </c>
      <c r="D6596" cm="1">
        <f t="array" ref="D6596">IFERROR(INDEX(Jesper!AH$2:AH$366,ROUNDDOWN($C6596/24,0)+1,1)*INDEX($D$3:$AA$30,INDEX(Jesper!$R$2:$R$366,ROW(INDEX(Jesper!AH$2:AH$366,ROUNDDOWN($C6596/24,0)+1,1))-1)+IF('Standard Profiles'!$G$18=$B$10,7,0)+IF('Standard Profiles'!$G$18=$B$17,14,0)+IF('Standard Profiles'!$G$18=$B$24,21,0),MOD($C6596,24)+1)/SUM(INDEX($D$3:$AA$30,INDEX(Jesper!$R$2:$R$366,ROW(INDEX(Jesper!AH$2:AH$366,ROUNDDOWN($C6596/24,0)+1,1))-1)+IF('Standard Profiles'!$G$18=$B$10,7,0)+IF('Standard Profiles'!$G$18=$B$17,14,0)+IF('Standard Profiles'!$G$18=$B$24,21,0),0)),0)</f>
        <v>12.920575042743858</v>
      </c>
      <c r="E6596" cm="1">
        <f t="array" ref="E6596">IFERROR(INDEX(Jesper!AI$2:AI$366,ROUNDDOWN($C6596/24,0)+1,1)*INDEX($D$3:$AA$30,INDEX(Jesper!$R$2:$R$366,ROW(INDEX(Jesper!AI$2:AI$366,ROUNDDOWN($C6596/24,0)+1,1))-1)+IF('Standard Profiles'!$G$19=$B$10,7,0)+IF('Standard Profiles'!$G$19=$B$17,14,0)+IF('Standard Profiles'!$G$19=$B$24,21,0),MOD($C6596,24)+1)/SUM(INDEX($D$3:$AA$30,INDEX(Jesper!$R$2:$R$366,ROW(INDEX(Jesper!AI$2:AI$366,ROUNDDOWN($C6596/24,0)+1,1))-1)+IF('Standard Profiles'!$G$19=$B$10,7,0)+IF('Standard Profiles'!$G$19=$B$17,14,0)+IF('Standard Profiles'!$G$19=$B$24,21,0),0)),0)</f>
        <v>0</v>
      </c>
      <c r="F6596" cm="1">
        <f t="array" ref="F6596">IFERROR(INDEX(Jesper!AJ$2:AJ$366,ROUNDDOWN($C6596/24,0)+1,1)*INDEX($D$3:$AA$30,INDEX(Jesper!$R$2:$R$366,ROW(INDEX(Jesper!AJ$2:AJ$366,ROUNDDOWN($C6596/24,0)+1,1))-1)+IF('Standard Profiles'!$G$20=$B$10,7,0)+IF('Standard Profiles'!$G$20=$B$17,14,0)+IF('Standard Profiles'!$G$20=$B$24,21,0),MOD($C6596,24)+1)/SUM(INDEX($D$3:$AA$30,INDEX(Jesper!$R$2:$R$366,ROW(INDEX(Jesper!AJ$2:AJ$366,ROUNDDOWN($C6596/24,0)+1,1))-1)+IF('Standard Profiles'!$G$20=$B$10,7,0)+IF('Standard Profiles'!$G$20=$B$17,14,0)+IF('Standard Profiles'!$G$20=$B$24,21,0),0)),0)</f>
        <v>0</v>
      </c>
      <c r="G6596" cm="1">
        <f t="array" ref="G6596">IFERROR(INDEX(Jesper!AK$2:AK$366,ROUNDDOWN($C6596/24,0)+1,1)*INDEX($D$3:$AA$30,INDEX(Jesper!$R$2:$R$366,ROW(INDEX(Jesper!AK$2:AK$366,ROUNDDOWN($C6596/24,0)+1,1))-1)+IF('Standard Profiles'!$G$21=$B$10,7,0)+IF('Standard Profiles'!$G$21=$B$17,14,0)+IF('Standard Profiles'!$G$21=$B$24,21,0),MOD($C6596,24)+1)/SUM(INDEX($D$3:$AA$30,INDEX(Jesper!$R$2:$R$366,ROW(INDEX(Jesper!AK$2:AK$366,ROUNDDOWN($C6596/24,0)+1,1))-1)+IF('Standard Profiles'!$G$21=$B$10,7,0)+IF('Standard Profiles'!$G$21=$B$17,14,0)+IF('Standard Profiles'!$G$21=$B$24,21,0),0)),0)</f>
        <v>0</v>
      </c>
      <c r="H6596" cm="1">
        <f t="array" ref="H6596">IFERROR(INDEX(Jesper!AL$2:AL$366,ROUNDDOWN($C6596/24,0)+1,1)*INDEX($D$3:$AA$30,INDEX(Jesper!$R$2:$R$366,ROW(INDEX(Jesper!AL$2:AL$366,ROUNDDOWN($C6596/24,0)+1,1))-1)+IF('Standard Profiles'!$G$22=$B$10,7,0)+IF('Standard Profiles'!$G$22=$B$17,14,0)+IF('Standard Profiles'!$G$22=$B$24,21,0),MOD($C6596,24)+1)/SUM(INDEX($D$3:$AA$30,INDEX(Jesper!$R$2:$R$366,ROW(INDEX(Jesper!AL$2:AL$366,ROUNDDOWN($C6596/24,0)+1,1))-1)+IF('Standard Profiles'!$G$22=$B$10,7,0)+IF('Standard Profiles'!$G$22=$B$17,14,0)+IF('Standard Profiles'!$G$22=$B$24,21,0),0)),0)</f>
        <v>0</v>
      </c>
      <c r="I6596">
        <f t="shared" si="734"/>
        <v>0.38761725128231572</v>
      </c>
      <c r="J6596">
        <f t="shared" si="735"/>
        <v>1.2920575042743858</v>
      </c>
      <c r="K6596">
        <f t="shared" si="736"/>
        <v>1.9380862564115786</v>
      </c>
      <c r="L6596">
        <f t="shared" si="737"/>
        <v>9.3028140307755773</v>
      </c>
      <c r="M6596">
        <f t="shared" si="738"/>
        <v>0</v>
      </c>
      <c r="N6596" s="46">
        <f t="shared" si="739"/>
        <v>45565.416666650752</v>
      </c>
    </row>
    <row r="6597" spans="2:14" x14ac:dyDescent="0.3">
      <c r="B6597">
        <f t="shared" si="733"/>
        <v>1</v>
      </c>
      <c r="C6597" s="16">
        <v>6563</v>
      </c>
      <c r="D6597" cm="1">
        <f t="array" ref="D6597">IFERROR(INDEX(Jesper!AH$2:AH$366,ROUNDDOWN($C6597/24,0)+1,1)*INDEX($D$3:$AA$30,INDEX(Jesper!$R$2:$R$366,ROW(INDEX(Jesper!AH$2:AH$366,ROUNDDOWN($C6597/24,0)+1,1))-1)+IF('Standard Profiles'!$G$18=$B$10,7,0)+IF('Standard Profiles'!$G$18=$B$17,14,0)+IF('Standard Profiles'!$G$18=$B$24,21,0),MOD($C6597,24)+1)/SUM(INDEX($D$3:$AA$30,INDEX(Jesper!$R$2:$R$366,ROW(INDEX(Jesper!AH$2:AH$366,ROUNDDOWN($C6597/24,0)+1,1))-1)+IF('Standard Profiles'!$G$18=$B$10,7,0)+IF('Standard Profiles'!$G$18=$B$17,14,0)+IF('Standard Profiles'!$G$18=$B$24,21,0),0)),0)</f>
        <v>16.407079419357281</v>
      </c>
      <c r="E6597" cm="1">
        <f t="array" ref="E6597">IFERROR(INDEX(Jesper!AI$2:AI$366,ROUNDDOWN($C6597/24,0)+1,1)*INDEX($D$3:$AA$30,INDEX(Jesper!$R$2:$R$366,ROW(INDEX(Jesper!AI$2:AI$366,ROUNDDOWN($C6597/24,0)+1,1))-1)+IF('Standard Profiles'!$G$19=$B$10,7,0)+IF('Standard Profiles'!$G$19=$B$17,14,0)+IF('Standard Profiles'!$G$19=$B$24,21,0),MOD($C6597,24)+1)/SUM(INDEX($D$3:$AA$30,INDEX(Jesper!$R$2:$R$366,ROW(INDEX(Jesper!AI$2:AI$366,ROUNDDOWN($C6597/24,0)+1,1))-1)+IF('Standard Profiles'!$G$19=$B$10,7,0)+IF('Standard Profiles'!$G$19=$B$17,14,0)+IF('Standard Profiles'!$G$19=$B$24,21,0),0)),0)</f>
        <v>0</v>
      </c>
      <c r="F6597" cm="1">
        <f t="array" ref="F6597">IFERROR(INDEX(Jesper!AJ$2:AJ$366,ROUNDDOWN($C6597/24,0)+1,1)*INDEX($D$3:$AA$30,INDEX(Jesper!$R$2:$R$366,ROW(INDEX(Jesper!AJ$2:AJ$366,ROUNDDOWN($C6597/24,0)+1,1))-1)+IF('Standard Profiles'!$G$20=$B$10,7,0)+IF('Standard Profiles'!$G$20=$B$17,14,0)+IF('Standard Profiles'!$G$20=$B$24,21,0),MOD($C6597,24)+1)/SUM(INDEX($D$3:$AA$30,INDEX(Jesper!$R$2:$R$366,ROW(INDEX(Jesper!AJ$2:AJ$366,ROUNDDOWN($C6597/24,0)+1,1))-1)+IF('Standard Profiles'!$G$20=$B$10,7,0)+IF('Standard Profiles'!$G$20=$B$17,14,0)+IF('Standard Profiles'!$G$20=$B$24,21,0),0)),0)</f>
        <v>0</v>
      </c>
      <c r="G6597" cm="1">
        <f t="array" ref="G6597">IFERROR(INDEX(Jesper!AK$2:AK$366,ROUNDDOWN($C6597/24,0)+1,1)*INDEX($D$3:$AA$30,INDEX(Jesper!$R$2:$R$366,ROW(INDEX(Jesper!AK$2:AK$366,ROUNDDOWN($C6597/24,0)+1,1))-1)+IF('Standard Profiles'!$G$21=$B$10,7,0)+IF('Standard Profiles'!$G$21=$B$17,14,0)+IF('Standard Profiles'!$G$21=$B$24,21,0),MOD($C6597,24)+1)/SUM(INDEX($D$3:$AA$30,INDEX(Jesper!$R$2:$R$366,ROW(INDEX(Jesper!AK$2:AK$366,ROUNDDOWN($C6597/24,0)+1,1))-1)+IF('Standard Profiles'!$G$21=$B$10,7,0)+IF('Standard Profiles'!$G$21=$B$17,14,0)+IF('Standard Profiles'!$G$21=$B$24,21,0),0)),0)</f>
        <v>0</v>
      </c>
      <c r="H6597" cm="1">
        <f t="array" ref="H6597">IFERROR(INDEX(Jesper!AL$2:AL$366,ROUNDDOWN($C6597/24,0)+1,1)*INDEX($D$3:$AA$30,INDEX(Jesper!$R$2:$R$366,ROW(INDEX(Jesper!AL$2:AL$366,ROUNDDOWN($C6597/24,0)+1,1))-1)+IF('Standard Profiles'!$G$22=$B$10,7,0)+IF('Standard Profiles'!$G$22=$B$17,14,0)+IF('Standard Profiles'!$G$22=$B$24,21,0),MOD($C6597,24)+1)/SUM(INDEX($D$3:$AA$30,INDEX(Jesper!$R$2:$R$366,ROW(INDEX(Jesper!AL$2:AL$366,ROUNDDOWN($C6597/24,0)+1,1))-1)+IF('Standard Profiles'!$G$22=$B$10,7,0)+IF('Standard Profiles'!$G$22=$B$17,14,0)+IF('Standard Profiles'!$G$22=$B$24,21,0),0)),0)</f>
        <v>0</v>
      </c>
      <c r="I6597">
        <f t="shared" si="734"/>
        <v>0.49221238258071842</v>
      </c>
      <c r="J6597">
        <f t="shared" si="735"/>
        <v>1.6407079419357282</v>
      </c>
      <c r="K6597">
        <f t="shared" si="736"/>
        <v>2.4610619129035922</v>
      </c>
      <c r="L6597">
        <f t="shared" si="737"/>
        <v>11.813097181937241</v>
      </c>
      <c r="M6597">
        <f t="shared" si="738"/>
        <v>0</v>
      </c>
      <c r="N6597" s="46">
        <f t="shared" si="739"/>
        <v>45565.458333317416</v>
      </c>
    </row>
    <row r="6598" spans="2:14" x14ac:dyDescent="0.3">
      <c r="B6598">
        <f t="shared" si="733"/>
        <v>1</v>
      </c>
      <c r="C6598" s="16">
        <v>6564</v>
      </c>
      <c r="D6598" cm="1">
        <f t="array" ref="D6598">IFERROR(INDEX(Jesper!AH$2:AH$366,ROUNDDOWN($C6598/24,0)+1,1)*INDEX($D$3:$AA$30,INDEX(Jesper!$R$2:$R$366,ROW(INDEX(Jesper!AH$2:AH$366,ROUNDDOWN($C6598/24,0)+1,1))-1)+IF('Standard Profiles'!$G$18=$B$10,7,0)+IF('Standard Profiles'!$G$18=$B$17,14,0)+IF('Standard Profiles'!$G$18=$B$24,21,0),MOD($C6598,24)+1)/SUM(INDEX($D$3:$AA$30,INDEX(Jesper!$R$2:$R$366,ROW(INDEX(Jesper!AH$2:AH$366,ROUNDDOWN($C6598/24,0)+1,1))-1)+IF('Standard Profiles'!$G$18=$B$10,7,0)+IF('Standard Profiles'!$G$18=$B$17,14,0)+IF('Standard Profiles'!$G$18=$B$24,21,0),0)),0)</f>
        <v>16.407079419357281</v>
      </c>
      <c r="E6598" cm="1">
        <f t="array" ref="E6598">IFERROR(INDEX(Jesper!AI$2:AI$366,ROUNDDOWN($C6598/24,0)+1,1)*INDEX($D$3:$AA$30,INDEX(Jesper!$R$2:$R$366,ROW(INDEX(Jesper!AI$2:AI$366,ROUNDDOWN($C6598/24,0)+1,1))-1)+IF('Standard Profiles'!$G$19=$B$10,7,0)+IF('Standard Profiles'!$G$19=$B$17,14,0)+IF('Standard Profiles'!$G$19=$B$24,21,0),MOD($C6598,24)+1)/SUM(INDEX($D$3:$AA$30,INDEX(Jesper!$R$2:$R$366,ROW(INDEX(Jesper!AI$2:AI$366,ROUNDDOWN($C6598/24,0)+1,1))-1)+IF('Standard Profiles'!$G$19=$B$10,7,0)+IF('Standard Profiles'!$G$19=$B$17,14,0)+IF('Standard Profiles'!$G$19=$B$24,21,0),0)),0)</f>
        <v>0</v>
      </c>
      <c r="F6598" cm="1">
        <f t="array" ref="F6598">IFERROR(INDEX(Jesper!AJ$2:AJ$366,ROUNDDOWN($C6598/24,0)+1,1)*INDEX($D$3:$AA$30,INDEX(Jesper!$R$2:$R$366,ROW(INDEX(Jesper!AJ$2:AJ$366,ROUNDDOWN($C6598/24,0)+1,1))-1)+IF('Standard Profiles'!$G$20=$B$10,7,0)+IF('Standard Profiles'!$G$20=$B$17,14,0)+IF('Standard Profiles'!$G$20=$B$24,21,0),MOD($C6598,24)+1)/SUM(INDEX($D$3:$AA$30,INDEX(Jesper!$R$2:$R$366,ROW(INDEX(Jesper!AJ$2:AJ$366,ROUNDDOWN($C6598/24,0)+1,1))-1)+IF('Standard Profiles'!$G$20=$B$10,7,0)+IF('Standard Profiles'!$G$20=$B$17,14,0)+IF('Standard Profiles'!$G$20=$B$24,21,0),0)),0)</f>
        <v>0</v>
      </c>
      <c r="G6598" cm="1">
        <f t="array" ref="G6598">IFERROR(INDEX(Jesper!AK$2:AK$366,ROUNDDOWN($C6598/24,0)+1,1)*INDEX($D$3:$AA$30,INDEX(Jesper!$R$2:$R$366,ROW(INDEX(Jesper!AK$2:AK$366,ROUNDDOWN($C6598/24,0)+1,1))-1)+IF('Standard Profiles'!$G$21=$B$10,7,0)+IF('Standard Profiles'!$G$21=$B$17,14,0)+IF('Standard Profiles'!$G$21=$B$24,21,0),MOD($C6598,24)+1)/SUM(INDEX($D$3:$AA$30,INDEX(Jesper!$R$2:$R$366,ROW(INDEX(Jesper!AK$2:AK$366,ROUNDDOWN($C6598/24,0)+1,1))-1)+IF('Standard Profiles'!$G$21=$B$10,7,0)+IF('Standard Profiles'!$G$21=$B$17,14,0)+IF('Standard Profiles'!$G$21=$B$24,21,0),0)),0)</f>
        <v>0</v>
      </c>
      <c r="H6598" cm="1">
        <f t="array" ref="H6598">IFERROR(INDEX(Jesper!AL$2:AL$366,ROUNDDOWN($C6598/24,0)+1,1)*INDEX($D$3:$AA$30,INDEX(Jesper!$R$2:$R$366,ROW(INDEX(Jesper!AL$2:AL$366,ROUNDDOWN($C6598/24,0)+1,1))-1)+IF('Standard Profiles'!$G$22=$B$10,7,0)+IF('Standard Profiles'!$G$22=$B$17,14,0)+IF('Standard Profiles'!$G$22=$B$24,21,0),MOD($C6598,24)+1)/SUM(INDEX($D$3:$AA$30,INDEX(Jesper!$R$2:$R$366,ROW(INDEX(Jesper!AL$2:AL$366,ROUNDDOWN($C6598/24,0)+1,1))-1)+IF('Standard Profiles'!$G$22=$B$10,7,0)+IF('Standard Profiles'!$G$22=$B$17,14,0)+IF('Standard Profiles'!$G$22=$B$24,21,0),0)),0)</f>
        <v>0</v>
      </c>
      <c r="I6598">
        <f t="shared" si="734"/>
        <v>0.49221238258071842</v>
      </c>
      <c r="J6598">
        <f t="shared" si="735"/>
        <v>1.6407079419357282</v>
      </c>
      <c r="K6598">
        <f t="shared" si="736"/>
        <v>2.4610619129035922</v>
      </c>
      <c r="L6598">
        <f t="shared" si="737"/>
        <v>11.813097181937241</v>
      </c>
      <c r="M6598">
        <f t="shared" si="738"/>
        <v>0</v>
      </c>
      <c r="N6598" s="46">
        <f t="shared" si="739"/>
        <v>45565.49999998408</v>
      </c>
    </row>
    <row r="6599" spans="2:14" x14ac:dyDescent="0.3">
      <c r="B6599">
        <f t="shared" si="733"/>
        <v>1</v>
      </c>
      <c r="C6599" s="16">
        <v>6565</v>
      </c>
      <c r="D6599" cm="1">
        <f t="array" ref="D6599">IFERROR(INDEX(Jesper!AH$2:AH$366,ROUNDDOWN($C6599/24,0)+1,1)*INDEX($D$3:$AA$30,INDEX(Jesper!$R$2:$R$366,ROW(INDEX(Jesper!AH$2:AH$366,ROUNDDOWN($C6599/24,0)+1,1))-1)+IF('Standard Profiles'!$G$18=$B$10,7,0)+IF('Standard Profiles'!$G$18=$B$17,14,0)+IF('Standard Profiles'!$G$18=$B$24,21,0),MOD($C6599,24)+1)/SUM(INDEX($D$3:$AA$30,INDEX(Jesper!$R$2:$R$366,ROW(INDEX(Jesper!AH$2:AH$366,ROUNDDOWN($C6599/24,0)+1,1))-1)+IF('Standard Profiles'!$G$18=$B$10,7,0)+IF('Standard Profiles'!$G$18=$B$17,14,0)+IF('Standard Profiles'!$G$18=$B$24,21,0),0)),0)</f>
        <v>10.869690115324198</v>
      </c>
      <c r="E6599" cm="1">
        <f t="array" ref="E6599">IFERROR(INDEX(Jesper!AI$2:AI$366,ROUNDDOWN($C6599/24,0)+1,1)*INDEX($D$3:$AA$30,INDEX(Jesper!$R$2:$R$366,ROW(INDEX(Jesper!AI$2:AI$366,ROUNDDOWN($C6599/24,0)+1,1))-1)+IF('Standard Profiles'!$G$19=$B$10,7,0)+IF('Standard Profiles'!$G$19=$B$17,14,0)+IF('Standard Profiles'!$G$19=$B$24,21,0),MOD($C6599,24)+1)/SUM(INDEX($D$3:$AA$30,INDEX(Jesper!$R$2:$R$366,ROW(INDEX(Jesper!AI$2:AI$366,ROUNDDOWN($C6599/24,0)+1,1))-1)+IF('Standard Profiles'!$G$19=$B$10,7,0)+IF('Standard Profiles'!$G$19=$B$17,14,0)+IF('Standard Profiles'!$G$19=$B$24,21,0),0)),0)</f>
        <v>0</v>
      </c>
      <c r="F6599" cm="1">
        <f t="array" ref="F6599">IFERROR(INDEX(Jesper!AJ$2:AJ$366,ROUNDDOWN($C6599/24,0)+1,1)*INDEX($D$3:$AA$30,INDEX(Jesper!$R$2:$R$366,ROW(INDEX(Jesper!AJ$2:AJ$366,ROUNDDOWN($C6599/24,0)+1,1))-1)+IF('Standard Profiles'!$G$20=$B$10,7,0)+IF('Standard Profiles'!$G$20=$B$17,14,0)+IF('Standard Profiles'!$G$20=$B$24,21,0),MOD($C6599,24)+1)/SUM(INDEX($D$3:$AA$30,INDEX(Jesper!$R$2:$R$366,ROW(INDEX(Jesper!AJ$2:AJ$366,ROUNDDOWN($C6599/24,0)+1,1))-1)+IF('Standard Profiles'!$G$20=$B$10,7,0)+IF('Standard Profiles'!$G$20=$B$17,14,0)+IF('Standard Profiles'!$G$20=$B$24,21,0),0)),0)</f>
        <v>0</v>
      </c>
      <c r="G6599" cm="1">
        <f t="array" ref="G6599">IFERROR(INDEX(Jesper!AK$2:AK$366,ROUNDDOWN($C6599/24,0)+1,1)*INDEX($D$3:$AA$30,INDEX(Jesper!$R$2:$R$366,ROW(INDEX(Jesper!AK$2:AK$366,ROUNDDOWN($C6599/24,0)+1,1))-1)+IF('Standard Profiles'!$G$21=$B$10,7,0)+IF('Standard Profiles'!$G$21=$B$17,14,0)+IF('Standard Profiles'!$G$21=$B$24,21,0),MOD($C6599,24)+1)/SUM(INDEX($D$3:$AA$30,INDEX(Jesper!$R$2:$R$366,ROW(INDEX(Jesper!AK$2:AK$366,ROUNDDOWN($C6599/24,0)+1,1))-1)+IF('Standard Profiles'!$G$21=$B$10,7,0)+IF('Standard Profiles'!$G$21=$B$17,14,0)+IF('Standard Profiles'!$G$21=$B$24,21,0),0)),0)</f>
        <v>0</v>
      </c>
      <c r="H6599" cm="1">
        <f t="array" ref="H6599">IFERROR(INDEX(Jesper!AL$2:AL$366,ROUNDDOWN($C6599/24,0)+1,1)*INDEX($D$3:$AA$30,INDEX(Jesper!$R$2:$R$366,ROW(INDEX(Jesper!AL$2:AL$366,ROUNDDOWN($C6599/24,0)+1,1))-1)+IF('Standard Profiles'!$G$22=$B$10,7,0)+IF('Standard Profiles'!$G$22=$B$17,14,0)+IF('Standard Profiles'!$G$22=$B$24,21,0),MOD($C6599,24)+1)/SUM(INDEX($D$3:$AA$30,INDEX(Jesper!$R$2:$R$366,ROW(INDEX(Jesper!AL$2:AL$366,ROUNDDOWN($C6599/24,0)+1,1))-1)+IF('Standard Profiles'!$G$22=$B$10,7,0)+IF('Standard Profiles'!$G$22=$B$17,14,0)+IF('Standard Profiles'!$G$22=$B$24,21,0),0)),0)</f>
        <v>0</v>
      </c>
      <c r="I6599">
        <f t="shared" si="734"/>
        <v>0.32609070345972596</v>
      </c>
      <c r="J6599">
        <f t="shared" si="735"/>
        <v>1.08696901153242</v>
      </c>
      <c r="K6599">
        <f t="shared" si="736"/>
        <v>1.6304535172986296</v>
      </c>
      <c r="L6599">
        <f t="shared" si="737"/>
        <v>7.8261768830334226</v>
      </c>
      <c r="M6599">
        <f t="shared" si="738"/>
        <v>0</v>
      </c>
      <c r="N6599" s="46">
        <f t="shared" si="739"/>
        <v>45565.541666650744</v>
      </c>
    </row>
    <row r="6600" spans="2:14" x14ac:dyDescent="0.3">
      <c r="B6600">
        <f t="shared" si="733"/>
        <v>1</v>
      </c>
      <c r="C6600" s="16">
        <v>6566</v>
      </c>
      <c r="D6600" cm="1">
        <f t="array" ref="D6600">IFERROR(INDEX(Jesper!AH$2:AH$366,ROUNDDOWN($C6600/24,0)+1,1)*INDEX($D$3:$AA$30,INDEX(Jesper!$R$2:$R$366,ROW(INDEX(Jesper!AH$2:AH$366,ROUNDDOWN($C6600/24,0)+1,1))-1)+IF('Standard Profiles'!$G$18=$B$10,7,0)+IF('Standard Profiles'!$G$18=$B$17,14,0)+IF('Standard Profiles'!$G$18=$B$24,21,0),MOD($C6600,24)+1)/SUM(INDEX($D$3:$AA$30,INDEX(Jesper!$R$2:$R$366,ROW(INDEX(Jesper!AH$2:AH$366,ROUNDDOWN($C6600/24,0)+1,1))-1)+IF('Standard Profiles'!$G$18=$B$10,7,0)+IF('Standard Profiles'!$G$18=$B$17,14,0)+IF('Standard Profiles'!$G$18=$B$24,21,0),0)),0)</f>
        <v>16.407079419357281</v>
      </c>
      <c r="E6600" cm="1">
        <f t="array" ref="E6600">IFERROR(INDEX(Jesper!AI$2:AI$366,ROUNDDOWN($C6600/24,0)+1,1)*INDEX($D$3:$AA$30,INDEX(Jesper!$R$2:$R$366,ROW(INDEX(Jesper!AI$2:AI$366,ROUNDDOWN($C6600/24,0)+1,1))-1)+IF('Standard Profiles'!$G$19=$B$10,7,0)+IF('Standard Profiles'!$G$19=$B$17,14,0)+IF('Standard Profiles'!$G$19=$B$24,21,0),MOD($C6600,24)+1)/SUM(INDEX($D$3:$AA$30,INDEX(Jesper!$R$2:$R$366,ROW(INDEX(Jesper!AI$2:AI$366,ROUNDDOWN($C6600/24,0)+1,1))-1)+IF('Standard Profiles'!$G$19=$B$10,7,0)+IF('Standard Profiles'!$G$19=$B$17,14,0)+IF('Standard Profiles'!$G$19=$B$24,21,0),0)),0)</f>
        <v>0</v>
      </c>
      <c r="F6600" cm="1">
        <f t="array" ref="F6600">IFERROR(INDEX(Jesper!AJ$2:AJ$366,ROUNDDOWN($C6600/24,0)+1,1)*INDEX($D$3:$AA$30,INDEX(Jesper!$R$2:$R$366,ROW(INDEX(Jesper!AJ$2:AJ$366,ROUNDDOWN($C6600/24,0)+1,1))-1)+IF('Standard Profiles'!$G$20=$B$10,7,0)+IF('Standard Profiles'!$G$20=$B$17,14,0)+IF('Standard Profiles'!$G$20=$B$24,21,0),MOD($C6600,24)+1)/SUM(INDEX($D$3:$AA$30,INDEX(Jesper!$R$2:$R$366,ROW(INDEX(Jesper!AJ$2:AJ$366,ROUNDDOWN($C6600/24,0)+1,1))-1)+IF('Standard Profiles'!$G$20=$B$10,7,0)+IF('Standard Profiles'!$G$20=$B$17,14,0)+IF('Standard Profiles'!$G$20=$B$24,21,0),0)),0)</f>
        <v>0</v>
      </c>
      <c r="G6600" cm="1">
        <f t="array" ref="G6600">IFERROR(INDEX(Jesper!AK$2:AK$366,ROUNDDOWN($C6600/24,0)+1,1)*INDEX($D$3:$AA$30,INDEX(Jesper!$R$2:$R$366,ROW(INDEX(Jesper!AK$2:AK$366,ROUNDDOWN($C6600/24,0)+1,1))-1)+IF('Standard Profiles'!$G$21=$B$10,7,0)+IF('Standard Profiles'!$G$21=$B$17,14,0)+IF('Standard Profiles'!$G$21=$B$24,21,0),MOD($C6600,24)+1)/SUM(INDEX($D$3:$AA$30,INDEX(Jesper!$R$2:$R$366,ROW(INDEX(Jesper!AK$2:AK$366,ROUNDDOWN($C6600/24,0)+1,1))-1)+IF('Standard Profiles'!$G$21=$B$10,7,0)+IF('Standard Profiles'!$G$21=$B$17,14,0)+IF('Standard Profiles'!$G$21=$B$24,21,0),0)),0)</f>
        <v>0</v>
      </c>
      <c r="H6600" cm="1">
        <f t="array" ref="H6600">IFERROR(INDEX(Jesper!AL$2:AL$366,ROUNDDOWN($C6600/24,0)+1,1)*INDEX($D$3:$AA$30,INDEX(Jesper!$R$2:$R$366,ROW(INDEX(Jesper!AL$2:AL$366,ROUNDDOWN($C6600/24,0)+1,1))-1)+IF('Standard Profiles'!$G$22=$B$10,7,0)+IF('Standard Profiles'!$G$22=$B$17,14,0)+IF('Standard Profiles'!$G$22=$B$24,21,0),MOD($C6600,24)+1)/SUM(INDEX($D$3:$AA$30,INDEX(Jesper!$R$2:$R$366,ROW(INDEX(Jesper!AL$2:AL$366,ROUNDDOWN($C6600/24,0)+1,1))-1)+IF('Standard Profiles'!$G$22=$B$10,7,0)+IF('Standard Profiles'!$G$22=$B$17,14,0)+IF('Standard Profiles'!$G$22=$B$24,21,0),0)),0)</f>
        <v>0</v>
      </c>
      <c r="I6600">
        <f t="shared" si="734"/>
        <v>0.49221238258071842</v>
      </c>
      <c r="J6600">
        <f t="shared" si="735"/>
        <v>1.6407079419357282</v>
      </c>
      <c r="K6600">
        <f t="shared" si="736"/>
        <v>2.4610619129035922</v>
      </c>
      <c r="L6600">
        <f t="shared" si="737"/>
        <v>11.813097181937241</v>
      </c>
      <c r="M6600">
        <f t="shared" si="738"/>
        <v>0</v>
      </c>
      <c r="N6600" s="46">
        <f t="shared" si="739"/>
        <v>45565.583333317409</v>
      </c>
    </row>
    <row r="6601" spans="2:14" x14ac:dyDescent="0.3">
      <c r="B6601">
        <f t="shared" si="733"/>
        <v>1</v>
      </c>
      <c r="C6601" s="16">
        <v>6567</v>
      </c>
      <c r="D6601" cm="1">
        <f t="array" ref="D6601">IFERROR(INDEX(Jesper!AH$2:AH$366,ROUNDDOWN($C6601/24,0)+1,1)*INDEX($D$3:$AA$30,INDEX(Jesper!$R$2:$R$366,ROW(INDEX(Jesper!AH$2:AH$366,ROUNDDOWN($C6601/24,0)+1,1))-1)+IF('Standard Profiles'!$G$18=$B$10,7,0)+IF('Standard Profiles'!$G$18=$B$17,14,0)+IF('Standard Profiles'!$G$18=$B$24,21,0),MOD($C6601,24)+1)/SUM(INDEX($D$3:$AA$30,INDEX(Jesper!$R$2:$R$366,ROW(INDEX(Jesper!AH$2:AH$366,ROUNDDOWN($C6601/24,0)+1,1))-1)+IF('Standard Profiles'!$G$18=$B$10,7,0)+IF('Standard Profiles'!$G$18=$B$17,14,0)+IF('Standard Profiles'!$G$18=$B$24,21,0),0)),0)</f>
        <v>16.407079419357281</v>
      </c>
      <c r="E6601" cm="1">
        <f t="array" ref="E6601">IFERROR(INDEX(Jesper!AI$2:AI$366,ROUNDDOWN($C6601/24,0)+1,1)*INDEX($D$3:$AA$30,INDEX(Jesper!$R$2:$R$366,ROW(INDEX(Jesper!AI$2:AI$366,ROUNDDOWN($C6601/24,0)+1,1))-1)+IF('Standard Profiles'!$G$19=$B$10,7,0)+IF('Standard Profiles'!$G$19=$B$17,14,0)+IF('Standard Profiles'!$G$19=$B$24,21,0),MOD($C6601,24)+1)/SUM(INDEX($D$3:$AA$30,INDEX(Jesper!$R$2:$R$366,ROW(INDEX(Jesper!AI$2:AI$366,ROUNDDOWN($C6601/24,0)+1,1))-1)+IF('Standard Profiles'!$G$19=$B$10,7,0)+IF('Standard Profiles'!$G$19=$B$17,14,0)+IF('Standard Profiles'!$G$19=$B$24,21,0),0)),0)</f>
        <v>0</v>
      </c>
      <c r="F6601" cm="1">
        <f t="array" ref="F6601">IFERROR(INDEX(Jesper!AJ$2:AJ$366,ROUNDDOWN($C6601/24,0)+1,1)*INDEX($D$3:$AA$30,INDEX(Jesper!$R$2:$R$366,ROW(INDEX(Jesper!AJ$2:AJ$366,ROUNDDOWN($C6601/24,0)+1,1))-1)+IF('Standard Profiles'!$G$20=$B$10,7,0)+IF('Standard Profiles'!$G$20=$B$17,14,0)+IF('Standard Profiles'!$G$20=$B$24,21,0),MOD($C6601,24)+1)/SUM(INDEX($D$3:$AA$30,INDEX(Jesper!$R$2:$R$366,ROW(INDEX(Jesper!AJ$2:AJ$366,ROUNDDOWN($C6601/24,0)+1,1))-1)+IF('Standard Profiles'!$G$20=$B$10,7,0)+IF('Standard Profiles'!$G$20=$B$17,14,0)+IF('Standard Profiles'!$G$20=$B$24,21,0),0)),0)</f>
        <v>0</v>
      </c>
      <c r="G6601" cm="1">
        <f t="array" ref="G6601">IFERROR(INDEX(Jesper!AK$2:AK$366,ROUNDDOWN($C6601/24,0)+1,1)*INDEX($D$3:$AA$30,INDEX(Jesper!$R$2:$R$366,ROW(INDEX(Jesper!AK$2:AK$366,ROUNDDOWN($C6601/24,0)+1,1))-1)+IF('Standard Profiles'!$G$21=$B$10,7,0)+IF('Standard Profiles'!$G$21=$B$17,14,0)+IF('Standard Profiles'!$G$21=$B$24,21,0),MOD($C6601,24)+1)/SUM(INDEX($D$3:$AA$30,INDEX(Jesper!$R$2:$R$366,ROW(INDEX(Jesper!AK$2:AK$366,ROUNDDOWN($C6601/24,0)+1,1))-1)+IF('Standard Profiles'!$G$21=$B$10,7,0)+IF('Standard Profiles'!$G$21=$B$17,14,0)+IF('Standard Profiles'!$G$21=$B$24,21,0),0)),0)</f>
        <v>0</v>
      </c>
      <c r="H6601" cm="1">
        <f t="array" ref="H6601">IFERROR(INDEX(Jesper!AL$2:AL$366,ROUNDDOWN($C6601/24,0)+1,1)*INDEX($D$3:$AA$30,INDEX(Jesper!$R$2:$R$366,ROW(INDEX(Jesper!AL$2:AL$366,ROUNDDOWN($C6601/24,0)+1,1))-1)+IF('Standard Profiles'!$G$22=$B$10,7,0)+IF('Standard Profiles'!$G$22=$B$17,14,0)+IF('Standard Profiles'!$G$22=$B$24,21,0),MOD($C6601,24)+1)/SUM(INDEX($D$3:$AA$30,INDEX(Jesper!$R$2:$R$366,ROW(INDEX(Jesper!AL$2:AL$366,ROUNDDOWN($C6601/24,0)+1,1))-1)+IF('Standard Profiles'!$G$22=$B$10,7,0)+IF('Standard Profiles'!$G$22=$B$17,14,0)+IF('Standard Profiles'!$G$22=$B$24,21,0),0)),0)</f>
        <v>0</v>
      </c>
      <c r="I6601">
        <f t="shared" si="734"/>
        <v>0.49221238258071842</v>
      </c>
      <c r="J6601">
        <f t="shared" si="735"/>
        <v>1.6407079419357282</v>
      </c>
      <c r="K6601">
        <f t="shared" si="736"/>
        <v>2.4610619129035922</v>
      </c>
      <c r="L6601">
        <f t="shared" si="737"/>
        <v>11.813097181937241</v>
      </c>
      <c r="M6601">
        <f t="shared" si="738"/>
        <v>0</v>
      </c>
      <c r="N6601" s="46">
        <f t="shared" si="739"/>
        <v>45565.624999984073</v>
      </c>
    </row>
    <row r="6602" spans="2:14" x14ac:dyDescent="0.3">
      <c r="B6602">
        <f t="shared" si="733"/>
        <v>1</v>
      </c>
      <c r="C6602" s="16">
        <v>6568</v>
      </c>
      <c r="D6602" cm="1">
        <f t="array" ref="D6602">IFERROR(INDEX(Jesper!AH$2:AH$366,ROUNDDOWN($C6602/24,0)+1,1)*INDEX($D$3:$AA$30,INDEX(Jesper!$R$2:$R$366,ROW(INDEX(Jesper!AH$2:AH$366,ROUNDDOWN($C6602/24,0)+1,1))-1)+IF('Standard Profiles'!$G$18=$B$10,7,0)+IF('Standard Profiles'!$G$18=$B$17,14,0)+IF('Standard Profiles'!$G$18=$B$24,21,0),MOD($C6602,24)+1)/SUM(INDEX($D$3:$AA$30,INDEX(Jesper!$R$2:$R$366,ROW(INDEX(Jesper!AH$2:AH$366,ROUNDDOWN($C6602/24,0)+1,1))-1)+IF('Standard Profiles'!$G$18=$B$10,7,0)+IF('Standard Profiles'!$G$18=$B$17,14,0)+IF('Standard Profiles'!$G$18=$B$24,21,0),0)),0)</f>
        <v>16.407079419357281</v>
      </c>
      <c r="E6602" cm="1">
        <f t="array" ref="E6602">IFERROR(INDEX(Jesper!AI$2:AI$366,ROUNDDOWN($C6602/24,0)+1,1)*INDEX($D$3:$AA$30,INDEX(Jesper!$R$2:$R$366,ROW(INDEX(Jesper!AI$2:AI$366,ROUNDDOWN($C6602/24,0)+1,1))-1)+IF('Standard Profiles'!$G$19=$B$10,7,0)+IF('Standard Profiles'!$G$19=$B$17,14,0)+IF('Standard Profiles'!$G$19=$B$24,21,0),MOD($C6602,24)+1)/SUM(INDEX($D$3:$AA$30,INDEX(Jesper!$R$2:$R$366,ROW(INDEX(Jesper!AI$2:AI$366,ROUNDDOWN($C6602/24,0)+1,1))-1)+IF('Standard Profiles'!$G$19=$B$10,7,0)+IF('Standard Profiles'!$G$19=$B$17,14,0)+IF('Standard Profiles'!$G$19=$B$24,21,0),0)),0)</f>
        <v>0</v>
      </c>
      <c r="F6602" cm="1">
        <f t="array" ref="F6602">IFERROR(INDEX(Jesper!AJ$2:AJ$366,ROUNDDOWN($C6602/24,0)+1,1)*INDEX($D$3:$AA$30,INDEX(Jesper!$R$2:$R$366,ROW(INDEX(Jesper!AJ$2:AJ$366,ROUNDDOWN($C6602/24,0)+1,1))-1)+IF('Standard Profiles'!$G$20=$B$10,7,0)+IF('Standard Profiles'!$G$20=$B$17,14,0)+IF('Standard Profiles'!$G$20=$B$24,21,0),MOD($C6602,24)+1)/SUM(INDEX($D$3:$AA$30,INDEX(Jesper!$R$2:$R$366,ROW(INDEX(Jesper!AJ$2:AJ$366,ROUNDDOWN($C6602/24,0)+1,1))-1)+IF('Standard Profiles'!$G$20=$B$10,7,0)+IF('Standard Profiles'!$G$20=$B$17,14,0)+IF('Standard Profiles'!$G$20=$B$24,21,0),0)),0)</f>
        <v>0</v>
      </c>
      <c r="G6602" cm="1">
        <f t="array" ref="G6602">IFERROR(INDEX(Jesper!AK$2:AK$366,ROUNDDOWN($C6602/24,0)+1,1)*INDEX($D$3:$AA$30,INDEX(Jesper!$R$2:$R$366,ROW(INDEX(Jesper!AK$2:AK$366,ROUNDDOWN($C6602/24,0)+1,1))-1)+IF('Standard Profiles'!$G$21=$B$10,7,0)+IF('Standard Profiles'!$G$21=$B$17,14,0)+IF('Standard Profiles'!$G$21=$B$24,21,0),MOD($C6602,24)+1)/SUM(INDEX($D$3:$AA$30,INDEX(Jesper!$R$2:$R$366,ROW(INDEX(Jesper!AK$2:AK$366,ROUNDDOWN($C6602/24,0)+1,1))-1)+IF('Standard Profiles'!$G$21=$B$10,7,0)+IF('Standard Profiles'!$G$21=$B$17,14,0)+IF('Standard Profiles'!$G$21=$B$24,21,0),0)),0)</f>
        <v>0</v>
      </c>
      <c r="H6602" cm="1">
        <f t="array" ref="H6602">IFERROR(INDEX(Jesper!AL$2:AL$366,ROUNDDOWN($C6602/24,0)+1,1)*INDEX($D$3:$AA$30,INDEX(Jesper!$R$2:$R$366,ROW(INDEX(Jesper!AL$2:AL$366,ROUNDDOWN($C6602/24,0)+1,1))-1)+IF('Standard Profiles'!$G$22=$B$10,7,0)+IF('Standard Profiles'!$G$22=$B$17,14,0)+IF('Standard Profiles'!$G$22=$B$24,21,0),MOD($C6602,24)+1)/SUM(INDEX($D$3:$AA$30,INDEX(Jesper!$R$2:$R$366,ROW(INDEX(Jesper!AL$2:AL$366,ROUNDDOWN($C6602/24,0)+1,1))-1)+IF('Standard Profiles'!$G$22=$B$10,7,0)+IF('Standard Profiles'!$G$22=$B$17,14,0)+IF('Standard Profiles'!$G$22=$B$24,21,0),0)),0)</f>
        <v>0</v>
      </c>
      <c r="I6602">
        <f t="shared" si="734"/>
        <v>0.49221238258071842</v>
      </c>
      <c r="J6602">
        <f t="shared" si="735"/>
        <v>1.6407079419357282</v>
      </c>
      <c r="K6602">
        <f t="shared" si="736"/>
        <v>2.4610619129035922</v>
      </c>
      <c r="L6602">
        <f t="shared" si="737"/>
        <v>11.813097181937241</v>
      </c>
      <c r="M6602">
        <f t="shared" si="738"/>
        <v>0</v>
      </c>
      <c r="N6602" s="46">
        <f t="shared" si="739"/>
        <v>45565.666666650737</v>
      </c>
    </row>
    <row r="6603" spans="2:14" x14ac:dyDescent="0.3">
      <c r="B6603">
        <f t="shared" si="733"/>
        <v>1</v>
      </c>
      <c r="C6603" s="16">
        <v>6569</v>
      </c>
      <c r="D6603" cm="1">
        <f t="array" ref="D6603">IFERROR(INDEX(Jesper!AH$2:AH$366,ROUNDDOWN($C6603/24,0)+1,1)*INDEX($D$3:$AA$30,INDEX(Jesper!$R$2:$R$366,ROW(INDEX(Jesper!AH$2:AH$366,ROUNDDOWN($C6603/24,0)+1,1))-1)+IF('Standard Profiles'!$G$18=$B$10,7,0)+IF('Standard Profiles'!$G$18=$B$17,14,0)+IF('Standard Profiles'!$G$18=$B$24,21,0),MOD($C6603,24)+1)/SUM(INDEX($D$3:$AA$30,INDEX(Jesper!$R$2:$R$366,ROW(INDEX(Jesper!AH$2:AH$366,ROUNDDOWN($C6603/24,0)+1,1))-1)+IF('Standard Profiles'!$G$18=$B$10,7,0)+IF('Standard Profiles'!$G$18=$B$17,14,0)+IF('Standard Profiles'!$G$18=$B$24,21,0),0)),0)</f>
        <v>16.407079419357281</v>
      </c>
      <c r="E6603" cm="1">
        <f t="array" ref="E6603">IFERROR(INDEX(Jesper!AI$2:AI$366,ROUNDDOWN($C6603/24,0)+1,1)*INDEX($D$3:$AA$30,INDEX(Jesper!$R$2:$R$366,ROW(INDEX(Jesper!AI$2:AI$366,ROUNDDOWN($C6603/24,0)+1,1))-1)+IF('Standard Profiles'!$G$19=$B$10,7,0)+IF('Standard Profiles'!$G$19=$B$17,14,0)+IF('Standard Profiles'!$G$19=$B$24,21,0),MOD($C6603,24)+1)/SUM(INDEX($D$3:$AA$30,INDEX(Jesper!$R$2:$R$366,ROW(INDEX(Jesper!AI$2:AI$366,ROUNDDOWN($C6603/24,0)+1,1))-1)+IF('Standard Profiles'!$G$19=$B$10,7,0)+IF('Standard Profiles'!$G$19=$B$17,14,0)+IF('Standard Profiles'!$G$19=$B$24,21,0),0)),0)</f>
        <v>0</v>
      </c>
      <c r="F6603" cm="1">
        <f t="array" ref="F6603">IFERROR(INDEX(Jesper!AJ$2:AJ$366,ROUNDDOWN($C6603/24,0)+1,1)*INDEX($D$3:$AA$30,INDEX(Jesper!$R$2:$R$366,ROW(INDEX(Jesper!AJ$2:AJ$366,ROUNDDOWN($C6603/24,0)+1,1))-1)+IF('Standard Profiles'!$G$20=$B$10,7,0)+IF('Standard Profiles'!$G$20=$B$17,14,0)+IF('Standard Profiles'!$G$20=$B$24,21,0),MOD($C6603,24)+1)/SUM(INDEX($D$3:$AA$30,INDEX(Jesper!$R$2:$R$366,ROW(INDEX(Jesper!AJ$2:AJ$366,ROUNDDOWN($C6603/24,0)+1,1))-1)+IF('Standard Profiles'!$G$20=$B$10,7,0)+IF('Standard Profiles'!$G$20=$B$17,14,0)+IF('Standard Profiles'!$G$20=$B$24,21,0),0)),0)</f>
        <v>0</v>
      </c>
      <c r="G6603" cm="1">
        <f t="array" ref="G6603">IFERROR(INDEX(Jesper!AK$2:AK$366,ROUNDDOWN($C6603/24,0)+1,1)*INDEX($D$3:$AA$30,INDEX(Jesper!$R$2:$R$366,ROW(INDEX(Jesper!AK$2:AK$366,ROUNDDOWN($C6603/24,0)+1,1))-1)+IF('Standard Profiles'!$G$21=$B$10,7,0)+IF('Standard Profiles'!$G$21=$B$17,14,0)+IF('Standard Profiles'!$G$21=$B$24,21,0),MOD($C6603,24)+1)/SUM(INDEX($D$3:$AA$30,INDEX(Jesper!$R$2:$R$366,ROW(INDEX(Jesper!AK$2:AK$366,ROUNDDOWN($C6603/24,0)+1,1))-1)+IF('Standard Profiles'!$G$21=$B$10,7,0)+IF('Standard Profiles'!$G$21=$B$17,14,0)+IF('Standard Profiles'!$G$21=$B$24,21,0),0)),0)</f>
        <v>0</v>
      </c>
      <c r="H6603" cm="1">
        <f t="array" ref="H6603">IFERROR(INDEX(Jesper!AL$2:AL$366,ROUNDDOWN($C6603/24,0)+1,1)*INDEX($D$3:$AA$30,INDEX(Jesper!$R$2:$R$366,ROW(INDEX(Jesper!AL$2:AL$366,ROUNDDOWN($C6603/24,0)+1,1))-1)+IF('Standard Profiles'!$G$22=$B$10,7,0)+IF('Standard Profiles'!$G$22=$B$17,14,0)+IF('Standard Profiles'!$G$22=$B$24,21,0),MOD($C6603,24)+1)/SUM(INDEX($D$3:$AA$30,INDEX(Jesper!$R$2:$R$366,ROW(INDEX(Jesper!AL$2:AL$366,ROUNDDOWN($C6603/24,0)+1,1))-1)+IF('Standard Profiles'!$G$22=$B$10,7,0)+IF('Standard Profiles'!$G$22=$B$17,14,0)+IF('Standard Profiles'!$G$22=$B$24,21,0),0)),0)</f>
        <v>0</v>
      </c>
      <c r="I6603">
        <f t="shared" si="734"/>
        <v>0.49221238258071842</v>
      </c>
      <c r="J6603">
        <f t="shared" si="735"/>
        <v>1.6407079419357282</v>
      </c>
      <c r="K6603">
        <f t="shared" si="736"/>
        <v>2.4610619129035922</v>
      </c>
      <c r="L6603">
        <f t="shared" si="737"/>
        <v>11.813097181937241</v>
      </c>
      <c r="M6603">
        <f t="shared" si="738"/>
        <v>0</v>
      </c>
      <c r="N6603" s="46">
        <f t="shared" si="739"/>
        <v>45565.708333317401</v>
      </c>
    </row>
    <row r="6604" spans="2:14" x14ac:dyDescent="0.3">
      <c r="B6604">
        <f t="shared" si="733"/>
        <v>1</v>
      </c>
      <c r="C6604" s="16">
        <v>6570</v>
      </c>
      <c r="D6604" cm="1">
        <f t="array" ref="D6604">IFERROR(INDEX(Jesper!AH$2:AH$366,ROUNDDOWN($C6604/24,0)+1,1)*INDEX($D$3:$AA$30,INDEX(Jesper!$R$2:$R$366,ROW(INDEX(Jesper!AH$2:AH$366,ROUNDDOWN($C6604/24,0)+1,1))-1)+IF('Standard Profiles'!$G$18=$B$10,7,0)+IF('Standard Profiles'!$G$18=$B$17,14,0)+IF('Standard Profiles'!$G$18=$B$24,21,0),MOD($C6604,24)+1)/SUM(INDEX($D$3:$AA$30,INDEX(Jesper!$R$2:$R$366,ROW(INDEX(Jesper!AH$2:AH$366,ROUNDDOWN($C6604/24,0)+1,1))-1)+IF('Standard Profiles'!$G$18=$B$10,7,0)+IF('Standard Profiles'!$G$18=$B$17,14,0)+IF('Standard Profiles'!$G$18=$B$24,21,0),0)),0)</f>
        <v>16.407079419357281</v>
      </c>
      <c r="E6604" cm="1">
        <f t="array" ref="E6604">IFERROR(INDEX(Jesper!AI$2:AI$366,ROUNDDOWN($C6604/24,0)+1,1)*INDEX($D$3:$AA$30,INDEX(Jesper!$R$2:$R$366,ROW(INDEX(Jesper!AI$2:AI$366,ROUNDDOWN($C6604/24,0)+1,1))-1)+IF('Standard Profiles'!$G$19=$B$10,7,0)+IF('Standard Profiles'!$G$19=$B$17,14,0)+IF('Standard Profiles'!$G$19=$B$24,21,0),MOD($C6604,24)+1)/SUM(INDEX($D$3:$AA$30,INDEX(Jesper!$R$2:$R$366,ROW(INDEX(Jesper!AI$2:AI$366,ROUNDDOWN($C6604/24,0)+1,1))-1)+IF('Standard Profiles'!$G$19=$B$10,7,0)+IF('Standard Profiles'!$G$19=$B$17,14,0)+IF('Standard Profiles'!$G$19=$B$24,21,0),0)),0)</f>
        <v>0</v>
      </c>
      <c r="F6604" cm="1">
        <f t="array" ref="F6604">IFERROR(INDEX(Jesper!AJ$2:AJ$366,ROUNDDOWN($C6604/24,0)+1,1)*INDEX($D$3:$AA$30,INDEX(Jesper!$R$2:$R$366,ROW(INDEX(Jesper!AJ$2:AJ$366,ROUNDDOWN($C6604/24,0)+1,1))-1)+IF('Standard Profiles'!$G$20=$B$10,7,0)+IF('Standard Profiles'!$G$20=$B$17,14,0)+IF('Standard Profiles'!$G$20=$B$24,21,0),MOD($C6604,24)+1)/SUM(INDEX($D$3:$AA$30,INDEX(Jesper!$R$2:$R$366,ROW(INDEX(Jesper!AJ$2:AJ$366,ROUNDDOWN($C6604/24,0)+1,1))-1)+IF('Standard Profiles'!$G$20=$B$10,7,0)+IF('Standard Profiles'!$G$20=$B$17,14,0)+IF('Standard Profiles'!$G$20=$B$24,21,0),0)),0)</f>
        <v>0</v>
      </c>
      <c r="G6604" cm="1">
        <f t="array" ref="G6604">IFERROR(INDEX(Jesper!AK$2:AK$366,ROUNDDOWN($C6604/24,0)+1,1)*INDEX($D$3:$AA$30,INDEX(Jesper!$R$2:$R$366,ROW(INDEX(Jesper!AK$2:AK$366,ROUNDDOWN($C6604/24,0)+1,1))-1)+IF('Standard Profiles'!$G$21=$B$10,7,0)+IF('Standard Profiles'!$G$21=$B$17,14,0)+IF('Standard Profiles'!$G$21=$B$24,21,0),MOD($C6604,24)+1)/SUM(INDEX($D$3:$AA$30,INDEX(Jesper!$R$2:$R$366,ROW(INDEX(Jesper!AK$2:AK$366,ROUNDDOWN($C6604/24,0)+1,1))-1)+IF('Standard Profiles'!$G$21=$B$10,7,0)+IF('Standard Profiles'!$G$21=$B$17,14,0)+IF('Standard Profiles'!$G$21=$B$24,21,0),0)),0)</f>
        <v>0</v>
      </c>
      <c r="H6604" cm="1">
        <f t="array" ref="H6604">IFERROR(INDEX(Jesper!AL$2:AL$366,ROUNDDOWN($C6604/24,0)+1,1)*INDEX($D$3:$AA$30,INDEX(Jesper!$R$2:$R$366,ROW(INDEX(Jesper!AL$2:AL$366,ROUNDDOWN($C6604/24,0)+1,1))-1)+IF('Standard Profiles'!$G$22=$B$10,7,0)+IF('Standard Profiles'!$G$22=$B$17,14,0)+IF('Standard Profiles'!$G$22=$B$24,21,0),MOD($C6604,24)+1)/SUM(INDEX($D$3:$AA$30,INDEX(Jesper!$R$2:$R$366,ROW(INDEX(Jesper!AL$2:AL$366,ROUNDDOWN($C6604/24,0)+1,1))-1)+IF('Standard Profiles'!$G$22=$B$10,7,0)+IF('Standard Profiles'!$G$22=$B$17,14,0)+IF('Standard Profiles'!$G$22=$B$24,21,0),0)),0)</f>
        <v>0</v>
      </c>
      <c r="I6604">
        <f t="shared" si="734"/>
        <v>0.49221238258071842</v>
      </c>
      <c r="J6604">
        <f t="shared" si="735"/>
        <v>1.6407079419357282</v>
      </c>
      <c r="K6604">
        <f t="shared" si="736"/>
        <v>2.4610619129035922</v>
      </c>
      <c r="L6604">
        <f t="shared" si="737"/>
        <v>11.813097181937241</v>
      </c>
      <c r="M6604">
        <f t="shared" si="738"/>
        <v>0</v>
      </c>
      <c r="N6604" s="46">
        <f t="shared" si="739"/>
        <v>45565.749999984066</v>
      </c>
    </row>
    <row r="6605" spans="2:14" x14ac:dyDescent="0.3">
      <c r="B6605">
        <f t="shared" si="733"/>
        <v>1</v>
      </c>
      <c r="C6605" s="16">
        <v>6571</v>
      </c>
      <c r="D6605" cm="1">
        <f t="array" ref="D6605">IFERROR(INDEX(Jesper!AH$2:AH$366,ROUNDDOWN($C6605/24,0)+1,1)*INDEX($D$3:$AA$30,INDEX(Jesper!$R$2:$R$366,ROW(INDEX(Jesper!AH$2:AH$366,ROUNDDOWN($C6605/24,0)+1,1))-1)+IF('Standard Profiles'!$G$18=$B$10,7,0)+IF('Standard Profiles'!$G$18=$B$17,14,0)+IF('Standard Profiles'!$G$18=$B$24,21,0),MOD($C6605,24)+1)/SUM(INDEX($D$3:$AA$30,INDEX(Jesper!$R$2:$R$366,ROW(INDEX(Jesper!AH$2:AH$366,ROUNDDOWN($C6605/24,0)+1,1))-1)+IF('Standard Profiles'!$G$18=$B$10,7,0)+IF('Standard Profiles'!$G$18=$B$17,14,0)+IF('Standard Profiles'!$G$18=$B$24,21,0),0)),0)</f>
        <v>13.740929013711723</v>
      </c>
      <c r="E6605" cm="1">
        <f t="array" ref="E6605">IFERROR(INDEX(Jesper!AI$2:AI$366,ROUNDDOWN($C6605/24,0)+1,1)*INDEX($D$3:$AA$30,INDEX(Jesper!$R$2:$R$366,ROW(INDEX(Jesper!AI$2:AI$366,ROUNDDOWN($C6605/24,0)+1,1))-1)+IF('Standard Profiles'!$G$19=$B$10,7,0)+IF('Standard Profiles'!$G$19=$B$17,14,0)+IF('Standard Profiles'!$G$19=$B$24,21,0),MOD($C6605,24)+1)/SUM(INDEX($D$3:$AA$30,INDEX(Jesper!$R$2:$R$366,ROW(INDEX(Jesper!AI$2:AI$366,ROUNDDOWN($C6605/24,0)+1,1))-1)+IF('Standard Profiles'!$G$19=$B$10,7,0)+IF('Standard Profiles'!$G$19=$B$17,14,0)+IF('Standard Profiles'!$G$19=$B$24,21,0),0)),0)</f>
        <v>0</v>
      </c>
      <c r="F6605" cm="1">
        <f t="array" ref="F6605">IFERROR(INDEX(Jesper!AJ$2:AJ$366,ROUNDDOWN($C6605/24,0)+1,1)*INDEX($D$3:$AA$30,INDEX(Jesper!$R$2:$R$366,ROW(INDEX(Jesper!AJ$2:AJ$366,ROUNDDOWN($C6605/24,0)+1,1))-1)+IF('Standard Profiles'!$G$20=$B$10,7,0)+IF('Standard Profiles'!$G$20=$B$17,14,0)+IF('Standard Profiles'!$G$20=$B$24,21,0),MOD($C6605,24)+1)/SUM(INDEX($D$3:$AA$30,INDEX(Jesper!$R$2:$R$366,ROW(INDEX(Jesper!AJ$2:AJ$366,ROUNDDOWN($C6605/24,0)+1,1))-1)+IF('Standard Profiles'!$G$20=$B$10,7,0)+IF('Standard Profiles'!$G$20=$B$17,14,0)+IF('Standard Profiles'!$G$20=$B$24,21,0),0)),0)</f>
        <v>0</v>
      </c>
      <c r="G6605" cm="1">
        <f t="array" ref="G6605">IFERROR(INDEX(Jesper!AK$2:AK$366,ROUNDDOWN($C6605/24,0)+1,1)*INDEX($D$3:$AA$30,INDEX(Jesper!$R$2:$R$366,ROW(INDEX(Jesper!AK$2:AK$366,ROUNDDOWN($C6605/24,0)+1,1))-1)+IF('Standard Profiles'!$G$21=$B$10,7,0)+IF('Standard Profiles'!$G$21=$B$17,14,0)+IF('Standard Profiles'!$G$21=$B$24,21,0),MOD($C6605,24)+1)/SUM(INDEX($D$3:$AA$30,INDEX(Jesper!$R$2:$R$366,ROW(INDEX(Jesper!AK$2:AK$366,ROUNDDOWN($C6605/24,0)+1,1))-1)+IF('Standard Profiles'!$G$21=$B$10,7,0)+IF('Standard Profiles'!$G$21=$B$17,14,0)+IF('Standard Profiles'!$G$21=$B$24,21,0),0)),0)</f>
        <v>0</v>
      </c>
      <c r="H6605" cm="1">
        <f t="array" ref="H6605">IFERROR(INDEX(Jesper!AL$2:AL$366,ROUNDDOWN($C6605/24,0)+1,1)*INDEX($D$3:$AA$30,INDEX(Jesper!$R$2:$R$366,ROW(INDEX(Jesper!AL$2:AL$366,ROUNDDOWN($C6605/24,0)+1,1))-1)+IF('Standard Profiles'!$G$22=$B$10,7,0)+IF('Standard Profiles'!$G$22=$B$17,14,0)+IF('Standard Profiles'!$G$22=$B$24,21,0),MOD($C6605,24)+1)/SUM(INDEX($D$3:$AA$30,INDEX(Jesper!$R$2:$R$366,ROW(INDEX(Jesper!AL$2:AL$366,ROUNDDOWN($C6605/24,0)+1,1))-1)+IF('Standard Profiles'!$G$22=$B$10,7,0)+IF('Standard Profiles'!$G$22=$B$17,14,0)+IF('Standard Profiles'!$G$22=$B$24,21,0),0)),0)</f>
        <v>0</v>
      </c>
      <c r="I6605">
        <f t="shared" si="734"/>
        <v>0.41222787041135167</v>
      </c>
      <c r="J6605">
        <f t="shared" si="735"/>
        <v>1.3740929013711725</v>
      </c>
      <c r="K6605">
        <f t="shared" si="736"/>
        <v>2.0611393520567582</v>
      </c>
      <c r="L6605">
        <f t="shared" si="737"/>
        <v>9.8934688898724392</v>
      </c>
      <c r="M6605">
        <f t="shared" si="738"/>
        <v>0</v>
      </c>
      <c r="N6605" s="46">
        <f t="shared" si="739"/>
        <v>45565.79166665073</v>
      </c>
    </row>
    <row r="6606" spans="2:14" x14ac:dyDescent="0.3">
      <c r="B6606">
        <f t="shared" si="733"/>
        <v>1</v>
      </c>
      <c r="C6606" s="16">
        <v>6572</v>
      </c>
      <c r="D6606" cm="1">
        <f t="array" ref="D6606">IFERROR(INDEX(Jesper!AH$2:AH$366,ROUNDDOWN($C6606/24,0)+1,1)*INDEX($D$3:$AA$30,INDEX(Jesper!$R$2:$R$366,ROW(INDEX(Jesper!AH$2:AH$366,ROUNDDOWN($C6606/24,0)+1,1))-1)+IF('Standard Profiles'!$G$18=$B$10,7,0)+IF('Standard Profiles'!$G$18=$B$17,14,0)+IF('Standard Profiles'!$G$18=$B$24,21,0),MOD($C6606,24)+1)/SUM(INDEX($D$3:$AA$30,INDEX(Jesper!$R$2:$R$366,ROW(INDEX(Jesper!AH$2:AH$366,ROUNDDOWN($C6606/24,0)+1,1))-1)+IF('Standard Profiles'!$G$18=$B$10,7,0)+IF('Standard Profiles'!$G$18=$B$17,14,0)+IF('Standard Profiles'!$G$18=$B$24,21,0),0)),0)</f>
        <v>11.279867100808129</v>
      </c>
      <c r="E6606" cm="1">
        <f t="array" ref="E6606">IFERROR(INDEX(Jesper!AI$2:AI$366,ROUNDDOWN($C6606/24,0)+1,1)*INDEX($D$3:$AA$30,INDEX(Jesper!$R$2:$R$366,ROW(INDEX(Jesper!AI$2:AI$366,ROUNDDOWN($C6606/24,0)+1,1))-1)+IF('Standard Profiles'!$G$19=$B$10,7,0)+IF('Standard Profiles'!$G$19=$B$17,14,0)+IF('Standard Profiles'!$G$19=$B$24,21,0),MOD($C6606,24)+1)/SUM(INDEX($D$3:$AA$30,INDEX(Jesper!$R$2:$R$366,ROW(INDEX(Jesper!AI$2:AI$366,ROUNDDOWN($C6606/24,0)+1,1))-1)+IF('Standard Profiles'!$G$19=$B$10,7,0)+IF('Standard Profiles'!$G$19=$B$17,14,0)+IF('Standard Profiles'!$G$19=$B$24,21,0),0)),0)</f>
        <v>0</v>
      </c>
      <c r="F6606" cm="1">
        <f t="array" ref="F6606">IFERROR(INDEX(Jesper!AJ$2:AJ$366,ROUNDDOWN($C6606/24,0)+1,1)*INDEX($D$3:$AA$30,INDEX(Jesper!$R$2:$R$366,ROW(INDEX(Jesper!AJ$2:AJ$366,ROUNDDOWN($C6606/24,0)+1,1))-1)+IF('Standard Profiles'!$G$20=$B$10,7,0)+IF('Standard Profiles'!$G$20=$B$17,14,0)+IF('Standard Profiles'!$G$20=$B$24,21,0),MOD($C6606,24)+1)/SUM(INDEX($D$3:$AA$30,INDEX(Jesper!$R$2:$R$366,ROW(INDEX(Jesper!AJ$2:AJ$366,ROUNDDOWN($C6606/24,0)+1,1))-1)+IF('Standard Profiles'!$G$20=$B$10,7,0)+IF('Standard Profiles'!$G$20=$B$17,14,0)+IF('Standard Profiles'!$G$20=$B$24,21,0),0)),0)</f>
        <v>0</v>
      </c>
      <c r="G6606" cm="1">
        <f t="array" ref="G6606">IFERROR(INDEX(Jesper!AK$2:AK$366,ROUNDDOWN($C6606/24,0)+1,1)*INDEX($D$3:$AA$30,INDEX(Jesper!$R$2:$R$366,ROW(INDEX(Jesper!AK$2:AK$366,ROUNDDOWN($C6606/24,0)+1,1))-1)+IF('Standard Profiles'!$G$21=$B$10,7,0)+IF('Standard Profiles'!$G$21=$B$17,14,0)+IF('Standard Profiles'!$G$21=$B$24,21,0),MOD($C6606,24)+1)/SUM(INDEX($D$3:$AA$30,INDEX(Jesper!$R$2:$R$366,ROW(INDEX(Jesper!AK$2:AK$366,ROUNDDOWN($C6606/24,0)+1,1))-1)+IF('Standard Profiles'!$G$21=$B$10,7,0)+IF('Standard Profiles'!$G$21=$B$17,14,0)+IF('Standard Profiles'!$G$21=$B$24,21,0),0)),0)</f>
        <v>0</v>
      </c>
      <c r="H6606" cm="1">
        <f t="array" ref="H6606">IFERROR(INDEX(Jesper!AL$2:AL$366,ROUNDDOWN($C6606/24,0)+1,1)*INDEX($D$3:$AA$30,INDEX(Jesper!$R$2:$R$366,ROW(INDEX(Jesper!AL$2:AL$366,ROUNDDOWN($C6606/24,0)+1,1))-1)+IF('Standard Profiles'!$G$22=$B$10,7,0)+IF('Standard Profiles'!$G$22=$B$17,14,0)+IF('Standard Profiles'!$G$22=$B$24,21,0),MOD($C6606,24)+1)/SUM(INDEX($D$3:$AA$30,INDEX(Jesper!$R$2:$R$366,ROW(INDEX(Jesper!AL$2:AL$366,ROUNDDOWN($C6606/24,0)+1,1))-1)+IF('Standard Profiles'!$G$22=$B$10,7,0)+IF('Standard Profiles'!$G$22=$B$17,14,0)+IF('Standard Profiles'!$G$22=$B$24,21,0),0)),0)</f>
        <v>0</v>
      </c>
      <c r="I6606">
        <f t="shared" si="734"/>
        <v>0.33839601302424388</v>
      </c>
      <c r="J6606">
        <f t="shared" si="735"/>
        <v>1.127986710080813</v>
      </c>
      <c r="K6606">
        <f t="shared" si="736"/>
        <v>1.6919800651212193</v>
      </c>
      <c r="L6606">
        <f t="shared" si="737"/>
        <v>8.1215043125818536</v>
      </c>
      <c r="M6606">
        <f t="shared" si="738"/>
        <v>0</v>
      </c>
      <c r="N6606" s="46">
        <f t="shared" si="739"/>
        <v>45565.833333317394</v>
      </c>
    </row>
    <row r="6607" spans="2:14" x14ac:dyDescent="0.3">
      <c r="B6607">
        <f t="shared" si="733"/>
        <v>1</v>
      </c>
      <c r="C6607" s="16">
        <v>6573</v>
      </c>
      <c r="D6607" cm="1">
        <f t="array" ref="D6607">IFERROR(INDEX(Jesper!AH$2:AH$366,ROUNDDOWN($C6607/24,0)+1,1)*INDEX($D$3:$AA$30,INDEX(Jesper!$R$2:$R$366,ROW(INDEX(Jesper!AH$2:AH$366,ROUNDDOWN($C6607/24,0)+1,1))-1)+IF('Standard Profiles'!$G$18=$B$10,7,0)+IF('Standard Profiles'!$G$18=$B$17,14,0)+IF('Standard Profiles'!$G$18=$B$24,21,0),MOD($C6607,24)+1)/SUM(INDEX($D$3:$AA$30,INDEX(Jesper!$R$2:$R$366,ROW(INDEX(Jesper!AH$2:AH$366,ROUNDDOWN($C6607/24,0)+1,1))-1)+IF('Standard Profiles'!$G$18=$B$10,7,0)+IF('Standard Profiles'!$G$18=$B$17,14,0)+IF('Standard Profiles'!$G$18=$B$24,21,0),0)),0)</f>
        <v>8.2035397096786404</v>
      </c>
      <c r="E6607" cm="1">
        <f t="array" ref="E6607">IFERROR(INDEX(Jesper!AI$2:AI$366,ROUNDDOWN($C6607/24,0)+1,1)*INDEX($D$3:$AA$30,INDEX(Jesper!$R$2:$R$366,ROW(INDEX(Jesper!AI$2:AI$366,ROUNDDOWN($C6607/24,0)+1,1))-1)+IF('Standard Profiles'!$G$19=$B$10,7,0)+IF('Standard Profiles'!$G$19=$B$17,14,0)+IF('Standard Profiles'!$G$19=$B$24,21,0),MOD($C6607,24)+1)/SUM(INDEX($D$3:$AA$30,INDEX(Jesper!$R$2:$R$366,ROW(INDEX(Jesper!AI$2:AI$366,ROUNDDOWN($C6607/24,0)+1,1))-1)+IF('Standard Profiles'!$G$19=$B$10,7,0)+IF('Standard Profiles'!$G$19=$B$17,14,0)+IF('Standard Profiles'!$G$19=$B$24,21,0),0)),0)</f>
        <v>0</v>
      </c>
      <c r="F6607" cm="1">
        <f t="array" ref="F6607">IFERROR(INDEX(Jesper!AJ$2:AJ$366,ROUNDDOWN($C6607/24,0)+1,1)*INDEX($D$3:$AA$30,INDEX(Jesper!$R$2:$R$366,ROW(INDEX(Jesper!AJ$2:AJ$366,ROUNDDOWN($C6607/24,0)+1,1))-1)+IF('Standard Profiles'!$G$20=$B$10,7,0)+IF('Standard Profiles'!$G$20=$B$17,14,0)+IF('Standard Profiles'!$G$20=$B$24,21,0),MOD($C6607,24)+1)/SUM(INDEX($D$3:$AA$30,INDEX(Jesper!$R$2:$R$366,ROW(INDEX(Jesper!AJ$2:AJ$366,ROUNDDOWN($C6607/24,0)+1,1))-1)+IF('Standard Profiles'!$G$20=$B$10,7,0)+IF('Standard Profiles'!$G$20=$B$17,14,0)+IF('Standard Profiles'!$G$20=$B$24,21,0),0)),0)</f>
        <v>0</v>
      </c>
      <c r="G6607" cm="1">
        <f t="array" ref="G6607">IFERROR(INDEX(Jesper!AK$2:AK$366,ROUNDDOWN($C6607/24,0)+1,1)*INDEX($D$3:$AA$30,INDEX(Jesper!$R$2:$R$366,ROW(INDEX(Jesper!AK$2:AK$366,ROUNDDOWN($C6607/24,0)+1,1))-1)+IF('Standard Profiles'!$G$21=$B$10,7,0)+IF('Standard Profiles'!$G$21=$B$17,14,0)+IF('Standard Profiles'!$G$21=$B$24,21,0),MOD($C6607,24)+1)/SUM(INDEX($D$3:$AA$30,INDEX(Jesper!$R$2:$R$366,ROW(INDEX(Jesper!AK$2:AK$366,ROUNDDOWN($C6607/24,0)+1,1))-1)+IF('Standard Profiles'!$G$21=$B$10,7,0)+IF('Standard Profiles'!$G$21=$B$17,14,0)+IF('Standard Profiles'!$G$21=$B$24,21,0),0)),0)</f>
        <v>0</v>
      </c>
      <c r="H6607" cm="1">
        <f t="array" ref="H6607">IFERROR(INDEX(Jesper!AL$2:AL$366,ROUNDDOWN($C6607/24,0)+1,1)*INDEX($D$3:$AA$30,INDEX(Jesper!$R$2:$R$366,ROW(INDEX(Jesper!AL$2:AL$366,ROUNDDOWN($C6607/24,0)+1,1))-1)+IF('Standard Profiles'!$G$22=$B$10,7,0)+IF('Standard Profiles'!$G$22=$B$17,14,0)+IF('Standard Profiles'!$G$22=$B$24,21,0),MOD($C6607,24)+1)/SUM(INDEX($D$3:$AA$30,INDEX(Jesper!$R$2:$R$366,ROW(INDEX(Jesper!AL$2:AL$366,ROUNDDOWN($C6607/24,0)+1,1))-1)+IF('Standard Profiles'!$G$22=$B$10,7,0)+IF('Standard Profiles'!$G$22=$B$17,14,0)+IF('Standard Profiles'!$G$22=$B$24,21,0),0)),0)</f>
        <v>0</v>
      </c>
      <c r="I6607">
        <f t="shared" si="734"/>
        <v>0.24610619129035921</v>
      </c>
      <c r="J6607">
        <f t="shared" si="735"/>
        <v>0.82035397096786411</v>
      </c>
      <c r="K6607">
        <f t="shared" si="736"/>
        <v>1.2305309564517961</v>
      </c>
      <c r="L6607">
        <f t="shared" si="737"/>
        <v>5.9065485909686206</v>
      </c>
      <c r="M6607">
        <f t="shared" si="738"/>
        <v>0</v>
      </c>
      <c r="N6607" s="46">
        <f t="shared" si="739"/>
        <v>45565.874999984058</v>
      </c>
    </row>
    <row r="6608" spans="2:14" x14ac:dyDescent="0.3">
      <c r="B6608">
        <f t="shared" si="733"/>
        <v>1</v>
      </c>
      <c r="C6608" s="16">
        <v>6574</v>
      </c>
      <c r="D6608" cm="1">
        <f t="array" ref="D6608">IFERROR(INDEX(Jesper!AH$2:AH$366,ROUNDDOWN($C6608/24,0)+1,1)*INDEX($D$3:$AA$30,INDEX(Jesper!$R$2:$R$366,ROW(INDEX(Jesper!AH$2:AH$366,ROUNDDOWN($C6608/24,0)+1,1))-1)+IF('Standard Profiles'!$G$18=$B$10,7,0)+IF('Standard Profiles'!$G$18=$B$17,14,0)+IF('Standard Profiles'!$G$18=$B$24,21,0),MOD($C6608,24)+1)/SUM(INDEX($D$3:$AA$30,INDEX(Jesper!$R$2:$R$366,ROW(INDEX(Jesper!AH$2:AH$366,ROUNDDOWN($C6608/24,0)+1,1))-1)+IF('Standard Profiles'!$G$18=$B$10,7,0)+IF('Standard Profiles'!$G$18=$B$17,14,0)+IF('Standard Profiles'!$G$18=$B$24,21,0),0)),0)</f>
        <v>7.7933627241947079</v>
      </c>
      <c r="E6608" cm="1">
        <f t="array" ref="E6608">IFERROR(INDEX(Jesper!AI$2:AI$366,ROUNDDOWN($C6608/24,0)+1,1)*INDEX($D$3:$AA$30,INDEX(Jesper!$R$2:$R$366,ROW(INDEX(Jesper!AI$2:AI$366,ROUNDDOWN($C6608/24,0)+1,1))-1)+IF('Standard Profiles'!$G$19=$B$10,7,0)+IF('Standard Profiles'!$G$19=$B$17,14,0)+IF('Standard Profiles'!$G$19=$B$24,21,0),MOD($C6608,24)+1)/SUM(INDEX($D$3:$AA$30,INDEX(Jesper!$R$2:$R$366,ROW(INDEX(Jesper!AI$2:AI$366,ROUNDDOWN($C6608/24,0)+1,1))-1)+IF('Standard Profiles'!$G$19=$B$10,7,0)+IF('Standard Profiles'!$G$19=$B$17,14,0)+IF('Standard Profiles'!$G$19=$B$24,21,0),0)),0)</f>
        <v>0</v>
      </c>
      <c r="F6608" cm="1">
        <f t="array" ref="F6608">IFERROR(INDEX(Jesper!AJ$2:AJ$366,ROUNDDOWN($C6608/24,0)+1,1)*INDEX($D$3:$AA$30,INDEX(Jesper!$R$2:$R$366,ROW(INDEX(Jesper!AJ$2:AJ$366,ROUNDDOWN($C6608/24,0)+1,1))-1)+IF('Standard Profiles'!$G$20=$B$10,7,0)+IF('Standard Profiles'!$G$20=$B$17,14,0)+IF('Standard Profiles'!$G$20=$B$24,21,0),MOD($C6608,24)+1)/SUM(INDEX($D$3:$AA$30,INDEX(Jesper!$R$2:$R$366,ROW(INDEX(Jesper!AJ$2:AJ$366,ROUNDDOWN($C6608/24,0)+1,1))-1)+IF('Standard Profiles'!$G$20=$B$10,7,0)+IF('Standard Profiles'!$G$20=$B$17,14,0)+IF('Standard Profiles'!$G$20=$B$24,21,0),0)),0)</f>
        <v>0</v>
      </c>
      <c r="G6608" cm="1">
        <f t="array" ref="G6608">IFERROR(INDEX(Jesper!AK$2:AK$366,ROUNDDOWN($C6608/24,0)+1,1)*INDEX($D$3:$AA$30,INDEX(Jesper!$R$2:$R$366,ROW(INDEX(Jesper!AK$2:AK$366,ROUNDDOWN($C6608/24,0)+1,1))-1)+IF('Standard Profiles'!$G$21=$B$10,7,0)+IF('Standard Profiles'!$G$21=$B$17,14,0)+IF('Standard Profiles'!$G$21=$B$24,21,0),MOD($C6608,24)+1)/SUM(INDEX($D$3:$AA$30,INDEX(Jesper!$R$2:$R$366,ROW(INDEX(Jesper!AK$2:AK$366,ROUNDDOWN($C6608/24,0)+1,1))-1)+IF('Standard Profiles'!$G$21=$B$10,7,0)+IF('Standard Profiles'!$G$21=$B$17,14,0)+IF('Standard Profiles'!$G$21=$B$24,21,0),0)),0)</f>
        <v>0</v>
      </c>
      <c r="H6608" cm="1">
        <f t="array" ref="H6608">IFERROR(INDEX(Jesper!AL$2:AL$366,ROUNDDOWN($C6608/24,0)+1,1)*INDEX($D$3:$AA$30,INDEX(Jesper!$R$2:$R$366,ROW(INDEX(Jesper!AL$2:AL$366,ROUNDDOWN($C6608/24,0)+1,1))-1)+IF('Standard Profiles'!$G$22=$B$10,7,0)+IF('Standard Profiles'!$G$22=$B$17,14,0)+IF('Standard Profiles'!$G$22=$B$24,21,0),MOD($C6608,24)+1)/SUM(INDEX($D$3:$AA$30,INDEX(Jesper!$R$2:$R$366,ROW(INDEX(Jesper!AL$2:AL$366,ROUNDDOWN($C6608/24,0)+1,1))-1)+IF('Standard Profiles'!$G$22=$B$10,7,0)+IF('Standard Profiles'!$G$22=$B$17,14,0)+IF('Standard Profiles'!$G$22=$B$24,21,0),0)),0)</f>
        <v>0</v>
      </c>
      <c r="I6608">
        <f t="shared" si="734"/>
        <v>0.23380088172584124</v>
      </c>
      <c r="J6608">
        <f t="shared" si="735"/>
        <v>0.77933627241947079</v>
      </c>
      <c r="K6608">
        <f t="shared" si="736"/>
        <v>1.1690044086292062</v>
      </c>
      <c r="L6608">
        <f t="shared" si="737"/>
        <v>5.6112211614201897</v>
      </c>
      <c r="M6608">
        <f t="shared" si="738"/>
        <v>0</v>
      </c>
      <c r="N6608" s="46">
        <f t="shared" si="739"/>
        <v>45565.916666650723</v>
      </c>
    </row>
    <row r="6609" spans="2:14" x14ac:dyDescent="0.3">
      <c r="B6609">
        <f t="shared" si="733"/>
        <v>1</v>
      </c>
      <c r="C6609" s="16">
        <v>6575</v>
      </c>
      <c r="D6609" cm="1">
        <f t="array" ref="D6609">IFERROR(INDEX(Jesper!AH$2:AH$366,ROUNDDOWN($C6609/24,0)+1,1)*INDEX($D$3:$AA$30,INDEX(Jesper!$R$2:$R$366,ROW(INDEX(Jesper!AH$2:AH$366,ROUNDDOWN($C6609/24,0)+1,1))-1)+IF('Standard Profiles'!$G$18=$B$10,7,0)+IF('Standard Profiles'!$G$18=$B$17,14,0)+IF('Standard Profiles'!$G$18=$B$24,21,0),MOD($C6609,24)+1)/SUM(INDEX($D$3:$AA$30,INDEX(Jesper!$R$2:$R$366,ROW(INDEX(Jesper!AH$2:AH$366,ROUNDDOWN($C6609/24,0)+1,1))-1)+IF('Standard Profiles'!$G$18=$B$10,7,0)+IF('Standard Profiles'!$G$18=$B$17,14,0)+IF('Standard Profiles'!$G$18=$B$24,21,0),0)),0)</f>
        <v>7.7933627241947079</v>
      </c>
      <c r="E6609" cm="1">
        <f t="array" ref="E6609">IFERROR(INDEX(Jesper!AI$2:AI$366,ROUNDDOWN($C6609/24,0)+1,1)*INDEX($D$3:$AA$30,INDEX(Jesper!$R$2:$R$366,ROW(INDEX(Jesper!AI$2:AI$366,ROUNDDOWN($C6609/24,0)+1,1))-1)+IF('Standard Profiles'!$G$19=$B$10,7,0)+IF('Standard Profiles'!$G$19=$B$17,14,0)+IF('Standard Profiles'!$G$19=$B$24,21,0),MOD($C6609,24)+1)/SUM(INDEX($D$3:$AA$30,INDEX(Jesper!$R$2:$R$366,ROW(INDEX(Jesper!AI$2:AI$366,ROUNDDOWN($C6609/24,0)+1,1))-1)+IF('Standard Profiles'!$G$19=$B$10,7,0)+IF('Standard Profiles'!$G$19=$B$17,14,0)+IF('Standard Profiles'!$G$19=$B$24,21,0),0)),0)</f>
        <v>0</v>
      </c>
      <c r="F6609" cm="1">
        <f t="array" ref="F6609">IFERROR(INDEX(Jesper!AJ$2:AJ$366,ROUNDDOWN($C6609/24,0)+1,1)*INDEX($D$3:$AA$30,INDEX(Jesper!$R$2:$R$366,ROW(INDEX(Jesper!AJ$2:AJ$366,ROUNDDOWN($C6609/24,0)+1,1))-1)+IF('Standard Profiles'!$G$20=$B$10,7,0)+IF('Standard Profiles'!$G$20=$B$17,14,0)+IF('Standard Profiles'!$G$20=$B$24,21,0),MOD($C6609,24)+1)/SUM(INDEX($D$3:$AA$30,INDEX(Jesper!$R$2:$R$366,ROW(INDEX(Jesper!AJ$2:AJ$366,ROUNDDOWN($C6609/24,0)+1,1))-1)+IF('Standard Profiles'!$G$20=$B$10,7,0)+IF('Standard Profiles'!$G$20=$B$17,14,0)+IF('Standard Profiles'!$G$20=$B$24,21,0),0)),0)</f>
        <v>0</v>
      </c>
      <c r="G6609" cm="1">
        <f t="array" ref="G6609">IFERROR(INDEX(Jesper!AK$2:AK$366,ROUNDDOWN($C6609/24,0)+1,1)*INDEX($D$3:$AA$30,INDEX(Jesper!$R$2:$R$366,ROW(INDEX(Jesper!AK$2:AK$366,ROUNDDOWN($C6609/24,0)+1,1))-1)+IF('Standard Profiles'!$G$21=$B$10,7,0)+IF('Standard Profiles'!$G$21=$B$17,14,0)+IF('Standard Profiles'!$G$21=$B$24,21,0),MOD($C6609,24)+1)/SUM(INDEX($D$3:$AA$30,INDEX(Jesper!$R$2:$R$366,ROW(INDEX(Jesper!AK$2:AK$366,ROUNDDOWN($C6609/24,0)+1,1))-1)+IF('Standard Profiles'!$G$21=$B$10,7,0)+IF('Standard Profiles'!$G$21=$B$17,14,0)+IF('Standard Profiles'!$G$21=$B$24,21,0),0)),0)</f>
        <v>0</v>
      </c>
      <c r="H6609" cm="1">
        <f t="array" ref="H6609">IFERROR(INDEX(Jesper!AL$2:AL$366,ROUNDDOWN($C6609/24,0)+1,1)*INDEX($D$3:$AA$30,INDEX(Jesper!$R$2:$R$366,ROW(INDEX(Jesper!AL$2:AL$366,ROUNDDOWN($C6609/24,0)+1,1))-1)+IF('Standard Profiles'!$G$22=$B$10,7,0)+IF('Standard Profiles'!$G$22=$B$17,14,0)+IF('Standard Profiles'!$G$22=$B$24,21,0),MOD($C6609,24)+1)/SUM(INDEX($D$3:$AA$30,INDEX(Jesper!$R$2:$R$366,ROW(INDEX(Jesper!AL$2:AL$366,ROUNDDOWN($C6609/24,0)+1,1))-1)+IF('Standard Profiles'!$G$22=$B$10,7,0)+IF('Standard Profiles'!$G$22=$B$17,14,0)+IF('Standard Profiles'!$G$22=$B$24,21,0),0)),0)</f>
        <v>0</v>
      </c>
      <c r="I6609">
        <f t="shared" si="734"/>
        <v>0.23380088172584124</v>
      </c>
      <c r="J6609">
        <f t="shared" si="735"/>
        <v>0.77933627241947079</v>
      </c>
      <c r="K6609">
        <f t="shared" si="736"/>
        <v>1.1690044086292062</v>
      </c>
      <c r="L6609">
        <f t="shared" si="737"/>
        <v>5.6112211614201897</v>
      </c>
      <c r="M6609">
        <f t="shared" si="738"/>
        <v>0</v>
      </c>
      <c r="N6609" s="46">
        <f t="shared" si="739"/>
        <v>45565.958333317387</v>
      </c>
    </row>
    <row r="6610" spans="2:14" x14ac:dyDescent="0.3">
      <c r="B6610">
        <f t="shared" si="733"/>
        <v>2</v>
      </c>
      <c r="C6610" s="16">
        <v>6576</v>
      </c>
      <c r="D6610" cm="1">
        <f t="array" ref="D6610">IFERROR(INDEX(Jesper!AH$2:AH$366,ROUNDDOWN($C6610/24,0)+1,1)*INDEX($D$3:$AA$30,INDEX(Jesper!$R$2:$R$366,ROW(INDEX(Jesper!AH$2:AH$366,ROUNDDOWN($C6610/24,0)+1,1))-1)+IF('Standard Profiles'!$G$18=$B$10,7,0)+IF('Standard Profiles'!$G$18=$B$17,14,0)+IF('Standard Profiles'!$G$18=$B$24,21,0),MOD($C6610,24)+1)/SUM(INDEX($D$3:$AA$30,INDEX(Jesper!$R$2:$R$366,ROW(INDEX(Jesper!AH$2:AH$366,ROUNDDOWN($C6610/24,0)+1,1))-1)+IF('Standard Profiles'!$G$18=$B$10,7,0)+IF('Standard Profiles'!$G$18=$B$17,14,0)+IF('Standard Profiles'!$G$18=$B$24,21,0),0)),0)</f>
        <v>7.1718697284208623</v>
      </c>
      <c r="E6610" cm="1">
        <f t="array" ref="E6610">IFERROR(INDEX(Jesper!AI$2:AI$366,ROUNDDOWN($C6610/24,0)+1,1)*INDEX($D$3:$AA$30,INDEX(Jesper!$R$2:$R$366,ROW(INDEX(Jesper!AI$2:AI$366,ROUNDDOWN($C6610/24,0)+1,1))-1)+IF('Standard Profiles'!$G$19=$B$10,7,0)+IF('Standard Profiles'!$G$19=$B$17,14,0)+IF('Standard Profiles'!$G$19=$B$24,21,0),MOD($C6610,24)+1)/SUM(INDEX($D$3:$AA$30,INDEX(Jesper!$R$2:$R$366,ROW(INDEX(Jesper!AI$2:AI$366,ROUNDDOWN($C6610/24,0)+1,1))-1)+IF('Standard Profiles'!$G$19=$B$10,7,0)+IF('Standard Profiles'!$G$19=$B$17,14,0)+IF('Standard Profiles'!$G$19=$B$24,21,0),0)),0)</f>
        <v>0</v>
      </c>
      <c r="F6610" cm="1">
        <f t="array" ref="F6610">IFERROR(INDEX(Jesper!AJ$2:AJ$366,ROUNDDOWN($C6610/24,0)+1,1)*INDEX($D$3:$AA$30,INDEX(Jesper!$R$2:$R$366,ROW(INDEX(Jesper!AJ$2:AJ$366,ROUNDDOWN($C6610/24,0)+1,1))-1)+IF('Standard Profiles'!$G$20=$B$10,7,0)+IF('Standard Profiles'!$G$20=$B$17,14,0)+IF('Standard Profiles'!$G$20=$B$24,21,0),MOD($C6610,24)+1)/SUM(INDEX($D$3:$AA$30,INDEX(Jesper!$R$2:$R$366,ROW(INDEX(Jesper!AJ$2:AJ$366,ROUNDDOWN($C6610/24,0)+1,1))-1)+IF('Standard Profiles'!$G$20=$B$10,7,0)+IF('Standard Profiles'!$G$20=$B$17,14,0)+IF('Standard Profiles'!$G$20=$B$24,21,0),0)),0)</f>
        <v>0</v>
      </c>
      <c r="G6610" cm="1">
        <f t="array" ref="G6610">IFERROR(INDEX(Jesper!AK$2:AK$366,ROUNDDOWN($C6610/24,0)+1,1)*INDEX($D$3:$AA$30,INDEX(Jesper!$R$2:$R$366,ROW(INDEX(Jesper!AK$2:AK$366,ROUNDDOWN($C6610/24,0)+1,1))-1)+IF('Standard Profiles'!$G$21=$B$10,7,0)+IF('Standard Profiles'!$G$21=$B$17,14,0)+IF('Standard Profiles'!$G$21=$B$24,21,0),MOD($C6610,24)+1)/SUM(INDEX($D$3:$AA$30,INDEX(Jesper!$R$2:$R$366,ROW(INDEX(Jesper!AK$2:AK$366,ROUNDDOWN($C6610/24,0)+1,1))-1)+IF('Standard Profiles'!$G$21=$B$10,7,0)+IF('Standard Profiles'!$G$21=$B$17,14,0)+IF('Standard Profiles'!$G$21=$B$24,21,0),0)),0)</f>
        <v>0</v>
      </c>
      <c r="H6610" cm="1">
        <f t="array" ref="H6610">IFERROR(INDEX(Jesper!AL$2:AL$366,ROUNDDOWN($C6610/24,0)+1,1)*INDEX($D$3:$AA$30,INDEX(Jesper!$R$2:$R$366,ROW(INDEX(Jesper!AL$2:AL$366,ROUNDDOWN($C6610/24,0)+1,1))-1)+IF('Standard Profiles'!$G$22=$B$10,7,0)+IF('Standard Profiles'!$G$22=$B$17,14,0)+IF('Standard Profiles'!$G$22=$B$24,21,0),MOD($C6610,24)+1)/SUM(INDEX($D$3:$AA$30,INDEX(Jesper!$R$2:$R$366,ROW(INDEX(Jesper!AL$2:AL$366,ROUNDDOWN($C6610/24,0)+1,1))-1)+IF('Standard Profiles'!$G$22=$B$10,7,0)+IF('Standard Profiles'!$G$22=$B$17,14,0)+IF('Standard Profiles'!$G$22=$B$24,21,0),0)),0)</f>
        <v>0</v>
      </c>
      <c r="I6610">
        <f t="shared" si="734"/>
        <v>0.21515609185262585</v>
      </c>
      <c r="J6610">
        <f t="shared" si="735"/>
        <v>0.71718697284208632</v>
      </c>
      <c r="K6610">
        <f t="shared" si="736"/>
        <v>1.0757804592631293</v>
      </c>
      <c r="L6610">
        <f t="shared" si="737"/>
        <v>5.1637462044630205</v>
      </c>
      <c r="M6610">
        <f t="shared" si="738"/>
        <v>0</v>
      </c>
      <c r="N6610" s="46">
        <f t="shared" si="739"/>
        <v>45565.999999984051</v>
      </c>
    </row>
    <row r="6611" spans="2:14" x14ac:dyDescent="0.3">
      <c r="B6611">
        <f t="shared" si="733"/>
        <v>2</v>
      </c>
      <c r="C6611" s="16">
        <v>6577</v>
      </c>
      <c r="D6611" cm="1">
        <f t="array" ref="D6611">IFERROR(INDEX(Jesper!AH$2:AH$366,ROUNDDOWN($C6611/24,0)+1,1)*INDEX($D$3:$AA$30,INDEX(Jesper!$R$2:$R$366,ROW(INDEX(Jesper!AH$2:AH$366,ROUNDDOWN($C6611/24,0)+1,1))-1)+IF('Standard Profiles'!$G$18=$B$10,7,0)+IF('Standard Profiles'!$G$18=$B$17,14,0)+IF('Standard Profiles'!$G$18=$B$24,21,0),MOD($C6611,24)+1)/SUM(INDEX($D$3:$AA$30,INDEX(Jesper!$R$2:$R$366,ROW(INDEX(Jesper!AH$2:AH$366,ROUNDDOWN($C6611/24,0)+1,1))-1)+IF('Standard Profiles'!$G$18=$B$10,7,0)+IF('Standard Profiles'!$G$18=$B$17,14,0)+IF('Standard Profiles'!$G$18=$B$24,21,0),0)),0)</f>
        <v>7.1718697284208623</v>
      </c>
      <c r="E6611" cm="1">
        <f t="array" ref="E6611">IFERROR(INDEX(Jesper!AI$2:AI$366,ROUNDDOWN($C6611/24,0)+1,1)*INDEX($D$3:$AA$30,INDEX(Jesper!$R$2:$R$366,ROW(INDEX(Jesper!AI$2:AI$366,ROUNDDOWN($C6611/24,0)+1,1))-1)+IF('Standard Profiles'!$G$19=$B$10,7,0)+IF('Standard Profiles'!$G$19=$B$17,14,0)+IF('Standard Profiles'!$G$19=$B$24,21,0),MOD($C6611,24)+1)/SUM(INDEX($D$3:$AA$30,INDEX(Jesper!$R$2:$R$366,ROW(INDEX(Jesper!AI$2:AI$366,ROUNDDOWN($C6611/24,0)+1,1))-1)+IF('Standard Profiles'!$G$19=$B$10,7,0)+IF('Standard Profiles'!$G$19=$B$17,14,0)+IF('Standard Profiles'!$G$19=$B$24,21,0),0)),0)</f>
        <v>0</v>
      </c>
      <c r="F6611" cm="1">
        <f t="array" ref="F6611">IFERROR(INDEX(Jesper!AJ$2:AJ$366,ROUNDDOWN($C6611/24,0)+1,1)*INDEX($D$3:$AA$30,INDEX(Jesper!$R$2:$R$366,ROW(INDEX(Jesper!AJ$2:AJ$366,ROUNDDOWN($C6611/24,0)+1,1))-1)+IF('Standard Profiles'!$G$20=$B$10,7,0)+IF('Standard Profiles'!$G$20=$B$17,14,0)+IF('Standard Profiles'!$G$20=$B$24,21,0),MOD($C6611,24)+1)/SUM(INDEX($D$3:$AA$30,INDEX(Jesper!$R$2:$R$366,ROW(INDEX(Jesper!AJ$2:AJ$366,ROUNDDOWN($C6611/24,0)+1,1))-1)+IF('Standard Profiles'!$G$20=$B$10,7,0)+IF('Standard Profiles'!$G$20=$B$17,14,0)+IF('Standard Profiles'!$G$20=$B$24,21,0),0)),0)</f>
        <v>0</v>
      </c>
      <c r="G6611" cm="1">
        <f t="array" ref="G6611">IFERROR(INDEX(Jesper!AK$2:AK$366,ROUNDDOWN($C6611/24,0)+1,1)*INDEX($D$3:$AA$30,INDEX(Jesper!$R$2:$R$366,ROW(INDEX(Jesper!AK$2:AK$366,ROUNDDOWN($C6611/24,0)+1,1))-1)+IF('Standard Profiles'!$G$21=$B$10,7,0)+IF('Standard Profiles'!$G$21=$B$17,14,0)+IF('Standard Profiles'!$G$21=$B$24,21,0),MOD($C6611,24)+1)/SUM(INDEX($D$3:$AA$30,INDEX(Jesper!$R$2:$R$366,ROW(INDEX(Jesper!AK$2:AK$366,ROUNDDOWN($C6611/24,0)+1,1))-1)+IF('Standard Profiles'!$G$21=$B$10,7,0)+IF('Standard Profiles'!$G$21=$B$17,14,0)+IF('Standard Profiles'!$G$21=$B$24,21,0),0)),0)</f>
        <v>0</v>
      </c>
      <c r="H6611" cm="1">
        <f t="array" ref="H6611">IFERROR(INDEX(Jesper!AL$2:AL$366,ROUNDDOWN($C6611/24,0)+1,1)*INDEX($D$3:$AA$30,INDEX(Jesper!$R$2:$R$366,ROW(INDEX(Jesper!AL$2:AL$366,ROUNDDOWN($C6611/24,0)+1,1))-1)+IF('Standard Profiles'!$G$22=$B$10,7,0)+IF('Standard Profiles'!$G$22=$B$17,14,0)+IF('Standard Profiles'!$G$22=$B$24,21,0),MOD($C6611,24)+1)/SUM(INDEX($D$3:$AA$30,INDEX(Jesper!$R$2:$R$366,ROW(INDEX(Jesper!AL$2:AL$366,ROUNDDOWN($C6611/24,0)+1,1))-1)+IF('Standard Profiles'!$G$22=$B$10,7,0)+IF('Standard Profiles'!$G$22=$B$17,14,0)+IF('Standard Profiles'!$G$22=$B$24,21,0),0)),0)</f>
        <v>0</v>
      </c>
      <c r="I6611">
        <f t="shared" si="734"/>
        <v>0.21515609185262585</v>
      </c>
      <c r="J6611">
        <f t="shared" si="735"/>
        <v>0.71718697284208632</v>
      </c>
      <c r="K6611">
        <f t="shared" si="736"/>
        <v>1.0757804592631293</v>
      </c>
      <c r="L6611">
        <f t="shared" si="737"/>
        <v>5.1637462044630205</v>
      </c>
      <c r="M6611">
        <f t="shared" si="738"/>
        <v>0</v>
      </c>
      <c r="N6611" s="46">
        <f t="shared" si="739"/>
        <v>45566.041666650715</v>
      </c>
    </row>
    <row r="6612" spans="2:14" x14ac:dyDescent="0.3">
      <c r="B6612">
        <f t="shared" si="733"/>
        <v>2</v>
      </c>
      <c r="C6612" s="16">
        <v>6578</v>
      </c>
      <c r="D6612" cm="1">
        <f t="array" ref="D6612">IFERROR(INDEX(Jesper!AH$2:AH$366,ROUNDDOWN($C6612/24,0)+1,1)*INDEX($D$3:$AA$30,INDEX(Jesper!$R$2:$R$366,ROW(INDEX(Jesper!AH$2:AH$366,ROUNDDOWN($C6612/24,0)+1,1))-1)+IF('Standard Profiles'!$G$18=$B$10,7,0)+IF('Standard Profiles'!$G$18=$B$17,14,0)+IF('Standard Profiles'!$G$18=$B$24,21,0),MOD($C6612,24)+1)/SUM(INDEX($D$3:$AA$30,INDEX(Jesper!$R$2:$R$366,ROW(INDEX(Jesper!AH$2:AH$366,ROUNDDOWN($C6612/24,0)+1,1))-1)+IF('Standard Profiles'!$G$18=$B$10,7,0)+IF('Standard Profiles'!$G$18=$B$17,14,0)+IF('Standard Profiles'!$G$18=$B$24,21,0),0)),0)</f>
        <v>7.1718697284208623</v>
      </c>
      <c r="E6612" cm="1">
        <f t="array" ref="E6612">IFERROR(INDEX(Jesper!AI$2:AI$366,ROUNDDOWN($C6612/24,0)+1,1)*INDEX($D$3:$AA$30,INDEX(Jesper!$R$2:$R$366,ROW(INDEX(Jesper!AI$2:AI$366,ROUNDDOWN($C6612/24,0)+1,1))-1)+IF('Standard Profiles'!$G$19=$B$10,7,0)+IF('Standard Profiles'!$G$19=$B$17,14,0)+IF('Standard Profiles'!$G$19=$B$24,21,0),MOD($C6612,24)+1)/SUM(INDEX($D$3:$AA$30,INDEX(Jesper!$R$2:$R$366,ROW(INDEX(Jesper!AI$2:AI$366,ROUNDDOWN($C6612/24,0)+1,1))-1)+IF('Standard Profiles'!$G$19=$B$10,7,0)+IF('Standard Profiles'!$G$19=$B$17,14,0)+IF('Standard Profiles'!$G$19=$B$24,21,0),0)),0)</f>
        <v>0</v>
      </c>
      <c r="F6612" cm="1">
        <f t="array" ref="F6612">IFERROR(INDEX(Jesper!AJ$2:AJ$366,ROUNDDOWN($C6612/24,0)+1,1)*INDEX($D$3:$AA$30,INDEX(Jesper!$R$2:$R$366,ROW(INDEX(Jesper!AJ$2:AJ$366,ROUNDDOWN($C6612/24,0)+1,1))-1)+IF('Standard Profiles'!$G$20=$B$10,7,0)+IF('Standard Profiles'!$G$20=$B$17,14,0)+IF('Standard Profiles'!$G$20=$B$24,21,0),MOD($C6612,24)+1)/SUM(INDEX($D$3:$AA$30,INDEX(Jesper!$R$2:$R$366,ROW(INDEX(Jesper!AJ$2:AJ$366,ROUNDDOWN($C6612/24,0)+1,1))-1)+IF('Standard Profiles'!$G$20=$B$10,7,0)+IF('Standard Profiles'!$G$20=$B$17,14,0)+IF('Standard Profiles'!$G$20=$B$24,21,0),0)),0)</f>
        <v>0</v>
      </c>
      <c r="G6612" cm="1">
        <f t="array" ref="G6612">IFERROR(INDEX(Jesper!AK$2:AK$366,ROUNDDOWN($C6612/24,0)+1,1)*INDEX($D$3:$AA$30,INDEX(Jesper!$R$2:$R$366,ROW(INDEX(Jesper!AK$2:AK$366,ROUNDDOWN($C6612/24,0)+1,1))-1)+IF('Standard Profiles'!$G$21=$B$10,7,0)+IF('Standard Profiles'!$G$21=$B$17,14,0)+IF('Standard Profiles'!$G$21=$B$24,21,0),MOD($C6612,24)+1)/SUM(INDEX($D$3:$AA$30,INDEX(Jesper!$R$2:$R$366,ROW(INDEX(Jesper!AK$2:AK$366,ROUNDDOWN($C6612/24,0)+1,1))-1)+IF('Standard Profiles'!$G$21=$B$10,7,0)+IF('Standard Profiles'!$G$21=$B$17,14,0)+IF('Standard Profiles'!$G$21=$B$24,21,0),0)),0)</f>
        <v>0</v>
      </c>
      <c r="H6612" cm="1">
        <f t="array" ref="H6612">IFERROR(INDEX(Jesper!AL$2:AL$366,ROUNDDOWN($C6612/24,0)+1,1)*INDEX($D$3:$AA$30,INDEX(Jesper!$R$2:$R$366,ROW(INDEX(Jesper!AL$2:AL$366,ROUNDDOWN($C6612/24,0)+1,1))-1)+IF('Standard Profiles'!$G$22=$B$10,7,0)+IF('Standard Profiles'!$G$22=$B$17,14,0)+IF('Standard Profiles'!$G$22=$B$24,21,0),MOD($C6612,24)+1)/SUM(INDEX($D$3:$AA$30,INDEX(Jesper!$R$2:$R$366,ROW(INDEX(Jesper!AL$2:AL$366,ROUNDDOWN($C6612/24,0)+1,1))-1)+IF('Standard Profiles'!$G$22=$B$10,7,0)+IF('Standard Profiles'!$G$22=$B$17,14,0)+IF('Standard Profiles'!$G$22=$B$24,21,0),0)),0)</f>
        <v>0</v>
      </c>
      <c r="I6612">
        <f t="shared" si="734"/>
        <v>0.21515609185262585</v>
      </c>
      <c r="J6612">
        <f t="shared" si="735"/>
        <v>0.71718697284208632</v>
      </c>
      <c r="K6612">
        <f t="shared" si="736"/>
        <v>1.0757804592631293</v>
      </c>
      <c r="L6612">
        <f t="shared" si="737"/>
        <v>5.1637462044630205</v>
      </c>
      <c r="M6612">
        <f t="shared" si="738"/>
        <v>0</v>
      </c>
      <c r="N6612" s="46">
        <f t="shared" si="739"/>
        <v>45566.08333331738</v>
      </c>
    </row>
    <row r="6613" spans="2:14" x14ac:dyDescent="0.3">
      <c r="B6613">
        <f t="shared" si="733"/>
        <v>2</v>
      </c>
      <c r="C6613" s="16">
        <v>6579</v>
      </c>
      <c r="D6613" cm="1">
        <f t="array" ref="D6613">IFERROR(INDEX(Jesper!AH$2:AH$366,ROUNDDOWN($C6613/24,0)+1,1)*INDEX($D$3:$AA$30,INDEX(Jesper!$R$2:$R$366,ROW(INDEX(Jesper!AH$2:AH$366,ROUNDDOWN($C6613/24,0)+1,1))-1)+IF('Standard Profiles'!$G$18=$B$10,7,0)+IF('Standard Profiles'!$G$18=$B$17,14,0)+IF('Standard Profiles'!$G$18=$B$24,21,0),MOD($C6613,24)+1)/SUM(INDEX($D$3:$AA$30,INDEX(Jesper!$R$2:$R$366,ROW(INDEX(Jesper!AH$2:AH$366,ROUNDDOWN($C6613/24,0)+1,1))-1)+IF('Standard Profiles'!$G$18=$B$10,7,0)+IF('Standard Profiles'!$G$18=$B$17,14,0)+IF('Standard Profiles'!$G$18=$B$24,21,0),0)),0)</f>
        <v>7.1718697284208623</v>
      </c>
      <c r="E6613" cm="1">
        <f t="array" ref="E6613">IFERROR(INDEX(Jesper!AI$2:AI$366,ROUNDDOWN($C6613/24,0)+1,1)*INDEX($D$3:$AA$30,INDEX(Jesper!$R$2:$R$366,ROW(INDEX(Jesper!AI$2:AI$366,ROUNDDOWN($C6613/24,0)+1,1))-1)+IF('Standard Profiles'!$G$19=$B$10,7,0)+IF('Standard Profiles'!$G$19=$B$17,14,0)+IF('Standard Profiles'!$G$19=$B$24,21,0),MOD($C6613,24)+1)/SUM(INDEX($D$3:$AA$30,INDEX(Jesper!$R$2:$R$366,ROW(INDEX(Jesper!AI$2:AI$366,ROUNDDOWN($C6613/24,0)+1,1))-1)+IF('Standard Profiles'!$G$19=$B$10,7,0)+IF('Standard Profiles'!$G$19=$B$17,14,0)+IF('Standard Profiles'!$G$19=$B$24,21,0),0)),0)</f>
        <v>0</v>
      </c>
      <c r="F6613" cm="1">
        <f t="array" ref="F6613">IFERROR(INDEX(Jesper!AJ$2:AJ$366,ROUNDDOWN($C6613/24,0)+1,1)*INDEX($D$3:$AA$30,INDEX(Jesper!$R$2:$R$366,ROW(INDEX(Jesper!AJ$2:AJ$366,ROUNDDOWN($C6613/24,0)+1,1))-1)+IF('Standard Profiles'!$G$20=$B$10,7,0)+IF('Standard Profiles'!$G$20=$B$17,14,0)+IF('Standard Profiles'!$G$20=$B$24,21,0),MOD($C6613,24)+1)/SUM(INDEX($D$3:$AA$30,INDEX(Jesper!$R$2:$R$366,ROW(INDEX(Jesper!AJ$2:AJ$366,ROUNDDOWN($C6613/24,0)+1,1))-1)+IF('Standard Profiles'!$G$20=$B$10,7,0)+IF('Standard Profiles'!$G$20=$B$17,14,0)+IF('Standard Profiles'!$G$20=$B$24,21,0),0)),0)</f>
        <v>0</v>
      </c>
      <c r="G6613" cm="1">
        <f t="array" ref="G6613">IFERROR(INDEX(Jesper!AK$2:AK$366,ROUNDDOWN($C6613/24,0)+1,1)*INDEX($D$3:$AA$30,INDEX(Jesper!$R$2:$R$366,ROW(INDEX(Jesper!AK$2:AK$366,ROUNDDOWN($C6613/24,0)+1,1))-1)+IF('Standard Profiles'!$G$21=$B$10,7,0)+IF('Standard Profiles'!$G$21=$B$17,14,0)+IF('Standard Profiles'!$G$21=$B$24,21,0),MOD($C6613,24)+1)/SUM(INDEX($D$3:$AA$30,INDEX(Jesper!$R$2:$R$366,ROW(INDEX(Jesper!AK$2:AK$366,ROUNDDOWN($C6613/24,0)+1,1))-1)+IF('Standard Profiles'!$G$21=$B$10,7,0)+IF('Standard Profiles'!$G$21=$B$17,14,0)+IF('Standard Profiles'!$G$21=$B$24,21,0),0)),0)</f>
        <v>0</v>
      </c>
      <c r="H6613" cm="1">
        <f t="array" ref="H6613">IFERROR(INDEX(Jesper!AL$2:AL$366,ROUNDDOWN($C6613/24,0)+1,1)*INDEX($D$3:$AA$30,INDEX(Jesper!$R$2:$R$366,ROW(INDEX(Jesper!AL$2:AL$366,ROUNDDOWN($C6613/24,0)+1,1))-1)+IF('Standard Profiles'!$G$22=$B$10,7,0)+IF('Standard Profiles'!$G$22=$B$17,14,0)+IF('Standard Profiles'!$G$22=$B$24,21,0),MOD($C6613,24)+1)/SUM(INDEX($D$3:$AA$30,INDEX(Jesper!$R$2:$R$366,ROW(INDEX(Jesper!AL$2:AL$366,ROUNDDOWN($C6613/24,0)+1,1))-1)+IF('Standard Profiles'!$G$22=$B$10,7,0)+IF('Standard Profiles'!$G$22=$B$17,14,0)+IF('Standard Profiles'!$G$22=$B$24,21,0),0)),0)</f>
        <v>0</v>
      </c>
      <c r="I6613">
        <f t="shared" si="734"/>
        <v>0.21515609185262585</v>
      </c>
      <c r="J6613">
        <f t="shared" si="735"/>
        <v>0.71718697284208632</v>
      </c>
      <c r="K6613">
        <f t="shared" si="736"/>
        <v>1.0757804592631293</v>
      </c>
      <c r="L6613">
        <f t="shared" si="737"/>
        <v>5.1637462044630205</v>
      </c>
      <c r="M6613">
        <f t="shared" si="738"/>
        <v>0</v>
      </c>
      <c r="N6613" s="46">
        <f t="shared" si="739"/>
        <v>45566.124999984044</v>
      </c>
    </row>
    <row r="6614" spans="2:14" x14ac:dyDescent="0.3">
      <c r="B6614">
        <f t="shared" si="733"/>
        <v>2</v>
      </c>
      <c r="C6614" s="16">
        <v>6580</v>
      </c>
      <c r="D6614" cm="1">
        <f t="array" ref="D6614">IFERROR(INDEX(Jesper!AH$2:AH$366,ROUNDDOWN($C6614/24,0)+1,1)*INDEX($D$3:$AA$30,INDEX(Jesper!$R$2:$R$366,ROW(INDEX(Jesper!AH$2:AH$366,ROUNDDOWN($C6614/24,0)+1,1))-1)+IF('Standard Profiles'!$G$18=$B$10,7,0)+IF('Standard Profiles'!$G$18=$B$17,14,0)+IF('Standard Profiles'!$G$18=$B$24,21,0),MOD($C6614,24)+1)/SUM(INDEX($D$3:$AA$30,INDEX(Jesper!$R$2:$R$366,ROW(INDEX(Jesper!AH$2:AH$366,ROUNDDOWN($C6614/24,0)+1,1))-1)+IF('Standard Profiles'!$G$18=$B$10,7,0)+IF('Standard Profiles'!$G$18=$B$17,14,0)+IF('Standard Profiles'!$G$18=$B$24,21,0),0)),0)</f>
        <v>7.1718697284208623</v>
      </c>
      <c r="E6614" cm="1">
        <f t="array" ref="E6614">IFERROR(INDEX(Jesper!AI$2:AI$366,ROUNDDOWN($C6614/24,0)+1,1)*INDEX($D$3:$AA$30,INDEX(Jesper!$R$2:$R$366,ROW(INDEX(Jesper!AI$2:AI$366,ROUNDDOWN($C6614/24,0)+1,1))-1)+IF('Standard Profiles'!$G$19=$B$10,7,0)+IF('Standard Profiles'!$G$19=$B$17,14,0)+IF('Standard Profiles'!$G$19=$B$24,21,0),MOD($C6614,24)+1)/SUM(INDEX($D$3:$AA$30,INDEX(Jesper!$R$2:$R$366,ROW(INDEX(Jesper!AI$2:AI$366,ROUNDDOWN($C6614/24,0)+1,1))-1)+IF('Standard Profiles'!$G$19=$B$10,7,0)+IF('Standard Profiles'!$G$19=$B$17,14,0)+IF('Standard Profiles'!$G$19=$B$24,21,0),0)),0)</f>
        <v>0</v>
      </c>
      <c r="F6614" cm="1">
        <f t="array" ref="F6614">IFERROR(INDEX(Jesper!AJ$2:AJ$366,ROUNDDOWN($C6614/24,0)+1,1)*INDEX($D$3:$AA$30,INDEX(Jesper!$R$2:$R$366,ROW(INDEX(Jesper!AJ$2:AJ$366,ROUNDDOWN($C6614/24,0)+1,1))-1)+IF('Standard Profiles'!$G$20=$B$10,7,0)+IF('Standard Profiles'!$G$20=$B$17,14,0)+IF('Standard Profiles'!$G$20=$B$24,21,0),MOD($C6614,24)+1)/SUM(INDEX($D$3:$AA$30,INDEX(Jesper!$R$2:$R$366,ROW(INDEX(Jesper!AJ$2:AJ$366,ROUNDDOWN($C6614/24,0)+1,1))-1)+IF('Standard Profiles'!$G$20=$B$10,7,0)+IF('Standard Profiles'!$G$20=$B$17,14,0)+IF('Standard Profiles'!$G$20=$B$24,21,0),0)),0)</f>
        <v>0</v>
      </c>
      <c r="G6614" cm="1">
        <f t="array" ref="G6614">IFERROR(INDEX(Jesper!AK$2:AK$366,ROUNDDOWN($C6614/24,0)+1,1)*INDEX($D$3:$AA$30,INDEX(Jesper!$R$2:$R$366,ROW(INDEX(Jesper!AK$2:AK$366,ROUNDDOWN($C6614/24,0)+1,1))-1)+IF('Standard Profiles'!$G$21=$B$10,7,0)+IF('Standard Profiles'!$G$21=$B$17,14,0)+IF('Standard Profiles'!$G$21=$B$24,21,0),MOD($C6614,24)+1)/SUM(INDEX($D$3:$AA$30,INDEX(Jesper!$R$2:$R$366,ROW(INDEX(Jesper!AK$2:AK$366,ROUNDDOWN($C6614/24,0)+1,1))-1)+IF('Standard Profiles'!$G$21=$B$10,7,0)+IF('Standard Profiles'!$G$21=$B$17,14,0)+IF('Standard Profiles'!$G$21=$B$24,21,0),0)),0)</f>
        <v>0</v>
      </c>
      <c r="H6614" cm="1">
        <f t="array" ref="H6614">IFERROR(INDEX(Jesper!AL$2:AL$366,ROUNDDOWN($C6614/24,0)+1,1)*INDEX($D$3:$AA$30,INDEX(Jesper!$R$2:$R$366,ROW(INDEX(Jesper!AL$2:AL$366,ROUNDDOWN($C6614/24,0)+1,1))-1)+IF('Standard Profiles'!$G$22=$B$10,7,0)+IF('Standard Profiles'!$G$22=$B$17,14,0)+IF('Standard Profiles'!$G$22=$B$24,21,0),MOD($C6614,24)+1)/SUM(INDEX($D$3:$AA$30,INDEX(Jesper!$R$2:$R$366,ROW(INDEX(Jesper!AL$2:AL$366,ROUNDDOWN($C6614/24,0)+1,1))-1)+IF('Standard Profiles'!$G$22=$B$10,7,0)+IF('Standard Profiles'!$G$22=$B$17,14,0)+IF('Standard Profiles'!$G$22=$B$24,21,0),0)),0)</f>
        <v>0</v>
      </c>
      <c r="I6614">
        <f t="shared" si="734"/>
        <v>0.21515609185262585</v>
      </c>
      <c r="J6614">
        <f t="shared" si="735"/>
        <v>0.71718697284208632</v>
      </c>
      <c r="K6614">
        <f t="shared" si="736"/>
        <v>1.0757804592631293</v>
      </c>
      <c r="L6614">
        <f t="shared" si="737"/>
        <v>5.1637462044630205</v>
      </c>
      <c r="M6614">
        <f t="shared" si="738"/>
        <v>0</v>
      </c>
      <c r="N6614" s="46">
        <f t="shared" si="739"/>
        <v>45566.166666650708</v>
      </c>
    </row>
    <row r="6615" spans="2:14" x14ac:dyDescent="0.3">
      <c r="B6615">
        <f t="shared" si="733"/>
        <v>2</v>
      </c>
      <c r="C6615" s="16">
        <v>6581</v>
      </c>
      <c r="D6615" cm="1">
        <f t="array" ref="D6615">IFERROR(INDEX(Jesper!AH$2:AH$366,ROUNDDOWN($C6615/24,0)+1,1)*INDEX($D$3:$AA$30,INDEX(Jesper!$R$2:$R$366,ROW(INDEX(Jesper!AH$2:AH$366,ROUNDDOWN($C6615/24,0)+1,1))-1)+IF('Standard Profiles'!$G$18=$B$10,7,0)+IF('Standard Profiles'!$G$18=$B$17,14,0)+IF('Standard Profiles'!$G$18=$B$24,21,0),MOD($C6615,24)+1)/SUM(INDEX($D$3:$AA$30,INDEX(Jesper!$R$2:$R$366,ROW(INDEX(Jesper!AH$2:AH$366,ROUNDDOWN($C6615/24,0)+1,1))-1)+IF('Standard Profiles'!$G$18=$B$10,7,0)+IF('Standard Profiles'!$G$18=$B$17,14,0)+IF('Standard Profiles'!$G$18=$B$24,21,0),0)),0)</f>
        <v>9.32343064694712</v>
      </c>
      <c r="E6615" cm="1">
        <f t="array" ref="E6615">IFERROR(INDEX(Jesper!AI$2:AI$366,ROUNDDOWN($C6615/24,0)+1,1)*INDEX($D$3:$AA$30,INDEX(Jesper!$R$2:$R$366,ROW(INDEX(Jesper!AI$2:AI$366,ROUNDDOWN($C6615/24,0)+1,1))-1)+IF('Standard Profiles'!$G$19=$B$10,7,0)+IF('Standard Profiles'!$G$19=$B$17,14,0)+IF('Standard Profiles'!$G$19=$B$24,21,0),MOD($C6615,24)+1)/SUM(INDEX($D$3:$AA$30,INDEX(Jesper!$R$2:$R$366,ROW(INDEX(Jesper!AI$2:AI$366,ROUNDDOWN($C6615/24,0)+1,1))-1)+IF('Standard Profiles'!$G$19=$B$10,7,0)+IF('Standard Profiles'!$G$19=$B$17,14,0)+IF('Standard Profiles'!$G$19=$B$24,21,0),0)),0)</f>
        <v>0</v>
      </c>
      <c r="F6615" cm="1">
        <f t="array" ref="F6615">IFERROR(INDEX(Jesper!AJ$2:AJ$366,ROUNDDOWN($C6615/24,0)+1,1)*INDEX($D$3:$AA$30,INDEX(Jesper!$R$2:$R$366,ROW(INDEX(Jesper!AJ$2:AJ$366,ROUNDDOWN($C6615/24,0)+1,1))-1)+IF('Standard Profiles'!$G$20=$B$10,7,0)+IF('Standard Profiles'!$G$20=$B$17,14,0)+IF('Standard Profiles'!$G$20=$B$24,21,0),MOD($C6615,24)+1)/SUM(INDEX($D$3:$AA$30,INDEX(Jesper!$R$2:$R$366,ROW(INDEX(Jesper!AJ$2:AJ$366,ROUNDDOWN($C6615/24,0)+1,1))-1)+IF('Standard Profiles'!$G$20=$B$10,7,0)+IF('Standard Profiles'!$G$20=$B$17,14,0)+IF('Standard Profiles'!$G$20=$B$24,21,0),0)),0)</f>
        <v>0</v>
      </c>
      <c r="G6615" cm="1">
        <f t="array" ref="G6615">IFERROR(INDEX(Jesper!AK$2:AK$366,ROUNDDOWN($C6615/24,0)+1,1)*INDEX($D$3:$AA$30,INDEX(Jesper!$R$2:$R$366,ROW(INDEX(Jesper!AK$2:AK$366,ROUNDDOWN($C6615/24,0)+1,1))-1)+IF('Standard Profiles'!$G$21=$B$10,7,0)+IF('Standard Profiles'!$G$21=$B$17,14,0)+IF('Standard Profiles'!$G$21=$B$24,21,0),MOD($C6615,24)+1)/SUM(INDEX($D$3:$AA$30,INDEX(Jesper!$R$2:$R$366,ROW(INDEX(Jesper!AK$2:AK$366,ROUNDDOWN($C6615/24,0)+1,1))-1)+IF('Standard Profiles'!$G$21=$B$10,7,0)+IF('Standard Profiles'!$G$21=$B$17,14,0)+IF('Standard Profiles'!$G$21=$B$24,21,0),0)),0)</f>
        <v>0</v>
      </c>
      <c r="H6615" cm="1">
        <f t="array" ref="H6615">IFERROR(INDEX(Jesper!AL$2:AL$366,ROUNDDOWN($C6615/24,0)+1,1)*INDEX($D$3:$AA$30,INDEX(Jesper!$R$2:$R$366,ROW(INDEX(Jesper!AL$2:AL$366,ROUNDDOWN($C6615/24,0)+1,1))-1)+IF('Standard Profiles'!$G$22=$B$10,7,0)+IF('Standard Profiles'!$G$22=$B$17,14,0)+IF('Standard Profiles'!$G$22=$B$24,21,0),MOD($C6615,24)+1)/SUM(INDEX($D$3:$AA$30,INDEX(Jesper!$R$2:$R$366,ROW(INDEX(Jesper!AL$2:AL$366,ROUNDDOWN($C6615/24,0)+1,1))-1)+IF('Standard Profiles'!$G$22=$B$10,7,0)+IF('Standard Profiles'!$G$22=$B$17,14,0)+IF('Standard Profiles'!$G$22=$B$24,21,0),0)),0)</f>
        <v>0</v>
      </c>
      <c r="I6615">
        <f t="shared" si="734"/>
        <v>0.27970291940841358</v>
      </c>
      <c r="J6615">
        <f t="shared" si="735"/>
        <v>0.93234306469471206</v>
      </c>
      <c r="K6615">
        <f t="shared" si="736"/>
        <v>1.398514597042068</v>
      </c>
      <c r="L6615">
        <f t="shared" si="737"/>
        <v>6.7128700658019262</v>
      </c>
      <c r="M6615">
        <f t="shared" si="738"/>
        <v>0</v>
      </c>
      <c r="N6615" s="46">
        <f t="shared" si="739"/>
        <v>45566.208333317372</v>
      </c>
    </row>
    <row r="6616" spans="2:14" x14ac:dyDescent="0.3">
      <c r="B6616">
        <f t="shared" si="733"/>
        <v>2</v>
      </c>
      <c r="C6616" s="16">
        <v>6582</v>
      </c>
      <c r="D6616" cm="1">
        <f t="array" ref="D6616">IFERROR(INDEX(Jesper!AH$2:AH$366,ROUNDDOWN($C6616/24,0)+1,1)*INDEX($D$3:$AA$30,INDEX(Jesper!$R$2:$R$366,ROW(INDEX(Jesper!AH$2:AH$366,ROUNDDOWN($C6616/24,0)+1,1))-1)+IF('Standard Profiles'!$G$18=$B$10,7,0)+IF('Standard Profiles'!$G$18=$B$17,14,0)+IF('Standard Profiles'!$G$18=$B$24,21,0),MOD($C6616,24)+1)/SUM(INDEX($D$3:$AA$30,INDEX(Jesper!$R$2:$R$366,ROW(INDEX(Jesper!AH$2:AH$366,ROUNDDOWN($C6616/24,0)+1,1))-1)+IF('Standard Profiles'!$G$18=$B$10,7,0)+IF('Standard Profiles'!$G$18=$B$17,14,0)+IF('Standard Profiles'!$G$18=$B$24,21,0),0)),0)</f>
        <v>10.399211106210249</v>
      </c>
      <c r="E6616" cm="1">
        <f t="array" ref="E6616">IFERROR(INDEX(Jesper!AI$2:AI$366,ROUNDDOWN($C6616/24,0)+1,1)*INDEX($D$3:$AA$30,INDEX(Jesper!$R$2:$R$366,ROW(INDEX(Jesper!AI$2:AI$366,ROUNDDOWN($C6616/24,0)+1,1))-1)+IF('Standard Profiles'!$G$19=$B$10,7,0)+IF('Standard Profiles'!$G$19=$B$17,14,0)+IF('Standard Profiles'!$G$19=$B$24,21,0),MOD($C6616,24)+1)/SUM(INDEX($D$3:$AA$30,INDEX(Jesper!$R$2:$R$366,ROW(INDEX(Jesper!AI$2:AI$366,ROUNDDOWN($C6616/24,0)+1,1))-1)+IF('Standard Profiles'!$G$19=$B$10,7,0)+IF('Standard Profiles'!$G$19=$B$17,14,0)+IF('Standard Profiles'!$G$19=$B$24,21,0),0)),0)</f>
        <v>0</v>
      </c>
      <c r="F6616" cm="1">
        <f t="array" ref="F6616">IFERROR(INDEX(Jesper!AJ$2:AJ$366,ROUNDDOWN($C6616/24,0)+1,1)*INDEX($D$3:$AA$30,INDEX(Jesper!$R$2:$R$366,ROW(INDEX(Jesper!AJ$2:AJ$366,ROUNDDOWN($C6616/24,0)+1,1))-1)+IF('Standard Profiles'!$G$20=$B$10,7,0)+IF('Standard Profiles'!$G$20=$B$17,14,0)+IF('Standard Profiles'!$G$20=$B$24,21,0),MOD($C6616,24)+1)/SUM(INDEX($D$3:$AA$30,INDEX(Jesper!$R$2:$R$366,ROW(INDEX(Jesper!AJ$2:AJ$366,ROUNDDOWN($C6616/24,0)+1,1))-1)+IF('Standard Profiles'!$G$20=$B$10,7,0)+IF('Standard Profiles'!$G$20=$B$17,14,0)+IF('Standard Profiles'!$G$20=$B$24,21,0),0)),0)</f>
        <v>0</v>
      </c>
      <c r="G6616" cm="1">
        <f t="array" ref="G6616">IFERROR(INDEX(Jesper!AK$2:AK$366,ROUNDDOWN($C6616/24,0)+1,1)*INDEX($D$3:$AA$30,INDEX(Jesper!$R$2:$R$366,ROW(INDEX(Jesper!AK$2:AK$366,ROUNDDOWN($C6616/24,0)+1,1))-1)+IF('Standard Profiles'!$G$21=$B$10,7,0)+IF('Standard Profiles'!$G$21=$B$17,14,0)+IF('Standard Profiles'!$G$21=$B$24,21,0),MOD($C6616,24)+1)/SUM(INDEX($D$3:$AA$30,INDEX(Jesper!$R$2:$R$366,ROW(INDEX(Jesper!AK$2:AK$366,ROUNDDOWN($C6616/24,0)+1,1))-1)+IF('Standard Profiles'!$G$21=$B$10,7,0)+IF('Standard Profiles'!$G$21=$B$17,14,0)+IF('Standard Profiles'!$G$21=$B$24,21,0),0)),0)</f>
        <v>0</v>
      </c>
      <c r="H6616" cm="1">
        <f t="array" ref="H6616">IFERROR(INDEX(Jesper!AL$2:AL$366,ROUNDDOWN($C6616/24,0)+1,1)*INDEX($D$3:$AA$30,INDEX(Jesper!$R$2:$R$366,ROW(INDEX(Jesper!AL$2:AL$366,ROUNDDOWN($C6616/24,0)+1,1))-1)+IF('Standard Profiles'!$G$22=$B$10,7,0)+IF('Standard Profiles'!$G$22=$B$17,14,0)+IF('Standard Profiles'!$G$22=$B$24,21,0),MOD($C6616,24)+1)/SUM(INDEX($D$3:$AA$30,INDEX(Jesper!$R$2:$R$366,ROW(INDEX(Jesper!AL$2:AL$366,ROUNDDOWN($C6616/24,0)+1,1))-1)+IF('Standard Profiles'!$G$22=$B$10,7,0)+IF('Standard Profiles'!$G$22=$B$17,14,0)+IF('Standard Profiles'!$G$22=$B$24,21,0),0)),0)</f>
        <v>0</v>
      </c>
      <c r="I6616">
        <f t="shared" si="734"/>
        <v>0.31197633318630746</v>
      </c>
      <c r="J6616">
        <f t="shared" si="735"/>
        <v>1.0399211106210249</v>
      </c>
      <c r="K6616">
        <f t="shared" si="736"/>
        <v>1.5598816659315373</v>
      </c>
      <c r="L6616">
        <f t="shared" si="737"/>
        <v>7.4874319964713791</v>
      </c>
      <c r="M6616">
        <f t="shared" si="738"/>
        <v>0</v>
      </c>
      <c r="N6616" s="46">
        <f t="shared" si="739"/>
        <v>45566.249999984037</v>
      </c>
    </row>
    <row r="6617" spans="2:14" x14ac:dyDescent="0.3">
      <c r="B6617">
        <f t="shared" si="733"/>
        <v>2</v>
      </c>
      <c r="C6617" s="16">
        <v>6583</v>
      </c>
      <c r="D6617" cm="1">
        <f t="array" ref="D6617">IFERROR(INDEX(Jesper!AH$2:AH$366,ROUNDDOWN($C6617/24,0)+1,1)*INDEX($D$3:$AA$30,INDEX(Jesper!$R$2:$R$366,ROW(INDEX(Jesper!AH$2:AH$366,ROUNDDOWN($C6617/24,0)+1,1))-1)+IF('Standard Profiles'!$G$18=$B$10,7,0)+IF('Standard Profiles'!$G$18=$B$17,14,0)+IF('Standard Profiles'!$G$18=$B$24,21,0),MOD($C6617,24)+1)/SUM(INDEX($D$3:$AA$30,INDEX(Jesper!$R$2:$R$366,ROW(INDEX(Jesper!AH$2:AH$366,ROUNDDOWN($C6617/24,0)+1,1))-1)+IF('Standard Profiles'!$G$18=$B$10,7,0)+IF('Standard Profiles'!$G$18=$B$17,14,0)+IF('Standard Profiles'!$G$18=$B$24,21,0),0)),0)</f>
        <v>10.757804592631294</v>
      </c>
      <c r="E6617" cm="1">
        <f t="array" ref="E6617">IFERROR(INDEX(Jesper!AI$2:AI$366,ROUNDDOWN($C6617/24,0)+1,1)*INDEX($D$3:$AA$30,INDEX(Jesper!$R$2:$R$366,ROW(INDEX(Jesper!AI$2:AI$366,ROUNDDOWN($C6617/24,0)+1,1))-1)+IF('Standard Profiles'!$G$19=$B$10,7,0)+IF('Standard Profiles'!$G$19=$B$17,14,0)+IF('Standard Profiles'!$G$19=$B$24,21,0),MOD($C6617,24)+1)/SUM(INDEX($D$3:$AA$30,INDEX(Jesper!$R$2:$R$366,ROW(INDEX(Jesper!AI$2:AI$366,ROUNDDOWN($C6617/24,0)+1,1))-1)+IF('Standard Profiles'!$G$19=$B$10,7,0)+IF('Standard Profiles'!$G$19=$B$17,14,0)+IF('Standard Profiles'!$G$19=$B$24,21,0),0)),0)</f>
        <v>0</v>
      </c>
      <c r="F6617" cm="1">
        <f t="array" ref="F6617">IFERROR(INDEX(Jesper!AJ$2:AJ$366,ROUNDDOWN($C6617/24,0)+1,1)*INDEX($D$3:$AA$30,INDEX(Jesper!$R$2:$R$366,ROW(INDEX(Jesper!AJ$2:AJ$366,ROUNDDOWN($C6617/24,0)+1,1))-1)+IF('Standard Profiles'!$G$20=$B$10,7,0)+IF('Standard Profiles'!$G$20=$B$17,14,0)+IF('Standard Profiles'!$G$20=$B$24,21,0),MOD($C6617,24)+1)/SUM(INDEX($D$3:$AA$30,INDEX(Jesper!$R$2:$R$366,ROW(INDEX(Jesper!AJ$2:AJ$366,ROUNDDOWN($C6617/24,0)+1,1))-1)+IF('Standard Profiles'!$G$20=$B$10,7,0)+IF('Standard Profiles'!$G$20=$B$17,14,0)+IF('Standard Profiles'!$G$20=$B$24,21,0),0)),0)</f>
        <v>0</v>
      </c>
      <c r="G6617" cm="1">
        <f t="array" ref="G6617">IFERROR(INDEX(Jesper!AK$2:AK$366,ROUNDDOWN($C6617/24,0)+1,1)*INDEX($D$3:$AA$30,INDEX(Jesper!$R$2:$R$366,ROW(INDEX(Jesper!AK$2:AK$366,ROUNDDOWN($C6617/24,0)+1,1))-1)+IF('Standard Profiles'!$G$21=$B$10,7,0)+IF('Standard Profiles'!$G$21=$B$17,14,0)+IF('Standard Profiles'!$G$21=$B$24,21,0),MOD($C6617,24)+1)/SUM(INDEX($D$3:$AA$30,INDEX(Jesper!$R$2:$R$366,ROW(INDEX(Jesper!AK$2:AK$366,ROUNDDOWN($C6617/24,0)+1,1))-1)+IF('Standard Profiles'!$G$21=$B$10,7,0)+IF('Standard Profiles'!$G$21=$B$17,14,0)+IF('Standard Profiles'!$G$21=$B$24,21,0),0)),0)</f>
        <v>0</v>
      </c>
      <c r="H6617" cm="1">
        <f t="array" ref="H6617">IFERROR(INDEX(Jesper!AL$2:AL$366,ROUNDDOWN($C6617/24,0)+1,1)*INDEX($D$3:$AA$30,INDEX(Jesper!$R$2:$R$366,ROW(INDEX(Jesper!AL$2:AL$366,ROUNDDOWN($C6617/24,0)+1,1))-1)+IF('Standard Profiles'!$G$22=$B$10,7,0)+IF('Standard Profiles'!$G$22=$B$17,14,0)+IF('Standard Profiles'!$G$22=$B$24,21,0),MOD($C6617,24)+1)/SUM(INDEX($D$3:$AA$30,INDEX(Jesper!$R$2:$R$366,ROW(INDEX(Jesper!AL$2:AL$366,ROUNDDOWN($C6617/24,0)+1,1))-1)+IF('Standard Profiles'!$G$22=$B$10,7,0)+IF('Standard Profiles'!$G$22=$B$17,14,0)+IF('Standard Profiles'!$G$22=$B$24,21,0),0)),0)</f>
        <v>0</v>
      </c>
      <c r="I6617">
        <f t="shared" si="734"/>
        <v>0.32273413777893878</v>
      </c>
      <c r="J6617">
        <f t="shared" si="735"/>
        <v>1.0757804592631295</v>
      </c>
      <c r="K6617">
        <f t="shared" si="736"/>
        <v>1.6136706888946939</v>
      </c>
      <c r="L6617">
        <f t="shared" si="737"/>
        <v>7.7456193066945307</v>
      </c>
      <c r="M6617">
        <f t="shared" si="738"/>
        <v>0</v>
      </c>
      <c r="N6617" s="46">
        <f t="shared" si="739"/>
        <v>45566.291666650701</v>
      </c>
    </row>
    <row r="6618" spans="2:14" x14ac:dyDescent="0.3">
      <c r="B6618">
        <f t="shared" si="733"/>
        <v>2</v>
      </c>
      <c r="C6618" s="16">
        <v>6584</v>
      </c>
      <c r="D6618" cm="1">
        <f t="array" ref="D6618">IFERROR(INDEX(Jesper!AH$2:AH$366,ROUNDDOWN($C6618/24,0)+1,1)*INDEX($D$3:$AA$30,INDEX(Jesper!$R$2:$R$366,ROW(INDEX(Jesper!AH$2:AH$366,ROUNDDOWN($C6618/24,0)+1,1))-1)+IF('Standard Profiles'!$G$18=$B$10,7,0)+IF('Standard Profiles'!$G$18=$B$17,14,0)+IF('Standard Profiles'!$G$18=$B$24,21,0),MOD($C6618,24)+1)/SUM(INDEX($D$3:$AA$30,INDEX(Jesper!$R$2:$R$366,ROW(INDEX(Jesper!AH$2:AH$366,ROUNDDOWN($C6618/24,0)+1,1))-1)+IF('Standard Profiles'!$G$18=$B$10,7,0)+IF('Standard Profiles'!$G$18=$B$17,14,0)+IF('Standard Profiles'!$G$18=$B$24,21,0),0)),0)</f>
        <v>10.757804592631294</v>
      </c>
      <c r="E6618" cm="1">
        <f t="array" ref="E6618">IFERROR(INDEX(Jesper!AI$2:AI$366,ROUNDDOWN($C6618/24,0)+1,1)*INDEX($D$3:$AA$30,INDEX(Jesper!$R$2:$R$366,ROW(INDEX(Jesper!AI$2:AI$366,ROUNDDOWN($C6618/24,0)+1,1))-1)+IF('Standard Profiles'!$G$19=$B$10,7,0)+IF('Standard Profiles'!$G$19=$B$17,14,0)+IF('Standard Profiles'!$G$19=$B$24,21,0),MOD($C6618,24)+1)/SUM(INDEX($D$3:$AA$30,INDEX(Jesper!$R$2:$R$366,ROW(INDEX(Jesper!AI$2:AI$366,ROUNDDOWN($C6618/24,0)+1,1))-1)+IF('Standard Profiles'!$G$19=$B$10,7,0)+IF('Standard Profiles'!$G$19=$B$17,14,0)+IF('Standard Profiles'!$G$19=$B$24,21,0),0)),0)</f>
        <v>0</v>
      </c>
      <c r="F6618" cm="1">
        <f t="array" ref="F6618">IFERROR(INDEX(Jesper!AJ$2:AJ$366,ROUNDDOWN($C6618/24,0)+1,1)*INDEX($D$3:$AA$30,INDEX(Jesper!$R$2:$R$366,ROW(INDEX(Jesper!AJ$2:AJ$366,ROUNDDOWN($C6618/24,0)+1,1))-1)+IF('Standard Profiles'!$G$20=$B$10,7,0)+IF('Standard Profiles'!$G$20=$B$17,14,0)+IF('Standard Profiles'!$G$20=$B$24,21,0),MOD($C6618,24)+1)/SUM(INDEX($D$3:$AA$30,INDEX(Jesper!$R$2:$R$366,ROW(INDEX(Jesper!AJ$2:AJ$366,ROUNDDOWN($C6618/24,0)+1,1))-1)+IF('Standard Profiles'!$G$20=$B$10,7,0)+IF('Standard Profiles'!$G$20=$B$17,14,0)+IF('Standard Profiles'!$G$20=$B$24,21,0),0)),0)</f>
        <v>0</v>
      </c>
      <c r="G6618" cm="1">
        <f t="array" ref="G6618">IFERROR(INDEX(Jesper!AK$2:AK$366,ROUNDDOWN($C6618/24,0)+1,1)*INDEX($D$3:$AA$30,INDEX(Jesper!$R$2:$R$366,ROW(INDEX(Jesper!AK$2:AK$366,ROUNDDOWN($C6618/24,0)+1,1))-1)+IF('Standard Profiles'!$G$21=$B$10,7,0)+IF('Standard Profiles'!$G$21=$B$17,14,0)+IF('Standard Profiles'!$G$21=$B$24,21,0),MOD($C6618,24)+1)/SUM(INDEX($D$3:$AA$30,INDEX(Jesper!$R$2:$R$366,ROW(INDEX(Jesper!AK$2:AK$366,ROUNDDOWN($C6618/24,0)+1,1))-1)+IF('Standard Profiles'!$G$21=$B$10,7,0)+IF('Standard Profiles'!$G$21=$B$17,14,0)+IF('Standard Profiles'!$G$21=$B$24,21,0),0)),0)</f>
        <v>0</v>
      </c>
      <c r="H6618" cm="1">
        <f t="array" ref="H6618">IFERROR(INDEX(Jesper!AL$2:AL$366,ROUNDDOWN($C6618/24,0)+1,1)*INDEX($D$3:$AA$30,INDEX(Jesper!$R$2:$R$366,ROW(INDEX(Jesper!AL$2:AL$366,ROUNDDOWN($C6618/24,0)+1,1))-1)+IF('Standard Profiles'!$G$22=$B$10,7,0)+IF('Standard Profiles'!$G$22=$B$17,14,0)+IF('Standard Profiles'!$G$22=$B$24,21,0),MOD($C6618,24)+1)/SUM(INDEX($D$3:$AA$30,INDEX(Jesper!$R$2:$R$366,ROW(INDEX(Jesper!AL$2:AL$366,ROUNDDOWN($C6618/24,0)+1,1))-1)+IF('Standard Profiles'!$G$22=$B$10,7,0)+IF('Standard Profiles'!$G$22=$B$17,14,0)+IF('Standard Profiles'!$G$22=$B$24,21,0),0)),0)</f>
        <v>0</v>
      </c>
      <c r="I6618">
        <f t="shared" si="734"/>
        <v>0.32273413777893878</v>
      </c>
      <c r="J6618">
        <f t="shared" si="735"/>
        <v>1.0757804592631295</v>
      </c>
      <c r="K6618">
        <f t="shared" si="736"/>
        <v>1.6136706888946939</v>
      </c>
      <c r="L6618">
        <f t="shared" si="737"/>
        <v>7.7456193066945307</v>
      </c>
      <c r="M6618">
        <f t="shared" si="738"/>
        <v>0</v>
      </c>
      <c r="N6618" s="46">
        <f t="shared" si="739"/>
        <v>45566.333333317365</v>
      </c>
    </row>
    <row r="6619" spans="2:14" x14ac:dyDescent="0.3">
      <c r="B6619">
        <f t="shared" si="733"/>
        <v>2</v>
      </c>
      <c r="C6619" s="16">
        <v>6585</v>
      </c>
      <c r="D6619" cm="1">
        <f t="array" ref="D6619">IFERROR(INDEX(Jesper!AH$2:AH$366,ROUNDDOWN($C6619/24,0)+1,1)*INDEX($D$3:$AA$30,INDEX(Jesper!$R$2:$R$366,ROW(INDEX(Jesper!AH$2:AH$366,ROUNDDOWN($C6619/24,0)+1,1))-1)+IF('Standard Profiles'!$G$18=$B$10,7,0)+IF('Standard Profiles'!$G$18=$B$17,14,0)+IF('Standard Profiles'!$G$18=$B$24,21,0),MOD($C6619,24)+1)/SUM(INDEX($D$3:$AA$30,INDEX(Jesper!$R$2:$R$366,ROW(INDEX(Jesper!AH$2:AH$366,ROUNDDOWN($C6619/24,0)+1,1))-1)+IF('Standard Profiles'!$G$18=$B$10,7,0)+IF('Standard Profiles'!$G$18=$B$17,14,0)+IF('Standard Profiles'!$G$18=$B$24,21,0),0)),0)</f>
        <v>11.654288308683899</v>
      </c>
      <c r="E6619" cm="1">
        <f t="array" ref="E6619">IFERROR(INDEX(Jesper!AI$2:AI$366,ROUNDDOWN($C6619/24,0)+1,1)*INDEX($D$3:$AA$30,INDEX(Jesper!$R$2:$R$366,ROW(INDEX(Jesper!AI$2:AI$366,ROUNDDOWN($C6619/24,0)+1,1))-1)+IF('Standard Profiles'!$G$19=$B$10,7,0)+IF('Standard Profiles'!$G$19=$B$17,14,0)+IF('Standard Profiles'!$G$19=$B$24,21,0),MOD($C6619,24)+1)/SUM(INDEX($D$3:$AA$30,INDEX(Jesper!$R$2:$R$366,ROW(INDEX(Jesper!AI$2:AI$366,ROUNDDOWN($C6619/24,0)+1,1))-1)+IF('Standard Profiles'!$G$19=$B$10,7,0)+IF('Standard Profiles'!$G$19=$B$17,14,0)+IF('Standard Profiles'!$G$19=$B$24,21,0),0)),0)</f>
        <v>0</v>
      </c>
      <c r="F6619" cm="1">
        <f t="array" ref="F6619">IFERROR(INDEX(Jesper!AJ$2:AJ$366,ROUNDDOWN($C6619/24,0)+1,1)*INDEX($D$3:$AA$30,INDEX(Jesper!$R$2:$R$366,ROW(INDEX(Jesper!AJ$2:AJ$366,ROUNDDOWN($C6619/24,0)+1,1))-1)+IF('Standard Profiles'!$G$20=$B$10,7,0)+IF('Standard Profiles'!$G$20=$B$17,14,0)+IF('Standard Profiles'!$G$20=$B$24,21,0),MOD($C6619,24)+1)/SUM(INDEX($D$3:$AA$30,INDEX(Jesper!$R$2:$R$366,ROW(INDEX(Jesper!AJ$2:AJ$366,ROUNDDOWN($C6619/24,0)+1,1))-1)+IF('Standard Profiles'!$G$20=$B$10,7,0)+IF('Standard Profiles'!$G$20=$B$17,14,0)+IF('Standard Profiles'!$G$20=$B$24,21,0),0)),0)</f>
        <v>0</v>
      </c>
      <c r="G6619" cm="1">
        <f t="array" ref="G6619">IFERROR(INDEX(Jesper!AK$2:AK$366,ROUNDDOWN($C6619/24,0)+1,1)*INDEX($D$3:$AA$30,INDEX(Jesper!$R$2:$R$366,ROW(INDEX(Jesper!AK$2:AK$366,ROUNDDOWN($C6619/24,0)+1,1))-1)+IF('Standard Profiles'!$G$21=$B$10,7,0)+IF('Standard Profiles'!$G$21=$B$17,14,0)+IF('Standard Profiles'!$G$21=$B$24,21,0),MOD($C6619,24)+1)/SUM(INDEX($D$3:$AA$30,INDEX(Jesper!$R$2:$R$366,ROW(INDEX(Jesper!AK$2:AK$366,ROUNDDOWN($C6619/24,0)+1,1))-1)+IF('Standard Profiles'!$G$21=$B$10,7,0)+IF('Standard Profiles'!$G$21=$B$17,14,0)+IF('Standard Profiles'!$G$21=$B$24,21,0),0)),0)</f>
        <v>0</v>
      </c>
      <c r="H6619" cm="1">
        <f t="array" ref="H6619">IFERROR(INDEX(Jesper!AL$2:AL$366,ROUNDDOWN($C6619/24,0)+1,1)*INDEX($D$3:$AA$30,INDEX(Jesper!$R$2:$R$366,ROW(INDEX(Jesper!AL$2:AL$366,ROUNDDOWN($C6619/24,0)+1,1))-1)+IF('Standard Profiles'!$G$22=$B$10,7,0)+IF('Standard Profiles'!$G$22=$B$17,14,0)+IF('Standard Profiles'!$G$22=$B$24,21,0),MOD($C6619,24)+1)/SUM(INDEX($D$3:$AA$30,INDEX(Jesper!$R$2:$R$366,ROW(INDEX(Jesper!AL$2:AL$366,ROUNDDOWN($C6619/24,0)+1,1))-1)+IF('Standard Profiles'!$G$22=$B$10,7,0)+IF('Standard Profiles'!$G$22=$B$17,14,0)+IF('Standard Profiles'!$G$22=$B$24,21,0),0)),0)</f>
        <v>0</v>
      </c>
      <c r="I6619">
        <f t="shared" si="734"/>
        <v>0.34962864926051695</v>
      </c>
      <c r="J6619">
        <f t="shared" si="735"/>
        <v>1.16542883086839</v>
      </c>
      <c r="K6619">
        <f t="shared" si="736"/>
        <v>1.7481432463025848</v>
      </c>
      <c r="L6619">
        <f t="shared" si="737"/>
        <v>8.3910875822524069</v>
      </c>
      <c r="M6619">
        <f t="shared" si="738"/>
        <v>0</v>
      </c>
      <c r="N6619" s="46">
        <f t="shared" si="739"/>
        <v>45566.374999984029</v>
      </c>
    </row>
    <row r="6620" spans="2:14" x14ac:dyDescent="0.3">
      <c r="B6620">
        <f t="shared" si="733"/>
        <v>2</v>
      </c>
      <c r="C6620" s="16">
        <v>6586</v>
      </c>
      <c r="D6620" cm="1">
        <f t="array" ref="D6620">IFERROR(INDEX(Jesper!AH$2:AH$366,ROUNDDOWN($C6620/24,0)+1,1)*INDEX($D$3:$AA$30,INDEX(Jesper!$R$2:$R$366,ROW(INDEX(Jesper!AH$2:AH$366,ROUNDDOWN($C6620/24,0)+1,1))-1)+IF('Standard Profiles'!$G$18=$B$10,7,0)+IF('Standard Profiles'!$G$18=$B$17,14,0)+IF('Standard Profiles'!$G$18=$B$24,21,0),MOD($C6620,24)+1)/SUM(INDEX($D$3:$AA$30,INDEX(Jesper!$R$2:$R$366,ROW(INDEX(Jesper!AH$2:AH$366,ROUNDDOWN($C6620/24,0)+1,1))-1)+IF('Standard Profiles'!$G$18=$B$10,7,0)+IF('Standard Profiles'!$G$18=$B$17,14,0)+IF('Standard Profiles'!$G$18=$B$24,21,0),0)),0)</f>
        <v>12.192178538315463</v>
      </c>
      <c r="E6620" cm="1">
        <f t="array" ref="E6620">IFERROR(INDEX(Jesper!AI$2:AI$366,ROUNDDOWN($C6620/24,0)+1,1)*INDEX($D$3:$AA$30,INDEX(Jesper!$R$2:$R$366,ROW(INDEX(Jesper!AI$2:AI$366,ROUNDDOWN($C6620/24,0)+1,1))-1)+IF('Standard Profiles'!$G$19=$B$10,7,0)+IF('Standard Profiles'!$G$19=$B$17,14,0)+IF('Standard Profiles'!$G$19=$B$24,21,0),MOD($C6620,24)+1)/SUM(INDEX($D$3:$AA$30,INDEX(Jesper!$R$2:$R$366,ROW(INDEX(Jesper!AI$2:AI$366,ROUNDDOWN($C6620/24,0)+1,1))-1)+IF('Standard Profiles'!$G$19=$B$10,7,0)+IF('Standard Profiles'!$G$19=$B$17,14,0)+IF('Standard Profiles'!$G$19=$B$24,21,0),0)),0)</f>
        <v>0</v>
      </c>
      <c r="F6620" cm="1">
        <f t="array" ref="F6620">IFERROR(INDEX(Jesper!AJ$2:AJ$366,ROUNDDOWN($C6620/24,0)+1,1)*INDEX($D$3:$AA$30,INDEX(Jesper!$R$2:$R$366,ROW(INDEX(Jesper!AJ$2:AJ$366,ROUNDDOWN($C6620/24,0)+1,1))-1)+IF('Standard Profiles'!$G$20=$B$10,7,0)+IF('Standard Profiles'!$G$20=$B$17,14,0)+IF('Standard Profiles'!$G$20=$B$24,21,0),MOD($C6620,24)+1)/SUM(INDEX($D$3:$AA$30,INDEX(Jesper!$R$2:$R$366,ROW(INDEX(Jesper!AJ$2:AJ$366,ROUNDDOWN($C6620/24,0)+1,1))-1)+IF('Standard Profiles'!$G$20=$B$10,7,0)+IF('Standard Profiles'!$G$20=$B$17,14,0)+IF('Standard Profiles'!$G$20=$B$24,21,0),0)),0)</f>
        <v>0</v>
      </c>
      <c r="G6620" cm="1">
        <f t="array" ref="G6620">IFERROR(INDEX(Jesper!AK$2:AK$366,ROUNDDOWN($C6620/24,0)+1,1)*INDEX($D$3:$AA$30,INDEX(Jesper!$R$2:$R$366,ROW(INDEX(Jesper!AK$2:AK$366,ROUNDDOWN($C6620/24,0)+1,1))-1)+IF('Standard Profiles'!$G$21=$B$10,7,0)+IF('Standard Profiles'!$G$21=$B$17,14,0)+IF('Standard Profiles'!$G$21=$B$24,21,0),MOD($C6620,24)+1)/SUM(INDEX($D$3:$AA$30,INDEX(Jesper!$R$2:$R$366,ROW(INDEX(Jesper!AK$2:AK$366,ROUNDDOWN($C6620/24,0)+1,1))-1)+IF('Standard Profiles'!$G$21=$B$10,7,0)+IF('Standard Profiles'!$G$21=$B$17,14,0)+IF('Standard Profiles'!$G$21=$B$24,21,0),0)),0)</f>
        <v>0</v>
      </c>
      <c r="H6620" cm="1">
        <f t="array" ref="H6620">IFERROR(INDEX(Jesper!AL$2:AL$366,ROUNDDOWN($C6620/24,0)+1,1)*INDEX($D$3:$AA$30,INDEX(Jesper!$R$2:$R$366,ROW(INDEX(Jesper!AL$2:AL$366,ROUNDDOWN($C6620/24,0)+1,1))-1)+IF('Standard Profiles'!$G$22=$B$10,7,0)+IF('Standard Profiles'!$G$22=$B$17,14,0)+IF('Standard Profiles'!$G$22=$B$24,21,0),MOD($C6620,24)+1)/SUM(INDEX($D$3:$AA$30,INDEX(Jesper!$R$2:$R$366,ROW(INDEX(Jesper!AL$2:AL$366,ROUNDDOWN($C6620/24,0)+1,1))-1)+IF('Standard Profiles'!$G$22=$B$10,7,0)+IF('Standard Profiles'!$G$22=$B$17,14,0)+IF('Standard Profiles'!$G$22=$B$24,21,0),0)),0)</f>
        <v>0</v>
      </c>
      <c r="I6620">
        <f t="shared" si="734"/>
        <v>0.36576535614946387</v>
      </c>
      <c r="J6620">
        <f t="shared" si="735"/>
        <v>1.2192178538315463</v>
      </c>
      <c r="K6620">
        <f t="shared" si="736"/>
        <v>1.8288267807473195</v>
      </c>
      <c r="L6620">
        <f t="shared" si="737"/>
        <v>8.7783685475871334</v>
      </c>
      <c r="M6620">
        <f t="shared" si="738"/>
        <v>0</v>
      </c>
      <c r="N6620" s="46">
        <f t="shared" si="739"/>
        <v>45566.416666650694</v>
      </c>
    </row>
    <row r="6621" spans="2:14" x14ac:dyDescent="0.3">
      <c r="B6621">
        <f t="shared" si="733"/>
        <v>2</v>
      </c>
      <c r="C6621" s="16">
        <v>6587</v>
      </c>
      <c r="D6621" cm="1">
        <f t="array" ref="D6621">IFERROR(INDEX(Jesper!AH$2:AH$366,ROUNDDOWN($C6621/24,0)+1,1)*INDEX($D$3:$AA$30,INDEX(Jesper!$R$2:$R$366,ROW(INDEX(Jesper!AH$2:AH$366,ROUNDDOWN($C6621/24,0)+1,1))-1)+IF('Standard Profiles'!$G$18=$B$10,7,0)+IF('Standard Profiles'!$G$18=$B$17,14,0)+IF('Standard Profiles'!$G$18=$B$24,21,0),MOD($C6621,24)+1)/SUM(INDEX($D$3:$AA$30,INDEX(Jesper!$R$2:$R$366,ROW(INDEX(Jesper!AH$2:AH$366,ROUNDDOWN($C6621/24,0)+1,1))-1)+IF('Standard Profiles'!$G$18=$B$10,7,0)+IF('Standard Profiles'!$G$18=$B$17,14,0)+IF('Standard Profiles'!$G$18=$B$24,21,0),0)),0)</f>
        <v>14.343739456841725</v>
      </c>
      <c r="E6621" cm="1">
        <f t="array" ref="E6621">IFERROR(INDEX(Jesper!AI$2:AI$366,ROUNDDOWN($C6621/24,0)+1,1)*INDEX($D$3:$AA$30,INDEX(Jesper!$R$2:$R$366,ROW(INDEX(Jesper!AI$2:AI$366,ROUNDDOWN($C6621/24,0)+1,1))-1)+IF('Standard Profiles'!$G$19=$B$10,7,0)+IF('Standard Profiles'!$G$19=$B$17,14,0)+IF('Standard Profiles'!$G$19=$B$24,21,0),MOD($C6621,24)+1)/SUM(INDEX($D$3:$AA$30,INDEX(Jesper!$R$2:$R$366,ROW(INDEX(Jesper!AI$2:AI$366,ROUNDDOWN($C6621/24,0)+1,1))-1)+IF('Standard Profiles'!$G$19=$B$10,7,0)+IF('Standard Profiles'!$G$19=$B$17,14,0)+IF('Standard Profiles'!$G$19=$B$24,21,0),0)),0)</f>
        <v>0</v>
      </c>
      <c r="F6621" cm="1">
        <f t="array" ref="F6621">IFERROR(INDEX(Jesper!AJ$2:AJ$366,ROUNDDOWN($C6621/24,0)+1,1)*INDEX($D$3:$AA$30,INDEX(Jesper!$R$2:$R$366,ROW(INDEX(Jesper!AJ$2:AJ$366,ROUNDDOWN($C6621/24,0)+1,1))-1)+IF('Standard Profiles'!$G$20=$B$10,7,0)+IF('Standard Profiles'!$G$20=$B$17,14,0)+IF('Standard Profiles'!$G$20=$B$24,21,0),MOD($C6621,24)+1)/SUM(INDEX($D$3:$AA$30,INDEX(Jesper!$R$2:$R$366,ROW(INDEX(Jesper!AJ$2:AJ$366,ROUNDDOWN($C6621/24,0)+1,1))-1)+IF('Standard Profiles'!$G$20=$B$10,7,0)+IF('Standard Profiles'!$G$20=$B$17,14,0)+IF('Standard Profiles'!$G$20=$B$24,21,0),0)),0)</f>
        <v>0</v>
      </c>
      <c r="G6621" cm="1">
        <f t="array" ref="G6621">IFERROR(INDEX(Jesper!AK$2:AK$366,ROUNDDOWN($C6621/24,0)+1,1)*INDEX($D$3:$AA$30,INDEX(Jesper!$R$2:$R$366,ROW(INDEX(Jesper!AK$2:AK$366,ROUNDDOWN($C6621/24,0)+1,1))-1)+IF('Standard Profiles'!$G$21=$B$10,7,0)+IF('Standard Profiles'!$G$21=$B$17,14,0)+IF('Standard Profiles'!$G$21=$B$24,21,0),MOD($C6621,24)+1)/SUM(INDEX($D$3:$AA$30,INDEX(Jesper!$R$2:$R$366,ROW(INDEX(Jesper!AK$2:AK$366,ROUNDDOWN($C6621/24,0)+1,1))-1)+IF('Standard Profiles'!$G$21=$B$10,7,0)+IF('Standard Profiles'!$G$21=$B$17,14,0)+IF('Standard Profiles'!$G$21=$B$24,21,0),0)),0)</f>
        <v>0</v>
      </c>
      <c r="H6621" cm="1">
        <f t="array" ref="H6621">IFERROR(INDEX(Jesper!AL$2:AL$366,ROUNDDOWN($C6621/24,0)+1,1)*INDEX($D$3:$AA$30,INDEX(Jesper!$R$2:$R$366,ROW(INDEX(Jesper!AL$2:AL$366,ROUNDDOWN($C6621/24,0)+1,1))-1)+IF('Standard Profiles'!$G$22=$B$10,7,0)+IF('Standard Profiles'!$G$22=$B$17,14,0)+IF('Standard Profiles'!$G$22=$B$24,21,0),MOD($C6621,24)+1)/SUM(INDEX($D$3:$AA$30,INDEX(Jesper!$R$2:$R$366,ROW(INDEX(Jesper!AL$2:AL$366,ROUNDDOWN($C6621/24,0)+1,1))-1)+IF('Standard Profiles'!$G$22=$B$10,7,0)+IF('Standard Profiles'!$G$22=$B$17,14,0)+IF('Standard Profiles'!$G$22=$B$24,21,0),0)),0)</f>
        <v>0</v>
      </c>
      <c r="I6621">
        <f t="shared" si="734"/>
        <v>0.43031218370525171</v>
      </c>
      <c r="J6621">
        <f t="shared" si="735"/>
        <v>1.4343739456841726</v>
      </c>
      <c r="K6621">
        <f t="shared" si="736"/>
        <v>2.1515609185262585</v>
      </c>
      <c r="L6621">
        <f t="shared" si="737"/>
        <v>10.327492408926041</v>
      </c>
      <c r="M6621">
        <f t="shared" si="738"/>
        <v>0</v>
      </c>
      <c r="N6621" s="46">
        <f t="shared" si="739"/>
        <v>45566.458333317358</v>
      </c>
    </row>
    <row r="6622" spans="2:14" x14ac:dyDescent="0.3">
      <c r="B6622">
        <f t="shared" si="733"/>
        <v>2</v>
      </c>
      <c r="C6622" s="16">
        <v>6588</v>
      </c>
      <c r="D6622" cm="1">
        <f t="array" ref="D6622">IFERROR(INDEX(Jesper!AH$2:AH$366,ROUNDDOWN($C6622/24,0)+1,1)*INDEX($D$3:$AA$30,INDEX(Jesper!$R$2:$R$366,ROW(INDEX(Jesper!AH$2:AH$366,ROUNDDOWN($C6622/24,0)+1,1))-1)+IF('Standard Profiles'!$G$18=$B$10,7,0)+IF('Standard Profiles'!$G$18=$B$17,14,0)+IF('Standard Profiles'!$G$18=$B$24,21,0),MOD($C6622,24)+1)/SUM(INDEX($D$3:$AA$30,INDEX(Jesper!$R$2:$R$366,ROW(INDEX(Jesper!AH$2:AH$366,ROUNDDOWN($C6622/24,0)+1,1))-1)+IF('Standard Profiles'!$G$18=$B$10,7,0)+IF('Standard Profiles'!$G$18=$B$17,14,0)+IF('Standard Profiles'!$G$18=$B$24,21,0),0)),0)</f>
        <v>14.343739456841725</v>
      </c>
      <c r="E6622" cm="1">
        <f t="array" ref="E6622">IFERROR(INDEX(Jesper!AI$2:AI$366,ROUNDDOWN($C6622/24,0)+1,1)*INDEX($D$3:$AA$30,INDEX(Jesper!$R$2:$R$366,ROW(INDEX(Jesper!AI$2:AI$366,ROUNDDOWN($C6622/24,0)+1,1))-1)+IF('Standard Profiles'!$G$19=$B$10,7,0)+IF('Standard Profiles'!$G$19=$B$17,14,0)+IF('Standard Profiles'!$G$19=$B$24,21,0),MOD($C6622,24)+1)/SUM(INDEX($D$3:$AA$30,INDEX(Jesper!$R$2:$R$366,ROW(INDEX(Jesper!AI$2:AI$366,ROUNDDOWN($C6622/24,0)+1,1))-1)+IF('Standard Profiles'!$G$19=$B$10,7,0)+IF('Standard Profiles'!$G$19=$B$17,14,0)+IF('Standard Profiles'!$G$19=$B$24,21,0),0)),0)</f>
        <v>0</v>
      </c>
      <c r="F6622" cm="1">
        <f t="array" ref="F6622">IFERROR(INDEX(Jesper!AJ$2:AJ$366,ROUNDDOWN($C6622/24,0)+1,1)*INDEX($D$3:$AA$30,INDEX(Jesper!$R$2:$R$366,ROW(INDEX(Jesper!AJ$2:AJ$366,ROUNDDOWN($C6622/24,0)+1,1))-1)+IF('Standard Profiles'!$G$20=$B$10,7,0)+IF('Standard Profiles'!$G$20=$B$17,14,0)+IF('Standard Profiles'!$G$20=$B$24,21,0),MOD($C6622,24)+1)/SUM(INDEX($D$3:$AA$30,INDEX(Jesper!$R$2:$R$366,ROW(INDEX(Jesper!AJ$2:AJ$366,ROUNDDOWN($C6622/24,0)+1,1))-1)+IF('Standard Profiles'!$G$20=$B$10,7,0)+IF('Standard Profiles'!$G$20=$B$17,14,0)+IF('Standard Profiles'!$G$20=$B$24,21,0),0)),0)</f>
        <v>0</v>
      </c>
      <c r="G6622" cm="1">
        <f t="array" ref="G6622">IFERROR(INDEX(Jesper!AK$2:AK$366,ROUNDDOWN($C6622/24,0)+1,1)*INDEX($D$3:$AA$30,INDEX(Jesper!$R$2:$R$366,ROW(INDEX(Jesper!AK$2:AK$366,ROUNDDOWN($C6622/24,0)+1,1))-1)+IF('Standard Profiles'!$G$21=$B$10,7,0)+IF('Standard Profiles'!$G$21=$B$17,14,0)+IF('Standard Profiles'!$G$21=$B$24,21,0),MOD($C6622,24)+1)/SUM(INDEX($D$3:$AA$30,INDEX(Jesper!$R$2:$R$366,ROW(INDEX(Jesper!AK$2:AK$366,ROUNDDOWN($C6622/24,0)+1,1))-1)+IF('Standard Profiles'!$G$21=$B$10,7,0)+IF('Standard Profiles'!$G$21=$B$17,14,0)+IF('Standard Profiles'!$G$21=$B$24,21,0),0)),0)</f>
        <v>0</v>
      </c>
      <c r="H6622" cm="1">
        <f t="array" ref="H6622">IFERROR(INDEX(Jesper!AL$2:AL$366,ROUNDDOWN($C6622/24,0)+1,1)*INDEX($D$3:$AA$30,INDEX(Jesper!$R$2:$R$366,ROW(INDEX(Jesper!AL$2:AL$366,ROUNDDOWN($C6622/24,0)+1,1))-1)+IF('Standard Profiles'!$G$22=$B$10,7,0)+IF('Standard Profiles'!$G$22=$B$17,14,0)+IF('Standard Profiles'!$G$22=$B$24,21,0),MOD($C6622,24)+1)/SUM(INDEX($D$3:$AA$30,INDEX(Jesper!$R$2:$R$366,ROW(INDEX(Jesper!AL$2:AL$366,ROUNDDOWN($C6622/24,0)+1,1))-1)+IF('Standard Profiles'!$G$22=$B$10,7,0)+IF('Standard Profiles'!$G$22=$B$17,14,0)+IF('Standard Profiles'!$G$22=$B$24,21,0),0)),0)</f>
        <v>0</v>
      </c>
      <c r="I6622">
        <f t="shared" si="734"/>
        <v>0.43031218370525171</v>
      </c>
      <c r="J6622">
        <f t="shared" si="735"/>
        <v>1.4343739456841726</v>
      </c>
      <c r="K6622">
        <f t="shared" si="736"/>
        <v>2.1515609185262585</v>
      </c>
      <c r="L6622">
        <f t="shared" si="737"/>
        <v>10.327492408926041</v>
      </c>
      <c r="M6622">
        <f t="shared" si="738"/>
        <v>0</v>
      </c>
      <c r="N6622" s="46">
        <f t="shared" si="739"/>
        <v>45566.499999984022</v>
      </c>
    </row>
    <row r="6623" spans="2:14" x14ac:dyDescent="0.3">
      <c r="B6623">
        <f t="shared" si="733"/>
        <v>2</v>
      </c>
      <c r="C6623" s="16">
        <v>6589</v>
      </c>
      <c r="D6623" cm="1">
        <f t="array" ref="D6623">IFERROR(INDEX(Jesper!AH$2:AH$366,ROUNDDOWN($C6623/24,0)+1,1)*INDEX($D$3:$AA$30,INDEX(Jesper!$R$2:$R$366,ROW(INDEX(Jesper!AH$2:AH$366,ROUNDDOWN($C6623/24,0)+1,1))-1)+IF('Standard Profiles'!$G$18=$B$10,7,0)+IF('Standard Profiles'!$G$18=$B$17,14,0)+IF('Standard Profiles'!$G$18=$B$24,21,0),MOD($C6623,24)+1)/SUM(INDEX($D$3:$AA$30,INDEX(Jesper!$R$2:$R$366,ROW(INDEX(Jesper!AH$2:AH$366,ROUNDDOWN($C6623/24,0)+1,1))-1)+IF('Standard Profiles'!$G$18=$B$10,7,0)+IF('Standard Profiles'!$G$18=$B$17,14,0)+IF('Standard Profiles'!$G$18=$B$24,21,0),0)),0)</f>
        <v>14.343739456841725</v>
      </c>
      <c r="E6623" cm="1">
        <f t="array" ref="E6623">IFERROR(INDEX(Jesper!AI$2:AI$366,ROUNDDOWN($C6623/24,0)+1,1)*INDEX($D$3:$AA$30,INDEX(Jesper!$R$2:$R$366,ROW(INDEX(Jesper!AI$2:AI$366,ROUNDDOWN($C6623/24,0)+1,1))-1)+IF('Standard Profiles'!$G$19=$B$10,7,0)+IF('Standard Profiles'!$G$19=$B$17,14,0)+IF('Standard Profiles'!$G$19=$B$24,21,0),MOD($C6623,24)+1)/SUM(INDEX($D$3:$AA$30,INDEX(Jesper!$R$2:$R$366,ROW(INDEX(Jesper!AI$2:AI$366,ROUNDDOWN($C6623/24,0)+1,1))-1)+IF('Standard Profiles'!$G$19=$B$10,7,0)+IF('Standard Profiles'!$G$19=$B$17,14,0)+IF('Standard Profiles'!$G$19=$B$24,21,0),0)),0)</f>
        <v>0</v>
      </c>
      <c r="F6623" cm="1">
        <f t="array" ref="F6623">IFERROR(INDEX(Jesper!AJ$2:AJ$366,ROUNDDOWN($C6623/24,0)+1,1)*INDEX($D$3:$AA$30,INDEX(Jesper!$R$2:$R$366,ROW(INDEX(Jesper!AJ$2:AJ$366,ROUNDDOWN($C6623/24,0)+1,1))-1)+IF('Standard Profiles'!$G$20=$B$10,7,0)+IF('Standard Profiles'!$G$20=$B$17,14,0)+IF('Standard Profiles'!$G$20=$B$24,21,0),MOD($C6623,24)+1)/SUM(INDEX($D$3:$AA$30,INDEX(Jesper!$R$2:$R$366,ROW(INDEX(Jesper!AJ$2:AJ$366,ROUNDDOWN($C6623/24,0)+1,1))-1)+IF('Standard Profiles'!$G$20=$B$10,7,0)+IF('Standard Profiles'!$G$20=$B$17,14,0)+IF('Standard Profiles'!$G$20=$B$24,21,0),0)),0)</f>
        <v>0</v>
      </c>
      <c r="G6623" cm="1">
        <f t="array" ref="G6623">IFERROR(INDEX(Jesper!AK$2:AK$366,ROUNDDOWN($C6623/24,0)+1,1)*INDEX($D$3:$AA$30,INDEX(Jesper!$R$2:$R$366,ROW(INDEX(Jesper!AK$2:AK$366,ROUNDDOWN($C6623/24,0)+1,1))-1)+IF('Standard Profiles'!$G$21=$B$10,7,0)+IF('Standard Profiles'!$G$21=$B$17,14,0)+IF('Standard Profiles'!$G$21=$B$24,21,0),MOD($C6623,24)+1)/SUM(INDEX($D$3:$AA$30,INDEX(Jesper!$R$2:$R$366,ROW(INDEX(Jesper!AK$2:AK$366,ROUNDDOWN($C6623/24,0)+1,1))-1)+IF('Standard Profiles'!$G$21=$B$10,7,0)+IF('Standard Profiles'!$G$21=$B$17,14,0)+IF('Standard Profiles'!$G$21=$B$24,21,0),0)),0)</f>
        <v>0</v>
      </c>
      <c r="H6623" cm="1">
        <f t="array" ref="H6623">IFERROR(INDEX(Jesper!AL$2:AL$366,ROUNDDOWN($C6623/24,0)+1,1)*INDEX($D$3:$AA$30,INDEX(Jesper!$R$2:$R$366,ROW(INDEX(Jesper!AL$2:AL$366,ROUNDDOWN($C6623/24,0)+1,1))-1)+IF('Standard Profiles'!$G$22=$B$10,7,0)+IF('Standard Profiles'!$G$22=$B$17,14,0)+IF('Standard Profiles'!$G$22=$B$24,21,0),MOD($C6623,24)+1)/SUM(INDEX($D$3:$AA$30,INDEX(Jesper!$R$2:$R$366,ROW(INDEX(Jesper!AL$2:AL$366,ROUNDDOWN($C6623/24,0)+1,1))-1)+IF('Standard Profiles'!$G$22=$B$10,7,0)+IF('Standard Profiles'!$G$22=$B$17,14,0)+IF('Standard Profiles'!$G$22=$B$24,21,0),0)),0)</f>
        <v>0</v>
      </c>
      <c r="I6623">
        <f t="shared" si="734"/>
        <v>0.43031218370525171</v>
      </c>
      <c r="J6623">
        <f t="shared" si="735"/>
        <v>1.4343739456841726</v>
      </c>
      <c r="K6623">
        <f t="shared" si="736"/>
        <v>2.1515609185262585</v>
      </c>
      <c r="L6623">
        <f t="shared" si="737"/>
        <v>10.327492408926041</v>
      </c>
      <c r="M6623">
        <f t="shared" si="738"/>
        <v>0</v>
      </c>
      <c r="N6623" s="46">
        <f t="shared" si="739"/>
        <v>45566.541666650686</v>
      </c>
    </row>
    <row r="6624" spans="2:14" x14ac:dyDescent="0.3">
      <c r="B6624">
        <f t="shared" si="733"/>
        <v>2</v>
      </c>
      <c r="C6624" s="16">
        <v>6590</v>
      </c>
      <c r="D6624" cm="1">
        <f t="array" ref="D6624">IFERROR(INDEX(Jesper!AH$2:AH$366,ROUNDDOWN($C6624/24,0)+1,1)*INDEX($D$3:$AA$30,INDEX(Jesper!$R$2:$R$366,ROW(INDEX(Jesper!AH$2:AH$366,ROUNDDOWN($C6624/24,0)+1,1))-1)+IF('Standard Profiles'!$G$18=$B$10,7,0)+IF('Standard Profiles'!$G$18=$B$17,14,0)+IF('Standard Profiles'!$G$18=$B$24,21,0),MOD($C6624,24)+1)/SUM(INDEX($D$3:$AA$30,INDEX(Jesper!$R$2:$R$366,ROW(INDEX(Jesper!AH$2:AH$366,ROUNDDOWN($C6624/24,0)+1,1))-1)+IF('Standard Profiles'!$G$18=$B$10,7,0)+IF('Standard Profiles'!$G$18=$B$17,14,0)+IF('Standard Profiles'!$G$18=$B$24,21,0),0)),0)</f>
        <v>14.343739456841725</v>
      </c>
      <c r="E6624" cm="1">
        <f t="array" ref="E6624">IFERROR(INDEX(Jesper!AI$2:AI$366,ROUNDDOWN($C6624/24,0)+1,1)*INDEX($D$3:$AA$30,INDEX(Jesper!$R$2:$R$366,ROW(INDEX(Jesper!AI$2:AI$366,ROUNDDOWN($C6624/24,0)+1,1))-1)+IF('Standard Profiles'!$G$19=$B$10,7,0)+IF('Standard Profiles'!$G$19=$B$17,14,0)+IF('Standard Profiles'!$G$19=$B$24,21,0),MOD($C6624,24)+1)/SUM(INDEX($D$3:$AA$30,INDEX(Jesper!$R$2:$R$366,ROW(INDEX(Jesper!AI$2:AI$366,ROUNDDOWN($C6624/24,0)+1,1))-1)+IF('Standard Profiles'!$G$19=$B$10,7,0)+IF('Standard Profiles'!$G$19=$B$17,14,0)+IF('Standard Profiles'!$G$19=$B$24,21,0),0)),0)</f>
        <v>0</v>
      </c>
      <c r="F6624" cm="1">
        <f t="array" ref="F6624">IFERROR(INDEX(Jesper!AJ$2:AJ$366,ROUNDDOWN($C6624/24,0)+1,1)*INDEX($D$3:$AA$30,INDEX(Jesper!$R$2:$R$366,ROW(INDEX(Jesper!AJ$2:AJ$366,ROUNDDOWN($C6624/24,0)+1,1))-1)+IF('Standard Profiles'!$G$20=$B$10,7,0)+IF('Standard Profiles'!$G$20=$B$17,14,0)+IF('Standard Profiles'!$G$20=$B$24,21,0),MOD($C6624,24)+1)/SUM(INDEX($D$3:$AA$30,INDEX(Jesper!$R$2:$R$366,ROW(INDEX(Jesper!AJ$2:AJ$366,ROUNDDOWN($C6624/24,0)+1,1))-1)+IF('Standard Profiles'!$G$20=$B$10,7,0)+IF('Standard Profiles'!$G$20=$B$17,14,0)+IF('Standard Profiles'!$G$20=$B$24,21,0),0)),0)</f>
        <v>0</v>
      </c>
      <c r="G6624" cm="1">
        <f t="array" ref="G6624">IFERROR(INDEX(Jesper!AK$2:AK$366,ROUNDDOWN($C6624/24,0)+1,1)*INDEX($D$3:$AA$30,INDEX(Jesper!$R$2:$R$366,ROW(INDEX(Jesper!AK$2:AK$366,ROUNDDOWN($C6624/24,0)+1,1))-1)+IF('Standard Profiles'!$G$21=$B$10,7,0)+IF('Standard Profiles'!$G$21=$B$17,14,0)+IF('Standard Profiles'!$G$21=$B$24,21,0),MOD($C6624,24)+1)/SUM(INDEX($D$3:$AA$30,INDEX(Jesper!$R$2:$R$366,ROW(INDEX(Jesper!AK$2:AK$366,ROUNDDOWN($C6624/24,0)+1,1))-1)+IF('Standard Profiles'!$G$21=$B$10,7,0)+IF('Standard Profiles'!$G$21=$B$17,14,0)+IF('Standard Profiles'!$G$21=$B$24,21,0),0)),0)</f>
        <v>0</v>
      </c>
      <c r="H6624" cm="1">
        <f t="array" ref="H6624">IFERROR(INDEX(Jesper!AL$2:AL$366,ROUNDDOWN($C6624/24,0)+1,1)*INDEX($D$3:$AA$30,INDEX(Jesper!$R$2:$R$366,ROW(INDEX(Jesper!AL$2:AL$366,ROUNDDOWN($C6624/24,0)+1,1))-1)+IF('Standard Profiles'!$G$22=$B$10,7,0)+IF('Standard Profiles'!$G$22=$B$17,14,0)+IF('Standard Profiles'!$G$22=$B$24,21,0),MOD($C6624,24)+1)/SUM(INDEX($D$3:$AA$30,INDEX(Jesper!$R$2:$R$366,ROW(INDEX(Jesper!AL$2:AL$366,ROUNDDOWN($C6624/24,0)+1,1))-1)+IF('Standard Profiles'!$G$22=$B$10,7,0)+IF('Standard Profiles'!$G$22=$B$17,14,0)+IF('Standard Profiles'!$G$22=$B$24,21,0),0)),0)</f>
        <v>0</v>
      </c>
      <c r="I6624">
        <f t="shared" si="734"/>
        <v>0.43031218370525171</v>
      </c>
      <c r="J6624">
        <f t="shared" si="735"/>
        <v>1.4343739456841726</v>
      </c>
      <c r="K6624">
        <f t="shared" si="736"/>
        <v>2.1515609185262585</v>
      </c>
      <c r="L6624">
        <f t="shared" si="737"/>
        <v>10.327492408926041</v>
      </c>
      <c r="M6624">
        <f t="shared" si="738"/>
        <v>0</v>
      </c>
      <c r="N6624" s="46">
        <f t="shared" si="739"/>
        <v>45566.58333331735</v>
      </c>
    </row>
    <row r="6625" spans="2:14" x14ac:dyDescent="0.3">
      <c r="B6625">
        <f t="shared" si="733"/>
        <v>2</v>
      </c>
      <c r="C6625" s="16">
        <v>6591</v>
      </c>
      <c r="D6625" cm="1">
        <f t="array" ref="D6625">IFERROR(INDEX(Jesper!AH$2:AH$366,ROUNDDOWN($C6625/24,0)+1,1)*INDEX($D$3:$AA$30,INDEX(Jesper!$R$2:$R$366,ROW(INDEX(Jesper!AH$2:AH$366,ROUNDDOWN($C6625/24,0)+1,1))-1)+IF('Standard Profiles'!$G$18=$B$10,7,0)+IF('Standard Profiles'!$G$18=$B$17,14,0)+IF('Standard Profiles'!$G$18=$B$24,21,0),MOD($C6625,24)+1)/SUM(INDEX($D$3:$AA$30,INDEX(Jesper!$R$2:$R$366,ROW(INDEX(Jesper!AH$2:AH$366,ROUNDDOWN($C6625/24,0)+1,1))-1)+IF('Standard Profiles'!$G$18=$B$10,7,0)+IF('Standard Profiles'!$G$18=$B$17,14,0)+IF('Standard Profiles'!$G$18=$B$24,21,0),0)),0)</f>
        <v>14.343739456841725</v>
      </c>
      <c r="E6625" cm="1">
        <f t="array" ref="E6625">IFERROR(INDEX(Jesper!AI$2:AI$366,ROUNDDOWN($C6625/24,0)+1,1)*INDEX($D$3:$AA$30,INDEX(Jesper!$R$2:$R$366,ROW(INDEX(Jesper!AI$2:AI$366,ROUNDDOWN($C6625/24,0)+1,1))-1)+IF('Standard Profiles'!$G$19=$B$10,7,0)+IF('Standard Profiles'!$G$19=$B$17,14,0)+IF('Standard Profiles'!$G$19=$B$24,21,0),MOD($C6625,24)+1)/SUM(INDEX($D$3:$AA$30,INDEX(Jesper!$R$2:$R$366,ROW(INDEX(Jesper!AI$2:AI$366,ROUNDDOWN($C6625/24,0)+1,1))-1)+IF('Standard Profiles'!$G$19=$B$10,7,0)+IF('Standard Profiles'!$G$19=$B$17,14,0)+IF('Standard Profiles'!$G$19=$B$24,21,0),0)),0)</f>
        <v>0</v>
      </c>
      <c r="F6625" cm="1">
        <f t="array" ref="F6625">IFERROR(INDEX(Jesper!AJ$2:AJ$366,ROUNDDOWN($C6625/24,0)+1,1)*INDEX($D$3:$AA$30,INDEX(Jesper!$R$2:$R$366,ROW(INDEX(Jesper!AJ$2:AJ$366,ROUNDDOWN($C6625/24,0)+1,1))-1)+IF('Standard Profiles'!$G$20=$B$10,7,0)+IF('Standard Profiles'!$G$20=$B$17,14,0)+IF('Standard Profiles'!$G$20=$B$24,21,0),MOD($C6625,24)+1)/SUM(INDEX($D$3:$AA$30,INDEX(Jesper!$R$2:$R$366,ROW(INDEX(Jesper!AJ$2:AJ$366,ROUNDDOWN($C6625/24,0)+1,1))-1)+IF('Standard Profiles'!$G$20=$B$10,7,0)+IF('Standard Profiles'!$G$20=$B$17,14,0)+IF('Standard Profiles'!$G$20=$B$24,21,0),0)),0)</f>
        <v>0</v>
      </c>
      <c r="G6625" cm="1">
        <f t="array" ref="G6625">IFERROR(INDEX(Jesper!AK$2:AK$366,ROUNDDOWN($C6625/24,0)+1,1)*INDEX($D$3:$AA$30,INDEX(Jesper!$R$2:$R$366,ROW(INDEX(Jesper!AK$2:AK$366,ROUNDDOWN($C6625/24,0)+1,1))-1)+IF('Standard Profiles'!$G$21=$B$10,7,0)+IF('Standard Profiles'!$G$21=$B$17,14,0)+IF('Standard Profiles'!$G$21=$B$24,21,0),MOD($C6625,24)+1)/SUM(INDEX($D$3:$AA$30,INDEX(Jesper!$R$2:$R$366,ROW(INDEX(Jesper!AK$2:AK$366,ROUNDDOWN($C6625/24,0)+1,1))-1)+IF('Standard Profiles'!$G$21=$B$10,7,0)+IF('Standard Profiles'!$G$21=$B$17,14,0)+IF('Standard Profiles'!$G$21=$B$24,21,0),0)),0)</f>
        <v>0</v>
      </c>
      <c r="H6625" cm="1">
        <f t="array" ref="H6625">IFERROR(INDEX(Jesper!AL$2:AL$366,ROUNDDOWN($C6625/24,0)+1,1)*INDEX($D$3:$AA$30,INDEX(Jesper!$R$2:$R$366,ROW(INDEX(Jesper!AL$2:AL$366,ROUNDDOWN($C6625/24,0)+1,1))-1)+IF('Standard Profiles'!$G$22=$B$10,7,0)+IF('Standard Profiles'!$G$22=$B$17,14,0)+IF('Standard Profiles'!$G$22=$B$24,21,0),MOD($C6625,24)+1)/SUM(INDEX($D$3:$AA$30,INDEX(Jesper!$R$2:$R$366,ROW(INDEX(Jesper!AL$2:AL$366,ROUNDDOWN($C6625/24,0)+1,1))-1)+IF('Standard Profiles'!$G$22=$B$10,7,0)+IF('Standard Profiles'!$G$22=$B$17,14,0)+IF('Standard Profiles'!$G$22=$B$24,21,0),0)),0)</f>
        <v>0</v>
      </c>
      <c r="I6625">
        <f t="shared" si="734"/>
        <v>0.43031218370525171</v>
      </c>
      <c r="J6625">
        <f t="shared" si="735"/>
        <v>1.4343739456841726</v>
      </c>
      <c r="K6625">
        <f t="shared" si="736"/>
        <v>2.1515609185262585</v>
      </c>
      <c r="L6625">
        <f t="shared" si="737"/>
        <v>10.327492408926041</v>
      </c>
      <c r="M6625">
        <f t="shared" si="738"/>
        <v>0</v>
      </c>
      <c r="N6625" s="46">
        <f t="shared" si="739"/>
        <v>45566.624999984015</v>
      </c>
    </row>
    <row r="6626" spans="2:14" x14ac:dyDescent="0.3">
      <c r="B6626">
        <f t="shared" si="733"/>
        <v>2</v>
      </c>
      <c r="C6626" s="16">
        <v>6592</v>
      </c>
      <c r="D6626" cm="1">
        <f t="array" ref="D6626">IFERROR(INDEX(Jesper!AH$2:AH$366,ROUNDDOWN($C6626/24,0)+1,1)*INDEX($D$3:$AA$30,INDEX(Jesper!$R$2:$R$366,ROW(INDEX(Jesper!AH$2:AH$366,ROUNDDOWN($C6626/24,0)+1,1))-1)+IF('Standard Profiles'!$G$18=$B$10,7,0)+IF('Standard Profiles'!$G$18=$B$17,14,0)+IF('Standard Profiles'!$G$18=$B$24,21,0),MOD($C6626,24)+1)/SUM(INDEX($D$3:$AA$30,INDEX(Jesper!$R$2:$R$366,ROW(INDEX(Jesper!AH$2:AH$366,ROUNDDOWN($C6626/24,0)+1,1))-1)+IF('Standard Profiles'!$G$18=$B$10,7,0)+IF('Standard Profiles'!$G$18=$B$17,14,0)+IF('Standard Profiles'!$G$18=$B$24,21,0),0)),0)</f>
        <v>14.343739456841725</v>
      </c>
      <c r="E6626" cm="1">
        <f t="array" ref="E6626">IFERROR(INDEX(Jesper!AI$2:AI$366,ROUNDDOWN($C6626/24,0)+1,1)*INDEX($D$3:$AA$30,INDEX(Jesper!$R$2:$R$366,ROW(INDEX(Jesper!AI$2:AI$366,ROUNDDOWN($C6626/24,0)+1,1))-1)+IF('Standard Profiles'!$G$19=$B$10,7,0)+IF('Standard Profiles'!$G$19=$B$17,14,0)+IF('Standard Profiles'!$G$19=$B$24,21,0),MOD($C6626,24)+1)/SUM(INDEX($D$3:$AA$30,INDEX(Jesper!$R$2:$R$366,ROW(INDEX(Jesper!AI$2:AI$366,ROUNDDOWN($C6626/24,0)+1,1))-1)+IF('Standard Profiles'!$G$19=$B$10,7,0)+IF('Standard Profiles'!$G$19=$B$17,14,0)+IF('Standard Profiles'!$G$19=$B$24,21,0),0)),0)</f>
        <v>0</v>
      </c>
      <c r="F6626" cm="1">
        <f t="array" ref="F6626">IFERROR(INDEX(Jesper!AJ$2:AJ$366,ROUNDDOWN($C6626/24,0)+1,1)*INDEX($D$3:$AA$30,INDEX(Jesper!$R$2:$R$366,ROW(INDEX(Jesper!AJ$2:AJ$366,ROUNDDOWN($C6626/24,0)+1,1))-1)+IF('Standard Profiles'!$G$20=$B$10,7,0)+IF('Standard Profiles'!$G$20=$B$17,14,0)+IF('Standard Profiles'!$G$20=$B$24,21,0),MOD($C6626,24)+1)/SUM(INDEX($D$3:$AA$30,INDEX(Jesper!$R$2:$R$366,ROW(INDEX(Jesper!AJ$2:AJ$366,ROUNDDOWN($C6626/24,0)+1,1))-1)+IF('Standard Profiles'!$G$20=$B$10,7,0)+IF('Standard Profiles'!$G$20=$B$17,14,0)+IF('Standard Profiles'!$G$20=$B$24,21,0),0)),0)</f>
        <v>0</v>
      </c>
      <c r="G6626" cm="1">
        <f t="array" ref="G6626">IFERROR(INDEX(Jesper!AK$2:AK$366,ROUNDDOWN($C6626/24,0)+1,1)*INDEX($D$3:$AA$30,INDEX(Jesper!$R$2:$R$366,ROW(INDEX(Jesper!AK$2:AK$366,ROUNDDOWN($C6626/24,0)+1,1))-1)+IF('Standard Profiles'!$G$21=$B$10,7,0)+IF('Standard Profiles'!$G$21=$B$17,14,0)+IF('Standard Profiles'!$G$21=$B$24,21,0),MOD($C6626,24)+1)/SUM(INDEX($D$3:$AA$30,INDEX(Jesper!$R$2:$R$366,ROW(INDEX(Jesper!AK$2:AK$366,ROUNDDOWN($C6626/24,0)+1,1))-1)+IF('Standard Profiles'!$G$21=$B$10,7,0)+IF('Standard Profiles'!$G$21=$B$17,14,0)+IF('Standard Profiles'!$G$21=$B$24,21,0),0)),0)</f>
        <v>0</v>
      </c>
      <c r="H6626" cm="1">
        <f t="array" ref="H6626">IFERROR(INDEX(Jesper!AL$2:AL$366,ROUNDDOWN($C6626/24,0)+1,1)*INDEX($D$3:$AA$30,INDEX(Jesper!$R$2:$R$366,ROW(INDEX(Jesper!AL$2:AL$366,ROUNDDOWN($C6626/24,0)+1,1))-1)+IF('Standard Profiles'!$G$22=$B$10,7,0)+IF('Standard Profiles'!$G$22=$B$17,14,0)+IF('Standard Profiles'!$G$22=$B$24,21,0),MOD($C6626,24)+1)/SUM(INDEX($D$3:$AA$30,INDEX(Jesper!$R$2:$R$366,ROW(INDEX(Jesper!AL$2:AL$366,ROUNDDOWN($C6626/24,0)+1,1))-1)+IF('Standard Profiles'!$G$22=$B$10,7,0)+IF('Standard Profiles'!$G$22=$B$17,14,0)+IF('Standard Profiles'!$G$22=$B$24,21,0),0)),0)</f>
        <v>0</v>
      </c>
      <c r="I6626">
        <f t="shared" si="734"/>
        <v>0.43031218370525171</v>
      </c>
      <c r="J6626">
        <f t="shared" si="735"/>
        <v>1.4343739456841726</v>
      </c>
      <c r="K6626">
        <f t="shared" si="736"/>
        <v>2.1515609185262585</v>
      </c>
      <c r="L6626">
        <f t="shared" si="737"/>
        <v>10.327492408926041</v>
      </c>
      <c r="M6626">
        <f t="shared" si="738"/>
        <v>0</v>
      </c>
      <c r="N6626" s="46">
        <f t="shared" si="739"/>
        <v>45566.666666650679</v>
      </c>
    </row>
    <row r="6627" spans="2:14" x14ac:dyDescent="0.3">
      <c r="B6627">
        <f t="shared" ref="B6627:B6690" si="740">WEEKDAY(N6627,2)</f>
        <v>2</v>
      </c>
      <c r="C6627" s="16">
        <v>6593</v>
      </c>
      <c r="D6627" cm="1">
        <f t="array" ref="D6627">IFERROR(INDEX(Jesper!AH$2:AH$366,ROUNDDOWN($C6627/24,0)+1,1)*INDEX($D$3:$AA$30,INDEX(Jesper!$R$2:$R$366,ROW(INDEX(Jesper!AH$2:AH$366,ROUNDDOWN($C6627/24,0)+1,1))-1)+IF('Standard Profiles'!$G$18=$B$10,7,0)+IF('Standard Profiles'!$G$18=$B$17,14,0)+IF('Standard Profiles'!$G$18=$B$24,21,0),MOD($C6627,24)+1)/SUM(INDEX($D$3:$AA$30,INDEX(Jesper!$R$2:$R$366,ROW(INDEX(Jesper!AH$2:AH$366,ROUNDDOWN($C6627/24,0)+1,1))-1)+IF('Standard Profiles'!$G$18=$B$10,7,0)+IF('Standard Profiles'!$G$18=$B$17,14,0)+IF('Standard Profiles'!$G$18=$B$24,21,0),0)),0)</f>
        <v>14.343739456841725</v>
      </c>
      <c r="E6627" cm="1">
        <f t="array" ref="E6627">IFERROR(INDEX(Jesper!AI$2:AI$366,ROUNDDOWN($C6627/24,0)+1,1)*INDEX($D$3:$AA$30,INDEX(Jesper!$R$2:$R$366,ROW(INDEX(Jesper!AI$2:AI$366,ROUNDDOWN($C6627/24,0)+1,1))-1)+IF('Standard Profiles'!$G$19=$B$10,7,0)+IF('Standard Profiles'!$G$19=$B$17,14,0)+IF('Standard Profiles'!$G$19=$B$24,21,0),MOD($C6627,24)+1)/SUM(INDEX($D$3:$AA$30,INDEX(Jesper!$R$2:$R$366,ROW(INDEX(Jesper!AI$2:AI$366,ROUNDDOWN($C6627/24,0)+1,1))-1)+IF('Standard Profiles'!$G$19=$B$10,7,0)+IF('Standard Profiles'!$G$19=$B$17,14,0)+IF('Standard Profiles'!$G$19=$B$24,21,0),0)),0)</f>
        <v>0</v>
      </c>
      <c r="F6627" cm="1">
        <f t="array" ref="F6627">IFERROR(INDEX(Jesper!AJ$2:AJ$366,ROUNDDOWN($C6627/24,0)+1,1)*INDEX($D$3:$AA$30,INDEX(Jesper!$R$2:$R$366,ROW(INDEX(Jesper!AJ$2:AJ$366,ROUNDDOWN($C6627/24,0)+1,1))-1)+IF('Standard Profiles'!$G$20=$B$10,7,0)+IF('Standard Profiles'!$G$20=$B$17,14,0)+IF('Standard Profiles'!$G$20=$B$24,21,0),MOD($C6627,24)+1)/SUM(INDEX($D$3:$AA$30,INDEX(Jesper!$R$2:$R$366,ROW(INDEX(Jesper!AJ$2:AJ$366,ROUNDDOWN($C6627/24,0)+1,1))-1)+IF('Standard Profiles'!$G$20=$B$10,7,0)+IF('Standard Profiles'!$G$20=$B$17,14,0)+IF('Standard Profiles'!$G$20=$B$24,21,0),0)),0)</f>
        <v>0</v>
      </c>
      <c r="G6627" cm="1">
        <f t="array" ref="G6627">IFERROR(INDEX(Jesper!AK$2:AK$366,ROUNDDOWN($C6627/24,0)+1,1)*INDEX($D$3:$AA$30,INDEX(Jesper!$R$2:$R$366,ROW(INDEX(Jesper!AK$2:AK$366,ROUNDDOWN($C6627/24,0)+1,1))-1)+IF('Standard Profiles'!$G$21=$B$10,7,0)+IF('Standard Profiles'!$G$21=$B$17,14,0)+IF('Standard Profiles'!$G$21=$B$24,21,0),MOD($C6627,24)+1)/SUM(INDEX($D$3:$AA$30,INDEX(Jesper!$R$2:$R$366,ROW(INDEX(Jesper!AK$2:AK$366,ROUNDDOWN($C6627/24,0)+1,1))-1)+IF('Standard Profiles'!$G$21=$B$10,7,0)+IF('Standard Profiles'!$G$21=$B$17,14,0)+IF('Standard Profiles'!$G$21=$B$24,21,0),0)),0)</f>
        <v>0</v>
      </c>
      <c r="H6627" cm="1">
        <f t="array" ref="H6627">IFERROR(INDEX(Jesper!AL$2:AL$366,ROUNDDOWN($C6627/24,0)+1,1)*INDEX($D$3:$AA$30,INDEX(Jesper!$R$2:$R$366,ROW(INDEX(Jesper!AL$2:AL$366,ROUNDDOWN($C6627/24,0)+1,1))-1)+IF('Standard Profiles'!$G$22=$B$10,7,0)+IF('Standard Profiles'!$G$22=$B$17,14,0)+IF('Standard Profiles'!$G$22=$B$24,21,0),MOD($C6627,24)+1)/SUM(INDEX($D$3:$AA$30,INDEX(Jesper!$R$2:$R$366,ROW(INDEX(Jesper!AL$2:AL$366,ROUNDDOWN($C6627/24,0)+1,1))-1)+IF('Standard Profiles'!$G$22=$B$10,7,0)+IF('Standard Profiles'!$G$22=$B$17,14,0)+IF('Standard Profiles'!$G$22=$B$24,21,0),0)),0)</f>
        <v>0</v>
      </c>
      <c r="I6627">
        <f t="shared" ref="I6627:I6690" si="741">IF($B6627&lt;6,AC$37*$D6627+AC$38*$E6627+AC$39*$F6627+AC$40*$G6627,AC$46*$D6627+AC$47*$E6627+AC$48*$F6627+AC$49*$G6627+AC$50*$H6627)</f>
        <v>0.43031218370525171</v>
      </c>
      <c r="J6627">
        <f t="shared" ref="J6627:J6690" si="742">IF($B6627&lt;6,AD$37*$D6627+AD$38*$E6627+AD$39*$F6627+AD$40*$G6627,AD$46*$D6627+AD$47*$E6627+AD$48*$F6627+AD$49*$G6627+AD$50*$H6627)</f>
        <v>1.4343739456841726</v>
      </c>
      <c r="K6627">
        <f t="shared" ref="K6627:K6690" si="743">IF($B6627&lt;6,AE$37*$D6627+AE$38*$E6627+AE$39*$F6627+AE$40*$G6627,AE$46*$D6627+AE$47*$E6627+AE$48*$F6627+AE$49*$G6627+AE$50*$H6627)</f>
        <v>2.1515609185262585</v>
      </c>
      <c r="L6627">
        <f t="shared" ref="L6627:L6690" si="744">IF($B6627&lt;6,AF$37*$D6627+AF$38*$E6627+AF$39*$F6627+AF$40*$G6627,AF$46*$D6627+AF$47*$E6627+AF$48*$F6627+AF$49*$G6627+AF$50*$H6627)</f>
        <v>10.327492408926041</v>
      </c>
      <c r="M6627">
        <f t="shared" ref="M6627:M6690" si="745">IF($B6627&lt;6,AG$37*$D6627+AG$38*$E6627+AG$39*$F6627+AG$40*$G6627,AG$46*$D6627+AG$47*$E6627+AG$48*$F6627+AG$49*$G6627+AG$50*$H6627)</f>
        <v>0</v>
      </c>
      <c r="N6627" s="46">
        <f t="shared" si="739"/>
        <v>45566.708333317343</v>
      </c>
    </row>
    <row r="6628" spans="2:14" x14ac:dyDescent="0.3">
      <c r="B6628">
        <f t="shared" si="740"/>
        <v>2</v>
      </c>
      <c r="C6628" s="16">
        <v>6594</v>
      </c>
      <c r="D6628" cm="1">
        <f t="array" ref="D6628">IFERROR(INDEX(Jesper!AH$2:AH$366,ROUNDDOWN($C6628/24,0)+1,1)*INDEX($D$3:$AA$30,INDEX(Jesper!$R$2:$R$366,ROW(INDEX(Jesper!AH$2:AH$366,ROUNDDOWN($C6628/24,0)+1,1))-1)+IF('Standard Profiles'!$G$18=$B$10,7,0)+IF('Standard Profiles'!$G$18=$B$17,14,0)+IF('Standard Profiles'!$G$18=$B$24,21,0),MOD($C6628,24)+1)/SUM(INDEX($D$3:$AA$30,INDEX(Jesper!$R$2:$R$366,ROW(INDEX(Jesper!AH$2:AH$366,ROUNDDOWN($C6628/24,0)+1,1))-1)+IF('Standard Profiles'!$G$18=$B$10,7,0)+IF('Standard Profiles'!$G$18=$B$17,14,0)+IF('Standard Profiles'!$G$18=$B$24,21,0),0)),0)</f>
        <v>14.343739456841725</v>
      </c>
      <c r="E6628" cm="1">
        <f t="array" ref="E6628">IFERROR(INDEX(Jesper!AI$2:AI$366,ROUNDDOWN($C6628/24,0)+1,1)*INDEX($D$3:$AA$30,INDEX(Jesper!$R$2:$R$366,ROW(INDEX(Jesper!AI$2:AI$366,ROUNDDOWN($C6628/24,0)+1,1))-1)+IF('Standard Profiles'!$G$19=$B$10,7,0)+IF('Standard Profiles'!$G$19=$B$17,14,0)+IF('Standard Profiles'!$G$19=$B$24,21,0),MOD($C6628,24)+1)/SUM(INDEX($D$3:$AA$30,INDEX(Jesper!$R$2:$R$366,ROW(INDEX(Jesper!AI$2:AI$366,ROUNDDOWN($C6628/24,0)+1,1))-1)+IF('Standard Profiles'!$G$19=$B$10,7,0)+IF('Standard Profiles'!$G$19=$B$17,14,0)+IF('Standard Profiles'!$G$19=$B$24,21,0),0)),0)</f>
        <v>0</v>
      </c>
      <c r="F6628" cm="1">
        <f t="array" ref="F6628">IFERROR(INDEX(Jesper!AJ$2:AJ$366,ROUNDDOWN($C6628/24,0)+1,1)*INDEX($D$3:$AA$30,INDEX(Jesper!$R$2:$R$366,ROW(INDEX(Jesper!AJ$2:AJ$366,ROUNDDOWN($C6628/24,0)+1,1))-1)+IF('Standard Profiles'!$G$20=$B$10,7,0)+IF('Standard Profiles'!$G$20=$B$17,14,0)+IF('Standard Profiles'!$G$20=$B$24,21,0),MOD($C6628,24)+1)/SUM(INDEX($D$3:$AA$30,INDEX(Jesper!$R$2:$R$366,ROW(INDEX(Jesper!AJ$2:AJ$366,ROUNDDOWN($C6628/24,0)+1,1))-1)+IF('Standard Profiles'!$G$20=$B$10,7,0)+IF('Standard Profiles'!$G$20=$B$17,14,0)+IF('Standard Profiles'!$G$20=$B$24,21,0),0)),0)</f>
        <v>0</v>
      </c>
      <c r="G6628" cm="1">
        <f t="array" ref="G6628">IFERROR(INDEX(Jesper!AK$2:AK$366,ROUNDDOWN($C6628/24,0)+1,1)*INDEX($D$3:$AA$30,INDEX(Jesper!$R$2:$R$366,ROW(INDEX(Jesper!AK$2:AK$366,ROUNDDOWN($C6628/24,0)+1,1))-1)+IF('Standard Profiles'!$G$21=$B$10,7,0)+IF('Standard Profiles'!$G$21=$B$17,14,0)+IF('Standard Profiles'!$G$21=$B$24,21,0),MOD($C6628,24)+1)/SUM(INDEX($D$3:$AA$30,INDEX(Jesper!$R$2:$R$366,ROW(INDEX(Jesper!AK$2:AK$366,ROUNDDOWN($C6628/24,0)+1,1))-1)+IF('Standard Profiles'!$G$21=$B$10,7,0)+IF('Standard Profiles'!$G$21=$B$17,14,0)+IF('Standard Profiles'!$G$21=$B$24,21,0),0)),0)</f>
        <v>0</v>
      </c>
      <c r="H6628" cm="1">
        <f t="array" ref="H6628">IFERROR(INDEX(Jesper!AL$2:AL$366,ROUNDDOWN($C6628/24,0)+1,1)*INDEX($D$3:$AA$30,INDEX(Jesper!$R$2:$R$366,ROW(INDEX(Jesper!AL$2:AL$366,ROUNDDOWN($C6628/24,0)+1,1))-1)+IF('Standard Profiles'!$G$22=$B$10,7,0)+IF('Standard Profiles'!$G$22=$B$17,14,0)+IF('Standard Profiles'!$G$22=$B$24,21,0),MOD($C6628,24)+1)/SUM(INDEX($D$3:$AA$30,INDEX(Jesper!$R$2:$R$366,ROW(INDEX(Jesper!AL$2:AL$366,ROUNDDOWN($C6628/24,0)+1,1))-1)+IF('Standard Profiles'!$G$22=$B$10,7,0)+IF('Standard Profiles'!$G$22=$B$17,14,0)+IF('Standard Profiles'!$G$22=$B$24,21,0),0)),0)</f>
        <v>0</v>
      </c>
      <c r="I6628">
        <f t="shared" si="741"/>
        <v>0.43031218370525171</v>
      </c>
      <c r="J6628">
        <f t="shared" si="742"/>
        <v>1.4343739456841726</v>
      </c>
      <c r="K6628">
        <f t="shared" si="743"/>
        <v>2.1515609185262585</v>
      </c>
      <c r="L6628">
        <f t="shared" si="744"/>
        <v>10.327492408926041</v>
      </c>
      <c r="M6628">
        <f t="shared" si="745"/>
        <v>0</v>
      </c>
      <c r="N6628" s="46">
        <f t="shared" ref="N6628:N6691" si="746">N6627+1/24</f>
        <v>45566.749999984007</v>
      </c>
    </row>
    <row r="6629" spans="2:14" x14ac:dyDescent="0.3">
      <c r="B6629">
        <f t="shared" si="740"/>
        <v>2</v>
      </c>
      <c r="C6629" s="16">
        <v>6595</v>
      </c>
      <c r="D6629" cm="1">
        <f t="array" ref="D6629">IFERROR(INDEX(Jesper!AH$2:AH$366,ROUNDDOWN($C6629/24,0)+1,1)*INDEX($D$3:$AA$30,INDEX(Jesper!$R$2:$R$366,ROW(INDEX(Jesper!AH$2:AH$366,ROUNDDOWN($C6629/24,0)+1,1))-1)+IF('Standard Profiles'!$G$18=$B$10,7,0)+IF('Standard Profiles'!$G$18=$B$17,14,0)+IF('Standard Profiles'!$G$18=$B$24,21,0),MOD($C6629,24)+1)/SUM(INDEX($D$3:$AA$30,INDEX(Jesper!$R$2:$R$366,ROW(INDEX(Jesper!AH$2:AH$366,ROUNDDOWN($C6629/24,0)+1,1))-1)+IF('Standard Profiles'!$G$18=$B$10,7,0)+IF('Standard Profiles'!$G$18=$B$17,14,0)+IF('Standard Profiles'!$G$18=$B$24,21,0),0)),0)</f>
        <v>12.012881795104944</v>
      </c>
      <c r="E6629" cm="1">
        <f t="array" ref="E6629">IFERROR(INDEX(Jesper!AI$2:AI$366,ROUNDDOWN($C6629/24,0)+1,1)*INDEX($D$3:$AA$30,INDEX(Jesper!$R$2:$R$366,ROW(INDEX(Jesper!AI$2:AI$366,ROUNDDOWN($C6629/24,0)+1,1))-1)+IF('Standard Profiles'!$G$19=$B$10,7,0)+IF('Standard Profiles'!$G$19=$B$17,14,0)+IF('Standard Profiles'!$G$19=$B$24,21,0),MOD($C6629,24)+1)/SUM(INDEX($D$3:$AA$30,INDEX(Jesper!$R$2:$R$366,ROW(INDEX(Jesper!AI$2:AI$366,ROUNDDOWN($C6629/24,0)+1,1))-1)+IF('Standard Profiles'!$G$19=$B$10,7,0)+IF('Standard Profiles'!$G$19=$B$17,14,0)+IF('Standard Profiles'!$G$19=$B$24,21,0),0)),0)</f>
        <v>0</v>
      </c>
      <c r="F6629" cm="1">
        <f t="array" ref="F6629">IFERROR(INDEX(Jesper!AJ$2:AJ$366,ROUNDDOWN($C6629/24,0)+1,1)*INDEX($D$3:$AA$30,INDEX(Jesper!$R$2:$R$366,ROW(INDEX(Jesper!AJ$2:AJ$366,ROUNDDOWN($C6629/24,0)+1,1))-1)+IF('Standard Profiles'!$G$20=$B$10,7,0)+IF('Standard Profiles'!$G$20=$B$17,14,0)+IF('Standard Profiles'!$G$20=$B$24,21,0),MOD($C6629,24)+1)/SUM(INDEX($D$3:$AA$30,INDEX(Jesper!$R$2:$R$366,ROW(INDEX(Jesper!AJ$2:AJ$366,ROUNDDOWN($C6629/24,0)+1,1))-1)+IF('Standard Profiles'!$G$20=$B$10,7,0)+IF('Standard Profiles'!$G$20=$B$17,14,0)+IF('Standard Profiles'!$G$20=$B$24,21,0),0)),0)</f>
        <v>0</v>
      </c>
      <c r="G6629" cm="1">
        <f t="array" ref="G6629">IFERROR(INDEX(Jesper!AK$2:AK$366,ROUNDDOWN($C6629/24,0)+1,1)*INDEX($D$3:$AA$30,INDEX(Jesper!$R$2:$R$366,ROW(INDEX(Jesper!AK$2:AK$366,ROUNDDOWN($C6629/24,0)+1,1))-1)+IF('Standard Profiles'!$G$21=$B$10,7,0)+IF('Standard Profiles'!$G$21=$B$17,14,0)+IF('Standard Profiles'!$G$21=$B$24,21,0),MOD($C6629,24)+1)/SUM(INDEX($D$3:$AA$30,INDEX(Jesper!$R$2:$R$366,ROW(INDEX(Jesper!AK$2:AK$366,ROUNDDOWN($C6629/24,0)+1,1))-1)+IF('Standard Profiles'!$G$21=$B$10,7,0)+IF('Standard Profiles'!$G$21=$B$17,14,0)+IF('Standard Profiles'!$G$21=$B$24,21,0),0)),0)</f>
        <v>0</v>
      </c>
      <c r="H6629" cm="1">
        <f t="array" ref="H6629">IFERROR(INDEX(Jesper!AL$2:AL$366,ROUNDDOWN($C6629/24,0)+1,1)*INDEX($D$3:$AA$30,INDEX(Jesper!$R$2:$R$366,ROW(INDEX(Jesper!AL$2:AL$366,ROUNDDOWN($C6629/24,0)+1,1))-1)+IF('Standard Profiles'!$G$22=$B$10,7,0)+IF('Standard Profiles'!$G$22=$B$17,14,0)+IF('Standard Profiles'!$G$22=$B$24,21,0),MOD($C6629,24)+1)/SUM(INDEX($D$3:$AA$30,INDEX(Jesper!$R$2:$R$366,ROW(INDEX(Jesper!AL$2:AL$366,ROUNDDOWN($C6629/24,0)+1,1))-1)+IF('Standard Profiles'!$G$22=$B$10,7,0)+IF('Standard Profiles'!$G$22=$B$17,14,0)+IF('Standard Profiles'!$G$22=$B$24,21,0),0)),0)</f>
        <v>0</v>
      </c>
      <c r="I6629">
        <f t="shared" si="741"/>
        <v>0.36038645385314833</v>
      </c>
      <c r="J6629">
        <f t="shared" si="742"/>
        <v>1.2012881795104944</v>
      </c>
      <c r="K6629">
        <f t="shared" si="743"/>
        <v>1.8019322692657416</v>
      </c>
      <c r="L6629">
        <f t="shared" si="744"/>
        <v>8.6492748924755585</v>
      </c>
      <c r="M6629">
        <f t="shared" si="745"/>
        <v>0</v>
      </c>
      <c r="N6629" s="46">
        <f t="shared" si="746"/>
        <v>45566.791666650672</v>
      </c>
    </row>
    <row r="6630" spans="2:14" x14ac:dyDescent="0.3">
      <c r="B6630">
        <f t="shared" si="740"/>
        <v>2</v>
      </c>
      <c r="C6630" s="16">
        <v>6596</v>
      </c>
      <c r="D6630" cm="1">
        <f t="array" ref="D6630">IFERROR(INDEX(Jesper!AH$2:AH$366,ROUNDDOWN($C6630/24,0)+1,1)*INDEX($D$3:$AA$30,INDEX(Jesper!$R$2:$R$366,ROW(INDEX(Jesper!AH$2:AH$366,ROUNDDOWN($C6630/24,0)+1,1))-1)+IF('Standard Profiles'!$G$18=$B$10,7,0)+IF('Standard Profiles'!$G$18=$B$17,14,0)+IF('Standard Profiles'!$G$18=$B$24,21,0),MOD($C6630,24)+1)/SUM(INDEX($D$3:$AA$30,INDEX(Jesper!$R$2:$R$366,ROW(INDEX(Jesper!AH$2:AH$366,ROUNDDOWN($C6630/24,0)+1,1))-1)+IF('Standard Profiles'!$G$18=$B$10,7,0)+IF('Standard Profiles'!$G$18=$B$17,14,0)+IF('Standard Profiles'!$G$18=$B$24,21,0),0)),0)</f>
        <v>9.8613208765786844</v>
      </c>
      <c r="E6630" cm="1">
        <f t="array" ref="E6630">IFERROR(INDEX(Jesper!AI$2:AI$366,ROUNDDOWN($C6630/24,0)+1,1)*INDEX($D$3:$AA$30,INDEX(Jesper!$R$2:$R$366,ROW(INDEX(Jesper!AI$2:AI$366,ROUNDDOWN($C6630/24,0)+1,1))-1)+IF('Standard Profiles'!$G$19=$B$10,7,0)+IF('Standard Profiles'!$G$19=$B$17,14,0)+IF('Standard Profiles'!$G$19=$B$24,21,0),MOD($C6630,24)+1)/SUM(INDEX($D$3:$AA$30,INDEX(Jesper!$R$2:$R$366,ROW(INDEX(Jesper!AI$2:AI$366,ROUNDDOWN($C6630/24,0)+1,1))-1)+IF('Standard Profiles'!$G$19=$B$10,7,0)+IF('Standard Profiles'!$G$19=$B$17,14,0)+IF('Standard Profiles'!$G$19=$B$24,21,0),0)),0)</f>
        <v>0</v>
      </c>
      <c r="F6630" cm="1">
        <f t="array" ref="F6630">IFERROR(INDEX(Jesper!AJ$2:AJ$366,ROUNDDOWN($C6630/24,0)+1,1)*INDEX($D$3:$AA$30,INDEX(Jesper!$R$2:$R$366,ROW(INDEX(Jesper!AJ$2:AJ$366,ROUNDDOWN($C6630/24,0)+1,1))-1)+IF('Standard Profiles'!$G$20=$B$10,7,0)+IF('Standard Profiles'!$G$20=$B$17,14,0)+IF('Standard Profiles'!$G$20=$B$24,21,0),MOD($C6630,24)+1)/SUM(INDEX($D$3:$AA$30,INDEX(Jesper!$R$2:$R$366,ROW(INDEX(Jesper!AJ$2:AJ$366,ROUNDDOWN($C6630/24,0)+1,1))-1)+IF('Standard Profiles'!$G$20=$B$10,7,0)+IF('Standard Profiles'!$G$20=$B$17,14,0)+IF('Standard Profiles'!$G$20=$B$24,21,0),0)),0)</f>
        <v>0</v>
      </c>
      <c r="G6630" cm="1">
        <f t="array" ref="G6630">IFERROR(INDEX(Jesper!AK$2:AK$366,ROUNDDOWN($C6630/24,0)+1,1)*INDEX($D$3:$AA$30,INDEX(Jesper!$R$2:$R$366,ROW(INDEX(Jesper!AK$2:AK$366,ROUNDDOWN($C6630/24,0)+1,1))-1)+IF('Standard Profiles'!$G$21=$B$10,7,0)+IF('Standard Profiles'!$G$21=$B$17,14,0)+IF('Standard Profiles'!$G$21=$B$24,21,0),MOD($C6630,24)+1)/SUM(INDEX($D$3:$AA$30,INDEX(Jesper!$R$2:$R$366,ROW(INDEX(Jesper!AK$2:AK$366,ROUNDDOWN($C6630/24,0)+1,1))-1)+IF('Standard Profiles'!$G$21=$B$10,7,0)+IF('Standard Profiles'!$G$21=$B$17,14,0)+IF('Standard Profiles'!$G$21=$B$24,21,0),0)),0)</f>
        <v>0</v>
      </c>
      <c r="H6630" cm="1">
        <f t="array" ref="H6630">IFERROR(INDEX(Jesper!AL$2:AL$366,ROUNDDOWN($C6630/24,0)+1,1)*INDEX($D$3:$AA$30,INDEX(Jesper!$R$2:$R$366,ROW(INDEX(Jesper!AL$2:AL$366,ROUNDDOWN($C6630/24,0)+1,1))-1)+IF('Standard Profiles'!$G$22=$B$10,7,0)+IF('Standard Profiles'!$G$22=$B$17,14,0)+IF('Standard Profiles'!$G$22=$B$24,21,0),MOD($C6630,24)+1)/SUM(INDEX($D$3:$AA$30,INDEX(Jesper!$R$2:$R$366,ROW(INDEX(Jesper!AL$2:AL$366,ROUNDDOWN($C6630/24,0)+1,1))-1)+IF('Standard Profiles'!$G$22=$B$10,7,0)+IF('Standard Profiles'!$G$22=$B$17,14,0)+IF('Standard Profiles'!$G$22=$B$24,21,0),0)),0)</f>
        <v>0</v>
      </c>
      <c r="I6630">
        <f t="shared" si="741"/>
        <v>0.29583962629736055</v>
      </c>
      <c r="J6630">
        <f t="shared" si="742"/>
        <v>0.98613208765786853</v>
      </c>
      <c r="K6630">
        <f t="shared" si="743"/>
        <v>1.4791981314868026</v>
      </c>
      <c r="L6630">
        <f t="shared" si="744"/>
        <v>7.1001510311366527</v>
      </c>
      <c r="M6630">
        <f t="shared" si="745"/>
        <v>0</v>
      </c>
      <c r="N6630" s="46">
        <f t="shared" si="746"/>
        <v>45566.833333317336</v>
      </c>
    </row>
    <row r="6631" spans="2:14" x14ac:dyDescent="0.3">
      <c r="B6631">
        <f t="shared" si="740"/>
        <v>2</v>
      </c>
      <c r="C6631" s="16">
        <v>6597</v>
      </c>
      <c r="D6631" cm="1">
        <f t="array" ref="D6631">IFERROR(INDEX(Jesper!AH$2:AH$366,ROUNDDOWN($C6631/24,0)+1,1)*INDEX($D$3:$AA$30,INDEX(Jesper!$R$2:$R$366,ROW(INDEX(Jesper!AH$2:AH$366,ROUNDDOWN($C6631/24,0)+1,1))-1)+IF('Standard Profiles'!$G$18=$B$10,7,0)+IF('Standard Profiles'!$G$18=$B$17,14,0)+IF('Standard Profiles'!$G$18=$B$24,21,0),MOD($C6631,24)+1)/SUM(INDEX($D$3:$AA$30,INDEX(Jesper!$R$2:$R$366,ROW(INDEX(Jesper!AH$2:AH$366,ROUNDDOWN($C6631/24,0)+1,1))-1)+IF('Standard Profiles'!$G$18=$B$10,7,0)+IF('Standard Profiles'!$G$18=$B$17,14,0)+IF('Standard Profiles'!$G$18=$B$24,21,0),0)),0)</f>
        <v>7.1718697284208623</v>
      </c>
      <c r="E6631" cm="1">
        <f t="array" ref="E6631">IFERROR(INDEX(Jesper!AI$2:AI$366,ROUNDDOWN($C6631/24,0)+1,1)*INDEX($D$3:$AA$30,INDEX(Jesper!$R$2:$R$366,ROW(INDEX(Jesper!AI$2:AI$366,ROUNDDOWN($C6631/24,0)+1,1))-1)+IF('Standard Profiles'!$G$19=$B$10,7,0)+IF('Standard Profiles'!$G$19=$B$17,14,0)+IF('Standard Profiles'!$G$19=$B$24,21,0),MOD($C6631,24)+1)/SUM(INDEX($D$3:$AA$30,INDEX(Jesper!$R$2:$R$366,ROW(INDEX(Jesper!AI$2:AI$366,ROUNDDOWN($C6631/24,0)+1,1))-1)+IF('Standard Profiles'!$G$19=$B$10,7,0)+IF('Standard Profiles'!$G$19=$B$17,14,0)+IF('Standard Profiles'!$G$19=$B$24,21,0),0)),0)</f>
        <v>0</v>
      </c>
      <c r="F6631" cm="1">
        <f t="array" ref="F6631">IFERROR(INDEX(Jesper!AJ$2:AJ$366,ROUNDDOWN($C6631/24,0)+1,1)*INDEX($D$3:$AA$30,INDEX(Jesper!$R$2:$R$366,ROW(INDEX(Jesper!AJ$2:AJ$366,ROUNDDOWN($C6631/24,0)+1,1))-1)+IF('Standard Profiles'!$G$20=$B$10,7,0)+IF('Standard Profiles'!$G$20=$B$17,14,0)+IF('Standard Profiles'!$G$20=$B$24,21,0),MOD($C6631,24)+1)/SUM(INDEX($D$3:$AA$30,INDEX(Jesper!$R$2:$R$366,ROW(INDEX(Jesper!AJ$2:AJ$366,ROUNDDOWN($C6631/24,0)+1,1))-1)+IF('Standard Profiles'!$G$20=$B$10,7,0)+IF('Standard Profiles'!$G$20=$B$17,14,0)+IF('Standard Profiles'!$G$20=$B$24,21,0),0)),0)</f>
        <v>0</v>
      </c>
      <c r="G6631" cm="1">
        <f t="array" ref="G6631">IFERROR(INDEX(Jesper!AK$2:AK$366,ROUNDDOWN($C6631/24,0)+1,1)*INDEX($D$3:$AA$30,INDEX(Jesper!$R$2:$R$366,ROW(INDEX(Jesper!AK$2:AK$366,ROUNDDOWN($C6631/24,0)+1,1))-1)+IF('Standard Profiles'!$G$21=$B$10,7,0)+IF('Standard Profiles'!$G$21=$B$17,14,0)+IF('Standard Profiles'!$G$21=$B$24,21,0),MOD($C6631,24)+1)/SUM(INDEX($D$3:$AA$30,INDEX(Jesper!$R$2:$R$366,ROW(INDEX(Jesper!AK$2:AK$366,ROUNDDOWN($C6631/24,0)+1,1))-1)+IF('Standard Profiles'!$G$21=$B$10,7,0)+IF('Standard Profiles'!$G$21=$B$17,14,0)+IF('Standard Profiles'!$G$21=$B$24,21,0),0)),0)</f>
        <v>0</v>
      </c>
      <c r="H6631" cm="1">
        <f t="array" ref="H6631">IFERROR(INDEX(Jesper!AL$2:AL$366,ROUNDDOWN($C6631/24,0)+1,1)*INDEX($D$3:$AA$30,INDEX(Jesper!$R$2:$R$366,ROW(INDEX(Jesper!AL$2:AL$366,ROUNDDOWN($C6631/24,0)+1,1))-1)+IF('Standard Profiles'!$G$22=$B$10,7,0)+IF('Standard Profiles'!$G$22=$B$17,14,0)+IF('Standard Profiles'!$G$22=$B$24,21,0),MOD($C6631,24)+1)/SUM(INDEX($D$3:$AA$30,INDEX(Jesper!$R$2:$R$366,ROW(INDEX(Jesper!AL$2:AL$366,ROUNDDOWN($C6631/24,0)+1,1))-1)+IF('Standard Profiles'!$G$22=$B$10,7,0)+IF('Standard Profiles'!$G$22=$B$17,14,0)+IF('Standard Profiles'!$G$22=$B$24,21,0),0)),0)</f>
        <v>0</v>
      </c>
      <c r="I6631">
        <f t="shared" si="741"/>
        <v>0.21515609185262585</v>
      </c>
      <c r="J6631">
        <f t="shared" si="742"/>
        <v>0.71718697284208632</v>
      </c>
      <c r="K6631">
        <f t="shared" si="743"/>
        <v>1.0757804592631293</v>
      </c>
      <c r="L6631">
        <f t="shared" si="744"/>
        <v>5.1637462044630205</v>
      </c>
      <c r="M6631">
        <f t="shared" si="745"/>
        <v>0</v>
      </c>
      <c r="N6631" s="46">
        <f t="shared" si="746"/>
        <v>45566.874999984</v>
      </c>
    </row>
    <row r="6632" spans="2:14" x14ac:dyDescent="0.3">
      <c r="B6632">
        <f t="shared" si="740"/>
        <v>2</v>
      </c>
      <c r="C6632" s="16">
        <v>6598</v>
      </c>
      <c r="D6632" cm="1">
        <f t="array" ref="D6632">IFERROR(INDEX(Jesper!AH$2:AH$366,ROUNDDOWN($C6632/24,0)+1,1)*INDEX($D$3:$AA$30,INDEX(Jesper!$R$2:$R$366,ROW(INDEX(Jesper!AH$2:AH$366,ROUNDDOWN($C6632/24,0)+1,1))-1)+IF('Standard Profiles'!$G$18=$B$10,7,0)+IF('Standard Profiles'!$G$18=$B$17,14,0)+IF('Standard Profiles'!$G$18=$B$24,21,0),MOD($C6632,24)+1)/SUM(INDEX($D$3:$AA$30,INDEX(Jesper!$R$2:$R$366,ROW(INDEX(Jesper!AH$2:AH$366,ROUNDDOWN($C6632/24,0)+1,1))-1)+IF('Standard Profiles'!$G$18=$B$10,7,0)+IF('Standard Profiles'!$G$18=$B$17,14,0)+IF('Standard Profiles'!$G$18=$B$24,21,0),0)),0)</f>
        <v>7.1718697284208623</v>
      </c>
      <c r="E6632" cm="1">
        <f t="array" ref="E6632">IFERROR(INDEX(Jesper!AI$2:AI$366,ROUNDDOWN($C6632/24,0)+1,1)*INDEX($D$3:$AA$30,INDEX(Jesper!$R$2:$R$366,ROW(INDEX(Jesper!AI$2:AI$366,ROUNDDOWN($C6632/24,0)+1,1))-1)+IF('Standard Profiles'!$G$19=$B$10,7,0)+IF('Standard Profiles'!$G$19=$B$17,14,0)+IF('Standard Profiles'!$G$19=$B$24,21,0),MOD($C6632,24)+1)/SUM(INDEX($D$3:$AA$30,INDEX(Jesper!$R$2:$R$366,ROW(INDEX(Jesper!AI$2:AI$366,ROUNDDOWN($C6632/24,0)+1,1))-1)+IF('Standard Profiles'!$G$19=$B$10,7,0)+IF('Standard Profiles'!$G$19=$B$17,14,0)+IF('Standard Profiles'!$G$19=$B$24,21,0),0)),0)</f>
        <v>0</v>
      </c>
      <c r="F6632" cm="1">
        <f t="array" ref="F6632">IFERROR(INDEX(Jesper!AJ$2:AJ$366,ROUNDDOWN($C6632/24,0)+1,1)*INDEX($D$3:$AA$30,INDEX(Jesper!$R$2:$R$366,ROW(INDEX(Jesper!AJ$2:AJ$366,ROUNDDOWN($C6632/24,0)+1,1))-1)+IF('Standard Profiles'!$G$20=$B$10,7,0)+IF('Standard Profiles'!$G$20=$B$17,14,0)+IF('Standard Profiles'!$G$20=$B$24,21,0),MOD($C6632,24)+1)/SUM(INDEX($D$3:$AA$30,INDEX(Jesper!$R$2:$R$366,ROW(INDEX(Jesper!AJ$2:AJ$366,ROUNDDOWN($C6632/24,0)+1,1))-1)+IF('Standard Profiles'!$G$20=$B$10,7,0)+IF('Standard Profiles'!$G$20=$B$17,14,0)+IF('Standard Profiles'!$G$20=$B$24,21,0),0)),0)</f>
        <v>0</v>
      </c>
      <c r="G6632" cm="1">
        <f t="array" ref="G6632">IFERROR(INDEX(Jesper!AK$2:AK$366,ROUNDDOWN($C6632/24,0)+1,1)*INDEX($D$3:$AA$30,INDEX(Jesper!$R$2:$R$366,ROW(INDEX(Jesper!AK$2:AK$366,ROUNDDOWN($C6632/24,0)+1,1))-1)+IF('Standard Profiles'!$G$21=$B$10,7,0)+IF('Standard Profiles'!$G$21=$B$17,14,0)+IF('Standard Profiles'!$G$21=$B$24,21,0),MOD($C6632,24)+1)/SUM(INDEX($D$3:$AA$30,INDEX(Jesper!$R$2:$R$366,ROW(INDEX(Jesper!AK$2:AK$366,ROUNDDOWN($C6632/24,0)+1,1))-1)+IF('Standard Profiles'!$G$21=$B$10,7,0)+IF('Standard Profiles'!$G$21=$B$17,14,0)+IF('Standard Profiles'!$G$21=$B$24,21,0),0)),0)</f>
        <v>0</v>
      </c>
      <c r="H6632" cm="1">
        <f t="array" ref="H6632">IFERROR(INDEX(Jesper!AL$2:AL$366,ROUNDDOWN($C6632/24,0)+1,1)*INDEX($D$3:$AA$30,INDEX(Jesper!$R$2:$R$366,ROW(INDEX(Jesper!AL$2:AL$366,ROUNDDOWN($C6632/24,0)+1,1))-1)+IF('Standard Profiles'!$G$22=$B$10,7,0)+IF('Standard Profiles'!$G$22=$B$17,14,0)+IF('Standard Profiles'!$G$22=$B$24,21,0),MOD($C6632,24)+1)/SUM(INDEX($D$3:$AA$30,INDEX(Jesper!$R$2:$R$366,ROW(INDEX(Jesper!AL$2:AL$366,ROUNDDOWN($C6632/24,0)+1,1))-1)+IF('Standard Profiles'!$G$22=$B$10,7,0)+IF('Standard Profiles'!$G$22=$B$17,14,0)+IF('Standard Profiles'!$G$22=$B$24,21,0),0)),0)</f>
        <v>0</v>
      </c>
      <c r="I6632">
        <f t="shared" si="741"/>
        <v>0.21515609185262585</v>
      </c>
      <c r="J6632">
        <f t="shared" si="742"/>
        <v>0.71718697284208632</v>
      </c>
      <c r="K6632">
        <f t="shared" si="743"/>
        <v>1.0757804592631293</v>
      </c>
      <c r="L6632">
        <f t="shared" si="744"/>
        <v>5.1637462044630205</v>
      </c>
      <c r="M6632">
        <f t="shared" si="745"/>
        <v>0</v>
      </c>
      <c r="N6632" s="46">
        <f t="shared" si="746"/>
        <v>45566.916666650664</v>
      </c>
    </row>
    <row r="6633" spans="2:14" x14ac:dyDescent="0.3">
      <c r="B6633">
        <f t="shared" si="740"/>
        <v>2</v>
      </c>
      <c r="C6633" s="16">
        <v>6599</v>
      </c>
      <c r="D6633" cm="1">
        <f t="array" ref="D6633">IFERROR(INDEX(Jesper!AH$2:AH$366,ROUNDDOWN($C6633/24,0)+1,1)*INDEX($D$3:$AA$30,INDEX(Jesper!$R$2:$R$366,ROW(INDEX(Jesper!AH$2:AH$366,ROUNDDOWN($C6633/24,0)+1,1))-1)+IF('Standard Profiles'!$G$18=$B$10,7,0)+IF('Standard Profiles'!$G$18=$B$17,14,0)+IF('Standard Profiles'!$G$18=$B$24,21,0),MOD($C6633,24)+1)/SUM(INDEX($D$3:$AA$30,INDEX(Jesper!$R$2:$R$366,ROW(INDEX(Jesper!AH$2:AH$366,ROUNDDOWN($C6633/24,0)+1,1))-1)+IF('Standard Profiles'!$G$18=$B$10,7,0)+IF('Standard Profiles'!$G$18=$B$17,14,0)+IF('Standard Profiles'!$G$18=$B$24,21,0),0)),0)</f>
        <v>7.1718697284208623</v>
      </c>
      <c r="E6633" cm="1">
        <f t="array" ref="E6633">IFERROR(INDEX(Jesper!AI$2:AI$366,ROUNDDOWN($C6633/24,0)+1,1)*INDEX($D$3:$AA$30,INDEX(Jesper!$R$2:$R$366,ROW(INDEX(Jesper!AI$2:AI$366,ROUNDDOWN($C6633/24,0)+1,1))-1)+IF('Standard Profiles'!$G$19=$B$10,7,0)+IF('Standard Profiles'!$G$19=$B$17,14,0)+IF('Standard Profiles'!$G$19=$B$24,21,0),MOD($C6633,24)+1)/SUM(INDEX($D$3:$AA$30,INDEX(Jesper!$R$2:$R$366,ROW(INDEX(Jesper!AI$2:AI$366,ROUNDDOWN($C6633/24,0)+1,1))-1)+IF('Standard Profiles'!$G$19=$B$10,7,0)+IF('Standard Profiles'!$G$19=$B$17,14,0)+IF('Standard Profiles'!$G$19=$B$24,21,0),0)),0)</f>
        <v>0</v>
      </c>
      <c r="F6633" cm="1">
        <f t="array" ref="F6633">IFERROR(INDEX(Jesper!AJ$2:AJ$366,ROUNDDOWN($C6633/24,0)+1,1)*INDEX($D$3:$AA$30,INDEX(Jesper!$R$2:$R$366,ROW(INDEX(Jesper!AJ$2:AJ$366,ROUNDDOWN($C6633/24,0)+1,1))-1)+IF('Standard Profiles'!$G$20=$B$10,7,0)+IF('Standard Profiles'!$G$20=$B$17,14,0)+IF('Standard Profiles'!$G$20=$B$24,21,0),MOD($C6633,24)+1)/SUM(INDEX($D$3:$AA$30,INDEX(Jesper!$R$2:$R$366,ROW(INDEX(Jesper!AJ$2:AJ$366,ROUNDDOWN($C6633/24,0)+1,1))-1)+IF('Standard Profiles'!$G$20=$B$10,7,0)+IF('Standard Profiles'!$G$20=$B$17,14,0)+IF('Standard Profiles'!$G$20=$B$24,21,0),0)),0)</f>
        <v>0</v>
      </c>
      <c r="G6633" cm="1">
        <f t="array" ref="G6633">IFERROR(INDEX(Jesper!AK$2:AK$366,ROUNDDOWN($C6633/24,0)+1,1)*INDEX($D$3:$AA$30,INDEX(Jesper!$R$2:$R$366,ROW(INDEX(Jesper!AK$2:AK$366,ROUNDDOWN($C6633/24,0)+1,1))-1)+IF('Standard Profiles'!$G$21=$B$10,7,0)+IF('Standard Profiles'!$G$21=$B$17,14,0)+IF('Standard Profiles'!$G$21=$B$24,21,0),MOD($C6633,24)+1)/SUM(INDEX($D$3:$AA$30,INDEX(Jesper!$R$2:$R$366,ROW(INDEX(Jesper!AK$2:AK$366,ROUNDDOWN($C6633/24,0)+1,1))-1)+IF('Standard Profiles'!$G$21=$B$10,7,0)+IF('Standard Profiles'!$G$21=$B$17,14,0)+IF('Standard Profiles'!$G$21=$B$24,21,0),0)),0)</f>
        <v>0</v>
      </c>
      <c r="H6633" cm="1">
        <f t="array" ref="H6633">IFERROR(INDEX(Jesper!AL$2:AL$366,ROUNDDOWN($C6633/24,0)+1,1)*INDEX($D$3:$AA$30,INDEX(Jesper!$R$2:$R$366,ROW(INDEX(Jesper!AL$2:AL$366,ROUNDDOWN($C6633/24,0)+1,1))-1)+IF('Standard Profiles'!$G$22=$B$10,7,0)+IF('Standard Profiles'!$G$22=$B$17,14,0)+IF('Standard Profiles'!$G$22=$B$24,21,0),MOD($C6633,24)+1)/SUM(INDEX($D$3:$AA$30,INDEX(Jesper!$R$2:$R$366,ROW(INDEX(Jesper!AL$2:AL$366,ROUNDDOWN($C6633/24,0)+1,1))-1)+IF('Standard Profiles'!$G$22=$B$10,7,0)+IF('Standard Profiles'!$G$22=$B$17,14,0)+IF('Standard Profiles'!$G$22=$B$24,21,0),0)),0)</f>
        <v>0</v>
      </c>
      <c r="I6633">
        <f t="shared" si="741"/>
        <v>0.21515609185262585</v>
      </c>
      <c r="J6633">
        <f t="shared" si="742"/>
        <v>0.71718697284208632</v>
      </c>
      <c r="K6633">
        <f t="shared" si="743"/>
        <v>1.0757804592631293</v>
      </c>
      <c r="L6633">
        <f t="shared" si="744"/>
        <v>5.1637462044630205</v>
      </c>
      <c r="M6633">
        <f t="shared" si="745"/>
        <v>0</v>
      </c>
      <c r="N6633" s="46">
        <f t="shared" si="746"/>
        <v>45566.958333317329</v>
      </c>
    </row>
    <row r="6634" spans="2:14" x14ac:dyDescent="0.3">
      <c r="B6634">
        <f t="shared" si="740"/>
        <v>3</v>
      </c>
      <c r="C6634" s="16">
        <v>6600</v>
      </c>
      <c r="D6634" cm="1">
        <f t="array" ref="D6634">IFERROR(INDEX(Jesper!AH$2:AH$366,ROUNDDOWN($C6634/24,0)+1,1)*INDEX($D$3:$AA$30,INDEX(Jesper!$R$2:$R$366,ROW(INDEX(Jesper!AH$2:AH$366,ROUNDDOWN($C6634/24,0)+1,1))-1)+IF('Standard Profiles'!$G$18=$B$10,7,0)+IF('Standard Profiles'!$G$18=$B$17,14,0)+IF('Standard Profiles'!$G$18=$B$24,21,0),MOD($C6634,24)+1)/SUM(INDEX($D$3:$AA$30,INDEX(Jesper!$R$2:$R$366,ROW(INDEX(Jesper!AH$2:AH$366,ROUNDDOWN($C6634/24,0)+1,1))-1)+IF('Standard Profiles'!$G$18=$B$10,7,0)+IF('Standard Profiles'!$G$18=$B$17,14,0)+IF('Standard Profiles'!$G$18=$B$24,21,0),0)),0)</f>
        <v>6.414874164578853</v>
      </c>
      <c r="E6634" cm="1">
        <f t="array" ref="E6634">IFERROR(INDEX(Jesper!AI$2:AI$366,ROUNDDOWN($C6634/24,0)+1,1)*INDEX($D$3:$AA$30,INDEX(Jesper!$R$2:$R$366,ROW(INDEX(Jesper!AI$2:AI$366,ROUNDDOWN($C6634/24,0)+1,1))-1)+IF('Standard Profiles'!$G$19=$B$10,7,0)+IF('Standard Profiles'!$G$19=$B$17,14,0)+IF('Standard Profiles'!$G$19=$B$24,21,0),MOD($C6634,24)+1)/SUM(INDEX($D$3:$AA$30,INDEX(Jesper!$R$2:$R$366,ROW(INDEX(Jesper!AI$2:AI$366,ROUNDDOWN($C6634/24,0)+1,1))-1)+IF('Standard Profiles'!$G$19=$B$10,7,0)+IF('Standard Profiles'!$G$19=$B$17,14,0)+IF('Standard Profiles'!$G$19=$B$24,21,0),0)),0)</f>
        <v>0</v>
      </c>
      <c r="F6634" cm="1">
        <f t="array" ref="F6634">IFERROR(INDEX(Jesper!AJ$2:AJ$366,ROUNDDOWN($C6634/24,0)+1,1)*INDEX($D$3:$AA$30,INDEX(Jesper!$R$2:$R$366,ROW(INDEX(Jesper!AJ$2:AJ$366,ROUNDDOWN($C6634/24,0)+1,1))-1)+IF('Standard Profiles'!$G$20=$B$10,7,0)+IF('Standard Profiles'!$G$20=$B$17,14,0)+IF('Standard Profiles'!$G$20=$B$24,21,0),MOD($C6634,24)+1)/SUM(INDEX($D$3:$AA$30,INDEX(Jesper!$R$2:$R$366,ROW(INDEX(Jesper!AJ$2:AJ$366,ROUNDDOWN($C6634/24,0)+1,1))-1)+IF('Standard Profiles'!$G$20=$B$10,7,0)+IF('Standard Profiles'!$G$20=$B$17,14,0)+IF('Standard Profiles'!$G$20=$B$24,21,0),0)),0)</f>
        <v>0</v>
      </c>
      <c r="G6634" cm="1">
        <f t="array" ref="G6634">IFERROR(INDEX(Jesper!AK$2:AK$366,ROUNDDOWN($C6634/24,0)+1,1)*INDEX($D$3:$AA$30,INDEX(Jesper!$R$2:$R$366,ROW(INDEX(Jesper!AK$2:AK$366,ROUNDDOWN($C6634/24,0)+1,1))-1)+IF('Standard Profiles'!$G$21=$B$10,7,0)+IF('Standard Profiles'!$G$21=$B$17,14,0)+IF('Standard Profiles'!$G$21=$B$24,21,0),MOD($C6634,24)+1)/SUM(INDEX($D$3:$AA$30,INDEX(Jesper!$R$2:$R$366,ROW(INDEX(Jesper!AK$2:AK$366,ROUNDDOWN($C6634/24,0)+1,1))-1)+IF('Standard Profiles'!$G$21=$B$10,7,0)+IF('Standard Profiles'!$G$21=$B$17,14,0)+IF('Standard Profiles'!$G$21=$B$24,21,0),0)),0)</f>
        <v>0</v>
      </c>
      <c r="H6634" cm="1">
        <f t="array" ref="H6634">IFERROR(INDEX(Jesper!AL$2:AL$366,ROUNDDOWN($C6634/24,0)+1,1)*INDEX($D$3:$AA$30,INDEX(Jesper!$R$2:$R$366,ROW(INDEX(Jesper!AL$2:AL$366,ROUNDDOWN($C6634/24,0)+1,1))-1)+IF('Standard Profiles'!$G$22=$B$10,7,0)+IF('Standard Profiles'!$G$22=$B$17,14,0)+IF('Standard Profiles'!$G$22=$B$24,21,0),MOD($C6634,24)+1)/SUM(INDEX($D$3:$AA$30,INDEX(Jesper!$R$2:$R$366,ROW(INDEX(Jesper!AL$2:AL$366,ROUNDDOWN($C6634/24,0)+1,1))-1)+IF('Standard Profiles'!$G$22=$B$10,7,0)+IF('Standard Profiles'!$G$22=$B$17,14,0)+IF('Standard Profiles'!$G$22=$B$24,21,0),0)),0)</f>
        <v>0</v>
      </c>
      <c r="I6634">
        <f t="shared" si="741"/>
        <v>0.19244622493736557</v>
      </c>
      <c r="J6634">
        <f t="shared" si="742"/>
        <v>0.64148741645788532</v>
      </c>
      <c r="K6634">
        <f t="shared" si="743"/>
        <v>0.96223112468682792</v>
      </c>
      <c r="L6634">
        <f t="shared" si="744"/>
        <v>4.6187093984967742</v>
      </c>
      <c r="M6634">
        <f t="shared" si="745"/>
        <v>0</v>
      </c>
      <c r="N6634" s="46">
        <f t="shared" si="746"/>
        <v>45566.999999983993</v>
      </c>
    </row>
    <row r="6635" spans="2:14" x14ac:dyDescent="0.3">
      <c r="B6635">
        <f t="shared" si="740"/>
        <v>3</v>
      </c>
      <c r="C6635" s="16">
        <v>6601</v>
      </c>
      <c r="D6635" cm="1">
        <f t="array" ref="D6635">IFERROR(INDEX(Jesper!AH$2:AH$366,ROUNDDOWN($C6635/24,0)+1,1)*INDEX($D$3:$AA$30,INDEX(Jesper!$R$2:$R$366,ROW(INDEX(Jesper!AH$2:AH$366,ROUNDDOWN($C6635/24,0)+1,1))-1)+IF('Standard Profiles'!$G$18=$B$10,7,0)+IF('Standard Profiles'!$G$18=$B$17,14,0)+IF('Standard Profiles'!$G$18=$B$24,21,0),MOD($C6635,24)+1)/SUM(INDEX($D$3:$AA$30,INDEX(Jesper!$R$2:$R$366,ROW(INDEX(Jesper!AH$2:AH$366,ROUNDDOWN($C6635/24,0)+1,1))-1)+IF('Standard Profiles'!$G$18=$B$10,7,0)+IF('Standard Profiles'!$G$18=$B$17,14,0)+IF('Standard Profiles'!$G$18=$B$24,21,0),0)),0)</f>
        <v>7.216733435151208</v>
      </c>
      <c r="E6635" cm="1">
        <f t="array" ref="E6635">IFERROR(INDEX(Jesper!AI$2:AI$366,ROUNDDOWN($C6635/24,0)+1,1)*INDEX($D$3:$AA$30,INDEX(Jesper!$R$2:$R$366,ROW(INDEX(Jesper!AI$2:AI$366,ROUNDDOWN($C6635/24,0)+1,1))-1)+IF('Standard Profiles'!$G$19=$B$10,7,0)+IF('Standard Profiles'!$G$19=$B$17,14,0)+IF('Standard Profiles'!$G$19=$B$24,21,0),MOD($C6635,24)+1)/SUM(INDEX($D$3:$AA$30,INDEX(Jesper!$R$2:$R$366,ROW(INDEX(Jesper!AI$2:AI$366,ROUNDDOWN($C6635/24,0)+1,1))-1)+IF('Standard Profiles'!$G$19=$B$10,7,0)+IF('Standard Profiles'!$G$19=$B$17,14,0)+IF('Standard Profiles'!$G$19=$B$24,21,0),0)),0)</f>
        <v>0</v>
      </c>
      <c r="F6635" cm="1">
        <f t="array" ref="F6635">IFERROR(INDEX(Jesper!AJ$2:AJ$366,ROUNDDOWN($C6635/24,0)+1,1)*INDEX($D$3:$AA$30,INDEX(Jesper!$R$2:$R$366,ROW(INDEX(Jesper!AJ$2:AJ$366,ROUNDDOWN($C6635/24,0)+1,1))-1)+IF('Standard Profiles'!$G$20=$B$10,7,0)+IF('Standard Profiles'!$G$20=$B$17,14,0)+IF('Standard Profiles'!$G$20=$B$24,21,0),MOD($C6635,24)+1)/SUM(INDEX($D$3:$AA$30,INDEX(Jesper!$R$2:$R$366,ROW(INDEX(Jesper!AJ$2:AJ$366,ROUNDDOWN($C6635/24,0)+1,1))-1)+IF('Standard Profiles'!$G$20=$B$10,7,0)+IF('Standard Profiles'!$G$20=$B$17,14,0)+IF('Standard Profiles'!$G$20=$B$24,21,0),0)),0)</f>
        <v>0</v>
      </c>
      <c r="G6635" cm="1">
        <f t="array" ref="G6635">IFERROR(INDEX(Jesper!AK$2:AK$366,ROUNDDOWN($C6635/24,0)+1,1)*INDEX($D$3:$AA$30,INDEX(Jesper!$R$2:$R$366,ROW(INDEX(Jesper!AK$2:AK$366,ROUNDDOWN($C6635/24,0)+1,1))-1)+IF('Standard Profiles'!$G$21=$B$10,7,0)+IF('Standard Profiles'!$G$21=$B$17,14,0)+IF('Standard Profiles'!$G$21=$B$24,21,0),MOD($C6635,24)+1)/SUM(INDEX($D$3:$AA$30,INDEX(Jesper!$R$2:$R$366,ROW(INDEX(Jesper!AK$2:AK$366,ROUNDDOWN($C6635/24,0)+1,1))-1)+IF('Standard Profiles'!$G$21=$B$10,7,0)+IF('Standard Profiles'!$G$21=$B$17,14,0)+IF('Standard Profiles'!$G$21=$B$24,21,0),0)),0)</f>
        <v>0</v>
      </c>
      <c r="H6635" cm="1">
        <f t="array" ref="H6635">IFERROR(INDEX(Jesper!AL$2:AL$366,ROUNDDOWN($C6635/24,0)+1,1)*INDEX($D$3:$AA$30,INDEX(Jesper!$R$2:$R$366,ROW(INDEX(Jesper!AL$2:AL$366,ROUNDDOWN($C6635/24,0)+1,1))-1)+IF('Standard Profiles'!$G$22=$B$10,7,0)+IF('Standard Profiles'!$G$22=$B$17,14,0)+IF('Standard Profiles'!$G$22=$B$24,21,0),MOD($C6635,24)+1)/SUM(INDEX($D$3:$AA$30,INDEX(Jesper!$R$2:$R$366,ROW(INDEX(Jesper!AL$2:AL$366,ROUNDDOWN($C6635/24,0)+1,1))-1)+IF('Standard Profiles'!$G$22=$B$10,7,0)+IF('Standard Profiles'!$G$22=$B$17,14,0)+IF('Standard Profiles'!$G$22=$B$24,21,0),0)),0)</f>
        <v>0</v>
      </c>
      <c r="I6635">
        <f t="shared" si="741"/>
        <v>0.21650200305453624</v>
      </c>
      <c r="J6635">
        <f t="shared" si="742"/>
        <v>0.7216733435151208</v>
      </c>
      <c r="K6635">
        <f t="shared" si="743"/>
        <v>1.0825100152726812</v>
      </c>
      <c r="L6635">
        <f t="shared" si="744"/>
        <v>5.1960480733088694</v>
      </c>
      <c r="M6635">
        <f t="shared" si="745"/>
        <v>0</v>
      </c>
      <c r="N6635" s="46">
        <f t="shared" si="746"/>
        <v>45567.041666650657</v>
      </c>
    </row>
    <row r="6636" spans="2:14" x14ac:dyDescent="0.3">
      <c r="B6636">
        <f t="shared" si="740"/>
        <v>3</v>
      </c>
      <c r="C6636" s="16">
        <v>6602</v>
      </c>
      <c r="D6636" cm="1">
        <f t="array" ref="D6636">IFERROR(INDEX(Jesper!AH$2:AH$366,ROUNDDOWN($C6636/24,0)+1,1)*INDEX($D$3:$AA$30,INDEX(Jesper!$R$2:$R$366,ROW(INDEX(Jesper!AH$2:AH$366,ROUNDDOWN($C6636/24,0)+1,1))-1)+IF('Standard Profiles'!$G$18=$B$10,7,0)+IF('Standard Profiles'!$G$18=$B$17,14,0)+IF('Standard Profiles'!$G$18=$B$24,21,0),MOD($C6636,24)+1)/SUM(INDEX($D$3:$AA$30,INDEX(Jesper!$R$2:$R$366,ROW(INDEX(Jesper!AH$2:AH$366,ROUNDDOWN($C6636/24,0)+1,1))-1)+IF('Standard Profiles'!$G$18=$B$10,7,0)+IF('Standard Profiles'!$G$18=$B$17,14,0)+IF('Standard Profiles'!$G$18=$B$24,21,0),0)),0)</f>
        <v>7.216733435151208</v>
      </c>
      <c r="E6636" cm="1">
        <f t="array" ref="E6636">IFERROR(INDEX(Jesper!AI$2:AI$366,ROUNDDOWN($C6636/24,0)+1,1)*INDEX($D$3:$AA$30,INDEX(Jesper!$R$2:$R$366,ROW(INDEX(Jesper!AI$2:AI$366,ROUNDDOWN($C6636/24,0)+1,1))-1)+IF('Standard Profiles'!$G$19=$B$10,7,0)+IF('Standard Profiles'!$G$19=$B$17,14,0)+IF('Standard Profiles'!$G$19=$B$24,21,0),MOD($C6636,24)+1)/SUM(INDEX($D$3:$AA$30,INDEX(Jesper!$R$2:$R$366,ROW(INDEX(Jesper!AI$2:AI$366,ROUNDDOWN($C6636/24,0)+1,1))-1)+IF('Standard Profiles'!$G$19=$B$10,7,0)+IF('Standard Profiles'!$G$19=$B$17,14,0)+IF('Standard Profiles'!$G$19=$B$24,21,0),0)),0)</f>
        <v>0</v>
      </c>
      <c r="F6636" cm="1">
        <f t="array" ref="F6636">IFERROR(INDEX(Jesper!AJ$2:AJ$366,ROUNDDOWN($C6636/24,0)+1,1)*INDEX($D$3:$AA$30,INDEX(Jesper!$R$2:$R$366,ROW(INDEX(Jesper!AJ$2:AJ$366,ROUNDDOWN($C6636/24,0)+1,1))-1)+IF('Standard Profiles'!$G$20=$B$10,7,0)+IF('Standard Profiles'!$G$20=$B$17,14,0)+IF('Standard Profiles'!$G$20=$B$24,21,0),MOD($C6636,24)+1)/SUM(INDEX($D$3:$AA$30,INDEX(Jesper!$R$2:$R$366,ROW(INDEX(Jesper!AJ$2:AJ$366,ROUNDDOWN($C6636/24,0)+1,1))-1)+IF('Standard Profiles'!$G$20=$B$10,7,0)+IF('Standard Profiles'!$G$20=$B$17,14,0)+IF('Standard Profiles'!$G$20=$B$24,21,0),0)),0)</f>
        <v>0</v>
      </c>
      <c r="G6636" cm="1">
        <f t="array" ref="G6636">IFERROR(INDEX(Jesper!AK$2:AK$366,ROUNDDOWN($C6636/24,0)+1,1)*INDEX($D$3:$AA$30,INDEX(Jesper!$R$2:$R$366,ROW(INDEX(Jesper!AK$2:AK$366,ROUNDDOWN($C6636/24,0)+1,1))-1)+IF('Standard Profiles'!$G$21=$B$10,7,0)+IF('Standard Profiles'!$G$21=$B$17,14,0)+IF('Standard Profiles'!$G$21=$B$24,21,0),MOD($C6636,24)+1)/SUM(INDEX($D$3:$AA$30,INDEX(Jesper!$R$2:$R$366,ROW(INDEX(Jesper!AK$2:AK$366,ROUNDDOWN($C6636/24,0)+1,1))-1)+IF('Standard Profiles'!$G$21=$B$10,7,0)+IF('Standard Profiles'!$G$21=$B$17,14,0)+IF('Standard Profiles'!$G$21=$B$24,21,0),0)),0)</f>
        <v>0</v>
      </c>
      <c r="H6636" cm="1">
        <f t="array" ref="H6636">IFERROR(INDEX(Jesper!AL$2:AL$366,ROUNDDOWN($C6636/24,0)+1,1)*INDEX($D$3:$AA$30,INDEX(Jesper!$R$2:$R$366,ROW(INDEX(Jesper!AL$2:AL$366,ROUNDDOWN($C6636/24,0)+1,1))-1)+IF('Standard Profiles'!$G$22=$B$10,7,0)+IF('Standard Profiles'!$G$22=$B$17,14,0)+IF('Standard Profiles'!$G$22=$B$24,21,0),MOD($C6636,24)+1)/SUM(INDEX($D$3:$AA$30,INDEX(Jesper!$R$2:$R$366,ROW(INDEX(Jesper!AL$2:AL$366,ROUNDDOWN($C6636/24,0)+1,1))-1)+IF('Standard Profiles'!$G$22=$B$10,7,0)+IF('Standard Profiles'!$G$22=$B$17,14,0)+IF('Standard Profiles'!$G$22=$B$24,21,0),0)),0)</f>
        <v>0</v>
      </c>
      <c r="I6636">
        <f t="shared" si="741"/>
        <v>0.21650200305453624</v>
      </c>
      <c r="J6636">
        <f t="shared" si="742"/>
        <v>0.7216733435151208</v>
      </c>
      <c r="K6636">
        <f t="shared" si="743"/>
        <v>1.0825100152726812</v>
      </c>
      <c r="L6636">
        <f t="shared" si="744"/>
        <v>5.1960480733088694</v>
      </c>
      <c r="M6636">
        <f t="shared" si="745"/>
        <v>0</v>
      </c>
      <c r="N6636" s="46">
        <f t="shared" si="746"/>
        <v>45567.083333317321</v>
      </c>
    </row>
    <row r="6637" spans="2:14" x14ac:dyDescent="0.3">
      <c r="B6637">
        <f t="shared" si="740"/>
        <v>3</v>
      </c>
      <c r="C6637" s="16">
        <v>6603</v>
      </c>
      <c r="D6637" cm="1">
        <f t="array" ref="D6637">IFERROR(INDEX(Jesper!AH$2:AH$366,ROUNDDOWN($C6637/24,0)+1,1)*INDEX($D$3:$AA$30,INDEX(Jesper!$R$2:$R$366,ROW(INDEX(Jesper!AH$2:AH$366,ROUNDDOWN($C6637/24,0)+1,1))-1)+IF('Standard Profiles'!$G$18=$B$10,7,0)+IF('Standard Profiles'!$G$18=$B$17,14,0)+IF('Standard Profiles'!$G$18=$B$24,21,0),MOD($C6637,24)+1)/SUM(INDEX($D$3:$AA$30,INDEX(Jesper!$R$2:$R$366,ROW(INDEX(Jesper!AH$2:AH$366,ROUNDDOWN($C6637/24,0)+1,1))-1)+IF('Standard Profiles'!$G$18=$B$10,7,0)+IF('Standard Profiles'!$G$18=$B$17,14,0)+IF('Standard Profiles'!$G$18=$B$24,21,0),0)),0)</f>
        <v>7.216733435151208</v>
      </c>
      <c r="E6637" cm="1">
        <f t="array" ref="E6637">IFERROR(INDEX(Jesper!AI$2:AI$366,ROUNDDOWN($C6637/24,0)+1,1)*INDEX($D$3:$AA$30,INDEX(Jesper!$R$2:$R$366,ROW(INDEX(Jesper!AI$2:AI$366,ROUNDDOWN($C6637/24,0)+1,1))-1)+IF('Standard Profiles'!$G$19=$B$10,7,0)+IF('Standard Profiles'!$G$19=$B$17,14,0)+IF('Standard Profiles'!$G$19=$B$24,21,0),MOD($C6637,24)+1)/SUM(INDEX($D$3:$AA$30,INDEX(Jesper!$R$2:$R$366,ROW(INDEX(Jesper!AI$2:AI$366,ROUNDDOWN($C6637/24,0)+1,1))-1)+IF('Standard Profiles'!$G$19=$B$10,7,0)+IF('Standard Profiles'!$G$19=$B$17,14,0)+IF('Standard Profiles'!$G$19=$B$24,21,0),0)),0)</f>
        <v>0</v>
      </c>
      <c r="F6637" cm="1">
        <f t="array" ref="F6637">IFERROR(INDEX(Jesper!AJ$2:AJ$366,ROUNDDOWN($C6637/24,0)+1,1)*INDEX($D$3:$AA$30,INDEX(Jesper!$R$2:$R$366,ROW(INDEX(Jesper!AJ$2:AJ$366,ROUNDDOWN($C6637/24,0)+1,1))-1)+IF('Standard Profiles'!$G$20=$B$10,7,0)+IF('Standard Profiles'!$G$20=$B$17,14,0)+IF('Standard Profiles'!$G$20=$B$24,21,0),MOD($C6637,24)+1)/SUM(INDEX($D$3:$AA$30,INDEX(Jesper!$R$2:$R$366,ROW(INDEX(Jesper!AJ$2:AJ$366,ROUNDDOWN($C6637/24,0)+1,1))-1)+IF('Standard Profiles'!$G$20=$B$10,7,0)+IF('Standard Profiles'!$G$20=$B$17,14,0)+IF('Standard Profiles'!$G$20=$B$24,21,0),0)),0)</f>
        <v>0</v>
      </c>
      <c r="G6637" cm="1">
        <f t="array" ref="G6637">IFERROR(INDEX(Jesper!AK$2:AK$366,ROUNDDOWN($C6637/24,0)+1,1)*INDEX($D$3:$AA$30,INDEX(Jesper!$R$2:$R$366,ROW(INDEX(Jesper!AK$2:AK$366,ROUNDDOWN($C6637/24,0)+1,1))-1)+IF('Standard Profiles'!$G$21=$B$10,7,0)+IF('Standard Profiles'!$G$21=$B$17,14,0)+IF('Standard Profiles'!$G$21=$B$24,21,0),MOD($C6637,24)+1)/SUM(INDEX($D$3:$AA$30,INDEX(Jesper!$R$2:$R$366,ROW(INDEX(Jesper!AK$2:AK$366,ROUNDDOWN($C6637/24,0)+1,1))-1)+IF('Standard Profiles'!$G$21=$B$10,7,0)+IF('Standard Profiles'!$G$21=$B$17,14,0)+IF('Standard Profiles'!$G$21=$B$24,21,0),0)),0)</f>
        <v>0</v>
      </c>
      <c r="H6637" cm="1">
        <f t="array" ref="H6637">IFERROR(INDEX(Jesper!AL$2:AL$366,ROUNDDOWN($C6637/24,0)+1,1)*INDEX($D$3:$AA$30,INDEX(Jesper!$R$2:$R$366,ROW(INDEX(Jesper!AL$2:AL$366,ROUNDDOWN($C6637/24,0)+1,1))-1)+IF('Standard Profiles'!$G$22=$B$10,7,0)+IF('Standard Profiles'!$G$22=$B$17,14,0)+IF('Standard Profiles'!$G$22=$B$24,21,0),MOD($C6637,24)+1)/SUM(INDEX($D$3:$AA$30,INDEX(Jesper!$R$2:$R$366,ROW(INDEX(Jesper!AL$2:AL$366,ROUNDDOWN($C6637/24,0)+1,1))-1)+IF('Standard Profiles'!$G$22=$B$10,7,0)+IF('Standard Profiles'!$G$22=$B$17,14,0)+IF('Standard Profiles'!$G$22=$B$24,21,0),0)),0)</f>
        <v>0</v>
      </c>
      <c r="I6637">
        <f t="shared" si="741"/>
        <v>0.21650200305453624</v>
      </c>
      <c r="J6637">
        <f t="shared" si="742"/>
        <v>0.7216733435151208</v>
      </c>
      <c r="K6637">
        <f t="shared" si="743"/>
        <v>1.0825100152726812</v>
      </c>
      <c r="L6637">
        <f t="shared" si="744"/>
        <v>5.1960480733088694</v>
      </c>
      <c r="M6637">
        <f t="shared" si="745"/>
        <v>0</v>
      </c>
      <c r="N6637" s="46">
        <f t="shared" si="746"/>
        <v>45567.124999983986</v>
      </c>
    </row>
    <row r="6638" spans="2:14" x14ac:dyDescent="0.3">
      <c r="B6638">
        <f t="shared" si="740"/>
        <v>3</v>
      </c>
      <c r="C6638" s="16">
        <v>6604</v>
      </c>
      <c r="D6638" cm="1">
        <f t="array" ref="D6638">IFERROR(INDEX(Jesper!AH$2:AH$366,ROUNDDOWN($C6638/24,0)+1,1)*INDEX($D$3:$AA$30,INDEX(Jesper!$R$2:$R$366,ROW(INDEX(Jesper!AH$2:AH$366,ROUNDDOWN($C6638/24,0)+1,1))-1)+IF('Standard Profiles'!$G$18=$B$10,7,0)+IF('Standard Profiles'!$G$18=$B$17,14,0)+IF('Standard Profiles'!$G$18=$B$24,21,0),MOD($C6638,24)+1)/SUM(INDEX($D$3:$AA$30,INDEX(Jesper!$R$2:$R$366,ROW(INDEX(Jesper!AH$2:AH$366,ROUNDDOWN($C6638/24,0)+1,1))-1)+IF('Standard Profiles'!$G$18=$B$10,7,0)+IF('Standard Profiles'!$G$18=$B$17,14,0)+IF('Standard Profiles'!$G$18=$B$24,21,0),0)),0)</f>
        <v>7.216733435151208</v>
      </c>
      <c r="E6638" cm="1">
        <f t="array" ref="E6638">IFERROR(INDEX(Jesper!AI$2:AI$366,ROUNDDOWN($C6638/24,0)+1,1)*INDEX($D$3:$AA$30,INDEX(Jesper!$R$2:$R$366,ROW(INDEX(Jesper!AI$2:AI$366,ROUNDDOWN($C6638/24,0)+1,1))-1)+IF('Standard Profiles'!$G$19=$B$10,7,0)+IF('Standard Profiles'!$G$19=$B$17,14,0)+IF('Standard Profiles'!$G$19=$B$24,21,0),MOD($C6638,24)+1)/SUM(INDEX($D$3:$AA$30,INDEX(Jesper!$R$2:$R$366,ROW(INDEX(Jesper!AI$2:AI$366,ROUNDDOWN($C6638/24,0)+1,1))-1)+IF('Standard Profiles'!$G$19=$B$10,7,0)+IF('Standard Profiles'!$G$19=$B$17,14,0)+IF('Standard Profiles'!$G$19=$B$24,21,0),0)),0)</f>
        <v>0</v>
      </c>
      <c r="F6638" cm="1">
        <f t="array" ref="F6638">IFERROR(INDEX(Jesper!AJ$2:AJ$366,ROUNDDOWN($C6638/24,0)+1,1)*INDEX($D$3:$AA$30,INDEX(Jesper!$R$2:$R$366,ROW(INDEX(Jesper!AJ$2:AJ$366,ROUNDDOWN($C6638/24,0)+1,1))-1)+IF('Standard Profiles'!$G$20=$B$10,7,0)+IF('Standard Profiles'!$G$20=$B$17,14,0)+IF('Standard Profiles'!$G$20=$B$24,21,0),MOD($C6638,24)+1)/SUM(INDEX($D$3:$AA$30,INDEX(Jesper!$R$2:$R$366,ROW(INDEX(Jesper!AJ$2:AJ$366,ROUNDDOWN($C6638/24,0)+1,1))-1)+IF('Standard Profiles'!$G$20=$B$10,7,0)+IF('Standard Profiles'!$G$20=$B$17,14,0)+IF('Standard Profiles'!$G$20=$B$24,21,0),0)),0)</f>
        <v>0</v>
      </c>
      <c r="G6638" cm="1">
        <f t="array" ref="G6638">IFERROR(INDEX(Jesper!AK$2:AK$366,ROUNDDOWN($C6638/24,0)+1,1)*INDEX($D$3:$AA$30,INDEX(Jesper!$R$2:$R$366,ROW(INDEX(Jesper!AK$2:AK$366,ROUNDDOWN($C6638/24,0)+1,1))-1)+IF('Standard Profiles'!$G$21=$B$10,7,0)+IF('Standard Profiles'!$G$21=$B$17,14,0)+IF('Standard Profiles'!$G$21=$B$24,21,0),MOD($C6638,24)+1)/SUM(INDEX($D$3:$AA$30,INDEX(Jesper!$R$2:$R$366,ROW(INDEX(Jesper!AK$2:AK$366,ROUNDDOWN($C6638/24,0)+1,1))-1)+IF('Standard Profiles'!$G$21=$B$10,7,0)+IF('Standard Profiles'!$G$21=$B$17,14,0)+IF('Standard Profiles'!$G$21=$B$24,21,0),0)),0)</f>
        <v>0</v>
      </c>
      <c r="H6638" cm="1">
        <f t="array" ref="H6638">IFERROR(INDEX(Jesper!AL$2:AL$366,ROUNDDOWN($C6638/24,0)+1,1)*INDEX($D$3:$AA$30,INDEX(Jesper!$R$2:$R$366,ROW(INDEX(Jesper!AL$2:AL$366,ROUNDDOWN($C6638/24,0)+1,1))-1)+IF('Standard Profiles'!$G$22=$B$10,7,0)+IF('Standard Profiles'!$G$22=$B$17,14,0)+IF('Standard Profiles'!$G$22=$B$24,21,0),MOD($C6638,24)+1)/SUM(INDEX($D$3:$AA$30,INDEX(Jesper!$R$2:$R$366,ROW(INDEX(Jesper!AL$2:AL$366,ROUNDDOWN($C6638/24,0)+1,1))-1)+IF('Standard Profiles'!$G$22=$B$10,7,0)+IF('Standard Profiles'!$G$22=$B$17,14,0)+IF('Standard Profiles'!$G$22=$B$24,21,0),0)),0)</f>
        <v>0</v>
      </c>
      <c r="I6638">
        <f t="shared" si="741"/>
        <v>0.21650200305453624</v>
      </c>
      <c r="J6638">
        <f t="shared" si="742"/>
        <v>0.7216733435151208</v>
      </c>
      <c r="K6638">
        <f t="shared" si="743"/>
        <v>1.0825100152726812</v>
      </c>
      <c r="L6638">
        <f t="shared" si="744"/>
        <v>5.1960480733088694</v>
      </c>
      <c r="M6638">
        <f t="shared" si="745"/>
        <v>0</v>
      </c>
      <c r="N6638" s="46">
        <f t="shared" si="746"/>
        <v>45567.16666665065</v>
      </c>
    </row>
    <row r="6639" spans="2:14" x14ac:dyDescent="0.3">
      <c r="B6639">
        <f t="shared" si="740"/>
        <v>3</v>
      </c>
      <c r="C6639" s="16">
        <v>6605</v>
      </c>
      <c r="D6639" cm="1">
        <f t="array" ref="D6639">IFERROR(INDEX(Jesper!AH$2:AH$366,ROUNDDOWN($C6639/24,0)+1,1)*INDEX($D$3:$AA$30,INDEX(Jesper!$R$2:$R$366,ROW(INDEX(Jesper!AH$2:AH$366,ROUNDDOWN($C6639/24,0)+1,1))-1)+IF('Standard Profiles'!$G$18=$B$10,7,0)+IF('Standard Profiles'!$G$18=$B$17,14,0)+IF('Standard Profiles'!$G$18=$B$24,21,0),MOD($C6639,24)+1)/SUM(INDEX($D$3:$AA$30,INDEX(Jesper!$R$2:$R$366,ROW(INDEX(Jesper!AH$2:AH$366,ROUNDDOWN($C6639/24,0)+1,1))-1)+IF('Standard Profiles'!$G$18=$B$10,7,0)+IF('Standard Profiles'!$G$18=$B$17,14,0)+IF('Standard Profiles'!$G$18=$B$24,21,0),0)),0)</f>
        <v>9.3015675386393362</v>
      </c>
      <c r="E6639" cm="1">
        <f t="array" ref="E6639">IFERROR(INDEX(Jesper!AI$2:AI$366,ROUNDDOWN($C6639/24,0)+1,1)*INDEX($D$3:$AA$30,INDEX(Jesper!$R$2:$R$366,ROW(INDEX(Jesper!AI$2:AI$366,ROUNDDOWN($C6639/24,0)+1,1))-1)+IF('Standard Profiles'!$G$19=$B$10,7,0)+IF('Standard Profiles'!$G$19=$B$17,14,0)+IF('Standard Profiles'!$G$19=$B$24,21,0),MOD($C6639,24)+1)/SUM(INDEX($D$3:$AA$30,INDEX(Jesper!$R$2:$R$366,ROW(INDEX(Jesper!AI$2:AI$366,ROUNDDOWN($C6639/24,0)+1,1))-1)+IF('Standard Profiles'!$G$19=$B$10,7,0)+IF('Standard Profiles'!$G$19=$B$17,14,0)+IF('Standard Profiles'!$G$19=$B$24,21,0),0)),0)</f>
        <v>0</v>
      </c>
      <c r="F6639" cm="1">
        <f t="array" ref="F6639">IFERROR(INDEX(Jesper!AJ$2:AJ$366,ROUNDDOWN($C6639/24,0)+1,1)*INDEX($D$3:$AA$30,INDEX(Jesper!$R$2:$R$366,ROW(INDEX(Jesper!AJ$2:AJ$366,ROUNDDOWN($C6639/24,0)+1,1))-1)+IF('Standard Profiles'!$G$20=$B$10,7,0)+IF('Standard Profiles'!$G$20=$B$17,14,0)+IF('Standard Profiles'!$G$20=$B$24,21,0),MOD($C6639,24)+1)/SUM(INDEX($D$3:$AA$30,INDEX(Jesper!$R$2:$R$366,ROW(INDEX(Jesper!AJ$2:AJ$366,ROUNDDOWN($C6639/24,0)+1,1))-1)+IF('Standard Profiles'!$G$20=$B$10,7,0)+IF('Standard Profiles'!$G$20=$B$17,14,0)+IF('Standard Profiles'!$G$20=$B$24,21,0),0)),0)</f>
        <v>0</v>
      </c>
      <c r="G6639" cm="1">
        <f t="array" ref="G6639">IFERROR(INDEX(Jesper!AK$2:AK$366,ROUNDDOWN($C6639/24,0)+1,1)*INDEX($D$3:$AA$30,INDEX(Jesper!$R$2:$R$366,ROW(INDEX(Jesper!AK$2:AK$366,ROUNDDOWN($C6639/24,0)+1,1))-1)+IF('Standard Profiles'!$G$21=$B$10,7,0)+IF('Standard Profiles'!$G$21=$B$17,14,0)+IF('Standard Profiles'!$G$21=$B$24,21,0),MOD($C6639,24)+1)/SUM(INDEX($D$3:$AA$30,INDEX(Jesper!$R$2:$R$366,ROW(INDEX(Jesper!AK$2:AK$366,ROUNDDOWN($C6639/24,0)+1,1))-1)+IF('Standard Profiles'!$G$21=$B$10,7,0)+IF('Standard Profiles'!$G$21=$B$17,14,0)+IF('Standard Profiles'!$G$21=$B$24,21,0),0)),0)</f>
        <v>0</v>
      </c>
      <c r="H6639" cm="1">
        <f t="array" ref="H6639">IFERROR(INDEX(Jesper!AL$2:AL$366,ROUNDDOWN($C6639/24,0)+1,1)*INDEX($D$3:$AA$30,INDEX(Jesper!$R$2:$R$366,ROW(INDEX(Jesper!AL$2:AL$366,ROUNDDOWN($C6639/24,0)+1,1))-1)+IF('Standard Profiles'!$G$22=$B$10,7,0)+IF('Standard Profiles'!$G$22=$B$17,14,0)+IF('Standard Profiles'!$G$22=$B$24,21,0),MOD($C6639,24)+1)/SUM(INDEX($D$3:$AA$30,INDEX(Jesper!$R$2:$R$366,ROW(INDEX(Jesper!AL$2:AL$366,ROUNDDOWN($C6639/24,0)+1,1))-1)+IF('Standard Profiles'!$G$22=$B$10,7,0)+IF('Standard Profiles'!$G$22=$B$17,14,0)+IF('Standard Profiles'!$G$22=$B$24,21,0),0)),0)</f>
        <v>0</v>
      </c>
      <c r="I6639">
        <f t="shared" si="741"/>
        <v>0.27904702615918009</v>
      </c>
      <c r="J6639">
        <f t="shared" si="742"/>
        <v>0.93015675386393371</v>
      </c>
      <c r="K6639">
        <f t="shared" si="743"/>
        <v>1.3952351307959003</v>
      </c>
      <c r="L6639">
        <f t="shared" si="744"/>
        <v>6.6971286278203221</v>
      </c>
      <c r="M6639">
        <f t="shared" si="745"/>
        <v>0</v>
      </c>
      <c r="N6639" s="46">
        <f t="shared" si="746"/>
        <v>45567.208333317314</v>
      </c>
    </row>
    <row r="6640" spans="2:14" x14ac:dyDescent="0.3">
      <c r="B6640">
        <f t="shared" si="740"/>
        <v>3</v>
      </c>
      <c r="C6640" s="16">
        <v>6606</v>
      </c>
      <c r="D6640" cm="1">
        <f t="array" ref="D6640">IFERROR(INDEX(Jesper!AH$2:AH$366,ROUNDDOWN($C6640/24,0)+1,1)*INDEX($D$3:$AA$30,INDEX(Jesper!$R$2:$R$366,ROW(INDEX(Jesper!AH$2:AH$366,ROUNDDOWN($C6640/24,0)+1,1))-1)+IF('Standard Profiles'!$G$18=$B$10,7,0)+IF('Standard Profiles'!$G$18=$B$17,14,0)+IF('Standard Profiles'!$G$18=$B$24,21,0),MOD($C6640,24)+1)/SUM(INDEX($D$3:$AA$30,INDEX(Jesper!$R$2:$R$366,ROW(INDEX(Jesper!AH$2:AH$366,ROUNDDOWN($C6640/24,0)+1,1))-1)+IF('Standard Profiles'!$G$18=$B$10,7,0)+IF('Standard Profiles'!$G$18=$B$17,14,0)+IF('Standard Profiles'!$G$18=$B$24,21,0),0)),0)</f>
        <v>10.744914225669579</v>
      </c>
      <c r="E6640" cm="1">
        <f t="array" ref="E6640">IFERROR(INDEX(Jesper!AI$2:AI$366,ROUNDDOWN($C6640/24,0)+1,1)*INDEX($D$3:$AA$30,INDEX(Jesper!$R$2:$R$366,ROW(INDEX(Jesper!AI$2:AI$366,ROUNDDOWN($C6640/24,0)+1,1))-1)+IF('Standard Profiles'!$G$19=$B$10,7,0)+IF('Standard Profiles'!$G$19=$B$17,14,0)+IF('Standard Profiles'!$G$19=$B$24,21,0),MOD($C6640,24)+1)/SUM(INDEX($D$3:$AA$30,INDEX(Jesper!$R$2:$R$366,ROW(INDEX(Jesper!AI$2:AI$366,ROUNDDOWN($C6640/24,0)+1,1))-1)+IF('Standard Profiles'!$G$19=$B$10,7,0)+IF('Standard Profiles'!$G$19=$B$17,14,0)+IF('Standard Profiles'!$G$19=$B$24,21,0),0)),0)</f>
        <v>0</v>
      </c>
      <c r="F6640" cm="1">
        <f t="array" ref="F6640">IFERROR(INDEX(Jesper!AJ$2:AJ$366,ROUNDDOWN($C6640/24,0)+1,1)*INDEX($D$3:$AA$30,INDEX(Jesper!$R$2:$R$366,ROW(INDEX(Jesper!AJ$2:AJ$366,ROUNDDOWN($C6640/24,0)+1,1))-1)+IF('Standard Profiles'!$G$20=$B$10,7,0)+IF('Standard Profiles'!$G$20=$B$17,14,0)+IF('Standard Profiles'!$G$20=$B$24,21,0),MOD($C6640,24)+1)/SUM(INDEX($D$3:$AA$30,INDEX(Jesper!$R$2:$R$366,ROW(INDEX(Jesper!AJ$2:AJ$366,ROUNDDOWN($C6640/24,0)+1,1))-1)+IF('Standard Profiles'!$G$20=$B$10,7,0)+IF('Standard Profiles'!$G$20=$B$17,14,0)+IF('Standard Profiles'!$G$20=$B$24,21,0),0)),0)</f>
        <v>0</v>
      </c>
      <c r="G6640" cm="1">
        <f t="array" ref="G6640">IFERROR(INDEX(Jesper!AK$2:AK$366,ROUNDDOWN($C6640/24,0)+1,1)*INDEX($D$3:$AA$30,INDEX(Jesper!$R$2:$R$366,ROW(INDEX(Jesper!AK$2:AK$366,ROUNDDOWN($C6640/24,0)+1,1))-1)+IF('Standard Profiles'!$G$21=$B$10,7,0)+IF('Standard Profiles'!$G$21=$B$17,14,0)+IF('Standard Profiles'!$G$21=$B$24,21,0),MOD($C6640,24)+1)/SUM(INDEX($D$3:$AA$30,INDEX(Jesper!$R$2:$R$366,ROW(INDEX(Jesper!AK$2:AK$366,ROUNDDOWN($C6640/24,0)+1,1))-1)+IF('Standard Profiles'!$G$21=$B$10,7,0)+IF('Standard Profiles'!$G$21=$B$17,14,0)+IF('Standard Profiles'!$G$21=$B$24,21,0),0)),0)</f>
        <v>0</v>
      </c>
      <c r="H6640" cm="1">
        <f t="array" ref="H6640">IFERROR(INDEX(Jesper!AL$2:AL$366,ROUNDDOWN($C6640/24,0)+1,1)*INDEX($D$3:$AA$30,INDEX(Jesper!$R$2:$R$366,ROW(INDEX(Jesper!AL$2:AL$366,ROUNDDOWN($C6640/24,0)+1,1))-1)+IF('Standard Profiles'!$G$22=$B$10,7,0)+IF('Standard Profiles'!$G$22=$B$17,14,0)+IF('Standard Profiles'!$G$22=$B$24,21,0),MOD($C6640,24)+1)/SUM(INDEX($D$3:$AA$30,INDEX(Jesper!$R$2:$R$366,ROW(INDEX(Jesper!AL$2:AL$366,ROUNDDOWN($C6640/24,0)+1,1))-1)+IF('Standard Profiles'!$G$22=$B$10,7,0)+IF('Standard Profiles'!$G$22=$B$17,14,0)+IF('Standard Profiles'!$G$22=$B$24,21,0),0)),0)</f>
        <v>0</v>
      </c>
      <c r="I6640">
        <f t="shared" si="741"/>
        <v>0.32234742677008738</v>
      </c>
      <c r="J6640">
        <f t="shared" si="742"/>
        <v>1.074491422566958</v>
      </c>
      <c r="K6640">
        <f t="shared" si="743"/>
        <v>1.6117371338504367</v>
      </c>
      <c r="L6640">
        <f t="shared" si="744"/>
        <v>7.7363382424820966</v>
      </c>
      <c r="M6640">
        <f t="shared" si="745"/>
        <v>0</v>
      </c>
      <c r="N6640" s="46">
        <f t="shared" si="746"/>
        <v>45567.249999983978</v>
      </c>
    </row>
    <row r="6641" spans="2:14" x14ac:dyDescent="0.3">
      <c r="B6641">
        <f t="shared" si="740"/>
        <v>3</v>
      </c>
      <c r="C6641" s="16">
        <v>6607</v>
      </c>
      <c r="D6641" cm="1">
        <f t="array" ref="D6641">IFERROR(INDEX(Jesper!AH$2:AH$366,ROUNDDOWN($C6641/24,0)+1,1)*INDEX($D$3:$AA$30,INDEX(Jesper!$R$2:$R$366,ROW(INDEX(Jesper!AH$2:AH$366,ROUNDDOWN($C6641/24,0)+1,1))-1)+IF('Standard Profiles'!$G$18=$B$10,7,0)+IF('Standard Profiles'!$G$18=$B$17,14,0)+IF('Standard Profiles'!$G$18=$B$24,21,0),MOD($C6641,24)+1)/SUM(INDEX($D$3:$AA$30,INDEX(Jesper!$R$2:$R$366,ROW(INDEX(Jesper!AH$2:AH$366,ROUNDDOWN($C6641/24,0)+1,1))-1)+IF('Standard Profiles'!$G$18=$B$10,7,0)+IF('Standard Profiles'!$G$18=$B$17,14,0)+IF('Standard Profiles'!$G$18=$B$24,21,0),0)),0)</f>
        <v>10.744914225669579</v>
      </c>
      <c r="E6641" cm="1">
        <f t="array" ref="E6641">IFERROR(INDEX(Jesper!AI$2:AI$366,ROUNDDOWN($C6641/24,0)+1,1)*INDEX($D$3:$AA$30,INDEX(Jesper!$R$2:$R$366,ROW(INDEX(Jesper!AI$2:AI$366,ROUNDDOWN($C6641/24,0)+1,1))-1)+IF('Standard Profiles'!$G$19=$B$10,7,0)+IF('Standard Profiles'!$G$19=$B$17,14,0)+IF('Standard Profiles'!$G$19=$B$24,21,0),MOD($C6641,24)+1)/SUM(INDEX($D$3:$AA$30,INDEX(Jesper!$R$2:$R$366,ROW(INDEX(Jesper!AI$2:AI$366,ROUNDDOWN($C6641/24,0)+1,1))-1)+IF('Standard Profiles'!$G$19=$B$10,7,0)+IF('Standard Profiles'!$G$19=$B$17,14,0)+IF('Standard Profiles'!$G$19=$B$24,21,0),0)),0)</f>
        <v>0</v>
      </c>
      <c r="F6641" cm="1">
        <f t="array" ref="F6641">IFERROR(INDEX(Jesper!AJ$2:AJ$366,ROUNDDOWN($C6641/24,0)+1,1)*INDEX($D$3:$AA$30,INDEX(Jesper!$R$2:$R$366,ROW(INDEX(Jesper!AJ$2:AJ$366,ROUNDDOWN($C6641/24,0)+1,1))-1)+IF('Standard Profiles'!$G$20=$B$10,7,0)+IF('Standard Profiles'!$G$20=$B$17,14,0)+IF('Standard Profiles'!$G$20=$B$24,21,0),MOD($C6641,24)+1)/SUM(INDEX($D$3:$AA$30,INDEX(Jesper!$R$2:$R$366,ROW(INDEX(Jesper!AJ$2:AJ$366,ROUNDDOWN($C6641/24,0)+1,1))-1)+IF('Standard Profiles'!$G$20=$B$10,7,0)+IF('Standard Profiles'!$G$20=$B$17,14,0)+IF('Standard Profiles'!$G$20=$B$24,21,0),0)),0)</f>
        <v>0</v>
      </c>
      <c r="G6641" cm="1">
        <f t="array" ref="G6641">IFERROR(INDEX(Jesper!AK$2:AK$366,ROUNDDOWN($C6641/24,0)+1,1)*INDEX($D$3:$AA$30,INDEX(Jesper!$R$2:$R$366,ROW(INDEX(Jesper!AK$2:AK$366,ROUNDDOWN($C6641/24,0)+1,1))-1)+IF('Standard Profiles'!$G$21=$B$10,7,0)+IF('Standard Profiles'!$G$21=$B$17,14,0)+IF('Standard Profiles'!$G$21=$B$24,21,0),MOD($C6641,24)+1)/SUM(INDEX($D$3:$AA$30,INDEX(Jesper!$R$2:$R$366,ROW(INDEX(Jesper!AK$2:AK$366,ROUNDDOWN($C6641/24,0)+1,1))-1)+IF('Standard Profiles'!$G$21=$B$10,7,0)+IF('Standard Profiles'!$G$21=$B$17,14,0)+IF('Standard Profiles'!$G$21=$B$24,21,0),0)),0)</f>
        <v>0</v>
      </c>
      <c r="H6641" cm="1">
        <f t="array" ref="H6641">IFERROR(INDEX(Jesper!AL$2:AL$366,ROUNDDOWN($C6641/24,0)+1,1)*INDEX($D$3:$AA$30,INDEX(Jesper!$R$2:$R$366,ROW(INDEX(Jesper!AL$2:AL$366,ROUNDDOWN($C6641/24,0)+1,1))-1)+IF('Standard Profiles'!$G$22=$B$10,7,0)+IF('Standard Profiles'!$G$22=$B$17,14,0)+IF('Standard Profiles'!$G$22=$B$24,21,0),MOD($C6641,24)+1)/SUM(INDEX($D$3:$AA$30,INDEX(Jesper!$R$2:$R$366,ROW(INDEX(Jesper!AL$2:AL$366,ROUNDDOWN($C6641/24,0)+1,1))-1)+IF('Standard Profiles'!$G$22=$B$10,7,0)+IF('Standard Profiles'!$G$22=$B$17,14,0)+IF('Standard Profiles'!$G$22=$B$24,21,0),0)),0)</f>
        <v>0</v>
      </c>
      <c r="I6641">
        <f t="shared" si="741"/>
        <v>0.32234742677008738</v>
      </c>
      <c r="J6641">
        <f t="shared" si="742"/>
        <v>1.074491422566958</v>
      </c>
      <c r="K6641">
        <f t="shared" si="743"/>
        <v>1.6117371338504367</v>
      </c>
      <c r="L6641">
        <f t="shared" si="744"/>
        <v>7.7363382424820966</v>
      </c>
      <c r="M6641">
        <f t="shared" si="745"/>
        <v>0</v>
      </c>
      <c r="N6641" s="46">
        <f t="shared" si="746"/>
        <v>45567.291666650643</v>
      </c>
    </row>
    <row r="6642" spans="2:14" x14ac:dyDescent="0.3">
      <c r="B6642">
        <f t="shared" si="740"/>
        <v>3</v>
      </c>
      <c r="C6642" s="16">
        <v>6608</v>
      </c>
      <c r="D6642" cm="1">
        <f t="array" ref="D6642">IFERROR(INDEX(Jesper!AH$2:AH$366,ROUNDDOWN($C6642/24,0)+1,1)*INDEX($D$3:$AA$30,INDEX(Jesper!$R$2:$R$366,ROW(INDEX(Jesper!AH$2:AH$366,ROUNDDOWN($C6642/24,0)+1,1))-1)+IF('Standard Profiles'!$G$18=$B$10,7,0)+IF('Standard Profiles'!$G$18=$B$17,14,0)+IF('Standard Profiles'!$G$18=$B$24,21,0),MOD($C6642,24)+1)/SUM(INDEX($D$3:$AA$30,INDEX(Jesper!$R$2:$R$366,ROW(INDEX(Jesper!AH$2:AH$366,ROUNDDOWN($C6642/24,0)+1,1))-1)+IF('Standard Profiles'!$G$18=$B$10,7,0)+IF('Standard Profiles'!$G$18=$B$17,14,0)+IF('Standard Profiles'!$G$18=$B$24,21,0),0)),0)</f>
        <v>10.744914225669579</v>
      </c>
      <c r="E6642" cm="1">
        <f t="array" ref="E6642">IFERROR(INDEX(Jesper!AI$2:AI$366,ROUNDDOWN($C6642/24,0)+1,1)*INDEX($D$3:$AA$30,INDEX(Jesper!$R$2:$R$366,ROW(INDEX(Jesper!AI$2:AI$366,ROUNDDOWN($C6642/24,0)+1,1))-1)+IF('Standard Profiles'!$G$19=$B$10,7,0)+IF('Standard Profiles'!$G$19=$B$17,14,0)+IF('Standard Profiles'!$G$19=$B$24,21,0),MOD($C6642,24)+1)/SUM(INDEX($D$3:$AA$30,INDEX(Jesper!$R$2:$R$366,ROW(INDEX(Jesper!AI$2:AI$366,ROUNDDOWN($C6642/24,0)+1,1))-1)+IF('Standard Profiles'!$G$19=$B$10,7,0)+IF('Standard Profiles'!$G$19=$B$17,14,0)+IF('Standard Profiles'!$G$19=$B$24,21,0),0)),0)</f>
        <v>0</v>
      </c>
      <c r="F6642" cm="1">
        <f t="array" ref="F6642">IFERROR(INDEX(Jesper!AJ$2:AJ$366,ROUNDDOWN($C6642/24,0)+1,1)*INDEX($D$3:$AA$30,INDEX(Jesper!$R$2:$R$366,ROW(INDEX(Jesper!AJ$2:AJ$366,ROUNDDOWN($C6642/24,0)+1,1))-1)+IF('Standard Profiles'!$G$20=$B$10,7,0)+IF('Standard Profiles'!$G$20=$B$17,14,0)+IF('Standard Profiles'!$G$20=$B$24,21,0),MOD($C6642,24)+1)/SUM(INDEX($D$3:$AA$30,INDEX(Jesper!$R$2:$R$366,ROW(INDEX(Jesper!AJ$2:AJ$366,ROUNDDOWN($C6642/24,0)+1,1))-1)+IF('Standard Profiles'!$G$20=$B$10,7,0)+IF('Standard Profiles'!$G$20=$B$17,14,0)+IF('Standard Profiles'!$G$20=$B$24,21,0),0)),0)</f>
        <v>0</v>
      </c>
      <c r="G6642" cm="1">
        <f t="array" ref="G6642">IFERROR(INDEX(Jesper!AK$2:AK$366,ROUNDDOWN($C6642/24,0)+1,1)*INDEX($D$3:$AA$30,INDEX(Jesper!$R$2:$R$366,ROW(INDEX(Jesper!AK$2:AK$366,ROUNDDOWN($C6642/24,0)+1,1))-1)+IF('Standard Profiles'!$G$21=$B$10,7,0)+IF('Standard Profiles'!$G$21=$B$17,14,0)+IF('Standard Profiles'!$G$21=$B$24,21,0),MOD($C6642,24)+1)/SUM(INDEX($D$3:$AA$30,INDEX(Jesper!$R$2:$R$366,ROW(INDEX(Jesper!AK$2:AK$366,ROUNDDOWN($C6642/24,0)+1,1))-1)+IF('Standard Profiles'!$G$21=$B$10,7,0)+IF('Standard Profiles'!$G$21=$B$17,14,0)+IF('Standard Profiles'!$G$21=$B$24,21,0),0)),0)</f>
        <v>0</v>
      </c>
      <c r="H6642" cm="1">
        <f t="array" ref="H6642">IFERROR(INDEX(Jesper!AL$2:AL$366,ROUNDDOWN($C6642/24,0)+1,1)*INDEX($D$3:$AA$30,INDEX(Jesper!$R$2:$R$366,ROW(INDEX(Jesper!AL$2:AL$366,ROUNDDOWN($C6642/24,0)+1,1))-1)+IF('Standard Profiles'!$G$22=$B$10,7,0)+IF('Standard Profiles'!$G$22=$B$17,14,0)+IF('Standard Profiles'!$G$22=$B$24,21,0),MOD($C6642,24)+1)/SUM(INDEX($D$3:$AA$30,INDEX(Jesper!$R$2:$R$366,ROW(INDEX(Jesper!AL$2:AL$366,ROUNDDOWN($C6642/24,0)+1,1))-1)+IF('Standard Profiles'!$G$22=$B$10,7,0)+IF('Standard Profiles'!$G$22=$B$17,14,0)+IF('Standard Profiles'!$G$22=$B$24,21,0),0)),0)</f>
        <v>0</v>
      </c>
      <c r="I6642">
        <f t="shared" si="741"/>
        <v>0.32234742677008738</v>
      </c>
      <c r="J6642">
        <f t="shared" si="742"/>
        <v>1.074491422566958</v>
      </c>
      <c r="K6642">
        <f t="shared" si="743"/>
        <v>1.6117371338504367</v>
      </c>
      <c r="L6642">
        <f t="shared" si="744"/>
        <v>7.7363382424820966</v>
      </c>
      <c r="M6642">
        <f t="shared" si="745"/>
        <v>0</v>
      </c>
      <c r="N6642" s="46">
        <f t="shared" si="746"/>
        <v>45567.333333317307</v>
      </c>
    </row>
    <row r="6643" spans="2:14" x14ac:dyDescent="0.3">
      <c r="B6643">
        <f t="shared" si="740"/>
        <v>3</v>
      </c>
      <c r="C6643" s="16">
        <v>6609</v>
      </c>
      <c r="D6643" cm="1">
        <f t="array" ref="D6643">IFERROR(INDEX(Jesper!AH$2:AH$366,ROUNDDOWN($C6643/24,0)+1,1)*INDEX($D$3:$AA$30,INDEX(Jesper!$R$2:$R$366,ROW(INDEX(Jesper!AH$2:AH$366,ROUNDDOWN($C6643/24,0)+1,1))-1)+IF('Standard Profiles'!$G$18=$B$10,7,0)+IF('Standard Profiles'!$G$18=$B$17,14,0)+IF('Standard Profiles'!$G$18=$B$24,21,0),MOD($C6643,24)+1)/SUM(INDEX($D$3:$AA$30,INDEX(Jesper!$R$2:$R$366,ROW(INDEX(Jesper!AH$2:AH$366,ROUNDDOWN($C6643/24,0)+1,1))-1)+IF('Standard Profiles'!$G$18=$B$10,7,0)+IF('Standard Profiles'!$G$18=$B$17,14,0)+IF('Standard Profiles'!$G$18=$B$24,21,0),0)),0)</f>
        <v>11.546773496241935</v>
      </c>
      <c r="E6643" cm="1">
        <f t="array" ref="E6643">IFERROR(INDEX(Jesper!AI$2:AI$366,ROUNDDOWN($C6643/24,0)+1,1)*INDEX($D$3:$AA$30,INDEX(Jesper!$R$2:$R$366,ROW(INDEX(Jesper!AI$2:AI$366,ROUNDDOWN($C6643/24,0)+1,1))-1)+IF('Standard Profiles'!$G$19=$B$10,7,0)+IF('Standard Profiles'!$G$19=$B$17,14,0)+IF('Standard Profiles'!$G$19=$B$24,21,0),MOD($C6643,24)+1)/SUM(INDEX($D$3:$AA$30,INDEX(Jesper!$R$2:$R$366,ROW(INDEX(Jesper!AI$2:AI$366,ROUNDDOWN($C6643/24,0)+1,1))-1)+IF('Standard Profiles'!$G$19=$B$10,7,0)+IF('Standard Profiles'!$G$19=$B$17,14,0)+IF('Standard Profiles'!$G$19=$B$24,21,0),0)),0)</f>
        <v>0</v>
      </c>
      <c r="F6643" cm="1">
        <f t="array" ref="F6643">IFERROR(INDEX(Jesper!AJ$2:AJ$366,ROUNDDOWN($C6643/24,0)+1,1)*INDEX($D$3:$AA$30,INDEX(Jesper!$R$2:$R$366,ROW(INDEX(Jesper!AJ$2:AJ$366,ROUNDDOWN($C6643/24,0)+1,1))-1)+IF('Standard Profiles'!$G$20=$B$10,7,0)+IF('Standard Profiles'!$G$20=$B$17,14,0)+IF('Standard Profiles'!$G$20=$B$24,21,0),MOD($C6643,24)+1)/SUM(INDEX($D$3:$AA$30,INDEX(Jesper!$R$2:$R$366,ROW(INDEX(Jesper!AJ$2:AJ$366,ROUNDDOWN($C6643/24,0)+1,1))-1)+IF('Standard Profiles'!$G$20=$B$10,7,0)+IF('Standard Profiles'!$G$20=$B$17,14,0)+IF('Standard Profiles'!$G$20=$B$24,21,0),0)),0)</f>
        <v>0</v>
      </c>
      <c r="G6643" cm="1">
        <f t="array" ref="G6643">IFERROR(INDEX(Jesper!AK$2:AK$366,ROUNDDOWN($C6643/24,0)+1,1)*INDEX($D$3:$AA$30,INDEX(Jesper!$R$2:$R$366,ROW(INDEX(Jesper!AK$2:AK$366,ROUNDDOWN($C6643/24,0)+1,1))-1)+IF('Standard Profiles'!$G$21=$B$10,7,0)+IF('Standard Profiles'!$G$21=$B$17,14,0)+IF('Standard Profiles'!$G$21=$B$24,21,0),MOD($C6643,24)+1)/SUM(INDEX($D$3:$AA$30,INDEX(Jesper!$R$2:$R$366,ROW(INDEX(Jesper!AK$2:AK$366,ROUNDDOWN($C6643/24,0)+1,1))-1)+IF('Standard Profiles'!$G$21=$B$10,7,0)+IF('Standard Profiles'!$G$21=$B$17,14,0)+IF('Standard Profiles'!$G$21=$B$24,21,0),0)),0)</f>
        <v>0</v>
      </c>
      <c r="H6643" cm="1">
        <f t="array" ref="H6643">IFERROR(INDEX(Jesper!AL$2:AL$366,ROUNDDOWN($C6643/24,0)+1,1)*INDEX($D$3:$AA$30,INDEX(Jesper!$R$2:$R$366,ROW(INDEX(Jesper!AL$2:AL$366,ROUNDDOWN($C6643/24,0)+1,1))-1)+IF('Standard Profiles'!$G$22=$B$10,7,0)+IF('Standard Profiles'!$G$22=$B$17,14,0)+IF('Standard Profiles'!$G$22=$B$24,21,0),MOD($C6643,24)+1)/SUM(INDEX($D$3:$AA$30,INDEX(Jesper!$R$2:$R$366,ROW(INDEX(Jesper!AL$2:AL$366,ROUNDDOWN($C6643/24,0)+1,1))-1)+IF('Standard Profiles'!$G$22=$B$10,7,0)+IF('Standard Profiles'!$G$22=$B$17,14,0)+IF('Standard Profiles'!$G$22=$B$24,21,0),0)),0)</f>
        <v>0</v>
      </c>
      <c r="I6643">
        <f t="shared" si="741"/>
        <v>0.34640320488725801</v>
      </c>
      <c r="J6643">
        <f t="shared" si="742"/>
        <v>1.1546773496241935</v>
      </c>
      <c r="K6643">
        <f t="shared" si="743"/>
        <v>1.7320160244362901</v>
      </c>
      <c r="L6643">
        <f t="shared" si="744"/>
        <v>8.3136769172941918</v>
      </c>
      <c r="M6643">
        <f t="shared" si="745"/>
        <v>0</v>
      </c>
      <c r="N6643" s="46">
        <f t="shared" si="746"/>
        <v>45567.374999983971</v>
      </c>
    </row>
    <row r="6644" spans="2:14" x14ac:dyDescent="0.3">
      <c r="B6644">
        <f t="shared" si="740"/>
        <v>3</v>
      </c>
      <c r="C6644" s="16">
        <v>6610</v>
      </c>
      <c r="D6644" cm="1">
        <f t="array" ref="D6644">IFERROR(INDEX(Jesper!AH$2:AH$366,ROUNDDOWN($C6644/24,0)+1,1)*INDEX($D$3:$AA$30,INDEX(Jesper!$R$2:$R$366,ROW(INDEX(Jesper!AH$2:AH$366,ROUNDDOWN($C6644/24,0)+1,1))-1)+IF('Standard Profiles'!$G$18=$B$10,7,0)+IF('Standard Profiles'!$G$18=$B$17,14,0)+IF('Standard Profiles'!$G$18=$B$24,21,0),MOD($C6644,24)+1)/SUM(INDEX($D$3:$AA$30,INDEX(Jesper!$R$2:$R$366,ROW(INDEX(Jesper!AH$2:AH$366,ROUNDDOWN($C6644/24,0)+1,1))-1)+IF('Standard Profiles'!$G$18=$B$10,7,0)+IF('Standard Profiles'!$G$18=$B$17,14,0)+IF('Standard Profiles'!$G$18=$B$24,21,0),0)),0)</f>
        <v>12.509004620928764</v>
      </c>
      <c r="E6644" cm="1">
        <f t="array" ref="E6644">IFERROR(INDEX(Jesper!AI$2:AI$366,ROUNDDOWN($C6644/24,0)+1,1)*INDEX($D$3:$AA$30,INDEX(Jesper!$R$2:$R$366,ROW(INDEX(Jesper!AI$2:AI$366,ROUNDDOWN($C6644/24,0)+1,1))-1)+IF('Standard Profiles'!$G$19=$B$10,7,0)+IF('Standard Profiles'!$G$19=$B$17,14,0)+IF('Standard Profiles'!$G$19=$B$24,21,0),MOD($C6644,24)+1)/SUM(INDEX($D$3:$AA$30,INDEX(Jesper!$R$2:$R$366,ROW(INDEX(Jesper!AI$2:AI$366,ROUNDDOWN($C6644/24,0)+1,1))-1)+IF('Standard Profiles'!$G$19=$B$10,7,0)+IF('Standard Profiles'!$G$19=$B$17,14,0)+IF('Standard Profiles'!$G$19=$B$24,21,0),0)),0)</f>
        <v>0</v>
      </c>
      <c r="F6644" cm="1">
        <f t="array" ref="F6644">IFERROR(INDEX(Jesper!AJ$2:AJ$366,ROUNDDOWN($C6644/24,0)+1,1)*INDEX($D$3:$AA$30,INDEX(Jesper!$R$2:$R$366,ROW(INDEX(Jesper!AJ$2:AJ$366,ROUNDDOWN($C6644/24,0)+1,1))-1)+IF('Standard Profiles'!$G$20=$B$10,7,0)+IF('Standard Profiles'!$G$20=$B$17,14,0)+IF('Standard Profiles'!$G$20=$B$24,21,0),MOD($C6644,24)+1)/SUM(INDEX($D$3:$AA$30,INDEX(Jesper!$R$2:$R$366,ROW(INDEX(Jesper!AJ$2:AJ$366,ROUNDDOWN($C6644/24,0)+1,1))-1)+IF('Standard Profiles'!$G$20=$B$10,7,0)+IF('Standard Profiles'!$G$20=$B$17,14,0)+IF('Standard Profiles'!$G$20=$B$24,21,0),0)),0)</f>
        <v>0</v>
      </c>
      <c r="G6644" cm="1">
        <f t="array" ref="G6644">IFERROR(INDEX(Jesper!AK$2:AK$366,ROUNDDOWN($C6644/24,0)+1,1)*INDEX($D$3:$AA$30,INDEX(Jesper!$R$2:$R$366,ROW(INDEX(Jesper!AK$2:AK$366,ROUNDDOWN($C6644/24,0)+1,1))-1)+IF('Standard Profiles'!$G$21=$B$10,7,0)+IF('Standard Profiles'!$G$21=$B$17,14,0)+IF('Standard Profiles'!$G$21=$B$24,21,0),MOD($C6644,24)+1)/SUM(INDEX($D$3:$AA$30,INDEX(Jesper!$R$2:$R$366,ROW(INDEX(Jesper!AK$2:AK$366,ROUNDDOWN($C6644/24,0)+1,1))-1)+IF('Standard Profiles'!$G$21=$B$10,7,0)+IF('Standard Profiles'!$G$21=$B$17,14,0)+IF('Standard Profiles'!$G$21=$B$24,21,0),0)),0)</f>
        <v>0</v>
      </c>
      <c r="H6644" cm="1">
        <f t="array" ref="H6644">IFERROR(INDEX(Jesper!AL$2:AL$366,ROUNDDOWN($C6644/24,0)+1,1)*INDEX($D$3:$AA$30,INDEX(Jesper!$R$2:$R$366,ROW(INDEX(Jesper!AL$2:AL$366,ROUNDDOWN($C6644/24,0)+1,1))-1)+IF('Standard Profiles'!$G$22=$B$10,7,0)+IF('Standard Profiles'!$G$22=$B$17,14,0)+IF('Standard Profiles'!$G$22=$B$24,21,0),MOD($C6644,24)+1)/SUM(INDEX($D$3:$AA$30,INDEX(Jesper!$R$2:$R$366,ROW(INDEX(Jesper!AL$2:AL$366,ROUNDDOWN($C6644/24,0)+1,1))-1)+IF('Standard Profiles'!$G$22=$B$10,7,0)+IF('Standard Profiles'!$G$22=$B$17,14,0)+IF('Standard Profiles'!$G$22=$B$24,21,0),0)),0)</f>
        <v>0</v>
      </c>
      <c r="I6644">
        <f t="shared" si="741"/>
        <v>0.3752701386278629</v>
      </c>
      <c r="J6644">
        <f t="shared" si="742"/>
        <v>1.2509004620928765</v>
      </c>
      <c r="K6644">
        <f t="shared" si="743"/>
        <v>1.8763506931393144</v>
      </c>
      <c r="L6644">
        <f t="shared" si="744"/>
        <v>9.0064833270687092</v>
      </c>
      <c r="M6644">
        <f t="shared" si="745"/>
        <v>0</v>
      </c>
      <c r="N6644" s="46">
        <f t="shared" si="746"/>
        <v>45567.416666650635</v>
      </c>
    </row>
    <row r="6645" spans="2:14" x14ac:dyDescent="0.3">
      <c r="B6645">
        <f t="shared" si="740"/>
        <v>3</v>
      </c>
      <c r="C6645" s="16">
        <v>6611</v>
      </c>
      <c r="D6645" cm="1">
        <f t="array" ref="D6645">IFERROR(INDEX(Jesper!AH$2:AH$366,ROUNDDOWN($C6645/24,0)+1,1)*INDEX($D$3:$AA$30,INDEX(Jesper!$R$2:$R$366,ROW(INDEX(Jesper!AH$2:AH$366,ROUNDDOWN($C6645/24,0)+1,1))-1)+IF('Standard Profiles'!$G$18=$B$10,7,0)+IF('Standard Profiles'!$G$18=$B$17,14,0)+IF('Standard Profiles'!$G$18=$B$24,21,0),MOD($C6645,24)+1)/SUM(INDEX($D$3:$AA$30,INDEX(Jesper!$R$2:$R$366,ROW(INDEX(Jesper!AH$2:AH$366,ROUNDDOWN($C6645/24,0)+1,1))-1)+IF('Standard Profiles'!$G$18=$B$10,7,0)+IF('Standard Profiles'!$G$18=$B$17,14,0)+IF('Standard Profiles'!$G$18=$B$24,21,0),0)),0)</f>
        <v>14.433466870302416</v>
      </c>
      <c r="E6645" cm="1">
        <f t="array" ref="E6645">IFERROR(INDEX(Jesper!AI$2:AI$366,ROUNDDOWN($C6645/24,0)+1,1)*INDEX($D$3:$AA$30,INDEX(Jesper!$R$2:$R$366,ROW(INDEX(Jesper!AI$2:AI$366,ROUNDDOWN($C6645/24,0)+1,1))-1)+IF('Standard Profiles'!$G$19=$B$10,7,0)+IF('Standard Profiles'!$G$19=$B$17,14,0)+IF('Standard Profiles'!$G$19=$B$24,21,0),MOD($C6645,24)+1)/SUM(INDEX($D$3:$AA$30,INDEX(Jesper!$R$2:$R$366,ROW(INDEX(Jesper!AI$2:AI$366,ROUNDDOWN($C6645/24,0)+1,1))-1)+IF('Standard Profiles'!$G$19=$B$10,7,0)+IF('Standard Profiles'!$G$19=$B$17,14,0)+IF('Standard Profiles'!$G$19=$B$24,21,0),0)),0)</f>
        <v>0</v>
      </c>
      <c r="F6645" cm="1">
        <f t="array" ref="F6645">IFERROR(INDEX(Jesper!AJ$2:AJ$366,ROUNDDOWN($C6645/24,0)+1,1)*INDEX($D$3:$AA$30,INDEX(Jesper!$R$2:$R$366,ROW(INDEX(Jesper!AJ$2:AJ$366,ROUNDDOWN($C6645/24,0)+1,1))-1)+IF('Standard Profiles'!$G$20=$B$10,7,0)+IF('Standard Profiles'!$G$20=$B$17,14,0)+IF('Standard Profiles'!$G$20=$B$24,21,0),MOD($C6645,24)+1)/SUM(INDEX($D$3:$AA$30,INDEX(Jesper!$R$2:$R$366,ROW(INDEX(Jesper!AJ$2:AJ$366,ROUNDDOWN($C6645/24,0)+1,1))-1)+IF('Standard Profiles'!$G$20=$B$10,7,0)+IF('Standard Profiles'!$G$20=$B$17,14,0)+IF('Standard Profiles'!$G$20=$B$24,21,0),0)),0)</f>
        <v>0</v>
      </c>
      <c r="G6645" cm="1">
        <f t="array" ref="G6645">IFERROR(INDEX(Jesper!AK$2:AK$366,ROUNDDOWN($C6645/24,0)+1,1)*INDEX($D$3:$AA$30,INDEX(Jesper!$R$2:$R$366,ROW(INDEX(Jesper!AK$2:AK$366,ROUNDDOWN($C6645/24,0)+1,1))-1)+IF('Standard Profiles'!$G$21=$B$10,7,0)+IF('Standard Profiles'!$G$21=$B$17,14,0)+IF('Standard Profiles'!$G$21=$B$24,21,0),MOD($C6645,24)+1)/SUM(INDEX($D$3:$AA$30,INDEX(Jesper!$R$2:$R$366,ROW(INDEX(Jesper!AK$2:AK$366,ROUNDDOWN($C6645/24,0)+1,1))-1)+IF('Standard Profiles'!$G$21=$B$10,7,0)+IF('Standard Profiles'!$G$21=$B$17,14,0)+IF('Standard Profiles'!$G$21=$B$24,21,0),0)),0)</f>
        <v>0</v>
      </c>
      <c r="H6645" cm="1">
        <f t="array" ref="H6645">IFERROR(INDEX(Jesper!AL$2:AL$366,ROUNDDOWN($C6645/24,0)+1,1)*INDEX($D$3:$AA$30,INDEX(Jesper!$R$2:$R$366,ROW(INDEX(Jesper!AL$2:AL$366,ROUNDDOWN($C6645/24,0)+1,1))-1)+IF('Standard Profiles'!$G$22=$B$10,7,0)+IF('Standard Profiles'!$G$22=$B$17,14,0)+IF('Standard Profiles'!$G$22=$B$24,21,0),MOD($C6645,24)+1)/SUM(INDEX($D$3:$AA$30,INDEX(Jesper!$R$2:$R$366,ROW(INDEX(Jesper!AL$2:AL$366,ROUNDDOWN($C6645/24,0)+1,1))-1)+IF('Standard Profiles'!$G$22=$B$10,7,0)+IF('Standard Profiles'!$G$22=$B$17,14,0)+IF('Standard Profiles'!$G$22=$B$24,21,0),0)),0)</f>
        <v>0</v>
      </c>
      <c r="I6645">
        <f t="shared" si="741"/>
        <v>0.43300400610907247</v>
      </c>
      <c r="J6645">
        <f t="shared" si="742"/>
        <v>1.4433466870302416</v>
      </c>
      <c r="K6645">
        <f t="shared" si="743"/>
        <v>2.1650200305453624</v>
      </c>
      <c r="L6645">
        <f t="shared" si="744"/>
        <v>10.392096146617739</v>
      </c>
      <c r="M6645">
        <f t="shared" si="745"/>
        <v>0</v>
      </c>
      <c r="N6645" s="46">
        <f t="shared" si="746"/>
        <v>45567.4583333173</v>
      </c>
    </row>
    <row r="6646" spans="2:14" x14ac:dyDescent="0.3">
      <c r="B6646">
        <f t="shared" si="740"/>
        <v>3</v>
      </c>
      <c r="C6646" s="16">
        <v>6612</v>
      </c>
      <c r="D6646" cm="1">
        <f t="array" ref="D6646">IFERROR(INDEX(Jesper!AH$2:AH$366,ROUNDDOWN($C6646/24,0)+1,1)*INDEX($D$3:$AA$30,INDEX(Jesper!$R$2:$R$366,ROW(INDEX(Jesper!AH$2:AH$366,ROUNDDOWN($C6646/24,0)+1,1))-1)+IF('Standard Profiles'!$G$18=$B$10,7,0)+IF('Standard Profiles'!$G$18=$B$17,14,0)+IF('Standard Profiles'!$G$18=$B$24,21,0),MOD($C6646,24)+1)/SUM(INDEX($D$3:$AA$30,INDEX(Jesper!$R$2:$R$366,ROW(INDEX(Jesper!AH$2:AH$366,ROUNDDOWN($C6646/24,0)+1,1))-1)+IF('Standard Profiles'!$G$18=$B$10,7,0)+IF('Standard Profiles'!$G$18=$B$17,14,0)+IF('Standard Profiles'!$G$18=$B$24,21,0),0)),0)</f>
        <v>14.433466870302416</v>
      </c>
      <c r="E6646" cm="1">
        <f t="array" ref="E6646">IFERROR(INDEX(Jesper!AI$2:AI$366,ROUNDDOWN($C6646/24,0)+1,1)*INDEX($D$3:$AA$30,INDEX(Jesper!$R$2:$R$366,ROW(INDEX(Jesper!AI$2:AI$366,ROUNDDOWN($C6646/24,0)+1,1))-1)+IF('Standard Profiles'!$G$19=$B$10,7,0)+IF('Standard Profiles'!$G$19=$B$17,14,0)+IF('Standard Profiles'!$G$19=$B$24,21,0),MOD($C6646,24)+1)/SUM(INDEX($D$3:$AA$30,INDEX(Jesper!$R$2:$R$366,ROW(INDEX(Jesper!AI$2:AI$366,ROUNDDOWN($C6646/24,0)+1,1))-1)+IF('Standard Profiles'!$G$19=$B$10,7,0)+IF('Standard Profiles'!$G$19=$B$17,14,0)+IF('Standard Profiles'!$G$19=$B$24,21,0),0)),0)</f>
        <v>0</v>
      </c>
      <c r="F6646" cm="1">
        <f t="array" ref="F6646">IFERROR(INDEX(Jesper!AJ$2:AJ$366,ROUNDDOWN($C6646/24,0)+1,1)*INDEX($D$3:$AA$30,INDEX(Jesper!$R$2:$R$366,ROW(INDEX(Jesper!AJ$2:AJ$366,ROUNDDOWN($C6646/24,0)+1,1))-1)+IF('Standard Profiles'!$G$20=$B$10,7,0)+IF('Standard Profiles'!$G$20=$B$17,14,0)+IF('Standard Profiles'!$G$20=$B$24,21,0),MOD($C6646,24)+1)/SUM(INDEX($D$3:$AA$30,INDEX(Jesper!$R$2:$R$366,ROW(INDEX(Jesper!AJ$2:AJ$366,ROUNDDOWN($C6646/24,0)+1,1))-1)+IF('Standard Profiles'!$G$20=$B$10,7,0)+IF('Standard Profiles'!$G$20=$B$17,14,0)+IF('Standard Profiles'!$G$20=$B$24,21,0),0)),0)</f>
        <v>0</v>
      </c>
      <c r="G6646" cm="1">
        <f t="array" ref="G6646">IFERROR(INDEX(Jesper!AK$2:AK$366,ROUNDDOWN($C6646/24,0)+1,1)*INDEX($D$3:$AA$30,INDEX(Jesper!$R$2:$R$366,ROW(INDEX(Jesper!AK$2:AK$366,ROUNDDOWN($C6646/24,0)+1,1))-1)+IF('Standard Profiles'!$G$21=$B$10,7,0)+IF('Standard Profiles'!$G$21=$B$17,14,0)+IF('Standard Profiles'!$G$21=$B$24,21,0),MOD($C6646,24)+1)/SUM(INDEX($D$3:$AA$30,INDEX(Jesper!$R$2:$R$366,ROW(INDEX(Jesper!AK$2:AK$366,ROUNDDOWN($C6646/24,0)+1,1))-1)+IF('Standard Profiles'!$G$21=$B$10,7,0)+IF('Standard Profiles'!$G$21=$B$17,14,0)+IF('Standard Profiles'!$G$21=$B$24,21,0),0)),0)</f>
        <v>0</v>
      </c>
      <c r="H6646" cm="1">
        <f t="array" ref="H6646">IFERROR(INDEX(Jesper!AL$2:AL$366,ROUNDDOWN($C6646/24,0)+1,1)*INDEX($D$3:$AA$30,INDEX(Jesper!$R$2:$R$366,ROW(INDEX(Jesper!AL$2:AL$366,ROUNDDOWN($C6646/24,0)+1,1))-1)+IF('Standard Profiles'!$G$22=$B$10,7,0)+IF('Standard Profiles'!$G$22=$B$17,14,0)+IF('Standard Profiles'!$G$22=$B$24,21,0),MOD($C6646,24)+1)/SUM(INDEX($D$3:$AA$30,INDEX(Jesper!$R$2:$R$366,ROW(INDEX(Jesper!AL$2:AL$366,ROUNDDOWN($C6646/24,0)+1,1))-1)+IF('Standard Profiles'!$G$22=$B$10,7,0)+IF('Standard Profiles'!$G$22=$B$17,14,0)+IF('Standard Profiles'!$G$22=$B$24,21,0),0)),0)</f>
        <v>0</v>
      </c>
      <c r="I6646">
        <f t="shared" si="741"/>
        <v>0.43300400610907247</v>
      </c>
      <c r="J6646">
        <f t="shared" si="742"/>
        <v>1.4433466870302416</v>
      </c>
      <c r="K6646">
        <f t="shared" si="743"/>
        <v>2.1650200305453624</v>
      </c>
      <c r="L6646">
        <f t="shared" si="744"/>
        <v>10.392096146617739</v>
      </c>
      <c r="M6646">
        <f t="shared" si="745"/>
        <v>0</v>
      </c>
      <c r="N6646" s="46">
        <f t="shared" si="746"/>
        <v>45567.499999983964</v>
      </c>
    </row>
    <row r="6647" spans="2:14" x14ac:dyDescent="0.3">
      <c r="B6647">
        <f t="shared" si="740"/>
        <v>3</v>
      </c>
      <c r="C6647" s="16">
        <v>6613</v>
      </c>
      <c r="D6647" cm="1">
        <f t="array" ref="D6647">IFERROR(INDEX(Jesper!AH$2:AH$366,ROUNDDOWN($C6647/24,0)+1,1)*INDEX($D$3:$AA$30,INDEX(Jesper!$R$2:$R$366,ROW(INDEX(Jesper!AH$2:AH$366,ROUNDDOWN($C6647/24,0)+1,1))-1)+IF('Standard Profiles'!$G$18=$B$10,7,0)+IF('Standard Profiles'!$G$18=$B$17,14,0)+IF('Standard Profiles'!$G$18=$B$24,21,0),MOD($C6647,24)+1)/SUM(INDEX($D$3:$AA$30,INDEX(Jesper!$R$2:$R$366,ROW(INDEX(Jesper!AH$2:AH$366,ROUNDDOWN($C6647/24,0)+1,1))-1)+IF('Standard Profiles'!$G$18=$B$10,7,0)+IF('Standard Profiles'!$G$18=$B$17,14,0)+IF('Standard Profiles'!$G$18=$B$24,21,0),0)),0)</f>
        <v>14.433466870302416</v>
      </c>
      <c r="E6647" cm="1">
        <f t="array" ref="E6647">IFERROR(INDEX(Jesper!AI$2:AI$366,ROUNDDOWN($C6647/24,0)+1,1)*INDEX($D$3:$AA$30,INDEX(Jesper!$R$2:$R$366,ROW(INDEX(Jesper!AI$2:AI$366,ROUNDDOWN($C6647/24,0)+1,1))-1)+IF('Standard Profiles'!$G$19=$B$10,7,0)+IF('Standard Profiles'!$G$19=$B$17,14,0)+IF('Standard Profiles'!$G$19=$B$24,21,0),MOD($C6647,24)+1)/SUM(INDEX($D$3:$AA$30,INDEX(Jesper!$R$2:$R$366,ROW(INDEX(Jesper!AI$2:AI$366,ROUNDDOWN($C6647/24,0)+1,1))-1)+IF('Standard Profiles'!$G$19=$B$10,7,0)+IF('Standard Profiles'!$G$19=$B$17,14,0)+IF('Standard Profiles'!$G$19=$B$24,21,0),0)),0)</f>
        <v>0</v>
      </c>
      <c r="F6647" cm="1">
        <f t="array" ref="F6647">IFERROR(INDEX(Jesper!AJ$2:AJ$366,ROUNDDOWN($C6647/24,0)+1,1)*INDEX($D$3:$AA$30,INDEX(Jesper!$R$2:$R$366,ROW(INDEX(Jesper!AJ$2:AJ$366,ROUNDDOWN($C6647/24,0)+1,1))-1)+IF('Standard Profiles'!$G$20=$B$10,7,0)+IF('Standard Profiles'!$G$20=$B$17,14,0)+IF('Standard Profiles'!$G$20=$B$24,21,0),MOD($C6647,24)+1)/SUM(INDEX($D$3:$AA$30,INDEX(Jesper!$R$2:$R$366,ROW(INDEX(Jesper!AJ$2:AJ$366,ROUNDDOWN($C6647/24,0)+1,1))-1)+IF('Standard Profiles'!$G$20=$B$10,7,0)+IF('Standard Profiles'!$G$20=$B$17,14,0)+IF('Standard Profiles'!$G$20=$B$24,21,0),0)),0)</f>
        <v>0</v>
      </c>
      <c r="G6647" cm="1">
        <f t="array" ref="G6647">IFERROR(INDEX(Jesper!AK$2:AK$366,ROUNDDOWN($C6647/24,0)+1,1)*INDEX($D$3:$AA$30,INDEX(Jesper!$R$2:$R$366,ROW(INDEX(Jesper!AK$2:AK$366,ROUNDDOWN($C6647/24,0)+1,1))-1)+IF('Standard Profiles'!$G$21=$B$10,7,0)+IF('Standard Profiles'!$G$21=$B$17,14,0)+IF('Standard Profiles'!$G$21=$B$24,21,0),MOD($C6647,24)+1)/SUM(INDEX($D$3:$AA$30,INDEX(Jesper!$R$2:$R$366,ROW(INDEX(Jesper!AK$2:AK$366,ROUNDDOWN($C6647/24,0)+1,1))-1)+IF('Standard Profiles'!$G$21=$B$10,7,0)+IF('Standard Profiles'!$G$21=$B$17,14,0)+IF('Standard Profiles'!$G$21=$B$24,21,0),0)),0)</f>
        <v>0</v>
      </c>
      <c r="H6647" cm="1">
        <f t="array" ref="H6647">IFERROR(INDEX(Jesper!AL$2:AL$366,ROUNDDOWN($C6647/24,0)+1,1)*INDEX($D$3:$AA$30,INDEX(Jesper!$R$2:$R$366,ROW(INDEX(Jesper!AL$2:AL$366,ROUNDDOWN($C6647/24,0)+1,1))-1)+IF('Standard Profiles'!$G$22=$B$10,7,0)+IF('Standard Profiles'!$G$22=$B$17,14,0)+IF('Standard Profiles'!$G$22=$B$24,21,0),MOD($C6647,24)+1)/SUM(INDEX($D$3:$AA$30,INDEX(Jesper!$R$2:$R$366,ROW(INDEX(Jesper!AL$2:AL$366,ROUNDDOWN($C6647/24,0)+1,1))-1)+IF('Standard Profiles'!$G$22=$B$10,7,0)+IF('Standard Profiles'!$G$22=$B$17,14,0)+IF('Standard Profiles'!$G$22=$B$24,21,0),0)),0)</f>
        <v>0</v>
      </c>
      <c r="I6647">
        <f t="shared" si="741"/>
        <v>0.43300400610907247</v>
      </c>
      <c r="J6647">
        <f t="shared" si="742"/>
        <v>1.4433466870302416</v>
      </c>
      <c r="K6647">
        <f t="shared" si="743"/>
        <v>2.1650200305453624</v>
      </c>
      <c r="L6647">
        <f t="shared" si="744"/>
        <v>10.392096146617739</v>
      </c>
      <c r="M6647">
        <f t="shared" si="745"/>
        <v>0</v>
      </c>
      <c r="N6647" s="46">
        <f t="shared" si="746"/>
        <v>45567.541666650628</v>
      </c>
    </row>
    <row r="6648" spans="2:14" x14ac:dyDescent="0.3">
      <c r="B6648">
        <f t="shared" si="740"/>
        <v>3</v>
      </c>
      <c r="C6648" s="16">
        <v>6614</v>
      </c>
      <c r="D6648" cm="1">
        <f t="array" ref="D6648">IFERROR(INDEX(Jesper!AH$2:AH$366,ROUNDDOWN($C6648/24,0)+1,1)*INDEX($D$3:$AA$30,INDEX(Jesper!$R$2:$R$366,ROW(INDEX(Jesper!AH$2:AH$366,ROUNDDOWN($C6648/24,0)+1,1))-1)+IF('Standard Profiles'!$G$18=$B$10,7,0)+IF('Standard Profiles'!$G$18=$B$17,14,0)+IF('Standard Profiles'!$G$18=$B$24,21,0),MOD($C6648,24)+1)/SUM(INDEX($D$3:$AA$30,INDEX(Jesper!$R$2:$R$366,ROW(INDEX(Jesper!AH$2:AH$366,ROUNDDOWN($C6648/24,0)+1,1))-1)+IF('Standard Profiles'!$G$18=$B$10,7,0)+IF('Standard Profiles'!$G$18=$B$17,14,0)+IF('Standard Profiles'!$G$18=$B$24,21,0),0)),0)</f>
        <v>14.433466870302416</v>
      </c>
      <c r="E6648" cm="1">
        <f t="array" ref="E6648">IFERROR(INDEX(Jesper!AI$2:AI$366,ROUNDDOWN($C6648/24,0)+1,1)*INDEX($D$3:$AA$30,INDEX(Jesper!$R$2:$R$366,ROW(INDEX(Jesper!AI$2:AI$366,ROUNDDOWN($C6648/24,0)+1,1))-1)+IF('Standard Profiles'!$G$19=$B$10,7,0)+IF('Standard Profiles'!$G$19=$B$17,14,0)+IF('Standard Profiles'!$G$19=$B$24,21,0),MOD($C6648,24)+1)/SUM(INDEX($D$3:$AA$30,INDEX(Jesper!$R$2:$R$366,ROW(INDEX(Jesper!AI$2:AI$366,ROUNDDOWN($C6648/24,0)+1,1))-1)+IF('Standard Profiles'!$G$19=$B$10,7,0)+IF('Standard Profiles'!$G$19=$B$17,14,0)+IF('Standard Profiles'!$G$19=$B$24,21,0),0)),0)</f>
        <v>0</v>
      </c>
      <c r="F6648" cm="1">
        <f t="array" ref="F6648">IFERROR(INDEX(Jesper!AJ$2:AJ$366,ROUNDDOWN($C6648/24,0)+1,1)*INDEX($D$3:$AA$30,INDEX(Jesper!$R$2:$R$366,ROW(INDEX(Jesper!AJ$2:AJ$366,ROUNDDOWN($C6648/24,0)+1,1))-1)+IF('Standard Profiles'!$G$20=$B$10,7,0)+IF('Standard Profiles'!$G$20=$B$17,14,0)+IF('Standard Profiles'!$G$20=$B$24,21,0),MOD($C6648,24)+1)/SUM(INDEX($D$3:$AA$30,INDEX(Jesper!$R$2:$R$366,ROW(INDEX(Jesper!AJ$2:AJ$366,ROUNDDOWN($C6648/24,0)+1,1))-1)+IF('Standard Profiles'!$G$20=$B$10,7,0)+IF('Standard Profiles'!$G$20=$B$17,14,0)+IF('Standard Profiles'!$G$20=$B$24,21,0),0)),0)</f>
        <v>0</v>
      </c>
      <c r="G6648" cm="1">
        <f t="array" ref="G6648">IFERROR(INDEX(Jesper!AK$2:AK$366,ROUNDDOWN($C6648/24,0)+1,1)*INDEX($D$3:$AA$30,INDEX(Jesper!$R$2:$R$366,ROW(INDEX(Jesper!AK$2:AK$366,ROUNDDOWN($C6648/24,0)+1,1))-1)+IF('Standard Profiles'!$G$21=$B$10,7,0)+IF('Standard Profiles'!$G$21=$B$17,14,0)+IF('Standard Profiles'!$G$21=$B$24,21,0),MOD($C6648,24)+1)/SUM(INDEX($D$3:$AA$30,INDEX(Jesper!$R$2:$R$366,ROW(INDEX(Jesper!AK$2:AK$366,ROUNDDOWN($C6648/24,0)+1,1))-1)+IF('Standard Profiles'!$G$21=$B$10,7,0)+IF('Standard Profiles'!$G$21=$B$17,14,0)+IF('Standard Profiles'!$G$21=$B$24,21,0),0)),0)</f>
        <v>0</v>
      </c>
      <c r="H6648" cm="1">
        <f t="array" ref="H6648">IFERROR(INDEX(Jesper!AL$2:AL$366,ROUNDDOWN($C6648/24,0)+1,1)*INDEX($D$3:$AA$30,INDEX(Jesper!$R$2:$R$366,ROW(INDEX(Jesper!AL$2:AL$366,ROUNDDOWN($C6648/24,0)+1,1))-1)+IF('Standard Profiles'!$G$22=$B$10,7,0)+IF('Standard Profiles'!$G$22=$B$17,14,0)+IF('Standard Profiles'!$G$22=$B$24,21,0),MOD($C6648,24)+1)/SUM(INDEX($D$3:$AA$30,INDEX(Jesper!$R$2:$R$366,ROW(INDEX(Jesper!AL$2:AL$366,ROUNDDOWN($C6648/24,0)+1,1))-1)+IF('Standard Profiles'!$G$22=$B$10,7,0)+IF('Standard Profiles'!$G$22=$B$17,14,0)+IF('Standard Profiles'!$G$22=$B$24,21,0),0)),0)</f>
        <v>0</v>
      </c>
      <c r="I6648">
        <f t="shared" si="741"/>
        <v>0.43300400610907247</v>
      </c>
      <c r="J6648">
        <f t="shared" si="742"/>
        <v>1.4433466870302416</v>
      </c>
      <c r="K6648">
        <f t="shared" si="743"/>
        <v>2.1650200305453624</v>
      </c>
      <c r="L6648">
        <f t="shared" si="744"/>
        <v>10.392096146617739</v>
      </c>
      <c r="M6648">
        <f t="shared" si="745"/>
        <v>0</v>
      </c>
      <c r="N6648" s="46">
        <f t="shared" si="746"/>
        <v>45567.583333317292</v>
      </c>
    </row>
    <row r="6649" spans="2:14" x14ac:dyDescent="0.3">
      <c r="B6649">
        <f t="shared" si="740"/>
        <v>3</v>
      </c>
      <c r="C6649" s="16">
        <v>6615</v>
      </c>
      <c r="D6649" cm="1">
        <f t="array" ref="D6649">IFERROR(INDEX(Jesper!AH$2:AH$366,ROUNDDOWN($C6649/24,0)+1,1)*INDEX($D$3:$AA$30,INDEX(Jesper!$R$2:$R$366,ROW(INDEX(Jesper!AH$2:AH$366,ROUNDDOWN($C6649/24,0)+1,1))-1)+IF('Standard Profiles'!$G$18=$B$10,7,0)+IF('Standard Profiles'!$G$18=$B$17,14,0)+IF('Standard Profiles'!$G$18=$B$24,21,0),MOD($C6649,24)+1)/SUM(INDEX($D$3:$AA$30,INDEX(Jesper!$R$2:$R$366,ROW(INDEX(Jesper!AH$2:AH$366,ROUNDDOWN($C6649/24,0)+1,1))-1)+IF('Standard Profiles'!$G$18=$B$10,7,0)+IF('Standard Profiles'!$G$18=$B$17,14,0)+IF('Standard Profiles'!$G$18=$B$24,21,0),0)),0)</f>
        <v>14.433466870302416</v>
      </c>
      <c r="E6649" cm="1">
        <f t="array" ref="E6649">IFERROR(INDEX(Jesper!AI$2:AI$366,ROUNDDOWN($C6649/24,0)+1,1)*INDEX($D$3:$AA$30,INDEX(Jesper!$R$2:$R$366,ROW(INDEX(Jesper!AI$2:AI$366,ROUNDDOWN($C6649/24,0)+1,1))-1)+IF('Standard Profiles'!$G$19=$B$10,7,0)+IF('Standard Profiles'!$G$19=$B$17,14,0)+IF('Standard Profiles'!$G$19=$B$24,21,0),MOD($C6649,24)+1)/SUM(INDEX($D$3:$AA$30,INDEX(Jesper!$R$2:$R$366,ROW(INDEX(Jesper!AI$2:AI$366,ROUNDDOWN($C6649/24,0)+1,1))-1)+IF('Standard Profiles'!$G$19=$B$10,7,0)+IF('Standard Profiles'!$G$19=$B$17,14,0)+IF('Standard Profiles'!$G$19=$B$24,21,0),0)),0)</f>
        <v>0</v>
      </c>
      <c r="F6649" cm="1">
        <f t="array" ref="F6649">IFERROR(INDEX(Jesper!AJ$2:AJ$366,ROUNDDOWN($C6649/24,0)+1,1)*INDEX($D$3:$AA$30,INDEX(Jesper!$R$2:$R$366,ROW(INDEX(Jesper!AJ$2:AJ$366,ROUNDDOWN($C6649/24,0)+1,1))-1)+IF('Standard Profiles'!$G$20=$B$10,7,0)+IF('Standard Profiles'!$G$20=$B$17,14,0)+IF('Standard Profiles'!$G$20=$B$24,21,0),MOD($C6649,24)+1)/SUM(INDEX($D$3:$AA$30,INDEX(Jesper!$R$2:$R$366,ROW(INDEX(Jesper!AJ$2:AJ$366,ROUNDDOWN($C6649/24,0)+1,1))-1)+IF('Standard Profiles'!$G$20=$B$10,7,0)+IF('Standard Profiles'!$G$20=$B$17,14,0)+IF('Standard Profiles'!$G$20=$B$24,21,0),0)),0)</f>
        <v>0</v>
      </c>
      <c r="G6649" cm="1">
        <f t="array" ref="G6649">IFERROR(INDEX(Jesper!AK$2:AK$366,ROUNDDOWN($C6649/24,0)+1,1)*INDEX($D$3:$AA$30,INDEX(Jesper!$R$2:$R$366,ROW(INDEX(Jesper!AK$2:AK$366,ROUNDDOWN($C6649/24,0)+1,1))-1)+IF('Standard Profiles'!$G$21=$B$10,7,0)+IF('Standard Profiles'!$G$21=$B$17,14,0)+IF('Standard Profiles'!$G$21=$B$24,21,0),MOD($C6649,24)+1)/SUM(INDEX($D$3:$AA$30,INDEX(Jesper!$R$2:$R$366,ROW(INDEX(Jesper!AK$2:AK$366,ROUNDDOWN($C6649/24,0)+1,1))-1)+IF('Standard Profiles'!$G$21=$B$10,7,0)+IF('Standard Profiles'!$G$21=$B$17,14,0)+IF('Standard Profiles'!$G$21=$B$24,21,0),0)),0)</f>
        <v>0</v>
      </c>
      <c r="H6649" cm="1">
        <f t="array" ref="H6649">IFERROR(INDEX(Jesper!AL$2:AL$366,ROUNDDOWN($C6649/24,0)+1,1)*INDEX($D$3:$AA$30,INDEX(Jesper!$R$2:$R$366,ROW(INDEX(Jesper!AL$2:AL$366,ROUNDDOWN($C6649/24,0)+1,1))-1)+IF('Standard Profiles'!$G$22=$B$10,7,0)+IF('Standard Profiles'!$G$22=$B$17,14,0)+IF('Standard Profiles'!$G$22=$B$24,21,0),MOD($C6649,24)+1)/SUM(INDEX($D$3:$AA$30,INDEX(Jesper!$R$2:$R$366,ROW(INDEX(Jesper!AL$2:AL$366,ROUNDDOWN($C6649/24,0)+1,1))-1)+IF('Standard Profiles'!$G$22=$B$10,7,0)+IF('Standard Profiles'!$G$22=$B$17,14,0)+IF('Standard Profiles'!$G$22=$B$24,21,0),0)),0)</f>
        <v>0</v>
      </c>
      <c r="I6649">
        <f t="shared" si="741"/>
        <v>0.43300400610907247</v>
      </c>
      <c r="J6649">
        <f t="shared" si="742"/>
        <v>1.4433466870302416</v>
      </c>
      <c r="K6649">
        <f t="shared" si="743"/>
        <v>2.1650200305453624</v>
      </c>
      <c r="L6649">
        <f t="shared" si="744"/>
        <v>10.392096146617739</v>
      </c>
      <c r="M6649">
        <f t="shared" si="745"/>
        <v>0</v>
      </c>
      <c r="N6649" s="46">
        <f t="shared" si="746"/>
        <v>45567.624999983957</v>
      </c>
    </row>
    <row r="6650" spans="2:14" x14ac:dyDescent="0.3">
      <c r="B6650">
        <f t="shared" si="740"/>
        <v>3</v>
      </c>
      <c r="C6650" s="16">
        <v>6616</v>
      </c>
      <c r="D6650" cm="1">
        <f t="array" ref="D6650">IFERROR(INDEX(Jesper!AH$2:AH$366,ROUNDDOWN($C6650/24,0)+1,1)*INDEX($D$3:$AA$30,INDEX(Jesper!$R$2:$R$366,ROW(INDEX(Jesper!AH$2:AH$366,ROUNDDOWN($C6650/24,0)+1,1))-1)+IF('Standard Profiles'!$G$18=$B$10,7,0)+IF('Standard Profiles'!$G$18=$B$17,14,0)+IF('Standard Profiles'!$G$18=$B$24,21,0),MOD($C6650,24)+1)/SUM(INDEX($D$3:$AA$30,INDEX(Jesper!$R$2:$R$366,ROW(INDEX(Jesper!AH$2:AH$366,ROUNDDOWN($C6650/24,0)+1,1))-1)+IF('Standard Profiles'!$G$18=$B$10,7,0)+IF('Standard Profiles'!$G$18=$B$17,14,0)+IF('Standard Profiles'!$G$18=$B$24,21,0),0)),0)</f>
        <v>14.433466870302416</v>
      </c>
      <c r="E6650" cm="1">
        <f t="array" ref="E6650">IFERROR(INDEX(Jesper!AI$2:AI$366,ROUNDDOWN($C6650/24,0)+1,1)*INDEX($D$3:$AA$30,INDEX(Jesper!$R$2:$R$366,ROW(INDEX(Jesper!AI$2:AI$366,ROUNDDOWN($C6650/24,0)+1,1))-1)+IF('Standard Profiles'!$G$19=$B$10,7,0)+IF('Standard Profiles'!$G$19=$B$17,14,0)+IF('Standard Profiles'!$G$19=$B$24,21,0),MOD($C6650,24)+1)/SUM(INDEX($D$3:$AA$30,INDEX(Jesper!$R$2:$R$366,ROW(INDEX(Jesper!AI$2:AI$366,ROUNDDOWN($C6650/24,0)+1,1))-1)+IF('Standard Profiles'!$G$19=$B$10,7,0)+IF('Standard Profiles'!$G$19=$B$17,14,0)+IF('Standard Profiles'!$G$19=$B$24,21,0),0)),0)</f>
        <v>0</v>
      </c>
      <c r="F6650" cm="1">
        <f t="array" ref="F6650">IFERROR(INDEX(Jesper!AJ$2:AJ$366,ROUNDDOWN($C6650/24,0)+1,1)*INDEX($D$3:$AA$30,INDEX(Jesper!$R$2:$R$366,ROW(INDEX(Jesper!AJ$2:AJ$366,ROUNDDOWN($C6650/24,0)+1,1))-1)+IF('Standard Profiles'!$G$20=$B$10,7,0)+IF('Standard Profiles'!$G$20=$B$17,14,0)+IF('Standard Profiles'!$G$20=$B$24,21,0),MOD($C6650,24)+1)/SUM(INDEX($D$3:$AA$30,INDEX(Jesper!$R$2:$R$366,ROW(INDEX(Jesper!AJ$2:AJ$366,ROUNDDOWN($C6650/24,0)+1,1))-1)+IF('Standard Profiles'!$G$20=$B$10,7,0)+IF('Standard Profiles'!$G$20=$B$17,14,0)+IF('Standard Profiles'!$G$20=$B$24,21,0),0)),0)</f>
        <v>0</v>
      </c>
      <c r="G6650" cm="1">
        <f t="array" ref="G6650">IFERROR(INDEX(Jesper!AK$2:AK$366,ROUNDDOWN($C6650/24,0)+1,1)*INDEX($D$3:$AA$30,INDEX(Jesper!$R$2:$R$366,ROW(INDEX(Jesper!AK$2:AK$366,ROUNDDOWN($C6650/24,0)+1,1))-1)+IF('Standard Profiles'!$G$21=$B$10,7,0)+IF('Standard Profiles'!$G$21=$B$17,14,0)+IF('Standard Profiles'!$G$21=$B$24,21,0),MOD($C6650,24)+1)/SUM(INDEX($D$3:$AA$30,INDEX(Jesper!$R$2:$R$366,ROW(INDEX(Jesper!AK$2:AK$366,ROUNDDOWN($C6650/24,0)+1,1))-1)+IF('Standard Profiles'!$G$21=$B$10,7,0)+IF('Standard Profiles'!$G$21=$B$17,14,0)+IF('Standard Profiles'!$G$21=$B$24,21,0),0)),0)</f>
        <v>0</v>
      </c>
      <c r="H6650" cm="1">
        <f t="array" ref="H6650">IFERROR(INDEX(Jesper!AL$2:AL$366,ROUNDDOWN($C6650/24,0)+1,1)*INDEX($D$3:$AA$30,INDEX(Jesper!$R$2:$R$366,ROW(INDEX(Jesper!AL$2:AL$366,ROUNDDOWN($C6650/24,0)+1,1))-1)+IF('Standard Profiles'!$G$22=$B$10,7,0)+IF('Standard Profiles'!$G$22=$B$17,14,0)+IF('Standard Profiles'!$G$22=$B$24,21,0),MOD($C6650,24)+1)/SUM(INDEX($D$3:$AA$30,INDEX(Jesper!$R$2:$R$366,ROW(INDEX(Jesper!AL$2:AL$366,ROUNDDOWN($C6650/24,0)+1,1))-1)+IF('Standard Profiles'!$G$22=$B$10,7,0)+IF('Standard Profiles'!$G$22=$B$17,14,0)+IF('Standard Profiles'!$G$22=$B$24,21,0),0)),0)</f>
        <v>0</v>
      </c>
      <c r="I6650">
        <f t="shared" si="741"/>
        <v>0.43300400610907247</v>
      </c>
      <c r="J6650">
        <f t="shared" si="742"/>
        <v>1.4433466870302416</v>
      </c>
      <c r="K6650">
        <f t="shared" si="743"/>
        <v>2.1650200305453624</v>
      </c>
      <c r="L6650">
        <f t="shared" si="744"/>
        <v>10.392096146617739</v>
      </c>
      <c r="M6650">
        <f t="shared" si="745"/>
        <v>0</v>
      </c>
      <c r="N6650" s="46">
        <f t="shared" si="746"/>
        <v>45567.666666650621</v>
      </c>
    </row>
    <row r="6651" spans="2:14" x14ac:dyDescent="0.3">
      <c r="B6651">
        <f t="shared" si="740"/>
        <v>3</v>
      </c>
      <c r="C6651" s="16">
        <v>6617</v>
      </c>
      <c r="D6651" cm="1">
        <f t="array" ref="D6651">IFERROR(INDEX(Jesper!AH$2:AH$366,ROUNDDOWN($C6651/24,0)+1,1)*INDEX($D$3:$AA$30,INDEX(Jesper!$R$2:$R$366,ROW(INDEX(Jesper!AH$2:AH$366,ROUNDDOWN($C6651/24,0)+1,1))-1)+IF('Standard Profiles'!$G$18=$B$10,7,0)+IF('Standard Profiles'!$G$18=$B$17,14,0)+IF('Standard Profiles'!$G$18=$B$24,21,0),MOD($C6651,24)+1)/SUM(INDEX($D$3:$AA$30,INDEX(Jesper!$R$2:$R$366,ROW(INDEX(Jesper!AH$2:AH$366,ROUNDDOWN($C6651/24,0)+1,1))-1)+IF('Standard Profiles'!$G$18=$B$10,7,0)+IF('Standard Profiles'!$G$18=$B$17,14,0)+IF('Standard Profiles'!$G$18=$B$24,21,0),0)),0)</f>
        <v>14.433466870302416</v>
      </c>
      <c r="E6651" cm="1">
        <f t="array" ref="E6651">IFERROR(INDEX(Jesper!AI$2:AI$366,ROUNDDOWN($C6651/24,0)+1,1)*INDEX($D$3:$AA$30,INDEX(Jesper!$R$2:$R$366,ROW(INDEX(Jesper!AI$2:AI$366,ROUNDDOWN($C6651/24,0)+1,1))-1)+IF('Standard Profiles'!$G$19=$B$10,7,0)+IF('Standard Profiles'!$G$19=$B$17,14,0)+IF('Standard Profiles'!$G$19=$B$24,21,0),MOD($C6651,24)+1)/SUM(INDEX($D$3:$AA$30,INDEX(Jesper!$R$2:$R$366,ROW(INDEX(Jesper!AI$2:AI$366,ROUNDDOWN($C6651/24,0)+1,1))-1)+IF('Standard Profiles'!$G$19=$B$10,7,0)+IF('Standard Profiles'!$G$19=$B$17,14,0)+IF('Standard Profiles'!$G$19=$B$24,21,0),0)),0)</f>
        <v>0</v>
      </c>
      <c r="F6651" cm="1">
        <f t="array" ref="F6651">IFERROR(INDEX(Jesper!AJ$2:AJ$366,ROUNDDOWN($C6651/24,0)+1,1)*INDEX($D$3:$AA$30,INDEX(Jesper!$R$2:$R$366,ROW(INDEX(Jesper!AJ$2:AJ$366,ROUNDDOWN($C6651/24,0)+1,1))-1)+IF('Standard Profiles'!$G$20=$B$10,7,0)+IF('Standard Profiles'!$G$20=$B$17,14,0)+IF('Standard Profiles'!$G$20=$B$24,21,0),MOD($C6651,24)+1)/SUM(INDEX($D$3:$AA$30,INDEX(Jesper!$R$2:$R$366,ROW(INDEX(Jesper!AJ$2:AJ$366,ROUNDDOWN($C6651/24,0)+1,1))-1)+IF('Standard Profiles'!$G$20=$B$10,7,0)+IF('Standard Profiles'!$G$20=$B$17,14,0)+IF('Standard Profiles'!$G$20=$B$24,21,0),0)),0)</f>
        <v>0</v>
      </c>
      <c r="G6651" cm="1">
        <f t="array" ref="G6651">IFERROR(INDEX(Jesper!AK$2:AK$366,ROUNDDOWN($C6651/24,0)+1,1)*INDEX($D$3:$AA$30,INDEX(Jesper!$R$2:$R$366,ROW(INDEX(Jesper!AK$2:AK$366,ROUNDDOWN($C6651/24,0)+1,1))-1)+IF('Standard Profiles'!$G$21=$B$10,7,0)+IF('Standard Profiles'!$G$21=$B$17,14,0)+IF('Standard Profiles'!$G$21=$B$24,21,0),MOD($C6651,24)+1)/SUM(INDEX($D$3:$AA$30,INDEX(Jesper!$R$2:$R$366,ROW(INDEX(Jesper!AK$2:AK$366,ROUNDDOWN($C6651/24,0)+1,1))-1)+IF('Standard Profiles'!$G$21=$B$10,7,0)+IF('Standard Profiles'!$G$21=$B$17,14,0)+IF('Standard Profiles'!$G$21=$B$24,21,0),0)),0)</f>
        <v>0</v>
      </c>
      <c r="H6651" cm="1">
        <f t="array" ref="H6651">IFERROR(INDEX(Jesper!AL$2:AL$366,ROUNDDOWN($C6651/24,0)+1,1)*INDEX($D$3:$AA$30,INDEX(Jesper!$R$2:$R$366,ROW(INDEX(Jesper!AL$2:AL$366,ROUNDDOWN($C6651/24,0)+1,1))-1)+IF('Standard Profiles'!$G$22=$B$10,7,0)+IF('Standard Profiles'!$G$22=$B$17,14,0)+IF('Standard Profiles'!$G$22=$B$24,21,0),MOD($C6651,24)+1)/SUM(INDEX($D$3:$AA$30,INDEX(Jesper!$R$2:$R$366,ROW(INDEX(Jesper!AL$2:AL$366,ROUNDDOWN($C6651/24,0)+1,1))-1)+IF('Standard Profiles'!$G$22=$B$10,7,0)+IF('Standard Profiles'!$G$22=$B$17,14,0)+IF('Standard Profiles'!$G$22=$B$24,21,0),0)),0)</f>
        <v>0</v>
      </c>
      <c r="I6651">
        <f t="shared" si="741"/>
        <v>0.43300400610907247</v>
      </c>
      <c r="J6651">
        <f t="shared" si="742"/>
        <v>1.4433466870302416</v>
      </c>
      <c r="K6651">
        <f t="shared" si="743"/>
        <v>2.1650200305453624</v>
      </c>
      <c r="L6651">
        <f t="shared" si="744"/>
        <v>10.392096146617739</v>
      </c>
      <c r="M6651">
        <f t="shared" si="745"/>
        <v>0</v>
      </c>
      <c r="N6651" s="46">
        <f t="shared" si="746"/>
        <v>45567.708333317285</v>
      </c>
    </row>
    <row r="6652" spans="2:14" x14ac:dyDescent="0.3">
      <c r="B6652">
        <f t="shared" si="740"/>
        <v>3</v>
      </c>
      <c r="C6652" s="16">
        <v>6618</v>
      </c>
      <c r="D6652" cm="1">
        <f t="array" ref="D6652">IFERROR(INDEX(Jesper!AH$2:AH$366,ROUNDDOWN($C6652/24,0)+1,1)*INDEX($D$3:$AA$30,INDEX(Jesper!$R$2:$R$366,ROW(INDEX(Jesper!AH$2:AH$366,ROUNDDOWN($C6652/24,0)+1,1))-1)+IF('Standard Profiles'!$G$18=$B$10,7,0)+IF('Standard Profiles'!$G$18=$B$17,14,0)+IF('Standard Profiles'!$G$18=$B$24,21,0),MOD($C6652,24)+1)/SUM(INDEX($D$3:$AA$30,INDEX(Jesper!$R$2:$R$366,ROW(INDEX(Jesper!AH$2:AH$366,ROUNDDOWN($C6652/24,0)+1,1))-1)+IF('Standard Profiles'!$G$18=$B$10,7,0)+IF('Standard Profiles'!$G$18=$B$17,14,0)+IF('Standard Profiles'!$G$18=$B$24,21,0),0)),0)</f>
        <v>14.433466870302416</v>
      </c>
      <c r="E6652" cm="1">
        <f t="array" ref="E6652">IFERROR(INDEX(Jesper!AI$2:AI$366,ROUNDDOWN($C6652/24,0)+1,1)*INDEX($D$3:$AA$30,INDEX(Jesper!$R$2:$R$366,ROW(INDEX(Jesper!AI$2:AI$366,ROUNDDOWN($C6652/24,0)+1,1))-1)+IF('Standard Profiles'!$G$19=$B$10,7,0)+IF('Standard Profiles'!$G$19=$B$17,14,0)+IF('Standard Profiles'!$G$19=$B$24,21,0),MOD($C6652,24)+1)/SUM(INDEX($D$3:$AA$30,INDEX(Jesper!$R$2:$R$366,ROW(INDEX(Jesper!AI$2:AI$366,ROUNDDOWN($C6652/24,0)+1,1))-1)+IF('Standard Profiles'!$G$19=$B$10,7,0)+IF('Standard Profiles'!$G$19=$B$17,14,0)+IF('Standard Profiles'!$G$19=$B$24,21,0),0)),0)</f>
        <v>0</v>
      </c>
      <c r="F6652" cm="1">
        <f t="array" ref="F6652">IFERROR(INDEX(Jesper!AJ$2:AJ$366,ROUNDDOWN($C6652/24,0)+1,1)*INDEX($D$3:$AA$30,INDEX(Jesper!$R$2:$R$366,ROW(INDEX(Jesper!AJ$2:AJ$366,ROUNDDOWN($C6652/24,0)+1,1))-1)+IF('Standard Profiles'!$G$20=$B$10,7,0)+IF('Standard Profiles'!$G$20=$B$17,14,0)+IF('Standard Profiles'!$G$20=$B$24,21,0),MOD($C6652,24)+1)/SUM(INDEX($D$3:$AA$30,INDEX(Jesper!$R$2:$R$366,ROW(INDEX(Jesper!AJ$2:AJ$366,ROUNDDOWN($C6652/24,0)+1,1))-1)+IF('Standard Profiles'!$G$20=$B$10,7,0)+IF('Standard Profiles'!$G$20=$B$17,14,0)+IF('Standard Profiles'!$G$20=$B$24,21,0),0)),0)</f>
        <v>0</v>
      </c>
      <c r="G6652" cm="1">
        <f t="array" ref="G6652">IFERROR(INDEX(Jesper!AK$2:AK$366,ROUNDDOWN($C6652/24,0)+1,1)*INDEX($D$3:$AA$30,INDEX(Jesper!$R$2:$R$366,ROW(INDEX(Jesper!AK$2:AK$366,ROUNDDOWN($C6652/24,0)+1,1))-1)+IF('Standard Profiles'!$G$21=$B$10,7,0)+IF('Standard Profiles'!$G$21=$B$17,14,0)+IF('Standard Profiles'!$G$21=$B$24,21,0),MOD($C6652,24)+1)/SUM(INDEX($D$3:$AA$30,INDEX(Jesper!$R$2:$R$366,ROW(INDEX(Jesper!AK$2:AK$366,ROUNDDOWN($C6652/24,0)+1,1))-1)+IF('Standard Profiles'!$G$21=$B$10,7,0)+IF('Standard Profiles'!$G$21=$B$17,14,0)+IF('Standard Profiles'!$G$21=$B$24,21,0),0)),0)</f>
        <v>0</v>
      </c>
      <c r="H6652" cm="1">
        <f t="array" ref="H6652">IFERROR(INDEX(Jesper!AL$2:AL$366,ROUNDDOWN($C6652/24,0)+1,1)*INDEX($D$3:$AA$30,INDEX(Jesper!$R$2:$R$366,ROW(INDEX(Jesper!AL$2:AL$366,ROUNDDOWN($C6652/24,0)+1,1))-1)+IF('Standard Profiles'!$G$22=$B$10,7,0)+IF('Standard Profiles'!$G$22=$B$17,14,0)+IF('Standard Profiles'!$G$22=$B$24,21,0),MOD($C6652,24)+1)/SUM(INDEX($D$3:$AA$30,INDEX(Jesper!$R$2:$R$366,ROW(INDEX(Jesper!AL$2:AL$366,ROUNDDOWN($C6652/24,0)+1,1))-1)+IF('Standard Profiles'!$G$22=$B$10,7,0)+IF('Standard Profiles'!$G$22=$B$17,14,0)+IF('Standard Profiles'!$G$22=$B$24,21,0),0)),0)</f>
        <v>0</v>
      </c>
      <c r="I6652">
        <f t="shared" si="741"/>
        <v>0.43300400610907247</v>
      </c>
      <c r="J6652">
        <f t="shared" si="742"/>
        <v>1.4433466870302416</v>
      </c>
      <c r="K6652">
        <f t="shared" si="743"/>
        <v>2.1650200305453624</v>
      </c>
      <c r="L6652">
        <f t="shared" si="744"/>
        <v>10.392096146617739</v>
      </c>
      <c r="M6652">
        <f t="shared" si="745"/>
        <v>0</v>
      </c>
      <c r="N6652" s="46">
        <f t="shared" si="746"/>
        <v>45567.749999983949</v>
      </c>
    </row>
    <row r="6653" spans="2:14" x14ac:dyDescent="0.3">
      <c r="B6653">
        <f t="shared" si="740"/>
        <v>3</v>
      </c>
      <c r="C6653" s="16">
        <v>6619</v>
      </c>
      <c r="D6653" cm="1">
        <f t="array" ref="D6653">IFERROR(INDEX(Jesper!AH$2:AH$366,ROUNDDOWN($C6653/24,0)+1,1)*INDEX($D$3:$AA$30,INDEX(Jesper!$R$2:$R$366,ROW(INDEX(Jesper!AH$2:AH$366,ROUNDDOWN($C6653/24,0)+1,1))-1)+IF('Standard Profiles'!$G$18=$B$10,7,0)+IF('Standard Profiles'!$G$18=$B$17,14,0)+IF('Standard Profiles'!$G$18=$B$24,21,0),MOD($C6653,24)+1)/SUM(INDEX($D$3:$AA$30,INDEX(Jesper!$R$2:$R$366,ROW(INDEX(Jesper!AH$2:AH$366,ROUNDDOWN($C6653/24,0)+1,1))-1)+IF('Standard Profiles'!$G$18=$B$10,7,0)+IF('Standard Profiles'!$G$18=$B$17,14,0)+IF('Standard Profiles'!$G$18=$B$24,21,0),0)),0)</f>
        <v>12.027889058585348</v>
      </c>
      <c r="E6653" cm="1">
        <f t="array" ref="E6653">IFERROR(INDEX(Jesper!AI$2:AI$366,ROUNDDOWN($C6653/24,0)+1,1)*INDEX($D$3:$AA$30,INDEX(Jesper!$R$2:$R$366,ROW(INDEX(Jesper!AI$2:AI$366,ROUNDDOWN($C6653/24,0)+1,1))-1)+IF('Standard Profiles'!$G$19=$B$10,7,0)+IF('Standard Profiles'!$G$19=$B$17,14,0)+IF('Standard Profiles'!$G$19=$B$24,21,0),MOD($C6653,24)+1)/SUM(INDEX($D$3:$AA$30,INDEX(Jesper!$R$2:$R$366,ROW(INDEX(Jesper!AI$2:AI$366,ROUNDDOWN($C6653/24,0)+1,1))-1)+IF('Standard Profiles'!$G$19=$B$10,7,0)+IF('Standard Profiles'!$G$19=$B$17,14,0)+IF('Standard Profiles'!$G$19=$B$24,21,0),0)),0)</f>
        <v>0</v>
      </c>
      <c r="F6653" cm="1">
        <f t="array" ref="F6653">IFERROR(INDEX(Jesper!AJ$2:AJ$366,ROUNDDOWN($C6653/24,0)+1,1)*INDEX($D$3:$AA$30,INDEX(Jesper!$R$2:$R$366,ROW(INDEX(Jesper!AJ$2:AJ$366,ROUNDDOWN($C6653/24,0)+1,1))-1)+IF('Standard Profiles'!$G$20=$B$10,7,0)+IF('Standard Profiles'!$G$20=$B$17,14,0)+IF('Standard Profiles'!$G$20=$B$24,21,0),MOD($C6653,24)+1)/SUM(INDEX($D$3:$AA$30,INDEX(Jesper!$R$2:$R$366,ROW(INDEX(Jesper!AJ$2:AJ$366,ROUNDDOWN($C6653/24,0)+1,1))-1)+IF('Standard Profiles'!$G$20=$B$10,7,0)+IF('Standard Profiles'!$G$20=$B$17,14,0)+IF('Standard Profiles'!$G$20=$B$24,21,0),0)),0)</f>
        <v>0</v>
      </c>
      <c r="G6653" cm="1">
        <f t="array" ref="G6653">IFERROR(INDEX(Jesper!AK$2:AK$366,ROUNDDOWN($C6653/24,0)+1,1)*INDEX($D$3:$AA$30,INDEX(Jesper!$R$2:$R$366,ROW(INDEX(Jesper!AK$2:AK$366,ROUNDDOWN($C6653/24,0)+1,1))-1)+IF('Standard Profiles'!$G$21=$B$10,7,0)+IF('Standard Profiles'!$G$21=$B$17,14,0)+IF('Standard Profiles'!$G$21=$B$24,21,0),MOD($C6653,24)+1)/SUM(INDEX($D$3:$AA$30,INDEX(Jesper!$R$2:$R$366,ROW(INDEX(Jesper!AK$2:AK$366,ROUNDDOWN($C6653/24,0)+1,1))-1)+IF('Standard Profiles'!$G$21=$B$10,7,0)+IF('Standard Profiles'!$G$21=$B$17,14,0)+IF('Standard Profiles'!$G$21=$B$24,21,0),0)),0)</f>
        <v>0</v>
      </c>
      <c r="H6653" cm="1">
        <f t="array" ref="H6653">IFERROR(INDEX(Jesper!AL$2:AL$366,ROUNDDOWN($C6653/24,0)+1,1)*INDEX($D$3:$AA$30,INDEX(Jesper!$R$2:$R$366,ROW(INDEX(Jesper!AL$2:AL$366,ROUNDDOWN($C6653/24,0)+1,1))-1)+IF('Standard Profiles'!$G$22=$B$10,7,0)+IF('Standard Profiles'!$G$22=$B$17,14,0)+IF('Standard Profiles'!$G$22=$B$24,21,0),MOD($C6653,24)+1)/SUM(INDEX($D$3:$AA$30,INDEX(Jesper!$R$2:$R$366,ROW(INDEX(Jesper!AL$2:AL$366,ROUNDDOWN($C6653/24,0)+1,1))-1)+IF('Standard Profiles'!$G$22=$B$10,7,0)+IF('Standard Profiles'!$G$22=$B$17,14,0)+IF('Standard Profiles'!$G$22=$B$24,21,0),0)),0)</f>
        <v>0</v>
      </c>
      <c r="I6653">
        <f t="shared" si="741"/>
        <v>0.36083667175756046</v>
      </c>
      <c r="J6653">
        <f t="shared" si="742"/>
        <v>1.2027889058585348</v>
      </c>
      <c r="K6653">
        <f t="shared" si="743"/>
        <v>1.8041833587878022</v>
      </c>
      <c r="L6653">
        <f t="shared" si="744"/>
        <v>8.6600801221814496</v>
      </c>
      <c r="M6653">
        <f t="shared" si="745"/>
        <v>0</v>
      </c>
      <c r="N6653" s="46">
        <f t="shared" si="746"/>
        <v>45567.791666650613</v>
      </c>
    </row>
    <row r="6654" spans="2:14" x14ac:dyDescent="0.3">
      <c r="B6654">
        <f t="shared" si="740"/>
        <v>3</v>
      </c>
      <c r="C6654" s="16">
        <v>6620</v>
      </c>
      <c r="D6654" cm="1">
        <f t="array" ref="D6654">IFERROR(INDEX(Jesper!AH$2:AH$366,ROUNDDOWN($C6654/24,0)+1,1)*INDEX($D$3:$AA$30,INDEX(Jesper!$R$2:$R$366,ROW(INDEX(Jesper!AH$2:AH$366,ROUNDDOWN($C6654/24,0)+1,1))-1)+IF('Standard Profiles'!$G$18=$B$10,7,0)+IF('Standard Profiles'!$G$18=$B$17,14,0)+IF('Standard Profiles'!$G$18=$B$24,21,0),MOD($C6654,24)+1)/SUM(INDEX($D$3:$AA$30,INDEX(Jesper!$R$2:$R$366,ROW(INDEX(Jesper!AH$2:AH$366,ROUNDDOWN($C6654/24,0)+1,1))-1)+IF('Standard Profiles'!$G$18=$B$10,7,0)+IF('Standard Profiles'!$G$18=$B$17,14,0)+IF('Standard Profiles'!$G$18=$B$24,21,0),0)),0)</f>
        <v>9.6223112468682803</v>
      </c>
      <c r="E6654" cm="1">
        <f t="array" ref="E6654">IFERROR(INDEX(Jesper!AI$2:AI$366,ROUNDDOWN($C6654/24,0)+1,1)*INDEX($D$3:$AA$30,INDEX(Jesper!$R$2:$R$366,ROW(INDEX(Jesper!AI$2:AI$366,ROUNDDOWN($C6654/24,0)+1,1))-1)+IF('Standard Profiles'!$G$19=$B$10,7,0)+IF('Standard Profiles'!$G$19=$B$17,14,0)+IF('Standard Profiles'!$G$19=$B$24,21,0),MOD($C6654,24)+1)/SUM(INDEX($D$3:$AA$30,INDEX(Jesper!$R$2:$R$366,ROW(INDEX(Jesper!AI$2:AI$366,ROUNDDOWN($C6654/24,0)+1,1))-1)+IF('Standard Profiles'!$G$19=$B$10,7,0)+IF('Standard Profiles'!$G$19=$B$17,14,0)+IF('Standard Profiles'!$G$19=$B$24,21,0),0)),0)</f>
        <v>0</v>
      </c>
      <c r="F6654" cm="1">
        <f t="array" ref="F6654">IFERROR(INDEX(Jesper!AJ$2:AJ$366,ROUNDDOWN($C6654/24,0)+1,1)*INDEX($D$3:$AA$30,INDEX(Jesper!$R$2:$R$366,ROW(INDEX(Jesper!AJ$2:AJ$366,ROUNDDOWN($C6654/24,0)+1,1))-1)+IF('Standard Profiles'!$G$20=$B$10,7,0)+IF('Standard Profiles'!$G$20=$B$17,14,0)+IF('Standard Profiles'!$G$20=$B$24,21,0),MOD($C6654,24)+1)/SUM(INDEX($D$3:$AA$30,INDEX(Jesper!$R$2:$R$366,ROW(INDEX(Jesper!AJ$2:AJ$366,ROUNDDOWN($C6654/24,0)+1,1))-1)+IF('Standard Profiles'!$G$20=$B$10,7,0)+IF('Standard Profiles'!$G$20=$B$17,14,0)+IF('Standard Profiles'!$G$20=$B$24,21,0),0)),0)</f>
        <v>0</v>
      </c>
      <c r="G6654" cm="1">
        <f t="array" ref="G6654">IFERROR(INDEX(Jesper!AK$2:AK$366,ROUNDDOWN($C6654/24,0)+1,1)*INDEX($D$3:$AA$30,INDEX(Jesper!$R$2:$R$366,ROW(INDEX(Jesper!AK$2:AK$366,ROUNDDOWN($C6654/24,0)+1,1))-1)+IF('Standard Profiles'!$G$21=$B$10,7,0)+IF('Standard Profiles'!$G$21=$B$17,14,0)+IF('Standard Profiles'!$G$21=$B$24,21,0),MOD($C6654,24)+1)/SUM(INDEX($D$3:$AA$30,INDEX(Jesper!$R$2:$R$366,ROW(INDEX(Jesper!AK$2:AK$366,ROUNDDOWN($C6654/24,0)+1,1))-1)+IF('Standard Profiles'!$G$21=$B$10,7,0)+IF('Standard Profiles'!$G$21=$B$17,14,0)+IF('Standard Profiles'!$G$21=$B$24,21,0),0)),0)</f>
        <v>0</v>
      </c>
      <c r="H6654" cm="1">
        <f t="array" ref="H6654">IFERROR(INDEX(Jesper!AL$2:AL$366,ROUNDDOWN($C6654/24,0)+1,1)*INDEX($D$3:$AA$30,INDEX(Jesper!$R$2:$R$366,ROW(INDEX(Jesper!AL$2:AL$366,ROUNDDOWN($C6654/24,0)+1,1))-1)+IF('Standard Profiles'!$G$22=$B$10,7,0)+IF('Standard Profiles'!$G$22=$B$17,14,0)+IF('Standard Profiles'!$G$22=$B$24,21,0),MOD($C6654,24)+1)/SUM(INDEX($D$3:$AA$30,INDEX(Jesper!$R$2:$R$366,ROW(INDEX(Jesper!AL$2:AL$366,ROUNDDOWN($C6654/24,0)+1,1))-1)+IF('Standard Profiles'!$G$22=$B$10,7,0)+IF('Standard Profiles'!$G$22=$B$17,14,0)+IF('Standard Profiles'!$G$22=$B$24,21,0),0)),0)</f>
        <v>0</v>
      </c>
      <c r="I6654">
        <f t="shared" si="741"/>
        <v>0.28866933740604839</v>
      </c>
      <c r="J6654">
        <f t="shared" si="742"/>
        <v>0.96223112468682803</v>
      </c>
      <c r="K6654">
        <f t="shared" si="743"/>
        <v>1.443346687030242</v>
      </c>
      <c r="L6654">
        <f t="shared" si="744"/>
        <v>6.9280640977451613</v>
      </c>
      <c r="M6654">
        <f t="shared" si="745"/>
        <v>0</v>
      </c>
      <c r="N6654" s="46">
        <f t="shared" si="746"/>
        <v>45567.833333317278</v>
      </c>
    </row>
    <row r="6655" spans="2:14" x14ac:dyDescent="0.3">
      <c r="B6655">
        <f t="shared" si="740"/>
        <v>3</v>
      </c>
      <c r="C6655" s="16">
        <v>6621</v>
      </c>
      <c r="D6655" cm="1">
        <f t="array" ref="D6655">IFERROR(INDEX(Jesper!AH$2:AH$366,ROUNDDOWN($C6655/24,0)+1,1)*INDEX($D$3:$AA$30,INDEX(Jesper!$R$2:$R$366,ROW(INDEX(Jesper!AH$2:AH$366,ROUNDDOWN($C6655/24,0)+1,1))-1)+IF('Standard Profiles'!$G$18=$B$10,7,0)+IF('Standard Profiles'!$G$18=$B$17,14,0)+IF('Standard Profiles'!$G$18=$B$24,21,0),MOD($C6655,24)+1)/SUM(INDEX($D$3:$AA$30,INDEX(Jesper!$R$2:$R$366,ROW(INDEX(Jesper!AH$2:AH$366,ROUNDDOWN($C6655/24,0)+1,1))-1)+IF('Standard Profiles'!$G$18=$B$10,7,0)+IF('Standard Profiles'!$G$18=$B$17,14,0)+IF('Standard Profiles'!$G$18=$B$24,21,0),0)),0)</f>
        <v>7.216733435151208</v>
      </c>
      <c r="E6655" cm="1">
        <f t="array" ref="E6655">IFERROR(INDEX(Jesper!AI$2:AI$366,ROUNDDOWN($C6655/24,0)+1,1)*INDEX($D$3:$AA$30,INDEX(Jesper!$R$2:$R$366,ROW(INDEX(Jesper!AI$2:AI$366,ROUNDDOWN($C6655/24,0)+1,1))-1)+IF('Standard Profiles'!$G$19=$B$10,7,0)+IF('Standard Profiles'!$G$19=$B$17,14,0)+IF('Standard Profiles'!$G$19=$B$24,21,0),MOD($C6655,24)+1)/SUM(INDEX($D$3:$AA$30,INDEX(Jesper!$R$2:$R$366,ROW(INDEX(Jesper!AI$2:AI$366,ROUNDDOWN($C6655/24,0)+1,1))-1)+IF('Standard Profiles'!$G$19=$B$10,7,0)+IF('Standard Profiles'!$G$19=$B$17,14,0)+IF('Standard Profiles'!$G$19=$B$24,21,0),0)),0)</f>
        <v>0</v>
      </c>
      <c r="F6655" cm="1">
        <f t="array" ref="F6655">IFERROR(INDEX(Jesper!AJ$2:AJ$366,ROUNDDOWN($C6655/24,0)+1,1)*INDEX($D$3:$AA$30,INDEX(Jesper!$R$2:$R$366,ROW(INDEX(Jesper!AJ$2:AJ$366,ROUNDDOWN($C6655/24,0)+1,1))-1)+IF('Standard Profiles'!$G$20=$B$10,7,0)+IF('Standard Profiles'!$G$20=$B$17,14,0)+IF('Standard Profiles'!$G$20=$B$24,21,0),MOD($C6655,24)+1)/SUM(INDEX($D$3:$AA$30,INDEX(Jesper!$R$2:$R$366,ROW(INDEX(Jesper!AJ$2:AJ$366,ROUNDDOWN($C6655/24,0)+1,1))-1)+IF('Standard Profiles'!$G$20=$B$10,7,0)+IF('Standard Profiles'!$G$20=$B$17,14,0)+IF('Standard Profiles'!$G$20=$B$24,21,0),0)),0)</f>
        <v>0</v>
      </c>
      <c r="G6655" cm="1">
        <f t="array" ref="G6655">IFERROR(INDEX(Jesper!AK$2:AK$366,ROUNDDOWN($C6655/24,0)+1,1)*INDEX($D$3:$AA$30,INDEX(Jesper!$R$2:$R$366,ROW(INDEX(Jesper!AK$2:AK$366,ROUNDDOWN($C6655/24,0)+1,1))-1)+IF('Standard Profiles'!$G$21=$B$10,7,0)+IF('Standard Profiles'!$G$21=$B$17,14,0)+IF('Standard Profiles'!$G$21=$B$24,21,0),MOD($C6655,24)+1)/SUM(INDEX($D$3:$AA$30,INDEX(Jesper!$R$2:$R$366,ROW(INDEX(Jesper!AK$2:AK$366,ROUNDDOWN($C6655/24,0)+1,1))-1)+IF('Standard Profiles'!$G$21=$B$10,7,0)+IF('Standard Profiles'!$G$21=$B$17,14,0)+IF('Standard Profiles'!$G$21=$B$24,21,0),0)),0)</f>
        <v>0</v>
      </c>
      <c r="H6655" cm="1">
        <f t="array" ref="H6655">IFERROR(INDEX(Jesper!AL$2:AL$366,ROUNDDOWN($C6655/24,0)+1,1)*INDEX($D$3:$AA$30,INDEX(Jesper!$R$2:$R$366,ROW(INDEX(Jesper!AL$2:AL$366,ROUNDDOWN($C6655/24,0)+1,1))-1)+IF('Standard Profiles'!$G$22=$B$10,7,0)+IF('Standard Profiles'!$G$22=$B$17,14,0)+IF('Standard Profiles'!$G$22=$B$24,21,0),MOD($C6655,24)+1)/SUM(INDEX($D$3:$AA$30,INDEX(Jesper!$R$2:$R$366,ROW(INDEX(Jesper!AL$2:AL$366,ROUNDDOWN($C6655/24,0)+1,1))-1)+IF('Standard Profiles'!$G$22=$B$10,7,0)+IF('Standard Profiles'!$G$22=$B$17,14,0)+IF('Standard Profiles'!$G$22=$B$24,21,0),0)),0)</f>
        <v>0</v>
      </c>
      <c r="I6655">
        <f t="shared" si="741"/>
        <v>0.21650200305453624</v>
      </c>
      <c r="J6655">
        <f t="shared" si="742"/>
        <v>0.7216733435151208</v>
      </c>
      <c r="K6655">
        <f t="shared" si="743"/>
        <v>1.0825100152726812</v>
      </c>
      <c r="L6655">
        <f t="shared" si="744"/>
        <v>5.1960480733088694</v>
      </c>
      <c r="M6655">
        <f t="shared" si="745"/>
        <v>0</v>
      </c>
      <c r="N6655" s="46">
        <f t="shared" si="746"/>
        <v>45567.874999983942</v>
      </c>
    </row>
    <row r="6656" spans="2:14" x14ac:dyDescent="0.3">
      <c r="B6656">
        <f t="shared" si="740"/>
        <v>3</v>
      </c>
      <c r="C6656" s="16">
        <v>6622</v>
      </c>
      <c r="D6656" cm="1">
        <f t="array" ref="D6656">IFERROR(INDEX(Jesper!AH$2:AH$366,ROUNDDOWN($C6656/24,0)+1,1)*INDEX($D$3:$AA$30,INDEX(Jesper!$R$2:$R$366,ROW(INDEX(Jesper!AH$2:AH$366,ROUNDDOWN($C6656/24,0)+1,1))-1)+IF('Standard Profiles'!$G$18=$B$10,7,0)+IF('Standard Profiles'!$G$18=$B$17,14,0)+IF('Standard Profiles'!$G$18=$B$24,21,0),MOD($C6656,24)+1)/SUM(INDEX($D$3:$AA$30,INDEX(Jesper!$R$2:$R$366,ROW(INDEX(Jesper!AH$2:AH$366,ROUNDDOWN($C6656/24,0)+1,1))-1)+IF('Standard Profiles'!$G$18=$B$10,7,0)+IF('Standard Profiles'!$G$18=$B$17,14,0)+IF('Standard Profiles'!$G$18=$B$24,21,0),0)),0)</f>
        <v>7.216733435151208</v>
      </c>
      <c r="E6656" cm="1">
        <f t="array" ref="E6656">IFERROR(INDEX(Jesper!AI$2:AI$366,ROUNDDOWN($C6656/24,0)+1,1)*INDEX($D$3:$AA$30,INDEX(Jesper!$R$2:$R$366,ROW(INDEX(Jesper!AI$2:AI$366,ROUNDDOWN($C6656/24,0)+1,1))-1)+IF('Standard Profiles'!$G$19=$B$10,7,0)+IF('Standard Profiles'!$G$19=$B$17,14,0)+IF('Standard Profiles'!$G$19=$B$24,21,0),MOD($C6656,24)+1)/SUM(INDEX($D$3:$AA$30,INDEX(Jesper!$R$2:$R$366,ROW(INDEX(Jesper!AI$2:AI$366,ROUNDDOWN($C6656/24,0)+1,1))-1)+IF('Standard Profiles'!$G$19=$B$10,7,0)+IF('Standard Profiles'!$G$19=$B$17,14,0)+IF('Standard Profiles'!$G$19=$B$24,21,0),0)),0)</f>
        <v>0</v>
      </c>
      <c r="F6656" cm="1">
        <f t="array" ref="F6656">IFERROR(INDEX(Jesper!AJ$2:AJ$366,ROUNDDOWN($C6656/24,0)+1,1)*INDEX($D$3:$AA$30,INDEX(Jesper!$R$2:$R$366,ROW(INDEX(Jesper!AJ$2:AJ$366,ROUNDDOWN($C6656/24,0)+1,1))-1)+IF('Standard Profiles'!$G$20=$B$10,7,0)+IF('Standard Profiles'!$G$20=$B$17,14,0)+IF('Standard Profiles'!$G$20=$B$24,21,0),MOD($C6656,24)+1)/SUM(INDEX($D$3:$AA$30,INDEX(Jesper!$R$2:$R$366,ROW(INDEX(Jesper!AJ$2:AJ$366,ROUNDDOWN($C6656/24,0)+1,1))-1)+IF('Standard Profiles'!$G$20=$B$10,7,0)+IF('Standard Profiles'!$G$20=$B$17,14,0)+IF('Standard Profiles'!$G$20=$B$24,21,0),0)),0)</f>
        <v>0</v>
      </c>
      <c r="G6656" cm="1">
        <f t="array" ref="G6656">IFERROR(INDEX(Jesper!AK$2:AK$366,ROUNDDOWN($C6656/24,0)+1,1)*INDEX($D$3:$AA$30,INDEX(Jesper!$R$2:$R$366,ROW(INDEX(Jesper!AK$2:AK$366,ROUNDDOWN($C6656/24,0)+1,1))-1)+IF('Standard Profiles'!$G$21=$B$10,7,0)+IF('Standard Profiles'!$G$21=$B$17,14,0)+IF('Standard Profiles'!$G$21=$B$24,21,0),MOD($C6656,24)+1)/SUM(INDEX($D$3:$AA$30,INDEX(Jesper!$R$2:$R$366,ROW(INDEX(Jesper!AK$2:AK$366,ROUNDDOWN($C6656/24,0)+1,1))-1)+IF('Standard Profiles'!$G$21=$B$10,7,0)+IF('Standard Profiles'!$G$21=$B$17,14,0)+IF('Standard Profiles'!$G$21=$B$24,21,0),0)),0)</f>
        <v>0</v>
      </c>
      <c r="H6656" cm="1">
        <f t="array" ref="H6656">IFERROR(INDEX(Jesper!AL$2:AL$366,ROUNDDOWN($C6656/24,0)+1,1)*INDEX($D$3:$AA$30,INDEX(Jesper!$R$2:$R$366,ROW(INDEX(Jesper!AL$2:AL$366,ROUNDDOWN($C6656/24,0)+1,1))-1)+IF('Standard Profiles'!$G$22=$B$10,7,0)+IF('Standard Profiles'!$G$22=$B$17,14,0)+IF('Standard Profiles'!$G$22=$B$24,21,0),MOD($C6656,24)+1)/SUM(INDEX($D$3:$AA$30,INDEX(Jesper!$R$2:$R$366,ROW(INDEX(Jesper!AL$2:AL$366,ROUNDDOWN($C6656/24,0)+1,1))-1)+IF('Standard Profiles'!$G$22=$B$10,7,0)+IF('Standard Profiles'!$G$22=$B$17,14,0)+IF('Standard Profiles'!$G$22=$B$24,21,0),0)),0)</f>
        <v>0</v>
      </c>
      <c r="I6656">
        <f t="shared" si="741"/>
        <v>0.21650200305453624</v>
      </c>
      <c r="J6656">
        <f t="shared" si="742"/>
        <v>0.7216733435151208</v>
      </c>
      <c r="K6656">
        <f t="shared" si="743"/>
        <v>1.0825100152726812</v>
      </c>
      <c r="L6656">
        <f t="shared" si="744"/>
        <v>5.1960480733088694</v>
      </c>
      <c r="M6656">
        <f t="shared" si="745"/>
        <v>0</v>
      </c>
      <c r="N6656" s="46">
        <f t="shared" si="746"/>
        <v>45567.916666650606</v>
      </c>
    </row>
    <row r="6657" spans="2:14" x14ac:dyDescent="0.3">
      <c r="B6657">
        <f t="shared" si="740"/>
        <v>3</v>
      </c>
      <c r="C6657" s="16">
        <v>6623</v>
      </c>
      <c r="D6657" cm="1">
        <f t="array" ref="D6657">IFERROR(INDEX(Jesper!AH$2:AH$366,ROUNDDOWN($C6657/24,0)+1,1)*INDEX($D$3:$AA$30,INDEX(Jesper!$R$2:$R$366,ROW(INDEX(Jesper!AH$2:AH$366,ROUNDDOWN($C6657/24,0)+1,1))-1)+IF('Standard Profiles'!$G$18=$B$10,7,0)+IF('Standard Profiles'!$G$18=$B$17,14,0)+IF('Standard Profiles'!$G$18=$B$24,21,0),MOD($C6657,24)+1)/SUM(INDEX($D$3:$AA$30,INDEX(Jesper!$R$2:$R$366,ROW(INDEX(Jesper!AH$2:AH$366,ROUNDDOWN($C6657/24,0)+1,1))-1)+IF('Standard Profiles'!$G$18=$B$10,7,0)+IF('Standard Profiles'!$G$18=$B$17,14,0)+IF('Standard Profiles'!$G$18=$B$24,21,0),0)),0)</f>
        <v>7.216733435151208</v>
      </c>
      <c r="E6657" cm="1">
        <f t="array" ref="E6657">IFERROR(INDEX(Jesper!AI$2:AI$366,ROUNDDOWN($C6657/24,0)+1,1)*INDEX($D$3:$AA$30,INDEX(Jesper!$R$2:$R$366,ROW(INDEX(Jesper!AI$2:AI$366,ROUNDDOWN($C6657/24,0)+1,1))-1)+IF('Standard Profiles'!$G$19=$B$10,7,0)+IF('Standard Profiles'!$G$19=$B$17,14,0)+IF('Standard Profiles'!$G$19=$B$24,21,0),MOD($C6657,24)+1)/SUM(INDEX($D$3:$AA$30,INDEX(Jesper!$R$2:$R$366,ROW(INDEX(Jesper!AI$2:AI$366,ROUNDDOWN($C6657/24,0)+1,1))-1)+IF('Standard Profiles'!$G$19=$B$10,7,0)+IF('Standard Profiles'!$G$19=$B$17,14,0)+IF('Standard Profiles'!$G$19=$B$24,21,0),0)),0)</f>
        <v>0</v>
      </c>
      <c r="F6657" cm="1">
        <f t="array" ref="F6657">IFERROR(INDEX(Jesper!AJ$2:AJ$366,ROUNDDOWN($C6657/24,0)+1,1)*INDEX($D$3:$AA$30,INDEX(Jesper!$R$2:$R$366,ROW(INDEX(Jesper!AJ$2:AJ$366,ROUNDDOWN($C6657/24,0)+1,1))-1)+IF('Standard Profiles'!$G$20=$B$10,7,0)+IF('Standard Profiles'!$G$20=$B$17,14,0)+IF('Standard Profiles'!$G$20=$B$24,21,0),MOD($C6657,24)+1)/SUM(INDEX($D$3:$AA$30,INDEX(Jesper!$R$2:$R$366,ROW(INDEX(Jesper!AJ$2:AJ$366,ROUNDDOWN($C6657/24,0)+1,1))-1)+IF('Standard Profiles'!$G$20=$B$10,7,0)+IF('Standard Profiles'!$G$20=$B$17,14,0)+IF('Standard Profiles'!$G$20=$B$24,21,0),0)),0)</f>
        <v>0</v>
      </c>
      <c r="G6657" cm="1">
        <f t="array" ref="G6657">IFERROR(INDEX(Jesper!AK$2:AK$366,ROUNDDOWN($C6657/24,0)+1,1)*INDEX($D$3:$AA$30,INDEX(Jesper!$R$2:$R$366,ROW(INDEX(Jesper!AK$2:AK$366,ROUNDDOWN($C6657/24,0)+1,1))-1)+IF('Standard Profiles'!$G$21=$B$10,7,0)+IF('Standard Profiles'!$G$21=$B$17,14,0)+IF('Standard Profiles'!$G$21=$B$24,21,0),MOD($C6657,24)+1)/SUM(INDEX($D$3:$AA$30,INDEX(Jesper!$R$2:$R$366,ROW(INDEX(Jesper!AK$2:AK$366,ROUNDDOWN($C6657/24,0)+1,1))-1)+IF('Standard Profiles'!$G$21=$B$10,7,0)+IF('Standard Profiles'!$G$21=$B$17,14,0)+IF('Standard Profiles'!$G$21=$B$24,21,0),0)),0)</f>
        <v>0</v>
      </c>
      <c r="H6657" cm="1">
        <f t="array" ref="H6657">IFERROR(INDEX(Jesper!AL$2:AL$366,ROUNDDOWN($C6657/24,0)+1,1)*INDEX($D$3:$AA$30,INDEX(Jesper!$R$2:$R$366,ROW(INDEX(Jesper!AL$2:AL$366,ROUNDDOWN($C6657/24,0)+1,1))-1)+IF('Standard Profiles'!$G$22=$B$10,7,0)+IF('Standard Profiles'!$G$22=$B$17,14,0)+IF('Standard Profiles'!$G$22=$B$24,21,0),MOD($C6657,24)+1)/SUM(INDEX($D$3:$AA$30,INDEX(Jesper!$R$2:$R$366,ROW(INDEX(Jesper!AL$2:AL$366,ROUNDDOWN($C6657/24,0)+1,1))-1)+IF('Standard Profiles'!$G$22=$B$10,7,0)+IF('Standard Profiles'!$G$22=$B$17,14,0)+IF('Standard Profiles'!$G$22=$B$24,21,0),0)),0)</f>
        <v>0</v>
      </c>
      <c r="I6657">
        <f t="shared" si="741"/>
        <v>0.21650200305453624</v>
      </c>
      <c r="J6657">
        <f t="shared" si="742"/>
        <v>0.7216733435151208</v>
      </c>
      <c r="K6657">
        <f t="shared" si="743"/>
        <v>1.0825100152726812</v>
      </c>
      <c r="L6657">
        <f t="shared" si="744"/>
        <v>5.1960480733088694</v>
      </c>
      <c r="M6657">
        <f t="shared" si="745"/>
        <v>0</v>
      </c>
      <c r="N6657" s="46">
        <f t="shared" si="746"/>
        <v>45567.95833331727</v>
      </c>
    </row>
    <row r="6658" spans="2:14" x14ac:dyDescent="0.3">
      <c r="B6658">
        <f t="shared" si="740"/>
        <v>4</v>
      </c>
      <c r="C6658" s="16">
        <v>6624</v>
      </c>
      <c r="D6658" cm="1">
        <f t="array" ref="D6658">IFERROR(INDEX(Jesper!AH$2:AH$366,ROUNDDOWN($C6658/24,0)+1,1)*INDEX($D$3:$AA$30,INDEX(Jesper!$R$2:$R$366,ROW(INDEX(Jesper!AH$2:AH$366,ROUNDDOWN($C6658/24,0)+1,1))-1)+IF('Standard Profiles'!$G$18=$B$10,7,0)+IF('Standard Profiles'!$G$18=$B$17,14,0)+IF('Standard Profiles'!$G$18=$B$24,21,0),MOD($C6658,24)+1)/SUM(INDEX($D$3:$AA$30,INDEX(Jesper!$R$2:$R$366,ROW(INDEX(Jesper!AH$2:AH$366,ROUNDDOWN($C6658/24,0)+1,1))-1)+IF('Standard Profiles'!$G$18=$B$10,7,0)+IF('Standard Profiles'!$G$18=$B$17,14,0)+IF('Standard Profiles'!$G$18=$B$24,21,0),0)),0)</f>
        <v>7.2563880840470185</v>
      </c>
      <c r="E6658" cm="1">
        <f t="array" ref="E6658">IFERROR(INDEX(Jesper!AI$2:AI$366,ROUNDDOWN($C6658/24,0)+1,1)*INDEX($D$3:$AA$30,INDEX(Jesper!$R$2:$R$366,ROW(INDEX(Jesper!AI$2:AI$366,ROUNDDOWN($C6658/24,0)+1,1))-1)+IF('Standard Profiles'!$G$19=$B$10,7,0)+IF('Standard Profiles'!$G$19=$B$17,14,0)+IF('Standard Profiles'!$G$19=$B$24,21,0),MOD($C6658,24)+1)/SUM(INDEX($D$3:$AA$30,INDEX(Jesper!$R$2:$R$366,ROW(INDEX(Jesper!AI$2:AI$366,ROUNDDOWN($C6658/24,0)+1,1))-1)+IF('Standard Profiles'!$G$19=$B$10,7,0)+IF('Standard Profiles'!$G$19=$B$17,14,0)+IF('Standard Profiles'!$G$19=$B$24,21,0),0)),0)</f>
        <v>0</v>
      </c>
      <c r="F6658" cm="1">
        <f t="array" ref="F6658">IFERROR(INDEX(Jesper!AJ$2:AJ$366,ROUNDDOWN($C6658/24,0)+1,1)*INDEX($D$3:$AA$30,INDEX(Jesper!$R$2:$R$366,ROW(INDEX(Jesper!AJ$2:AJ$366,ROUNDDOWN($C6658/24,0)+1,1))-1)+IF('Standard Profiles'!$G$20=$B$10,7,0)+IF('Standard Profiles'!$G$20=$B$17,14,0)+IF('Standard Profiles'!$G$20=$B$24,21,0),MOD($C6658,24)+1)/SUM(INDEX($D$3:$AA$30,INDEX(Jesper!$R$2:$R$366,ROW(INDEX(Jesper!AJ$2:AJ$366,ROUNDDOWN($C6658/24,0)+1,1))-1)+IF('Standard Profiles'!$G$20=$B$10,7,0)+IF('Standard Profiles'!$G$20=$B$17,14,0)+IF('Standard Profiles'!$G$20=$B$24,21,0),0)),0)</f>
        <v>0</v>
      </c>
      <c r="G6658" cm="1">
        <f t="array" ref="G6658">IFERROR(INDEX(Jesper!AK$2:AK$366,ROUNDDOWN($C6658/24,0)+1,1)*INDEX($D$3:$AA$30,INDEX(Jesper!$R$2:$R$366,ROW(INDEX(Jesper!AK$2:AK$366,ROUNDDOWN($C6658/24,0)+1,1))-1)+IF('Standard Profiles'!$G$21=$B$10,7,0)+IF('Standard Profiles'!$G$21=$B$17,14,0)+IF('Standard Profiles'!$G$21=$B$24,21,0),MOD($C6658,24)+1)/SUM(INDEX($D$3:$AA$30,INDEX(Jesper!$R$2:$R$366,ROW(INDEX(Jesper!AK$2:AK$366,ROUNDDOWN($C6658/24,0)+1,1))-1)+IF('Standard Profiles'!$G$21=$B$10,7,0)+IF('Standard Profiles'!$G$21=$B$17,14,0)+IF('Standard Profiles'!$G$21=$B$24,21,0),0)),0)</f>
        <v>0</v>
      </c>
      <c r="H6658" cm="1">
        <f t="array" ref="H6658">IFERROR(INDEX(Jesper!AL$2:AL$366,ROUNDDOWN($C6658/24,0)+1,1)*INDEX($D$3:$AA$30,INDEX(Jesper!$R$2:$R$366,ROW(INDEX(Jesper!AL$2:AL$366,ROUNDDOWN($C6658/24,0)+1,1))-1)+IF('Standard Profiles'!$G$22=$B$10,7,0)+IF('Standard Profiles'!$G$22=$B$17,14,0)+IF('Standard Profiles'!$G$22=$B$24,21,0),MOD($C6658,24)+1)/SUM(INDEX($D$3:$AA$30,INDEX(Jesper!$R$2:$R$366,ROW(INDEX(Jesper!AL$2:AL$366,ROUNDDOWN($C6658/24,0)+1,1))-1)+IF('Standard Profiles'!$G$22=$B$10,7,0)+IF('Standard Profiles'!$G$22=$B$17,14,0)+IF('Standard Profiles'!$G$22=$B$24,21,0),0)),0)</f>
        <v>0</v>
      </c>
      <c r="I6658">
        <f t="shared" si="741"/>
        <v>0.21769164252141054</v>
      </c>
      <c r="J6658">
        <f t="shared" si="742"/>
        <v>0.72563880840470185</v>
      </c>
      <c r="K6658">
        <f t="shared" si="743"/>
        <v>1.0884582126070528</v>
      </c>
      <c r="L6658">
        <f t="shared" si="744"/>
        <v>5.2245994205138535</v>
      </c>
      <c r="M6658">
        <f t="shared" si="745"/>
        <v>0</v>
      </c>
      <c r="N6658" s="46">
        <f t="shared" si="746"/>
        <v>45567.999999983935</v>
      </c>
    </row>
    <row r="6659" spans="2:14" x14ac:dyDescent="0.3">
      <c r="B6659">
        <f t="shared" si="740"/>
        <v>4</v>
      </c>
      <c r="C6659" s="16">
        <v>6625</v>
      </c>
      <c r="D6659" cm="1">
        <f t="array" ref="D6659">IFERROR(INDEX(Jesper!AH$2:AH$366,ROUNDDOWN($C6659/24,0)+1,1)*INDEX($D$3:$AA$30,INDEX(Jesper!$R$2:$R$366,ROW(INDEX(Jesper!AH$2:AH$366,ROUNDDOWN($C6659/24,0)+1,1))-1)+IF('Standard Profiles'!$G$18=$B$10,7,0)+IF('Standard Profiles'!$G$18=$B$17,14,0)+IF('Standard Profiles'!$G$18=$B$24,21,0),MOD($C6659,24)+1)/SUM(INDEX($D$3:$AA$30,INDEX(Jesper!$R$2:$R$366,ROW(INDEX(Jesper!AH$2:AH$366,ROUNDDOWN($C6659/24,0)+1,1))-1)+IF('Standard Profiles'!$G$18=$B$10,7,0)+IF('Standard Profiles'!$G$18=$B$17,14,0)+IF('Standard Profiles'!$G$18=$B$24,21,0),0)),0)</f>
        <v>7.2563880840470185</v>
      </c>
      <c r="E6659" cm="1">
        <f t="array" ref="E6659">IFERROR(INDEX(Jesper!AI$2:AI$366,ROUNDDOWN($C6659/24,0)+1,1)*INDEX($D$3:$AA$30,INDEX(Jesper!$R$2:$R$366,ROW(INDEX(Jesper!AI$2:AI$366,ROUNDDOWN($C6659/24,0)+1,1))-1)+IF('Standard Profiles'!$G$19=$B$10,7,0)+IF('Standard Profiles'!$G$19=$B$17,14,0)+IF('Standard Profiles'!$G$19=$B$24,21,0),MOD($C6659,24)+1)/SUM(INDEX($D$3:$AA$30,INDEX(Jesper!$R$2:$R$366,ROW(INDEX(Jesper!AI$2:AI$366,ROUNDDOWN($C6659/24,0)+1,1))-1)+IF('Standard Profiles'!$G$19=$B$10,7,0)+IF('Standard Profiles'!$G$19=$B$17,14,0)+IF('Standard Profiles'!$G$19=$B$24,21,0),0)),0)</f>
        <v>0</v>
      </c>
      <c r="F6659" cm="1">
        <f t="array" ref="F6659">IFERROR(INDEX(Jesper!AJ$2:AJ$366,ROUNDDOWN($C6659/24,0)+1,1)*INDEX($D$3:$AA$30,INDEX(Jesper!$R$2:$R$366,ROW(INDEX(Jesper!AJ$2:AJ$366,ROUNDDOWN($C6659/24,0)+1,1))-1)+IF('Standard Profiles'!$G$20=$B$10,7,0)+IF('Standard Profiles'!$G$20=$B$17,14,0)+IF('Standard Profiles'!$G$20=$B$24,21,0),MOD($C6659,24)+1)/SUM(INDEX($D$3:$AA$30,INDEX(Jesper!$R$2:$R$366,ROW(INDEX(Jesper!AJ$2:AJ$366,ROUNDDOWN($C6659/24,0)+1,1))-1)+IF('Standard Profiles'!$G$20=$B$10,7,0)+IF('Standard Profiles'!$G$20=$B$17,14,0)+IF('Standard Profiles'!$G$20=$B$24,21,0),0)),0)</f>
        <v>0</v>
      </c>
      <c r="G6659" cm="1">
        <f t="array" ref="G6659">IFERROR(INDEX(Jesper!AK$2:AK$366,ROUNDDOWN($C6659/24,0)+1,1)*INDEX($D$3:$AA$30,INDEX(Jesper!$R$2:$R$366,ROW(INDEX(Jesper!AK$2:AK$366,ROUNDDOWN($C6659/24,0)+1,1))-1)+IF('Standard Profiles'!$G$21=$B$10,7,0)+IF('Standard Profiles'!$G$21=$B$17,14,0)+IF('Standard Profiles'!$G$21=$B$24,21,0),MOD($C6659,24)+1)/SUM(INDEX($D$3:$AA$30,INDEX(Jesper!$R$2:$R$366,ROW(INDEX(Jesper!AK$2:AK$366,ROUNDDOWN($C6659/24,0)+1,1))-1)+IF('Standard Profiles'!$G$21=$B$10,7,0)+IF('Standard Profiles'!$G$21=$B$17,14,0)+IF('Standard Profiles'!$G$21=$B$24,21,0),0)),0)</f>
        <v>0</v>
      </c>
      <c r="H6659" cm="1">
        <f t="array" ref="H6659">IFERROR(INDEX(Jesper!AL$2:AL$366,ROUNDDOWN($C6659/24,0)+1,1)*INDEX($D$3:$AA$30,INDEX(Jesper!$R$2:$R$366,ROW(INDEX(Jesper!AL$2:AL$366,ROUNDDOWN($C6659/24,0)+1,1))-1)+IF('Standard Profiles'!$G$22=$B$10,7,0)+IF('Standard Profiles'!$G$22=$B$17,14,0)+IF('Standard Profiles'!$G$22=$B$24,21,0),MOD($C6659,24)+1)/SUM(INDEX($D$3:$AA$30,INDEX(Jesper!$R$2:$R$366,ROW(INDEX(Jesper!AL$2:AL$366,ROUNDDOWN($C6659/24,0)+1,1))-1)+IF('Standard Profiles'!$G$22=$B$10,7,0)+IF('Standard Profiles'!$G$22=$B$17,14,0)+IF('Standard Profiles'!$G$22=$B$24,21,0),0)),0)</f>
        <v>0</v>
      </c>
      <c r="I6659">
        <f t="shared" si="741"/>
        <v>0.21769164252141054</v>
      </c>
      <c r="J6659">
        <f t="shared" si="742"/>
        <v>0.72563880840470185</v>
      </c>
      <c r="K6659">
        <f t="shared" si="743"/>
        <v>1.0884582126070528</v>
      </c>
      <c r="L6659">
        <f t="shared" si="744"/>
        <v>5.2245994205138535</v>
      </c>
      <c r="M6659">
        <f t="shared" si="745"/>
        <v>0</v>
      </c>
      <c r="N6659" s="46">
        <f t="shared" si="746"/>
        <v>45568.041666650599</v>
      </c>
    </row>
    <row r="6660" spans="2:14" x14ac:dyDescent="0.3">
      <c r="B6660">
        <f t="shared" si="740"/>
        <v>4</v>
      </c>
      <c r="C6660" s="16">
        <v>6626</v>
      </c>
      <c r="D6660" cm="1">
        <f t="array" ref="D6660">IFERROR(INDEX(Jesper!AH$2:AH$366,ROUNDDOWN($C6660/24,0)+1,1)*INDEX($D$3:$AA$30,INDEX(Jesper!$R$2:$R$366,ROW(INDEX(Jesper!AH$2:AH$366,ROUNDDOWN($C6660/24,0)+1,1))-1)+IF('Standard Profiles'!$G$18=$B$10,7,0)+IF('Standard Profiles'!$G$18=$B$17,14,0)+IF('Standard Profiles'!$G$18=$B$24,21,0),MOD($C6660,24)+1)/SUM(INDEX($D$3:$AA$30,INDEX(Jesper!$R$2:$R$366,ROW(INDEX(Jesper!AH$2:AH$366,ROUNDDOWN($C6660/24,0)+1,1))-1)+IF('Standard Profiles'!$G$18=$B$10,7,0)+IF('Standard Profiles'!$G$18=$B$17,14,0)+IF('Standard Profiles'!$G$18=$B$24,21,0),0)),0)</f>
        <v>7.2563880840470185</v>
      </c>
      <c r="E6660" cm="1">
        <f t="array" ref="E6660">IFERROR(INDEX(Jesper!AI$2:AI$366,ROUNDDOWN($C6660/24,0)+1,1)*INDEX($D$3:$AA$30,INDEX(Jesper!$R$2:$R$366,ROW(INDEX(Jesper!AI$2:AI$366,ROUNDDOWN($C6660/24,0)+1,1))-1)+IF('Standard Profiles'!$G$19=$B$10,7,0)+IF('Standard Profiles'!$G$19=$B$17,14,0)+IF('Standard Profiles'!$G$19=$B$24,21,0),MOD($C6660,24)+1)/SUM(INDEX($D$3:$AA$30,INDEX(Jesper!$R$2:$R$366,ROW(INDEX(Jesper!AI$2:AI$366,ROUNDDOWN($C6660/24,0)+1,1))-1)+IF('Standard Profiles'!$G$19=$B$10,7,0)+IF('Standard Profiles'!$G$19=$B$17,14,0)+IF('Standard Profiles'!$G$19=$B$24,21,0),0)),0)</f>
        <v>0</v>
      </c>
      <c r="F6660" cm="1">
        <f t="array" ref="F6660">IFERROR(INDEX(Jesper!AJ$2:AJ$366,ROUNDDOWN($C6660/24,0)+1,1)*INDEX($D$3:$AA$30,INDEX(Jesper!$R$2:$R$366,ROW(INDEX(Jesper!AJ$2:AJ$366,ROUNDDOWN($C6660/24,0)+1,1))-1)+IF('Standard Profiles'!$G$20=$B$10,7,0)+IF('Standard Profiles'!$G$20=$B$17,14,0)+IF('Standard Profiles'!$G$20=$B$24,21,0),MOD($C6660,24)+1)/SUM(INDEX($D$3:$AA$30,INDEX(Jesper!$R$2:$R$366,ROW(INDEX(Jesper!AJ$2:AJ$366,ROUNDDOWN($C6660/24,0)+1,1))-1)+IF('Standard Profiles'!$G$20=$B$10,7,0)+IF('Standard Profiles'!$G$20=$B$17,14,0)+IF('Standard Profiles'!$G$20=$B$24,21,0),0)),0)</f>
        <v>0</v>
      </c>
      <c r="G6660" cm="1">
        <f t="array" ref="G6660">IFERROR(INDEX(Jesper!AK$2:AK$366,ROUNDDOWN($C6660/24,0)+1,1)*INDEX($D$3:$AA$30,INDEX(Jesper!$R$2:$R$366,ROW(INDEX(Jesper!AK$2:AK$366,ROUNDDOWN($C6660/24,0)+1,1))-1)+IF('Standard Profiles'!$G$21=$B$10,7,0)+IF('Standard Profiles'!$G$21=$B$17,14,0)+IF('Standard Profiles'!$G$21=$B$24,21,0),MOD($C6660,24)+1)/SUM(INDEX($D$3:$AA$30,INDEX(Jesper!$R$2:$R$366,ROW(INDEX(Jesper!AK$2:AK$366,ROUNDDOWN($C6660/24,0)+1,1))-1)+IF('Standard Profiles'!$G$21=$B$10,7,0)+IF('Standard Profiles'!$G$21=$B$17,14,0)+IF('Standard Profiles'!$G$21=$B$24,21,0),0)),0)</f>
        <v>0</v>
      </c>
      <c r="H6660" cm="1">
        <f t="array" ref="H6660">IFERROR(INDEX(Jesper!AL$2:AL$366,ROUNDDOWN($C6660/24,0)+1,1)*INDEX($D$3:$AA$30,INDEX(Jesper!$R$2:$R$366,ROW(INDEX(Jesper!AL$2:AL$366,ROUNDDOWN($C6660/24,0)+1,1))-1)+IF('Standard Profiles'!$G$22=$B$10,7,0)+IF('Standard Profiles'!$G$22=$B$17,14,0)+IF('Standard Profiles'!$G$22=$B$24,21,0),MOD($C6660,24)+1)/SUM(INDEX($D$3:$AA$30,INDEX(Jesper!$R$2:$R$366,ROW(INDEX(Jesper!AL$2:AL$366,ROUNDDOWN($C6660/24,0)+1,1))-1)+IF('Standard Profiles'!$G$22=$B$10,7,0)+IF('Standard Profiles'!$G$22=$B$17,14,0)+IF('Standard Profiles'!$G$22=$B$24,21,0),0)),0)</f>
        <v>0</v>
      </c>
      <c r="I6660">
        <f t="shared" si="741"/>
        <v>0.21769164252141054</v>
      </c>
      <c r="J6660">
        <f t="shared" si="742"/>
        <v>0.72563880840470185</v>
      </c>
      <c r="K6660">
        <f t="shared" si="743"/>
        <v>1.0884582126070528</v>
      </c>
      <c r="L6660">
        <f t="shared" si="744"/>
        <v>5.2245994205138535</v>
      </c>
      <c r="M6660">
        <f t="shared" si="745"/>
        <v>0</v>
      </c>
      <c r="N6660" s="46">
        <f t="shared" si="746"/>
        <v>45568.083333317263</v>
      </c>
    </row>
    <row r="6661" spans="2:14" x14ac:dyDescent="0.3">
      <c r="B6661">
        <f t="shared" si="740"/>
        <v>4</v>
      </c>
      <c r="C6661" s="16">
        <v>6627</v>
      </c>
      <c r="D6661" cm="1">
        <f t="array" ref="D6661">IFERROR(INDEX(Jesper!AH$2:AH$366,ROUNDDOWN($C6661/24,0)+1,1)*INDEX($D$3:$AA$30,INDEX(Jesper!$R$2:$R$366,ROW(INDEX(Jesper!AH$2:AH$366,ROUNDDOWN($C6661/24,0)+1,1))-1)+IF('Standard Profiles'!$G$18=$B$10,7,0)+IF('Standard Profiles'!$G$18=$B$17,14,0)+IF('Standard Profiles'!$G$18=$B$24,21,0),MOD($C6661,24)+1)/SUM(INDEX($D$3:$AA$30,INDEX(Jesper!$R$2:$R$366,ROW(INDEX(Jesper!AH$2:AH$366,ROUNDDOWN($C6661/24,0)+1,1))-1)+IF('Standard Profiles'!$G$18=$B$10,7,0)+IF('Standard Profiles'!$G$18=$B$17,14,0)+IF('Standard Profiles'!$G$18=$B$24,21,0),0)),0)</f>
        <v>7.2563880840470185</v>
      </c>
      <c r="E6661" cm="1">
        <f t="array" ref="E6661">IFERROR(INDEX(Jesper!AI$2:AI$366,ROUNDDOWN($C6661/24,0)+1,1)*INDEX($D$3:$AA$30,INDEX(Jesper!$R$2:$R$366,ROW(INDEX(Jesper!AI$2:AI$366,ROUNDDOWN($C6661/24,0)+1,1))-1)+IF('Standard Profiles'!$G$19=$B$10,7,0)+IF('Standard Profiles'!$G$19=$B$17,14,0)+IF('Standard Profiles'!$G$19=$B$24,21,0),MOD($C6661,24)+1)/SUM(INDEX($D$3:$AA$30,INDEX(Jesper!$R$2:$R$366,ROW(INDEX(Jesper!AI$2:AI$366,ROUNDDOWN($C6661/24,0)+1,1))-1)+IF('Standard Profiles'!$G$19=$B$10,7,0)+IF('Standard Profiles'!$G$19=$B$17,14,0)+IF('Standard Profiles'!$G$19=$B$24,21,0),0)),0)</f>
        <v>0</v>
      </c>
      <c r="F6661" cm="1">
        <f t="array" ref="F6661">IFERROR(INDEX(Jesper!AJ$2:AJ$366,ROUNDDOWN($C6661/24,0)+1,1)*INDEX($D$3:$AA$30,INDEX(Jesper!$R$2:$R$366,ROW(INDEX(Jesper!AJ$2:AJ$366,ROUNDDOWN($C6661/24,0)+1,1))-1)+IF('Standard Profiles'!$G$20=$B$10,7,0)+IF('Standard Profiles'!$G$20=$B$17,14,0)+IF('Standard Profiles'!$G$20=$B$24,21,0),MOD($C6661,24)+1)/SUM(INDEX($D$3:$AA$30,INDEX(Jesper!$R$2:$R$366,ROW(INDEX(Jesper!AJ$2:AJ$366,ROUNDDOWN($C6661/24,0)+1,1))-1)+IF('Standard Profiles'!$G$20=$B$10,7,0)+IF('Standard Profiles'!$G$20=$B$17,14,0)+IF('Standard Profiles'!$G$20=$B$24,21,0),0)),0)</f>
        <v>0</v>
      </c>
      <c r="G6661" cm="1">
        <f t="array" ref="G6661">IFERROR(INDEX(Jesper!AK$2:AK$366,ROUNDDOWN($C6661/24,0)+1,1)*INDEX($D$3:$AA$30,INDEX(Jesper!$R$2:$R$366,ROW(INDEX(Jesper!AK$2:AK$366,ROUNDDOWN($C6661/24,0)+1,1))-1)+IF('Standard Profiles'!$G$21=$B$10,7,0)+IF('Standard Profiles'!$G$21=$B$17,14,0)+IF('Standard Profiles'!$G$21=$B$24,21,0),MOD($C6661,24)+1)/SUM(INDEX($D$3:$AA$30,INDEX(Jesper!$R$2:$R$366,ROW(INDEX(Jesper!AK$2:AK$366,ROUNDDOWN($C6661/24,0)+1,1))-1)+IF('Standard Profiles'!$G$21=$B$10,7,0)+IF('Standard Profiles'!$G$21=$B$17,14,0)+IF('Standard Profiles'!$G$21=$B$24,21,0),0)),0)</f>
        <v>0</v>
      </c>
      <c r="H6661" cm="1">
        <f t="array" ref="H6661">IFERROR(INDEX(Jesper!AL$2:AL$366,ROUNDDOWN($C6661/24,0)+1,1)*INDEX($D$3:$AA$30,INDEX(Jesper!$R$2:$R$366,ROW(INDEX(Jesper!AL$2:AL$366,ROUNDDOWN($C6661/24,0)+1,1))-1)+IF('Standard Profiles'!$G$22=$B$10,7,0)+IF('Standard Profiles'!$G$22=$B$17,14,0)+IF('Standard Profiles'!$G$22=$B$24,21,0),MOD($C6661,24)+1)/SUM(INDEX($D$3:$AA$30,INDEX(Jesper!$R$2:$R$366,ROW(INDEX(Jesper!AL$2:AL$366,ROUNDDOWN($C6661/24,0)+1,1))-1)+IF('Standard Profiles'!$G$22=$B$10,7,0)+IF('Standard Profiles'!$G$22=$B$17,14,0)+IF('Standard Profiles'!$G$22=$B$24,21,0),0)),0)</f>
        <v>0</v>
      </c>
      <c r="I6661">
        <f t="shared" si="741"/>
        <v>0.21769164252141054</v>
      </c>
      <c r="J6661">
        <f t="shared" si="742"/>
        <v>0.72563880840470185</v>
      </c>
      <c r="K6661">
        <f t="shared" si="743"/>
        <v>1.0884582126070528</v>
      </c>
      <c r="L6661">
        <f t="shared" si="744"/>
        <v>5.2245994205138535</v>
      </c>
      <c r="M6661">
        <f t="shared" si="745"/>
        <v>0</v>
      </c>
      <c r="N6661" s="46">
        <f t="shared" si="746"/>
        <v>45568.124999983927</v>
      </c>
    </row>
    <row r="6662" spans="2:14" x14ac:dyDescent="0.3">
      <c r="B6662">
        <f t="shared" si="740"/>
        <v>4</v>
      </c>
      <c r="C6662" s="16">
        <v>6628</v>
      </c>
      <c r="D6662" cm="1">
        <f t="array" ref="D6662">IFERROR(INDEX(Jesper!AH$2:AH$366,ROUNDDOWN($C6662/24,0)+1,1)*INDEX($D$3:$AA$30,INDEX(Jesper!$R$2:$R$366,ROW(INDEX(Jesper!AH$2:AH$366,ROUNDDOWN($C6662/24,0)+1,1))-1)+IF('Standard Profiles'!$G$18=$B$10,7,0)+IF('Standard Profiles'!$G$18=$B$17,14,0)+IF('Standard Profiles'!$G$18=$B$24,21,0),MOD($C6662,24)+1)/SUM(INDEX($D$3:$AA$30,INDEX(Jesper!$R$2:$R$366,ROW(INDEX(Jesper!AH$2:AH$366,ROUNDDOWN($C6662/24,0)+1,1))-1)+IF('Standard Profiles'!$G$18=$B$10,7,0)+IF('Standard Profiles'!$G$18=$B$17,14,0)+IF('Standard Profiles'!$G$18=$B$24,21,0),0)),0)</f>
        <v>7.2563880840470185</v>
      </c>
      <c r="E6662" cm="1">
        <f t="array" ref="E6662">IFERROR(INDEX(Jesper!AI$2:AI$366,ROUNDDOWN($C6662/24,0)+1,1)*INDEX($D$3:$AA$30,INDEX(Jesper!$R$2:$R$366,ROW(INDEX(Jesper!AI$2:AI$366,ROUNDDOWN($C6662/24,0)+1,1))-1)+IF('Standard Profiles'!$G$19=$B$10,7,0)+IF('Standard Profiles'!$G$19=$B$17,14,0)+IF('Standard Profiles'!$G$19=$B$24,21,0),MOD($C6662,24)+1)/SUM(INDEX($D$3:$AA$30,INDEX(Jesper!$R$2:$R$366,ROW(INDEX(Jesper!AI$2:AI$366,ROUNDDOWN($C6662/24,0)+1,1))-1)+IF('Standard Profiles'!$G$19=$B$10,7,0)+IF('Standard Profiles'!$G$19=$B$17,14,0)+IF('Standard Profiles'!$G$19=$B$24,21,0),0)),0)</f>
        <v>0</v>
      </c>
      <c r="F6662" cm="1">
        <f t="array" ref="F6662">IFERROR(INDEX(Jesper!AJ$2:AJ$366,ROUNDDOWN($C6662/24,0)+1,1)*INDEX($D$3:$AA$30,INDEX(Jesper!$R$2:$R$366,ROW(INDEX(Jesper!AJ$2:AJ$366,ROUNDDOWN($C6662/24,0)+1,1))-1)+IF('Standard Profiles'!$G$20=$B$10,7,0)+IF('Standard Profiles'!$G$20=$B$17,14,0)+IF('Standard Profiles'!$G$20=$B$24,21,0),MOD($C6662,24)+1)/SUM(INDEX($D$3:$AA$30,INDEX(Jesper!$R$2:$R$366,ROW(INDEX(Jesper!AJ$2:AJ$366,ROUNDDOWN($C6662/24,0)+1,1))-1)+IF('Standard Profiles'!$G$20=$B$10,7,0)+IF('Standard Profiles'!$G$20=$B$17,14,0)+IF('Standard Profiles'!$G$20=$B$24,21,0),0)),0)</f>
        <v>0</v>
      </c>
      <c r="G6662" cm="1">
        <f t="array" ref="G6662">IFERROR(INDEX(Jesper!AK$2:AK$366,ROUNDDOWN($C6662/24,0)+1,1)*INDEX($D$3:$AA$30,INDEX(Jesper!$R$2:$R$366,ROW(INDEX(Jesper!AK$2:AK$366,ROUNDDOWN($C6662/24,0)+1,1))-1)+IF('Standard Profiles'!$G$21=$B$10,7,0)+IF('Standard Profiles'!$G$21=$B$17,14,0)+IF('Standard Profiles'!$G$21=$B$24,21,0),MOD($C6662,24)+1)/SUM(INDEX($D$3:$AA$30,INDEX(Jesper!$R$2:$R$366,ROW(INDEX(Jesper!AK$2:AK$366,ROUNDDOWN($C6662/24,0)+1,1))-1)+IF('Standard Profiles'!$G$21=$B$10,7,0)+IF('Standard Profiles'!$G$21=$B$17,14,0)+IF('Standard Profiles'!$G$21=$B$24,21,0),0)),0)</f>
        <v>0</v>
      </c>
      <c r="H6662" cm="1">
        <f t="array" ref="H6662">IFERROR(INDEX(Jesper!AL$2:AL$366,ROUNDDOWN($C6662/24,0)+1,1)*INDEX($D$3:$AA$30,INDEX(Jesper!$R$2:$R$366,ROW(INDEX(Jesper!AL$2:AL$366,ROUNDDOWN($C6662/24,0)+1,1))-1)+IF('Standard Profiles'!$G$22=$B$10,7,0)+IF('Standard Profiles'!$G$22=$B$17,14,0)+IF('Standard Profiles'!$G$22=$B$24,21,0),MOD($C6662,24)+1)/SUM(INDEX($D$3:$AA$30,INDEX(Jesper!$R$2:$R$366,ROW(INDEX(Jesper!AL$2:AL$366,ROUNDDOWN($C6662/24,0)+1,1))-1)+IF('Standard Profiles'!$G$22=$B$10,7,0)+IF('Standard Profiles'!$G$22=$B$17,14,0)+IF('Standard Profiles'!$G$22=$B$24,21,0),0)),0)</f>
        <v>0</v>
      </c>
      <c r="I6662">
        <f t="shared" si="741"/>
        <v>0.21769164252141054</v>
      </c>
      <c r="J6662">
        <f t="shared" si="742"/>
        <v>0.72563880840470185</v>
      </c>
      <c r="K6662">
        <f t="shared" si="743"/>
        <v>1.0884582126070528</v>
      </c>
      <c r="L6662">
        <f t="shared" si="744"/>
        <v>5.2245994205138535</v>
      </c>
      <c r="M6662">
        <f t="shared" si="745"/>
        <v>0</v>
      </c>
      <c r="N6662" s="46">
        <f t="shared" si="746"/>
        <v>45568.166666650592</v>
      </c>
    </row>
    <row r="6663" spans="2:14" x14ac:dyDescent="0.3">
      <c r="B6663">
        <f t="shared" si="740"/>
        <v>4</v>
      </c>
      <c r="C6663" s="16">
        <v>6629</v>
      </c>
      <c r="D6663" cm="1">
        <f t="array" ref="D6663">IFERROR(INDEX(Jesper!AH$2:AH$366,ROUNDDOWN($C6663/24,0)+1,1)*INDEX($D$3:$AA$30,INDEX(Jesper!$R$2:$R$366,ROW(INDEX(Jesper!AH$2:AH$366,ROUNDDOWN($C6663/24,0)+1,1))-1)+IF('Standard Profiles'!$G$18=$B$10,7,0)+IF('Standard Profiles'!$G$18=$B$17,14,0)+IF('Standard Profiles'!$G$18=$B$24,21,0),MOD($C6663,24)+1)/SUM(INDEX($D$3:$AA$30,INDEX(Jesper!$R$2:$R$366,ROW(INDEX(Jesper!AH$2:AH$366,ROUNDDOWN($C6663/24,0)+1,1))-1)+IF('Standard Profiles'!$G$18=$B$10,7,0)+IF('Standard Profiles'!$G$18=$B$17,14,0)+IF('Standard Profiles'!$G$18=$B$24,21,0),0)),0)</f>
        <v>9.3526779749939362</v>
      </c>
      <c r="E6663" cm="1">
        <f t="array" ref="E6663">IFERROR(INDEX(Jesper!AI$2:AI$366,ROUNDDOWN($C6663/24,0)+1,1)*INDEX($D$3:$AA$30,INDEX(Jesper!$R$2:$R$366,ROW(INDEX(Jesper!AI$2:AI$366,ROUNDDOWN($C6663/24,0)+1,1))-1)+IF('Standard Profiles'!$G$19=$B$10,7,0)+IF('Standard Profiles'!$G$19=$B$17,14,0)+IF('Standard Profiles'!$G$19=$B$24,21,0),MOD($C6663,24)+1)/SUM(INDEX($D$3:$AA$30,INDEX(Jesper!$R$2:$R$366,ROW(INDEX(Jesper!AI$2:AI$366,ROUNDDOWN($C6663/24,0)+1,1))-1)+IF('Standard Profiles'!$G$19=$B$10,7,0)+IF('Standard Profiles'!$G$19=$B$17,14,0)+IF('Standard Profiles'!$G$19=$B$24,21,0),0)),0)</f>
        <v>0</v>
      </c>
      <c r="F6663" cm="1">
        <f t="array" ref="F6663">IFERROR(INDEX(Jesper!AJ$2:AJ$366,ROUNDDOWN($C6663/24,0)+1,1)*INDEX($D$3:$AA$30,INDEX(Jesper!$R$2:$R$366,ROW(INDEX(Jesper!AJ$2:AJ$366,ROUNDDOWN($C6663/24,0)+1,1))-1)+IF('Standard Profiles'!$G$20=$B$10,7,0)+IF('Standard Profiles'!$G$20=$B$17,14,0)+IF('Standard Profiles'!$G$20=$B$24,21,0),MOD($C6663,24)+1)/SUM(INDEX($D$3:$AA$30,INDEX(Jesper!$R$2:$R$366,ROW(INDEX(Jesper!AJ$2:AJ$366,ROUNDDOWN($C6663/24,0)+1,1))-1)+IF('Standard Profiles'!$G$20=$B$10,7,0)+IF('Standard Profiles'!$G$20=$B$17,14,0)+IF('Standard Profiles'!$G$20=$B$24,21,0),0)),0)</f>
        <v>0</v>
      </c>
      <c r="G6663" cm="1">
        <f t="array" ref="G6663">IFERROR(INDEX(Jesper!AK$2:AK$366,ROUNDDOWN($C6663/24,0)+1,1)*INDEX($D$3:$AA$30,INDEX(Jesper!$R$2:$R$366,ROW(INDEX(Jesper!AK$2:AK$366,ROUNDDOWN($C6663/24,0)+1,1))-1)+IF('Standard Profiles'!$G$21=$B$10,7,0)+IF('Standard Profiles'!$G$21=$B$17,14,0)+IF('Standard Profiles'!$G$21=$B$24,21,0),MOD($C6663,24)+1)/SUM(INDEX($D$3:$AA$30,INDEX(Jesper!$R$2:$R$366,ROW(INDEX(Jesper!AK$2:AK$366,ROUNDDOWN($C6663/24,0)+1,1))-1)+IF('Standard Profiles'!$G$21=$B$10,7,0)+IF('Standard Profiles'!$G$21=$B$17,14,0)+IF('Standard Profiles'!$G$21=$B$24,21,0),0)),0)</f>
        <v>0</v>
      </c>
      <c r="H6663" cm="1">
        <f t="array" ref="H6663">IFERROR(INDEX(Jesper!AL$2:AL$366,ROUNDDOWN($C6663/24,0)+1,1)*INDEX($D$3:$AA$30,INDEX(Jesper!$R$2:$R$366,ROW(INDEX(Jesper!AL$2:AL$366,ROUNDDOWN($C6663/24,0)+1,1))-1)+IF('Standard Profiles'!$G$22=$B$10,7,0)+IF('Standard Profiles'!$G$22=$B$17,14,0)+IF('Standard Profiles'!$G$22=$B$24,21,0),MOD($C6663,24)+1)/SUM(INDEX($D$3:$AA$30,INDEX(Jesper!$R$2:$R$366,ROW(INDEX(Jesper!AL$2:AL$366,ROUNDDOWN($C6663/24,0)+1,1))-1)+IF('Standard Profiles'!$G$22=$B$10,7,0)+IF('Standard Profiles'!$G$22=$B$17,14,0)+IF('Standard Profiles'!$G$22=$B$24,21,0),0)),0)</f>
        <v>0</v>
      </c>
      <c r="I6663">
        <f t="shared" si="741"/>
        <v>0.28058033924981807</v>
      </c>
      <c r="J6663">
        <f t="shared" si="742"/>
        <v>0.9352677974993937</v>
      </c>
      <c r="K6663">
        <f t="shared" si="743"/>
        <v>1.4029016962490903</v>
      </c>
      <c r="L6663">
        <f t="shared" si="744"/>
        <v>6.7339281419956336</v>
      </c>
      <c r="M6663">
        <f t="shared" si="745"/>
        <v>0</v>
      </c>
      <c r="N6663" s="46">
        <f t="shared" si="746"/>
        <v>45568.208333317256</v>
      </c>
    </row>
    <row r="6664" spans="2:14" x14ac:dyDescent="0.3">
      <c r="B6664">
        <f t="shared" si="740"/>
        <v>4</v>
      </c>
      <c r="C6664" s="16">
        <v>6630</v>
      </c>
      <c r="D6664" cm="1">
        <f t="array" ref="D6664">IFERROR(INDEX(Jesper!AH$2:AH$366,ROUNDDOWN($C6664/24,0)+1,1)*INDEX($D$3:$AA$30,INDEX(Jesper!$R$2:$R$366,ROW(INDEX(Jesper!AH$2:AH$366,ROUNDDOWN($C6664/24,0)+1,1))-1)+IF('Standard Profiles'!$G$18=$B$10,7,0)+IF('Standard Profiles'!$G$18=$B$17,14,0)+IF('Standard Profiles'!$G$18=$B$24,21,0),MOD($C6664,24)+1)/SUM(INDEX($D$3:$AA$30,INDEX(Jesper!$R$2:$R$366,ROW(INDEX(Jesper!AH$2:AH$366,ROUNDDOWN($C6664/24,0)+1,1))-1)+IF('Standard Profiles'!$G$18=$B$10,7,0)+IF('Standard Profiles'!$G$18=$B$17,14,0)+IF('Standard Profiles'!$G$18=$B$24,21,0),0)),0)</f>
        <v>10.803955591803341</v>
      </c>
      <c r="E6664" cm="1">
        <f t="array" ref="E6664">IFERROR(INDEX(Jesper!AI$2:AI$366,ROUNDDOWN($C6664/24,0)+1,1)*INDEX($D$3:$AA$30,INDEX(Jesper!$R$2:$R$366,ROW(INDEX(Jesper!AI$2:AI$366,ROUNDDOWN($C6664/24,0)+1,1))-1)+IF('Standard Profiles'!$G$19=$B$10,7,0)+IF('Standard Profiles'!$G$19=$B$17,14,0)+IF('Standard Profiles'!$G$19=$B$24,21,0),MOD($C6664,24)+1)/SUM(INDEX($D$3:$AA$30,INDEX(Jesper!$R$2:$R$366,ROW(INDEX(Jesper!AI$2:AI$366,ROUNDDOWN($C6664/24,0)+1,1))-1)+IF('Standard Profiles'!$G$19=$B$10,7,0)+IF('Standard Profiles'!$G$19=$B$17,14,0)+IF('Standard Profiles'!$G$19=$B$24,21,0),0)),0)</f>
        <v>0</v>
      </c>
      <c r="F6664" cm="1">
        <f t="array" ref="F6664">IFERROR(INDEX(Jesper!AJ$2:AJ$366,ROUNDDOWN($C6664/24,0)+1,1)*INDEX($D$3:$AA$30,INDEX(Jesper!$R$2:$R$366,ROW(INDEX(Jesper!AJ$2:AJ$366,ROUNDDOWN($C6664/24,0)+1,1))-1)+IF('Standard Profiles'!$G$20=$B$10,7,0)+IF('Standard Profiles'!$G$20=$B$17,14,0)+IF('Standard Profiles'!$G$20=$B$24,21,0),MOD($C6664,24)+1)/SUM(INDEX($D$3:$AA$30,INDEX(Jesper!$R$2:$R$366,ROW(INDEX(Jesper!AJ$2:AJ$366,ROUNDDOWN($C6664/24,0)+1,1))-1)+IF('Standard Profiles'!$G$20=$B$10,7,0)+IF('Standard Profiles'!$G$20=$B$17,14,0)+IF('Standard Profiles'!$G$20=$B$24,21,0),0)),0)</f>
        <v>0</v>
      </c>
      <c r="G6664" cm="1">
        <f t="array" ref="G6664">IFERROR(INDEX(Jesper!AK$2:AK$366,ROUNDDOWN($C6664/24,0)+1,1)*INDEX($D$3:$AA$30,INDEX(Jesper!$R$2:$R$366,ROW(INDEX(Jesper!AK$2:AK$366,ROUNDDOWN($C6664/24,0)+1,1))-1)+IF('Standard Profiles'!$G$21=$B$10,7,0)+IF('Standard Profiles'!$G$21=$B$17,14,0)+IF('Standard Profiles'!$G$21=$B$24,21,0),MOD($C6664,24)+1)/SUM(INDEX($D$3:$AA$30,INDEX(Jesper!$R$2:$R$366,ROW(INDEX(Jesper!AK$2:AK$366,ROUNDDOWN($C6664/24,0)+1,1))-1)+IF('Standard Profiles'!$G$21=$B$10,7,0)+IF('Standard Profiles'!$G$21=$B$17,14,0)+IF('Standard Profiles'!$G$21=$B$24,21,0),0)),0)</f>
        <v>0</v>
      </c>
      <c r="H6664" cm="1">
        <f t="array" ref="H6664">IFERROR(INDEX(Jesper!AL$2:AL$366,ROUNDDOWN($C6664/24,0)+1,1)*INDEX($D$3:$AA$30,INDEX(Jesper!$R$2:$R$366,ROW(INDEX(Jesper!AL$2:AL$366,ROUNDDOWN($C6664/24,0)+1,1))-1)+IF('Standard Profiles'!$G$22=$B$10,7,0)+IF('Standard Profiles'!$G$22=$B$17,14,0)+IF('Standard Profiles'!$G$22=$B$24,21,0),MOD($C6664,24)+1)/SUM(INDEX($D$3:$AA$30,INDEX(Jesper!$R$2:$R$366,ROW(INDEX(Jesper!AL$2:AL$366,ROUNDDOWN($C6664/24,0)+1,1))-1)+IF('Standard Profiles'!$G$22=$B$10,7,0)+IF('Standard Profiles'!$G$22=$B$17,14,0)+IF('Standard Profiles'!$G$22=$B$24,21,0),0)),0)</f>
        <v>0</v>
      </c>
      <c r="I6664">
        <f t="shared" si="741"/>
        <v>0.3241186677541002</v>
      </c>
      <c r="J6664">
        <f t="shared" si="742"/>
        <v>1.080395559180334</v>
      </c>
      <c r="K6664">
        <f t="shared" si="743"/>
        <v>1.6205933387705012</v>
      </c>
      <c r="L6664">
        <f t="shared" si="744"/>
        <v>7.7788480260984052</v>
      </c>
      <c r="M6664">
        <f t="shared" si="745"/>
        <v>0</v>
      </c>
      <c r="N6664" s="46">
        <f t="shared" si="746"/>
        <v>45568.24999998392</v>
      </c>
    </row>
    <row r="6665" spans="2:14" x14ac:dyDescent="0.3">
      <c r="B6665">
        <f t="shared" si="740"/>
        <v>4</v>
      </c>
      <c r="C6665" s="16">
        <v>6631</v>
      </c>
      <c r="D6665" cm="1">
        <f t="array" ref="D6665">IFERROR(INDEX(Jesper!AH$2:AH$366,ROUNDDOWN($C6665/24,0)+1,1)*INDEX($D$3:$AA$30,INDEX(Jesper!$R$2:$R$366,ROW(INDEX(Jesper!AH$2:AH$366,ROUNDDOWN($C6665/24,0)+1,1))-1)+IF('Standard Profiles'!$G$18=$B$10,7,0)+IF('Standard Profiles'!$G$18=$B$17,14,0)+IF('Standard Profiles'!$G$18=$B$24,21,0),MOD($C6665,24)+1)/SUM(INDEX($D$3:$AA$30,INDEX(Jesper!$R$2:$R$366,ROW(INDEX(Jesper!AH$2:AH$366,ROUNDDOWN($C6665/24,0)+1,1))-1)+IF('Standard Profiles'!$G$18=$B$10,7,0)+IF('Standard Profiles'!$G$18=$B$17,14,0)+IF('Standard Profiles'!$G$18=$B$24,21,0),0)),0)</f>
        <v>10.803955591803341</v>
      </c>
      <c r="E6665" cm="1">
        <f t="array" ref="E6665">IFERROR(INDEX(Jesper!AI$2:AI$366,ROUNDDOWN($C6665/24,0)+1,1)*INDEX($D$3:$AA$30,INDEX(Jesper!$R$2:$R$366,ROW(INDEX(Jesper!AI$2:AI$366,ROUNDDOWN($C6665/24,0)+1,1))-1)+IF('Standard Profiles'!$G$19=$B$10,7,0)+IF('Standard Profiles'!$G$19=$B$17,14,0)+IF('Standard Profiles'!$G$19=$B$24,21,0),MOD($C6665,24)+1)/SUM(INDEX($D$3:$AA$30,INDEX(Jesper!$R$2:$R$366,ROW(INDEX(Jesper!AI$2:AI$366,ROUNDDOWN($C6665/24,0)+1,1))-1)+IF('Standard Profiles'!$G$19=$B$10,7,0)+IF('Standard Profiles'!$G$19=$B$17,14,0)+IF('Standard Profiles'!$G$19=$B$24,21,0),0)),0)</f>
        <v>0</v>
      </c>
      <c r="F6665" cm="1">
        <f t="array" ref="F6665">IFERROR(INDEX(Jesper!AJ$2:AJ$366,ROUNDDOWN($C6665/24,0)+1,1)*INDEX($D$3:$AA$30,INDEX(Jesper!$R$2:$R$366,ROW(INDEX(Jesper!AJ$2:AJ$366,ROUNDDOWN($C6665/24,0)+1,1))-1)+IF('Standard Profiles'!$G$20=$B$10,7,0)+IF('Standard Profiles'!$G$20=$B$17,14,0)+IF('Standard Profiles'!$G$20=$B$24,21,0),MOD($C6665,24)+1)/SUM(INDEX($D$3:$AA$30,INDEX(Jesper!$R$2:$R$366,ROW(INDEX(Jesper!AJ$2:AJ$366,ROUNDDOWN($C6665/24,0)+1,1))-1)+IF('Standard Profiles'!$G$20=$B$10,7,0)+IF('Standard Profiles'!$G$20=$B$17,14,0)+IF('Standard Profiles'!$G$20=$B$24,21,0),0)),0)</f>
        <v>0</v>
      </c>
      <c r="G6665" cm="1">
        <f t="array" ref="G6665">IFERROR(INDEX(Jesper!AK$2:AK$366,ROUNDDOWN($C6665/24,0)+1,1)*INDEX($D$3:$AA$30,INDEX(Jesper!$R$2:$R$366,ROW(INDEX(Jesper!AK$2:AK$366,ROUNDDOWN($C6665/24,0)+1,1))-1)+IF('Standard Profiles'!$G$21=$B$10,7,0)+IF('Standard Profiles'!$G$21=$B$17,14,0)+IF('Standard Profiles'!$G$21=$B$24,21,0),MOD($C6665,24)+1)/SUM(INDEX($D$3:$AA$30,INDEX(Jesper!$R$2:$R$366,ROW(INDEX(Jesper!AK$2:AK$366,ROUNDDOWN($C6665/24,0)+1,1))-1)+IF('Standard Profiles'!$G$21=$B$10,7,0)+IF('Standard Profiles'!$G$21=$B$17,14,0)+IF('Standard Profiles'!$G$21=$B$24,21,0),0)),0)</f>
        <v>0</v>
      </c>
      <c r="H6665" cm="1">
        <f t="array" ref="H6665">IFERROR(INDEX(Jesper!AL$2:AL$366,ROUNDDOWN($C6665/24,0)+1,1)*INDEX($D$3:$AA$30,INDEX(Jesper!$R$2:$R$366,ROW(INDEX(Jesper!AL$2:AL$366,ROUNDDOWN($C6665/24,0)+1,1))-1)+IF('Standard Profiles'!$G$22=$B$10,7,0)+IF('Standard Profiles'!$G$22=$B$17,14,0)+IF('Standard Profiles'!$G$22=$B$24,21,0),MOD($C6665,24)+1)/SUM(INDEX($D$3:$AA$30,INDEX(Jesper!$R$2:$R$366,ROW(INDEX(Jesper!AL$2:AL$366,ROUNDDOWN($C6665/24,0)+1,1))-1)+IF('Standard Profiles'!$G$22=$B$10,7,0)+IF('Standard Profiles'!$G$22=$B$17,14,0)+IF('Standard Profiles'!$G$22=$B$24,21,0),0)),0)</f>
        <v>0</v>
      </c>
      <c r="I6665">
        <f t="shared" si="741"/>
        <v>0.3241186677541002</v>
      </c>
      <c r="J6665">
        <f t="shared" si="742"/>
        <v>1.080395559180334</v>
      </c>
      <c r="K6665">
        <f t="shared" si="743"/>
        <v>1.6205933387705012</v>
      </c>
      <c r="L6665">
        <f t="shared" si="744"/>
        <v>7.7788480260984052</v>
      </c>
      <c r="M6665">
        <f t="shared" si="745"/>
        <v>0</v>
      </c>
      <c r="N6665" s="46">
        <f t="shared" si="746"/>
        <v>45568.291666650584</v>
      </c>
    </row>
    <row r="6666" spans="2:14" x14ac:dyDescent="0.3">
      <c r="B6666">
        <f t="shared" si="740"/>
        <v>4</v>
      </c>
      <c r="C6666" s="16">
        <v>6632</v>
      </c>
      <c r="D6666" cm="1">
        <f t="array" ref="D6666">IFERROR(INDEX(Jesper!AH$2:AH$366,ROUNDDOWN($C6666/24,0)+1,1)*INDEX($D$3:$AA$30,INDEX(Jesper!$R$2:$R$366,ROW(INDEX(Jesper!AH$2:AH$366,ROUNDDOWN($C6666/24,0)+1,1))-1)+IF('Standard Profiles'!$G$18=$B$10,7,0)+IF('Standard Profiles'!$G$18=$B$17,14,0)+IF('Standard Profiles'!$G$18=$B$24,21,0),MOD($C6666,24)+1)/SUM(INDEX($D$3:$AA$30,INDEX(Jesper!$R$2:$R$366,ROW(INDEX(Jesper!AH$2:AH$366,ROUNDDOWN($C6666/24,0)+1,1))-1)+IF('Standard Profiles'!$G$18=$B$10,7,0)+IF('Standard Profiles'!$G$18=$B$17,14,0)+IF('Standard Profiles'!$G$18=$B$24,21,0),0)),0)</f>
        <v>10.803955591803341</v>
      </c>
      <c r="E6666" cm="1">
        <f t="array" ref="E6666">IFERROR(INDEX(Jesper!AI$2:AI$366,ROUNDDOWN($C6666/24,0)+1,1)*INDEX($D$3:$AA$30,INDEX(Jesper!$R$2:$R$366,ROW(INDEX(Jesper!AI$2:AI$366,ROUNDDOWN($C6666/24,0)+1,1))-1)+IF('Standard Profiles'!$G$19=$B$10,7,0)+IF('Standard Profiles'!$G$19=$B$17,14,0)+IF('Standard Profiles'!$G$19=$B$24,21,0),MOD($C6666,24)+1)/SUM(INDEX($D$3:$AA$30,INDEX(Jesper!$R$2:$R$366,ROW(INDEX(Jesper!AI$2:AI$366,ROUNDDOWN($C6666/24,0)+1,1))-1)+IF('Standard Profiles'!$G$19=$B$10,7,0)+IF('Standard Profiles'!$G$19=$B$17,14,0)+IF('Standard Profiles'!$G$19=$B$24,21,0),0)),0)</f>
        <v>0</v>
      </c>
      <c r="F6666" cm="1">
        <f t="array" ref="F6666">IFERROR(INDEX(Jesper!AJ$2:AJ$366,ROUNDDOWN($C6666/24,0)+1,1)*INDEX($D$3:$AA$30,INDEX(Jesper!$R$2:$R$366,ROW(INDEX(Jesper!AJ$2:AJ$366,ROUNDDOWN($C6666/24,0)+1,1))-1)+IF('Standard Profiles'!$G$20=$B$10,7,0)+IF('Standard Profiles'!$G$20=$B$17,14,0)+IF('Standard Profiles'!$G$20=$B$24,21,0),MOD($C6666,24)+1)/SUM(INDEX($D$3:$AA$30,INDEX(Jesper!$R$2:$R$366,ROW(INDEX(Jesper!AJ$2:AJ$366,ROUNDDOWN($C6666/24,0)+1,1))-1)+IF('Standard Profiles'!$G$20=$B$10,7,0)+IF('Standard Profiles'!$G$20=$B$17,14,0)+IF('Standard Profiles'!$G$20=$B$24,21,0),0)),0)</f>
        <v>0</v>
      </c>
      <c r="G6666" cm="1">
        <f t="array" ref="G6666">IFERROR(INDEX(Jesper!AK$2:AK$366,ROUNDDOWN($C6666/24,0)+1,1)*INDEX($D$3:$AA$30,INDEX(Jesper!$R$2:$R$366,ROW(INDEX(Jesper!AK$2:AK$366,ROUNDDOWN($C6666/24,0)+1,1))-1)+IF('Standard Profiles'!$G$21=$B$10,7,0)+IF('Standard Profiles'!$G$21=$B$17,14,0)+IF('Standard Profiles'!$G$21=$B$24,21,0),MOD($C6666,24)+1)/SUM(INDEX($D$3:$AA$30,INDEX(Jesper!$R$2:$R$366,ROW(INDEX(Jesper!AK$2:AK$366,ROUNDDOWN($C6666/24,0)+1,1))-1)+IF('Standard Profiles'!$G$21=$B$10,7,0)+IF('Standard Profiles'!$G$21=$B$17,14,0)+IF('Standard Profiles'!$G$21=$B$24,21,0),0)),0)</f>
        <v>0</v>
      </c>
      <c r="H6666" cm="1">
        <f t="array" ref="H6666">IFERROR(INDEX(Jesper!AL$2:AL$366,ROUNDDOWN($C6666/24,0)+1,1)*INDEX($D$3:$AA$30,INDEX(Jesper!$R$2:$R$366,ROW(INDEX(Jesper!AL$2:AL$366,ROUNDDOWN($C6666/24,0)+1,1))-1)+IF('Standard Profiles'!$G$22=$B$10,7,0)+IF('Standard Profiles'!$G$22=$B$17,14,0)+IF('Standard Profiles'!$G$22=$B$24,21,0),MOD($C6666,24)+1)/SUM(INDEX($D$3:$AA$30,INDEX(Jesper!$R$2:$R$366,ROW(INDEX(Jesper!AL$2:AL$366,ROUNDDOWN($C6666/24,0)+1,1))-1)+IF('Standard Profiles'!$G$22=$B$10,7,0)+IF('Standard Profiles'!$G$22=$B$17,14,0)+IF('Standard Profiles'!$G$22=$B$24,21,0),0)),0)</f>
        <v>0</v>
      </c>
      <c r="I6666">
        <f t="shared" si="741"/>
        <v>0.3241186677541002</v>
      </c>
      <c r="J6666">
        <f t="shared" si="742"/>
        <v>1.080395559180334</v>
      </c>
      <c r="K6666">
        <f t="shared" si="743"/>
        <v>1.6205933387705012</v>
      </c>
      <c r="L6666">
        <f t="shared" si="744"/>
        <v>7.7788480260984052</v>
      </c>
      <c r="M6666">
        <f t="shared" si="745"/>
        <v>0</v>
      </c>
      <c r="N6666" s="46">
        <f t="shared" si="746"/>
        <v>45568.333333317249</v>
      </c>
    </row>
    <row r="6667" spans="2:14" x14ac:dyDescent="0.3">
      <c r="B6667">
        <f t="shared" si="740"/>
        <v>4</v>
      </c>
      <c r="C6667" s="16">
        <v>6633</v>
      </c>
      <c r="D6667" cm="1">
        <f t="array" ref="D6667">IFERROR(INDEX(Jesper!AH$2:AH$366,ROUNDDOWN($C6667/24,0)+1,1)*INDEX($D$3:$AA$30,INDEX(Jesper!$R$2:$R$366,ROW(INDEX(Jesper!AH$2:AH$366,ROUNDDOWN($C6667/24,0)+1,1))-1)+IF('Standard Profiles'!$G$18=$B$10,7,0)+IF('Standard Profiles'!$G$18=$B$17,14,0)+IF('Standard Profiles'!$G$18=$B$24,21,0),MOD($C6667,24)+1)/SUM(INDEX($D$3:$AA$30,INDEX(Jesper!$R$2:$R$366,ROW(INDEX(Jesper!AH$2:AH$366,ROUNDDOWN($C6667/24,0)+1,1))-1)+IF('Standard Profiles'!$G$18=$B$10,7,0)+IF('Standard Profiles'!$G$18=$B$17,14,0)+IF('Standard Profiles'!$G$18=$B$24,21,0),0)),0)</f>
        <v>11.610220934475231</v>
      </c>
      <c r="E6667" cm="1">
        <f t="array" ref="E6667">IFERROR(INDEX(Jesper!AI$2:AI$366,ROUNDDOWN($C6667/24,0)+1,1)*INDEX($D$3:$AA$30,INDEX(Jesper!$R$2:$R$366,ROW(INDEX(Jesper!AI$2:AI$366,ROUNDDOWN($C6667/24,0)+1,1))-1)+IF('Standard Profiles'!$G$19=$B$10,7,0)+IF('Standard Profiles'!$G$19=$B$17,14,0)+IF('Standard Profiles'!$G$19=$B$24,21,0),MOD($C6667,24)+1)/SUM(INDEX($D$3:$AA$30,INDEX(Jesper!$R$2:$R$366,ROW(INDEX(Jesper!AI$2:AI$366,ROUNDDOWN($C6667/24,0)+1,1))-1)+IF('Standard Profiles'!$G$19=$B$10,7,0)+IF('Standard Profiles'!$G$19=$B$17,14,0)+IF('Standard Profiles'!$G$19=$B$24,21,0),0)),0)</f>
        <v>0</v>
      </c>
      <c r="F6667" cm="1">
        <f t="array" ref="F6667">IFERROR(INDEX(Jesper!AJ$2:AJ$366,ROUNDDOWN($C6667/24,0)+1,1)*INDEX($D$3:$AA$30,INDEX(Jesper!$R$2:$R$366,ROW(INDEX(Jesper!AJ$2:AJ$366,ROUNDDOWN($C6667/24,0)+1,1))-1)+IF('Standard Profiles'!$G$20=$B$10,7,0)+IF('Standard Profiles'!$G$20=$B$17,14,0)+IF('Standard Profiles'!$G$20=$B$24,21,0),MOD($C6667,24)+1)/SUM(INDEX($D$3:$AA$30,INDEX(Jesper!$R$2:$R$366,ROW(INDEX(Jesper!AJ$2:AJ$366,ROUNDDOWN($C6667/24,0)+1,1))-1)+IF('Standard Profiles'!$G$20=$B$10,7,0)+IF('Standard Profiles'!$G$20=$B$17,14,0)+IF('Standard Profiles'!$G$20=$B$24,21,0),0)),0)</f>
        <v>0</v>
      </c>
      <c r="G6667" cm="1">
        <f t="array" ref="G6667">IFERROR(INDEX(Jesper!AK$2:AK$366,ROUNDDOWN($C6667/24,0)+1,1)*INDEX($D$3:$AA$30,INDEX(Jesper!$R$2:$R$366,ROW(INDEX(Jesper!AK$2:AK$366,ROUNDDOWN($C6667/24,0)+1,1))-1)+IF('Standard Profiles'!$G$21=$B$10,7,0)+IF('Standard Profiles'!$G$21=$B$17,14,0)+IF('Standard Profiles'!$G$21=$B$24,21,0),MOD($C6667,24)+1)/SUM(INDEX($D$3:$AA$30,INDEX(Jesper!$R$2:$R$366,ROW(INDEX(Jesper!AK$2:AK$366,ROUNDDOWN($C6667/24,0)+1,1))-1)+IF('Standard Profiles'!$G$21=$B$10,7,0)+IF('Standard Profiles'!$G$21=$B$17,14,0)+IF('Standard Profiles'!$G$21=$B$24,21,0),0)),0)</f>
        <v>0</v>
      </c>
      <c r="H6667" cm="1">
        <f t="array" ref="H6667">IFERROR(INDEX(Jesper!AL$2:AL$366,ROUNDDOWN($C6667/24,0)+1,1)*INDEX($D$3:$AA$30,INDEX(Jesper!$R$2:$R$366,ROW(INDEX(Jesper!AL$2:AL$366,ROUNDDOWN($C6667/24,0)+1,1))-1)+IF('Standard Profiles'!$G$22=$B$10,7,0)+IF('Standard Profiles'!$G$22=$B$17,14,0)+IF('Standard Profiles'!$G$22=$B$24,21,0),MOD($C6667,24)+1)/SUM(INDEX($D$3:$AA$30,INDEX(Jesper!$R$2:$R$366,ROW(INDEX(Jesper!AL$2:AL$366,ROUNDDOWN($C6667/24,0)+1,1))-1)+IF('Standard Profiles'!$G$22=$B$10,7,0)+IF('Standard Profiles'!$G$22=$B$17,14,0)+IF('Standard Profiles'!$G$22=$B$24,21,0),0)),0)</f>
        <v>0</v>
      </c>
      <c r="I6667">
        <f t="shared" si="741"/>
        <v>0.34830662803425694</v>
      </c>
      <c r="J6667">
        <f t="shared" si="742"/>
        <v>1.1610220934475233</v>
      </c>
      <c r="K6667">
        <f t="shared" si="743"/>
        <v>1.7415331401712846</v>
      </c>
      <c r="L6667">
        <f t="shared" si="744"/>
        <v>8.3593590728221656</v>
      </c>
      <c r="M6667">
        <f t="shared" si="745"/>
        <v>0</v>
      </c>
      <c r="N6667" s="46">
        <f t="shared" si="746"/>
        <v>45568.374999983913</v>
      </c>
    </row>
    <row r="6668" spans="2:14" x14ac:dyDescent="0.3">
      <c r="B6668">
        <f t="shared" si="740"/>
        <v>4</v>
      </c>
      <c r="C6668" s="16">
        <v>6634</v>
      </c>
      <c r="D6668" cm="1">
        <f t="array" ref="D6668">IFERROR(INDEX(Jesper!AH$2:AH$366,ROUNDDOWN($C6668/24,0)+1,1)*INDEX($D$3:$AA$30,INDEX(Jesper!$R$2:$R$366,ROW(INDEX(Jesper!AH$2:AH$366,ROUNDDOWN($C6668/24,0)+1,1))-1)+IF('Standard Profiles'!$G$18=$B$10,7,0)+IF('Standard Profiles'!$G$18=$B$17,14,0)+IF('Standard Profiles'!$G$18=$B$24,21,0),MOD($C6668,24)+1)/SUM(INDEX($D$3:$AA$30,INDEX(Jesper!$R$2:$R$366,ROW(INDEX(Jesper!AH$2:AH$366,ROUNDDOWN($C6668/24,0)+1,1))-1)+IF('Standard Profiles'!$G$18=$B$10,7,0)+IF('Standard Profiles'!$G$18=$B$17,14,0)+IF('Standard Profiles'!$G$18=$B$24,21,0),0)),0)</f>
        <v>12.577739345681499</v>
      </c>
      <c r="E6668" cm="1">
        <f t="array" ref="E6668">IFERROR(INDEX(Jesper!AI$2:AI$366,ROUNDDOWN($C6668/24,0)+1,1)*INDEX($D$3:$AA$30,INDEX(Jesper!$R$2:$R$366,ROW(INDEX(Jesper!AI$2:AI$366,ROUNDDOWN($C6668/24,0)+1,1))-1)+IF('Standard Profiles'!$G$19=$B$10,7,0)+IF('Standard Profiles'!$G$19=$B$17,14,0)+IF('Standard Profiles'!$G$19=$B$24,21,0),MOD($C6668,24)+1)/SUM(INDEX($D$3:$AA$30,INDEX(Jesper!$R$2:$R$366,ROW(INDEX(Jesper!AI$2:AI$366,ROUNDDOWN($C6668/24,0)+1,1))-1)+IF('Standard Profiles'!$G$19=$B$10,7,0)+IF('Standard Profiles'!$G$19=$B$17,14,0)+IF('Standard Profiles'!$G$19=$B$24,21,0),0)),0)</f>
        <v>0</v>
      </c>
      <c r="F6668" cm="1">
        <f t="array" ref="F6668">IFERROR(INDEX(Jesper!AJ$2:AJ$366,ROUNDDOWN($C6668/24,0)+1,1)*INDEX($D$3:$AA$30,INDEX(Jesper!$R$2:$R$366,ROW(INDEX(Jesper!AJ$2:AJ$366,ROUNDDOWN($C6668/24,0)+1,1))-1)+IF('Standard Profiles'!$G$20=$B$10,7,0)+IF('Standard Profiles'!$G$20=$B$17,14,0)+IF('Standard Profiles'!$G$20=$B$24,21,0),MOD($C6668,24)+1)/SUM(INDEX($D$3:$AA$30,INDEX(Jesper!$R$2:$R$366,ROW(INDEX(Jesper!AJ$2:AJ$366,ROUNDDOWN($C6668/24,0)+1,1))-1)+IF('Standard Profiles'!$G$20=$B$10,7,0)+IF('Standard Profiles'!$G$20=$B$17,14,0)+IF('Standard Profiles'!$G$20=$B$24,21,0),0)),0)</f>
        <v>0</v>
      </c>
      <c r="G6668" cm="1">
        <f t="array" ref="G6668">IFERROR(INDEX(Jesper!AK$2:AK$366,ROUNDDOWN($C6668/24,0)+1,1)*INDEX($D$3:$AA$30,INDEX(Jesper!$R$2:$R$366,ROW(INDEX(Jesper!AK$2:AK$366,ROUNDDOWN($C6668/24,0)+1,1))-1)+IF('Standard Profiles'!$G$21=$B$10,7,0)+IF('Standard Profiles'!$G$21=$B$17,14,0)+IF('Standard Profiles'!$G$21=$B$24,21,0),MOD($C6668,24)+1)/SUM(INDEX($D$3:$AA$30,INDEX(Jesper!$R$2:$R$366,ROW(INDEX(Jesper!AK$2:AK$366,ROUNDDOWN($C6668/24,0)+1,1))-1)+IF('Standard Profiles'!$G$21=$B$10,7,0)+IF('Standard Profiles'!$G$21=$B$17,14,0)+IF('Standard Profiles'!$G$21=$B$24,21,0),0)),0)</f>
        <v>0</v>
      </c>
      <c r="H6668" cm="1">
        <f t="array" ref="H6668">IFERROR(INDEX(Jesper!AL$2:AL$366,ROUNDDOWN($C6668/24,0)+1,1)*INDEX($D$3:$AA$30,INDEX(Jesper!$R$2:$R$366,ROW(INDEX(Jesper!AL$2:AL$366,ROUNDDOWN($C6668/24,0)+1,1))-1)+IF('Standard Profiles'!$G$22=$B$10,7,0)+IF('Standard Profiles'!$G$22=$B$17,14,0)+IF('Standard Profiles'!$G$22=$B$24,21,0),MOD($C6668,24)+1)/SUM(INDEX($D$3:$AA$30,INDEX(Jesper!$R$2:$R$366,ROW(INDEX(Jesper!AL$2:AL$366,ROUNDDOWN($C6668/24,0)+1,1))-1)+IF('Standard Profiles'!$G$22=$B$10,7,0)+IF('Standard Profiles'!$G$22=$B$17,14,0)+IF('Standard Profiles'!$G$22=$B$24,21,0),0)),0)</f>
        <v>0</v>
      </c>
      <c r="I6668">
        <f t="shared" si="741"/>
        <v>0.37733218037044497</v>
      </c>
      <c r="J6668">
        <f t="shared" si="742"/>
        <v>1.25777393456815</v>
      </c>
      <c r="K6668">
        <f t="shared" si="743"/>
        <v>1.8866609018522247</v>
      </c>
      <c r="L6668">
        <f t="shared" si="744"/>
        <v>9.0559723288906788</v>
      </c>
      <c r="M6668">
        <f t="shared" si="745"/>
        <v>0</v>
      </c>
      <c r="N6668" s="46">
        <f t="shared" si="746"/>
        <v>45568.416666650577</v>
      </c>
    </row>
    <row r="6669" spans="2:14" x14ac:dyDescent="0.3">
      <c r="B6669">
        <f t="shared" si="740"/>
        <v>4</v>
      </c>
      <c r="C6669" s="16">
        <v>6635</v>
      </c>
      <c r="D6669" cm="1">
        <f t="array" ref="D6669">IFERROR(INDEX(Jesper!AH$2:AH$366,ROUNDDOWN($C6669/24,0)+1,1)*INDEX($D$3:$AA$30,INDEX(Jesper!$R$2:$R$366,ROW(INDEX(Jesper!AH$2:AH$366,ROUNDDOWN($C6669/24,0)+1,1))-1)+IF('Standard Profiles'!$G$18=$B$10,7,0)+IF('Standard Profiles'!$G$18=$B$17,14,0)+IF('Standard Profiles'!$G$18=$B$24,21,0),MOD($C6669,24)+1)/SUM(INDEX($D$3:$AA$30,INDEX(Jesper!$R$2:$R$366,ROW(INDEX(Jesper!AH$2:AH$366,ROUNDDOWN($C6669/24,0)+1,1))-1)+IF('Standard Profiles'!$G$18=$B$10,7,0)+IF('Standard Profiles'!$G$18=$B$17,14,0)+IF('Standard Profiles'!$G$18=$B$24,21,0),0)),0)</f>
        <v>14.512776168094037</v>
      </c>
      <c r="E6669" cm="1">
        <f t="array" ref="E6669">IFERROR(INDEX(Jesper!AI$2:AI$366,ROUNDDOWN($C6669/24,0)+1,1)*INDEX($D$3:$AA$30,INDEX(Jesper!$R$2:$R$366,ROW(INDEX(Jesper!AI$2:AI$366,ROUNDDOWN($C6669/24,0)+1,1))-1)+IF('Standard Profiles'!$G$19=$B$10,7,0)+IF('Standard Profiles'!$G$19=$B$17,14,0)+IF('Standard Profiles'!$G$19=$B$24,21,0),MOD($C6669,24)+1)/SUM(INDEX($D$3:$AA$30,INDEX(Jesper!$R$2:$R$366,ROW(INDEX(Jesper!AI$2:AI$366,ROUNDDOWN($C6669/24,0)+1,1))-1)+IF('Standard Profiles'!$G$19=$B$10,7,0)+IF('Standard Profiles'!$G$19=$B$17,14,0)+IF('Standard Profiles'!$G$19=$B$24,21,0),0)),0)</f>
        <v>0</v>
      </c>
      <c r="F6669" cm="1">
        <f t="array" ref="F6669">IFERROR(INDEX(Jesper!AJ$2:AJ$366,ROUNDDOWN($C6669/24,0)+1,1)*INDEX($D$3:$AA$30,INDEX(Jesper!$R$2:$R$366,ROW(INDEX(Jesper!AJ$2:AJ$366,ROUNDDOWN($C6669/24,0)+1,1))-1)+IF('Standard Profiles'!$G$20=$B$10,7,0)+IF('Standard Profiles'!$G$20=$B$17,14,0)+IF('Standard Profiles'!$G$20=$B$24,21,0),MOD($C6669,24)+1)/SUM(INDEX($D$3:$AA$30,INDEX(Jesper!$R$2:$R$366,ROW(INDEX(Jesper!AJ$2:AJ$366,ROUNDDOWN($C6669/24,0)+1,1))-1)+IF('Standard Profiles'!$G$20=$B$10,7,0)+IF('Standard Profiles'!$G$20=$B$17,14,0)+IF('Standard Profiles'!$G$20=$B$24,21,0),0)),0)</f>
        <v>0</v>
      </c>
      <c r="G6669" cm="1">
        <f t="array" ref="G6669">IFERROR(INDEX(Jesper!AK$2:AK$366,ROUNDDOWN($C6669/24,0)+1,1)*INDEX($D$3:$AA$30,INDEX(Jesper!$R$2:$R$366,ROW(INDEX(Jesper!AK$2:AK$366,ROUNDDOWN($C6669/24,0)+1,1))-1)+IF('Standard Profiles'!$G$21=$B$10,7,0)+IF('Standard Profiles'!$G$21=$B$17,14,0)+IF('Standard Profiles'!$G$21=$B$24,21,0),MOD($C6669,24)+1)/SUM(INDEX($D$3:$AA$30,INDEX(Jesper!$R$2:$R$366,ROW(INDEX(Jesper!AK$2:AK$366,ROUNDDOWN($C6669/24,0)+1,1))-1)+IF('Standard Profiles'!$G$21=$B$10,7,0)+IF('Standard Profiles'!$G$21=$B$17,14,0)+IF('Standard Profiles'!$G$21=$B$24,21,0),0)),0)</f>
        <v>0</v>
      </c>
      <c r="H6669" cm="1">
        <f t="array" ref="H6669">IFERROR(INDEX(Jesper!AL$2:AL$366,ROUNDDOWN($C6669/24,0)+1,1)*INDEX($D$3:$AA$30,INDEX(Jesper!$R$2:$R$366,ROW(INDEX(Jesper!AL$2:AL$366,ROUNDDOWN($C6669/24,0)+1,1))-1)+IF('Standard Profiles'!$G$22=$B$10,7,0)+IF('Standard Profiles'!$G$22=$B$17,14,0)+IF('Standard Profiles'!$G$22=$B$24,21,0),MOD($C6669,24)+1)/SUM(INDEX($D$3:$AA$30,INDEX(Jesper!$R$2:$R$366,ROW(INDEX(Jesper!AL$2:AL$366,ROUNDDOWN($C6669/24,0)+1,1))-1)+IF('Standard Profiles'!$G$22=$B$10,7,0)+IF('Standard Profiles'!$G$22=$B$17,14,0)+IF('Standard Profiles'!$G$22=$B$24,21,0),0)),0)</f>
        <v>0</v>
      </c>
      <c r="I6669">
        <f t="shared" si="741"/>
        <v>0.43538328504282109</v>
      </c>
      <c r="J6669">
        <f t="shared" si="742"/>
        <v>1.4512776168094037</v>
      </c>
      <c r="K6669">
        <f t="shared" si="743"/>
        <v>2.1769164252141056</v>
      </c>
      <c r="L6669">
        <f t="shared" si="744"/>
        <v>10.449198841027707</v>
      </c>
      <c r="M6669">
        <f t="shared" si="745"/>
        <v>0</v>
      </c>
      <c r="N6669" s="46">
        <f t="shared" si="746"/>
        <v>45568.458333317241</v>
      </c>
    </row>
    <row r="6670" spans="2:14" x14ac:dyDescent="0.3">
      <c r="B6670">
        <f t="shared" si="740"/>
        <v>4</v>
      </c>
      <c r="C6670" s="16">
        <v>6636</v>
      </c>
      <c r="D6670" cm="1">
        <f t="array" ref="D6670">IFERROR(INDEX(Jesper!AH$2:AH$366,ROUNDDOWN($C6670/24,0)+1,1)*INDEX($D$3:$AA$30,INDEX(Jesper!$R$2:$R$366,ROW(INDEX(Jesper!AH$2:AH$366,ROUNDDOWN($C6670/24,0)+1,1))-1)+IF('Standard Profiles'!$G$18=$B$10,7,0)+IF('Standard Profiles'!$G$18=$B$17,14,0)+IF('Standard Profiles'!$G$18=$B$24,21,0),MOD($C6670,24)+1)/SUM(INDEX($D$3:$AA$30,INDEX(Jesper!$R$2:$R$366,ROW(INDEX(Jesper!AH$2:AH$366,ROUNDDOWN($C6670/24,0)+1,1))-1)+IF('Standard Profiles'!$G$18=$B$10,7,0)+IF('Standard Profiles'!$G$18=$B$17,14,0)+IF('Standard Profiles'!$G$18=$B$24,21,0),0)),0)</f>
        <v>14.512776168094037</v>
      </c>
      <c r="E6670" cm="1">
        <f t="array" ref="E6670">IFERROR(INDEX(Jesper!AI$2:AI$366,ROUNDDOWN($C6670/24,0)+1,1)*INDEX($D$3:$AA$30,INDEX(Jesper!$R$2:$R$366,ROW(INDEX(Jesper!AI$2:AI$366,ROUNDDOWN($C6670/24,0)+1,1))-1)+IF('Standard Profiles'!$G$19=$B$10,7,0)+IF('Standard Profiles'!$G$19=$B$17,14,0)+IF('Standard Profiles'!$G$19=$B$24,21,0),MOD($C6670,24)+1)/SUM(INDEX($D$3:$AA$30,INDEX(Jesper!$R$2:$R$366,ROW(INDEX(Jesper!AI$2:AI$366,ROUNDDOWN($C6670/24,0)+1,1))-1)+IF('Standard Profiles'!$G$19=$B$10,7,0)+IF('Standard Profiles'!$G$19=$B$17,14,0)+IF('Standard Profiles'!$G$19=$B$24,21,0),0)),0)</f>
        <v>0</v>
      </c>
      <c r="F6670" cm="1">
        <f t="array" ref="F6670">IFERROR(INDEX(Jesper!AJ$2:AJ$366,ROUNDDOWN($C6670/24,0)+1,1)*INDEX($D$3:$AA$30,INDEX(Jesper!$R$2:$R$366,ROW(INDEX(Jesper!AJ$2:AJ$366,ROUNDDOWN($C6670/24,0)+1,1))-1)+IF('Standard Profiles'!$G$20=$B$10,7,0)+IF('Standard Profiles'!$G$20=$B$17,14,0)+IF('Standard Profiles'!$G$20=$B$24,21,0),MOD($C6670,24)+1)/SUM(INDEX($D$3:$AA$30,INDEX(Jesper!$R$2:$R$366,ROW(INDEX(Jesper!AJ$2:AJ$366,ROUNDDOWN($C6670/24,0)+1,1))-1)+IF('Standard Profiles'!$G$20=$B$10,7,0)+IF('Standard Profiles'!$G$20=$B$17,14,0)+IF('Standard Profiles'!$G$20=$B$24,21,0),0)),0)</f>
        <v>0</v>
      </c>
      <c r="G6670" cm="1">
        <f t="array" ref="G6670">IFERROR(INDEX(Jesper!AK$2:AK$366,ROUNDDOWN($C6670/24,0)+1,1)*INDEX($D$3:$AA$30,INDEX(Jesper!$R$2:$R$366,ROW(INDEX(Jesper!AK$2:AK$366,ROUNDDOWN($C6670/24,0)+1,1))-1)+IF('Standard Profiles'!$G$21=$B$10,7,0)+IF('Standard Profiles'!$G$21=$B$17,14,0)+IF('Standard Profiles'!$G$21=$B$24,21,0),MOD($C6670,24)+1)/SUM(INDEX($D$3:$AA$30,INDEX(Jesper!$R$2:$R$366,ROW(INDEX(Jesper!AK$2:AK$366,ROUNDDOWN($C6670/24,0)+1,1))-1)+IF('Standard Profiles'!$G$21=$B$10,7,0)+IF('Standard Profiles'!$G$21=$B$17,14,0)+IF('Standard Profiles'!$G$21=$B$24,21,0),0)),0)</f>
        <v>0</v>
      </c>
      <c r="H6670" cm="1">
        <f t="array" ref="H6670">IFERROR(INDEX(Jesper!AL$2:AL$366,ROUNDDOWN($C6670/24,0)+1,1)*INDEX($D$3:$AA$30,INDEX(Jesper!$R$2:$R$366,ROW(INDEX(Jesper!AL$2:AL$366,ROUNDDOWN($C6670/24,0)+1,1))-1)+IF('Standard Profiles'!$G$22=$B$10,7,0)+IF('Standard Profiles'!$G$22=$B$17,14,0)+IF('Standard Profiles'!$G$22=$B$24,21,0),MOD($C6670,24)+1)/SUM(INDEX($D$3:$AA$30,INDEX(Jesper!$R$2:$R$366,ROW(INDEX(Jesper!AL$2:AL$366,ROUNDDOWN($C6670/24,0)+1,1))-1)+IF('Standard Profiles'!$G$22=$B$10,7,0)+IF('Standard Profiles'!$G$22=$B$17,14,0)+IF('Standard Profiles'!$G$22=$B$24,21,0),0)),0)</f>
        <v>0</v>
      </c>
      <c r="I6670">
        <f t="shared" si="741"/>
        <v>0.43538328504282109</v>
      </c>
      <c r="J6670">
        <f t="shared" si="742"/>
        <v>1.4512776168094037</v>
      </c>
      <c r="K6670">
        <f t="shared" si="743"/>
        <v>2.1769164252141056</v>
      </c>
      <c r="L6670">
        <f t="shared" si="744"/>
        <v>10.449198841027707</v>
      </c>
      <c r="M6670">
        <f t="shared" si="745"/>
        <v>0</v>
      </c>
      <c r="N6670" s="46">
        <f t="shared" si="746"/>
        <v>45568.499999983906</v>
      </c>
    </row>
    <row r="6671" spans="2:14" x14ac:dyDescent="0.3">
      <c r="B6671">
        <f t="shared" si="740"/>
        <v>4</v>
      </c>
      <c r="C6671" s="16">
        <v>6637</v>
      </c>
      <c r="D6671" cm="1">
        <f t="array" ref="D6671">IFERROR(INDEX(Jesper!AH$2:AH$366,ROUNDDOWN($C6671/24,0)+1,1)*INDEX($D$3:$AA$30,INDEX(Jesper!$R$2:$R$366,ROW(INDEX(Jesper!AH$2:AH$366,ROUNDDOWN($C6671/24,0)+1,1))-1)+IF('Standard Profiles'!$G$18=$B$10,7,0)+IF('Standard Profiles'!$G$18=$B$17,14,0)+IF('Standard Profiles'!$G$18=$B$24,21,0),MOD($C6671,24)+1)/SUM(INDEX($D$3:$AA$30,INDEX(Jesper!$R$2:$R$366,ROW(INDEX(Jesper!AH$2:AH$366,ROUNDDOWN($C6671/24,0)+1,1))-1)+IF('Standard Profiles'!$G$18=$B$10,7,0)+IF('Standard Profiles'!$G$18=$B$17,14,0)+IF('Standard Profiles'!$G$18=$B$24,21,0),0)),0)</f>
        <v>14.512776168094037</v>
      </c>
      <c r="E6671" cm="1">
        <f t="array" ref="E6671">IFERROR(INDEX(Jesper!AI$2:AI$366,ROUNDDOWN($C6671/24,0)+1,1)*INDEX($D$3:$AA$30,INDEX(Jesper!$R$2:$R$366,ROW(INDEX(Jesper!AI$2:AI$366,ROUNDDOWN($C6671/24,0)+1,1))-1)+IF('Standard Profiles'!$G$19=$B$10,7,0)+IF('Standard Profiles'!$G$19=$B$17,14,0)+IF('Standard Profiles'!$G$19=$B$24,21,0),MOD($C6671,24)+1)/SUM(INDEX($D$3:$AA$30,INDEX(Jesper!$R$2:$R$366,ROW(INDEX(Jesper!AI$2:AI$366,ROUNDDOWN($C6671/24,0)+1,1))-1)+IF('Standard Profiles'!$G$19=$B$10,7,0)+IF('Standard Profiles'!$G$19=$B$17,14,0)+IF('Standard Profiles'!$G$19=$B$24,21,0),0)),0)</f>
        <v>0</v>
      </c>
      <c r="F6671" cm="1">
        <f t="array" ref="F6671">IFERROR(INDEX(Jesper!AJ$2:AJ$366,ROUNDDOWN($C6671/24,0)+1,1)*INDEX($D$3:$AA$30,INDEX(Jesper!$R$2:$R$366,ROW(INDEX(Jesper!AJ$2:AJ$366,ROUNDDOWN($C6671/24,0)+1,1))-1)+IF('Standard Profiles'!$G$20=$B$10,7,0)+IF('Standard Profiles'!$G$20=$B$17,14,0)+IF('Standard Profiles'!$G$20=$B$24,21,0),MOD($C6671,24)+1)/SUM(INDEX($D$3:$AA$30,INDEX(Jesper!$R$2:$R$366,ROW(INDEX(Jesper!AJ$2:AJ$366,ROUNDDOWN($C6671/24,0)+1,1))-1)+IF('Standard Profiles'!$G$20=$B$10,7,0)+IF('Standard Profiles'!$G$20=$B$17,14,0)+IF('Standard Profiles'!$G$20=$B$24,21,0),0)),0)</f>
        <v>0</v>
      </c>
      <c r="G6671" cm="1">
        <f t="array" ref="G6671">IFERROR(INDEX(Jesper!AK$2:AK$366,ROUNDDOWN($C6671/24,0)+1,1)*INDEX($D$3:$AA$30,INDEX(Jesper!$R$2:$R$366,ROW(INDEX(Jesper!AK$2:AK$366,ROUNDDOWN($C6671/24,0)+1,1))-1)+IF('Standard Profiles'!$G$21=$B$10,7,0)+IF('Standard Profiles'!$G$21=$B$17,14,0)+IF('Standard Profiles'!$G$21=$B$24,21,0),MOD($C6671,24)+1)/SUM(INDEX($D$3:$AA$30,INDEX(Jesper!$R$2:$R$366,ROW(INDEX(Jesper!AK$2:AK$366,ROUNDDOWN($C6671/24,0)+1,1))-1)+IF('Standard Profiles'!$G$21=$B$10,7,0)+IF('Standard Profiles'!$G$21=$B$17,14,0)+IF('Standard Profiles'!$G$21=$B$24,21,0),0)),0)</f>
        <v>0</v>
      </c>
      <c r="H6671" cm="1">
        <f t="array" ref="H6671">IFERROR(INDEX(Jesper!AL$2:AL$366,ROUNDDOWN($C6671/24,0)+1,1)*INDEX($D$3:$AA$30,INDEX(Jesper!$R$2:$R$366,ROW(INDEX(Jesper!AL$2:AL$366,ROUNDDOWN($C6671/24,0)+1,1))-1)+IF('Standard Profiles'!$G$22=$B$10,7,0)+IF('Standard Profiles'!$G$22=$B$17,14,0)+IF('Standard Profiles'!$G$22=$B$24,21,0),MOD($C6671,24)+1)/SUM(INDEX($D$3:$AA$30,INDEX(Jesper!$R$2:$R$366,ROW(INDEX(Jesper!AL$2:AL$366,ROUNDDOWN($C6671/24,0)+1,1))-1)+IF('Standard Profiles'!$G$22=$B$10,7,0)+IF('Standard Profiles'!$G$22=$B$17,14,0)+IF('Standard Profiles'!$G$22=$B$24,21,0),0)),0)</f>
        <v>0</v>
      </c>
      <c r="I6671">
        <f t="shared" si="741"/>
        <v>0.43538328504282109</v>
      </c>
      <c r="J6671">
        <f t="shared" si="742"/>
        <v>1.4512776168094037</v>
      </c>
      <c r="K6671">
        <f t="shared" si="743"/>
        <v>2.1769164252141056</v>
      </c>
      <c r="L6671">
        <f t="shared" si="744"/>
        <v>10.449198841027707</v>
      </c>
      <c r="M6671">
        <f t="shared" si="745"/>
        <v>0</v>
      </c>
      <c r="N6671" s="46">
        <f t="shared" si="746"/>
        <v>45568.54166665057</v>
      </c>
    </row>
    <row r="6672" spans="2:14" x14ac:dyDescent="0.3">
      <c r="B6672">
        <f t="shared" si="740"/>
        <v>4</v>
      </c>
      <c r="C6672" s="16">
        <v>6638</v>
      </c>
      <c r="D6672" cm="1">
        <f t="array" ref="D6672">IFERROR(INDEX(Jesper!AH$2:AH$366,ROUNDDOWN($C6672/24,0)+1,1)*INDEX($D$3:$AA$30,INDEX(Jesper!$R$2:$R$366,ROW(INDEX(Jesper!AH$2:AH$366,ROUNDDOWN($C6672/24,0)+1,1))-1)+IF('Standard Profiles'!$G$18=$B$10,7,0)+IF('Standard Profiles'!$G$18=$B$17,14,0)+IF('Standard Profiles'!$G$18=$B$24,21,0),MOD($C6672,24)+1)/SUM(INDEX($D$3:$AA$30,INDEX(Jesper!$R$2:$R$366,ROW(INDEX(Jesper!AH$2:AH$366,ROUNDDOWN($C6672/24,0)+1,1))-1)+IF('Standard Profiles'!$G$18=$B$10,7,0)+IF('Standard Profiles'!$G$18=$B$17,14,0)+IF('Standard Profiles'!$G$18=$B$24,21,0),0)),0)</f>
        <v>14.512776168094037</v>
      </c>
      <c r="E6672" cm="1">
        <f t="array" ref="E6672">IFERROR(INDEX(Jesper!AI$2:AI$366,ROUNDDOWN($C6672/24,0)+1,1)*INDEX($D$3:$AA$30,INDEX(Jesper!$R$2:$R$366,ROW(INDEX(Jesper!AI$2:AI$366,ROUNDDOWN($C6672/24,0)+1,1))-1)+IF('Standard Profiles'!$G$19=$B$10,7,0)+IF('Standard Profiles'!$G$19=$B$17,14,0)+IF('Standard Profiles'!$G$19=$B$24,21,0),MOD($C6672,24)+1)/SUM(INDEX($D$3:$AA$30,INDEX(Jesper!$R$2:$R$366,ROW(INDEX(Jesper!AI$2:AI$366,ROUNDDOWN($C6672/24,0)+1,1))-1)+IF('Standard Profiles'!$G$19=$B$10,7,0)+IF('Standard Profiles'!$G$19=$B$17,14,0)+IF('Standard Profiles'!$G$19=$B$24,21,0),0)),0)</f>
        <v>0</v>
      </c>
      <c r="F6672" cm="1">
        <f t="array" ref="F6672">IFERROR(INDEX(Jesper!AJ$2:AJ$366,ROUNDDOWN($C6672/24,0)+1,1)*INDEX($D$3:$AA$30,INDEX(Jesper!$R$2:$R$366,ROW(INDEX(Jesper!AJ$2:AJ$366,ROUNDDOWN($C6672/24,0)+1,1))-1)+IF('Standard Profiles'!$G$20=$B$10,7,0)+IF('Standard Profiles'!$G$20=$B$17,14,0)+IF('Standard Profiles'!$G$20=$B$24,21,0),MOD($C6672,24)+1)/SUM(INDEX($D$3:$AA$30,INDEX(Jesper!$R$2:$R$366,ROW(INDEX(Jesper!AJ$2:AJ$366,ROUNDDOWN($C6672/24,0)+1,1))-1)+IF('Standard Profiles'!$G$20=$B$10,7,0)+IF('Standard Profiles'!$G$20=$B$17,14,0)+IF('Standard Profiles'!$G$20=$B$24,21,0),0)),0)</f>
        <v>0</v>
      </c>
      <c r="G6672" cm="1">
        <f t="array" ref="G6672">IFERROR(INDEX(Jesper!AK$2:AK$366,ROUNDDOWN($C6672/24,0)+1,1)*INDEX($D$3:$AA$30,INDEX(Jesper!$R$2:$R$366,ROW(INDEX(Jesper!AK$2:AK$366,ROUNDDOWN($C6672/24,0)+1,1))-1)+IF('Standard Profiles'!$G$21=$B$10,7,0)+IF('Standard Profiles'!$G$21=$B$17,14,0)+IF('Standard Profiles'!$G$21=$B$24,21,0),MOD($C6672,24)+1)/SUM(INDEX($D$3:$AA$30,INDEX(Jesper!$R$2:$R$366,ROW(INDEX(Jesper!AK$2:AK$366,ROUNDDOWN($C6672/24,0)+1,1))-1)+IF('Standard Profiles'!$G$21=$B$10,7,0)+IF('Standard Profiles'!$G$21=$B$17,14,0)+IF('Standard Profiles'!$G$21=$B$24,21,0),0)),0)</f>
        <v>0</v>
      </c>
      <c r="H6672" cm="1">
        <f t="array" ref="H6672">IFERROR(INDEX(Jesper!AL$2:AL$366,ROUNDDOWN($C6672/24,0)+1,1)*INDEX($D$3:$AA$30,INDEX(Jesper!$R$2:$R$366,ROW(INDEX(Jesper!AL$2:AL$366,ROUNDDOWN($C6672/24,0)+1,1))-1)+IF('Standard Profiles'!$G$22=$B$10,7,0)+IF('Standard Profiles'!$G$22=$B$17,14,0)+IF('Standard Profiles'!$G$22=$B$24,21,0),MOD($C6672,24)+1)/SUM(INDEX($D$3:$AA$30,INDEX(Jesper!$R$2:$R$366,ROW(INDEX(Jesper!AL$2:AL$366,ROUNDDOWN($C6672/24,0)+1,1))-1)+IF('Standard Profiles'!$G$22=$B$10,7,0)+IF('Standard Profiles'!$G$22=$B$17,14,0)+IF('Standard Profiles'!$G$22=$B$24,21,0),0)),0)</f>
        <v>0</v>
      </c>
      <c r="I6672">
        <f t="shared" si="741"/>
        <v>0.43538328504282109</v>
      </c>
      <c r="J6672">
        <f t="shared" si="742"/>
        <v>1.4512776168094037</v>
      </c>
      <c r="K6672">
        <f t="shared" si="743"/>
        <v>2.1769164252141056</v>
      </c>
      <c r="L6672">
        <f t="shared" si="744"/>
        <v>10.449198841027707</v>
      </c>
      <c r="M6672">
        <f t="shared" si="745"/>
        <v>0</v>
      </c>
      <c r="N6672" s="46">
        <f t="shared" si="746"/>
        <v>45568.583333317234</v>
      </c>
    </row>
    <row r="6673" spans="2:14" x14ac:dyDescent="0.3">
      <c r="B6673">
        <f t="shared" si="740"/>
        <v>4</v>
      </c>
      <c r="C6673" s="16">
        <v>6639</v>
      </c>
      <c r="D6673" cm="1">
        <f t="array" ref="D6673">IFERROR(INDEX(Jesper!AH$2:AH$366,ROUNDDOWN($C6673/24,0)+1,1)*INDEX($D$3:$AA$30,INDEX(Jesper!$R$2:$R$366,ROW(INDEX(Jesper!AH$2:AH$366,ROUNDDOWN($C6673/24,0)+1,1))-1)+IF('Standard Profiles'!$G$18=$B$10,7,0)+IF('Standard Profiles'!$G$18=$B$17,14,0)+IF('Standard Profiles'!$G$18=$B$24,21,0),MOD($C6673,24)+1)/SUM(INDEX($D$3:$AA$30,INDEX(Jesper!$R$2:$R$366,ROW(INDEX(Jesper!AH$2:AH$366,ROUNDDOWN($C6673/24,0)+1,1))-1)+IF('Standard Profiles'!$G$18=$B$10,7,0)+IF('Standard Profiles'!$G$18=$B$17,14,0)+IF('Standard Profiles'!$G$18=$B$24,21,0),0)),0)</f>
        <v>14.512776168094037</v>
      </c>
      <c r="E6673" cm="1">
        <f t="array" ref="E6673">IFERROR(INDEX(Jesper!AI$2:AI$366,ROUNDDOWN($C6673/24,0)+1,1)*INDEX($D$3:$AA$30,INDEX(Jesper!$R$2:$R$366,ROW(INDEX(Jesper!AI$2:AI$366,ROUNDDOWN($C6673/24,0)+1,1))-1)+IF('Standard Profiles'!$G$19=$B$10,7,0)+IF('Standard Profiles'!$G$19=$B$17,14,0)+IF('Standard Profiles'!$G$19=$B$24,21,0),MOD($C6673,24)+1)/SUM(INDEX($D$3:$AA$30,INDEX(Jesper!$R$2:$R$366,ROW(INDEX(Jesper!AI$2:AI$366,ROUNDDOWN($C6673/24,0)+1,1))-1)+IF('Standard Profiles'!$G$19=$B$10,7,0)+IF('Standard Profiles'!$G$19=$B$17,14,0)+IF('Standard Profiles'!$G$19=$B$24,21,0),0)),0)</f>
        <v>0</v>
      </c>
      <c r="F6673" cm="1">
        <f t="array" ref="F6673">IFERROR(INDEX(Jesper!AJ$2:AJ$366,ROUNDDOWN($C6673/24,0)+1,1)*INDEX($D$3:$AA$30,INDEX(Jesper!$R$2:$R$366,ROW(INDEX(Jesper!AJ$2:AJ$366,ROUNDDOWN($C6673/24,0)+1,1))-1)+IF('Standard Profiles'!$G$20=$B$10,7,0)+IF('Standard Profiles'!$G$20=$B$17,14,0)+IF('Standard Profiles'!$G$20=$B$24,21,0),MOD($C6673,24)+1)/SUM(INDEX($D$3:$AA$30,INDEX(Jesper!$R$2:$R$366,ROW(INDEX(Jesper!AJ$2:AJ$366,ROUNDDOWN($C6673/24,0)+1,1))-1)+IF('Standard Profiles'!$G$20=$B$10,7,0)+IF('Standard Profiles'!$G$20=$B$17,14,0)+IF('Standard Profiles'!$G$20=$B$24,21,0),0)),0)</f>
        <v>0</v>
      </c>
      <c r="G6673" cm="1">
        <f t="array" ref="G6673">IFERROR(INDEX(Jesper!AK$2:AK$366,ROUNDDOWN($C6673/24,0)+1,1)*INDEX($D$3:$AA$30,INDEX(Jesper!$R$2:$R$366,ROW(INDEX(Jesper!AK$2:AK$366,ROUNDDOWN($C6673/24,0)+1,1))-1)+IF('Standard Profiles'!$G$21=$B$10,7,0)+IF('Standard Profiles'!$G$21=$B$17,14,0)+IF('Standard Profiles'!$G$21=$B$24,21,0),MOD($C6673,24)+1)/SUM(INDEX($D$3:$AA$30,INDEX(Jesper!$R$2:$R$366,ROW(INDEX(Jesper!AK$2:AK$366,ROUNDDOWN($C6673/24,0)+1,1))-1)+IF('Standard Profiles'!$G$21=$B$10,7,0)+IF('Standard Profiles'!$G$21=$B$17,14,0)+IF('Standard Profiles'!$G$21=$B$24,21,0),0)),0)</f>
        <v>0</v>
      </c>
      <c r="H6673" cm="1">
        <f t="array" ref="H6673">IFERROR(INDEX(Jesper!AL$2:AL$366,ROUNDDOWN($C6673/24,0)+1,1)*INDEX($D$3:$AA$30,INDEX(Jesper!$R$2:$R$366,ROW(INDEX(Jesper!AL$2:AL$366,ROUNDDOWN($C6673/24,0)+1,1))-1)+IF('Standard Profiles'!$G$22=$B$10,7,0)+IF('Standard Profiles'!$G$22=$B$17,14,0)+IF('Standard Profiles'!$G$22=$B$24,21,0),MOD($C6673,24)+1)/SUM(INDEX($D$3:$AA$30,INDEX(Jesper!$R$2:$R$366,ROW(INDEX(Jesper!AL$2:AL$366,ROUNDDOWN($C6673/24,0)+1,1))-1)+IF('Standard Profiles'!$G$22=$B$10,7,0)+IF('Standard Profiles'!$G$22=$B$17,14,0)+IF('Standard Profiles'!$G$22=$B$24,21,0),0)),0)</f>
        <v>0</v>
      </c>
      <c r="I6673">
        <f t="shared" si="741"/>
        <v>0.43538328504282109</v>
      </c>
      <c r="J6673">
        <f t="shared" si="742"/>
        <v>1.4512776168094037</v>
      </c>
      <c r="K6673">
        <f t="shared" si="743"/>
        <v>2.1769164252141056</v>
      </c>
      <c r="L6673">
        <f t="shared" si="744"/>
        <v>10.449198841027707</v>
      </c>
      <c r="M6673">
        <f t="shared" si="745"/>
        <v>0</v>
      </c>
      <c r="N6673" s="46">
        <f t="shared" si="746"/>
        <v>45568.624999983898</v>
      </c>
    </row>
    <row r="6674" spans="2:14" x14ac:dyDescent="0.3">
      <c r="B6674">
        <f t="shared" si="740"/>
        <v>4</v>
      </c>
      <c r="C6674" s="16">
        <v>6640</v>
      </c>
      <c r="D6674" cm="1">
        <f t="array" ref="D6674">IFERROR(INDEX(Jesper!AH$2:AH$366,ROUNDDOWN($C6674/24,0)+1,1)*INDEX($D$3:$AA$30,INDEX(Jesper!$R$2:$R$366,ROW(INDEX(Jesper!AH$2:AH$366,ROUNDDOWN($C6674/24,0)+1,1))-1)+IF('Standard Profiles'!$G$18=$B$10,7,0)+IF('Standard Profiles'!$G$18=$B$17,14,0)+IF('Standard Profiles'!$G$18=$B$24,21,0),MOD($C6674,24)+1)/SUM(INDEX($D$3:$AA$30,INDEX(Jesper!$R$2:$R$366,ROW(INDEX(Jesper!AH$2:AH$366,ROUNDDOWN($C6674/24,0)+1,1))-1)+IF('Standard Profiles'!$G$18=$B$10,7,0)+IF('Standard Profiles'!$G$18=$B$17,14,0)+IF('Standard Profiles'!$G$18=$B$24,21,0),0)),0)</f>
        <v>14.512776168094037</v>
      </c>
      <c r="E6674" cm="1">
        <f t="array" ref="E6674">IFERROR(INDEX(Jesper!AI$2:AI$366,ROUNDDOWN($C6674/24,0)+1,1)*INDEX($D$3:$AA$30,INDEX(Jesper!$R$2:$R$366,ROW(INDEX(Jesper!AI$2:AI$366,ROUNDDOWN($C6674/24,0)+1,1))-1)+IF('Standard Profiles'!$G$19=$B$10,7,0)+IF('Standard Profiles'!$G$19=$B$17,14,0)+IF('Standard Profiles'!$G$19=$B$24,21,0),MOD($C6674,24)+1)/SUM(INDEX($D$3:$AA$30,INDEX(Jesper!$R$2:$R$366,ROW(INDEX(Jesper!AI$2:AI$366,ROUNDDOWN($C6674/24,0)+1,1))-1)+IF('Standard Profiles'!$G$19=$B$10,7,0)+IF('Standard Profiles'!$G$19=$B$17,14,0)+IF('Standard Profiles'!$G$19=$B$24,21,0),0)),0)</f>
        <v>0</v>
      </c>
      <c r="F6674" cm="1">
        <f t="array" ref="F6674">IFERROR(INDEX(Jesper!AJ$2:AJ$366,ROUNDDOWN($C6674/24,0)+1,1)*INDEX($D$3:$AA$30,INDEX(Jesper!$R$2:$R$366,ROW(INDEX(Jesper!AJ$2:AJ$366,ROUNDDOWN($C6674/24,0)+1,1))-1)+IF('Standard Profiles'!$G$20=$B$10,7,0)+IF('Standard Profiles'!$G$20=$B$17,14,0)+IF('Standard Profiles'!$G$20=$B$24,21,0),MOD($C6674,24)+1)/SUM(INDEX($D$3:$AA$30,INDEX(Jesper!$R$2:$R$366,ROW(INDEX(Jesper!AJ$2:AJ$366,ROUNDDOWN($C6674/24,0)+1,1))-1)+IF('Standard Profiles'!$G$20=$B$10,7,0)+IF('Standard Profiles'!$G$20=$B$17,14,0)+IF('Standard Profiles'!$G$20=$B$24,21,0),0)),0)</f>
        <v>0</v>
      </c>
      <c r="G6674" cm="1">
        <f t="array" ref="G6674">IFERROR(INDEX(Jesper!AK$2:AK$366,ROUNDDOWN($C6674/24,0)+1,1)*INDEX($D$3:$AA$30,INDEX(Jesper!$R$2:$R$366,ROW(INDEX(Jesper!AK$2:AK$366,ROUNDDOWN($C6674/24,0)+1,1))-1)+IF('Standard Profiles'!$G$21=$B$10,7,0)+IF('Standard Profiles'!$G$21=$B$17,14,0)+IF('Standard Profiles'!$G$21=$B$24,21,0),MOD($C6674,24)+1)/SUM(INDEX($D$3:$AA$30,INDEX(Jesper!$R$2:$R$366,ROW(INDEX(Jesper!AK$2:AK$366,ROUNDDOWN($C6674/24,0)+1,1))-1)+IF('Standard Profiles'!$G$21=$B$10,7,0)+IF('Standard Profiles'!$G$21=$B$17,14,0)+IF('Standard Profiles'!$G$21=$B$24,21,0),0)),0)</f>
        <v>0</v>
      </c>
      <c r="H6674" cm="1">
        <f t="array" ref="H6674">IFERROR(INDEX(Jesper!AL$2:AL$366,ROUNDDOWN($C6674/24,0)+1,1)*INDEX($D$3:$AA$30,INDEX(Jesper!$R$2:$R$366,ROW(INDEX(Jesper!AL$2:AL$366,ROUNDDOWN($C6674/24,0)+1,1))-1)+IF('Standard Profiles'!$G$22=$B$10,7,0)+IF('Standard Profiles'!$G$22=$B$17,14,0)+IF('Standard Profiles'!$G$22=$B$24,21,0),MOD($C6674,24)+1)/SUM(INDEX($D$3:$AA$30,INDEX(Jesper!$R$2:$R$366,ROW(INDEX(Jesper!AL$2:AL$366,ROUNDDOWN($C6674/24,0)+1,1))-1)+IF('Standard Profiles'!$G$22=$B$10,7,0)+IF('Standard Profiles'!$G$22=$B$17,14,0)+IF('Standard Profiles'!$G$22=$B$24,21,0),0)),0)</f>
        <v>0</v>
      </c>
      <c r="I6674">
        <f t="shared" si="741"/>
        <v>0.43538328504282109</v>
      </c>
      <c r="J6674">
        <f t="shared" si="742"/>
        <v>1.4512776168094037</v>
      </c>
      <c r="K6674">
        <f t="shared" si="743"/>
        <v>2.1769164252141056</v>
      </c>
      <c r="L6674">
        <f t="shared" si="744"/>
        <v>10.449198841027707</v>
      </c>
      <c r="M6674">
        <f t="shared" si="745"/>
        <v>0</v>
      </c>
      <c r="N6674" s="46">
        <f t="shared" si="746"/>
        <v>45568.666666650563</v>
      </c>
    </row>
    <row r="6675" spans="2:14" x14ac:dyDescent="0.3">
      <c r="B6675">
        <f t="shared" si="740"/>
        <v>4</v>
      </c>
      <c r="C6675" s="16">
        <v>6641</v>
      </c>
      <c r="D6675" cm="1">
        <f t="array" ref="D6675">IFERROR(INDEX(Jesper!AH$2:AH$366,ROUNDDOWN($C6675/24,0)+1,1)*INDEX($D$3:$AA$30,INDEX(Jesper!$R$2:$R$366,ROW(INDEX(Jesper!AH$2:AH$366,ROUNDDOWN($C6675/24,0)+1,1))-1)+IF('Standard Profiles'!$G$18=$B$10,7,0)+IF('Standard Profiles'!$G$18=$B$17,14,0)+IF('Standard Profiles'!$G$18=$B$24,21,0),MOD($C6675,24)+1)/SUM(INDEX($D$3:$AA$30,INDEX(Jesper!$R$2:$R$366,ROW(INDEX(Jesper!AH$2:AH$366,ROUNDDOWN($C6675/24,0)+1,1))-1)+IF('Standard Profiles'!$G$18=$B$10,7,0)+IF('Standard Profiles'!$G$18=$B$17,14,0)+IF('Standard Profiles'!$G$18=$B$24,21,0),0)),0)</f>
        <v>14.512776168094037</v>
      </c>
      <c r="E6675" cm="1">
        <f t="array" ref="E6675">IFERROR(INDEX(Jesper!AI$2:AI$366,ROUNDDOWN($C6675/24,0)+1,1)*INDEX($D$3:$AA$30,INDEX(Jesper!$R$2:$R$366,ROW(INDEX(Jesper!AI$2:AI$366,ROUNDDOWN($C6675/24,0)+1,1))-1)+IF('Standard Profiles'!$G$19=$B$10,7,0)+IF('Standard Profiles'!$G$19=$B$17,14,0)+IF('Standard Profiles'!$G$19=$B$24,21,0),MOD($C6675,24)+1)/SUM(INDEX($D$3:$AA$30,INDEX(Jesper!$R$2:$R$366,ROW(INDEX(Jesper!AI$2:AI$366,ROUNDDOWN($C6675/24,0)+1,1))-1)+IF('Standard Profiles'!$G$19=$B$10,7,0)+IF('Standard Profiles'!$G$19=$B$17,14,0)+IF('Standard Profiles'!$G$19=$B$24,21,0),0)),0)</f>
        <v>0</v>
      </c>
      <c r="F6675" cm="1">
        <f t="array" ref="F6675">IFERROR(INDEX(Jesper!AJ$2:AJ$366,ROUNDDOWN($C6675/24,0)+1,1)*INDEX($D$3:$AA$30,INDEX(Jesper!$R$2:$R$366,ROW(INDEX(Jesper!AJ$2:AJ$366,ROUNDDOWN($C6675/24,0)+1,1))-1)+IF('Standard Profiles'!$G$20=$B$10,7,0)+IF('Standard Profiles'!$G$20=$B$17,14,0)+IF('Standard Profiles'!$G$20=$B$24,21,0),MOD($C6675,24)+1)/SUM(INDEX($D$3:$AA$30,INDEX(Jesper!$R$2:$R$366,ROW(INDEX(Jesper!AJ$2:AJ$366,ROUNDDOWN($C6675/24,0)+1,1))-1)+IF('Standard Profiles'!$G$20=$B$10,7,0)+IF('Standard Profiles'!$G$20=$B$17,14,0)+IF('Standard Profiles'!$G$20=$B$24,21,0),0)),0)</f>
        <v>0</v>
      </c>
      <c r="G6675" cm="1">
        <f t="array" ref="G6675">IFERROR(INDEX(Jesper!AK$2:AK$366,ROUNDDOWN($C6675/24,0)+1,1)*INDEX($D$3:$AA$30,INDEX(Jesper!$R$2:$R$366,ROW(INDEX(Jesper!AK$2:AK$366,ROUNDDOWN($C6675/24,0)+1,1))-1)+IF('Standard Profiles'!$G$21=$B$10,7,0)+IF('Standard Profiles'!$G$21=$B$17,14,0)+IF('Standard Profiles'!$G$21=$B$24,21,0),MOD($C6675,24)+1)/SUM(INDEX($D$3:$AA$30,INDEX(Jesper!$R$2:$R$366,ROW(INDEX(Jesper!AK$2:AK$366,ROUNDDOWN($C6675/24,0)+1,1))-1)+IF('Standard Profiles'!$G$21=$B$10,7,0)+IF('Standard Profiles'!$G$21=$B$17,14,0)+IF('Standard Profiles'!$G$21=$B$24,21,0),0)),0)</f>
        <v>0</v>
      </c>
      <c r="H6675" cm="1">
        <f t="array" ref="H6675">IFERROR(INDEX(Jesper!AL$2:AL$366,ROUNDDOWN($C6675/24,0)+1,1)*INDEX($D$3:$AA$30,INDEX(Jesper!$R$2:$R$366,ROW(INDEX(Jesper!AL$2:AL$366,ROUNDDOWN($C6675/24,0)+1,1))-1)+IF('Standard Profiles'!$G$22=$B$10,7,0)+IF('Standard Profiles'!$G$22=$B$17,14,0)+IF('Standard Profiles'!$G$22=$B$24,21,0),MOD($C6675,24)+1)/SUM(INDEX($D$3:$AA$30,INDEX(Jesper!$R$2:$R$366,ROW(INDEX(Jesper!AL$2:AL$366,ROUNDDOWN($C6675/24,0)+1,1))-1)+IF('Standard Profiles'!$G$22=$B$10,7,0)+IF('Standard Profiles'!$G$22=$B$17,14,0)+IF('Standard Profiles'!$G$22=$B$24,21,0),0)),0)</f>
        <v>0</v>
      </c>
      <c r="I6675">
        <f t="shared" si="741"/>
        <v>0.43538328504282109</v>
      </c>
      <c r="J6675">
        <f t="shared" si="742"/>
        <v>1.4512776168094037</v>
      </c>
      <c r="K6675">
        <f t="shared" si="743"/>
        <v>2.1769164252141056</v>
      </c>
      <c r="L6675">
        <f t="shared" si="744"/>
        <v>10.449198841027707</v>
      </c>
      <c r="M6675">
        <f t="shared" si="745"/>
        <v>0</v>
      </c>
      <c r="N6675" s="46">
        <f t="shared" si="746"/>
        <v>45568.708333317227</v>
      </c>
    </row>
    <row r="6676" spans="2:14" x14ac:dyDescent="0.3">
      <c r="B6676">
        <f t="shared" si="740"/>
        <v>4</v>
      </c>
      <c r="C6676" s="16">
        <v>6642</v>
      </c>
      <c r="D6676" cm="1">
        <f t="array" ref="D6676">IFERROR(INDEX(Jesper!AH$2:AH$366,ROUNDDOWN($C6676/24,0)+1,1)*INDEX($D$3:$AA$30,INDEX(Jesper!$R$2:$R$366,ROW(INDEX(Jesper!AH$2:AH$366,ROUNDDOWN($C6676/24,0)+1,1))-1)+IF('Standard Profiles'!$G$18=$B$10,7,0)+IF('Standard Profiles'!$G$18=$B$17,14,0)+IF('Standard Profiles'!$G$18=$B$24,21,0),MOD($C6676,24)+1)/SUM(INDEX($D$3:$AA$30,INDEX(Jesper!$R$2:$R$366,ROW(INDEX(Jesper!AH$2:AH$366,ROUNDDOWN($C6676/24,0)+1,1))-1)+IF('Standard Profiles'!$G$18=$B$10,7,0)+IF('Standard Profiles'!$G$18=$B$17,14,0)+IF('Standard Profiles'!$G$18=$B$24,21,0),0)),0)</f>
        <v>14.512776168094037</v>
      </c>
      <c r="E6676" cm="1">
        <f t="array" ref="E6676">IFERROR(INDEX(Jesper!AI$2:AI$366,ROUNDDOWN($C6676/24,0)+1,1)*INDEX($D$3:$AA$30,INDEX(Jesper!$R$2:$R$366,ROW(INDEX(Jesper!AI$2:AI$366,ROUNDDOWN($C6676/24,0)+1,1))-1)+IF('Standard Profiles'!$G$19=$B$10,7,0)+IF('Standard Profiles'!$G$19=$B$17,14,0)+IF('Standard Profiles'!$G$19=$B$24,21,0),MOD($C6676,24)+1)/SUM(INDEX($D$3:$AA$30,INDEX(Jesper!$R$2:$R$366,ROW(INDEX(Jesper!AI$2:AI$366,ROUNDDOWN($C6676/24,0)+1,1))-1)+IF('Standard Profiles'!$G$19=$B$10,7,0)+IF('Standard Profiles'!$G$19=$B$17,14,0)+IF('Standard Profiles'!$G$19=$B$24,21,0),0)),0)</f>
        <v>0</v>
      </c>
      <c r="F6676" cm="1">
        <f t="array" ref="F6676">IFERROR(INDEX(Jesper!AJ$2:AJ$366,ROUNDDOWN($C6676/24,0)+1,1)*INDEX($D$3:$AA$30,INDEX(Jesper!$R$2:$R$366,ROW(INDEX(Jesper!AJ$2:AJ$366,ROUNDDOWN($C6676/24,0)+1,1))-1)+IF('Standard Profiles'!$G$20=$B$10,7,0)+IF('Standard Profiles'!$G$20=$B$17,14,0)+IF('Standard Profiles'!$G$20=$B$24,21,0),MOD($C6676,24)+1)/SUM(INDEX($D$3:$AA$30,INDEX(Jesper!$R$2:$R$366,ROW(INDEX(Jesper!AJ$2:AJ$366,ROUNDDOWN($C6676/24,0)+1,1))-1)+IF('Standard Profiles'!$G$20=$B$10,7,0)+IF('Standard Profiles'!$G$20=$B$17,14,0)+IF('Standard Profiles'!$G$20=$B$24,21,0),0)),0)</f>
        <v>0</v>
      </c>
      <c r="G6676" cm="1">
        <f t="array" ref="G6676">IFERROR(INDEX(Jesper!AK$2:AK$366,ROUNDDOWN($C6676/24,0)+1,1)*INDEX($D$3:$AA$30,INDEX(Jesper!$R$2:$R$366,ROW(INDEX(Jesper!AK$2:AK$366,ROUNDDOWN($C6676/24,0)+1,1))-1)+IF('Standard Profiles'!$G$21=$B$10,7,0)+IF('Standard Profiles'!$G$21=$B$17,14,0)+IF('Standard Profiles'!$G$21=$B$24,21,0),MOD($C6676,24)+1)/SUM(INDEX($D$3:$AA$30,INDEX(Jesper!$R$2:$R$366,ROW(INDEX(Jesper!AK$2:AK$366,ROUNDDOWN($C6676/24,0)+1,1))-1)+IF('Standard Profiles'!$G$21=$B$10,7,0)+IF('Standard Profiles'!$G$21=$B$17,14,0)+IF('Standard Profiles'!$G$21=$B$24,21,0),0)),0)</f>
        <v>0</v>
      </c>
      <c r="H6676" cm="1">
        <f t="array" ref="H6676">IFERROR(INDEX(Jesper!AL$2:AL$366,ROUNDDOWN($C6676/24,0)+1,1)*INDEX($D$3:$AA$30,INDEX(Jesper!$R$2:$R$366,ROW(INDEX(Jesper!AL$2:AL$366,ROUNDDOWN($C6676/24,0)+1,1))-1)+IF('Standard Profiles'!$G$22=$B$10,7,0)+IF('Standard Profiles'!$G$22=$B$17,14,0)+IF('Standard Profiles'!$G$22=$B$24,21,0),MOD($C6676,24)+1)/SUM(INDEX($D$3:$AA$30,INDEX(Jesper!$R$2:$R$366,ROW(INDEX(Jesper!AL$2:AL$366,ROUNDDOWN($C6676/24,0)+1,1))-1)+IF('Standard Profiles'!$G$22=$B$10,7,0)+IF('Standard Profiles'!$G$22=$B$17,14,0)+IF('Standard Profiles'!$G$22=$B$24,21,0),0)),0)</f>
        <v>0</v>
      </c>
      <c r="I6676">
        <f t="shared" si="741"/>
        <v>0.43538328504282109</v>
      </c>
      <c r="J6676">
        <f t="shared" si="742"/>
        <v>1.4512776168094037</v>
      </c>
      <c r="K6676">
        <f t="shared" si="743"/>
        <v>2.1769164252141056</v>
      </c>
      <c r="L6676">
        <f t="shared" si="744"/>
        <v>10.449198841027707</v>
      </c>
      <c r="M6676">
        <f t="shared" si="745"/>
        <v>0</v>
      </c>
      <c r="N6676" s="46">
        <f t="shared" si="746"/>
        <v>45568.749999983891</v>
      </c>
    </row>
    <row r="6677" spans="2:14" x14ac:dyDescent="0.3">
      <c r="B6677">
        <f t="shared" si="740"/>
        <v>4</v>
      </c>
      <c r="C6677" s="16">
        <v>6643</v>
      </c>
      <c r="D6677" cm="1">
        <f t="array" ref="D6677">IFERROR(INDEX(Jesper!AH$2:AH$366,ROUNDDOWN($C6677/24,0)+1,1)*INDEX($D$3:$AA$30,INDEX(Jesper!$R$2:$R$366,ROW(INDEX(Jesper!AH$2:AH$366,ROUNDDOWN($C6677/24,0)+1,1))-1)+IF('Standard Profiles'!$G$18=$B$10,7,0)+IF('Standard Profiles'!$G$18=$B$17,14,0)+IF('Standard Profiles'!$G$18=$B$24,21,0),MOD($C6677,24)+1)/SUM(INDEX($D$3:$AA$30,INDEX(Jesper!$R$2:$R$366,ROW(INDEX(Jesper!AH$2:AH$366,ROUNDDOWN($C6677/24,0)+1,1))-1)+IF('Standard Profiles'!$G$18=$B$10,7,0)+IF('Standard Profiles'!$G$18=$B$17,14,0)+IF('Standard Profiles'!$G$18=$B$24,21,0),0)),0)</f>
        <v>12.093980140078365</v>
      </c>
      <c r="E6677" cm="1">
        <f t="array" ref="E6677">IFERROR(INDEX(Jesper!AI$2:AI$366,ROUNDDOWN($C6677/24,0)+1,1)*INDEX($D$3:$AA$30,INDEX(Jesper!$R$2:$R$366,ROW(INDEX(Jesper!AI$2:AI$366,ROUNDDOWN($C6677/24,0)+1,1))-1)+IF('Standard Profiles'!$G$19=$B$10,7,0)+IF('Standard Profiles'!$G$19=$B$17,14,0)+IF('Standard Profiles'!$G$19=$B$24,21,0),MOD($C6677,24)+1)/SUM(INDEX($D$3:$AA$30,INDEX(Jesper!$R$2:$R$366,ROW(INDEX(Jesper!AI$2:AI$366,ROUNDDOWN($C6677/24,0)+1,1))-1)+IF('Standard Profiles'!$G$19=$B$10,7,0)+IF('Standard Profiles'!$G$19=$B$17,14,0)+IF('Standard Profiles'!$G$19=$B$24,21,0),0)),0)</f>
        <v>0</v>
      </c>
      <c r="F6677" cm="1">
        <f t="array" ref="F6677">IFERROR(INDEX(Jesper!AJ$2:AJ$366,ROUNDDOWN($C6677/24,0)+1,1)*INDEX($D$3:$AA$30,INDEX(Jesper!$R$2:$R$366,ROW(INDEX(Jesper!AJ$2:AJ$366,ROUNDDOWN($C6677/24,0)+1,1))-1)+IF('Standard Profiles'!$G$20=$B$10,7,0)+IF('Standard Profiles'!$G$20=$B$17,14,0)+IF('Standard Profiles'!$G$20=$B$24,21,0),MOD($C6677,24)+1)/SUM(INDEX($D$3:$AA$30,INDEX(Jesper!$R$2:$R$366,ROW(INDEX(Jesper!AJ$2:AJ$366,ROUNDDOWN($C6677/24,0)+1,1))-1)+IF('Standard Profiles'!$G$20=$B$10,7,0)+IF('Standard Profiles'!$G$20=$B$17,14,0)+IF('Standard Profiles'!$G$20=$B$24,21,0),0)),0)</f>
        <v>0</v>
      </c>
      <c r="G6677" cm="1">
        <f t="array" ref="G6677">IFERROR(INDEX(Jesper!AK$2:AK$366,ROUNDDOWN($C6677/24,0)+1,1)*INDEX($D$3:$AA$30,INDEX(Jesper!$R$2:$R$366,ROW(INDEX(Jesper!AK$2:AK$366,ROUNDDOWN($C6677/24,0)+1,1))-1)+IF('Standard Profiles'!$G$21=$B$10,7,0)+IF('Standard Profiles'!$G$21=$B$17,14,0)+IF('Standard Profiles'!$G$21=$B$24,21,0),MOD($C6677,24)+1)/SUM(INDEX($D$3:$AA$30,INDEX(Jesper!$R$2:$R$366,ROW(INDEX(Jesper!AK$2:AK$366,ROUNDDOWN($C6677/24,0)+1,1))-1)+IF('Standard Profiles'!$G$21=$B$10,7,0)+IF('Standard Profiles'!$G$21=$B$17,14,0)+IF('Standard Profiles'!$G$21=$B$24,21,0),0)),0)</f>
        <v>0</v>
      </c>
      <c r="H6677" cm="1">
        <f t="array" ref="H6677">IFERROR(INDEX(Jesper!AL$2:AL$366,ROUNDDOWN($C6677/24,0)+1,1)*INDEX($D$3:$AA$30,INDEX(Jesper!$R$2:$R$366,ROW(INDEX(Jesper!AL$2:AL$366,ROUNDDOWN($C6677/24,0)+1,1))-1)+IF('Standard Profiles'!$G$22=$B$10,7,0)+IF('Standard Profiles'!$G$22=$B$17,14,0)+IF('Standard Profiles'!$G$22=$B$24,21,0),MOD($C6677,24)+1)/SUM(INDEX($D$3:$AA$30,INDEX(Jesper!$R$2:$R$366,ROW(INDEX(Jesper!AL$2:AL$366,ROUNDDOWN($C6677/24,0)+1,1))-1)+IF('Standard Profiles'!$G$22=$B$10,7,0)+IF('Standard Profiles'!$G$22=$B$17,14,0)+IF('Standard Profiles'!$G$22=$B$24,21,0),0)),0)</f>
        <v>0</v>
      </c>
      <c r="I6677">
        <f t="shared" si="741"/>
        <v>0.36281940420235093</v>
      </c>
      <c r="J6677">
        <f t="shared" si="742"/>
        <v>1.2093980140078366</v>
      </c>
      <c r="K6677">
        <f t="shared" si="743"/>
        <v>1.8140970210117546</v>
      </c>
      <c r="L6677">
        <f t="shared" si="744"/>
        <v>8.7076657008564222</v>
      </c>
      <c r="M6677">
        <f t="shared" si="745"/>
        <v>0</v>
      </c>
      <c r="N6677" s="46">
        <f t="shared" si="746"/>
        <v>45568.791666650555</v>
      </c>
    </row>
    <row r="6678" spans="2:14" x14ac:dyDescent="0.3">
      <c r="B6678">
        <f t="shared" si="740"/>
        <v>4</v>
      </c>
      <c r="C6678" s="16">
        <v>6644</v>
      </c>
      <c r="D6678" cm="1">
        <f t="array" ref="D6678">IFERROR(INDEX(Jesper!AH$2:AH$366,ROUNDDOWN($C6678/24,0)+1,1)*INDEX($D$3:$AA$30,INDEX(Jesper!$R$2:$R$366,ROW(INDEX(Jesper!AH$2:AH$366,ROUNDDOWN($C6678/24,0)+1,1))-1)+IF('Standard Profiles'!$G$18=$B$10,7,0)+IF('Standard Profiles'!$G$18=$B$17,14,0)+IF('Standard Profiles'!$G$18=$B$24,21,0),MOD($C6678,24)+1)/SUM(INDEX($D$3:$AA$30,INDEX(Jesper!$R$2:$R$366,ROW(INDEX(Jesper!AH$2:AH$366,ROUNDDOWN($C6678/24,0)+1,1))-1)+IF('Standard Profiles'!$G$18=$B$10,7,0)+IF('Standard Profiles'!$G$18=$B$17,14,0)+IF('Standard Profiles'!$G$18=$B$24,21,0),0)),0)</f>
        <v>9.6751841120626931</v>
      </c>
      <c r="E6678" cm="1">
        <f t="array" ref="E6678">IFERROR(INDEX(Jesper!AI$2:AI$366,ROUNDDOWN($C6678/24,0)+1,1)*INDEX($D$3:$AA$30,INDEX(Jesper!$R$2:$R$366,ROW(INDEX(Jesper!AI$2:AI$366,ROUNDDOWN($C6678/24,0)+1,1))-1)+IF('Standard Profiles'!$G$19=$B$10,7,0)+IF('Standard Profiles'!$G$19=$B$17,14,0)+IF('Standard Profiles'!$G$19=$B$24,21,0),MOD($C6678,24)+1)/SUM(INDEX($D$3:$AA$30,INDEX(Jesper!$R$2:$R$366,ROW(INDEX(Jesper!AI$2:AI$366,ROUNDDOWN($C6678/24,0)+1,1))-1)+IF('Standard Profiles'!$G$19=$B$10,7,0)+IF('Standard Profiles'!$G$19=$B$17,14,0)+IF('Standard Profiles'!$G$19=$B$24,21,0),0)),0)</f>
        <v>0</v>
      </c>
      <c r="F6678" cm="1">
        <f t="array" ref="F6678">IFERROR(INDEX(Jesper!AJ$2:AJ$366,ROUNDDOWN($C6678/24,0)+1,1)*INDEX($D$3:$AA$30,INDEX(Jesper!$R$2:$R$366,ROW(INDEX(Jesper!AJ$2:AJ$366,ROUNDDOWN($C6678/24,0)+1,1))-1)+IF('Standard Profiles'!$G$20=$B$10,7,0)+IF('Standard Profiles'!$G$20=$B$17,14,0)+IF('Standard Profiles'!$G$20=$B$24,21,0),MOD($C6678,24)+1)/SUM(INDEX($D$3:$AA$30,INDEX(Jesper!$R$2:$R$366,ROW(INDEX(Jesper!AJ$2:AJ$366,ROUNDDOWN($C6678/24,0)+1,1))-1)+IF('Standard Profiles'!$G$20=$B$10,7,0)+IF('Standard Profiles'!$G$20=$B$17,14,0)+IF('Standard Profiles'!$G$20=$B$24,21,0),0)),0)</f>
        <v>0</v>
      </c>
      <c r="G6678" cm="1">
        <f t="array" ref="G6678">IFERROR(INDEX(Jesper!AK$2:AK$366,ROUNDDOWN($C6678/24,0)+1,1)*INDEX($D$3:$AA$30,INDEX(Jesper!$R$2:$R$366,ROW(INDEX(Jesper!AK$2:AK$366,ROUNDDOWN($C6678/24,0)+1,1))-1)+IF('Standard Profiles'!$G$21=$B$10,7,0)+IF('Standard Profiles'!$G$21=$B$17,14,0)+IF('Standard Profiles'!$G$21=$B$24,21,0),MOD($C6678,24)+1)/SUM(INDEX($D$3:$AA$30,INDEX(Jesper!$R$2:$R$366,ROW(INDEX(Jesper!AK$2:AK$366,ROUNDDOWN($C6678/24,0)+1,1))-1)+IF('Standard Profiles'!$G$21=$B$10,7,0)+IF('Standard Profiles'!$G$21=$B$17,14,0)+IF('Standard Profiles'!$G$21=$B$24,21,0),0)),0)</f>
        <v>0</v>
      </c>
      <c r="H6678" cm="1">
        <f t="array" ref="H6678">IFERROR(INDEX(Jesper!AL$2:AL$366,ROUNDDOWN($C6678/24,0)+1,1)*INDEX($D$3:$AA$30,INDEX(Jesper!$R$2:$R$366,ROW(INDEX(Jesper!AL$2:AL$366,ROUNDDOWN($C6678/24,0)+1,1))-1)+IF('Standard Profiles'!$G$22=$B$10,7,0)+IF('Standard Profiles'!$G$22=$B$17,14,0)+IF('Standard Profiles'!$G$22=$B$24,21,0),MOD($C6678,24)+1)/SUM(INDEX($D$3:$AA$30,INDEX(Jesper!$R$2:$R$366,ROW(INDEX(Jesper!AL$2:AL$366,ROUNDDOWN($C6678/24,0)+1,1))-1)+IF('Standard Profiles'!$G$22=$B$10,7,0)+IF('Standard Profiles'!$G$22=$B$17,14,0)+IF('Standard Profiles'!$G$22=$B$24,21,0),0)),0)</f>
        <v>0</v>
      </c>
      <c r="I6678">
        <f t="shared" si="741"/>
        <v>0.29025552336188076</v>
      </c>
      <c r="J6678">
        <f t="shared" si="742"/>
        <v>0.96751841120626936</v>
      </c>
      <c r="K6678">
        <f t="shared" si="743"/>
        <v>1.4512776168094039</v>
      </c>
      <c r="L6678">
        <f t="shared" si="744"/>
        <v>6.9661325606851392</v>
      </c>
      <c r="M6678">
        <f t="shared" si="745"/>
        <v>0</v>
      </c>
      <c r="N6678" s="46">
        <f t="shared" si="746"/>
        <v>45568.83333331722</v>
      </c>
    </row>
    <row r="6679" spans="2:14" x14ac:dyDescent="0.3">
      <c r="B6679">
        <f t="shared" si="740"/>
        <v>4</v>
      </c>
      <c r="C6679" s="16">
        <v>6645</v>
      </c>
      <c r="D6679" cm="1">
        <f t="array" ref="D6679">IFERROR(INDEX(Jesper!AH$2:AH$366,ROUNDDOWN($C6679/24,0)+1,1)*INDEX($D$3:$AA$30,INDEX(Jesper!$R$2:$R$366,ROW(INDEX(Jesper!AH$2:AH$366,ROUNDDOWN($C6679/24,0)+1,1))-1)+IF('Standard Profiles'!$G$18=$B$10,7,0)+IF('Standard Profiles'!$G$18=$B$17,14,0)+IF('Standard Profiles'!$G$18=$B$24,21,0),MOD($C6679,24)+1)/SUM(INDEX($D$3:$AA$30,INDEX(Jesper!$R$2:$R$366,ROW(INDEX(Jesper!AH$2:AH$366,ROUNDDOWN($C6679/24,0)+1,1))-1)+IF('Standard Profiles'!$G$18=$B$10,7,0)+IF('Standard Profiles'!$G$18=$B$17,14,0)+IF('Standard Profiles'!$G$18=$B$24,21,0),0)),0)</f>
        <v>7.2563880840470185</v>
      </c>
      <c r="E6679" cm="1">
        <f t="array" ref="E6679">IFERROR(INDEX(Jesper!AI$2:AI$366,ROUNDDOWN($C6679/24,0)+1,1)*INDEX($D$3:$AA$30,INDEX(Jesper!$R$2:$R$366,ROW(INDEX(Jesper!AI$2:AI$366,ROUNDDOWN($C6679/24,0)+1,1))-1)+IF('Standard Profiles'!$G$19=$B$10,7,0)+IF('Standard Profiles'!$G$19=$B$17,14,0)+IF('Standard Profiles'!$G$19=$B$24,21,0),MOD($C6679,24)+1)/SUM(INDEX($D$3:$AA$30,INDEX(Jesper!$R$2:$R$366,ROW(INDEX(Jesper!AI$2:AI$366,ROUNDDOWN($C6679/24,0)+1,1))-1)+IF('Standard Profiles'!$G$19=$B$10,7,0)+IF('Standard Profiles'!$G$19=$B$17,14,0)+IF('Standard Profiles'!$G$19=$B$24,21,0),0)),0)</f>
        <v>0</v>
      </c>
      <c r="F6679" cm="1">
        <f t="array" ref="F6679">IFERROR(INDEX(Jesper!AJ$2:AJ$366,ROUNDDOWN($C6679/24,0)+1,1)*INDEX($D$3:$AA$30,INDEX(Jesper!$R$2:$R$366,ROW(INDEX(Jesper!AJ$2:AJ$366,ROUNDDOWN($C6679/24,0)+1,1))-1)+IF('Standard Profiles'!$G$20=$B$10,7,0)+IF('Standard Profiles'!$G$20=$B$17,14,0)+IF('Standard Profiles'!$G$20=$B$24,21,0),MOD($C6679,24)+1)/SUM(INDEX($D$3:$AA$30,INDEX(Jesper!$R$2:$R$366,ROW(INDEX(Jesper!AJ$2:AJ$366,ROUNDDOWN($C6679/24,0)+1,1))-1)+IF('Standard Profiles'!$G$20=$B$10,7,0)+IF('Standard Profiles'!$G$20=$B$17,14,0)+IF('Standard Profiles'!$G$20=$B$24,21,0),0)),0)</f>
        <v>0</v>
      </c>
      <c r="G6679" cm="1">
        <f t="array" ref="G6679">IFERROR(INDEX(Jesper!AK$2:AK$366,ROUNDDOWN($C6679/24,0)+1,1)*INDEX($D$3:$AA$30,INDEX(Jesper!$R$2:$R$366,ROW(INDEX(Jesper!AK$2:AK$366,ROUNDDOWN($C6679/24,0)+1,1))-1)+IF('Standard Profiles'!$G$21=$B$10,7,0)+IF('Standard Profiles'!$G$21=$B$17,14,0)+IF('Standard Profiles'!$G$21=$B$24,21,0),MOD($C6679,24)+1)/SUM(INDEX($D$3:$AA$30,INDEX(Jesper!$R$2:$R$366,ROW(INDEX(Jesper!AK$2:AK$366,ROUNDDOWN($C6679/24,0)+1,1))-1)+IF('Standard Profiles'!$G$21=$B$10,7,0)+IF('Standard Profiles'!$G$21=$B$17,14,0)+IF('Standard Profiles'!$G$21=$B$24,21,0),0)),0)</f>
        <v>0</v>
      </c>
      <c r="H6679" cm="1">
        <f t="array" ref="H6679">IFERROR(INDEX(Jesper!AL$2:AL$366,ROUNDDOWN($C6679/24,0)+1,1)*INDEX($D$3:$AA$30,INDEX(Jesper!$R$2:$R$366,ROW(INDEX(Jesper!AL$2:AL$366,ROUNDDOWN($C6679/24,0)+1,1))-1)+IF('Standard Profiles'!$G$22=$B$10,7,0)+IF('Standard Profiles'!$G$22=$B$17,14,0)+IF('Standard Profiles'!$G$22=$B$24,21,0),MOD($C6679,24)+1)/SUM(INDEX($D$3:$AA$30,INDEX(Jesper!$R$2:$R$366,ROW(INDEX(Jesper!AL$2:AL$366,ROUNDDOWN($C6679/24,0)+1,1))-1)+IF('Standard Profiles'!$G$22=$B$10,7,0)+IF('Standard Profiles'!$G$22=$B$17,14,0)+IF('Standard Profiles'!$G$22=$B$24,21,0),0)),0)</f>
        <v>0</v>
      </c>
      <c r="I6679">
        <f t="shared" si="741"/>
        <v>0.21769164252141054</v>
      </c>
      <c r="J6679">
        <f t="shared" si="742"/>
        <v>0.72563880840470185</v>
      </c>
      <c r="K6679">
        <f t="shared" si="743"/>
        <v>1.0884582126070528</v>
      </c>
      <c r="L6679">
        <f t="shared" si="744"/>
        <v>5.2245994205138535</v>
      </c>
      <c r="M6679">
        <f t="shared" si="745"/>
        <v>0</v>
      </c>
      <c r="N6679" s="46">
        <f t="shared" si="746"/>
        <v>45568.874999983884</v>
      </c>
    </row>
    <row r="6680" spans="2:14" x14ac:dyDescent="0.3">
      <c r="B6680">
        <f t="shared" si="740"/>
        <v>4</v>
      </c>
      <c r="C6680" s="16">
        <v>6646</v>
      </c>
      <c r="D6680" cm="1">
        <f t="array" ref="D6680">IFERROR(INDEX(Jesper!AH$2:AH$366,ROUNDDOWN($C6680/24,0)+1,1)*INDEX($D$3:$AA$30,INDEX(Jesper!$R$2:$R$366,ROW(INDEX(Jesper!AH$2:AH$366,ROUNDDOWN($C6680/24,0)+1,1))-1)+IF('Standard Profiles'!$G$18=$B$10,7,0)+IF('Standard Profiles'!$G$18=$B$17,14,0)+IF('Standard Profiles'!$G$18=$B$24,21,0),MOD($C6680,24)+1)/SUM(INDEX($D$3:$AA$30,INDEX(Jesper!$R$2:$R$366,ROW(INDEX(Jesper!AH$2:AH$366,ROUNDDOWN($C6680/24,0)+1,1))-1)+IF('Standard Profiles'!$G$18=$B$10,7,0)+IF('Standard Profiles'!$G$18=$B$17,14,0)+IF('Standard Profiles'!$G$18=$B$24,21,0),0)),0)</f>
        <v>7.2563880840470185</v>
      </c>
      <c r="E6680" cm="1">
        <f t="array" ref="E6680">IFERROR(INDEX(Jesper!AI$2:AI$366,ROUNDDOWN($C6680/24,0)+1,1)*INDEX($D$3:$AA$30,INDEX(Jesper!$R$2:$R$366,ROW(INDEX(Jesper!AI$2:AI$366,ROUNDDOWN($C6680/24,0)+1,1))-1)+IF('Standard Profiles'!$G$19=$B$10,7,0)+IF('Standard Profiles'!$G$19=$B$17,14,0)+IF('Standard Profiles'!$G$19=$B$24,21,0),MOD($C6680,24)+1)/SUM(INDEX($D$3:$AA$30,INDEX(Jesper!$R$2:$R$366,ROW(INDEX(Jesper!AI$2:AI$366,ROUNDDOWN($C6680/24,0)+1,1))-1)+IF('Standard Profiles'!$G$19=$B$10,7,0)+IF('Standard Profiles'!$G$19=$B$17,14,0)+IF('Standard Profiles'!$G$19=$B$24,21,0),0)),0)</f>
        <v>0</v>
      </c>
      <c r="F6680" cm="1">
        <f t="array" ref="F6680">IFERROR(INDEX(Jesper!AJ$2:AJ$366,ROUNDDOWN($C6680/24,0)+1,1)*INDEX($D$3:$AA$30,INDEX(Jesper!$R$2:$R$366,ROW(INDEX(Jesper!AJ$2:AJ$366,ROUNDDOWN($C6680/24,0)+1,1))-1)+IF('Standard Profiles'!$G$20=$B$10,7,0)+IF('Standard Profiles'!$G$20=$B$17,14,0)+IF('Standard Profiles'!$G$20=$B$24,21,0),MOD($C6680,24)+1)/SUM(INDEX($D$3:$AA$30,INDEX(Jesper!$R$2:$R$366,ROW(INDEX(Jesper!AJ$2:AJ$366,ROUNDDOWN($C6680/24,0)+1,1))-1)+IF('Standard Profiles'!$G$20=$B$10,7,0)+IF('Standard Profiles'!$G$20=$B$17,14,0)+IF('Standard Profiles'!$G$20=$B$24,21,0),0)),0)</f>
        <v>0</v>
      </c>
      <c r="G6680" cm="1">
        <f t="array" ref="G6680">IFERROR(INDEX(Jesper!AK$2:AK$366,ROUNDDOWN($C6680/24,0)+1,1)*INDEX($D$3:$AA$30,INDEX(Jesper!$R$2:$R$366,ROW(INDEX(Jesper!AK$2:AK$366,ROUNDDOWN($C6680/24,0)+1,1))-1)+IF('Standard Profiles'!$G$21=$B$10,7,0)+IF('Standard Profiles'!$G$21=$B$17,14,0)+IF('Standard Profiles'!$G$21=$B$24,21,0),MOD($C6680,24)+1)/SUM(INDEX($D$3:$AA$30,INDEX(Jesper!$R$2:$R$366,ROW(INDEX(Jesper!AK$2:AK$366,ROUNDDOWN($C6680/24,0)+1,1))-1)+IF('Standard Profiles'!$G$21=$B$10,7,0)+IF('Standard Profiles'!$G$21=$B$17,14,0)+IF('Standard Profiles'!$G$21=$B$24,21,0),0)),0)</f>
        <v>0</v>
      </c>
      <c r="H6680" cm="1">
        <f t="array" ref="H6680">IFERROR(INDEX(Jesper!AL$2:AL$366,ROUNDDOWN($C6680/24,0)+1,1)*INDEX($D$3:$AA$30,INDEX(Jesper!$R$2:$R$366,ROW(INDEX(Jesper!AL$2:AL$366,ROUNDDOWN($C6680/24,0)+1,1))-1)+IF('Standard Profiles'!$G$22=$B$10,7,0)+IF('Standard Profiles'!$G$22=$B$17,14,0)+IF('Standard Profiles'!$G$22=$B$24,21,0),MOD($C6680,24)+1)/SUM(INDEX($D$3:$AA$30,INDEX(Jesper!$R$2:$R$366,ROW(INDEX(Jesper!AL$2:AL$366,ROUNDDOWN($C6680/24,0)+1,1))-1)+IF('Standard Profiles'!$G$22=$B$10,7,0)+IF('Standard Profiles'!$G$22=$B$17,14,0)+IF('Standard Profiles'!$G$22=$B$24,21,0),0)),0)</f>
        <v>0</v>
      </c>
      <c r="I6680">
        <f t="shared" si="741"/>
        <v>0.21769164252141054</v>
      </c>
      <c r="J6680">
        <f t="shared" si="742"/>
        <v>0.72563880840470185</v>
      </c>
      <c r="K6680">
        <f t="shared" si="743"/>
        <v>1.0884582126070528</v>
      </c>
      <c r="L6680">
        <f t="shared" si="744"/>
        <v>5.2245994205138535</v>
      </c>
      <c r="M6680">
        <f t="shared" si="745"/>
        <v>0</v>
      </c>
      <c r="N6680" s="46">
        <f t="shared" si="746"/>
        <v>45568.916666650548</v>
      </c>
    </row>
    <row r="6681" spans="2:14" x14ac:dyDescent="0.3">
      <c r="B6681">
        <f t="shared" si="740"/>
        <v>4</v>
      </c>
      <c r="C6681" s="16">
        <v>6647</v>
      </c>
      <c r="D6681" cm="1">
        <f t="array" ref="D6681">IFERROR(INDEX(Jesper!AH$2:AH$366,ROUNDDOWN($C6681/24,0)+1,1)*INDEX($D$3:$AA$30,INDEX(Jesper!$R$2:$R$366,ROW(INDEX(Jesper!AH$2:AH$366,ROUNDDOWN($C6681/24,0)+1,1))-1)+IF('Standard Profiles'!$G$18=$B$10,7,0)+IF('Standard Profiles'!$G$18=$B$17,14,0)+IF('Standard Profiles'!$G$18=$B$24,21,0),MOD($C6681,24)+1)/SUM(INDEX($D$3:$AA$30,INDEX(Jesper!$R$2:$R$366,ROW(INDEX(Jesper!AH$2:AH$366,ROUNDDOWN($C6681/24,0)+1,1))-1)+IF('Standard Profiles'!$G$18=$B$10,7,0)+IF('Standard Profiles'!$G$18=$B$17,14,0)+IF('Standard Profiles'!$G$18=$B$24,21,0),0)),0)</f>
        <v>7.2563880840470185</v>
      </c>
      <c r="E6681" cm="1">
        <f t="array" ref="E6681">IFERROR(INDEX(Jesper!AI$2:AI$366,ROUNDDOWN($C6681/24,0)+1,1)*INDEX($D$3:$AA$30,INDEX(Jesper!$R$2:$R$366,ROW(INDEX(Jesper!AI$2:AI$366,ROUNDDOWN($C6681/24,0)+1,1))-1)+IF('Standard Profiles'!$G$19=$B$10,7,0)+IF('Standard Profiles'!$G$19=$B$17,14,0)+IF('Standard Profiles'!$G$19=$B$24,21,0),MOD($C6681,24)+1)/SUM(INDEX($D$3:$AA$30,INDEX(Jesper!$R$2:$R$366,ROW(INDEX(Jesper!AI$2:AI$366,ROUNDDOWN($C6681/24,0)+1,1))-1)+IF('Standard Profiles'!$G$19=$B$10,7,0)+IF('Standard Profiles'!$G$19=$B$17,14,0)+IF('Standard Profiles'!$G$19=$B$24,21,0),0)),0)</f>
        <v>0</v>
      </c>
      <c r="F6681" cm="1">
        <f t="array" ref="F6681">IFERROR(INDEX(Jesper!AJ$2:AJ$366,ROUNDDOWN($C6681/24,0)+1,1)*INDEX($D$3:$AA$30,INDEX(Jesper!$R$2:$R$366,ROW(INDEX(Jesper!AJ$2:AJ$366,ROUNDDOWN($C6681/24,0)+1,1))-1)+IF('Standard Profiles'!$G$20=$B$10,7,0)+IF('Standard Profiles'!$G$20=$B$17,14,0)+IF('Standard Profiles'!$G$20=$B$24,21,0),MOD($C6681,24)+1)/SUM(INDEX($D$3:$AA$30,INDEX(Jesper!$R$2:$R$366,ROW(INDEX(Jesper!AJ$2:AJ$366,ROUNDDOWN($C6681/24,0)+1,1))-1)+IF('Standard Profiles'!$G$20=$B$10,7,0)+IF('Standard Profiles'!$G$20=$B$17,14,0)+IF('Standard Profiles'!$G$20=$B$24,21,0),0)),0)</f>
        <v>0</v>
      </c>
      <c r="G6681" cm="1">
        <f t="array" ref="G6681">IFERROR(INDEX(Jesper!AK$2:AK$366,ROUNDDOWN($C6681/24,0)+1,1)*INDEX($D$3:$AA$30,INDEX(Jesper!$R$2:$R$366,ROW(INDEX(Jesper!AK$2:AK$366,ROUNDDOWN($C6681/24,0)+1,1))-1)+IF('Standard Profiles'!$G$21=$B$10,7,0)+IF('Standard Profiles'!$G$21=$B$17,14,0)+IF('Standard Profiles'!$G$21=$B$24,21,0),MOD($C6681,24)+1)/SUM(INDEX($D$3:$AA$30,INDEX(Jesper!$R$2:$R$366,ROW(INDEX(Jesper!AK$2:AK$366,ROUNDDOWN($C6681/24,0)+1,1))-1)+IF('Standard Profiles'!$G$21=$B$10,7,0)+IF('Standard Profiles'!$G$21=$B$17,14,0)+IF('Standard Profiles'!$G$21=$B$24,21,0),0)),0)</f>
        <v>0</v>
      </c>
      <c r="H6681" cm="1">
        <f t="array" ref="H6681">IFERROR(INDEX(Jesper!AL$2:AL$366,ROUNDDOWN($C6681/24,0)+1,1)*INDEX($D$3:$AA$30,INDEX(Jesper!$R$2:$R$366,ROW(INDEX(Jesper!AL$2:AL$366,ROUNDDOWN($C6681/24,0)+1,1))-1)+IF('Standard Profiles'!$G$22=$B$10,7,0)+IF('Standard Profiles'!$G$22=$B$17,14,0)+IF('Standard Profiles'!$G$22=$B$24,21,0),MOD($C6681,24)+1)/SUM(INDEX($D$3:$AA$30,INDEX(Jesper!$R$2:$R$366,ROW(INDEX(Jesper!AL$2:AL$366,ROUNDDOWN($C6681/24,0)+1,1))-1)+IF('Standard Profiles'!$G$22=$B$10,7,0)+IF('Standard Profiles'!$G$22=$B$17,14,0)+IF('Standard Profiles'!$G$22=$B$24,21,0),0)),0)</f>
        <v>0</v>
      </c>
      <c r="I6681">
        <f t="shared" si="741"/>
        <v>0.21769164252141054</v>
      </c>
      <c r="J6681">
        <f t="shared" si="742"/>
        <v>0.72563880840470185</v>
      </c>
      <c r="K6681">
        <f t="shared" si="743"/>
        <v>1.0884582126070528</v>
      </c>
      <c r="L6681">
        <f t="shared" si="744"/>
        <v>5.2245994205138535</v>
      </c>
      <c r="M6681">
        <f t="shared" si="745"/>
        <v>0</v>
      </c>
      <c r="N6681" s="46">
        <f t="shared" si="746"/>
        <v>45568.958333317212</v>
      </c>
    </row>
    <row r="6682" spans="2:14" x14ac:dyDescent="0.3">
      <c r="B6682">
        <f t="shared" si="740"/>
        <v>5</v>
      </c>
      <c r="C6682" s="16">
        <v>6648</v>
      </c>
      <c r="D6682" cm="1">
        <f t="array" ref="D6682">IFERROR(INDEX(Jesper!AH$2:AH$366,ROUNDDOWN($C6682/24,0)+1,1)*INDEX($D$3:$AA$30,INDEX(Jesper!$R$2:$R$366,ROW(INDEX(Jesper!AH$2:AH$366,ROUNDDOWN($C6682/24,0)+1,1))-1)+IF('Standard Profiles'!$G$18=$B$10,7,0)+IF('Standard Profiles'!$G$18=$B$17,14,0)+IF('Standard Profiles'!$G$18=$B$24,21,0),MOD($C6682,24)+1)/SUM(INDEX($D$3:$AA$30,INDEX(Jesper!$R$2:$R$366,ROW(INDEX(Jesper!AH$2:AH$366,ROUNDDOWN($C6682/24,0)+1,1))-1)+IF('Standard Profiles'!$G$18=$B$10,7,0)+IF('Standard Profiles'!$G$18=$B$17,14,0)+IF('Standard Profiles'!$G$18=$B$24,21,0),0)),0)</f>
        <v>8.0592350708900522</v>
      </c>
      <c r="E6682" cm="1">
        <f t="array" ref="E6682">IFERROR(INDEX(Jesper!AI$2:AI$366,ROUNDDOWN($C6682/24,0)+1,1)*INDEX($D$3:$AA$30,INDEX(Jesper!$R$2:$R$366,ROW(INDEX(Jesper!AI$2:AI$366,ROUNDDOWN($C6682/24,0)+1,1))-1)+IF('Standard Profiles'!$G$19=$B$10,7,0)+IF('Standard Profiles'!$G$19=$B$17,14,0)+IF('Standard Profiles'!$G$19=$B$24,21,0),MOD($C6682,24)+1)/SUM(INDEX($D$3:$AA$30,INDEX(Jesper!$R$2:$R$366,ROW(INDEX(Jesper!AI$2:AI$366,ROUNDDOWN($C6682/24,0)+1,1))-1)+IF('Standard Profiles'!$G$19=$B$10,7,0)+IF('Standard Profiles'!$G$19=$B$17,14,0)+IF('Standard Profiles'!$G$19=$B$24,21,0),0)),0)</f>
        <v>0</v>
      </c>
      <c r="F6682" cm="1">
        <f t="array" ref="F6682">IFERROR(INDEX(Jesper!AJ$2:AJ$366,ROUNDDOWN($C6682/24,0)+1,1)*INDEX($D$3:$AA$30,INDEX(Jesper!$R$2:$R$366,ROW(INDEX(Jesper!AJ$2:AJ$366,ROUNDDOWN($C6682/24,0)+1,1))-1)+IF('Standard Profiles'!$G$20=$B$10,7,0)+IF('Standard Profiles'!$G$20=$B$17,14,0)+IF('Standard Profiles'!$G$20=$B$24,21,0),MOD($C6682,24)+1)/SUM(INDEX($D$3:$AA$30,INDEX(Jesper!$R$2:$R$366,ROW(INDEX(Jesper!AJ$2:AJ$366,ROUNDDOWN($C6682/24,0)+1,1))-1)+IF('Standard Profiles'!$G$20=$B$10,7,0)+IF('Standard Profiles'!$G$20=$B$17,14,0)+IF('Standard Profiles'!$G$20=$B$24,21,0),0)),0)</f>
        <v>0</v>
      </c>
      <c r="G6682" cm="1">
        <f t="array" ref="G6682">IFERROR(INDEX(Jesper!AK$2:AK$366,ROUNDDOWN($C6682/24,0)+1,1)*INDEX($D$3:$AA$30,INDEX(Jesper!$R$2:$R$366,ROW(INDEX(Jesper!AK$2:AK$366,ROUNDDOWN($C6682/24,0)+1,1))-1)+IF('Standard Profiles'!$G$21=$B$10,7,0)+IF('Standard Profiles'!$G$21=$B$17,14,0)+IF('Standard Profiles'!$G$21=$B$24,21,0),MOD($C6682,24)+1)/SUM(INDEX($D$3:$AA$30,INDEX(Jesper!$R$2:$R$366,ROW(INDEX(Jesper!AK$2:AK$366,ROUNDDOWN($C6682/24,0)+1,1))-1)+IF('Standard Profiles'!$G$21=$B$10,7,0)+IF('Standard Profiles'!$G$21=$B$17,14,0)+IF('Standard Profiles'!$G$21=$B$24,21,0),0)),0)</f>
        <v>0</v>
      </c>
      <c r="H6682" cm="1">
        <f t="array" ref="H6682">IFERROR(INDEX(Jesper!AL$2:AL$366,ROUNDDOWN($C6682/24,0)+1,1)*INDEX($D$3:$AA$30,INDEX(Jesper!$R$2:$R$366,ROW(INDEX(Jesper!AL$2:AL$366,ROUNDDOWN($C6682/24,0)+1,1))-1)+IF('Standard Profiles'!$G$22=$B$10,7,0)+IF('Standard Profiles'!$G$22=$B$17,14,0)+IF('Standard Profiles'!$G$22=$B$24,21,0),MOD($C6682,24)+1)/SUM(INDEX($D$3:$AA$30,INDEX(Jesper!$R$2:$R$366,ROW(INDEX(Jesper!AL$2:AL$366,ROUNDDOWN($C6682/24,0)+1,1))-1)+IF('Standard Profiles'!$G$22=$B$10,7,0)+IF('Standard Profiles'!$G$22=$B$17,14,0)+IF('Standard Profiles'!$G$22=$B$24,21,0),0)),0)</f>
        <v>0</v>
      </c>
      <c r="I6682">
        <f t="shared" si="741"/>
        <v>0.24177705212670156</v>
      </c>
      <c r="J6682">
        <f t="shared" si="742"/>
        <v>0.80592350708900529</v>
      </c>
      <c r="K6682">
        <f t="shared" si="743"/>
        <v>1.2088852606335079</v>
      </c>
      <c r="L6682">
        <f t="shared" si="744"/>
        <v>5.8026492510408376</v>
      </c>
      <c r="M6682">
        <f t="shared" si="745"/>
        <v>0</v>
      </c>
      <c r="N6682" s="46">
        <f t="shared" si="746"/>
        <v>45568.999999983876</v>
      </c>
    </row>
    <row r="6683" spans="2:14" x14ac:dyDescent="0.3">
      <c r="B6683">
        <f t="shared" si="740"/>
        <v>5</v>
      </c>
      <c r="C6683" s="16">
        <v>6649</v>
      </c>
      <c r="D6683" cm="1">
        <f t="array" ref="D6683">IFERROR(INDEX(Jesper!AH$2:AH$366,ROUNDDOWN($C6683/24,0)+1,1)*INDEX($D$3:$AA$30,INDEX(Jesper!$R$2:$R$366,ROW(INDEX(Jesper!AH$2:AH$366,ROUNDDOWN($C6683/24,0)+1,1))-1)+IF('Standard Profiles'!$G$18=$B$10,7,0)+IF('Standard Profiles'!$G$18=$B$17,14,0)+IF('Standard Profiles'!$G$18=$B$24,21,0),MOD($C6683,24)+1)/SUM(INDEX($D$3:$AA$30,INDEX(Jesper!$R$2:$R$366,ROW(INDEX(Jesper!AH$2:AH$366,ROUNDDOWN($C6683/24,0)+1,1))-1)+IF('Standard Profiles'!$G$18=$B$10,7,0)+IF('Standard Profiles'!$G$18=$B$17,14,0)+IF('Standard Profiles'!$G$18=$B$24,21,0),0)),0)</f>
        <v>8.0592350708900522</v>
      </c>
      <c r="E6683" cm="1">
        <f t="array" ref="E6683">IFERROR(INDEX(Jesper!AI$2:AI$366,ROUNDDOWN($C6683/24,0)+1,1)*INDEX($D$3:$AA$30,INDEX(Jesper!$R$2:$R$366,ROW(INDEX(Jesper!AI$2:AI$366,ROUNDDOWN($C6683/24,0)+1,1))-1)+IF('Standard Profiles'!$G$19=$B$10,7,0)+IF('Standard Profiles'!$G$19=$B$17,14,0)+IF('Standard Profiles'!$G$19=$B$24,21,0),MOD($C6683,24)+1)/SUM(INDEX($D$3:$AA$30,INDEX(Jesper!$R$2:$R$366,ROW(INDEX(Jesper!AI$2:AI$366,ROUNDDOWN($C6683/24,0)+1,1))-1)+IF('Standard Profiles'!$G$19=$B$10,7,0)+IF('Standard Profiles'!$G$19=$B$17,14,0)+IF('Standard Profiles'!$G$19=$B$24,21,0),0)),0)</f>
        <v>0</v>
      </c>
      <c r="F6683" cm="1">
        <f t="array" ref="F6683">IFERROR(INDEX(Jesper!AJ$2:AJ$366,ROUNDDOWN($C6683/24,0)+1,1)*INDEX($D$3:$AA$30,INDEX(Jesper!$R$2:$R$366,ROW(INDEX(Jesper!AJ$2:AJ$366,ROUNDDOWN($C6683/24,0)+1,1))-1)+IF('Standard Profiles'!$G$20=$B$10,7,0)+IF('Standard Profiles'!$G$20=$B$17,14,0)+IF('Standard Profiles'!$G$20=$B$24,21,0),MOD($C6683,24)+1)/SUM(INDEX($D$3:$AA$30,INDEX(Jesper!$R$2:$R$366,ROW(INDEX(Jesper!AJ$2:AJ$366,ROUNDDOWN($C6683/24,0)+1,1))-1)+IF('Standard Profiles'!$G$20=$B$10,7,0)+IF('Standard Profiles'!$G$20=$B$17,14,0)+IF('Standard Profiles'!$G$20=$B$24,21,0),0)),0)</f>
        <v>0</v>
      </c>
      <c r="G6683" cm="1">
        <f t="array" ref="G6683">IFERROR(INDEX(Jesper!AK$2:AK$366,ROUNDDOWN($C6683/24,0)+1,1)*INDEX($D$3:$AA$30,INDEX(Jesper!$R$2:$R$366,ROW(INDEX(Jesper!AK$2:AK$366,ROUNDDOWN($C6683/24,0)+1,1))-1)+IF('Standard Profiles'!$G$21=$B$10,7,0)+IF('Standard Profiles'!$G$21=$B$17,14,0)+IF('Standard Profiles'!$G$21=$B$24,21,0),MOD($C6683,24)+1)/SUM(INDEX($D$3:$AA$30,INDEX(Jesper!$R$2:$R$366,ROW(INDEX(Jesper!AK$2:AK$366,ROUNDDOWN($C6683/24,0)+1,1))-1)+IF('Standard Profiles'!$G$21=$B$10,7,0)+IF('Standard Profiles'!$G$21=$B$17,14,0)+IF('Standard Profiles'!$G$21=$B$24,21,0),0)),0)</f>
        <v>0</v>
      </c>
      <c r="H6683" cm="1">
        <f t="array" ref="H6683">IFERROR(INDEX(Jesper!AL$2:AL$366,ROUNDDOWN($C6683/24,0)+1,1)*INDEX($D$3:$AA$30,INDEX(Jesper!$R$2:$R$366,ROW(INDEX(Jesper!AL$2:AL$366,ROUNDDOWN($C6683/24,0)+1,1))-1)+IF('Standard Profiles'!$G$22=$B$10,7,0)+IF('Standard Profiles'!$G$22=$B$17,14,0)+IF('Standard Profiles'!$G$22=$B$24,21,0),MOD($C6683,24)+1)/SUM(INDEX($D$3:$AA$30,INDEX(Jesper!$R$2:$R$366,ROW(INDEX(Jesper!AL$2:AL$366,ROUNDDOWN($C6683/24,0)+1,1))-1)+IF('Standard Profiles'!$G$22=$B$10,7,0)+IF('Standard Profiles'!$G$22=$B$17,14,0)+IF('Standard Profiles'!$G$22=$B$24,21,0),0)),0)</f>
        <v>0</v>
      </c>
      <c r="I6683">
        <f t="shared" si="741"/>
        <v>0.24177705212670156</v>
      </c>
      <c r="J6683">
        <f t="shared" si="742"/>
        <v>0.80592350708900529</v>
      </c>
      <c r="K6683">
        <f t="shared" si="743"/>
        <v>1.2088852606335079</v>
      </c>
      <c r="L6683">
        <f t="shared" si="744"/>
        <v>5.8026492510408376</v>
      </c>
      <c r="M6683">
        <f t="shared" si="745"/>
        <v>0</v>
      </c>
      <c r="N6683" s="46">
        <f t="shared" si="746"/>
        <v>45569.041666650541</v>
      </c>
    </row>
    <row r="6684" spans="2:14" x14ac:dyDescent="0.3">
      <c r="B6684">
        <f t="shared" si="740"/>
        <v>5</v>
      </c>
      <c r="C6684" s="16">
        <v>6650</v>
      </c>
      <c r="D6684" cm="1">
        <f t="array" ref="D6684">IFERROR(INDEX(Jesper!AH$2:AH$366,ROUNDDOWN($C6684/24,0)+1,1)*INDEX($D$3:$AA$30,INDEX(Jesper!$R$2:$R$366,ROW(INDEX(Jesper!AH$2:AH$366,ROUNDDOWN($C6684/24,0)+1,1))-1)+IF('Standard Profiles'!$G$18=$B$10,7,0)+IF('Standard Profiles'!$G$18=$B$17,14,0)+IF('Standard Profiles'!$G$18=$B$24,21,0),MOD($C6684,24)+1)/SUM(INDEX($D$3:$AA$30,INDEX(Jesper!$R$2:$R$366,ROW(INDEX(Jesper!AH$2:AH$366,ROUNDDOWN($C6684/24,0)+1,1))-1)+IF('Standard Profiles'!$G$18=$B$10,7,0)+IF('Standard Profiles'!$G$18=$B$17,14,0)+IF('Standard Profiles'!$G$18=$B$24,21,0),0)),0)</f>
        <v>8.0592350708900522</v>
      </c>
      <c r="E6684" cm="1">
        <f t="array" ref="E6684">IFERROR(INDEX(Jesper!AI$2:AI$366,ROUNDDOWN($C6684/24,0)+1,1)*INDEX($D$3:$AA$30,INDEX(Jesper!$R$2:$R$366,ROW(INDEX(Jesper!AI$2:AI$366,ROUNDDOWN($C6684/24,0)+1,1))-1)+IF('Standard Profiles'!$G$19=$B$10,7,0)+IF('Standard Profiles'!$G$19=$B$17,14,0)+IF('Standard Profiles'!$G$19=$B$24,21,0),MOD($C6684,24)+1)/SUM(INDEX($D$3:$AA$30,INDEX(Jesper!$R$2:$R$366,ROW(INDEX(Jesper!AI$2:AI$366,ROUNDDOWN($C6684/24,0)+1,1))-1)+IF('Standard Profiles'!$G$19=$B$10,7,0)+IF('Standard Profiles'!$G$19=$B$17,14,0)+IF('Standard Profiles'!$G$19=$B$24,21,0),0)),0)</f>
        <v>0</v>
      </c>
      <c r="F6684" cm="1">
        <f t="array" ref="F6684">IFERROR(INDEX(Jesper!AJ$2:AJ$366,ROUNDDOWN($C6684/24,0)+1,1)*INDEX($D$3:$AA$30,INDEX(Jesper!$R$2:$R$366,ROW(INDEX(Jesper!AJ$2:AJ$366,ROUNDDOWN($C6684/24,0)+1,1))-1)+IF('Standard Profiles'!$G$20=$B$10,7,0)+IF('Standard Profiles'!$G$20=$B$17,14,0)+IF('Standard Profiles'!$G$20=$B$24,21,0),MOD($C6684,24)+1)/SUM(INDEX($D$3:$AA$30,INDEX(Jesper!$R$2:$R$366,ROW(INDEX(Jesper!AJ$2:AJ$366,ROUNDDOWN($C6684/24,0)+1,1))-1)+IF('Standard Profiles'!$G$20=$B$10,7,0)+IF('Standard Profiles'!$G$20=$B$17,14,0)+IF('Standard Profiles'!$G$20=$B$24,21,0),0)),0)</f>
        <v>0</v>
      </c>
      <c r="G6684" cm="1">
        <f t="array" ref="G6684">IFERROR(INDEX(Jesper!AK$2:AK$366,ROUNDDOWN($C6684/24,0)+1,1)*INDEX($D$3:$AA$30,INDEX(Jesper!$R$2:$R$366,ROW(INDEX(Jesper!AK$2:AK$366,ROUNDDOWN($C6684/24,0)+1,1))-1)+IF('Standard Profiles'!$G$21=$B$10,7,0)+IF('Standard Profiles'!$G$21=$B$17,14,0)+IF('Standard Profiles'!$G$21=$B$24,21,0),MOD($C6684,24)+1)/SUM(INDEX($D$3:$AA$30,INDEX(Jesper!$R$2:$R$366,ROW(INDEX(Jesper!AK$2:AK$366,ROUNDDOWN($C6684/24,0)+1,1))-1)+IF('Standard Profiles'!$G$21=$B$10,7,0)+IF('Standard Profiles'!$G$21=$B$17,14,0)+IF('Standard Profiles'!$G$21=$B$24,21,0),0)),0)</f>
        <v>0</v>
      </c>
      <c r="H6684" cm="1">
        <f t="array" ref="H6684">IFERROR(INDEX(Jesper!AL$2:AL$366,ROUNDDOWN($C6684/24,0)+1,1)*INDEX($D$3:$AA$30,INDEX(Jesper!$R$2:$R$366,ROW(INDEX(Jesper!AL$2:AL$366,ROUNDDOWN($C6684/24,0)+1,1))-1)+IF('Standard Profiles'!$G$22=$B$10,7,0)+IF('Standard Profiles'!$G$22=$B$17,14,0)+IF('Standard Profiles'!$G$22=$B$24,21,0),MOD($C6684,24)+1)/SUM(INDEX($D$3:$AA$30,INDEX(Jesper!$R$2:$R$366,ROW(INDEX(Jesper!AL$2:AL$366,ROUNDDOWN($C6684/24,0)+1,1))-1)+IF('Standard Profiles'!$G$22=$B$10,7,0)+IF('Standard Profiles'!$G$22=$B$17,14,0)+IF('Standard Profiles'!$G$22=$B$24,21,0),0)),0)</f>
        <v>0</v>
      </c>
      <c r="I6684">
        <f t="shared" si="741"/>
        <v>0.24177705212670156</v>
      </c>
      <c r="J6684">
        <f t="shared" si="742"/>
        <v>0.80592350708900529</v>
      </c>
      <c r="K6684">
        <f t="shared" si="743"/>
        <v>1.2088852606335079</v>
      </c>
      <c r="L6684">
        <f t="shared" si="744"/>
        <v>5.8026492510408376</v>
      </c>
      <c r="M6684">
        <f t="shared" si="745"/>
        <v>0</v>
      </c>
      <c r="N6684" s="46">
        <f t="shared" si="746"/>
        <v>45569.083333317205</v>
      </c>
    </row>
    <row r="6685" spans="2:14" x14ac:dyDescent="0.3">
      <c r="B6685">
        <f t="shared" si="740"/>
        <v>5</v>
      </c>
      <c r="C6685" s="16">
        <v>6651</v>
      </c>
      <c r="D6685" cm="1">
        <f t="array" ref="D6685">IFERROR(INDEX(Jesper!AH$2:AH$366,ROUNDDOWN($C6685/24,0)+1,1)*INDEX($D$3:$AA$30,INDEX(Jesper!$R$2:$R$366,ROW(INDEX(Jesper!AH$2:AH$366,ROUNDDOWN($C6685/24,0)+1,1))-1)+IF('Standard Profiles'!$G$18=$B$10,7,0)+IF('Standard Profiles'!$G$18=$B$17,14,0)+IF('Standard Profiles'!$G$18=$B$24,21,0),MOD($C6685,24)+1)/SUM(INDEX($D$3:$AA$30,INDEX(Jesper!$R$2:$R$366,ROW(INDEX(Jesper!AH$2:AH$366,ROUNDDOWN($C6685/24,0)+1,1))-1)+IF('Standard Profiles'!$G$18=$B$10,7,0)+IF('Standard Profiles'!$G$18=$B$17,14,0)+IF('Standard Profiles'!$G$18=$B$24,21,0),0)),0)</f>
        <v>8.0592350708900522</v>
      </c>
      <c r="E6685" cm="1">
        <f t="array" ref="E6685">IFERROR(INDEX(Jesper!AI$2:AI$366,ROUNDDOWN($C6685/24,0)+1,1)*INDEX($D$3:$AA$30,INDEX(Jesper!$R$2:$R$366,ROW(INDEX(Jesper!AI$2:AI$366,ROUNDDOWN($C6685/24,0)+1,1))-1)+IF('Standard Profiles'!$G$19=$B$10,7,0)+IF('Standard Profiles'!$G$19=$B$17,14,0)+IF('Standard Profiles'!$G$19=$B$24,21,0),MOD($C6685,24)+1)/SUM(INDEX($D$3:$AA$30,INDEX(Jesper!$R$2:$R$366,ROW(INDEX(Jesper!AI$2:AI$366,ROUNDDOWN($C6685/24,0)+1,1))-1)+IF('Standard Profiles'!$G$19=$B$10,7,0)+IF('Standard Profiles'!$G$19=$B$17,14,0)+IF('Standard Profiles'!$G$19=$B$24,21,0),0)),0)</f>
        <v>0</v>
      </c>
      <c r="F6685" cm="1">
        <f t="array" ref="F6685">IFERROR(INDEX(Jesper!AJ$2:AJ$366,ROUNDDOWN($C6685/24,0)+1,1)*INDEX($D$3:$AA$30,INDEX(Jesper!$R$2:$R$366,ROW(INDEX(Jesper!AJ$2:AJ$366,ROUNDDOWN($C6685/24,0)+1,1))-1)+IF('Standard Profiles'!$G$20=$B$10,7,0)+IF('Standard Profiles'!$G$20=$B$17,14,0)+IF('Standard Profiles'!$G$20=$B$24,21,0),MOD($C6685,24)+1)/SUM(INDEX($D$3:$AA$30,INDEX(Jesper!$R$2:$R$366,ROW(INDEX(Jesper!AJ$2:AJ$366,ROUNDDOWN($C6685/24,0)+1,1))-1)+IF('Standard Profiles'!$G$20=$B$10,7,0)+IF('Standard Profiles'!$G$20=$B$17,14,0)+IF('Standard Profiles'!$G$20=$B$24,21,0),0)),0)</f>
        <v>0</v>
      </c>
      <c r="G6685" cm="1">
        <f t="array" ref="G6685">IFERROR(INDEX(Jesper!AK$2:AK$366,ROUNDDOWN($C6685/24,0)+1,1)*INDEX($D$3:$AA$30,INDEX(Jesper!$R$2:$R$366,ROW(INDEX(Jesper!AK$2:AK$366,ROUNDDOWN($C6685/24,0)+1,1))-1)+IF('Standard Profiles'!$G$21=$B$10,7,0)+IF('Standard Profiles'!$G$21=$B$17,14,0)+IF('Standard Profiles'!$G$21=$B$24,21,0),MOD($C6685,24)+1)/SUM(INDEX($D$3:$AA$30,INDEX(Jesper!$R$2:$R$366,ROW(INDEX(Jesper!AK$2:AK$366,ROUNDDOWN($C6685/24,0)+1,1))-1)+IF('Standard Profiles'!$G$21=$B$10,7,0)+IF('Standard Profiles'!$G$21=$B$17,14,0)+IF('Standard Profiles'!$G$21=$B$24,21,0),0)),0)</f>
        <v>0</v>
      </c>
      <c r="H6685" cm="1">
        <f t="array" ref="H6685">IFERROR(INDEX(Jesper!AL$2:AL$366,ROUNDDOWN($C6685/24,0)+1,1)*INDEX($D$3:$AA$30,INDEX(Jesper!$R$2:$R$366,ROW(INDEX(Jesper!AL$2:AL$366,ROUNDDOWN($C6685/24,0)+1,1))-1)+IF('Standard Profiles'!$G$22=$B$10,7,0)+IF('Standard Profiles'!$G$22=$B$17,14,0)+IF('Standard Profiles'!$G$22=$B$24,21,0),MOD($C6685,24)+1)/SUM(INDEX($D$3:$AA$30,INDEX(Jesper!$R$2:$R$366,ROW(INDEX(Jesper!AL$2:AL$366,ROUNDDOWN($C6685/24,0)+1,1))-1)+IF('Standard Profiles'!$G$22=$B$10,7,0)+IF('Standard Profiles'!$G$22=$B$17,14,0)+IF('Standard Profiles'!$G$22=$B$24,21,0),0)),0)</f>
        <v>0</v>
      </c>
      <c r="I6685">
        <f t="shared" si="741"/>
        <v>0.24177705212670156</v>
      </c>
      <c r="J6685">
        <f t="shared" si="742"/>
        <v>0.80592350708900529</v>
      </c>
      <c r="K6685">
        <f t="shared" si="743"/>
        <v>1.2088852606335079</v>
      </c>
      <c r="L6685">
        <f t="shared" si="744"/>
        <v>5.8026492510408376</v>
      </c>
      <c r="M6685">
        <f t="shared" si="745"/>
        <v>0</v>
      </c>
      <c r="N6685" s="46">
        <f t="shared" si="746"/>
        <v>45569.124999983869</v>
      </c>
    </row>
    <row r="6686" spans="2:14" x14ac:dyDescent="0.3">
      <c r="B6686">
        <f t="shared" si="740"/>
        <v>5</v>
      </c>
      <c r="C6686" s="16">
        <v>6652</v>
      </c>
      <c r="D6686" cm="1">
        <f t="array" ref="D6686">IFERROR(INDEX(Jesper!AH$2:AH$366,ROUNDDOWN($C6686/24,0)+1,1)*INDEX($D$3:$AA$30,INDEX(Jesper!$R$2:$R$366,ROW(INDEX(Jesper!AH$2:AH$366,ROUNDDOWN($C6686/24,0)+1,1))-1)+IF('Standard Profiles'!$G$18=$B$10,7,0)+IF('Standard Profiles'!$G$18=$B$17,14,0)+IF('Standard Profiles'!$G$18=$B$24,21,0),MOD($C6686,24)+1)/SUM(INDEX($D$3:$AA$30,INDEX(Jesper!$R$2:$R$366,ROW(INDEX(Jesper!AH$2:AH$366,ROUNDDOWN($C6686/24,0)+1,1))-1)+IF('Standard Profiles'!$G$18=$B$10,7,0)+IF('Standard Profiles'!$G$18=$B$17,14,0)+IF('Standard Profiles'!$G$18=$B$24,21,0),0)),0)</f>
        <v>8.0592350708900522</v>
      </c>
      <c r="E6686" cm="1">
        <f t="array" ref="E6686">IFERROR(INDEX(Jesper!AI$2:AI$366,ROUNDDOWN($C6686/24,0)+1,1)*INDEX($D$3:$AA$30,INDEX(Jesper!$R$2:$R$366,ROW(INDEX(Jesper!AI$2:AI$366,ROUNDDOWN($C6686/24,0)+1,1))-1)+IF('Standard Profiles'!$G$19=$B$10,7,0)+IF('Standard Profiles'!$G$19=$B$17,14,0)+IF('Standard Profiles'!$G$19=$B$24,21,0),MOD($C6686,24)+1)/SUM(INDEX($D$3:$AA$30,INDEX(Jesper!$R$2:$R$366,ROW(INDEX(Jesper!AI$2:AI$366,ROUNDDOWN($C6686/24,0)+1,1))-1)+IF('Standard Profiles'!$G$19=$B$10,7,0)+IF('Standard Profiles'!$G$19=$B$17,14,0)+IF('Standard Profiles'!$G$19=$B$24,21,0),0)),0)</f>
        <v>0</v>
      </c>
      <c r="F6686" cm="1">
        <f t="array" ref="F6686">IFERROR(INDEX(Jesper!AJ$2:AJ$366,ROUNDDOWN($C6686/24,0)+1,1)*INDEX($D$3:$AA$30,INDEX(Jesper!$R$2:$R$366,ROW(INDEX(Jesper!AJ$2:AJ$366,ROUNDDOWN($C6686/24,0)+1,1))-1)+IF('Standard Profiles'!$G$20=$B$10,7,0)+IF('Standard Profiles'!$G$20=$B$17,14,0)+IF('Standard Profiles'!$G$20=$B$24,21,0),MOD($C6686,24)+1)/SUM(INDEX($D$3:$AA$30,INDEX(Jesper!$R$2:$R$366,ROW(INDEX(Jesper!AJ$2:AJ$366,ROUNDDOWN($C6686/24,0)+1,1))-1)+IF('Standard Profiles'!$G$20=$B$10,7,0)+IF('Standard Profiles'!$G$20=$B$17,14,0)+IF('Standard Profiles'!$G$20=$B$24,21,0),0)),0)</f>
        <v>0</v>
      </c>
      <c r="G6686" cm="1">
        <f t="array" ref="G6686">IFERROR(INDEX(Jesper!AK$2:AK$366,ROUNDDOWN($C6686/24,0)+1,1)*INDEX($D$3:$AA$30,INDEX(Jesper!$R$2:$R$366,ROW(INDEX(Jesper!AK$2:AK$366,ROUNDDOWN($C6686/24,0)+1,1))-1)+IF('Standard Profiles'!$G$21=$B$10,7,0)+IF('Standard Profiles'!$G$21=$B$17,14,0)+IF('Standard Profiles'!$G$21=$B$24,21,0),MOD($C6686,24)+1)/SUM(INDEX($D$3:$AA$30,INDEX(Jesper!$R$2:$R$366,ROW(INDEX(Jesper!AK$2:AK$366,ROUNDDOWN($C6686/24,0)+1,1))-1)+IF('Standard Profiles'!$G$21=$B$10,7,0)+IF('Standard Profiles'!$G$21=$B$17,14,0)+IF('Standard Profiles'!$G$21=$B$24,21,0),0)),0)</f>
        <v>0</v>
      </c>
      <c r="H6686" cm="1">
        <f t="array" ref="H6686">IFERROR(INDEX(Jesper!AL$2:AL$366,ROUNDDOWN($C6686/24,0)+1,1)*INDEX($D$3:$AA$30,INDEX(Jesper!$R$2:$R$366,ROW(INDEX(Jesper!AL$2:AL$366,ROUNDDOWN($C6686/24,0)+1,1))-1)+IF('Standard Profiles'!$G$22=$B$10,7,0)+IF('Standard Profiles'!$G$22=$B$17,14,0)+IF('Standard Profiles'!$G$22=$B$24,21,0),MOD($C6686,24)+1)/SUM(INDEX($D$3:$AA$30,INDEX(Jesper!$R$2:$R$366,ROW(INDEX(Jesper!AL$2:AL$366,ROUNDDOWN($C6686/24,0)+1,1))-1)+IF('Standard Profiles'!$G$22=$B$10,7,0)+IF('Standard Profiles'!$G$22=$B$17,14,0)+IF('Standard Profiles'!$G$22=$B$24,21,0),0)),0)</f>
        <v>0</v>
      </c>
      <c r="I6686">
        <f t="shared" si="741"/>
        <v>0.24177705212670156</v>
      </c>
      <c r="J6686">
        <f t="shared" si="742"/>
        <v>0.80592350708900529</v>
      </c>
      <c r="K6686">
        <f t="shared" si="743"/>
        <v>1.2088852606335079</v>
      </c>
      <c r="L6686">
        <f t="shared" si="744"/>
        <v>5.8026492510408376</v>
      </c>
      <c r="M6686">
        <f t="shared" si="745"/>
        <v>0</v>
      </c>
      <c r="N6686" s="46">
        <f t="shared" si="746"/>
        <v>45569.166666650533</v>
      </c>
    </row>
    <row r="6687" spans="2:14" x14ac:dyDescent="0.3">
      <c r="B6687">
        <f t="shared" si="740"/>
        <v>5</v>
      </c>
      <c r="C6687" s="16">
        <v>6653</v>
      </c>
      <c r="D6687" cm="1">
        <f t="array" ref="D6687">IFERROR(INDEX(Jesper!AH$2:AH$366,ROUNDDOWN($C6687/24,0)+1,1)*INDEX($D$3:$AA$30,INDEX(Jesper!$R$2:$R$366,ROW(INDEX(Jesper!AH$2:AH$366,ROUNDDOWN($C6687/24,0)+1,1))-1)+IF('Standard Profiles'!$G$18=$B$10,7,0)+IF('Standard Profiles'!$G$18=$B$17,14,0)+IF('Standard Profiles'!$G$18=$B$24,21,0),MOD($C6687,24)+1)/SUM(INDEX($D$3:$AA$30,INDEX(Jesper!$R$2:$R$366,ROW(INDEX(Jesper!AH$2:AH$366,ROUNDDOWN($C6687/24,0)+1,1))-1)+IF('Standard Profiles'!$G$18=$B$10,7,0)+IF('Standard Profiles'!$G$18=$B$17,14,0)+IF('Standard Profiles'!$G$18=$B$24,21,0),0)),0)</f>
        <v>10.387458535813845</v>
      </c>
      <c r="E6687" cm="1">
        <f t="array" ref="E6687">IFERROR(INDEX(Jesper!AI$2:AI$366,ROUNDDOWN($C6687/24,0)+1,1)*INDEX($D$3:$AA$30,INDEX(Jesper!$R$2:$R$366,ROW(INDEX(Jesper!AI$2:AI$366,ROUNDDOWN($C6687/24,0)+1,1))-1)+IF('Standard Profiles'!$G$19=$B$10,7,0)+IF('Standard Profiles'!$G$19=$B$17,14,0)+IF('Standard Profiles'!$G$19=$B$24,21,0),MOD($C6687,24)+1)/SUM(INDEX($D$3:$AA$30,INDEX(Jesper!$R$2:$R$366,ROW(INDEX(Jesper!AI$2:AI$366,ROUNDDOWN($C6687/24,0)+1,1))-1)+IF('Standard Profiles'!$G$19=$B$10,7,0)+IF('Standard Profiles'!$G$19=$B$17,14,0)+IF('Standard Profiles'!$G$19=$B$24,21,0),0)),0)</f>
        <v>0</v>
      </c>
      <c r="F6687" cm="1">
        <f t="array" ref="F6687">IFERROR(INDEX(Jesper!AJ$2:AJ$366,ROUNDDOWN($C6687/24,0)+1,1)*INDEX($D$3:$AA$30,INDEX(Jesper!$R$2:$R$366,ROW(INDEX(Jesper!AJ$2:AJ$366,ROUNDDOWN($C6687/24,0)+1,1))-1)+IF('Standard Profiles'!$G$20=$B$10,7,0)+IF('Standard Profiles'!$G$20=$B$17,14,0)+IF('Standard Profiles'!$G$20=$B$24,21,0),MOD($C6687,24)+1)/SUM(INDEX($D$3:$AA$30,INDEX(Jesper!$R$2:$R$366,ROW(INDEX(Jesper!AJ$2:AJ$366,ROUNDDOWN($C6687/24,0)+1,1))-1)+IF('Standard Profiles'!$G$20=$B$10,7,0)+IF('Standard Profiles'!$G$20=$B$17,14,0)+IF('Standard Profiles'!$G$20=$B$24,21,0),0)),0)</f>
        <v>0</v>
      </c>
      <c r="G6687" cm="1">
        <f t="array" ref="G6687">IFERROR(INDEX(Jesper!AK$2:AK$366,ROUNDDOWN($C6687/24,0)+1,1)*INDEX($D$3:$AA$30,INDEX(Jesper!$R$2:$R$366,ROW(INDEX(Jesper!AK$2:AK$366,ROUNDDOWN($C6687/24,0)+1,1))-1)+IF('Standard Profiles'!$G$21=$B$10,7,0)+IF('Standard Profiles'!$G$21=$B$17,14,0)+IF('Standard Profiles'!$G$21=$B$24,21,0),MOD($C6687,24)+1)/SUM(INDEX($D$3:$AA$30,INDEX(Jesper!$R$2:$R$366,ROW(INDEX(Jesper!AK$2:AK$366,ROUNDDOWN($C6687/24,0)+1,1))-1)+IF('Standard Profiles'!$G$21=$B$10,7,0)+IF('Standard Profiles'!$G$21=$B$17,14,0)+IF('Standard Profiles'!$G$21=$B$24,21,0),0)),0)</f>
        <v>0</v>
      </c>
      <c r="H6687" cm="1">
        <f t="array" ref="H6687">IFERROR(INDEX(Jesper!AL$2:AL$366,ROUNDDOWN($C6687/24,0)+1,1)*INDEX($D$3:$AA$30,INDEX(Jesper!$R$2:$R$366,ROW(INDEX(Jesper!AL$2:AL$366,ROUNDDOWN($C6687/24,0)+1,1))-1)+IF('Standard Profiles'!$G$22=$B$10,7,0)+IF('Standard Profiles'!$G$22=$B$17,14,0)+IF('Standard Profiles'!$G$22=$B$24,21,0),MOD($C6687,24)+1)/SUM(INDEX($D$3:$AA$30,INDEX(Jesper!$R$2:$R$366,ROW(INDEX(Jesper!AL$2:AL$366,ROUNDDOWN($C6687/24,0)+1,1))-1)+IF('Standard Profiles'!$G$22=$B$10,7,0)+IF('Standard Profiles'!$G$22=$B$17,14,0)+IF('Standard Profiles'!$G$22=$B$24,21,0),0)),0)</f>
        <v>0</v>
      </c>
      <c r="I6687">
        <f t="shared" si="741"/>
        <v>0.31162375607441534</v>
      </c>
      <c r="J6687">
        <f t="shared" si="742"/>
        <v>1.0387458535813845</v>
      </c>
      <c r="K6687">
        <f t="shared" si="743"/>
        <v>1.5581187803720769</v>
      </c>
      <c r="L6687">
        <f t="shared" si="744"/>
        <v>7.4789701457859685</v>
      </c>
      <c r="M6687">
        <f t="shared" si="745"/>
        <v>0</v>
      </c>
      <c r="N6687" s="46">
        <f t="shared" si="746"/>
        <v>45569.208333317198</v>
      </c>
    </row>
    <row r="6688" spans="2:14" x14ac:dyDescent="0.3">
      <c r="B6688">
        <f t="shared" si="740"/>
        <v>5</v>
      </c>
      <c r="C6688" s="16">
        <v>6654</v>
      </c>
      <c r="D6688" cm="1">
        <f t="array" ref="D6688">IFERROR(INDEX(Jesper!AH$2:AH$366,ROUNDDOWN($C6688/24,0)+1,1)*INDEX($D$3:$AA$30,INDEX(Jesper!$R$2:$R$366,ROW(INDEX(Jesper!AH$2:AH$366,ROUNDDOWN($C6688/24,0)+1,1))-1)+IF('Standard Profiles'!$G$18=$B$10,7,0)+IF('Standard Profiles'!$G$18=$B$17,14,0)+IF('Standard Profiles'!$G$18=$B$24,21,0),MOD($C6688,24)+1)/SUM(INDEX($D$3:$AA$30,INDEX(Jesper!$R$2:$R$366,ROW(INDEX(Jesper!AH$2:AH$366,ROUNDDOWN($C6688/24,0)+1,1))-1)+IF('Standard Profiles'!$G$18=$B$10,7,0)+IF('Standard Profiles'!$G$18=$B$17,14,0)+IF('Standard Profiles'!$G$18=$B$24,21,0),0)),0)</f>
        <v>12.536587888051193</v>
      </c>
      <c r="E6688" cm="1">
        <f t="array" ref="E6688">IFERROR(INDEX(Jesper!AI$2:AI$366,ROUNDDOWN($C6688/24,0)+1,1)*INDEX($D$3:$AA$30,INDEX(Jesper!$R$2:$R$366,ROW(INDEX(Jesper!AI$2:AI$366,ROUNDDOWN($C6688/24,0)+1,1))-1)+IF('Standard Profiles'!$G$19=$B$10,7,0)+IF('Standard Profiles'!$G$19=$B$17,14,0)+IF('Standard Profiles'!$G$19=$B$24,21,0),MOD($C6688,24)+1)/SUM(INDEX($D$3:$AA$30,INDEX(Jesper!$R$2:$R$366,ROW(INDEX(Jesper!AI$2:AI$366,ROUNDDOWN($C6688/24,0)+1,1))-1)+IF('Standard Profiles'!$G$19=$B$10,7,0)+IF('Standard Profiles'!$G$19=$B$17,14,0)+IF('Standard Profiles'!$G$19=$B$24,21,0),0)),0)</f>
        <v>0</v>
      </c>
      <c r="F6688" cm="1">
        <f t="array" ref="F6688">IFERROR(INDEX(Jesper!AJ$2:AJ$366,ROUNDDOWN($C6688/24,0)+1,1)*INDEX($D$3:$AA$30,INDEX(Jesper!$R$2:$R$366,ROW(INDEX(Jesper!AJ$2:AJ$366,ROUNDDOWN($C6688/24,0)+1,1))-1)+IF('Standard Profiles'!$G$20=$B$10,7,0)+IF('Standard Profiles'!$G$20=$B$17,14,0)+IF('Standard Profiles'!$G$20=$B$24,21,0),MOD($C6688,24)+1)/SUM(INDEX($D$3:$AA$30,INDEX(Jesper!$R$2:$R$366,ROW(INDEX(Jesper!AJ$2:AJ$366,ROUNDDOWN($C6688/24,0)+1,1))-1)+IF('Standard Profiles'!$G$20=$B$10,7,0)+IF('Standard Profiles'!$G$20=$B$17,14,0)+IF('Standard Profiles'!$G$20=$B$24,21,0),0)),0)</f>
        <v>0</v>
      </c>
      <c r="G6688" cm="1">
        <f t="array" ref="G6688">IFERROR(INDEX(Jesper!AK$2:AK$366,ROUNDDOWN($C6688/24,0)+1,1)*INDEX($D$3:$AA$30,INDEX(Jesper!$R$2:$R$366,ROW(INDEX(Jesper!AK$2:AK$366,ROUNDDOWN($C6688/24,0)+1,1))-1)+IF('Standard Profiles'!$G$21=$B$10,7,0)+IF('Standard Profiles'!$G$21=$B$17,14,0)+IF('Standard Profiles'!$G$21=$B$24,21,0),MOD($C6688,24)+1)/SUM(INDEX($D$3:$AA$30,INDEX(Jesper!$R$2:$R$366,ROW(INDEX(Jesper!AK$2:AK$366,ROUNDDOWN($C6688/24,0)+1,1))-1)+IF('Standard Profiles'!$G$21=$B$10,7,0)+IF('Standard Profiles'!$G$21=$B$17,14,0)+IF('Standard Profiles'!$G$21=$B$24,21,0),0)),0)</f>
        <v>0</v>
      </c>
      <c r="H6688" cm="1">
        <f t="array" ref="H6688">IFERROR(INDEX(Jesper!AL$2:AL$366,ROUNDDOWN($C6688/24,0)+1,1)*INDEX($D$3:$AA$30,INDEX(Jesper!$R$2:$R$366,ROW(INDEX(Jesper!AL$2:AL$366,ROUNDDOWN($C6688/24,0)+1,1))-1)+IF('Standard Profiles'!$G$22=$B$10,7,0)+IF('Standard Profiles'!$G$22=$B$17,14,0)+IF('Standard Profiles'!$G$22=$B$24,21,0),MOD($C6688,24)+1)/SUM(INDEX($D$3:$AA$30,INDEX(Jesper!$R$2:$R$366,ROW(INDEX(Jesper!AL$2:AL$366,ROUNDDOWN($C6688/24,0)+1,1))-1)+IF('Standard Profiles'!$G$22=$B$10,7,0)+IF('Standard Profiles'!$G$22=$B$17,14,0)+IF('Standard Profiles'!$G$22=$B$24,21,0),0)),0)</f>
        <v>0</v>
      </c>
      <c r="I6688">
        <f t="shared" si="741"/>
        <v>0.37609763664153578</v>
      </c>
      <c r="J6688">
        <f t="shared" si="742"/>
        <v>1.2536587888051194</v>
      </c>
      <c r="K6688">
        <f t="shared" si="743"/>
        <v>1.8804881832076787</v>
      </c>
      <c r="L6688">
        <f t="shared" si="744"/>
        <v>9.0263432793968583</v>
      </c>
      <c r="M6688">
        <f t="shared" si="745"/>
        <v>0</v>
      </c>
      <c r="N6688" s="46">
        <f t="shared" si="746"/>
        <v>45569.249999983862</v>
      </c>
    </row>
    <row r="6689" spans="2:14" x14ac:dyDescent="0.3">
      <c r="B6689">
        <f t="shared" si="740"/>
        <v>5</v>
      </c>
      <c r="C6689" s="16">
        <v>6655</v>
      </c>
      <c r="D6689" cm="1">
        <f t="array" ref="D6689">IFERROR(INDEX(Jesper!AH$2:AH$366,ROUNDDOWN($C6689/24,0)+1,1)*INDEX($D$3:$AA$30,INDEX(Jesper!$R$2:$R$366,ROW(INDEX(Jesper!AH$2:AH$366,ROUNDDOWN($C6689/24,0)+1,1))-1)+IF('Standard Profiles'!$G$18=$B$10,7,0)+IF('Standard Profiles'!$G$18=$B$17,14,0)+IF('Standard Profiles'!$G$18=$B$24,21,0),MOD($C6689,24)+1)/SUM(INDEX($D$3:$AA$30,INDEX(Jesper!$R$2:$R$366,ROW(INDEX(Jesper!AH$2:AH$366,ROUNDDOWN($C6689/24,0)+1,1))-1)+IF('Standard Profiles'!$G$18=$B$10,7,0)+IF('Standard Profiles'!$G$18=$B$17,14,0)+IF('Standard Profiles'!$G$18=$B$24,21,0),0)),0)</f>
        <v>12.536587888051193</v>
      </c>
      <c r="E6689" cm="1">
        <f t="array" ref="E6689">IFERROR(INDEX(Jesper!AI$2:AI$366,ROUNDDOWN($C6689/24,0)+1,1)*INDEX($D$3:$AA$30,INDEX(Jesper!$R$2:$R$366,ROW(INDEX(Jesper!AI$2:AI$366,ROUNDDOWN($C6689/24,0)+1,1))-1)+IF('Standard Profiles'!$G$19=$B$10,7,0)+IF('Standard Profiles'!$G$19=$B$17,14,0)+IF('Standard Profiles'!$G$19=$B$24,21,0),MOD($C6689,24)+1)/SUM(INDEX($D$3:$AA$30,INDEX(Jesper!$R$2:$R$366,ROW(INDEX(Jesper!AI$2:AI$366,ROUNDDOWN($C6689/24,0)+1,1))-1)+IF('Standard Profiles'!$G$19=$B$10,7,0)+IF('Standard Profiles'!$G$19=$B$17,14,0)+IF('Standard Profiles'!$G$19=$B$24,21,0),0)),0)</f>
        <v>0</v>
      </c>
      <c r="F6689" cm="1">
        <f t="array" ref="F6689">IFERROR(INDEX(Jesper!AJ$2:AJ$366,ROUNDDOWN($C6689/24,0)+1,1)*INDEX($D$3:$AA$30,INDEX(Jesper!$R$2:$R$366,ROW(INDEX(Jesper!AJ$2:AJ$366,ROUNDDOWN($C6689/24,0)+1,1))-1)+IF('Standard Profiles'!$G$20=$B$10,7,0)+IF('Standard Profiles'!$G$20=$B$17,14,0)+IF('Standard Profiles'!$G$20=$B$24,21,0),MOD($C6689,24)+1)/SUM(INDEX($D$3:$AA$30,INDEX(Jesper!$R$2:$R$366,ROW(INDEX(Jesper!AJ$2:AJ$366,ROUNDDOWN($C6689/24,0)+1,1))-1)+IF('Standard Profiles'!$G$20=$B$10,7,0)+IF('Standard Profiles'!$G$20=$B$17,14,0)+IF('Standard Profiles'!$G$20=$B$24,21,0),0)),0)</f>
        <v>0</v>
      </c>
      <c r="G6689" cm="1">
        <f t="array" ref="G6689">IFERROR(INDEX(Jesper!AK$2:AK$366,ROUNDDOWN($C6689/24,0)+1,1)*INDEX($D$3:$AA$30,INDEX(Jesper!$R$2:$R$366,ROW(INDEX(Jesper!AK$2:AK$366,ROUNDDOWN($C6689/24,0)+1,1))-1)+IF('Standard Profiles'!$G$21=$B$10,7,0)+IF('Standard Profiles'!$G$21=$B$17,14,0)+IF('Standard Profiles'!$G$21=$B$24,21,0),MOD($C6689,24)+1)/SUM(INDEX($D$3:$AA$30,INDEX(Jesper!$R$2:$R$366,ROW(INDEX(Jesper!AK$2:AK$366,ROUNDDOWN($C6689/24,0)+1,1))-1)+IF('Standard Profiles'!$G$21=$B$10,7,0)+IF('Standard Profiles'!$G$21=$B$17,14,0)+IF('Standard Profiles'!$G$21=$B$24,21,0),0)),0)</f>
        <v>0</v>
      </c>
      <c r="H6689" cm="1">
        <f t="array" ref="H6689">IFERROR(INDEX(Jesper!AL$2:AL$366,ROUNDDOWN($C6689/24,0)+1,1)*INDEX($D$3:$AA$30,INDEX(Jesper!$R$2:$R$366,ROW(INDEX(Jesper!AL$2:AL$366,ROUNDDOWN($C6689/24,0)+1,1))-1)+IF('Standard Profiles'!$G$22=$B$10,7,0)+IF('Standard Profiles'!$G$22=$B$17,14,0)+IF('Standard Profiles'!$G$22=$B$24,21,0),MOD($C6689,24)+1)/SUM(INDEX($D$3:$AA$30,INDEX(Jesper!$R$2:$R$366,ROW(INDEX(Jesper!AL$2:AL$366,ROUNDDOWN($C6689/24,0)+1,1))-1)+IF('Standard Profiles'!$G$22=$B$10,7,0)+IF('Standard Profiles'!$G$22=$B$17,14,0)+IF('Standard Profiles'!$G$22=$B$24,21,0),0)),0)</f>
        <v>0</v>
      </c>
      <c r="I6689">
        <f t="shared" si="741"/>
        <v>0.37609763664153578</v>
      </c>
      <c r="J6689">
        <f t="shared" si="742"/>
        <v>1.2536587888051194</v>
      </c>
      <c r="K6689">
        <f t="shared" si="743"/>
        <v>1.8804881832076787</v>
      </c>
      <c r="L6689">
        <f t="shared" si="744"/>
        <v>9.0263432793968583</v>
      </c>
      <c r="M6689">
        <f t="shared" si="745"/>
        <v>0</v>
      </c>
      <c r="N6689" s="46">
        <f t="shared" si="746"/>
        <v>45569.291666650526</v>
      </c>
    </row>
    <row r="6690" spans="2:14" x14ac:dyDescent="0.3">
      <c r="B6690">
        <f t="shared" si="740"/>
        <v>5</v>
      </c>
      <c r="C6690" s="16">
        <v>6656</v>
      </c>
      <c r="D6690" cm="1">
        <f t="array" ref="D6690">IFERROR(INDEX(Jesper!AH$2:AH$366,ROUNDDOWN($C6690/24,0)+1,1)*INDEX($D$3:$AA$30,INDEX(Jesper!$R$2:$R$366,ROW(INDEX(Jesper!AH$2:AH$366,ROUNDDOWN($C6690/24,0)+1,1))-1)+IF('Standard Profiles'!$G$18=$B$10,7,0)+IF('Standard Profiles'!$G$18=$B$17,14,0)+IF('Standard Profiles'!$G$18=$B$24,21,0),MOD($C6690,24)+1)/SUM(INDEX($D$3:$AA$30,INDEX(Jesper!$R$2:$R$366,ROW(INDEX(Jesper!AH$2:AH$366,ROUNDDOWN($C6690/24,0)+1,1))-1)+IF('Standard Profiles'!$G$18=$B$10,7,0)+IF('Standard Profiles'!$G$18=$B$17,14,0)+IF('Standard Profiles'!$G$18=$B$24,21,0),0)),0)</f>
        <v>12.536587888051193</v>
      </c>
      <c r="E6690" cm="1">
        <f t="array" ref="E6690">IFERROR(INDEX(Jesper!AI$2:AI$366,ROUNDDOWN($C6690/24,0)+1,1)*INDEX($D$3:$AA$30,INDEX(Jesper!$R$2:$R$366,ROW(INDEX(Jesper!AI$2:AI$366,ROUNDDOWN($C6690/24,0)+1,1))-1)+IF('Standard Profiles'!$G$19=$B$10,7,0)+IF('Standard Profiles'!$G$19=$B$17,14,0)+IF('Standard Profiles'!$G$19=$B$24,21,0),MOD($C6690,24)+1)/SUM(INDEX($D$3:$AA$30,INDEX(Jesper!$R$2:$R$366,ROW(INDEX(Jesper!AI$2:AI$366,ROUNDDOWN($C6690/24,0)+1,1))-1)+IF('Standard Profiles'!$G$19=$B$10,7,0)+IF('Standard Profiles'!$G$19=$B$17,14,0)+IF('Standard Profiles'!$G$19=$B$24,21,0),0)),0)</f>
        <v>0</v>
      </c>
      <c r="F6690" cm="1">
        <f t="array" ref="F6690">IFERROR(INDEX(Jesper!AJ$2:AJ$366,ROUNDDOWN($C6690/24,0)+1,1)*INDEX($D$3:$AA$30,INDEX(Jesper!$R$2:$R$366,ROW(INDEX(Jesper!AJ$2:AJ$366,ROUNDDOWN($C6690/24,0)+1,1))-1)+IF('Standard Profiles'!$G$20=$B$10,7,0)+IF('Standard Profiles'!$G$20=$B$17,14,0)+IF('Standard Profiles'!$G$20=$B$24,21,0),MOD($C6690,24)+1)/SUM(INDEX($D$3:$AA$30,INDEX(Jesper!$R$2:$R$366,ROW(INDEX(Jesper!AJ$2:AJ$366,ROUNDDOWN($C6690/24,0)+1,1))-1)+IF('Standard Profiles'!$G$20=$B$10,7,0)+IF('Standard Profiles'!$G$20=$B$17,14,0)+IF('Standard Profiles'!$G$20=$B$24,21,0),0)),0)</f>
        <v>0</v>
      </c>
      <c r="G6690" cm="1">
        <f t="array" ref="G6690">IFERROR(INDEX(Jesper!AK$2:AK$366,ROUNDDOWN($C6690/24,0)+1,1)*INDEX($D$3:$AA$30,INDEX(Jesper!$R$2:$R$366,ROW(INDEX(Jesper!AK$2:AK$366,ROUNDDOWN($C6690/24,0)+1,1))-1)+IF('Standard Profiles'!$G$21=$B$10,7,0)+IF('Standard Profiles'!$G$21=$B$17,14,0)+IF('Standard Profiles'!$G$21=$B$24,21,0),MOD($C6690,24)+1)/SUM(INDEX($D$3:$AA$30,INDEX(Jesper!$R$2:$R$366,ROW(INDEX(Jesper!AK$2:AK$366,ROUNDDOWN($C6690/24,0)+1,1))-1)+IF('Standard Profiles'!$G$21=$B$10,7,0)+IF('Standard Profiles'!$G$21=$B$17,14,0)+IF('Standard Profiles'!$G$21=$B$24,21,0),0)),0)</f>
        <v>0</v>
      </c>
      <c r="H6690" cm="1">
        <f t="array" ref="H6690">IFERROR(INDEX(Jesper!AL$2:AL$366,ROUNDDOWN($C6690/24,0)+1,1)*INDEX($D$3:$AA$30,INDEX(Jesper!$R$2:$R$366,ROW(INDEX(Jesper!AL$2:AL$366,ROUNDDOWN($C6690/24,0)+1,1))-1)+IF('Standard Profiles'!$G$22=$B$10,7,0)+IF('Standard Profiles'!$G$22=$B$17,14,0)+IF('Standard Profiles'!$G$22=$B$24,21,0),MOD($C6690,24)+1)/SUM(INDEX($D$3:$AA$30,INDEX(Jesper!$R$2:$R$366,ROW(INDEX(Jesper!AL$2:AL$366,ROUNDDOWN($C6690/24,0)+1,1))-1)+IF('Standard Profiles'!$G$22=$B$10,7,0)+IF('Standard Profiles'!$G$22=$B$17,14,0)+IF('Standard Profiles'!$G$22=$B$24,21,0),0)),0)</f>
        <v>0</v>
      </c>
      <c r="I6690">
        <f t="shared" si="741"/>
        <v>0.37609763664153578</v>
      </c>
      <c r="J6690">
        <f t="shared" si="742"/>
        <v>1.2536587888051194</v>
      </c>
      <c r="K6690">
        <f t="shared" si="743"/>
        <v>1.8804881832076787</v>
      </c>
      <c r="L6690">
        <f t="shared" si="744"/>
        <v>9.0263432793968583</v>
      </c>
      <c r="M6690">
        <f t="shared" si="745"/>
        <v>0</v>
      </c>
      <c r="N6690" s="46">
        <f t="shared" si="746"/>
        <v>45569.33333331719</v>
      </c>
    </row>
    <row r="6691" spans="2:14" x14ac:dyDescent="0.3">
      <c r="B6691">
        <f t="shared" ref="B6691:B6754" si="747">WEEKDAY(N6691,2)</f>
        <v>5</v>
      </c>
      <c r="C6691" s="16">
        <v>6657</v>
      </c>
      <c r="D6691" cm="1">
        <f t="array" ref="D6691">IFERROR(INDEX(Jesper!AH$2:AH$366,ROUNDDOWN($C6691/24,0)+1,1)*INDEX($D$3:$AA$30,INDEX(Jesper!$R$2:$R$366,ROW(INDEX(Jesper!AH$2:AH$366,ROUNDDOWN($C6691/24,0)+1,1))-1)+IF('Standard Profiles'!$G$18=$B$10,7,0)+IF('Standard Profiles'!$G$18=$B$17,14,0)+IF('Standard Profiles'!$G$18=$B$24,21,0),MOD($C6691,24)+1)/SUM(INDEX($D$3:$AA$30,INDEX(Jesper!$R$2:$R$366,ROW(INDEX(Jesper!AH$2:AH$366,ROUNDDOWN($C6691/24,0)+1,1))-1)+IF('Standard Profiles'!$G$18=$B$10,7,0)+IF('Standard Profiles'!$G$18=$B$17,14,0)+IF('Standard Profiles'!$G$18=$B$24,21,0),0)),0)</f>
        <v>13.432058451483421</v>
      </c>
      <c r="E6691" cm="1">
        <f t="array" ref="E6691">IFERROR(INDEX(Jesper!AI$2:AI$366,ROUNDDOWN($C6691/24,0)+1,1)*INDEX($D$3:$AA$30,INDEX(Jesper!$R$2:$R$366,ROW(INDEX(Jesper!AI$2:AI$366,ROUNDDOWN($C6691/24,0)+1,1))-1)+IF('Standard Profiles'!$G$19=$B$10,7,0)+IF('Standard Profiles'!$G$19=$B$17,14,0)+IF('Standard Profiles'!$G$19=$B$24,21,0),MOD($C6691,24)+1)/SUM(INDEX($D$3:$AA$30,INDEX(Jesper!$R$2:$R$366,ROW(INDEX(Jesper!AI$2:AI$366,ROUNDDOWN($C6691/24,0)+1,1))-1)+IF('Standard Profiles'!$G$19=$B$10,7,0)+IF('Standard Profiles'!$G$19=$B$17,14,0)+IF('Standard Profiles'!$G$19=$B$24,21,0),0)),0)</f>
        <v>0</v>
      </c>
      <c r="F6691" cm="1">
        <f t="array" ref="F6691">IFERROR(INDEX(Jesper!AJ$2:AJ$366,ROUNDDOWN($C6691/24,0)+1,1)*INDEX($D$3:$AA$30,INDEX(Jesper!$R$2:$R$366,ROW(INDEX(Jesper!AJ$2:AJ$366,ROUNDDOWN($C6691/24,0)+1,1))-1)+IF('Standard Profiles'!$G$20=$B$10,7,0)+IF('Standard Profiles'!$G$20=$B$17,14,0)+IF('Standard Profiles'!$G$20=$B$24,21,0),MOD($C6691,24)+1)/SUM(INDEX($D$3:$AA$30,INDEX(Jesper!$R$2:$R$366,ROW(INDEX(Jesper!AJ$2:AJ$366,ROUNDDOWN($C6691/24,0)+1,1))-1)+IF('Standard Profiles'!$G$20=$B$10,7,0)+IF('Standard Profiles'!$G$20=$B$17,14,0)+IF('Standard Profiles'!$G$20=$B$24,21,0),0)),0)</f>
        <v>0</v>
      </c>
      <c r="G6691" cm="1">
        <f t="array" ref="G6691">IFERROR(INDEX(Jesper!AK$2:AK$366,ROUNDDOWN($C6691/24,0)+1,1)*INDEX($D$3:$AA$30,INDEX(Jesper!$R$2:$R$366,ROW(INDEX(Jesper!AK$2:AK$366,ROUNDDOWN($C6691/24,0)+1,1))-1)+IF('Standard Profiles'!$G$21=$B$10,7,0)+IF('Standard Profiles'!$G$21=$B$17,14,0)+IF('Standard Profiles'!$G$21=$B$24,21,0),MOD($C6691,24)+1)/SUM(INDEX($D$3:$AA$30,INDEX(Jesper!$R$2:$R$366,ROW(INDEX(Jesper!AK$2:AK$366,ROUNDDOWN($C6691/24,0)+1,1))-1)+IF('Standard Profiles'!$G$21=$B$10,7,0)+IF('Standard Profiles'!$G$21=$B$17,14,0)+IF('Standard Profiles'!$G$21=$B$24,21,0),0)),0)</f>
        <v>0</v>
      </c>
      <c r="H6691" cm="1">
        <f t="array" ref="H6691">IFERROR(INDEX(Jesper!AL$2:AL$366,ROUNDDOWN($C6691/24,0)+1,1)*INDEX($D$3:$AA$30,INDEX(Jesper!$R$2:$R$366,ROW(INDEX(Jesper!AL$2:AL$366,ROUNDDOWN($C6691/24,0)+1,1))-1)+IF('Standard Profiles'!$G$22=$B$10,7,0)+IF('Standard Profiles'!$G$22=$B$17,14,0)+IF('Standard Profiles'!$G$22=$B$24,21,0),MOD($C6691,24)+1)/SUM(INDEX($D$3:$AA$30,INDEX(Jesper!$R$2:$R$366,ROW(INDEX(Jesper!AL$2:AL$366,ROUNDDOWN($C6691/24,0)+1,1))-1)+IF('Standard Profiles'!$G$22=$B$10,7,0)+IF('Standard Profiles'!$G$22=$B$17,14,0)+IF('Standard Profiles'!$G$22=$B$24,21,0),0)),0)</f>
        <v>0</v>
      </c>
      <c r="I6691">
        <f t="shared" ref="I6691:I6754" si="748">IF($B6691&lt;6,AC$37*$D6691+AC$38*$E6691+AC$39*$F6691+AC$40*$G6691,AC$46*$D6691+AC$47*$E6691+AC$48*$F6691+AC$49*$G6691+AC$50*$H6691)</f>
        <v>0.40296175354450259</v>
      </c>
      <c r="J6691">
        <f t="shared" ref="J6691:J6754" si="749">IF($B6691&lt;6,AD$37*$D6691+AD$38*$E6691+AD$39*$F6691+AD$40*$G6691,AD$46*$D6691+AD$47*$E6691+AD$48*$F6691+AD$49*$G6691+AD$50*$H6691)</f>
        <v>1.3432058451483422</v>
      </c>
      <c r="K6691">
        <f t="shared" ref="K6691:K6754" si="750">IF($B6691&lt;6,AE$37*$D6691+AE$38*$E6691+AE$39*$F6691+AE$40*$G6691,AE$46*$D6691+AE$47*$E6691+AE$48*$F6691+AE$49*$G6691+AE$50*$H6691)</f>
        <v>2.014808767722513</v>
      </c>
      <c r="L6691">
        <f t="shared" ref="L6691:L6754" si="751">IF($B6691&lt;6,AF$37*$D6691+AF$38*$E6691+AF$39*$F6691+AF$40*$G6691,AF$46*$D6691+AF$47*$E6691+AF$48*$F6691+AF$49*$G6691+AF$50*$H6691)</f>
        <v>9.671082085068063</v>
      </c>
      <c r="M6691">
        <f t="shared" ref="M6691:M6754" si="752">IF($B6691&lt;6,AG$37*$D6691+AG$38*$E6691+AG$39*$F6691+AG$40*$G6691,AG$46*$D6691+AG$47*$E6691+AG$48*$F6691+AG$49*$G6691+AG$50*$H6691)</f>
        <v>0</v>
      </c>
      <c r="N6691" s="46">
        <f t="shared" si="746"/>
        <v>45569.374999983855</v>
      </c>
    </row>
    <row r="6692" spans="2:14" x14ac:dyDescent="0.3">
      <c r="B6692">
        <f t="shared" si="747"/>
        <v>5</v>
      </c>
      <c r="C6692" s="16">
        <v>6658</v>
      </c>
      <c r="D6692" cm="1">
        <f t="array" ref="D6692">IFERROR(INDEX(Jesper!AH$2:AH$366,ROUNDDOWN($C6692/24,0)+1,1)*INDEX($D$3:$AA$30,INDEX(Jesper!$R$2:$R$366,ROW(INDEX(Jesper!AH$2:AH$366,ROUNDDOWN($C6692/24,0)+1,1))-1)+IF('Standard Profiles'!$G$18=$B$10,7,0)+IF('Standard Profiles'!$G$18=$B$17,14,0)+IF('Standard Profiles'!$G$18=$B$24,21,0),MOD($C6692,24)+1)/SUM(INDEX($D$3:$AA$30,INDEX(Jesper!$R$2:$R$366,ROW(INDEX(Jesper!AH$2:AH$366,ROUNDDOWN($C6692/24,0)+1,1))-1)+IF('Standard Profiles'!$G$18=$B$10,7,0)+IF('Standard Profiles'!$G$18=$B$17,14,0)+IF('Standard Profiles'!$G$18=$B$24,21,0),0)),0)</f>
        <v>13.969340789542755</v>
      </c>
      <c r="E6692" cm="1">
        <f t="array" ref="E6692">IFERROR(INDEX(Jesper!AI$2:AI$366,ROUNDDOWN($C6692/24,0)+1,1)*INDEX($D$3:$AA$30,INDEX(Jesper!$R$2:$R$366,ROW(INDEX(Jesper!AI$2:AI$366,ROUNDDOWN($C6692/24,0)+1,1))-1)+IF('Standard Profiles'!$G$19=$B$10,7,0)+IF('Standard Profiles'!$G$19=$B$17,14,0)+IF('Standard Profiles'!$G$19=$B$24,21,0),MOD($C6692,24)+1)/SUM(INDEX($D$3:$AA$30,INDEX(Jesper!$R$2:$R$366,ROW(INDEX(Jesper!AI$2:AI$366,ROUNDDOWN($C6692/24,0)+1,1))-1)+IF('Standard Profiles'!$G$19=$B$10,7,0)+IF('Standard Profiles'!$G$19=$B$17,14,0)+IF('Standard Profiles'!$G$19=$B$24,21,0),0)),0)</f>
        <v>0</v>
      </c>
      <c r="F6692" cm="1">
        <f t="array" ref="F6692">IFERROR(INDEX(Jesper!AJ$2:AJ$366,ROUNDDOWN($C6692/24,0)+1,1)*INDEX($D$3:$AA$30,INDEX(Jesper!$R$2:$R$366,ROW(INDEX(Jesper!AJ$2:AJ$366,ROUNDDOWN($C6692/24,0)+1,1))-1)+IF('Standard Profiles'!$G$20=$B$10,7,0)+IF('Standard Profiles'!$G$20=$B$17,14,0)+IF('Standard Profiles'!$G$20=$B$24,21,0),MOD($C6692,24)+1)/SUM(INDEX($D$3:$AA$30,INDEX(Jesper!$R$2:$R$366,ROW(INDEX(Jesper!AJ$2:AJ$366,ROUNDDOWN($C6692/24,0)+1,1))-1)+IF('Standard Profiles'!$G$20=$B$10,7,0)+IF('Standard Profiles'!$G$20=$B$17,14,0)+IF('Standard Profiles'!$G$20=$B$24,21,0),0)),0)</f>
        <v>0</v>
      </c>
      <c r="G6692" cm="1">
        <f t="array" ref="G6692">IFERROR(INDEX(Jesper!AK$2:AK$366,ROUNDDOWN($C6692/24,0)+1,1)*INDEX($D$3:$AA$30,INDEX(Jesper!$R$2:$R$366,ROW(INDEX(Jesper!AK$2:AK$366,ROUNDDOWN($C6692/24,0)+1,1))-1)+IF('Standard Profiles'!$G$21=$B$10,7,0)+IF('Standard Profiles'!$G$21=$B$17,14,0)+IF('Standard Profiles'!$G$21=$B$24,21,0),MOD($C6692,24)+1)/SUM(INDEX($D$3:$AA$30,INDEX(Jesper!$R$2:$R$366,ROW(INDEX(Jesper!AK$2:AK$366,ROUNDDOWN($C6692/24,0)+1,1))-1)+IF('Standard Profiles'!$G$21=$B$10,7,0)+IF('Standard Profiles'!$G$21=$B$17,14,0)+IF('Standard Profiles'!$G$21=$B$24,21,0),0)),0)</f>
        <v>0</v>
      </c>
      <c r="H6692" cm="1">
        <f t="array" ref="H6692">IFERROR(INDEX(Jesper!AL$2:AL$366,ROUNDDOWN($C6692/24,0)+1,1)*INDEX($D$3:$AA$30,INDEX(Jesper!$R$2:$R$366,ROW(INDEX(Jesper!AL$2:AL$366,ROUNDDOWN($C6692/24,0)+1,1))-1)+IF('Standard Profiles'!$G$22=$B$10,7,0)+IF('Standard Profiles'!$G$22=$B$17,14,0)+IF('Standard Profiles'!$G$22=$B$24,21,0),MOD($C6692,24)+1)/SUM(INDEX($D$3:$AA$30,INDEX(Jesper!$R$2:$R$366,ROW(INDEX(Jesper!AL$2:AL$366,ROUNDDOWN($C6692/24,0)+1,1))-1)+IF('Standard Profiles'!$G$22=$B$10,7,0)+IF('Standard Profiles'!$G$22=$B$17,14,0)+IF('Standard Profiles'!$G$22=$B$24,21,0),0)),0)</f>
        <v>0</v>
      </c>
      <c r="I6692">
        <f t="shared" si="748"/>
        <v>0.41908022368628267</v>
      </c>
      <c r="J6692">
        <f t="shared" si="749"/>
        <v>1.3969340789542757</v>
      </c>
      <c r="K6692">
        <f t="shared" si="750"/>
        <v>2.0954011184314134</v>
      </c>
      <c r="L6692">
        <f t="shared" si="751"/>
        <v>10.057925368470784</v>
      </c>
      <c r="M6692">
        <f t="shared" si="752"/>
        <v>0</v>
      </c>
      <c r="N6692" s="46">
        <f t="shared" ref="N6692:N6755" si="753">N6691+1/24</f>
        <v>45569.416666650519</v>
      </c>
    </row>
    <row r="6693" spans="2:14" x14ac:dyDescent="0.3">
      <c r="B6693">
        <f t="shared" si="747"/>
        <v>5</v>
      </c>
      <c r="C6693" s="16">
        <v>6659</v>
      </c>
      <c r="D6693" cm="1">
        <f t="array" ref="D6693">IFERROR(INDEX(Jesper!AH$2:AH$366,ROUNDDOWN($C6693/24,0)+1,1)*INDEX($D$3:$AA$30,INDEX(Jesper!$R$2:$R$366,ROW(INDEX(Jesper!AH$2:AH$366,ROUNDDOWN($C6693/24,0)+1,1))-1)+IF('Standard Profiles'!$G$18=$B$10,7,0)+IF('Standard Profiles'!$G$18=$B$17,14,0)+IF('Standard Profiles'!$G$18=$B$24,21,0),MOD($C6693,24)+1)/SUM(INDEX($D$3:$AA$30,INDEX(Jesper!$R$2:$R$366,ROW(INDEX(Jesper!AH$2:AH$366,ROUNDDOWN($C6693/24,0)+1,1))-1)+IF('Standard Profiles'!$G$18=$B$10,7,0)+IF('Standard Profiles'!$G$18=$B$17,14,0)+IF('Standard Profiles'!$G$18=$B$24,21,0),0)),0)</f>
        <v>16.118470141780104</v>
      </c>
      <c r="E6693" cm="1">
        <f t="array" ref="E6693">IFERROR(INDEX(Jesper!AI$2:AI$366,ROUNDDOWN($C6693/24,0)+1,1)*INDEX($D$3:$AA$30,INDEX(Jesper!$R$2:$R$366,ROW(INDEX(Jesper!AI$2:AI$366,ROUNDDOWN($C6693/24,0)+1,1))-1)+IF('Standard Profiles'!$G$19=$B$10,7,0)+IF('Standard Profiles'!$G$19=$B$17,14,0)+IF('Standard Profiles'!$G$19=$B$24,21,0),MOD($C6693,24)+1)/SUM(INDEX($D$3:$AA$30,INDEX(Jesper!$R$2:$R$366,ROW(INDEX(Jesper!AI$2:AI$366,ROUNDDOWN($C6693/24,0)+1,1))-1)+IF('Standard Profiles'!$G$19=$B$10,7,0)+IF('Standard Profiles'!$G$19=$B$17,14,0)+IF('Standard Profiles'!$G$19=$B$24,21,0),0)),0)</f>
        <v>0</v>
      </c>
      <c r="F6693" cm="1">
        <f t="array" ref="F6693">IFERROR(INDEX(Jesper!AJ$2:AJ$366,ROUNDDOWN($C6693/24,0)+1,1)*INDEX($D$3:$AA$30,INDEX(Jesper!$R$2:$R$366,ROW(INDEX(Jesper!AJ$2:AJ$366,ROUNDDOWN($C6693/24,0)+1,1))-1)+IF('Standard Profiles'!$G$20=$B$10,7,0)+IF('Standard Profiles'!$G$20=$B$17,14,0)+IF('Standard Profiles'!$G$20=$B$24,21,0),MOD($C6693,24)+1)/SUM(INDEX($D$3:$AA$30,INDEX(Jesper!$R$2:$R$366,ROW(INDEX(Jesper!AJ$2:AJ$366,ROUNDDOWN($C6693/24,0)+1,1))-1)+IF('Standard Profiles'!$G$20=$B$10,7,0)+IF('Standard Profiles'!$G$20=$B$17,14,0)+IF('Standard Profiles'!$G$20=$B$24,21,0),0)),0)</f>
        <v>0</v>
      </c>
      <c r="G6693" cm="1">
        <f t="array" ref="G6693">IFERROR(INDEX(Jesper!AK$2:AK$366,ROUNDDOWN($C6693/24,0)+1,1)*INDEX($D$3:$AA$30,INDEX(Jesper!$R$2:$R$366,ROW(INDEX(Jesper!AK$2:AK$366,ROUNDDOWN($C6693/24,0)+1,1))-1)+IF('Standard Profiles'!$G$21=$B$10,7,0)+IF('Standard Profiles'!$G$21=$B$17,14,0)+IF('Standard Profiles'!$G$21=$B$24,21,0),MOD($C6693,24)+1)/SUM(INDEX($D$3:$AA$30,INDEX(Jesper!$R$2:$R$366,ROW(INDEX(Jesper!AK$2:AK$366,ROUNDDOWN($C6693/24,0)+1,1))-1)+IF('Standard Profiles'!$G$21=$B$10,7,0)+IF('Standard Profiles'!$G$21=$B$17,14,0)+IF('Standard Profiles'!$G$21=$B$24,21,0),0)),0)</f>
        <v>0</v>
      </c>
      <c r="H6693" cm="1">
        <f t="array" ref="H6693">IFERROR(INDEX(Jesper!AL$2:AL$366,ROUNDDOWN($C6693/24,0)+1,1)*INDEX($D$3:$AA$30,INDEX(Jesper!$R$2:$R$366,ROW(INDEX(Jesper!AL$2:AL$366,ROUNDDOWN($C6693/24,0)+1,1))-1)+IF('Standard Profiles'!$G$22=$B$10,7,0)+IF('Standard Profiles'!$G$22=$B$17,14,0)+IF('Standard Profiles'!$G$22=$B$24,21,0),MOD($C6693,24)+1)/SUM(INDEX($D$3:$AA$30,INDEX(Jesper!$R$2:$R$366,ROW(INDEX(Jesper!AL$2:AL$366,ROUNDDOWN($C6693/24,0)+1,1))-1)+IF('Standard Profiles'!$G$22=$B$10,7,0)+IF('Standard Profiles'!$G$22=$B$17,14,0)+IF('Standard Profiles'!$G$22=$B$24,21,0),0)),0)</f>
        <v>0</v>
      </c>
      <c r="I6693">
        <f t="shared" si="748"/>
        <v>0.48355410425340312</v>
      </c>
      <c r="J6693">
        <f t="shared" si="749"/>
        <v>1.6118470141780106</v>
      </c>
      <c r="K6693">
        <f t="shared" si="750"/>
        <v>2.4177705212670157</v>
      </c>
      <c r="L6693">
        <f t="shared" si="751"/>
        <v>11.605298502081675</v>
      </c>
      <c r="M6693">
        <f t="shared" si="752"/>
        <v>0</v>
      </c>
      <c r="N6693" s="46">
        <f t="shared" si="753"/>
        <v>45569.458333317183</v>
      </c>
    </row>
    <row r="6694" spans="2:14" x14ac:dyDescent="0.3">
      <c r="B6694">
        <f t="shared" si="747"/>
        <v>5</v>
      </c>
      <c r="C6694" s="16">
        <v>6660</v>
      </c>
      <c r="D6694" cm="1">
        <f t="array" ref="D6694">IFERROR(INDEX(Jesper!AH$2:AH$366,ROUNDDOWN($C6694/24,0)+1,1)*INDEX($D$3:$AA$30,INDEX(Jesper!$R$2:$R$366,ROW(INDEX(Jesper!AH$2:AH$366,ROUNDDOWN($C6694/24,0)+1,1))-1)+IF('Standard Profiles'!$G$18=$B$10,7,0)+IF('Standard Profiles'!$G$18=$B$17,14,0)+IF('Standard Profiles'!$G$18=$B$24,21,0),MOD($C6694,24)+1)/SUM(INDEX($D$3:$AA$30,INDEX(Jesper!$R$2:$R$366,ROW(INDEX(Jesper!AH$2:AH$366,ROUNDDOWN($C6694/24,0)+1,1))-1)+IF('Standard Profiles'!$G$18=$B$10,7,0)+IF('Standard Profiles'!$G$18=$B$17,14,0)+IF('Standard Profiles'!$G$18=$B$24,21,0),0)),0)</f>
        <v>16.118470141780104</v>
      </c>
      <c r="E6694" cm="1">
        <f t="array" ref="E6694">IFERROR(INDEX(Jesper!AI$2:AI$366,ROUNDDOWN($C6694/24,0)+1,1)*INDEX($D$3:$AA$30,INDEX(Jesper!$R$2:$R$366,ROW(INDEX(Jesper!AI$2:AI$366,ROUNDDOWN($C6694/24,0)+1,1))-1)+IF('Standard Profiles'!$G$19=$B$10,7,0)+IF('Standard Profiles'!$G$19=$B$17,14,0)+IF('Standard Profiles'!$G$19=$B$24,21,0),MOD($C6694,24)+1)/SUM(INDEX($D$3:$AA$30,INDEX(Jesper!$R$2:$R$366,ROW(INDEX(Jesper!AI$2:AI$366,ROUNDDOWN($C6694/24,0)+1,1))-1)+IF('Standard Profiles'!$G$19=$B$10,7,0)+IF('Standard Profiles'!$G$19=$B$17,14,0)+IF('Standard Profiles'!$G$19=$B$24,21,0),0)),0)</f>
        <v>0</v>
      </c>
      <c r="F6694" cm="1">
        <f t="array" ref="F6694">IFERROR(INDEX(Jesper!AJ$2:AJ$366,ROUNDDOWN($C6694/24,0)+1,1)*INDEX($D$3:$AA$30,INDEX(Jesper!$R$2:$R$366,ROW(INDEX(Jesper!AJ$2:AJ$366,ROUNDDOWN($C6694/24,0)+1,1))-1)+IF('Standard Profiles'!$G$20=$B$10,7,0)+IF('Standard Profiles'!$G$20=$B$17,14,0)+IF('Standard Profiles'!$G$20=$B$24,21,0),MOD($C6694,24)+1)/SUM(INDEX($D$3:$AA$30,INDEX(Jesper!$R$2:$R$366,ROW(INDEX(Jesper!AJ$2:AJ$366,ROUNDDOWN($C6694/24,0)+1,1))-1)+IF('Standard Profiles'!$G$20=$B$10,7,0)+IF('Standard Profiles'!$G$20=$B$17,14,0)+IF('Standard Profiles'!$G$20=$B$24,21,0),0)),0)</f>
        <v>0</v>
      </c>
      <c r="G6694" cm="1">
        <f t="array" ref="G6694">IFERROR(INDEX(Jesper!AK$2:AK$366,ROUNDDOWN($C6694/24,0)+1,1)*INDEX($D$3:$AA$30,INDEX(Jesper!$R$2:$R$366,ROW(INDEX(Jesper!AK$2:AK$366,ROUNDDOWN($C6694/24,0)+1,1))-1)+IF('Standard Profiles'!$G$21=$B$10,7,0)+IF('Standard Profiles'!$G$21=$B$17,14,0)+IF('Standard Profiles'!$G$21=$B$24,21,0),MOD($C6694,24)+1)/SUM(INDEX($D$3:$AA$30,INDEX(Jesper!$R$2:$R$366,ROW(INDEX(Jesper!AK$2:AK$366,ROUNDDOWN($C6694/24,0)+1,1))-1)+IF('Standard Profiles'!$G$21=$B$10,7,0)+IF('Standard Profiles'!$G$21=$B$17,14,0)+IF('Standard Profiles'!$G$21=$B$24,21,0),0)),0)</f>
        <v>0</v>
      </c>
      <c r="H6694" cm="1">
        <f t="array" ref="H6694">IFERROR(INDEX(Jesper!AL$2:AL$366,ROUNDDOWN($C6694/24,0)+1,1)*INDEX($D$3:$AA$30,INDEX(Jesper!$R$2:$R$366,ROW(INDEX(Jesper!AL$2:AL$366,ROUNDDOWN($C6694/24,0)+1,1))-1)+IF('Standard Profiles'!$G$22=$B$10,7,0)+IF('Standard Profiles'!$G$22=$B$17,14,0)+IF('Standard Profiles'!$G$22=$B$24,21,0),MOD($C6694,24)+1)/SUM(INDEX($D$3:$AA$30,INDEX(Jesper!$R$2:$R$366,ROW(INDEX(Jesper!AL$2:AL$366,ROUNDDOWN($C6694/24,0)+1,1))-1)+IF('Standard Profiles'!$G$22=$B$10,7,0)+IF('Standard Profiles'!$G$22=$B$17,14,0)+IF('Standard Profiles'!$G$22=$B$24,21,0),0)),0)</f>
        <v>0</v>
      </c>
      <c r="I6694">
        <f t="shared" si="748"/>
        <v>0.48355410425340312</v>
      </c>
      <c r="J6694">
        <f t="shared" si="749"/>
        <v>1.6118470141780106</v>
      </c>
      <c r="K6694">
        <f t="shared" si="750"/>
        <v>2.4177705212670157</v>
      </c>
      <c r="L6694">
        <f t="shared" si="751"/>
        <v>11.605298502081675</v>
      </c>
      <c r="M6694">
        <f t="shared" si="752"/>
        <v>0</v>
      </c>
      <c r="N6694" s="46">
        <f t="shared" si="753"/>
        <v>45569.499999983847</v>
      </c>
    </row>
    <row r="6695" spans="2:14" x14ac:dyDescent="0.3">
      <c r="B6695">
        <f t="shared" si="747"/>
        <v>5</v>
      </c>
      <c r="C6695" s="16">
        <v>6661</v>
      </c>
      <c r="D6695" cm="1">
        <f t="array" ref="D6695">IFERROR(INDEX(Jesper!AH$2:AH$366,ROUNDDOWN($C6695/24,0)+1,1)*INDEX($D$3:$AA$30,INDEX(Jesper!$R$2:$R$366,ROW(INDEX(Jesper!AH$2:AH$366,ROUNDDOWN($C6695/24,0)+1,1))-1)+IF('Standard Profiles'!$G$18=$B$10,7,0)+IF('Standard Profiles'!$G$18=$B$17,14,0)+IF('Standard Profiles'!$G$18=$B$24,21,0),MOD($C6695,24)+1)/SUM(INDEX($D$3:$AA$30,INDEX(Jesper!$R$2:$R$366,ROW(INDEX(Jesper!AH$2:AH$366,ROUNDDOWN($C6695/24,0)+1,1))-1)+IF('Standard Profiles'!$G$18=$B$10,7,0)+IF('Standard Profiles'!$G$18=$B$17,14,0)+IF('Standard Profiles'!$G$18=$B$24,21,0),0)),0)</f>
        <v>16.118470141780104</v>
      </c>
      <c r="E6695" cm="1">
        <f t="array" ref="E6695">IFERROR(INDEX(Jesper!AI$2:AI$366,ROUNDDOWN($C6695/24,0)+1,1)*INDEX($D$3:$AA$30,INDEX(Jesper!$R$2:$R$366,ROW(INDEX(Jesper!AI$2:AI$366,ROUNDDOWN($C6695/24,0)+1,1))-1)+IF('Standard Profiles'!$G$19=$B$10,7,0)+IF('Standard Profiles'!$G$19=$B$17,14,0)+IF('Standard Profiles'!$G$19=$B$24,21,0),MOD($C6695,24)+1)/SUM(INDEX($D$3:$AA$30,INDEX(Jesper!$R$2:$R$366,ROW(INDEX(Jesper!AI$2:AI$366,ROUNDDOWN($C6695/24,0)+1,1))-1)+IF('Standard Profiles'!$G$19=$B$10,7,0)+IF('Standard Profiles'!$G$19=$B$17,14,0)+IF('Standard Profiles'!$G$19=$B$24,21,0),0)),0)</f>
        <v>0</v>
      </c>
      <c r="F6695" cm="1">
        <f t="array" ref="F6695">IFERROR(INDEX(Jesper!AJ$2:AJ$366,ROUNDDOWN($C6695/24,0)+1,1)*INDEX($D$3:$AA$30,INDEX(Jesper!$R$2:$R$366,ROW(INDEX(Jesper!AJ$2:AJ$366,ROUNDDOWN($C6695/24,0)+1,1))-1)+IF('Standard Profiles'!$G$20=$B$10,7,0)+IF('Standard Profiles'!$G$20=$B$17,14,0)+IF('Standard Profiles'!$G$20=$B$24,21,0),MOD($C6695,24)+1)/SUM(INDEX($D$3:$AA$30,INDEX(Jesper!$R$2:$R$366,ROW(INDEX(Jesper!AJ$2:AJ$366,ROUNDDOWN($C6695/24,0)+1,1))-1)+IF('Standard Profiles'!$G$20=$B$10,7,0)+IF('Standard Profiles'!$G$20=$B$17,14,0)+IF('Standard Profiles'!$G$20=$B$24,21,0),0)),0)</f>
        <v>0</v>
      </c>
      <c r="G6695" cm="1">
        <f t="array" ref="G6695">IFERROR(INDEX(Jesper!AK$2:AK$366,ROUNDDOWN($C6695/24,0)+1,1)*INDEX($D$3:$AA$30,INDEX(Jesper!$R$2:$R$366,ROW(INDEX(Jesper!AK$2:AK$366,ROUNDDOWN($C6695/24,0)+1,1))-1)+IF('Standard Profiles'!$G$21=$B$10,7,0)+IF('Standard Profiles'!$G$21=$B$17,14,0)+IF('Standard Profiles'!$G$21=$B$24,21,0),MOD($C6695,24)+1)/SUM(INDEX($D$3:$AA$30,INDEX(Jesper!$R$2:$R$366,ROW(INDEX(Jesper!AK$2:AK$366,ROUNDDOWN($C6695/24,0)+1,1))-1)+IF('Standard Profiles'!$G$21=$B$10,7,0)+IF('Standard Profiles'!$G$21=$B$17,14,0)+IF('Standard Profiles'!$G$21=$B$24,21,0),0)),0)</f>
        <v>0</v>
      </c>
      <c r="H6695" cm="1">
        <f t="array" ref="H6695">IFERROR(INDEX(Jesper!AL$2:AL$366,ROUNDDOWN($C6695/24,0)+1,1)*INDEX($D$3:$AA$30,INDEX(Jesper!$R$2:$R$366,ROW(INDEX(Jesper!AL$2:AL$366,ROUNDDOWN($C6695/24,0)+1,1))-1)+IF('Standard Profiles'!$G$22=$B$10,7,0)+IF('Standard Profiles'!$G$22=$B$17,14,0)+IF('Standard Profiles'!$G$22=$B$24,21,0),MOD($C6695,24)+1)/SUM(INDEX($D$3:$AA$30,INDEX(Jesper!$R$2:$R$366,ROW(INDEX(Jesper!AL$2:AL$366,ROUNDDOWN($C6695/24,0)+1,1))-1)+IF('Standard Profiles'!$G$22=$B$10,7,0)+IF('Standard Profiles'!$G$22=$B$17,14,0)+IF('Standard Profiles'!$G$22=$B$24,21,0),0)),0)</f>
        <v>0</v>
      </c>
      <c r="I6695">
        <f t="shared" si="748"/>
        <v>0.48355410425340312</v>
      </c>
      <c r="J6695">
        <f t="shared" si="749"/>
        <v>1.6118470141780106</v>
      </c>
      <c r="K6695">
        <f t="shared" si="750"/>
        <v>2.4177705212670157</v>
      </c>
      <c r="L6695">
        <f t="shared" si="751"/>
        <v>11.605298502081675</v>
      </c>
      <c r="M6695">
        <f t="shared" si="752"/>
        <v>0</v>
      </c>
      <c r="N6695" s="46">
        <f t="shared" si="753"/>
        <v>45569.541666650512</v>
      </c>
    </row>
    <row r="6696" spans="2:14" x14ac:dyDescent="0.3">
      <c r="B6696">
        <f t="shared" si="747"/>
        <v>5</v>
      </c>
      <c r="C6696" s="16">
        <v>6662</v>
      </c>
      <c r="D6696" cm="1">
        <f t="array" ref="D6696">IFERROR(INDEX(Jesper!AH$2:AH$366,ROUNDDOWN($C6696/24,0)+1,1)*INDEX($D$3:$AA$30,INDEX(Jesper!$R$2:$R$366,ROW(INDEX(Jesper!AH$2:AH$366,ROUNDDOWN($C6696/24,0)+1,1))-1)+IF('Standard Profiles'!$G$18=$B$10,7,0)+IF('Standard Profiles'!$G$18=$B$17,14,0)+IF('Standard Profiles'!$G$18=$B$24,21,0),MOD($C6696,24)+1)/SUM(INDEX($D$3:$AA$30,INDEX(Jesper!$R$2:$R$366,ROW(INDEX(Jesper!AH$2:AH$366,ROUNDDOWN($C6696/24,0)+1,1))-1)+IF('Standard Profiles'!$G$18=$B$10,7,0)+IF('Standard Profiles'!$G$18=$B$17,14,0)+IF('Standard Profiles'!$G$18=$B$24,21,0),0)),0)</f>
        <v>16.118470141780104</v>
      </c>
      <c r="E6696" cm="1">
        <f t="array" ref="E6696">IFERROR(INDEX(Jesper!AI$2:AI$366,ROUNDDOWN($C6696/24,0)+1,1)*INDEX($D$3:$AA$30,INDEX(Jesper!$R$2:$R$366,ROW(INDEX(Jesper!AI$2:AI$366,ROUNDDOWN($C6696/24,0)+1,1))-1)+IF('Standard Profiles'!$G$19=$B$10,7,0)+IF('Standard Profiles'!$G$19=$B$17,14,0)+IF('Standard Profiles'!$G$19=$B$24,21,0),MOD($C6696,24)+1)/SUM(INDEX($D$3:$AA$30,INDEX(Jesper!$R$2:$R$366,ROW(INDEX(Jesper!AI$2:AI$366,ROUNDDOWN($C6696/24,0)+1,1))-1)+IF('Standard Profiles'!$G$19=$B$10,7,0)+IF('Standard Profiles'!$G$19=$B$17,14,0)+IF('Standard Profiles'!$G$19=$B$24,21,0),0)),0)</f>
        <v>0</v>
      </c>
      <c r="F6696" cm="1">
        <f t="array" ref="F6696">IFERROR(INDEX(Jesper!AJ$2:AJ$366,ROUNDDOWN($C6696/24,0)+1,1)*INDEX($D$3:$AA$30,INDEX(Jesper!$R$2:$R$366,ROW(INDEX(Jesper!AJ$2:AJ$366,ROUNDDOWN($C6696/24,0)+1,1))-1)+IF('Standard Profiles'!$G$20=$B$10,7,0)+IF('Standard Profiles'!$G$20=$B$17,14,0)+IF('Standard Profiles'!$G$20=$B$24,21,0),MOD($C6696,24)+1)/SUM(INDEX($D$3:$AA$30,INDEX(Jesper!$R$2:$R$366,ROW(INDEX(Jesper!AJ$2:AJ$366,ROUNDDOWN($C6696/24,0)+1,1))-1)+IF('Standard Profiles'!$G$20=$B$10,7,0)+IF('Standard Profiles'!$G$20=$B$17,14,0)+IF('Standard Profiles'!$G$20=$B$24,21,0),0)),0)</f>
        <v>0</v>
      </c>
      <c r="G6696" cm="1">
        <f t="array" ref="G6696">IFERROR(INDEX(Jesper!AK$2:AK$366,ROUNDDOWN($C6696/24,0)+1,1)*INDEX($D$3:$AA$30,INDEX(Jesper!$R$2:$R$366,ROW(INDEX(Jesper!AK$2:AK$366,ROUNDDOWN($C6696/24,0)+1,1))-1)+IF('Standard Profiles'!$G$21=$B$10,7,0)+IF('Standard Profiles'!$G$21=$B$17,14,0)+IF('Standard Profiles'!$G$21=$B$24,21,0),MOD($C6696,24)+1)/SUM(INDEX($D$3:$AA$30,INDEX(Jesper!$R$2:$R$366,ROW(INDEX(Jesper!AK$2:AK$366,ROUNDDOWN($C6696/24,0)+1,1))-1)+IF('Standard Profiles'!$G$21=$B$10,7,0)+IF('Standard Profiles'!$G$21=$B$17,14,0)+IF('Standard Profiles'!$G$21=$B$24,21,0),0)),0)</f>
        <v>0</v>
      </c>
      <c r="H6696" cm="1">
        <f t="array" ref="H6696">IFERROR(INDEX(Jesper!AL$2:AL$366,ROUNDDOWN($C6696/24,0)+1,1)*INDEX($D$3:$AA$30,INDEX(Jesper!$R$2:$R$366,ROW(INDEX(Jesper!AL$2:AL$366,ROUNDDOWN($C6696/24,0)+1,1))-1)+IF('Standard Profiles'!$G$22=$B$10,7,0)+IF('Standard Profiles'!$G$22=$B$17,14,0)+IF('Standard Profiles'!$G$22=$B$24,21,0),MOD($C6696,24)+1)/SUM(INDEX($D$3:$AA$30,INDEX(Jesper!$R$2:$R$366,ROW(INDEX(Jesper!AL$2:AL$366,ROUNDDOWN($C6696/24,0)+1,1))-1)+IF('Standard Profiles'!$G$22=$B$10,7,0)+IF('Standard Profiles'!$G$22=$B$17,14,0)+IF('Standard Profiles'!$G$22=$B$24,21,0),0)),0)</f>
        <v>0</v>
      </c>
      <c r="I6696">
        <f t="shared" si="748"/>
        <v>0.48355410425340312</v>
      </c>
      <c r="J6696">
        <f t="shared" si="749"/>
        <v>1.6118470141780106</v>
      </c>
      <c r="K6696">
        <f t="shared" si="750"/>
        <v>2.4177705212670157</v>
      </c>
      <c r="L6696">
        <f t="shared" si="751"/>
        <v>11.605298502081675</v>
      </c>
      <c r="M6696">
        <f t="shared" si="752"/>
        <v>0</v>
      </c>
      <c r="N6696" s="46">
        <f t="shared" si="753"/>
        <v>45569.583333317176</v>
      </c>
    </row>
    <row r="6697" spans="2:14" x14ac:dyDescent="0.3">
      <c r="B6697">
        <f t="shared" si="747"/>
        <v>5</v>
      </c>
      <c r="C6697" s="16">
        <v>6663</v>
      </c>
      <c r="D6697" cm="1">
        <f t="array" ref="D6697">IFERROR(INDEX(Jesper!AH$2:AH$366,ROUNDDOWN($C6697/24,0)+1,1)*INDEX($D$3:$AA$30,INDEX(Jesper!$R$2:$R$366,ROW(INDEX(Jesper!AH$2:AH$366,ROUNDDOWN($C6697/24,0)+1,1))-1)+IF('Standard Profiles'!$G$18=$B$10,7,0)+IF('Standard Profiles'!$G$18=$B$17,14,0)+IF('Standard Profiles'!$G$18=$B$24,21,0),MOD($C6697,24)+1)/SUM(INDEX($D$3:$AA$30,INDEX(Jesper!$R$2:$R$366,ROW(INDEX(Jesper!AH$2:AH$366,ROUNDDOWN($C6697/24,0)+1,1))-1)+IF('Standard Profiles'!$G$18=$B$10,7,0)+IF('Standard Profiles'!$G$18=$B$17,14,0)+IF('Standard Profiles'!$G$18=$B$24,21,0),0)),0)</f>
        <v>13.432058451483421</v>
      </c>
      <c r="E6697" cm="1">
        <f t="array" ref="E6697">IFERROR(INDEX(Jesper!AI$2:AI$366,ROUNDDOWN($C6697/24,0)+1,1)*INDEX($D$3:$AA$30,INDEX(Jesper!$R$2:$R$366,ROW(INDEX(Jesper!AI$2:AI$366,ROUNDDOWN($C6697/24,0)+1,1))-1)+IF('Standard Profiles'!$G$19=$B$10,7,0)+IF('Standard Profiles'!$G$19=$B$17,14,0)+IF('Standard Profiles'!$G$19=$B$24,21,0),MOD($C6697,24)+1)/SUM(INDEX($D$3:$AA$30,INDEX(Jesper!$R$2:$R$366,ROW(INDEX(Jesper!AI$2:AI$366,ROUNDDOWN($C6697/24,0)+1,1))-1)+IF('Standard Profiles'!$G$19=$B$10,7,0)+IF('Standard Profiles'!$G$19=$B$17,14,0)+IF('Standard Profiles'!$G$19=$B$24,21,0),0)),0)</f>
        <v>0</v>
      </c>
      <c r="F6697" cm="1">
        <f t="array" ref="F6697">IFERROR(INDEX(Jesper!AJ$2:AJ$366,ROUNDDOWN($C6697/24,0)+1,1)*INDEX($D$3:$AA$30,INDEX(Jesper!$R$2:$R$366,ROW(INDEX(Jesper!AJ$2:AJ$366,ROUNDDOWN($C6697/24,0)+1,1))-1)+IF('Standard Profiles'!$G$20=$B$10,7,0)+IF('Standard Profiles'!$G$20=$B$17,14,0)+IF('Standard Profiles'!$G$20=$B$24,21,0),MOD($C6697,24)+1)/SUM(INDEX($D$3:$AA$30,INDEX(Jesper!$R$2:$R$366,ROW(INDEX(Jesper!AJ$2:AJ$366,ROUNDDOWN($C6697/24,0)+1,1))-1)+IF('Standard Profiles'!$G$20=$B$10,7,0)+IF('Standard Profiles'!$G$20=$B$17,14,0)+IF('Standard Profiles'!$G$20=$B$24,21,0),0)),0)</f>
        <v>0</v>
      </c>
      <c r="G6697" cm="1">
        <f t="array" ref="G6697">IFERROR(INDEX(Jesper!AK$2:AK$366,ROUNDDOWN($C6697/24,0)+1,1)*INDEX($D$3:$AA$30,INDEX(Jesper!$R$2:$R$366,ROW(INDEX(Jesper!AK$2:AK$366,ROUNDDOWN($C6697/24,0)+1,1))-1)+IF('Standard Profiles'!$G$21=$B$10,7,0)+IF('Standard Profiles'!$G$21=$B$17,14,0)+IF('Standard Profiles'!$G$21=$B$24,21,0),MOD($C6697,24)+1)/SUM(INDEX($D$3:$AA$30,INDEX(Jesper!$R$2:$R$366,ROW(INDEX(Jesper!AK$2:AK$366,ROUNDDOWN($C6697/24,0)+1,1))-1)+IF('Standard Profiles'!$G$21=$B$10,7,0)+IF('Standard Profiles'!$G$21=$B$17,14,0)+IF('Standard Profiles'!$G$21=$B$24,21,0),0)),0)</f>
        <v>0</v>
      </c>
      <c r="H6697" cm="1">
        <f t="array" ref="H6697">IFERROR(INDEX(Jesper!AL$2:AL$366,ROUNDDOWN($C6697/24,0)+1,1)*INDEX($D$3:$AA$30,INDEX(Jesper!$R$2:$R$366,ROW(INDEX(Jesper!AL$2:AL$366,ROUNDDOWN($C6697/24,0)+1,1))-1)+IF('Standard Profiles'!$G$22=$B$10,7,0)+IF('Standard Profiles'!$G$22=$B$17,14,0)+IF('Standard Profiles'!$G$22=$B$24,21,0),MOD($C6697,24)+1)/SUM(INDEX($D$3:$AA$30,INDEX(Jesper!$R$2:$R$366,ROW(INDEX(Jesper!AL$2:AL$366,ROUNDDOWN($C6697/24,0)+1,1))-1)+IF('Standard Profiles'!$G$22=$B$10,7,0)+IF('Standard Profiles'!$G$22=$B$17,14,0)+IF('Standard Profiles'!$G$22=$B$24,21,0),0)),0)</f>
        <v>0</v>
      </c>
      <c r="I6697">
        <f t="shared" si="748"/>
        <v>0.40296175354450259</v>
      </c>
      <c r="J6697">
        <f t="shared" si="749"/>
        <v>1.3432058451483422</v>
      </c>
      <c r="K6697">
        <f t="shared" si="750"/>
        <v>2.014808767722513</v>
      </c>
      <c r="L6697">
        <f t="shared" si="751"/>
        <v>9.671082085068063</v>
      </c>
      <c r="M6697">
        <f t="shared" si="752"/>
        <v>0</v>
      </c>
      <c r="N6697" s="46">
        <f t="shared" si="753"/>
        <v>45569.62499998384</v>
      </c>
    </row>
    <row r="6698" spans="2:14" x14ac:dyDescent="0.3">
      <c r="B6698">
        <f t="shared" si="747"/>
        <v>5</v>
      </c>
      <c r="C6698" s="16">
        <v>6664</v>
      </c>
      <c r="D6698" cm="1">
        <f t="array" ref="D6698">IFERROR(INDEX(Jesper!AH$2:AH$366,ROUNDDOWN($C6698/24,0)+1,1)*INDEX($D$3:$AA$30,INDEX(Jesper!$R$2:$R$366,ROW(INDEX(Jesper!AH$2:AH$366,ROUNDDOWN($C6698/24,0)+1,1))-1)+IF('Standard Profiles'!$G$18=$B$10,7,0)+IF('Standard Profiles'!$G$18=$B$17,14,0)+IF('Standard Profiles'!$G$18=$B$24,21,0),MOD($C6698,24)+1)/SUM(INDEX($D$3:$AA$30,INDEX(Jesper!$R$2:$R$366,ROW(INDEX(Jesper!AH$2:AH$366,ROUNDDOWN($C6698/24,0)+1,1))-1)+IF('Standard Profiles'!$G$18=$B$10,7,0)+IF('Standard Profiles'!$G$18=$B$17,14,0)+IF('Standard Profiles'!$G$18=$B$24,21,0),0)),0)</f>
        <v>12.715682000737639</v>
      </c>
      <c r="E6698" cm="1">
        <f t="array" ref="E6698">IFERROR(INDEX(Jesper!AI$2:AI$366,ROUNDDOWN($C6698/24,0)+1,1)*INDEX($D$3:$AA$30,INDEX(Jesper!$R$2:$R$366,ROW(INDEX(Jesper!AI$2:AI$366,ROUNDDOWN($C6698/24,0)+1,1))-1)+IF('Standard Profiles'!$G$19=$B$10,7,0)+IF('Standard Profiles'!$G$19=$B$17,14,0)+IF('Standard Profiles'!$G$19=$B$24,21,0),MOD($C6698,24)+1)/SUM(INDEX($D$3:$AA$30,INDEX(Jesper!$R$2:$R$366,ROW(INDEX(Jesper!AI$2:AI$366,ROUNDDOWN($C6698/24,0)+1,1))-1)+IF('Standard Profiles'!$G$19=$B$10,7,0)+IF('Standard Profiles'!$G$19=$B$17,14,0)+IF('Standard Profiles'!$G$19=$B$24,21,0),0)),0)</f>
        <v>0</v>
      </c>
      <c r="F6698" cm="1">
        <f t="array" ref="F6698">IFERROR(INDEX(Jesper!AJ$2:AJ$366,ROUNDDOWN($C6698/24,0)+1,1)*INDEX($D$3:$AA$30,INDEX(Jesper!$R$2:$R$366,ROW(INDEX(Jesper!AJ$2:AJ$366,ROUNDDOWN($C6698/24,0)+1,1))-1)+IF('Standard Profiles'!$G$20=$B$10,7,0)+IF('Standard Profiles'!$G$20=$B$17,14,0)+IF('Standard Profiles'!$G$20=$B$24,21,0),MOD($C6698,24)+1)/SUM(INDEX($D$3:$AA$30,INDEX(Jesper!$R$2:$R$366,ROW(INDEX(Jesper!AJ$2:AJ$366,ROUNDDOWN($C6698/24,0)+1,1))-1)+IF('Standard Profiles'!$G$20=$B$10,7,0)+IF('Standard Profiles'!$G$20=$B$17,14,0)+IF('Standard Profiles'!$G$20=$B$24,21,0),0)),0)</f>
        <v>0</v>
      </c>
      <c r="G6698" cm="1">
        <f t="array" ref="G6698">IFERROR(INDEX(Jesper!AK$2:AK$366,ROUNDDOWN($C6698/24,0)+1,1)*INDEX($D$3:$AA$30,INDEX(Jesper!$R$2:$R$366,ROW(INDEX(Jesper!AK$2:AK$366,ROUNDDOWN($C6698/24,0)+1,1))-1)+IF('Standard Profiles'!$G$21=$B$10,7,0)+IF('Standard Profiles'!$G$21=$B$17,14,0)+IF('Standard Profiles'!$G$21=$B$24,21,0),MOD($C6698,24)+1)/SUM(INDEX($D$3:$AA$30,INDEX(Jesper!$R$2:$R$366,ROW(INDEX(Jesper!AK$2:AK$366,ROUNDDOWN($C6698/24,0)+1,1))-1)+IF('Standard Profiles'!$G$21=$B$10,7,0)+IF('Standard Profiles'!$G$21=$B$17,14,0)+IF('Standard Profiles'!$G$21=$B$24,21,0),0)),0)</f>
        <v>0</v>
      </c>
      <c r="H6698" cm="1">
        <f t="array" ref="H6698">IFERROR(INDEX(Jesper!AL$2:AL$366,ROUNDDOWN($C6698/24,0)+1,1)*INDEX($D$3:$AA$30,INDEX(Jesper!$R$2:$R$366,ROW(INDEX(Jesper!AL$2:AL$366,ROUNDDOWN($C6698/24,0)+1,1))-1)+IF('Standard Profiles'!$G$22=$B$10,7,0)+IF('Standard Profiles'!$G$22=$B$17,14,0)+IF('Standard Profiles'!$G$22=$B$24,21,0),MOD($C6698,24)+1)/SUM(INDEX($D$3:$AA$30,INDEX(Jesper!$R$2:$R$366,ROW(INDEX(Jesper!AL$2:AL$366,ROUNDDOWN($C6698/24,0)+1,1))-1)+IF('Standard Profiles'!$G$22=$B$10,7,0)+IF('Standard Profiles'!$G$22=$B$17,14,0)+IF('Standard Profiles'!$G$22=$B$24,21,0),0)),0)</f>
        <v>0</v>
      </c>
      <c r="I6698">
        <f t="shared" si="748"/>
        <v>0.38147046002212914</v>
      </c>
      <c r="J6698">
        <f t="shared" si="749"/>
        <v>1.271568200073764</v>
      </c>
      <c r="K6698">
        <f t="shared" si="750"/>
        <v>1.9073523001106456</v>
      </c>
      <c r="L6698">
        <f t="shared" si="751"/>
        <v>9.1552910405310985</v>
      </c>
      <c r="M6698">
        <f t="shared" si="752"/>
        <v>0</v>
      </c>
      <c r="N6698" s="46">
        <f t="shared" si="753"/>
        <v>45569.666666650504</v>
      </c>
    </row>
    <row r="6699" spans="2:14" x14ac:dyDescent="0.3">
      <c r="B6699">
        <f t="shared" si="747"/>
        <v>5</v>
      </c>
      <c r="C6699" s="16">
        <v>6665</v>
      </c>
      <c r="D6699" cm="1">
        <f t="array" ref="D6699">IFERROR(INDEX(Jesper!AH$2:AH$366,ROUNDDOWN($C6699/24,0)+1,1)*INDEX($D$3:$AA$30,INDEX(Jesper!$R$2:$R$366,ROW(INDEX(Jesper!AH$2:AH$366,ROUNDDOWN($C6699/24,0)+1,1))-1)+IF('Standard Profiles'!$G$18=$B$10,7,0)+IF('Standard Profiles'!$G$18=$B$17,14,0)+IF('Standard Profiles'!$G$18=$B$24,21,0),MOD($C6699,24)+1)/SUM(INDEX($D$3:$AA$30,INDEX(Jesper!$R$2:$R$366,ROW(INDEX(Jesper!AH$2:AH$366,ROUNDDOWN($C6699/24,0)+1,1))-1)+IF('Standard Profiles'!$G$18=$B$10,7,0)+IF('Standard Profiles'!$G$18=$B$17,14,0)+IF('Standard Profiles'!$G$18=$B$24,21,0),0)),0)</f>
        <v>12.715682000737639</v>
      </c>
      <c r="E6699" cm="1">
        <f t="array" ref="E6699">IFERROR(INDEX(Jesper!AI$2:AI$366,ROUNDDOWN($C6699/24,0)+1,1)*INDEX($D$3:$AA$30,INDEX(Jesper!$R$2:$R$366,ROW(INDEX(Jesper!AI$2:AI$366,ROUNDDOWN($C6699/24,0)+1,1))-1)+IF('Standard Profiles'!$G$19=$B$10,7,0)+IF('Standard Profiles'!$G$19=$B$17,14,0)+IF('Standard Profiles'!$G$19=$B$24,21,0),MOD($C6699,24)+1)/SUM(INDEX($D$3:$AA$30,INDEX(Jesper!$R$2:$R$366,ROW(INDEX(Jesper!AI$2:AI$366,ROUNDDOWN($C6699/24,0)+1,1))-1)+IF('Standard Profiles'!$G$19=$B$10,7,0)+IF('Standard Profiles'!$G$19=$B$17,14,0)+IF('Standard Profiles'!$G$19=$B$24,21,0),0)),0)</f>
        <v>0</v>
      </c>
      <c r="F6699" cm="1">
        <f t="array" ref="F6699">IFERROR(INDEX(Jesper!AJ$2:AJ$366,ROUNDDOWN($C6699/24,0)+1,1)*INDEX($D$3:$AA$30,INDEX(Jesper!$R$2:$R$366,ROW(INDEX(Jesper!AJ$2:AJ$366,ROUNDDOWN($C6699/24,0)+1,1))-1)+IF('Standard Profiles'!$G$20=$B$10,7,0)+IF('Standard Profiles'!$G$20=$B$17,14,0)+IF('Standard Profiles'!$G$20=$B$24,21,0),MOD($C6699,24)+1)/SUM(INDEX($D$3:$AA$30,INDEX(Jesper!$R$2:$R$366,ROW(INDEX(Jesper!AJ$2:AJ$366,ROUNDDOWN($C6699/24,0)+1,1))-1)+IF('Standard Profiles'!$G$20=$B$10,7,0)+IF('Standard Profiles'!$G$20=$B$17,14,0)+IF('Standard Profiles'!$G$20=$B$24,21,0),0)),0)</f>
        <v>0</v>
      </c>
      <c r="G6699" cm="1">
        <f t="array" ref="G6699">IFERROR(INDEX(Jesper!AK$2:AK$366,ROUNDDOWN($C6699/24,0)+1,1)*INDEX($D$3:$AA$30,INDEX(Jesper!$R$2:$R$366,ROW(INDEX(Jesper!AK$2:AK$366,ROUNDDOWN($C6699/24,0)+1,1))-1)+IF('Standard Profiles'!$G$21=$B$10,7,0)+IF('Standard Profiles'!$G$21=$B$17,14,0)+IF('Standard Profiles'!$G$21=$B$24,21,0),MOD($C6699,24)+1)/SUM(INDEX($D$3:$AA$30,INDEX(Jesper!$R$2:$R$366,ROW(INDEX(Jesper!AK$2:AK$366,ROUNDDOWN($C6699/24,0)+1,1))-1)+IF('Standard Profiles'!$G$21=$B$10,7,0)+IF('Standard Profiles'!$G$21=$B$17,14,0)+IF('Standard Profiles'!$G$21=$B$24,21,0),0)),0)</f>
        <v>0</v>
      </c>
      <c r="H6699" cm="1">
        <f t="array" ref="H6699">IFERROR(INDEX(Jesper!AL$2:AL$366,ROUNDDOWN($C6699/24,0)+1,1)*INDEX($D$3:$AA$30,INDEX(Jesper!$R$2:$R$366,ROW(INDEX(Jesper!AL$2:AL$366,ROUNDDOWN($C6699/24,0)+1,1))-1)+IF('Standard Profiles'!$G$22=$B$10,7,0)+IF('Standard Profiles'!$G$22=$B$17,14,0)+IF('Standard Profiles'!$G$22=$B$24,21,0),MOD($C6699,24)+1)/SUM(INDEX($D$3:$AA$30,INDEX(Jesper!$R$2:$R$366,ROW(INDEX(Jesper!AL$2:AL$366,ROUNDDOWN($C6699/24,0)+1,1))-1)+IF('Standard Profiles'!$G$22=$B$10,7,0)+IF('Standard Profiles'!$G$22=$B$17,14,0)+IF('Standard Profiles'!$G$22=$B$24,21,0),0)),0)</f>
        <v>0</v>
      </c>
      <c r="I6699">
        <f t="shared" si="748"/>
        <v>0.38147046002212914</v>
      </c>
      <c r="J6699">
        <f t="shared" si="749"/>
        <v>1.271568200073764</v>
      </c>
      <c r="K6699">
        <f t="shared" si="750"/>
        <v>1.9073523001106456</v>
      </c>
      <c r="L6699">
        <f t="shared" si="751"/>
        <v>9.1552910405310985</v>
      </c>
      <c r="M6699">
        <f t="shared" si="752"/>
        <v>0</v>
      </c>
      <c r="N6699" s="46">
        <f t="shared" si="753"/>
        <v>45569.708333317169</v>
      </c>
    </row>
    <row r="6700" spans="2:14" x14ac:dyDescent="0.3">
      <c r="B6700">
        <f t="shared" si="747"/>
        <v>5</v>
      </c>
      <c r="C6700" s="16">
        <v>6666</v>
      </c>
      <c r="D6700" cm="1">
        <f t="array" ref="D6700">IFERROR(INDEX(Jesper!AH$2:AH$366,ROUNDDOWN($C6700/24,0)+1,1)*INDEX($D$3:$AA$30,INDEX(Jesper!$R$2:$R$366,ROW(INDEX(Jesper!AH$2:AH$366,ROUNDDOWN($C6700/24,0)+1,1))-1)+IF('Standard Profiles'!$G$18=$B$10,7,0)+IF('Standard Profiles'!$G$18=$B$17,14,0)+IF('Standard Profiles'!$G$18=$B$24,21,0),MOD($C6700,24)+1)/SUM(INDEX($D$3:$AA$30,INDEX(Jesper!$R$2:$R$366,ROW(INDEX(Jesper!AH$2:AH$366,ROUNDDOWN($C6700/24,0)+1,1))-1)+IF('Standard Profiles'!$G$18=$B$10,7,0)+IF('Standard Profiles'!$G$18=$B$17,14,0)+IF('Standard Profiles'!$G$18=$B$24,21,0),0)),0)</f>
        <v>12.715682000737639</v>
      </c>
      <c r="E6700" cm="1">
        <f t="array" ref="E6700">IFERROR(INDEX(Jesper!AI$2:AI$366,ROUNDDOWN($C6700/24,0)+1,1)*INDEX($D$3:$AA$30,INDEX(Jesper!$R$2:$R$366,ROW(INDEX(Jesper!AI$2:AI$366,ROUNDDOWN($C6700/24,0)+1,1))-1)+IF('Standard Profiles'!$G$19=$B$10,7,0)+IF('Standard Profiles'!$G$19=$B$17,14,0)+IF('Standard Profiles'!$G$19=$B$24,21,0),MOD($C6700,24)+1)/SUM(INDEX($D$3:$AA$30,INDEX(Jesper!$R$2:$R$366,ROW(INDEX(Jesper!AI$2:AI$366,ROUNDDOWN($C6700/24,0)+1,1))-1)+IF('Standard Profiles'!$G$19=$B$10,7,0)+IF('Standard Profiles'!$G$19=$B$17,14,0)+IF('Standard Profiles'!$G$19=$B$24,21,0),0)),0)</f>
        <v>0</v>
      </c>
      <c r="F6700" cm="1">
        <f t="array" ref="F6700">IFERROR(INDEX(Jesper!AJ$2:AJ$366,ROUNDDOWN($C6700/24,0)+1,1)*INDEX($D$3:$AA$30,INDEX(Jesper!$R$2:$R$366,ROW(INDEX(Jesper!AJ$2:AJ$366,ROUNDDOWN($C6700/24,0)+1,1))-1)+IF('Standard Profiles'!$G$20=$B$10,7,0)+IF('Standard Profiles'!$G$20=$B$17,14,0)+IF('Standard Profiles'!$G$20=$B$24,21,0),MOD($C6700,24)+1)/SUM(INDEX($D$3:$AA$30,INDEX(Jesper!$R$2:$R$366,ROW(INDEX(Jesper!AJ$2:AJ$366,ROUNDDOWN($C6700/24,0)+1,1))-1)+IF('Standard Profiles'!$G$20=$B$10,7,0)+IF('Standard Profiles'!$G$20=$B$17,14,0)+IF('Standard Profiles'!$G$20=$B$24,21,0),0)),0)</f>
        <v>0</v>
      </c>
      <c r="G6700" cm="1">
        <f t="array" ref="G6700">IFERROR(INDEX(Jesper!AK$2:AK$366,ROUNDDOWN($C6700/24,0)+1,1)*INDEX($D$3:$AA$30,INDEX(Jesper!$R$2:$R$366,ROW(INDEX(Jesper!AK$2:AK$366,ROUNDDOWN($C6700/24,0)+1,1))-1)+IF('Standard Profiles'!$G$21=$B$10,7,0)+IF('Standard Profiles'!$G$21=$B$17,14,0)+IF('Standard Profiles'!$G$21=$B$24,21,0),MOD($C6700,24)+1)/SUM(INDEX($D$3:$AA$30,INDEX(Jesper!$R$2:$R$366,ROW(INDEX(Jesper!AK$2:AK$366,ROUNDDOWN($C6700/24,0)+1,1))-1)+IF('Standard Profiles'!$G$21=$B$10,7,0)+IF('Standard Profiles'!$G$21=$B$17,14,0)+IF('Standard Profiles'!$G$21=$B$24,21,0),0)),0)</f>
        <v>0</v>
      </c>
      <c r="H6700" cm="1">
        <f t="array" ref="H6700">IFERROR(INDEX(Jesper!AL$2:AL$366,ROUNDDOWN($C6700/24,0)+1,1)*INDEX($D$3:$AA$30,INDEX(Jesper!$R$2:$R$366,ROW(INDEX(Jesper!AL$2:AL$366,ROUNDDOWN($C6700/24,0)+1,1))-1)+IF('Standard Profiles'!$G$22=$B$10,7,0)+IF('Standard Profiles'!$G$22=$B$17,14,0)+IF('Standard Profiles'!$G$22=$B$24,21,0),MOD($C6700,24)+1)/SUM(INDEX($D$3:$AA$30,INDEX(Jesper!$R$2:$R$366,ROW(INDEX(Jesper!AL$2:AL$366,ROUNDDOWN($C6700/24,0)+1,1))-1)+IF('Standard Profiles'!$G$22=$B$10,7,0)+IF('Standard Profiles'!$G$22=$B$17,14,0)+IF('Standard Profiles'!$G$22=$B$24,21,0),0)),0)</f>
        <v>0</v>
      </c>
      <c r="I6700">
        <f t="shared" si="748"/>
        <v>0.38147046002212914</v>
      </c>
      <c r="J6700">
        <f t="shared" si="749"/>
        <v>1.271568200073764</v>
      </c>
      <c r="K6700">
        <f t="shared" si="750"/>
        <v>1.9073523001106456</v>
      </c>
      <c r="L6700">
        <f t="shared" si="751"/>
        <v>9.1552910405310985</v>
      </c>
      <c r="M6700">
        <f t="shared" si="752"/>
        <v>0</v>
      </c>
      <c r="N6700" s="46">
        <f t="shared" si="753"/>
        <v>45569.749999983833</v>
      </c>
    </row>
    <row r="6701" spans="2:14" x14ac:dyDescent="0.3">
      <c r="B6701">
        <f t="shared" si="747"/>
        <v>5</v>
      </c>
      <c r="C6701" s="16">
        <v>6667</v>
      </c>
      <c r="D6701" cm="1">
        <f t="array" ref="D6701">IFERROR(INDEX(Jesper!AH$2:AH$366,ROUNDDOWN($C6701/24,0)+1,1)*INDEX($D$3:$AA$30,INDEX(Jesper!$R$2:$R$366,ROW(INDEX(Jesper!AH$2:AH$366,ROUNDDOWN($C6701/24,0)+1,1))-1)+IF('Standard Profiles'!$G$18=$B$10,7,0)+IF('Standard Profiles'!$G$18=$B$17,14,0)+IF('Standard Profiles'!$G$18=$B$24,21,0),MOD($C6701,24)+1)/SUM(INDEX($D$3:$AA$30,INDEX(Jesper!$R$2:$R$366,ROW(INDEX(Jesper!AH$2:AH$366,ROUNDDOWN($C6701/24,0)+1,1))-1)+IF('Standard Profiles'!$G$18=$B$10,7,0)+IF('Standard Profiles'!$G$18=$B$17,14,0)+IF('Standard Profiles'!$G$18=$B$24,21,0),0)),0)</f>
        <v>12.715682000737639</v>
      </c>
      <c r="E6701" cm="1">
        <f t="array" ref="E6701">IFERROR(INDEX(Jesper!AI$2:AI$366,ROUNDDOWN($C6701/24,0)+1,1)*INDEX($D$3:$AA$30,INDEX(Jesper!$R$2:$R$366,ROW(INDEX(Jesper!AI$2:AI$366,ROUNDDOWN($C6701/24,0)+1,1))-1)+IF('Standard Profiles'!$G$19=$B$10,7,0)+IF('Standard Profiles'!$G$19=$B$17,14,0)+IF('Standard Profiles'!$G$19=$B$24,21,0),MOD($C6701,24)+1)/SUM(INDEX($D$3:$AA$30,INDEX(Jesper!$R$2:$R$366,ROW(INDEX(Jesper!AI$2:AI$366,ROUNDDOWN($C6701/24,0)+1,1))-1)+IF('Standard Profiles'!$G$19=$B$10,7,0)+IF('Standard Profiles'!$G$19=$B$17,14,0)+IF('Standard Profiles'!$G$19=$B$24,21,0),0)),0)</f>
        <v>0</v>
      </c>
      <c r="F6701" cm="1">
        <f t="array" ref="F6701">IFERROR(INDEX(Jesper!AJ$2:AJ$366,ROUNDDOWN($C6701/24,0)+1,1)*INDEX($D$3:$AA$30,INDEX(Jesper!$R$2:$R$366,ROW(INDEX(Jesper!AJ$2:AJ$366,ROUNDDOWN($C6701/24,0)+1,1))-1)+IF('Standard Profiles'!$G$20=$B$10,7,0)+IF('Standard Profiles'!$G$20=$B$17,14,0)+IF('Standard Profiles'!$G$20=$B$24,21,0),MOD($C6701,24)+1)/SUM(INDEX($D$3:$AA$30,INDEX(Jesper!$R$2:$R$366,ROW(INDEX(Jesper!AJ$2:AJ$366,ROUNDDOWN($C6701/24,0)+1,1))-1)+IF('Standard Profiles'!$G$20=$B$10,7,0)+IF('Standard Profiles'!$G$20=$B$17,14,0)+IF('Standard Profiles'!$G$20=$B$24,21,0),0)),0)</f>
        <v>0</v>
      </c>
      <c r="G6701" cm="1">
        <f t="array" ref="G6701">IFERROR(INDEX(Jesper!AK$2:AK$366,ROUNDDOWN($C6701/24,0)+1,1)*INDEX($D$3:$AA$30,INDEX(Jesper!$R$2:$R$366,ROW(INDEX(Jesper!AK$2:AK$366,ROUNDDOWN($C6701/24,0)+1,1))-1)+IF('Standard Profiles'!$G$21=$B$10,7,0)+IF('Standard Profiles'!$G$21=$B$17,14,0)+IF('Standard Profiles'!$G$21=$B$24,21,0),MOD($C6701,24)+1)/SUM(INDEX($D$3:$AA$30,INDEX(Jesper!$R$2:$R$366,ROW(INDEX(Jesper!AK$2:AK$366,ROUNDDOWN($C6701/24,0)+1,1))-1)+IF('Standard Profiles'!$G$21=$B$10,7,0)+IF('Standard Profiles'!$G$21=$B$17,14,0)+IF('Standard Profiles'!$G$21=$B$24,21,0),0)),0)</f>
        <v>0</v>
      </c>
      <c r="H6701" cm="1">
        <f t="array" ref="H6701">IFERROR(INDEX(Jesper!AL$2:AL$366,ROUNDDOWN($C6701/24,0)+1,1)*INDEX($D$3:$AA$30,INDEX(Jesper!$R$2:$R$366,ROW(INDEX(Jesper!AL$2:AL$366,ROUNDDOWN($C6701/24,0)+1,1))-1)+IF('Standard Profiles'!$G$22=$B$10,7,0)+IF('Standard Profiles'!$G$22=$B$17,14,0)+IF('Standard Profiles'!$G$22=$B$24,21,0),MOD($C6701,24)+1)/SUM(INDEX($D$3:$AA$30,INDEX(Jesper!$R$2:$R$366,ROW(INDEX(Jesper!AL$2:AL$366,ROUNDDOWN($C6701/24,0)+1,1))-1)+IF('Standard Profiles'!$G$22=$B$10,7,0)+IF('Standard Profiles'!$G$22=$B$17,14,0)+IF('Standard Profiles'!$G$22=$B$24,21,0),0)),0)</f>
        <v>0</v>
      </c>
      <c r="I6701">
        <f t="shared" si="748"/>
        <v>0.38147046002212914</v>
      </c>
      <c r="J6701">
        <f t="shared" si="749"/>
        <v>1.271568200073764</v>
      </c>
      <c r="K6701">
        <f t="shared" si="750"/>
        <v>1.9073523001106456</v>
      </c>
      <c r="L6701">
        <f t="shared" si="751"/>
        <v>9.1552910405310985</v>
      </c>
      <c r="M6701">
        <f t="shared" si="752"/>
        <v>0</v>
      </c>
      <c r="N6701" s="46">
        <f t="shared" si="753"/>
        <v>45569.791666650497</v>
      </c>
    </row>
    <row r="6702" spans="2:14" x14ac:dyDescent="0.3">
      <c r="B6702">
        <f t="shared" si="747"/>
        <v>5</v>
      </c>
      <c r="C6702" s="16">
        <v>6668</v>
      </c>
      <c r="D6702" cm="1">
        <f t="array" ref="D6702">IFERROR(INDEX(Jesper!AH$2:AH$366,ROUNDDOWN($C6702/24,0)+1,1)*INDEX($D$3:$AA$30,INDEX(Jesper!$R$2:$R$366,ROW(INDEX(Jesper!AH$2:AH$366,ROUNDDOWN($C6702/24,0)+1,1))-1)+IF('Standard Profiles'!$G$18=$B$10,7,0)+IF('Standard Profiles'!$G$18=$B$17,14,0)+IF('Standard Profiles'!$G$18=$B$24,21,0),MOD($C6702,24)+1)/SUM(INDEX($D$3:$AA$30,INDEX(Jesper!$R$2:$R$366,ROW(INDEX(Jesper!AH$2:AH$366,ROUNDDOWN($C6702/24,0)+1,1))-1)+IF('Standard Profiles'!$G$18=$B$10,7,0)+IF('Standard Profiles'!$G$18=$B$17,14,0)+IF('Standard Profiles'!$G$18=$B$24,21,0),0)),0)</f>
        <v>9.8501761977545073</v>
      </c>
      <c r="E6702" cm="1">
        <f t="array" ref="E6702">IFERROR(INDEX(Jesper!AI$2:AI$366,ROUNDDOWN($C6702/24,0)+1,1)*INDEX($D$3:$AA$30,INDEX(Jesper!$R$2:$R$366,ROW(INDEX(Jesper!AI$2:AI$366,ROUNDDOWN($C6702/24,0)+1,1))-1)+IF('Standard Profiles'!$G$19=$B$10,7,0)+IF('Standard Profiles'!$G$19=$B$17,14,0)+IF('Standard Profiles'!$G$19=$B$24,21,0),MOD($C6702,24)+1)/SUM(INDEX($D$3:$AA$30,INDEX(Jesper!$R$2:$R$366,ROW(INDEX(Jesper!AI$2:AI$366,ROUNDDOWN($C6702/24,0)+1,1))-1)+IF('Standard Profiles'!$G$19=$B$10,7,0)+IF('Standard Profiles'!$G$19=$B$17,14,0)+IF('Standard Profiles'!$G$19=$B$24,21,0),0)),0)</f>
        <v>0</v>
      </c>
      <c r="F6702" cm="1">
        <f t="array" ref="F6702">IFERROR(INDEX(Jesper!AJ$2:AJ$366,ROUNDDOWN($C6702/24,0)+1,1)*INDEX($D$3:$AA$30,INDEX(Jesper!$R$2:$R$366,ROW(INDEX(Jesper!AJ$2:AJ$366,ROUNDDOWN($C6702/24,0)+1,1))-1)+IF('Standard Profiles'!$G$20=$B$10,7,0)+IF('Standard Profiles'!$G$20=$B$17,14,0)+IF('Standard Profiles'!$G$20=$B$24,21,0),MOD($C6702,24)+1)/SUM(INDEX($D$3:$AA$30,INDEX(Jesper!$R$2:$R$366,ROW(INDEX(Jesper!AJ$2:AJ$366,ROUNDDOWN($C6702/24,0)+1,1))-1)+IF('Standard Profiles'!$G$20=$B$10,7,0)+IF('Standard Profiles'!$G$20=$B$17,14,0)+IF('Standard Profiles'!$G$20=$B$24,21,0),0)),0)</f>
        <v>0</v>
      </c>
      <c r="G6702" cm="1">
        <f t="array" ref="G6702">IFERROR(INDEX(Jesper!AK$2:AK$366,ROUNDDOWN($C6702/24,0)+1,1)*INDEX($D$3:$AA$30,INDEX(Jesper!$R$2:$R$366,ROW(INDEX(Jesper!AK$2:AK$366,ROUNDDOWN($C6702/24,0)+1,1))-1)+IF('Standard Profiles'!$G$21=$B$10,7,0)+IF('Standard Profiles'!$G$21=$B$17,14,0)+IF('Standard Profiles'!$G$21=$B$24,21,0),MOD($C6702,24)+1)/SUM(INDEX($D$3:$AA$30,INDEX(Jesper!$R$2:$R$366,ROW(INDEX(Jesper!AK$2:AK$366,ROUNDDOWN($C6702/24,0)+1,1))-1)+IF('Standard Profiles'!$G$21=$B$10,7,0)+IF('Standard Profiles'!$G$21=$B$17,14,0)+IF('Standard Profiles'!$G$21=$B$24,21,0),0)),0)</f>
        <v>0</v>
      </c>
      <c r="H6702" cm="1">
        <f t="array" ref="H6702">IFERROR(INDEX(Jesper!AL$2:AL$366,ROUNDDOWN($C6702/24,0)+1,1)*INDEX($D$3:$AA$30,INDEX(Jesper!$R$2:$R$366,ROW(INDEX(Jesper!AL$2:AL$366,ROUNDDOWN($C6702/24,0)+1,1))-1)+IF('Standard Profiles'!$G$22=$B$10,7,0)+IF('Standard Profiles'!$G$22=$B$17,14,0)+IF('Standard Profiles'!$G$22=$B$24,21,0),MOD($C6702,24)+1)/SUM(INDEX($D$3:$AA$30,INDEX(Jesper!$R$2:$R$366,ROW(INDEX(Jesper!AL$2:AL$366,ROUNDDOWN($C6702/24,0)+1,1))-1)+IF('Standard Profiles'!$G$22=$B$10,7,0)+IF('Standard Profiles'!$G$22=$B$17,14,0)+IF('Standard Profiles'!$G$22=$B$24,21,0),0)),0)</f>
        <v>0</v>
      </c>
      <c r="I6702">
        <f t="shared" si="748"/>
        <v>0.2955052859326352</v>
      </c>
      <c r="J6702">
        <f t="shared" si="749"/>
        <v>0.98501761977545077</v>
      </c>
      <c r="K6702">
        <f t="shared" si="750"/>
        <v>1.477526429663176</v>
      </c>
      <c r="L6702">
        <f t="shared" si="751"/>
        <v>7.0921268623832452</v>
      </c>
      <c r="M6702">
        <f t="shared" si="752"/>
        <v>0</v>
      </c>
      <c r="N6702" s="46">
        <f t="shared" si="753"/>
        <v>45569.833333317161</v>
      </c>
    </row>
    <row r="6703" spans="2:14" x14ac:dyDescent="0.3">
      <c r="B6703">
        <f t="shared" si="747"/>
        <v>5</v>
      </c>
      <c r="C6703" s="16">
        <v>6669</v>
      </c>
      <c r="D6703" cm="1">
        <f t="array" ref="D6703">IFERROR(INDEX(Jesper!AH$2:AH$366,ROUNDDOWN($C6703/24,0)+1,1)*INDEX($D$3:$AA$30,INDEX(Jesper!$R$2:$R$366,ROW(INDEX(Jesper!AH$2:AH$366,ROUNDDOWN($C6703/24,0)+1,1))-1)+IF('Standard Profiles'!$G$18=$B$10,7,0)+IF('Standard Profiles'!$G$18=$B$17,14,0)+IF('Standard Profiles'!$G$18=$B$24,21,0),MOD($C6703,24)+1)/SUM(INDEX($D$3:$AA$30,INDEX(Jesper!$R$2:$R$366,ROW(INDEX(Jesper!AH$2:AH$366,ROUNDDOWN($C6703/24,0)+1,1))-1)+IF('Standard Profiles'!$G$18=$B$10,7,0)+IF('Standard Profiles'!$G$18=$B$17,14,0)+IF('Standard Profiles'!$G$18=$B$24,21,0),0)),0)</f>
        <v>3.7609763664153575</v>
      </c>
      <c r="E6703" cm="1">
        <f t="array" ref="E6703">IFERROR(INDEX(Jesper!AI$2:AI$366,ROUNDDOWN($C6703/24,0)+1,1)*INDEX($D$3:$AA$30,INDEX(Jesper!$R$2:$R$366,ROW(INDEX(Jesper!AI$2:AI$366,ROUNDDOWN($C6703/24,0)+1,1))-1)+IF('Standard Profiles'!$G$19=$B$10,7,0)+IF('Standard Profiles'!$G$19=$B$17,14,0)+IF('Standard Profiles'!$G$19=$B$24,21,0),MOD($C6703,24)+1)/SUM(INDEX($D$3:$AA$30,INDEX(Jesper!$R$2:$R$366,ROW(INDEX(Jesper!AI$2:AI$366,ROUNDDOWN($C6703/24,0)+1,1))-1)+IF('Standard Profiles'!$G$19=$B$10,7,0)+IF('Standard Profiles'!$G$19=$B$17,14,0)+IF('Standard Profiles'!$G$19=$B$24,21,0),0)),0)</f>
        <v>0</v>
      </c>
      <c r="F6703" cm="1">
        <f t="array" ref="F6703">IFERROR(INDEX(Jesper!AJ$2:AJ$366,ROUNDDOWN($C6703/24,0)+1,1)*INDEX($D$3:$AA$30,INDEX(Jesper!$R$2:$R$366,ROW(INDEX(Jesper!AJ$2:AJ$366,ROUNDDOWN($C6703/24,0)+1,1))-1)+IF('Standard Profiles'!$G$20=$B$10,7,0)+IF('Standard Profiles'!$G$20=$B$17,14,0)+IF('Standard Profiles'!$G$20=$B$24,21,0),MOD($C6703,24)+1)/SUM(INDEX($D$3:$AA$30,INDEX(Jesper!$R$2:$R$366,ROW(INDEX(Jesper!AJ$2:AJ$366,ROUNDDOWN($C6703/24,0)+1,1))-1)+IF('Standard Profiles'!$G$20=$B$10,7,0)+IF('Standard Profiles'!$G$20=$B$17,14,0)+IF('Standard Profiles'!$G$20=$B$24,21,0),0)),0)</f>
        <v>0</v>
      </c>
      <c r="G6703" cm="1">
        <f t="array" ref="G6703">IFERROR(INDEX(Jesper!AK$2:AK$366,ROUNDDOWN($C6703/24,0)+1,1)*INDEX($D$3:$AA$30,INDEX(Jesper!$R$2:$R$366,ROW(INDEX(Jesper!AK$2:AK$366,ROUNDDOWN($C6703/24,0)+1,1))-1)+IF('Standard Profiles'!$G$21=$B$10,7,0)+IF('Standard Profiles'!$G$21=$B$17,14,0)+IF('Standard Profiles'!$G$21=$B$24,21,0),MOD($C6703,24)+1)/SUM(INDEX($D$3:$AA$30,INDEX(Jesper!$R$2:$R$366,ROW(INDEX(Jesper!AK$2:AK$366,ROUNDDOWN($C6703/24,0)+1,1))-1)+IF('Standard Profiles'!$G$21=$B$10,7,0)+IF('Standard Profiles'!$G$21=$B$17,14,0)+IF('Standard Profiles'!$G$21=$B$24,21,0),0)),0)</f>
        <v>0</v>
      </c>
      <c r="H6703" cm="1">
        <f t="array" ref="H6703">IFERROR(INDEX(Jesper!AL$2:AL$366,ROUNDDOWN($C6703/24,0)+1,1)*INDEX($D$3:$AA$30,INDEX(Jesper!$R$2:$R$366,ROW(INDEX(Jesper!AL$2:AL$366,ROUNDDOWN($C6703/24,0)+1,1))-1)+IF('Standard Profiles'!$G$22=$B$10,7,0)+IF('Standard Profiles'!$G$22=$B$17,14,0)+IF('Standard Profiles'!$G$22=$B$24,21,0),MOD($C6703,24)+1)/SUM(INDEX($D$3:$AA$30,INDEX(Jesper!$R$2:$R$366,ROW(INDEX(Jesper!AL$2:AL$366,ROUNDDOWN($C6703/24,0)+1,1))-1)+IF('Standard Profiles'!$G$22=$B$10,7,0)+IF('Standard Profiles'!$G$22=$B$17,14,0)+IF('Standard Profiles'!$G$22=$B$24,21,0),0)),0)</f>
        <v>0</v>
      </c>
      <c r="I6703">
        <f t="shared" si="748"/>
        <v>0.11282929099246072</v>
      </c>
      <c r="J6703">
        <f t="shared" si="749"/>
        <v>0.37609763664153578</v>
      </c>
      <c r="K6703">
        <f t="shared" si="750"/>
        <v>0.56414645496230365</v>
      </c>
      <c r="L6703">
        <f t="shared" si="751"/>
        <v>2.7079029838190571</v>
      </c>
      <c r="M6703">
        <f t="shared" si="752"/>
        <v>0</v>
      </c>
      <c r="N6703" s="46">
        <f t="shared" si="753"/>
        <v>45569.874999983826</v>
      </c>
    </row>
    <row r="6704" spans="2:14" x14ac:dyDescent="0.3">
      <c r="B6704">
        <f t="shared" si="747"/>
        <v>5</v>
      </c>
      <c r="C6704" s="16">
        <v>6670</v>
      </c>
      <c r="D6704" cm="1">
        <f t="array" ref="D6704">IFERROR(INDEX(Jesper!AH$2:AH$366,ROUNDDOWN($C6704/24,0)+1,1)*INDEX($D$3:$AA$30,INDEX(Jesper!$R$2:$R$366,ROW(INDEX(Jesper!AH$2:AH$366,ROUNDDOWN($C6704/24,0)+1,1))-1)+IF('Standard Profiles'!$G$18=$B$10,7,0)+IF('Standard Profiles'!$G$18=$B$17,14,0)+IF('Standard Profiles'!$G$18=$B$24,21,0),MOD($C6704,24)+1)/SUM(INDEX($D$3:$AA$30,INDEX(Jesper!$R$2:$R$366,ROW(INDEX(Jesper!AH$2:AH$366,ROUNDDOWN($C6704/24,0)+1,1))-1)+IF('Standard Profiles'!$G$18=$B$10,7,0)+IF('Standard Profiles'!$G$18=$B$17,14,0)+IF('Standard Profiles'!$G$18=$B$24,21,0),0)),0)</f>
        <v>3.7609763664153575</v>
      </c>
      <c r="E6704" cm="1">
        <f t="array" ref="E6704">IFERROR(INDEX(Jesper!AI$2:AI$366,ROUNDDOWN($C6704/24,0)+1,1)*INDEX($D$3:$AA$30,INDEX(Jesper!$R$2:$R$366,ROW(INDEX(Jesper!AI$2:AI$366,ROUNDDOWN($C6704/24,0)+1,1))-1)+IF('Standard Profiles'!$G$19=$B$10,7,0)+IF('Standard Profiles'!$G$19=$B$17,14,0)+IF('Standard Profiles'!$G$19=$B$24,21,0),MOD($C6704,24)+1)/SUM(INDEX($D$3:$AA$30,INDEX(Jesper!$R$2:$R$366,ROW(INDEX(Jesper!AI$2:AI$366,ROUNDDOWN($C6704/24,0)+1,1))-1)+IF('Standard Profiles'!$G$19=$B$10,7,0)+IF('Standard Profiles'!$G$19=$B$17,14,0)+IF('Standard Profiles'!$G$19=$B$24,21,0),0)),0)</f>
        <v>0</v>
      </c>
      <c r="F6704" cm="1">
        <f t="array" ref="F6704">IFERROR(INDEX(Jesper!AJ$2:AJ$366,ROUNDDOWN($C6704/24,0)+1,1)*INDEX($D$3:$AA$30,INDEX(Jesper!$R$2:$R$366,ROW(INDEX(Jesper!AJ$2:AJ$366,ROUNDDOWN($C6704/24,0)+1,1))-1)+IF('Standard Profiles'!$G$20=$B$10,7,0)+IF('Standard Profiles'!$G$20=$B$17,14,0)+IF('Standard Profiles'!$G$20=$B$24,21,0),MOD($C6704,24)+1)/SUM(INDEX($D$3:$AA$30,INDEX(Jesper!$R$2:$R$366,ROW(INDEX(Jesper!AJ$2:AJ$366,ROUNDDOWN($C6704/24,0)+1,1))-1)+IF('Standard Profiles'!$G$20=$B$10,7,0)+IF('Standard Profiles'!$G$20=$B$17,14,0)+IF('Standard Profiles'!$G$20=$B$24,21,0),0)),0)</f>
        <v>0</v>
      </c>
      <c r="G6704" cm="1">
        <f t="array" ref="G6704">IFERROR(INDEX(Jesper!AK$2:AK$366,ROUNDDOWN($C6704/24,0)+1,1)*INDEX($D$3:$AA$30,INDEX(Jesper!$R$2:$R$366,ROW(INDEX(Jesper!AK$2:AK$366,ROUNDDOWN($C6704/24,0)+1,1))-1)+IF('Standard Profiles'!$G$21=$B$10,7,0)+IF('Standard Profiles'!$G$21=$B$17,14,0)+IF('Standard Profiles'!$G$21=$B$24,21,0),MOD($C6704,24)+1)/SUM(INDEX($D$3:$AA$30,INDEX(Jesper!$R$2:$R$366,ROW(INDEX(Jesper!AK$2:AK$366,ROUNDDOWN($C6704/24,0)+1,1))-1)+IF('Standard Profiles'!$G$21=$B$10,7,0)+IF('Standard Profiles'!$G$21=$B$17,14,0)+IF('Standard Profiles'!$G$21=$B$24,21,0),0)),0)</f>
        <v>0</v>
      </c>
      <c r="H6704" cm="1">
        <f t="array" ref="H6704">IFERROR(INDEX(Jesper!AL$2:AL$366,ROUNDDOWN($C6704/24,0)+1,1)*INDEX($D$3:$AA$30,INDEX(Jesper!$R$2:$R$366,ROW(INDEX(Jesper!AL$2:AL$366,ROUNDDOWN($C6704/24,0)+1,1))-1)+IF('Standard Profiles'!$G$22=$B$10,7,0)+IF('Standard Profiles'!$G$22=$B$17,14,0)+IF('Standard Profiles'!$G$22=$B$24,21,0),MOD($C6704,24)+1)/SUM(INDEX($D$3:$AA$30,INDEX(Jesper!$R$2:$R$366,ROW(INDEX(Jesper!AL$2:AL$366,ROUNDDOWN($C6704/24,0)+1,1))-1)+IF('Standard Profiles'!$G$22=$B$10,7,0)+IF('Standard Profiles'!$G$22=$B$17,14,0)+IF('Standard Profiles'!$G$22=$B$24,21,0),0)),0)</f>
        <v>0</v>
      </c>
      <c r="I6704">
        <f t="shared" si="748"/>
        <v>0.11282929099246072</v>
      </c>
      <c r="J6704">
        <f t="shared" si="749"/>
        <v>0.37609763664153578</v>
      </c>
      <c r="K6704">
        <f t="shared" si="750"/>
        <v>0.56414645496230365</v>
      </c>
      <c r="L6704">
        <f t="shared" si="751"/>
        <v>2.7079029838190571</v>
      </c>
      <c r="M6704">
        <f t="shared" si="752"/>
        <v>0</v>
      </c>
      <c r="N6704" s="46">
        <f t="shared" si="753"/>
        <v>45569.91666665049</v>
      </c>
    </row>
    <row r="6705" spans="2:14" x14ac:dyDescent="0.3">
      <c r="B6705">
        <f t="shared" si="747"/>
        <v>5</v>
      </c>
      <c r="C6705" s="16">
        <v>6671</v>
      </c>
      <c r="D6705" cm="1">
        <f t="array" ref="D6705">IFERROR(INDEX(Jesper!AH$2:AH$366,ROUNDDOWN($C6705/24,0)+1,1)*INDEX($D$3:$AA$30,INDEX(Jesper!$R$2:$R$366,ROW(INDEX(Jesper!AH$2:AH$366,ROUNDDOWN($C6705/24,0)+1,1))-1)+IF('Standard Profiles'!$G$18=$B$10,7,0)+IF('Standard Profiles'!$G$18=$B$17,14,0)+IF('Standard Profiles'!$G$18=$B$24,21,0),MOD($C6705,24)+1)/SUM(INDEX($D$3:$AA$30,INDEX(Jesper!$R$2:$R$366,ROW(INDEX(Jesper!AH$2:AH$366,ROUNDDOWN($C6705/24,0)+1,1))-1)+IF('Standard Profiles'!$G$18=$B$10,7,0)+IF('Standard Profiles'!$G$18=$B$17,14,0)+IF('Standard Profiles'!$G$18=$B$24,21,0),0)),0)</f>
        <v>3.7609763664153575</v>
      </c>
      <c r="E6705" cm="1">
        <f t="array" ref="E6705">IFERROR(INDEX(Jesper!AI$2:AI$366,ROUNDDOWN($C6705/24,0)+1,1)*INDEX($D$3:$AA$30,INDEX(Jesper!$R$2:$R$366,ROW(INDEX(Jesper!AI$2:AI$366,ROUNDDOWN($C6705/24,0)+1,1))-1)+IF('Standard Profiles'!$G$19=$B$10,7,0)+IF('Standard Profiles'!$G$19=$B$17,14,0)+IF('Standard Profiles'!$G$19=$B$24,21,0),MOD($C6705,24)+1)/SUM(INDEX($D$3:$AA$30,INDEX(Jesper!$R$2:$R$366,ROW(INDEX(Jesper!AI$2:AI$366,ROUNDDOWN($C6705/24,0)+1,1))-1)+IF('Standard Profiles'!$G$19=$B$10,7,0)+IF('Standard Profiles'!$G$19=$B$17,14,0)+IF('Standard Profiles'!$G$19=$B$24,21,0),0)),0)</f>
        <v>0</v>
      </c>
      <c r="F6705" cm="1">
        <f t="array" ref="F6705">IFERROR(INDEX(Jesper!AJ$2:AJ$366,ROUNDDOWN($C6705/24,0)+1,1)*INDEX($D$3:$AA$30,INDEX(Jesper!$R$2:$R$366,ROW(INDEX(Jesper!AJ$2:AJ$366,ROUNDDOWN($C6705/24,0)+1,1))-1)+IF('Standard Profiles'!$G$20=$B$10,7,0)+IF('Standard Profiles'!$G$20=$B$17,14,0)+IF('Standard Profiles'!$G$20=$B$24,21,0),MOD($C6705,24)+1)/SUM(INDEX($D$3:$AA$30,INDEX(Jesper!$R$2:$R$366,ROW(INDEX(Jesper!AJ$2:AJ$366,ROUNDDOWN($C6705/24,0)+1,1))-1)+IF('Standard Profiles'!$G$20=$B$10,7,0)+IF('Standard Profiles'!$G$20=$B$17,14,0)+IF('Standard Profiles'!$G$20=$B$24,21,0),0)),0)</f>
        <v>0</v>
      </c>
      <c r="G6705" cm="1">
        <f t="array" ref="G6705">IFERROR(INDEX(Jesper!AK$2:AK$366,ROUNDDOWN($C6705/24,0)+1,1)*INDEX($D$3:$AA$30,INDEX(Jesper!$R$2:$R$366,ROW(INDEX(Jesper!AK$2:AK$366,ROUNDDOWN($C6705/24,0)+1,1))-1)+IF('Standard Profiles'!$G$21=$B$10,7,0)+IF('Standard Profiles'!$G$21=$B$17,14,0)+IF('Standard Profiles'!$G$21=$B$24,21,0),MOD($C6705,24)+1)/SUM(INDEX($D$3:$AA$30,INDEX(Jesper!$R$2:$R$366,ROW(INDEX(Jesper!AK$2:AK$366,ROUNDDOWN($C6705/24,0)+1,1))-1)+IF('Standard Profiles'!$G$21=$B$10,7,0)+IF('Standard Profiles'!$G$21=$B$17,14,0)+IF('Standard Profiles'!$G$21=$B$24,21,0),0)),0)</f>
        <v>0</v>
      </c>
      <c r="H6705" cm="1">
        <f t="array" ref="H6705">IFERROR(INDEX(Jesper!AL$2:AL$366,ROUNDDOWN($C6705/24,0)+1,1)*INDEX($D$3:$AA$30,INDEX(Jesper!$R$2:$R$366,ROW(INDEX(Jesper!AL$2:AL$366,ROUNDDOWN($C6705/24,0)+1,1))-1)+IF('Standard Profiles'!$G$22=$B$10,7,0)+IF('Standard Profiles'!$G$22=$B$17,14,0)+IF('Standard Profiles'!$G$22=$B$24,21,0),MOD($C6705,24)+1)/SUM(INDEX($D$3:$AA$30,INDEX(Jesper!$R$2:$R$366,ROW(INDEX(Jesper!AL$2:AL$366,ROUNDDOWN($C6705/24,0)+1,1))-1)+IF('Standard Profiles'!$G$22=$B$10,7,0)+IF('Standard Profiles'!$G$22=$B$17,14,0)+IF('Standard Profiles'!$G$22=$B$24,21,0),0)),0)</f>
        <v>0</v>
      </c>
      <c r="I6705">
        <f t="shared" si="748"/>
        <v>0.11282929099246072</v>
      </c>
      <c r="J6705">
        <f t="shared" si="749"/>
        <v>0.37609763664153578</v>
      </c>
      <c r="K6705">
        <f t="shared" si="750"/>
        <v>0.56414645496230365</v>
      </c>
      <c r="L6705">
        <f t="shared" si="751"/>
        <v>2.7079029838190571</v>
      </c>
      <c r="M6705">
        <f t="shared" si="752"/>
        <v>0</v>
      </c>
      <c r="N6705" s="46">
        <f t="shared" si="753"/>
        <v>45569.958333317154</v>
      </c>
    </row>
    <row r="6706" spans="2:14" x14ac:dyDescent="0.3">
      <c r="B6706">
        <f t="shared" si="747"/>
        <v>6</v>
      </c>
      <c r="C6706" s="16">
        <v>6672</v>
      </c>
      <c r="D6706" cm="1">
        <f t="array" ref="D6706">IFERROR(INDEX(Jesper!AH$2:AH$366,ROUNDDOWN($C6706/24,0)+1,1)*INDEX($D$3:$AA$30,INDEX(Jesper!$R$2:$R$366,ROW(INDEX(Jesper!AH$2:AH$366,ROUNDDOWN($C6706/24,0)+1,1))-1)+IF('Standard Profiles'!$G$18=$B$10,7,0)+IF('Standard Profiles'!$G$18=$B$17,14,0)+IF('Standard Profiles'!$G$18=$B$24,21,0),MOD($C6706,24)+1)/SUM(INDEX($D$3:$AA$30,INDEX(Jesper!$R$2:$R$366,ROW(INDEX(Jesper!AH$2:AH$366,ROUNDDOWN($C6706/24,0)+1,1))-1)+IF('Standard Profiles'!$G$18=$B$10,7,0)+IF('Standard Profiles'!$G$18=$B$17,14,0)+IF('Standard Profiles'!$G$18=$B$24,21,0),0)),0)</f>
        <v>3.8896363584683673</v>
      </c>
      <c r="E6706" cm="1">
        <f t="array" ref="E6706">IFERROR(INDEX(Jesper!AI$2:AI$366,ROUNDDOWN($C6706/24,0)+1,1)*INDEX($D$3:$AA$30,INDEX(Jesper!$R$2:$R$366,ROW(INDEX(Jesper!AI$2:AI$366,ROUNDDOWN($C6706/24,0)+1,1))-1)+IF('Standard Profiles'!$G$19=$B$10,7,0)+IF('Standard Profiles'!$G$19=$B$17,14,0)+IF('Standard Profiles'!$G$19=$B$24,21,0),MOD($C6706,24)+1)/SUM(INDEX($D$3:$AA$30,INDEX(Jesper!$R$2:$R$366,ROW(INDEX(Jesper!AI$2:AI$366,ROUNDDOWN($C6706/24,0)+1,1))-1)+IF('Standard Profiles'!$G$19=$B$10,7,0)+IF('Standard Profiles'!$G$19=$B$17,14,0)+IF('Standard Profiles'!$G$19=$B$24,21,0),0)),0)</f>
        <v>0.7701285983371956</v>
      </c>
      <c r="F6706" cm="1">
        <f t="array" ref="F6706">IFERROR(INDEX(Jesper!AJ$2:AJ$366,ROUNDDOWN($C6706/24,0)+1,1)*INDEX($D$3:$AA$30,INDEX(Jesper!$R$2:$R$366,ROW(INDEX(Jesper!AJ$2:AJ$366,ROUNDDOWN($C6706/24,0)+1,1))-1)+IF('Standard Profiles'!$G$20=$B$10,7,0)+IF('Standard Profiles'!$G$20=$B$17,14,0)+IF('Standard Profiles'!$G$20=$B$24,21,0),MOD($C6706,24)+1)/SUM(INDEX($D$3:$AA$30,INDEX(Jesper!$R$2:$R$366,ROW(INDEX(Jesper!AJ$2:AJ$366,ROUNDDOWN($C6706/24,0)+1,1))-1)+IF('Standard Profiles'!$G$20=$B$10,7,0)+IF('Standard Profiles'!$G$20=$B$17,14,0)+IF('Standard Profiles'!$G$20=$B$24,21,0),0)),0)</f>
        <v>0</v>
      </c>
      <c r="G6706" cm="1">
        <f t="array" ref="G6706">IFERROR(INDEX(Jesper!AK$2:AK$366,ROUNDDOWN($C6706/24,0)+1,1)*INDEX($D$3:$AA$30,INDEX(Jesper!$R$2:$R$366,ROW(INDEX(Jesper!AK$2:AK$366,ROUNDDOWN($C6706/24,0)+1,1))-1)+IF('Standard Profiles'!$G$21=$B$10,7,0)+IF('Standard Profiles'!$G$21=$B$17,14,0)+IF('Standard Profiles'!$G$21=$B$24,21,0),MOD($C6706,24)+1)/SUM(INDEX($D$3:$AA$30,INDEX(Jesper!$R$2:$R$366,ROW(INDEX(Jesper!AK$2:AK$366,ROUNDDOWN($C6706/24,0)+1,1))-1)+IF('Standard Profiles'!$G$21=$B$10,7,0)+IF('Standard Profiles'!$G$21=$B$17,14,0)+IF('Standard Profiles'!$G$21=$B$24,21,0),0)),0)</f>
        <v>0</v>
      </c>
      <c r="H6706" cm="1">
        <f t="array" ref="H6706">IFERROR(INDEX(Jesper!AL$2:AL$366,ROUNDDOWN($C6706/24,0)+1,1)*INDEX($D$3:$AA$30,INDEX(Jesper!$R$2:$R$366,ROW(INDEX(Jesper!AL$2:AL$366,ROUNDDOWN($C6706/24,0)+1,1))-1)+IF('Standard Profiles'!$G$22=$B$10,7,0)+IF('Standard Profiles'!$G$22=$B$17,14,0)+IF('Standard Profiles'!$G$22=$B$24,21,0),MOD($C6706,24)+1)/SUM(INDEX($D$3:$AA$30,INDEX(Jesper!$R$2:$R$366,ROW(INDEX(Jesper!AL$2:AL$366,ROUNDDOWN($C6706/24,0)+1,1))-1)+IF('Standard Profiles'!$G$22=$B$10,7,0)+IF('Standard Profiles'!$G$22=$B$17,14,0)+IF('Standard Profiles'!$G$22=$B$24,21,0),0)),0)</f>
        <v>0</v>
      </c>
      <c r="I6706">
        <f t="shared" si="748"/>
        <v>6.9380954805152772E-2</v>
      </c>
      <c r="J6706">
        <f t="shared" si="749"/>
        <v>0.23126984935050929</v>
      </c>
      <c r="K6706">
        <f t="shared" si="750"/>
        <v>0.34690477402576392</v>
      </c>
      <c r="L6706">
        <f t="shared" si="751"/>
        <v>4.0122093786241368</v>
      </c>
      <c r="M6706">
        <f t="shared" si="752"/>
        <v>0</v>
      </c>
      <c r="N6706" s="46">
        <f t="shared" si="753"/>
        <v>45569.999999983818</v>
      </c>
    </row>
    <row r="6707" spans="2:14" x14ac:dyDescent="0.3">
      <c r="B6707">
        <f t="shared" si="747"/>
        <v>6</v>
      </c>
      <c r="C6707" s="16">
        <v>6673</v>
      </c>
      <c r="D6707" cm="1">
        <f t="array" ref="D6707">IFERROR(INDEX(Jesper!AH$2:AH$366,ROUNDDOWN($C6707/24,0)+1,1)*INDEX($D$3:$AA$30,INDEX(Jesper!$R$2:$R$366,ROW(INDEX(Jesper!AH$2:AH$366,ROUNDDOWN($C6707/24,0)+1,1))-1)+IF('Standard Profiles'!$G$18=$B$10,7,0)+IF('Standard Profiles'!$G$18=$B$17,14,0)+IF('Standard Profiles'!$G$18=$B$24,21,0),MOD($C6707,24)+1)/SUM(INDEX($D$3:$AA$30,INDEX(Jesper!$R$2:$R$366,ROW(INDEX(Jesper!AH$2:AH$366,ROUNDDOWN($C6707/24,0)+1,1))-1)+IF('Standard Profiles'!$G$18=$B$10,7,0)+IF('Standard Profiles'!$G$18=$B$17,14,0)+IF('Standard Profiles'!$G$18=$B$24,21,0),0)),0)</f>
        <v>7.5940519379620515</v>
      </c>
      <c r="E6707" cm="1">
        <f t="array" ref="E6707">IFERROR(INDEX(Jesper!AI$2:AI$366,ROUNDDOWN($C6707/24,0)+1,1)*INDEX($D$3:$AA$30,INDEX(Jesper!$R$2:$R$366,ROW(INDEX(Jesper!AI$2:AI$366,ROUNDDOWN($C6707/24,0)+1,1))-1)+IF('Standard Profiles'!$G$19=$B$10,7,0)+IF('Standard Profiles'!$G$19=$B$17,14,0)+IF('Standard Profiles'!$G$19=$B$24,21,0),MOD($C6707,24)+1)/SUM(INDEX($D$3:$AA$30,INDEX(Jesper!$R$2:$R$366,ROW(INDEX(Jesper!AI$2:AI$366,ROUNDDOWN($C6707/24,0)+1,1))-1)+IF('Standard Profiles'!$G$19=$B$10,7,0)+IF('Standard Profiles'!$G$19=$B$17,14,0)+IF('Standard Profiles'!$G$19=$B$24,21,0),0)),0)</f>
        <v>1.503584406277382</v>
      </c>
      <c r="F6707" cm="1">
        <f t="array" ref="F6707">IFERROR(INDEX(Jesper!AJ$2:AJ$366,ROUNDDOWN($C6707/24,0)+1,1)*INDEX($D$3:$AA$30,INDEX(Jesper!$R$2:$R$366,ROW(INDEX(Jesper!AJ$2:AJ$366,ROUNDDOWN($C6707/24,0)+1,1))-1)+IF('Standard Profiles'!$G$20=$B$10,7,0)+IF('Standard Profiles'!$G$20=$B$17,14,0)+IF('Standard Profiles'!$G$20=$B$24,21,0),MOD($C6707,24)+1)/SUM(INDEX($D$3:$AA$30,INDEX(Jesper!$R$2:$R$366,ROW(INDEX(Jesper!AJ$2:AJ$366,ROUNDDOWN($C6707/24,0)+1,1))-1)+IF('Standard Profiles'!$G$20=$B$10,7,0)+IF('Standard Profiles'!$G$20=$B$17,14,0)+IF('Standard Profiles'!$G$20=$B$24,21,0),0)),0)</f>
        <v>0</v>
      </c>
      <c r="G6707" cm="1">
        <f t="array" ref="G6707">IFERROR(INDEX(Jesper!AK$2:AK$366,ROUNDDOWN($C6707/24,0)+1,1)*INDEX($D$3:$AA$30,INDEX(Jesper!$R$2:$R$366,ROW(INDEX(Jesper!AK$2:AK$366,ROUNDDOWN($C6707/24,0)+1,1))-1)+IF('Standard Profiles'!$G$21=$B$10,7,0)+IF('Standard Profiles'!$G$21=$B$17,14,0)+IF('Standard Profiles'!$G$21=$B$24,21,0),MOD($C6707,24)+1)/SUM(INDEX($D$3:$AA$30,INDEX(Jesper!$R$2:$R$366,ROW(INDEX(Jesper!AK$2:AK$366,ROUNDDOWN($C6707/24,0)+1,1))-1)+IF('Standard Profiles'!$G$21=$B$10,7,0)+IF('Standard Profiles'!$G$21=$B$17,14,0)+IF('Standard Profiles'!$G$21=$B$24,21,0),0)),0)</f>
        <v>0</v>
      </c>
      <c r="H6707" cm="1">
        <f t="array" ref="H6707">IFERROR(INDEX(Jesper!AL$2:AL$366,ROUNDDOWN($C6707/24,0)+1,1)*INDEX($D$3:$AA$30,INDEX(Jesper!$R$2:$R$366,ROW(INDEX(Jesper!AL$2:AL$366,ROUNDDOWN($C6707/24,0)+1,1))-1)+IF('Standard Profiles'!$G$22=$B$10,7,0)+IF('Standard Profiles'!$G$22=$B$17,14,0)+IF('Standard Profiles'!$G$22=$B$24,21,0),MOD($C6707,24)+1)/SUM(INDEX($D$3:$AA$30,INDEX(Jesper!$R$2:$R$366,ROW(INDEX(Jesper!AL$2:AL$366,ROUNDDOWN($C6707/24,0)+1,1))-1)+IF('Standard Profiles'!$G$22=$B$10,7,0)+IF('Standard Profiles'!$G$22=$B$17,14,0)+IF('Standard Profiles'!$G$22=$B$24,21,0),0)),0)</f>
        <v>0</v>
      </c>
      <c r="I6707">
        <f t="shared" si="748"/>
        <v>0.13545805461958399</v>
      </c>
      <c r="J6707">
        <f t="shared" si="749"/>
        <v>0.45152684873194671</v>
      </c>
      <c r="K6707">
        <f t="shared" si="750"/>
        <v>0.67729027309792011</v>
      </c>
      <c r="L6707">
        <f t="shared" si="751"/>
        <v>7.8333611677899828</v>
      </c>
      <c r="M6707">
        <f t="shared" si="752"/>
        <v>0</v>
      </c>
      <c r="N6707" s="46">
        <f t="shared" si="753"/>
        <v>45570.041666650483</v>
      </c>
    </row>
    <row r="6708" spans="2:14" x14ac:dyDescent="0.3">
      <c r="B6708">
        <f t="shared" si="747"/>
        <v>6</v>
      </c>
      <c r="C6708" s="16">
        <v>6674</v>
      </c>
      <c r="D6708" cm="1">
        <f t="array" ref="D6708">IFERROR(INDEX(Jesper!AH$2:AH$366,ROUNDDOWN($C6708/24,0)+1,1)*INDEX($D$3:$AA$30,INDEX(Jesper!$R$2:$R$366,ROW(INDEX(Jesper!AH$2:AH$366,ROUNDDOWN($C6708/24,0)+1,1))-1)+IF('Standard Profiles'!$G$18=$B$10,7,0)+IF('Standard Profiles'!$G$18=$B$17,14,0)+IF('Standard Profiles'!$G$18=$B$24,21,0),MOD($C6708,24)+1)/SUM(INDEX($D$3:$AA$30,INDEX(Jesper!$R$2:$R$366,ROW(INDEX(Jesper!AH$2:AH$366,ROUNDDOWN($C6708/24,0)+1,1))-1)+IF('Standard Profiles'!$G$18=$B$10,7,0)+IF('Standard Profiles'!$G$18=$B$17,14,0)+IF('Standard Profiles'!$G$18=$B$24,21,0),0)),0)</f>
        <v>7.5940519379620515</v>
      </c>
      <c r="E6708" cm="1">
        <f t="array" ref="E6708">IFERROR(INDEX(Jesper!AI$2:AI$366,ROUNDDOWN($C6708/24,0)+1,1)*INDEX($D$3:$AA$30,INDEX(Jesper!$R$2:$R$366,ROW(INDEX(Jesper!AI$2:AI$366,ROUNDDOWN($C6708/24,0)+1,1))-1)+IF('Standard Profiles'!$G$19=$B$10,7,0)+IF('Standard Profiles'!$G$19=$B$17,14,0)+IF('Standard Profiles'!$G$19=$B$24,21,0),MOD($C6708,24)+1)/SUM(INDEX($D$3:$AA$30,INDEX(Jesper!$R$2:$R$366,ROW(INDEX(Jesper!AI$2:AI$366,ROUNDDOWN($C6708/24,0)+1,1))-1)+IF('Standard Profiles'!$G$19=$B$10,7,0)+IF('Standard Profiles'!$G$19=$B$17,14,0)+IF('Standard Profiles'!$G$19=$B$24,21,0),0)),0)</f>
        <v>1.503584406277382</v>
      </c>
      <c r="F6708" cm="1">
        <f t="array" ref="F6708">IFERROR(INDEX(Jesper!AJ$2:AJ$366,ROUNDDOWN($C6708/24,0)+1,1)*INDEX($D$3:$AA$30,INDEX(Jesper!$R$2:$R$366,ROW(INDEX(Jesper!AJ$2:AJ$366,ROUNDDOWN($C6708/24,0)+1,1))-1)+IF('Standard Profiles'!$G$20=$B$10,7,0)+IF('Standard Profiles'!$G$20=$B$17,14,0)+IF('Standard Profiles'!$G$20=$B$24,21,0),MOD($C6708,24)+1)/SUM(INDEX($D$3:$AA$30,INDEX(Jesper!$R$2:$R$366,ROW(INDEX(Jesper!AJ$2:AJ$366,ROUNDDOWN($C6708/24,0)+1,1))-1)+IF('Standard Profiles'!$G$20=$B$10,7,0)+IF('Standard Profiles'!$G$20=$B$17,14,0)+IF('Standard Profiles'!$G$20=$B$24,21,0),0)),0)</f>
        <v>0</v>
      </c>
      <c r="G6708" cm="1">
        <f t="array" ref="G6708">IFERROR(INDEX(Jesper!AK$2:AK$366,ROUNDDOWN($C6708/24,0)+1,1)*INDEX($D$3:$AA$30,INDEX(Jesper!$R$2:$R$366,ROW(INDEX(Jesper!AK$2:AK$366,ROUNDDOWN($C6708/24,0)+1,1))-1)+IF('Standard Profiles'!$G$21=$B$10,7,0)+IF('Standard Profiles'!$G$21=$B$17,14,0)+IF('Standard Profiles'!$G$21=$B$24,21,0),MOD($C6708,24)+1)/SUM(INDEX($D$3:$AA$30,INDEX(Jesper!$R$2:$R$366,ROW(INDEX(Jesper!AK$2:AK$366,ROUNDDOWN($C6708/24,0)+1,1))-1)+IF('Standard Profiles'!$G$21=$B$10,7,0)+IF('Standard Profiles'!$G$21=$B$17,14,0)+IF('Standard Profiles'!$G$21=$B$24,21,0),0)),0)</f>
        <v>0</v>
      </c>
      <c r="H6708" cm="1">
        <f t="array" ref="H6708">IFERROR(INDEX(Jesper!AL$2:AL$366,ROUNDDOWN($C6708/24,0)+1,1)*INDEX($D$3:$AA$30,INDEX(Jesper!$R$2:$R$366,ROW(INDEX(Jesper!AL$2:AL$366,ROUNDDOWN($C6708/24,0)+1,1))-1)+IF('Standard Profiles'!$G$22=$B$10,7,0)+IF('Standard Profiles'!$G$22=$B$17,14,0)+IF('Standard Profiles'!$G$22=$B$24,21,0),MOD($C6708,24)+1)/SUM(INDEX($D$3:$AA$30,INDEX(Jesper!$R$2:$R$366,ROW(INDEX(Jesper!AL$2:AL$366,ROUNDDOWN($C6708/24,0)+1,1))-1)+IF('Standard Profiles'!$G$22=$B$10,7,0)+IF('Standard Profiles'!$G$22=$B$17,14,0)+IF('Standard Profiles'!$G$22=$B$24,21,0),0)),0)</f>
        <v>0</v>
      </c>
      <c r="I6708">
        <f t="shared" si="748"/>
        <v>0.13545805461958399</v>
      </c>
      <c r="J6708">
        <f t="shared" si="749"/>
        <v>0.45152684873194671</v>
      </c>
      <c r="K6708">
        <f t="shared" si="750"/>
        <v>0.67729027309792011</v>
      </c>
      <c r="L6708">
        <f t="shared" si="751"/>
        <v>7.8333611677899828</v>
      </c>
      <c r="M6708">
        <f t="shared" si="752"/>
        <v>0</v>
      </c>
      <c r="N6708" s="46">
        <f t="shared" si="753"/>
        <v>45570.083333317147</v>
      </c>
    </row>
    <row r="6709" spans="2:14" x14ac:dyDescent="0.3">
      <c r="B6709">
        <f t="shared" si="747"/>
        <v>6</v>
      </c>
      <c r="C6709" s="16">
        <v>6675</v>
      </c>
      <c r="D6709" cm="1">
        <f t="array" ref="D6709">IFERROR(INDEX(Jesper!AH$2:AH$366,ROUNDDOWN($C6709/24,0)+1,1)*INDEX($D$3:$AA$30,INDEX(Jesper!$R$2:$R$366,ROW(INDEX(Jesper!AH$2:AH$366,ROUNDDOWN($C6709/24,0)+1,1))-1)+IF('Standard Profiles'!$G$18=$B$10,7,0)+IF('Standard Profiles'!$G$18=$B$17,14,0)+IF('Standard Profiles'!$G$18=$B$24,21,0),MOD($C6709,24)+1)/SUM(INDEX($D$3:$AA$30,INDEX(Jesper!$R$2:$R$366,ROW(INDEX(Jesper!AH$2:AH$366,ROUNDDOWN($C6709/24,0)+1,1))-1)+IF('Standard Profiles'!$G$18=$B$10,7,0)+IF('Standard Profiles'!$G$18=$B$17,14,0)+IF('Standard Profiles'!$G$18=$B$24,21,0),0)),0)</f>
        <v>7.5940519379620515</v>
      </c>
      <c r="E6709" cm="1">
        <f t="array" ref="E6709">IFERROR(INDEX(Jesper!AI$2:AI$366,ROUNDDOWN($C6709/24,0)+1,1)*INDEX($D$3:$AA$30,INDEX(Jesper!$R$2:$R$366,ROW(INDEX(Jesper!AI$2:AI$366,ROUNDDOWN($C6709/24,0)+1,1))-1)+IF('Standard Profiles'!$G$19=$B$10,7,0)+IF('Standard Profiles'!$G$19=$B$17,14,0)+IF('Standard Profiles'!$G$19=$B$24,21,0),MOD($C6709,24)+1)/SUM(INDEX($D$3:$AA$30,INDEX(Jesper!$R$2:$R$366,ROW(INDEX(Jesper!AI$2:AI$366,ROUNDDOWN($C6709/24,0)+1,1))-1)+IF('Standard Profiles'!$G$19=$B$10,7,0)+IF('Standard Profiles'!$G$19=$B$17,14,0)+IF('Standard Profiles'!$G$19=$B$24,21,0),0)),0)</f>
        <v>1.503584406277382</v>
      </c>
      <c r="F6709" cm="1">
        <f t="array" ref="F6709">IFERROR(INDEX(Jesper!AJ$2:AJ$366,ROUNDDOWN($C6709/24,0)+1,1)*INDEX($D$3:$AA$30,INDEX(Jesper!$R$2:$R$366,ROW(INDEX(Jesper!AJ$2:AJ$366,ROUNDDOWN($C6709/24,0)+1,1))-1)+IF('Standard Profiles'!$G$20=$B$10,7,0)+IF('Standard Profiles'!$G$20=$B$17,14,0)+IF('Standard Profiles'!$G$20=$B$24,21,0),MOD($C6709,24)+1)/SUM(INDEX($D$3:$AA$30,INDEX(Jesper!$R$2:$R$366,ROW(INDEX(Jesper!AJ$2:AJ$366,ROUNDDOWN($C6709/24,0)+1,1))-1)+IF('Standard Profiles'!$G$20=$B$10,7,0)+IF('Standard Profiles'!$G$20=$B$17,14,0)+IF('Standard Profiles'!$G$20=$B$24,21,0),0)),0)</f>
        <v>0</v>
      </c>
      <c r="G6709" cm="1">
        <f t="array" ref="G6709">IFERROR(INDEX(Jesper!AK$2:AK$366,ROUNDDOWN($C6709/24,0)+1,1)*INDEX($D$3:$AA$30,INDEX(Jesper!$R$2:$R$366,ROW(INDEX(Jesper!AK$2:AK$366,ROUNDDOWN($C6709/24,0)+1,1))-1)+IF('Standard Profiles'!$G$21=$B$10,7,0)+IF('Standard Profiles'!$G$21=$B$17,14,0)+IF('Standard Profiles'!$G$21=$B$24,21,0),MOD($C6709,24)+1)/SUM(INDEX($D$3:$AA$30,INDEX(Jesper!$R$2:$R$366,ROW(INDEX(Jesper!AK$2:AK$366,ROUNDDOWN($C6709/24,0)+1,1))-1)+IF('Standard Profiles'!$G$21=$B$10,7,0)+IF('Standard Profiles'!$G$21=$B$17,14,0)+IF('Standard Profiles'!$G$21=$B$24,21,0),0)),0)</f>
        <v>0</v>
      </c>
      <c r="H6709" cm="1">
        <f t="array" ref="H6709">IFERROR(INDEX(Jesper!AL$2:AL$366,ROUNDDOWN($C6709/24,0)+1,1)*INDEX($D$3:$AA$30,INDEX(Jesper!$R$2:$R$366,ROW(INDEX(Jesper!AL$2:AL$366,ROUNDDOWN($C6709/24,0)+1,1))-1)+IF('Standard Profiles'!$G$22=$B$10,7,0)+IF('Standard Profiles'!$G$22=$B$17,14,0)+IF('Standard Profiles'!$G$22=$B$24,21,0),MOD($C6709,24)+1)/SUM(INDEX($D$3:$AA$30,INDEX(Jesper!$R$2:$R$366,ROW(INDEX(Jesper!AL$2:AL$366,ROUNDDOWN($C6709/24,0)+1,1))-1)+IF('Standard Profiles'!$G$22=$B$10,7,0)+IF('Standard Profiles'!$G$22=$B$17,14,0)+IF('Standard Profiles'!$G$22=$B$24,21,0),0)),0)</f>
        <v>0</v>
      </c>
      <c r="I6709">
        <f t="shared" si="748"/>
        <v>0.13545805461958399</v>
      </c>
      <c r="J6709">
        <f t="shared" si="749"/>
        <v>0.45152684873194671</v>
      </c>
      <c r="K6709">
        <f t="shared" si="750"/>
        <v>0.67729027309792011</v>
      </c>
      <c r="L6709">
        <f t="shared" si="751"/>
        <v>7.8333611677899828</v>
      </c>
      <c r="M6709">
        <f t="shared" si="752"/>
        <v>0</v>
      </c>
      <c r="N6709" s="46">
        <f t="shared" si="753"/>
        <v>45570.124999983811</v>
      </c>
    </row>
    <row r="6710" spans="2:14" x14ac:dyDescent="0.3">
      <c r="B6710">
        <f t="shared" si="747"/>
        <v>6</v>
      </c>
      <c r="C6710" s="16">
        <v>6676</v>
      </c>
      <c r="D6710" cm="1">
        <f t="array" ref="D6710">IFERROR(INDEX(Jesper!AH$2:AH$366,ROUNDDOWN($C6710/24,0)+1,1)*INDEX($D$3:$AA$30,INDEX(Jesper!$R$2:$R$366,ROW(INDEX(Jesper!AH$2:AH$366,ROUNDDOWN($C6710/24,0)+1,1))-1)+IF('Standard Profiles'!$G$18=$B$10,7,0)+IF('Standard Profiles'!$G$18=$B$17,14,0)+IF('Standard Profiles'!$G$18=$B$24,21,0),MOD($C6710,24)+1)/SUM(INDEX($D$3:$AA$30,INDEX(Jesper!$R$2:$R$366,ROW(INDEX(Jesper!AH$2:AH$366,ROUNDDOWN($C6710/24,0)+1,1))-1)+IF('Standard Profiles'!$G$18=$B$10,7,0)+IF('Standard Profiles'!$G$18=$B$17,14,0)+IF('Standard Profiles'!$G$18=$B$24,21,0),0)),0)</f>
        <v>7.5940519379620515</v>
      </c>
      <c r="E6710" cm="1">
        <f t="array" ref="E6710">IFERROR(INDEX(Jesper!AI$2:AI$366,ROUNDDOWN($C6710/24,0)+1,1)*INDEX($D$3:$AA$30,INDEX(Jesper!$R$2:$R$366,ROW(INDEX(Jesper!AI$2:AI$366,ROUNDDOWN($C6710/24,0)+1,1))-1)+IF('Standard Profiles'!$G$19=$B$10,7,0)+IF('Standard Profiles'!$G$19=$B$17,14,0)+IF('Standard Profiles'!$G$19=$B$24,21,0),MOD($C6710,24)+1)/SUM(INDEX($D$3:$AA$30,INDEX(Jesper!$R$2:$R$366,ROW(INDEX(Jesper!AI$2:AI$366,ROUNDDOWN($C6710/24,0)+1,1))-1)+IF('Standard Profiles'!$G$19=$B$10,7,0)+IF('Standard Profiles'!$G$19=$B$17,14,0)+IF('Standard Profiles'!$G$19=$B$24,21,0),0)),0)</f>
        <v>1.503584406277382</v>
      </c>
      <c r="F6710" cm="1">
        <f t="array" ref="F6710">IFERROR(INDEX(Jesper!AJ$2:AJ$366,ROUNDDOWN($C6710/24,0)+1,1)*INDEX($D$3:$AA$30,INDEX(Jesper!$R$2:$R$366,ROW(INDEX(Jesper!AJ$2:AJ$366,ROUNDDOWN($C6710/24,0)+1,1))-1)+IF('Standard Profiles'!$G$20=$B$10,7,0)+IF('Standard Profiles'!$G$20=$B$17,14,0)+IF('Standard Profiles'!$G$20=$B$24,21,0),MOD($C6710,24)+1)/SUM(INDEX($D$3:$AA$30,INDEX(Jesper!$R$2:$R$366,ROW(INDEX(Jesper!AJ$2:AJ$366,ROUNDDOWN($C6710/24,0)+1,1))-1)+IF('Standard Profiles'!$G$20=$B$10,7,0)+IF('Standard Profiles'!$G$20=$B$17,14,0)+IF('Standard Profiles'!$G$20=$B$24,21,0),0)),0)</f>
        <v>0</v>
      </c>
      <c r="G6710" cm="1">
        <f t="array" ref="G6710">IFERROR(INDEX(Jesper!AK$2:AK$366,ROUNDDOWN($C6710/24,0)+1,1)*INDEX($D$3:$AA$30,INDEX(Jesper!$R$2:$R$366,ROW(INDEX(Jesper!AK$2:AK$366,ROUNDDOWN($C6710/24,0)+1,1))-1)+IF('Standard Profiles'!$G$21=$B$10,7,0)+IF('Standard Profiles'!$G$21=$B$17,14,0)+IF('Standard Profiles'!$G$21=$B$24,21,0),MOD($C6710,24)+1)/SUM(INDEX($D$3:$AA$30,INDEX(Jesper!$R$2:$R$366,ROW(INDEX(Jesper!AK$2:AK$366,ROUNDDOWN($C6710/24,0)+1,1))-1)+IF('Standard Profiles'!$G$21=$B$10,7,0)+IF('Standard Profiles'!$G$21=$B$17,14,0)+IF('Standard Profiles'!$G$21=$B$24,21,0),0)),0)</f>
        <v>0</v>
      </c>
      <c r="H6710" cm="1">
        <f t="array" ref="H6710">IFERROR(INDEX(Jesper!AL$2:AL$366,ROUNDDOWN($C6710/24,0)+1,1)*INDEX($D$3:$AA$30,INDEX(Jesper!$R$2:$R$366,ROW(INDEX(Jesper!AL$2:AL$366,ROUNDDOWN($C6710/24,0)+1,1))-1)+IF('Standard Profiles'!$G$22=$B$10,7,0)+IF('Standard Profiles'!$G$22=$B$17,14,0)+IF('Standard Profiles'!$G$22=$B$24,21,0),MOD($C6710,24)+1)/SUM(INDEX($D$3:$AA$30,INDEX(Jesper!$R$2:$R$366,ROW(INDEX(Jesper!AL$2:AL$366,ROUNDDOWN($C6710/24,0)+1,1))-1)+IF('Standard Profiles'!$G$22=$B$10,7,0)+IF('Standard Profiles'!$G$22=$B$17,14,0)+IF('Standard Profiles'!$G$22=$B$24,21,0),0)),0)</f>
        <v>0</v>
      </c>
      <c r="I6710">
        <f t="shared" si="748"/>
        <v>0.13545805461958399</v>
      </c>
      <c r="J6710">
        <f t="shared" si="749"/>
        <v>0.45152684873194671</v>
      </c>
      <c r="K6710">
        <f t="shared" si="750"/>
        <v>0.67729027309792011</v>
      </c>
      <c r="L6710">
        <f t="shared" si="751"/>
        <v>7.8333611677899828</v>
      </c>
      <c r="M6710">
        <f t="shared" si="752"/>
        <v>0</v>
      </c>
      <c r="N6710" s="46">
        <f t="shared" si="753"/>
        <v>45570.166666650475</v>
      </c>
    </row>
    <row r="6711" spans="2:14" x14ac:dyDescent="0.3">
      <c r="B6711">
        <f t="shared" si="747"/>
        <v>6</v>
      </c>
      <c r="C6711" s="16">
        <v>6677</v>
      </c>
      <c r="D6711" cm="1">
        <f t="array" ref="D6711">IFERROR(INDEX(Jesper!AH$2:AH$366,ROUNDDOWN($C6711/24,0)+1,1)*INDEX($D$3:$AA$30,INDEX(Jesper!$R$2:$R$366,ROW(INDEX(Jesper!AH$2:AH$366,ROUNDDOWN($C6711/24,0)+1,1))-1)+IF('Standard Profiles'!$G$18=$B$10,7,0)+IF('Standard Profiles'!$G$18=$B$17,14,0)+IF('Standard Profiles'!$G$18=$B$24,21,0),MOD($C6711,24)+1)/SUM(INDEX($D$3:$AA$30,INDEX(Jesper!$R$2:$R$366,ROW(INDEX(Jesper!AH$2:AH$366,ROUNDDOWN($C6711/24,0)+1,1))-1)+IF('Standard Profiles'!$G$18=$B$10,7,0)+IF('Standard Profiles'!$G$18=$B$17,14,0)+IF('Standard Profiles'!$G$18=$B$24,21,0),0)),0)</f>
        <v>9.4462597277088935</v>
      </c>
      <c r="E6711" cm="1">
        <f t="array" ref="E6711">IFERROR(INDEX(Jesper!AI$2:AI$366,ROUNDDOWN($C6711/24,0)+1,1)*INDEX($D$3:$AA$30,INDEX(Jesper!$R$2:$R$366,ROW(INDEX(Jesper!AI$2:AI$366,ROUNDDOWN($C6711/24,0)+1,1))-1)+IF('Standard Profiles'!$G$19=$B$10,7,0)+IF('Standard Profiles'!$G$19=$B$17,14,0)+IF('Standard Profiles'!$G$19=$B$24,21,0),MOD($C6711,24)+1)/SUM(INDEX($D$3:$AA$30,INDEX(Jesper!$R$2:$R$366,ROW(INDEX(Jesper!AI$2:AI$366,ROUNDDOWN($C6711/24,0)+1,1))-1)+IF('Standard Profiles'!$G$19=$B$10,7,0)+IF('Standard Profiles'!$G$19=$B$17,14,0)+IF('Standard Profiles'!$G$19=$B$24,21,0),0)),0)</f>
        <v>1.8703123102474755</v>
      </c>
      <c r="F6711" cm="1">
        <f t="array" ref="F6711">IFERROR(INDEX(Jesper!AJ$2:AJ$366,ROUNDDOWN($C6711/24,0)+1,1)*INDEX($D$3:$AA$30,INDEX(Jesper!$R$2:$R$366,ROW(INDEX(Jesper!AJ$2:AJ$366,ROUNDDOWN($C6711/24,0)+1,1))-1)+IF('Standard Profiles'!$G$20=$B$10,7,0)+IF('Standard Profiles'!$G$20=$B$17,14,0)+IF('Standard Profiles'!$G$20=$B$24,21,0),MOD($C6711,24)+1)/SUM(INDEX($D$3:$AA$30,INDEX(Jesper!$R$2:$R$366,ROW(INDEX(Jesper!AJ$2:AJ$366,ROUNDDOWN($C6711/24,0)+1,1))-1)+IF('Standard Profiles'!$G$20=$B$10,7,0)+IF('Standard Profiles'!$G$20=$B$17,14,0)+IF('Standard Profiles'!$G$20=$B$24,21,0),0)),0)</f>
        <v>0</v>
      </c>
      <c r="G6711" cm="1">
        <f t="array" ref="G6711">IFERROR(INDEX(Jesper!AK$2:AK$366,ROUNDDOWN($C6711/24,0)+1,1)*INDEX($D$3:$AA$30,INDEX(Jesper!$R$2:$R$366,ROW(INDEX(Jesper!AK$2:AK$366,ROUNDDOWN($C6711/24,0)+1,1))-1)+IF('Standard Profiles'!$G$21=$B$10,7,0)+IF('Standard Profiles'!$G$21=$B$17,14,0)+IF('Standard Profiles'!$G$21=$B$24,21,0),MOD($C6711,24)+1)/SUM(INDEX($D$3:$AA$30,INDEX(Jesper!$R$2:$R$366,ROW(INDEX(Jesper!AK$2:AK$366,ROUNDDOWN($C6711/24,0)+1,1))-1)+IF('Standard Profiles'!$G$21=$B$10,7,0)+IF('Standard Profiles'!$G$21=$B$17,14,0)+IF('Standard Profiles'!$G$21=$B$24,21,0),0)),0)</f>
        <v>0</v>
      </c>
      <c r="H6711" cm="1">
        <f t="array" ref="H6711">IFERROR(INDEX(Jesper!AL$2:AL$366,ROUNDDOWN($C6711/24,0)+1,1)*INDEX($D$3:$AA$30,INDEX(Jesper!$R$2:$R$366,ROW(INDEX(Jesper!AL$2:AL$366,ROUNDDOWN($C6711/24,0)+1,1))-1)+IF('Standard Profiles'!$G$22=$B$10,7,0)+IF('Standard Profiles'!$G$22=$B$17,14,0)+IF('Standard Profiles'!$G$22=$B$24,21,0),MOD($C6711,24)+1)/SUM(INDEX($D$3:$AA$30,INDEX(Jesper!$R$2:$R$366,ROW(INDEX(Jesper!AL$2:AL$366,ROUNDDOWN($C6711/24,0)+1,1))-1)+IF('Standard Profiles'!$G$22=$B$10,7,0)+IF('Standard Profiles'!$G$22=$B$17,14,0)+IF('Standard Profiles'!$G$22=$B$24,21,0),0)),0)</f>
        <v>0</v>
      </c>
      <c r="I6711">
        <f t="shared" si="748"/>
        <v>0.16849660452679963</v>
      </c>
      <c r="J6711">
        <f t="shared" si="749"/>
        <v>0.56165534842266551</v>
      </c>
      <c r="K6711">
        <f t="shared" si="750"/>
        <v>0.84248302263399832</v>
      </c>
      <c r="L6711">
        <f t="shared" si="751"/>
        <v>9.7439370623729058</v>
      </c>
      <c r="M6711">
        <f t="shared" si="752"/>
        <v>0</v>
      </c>
      <c r="N6711" s="46">
        <f t="shared" si="753"/>
        <v>45570.208333317139</v>
      </c>
    </row>
    <row r="6712" spans="2:14" x14ac:dyDescent="0.3">
      <c r="B6712">
        <f t="shared" si="747"/>
        <v>6</v>
      </c>
      <c r="C6712" s="16">
        <v>6678</v>
      </c>
      <c r="D6712" cm="1">
        <f t="array" ref="D6712">IFERROR(INDEX(Jesper!AH$2:AH$366,ROUNDDOWN($C6712/24,0)+1,1)*INDEX($D$3:$AA$30,INDEX(Jesper!$R$2:$R$366,ROW(INDEX(Jesper!AH$2:AH$366,ROUNDDOWN($C6712/24,0)+1,1))-1)+IF('Standard Profiles'!$G$18=$B$10,7,0)+IF('Standard Profiles'!$G$18=$B$17,14,0)+IF('Standard Profiles'!$G$18=$B$24,21,0),MOD($C6712,24)+1)/SUM(INDEX($D$3:$AA$30,INDEX(Jesper!$R$2:$R$366,ROW(INDEX(Jesper!AH$2:AH$366,ROUNDDOWN($C6712/24,0)+1,1))-1)+IF('Standard Profiles'!$G$18=$B$10,7,0)+IF('Standard Profiles'!$G$18=$B$17,14,0)+IF('Standard Profiles'!$G$18=$B$24,21,0),0)),0)</f>
        <v>11.854129854379787</v>
      </c>
      <c r="E6712" cm="1">
        <f t="array" ref="E6712">IFERROR(INDEX(Jesper!AI$2:AI$366,ROUNDDOWN($C6712/24,0)+1,1)*INDEX($D$3:$AA$30,INDEX(Jesper!$R$2:$R$366,ROW(INDEX(Jesper!AI$2:AI$366,ROUNDDOWN($C6712/24,0)+1,1))-1)+IF('Standard Profiles'!$G$19=$B$10,7,0)+IF('Standard Profiles'!$G$19=$B$17,14,0)+IF('Standard Profiles'!$G$19=$B$24,21,0),MOD($C6712,24)+1)/SUM(INDEX($D$3:$AA$30,INDEX(Jesper!$R$2:$R$366,ROW(INDEX(Jesper!AI$2:AI$366,ROUNDDOWN($C6712/24,0)+1,1))-1)+IF('Standard Profiles'!$G$19=$B$10,7,0)+IF('Standard Profiles'!$G$19=$B$17,14,0)+IF('Standard Profiles'!$G$19=$B$24,21,0),0)),0)</f>
        <v>2.3470585854085964</v>
      </c>
      <c r="F6712" cm="1">
        <f t="array" ref="F6712">IFERROR(INDEX(Jesper!AJ$2:AJ$366,ROUNDDOWN($C6712/24,0)+1,1)*INDEX($D$3:$AA$30,INDEX(Jesper!$R$2:$R$366,ROW(INDEX(Jesper!AJ$2:AJ$366,ROUNDDOWN($C6712/24,0)+1,1))-1)+IF('Standard Profiles'!$G$20=$B$10,7,0)+IF('Standard Profiles'!$G$20=$B$17,14,0)+IF('Standard Profiles'!$G$20=$B$24,21,0),MOD($C6712,24)+1)/SUM(INDEX($D$3:$AA$30,INDEX(Jesper!$R$2:$R$366,ROW(INDEX(Jesper!AJ$2:AJ$366,ROUNDDOWN($C6712/24,0)+1,1))-1)+IF('Standard Profiles'!$G$20=$B$10,7,0)+IF('Standard Profiles'!$G$20=$B$17,14,0)+IF('Standard Profiles'!$G$20=$B$24,21,0),0)),0)</f>
        <v>0</v>
      </c>
      <c r="G6712" cm="1">
        <f t="array" ref="G6712">IFERROR(INDEX(Jesper!AK$2:AK$366,ROUNDDOWN($C6712/24,0)+1,1)*INDEX($D$3:$AA$30,INDEX(Jesper!$R$2:$R$366,ROW(INDEX(Jesper!AK$2:AK$366,ROUNDDOWN($C6712/24,0)+1,1))-1)+IF('Standard Profiles'!$G$21=$B$10,7,0)+IF('Standard Profiles'!$G$21=$B$17,14,0)+IF('Standard Profiles'!$G$21=$B$24,21,0),MOD($C6712,24)+1)/SUM(INDEX($D$3:$AA$30,INDEX(Jesper!$R$2:$R$366,ROW(INDEX(Jesper!AK$2:AK$366,ROUNDDOWN($C6712/24,0)+1,1))-1)+IF('Standard Profiles'!$G$21=$B$10,7,0)+IF('Standard Profiles'!$G$21=$B$17,14,0)+IF('Standard Profiles'!$G$21=$B$24,21,0),0)),0)</f>
        <v>0</v>
      </c>
      <c r="H6712" cm="1">
        <f t="array" ref="H6712">IFERROR(INDEX(Jesper!AL$2:AL$366,ROUNDDOWN($C6712/24,0)+1,1)*INDEX($D$3:$AA$30,INDEX(Jesper!$R$2:$R$366,ROW(INDEX(Jesper!AL$2:AL$366,ROUNDDOWN($C6712/24,0)+1,1))-1)+IF('Standard Profiles'!$G$22=$B$10,7,0)+IF('Standard Profiles'!$G$22=$B$17,14,0)+IF('Standard Profiles'!$G$22=$B$24,21,0),MOD($C6712,24)+1)/SUM(INDEX($D$3:$AA$30,INDEX(Jesper!$R$2:$R$366,ROW(INDEX(Jesper!AL$2:AL$366,ROUNDDOWN($C6712/24,0)+1,1))-1)+IF('Standard Profiles'!$G$22=$B$10,7,0)+IF('Standard Profiles'!$G$22=$B$17,14,0)+IF('Standard Profiles'!$G$22=$B$24,21,0),0)),0)</f>
        <v>0</v>
      </c>
      <c r="I6712">
        <f t="shared" si="748"/>
        <v>0.2114467194061799</v>
      </c>
      <c r="J6712">
        <f t="shared" si="749"/>
        <v>0.70482239802059976</v>
      </c>
      <c r="K6712">
        <f t="shared" si="750"/>
        <v>1.0572335970308997</v>
      </c>
      <c r="L6712">
        <f t="shared" si="751"/>
        <v>12.227685725330703</v>
      </c>
      <c r="M6712">
        <f t="shared" si="752"/>
        <v>0</v>
      </c>
      <c r="N6712" s="46">
        <f t="shared" si="753"/>
        <v>45570.249999983804</v>
      </c>
    </row>
    <row r="6713" spans="2:14" x14ac:dyDescent="0.3">
      <c r="B6713">
        <f t="shared" si="747"/>
        <v>6</v>
      </c>
      <c r="C6713" s="16">
        <v>6679</v>
      </c>
      <c r="D6713" cm="1">
        <f t="array" ref="D6713">IFERROR(INDEX(Jesper!AH$2:AH$366,ROUNDDOWN($C6713/24,0)+1,1)*INDEX($D$3:$AA$30,INDEX(Jesper!$R$2:$R$366,ROW(INDEX(Jesper!AH$2:AH$366,ROUNDDOWN($C6713/24,0)+1,1))-1)+IF('Standard Profiles'!$G$18=$B$10,7,0)+IF('Standard Profiles'!$G$18=$B$17,14,0)+IF('Standard Profiles'!$G$18=$B$24,21,0),MOD($C6713,24)+1)/SUM(INDEX($D$3:$AA$30,INDEX(Jesper!$R$2:$R$366,ROW(INDEX(Jesper!AH$2:AH$366,ROUNDDOWN($C6713/24,0)+1,1))-1)+IF('Standard Profiles'!$G$18=$B$10,7,0)+IF('Standard Profiles'!$G$18=$B$17,14,0)+IF('Standard Profiles'!$G$18=$B$24,21,0),0)),0)</f>
        <v>13.521116865151946</v>
      </c>
      <c r="E6713" cm="1">
        <f t="array" ref="E6713">IFERROR(INDEX(Jesper!AI$2:AI$366,ROUNDDOWN($C6713/24,0)+1,1)*INDEX($D$3:$AA$30,INDEX(Jesper!$R$2:$R$366,ROW(INDEX(Jesper!AI$2:AI$366,ROUNDDOWN($C6713/24,0)+1,1))-1)+IF('Standard Profiles'!$G$19=$B$10,7,0)+IF('Standard Profiles'!$G$19=$B$17,14,0)+IF('Standard Profiles'!$G$19=$B$24,21,0),MOD($C6713,24)+1)/SUM(INDEX($D$3:$AA$30,INDEX(Jesper!$R$2:$R$366,ROW(INDEX(Jesper!AI$2:AI$366,ROUNDDOWN($C6713/24,0)+1,1))-1)+IF('Standard Profiles'!$G$19=$B$10,7,0)+IF('Standard Profiles'!$G$19=$B$17,14,0)+IF('Standard Profiles'!$G$19=$B$24,21,0),0)),0)</f>
        <v>2.6771136989816804</v>
      </c>
      <c r="F6713" cm="1">
        <f t="array" ref="F6713">IFERROR(INDEX(Jesper!AJ$2:AJ$366,ROUNDDOWN($C6713/24,0)+1,1)*INDEX($D$3:$AA$30,INDEX(Jesper!$R$2:$R$366,ROW(INDEX(Jesper!AJ$2:AJ$366,ROUNDDOWN($C6713/24,0)+1,1))-1)+IF('Standard Profiles'!$G$20=$B$10,7,0)+IF('Standard Profiles'!$G$20=$B$17,14,0)+IF('Standard Profiles'!$G$20=$B$24,21,0),MOD($C6713,24)+1)/SUM(INDEX($D$3:$AA$30,INDEX(Jesper!$R$2:$R$366,ROW(INDEX(Jesper!AJ$2:AJ$366,ROUNDDOWN($C6713/24,0)+1,1))-1)+IF('Standard Profiles'!$G$20=$B$10,7,0)+IF('Standard Profiles'!$G$20=$B$17,14,0)+IF('Standard Profiles'!$G$20=$B$24,21,0),0)),0)</f>
        <v>0</v>
      </c>
      <c r="G6713" cm="1">
        <f t="array" ref="G6713">IFERROR(INDEX(Jesper!AK$2:AK$366,ROUNDDOWN($C6713/24,0)+1,1)*INDEX($D$3:$AA$30,INDEX(Jesper!$R$2:$R$366,ROW(INDEX(Jesper!AK$2:AK$366,ROUNDDOWN($C6713/24,0)+1,1))-1)+IF('Standard Profiles'!$G$21=$B$10,7,0)+IF('Standard Profiles'!$G$21=$B$17,14,0)+IF('Standard Profiles'!$G$21=$B$24,21,0),MOD($C6713,24)+1)/SUM(INDEX($D$3:$AA$30,INDEX(Jesper!$R$2:$R$366,ROW(INDEX(Jesper!AK$2:AK$366,ROUNDDOWN($C6713/24,0)+1,1))-1)+IF('Standard Profiles'!$G$21=$B$10,7,0)+IF('Standard Profiles'!$G$21=$B$17,14,0)+IF('Standard Profiles'!$G$21=$B$24,21,0),0)),0)</f>
        <v>0</v>
      </c>
      <c r="H6713" cm="1">
        <f t="array" ref="H6713">IFERROR(INDEX(Jesper!AL$2:AL$366,ROUNDDOWN($C6713/24,0)+1,1)*INDEX($D$3:$AA$30,INDEX(Jesper!$R$2:$R$366,ROW(INDEX(Jesper!AL$2:AL$366,ROUNDDOWN($C6713/24,0)+1,1))-1)+IF('Standard Profiles'!$G$22=$B$10,7,0)+IF('Standard Profiles'!$G$22=$B$17,14,0)+IF('Standard Profiles'!$G$22=$B$24,21,0),MOD($C6713,24)+1)/SUM(INDEX($D$3:$AA$30,INDEX(Jesper!$R$2:$R$366,ROW(INDEX(Jesper!AL$2:AL$366,ROUNDDOWN($C6713/24,0)+1,1))-1)+IF('Standard Profiles'!$G$22=$B$10,7,0)+IF('Standard Profiles'!$G$22=$B$17,14,0)+IF('Standard Profiles'!$G$22=$B$24,21,0),0)),0)</f>
        <v>0</v>
      </c>
      <c r="I6713">
        <f t="shared" si="748"/>
        <v>0.24118141432267398</v>
      </c>
      <c r="J6713">
        <f t="shared" si="749"/>
        <v>0.80393804774224664</v>
      </c>
      <c r="K6713">
        <f t="shared" si="750"/>
        <v>1.20590707161337</v>
      </c>
      <c r="L6713">
        <f t="shared" si="751"/>
        <v>13.947204030455335</v>
      </c>
      <c r="M6713">
        <f t="shared" si="752"/>
        <v>0</v>
      </c>
      <c r="N6713" s="46">
        <f t="shared" si="753"/>
        <v>45570.291666650468</v>
      </c>
    </row>
    <row r="6714" spans="2:14" x14ac:dyDescent="0.3">
      <c r="B6714">
        <f t="shared" si="747"/>
        <v>6</v>
      </c>
      <c r="C6714" s="16">
        <v>6680</v>
      </c>
      <c r="D6714" cm="1">
        <f t="array" ref="D6714">IFERROR(INDEX(Jesper!AH$2:AH$366,ROUNDDOWN($C6714/24,0)+1,1)*INDEX($D$3:$AA$30,INDEX(Jesper!$R$2:$R$366,ROW(INDEX(Jesper!AH$2:AH$366,ROUNDDOWN($C6714/24,0)+1,1))-1)+IF('Standard Profiles'!$G$18=$B$10,7,0)+IF('Standard Profiles'!$G$18=$B$17,14,0)+IF('Standard Profiles'!$G$18=$B$24,21,0),MOD($C6714,24)+1)/SUM(INDEX($D$3:$AA$30,INDEX(Jesper!$R$2:$R$366,ROW(INDEX(Jesper!AH$2:AH$366,ROUNDDOWN($C6714/24,0)+1,1))-1)+IF('Standard Profiles'!$G$18=$B$10,7,0)+IF('Standard Profiles'!$G$18=$B$17,14,0)+IF('Standard Profiles'!$G$18=$B$24,21,0),0)),0)</f>
        <v>13.521116865151946</v>
      </c>
      <c r="E6714" cm="1">
        <f t="array" ref="E6714">IFERROR(INDEX(Jesper!AI$2:AI$366,ROUNDDOWN($C6714/24,0)+1,1)*INDEX($D$3:$AA$30,INDEX(Jesper!$R$2:$R$366,ROW(INDEX(Jesper!AI$2:AI$366,ROUNDDOWN($C6714/24,0)+1,1))-1)+IF('Standard Profiles'!$G$19=$B$10,7,0)+IF('Standard Profiles'!$G$19=$B$17,14,0)+IF('Standard Profiles'!$G$19=$B$24,21,0),MOD($C6714,24)+1)/SUM(INDEX($D$3:$AA$30,INDEX(Jesper!$R$2:$R$366,ROW(INDEX(Jesper!AI$2:AI$366,ROUNDDOWN($C6714/24,0)+1,1))-1)+IF('Standard Profiles'!$G$19=$B$10,7,0)+IF('Standard Profiles'!$G$19=$B$17,14,0)+IF('Standard Profiles'!$G$19=$B$24,21,0),0)),0)</f>
        <v>2.6771136989816804</v>
      </c>
      <c r="F6714" cm="1">
        <f t="array" ref="F6714">IFERROR(INDEX(Jesper!AJ$2:AJ$366,ROUNDDOWN($C6714/24,0)+1,1)*INDEX($D$3:$AA$30,INDEX(Jesper!$R$2:$R$366,ROW(INDEX(Jesper!AJ$2:AJ$366,ROUNDDOWN($C6714/24,0)+1,1))-1)+IF('Standard Profiles'!$G$20=$B$10,7,0)+IF('Standard Profiles'!$G$20=$B$17,14,0)+IF('Standard Profiles'!$G$20=$B$24,21,0),MOD($C6714,24)+1)/SUM(INDEX($D$3:$AA$30,INDEX(Jesper!$R$2:$R$366,ROW(INDEX(Jesper!AJ$2:AJ$366,ROUNDDOWN($C6714/24,0)+1,1))-1)+IF('Standard Profiles'!$G$20=$B$10,7,0)+IF('Standard Profiles'!$G$20=$B$17,14,0)+IF('Standard Profiles'!$G$20=$B$24,21,0),0)),0)</f>
        <v>0</v>
      </c>
      <c r="G6714" cm="1">
        <f t="array" ref="G6714">IFERROR(INDEX(Jesper!AK$2:AK$366,ROUNDDOWN($C6714/24,0)+1,1)*INDEX($D$3:$AA$30,INDEX(Jesper!$R$2:$R$366,ROW(INDEX(Jesper!AK$2:AK$366,ROUNDDOWN($C6714/24,0)+1,1))-1)+IF('Standard Profiles'!$G$21=$B$10,7,0)+IF('Standard Profiles'!$G$21=$B$17,14,0)+IF('Standard Profiles'!$G$21=$B$24,21,0),MOD($C6714,24)+1)/SUM(INDEX($D$3:$AA$30,INDEX(Jesper!$R$2:$R$366,ROW(INDEX(Jesper!AK$2:AK$366,ROUNDDOWN($C6714/24,0)+1,1))-1)+IF('Standard Profiles'!$G$21=$B$10,7,0)+IF('Standard Profiles'!$G$21=$B$17,14,0)+IF('Standard Profiles'!$G$21=$B$24,21,0),0)),0)</f>
        <v>0</v>
      </c>
      <c r="H6714" cm="1">
        <f t="array" ref="H6714">IFERROR(INDEX(Jesper!AL$2:AL$366,ROUNDDOWN($C6714/24,0)+1,1)*INDEX($D$3:$AA$30,INDEX(Jesper!$R$2:$R$366,ROW(INDEX(Jesper!AL$2:AL$366,ROUNDDOWN($C6714/24,0)+1,1))-1)+IF('Standard Profiles'!$G$22=$B$10,7,0)+IF('Standard Profiles'!$G$22=$B$17,14,0)+IF('Standard Profiles'!$G$22=$B$24,21,0),MOD($C6714,24)+1)/SUM(INDEX($D$3:$AA$30,INDEX(Jesper!$R$2:$R$366,ROW(INDEX(Jesper!AL$2:AL$366,ROUNDDOWN($C6714/24,0)+1,1))-1)+IF('Standard Profiles'!$G$22=$B$10,7,0)+IF('Standard Profiles'!$G$22=$B$17,14,0)+IF('Standard Profiles'!$G$22=$B$24,21,0),0)),0)</f>
        <v>0</v>
      </c>
      <c r="I6714">
        <f t="shared" si="748"/>
        <v>0.24118141432267398</v>
      </c>
      <c r="J6714">
        <f t="shared" si="749"/>
        <v>0.80393804774224664</v>
      </c>
      <c r="K6714">
        <f t="shared" si="750"/>
        <v>1.20590707161337</v>
      </c>
      <c r="L6714">
        <f t="shared" si="751"/>
        <v>13.947204030455335</v>
      </c>
      <c r="M6714">
        <f t="shared" si="752"/>
        <v>0</v>
      </c>
      <c r="N6714" s="46">
        <f t="shared" si="753"/>
        <v>45570.333333317132</v>
      </c>
    </row>
    <row r="6715" spans="2:14" x14ac:dyDescent="0.3">
      <c r="B6715">
        <f t="shared" si="747"/>
        <v>6</v>
      </c>
      <c r="C6715" s="16">
        <v>6681</v>
      </c>
      <c r="D6715" cm="1">
        <f t="array" ref="D6715">IFERROR(INDEX(Jesper!AH$2:AH$366,ROUNDDOWN($C6715/24,0)+1,1)*INDEX($D$3:$AA$30,INDEX(Jesper!$R$2:$R$366,ROW(INDEX(Jesper!AH$2:AH$366,ROUNDDOWN($C6715/24,0)+1,1))-1)+IF('Standard Profiles'!$G$18=$B$10,7,0)+IF('Standard Profiles'!$G$18=$B$17,14,0)+IF('Standard Profiles'!$G$18=$B$24,21,0),MOD($C6715,24)+1)/SUM(INDEX($D$3:$AA$30,INDEX(Jesper!$R$2:$R$366,ROW(INDEX(Jesper!AH$2:AH$366,ROUNDDOWN($C6715/24,0)+1,1))-1)+IF('Standard Profiles'!$G$18=$B$10,7,0)+IF('Standard Profiles'!$G$18=$B$17,14,0)+IF('Standard Profiles'!$G$18=$B$24,21,0),0)),0)</f>
        <v>13.521116865151946</v>
      </c>
      <c r="E6715" cm="1">
        <f t="array" ref="E6715">IFERROR(INDEX(Jesper!AI$2:AI$366,ROUNDDOWN($C6715/24,0)+1,1)*INDEX($D$3:$AA$30,INDEX(Jesper!$R$2:$R$366,ROW(INDEX(Jesper!AI$2:AI$366,ROUNDDOWN($C6715/24,0)+1,1))-1)+IF('Standard Profiles'!$G$19=$B$10,7,0)+IF('Standard Profiles'!$G$19=$B$17,14,0)+IF('Standard Profiles'!$G$19=$B$24,21,0),MOD($C6715,24)+1)/SUM(INDEX($D$3:$AA$30,INDEX(Jesper!$R$2:$R$366,ROW(INDEX(Jesper!AI$2:AI$366,ROUNDDOWN($C6715/24,0)+1,1))-1)+IF('Standard Profiles'!$G$19=$B$10,7,0)+IF('Standard Profiles'!$G$19=$B$17,14,0)+IF('Standard Profiles'!$G$19=$B$24,21,0),0)),0)</f>
        <v>2.6771136989816804</v>
      </c>
      <c r="F6715" cm="1">
        <f t="array" ref="F6715">IFERROR(INDEX(Jesper!AJ$2:AJ$366,ROUNDDOWN($C6715/24,0)+1,1)*INDEX($D$3:$AA$30,INDEX(Jesper!$R$2:$R$366,ROW(INDEX(Jesper!AJ$2:AJ$366,ROUNDDOWN($C6715/24,0)+1,1))-1)+IF('Standard Profiles'!$G$20=$B$10,7,0)+IF('Standard Profiles'!$G$20=$B$17,14,0)+IF('Standard Profiles'!$G$20=$B$24,21,0),MOD($C6715,24)+1)/SUM(INDEX($D$3:$AA$30,INDEX(Jesper!$R$2:$R$366,ROW(INDEX(Jesper!AJ$2:AJ$366,ROUNDDOWN($C6715/24,0)+1,1))-1)+IF('Standard Profiles'!$G$20=$B$10,7,0)+IF('Standard Profiles'!$G$20=$B$17,14,0)+IF('Standard Profiles'!$G$20=$B$24,21,0),0)),0)</f>
        <v>0</v>
      </c>
      <c r="G6715" cm="1">
        <f t="array" ref="G6715">IFERROR(INDEX(Jesper!AK$2:AK$366,ROUNDDOWN($C6715/24,0)+1,1)*INDEX($D$3:$AA$30,INDEX(Jesper!$R$2:$R$366,ROW(INDEX(Jesper!AK$2:AK$366,ROUNDDOWN($C6715/24,0)+1,1))-1)+IF('Standard Profiles'!$G$21=$B$10,7,0)+IF('Standard Profiles'!$G$21=$B$17,14,0)+IF('Standard Profiles'!$G$21=$B$24,21,0),MOD($C6715,24)+1)/SUM(INDEX($D$3:$AA$30,INDEX(Jesper!$R$2:$R$366,ROW(INDEX(Jesper!AK$2:AK$366,ROUNDDOWN($C6715/24,0)+1,1))-1)+IF('Standard Profiles'!$G$21=$B$10,7,0)+IF('Standard Profiles'!$G$21=$B$17,14,0)+IF('Standard Profiles'!$G$21=$B$24,21,0),0)),0)</f>
        <v>0</v>
      </c>
      <c r="H6715" cm="1">
        <f t="array" ref="H6715">IFERROR(INDEX(Jesper!AL$2:AL$366,ROUNDDOWN($C6715/24,0)+1,1)*INDEX($D$3:$AA$30,INDEX(Jesper!$R$2:$R$366,ROW(INDEX(Jesper!AL$2:AL$366,ROUNDDOWN($C6715/24,0)+1,1))-1)+IF('Standard Profiles'!$G$22=$B$10,7,0)+IF('Standard Profiles'!$G$22=$B$17,14,0)+IF('Standard Profiles'!$G$22=$B$24,21,0),MOD($C6715,24)+1)/SUM(INDEX($D$3:$AA$30,INDEX(Jesper!$R$2:$R$366,ROW(INDEX(Jesper!AL$2:AL$366,ROUNDDOWN($C6715/24,0)+1,1))-1)+IF('Standard Profiles'!$G$22=$B$10,7,0)+IF('Standard Profiles'!$G$22=$B$17,14,0)+IF('Standard Profiles'!$G$22=$B$24,21,0),0)),0)</f>
        <v>0</v>
      </c>
      <c r="I6715">
        <f t="shared" si="748"/>
        <v>0.24118141432267398</v>
      </c>
      <c r="J6715">
        <f t="shared" si="749"/>
        <v>0.80393804774224664</v>
      </c>
      <c r="K6715">
        <f t="shared" si="750"/>
        <v>1.20590707161337</v>
      </c>
      <c r="L6715">
        <f t="shared" si="751"/>
        <v>13.947204030455335</v>
      </c>
      <c r="M6715">
        <f t="shared" si="752"/>
        <v>0</v>
      </c>
      <c r="N6715" s="46">
        <f t="shared" si="753"/>
        <v>45570.374999983796</v>
      </c>
    </row>
    <row r="6716" spans="2:14" x14ac:dyDescent="0.3">
      <c r="B6716">
        <f t="shared" si="747"/>
        <v>6</v>
      </c>
      <c r="C6716" s="16">
        <v>6682</v>
      </c>
      <c r="D6716" cm="1">
        <f t="array" ref="D6716">IFERROR(INDEX(Jesper!AH$2:AH$366,ROUNDDOWN($C6716/24,0)+1,1)*INDEX($D$3:$AA$30,INDEX(Jesper!$R$2:$R$366,ROW(INDEX(Jesper!AH$2:AH$366,ROUNDDOWN($C6716/24,0)+1,1))-1)+IF('Standard Profiles'!$G$18=$B$10,7,0)+IF('Standard Profiles'!$G$18=$B$17,14,0)+IF('Standard Profiles'!$G$18=$B$24,21,0),MOD($C6716,24)+1)/SUM(INDEX($D$3:$AA$30,INDEX(Jesper!$R$2:$R$366,ROW(INDEX(Jesper!AH$2:AH$366,ROUNDDOWN($C6716/24,0)+1,1))-1)+IF('Standard Profiles'!$G$18=$B$10,7,0)+IF('Standard Profiles'!$G$18=$B$17,14,0)+IF('Standard Profiles'!$G$18=$B$24,21,0),0)),0)</f>
        <v>13.521116865151946</v>
      </c>
      <c r="E6716" cm="1">
        <f t="array" ref="E6716">IFERROR(INDEX(Jesper!AI$2:AI$366,ROUNDDOWN($C6716/24,0)+1,1)*INDEX($D$3:$AA$30,INDEX(Jesper!$R$2:$R$366,ROW(INDEX(Jesper!AI$2:AI$366,ROUNDDOWN($C6716/24,0)+1,1))-1)+IF('Standard Profiles'!$G$19=$B$10,7,0)+IF('Standard Profiles'!$G$19=$B$17,14,0)+IF('Standard Profiles'!$G$19=$B$24,21,0),MOD($C6716,24)+1)/SUM(INDEX($D$3:$AA$30,INDEX(Jesper!$R$2:$R$366,ROW(INDEX(Jesper!AI$2:AI$366,ROUNDDOWN($C6716/24,0)+1,1))-1)+IF('Standard Profiles'!$G$19=$B$10,7,0)+IF('Standard Profiles'!$G$19=$B$17,14,0)+IF('Standard Profiles'!$G$19=$B$24,21,0),0)),0)</f>
        <v>2.6771136989816804</v>
      </c>
      <c r="F6716" cm="1">
        <f t="array" ref="F6716">IFERROR(INDEX(Jesper!AJ$2:AJ$366,ROUNDDOWN($C6716/24,0)+1,1)*INDEX($D$3:$AA$30,INDEX(Jesper!$R$2:$R$366,ROW(INDEX(Jesper!AJ$2:AJ$366,ROUNDDOWN($C6716/24,0)+1,1))-1)+IF('Standard Profiles'!$G$20=$B$10,7,0)+IF('Standard Profiles'!$G$20=$B$17,14,0)+IF('Standard Profiles'!$G$20=$B$24,21,0),MOD($C6716,24)+1)/SUM(INDEX($D$3:$AA$30,INDEX(Jesper!$R$2:$R$366,ROW(INDEX(Jesper!AJ$2:AJ$366,ROUNDDOWN($C6716/24,0)+1,1))-1)+IF('Standard Profiles'!$G$20=$B$10,7,0)+IF('Standard Profiles'!$G$20=$B$17,14,0)+IF('Standard Profiles'!$G$20=$B$24,21,0),0)),0)</f>
        <v>0</v>
      </c>
      <c r="G6716" cm="1">
        <f t="array" ref="G6716">IFERROR(INDEX(Jesper!AK$2:AK$366,ROUNDDOWN($C6716/24,0)+1,1)*INDEX($D$3:$AA$30,INDEX(Jesper!$R$2:$R$366,ROW(INDEX(Jesper!AK$2:AK$366,ROUNDDOWN($C6716/24,0)+1,1))-1)+IF('Standard Profiles'!$G$21=$B$10,7,0)+IF('Standard Profiles'!$G$21=$B$17,14,0)+IF('Standard Profiles'!$G$21=$B$24,21,0),MOD($C6716,24)+1)/SUM(INDEX($D$3:$AA$30,INDEX(Jesper!$R$2:$R$366,ROW(INDEX(Jesper!AK$2:AK$366,ROUNDDOWN($C6716/24,0)+1,1))-1)+IF('Standard Profiles'!$G$21=$B$10,7,0)+IF('Standard Profiles'!$G$21=$B$17,14,0)+IF('Standard Profiles'!$G$21=$B$24,21,0),0)),0)</f>
        <v>0</v>
      </c>
      <c r="H6716" cm="1">
        <f t="array" ref="H6716">IFERROR(INDEX(Jesper!AL$2:AL$366,ROUNDDOWN($C6716/24,0)+1,1)*INDEX($D$3:$AA$30,INDEX(Jesper!$R$2:$R$366,ROW(INDEX(Jesper!AL$2:AL$366,ROUNDDOWN($C6716/24,0)+1,1))-1)+IF('Standard Profiles'!$G$22=$B$10,7,0)+IF('Standard Profiles'!$G$22=$B$17,14,0)+IF('Standard Profiles'!$G$22=$B$24,21,0),MOD($C6716,24)+1)/SUM(INDEX($D$3:$AA$30,INDEX(Jesper!$R$2:$R$366,ROW(INDEX(Jesper!AL$2:AL$366,ROUNDDOWN($C6716/24,0)+1,1))-1)+IF('Standard Profiles'!$G$22=$B$10,7,0)+IF('Standard Profiles'!$G$22=$B$17,14,0)+IF('Standard Profiles'!$G$22=$B$24,21,0),0)),0)</f>
        <v>0</v>
      </c>
      <c r="I6716">
        <f t="shared" si="748"/>
        <v>0.24118141432267398</v>
      </c>
      <c r="J6716">
        <f t="shared" si="749"/>
        <v>0.80393804774224664</v>
      </c>
      <c r="K6716">
        <f t="shared" si="750"/>
        <v>1.20590707161337</v>
      </c>
      <c r="L6716">
        <f t="shared" si="751"/>
        <v>13.947204030455335</v>
      </c>
      <c r="M6716">
        <f t="shared" si="752"/>
        <v>0</v>
      </c>
      <c r="N6716" s="46">
        <f t="shared" si="753"/>
        <v>45570.416666650461</v>
      </c>
    </row>
    <row r="6717" spans="2:14" x14ac:dyDescent="0.3">
      <c r="B6717">
        <f t="shared" si="747"/>
        <v>6</v>
      </c>
      <c r="C6717" s="16">
        <v>6683</v>
      </c>
      <c r="D6717" cm="1">
        <f t="array" ref="D6717">IFERROR(INDEX(Jesper!AH$2:AH$366,ROUNDDOWN($C6717/24,0)+1,1)*INDEX($D$3:$AA$30,INDEX(Jesper!$R$2:$R$366,ROW(INDEX(Jesper!AH$2:AH$366,ROUNDDOWN($C6717/24,0)+1,1))-1)+IF('Standard Profiles'!$G$18=$B$10,7,0)+IF('Standard Profiles'!$G$18=$B$17,14,0)+IF('Standard Profiles'!$G$18=$B$24,21,0),MOD($C6717,24)+1)/SUM(INDEX($D$3:$AA$30,INDEX(Jesper!$R$2:$R$366,ROW(INDEX(Jesper!AH$2:AH$366,ROUNDDOWN($C6717/24,0)+1,1))-1)+IF('Standard Profiles'!$G$18=$B$10,7,0)+IF('Standard Profiles'!$G$18=$B$17,14,0)+IF('Standard Profiles'!$G$18=$B$24,21,0),0)),0)</f>
        <v>13.521116865151946</v>
      </c>
      <c r="E6717" cm="1">
        <f t="array" ref="E6717">IFERROR(INDEX(Jesper!AI$2:AI$366,ROUNDDOWN($C6717/24,0)+1,1)*INDEX($D$3:$AA$30,INDEX(Jesper!$R$2:$R$366,ROW(INDEX(Jesper!AI$2:AI$366,ROUNDDOWN($C6717/24,0)+1,1))-1)+IF('Standard Profiles'!$G$19=$B$10,7,0)+IF('Standard Profiles'!$G$19=$B$17,14,0)+IF('Standard Profiles'!$G$19=$B$24,21,0),MOD($C6717,24)+1)/SUM(INDEX($D$3:$AA$30,INDEX(Jesper!$R$2:$R$366,ROW(INDEX(Jesper!AI$2:AI$366,ROUNDDOWN($C6717/24,0)+1,1))-1)+IF('Standard Profiles'!$G$19=$B$10,7,0)+IF('Standard Profiles'!$G$19=$B$17,14,0)+IF('Standard Profiles'!$G$19=$B$24,21,0),0)),0)</f>
        <v>2.6771136989816804</v>
      </c>
      <c r="F6717" cm="1">
        <f t="array" ref="F6717">IFERROR(INDEX(Jesper!AJ$2:AJ$366,ROUNDDOWN($C6717/24,0)+1,1)*INDEX($D$3:$AA$30,INDEX(Jesper!$R$2:$R$366,ROW(INDEX(Jesper!AJ$2:AJ$366,ROUNDDOWN($C6717/24,0)+1,1))-1)+IF('Standard Profiles'!$G$20=$B$10,7,0)+IF('Standard Profiles'!$G$20=$B$17,14,0)+IF('Standard Profiles'!$G$20=$B$24,21,0),MOD($C6717,24)+1)/SUM(INDEX($D$3:$AA$30,INDEX(Jesper!$R$2:$R$366,ROW(INDEX(Jesper!AJ$2:AJ$366,ROUNDDOWN($C6717/24,0)+1,1))-1)+IF('Standard Profiles'!$G$20=$B$10,7,0)+IF('Standard Profiles'!$G$20=$B$17,14,0)+IF('Standard Profiles'!$G$20=$B$24,21,0),0)),0)</f>
        <v>0</v>
      </c>
      <c r="G6717" cm="1">
        <f t="array" ref="G6717">IFERROR(INDEX(Jesper!AK$2:AK$366,ROUNDDOWN($C6717/24,0)+1,1)*INDEX($D$3:$AA$30,INDEX(Jesper!$R$2:$R$366,ROW(INDEX(Jesper!AK$2:AK$366,ROUNDDOWN($C6717/24,0)+1,1))-1)+IF('Standard Profiles'!$G$21=$B$10,7,0)+IF('Standard Profiles'!$G$21=$B$17,14,0)+IF('Standard Profiles'!$G$21=$B$24,21,0),MOD($C6717,24)+1)/SUM(INDEX($D$3:$AA$30,INDEX(Jesper!$R$2:$R$366,ROW(INDEX(Jesper!AK$2:AK$366,ROUNDDOWN($C6717/24,0)+1,1))-1)+IF('Standard Profiles'!$G$21=$B$10,7,0)+IF('Standard Profiles'!$G$21=$B$17,14,0)+IF('Standard Profiles'!$G$21=$B$24,21,0),0)),0)</f>
        <v>0</v>
      </c>
      <c r="H6717" cm="1">
        <f t="array" ref="H6717">IFERROR(INDEX(Jesper!AL$2:AL$366,ROUNDDOWN($C6717/24,0)+1,1)*INDEX($D$3:$AA$30,INDEX(Jesper!$R$2:$R$366,ROW(INDEX(Jesper!AL$2:AL$366,ROUNDDOWN($C6717/24,0)+1,1))-1)+IF('Standard Profiles'!$G$22=$B$10,7,0)+IF('Standard Profiles'!$G$22=$B$17,14,0)+IF('Standard Profiles'!$G$22=$B$24,21,0),MOD($C6717,24)+1)/SUM(INDEX($D$3:$AA$30,INDEX(Jesper!$R$2:$R$366,ROW(INDEX(Jesper!AL$2:AL$366,ROUNDDOWN($C6717/24,0)+1,1))-1)+IF('Standard Profiles'!$G$22=$B$10,7,0)+IF('Standard Profiles'!$G$22=$B$17,14,0)+IF('Standard Profiles'!$G$22=$B$24,21,0),0)),0)</f>
        <v>0</v>
      </c>
      <c r="I6717">
        <f t="shared" si="748"/>
        <v>0.24118141432267398</v>
      </c>
      <c r="J6717">
        <f t="shared" si="749"/>
        <v>0.80393804774224664</v>
      </c>
      <c r="K6717">
        <f t="shared" si="750"/>
        <v>1.20590707161337</v>
      </c>
      <c r="L6717">
        <f t="shared" si="751"/>
        <v>13.947204030455335</v>
      </c>
      <c r="M6717">
        <f t="shared" si="752"/>
        <v>0</v>
      </c>
      <c r="N6717" s="46">
        <f t="shared" si="753"/>
        <v>45570.458333317125</v>
      </c>
    </row>
    <row r="6718" spans="2:14" x14ac:dyDescent="0.3">
      <c r="B6718">
        <f t="shared" si="747"/>
        <v>6</v>
      </c>
      <c r="C6718" s="16">
        <v>6684</v>
      </c>
      <c r="D6718" cm="1">
        <f t="array" ref="D6718">IFERROR(INDEX(Jesper!AH$2:AH$366,ROUNDDOWN($C6718/24,0)+1,1)*INDEX($D$3:$AA$30,INDEX(Jesper!$R$2:$R$366,ROW(INDEX(Jesper!AH$2:AH$366,ROUNDDOWN($C6718/24,0)+1,1))-1)+IF('Standard Profiles'!$G$18=$B$10,7,0)+IF('Standard Profiles'!$G$18=$B$17,14,0)+IF('Standard Profiles'!$G$18=$B$24,21,0),MOD($C6718,24)+1)/SUM(INDEX($D$3:$AA$30,INDEX(Jesper!$R$2:$R$366,ROW(INDEX(Jesper!AH$2:AH$366,ROUNDDOWN($C6718/24,0)+1,1))-1)+IF('Standard Profiles'!$G$18=$B$10,7,0)+IF('Standard Profiles'!$G$18=$B$17,14,0)+IF('Standard Profiles'!$G$18=$B$24,21,0),0)),0)</f>
        <v>13.521116865151946</v>
      </c>
      <c r="E6718" cm="1">
        <f t="array" ref="E6718">IFERROR(INDEX(Jesper!AI$2:AI$366,ROUNDDOWN($C6718/24,0)+1,1)*INDEX($D$3:$AA$30,INDEX(Jesper!$R$2:$R$366,ROW(INDEX(Jesper!AI$2:AI$366,ROUNDDOWN($C6718/24,0)+1,1))-1)+IF('Standard Profiles'!$G$19=$B$10,7,0)+IF('Standard Profiles'!$G$19=$B$17,14,0)+IF('Standard Profiles'!$G$19=$B$24,21,0),MOD($C6718,24)+1)/SUM(INDEX($D$3:$AA$30,INDEX(Jesper!$R$2:$R$366,ROW(INDEX(Jesper!AI$2:AI$366,ROUNDDOWN($C6718/24,0)+1,1))-1)+IF('Standard Profiles'!$G$19=$B$10,7,0)+IF('Standard Profiles'!$G$19=$B$17,14,0)+IF('Standard Profiles'!$G$19=$B$24,21,0),0)),0)</f>
        <v>2.6771136989816804</v>
      </c>
      <c r="F6718" cm="1">
        <f t="array" ref="F6718">IFERROR(INDEX(Jesper!AJ$2:AJ$366,ROUNDDOWN($C6718/24,0)+1,1)*INDEX($D$3:$AA$30,INDEX(Jesper!$R$2:$R$366,ROW(INDEX(Jesper!AJ$2:AJ$366,ROUNDDOWN($C6718/24,0)+1,1))-1)+IF('Standard Profiles'!$G$20=$B$10,7,0)+IF('Standard Profiles'!$G$20=$B$17,14,0)+IF('Standard Profiles'!$G$20=$B$24,21,0),MOD($C6718,24)+1)/SUM(INDEX($D$3:$AA$30,INDEX(Jesper!$R$2:$R$366,ROW(INDEX(Jesper!AJ$2:AJ$366,ROUNDDOWN($C6718/24,0)+1,1))-1)+IF('Standard Profiles'!$G$20=$B$10,7,0)+IF('Standard Profiles'!$G$20=$B$17,14,0)+IF('Standard Profiles'!$G$20=$B$24,21,0),0)),0)</f>
        <v>0</v>
      </c>
      <c r="G6718" cm="1">
        <f t="array" ref="G6718">IFERROR(INDEX(Jesper!AK$2:AK$366,ROUNDDOWN($C6718/24,0)+1,1)*INDEX($D$3:$AA$30,INDEX(Jesper!$R$2:$R$366,ROW(INDEX(Jesper!AK$2:AK$366,ROUNDDOWN($C6718/24,0)+1,1))-1)+IF('Standard Profiles'!$G$21=$B$10,7,0)+IF('Standard Profiles'!$G$21=$B$17,14,0)+IF('Standard Profiles'!$G$21=$B$24,21,0),MOD($C6718,24)+1)/SUM(INDEX($D$3:$AA$30,INDEX(Jesper!$R$2:$R$366,ROW(INDEX(Jesper!AK$2:AK$366,ROUNDDOWN($C6718/24,0)+1,1))-1)+IF('Standard Profiles'!$G$21=$B$10,7,0)+IF('Standard Profiles'!$G$21=$B$17,14,0)+IF('Standard Profiles'!$G$21=$B$24,21,0),0)),0)</f>
        <v>0</v>
      </c>
      <c r="H6718" cm="1">
        <f t="array" ref="H6718">IFERROR(INDEX(Jesper!AL$2:AL$366,ROUNDDOWN($C6718/24,0)+1,1)*INDEX($D$3:$AA$30,INDEX(Jesper!$R$2:$R$366,ROW(INDEX(Jesper!AL$2:AL$366,ROUNDDOWN($C6718/24,0)+1,1))-1)+IF('Standard Profiles'!$G$22=$B$10,7,0)+IF('Standard Profiles'!$G$22=$B$17,14,0)+IF('Standard Profiles'!$G$22=$B$24,21,0),MOD($C6718,24)+1)/SUM(INDEX($D$3:$AA$30,INDEX(Jesper!$R$2:$R$366,ROW(INDEX(Jesper!AL$2:AL$366,ROUNDDOWN($C6718/24,0)+1,1))-1)+IF('Standard Profiles'!$G$22=$B$10,7,0)+IF('Standard Profiles'!$G$22=$B$17,14,0)+IF('Standard Profiles'!$G$22=$B$24,21,0),0)),0)</f>
        <v>0</v>
      </c>
      <c r="I6718">
        <f t="shared" si="748"/>
        <v>0.24118141432267398</v>
      </c>
      <c r="J6718">
        <f t="shared" si="749"/>
        <v>0.80393804774224664</v>
      </c>
      <c r="K6718">
        <f t="shared" si="750"/>
        <v>1.20590707161337</v>
      </c>
      <c r="L6718">
        <f t="shared" si="751"/>
        <v>13.947204030455335</v>
      </c>
      <c r="M6718">
        <f t="shared" si="752"/>
        <v>0</v>
      </c>
      <c r="N6718" s="46">
        <f t="shared" si="753"/>
        <v>45570.499999983789</v>
      </c>
    </row>
    <row r="6719" spans="2:14" x14ac:dyDescent="0.3">
      <c r="B6719">
        <f t="shared" si="747"/>
        <v>6</v>
      </c>
      <c r="C6719" s="16">
        <v>6685</v>
      </c>
      <c r="D6719" cm="1">
        <f t="array" ref="D6719">IFERROR(INDEX(Jesper!AH$2:AH$366,ROUNDDOWN($C6719/24,0)+1,1)*INDEX($D$3:$AA$30,INDEX(Jesper!$R$2:$R$366,ROW(INDEX(Jesper!AH$2:AH$366,ROUNDDOWN($C6719/24,0)+1,1))-1)+IF('Standard Profiles'!$G$18=$B$10,7,0)+IF('Standard Profiles'!$G$18=$B$17,14,0)+IF('Standard Profiles'!$G$18=$B$24,21,0),MOD($C6719,24)+1)/SUM(INDEX($D$3:$AA$30,INDEX(Jesper!$R$2:$R$366,ROW(INDEX(Jesper!AH$2:AH$366,ROUNDDOWN($C6719/24,0)+1,1))-1)+IF('Standard Profiles'!$G$18=$B$10,7,0)+IF('Standard Profiles'!$G$18=$B$17,14,0)+IF('Standard Profiles'!$G$18=$B$24,21,0),0)),0)</f>
        <v>13.521116865151946</v>
      </c>
      <c r="E6719" cm="1">
        <f t="array" ref="E6719">IFERROR(INDEX(Jesper!AI$2:AI$366,ROUNDDOWN($C6719/24,0)+1,1)*INDEX($D$3:$AA$30,INDEX(Jesper!$R$2:$R$366,ROW(INDEX(Jesper!AI$2:AI$366,ROUNDDOWN($C6719/24,0)+1,1))-1)+IF('Standard Profiles'!$G$19=$B$10,7,0)+IF('Standard Profiles'!$G$19=$B$17,14,0)+IF('Standard Profiles'!$G$19=$B$24,21,0),MOD($C6719,24)+1)/SUM(INDEX($D$3:$AA$30,INDEX(Jesper!$R$2:$R$366,ROW(INDEX(Jesper!AI$2:AI$366,ROUNDDOWN($C6719/24,0)+1,1))-1)+IF('Standard Profiles'!$G$19=$B$10,7,0)+IF('Standard Profiles'!$G$19=$B$17,14,0)+IF('Standard Profiles'!$G$19=$B$24,21,0),0)),0)</f>
        <v>2.6771136989816804</v>
      </c>
      <c r="F6719" cm="1">
        <f t="array" ref="F6719">IFERROR(INDEX(Jesper!AJ$2:AJ$366,ROUNDDOWN($C6719/24,0)+1,1)*INDEX($D$3:$AA$30,INDEX(Jesper!$R$2:$R$366,ROW(INDEX(Jesper!AJ$2:AJ$366,ROUNDDOWN($C6719/24,0)+1,1))-1)+IF('Standard Profiles'!$G$20=$B$10,7,0)+IF('Standard Profiles'!$G$20=$B$17,14,0)+IF('Standard Profiles'!$G$20=$B$24,21,0),MOD($C6719,24)+1)/SUM(INDEX($D$3:$AA$30,INDEX(Jesper!$R$2:$R$366,ROW(INDEX(Jesper!AJ$2:AJ$366,ROUNDDOWN($C6719/24,0)+1,1))-1)+IF('Standard Profiles'!$G$20=$B$10,7,0)+IF('Standard Profiles'!$G$20=$B$17,14,0)+IF('Standard Profiles'!$G$20=$B$24,21,0),0)),0)</f>
        <v>0</v>
      </c>
      <c r="G6719" cm="1">
        <f t="array" ref="G6719">IFERROR(INDEX(Jesper!AK$2:AK$366,ROUNDDOWN($C6719/24,0)+1,1)*INDEX($D$3:$AA$30,INDEX(Jesper!$R$2:$R$366,ROW(INDEX(Jesper!AK$2:AK$366,ROUNDDOWN($C6719/24,0)+1,1))-1)+IF('Standard Profiles'!$G$21=$B$10,7,0)+IF('Standard Profiles'!$G$21=$B$17,14,0)+IF('Standard Profiles'!$G$21=$B$24,21,0),MOD($C6719,24)+1)/SUM(INDEX($D$3:$AA$30,INDEX(Jesper!$R$2:$R$366,ROW(INDEX(Jesper!AK$2:AK$366,ROUNDDOWN($C6719/24,0)+1,1))-1)+IF('Standard Profiles'!$G$21=$B$10,7,0)+IF('Standard Profiles'!$G$21=$B$17,14,0)+IF('Standard Profiles'!$G$21=$B$24,21,0),0)),0)</f>
        <v>0</v>
      </c>
      <c r="H6719" cm="1">
        <f t="array" ref="H6719">IFERROR(INDEX(Jesper!AL$2:AL$366,ROUNDDOWN($C6719/24,0)+1,1)*INDEX($D$3:$AA$30,INDEX(Jesper!$R$2:$R$366,ROW(INDEX(Jesper!AL$2:AL$366,ROUNDDOWN($C6719/24,0)+1,1))-1)+IF('Standard Profiles'!$G$22=$B$10,7,0)+IF('Standard Profiles'!$G$22=$B$17,14,0)+IF('Standard Profiles'!$G$22=$B$24,21,0),MOD($C6719,24)+1)/SUM(INDEX($D$3:$AA$30,INDEX(Jesper!$R$2:$R$366,ROW(INDEX(Jesper!AL$2:AL$366,ROUNDDOWN($C6719/24,0)+1,1))-1)+IF('Standard Profiles'!$G$22=$B$10,7,0)+IF('Standard Profiles'!$G$22=$B$17,14,0)+IF('Standard Profiles'!$G$22=$B$24,21,0),0)),0)</f>
        <v>0</v>
      </c>
      <c r="I6719">
        <f t="shared" si="748"/>
        <v>0.24118141432267398</v>
      </c>
      <c r="J6719">
        <f t="shared" si="749"/>
        <v>0.80393804774224664</v>
      </c>
      <c r="K6719">
        <f t="shared" si="750"/>
        <v>1.20590707161337</v>
      </c>
      <c r="L6719">
        <f t="shared" si="751"/>
        <v>13.947204030455335</v>
      </c>
      <c r="M6719">
        <f t="shared" si="752"/>
        <v>0</v>
      </c>
      <c r="N6719" s="46">
        <f t="shared" si="753"/>
        <v>45570.541666650453</v>
      </c>
    </row>
    <row r="6720" spans="2:14" x14ac:dyDescent="0.3">
      <c r="B6720">
        <f t="shared" si="747"/>
        <v>6</v>
      </c>
      <c r="C6720" s="16">
        <v>6686</v>
      </c>
      <c r="D6720" cm="1">
        <f t="array" ref="D6720">IFERROR(INDEX(Jesper!AH$2:AH$366,ROUNDDOWN($C6720/24,0)+1,1)*INDEX($D$3:$AA$30,INDEX(Jesper!$R$2:$R$366,ROW(INDEX(Jesper!AH$2:AH$366,ROUNDDOWN($C6720/24,0)+1,1))-1)+IF('Standard Profiles'!$G$18=$B$10,7,0)+IF('Standard Profiles'!$G$18=$B$17,14,0)+IF('Standard Profiles'!$G$18=$B$24,21,0),MOD($C6720,24)+1)/SUM(INDEX($D$3:$AA$30,INDEX(Jesper!$R$2:$R$366,ROW(INDEX(Jesper!AH$2:AH$366,ROUNDDOWN($C6720/24,0)+1,1))-1)+IF('Standard Profiles'!$G$18=$B$10,7,0)+IF('Standard Profiles'!$G$18=$B$17,14,0)+IF('Standard Profiles'!$G$18=$B$24,21,0),0)),0)</f>
        <v>13.521116865151946</v>
      </c>
      <c r="E6720" cm="1">
        <f t="array" ref="E6720">IFERROR(INDEX(Jesper!AI$2:AI$366,ROUNDDOWN($C6720/24,0)+1,1)*INDEX($D$3:$AA$30,INDEX(Jesper!$R$2:$R$366,ROW(INDEX(Jesper!AI$2:AI$366,ROUNDDOWN($C6720/24,0)+1,1))-1)+IF('Standard Profiles'!$G$19=$B$10,7,0)+IF('Standard Profiles'!$G$19=$B$17,14,0)+IF('Standard Profiles'!$G$19=$B$24,21,0),MOD($C6720,24)+1)/SUM(INDEX($D$3:$AA$30,INDEX(Jesper!$R$2:$R$366,ROW(INDEX(Jesper!AI$2:AI$366,ROUNDDOWN($C6720/24,0)+1,1))-1)+IF('Standard Profiles'!$G$19=$B$10,7,0)+IF('Standard Profiles'!$G$19=$B$17,14,0)+IF('Standard Profiles'!$G$19=$B$24,21,0),0)),0)</f>
        <v>2.6771136989816804</v>
      </c>
      <c r="F6720" cm="1">
        <f t="array" ref="F6720">IFERROR(INDEX(Jesper!AJ$2:AJ$366,ROUNDDOWN($C6720/24,0)+1,1)*INDEX($D$3:$AA$30,INDEX(Jesper!$R$2:$R$366,ROW(INDEX(Jesper!AJ$2:AJ$366,ROUNDDOWN($C6720/24,0)+1,1))-1)+IF('Standard Profiles'!$G$20=$B$10,7,0)+IF('Standard Profiles'!$G$20=$B$17,14,0)+IF('Standard Profiles'!$G$20=$B$24,21,0),MOD($C6720,24)+1)/SUM(INDEX($D$3:$AA$30,INDEX(Jesper!$R$2:$R$366,ROW(INDEX(Jesper!AJ$2:AJ$366,ROUNDDOWN($C6720/24,0)+1,1))-1)+IF('Standard Profiles'!$G$20=$B$10,7,0)+IF('Standard Profiles'!$G$20=$B$17,14,0)+IF('Standard Profiles'!$G$20=$B$24,21,0),0)),0)</f>
        <v>0</v>
      </c>
      <c r="G6720" cm="1">
        <f t="array" ref="G6720">IFERROR(INDEX(Jesper!AK$2:AK$366,ROUNDDOWN($C6720/24,0)+1,1)*INDEX($D$3:$AA$30,INDEX(Jesper!$R$2:$R$366,ROW(INDEX(Jesper!AK$2:AK$366,ROUNDDOWN($C6720/24,0)+1,1))-1)+IF('Standard Profiles'!$G$21=$B$10,7,0)+IF('Standard Profiles'!$G$21=$B$17,14,0)+IF('Standard Profiles'!$G$21=$B$24,21,0),MOD($C6720,24)+1)/SUM(INDEX($D$3:$AA$30,INDEX(Jesper!$R$2:$R$366,ROW(INDEX(Jesper!AK$2:AK$366,ROUNDDOWN($C6720/24,0)+1,1))-1)+IF('Standard Profiles'!$G$21=$B$10,7,0)+IF('Standard Profiles'!$G$21=$B$17,14,0)+IF('Standard Profiles'!$G$21=$B$24,21,0),0)),0)</f>
        <v>0</v>
      </c>
      <c r="H6720" cm="1">
        <f t="array" ref="H6720">IFERROR(INDEX(Jesper!AL$2:AL$366,ROUNDDOWN($C6720/24,0)+1,1)*INDEX($D$3:$AA$30,INDEX(Jesper!$R$2:$R$366,ROW(INDEX(Jesper!AL$2:AL$366,ROUNDDOWN($C6720/24,0)+1,1))-1)+IF('Standard Profiles'!$G$22=$B$10,7,0)+IF('Standard Profiles'!$G$22=$B$17,14,0)+IF('Standard Profiles'!$G$22=$B$24,21,0),MOD($C6720,24)+1)/SUM(INDEX($D$3:$AA$30,INDEX(Jesper!$R$2:$R$366,ROW(INDEX(Jesper!AL$2:AL$366,ROUNDDOWN($C6720/24,0)+1,1))-1)+IF('Standard Profiles'!$G$22=$B$10,7,0)+IF('Standard Profiles'!$G$22=$B$17,14,0)+IF('Standard Profiles'!$G$22=$B$24,21,0),0)),0)</f>
        <v>0</v>
      </c>
      <c r="I6720">
        <f t="shared" si="748"/>
        <v>0.24118141432267398</v>
      </c>
      <c r="J6720">
        <f t="shared" si="749"/>
        <v>0.80393804774224664</v>
      </c>
      <c r="K6720">
        <f t="shared" si="750"/>
        <v>1.20590707161337</v>
      </c>
      <c r="L6720">
        <f t="shared" si="751"/>
        <v>13.947204030455335</v>
      </c>
      <c r="M6720">
        <f t="shared" si="752"/>
        <v>0</v>
      </c>
      <c r="N6720" s="46">
        <f t="shared" si="753"/>
        <v>45570.583333317118</v>
      </c>
    </row>
    <row r="6721" spans="2:14" x14ac:dyDescent="0.3">
      <c r="B6721">
        <f t="shared" si="747"/>
        <v>6</v>
      </c>
      <c r="C6721" s="16">
        <v>6687</v>
      </c>
      <c r="D6721" cm="1">
        <f t="array" ref="D6721">IFERROR(INDEX(Jesper!AH$2:AH$366,ROUNDDOWN($C6721/24,0)+1,1)*INDEX($D$3:$AA$30,INDEX(Jesper!$R$2:$R$366,ROW(INDEX(Jesper!AH$2:AH$366,ROUNDDOWN($C6721/24,0)+1,1))-1)+IF('Standard Profiles'!$G$18=$B$10,7,0)+IF('Standard Profiles'!$G$18=$B$17,14,0)+IF('Standard Profiles'!$G$18=$B$24,21,0),MOD($C6721,24)+1)/SUM(INDEX($D$3:$AA$30,INDEX(Jesper!$R$2:$R$366,ROW(INDEX(Jesper!AH$2:AH$366,ROUNDDOWN($C6721/24,0)+1,1))-1)+IF('Standard Profiles'!$G$18=$B$10,7,0)+IF('Standard Profiles'!$G$18=$B$17,14,0)+IF('Standard Profiles'!$G$18=$B$24,21,0),0)),0)</f>
        <v>12.224571412329155</v>
      </c>
      <c r="E6721" cm="1">
        <f t="array" ref="E6721">IFERROR(INDEX(Jesper!AI$2:AI$366,ROUNDDOWN($C6721/24,0)+1,1)*INDEX($D$3:$AA$30,INDEX(Jesper!$R$2:$R$366,ROW(INDEX(Jesper!AI$2:AI$366,ROUNDDOWN($C6721/24,0)+1,1))-1)+IF('Standard Profiles'!$G$19=$B$10,7,0)+IF('Standard Profiles'!$G$19=$B$17,14,0)+IF('Standard Profiles'!$G$19=$B$24,21,0),MOD($C6721,24)+1)/SUM(INDEX($D$3:$AA$30,INDEX(Jesper!$R$2:$R$366,ROW(INDEX(Jesper!AI$2:AI$366,ROUNDDOWN($C6721/24,0)+1,1))-1)+IF('Standard Profiles'!$G$19=$B$10,7,0)+IF('Standard Profiles'!$G$19=$B$17,14,0)+IF('Standard Profiles'!$G$19=$B$24,21,0),0)),0)</f>
        <v>2.4204041662026152</v>
      </c>
      <c r="F6721" cm="1">
        <f t="array" ref="F6721">IFERROR(INDEX(Jesper!AJ$2:AJ$366,ROUNDDOWN($C6721/24,0)+1,1)*INDEX($D$3:$AA$30,INDEX(Jesper!$R$2:$R$366,ROW(INDEX(Jesper!AJ$2:AJ$366,ROUNDDOWN($C6721/24,0)+1,1))-1)+IF('Standard Profiles'!$G$20=$B$10,7,0)+IF('Standard Profiles'!$G$20=$B$17,14,0)+IF('Standard Profiles'!$G$20=$B$24,21,0),MOD($C6721,24)+1)/SUM(INDEX($D$3:$AA$30,INDEX(Jesper!$R$2:$R$366,ROW(INDEX(Jesper!AJ$2:AJ$366,ROUNDDOWN($C6721/24,0)+1,1))-1)+IF('Standard Profiles'!$G$20=$B$10,7,0)+IF('Standard Profiles'!$G$20=$B$17,14,0)+IF('Standard Profiles'!$G$20=$B$24,21,0),0)),0)</f>
        <v>0</v>
      </c>
      <c r="G6721" cm="1">
        <f t="array" ref="G6721">IFERROR(INDEX(Jesper!AK$2:AK$366,ROUNDDOWN($C6721/24,0)+1,1)*INDEX($D$3:$AA$30,INDEX(Jesper!$R$2:$R$366,ROW(INDEX(Jesper!AK$2:AK$366,ROUNDDOWN($C6721/24,0)+1,1))-1)+IF('Standard Profiles'!$G$21=$B$10,7,0)+IF('Standard Profiles'!$G$21=$B$17,14,0)+IF('Standard Profiles'!$G$21=$B$24,21,0),MOD($C6721,24)+1)/SUM(INDEX($D$3:$AA$30,INDEX(Jesper!$R$2:$R$366,ROW(INDEX(Jesper!AK$2:AK$366,ROUNDDOWN($C6721/24,0)+1,1))-1)+IF('Standard Profiles'!$G$21=$B$10,7,0)+IF('Standard Profiles'!$G$21=$B$17,14,0)+IF('Standard Profiles'!$G$21=$B$24,21,0),0)),0)</f>
        <v>0</v>
      </c>
      <c r="H6721" cm="1">
        <f t="array" ref="H6721">IFERROR(INDEX(Jesper!AL$2:AL$366,ROUNDDOWN($C6721/24,0)+1,1)*INDEX($D$3:$AA$30,INDEX(Jesper!$R$2:$R$366,ROW(INDEX(Jesper!AL$2:AL$366,ROUNDDOWN($C6721/24,0)+1,1))-1)+IF('Standard Profiles'!$G$22=$B$10,7,0)+IF('Standard Profiles'!$G$22=$B$17,14,0)+IF('Standard Profiles'!$G$22=$B$24,21,0),MOD($C6721,24)+1)/SUM(INDEX($D$3:$AA$30,INDEX(Jesper!$R$2:$R$366,ROW(INDEX(Jesper!AL$2:AL$366,ROUNDDOWN($C6721/24,0)+1,1))-1)+IF('Standard Profiles'!$G$22=$B$10,7,0)+IF('Standard Profiles'!$G$22=$B$17,14,0)+IF('Standard Profiles'!$G$22=$B$24,21,0),0)),0)</f>
        <v>0</v>
      </c>
      <c r="I6721">
        <f t="shared" si="748"/>
        <v>0.21805442938762304</v>
      </c>
      <c r="J6721">
        <f t="shared" si="749"/>
        <v>0.72684809795874361</v>
      </c>
      <c r="K6721">
        <f t="shared" si="750"/>
        <v>1.0902721469381154</v>
      </c>
      <c r="L6721">
        <f t="shared" si="751"/>
        <v>12.609800904247288</v>
      </c>
      <c r="M6721">
        <f t="shared" si="752"/>
        <v>0</v>
      </c>
      <c r="N6721" s="46">
        <f t="shared" si="753"/>
        <v>45570.624999983782</v>
      </c>
    </row>
    <row r="6722" spans="2:14" x14ac:dyDescent="0.3">
      <c r="B6722">
        <f t="shared" si="747"/>
        <v>6</v>
      </c>
      <c r="C6722" s="16">
        <v>6688</v>
      </c>
      <c r="D6722" cm="1">
        <f t="array" ref="D6722">IFERROR(INDEX(Jesper!AH$2:AH$366,ROUNDDOWN($C6722/24,0)+1,1)*INDEX($D$3:$AA$30,INDEX(Jesper!$R$2:$R$366,ROW(INDEX(Jesper!AH$2:AH$366,ROUNDDOWN($C6722/24,0)+1,1))-1)+IF('Standard Profiles'!$G$18=$B$10,7,0)+IF('Standard Profiles'!$G$18=$B$17,14,0)+IF('Standard Profiles'!$G$18=$B$24,21,0),MOD($C6722,24)+1)/SUM(INDEX($D$3:$AA$30,INDEX(Jesper!$R$2:$R$366,ROW(INDEX(Jesper!AH$2:AH$366,ROUNDDOWN($C6722/24,0)+1,1))-1)+IF('Standard Profiles'!$G$18=$B$10,7,0)+IF('Standard Profiles'!$G$18=$B$17,14,0)+IF('Standard Profiles'!$G$18=$B$24,21,0),0)),0)</f>
        <v>11.113246738481051</v>
      </c>
      <c r="E6722" cm="1">
        <f t="array" ref="E6722">IFERROR(INDEX(Jesper!AI$2:AI$366,ROUNDDOWN($C6722/24,0)+1,1)*INDEX($D$3:$AA$30,INDEX(Jesper!$R$2:$R$366,ROW(INDEX(Jesper!AI$2:AI$366,ROUNDDOWN($C6722/24,0)+1,1))-1)+IF('Standard Profiles'!$G$19=$B$10,7,0)+IF('Standard Profiles'!$G$19=$B$17,14,0)+IF('Standard Profiles'!$G$19=$B$24,21,0),MOD($C6722,24)+1)/SUM(INDEX($D$3:$AA$30,INDEX(Jesper!$R$2:$R$366,ROW(INDEX(Jesper!AI$2:AI$366,ROUNDDOWN($C6722/24,0)+1,1))-1)+IF('Standard Profiles'!$G$19=$B$10,7,0)+IF('Standard Profiles'!$G$19=$B$17,14,0)+IF('Standard Profiles'!$G$19=$B$24,21,0),0)),0)</f>
        <v>2.2003674238205591</v>
      </c>
      <c r="F6722" cm="1">
        <f t="array" ref="F6722">IFERROR(INDEX(Jesper!AJ$2:AJ$366,ROUNDDOWN($C6722/24,0)+1,1)*INDEX($D$3:$AA$30,INDEX(Jesper!$R$2:$R$366,ROW(INDEX(Jesper!AJ$2:AJ$366,ROUNDDOWN($C6722/24,0)+1,1))-1)+IF('Standard Profiles'!$G$20=$B$10,7,0)+IF('Standard Profiles'!$G$20=$B$17,14,0)+IF('Standard Profiles'!$G$20=$B$24,21,0),MOD($C6722,24)+1)/SUM(INDEX($D$3:$AA$30,INDEX(Jesper!$R$2:$R$366,ROW(INDEX(Jesper!AJ$2:AJ$366,ROUNDDOWN($C6722/24,0)+1,1))-1)+IF('Standard Profiles'!$G$20=$B$10,7,0)+IF('Standard Profiles'!$G$20=$B$17,14,0)+IF('Standard Profiles'!$G$20=$B$24,21,0),0)),0)</f>
        <v>0</v>
      </c>
      <c r="G6722" cm="1">
        <f t="array" ref="G6722">IFERROR(INDEX(Jesper!AK$2:AK$366,ROUNDDOWN($C6722/24,0)+1,1)*INDEX($D$3:$AA$30,INDEX(Jesper!$R$2:$R$366,ROW(INDEX(Jesper!AK$2:AK$366,ROUNDDOWN($C6722/24,0)+1,1))-1)+IF('Standard Profiles'!$G$21=$B$10,7,0)+IF('Standard Profiles'!$G$21=$B$17,14,0)+IF('Standard Profiles'!$G$21=$B$24,21,0),MOD($C6722,24)+1)/SUM(INDEX($D$3:$AA$30,INDEX(Jesper!$R$2:$R$366,ROW(INDEX(Jesper!AK$2:AK$366,ROUNDDOWN($C6722/24,0)+1,1))-1)+IF('Standard Profiles'!$G$21=$B$10,7,0)+IF('Standard Profiles'!$G$21=$B$17,14,0)+IF('Standard Profiles'!$G$21=$B$24,21,0),0)),0)</f>
        <v>0</v>
      </c>
      <c r="H6722" cm="1">
        <f t="array" ref="H6722">IFERROR(INDEX(Jesper!AL$2:AL$366,ROUNDDOWN($C6722/24,0)+1,1)*INDEX($D$3:$AA$30,INDEX(Jesper!$R$2:$R$366,ROW(INDEX(Jesper!AL$2:AL$366,ROUNDDOWN($C6722/24,0)+1,1))-1)+IF('Standard Profiles'!$G$22=$B$10,7,0)+IF('Standard Profiles'!$G$22=$B$17,14,0)+IF('Standard Profiles'!$G$22=$B$24,21,0),MOD($C6722,24)+1)/SUM(INDEX($D$3:$AA$30,INDEX(Jesper!$R$2:$R$366,ROW(INDEX(Jesper!AL$2:AL$366,ROUNDDOWN($C6722/24,0)+1,1))-1)+IF('Standard Profiles'!$G$22=$B$10,7,0)+IF('Standard Profiles'!$G$22=$B$17,14,0)+IF('Standard Profiles'!$G$22=$B$24,21,0),0)),0)</f>
        <v>0</v>
      </c>
      <c r="I6722">
        <f t="shared" si="748"/>
        <v>0.19823129944329365</v>
      </c>
      <c r="J6722">
        <f t="shared" si="749"/>
        <v>0.66077099814431228</v>
      </c>
      <c r="K6722">
        <f t="shared" si="750"/>
        <v>0.99115649721646837</v>
      </c>
      <c r="L6722">
        <f t="shared" si="751"/>
        <v>11.463455367497536</v>
      </c>
      <c r="M6722">
        <f t="shared" si="752"/>
        <v>0</v>
      </c>
      <c r="N6722" s="46">
        <f t="shared" si="753"/>
        <v>45570.666666650446</v>
      </c>
    </row>
    <row r="6723" spans="2:14" x14ac:dyDescent="0.3">
      <c r="B6723">
        <f t="shared" si="747"/>
        <v>6</v>
      </c>
      <c r="C6723" s="16">
        <v>6689</v>
      </c>
      <c r="D6723" cm="1">
        <f t="array" ref="D6723">IFERROR(INDEX(Jesper!AH$2:AH$366,ROUNDDOWN($C6723/24,0)+1,1)*INDEX($D$3:$AA$30,INDEX(Jesper!$R$2:$R$366,ROW(INDEX(Jesper!AH$2:AH$366,ROUNDDOWN($C6723/24,0)+1,1))-1)+IF('Standard Profiles'!$G$18=$B$10,7,0)+IF('Standard Profiles'!$G$18=$B$17,14,0)+IF('Standard Profiles'!$G$18=$B$24,21,0),MOD($C6723,24)+1)/SUM(INDEX($D$3:$AA$30,INDEX(Jesper!$R$2:$R$366,ROW(INDEX(Jesper!AH$2:AH$366,ROUNDDOWN($C6723/24,0)+1,1))-1)+IF('Standard Profiles'!$G$18=$B$10,7,0)+IF('Standard Profiles'!$G$18=$B$17,14,0)+IF('Standard Profiles'!$G$18=$B$24,21,0),0)),0)</f>
        <v>10.001922064632947</v>
      </c>
      <c r="E6723" cm="1">
        <f t="array" ref="E6723">IFERROR(INDEX(Jesper!AI$2:AI$366,ROUNDDOWN($C6723/24,0)+1,1)*INDEX($D$3:$AA$30,INDEX(Jesper!$R$2:$R$366,ROW(INDEX(Jesper!AI$2:AI$366,ROUNDDOWN($C6723/24,0)+1,1))-1)+IF('Standard Profiles'!$G$19=$B$10,7,0)+IF('Standard Profiles'!$G$19=$B$17,14,0)+IF('Standard Profiles'!$G$19=$B$24,21,0),MOD($C6723,24)+1)/SUM(INDEX($D$3:$AA$30,INDEX(Jesper!$R$2:$R$366,ROW(INDEX(Jesper!AI$2:AI$366,ROUNDDOWN($C6723/24,0)+1,1))-1)+IF('Standard Profiles'!$G$19=$B$10,7,0)+IF('Standard Profiles'!$G$19=$B$17,14,0)+IF('Standard Profiles'!$G$19=$B$24,21,0),0)),0)</f>
        <v>1.9803306814385031</v>
      </c>
      <c r="F6723" cm="1">
        <f t="array" ref="F6723">IFERROR(INDEX(Jesper!AJ$2:AJ$366,ROUNDDOWN($C6723/24,0)+1,1)*INDEX($D$3:$AA$30,INDEX(Jesper!$R$2:$R$366,ROW(INDEX(Jesper!AJ$2:AJ$366,ROUNDDOWN($C6723/24,0)+1,1))-1)+IF('Standard Profiles'!$G$20=$B$10,7,0)+IF('Standard Profiles'!$G$20=$B$17,14,0)+IF('Standard Profiles'!$G$20=$B$24,21,0),MOD($C6723,24)+1)/SUM(INDEX($D$3:$AA$30,INDEX(Jesper!$R$2:$R$366,ROW(INDEX(Jesper!AJ$2:AJ$366,ROUNDDOWN($C6723/24,0)+1,1))-1)+IF('Standard Profiles'!$G$20=$B$10,7,0)+IF('Standard Profiles'!$G$20=$B$17,14,0)+IF('Standard Profiles'!$G$20=$B$24,21,0),0)),0)</f>
        <v>0</v>
      </c>
      <c r="G6723" cm="1">
        <f t="array" ref="G6723">IFERROR(INDEX(Jesper!AK$2:AK$366,ROUNDDOWN($C6723/24,0)+1,1)*INDEX($D$3:$AA$30,INDEX(Jesper!$R$2:$R$366,ROW(INDEX(Jesper!AK$2:AK$366,ROUNDDOWN($C6723/24,0)+1,1))-1)+IF('Standard Profiles'!$G$21=$B$10,7,0)+IF('Standard Profiles'!$G$21=$B$17,14,0)+IF('Standard Profiles'!$G$21=$B$24,21,0),MOD($C6723,24)+1)/SUM(INDEX($D$3:$AA$30,INDEX(Jesper!$R$2:$R$366,ROW(INDEX(Jesper!AK$2:AK$366,ROUNDDOWN($C6723/24,0)+1,1))-1)+IF('Standard Profiles'!$G$21=$B$10,7,0)+IF('Standard Profiles'!$G$21=$B$17,14,0)+IF('Standard Profiles'!$G$21=$B$24,21,0),0)),0)</f>
        <v>0</v>
      </c>
      <c r="H6723" cm="1">
        <f t="array" ref="H6723">IFERROR(INDEX(Jesper!AL$2:AL$366,ROUNDDOWN($C6723/24,0)+1,1)*INDEX($D$3:$AA$30,INDEX(Jesper!$R$2:$R$366,ROW(INDEX(Jesper!AL$2:AL$366,ROUNDDOWN($C6723/24,0)+1,1))-1)+IF('Standard Profiles'!$G$22=$B$10,7,0)+IF('Standard Profiles'!$G$22=$B$17,14,0)+IF('Standard Profiles'!$G$22=$B$24,21,0),MOD($C6723,24)+1)/SUM(INDEX($D$3:$AA$30,INDEX(Jesper!$R$2:$R$366,ROW(INDEX(Jesper!AL$2:AL$366,ROUNDDOWN($C6723/24,0)+1,1))-1)+IF('Standard Profiles'!$G$22=$B$10,7,0)+IF('Standard Profiles'!$G$22=$B$17,14,0)+IF('Standard Profiles'!$G$22=$B$24,21,0),0)),0)</f>
        <v>0</v>
      </c>
      <c r="I6723">
        <f t="shared" si="748"/>
        <v>0.17840816949896429</v>
      </c>
      <c r="J6723">
        <f t="shared" si="749"/>
        <v>0.59469389832988107</v>
      </c>
      <c r="K6723">
        <f t="shared" si="750"/>
        <v>0.8920408474948216</v>
      </c>
      <c r="L6723">
        <f t="shared" si="751"/>
        <v>10.317109830747784</v>
      </c>
      <c r="M6723">
        <f t="shared" si="752"/>
        <v>0</v>
      </c>
      <c r="N6723" s="46">
        <f t="shared" si="753"/>
        <v>45570.70833331711</v>
      </c>
    </row>
    <row r="6724" spans="2:14" x14ac:dyDescent="0.3">
      <c r="B6724">
        <f t="shared" si="747"/>
        <v>6</v>
      </c>
      <c r="C6724" s="16">
        <v>6690</v>
      </c>
      <c r="D6724" cm="1">
        <f t="array" ref="D6724">IFERROR(INDEX(Jesper!AH$2:AH$366,ROUNDDOWN($C6724/24,0)+1,1)*INDEX($D$3:$AA$30,INDEX(Jesper!$R$2:$R$366,ROW(INDEX(Jesper!AH$2:AH$366,ROUNDDOWN($C6724/24,0)+1,1))-1)+IF('Standard Profiles'!$G$18=$B$10,7,0)+IF('Standard Profiles'!$G$18=$B$17,14,0)+IF('Standard Profiles'!$G$18=$B$24,21,0),MOD($C6724,24)+1)/SUM(INDEX($D$3:$AA$30,INDEX(Jesper!$R$2:$R$366,ROW(INDEX(Jesper!AH$2:AH$366,ROUNDDOWN($C6724/24,0)+1,1))-1)+IF('Standard Profiles'!$G$18=$B$10,7,0)+IF('Standard Profiles'!$G$18=$B$17,14,0)+IF('Standard Profiles'!$G$18=$B$24,21,0),0)),0)</f>
        <v>9.6314805066835767</v>
      </c>
      <c r="E6724" cm="1">
        <f t="array" ref="E6724">IFERROR(INDEX(Jesper!AI$2:AI$366,ROUNDDOWN($C6724/24,0)+1,1)*INDEX($D$3:$AA$30,INDEX(Jesper!$R$2:$R$366,ROW(INDEX(Jesper!AI$2:AI$366,ROUNDDOWN($C6724/24,0)+1,1))-1)+IF('Standard Profiles'!$G$19=$B$10,7,0)+IF('Standard Profiles'!$G$19=$B$17,14,0)+IF('Standard Profiles'!$G$19=$B$24,21,0),MOD($C6724,24)+1)/SUM(INDEX($D$3:$AA$30,INDEX(Jesper!$R$2:$R$366,ROW(INDEX(Jesper!AI$2:AI$366,ROUNDDOWN($C6724/24,0)+1,1))-1)+IF('Standard Profiles'!$G$19=$B$10,7,0)+IF('Standard Profiles'!$G$19=$B$17,14,0)+IF('Standard Profiles'!$G$19=$B$24,21,0),0)),0)</f>
        <v>1.9069851006444845</v>
      </c>
      <c r="F6724" cm="1">
        <f t="array" ref="F6724">IFERROR(INDEX(Jesper!AJ$2:AJ$366,ROUNDDOWN($C6724/24,0)+1,1)*INDEX($D$3:$AA$30,INDEX(Jesper!$R$2:$R$366,ROW(INDEX(Jesper!AJ$2:AJ$366,ROUNDDOWN($C6724/24,0)+1,1))-1)+IF('Standard Profiles'!$G$20=$B$10,7,0)+IF('Standard Profiles'!$G$20=$B$17,14,0)+IF('Standard Profiles'!$G$20=$B$24,21,0),MOD($C6724,24)+1)/SUM(INDEX($D$3:$AA$30,INDEX(Jesper!$R$2:$R$366,ROW(INDEX(Jesper!AJ$2:AJ$366,ROUNDDOWN($C6724/24,0)+1,1))-1)+IF('Standard Profiles'!$G$20=$B$10,7,0)+IF('Standard Profiles'!$G$20=$B$17,14,0)+IF('Standard Profiles'!$G$20=$B$24,21,0),0)),0)</f>
        <v>0</v>
      </c>
      <c r="G6724" cm="1">
        <f t="array" ref="G6724">IFERROR(INDEX(Jesper!AK$2:AK$366,ROUNDDOWN($C6724/24,0)+1,1)*INDEX($D$3:$AA$30,INDEX(Jesper!$R$2:$R$366,ROW(INDEX(Jesper!AK$2:AK$366,ROUNDDOWN($C6724/24,0)+1,1))-1)+IF('Standard Profiles'!$G$21=$B$10,7,0)+IF('Standard Profiles'!$G$21=$B$17,14,0)+IF('Standard Profiles'!$G$21=$B$24,21,0),MOD($C6724,24)+1)/SUM(INDEX($D$3:$AA$30,INDEX(Jesper!$R$2:$R$366,ROW(INDEX(Jesper!AK$2:AK$366,ROUNDDOWN($C6724/24,0)+1,1))-1)+IF('Standard Profiles'!$G$21=$B$10,7,0)+IF('Standard Profiles'!$G$21=$B$17,14,0)+IF('Standard Profiles'!$G$21=$B$24,21,0),0)),0)</f>
        <v>0</v>
      </c>
      <c r="H6724" cm="1">
        <f t="array" ref="H6724">IFERROR(INDEX(Jesper!AL$2:AL$366,ROUNDDOWN($C6724/24,0)+1,1)*INDEX($D$3:$AA$30,INDEX(Jesper!$R$2:$R$366,ROW(INDEX(Jesper!AL$2:AL$366,ROUNDDOWN($C6724/24,0)+1,1))-1)+IF('Standard Profiles'!$G$22=$B$10,7,0)+IF('Standard Profiles'!$G$22=$B$17,14,0)+IF('Standard Profiles'!$G$22=$B$24,21,0),MOD($C6724,24)+1)/SUM(INDEX($D$3:$AA$30,INDEX(Jesper!$R$2:$R$366,ROW(INDEX(Jesper!AL$2:AL$366,ROUNDDOWN($C6724/24,0)+1,1))-1)+IF('Standard Profiles'!$G$22=$B$10,7,0)+IF('Standard Profiles'!$G$22=$B$17,14,0)+IF('Standard Profiles'!$G$22=$B$24,21,0),0)),0)</f>
        <v>0</v>
      </c>
      <c r="I6724">
        <f t="shared" si="748"/>
        <v>0.17180045951752115</v>
      </c>
      <c r="J6724">
        <f t="shared" si="749"/>
        <v>0.57266819839173733</v>
      </c>
      <c r="K6724">
        <f t="shared" si="750"/>
        <v>0.85900229758760593</v>
      </c>
      <c r="L6724">
        <f t="shared" si="751"/>
        <v>9.9349946518311967</v>
      </c>
      <c r="M6724">
        <f t="shared" si="752"/>
        <v>0</v>
      </c>
      <c r="N6724" s="46">
        <f t="shared" si="753"/>
        <v>45570.749999983775</v>
      </c>
    </row>
    <row r="6725" spans="2:14" x14ac:dyDescent="0.3">
      <c r="B6725">
        <f t="shared" si="747"/>
        <v>6</v>
      </c>
      <c r="C6725" s="16">
        <v>6691</v>
      </c>
      <c r="D6725" cm="1">
        <f t="array" ref="D6725">IFERROR(INDEX(Jesper!AH$2:AH$366,ROUNDDOWN($C6725/24,0)+1,1)*INDEX($D$3:$AA$30,INDEX(Jesper!$R$2:$R$366,ROW(INDEX(Jesper!AH$2:AH$366,ROUNDDOWN($C6725/24,0)+1,1))-1)+IF('Standard Profiles'!$G$18=$B$10,7,0)+IF('Standard Profiles'!$G$18=$B$17,14,0)+IF('Standard Profiles'!$G$18=$B$24,21,0),MOD($C6725,24)+1)/SUM(INDEX($D$3:$AA$30,INDEX(Jesper!$R$2:$R$366,ROW(INDEX(Jesper!AH$2:AH$366,ROUNDDOWN($C6725/24,0)+1,1))-1)+IF('Standard Profiles'!$G$18=$B$10,7,0)+IF('Standard Profiles'!$G$18=$B$17,14,0)+IF('Standard Profiles'!$G$18=$B$24,21,0),0)),0)</f>
        <v>7.7792727169367346</v>
      </c>
      <c r="E6725" cm="1">
        <f t="array" ref="E6725">IFERROR(INDEX(Jesper!AI$2:AI$366,ROUNDDOWN($C6725/24,0)+1,1)*INDEX($D$3:$AA$30,INDEX(Jesper!$R$2:$R$366,ROW(INDEX(Jesper!AI$2:AI$366,ROUNDDOWN($C6725/24,0)+1,1))-1)+IF('Standard Profiles'!$G$19=$B$10,7,0)+IF('Standard Profiles'!$G$19=$B$17,14,0)+IF('Standard Profiles'!$G$19=$B$24,21,0),MOD($C6725,24)+1)/SUM(INDEX($D$3:$AA$30,INDEX(Jesper!$R$2:$R$366,ROW(INDEX(Jesper!AI$2:AI$366,ROUNDDOWN($C6725/24,0)+1,1))-1)+IF('Standard Profiles'!$G$19=$B$10,7,0)+IF('Standard Profiles'!$G$19=$B$17,14,0)+IF('Standard Profiles'!$G$19=$B$24,21,0),0)),0)</f>
        <v>1.5402571966743912</v>
      </c>
      <c r="F6725" cm="1">
        <f t="array" ref="F6725">IFERROR(INDEX(Jesper!AJ$2:AJ$366,ROUNDDOWN($C6725/24,0)+1,1)*INDEX($D$3:$AA$30,INDEX(Jesper!$R$2:$R$366,ROW(INDEX(Jesper!AJ$2:AJ$366,ROUNDDOWN($C6725/24,0)+1,1))-1)+IF('Standard Profiles'!$G$20=$B$10,7,0)+IF('Standard Profiles'!$G$20=$B$17,14,0)+IF('Standard Profiles'!$G$20=$B$24,21,0),MOD($C6725,24)+1)/SUM(INDEX($D$3:$AA$30,INDEX(Jesper!$R$2:$R$366,ROW(INDEX(Jesper!AJ$2:AJ$366,ROUNDDOWN($C6725/24,0)+1,1))-1)+IF('Standard Profiles'!$G$20=$B$10,7,0)+IF('Standard Profiles'!$G$20=$B$17,14,0)+IF('Standard Profiles'!$G$20=$B$24,21,0),0)),0)</f>
        <v>0</v>
      </c>
      <c r="G6725" cm="1">
        <f t="array" ref="G6725">IFERROR(INDEX(Jesper!AK$2:AK$366,ROUNDDOWN($C6725/24,0)+1,1)*INDEX($D$3:$AA$30,INDEX(Jesper!$R$2:$R$366,ROW(INDEX(Jesper!AK$2:AK$366,ROUNDDOWN($C6725/24,0)+1,1))-1)+IF('Standard Profiles'!$G$21=$B$10,7,0)+IF('Standard Profiles'!$G$21=$B$17,14,0)+IF('Standard Profiles'!$G$21=$B$24,21,0),MOD($C6725,24)+1)/SUM(INDEX($D$3:$AA$30,INDEX(Jesper!$R$2:$R$366,ROW(INDEX(Jesper!AK$2:AK$366,ROUNDDOWN($C6725/24,0)+1,1))-1)+IF('Standard Profiles'!$G$21=$B$10,7,0)+IF('Standard Profiles'!$G$21=$B$17,14,0)+IF('Standard Profiles'!$G$21=$B$24,21,0),0)),0)</f>
        <v>0</v>
      </c>
      <c r="H6725" cm="1">
        <f t="array" ref="H6725">IFERROR(INDEX(Jesper!AL$2:AL$366,ROUNDDOWN($C6725/24,0)+1,1)*INDEX($D$3:$AA$30,INDEX(Jesper!$R$2:$R$366,ROW(INDEX(Jesper!AL$2:AL$366,ROUNDDOWN($C6725/24,0)+1,1))-1)+IF('Standard Profiles'!$G$22=$B$10,7,0)+IF('Standard Profiles'!$G$22=$B$17,14,0)+IF('Standard Profiles'!$G$22=$B$24,21,0),MOD($C6725,24)+1)/SUM(INDEX($D$3:$AA$30,INDEX(Jesper!$R$2:$R$366,ROW(INDEX(Jesper!AL$2:AL$366,ROUNDDOWN($C6725/24,0)+1,1))-1)+IF('Standard Profiles'!$G$22=$B$10,7,0)+IF('Standard Profiles'!$G$22=$B$17,14,0)+IF('Standard Profiles'!$G$22=$B$24,21,0),0)),0)</f>
        <v>0</v>
      </c>
      <c r="I6725">
        <f t="shared" si="748"/>
        <v>0.13876190961030554</v>
      </c>
      <c r="J6725">
        <f t="shared" si="749"/>
        <v>0.46253969870101858</v>
      </c>
      <c r="K6725">
        <f t="shared" si="750"/>
        <v>0.69380954805152784</v>
      </c>
      <c r="L6725">
        <f t="shared" si="751"/>
        <v>8.0244187572482737</v>
      </c>
      <c r="M6725">
        <f t="shared" si="752"/>
        <v>0</v>
      </c>
      <c r="N6725" s="46">
        <f t="shared" si="753"/>
        <v>45570.791666650439</v>
      </c>
    </row>
    <row r="6726" spans="2:14" x14ac:dyDescent="0.3">
      <c r="B6726">
        <f t="shared" si="747"/>
        <v>6</v>
      </c>
      <c r="C6726" s="16">
        <v>6692</v>
      </c>
      <c r="D6726" cm="1">
        <f t="array" ref="D6726">IFERROR(INDEX(Jesper!AH$2:AH$366,ROUNDDOWN($C6726/24,0)+1,1)*INDEX($D$3:$AA$30,INDEX(Jesper!$R$2:$R$366,ROW(INDEX(Jesper!AH$2:AH$366,ROUNDDOWN($C6726/24,0)+1,1))-1)+IF('Standard Profiles'!$G$18=$B$10,7,0)+IF('Standard Profiles'!$G$18=$B$17,14,0)+IF('Standard Profiles'!$G$18=$B$24,21,0),MOD($C6726,24)+1)/SUM(INDEX($D$3:$AA$30,INDEX(Jesper!$R$2:$R$366,ROW(INDEX(Jesper!AH$2:AH$366,ROUNDDOWN($C6726/24,0)+1,1))-1)+IF('Standard Profiles'!$G$18=$B$10,7,0)+IF('Standard Profiles'!$G$18=$B$17,14,0)+IF('Standard Profiles'!$G$18=$B$24,21,0),0)),0)</f>
        <v>5.7418441482152094</v>
      </c>
      <c r="E6726" cm="1">
        <f t="array" ref="E6726">IFERROR(INDEX(Jesper!AI$2:AI$366,ROUNDDOWN($C6726/24,0)+1,1)*INDEX($D$3:$AA$30,INDEX(Jesper!$R$2:$R$366,ROW(INDEX(Jesper!AI$2:AI$366,ROUNDDOWN($C6726/24,0)+1,1))-1)+IF('Standard Profiles'!$G$19=$B$10,7,0)+IF('Standard Profiles'!$G$19=$B$17,14,0)+IF('Standard Profiles'!$G$19=$B$24,21,0),MOD($C6726,24)+1)/SUM(INDEX($D$3:$AA$30,INDEX(Jesper!$R$2:$R$366,ROW(INDEX(Jesper!AI$2:AI$366,ROUNDDOWN($C6726/24,0)+1,1))-1)+IF('Standard Profiles'!$G$19=$B$10,7,0)+IF('Standard Profiles'!$G$19=$B$17,14,0)+IF('Standard Profiles'!$G$19=$B$24,21,0),0)),0)</f>
        <v>1.1368565023072887</v>
      </c>
      <c r="F6726" cm="1">
        <f t="array" ref="F6726">IFERROR(INDEX(Jesper!AJ$2:AJ$366,ROUNDDOWN($C6726/24,0)+1,1)*INDEX($D$3:$AA$30,INDEX(Jesper!$R$2:$R$366,ROW(INDEX(Jesper!AJ$2:AJ$366,ROUNDDOWN($C6726/24,0)+1,1))-1)+IF('Standard Profiles'!$G$20=$B$10,7,0)+IF('Standard Profiles'!$G$20=$B$17,14,0)+IF('Standard Profiles'!$G$20=$B$24,21,0),MOD($C6726,24)+1)/SUM(INDEX($D$3:$AA$30,INDEX(Jesper!$R$2:$R$366,ROW(INDEX(Jesper!AJ$2:AJ$366,ROUNDDOWN($C6726/24,0)+1,1))-1)+IF('Standard Profiles'!$G$20=$B$10,7,0)+IF('Standard Profiles'!$G$20=$B$17,14,0)+IF('Standard Profiles'!$G$20=$B$24,21,0),0)),0)</f>
        <v>0</v>
      </c>
      <c r="G6726" cm="1">
        <f t="array" ref="G6726">IFERROR(INDEX(Jesper!AK$2:AK$366,ROUNDDOWN($C6726/24,0)+1,1)*INDEX($D$3:$AA$30,INDEX(Jesper!$R$2:$R$366,ROW(INDEX(Jesper!AK$2:AK$366,ROUNDDOWN($C6726/24,0)+1,1))-1)+IF('Standard Profiles'!$G$21=$B$10,7,0)+IF('Standard Profiles'!$G$21=$B$17,14,0)+IF('Standard Profiles'!$G$21=$B$24,21,0),MOD($C6726,24)+1)/SUM(INDEX($D$3:$AA$30,INDEX(Jesper!$R$2:$R$366,ROW(INDEX(Jesper!AK$2:AK$366,ROUNDDOWN($C6726/24,0)+1,1))-1)+IF('Standard Profiles'!$G$21=$B$10,7,0)+IF('Standard Profiles'!$G$21=$B$17,14,0)+IF('Standard Profiles'!$G$21=$B$24,21,0),0)),0)</f>
        <v>0</v>
      </c>
      <c r="H6726" cm="1">
        <f t="array" ref="H6726">IFERROR(INDEX(Jesper!AL$2:AL$366,ROUNDDOWN($C6726/24,0)+1,1)*INDEX($D$3:$AA$30,INDEX(Jesper!$R$2:$R$366,ROW(INDEX(Jesper!AL$2:AL$366,ROUNDDOWN($C6726/24,0)+1,1))-1)+IF('Standard Profiles'!$G$22=$B$10,7,0)+IF('Standard Profiles'!$G$22=$B$17,14,0)+IF('Standard Profiles'!$G$22=$B$24,21,0),MOD($C6726,24)+1)/SUM(INDEX($D$3:$AA$30,INDEX(Jesper!$R$2:$R$366,ROW(INDEX(Jesper!AL$2:AL$366,ROUNDDOWN($C6726/24,0)+1,1))-1)+IF('Standard Profiles'!$G$22=$B$10,7,0)+IF('Standard Profiles'!$G$22=$B$17,14,0)+IF('Standard Profiles'!$G$22=$B$24,21,0),0)),0)</f>
        <v>0</v>
      </c>
      <c r="I6726">
        <f t="shared" si="748"/>
        <v>0.10241950471236838</v>
      </c>
      <c r="J6726">
        <f t="shared" si="749"/>
        <v>0.34139834904122796</v>
      </c>
      <c r="K6726">
        <f t="shared" si="750"/>
        <v>0.51209752356184202</v>
      </c>
      <c r="L6726">
        <f t="shared" si="751"/>
        <v>5.9227852732070598</v>
      </c>
      <c r="M6726">
        <f t="shared" si="752"/>
        <v>0</v>
      </c>
      <c r="N6726" s="46">
        <f t="shared" si="753"/>
        <v>45570.833333317103</v>
      </c>
    </row>
    <row r="6727" spans="2:14" x14ac:dyDescent="0.3">
      <c r="B6727">
        <f t="shared" si="747"/>
        <v>6</v>
      </c>
      <c r="C6727" s="16">
        <v>6693</v>
      </c>
      <c r="D6727" cm="1">
        <f t="array" ref="D6727">IFERROR(INDEX(Jesper!AH$2:AH$366,ROUNDDOWN($C6727/24,0)+1,1)*INDEX($D$3:$AA$30,INDEX(Jesper!$R$2:$R$366,ROW(INDEX(Jesper!AH$2:AH$366,ROUNDDOWN($C6727/24,0)+1,1))-1)+IF('Standard Profiles'!$G$18=$B$10,7,0)+IF('Standard Profiles'!$G$18=$B$17,14,0)+IF('Standard Profiles'!$G$18=$B$24,21,0),MOD($C6727,24)+1)/SUM(INDEX($D$3:$AA$30,INDEX(Jesper!$R$2:$R$366,ROW(INDEX(Jesper!AH$2:AH$366,ROUNDDOWN($C6727/24,0)+1,1))-1)+IF('Standard Profiles'!$G$18=$B$10,7,0)+IF('Standard Profiles'!$G$18=$B$17,14,0)+IF('Standard Profiles'!$G$18=$B$24,21,0),0)),0)</f>
        <v>5.7418441482152094</v>
      </c>
      <c r="E6727" cm="1">
        <f t="array" ref="E6727">IFERROR(INDEX(Jesper!AI$2:AI$366,ROUNDDOWN($C6727/24,0)+1,1)*INDEX($D$3:$AA$30,INDEX(Jesper!$R$2:$R$366,ROW(INDEX(Jesper!AI$2:AI$366,ROUNDDOWN($C6727/24,0)+1,1))-1)+IF('Standard Profiles'!$G$19=$B$10,7,0)+IF('Standard Profiles'!$G$19=$B$17,14,0)+IF('Standard Profiles'!$G$19=$B$24,21,0),MOD($C6727,24)+1)/SUM(INDEX($D$3:$AA$30,INDEX(Jesper!$R$2:$R$366,ROW(INDEX(Jesper!AI$2:AI$366,ROUNDDOWN($C6727/24,0)+1,1))-1)+IF('Standard Profiles'!$G$19=$B$10,7,0)+IF('Standard Profiles'!$G$19=$B$17,14,0)+IF('Standard Profiles'!$G$19=$B$24,21,0),0)),0)</f>
        <v>1.1368565023072887</v>
      </c>
      <c r="F6727" cm="1">
        <f t="array" ref="F6727">IFERROR(INDEX(Jesper!AJ$2:AJ$366,ROUNDDOWN($C6727/24,0)+1,1)*INDEX($D$3:$AA$30,INDEX(Jesper!$R$2:$R$366,ROW(INDEX(Jesper!AJ$2:AJ$366,ROUNDDOWN($C6727/24,0)+1,1))-1)+IF('Standard Profiles'!$G$20=$B$10,7,0)+IF('Standard Profiles'!$G$20=$B$17,14,0)+IF('Standard Profiles'!$G$20=$B$24,21,0),MOD($C6727,24)+1)/SUM(INDEX($D$3:$AA$30,INDEX(Jesper!$R$2:$R$366,ROW(INDEX(Jesper!AJ$2:AJ$366,ROUNDDOWN($C6727/24,0)+1,1))-1)+IF('Standard Profiles'!$G$20=$B$10,7,0)+IF('Standard Profiles'!$G$20=$B$17,14,0)+IF('Standard Profiles'!$G$20=$B$24,21,0),0)),0)</f>
        <v>0</v>
      </c>
      <c r="G6727" cm="1">
        <f t="array" ref="G6727">IFERROR(INDEX(Jesper!AK$2:AK$366,ROUNDDOWN($C6727/24,0)+1,1)*INDEX($D$3:$AA$30,INDEX(Jesper!$R$2:$R$366,ROW(INDEX(Jesper!AK$2:AK$366,ROUNDDOWN($C6727/24,0)+1,1))-1)+IF('Standard Profiles'!$G$21=$B$10,7,0)+IF('Standard Profiles'!$G$21=$B$17,14,0)+IF('Standard Profiles'!$G$21=$B$24,21,0),MOD($C6727,24)+1)/SUM(INDEX($D$3:$AA$30,INDEX(Jesper!$R$2:$R$366,ROW(INDEX(Jesper!AK$2:AK$366,ROUNDDOWN($C6727/24,0)+1,1))-1)+IF('Standard Profiles'!$G$21=$B$10,7,0)+IF('Standard Profiles'!$G$21=$B$17,14,0)+IF('Standard Profiles'!$G$21=$B$24,21,0),0)),0)</f>
        <v>0</v>
      </c>
      <c r="H6727" cm="1">
        <f t="array" ref="H6727">IFERROR(INDEX(Jesper!AL$2:AL$366,ROUNDDOWN($C6727/24,0)+1,1)*INDEX($D$3:$AA$30,INDEX(Jesper!$R$2:$R$366,ROW(INDEX(Jesper!AL$2:AL$366,ROUNDDOWN($C6727/24,0)+1,1))-1)+IF('Standard Profiles'!$G$22=$B$10,7,0)+IF('Standard Profiles'!$G$22=$B$17,14,0)+IF('Standard Profiles'!$G$22=$B$24,21,0),MOD($C6727,24)+1)/SUM(INDEX($D$3:$AA$30,INDEX(Jesper!$R$2:$R$366,ROW(INDEX(Jesper!AL$2:AL$366,ROUNDDOWN($C6727/24,0)+1,1))-1)+IF('Standard Profiles'!$G$22=$B$10,7,0)+IF('Standard Profiles'!$G$22=$B$17,14,0)+IF('Standard Profiles'!$G$22=$B$24,21,0),0)),0)</f>
        <v>0</v>
      </c>
      <c r="I6727">
        <f t="shared" si="748"/>
        <v>0.10241950471236838</v>
      </c>
      <c r="J6727">
        <f t="shared" si="749"/>
        <v>0.34139834904122796</v>
      </c>
      <c r="K6727">
        <f t="shared" si="750"/>
        <v>0.51209752356184202</v>
      </c>
      <c r="L6727">
        <f t="shared" si="751"/>
        <v>5.9227852732070598</v>
      </c>
      <c r="M6727">
        <f t="shared" si="752"/>
        <v>0</v>
      </c>
      <c r="N6727" s="46">
        <f t="shared" si="753"/>
        <v>45570.874999983767</v>
      </c>
    </row>
    <row r="6728" spans="2:14" x14ac:dyDescent="0.3">
      <c r="B6728">
        <f t="shared" si="747"/>
        <v>6</v>
      </c>
      <c r="C6728" s="16">
        <v>6694</v>
      </c>
      <c r="D6728" cm="1">
        <f t="array" ref="D6728">IFERROR(INDEX(Jesper!AH$2:AH$366,ROUNDDOWN($C6728/24,0)+1,1)*INDEX($D$3:$AA$30,INDEX(Jesper!$R$2:$R$366,ROW(INDEX(Jesper!AH$2:AH$366,ROUNDDOWN($C6728/24,0)+1,1))-1)+IF('Standard Profiles'!$G$18=$B$10,7,0)+IF('Standard Profiles'!$G$18=$B$17,14,0)+IF('Standard Profiles'!$G$18=$B$24,21,0),MOD($C6728,24)+1)/SUM(INDEX($D$3:$AA$30,INDEX(Jesper!$R$2:$R$366,ROW(INDEX(Jesper!AH$2:AH$366,ROUNDDOWN($C6728/24,0)+1,1))-1)+IF('Standard Profiles'!$G$18=$B$10,7,0)+IF('Standard Profiles'!$G$18=$B$17,14,0)+IF('Standard Profiles'!$G$18=$B$24,21,0),0)),0)</f>
        <v>5.7418441482152094</v>
      </c>
      <c r="E6728" cm="1">
        <f t="array" ref="E6728">IFERROR(INDEX(Jesper!AI$2:AI$366,ROUNDDOWN($C6728/24,0)+1,1)*INDEX($D$3:$AA$30,INDEX(Jesper!$R$2:$R$366,ROW(INDEX(Jesper!AI$2:AI$366,ROUNDDOWN($C6728/24,0)+1,1))-1)+IF('Standard Profiles'!$G$19=$B$10,7,0)+IF('Standard Profiles'!$G$19=$B$17,14,0)+IF('Standard Profiles'!$G$19=$B$24,21,0),MOD($C6728,24)+1)/SUM(INDEX($D$3:$AA$30,INDEX(Jesper!$R$2:$R$366,ROW(INDEX(Jesper!AI$2:AI$366,ROUNDDOWN($C6728/24,0)+1,1))-1)+IF('Standard Profiles'!$G$19=$B$10,7,0)+IF('Standard Profiles'!$G$19=$B$17,14,0)+IF('Standard Profiles'!$G$19=$B$24,21,0),0)),0)</f>
        <v>1.1368565023072887</v>
      </c>
      <c r="F6728" cm="1">
        <f t="array" ref="F6728">IFERROR(INDEX(Jesper!AJ$2:AJ$366,ROUNDDOWN($C6728/24,0)+1,1)*INDEX($D$3:$AA$30,INDEX(Jesper!$R$2:$R$366,ROW(INDEX(Jesper!AJ$2:AJ$366,ROUNDDOWN($C6728/24,0)+1,1))-1)+IF('Standard Profiles'!$G$20=$B$10,7,0)+IF('Standard Profiles'!$G$20=$B$17,14,0)+IF('Standard Profiles'!$G$20=$B$24,21,0),MOD($C6728,24)+1)/SUM(INDEX($D$3:$AA$30,INDEX(Jesper!$R$2:$R$366,ROW(INDEX(Jesper!AJ$2:AJ$366,ROUNDDOWN($C6728/24,0)+1,1))-1)+IF('Standard Profiles'!$G$20=$B$10,7,0)+IF('Standard Profiles'!$G$20=$B$17,14,0)+IF('Standard Profiles'!$G$20=$B$24,21,0),0)),0)</f>
        <v>0</v>
      </c>
      <c r="G6728" cm="1">
        <f t="array" ref="G6728">IFERROR(INDEX(Jesper!AK$2:AK$366,ROUNDDOWN($C6728/24,0)+1,1)*INDEX($D$3:$AA$30,INDEX(Jesper!$R$2:$R$366,ROW(INDEX(Jesper!AK$2:AK$366,ROUNDDOWN($C6728/24,0)+1,1))-1)+IF('Standard Profiles'!$G$21=$B$10,7,0)+IF('Standard Profiles'!$G$21=$B$17,14,0)+IF('Standard Profiles'!$G$21=$B$24,21,0),MOD($C6728,24)+1)/SUM(INDEX($D$3:$AA$30,INDEX(Jesper!$R$2:$R$366,ROW(INDEX(Jesper!AK$2:AK$366,ROUNDDOWN($C6728/24,0)+1,1))-1)+IF('Standard Profiles'!$G$21=$B$10,7,0)+IF('Standard Profiles'!$G$21=$B$17,14,0)+IF('Standard Profiles'!$G$21=$B$24,21,0),0)),0)</f>
        <v>0</v>
      </c>
      <c r="H6728" cm="1">
        <f t="array" ref="H6728">IFERROR(INDEX(Jesper!AL$2:AL$366,ROUNDDOWN($C6728/24,0)+1,1)*INDEX($D$3:$AA$30,INDEX(Jesper!$R$2:$R$366,ROW(INDEX(Jesper!AL$2:AL$366,ROUNDDOWN($C6728/24,0)+1,1))-1)+IF('Standard Profiles'!$G$22=$B$10,7,0)+IF('Standard Profiles'!$G$22=$B$17,14,0)+IF('Standard Profiles'!$G$22=$B$24,21,0),MOD($C6728,24)+1)/SUM(INDEX($D$3:$AA$30,INDEX(Jesper!$R$2:$R$366,ROW(INDEX(Jesper!AL$2:AL$366,ROUNDDOWN($C6728/24,0)+1,1))-1)+IF('Standard Profiles'!$G$22=$B$10,7,0)+IF('Standard Profiles'!$G$22=$B$17,14,0)+IF('Standard Profiles'!$G$22=$B$24,21,0),0)),0)</f>
        <v>0</v>
      </c>
      <c r="I6728">
        <f t="shared" si="748"/>
        <v>0.10241950471236838</v>
      </c>
      <c r="J6728">
        <f t="shared" si="749"/>
        <v>0.34139834904122796</v>
      </c>
      <c r="K6728">
        <f t="shared" si="750"/>
        <v>0.51209752356184202</v>
      </c>
      <c r="L6728">
        <f t="shared" si="751"/>
        <v>5.9227852732070598</v>
      </c>
      <c r="M6728">
        <f t="shared" si="752"/>
        <v>0</v>
      </c>
      <c r="N6728" s="46">
        <f t="shared" si="753"/>
        <v>45570.916666650432</v>
      </c>
    </row>
    <row r="6729" spans="2:14" x14ac:dyDescent="0.3">
      <c r="B6729">
        <f t="shared" si="747"/>
        <v>6</v>
      </c>
      <c r="C6729" s="16">
        <v>6695</v>
      </c>
      <c r="D6729" cm="1">
        <f t="array" ref="D6729">IFERROR(INDEX(Jesper!AH$2:AH$366,ROUNDDOWN($C6729/24,0)+1,1)*INDEX($D$3:$AA$30,INDEX(Jesper!$R$2:$R$366,ROW(INDEX(Jesper!AH$2:AH$366,ROUNDDOWN($C6729/24,0)+1,1))-1)+IF('Standard Profiles'!$G$18=$B$10,7,0)+IF('Standard Profiles'!$G$18=$B$17,14,0)+IF('Standard Profiles'!$G$18=$B$24,21,0),MOD($C6729,24)+1)/SUM(INDEX($D$3:$AA$30,INDEX(Jesper!$R$2:$R$366,ROW(INDEX(Jesper!AH$2:AH$366,ROUNDDOWN($C6729/24,0)+1,1))-1)+IF('Standard Profiles'!$G$18=$B$10,7,0)+IF('Standard Profiles'!$G$18=$B$17,14,0)+IF('Standard Profiles'!$G$18=$B$24,21,0),0)),0)</f>
        <v>5.7418441482152094</v>
      </c>
      <c r="E6729" cm="1">
        <f t="array" ref="E6729">IFERROR(INDEX(Jesper!AI$2:AI$366,ROUNDDOWN($C6729/24,0)+1,1)*INDEX($D$3:$AA$30,INDEX(Jesper!$R$2:$R$366,ROW(INDEX(Jesper!AI$2:AI$366,ROUNDDOWN($C6729/24,0)+1,1))-1)+IF('Standard Profiles'!$G$19=$B$10,7,0)+IF('Standard Profiles'!$G$19=$B$17,14,0)+IF('Standard Profiles'!$G$19=$B$24,21,0),MOD($C6729,24)+1)/SUM(INDEX($D$3:$AA$30,INDEX(Jesper!$R$2:$R$366,ROW(INDEX(Jesper!AI$2:AI$366,ROUNDDOWN($C6729/24,0)+1,1))-1)+IF('Standard Profiles'!$G$19=$B$10,7,0)+IF('Standard Profiles'!$G$19=$B$17,14,0)+IF('Standard Profiles'!$G$19=$B$24,21,0),0)),0)</f>
        <v>1.1368565023072887</v>
      </c>
      <c r="F6729" cm="1">
        <f t="array" ref="F6729">IFERROR(INDEX(Jesper!AJ$2:AJ$366,ROUNDDOWN($C6729/24,0)+1,1)*INDEX($D$3:$AA$30,INDEX(Jesper!$R$2:$R$366,ROW(INDEX(Jesper!AJ$2:AJ$366,ROUNDDOWN($C6729/24,0)+1,1))-1)+IF('Standard Profiles'!$G$20=$B$10,7,0)+IF('Standard Profiles'!$G$20=$B$17,14,0)+IF('Standard Profiles'!$G$20=$B$24,21,0),MOD($C6729,24)+1)/SUM(INDEX($D$3:$AA$30,INDEX(Jesper!$R$2:$R$366,ROW(INDEX(Jesper!AJ$2:AJ$366,ROUNDDOWN($C6729/24,0)+1,1))-1)+IF('Standard Profiles'!$G$20=$B$10,7,0)+IF('Standard Profiles'!$G$20=$B$17,14,0)+IF('Standard Profiles'!$G$20=$B$24,21,0),0)),0)</f>
        <v>0</v>
      </c>
      <c r="G6729" cm="1">
        <f t="array" ref="G6729">IFERROR(INDEX(Jesper!AK$2:AK$366,ROUNDDOWN($C6729/24,0)+1,1)*INDEX($D$3:$AA$30,INDEX(Jesper!$R$2:$R$366,ROW(INDEX(Jesper!AK$2:AK$366,ROUNDDOWN($C6729/24,0)+1,1))-1)+IF('Standard Profiles'!$G$21=$B$10,7,0)+IF('Standard Profiles'!$G$21=$B$17,14,0)+IF('Standard Profiles'!$G$21=$B$24,21,0),MOD($C6729,24)+1)/SUM(INDEX($D$3:$AA$30,INDEX(Jesper!$R$2:$R$366,ROW(INDEX(Jesper!AK$2:AK$366,ROUNDDOWN($C6729/24,0)+1,1))-1)+IF('Standard Profiles'!$G$21=$B$10,7,0)+IF('Standard Profiles'!$G$21=$B$17,14,0)+IF('Standard Profiles'!$G$21=$B$24,21,0),0)),0)</f>
        <v>0</v>
      </c>
      <c r="H6729" cm="1">
        <f t="array" ref="H6729">IFERROR(INDEX(Jesper!AL$2:AL$366,ROUNDDOWN($C6729/24,0)+1,1)*INDEX($D$3:$AA$30,INDEX(Jesper!$R$2:$R$366,ROW(INDEX(Jesper!AL$2:AL$366,ROUNDDOWN($C6729/24,0)+1,1))-1)+IF('Standard Profiles'!$G$22=$B$10,7,0)+IF('Standard Profiles'!$G$22=$B$17,14,0)+IF('Standard Profiles'!$G$22=$B$24,21,0),MOD($C6729,24)+1)/SUM(INDEX($D$3:$AA$30,INDEX(Jesper!$R$2:$R$366,ROW(INDEX(Jesper!AL$2:AL$366,ROUNDDOWN($C6729/24,0)+1,1))-1)+IF('Standard Profiles'!$G$22=$B$10,7,0)+IF('Standard Profiles'!$G$22=$B$17,14,0)+IF('Standard Profiles'!$G$22=$B$24,21,0),0)),0)</f>
        <v>0</v>
      </c>
      <c r="I6729">
        <f t="shared" si="748"/>
        <v>0.10241950471236838</v>
      </c>
      <c r="J6729">
        <f t="shared" si="749"/>
        <v>0.34139834904122796</v>
      </c>
      <c r="K6729">
        <f t="shared" si="750"/>
        <v>0.51209752356184202</v>
      </c>
      <c r="L6729">
        <f t="shared" si="751"/>
        <v>5.9227852732070598</v>
      </c>
      <c r="M6729">
        <f t="shared" si="752"/>
        <v>0</v>
      </c>
      <c r="N6729" s="46">
        <f t="shared" si="753"/>
        <v>45570.958333317096</v>
      </c>
    </row>
    <row r="6730" spans="2:14" x14ac:dyDescent="0.3">
      <c r="B6730">
        <f t="shared" si="747"/>
        <v>7</v>
      </c>
      <c r="C6730" s="16">
        <v>6696</v>
      </c>
      <c r="D6730" cm="1">
        <f t="array" ref="D6730">IFERROR(INDEX(Jesper!AH$2:AH$366,ROUNDDOWN($C6730/24,0)+1,1)*INDEX($D$3:$AA$30,INDEX(Jesper!$R$2:$R$366,ROW(INDEX(Jesper!AH$2:AH$366,ROUNDDOWN($C6730/24,0)+1,1))-1)+IF('Standard Profiles'!$G$18=$B$10,7,0)+IF('Standard Profiles'!$G$18=$B$17,14,0)+IF('Standard Profiles'!$G$18=$B$24,21,0),MOD($C6730,24)+1)/SUM(INDEX($D$3:$AA$30,INDEX(Jesper!$R$2:$R$366,ROW(INDEX(Jesper!AH$2:AH$366,ROUNDDOWN($C6730/24,0)+1,1))-1)+IF('Standard Profiles'!$G$18=$B$10,7,0)+IF('Standard Profiles'!$G$18=$B$17,14,0)+IF('Standard Profiles'!$G$18=$B$24,21,0),0)),0)</f>
        <v>6.7481076413940073</v>
      </c>
      <c r="E6730" cm="1">
        <f t="array" ref="E6730">IFERROR(INDEX(Jesper!AI$2:AI$366,ROUNDDOWN($C6730/24,0)+1,1)*INDEX($D$3:$AA$30,INDEX(Jesper!$R$2:$R$366,ROW(INDEX(Jesper!AI$2:AI$366,ROUNDDOWN($C6730/24,0)+1,1))-1)+IF('Standard Profiles'!$G$19=$B$10,7,0)+IF('Standard Profiles'!$G$19=$B$17,14,0)+IF('Standard Profiles'!$G$19=$B$24,21,0),MOD($C6730,24)+1)/SUM(INDEX($D$3:$AA$30,INDEX(Jesper!$R$2:$R$366,ROW(INDEX(Jesper!AI$2:AI$366,ROUNDDOWN($C6730/24,0)+1,1))-1)+IF('Standard Profiles'!$G$19=$B$10,7,0)+IF('Standard Profiles'!$G$19=$B$17,14,0)+IF('Standard Profiles'!$G$19=$B$24,21,0),0)),0)</f>
        <v>1.4107881083560443</v>
      </c>
      <c r="F6730" cm="1">
        <f t="array" ref="F6730">IFERROR(INDEX(Jesper!AJ$2:AJ$366,ROUNDDOWN($C6730/24,0)+1,1)*INDEX($D$3:$AA$30,INDEX(Jesper!$R$2:$R$366,ROW(INDEX(Jesper!AJ$2:AJ$366,ROUNDDOWN($C6730/24,0)+1,1))-1)+IF('Standard Profiles'!$G$20=$B$10,7,0)+IF('Standard Profiles'!$G$20=$B$17,14,0)+IF('Standard Profiles'!$G$20=$B$24,21,0),MOD($C6730,24)+1)/SUM(INDEX($D$3:$AA$30,INDEX(Jesper!$R$2:$R$366,ROW(INDEX(Jesper!AJ$2:AJ$366,ROUNDDOWN($C6730/24,0)+1,1))-1)+IF('Standard Profiles'!$G$20=$B$10,7,0)+IF('Standard Profiles'!$G$20=$B$17,14,0)+IF('Standard Profiles'!$G$20=$B$24,21,0),0)),0)</f>
        <v>0</v>
      </c>
      <c r="G6730" cm="1">
        <f t="array" ref="G6730">IFERROR(INDEX(Jesper!AK$2:AK$366,ROUNDDOWN($C6730/24,0)+1,1)*INDEX($D$3:$AA$30,INDEX(Jesper!$R$2:$R$366,ROW(INDEX(Jesper!AK$2:AK$366,ROUNDDOWN($C6730/24,0)+1,1))-1)+IF('Standard Profiles'!$G$21=$B$10,7,0)+IF('Standard Profiles'!$G$21=$B$17,14,0)+IF('Standard Profiles'!$G$21=$B$24,21,0),MOD($C6730,24)+1)/SUM(INDEX($D$3:$AA$30,INDEX(Jesper!$R$2:$R$366,ROW(INDEX(Jesper!AK$2:AK$366,ROUNDDOWN($C6730/24,0)+1,1))-1)+IF('Standard Profiles'!$G$21=$B$10,7,0)+IF('Standard Profiles'!$G$21=$B$17,14,0)+IF('Standard Profiles'!$G$21=$B$24,21,0),0)),0)</f>
        <v>0</v>
      </c>
      <c r="H6730" cm="1">
        <f t="array" ref="H6730">IFERROR(INDEX(Jesper!AL$2:AL$366,ROUNDDOWN($C6730/24,0)+1,1)*INDEX($D$3:$AA$30,INDEX(Jesper!$R$2:$R$366,ROW(INDEX(Jesper!AL$2:AL$366,ROUNDDOWN($C6730/24,0)+1,1))-1)+IF('Standard Profiles'!$G$22=$B$10,7,0)+IF('Standard Profiles'!$G$22=$B$17,14,0)+IF('Standard Profiles'!$G$22=$B$24,21,0),MOD($C6730,24)+1)/SUM(INDEX($D$3:$AA$30,INDEX(Jesper!$R$2:$R$366,ROW(INDEX(Jesper!AL$2:AL$366,ROUNDDOWN($C6730/24,0)+1,1))-1)+IF('Standard Profiles'!$G$22=$B$10,7,0)+IF('Standard Profiles'!$G$22=$B$17,14,0)+IF('Standard Profiles'!$G$22=$B$24,21,0),0)),0)</f>
        <v>0</v>
      </c>
      <c r="I6730">
        <f t="shared" si="748"/>
        <v>0.12709802777982385</v>
      </c>
      <c r="J6730">
        <f t="shared" si="749"/>
        <v>0.42366009259941284</v>
      </c>
      <c r="K6730">
        <f t="shared" si="750"/>
        <v>0.63549013889911932</v>
      </c>
      <c r="L6730">
        <f t="shared" si="751"/>
        <v>6.9726474904716955</v>
      </c>
      <c r="M6730">
        <f t="shared" si="752"/>
        <v>0</v>
      </c>
      <c r="N6730" s="46">
        <f t="shared" si="753"/>
        <v>45570.99999998376</v>
      </c>
    </row>
    <row r="6731" spans="2:14" x14ac:dyDescent="0.3">
      <c r="B6731">
        <f t="shared" si="747"/>
        <v>7</v>
      </c>
      <c r="C6731" s="16">
        <v>6697</v>
      </c>
      <c r="D6731" cm="1">
        <f t="array" ref="D6731">IFERROR(INDEX(Jesper!AH$2:AH$366,ROUNDDOWN($C6731/24,0)+1,1)*INDEX($D$3:$AA$30,INDEX(Jesper!$R$2:$R$366,ROW(INDEX(Jesper!AH$2:AH$366,ROUNDDOWN($C6731/24,0)+1,1))-1)+IF('Standard Profiles'!$G$18=$B$10,7,0)+IF('Standard Profiles'!$G$18=$B$17,14,0)+IF('Standard Profiles'!$G$18=$B$24,21,0),MOD($C6731,24)+1)/SUM(INDEX($D$3:$AA$30,INDEX(Jesper!$R$2:$R$366,ROW(INDEX(Jesper!AH$2:AH$366,ROUNDDOWN($C6731/24,0)+1,1))-1)+IF('Standard Profiles'!$G$18=$B$10,7,0)+IF('Standard Profiles'!$G$18=$B$17,14,0)+IF('Standard Profiles'!$G$18=$B$24,21,0),0)),0)</f>
        <v>7.8365120996833646</v>
      </c>
      <c r="E6731" cm="1">
        <f t="array" ref="E6731">IFERROR(INDEX(Jesper!AI$2:AI$366,ROUNDDOWN($C6731/24,0)+1,1)*INDEX($D$3:$AA$30,INDEX(Jesper!$R$2:$R$366,ROW(INDEX(Jesper!AI$2:AI$366,ROUNDDOWN($C6731/24,0)+1,1))-1)+IF('Standard Profiles'!$G$19=$B$10,7,0)+IF('Standard Profiles'!$G$19=$B$17,14,0)+IF('Standard Profiles'!$G$19=$B$24,21,0),MOD($C6731,24)+1)/SUM(INDEX($D$3:$AA$30,INDEX(Jesper!$R$2:$R$366,ROW(INDEX(Jesper!AI$2:AI$366,ROUNDDOWN($C6731/24,0)+1,1))-1)+IF('Standard Profiles'!$G$19=$B$10,7,0)+IF('Standard Profiles'!$G$19=$B$17,14,0)+IF('Standard Profiles'!$G$19=$B$24,21,0),0)),0)</f>
        <v>1.6383345774457292</v>
      </c>
      <c r="F6731" cm="1">
        <f t="array" ref="F6731">IFERROR(INDEX(Jesper!AJ$2:AJ$366,ROUNDDOWN($C6731/24,0)+1,1)*INDEX($D$3:$AA$30,INDEX(Jesper!$R$2:$R$366,ROW(INDEX(Jesper!AJ$2:AJ$366,ROUNDDOWN($C6731/24,0)+1,1))-1)+IF('Standard Profiles'!$G$20=$B$10,7,0)+IF('Standard Profiles'!$G$20=$B$17,14,0)+IF('Standard Profiles'!$G$20=$B$24,21,0),MOD($C6731,24)+1)/SUM(INDEX($D$3:$AA$30,INDEX(Jesper!$R$2:$R$366,ROW(INDEX(Jesper!AJ$2:AJ$366,ROUNDDOWN($C6731/24,0)+1,1))-1)+IF('Standard Profiles'!$G$20=$B$10,7,0)+IF('Standard Profiles'!$G$20=$B$17,14,0)+IF('Standard Profiles'!$G$20=$B$24,21,0),0)),0)</f>
        <v>0</v>
      </c>
      <c r="G6731" cm="1">
        <f t="array" ref="G6731">IFERROR(INDEX(Jesper!AK$2:AK$366,ROUNDDOWN($C6731/24,0)+1,1)*INDEX($D$3:$AA$30,INDEX(Jesper!$R$2:$R$366,ROW(INDEX(Jesper!AK$2:AK$366,ROUNDDOWN($C6731/24,0)+1,1))-1)+IF('Standard Profiles'!$G$21=$B$10,7,0)+IF('Standard Profiles'!$G$21=$B$17,14,0)+IF('Standard Profiles'!$G$21=$B$24,21,0),MOD($C6731,24)+1)/SUM(INDEX($D$3:$AA$30,INDEX(Jesper!$R$2:$R$366,ROW(INDEX(Jesper!AK$2:AK$366,ROUNDDOWN($C6731/24,0)+1,1))-1)+IF('Standard Profiles'!$G$21=$B$10,7,0)+IF('Standard Profiles'!$G$21=$B$17,14,0)+IF('Standard Profiles'!$G$21=$B$24,21,0),0)),0)</f>
        <v>0</v>
      </c>
      <c r="H6731" cm="1">
        <f t="array" ref="H6731">IFERROR(INDEX(Jesper!AL$2:AL$366,ROUNDDOWN($C6731/24,0)+1,1)*INDEX($D$3:$AA$30,INDEX(Jesper!$R$2:$R$366,ROW(INDEX(Jesper!AL$2:AL$366,ROUNDDOWN($C6731/24,0)+1,1))-1)+IF('Standard Profiles'!$G$22=$B$10,7,0)+IF('Standard Profiles'!$G$22=$B$17,14,0)+IF('Standard Profiles'!$G$22=$B$24,21,0),MOD($C6731,24)+1)/SUM(INDEX($D$3:$AA$30,INDEX(Jesper!$R$2:$R$366,ROW(INDEX(Jesper!AL$2:AL$366,ROUNDDOWN($C6731/24,0)+1,1))-1)+IF('Standard Profiles'!$G$22=$B$10,7,0)+IF('Standard Profiles'!$G$22=$B$17,14,0)+IF('Standard Profiles'!$G$22=$B$24,21,0),0)),0)</f>
        <v>0</v>
      </c>
      <c r="I6731">
        <f t="shared" si="748"/>
        <v>0.14759770967979546</v>
      </c>
      <c r="J6731">
        <f t="shared" si="749"/>
        <v>0.49199236559931825</v>
      </c>
      <c r="K6731">
        <f t="shared" si="750"/>
        <v>0.73798854839897743</v>
      </c>
      <c r="L6731">
        <f t="shared" si="751"/>
        <v>8.0972680534510033</v>
      </c>
      <c r="M6731">
        <f t="shared" si="752"/>
        <v>0</v>
      </c>
      <c r="N6731" s="46">
        <f t="shared" si="753"/>
        <v>45571.041666650424</v>
      </c>
    </row>
    <row r="6732" spans="2:14" x14ac:dyDescent="0.3">
      <c r="B6732">
        <f t="shared" si="747"/>
        <v>7</v>
      </c>
      <c r="C6732" s="16">
        <v>6698</v>
      </c>
      <c r="D6732" cm="1">
        <f t="array" ref="D6732">IFERROR(INDEX(Jesper!AH$2:AH$366,ROUNDDOWN($C6732/24,0)+1,1)*INDEX($D$3:$AA$30,INDEX(Jesper!$R$2:$R$366,ROW(INDEX(Jesper!AH$2:AH$366,ROUNDDOWN($C6732/24,0)+1,1))-1)+IF('Standard Profiles'!$G$18=$B$10,7,0)+IF('Standard Profiles'!$G$18=$B$17,14,0)+IF('Standard Profiles'!$G$18=$B$24,21,0),MOD($C6732,24)+1)/SUM(INDEX($D$3:$AA$30,INDEX(Jesper!$R$2:$R$366,ROW(INDEX(Jesper!AH$2:AH$366,ROUNDDOWN($C6732/24,0)+1,1))-1)+IF('Standard Profiles'!$G$18=$B$10,7,0)+IF('Standard Profiles'!$G$18=$B$17,14,0)+IF('Standard Profiles'!$G$18=$B$24,21,0),0)),0)</f>
        <v>7.8365120996833646</v>
      </c>
      <c r="E6732" cm="1">
        <f t="array" ref="E6732">IFERROR(INDEX(Jesper!AI$2:AI$366,ROUNDDOWN($C6732/24,0)+1,1)*INDEX($D$3:$AA$30,INDEX(Jesper!$R$2:$R$366,ROW(INDEX(Jesper!AI$2:AI$366,ROUNDDOWN($C6732/24,0)+1,1))-1)+IF('Standard Profiles'!$G$19=$B$10,7,0)+IF('Standard Profiles'!$G$19=$B$17,14,0)+IF('Standard Profiles'!$G$19=$B$24,21,0),MOD($C6732,24)+1)/SUM(INDEX($D$3:$AA$30,INDEX(Jesper!$R$2:$R$366,ROW(INDEX(Jesper!AI$2:AI$366,ROUNDDOWN($C6732/24,0)+1,1))-1)+IF('Standard Profiles'!$G$19=$B$10,7,0)+IF('Standard Profiles'!$G$19=$B$17,14,0)+IF('Standard Profiles'!$G$19=$B$24,21,0),0)),0)</f>
        <v>1.6383345774457292</v>
      </c>
      <c r="F6732" cm="1">
        <f t="array" ref="F6732">IFERROR(INDEX(Jesper!AJ$2:AJ$366,ROUNDDOWN($C6732/24,0)+1,1)*INDEX($D$3:$AA$30,INDEX(Jesper!$R$2:$R$366,ROW(INDEX(Jesper!AJ$2:AJ$366,ROUNDDOWN($C6732/24,0)+1,1))-1)+IF('Standard Profiles'!$G$20=$B$10,7,0)+IF('Standard Profiles'!$G$20=$B$17,14,0)+IF('Standard Profiles'!$G$20=$B$24,21,0),MOD($C6732,24)+1)/SUM(INDEX($D$3:$AA$30,INDEX(Jesper!$R$2:$R$366,ROW(INDEX(Jesper!AJ$2:AJ$366,ROUNDDOWN($C6732/24,0)+1,1))-1)+IF('Standard Profiles'!$G$20=$B$10,7,0)+IF('Standard Profiles'!$G$20=$B$17,14,0)+IF('Standard Profiles'!$G$20=$B$24,21,0),0)),0)</f>
        <v>0</v>
      </c>
      <c r="G6732" cm="1">
        <f t="array" ref="G6732">IFERROR(INDEX(Jesper!AK$2:AK$366,ROUNDDOWN($C6732/24,0)+1,1)*INDEX($D$3:$AA$30,INDEX(Jesper!$R$2:$R$366,ROW(INDEX(Jesper!AK$2:AK$366,ROUNDDOWN($C6732/24,0)+1,1))-1)+IF('Standard Profiles'!$G$21=$B$10,7,0)+IF('Standard Profiles'!$G$21=$B$17,14,0)+IF('Standard Profiles'!$G$21=$B$24,21,0),MOD($C6732,24)+1)/SUM(INDEX($D$3:$AA$30,INDEX(Jesper!$R$2:$R$366,ROW(INDEX(Jesper!AK$2:AK$366,ROUNDDOWN($C6732/24,0)+1,1))-1)+IF('Standard Profiles'!$G$21=$B$10,7,0)+IF('Standard Profiles'!$G$21=$B$17,14,0)+IF('Standard Profiles'!$G$21=$B$24,21,0),0)),0)</f>
        <v>0</v>
      </c>
      <c r="H6732" cm="1">
        <f t="array" ref="H6732">IFERROR(INDEX(Jesper!AL$2:AL$366,ROUNDDOWN($C6732/24,0)+1,1)*INDEX($D$3:$AA$30,INDEX(Jesper!$R$2:$R$366,ROW(INDEX(Jesper!AL$2:AL$366,ROUNDDOWN($C6732/24,0)+1,1))-1)+IF('Standard Profiles'!$G$22=$B$10,7,0)+IF('Standard Profiles'!$G$22=$B$17,14,0)+IF('Standard Profiles'!$G$22=$B$24,21,0),MOD($C6732,24)+1)/SUM(INDEX($D$3:$AA$30,INDEX(Jesper!$R$2:$R$366,ROW(INDEX(Jesper!AL$2:AL$366,ROUNDDOWN($C6732/24,0)+1,1))-1)+IF('Standard Profiles'!$G$22=$B$10,7,0)+IF('Standard Profiles'!$G$22=$B$17,14,0)+IF('Standard Profiles'!$G$22=$B$24,21,0),0)),0)</f>
        <v>0</v>
      </c>
      <c r="I6732">
        <f t="shared" si="748"/>
        <v>0.14759770967979546</v>
      </c>
      <c r="J6732">
        <f t="shared" si="749"/>
        <v>0.49199236559931825</v>
      </c>
      <c r="K6732">
        <f t="shared" si="750"/>
        <v>0.73798854839897743</v>
      </c>
      <c r="L6732">
        <f t="shared" si="751"/>
        <v>8.0972680534510033</v>
      </c>
      <c r="M6732">
        <f t="shared" si="752"/>
        <v>0</v>
      </c>
      <c r="N6732" s="46">
        <f t="shared" si="753"/>
        <v>45571.083333317089</v>
      </c>
    </row>
    <row r="6733" spans="2:14" x14ac:dyDescent="0.3">
      <c r="B6733">
        <f t="shared" si="747"/>
        <v>7</v>
      </c>
      <c r="C6733" s="16">
        <v>6699</v>
      </c>
      <c r="D6733" cm="1">
        <f t="array" ref="D6733">IFERROR(INDEX(Jesper!AH$2:AH$366,ROUNDDOWN($C6733/24,0)+1,1)*INDEX($D$3:$AA$30,INDEX(Jesper!$R$2:$R$366,ROW(INDEX(Jesper!AH$2:AH$366,ROUNDDOWN($C6733/24,0)+1,1))-1)+IF('Standard Profiles'!$G$18=$B$10,7,0)+IF('Standard Profiles'!$G$18=$B$17,14,0)+IF('Standard Profiles'!$G$18=$B$24,21,0),MOD($C6733,24)+1)/SUM(INDEX($D$3:$AA$30,INDEX(Jesper!$R$2:$R$366,ROW(INDEX(Jesper!AH$2:AH$366,ROUNDDOWN($C6733/24,0)+1,1))-1)+IF('Standard Profiles'!$G$18=$B$10,7,0)+IF('Standard Profiles'!$G$18=$B$17,14,0)+IF('Standard Profiles'!$G$18=$B$24,21,0),0)),0)</f>
        <v>7.8365120996833646</v>
      </c>
      <c r="E6733" cm="1">
        <f t="array" ref="E6733">IFERROR(INDEX(Jesper!AI$2:AI$366,ROUNDDOWN($C6733/24,0)+1,1)*INDEX($D$3:$AA$30,INDEX(Jesper!$R$2:$R$366,ROW(INDEX(Jesper!AI$2:AI$366,ROUNDDOWN($C6733/24,0)+1,1))-1)+IF('Standard Profiles'!$G$19=$B$10,7,0)+IF('Standard Profiles'!$G$19=$B$17,14,0)+IF('Standard Profiles'!$G$19=$B$24,21,0),MOD($C6733,24)+1)/SUM(INDEX($D$3:$AA$30,INDEX(Jesper!$R$2:$R$366,ROW(INDEX(Jesper!AI$2:AI$366,ROUNDDOWN($C6733/24,0)+1,1))-1)+IF('Standard Profiles'!$G$19=$B$10,7,0)+IF('Standard Profiles'!$G$19=$B$17,14,0)+IF('Standard Profiles'!$G$19=$B$24,21,0),0)),0)</f>
        <v>1.6383345774457292</v>
      </c>
      <c r="F6733" cm="1">
        <f t="array" ref="F6733">IFERROR(INDEX(Jesper!AJ$2:AJ$366,ROUNDDOWN($C6733/24,0)+1,1)*INDEX($D$3:$AA$30,INDEX(Jesper!$R$2:$R$366,ROW(INDEX(Jesper!AJ$2:AJ$366,ROUNDDOWN($C6733/24,0)+1,1))-1)+IF('Standard Profiles'!$G$20=$B$10,7,0)+IF('Standard Profiles'!$G$20=$B$17,14,0)+IF('Standard Profiles'!$G$20=$B$24,21,0),MOD($C6733,24)+1)/SUM(INDEX($D$3:$AA$30,INDEX(Jesper!$R$2:$R$366,ROW(INDEX(Jesper!AJ$2:AJ$366,ROUNDDOWN($C6733/24,0)+1,1))-1)+IF('Standard Profiles'!$G$20=$B$10,7,0)+IF('Standard Profiles'!$G$20=$B$17,14,0)+IF('Standard Profiles'!$G$20=$B$24,21,0),0)),0)</f>
        <v>0</v>
      </c>
      <c r="G6733" cm="1">
        <f t="array" ref="G6733">IFERROR(INDEX(Jesper!AK$2:AK$366,ROUNDDOWN($C6733/24,0)+1,1)*INDEX($D$3:$AA$30,INDEX(Jesper!$R$2:$R$366,ROW(INDEX(Jesper!AK$2:AK$366,ROUNDDOWN($C6733/24,0)+1,1))-1)+IF('Standard Profiles'!$G$21=$B$10,7,0)+IF('Standard Profiles'!$G$21=$B$17,14,0)+IF('Standard Profiles'!$G$21=$B$24,21,0),MOD($C6733,24)+1)/SUM(INDEX($D$3:$AA$30,INDEX(Jesper!$R$2:$R$366,ROW(INDEX(Jesper!AK$2:AK$366,ROUNDDOWN($C6733/24,0)+1,1))-1)+IF('Standard Profiles'!$G$21=$B$10,7,0)+IF('Standard Profiles'!$G$21=$B$17,14,0)+IF('Standard Profiles'!$G$21=$B$24,21,0),0)),0)</f>
        <v>0</v>
      </c>
      <c r="H6733" cm="1">
        <f t="array" ref="H6733">IFERROR(INDEX(Jesper!AL$2:AL$366,ROUNDDOWN($C6733/24,0)+1,1)*INDEX($D$3:$AA$30,INDEX(Jesper!$R$2:$R$366,ROW(INDEX(Jesper!AL$2:AL$366,ROUNDDOWN($C6733/24,0)+1,1))-1)+IF('Standard Profiles'!$G$22=$B$10,7,0)+IF('Standard Profiles'!$G$22=$B$17,14,0)+IF('Standard Profiles'!$G$22=$B$24,21,0),MOD($C6733,24)+1)/SUM(INDEX($D$3:$AA$30,INDEX(Jesper!$R$2:$R$366,ROW(INDEX(Jesper!AL$2:AL$366,ROUNDDOWN($C6733/24,0)+1,1))-1)+IF('Standard Profiles'!$G$22=$B$10,7,0)+IF('Standard Profiles'!$G$22=$B$17,14,0)+IF('Standard Profiles'!$G$22=$B$24,21,0),0)),0)</f>
        <v>0</v>
      </c>
      <c r="I6733">
        <f t="shared" si="748"/>
        <v>0.14759770967979546</v>
      </c>
      <c r="J6733">
        <f t="shared" si="749"/>
        <v>0.49199236559931825</v>
      </c>
      <c r="K6733">
        <f t="shared" si="750"/>
        <v>0.73798854839897743</v>
      </c>
      <c r="L6733">
        <f t="shared" si="751"/>
        <v>8.0972680534510033</v>
      </c>
      <c r="M6733">
        <f t="shared" si="752"/>
        <v>0</v>
      </c>
      <c r="N6733" s="46">
        <f t="shared" si="753"/>
        <v>45571.124999983753</v>
      </c>
    </row>
    <row r="6734" spans="2:14" x14ac:dyDescent="0.3">
      <c r="B6734">
        <f t="shared" si="747"/>
        <v>7</v>
      </c>
      <c r="C6734" s="16">
        <v>6700</v>
      </c>
      <c r="D6734" cm="1">
        <f t="array" ref="D6734">IFERROR(INDEX(Jesper!AH$2:AH$366,ROUNDDOWN($C6734/24,0)+1,1)*INDEX($D$3:$AA$30,INDEX(Jesper!$R$2:$R$366,ROW(INDEX(Jesper!AH$2:AH$366,ROUNDDOWN($C6734/24,0)+1,1))-1)+IF('Standard Profiles'!$G$18=$B$10,7,0)+IF('Standard Profiles'!$G$18=$B$17,14,0)+IF('Standard Profiles'!$G$18=$B$24,21,0),MOD($C6734,24)+1)/SUM(INDEX($D$3:$AA$30,INDEX(Jesper!$R$2:$R$366,ROW(INDEX(Jesper!AH$2:AH$366,ROUNDDOWN($C6734/24,0)+1,1))-1)+IF('Standard Profiles'!$G$18=$B$10,7,0)+IF('Standard Profiles'!$G$18=$B$17,14,0)+IF('Standard Profiles'!$G$18=$B$24,21,0),0)),0)</f>
        <v>7.8365120996833646</v>
      </c>
      <c r="E6734" cm="1">
        <f t="array" ref="E6734">IFERROR(INDEX(Jesper!AI$2:AI$366,ROUNDDOWN($C6734/24,0)+1,1)*INDEX($D$3:$AA$30,INDEX(Jesper!$R$2:$R$366,ROW(INDEX(Jesper!AI$2:AI$366,ROUNDDOWN($C6734/24,0)+1,1))-1)+IF('Standard Profiles'!$G$19=$B$10,7,0)+IF('Standard Profiles'!$G$19=$B$17,14,0)+IF('Standard Profiles'!$G$19=$B$24,21,0),MOD($C6734,24)+1)/SUM(INDEX($D$3:$AA$30,INDEX(Jesper!$R$2:$R$366,ROW(INDEX(Jesper!AI$2:AI$366,ROUNDDOWN($C6734/24,0)+1,1))-1)+IF('Standard Profiles'!$G$19=$B$10,7,0)+IF('Standard Profiles'!$G$19=$B$17,14,0)+IF('Standard Profiles'!$G$19=$B$24,21,0),0)),0)</f>
        <v>1.6383345774457292</v>
      </c>
      <c r="F6734" cm="1">
        <f t="array" ref="F6734">IFERROR(INDEX(Jesper!AJ$2:AJ$366,ROUNDDOWN($C6734/24,0)+1,1)*INDEX($D$3:$AA$30,INDEX(Jesper!$R$2:$R$366,ROW(INDEX(Jesper!AJ$2:AJ$366,ROUNDDOWN($C6734/24,0)+1,1))-1)+IF('Standard Profiles'!$G$20=$B$10,7,0)+IF('Standard Profiles'!$G$20=$B$17,14,0)+IF('Standard Profiles'!$G$20=$B$24,21,0),MOD($C6734,24)+1)/SUM(INDEX($D$3:$AA$30,INDEX(Jesper!$R$2:$R$366,ROW(INDEX(Jesper!AJ$2:AJ$366,ROUNDDOWN($C6734/24,0)+1,1))-1)+IF('Standard Profiles'!$G$20=$B$10,7,0)+IF('Standard Profiles'!$G$20=$B$17,14,0)+IF('Standard Profiles'!$G$20=$B$24,21,0),0)),0)</f>
        <v>0</v>
      </c>
      <c r="G6734" cm="1">
        <f t="array" ref="G6734">IFERROR(INDEX(Jesper!AK$2:AK$366,ROUNDDOWN($C6734/24,0)+1,1)*INDEX($D$3:$AA$30,INDEX(Jesper!$R$2:$R$366,ROW(INDEX(Jesper!AK$2:AK$366,ROUNDDOWN($C6734/24,0)+1,1))-1)+IF('Standard Profiles'!$G$21=$B$10,7,0)+IF('Standard Profiles'!$G$21=$B$17,14,0)+IF('Standard Profiles'!$G$21=$B$24,21,0),MOD($C6734,24)+1)/SUM(INDEX($D$3:$AA$30,INDEX(Jesper!$R$2:$R$366,ROW(INDEX(Jesper!AK$2:AK$366,ROUNDDOWN($C6734/24,0)+1,1))-1)+IF('Standard Profiles'!$G$21=$B$10,7,0)+IF('Standard Profiles'!$G$21=$B$17,14,0)+IF('Standard Profiles'!$G$21=$B$24,21,0),0)),0)</f>
        <v>0</v>
      </c>
      <c r="H6734" cm="1">
        <f t="array" ref="H6734">IFERROR(INDEX(Jesper!AL$2:AL$366,ROUNDDOWN($C6734/24,0)+1,1)*INDEX($D$3:$AA$30,INDEX(Jesper!$R$2:$R$366,ROW(INDEX(Jesper!AL$2:AL$366,ROUNDDOWN($C6734/24,0)+1,1))-1)+IF('Standard Profiles'!$G$22=$B$10,7,0)+IF('Standard Profiles'!$G$22=$B$17,14,0)+IF('Standard Profiles'!$G$22=$B$24,21,0),MOD($C6734,24)+1)/SUM(INDEX($D$3:$AA$30,INDEX(Jesper!$R$2:$R$366,ROW(INDEX(Jesper!AL$2:AL$366,ROUNDDOWN($C6734/24,0)+1,1))-1)+IF('Standard Profiles'!$G$22=$B$10,7,0)+IF('Standard Profiles'!$G$22=$B$17,14,0)+IF('Standard Profiles'!$G$22=$B$24,21,0),0)),0)</f>
        <v>0</v>
      </c>
      <c r="I6734">
        <f t="shared" si="748"/>
        <v>0.14759770967979546</v>
      </c>
      <c r="J6734">
        <f t="shared" si="749"/>
        <v>0.49199236559931825</v>
      </c>
      <c r="K6734">
        <f t="shared" si="750"/>
        <v>0.73798854839897743</v>
      </c>
      <c r="L6734">
        <f t="shared" si="751"/>
        <v>8.0972680534510033</v>
      </c>
      <c r="M6734">
        <f t="shared" si="752"/>
        <v>0</v>
      </c>
      <c r="N6734" s="46">
        <f t="shared" si="753"/>
        <v>45571.166666650417</v>
      </c>
    </row>
    <row r="6735" spans="2:14" x14ac:dyDescent="0.3">
      <c r="B6735">
        <f t="shared" si="747"/>
        <v>7</v>
      </c>
      <c r="C6735" s="16">
        <v>6701</v>
      </c>
      <c r="D6735" cm="1">
        <f t="array" ref="D6735">IFERROR(INDEX(Jesper!AH$2:AH$366,ROUNDDOWN($C6735/24,0)+1,1)*INDEX($D$3:$AA$30,INDEX(Jesper!$R$2:$R$366,ROW(INDEX(Jesper!AH$2:AH$366,ROUNDDOWN($C6735/24,0)+1,1))-1)+IF('Standard Profiles'!$G$18=$B$10,7,0)+IF('Standard Profiles'!$G$18=$B$17,14,0)+IF('Standard Profiles'!$G$18=$B$24,21,0),MOD($C6735,24)+1)/SUM(INDEX($D$3:$AA$30,INDEX(Jesper!$R$2:$R$366,ROW(INDEX(Jesper!AH$2:AH$366,ROUNDDOWN($C6735/24,0)+1,1))-1)+IF('Standard Profiles'!$G$18=$B$10,7,0)+IF('Standard Profiles'!$G$18=$B$17,14,0)+IF('Standard Profiles'!$G$18=$B$24,21,0),0)),0)</f>
        <v>9.7956401246042049</v>
      </c>
      <c r="E6735" cm="1">
        <f t="array" ref="E6735">IFERROR(INDEX(Jesper!AI$2:AI$366,ROUNDDOWN($C6735/24,0)+1,1)*INDEX($D$3:$AA$30,INDEX(Jesper!$R$2:$R$366,ROW(INDEX(Jesper!AI$2:AI$366,ROUNDDOWN($C6735/24,0)+1,1))-1)+IF('Standard Profiles'!$G$19=$B$10,7,0)+IF('Standard Profiles'!$G$19=$B$17,14,0)+IF('Standard Profiles'!$G$19=$B$24,21,0),MOD($C6735,24)+1)/SUM(INDEX($D$3:$AA$30,INDEX(Jesper!$R$2:$R$366,ROW(INDEX(Jesper!AI$2:AI$366,ROUNDDOWN($C6735/24,0)+1,1))-1)+IF('Standard Profiles'!$G$19=$B$10,7,0)+IF('Standard Profiles'!$G$19=$B$17,14,0)+IF('Standard Profiles'!$G$19=$B$24,21,0),0)),0)</f>
        <v>2.0479182218071612</v>
      </c>
      <c r="F6735" cm="1">
        <f t="array" ref="F6735">IFERROR(INDEX(Jesper!AJ$2:AJ$366,ROUNDDOWN($C6735/24,0)+1,1)*INDEX($D$3:$AA$30,INDEX(Jesper!$R$2:$R$366,ROW(INDEX(Jesper!AJ$2:AJ$366,ROUNDDOWN($C6735/24,0)+1,1))-1)+IF('Standard Profiles'!$G$20=$B$10,7,0)+IF('Standard Profiles'!$G$20=$B$17,14,0)+IF('Standard Profiles'!$G$20=$B$24,21,0),MOD($C6735,24)+1)/SUM(INDEX($D$3:$AA$30,INDEX(Jesper!$R$2:$R$366,ROW(INDEX(Jesper!AJ$2:AJ$366,ROUNDDOWN($C6735/24,0)+1,1))-1)+IF('Standard Profiles'!$G$20=$B$10,7,0)+IF('Standard Profiles'!$G$20=$B$17,14,0)+IF('Standard Profiles'!$G$20=$B$24,21,0),0)),0)</f>
        <v>0</v>
      </c>
      <c r="G6735" cm="1">
        <f t="array" ref="G6735">IFERROR(INDEX(Jesper!AK$2:AK$366,ROUNDDOWN($C6735/24,0)+1,1)*INDEX($D$3:$AA$30,INDEX(Jesper!$R$2:$R$366,ROW(INDEX(Jesper!AK$2:AK$366,ROUNDDOWN($C6735/24,0)+1,1))-1)+IF('Standard Profiles'!$G$21=$B$10,7,0)+IF('Standard Profiles'!$G$21=$B$17,14,0)+IF('Standard Profiles'!$G$21=$B$24,21,0),MOD($C6735,24)+1)/SUM(INDEX($D$3:$AA$30,INDEX(Jesper!$R$2:$R$366,ROW(INDEX(Jesper!AK$2:AK$366,ROUNDDOWN($C6735/24,0)+1,1))-1)+IF('Standard Profiles'!$G$21=$B$10,7,0)+IF('Standard Profiles'!$G$21=$B$17,14,0)+IF('Standard Profiles'!$G$21=$B$24,21,0),0)),0)</f>
        <v>0</v>
      </c>
      <c r="H6735" cm="1">
        <f t="array" ref="H6735">IFERROR(INDEX(Jesper!AL$2:AL$366,ROUNDDOWN($C6735/24,0)+1,1)*INDEX($D$3:$AA$30,INDEX(Jesper!$R$2:$R$366,ROW(INDEX(Jesper!AL$2:AL$366,ROUNDDOWN($C6735/24,0)+1,1))-1)+IF('Standard Profiles'!$G$22=$B$10,7,0)+IF('Standard Profiles'!$G$22=$B$17,14,0)+IF('Standard Profiles'!$G$22=$B$24,21,0),MOD($C6735,24)+1)/SUM(INDEX($D$3:$AA$30,INDEX(Jesper!$R$2:$R$366,ROW(INDEX(Jesper!AL$2:AL$366,ROUNDDOWN($C6735/24,0)+1,1))-1)+IF('Standard Profiles'!$G$22=$B$10,7,0)+IF('Standard Profiles'!$G$22=$B$17,14,0)+IF('Standard Profiles'!$G$22=$B$24,21,0),0)),0)</f>
        <v>0</v>
      </c>
      <c r="I6735">
        <f t="shared" si="748"/>
        <v>0.1844971370997443</v>
      </c>
      <c r="J6735">
        <f t="shared" si="749"/>
        <v>0.61499045699914778</v>
      </c>
      <c r="K6735">
        <f t="shared" si="750"/>
        <v>0.92248568549872167</v>
      </c>
      <c r="L6735">
        <f t="shared" si="751"/>
        <v>10.121585066813752</v>
      </c>
      <c r="M6735">
        <f t="shared" si="752"/>
        <v>0</v>
      </c>
      <c r="N6735" s="46">
        <f t="shared" si="753"/>
        <v>45571.208333317081</v>
      </c>
    </row>
    <row r="6736" spans="2:14" x14ac:dyDescent="0.3">
      <c r="B6736">
        <f t="shared" si="747"/>
        <v>7</v>
      </c>
      <c r="C6736" s="16">
        <v>6702</v>
      </c>
      <c r="D6736" cm="1">
        <f t="array" ref="D6736">IFERROR(INDEX(Jesper!AH$2:AH$366,ROUNDDOWN($C6736/24,0)+1,1)*INDEX($D$3:$AA$30,INDEX(Jesper!$R$2:$R$366,ROW(INDEX(Jesper!AH$2:AH$366,ROUNDDOWN($C6736/24,0)+1,1))-1)+IF('Standard Profiles'!$G$18=$B$10,7,0)+IF('Standard Profiles'!$G$18=$B$17,14,0)+IF('Standard Profiles'!$G$18=$B$24,21,0),MOD($C6736,24)+1)/SUM(INDEX($D$3:$AA$30,INDEX(Jesper!$R$2:$R$366,ROW(INDEX(Jesper!AH$2:AH$366,ROUNDDOWN($C6736/24,0)+1,1))-1)+IF('Standard Profiles'!$G$18=$B$10,7,0)+IF('Standard Profiles'!$G$18=$B$17,14,0)+IF('Standard Profiles'!$G$18=$B$24,21,0),0)),0)</f>
        <v>11.537087257867176</v>
      </c>
      <c r="E6736" cm="1">
        <f t="array" ref="E6736">IFERROR(INDEX(Jesper!AI$2:AI$366,ROUNDDOWN($C6736/24,0)+1,1)*INDEX($D$3:$AA$30,INDEX(Jesper!$R$2:$R$366,ROW(INDEX(Jesper!AI$2:AI$366,ROUNDDOWN($C6736/24,0)+1,1))-1)+IF('Standard Profiles'!$G$19=$B$10,7,0)+IF('Standard Profiles'!$G$19=$B$17,14,0)+IF('Standard Profiles'!$G$19=$B$24,21,0),MOD($C6736,24)+1)/SUM(INDEX($D$3:$AA$30,INDEX(Jesper!$R$2:$R$366,ROW(INDEX(Jesper!AI$2:AI$366,ROUNDDOWN($C6736/24,0)+1,1))-1)+IF('Standard Profiles'!$G$19=$B$10,7,0)+IF('Standard Profiles'!$G$19=$B$17,14,0)+IF('Standard Profiles'!$G$19=$B$24,21,0),0)),0)</f>
        <v>2.4119925723506568</v>
      </c>
      <c r="F6736" cm="1">
        <f t="array" ref="F6736">IFERROR(INDEX(Jesper!AJ$2:AJ$366,ROUNDDOWN($C6736/24,0)+1,1)*INDEX($D$3:$AA$30,INDEX(Jesper!$R$2:$R$366,ROW(INDEX(Jesper!AJ$2:AJ$366,ROUNDDOWN($C6736/24,0)+1,1))-1)+IF('Standard Profiles'!$G$20=$B$10,7,0)+IF('Standard Profiles'!$G$20=$B$17,14,0)+IF('Standard Profiles'!$G$20=$B$24,21,0),MOD($C6736,24)+1)/SUM(INDEX($D$3:$AA$30,INDEX(Jesper!$R$2:$R$366,ROW(INDEX(Jesper!AJ$2:AJ$366,ROUNDDOWN($C6736/24,0)+1,1))-1)+IF('Standard Profiles'!$G$20=$B$10,7,0)+IF('Standard Profiles'!$G$20=$B$17,14,0)+IF('Standard Profiles'!$G$20=$B$24,21,0),0)),0)</f>
        <v>0</v>
      </c>
      <c r="G6736" cm="1">
        <f t="array" ref="G6736">IFERROR(INDEX(Jesper!AK$2:AK$366,ROUNDDOWN($C6736/24,0)+1,1)*INDEX($D$3:$AA$30,INDEX(Jesper!$R$2:$R$366,ROW(INDEX(Jesper!AK$2:AK$366,ROUNDDOWN($C6736/24,0)+1,1))-1)+IF('Standard Profiles'!$G$21=$B$10,7,0)+IF('Standard Profiles'!$G$21=$B$17,14,0)+IF('Standard Profiles'!$G$21=$B$24,21,0),MOD($C6736,24)+1)/SUM(INDEX($D$3:$AA$30,INDEX(Jesper!$R$2:$R$366,ROW(INDEX(Jesper!AK$2:AK$366,ROUNDDOWN($C6736/24,0)+1,1))-1)+IF('Standard Profiles'!$G$21=$B$10,7,0)+IF('Standard Profiles'!$G$21=$B$17,14,0)+IF('Standard Profiles'!$G$21=$B$24,21,0),0)),0)</f>
        <v>0</v>
      </c>
      <c r="H6736" cm="1">
        <f t="array" ref="H6736">IFERROR(INDEX(Jesper!AL$2:AL$366,ROUNDDOWN($C6736/24,0)+1,1)*INDEX($D$3:$AA$30,INDEX(Jesper!$R$2:$R$366,ROW(INDEX(Jesper!AL$2:AL$366,ROUNDDOWN($C6736/24,0)+1,1))-1)+IF('Standard Profiles'!$G$22=$B$10,7,0)+IF('Standard Profiles'!$G$22=$B$17,14,0)+IF('Standard Profiles'!$G$22=$B$24,21,0),MOD($C6736,24)+1)/SUM(INDEX($D$3:$AA$30,INDEX(Jesper!$R$2:$R$366,ROW(INDEX(Jesper!AL$2:AL$366,ROUNDDOWN($C6736/24,0)+1,1))-1)+IF('Standard Profiles'!$G$22=$B$10,7,0)+IF('Standard Profiles'!$G$22=$B$17,14,0)+IF('Standard Profiles'!$G$22=$B$24,21,0),0)),0)</f>
        <v>0</v>
      </c>
      <c r="I6736">
        <f t="shared" si="748"/>
        <v>0.21729662813969886</v>
      </c>
      <c r="J6736">
        <f t="shared" si="749"/>
        <v>0.72432209379899626</v>
      </c>
      <c r="K6736">
        <f t="shared" si="750"/>
        <v>1.0864831406984945</v>
      </c>
      <c r="L6736">
        <f t="shared" si="751"/>
        <v>11.920977967580644</v>
      </c>
      <c r="M6736">
        <f t="shared" si="752"/>
        <v>0</v>
      </c>
      <c r="N6736" s="46">
        <f t="shared" si="753"/>
        <v>45571.249999983746</v>
      </c>
    </row>
    <row r="6737" spans="2:14" x14ac:dyDescent="0.3">
      <c r="B6737">
        <f t="shared" si="747"/>
        <v>7</v>
      </c>
      <c r="C6737" s="16">
        <v>6703</v>
      </c>
      <c r="D6737" cm="1">
        <f t="array" ref="D6737">IFERROR(INDEX(Jesper!AH$2:AH$366,ROUNDDOWN($C6737/24,0)+1,1)*INDEX($D$3:$AA$30,INDEX(Jesper!$R$2:$R$366,ROW(INDEX(Jesper!AH$2:AH$366,ROUNDDOWN($C6737/24,0)+1,1))-1)+IF('Standard Profiles'!$G$18=$B$10,7,0)+IF('Standard Profiles'!$G$18=$B$17,14,0)+IF('Standard Profiles'!$G$18=$B$24,21,0),MOD($C6737,24)+1)/SUM(INDEX($D$3:$AA$30,INDEX(Jesper!$R$2:$R$366,ROW(INDEX(Jesper!AH$2:AH$366,ROUNDDOWN($C6737/24,0)+1,1))-1)+IF('Standard Profiles'!$G$18=$B$10,7,0)+IF('Standard Profiles'!$G$18=$B$17,14,0)+IF('Standard Profiles'!$G$18=$B$24,21,0),0)),0)</f>
        <v>13.713896174445887</v>
      </c>
      <c r="E6737" cm="1">
        <f t="array" ref="E6737">IFERROR(INDEX(Jesper!AI$2:AI$366,ROUNDDOWN($C6737/24,0)+1,1)*INDEX($D$3:$AA$30,INDEX(Jesper!$R$2:$R$366,ROW(INDEX(Jesper!AI$2:AI$366,ROUNDDOWN($C6737/24,0)+1,1))-1)+IF('Standard Profiles'!$G$19=$B$10,7,0)+IF('Standard Profiles'!$G$19=$B$17,14,0)+IF('Standard Profiles'!$G$19=$B$24,21,0),MOD($C6737,24)+1)/SUM(INDEX($D$3:$AA$30,INDEX(Jesper!$R$2:$R$366,ROW(INDEX(Jesper!AI$2:AI$366,ROUNDDOWN($C6737/24,0)+1,1))-1)+IF('Standard Profiles'!$G$19=$B$10,7,0)+IF('Standard Profiles'!$G$19=$B$17,14,0)+IF('Standard Profiles'!$G$19=$B$24,21,0),0)),0)</f>
        <v>2.8670855105300257</v>
      </c>
      <c r="F6737" cm="1">
        <f t="array" ref="F6737">IFERROR(INDEX(Jesper!AJ$2:AJ$366,ROUNDDOWN($C6737/24,0)+1,1)*INDEX($D$3:$AA$30,INDEX(Jesper!$R$2:$R$366,ROW(INDEX(Jesper!AJ$2:AJ$366,ROUNDDOWN($C6737/24,0)+1,1))-1)+IF('Standard Profiles'!$G$20=$B$10,7,0)+IF('Standard Profiles'!$G$20=$B$17,14,0)+IF('Standard Profiles'!$G$20=$B$24,21,0),MOD($C6737,24)+1)/SUM(INDEX($D$3:$AA$30,INDEX(Jesper!$R$2:$R$366,ROW(INDEX(Jesper!AJ$2:AJ$366,ROUNDDOWN($C6737/24,0)+1,1))-1)+IF('Standard Profiles'!$G$20=$B$10,7,0)+IF('Standard Profiles'!$G$20=$B$17,14,0)+IF('Standard Profiles'!$G$20=$B$24,21,0),0)),0)</f>
        <v>0</v>
      </c>
      <c r="G6737" cm="1">
        <f t="array" ref="G6737">IFERROR(INDEX(Jesper!AK$2:AK$366,ROUNDDOWN($C6737/24,0)+1,1)*INDEX($D$3:$AA$30,INDEX(Jesper!$R$2:$R$366,ROW(INDEX(Jesper!AK$2:AK$366,ROUNDDOWN($C6737/24,0)+1,1))-1)+IF('Standard Profiles'!$G$21=$B$10,7,0)+IF('Standard Profiles'!$G$21=$B$17,14,0)+IF('Standard Profiles'!$G$21=$B$24,21,0),MOD($C6737,24)+1)/SUM(INDEX($D$3:$AA$30,INDEX(Jesper!$R$2:$R$366,ROW(INDEX(Jesper!AK$2:AK$366,ROUNDDOWN($C6737/24,0)+1,1))-1)+IF('Standard Profiles'!$G$21=$B$10,7,0)+IF('Standard Profiles'!$G$21=$B$17,14,0)+IF('Standard Profiles'!$G$21=$B$24,21,0),0)),0)</f>
        <v>0</v>
      </c>
      <c r="H6737" cm="1">
        <f t="array" ref="H6737">IFERROR(INDEX(Jesper!AL$2:AL$366,ROUNDDOWN($C6737/24,0)+1,1)*INDEX($D$3:$AA$30,INDEX(Jesper!$R$2:$R$366,ROW(INDEX(Jesper!AL$2:AL$366,ROUNDDOWN($C6737/24,0)+1,1))-1)+IF('Standard Profiles'!$G$22=$B$10,7,0)+IF('Standard Profiles'!$G$22=$B$17,14,0)+IF('Standard Profiles'!$G$22=$B$24,21,0),MOD($C6737,24)+1)/SUM(INDEX($D$3:$AA$30,INDEX(Jesper!$R$2:$R$366,ROW(INDEX(Jesper!AL$2:AL$366,ROUNDDOWN($C6737/24,0)+1,1))-1)+IF('Standard Profiles'!$G$22=$B$10,7,0)+IF('Standard Profiles'!$G$22=$B$17,14,0)+IF('Standard Profiles'!$G$22=$B$24,21,0),0)),0)</f>
        <v>0</v>
      </c>
      <c r="I6737">
        <f t="shared" si="748"/>
        <v>0.25829599193964203</v>
      </c>
      <c r="J6737">
        <f t="shared" si="749"/>
        <v>0.86098663979880685</v>
      </c>
      <c r="K6737">
        <f t="shared" si="750"/>
        <v>1.2914799596982103</v>
      </c>
      <c r="L6737">
        <f t="shared" si="751"/>
        <v>14.170219093539254</v>
      </c>
      <c r="M6737">
        <f t="shared" si="752"/>
        <v>0</v>
      </c>
      <c r="N6737" s="46">
        <f t="shared" si="753"/>
        <v>45571.29166665041</v>
      </c>
    </row>
    <row r="6738" spans="2:14" x14ac:dyDescent="0.3">
      <c r="B6738">
        <f t="shared" si="747"/>
        <v>7</v>
      </c>
      <c r="C6738" s="16">
        <v>6704</v>
      </c>
      <c r="D6738" cm="1">
        <f t="array" ref="D6738">IFERROR(INDEX(Jesper!AH$2:AH$366,ROUNDDOWN($C6738/24,0)+1,1)*INDEX($D$3:$AA$30,INDEX(Jesper!$R$2:$R$366,ROW(INDEX(Jesper!AH$2:AH$366,ROUNDDOWN($C6738/24,0)+1,1))-1)+IF('Standard Profiles'!$G$18=$B$10,7,0)+IF('Standard Profiles'!$G$18=$B$17,14,0)+IF('Standard Profiles'!$G$18=$B$24,21,0),MOD($C6738,24)+1)/SUM(INDEX($D$3:$AA$30,INDEX(Jesper!$R$2:$R$366,ROW(INDEX(Jesper!AH$2:AH$366,ROUNDDOWN($C6738/24,0)+1,1))-1)+IF('Standard Profiles'!$G$18=$B$10,7,0)+IF('Standard Profiles'!$G$18=$B$17,14,0)+IF('Standard Profiles'!$G$18=$B$24,21,0),0)),0)</f>
        <v>13.713896174445887</v>
      </c>
      <c r="E6738" cm="1">
        <f t="array" ref="E6738">IFERROR(INDEX(Jesper!AI$2:AI$366,ROUNDDOWN($C6738/24,0)+1,1)*INDEX($D$3:$AA$30,INDEX(Jesper!$R$2:$R$366,ROW(INDEX(Jesper!AI$2:AI$366,ROUNDDOWN($C6738/24,0)+1,1))-1)+IF('Standard Profiles'!$G$19=$B$10,7,0)+IF('Standard Profiles'!$G$19=$B$17,14,0)+IF('Standard Profiles'!$G$19=$B$24,21,0),MOD($C6738,24)+1)/SUM(INDEX($D$3:$AA$30,INDEX(Jesper!$R$2:$R$366,ROW(INDEX(Jesper!AI$2:AI$366,ROUNDDOWN($C6738/24,0)+1,1))-1)+IF('Standard Profiles'!$G$19=$B$10,7,0)+IF('Standard Profiles'!$G$19=$B$17,14,0)+IF('Standard Profiles'!$G$19=$B$24,21,0),0)),0)</f>
        <v>2.8670855105300257</v>
      </c>
      <c r="F6738" cm="1">
        <f t="array" ref="F6738">IFERROR(INDEX(Jesper!AJ$2:AJ$366,ROUNDDOWN($C6738/24,0)+1,1)*INDEX($D$3:$AA$30,INDEX(Jesper!$R$2:$R$366,ROW(INDEX(Jesper!AJ$2:AJ$366,ROUNDDOWN($C6738/24,0)+1,1))-1)+IF('Standard Profiles'!$G$20=$B$10,7,0)+IF('Standard Profiles'!$G$20=$B$17,14,0)+IF('Standard Profiles'!$G$20=$B$24,21,0),MOD($C6738,24)+1)/SUM(INDEX($D$3:$AA$30,INDEX(Jesper!$R$2:$R$366,ROW(INDEX(Jesper!AJ$2:AJ$366,ROUNDDOWN($C6738/24,0)+1,1))-1)+IF('Standard Profiles'!$G$20=$B$10,7,0)+IF('Standard Profiles'!$G$20=$B$17,14,0)+IF('Standard Profiles'!$G$20=$B$24,21,0),0)),0)</f>
        <v>0</v>
      </c>
      <c r="G6738" cm="1">
        <f t="array" ref="G6738">IFERROR(INDEX(Jesper!AK$2:AK$366,ROUNDDOWN($C6738/24,0)+1,1)*INDEX($D$3:$AA$30,INDEX(Jesper!$R$2:$R$366,ROW(INDEX(Jesper!AK$2:AK$366,ROUNDDOWN($C6738/24,0)+1,1))-1)+IF('Standard Profiles'!$G$21=$B$10,7,0)+IF('Standard Profiles'!$G$21=$B$17,14,0)+IF('Standard Profiles'!$G$21=$B$24,21,0),MOD($C6738,24)+1)/SUM(INDEX($D$3:$AA$30,INDEX(Jesper!$R$2:$R$366,ROW(INDEX(Jesper!AK$2:AK$366,ROUNDDOWN($C6738/24,0)+1,1))-1)+IF('Standard Profiles'!$G$21=$B$10,7,0)+IF('Standard Profiles'!$G$21=$B$17,14,0)+IF('Standard Profiles'!$G$21=$B$24,21,0),0)),0)</f>
        <v>0</v>
      </c>
      <c r="H6738" cm="1">
        <f t="array" ref="H6738">IFERROR(INDEX(Jesper!AL$2:AL$366,ROUNDDOWN($C6738/24,0)+1,1)*INDEX($D$3:$AA$30,INDEX(Jesper!$R$2:$R$366,ROW(INDEX(Jesper!AL$2:AL$366,ROUNDDOWN($C6738/24,0)+1,1))-1)+IF('Standard Profiles'!$G$22=$B$10,7,0)+IF('Standard Profiles'!$G$22=$B$17,14,0)+IF('Standard Profiles'!$G$22=$B$24,21,0),MOD($C6738,24)+1)/SUM(INDEX($D$3:$AA$30,INDEX(Jesper!$R$2:$R$366,ROW(INDEX(Jesper!AL$2:AL$366,ROUNDDOWN($C6738/24,0)+1,1))-1)+IF('Standard Profiles'!$G$22=$B$10,7,0)+IF('Standard Profiles'!$G$22=$B$17,14,0)+IF('Standard Profiles'!$G$22=$B$24,21,0),0)),0)</f>
        <v>0</v>
      </c>
      <c r="I6738">
        <f t="shared" si="748"/>
        <v>0.25829599193964203</v>
      </c>
      <c r="J6738">
        <f t="shared" si="749"/>
        <v>0.86098663979880685</v>
      </c>
      <c r="K6738">
        <f t="shared" si="750"/>
        <v>1.2914799596982103</v>
      </c>
      <c r="L6738">
        <f t="shared" si="751"/>
        <v>14.170219093539254</v>
      </c>
      <c r="M6738">
        <f t="shared" si="752"/>
        <v>0</v>
      </c>
      <c r="N6738" s="46">
        <f t="shared" si="753"/>
        <v>45571.333333317074</v>
      </c>
    </row>
    <row r="6739" spans="2:14" x14ac:dyDescent="0.3">
      <c r="B6739">
        <f t="shared" si="747"/>
        <v>7</v>
      </c>
      <c r="C6739" s="16">
        <v>6705</v>
      </c>
      <c r="D6739" cm="1">
        <f t="array" ref="D6739">IFERROR(INDEX(Jesper!AH$2:AH$366,ROUNDDOWN($C6739/24,0)+1,1)*INDEX($D$3:$AA$30,INDEX(Jesper!$R$2:$R$366,ROW(INDEX(Jesper!AH$2:AH$366,ROUNDDOWN($C6739/24,0)+1,1))-1)+IF('Standard Profiles'!$G$18=$B$10,7,0)+IF('Standard Profiles'!$G$18=$B$17,14,0)+IF('Standard Profiles'!$G$18=$B$24,21,0),MOD($C6739,24)+1)/SUM(INDEX($D$3:$AA$30,INDEX(Jesper!$R$2:$R$366,ROW(INDEX(Jesper!AH$2:AH$366,ROUNDDOWN($C6739/24,0)+1,1))-1)+IF('Standard Profiles'!$G$18=$B$10,7,0)+IF('Standard Profiles'!$G$18=$B$17,14,0)+IF('Standard Profiles'!$G$18=$B$24,21,0),0)),0)</f>
        <v>13.713896174445887</v>
      </c>
      <c r="E6739" cm="1">
        <f t="array" ref="E6739">IFERROR(INDEX(Jesper!AI$2:AI$366,ROUNDDOWN($C6739/24,0)+1,1)*INDEX($D$3:$AA$30,INDEX(Jesper!$R$2:$R$366,ROW(INDEX(Jesper!AI$2:AI$366,ROUNDDOWN($C6739/24,0)+1,1))-1)+IF('Standard Profiles'!$G$19=$B$10,7,0)+IF('Standard Profiles'!$G$19=$B$17,14,0)+IF('Standard Profiles'!$G$19=$B$24,21,0),MOD($C6739,24)+1)/SUM(INDEX($D$3:$AA$30,INDEX(Jesper!$R$2:$R$366,ROW(INDEX(Jesper!AI$2:AI$366,ROUNDDOWN($C6739/24,0)+1,1))-1)+IF('Standard Profiles'!$G$19=$B$10,7,0)+IF('Standard Profiles'!$G$19=$B$17,14,0)+IF('Standard Profiles'!$G$19=$B$24,21,0),0)),0)</f>
        <v>2.8670855105300257</v>
      </c>
      <c r="F6739" cm="1">
        <f t="array" ref="F6739">IFERROR(INDEX(Jesper!AJ$2:AJ$366,ROUNDDOWN($C6739/24,0)+1,1)*INDEX($D$3:$AA$30,INDEX(Jesper!$R$2:$R$366,ROW(INDEX(Jesper!AJ$2:AJ$366,ROUNDDOWN($C6739/24,0)+1,1))-1)+IF('Standard Profiles'!$G$20=$B$10,7,0)+IF('Standard Profiles'!$G$20=$B$17,14,0)+IF('Standard Profiles'!$G$20=$B$24,21,0),MOD($C6739,24)+1)/SUM(INDEX($D$3:$AA$30,INDEX(Jesper!$R$2:$R$366,ROW(INDEX(Jesper!AJ$2:AJ$366,ROUNDDOWN($C6739/24,0)+1,1))-1)+IF('Standard Profiles'!$G$20=$B$10,7,0)+IF('Standard Profiles'!$G$20=$B$17,14,0)+IF('Standard Profiles'!$G$20=$B$24,21,0),0)),0)</f>
        <v>0</v>
      </c>
      <c r="G6739" cm="1">
        <f t="array" ref="G6739">IFERROR(INDEX(Jesper!AK$2:AK$366,ROUNDDOWN($C6739/24,0)+1,1)*INDEX($D$3:$AA$30,INDEX(Jesper!$R$2:$R$366,ROW(INDEX(Jesper!AK$2:AK$366,ROUNDDOWN($C6739/24,0)+1,1))-1)+IF('Standard Profiles'!$G$21=$B$10,7,0)+IF('Standard Profiles'!$G$21=$B$17,14,0)+IF('Standard Profiles'!$G$21=$B$24,21,0),MOD($C6739,24)+1)/SUM(INDEX($D$3:$AA$30,INDEX(Jesper!$R$2:$R$366,ROW(INDEX(Jesper!AK$2:AK$366,ROUNDDOWN($C6739/24,0)+1,1))-1)+IF('Standard Profiles'!$G$21=$B$10,7,0)+IF('Standard Profiles'!$G$21=$B$17,14,0)+IF('Standard Profiles'!$G$21=$B$24,21,0),0)),0)</f>
        <v>0</v>
      </c>
      <c r="H6739" cm="1">
        <f t="array" ref="H6739">IFERROR(INDEX(Jesper!AL$2:AL$366,ROUNDDOWN($C6739/24,0)+1,1)*INDEX($D$3:$AA$30,INDEX(Jesper!$R$2:$R$366,ROW(INDEX(Jesper!AL$2:AL$366,ROUNDDOWN($C6739/24,0)+1,1))-1)+IF('Standard Profiles'!$G$22=$B$10,7,0)+IF('Standard Profiles'!$G$22=$B$17,14,0)+IF('Standard Profiles'!$G$22=$B$24,21,0),MOD($C6739,24)+1)/SUM(INDEX($D$3:$AA$30,INDEX(Jesper!$R$2:$R$366,ROW(INDEX(Jesper!AL$2:AL$366,ROUNDDOWN($C6739/24,0)+1,1))-1)+IF('Standard Profiles'!$G$22=$B$10,7,0)+IF('Standard Profiles'!$G$22=$B$17,14,0)+IF('Standard Profiles'!$G$22=$B$24,21,0),0)),0)</f>
        <v>0</v>
      </c>
      <c r="I6739">
        <f t="shared" si="748"/>
        <v>0.25829599193964203</v>
      </c>
      <c r="J6739">
        <f t="shared" si="749"/>
        <v>0.86098663979880685</v>
      </c>
      <c r="K6739">
        <f t="shared" si="750"/>
        <v>1.2914799596982103</v>
      </c>
      <c r="L6739">
        <f t="shared" si="751"/>
        <v>14.170219093539254</v>
      </c>
      <c r="M6739">
        <f t="shared" si="752"/>
        <v>0</v>
      </c>
      <c r="N6739" s="46">
        <f t="shared" si="753"/>
        <v>45571.374999983738</v>
      </c>
    </row>
    <row r="6740" spans="2:14" x14ac:dyDescent="0.3">
      <c r="B6740">
        <f t="shared" si="747"/>
        <v>7</v>
      </c>
      <c r="C6740" s="16">
        <v>6706</v>
      </c>
      <c r="D6740" cm="1">
        <f t="array" ref="D6740">IFERROR(INDEX(Jesper!AH$2:AH$366,ROUNDDOWN($C6740/24,0)+1,1)*INDEX($D$3:$AA$30,INDEX(Jesper!$R$2:$R$366,ROW(INDEX(Jesper!AH$2:AH$366,ROUNDDOWN($C6740/24,0)+1,1))-1)+IF('Standard Profiles'!$G$18=$B$10,7,0)+IF('Standard Profiles'!$G$18=$B$17,14,0)+IF('Standard Profiles'!$G$18=$B$24,21,0),MOD($C6740,24)+1)/SUM(INDEX($D$3:$AA$30,INDEX(Jesper!$R$2:$R$366,ROW(INDEX(Jesper!AH$2:AH$366,ROUNDDOWN($C6740/24,0)+1,1))-1)+IF('Standard Profiles'!$G$18=$B$10,7,0)+IF('Standard Profiles'!$G$18=$B$17,14,0)+IF('Standard Profiles'!$G$18=$B$24,21,0),0)),0)</f>
        <v>13.713896174445887</v>
      </c>
      <c r="E6740" cm="1">
        <f t="array" ref="E6740">IFERROR(INDEX(Jesper!AI$2:AI$366,ROUNDDOWN($C6740/24,0)+1,1)*INDEX($D$3:$AA$30,INDEX(Jesper!$R$2:$R$366,ROW(INDEX(Jesper!AI$2:AI$366,ROUNDDOWN($C6740/24,0)+1,1))-1)+IF('Standard Profiles'!$G$19=$B$10,7,0)+IF('Standard Profiles'!$G$19=$B$17,14,0)+IF('Standard Profiles'!$G$19=$B$24,21,0),MOD($C6740,24)+1)/SUM(INDEX($D$3:$AA$30,INDEX(Jesper!$R$2:$R$366,ROW(INDEX(Jesper!AI$2:AI$366,ROUNDDOWN($C6740/24,0)+1,1))-1)+IF('Standard Profiles'!$G$19=$B$10,7,0)+IF('Standard Profiles'!$G$19=$B$17,14,0)+IF('Standard Profiles'!$G$19=$B$24,21,0),0)),0)</f>
        <v>2.8670855105300257</v>
      </c>
      <c r="F6740" cm="1">
        <f t="array" ref="F6740">IFERROR(INDEX(Jesper!AJ$2:AJ$366,ROUNDDOWN($C6740/24,0)+1,1)*INDEX($D$3:$AA$30,INDEX(Jesper!$R$2:$R$366,ROW(INDEX(Jesper!AJ$2:AJ$366,ROUNDDOWN($C6740/24,0)+1,1))-1)+IF('Standard Profiles'!$G$20=$B$10,7,0)+IF('Standard Profiles'!$G$20=$B$17,14,0)+IF('Standard Profiles'!$G$20=$B$24,21,0),MOD($C6740,24)+1)/SUM(INDEX($D$3:$AA$30,INDEX(Jesper!$R$2:$R$366,ROW(INDEX(Jesper!AJ$2:AJ$366,ROUNDDOWN($C6740/24,0)+1,1))-1)+IF('Standard Profiles'!$G$20=$B$10,7,0)+IF('Standard Profiles'!$G$20=$B$17,14,0)+IF('Standard Profiles'!$G$20=$B$24,21,0),0)),0)</f>
        <v>0</v>
      </c>
      <c r="G6740" cm="1">
        <f t="array" ref="G6740">IFERROR(INDEX(Jesper!AK$2:AK$366,ROUNDDOWN($C6740/24,0)+1,1)*INDEX($D$3:$AA$30,INDEX(Jesper!$R$2:$R$366,ROW(INDEX(Jesper!AK$2:AK$366,ROUNDDOWN($C6740/24,0)+1,1))-1)+IF('Standard Profiles'!$G$21=$B$10,7,0)+IF('Standard Profiles'!$G$21=$B$17,14,0)+IF('Standard Profiles'!$G$21=$B$24,21,0),MOD($C6740,24)+1)/SUM(INDEX($D$3:$AA$30,INDEX(Jesper!$R$2:$R$366,ROW(INDEX(Jesper!AK$2:AK$366,ROUNDDOWN($C6740/24,0)+1,1))-1)+IF('Standard Profiles'!$G$21=$B$10,7,0)+IF('Standard Profiles'!$G$21=$B$17,14,0)+IF('Standard Profiles'!$G$21=$B$24,21,0),0)),0)</f>
        <v>0</v>
      </c>
      <c r="H6740" cm="1">
        <f t="array" ref="H6740">IFERROR(INDEX(Jesper!AL$2:AL$366,ROUNDDOWN($C6740/24,0)+1,1)*INDEX($D$3:$AA$30,INDEX(Jesper!$R$2:$R$366,ROW(INDEX(Jesper!AL$2:AL$366,ROUNDDOWN($C6740/24,0)+1,1))-1)+IF('Standard Profiles'!$G$22=$B$10,7,0)+IF('Standard Profiles'!$G$22=$B$17,14,0)+IF('Standard Profiles'!$G$22=$B$24,21,0),MOD($C6740,24)+1)/SUM(INDEX($D$3:$AA$30,INDEX(Jesper!$R$2:$R$366,ROW(INDEX(Jesper!AL$2:AL$366,ROUNDDOWN($C6740/24,0)+1,1))-1)+IF('Standard Profiles'!$G$22=$B$10,7,0)+IF('Standard Profiles'!$G$22=$B$17,14,0)+IF('Standard Profiles'!$G$22=$B$24,21,0),0)),0)</f>
        <v>0</v>
      </c>
      <c r="I6740">
        <f t="shared" si="748"/>
        <v>0.25829599193964203</v>
      </c>
      <c r="J6740">
        <f t="shared" si="749"/>
        <v>0.86098663979880685</v>
      </c>
      <c r="K6740">
        <f t="shared" si="750"/>
        <v>1.2914799596982103</v>
      </c>
      <c r="L6740">
        <f t="shared" si="751"/>
        <v>14.170219093539254</v>
      </c>
      <c r="M6740">
        <f t="shared" si="752"/>
        <v>0</v>
      </c>
      <c r="N6740" s="46">
        <f t="shared" si="753"/>
        <v>45571.416666650402</v>
      </c>
    </row>
    <row r="6741" spans="2:14" x14ac:dyDescent="0.3">
      <c r="B6741">
        <f t="shared" si="747"/>
        <v>7</v>
      </c>
      <c r="C6741" s="16">
        <v>6707</v>
      </c>
      <c r="D6741" cm="1">
        <f t="array" ref="D6741">IFERROR(INDEX(Jesper!AH$2:AH$366,ROUNDDOWN($C6741/24,0)+1,1)*INDEX($D$3:$AA$30,INDEX(Jesper!$R$2:$R$366,ROW(INDEX(Jesper!AH$2:AH$366,ROUNDDOWN($C6741/24,0)+1,1))-1)+IF('Standard Profiles'!$G$18=$B$10,7,0)+IF('Standard Profiles'!$G$18=$B$17,14,0)+IF('Standard Profiles'!$G$18=$B$24,21,0),MOD($C6741,24)+1)/SUM(INDEX($D$3:$AA$30,INDEX(Jesper!$R$2:$R$366,ROW(INDEX(Jesper!AH$2:AH$366,ROUNDDOWN($C6741/24,0)+1,1))-1)+IF('Standard Profiles'!$G$18=$B$10,7,0)+IF('Standard Profiles'!$G$18=$B$17,14,0)+IF('Standard Profiles'!$G$18=$B$24,21,0),0)),0)</f>
        <v>13.713896174445887</v>
      </c>
      <c r="E6741" cm="1">
        <f t="array" ref="E6741">IFERROR(INDEX(Jesper!AI$2:AI$366,ROUNDDOWN($C6741/24,0)+1,1)*INDEX($D$3:$AA$30,INDEX(Jesper!$R$2:$R$366,ROW(INDEX(Jesper!AI$2:AI$366,ROUNDDOWN($C6741/24,0)+1,1))-1)+IF('Standard Profiles'!$G$19=$B$10,7,0)+IF('Standard Profiles'!$G$19=$B$17,14,0)+IF('Standard Profiles'!$G$19=$B$24,21,0),MOD($C6741,24)+1)/SUM(INDEX($D$3:$AA$30,INDEX(Jesper!$R$2:$R$366,ROW(INDEX(Jesper!AI$2:AI$366,ROUNDDOWN($C6741/24,0)+1,1))-1)+IF('Standard Profiles'!$G$19=$B$10,7,0)+IF('Standard Profiles'!$G$19=$B$17,14,0)+IF('Standard Profiles'!$G$19=$B$24,21,0),0)),0)</f>
        <v>2.8670855105300257</v>
      </c>
      <c r="F6741" cm="1">
        <f t="array" ref="F6741">IFERROR(INDEX(Jesper!AJ$2:AJ$366,ROUNDDOWN($C6741/24,0)+1,1)*INDEX($D$3:$AA$30,INDEX(Jesper!$R$2:$R$366,ROW(INDEX(Jesper!AJ$2:AJ$366,ROUNDDOWN($C6741/24,0)+1,1))-1)+IF('Standard Profiles'!$G$20=$B$10,7,0)+IF('Standard Profiles'!$G$20=$B$17,14,0)+IF('Standard Profiles'!$G$20=$B$24,21,0),MOD($C6741,24)+1)/SUM(INDEX($D$3:$AA$30,INDEX(Jesper!$R$2:$R$366,ROW(INDEX(Jesper!AJ$2:AJ$366,ROUNDDOWN($C6741/24,0)+1,1))-1)+IF('Standard Profiles'!$G$20=$B$10,7,0)+IF('Standard Profiles'!$G$20=$B$17,14,0)+IF('Standard Profiles'!$G$20=$B$24,21,0),0)),0)</f>
        <v>0</v>
      </c>
      <c r="G6741" cm="1">
        <f t="array" ref="G6741">IFERROR(INDEX(Jesper!AK$2:AK$366,ROUNDDOWN($C6741/24,0)+1,1)*INDEX($D$3:$AA$30,INDEX(Jesper!$R$2:$R$366,ROW(INDEX(Jesper!AK$2:AK$366,ROUNDDOWN($C6741/24,0)+1,1))-1)+IF('Standard Profiles'!$G$21=$B$10,7,0)+IF('Standard Profiles'!$G$21=$B$17,14,0)+IF('Standard Profiles'!$G$21=$B$24,21,0),MOD($C6741,24)+1)/SUM(INDEX($D$3:$AA$30,INDEX(Jesper!$R$2:$R$366,ROW(INDEX(Jesper!AK$2:AK$366,ROUNDDOWN($C6741/24,0)+1,1))-1)+IF('Standard Profiles'!$G$21=$B$10,7,0)+IF('Standard Profiles'!$G$21=$B$17,14,0)+IF('Standard Profiles'!$G$21=$B$24,21,0),0)),0)</f>
        <v>0</v>
      </c>
      <c r="H6741" cm="1">
        <f t="array" ref="H6741">IFERROR(INDEX(Jesper!AL$2:AL$366,ROUNDDOWN($C6741/24,0)+1,1)*INDEX($D$3:$AA$30,INDEX(Jesper!$R$2:$R$366,ROW(INDEX(Jesper!AL$2:AL$366,ROUNDDOWN($C6741/24,0)+1,1))-1)+IF('Standard Profiles'!$G$22=$B$10,7,0)+IF('Standard Profiles'!$G$22=$B$17,14,0)+IF('Standard Profiles'!$G$22=$B$24,21,0),MOD($C6741,24)+1)/SUM(INDEX($D$3:$AA$30,INDEX(Jesper!$R$2:$R$366,ROW(INDEX(Jesper!AL$2:AL$366,ROUNDDOWN($C6741/24,0)+1,1))-1)+IF('Standard Profiles'!$G$22=$B$10,7,0)+IF('Standard Profiles'!$G$22=$B$17,14,0)+IF('Standard Profiles'!$G$22=$B$24,21,0),0)),0)</f>
        <v>0</v>
      </c>
      <c r="I6741">
        <f t="shared" si="748"/>
        <v>0.25829599193964203</v>
      </c>
      <c r="J6741">
        <f t="shared" si="749"/>
        <v>0.86098663979880685</v>
      </c>
      <c r="K6741">
        <f t="shared" si="750"/>
        <v>1.2914799596982103</v>
      </c>
      <c r="L6741">
        <f t="shared" si="751"/>
        <v>14.170219093539254</v>
      </c>
      <c r="M6741">
        <f t="shared" si="752"/>
        <v>0</v>
      </c>
      <c r="N6741" s="46">
        <f t="shared" si="753"/>
        <v>45571.458333317067</v>
      </c>
    </row>
    <row r="6742" spans="2:14" x14ac:dyDescent="0.3">
      <c r="B6742">
        <f t="shared" si="747"/>
        <v>7</v>
      </c>
      <c r="C6742" s="16">
        <v>6708</v>
      </c>
      <c r="D6742" cm="1">
        <f t="array" ref="D6742">IFERROR(INDEX(Jesper!AH$2:AH$366,ROUNDDOWN($C6742/24,0)+1,1)*INDEX($D$3:$AA$30,INDEX(Jesper!$R$2:$R$366,ROW(INDEX(Jesper!AH$2:AH$366,ROUNDDOWN($C6742/24,0)+1,1))-1)+IF('Standard Profiles'!$G$18=$B$10,7,0)+IF('Standard Profiles'!$G$18=$B$17,14,0)+IF('Standard Profiles'!$G$18=$B$24,21,0),MOD($C6742,24)+1)/SUM(INDEX($D$3:$AA$30,INDEX(Jesper!$R$2:$R$366,ROW(INDEX(Jesper!AH$2:AH$366,ROUNDDOWN($C6742/24,0)+1,1))-1)+IF('Standard Profiles'!$G$18=$B$10,7,0)+IF('Standard Profiles'!$G$18=$B$17,14,0)+IF('Standard Profiles'!$G$18=$B$24,21,0),0)),0)</f>
        <v>13.713896174445887</v>
      </c>
      <c r="E6742" cm="1">
        <f t="array" ref="E6742">IFERROR(INDEX(Jesper!AI$2:AI$366,ROUNDDOWN($C6742/24,0)+1,1)*INDEX($D$3:$AA$30,INDEX(Jesper!$R$2:$R$366,ROW(INDEX(Jesper!AI$2:AI$366,ROUNDDOWN($C6742/24,0)+1,1))-1)+IF('Standard Profiles'!$G$19=$B$10,7,0)+IF('Standard Profiles'!$G$19=$B$17,14,0)+IF('Standard Profiles'!$G$19=$B$24,21,0),MOD($C6742,24)+1)/SUM(INDEX($D$3:$AA$30,INDEX(Jesper!$R$2:$R$366,ROW(INDEX(Jesper!AI$2:AI$366,ROUNDDOWN($C6742/24,0)+1,1))-1)+IF('Standard Profiles'!$G$19=$B$10,7,0)+IF('Standard Profiles'!$G$19=$B$17,14,0)+IF('Standard Profiles'!$G$19=$B$24,21,0),0)),0)</f>
        <v>2.8670855105300257</v>
      </c>
      <c r="F6742" cm="1">
        <f t="array" ref="F6742">IFERROR(INDEX(Jesper!AJ$2:AJ$366,ROUNDDOWN($C6742/24,0)+1,1)*INDEX($D$3:$AA$30,INDEX(Jesper!$R$2:$R$366,ROW(INDEX(Jesper!AJ$2:AJ$366,ROUNDDOWN($C6742/24,0)+1,1))-1)+IF('Standard Profiles'!$G$20=$B$10,7,0)+IF('Standard Profiles'!$G$20=$B$17,14,0)+IF('Standard Profiles'!$G$20=$B$24,21,0),MOD($C6742,24)+1)/SUM(INDEX($D$3:$AA$30,INDEX(Jesper!$R$2:$R$366,ROW(INDEX(Jesper!AJ$2:AJ$366,ROUNDDOWN($C6742/24,0)+1,1))-1)+IF('Standard Profiles'!$G$20=$B$10,7,0)+IF('Standard Profiles'!$G$20=$B$17,14,0)+IF('Standard Profiles'!$G$20=$B$24,21,0),0)),0)</f>
        <v>0</v>
      </c>
      <c r="G6742" cm="1">
        <f t="array" ref="G6742">IFERROR(INDEX(Jesper!AK$2:AK$366,ROUNDDOWN($C6742/24,0)+1,1)*INDEX($D$3:$AA$30,INDEX(Jesper!$R$2:$R$366,ROW(INDEX(Jesper!AK$2:AK$366,ROUNDDOWN($C6742/24,0)+1,1))-1)+IF('Standard Profiles'!$G$21=$B$10,7,0)+IF('Standard Profiles'!$G$21=$B$17,14,0)+IF('Standard Profiles'!$G$21=$B$24,21,0),MOD($C6742,24)+1)/SUM(INDEX($D$3:$AA$30,INDEX(Jesper!$R$2:$R$366,ROW(INDEX(Jesper!AK$2:AK$366,ROUNDDOWN($C6742/24,0)+1,1))-1)+IF('Standard Profiles'!$G$21=$B$10,7,0)+IF('Standard Profiles'!$G$21=$B$17,14,0)+IF('Standard Profiles'!$G$21=$B$24,21,0),0)),0)</f>
        <v>0</v>
      </c>
      <c r="H6742" cm="1">
        <f t="array" ref="H6742">IFERROR(INDEX(Jesper!AL$2:AL$366,ROUNDDOWN($C6742/24,0)+1,1)*INDEX($D$3:$AA$30,INDEX(Jesper!$R$2:$R$366,ROW(INDEX(Jesper!AL$2:AL$366,ROUNDDOWN($C6742/24,0)+1,1))-1)+IF('Standard Profiles'!$G$22=$B$10,7,0)+IF('Standard Profiles'!$G$22=$B$17,14,0)+IF('Standard Profiles'!$G$22=$B$24,21,0),MOD($C6742,24)+1)/SUM(INDEX($D$3:$AA$30,INDEX(Jesper!$R$2:$R$366,ROW(INDEX(Jesper!AL$2:AL$366,ROUNDDOWN($C6742/24,0)+1,1))-1)+IF('Standard Profiles'!$G$22=$B$10,7,0)+IF('Standard Profiles'!$G$22=$B$17,14,0)+IF('Standard Profiles'!$G$22=$B$24,21,0),0)),0)</f>
        <v>0</v>
      </c>
      <c r="I6742">
        <f t="shared" si="748"/>
        <v>0.25829599193964203</v>
      </c>
      <c r="J6742">
        <f t="shared" si="749"/>
        <v>0.86098663979880685</v>
      </c>
      <c r="K6742">
        <f t="shared" si="750"/>
        <v>1.2914799596982103</v>
      </c>
      <c r="L6742">
        <f t="shared" si="751"/>
        <v>14.170219093539254</v>
      </c>
      <c r="M6742">
        <f t="shared" si="752"/>
        <v>0</v>
      </c>
      <c r="N6742" s="46">
        <f t="shared" si="753"/>
        <v>45571.499999983731</v>
      </c>
    </row>
    <row r="6743" spans="2:14" x14ac:dyDescent="0.3">
      <c r="B6743">
        <f t="shared" si="747"/>
        <v>7</v>
      </c>
      <c r="C6743" s="16">
        <v>6709</v>
      </c>
      <c r="D6743" cm="1">
        <f t="array" ref="D6743">IFERROR(INDEX(Jesper!AH$2:AH$366,ROUNDDOWN($C6743/24,0)+1,1)*INDEX($D$3:$AA$30,INDEX(Jesper!$R$2:$R$366,ROW(INDEX(Jesper!AH$2:AH$366,ROUNDDOWN($C6743/24,0)+1,1))-1)+IF('Standard Profiles'!$G$18=$B$10,7,0)+IF('Standard Profiles'!$G$18=$B$17,14,0)+IF('Standard Profiles'!$G$18=$B$24,21,0),MOD($C6743,24)+1)/SUM(INDEX($D$3:$AA$30,INDEX(Jesper!$R$2:$R$366,ROW(INDEX(Jesper!AH$2:AH$366,ROUNDDOWN($C6743/24,0)+1,1))-1)+IF('Standard Profiles'!$G$18=$B$10,7,0)+IF('Standard Profiles'!$G$18=$B$17,14,0)+IF('Standard Profiles'!$G$18=$B$24,21,0),0)),0)</f>
        <v>13.713896174445887</v>
      </c>
      <c r="E6743" cm="1">
        <f t="array" ref="E6743">IFERROR(INDEX(Jesper!AI$2:AI$366,ROUNDDOWN($C6743/24,0)+1,1)*INDEX($D$3:$AA$30,INDEX(Jesper!$R$2:$R$366,ROW(INDEX(Jesper!AI$2:AI$366,ROUNDDOWN($C6743/24,0)+1,1))-1)+IF('Standard Profiles'!$G$19=$B$10,7,0)+IF('Standard Profiles'!$G$19=$B$17,14,0)+IF('Standard Profiles'!$G$19=$B$24,21,0),MOD($C6743,24)+1)/SUM(INDEX($D$3:$AA$30,INDEX(Jesper!$R$2:$R$366,ROW(INDEX(Jesper!AI$2:AI$366,ROUNDDOWN($C6743/24,0)+1,1))-1)+IF('Standard Profiles'!$G$19=$B$10,7,0)+IF('Standard Profiles'!$G$19=$B$17,14,0)+IF('Standard Profiles'!$G$19=$B$24,21,0),0)),0)</f>
        <v>2.8670855105300257</v>
      </c>
      <c r="F6743" cm="1">
        <f t="array" ref="F6743">IFERROR(INDEX(Jesper!AJ$2:AJ$366,ROUNDDOWN($C6743/24,0)+1,1)*INDEX($D$3:$AA$30,INDEX(Jesper!$R$2:$R$366,ROW(INDEX(Jesper!AJ$2:AJ$366,ROUNDDOWN($C6743/24,0)+1,1))-1)+IF('Standard Profiles'!$G$20=$B$10,7,0)+IF('Standard Profiles'!$G$20=$B$17,14,0)+IF('Standard Profiles'!$G$20=$B$24,21,0),MOD($C6743,24)+1)/SUM(INDEX($D$3:$AA$30,INDEX(Jesper!$R$2:$R$366,ROW(INDEX(Jesper!AJ$2:AJ$366,ROUNDDOWN($C6743/24,0)+1,1))-1)+IF('Standard Profiles'!$G$20=$B$10,7,0)+IF('Standard Profiles'!$G$20=$B$17,14,0)+IF('Standard Profiles'!$G$20=$B$24,21,0),0)),0)</f>
        <v>0</v>
      </c>
      <c r="G6743" cm="1">
        <f t="array" ref="G6743">IFERROR(INDEX(Jesper!AK$2:AK$366,ROUNDDOWN($C6743/24,0)+1,1)*INDEX($D$3:$AA$30,INDEX(Jesper!$R$2:$R$366,ROW(INDEX(Jesper!AK$2:AK$366,ROUNDDOWN($C6743/24,0)+1,1))-1)+IF('Standard Profiles'!$G$21=$B$10,7,0)+IF('Standard Profiles'!$G$21=$B$17,14,0)+IF('Standard Profiles'!$G$21=$B$24,21,0),MOD($C6743,24)+1)/SUM(INDEX($D$3:$AA$30,INDEX(Jesper!$R$2:$R$366,ROW(INDEX(Jesper!AK$2:AK$366,ROUNDDOWN($C6743/24,0)+1,1))-1)+IF('Standard Profiles'!$G$21=$B$10,7,0)+IF('Standard Profiles'!$G$21=$B$17,14,0)+IF('Standard Profiles'!$G$21=$B$24,21,0),0)),0)</f>
        <v>0</v>
      </c>
      <c r="H6743" cm="1">
        <f t="array" ref="H6743">IFERROR(INDEX(Jesper!AL$2:AL$366,ROUNDDOWN($C6743/24,0)+1,1)*INDEX($D$3:$AA$30,INDEX(Jesper!$R$2:$R$366,ROW(INDEX(Jesper!AL$2:AL$366,ROUNDDOWN($C6743/24,0)+1,1))-1)+IF('Standard Profiles'!$G$22=$B$10,7,0)+IF('Standard Profiles'!$G$22=$B$17,14,0)+IF('Standard Profiles'!$G$22=$B$24,21,0),MOD($C6743,24)+1)/SUM(INDEX($D$3:$AA$30,INDEX(Jesper!$R$2:$R$366,ROW(INDEX(Jesper!AL$2:AL$366,ROUNDDOWN($C6743/24,0)+1,1))-1)+IF('Standard Profiles'!$G$22=$B$10,7,0)+IF('Standard Profiles'!$G$22=$B$17,14,0)+IF('Standard Profiles'!$G$22=$B$24,21,0),0)),0)</f>
        <v>0</v>
      </c>
      <c r="I6743">
        <f t="shared" si="748"/>
        <v>0.25829599193964203</v>
      </c>
      <c r="J6743">
        <f t="shared" si="749"/>
        <v>0.86098663979880685</v>
      </c>
      <c r="K6743">
        <f t="shared" si="750"/>
        <v>1.2914799596982103</v>
      </c>
      <c r="L6743">
        <f t="shared" si="751"/>
        <v>14.170219093539254</v>
      </c>
      <c r="M6743">
        <f t="shared" si="752"/>
        <v>0</v>
      </c>
      <c r="N6743" s="46">
        <f t="shared" si="753"/>
        <v>45571.541666650395</v>
      </c>
    </row>
    <row r="6744" spans="2:14" x14ac:dyDescent="0.3">
      <c r="B6744">
        <f t="shared" si="747"/>
        <v>7</v>
      </c>
      <c r="C6744" s="16">
        <v>6710</v>
      </c>
      <c r="D6744" cm="1">
        <f t="array" ref="D6744">IFERROR(INDEX(Jesper!AH$2:AH$366,ROUNDDOWN($C6744/24,0)+1,1)*INDEX($D$3:$AA$30,INDEX(Jesper!$R$2:$R$366,ROW(INDEX(Jesper!AH$2:AH$366,ROUNDDOWN($C6744/24,0)+1,1))-1)+IF('Standard Profiles'!$G$18=$B$10,7,0)+IF('Standard Profiles'!$G$18=$B$17,14,0)+IF('Standard Profiles'!$G$18=$B$24,21,0),MOD($C6744,24)+1)/SUM(INDEX($D$3:$AA$30,INDEX(Jesper!$R$2:$R$366,ROW(INDEX(Jesper!AH$2:AH$366,ROUNDDOWN($C6744/24,0)+1,1))-1)+IF('Standard Profiles'!$G$18=$B$10,7,0)+IF('Standard Profiles'!$G$18=$B$17,14,0)+IF('Standard Profiles'!$G$18=$B$24,21,0),0)),0)</f>
        <v>13.713896174445887</v>
      </c>
      <c r="E6744" cm="1">
        <f t="array" ref="E6744">IFERROR(INDEX(Jesper!AI$2:AI$366,ROUNDDOWN($C6744/24,0)+1,1)*INDEX($D$3:$AA$30,INDEX(Jesper!$R$2:$R$366,ROW(INDEX(Jesper!AI$2:AI$366,ROUNDDOWN($C6744/24,0)+1,1))-1)+IF('Standard Profiles'!$G$19=$B$10,7,0)+IF('Standard Profiles'!$G$19=$B$17,14,0)+IF('Standard Profiles'!$G$19=$B$24,21,0),MOD($C6744,24)+1)/SUM(INDEX($D$3:$AA$30,INDEX(Jesper!$R$2:$R$366,ROW(INDEX(Jesper!AI$2:AI$366,ROUNDDOWN($C6744/24,0)+1,1))-1)+IF('Standard Profiles'!$G$19=$B$10,7,0)+IF('Standard Profiles'!$G$19=$B$17,14,0)+IF('Standard Profiles'!$G$19=$B$24,21,0),0)),0)</f>
        <v>2.8670855105300257</v>
      </c>
      <c r="F6744" cm="1">
        <f t="array" ref="F6744">IFERROR(INDEX(Jesper!AJ$2:AJ$366,ROUNDDOWN($C6744/24,0)+1,1)*INDEX($D$3:$AA$30,INDEX(Jesper!$R$2:$R$366,ROW(INDEX(Jesper!AJ$2:AJ$366,ROUNDDOWN($C6744/24,0)+1,1))-1)+IF('Standard Profiles'!$G$20=$B$10,7,0)+IF('Standard Profiles'!$G$20=$B$17,14,0)+IF('Standard Profiles'!$G$20=$B$24,21,0),MOD($C6744,24)+1)/SUM(INDEX($D$3:$AA$30,INDEX(Jesper!$R$2:$R$366,ROW(INDEX(Jesper!AJ$2:AJ$366,ROUNDDOWN($C6744/24,0)+1,1))-1)+IF('Standard Profiles'!$G$20=$B$10,7,0)+IF('Standard Profiles'!$G$20=$B$17,14,0)+IF('Standard Profiles'!$G$20=$B$24,21,0),0)),0)</f>
        <v>0</v>
      </c>
      <c r="G6744" cm="1">
        <f t="array" ref="G6744">IFERROR(INDEX(Jesper!AK$2:AK$366,ROUNDDOWN($C6744/24,0)+1,1)*INDEX($D$3:$AA$30,INDEX(Jesper!$R$2:$R$366,ROW(INDEX(Jesper!AK$2:AK$366,ROUNDDOWN($C6744/24,0)+1,1))-1)+IF('Standard Profiles'!$G$21=$B$10,7,0)+IF('Standard Profiles'!$G$21=$B$17,14,0)+IF('Standard Profiles'!$G$21=$B$24,21,0),MOD($C6744,24)+1)/SUM(INDEX($D$3:$AA$30,INDEX(Jesper!$R$2:$R$366,ROW(INDEX(Jesper!AK$2:AK$366,ROUNDDOWN($C6744/24,0)+1,1))-1)+IF('Standard Profiles'!$G$21=$B$10,7,0)+IF('Standard Profiles'!$G$21=$B$17,14,0)+IF('Standard Profiles'!$G$21=$B$24,21,0),0)),0)</f>
        <v>0</v>
      </c>
      <c r="H6744" cm="1">
        <f t="array" ref="H6744">IFERROR(INDEX(Jesper!AL$2:AL$366,ROUNDDOWN($C6744/24,0)+1,1)*INDEX($D$3:$AA$30,INDEX(Jesper!$R$2:$R$366,ROW(INDEX(Jesper!AL$2:AL$366,ROUNDDOWN($C6744/24,0)+1,1))-1)+IF('Standard Profiles'!$G$22=$B$10,7,0)+IF('Standard Profiles'!$G$22=$B$17,14,0)+IF('Standard Profiles'!$G$22=$B$24,21,0),MOD($C6744,24)+1)/SUM(INDEX($D$3:$AA$30,INDEX(Jesper!$R$2:$R$366,ROW(INDEX(Jesper!AL$2:AL$366,ROUNDDOWN($C6744/24,0)+1,1))-1)+IF('Standard Profiles'!$G$22=$B$10,7,0)+IF('Standard Profiles'!$G$22=$B$17,14,0)+IF('Standard Profiles'!$G$22=$B$24,21,0),0)),0)</f>
        <v>0</v>
      </c>
      <c r="I6744">
        <f t="shared" si="748"/>
        <v>0.25829599193964203</v>
      </c>
      <c r="J6744">
        <f t="shared" si="749"/>
        <v>0.86098663979880685</v>
      </c>
      <c r="K6744">
        <f t="shared" si="750"/>
        <v>1.2914799596982103</v>
      </c>
      <c r="L6744">
        <f t="shared" si="751"/>
        <v>14.170219093539254</v>
      </c>
      <c r="M6744">
        <f t="shared" si="752"/>
        <v>0</v>
      </c>
      <c r="N6744" s="46">
        <f t="shared" si="753"/>
        <v>45571.583333317059</v>
      </c>
    </row>
    <row r="6745" spans="2:14" x14ac:dyDescent="0.3">
      <c r="B6745">
        <f t="shared" si="747"/>
        <v>7</v>
      </c>
      <c r="C6745" s="16">
        <v>6711</v>
      </c>
      <c r="D6745" cm="1">
        <f t="array" ref="D6745">IFERROR(INDEX(Jesper!AH$2:AH$366,ROUNDDOWN($C6745/24,0)+1,1)*INDEX($D$3:$AA$30,INDEX(Jesper!$R$2:$R$366,ROW(INDEX(Jesper!AH$2:AH$366,ROUNDDOWN($C6745/24,0)+1,1))-1)+IF('Standard Profiles'!$G$18=$B$10,7,0)+IF('Standard Profiles'!$G$18=$B$17,14,0)+IF('Standard Profiles'!$G$18=$B$24,21,0),MOD($C6745,24)+1)/SUM(INDEX($D$3:$AA$30,INDEX(Jesper!$R$2:$R$366,ROW(INDEX(Jesper!AH$2:AH$366,ROUNDDOWN($C6745/24,0)+1,1))-1)+IF('Standard Profiles'!$G$18=$B$10,7,0)+IF('Standard Profiles'!$G$18=$B$17,14,0)+IF('Standard Profiles'!$G$18=$B$24,21,0),0)),0)</f>
        <v>12.190129932840788</v>
      </c>
      <c r="E6745" cm="1">
        <f t="array" ref="E6745">IFERROR(INDEX(Jesper!AI$2:AI$366,ROUNDDOWN($C6745/24,0)+1,1)*INDEX($D$3:$AA$30,INDEX(Jesper!$R$2:$R$366,ROW(INDEX(Jesper!AI$2:AI$366,ROUNDDOWN($C6745/24,0)+1,1))-1)+IF('Standard Profiles'!$G$19=$B$10,7,0)+IF('Standard Profiles'!$G$19=$B$17,14,0)+IF('Standard Profiles'!$G$19=$B$24,21,0),MOD($C6745,24)+1)/SUM(INDEX($D$3:$AA$30,INDEX(Jesper!$R$2:$R$366,ROW(INDEX(Jesper!AI$2:AI$366,ROUNDDOWN($C6745/24,0)+1,1))-1)+IF('Standard Profiles'!$G$19=$B$10,7,0)+IF('Standard Profiles'!$G$19=$B$17,14,0)+IF('Standard Profiles'!$G$19=$B$24,21,0),0)),0)</f>
        <v>2.5485204538044672</v>
      </c>
      <c r="F6745" cm="1">
        <f t="array" ref="F6745">IFERROR(INDEX(Jesper!AJ$2:AJ$366,ROUNDDOWN($C6745/24,0)+1,1)*INDEX($D$3:$AA$30,INDEX(Jesper!$R$2:$R$366,ROW(INDEX(Jesper!AJ$2:AJ$366,ROUNDDOWN($C6745/24,0)+1,1))-1)+IF('Standard Profiles'!$G$20=$B$10,7,0)+IF('Standard Profiles'!$G$20=$B$17,14,0)+IF('Standard Profiles'!$G$20=$B$24,21,0),MOD($C6745,24)+1)/SUM(INDEX($D$3:$AA$30,INDEX(Jesper!$R$2:$R$366,ROW(INDEX(Jesper!AJ$2:AJ$366,ROUNDDOWN($C6745/24,0)+1,1))-1)+IF('Standard Profiles'!$G$20=$B$10,7,0)+IF('Standard Profiles'!$G$20=$B$17,14,0)+IF('Standard Profiles'!$G$20=$B$24,21,0),0)),0)</f>
        <v>0</v>
      </c>
      <c r="G6745" cm="1">
        <f t="array" ref="G6745">IFERROR(INDEX(Jesper!AK$2:AK$366,ROUNDDOWN($C6745/24,0)+1,1)*INDEX($D$3:$AA$30,INDEX(Jesper!$R$2:$R$366,ROW(INDEX(Jesper!AK$2:AK$366,ROUNDDOWN($C6745/24,0)+1,1))-1)+IF('Standard Profiles'!$G$21=$B$10,7,0)+IF('Standard Profiles'!$G$21=$B$17,14,0)+IF('Standard Profiles'!$G$21=$B$24,21,0),MOD($C6745,24)+1)/SUM(INDEX($D$3:$AA$30,INDEX(Jesper!$R$2:$R$366,ROW(INDEX(Jesper!AK$2:AK$366,ROUNDDOWN($C6745/24,0)+1,1))-1)+IF('Standard Profiles'!$G$21=$B$10,7,0)+IF('Standard Profiles'!$G$21=$B$17,14,0)+IF('Standard Profiles'!$G$21=$B$24,21,0),0)),0)</f>
        <v>0</v>
      </c>
      <c r="H6745" cm="1">
        <f t="array" ref="H6745">IFERROR(INDEX(Jesper!AL$2:AL$366,ROUNDDOWN($C6745/24,0)+1,1)*INDEX($D$3:$AA$30,INDEX(Jesper!$R$2:$R$366,ROW(INDEX(Jesper!AL$2:AL$366,ROUNDDOWN($C6745/24,0)+1,1))-1)+IF('Standard Profiles'!$G$22=$B$10,7,0)+IF('Standard Profiles'!$G$22=$B$17,14,0)+IF('Standard Profiles'!$G$22=$B$24,21,0),MOD($C6745,24)+1)/SUM(INDEX($D$3:$AA$30,INDEX(Jesper!$R$2:$R$366,ROW(INDEX(Jesper!AL$2:AL$366,ROUNDDOWN($C6745/24,0)+1,1))-1)+IF('Standard Profiles'!$G$22=$B$10,7,0)+IF('Standard Profiles'!$G$22=$B$17,14,0)+IF('Standard Profiles'!$G$22=$B$24,21,0),0)),0)</f>
        <v>0</v>
      </c>
      <c r="I6745">
        <f t="shared" si="748"/>
        <v>0.22959643727968179</v>
      </c>
      <c r="J6745">
        <f t="shared" si="749"/>
        <v>0.76532145759893944</v>
      </c>
      <c r="K6745">
        <f t="shared" si="750"/>
        <v>1.1479821863984092</v>
      </c>
      <c r="L6745">
        <f t="shared" si="751"/>
        <v>12.595750305368226</v>
      </c>
      <c r="M6745">
        <f t="shared" si="752"/>
        <v>0</v>
      </c>
      <c r="N6745" s="46">
        <f t="shared" si="753"/>
        <v>45571.624999983724</v>
      </c>
    </row>
    <row r="6746" spans="2:14" x14ac:dyDescent="0.3">
      <c r="B6746">
        <f t="shared" si="747"/>
        <v>7</v>
      </c>
      <c r="C6746" s="16">
        <v>6712</v>
      </c>
      <c r="D6746" cm="1">
        <f t="array" ref="D6746">IFERROR(INDEX(Jesper!AH$2:AH$366,ROUNDDOWN($C6746/24,0)+1,1)*INDEX($D$3:$AA$30,INDEX(Jesper!$R$2:$R$366,ROW(INDEX(Jesper!AH$2:AH$366,ROUNDDOWN($C6746/24,0)+1,1))-1)+IF('Standard Profiles'!$G$18=$B$10,7,0)+IF('Standard Profiles'!$G$18=$B$17,14,0)+IF('Standard Profiles'!$G$18=$B$24,21,0),MOD($C6746,24)+1)/SUM(INDEX($D$3:$AA$30,INDEX(Jesper!$R$2:$R$366,ROW(INDEX(Jesper!AH$2:AH$366,ROUNDDOWN($C6746/24,0)+1,1))-1)+IF('Standard Profiles'!$G$18=$B$10,7,0)+IF('Standard Profiles'!$G$18=$B$17,14,0)+IF('Standard Profiles'!$G$18=$B$24,21,0),0)),0)</f>
        <v>11.972449041182918</v>
      </c>
      <c r="E6746" cm="1">
        <f t="array" ref="E6746">IFERROR(INDEX(Jesper!AI$2:AI$366,ROUNDDOWN($C6746/24,0)+1,1)*INDEX($D$3:$AA$30,INDEX(Jesper!$R$2:$R$366,ROW(INDEX(Jesper!AI$2:AI$366,ROUNDDOWN($C6746/24,0)+1,1))-1)+IF('Standard Profiles'!$G$19=$B$10,7,0)+IF('Standard Profiles'!$G$19=$B$17,14,0)+IF('Standard Profiles'!$G$19=$B$24,21,0),MOD($C6746,24)+1)/SUM(INDEX($D$3:$AA$30,INDEX(Jesper!$R$2:$R$366,ROW(INDEX(Jesper!AI$2:AI$366,ROUNDDOWN($C6746/24,0)+1,1))-1)+IF('Standard Profiles'!$G$19=$B$10,7,0)+IF('Standard Profiles'!$G$19=$B$17,14,0)+IF('Standard Profiles'!$G$19=$B$24,21,0),0)),0)</f>
        <v>2.5030111599865301</v>
      </c>
      <c r="F6746" cm="1">
        <f t="array" ref="F6746">IFERROR(INDEX(Jesper!AJ$2:AJ$366,ROUNDDOWN($C6746/24,0)+1,1)*INDEX($D$3:$AA$30,INDEX(Jesper!$R$2:$R$366,ROW(INDEX(Jesper!AJ$2:AJ$366,ROUNDDOWN($C6746/24,0)+1,1))-1)+IF('Standard Profiles'!$G$20=$B$10,7,0)+IF('Standard Profiles'!$G$20=$B$17,14,0)+IF('Standard Profiles'!$G$20=$B$24,21,0),MOD($C6746,24)+1)/SUM(INDEX($D$3:$AA$30,INDEX(Jesper!$R$2:$R$366,ROW(INDEX(Jesper!AJ$2:AJ$366,ROUNDDOWN($C6746/24,0)+1,1))-1)+IF('Standard Profiles'!$G$20=$B$10,7,0)+IF('Standard Profiles'!$G$20=$B$17,14,0)+IF('Standard Profiles'!$G$20=$B$24,21,0),0)),0)</f>
        <v>0</v>
      </c>
      <c r="G6746" cm="1">
        <f t="array" ref="G6746">IFERROR(INDEX(Jesper!AK$2:AK$366,ROUNDDOWN($C6746/24,0)+1,1)*INDEX($D$3:$AA$30,INDEX(Jesper!$R$2:$R$366,ROW(INDEX(Jesper!AK$2:AK$366,ROUNDDOWN($C6746/24,0)+1,1))-1)+IF('Standard Profiles'!$G$21=$B$10,7,0)+IF('Standard Profiles'!$G$21=$B$17,14,0)+IF('Standard Profiles'!$G$21=$B$24,21,0),MOD($C6746,24)+1)/SUM(INDEX($D$3:$AA$30,INDEX(Jesper!$R$2:$R$366,ROW(INDEX(Jesper!AK$2:AK$366,ROUNDDOWN($C6746/24,0)+1,1))-1)+IF('Standard Profiles'!$G$21=$B$10,7,0)+IF('Standard Profiles'!$G$21=$B$17,14,0)+IF('Standard Profiles'!$G$21=$B$24,21,0),0)),0)</f>
        <v>0</v>
      </c>
      <c r="H6746" cm="1">
        <f t="array" ref="H6746">IFERROR(INDEX(Jesper!AL$2:AL$366,ROUNDDOWN($C6746/24,0)+1,1)*INDEX($D$3:$AA$30,INDEX(Jesper!$R$2:$R$366,ROW(INDEX(Jesper!AL$2:AL$366,ROUNDDOWN($C6746/24,0)+1,1))-1)+IF('Standard Profiles'!$G$22=$B$10,7,0)+IF('Standard Profiles'!$G$22=$B$17,14,0)+IF('Standard Profiles'!$G$22=$B$24,21,0),MOD($C6746,24)+1)/SUM(INDEX($D$3:$AA$30,INDEX(Jesper!$R$2:$R$366,ROW(INDEX(Jesper!AL$2:AL$366,ROUNDDOWN($C6746/24,0)+1,1))-1)+IF('Standard Profiles'!$G$22=$B$10,7,0)+IF('Standard Profiles'!$G$22=$B$17,14,0)+IF('Standard Profiles'!$G$22=$B$24,21,0),0)),0)</f>
        <v>0</v>
      </c>
      <c r="I6746">
        <f t="shared" si="748"/>
        <v>0.22549650089968745</v>
      </c>
      <c r="J6746">
        <f t="shared" si="749"/>
        <v>0.75165500299895827</v>
      </c>
      <c r="K6746">
        <f t="shared" si="750"/>
        <v>1.1274825044984373</v>
      </c>
      <c r="L6746">
        <f t="shared" si="751"/>
        <v>12.370826192772364</v>
      </c>
      <c r="M6746">
        <f t="shared" si="752"/>
        <v>0</v>
      </c>
      <c r="N6746" s="46">
        <f t="shared" si="753"/>
        <v>45571.666666650388</v>
      </c>
    </row>
    <row r="6747" spans="2:14" x14ac:dyDescent="0.3">
      <c r="B6747">
        <f t="shared" si="747"/>
        <v>7</v>
      </c>
      <c r="C6747" s="16">
        <v>6713</v>
      </c>
      <c r="D6747" cm="1">
        <f t="array" ref="D6747">IFERROR(INDEX(Jesper!AH$2:AH$366,ROUNDDOWN($C6747/24,0)+1,1)*INDEX($D$3:$AA$30,INDEX(Jesper!$R$2:$R$366,ROW(INDEX(Jesper!AH$2:AH$366,ROUNDDOWN($C6747/24,0)+1,1))-1)+IF('Standard Profiles'!$G$18=$B$10,7,0)+IF('Standard Profiles'!$G$18=$B$17,14,0)+IF('Standard Profiles'!$G$18=$B$24,21,0),MOD($C6747,24)+1)/SUM(INDEX($D$3:$AA$30,INDEX(Jesper!$R$2:$R$366,ROW(INDEX(Jesper!AH$2:AH$366,ROUNDDOWN($C6747/24,0)+1,1))-1)+IF('Standard Profiles'!$G$18=$B$10,7,0)+IF('Standard Profiles'!$G$18=$B$17,14,0)+IF('Standard Profiles'!$G$18=$B$24,21,0),0)),0)</f>
        <v>10.231001907919948</v>
      </c>
      <c r="E6747" cm="1">
        <f t="array" ref="E6747">IFERROR(INDEX(Jesper!AI$2:AI$366,ROUNDDOWN($C6747/24,0)+1,1)*INDEX($D$3:$AA$30,INDEX(Jesper!$R$2:$R$366,ROW(INDEX(Jesper!AI$2:AI$366,ROUNDDOWN($C6747/24,0)+1,1))-1)+IF('Standard Profiles'!$G$19=$B$10,7,0)+IF('Standard Profiles'!$G$19=$B$17,14,0)+IF('Standard Profiles'!$G$19=$B$24,21,0),MOD($C6747,24)+1)/SUM(INDEX($D$3:$AA$30,INDEX(Jesper!$R$2:$R$366,ROW(INDEX(Jesper!AI$2:AI$366,ROUNDDOWN($C6747/24,0)+1,1))-1)+IF('Standard Profiles'!$G$19=$B$10,7,0)+IF('Standard Profiles'!$G$19=$B$17,14,0)+IF('Standard Profiles'!$G$19=$B$24,21,0),0)),0)</f>
        <v>2.1389368094430354</v>
      </c>
      <c r="F6747" cm="1">
        <f t="array" ref="F6747">IFERROR(INDEX(Jesper!AJ$2:AJ$366,ROUNDDOWN($C6747/24,0)+1,1)*INDEX($D$3:$AA$30,INDEX(Jesper!$R$2:$R$366,ROW(INDEX(Jesper!AJ$2:AJ$366,ROUNDDOWN($C6747/24,0)+1,1))-1)+IF('Standard Profiles'!$G$20=$B$10,7,0)+IF('Standard Profiles'!$G$20=$B$17,14,0)+IF('Standard Profiles'!$G$20=$B$24,21,0),MOD($C6747,24)+1)/SUM(INDEX($D$3:$AA$30,INDEX(Jesper!$R$2:$R$366,ROW(INDEX(Jesper!AJ$2:AJ$366,ROUNDDOWN($C6747/24,0)+1,1))-1)+IF('Standard Profiles'!$G$20=$B$10,7,0)+IF('Standard Profiles'!$G$20=$B$17,14,0)+IF('Standard Profiles'!$G$20=$B$24,21,0),0)),0)</f>
        <v>0</v>
      </c>
      <c r="G6747" cm="1">
        <f t="array" ref="G6747">IFERROR(INDEX(Jesper!AK$2:AK$366,ROUNDDOWN($C6747/24,0)+1,1)*INDEX($D$3:$AA$30,INDEX(Jesper!$R$2:$R$366,ROW(INDEX(Jesper!AK$2:AK$366,ROUNDDOWN($C6747/24,0)+1,1))-1)+IF('Standard Profiles'!$G$21=$B$10,7,0)+IF('Standard Profiles'!$G$21=$B$17,14,0)+IF('Standard Profiles'!$G$21=$B$24,21,0),MOD($C6747,24)+1)/SUM(INDEX($D$3:$AA$30,INDEX(Jesper!$R$2:$R$366,ROW(INDEX(Jesper!AK$2:AK$366,ROUNDDOWN($C6747/24,0)+1,1))-1)+IF('Standard Profiles'!$G$21=$B$10,7,0)+IF('Standard Profiles'!$G$21=$B$17,14,0)+IF('Standard Profiles'!$G$21=$B$24,21,0),0)),0)</f>
        <v>0</v>
      </c>
      <c r="H6747" cm="1">
        <f t="array" ref="H6747">IFERROR(INDEX(Jesper!AL$2:AL$366,ROUNDDOWN($C6747/24,0)+1,1)*INDEX($D$3:$AA$30,INDEX(Jesper!$R$2:$R$366,ROW(INDEX(Jesper!AL$2:AL$366,ROUNDDOWN($C6747/24,0)+1,1))-1)+IF('Standard Profiles'!$G$22=$B$10,7,0)+IF('Standard Profiles'!$G$22=$B$17,14,0)+IF('Standard Profiles'!$G$22=$B$24,21,0),MOD($C6747,24)+1)/SUM(INDEX($D$3:$AA$30,INDEX(Jesper!$R$2:$R$366,ROW(INDEX(Jesper!AL$2:AL$366,ROUNDDOWN($C6747/24,0)+1,1))-1)+IF('Standard Profiles'!$G$22=$B$10,7,0)+IF('Standard Profiles'!$G$22=$B$17,14,0)+IF('Standard Profiles'!$G$22=$B$24,21,0),0)),0)</f>
        <v>0</v>
      </c>
      <c r="I6747">
        <f t="shared" si="748"/>
        <v>0.19269700985973298</v>
      </c>
      <c r="J6747">
        <f t="shared" si="749"/>
        <v>0.64232336619911001</v>
      </c>
      <c r="K6747">
        <f t="shared" si="750"/>
        <v>0.96348504929866496</v>
      </c>
      <c r="L6747">
        <f t="shared" si="751"/>
        <v>10.571433292005477</v>
      </c>
      <c r="M6747">
        <f t="shared" si="752"/>
        <v>0</v>
      </c>
      <c r="N6747" s="46">
        <f t="shared" si="753"/>
        <v>45571.708333317052</v>
      </c>
    </row>
    <row r="6748" spans="2:14" x14ac:dyDescent="0.3">
      <c r="B6748">
        <f t="shared" si="747"/>
        <v>7</v>
      </c>
      <c r="C6748" s="16">
        <v>6714</v>
      </c>
      <c r="D6748" cm="1">
        <f t="array" ref="D6748">IFERROR(INDEX(Jesper!AH$2:AH$366,ROUNDDOWN($C6748/24,0)+1,1)*INDEX($D$3:$AA$30,INDEX(Jesper!$R$2:$R$366,ROW(INDEX(Jesper!AH$2:AH$366,ROUNDDOWN($C6748/24,0)+1,1))-1)+IF('Standard Profiles'!$G$18=$B$10,7,0)+IF('Standard Profiles'!$G$18=$B$17,14,0)+IF('Standard Profiles'!$G$18=$B$24,21,0),MOD($C6748,24)+1)/SUM(INDEX($D$3:$AA$30,INDEX(Jesper!$R$2:$R$366,ROW(INDEX(Jesper!AH$2:AH$366,ROUNDDOWN($C6748/24,0)+1,1))-1)+IF('Standard Profiles'!$G$18=$B$10,7,0)+IF('Standard Profiles'!$G$18=$B$17,14,0)+IF('Standard Profiles'!$G$18=$B$24,21,0),0)),0)</f>
        <v>9.5779592329463359</v>
      </c>
      <c r="E6748" cm="1">
        <f t="array" ref="E6748">IFERROR(INDEX(Jesper!AI$2:AI$366,ROUNDDOWN($C6748/24,0)+1,1)*INDEX($D$3:$AA$30,INDEX(Jesper!$R$2:$R$366,ROW(INDEX(Jesper!AI$2:AI$366,ROUNDDOWN($C6748/24,0)+1,1))-1)+IF('Standard Profiles'!$G$19=$B$10,7,0)+IF('Standard Profiles'!$G$19=$B$17,14,0)+IF('Standard Profiles'!$G$19=$B$24,21,0),MOD($C6748,24)+1)/SUM(INDEX($D$3:$AA$30,INDEX(Jesper!$R$2:$R$366,ROW(INDEX(Jesper!AI$2:AI$366,ROUNDDOWN($C6748/24,0)+1,1))-1)+IF('Standard Profiles'!$G$19=$B$10,7,0)+IF('Standard Profiles'!$G$19=$B$17,14,0)+IF('Standard Profiles'!$G$19=$B$24,21,0),0)),0)</f>
        <v>2.0024089279892245</v>
      </c>
      <c r="F6748" cm="1">
        <f t="array" ref="F6748">IFERROR(INDEX(Jesper!AJ$2:AJ$366,ROUNDDOWN($C6748/24,0)+1,1)*INDEX($D$3:$AA$30,INDEX(Jesper!$R$2:$R$366,ROW(INDEX(Jesper!AJ$2:AJ$366,ROUNDDOWN($C6748/24,0)+1,1))-1)+IF('Standard Profiles'!$G$20=$B$10,7,0)+IF('Standard Profiles'!$G$20=$B$17,14,0)+IF('Standard Profiles'!$G$20=$B$24,21,0),MOD($C6748,24)+1)/SUM(INDEX($D$3:$AA$30,INDEX(Jesper!$R$2:$R$366,ROW(INDEX(Jesper!AJ$2:AJ$366,ROUNDDOWN($C6748/24,0)+1,1))-1)+IF('Standard Profiles'!$G$20=$B$10,7,0)+IF('Standard Profiles'!$G$20=$B$17,14,0)+IF('Standard Profiles'!$G$20=$B$24,21,0),0)),0)</f>
        <v>0</v>
      </c>
      <c r="G6748" cm="1">
        <f t="array" ref="G6748">IFERROR(INDEX(Jesper!AK$2:AK$366,ROUNDDOWN($C6748/24,0)+1,1)*INDEX($D$3:$AA$30,INDEX(Jesper!$R$2:$R$366,ROW(INDEX(Jesper!AK$2:AK$366,ROUNDDOWN($C6748/24,0)+1,1))-1)+IF('Standard Profiles'!$G$21=$B$10,7,0)+IF('Standard Profiles'!$G$21=$B$17,14,0)+IF('Standard Profiles'!$G$21=$B$24,21,0),MOD($C6748,24)+1)/SUM(INDEX($D$3:$AA$30,INDEX(Jesper!$R$2:$R$366,ROW(INDEX(Jesper!AK$2:AK$366,ROUNDDOWN($C6748/24,0)+1,1))-1)+IF('Standard Profiles'!$G$21=$B$10,7,0)+IF('Standard Profiles'!$G$21=$B$17,14,0)+IF('Standard Profiles'!$G$21=$B$24,21,0),0)),0)</f>
        <v>0</v>
      </c>
      <c r="H6748" cm="1">
        <f t="array" ref="H6748">IFERROR(INDEX(Jesper!AL$2:AL$366,ROUNDDOWN($C6748/24,0)+1,1)*INDEX($D$3:$AA$30,INDEX(Jesper!$R$2:$R$366,ROW(INDEX(Jesper!AL$2:AL$366,ROUNDDOWN($C6748/24,0)+1,1))-1)+IF('Standard Profiles'!$G$22=$B$10,7,0)+IF('Standard Profiles'!$G$22=$B$17,14,0)+IF('Standard Profiles'!$G$22=$B$24,21,0),MOD($C6748,24)+1)/SUM(INDEX($D$3:$AA$30,INDEX(Jesper!$R$2:$R$366,ROW(INDEX(Jesper!AL$2:AL$366,ROUNDDOWN($C6748/24,0)+1,1))-1)+IF('Standard Profiles'!$G$22=$B$10,7,0)+IF('Standard Profiles'!$G$22=$B$17,14,0)+IF('Standard Profiles'!$G$22=$B$24,21,0),0)),0)</f>
        <v>0</v>
      </c>
      <c r="I6748">
        <f t="shared" si="748"/>
        <v>0.18039720071975002</v>
      </c>
      <c r="J6748">
        <f t="shared" si="749"/>
        <v>0.60132400239916672</v>
      </c>
      <c r="K6748">
        <f t="shared" si="750"/>
        <v>0.90198600359875014</v>
      </c>
      <c r="L6748">
        <f t="shared" si="751"/>
        <v>9.8966609542178929</v>
      </c>
      <c r="M6748">
        <f t="shared" si="752"/>
        <v>0</v>
      </c>
      <c r="N6748" s="46">
        <f t="shared" si="753"/>
        <v>45571.749999983716</v>
      </c>
    </row>
    <row r="6749" spans="2:14" x14ac:dyDescent="0.3">
      <c r="B6749">
        <f t="shared" si="747"/>
        <v>7</v>
      </c>
      <c r="C6749" s="16">
        <v>6715</v>
      </c>
      <c r="D6749" cm="1">
        <f t="array" ref="D6749">IFERROR(INDEX(Jesper!AH$2:AH$366,ROUNDDOWN($C6749/24,0)+1,1)*INDEX($D$3:$AA$30,INDEX(Jesper!$R$2:$R$366,ROW(INDEX(Jesper!AH$2:AH$366,ROUNDDOWN($C6749/24,0)+1,1))-1)+IF('Standard Profiles'!$G$18=$B$10,7,0)+IF('Standard Profiles'!$G$18=$B$17,14,0)+IF('Standard Profiles'!$G$18=$B$24,21,0),MOD($C6749,24)+1)/SUM(INDEX($D$3:$AA$30,INDEX(Jesper!$R$2:$R$366,ROW(INDEX(Jesper!AH$2:AH$366,ROUNDDOWN($C6749/24,0)+1,1))-1)+IF('Standard Profiles'!$G$18=$B$10,7,0)+IF('Standard Profiles'!$G$18=$B$17,14,0)+IF('Standard Profiles'!$G$18=$B$24,21,0),0)),0)</f>
        <v>8.0541929913412353</v>
      </c>
      <c r="E6749" cm="1">
        <f t="array" ref="E6749">IFERROR(INDEX(Jesper!AI$2:AI$366,ROUNDDOWN($C6749/24,0)+1,1)*INDEX($D$3:$AA$30,INDEX(Jesper!$R$2:$R$366,ROW(INDEX(Jesper!AI$2:AI$366,ROUNDDOWN($C6749/24,0)+1,1))-1)+IF('Standard Profiles'!$G$19=$B$10,7,0)+IF('Standard Profiles'!$G$19=$B$17,14,0)+IF('Standard Profiles'!$G$19=$B$24,21,0),MOD($C6749,24)+1)/SUM(INDEX($D$3:$AA$30,INDEX(Jesper!$R$2:$R$366,ROW(INDEX(Jesper!AI$2:AI$366,ROUNDDOWN($C6749/24,0)+1,1))-1)+IF('Standard Profiles'!$G$19=$B$10,7,0)+IF('Standard Profiles'!$G$19=$B$17,14,0)+IF('Standard Profiles'!$G$19=$B$24,21,0),0)),0)</f>
        <v>1.6838438712636659</v>
      </c>
      <c r="F6749" cm="1">
        <f t="array" ref="F6749">IFERROR(INDEX(Jesper!AJ$2:AJ$366,ROUNDDOWN($C6749/24,0)+1,1)*INDEX($D$3:$AA$30,INDEX(Jesper!$R$2:$R$366,ROW(INDEX(Jesper!AJ$2:AJ$366,ROUNDDOWN($C6749/24,0)+1,1))-1)+IF('Standard Profiles'!$G$20=$B$10,7,0)+IF('Standard Profiles'!$G$20=$B$17,14,0)+IF('Standard Profiles'!$G$20=$B$24,21,0),MOD($C6749,24)+1)/SUM(INDEX($D$3:$AA$30,INDEX(Jesper!$R$2:$R$366,ROW(INDEX(Jesper!AJ$2:AJ$366,ROUNDDOWN($C6749/24,0)+1,1))-1)+IF('Standard Profiles'!$G$20=$B$10,7,0)+IF('Standard Profiles'!$G$20=$B$17,14,0)+IF('Standard Profiles'!$G$20=$B$24,21,0),0)),0)</f>
        <v>0</v>
      </c>
      <c r="G6749" cm="1">
        <f t="array" ref="G6749">IFERROR(INDEX(Jesper!AK$2:AK$366,ROUNDDOWN($C6749/24,0)+1,1)*INDEX($D$3:$AA$30,INDEX(Jesper!$R$2:$R$366,ROW(INDEX(Jesper!AK$2:AK$366,ROUNDDOWN($C6749/24,0)+1,1))-1)+IF('Standard Profiles'!$G$21=$B$10,7,0)+IF('Standard Profiles'!$G$21=$B$17,14,0)+IF('Standard Profiles'!$G$21=$B$24,21,0),MOD($C6749,24)+1)/SUM(INDEX($D$3:$AA$30,INDEX(Jesper!$R$2:$R$366,ROW(INDEX(Jesper!AK$2:AK$366,ROUNDDOWN($C6749/24,0)+1,1))-1)+IF('Standard Profiles'!$G$21=$B$10,7,0)+IF('Standard Profiles'!$G$21=$B$17,14,0)+IF('Standard Profiles'!$G$21=$B$24,21,0),0)),0)</f>
        <v>0</v>
      </c>
      <c r="H6749" cm="1">
        <f t="array" ref="H6749">IFERROR(INDEX(Jesper!AL$2:AL$366,ROUNDDOWN($C6749/24,0)+1,1)*INDEX($D$3:$AA$30,INDEX(Jesper!$R$2:$R$366,ROW(INDEX(Jesper!AL$2:AL$366,ROUNDDOWN($C6749/24,0)+1,1))-1)+IF('Standard Profiles'!$G$22=$B$10,7,0)+IF('Standard Profiles'!$G$22=$B$17,14,0)+IF('Standard Profiles'!$G$22=$B$24,21,0),MOD($C6749,24)+1)/SUM(INDEX($D$3:$AA$30,INDEX(Jesper!$R$2:$R$366,ROW(INDEX(Jesper!AL$2:AL$366,ROUNDDOWN($C6749/24,0)+1,1))-1)+IF('Standard Profiles'!$G$22=$B$10,7,0)+IF('Standard Profiles'!$G$22=$B$17,14,0)+IF('Standard Profiles'!$G$22=$B$24,21,0),0)),0)</f>
        <v>0</v>
      </c>
      <c r="I6749">
        <f t="shared" si="748"/>
        <v>0.15169764605978975</v>
      </c>
      <c r="J6749">
        <f t="shared" si="749"/>
        <v>0.5056588201992992</v>
      </c>
      <c r="K6749">
        <f t="shared" si="750"/>
        <v>0.75848823029894885</v>
      </c>
      <c r="L6749">
        <f t="shared" si="751"/>
        <v>8.3221921660468627</v>
      </c>
      <c r="M6749">
        <f t="shared" si="752"/>
        <v>0</v>
      </c>
      <c r="N6749" s="46">
        <f t="shared" si="753"/>
        <v>45571.791666650381</v>
      </c>
    </row>
    <row r="6750" spans="2:14" x14ac:dyDescent="0.3">
      <c r="B6750">
        <f t="shared" si="747"/>
        <v>7</v>
      </c>
      <c r="C6750" s="16">
        <v>6716</v>
      </c>
      <c r="D6750" cm="1">
        <f t="array" ref="D6750">IFERROR(INDEX(Jesper!AH$2:AH$366,ROUNDDOWN($C6750/24,0)+1,1)*INDEX($D$3:$AA$30,INDEX(Jesper!$R$2:$R$366,ROW(INDEX(Jesper!AH$2:AH$366,ROUNDDOWN($C6750/24,0)+1,1))-1)+IF('Standard Profiles'!$G$18=$B$10,7,0)+IF('Standard Profiles'!$G$18=$B$17,14,0)+IF('Standard Profiles'!$G$18=$B$24,21,0),MOD($C6750,24)+1)/SUM(INDEX($D$3:$AA$30,INDEX(Jesper!$R$2:$R$366,ROW(INDEX(Jesper!AH$2:AH$366,ROUNDDOWN($C6750/24,0)+1,1))-1)+IF('Standard Profiles'!$G$18=$B$10,7,0)+IF('Standard Profiles'!$G$18=$B$17,14,0)+IF('Standard Profiles'!$G$18=$B$24,21,0),0)),0)</f>
        <v>6.7481076413940073</v>
      </c>
      <c r="E6750" cm="1">
        <f t="array" ref="E6750">IFERROR(INDEX(Jesper!AI$2:AI$366,ROUNDDOWN($C6750/24,0)+1,1)*INDEX($D$3:$AA$30,INDEX(Jesper!$R$2:$R$366,ROW(INDEX(Jesper!AI$2:AI$366,ROUNDDOWN($C6750/24,0)+1,1))-1)+IF('Standard Profiles'!$G$19=$B$10,7,0)+IF('Standard Profiles'!$G$19=$B$17,14,0)+IF('Standard Profiles'!$G$19=$B$24,21,0),MOD($C6750,24)+1)/SUM(INDEX($D$3:$AA$30,INDEX(Jesper!$R$2:$R$366,ROW(INDEX(Jesper!AI$2:AI$366,ROUNDDOWN($C6750/24,0)+1,1))-1)+IF('Standard Profiles'!$G$19=$B$10,7,0)+IF('Standard Profiles'!$G$19=$B$17,14,0)+IF('Standard Profiles'!$G$19=$B$24,21,0),0)),0)</f>
        <v>1.4107881083560443</v>
      </c>
      <c r="F6750" cm="1">
        <f t="array" ref="F6750">IFERROR(INDEX(Jesper!AJ$2:AJ$366,ROUNDDOWN($C6750/24,0)+1,1)*INDEX($D$3:$AA$30,INDEX(Jesper!$R$2:$R$366,ROW(INDEX(Jesper!AJ$2:AJ$366,ROUNDDOWN($C6750/24,0)+1,1))-1)+IF('Standard Profiles'!$G$20=$B$10,7,0)+IF('Standard Profiles'!$G$20=$B$17,14,0)+IF('Standard Profiles'!$G$20=$B$24,21,0),MOD($C6750,24)+1)/SUM(INDEX($D$3:$AA$30,INDEX(Jesper!$R$2:$R$366,ROW(INDEX(Jesper!AJ$2:AJ$366,ROUNDDOWN($C6750/24,0)+1,1))-1)+IF('Standard Profiles'!$G$20=$B$10,7,0)+IF('Standard Profiles'!$G$20=$B$17,14,0)+IF('Standard Profiles'!$G$20=$B$24,21,0),0)),0)</f>
        <v>0</v>
      </c>
      <c r="G6750" cm="1">
        <f t="array" ref="G6750">IFERROR(INDEX(Jesper!AK$2:AK$366,ROUNDDOWN($C6750/24,0)+1,1)*INDEX($D$3:$AA$30,INDEX(Jesper!$R$2:$R$366,ROW(INDEX(Jesper!AK$2:AK$366,ROUNDDOWN($C6750/24,0)+1,1))-1)+IF('Standard Profiles'!$G$21=$B$10,7,0)+IF('Standard Profiles'!$G$21=$B$17,14,0)+IF('Standard Profiles'!$G$21=$B$24,21,0),MOD($C6750,24)+1)/SUM(INDEX($D$3:$AA$30,INDEX(Jesper!$R$2:$R$366,ROW(INDEX(Jesper!AK$2:AK$366,ROUNDDOWN($C6750/24,0)+1,1))-1)+IF('Standard Profiles'!$G$21=$B$10,7,0)+IF('Standard Profiles'!$G$21=$B$17,14,0)+IF('Standard Profiles'!$G$21=$B$24,21,0),0)),0)</f>
        <v>0</v>
      </c>
      <c r="H6750" cm="1">
        <f t="array" ref="H6750">IFERROR(INDEX(Jesper!AL$2:AL$366,ROUNDDOWN($C6750/24,0)+1,1)*INDEX($D$3:$AA$30,INDEX(Jesper!$R$2:$R$366,ROW(INDEX(Jesper!AL$2:AL$366,ROUNDDOWN($C6750/24,0)+1,1))-1)+IF('Standard Profiles'!$G$22=$B$10,7,0)+IF('Standard Profiles'!$G$22=$B$17,14,0)+IF('Standard Profiles'!$G$22=$B$24,21,0),MOD($C6750,24)+1)/SUM(INDEX($D$3:$AA$30,INDEX(Jesper!$R$2:$R$366,ROW(INDEX(Jesper!AL$2:AL$366,ROUNDDOWN($C6750/24,0)+1,1))-1)+IF('Standard Profiles'!$G$22=$B$10,7,0)+IF('Standard Profiles'!$G$22=$B$17,14,0)+IF('Standard Profiles'!$G$22=$B$24,21,0),0)),0)</f>
        <v>0</v>
      </c>
      <c r="I6750">
        <f t="shared" si="748"/>
        <v>0.12709802777982385</v>
      </c>
      <c r="J6750">
        <f t="shared" si="749"/>
        <v>0.42366009259941284</v>
      </c>
      <c r="K6750">
        <f t="shared" si="750"/>
        <v>0.63549013889911932</v>
      </c>
      <c r="L6750">
        <f t="shared" si="751"/>
        <v>6.9726474904716955</v>
      </c>
      <c r="M6750">
        <f t="shared" si="752"/>
        <v>0</v>
      </c>
      <c r="N6750" s="46">
        <f t="shared" si="753"/>
        <v>45571.833333317045</v>
      </c>
    </row>
    <row r="6751" spans="2:14" x14ac:dyDescent="0.3">
      <c r="B6751">
        <f t="shared" si="747"/>
        <v>7</v>
      </c>
      <c r="C6751" s="16">
        <v>6717</v>
      </c>
      <c r="D6751" cm="1">
        <f t="array" ref="D6751">IFERROR(INDEX(Jesper!AH$2:AH$366,ROUNDDOWN($C6751/24,0)+1,1)*INDEX($D$3:$AA$30,INDEX(Jesper!$R$2:$R$366,ROW(INDEX(Jesper!AH$2:AH$366,ROUNDDOWN($C6751/24,0)+1,1))-1)+IF('Standard Profiles'!$G$18=$B$10,7,0)+IF('Standard Profiles'!$G$18=$B$17,14,0)+IF('Standard Profiles'!$G$18=$B$24,21,0),MOD($C6751,24)+1)/SUM(INDEX($D$3:$AA$30,INDEX(Jesper!$R$2:$R$366,ROW(INDEX(Jesper!AH$2:AH$366,ROUNDDOWN($C6751/24,0)+1,1))-1)+IF('Standard Profiles'!$G$18=$B$10,7,0)+IF('Standard Profiles'!$G$18=$B$17,14,0)+IF('Standard Profiles'!$G$18=$B$24,21,0),0)),0)</f>
        <v>5.8773840747625234</v>
      </c>
      <c r="E6751" cm="1">
        <f t="array" ref="E6751">IFERROR(INDEX(Jesper!AI$2:AI$366,ROUNDDOWN($C6751/24,0)+1,1)*INDEX($D$3:$AA$30,INDEX(Jesper!$R$2:$R$366,ROW(INDEX(Jesper!AI$2:AI$366,ROUNDDOWN($C6751/24,0)+1,1))-1)+IF('Standard Profiles'!$G$19=$B$10,7,0)+IF('Standard Profiles'!$G$19=$B$17,14,0)+IF('Standard Profiles'!$G$19=$B$24,21,0),MOD($C6751,24)+1)/SUM(INDEX($D$3:$AA$30,INDEX(Jesper!$R$2:$R$366,ROW(INDEX(Jesper!AI$2:AI$366,ROUNDDOWN($C6751/24,0)+1,1))-1)+IF('Standard Profiles'!$G$19=$B$10,7,0)+IF('Standard Profiles'!$G$19=$B$17,14,0)+IF('Standard Profiles'!$G$19=$B$24,21,0),0)),0)</f>
        <v>1.2287509330842967</v>
      </c>
      <c r="F6751" cm="1">
        <f t="array" ref="F6751">IFERROR(INDEX(Jesper!AJ$2:AJ$366,ROUNDDOWN($C6751/24,0)+1,1)*INDEX($D$3:$AA$30,INDEX(Jesper!$R$2:$R$366,ROW(INDEX(Jesper!AJ$2:AJ$366,ROUNDDOWN($C6751/24,0)+1,1))-1)+IF('Standard Profiles'!$G$20=$B$10,7,0)+IF('Standard Profiles'!$G$20=$B$17,14,0)+IF('Standard Profiles'!$G$20=$B$24,21,0),MOD($C6751,24)+1)/SUM(INDEX($D$3:$AA$30,INDEX(Jesper!$R$2:$R$366,ROW(INDEX(Jesper!AJ$2:AJ$366,ROUNDDOWN($C6751/24,0)+1,1))-1)+IF('Standard Profiles'!$G$20=$B$10,7,0)+IF('Standard Profiles'!$G$20=$B$17,14,0)+IF('Standard Profiles'!$G$20=$B$24,21,0),0)),0)</f>
        <v>0</v>
      </c>
      <c r="G6751" cm="1">
        <f t="array" ref="G6751">IFERROR(INDEX(Jesper!AK$2:AK$366,ROUNDDOWN($C6751/24,0)+1,1)*INDEX($D$3:$AA$30,INDEX(Jesper!$R$2:$R$366,ROW(INDEX(Jesper!AK$2:AK$366,ROUNDDOWN($C6751/24,0)+1,1))-1)+IF('Standard Profiles'!$G$21=$B$10,7,0)+IF('Standard Profiles'!$G$21=$B$17,14,0)+IF('Standard Profiles'!$G$21=$B$24,21,0),MOD($C6751,24)+1)/SUM(INDEX($D$3:$AA$30,INDEX(Jesper!$R$2:$R$366,ROW(INDEX(Jesper!AK$2:AK$366,ROUNDDOWN($C6751/24,0)+1,1))-1)+IF('Standard Profiles'!$G$21=$B$10,7,0)+IF('Standard Profiles'!$G$21=$B$17,14,0)+IF('Standard Profiles'!$G$21=$B$24,21,0),0)),0)</f>
        <v>0</v>
      </c>
      <c r="H6751" cm="1">
        <f t="array" ref="H6751">IFERROR(INDEX(Jesper!AL$2:AL$366,ROUNDDOWN($C6751/24,0)+1,1)*INDEX($D$3:$AA$30,INDEX(Jesper!$R$2:$R$366,ROW(INDEX(Jesper!AL$2:AL$366,ROUNDDOWN($C6751/24,0)+1,1))-1)+IF('Standard Profiles'!$G$22=$B$10,7,0)+IF('Standard Profiles'!$G$22=$B$17,14,0)+IF('Standard Profiles'!$G$22=$B$24,21,0),MOD($C6751,24)+1)/SUM(INDEX($D$3:$AA$30,INDEX(Jesper!$R$2:$R$366,ROW(INDEX(Jesper!AL$2:AL$366,ROUNDDOWN($C6751/24,0)+1,1))-1)+IF('Standard Profiles'!$G$22=$B$10,7,0)+IF('Standard Profiles'!$G$22=$B$17,14,0)+IF('Standard Profiles'!$G$22=$B$24,21,0),0)),0)</f>
        <v>0</v>
      </c>
      <c r="I6751">
        <f t="shared" si="748"/>
        <v>0.11069828225984658</v>
      </c>
      <c r="J6751">
        <f t="shared" si="749"/>
        <v>0.36899427419948866</v>
      </c>
      <c r="K6751">
        <f t="shared" si="750"/>
        <v>0.55349141129923296</v>
      </c>
      <c r="L6751">
        <f t="shared" si="751"/>
        <v>6.0729510400882525</v>
      </c>
      <c r="M6751">
        <f t="shared" si="752"/>
        <v>0</v>
      </c>
      <c r="N6751" s="46">
        <f t="shared" si="753"/>
        <v>45571.874999983709</v>
      </c>
    </row>
    <row r="6752" spans="2:14" x14ac:dyDescent="0.3">
      <c r="B6752">
        <f t="shared" si="747"/>
        <v>7</v>
      </c>
      <c r="C6752" s="16">
        <v>6718</v>
      </c>
      <c r="D6752" cm="1">
        <f t="array" ref="D6752">IFERROR(INDEX(Jesper!AH$2:AH$366,ROUNDDOWN($C6752/24,0)+1,1)*INDEX($D$3:$AA$30,INDEX(Jesper!$R$2:$R$366,ROW(INDEX(Jesper!AH$2:AH$366,ROUNDDOWN($C6752/24,0)+1,1))-1)+IF('Standard Profiles'!$G$18=$B$10,7,0)+IF('Standard Profiles'!$G$18=$B$17,14,0)+IF('Standard Profiles'!$G$18=$B$24,21,0),MOD($C6752,24)+1)/SUM(INDEX($D$3:$AA$30,INDEX(Jesper!$R$2:$R$366,ROW(INDEX(Jesper!AH$2:AH$366,ROUNDDOWN($C6752/24,0)+1,1))-1)+IF('Standard Profiles'!$G$18=$B$10,7,0)+IF('Standard Profiles'!$G$18=$B$17,14,0)+IF('Standard Profiles'!$G$18=$B$24,21,0),0)),0)</f>
        <v>5.8773840747625234</v>
      </c>
      <c r="E6752" cm="1">
        <f t="array" ref="E6752">IFERROR(INDEX(Jesper!AI$2:AI$366,ROUNDDOWN($C6752/24,0)+1,1)*INDEX($D$3:$AA$30,INDEX(Jesper!$R$2:$R$366,ROW(INDEX(Jesper!AI$2:AI$366,ROUNDDOWN($C6752/24,0)+1,1))-1)+IF('Standard Profiles'!$G$19=$B$10,7,0)+IF('Standard Profiles'!$G$19=$B$17,14,0)+IF('Standard Profiles'!$G$19=$B$24,21,0),MOD($C6752,24)+1)/SUM(INDEX($D$3:$AA$30,INDEX(Jesper!$R$2:$R$366,ROW(INDEX(Jesper!AI$2:AI$366,ROUNDDOWN($C6752/24,0)+1,1))-1)+IF('Standard Profiles'!$G$19=$B$10,7,0)+IF('Standard Profiles'!$G$19=$B$17,14,0)+IF('Standard Profiles'!$G$19=$B$24,21,0),0)),0)</f>
        <v>1.2287509330842967</v>
      </c>
      <c r="F6752" cm="1">
        <f t="array" ref="F6752">IFERROR(INDEX(Jesper!AJ$2:AJ$366,ROUNDDOWN($C6752/24,0)+1,1)*INDEX($D$3:$AA$30,INDEX(Jesper!$R$2:$R$366,ROW(INDEX(Jesper!AJ$2:AJ$366,ROUNDDOWN($C6752/24,0)+1,1))-1)+IF('Standard Profiles'!$G$20=$B$10,7,0)+IF('Standard Profiles'!$G$20=$B$17,14,0)+IF('Standard Profiles'!$G$20=$B$24,21,0),MOD($C6752,24)+1)/SUM(INDEX($D$3:$AA$30,INDEX(Jesper!$R$2:$R$366,ROW(INDEX(Jesper!AJ$2:AJ$366,ROUNDDOWN($C6752/24,0)+1,1))-1)+IF('Standard Profiles'!$G$20=$B$10,7,0)+IF('Standard Profiles'!$G$20=$B$17,14,0)+IF('Standard Profiles'!$G$20=$B$24,21,0),0)),0)</f>
        <v>0</v>
      </c>
      <c r="G6752" cm="1">
        <f t="array" ref="G6752">IFERROR(INDEX(Jesper!AK$2:AK$366,ROUNDDOWN($C6752/24,0)+1,1)*INDEX($D$3:$AA$30,INDEX(Jesper!$R$2:$R$366,ROW(INDEX(Jesper!AK$2:AK$366,ROUNDDOWN($C6752/24,0)+1,1))-1)+IF('Standard Profiles'!$G$21=$B$10,7,0)+IF('Standard Profiles'!$G$21=$B$17,14,0)+IF('Standard Profiles'!$G$21=$B$24,21,0),MOD($C6752,24)+1)/SUM(INDEX($D$3:$AA$30,INDEX(Jesper!$R$2:$R$366,ROW(INDEX(Jesper!AK$2:AK$366,ROUNDDOWN($C6752/24,0)+1,1))-1)+IF('Standard Profiles'!$G$21=$B$10,7,0)+IF('Standard Profiles'!$G$21=$B$17,14,0)+IF('Standard Profiles'!$G$21=$B$24,21,0),0)),0)</f>
        <v>0</v>
      </c>
      <c r="H6752" cm="1">
        <f t="array" ref="H6752">IFERROR(INDEX(Jesper!AL$2:AL$366,ROUNDDOWN($C6752/24,0)+1,1)*INDEX($D$3:$AA$30,INDEX(Jesper!$R$2:$R$366,ROW(INDEX(Jesper!AL$2:AL$366,ROUNDDOWN($C6752/24,0)+1,1))-1)+IF('Standard Profiles'!$G$22=$B$10,7,0)+IF('Standard Profiles'!$G$22=$B$17,14,0)+IF('Standard Profiles'!$G$22=$B$24,21,0),MOD($C6752,24)+1)/SUM(INDEX($D$3:$AA$30,INDEX(Jesper!$R$2:$R$366,ROW(INDEX(Jesper!AL$2:AL$366,ROUNDDOWN($C6752/24,0)+1,1))-1)+IF('Standard Profiles'!$G$22=$B$10,7,0)+IF('Standard Profiles'!$G$22=$B$17,14,0)+IF('Standard Profiles'!$G$22=$B$24,21,0),0)),0)</f>
        <v>0</v>
      </c>
      <c r="I6752">
        <f t="shared" si="748"/>
        <v>0.11069828225984658</v>
      </c>
      <c r="J6752">
        <f t="shared" si="749"/>
        <v>0.36899427419948866</v>
      </c>
      <c r="K6752">
        <f t="shared" si="750"/>
        <v>0.55349141129923296</v>
      </c>
      <c r="L6752">
        <f t="shared" si="751"/>
        <v>6.0729510400882525</v>
      </c>
      <c r="M6752">
        <f t="shared" si="752"/>
        <v>0</v>
      </c>
      <c r="N6752" s="46">
        <f t="shared" si="753"/>
        <v>45571.916666650373</v>
      </c>
    </row>
    <row r="6753" spans="2:14" x14ac:dyDescent="0.3">
      <c r="B6753">
        <f t="shared" si="747"/>
        <v>7</v>
      </c>
      <c r="C6753" s="16">
        <v>6719</v>
      </c>
      <c r="D6753" cm="1">
        <f t="array" ref="D6753">IFERROR(INDEX(Jesper!AH$2:AH$366,ROUNDDOWN($C6753/24,0)+1,1)*INDEX($D$3:$AA$30,INDEX(Jesper!$R$2:$R$366,ROW(INDEX(Jesper!AH$2:AH$366,ROUNDDOWN($C6753/24,0)+1,1))-1)+IF('Standard Profiles'!$G$18=$B$10,7,0)+IF('Standard Profiles'!$G$18=$B$17,14,0)+IF('Standard Profiles'!$G$18=$B$24,21,0),MOD($C6753,24)+1)/SUM(INDEX($D$3:$AA$30,INDEX(Jesper!$R$2:$R$366,ROW(INDEX(Jesper!AH$2:AH$366,ROUNDDOWN($C6753/24,0)+1,1))-1)+IF('Standard Profiles'!$G$18=$B$10,7,0)+IF('Standard Profiles'!$G$18=$B$17,14,0)+IF('Standard Profiles'!$G$18=$B$24,21,0),0)),0)</f>
        <v>5.8773840747625234</v>
      </c>
      <c r="E6753" cm="1">
        <f t="array" ref="E6753">IFERROR(INDEX(Jesper!AI$2:AI$366,ROUNDDOWN($C6753/24,0)+1,1)*INDEX($D$3:$AA$30,INDEX(Jesper!$R$2:$R$366,ROW(INDEX(Jesper!AI$2:AI$366,ROUNDDOWN($C6753/24,0)+1,1))-1)+IF('Standard Profiles'!$G$19=$B$10,7,0)+IF('Standard Profiles'!$G$19=$B$17,14,0)+IF('Standard Profiles'!$G$19=$B$24,21,0),MOD($C6753,24)+1)/SUM(INDEX($D$3:$AA$30,INDEX(Jesper!$R$2:$R$366,ROW(INDEX(Jesper!AI$2:AI$366,ROUNDDOWN($C6753/24,0)+1,1))-1)+IF('Standard Profiles'!$G$19=$B$10,7,0)+IF('Standard Profiles'!$G$19=$B$17,14,0)+IF('Standard Profiles'!$G$19=$B$24,21,0),0)),0)</f>
        <v>1.2287509330842967</v>
      </c>
      <c r="F6753" cm="1">
        <f t="array" ref="F6753">IFERROR(INDEX(Jesper!AJ$2:AJ$366,ROUNDDOWN($C6753/24,0)+1,1)*INDEX($D$3:$AA$30,INDEX(Jesper!$R$2:$R$366,ROW(INDEX(Jesper!AJ$2:AJ$366,ROUNDDOWN($C6753/24,0)+1,1))-1)+IF('Standard Profiles'!$G$20=$B$10,7,0)+IF('Standard Profiles'!$G$20=$B$17,14,0)+IF('Standard Profiles'!$G$20=$B$24,21,0),MOD($C6753,24)+1)/SUM(INDEX($D$3:$AA$30,INDEX(Jesper!$R$2:$R$366,ROW(INDEX(Jesper!AJ$2:AJ$366,ROUNDDOWN($C6753/24,0)+1,1))-1)+IF('Standard Profiles'!$G$20=$B$10,7,0)+IF('Standard Profiles'!$G$20=$B$17,14,0)+IF('Standard Profiles'!$G$20=$B$24,21,0),0)),0)</f>
        <v>0</v>
      </c>
      <c r="G6753" cm="1">
        <f t="array" ref="G6753">IFERROR(INDEX(Jesper!AK$2:AK$366,ROUNDDOWN($C6753/24,0)+1,1)*INDEX($D$3:$AA$30,INDEX(Jesper!$R$2:$R$366,ROW(INDEX(Jesper!AK$2:AK$366,ROUNDDOWN($C6753/24,0)+1,1))-1)+IF('Standard Profiles'!$G$21=$B$10,7,0)+IF('Standard Profiles'!$G$21=$B$17,14,0)+IF('Standard Profiles'!$G$21=$B$24,21,0),MOD($C6753,24)+1)/SUM(INDEX($D$3:$AA$30,INDEX(Jesper!$R$2:$R$366,ROW(INDEX(Jesper!AK$2:AK$366,ROUNDDOWN($C6753/24,0)+1,1))-1)+IF('Standard Profiles'!$G$21=$B$10,7,0)+IF('Standard Profiles'!$G$21=$B$17,14,0)+IF('Standard Profiles'!$G$21=$B$24,21,0),0)),0)</f>
        <v>0</v>
      </c>
      <c r="H6753" cm="1">
        <f t="array" ref="H6753">IFERROR(INDEX(Jesper!AL$2:AL$366,ROUNDDOWN($C6753/24,0)+1,1)*INDEX($D$3:$AA$30,INDEX(Jesper!$R$2:$R$366,ROW(INDEX(Jesper!AL$2:AL$366,ROUNDDOWN($C6753/24,0)+1,1))-1)+IF('Standard Profiles'!$G$22=$B$10,7,0)+IF('Standard Profiles'!$G$22=$B$17,14,0)+IF('Standard Profiles'!$G$22=$B$24,21,0),MOD($C6753,24)+1)/SUM(INDEX($D$3:$AA$30,INDEX(Jesper!$R$2:$R$366,ROW(INDEX(Jesper!AL$2:AL$366,ROUNDDOWN($C6753/24,0)+1,1))-1)+IF('Standard Profiles'!$G$22=$B$10,7,0)+IF('Standard Profiles'!$G$22=$B$17,14,0)+IF('Standard Profiles'!$G$22=$B$24,21,0),0)),0)</f>
        <v>0</v>
      </c>
      <c r="I6753">
        <f t="shared" si="748"/>
        <v>0.11069828225984658</v>
      </c>
      <c r="J6753">
        <f t="shared" si="749"/>
        <v>0.36899427419948866</v>
      </c>
      <c r="K6753">
        <f t="shared" si="750"/>
        <v>0.55349141129923296</v>
      </c>
      <c r="L6753">
        <f t="shared" si="751"/>
        <v>6.0729510400882525</v>
      </c>
      <c r="M6753">
        <f t="shared" si="752"/>
        <v>0</v>
      </c>
      <c r="N6753" s="46">
        <f t="shared" si="753"/>
        <v>45571.958333317038</v>
      </c>
    </row>
    <row r="6754" spans="2:14" x14ac:dyDescent="0.3">
      <c r="B6754">
        <f t="shared" si="747"/>
        <v>1</v>
      </c>
      <c r="C6754" s="16">
        <v>6720</v>
      </c>
      <c r="D6754" cm="1">
        <f t="array" ref="D6754">IFERROR(INDEX(Jesper!AH$2:AH$366,ROUNDDOWN($C6754/24,0)+1,1)*INDEX($D$3:$AA$30,INDEX(Jesper!$R$2:$R$366,ROW(INDEX(Jesper!AH$2:AH$366,ROUNDDOWN($C6754/24,0)+1,1))-1)+IF('Standard Profiles'!$G$18=$B$10,7,0)+IF('Standard Profiles'!$G$18=$B$17,14,0)+IF('Standard Profiles'!$G$18=$B$24,21,0),MOD($C6754,24)+1)/SUM(INDEX($D$3:$AA$30,INDEX(Jesper!$R$2:$R$366,ROW(INDEX(Jesper!AH$2:AH$366,ROUNDDOWN($C6754/24,0)+1,1))-1)+IF('Standard Profiles'!$G$18=$B$10,7,0)+IF('Standard Profiles'!$G$18=$B$17,14,0)+IF('Standard Profiles'!$G$18=$B$24,21,0),0)),0)</f>
        <v>2.5563062891903696</v>
      </c>
      <c r="E6754" cm="1">
        <f t="array" ref="E6754">IFERROR(INDEX(Jesper!AI$2:AI$366,ROUNDDOWN($C6754/24,0)+1,1)*INDEX($D$3:$AA$30,INDEX(Jesper!$R$2:$R$366,ROW(INDEX(Jesper!AI$2:AI$366,ROUNDDOWN($C6754/24,0)+1,1))-1)+IF('Standard Profiles'!$G$19=$B$10,7,0)+IF('Standard Profiles'!$G$19=$B$17,14,0)+IF('Standard Profiles'!$G$19=$B$24,21,0),MOD($C6754,24)+1)/SUM(INDEX($D$3:$AA$30,INDEX(Jesper!$R$2:$R$366,ROW(INDEX(Jesper!AI$2:AI$366,ROUNDDOWN($C6754/24,0)+1,1))-1)+IF('Standard Profiles'!$G$19=$B$10,7,0)+IF('Standard Profiles'!$G$19=$B$17,14,0)+IF('Standard Profiles'!$G$19=$B$24,21,0),0)),0)</f>
        <v>0</v>
      </c>
      <c r="F6754" cm="1">
        <f t="array" ref="F6754">IFERROR(INDEX(Jesper!AJ$2:AJ$366,ROUNDDOWN($C6754/24,0)+1,1)*INDEX($D$3:$AA$30,INDEX(Jesper!$R$2:$R$366,ROW(INDEX(Jesper!AJ$2:AJ$366,ROUNDDOWN($C6754/24,0)+1,1))-1)+IF('Standard Profiles'!$G$20=$B$10,7,0)+IF('Standard Profiles'!$G$20=$B$17,14,0)+IF('Standard Profiles'!$G$20=$B$24,21,0),MOD($C6754,24)+1)/SUM(INDEX($D$3:$AA$30,INDEX(Jesper!$R$2:$R$366,ROW(INDEX(Jesper!AJ$2:AJ$366,ROUNDDOWN($C6754/24,0)+1,1))-1)+IF('Standard Profiles'!$G$20=$B$10,7,0)+IF('Standard Profiles'!$G$20=$B$17,14,0)+IF('Standard Profiles'!$G$20=$B$24,21,0),0)),0)</f>
        <v>0</v>
      </c>
      <c r="G6754" cm="1">
        <f t="array" ref="G6754">IFERROR(INDEX(Jesper!AK$2:AK$366,ROUNDDOWN($C6754/24,0)+1,1)*INDEX($D$3:$AA$30,INDEX(Jesper!$R$2:$R$366,ROW(INDEX(Jesper!AK$2:AK$366,ROUNDDOWN($C6754/24,0)+1,1))-1)+IF('Standard Profiles'!$G$21=$B$10,7,0)+IF('Standard Profiles'!$G$21=$B$17,14,0)+IF('Standard Profiles'!$G$21=$B$24,21,0),MOD($C6754,24)+1)/SUM(INDEX($D$3:$AA$30,INDEX(Jesper!$R$2:$R$366,ROW(INDEX(Jesper!AK$2:AK$366,ROUNDDOWN($C6754/24,0)+1,1))-1)+IF('Standard Profiles'!$G$21=$B$10,7,0)+IF('Standard Profiles'!$G$21=$B$17,14,0)+IF('Standard Profiles'!$G$21=$B$24,21,0),0)),0)</f>
        <v>0</v>
      </c>
      <c r="H6754" cm="1">
        <f t="array" ref="H6754">IFERROR(INDEX(Jesper!AL$2:AL$366,ROUNDDOWN($C6754/24,0)+1,1)*INDEX($D$3:$AA$30,INDEX(Jesper!$R$2:$R$366,ROW(INDEX(Jesper!AL$2:AL$366,ROUNDDOWN($C6754/24,0)+1,1))-1)+IF('Standard Profiles'!$G$22=$B$10,7,0)+IF('Standard Profiles'!$G$22=$B$17,14,0)+IF('Standard Profiles'!$G$22=$B$24,21,0),MOD($C6754,24)+1)/SUM(INDEX($D$3:$AA$30,INDEX(Jesper!$R$2:$R$366,ROW(INDEX(Jesper!AL$2:AL$366,ROUNDDOWN($C6754/24,0)+1,1))-1)+IF('Standard Profiles'!$G$22=$B$10,7,0)+IF('Standard Profiles'!$G$22=$B$17,14,0)+IF('Standard Profiles'!$G$22=$B$24,21,0),0)),0)</f>
        <v>0</v>
      </c>
      <c r="I6754">
        <f t="shared" si="748"/>
        <v>7.668918867571109E-2</v>
      </c>
      <c r="J6754">
        <f t="shared" si="749"/>
        <v>0.25563062891903698</v>
      </c>
      <c r="K6754">
        <f t="shared" si="750"/>
        <v>0.38344594337855542</v>
      </c>
      <c r="L6754">
        <f t="shared" si="751"/>
        <v>1.8405405282170662</v>
      </c>
      <c r="M6754">
        <f t="shared" si="752"/>
        <v>0</v>
      </c>
      <c r="N6754" s="46">
        <f t="shared" si="753"/>
        <v>45571.999999983702</v>
      </c>
    </row>
    <row r="6755" spans="2:14" x14ac:dyDescent="0.3">
      <c r="B6755">
        <f t="shared" ref="B6755:B6818" si="754">WEEKDAY(N6755,2)</f>
        <v>1</v>
      </c>
      <c r="C6755" s="16">
        <v>6721</v>
      </c>
      <c r="D6755" cm="1">
        <f t="array" ref="D6755">IFERROR(INDEX(Jesper!AH$2:AH$366,ROUNDDOWN($C6755/24,0)+1,1)*INDEX($D$3:$AA$30,INDEX(Jesper!$R$2:$R$366,ROW(INDEX(Jesper!AH$2:AH$366,ROUNDDOWN($C6755/24,0)+1,1))-1)+IF('Standard Profiles'!$G$18=$B$10,7,0)+IF('Standard Profiles'!$G$18=$B$17,14,0)+IF('Standard Profiles'!$G$18=$B$24,21,0),MOD($C6755,24)+1)/SUM(INDEX($D$3:$AA$30,INDEX(Jesper!$R$2:$R$366,ROW(INDEX(Jesper!AH$2:AH$366,ROUNDDOWN($C6755/24,0)+1,1))-1)+IF('Standard Profiles'!$G$18=$B$10,7,0)+IF('Standard Profiles'!$G$18=$B$17,14,0)+IF('Standard Profiles'!$G$18=$B$24,21,0),0)),0)</f>
        <v>2.5563062891903696</v>
      </c>
      <c r="E6755" cm="1">
        <f t="array" ref="E6755">IFERROR(INDEX(Jesper!AI$2:AI$366,ROUNDDOWN($C6755/24,0)+1,1)*INDEX($D$3:$AA$30,INDEX(Jesper!$R$2:$R$366,ROW(INDEX(Jesper!AI$2:AI$366,ROUNDDOWN($C6755/24,0)+1,1))-1)+IF('Standard Profiles'!$G$19=$B$10,7,0)+IF('Standard Profiles'!$G$19=$B$17,14,0)+IF('Standard Profiles'!$G$19=$B$24,21,0),MOD($C6755,24)+1)/SUM(INDEX($D$3:$AA$30,INDEX(Jesper!$R$2:$R$366,ROW(INDEX(Jesper!AI$2:AI$366,ROUNDDOWN($C6755/24,0)+1,1))-1)+IF('Standard Profiles'!$G$19=$B$10,7,0)+IF('Standard Profiles'!$G$19=$B$17,14,0)+IF('Standard Profiles'!$G$19=$B$24,21,0),0)),0)</f>
        <v>0</v>
      </c>
      <c r="F6755" cm="1">
        <f t="array" ref="F6755">IFERROR(INDEX(Jesper!AJ$2:AJ$366,ROUNDDOWN($C6755/24,0)+1,1)*INDEX($D$3:$AA$30,INDEX(Jesper!$R$2:$R$366,ROW(INDEX(Jesper!AJ$2:AJ$366,ROUNDDOWN($C6755/24,0)+1,1))-1)+IF('Standard Profiles'!$G$20=$B$10,7,0)+IF('Standard Profiles'!$G$20=$B$17,14,0)+IF('Standard Profiles'!$G$20=$B$24,21,0),MOD($C6755,24)+1)/SUM(INDEX($D$3:$AA$30,INDEX(Jesper!$R$2:$R$366,ROW(INDEX(Jesper!AJ$2:AJ$366,ROUNDDOWN($C6755/24,0)+1,1))-1)+IF('Standard Profiles'!$G$20=$B$10,7,0)+IF('Standard Profiles'!$G$20=$B$17,14,0)+IF('Standard Profiles'!$G$20=$B$24,21,0),0)),0)</f>
        <v>0</v>
      </c>
      <c r="G6755" cm="1">
        <f t="array" ref="G6755">IFERROR(INDEX(Jesper!AK$2:AK$366,ROUNDDOWN($C6755/24,0)+1,1)*INDEX($D$3:$AA$30,INDEX(Jesper!$R$2:$R$366,ROW(INDEX(Jesper!AK$2:AK$366,ROUNDDOWN($C6755/24,0)+1,1))-1)+IF('Standard Profiles'!$G$21=$B$10,7,0)+IF('Standard Profiles'!$G$21=$B$17,14,0)+IF('Standard Profiles'!$G$21=$B$24,21,0),MOD($C6755,24)+1)/SUM(INDEX($D$3:$AA$30,INDEX(Jesper!$R$2:$R$366,ROW(INDEX(Jesper!AK$2:AK$366,ROUNDDOWN($C6755/24,0)+1,1))-1)+IF('Standard Profiles'!$G$21=$B$10,7,0)+IF('Standard Profiles'!$G$21=$B$17,14,0)+IF('Standard Profiles'!$G$21=$B$24,21,0),0)),0)</f>
        <v>0</v>
      </c>
      <c r="H6755" cm="1">
        <f t="array" ref="H6755">IFERROR(INDEX(Jesper!AL$2:AL$366,ROUNDDOWN($C6755/24,0)+1,1)*INDEX($D$3:$AA$30,INDEX(Jesper!$R$2:$R$366,ROW(INDEX(Jesper!AL$2:AL$366,ROUNDDOWN($C6755/24,0)+1,1))-1)+IF('Standard Profiles'!$G$22=$B$10,7,0)+IF('Standard Profiles'!$G$22=$B$17,14,0)+IF('Standard Profiles'!$G$22=$B$24,21,0),MOD($C6755,24)+1)/SUM(INDEX($D$3:$AA$30,INDEX(Jesper!$R$2:$R$366,ROW(INDEX(Jesper!AL$2:AL$366,ROUNDDOWN($C6755/24,0)+1,1))-1)+IF('Standard Profiles'!$G$22=$B$10,7,0)+IF('Standard Profiles'!$G$22=$B$17,14,0)+IF('Standard Profiles'!$G$22=$B$24,21,0),0)),0)</f>
        <v>0</v>
      </c>
      <c r="I6755">
        <f t="shared" ref="I6755:I6818" si="755">IF($B6755&lt;6,AC$37*$D6755+AC$38*$E6755+AC$39*$F6755+AC$40*$G6755,AC$46*$D6755+AC$47*$E6755+AC$48*$F6755+AC$49*$G6755+AC$50*$H6755)</f>
        <v>7.668918867571109E-2</v>
      </c>
      <c r="J6755">
        <f t="shared" ref="J6755:J6818" si="756">IF($B6755&lt;6,AD$37*$D6755+AD$38*$E6755+AD$39*$F6755+AD$40*$G6755,AD$46*$D6755+AD$47*$E6755+AD$48*$F6755+AD$49*$G6755+AD$50*$H6755)</f>
        <v>0.25563062891903698</v>
      </c>
      <c r="K6755">
        <f t="shared" ref="K6755:K6818" si="757">IF($B6755&lt;6,AE$37*$D6755+AE$38*$E6755+AE$39*$F6755+AE$40*$G6755,AE$46*$D6755+AE$47*$E6755+AE$48*$F6755+AE$49*$G6755+AE$50*$H6755)</f>
        <v>0.38344594337855542</v>
      </c>
      <c r="L6755">
        <f t="shared" ref="L6755:L6818" si="758">IF($B6755&lt;6,AF$37*$D6755+AF$38*$E6755+AF$39*$F6755+AF$40*$G6755,AF$46*$D6755+AF$47*$E6755+AF$48*$F6755+AF$49*$G6755+AF$50*$H6755)</f>
        <v>1.8405405282170662</v>
      </c>
      <c r="M6755">
        <f t="shared" ref="M6755:M6818" si="759">IF($B6755&lt;6,AG$37*$D6755+AG$38*$E6755+AG$39*$F6755+AG$40*$G6755,AG$46*$D6755+AG$47*$E6755+AG$48*$F6755+AG$49*$G6755+AG$50*$H6755)</f>
        <v>0</v>
      </c>
      <c r="N6755" s="46">
        <f t="shared" si="753"/>
        <v>45572.041666650366</v>
      </c>
    </row>
    <row r="6756" spans="2:14" x14ac:dyDescent="0.3">
      <c r="B6756">
        <f t="shared" si="754"/>
        <v>1</v>
      </c>
      <c r="C6756" s="16">
        <v>6722</v>
      </c>
      <c r="D6756" cm="1">
        <f t="array" ref="D6756">IFERROR(INDEX(Jesper!AH$2:AH$366,ROUNDDOWN($C6756/24,0)+1,1)*INDEX($D$3:$AA$30,INDEX(Jesper!$R$2:$R$366,ROW(INDEX(Jesper!AH$2:AH$366,ROUNDDOWN($C6756/24,0)+1,1))-1)+IF('Standard Profiles'!$G$18=$B$10,7,0)+IF('Standard Profiles'!$G$18=$B$17,14,0)+IF('Standard Profiles'!$G$18=$B$24,21,0),MOD($C6756,24)+1)/SUM(INDEX($D$3:$AA$30,INDEX(Jesper!$R$2:$R$366,ROW(INDEX(Jesper!AH$2:AH$366,ROUNDDOWN($C6756/24,0)+1,1))-1)+IF('Standard Profiles'!$G$18=$B$10,7,0)+IF('Standard Profiles'!$G$18=$B$17,14,0)+IF('Standard Profiles'!$G$18=$B$24,21,0),0)),0)</f>
        <v>2.5563062891903696</v>
      </c>
      <c r="E6756" cm="1">
        <f t="array" ref="E6756">IFERROR(INDEX(Jesper!AI$2:AI$366,ROUNDDOWN($C6756/24,0)+1,1)*INDEX($D$3:$AA$30,INDEX(Jesper!$R$2:$R$366,ROW(INDEX(Jesper!AI$2:AI$366,ROUNDDOWN($C6756/24,0)+1,1))-1)+IF('Standard Profiles'!$G$19=$B$10,7,0)+IF('Standard Profiles'!$G$19=$B$17,14,0)+IF('Standard Profiles'!$G$19=$B$24,21,0),MOD($C6756,24)+1)/SUM(INDEX($D$3:$AA$30,INDEX(Jesper!$R$2:$R$366,ROW(INDEX(Jesper!AI$2:AI$366,ROUNDDOWN($C6756/24,0)+1,1))-1)+IF('Standard Profiles'!$G$19=$B$10,7,0)+IF('Standard Profiles'!$G$19=$B$17,14,0)+IF('Standard Profiles'!$G$19=$B$24,21,0),0)),0)</f>
        <v>0</v>
      </c>
      <c r="F6756" cm="1">
        <f t="array" ref="F6756">IFERROR(INDEX(Jesper!AJ$2:AJ$366,ROUNDDOWN($C6756/24,0)+1,1)*INDEX($D$3:$AA$30,INDEX(Jesper!$R$2:$R$366,ROW(INDEX(Jesper!AJ$2:AJ$366,ROUNDDOWN($C6756/24,0)+1,1))-1)+IF('Standard Profiles'!$G$20=$B$10,7,0)+IF('Standard Profiles'!$G$20=$B$17,14,0)+IF('Standard Profiles'!$G$20=$B$24,21,0),MOD($C6756,24)+1)/SUM(INDEX($D$3:$AA$30,INDEX(Jesper!$R$2:$R$366,ROW(INDEX(Jesper!AJ$2:AJ$366,ROUNDDOWN($C6756/24,0)+1,1))-1)+IF('Standard Profiles'!$G$20=$B$10,7,0)+IF('Standard Profiles'!$G$20=$B$17,14,0)+IF('Standard Profiles'!$G$20=$B$24,21,0),0)),0)</f>
        <v>0</v>
      </c>
      <c r="G6756" cm="1">
        <f t="array" ref="G6756">IFERROR(INDEX(Jesper!AK$2:AK$366,ROUNDDOWN($C6756/24,0)+1,1)*INDEX($D$3:$AA$30,INDEX(Jesper!$R$2:$R$366,ROW(INDEX(Jesper!AK$2:AK$366,ROUNDDOWN($C6756/24,0)+1,1))-1)+IF('Standard Profiles'!$G$21=$B$10,7,0)+IF('Standard Profiles'!$G$21=$B$17,14,0)+IF('Standard Profiles'!$G$21=$B$24,21,0),MOD($C6756,24)+1)/SUM(INDEX($D$3:$AA$30,INDEX(Jesper!$R$2:$R$366,ROW(INDEX(Jesper!AK$2:AK$366,ROUNDDOWN($C6756/24,0)+1,1))-1)+IF('Standard Profiles'!$G$21=$B$10,7,0)+IF('Standard Profiles'!$G$21=$B$17,14,0)+IF('Standard Profiles'!$G$21=$B$24,21,0),0)),0)</f>
        <v>0</v>
      </c>
      <c r="H6756" cm="1">
        <f t="array" ref="H6756">IFERROR(INDEX(Jesper!AL$2:AL$366,ROUNDDOWN($C6756/24,0)+1,1)*INDEX($D$3:$AA$30,INDEX(Jesper!$R$2:$R$366,ROW(INDEX(Jesper!AL$2:AL$366,ROUNDDOWN($C6756/24,0)+1,1))-1)+IF('Standard Profiles'!$G$22=$B$10,7,0)+IF('Standard Profiles'!$G$22=$B$17,14,0)+IF('Standard Profiles'!$G$22=$B$24,21,0),MOD($C6756,24)+1)/SUM(INDEX($D$3:$AA$30,INDEX(Jesper!$R$2:$R$366,ROW(INDEX(Jesper!AL$2:AL$366,ROUNDDOWN($C6756/24,0)+1,1))-1)+IF('Standard Profiles'!$G$22=$B$10,7,0)+IF('Standard Profiles'!$G$22=$B$17,14,0)+IF('Standard Profiles'!$G$22=$B$24,21,0),0)),0)</f>
        <v>0</v>
      </c>
      <c r="I6756">
        <f t="shared" si="755"/>
        <v>7.668918867571109E-2</v>
      </c>
      <c r="J6756">
        <f t="shared" si="756"/>
        <v>0.25563062891903698</v>
      </c>
      <c r="K6756">
        <f t="shared" si="757"/>
        <v>0.38344594337855542</v>
      </c>
      <c r="L6756">
        <f t="shared" si="758"/>
        <v>1.8405405282170662</v>
      </c>
      <c r="M6756">
        <f t="shared" si="759"/>
        <v>0</v>
      </c>
      <c r="N6756" s="46">
        <f t="shared" ref="N6756:N6819" si="760">N6755+1/24</f>
        <v>45572.08333331703</v>
      </c>
    </row>
    <row r="6757" spans="2:14" x14ac:dyDescent="0.3">
      <c r="B6757">
        <f t="shared" si="754"/>
        <v>1</v>
      </c>
      <c r="C6757" s="16">
        <v>6723</v>
      </c>
      <c r="D6757" cm="1">
        <f t="array" ref="D6757">IFERROR(INDEX(Jesper!AH$2:AH$366,ROUNDDOWN($C6757/24,0)+1,1)*INDEX($D$3:$AA$30,INDEX(Jesper!$R$2:$R$366,ROW(INDEX(Jesper!AH$2:AH$366,ROUNDDOWN($C6757/24,0)+1,1))-1)+IF('Standard Profiles'!$G$18=$B$10,7,0)+IF('Standard Profiles'!$G$18=$B$17,14,0)+IF('Standard Profiles'!$G$18=$B$24,21,0),MOD($C6757,24)+1)/SUM(INDEX($D$3:$AA$30,INDEX(Jesper!$R$2:$R$366,ROW(INDEX(Jesper!AH$2:AH$366,ROUNDDOWN($C6757/24,0)+1,1))-1)+IF('Standard Profiles'!$G$18=$B$10,7,0)+IF('Standard Profiles'!$G$18=$B$17,14,0)+IF('Standard Profiles'!$G$18=$B$24,21,0),0)),0)</f>
        <v>2.5563062891903696</v>
      </c>
      <c r="E6757" cm="1">
        <f t="array" ref="E6757">IFERROR(INDEX(Jesper!AI$2:AI$366,ROUNDDOWN($C6757/24,0)+1,1)*INDEX($D$3:$AA$30,INDEX(Jesper!$R$2:$R$366,ROW(INDEX(Jesper!AI$2:AI$366,ROUNDDOWN($C6757/24,0)+1,1))-1)+IF('Standard Profiles'!$G$19=$B$10,7,0)+IF('Standard Profiles'!$G$19=$B$17,14,0)+IF('Standard Profiles'!$G$19=$B$24,21,0),MOD($C6757,24)+1)/SUM(INDEX($D$3:$AA$30,INDEX(Jesper!$R$2:$R$366,ROW(INDEX(Jesper!AI$2:AI$366,ROUNDDOWN($C6757/24,0)+1,1))-1)+IF('Standard Profiles'!$G$19=$B$10,7,0)+IF('Standard Profiles'!$G$19=$B$17,14,0)+IF('Standard Profiles'!$G$19=$B$24,21,0),0)),0)</f>
        <v>0</v>
      </c>
      <c r="F6757" cm="1">
        <f t="array" ref="F6757">IFERROR(INDEX(Jesper!AJ$2:AJ$366,ROUNDDOWN($C6757/24,0)+1,1)*INDEX($D$3:$AA$30,INDEX(Jesper!$R$2:$R$366,ROW(INDEX(Jesper!AJ$2:AJ$366,ROUNDDOWN($C6757/24,0)+1,1))-1)+IF('Standard Profiles'!$G$20=$B$10,7,0)+IF('Standard Profiles'!$G$20=$B$17,14,0)+IF('Standard Profiles'!$G$20=$B$24,21,0),MOD($C6757,24)+1)/SUM(INDEX($D$3:$AA$30,INDEX(Jesper!$R$2:$R$366,ROW(INDEX(Jesper!AJ$2:AJ$366,ROUNDDOWN($C6757/24,0)+1,1))-1)+IF('Standard Profiles'!$G$20=$B$10,7,0)+IF('Standard Profiles'!$G$20=$B$17,14,0)+IF('Standard Profiles'!$G$20=$B$24,21,0),0)),0)</f>
        <v>0</v>
      </c>
      <c r="G6757" cm="1">
        <f t="array" ref="G6757">IFERROR(INDEX(Jesper!AK$2:AK$366,ROUNDDOWN($C6757/24,0)+1,1)*INDEX($D$3:$AA$30,INDEX(Jesper!$R$2:$R$366,ROW(INDEX(Jesper!AK$2:AK$366,ROUNDDOWN($C6757/24,0)+1,1))-1)+IF('Standard Profiles'!$G$21=$B$10,7,0)+IF('Standard Profiles'!$G$21=$B$17,14,0)+IF('Standard Profiles'!$G$21=$B$24,21,0),MOD($C6757,24)+1)/SUM(INDEX($D$3:$AA$30,INDEX(Jesper!$R$2:$R$366,ROW(INDEX(Jesper!AK$2:AK$366,ROUNDDOWN($C6757/24,0)+1,1))-1)+IF('Standard Profiles'!$G$21=$B$10,7,0)+IF('Standard Profiles'!$G$21=$B$17,14,0)+IF('Standard Profiles'!$G$21=$B$24,21,0),0)),0)</f>
        <v>0</v>
      </c>
      <c r="H6757" cm="1">
        <f t="array" ref="H6757">IFERROR(INDEX(Jesper!AL$2:AL$366,ROUNDDOWN($C6757/24,0)+1,1)*INDEX($D$3:$AA$30,INDEX(Jesper!$R$2:$R$366,ROW(INDEX(Jesper!AL$2:AL$366,ROUNDDOWN($C6757/24,0)+1,1))-1)+IF('Standard Profiles'!$G$22=$B$10,7,0)+IF('Standard Profiles'!$G$22=$B$17,14,0)+IF('Standard Profiles'!$G$22=$B$24,21,0),MOD($C6757,24)+1)/SUM(INDEX($D$3:$AA$30,INDEX(Jesper!$R$2:$R$366,ROW(INDEX(Jesper!AL$2:AL$366,ROUNDDOWN($C6757/24,0)+1,1))-1)+IF('Standard Profiles'!$G$22=$B$10,7,0)+IF('Standard Profiles'!$G$22=$B$17,14,0)+IF('Standard Profiles'!$G$22=$B$24,21,0),0)),0)</f>
        <v>0</v>
      </c>
      <c r="I6757">
        <f t="shared" si="755"/>
        <v>7.668918867571109E-2</v>
      </c>
      <c r="J6757">
        <f t="shared" si="756"/>
        <v>0.25563062891903698</v>
      </c>
      <c r="K6757">
        <f t="shared" si="757"/>
        <v>0.38344594337855542</v>
      </c>
      <c r="L6757">
        <f t="shared" si="758"/>
        <v>1.8405405282170662</v>
      </c>
      <c r="M6757">
        <f t="shared" si="759"/>
        <v>0</v>
      </c>
      <c r="N6757" s="46">
        <f t="shared" si="760"/>
        <v>45572.124999983695</v>
      </c>
    </row>
    <row r="6758" spans="2:14" x14ac:dyDescent="0.3">
      <c r="B6758">
        <f t="shared" si="754"/>
        <v>1</v>
      </c>
      <c r="C6758" s="16">
        <v>6724</v>
      </c>
      <c r="D6758" cm="1">
        <f t="array" ref="D6758">IFERROR(INDEX(Jesper!AH$2:AH$366,ROUNDDOWN($C6758/24,0)+1,1)*INDEX($D$3:$AA$30,INDEX(Jesper!$R$2:$R$366,ROW(INDEX(Jesper!AH$2:AH$366,ROUNDDOWN($C6758/24,0)+1,1))-1)+IF('Standard Profiles'!$G$18=$B$10,7,0)+IF('Standard Profiles'!$G$18=$B$17,14,0)+IF('Standard Profiles'!$G$18=$B$24,21,0),MOD($C6758,24)+1)/SUM(INDEX($D$3:$AA$30,INDEX(Jesper!$R$2:$R$366,ROW(INDEX(Jesper!AH$2:AH$366,ROUNDDOWN($C6758/24,0)+1,1))-1)+IF('Standard Profiles'!$G$18=$B$10,7,0)+IF('Standard Profiles'!$G$18=$B$17,14,0)+IF('Standard Profiles'!$G$18=$B$24,21,0),0)),0)</f>
        <v>2.5563062891903696</v>
      </c>
      <c r="E6758" cm="1">
        <f t="array" ref="E6758">IFERROR(INDEX(Jesper!AI$2:AI$366,ROUNDDOWN($C6758/24,0)+1,1)*INDEX($D$3:$AA$30,INDEX(Jesper!$R$2:$R$366,ROW(INDEX(Jesper!AI$2:AI$366,ROUNDDOWN($C6758/24,0)+1,1))-1)+IF('Standard Profiles'!$G$19=$B$10,7,0)+IF('Standard Profiles'!$G$19=$B$17,14,0)+IF('Standard Profiles'!$G$19=$B$24,21,0),MOD($C6758,24)+1)/SUM(INDEX($D$3:$AA$30,INDEX(Jesper!$R$2:$R$366,ROW(INDEX(Jesper!AI$2:AI$366,ROUNDDOWN($C6758/24,0)+1,1))-1)+IF('Standard Profiles'!$G$19=$B$10,7,0)+IF('Standard Profiles'!$G$19=$B$17,14,0)+IF('Standard Profiles'!$G$19=$B$24,21,0),0)),0)</f>
        <v>0</v>
      </c>
      <c r="F6758" cm="1">
        <f t="array" ref="F6758">IFERROR(INDEX(Jesper!AJ$2:AJ$366,ROUNDDOWN($C6758/24,0)+1,1)*INDEX($D$3:$AA$30,INDEX(Jesper!$R$2:$R$366,ROW(INDEX(Jesper!AJ$2:AJ$366,ROUNDDOWN($C6758/24,0)+1,1))-1)+IF('Standard Profiles'!$G$20=$B$10,7,0)+IF('Standard Profiles'!$G$20=$B$17,14,0)+IF('Standard Profiles'!$G$20=$B$24,21,0),MOD($C6758,24)+1)/SUM(INDEX($D$3:$AA$30,INDEX(Jesper!$R$2:$R$366,ROW(INDEX(Jesper!AJ$2:AJ$366,ROUNDDOWN($C6758/24,0)+1,1))-1)+IF('Standard Profiles'!$G$20=$B$10,7,0)+IF('Standard Profiles'!$G$20=$B$17,14,0)+IF('Standard Profiles'!$G$20=$B$24,21,0),0)),0)</f>
        <v>0</v>
      </c>
      <c r="G6758" cm="1">
        <f t="array" ref="G6758">IFERROR(INDEX(Jesper!AK$2:AK$366,ROUNDDOWN($C6758/24,0)+1,1)*INDEX($D$3:$AA$30,INDEX(Jesper!$R$2:$R$366,ROW(INDEX(Jesper!AK$2:AK$366,ROUNDDOWN($C6758/24,0)+1,1))-1)+IF('Standard Profiles'!$G$21=$B$10,7,0)+IF('Standard Profiles'!$G$21=$B$17,14,0)+IF('Standard Profiles'!$G$21=$B$24,21,0),MOD($C6758,24)+1)/SUM(INDEX($D$3:$AA$30,INDEX(Jesper!$R$2:$R$366,ROW(INDEX(Jesper!AK$2:AK$366,ROUNDDOWN($C6758/24,0)+1,1))-1)+IF('Standard Profiles'!$G$21=$B$10,7,0)+IF('Standard Profiles'!$G$21=$B$17,14,0)+IF('Standard Profiles'!$G$21=$B$24,21,0),0)),0)</f>
        <v>0</v>
      </c>
      <c r="H6758" cm="1">
        <f t="array" ref="H6758">IFERROR(INDEX(Jesper!AL$2:AL$366,ROUNDDOWN($C6758/24,0)+1,1)*INDEX($D$3:$AA$30,INDEX(Jesper!$R$2:$R$366,ROW(INDEX(Jesper!AL$2:AL$366,ROUNDDOWN($C6758/24,0)+1,1))-1)+IF('Standard Profiles'!$G$22=$B$10,7,0)+IF('Standard Profiles'!$G$22=$B$17,14,0)+IF('Standard Profiles'!$G$22=$B$24,21,0),MOD($C6758,24)+1)/SUM(INDEX($D$3:$AA$30,INDEX(Jesper!$R$2:$R$366,ROW(INDEX(Jesper!AL$2:AL$366,ROUNDDOWN($C6758/24,0)+1,1))-1)+IF('Standard Profiles'!$G$22=$B$10,7,0)+IF('Standard Profiles'!$G$22=$B$17,14,0)+IF('Standard Profiles'!$G$22=$B$24,21,0),0)),0)</f>
        <v>0</v>
      </c>
      <c r="I6758">
        <f t="shared" si="755"/>
        <v>7.668918867571109E-2</v>
      </c>
      <c r="J6758">
        <f t="shared" si="756"/>
        <v>0.25563062891903698</v>
      </c>
      <c r="K6758">
        <f t="shared" si="757"/>
        <v>0.38344594337855542</v>
      </c>
      <c r="L6758">
        <f t="shared" si="758"/>
        <v>1.8405405282170662</v>
      </c>
      <c r="M6758">
        <f t="shared" si="759"/>
        <v>0</v>
      </c>
      <c r="N6758" s="46">
        <f t="shared" si="760"/>
        <v>45572.166666650359</v>
      </c>
    </row>
    <row r="6759" spans="2:14" x14ac:dyDescent="0.3">
      <c r="B6759">
        <f t="shared" si="754"/>
        <v>1</v>
      </c>
      <c r="C6759" s="16">
        <v>6725</v>
      </c>
      <c r="D6759" cm="1">
        <f t="array" ref="D6759">IFERROR(INDEX(Jesper!AH$2:AH$366,ROUNDDOWN($C6759/24,0)+1,1)*INDEX($D$3:$AA$30,INDEX(Jesper!$R$2:$R$366,ROW(INDEX(Jesper!AH$2:AH$366,ROUNDDOWN($C6759/24,0)+1,1))-1)+IF('Standard Profiles'!$G$18=$B$10,7,0)+IF('Standard Profiles'!$G$18=$B$17,14,0)+IF('Standard Profiles'!$G$18=$B$24,21,0),MOD($C6759,24)+1)/SUM(INDEX($D$3:$AA$30,INDEX(Jesper!$R$2:$R$366,ROW(INDEX(Jesper!AH$2:AH$366,ROUNDDOWN($C6759/24,0)+1,1))-1)+IF('Standard Profiles'!$G$18=$B$10,7,0)+IF('Standard Profiles'!$G$18=$B$17,14,0)+IF('Standard Profiles'!$G$18=$B$24,21,0),0)),0)</f>
        <v>11.07732725315827</v>
      </c>
      <c r="E6759" cm="1">
        <f t="array" ref="E6759">IFERROR(INDEX(Jesper!AI$2:AI$366,ROUNDDOWN($C6759/24,0)+1,1)*INDEX($D$3:$AA$30,INDEX(Jesper!$R$2:$R$366,ROW(INDEX(Jesper!AI$2:AI$366,ROUNDDOWN($C6759/24,0)+1,1))-1)+IF('Standard Profiles'!$G$19=$B$10,7,0)+IF('Standard Profiles'!$G$19=$B$17,14,0)+IF('Standard Profiles'!$G$19=$B$24,21,0),MOD($C6759,24)+1)/SUM(INDEX($D$3:$AA$30,INDEX(Jesper!$R$2:$R$366,ROW(INDEX(Jesper!AI$2:AI$366,ROUNDDOWN($C6759/24,0)+1,1))-1)+IF('Standard Profiles'!$G$19=$B$10,7,0)+IF('Standard Profiles'!$G$19=$B$17,14,0)+IF('Standard Profiles'!$G$19=$B$24,21,0),0)),0)</f>
        <v>0</v>
      </c>
      <c r="F6759" cm="1">
        <f t="array" ref="F6759">IFERROR(INDEX(Jesper!AJ$2:AJ$366,ROUNDDOWN($C6759/24,0)+1,1)*INDEX($D$3:$AA$30,INDEX(Jesper!$R$2:$R$366,ROW(INDEX(Jesper!AJ$2:AJ$366,ROUNDDOWN($C6759/24,0)+1,1))-1)+IF('Standard Profiles'!$G$20=$B$10,7,0)+IF('Standard Profiles'!$G$20=$B$17,14,0)+IF('Standard Profiles'!$G$20=$B$24,21,0),MOD($C6759,24)+1)/SUM(INDEX($D$3:$AA$30,INDEX(Jesper!$R$2:$R$366,ROW(INDEX(Jesper!AJ$2:AJ$366,ROUNDDOWN($C6759/24,0)+1,1))-1)+IF('Standard Profiles'!$G$20=$B$10,7,0)+IF('Standard Profiles'!$G$20=$B$17,14,0)+IF('Standard Profiles'!$G$20=$B$24,21,0),0)),0)</f>
        <v>0</v>
      </c>
      <c r="G6759" cm="1">
        <f t="array" ref="G6759">IFERROR(INDEX(Jesper!AK$2:AK$366,ROUNDDOWN($C6759/24,0)+1,1)*INDEX($D$3:$AA$30,INDEX(Jesper!$R$2:$R$366,ROW(INDEX(Jesper!AK$2:AK$366,ROUNDDOWN($C6759/24,0)+1,1))-1)+IF('Standard Profiles'!$G$21=$B$10,7,0)+IF('Standard Profiles'!$G$21=$B$17,14,0)+IF('Standard Profiles'!$G$21=$B$24,21,0),MOD($C6759,24)+1)/SUM(INDEX($D$3:$AA$30,INDEX(Jesper!$R$2:$R$366,ROW(INDEX(Jesper!AK$2:AK$366,ROUNDDOWN($C6759/24,0)+1,1))-1)+IF('Standard Profiles'!$G$21=$B$10,7,0)+IF('Standard Profiles'!$G$21=$B$17,14,0)+IF('Standard Profiles'!$G$21=$B$24,21,0),0)),0)</f>
        <v>0</v>
      </c>
      <c r="H6759" cm="1">
        <f t="array" ref="H6759">IFERROR(INDEX(Jesper!AL$2:AL$366,ROUNDDOWN($C6759/24,0)+1,1)*INDEX($D$3:$AA$30,INDEX(Jesper!$R$2:$R$366,ROW(INDEX(Jesper!AL$2:AL$366,ROUNDDOWN($C6759/24,0)+1,1))-1)+IF('Standard Profiles'!$G$22=$B$10,7,0)+IF('Standard Profiles'!$G$22=$B$17,14,0)+IF('Standard Profiles'!$G$22=$B$24,21,0),MOD($C6759,24)+1)/SUM(INDEX($D$3:$AA$30,INDEX(Jesper!$R$2:$R$366,ROW(INDEX(Jesper!AL$2:AL$366,ROUNDDOWN($C6759/24,0)+1,1))-1)+IF('Standard Profiles'!$G$22=$B$10,7,0)+IF('Standard Profiles'!$G$22=$B$17,14,0)+IF('Standard Profiles'!$G$22=$B$24,21,0),0)),0)</f>
        <v>0</v>
      </c>
      <c r="I6759">
        <f t="shared" si="755"/>
        <v>0.3323198175947481</v>
      </c>
      <c r="J6759">
        <f t="shared" si="756"/>
        <v>1.1077327253158271</v>
      </c>
      <c r="K6759">
        <f t="shared" si="757"/>
        <v>1.6615990879737403</v>
      </c>
      <c r="L6759">
        <f t="shared" si="758"/>
        <v>7.975675622273954</v>
      </c>
      <c r="M6759">
        <f t="shared" si="759"/>
        <v>0</v>
      </c>
      <c r="N6759" s="46">
        <f t="shared" si="760"/>
        <v>45572.208333317023</v>
      </c>
    </row>
    <row r="6760" spans="2:14" x14ac:dyDescent="0.3">
      <c r="B6760">
        <f t="shared" si="754"/>
        <v>1</v>
      </c>
      <c r="C6760" s="16">
        <v>6726</v>
      </c>
      <c r="D6760" cm="1">
        <f t="array" ref="D6760">IFERROR(INDEX(Jesper!AH$2:AH$366,ROUNDDOWN($C6760/24,0)+1,1)*INDEX($D$3:$AA$30,INDEX(Jesper!$R$2:$R$366,ROW(INDEX(Jesper!AH$2:AH$366,ROUNDDOWN($C6760/24,0)+1,1))-1)+IF('Standard Profiles'!$G$18=$B$10,7,0)+IF('Standard Profiles'!$G$18=$B$17,14,0)+IF('Standard Profiles'!$G$18=$B$24,21,0),MOD($C6760,24)+1)/SUM(INDEX($D$3:$AA$30,INDEX(Jesper!$R$2:$R$366,ROW(INDEX(Jesper!AH$2:AH$366,ROUNDDOWN($C6760/24,0)+1,1))-1)+IF('Standard Profiles'!$G$18=$B$10,7,0)+IF('Standard Profiles'!$G$18=$B$17,14,0)+IF('Standard Profiles'!$G$18=$B$24,21,0),0)),0)</f>
        <v>12.568505921852653</v>
      </c>
      <c r="E6760" cm="1">
        <f t="array" ref="E6760">IFERROR(INDEX(Jesper!AI$2:AI$366,ROUNDDOWN($C6760/24,0)+1,1)*INDEX($D$3:$AA$30,INDEX(Jesper!$R$2:$R$366,ROW(INDEX(Jesper!AI$2:AI$366,ROUNDDOWN($C6760/24,0)+1,1))-1)+IF('Standard Profiles'!$G$19=$B$10,7,0)+IF('Standard Profiles'!$G$19=$B$17,14,0)+IF('Standard Profiles'!$G$19=$B$24,21,0),MOD($C6760,24)+1)/SUM(INDEX($D$3:$AA$30,INDEX(Jesper!$R$2:$R$366,ROW(INDEX(Jesper!AI$2:AI$366,ROUNDDOWN($C6760/24,0)+1,1))-1)+IF('Standard Profiles'!$G$19=$B$10,7,0)+IF('Standard Profiles'!$G$19=$B$17,14,0)+IF('Standard Profiles'!$G$19=$B$24,21,0),0)),0)</f>
        <v>0</v>
      </c>
      <c r="F6760" cm="1">
        <f t="array" ref="F6760">IFERROR(INDEX(Jesper!AJ$2:AJ$366,ROUNDDOWN($C6760/24,0)+1,1)*INDEX($D$3:$AA$30,INDEX(Jesper!$R$2:$R$366,ROW(INDEX(Jesper!AJ$2:AJ$366,ROUNDDOWN($C6760/24,0)+1,1))-1)+IF('Standard Profiles'!$G$20=$B$10,7,0)+IF('Standard Profiles'!$G$20=$B$17,14,0)+IF('Standard Profiles'!$G$20=$B$24,21,0),MOD($C6760,24)+1)/SUM(INDEX($D$3:$AA$30,INDEX(Jesper!$R$2:$R$366,ROW(INDEX(Jesper!AJ$2:AJ$366,ROUNDDOWN($C6760/24,0)+1,1))-1)+IF('Standard Profiles'!$G$20=$B$10,7,0)+IF('Standard Profiles'!$G$20=$B$17,14,0)+IF('Standard Profiles'!$G$20=$B$24,21,0),0)),0)</f>
        <v>0</v>
      </c>
      <c r="G6760" cm="1">
        <f t="array" ref="G6760">IFERROR(INDEX(Jesper!AK$2:AK$366,ROUNDDOWN($C6760/24,0)+1,1)*INDEX($D$3:$AA$30,INDEX(Jesper!$R$2:$R$366,ROW(INDEX(Jesper!AK$2:AK$366,ROUNDDOWN($C6760/24,0)+1,1))-1)+IF('Standard Profiles'!$G$21=$B$10,7,0)+IF('Standard Profiles'!$G$21=$B$17,14,0)+IF('Standard Profiles'!$G$21=$B$24,21,0),MOD($C6760,24)+1)/SUM(INDEX($D$3:$AA$30,INDEX(Jesper!$R$2:$R$366,ROW(INDEX(Jesper!AK$2:AK$366,ROUNDDOWN($C6760/24,0)+1,1))-1)+IF('Standard Profiles'!$G$21=$B$10,7,0)+IF('Standard Profiles'!$G$21=$B$17,14,0)+IF('Standard Profiles'!$G$21=$B$24,21,0),0)),0)</f>
        <v>0</v>
      </c>
      <c r="H6760" cm="1">
        <f t="array" ref="H6760">IFERROR(INDEX(Jesper!AL$2:AL$366,ROUNDDOWN($C6760/24,0)+1,1)*INDEX($D$3:$AA$30,INDEX(Jesper!$R$2:$R$366,ROW(INDEX(Jesper!AL$2:AL$366,ROUNDDOWN($C6760/24,0)+1,1))-1)+IF('Standard Profiles'!$G$22=$B$10,7,0)+IF('Standard Profiles'!$G$22=$B$17,14,0)+IF('Standard Profiles'!$G$22=$B$24,21,0),MOD($C6760,24)+1)/SUM(INDEX($D$3:$AA$30,INDEX(Jesper!$R$2:$R$366,ROW(INDEX(Jesper!AL$2:AL$366,ROUNDDOWN($C6760/24,0)+1,1))-1)+IF('Standard Profiles'!$G$22=$B$10,7,0)+IF('Standard Profiles'!$G$22=$B$17,14,0)+IF('Standard Profiles'!$G$22=$B$24,21,0),0)),0)</f>
        <v>0</v>
      </c>
      <c r="I6760">
        <f t="shared" si="755"/>
        <v>0.37705517765557955</v>
      </c>
      <c r="J6760">
        <f t="shared" si="756"/>
        <v>1.2568505921852653</v>
      </c>
      <c r="K6760">
        <f t="shared" si="757"/>
        <v>1.8852758882778979</v>
      </c>
      <c r="L6760">
        <f t="shared" si="758"/>
        <v>9.0493242637339097</v>
      </c>
      <c r="M6760">
        <f t="shared" si="759"/>
        <v>0</v>
      </c>
      <c r="N6760" s="46">
        <f t="shared" si="760"/>
        <v>45572.249999983687</v>
      </c>
    </row>
    <row r="6761" spans="2:14" x14ac:dyDescent="0.3">
      <c r="B6761">
        <f t="shared" si="754"/>
        <v>1</v>
      </c>
      <c r="C6761" s="16">
        <v>6727</v>
      </c>
      <c r="D6761" cm="1">
        <f t="array" ref="D6761">IFERROR(INDEX(Jesper!AH$2:AH$366,ROUNDDOWN($C6761/24,0)+1,1)*INDEX($D$3:$AA$30,INDEX(Jesper!$R$2:$R$366,ROW(INDEX(Jesper!AH$2:AH$366,ROUNDDOWN($C6761/24,0)+1,1))-1)+IF('Standard Profiles'!$G$18=$B$10,7,0)+IF('Standard Profiles'!$G$18=$B$17,14,0)+IF('Standard Profiles'!$G$18=$B$24,21,0),MOD($C6761,24)+1)/SUM(INDEX($D$3:$AA$30,INDEX(Jesper!$R$2:$R$366,ROW(INDEX(Jesper!AH$2:AH$366,ROUNDDOWN($C6761/24,0)+1,1))-1)+IF('Standard Profiles'!$G$18=$B$10,7,0)+IF('Standard Profiles'!$G$18=$B$17,14,0)+IF('Standard Profiles'!$G$18=$B$24,21,0),0)),0)</f>
        <v>12.568505921852653</v>
      </c>
      <c r="E6761" cm="1">
        <f t="array" ref="E6761">IFERROR(INDEX(Jesper!AI$2:AI$366,ROUNDDOWN($C6761/24,0)+1,1)*INDEX($D$3:$AA$30,INDEX(Jesper!$R$2:$R$366,ROW(INDEX(Jesper!AI$2:AI$366,ROUNDDOWN($C6761/24,0)+1,1))-1)+IF('Standard Profiles'!$G$19=$B$10,7,0)+IF('Standard Profiles'!$G$19=$B$17,14,0)+IF('Standard Profiles'!$G$19=$B$24,21,0),MOD($C6761,24)+1)/SUM(INDEX($D$3:$AA$30,INDEX(Jesper!$R$2:$R$366,ROW(INDEX(Jesper!AI$2:AI$366,ROUNDDOWN($C6761/24,0)+1,1))-1)+IF('Standard Profiles'!$G$19=$B$10,7,0)+IF('Standard Profiles'!$G$19=$B$17,14,0)+IF('Standard Profiles'!$G$19=$B$24,21,0),0)),0)</f>
        <v>0</v>
      </c>
      <c r="F6761" cm="1">
        <f t="array" ref="F6761">IFERROR(INDEX(Jesper!AJ$2:AJ$366,ROUNDDOWN($C6761/24,0)+1,1)*INDEX($D$3:$AA$30,INDEX(Jesper!$R$2:$R$366,ROW(INDEX(Jesper!AJ$2:AJ$366,ROUNDDOWN($C6761/24,0)+1,1))-1)+IF('Standard Profiles'!$G$20=$B$10,7,0)+IF('Standard Profiles'!$G$20=$B$17,14,0)+IF('Standard Profiles'!$G$20=$B$24,21,0),MOD($C6761,24)+1)/SUM(INDEX($D$3:$AA$30,INDEX(Jesper!$R$2:$R$366,ROW(INDEX(Jesper!AJ$2:AJ$366,ROUNDDOWN($C6761/24,0)+1,1))-1)+IF('Standard Profiles'!$G$20=$B$10,7,0)+IF('Standard Profiles'!$G$20=$B$17,14,0)+IF('Standard Profiles'!$G$20=$B$24,21,0),0)),0)</f>
        <v>0</v>
      </c>
      <c r="G6761" cm="1">
        <f t="array" ref="G6761">IFERROR(INDEX(Jesper!AK$2:AK$366,ROUNDDOWN($C6761/24,0)+1,1)*INDEX($D$3:$AA$30,INDEX(Jesper!$R$2:$R$366,ROW(INDEX(Jesper!AK$2:AK$366,ROUNDDOWN($C6761/24,0)+1,1))-1)+IF('Standard Profiles'!$G$21=$B$10,7,0)+IF('Standard Profiles'!$G$21=$B$17,14,0)+IF('Standard Profiles'!$G$21=$B$24,21,0),MOD($C6761,24)+1)/SUM(INDEX($D$3:$AA$30,INDEX(Jesper!$R$2:$R$366,ROW(INDEX(Jesper!AK$2:AK$366,ROUNDDOWN($C6761/24,0)+1,1))-1)+IF('Standard Profiles'!$G$21=$B$10,7,0)+IF('Standard Profiles'!$G$21=$B$17,14,0)+IF('Standard Profiles'!$G$21=$B$24,21,0),0)),0)</f>
        <v>0</v>
      </c>
      <c r="H6761" cm="1">
        <f t="array" ref="H6761">IFERROR(INDEX(Jesper!AL$2:AL$366,ROUNDDOWN($C6761/24,0)+1,1)*INDEX($D$3:$AA$30,INDEX(Jesper!$R$2:$R$366,ROW(INDEX(Jesper!AL$2:AL$366,ROUNDDOWN($C6761/24,0)+1,1))-1)+IF('Standard Profiles'!$G$22=$B$10,7,0)+IF('Standard Profiles'!$G$22=$B$17,14,0)+IF('Standard Profiles'!$G$22=$B$24,21,0),MOD($C6761,24)+1)/SUM(INDEX($D$3:$AA$30,INDEX(Jesper!$R$2:$R$366,ROW(INDEX(Jesper!AL$2:AL$366,ROUNDDOWN($C6761/24,0)+1,1))-1)+IF('Standard Profiles'!$G$22=$B$10,7,0)+IF('Standard Profiles'!$G$22=$B$17,14,0)+IF('Standard Profiles'!$G$22=$B$24,21,0),0)),0)</f>
        <v>0</v>
      </c>
      <c r="I6761">
        <f t="shared" si="755"/>
        <v>0.37705517765557955</v>
      </c>
      <c r="J6761">
        <f t="shared" si="756"/>
        <v>1.2568505921852653</v>
      </c>
      <c r="K6761">
        <f t="shared" si="757"/>
        <v>1.8852758882778979</v>
      </c>
      <c r="L6761">
        <f t="shared" si="758"/>
        <v>9.0493242637339097</v>
      </c>
      <c r="M6761">
        <f t="shared" si="759"/>
        <v>0</v>
      </c>
      <c r="N6761" s="46">
        <f t="shared" si="760"/>
        <v>45572.291666650352</v>
      </c>
    </row>
    <row r="6762" spans="2:14" x14ac:dyDescent="0.3">
      <c r="B6762">
        <f t="shared" si="754"/>
        <v>1</v>
      </c>
      <c r="C6762" s="16">
        <v>6728</v>
      </c>
      <c r="D6762" cm="1">
        <f t="array" ref="D6762">IFERROR(INDEX(Jesper!AH$2:AH$366,ROUNDDOWN($C6762/24,0)+1,1)*INDEX($D$3:$AA$30,INDEX(Jesper!$R$2:$R$366,ROW(INDEX(Jesper!AH$2:AH$366,ROUNDDOWN($C6762/24,0)+1,1))-1)+IF('Standard Profiles'!$G$18=$B$10,7,0)+IF('Standard Profiles'!$G$18=$B$17,14,0)+IF('Standard Profiles'!$G$18=$B$24,21,0),MOD($C6762,24)+1)/SUM(INDEX($D$3:$AA$30,INDEX(Jesper!$R$2:$R$366,ROW(INDEX(Jesper!AH$2:AH$366,ROUNDDOWN($C6762/24,0)+1,1))-1)+IF('Standard Profiles'!$G$18=$B$10,7,0)+IF('Standard Profiles'!$G$18=$B$17,14,0)+IF('Standard Profiles'!$G$18=$B$24,21,0),0)),0)</f>
        <v>12.568505921852653</v>
      </c>
      <c r="E6762" cm="1">
        <f t="array" ref="E6762">IFERROR(INDEX(Jesper!AI$2:AI$366,ROUNDDOWN($C6762/24,0)+1,1)*INDEX($D$3:$AA$30,INDEX(Jesper!$R$2:$R$366,ROW(INDEX(Jesper!AI$2:AI$366,ROUNDDOWN($C6762/24,0)+1,1))-1)+IF('Standard Profiles'!$G$19=$B$10,7,0)+IF('Standard Profiles'!$G$19=$B$17,14,0)+IF('Standard Profiles'!$G$19=$B$24,21,0),MOD($C6762,24)+1)/SUM(INDEX($D$3:$AA$30,INDEX(Jesper!$R$2:$R$366,ROW(INDEX(Jesper!AI$2:AI$366,ROUNDDOWN($C6762/24,0)+1,1))-1)+IF('Standard Profiles'!$G$19=$B$10,7,0)+IF('Standard Profiles'!$G$19=$B$17,14,0)+IF('Standard Profiles'!$G$19=$B$24,21,0),0)),0)</f>
        <v>0</v>
      </c>
      <c r="F6762" cm="1">
        <f t="array" ref="F6762">IFERROR(INDEX(Jesper!AJ$2:AJ$366,ROUNDDOWN($C6762/24,0)+1,1)*INDEX($D$3:$AA$30,INDEX(Jesper!$R$2:$R$366,ROW(INDEX(Jesper!AJ$2:AJ$366,ROUNDDOWN($C6762/24,0)+1,1))-1)+IF('Standard Profiles'!$G$20=$B$10,7,0)+IF('Standard Profiles'!$G$20=$B$17,14,0)+IF('Standard Profiles'!$G$20=$B$24,21,0),MOD($C6762,24)+1)/SUM(INDEX($D$3:$AA$30,INDEX(Jesper!$R$2:$R$366,ROW(INDEX(Jesper!AJ$2:AJ$366,ROUNDDOWN($C6762/24,0)+1,1))-1)+IF('Standard Profiles'!$G$20=$B$10,7,0)+IF('Standard Profiles'!$G$20=$B$17,14,0)+IF('Standard Profiles'!$G$20=$B$24,21,0),0)),0)</f>
        <v>0</v>
      </c>
      <c r="G6762" cm="1">
        <f t="array" ref="G6762">IFERROR(INDEX(Jesper!AK$2:AK$366,ROUNDDOWN($C6762/24,0)+1,1)*INDEX($D$3:$AA$30,INDEX(Jesper!$R$2:$R$366,ROW(INDEX(Jesper!AK$2:AK$366,ROUNDDOWN($C6762/24,0)+1,1))-1)+IF('Standard Profiles'!$G$21=$B$10,7,0)+IF('Standard Profiles'!$G$21=$B$17,14,0)+IF('Standard Profiles'!$G$21=$B$24,21,0),MOD($C6762,24)+1)/SUM(INDEX($D$3:$AA$30,INDEX(Jesper!$R$2:$R$366,ROW(INDEX(Jesper!AK$2:AK$366,ROUNDDOWN($C6762/24,0)+1,1))-1)+IF('Standard Profiles'!$G$21=$B$10,7,0)+IF('Standard Profiles'!$G$21=$B$17,14,0)+IF('Standard Profiles'!$G$21=$B$24,21,0),0)),0)</f>
        <v>0</v>
      </c>
      <c r="H6762" cm="1">
        <f t="array" ref="H6762">IFERROR(INDEX(Jesper!AL$2:AL$366,ROUNDDOWN($C6762/24,0)+1,1)*INDEX($D$3:$AA$30,INDEX(Jesper!$R$2:$R$366,ROW(INDEX(Jesper!AL$2:AL$366,ROUNDDOWN($C6762/24,0)+1,1))-1)+IF('Standard Profiles'!$G$22=$B$10,7,0)+IF('Standard Profiles'!$G$22=$B$17,14,0)+IF('Standard Profiles'!$G$22=$B$24,21,0),MOD($C6762,24)+1)/SUM(INDEX($D$3:$AA$30,INDEX(Jesper!$R$2:$R$366,ROW(INDEX(Jesper!AL$2:AL$366,ROUNDDOWN($C6762/24,0)+1,1))-1)+IF('Standard Profiles'!$G$22=$B$10,7,0)+IF('Standard Profiles'!$G$22=$B$17,14,0)+IF('Standard Profiles'!$G$22=$B$24,21,0),0)),0)</f>
        <v>0</v>
      </c>
      <c r="I6762">
        <f t="shared" si="755"/>
        <v>0.37705517765557955</v>
      </c>
      <c r="J6762">
        <f t="shared" si="756"/>
        <v>1.2568505921852653</v>
      </c>
      <c r="K6762">
        <f t="shared" si="757"/>
        <v>1.8852758882778979</v>
      </c>
      <c r="L6762">
        <f t="shared" si="758"/>
        <v>9.0493242637339097</v>
      </c>
      <c r="M6762">
        <f t="shared" si="759"/>
        <v>0</v>
      </c>
      <c r="N6762" s="46">
        <f t="shared" si="760"/>
        <v>45572.333333317016</v>
      </c>
    </row>
    <row r="6763" spans="2:14" x14ac:dyDescent="0.3">
      <c r="B6763">
        <f t="shared" si="754"/>
        <v>1</v>
      </c>
      <c r="C6763" s="16">
        <v>6729</v>
      </c>
      <c r="D6763" cm="1">
        <f t="array" ref="D6763">IFERROR(INDEX(Jesper!AH$2:AH$366,ROUNDDOWN($C6763/24,0)+1,1)*INDEX($D$3:$AA$30,INDEX(Jesper!$R$2:$R$366,ROW(INDEX(Jesper!AH$2:AH$366,ROUNDDOWN($C6763/24,0)+1,1))-1)+IF('Standard Profiles'!$G$18=$B$10,7,0)+IF('Standard Profiles'!$G$18=$B$17,14,0)+IF('Standard Profiles'!$G$18=$B$24,21,0),MOD($C6763,24)+1)/SUM(INDEX($D$3:$AA$30,INDEX(Jesper!$R$2:$R$366,ROW(INDEX(Jesper!AH$2:AH$366,ROUNDDOWN($C6763/24,0)+1,1))-1)+IF('Standard Profiles'!$G$18=$B$10,7,0)+IF('Standard Profiles'!$G$18=$B$17,14,0)+IF('Standard Profiles'!$G$18=$B$24,21,0),0)),0)</f>
        <v>13.420608018249442</v>
      </c>
      <c r="E6763" cm="1">
        <f t="array" ref="E6763">IFERROR(INDEX(Jesper!AI$2:AI$366,ROUNDDOWN($C6763/24,0)+1,1)*INDEX($D$3:$AA$30,INDEX(Jesper!$R$2:$R$366,ROW(INDEX(Jesper!AI$2:AI$366,ROUNDDOWN($C6763/24,0)+1,1))-1)+IF('Standard Profiles'!$G$19=$B$10,7,0)+IF('Standard Profiles'!$G$19=$B$17,14,0)+IF('Standard Profiles'!$G$19=$B$24,21,0),MOD($C6763,24)+1)/SUM(INDEX($D$3:$AA$30,INDEX(Jesper!$R$2:$R$366,ROW(INDEX(Jesper!AI$2:AI$366,ROUNDDOWN($C6763/24,0)+1,1))-1)+IF('Standard Profiles'!$G$19=$B$10,7,0)+IF('Standard Profiles'!$G$19=$B$17,14,0)+IF('Standard Profiles'!$G$19=$B$24,21,0),0)),0)</f>
        <v>0</v>
      </c>
      <c r="F6763" cm="1">
        <f t="array" ref="F6763">IFERROR(INDEX(Jesper!AJ$2:AJ$366,ROUNDDOWN($C6763/24,0)+1,1)*INDEX($D$3:$AA$30,INDEX(Jesper!$R$2:$R$366,ROW(INDEX(Jesper!AJ$2:AJ$366,ROUNDDOWN($C6763/24,0)+1,1))-1)+IF('Standard Profiles'!$G$20=$B$10,7,0)+IF('Standard Profiles'!$G$20=$B$17,14,0)+IF('Standard Profiles'!$G$20=$B$24,21,0),MOD($C6763,24)+1)/SUM(INDEX($D$3:$AA$30,INDEX(Jesper!$R$2:$R$366,ROW(INDEX(Jesper!AJ$2:AJ$366,ROUNDDOWN($C6763/24,0)+1,1))-1)+IF('Standard Profiles'!$G$20=$B$10,7,0)+IF('Standard Profiles'!$G$20=$B$17,14,0)+IF('Standard Profiles'!$G$20=$B$24,21,0),0)),0)</f>
        <v>0</v>
      </c>
      <c r="G6763" cm="1">
        <f t="array" ref="G6763">IFERROR(INDEX(Jesper!AK$2:AK$366,ROUNDDOWN($C6763/24,0)+1,1)*INDEX($D$3:$AA$30,INDEX(Jesper!$R$2:$R$366,ROW(INDEX(Jesper!AK$2:AK$366,ROUNDDOWN($C6763/24,0)+1,1))-1)+IF('Standard Profiles'!$G$21=$B$10,7,0)+IF('Standard Profiles'!$G$21=$B$17,14,0)+IF('Standard Profiles'!$G$21=$B$24,21,0),MOD($C6763,24)+1)/SUM(INDEX($D$3:$AA$30,INDEX(Jesper!$R$2:$R$366,ROW(INDEX(Jesper!AK$2:AK$366,ROUNDDOWN($C6763/24,0)+1,1))-1)+IF('Standard Profiles'!$G$21=$B$10,7,0)+IF('Standard Profiles'!$G$21=$B$17,14,0)+IF('Standard Profiles'!$G$21=$B$24,21,0),0)),0)</f>
        <v>0</v>
      </c>
      <c r="H6763" cm="1">
        <f t="array" ref="H6763">IFERROR(INDEX(Jesper!AL$2:AL$366,ROUNDDOWN($C6763/24,0)+1,1)*INDEX($D$3:$AA$30,INDEX(Jesper!$R$2:$R$366,ROW(INDEX(Jesper!AL$2:AL$366,ROUNDDOWN($C6763/24,0)+1,1))-1)+IF('Standard Profiles'!$G$22=$B$10,7,0)+IF('Standard Profiles'!$G$22=$B$17,14,0)+IF('Standard Profiles'!$G$22=$B$24,21,0),MOD($C6763,24)+1)/SUM(INDEX($D$3:$AA$30,INDEX(Jesper!$R$2:$R$366,ROW(INDEX(Jesper!AL$2:AL$366,ROUNDDOWN($C6763/24,0)+1,1))-1)+IF('Standard Profiles'!$G$22=$B$10,7,0)+IF('Standard Profiles'!$G$22=$B$17,14,0)+IF('Standard Profiles'!$G$22=$B$24,21,0),0)),0)</f>
        <v>0</v>
      </c>
      <c r="I6763">
        <f t="shared" si="755"/>
        <v>0.40261824054748324</v>
      </c>
      <c r="J6763">
        <f t="shared" si="756"/>
        <v>1.3420608018249442</v>
      </c>
      <c r="K6763">
        <f t="shared" si="757"/>
        <v>2.0130912027374164</v>
      </c>
      <c r="L6763">
        <f t="shared" si="758"/>
        <v>9.6628377731395982</v>
      </c>
      <c r="M6763">
        <f t="shared" si="759"/>
        <v>0</v>
      </c>
      <c r="N6763" s="46">
        <f t="shared" si="760"/>
        <v>45572.37499998368</v>
      </c>
    </row>
    <row r="6764" spans="2:14" x14ac:dyDescent="0.3">
      <c r="B6764">
        <f t="shared" si="754"/>
        <v>1</v>
      </c>
      <c r="C6764" s="16">
        <v>6730</v>
      </c>
      <c r="D6764" cm="1">
        <f t="array" ref="D6764">IFERROR(INDEX(Jesper!AH$2:AH$366,ROUNDDOWN($C6764/24,0)+1,1)*INDEX($D$3:$AA$30,INDEX(Jesper!$R$2:$R$366,ROW(INDEX(Jesper!AH$2:AH$366,ROUNDDOWN($C6764/24,0)+1,1))-1)+IF('Standard Profiles'!$G$18=$B$10,7,0)+IF('Standard Profiles'!$G$18=$B$17,14,0)+IF('Standard Profiles'!$G$18=$B$24,21,0),MOD($C6764,24)+1)/SUM(INDEX($D$3:$AA$30,INDEX(Jesper!$R$2:$R$366,ROW(INDEX(Jesper!AH$2:AH$366,ROUNDDOWN($C6764/24,0)+1,1))-1)+IF('Standard Profiles'!$G$18=$B$10,7,0)+IF('Standard Profiles'!$G$18=$B$17,14,0)+IF('Standard Profiles'!$G$18=$B$24,21,0),0)),0)</f>
        <v>13.420608018249442</v>
      </c>
      <c r="E6764" cm="1">
        <f t="array" ref="E6764">IFERROR(INDEX(Jesper!AI$2:AI$366,ROUNDDOWN($C6764/24,0)+1,1)*INDEX($D$3:$AA$30,INDEX(Jesper!$R$2:$R$366,ROW(INDEX(Jesper!AI$2:AI$366,ROUNDDOWN($C6764/24,0)+1,1))-1)+IF('Standard Profiles'!$G$19=$B$10,7,0)+IF('Standard Profiles'!$G$19=$B$17,14,0)+IF('Standard Profiles'!$G$19=$B$24,21,0),MOD($C6764,24)+1)/SUM(INDEX($D$3:$AA$30,INDEX(Jesper!$R$2:$R$366,ROW(INDEX(Jesper!AI$2:AI$366,ROUNDDOWN($C6764/24,0)+1,1))-1)+IF('Standard Profiles'!$G$19=$B$10,7,0)+IF('Standard Profiles'!$G$19=$B$17,14,0)+IF('Standard Profiles'!$G$19=$B$24,21,0),0)),0)</f>
        <v>0</v>
      </c>
      <c r="F6764" cm="1">
        <f t="array" ref="F6764">IFERROR(INDEX(Jesper!AJ$2:AJ$366,ROUNDDOWN($C6764/24,0)+1,1)*INDEX($D$3:$AA$30,INDEX(Jesper!$R$2:$R$366,ROW(INDEX(Jesper!AJ$2:AJ$366,ROUNDDOWN($C6764/24,0)+1,1))-1)+IF('Standard Profiles'!$G$20=$B$10,7,0)+IF('Standard Profiles'!$G$20=$B$17,14,0)+IF('Standard Profiles'!$G$20=$B$24,21,0),MOD($C6764,24)+1)/SUM(INDEX($D$3:$AA$30,INDEX(Jesper!$R$2:$R$366,ROW(INDEX(Jesper!AJ$2:AJ$366,ROUNDDOWN($C6764/24,0)+1,1))-1)+IF('Standard Profiles'!$G$20=$B$10,7,0)+IF('Standard Profiles'!$G$20=$B$17,14,0)+IF('Standard Profiles'!$G$20=$B$24,21,0),0)),0)</f>
        <v>0</v>
      </c>
      <c r="G6764" cm="1">
        <f t="array" ref="G6764">IFERROR(INDEX(Jesper!AK$2:AK$366,ROUNDDOWN($C6764/24,0)+1,1)*INDEX($D$3:$AA$30,INDEX(Jesper!$R$2:$R$366,ROW(INDEX(Jesper!AK$2:AK$366,ROUNDDOWN($C6764/24,0)+1,1))-1)+IF('Standard Profiles'!$G$21=$B$10,7,0)+IF('Standard Profiles'!$G$21=$B$17,14,0)+IF('Standard Profiles'!$G$21=$B$24,21,0),MOD($C6764,24)+1)/SUM(INDEX($D$3:$AA$30,INDEX(Jesper!$R$2:$R$366,ROW(INDEX(Jesper!AK$2:AK$366,ROUNDDOWN($C6764/24,0)+1,1))-1)+IF('Standard Profiles'!$G$21=$B$10,7,0)+IF('Standard Profiles'!$G$21=$B$17,14,0)+IF('Standard Profiles'!$G$21=$B$24,21,0),0)),0)</f>
        <v>0</v>
      </c>
      <c r="H6764" cm="1">
        <f t="array" ref="H6764">IFERROR(INDEX(Jesper!AL$2:AL$366,ROUNDDOWN($C6764/24,0)+1,1)*INDEX($D$3:$AA$30,INDEX(Jesper!$R$2:$R$366,ROW(INDEX(Jesper!AL$2:AL$366,ROUNDDOWN($C6764/24,0)+1,1))-1)+IF('Standard Profiles'!$G$22=$B$10,7,0)+IF('Standard Profiles'!$G$22=$B$17,14,0)+IF('Standard Profiles'!$G$22=$B$24,21,0),MOD($C6764,24)+1)/SUM(INDEX($D$3:$AA$30,INDEX(Jesper!$R$2:$R$366,ROW(INDEX(Jesper!AL$2:AL$366,ROUNDDOWN($C6764/24,0)+1,1))-1)+IF('Standard Profiles'!$G$22=$B$10,7,0)+IF('Standard Profiles'!$G$22=$B$17,14,0)+IF('Standard Profiles'!$G$22=$B$24,21,0),0)),0)</f>
        <v>0</v>
      </c>
      <c r="I6764">
        <f t="shared" si="755"/>
        <v>0.40261824054748324</v>
      </c>
      <c r="J6764">
        <f t="shared" si="756"/>
        <v>1.3420608018249442</v>
      </c>
      <c r="K6764">
        <f t="shared" si="757"/>
        <v>2.0130912027374164</v>
      </c>
      <c r="L6764">
        <f t="shared" si="758"/>
        <v>9.6628377731395982</v>
      </c>
      <c r="M6764">
        <f t="shared" si="759"/>
        <v>0</v>
      </c>
      <c r="N6764" s="46">
        <f t="shared" si="760"/>
        <v>45572.416666650344</v>
      </c>
    </row>
    <row r="6765" spans="2:14" x14ac:dyDescent="0.3">
      <c r="B6765">
        <f t="shared" si="754"/>
        <v>1</v>
      </c>
      <c r="C6765" s="16">
        <v>6731</v>
      </c>
      <c r="D6765" cm="1">
        <f t="array" ref="D6765">IFERROR(INDEX(Jesper!AH$2:AH$366,ROUNDDOWN($C6765/24,0)+1,1)*INDEX($D$3:$AA$30,INDEX(Jesper!$R$2:$R$366,ROW(INDEX(Jesper!AH$2:AH$366,ROUNDDOWN($C6765/24,0)+1,1))-1)+IF('Standard Profiles'!$G$18=$B$10,7,0)+IF('Standard Profiles'!$G$18=$B$17,14,0)+IF('Standard Profiles'!$G$18=$B$24,21,0),MOD($C6765,24)+1)/SUM(INDEX($D$3:$AA$30,INDEX(Jesper!$R$2:$R$366,ROW(INDEX(Jesper!AH$2:AH$366,ROUNDDOWN($C6765/24,0)+1,1))-1)+IF('Standard Profiles'!$G$18=$B$10,7,0)+IF('Standard Profiles'!$G$18=$B$17,14,0)+IF('Standard Profiles'!$G$18=$B$24,21,0),0)),0)</f>
        <v>17.042041927935802</v>
      </c>
      <c r="E6765" cm="1">
        <f t="array" ref="E6765">IFERROR(INDEX(Jesper!AI$2:AI$366,ROUNDDOWN($C6765/24,0)+1,1)*INDEX($D$3:$AA$30,INDEX(Jesper!$R$2:$R$366,ROW(INDEX(Jesper!AI$2:AI$366,ROUNDDOWN($C6765/24,0)+1,1))-1)+IF('Standard Profiles'!$G$19=$B$10,7,0)+IF('Standard Profiles'!$G$19=$B$17,14,0)+IF('Standard Profiles'!$G$19=$B$24,21,0),MOD($C6765,24)+1)/SUM(INDEX($D$3:$AA$30,INDEX(Jesper!$R$2:$R$366,ROW(INDEX(Jesper!AI$2:AI$366,ROUNDDOWN($C6765/24,0)+1,1))-1)+IF('Standard Profiles'!$G$19=$B$10,7,0)+IF('Standard Profiles'!$G$19=$B$17,14,0)+IF('Standard Profiles'!$G$19=$B$24,21,0),0)),0)</f>
        <v>0</v>
      </c>
      <c r="F6765" cm="1">
        <f t="array" ref="F6765">IFERROR(INDEX(Jesper!AJ$2:AJ$366,ROUNDDOWN($C6765/24,0)+1,1)*INDEX($D$3:$AA$30,INDEX(Jesper!$R$2:$R$366,ROW(INDEX(Jesper!AJ$2:AJ$366,ROUNDDOWN($C6765/24,0)+1,1))-1)+IF('Standard Profiles'!$G$20=$B$10,7,0)+IF('Standard Profiles'!$G$20=$B$17,14,0)+IF('Standard Profiles'!$G$20=$B$24,21,0),MOD($C6765,24)+1)/SUM(INDEX($D$3:$AA$30,INDEX(Jesper!$R$2:$R$366,ROW(INDEX(Jesper!AJ$2:AJ$366,ROUNDDOWN($C6765/24,0)+1,1))-1)+IF('Standard Profiles'!$G$20=$B$10,7,0)+IF('Standard Profiles'!$G$20=$B$17,14,0)+IF('Standard Profiles'!$G$20=$B$24,21,0),0)),0)</f>
        <v>0</v>
      </c>
      <c r="G6765" cm="1">
        <f t="array" ref="G6765">IFERROR(INDEX(Jesper!AK$2:AK$366,ROUNDDOWN($C6765/24,0)+1,1)*INDEX($D$3:$AA$30,INDEX(Jesper!$R$2:$R$366,ROW(INDEX(Jesper!AK$2:AK$366,ROUNDDOWN($C6765/24,0)+1,1))-1)+IF('Standard Profiles'!$G$21=$B$10,7,0)+IF('Standard Profiles'!$G$21=$B$17,14,0)+IF('Standard Profiles'!$G$21=$B$24,21,0),MOD($C6765,24)+1)/SUM(INDEX($D$3:$AA$30,INDEX(Jesper!$R$2:$R$366,ROW(INDEX(Jesper!AK$2:AK$366,ROUNDDOWN($C6765/24,0)+1,1))-1)+IF('Standard Profiles'!$G$21=$B$10,7,0)+IF('Standard Profiles'!$G$21=$B$17,14,0)+IF('Standard Profiles'!$G$21=$B$24,21,0),0)),0)</f>
        <v>0</v>
      </c>
      <c r="H6765" cm="1">
        <f t="array" ref="H6765">IFERROR(INDEX(Jesper!AL$2:AL$366,ROUNDDOWN($C6765/24,0)+1,1)*INDEX($D$3:$AA$30,INDEX(Jesper!$R$2:$R$366,ROW(INDEX(Jesper!AL$2:AL$366,ROUNDDOWN($C6765/24,0)+1,1))-1)+IF('Standard Profiles'!$G$22=$B$10,7,0)+IF('Standard Profiles'!$G$22=$B$17,14,0)+IF('Standard Profiles'!$G$22=$B$24,21,0),MOD($C6765,24)+1)/SUM(INDEX($D$3:$AA$30,INDEX(Jesper!$R$2:$R$366,ROW(INDEX(Jesper!AL$2:AL$366,ROUNDDOWN($C6765/24,0)+1,1))-1)+IF('Standard Profiles'!$G$22=$B$10,7,0)+IF('Standard Profiles'!$G$22=$B$17,14,0)+IF('Standard Profiles'!$G$22=$B$24,21,0),0)),0)</f>
        <v>0</v>
      </c>
      <c r="I6765">
        <f t="shared" si="755"/>
        <v>0.51126125783807408</v>
      </c>
      <c r="J6765">
        <f t="shared" si="756"/>
        <v>1.7042041927935803</v>
      </c>
      <c r="K6765">
        <f t="shared" si="757"/>
        <v>2.5563062891903701</v>
      </c>
      <c r="L6765">
        <f t="shared" si="758"/>
        <v>12.270270188113777</v>
      </c>
      <c r="M6765">
        <f t="shared" si="759"/>
        <v>0</v>
      </c>
      <c r="N6765" s="46">
        <f t="shared" si="760"/>
        <v>45572.458333317009</v>
      </c>
    </row>
    <row r="6766" spans="2:14" x14ac:dyDescent="0.3">
      <c r="B6766">
        <f t="shared" si="754"/>
        <v>1</v>
      </c>
      <c r="C6766" s="16">
        <v>6732</v>
      </c>
      <c r="D6766" cm="1">
        <f t="array" ref="D6766">IFERROR(INDEX(Jesper!AH$2:AH$366,ROUNDDOWN($C6766/24,0)+1,1)*INDEX($D$3:$AA$30,INDEX(Jesper!$R$2:$R$366,ROW(INDEX(Jesper!AH$2:AH$366,ROUNDDOWN($C6766/24,0)+1,1))-1)+IF('Standard Profiles'!$G$18=$B$10,7,0)+IF('Standard Profiles'!$G$18=$B$17,14,0)+IF('Standard Profiles'!$G$18=$B$24,21,0),MOD($C6766,24)+1)/SUM(INDEX($D$3:$AA$30,INDEX(Jesper!$R$2:$R$366,ROW(INDEX(Jesper!AH$2:AH$366,ROUNDDOWN($C6766/24,0)+1,1))-1)+IF('Standard Profiles'!$G$18=$B$10,7,0)+IF('Standard Profiles'!$G$18=$B$17,14,0)+IF('Standard Profiles'!$G$18=$B$24,21,0),0)),0)</f>
        <v>17.042041927935802</v>
      </c>
      <c r="E6766" cm="1">
        <f t="array" ref="E6766">IFERROR(INDEX(Jesper!AI$2:AI$366,ROUNDDOWN($C6766/24,0)+1,1)*INDEX($D$3:$AA$30,INDEX(Jesper!$R$2:$R$366,ROW(INDEX(Jesper!AI$2:AI$366,ROUNDDOWN($C6766/24,0)+1,1))-1)+IF('Standard Profiles'!$G$19=$B$10,7,0)+IF('Standard Profiles'!$G$19=$B$17,14,0)+IF('Standard Profiles'!$G$19=$B$24,21,0),MOD($C6766,24)+1)/SUM(INDEX($D$3:$AA$30,INDEX(Jesper!$R$2:$R$366,ROW(INDEX(Jesper!AI$2:AI$366,ROUNDDOWN($C6766/24,0)+1,1))-1)+IF('Standard Profiles'!$G$19=$B$10,7,0)+IF('Standard Profiles'!$G$19=$B$17,14,0)+IF('Standard Profiles'!$G$19=$B$24,21,0),0)),0)</f>
        <v>0</v>
      </c>
      <c r="F6766" cm="1">
        <f t="array" ref="F6766">IFERROR(INDEX(Jesper!AJ$2:AJ$366,ROUNDDOWN($C6766/24,0)+1,1)*INDEX($D$3:$AA$30,INDEX(Jesper!$R$2:$R$366,ROW(INDEX(Jesper!AJ$2:AJ$366,ROUNDDOWN($C6766/24,0)+1,1))-1)+IF('Standard Profiles'!$G$20=$B$10,7,0)+IF('Standard Profiles'!$G$20=$B$17,14,0)+IF('Standard Profiles'!$G$20=$B$24,21,0),MOD($C6766,24)+1)/SUM(INDEX($D$3:$AA$30,INDEX(Jesper!$R$2:$R$366,ROW(INDEX(Jesper!AJ$2:AJ$366,ROUNDDOWN($C6766/24,0)+1,1))-1)+IF('Standard Profiles'!$G$20=$B$10,7,0)+IF('Standard Profiles'!$G$20=$B$17,14,0)+IF('Standard Profiles'!$G$20=$B$24,21,0),0)),0)</f>
        <v>0</v>
      </c>
      <c r="G6766" cm="1">
        <f t="array" ref="G6766">IFERROR(INDEX(Jesper!AK$2:AK$366,ROUNDDOWN($C6766/24,0)+1,1)*INDEX($D$3:$AA$30,INDEX(Jesper!$R$2:$R$366,ROW(INDEX(Jesper!AK$2:AK$366,ROUNDDOWN($C6766/24,0)+1,1))-1)+IF('Standard Profiles'!$G$21=$B$10,7,0)+IF('Standard Profiles'!$G$21=$B$17,14,0)+IF('Standard Profiles'!$G$21=$B$24,21,0),MOD($C6766,24)+1)/SUM(INDEX($D$3:$AA$30,INDEX(Jesper!$R$2:$R$366,ROW(INDEX(Jesper!AK$2:AK$366,ROUNDDOWN($C6766/24,0)+1,1))-1)+IF('Standard Profiles'!$G$21=$B$10,7,0)+IF('Standard Profiles'!$G$21=$B$17,14,0)+IF('Standard Profiles'!$G$21=$B$24,21,0),0)),0)</f>
        <v>0</v>
      </c>
      <c r="H6766" cm="1">
        <f t="array" ref="H6766">IFERROR(INDEX(Jesper!AL$2:AL$366,ROUNDDOWN($C6766/24,0)+1,1)*INDEX($D$3:$AA$30,INDEX(Jesper!$R$2:$R$366,ROW(INDEX(Jesper!AL$2:AL$366,ROUNDDOWN($C6766/24,0)+1,1))-1)+IF('Standard Profiles'!$G$22=$B$10,7,0)+IF('Standard Profiles'!$G$22=$B$17,14,0)+IF('Standard Profiles'!$G$22=$B$24,21,0),MOD($C6766,24)+1)/SUM(INDEX($D$3:$AA$30,INDEX(Jesper!$R$2:$R$366,ROW(INDEX(Jesper!AL$2:AL$366,ROUNDDOWN($C6766/24,0)+1,1))-1)+IF('Standard Profiles'!$G$22=$B$10,7,0)+IF('Standard Profiles'!$G$22=$B$17,14,0)+IF('Standard Profiles'!$G$22=$B$24,21,0),0)),0)</f>
        <v>0</v>
      </c>
      <c r="I6766">
        <f t="shared" si="755"/>
        <v>0.51126125783807408</v>
      </c>
      <c r="J6766">
        <f t="shared" si="756"/>
        <v>1.7042041927935803</v>
      </c>
      <c r="K6766">
        <f t="shared" si="757"/>
        <v>2.5563062891903701</v>
      </c>
      <c r="L6766">
        <f t="shared" si="758"/>
        <v>12.270270188113777</v>
      </c>
      <c r="M6766">
        <f t="shared" si="759"/>
        <v>0</v>
      </c>
      <c r="N6766" s="46">
        <f t="shared" si="760"/>
        <v>45572.499999983673</v>
      </c>
    </row>
    <row r="6767" spans="2:14" x14ac:dyDescent="0.3">
      <c r="B6767">
        <f t="shared" si="754"/>
        <v>1</v>
      </c>
      <c r="C6767" s="16">
        <v>6733</v>
      </c>
      <c r="D6767" cm="1">
        <f t="array" ref="D6767">IFERROR(INDEX(Jesper!AH$2:AH$366,ROUNDDOWN($C6767/24,0)+1,1)*INDEX($D$3:$AA$30,INDEX(Jesper!$R$2:$R$366,ROW(INDEX(Jesper!AH$2:AH$366,ROUNDDOWN($C6767/24,0)+1,1))-1)+IF('Standard Profiles'!$G$18=$B$10,7,0)+IF('Standard Profiles'!$G$18=$B$17,14,0)+IF('Standard Profiles'!$G$18=$B$24,21,0),MOD($C6767,24)+1)/SUM(INDEX($D$3:$AA$30,INDEX(Jesper!$R$2:$R$366,ROW(INDEX(Jesper!AH$2:AH$366,ROUNDDOWN($C6767/24,0)+1,1))-1)+IF('Standard Profiles'!$G$18=$B$10,7,0)+IF('Standard Profiles'!$G$18=$B$17,14,0)+IF('Standard Profiles'!$G$18=$B$24,21,0),0)),0)</f>
        <v>11.290352777257469</v>
      </c>
      <c r="E6767" cm="1">
        <f t="array" ref="E6767">IFERROR(INDEX(Jesper!AI$2:AI$366,ROUNDDOWN($C6767/24,0)+1,1)*INDEX($D$3:$AA$30,INDEX(Jesper!$R$2:$R$366,ROW(INDEX(Jesper!AI$2:AI$366,ROUNDDOWN($C6767/24,0)+1,1))-1)+IF('Standard Profiles'!$G$19=$B$10,7,0)+IF('Standard Profiles'!$G$19=$B$17,14,0)+IF('Standard Profiles'!$G$19=$B$24,21,0),MOD($C6767,24)+1)/SUM(INDEX($D$3:$AA$30,INDEX(Jesper!$R$2:$R$366,ROW(INDEX(Jesper!AI$2:AI$366,ROUNDDOWN($C6767/24,0)+1,1))-1)+IF('Standard Profiles'!$G$19=$B$10,7,0)+IF('Standard Profiles'!$G$19=$B$17,14,0)+IF('Standard Profiles'!$G$19=$B$24,21,0),0)),0)</f>
        <v>0</v>
      </c>
      <c r="F6767" cm="1">
        <f t="array" ref="F6767">IFERROR(INDEX(Jesper!AJ$2:AJ$366,ROUNDDOWN($C6767/24,0)+1,1)*INDEX($D$3:$AA$30,INDEX(Jesper!$R$2:$R$366,ROW(INDEX(Jesper!AJ$2:AJ$366,ROUNDDOWN($C6767/24,0)+1,1))-1)+IF('Standard Profiles'!$G$20=$B$10,7,0)+IF('Standard Profiles'!$G$20=$B$17,14,0)+IF('Standard Profiles'!$G$20=$B$24,21,0),MOD($C6767,24)+1)/SUM(INDEX($D$3:$AA$30,INDEX(Jesper!$R$2:$R$366,ROW(INDEX(Jesper!AJ$2:AJ$366,ROUNDDOWN($C6767/24,0)+1,1))-1)+IF('Standard Profiles'!$G$20=$B$10,7,0)+IF('Standard Profiles'!$G$20=$B$17,14,0)+IF('Standard Profiles'!$G$20=$B$24,21,0),0)),0)</f>
        <v>0</v>
      </c>
      <c r="G6767" cm="1">
        <f t="array" ref="G6767">IFERROR(INDEX(Jesper!AK$2:AK$366,ROUNDDOWN($C6767/24,0)+1,1)*INDEX($D$3:$AA$30,INDEX(Jesper!$R$2:$R$366,ROW(INDEX(Jesper!AK$2:AK$366,ROUNDDOWN($C6767/24,0)+1,1))-1)+IF('Standard Profiles'!$G$21=$B$10,7,0)+IF('Standard Profiles'!$G$21=$B$17,14,0)+IF('Standard Profiles'!$G$21=$B$24,21,0),MOD($C6767,24)+1)/SUM(INDEX($D$3:$AA$30,INDEX(Jesper!$R$2:$R$366,ROW(INDEX(Jesper!AK$2:AK$366,ROUNDDOWN($C6767/24,0)+1,1))-1)+IF('Standard Profiles'!$G$21=$B$10,7,0)+IF('Standard Profiles'!$G$21=$B$17,14,0)+IF('Standard Profiles'!$G$21=$B$24,21,0),0)),0)</f>
        <v>0</v>
      </c>
      <c r="H6767" cm="1">
        <f t="array" ref="H6767">IFERROR(INDEX(Jesper!AL$2:AL$366,ROUNDDOWN($C6767/24,0)+1,1)*INDEX($D$3:$AA$30,INDEX(Jesper!$R$2:$R$366,ROW(INDEX(Jesper!AL$2:AL$366,ROUNDDOWN($C6767/24,0)+1,1))-1)+IF('Standard Profiles'!$G$22=$B$10,7,0)+IF('Standard Profiles'!$G$22=$B$17,14,0)+IF('Standard Profiles'!$G$22=$B$24,21,0),MOD($C6767,24)+1)/SUM(INDEX($D$3:$AA$30,INDEX(Jesper!$R$2:$R$366,ROW(INDEX(Jesper!AL$2:AL$366,ROUNDDOWN($C6767/24,0)+1,1))-1)+IF('Standard Profiles'!$G$22=$B$10,7,0)+IF('Standard Profiles'!$G$22=$B$17,14,0)+IF('Standard Profiles'!$G$22=$B$24,21,0),0)),0)</f>
        <v>0</v>
      </c>
      <c r="I6767">
        <f t="shared" si="755"/>
        <v>0.33871058331772408</v>
      </c>
      <c r="J6767">
        <f t="shared" si="756"/>
        <v>1.1290352777257471</v>
      </c>
      <c r="K6767">
        <f t="shared" si="757"/>
        <v>1.6935529165886203</v>
      </c>
      <c r="L6767">
        <f t="shared" si="758"/>
        <v>8.129053999625377</v>
      </c>
      <c r="M6767">
        <f t="shared" si="759"/>
        <v>0</v>
      </c>
      <c r="N6767" s="46">
        <f t="shared" si="760"/>
        <v>45572.541666650337</v>
      </c>
    </row>
    <row r="6768" spans="2:14" x14ac:dyDescent="0.3">
      <c r="B6768">
        <f t="shared" si="754"/>
        <v>1</v>
      </c>
      <c r="C6768" s="16">
        <v>6734</v>
      </c>
      <c r="D6768" cm="1">
        <f t="array" ref="D6768">IFERROR(INDEX(Jesper!AH$2:AH$366,ROUNDDOWN($C6768/24,0)+1,1)*INDEX($D$3:$AA$30,INDEX(Jesper!$R$2:$R$366,ROW(INDEX(Jesper!AH$2:AH$366,ROUNDDOWN($C6768/24,0)+1,1))-1)+IF('Standard Profiles'!$G$18=$B$10,7,0)+IF('Standard Profiles'!$G$18=$B$17,14,0)+IF('Standard Profiles'!$G$18=$B$24,21,0),MOD($C6768,24)+1)/SUM(INDEX($D$3:$AA$30,INDEX(Jesper!$R$2:$R$366,ROW(INDEX(Jesper!AH$2:AH$366,ROUNDDOWN($C6768/24,0)+1,1))-1)+IF('Standard Profiles'!$G$18=$B$10,7,0)+IF('Standard Profiles'!$G$18=$B$17,14,0)+IF('Standard Profiles'!$G$18=$B$24,21,0),0)),0)</f>
        <v>17.042041927935802</v>
      </c>
      <c r="E6768" cm="1">
        <f t="array" ref="E6768">IFERROR(INDEX(Jesper!AI$2:AI$366,ROUNDDOWN($C6768/24,0)+1,1)*INDEX($D$3:$AA$30,INDEX(Jesper!$R$2:$R$366,ROW(INDEX(Jesper!AI$2:AI$366,ROUNDDOWN($C6768/24,0)+1,1))-1)+IF('Standard Profiles'!$G$19=$B$10,7,0)+IF('Standard Profiles'!$G$19=$B$17,14,0)+IF('Standard Profiles'!$G$19=$B$24,21,0),MOD($C6768,24)+1)/SUM(INDEX($D$3:$AA$30,INDEX(Jesper!$R$2:$R$366,ROW(INDEX(Jesper!AI$2:AI$366,ROUNDDOWN($C6768/24,0)+1,1))-1)+IF('Standard Profiles'!$G$19=$B$10,7,0)+IF('Standard Profiles'!$G$19=$B$17,14,0)+IF('Standard Profiles'!$G$19=$B$24,21,0),0)),0)</f>
        <v>0</v>
      </c>
      <c r="F6768" cm="1">
        <f t="array" ref="F6768">IFERROR(INDEX(Jesper!AJ$2:AJ$366,ROUNDDOWN($C6768/24,0)+1,1)*INDEX($D$3:$AA$30,INDEX(Jesper!$R$2:$R$366,ROW(INDEX(Jesper!AJ$2:AJ$366,ROUNDDOWN($C6768/24,0)+1,1))-1)+IF('Standard Profiles'!$G$20=$B$10,7,0)+IF('Standard Profiles'!$G$20=$B$17,14,0)+IF('Standard Profiles'!$G$20=$B$24,21,0),MOD($C6768,24)+1)/SUM(INDEX($D$3:$AA$30,INDEX(Jesper!$R$2:$R$366,ROW(INDEX(Jesper!AJ$2:AJ$366,ROUNDDOWN($C6768/24,0)+1,1))-1)+IF('Standard Profiles'!$G$20=$B$10,7,0)+IF('Standard Profiles'!$G$20=$B$17,14,0)+IF('Standard Profiles'!$G$20=$B$24,21,0),0)),0)</f>
        <v>0</v>
      </c>
      <c r="G6768" cm="1">
        <f t="array" ref="G6768">IFERROR(INDEX(Jesper!AK$2:AK$366,ROUNDDOWN($C6768/24,0)+1,1)*INDEX($D$3:$AA$30,INDEX(Jesper!$R$2:$R$366,ROW(INDEX(Jesper!AK$2:AK$366,ROUNDDOWN($C6768/24,0)+1,1))-1)+IF('Standard Profiles'!$G$21=$B$10,7,0)+IF('Standard Profiles'!$G$21=$B$17,14,0)+IF('Standard Profiles'!$G$21=$B$24,21,0),MOD($C6768,24)+1)/SUM(INDEX($D$3:$AA$30,INDEX(Jesper!$R$2:$R$366,ROW(INDEX(Jesper!AK$2:AK$366,ROUNDDOWN($C6768/24,0)+1,1))-1)+IF('Standard Profiles'!$G$21=$B$10,7,0)+IF('Standard Profiles'!$G$21=$B$17,14,0)+IF('Standard Profiles'!$G$21=$B$24,21,0),0)),0)</f>
        <v>0</v>
      </c>
      <c r="H6768" cm="1">
        <f t="array" ref="H6768">IFERROR(INDEX(Jesper!AL$2:AL$366,ROUNDDOWN($C6768/24,0)+1,1)*INDEX($D$3:$AA$30,INDEX(Jesper!$R$2:$R$366,ROW(INDEX(Jesper!AL$2:AL$366,ROUNDDOWN($C6768/24,0)+1,1))-1)+IF('Standard Profiles'!$G$22=$B$10,7,0)+IF('Standard Profiles'!$G$22=$B$17,14,0)+IF('Standard Profiles'!$G$22=$B$24,21,0),MOD($C6768,24)+1)/SUM(INDEX($D$3:$AA$30,INDEX(Jesper!$R$2:$R$366,ROW(INDEX(Jesper!AL$2:AL$366,ROUNDDOWN($C6768/24,0)+1,1))-1)+IF('Standard Profiles'!$G$22=$B$10,7,0)+IF('Standard Profiles'!$G$22=$B$17,14,0)+IF('Standard Profiles'!$G$22=$B$24,21,0),0)),0)</f>
        <v>0</v>
      </c>
      <c r="I6768">
        <f t="shared" si="755"/>
        <v>0.51126125783807408</v>
      </c>
      <c r="J6768">
        <f t="shared" si="756"/>
        <v>1.7042041927935803</v>
      </c>
      <c r="K6768">
        <f t="shared" si="757"/>
        <v>2.5563062891903701</v>
      </c>
      <c r="L6768">
        <f t="shared" si="758"/>
        <v>12.270270188113777</v>
      </c>
      <c r="M6768">
        <f t="shared" si="759"/>
        <v>0</v>
      </c>
      <c r="N6768" s="46">
        <f t="shared" si="760"/>
        <v>45572.583333317001</v>
      </c>
    </row>
    <row r="6769" spans="2:14" x14ac:dyDescent="0.3">
      <c r="B6769">
        <f t="shared" si="754"/>
        <v>1</v>
      </c>
      <c r="C6769" s="16">
        <v>6735</v>
      </c>
      <c r="D6769" cm="1">
        <f t="array" ref="D6769">IFERROR(INDEX(Jesper!AH$2:AH$366,ROUNDDOWN($C6769/24,0)+1,1)*INDEX($D$3:$AA$30,INDEX(Jesper!$R$2:$R$366,ROW(INDEX(Jesper!AH$2:AH$366,ROUNDDOWN($C6769/24,0)+1,1))-1)+IF('Standard Profiles'!$G$18=$B$10,7,0)+IF('Standard Profiles'!$G$18=$B$17,14,0)+IF('Standard Profiles'!$G$18=$B$24,21,0),MOD($C6769,24)+1)/SUM(INDEX($D$3:$AA$30,INDEX(Jesper!$R$2:$R$366,ROW(INDEX(Jesper!AH$2:AH$366,ROUNDDOWN($C6769/24,0)+1,1))-1)+IF('Standard Profiles'!$G$18=$B$10,7,0)+IF('Standard Profiles'!$G$18=$B$17,14,0)+IF('Standard Profiles'!$G$18=$B$24,21,0),0)),0)</f>
        <v>17.042041927935802</v>
      </c>
      <c r="E6769" cm="1">
        <f t="array" ref="E6769">IFERROR(INDEX(Jesper!AI$2:AI$366,ROUNDDOWN($C6769/24,0)+1,1)*INDEX($D$3:$AA$30,INDEX(Jesper!$R$2:$R$366,ROW(INDEX(Jesper!AI$2:AI$366,ROUNDDOWN($C6769/24,0)+1,1))-1)+IF('Standard Profiles'!$G$19=$B$10,7,0)+IF('Standard Profiles'!$G$19=$B$17,14,0)+IF('Standard Profiles'!$G$19=$B$24,21,0),MOD($C6769,24)+1)/SUM(INDEX($D$3:$AA$30,INDEX(Jesper!$R$2:$R$366,ROW(INDEX(Jesper!AI$2:AI$366,ROUNDDOWN($C6769/24,0)+1,1))-1)+IF('Standard Profiles'!$G$19=$B$10,7,0)+IF('Standard Profiles'!$G$19=$B$17,14,0)+IF('Standard Profiles'!$G$19=$B$24,21,0),0)),0)</f>
        <v>0</v>
      </c>
      <c r="F6769" cm="1">
        <f t="array" ref="F6769">IFERROR(INDEX(Jesper!AJ$2:AJ$366,ROUNDDOWN($C6769/24,0)+1,1)*INDEX($D$3:$AA$30,INDEX(Jesper!$R$2:$R$366,ROW(INDEX(Jesper!AJ$2:AJ$366,ROUNDDOWN($C6769/24,0)+1,1))-1)+IF('Standard Profiles'!$G$20=$B$10,7,0)+IF('Standard Profiles'!$G$20=$B$17,14,0)+IF('Standard Profiles'!$G$20=$B$24,21,0),MOD($C6769,24)+1)/SUM(INDEX($D$3:$AA$30,INDEX(Jesper!$R$2:$R$366,ROW(INDEX(Jesper!AJ$2:AJ$366,ROUNDDOWN($C6769/24,0)+1,1))-1)+IF('Standard Profiles'!$G$20=$B$10,7,0)+IF('Standard Profiles'!$G$20=$B$17,14,0)+IF('Standard Profiles'!$G$20=$B$24,21,0),0)),0)</f>
        <v>0</v>
      </c>
      <c r="G6769" cm="1">
        <f t="array" ref="G6769">IFERROR(INDEX(Jesper!AK$2:AK$366,ROUNDDOWN($C6769/24,0)+1,1)*INDEX($D$3:$AA$30,INDEX(Jesper!$R$2:$R$366,ROW(INDEX(Jesper!AK$2:AK$366,ROUNDDOWN($C6769/24,0)+1,1))-1)+IF('Standard Profiles'!$G$21=$B$10,7,0)+IF('Standard Profiles'!$G$21=$B$17,14,0)+IF('Standard Profiles'!$G$21=$B$24,21,0),MOD($C6769,24)+1)/SUM(INDEX($D$3:$AA$30,INDEX(Jesper!$R$2:$R$366,ROW(INDEX(Jesper!AK$2:AK$366,ROUNDDOWN($C6769/24,0)+1,1))-1)+IF('Standard Profiles'!$G$21=$B$10,7,0)+IF('Standard Profiles'!$G$21=$B$17,14,0)+IF('Standard Profiles'!$G$21=$B$24,21,0),0)),0)</f>
        <v>0</v>
      </c>
      <c r="H6769" cm="1">
        <f t="array" ref="H6769">IFERROR(INDEX(Jesper!AL$2:AL$366,ROUNDDOWN($C6769/24,0)+1,1)*INDEX($D$3:$AA$30,INDEX(Jesper!$R$2:$R$366,ROW(INDEX(Jesper!AL$2:AL$366,ROUNDDOWN($C6769/24,0)+1,1))-1)+IF('Standard Profiles'!$G$22=$B$10,7,0)+IF('Standard Profiles'!$G$22=$B$17,14,0)+IF('Standard Profiles'!$G$22=$B$24,21,0),MOD($C6769,24)+1)/SUM(INDEX($D$3:$AA$30,INDEX(Jesper!$R$2:$R$366,ROW(INDEX(Jesper!AL$2:AL$366,ROUNDDOWN($C6769/24,0)+1,1))-1)+IF('Standard Profiles'!$G$22=$B$10,7,0)+IF('Standard Profiles'!$G$22=$B$17,14,0)+IF('Standard Profiles'!$G$22=$B$24,21,0),0)),0)</f>
        <v>0</v>
      </c>
      <c r="I6769">
        <f t="shared" si="755"/>
        <v>0.51126125783807408</v>
      </c>
      <c r="J6769">
        <f t="shared" si="756"/>
        <v>1.7042041927935803</v>
      </c>
      <c r="K6769">
        <f t="shared" si="757"/>
        <v>2.5563062891903701</v>
      </c>
      <c r="L6769">
        <f t="shared" si="758"/>
        <v>12.270270188113777</v>
      </c>
      <c r="M6769">
        <f t="shared" si="759"/>
        <v>0</v>
      </c>
      <c r="N6769" s="46">
        <f t="shared" si="760"/>
        <v>45572.624999983665</v>
      </c>
    </row>
    <row r="6770" spans="2:14" x14ac:dyDescent="0.3">
      <c r="B6770">
        <f t="shared" si="754"/>
        <v>1</v>
      </c>
      <c r="C6770" s="16">
        <v>6736</v>
      </c>
      <c r="D6770" cm="1">
        <f t="array" ref="D6770">IFERROR(INDEX(Jesper!AH$2:AH$366,ROUNDDOWN($C6770/24,0)+1,1)*INDEX($D$3:$AA$30,INDEX(Jesper!$R$2:$R$366,ROW(INDEX(Jesper!AH$2:AH$366,ROUNDDOWN($C6770/24,0)+1,1))-1)+IF('Standard Profiles'!$G$18=$B$10,7,0)+IF('Standard Profiles'!$G$18=$B$17,14,0)+IF('Standard Profiles'!$G$18=$B$24,21,0),MOD($C6770,24)+1)/SUM(INDEX($D$3:$AA$30,INDEX(Jesper!$R$2:$R$366,ROW(INDEX(Jesper!AH$2:AH$366,ROUNDDOWN($C6770/24,0)+1,1))-1)+IF('Standard Profiles'!$G$18=$B$10,7,0)+IF('Standard Profiles'!$G$18=$B$17,14,0)+IF('Standard Profiles'!$G$18=$B$24,21,0),0)),0)</f>
        <v>17.042041927935802</v>
      </c>
      <c r="E6770" cm="1">
        <f t="array" ref="E6770">IFERROR(INDEX(Jesper!AI$2:AI$366,ROUNDDOWN($C6770/24,0)+1,1)*INDEX($D$3:$AA$30,INDEX(Jesper!$R$2:$R$366,ROW(INDEX(Jesper!AI$2:AI$366,ROUNDDOWN($C6770/24,0)+1,1))-1)+IF('Standard Profiles'!$G$19=$B$10,7,0)+IF('Standard Profiles'!$G$19=$B$17,14,0)+IF('Standard Profiles'!$G$19=$B$24,21,0),MOD($C6770,24)+1)/SUM(INDEX($D$3:$AA$30,INDEX(Jesper!$R$2:$R$366,ROW(INDEX(Jesper!AI$2:AI$366,ROUNDDOWN($C6770/24,0)+1,1))-1)+IF('Standard Profiles'!$G$19=$B$10,7,0)+IF('Standard Profiles'!$G$19=$B$17,14,0)+IF('Standard Profiles'!$G$19=$B$24,21,0),0)),0)</f>
        <v>0</v>
      </c>
      <c r="F6770" cm="1">
        <f t="array" ref="F6770">IFERROR(INDEX(Jesper!AJ$2:AJ$366,ROUNDDOWN($C6770/24,0)+1,1)*INDEX($D$3:$AA$30,INDEX(Jesper!$R$2:$R$366,ROW(INDEX(Jesper!AJ$2:AJ$366,ROUNDDOWN($C6770/24,0)+1,1))-1)+IF('Standard Profiles'!$G$20=$B$10,7,0)+IF('Standard Profiles'!$G$20=$B$17,14,0)+IF('Standard Profiles'!$G$20=$B$24,21,0),MOD($C6770,24)+1)/SUM(INDEX($D$3:$AA$30,INDEX(Jesper!$R$2:$R$366,ROW(INDEX(Jesper!AJ$2:AJ$366,ROUNDDOWN($C6770/24,0)+1,1))-1)+IF('Standard Profiles'!$G$20=$B$10,7,0)+IF('Standard Profiles'!$G$20=$B$17,14,0)+IF('Standard Profiles'!$G$20=$B$24,21,0),0)),0)</f>
        <v>0</v>
      </c>
      <c r="G6770" cm="1">
        <f t="array" ref="G6770">IFERROR(INDEX(Jesper!AK$2:AK$366,ROUNDDOWN($C6770/24,0)+1,1)*INDEX($D$3:$AA$30,INDEX(Jesper!$R$2:$R$366,ROW(INDEX(Jesper!AK$2:AK$366,ROUNDDOWN($C6770/24,0)+1,1))-1)+IF('Standard Profiles'!$G$21=$B$10,7,0)+IF('Standard Profiles'!$G$21=$B$17,14,0)+IF('Standard Profiles'!$G$21=$B$24,21,0),MOD($C6770,24)+1)/SUM(INDEX($D$3:$AA$30,INDEX(Jesper!$R$2:$R$366,ROW(INDEX(Jesper!AK$2:AK$366,ROUNDDOWN($C6770/24,0)+1,1))-1)+IF('Standard Profiles'!$G$21=$B$10,7,0)+IF('Standard Profiles'!$G$21=$B$17,14,0)+IF('Standard Profiles'!$G$21=$B$24,21,0),0)),0)</f>
        <v>0</v>
      </c>
      <c r="H6770" cm="1">
        <f t="array" ref="H6770">IFERROR(INDEX(Jesper!AL$2:AL$366,ROUNDDOWN($C6770/24,0)+1,1)*INDEX($D$3:$AA$30,INDEX(Jesper!$R$2:$R$366,ROW(INDEX(Jesper!AL$2:AL$366,ROUNDDOWN($C6770/24,0)+1,1))-1)+IF('Standard Profiles'!$G$22=$B$10,7,0)+IF('Standard Profiles'!$G$22=$B$17,14,0)+IF('Standard Profiles'!$G$22=$B$24,21,0),MOD($C6770,24)+1)/SUM(INDEX($D$3:$AA$30,INDEX(Jesper!$R$2:$R$366,ROW(INDEX(Jesper!AL$2:AL$366,ROUNDDOWN($C6770/24,0)+1,1))-1)+IF('Standard Profiles'!$G$22=$B$10,7,0)+IF('Standard Profiles'!$G$22=$B$17,14,0)+IF('Standard Profiles'!$G$22=$B$24,21,0),0)),0)</f>
        <v>0</v>
      </c>
      <c r="I6770">
        <f t="shared" si="755"/>
        <v>0.51126125783807408</v>
      </c>
      <c r="J6770">
        <f t="shared" si="756"/>
        <v>1.7042041927935803</v>
      </c>
      <c r="K6770">
        <f t="shared" si="757"/>
        <v>2.5563062891903701</v>
      </c>
      <c r="L6770">
        <f t="shared" si="758"/>
        <v>12.270270188113777</v>
      </c>
      <c r="M6770">
        <f t="shared" si="759"/>
        <v>0</v>
      </c>
      <c r="N6770" s="46">
        <f t="shared" si="760"/>
        <v>45572.66666665033</v>
      </c>
    </row>
    <row r="6771" spans="2:14" x14ac:dyDescent="0.3">
      <c r="B6771">
        <f t="shared" si="754"/>
        <v>1</v>
      </c>
      <c r="C6771" s="16">
        <v>6737</v>
      </c>
      <c r="D6771" cm="1">
        <f t="array" ref="D6771">IFERROR(INDEX(Jesper!AH$2:AH$366,ROUNDDOWN($C6771/24,0)+1,1)*INDEX($D$3:$AA$30,INDEX(Jesper!$R$2:$R$366,ROW(INDEX(Jesper!AH$2:AH$366,ROUNDDOWN($C6771/24,0)+1,1))-1)+IF('Standard Profiles'!$G$18=$B$10,7,0)+IF('Standard Profiles'!$G$18=$B$17,14,0)+IF('Standard Profiles'!$G$18=$B$24,21,0),MOD($C6771,24)+1)/SUM(INDEX($D$3:$AA$30,INDEX(Jesper!$R$2:$R$366,ROW(INDEX(Jesper!AH$2:AH$366,ROUNDDOWN($C6771/24,0)+1,1))-1)+IF('Standard Profiles'!$G$18=$B$10,7,0)+IF('Standard Profiles'!$G$18=$B$17,14,0)+IF('Standard Profiles'!$G$18=$B$24,21,0),0)),0)</f>
        <v>17.042041927935802</v>
      </c>
      <c r="E6771" cm="1">
        <f t="array" ref="E6771">IFERROR(INDEX(Jesper!AI$2:AI$366,ROUNDDOWN($C6771/24,0)+1,1)*INDEX($D$3:$AA$30,INDEX(Jesper!$R$2:$R$366,ROW(INDEX(Jesper!AI$2:AI$366,ROUNDDOWN($C6771/24,0)+1,1))-1)+IF('Standard Profiles'!$G$19=$B$10,7,0)+IF('Standard Profiles'!$G$19=$B$17,14,0)+IF('Standard Profiles'!$G$19=$B$24,21,0),MOD($C6771,24)+1)/SUM(INDEX($D$3:$AA$30,INDEX(Jesper!$R$2:$R$366,ROW(INDEX(Jesper!AI$2:AI$366,ROUNDDOWN($C6771/24,0)+1,1))-1)+IF('Standard Profiles'!$G$19=$B$10,7,0)+IF('Standard Profiles'!$G$19=$B$17,14,0)+IF('Standard Profiles'!$G$19=$B$24,21,0),0)),0)</f>
        <v>0</v>
      </c>
      <c r="F6771" cm="1">
        <f t="array" ref="F6771">IFERROR(INDEX(Jesper!AJ$2:AJ$366,ROUNDDOWN($C6771/24,0)+1,1)*INDEX($D$3:$AA$30,INDEX(Jesper!$R$2:$R$366,ROW(INDEX(Jesper!AJ$2:AJ$366,ROUNDDOWN($C6771/24,0)+1,1))-1)+IF('Standard Profiles'!$G$20=$B$10,7,0)+IF('Standard Profiles'!$G$20=$B$17,14,0)+IF('Standard Profiles'!$G$20=$B$24,21,0),MOD($C6771,24)+1)/SUM(INDEX($D$3:$AA$30,INDEX(Jesper!$R$2:$R$366,ROW(INDEX(Jesper!AJ$2:AJ$366,ROUNDDOWN($C6771/24,0)+1,1))-1)+IF('Standard Profiles'!$G$20=$B$10,7,0)+IF('Standard Profiles'!$G$20=$B$17,14,0)+IF('Standard Profiles'!$G$20=$B$24,21,0),0)),0)</f>
        <v>0</v>
      </c>
      <c r="G6771" cm="1">
        <f t="array" ref="G6771">IFERROR(INDEX(Jesper!AK$2:AK$366,ROUNDDOWN($C6771/24,0)+1,1)*INDEX($D$3:$AA$30,INDEX(Jesper!$R$2:$R$366,ROW(INDEX(Jesper!AK$2:AK$366,ROUNDDOWN($C6771/24,0)+1,1))-1)+IF('Standard Profiles'!$G$21=$B$10,7,0)+IF('Standard Profiles'!$G$21=$B$17,14,0)+IF('Standard Profiles'!$G$21=$B$24,21,0),MOD($C6771,24)+1)/SUM(INDEX($D$3:$AA$30,INDEX(Jesper!$R$2:$R$366,ROW(INDEX(Jesper!AK$2:AK$366,ROUNDDOWN($C6771/24,0)+1,1))-1)+IF('Standard Profiles'!$G$21=$B$10,7,0)+IF('Standard Profiles'!$G$21=$B$17,14,0)+IF('Standard Profiles'!$G$21=$B$24,21,0),0)),0)</f>
        <v>0</v>
      </c>
      <c r="H6771" cm="1">
        <f t="array" ref="H6771">IFERROR(INDEX(Jesper!AL$2:AL$366,ROUNDDOWN($C6771/24,0)+1,1)*INDEX($D$3:$AA$30,INDEX(Jesper!$R$2:$R$366,ROW(INDEX(Jesper!AL$2:AL$366,ROUNDDOWN($C6771/24,0)+1,1))-1)+IF('Standard Profiles'!$G$22=$B$10,7,0)+IF('Standard Profiles'!$G$22=$B$17,14,0)+IF('Standard Profiles'!$G$22=$B$24,21,0),MOD($C6771,24)+1)/SUM(INDEX($D$3:$AA$30,INDEX(Jesper!$R$2:$R$366,ROW(INDEX(Jesper!AL$2:AL$366,ROUNDDOWN($C6771/24,0)+1,1))-1)+IF('Standard Profiles'!$G$22=$B$10,7,0)+IF('Standard Profiles'!$G$22=$B$17,14,0)+IF('Standard Profiles'!$G$22=$B$24,21,0),0)),0)</f>
        <v>0</v>
      </c>
      <c r="I6771">
        <f t="shared" si="755"/>
        <v>0.51126125783807408</v>
      </c>
      <c r="J6771">
        <f t="shared" si="756"/>
        <v>1.7042041927935803</v>
      </c>
      <c r="K6771">
        <f t="shared" si="757"/>
        <v>2.5563062891903701</v>
      </c>
      <c r="L6771">
        <f t="shared" si="758"/>
        <v>12.270270188113777</v>
      </c>
      <c r="M6771">
        <f t="shared" si="759"/>
        <v>0</v>
      </c>
      <c r="N6771" s="46">
        <f t="shared" si="760"/>
        <v>45572.708333316994</v>
      </c>
    </row>
    <row r="6772" spans="2:14" x14ac:dyDescent="0.3">
      <c r="B6772">
        <f t="shared" si="754"/>
        <v>1</v>
      </c>
      <c r="C6772" s="16">
        <v>6738</v>
      </c>
      <c r="D6772" cm="1">
        <f t="array" ref="D6772">IFERROR(INDEX(Jesper!AH$2:AH$366,ROUNDDOWN($C6772/24,0)+1,1)*INDEX($D$3:$AA$30,INDEX(Jesper!$R$2:$R$366,ROW(INDEX(Jesper!AH$2:AH$366,ROUNDDOWN($C6772/24,0)+1,1))-1)+IF('Standard Profiles'!$G$18=$B$10,7,0)+IF('Standard Profiles'!$G$18=$B$17,14,0)+IF('Standard Profiles'!$G$18=$B$24,21,0),MOD($C6772,24)+1)/SUM(INDEX($D$3:$AA$30,INDEX(Jesper!$R$2:$R$366,ROW(INDEX(Jesper!AH$2:AH$366,ROUNDDOWN($C6772/24,0)+1,1))-1)+IF('Standard Profiles'!$G$18=$B$10,7,0)+IF('Standard Profiles'!$G$18=$B$17,14,0)+IF('Standard Profiles'!$G$18=$B$24,21,0),0)),0)</f>
        <v>17.042041927935802</v>
      </c>
      <c r="E6772" cm="1">
        <f t="array" ref="E6772">IFERROR(INDEX(Jesper!AI$2:AI$366,ROUNDDOWN($C6772/24,0)+1,1)*INDEX($D$3:$AA$30,INDEX(Jesper!$R$2:$R$366,ROW(INDEX(Jesper!AI$2:AI$366,ROUNDDOWN($C6772/24,0)+1,1))-1)+IF('Standard Profiles'!$G$19=$B$10,7,0)+IF('Standard Profiles'!$G$19=$B$17,14,0)+IF('Standard Profiles'!$G$19=$B$24,21,0),MOD($C6772,24)+1)/SUM(INDEX($D$3:$AA$30,INDEX(Jesper!$R$2:$R$366,ROW(INDEX(Jesper!AI$2:AI$366,ROUNDDOWN($C6772/24,0)+1,1))-1)+IF('Standard Profiles'!$G$19=$B$10,7,0)+IF('Standard Profiles'!$G$19=$B$17,14,0)+IF('Standard Profiles'!$G$19=$B$24,21,0),0)),0)</f>
        <v>0</v>
      </c>
      <c r="F6772" cm="1">
        <f t="array" ref="F6772">IFERROR(INDEX(Jesper!AJ$2:AJ$366,ROUNDDOWN($C6772/24,0)+1,1)*INDEX($D$3:$AA$30,INDEX(Jesper!$R$2:$R$366,ROW(INDEX(Jesper!AJ$2:AJ$366,ROUNDDOWN($C6772/24,0)+1,1))-1)+IF('Standard Profiles'!$G$20=$B$10,7,0)+IF('Standard Profiles'!$G$20=$B$17,14,0)+IF('Standard Profiles'!$G$20=$B$24,21,0),MOD($C6772,24)+1)/SUM(INDEX($D$3:$AA$30,INDEX(Jesper!$R$2:$R$366,ROW(INDEX(Jesper!AJ$2:AJ$366,ROUNDDOWN($C6772/24,0)+1,1))-1)+IF('Standard Profiles'!$G$20=$B$10,7,0)+IF('Standard Profiles'!$G$20=$B$17,14,0)+IF('Standard Profiles'!$G$20=$B$24,21,0),0)),0)</f>
        <v>0</v>
      </c>
      <c r="G6772" cm="1">
        <f t="array" ref="G6772">IFERROR(INDEX(Jesper!AK$2:AK$366,ROUNDDOWN($C6772/24,0)+1,1)*INDEX($D$3:$AA$30,INDEX(Jesper!$R$2:$R$366,ROW(INDEX(Jesper!AK$2:AK$366,ROUNDDOWN($C6772/24,0)+1,1))-1)+IF('Standard Profiles'!$G$21=$B$10,7,0)+IF('Standard Profiles'!$G$21=$B$17,14,0)+IF('Standard Profiles'!$G$21=$B$24,21,0),MOD($C6772,24)+1)/SUM(INDEX($D$3:$AA$30,INDEX(Jesper!$R$2:$R$366,ROW(INDEX(Jesper!AK$2:AK$366,ROUNDDOWN($C6772/24,0)+1,1))-1)+IF('Standard Profiles'!$G$21=$B$10,7,0)+IF('Standard Profiles'!$G$21=$B$17,14,0)+IF('Standard Profiles'!$G$21=$B$24,21,0),0)),0)</f>
        <v>0</v>
      </c>
      <c r="H6772" cm="1">
        <f t="array" ref="H6772">IFERROR(INDEX(Jesper!AL$2:AL$366,ROUNDDOWN($C6772/24,0)+1,1)*INDEX($D$3:$AA$30,INDEX(Jesper!$R$2:$R$366,ROW(INDEX(Jesper!AL$2:AL$366,ROUNDDOWN($C6772/24,0)+1,1))-1)+IF('Standard Profiles'!$G$22=$B$10,7,0)+IF('Standard Profiles'!$G$22=$B$17,14,0)+IF('Standard Profiles'!$G$22=$B$24,21,0),MOD($C6772,24)+1)/SUM(INDEX($D$3:$AA$30,INDEX(Jesper!$R$2:$R$366,ROW(INDEX(Jesper!AL$2:AL$366,ROUNDDOWN($C6772/24,0)+1,1))-1)+IF('Standard Profiles'!$G$22=$B$10,7,0)+IF('Standard Profiles'!$G$22=$B$17,14,0)+IF('Standard Profiles'!$G$22=$B$24,21,0),0)),0)</f>
        <v>0</v>
      </c>
      <c r="I6772">
        <f t="shared" si="755"/>
        <v>0.51126125783807408</v>
      </c>
      <c r="J6772">
        <f t="shared" si="756"/>
        <v>1.7042041927935803</v>
      </c>
      <c r="K6772">
        <f t="shared" si="757"/>
        <v>2.5563062891903701</v>
      </c>
      <c r="L6772">
        <f t="shared" si="758"/>
        <v>12.270270188113777</v>
      </c>
      <c r="M6772">
        <f t="shared" si="759"/>
        <v>0</v>
      </c>
      <c r="N6772" s="46">
        <f t="shared" si="760"/>
        <v>45572.749999983658</v>
      </c>
    </row>
    <row r="6773" spans="2:14" x14ac:dyDescent="0.3">
      <c r="B6773">
        <f t="shared" si="754"/>
        <v>1</v>
      </c>
      <c r="C6773" s="16">
        <v>6739</v>
      </c>
      <c r="D6773" cm="1">
        <f t="array" ref="D6773">IFERROR(INDEX(Jesper!AH$2:AH$366,ROUNDDOWN($C6773/24,0)+1,1)*INDEX($D$3:$AA$30,INDEX(Jesper!$R$2:$R$366,ROW(INDEX(Jesper!AH$2:AH$366,ROUNDDOWN($C6773/24,0)+1,1))-1)+IF('Standard Profiles'!$G$18=$B$10,7,0)+IF('Standard Profiles'!$G$18=$B$17,14,0)+IF('Standard Profiles'!$G$18=$B$24,21,0),MOD($C6773,24)+1)/SUM(INDEX($D$3:$AA$30,INDEX(Jesper!$R$2:$R$366,ROW(INDEX(Jesper!AH$2:AH$366,ROUNDDOWN($C6773/24,0)+1,1))-1)+IF('Standard Profiles'!$G$18=$B$10,7,0)+IF('Standard Profiles'!$G$18=$B$17,14,0)+IF('Standard Profiles'!$G$18=$B$24,21,0),0)),0)</f>
        <v>14.272710114646232</v>
      </c>
      <c r="E6773" cm="1">
        <f t="array" ref="E6773">IFERROR(INDEX(Jesper!AI$2:AI$366,ROUNDDOWN($C6773/24,0)+1,1)*INDEX($D$3:$AA$30,INDEX(Jesper!$R$2:$R$366,ROW(INDEX(Jesper!AI$2:AI$366,ROUNDDOWN($C6773/24,0)+1,1))-1)+IF('Standard Profiles'!$G$19=$B$10,7,0)+IF('Standard Profiles'!$G$19=$B$17,14,0)+IF('Standard Profiles'!$G$19=$B$24,21,0),MOD($C6773,24)+1)/SUM(INDEX($D$3:$AA$30,INDEX(Jesper!$R$2:$R$366,ROW(INDEX(Jesper!AI$2:AI$366,ROUNDDOWN($C6773/24,0)+1,1))-1)+IF('Standard Profiles'!$G$19=$B$10,7,0)+IF('Standard Profiles'!$G$19=$B$17,14,0)+IF('Standard Profiles'!$G$19=$B$24,21,0),0)),0)</f>
        <v>0</v>
      </c>
      <c r="F6773" cm="1">
        <f t="array" ref="F6773">IFERROR(INDEX(Jesper!AJ$2:AJ$366,ROUNDDOWN($C6773/24,0)+1,1)*INDEX($D$3:$AA$30,INDEX(Jesper!$R$2:$R$366,ROW(INDEX(Jesper!AJ$2:AJ$366,ROUNDDOWN($C6773/24,0)+1,1))-1)+IF('Standard Profiles'!$G$20=$B$10,7,0)+IF('Standard Profiles'!$G$20=$B$17,14,0)+IF('Standard Profiles'!$G$20=$B$24,21,0),MOD($C6773,24)+1)/SUM(INDEX($D$3:$AA$30,INDEX(Jesper!$R$2:$R$366,ROW(INDEX(Jesper!AJ$2:AJ$366,ROUNDDOWN($C6773/24,0)+1,1))-1)+IF('Standard Profiles'!$G$20=$B$10,7,0)+IF('Standard Profiles'!$G$20=$B$17,14,0)+IF('Standard Profiles'!$G$20=$B$24,21,0),0)),0)</f>
        <v>0</v>
      </c>
      <c r="G6773" cm="1">
        <f t="array" ref="G6773">IFERROR(INDEX(Jesper!AK$2:AK$366,ROUNDDOWN($C6773/24,0)+1,1)*INDEX($D$3:$AA$30,INDEX(Jesper!$R$2:$R$366,ROW(INDEX(Jesper!AK$2:AK$366,ROUNDDOWN($C6773/24,0)+1,1))-1)+IF('Standard Profiles'!$G$21=$B$10,7,0)+IF('Standard Profiles'!$G$21=$B$17,14,0)+IF('Standard Profiles'!$G$21=$B$24,21,0),MOD($C6773,24)+1)/SUM(INDEX($D$3:$AA$30,INDEX(Jesper!$R$2:$R$366,ROW(INDEX(Jesper!AK$2:AK$366,ROUNDDOWN($C6773/24,0)+1,1))-1)+IF('Standard Profiles'!$G$21=$B$10,7,0)+IF('Standard Profiles'!$G$21=$B$17,14,0)+IF('Standard Profiles'!$G$21=$B$24,21,0),0)),0)</f>
        <v>0</v>
      </c>
      <c r="H6773" cm="1">
        <f t="array" ref="H6773">IFERROR(INDEX(Jesper!AL$2:AL$366,ROUNDDOWN($C6773/24,0)+1,1)*INDEX($D$3:$AA$30,INDEX(Jesper!$R$2:$R$366,ROW(INDEX(Jesper!AL$2:AL$366,ROUNDDOWN($C6773/24,0)+1,1))-1)+IF('Standard Profiles'!$G$22=$B$10,7,0)+IF('Standard Profiles'!$G$22=$B$17,14,0)+IF('Standard Profiles'!$G$22=$B$24,21,0),MOD($C6773,24)+1)/SUM(INDEX($D$3:$AA$30,INDEX(Jesper!$R$2:$R$366,ROW(INDEX(Jesper!AL$2:AL$366,ROUNDDOWN($C6773/24,0)+1,1))-1)+IF('Standard Profiles'!$G$22=$B$10,7,0)+IF('Standard Profiles'!$G$22=$B$17,14,0)+IF('Standard Profiles'!$G$22=$B$24,21,0),0)),0)</f>
        <v>0</v>
      </c>
      <c r="I6773">
        <f t="shared" si="755"/>
        <v>0.42818130343938693</v>
      </c>
      <c r="J6773">
        <f t="shared" si="756"/>
        <v>1.4272710114646232</v>
      </c>
      <c r="K6773">
        <f t="shared" si="757"/>
        <v>2.1409065171969348</v>
      </c>
      <c r="L6773">
        <f t="shared" si="758"/>
        <v>10.276351282545287</v>
      </c>
      <c r="M6773">
        <f t="shared" si="759"/>
        <v>0</v>
      </c>
      <c r="N6773" s="46">
        <f t="shared" si="760"/>
        <v>45572.791666650322</v>
      </c>
    </row>
    <row r="6774" spans="2:14" x14ac:dyDescent="0.3">
      <c r="B6774">
        <f t="shared" si="754"/>
        <v>1</v>
      </c>
      <c r="C6774" s="16">
        <v>6740</v>
      </c>
      <c r="D6774" cm="1">
        <f t="array" ref="D6774">IFERROR(INDEX(Jesper!AH$2:AH$366,ROUNDDOWN($C6774/24,0)+1,1)*INDEX($D$3:$AA$30,INDEX(Jesper!$R$2:$R$366,ROW(INDEX(Jesper!AH$2:AH$366,ROUNDDOWN($C6774/24,0)+1,1))-1)+IF('Standard Profiles'!$G$18=$B$10,7,0)+IF('Standard Profiles'!$G$18=$B$17,14,0)+IF('Standard Profiles'!$G$18=$B$24,21,0),MOD($C6774,24)+1)/SUM(INDEX($D$3:$AA$30,INDEX(Jesper!$R$2:$R$366,ROW(INDEX(Jesper!AH$2:AH$366,ROUNDDOWN($C6774/24,0)+1,1))-1)+IF('Standard Profiles'!$G$18=$B$10,7,0)+IF('Standard Profiles'!$G$18=$B$17,14,0)+IF('Standard Profiles'!$G$18=$B$24,21,0),0)),0)</f>
        <v>11.716403825455862</v>
      </c>
      <c r="E6774" cm="1">
        <f t="array" ref="E6774">IFERROR(INDEX(Jesper!AI$2:AI$366,ROUNDDOWN($C6774/24,0)+1,1)*INDEX($D$3:$AA$30,INDEX(Jesper!$R$2:$R$366,ROW(INDEX(Jesper!AI$2:AI$366,ROUNDDOWN($C6774/24,0)+1,1))-1)+IF('Standard Profiles'!$G$19=$B$10,7,0)+IF('Standard Profiles'!$G$19=$B$17,14,0)+IF('Standard Profiles'!$G$19=$B$24,21,0),MOD($C6774,24)+1)/SUM(INDEX($D$3:$AA$30,INDEX(Jesper!$R$2:$R$366,ROW(INDEX(Jesper!AI$2:AI$366,ROUNDDOWN($C6774/24,0)+1,1))-1)+IF('Standard Profiles'!$G$19=$B$10,7,0)+IF('Standard Profiles'!$G$19=$B$17,14,0)+IF('Standard Profiles'!$G$19=$B$24,21,0),0)),0)</f>
        <v>0</v>
      </c>
      <c r="F6774" cm="1">
        <f t="array" ref="F6774">IFERROR(INDEX(Jesper!AJ$2:AJ$366,ROUNDDOWN($C6774/24,0)+1,1)*INDEX($D$3:$AA$30,INDEX(Jesper!$R$2:$R$366,ROW(INDEX(Jesper!AJ$2:AJ$366,ROUNDDOWN($C6774/24,0)+1,1))-1)+IF('Standard Profiles'!$G$20=$B$10,7,0)+IF('Standard Profiles'!$G$20=$B$17,14,0)+IF('Standard Profiles'!$G$20=$B$24,21,0),MOD($C6774,24)+1)/SUM(INDEX($D$3:$AA$30,INDEX(Jesper!$R$2:$R$366,ROW(INDEX(Jesper!AJ$2:AJ$366,ROUNDDOWN($C6774/24,0)+1,1))-1)+IF('Standard Profiles'!$G$20=$B$10,7,0)+IF('Standard Profiles'!$G$20=$B$17,14,0)+IF('Standard Profiles'!$G$20=$B$24,21,0),0)),0)</f>
        <v>0</v>
      </c>
      <c r="G6774" cm="1">
        <f t="array" ref="G6774">IFERROR(INDEX(Jesper!AK$2:AK$366,ROUNDDOWN($C6774/24,0)+1,1)*INDEX($D$3:$AA$30,INDEX(Jesper!$R$2:$R$366,ROW(INDEX(Jesper!AK$2:AK$366,ROUNDDOWN($C6774/24,0)+1,1))-1)+IF('Standard Profiles'!$G$21=$B$10,7,0)+IF('Standard Profiles'!$G$21=$B$17,14,0)+IF('Standard Profiles'!$G$21=$B$24,21,0),MOD($C6774,24)+1)/SUM(INDEX($D$3:$AA$30,INDEX(Jesper!$R$2:$R$366,ROW(INDEX(Jesper!AK$2:AK$366,ROUNDDOWN($C6774/24,0)+1,1))-1)+IF('Standard Profiles'!$G$21=$B$10,7,0)+IF('Standard Profiles'!$G$21=$B$17,14,0)+IF('Standard Profiles'!$G$21=$B$24,21,0),0)),0)</f>
        <v>0</v>
      </c>
      <c r="H6774" cm="1">
        <f t="array" ref="H6774">IFERROR(INDEX(Jesper!AL$2:AL$366,ROUNDDOWN($C6774/24,0)+1,1)*INDEX($D$3:$AA$30,INDEX(Jesper!$R$2:$R$366,ROW(INDEX(Jesper!AL$2:AL$366,ROUNDDOWN($C6774/24,0)+1,1))-1)+IF('Standard Profiles'!$G$22=$B$10,7,0)+IF('Standard Profiles'!$G$22=$B$17,14,0)+IF('Standard Profiles'!$G$22=$B$24,21,0),MOD($C6774,24)+1)/SUM(INDEX($D$3:$AA$30,INDEX(Jesper!$R$2:$R$366,ROW(INDEX(Jesper!AL$2:AL$366,ROUNDDOWN($C6774/24,0)+1,1))-1)+IF('Standard Profiles'!$G$22=$B$10,7,0)+IF('Standard Profiles'!$G$22=$B$17,14,0)+IF('Standard Profiles'!$G$22=$B$24,21,0),0)),0)</f>
        <v>0</v>
      </c>
      <c r="I6774">
        <f t="shared" si="755"/>
        <v>0.35149211476367581</v>
      </c>
      <c r="J6774">
        <f t="shared" si="756"/>
        <v>1.1716403825455861</v>
      </c>
      <c r="K6774">
        <f t="shared" si="757"/>
        <v>1.7574605738183793</v>
      </c>
      <c r="L6774">
        <f t="shared" si="758"/>
        <v>8.4358107543282195</v>
      </c>
      <c r="M6774">
        <f t="shared" si="759"/>
        <v>0</v>
      </c>
      <c r="N6774" s="46">
        <f t="shared" si="760"/>
        <v>45572.833333316987</v>
      </c>
    </row>
    <row r="6775" spans="2:14" x14ac:dyDescent="0.3">
      <c r="B6775">
        <f t="shared" si="754"/>
        <v>1</v>
      </c>
      <c r="C6775" s="16">
        <v>6741</v>
      </c>
      <c r="D6775" cm="1">
        <f t="array" ref="D6775">IFERROR(INDEX(Jesper!AH$2:AH$366,ROUNDDOWN($C6775/24,0)+1,1)*INDEX($D$3:$AA$30,INDEX(Jesper!$R$2:$R$366,ROW(INDEX(Jesper!AH$2:AH$366,ROUNDDOWN($C6775/24,0)+1,1))-1)+IF('Standard Profiles'!$G$18=$B$10,7,0)+IF('Standard Profiles'!$G$18=$B$17,14,0)+IF('Standard Profiles'!$G$18=$B$24,21,0),MOD($C6775,24)+1)/SUM(INDEX($D$3:$AA$30,INDEX(Jesper!$R$2:$R$366,ROW(INDEX(Jesper!AH$2:AH$366,ROUNDDOWN($C6775/24,0)+1,1))-1)+IF('Standard Profiles'!$G$18=$B$10,7,0)+IF('Standard Profiles'!$G$18=$B$17,14,0)+IF('Standard Profiles'!$G$18=$B$24,21,0),0)),0)</f>
        <v>8.5210209639679011</v>
      </c>
      <c r="E6775" cm="1">
        <f t="array" ref="E6775">IFERROR(INDEX(Jesper!AI$2:AI$366,ROUNDDOWN($C6775/24,0)+1,1)*INDEX($D$3:$AA$30,INDEX(Jesper!$R$2:$R$366,ROW(INDEX(Jesper!AI$2:AI$366,ROUNDDOWN($C6775/24,0)+1,1))-1)+IF('Standard Profiles'!$G$19=$B$10,7,0)+IF('Standard Profiles'!$G$19=$B$17,14,0)+IF('Standard Profiles'!$G$19=$B$24,21,0),MOD($C6775,24)+1)/SUM(INDEX($D$3:$AA$30,INDEX(Jesper!$R$2:$R$366,ROW(INDEX(Jesper!AI$2:AI$366,ROUNDDOWN($C6775/24,0)+1,1))-1)+IF('Standard Profiles'!$G$19=$B$10,7,0)+IF('Standard Profiles'!$G$19=$B$17,14,0)+IF('Standard Profiles'!$G$19=$B$24,21,0),0)),0)</f>
        <v>0</v>
      </c>
      <c r="F6775" cm="1">
        <f t="array" ref="F6775">IFERROR(INDEX(Jesper!AJ$2:AJ$366,ROUNDDOWN($C6775/24,0)+1,1)*INDEX($D$3:$AA$30,INDEX(Jesper!$R$2:$R$366,ROW(INDEX(Jesper!AJ$2:AJ$366,ROUNDDOWN($C6775/24,0)+1,1))-1)+IF('Standard Profiles'!$G$20=$B$10,7,0)+IF('Standard Profiles'!$G$20=$B$17,14,0)+IF('Standard Profiles'!$G$20=$B$24,21,0),MOD($C6775,24)+1)/SUM(INDEX($D$3:$AA$30,INDEX(Jesper!$R$2:$R$366,ROW(INDEX(Jesper!AJ$2:AJ$366,ROUNDDOWN($C6775/24,0)+1,1))-1)+IF('Standard Profiles'!$G$20=$B$10,7,0)+IF('Standard Profiles'!$G$20=$B$17,14,0)+IF('Standard Profiles'!$G$20=$B$24,21,0),0)),0)</f>
        <v>0</v>
      </c>
      <c r="G6775" cm="1">
        <f t="array" ref="G6775">IFERROR(INDEX(Jesper!AK$2:AK$366,ROUNDDOWN($C6775/24,0)+1,1)*INDEX($D$3:$AA$30,INDEX(Jesper!$R$2:$R$366,ROW(INDEX(Jesper!AK$2:AK$366,ROUNDDOWN($C6775/24,0)+1,1))-1)+IF('Standard Profiles'!$G$21=$B$10,7,0)+IF('Standard Profiles'!$G$21=$B$17,14,0)+IF('Standard Profiles'!$G$21=$B$24,21,0),MOD($C6775,24)+1)/SUM(INDEX($D$3:$AA$30,INDEX(Jesper!$R$2:$R$366,ROW(INDEX(Jesper!AK$2:AK$366,ROUNDDOWN($C6775/24,0)+1,1))-1)+IF('Standard Profiles'!$G$21=$B$10,7,0)+IF('Standard Profiles'!$G$21=$B$17,14,0)+IF('Standard Profiles'!$G$21=$B$24,21,0),0)),0)</f>
        <v>0</v>
      </c>
      <c r="H6775" cm="1">
        <f t="array" ref="H6775">IFERROR(INDEX(Jesper!AL$2:AL$366,ROUNDDOWN($C6775/24,0)+1,1)*INDEX($D$3:$AA$30,INDEX(Jesper!$R$2:$R$366,ROW(INDEX(Jesper!AL$2:AL$366,ROUNDDOWN($C6775/24,0)+1,1))-1)+IF('Standard Profiles'!$G$22=$B$10,7,0)+IF('Standard Profiles'!$G$22=$B$17,14,0)+IF('Standard Profiles'!$G$22=$B$24,21,0),MOD($C6775,24)+1)/SUM(INDEX($D$3:$AA$30,INDEX(Jesper!$R$2:$R$366,ROW(INDEX(Jesper!AL$2:AL$366,ROUNDDOWN($C6775/24,0)+1,1))-1)+IF('Standard Profiles'!$G$22=$B$10,7,0)+IF('Standard Profiles'!$G$22=$B$17,14,0)+IF('Standard Profiles'!$G$22=$B$24,21,0),0)),0)</f>
        <v>0</v>
      </c>
      <c r="I6775">
        <f t="shared" si="755"/>
        <v>0.25563062891903704</v>
      </c>
      <c r="J6775">
        <f t="shared" si="756"/>
        <v>0.85210209639679013</v>
      </c>
      <c r="K6775">
        <f t="shared" si="757"/>
        <v>1.278153144595185</v>
      </c>
      <c r="L6775">
        <f t="shared" si="758"/>
        <v>6.1351350940568885</v>
      </c>
      <c r="M6775">
        <f t="shared" si="759"/>
        <v>0</v>
      </c>
      <c r="N6775" s="46">
        <f t="shared" si="760"/>
        <v>45572.874999983651</v>
      </c>
    </row>
    <row r="6776" spans="2:14" x14ac:dyDescent="0.3">
      <c r="B6776">
        <f t="shared" si="754"/>
        <v>1</v>
      </c>
      <c r="C6776" s="16">
        <v>6742</v>
      </c>
      <c r="D6776" cm="1">
        <f t="array" ref="D6776">IFERROR(INDEX(Jesper!AH$2:AH$366,ROUNDDOWN($C6776/24,0)+1,1)*INDEX($D$3:$AA$30,INDEX(Jesper!$R$2:$R$366,ROW(INDEX(Jesper!AH$2:AH$366,ROUNDDOWN($C6776/24,0)+1,1))-1)+IF('Standard Profiles'!$G$18=$B$10,7,0)+IF('Standard Profiles'!$G$18=$B$17,14,0)+IF('Standard Profiles'!$G$18=$B$24,21,0),MOD($C6776,24)+1)/SUM(INDEX($D$3:$AA$30,INDEX(Jesper!$R$2:$R$366,ROW(INDEX(Jesper!AH$2:AH$366,ROUNDDOWN($C6776/24,0)+1,1))-1)+IF('Standard Profiles'!$G$18=$B$10,7,0)+IF('Standard Profiles'!$G$18=$B$17,14,0)+IF('Standard Profiles'!$G$18=$B$24,21,0),0)),0)</f>
        <v>8.0949699157695036</v>
      </c>
      <c r="E6776" cm="1">
        <f t="array" ref="E6776">IFERROR(INDEX(Jesper!AI$2:AI$366,ROUNDDOWN($C6776/24,0)+1,1)*INDEX($D$3:$AA$30,INDEX(Jesper!$R$2:$R$366,ROW(INDEX(Jesper!AI$2:AI$366,ROUNDDOWN($C6776/24,0)+1,1))-1)+IF('Standard Profiles'!$G$19=$B$10,7,0)+IF('Standard Profiles'!$G$19=$B$17,14,0)+IF('Standard Profiles'!$G$19=$B$24,21,0),MOD($C6776,24)+1)/SUM(INDEX($D$3:$AA$30,INDEX(Jesper!$R$2:$R$366,ROW(INDEX(Jesper!AI$2:AI$366,ROUNDDOWN($C6776/24,0)+1,1))-1)+IF('Standard Profiles'!$G$19=$B$10,7,0)+IF('Standard Profiles'!$G$19=$B$17,14,0)+IF('Standard Profiles'!$G$19=$B$24,21,0),0)),0)</f>
        <v>0</v>
      </c>
      <c r="F6776" cm="1">
        <f t="array" ref="F6776">IFERROR(INDEX(Jesper!AJ$2:AJ$366,ROUNDDOWN($C6776/24,0)+1,1)*INDEX($D$3:$AA$30,INDEX(Jesper!$R$2:$R$366,ROW(INDEX(Jesper!AJ$2:AJ$366,ROUNDDOWN($C6776/24,0)+1,1))-1)+IF('Standard Profiles'!$G$20=$B$10,7,0)+IF('Standard Profiles'!$G$20=$B$17,14,0)+IF('Standard Profiles'!$G$20=$B$24,21,0),MOD($C6776,24)+1)/SUM(INDEX($D$3:$AA$30,INDEX(Jesper!$R$2:$R$366,ROW(INDEX(Jesper!AJ$2:AJ$366,ROUNDDOWN($C6776/24,0)+1,1))-1)+IF('Standard Profiles'!$G$20=$B$10,7,0)+IF('Standard Profiles'!$G$20=$B$17,14,0)+IF('Standard Profiles'!$G$20=$B$24,21,0),0)),0)</f>
        <v>0</v>
      </c>
      <c r="G6776" cm="1">
        <f t="array" ref="G6776">IFERROR(INDEX(Jesper!AK$2:AK$366,ROUNDDOWN($C6776/24,0)+1,1)*INDEX($D$3:$AA$30,INDEX(Jesper!$R$2:$R$366,ROW(INDEX(Jesper!AK$2:AK$366,ROUNDDOWN($C6776/24,0)+1,1))-1)+IF('Standard Profiles'!$G$21=$B$10,7,0)+IF('Standard Profiles'!$G$21=$B$17,14,0)+IF('Standard Profiles'!$G$21=$B$24,21,0),MOD($C6776,24)+1)/SUM(INDEX($D$3:$AA$30,INDEX(Jesper!$R$2:$R$366,ROW(INDEX(Jesper!AK$2:AK$366,ROUNDDOWN($C6776/24,0)+1,1))-1)+IF('Standard Profiles'!$G$21=$B$10,7,0)+IF('Standard Profiles'!$G$21=$B$17,14,0)+IF('Standard Profiles'!$G$21=$B$24,21,0),0)),0)</f>
        <v>0</v>
      </c>
      <c r="H6776" cm="1">
        <f t="array" ref="H6776">IFERROR(INDEX(Jesper!AL$2:AL$366,ROUNDDOWN($C6776/24,0)+1,1)*INDEX($D$3:$AA$30,INDEX(Jesper!$R$2:$R$366,ROW(INDEX(Jesper!AL$2:AL$366,ROUNDDOWN($C6776/24,0)+1,1))-1)+IF('Standard Profiles'!$G$22=$B$10,7,0)+IF('Standard Profiles'!$G$22=$B$17,14,0)+IF('Standard Profiles'!$G$22=$B$24,21,0),MOD($C6776,24)+1)/SUM(INDEX($D$3:$AA$30,INDEX(Jesper!$R$2:$R$366,ROW(INDEX(Jesper!AL$2:AL$366,ROUNDDOWN($C6776/24,0)+1,1))-1)+IF('Standard Profiles'!$G$22=$B$10,7,0)+IF('Standard Profiles'!$G$22=$B$17,14,0)+IF('Standard Profiles'!$G$22=$B$24,21,0),0)),0)</f>
        <v>0</v>
      </c>
      <c r="I6776">
        <f t="shared" si="755"/>
        <v>0.24284909747308511</v>
      </c>
      <c r="J6776">
        <f t="shared" si="756"/>
        <v>0.80949699157695043</v>
      </c>
      <c r="K6776">
        <f t="shared" si="757"/>
        <v>1.2142454873654256</v>
      </c>
      <c r="L6776">
        <f t="shared" si="758"/>
        <v>5.8283783393540425</v>
      </c>
      <c r="M6776">
        <f t="shared" si="759"/>
        <v>0</v>
      </c>
      <c r="N6776" s="46">
        <f t="shared" si="760"/>
        <v>45572.916666650315</v>
      </c>
    </row>
    <row r="6777" spans="2:14" x14ac:dyDescent="0.3">
      <c r="B6777">
        <f t="shared" si="754"/>
        <v>1</v>
      </c>
      <c r="C6777" s="16">
        <v>6743</v>
      </c>
      <c r="D6777" cm="1">
        <f t="array" ref="D6777">IFERROR(INDEX(Jesper!AH$2:AH$366,ROUNDDOWN($C6777/24,0)+1,1)*INDEX($D$3:$AA$30,INDEX(Jesper!$R$2:$R$366,ROW(INDEX(Jesper!AH$2:AH$366,ROUNDDOWN($C6777/24,0)+1,1))-1)+IF('Standard Profiles'!$G$18=$B$10,7,0)+IF('Standard Profiles'!$G$18=$B$17,14,0)+IF('Standard Profiles'!$G$18=$B$24,21,0),MOD($C6777,24)+1)/SUM(INDEX($D$3:$AA$30,INDEX(Jesper!$R$2:$R$366,ROW(INDEX(Jesper!AH$2:AH$366,ROUNDDOWN($C6777/24,0)+1,1))-1)+IF('Standard Profiles'!$G$18=$B$10,7,0)+IF('Standard Profiles'!$G$18=$B$17,14,0)+IF('Standard Profiles'!$G$18=$B$24,21,0),0)),0)</f>
        <v>8.0949699157695036</v>
      </c>
      <c r="E6777" cm="1">
        <f t="array" ref="E6777">IFERROR(INDEX(Jesper!AI$2:AI$366,ROUNDDOWN($C6777/24,0)+1,1)*INDEX($D$3:$AA$30,INDEX(Jesper!$R$2:$R$366,ROW(INDEX(Jesper!AI$2:AI$366,ROUNDDOWN($C6777/24,0)+1,1))-1)+IF('Standard Profiles'!$G$19=$B$10,7,0)+IF('Standard Profiles'!$G$19=$B$17,14,0)+IF('Standard Profiles'!$G$19=$B$24,21,0),MOD($C6777,24)+1)/SUM(INDEX($D$3:$AA$30,INDEX(Jesper!$R$2:$R$366,ROW(INDEX(Jesper!AI$2:AI$366,ROUNDDOWN($C6777/24,0)+1,1))-1)+IF('Standard Profiles'!$G$19=$B$10,7,0)+IF('Standard Profiles'!$G$19=$B$17,14,0)+IF('Standard Profiles'!$G$19=$B$24,21,0),0)),0)</f>
        <v>0</v>
      </c>
      <c r="F6777" cm="1">
        <f t="array" ref="F6777">IFERROR(INDEX(Jesper!AJ$2:AJ$366,ROUNDDOWN($C6777/24,0)+1,1)*INDEX($D$3:$AA$30,INDEX(Jesper!$R$2:$R$366,ROW(INDEX(Jesper!AJ$2:AJ$366,ROUNDDOWN($C6777/24,0)+1,1))-1)+IF('Standard Profiles'!$G$20=$B$10,7,0)+IF('Standard Profiles'!$G$20=$B$17,14,0)+IF('Standard Profiles'!$G$20=$B$24,21,0),MOD($C6777,24)+1)/SUM(INDEX($D$3:$AA$30,INDEX(Jesper!$R$2:$R$366,ROW(INDEX(Jesper!AJ$2:AJ$366,ROUNDDOWN($C6777/24,0)+1,1))-1)+IF('Standard Profiles'!$G$20=$B$10,7,0)+IF('Standard Profiles'!$G$20=$B$17,14,0)+IF('Standard Profiles'!$G$20=$B$24,21,0),0)),0)</f>
        <v>0</v>
      </c>
      <c r="G6777" cm="1">
        <f t="array" ref="G6777">IFERROR(INDEX(Jesper!AK$2:AK$366,ROUNDDOWN($C6777/24,0)+1,1)*INDEX($D$3:$AA$30,INDEX(Jesper!$R$2:$R$366,ROW(INDEX(Jesper!AK$2:AK$366,ROUNDDOWN($C6777/24,0)+1,1))-1)+IF('Standard Profiles'!$G$21=$B$10,7,0)+IF('Standard Profiles'!$G$21=$B$17,14,0)+IF('Standard Profiles'!$G$21=$B$24,21,0),MOD($C6777,24)+1)/SUM(INDEX($D$3:$AA$30,INDEX(Jesper!$R$2:$R$366,ROW(INDEX(Jesper!AK$2:AK$366,ROUNDDOWN($C6777/24,0)+1,1))-1)+IF('Standard Profiles'!$G$21=$B$10,7,0)+IF('Standard Profiles'!$G$21=$B$17,14,0)+IF('Standard Profiles'!$G$21=$B$24,21,0),0)),0)</f>
        <v>0</v>
      </c>
      <c r="H6777" cm="1">
        <f t="array" ref="H6777">IFERROR(INDEX(Jesper!AL$2:AL$366,ROUNDDOWN($C6777/24,0)+1,1)*INDEX($D$3:$AA$30,INDEX(Jesper!$R$2:$R$366,ROW(INDEX(Jesper!AL$2:AL$366,ROUNDDOWN($C6777/24,0)+1,1))-1)+IF('Standard Profiles'!$G$22=$B$10,7,0)+IF('Standard Profiles'!$G$22=$B$17,14,0)+IF('Standard Profiles'!$G$22=$B$24,21,0),MOD($C6777,24)+1)/SUM(INDEX($D$3:$AA$30,INDEX(Jesper!$R$2:$R$366,ROW(INDEX(Jesper!AL$2:AL$366,ROUNDDOWN($C6777/24,0)+1,1))-1)+IF('Standard Profiles'!$G$22=$B$10,7,0)+IF('Standard Profiles'!$G$22=$B$17,14,0)+IF('Standard Profiles'!$G$22=$B$24,21,0),0)),0)</f>
        <v>0</v>
      </c>
      <c r="I6777">
        <f t="shared" si="755"/>
        <v>0.24284909747308511</v>
      </c>
      <c r="J6777">
        <f t="shared" si="756"/>
        <v>0.80949699157695043</v>
      </c>
      <c r="K6777">
        <f t="shared" si="757"/>
        <v>1.2142454873654256</v>
      </c>
      <c r="L6777">
        <f t="shared" si="758"/>
        <v>5.8283783393540425</v>
      </c>
      <c r="M6777">
        <f t="shared" si="759"/>
        <v>0</v>
      </c>
      <c r="N6777" s="46">
        <f t="shared" si="760"/>
        <v>45572.958333316979</v>
      </c>
    </row>
    <row r="6778" spans="2:14" x14ac:dyDescent="0.3">
      <c r="B6778">
        <f t="shared" si="754"/>
        <v>2</v>
      </c>
      <c r="C6778" s="16">
        <v>6744</v>
      </c>
      <c r="D6778" cm="1">
        <f t="array" ref="D6778">IFERROR(INDEX(Jesper!AH$2:AH$366,ROUNDDOWN($C6778/24,0)+1,1)*INDEX($D$3:$AA$30,INDEX(Jesper!$R$2:$R$366,ROW(INDEX(Jesper!AH$2:AH$366,ROUNDDOWN($C6778/24,0)+1,1))-1)+IF('Standard Profiles'!$G$18=$B$10,7,0)+IF('Standard Profiles'!$G$18=$B$17,14,0)+IF('Standard Profiles'!$G$18=$B$24,21,0),MOD($C6778,24)+1)/SUM(INDEX($D$3:$AA$30,INDEX(Jesper!$R$2:$R$366,ROW(INDEX(Jesper!AH$2:AH$366,ROUNDDOWN($C6778/24,0)+1,1))-1)+IF('Standard Profiles'!$G$18=$B$10,7,0)+IF('Standard Profiles'!$G$18=$B$17,14,0)+IF('Standard Profiles'!$G$18=$B$24,21,0),0)),0)</f>
        <v>7.3676071138027375</v>
      </c>
      <c r="E6778" cm="1">
        <f t="array" ref="E6778">IFERROR(INDEX(Jesper!AI$2:AI$366,ROUNDDOWN($C6778/24,0)+1,1)*INDEX($D$3:$AA$30,INDEX(Jesper!$R$2:$R$366,ROW(INDEX(Jesper!AI$2:AI$366,ROUNDDOWN($C6778/24,0)+1,1))-1)+IF('Standard Profiles'!$G$19=$B$10,7,0)+IF('Standard Profiles'!$G$19=$B$17,14,0)+IF('Standard Profiles'!$G$19=$B$24,21,0),MOD($C6778,24)+1)/SUM(INDEX($D$3:$AA$30,INDEX(Jesper!$R$2:$R$366,ROW(INDEX(Jesper!AI$2:AI$366,ROUNDDOWN($C6778/24,0)+1,1))-1)+IF('Standard Profiles'!$G$19=$B$10,7,0)+IF('Standard Profiles'!$G$19=$B$17,14,0)+IF('Standard Profiles'!$G$19=$B$24,21,0),0)),0)</f>
        <v>0</v>
      </c>
      <c r="F6778" cm="1">
        <f t="array" ref="F6778">IFERROR(INDEX(Jesper!AJ$2:AJ$366,ROUNDDOWN($C6778/24,0)+1,1)*INDEX($D$3:$AA$30,INDEX(Jesper!$R$2:$R$366,ROW(INDEX(Jesper!AJ$2:AJ$366,ROUNDDOWN($C6778/24,0)+1,1))-1)+IF('Standard Profiles'!$G$20=$B$10,7,0)+IF('Standard Profiles'!$G$20=$B$17,14,0)+IF('Standard Profiles'!$G$20=$B$24,21,0),MOD($C6778,24)+1)/SUM(INDEX($D$3:$AA$30,INDEX(Jesper!$R$2:$R$366,ROW(INDEX(Jesper!AJ$2:AJ$366,ROUNDDOWN($C6778/24,0)+1,1))-1)+IF('Standard Profiles'!$G$20=$B$10,7,0)+IF('Standard Profiles'!$G$20=$B$17,14,0)+IF('Standard Profiles'!$G$20=$B$24,21,0),0)),0)</f>
        <v>0</v>
      </c>
      <c r="G6778" cm="1">
        <f t="array" ref="G6778">IFERROR(INDEX(Jesper!AK$2:AK$366,ROUNDDOWN($C6778/24,0)+1,1)*INDEX($D$3:$AA$30,INDEX(Jesper!$R$2:$R$366,ROW(INDEX(Jesper!AK$2:AK$366,ROUNDDOWN($C6778/24,0)+1,1))-1)+IF('Standard Profiles'!$G$21=$B$10,7,0)+IF('Standard Profiles'!$G$21=$B$17,14,0)+IF('Standard Profiles'!$G$21=$B$24,21,0),MOD($C6778,24)+1)/SUM(INDEX($D$3:$AA$30,INDEX(Jesper!$R$2:$R$366,ROW(INDEX(Jesper!AK$2:AK$366,ROUNDDOWN($C6778/24,0)+1,1))-1)+IF('Standard Profiles'!$G$21=$B$10,7,0)+IF('Standard Profiles'!$G$21=$B$17,14,0)+IF('Standard Profiles'!$G$21=$B$24,21,0),0)),0)</f>
        <v>0</v>
      </c>
      <c r="H6778" cm="1">
        <f t="array" ref="H6778">IFERROR(INDEX(Jesper!AL$2:AL$366,ROUNDDOWN($C6778/24,0)+1,1)*INDEX($D$3:$AA$30,INDEX(Jesper!$R$2:$R$366,ROW(INDEX(Jesper!AL$2:AL$366,ROUNDDOWN($C6778/24,0)+1,1))-1)+IF('Standard Profiles'!$G$22=$B$10,7,0)+IF('Standard Profiles'!$G$22=$B$17,14,0)+IF('Standard Profiles'!$G$22=$B$24,21,0),MOD($C6778,24)+1)/SUM(INDEX($D$3:$AA$30,INDEX(Jesper!$R$2:$R$366,ROW(INDEX(Jesper!AL$2:AL$366,ROUNDDOWN($C6778/24,0)+1,1))-1)+IF('Standard Profiles'!$G$22=$B$10,7,0)+IF('Standard Profiles'!$G$22=$B$17,14,0)+IF('Standard Profiles'!$G$22=$B$24,21,0),0)),0)</f>
        <v>0</v>
      </c>
      <c r="I6778">
        <f t="shared" si="755"/>
        <v>0.2210282134140821</v>
      </c>
      <c r="J6778">
        <f t="shared" si="756"/>
        <v>0.73676071138027377</v>
      </c>
      <c r="K6778">
        <f t="shared" si="757"/>
        <v>1.1051410670704105</v>
      </c>
      <c r="L6778">
        <f t="shared" si="758"/>
        <v>5.3046771219379707</v>
      </c>
      <c r="M6778">
        <f t="shared" si="759"/>
        <v>0</v>
      </c>
      <c r="N6778" s="46">
        <f t="shared" si="760"/>
        <v>45572.999999983644</v>
      </c>
    </row>
    <row r="6779" spans="2:14" x14ac:dyDescent="0.3">
      <c r="B6779">
        <f t="shared" si="754"/>
        <v>2</v>
      </c>
      <c r="C6779" s="16">
        <v>6745</v>
      </c>
      <c r="D6779" cm="1">
        <f t="array" ref="D6779">IFERROR(INDEX(Jesper!AH$2:AH$366,ROUNDDOWN($C6779/24,0)+1,1)*INDEX($D$3:$AA$30,INDEX(Jesper!$R$2:$R$366,ROW(INDEX(Jesper!AH$2:AH$366,ROUNDDOWN($C6779/24,0)+1,1))-1)+IF('Standard Profiles'!$G$18=$B$10,7,0)+IF('Standard Profiles'!$G$18=$B$17,14,0)+IF('Standard Profiles'!$G$18=$B$24,21,0),MOD($C6779,24)+1)/SUM(INDEX($D$3:$AA$30,INDEX(Jesper!$R$2:$R$366,ROW(INDEX(Jesper!AH$2:AH$366,ROUNDDOWN($C6779/24,0)+1,1))-1)+IF('Standard Profiles'!$G$18=$B$10,7,0)+IF('Standard Profiles'!$G$18=$B$17,14,0)+IF('Standard Profiles'!$G$18=$B$24,21,0),0)),0)</f>
        <v>7.3676071138027375</v>
      </c>
      <c r="E6779" cm="1">
        <f t="array" ref="E6779">IFERROR(INDEX(Jesper!AI$2:AI$366,ROUNDDOWN($C6779/24,0)+1,1)*INDEX($D$3:$AA$30,INDEX(Jesper!$R$2:$R$366,ROW(INDEX(Jesper!AI$2:AI$366,ROUNDDOWN($C6779/24,0)+1,1))-1)+IF('Standard Profiles'!$G$19=$B$10,7,0)+IF('Standard Profiles'!$G$19=$B$17,14,0)+IF('Standard Profiles'!$G$19=$B$24,21,0),MOD($C6779,24)+1)/SUM(INDEX($D$3:$AA$30,INDEX(Jesper!$R$2:$R$366,ROW(INDEX(Jesper!AI$2:AI$366,ROUNDDOWN($C6779/24,0)+1,1))-1)+IF('Standard Profiles'!$G$19=$B$10,7,0)+IF('Standard Profiles'!$G$19=$B$17,14,0)+IF('Standard Profiles'!$G$19=$B$24,21,0),0)),0)</f>
        <v>0</v>
      </c>
      <c r="F6779" cm="1">
        <f t="array" ref="F6779">IFERROR(INDEX(Jesper!AJ$2:AJ$366,ROUNDDOWN($C6779/24,0)+1,1)*INDEX($D$3:$AA$30,INDEX(Jesper!$R$2:$R$366,ROW(INDEX(Jesper!AJ$2:AJ$366,ROUNDDOWN($C6779/24,0)+1,1))-1)+IF('Standard Profiles'!$G$20=$B$10,7,0)+IF('Standard Profiles'!$G$20=$B$17,14,0)+IF('Standard Profiles'!$G$20=$B$24,21,0),MOD($C6779,24)+1)/SUM(INDEX($D$3:$AA$30,INDEX(Jesper!$R$2:$R$366,ROW(INDEX(Jesper!AJ$2:AJ$366,ROUNDDOWN($C6779/24,0)+1,1))-1)+IF('Standard Profiles'!$G$20=$B$10,7,0)+IF('Standard Profiles'!$G$20=$B$17,14,0)+IF('Standard Profiles'!$G$20=$B$24,21,0),0)),0)</f>
        <v>0</v>
      </c>
      <c r="G6779" cm="1">
        <f t="array" ref="G6779">IFERROR(INDEX(Jesper!AK$2:AK$366,ROUNDDOWN($C6779/24,0)+1,1)*INDEX($D$3:$AA$30,INDEX(Jesper!$R$2:$R$366,ROW(INDEX(Jesper!AK$2:AK$366,ROUNDDOWN($C6779/24,0)+1,1))-1)+IF('Standard Profiles'!$G$21=$B$10,7,0)+IF('Standard Profiles'!$G$21=$B$17,14,0)+IF('Standard Profiles'!$G$21=$B$24,21,0),MOD($C6779,24)+1)/SUM(INDEX($D$3:$AA$30,INDEX(Jesper!$R$2:$R$366,ROW(INDEX(Jesper!AK$2:AK$366,ROUNDDOWN($C6779/24,0)+1,1))-1)+IF('Standard Profiles'!$G$21=$B$10,7,0)+IF('Standard Profiles'!$G$21=$B$17,14,0)+IF('Standard Profiles'!$G$21=$B$24,21,0),0)),0)</f>
        <v>0</v>
      </c>
      <c r="H6779" cm="1">
        <f t="array" ref="H6779">IFERROR(INDEX(Jesper!AL$2:AL$366,ROUNDDOWN($C6779/24,0)+1,1)*INDEX($D$3:$AA$30,INDEX(Jesper!$R$2:$R$366,ROW(INDEX(Jesper!AL$2:AL$366,ROUNDDOWN($C6779/24,0)+1,1))-1)+IF('Standard Profiles'!$G$22=$B$10,7,0)+IF('Standard Profiles'!$G$22=$B$17,14,0)+IF('Standard Profiles'!$G$22=$B$24,21,0),MOD($C6779,24)+1)/SUM(INDEX($D$3:$AA$30,INDEX(Jesper!$R$2:$R$366,ROW(INDEX(Jesper!AL$2:AL$366,ROUNDDOWN($C6779/24,0)+1,1))-1)+IF('Standard Profiles'!$G$22=$B$10,7,0)+IF('Standard Profiles'!$G$22=$B$17,14,0)+IF('Standard Profiles'!$G$22=$B$24,21,0),0)),0)</f>
        <v>0</v>
      </c>
      <c r="I6779">
        <f t="shared" si="755"/>
        <v>0.2210282134140821</v>
      </c>
      <c r="J6779">
        <f t="shared" si="756"/>
        <v>0.73676071138027377</v>
      </c>
      <c r="K6779">
        <f t="shared" si="757"/>
        <v>1.1051410670704105</v>
      </c>
      <c r="L6779">
        <f t="shared" si="758"/>
        <v>5.3046771219379707</v>
      </c>
      <c r="M6779">
        <f t="shared" si="759"/>
        <v>0</v>
      </c>
      <c r="N6779" s="46">
        <f t="shared" si="760"/>
        <v>45573.041666650308</v>
      </c>
    </row>
    <row r="6780" spans="2:14" x14ac:dyDescent="0.3">
      <c r="B6780">
        <f t="shared" si="754"/>
        <v>2</v>
      </c>
      <c r="C6780" s="16">
        <v>6746</v>
      </c>
      <c r="D6780" cm="1">
        <f t="array" ref="D6780">IFERROR(INDEX(Jesper!AH$2:AH$366,ROUNDDOWN($C6780/24,0)+1,1)*INDEX($D$3:$AA$30,INDEX(Jesper!$R$2:$R$366,ROW(INDEX(Jesper!AH$2:AH$366,ROUNDDOWN($C6780/24,0)+1,1))-1)+IF('Standard Profiles'!$G$18=$B$10,7,0)+IF('Standard Profiles'!$G$18=$B$17,14,0)+IF('Standard Profiles'!$G$18=$B$24,21,0),MOD($C6780,24)+1)/SUM(INDEX($D$3:$AA$30,INDEX(Jesper!$R$2:$R$366,ROW(INDEX(Jesper!AH$2:AH$366,ROUNDDOWN($C6780/24,0)+1,1))-1)+IF('Standard Profiles'!$G$18=$B$10,7,0)+IF('Standard Profiles'!$G$18=$B$17,14,0)+IF('Standard Profiles'!$G$18=$B$24,21,0),0)),0)</f>
        <v>7.3676071138027375</v>
      </c>
      <c r="E6780" cm="1">
        <f t="array" ref="E6780">IFERROR(INDEX(Jesper!AI$2:AI$366,ROUNDDOWN($C6780/24,0)+1,1)*INDEX($D$3:$AA$30,INDEX(Jesper!$R$2:$R$366,ROW(INDEX(Jesper!AI$2:AI$366,ROUNDDOWN($C6780/24,0)+1,1))-1)+IF('Standard Profiles'!$G$19=$B$10,7,0)+IF('Standard Profiles'!$G$19=$B$17,14,0)+IF('Standard Profiles'!$G$19=$B$24,21,0),MOD($C6780,24)+1)/SUM(INDEX($D$3:$AA$30,INDEX(Jesper!$R$2:$R$366,ROW(INDEX(Jesper!AI$2:AI$366,ROUNDDOWN($C6780/24,0)+1,1))-1)+IF('Standard Profiles'!$G$19=$B$10,7,0)+IF('Standard Profiles'!$G$19=$B$17,14,0)+IF('Standard Profiles'!$G$19=$B$24,21,0),0)),0)</f>
        <v>0</v>
      </c>
      <c r="F6780" cm="1">
        <f t="array" ref="F6780">IFERROR(INDEX(Jesper!AJ$2:AJ$366,ROUNDDOWN($C6780/24,0)+1,1)*INDEX($D$3:$AA$30,INDEX(Jesper!$R$2:$R$366,ROW(INDEX(Jesper!AJ$2:AJ$366,ROUNDDOWN($C6780/24,0)+1,1))-1)+IF('Standard Profiles'!$G$20=$B$10,7,0)+IF('Standard Profiles'!$G$20=$B$17,14,0)+IF('Standard Profiles'!$G$20=$B$24,21,0),MOD($C6780,24)+1)/SUM(INDEX($D$3:$AA$30,INDEX(Jesper!$R$2:$R$366,ROW(INDEX(Jesper!AJ$2:AJ$366,ROUNDDOWN($C6780/24,0)+1,1))-1)+IF('Standard Profiles'!$G$20=$B$10,7,0)+IF('Standard Profiles'!$G$20=$B$17,14,0)+IF('Standard Profiles'!$G$20=$B$24,21,0),0)),0)</f>
        <v>0</v>
      </c>
      <c r="G6780" cm="1">
        <f t="array" ref="G6780">IFERROR(INDEX(Jesper!AK$2:AK$366,ROUNDDOWN($C6780/24,0)+1,1)*INDEX($D$3:$AA$30,INDEX(Jesper!$R$2:$R$366,ROW(INDEX(Jesper!AK$2:AK$366,ROUNDDOWN($C6780/24,0)+1,1))-1)+IF('Standard Profiles'!$G$21=$B$10,7,0)+IF('Standard Profiles'!$G$21=$B$17,14,0)+IF('Standard Profiles'!$G$21=$B$24,21,0),MOD($C6780,24)+1)/SUM(INDEX($D$3:$AA$30,INDEX(Jesper!$R$2:$R$366,ROW(INDEX(Jesper!AK$2:AK$366,ROUNDDOWN($C6780/24,0)+1,1))-1)+IF('Standard Profiles'!$G$21=$B$10,7,0)+IF('Standard Profiles'!$G$21=$B$17,14,0)+IF('Standard Profiles'!$G$21=$B$24,21,0),0)),0)</f>
        <v>0</v>
      </c>
      <c r="H6780" cm="1">
        <f t="array" ref="H6780">IFERROR(INDEX(Jesper!AL$2:AL$366,ROUNDDOWN($C6780/24,0)+1,1)*INDEX($D$3:$AA$30,INDEX(Jesper!$R$2:$R$366,ROW(INDEX(Jesper!AL$2:AL$366,ROUNDDOWN($C6780/24,0)+1,1))-1)+IF('Standard Profiles'!$G$22=$B$10,7,0)+IF('Standard Profiles'!$G$22=$B$17,14,0)+IF('Standard Profiles'!$G$22=$B$24,21,0),MOD($C6780,24)+1)/SUM(INDEX($D$3:$AA$30,INDEX(Jesper!$R$2:$R$366,ROW(INDEX(Jesper!AL$2:AL$366,ROUNDDOWN($C6780/24,0)+1,1))-1)+IF('Standard Profiles'!$G$22=$B$10,7,0)+IF('Standard Profiles'!$G$22=$B$17,14,0)+IF('Standard Profiles'!$G$22=$B$24,21,0),0)),0)</f>
        <v>0</v>
      </c>
      <c r="I6780">
        <f t="shared" si="755"/>
        <v>0.2210282134140821</v>
      </c>
      <c r="J6780">
        <f t="shared" si="756"/>
        <v>0.73676071138027377</v>
      </c>
      <c r="K6780">
        <f t="shared" si="757"/>
        <v>1.1051410670704105</v>
      </c>
      <c r="L6780">
        <f t="shared" si="758"/>
        <v>5.3046771219379707</v>
      </c>
      <c r="M6780">
        <f t="shared" si="759"/>
        <v>0</v>
      </c>
      <c r="N6780" s="46">
        <f t="shared" si="760"/>
        <v>45573.083333316972</v>
      </c>
    </row>
    <row r="6781" spans="2:14" x14ac:dyDescent="0.3">
      <c r="B6781">
        <f t="shared" si="754"/>
        <v>2</v>
      </c>
      <c r="C6781" s="16">
        <v>6747</v>
      </c>
      <c r="D6781" cm="1">
        <f t="array" ref="D6781">IFERROR(INDEX(Jesper!AH$2:AH$366,ROUNDDOWN($C6781/24,0)+1,1)*INDEX($D$3:$AA$30,INDEX(Jesper!$R$2:$R$366,ROW(INDEX(Jesper!AH$2:AH$366,ROUNDDOWN($C6781/24,0)+1,1))-1)+IF('Standard Profiles'!$G$18=$B$10,7,0)+IF('Standard Profiles'!$G$18=$B$17,14,0)+IF('Standard Profiles'!$G$18=$B$24,21,0),MOD($C6781,24)+1)/SUM(INDEX($D$3:$AA$30,INDEX(Jesper!$R$2:$R$366,ROW(INDEX(Jesper!AH$2:AH$366,ROUNDDOWN($C6781/24,0)+1,1))-1)+IF('Standard Profiles'!$G$18=$B$10,7,0)+IF('Standard Profiles'!$G$18=$B$17,14,0)+IF('Standard Profiles'!$G$18=$B$24,21,0),0)),0)</f>
        <v>7.3676071138027375</v>
      </c>
      <c r="E6781" cm="1">
        <f t="array" ref="E6781">IFERROR(INDEX(Jesper!AI$2:AI$366,ROUNDDOWN($C6781/24,0)+1,1)*INDEX($D$3:$AA$30,INDEX(Jesper!$R$2:$R$366,ROW(INDEX(Jesper!AI$2:AI$366,ROUNDDOWN($C6781/24,0)+1,1))-1)+IF('Standard Profiles'!$G$19=$B$10,7,0)+IF('Standard Profiles'!$G$19=$B$17,14,0)+IF('Standard Profiles'!$G$19=$B$24,21,0),MOD($C6781,24)+1)/SUM(INDEX($D$3:$AA$30,INDEX(Jesper!$R$2:$R$366,ROW(INDEX(Jesper!AI$2:AI$366,ROUNDDOWN($C6781/24,0)+1,1))-1)+IF('Standard Profiles'!$G$19=$B$10,7,0)+IF('Standard Profiles'!$G$19=$B$17,14,0)+IF('Standard Profiles'!$G$19=$B$24,21,0),0)),0)</f>
        <v>0</v>
      </c>
      <c r="F6781" cm="1">
        <f t="array" ref="F6781">IFERROR(INDEX(Jesper!AJ$2:AJ$366,ROUNDDOWN($C6781/24,0)+1,1)*INDEX($D$3:$AA$30,INDEX(Jesper!$R$2:$R$366,ROW(INDEX(Jesper!AJ$2:AJ$366,ROUNDDOWN($C6781/24,0)+1,1))-1)+IF('Standard Profiles'!$G$20=$B$10,7,0)+IF('Standard Profiles'!$G$20=$B$17,14,0)+IF('Standard Profiles'!$G$20=$B$24,21,0),MOD($C6781,24)+1)/SUM(INDEX($D$3:$AA$30,INDEX(Jesper!$R$2:$R$366,ROW(INDEX(Jesper!AJ$2:AJ$366,ROUNDDOWN($C6781/24,0)+1,1))-1)+IF('Standard Profiles'!$G$20=$B$10,7,0)+IF('Standard Profiles'!$G$20=$B$17,14,0)+IF('Standard Profiles'!$G$20=$B$24,21,0),0)),0)</f>
        <v>0</v>
      </c>
      <c r="G6781" cm="1">
        <f t="array" ref="G6781">IFERROR(INDEX(Jesper!AK$2:AK$366,ROUNDDOWN($C6781/24,0)+1,1)*INDEX($D$3:$AA$30,INDEX(Jesper!$R$2:$R$366,ROW(INDEX(Jesper!AK$2:AK$366,ROUNDDOWN($C6781/24,0)+1,1))-1)+IF('Standard Profiles'!$G$21=$B$10,7,0)+IF('Standard Profiles'!$G$21=$B$17,14,0)+IF('Standard Profiles'!$G$21=$B$24,21,0),MOD($C6781,24)+1)/SUM(INDEX($D$3:$AA$30,INDEX(Jesper!$R$2:$R$366,ROW(INDEX(Jesper!AK$2:AK$366,ROUNDDOWN($C6781/24,0)+1,1))-1)+IF('Standard Profiles'!$G$21=$B$10,7,0)+IF('Standard Profiles'!$G$21=$B$17,14,0)+IF('Standard Profiles'!$G$21=$B$24,21,0),0)),0)</f>
        <v>0</v>
      </c>
      <c r="H6781" cm="1">
        <f t="array" ref="H6781">IFERROR(INDEX(Jesper!AL$2:AL$366,ROUNDDOWN($C6781/24,0)+1,1)*INDEX($D$3:$AA$30,INDEX(Jesper!$R$2:$R$366,ROW(INDEX(Jesper!AL$2:AL$366,ROUNDDOWN($C6781/24,0)+1,1))-1)+IF('Standard Profiles'!$G$22=$B$10,7,0)+IF('Standard Profiles'!$G$22=$B$17,14,0)+IF('Standard Profiles'!$G$22=$B$24,21,0),MOD($C6781,24)+1)/SUM(INDEX($D$3:$AA$30,INDEX(Jesper!$R$2:$R$366,ROW(INDEX(Jesper!AL$2:AL$366,ROUNDDOWN($C6781/24,0)+1,1))-1)+IF('Standard Profiles'!$G$22=$B$10,7,0)+IF('Standard Profiles'!$G$22=$B$17,14,0)+IF('Standard Profiles'!$G$22=$B$24,21,0),0)),0)</f>
        <v>0</v>
      </c>
      <c r="I6781">
        <f t="shared" si="755"/>
        <v>0.2210282134140821</v>
      </c>
      <c r="J6781">
        <f t="shared" si="756"/>
        <v>0.73676071138027377</v>
      </c>
      <c r="K6781">
        <f t="shared" si="757"/>
        <v>1.1051410670704105</v>
      </c>
      <c r="L6781">
        <f t="shared" si="758"/>
        <v>5.3046771219379707</v>
      </c>
      <c r="M6781">
        <f t="shared" si="759"/>
        <v>0</v>
      </c>
      <c r="N6781" s="46">
        <f t="shared" si="760"/>
        <v>45573.124999983636</v>
      </c>
    </row>
    <row r="6782" spans="2:14" x14ac:dyDescent="0.3">
      <c r="B6782">
        <f t="shared" si="754"/>
        <v>2</v>
      </c>
      <c r="C6782" s="16">
        <v>6748</v>
      </c>
      <c r="D6782" cm="1">
        <f t="array" ref="D6782">IFERROR(INDEX(Jesper!AH$2:AH$366,ROUNDDOWN($C6782/24,0)+1,1)*INDEX($D$3:$AA$30,INDEX(Jesper!$R$2:$R$366,ROW(INDEX(Jesper!AH$2:AH$366,ROUNDDOWN($C6782/24,0)+1,1))-1)+IF('Standard Profiles'!$G$18=$B$10,7,0)+IF('Standard Profiles'!$G$18=$B$17,14,0)+IF('Standard Profiles'!$G$18=$B$24,21,0),MOD($C6782,24)+1)/SUM(INDEX($D$3:$AA$30,INDEX(Jesper!$R$2:$R$366,ROW(INDEX(Jesper!AH$2:AH$366,ROUNDDOWN($C6782/24,0)+1,1))-1)+IF('Standard Profiles'!$G$18=$B$10,7,0)+IF('Standard Profiles'!$G$18=$B$17,14,0)+IF('Standard Profiles'!$G$18=$B$24,21,0),0)),0)</f>
        <v>7.3676071138027375</v>
      </c>
      <c r="E6782" cm="1">
        <f t="array" ref="E6782">IFERROR(INDEX(Jesper!AI$2:AI$366,ROUNDDOWN($C6782/24,0)+1,1)*INDEX($D$3:$AA$30,INDEX(Jesper!$R$2:$R$366,ROW(INDEX(Jesper!AI$2:AI$366,ROUNDDOWN($C6782/24,0)+1,1))-1)+IF('Standard Profiles'!$G$19=$B$10,7,0)+IF('Standard Profiles'!$G$19=$B$17,14,0)+IF('Standard Profiles'!$G$19=$B$24,21,0),MOD($C6782,24)+1)/SUM(INDEX($D$3:$AA$30,INDEX(Jesper!$R$2:$R$366,ROW(INDEX(Jesper!AI$2:AI$366,ROUNDDOWN($C6782/24,0)+1,1))-1)+IF('Standard Profiles'!$G$19=$B$10,7,0)+IF('Standard Profiles'!$G$19=$B$17,14,0)+IF('Standard Profiles'!$G$19=$B$24,21,0),0)),0)</f>
        <v>0</v>
      </c>
      <c r="F6782" cm="1">
        <f t="array" ref="F6782">IFERROR(INDEX(Jesper!AJ$2:AJ$366,ROUNDDOWN($C6782/24,0)+1,1)*INDEX($D$3:$AA$30,INDEX(Jesper!$R$2:$R$366,ROW(INDEX(Jesper!AJ$2:AJ$366,ROUNDDOWN($C6782/24,0)+1,1))-1)+IF('Standard Profiles'!$G$20=$B$10,7,0)+IF('Standard Profiles'!$G$20=$B$17,14,0)+IF('Standard Profiles'!$G$20=$B$24,21,0),MOD($C6782,24)+1)/SUM(INDEX($D$3:$AA$30,INDEX(Jesper!$R$2:$R$366,ROW(INDEX(Jesper!AJ$2:AJ$366,ROUNDDOWN($C6782/24,0)+1,1))-1)+IF('Standard Profiles'!$G$20=$B$10,7,0)+IF('Standard Profiles'!$G$20=$B$17,14,0)+IF('Standard Profiles'!$G$20=$B$24,21,0),0)),0)</f>
        <v>0</v>
      </c>
      <c r="G6782" cm="1">
        <f t="array" ref="G6782">IFERROR(INDEX(Jesper!AK$2:AK$366,ROUNDDOWN($C6782/24,0)+1,1)*INDEX($D$3:$AA$30,INDEX(Jesper!$R$2:$R$366,ROW(INDEX(Jesper!AK$2:AK$366,ROUNDDOWN($C6782/24,0)+1,1))-1)+IF('Standard Profiles'!$G$21=$B$10,7,0)+IF('Standard Profiles'!$G$21=$B$17,14,0)+IF('Standard Profiles'!$G$21=$B$24,21,0),MOD($C6782,24)+1)/SUM(INDEX($D$3:$AA$30,INDEX(Jesper!$R$2:$R$366,ROW(INDEX(Jesper!AK$2:AK$366,ROUNDDOWN($C6782/24,0)+1,1))-1)+IF('Standard Profiles'!$G$21=$B$10,7,0)+IF('Standard Profiles'!$G$21=$B$17,14,0)+IF('Standard Profiles'!$G$21=$B$24,21,0),0)),0)</f>
        <v>0</v>
      </c>
      <c r="H6782" cm="1">
        <f t="array" ref="H6782">IFERROR(INDEX(Jesper!AL$2:AL$366,ROUNDDOWN($C6782/24,0)+1,1)*INDEX($D$3:$AA$30,INDEX(Jesper!$R$2:$R$366,ROW(INDEX(Jesper!AL$2:AL$366,ROUNDDOWN($C6782/24,0)+1,1))-1)+IF('Standard Profiles'!$G$22=$B$10,7,0)+IF('Standard Profiles'!$G$22=$B$17,14,0)+IF('Standard Profiles'!$G$22=$B$24,21,0),MOD($C6782,24)+1)/SUM(INDEX($D$3:$AA$30,INDEX(Jesper!$R$2:$R$366,ROW(INDEX(Jesper!AL$2:AL$366,ROUNDDOWN($C6782/24,0)+1,1))-1)+IF('Standard Profiles'!$G$22=$B$10,7,0)+IF('Standard Profiles'!$G$22=$B$17,14,0)+IF('Standard Profiles'!$G$22=$B$24,21,0),0)),0)</f>
        <v>0</v>
      </c>
      <c r="I6782">
        <f t="shared" si="755"/>
        <v>0.2210282134140821</v>
      </c>
      <c r="J6782">
        <f t="shared" si="756"/>
        <v>0.73676071138027377</v>
      </c>
      <c r="K6782">
        <f t="shared" si="757"/>
        <v>1.1051410670704105</v>
      </c>
      <c r="L6782">
        <f t="shared" si="758"/>
        <v>5.3046771219379707</v>
      </c>
      <c r="M6782">
        <f t="shared" si="759"/>
        <v>0</v>
      </c>
      <c r="N6782" s="46">
        <f t="shared" si="760"/>
        <v>45573.166666650301</v>
      </c>
    </row>
    <row r="6783" spans="2:14" x14ac:dyDescent="0.3">
      <c r="B6783">
        <f t="shared" si="754"/>
        <v>2</v>
      </c>
      <c r="C6783" s="16">
        <v>6749</v>
      </c>
      <c r="D6783" cm="1">
        <f t="array" ref="D6783">IFERROR(INDEX(Jesper!AH$2:AH$366,ROUNDDOWN($C6783/24,0)+1,1)*INDEX($D$3:$AA$30,INDEX(Jesper!$R$2:$R$366,ROW(INDEX(Jesper!AH$2:AH$366,ROUNDDOWN($C6783/24,0)+1,1))-1)+IF('Standard Profiles'!$G$18=$B$10,7,0)+IF('Standard Profiles'!$G$18=$B$17,14,0)+IF('Standard Profiles'!$G$18=$B$24,21,0),MOD($C6783,24)+1)/SUM(INDEX($D$3:$AA$30,INDEX(Jesper!$R$2:$R$366,ROW(INDEX(Jesper!AH$2:AH$366,ROUNDDOWN($C6783/24,0)+1,1))-1)+IF('Standard Profiles'!$G$18=$B$10,7,0)+IF('Standard Profiles'!$G$18=$B$17,14,0)+IF('Standard Profiles'!$G$18=$B$24,21,0),0)),0)</f>
        <v>9.577889247943558</v>
      </c>
      <c r="E6783" cm="1">
        <f t="array" ref="E6783">IFERROR(INDEX(Jesper!AI$2:AI$366,ROUNDDOWN($C6783/24,0)+1,1)*INDEX($D$3:$AA$30,INDEX(Jesper!$R$2:$R$366,ROW(INDEX(Jesper!AI$2:AI$366,ROUNDDOWN($C6783/24,0)+1,1))-1)+IF('Standard Profiles'!$G$19=$B$10,7,0)+IF('Standard Profiles'!$G$19=$B$17,14,0)+IF('Standard Profiles'!$G$19=$B$24,21,0),MOD($C6783,24)+1)/SUM(INDEX($D$3:$AA$30,INDEX(Jesper!$R$2:$R$366,ROW(INDEX(Jesper!AI$2:AI$366,ROUNDDOWN($C6783/24,0)+1,1))-1)+IF('Standard Profiles'!$G$19=$B$10,7,0)+IF('Standard Profiles'!$G$19=$B$17,14,0)+IF('Standard Profiles'!$G$19=$B$24,21,0),0)),0)</f>
        <v>0</v>
      </c>
      <c r="F6783" cm="1">
        <f t="array" ref="F6783">IFERROR(INDEX(Jesper!AJ$2:AJ$366,ROUNDDOWN($C6783/24,0)+1,1)*INDEX($D$3:$AA$30,INDEX(Jesper!$R$2:$R$366,ROW(INDEX(Jesper!AJ$2:AJ$366,ROUNDDOWN($C6783/24,0)+1,1))-1)+IF('Standard Profiles'!$G$20=$B$10,7,0)+IF('Standard Profiles'!$G$20=$B$17,14,0)+IF('Standard Profiles'!$G$20=$B$24,21,0),MOD($C6783,24)+1)/SUM(INDEX($D$3:$AA$30,INDEX(Jesper!$R$2:$R$366,ROW(INDEX(Jesper!AJ$2:AJ$366,ROUNDDOWN($C6783/24,0)+1,1))-1)+IF('Standard Profiles'!$G$20=$B$10,7,0)+IF('Standard Profiles'!$G$20=$B$17,14,0)+IF('Standard Profiles'!$G$20=$B$24,21,0),0)),0)</f>
        <v>0</v>
      </c>
      <c r="G6783" cm="1">
        <f t="array" ref="G6783">IFERROR(INDEX(Jesper!AK$2:AK$366,ROUNDDOWN($C6783/24,0)+1,1)*INDEX($D$3:$AA$30,INDEX(Jesper!$R$2:$R$366,ROW(INDEX(Jesper!AK$2:AK$366,ROUNDDOWN($C6783/24,0)+1,1))-1)+IF('Standard Profiles'!$G$21=$B$10,7,0)+IF('Standard Profiles'!$G$21=$B$17,14,0)+IF('Standard Profiles'!$G$21=$B$24,21,0),MOD($C6783,24)+1)/SUM(INDEX($D$3:$AA$30,INDEX(Jesper!$R$2:$R$366,ROW(INDEX(Jesper!AK$2:AK$366,ROUNDDOWN($C6783/24,0)+1,1))-1)+IF('Standard Profiles'!$G$21=$B$10,7,0)+IF('Standard Profiles'!$G$21=$B$17,14,0)+IF('Standard Profiles'!$G$21=$B$24,21,0),0)),0)</f>
        <v>0</v>
      </c>
      <c r="H6783" cm="1">
        <f t="array" ref="H6783">IFERROR(INDEX(Jesper!AL$2:AL$366,ROUNDDOWN($C6783/24,0)+1,1)*INDEX($D$3:$AA$30,INDEX(Jesper!$R$2:$R$366,ROW(INDEX(Jesper!AL$2:AL$366,ROUNDDOWN($C6783/24,0)+1,1))-1)+IF('Standard Profiles'!$G$22=$B$10,7,0)+IF('Standard Profiles'!$G$22=$B$17,14,0)+IF('Standard Profiles'!$G$22=$B$24,21,0),MOD($C6783,24)+1)/SUM(INDEX($D$3:$AA$30,INDEX(Jesper!$R$2:$R$366,ROW(INDEX(Jesper!AL$2:AL$366,ROUNDDOWN($C6783/24,0)+1,1))-1)+IF('Standard Profiles'!$G$22=$B$10,7,0)+IF('Standard Profiles'!$G$22=$B$17,14,0)+IF('Standard Profiles'!$G$22=$B$24,21,0),0)),0)</f>
        <v>0</v>
      </c>
      <c r="I6783">
        <f t="shared" si="755"/>
        <v>0.28733667743830671</v>
      </c>
      <c r="J6783">
        <f t="shared" si="756"/>
        <v>0.95778892479435584</v>
      </c>
      <c r="K6783">
        <f t="shared" si="757"/>
        <v>1.4366833871915337</v>
      </c>
      <c r="L6783">
        <f t="shared" si="758"/>
        <v>6.8960802585193619</v>
      </c>
      <c r="M6783">
        <f t="shared" si="759"/>
        <v>0</v>
      </c>
      <c r="N6783" s="46">
        <f t="shared" si="760"/>
        <v>45573.208333316965</v>
      </c>
    </row>
    <row r="6784" spans="2:14" x14ac:dyDescent="0.3">
      <c r="B6784">
        <f t="shared" si="754"/>
        <v>2</v>
      </c>
      <c r="C6784" s="16">
        <v>6750</v>
      </c>
      <c r="D6784" cm="1">
        <f t="array" ref="D6784">IFERROR(INDEX(Jesper!AH$2:AH$366,ROUNDDOWN($C6784/24,0)+1,1)*INDEX($D$3:$AA$30,INDEX(Jesper!$R$2:$R$366,ROW(INDEX(Jesper!AH$2:AH$366,ROUNDDOWN($C6784/24,0)+1,1))-1)+IF('Standard Profiles'!$G$18=$B$10,7,0)+IF('Standard Profiles'!$G$18=$B$17,14,0)+IF('Standard Profiles'!$G$18=$B$24,21,0),MOD($C6784,24)+1)/SUM(INDEX($D$3:$AA$30,INDEX(Jesper!$R$2:$R$366,ROW(INDEX(Jesper!AH$2:AH$366,ROUNDDOWN($C6784/24,0)+1,1))-1)+IF('Standard Profiles'!$G$18=$B$10,7,0)+IF('Standard Profiles'!$G$18=$B$17,14,0)+IF('Standard Profiles'!$G$18=$B$24,21,0),0)),0)</f>
        <v>10.683030315013967</v>
      </c>
      <c r="E6784" cm="1">
        <f t="array" ref="E6784">IFERROR(INDEX(Jesper!AI$2:AI$366,ROUNDDOWN($C6784/24,0)+1,1)*INDEX($D$3:$AA$30,INDEX(Jesper!$R$2:$R$366,ROW(INDEX(Jesper!AI$2:AI$366,ROUNDDOWN($C6784/24,0)+1,1))-1)+IF('Standard Profiles'!$G$19=$B$10,7,0)+IF('Standard Profiles'!$G$19=$B$17,14,0)+IF('Standard Profiles'!$G$19=$B$24,21,0),MOD($C6784,24)+1)/SUM(INDEX($D$3:$AA$30,INDEX(Jesper!$R$2:$R$366,ROW(INDEX(Jesper!AI$2:AI$366,ROUNDDOWN($C6784/24,0)+1,1))-1)+IF('Standard Profiles'!$G$19=$B$10,7,0)+IF('Standard Profiles'!$G$19=$B$17,14,0)+IF('Standard Profiles'!$G$19=$B$24,21,0),0)),0)</f>
        <v>0</v>
      </c>
      <c r="F6784" cm="1">
        <f t="array" ref="F6784">IFERROR(INDEX(Jesper!AJ$2:AJ$366,ROUNDDOWN($C6784/24,0)+1,1)*INDEX($D$3:$AA$30,INDEX(Jesper!$R$2:$R$366,ROW(INDEX(Jesper!AJ$2:AJ$366,ROUNDDOWN($C6784/24,0)+1,1))-1)+IF('Standard Profiles'!$G$20=$B$10,7,0)+IF('Standard Profiles'!$G$20=$B$17,14,0)+IF('Standard Profiles'!$G$20=$B$24,21,0),MOD($C6784,24)+1)/SUM(INDEX($D$3:$AA$30,INDEX(Jesper!$R$2:$R$366,ROW(INDEX(Jesper!AJ$2:AJ$366,ROUNDDOWN($C6784/24,0)+1,1))-1)+IF('Standard Profiles'!$G$20=$B$10,7,0)+IF('Standard Profiles'!$G$20=$B$17,14,0)+IF('Standard Profiles'!$G$20=$B$24,21,0),0)),0)</f>
        <v>0</v>
      </c>
      <c r="G6784" cm="1">
        <f t="array" ref="G6784">IFERROR(INDEX(Jesper!AK$2:AK$366,ROUNDDOWN($C6784/24,0)+1,1)*INDEX($D$3:$AA$30,INDEX(Jesper!$R$2:$R$366,ROW(INDEX(Jesper!AK$2:AK$366,ROUNDDOWN($C6784/24,0)+1,1))-1)+IF('Standard Profiles'!$G$21=$B$10,7,0)+IF('Standard Profiles'!$G$21=$B$17,14,0)+IF('Standard Profiles'!$G$21=$B$24,21,0),MOD($C6784,24)+1)/SUM(INDEX($D$3:$AA$30,INDEX(Jesper!$R$2:$R$366,ROW(INDEX(Jesper!AK$2:AK$366,ROUNDDOWN($C6784/24,0)+1,1))-1)+IF('Standard Profiles'!$G$21=$B$10,7,0)+IF('Standard Profiles'!$G$21=$B$17,14,0)+IF('Standard Profiles'!$G$21=$B$24,21,0),0)),0)</f>
        <v>0</v>
      </c>
      <c r="H6784" cm="1">
        <f t="array" ref="H6784">IFERROR(INDEX(Jesper!AL$2:AL$366,ROUNDDOWN($C6784/24,0)+1,1)*INDEX($D$3:$AA$30,INDEX(Jesper!$R$2:$R$366,ROW(INDEX(Jesper!AL$2:AL$366,ROUNDDOWN($C6784/24,0)+1,1))-1)+IF('Standard Profiles'!$G$22=$B$10,7,0)+IF('Standard Profiles'!$G$22=$B$17,14,0)+IF('Standard Profiles'!$G$22=$B$24,21,0),MOD($C6784,24)+1)/SUM(INDEX($D$3:$AA$30,INDEX(Jesper!$R$2:$R$366,ROW(INDEX(Jesper!AL$2:AL$366,ROUNDDOWN($C6784/24,0)+1,1))-1)+IF('Standard Profiles'!$G$22=$B$10,7,0)+IF('Standard Profiles'!$G$22=$B$17,14,0)+IF('Standard Profiles'!$G$22=$B$24,21,0),0)),0)</f>
        <v>0</v>
      </c>
      <c r="I6784">
        <f t="shared" si="755"/>
        <v>0.32049090945041903</v>
      </c>
      <c r="J6784">
        <f t="shared" si="756"/>
        <v>1.0683030315013968</v>
      </c>
      <c r="K6784">
        <f t="shared" si="757"/>
        <v>1.602454547252095</v>
      </c>
      <c r="L6784">
        <f t="shared" si="758"/>
        <v>7.6917818268100566</v>
      </c>
      <c r="M6784">
        <f t="shared" si="759"/>
        <v>0</v>
      </c>
      <c r="N6784" s="46">
        <f t="shared" si="760"/>
        <v>45573.249999983629</v>
      </c>
    </row>
    <row r="6785" spans="2:14" x14ac:dyDescent="0.3">
      <c r="B6785">
        <f t="shared" si="754"/>
        <v>2</v>
      </c>
      <c r="C6785" s="16">
        <v>6751</v>
      </c>
      <c r="D6785" cm="1">
        <f t="array" ref="D6785">IFERROR(INDEX(Jesper!AH$2:AH$366,ROUNDDOWN($C6785/24,0)+1,1)*INDEX($D$3:$AA$30,INDEX(Jesper!$R$2:$R$366,ROW(INDEX(Jesper!AH$2:AH$366,ROUNDDOWN($C6785/24,0)+1,1))-1)+IF('Standard Profiles'!$G$18=$B$10,7,0)+IF('Standard Profiles'!$G$18=$B$17,14,0)+IF('Standard Profiles'!$G$18=$B$24,21,0),MOD($C6785,24)+1)/SUM(INDEX($D$3:$AA$30,INDEX(Jesper!$R$2:$R$366,ROW(INDEX(Jesper!AH$2:AH$366,ROUNDDOWN($C6785/24,0)+1,1))-1)+IF('Standard Profiles'!$G$18=$B$10,7,0)+IF('Standard Profiles'!$G$18=$B$17,14,0)+IF('Standard Profiles'!$G$18=$B$24,21,0),0)),0)</f>
        <v>11.051410670704106</v>
      </c>
      <c r="E6785" cm="1">
        <f t="array" ref="E6785">IFERROR(INDEX(Jesper!AI$2:AI$366,ROUNDDOWN($C6785/24,0)+1,1)*INDEX($D$3:$AA$30,INDEX(Jesper!$R$2:$R$366,ROW(INDEX(Jesper!AI$2:AI$366,ROUNDDOWN($C6785/24,0)+1,1))-1)+IF('Standard Profiles'!$G$19=$B$10,7,0)+IF('Standard Profiles'!$G$19=$B$17,14,0)+IF('Standard Profiles'!$G$19=$B$24,21,0),MOD($C6785,24)+1)/SUM(INDEX($D$3:$AA$30,INDEX(Jesper!$R$2:$R$366,ROW(INDEX(Jesper!AI$2:AI$366,ROUNDDOWN($C6785/24,0)+1,1))-1)+IF('Standard Profiles'!$G$19=$B$10,7,0)+IF('Standard Profiles'!$G$19=$B$17,14,0)+IF('Standard Profiles'!$G$19=$B$24,21,0),0)),0)</f>
        <v>0</v>
      </c>
      <c r="F6785" cm="1">
        <f t="array" ref="F6785">IFERROR(INDEX(Jesper!AJ$2:AJ$366,ROUNDDOWN($C6785/24,0)+1,1)*INDEX($D$3:$AA$30,INDEX(Jesper!$R$2:$R$366,ROW(INDEX(Jesper!AJ$2:AJ$366,ROUNDDOWN($C6785/24,0)+1,1))-1)+IF('Standard Profiles'!$G$20=$B$10,7,0)+IF('Standard Profiles'!$G$20=$B$17,14,0)+IF('Standard Profiles'!$G$20=$B$24,21,0),MOD($C6785,24)+1)/SUM(INDEX($D$3:$AA$30,INDEX(Jesper!$R$2:$R$366,ROW(INDEX(Jesper!AJ$2:AJ$366,ROUNDDOWN($C6785/24,0)+1,1))-1)+IF('Standard Profiles'!$G$20=$B$10,7,0)+IF('Standard Profiles'!$G$20=$B$17,14,0)+IF('Standard Profiles'!$G$20=$B$24,21,0),0)),0)</f>
        <v>0</v>
      </c>
      <c r="G6785" cm="1">
        <f t="array" ref="G6785">IFERROR(INDEX(Jesper!AK$2:AK$366,ROUNDDOWN($C6785/24,0)+1,1)*INDEX($D$3:$AA$30,INDEX(Jesper!$R$2:$R$366,ROW(INDEX(Jesper!AK$2:AK$366,ROUNDDOWN($C6785/24,0)+1,1))-1)+IF('Standard Profiles'!$G$21=$B$10,7,0)+IF('Standard Profiles'!$G$21=$B$17,14,0)+IF('Standard Profiles'!$G$21=$B$24,21,0),MOD($C6785,24)+1)/SUM(INDEX($D$3:$AA$30,INDEX(Jesper!$R$2:$R$366,ROW(INDEX(Jesper!AK$2:AK$366,ROUNDDOWN($C6785/24,0)+1,1))-1)+IF('Standard Profiles'!$G$21=$B$10,7,0)+IF('Standard Profiles'!$G$21=$B$17,14,0)+IF('Standard Profiles'!$G$21=$B$24,21,0),0)),0)</f>
        <v>0</v>
      </c>
      <c r="H6785" cm="1">
        <f t="array" ref="H6785">IFERROR(INDEX(Jesper!AL$2:AL$366,ROUNDDOWN($C6785/24,0)+1,1)*INDEX($D$3:$AA$30,INDEX(Jesper!$R$2:$R$366,ROW(INDEX(Jesper!AL$2:AL$366,ROUNDDOWN($C6785/24,0)+1,1))-1)+IF('Standard Profiles'!$G$22=$B$10,7,0)+IF('Standard Profiles'!$G$22=$B$17,14,0)+IF('Standard Profiles'!$G$22=$B$24,21,0),MOD($C6785,24)+1)/SUM(INDEX($D$3:$AA$30,INDEX(Jesper!$R$2:$R$366,ROW(INDEX(Jesper!AL$2:AL$366,ROUNDDOWN($C6785/24,0)+1,1))-1)+IF('Standard Profiles'!$G$22=$B$10,7,0)+IF('Standard Profiles'!$G$22=$B$17,14,0)+IF('Standard Profiles'!$G$22=$B$24,21,0),0)),0)</f>
        <v>0</v>
      </c>
      <c r="I6785">
        <f t="shared" si="755"/>
        <v>0.33154232012112317</v>
      </c>
      <c r="J6785">
        <f t="shared" si="756"/>
        <v>1.1051410670704107</v>
      </c>
      <c r="K6785">
        <f t="shared" si="757"/>
        <v>1.6577116006056158</v>
      </c>
      <c r="L6785">
        <f t="shared" si="758"/>
        <v>7.957015682906956</v>
      </c>
      <c r="M6785">
        <f t="shared" si="759"/>
        <v>0</v>
      </c>
      <c r="N6785" s="46">
        <f t="shared" si="760"/>
        <v>45573.291666650293</v>
      </c>
    </row>
    <row r="6786" spans="2:14" x14ac:dyDescent="0.3">
      <c r="B6786">
        <f t="shared" si="754"/>
        <v>2</v>
      </c>
      <c r="C6786" s="16">
        <v>6752</v>
      </c>
      <c r="D6786" cm="1">
        <f t="array" ref="D6786">IFERROR(INDEX(Jesper!AH$2:AH$366,ROUNDDOWN($C6786/24,0)+1,1)*INDEX($D$3:$AA$30,INDEX(Jesper!$R$2:$R$366,ROW(INDEX(Jesper!AH$2:AH$366,ROUNDDOWN($C6786/24,0)+1,1))-1)+IF('Standard Profiles'!$G$18=$B$10,7,0)+IF('Standard Profiles'!$G$18=$B$17,14,0)+IF('Standard Profiles'!$G$18=$B$24,21,0),MOD($C6786,24)+1)/SUM(INDEX($D$3:$AA$30,INDEX(Jesper!$R$2:$R$366,ROW(INDEX(Jesper!AH$2:AH$366,ROUNDDOWN($C6786/24,0)+1,1))-1)+IF('Standard Profiles'!$G$18=$B$10,7,0)+IF('Standard Profiles'!$G$18=$B$17,14,0)+IF('Standard Profiles'!$G$18=$B$24,21,0),0)),0)</f>
        <v>11.051410670704106</v>
      </c>
      <c r="E6786" cm="1">
        <f t="array" ref="E6786">IFERROR(INDEX(Jesper!AI$2:AI$366,ROUNDDOWN($C6786/24,0)+1,1)*INDEX($D$3:$AA$30,INDEX(Jesper!$R$2:$R$366,ROW(INDEX(Jesper!AI$2:AI$366,ROUNDDOWN($C6786/24,0)+1,1))-1)+IF('Standard Profiles'!$G$19=$B$10,7,0)+IF('Standard Profiles'!$G$19=$B$17,14,0)+IF('Standard Profiles'!$G$19=$B$24,21,0),MOD($C6786,24)+1)/SUM(INDEX($D$3:$AA$30,INDEX(Jesper!$R$2:$R$366,ROW(INDEX(Jesper!AI$2:AI$366,ROUNDDOWN($C6786/24,0)+1,1))-1)+IF('Standard Profiles'!$G$19=$B$10,7,0)+IF('Standard Profiles'!$G$19=$B$17,14,0)+IF('Standard Profiles'!$G$19=$B$24,21,0),0)),0)</f>
        <v>0</v>
      </c>
      <c r="F6786" cm="1">
        <f t="array" ref="F6786">IFERROR(INDEX(Jesper!AJ$2:AJ$366,ROUNDDOWN($C6786/24,0)+1,1)*INDEX($D$3:$AA$30,INDEX(Jesper!$R$2:$R$366,ROW(INDEX(Jesper!AJ$2:AJ$366,ROUNDDOWN($C6786/24,0)+1,1))-1)+IF('Standard Profiles'!$G$20=$B$10,7,0)+IF('Standard Profiles'!$G$20=$B$17,14,0)+IF('Standard Profiles'!$G$20=$B$24,21,0),MOD($C6786,24)+1)/SUM(INDEX($D$3:$AA$30,INDEX(Jesper!$R$2:$R$366,ROW(INDEX(Jesper!AJ$2:AJ$366,ROUNDDOWN($C6786/24,0)+1,1))-1)+IF('Standard Profiles'!$G$20=$B$10,7,0)+IF('Standard Profiles'!$G$20=$B$17,14,0)+IF('Standard Profiles'!$G$20=$B$24,21,0),0)),0)</f>
        <v>0</v>
      </c>
      <c r="G6786" cm="1">
        <f t="array" ref="G6786">IFERROR(INDEX(Jesper!AK$2:AK$366,ROUNDDOWN($C6786/24,0)+1,1)*INDEX($D$3:$AA$30,INDEX(Jesper!$R$2:$R$366,ROW(INDEX(Jesper!AK$2:AK$366,ROUNDDOWN($C6786/24,0)+1,1))-1)+IF('Standard Profiles'!$G$21=$B$10,7,0)+IF('Standard Profiles'!$G$21=$B$17,14,0)+IF('Standard Profiles'!$G$21=$B$24,21,0),MOD($C6786,24)+1)/SUM(INDEX($D$3:$AA$30,INDEX(Jesper!$R$2:$R$366,ROW(INDEX(Jesper!AK$2:AK$366,ROUNDDOWN($C6786/24,0)+1,1))-1)+IF('Standard Profiles'!$G$21=$B$10,7,0)+IF('Standard Profiles'!$G$21=$B$17,14,0)+IF('Standard Profiles'!$G$21=$B$24,21,0),0)),0)</f>
        <v>0</v>
      </c>
      <c r="H6786" cm="1">
        <f t="array" ref="H6786">IFERROR(INDEX(Jesper!AL$2:AL$366,ROUNDDOWN($C6786/24,0)+1,1)*INDEX($D$3:$AA$30,INDEX(Jesper!$R$2:$R$366,ROW(INDEX(Jesper!AL$2:AL$366,ROUNDDOWN($C6786/24,0)+1,1))-1)+IF('Standard Profiles'!$G$22=$B$10,7,0)+IF('Standard Profiles'!$G$22=$B$17,14,0)+IF('Standard Profiles'!$G$22=$B$24,21,0),MOD($C6786,24)+1)/SUM(INDEX($D$3:$AA$30,INDEX(Jesper!$R$2:$R$366,ROW(INDEX(Jesper!AL$2:AL$366,ROUNDDOWN($C6786/24,0)+1,1))-1)+IF('Standard Profiles'!$G$22=$B$10,7,0)+IF('Standard Profiles'!$G$22=$B$17,14,0)+IF('Standard Profiles'!$G$22=$B$24,21,0),0)),0)</f>
        <v>0</v>
      </c>
      <c r="I6786">
        <f t="shared" si="755"/>
        <v>0.33154232012112317</v>
      </c>
      <c r="J6786">
        <f t="shared" si="756"/>
        <v>1.1051410670704107</v>
      </c>
      <c r="K6786">
        <f t="shared" si="757"/>
        <v>1.6577116006056158</v>
      </c>
      <c r="L6786">
        <f t="shared" si="758"/>
        <v>7.957015682906956</v>
      </c>
      <c r="M6786">
        <f t="shared" si="759"/>
        <v>0</v>
      </c>
      <c r="N6786" s="46">
        <f t="shared" si="760"/>
        <v>45573.333333316958</v>
      </c>
    </row>
    <row r="6787" spans="2:14" x14ac:dyDescent="0.3">
      <c r="B6787">
        <f t="shared" si="754"/>
        <v>2</v>
      </c>
      <c r="C6787" s="16">
        <v>6753</v>
      </c>
      <c r="D6787" cm="1">
        <f t="array" ref="D6787">IFERROR(INDEX(Jesper!AH$2:AH$366,ROUNDDOWN($C6787/24,0)+1,1)*INDEX($D$3:$AA$30,INDEX(Jesper!$R$2:$R$366,ROW(INDEX(Jesper!AH$2:AH$366,ROUNDDOWN($C6787/24,0)+1,1))-1)+IF('Standard Profiles'!$G$18=$B$10,7,0)+IF('Standard Profiles'!$G$18=$B$17,14,0)+IF('Standard Profiles'!$G$18=$B$24,21,0),MOD($C6787,24)+1)/SUM(INDEX($D$3:$AA$30,INDEX(Jesper!$R$2:$R$366,ROW(INDEX(Jesper!AH$2:AH$366,ROUNDDOWN($C6787/24,0)+1,1))-1)+IF('Standard Profiles'!$G$18=$B$10,7,0)+IF('Standard Profiles'!$G$18=$B$17,14,0)+IF('Standard Profiles'!$G$18=$B$24,21,0),0)),0)</f>
        <v>11.972361559929446</v>
      </c>
      <c r="E6787" cm="1">
        <f t="array" ref="E6787">IFERROR(INDEX(Jesper!AI$2:AI$366,ROUNDDOWN($C6787/24,0)+1,1)*INDEX($D$3:$AA$30,INDEX(Jesper!$R$2:$R$366,ROW(INDEX(Jesper!AI$2:AI$366,ROUNDDOWN($C6787/24,0)+1,1))-1)+IF('Standard Profiles'!$G$19=$B$10,7,0)+IF('Standard Profiles'!$G$19=$B$17,14,0)+IF('Standard Profiles'!$G$19=$B$24,21,0),MOD($C6787,24)+1)/SUM(INDEX($D$3:$AA$30,INDEX(Jesper!$R$2:$R$366,ROW(INDEX(Jesper!AI$2:AI$366,ROUNDDOWN($C6787/24,0)+1,1))-1)+IF('Standard Profiles'!$G$19=$B$10,7,0)+IF('Standard Profiles'!$G$19=$B$17,14,0)+IF('Standard Profiles'!$G$19=$B$24,21,0),0)),0)</f>
        <v>0</v>
      </c>
      <c r="F6787" cm="1">
        <f t="array" ref="F6787">IFERROR(INDEX(Jesper!AJ$2:AJ$366,ROUNDDOWN($C6787/24,0)+1,1)*INDEX($D$3:$AA$30,INDEX(Jesper!$R$2:$R$366,ROW(INDEX(Jesper!AJ$2:AJ$366,ROUNDDOWN($C6787/24,0)+1,1))-1)+IF('Standard Profiles'!$G$20=$B$10,7,0)+IF('Standard Profiles'!$G$20=$B$17,14,0)+IF('Standard Profiles'!$G$20=$B$24,21,0),MOD($C6787,24)+1)/SUM(INDEX($D$3:$AA$30,INDEX(Jesper!$R$2:$R$366,ROW(INDEX(Jesper!AJ$2:AJ$366,ROUNDDOWN($C6787/24,0)+1,1))-1)+IF('Standard Profiles'!$G$20=$B$10,7,0)+IF('Standard Profiles'!$G$20=$B$17,14,0)+IF('Standard Profiles'!$G$20=$B$24,21,0),0)),0)</f>
        <v>0</v>
      </c>
      <c r="G6787" cm="1">
        <f t="array" ref="G6787">IFERROR(INDEX(Jesper!AK$2:AK$366,ROUNDDOWN($C6787/24,0)+1,1)*INDEX($D$3:$AA$30,INDEX(Jesper!$R$2:$R$366,ROW(INDEX(Jesper!AK$2:AK$366,ROUNDDOWN($C6787/24,0)+1,1))-1)+IF('Standard Profiles'!$G$21=$B$10,7,0)+IF('Standard Profiles'!$G$21=$B$17,14,0)+IF('Standard Profiles'!$G$21=$B$24,21,0),MOD($C6787,24)+1)/SUM(INDEX($D$3:$AA$30,INDEX(Jesper!$R$2:$R$366,ROW(INDEX(Jesper!AK$2:AK$366,ROUNDDOWN($C6787/24,0)+1,1))-1)+IF('Standard Profiles'!$G$21=$B$10,7,0)+IF('Standard Profiles'!$G$21=$B$17,14,0)+IF('Standard Profiles'!$G$21=$B$24,21,0),0)),0)</f>
        <v>0</v>
      </c>
      <c r="H6787" cm="1">
        <f t="array" ref="H6787">IFERROR(INDEX(Jesper!AL$2:AL$366,ROUNDDOWN($C6787/24,0)+1,1)*INDEX($D$3:$AA$30,INDEX(Jesper!$R$2:$R$366,ROW(INDEX(Jesper!AL$2:AL$366,ROUNDDOWN($C6787/24,0)+1,1))-1)+IF('Standard Profiles'!$G$22=$B$10,7,0)+IF('Standard Profiles'!$G$22=$B$17,14,0)+IF('Standard Profiles'!$G$22=$B$24,21,0),MOD($C6787,24)+1)/SUM(INDEX($D$3:$AA$30,INDEX(Jesper!$R$2:$R$366,ROW(INDEX(Jesper!AL$2:AL$366,ROUNDDOWN($C6787/24,0)+1,1))-1)+IF('Standard Profiles'!$G$22=$B$10,7,0)+IF('Standard Profiles'!$G$22=$B$17,14,0)+IF('Standard Profiles'!$G$22=$B$24,21,0),0)),0)</f>
        <v>0</v>
      </c>
      <c r="I6787">
        <f t="shared" si="755"/>
        <v>0.35917084679788336</v>
      </c>
      <c r="J6787">
        <f t="shared" si="756"/>
        <v>1.1972361559929448</v>
      </c>
      <c r="K6787">
        <f t="shared" si="757"/>
        <v>1.7958542339894168</v>
      </c>
      <c r="L6787">
        <f t="shared" si="758"/>
        <v>8.6201003231492006</v>
      </c>
      <c r="M6787">
        <f t="shared" si="759"/>
        <v>0</v>
      </c>
      <c r="N6787" s="46">
        <f t="shared" si="760"/>
        <v>45573.374999983622</v>
      </c>
    </row>
    <row r="6788" spans="2:14" x14ac:dyDescent="0.3">
      <c r="B6788">
        <f t="shared" si="754"/>
        <v>2</v>
      </c>
      <c r="C6788" s="16">
        <v>6754</v>
      </c>
      <c r="D6788" cm="1">
        <f t="array" ref="D6788">IFERROR(INDEX(Jesper!AH$2:AH$366,ROUNDDOWN($C6788/24,0)+1,1)*INDEX($D$3:$AA$30,INDEX(Jesper!$R$2:$R$366,ROW(INDEX(Jesper!AH$2:AH$366,ROUNDDOWN($C6788/24,0)+1,1))-1)+IF('Standard Profiles'!$G$18=$B$10,7,0)+IF('Standard Profiles'!$G$18=$B$17,14,0)+IF('Standard Profiles'!$G$18=$B$24,21,0),MOD($C6788,24)+1)/SUM(INDEX($D$3:$AA$30,INDEX(Jesper!$R$2:$R$366,ROW(INDEX(Jesper!AH$2:AH$366,ROUNDDOWN($C6788/24,0)+1,1))-1)+IF('Standard Profiles'!$G$18=$B$10,7,0)+IF('Standard Profiles'!$G$18=$B$17,14,0)+IF('Standard Profiles'!$G$18=$B$24,21,0),0)),0)</f>
        <v>12.524932093464653</v>
      </c>
      <c r="E6788" cm="1">
        <f t="array" ref="E6788">IFERROR(INDEX(Jesper!AI$2:AI$366,ROUNDDOWN($C6788/24,0)+1,1)*INDEX($D$3:$AA$30,INDEX(Jesper!$R$2:$R$366,ROW(INDEX(Jesper!AI$2:AI$366,ROUNDDOWN($C6788/24,0)+1,1))-1)+IF('Standard Profiles'!$G$19=$B$10,7,0)+IF('Standard Profiles'!$G$19=$B$17,14,0)+IF('Standard Profiles'!$G$19=$B$24,21,0),MOD($C6788,24)+1)/SUM(INDEX($D$3:$AA$30,INDEX(Jesper!$R$2:$R$366,ROW(INDEX(Jesper!AI$2:AI$366,ROUNDDOWN($C6788/24,0)+1,1))-1)+IF('Standard Profiles'!$G$19=$B$10,7,0)+IF('Standard Profiles'!$G$19=$B$17,14,0)+IF('Standard Profiles'!$G$19=$B$24,21,0),0)),0)</f>
        <v>0</v>
      </c>
      <c r="F6788" cm="1">
        <f t="array" ref="F6788">IFERROR(INDEX(Jesper!AJ$2:AJ$366,ROUNDDOWN($C6788/24,0)+1,1)*INDEX($D$3:$AA$30,INDEX(Jesper!$R$2:$R$366,ROW(INDEX(Jesper!AJ$2:AJ$366,ROUNDDOWN($C6788/24,0)+1,1))-1)+IF('Standard Profiles'!$G$20=$B$10,7,0)+IF('Standard Profiles'!$G$20=$B$17,14,0)+IF('Standard Profiles'!$G$20=$B$24,21,0),MOD($C6788,24)+1)/SUM(INDEX($D$3:$AA$30,INDEX(Jesper!$R$2:$R$366,ROW(INDEX(Jesper!AJ$2:AJ$366,ROUNDDOWN($C6788/24,0)+1,1))-1)+IF('Standard Profiles'!$G$20=$B$10,7,0)+IF('Standard Profiles'!$G$20=$B$17,14,0)+IF('Standard Profiles'!$G$20=$B$24,21,0),0)),0)</f>
        <v>0</v>
      </c>
      <c r="G6788" cm="1">
        <f t="array" ref="G6788">IFERROR(INDEX(Jesper!AK$2:AK$366,ROUNDDOWN($C6788/24,0)+1,1)*INDEX($D$3:$AA$30,INDEX(Jesper!$R$2:$R$366,ROW(INDEX(Jesper!AK$2:AK$366,ROUNDDOWN($C6788/24,0)+1,1))-1)+IF('Standard Profiles'!$G$21=$B$10,7,0)+IF('Standard Profiles'!$G$21=$B$17,14,0)+IF('Standard Profiles'!$G$21=$B$24,21,0),MOD($C6788,24)+1)/SUM(INDEX($D$3:$AA$30,INDEX(Jesper!$R$2:$R$366,ROW(INDEX(Jesper!AK$2:AK$366,ROUNDDOWN($C6788/24,0)+1,1))-1)+IF('Standard Profiles'!$G$21=$B$10,7,0)+IF('Standard Profiles'!$G$21=$B$17,14,0)+IF('Standard Profiles'!$G$21=$B$24,21,0),0)),0)</f>
        <v>0</v>
      </c>
      <c r="H6788" cm="1">
        <f t="array" ref="H6788">IFERROR(INDEX(Jesper!AL$2:AL$366,ROUNDDOWN($C6788/24,0)+1,1)*INDEX($D$3:$AA$30,INDEX(Jesper!$R$2:$R$366,ROW(INDEX(Jesper!AL$2:AL$366,ROUNDDOWN($C6788/24,0)+1,1))-1)+IF('Standard Profiles'!$G$22=$B$10,7,0)+IF('Standard Profiles'!$G$22=$B$17,14,0)+IF('Standard Profiles'!$G$22=$B$24,21,0),MOD($C6788,24)+1)/SUM(INDEX($D$3:$AA$30,INDEX(Jesper!$R$2:$R$366,ROW(INDEX(Jesper!AL$2:AL$366,ROUNDDOWN($C6788/24,0)+1,1))-1)+IF('Standard Profiles'!$G$22=$B$10,7,0)+IF('Standard Profiles'!$G$22=$B$17,14,0)+IF('Standard Profiles'!$G$22=$B$24,21,0),0)),0)</f>
        <v>0</v>
      </c>
      <c r="I6788">
        <f t="shared" si="755"/>
        <v>0.37574796280393957</v>
      </c>
      <c r="J6788">
        <f t="shared" si="756"/>
        <v>1.2524932093464654</v>
      </c>
      <c r="K6788">
        <f t="shared" si="757"/>
        <v>1.8787398140196978</v>
      </c>
      <c r="L6788">
        <f t="shared" si="758"/>
        <v>9.0179511072945502</v>
      </c>
      <c r="M6788">
        <f t="shared" si="759"/>
        <v>0</v>
      </c>
      <c r="N6788" s="46">
        <f t="shared" si="760"/>
        <v>45573.416666650286</v>
      </c>
    </row>
    <row r="6789" spans="2:14" x14ac:dyDescent="0.3">
      <c r="B6789">
        <f t="shared" si="754"/>
        <v>2</v>
      </c>
      <c r="C6789" s="16">
        <v>6755</v>
      </c>
      <c r="D6789" cm="1">
        <f t="array" ref="D6789">IFERROR(INDEX(Jesper!AH$2:AH$366,ROUNDDOWN($C6789/24,0)+1,1)*INDEX($D$3:$AA$30,INDEX(Jesper!$R$2:$R$366,ROW(INDEX(Jesper!AH$2:AH$366,ROUNDDOWN($C6789/24,0)+1,1))-1)+IF('Standard Profiles'!$G$18=$B$10,7,0)+IF('Standard Profiles'!$G$18=$B$17,14,0)+IF('Standard Profiles'!$G$18=$B$24,21,0),MOD($C6789,24)+1)/SUM(INDEX($D$3:$AA$30,INDEX(Jesper!$R$2:$R$366,ROW(INDEX(Jesper!AH$2:AH$366,ROUNDDOWN($C6789/24,0)+1,1))-1)+IF('Standard Profiles'!$G$18=$B$10,7,0)+IF('Standard Profiles'!$G$18=$B$17,14,0)+IF('Standard Profiles'!$G$18=$B$24,21,0),0)),0)</f>
        <v>14.735214227605475</v>
      </c>
      <c r="E6789" cm="1">
        <f t="array" ref="E6789">IFERROR(INDEX(Jesper!AI$2:AI$366,ROUNDDOWN($C6789/24,0)+1,1)*INDEX($D$3:$AA$30,INDEX(Jesper!$R$2:$R$366,ROW(INDEX(Jesper!AI$2:AI$366,ROUNDDOWN($C6789/24,0)+1,1))-1)+IF('Standard Profiles'!$G$19=$B$10,7,0)+IF('Standard Profiles'!$G$19=$B$17,14,0)+IF('Standard Profiles'!$G$19=$B$24,21,0),MOD($C6789,24)+1)/SUM(INDEX($D$3:$AA$30,INDEX(Jesper!$R$2:$R$366,ROW(INDEX(Jesper!AI$2:AI$366,ROUNDDOWN($C6789/24,0)+1,1))-1)+IF('Standard Profiles'!$G$19=$B$10,7,0)+IF('Standard Profiles'!$G$19=$B$17,14,0)+IF('Standard Profiles'!$G$19=$B$24,21,0),0)),0)</f>
        <v>0</v>
      </c>
      <c r="F6789" cm="1">
        <f t="array" ref="F6789">IFERROR(INDEX(Jesper!AJ$2:AJ$366,ROUNDDOWN($C6789/24,0)+1,1)*INDEX($D$3:$AA$30,INDEX(Jesper!$R$2:$R$366,ROW(INDEX(Jesper!AJ$2:AJ$366,ROUNDDOWN($C6789/24,0)+1,1))-1)+IF('Standard Profiles'!$G$20=$B$10,7,0)+IF('Standard Profiles'!$G$20=$B$17,14,0)+IF('Standard Profiles'!$G$20=$B$24,21,0),MOD($C6789,24)+1)/SUM(INDEX($D$3:$AA$30,INDEX(Jesper!$R$2:$R$366,ROW(INDEX(Jesper!AJ$2:AJ$366,ROUNDDOWN($C6789/24,0)+1,1))-1)+IF('Standard Profiles'!$G$20=$B$10,7,0)+IF('Standard Profiles'!$G$20=$B$17,14,0)+IF('Standard Profiles'!$G$20=$B$24,21,0),0)),0)</f>
        <v>0</v>
      </c>
      <c r="G6789" cm="1">
        <f t="array" ref="G6789">IFERROR(INDEX(Jesper!AK$2:AK$366,ROUNDDOWN($C6789/24,0)+1,1)*INDEX($D$3:$AA$30,INDEX(Jesper!$R$2:$R$366,ROW(INDEX(Jesper!AK$2:AK$366,ROUNDDOWN($C6789/24,0)+1,1))-1)+IF('Standard Profiles'!$G$21=$B$10,7,0)+IF('Standard Profiles'!$G$21=$B$17,14,0)+IF('Standard Profiles'!$G$21=$B$24,21,0),MOD($C6789,24)+1)/SUM(INDEX($D$3:$AA$30,INDEX(Jesper!$R$2:$R$366,ROW(INDEX(Jesper!AK$2:AK$366,ROUNDDOWN($C6789/24,0)+1,1))-1)+IF('Standard Profiles'!$G$21=$B$10,7,0)+IF('Standard Profiles'!$G$21=$B$17,14,0)+IF('Standard Profiles'!$G$21=$B$24,21,0),0)),0)</f>
        <v>0</v>
      </c>
      <c r="H6789" cm="1">
        <f t="array" ref="H6789">IFERROR(INDEX(Jesper!AL$2:AL$366,ROUNDDOWN($C6789/24,0)+1,1)*INDEX($D$3:$AA$30,INDEX(Jesper!$R$2:$R$366,ROW(INDEX(Jesper!AL$2:AL$366,ROUNDDOWN($C6789/24,0)+1,1))-1)+IF('Standard Profiles'!$G$22=$B$10,7,0)+IF('Standard Profiles'!$G$22=$B$17,14,0)+IF('Standard Profiles'!$G$22=$B$24,21,0),MOD($C6789,24)+1)/SUM(INDEX($D$3:$AA$30,INDEX(Jesper!$R$2:$R$366,ROW(INDEX(Jesper!AL$2:AL$366,ROUNDDOWN($C6789/24,0)+1,1))-1)+IF('Standard Profiles'!$G$22=$B$10,7,0)+IF('Standard Profiles'!$G$22=$B$17,14,0)+IF('Standard Profiles'!$G$22=$B$24,21,0),0)),0)</f>
        <v>0</v>
      </c>
      <c r="I6789">
        <f t="shared" si="755"/>
        <v>0.44205642682816421</v>
      </c>
      <c r="J6789">
        <f t="shared" si="756"/>
        <v>1.4735214227605475</v>
      </c>
      <c r="K6789">
        <f t="shared" si="757"/>
        <v>2.210282134140821</v>
      </c>
      <c r="L6789">
        <f t="shared" si="758"/>
        <v>10.609354243875941</v>
      </c>
      <c r="M6789">
        <f t="shared" si="759"/>
        <v>0</v>
      </c>
      <c r="N6789" s="46">
        <f t="shared" si="760"/>
        <v>45573.45833331695</v>
      </c>
    </row>
    <row r="6790" spans="2:14" x14ac:dyDescent="0.3">
      <c r="B6790">
        <f t="shared" si="754"/>
        <v>2</v>
      </c>
      <c r="C6790" s="16">
        <v>6756</v>
      </c>
      <c r="D6790" cm="1">
        <f t="array" ref="D6790">IFERROR(INDEX(Jesper!AH$2:AH$366,ROUNDDOWN($C6790/24,0)+1,1)*INDEX($D$3:$AA$30,INDEX(Jesper!$R$2:$R$366,ROW(INDEX(Jesper!AH$2:AH$366,ROUNDDOWN($C6790/24,0)+1,1))-1)+IF('Standard Profiles'!$G$18=$B$10,7,0)+IF('Standard Profiles'!$G$18=$B$17,14,0)+IF('Standard Profiles'!$G$18=$B$24,21,0),MOD($C6790,24)+1)/SUM(INDEX($D$3:$AA$30,INDEX(Jesper!$R$2:$R$366,ROW(INDEX(Jesper!AH$2:AH$366,ROUNDDOWN($C6790/24,0)+1,1))-1)+IF('Standard Profiles'!$G$18=$B$10,7,0)+IF('Standard Profiles'!$G$18=$B$17,14,0)+IF('Standard Profiles'!$G$18=$B$24,21,0),0)),0)</f>
        <v>14.735214227605475</v>
      </c>
      <c r="E6790" cm="1">
        <f t="array" ref="E6790">IFERROR(INDEX(Jesper!AI$2:AI$366,ROUNDDOWN($C6790/24,0)+1,1)*INDEX($D$3:$AA$30,INDEX(Jesper!$R$2:$R$366,ROW(INDEX(Jesper!AI$2:AI$366,ROUNDDOWN($C6790/24,0)+1,1))-1)+IF('Standard Profiles'!$G$19=$B$10,7,0)+IF('Standard Profiles'!$G$19=$B$17,14,0)+IF('Standard Profiles'!$G$19=$B$24,21,0),MOD($C6790,24)+1)/SUM(INDEX($D$3:$AA$30,INDEX(Jesper!$R$2:$R$366,ROW(INDEX(Jesper!AI$2:AI$366,ROUNDDOWN($C6790/24,0)+1,1))-1)+IF('Standard Profiles'!$G$19=$B$10,7,0)+IF('Standard Profiles'!$G$19=$B$17,14,0)+IF('Standard Profiles'!$G$19=$B$24,21,0),0)),0)</f>
        <v>0</v>
      </c>
      <c r="F6790" cm="1">
        <f t="array" ref="F6790">IFERROR(INDEX(Jesper!AJ$2:AJ$366,ROUNDDOWN($C6790/24,0)+1,1)*INDEX($D$3:$AA$30,INDEX(Jesper!$R$2:$R$366,ROW(INDEX(Jesper!AJ$2:AJ$366,ROUNDDOWN($C6790/24,0)+1,1))-1)+IF('Standard Profiles'!$G$20=$B$10,7,0)+IF('Standard Profiles'!$G$20=$B$17,14,0)+IF('Standard Profiles'!$G$20=$B$24,21,0),MOD($C6790,24)+1)/SUM(INDEX($D$3:$AA$30,INDEX(Jesper!$R$2:$R$366,ROW(INDEX(Jesper!AJ$2:AJ$366,ROUNDDOWN($C6790/24,0)+1,1))-1)+IF('Standard Profiles'!$G$20=$B$10,7,0)+IF('Standard Profiles'!$G$20=$B$17,14,0)+IF('Standard Profiles'!$G$20=$B$24,21,0),0)),0)</f>
        <v>0</v>
      </c>
      <c r="G6790" cm="1">
        <f t="array" ref="G6790">IFERROR(INDEX(Jesper!AK$2:AK$366,ROUNDDOWN($C6790/24,0)+1,1)*INDEX($D$3:$AA$30,INDEX(Jesper!$R$2:$R$366,ROW(INDEX(Jesper!AK$2:AK$366,ROUNDDOWN($C6790/24,0)+1,1))-1)+IF('Standard Profiles'!$G$21=$B$10,7,0)+IF('Standard Profiles'!$G$21=$B$17,14,0)+IF('Standard Profiles'!$G$21=$B$24,21,0),MOD($C6790,24)+1)/SUM(INDEX($D$3:$AA$30,INDEX(Jesper!$R$2:$R$366,ROW(INDEX(Jesper!AK$2:AK$366,ROUNDDOWN($C6790/24,0)+1,1))-1)+IF('Standard Profiles'!$G$21=$B$10,7,0)+IF('Standard Profiles'!$G$21=$B$17,14,0)+IF('Standard Profiles'!$G$21=$B$24,21,0),0)),0)</f>
        <v>0</v>
      </c>
      <c r="H6790" cm="1">
        <f t="array" ref="H6790">IFERROR(INDEX(Jesper!AL$2:AL$366,ROUNDDOWN($C6790/24,0)+1,1)*INDEX($D$3:$AA$30,INDEX(Jesper!$R$2:$R$366,ROW(INDEX(Jesper!AL$2:AL$366,ROUNDDOWN($C6790/24,0)+1,1))-1)+IF('Standard Profiles'!$G$22=$B$10,7,0)+IF('Standard Profiles'!$G$22=$B$17,14,0)+IF('Standard Profiles'!$G$22=$B$24,21,0),MOD($C6790,24)+1)/SUM(INDEX($D$3:$AA$30,INDEX(Jesper!$R$2:$R$366,ROW(INDEX(Jesper!AL$2:AL$366,ROUNDDOWN($C6790/24,0)+1,1))-1)+IF('Standard Profiles'!$G$22=$B$10,7,0)+IF('Standard Profiles'!$G$22=$B$17,14,0)+IF('Standard Profiles'!$G$22=$B$24,21,0),0)),0)</f>
        <v>0</v>
      </c>
      <c r="I6790">
        <f t="shared" si="755"/>
        <v>0.44205642682816421</v>
      </c>
      <c r="J6790">
        <f t="shared" si="756"/>
        <v>1.4735214227605475</v>
      </c>
      <c r="K6790">
        <f t="shared" si="757"/>
        <v>2.210282134140821</v>
      </c>
      <c r="L6790">
        <f t="shared" si="758"/>
        <v>10.609354243875941</v>
      </c>
      <c r="M6790">
        <f t="shared" si="759"/>
        <v>0</v>
      </c>
      <c r="N6790" s="46">
        <f t="shared" si="760"/>
        <v>45573.499999983615</v>
      </c>
    </row>
    <row r="6791" spans="2:14" x14ac:dyDescent="0.3">
      <c r="B6791">
        <f t="shared" si="754"/>
        <v>2</v>
      </c>
      <c r="C6791" s="16">
        <v>6757</v>
      </c>
      <c r="D6791" cm="1">
        <f t="array" ref="D6791">IFERROR(INDEX(Jesper!AH$2:AH$366,ROUNDDOWN($C6791/24,0)+1,1)*INDEX($D$3:$AA$30,INDEX(Jesper!$R$2:$R$366,ROW(INDEX(Jesper!AH$2:AH$366,ROUNDDOWN($C6791/24,0)+1,1))-1)+IF('Standard Profiles'!$G$18=$B$10,7,0)+IF('Standard Profiles'!$G$18=$B$17,14,0)+IF('Standard Profiles'!$G$18=$B$24,21,0),MOD($C6791,24)+1)/SUM(INDEX($D$3:$AA$30,INDEX(Jesper!$R$2:$R$366,ROW(INDEX(Jesper!AH$2:AH$366,ROUNDDOWN($C6791/24,0)+1,1))-1)+IF('Standard Profiles'!$G$18=$B$10,7,0)+IF('Standard Profiles'!$G$18=$B$17,14,0)+IF('Standard Profiles'!$G$18=$B$24,21,0),0)),0)</f>
        <v>14.735214227605475</v>
      </c>
      <c r="E6791" cm="1">
        <f t="array" ref="E6791">IFERROR(INDEX(Jesper!AI$2:AI$366,ROUNDDOWN($C6791/24,0)+1,1)*INDEX($D$3:$AA$30,INDEX(Jesper!$R$2:$R$366,ROW(INDEX(Jesper!AI$2:AI$366,ROUNDDOWN($C6791/24,0)+1,1))-1)+IF('Standard Profiles'!$G$19=$B$10,7,0)+IF('Standard Profiles'!$G$19=$B$17,14,0)+IF('Standard Profiles'!$G$19=$B$24,21,0),MOD($C6791,24)+1)/SUM(INDEX($D$3:$AA$30,INDEX(Jesper!$R$2:$R$366,ROW(INDEX(Jesper!AI$2:AI$366,ROUNDDOWN($C6791/24,0)+1,1))-1)+IF('Standard Profiles'!$G$19=$B$10,7,0)+IF('Standard Profiles'!$G$19=$B$17,14,0)+IF('Standard Profiles'!$G$19=$B$24,21,0),0)),0)</f>
        <v>0</v>
      </c>
      <c r="F6791" cm="1">
        <f t="array" ref="F6791">IFERROR(INDEX(Jesper!AJ$2:AJ$366,ROUNDDOWN($C6791/24,0)+1,1)*INDEX($D$3:$AA$30,INDEX(Jesper!$R$2:$R$366,ROW(INDEX(Jesper!AJ$2:AJ$366,ROUNDDOWN($C6791/24,0)+1,1))-1)+IF('Standard Profiles'!$G$20=$B$10,7,0)+IF('Standard Profiles'!$G$20=$B$17,14,0)+IF('Standard Profiles'!$G$20=$B$24,21,0),MOD($C6791,24)+1)/SUM(INDEX($D$3:$AA$30,INDEX(Jesper!$R$2:$R$366,ROW(INDEX(Jesper!AJ$2:AJ$366,ROUNDDOWN($C6791/24,0)+1,1))-1)+IF('Standard Profiles'!$G$20=$B$10,7,0)+IF('Standard Profiles'!$G$20=$B$17,14,0)+IF('Standard Profiles'!$G$20=$B$24,21,0),0)),0)</f>
        <v>0</v>
      </c>
      <c r="G6791" cm="1">
        <f t="array" ref="G6791">IFERROR(INDEX(Jesper!AK$2:AK$366,ROUNDDOWN($C6791/24,0)+1,1)*INDEX($D$3:$AA$30,INDEX(Jesper!$R$2:$R$366,ROW(INDEX(Jesper!AK$2:AK$366,ROUNDDOWN($C6791/24,0)+1,1))-1)+IF('Standard Profiles'!$G$21=$B$10,7,0)+IF('Standard Profiles'!$G$21=$B$17,14,0)+IF('Standard Profiles'!$G$21=$B$24,21,0),MOD($C6791,24)+1)/SUM(INDEX($D$3:$AA$30,INDEX(Jesper!$R$2:$R$366,ROW(INDEX(Jesper!AK$2:AK$366,ROUNDDOWN($C6791/24,0)+1,1))-1)+IF('Standard Profiles'!$G$21=$B$10,7,0)+IF('Standard Profiles'!$G$21=$B$17,14,0)+IF('Standard Profiles'!$G$21=$B$24,21,0),0)),0)</f>
        <v>0</v>
      </c>
      <c r="H6791" cm="1">
        <f t="array" ref="H6791">IFERROR(INDEX(Jesper!AL$2:AL$366,ROUNDDOWN($C6791/24,0)+1,1)*INDEX($D$3:$AA$30,INDEX(Jesper!$R$2:$R$366,ROW(INDEX(Jesper!AL$2:AL$366,ROUNDDOWN($C6791/24,0)+1,1))-1)+IF('Standard Profiles'!$G$22=$B$10,7,0)+IF('Standard Profiles'!$G$22=$B$17,14,0)+IF('Standard Profiles'!$G$22=$B$24,21,0),MOD($C6791,24)+1)/SUM(INDEX($D$3:$AA$30,INDEX(Jesper!$R$2:$R$366,ROW(INDEX(Jesper!AL$2:AL$366,ROUNDDOWN($C6791/24,0)+1,1))-1)+IF('Standard Profiles'!$G$22=$B$10,7,0)+IF('Standard Profiles'!$G$22=$B$17,14,0)+IF('Standard Profiles'!$G$22=$B$24,21,0),0)),0)</f>
        <v>0</v>
      </c>
      <c r="I6791">
        <f t="shared" si="755"/>
        <v>0.44205642682816421</v>
      </c>
      <c r="J6791">
        <f t="shared" si="756"/>
        <v>1.4735214227605475</v>
      </c>
      <c r="K6791">
        <f t="shared" si="757"/>
        <v>2.210282134140821</v>
      </c>
      <c r="L6791">
        <f t="shared" si="758"/>
        <v>10.609354243875941</v>
      </c>
      <c r="M6791">
        <f t="shared" si="759"/>
        <v>0</v>
      </c>
      <c r="N6791" s="46">
        <f t="shared" si="760"/>
        <v>45573.541666650279</v>
      </c>
    </row>
    <row r="6792" spans="2:14" x14ac:dyDescent="0.3">
      <c r="B6792">
        <f t="shared" si="754"/>
        <v>2</v>
      </c>
      <c r="C6792" s="16">
        <v>6758</v>
      </c>
      <c r="D6792" cm="1">
        <f t="array" ref="D6792">IFERROR(INDEX(Jesper!AH$2:AH$366,ROUNDDOWN($C6792/24,0)+1,1)*INDEX($D$3:$AA$30,INDEX(Jesper!$R$2:$R$366,ROW(INDEX(Jesper!AH$2:AH$366,ROUNDDOWN($C6792/24,0)+1,1))-1)+IF('Standard Profiles'!$G$18=$B$10,7,0)+IF('Standard Profiles'!$G$18=$B$17,14,0)+IF('Standard Profiles'!$G$18=$B$24,21,0),MOD($C6792,24)+1)/SUM(INDEX($D$3:$AA$30,INDEX(Jesper!$R$2:$R$366,ROW(INDEX(Jesper!AH$2:AH$366,ROUNDDOWN($C6792/24,0)+1,1))-1)+IF('Standard Profiles'!$G$18=$B$10,7,0)+IF('Standard Profiles'!$G$18=$B$17,14,0)+IF('Standard Profiles'!$G$18=$B$24,21,0),0)),0)</f>
        <v>14.735214227605475</v>
      </c>
      <c r="E6792" cm="1">
        <f t="array" ref="E6792">IFERROR(INDEX(Jesper!AI$2:AI$366,ROUNDDOWN($C6792/24,0)+1,1)*INDEX($D$3:$AA$30,INDEX(Jesper!$R$2:$R$366,ROW(INDEX(Jesper!AI$2:AI$366,ROUNDDOWN($C6792/24,0)+1,1))-1)+IF('Standard Profiles'!$G$19=$B$10,7,0)+IF('Standard Profiles'!$G$19=$B$17,14,0)+IF('Standard Profiles'!$G$19=$B$24,21,0),MOD($C6792,24)+1)/SUM(INDEX($D$3:$AA$30,INDEX(Jesper!$R$2:$R$366,ROW(INDEX(Jesper!AI$2:AI$366,ROUNDDOWN($C6792/24,0)+1,1))-1)+IF('Standard Profiles'!$G$19=$B$10,7,0)+IF('Standard Profiles'!$G$19=$B$17,14,0)+IF('Standard Profiles'!$G$19=$B$24,21,0),0)),0)</f>
        <v>0</v>
      </c>
      <c r="F6792" cm="1">
        <f t="array" ref="F6792">IFERROR(INDEX(Jesper!AJ$2:AJ$366,ROUNDDOWN($C6792/24,0)+1,1)*INDEX($D$3:$AA$30,INDEX(Jesper!$R$2:$R$366,ROW(INDEX(Jesper!AJ$2:AJ$366,ROUNDDOWN($C6792/24,0)+1,1))-1)+IF('Standard Profiles'!$G$20=$B$10,7,0)+IF('Standard Profiles'!$G$20=$B$17,14,0)+IF('Standard Profiles'!$G$20=$B$24,21,0),MOD($C6792,24)+1)/SUM(INDEX($D$3:$AA$30,INDEX(Jesper!$R$2:$R$366,ROW(INDEX(Jesper!AJ$2:AJ$366,ROUNDDOWN($C6792/24,0)+1,1))-1)+IF('Standard Profiles'!$G$20=$B$10,7,0)+IF('Standard Profiles'!$G$20=$B$17,14,0)+IF('Standard Profiles'!$G$20=$B$24,21,0),0)),0)</f>
        <v>0</v>
      </c>
      <c r="G6792" cm="1">
        <f t="array" ref="G6792">IFERROR(INDEX(Jesper!AK$2:AK$366,ROUNDDOWN($C6792/24,0)+1,1)*INDEX($D$3:$AA$30,INDEX(Jesper!$R$2:$R$366,ROW(INDEX(Jesper!AK$2:AK$366,ROUNDDOWN($C6792/24,0)+1,1))-1)+IF('Standard Profiles'!$G$21=$B$10,7,0)+IF('Standard Profiles'!$G$21=$B$17,14,0)+IF('Standard Profiles'!$G$21=$B$24,21,0),MOD($C6792,24)+1)/SUM(INDEX($D$3:$AA$30,INDEX(Jesper!$R$2:$R$366,ROW(INDEX(Jesper!AK$2:AK$366,ROUNDDOWN($C6792/24,0)+1,1))-1)+IF('Standard Profiles'!$G$21=$B$10,7,0)+IF('Standard Profiles'!$G$21=$B$17,14,0)+IF('Standard Profiles'!$G$21=$B$24,21,0),0)),0)</f>
        <v>0</v>
      </c>
      <c r="H6792" cm="1">
        <f t="array" ref="H6792">IFERROR(INDEX(Jesper!AL$2:AL$366,ROUNDDOWN($C6792/24,0)+1,1)*INDEX($D$3:$AA$30,INDEX(Jesper!$R$2:$R$366,ROW(INDEX(Jesper!AL$2:AL$366,ROUNDDOWN($C6792/24,0)+1,1))-1)+IF('Standard Profiles'!$G$22=$B$10,7,0)+IF('Standard Profiles'!$G$22=$B$17,14,0)+IF('Standard Profiles'!$G$22=$B$24,21,0),MOD($C6792,24)+1)/SUM(INDEX($D$3:$AA$30,INDEX(Jesper!$R$2:$R$366,ROW(INDEX(Jesper!AL$2:AL$366,ROUNDDOWN($C6792/24,0)+1,1))-1)+IF('Standard Profiles'!$G$22=$B$10,7,0)+IF('Standard Profiles'!$G$22=$B$17,14,0)+IF('Standard Profiles'!$G$22=$B$24,21,0),0)),0)</f>
        <v>0</v>
      </c>
      <c r="I6792">
        <f t="shared" si="755"/>
        <v>0.44205642682816421</v>
      </c>
      <c r="J6792">
        <f t="shared" si="756"/>
        <v>1.4735214227605475</v>
      </c>
      <c r="K6792">
        <f t="shared" si="757"/>
        <v>2.210282134140821</v>
      </c>
      <c r="L6792">
        <f t="shared" si="758"/>
        <v>10.609354243875941</v>
      </c>
      <c r="M6792">
        <f t="shared" si="759"/>
        <v>0</v>
      </c>
      <c r="N6792" s="46">
        <f t="shared" si="760"/>
        <v>45573.583333316943</v>
      </c>
    </row>
    <row r="6793" spans="2:14" x14ac:dyDescent="0.3">
      <c r="B6793">
        <f t="shared" si="754"/>
        <v>2</v>
      </c>
      <c r="C6793" s="16">
        <v>6759</v>
      </c>
      <c r="D6793" cm="1">
        <f t="array" ref="D6793">IFERROR(INDEX(Jesper!AH$2:AH$366,ROUNDDOWN($C6793/24,0)+1,1)*INDEX($D$3:$AA$30,INDEX(Jesper!$R$2:$R$366,ROW(INDEX(Jesper!AH$2:AH$366,ROUNDDOWN($C6793/24,0)+1,1))-1)+IF('Standard Profiles'!$G$18=$B$10,7,0)+IF('Standard Profiles'!$G$18=$B$17,14,0)+IF('Standard Profiles'!$G$18=$B$24,21,0),MOD($C6793,24)+1)/SUM(INDEX($D$3:$AA$30,INDEX(Jesper!$R$2:$R$366,ROW(INDEX(Jesper!AH$2:AH$366,ROUNDDOWN($C6793/24,0)+1,1))-1)+IF('Standard Profiles'!$G$18=$B$10,7,0)+IF('Standard Profiles'!$G$18=$B$17,14,0)+IF('Standard Profiles'!$G$18=$B$24,21,0),0)),0)</f>
        <v>14.735214227605475</v>
      </c>
      <c r="E6793" cm="1">
        <f t="array" ref="E6793">IFERROR(INDEX(Jesper!AI$2:AI$366,ROUNDDOWN($C6793/24,0)+1,1)*INDEX($D$3:$AA$30,INDEX(Jesper!$R$2:$R$366,ROW(INDEX(Jesper!AI$2:AI$366,ROUNDDOWN($C6793/24,0)+1,1))-1)+IF('Standard Profiles'!$G$19=$B$10,7,0)+IF('Standard Profiles'!$G$19=$B$17,14,0)+IF('Standard Profiles'!$G$19=$B$24,21,0),MOD($C6793,24)+1)/SUM(INDEX($D$3:$AA$30,INDEX(Jesper!$R$2:$R$366,ROW(INDEX(Jesper!AI$2:AI$366,ROUNDDOWN($C6793/24,0)+1,1))-1)+IF('Standard Profiles'!$G$19=$B$10,7,0)+IF('Standard Profiles'!$G$19=$B$17,14,0)+IF('Standard Profiles'!$G$19=$B$24,21,0),0)),0)</f>
        <v>0</v>
      </c>
      <c r="F6793" cm="1">
        <f t="array" ref="F6793">IFERROR(INDEX(Jesper!AJ$2:AJ$366,ROUNDDOWN($C6793/24,0)+1,1)*INDEX($D$3:$AA$30,INDEX(Jesper!$R$2:$R$366,ROW(INDEX(Jesper!AJ$2:AJ$366,ROUNDDOWN($C6793/24,0)+1,1))-1)+IF('Standard Profiles'!$G$20=$B$10,7,0)+IF('Standard Profiles'!$G$20=$B$17,14,0)+IF('Standard Profiles'!$G$20=$B$24,21,0),MOD($C6793,24)+1)/SUM(INDEX($D$3:$AA$30,INDEX(Jesper!$R$2:$R$366,ROW(INDEX(Jesper!AJ$2:AJ$366,ROUNDDOWN($C6793/24,0)+1,1))-1)+IF('Standard Profiles'!$G$20=$B$10,7,0)+IF('Standard Profiles'!$G$20=$B$17,14,0)+IF('Standard Profiles'!$G$20=$B$24,21,0),0)),0)</f>
        <v>0</v>
      </c>
      <c r="G6793" cm="1">
        <f t="array" ref="G6793">IFERROR(INDEX(Jesper!AK$2:AK$366,ROUNDDOWN($C6793/24,0)+1,1)*INDEX($D$3:$AA$30,INDEX(Jesper!$R$2:$R$366,ROW(INDEX(Jesper!AK$2:AK$366,ROUNDDOWN($C6793/24,0)+1,1))-1)+IF('Standard Profiles'!$G$21=$B$10,7,0)+IF('Standard Profiles'!$G$21=$B$17,14,0)+IF('Standard Profiles'!$G$21=$B$24,21,0),MOD($C6793,24)+1)/SUM(INDEX($D$3:$AA$30,INDEX(Jesper!$R$2:$R$366,ROW(INDEX(Jesper!AK$2:AK$366,ROUNDDOWN($C6793/24,0)+1,1))-1)+IF('Standard Profiles'!$G$21=$B$10,7,0)+IF('Standard Profiles'!$G$21=$B$17,14,0)+IF('Standard Profiles'!$G$21=$B$24,21,0),0)),0)</f>
        <v>0</v>
      </c>
      <c r="H6793" cm="1">
        <f t="array" ref="H6793">IFERROR(INDEX(Jesper!AL$2:AL$366,ROUNDDOWN($C6793/24,0)+1,1)*INDEX($D$3:$AA$30,INDEX(Jesper!$R$2:$R$366,ROW(INDEX(Jesper!AL$2:AL$366,ROUNDDOWN($C6793/24,0)+1,1))-1)+IF('Standard Profiles'!$G$22=$B$10,7,0)+IF('Standard Profiles'!$G$22=$B$17,14,0)+IF('Standard Profiles'!$G$22=$B$24,21,0),MOD($C6793,24)+1)/SUM(INDEX($D$3:$AA$30,INDEX(Jesper!$R$2:$R$366,ROW(INDEX(Jesper!AL$2:AL$366,ROUNDDOWN($C6793/24,0)+1,1))-1)+IF('Standard Profiles'!$G$22=$B$10,7,0)+IF('Standard Profiles'!$G$22=$B$17,14,0)+IF('Standard Profiles'!$G$22=$B$24,21,0),0)),0)</f>
        <v>0</v>
      </c>
      <c r="I6793">
        <f t="shared" si="755"/>
        <v>0.44205642682816421</v>
      </c>
      <c r="J6793">
        <f t="shared" si="756"/>
        <v>1.4735214227605475</v>
      </c>
      <c r="K6793">
        <f t="shared" si="757"/>
        <v>2.210282134140821</v>
      </c>
      <c r="L6793">
        <f t="shared" si="758"/>
        <v>10.609354243875941</v>
      </c>
      <c r="M6793">
        <f t="shared" si="759"/>
        <v>0</v>
      </c>
      <c r="N6793" s="46">
        <f t="shared" si="760"/>
        <v>45573.624999983607</v>
      </c>
    </row>
    <row r="6794" spans="2:14" x14ac:dyDescent="0.3">
      <c r="B6794">
        <f t="shared" si="754"/>
        <v>2</v>
      </c>
      <c r="C6794" s="16">
        <v>6760</v>
      </c>
      <c r="D6794" cm="1">
        <f t="array" ref="D6794">IFERROR(INDEX(Jesper!AH$2:AH$366,ROUNDDOWN($C6794/24,0)+1,1)*INDEX($D$3:$AA$30,INDEX(Jesper!$R$2:$R$366,ROW(INDEX(Jesper!AH$2:AH$366,ROUNDDOWN($C6794/24,0)+1,1))-1)+IF('Standard Profiles'!$G$18=$B$10,7,0)+IF('Standard Profiles'!$G$18=$B$17,14,0)+IF('Standard Profiles'!$G$18=$B$24,21,0),MOD($C6794,24)+1)/SUM(INDEX($D$3:$AA$30,INDEX(Jesper!$R$2:$R$366,ROW(INDEX(Jesper!AH$2:AH$366,ROUNDDOWN($C6794/24,0)+1,1))-1)+IF('Standard Profiles'!$G$18=$B$10,7,0)+IF('Standard Profiles'!$G$18=$B$17,14,0)+IF('Standard Profiles'!$G$18=$B$24,21,0),0)),0)</f>
        <v>14.735214227605475</v>
      </c>
      <c r="E6794" cm="1">
        <f t="array" ref="E6794">IFERROR(INDEX(Jesper!AI$2:AI$366,ROUNDDOWN($C6794/24,0)+1,1)*INDEX($D$3:$AA$30,INDEX(Jesper!$R$2:$R$366,ROW(INDEX(Jesper!AI$2:AI$366,ROUNDDOWN($C6794/24,0)+1,1))-1)+IF('Standard Profiles'!$G$19=$B$10,7,0)+IF('Standard Profiles'!$G$19=$B$17,14,0)+IF('Standard Profiles'!$G$19=$B$24,21,0),MOD($C6794,24)+1)/SUM(INDEX($D$3:$AA$30,INDEX(Jesper!$R$2:$R$366,ROW(INDEX(Jesper!AI$2:AI$366,ROUNDDOWN($C6794/24,0)+1,1))-1)+IF('Standard Profiles'!$G$19=$B$10,7,0)+IF('Standard Profiles'!$G$19=$B$17,14,0)+IF('Standard Profiles'!$G$19=$B$24,21,0),0)),0)</f>
        <v>0</v>
      </c>
      <c r="F6794" cm="1">
        <f t="array" ref="F6794">IFERROR(INDEX(Jesper!AJ$2:AJ$366,ROUNDDOWN($C6794/24,0)+1,1)*INDEX($D$3:$AA$30,INDEX(Jesper!$R$2:$R$366,ROW(INDEX(Jesper!AJ$2:AJ$366,ROUNDDOWN($C6794/24,0)+1,1))-1)+IF('Standard Profiles'!$G$20=$B$10,7,0)+IF('Standard Profiles'!$G$20=$B$17,14,0)+IF('Standard Profiles'!$G$20=$B$24,21,0),MOD($C6794,24)+1)/SUM(INDEX($D$3:$AA$30,INDEX(Jesper!$R$2:$R$366,ROW(INDEX(Jesper!AJ$2:AJ$366,ROUNDDOWN($C6794/24,0)+1,1))-1)+IF('Standard Profiles'!$G$20=$B$10,7,0)+IF('Standard Profiles'!$G$20=$B$17,14,0)+IF('Standard Profiles'!$G$20=$B$24,21,0),0)),0)</f>
        <v>0</v>
      </c>
      <c r="G6794" cm="1">
        <f t="array" ref="G6794">IFERROR(INDEX(Jesper!AK$2:AK$366,ROUNDDOWN($C6794/24,0)+1,1)*INDEX($D$3:$AA$30,INDEX(Jesper!$R$2:$R$366,ROW(INDEX(Jesper!AK$2:AK$366,ROUNDDOWN($C6794/24,0)+1,1))-1)+IF('Standard Profiles'!$G$21=$B$10,7,0)+IF('Standard Profiles'!$G$21=$B$17,14,0)+IF('Standard Profiles'!$G$21=$B$24,21,0),MOD($C6794,24)+1)/SUM(INDEX($D$3:$AA$30,INDEX(Jesper!$R$2:$R$366,ROW(INDEX(Jesper!AK$2:AK$366,ROUNDDOWN($C6794/24,0)+1,1))-1)+IF('Standard Profiles'!$G$21=$B$10,7,0)+IF('Standard Profiles'!$G$21=$B$17,14,0)+IF('Standard Profiles'!$G$21=$B$24,21,0),0)),0)</f>
        <v>0</v>
      </c>
      <c r="H6794" cm="1">
        <f t="array" ref="H6794">IFERROR(INDEX(Jesper!AL$2:AL$366,ROUNDDOWN($C6794/24,0)+1,1)*INDEX($D$3:$AA$30,INDEX(Jesper!$R$2:$R$366,ROW(INDEX(Jesper!AL$2:AL$366,ROUNDDOWN($C6794/24,0)+1,1))-1)+IF('Standard Profiles'!$G$22=$B$10,7,0)+IF('Standard Profiles'!$G$22=$B$17,14,0)+IF('Standard Profiles'!$G$22=$B$24,21,0),MOD($C6794,24)+1)/SUM(INDEX($D$3:$AA$30,INDEX(Jesper!$R$2:$R$366,ROW(INDEX(Jesper!AL$2:AL$366,ROUNDDOWN($C6794/24,0)+1,1))-1)+IF('Standard Profiles'!$G$22=$B$10,7,0)+IF('Standard Profiles'!$G$22=$B$17,14,0)+IF('Standard Profiles'!$G$22=$B$24,21,0),0)),0)</f>
        <v>0</v>
      </c>
      <c r="I6794">
        <f t="shared" si="755"/>
        <v>0.44205642682816421</v>
      </c>
      <c r="J6794">
        <f t="shared" si="756"/>
        <v>1.4735214227605475</v>
      </c>
      <c r="K6794">
        <f t="shared" si="757"/>
        <v>2.210282134140821</v>
      </c>
      <c r="L6794">
        <f t="shared" si="758"/>
        <v>10.609354243875941</v>
      </c>
      <c r="M6794">
        <f t="shared" si="759"/>
        <v>0</v>
      </c>
      <c r="N6794" s="46">
        <f t="shared" si="760"/>
        <v>45573.666666650272</v>
      </c>
    </row>
    <row r="6795" spans="2:14" x14ac:dyDescent="0.3">
      <c r="B6795">
        <f t="shared" si="754"/>
        <v>2</v>
      </c>
      <c r="C6795" s="16">
        <v>6761</v>
      </c>
      <c r="D6795" cm="1">
        <f t="array" ref="D6795">IFERROR(INDEX(Jesper!AH$2:AH$366,ROUNDDOWN($C6795/24,0)+1,1)*INDEX($D$3:$AA$30,INDEX(Jesper!$R$2:$R$366,ROW(INDEX(Jesper!AH$2:AH$366,ROUNDDOWN($C6795/24,0)+1,1))-1)+IF('Standard Profiles'!$G$18=$B$10,7,0)+IF('Standard Profiles'!$G$18=$B$17,14,0)+IF('Standard Profiles'!$G$18=$B$24,21,0),MOD($C6795,24)+1)/SUM(INDEX($D$3:$AA$30,INDEX(Jesper!$R$2:$R$366,ROW(INDEX(Jesper!AH$2:AH$366,ROUNDDOWN($C6795/24,0)+1,1))-1)+IF('Standard Profiles'!$G$18=$B$10,7,0)+IF('Standard Profiles'!$G$18=$B$17,14,0)+IF('Standard Profiles'!$G$18=$B$24,21,0),0)),0)</f>
        <v>14.735214227605475</v>
      </c>
      <c r="E6795" cm="1">
        <f t="array" ref="E6795">IFERROR(INDEX(Jesper!AI$2:AI$366,ROUNDDOWN($C6795/24,0)+1,1)*INDEX($D$3:$AA$30,INDEX(Jesper!$R$2:$R$366,ROW(INDEX(Jesper!AI$2:AI$366,ROUNDDOWN($C6795/24,0)+1,1))-1)+IF('Standard Profiles'!$G$19=$B$10,7,0)+IF('Standard Profiles'!$G$19=$B$17,14,0)+IF('Standard Profiles'!$G$19=$B$24,21,0),MOD($C6795,24)+1)/SUM(INDEX($D$3:$AA$30,INDEX(Jesper!$R$2:$R$366,ROW(INDEX(Jesper!AI$2:AI$366,ROUNDDOWN($C6795/24,0)+1,1))-1)+IF('Standard Profiles'!$G$19=$B$10,7,0)+IF('Standard Profiles'!$G$19=$B$17,14,0)+IF('Standard Profiles'!$G$19=$B$24,21,0),0)),0)</f>
        <v>0</v>
      </c>
      <c r="F6795" cm="1">
        <f t="array" ref="F6795">IFERROR(INDEX(Jesper!AJ$2:AJ$366,ROUNDDOWN($C6795/24,0)+1,1)*INDEX($D$3:$AA$30,INDEX(Jesper!$R$2:$R$366,ROW(INDEX(Jesper!AJ$2:AJ$366,ROUNDDOWN($C6795/24,0)+1,1))-1)+IF('Standard Profiles'!$G$20=$B$10,7,0)+IF('Standard Profiles'!$G$20=$B$17,14,0)+IF('Standard Profiles'!$G$20=$B$24,21,0),MOD($C6795,24)+1)/SUM(INDEX($D$3:$AA$30,INDEX(Jesper!$R$2:$R$366,ROW(INDEX(Jesper!AJ$2:AJ$366,ROUNDDOWN($C6795/24,0)+1,1))-1)+IF('Standard Profiles'!$G$20=$B$10,7,0)+IF('Standard Profiles'!$G$20=$B$17,14,0)+IF('Standard Profiles'!$G$20=$B$24,21,0),0)),0)</f>
        <v>0</v>
      </c>
      <c r="G6795" cm="1">
        <f t="array" ref="G6795">IFERROR(INDEX(Jesper!AK$2:AK$366,ROUNDDOWN($C6795/24,0)+1,1)*INDEX($D$3:$AA$30,INDEX(Jesper!$R$2:$R$366,ROW(INDEX(Jesper!AK$2:AK$366,ROUNDDOWN($C6795/24,0)+1,1))-1)+IF('Standard Profiles'!$G$21=$B$10,7,0)+IF('Standard Profiles'!$G$21=$B$17,14,0)+IF('Standard Profiles'!$G$21=$B$24,21,0),MOD($C6795,24)+1)/SUM(INDEX($D$3:$AA$30,INDEX(Jesper!$R$2:$R$366,ROW(INDEX(Jesper!AK$2:AK$366,ROUNDDOWN($C6795/24,0)+1,1))-1)+IF('Standard Profiles'!$G$21=$B$10,7,0)+IF('Standard Profiles'!$G$21=$B$17,14,0)+IF('Standard Profiles'!$G$21=$B$24,21,0),0)),0)</f>
        <v>0</v>
      </c>
      <c r="H6795" cm="1">
        <f t="array" ref="H6795">IFERROR(INDEX(Jesper!AL$2:AL$366,ROUNDDOWN($C6795/24,0)+1,1)*INDEX($D$3:$AA$30,INDEX(Jesper!$R$2:$R$366,ROW(INDEX(Jesper!AL$2:AL$366,ROUNDDOWN($C6795/24,0)+1,1))-1)+IF('Standard Profiles'!$G$22=$B$10,7,0)+IF('Standard Profiles'!$G$22=$B$17,14,0)+IF('Standard Profiles'!$G$22=$B$24,21,0),MOD($C6795,24)+1)/SUM(INDEX($D$3:$AA$30,INDEX(Jesper!$R$2:$R$366,ROW(INDEX(Jesper!AL$2:AL$366,ROUNDDOWN($C6795/24,0)+1,1))-1)+IF('Standard Profiles'!$G$22=$B$10,7,0)+IF('Standard Profiles'!$G$22=$B$17,14,0)+IF('Standard Profiles'!$G$22=$B$24,21,0),0)),0)</f>
        <v>0</v>
      </c>
      <c r="I6795">
        <f t="shared" si="755"/>
        <v>0.44205642682816421</v>
      </c>
      <c r="J6795">
        <f t="shared" si="756"/>
        <v>1.4735214227605475</v>
      </c>
      <c r="K6795">
        <f t="shared" si="757"/>
        <v>2.210282134140821</v>
      </c>
      <c r="L6795">
        <f t="shared" si="758"/>
        <v>10.609354243875941</v>
      </c>
      <c r="M6795">
        <f t="shared" si="759"/>
        <v>0</v>
      </c>
      <c r="N6795" s="46">
        <f t="shared" si="760"/>
        <v>45573.708333316936</v>
      </c>
    </row>
    <row r="6796" spans="2:14" x14ac:dyDescent="0.3">
      <c r="B6796">
        <f t="shared" si="754"/>
        <v>2</v>
      </c>
      <c r="C6796" s="16">
        <v>6762</v>
      </c>
      <c r="D6796" cm="1">
        <f t="array" ref="D6796">IFERROR(INDEX(Jesper!AH$2:AH$366,ROUNDDOWN($C6796/24,0)+1,1)*INDEX($D$3:$AA$30,INDEX(Jesper!$R$2:$R$366,ROW(INDEX(Jesper!AH$2:AH$366,ROUNDDOWN($C6796/24,0)+1,1))-1)+IF('Standard Profiles'!$G$18=$B$10,7,0)+IF('Standard Profiles'!$G$18=$B$17,14,0)+IF('Standard Profiles'!$G$18=$B$24,21,0),MOD($C6796,24)+1)/SUM(INDEX($D$3:$AA$30,INDEX(Jesper!$R$2:$R$366,ROW(INDEX(Jesper!AH$2:AH$366,ROUNDDOWN($C6796/24,0)+1,1))-1)+IF('Standard Profiles'!$G$18=$B$10,7,0)+IF('Standard Profiles'!$G$18=$B$17,14,0)+IF('Standard Profiles'!$G$18=$B$24,21,0),0)),0)</f>
        <v>14.735214227605475</v>
      </c>
      <c r="E6796" cm="1">
        <f t="array" ref="E6796">IFERROR(INDEX(Jesper!AI$2:AI$366,ROUNDDOWN($C6796/24,0)+1,1)*INDEX($D$3:$AA$30,INDEX(Jesper!$R$2:$R$366,ROW(INDEX(Jesper!AI$2:AI$366,ROUNDDOWN($C6796/24,0)+1,1))-1)+IF('Standard Profiles'!$G$19=$B$10,7,0)+IF('Standard Profiles'!$G$19=$B$17,14,0)+IF('Standard Profiles'!$G$19=$B$24,21,0),MOD($C6796,24)+1)/SUM(INDEX($D$3:$AA$30,INDEX(Jesper!$R$2:$R$366,ROW(INDEX(Jesper!AI$2:AI$366,ROUNDDOWN($C6796/24,0)+1,1))-1)+IF('Standard Profiles'!$G$19=$B$10,7,0)+IF('Standard Profiles'!$G$19=$B$17,14,0)+IF('Standard Profiles'!$G$19=$B$24,21,0),0)),0)</f>
        <v>0</v>
      </c>
      <c r="F6796" cm="1">
        <f t="array" ref="F6796">IFERROR(INDEX(Jesper!AJ$2:AJ$366,ROUNDDOWN($C6796/24,0)+1,1)*INDEX($D$3:$AA$30,INDEX(Jesper!$R$2:$R$366,ROW(INDEX(Jesper!AJ$2:AJ$366,ROUNDDOWN($C6796/24,0)+1,1))-1)+IF('Standard Profiles'!$G$20=$B$10,7,0)+IF('Standard Profiles'!$G$20=$B$17,14,0)+IF('Standard Profiles'!$G$20=$B$24,21,0),MOD($C6796,24)+1)/SUM(INDEX($D$3:$AA$30,INDEX(Jesper!$R$2:$R$366,ROW(INDEX(Jesper!AJ$2:AJ$366,ROUNDDOWN($C6796/24,0)+1,1))-1)+IF('Standard Profiles'!$G$20=$B$10,7,0)+IF('Standard Profiles'!$G$20=$B$17,14,0)+IF('Standard Profiles'!$G$20=$B$24,21,0),0)),0)</f>
        <v>0</v>
      </c>
      <c r="G6796" cm="1">
        <f t="array" ref="G6796">IFERROR(INDEX(Jesper!AK$2:AK$366,ROUNDDOWN($C6796/24,0)+1,1)*INDEX($D$3:$AA$30,INDEX(Jesper!$R$2:$R$366,ROW(INDEX(Jesper!AK$2:AK$366,ROUNDDOWN($C6796/24,0)+1,1))-1)+IF('Standard Profiles'!$G$21=$B$10,7,0)+IF('Standard Profiles'!$G$21=$B$17,14,0)+IF('Standard Profiles'!$G$21=$B$24,21,0),MOD($C6796,24)+1)/SUM(INDEX($D$3:$AA$30,INDEX(Jesper!$R$2:$R$366,ROW(INDEX(Jesper!AK$2:AK$366,ROUNDDOWN($C6796/24,0)+1,1))-1)+IF('Standard Profiles'!$G$21=$B$10,7,0)+IF('Standard Profiles'!$G$21=$B$17,14,0)+IF('Standard Profiles'!$G$21=$B$24,21,0),0)),0)</f>
        <v>0</v>
      </c>
      <c r="H6796" cm="1">
        <f t="array" ref="H6796">IFERROR(INDEX(Jesper!AL$2:AL$366,ROUNDDOWN($C6796/24,0)+1,1)*INDEX($D$3:$AA$30,INDEX(Jesper!$R$2:$R$366,ROW(INDEX(Jesper!AL$2:AL$366,ROUNDDOWN($C6796/24,0)+1,1))-1)+IF('Standard Profiles'!$G$22=$B$10,7,0)+IF('Standard Profiles'!$G$22=$B$17,14,0)+IF('Standard Profiles'!$G$22=$B$24,21,0),MOD($C6796,24)+1)/SUM(INDEX($D$3:$AA$30,INDEX(Jesper!$R$2:$R$366,ROW(INDEX(Jesper!AL$2:AL$366,ROUNDDOWN($C6796/24,0)+1,1))-1)+IF('Standard Profiles'!$G$22=$B$10,7,0)+IF('Standard Profiles'!$G$22=$B$17,14,0)+IF('Standard Profiles'!$G$22=$B$24,21,0),0)),0)</f>
        <v>0</v>
      </c>
      <c r="I6796">
        <f t="shared" si="755"/>
        <v>0.44205642682816421</v>
      </c>
      <c r="J6796">
        <f t="shared" si="756"/>
        <v>1.4735214227605475</v>
      </c>
      <c r="K6796">
        <f t="shared" si="757"/>
        <v>2.210282134140821</v>
      </c>
      <c r="L6796">
        <f t="shared" si="758"/>
        <v>10.609354243875941</v>
      </c>
      <c r="M6796">
        <f t="shared" si="759"/>
        <v>0</v>
      </c>
      <c r="N6796" s="46">
        <f t="shared" si="760"/>
        <v>45573.7499999836</v>
      </c>
    </row>
    <row r="6797" spans="2:14" x14ac:dyDescent="0.3">
      <c r="B6797">
        <f t="shared" si="754"/>
        <v>2</v>
      </c>
      <c r="C6797" s="16">
        <v>6763</v>
      </c>
      <c r="D6797" cm="1">
        <f t="array" ref="D6797">IFERROR(INDEX(Jesper!AH$2:AH$366,ROUNDDOWN($C6797/24,0)+1,1)*INDEX($D$3:$AA$30,INDEX(Jesper!$R$2:$R$366,ROW(INDEX(Jesper!AH$2:AH$366,ROUNDDOWN($C6797/24,0)+1,1))-1)+IF('Standard Profiles'!$G$18=$B$10,7,0)+IF('Standard Profiles'!$G$18=$B$17,14,0)+IF('Standard Profiles'!$G$18=$B$24,21,0),MOD($C6797,24)+1)/SUM(INDEX($D$3:$AA$30,INDEX(Jesper!$R$2:$R$366,ROW(INDEX(Jesper!AH$2:AH$366,ROUNDDOWN($C6797/24,0)+1,1))-1)+IF('Standard Profiles'!$G$18=$B$10,7,0)+IF('Standard Profiles'!$G$18=$B$17,14,0)+IF('Standard Profiles'!$G$18=$B$24,21,0),0)),0)</f>
        <v>12.340741915619585</v>
      </c>
      <c r="E6797" cm="1">
        <f t="array" ref="E6797">IFERROR(INDEX(Jesper!AI$2:AI$366,ROUNDDOWN($C6797/24,0)+1,1)*INDEX($D$3:$AA$30,INDEX(Jesper!$R$2:$R$366,ROW(INDEX(Jesper!AI$2:AI$366,ROUNDDOWN($C6797/24,0)+1,1))-1)+IF('Standard Profiles'!$G$19=$B$10,7,0)+IF('Standard Profiles'!$G$19=$B$17,14,0)+IF('Standard Profiles'!$G$19=$B$24,21,0),MOD($C6797,24)+1)/SUM(INDEX($D$3:$AA$30,INDEX(Jesper!$R$2:$R$366,ROW(INDEX(Jesper!AI$2:AI$366,ROUNDDOWN($C6797/24,0)+1,1))-1)+IF('Standard Profiles'!$G$19=$B$10,7,0)+IF('Standard Profiles'!$G$19=$B$17,14,0)+IF('Standard Profiles'!$G$19=$B$24,21,0),0)),0)</f>
        <v>0</v>
      </c>
      <c r="F6797" cm="1">
        <f t="array" ref="F6797">IFERROR(INDEX(Jesper!AJ$2:AJ$366,ROUNDDOWN($C6797/24,0)+1,1)*INDEX($D$3:$AA$30,INDEX(Jesper!$R$2:$R$366,ROW(INDEX(Jesper!AJ$2:AJ$366,ROUNDDOWN($C6797/24,0)+1,1))-1)+IF('Standard Profiles'!$G$20=$B$10,7,0)+IF('Standard Profiles'!$G$20=$B$17,14,0)+IF('Standard Profiles'!$G$20=$B$24,21,0),MOD($C6797,24)+1)/SUM(INDEX($D$3:$AA$30,INDEX(Jesper!$R$2:$R$366,ROW(INDEX(Jesper!AJ$2:AJ$366,ROUNDDOWN($C6797/24,0)+1,1))-1)+IF('Standard Profiles'!$G$20=$B$10,7,0)+IF('Standard Profiles'!$G$20=$B$17,14,0)+IF('Standard Profiles'!$G$20=$B$24,21,0),0)),0)</f>
        <v>0</v>
      </c>
      <c r="G6797" cm="1">
        <f t="array" ref="G6797">IFERROR(INDEX(Jesper!AK$2:AK$366,ROUNDDOWN($C6797/24,0)+1,1)*INDEX($D$3:$AA$30,INDEX(Jesper!$R$2:$R$366,ROW(INDEX(Jesper!AK$2:AK$366,ROUNDDOWN($C6797/24,0)+1,1))-1)+IF('Standard Profiles'!$G$21=$B$10,7,0)+IF('Standard Profiles'!$G$21=$B$17,14,0)+IF('Standard Profiles'!$G$21=$B$24,21,0),MOD($C6797,24)+1)/SUM(INDEX($D$3:$AA$30,INDEX(Jesper!$R$2:$R$366,ROW(INDEX(Jesper!AK$2:AK$366,ROUNDDOWN($C6797/24,0)+1,1))-1)+IF('Standard Profiles'!$G$21=$B$10,7,0)+IF('Standard Profiles'!$G$21=$B$17,14,0)+IF('Standard Profiles'!$G$21=$B$24,21,0),0)),0)</f>
        <v>0</v>
      </c>
      <c r="H6797" cm="1">
        <f t="array" ref="H6797">IFERROR(INDEX(Jesper!AL$2:AL$366,ROUNDDOWN($C6797/24,0)+1,1)*INDEX($D$3:$AA$30,INDEX(Jesper!$R$2:$R$366,ROW(INDEX(Jesper!AL$2:AL$366,ROUNDDOWN($C6797/24,0)+1,1))-1)+IF('Standard Profiles'!$G$22=$B$10,7,0)+IF('Standard Profiles'!$G$22=$B$17,14,0)+IF('Standard Profiles'!$G$22=$B$24,21,0),MOD($C6797,24)+1)/SUM(INDEX($D$3:$AA$30,INDEX(Jesper!$R$2:$R$366,ROW(INDEX(Jesper!AL$2:AL$366,ROUNDDOWN($C6797/24,0)+1,1))-1)+IF('Standard Profiles'!$G$22=$B$10,7,0)+IF('Standard Profiles'!$G$22=$B$17,14,0)+IF('Standard Profiles'!$G$22=$B$24,21,0),0)),0)</f>
        <v>0</v>
      </c>
      <c r="I6797">
        <f t="shared" si="755"/>
        <v>0.37022225746858756</v>
      </c>
      <c r="J6797">
        <f t="shared" si="756"/>
        <v>1.2340741915619586</v>
      </c>
      <c r="K6797">
        <f t="shared" si="757"/>
        <v>1.8511112873429376</v>
      </c>
      <c r="L6797">
        <f t="shared" si="758"/>
        <v>8.8853341792461009</v>
      </c>
      <c r="M6797">
        <f t="shared" si="759"/>
        <v>0</v>
      </c>
      <c r="N6797" s="46">
        <f t="shared" si="760"/>
        <v>45573.791666650264</v>
      </c>
    </row>
    <row r="6798" spans="2:14" x14ac:dyDescent="0.3">
      <c r="B6798">
        <f t="shared" si="754"/>
        <v>2</v>
      </c>
      <c r="C6798" s="16">
        <v>6764</v>
      </c>
      <c r="D6798" cm="1">
        <f t="array" ref="D6798">IFERROR(INDEX(Jesper!AH$2:AH$366,ROUNDDOWN($C6798/24,0)+1,1)*INDEX($D$3:$AA$30,INDEX(Jesper!$R$2:$R$366,ROW(INDEX(Jesper!AH$2:AH$366,ROUNDDOWN($C6798/24,0)+1,1))-1)+IF('Standard Profiles'!$G$18=$B$10,7,0)+IF('Standard Profiles'!$G$18=$B$17,14,0)+IF('Standard Profiles'!$G$18=$B$24,21,0),MOD($C6798,24)+1)/SUM(INDEX($D$3:$AA$30,INDEX(Jesper!$R$2:$R$366,ROW(INDEX(Jesper!AH$2:AH$366,ROUNDDOWN($C6798/24,0)+1,1))-1)+IF('Standard Profiles'!$G$18=$B$10,7,0)+IF('Standard Profiles'!$G$18=$B$17,14,0)+IF('Standard Profiles'!$G$18=$B$24,21,0),0)),0)</f>
        <v>10.130459781478763</v>
      </c>
      <c r="E6798" cm="1">
        <f t="array" ref="E6798">IFERROR(INDEX(Jesper!AI$2:AI$366,ROUNDDOWN($C6798/24,0)+1,1)*INDEX($D$3:$AA$30,INDEX(Jesper!$R$2:$R$366,ROW(INDEX(Jesper!AI$2:AI$366,ROUNDDOWN($C6798/24,0)+1,1))-1)+IF('Standard Profiles'!$G$19=$B$10,7,0)+IF('Standard Profiles'!$G$19=$B$17,14,0)+IF('Standard Profiles'!$G$19=$B$24,21,0),MOD($C6798,24)+1)/SUM(INDEX($D$3:$AA$30,INDEX(Jesper!$R$2:$R$366,ROW(INDEX(Jesper!AI$2:AI$366,ROUNDDOWN($C6798/24,0)+1,1))-1)+IF('Standard Profiles'!$G$19=$B$10,7,0)+IF('Standard Profiles'!$G$19=$B$17,14,0)+IF('Standard Profiles'!$G$19=$B$24,21,0),0)),0)</f>
        <v>0</v>
      </c>
      <c r="F6798" cm="1">
        <f t="array" ref="F6798">IFERROR(INDEX(Jesper!AJ$2:AJ$366,ROUNDDOWN($C6798/24,0)+1,1)*INDEX($D$3:$AA$30,INDEX(Jesper!$R$2:$R$366,ROW(INDEX(Jesper!AJ$2:AJ$366,ROUNDDOWN($C6798/24,0)+1,1))-1)+IF('Standard Profiles'!$G$20=$B$10,7,0)+IF('Standard Profiles'!$G$20=$B$17,14,0)+IF('Standard Profiles'!$G$20=$B$24,21,0),MOD($C6798,24)+1)/SUM(INDEX($D$3:$AA$30,INDEX(Jesper!$R$2:$R$366,ROW(INDEX(Jesper!AJ$2:AJ$366,ROUNDDOWN($C6798/24,0)+1,1))-1)+IF('Standard Profiles'!$G$20=$B$10,7,0)+IF('Standard Profiles'!$G$20=$B$17,14,0)+IF('Standard Profiles'!$G$20=$B$24,21,0),0)),0)</f>
        <v>0</v>
      </c>
      <c r="G6798" cm="1">
        <f t="array" ref="G6798">IFERROR(INDEX(Jesper!AK$2:AK$366,ROUNDDOWN($C6798/24,0)+1,1)*INDEX($D$3:$AA$30,INDEX(Jesper!$R$2:$R$366,ROW(INDEX(Jesper!AK$2:AK$366,ROUNDDOWN($C6798/24,0)+1,1))-1)+IF('Standard Profiles'!$G$21=$B$10,7,0)+IF('Standard Profiles'!$G$21=$B$17,14,0)+IF('Standard Profiles'!$G$21=$B$24,21,0),MOD($C6798,24)+1)/SUM(INDEX($D$3:$AA$30,INDEX(Jesper!$R$2:$R$366,ROW(INDEX(Jesper!AK$2:AK$366,ROUNDDOWN($C6798/24,0)+1,1))-1)+IF('Standard Profiles'!$G$21=$B$10,7,0)+IF('Standard Profiles'!$G$21=$B$17,14,0)+IF('Standard Profiles'!$G$21=$B$24,21,0),0)),0)</f>
        <v>0</v>
      </c>
      <c r="H6798" cm="1">
        <f t="array" ref="H6798">IFERROR(INDEX(Jesper!AL$2:AL$366,ROUNDDOWN($C6798/24,0)+1,1)*INDEX($D$3:$AA$30,INDEX(Jesper!$R$2:$R$366,ROW(INDEX(Jesper!AL$2:AL$366,ROUNDDOWN($C6798/24,0)+1,1))-1)+IF('Standard Profiles'!$G$22=$B$10,7,0)+IF('Standard Profiles'!$G$22=$B$17,14,0)+IF('Standard Profiles'!$G$22=$B$24,21,0),MOD($C6798,24)+1)/SUM(INDEX($D$3:$AA$30,INDEX(Jesper!$R$2:$R$366,ROW(INDEX(Jesper!AL$2:AL$366,ROUNDDOWN($C6798/24,0)+1,1))-1)+IF('Standard Profiles'!$G$22=$B$10,7,0)+IF('Standard Profiles'!$G$22=$B$17,14,0)+IF('Standard Profiles'!$G$22=$B$24,21,0),0)),0)</f>
        <v>0</v>
      </c>
      <c r="I6798">
        <f t="shared" si="755"/>
        <v>0.30391379344436287</v>
      </c>
      <c r="J6798">
        <f t="shared" si="756"/>
        <v>1.0130459781478762</v>
      </c>
      <c r="K6798">
        <f t="shared" si="757"/>
        <v>1.5195689672218144</v>
      </c>
      <c r="L6798">
        <f t="shared" si="758"/>
        <v>7.2939310426647088</v>
      </c>
      <c r="M6798">
        <f t="shared" si="759"/>
        <v>0</v>
      </c>
      <c r="N6798" s="46">
        <f t="shared" si="760"/>
        <v>45573.833333316928</v>
      </c>
    </row>
    <row r="6799" spans="2:14" x14ac:dyDescent="0.3">
      <c r="B6799">
        <f t="shared" si="754"/>
        <v>2</v>
      </c>
      <c r="C6799" s="16">
        <v>6765</v>
      </c>
      <c r="D6799" cm="1">
        <f t="array" ref="D6799">IFERROR(INDEX(Jesper!AH$2:AH$366,ROUNDDOWN($C6799/24,0)+1,1)*INDEX($D$3:$AA$30,INDEX(Jesper!$R$2:$R$366,ROW(INDEX(Jesper!AH$2:AH$366,ROUNDDOWN($C6799/24,0)+1,1))-1)+IF('Standard Profiles'!$G$18=$B$10,7,0)+IF('Standard Profiles'!$G$18=$B$17,14,0)+IF('Standard Profiles'!$G$18=$B$24,21,0),MOD($C6799,24)+1)/SUM(INDEX($D$3:$AA$30,INDEX(Jesper!$R$2:$R$366,ROW(INDEX(Jesper!AH$2:AH$366,ROUNDDOWN($C6799/24,0)+1,1))-1)+IF('Standard Profiles'!$G$18=$B$10,7,0)+IF('Standard Profiles'!$G$18=$B$17,14,0)+IF('Standard Profiles'!$G$18=$B$24,21,0),0)),0)</f>
        <v>7.3676071138027375</v>
      </c>
      <c r="E6799" cm="1">
        <f t="array" ref="E6799">IFERROR(INDEX(Jesper!AI$2:AI$366,ROUNDDOWN($C6799/24,0)+1,1)*INDEX($D$3:$AA$30,INDEX(Jesper!$R$2:$R$366,ROW(INDEX(Jesper!AI$2:AI$366,ROUNDDOWN($C6799/24,0)+1,1))-1)+IF('Standard Profiles'!$G$19=$B$10,7,0)+IF('Standard Profiles'!$G$19=$B$17,14,0)+IF('Standard Profiles'!$G$19=$B$24,21,0),MOD($C6799,24)+1)/SUM(INDEX($D$3:$AA$30,INDEX(Jesper!$R$2:$R$366,ROW(INDEX(Jesper!AI$2:AI$366,ROUNDDOWN($C6799/24,0)+1,1))-1)+IF('Standard Profiles'!$G$19=$B$10,7,0)+IF('Standard Profiles'!$G$19=$B$17,14,0)+IF('Standard Profiles'!$G$19=$B$24,21,0),0)),0)</f>
        <v>0</v>
      </c>
      <c r="F6799" cm="1">
        <f t="array" ref="F6799">IFERROR(INDEX(Jesper!AJ$2:AJ$366,ROUNDDOWN($C6799/24,0)+1,1)*INDEX($D$3:$AA$30,INDEX(Jesper!$R$2:$R$366,ROW(INDEX(Jesper!AJ$2:AJ$366,ROUNDDOWN($C6799/24,0)+1,1))-1)+IF('Standard Profiles'!$G$20=$B$10,7,0)+IF('Standard Profiles'!$G$20=$B$17,14,0)+IF('Standard Profiles'!$G$20=$B$24,21,0),MOD($C6799,24)+1)/SUM(INDEX($D$3:$AA$30,INDEX(Jesper!$R$2:$R$366,ROW(INDEX(Jesper!AJ$2:AJ$366,ROUNDDOWN($C6799/24,0)+1,1))-1)+IF('Standard Profiles'!$G$20=$B$10,7,0)+IF('Standard Profiles'!$G$20=$B$17,14,0)+IF('Standard Profiles'!$G$20=$B$24,21,0),0)),0)</f>
        <v>0</v>
      </c>
      <c r="G6799" cm="1">
        <f t="array" ref="G6799">IFERROR(INDEX(Jesper!AK$2:AK$366,ROUNDDOWN($C6799/24,0)+1,1)*INDEX($D$3:$AA$30,INDEX(Jesper!$R$2:$R$366,ROW(INDEX(Jesper!AK$2:AK$366,ROUNDDOWN($C6799/24,0)+1,1))-1)+IF('Standard Profiles'!$G$21=$B$10,7,0)+IF('Standard Profiles'!$G$21=$B$17,14,0)+IF('Standard Profiles'!$G$21=$B$24,21,0),MOD($C6799,24)+1)/SUM(INDEX($D$3:$AA$30,INDEX(Jesper!$R$2:$R$366,ROW(INDEX(Jesper!AK$2:AK$366,ROUNDDOWN($C6799/24,0)+1,1))-1)+IF('Standard Profiles'!$G$21=$B$10,7,0)+IF('Standard Profiles'!$G$21=$B$17,14,0)+IF('Standard Profiles'!$G$21=$B$24,21,0),0)),0)</f>
        <v>0</v>
      </c>
      <c r="H6799" cm="1">
        <f t="array" ref="H6799">IFERROR(INDEX(Jesper!AL$2:AL$366,ROUNDDOWN($C6799/24,0)+1,1)*INDEX($D$3:$AA$30,INDEX(Jesper!$R$2:$R$366,ROW(INDEX(Jesper!AL$2:AL$366,ROUNDDOWN($C6799/24,0)+1,1))-1)+IF('Standard Profiles'!$G$22=$B$10,7,0)+IF('Standard Profiles'!$G$22=$B$17,14,0)+IF('Standard Profiles'!$G$22=$B$24,21,0),MOD($C6799,24)+1)/SUM(INDEX($D$3:$AA$30,INDEX(Jesper!$R$2:$R$366,ROW(INDEX(Jesper!AL$2:AL$366,ROUNDDOWN($C6799/24,0)+1,1))-1)+IF('Standard Profiles'!$G$22=$B$10,7,0)+IF('Standard Profiles'!$G$22=$B$17,14,0)+IF('Standard Profiles'!$G$22=$B$24,21,0),0)),0)</f>
        <v>0</v>
      </c>
      <c r="I6799">
        <f t="shared" si="755"/>
        <v>0.2210282134140821</v>
      </c>
      <c r="J6799">
        <f t="shared" si="756"/>
        <v>0.73676071138027377</v>
      </c>
      <c r="K6799">
        <f t="shared" si="757"/>
        <v>1.1051410670704105</v>
      </c>
      <c r="L6799">
        <f t="shared" si="758"/>
        <v>5.3046771219379707</v>
      </c>
      <c r="M6799">
        <f t="shared" si="759"/>
        <v>0</v>
      </c>
      <c r="N6799" s="46">
        <f t="shared" si="760"/>
        <v>45573.874999983593</v>
      </c>
    </row>
    <row r="6800" spans="2:14" x14ac:dyDescent="0.3">
      <c r="B6800">
        <f t="shared" si="754"/>
        <v>2</v>
      </c>
      <c r="C6800" s="16">
        <v>6766</v>
      </c>
      <c r="D6800" cm="1">
        <f t="array" ref="D6800">IFERROR(INDEX(Jesper!AH$2:AH$366,ROUNDDOWN($C6800/24,0)+1,1)*INDEX($D$3:$AA$30,INDEX(Jesper!$R$2:$R$366,ROW(INDEX(Jesper!AH$2:AH$366,ROUNDDOWN($C6800/24,0)+1,1))-1)+IF('Standard Profiles'!$G$18=$B$10,7,0)+IF('Standard Profiles'!$G$18=$B$17,14,0)+IF('Standard Profiles'!$G$18=$B$24,21,0),MOD($C6800,24)+1)/SUM(INDEX($D$3:$AA$30,INDEX(Jesper!$R$2:$R$366,ROW(INDEX(Jesper!AH$2:AH$366,ROUNDDOWN($C6800/24,0)+1,1))-1)+IF('Standard Profiles'!$G$18=$B$10,7,0)+IF('Standard Profiles'!$G$18=$B$17,14,0)+IF('Standard Profiles'!$G$18=$B$24,21,0),0)),0)</f>
        <v>7.3676071138027375</v>
      </c>
      <c r="E6800" cm="1">
        <f t="array" ref="E6800">IFERROR(INDEX(Jesper!AI$2:AI$366,ROUNDDOWN($C6800/24,0)+1,1)*INDEX($D$3:$AA$30,INDEX(Jesper!$R$2:$R$366,ROW(INDEX(Jesper!AI$2:AI$366,ROUNDDOWN($C6800/24,0)+1,1))-1)+IF('Standard Profiles'!$G$19=$B$10,7,0)+IF('Standard Profiles'!$G$19=$B$17,14,0)+IF('Standard Profiles'!$G$19=$B$24,21,0),MOD($C6800,24)+1)/SUM(INDEX($D$3:$AA$30,INDEX(Jesper!$R$2:$R$366,ROW(INDEX(Jesper!AI$2:AI$366,ROUNDDOWN($C6800/24,0)+1,1))-1)+IF('Standard Profiles'!$G$19=$B$10,7,0)+IF('Standard Profiles'!$G$19=$B$17,14,0)+IF('Standard Profiles'!$G$19=$B$24,21,0),0)),0)</f>
        <v>0</v>
      </c>
      <c r="F6800" cm="1">
        <f t="array" ref="F6800">IFERROR(INDEX(Jesper!AJ$2:AJ$366,ROUNDDOWN($C6800/24,0)+1,1)*INDEX($D$3:$AA$30,INDEX(Jesper!$R$2:$R$366,ROW(INDEX(Jesper!AJ$2:AJ$366,ROUNDDOWN($C6800/24,0)+1,1))-1)+IF('Standard Profiles'!$G$20=$B$10,7,0)+IF('Standard Profiles'!$G$20=$B$17,14,0)+IF('Standard Profiles'!$G$20=$B$24,21,0),MOD($C6800,24)+1)/SUM(INDEX($D$3:$AA$30,INDEX(Jesper!$R$2:$R$366,ROW(INDEX(Jesper!AJ$2:AJ$366,ROUNDDOWN($C6800/24,0)+1,1))-1)+IF('Standard Profiles'!$G$20=$B$10,7,0)+IF('Standard Profiles'!$G$20=$B$17,14,0)+IF('Standard Profiles'!$G$20=$B$24,21,0),0)),0)</f>
        <v>0</v>
      </c>
      <c r="G6800" cm="1">
        <f t="array" ref="G6800">IFERROR(INDEX(Jesper!AK$2:AK$366,ROUNDDOWN($C6800/24,0)+1,1)*INDEX($D$3:$AA$30,INDEX(Jesper!$R$2:$R$366,ROW(INDEX(Jesper!AK$2:AK$366,ROUNDDOWN($C6800/24,0)+1,1))-1)+IF('Standard Profiles'!$G$21=$B$10,7,0)+IF('Standard Profiles'!$G$21=$B$17,14,0)+IF('Standard Profiles'!$G$21=$B$24,21,0),MOD($C6800,24)+1)/SUM(INDEX($D$3:$AA$30,INDEX(Jesper!$R$2:$R$366,ROW(INDEX(Jesper!AK$2:AK$366,ROUNDDOWN($C6800/24,0)+1,1))-1)+IF('Standard Profiles'!$G$21=$B$10,7,0)+IF('Standard Profiles'!$G$21=$B$17,14,0)+IF('Standard Profiles'!$G$21=$B$24,21,0),0)),0)</f>
        <v>0</v>
      </c>
      <c r="H6800" cm="1">
        <f t="array" ref="H6800">IFERROR(INDEX(Jesper!AL$2:AL$366,ROUNDDOWN($C6800/24,0)+1,1)*INDEX($D$3:$AA$30,INDEX(Jesper!$R$2:$R$366,ROW(INDEX(Jesper!AL$2:AL$366,ROUNDDOWN($C6800/24,0)+1,1))-1)+IF('Standard Profiles'!$G$22=$B$10,7,0)+IF('Standard Profiles'!$G$22=$B$17,14,0)+IF('Standard Profiles'!$G$22=$B$24,21,0),MOD($C6800,24)+1)/SUM(INDEX($D$3:$AA$30,INDEX(Jesper!$R$2:$R$366,ROW(INDEX(Jesper!AL$2:AL$366,ROUNDDOWN($C6800/24,0)+1,1))-1)+IF('Standard Profiles'!$G$22=$B$10,7,0)+IF('Standard Profiles'!$G$22=$B$17,14,0)+IF('Standard Profiles'!$G$22=$B$24,21,0),0)),0)</f>
        <v>0</v>
      </c>
      <c r="I6800">
        <f t="shared" si="755"/>
        <v>0.2210282134140821</v>
      </c>
      <c r="J6800">
        <f t="shared" si="756"/>
        <v>0.73676071138027377</v>
      </c>
      <c r="K6800">
        <f t="shared" si="757"/>
        <v>1.1051410670704105</v>
      </c>
      <c r="L6800">
        <f t="shared" si="758"/>
        <v>5.3046771219379707</v>
      </c>
      <c r="M6800">
        <f t="shared" si="759"/>
        <v>0</v>
      </c>
      <c r="N6800" s="46">
        <f t="shared" si="760"/>
        <v>45573.916666650257</v>
      </c>
    </row>
    <row r="6801" spans="2:14" x14ac:dyDescent="0.3">
      <c r="B6801">
        <f t="shared" si="754"/>
        <v>2</v>
      </c>
      <c r="C6801" s="16">
        <v>6767</v>
      </c>
      <c r="D6801" cm="1">
        <f t="array" ref="D6801">IFERROR(INDEX(Jesper!AH$2:AH$366,ROUNDDOWN($C6801/24,0)+1,1)*INDEX($D$3:$AA$30,INDEX(Jesper!$R$2:$R$366,ROW(INDEX(Jesper!AH$2:AH$366,ROUNDDOWN($C6801/24,0)+1,1))-1)+IF('Standard Profiles'!$G$18=$B$10,7,0)+IF('Standard Profiles'!$G$18=$B$17,14,0)+IF('Standard Profiles'!$G$18=$B$24,21,0),MOD($C6801,24)+1)/SUM(INDEX($D$3:$AA$30,INDEX(Jesper!$R$2:$R$366,ROW(INDEX(Jesper!AH$2:AH$366,ROUNDDOWN($C6801/24,0)+1,1))-1)+IF('Standard Profiles'!$G$18=$B$10,7,0)+IF('Standard Profiles'!$G$18=$B$17,14,0)+IF('Standard Profiles'!$G$18=$B$24,21,0),0)),0)</f>
        <v>7.3676071138027375</v>
      </c>
      <c r="E6801" cm="1">
        <f t="array" ref="E6801">IFERROR(INDEX(Jesper!AI$2:AI$366,ROUNDDOWN($C6801/24,0)+1,1)*INDEX($D$3:$AA$30,INDEX(Jesper!$R$2:$R$366,ROW(INDEX(Jesper!AI$2:AI$366,ROUNDDOWN($C6801/24,0)+1,1))-1)+IF('Standard Profiles'!$G$19=$B$10,7,0)+IF('Standard Profiles'!$G$19=$B$17,14,0)+IF('Standard Profiles'!$G$19=$B$24,21,0),MOD($C6801,24)+1)/SUM(INDEX($D$3:$AA$30,INDEX(Jesper!$R$2:$R$366,ROW(INDEX(Jesper!AI$2:AI$366,ROUNDDOWN($C6801/24,0)+1,1))-1)+IF('Standard Profiles'!$G$19=$B$10,7,0)+IF('Standard Profiles'!$G$19=$B$17,14,0)+IF('Standard Profiles'!$G$19=$B$24,21,0),0)),0)</f>
        <v>0</v>
      </c>
      <c r="F6801" cm="1">
        <f t="array" ref="F6801">IFERROR(INDEX(Jesper!AJ$2:AJ$366,ROUNDDOWN($C6801/24,0)+1,1)*INDEX($D$3:$AA$30,INDEX(Jesper!$R$2:$R$366,ROW(INDEX(Jesper!AJ$2:AJ$366,ROUNDDOWN($C6801/24,0)+1,1))-1)+IF('Standard Profiles'!$G$20=$B$10,7,0)+IF('Standard Profiles'!$G$20=$B$17,14,0)+IF('Standard Profiles'!$G$20=$B$24,21,0),MOD($C6801,24)+1)/SUM(INDEX($D$3:$AA$30,INDEX(Jesper!$R$2:$R$366,ROW(INDEX(Jesper!AJ$2:AJ$366,ROUNDDOWN($C6801/24,0)+1,1))-1)+IF('Standard Profiles'!$G$20=$B$10,7,0)+IF('Standard Profiles'!$G$20=$B$17,14,0)+IF('Standard Profiles'!$G$20=$B$24,21,0),0)),0)</f>
        <v>0</v>
      </c>
      <c r="G6801" cm="1">
        <f t="array" ref="G6801">IFERROR(INDEX(Jesper!AK$2:AK$366,ROUNDDOWN($C6801/24,0)+1,1)*INDEX($D$3:$AA$30,INDEX(Jesper!$R$2:$R$366,ROW(INDEX(Jesper!AK$2:AK$366,ROUNDDOWN($C6801/24,0)+1,1))-1)+IF('Standard Profiles'!$G$21=$B$10,7,0)+IF('Standard Profiles'!$G$21=$B$17,14,0)+IF('Standard Profiles'!$G$21=$B$24,21,0),MOD($C6801,24)+1)/SUM(INDEX($D$3:$AA$30,INDEX(Jesper!$R$2:$R$366,ROW(INDEX(Jesper!AK$2:AK$366,ROUNDDOWN($C6801/24,0)+1,1))-1)+IF('Standard Profiles'!$G$21=$B$10,7,0)+IF('Standard Profiles'!$G$21=$B$17,14,0)+IF('Standard Profiles'!$G$21=$B$24,21,0),0)),0)</f>
        <v>0</v>
      </c>
      <c r="H6801" cm="1">
        <f t="array" ref="H6801">IFERROR(INDEX(Jesper!AL$2:AL$366,ROUNDDOWN($C6801/24,0)+1,1)*INDEX($D$3:$AA$30,INDEX(Jesper!$R$2:$R$366,ROW(INDEX(Jesper!AL$2:AL$366,ROUNDDOWN($C6801/24,0)+1,1))-1)+IF('Standard Profiles'!$G$22=$B$10,7,0)+IF('Standard Profiles'!$G$22=$B$17,14,0)+IF('Standard Profiles'!$G$22=$B$24,21,0),MOD($C6801,24)+1)/SUM(INDEX($D$3:$AA$30,INDEX(Jesper!$R$2:$R$366,ROW(INDEX(Jesper!AL$2:AL$366,ROUNDDOWN($C6801/24,0)+1,1))-1)+IF('Standard Profiles'!$G$22=$B$10,7,0)+IF('Standard Profiles'!$G$22=$B$17,14,0)+IF('Standard Profiles'!$G$22=$B$24,21,0),0)),0)</f>
        <v>0</v>
      </c>
      <c r="I6801">
        <f t="shared" si="755"/>
        <v>0.2210282134140821</v>
      </c>
      <c r="J6801">
        <f t="shared" si="756"/>
        <v>0.73676071138027377</v>
      </c>
      <c r="K6801">
        <f t="shared" si="757"/>
        <v>1.1051410670704105</v>
      </c>
      <c r="L6801">
        <f t="shared" si="758"/>
        <v>5.3046771219379707</v>
      </c>
      <c r="M6801">
        <f t="shared" si="759"/>
        <v>0</v>
      </c>
      <c r="N6801" s="46">
        <f t="shared" si="760"/>
        <v>45573.958333316921</v>
      </c>
    </row>
    <row r="6802" spans="2:14" x14ac:dyDescent="0.3">
      <c r="B6802">
        <f t="shared" si="754"/>
        <v>3</v>
      </c>
      <c r="C6802" s="16">
        <v>6768</v>
      </c>
      <c r="D6802" cm="1">
        <f t="array" ref="D6802">IFERROR(INDEX(Jesper!AH$2:AH$366,ROUNDDOWN($C6802/24,0)+1,1)*INDEX($D$3:$AA$30,INDEX(Jesper!$R$2:$R$366,ROW(INDEX(Jesper!AH$2:AH$366,ROUNDDOWN($C6802/24,0)+1,1))-1)+IF('Standard Profiles'!$G$18=$B$10,7,0)+IF('Standard Profiles'!$G$18=$B$17,14,0)+IF('Standard Profiles'!$G$18=$B$24,21,0),MOD($C6802,24)+1)/SUM(INDEX($D$3:$AA$30,INDEX(Jesper!$R$2:$R$366,ROW(INDEX(Jesper!AH$2:AH$366,ROUNDDOWN($C6802/24,0)+1,1))-1)+IF('Standard Profiles'!$G$18=$B$10,7,0)+IF('Standard Profiles'!$G$18=$B$17,14,0)+IF('Standard Profiles'!$G$18=$B$24,21,0),0)),0)</f>
        <v>6.479237600524943</v>
      </c>
      <c r="E6802" cm="1">
        <f t="array" ref="E6802">IFERROR(INDEX(Jesper!AI$2:AI$366,ROUNDDOWN($C6802/24,0)+1,1)*INDEX($D$3:$AA$30,INDEX(Jesper!$R$2:$R$366,ROW(INDEX(Jesper!AI$2:AI$366,ROUNDDOWN($C6802/24,0)+1,1))-1)+IF('Standard Profiles'!$G$19=$B$10,7,0)+IF('Standard Profiles'!$G$19=$B$17,14,0)+IF('Standard Profiles'!$G$19=$B$24,21,0),MOD($C6802,24)+1)/SUM(INDEX($D$3:$AA$30,INDEX(Jesper!$R$2:$R$366,ROW(INDEX(Jesper!AI$2:AI$366,ROUNDDOWN($C6802/24,0)+1,1))-1)+IF('Standard Profiles'!$G$19=$B$10,7,0)+IF('Standard Profiles'!$G$19=$B$17,14,0)+IF('Standard Profiles'!$G$19=$B$24,21,0),0)),0)</f>
        <v>0</v>
      </c>
      <c r="F6802" cm="1">
        <f t="array" ref="F6802">IFERROR(INDEX(Jesper!AJ$2:AJ$366,ROUNDDOWN($C6802/24,0)+1,1)*INDEX($D$3:$AA$30,INDEX(Jesper!$R$2:$R$366,ROW(INDEX(Jesper!AJ$2:AJ$366,ROUNDDOWN($C6802/24,0)+1,1))-1)+IF('Standard Profiles'!$G$20=$B$10,7,0)+IF('Standard Profiles'!$G$20=$B$17,14,0)+IF('Standard Profiles'!$G$20=$B$24,21,0),MOD($C6802,24)+1)/SUM(INDEX($D$3:$AA$30,INDEX(Jesper!$R$2:$R$366,ROW(INDEX(Jesper!AJ$2:AJ$366,ROUNDDOWN($C6802/24,0)+1,1))-1)+IF('Standard Profiles'!$G$20=$B$10,7,0)+IF('Standard Profiles'!$G$20=$B$17,14,0)+IF('Standard Profiles'!$G$20=$B$24,21,0),0)),0)</f>
        <v>0</v>
      </c>
      <c r="G6802" cm="1">
        <f t="array" ref="G6802">IFERROR(INDEX(Jesper!AK$2:AK$366,ROUNDDOWN($C6802/24,0)+1,1)*INDEX($D$3:$AA$30,INDEX(Jesper!$R$2:$R$366,ROW(INDEX(Jesper!AK$2:AK$366,ROUNDDOWN($C6802/24,0)+1,1))-1)+IF('Standard Profiles'!$G$21=$B$10,7,0)+IF('Standard Profiles'!$G$21=$B$17,14,0)+IF('Standard Profiles'!$G$21=$B$24,21,0),MOD($C6802,24)+1)/SUM(INDEX($D$3:$AA$30,INDEX(Jesper!$R$2:$R$366,ROW(INDEX(Jesper!AK$2:AK$366,ROUNDDOWN($C6802/24,0)+1,1))-1)+IF('Standard Profiles'!$G$21=$B$10,7,0)+IF('Standard Profiles'!$G$21=$B$17,14,0)+IF('Standard Profiles'!$G$21=$B$24,21,0),0)),0)</f>
        <v>0</v>
      </c>
      <c r="H6802" cm="1">
        <f t="array" ref="H6802">IFERROR(INDEX(Jesper!AL$2:AL$366,ROUNDDOWN($C6802/24,0)+1,1)*INDEX($D$3:$AA$30,INDEX(Jesper!$R$2:$R$366,ROW(INDEX(Jesper!AL$2:AL$366,ROUNDDOWN($C6802/24,0)+1,1))-1)+IF('Standard Profiles'!$G$22=$B$10,7,0)+IF('Standard Profiles'!$G$22=$B$17,14,0)+IF('Standard Profiles'!$G$22=$B$24,21,0),MOD($C6802,24)+1)/SUM(INDEX($D$3:$AA$30,INDEX(Jesper!$R$2:$R$366,ROW(INDEX(Jesper!AL$2:AL$366,ROUNDDOWN($C6802/24,0)+1,1))-1)+IF('Standard Profiles'!$G$22=$B$10,7,0)+IF('Standard Profiles'!$G$22=$B$17,14,0)+IF('Standard Profiles'!$G$22=$B$24,21,0),0)),0)</f>
        <v>0</v>
      </c>
      <c r="I6802">
        <f t="shared" si="755"/>
        <v>0.19437712801574827</v>
      </c>
      <c r="J6802">
        <f t="shared" si="756"/>
        <v>0.6479237600524943</v>
      </c>
      <c r="K6802">
        <f t="shared" si="757"/>
        <v>0.97188564007874145</v>
      </c>
      <c r="L6802">
        <f t="shared" si="758"/>
        <v>4.6650510723779588</v>
      </c>
      <c r="M6802">
        <f t="shared" si="759"/>
        <v>0</v>
      </c>
      <c r="N6802" s="46">
        <f t="shared" si="760"/>
        <v>45573.999999983585</v>
      </c>
    </row>
    <row r="6803" spans="2:14" x14ac:dyDescent="0.3">
      <c r="B6803">
        <f t="shared" si="754"/>
        <v>3</v>
      </c>
      <c r="C6803" s="16">
        <v>6769</v>
      </c>
      <c r="D6803" cm="1">
        <f t="array" ref="D6803">IFERROR(INDEX(Jesper!AH$2:AH$366,ROUNDDOWN($C6803/24,0)+1,1)*INDEX($D$3:$AA$30,INDEX(Jesper!$R$2:$R$366,ROW(INDEX(Jesper!AH$2:AH$366,ROUNDDOWN($C6803/24,0)+1,1))-1)+IF('Standard Profiles'!$G$18=$B$10,7,0)+IF('Standard Profiles'!$G$18=$B$17,14,0)+IF('Standard Profiles'!$G$18=$B$24,21,0),MOD($C6803,24)+1)/SUM(INDEX($D$3:$AA$30,INDEX(Jesper!$R$2:$R$366,ROW(INDEX(Jesper!AH$2:AH$366,ROUNDDOWN($C6803/24,0)+1,1))-1)+IF('Standard Profiles'!$G$18=$B$10,7,0)+IF('Standard Profiles'!$G$18=$B$17,14,0)+IF('Standard Profiles'!$G$18=$B$24,21,0),0)),0)</f>
        <v>7.2891423005905605</v>
      </c>
      <c r="E6803" cm="1">
        <f t="array" ref="E6803">IFERROR(INDEX(Jesper!AI$2:AI$366,ROUNDDOWN($C6803/24,0)+1,1)*INDEX($D$3:$AA$30,INDEX(Jesper!$R$2:$R$366,ROW(INDEX(Jesper!AI$2:AI$366,ROUNDDOWN($C6803/24,0)+1,1))-1)+IF('Standard Profiles'!$G$19=$B$10,7,0)+IF('Standard Profiles'!$G$19=$B$17,14,0)+IF('Standard Profiles'!$G$19=$B$24,21,0),MOD($C6803,24)+1)/SUM(INDEX($D$3:$AA$30,INDEX(Jesper!$R$2:$R$366,ROW(INDEX(Jesper!AI$2:AI$366,ROUNDDOWN($C6803/24,0)+1,1))-1)+IF('Standard Profiles'!$G$19=$B$10,7,0)+IF('Standard Profiles'!$G$19=$B$17,14,0)+IF('Standard Profiles'!$G$19=$B$24,21,0),0)),0)</f>
        <v>0</v>
      </c>
      <c r="F6803" cm="1">
        <f t="array" ref="F6803">IFERROR(INDEX(Jesper!AJ$2:AJ$366,ROUNDDOWN($C6803/24,0)+1,1)*INDEX($D$3:$AA$30,INDEX(Jesper!$R$2:$R$366,ROW(INDEX(Jesper!AJ$2:AJ$366,ROUNDDOWN($C6803/24,0)+1,1))-1)+IF('Standard Profiles'!$G$20=$B$10,7,0)+IF('Standard Profiles'!$G$20=$B$17,14,0)+IF('Standard Profiles'!$G$20=$B$24,21,0),MOD($C6803,24)+1)/SUM(INDEX($D$3:$AA$30,INDEX(Jesper!$R$2:$R$366,ROW(INDEX(Jesper!AJ$2:AJ$366,ROUNDDOWN($C6803/24,0)+1,1))-1)+IF('Standard Profiles'!$G$20=$B$10,7,0)+IF('Standard Profiles'!$G$20=$B$17,14,0)+IF('Standard Profiles'!$G$20=$B$24,21,0),0)),0)</f>
        <v>0</v>
      </c>
      <c r="G6803" cm="1">
        <f t="array" ref="G6803">IFERROR(INDEX(Jesper!AK$2:AK$366,ROUNDDOWN($C6803/24,0)+1,1)*INDEX($D$3:$AA$30,INDEX(Jesper!$R$2:$R$366,ROW(INDEX(Jesper!AK$2:AK$366,ROUNDDOWN($C6803/24,0)+1,1))-1)+IF('Standard Profiles'!$G$21=$B$10,7,0)+IF('Standard Profiles'!$G$21=$B$17,14,0)+IF('Standard Profiles'!$G$21=$B$24,21,0),MOD($C6803,24)+1)/SUM(INDEX($D$3:$AA$30,INDEX(Jesper!$R$2:$R$366,ROW(INDEX(Jesper!AK$2:AK$366,ROUNDDOWN($C6803/24,0)+1,1))-1)+IF('Standard Profiles'!$G$21=$B$10,7,0)+IF('Standard Profiles'!$G$21=$B$17,14,0)+IF('Standard Profiles'!$G$21=$B$24,21,0),0)),0)</f>
        <v>0</v>
      </c>
      <c r="H6803" cm="1">
        <f t="array" ref="H6803">IFERROR(INDEX(Jesper!AL$2:AL$366,ROUNDDOWN($C6803/24,0)+1,1)*INDEX($D$3:$AA$30,INDEX(Jesper!$R$2:$R$366,ROW(INDEX(Jesper!AL$2:AL$366,ROUNDDOWN($C6803/24,0)+1,1))-1)+IF('Standard Profiles'!$G$22=$B$10,7,0)+IF('Standard Profiles'!$G$22=$B$17,14,0)+IF('Standard Profiles'!$G$22=$B$24,21,0),MOD($C6803,24)+1)/SUM(INDEX($D$3:$AA$30,INDEX(Jesper!$R$2:$R$366,ROW(INDEX(Jesper!AL$2:AL$366,ROUNDDOWN($C6803/24,0)+1,1))-1)+IF('Standard Profiles'!$G$22=$B$10,7,0)+IF('Standard Profiles'!$G$22=$B$17,14,0)+IF('Standard Profiles'!$G$22=$B$24,21,0),0)),0)</f>
        <v>0</v>
      </c>
      <c r="I6803">
        <f t="shared" si="755"/>
        <v>0.2186742690177168</v>
      </c>
      <c r="J6803">
        <f t="shared" si="756"/>
        <v>0.72891423005905609</v>
      </c>
      <c r="K6803">
        <f t="shared" si="757"/>
        <v>1.093371345088584</v>
      </c>
      <c r="L6803">
        <f t="shared" si="758"/>
        <v>5.2481824564252033</v>
      </c>
      <c r="M6803">
        <f t="shared" si="759"/>
        <v>0</v>
      </c>
      <c r="N6803" s="46">
        <f t="shared" si="760"/>
        <v>45574.04166665025</v>
      </c>
    </row>
    <row r="6804" spans="2:14" x14ac:dyDescent="0.3">
      <c r="B6804">
        <f t="shared" si="754"/>
        <v>3</v>
      </c>
      <c r="C6804" s="16">
        <v>6770</v>
      </c>
      <c r="D6804" cm="1">
        <f t="array" ref="D6804">IFERROR(INDEX(Jesper!AH$2:AH$366,ROUNDDOWN($C6804/24,0)+1,1)*INDEX($D$3:$AA$30,INDEX(Jesper!$R$2:$R$366,ROW(INDEX(Jesper!AH$2:AH$366,ROUNDDOWN($C6804/24,0)+1,1))-1)+IF('Standard Profiles'!$G$18=$B$10,7,0)+IF('Standard Profiles'!$G$18=$B$17,14,0)+IF('Standard Profiles'!$G$18=$B$24,21,0),MOD($C6804,24)+1)/SUM(INDEX($D$3:$AA$30,INDEX(Jesper!$R$2:$R$366,ROW(INDEX(Jesper!AH$2:AH$366,ROUNDDOWN($C6804/24,0)+1,1))-1)+IF('Standard Profiles'!$G$18=$B$10,7,0)+IF('Standard Profiles'!$G$18=$B$17,14,0)+IF('Standard Profiles'!$G$18=$B$24,21,0),0)),0)</f>
        <v>7.2891423005905605</v>
      </c>
      <c r="E6804" cm="1">
        <f t="array" ref="E6804">IFERROR(INDEX(Jesper!AI$2:AI$366,ROUNDDOWN($C6804/24,0)+1,1)*INDEX($D$3:$AA$30,INDEX(Jesper!$R$2:$R$366,ROW(INDEX(Jesper!AI$2:AI$366,ROUNDDOWN($C6804/24,0)+1,1))-1)+IF('Standard Profiles'!$G$19=$B$10,7,0)+IF('Standard Profiles'!$G$19=$B$17,14,0)+IF('Standard Profiles'!$G$19=$B$24,21,0),MOD($C6804,24)+1)/SUM(INDEX($D$3:$AA$30,INDEX(Jesper!$R$2:$R$366,ROW(INDEX(Jesper!AI$2:AI$366,ROUNDDOWN($C6804/24,0)+1,1))-1)+IF('Standard Profiles'!$G$19=$B$10,7,0)+IF('Standard Profiles'!$G$19=$B$17,14,0)+IF('Standard Profiles'!$G$19=$B$24,21,0),0)),0)</f>
        <v>0</v>
      </c>
      <c r="F6804" cm="1">
        <f t="array" ref="F6804">IFERROR(INDEX(Jesper!AJ$2:AJ$366,ROUNDDOWN($C6804/24,0)+1,1)*INDEX($D$3:$AA$30,INDEX(Jesper!$R$2:$R$366,ROW(INDEX(Jesper!AJ$2:AJ$366,ROUNDDOWN($C6804/24,0)+1,1))-1)+IF('Standard Profiles'!$G$20=$B$10,7,0)+IF('Standard Profiles'!$G$20=$B$17,14,0)+IF('Standard Profiles'!$G$20=$B$24,21,0),MOD($C6804,24)+1)/SUM(INDEX($D$3:$AA$30,INDEX(Jesper!$R$2:$R$366,ROW(INDEX(Jesper!AJ$2:AJ$366,ROUNDDOWN($C6804/24,0)+1,1))-1)+IF('Standard Profiles'!$G$20=$B$10,7,0)+IF('Standard Profiles'!$G$20=$B$17,14,0)+IF('Standard Profiles'!$G$20=$B$24,21,0),0)),0)</f>
        <v>0</v>
      </c>
      <c r="G6804" cm="1">
        <f t="array" ref="G6804">IFERROR(INDEX(Jesper!AK$2:AK$366,ROUNDDOWN($C6804/24,0)+1,1)*INDEX($D$3:$AA$30,INDEX(Jesper!$R$2:$R$366,ROW(INDEX(Jesper!AK$2:AK$366,ROUNDDOWN($C6804/24,0)+1,1))-1)+IF('Standard Profiles'!$G$21=$B$10,7,0)+IF('Standard Profiles'!$G$21=$B$17,14,0)+IF('Standard Profiles'!$G$21=$B$24,21,0),MOD($C6804,24)+1)/SUM(INDEX($D$3:$AA$30,INDEX(Jesper!$R$2:$R$366,ROW(INDEX(Jesper!AK$2:AK$366,ROUNDDOWN($C6804/24,0)+1,1))-1)+IF('Standard Profiles'!$G$21=$B$10,7,0)+IF('Standard Profiles'!$G$21=$B$17,14,0)+IF('Standard Profiles'!$G$21=$B$24,21,0),0)),0)</f>
        <v>0</v>
      </c>
      <c r="H6804" cm="1">
        <f t="array" ref="H6804">IFERROR(INDEX(Jesper!AL$2:AL$366,ROUNDDOWN($C6804/24,0)+1,1)*INDEX($D$3:$AA$30,INDEX(Jesper!$R$2:$R$366,ROW(INDEX(Jesper!AL$2:AL$366,ROUNDDOWN($C6804/24,0)+1,1))-1)+IF('Standard Profiles'!$G$22=$B$10,7,0)+IF('Standard Profiles'!$G$22=$B$17,14,0)+IF('Standard Profiles'!$G$22=$B$24,21,0),MOD($C6804,24)+1)/SUM(INDEX($D$3:$AA$30,INDEX(Jesper!$R$2:$R$366,ROW(INDEX(Jesper!AL$2:AL$366,ROUNDDOWN($C6804/24,0)+1,1))-1)+IF('Standard Profiles'!$G$22=$B$10,7,0)+IF('Standard Profiles'!$G$22=$B$17,14,0)+IF('Standard Profiles'!$G$22=$B$24,21,0),0)),0)</f>
        <v>0</v>
      </c>
      <c r="I6804">
        <f t="shared" si="755"/>
        <v>0.2186742690177168</v>
      </c>
      <c r="J6804">
        <f t="shared" si="756"/>
        <v>0.72891423005905609</v>
      </c>
      <c r="K6804">
        <f t="shared" si="757"/>
        <v>1.093371345088584</v>
      </c>
      <c r="L6804">
        <f t="shared" si="758"/>
        <v>5.2481824564252033</v>
      </c>
      <c r="M6804">
        <f t="shared" si="759"/>
        <v>0</v>
      </c>
      <c r="N6804" s="46">
        <f t="shared" si="760"/>
        <v>45574.083333316914</v>
      </c>
    </row>
    <row r="6805" spans="2:14" x14ac:dyDescent="0.3">
      <c r="B6805">
        <f t="shared" si="754"/>
        <v>3</v>
      </c>
      <c r="C6805" s="16">
        <v>6771</v>
      </c>
      <c r="D6805" cm="1">
        <f t="array" ref="D6805">IFERROR(INDEX(Jesper!AH$2:AH$366,ROUNDDOWN($C6805/24,0)+1,1)*INDEX($D$3:$AA$30,INDEX(Jesper!$R$2:$R$366,ROW(INDEX(Jesper!AH$2:AH$366,ROUNDDOWN($C6805/24,0)+1,1))-1)+IF('Standard Profiles'!$G$18=$B$10,7,0)+IF('Standard Profiles'!$G$18=$B$17,14,0)+IF('Standard Profiles'!$G$18=$B$24,21,0),MOD($C6805,24)+1)/SUM(INDEX($D$3:$AA$30,INDEX(Jesper!$R$2:$R$366,ROW(INDEX(Jesper!AH$2:AH$366,ROUNDDOWN($C6805/24,0)+1,1))-1)+IF('Standard Profiles'!$G$18=$B$10,7,0)+IF('Standard Profiles'!$G$18=$B$17,14,0)+IF('Standard Profiles'!$G$18=$B$24,21,0),0)),0)</f>
        <v>7.2891423005905605</v>
      </c>
      <c r="E6805" cm="1">
        <f t="array" ref="E6805">IFERROR(INDEX(Jesper!AI$2:AI$366,ROUNDDOWN($C6805/24,0)+1,1)*INDEX($D$3:$AA$30,INDEX(Jesper!$R$2:$R$366,ROW(INDEX(Jesper!AI$2:AI$366,ROUNDDOWN($C6805/24,0)+1,1))-1)+IF('Standard Profiles'!$G$19=$B$10,7,0)+IF('Standard Profiles'!$G$19=$B$17,14,0)+IF('Standard Profiles'!$G$19=$B$24,21,0),MOD($C6805,24)+1)/SUM(INDEX($D$3:$AA$30,INDEX(Jesper!$R$2:$R$366,ROW(INDEX(Jesper!AI$2:AI$366,ROUNDDOWN($C6805/24,0)+1,1))-1)+IF('Standard Profiles'!$G$19=$B$10,7,0)+IF('Standard Profiles'!$G$19=$B$17,14,0)+IF('Standard Profiles'!$G$19=$B$24,21,0),0)),0)</f>
        <v>0</v>
      </c>
      <c r="F6805" cm="1">
        <f t="array" ref="F6805">IFERROR(INDEX(Jesper!AJ$2:AJ$366,ROUNDDOWN($C6805/24,0)+1,1)*INDEX($D$3:$AA$30,INDEX(Jesper!$R$2:$R$366,ROW(INDEX(Jesper!AJ$2:AJ$366,ROUNDDOWN($C6805/24,0)+1,1))-1)+IF('Standard Profiles'!$G$20=$B$10,7,0)+IF('Standard Profiles'!$G$20=$B$17,14,0)+IF('Standard Profiles'!$G$20=$B$24,21,0),MOD($C6805,24)+1)/SUM(INDEX($D$3:$AA$30,INDEX(Jesper!$R$2:$R$366,ROW(INDEX(Jesper!AJ$2:AJ$366,ROUNDDOWN($C6805/24,0)+1,1))-1)+IF('Standard Profiles'!$G$20=$B$10,7,0)+IF('Standard Profiles'!$G$20=$B$17,14,0)+IF('Standard Profiles'!$G$20=$B$24,21,0),0)),0)</f>
        <v>0</v>
      </c>
      <c r="G6805" cm="1">
        <f t="array" ref="G6805">IFERROR(INDEX(Jesper!AK$2:AK$366,ROUNDDOWN($C6805/24,0)+1,1)*INDEX($D$3:$AA$30,INDEX(Jesper!$R$2:$R$366,ROW(INDEX(Jesper!AK$2:AK$366,ROUNDDOWN($C6805/24,0)+1,1))-1)+IF('Standard Profiles'!$G$21=$B$10,7,0)+IF('Standard Profiles'!$G$21=$B$17,14,0)+IF('Standard Profiles'!$G$21=$B$24,21,0),MOD($C6805,24)+1)/SUM(INDEX($D$3:$AA$30,INDEX(Jesper!$R$2:$R$366,ROW(INDEX(Jesper!AK$2:AK$366,ROUNDDOWN($C6805/24,0)+1,1))-1)+IF('Standard Profiles'!$G$21=$B$10,7,0)+IF('Standard Profiles'!$G$21=$B$17,14,0)+IF('Standard Profiles'!$G$21=$B$24,21,0),0)),0)</f>
        <v>0</v>
      </c>
      <c r="H6805" cm="1">
        <f t="array" ref="H6805">IFERROR(INDEX(Jesper!AL$2:AL$366,ROUNDDOWN($C6805/24,0)+1,1)*INDEX($D$3:$AA$30,INDEX(Jesper!$R$2:$R$366,ROW(INDEX(Jesper!AL$2:AL$366,ROUNDDOWN($C6805/24,0)+1,1))-1)+IF('Standard Profiles'!$G$22=$B$10,7,0)+IF('Standard Profiles'!$G$22=$B$17,14,0)+IF('Standard Profiles'!$G$22=$B$24,21,0),MOD($C6805,24)+1)/SUM(INDEX($D$3:$AA$30,INDEX(Jesper!$R$2:$R$366,ROW(INDEX(Jesper!AL$2:AL$366,ROUNDDOWN($C6805/24,0)+1,1))-1)+IF('Standard Profiles'!$G$22=$B$10,7,0)+IF('Standard Profiles'!$G$22=$B$17,14,0)+IF('Standard Profiles'!$G$22=$B$24,21,0),0)),0)</f>
        <v>0</v>
      </c>
      <c r="I6805">
        <f t="shared" si="755"/>
        <v>0.2186742690177168</v>
      </c>
      <c r="J6805">
        <f t="shared" si="756"/>
        <v>0.72891423005905609</v>
      </c>
      <c r="K6805">
        <f t="shared" si="757"/>
        <v>1.093371345088584</v>
      </c>
      <c r="L6805">
        <f t="shared" si="758"/>
        <v>5.2481824564252033</v>
      </c>
      <c r="M6805">
        <f t="shared" si="759"/>
        <v>0</v>
      </c>
      <c r="N6805" s="46">
        <f t="shared" si="760"/>
        <v>45574.124999983578</v>
      </c>
    </row>
    <row r="6806" spans="2:14" x14ac:dyDescent="0.3">
      <c r="B6806">
        <f t="shared" si="754"/>
        <v>3</v>
      </c>
      <c r="C6806" s="16">
        <v>6772</v>
      </c>
      <c r="D6806" cm="1">
        <f t="array" ref="D6806">IFERROR(INDEX(Jesper!AH$2:AH$366,ROUNDDOWN($C6806/24,0)+1,1)*INDEX($D$3:$AA$30,INDEX(Jesper!$R$2:$R$366,ROW(INDEX(Jesper!AH$2:AH$366,ROUNDDOWN($C6806/24,0)+1,1))-1)+IF('Standard Profiles'!$G$18=$B$10,7,0)+IF('Standard Profiles'!$G$18=$B$17,14,0)+IF('Standard Profiles'!$G$18=$B$24,21,0),MOD($C6806,24)+1)/SUM(INDEX($D$3:$AA$30,INDEX(Jesper!$R$2:$R$366,ROW(INDEX(Jesper!AH$2:AH$366,ROUNDDOWN($C6806/24,0)+1,1))-1)+IF('Standard Profiles'!$G$18=$B$10,7,0)+IF('Standard Profiles'!$G$18=$B$17,14,0)+IF('Standard Profiles'!$G$18=$B$24,21,0),0)),0)</f>
        <v>7.2891423005905605</v>
      </c>
      <c r="E6806" cm="1">
        <f t="array" ref="E6806">IFERROR(INDEX(Jesper!AI$2:AI$366,ROUNDDOWN($C6806/24,0)+1,1)*INDEX($D$3:$AA$30,INDEX(Jesper!$R$2:$R$366,ROW(INDEX(Jesper!AI$2:AI$366,ROUNDDOWN($C6806/24,0)+1,1))-1)+IF('Standard Profiles'!$G$19=$B$10,7,0)+IF('Standard Profiles'!$G$19=$B$17,14,0)+IF('Standard Profiles'!$G$19=$B$24,21,0),MOD($C6806,24)+1)/SUM(INDEX($D$3:$AA$30,INDEX(Jesper!$R$2:$R$366,ROW(INDEX(Jesper!AI$2:AI$366,ROUNDDOWN($C6806/24,0)+1,1))-1)+IF('Standard Profiles'!$G$19=$B$10,7,0)+IF('Standard Profiles'!$G$19=$B$17,14,0)+IF('Standard Profiles'!$G$19=$B$24,21,0),0)),0)</f>
        <v>0</v>
      </c>
      <c r="F6806" cm="1">
        <f t="array" ref="F6806">IFERROR(INDEX(Jesper!AJ$2:AJ$366,ROUNDDOWN($C6806/24,0)+1,1)*INDEX($D$3:$AA$30,INDEX(Jesper!$R$2:$R$366,ROW(INDEX(Jesper!AJ$2:AJ$366,ROUNDDOWN($C6806/24,0)+1,1))-1)+IF('Standard Profiles'!$G$20=$B$10,7,0)+IF('Standard Profiles'!$G$20=$B$17,14,0)+IF('Standard Profiles'!$G$20=$B$24,21,0),MOD($C6806,24)+1)/SUM(INDEX($D$3:$AA$30,INDEX(Jesper!$R$2:$R$366,ROW(INDEX(Jesper!AJ$2:AJ$366,ROUNDDOWN($C6806/24,0)+1,1))-1)+IF('Standard Profiles'!$G$20=$B$10,7,0)+IF('Standard Profiles'!$G$20=$B$17,14,0)+IF('Standard Profiles'!$G$20=$B$24,21,0),0)),0)</f>
        <v>0</v>
      </c>
      <c r="G6806" cm="1">
        <f t="array" ref="G6806">IFERROR(INDEX(Jesper!AK$2:AK$366,ROUNDDOWN($C6806/24,0)+1,1)*INDEX($D$3:$AA$30,INDEX(Jesper!$R$2:$R$366,ROW(INDEX(Jesper!AK$2:AK$366,ROUNDDOWN($C6806/24,0)+1,1))-1)+IF('Standard Profiles'!$G$21=$B$10,7,0)+IF('Standard Profiles'!$G$21=$B$17,14,0)+IF('Standard Profiles'!$G$21=$B$24,21,0),MOD($C6806,24)+1)/SUM(INDEX($D$3:$AA$30,INDEX(Jesper!$R$2:$R$366,ROW(INDEX(Jesper!AK$2:AK$366,ROUNDDOWN($C6806/24,0)+1,1))-1)+IF('Standard Profiles'!$G$21=$B$10,7,0)+IF('Standard Profiles'!$G$21=$B$17,14,0)+IF('Standard Profiles'!$G$21=$B$24,21,0),0)),0)</f>
        <v>0</v>
      </c>
      <c r="H6806" cm="1">
        <f t="array" ref="H6806">IFERROR(INDEX(Jesper!AL$2:AL$366,ROUNDDOWN($C6806/24,0)+1,1)*INDEX($D$3:$AA$30,INDEX(Jesper!$R$2:$R$366,ROW(INDEX(Jesper!AL$2:AL$366,ROUNDDOWN($C6806/24,0)+1,1))-1)+IF('Standard Profiles'!$G$22=$B$10,7,0)+IF('Standard Profiles'!$G$22=$B$17,14,0)+IF('Standard Profiles'!$G$22=$B$24,21,0),MOD($C6806,24)+1)/SUM(INDEX($D$3:$AA$30,INDEX(Jesper!$R$2:$R$366,ROW(INDEX(Jesper!AL$2:AL$366,ROUNDDOWN($C6806/24,0)+1,1))-1)+IF('Standard Profiles'!$G$22=$B$10,7,0)+IF('Standard Profiles'!$G$22=$B$17,14,0)+IF('Standard Profiles'!$G$22=$B$24,21,0),0)),0)</f>
        <v>0</v>
      </c>
      <c r="I6806">
        <f t="shared" si="755"/>
        <v>0.2186742690177168</v>
      </c>
      <c r="J6806">
        <f t="shared" si="756"/>
        <v>0.72891423005905609</v>
      </c>
      <c r="K6806">
        <f t="shared" si="757"/>
        <v>1.093371345088584</v>
      </c>
      <c r="L6806">
        <f t="shared" si="758"/>
        <v>5.2481824564252033</v>
      </c>
      <c r="M6806">
        <f t="shared" si="759"/>
        <v>0</v>
      </c>
      <c r="N6806" s="46">
        <f t="shared" si="760"/>
        <v>45574.166666650242</v>
      </c>
    </row>
    <row r="6807" spans="2:14" x14ac:dyDescent="0.3">
      <c r="B6807">
        <f t="shared" si="754"/>
        <v>3</v>
      </c>
      <c r="C6807" s="16">
        <v>6773</v>
      </c>
      <c r="D6807" cm="1">
        <f t="array" ref="D6807">IFERROR(INDEX(Jesper!AH$2:AH$366,ROUNDDOWN($C6807/24,0)+1,1)*INDEX($D$3:$AA$30,INDEX(Jesper!$R$2:$R$366,ROW(INDEX(Jesper!AH$2:AH$366,ROUNDDOWN($C6807/24,0)+1,1))-1)+IF('Standard Profiles'!$G$18=$B$10,7,0)+IF('Standard Profiles'!$G$18=$B$17,14,0)+IF('Standard Profiles'!$G$18=$B$24,21,0),MOD($C6807,24)+1)/SUM(INDEX($D$3:$AA$30,INDEX(Jesper!$R$2:$R$366,ROW(INDEX(Jesper!AH$2:AH$366,ROUNDDOWN($C6807/24,0)+1,1))-1)+IF('Standard Profiles'!$G$18=$B$10,7,0)+IF('Standard Profiles'!$G$18=$B$17,14,0)+IF('Standard Profiles'!$G$18=$B$24,21,0),0)),0)</f>
        <v>9.3948945207611665</v>
      </c>
      <c r="E6807" cm="1">
        <f t="array" ref="E6807">IFERROR(INDEX(Jesper!AI$2:AI$366,ROUNDDOWN($C6807/24,0)+1,1)*INDEX($D$3:$AA$30,INDEX(Jesper!$R$2:$R$366,ROW(INDEX(Jesper!AI$2:AI$366,ROUNDDOWN($C6807/24,0)+1,1))-1)+IF('Standard Profiles'!$G$19=$B$10,7,0)+IF('Standard Profiles'!$G$19=$B$17,14,0)+IF('Standard Profiles'!$G$19=$B$24,21,0),MOD($C6807,24)+1)/SUM(INDEX($D$3:$AA$30,INDEX(Jesper!$R$2:$R$366,ROW(INDEX(Jesper!AI$2:AI$366,ROUNDDOWN($C6807/24,0)+1,1))-1)+IF('Standard Profiles'!$G$19=$B$10,7,0)+IF('Standard Profiles'!$G$19=$B$17,14,0)+IF('Standard Profiles'!$G$19=$B$24,21,0),0)),0)</f>
        <v>0</v>
      </c>
      <c r="F6807" cm="1">
        <f t="array" ref="F6807">IFERROR(INDEX(Jesper!AJ$2:AJ$366,ROUNDDOWN($C6807/24,0)+1,1)*INDEX($D$3:$AA$30,INDEX(Jesper!$R$2:$R$366,ROW(INDEX(Jesper!AJ$2:AJ$366,ROUNDDOWN($C6807/24,0)+1,1))-1)+IF('Standard Profiles'!$G$20=$B$10,7,0)+IF('Standard Profiles'!$G$20=$B$17,14,0)+IF('Standard Profiles'!$G$20=$B$24,21,0),MOD($C6807,24)+1)/SUM(INDEX($D$3:$AA$30,INDEX(Jesper!$R$2:$R$366,ROW(INDEX(Jesper!AJ$2:AJ$366,ROUNDDOWN($C6807/24,0)+1,1))-1)+IF('Standard Profiles'!$G$20=$B$10,7,0)+IF('Standard Profiles'!$G$20=$B$17,14,0)+IF('Standard Profiles'!$G$20=$B$24,21,0),0)),0)</f>
        <v>0</v>
      </c>
      <c r="G6807" cm="1">
        <f t="array" ref="G6807">IFERROR(INDEX(Jesper!AK$2:AK$366,ROUNDDOWN($C6807/24,0)+1,1)*INDEX($D$3:$AA$30,INDEX(Jesper!$R$2:$R$366,ROW(INDEX(Jesper!AK$2:AK$366,ROUNDDOWN($C6807/24,0)+1,1))-1)+IF('Standard Profiles'!$G$21=$B$10,7,0)+IF('Standard Profiles'!$G$21=$B$17,14,0)+IF('Standard Profiles'!$G$21=$B$24,21,0),MOD($C6807,24)+1)/SUM(INDEX($D$3:$AA$30,INDEX(Jesper!$R$2:$R$366,ROW(INDEX(Jesper!AK$2:AK$366,ROUNDDOWN($C6807/24,0)+1,1))-1)+IF('Standard Profiles'!$G$21=$B$10,7,0)+IF('Standard Profiles'!$G$21=$B$17,14,0)+IF('Standard Profiles'!$G$21=$B$24,21,0),0)),0)</f>
        <v>0</v>
      </c>
      <c r="H6807" cm="1">
        <f t="array" ref="H6807">IFERROR(INDEX(Jesper!AL$2:AL$366,ROUNDDOWN($C6807/24,0)+1,1)*INDEX($D$3:$AA$30,INDEX(Jesper!$R$2:$R$366,ROW(INDEX(Jesper!AL$2:AL$366,ROUNDDOWN($C6807/24,0)+1,1))-1)+IF('Standard Profiles'!$G$22=$B$10,7,0)+IF('Standard Profiles'!$G$22=$B$17,14,0)+IF('Standard Profiles'!$G$22=$B$24,21,0),MOD($C6807,24)+1)/SUM(INDEX($D$3:$AA$30,INDEX(Jesper!$R$2:$R$366,ROW(INDEX(Jesper!AL$2:AL$366,ROUNDDOWN($C6807/24,0)+1,1))-1)+IF('Standard Profiles'!$G$22=$B$10,7,0)+IF('Standard Profiles'!$G$22=$B$17,14,0)+IF('Standard Profiles'!$G$22=$B$24,21,0),0)),0)</f>
        <v>0</v>
      </c>
      <c r="I6807">
        <f t="shared" si="755"/>
        <v>0.28184683562283497</v>
      </c>
      <c r="J6807">
        <f t="shared" si="756"/>
        <v>0.93948945207611667</v>
      </c>
      <c r="K6807">
        <f t="shared" si="757"/>
        <v>1.4092341781141748</v>
      </c>
      <c r="L6807">
        <f t="shared" si="758"/>
        <v>6.7643240549480392</v>
      </c>
      <c r="M6807">
        <f t="shared" si="759"/>
        <v>0</v>
      </c>
      <c r="N6807" s="46">
        <f t="shared" si="760"/>
        <v>45574.208333316907</v>
      </c>
    </row>
    <row r="6808" spans="2:14" x14ac:dyDescent="0.3">
      <c r="B6808">
        <f t="shared" si="754"/>
        <v>3</v>
      </c>
      <c r="C6808" s="16">
        <v>6774</v>
      </c>
      <c r="D6808" cm="1">
        <f t="array" ref="D6808">IFERROR(INDEX(Jesper!AH$2:AH$366,ROUNDDOWN($C6808/24,0)+1,1)*INDEX($D$3:$AA$30,INDEX(Jesper!$R$2:$R$366,ROW(INDEX(Jesper!AH$2:AH$366,ROUNDDOWN($C6808/24,0)+1,1))-1)+IF('Standard Profiles'!$G$18=$B$10,7,0)+IF('Standard Profiles'!$G$18=$B$17,14,0)+IF('Standard Profiles'!$G$18=$B$24,21,0),MOD($C6808,24)+1)/SUM(INDEX($D$3:$AA$30,INDEX(Jesper!$R$2:$R$366,ROW(INDEX(Jesper!AH$2:AH$366,ROUNDDOWN($C6808/24,0)+1,1))-1)+IF('Standard Profiles'!$G$18=$B$10,7,0)+IF('Standard Profiles'!$G$18=$B$17,14,0)+IF('Standard Profiles'!$G$18=$B$24,21,0),0)),0)</f>
        <v>10.85272298087928</v>
      </c>
      <c r="E6808" cm="1">
        <f t="array" ref="E6808">IFERROR(INDEX(Jesper!AI$2:AI$366,ROUNDDOWN($C6808/24,0)+1,1)*INDEX($D$3:$AA$30,INDEX(Jesper!$R$2:$R$366,ROW(INDEX(Jesper!AI$2:AI$366,ROUNDDOWN($C6808/24,0)+1,1))-1)+IF('Standard Profiles'!$G$19=$B$10,7,0)+IF('Standard Profiles'!$G$19=$B$17,14,0)+IF('Standard Profiles'!$G$19=$B$24,21,0),MOD($C6808,24)+1)/SUM(INDEX($D$3:$AA$30,INDEX(Jesper!$R$2:$R$366,ROW(INDEX(Jesper!AI$2:AI$366,ROUNDDOWN($C6808/24,0)+1,1))-1)+IF('Standard Profiles'!$G$19=$B$10,7,0)+IF('Standard Profiles'!$G$19=$B$17,14,0)+IF('Standard Profiles'!$G$19=$B$24,21,0),0)),0)</f>
        <v>0</v>
      </c>
      <c r="F6808" cm="1">
        <f t="array" ref="F6808">IFERROR(INDEX(Jesper!AJ$2:AJ$366,ROUNDDOWN($C6808/24,0)+1,1)*INDEX($D$3:$AA$30,INDEX(Jesper!$R$2:$R$366,ROW(INDEX(Jesper!AJ$2:AJ$366,ROUNDDOWN($C6808/24,0)+1,1))-1)+IF('Standard Profiles'!$G$20=$B$10,7,0)+IF('Standard Profiles'!$G$20=$B$17,14,0)+IF('Standard Profiles'!$G$20=$B$24,21,0),MOD($C6808,24)+1)/SUM(INDEX($D$3:$AA$30,INDEX(Jesper!$R$2:$R$366,ROW(INDEX(Jesper!AJ$2:AJ$366,ROUNDDOWN($C6808/24,0)+1,1))-1)+IF('Standard Profiles'!$G$20=$B$10,7,0)+IF('Standard Profiles'!$G$20=$B$17,14,0)+IF('Standard Profiles'!$G$20=$B$24,21,0),0)),0)</f>
        <v>0</v>
      </c>
      <c r="G6808" cm="1">
        <f t="array" ref="G6808">IFERROR(INDEX(Jesper!AK$2:AK$366,ROUNDDOWN($C6808/24,0)+1,1)*INDEX($D$3:$AA$30,INDEX(Jesper!$R$2:$R$366,ROW(INDEX(Jesper!AK$2:AK$366,ROUNDDOWN($C6808/24,0)+1,1))-1)+IF('Standard Profiles'!$G$21=$B$10,7,0)+IF('Standard Profiles'!$G$21=$B$17,14,0)+IF('Standard Profiles'!$G$21=$B$24,21,0),MOD($C6808,24)+1)/SUM(INDEX($D$3:$AA$30,INDEX(Jesper!$R$2:$R$366,ROW(INDEX(Jesper!AK$2:AK$366,ROUNDDOWN($C6808/24,0)+1,1))-1)+IF('Standard Profiles'!$G$21=$B$10,7,0)+IF('Standard Profiles'!$G$21=$B$17,14,0)+IF('Standard Profiles'!$G$21=$B$24,21,0),0)),0)</f>
        <v>0</v>
      </c>
      <c r="H6808" cm="1">
        <f t="array" ref="H6808">IFERROR(INDEX(Jesper!AL$2:AL$366,ROUNDDOWN($C6808/24,0)+1,1)*INDEX($D$3:$AA$30,INDEX(Jesper!$R$2:$R$366,ROW(INDEX(Jesper!AL$2:AL$366,ROUNDDOWN($C6808/24,0)+1,1))-1)+IF('Standard Profiles'!$G$22=$B$10,7,0)+IF('Standard Profiles'!$G$22=$B$17,14,0)+IF('Standard Profiles'!$G$22=$B$24,21,0),MOD($C6808,24)+1)/SUM(INDEX($D$3:$AA$30,INDEX(Jesper!$R$2:$R$366,ROW(INDEX(Jesper!AL$2:AL$366,ROUNDDOWN($C6808/24,0)+1,1))-1)+IF('Standard Profiles'!$G$22=$B$10,7,0)+IF('Standard Profiles'!$G$22=$B$17,14,0)+IF('Standard Profiles'!$G$22=$B$24,21,0),0)),0)</f>
        <v>0</v>
      </c>
      <c r="I6808">
        <f t="shared" si="755"/>
        <v>0.32558168942637838</v>
      </c>
      <c r="J6808">
        <f t="shared" si="756"/>
        <v>1.0852722980879281</v>
      </c>
      <c r="K6808">
        <f t="shared" si="757"/>
        <v>1.6279084471318919</v>
      </c>
      <c r="L6808">
        <f t="shared" si="758"/>
        <v>7.8139605462330817</v>
      </c>
      <c r="M6808">
        <f t="shared" si="759"/>
        <v>0</v>
      </c>
      <c r="N6808" s="46">
        <f t="shared" si="760"/>
        <v>45574.249999983571</v>
      </c>
    </row>
    <row r="6809" spans="2:14" x14ac:dyDescent="0.3">
      <c r="B6809">
        <f t="shared" si="754"/>
        <v>3</v>
      </c>
      <c r="C6809" s="16">
        <v>6775</v>
      </c>
      <c r="D6809" cm="1">
        <f t="array" ref="D6809">IFERROR(INDEX(Jesper!AH$2:AH$366,ROUNDDOWN($C6809/24,0)+1,1)*INDEX($D$3:$AA$30,INDEX(Jesper!$R$2:$R$366,ROW(INDEX(Jesper!AH$2:AH$366,ROUNDDOWN($C6809/24,0)+1,1))-1)+IF('Standard Profiles'!$G$18=$B$10,7,0)+IF('Standard Profiles'!$G$18=$B$17,14,0)+IF('Standard Profiles'!$G$18=$B$24,21,0),MOD($C6809,24)+1)/SUM(INDEX($D$3:$AA$30,INDEX(Jesper!$R$2:$R$366,ROW(INDEX(Jesper!AH$2:AH$366,ROUNDDOWN($C6809/24,0)+1,1))-1)+IF('Standard Profiles'!$G$18=$B$10,7,0)+IF('Standard Profiles'!$G$18=$B$17,14,0)+IF('Standard Profiles'!$G$18=$B$24,21,0),0)),0)</f>
        <v>10.85272298087928</v>
      </c>
      <c r="E6809" cm="1">
        <f t="array" ref="E6809">IFERROR(INDEX(Jesper!AI$2:AI$366,ROUNDDOWN($C6809/24,0)+1,1)*INDEX($D$3:$AA$30,INDEX(Jesper!$R$2:$R$366,ROW(INDEX(Jesper!AI$2:AI$366,ROUNDDOWN($C6809/24,0)+1,1))-1)+IF('Standard Profiles'!$G$19=$B$10,7,0)+IF('Standard Profiles'!$G$19=$B$17,14,0)+IF('Standard Profiles'!$G$19=$B$24,21,0),MOD($C6809,24)+1)/SUM(INDEX($D$3:$AA$30,INDEX(Jesper!$R$2:$R$366,ROW(INDEX(Jesper!AI$2:AI$366,ROUNDDOWN($C6809/24,0)+1,1))-1)+IF('Standard Profiles'!$G$19=$B$10,7,0)+IF('Standard Profiles'!$G$19=$B$17,14,0)+IF('Standard Profiles'!$G$19=$B$24,21,0),0)),0)</f>
        <v>0</v>
      </c>
      <c r="F6809" cm="1">
        <f t="array" ref="F6809">IFERROR(INDEX(Jesper!AJ$2:AJ$366,ROUNDDOWN($C6809/24,0)+1,1)*INDEX($D$3:$AA$30,INDEX(Jesper!$R$2:$R$366,ROW(INDEX(Jesper!AJ$2:AJ$366,ROUNDDOWN($C6809/24,0)+1,1))-1)+IF('Standard Profiles'!$G$20=$B$10,7,0)+IF('Standard Profiles'!$G$20=$B$17,14,0)+IF('Standard Profiles'!$G$20=$B$24,21,0),MOD($C6809,24)+1)/SUM(INDEX($D$3:$AA$30,INDEX(Jesper!$R$2:$R$366,ROW(INDEX(Jesper!AJ$2:AJ$366,ROUNDDOWN($C6809/24,0)+1,1))-1)+IF('Standard Profiles'!$G$20=$B$10,7,0)+IF('Standard Profiles'!$G$20=$B$17,14,0)+IF('Standard Profiles'!$G$20=$B$24,21,0),0)),0)</f>
        <v>0</v>
      </c>
      <c r="G6809" cm="1">
        <f t="array" ref="G6809">IFERROR(INDEX(Jesper!AK$2:AK$366,ROUNDDOWN($C6809/24,0)+1,1)*INDEX($D$3:$AA$30,INDEX(Jesper!$R$2:$R$366,ROW(INDEX(Jesper!AK$2:AK$366,ROUNDDOWN($C6809/24,0)+1,1))-1)+IF('Standard Profiles'!$G$21=$B$10,7,0)+IF('Standard Profiles'!$G$21=$B$17,14,0)+IF('Standard Profiles'!$G$21=$B$24,21,0),MOD($C6809,24)+1)/SUM(INDEX($D$3:$AA$30,INDEX(Jesper!$R$2:$R$366,ROW(INDEX(Jesper!AK$2:AK$366,ROUNDDOWN($C6809/24,0)+1,1))-1)+IF('Standard Profiles'!$G$21=$B$10,7,0)+IF('Standard Profiles'!$G$21=$B$17,14,0)+IF('Standard Profiles'!$G$21=$B$24,21,0),0)),0)</f>
        <v>0</v>
      </c>
      <c r="H6809" cm="1">
        <f t="array" ref="H6809">IFERROR(INDEX(Jesper!AL$2:AL$366,ROUNDDOWN($C6809/24,0)+1,1)*INDEX($D$3:$AA$30,INDEX(Jesper!$R$2:$R$366,ROW(INDEX(Jesper!AL$2:AL$366,ROUNDDOWN($C6809/24,0)+1,1))-1)+IF('Standard Profiles'!$G$22=$B$10,7,0)+IF('Standard Profiles'!$G$22=$B$17,14,0)+IF('Standard Profiles'!$G$22=$B$24,21,0),MOD($C6809,24)+1)/SUM(INDEX($D$3:$AA$30,INDEX(Jesper!$R$2:$R$366,ROW(INDEX(Jesper!AL$2:AL$366,ROUNDDOWN($C6809/24,0)+1,1))-1)+IF('Standard Profiles'!$G$22=$B$10,7,0)+IF('Standard Profiles'!$G$22=$B$17,14,0)+IF('Standard Profiles'!$G$22=$B$24,21,0),0)),0)</f>
        <v>0</v>
      </c>
      <c r="I6809">
        <f t="shared" si="755"/>
        <v>0.32558168942637838</v>
      </c>
      <c r="J6809">
        <f t="shared" si="756"/>
        <v>1.0852722980879281</v>
      </c>
      <c r="K6809">
        <f t="shared" si="757"/>
        <v>1.6279084471318919</v>
      </c>
      <c r="L6809">
        <f t="shared" si="758"/>
        <v>7.8139605462330817</v>
      </c>
      <c r="M6809">
        <f t="shared" si="759"/>
        <v>0</v>
      </c>
      <c r="N6809" s="46">
        <f t="shared" si="760"/>
        <v>45574.291666650235</v>
      </c>
    </row>
    <row r="6810" spans="2:14" x14ac:dyDescent="0.3">
      <c r="B6810">
        <f t="shared" si="754"/>
        <v>3</v>
      </c>
      <c r="C6810" s="16">
        <v>6776</v>
      </c>
      <c r="D6810" cm="1">
        <f t="array" ref="D6810">IFERROR(INDEX(Jesper!AH$2:AH$366,ROUNDDOWN($C6810/24,0)+1,1)*INDEX($D$3:$AA$30,INDEX(Jesper!$R$2:$R$366,ROW(INDEX(Jesper!AH$2:AH$366,ROUNDDOWN($C6810/24,0)+1,1))-1)+IF('Standard Profiles'!$G$18=$B$10,7,0)+IF('Standard Profiles'!$G$18=$B$17,14,0)+IF('Standard Profiles'!$G$18=$B$24,21,0),MOD($C6810,24)+1)/SUM(INDEX($D$3:$AA$30,INDEX(Jesper!$R$2:$R$366,ROW(INDEX(Jesper!AH$2:AH$366,ROUNDDOWN($C6810/24,0)+1,1))-1)+IF('Standard Profiles'!$G$18=$B$10,7,0)+IF('Standard Profiles'!$G$18=$B$17,14,0)+IF('Standard Profiles'!$G$18=$B$24,21,0),0)),0)</f>
        <v>10.85272298087928</v>
      </c>
      <c r="E6810" cm="1">
        <f t="array" ref="E6810">IFERROR(INDEX(Jesper!AI$2:AI$366,ROUNDDOWN($C6810/24,0)+1,1)*INDEX($D$3:$AA$30,INDEX(Jesper!$R$2:$R$366,ROW(INDEX(Jesper!AI$2:AI$366,ROUNDDOWN($C6810/24,0)+1,1))-1)+IF('Standard Profiles'!$G$19=$B$10,7,0)+IF('Standard Profiles'!$G$19=$B$17,14,0)+IF('Standard Profiles'!$G$19=$B$24,21,0),MOD($C6810,24)+1)/SUM(INDEX($D$3:$AA$30,INDEX(Jesper!$R$2:$R$366,ROW(INDEX(Jesper!AI$2:AI$366,ROUNDDOWN($C6810/24,0)+1,1))-1)+IF('Standard Profiles'!$G$19=$B$10,7,0)+IF('Standard Profiles'!$G$19=$B$17,14,0)+IF('Standard Profiles'!$G$19=$B$24,21,0),0)),0)</f>
        <v>0</v>
      </c>
      <c r="F6810" cm="1">
        <f t="array" ref="F6810">IFERROR(INDEX(Jesper!AJ$2:AJ$366,ROUNDDOWN($C6810/24,0)+1,1)*INDEX($D$3:$AA$30,INDEX(Jesper!$R$2:$R$366,ROW(INDEX(Jesper!AJ$2:AJ$366,ROUNDDOWN($C6810/24,0)+1,1))-1)+IF('Standard Profiles'!$G$20=$B$10,7,0)+IF('Standard Profiles'!$G$20=$B$17,14,0)+IF('Standard Profiles'!$G$20=$B$24,21,0),MOD($C6810,24)+1)/SUM(INDEX($D$3:$AA$30,INDEX(Jesper!$R$2:$R$366,ROW(INDEX(Jesper!AJ$2:AJ$366,ROUNDDOWN($C6810/24,0)+1,1))-1)+IF('Standard Profiles'!$G$20=$B$10,7,0)+IF('Standard Profiles'!$G$20=$B$17,14,0)+IF('Standard Profiles'!$G$20=$B$24,21,0),0)),0)</f>
        <v>0</v>
      </c>
      <c r="G6810" cm="1">
        <f t="array" ref="G6810">IFERROR(INDEX(Jesper!AK$2:AK$366,ROUNDDOWN($C6810/24,0)+1,1)*INDEX($D$3:$AA$30,INDEX(Jesper!$R$2:$R$366,ROW(INDEX(Jesper!AK$2:AK$366,ROUNDDOWN($C6810/24,0)+1,1))-1)+IF('Standard Profiles'!$G$21=$B$10,7,0)+IF('Standard Profiles'!$G$21=$B$17,14,0)+IF('Standard Profiles'!$G$21=$B$24,21,0),MOD($C6810,24)+1)/SUM(INDEX($D$3:$AA$30,INDEX(Jesper!$R$2:$R$366,ROW(INDEX(Jesper!AK$2:AK$366,ROUNDDOWN($C6810/24,0)+1,1))-1)+IF('Standard Profiles'!$G$21=$B$10,7,0)+IF('Standard Profiles'!$G$21=$B$17,14,0)+IF('Standard Profiles'!$G$21=$B$24,21,0),0)),0)</f>
        <v>0</v>
      </c>
      <c r="H6810" cm="1">
        <f t="array" ref="H6810">IFERROR(INDEX(Jesper!AL$2:AL$366,ROUNDDOWN($C6810/24,0)+1,1)*INDEX($D$3:$AA$30,INDEX(Jesper!$R$2:$R$366,ROW(INDEX(Jesper!AL$2:AL$366,ROUNDDOWN($C6810/24,0)+1,1))-1)+IF('Standard Profiles'!$G$22=$B$10,7,0)+IF('Standard Profiles'!$G$22=$B$17,14,0)+IF('Standard Profiles'!$G$22=$B$24,21,0),MOD($C6810,24)+1)/SUM(INDEX($D$3:$AA$30,INDEX(Jesper!$R$2:$R$366,ROW(INDEX(Jesper!AL$2:AL$366,ROUNDDOWN($C6810/24,0)+1,1))-1)+IF('Standard Profiles'!$G$22=$B$10,7,0)+IF('Standard Profiles'!$G$22=$B$17,14,0)+IF('Standard Profiles'!$G$22=$B$24,21,0),0)),0)</f>
        <v>0</v>
      </c>
      <c r="I6810">
        <f t="shared" si="755"/>
        <v>0.32558168942637838</v>
      </c>
      <c r="J6810">
        <f t="shared" si="756"/>
        <v>1.0852722980879281</v>
      </c>
      <c r="K6810">
        <f t="shared" si="757"/>
        <v>1.6279084471318919</v>
      </c>
      <c r="L6810">
        <f t="shared" si="758"/>
        <v>7.8139605462330817</v>
      </c>
      <c r="M6810">
        <f t="shared" si="759"/>
        <v>0</v>
      </c>
      <c r="N6810" s="46">
        <f t="shared" si="760"/>
        <v>45574.333333316899</v>
      </c>
    </row>
    <row r="6811" spans="2:14" x14ac:dyDescent="0.3">
      <c r="B6811">
        <f t="shared" si="754"/>
        <v>3</v>
      </c>
      <c r="C6811" s="16">
        <v>6777</v>
      </c>
      <c r="D6811" cm="1">
        <f t="array" ref="D6811">IFERROR(INDEX(Jesper!AH$2:AH$366,ROUNDDOWN($C6811/24,0)+1,1)*INDEX($D$3:$AA$30,INDEX(Jesper!$R$2:$R$366,ROW(INDEX(Jesper!AH$2:AH$366,ROUNDDOWN($C6811/24,0)+1,1))-1)+IF('Standard Profiles'!$G$18=$B$10,7,0)+IF('Standard Profiles'!$G$18=$B$17,14,0)+IF('Standard Profiles'!$G$18=$B$24,21,0),MOD($C6811,24)+1)/SUM(INDEX($D$3:$AA$30,INDEX(Jesper!$R$2:$R$366,ROW(INDEX(Jesper!AH$2:AH$366,ROUNDDOWN($C6811/24,0)+1,1))-1)+IF('Standard Profiles'!$G$18=$B$10,7,0)+IF('Standard Profiles'!$G$18=$B$17,14,0)+IF('Standard Profiles'!$G$18=$B$24,21,0),0)),0)</f>
        <v>11.662627680944897</v>
      </c>
      <c r="E6811" cm="1">
        <f t="array" ref="E6811">IFERROR(INDEX(Jesper!AI$2:AI$366,ROUNDDOWN($C6811/24,0)+1,1)*INDEX($D$3:$AA$30,INDEX(Jesper!$R$2:$R$366,ROW(INDEX(Jesper!AI$2:AI$366,ROUNDDOWN($C6811/24,0)+1,1))-1)+IF('Standard Profiles'!$G$19=$B$10,7,0)+IF('Standard Profiles'!$G$19=$B$17,14,0)+IF('Standard Profiles'!$G$19=$B$24,21,0),MOD($C6811,24)+1)/SUM(INDEX($D$3:$AA$30,INDEX(Jesper!$R$2:$R$366,ROW(INDEX(Jesper!AI$2:AI$366,ROUNDDOWN($C6811/24,0)+1,1))-1)+IF('Standard Profiles'!$G$19=$B$10,7,0)+IF('Standard Profiles'!$G$19=$B$17,14,0)+IF('Standard Profiles'!$G$19=$B$24,21,0),0)),0)</f>
        <v>0</v>
      </c>
      <c r="F6811" cm="1">
        <f t="array" ref="F6811">IFERROR(INDEX(Jesper!AJ$2:AJ$366,ROUNDDOWN($C6811/24,0)+1,1)*INDEX($D$3:$AA$30,INDEX(Jesper!$R$2:$R$366,ROW(INDEX(Jesper!AJ$2:AJ$366,ROUNDDOWN($C6811/24,0)+1,1))-1)+IF('Standard Profiles'!$G$20=$B$10,7,0)+IF('Standard Profiles'!$G$20=$B$17,14,0)+IF('Standard Profiles'!$G$20=$B$24,21,0),MOD($C6811,24)+1)/SUM(INDEX($D$3:$AA$30,INDEX(Jesper!$R$2:$R$366,ROW(INDEX(Jesper!AJ$2:AJ$366,ROUNDDOWN($C6811/24,0)+1,1))-1)+IF('Standard Profiles'!$G$20=$B$10,7,0)+IF('Standard Profiles'!$G$20=$B$17,14,0)+IF('Standard Profiles'!$G$20=$B$24,21,0),0)),0)</f>
        <v>0</v>
      </c>
      <c r="G6811" cm="1">
        <f t="array" ref="G6811">IFERROR(INDEX(Jesper!AK$2:AK$366,ROUNDDOWN($C6811/24,0)+1,1)*INDEX($D$3:$AA$30,INDEX(Jesper!$R$2:$R$366,ROW(INDEX(Jesper!AK$2:AK$366,ROUNDDOWN($C6811/24,0)+1,1))-1)+IF('Standard Profiles'!$G$21=$B$10,7,0)+IF('Standard Profiles'!$G$21=$B$17,14,0)+IF('Standard Profiles'!$G$21=$B$24,21,0),MOD($C6811,24)+1)/SUM(INDEX($D$3:$AA$30,INDEX(Jesper!$R$2:$R$366,ROW(INDEX(Jesper!AK$2:AK$366,ROUNDDOWN($C6811/24,0)+1,1))-1)+IF('Standard Profiles'!$G$21=$B$10,7,0)+IF('Standard Profiles'!$G$21=$B$17,14,0)+IF('Standard Profiles'!$G$21=$B$24,21,0),0)),0)</f>
        <v>0</v>
      </c>
      <c r="H6811" cm="1">
        <f t="array" ref="H6811">IFERROR(INDEX(Jesper!AL$2:AL$366,ROUNDDOWN($C6811/24,0)+1,1)*INDEX($D$3:$AA$30,INDEX(Jesper!$R$2:$R$366,ROW(INDEX(Jesper!AL$2:AL$366,ROUNDDOWN($C6811/24,0)+1,1))-1)+IF('Standard Profiles'!$G$22=$B$10,7,0)+IF('Standard Profiles'!$G$22=$B$17,14,0)+IF('Standard Profiles'!$G$22=$B$24,21,0),MOD($C6811,24)+1)/SUM(INDEX($D$3:$AA$30,INDEX(Jesper!$R$2:$R$366,ROW(INDEX(Jesper!AL$2:AL$366,ROUNDDOWN($C6811/24,0)+1,1))-1)+IF('Standard Profiles'!$G$22=$B$10,7,0)+IF('Standard Profiles'!$G$22=$B$17,14,0)+IF('Standard Profiles'!$G$22=$B$24,21,0),0)),0)</f>
        <v>0</v>
      </c>
      <c r="I6811">
        <f t="shared" si="755"/>
        <v>0.34987883042834689</v>
      </c>
      <c r="J6811">
        <f t="shared" si="756"/>
        <v>1.1662627680944897</v>
      </c>
      <c r="K6811">
        <f t="shared" si="757"/>
        <v>1.7493941521417347</v>
      </c>
      <c r="L6811">
        <f t="shared" si="758"/>
        <v>8.3970919302803253</v>
      </c>
      <c r="M6811">
        <f t="shared" si="759"/>
        <v>0</v>
      </c>
      <c r="N6811" s="46">
        <f t="shared" si="760"/>
        <v>45574.374999983564</v>
      </c>
    </row>
    <row r="6812" spans="2:14" x14ac:dyDescent="0.3">
      <c r="B6812">
        <f t="shared" si="754"/>
        <v>3</v>
      </c>
      <c r="C6812" s="16">
        <v>6778</v>
      </c>
      <c r="D6812" cm="1">
        <f t="array" ref="D6812">IFERROR(INDEX(Jesper!AH$2:AH$366,ROUNDDOWN($C6812/24,0)+1,1)*INDEX($D$3:$AA$30,INDEX(Jesper!$R$2:$R$366,ROW(INDEX(Jesper!AH$2:AH$366,ROUNDDOWN($C6812/24,0)+1,1))-1)+IF('Standard Profiles'!$G$18=$B$10,7,0)+IF('Standard Profiles'!$G$18=$B$17,14,0)+IF('Standard Profiles'!$G$18=$B$24,21,0),MOD($C6812,24)+1)/SUM(INDEX($D$3:$AA$30,INDEX(Jesper!$R$2:$R$366,ROW(INDEX(Jesper!AH$2:AH$366,ROUNDDOWN($C6812/24,0)+1,1))-1)+IF('Standard Profiles'!$G$18=$B$10,7,0)+IF('Standard Profiles'!$G$18=$B$17,14,0)+IF('Standard Profiles'!$G$18=$B$24,21,0),0)),0)</f>
        <v>12.634513321023638</v>
      </c>
      <c r="E6812" cm="1">
        <f t="array" ref="E6812">IFERROR(INDEX(Jesper!AI$2:AI$366,ROUNDDOWN($C6812/24,0)+1,1)*INDEX($D$3:$AA$30,INDEX(Jesper!$R$2:$R$366,ROW(INDEX(Jesper!AI$2:AI$366,ROUNDDOWN($C6812/24,0)+1,1))-1)+IF('Standard Profiles'!$G$19=$B$10,7,0)+IF('Standard Profiles'!$G$19=$B$17,14,0)+IF('Standard Profiles'!$G$19=$B$24,21,0),MOD($C6812,24)+1)/SUM(INDEX($D$3:$AA$30,INDEX(Jesper!$R$2:$R$366,ROW(INDEX(Jesper!AI$2:AI$366,ROUNDDOWN($C6812/24,0)+1,1))-1)+IF('Standard Profiles'!$G$19=$B$10,7,0)+IF('Standard Profiles'!$G$19=$B$17,14,0)+IF('Standard Profiles'!$G$19=$B$24,21,0),0)),0)</f>
        <v>0</v>
      </c>
      <c r="F6812" cm="1">
        <f t="array" ref="F6812">IFERROR(INDEX(Jesper!AJ$2:AJ$366,ROUNDDOWN($C6812/24,0)+1,1)*INDEX($D$3:$AA$30,INDEX(Jesper!$R$2:$R$366,ROW(INDEX(Jesper!AJ$2:AJ$366,ROUNDDOWN($C6812/24,0)+1,1))-1)+IF('Standard Profiles'!$G$20=$B$10,7,0)+IF('Standard Profiles'!$G$20=$B$17,14,0)+IF('Standard Profiles'!$G$20=$B$24,21,0),MOD($C6812,24)+1)/SUM(INDEX($D$3:$AA$30,INDEX(Jesper!$R$2:$R$366,ROW(INDEX(Jesper!AJ$2:AJ$366,ROUNDDOWN($C6812/24,0)+1,1))-1)+IF('Standard Profiles'!$G$20=$B$10,7,0)+IF('Standard Profiles'!$G$20=$B$17,14,0)+IF('Standard Profiles'!$G$20=$B$24,21,0),0)),0)</f>
        <v>0</v>
      </c>
      <c r="G6812" cm="1">
        <f t="array" ref="G6812">IFERROR(INDEX(Jesper!AK$2:AK$366,ROUNDDOWN($C6812/24,0)+1,1)*INDEX($D$3:$AA$30,INDEX(Jesper!$R$2:$R$366,ROW(INDEX(Jesper!AK$2:AK$366,ROUNDDOWN($C6812/24,0)+1,1))-1)+IF('Standard Profiles'!$G$21=$B$10,7,0)+IF('Standard Profiles'!$G$21=$B$17,14,0)+IF('Standard Profiles'!$G$21=$B$24,21,0),MOD($C6812,24)+1)/SUM(INDEX($D$3:$AA$30,INDEX(Jesper!$R$2:$R$366,ROW(INDEX(Jesper!AK$2:AK$366,ROUNDDOWN($C6812/24,0)+1,1))-1)+IF('Standard Profiles'!$G$21=$B$10,7,0)+IF('Standard Profiles'!$G$21=$B$17,14,0)+IF('Standard Profiles'!$G$21=$B$24,21,0),0)),0)</f>
        <v>0</v>
      </c>
      <c r="H6812" cm="1">
        <f t="array" ref="H6812">IFERROR(INDEX(Jesper!AL$2:AL$366,ROUNDDOWN($C6812/24,0)+1,1)*INDEX($D$3:$AA$30,INDEX(Jesper!$R$2:$R$366,ROW(INDEX(Jesper!AL$2:AL$366,ROUNDDOWN($C6812/24,0)+1,1))-1)+IF('Standard Profiles'!$G$22=$B$10,7,0)+IF('Standard Profiles'!$G$22=$B$17,14,0)+IF('Standard Profiles'!$G$22=$B$24,21,0),MOD($C6812,24)+1)/SUM(INDEX($D$3:$AA$30,INDEX(Jesper!$R$2:$R$366,ROW(INDEX(Jesper!AL$2:AL$366,ROUNDDOWN($C6812/24,0)+1,1))-1)+IF('Standard Profiles'!$G$22=$B$10,7,0)+IF('Standard Profiles'!$G$22=$B$17,14,0)+IF('Standard Profiles'!$G$22=$B$24,21,0),0)),0)</f>
        <v>0</v>
      </c>
      <c r="I6812">
        <f t="shared" si="755"/>
        <v>0.37903539963070915</v>
      </c>
      <c r="J6812">
        <f t="shared" si="756"/>
        <v>1.2634513321023639</v>
      </c>
      <c r="K6812">
        <f t="shared" si="757"/>
        <v>1.8951769981535456</v>
      </c>
      <c r="L6812">
        <f t="shared" si="758"/>
        <v>9.0968495911370191</v>
      </c>
      <c r="M6812">
        <f t="shared" si="759"/>
        <v>0</v>
      </c>
      <c r="N6812" s="46">
        <f t="shared" si="760"/>
        <v>45574.416666650228</v>
      </c>
    </row>
    <row r="6813" spans="2:14" x14ac:dyDescent="0.3">
      <c r="B6813">
        <f t="shared" si="754"/>
        <v>3</v>
      </c>
      <c r="C6813" s="16">
        <v>6779</v>
      </c>
      <c r="D6813" cm="1">
        <f t="array" ref="D6813">IFERROR(INDEX(Jesper!AH$2:AH$366,ROUNDDOWN($C6813/24,0)+1,1)*INDEX($D$3:$AA$30,INDEX(Jesper!$R$2:$R$366,ROW(INDEX(Jesper!AH$2:AH$366,ROUNDDOWN($C6813/24,0)+1,1))-1)+IF('Standard Profiles'!$G$18=$B$10,7,0)+IF('Standard Profiles'!$G$18=$B$17,14,0)+IF('Standard Profiles'!$G$18=$B$24,21,0),MOD($C6813,24)+1)/SUM(INDEX($D$3:$AA$30,INDEX(Jesper!$R$2:$R$366,ROW(INDEX(Jesper!AH$2:AH$366,ROUNDDOWN($C6813/24,0)+1,1))-1)+IF('Standard Profiles'!$G$18=$B$10,7,0)+IF('Standard Profiles'!$G$18=$B$17,14,0)+IF('Standard Profiles'!$G$18=$B$24,21,0),0)),0)</f>
        <v>14.578284601181121</v>
      </c>
      <c r="E6813" cm="1">
        <f t="array" ref="E6813">IFERROR(INDEX(Jesper!AI$2:AI$366,ROUNDDOWN($C6813/24,0)+1,1)*INDEX($D$3:$AA$30,INDEX(Jesper!$R$2:$R$366,ROW(INDEX(Jesper!AI$2:AI$366,ROUNDDOWN($C6813/24,0)+1,1))-1)+IF('Standard Profiles'!$G$19=$B$10,7,0)+IF('Standard Profiles'!$G$19=$B$17,14,0)+IF('Standard Profiles'!$G$19=$B$24,21,0),MOD($C6813,24)+1)/SUM(INDEX($D$3:$AA$30,INDEX(Jesper!$R$2:$R$366,ROW(INDEX(Jesper!AI$2:AI$366,ROUNDDOWN($C6813/24,0)+1,1))-1)+IF('Standard Profiles'!$G$19=$B$10,7,0)+IF('Standard Profiles'!$G$19=$B$17,14,0)+IF('Standard Profiles'!$G$19=$B$24,21,0),0)),0)</f>
        <v>0</v>
      </c>
      <c r="F6813" cm="1">
        <f t="array" ref="F6813">IFERROR(INDEX(Jesper!AJ$2:AJ$366,ROUNDDOWN($C6813/24,0)+1,1)*INDEX($D$3:$AA$30,INDEX(Jesper!$R$2:$R$366,ROW(INDEX(Jesper!AJ$2:AJ$366,ROUNDDOWN($C6813/24,0)+1,1))-1)+IF('Standard Profiles'!$G$20=$B$10,7,0)+IF('Standard Profiles'!$G$20=$B$17,14,0)+IF('Standard Profiles'!$G$20=$B$24,21,0),MOD($C6813,24)+1)/SUM(INDEX($D$3:$AA$30,INDEX(Jesper!$R$2:$R$366,ROW(INDEX(Jesper!AJ$2:AJ$366,ROUNDDOWN($C6813/24,0)+1,1))-1)+IF('Standard Profiles'!$G$20=$B$10,7,0)+IF('Standard Profiles'!$G$20=$B$17,14,0)+IF('Standard Profiles'!$G$20=$B$24,21,0),0)),0)</f>
        <v>0</v>
      </c>
      <c r="G6813" cm="1">
        <f t="array" ref="G6813">IFERROR(INDEX(Jesper!AK$2:AK$366,ROUNDDOWN($C6813/24,0)+1,1)*INDEX($D$3:$AA$30,INDEX(Jesper!$R$2:$R$366,ROW(INDEX(Jesper!AK$2:AK$366,ROUNDDOWN($C6813/24,0)+1,1))-1)+IF('Standard Profiles'!$G$21=$B$10,7,0)+IF('Standard Profiles'!$G$21=$B$17,14,0)+IF('Standard Profiles'!$G$21=$B$24,21,0),MOD($C6813,24)+1)/SUM(INDEX($D$3:$AA$30,INDEX(Jesper!$R$2:$R$366,ROW(INDEX(Jesper!AK$2:AK$366,ROUNDDOWN($C6813/24,0)+1,1))-1)+IF('Standard Profiles'!$G$21=$B$10,7,0)+IF('Standard Profiles'!$G$21=$B$17,14,0)+IF('Standard Profiles'!$G$21=$B$24,21,0),0)),0)</f>
        <v>0</v>
      </c>
      <c r="H6813" cm="1">
        <f t="array" ref="H6813">IFERROR(INDEX(Jesper!AL$2:AL$366,ROUNDDOWN($C6813/24,0)+1,1)*INDEX($D$3:$AA$30,INDEX(Jesper!$R$2:$R$366,ROW(INDEX(Jesper!AL$2:AL$366,ROUNDDOWN($C6813/24,0)+1,1))-1)+IF('Standard Profiles'!$G$22=$B$10,7,0)+IF('Standard Profiles'!$G$22=$B$17,14,0)+IF('Standard Profiles'!$G$22=$B$24,21,0),MOD($C6813,24)+1)/SUM(INDEX($D$3:$AA$30,INDEX(Jesper!$R$2:$R$366,ROW(INDEX(Jesper!AL$2:AL$366,ROUNDDOWN($C6813/24,0)+1,1))-1)+IF('Standard Profiles'!$G$22=$B$10,7,0)+IF('Standard Profiles'!$G$22=$B$17,14,0)+IF('Standard Profiles'!$G$22=$B$24,21,0),0)),0)</f>
        <v>0</v>
      </c>
      <c r="I6813">
        <f t="shared" si="755"/>
        <v>0.43734853803543361</v>
      </c>
      <c r="J6813">
        <f t="shared" si="756"/>
        <v>1.4578284601181122</v>
      </c>
      <c r="K6813">
        <f t="shared" si="757"/>
        <v>2.186742690177168</v>
      </c>
      <c r="L6813">
        <f t="shared" si="758"/>
        <v>10.496364912850407</v>
      </c>
      <c r="M6813">
        <f t="shared" si="759"/>
        <v>0</v>
      </c>
      <c r="N6813" s="46">
        <f t="shared" si="760"/>
        <v>45574.458333316892</v>
      </c>
    </row>
    <row r="6814" spans="2:14" x14ac:dyDescent="0.3">
      <c r="B6814">
        <f t="shared" si="754"/>
        <v>3</v>
      </c>
      <c r="C6814" s="16">
        <v>6780</v>
      </c>
      <c r="D6814" cm="1">
        <f t="array" ref="D6814">IFERROR(INDEX(Jesper!AH$2:AH$366,ROUNDDOWN($C6814/24,0)+1,1)*INDEX($D$3:$AA$30,INDEX(Jesper!$R$2:$R$366,ROW(INDEX(Jesper!AH$2:AH$366,ROUNDDOWN($C6814/24,0)+1,1))-1)+IF('Standard Profiles'!$G$18=$B$10,7,0)+IF('Standard Profiles'!$G$18=$B$17,14,0)+IF('Standard Profiles'!$G$18=$B$24,21,0),MOD($C6814,24)+1)/SUM(INDEX($D$3:$AA$30,INDEX(Jesper!$R$2:$R$366,ROW(INDEX(Jesper!AH$2:AH$366,ROUNDDOWN($C6814/24,0)+1,1))-1)+IF('Standard Profiles'!$G$18=$B$10,7,0)+IF('Standard Profiles'!$G$18=$B$17,14,0)+IF('Standard Profiles'!$G$18=$B$24,21,0),0)),0)</f>
        <v>14.578284601181121</v>
      </c>
      <c r="E6814" cm="1">
        <f t="array" ref="E6814">IFERROR(INDEX(Jesper!AI$2:AI$366,ROUNDDOWN($C6814/24,0)+1,1)*INDEX($D$3:$AA$30,INDEX(Jesper!$R$2:$R$366,ROW(INDEX(Jesper!AI$2:AI$366,ROUNDDOWN($C6814/24,0)+1,1))-1)+IF('Standard Profiles'!$G$19=$B$10,7,0)+IF('Standard Profiles'!$G$19=$B$17,14,0)+IF('Standard Profiles'!$G$19=$B$24,21,0),MOD($C6814,24)+1)/SUM(INDEX($D$3:$AA$30,INDEX(Jesper!$R$2:$R$366,ROW(INDEX(Jesper!AI$2:AI$366,ROUNDDOWN($C6814/24,0)+1,1))-1)+IF('Standard Profiles'!$G$19=$B$10,7,0)+IF('Standard Profiles'!$G$19=$B$17,14,0)+IF('Standard Profiles'!$G$19=$B$24,21,0),0)),0)</f>
        <v>0</v>
      </c>
      <c r="F6814" cm="1">
        <f t="array" ref="F6814">IFERROR(INDEX(Jesper!AJ$2:AJ$366,ROUNDDOWN($C6814/24,0)+1,1)*INDEX($D$3:$AA$30,INDEX(Jesper!$R$2:$R$366,ROW(INDEX(Jesper!AJ$2:AJ$366,ROUNDDOWN($C6814/24,0)+1,1))-1)+IF('Standard Profiles'!$G$20=$B$10,7,0)+IF('Standard Profiles'!$G$20=$B$17,14,0)+IF('Standard Profiles'!$G$20=$B$24,21,0),MOD($C6814,24)+1)/SUM(INDEX($D$3:$AA$30,INDEX(Jesper!$R$2:$R$366,ROW(INDEX(Jesper!AJ$2:AJ$366,ROUNDDOWN($C6814/24,0)+1,1))-1)+IF('Standard Profiles'!$G$20=$B$10,7,0)+IF('Standard Profiles'!$G$20=$B$17,14,0)+IF('Standard Profiles'!$G$20=$B$24,21,0),0)),0)</f>
        <v>0</v>
      </c>
      <c r="G6814" cm="1">
        <f t="array" ref="G6814">IFERROR(INDEX(Jesper!AK$2:AK$366,ROUNDDOWN($C6814/24,0)+1,1)*INDEX($D$3:$AA$30,INDEX(Jesper!$R$2:$R$366,ROW(INDEX(Jesper!AK$2:AK$366,ROUNDDOWN($C6814/24,0)+1,1))-1)+IF('Standard Profiles'!$G$21=$B$10,7,0)+IF('Standard Profiles'!$G$21=$B$17,14,0)+IF('Standard Profiles'!$G$21=$B$24,21,0),MOD($C6814,24)+1)/SUM(INDEX($D$3:$AA$30,INDEX(Jesper!$R$2:$R$366,ROW(INDEX(Jesper!AK$2:AK$366,ROUNDDOWN($C6814/24,0)+1,1))-1)+IF('Standard Profiles'!$G$21=$B$10,7,0)+IF('Standard Profiles'!$G$21=$B$17,14,0)+IF('Standard Profiles'!$G$21=$B$24,21,0),0)),0)</f>
        <v>0</v>
      </c>
      <c r="H6814" cm="1">
        <f t="array" ref="H6814">IFERROR(INDEX(Jesper!AL$2:AL$366,ROUNDDOWN($C6814/24,0)+1,1)*INDEX($D$3:$AA$30,INDEX(Jesper!$R$2:$R$366,ROW(INDEX(Jesper!AL$2:AL$366,ROUNDDOWN($C6814/24,0)+1,1))-1)+IF('Standard Profiles'!$G$22=$B$10,7,0)+IF('Standard Profiles'!$G$22=$B$17,14,0)+IF('Standard Profiles'!$G$22=$B$24,21,0),MOD($C6814,24)+1)/SUM(INDEX($D$3:$AA$30,INDEX(Jesper!$R$2:$R$366,ROW(INDEX(Jesper!AL$2:AL$366,ROUNDDOWN($C6814/24,0)+1,1))-1)+IF('Standard Profiles'!$G$22=$B$10,7,0)+IF('Standard Profiles'!$G$22=$B$17,14,0)+IF('Standard Profiles'!$G$22=$B$24,21,0),0)),0)</f>
        <v>0</v>
      </c>
      <c r="I6814">
        <f t="shared" si="755"/>
        <v>0.43734853803543361</v>
      </c>
      <c r="J6814">
        <f t="shared" si="756"/>
        <v>1.4578284601181122</v>
      </c>
      <c r="K6814">
        <f t="shared" si="757"/>
        <v>2.186742690177168</v>
      </c>
      <c r="L6814">
        <f t="shared" si="758"/>
        <v>10.496364912850407</v>
      </c>
      <c r="M6814">
        <f t="shared" si="759"/>
        <v>0</v>
      </c>
      <c r="N6814" s="46">
        <f t="shared" si="760"/>
        <v>45574.499999983556</v>
      </c>
    </row>
    <row r="6815" spans="2:14" x14ac:dyDescent="0.3">
      <c r="B6815">
        <f t="shared" si="754"/>
        <v>3</v>
      </c>
      <c r="C6815" s="16">
        <v>6781</v>
      </c>
      <c r="D6815" cm="1">
        <f t="array" ref="D6815">IFERROR(INDEX(Jesper!AH$2:AH$366,ROUNDDOWN($C6815/24,0)+1,1)*INDEX($D$3:$AA$30,INDEX(Jesper!$R$2:$R$366,ROW(INDEX(Jesper!AH$2:AH$366,ROUNDDOWN($C6815/24,0)+1,1))-1)+IF('Standard Profiles'!$G$18=$B$10,7,0)+IF('Standard Profiles'!$G$18=$B$17,14,0)+IF('Standard Profiles'!$G$18=$B$24,21,0),MOD($C6815,24)+1)/SUM(INDEX($D$3:$AA$30,INDEX(Jesper!$R$2:$R$366,ROW(INDEX(Jesper!AH$2:AH$366,ROUNDDOWN($C6815/24,0)+1,1))-1)+IF('Standard Profiles'!$G$18=$B$10,7,0)+IF('Standard Profiles'!$G$18=$B$17,14,0)+IF('Standard Profiles'!$G$18=$B$24,21,0),0)),0)</f>
        <v>14.578284601181121</v>
      </c>
      <c r="E6815" cm="1">
        <f t="array" ref="E6815">IFERROR(INDEX(Jesper!AI$2:AI$366,ROUNDDOWN($C6815/24,0)+1,1)*INDEX($D$3:$AA$30,INDEX(Jesper!$R$2:$R$366,ROW(INDEX(Jesper!AI$2:AI$366,ROUNDDOWN($C6815/24,0)+1,1))-1)+IF('Standard Profiles'!$G$19=$B$10,7,0)+IF('Standard Profiles'!$G$19=$B$17,14,0)+IF('Standard Profiles'!$G$19=$B$24,21,0),MOD($C6815,24)+1)/SUM(INDEX($D$3:$AA$30,INDEX(Jesper!$R$2:$R$366,ROW(INDEX(Jesper!AI$2:AI$366,ROUNDDOWN($C6815/24,0)+1,1))-1)+IF('Standard Profiles'!$G$19=$B$10,7,0)+IF('Standard Profiles'!$G$19=$B$17,14,0)+IF('Standard Profiles'!$G$19=$B$24,21,0),0)),0)</f>
        <v>0</v>
      </c>
      <c r="F6815" cm="1">
        <f t="array" ref="F6815">IFERROR(INDEX(Jesper!AJ$2:AJ$366,ROUNDDOWN($C6815/24,0)+1,1)*INDEX($D$3:$AA$30,INDEX(Jesper!$R$2:$R$366,ROW(INDEX(Jesper!AJ$2:AJ$366,ROUNDDOWN($C6815/24,0)+1,1))-1)+IF('Standard Profiles'!$G$20=$B$10,7,0)+IF('Standard Profiles'!$G$20=$B$17,14,0)+IF('Standard Profiles'!$G$20=$B$24,21,0),MOD($C6815,24)+1)/SUM(INDEX($D$3:$AA$30,INDEX(Jesper!$R$2:$R$366,ROW(INDEX(Jesper!AJ$2:AJ$366,ROUNDDOWN($C6815/24,0)+1,1))-1)+IF('Standard Profiles'!$G$20=$B$10,7,0)+IF('Standard Profiles'!$G$20=$B$17,14,0)+IF('Standard Profiles'!$G$20=$B$24,21,0),0)),0)</f>
        <v>0</v>
      </c>
      <c r="G6815" cm="1">
        <f t="array" ref="G6815">IFERROR(INDEX(Jesper!AK$2:AK$366,ROUNDDOWN($C6815/24,0)+1,1)*INDEX($D$3:$AA$30,INDEX(Jesper!$R$2:$R$366,ROW(INDEX(Jesper!AK$2:AK$366,ROUNDDOWN($C6815/24,0)+1,1))-1)+IF('Standard Profiles'!$G$21=$B$10,7,0)+IF('Standard Profiles'!$G$21=$B$17,14,0)+IF('Standard Profiles'!$G$21=$B$24,21,0),MOD($C6815,24)+1)/SUM(INDEX($D$3:$AA$30,INDEX(Jesper!$R$2:$R$366,ROW(INDEX(Jesper!AK$2:AK$366,ROUNDDOWN($C6815/24,0)+1,1))-1)+IF('Standard Profiles'!$G$21=$B$10,7,0)+IF('Standard Profiles'!$G$21=$B$17,14,0)+IF('Standard Profiles'!$G$21=$B$24,21,0),0)),0)</f>
        <v>0</v>
      </c>
      <c r="H6815" cm="1">
        <f t="array" ref="H6815">IFERROR(INDEX(Jesper!AL$2:AL$366,ROUNDDOWN($C6815/24,0)+1,1)*INDEX($D$3:$AA$30,INDEX(Jesper!$R$2:$R$366,ROW(INDEX(Jesper!AL$2:AL$366,ROUNDDOWN($C6815/24,0)+1,1))-1)+IF('Standard Profiles'!$G$22=$B$10,7,0)+IF('Standard Profiles'!$G$22=$B$17,14,0)+IF('Standard Profiles'!$G$22=$B$24,21,0),MOD($C6815,24)+1)/SUM(INDEX($D$3:$AA$30,INDEX(Jesper!$R$2:$R$366,ROW(INDEX(Jesper!AL$2:AL$366,ROUNDDOWN($C6815/24,0)+1,1))-1)+IF('Standard Profiles'!$G$22=$B$10,7,0)+IF('Standard Profiles'!$G$22=$B$17,14,0)+IF('Standard Profiles'!$G$22=$B$24,21,0),0)),0)</f>
        <v>0</v>
      </c>
      <c r="I6815">
        <f t="shared" si="755"/>
        <v>0.43734853803543361</v>
      </c>
      <c r="J6815">
        <f t="shared" si="756"/>
        <v>1.4578284601181122</v>
      </c>
      <c r="K6815">
        <f t="shared" si="757"/>
        <v>2.186742690177168</v>
      </c>
      <c r="L6815">
        <f t="shared" si="758"/>
        <v>10.496364912850407</v>
      </c>
      <c r="M6815">
        <f t="shared" si="759"/>
        <v>0</v>
      </c>
      <c r="N6815" s="46">
        <f t="shared" si="760"/>
        <v>45574.541666650221</v>
      </c>
    </row>
    <row r="6816" spans="2:14" x14ac:dyDescent="0.3">
      <c r="B6816">
        <f t="shared" si="754"/>
        <v>3</v>
      </c>
      <c r="C6816" s="16">
        <v>6782</v>
      </c>
      <c r="D6816" cm="1">
        <f t="array" ref="D6816">IFERROR(INDEX(Jesper!AH$2:AH$366,ROUNDDOWN($C6816/24,0)+1,1)*INDEX($D$3:$AA$30,INDEX(Jesper!$R$2:$R$366,ROW(INDEX(Jesper!AH$2:AH$366,ROUNDDOWN($C6816/24,0)+1,1))-1)+IF('Standard Profiles'!$G$18=$B$10,7,0)+IF('Standard Profiles'!$G$18=$B$17,14,0)+IF('Standard Profiles'!$G$18=$B$24,21,0),MOD($C6816,24)+1)/SUM(INDEX($D$3:$AA$30,INDEX(Jesper!$R$2:$R$366,ROW(INDEX(Jesper!AH$2:AH$366,ROUNDDOWN($C6816/24,0)+1,1))-1)+IF('Standard Profiles'!$G$18=$B$10,7,0)+IF('Standard Profiles'!$G$18=$B$17,14,0)+IF('Standard Profiles'!$G$18=$B$24,21,0),0)),0)</f>
        <v>14.578284601181121</v>
      </c>
      <c r="E6816" cm="1">
        <f t="array" ref="E6816">IFERROR(INDEX(Jesper!AI$2:AI$366,ROUNDDOWN($C6816/24,0)+1,1)*INDEX($D$3:$AA$30,INDEX(Jesper!$R$2:$R$366,ROW(INDEX(Jesper!AI$2:AI$366,ROUNDDOWN($C6816/24,0)+1,1))-1)+IF('Standard Profiles'!$G$19=$B$10,7,0)+IF('Standard Profiles'!$G$19=$B$17,14,0)+IF('Standard Profiles'!$G$19=$B$24,21,0),MOD($C6816,24)+1)/SUM(INDEX($D$3:$AA$30,INDEX(Jesper!$R$2:$R$366,ROW(INDEX(Jesper!AI$2:AI$366,ROUNDDOWN($C6816/24,0)+1,1))-1)+IF('Standard Profiles'!$G$19=$B$10,7,0)+IF('Standard Profiles'!$G$19=$B$17,14,0)+IF('Standard Profiles'!$G$19=$B$24,21,0),0)),0)</f>
        <v>0</v>
      </c>
      <c r="F6816" cm="1">
        <f t="array" ref="F6816">IFERROR(INDEX(Jesper!AJ$2:AJ$366,ROUNDDOWN($C6816/24,0)+1,1)*INDEX($D$3:$AA$30,INDEX(Jesper!$R$2:$R$366,ROW(INDEX(Jesper!AJ$2:AJ$366,ROUNDDOWN($C6816/24,0)+1,1))-1)+IF('Standard Profiles'!$G$20=$B$10,7,0)+IF('Standard Profiles'!$G$20=$B$17,14,0)+IF('Standard Profiles'!$G$20=$B$24,21,0),MOD($C6816,24)+1)/SUM(INDEX($D$3:$AA$30,INDEX(Jesper!$R$2:$R$366,ROW(INDEX(Jesper!AJ$2:AJ$366,ROUNDDOWN($C6816/24,0)+1,1))-1)+IF('Standard Profiles'!$G$20=$B$10,7,0)+IF('Standard Profiles'!$G$20=$B$17,14,0)+IF('Standard Profiles'!$G$20=$B$24,21,0),0)),0)</f>
        <v>0</v>
      </c>
      <c r="G6816" cm="1">
        <f t="array" ref="G6816">IFERROR(INDEX(Jesper!AK$2:AK$366,ROUNDDOWN($C6816/24,0)+1,1)*INDEX($D$3:$AA$30,INDEX(Jesper!$R$2:$R$366,ROW(INDEX(Jesper!AK$2:AK$366,ROUNDDOWN($C6816/24,0)+1,1))-1)+IF('Standard Profiles'!$G$21=$B$10,7,0)+IF('Standard Profiles'!$G$21=$B$17,14,0)+IF('Standard Profiles'!$G$21=$B$24,21,0),MOD($C6816,24)+1)/SUM(INDEX($D$3:$AA$30,INDEX(Jesper!$R$2:$R$366,ROW(INDEX(Jesper!AK$2:AK$366,ROUNDDOWN($C6816/24,0)+1,1))-1)+IF('Standard Profiles'!$G$21=$B$10,7,0)+IF('Standard Profiles'!$G$21=$B$17,14,0)+IF('Standard Profiles'!$G$21=$B$24,21,0),0)),0)</f>
        <v>0</v>
      </c>
      <c r="H6816" cm="1">
        <f t="array" ref="H6816">IFERROR(INDEX(Jesper!AL$2:AL$366,ROUNDDOWN($C6816/24,0)+1,1)*INDEX($D$3:$AA$30,INDEX(Jesper!$R$2:$R$366,ROW(INDEX(Jesper!AL$2:AL$366,ROUNDDOWN($C6816/24,0)+1,1))-1)+IF('Standard Profiles'!$G$22=$B$10,7,0)+IF('Standard Profiles'!$G$22=$B$17,14,0)+IF('Standard Profiles'!$G$22=$B$24,21,0),MOD($C6816,24)+1)/SUM(INDEX($D$3:$AA$30,INDEX(Jesper!$R$2:$R$366,ROW(INDEX(Jesper!AL$2:AL$366,ROUNDDOWN($C6816/24,0)+1,1))-1)+IF('Standard Profiles'!$G$22=$B$10,7,0)+IF('Standard Profiles'!$G$22=$B$17,14,0)+IF('Standard Profiles'!$G$22=$B$24,21,0),0)),0)</f>
        <v>0</v>
      </c>
      <c r="I6816">
        <f t="shared" si="755"/>
        <v>0.43734853803543361</v>
      </c>
      <c r="J6816">
        <f t="shared" si="756"/>
        <v>1.4578284601181122</v>
      </c>
      <c r="K6816">
        <f t="shared" si="757"/>
        <v>2.186742690177168</v>
      </c>
      <c r="L6816">
        <f t="shared" si="758"/>
        <v>10.496364912850407</v>
      </c>
      <c r="M6816">
        <f t="shared" si="759"/>
        <v>0</v>
      </c>
      <c r="N6816" s="46">
        <f t="shared" si="760"/>
        <v>45574.583333316885</v>
      </c>
    </row>
    <row r="6817" spans="2:14" x14ac:dyDescent="0.3">
      <c r="B6817">
        <f t="shared" si="754"/>
        <v>3</v>
      </c>
      <c r="C6817" s="16">
        <v>6783</v>
      </c>
      <c r="D6817" cm="1">
        <f t="array" ref="D6817">IFERROR(INDEX(Jesper!AH$2:AH$366,ROUNDDOWN($C6817/24,0)+1,1)*INDEX($D$3:$AA$30,INDEX(Jesper!$R$2:$R$366,ROW(INDEX(Jesper!AH$2:AH$366,ROUNDDOWN($C6817/24,0)+1,1))-1)+IF('Standard Profiles'!$G$18=$B$10,7,0)+IF('Standard Profiles'!$G$18=$B$17,14,0)+IF('Standard Profiles'!$G$18=$B$24,21,0),MOD($C6817,24)+1)/SUM(INDEX($D$3:$AA$30,INDEX(Jesper!$R$2:$R$366,ROW(INDEX(Jesper!AH$2:AH$366,ROUNDDOWN($C6817/24,0)+1,1))-1)+IF('Standard Profiles'!$G$18=$B$10,7,0)+IF('Standard Profiles'!$G$18=$B$17,14,0)+IF('Standard Profiles'!$G$18=$B$24,21,0),0)),0)</f>
        <v>14.578284601181121</v>
      </c>
      <c r="E6817" cm="1">
        <f t="array" ref="E6817">IFERROR(INDEX(Jesper!AI$2:AI$366,ROUNDDOWN($C6817/24,0)+1,1)*INDEX($D$3:$AA$30,INDEX(Jesper!$R$2:$R$366,ROW(INDEX(Jesper!AI$2:AI$366,ROUNDDOWN($C6817/24,0)+1,1))-1)+IF('Standard Profiles'!$G$19=$B$10,7,0)+IF('Standard Profiles'!$G$19=$B$17,14,0)+IF('Standard Profiles'!$G$19=$B$24,21,0),MOD($C6817,24)+1)/SUM(INDEX($D$3:$AA$30,INDEX(Jesper!$R$2:$R$366,ROW(INDEX(Jesper!AI$2:AI$366,ROUNDDOWN($C6817/24,0)+1,1))-1)+IF('Standard Profiles'!$G$19=$B$10,7,0)+IF('Standard Profiles'!$G$19=$B$17,14,0)+IF('Standard Profiles'!$G$19=$B$24,21,0),0)),0)</f>
        <v>0</v>
      </c>
      <c r="F6817" cm="1">
        <f t="array" ref="F6817">IFERROR(INDEX(Jesper!AJ$2:AJ$366,ROUNDDOWN($C6817/24,0)+1,1)*INDEX($D$3:$AA$30,INDEX(Jesper!$R$2:$R$366,ROW(INDEX(Jesper!AJ$2:AJ$366,ROUNDDOWN($C6817/24,0)+1,1))-1)+IF('Standard Profiles'!$G$20=$B$10,7,0)+IF('Standard Profiles'!$G$20=$B$17,14,0)+IF('Standard Profiles'!$G$20=$B$24,21,0),MOD($C6817,24)+1)/SUM(INDEX($D$3:$AA$30,INDEX(Jesper!$R$2:$R$366,ROW(INDEX(Jesper!AJ$2:AJ$366,ROUNDDOWN($C6817/24,0)+1,1))-1)+IF('Standard Profiles'!$G$20=$B$10,7,0)+IF('Standard Profiles'!$G$20=$B$17,14,0)+IF('Standard Profiles'!$G$20=$B$24,21,0),0)),0)</f>
        <v>0</v>
      </c>
      <c r="G6817" cm="1">
        <f t="array" ref="G6817">IFERROR(INDEX(Jesper!AK$2:AK$366,ROUNDDOWN($C6817/24,0)+1,1)*INDEX($D$3:$AA$30,INDEX(Jesper!$R$2:$R$366,ROW(INDEX(Jesper!AK$2:AK$366,ROUNDDOWN($C6817/24,0)+1,1))-1)+IF('Standard Profiles'!$G$21=$B$10,7,0)+IF('Standard Profiles'!$G$21=$B$17,14,0)+IF('Standard Profiles'!$G$21=$B$24,21,0),MOD($C6817,24)+1)/SUM(INDEX($D$3:$AA$30,INDEX(Jesper!$R$2:$R$366,ROW(INDEX(Jesper!AK$2:AK$366,ROUNDDOWN($C6817/24,0)+1,1))-1)+IF('Standard Profiles'!$G$21=$B$10,7,0)+IF('Standard Profiles'!$G$21=$B$17,14,0)+IF('Standard Profiles'!$G$21=$B$24,21,0),0)),0)</f>
        <v>0</v>
      </c>
      <c r="H6817" cm="1">
        <f t="array" ref="H6817">IFERROR(INDEX(Jesper!AL$2:AL$366,ROUNDDOWN($C6817/24,0)+1,1)*INDEX($D$3:$AA$30,INDEX(Jesper!$R$2:$R$366,ROW(INDEX(Jesper!AL$2:AL$366,ROUNDDOWN($C6817/24,0)+1,1))-1)+IF('Standard Profiles'!$G$22=$B$10,7,0)+IF('Standard Profiles'!$G$22=$B$17,14,0)+IF('Standard Profiles'!$G$22=$B$24,21,0),MOD($C6817,24)+1)/SUM(INDEX($D$3:$AA$30,INDEX(Jesper!$R$2:$R$366,ROW(INDEX(Jesper!AL$2:AL$366,ROUNDDOWN($C6817/24,0)+1,1))-1)+IF('Standard Profiles'!$G$22=$B$10,7,0)+IF('Standard Profiles'!$G$22=$B$17,14,0)+IF('Standard Profiles'!$G$22=$B$24,21,0),0)),0)</f>
        <v>0</v>
      </c>
      <c r="I6817">
        <f t="shared" si="755"/>
        <v>0.43734853803543361</v>
      </c>
      <c r="J6817">
        <f t="shared" si="756"/>
        <v>1.4578284601181122</v>
      </c>
      <c r="K6817">
        <f t="shared" si="757"/>
        <v>2.186742690177168</v>
      </c>
      <c r="L6817">
        <f t="shared" si="758"/>
        <v>10.496364912850407</v>
      </c>
      <c r="M6817">
        <f t="shared" si="759"/>
        <v>0</v>
      </c>
      <c r="N6817" s="46">
        <f t="shared" si="760"/>
        <v>45574.624999983549</v>
      </c>
    </row>
    <row r="6818" spans="2:14" x14ac:dyDescent="0.3">
      <c r="B6818">
        <f t="shared" si="754"/>
        <v>3</v>
      </c>
      <c r="C6818" s="16">
        <v>6784</v>
      </c>
      <c r="D6818" cm="1">
        <f t="array" ref="D6818">IFERROR(INDEX(Jesper!AH$2:AH$366,ROUNDDOWN($C6818/24,0)+1,1)*INDEX($D$3:$AA$30,INDEX(Jesper!$R$2:$R$366,ROW(INDEX(Jesper!AH$2:AH$366,ROUNDDOWN($C6818/24,0)+1,1))-1)+IF('Standard Profiles'!$G$18=$B$10,7,0)+IF('Standard Profiles'!$G$18=$B$17,14,0)+IF('Standard Profiles'!$G$18=$B$24,21,0),MOD($C6818,24)+1)/SUM(INDEX($D$3:$AA$30,INDEX(Jesper!$R$2:$R$366,ROW(INDEX(Jesper!AH$2:AH$366,ROUNDDOWN($C6818/24,0)+1,1))-1)+IF('Standard Profiles'!$G$18=$B$10,7,0)+IF('Standard Profiles'!$G$18=$B$17,14,0)+IF('Standard Profiles'!$G$18=$B$24,21,0),0)),0)</f>
        <v>14.578284601181121</v>
      </c>
      <c r="E6818" cm="1">
        <f t="array" ref="E6818">IFERROR(INDEX(Jesper!AI$2:AI$366,ROUNDDOWN($C6818/24,0)+1,1)*INDEX($D$3:$AA$30,INDEX(Jesper!$R$2:$R$366,ROW(INDEX(Jesper!AI$2:AI$366,ROUNDDOWN($C6818/24,0)+1,1))-1)+IF('Standard Profiles'!$G$19=$B$10,7,0)+IF('Standard Profiles'!$G$19=$B$17,14,0)+IF('Standard Profiles'!$G$19=$B$24,21,0),MOD($C6818,24)+1)/SUM(INDEX($D$3:$AA$30,INDEX(Jesper!$R$2:$R$366,ROW(INDEX(Jesper!AI$2:AI$366,ROUNDDOWN($C6818/24,0)+1,1))-1)+IF('Standard Profiles'!$G$19=$B$10,7,0)+IF('Standard Profiles'!$G$19=$B$17,14,0)+IF('Standard Profiles'!$G$19=$B$24,21,0),0)),0)</f>
        <v>0</v>
      </c>
      <c r="F6818" cm="1">
        <f t="array" ref="F6818">IFERROR(INDEX(Jesper!AJ$2:AJ$366,ROUNDDOWN($C6818/24,0)+1,1)*INDEX($D$3:$AA$30,INDEX(Jesper!$R$2:$R$366,ROW(INDEX(Jesper!AJ$2:AJ$366,ROUNDDOWN($C6818/24,0)+1,1))-1)+IF('Standard Profiles'!$G$20=$B$10,7,0)+IF('Standard Profiles'!$G$20=$B$17,14,0)+IF('Standard Profiles'!$G$20=$B$24,21,0),MOD($C6818,24)+1)/SUM(INDEX($D$3:$AA$30,INDEX(Jesper!$R$2:$R$366,ROW(INDEX(Jesper!AJ$2:AJ$366,ROUNDDOWN($C6818/24,0)+1,1))-1)+IF('Standard Profiles'!$G$20=$B$10,7,0)+IF('Standard Profiles'!$G$20=$B$17,14,0)+IF('Standard Profiles'!$G$20=$B$24,21,0),0)),0)</f>
        <v>0</v>
      </c>
      <c r="G6818" cm="1">
        <f t="array" ref="G6818">IFERROR(INDEX(Jesper!AK$2:AK$366,ROUNDDOWN($C6818/24,0)+1,1)*INDEX($D$3:$AA$30,INDEX(Jesper!$R$2:$R$366,ROW(INDEX(Jesper!AK$2:AK$366,ROUNDDOWN($C6818/24,0)+1,1))-1)+IF('Standard Profiles'!$G$21=$B$10,7,0)+IF('Standard Profiles'!$G$21=$B$17,14,0)+IF('Standard Profiles'!$G$21=$B$24,21,0),MOD($C6818,24)+1)/SUM(INDEX($D$3:$AA$30,INDEX(Jesper!$R$2:$R$366,ROW(INDEX(Jesper!AK$2:AK$366,ROUNDDOWN($C6818/24,0)+1,1))-1)+IF('Standard Profiles'!$G$21=$B$10,7,0)+IF('Standard Profiles'!$G$21=$B$17,14,0)+IF('Standard Profiles'!$G$21=$B$24,21,0),0)),0)</f>
        <v>0</v>
      </c>
      <c r="H6818" cm="1">
        <f t="array" ref="H6818">IFERROR(INDEX(Jesper!AL$2:AL$366,ROUNDDOWN($C6818/24,0)+1,1)*INDEX($D$3:$AA$30,INDEX(Jesper!$R$2:$R$366,ROW(INDEX(Jesper!AL$2:AL$366,ROUNDDOWN($C6818/24,0)+1,1))-1)+IF('Standard Profiles'!$G$22=$B$10,7,0)+IF('Standard Profiles'!$G$22=$B$17,14,0)+IF('Standard Profiles'!$G$22=$B$24,21,0),MOD($C6818,24)+1)/SUM(INDEX($D$3:$AA$30,INDEX(Jesper!$R$2:$R$366,ROW(INDEX(Jesper!AL$2:AL$366,ROUNDDOWN($C6818/24,0)+1,1))-1)+IF('Standard Profiles'!$G$22=$B$10,7,0)+IF('Standard Profiles'!$G$22=$B$17,14,0)+IF('Standard Profiles'!$G$22=$B$24,21,0),0)),0)</f>
        <v>0</v>
      </c>
      <c r="I6818">
        <f t="shared" si="755"/>
        <v>0.43734853803543361</v>
      </c>
      <c r="J6818">
        <f t="shared" si="756"/>
        <v>1.4578284601181122</v>
      </c>
      <c r="K6818">
        <f t="shared" si="757"/>
        <v>2.186742690177168</v>
      </c>
      <c r="L6818">
        <f t="shared" si="758"/>
        <v>10.496364912850407</v>
      </c>
      <c r="M6818">
        <f t="shared" si="759"/>
        <v>0</v>
      </c>
      <c r="N6818" s="46">
        <f t="shared" si="760"/>
        <v>45574.666666650213</v>
      </c>
    </row>
    <row r="6819" spans="2:14" x14ac:dyDescent="0.3">
      <c r="B6819">
        <f t="shared" ref="B6819:B6882" si="761">WEEKDAY(N6819,2)</f>
        <v>3</v>
      </c>
      <c r="C6819" s="16">
        <v>6785</v>
      </c>
      <c r="D6819" cm="1">
        <f t="array" ref="D6819">IFERROR(INDEX(Jesper!AH$2:AH$366,ROUNDDOWN($C6819/24,0)+1,1)*INDEX($D$3:$AA$30,INDEX(Jesper!$R$2:$R$366,ROW(INDEX(Jesper!AH$2:AH$366,ROUNDDOWN($C6819/24,0)+1,1))-1)+IF('Standard Profiles'!$G$18=$B$10,7,0)+IF('Standard Profiles'!$G$18=$B$17,14,0)+IF('Standard Profiles'!$G$18=$B$24,21,0),MOD($C6819,24)+1)/SUM(INDEX($D$3:$AA$30,INDEX(Jesper!$R$2:$R$366,ROW(INDEX(Jesper!AH$2:AH$366,ROUNDDOWN($C6819/24,0)+1,1))-1)+IF('Standard Profiles'!$G$18=$B$10,7,0)+IF('Standard Profiles'!$G$18=$B$17,14,0)+IF('Standard Profiles'!$G$18=$B$24,21,0),0)),0)</f>
        <v>14.578284601181121</v>
      </c>
      <c r="E6819" cm="1">
        <f t="array" ref="E6819">IFERROR(INDEX(Jesper!AI$2:AI$366,ROUNDDOWN($C6819/24,0)+1,1)*INDEX($D$3:$AA$30,INDEX(Jesper!$R$2:$R$366,ROW(INDEX(Jesper!AI$2:AI$366,ROUNDDOWN($C6819/24,0)+1,1))-1)+IF('Standard Profiles'!$G$19=$B$10,7,0)+IF('Standard Profiles'!$G$19=$B$17,14,0)+IF('Standard Profiles'!$G$19=$B$24,21,0),MOD($C6819,24)+1)/SUM(INDEX($D$3:$AA$30,INDEX(Jesper!$R$2:$R$366,ROW(INDEX(Jesper!AI$2:AI$366,ROUNDDOWN($C6819/24,0)+1,1))-1)+IF('Standard Profiles'!$G$19=$B$10,7,0)+IF('Standard Profiles'!$G$19=$B$17,14,0)+IF('Standard Profiles'!$G$19=$B$24,21,0),0)),0)</f>
        <v>0</v>
      </c>
      <c r="F6819" cm="1">
        <f t="array" ref="F6819">IFERROR(INDEX(Jesper!AJ$2:AJ$366,ROUNDDOWN($C6819/24,0)+1,1)*INDEX($D$3:$AA$30,INDEX(Jesper!$R$2:$R$366,ROW(INDEX(Jesper!AJ$2:AJ$366,ROUNDDOWN($C6819/24,0)+1,1))-1)+IF('Standard Profiles'!$G$20=$B$10,7,0)+IF('Standard Profiles'!$G$20=$B$17,14,0)+IF('Standard Profiles'!$G$20=$B$24,21,0),MOD($C6819,24)+1)/SUM(INDEX($D$3:$AA$30,INDEX(Jesper!$R$2:$R$366,ROW(INDEX(Jesper!AJ$2:AJ$366,ROUNDDOWN($C6819/24,0)+1,1))-1)+IF('Standard Profiles'!$G$20=$B$10,7,0)+IF('Standard Profiles'!$G$20=$B$17,14,0)+IF('Standard Profiles'!$G$20=$B$24,21,0),0)),0)</f>
        <v>0</v>
      </c>
      <c r="G6819" cm="1">
        <f t="array" ref="G6819">IFERROR(INDEX(Jesper!AK$2:AK$366,ROUNDDOWN($C6819/24,0)+1,1)*INDEX($D$3:$AA$30,INDEX(Jesper!$R$2:$R$366,ROW(INDEX(Jesper!AK$2:AK$366,ROUNDDOWN($C6819/24,0)+1,1))-1)+IF('Standard Profiles'!$G$21=$B$10,7,0)+IF('Standard Profiles'!$G$21=$B$17,14,0)+IF('Standard Profiles'!$G$21=$B$24,21,0),MOD($C6819,24)+1)/SUM(INDEX($D$3:$AA$30,INDEX(Jesper!$R$2:$R$366,ROW(INDEX(Jesper!AK$2:AK$366,ROUNDDOWN($C6819/24,0)+1,1))-1)+IF('Standard Profiles'!$G$21=$B$10,7,0)+IF('Standard Profiles'!$G$21=$B$17,14,0)+IF('Standard Profiles'!$G$21=$B$24,21,0),0)),0)</f>
        <v>0</v>
      </c>
      <c r="H6819" cm="1">
        <f t="array" ref="H6819">IFERROR(INDEX(Jesper!AL$2:AL$366,ROUNDDOWN($C6819/24,0)+1,1)*INDEX($D$3:$AA$30,INDEX(Jesper!$R$2:$R$366,ROW(INDEX(Jesper!AL$2:AL$366,ROUNDDOWN($C6819/24,0)+1,1))-1)+IF('Standard Profiles'!$G$22=$B$10,7,0)+IF('Standard Profiles'!$G$22=$B$17,14,0)+IF('Standard Profiles'!$G$22=$B$24,21,0),MOD($C6819,24)+1)/SUM(INDEX($D$3:$AA$30,INDEX(Jesper!$R$2:$R$366,ROW(INDEX(Jesper!AL$2:AL$366,ROUNDDOWN($C6819/24,0)+1,1))-1)+IF('Standard Profiles'!$G$22=$B$10,7,0)+IF('Standard Profiles'!$G$22=$B$17,14,0)+IF('Standard Profiles'!$G$22=$B$24,21,0),0)),0)</f>
        <v>0</v>
      </c>
      <c r="I6819">
        <f t="shared" ref="I6819:I6882" si="762">IF($B6819&lt;6,AC$37*$D6819+AC$38*$E6819+AC$39*$F6819+AC$40*$G6819,AC$46*$D6819+AC$47*$E6819+AC$48*$F6819+AC$49*$G6819+AC$50*$H6819)</f>
        <v>0.43734853803543361</v>
      </c>
      <c r="J6819">
        <f t="shared" ref="J6819:J6882" si="763">IF($B6819&lt;6,AD$37*$D6819+AD$38*$E6819+AD$39*$F6819+AD$40*$G6819,AD$46*$D6819+AD$47*$E6819+AD$48*$F6819+AD$49*$G6819+AD$50*$H6819)</f>
        <v>1.4578284601181122</v>
      </c>
      <c r="K6819">
        <f t="shared" ref="K6819:K6882" si="764">IF($B6819&lt;6,AE$37*$D6819+AE$38*$E6819+AE$39*$F6819+AE$40*$G6819,AE$46*$D6819+AE$47*$E6819+AE$48*$F6819+AE$49*$G6819+AE$50*$H6819)</f>
        <v>2.186742690177168</v>
      </c>
      <c r="L6819">
        <f t="shared" ref="L6819:L6882" si="765">IF($B6819&lt;6,AF$37*$D6819+AF$38*$E6819+AF$39*$F6819+AF$40*$G6819,AF$46*$D6819+AF$47*$E6819+AF$48*$F6819+AF$49*$G6819+AF$50*$H6819)</f>
        <v>10.496364912850407</v>
      </c>
      <c r="M6819">
        <f t="shared" ref="M6819:M6882" si="766">IF($B6819&lt;6,AG$37*$D6819+AG$38*$E6819+AG$39*$F6819+AG$40*$G6819,AG$46*$D6819+AG$47*$E6819+AG$48*$F6819+AG$49*$G6819+AG$50*$H6819)</f>
        <v>0</v>
      </c>
      <c r="N6819" s="46">
        <f t="shared" si="760"/>
        <v>45574.708333316878</v>
      </c>
    </row>
    <row r="6820" spans="2:14" x14ac:dyDescent="0.3">
      <c r="B6820">
        <f t="shared" si="761"/>
        <v>3</v>
      </c>
      <c r="C6820" s="16">
        <v>6786</v>
      </c>
      <c r="D6820" cm="1">
        <f t="array" ref="D6820">IFERROR(INDEX(Jesper!AH$2:AH$366,ROUNDDOWN($C6820/24,0)+1,1)*INDEX($D$3:$AA$30,INDEX(Jesper!$R$2:$R$366,ROW(INDEX(Jesper!AH$2:AH$366,ROUNDDOWN($C6820/24,0)+1,1))-1)+IF('Standard Profiles'!$G$18=$B$10,7,0)+IF('Standard Profiles'!$G$18=$B$17,14,0)+IF('Standard Profiles'!$G$18=$B$24,21,0),MOD($C6820,24)+1)/SUM(INDEX($D$3:$AA$30,INDEX(Jesper!$R$2:$R$366,ROW(INDEX(Jesper!AH$2:AH$366,ROUNDDOWN($C6820/24,0)+1,1))-1)+IF('Standard Profiles'!$G$18=$B$10,7,0)+IF('Standard Profiles'!$G$18=$B$17,14,0)+IF('Standard Profiles'!$G$18=$B$24,21,0),0)),0)</f>
        <v>14.578284601181121</v>
      </c>
      <c r="E6820" cm="1">
        <f t="array" ref="E6820">IFERROR(INDEX(Jesper!AI$2:AI$366,ROUNDDOWN($C6820/24,0)+1,1)*INDEX($D$3:$AA$30,INDEX(Jesper!$R$2:$R$366,ROW(INDEX(Jesper!AI$2:AI$366,ROUNDDOWN($C6820/24,0)+1,1))-1)+IF('Standard Profiles'!$G$19=$B$10,7,0)+IF('Standard Profiles'!$G$19=$B$17,14,0)+IF('Standard Profiles'!$G$19=$B$24,21,0),MOD($C6820,24)+1)/SUM(INDEX($D$3:$AA$30,INDEX(Jesper!$R$2:$R$366,ROW(INDEX(Jesper!AI$2:AI$366,ROUNDDOWN($C6820/24,0)+1,1))-1)+IF('Standard Profiles'!$G$19=$B$10,7,0)+IF('Standard Profiles'!$G$19=$B$17,14,0)+IF('Standard Profiles'!$G$19=$B$24,21,0),0)),0)</f>
        <v>0</v>
      </c>
      <c r="F6820" cm="1">
        <f t="array" ref="F6820">IFERROR(INDEX(Jesper!AJ$2:AJ$366,ROUNDDOWN($C6820/24,0)+1,1)*INDEX($D$3:$AA$30,INDEX(Jesper!$R$2:$R$366,ROW(INDEX(Jesper!AJ$2:AJ$366,ROUNDDOWN($C6820/24,0)+1,1))-1)+IF('Standard Profiles'!$G$20=$B$10,7,0)+IF('Standard Profiles'!$G$20=$B$17,14,0)+IF('Standard Profiles'!$G$20=$B$24,21,0),MOD($C6820,24)+1)/SUM(INDEX($D$3:$AA$30,INDEX(Jesper!$R$2:$R$366,ROW(INDEX(Jesper!AJ$2:AJ$366,ROUNDDOWN($C6820/24,0)+1,1))-1)+IF('Standard Profiles'!$G$20=$B$10,7,0)+IF('Standard Profiles'!$G$20=$B$17,14,0)+IF('Standard Profiles'!$G$20=$B$24,21,0),0)),0)</f>
        <v>0</v>
      </c>
      <c r="G6820" cm="1">
        <f t="array" ref="G6820">IFERROR(INDEX(Jesper!AK$2:AK$366,ROUNDDOWN($C6820/24,0)+1,1)*INDEX($D$3:$AA$30,INDEX(Jesper!$R$2:$R$366,ROW(INDEX(Jesper!AK$2:AK$366,ROUNDDOWN($C6820/24,0)+1,1))-1)+IF('Standard Profiles'!$G$21=$B$10,7,0)+IF('Standard Profiles'!$G$21=$B$17,14,0)+IF('Standard Profiles'!$G$21=$B$24,21,0),MOD($C6820,24)+1)/SUM(INDEX($D$3:$AA$30,INDEX(Jesper!$R$2:$R$366,ROW(INDEX(Jesper!AK$2:AK$366,ROUNDDOWN($C6820/24,0)+1,1))-1)+IF('Standard Profiles'!$G$21=$B$10,7,0)+IF('Standard Profiles'!$G$21=$B$17,14,0)+IF('Standard Profiles'!$G$21=$B$24,21,0),0)),0)</f>
        <v>0</v>
      </c>
      <c r="H6820" cm="1">
        <f t="array" ref="H6820">IFERROR(INDEX(Jesper!AL$2:AL$366,ROUNDDOWN($C6820/24,0)+1,1)*INDEX($D$3:$AA$30,INDEX(Jesper!$R$2:$R$366,ROW(INDEX(Jesper!AL$2:AL$366,ROUNDDOWN($C6820/24,0)+1,1))-1)+IF('Standard Profiles'!$G$22=$B$10,7,0)+IF('Standard Profiles'!$G$22=$B$17,14,0)+IF('Standard Profiles'!$G$22=$B$24,21,0),MOD($C6820,24)+1)/SUM(INDEX($D$3:$AA$30,INDEX(Jesper!$R$2:$R$366,ROW(INDEX(Jesper!AL$2:AL$366,ROUNDDOWN($C6820/24,0)+1,1))-1)+IF('Standard Profiles'!$G$22=$B$10,7,0)+IF('Standard Profiles'!$G$22=$B$17,14,0)+IF('Standard Profiles'!$G$22=$B$24,21,0),0)),0)</f>
        <v>0</v>
      </c>
      <c r="I6820">
        <f t="shared" si="762"/>
        <v>0.43734853803543361</v>
      </c>
      <c r="J6820">
        <f t="shared" si="763"/>
        <v>1.4578284601181122</v>
      </c>
      <c r="K6820">
        <f t="shared" si="764"/>
        <v>2.186742690177168</v>
      </c>
      <c r="L6820">
        <f t="shared" si="765"/>
        <v>10.496364912850407</v>
      </c>
      <c r="M6820">
        <f t="shared" si="766"/>
        <v>0</v>
      </c>
      <c r="N6820" s="46">
        <f t="shared" ref="N6820:N6883" si="767">N6819+1/24</f>
        <v>45574.749999983542</v>
      </c>
    </row>
    <row r="6821" spans="2:14" x14ac:dyDescent="0.3">
      <c r="B6821">
        <f t="shared" si="761"/>
        <v>3</v>
      </c>
      <c r="C6821" s="16">
        <v>6787</v>
      </c>
      <c r="D6821" cm="1">
        <f t="array" ref="D6821">IFERROR(INDEX(Jesper!AH$2:AH$366,ROUNDDOWN($C6821/24,0)+1,1)*INDEX($D$3:$AA$30,INDEX(Jesper!$R$2:$R$366,ROW(INDEX(Jesper!AH$2:AH$366,ROUNDDOWN($C6821/24,0)+1,1))-1)+IF('Standard Profiles'!$G$18=$B$10,7,0)+IF('Standard Profiles'!$G$18=$B$17,14,0)+IF('Standard Profiles'!$G$18=$B$24,21,0),MOD($C6821,24)+1)/SUM(INDEX($D$3:$AA$30,INDEX(Jesper!$R$2:$R$366,ROW(INDEX(Jesper!AH$2:AH$366,ROUNDDOWN($C6821/24,0)+1,1))-1)+IF('Standard Profiles'!$G$18=$B$10,7,0)+IF('Standard Profiles'!$G$18=$B$17,14,0)+IF('Standard Profiles'!$G$18=$B$24,21,0),0)),0)</f>
        <v>12.148570500984267</v>
      </c>
      <c r="E6821" cm="1">
        <f t="array" ref="E6821">IFERROR(INDEX(Jesper!AI$2:AI$366,ROUNDDOWN($C6821/24,0)+1,1)*INDEX($D$3:$AA$30,INDEX(Jesper!$R$2:$R$366,ROW(INDEX(Jesper!AI$2:AI$366,ROUNDDOWN($C6821/24,0)+1,1))-1)+IF('Standard Profiles'!$G$19=$B$10,7,0)+IF('Standard Profiles'!$G$19=$B$17,14,0)+IF('Standard Profiles'!$G$19=$B$24,21,0),MOD($C6821,24)+1)/SUM(INDEX($D$3:$AA$30,INDEX(Jesper!$R$2:$R$366,ROW(INDEX(Jesper!AI$2:AI$366,ROUNDDOWN($C6821/24,0)+1,1))-1)+IF('Standard Profiles'!$G$19=$B$10,7,0)+IF('Standard Profiles'!$G$19=$B$17,14,0)+IF('Standard Profiles'!$G$19=$B$24,21,0),0)),0)</f>
        <v>0</v>
      </c>
      <c r="F6821" cm="1">
        <f t="array" ref="F6821">IFERROR(INDEX(Jesper!AJ$2:AJ$366,ROUNDDOWN($C6821/24,0)+1,1)*INDEX($D$3:$AA$30,INDEX(Jesper!$R$2:$R$366,ROW(INDEX(Jesper!AJ$2:AJ$366,ROUNDDOWN($C6821/24,0)+1,1))-1)+IF('Standard Profiles'!$G$20=$B$10,7,0)+IF('Standard Profiles'!$G$20=$B$17,14,0)+IF('Standard Profiles'!$G$20=$B$24,21,0),MOD($C6821,24)+1)/SUM(INDEX($D$3:$AA$30,INDEX(Jesper!$R$2:$R$366,ROW(INDEX(Jesper!AJ$2:AJ$366,ROUNDDOWN($C6821/24,0)+1,1))-1)+IF('Standard Profiles'!$G$20=$B$10,7,0)+IF('Standard Profiles'!$G$20=$B$17,14,0)+IF('Standard Profiles'!$G$20=$B$24,21,0),0)),0)</f>
        <v>0</v>
      </c>
      <c r="G6821" cm="1">
        <f t="array" ref="G6821">IFERROR(INDEX(Jesper!AK$2:AK$366,ROUNDDOWN($C6821/24,0)+1,1)*INDEX($D$3:$AA$30,INDEX(Jesper!$R$2:$R$366,ROW(INDEX(Jesper!AK$2:AK$366,ROUNDDOWN($C6821/24,0)+1,1))-1)+IF('Standard Profiles'!$G$21=$B$10,7,0)+IF('Standard Profiles'!$G$21=$B$17,14,0)+IF('Standard Profiles'!$G$21=$B$24,21,0),MOD($C6821,24)+1)/SUM(INDEX($D$3:$AA$30,INDEX(Jesper!$R$2:$R$366,ROW(INDEX(Jesper!AK$2:AK$366,ROUNDDOWN($C6821/24,0)+1,1))-1)+IF('Standard Profiles'!$G$21=$B$10,7,0)+IF('Standard Profiles'!$G$21=$B$17,14,0)+IF('Standard Profiles'!$G$21=$B$24,21,0),0)),0)</f>
        <v>0</v>
      </c>
      <c r="H6821" cm="1">
        <f t="array" ref="H6821">IFERROR(INDEX(Jesper!AL$2:AL$366,ROUNDDOWN($C6821/24,0)+1,1)*INDEX($D$3:$AA$30,INDEX(Jesper!$R$2:$R$366,ROW(INDEX(Jesper!AL$2:AL$366,ROUNDDOWN($C6821/24,0)+1,1))-1)+IF('Standard Profiles'!$G$22=$B$10,7,0)+IF('Standard Profiles'!$G$22=$B$17,14,0)+IF('Standard Profiles'!$G$22=$B$24,21,0),MOD($C6821,24)+1)/SUM(INDEX($D$3:$AA$30,INDEX(Jesper!$R$2:$R$366,ROW(INDEX(Jesper!AL$2:AL$366,ROUNDDOWN($C6821/24,0)+1,1))-1)+IF('Standard Profiles'!$G$22=$B$10,7,0)+IF('Standard Profiles'!$G$22=$B$17,14,0)+IF('Standard Profiles'!$G$22=$B$24,21,0),0)),0)</f>
        <v>0</v>
      </c>
      <c r="I6821">
        <f t="shared" si="762"/>
        <v>0.36445711502952799</v>
      </c>
      <c r="J6821">
        <f t="shared" si="763"/>
        <v>1.2148570500984268</v>
      </c>
      <c r="K6821">
        <f t="shared" si="764"/>
        <v>1.8222855751476399</v>
      </c>
      <c r="L6821">
        <f t="shared" si="765"/>
        <v>8.7469707607086722</v>
      </c>
      <c r="M6821">
        <f t="shared" si="766"/>
        <v>0</v>
      </c>
      <c r="N6821" s="46">
        <f t="shared" si="767"/>
        <v>45574.791666650206</v>
      </c>
    </row>
    <row r="6822" spans="2:14" x14ac:dyDescent="0.3">
      <c r="B6822">
        <f t="shared" si="761"/>
        <v>3</v>
      </c>
      <c r="C6822" s="16">
        <v>6788</v>
      </c>
      <c r="D6822" cm="1">
        <f t="array" ref="D6822">IFERROR(INDEX(Jesper!AH$2:AH$366,ROUNDDOWN($C6822/24,0)+1,1)*INDEX($D$3:$AA$30,INDEX(Jesper!$R$2:$R$366,ROW(INDEX(Jesper!AH$2:AH$366,ROUNDDOWN($C6822/24,0)+1,1))-1)+IF('Standard Profiles'!$G$18=$B$10,7,0)+IF('Standard Profiles'!$G$18=$B$17,14,0)+IF('Standard Profiles'!$G$18=$B$24,21,0),MOD($C6822,24)+1)/SUM(INDEX($D$3:$AA$30,INDEX(Jesper!$R$2:$R$366,ROW(INDEX(Jesper!AH$2:AH$366,ROUNDDOWN($C6822/24,0)+1,1))-1)+IF('Standard Profiles'!$G$18=$B$10,7,0)+IF('Standard Profiles'!$G$18=$B$17,14,0)+IF('Standard Profiles'!$G$18=$B$24,21,0),0)),0)</f>
        <v>9.7188564007874145</v>
      </c>
      <c r="E6822" cm="1">
        <f t="array" ref="E6822">IFERROR(INDEX(Jesper!AI$2:AI$366,ROUNDDOWN($C6822/24,0)+1,1)*INDEX($D$3:$AA$30,INDEX(Jesper!$R$2:$R$366,ROW(INDEX(Jesper!AI$2:AI$366,ROUNDDOWN($C6822/24,0)+1,1))-1)+IF('Standard Profiles'!$G$19=$B$10,7,0)+IF('Standard Profiles'!$G$19=$B$17,14,0)+IF('Standard Profiles'!$G$19=$B$24,21,0),MOD($C6822,24)+1)/SUM(INDEX($D$3:$AA$30,INDEX(Jesper!$R$2:$R$366,ROW(INDEX(Jesper!AI$2:AI$366,ROUNDDOWN($C6822/24,0)+1,1))-1)+IF('Standard Profiles'!$G$19=$B$10,7,0)+IF('Standard Profiles'!$G$19=$B$17,14,0)+IF('Standard Profiles'!$G$19=$B$24,21,0),0)),0)</f>
        <v>0</v>
      </c>
      <c r="F6822" cm="1">
        <f t="array" ref="F6822">IFERROR(INDEX(Jesper!AJ$2:AJ$366,ROUNDDOWN($C6822/24,0)+1,1)*INDEX($D$3:$AA$30,INDEX(Jesper!$R$2:$R$366,ROW(INDEX(Jesper!AJ$2:AJ$366,ROUNDDOWN($C6822/24,0)+1,1))-1)+IF('Standard Profiles'!$G$20=$B$10,7,0)+IF('Standard Profiles'!$G$20=$B$17,14,0)+IF('Standard Profiles'!$G$20=$B$24,21,0),MOD($C6822,24)+1)/SUM(INDEX($D$3:$AA$30,INDEX(Jesper!$R$2:$R$366,ROW(INDEX(Jesper!AJ$2:AJ$366,ROUNDDOWN($C6822/24,0)+1,1))-1)+IF('Standard Profiles'!$G$20=$B$10,7,0)+IF('Standard Profiles'!$G$20=$B$17,14,0)+IF('Standard Profiles'!$G$20=$B$24,21,0),0)),0)</f>
        <v>0</v>
      </c>
      <c r="G6822" cm="1">
        <f t="array" ref="G6822">IFERROR(INDEX(Jesper!AK$2:AK$366,ROUNDDOWN($C6822/24,0)+1,1)*INDEX($D$3:$AA$30,INDEX(Jesper!$R$2:$R$366,ROW(INDEX(Jesper!AK$2:AK$366,ROUNDDOWN($C6822/24,0)+1,1))-1)+IF('Standard Profiles'!$G$21=$B$10,7,0)+IF('Standard Profiles'!$G$21=$B$17,14,0)+IF('Standard Profiles'!$G$21=$B$24,21,0),MOD($C6822,24)+1)/SUM(INDEX($D$3:$AA$30,INDEX(Jesper!$R$2:$R$366,ROW(INDEX(Jesper!AK$2:AK$366,ROUNDDOWN($C6822/24,0)+1,1))-1)+IF('Standard Profiles'!$G$21=$B$10,7,0)+IF('Standard Profiles'!$G$21=$B$17,14,0)+IF('Standard Profiles'!$G$21=$B$24,21,0),0)),0)</f>
        <v>0</v>
      </c>
      <c r="H6822" cm="1">
        <f t="array" ref="H6822">IFERROR(INDEX(Jesper!AL$2:AL$366,ROUNDDOWN($C6822/24,0)+1,1)*INDEX($D$3:$AA$30,INDEX(Jesper!$R$2:$R$366,ROW(INDEX(Jesper!AL$2:AL$366,ROUNDDOWN($C6822/24,0)+1,1))-1)+IF('Standard Profiles'!$G$22=$B$10,7,0)+IF('Standard Profiles'!$G$22=$B$17,14,0)+IF('Standard Profiles'!$G$22=$B$24,21,0),MOD($C6822,24)+1)/SUM(INDEX($D$3:$AA$30,INDEX(Jesper!$R$2:$R$366,ROW(INDEX(Jesper!AL$2:AL$366,ROUNDDOWN($C6822/24,0)+1,1))-1)+IF('Standard Profiles'!$G$22=$B$10,7,0)+IF('Standard Profiles'!$G$22=$B$17,14,0)+IF('Standard Profiles'!$G$22=$B$24,21,0),0)),0)</f>
        <v>0</v>
      </c>
      <c r="I6822">
        <f t="shared" si="762"/>
        <v>0.29156569202362242</v>
      </c>
      <c r="J6822">
        <f t="shared" si="763"/>
        <v>0.97188564007874145</v>
      </c>
      <c r="K6822">
        <f t="shared" si="764"/>
        <v>1.4578284601181122</v>
      </c>
      <c r="L6822">
        <f t="shared" si="765"/>
        <v>6.9975766085669386</v>
      </c>
      <c r="M6822">
        <f t="shared" si="766"/>
        <v>0</v>
      </c>
      <c r="N6822" s="46">
        <f t="shared" si="767"/>
        <v>45574.83333331687</v>
      </c>
    </row>
    <row r="6823" spans="2:14" x14ac:dyDescent="0.3">
      <c r="B6823">
        <f t="shared" si="761"/>
        <v>3</v>
      </c>
      <c r="C6823" s="16">
        <v>6789</v>
      </c>
      <c r="D6823" cm="1">
        <f t="array" ref="D6823">IFERROR(INDEX(Jesper!AH$2:AH$366,ROUNDDOWN($C6823/24,0)+1,1)*INDEX($D$3:$AA$30,INDEX(Jesper!$R$2:$R$366,ROW(INDEX(Jesper!AH$2:AH$366,ROUNDDOWN($C6823/24,0)+1,1))-1)+IF('Standard Profiles'!$G$18=$B$10,7,0)+IF('Standard Profiles'!$G$18=$B$17,14,0)+IF('Standard Profiles'!$G$18=$B$24,21,0),MOD($C6823,24)+1)/SUM(INDEX($D$3:$AA$30,INDEX(Jesper!$R$2:$R$366,ROW(INDEX(Jesper!AH$2:AH$366,ROUNDDOWN($C6823/24,0)+1,1))-1)+IF('Standard Profiles'!$G$18=$B$10,7,0)+IF('Standard Profiles'!$G$18=$B$17,14,0)+IF('Standard Profiles'!$G$18=$B$24,21,0),0)),0)</f>
        <v>7.2891423005905605</v>
      </c>
      <c r="E6823" cm="1">
        <f t="array" ref="E6823">IFERROR(INDEX(Jesper!AI$2:AI$366,ROUNDDOWN($C6823/24,0)+1,1)*INDEX($D$3:$AA$30,INDEX(Jesper!$R$2:$R$366,ROW(INDEX(Jesper!AI$2:AI$366,ROUNDDOWN($C6823/24,0)+1,1))-1)+IF('Standard Profiles'!$G$19=$B$10,7,0)+IF('Standard Profiles'!$G$19=$B$17,14,0)+IF('Standard Profiles'!$G$19=$B$24,21,0),MOD($C6823,24)+1)/SUM(INDEX($D$3:$AA$30,INDEX(Jesper!$R$2:$R$366,ROW(INDEX(Jesper!AI$2:AI$366,ROUNDDOWN($C6823/24,0)+1,1))-1)+IF('Standard Profiles'!$G$19=$B$10,7,0)+IF('Standard Profiles'!$G$19=$B$17,14,0)+IF('Standard Profiles'!$G$19=$B$24,21,0),0)),0)</f>
        <v>0</v>
      </c>
      <c r="F6823" cm="1">
        <f t="array" ref="F6823">IFERROR(INDEX(Jesper!AJ$2:AJ$366,ROUNDDOWN($C6823/24,0)+1,1)*INDEX($D$3:$AA$30,INDEX(Jesper!$R$2:$R$366,ROW(INDEX(Jesper!AJ$2:AJ$366,ROUNDDOWN($C6823/24,0)+1,1))-1)+IF('Standard Profiles'!$G$20=$B$10,7,0)+IF('Standard Profiles'!$G$20=$B$17,14,0)+IF('Standard Profiles'!$G$20=$B$24,21,0),MOD($C6823,24)+1)/SUM(INDEX($D$3:$AA$30,INDEX(Jesper!$R$2:$R$366,ROW(INDEX(Jesper!AJ$2:AJ$366,ROUNDDOWN($C6823/24,0)+1,1))-1)+IF('Standard Profiles'!$G$20=$B$10,7,0)+IF('Standard Profiles'!$G$20=$B$17,14,0)+IF('Standard Profiles'!$G$20=$B$24,21,0),0)),0)</f>
        <v>0</v>
      </c>
      <c r="G6823" cm="1">
        <f t="array" ref="G6823">IFERROR(INDEX(Jesper!AK$2:AK$366,ROUNDDOWN($C6823/24,0)+1,1)*INDEX($D$3:$AA$30,INDEX(Jesper!$R$2:$R$366,ROW(INDEX(Jesper!AK$2:AK$366,ROUNDDOWN($C6823/24,0)+1,1))-1)+IF('Standard Profiles'!$G$21=$B$10,7,0)+IF('Standard Profiles'!$G$21=$B$17,14,0)+IF('Standard Profiles'!$G$21=$B$24,21,0),MOD($C6823,24)+1)/SUM(INDEX($D$3:$AA$30,INDEX(Jesper!$R$2:$R$366,ROW(INDEX(Jesper!AK$2:AK$366,ROUNDDOWN($C6823/24,0)+1,1))-1)+IF('Standard Profiles'!$G$21=$B$10,7,0)+IF('Standard Profiles'!$G$21=$B$17,14,0)+IF('Standard Profiles'!$G$21=$B$24,21,0),0)),0)</f>
        <v>0</v>
      </c>
      <c r="H6823" cm="1">
        <f t="array" ref="H6823">IFERROR(INDEX(Jesper!AL$2:AL$366,ROUNDDOWN($C6823/24,0)+1,1)*INDEX($D$3:$AA$30,INDEX(Jesper!$R$2:$R$366,ROW(INDEX(Jesper!AL$2:AL$366,ROUNDDOWN($C6823/24,0)+1,1))-1)+IF('Standard Profiles'!$G$22=$B$10,7,0)+IF('Standard Profiles'!$G$22=$B$17,14,0)+IF('Standard Profiles'!$G$22=$B$24,21,0),MOD($C6823,24)+1)/SUM(INDEX($D$3:$AA$30,INDEX(Jesper!$R$2:$R$366,ROW(INDEX(Jesper!AL$2:AL$366,ROUNDDOWN($C6823/24,0)+1,1))-1)+IF('Standard Profiles'!$G$22=$B$10,7,0)+IF('Standard Profiles'!$G$22=$B$17,14,0)+IF('Standard Profiles'!$G$22=$B$24,21,0),0)),0)</f>
        <v>0</v>
      </c>
      <c r="I6823">
        <f t="shared" si="762"/>
        <v>0.2186742690177168</v>
      </c>
      <c r="J6823">
        <f t="shared" si="763"/>
        <v>0.72891423005905609</v>
      </c>
      <c r="K6823">
        <f t="shared" si="764"/>
        <v>1.093371345088584</v>
      </c>
      <c r="L6823">
        <f t="shared" si="765"/>
        <v>5.2481824564252033</v>
      </c>
      <c r="M6823">
        <f t="shared" si="766"/>
        <v>0</v>
      </c>
      <c r="N6823" s="46">
        <f t="shared" si="767"/>
        <v>45574.874999983535</v>
      </c>
    </row>
    <row r="6824" spans="2:14" x14ac:dyDescent="0.3">
      <c r="B6824">
        <f t="shared" si="761"/>
        <v>3</v>
      </c>
      <c r="C6824" s="16">
        <v>6790</v>
      </c>
      <c r="D6824" cm="1">
        <f t="array" ref="D6824">IFERROR(INDEX(Jesper!AH$2:AH$366,ROUNDDOWN($C6824/24,0)+1,1)*INDEX($D$3:$AA$30,INDEX(Jesper!$R$2:$R$366,ROW(INDEX(Jesper!AH$2:AH$366,ROUNDDOWN($C6824/24,0)+1,1))-1)+IF('Standard Profiles'!$G$18=$B$10,7,0)+IF('Standard Profiles'!$G$18=$B$17,14,0)+IF('Standard Profiles'!$G$18=$B$24,21,0),MOD($C6824,24)+1)/SUM(INDEX($D$3:$AA$30,INDEX(Jesper!$R$2:$R$366,ROW(INDEX(Jesper!AH$2:AH$366,ROUNDDOWN($C6824/24,0)+1,1))-1)+IF('Standard Profiles'!$G$18=$B$10,7,0)+IF('Standard Profiles'!$G$18=$B$17,14,0)+IF('Standard Profiles'!$G$18=$B$24,21,0),0)),0)</f>
        <v>7.2891423005905605</v>
      </c>
      <c r="E6824" cm="1">
        <f t="array" ref="E6824">IFERROR(INDEX(Jesper!AI$2:AI$366,ROUNDDOWN($C6824/24,0)+1,1)*INDEX($D$3:$AA$30,INDEX(Jesper!$R$2:$R$366,ROW(INDEX(Jesper!AI$2:AI$366,ROUNDDOWN($C6824/24,0)+1,1))-1)+IF('Standard Profiles'!$G$19=$B$10,7,0)+IF('Standard Profiles'!$G$19=$B$17,14,0)+IF('Standard Profiles'!$G$19=$B$24,21,0),MOD($C6824,24)+1)/SUM(INDEX($D$3:$AA$30,INDEX(Jesper!$R$2:$R$366,ROW(INDEX(Jesper!AI$2:AI$366,ROUNDDOWN($C6824/24,0)+1,1))-1)+IF('Standard Profiles'!$G$19=$B$10,7,0)+IF('Standard Profiles'!$G$19=$B$17,14,0)+IF('Standard Profiles'!$G$19=$B$24,21,0),0)),0)</f>
        <v>0</v>
      </c>
      <c r="F6824" cm="1">
        <f t="array" ref="F6824">IFERROR(INDEX(Jesper!AJ$2:AJ$366,ROUNDDOWN($C6824/24,0)+1,1)*INDEX($D$3:$AA$30,INDEX(Jesper!$R$2:$R$366,ROW(INDEX(Jesper!AJ$2:AJ$366,ROUNDDOWN($C6824/24,0)+1,1))-1)+IF('Standard Profiles'!$G$20=$B$10,7,0)+IF('Standard Profiles'!$G$20=$B$17,14,0)+IF('Standard Profiles'!$G$20=$B$24,21,0),MOD($C6824,24)+1)/SUM(INDEX($D$3:$AA$30,INDEX(Jesper!$R$2:$R$366,ROW(INDEX(Jesper!AJ$2:AJ$366,ROUNDDOWN($C6824/24,0)+1,1))-1)+IF('Standard Profiles'!$G$20=$B$10,7,0)+IF('Standard Profiles'!$G$20=$B$17,14,0)+IF('Standard Profiles'!$G$20=$B$24,21,0),0)),0)</f>
        <v>0</v>
      </c>
      <c r="G6824" cm="1">
        <f t="array" ref="G6824">IFERROR(INDEX(Jesper!AK$2:AK$366,ROUNDDOWN($C6824/24,0)+1,1)*INDEX($D$3:$AA$30,INDEX(Jesper!$R$2:$R$366,ROW(INDEX(Jesper!AK$2:AK$366,ROUNDDOWN($C6824/24,0)+1,1))-1)+IF('Standard Profiles'!$G$21=$B$10,7,0)+IF('Standard Profiles'!$G$21=$B$17,14,0)+IF('Standard Profiles'!$G$21=$B$24,21,0),MOD($C6824,24)+1)/SUM(INDEX($D$3:$AA$30,INDEX(Jesper!$R$2:$R$366,ROW(INDEX(Jesper!AK$2:AK$366,ROUNDDOWN($C6824/24,0)+1,1))-1)+IF('Standard Profiles'!$G$21=$B$10,7,0)+IF('Standard Profiles'!$G$21=$B$17,14,0)+IF('Standard Profiles'!$G$21=$B$24,21,0),0)),0)</f>
        <v>0</v>
      </c>
      <c r="H6824" cm="1">
        <f t="array" ref="H6824">IFERROR(INDEX(Jesper!AL$2:AL$366,ROUNDDOWN($C6824/24,0)+1,1)*INDEX($D$3:$AA$30,INDEX(Jesper!$R$2:$R$366,ROW(INDEX(Jesper!AL$2:AL$366,ROUNDDOWN($C6824/24,0)+1,1))-1)+IF('Standard Profiles'!$G$22=$B$10,7,0)+IF('Standard Profiles'!$G$22=$B$17,14,0)+IF('Standard Profiles'!$G$22=$B$24,21,0),MOD($C6824,24)+1)/SUM(INDEX($D$3:$AA$30,INDEX(Jesper!$R$2:$R$366,ROW(INDEX(Jesper!AL$2:AL$366,ROUNDDOWN($C6824/24,0)+1,1))-1)+IF('Standard Profiles'!$G$22=$B$10,7,0)+IF('Standard Profiles'!$G$22=$B$17,14,0)+IF('Standard Profiles'!$G$22=$B$24,21,0),0)),0)</f>
        <v>0</v>
      </c>
      <c r="I6824">
        <f t="shared" si="762"/>
        <v>0.2186742690177168</v>
      </c>
      <c r="J6824">
        <f t="shared" si="763"/>
        <v>0.72891423005905609</v>
      </c>
      <c r="K6824">
        <f t="shared" si="764"/>
        <v>1.093371345088584</v>
      </c>
      <c r="L6824">
        <f t="shared" si="765"/>
        <v>5.2481824564252033</v>
      </c>
      <c r="M6824">
        <f t="shared" si="766"/>
        <v>0</v>
      </c>
      <c r="N6824" s="46">
        <f t="shared" si="767"/>
        <v>45574.916666650199</v>
      </c>
    </row>
    <row r="6825" spans="2:14" x14ac:dyDescent="0.3">
      <c r="B6825">
        <f t="shared" si="761"/>
        <v>3</v>
      </c>
      <c r="C6825" s="16">
        <v>6791</v>
      </c>
      <c r="D6825" cm="1">
        <f t="array" ref="D6825">IFERROR(INDEX(Jesper!AH$2:AH$366,ROUNDDOWN($C6825/24,0)+1,1)*INDEX($D$3:$AA$30,INDEX(Jesper!$R$2:$R$366,ROW(INDEX(Jesper!AH$2:AH$366,ROUNDDOWN($C6825/24,0)+1,1))-1)+IF('Standard Profiles'!$G$18=$B$10,7,0)+IF('Standard Profiles'!$G$18=$B$17,14,0)+IF('Standard Profiles'!$G$18=$B$24,21,0),MOD($C6825,24)+1)/SUM(INDEX($D$3:$AA$30,INDEX(Jesper!$R$2:$R$366,ROW(INDEX(Jesper!AH$2:AH$366,ROUNDDOWN($C6825/24,0)+1,1))-1)+IF('Standard Profiles'!$G$18=$B$10,7,0)+IF('Standard Profiles'!$G$18=$B$17,14,0)+IF('Standard Profiles'!$G$18=$B$24,21,0),0)),0)</f>
        <v>7.2891423005905605</v>
      </c>
      <c r="E6825" cm="1">
        <f t="array" ref="E6825">IFERROR(INDEX(Jesper!AI$2:AI$366,ROUNDDOWN($C6825/24,0)+1,1)*INDEX($D$3:$AA$30,INDEX(Jesper!$R$2:$R$366,ROW(INDEX(Jesper!AI$2:AI$366,ROUNDDOWN($C6825/24,0)+1,1))-1)+IF('Standard Profiles'!$G$19=$B$10,7,0)+IF('Standard Profiles'!$G$19=$B$17,14,0)+IF('Standard Profiles'!$G$19=$B$24,21,0),MOD($C6825,24)+1)/SUM(INDEX($D$3:$AA$30,INDEX(Jesper!$R$2:$R$366,ROW(INDEX(Jesper!AI$2:AI$366,ROUNDDOWN($C6825/24,0)+1,1))-1)+IF('Standard Profiles'!$G$19=$B$10,7,0)+IF('Standard Profiles'!$G$19=$B$17,14,0)+IF('Standard Profiles'!$G$19=$B$24,21,0),0)),0)</f>
        <v>0</v>
      </c>
      <c r="F6825" cm="1">
        <f t="array" ref="F6825">IFERROR(INDEX(Jesper!AJ$2:AJ$366,ROUNDDOWN($C6825/24,0)+1,1)*INDEX($D$3:$AA$30,INDEX(Jesper!$R$2:$R$366,ROW(INDEX(Jesper!AJ$2:AJ$366,ROUNDDOWN($C6825/24,0)+1,1))-1)+IF('Standard Profiles'!$G$20=$B$10,7,0)+IF('Standard Profiles'!$G$20=$B$17,14,0)+IF('Standard Profiles'!$G$20=$B$24,21,0),MOD($C6825,24)+1)/SUM(INDEX($D$3:$AA$30,INDEX(Jesper!$R$2:$R$366,ROW(INDEX(Jesper!AJ$2:AJ$366,ROUNDDOWN($C6825/24,0)+1,1))-1)+IF('Standard Profiles'!$G$20=$B$10,7,0)+IF('Standard Profiles'!$G$20=$B$17,14,0)+IF('Standard Profiles'!$G$20=$B$24,21,0),0)),0)</f>
        <v>0</v>
      </c>
      <c r="G6825" cm="1">
        <f t="array" ref="G6825">IFERROR(INDEX(Jesper!AK$2:AK$366,ROUNDDOWN($C6825/24,0)+1,1)*INDEX($D$3:$AA$30,INDEX(Jesper!$R$2:$R$366,ROW(INDEX(Jesper!AK$2:AK$366,ROUNDDOWN($C6825/24,0)+1,1))-1)+IF('Standard Profiles'!$G$21=$B$10,7,0)+IF('Standard Profiles'!$G$21=$B$17,14,0)+IF('Standard Profiles'!$G$21=$B$24,21,0),MOD($C6825,24)+1)/SUM(INDEX($D$3:$AA$30,INDEX(Jesper!$R$2:$R$366,ROW(INDEX(Jesper!AK$2:AK$366,ROUNDDOWN($C6825/24,0)+1,1))-1)+IF('Standard Profiles'!$G$21=$B$10,7,0)+IF('Standard Profiles'!$G$21=$B$17,14,0)+IF('Standard Profiles'!$G$21=$B$24,21,0),0)),0)</f>
        <v>0</v>
      </c>
      <c r="H6825" cm="1">
        <f t="array" ref="H6825">IFERROR(INDEX(Jesper!AL$2:AL$366,ROUNDDOWN($C6825/24,0)+1,1)*INDEX($D$3:$AA$30,INDEX(Jesper!$R$2:$R$366,ROW(INDEX(Jesper!AL$2:AL$366,ROUNDDOWN($C6825/24,0)+1,1))-1)+IF('Standard Profiles'!$G$22=$B$10,7,0)+IF('Standard Profiles'!$G$22=$B$17,14,0)+IF('Standard Profiles'!$G$22=$B$24,21,0),MOD($C6825,24)+1)/SUM(INDEX($D$3:$AA$30,INDEX(Jesper!$R$2:$R$366,ROW(INDEX(Jesper!AL$2:AL$366,ROUNDDOWN($C6825/24,0)+1,1))-1)+IF('Standard Profiles'!$G$22=$B$10,7,0)+IF('Standard Profiles'!$G$22=$B$17,14,0)+IF('Standard Profiles'!$G$22=$B$24,21,0),0)),0)</f>
        <v>0</v>
      </c>
      <c r="I6825">
        <f t="shared" si="762"/>
        <v>0.2186742690177168</v>
      </c>
      <c r="J6825">
        <f t="shared" si="763"/>
        <v>0.72891423005905609</v>
      </c>
      <c r="K6825">
        <f t="shared" si="764"/>
        <v>1.093371345088584</v>
      </c>
      <c r="L6825">
        <f t="shared" si="765"/>
        <v>5.2481824564252033</v>
      </c>
      <c r="M6825">
        <f t="shared" si="766"/>
        <v>0</v>
      </c>
      <c r="N6825" s="46">
        <f t="shared" si="767"/>
        <v>45574.958333316863</v>
      </c>
    </row>
    <row r="6826" spans="2:14" x14ac:dyDescent="0.3">
      <c r="B6826">
        <f t="shared" si="761"/>
        <v>4</v>
      </c>
      <c r="C6826" s="16">
        <v>6792</v>
      </c>
      <c r="D6826" cm="1">
        <f t="array" ref="D6826">IFERROR(INDEX(Jesper!AH$2:AH$366,ROUNDDOWN($C6826/24,0)+1,1)*INDEX($D$3:$AA$30,INDEX(Jesper!$R$2:$R$366,ROW(INDEX(Jesper!AH$2:AH$366,ROUNDDOWN($C6826/24,0)+1,1))-1)+IF('Standard Profiles'!$G$18=$B$10,7,0)+IF('Standard Profiles'!$G$18=$B$17,14,0)+IF('Standard Profiles'!$G$18=$B$24,21,0),MOD($C6826,24)+1)/SUM(INDEX($D$3:$AA$30,INDEX(Jesper!$R$2:$R$366,ROW(INDEX(Jesper!AH$2:AH$366,ROUNDDOWN($C6826/24,0)+1,1))-1)+IF('Standard Profiles'!$G$18=$B$10,7,0)+IF('Standard Profiles'!$G$18=$B$17,14,0)+IF('Standard Profiles'!$G$18=$B$24,21,0),0)),0)</f>
        <v>7.3182617398244512</v>
      </c>
      <c r="E6826" cm="1">
        <f t="array" ref="E6826">IFERROR(INDEX(Jesper!AI$2:AI$366,ROUNDDOWN($C6826/24,0)+1,1)*INDEX($D$3:$AA$30,INDEX(Jesper!$R$2:$R$366,ROW(INDEX(Jesper!AI$2:AI$366,ROUNDDOWN($C6826/24,0)+1,1))-1)+IF('Standard Profiles'!$G$19=$B$10,7,0)+IF('Standard Profiles'!$G$19=$B$17,14,0)+IF('Standard Profiles'!$G$19=$B$24,21,0),MOD($C6826,24)+1)/SUM(INDEX($D$3:$AA$30,INDEX(Jesper!$R$2:$R$366,ROW(INDEX(Jesper!AI$2:AI$366,ROUNDDOWN($C6826/24,0)+1,1))-1)+IF('Standard Profiles'!$G$19=$B$10,7,0)+IF('Standard Profiles'!$G$19=$B$17,14,0)+IF('Standard Profiles'!$G$19=$B$24,21,0),0)),0)</f>
        <v>0</v>
      </c>
      <c r="F6826" cm="1">
        <f t="array" ref="F6826">IFERROR(INDEX(Jesper!AJ$2:AJ$366,ROUNDDOWN($C6826/24,0)+1,1)*INDEX($D$3:$AA$30,INDEX(Jesper!$R$2:$R$366,ROW(INDEX(Jesper!AJ$2:AJ$366,ROUNDDOWN($C6826/24,0)+1,1))-1)+IF('Standard Profiles'!$G$20=$B$10,7,0)+IF('Standard Profiles'!$G$20=$B$17,14,0)+IF('Standard Profiles'!$G$20=$B$24,21,0),MOD($C6826,24)+1)/SUM(INDEX($D$3:$AA$30,INDEX(Jesper!$R$2:$R$366,ROW(INDEX(Jesper!AJ$2:AJ$366,ROUNDDOWN($C6826/24,0)+1,1))-1)+IF('Standard Profiles'!$G$20=$B$10,7,0)+IF('Standard Profiles'!$G$20=$B$17,14,0)+IF('Standard Profiles'!$G$20=$B$24,21,0),0)),0)</f>
        <v>0</v>
      </c>
      <c r="G6826" cm="1">
        <f t="array" ref="G6826">IFERROR(INDEX(Jesper!AK$2:AK$366,ROUNDDOWN($C6826/24,0)+1,1)*INDEX($D$3:$AA$30,INDEX(Jesper!$R$2:$R$366,ROW(INDEX(Jesper!AK$2:AK$366,ROUNDDOWN($C6826/24,0)+1,1))-1)+IF('Standard Profiles'!$G$21=$B$10,7,0)+IF('Standard Profiles'!$G$21=$B$17,14,0)+IF('Standard Profiles'!$G$21=$B$24,21,0),MOD($C6826,24)+1)/SUM(INDEX($D$3:$AA$30,INDEX(Jesper!$R$2:$R$366,ROW(INDEX(Jesper!AK$2:AK$366,ROUNDDOWN($C6826/24,0)+1,1))-1)+IF('Standard Profiles'!$G$21=$B$10,7,0)+IF('Standard Profiles'!$G$21=$B$17,14,0)+IF('Standard Profiles'!$G$21=$B$24,21,0),0)),0)</f>
        <v>0</v>
      </c>
      <c r="H6826" cm="1">
        <f t="array" ref="H6826">IFERROR(INDEX(Jesper!AL$2:AL$366,ROUNDDOWN($C6826/24,0)+1,1)*INDEX($D$3:$AA$30,INDEX(Jesper!$R$2:$R$366,ROW(INDEX(Jesper!AL$2:AL$366,ROUNDDOWN($C6826/24,0)+1,1))-1)+IF('Standard Profiles'!$G$22=$B$10,7,0)+IF('Standard Profiles'!$G$22=$B$17,14,0)+IF('Standard Profiles'!$G$22=$B$24,21,0),MOD($C6826,24)+1)/SUM(INDEX($D$3:$AA$30,INDEX(Jesper!$R$2:$R$366,ROW(INDEX(Jesper!AL$2:AL$366,ROUNDDOWN($C6826/24,0)+1,1))-1)+IF('Standard Profiles'!$G$22=$B$10,7,0)+IF('Standard Profiles'!$G$22=$B$17,14,0)+IF('Standard Profiles'!$G$22=$B$24,21,0),0)),0)</f>
        <v>0</v>
      </c>
      <c r="I6826">
        <f t="shared" si="762"/>
        <v>0.21954785219473352</v>
      </c>
      <c r="J6826">
        <f t="shared" si="763"/>
        <v>0.73182617398244521</v>
      </c>
      <c r="K6826">
        <f t="shared" si="764"/>
        <v>1.0977392609736676</v>
      </c>
      <c r="L6826">
        <f t="shared" si="765"/>
        <v>5.2691484526736048</v>
      </c>
      <c r="M6826">
        <f t="shared" si="766"/>
        <v>0</v>
      </c>
      <c r="N6826" s="46">
        <f t="shared" si="767"/>
        <v>45574.999999983527</v>
      </c>
    </row>
    <row r="6827" spans="2:14" x14ac:dyDescent="0.3">
      <c r="B6827">
        <f t="shared" si="761"/>
        <v>4</v>
      </c>
      <c r="C6827" s="16">
        <v>6793</v>
      </c>
      <c r="D6827" cm="1">
        <f t="array" ref="D6827">IFERROR(INDEX(Jesper!AH$2:AH$366,ROUNDDOWN($C6827/24,0)+1,1)*INDEX($D$3:$AA$30,INDEX(Jesper!$R$2:$R$366,ROW(INDEX(Jesper!AH$2:AH$366,ROUNDDOWN($C6827/24,0)+1,1))-1)+IF('Standard Profiles'!$G$18=$B$10,7,0)+IF('Standard Profiles'!$G$18=$B$17,14,0)+IF('Standard Profiles'!$G$18=$B$24,21,0),MOD($C6827,24)+1)/SUM(INDEX($D$3:$AA$30,INDEX(Jesper!$R$2:$R$366,ROW(INDEX(Jesper!AH$2:AH$366,ROUNDDOWN($C6827/24,0)+1,1))-1)+IF('Standard Profiles'!$G$18=$B$10,7,0)+IF('Standard Profiles'!$G$18=$B$17,14,0)+IF('Standard Profiles'!$G$18=$B$24,21,0),0)),0)</f>
        <v>7.3182617398244512</v>
      </c>
      <c r="E6827" cm="1">
        <f t="array" ref="E6827">IFERROR(INDEX(Jesper!AI$2:AI$366,ROUNDDOWN($C6827/24,0)+1,1)*INDEX($D$3:$AA$30,INDEX(Jesper!$R$2:$R$366,ROW(INDEX(Jesper!AI$2:AI$366,ROUNDDOWN($C6827/24,0)+1,1))-1)+IF('Standard Profiles'!$G$19=$B$10,7,0)+IF('Standard Profiles'!$G$19=$B$17,14,0)+IF('Standard Profiles'!$G$19=$B$24,21,0),MOD($C6827,24)+1)/SUM(INDEX($D$3:$AA$30,INDEX(Jesper!$R$2:$R$366,ROW(INDEX(Jesper!AI$2:AI$366,ROUNDDOWN($C6827/24,0)+1,1))-1)+IF('Standard Profiles'!$G$19=$B$10,7,0)+IF('Standard Profiles'!$G$19=$B$17,14,0)+IF('Standard Profiles'!$G$19=$B$24,21,0),0)),0)</f>
        <v>0</v>
      </c>
      <c r="F6827" cm="1">
        <f t="array" ref="F6827">IFERROR(INDEX(Jesper!AJ$2:AJ$366,ROUNDDOWN($C6827/24,0)+1,1)*INDEX($D$3:$AA$30,INDEX(Jesper!$R$2:$R$366,ROW(INDEX(Jesper!AJ$2:AJ$366,ROUNDDOWN($C6827/24,0)+1,1))-1)+IF('Standard Profiles'!$G$20=$B$10,7,0)+IF('Standard Profiles'!$G$20=$B$17,14,0)+IF('Standard Profiles'!$G$20=$B$24,21,0),MOD($C6827,24)+1)/SUM(INDEX($D$3:$AA$30,INDEX(Jesper!$R$2:$R$366,ROW(INDEX(Jesper!AJ$2:AJ$366,ROUNDDOWN($C6827/24,0)+1,1))-1)+IF('Standard Profiles'!$G$20=$B$10,7,0)+IF('Standard Profiles'!$G$20=$B$17,14,0)+IF('Standard Profiles'!$G$20=$B$24,21,0),0)),0)</f>
        <v>0</v>
      </c>
      <c r="G6827" cm="1">
        <f t="array" ref="G6827">IFERROR(INDEX(Jesper!AK$2:AK$366,ROUNDDOWN($C6827/24,0)+1,1)*INDEX($D$3:$AA$30,INDEX(Jesper!$R$2:$R$366,ROW(INDEX(Jesper!AK$2:AK$366,ROUNDDOWN($C6827/24,0)+1,1))-1)+IF('Standard Profiles'!$G$21=$B$10,7,0)+IF('Standard Profiles'!$G$21=$B$17,14,0)+IF('Standard Profiles'!$G$21=$B$24,21,0),MOD($C6827,24)+1)/SUM(INDEX($D$3:$AA$30,INDEX(Jesper!$R$2:$R$366,ROW(INDEX(Jesper!AK$2:AK$366,ROUNDDOWN($C6827/24,0)+1,1))-1)+IF('Standard Profiles'!$G$21=$B$10,7,0)+IF('Standard Profiles'!$G$21=$B$17,14,0)+IF('Standard Profiles'!$G$21=$B$24,21,0),0)),0)</f>
        <v>0</v>
      </c>
      <c r="H6827" cm="1">
        <f t="array" ref="H6827">IFERROR(INDEX(Jesper!AL$2:AL$366,ROUNDDOWN($C6827/24,0)+1,1)*INDEX($D$3:$AA$30,INDEX(Jesper!$R$2:$R$366,ROW(INDEX(Jesper!AL$2:AL$366,ROUNDDOWN($C6827/24,0)+1,1))-1)+IF('Standard Profiles'!$G$22=$B$10,7,0)+IF('Standard Profiles'!$G$22=$B$17,14,0)+IF('Standard Profiles'!$G$22=$B$24,21,0),MOD($C6827,24)+1)/SUM(INDEX($D$3:$AA$30,INDEX(Jesper!$R$2:$R$366,ROW(INDEX(Jesper!AL$2:AL$366,ROUNDDOWN($C6827/24,0)+1,1))-1)+IF('Standard Profiles'!$G$22=$B$10,7,0)+IF('Standard Profiles'!$G$22=$B$17,14,0)+IF('Standard Profiles'!$G$22=$B$24,21,0),0)),0)</f>
        <v>0</v>
      </c>
      <c r="I6827">
        <f t="shared" si="762"/>
        <v>0.21954785219473352</v>
      </c>
      <c r="J6827">
        <f t="shared" si="763"/>
        <v>0.73182617398244521</v>
      </c>
      <c r="K6827">
        <f t="shared" si="764"/>
        <v>1.0977392609736676</v>
      </c>
      <c r="L6827">
        <f t="shared" si="765"/>
        <v>5.2691484526736048</v>
      </c>
      <c r="M6827">
        <f t="shared" si="766"/>
        <v>0</v>
      </c>
      <c r="N6827" s="46">
        <f t="shared" si="767"/>
        <v>45575.041666650191</v>
      </c>
    </row>
    <row r="6828" spans="2:14" x14ac:dyDescent="0.3">
      <c r="B6828">
        <f t="shared" si="761"/>
        <v>4</v>
      </c>
      <c r="C6828" s="16">
        <v>6794</v>
      </c>
      <c r="D6828" cm="1">
        <f t="array" ref="D6828">IFERROR(INDEX(Jesper!AH$2:AH$366,ROUNDDOWN($C6828/24,0)+1,1)*INDEX($D$3:$AA$30,INDEX(Jesper!$R$2:$R$366,ROW(INDEX(Jesper!AH$2:AH$366,ROUNDDOWN($C6828/24,0)+1,1))-1)+IF('Standard Profiles'!$G$18=$B$10,7,0)+IF('Standard Profiles'!$G$18=$B$17,14,0)+IF('Standard Profiles'!$G$18=$B$24,21,0),MOD($C6828,24)+1)/SUM(INDEX($D$3:$AA$30,INDEX(Jesper!$R$2:$R$366,ROW(INDEX(Jesper!AH$2:AH$366,ROUNDDOWN($C6828/24,0)+1,1))-1)+IF('Standard Profiles'!$G$18=$B$10,7,0)+IF('Standard Profiles'!$G$18=$B$17,14,0)+IF('Standard Profiles'!$G$18=$B$24,21,0),0)),0)</f>
        <v>7.3182617398244512</v>
      </c>
      <c r="E6828" cm="1">
        <f t="array" ref="E6828">IFERROR(INDEX(Jesper!AI$2:AI$366,ROUNDDOWN($C6828/24,0)+1,1)*INDEX($D$3:$AA$30,INDEX(Jesper!$R$2:$R$366,ROW(INDEX(Jesper!AI$2:AI$366,ROUNDDOWN($C6828/24,0)+1,1))-1)+IF('Standard Profiles'!$G$19=$B$10,7,0)+IF('Standard Profiles'!$G$19=$B$17,14,0)+IF('Standard Profiles'!$G$19=$B$24,21,0),MOD($C6828,24)+1)/SUM(INDEX($D$3:$AA$30,INDEX(Jesper!$R$2:$R$366,ROW(INDEX(Jesper!AI$2:AI$366,ROUNDDOWN($C6828/24,0)+1,1))-1)+IF('Standard Profiles'!$G$19=$B$10,7,0)+IF('Standard Profiles'!$G$19=$B$17,14,0)+IF('Standard Profiles'!$G$19=$B$24,21,0),0)),0)</f>
        <v>0</v>
      </c>
      <c r="F6828" cm="1">
        <f t="array" ref="F6828">IFERROR(INDEX(Jesper!AJ$2:AJ$366,ROUNDDOWN($C6828/24,0)+1,1)*INDEX($D$3:$AA$30,INDEX(Jesper!$R$2:$R$366,ROW(INDEX(Jesper!AJ$2:AJ$366,ROUNDDOWN($C6828/24,0)+1,1))-1)+IF('Standard Profiles'!$G$20=$B$10,7,0)+IF('Standard Profiles'!$G$20=$B$17,14,0)+IF('Standard Profiles'!$G$20=$B$24,21,0),MOD($C6828,24)+1)/SUM(INDEX($D$3:$AA$30,INDEX(Jesper!$R$2:$R$366,ROW(INDEX(Jesper!AJ$2:AJ$366,ROUNDDOWN($C6828/24,0)+1,1))-1)+IF('Standard Profiles'!$G$20=$B$10,7,0)+IF('Standard Profiles'!$G$20=$B$17,14,0)+IF('Standard Profiles'!$G$20=$B$24,21,0),0)),0)</f>
        <v>0</v>
      </c>
      <c r="G6828" cm="1">
        <f t="array" ref="G6828">IFERROR(INDEX(Jesper!AK$2:AK$366,ROUNDDOWN($C6828/24,0)+1,1)*INDEX($D$3:$AA$30,INDEX(Jesper!$R$2:$R$366,ROW(INDEX(Jesper!AK$2:AK$366,ROUNDDOWN($C6828/24,0)+1,1))-1)+IF('Standard Profiles'!$G$21=$B$10,7,0)+IF('Standard Profiles'!$G$21=$B$17,14,0)+IF('Standard Profiles'!$G$21=$B$24,21,0),MOD($C6828,24)+1)/SUM(INDEX($D$3:$AA$30,INDEX(Jesper!$R$2:$R$366,ROW(INDEX(Jesper!AK$2:AK$366,ROUNDDOWN($C6828/24,0)+1,1))-1)+IF('Standard Profiles'!$G$21=$B$10,7,0)+IF('Standard Profiles'!$G$21=$B$17,14,0)+IF('Standard Profiles'!$G$21=$B$24,21,0),0)),0)</f>
        <v>0</v>
      </c>
      <c r="H6828" cm="1">
        <f t="array" ref="H6828">IFERROR(INDEX(Jesper!AL$2:AL$366,ROUNDDOWN($C6828/24,0)+1,1)*INDEX($D$3:$AA$30,INDEX(Jesper!$R$2:$R$366,ROW(INDEX(Jesper!AL$2:AL$366,ROUNDDOWN($C6828/24,0)+1,1))-1)+IF('Standard Profiles'!$G$22=$B$10,7,0)+IF('Standard Profiles'!$G$22=$B$17,14,0)+IF('Standard Profiles'!$G$22=$B$24,21,0),MOD($C6828,24)+1)/SUM(INDEX($D$3:$AA$30,INDEX(Jesper!$R$2:$R$366,ROW(INDEX(Jesper!AL$2:AL$366,ROUNDDOWN($C6828/24,0)+1,1))-1)+IF('Standard Profiles'!$G$22=$B$10,7,0)+IF('Standard Profiles'!$G$22=$B$17,14,0)+IF('Standard Profiles'!$G$22=$B$24,21,0),0)),0)</f>
        <v>0</v>
      </c>
      <c r="I6828">
        <f t="shared" si="762"/>
        <v>0.21954785219473352</v>
      </c>
      <c r="J6828">
        <f t="shared" si="763"/>
        <v>0.73182617398244521</v>
      </c>
      <c r="K6828">
        <f t="shared" si="764"/>
        <v>1.0977392609736676</v>
      </c>
      <c r="L6828">
        <f t="shared" si="765"/>
        <v>5.2691484526736048</v>
      </c>
      <c r="M6828">
        <f t="shared" si="766"/>
        <v>0</v>
      </c>
      <c r="N6828" s="46">
        <f t="shared" si="767"/>
        <v>45575.083333316856</v>
      </c>
    </row>
    <row r="6829" spans="2:14" x14ac:dyDescent="0.3">
      <c r="B6829">
        <f t="shared" si="761"/>
        <v>4</v>
      </c>
      <c r="C6829" s="16">
        <v>6795</v>
      </c>
      <c r="D6829" cm="1">
        <f t="array" ref="D6829">IFERROR(INDEX(Jesper!AH$2:AH$366,ROUNDDOWN($C6829/24,0)+1,1)*INDEX($D$3:$AA$30,INDEX(Jesper!$R$2:$R$366,ROW(INDEX(Jesper!AH$2:AH$366,ROUNDDOWN($C6829/24,0)+1,1))-1)+IF('Standard Profiles'!$G$18=$B$10,7,0)+IF('Standard Profiles'!$G$18=$B$17,14,0)+IF('Standard Profiles'!$G$18=$B$24,21,0),MOD($C6829,24)+1)/SUM(INDEX($D$3:$AA$30,INDEX(Jesper!$R$2:$R$366,ROW(INDEX(Jesper!AH$2:AH$366,ROUNDDOWN($C6829/24,0)+1,1))-1)+IF('Standard Profiles'!$G$18=$B$10,7,0)+IF('Standard Profiles'!$G$18=$B$17,14,0)+IF('Standard Profiles'!$G$18=$B$24,21,0),0)),0)</f>
        <v>7.3182617398244512</v>
      </c>
      <c r="E6829" cm="1">
        <f t="array" ref="E6829">IFERROR(INDEX(Jesper!AI$2:AI$366,ROUNDDOWN($C6829/24,0)+1,1)*INDEX($D$3:$AA$30,INDEX(Jesper!$R$2:$R$366,ROW(INDEX(Jesper!AI$2:AI$366,ROUNDDOWN($C6829/24,0)+1,1))-1)+IF('Standard Profiles'!$G$19=$B$10,7,0)+IF('Standard Profiles'!$G$19=$B$17,14,0)+IF('Standard Profiles'!$G$19=$B$24,21,0),MOD($C6829,24)+1)/SUM(INDEX($D$3:$AA$30,INDEX(Jesper!$R$2:$R$366,ROW(INDEX(Jesper!AI$2:AI$366,ROUNDDOWN($C6829/24,0)+1,1))-1)+IF('Standard Profiles'!$G$19=$B$10,7,0)+IF('Standard Profiles'!$G$19=$B$17,14,0)+IF('Standard Profiles'!$G$19=$B$24,21,0),0)),0)</f>
        <v>0</v>
      </c>
      <c r="F6829" cm="1">
        <f t="array" ref="F6829">IFERROR(INDEX(Jesper!AJ$2:AJ$366,ROUNDDOWN($C6829/24,0)+1,1)*INDEX($D$3:$AA$30,INDEX(Jesper!$R$2:$R$366,ROW(INDEX(Jesper!AJ$2:AJ$366,ROUNDDOWN($C6829/24,0)+1,1))-1)+IF('Standard Profiles'!$G$20=$B$10,7,0)+IF('Standard Profiles'!$G$20=$B$17,14,0)+IF('Standard Profiles'!$G$20=$B$24,21,0),MOD($C6829,24)+1)/SUM(INDEX($D$3:$AA$30,INDEX(Jesper!$R$2:$R$366,ROW(INDEX(Jesper!AJ$2:AJ$366,ROUNDDOWN($C6829/24,0)+1,1))-1)+IF('Standard Profiles'!$G$20=$B$10,7,0)+IF('Standard Profiles'!$G$20=$B$17,14,0)+IF('Standard Profiles'!$G$20=$B$24,21,0),0)),0)</f>
        <v>0</v>
      </c>
      <c r="G6829" cm="1">
        <f t="array" ref="G6829">IFERROR(INDEX(Jesper!AK$2:AK$366,ROUNDDOWN($C6829/24,0)+1,1)*INDEX($D$3:$AA$30,INDEX(Jesper!$R$2:$R$366,ROW(INDEX(Jesper!AK$2:AK$366,ROUNDDOWN($C6829/24,0)+1,1))-1)+IF('Standard Profiles'!$G$21=$B$10,7,0)+IF('Standard Profiles'!$G$21=$B$17,14,0)+IF('Standard Profiles'!$G$21=$B$24,21,0),MOD($C6829,24)+1)/SUM(INDEX($D$3:$AA$30,INDEX(Jesper!$R$2:$R$366,ROW(INDEX(Jesper!AK$2:AK$366,ROUNDDOWN($C6829/24,0)+1,1))-1)+IF('Standard Profiles'!$G$21=$B$10,7,0)+IF('Standard Profiles'!$G$21=$B$17,14,0)+IF('Standard Profiles'!$G$21=$B$24,21,0),0)),0)</f>
        <v>0</v>
      </c>
      <c r="H6829" cm="1">
        <f t="array" ref="H6829">IFERROR(INDEX(Jesper!AL$2:AL$366,ROUNDDOWN($C6829/24,0)+1,1)*INDEX($D$3:$AA$30,INDEX(Jesper!$R$2:$R$366,ROW(INDEX(Jesper!AL$2:AL$366,ROUNDDOWN($C6829/24,0)+1,1))-1)+IF('Standard Profiles'!$G$22=$B$10,7,0)+IF('Standard Profiles'!$G$22=$B$17,14,0)+IF('Standard Profiles'!$G$22=$B$24,21,0),MOD($C6829,24)+1)/SUM(INDEX($D$3:$AA$30,INDEX(Jesper!$R$2:$R$366,ROW(INDEX(Jesper!AL$2:AL$366,ROUNDDOWN($C6829/24,0)+1,1))-1)+IF('Standard Profiles'!$G$22=$B$10,7,0)+IF('Standard Profiles'!$G$22=$B$17,14,0)+IF('Standard Profiles'!$G$22=$B$24,21,0),0)),0)</f>
        <v>0</v>
      </c>
      <c r="I6829">
        <f t="shared" si="762"/>
        <v>0.21954785219473352</v>
      </c>
      <c r="J6829">
        <f t="shared" si="763"/>
        <v>0.73182617398244521</v>
      </c>
      <c r="K6829">
        <f t="shared" si="764"/>
        <v>1.0977392609736676</v>
      </c>
      <c r="L6829">
        <f t="shared" si="765"/>
        <v>5.2691484526736048</v>
      </c>
      <c r="M6829">
        <f t="shared" si="766"/>
        <v>0</v>
      </c>
      <c r="N6829" s="46">
        <f t="shared" si="767"/>
        <v>45575.12499998352</v>
      </c>
    </row>
    <row r="6830" spans="2:14" x14ac:dyDescent="0.3">
      <c r="B6830">
        <f t="shared" si="761"/>
        <v>4</v>
      </c>
      <c r="C6830" s="16">
        <v>6796</v>
      </c>
      <c r="D6830" cm="1">
        <f t="array" ref="D6830">IFERROR(INDEX(Jesper!AH$2:AH$366,ROUNDDOWN($C6830/24,0)+1,1)*INDEX($D$3:$AA$30,INDEX(Jesper!$R$2:$R$366,ROW(INDEX(Jesper!AH$2:AH$366,ROUNDDOWN($C6830/24,0)+1,1))-1)+IF('Standard Profiles'!$G$18=$B$10,7,0)+IF('Standard Profiles'!$G$18=$B$17,14,0)+IF('Standard Profiles'!$G$18=$B$24,21,0),MOD($C6830,24)+1)/SUM(INDEX($D$3:$AA$30,INDEX(Jesper!$R$2:$R$366,ROW(INDEX(Jesper!AH$2:AH$366,ROUNDDOWN($C6830/24,0)+1,1))-1)+IF('Standard Profiles'!$G$18=$B$10,7,0)+IF('Standard Profiles'!$G$18=$B$17,14,0)+IF('Standard Profiles'!$G$18=$B$24,21,0),0)),0)</f>
        <v>7.3182617398244512</v>
      </c>
      <c r="E6830" cm="1">
        <f t="array" ref="E6830">IFERROR(INDEX(Jesper!AI$2:AI$366,ROUNDDOWN($C6830/24,0)+1,1)*INDEX($D$3:$AA$30,INDEX(Jesper!$R$2:$R$366,ROW(INDEX(Jesper!AI$2:AI$366,ROUNDDOWN($C6830/24,0)+1,1))-1)+IF('Standard Profiles'!$G$19=$B$10,7,0)+IF('Standard Profiles'!$G$19=$B$17,14,0)+IF('Standard Profiles'!$G$19=$B$24,21,0),MOD($C6830,24)+1)/SUM(INDEX($D$3:$AA$30,INDEX(Jesper!$R$2:$R$366,ROW(INDEX(Jesper!AI$2:AI$366,ROUNDDOWN($C6830/24,0)+1,1))-1)+IF('Standard Profiles'!$G$19=$B$10,7,0)+IF('Standard Profiles'!$G$19=$B$17,14,0)+IF('Standard Profiles'!$G$19=$B$24,21,0),0)),0)</f>
        <v>0</v>
      </c>
      <c r="F6830" cm="1">
        <f t="array" ref="F6830">IFERROR(INDEX(Jesper!AJ$2:AJ$366,ROUNDDOWN($C6830/24,0)+1,1)*INDEX($D$3:$AA$30,INDEX(Jesper!$R$2:$R$366,ROW(INDEX(Jesper!AJ$2:AJ$366,ROUNDDOWN($C6830/24,0)+1,1))-1)+IF('Standard Profiles'!$G$20=$B$10,7,0)+IF('Standard Profiles'!$G$20=$B$17,14,0)+IF('Standard Profiles'!$G$20=$B$24,21,0),MOD($C6830,24)+1)/SUM(INDEX($D$3:$AA$30,INDEX(Jesper!$R$2:$R$366,ROW(INDEX(Jesper!AJ$2:AJ$366,ROUNDDOWN($C6830/24,0)+1,1))-1)+IF('Standard Profiles'!$G$20=$B$10,7,0)+IF('Standard Profiles'!$G$20=$B$17,14,0)+IF('Standard Profiles'!$G$20=$B$24,21,0),0)),0)</f>
        <v>0</v>
      </c>
      <c r="G6830" cm="1">
        <f t="array" ref="G6830">IFERROR(INDEX(Jesper!AK$2:AK$366,ROUNDDOWN($C6830/24,0)+1,1)*INDEX($D$3:$AA$30,INDEX(Jesper!$R$2:$R$366,ROW(INDEX(Jesper!AK$2:AK$366,ROUNDDOWN($C6830/24,0)+1,1))-1)+IF('Standard Profiles'!$G$21=$B$10,7,0)+IF('Standard Profiles'!$G$21=$B$17,14,0)+IF('Standard Profiles'!$G$21=$B$24,21,0),MOD($C6830,24)+1)/SUM(INDEX($D$3:$AA$30,INDEX(Jesper!$R$2:$R$366,ROW(INDEX(Jesper!AK$2:AK$366,ROUNDDOWN($C6830/24,0)+1,1))-1)+IF('Standard Profiles'!$G$21=$B$10,7,0)+IF('Standard Profiles'!$G$21=$B$17,14,0)+IF('Standard Profiles'!$G$21=$B$24,21,0),0)),0)</f>
        <v>0</v>
      </c>
      <c r="H6830" cm="1">
        <f t="array" ref="H6830">IFERROR(INDEX(Jesper!AL$2:AL$366,ROUNDDOWN($C6830/24,0)+1,1)*INDEX($D$3:$AA$30,INDEX(Jesper!$R$2:$R$366,ROW(INDEX(Jesper!AL$2:AL$366,ROUNDDOWN($C6830/24,0)+1,1))-1)+IF('Standard Profiles'!$G$22=$B$10,7,0)+IF('Standard Profiles'!$G$22=$B$17,14,0)+IF('Standard Profiles'!$G$22=$B$24,21,0),MOD($C6830,24)+1)/SUM(INDEX($D$3:$AA$30,INDEX(Jesper!$R$2:$R$366,ROW(INDEX(Jesper!AL$2:AL$366,ROUNDDOWN($C6830/24,0)+1,1))-1)+IF('Standard Profiles'!$G$22=$B$10,7,0)+IF('Standard Profiles'!$G$22=$B$17,14,0)+IF('Standard Profiles'!$G$22=$B$24,21,0),0)),0)</f>
        <v>0</v>
      </c>
      <c r="I6830">
        <f t="shared" si="762"/>
        <v>0.21954785219473352</v>
      </c>
      <c r="J6830">
        <f t="shared" si="763"/>
        <v>0.73182617398244521</v>
      </c>
      <c r="K6830">
        <f t="shared" si="764"/>
        <v>1.0977392609736676</v>
      </c>
      <c r="L6830">
        <f t="shared" si="765"/>
        <v>5.2691484526736048</v>
      </c>
      <c r="M6830">
        <f t="shared" si="766"/>
        <v>0</v>
      </c>
      <c r="N6830" s="46">
        <f t="shared" si="767"/>
        <v>45575.166666650184</v>
      </c>
    </row>
    <row r="6831" spans="2:14" x14ac:dyDescent="0.3">
      <c r="B6831">
        <f t="shared" si="761"/>
        <v>4</v>
      </c>
      <c r="C6831" s="16">
        <v>6797</v>
      </c>
      <c r="D6831" cm="1">
        <f t="array" ref="D6831">IFERROR(INDEX(Jesper!AH$2:AH$366,ROUNDDOWN($C6831/24,0)+1,1)*INDEX($D$3:$AA$30,INDEX(Jesper!$R$2:$R$366,ROW(INDEX(Jesper!AH$2:AH$366,ROUNDDOWN($C6831/24,0)+1,1))-1)+IF('Standard Profiles'!$G$18=$B$10,7,0)+IF('Standard Profiles'!$G$18=$B$17,14,0)+IF('Standard Profiles'!$G$18=$B$24,21,0),MOD($C6831,24)+1)/SUM(INDEX($D$3:$AA$30,INDEX(Jesper!$R$2:$R$366,ROW(INDEX(Jesper!AH$2:AH$366,ROUNDDOWN($C6831/24,0)+1,1))-1)+IF('Standard Profiles'!$G$18=$B$10,7,0)+IF('Standard Profiles'!$G$18=$B$17,14,0)+IF('Standard Profiles'!$G$18=$B$24,21,0),0)),0)</f>
        <v>9.4324262424404033</v>
      </c>
      <c r="E6831" cm="1">
        <f t="array" ref="E6831">IFERROR(INDEX(Jesper!AI$2:AI$366,ROUNDDOWN($C6831/24,0)+1,1)*INDEX($D$3:$AA$30,INDEX(Jesper!$R$2:$R$366,ROW(INDEX(Jesper!AI$2:AI$366,ROUNDDOWN($C6831/24,0)+1,1))-1)+IF('Standard Profiles'!$G$19=$B$10,7,0)+IF('Standard Profiles'!$G$19=$B$17,14,0)+IF('Standard Profiles'!$G$19=$B$24,21,0),MOD($C6831,24)+1)/SUM(INDEX($D$3:$AA$30,INDEX(Jesper!$R$2:$R$366,ROW(INDEX(Jesper!AI$2:AI$366,ROUNDDOWN($C6831/24,0)+1,1))-1)+IF('Standard Profiles'!$G$19=$B$10,7,0)+IF('Standard Profiles'!$G$19=$B$17,14,0)+IF('Standard Profiles'!$G$19=$B$24,21,0),0)),0)</f>
        <v>0</v>
      </c>
      <c r="F6831" cm="1">
        <f t="array" ref="F6831">IFERROR(INDEX(Jesper!AJ$2:AJ$366,ROUNDDOWN($C6831/24,0)+1,1)*INDEX($D$3:$AA$30,INDEX(Jesper!$R$2:$R$366,ROW(INDEX(Jesper!AJ$2:AJ$366,ROUNDDOWN($C6831/24,0)+1,1))-1)+IF('Standard Profiles'!$G$20=$B$10,7,0)+IF('Standard Profiles'!$G$20=$B$17,14,0)+IF('Standard Profiles'!$G$20=$B$24,21,0),MOD($C6831,24)+1)/SUM(INDEX($D$3:$AA$30,INDEX(Jesper!$R$2:$R$366,ROW(INDEX(Jesper!AJ$2:AJ$366,ROUNDDOWN($C6831/24,0)+1,1))-1)+IF('Standard Profiles'!$G$20=$B$10,7,0)+IF('Standard Profiles'!$G$20=$B$17,14,0)+IF('Standard Profiles'!$G$20=$B$24,21,0),0)),0)</f>
        <v>0</v>
      </c>
      <c r="G6831" cm="1">
        <f t="array" ref="G6831">IFERROR(INDEX(Jesper!AK$2:AK$366,ROUNDDOWN($C6831/24,0)+1,1)*INDEX($D$3:$AA$30,INDEX(Jesper!$R$2:$R$366,ROW(INDEX(Jesper!AK$2:AK$366,ROUNDDOWN($C6831/24,0)+1,1))-1)+IF('Standard Profiles'!$G$21=$B$10,7,0)+IF('Standard Profiles'!$G$21=$B$17,14,0)+IF('Standard Profiles'!$G$21=$B$24,21,0),MOD($C6831,24)+1)/SUM(INDEX($D$3:$AA$30,INDEX(Jesper!$R$2:$R$366,ROW(INDEX(Jesper!AK$2:AK$366,ROUNDDOWN($C6831/24,0)+1,1))-1)+IF('Standard Profiles'!$G$21=$B$10,7,0)+IF('Standard Profiles'!$G$21=$B$17,14,0)+IF('Standard Profiles'!$G$21=$B$24,21,0),0)),0)</f>
        <v>0</v>
      </c>
      <c r="H6831" cm="1">
        <f t="array" ref="H6831">IFERROR(INDEX(Jesper!AL$2:AL$366,ROUNDDOWN($C6831/24,0)+1,1)*INDEX($D$3:$AA$30,INDEX(Jesper!$R$2:$R$366,ROW(INDEX(Jesper!AL$2:AL$366,ROUNDDOWN($C6831/24,0)+1,1))-1)+IF('Standard Profiles'!$G$22=$B$10,7,0)+IF('Standard Profiles'!$G$22=$B$17,14,0)+IF('Standard Profiles'!$G$22=$B$24,21,0),MOD($C6831,24)+1)/SUM(INDEX($D$3:$AA$30,INDEX(Jesper!$R$2:$R$366,ROW(INDEX(Jesper!AL$2:AL$366,ROUNDDOWN($C6831/24,0)+1,1))-1)+IF('Standard Profiles'!$G$22=$B$10,7,0)+IF('Standard Profiles'!$G$22=$B$17,14,0)+IF('Standard Profiles'!$G$22=$B$24,21,0),0)),0)</f>
        <v>0</v>
      </c>
      <c r="I6831">
        <f t="shared" si="762"/>
        <v>0.28297278727321207</v>
      </c>
      <c r="J6831">
        <f t="shared" si="763"/>
        <v>0.94324262424404037</v>
      </c>
      <c r="K6831">
        <f t="shared" si="764"/>
        <v>1.4148639363660604</v>
      </c>
      <c r="L6831">
        <f t="shared" si="765"/>
        <v>6.7913468945570905</v>
      </c>
      <c r="M6831">
        <f t="shared" si="766"/>
        <v>0</v>
      </c>
      <c r="N6831" s="46">
        <f t="shared" si="767"/>
        <v>45575.208333316848</v>
      </c>
    </row>
    <row r="6832" spans="2:14" x14ac:dyDescent="0.3">
      <c r="B6832">
        <f t="shared" si="761"/>
        <v>4</v>
      </c>
      <c r="C6832" s="16">
        <v>6798</v>
      </c>
      <c r="D6832" cm="1">
        <f t="array" ref="D6832">IFERROR(INDEX(Jesper!AH$2:AH$366,ROUNDDOWN($C6832/24,0)+1,1)*INDEX($D$3:$AA$30,INDEX(Jesper!$R$2:$R$366,ROW(INDEX(Jesper!AH$2:AH$366,ROUNDDOWN($C6832/24,0)+1,1))-1)+IF('Standard Profiles'!$G$18=$B$10,7,0)+IF('Standard Profiles'!$G$18=$B$17,14,0)+IF('Standard Profiles'!$G$18=$B$24,21,0),MOD($C6832,24)+1)/SUM(INDEX($D$3:$AA$30,INDEX(Jesper!$R$2:$R$366,ROW(INDEX(Jesper!AH$2:AH$366,ROUNDDOWN($C6832/24,0)+1,1))-1)+IF('Standard Profiles'!$G$18=$B$10,7,0)+IF('Standard Profiles'!$G$18=$B$17,14,0)+IF('Standard Profiles'!$G$18=$B$24,21,0),0)),0)</f>
        <v>10.896078590405295</v>
      </c>
      <c r="E6832" cm="1">
        <f t="array" ref="E6832">IFERROR(INDEX(Jesper!AI$2:AI$366,ROUNDDOWN($C6832/24,0)+1,1)*INDEX($D$3:$AA$30,INDEX(Jesper!$R$2:$R$366,ROW(INDEX(Jesper!AI$2:AI$366,ROUNDDOWN($C6832/24,0)+1,1))-1)+IF('Standard Profiles'!$G$19=$B$10,7,0)+IF('Standard Profiles'!$G$19=$B$17,14,0)+IF('Standard Profiles'!$G$19=$B$24,21,0),MOD($C6832,24)+1)/SUM(INDEX($D$3:$AA$30,INDEX(Jesper!$R$2:$R$366,ROW(INDEX(Jesper!AI$2:AI$366,ROUNDDOWN($C6832/24,0)+1,1))-1)+IF('Standard Profiles'!$G$19=$B$10,7,0)+IF('Standard Profiles'!$G$19=$B$17,14,0)+IF('Standard Profiles'!$G$19=$B$24,21,0),0)),0)</f>
        <v>0</v>
      </c>
      <c r="F6832" cm="1">
        <f t="array" ref="F6832">IFERROR(INDEX(Jesper!AJ$2:AJ$366,ROUNDDOWN($C6832/24,0)+1,1)*INDEX($D$3:$AA$30,INDEX(Jesper!$R$2:$R$366,ROW(INDEX(Jesper!AJ$2:AJ$366,ROUNDDOWN($C6832/24,0)+1,1))-1)+IF('Standard Profiles'!$G$20=$B$10,7,0)+IF('Standard Profiles'!$G$20=$B$17,14,0)+IF('Standard Profiles'!$G$20=$B$24,21,0),MOD($C6832,24)+1)/SUM(INDEX($D$3:$AA$30,INDEX(Jesper!$R$2:$R$366,ROW(INDEX(Jesper!AJ$2:AJ$366,ROUNDDOWN($C6832/24,0)+1,1))-1)+IF('Standard Profiles'!$G$20=$B$10,7,0)+IF('Standard Profiles'!$G$20=$B$17,14,0)+IF('Standard Profiles'!$G$20=$B$24,21,0),0)),0)</f>
        <v>0</v>
      </c>
      <c r="G6832" cm="1">
        <f t="array" ref="G6832">IFERROR(INDEX(Jesper!AK$2:AK$366,ROUNDDOWN($C6832/24,0)+1,1)*INDEX($D$3:$AA$30,INDEX(Jesper!$R$2:$R$366,ROW(INDEX(Jesper!AK$2:AK$366,ROUNDDOWN($C6832/24,0)+1,1))-1)+IF('Standard Profiles'!$G$21=$B$10,7,0)+IF('Standard Profiles'!$G$21=$B$17,14,0)+IF('Standard Profiles'!$G$21=$B$24,21,0),MOD($C6832,24)+1)/SUM(INDEX($D$3:$AA$30,INDEX(Jesper!$R$2:$R$366,ROW(INDEX(Jesper!AK$2:AK$366,ROUNDDOWN($C6832/24,0)+1,1))-1)+IF('Standard Profiles'!$G$21=$B$10,7,0)+IF('Standard Profiles'!$G$21=$B$17,14,0)+IF('Standard Profiles'!$G$21=$B$24,21,0),0)),0)</f>
        <v>0</v>
      </c>
      <c r="H6832" cm="1">
        <f t="array" ref="H6832">IFERROR(INDEX(Jesper!AL$2:AL$366,ROUNDDOWN($C6832/24,0)+1,1)*INDEX($D$3:$AA$30,INDEX(Jesper!$R$2:$R$366,ROW(INDEX(Jesper!AL$2:AL$366,ROUNDDOWN($C6832/24,0)+1,1))-1)+IF('Standard Profiles'!$G$22=$B$10,7,0)+IF('Standard Profiles'!$G$22=$B$17,14,0)+IF('Standard Profiles'!$G$22=$B$24,21,0),MOD($C6832,24)+1)/SUM(INDEX($D$3:$AA$30,INDEX(Jesper!$R$2:$R$366,ROW(INDEX(Jesper!AL$2:AL$366,ROUNDDOWN($C6832/24,0)+1,1))-1)+IF('Standard Profiles'!$G$22=$B$10,7,0)+IF('Standard Profiles'!$G$22=$B$17,14,0)+IF('Standard Profiles'!$G$22=$B$24,21,0),0)),0)</f>
        <v>0</v>
      </c>
      <c r="I6832">
        <f t="shared" si="762"/>
        <v>0.32688235771215884</v>
      </c>
      <c r="J6832">
        <f t="shared" si="763"/>
        <v>1.0896078590405296</v>
      </c>
      <c r="K6832">
        <f t="shared" si="764"/>
        <v>1.6344117885607943</v>
      </c>
      <c r="L6832">
        <f t="shared" si="765"/>
        <v>7.8451765850918127</v>
      </c>
      <c r="M6832">
        <f t="shared" si="766"/>
        <v>0</v>
      </c>
      <c r="N6832" s="46">
        <f t="shared" si="767"/>
        <v>45575.249999983513</v>
      </c>
    </row>
    <row r="6833" spans="2:14" x14ac:dyDescent="0.3">
      <c r="B6833">
        <f t="shared" si="761"/>
        <v>4</v>
      </c>
      <c r="C6833" s="16">
        <v>6799</v>
      </c>
      <c r="D6833" cm="1">
        <f t="array" ref="D6833">IFERROR(INDEX(Jesper!AH$2:AH$366,ROUNDDOWN($C6833/24,0)+1,1)*INDEX($D$3:$AA$30,INDEX(Jesper!$R$2:$R$366,ROW(INDEX(Jesper!AH$2:AH$366,ROUNDDOWN($C6833/24,0)+1,1))-1)+IF('Standard Profiles'!$G$18=$B$10,7,0)+IF('Standard Profiles'!$G$18=$B$17,14,0)+IF('Standard Profiles'!$G$18=$B$24,21,0),MOD($C6833,24)+1)/SUM(INDEX($D$3:$AA$30,INDEX(Jesper!$R$2:$R$366,ROW(INDEX(Jesper!AH$2:AH$366,ROUNDDOWN($C6833/24,0)+1,1))-1)+IF('Standard Profiles'!$G$18=$B$10,7,0)+IF('Standard Profiles'!$G$18=$B$17,14,0)+IF('Standard Profiles'!$G$18=$B$24,21,0),0)),0)</f>
        <v>10.896078590405295</v>
      </c>
      <c r="E6833" cm="1">
        <f t="array" ref="E6833">IFERROR(INDEX(Jesper!AI$2:AI$366,ROUNDDOWN($C6833/24,0)+1,1)*INDEX($D$3:$AA$30,INDEX(Jesper!$R$2:$R$366,ROW(INDEX(Jesper!AI$2:AI$366,ROUNDDOWN($C6833/24,0)+1,1))-1)+IF('Standard Profiles'!$G$19=$B$10,7,0)+IF('Standard Profiles'!$G$19=$B$17,14,0)+IF('Standard Profiles'!$G$19=$B$24,21,0),MOD($C6833,24)+1)/SUM(INDEX($D$3:$AA$30,INDEX(Jesper!$R$2:$R$366,ROW(INDEX(Jesper!AI$2:AI$366,ROUNDDOWN($C6833/24,0)+1,1))-1)+IF('Standard Profiles'!$G$19=$B$10,7,0)+IF('Standard Profiles'!$G$19=$B$17,14,0)+IF('Standard Profiles'!$G$19=$B$24,21,0),0)),0)</f>
        <v>0</v>
      </c>
      <c r="F6833" cm="1">
        <f t="array" ref="F6833">IFERROR(INDEX(Jesper!AJ$2:AJ$366,ROUNDDOWN($C6833/24,0)+1,1)*INDEX($D$3:$AA$30,INDEX(Jesper!$R$2:$R$366,ROW(INDEX(Jesper!AJ$2:AJ$366,ROUNDDOWN($C6833/24,0)+1,1))-1)+IF('Standard Profiles'!$G$20=$B$10,7,0)+IF('Standard Profiles'!$G$20=$B$17,14,0)+IF('Standard Profiles'!$G$20=$B$24,21,0),MOD($C6833,24)+1)/SUM(INDEX($D$3:$AA$30,INDEX(Jesper!$R$2:$R$366,ROW(INDEX(Jesper!AJ$2:AJ$366,ROUNDDOWN($C6833/24,0)+1,1))-1)+IF('Standard Profiles'!$G$20=$B$10,7,0)+IF('Standard Profiles'!$G$20=$B$17,14,0)+IF('Standard Profiles'!$G$20=$B$24,21,0),0)),0)</f>
        <v>0</v>
      </c>
      <c r="G6833" cm="1">
        <f t="array" ref="G6833">IFERROR(INDEX(Jesper!AK$2:AK$366,ROUNDDOWN($C6833/24,0)+1,1)*INDEX($D$3:$AA$30,INDEX(Jesper!$R$2:$R$366,ROW(INDEX(Jesper!AK$2:AK$366,ROUNDDOWN($C6833/24,0)+1,1))-1)+IF('Standard Profiles'!$G$21=$B$10,7,0)+IF('Standard Profiles'!$G$21=$B$17,14,0)+IF('Standard Profiles'!$G$21=$B$24,21,0),MOD($C6833,24)+1)/SUM(INDEX($D$3:$AA$30,INDEX(Jesper!$R$2:$R$366,ROW(INDEX(Jesper!AK$2:AK$366,ROUNDDOWN($C6833/24,0)+1,1))-1)+IF('Standard Profiles'!$G$21=$B$10,7,0)+IF('Standard Profiles'!$G$21=$B$17,14,0)+IF('Standard Profiles'!$G$21=$B$24,21,0),0)),0)</f>
        <v>0</v>
      </c>
      <c r="H6833" cm="1">
        <f t="array" ref="H6833">IFERROR(INDEX(Jesper!AL$2:AL$366,ROUNDDOWN($C6833/24,0)+1,1)*INDEX($D$3:$AA$30,INDEX(Jesper!$R$2:$R$366,ROW(INDEX(Jesper!AL$2:AL$366,ROUNDDOWN($C6833/24,0)+1,1))-1)+IF('Standard Profiles'!$G$22=$B$10,7,0)+IF('Standard Profiles'!$G$22=$B$17,14,0)+IF('Standard Profiles'!$G$22=$B$24,21,0),MOD($C6833,24)+1)/SUM(INDEX($D$3:$AA$30,INDEX(Jesper!$R$2:$R$366,ROW(INDEX(Jesper!AL$2:AL$366,ROUNDDOWN($C6833/24,0)+1,1))-1)+IF('Standard Profiles'!$G$22=$B$10,7,0)+IF('Standard Profiles'!$G$22=$B$17,14,0)+IF('Standard Profiles'!$G$22=$B$24,21,0),0)),0)</f>
        <v>0</v>
      </c>
      <c r="I6833">
        <f t="shared" si="762"/>
        <v>0.32688235771215884</v>
      </c>
      <c r="J6833">
        <f t="shared" si="763"/>
        <v>1.0896078590405296</v>
      </c>
      <c r="K6833">
        <f t="shared" si="764"/>
        <v>1.6344117885607943</v>
      </c>
      <c r="L6833">
        <f t="shared" si="765"/>
        <v>7.8451765850918127</v>
      </c>
      <c r="M6833">
        <f t="shared" si="766"/>
        <v>0</v>
      </c>
      <c r="N6833" s="46">
        <f t="shared" si="767"/>
        <v>45575.291666650177</v>
      </c>
    </row>
    <row r="6834" spans="2:14" x14ac:dyDescent="0.3">
      <c r="B6834">
        <f t="shared" si="761"/>
        <v>4</v>
      </c>
      <c r="C6834" s="16">
        <v>6800</v>
      </c>
      <c r="D6834" cm="1">
        <f t="array" ref="D6834">IFERROR(INDEX(Jesper!AH$2:AH$366,ROUNDDOWN($C6834/24,0)+1,1)*INDEX($D$3:$AA$30,INDEX(Jesper!$R$2:$R$366,ROW(INDEX(Jesper!AH$2:AH$366,ROUNDDOWN($C6834/24,0)+1,1))-1)+IF('Standard Profiles'!$G$18=$B$10,7,0)+IF('Standard Profiles'!$G$18=$B$17,14,0)+IF('Standard Profiles'!$G$18=$B$24,21,0),MOD($C6834,24)+1)/SUM(INDEX($D$3:$AA$30,INDEX(Jesper!$R$2:$R$366,ROW(INDEX(Jesper!AH$2:AH$366,ROUNDDOWN($C6834/24,0)+1,1))-1)+IF('Standard Profiles'!$G$18=$B$10,7,0)+IF('Standard Profiles'!$G$18=$B$17,14,0)+IF('Standard Profiles'!$G$18=$B$24,21,0),0)),0)</f>
        <v>10.896078590405295</v>
      </c>
      <c r="E6834" cm="1">
        <f t="array" ref="E6834">IFERROR(INDEX(Jesper!AI$2:AI$366,ROUNDDOWN($C6834/24,0)+1,1)*INDEX($D$3:$AA$30,INDEX(Jesper!$R$2:$R$366,ROW(INDEX(Jesper!AI$2:AI$366,ROUNDDOWN($C6834/24,0)+1,1))-1)+IF('Standard Profiles'!$G$19=$B$10,7,0)+IF('Standard Profiles'!$G$19=$B$17,14,0)+IF('Standard Profiles'!$G$19=$B$24,21,0),MOD($C6834,24)+1)/SUM(INDEX($D$3:$AA$30,INDEX(Jesper!$R$2:$R$366,ROW(INDEX(Jesper!AI$2:AI$366,ROUNDDOWN($C6834/24,0)+1,1))-1)+IF('Standard Profiles'!$G$19=$B$10,7,0)+IF('Standard Profiles'!$G$19=$B$17,14,0)+IF('Standard Profiles'!$G$19=$B$24,21,0),0)),0)</f>
        <v>0</v>
      </c>
      <c r="F6834" cm="1">
        <f t="array" ref="F6834">IFERROR(INDEX(Jesper!AJ$2:AJ$366,ROUNDDOWN($C6834/24,0)+1,1)*INDEX($D$3:$AA$30,INDEX(Jesper!$R$2:$R$366,ROW(INDEX(Jesper!AJ$2:AJ$366,ROUNDDOWN($C6834/24,0)+1,1))-1)+IF('Standard Profiles'!$G$20=$B$10,7,0)+IF('Standard Profiles'!$G$20=$B$17,14,0)+IF('Standard Profiles'!$G$20=$B$24,21,0),MOD($C6834,24)+1)/SUM(INDEX($D$3:$AA$30,INDEX(Jesper!$R$2:$R$366,ROW(INDEX(Jesper!AJ$2:AJ$366,ROUNDDOWN($C6834/24,0)+1,1))-1)+IF('Standard Profiles'!$G$20=$B$10,7,0)+IF('Standard Profiles'!$G$20=$B$17,14,0)+IF('Standard Profiles'!$G$20=$B$24,21,0),0)),0)</f>
        <v>0</v>
      </c>
      <c r="G6834" cm="1">
        <f t="array" ref="G6834">IFERROR(INDEX(Jesper!AK$2:AK$366,ROUNDDOWN($C6834/24,0)+1,1)*INDEX($D$3:$AA$30,INDEX(Jesper!$R$2:$R$366,ROW(INDEX(Jesper!AK$2:AK$366,ROUNDDOWN($C6834/24,0)+1,1))-1)+IF('Standard Profiles'!$G$21=$B$10,7,0)+IF('Standard Profiles'!$G$21=$B$17,14,0)+IF('Standard Profiles'!$G$21=$B$24,21,0),MOD($C6834,24)+1)/SUM(INDEX($D$3:$AA$30,INDEX(Jesper!$R$2:$R$366,ROW(INDEX(Jesper!AK$2:AK$366,ROUNDDOWN($C6834/24,0)+1,1))-1)+IF('Standard Profiles'!$G$21=$B$10,7,0)+IF('Standard Profiles'!$G$21=$B$17,14,0)+IF('Standard Profiles'!$G$21=$B$24,21,0),0)),0)</f>
        <v>0</v>
      </c>
      <c r="H6834" cm="1">
        <f t="array" ref="H6834">IFERROR(INDEX(Jesper!AL$2:AL$366,ROUNDDOWN($C6834/24,0)+1,1)*INDEX($D$3:$AA$30,INDEX(Jesper!$R$2:$R$366,ROW(INDEX(Jesper!AL$2:AL$366,ROUNDDOWN($C6834/24,0)+1,1))-1)+IF('Standard Profiles'!$G$22=$B$10,7,0)+IF('Standard Profiles'!$G$22=$B$17,14,0)+IF('Standard Profiles'!$G$22=$B$24,21,0),MOD($C6834,24)+1)/SUM(INDEX($D$3:$AA$30,INDEX(Jesper!$R$2:$R$366,ROW(INDEX(Jesper!AL$2:AL$366,ROUNDDOWN($C6834/24,0)+1,1))-1)+IF('Standard Profiles'!$G$22=$B$10,7,0)+IF('Standard Profiles'!$G$22=$B$17,14,0)+IF('Standard Profiles'!$G$22=$B$24,21,0),0)),0)</f>
        <v>0</v>
      </c>
      <c r="I6834">
        <f t="shared" si="762"/>
        <v>0.32688235771215884</v>
      </c>
      <c r="J6834">
        <f t="shared" si="763"/>
        <v>1.0896078590405296</v>
      </c>
      <c r="K6834">
        <f t="shared" si="764"/>
        <v>1.6344117885607943</v>
      </c>
      <c r="L6834">
        <f t="shared" si="765"/>
        <v>7.8451765850918127</v>
      </c>
      <c r="M6834">
        <f t="shared" si="766"/>
        <v>0</v>
      </c>
      <c r="N6834" s="46">
        <f t="shared" si="767"/>
        <v>45575.333333316841</v>
      </c>
    </row>
    <row r="6835" spans="2:14" x14ac:dyDescent="0.3">
      <c r="B6835">
        <f t="shared" si="761"/>
        <v>4</v>
      </c>
      <c r="C6835" s="16">
        <v>6801</v>
      </c>
      <c r="D6835" cm="1">
        <f t="array" ref="D6835">IFERROR(INDEX(Jesper!AH$2:AH$366,ROUNDDOWN($C6835/24,0)+1,1)*INDEX($D$3:$AA$30,INDEX(Jesper!$R$2:$R$366,ROW(INDEX(Jesper!AH$2:AH$366,ROUNDDOWN($C6835/24,0)+1,1))-1)+IF('Standard Profiles'!$G$18=$B$10,7,0)+IF('Standard Profiles'!$G$18=$B$17,14,0)+IF('Standard Profiles'!$G$18=$B$24,21,0),MOD($C6835,24)+1)/SUM(INDEX($D$3:$AA$30,INDEX(Jesper!$R$2:$R$366,ROW(INDEX(Jesper!AH$2:AH$366,ROUNDDOWN($C6835/24,0)+1,1))-1)+IF('Standard Profiles'!$G$18=$B$10,7,0)+IF('Standard Profiles'!$G$18=$B$17,14,0)+IF('Standard Profiles'!$G$18=$B$24,21,0),0)),0)</f>
        <v>11.709218783719123</v>
      </c>
      <c r="E6835" cm="1">
        <f t="array" ref="E6835">IFERROR(INDEX(Jesper!AI$2:AI$366,ROUNDDOWN($C6835/24,0)+1,1)*INDEX($D$3:$AA$30,INDEX(Jesper!$R$2:$R$366,ROW(INDEX(Jesper!AI$2:AI$366,ROUNDDOWN($C6835/24,0)+1,1))-1)+IF('Standard Profiles'!$G$19=$B$10,7,0)+IF('Standard Profiles'!$G$19=$B$17,14,0)+IF('Standard Profiles'!$G$19=$B$24,21,0),MOD($C6835,24)+1)/SUM(INDEX($D$3:$AA$30,INDEX(Jesper!$R$2:$R$366,ROW(INDEX(Jesper!AI$2:AI$366,ROUNDDOWN($C6835/24,0)+1,1))-1)+IF('Standard Profiles'!$G$19=$B$10,7,0)+IF('Standard Profiles'!$G$19=$B$17,14,0)+IF('Standard Profiles'!$G$19=$B$24,21,0),0)),0)</f>
        <v>0</v>
      </c>
      <c r="F6835" cm="1">
        <f t="array" ref="F6835">IFERROR(INDEX(Jesper!AJ$2:AJ$366,ROUNDDOWN($C6835/24,0)+1,1)*INDEX($D$3:$AA$30,INDEX(Jesper!$R$2:$R$366,ROW(INDEX(Jesper!AJ$2:AJ$366,ROUNDDOWN($C6835/24,0)+1,1))-1)+IF('Standard Profiles'!$G$20=$B$10,7,0)+IF('Standard Profiles'!$G$20=$B$17,14,0)+IF('Standard Profiles'!$G$20=$B$24,21,0),MOD($C6835,24)+1)/SUM(INDEX($D$3:$AA$30,INDEX(Jesper!$R$2:$R$366,ROW(INDEX(Jesper!AJ$2:AJ$366,ROUNDDOWN($C6835/24,0)+1,1))-1)+IF('Standard Profiles'!$G$20=$B$10,7,0)+IF('Standard Profiles'!$G$20=$B$17,14,0)+IF('Standard Profiles'!$G$20=$B$24,21,0),0)),0)</f>
        <v>0</v>
      </c>
      <c r="G6835" cm="1">
        <f t="array" ref="G6835">IFERROR(INDEX(Jesper!AK$2:AK$366,ROUNDDOWN($C6835/24,0)+1,1)*INDEX($D$3:$AA$30,INDEX(Jesper!$R$2:$R$366,ROW(INDEX(Jesper!AK$2:AK$366,ROUNDDOWN($C6835/24,0)+1,1))-1)+IF('Standard Profiles'!$G$21=$B$10,7,0)+IF('Standard Profiles'!$G$21=$B$17,14,0)+IF('Standard Profiles'!$G$21=$B$24,21,0),MOD($C6835,24)+1)/SUM(INDEX($D$3:$AA$30,INDEX(Jesper!$R$2:$R$366,ROW(INDEX(Jesper!AK$2:AK$366,ROUNDDOWN($C6835/24,0)+1,1))-1)+IF('Standard Profiles'!$G$21=$B$10,7,0)+IF('Standard Profiles'!$G$21=$B$17,14,0)+IF('Standard Profiles'!$G$21=$B$24,21,0),0)),0)</f>
        <v>0</v>
      </c>
      <c r="H6835" cm="1">
        <f t="array" ref="H6835">IFERROR(INDEX(Jesper!AL$2:AL$366,ROUNDDOWN($C6835/24,0)+1,1)*INDEX($D$3:$AA$30,INDEX(Jesper!$R$2:$R$366,ROW(INDEX(Jesper!AL$2:AL$366,ROUNDDOWN($C6835/24,0)+1,1))-1)+IF('Standard Profiles'!$G$22=$B$10,7,0)+IF('Standard Profiles'!$G$22=$B$17,14,0)+IF('Standard Profiles'!$G$22=$B$24,21,0),MOD($C6835,24)+1)/SUM(INDEX($D$3:$AA$30,INDEX(Jesper!$R$2:$R$366,ROW(INDEX(Jesper!AL$2:AL$366,ROUNDDOWN($C6835/24,0)+1,1))-1)+IF('Standard Profiles'!$G$22=$B$10,7,0)+IF('Standard Profiles'!$G$22=$B$17,14,0)+IF('Standard Profiles'!$G$22=$B$24,21,0),0)),0)</f>
        <v>0</v>
      </c>
      <c r="I6835">
        <f t="shared" si="762"/>
        <v>0.35127656351157366</v>
      </c>
      <c r="J6835">
        <f t="shared" si="763"/>
        <v>1.1709218783719124</v>
      </c>
      <c r="K6835">
        <f t="shared" si="764"/>
        <v>1.7563828175578684</v>
      </c>
      <c r="L6835">
        <f t="shared" si="765"/>
        <v>8.4306375242777687</v>
      </c>
      <c r="M6835">
        <f t="shared" si="766"/>
        <v>0</v>
      </c>
      <c r="N6835" s="46">
        <f t="shared" si="767"/>
        <v>45575.374999983505</v>
      </c>
    </row>
    <row r="6836" spans="2:14" x14ac:dyDescent="0.3">
      <c r="B6836">
        <f t="shared" si="761"/>
        <v>4</v>
      </c>
      <c r="C6836" s="16">
        <v>6802</v>
      </c>
      <c r="D6836" cm="1">
        <f t="array" ref="D6836">IFERROR(INDEX(Jesper!AH$2:AH$366,ROUNDDOWN($C6836/24,0)+1,1)*INDEX($D$3:$AA$30,INDEX(Jesper!$R$2:$R$366,ROW(INDEX(Jesper!AH$2:AH$366,ROUNDDOWN($C6836/24,0)+1,1))-1)+IF('Standard Profiles'!$G$18=$B$10,7,0)+IF('Standard Profiles'!$G$18=$B$17,14,0)+IF('Standard Profiles'!$G$18=$B$24,21,0),MOD($C6836,24)+1)/SUM(INDEX($D$3:$AA$30,INDEX(Jesper!$R$2:$R$366,ROW(INDEX(Jesper!AH$2:AH$366,ROUNDDOWN($C6836/24,0)+1,1))-1)+IF('Standard Profiles'!$G$18=$B$10,7,0)+IF('Standard Profiles'!$G$18=$B$17,14,0)+IF('Standard Profiles'!$G$18=$B$24,21,0),0)),0)</f>
        <v>12.684987015695715</v>
      </c>
      <c r="E6836" cm="1">
        <f t="array" ref="E6836">IFERROR(INDEX(Jesper!AI$2:AI$366,ROUNDDOWN($C6836/24,0)+1,1)*INDEX($D$3:$AA$30,INDEX(Jesper!$R$2:$R$366,ROW(INDEX(Jesper!AI$2:AI$366,ROUNDDOWN($C6836/24,0)+1,1))-1)+IF('Standard Profiles'!$G$19=$B$10,7,0)+IF('Standard Profiles'!$G$19=$B$17,14,0)+IF('Standard Profiles'!$G$19=$B$24,21,0),MOD($C6836,24)+1)/SUM(INDEX($D$3:$AA$30,INDEX(Jesper!$R$2:$R$366,ROW(INDEX(Jesper!AI$2:AI$366,ROUNDDOWN($C6836/24,0)+1,1))-1)+IF('Standard Profiles'!$G$19=$B$10,7,0)+IF('Standard Profiles'!$G$19=$B$17,14,0)+IF('Standard Profiles'!$G$19=$B$24,21,0),0)),0)</f>
        <v>0</v>
      </c>
      <c r="F6836" cm="1">
        <f t="array" ref="F6836">IFERROR(INDEX(Jesper!AJ$2:AJ$366,ROUNDDOWN($C6836/24,0)+1,1)*INDEX($D$3:$AA$30,INDEX(Jesper!$R$2:$R$366,ROW(INDEX(Jesper!AJ$2:AJ$366,ROUNDDOWN($C6836/24,0)+1,1))-1)+IF('Standard Profiles'!$G$20=$B$10,7,0)+IF('Standard Profiles'!$G$20=$B$17,14,0)+IF('Standard Profiles'!$G$20=$B$24,21,0),MOD($C6836,24)+1)/SUM(INDEX($D$3:$AA$30,INDEX(Jesper!$R$2:$R$366,ROW(INDEX(Jesper!AJ$2:AJ$366,ROUNDDOWN($C6836/24,0)+1,1))-1)+IF('Standard Profiles'!$G$20=$B$10,7,0)+IF('Standard Profiles'!$G$20=$B$17,14,0)+IF('Standard Profiles'!$G$20=$B$24,21,0),0)),0)</f>
        <v>0</v>
      </c>
      <c r="G6836" cm="1">
        <f t="array" ref="G6836">IFERROR(INDEX(Jesper!AK$2:AK$366,ROUNDDOWN($C6836/24,0)+1,1)*INDEX($D$3:$AA$30,INDEX(Jesper!$R$2:$R$366,ROW(INDEX(Jesper!AK$2:AK$366,ROUNDDOWN($C6836/24,0)+1,1))-1)+IF('Standard Profiles'!$G$21=$B$10,7,0)+IF('Standard Profiles'!$G$21=$B$17,14,0)+IF('Standard Profiles'!$G$21=$B$24,21,0),MOD($C6836,24)+1)/SUM(INDEX($D$3:$AA$30,INDEX(Jesper!$R$2:$R$366,ROW(INDEX(Jesper!AK$2:AK$366,ROUNDDOWN($C6836/24,0)+1,1))-1)+IF('Standard Profiles'!$G$21=$B$10,7,0)+IF('Standard Profiles'!$G$21=$B$17,14,0)+IF('Standard Profiles'!$G$21=$B$24,21,0),0)),0)</f>
        <v>0</v>
      </c>
      <c r="H6836" cm="1">
        <f t="array" ref="H6836">IFERROR(INDEX(Jesper!AL$2:AL$366,ROUNDDOWN($C6836/24,0)+1,1)*INDEX($D$3:$AA$30,INDEX(Jesper!$R$2:$R$366,ROW(INDEX(Jesper!AL$2:AL$366,ROUNDDOWN($C6836/24,0)+1,1))-1)+IF('Standard Profiles'!$G$22=$B$10,7,0)+IF('Standard Profiles'!$G$22=$B$17,14,0)+IF('Standard Profiles'!$G$22=$B$24,21,0),MOD($C6836,24)+1)/SUM(INDEX($D$3:$AA$30,INDEX(Jesper!$R$2:$R$366,ROW(INDEX(Jesper!AL$2:AL$366,ROUNDDOWN($C6836/24,0)+1,1))-1)+IF('Standard Profiles'!$G$22=$B$10,7,0)+IF('Standard Profiles'!$G$22=$B$17,14,0)+IF('Standard Profiles'!$G$22=$B$24,21,0),0)),0)</f>
        <v>0</v>
      </c>
      <c r="I6836">
        <f t="shared" si="762"/>
        <v>0.38054961047087144</v>
      </c>
      <c r="J6836">
        <f t="shared" si="763"/>
        <v>1.2684987015695715</v>
      </c>
      <c r="K6836">
        <f t="shared" si="764"/>
        <v>1.9027480523543572</v>
      </c>
      <c r="L6836">
        <f t="shared" si="765"/>
        <v>9.1331906513009145</v>
      </c>
      <c r="M6836">
        <f t="shared" si="766"/>
        <v>0</v>
      </c>
      <c r="N6836" s="46">
        <f t="shared" si="767"/>
        <v>45575.41666665017</v>
      </c>
    </row>
    <row r="6837" spans="2:14" x14ac:dyDescent="0.3">
      <c r="B6837">
        <f t="shared" si="761"/>
        <v>4</v>
      </c>
      <c r="C6837" s="16">
        <v>6803</v>
      </c>
      <c r="D6837" cm="1">
        <f t="array" ref="D6837">IFERROR(INDEX(Jesper!AH$2:AH$366,ROUNDDOWN($C6837/24,0)+1,1)*INDEX($D$3:$AA$30,INDEX(Jesper!$R$2:$R$366,ROW(INDEX(Jesper!AH$2:AH$366,ROUNDDOWN($C6837/24,0)+1,1))-1)+IF('Standard Profiles'!$G$18=$B$10,7,0)+IF('Standard Profiles'!$G$18=$B$17,14,0)+IF('Standard Profiles'!$G$18=$B$24,21,0),MOD($C6837,24)+1)/SUM(INDEX($D$3:$AA$30,INDEX(Jesper!$R$2:$R$366,ROW(INDEX(Jesper!AH$2:AH$366,ROUNDDOWN($C6837/24,0)+1,1))-1)+IF('Standard Profiles'!$G$18=$B$10,7,0)+IF('Standard Profiles'!$G$18=$B$17,14,0)+IF('Standard Profiles'!$G$18=$B$24,21,0),0)),0)</f>
        <v>14.636523479648902</v>
      </c>
      <c r="E6837" cm="1">
        <f t="array" ref="E6837">IFERROR(INDEX(Jesper!AI$2:AI$366,ROUNDDOWN($C6837/24,0)+1,1)*INDEX($D$3:$AA$30,INDEX(Jesper!$R$2:$R$366,ROW(INDEX(Jesper!AI$2:AI$366,ROUNDDOWN($C6837/24,0)+1,1))-1)+IF('Standard Profiles'!$G$19=$B$10,7,0)+IF('Standard Profiles'!$G$19=$B$17,14,0)+IF('Standard Profiles'!$G$19=$B$24,21,0),MOD($C6837,24)+1)/SUM(INDEX($D$3:$AA$30,INDEX(Jesper!$R$2:$R$366,ROW(INDEX(Jesper!AI$2:AI$366,ROUNDDOWN($C6837/24,0)+1,1))-1)+IF('Standard Profiles'!$G$19=$B$10,7,0)+IF('Standard Profiles'!$G$19=$B$17,14,0)+IF('Standard Profiles'!$G$19=$B$24,21,0),0)),0)</f>
        <v>0</v>
      </c>
      <c r="F6837" cm="1">
        <f t="array" ref="F6837">IFERROR(INDEX(Jesper!AJ$2:AJ$366,ROUNDDOWN($C6837/24,0)+1,1)*INDEX($D$3:$AA$30,INDEX(Jesper!$R$2:$R$366,ROW(INDEX(Jesper!AJ$2:AJ$366,ROUNDDOWN($C6837/24,0)+1,1))-1)+IF('Standard Profiles'!$G$20=$B$10,7,0)+IF('Standard Profiles'!$G$20=$B$17,14,0)+IF('Standard Profiles'!$G$20=$B$24,21,0),MOD($C6837,24)+1)/SUM(INDEX($D$3:$AA$30,INDEX(Jesper!$R$2:$R$366,ROW(INDEX(Jesper!AJ$2:AJ$366,ROUNDDOWN($C6837/24,0)+1,1))-1)+IF('Standard Profiles'!$G$20=$B$10,7,0)+IF('Standard Profiles'!$G$20=$B$17,14,0)+IF('Standard Profiles'!$G$20=$B$24,21,0),0)),0)</f>
        <v>0</v>
      </c>
      <c r="G6837" cm="1">
        <f t="array" ref="G6837">IFERROR(INDEX(Jesper!AK$2:AK$366,ROUNDDOWN($C6837/24,0)+1,1)*INDEX($D$3:$AA$30,INDEX(Jesper!$R$2:$R$366,ROW(INDEX(Jesper!AK$2:AK$366,ROUNDDOWN($C6837/24,0)+1,1))-1)+IF('Standard Profiles'!$G$21=$B$10,7,0)+IF('Standard Profiles'!$G$21=$B$17,14,0)+IF('Standard Profiles'!$G$21=$B$24,21,0),MOD($C6837,24)+1)/SUM(INDEX($D$3:$AA$30,INDEX(Jesper!$R$2:$R$366,ROW(INDEX(Jesper!AK$2:AK$366,ROUNDDOWN($C6837/24,0)+1,1))-1)+IF('Standard Profiles'!$G$21=$B$10,7,0)+IF('Standard Profiles'!$G$21=$B$17,14,0)+IF('Standard Profiles'!$G$21=$B$24,21,0),0)),0)</f>
        <v>0</v>
      </c>
      <c r="H6837" cm="1">
        <f t="array" ref="H6837">IFERROR(INDEX(Jesper!AL$2:AL$366,ROUNDDOWN($C6837/24,0)+1,1)*INDEX($D$3:$AA$30,INDEX(Jesper!$R$2:$R$366,ROW(INDEX(Jesper!AL$2:AL$366,ROUNDDOWN($C6837/24,0)+1,1))-1)+IF('Standard Profiles'!$G$22=$B$10,7,0)+IF('Standard Profiles'!$G$22=$B$17,14,0)+IF('Standard Profiles'!$G$22=$B$24,21,0),MOD($C6837,24)+1)/SUM(INDEX($D$3:$AA$30,INDEX(Jesper!$R$2:$R$366,ROW(INDEX(Jesper!AL$2:AL$366,ROUNDDOWN($C6837/24,0)+1,1))-1)+IF('Standard Profiles'!$G$22=$B$10,7,0)+IF('Standard Profiles'!$G$22=$B$17,14,0)+IF('Standard Profiles'!$G$22=$B$24,21,0),0)),0)</f>
        <v>0</v>
      </c>
      <c r="I6837">
        <f t="shared" si="762"/>
        <v>0.43909570438946705</v>
      </c>
      <c r="J6837">
        <f t="shared" si="763"/>
        <v>1.4636523479648904</v>
      </c>
      <c r="K6837">
        <f t="shared" si="764"/>
        <v>2.1954785219473352</v>
      </c>
      <c r="L6837">
        <f t="shared" si="765"/>
        <v>10.53829690534721</v>
      </c>
      <c r="M6837">
        <f t="shared" si="766"/>
        <v>0</v>
      </c>
      <c r="N6837" s="46">
        <f t="shared" si="767"/>
        <v>45575.458333316834</v>
      </c>
    </row>
    <row r="6838" spans="2:14" x14ac:dyDescent="0.3">
      <c r="B6838">
        <f t="shared" si="761"/>
        <v>4</v>
      </c>
      <c r="C6838" s="16">
        <v>6804</v>
      </c>
      <c r="D6838" cm="1">
        <f t="array" ref="D6838">IFERROR(INDEX(Jesper!AH$2:AH$366,ROUNDDOWN($C6838/24,0)+1,1)*INDEX($D$3:$AA$30,INDEX(Jesper!$R$2:$R$366,ROW(INDEX(Jesper!AH$2:AH$366,ROUNDDOWN($C6838/24,0)+1,1))-1)+IF('Standard Profiles'!$G$18=$B$10,7,0)+IF('Standard Profiles'!$G$18=$B$17,14,0)+IF('Standard Profiles'!$G$18=$B$24,21,0),MOD($C6838,24)+1)/SUM(INDEX($D$3:$AA$30,INDEX(Jesper!$R$2:$R$366,ROW(INDEX(Jesper!AH$2:AH$366,ROUNDDOWN($C6838/24,0)+1,1))-1)+IF('Standard Profiles'!$G$18=$B$10,7,0)+IF('Standard Profiles'!$G$18=$B$17,14,0)+IF('Standard Profiles'!$G$18=$B$24,21,0),0)),0)</f>
        <v>14.636523479648902</v>
      </c>
      <c r="E6838" cm="1">
        <f t="array" ref="E6838">IFERROR(INDEX(Jesper!AI$2:AI$366,ROUNDDOWN($C6838/24,0)+1,1)*INDEX($D$3:$AA$30,INDEX(Jesper!$R$2:$R$366,ROW(INDEX(Jesper!AI$2:AI$366,ROUNDDOWN($C6838/24,0)+1,1))-1)+IF('Standard Profiles'!$G$19=$B$10,7,0)+IF('Standard Profiles'!$G$19=$B$17,14,0)+IF('Standard Profiles'!$G$19=$B$24,21,0),MOD($C6838,24)+1)/SUM(INDEX($D$3:$AA$30,INDEX(Jesper!$R$2:$R$366,ROW(INDEX(Jesper!AI$2:AI$366,ROUNDDOWN($C6838/24,0)+1,1))-1)+IF('Standard Profiles'!$G$19=$B$10,7,0)+IF('Standard Profiles'!$G$19=$B$17,14,0)+IF('Standard Profiles'!$G$19=$B$24,21,0),0)),0)</f>
        <v>0</v>
      </c>
      <c r="F6838" cm="1">
        <f t="array" ref="F6838">IFERROR(INDEX(Jesper!AJ$2:AJ$366,ROUNDDOWN($C6838/24,0)+1,1)*INDEX($D$3:$AA$30,INDEX(Jesper!$R$2:$R$366,ROW(INDEX(Jesper!AJ$2:AJ$366,ROUNDDOWN($C6838/24,0)+1,1))-1)+IF('Standard Profiles'!$G$20=$B$10,7,0)+IF('Standard Profiles'!$G$20=$B$17,14,0)+IF('Standard Profiles'!$G$20=$B$24,21,0),MOD($C6838,24)+1)/SUM(INDEX($D$3:$AA$30,INDEX(Jesper!$R$2:$R$366,ROW(INDEX(Jesper!AJ$2:AJ$366,ROUNDDOWN($C6838/24,0)+1,1))-1)+IF('Standard Profiles'!$G$20=$B$10,7,0)+IF('Standard Profiles'!$G$20=$B$17,14,0)+IF('Standard Profiles'!$G$20=$B$24,21,0),0)),0)</f>
        <v>0</v>
      </c>
      <c r="G6838" cm="1">
        <f t="array" ref="G6838">IFERROR(INDEX(Jesper!AK$2:AK$366,ROUNDDOWN($C6838/24,0)+1,1)*INDEX($D$3:$AA$30,INDEX(Jesper!$R$2:$R$366,ROW(INDEX(Jesper!AK$2:AK$366,ROUNDDOWN($C6838/24,0)+1,1))-1)+IF('Standard Profiles'!$G$21=$B$10,7,0)+IF('Standard Profiles'!$G$21=$B$17,14,0)+IF('Standard Profiles'!$G$21=$B$24,21,0),MOD($C6838,24)+1)/SUM(INDEX($D$3:$AA$30,INDEX(Jesper!$R$2:$R$366,ROW(INDEX(Jesper!AK$2:AK$366,ROUNDDOWN($C6838/24,0)+1,1))-1)+IF('Standard Profiles'!$G$21=$B$10,7,0)+IF('Standard Profiles'!$G$21=$B$17,14,0)+IF('Standard Profiles'!$G$21=$B$24,21,0),0)),0)</f>
        <v>0</v>
      </c>
      <c r="H6838" cm="1">
        <f t="array" ref="H6838">IFERROR(INDEX(Jesper!AL$2:AL$366,ROUNDDOWN($C6838/24,0)+1,1)*INDEX($D$3:$AA$30,INDEX(Jesper!$R$2:$R$366,ROW(INDEX(Jesper!AL$2:AL$366,ROUNDDOWN($C6838/24,0)+1,1))-1)+IF('Standard Profiles'!$G$22=$B$10,7,0)+IF('Standard Profiles'!$G$22=$B$17,14,0)+IF('Standard Profiles'!$G$22=$B$24,21,0),MOD($C6838,24)+1)/SUM(INDEX($D$3:$AA$30,INDEX(Jesper!$R$2:$R$366,ROW(INDEX(Jesper!AL$2:AL$366,ROUNDDOWN($C6838/24,0)+1,1))-1)+IF('Standard Profiles'!$G$22=$B$10,7,0)+IF('Standard Profiles'!$G$22=$B$17,14,0)+IF('Standard Profiles'!$G$22=$B$24,21,0),0)),0)</f>
        <v>0</v>
      </c>
      <c r="I6838">
        <f t="shared" si="762"/>
        <v>0.43909570438946705</v>
      </c>
      <c r="J6838">
        <f t="shared" si="763"/>
        <v>1.4636523479648904</v>
      </c>
      <c r="K6838">
        <f t="shared" si="764"/>
        <v>2.1954785219473352</v>
      </c>
      <c r="L6838">
        <f t="shared" si="765"/>
        <v>10.53829690534721</v>
      </c>
      <c r="M6838">
        <f t="shared" si="766"/>
        <v>0</v>
      </c>
      <c r="N6838" s="46">
        <f t="shared" si="767"/>
        <v>45575.499999983498</v>
      </c>
    </row>
    <row r="6839" spans="2:14" x14ac:dyDescent="0.3">
      <c r="B6839">
        <f t="shared" si="761"/>
        <v>4</v>
      </c>
      <c r="C6839" s="16">
        <v>6805</v>
      </c>
      <c r="D6839" cm="1">
        <f t="array" ref="D6839">IFERROR(INDEX(Jesper!AH$2:AH$366,ROUNDDOWN($C6839/24,0)+1,1)*INDEX($D$3:$AA$30,INDEX(Jesper!$R$2:$R$366,ROW(INDEX(Jesper!AH$2:AH$366,ROUNDDOWN($C6839/24,0)+1,1))-1)+IF('Standard Profiles'!$G$18=$B$10,7,0)+IF('Standard Profiles'!$G$18=$B$17,14,0)+IF('Standard Profiles'!$G$18=$B$24,21,0),MOD($C6839,24)+1)/SUM(INDEX($D$3:$AA$30,INDEX(Jesper!$R$2:$R$366,ROW(INDEX(Jesper!AH$2:AH$366,ROUNDDOWN($C6839/24,0)+1,1))-1)+IF('Standard Profiles'!$G$18=$B$10,7,0)+IF('Standard Profiles'!$G$18=$B$17,14,0)+IF('Standard Profiles'!$G$18=$B$24,21,0),0)),0)</f>
        <v>14.636523479648902</v>
      </c>
      <c r="E6839" cm="1">
        <f t="array" ref="E6839">IFERROR(INDEX(Jesper!AI$2:AI$366,ROUNDDOWN($C6839/24,0)+1,1)*INDEX($D$3:$AA$30,INDEX(Jesper!$R$2:$R$366,ROW(INDEX(Jesper!AI$2:AI$366,ROUNDDOWN($C6839/24,0)+1,1))-1)+IF('Standard Profiles'!$G$19=$B$10,7,0)+IF('Standard Profiles'!$G$19=$B$17,14,0)+IF('Standard Profiles'!$G$19=$B$24,21,0),MOD($C6839,24)+1)/SUM(INDEX($D$3:$AA$30,INDEX(Jesper!$R$2:$R$366,ROW(INDEX(Jesper!AI$2:AI$366,ROUNDDOWN($C6839/24,0)+1,1))-1)+IF('Standard Profiles'!$G$19=$B$10,7,0)+IF('Standard Profiles'!$G$19=$B$17,14,0)+IF('Standard Profiles'!$G$19=$B$24,21,0),0)),0)</f>
        <v>0</v>
      </c>
      <c r="F6839" cm="1">
        <f t="array" ref="F6839">IFERROR(INDEX(Jesper!AJ$2:AJ$366,ROUNDDOWN($C6839/24,0)+1,1)*INDEX($D$3:$AA$30,INDEX(Jesper!$R$2:$R$366,ROW(INDEX(Jesper!AJ$2:AJ$366,ROUNDDOWN($C6839/24,0)+1,1))-1)+IF('Standard Profiles'!$G$20=$B$10,7,0)+IF('Standard Profiles'!$G$20=$B$17,14,0)+IF('Standard Profiles'!$G$20=$B$24,21,0),MOD($C6839,24)+1)/SUM(INDEX($D$3:$AA$30,INDEX(Jesper!$R$2:$R$366,ROW(INDEX(Jesper!AJ$2:AJ$366,ROUNDDOWN($C6839/24,0)+1,1))-1)+IF('Standard Profiles'!$G$20=$B$10,7,0)+IF('Standard Profiles'!$G$20=$B$17,14,0)+IF('Standard Profiles'!$G$20=$B$24,21,0),0)),0)</f>
        <v>0</v>
      </c>
      <c r="G6839" cm="1">
        <f t="array" ref="G6839">IFERROR(INDEX(Jesper!AK$2:AK$366,ROUNDDOWN($C6839/24,0)+1,1)*INDEX($D$3:$AA$30,INDEX(Jesper!$R$2:$R$366,ROW(INDEX(Jesper!AK$2:AK$366,ROUNDDOWN($C6839/24,0)+1,1))-1)+IF('Standard Profiles'!$G$21=$B$10,7,0)+IF('Standard Profiles'!$G$21=$B$17,14,0)+IF('Standard Profiles'!$G$21=$B$24,21,0),MOD($C6839,24)+1)/SUM(INDEX($D$3:$AA$30,INDEX(Jesper!$R$2:$R$366,ROW(INDEX(Jesper!AK$2:AK$366,ROUNDDOWN($C6839/24,0)+1,1))-1)+IF('Standard Profiles'!$G$21=$B$10,7,0)+IF('Standard Profiles'!$G$21=$B$17,14,0)+IF('Standard Profiles'!$G$21=$B$24,21,0),0)),0)</f>
        <v>0</v>
      </c>
      <c r="H6839" cm="1">
        <f t="array" ref="H6839">IFERROR(INDEX(Jesper!AL$2:AL$366,ROUNDDOWN($C6839/24,0)+1,1)*INDEX($D$3:$AA$30,INDEX(Jesper!$R$2:$R$366,ROW(INDEX(Jesper!AL$2:AL$366,ROUNDDOWN($C6839/24,0)+1,1))-1)+IF('Standard Profiles'!$G$22=$B$10,7,0)+IF('Standard Profiles'!$G$22=$B$17,14,0)+IF('Standard Profiles'!$G$22=$B$24,21,0),MOD($C6839,24)+1)/SUM(INDEX($D$3:$AA$30,INDEX(Jesper!$R$2:$R$366,ROW(INDEX(Jesper!AL$2:AL$366,ROUNDDOWN($C6839/24,0)+1,1))-1)+IF('Standard Profiles'!$G$22=$B$10,7,0)+IF('Standard Profiles'!$G$22=$B$17,14,0)+IF('Standard Profiles'!$G$22=$B$24,21,0),0)),0)</f>
        <v>0</v>
      </c>
      <c r="I6839">
        <f t="shared" si="762"/>
        <v>0.43909570438946705</v>
      </c>
      <c r="J6839">
        <f t="shared" si="763"/>
        <v>1.4636523479648904</v>
      </c>
      <c r="K6839">
        <f t="shared" si="764"/>
        <v>2.1954785219473352</v>
      </c>
      <c r="L6839">
        <f t="shared" si="765"/>
        <v>10.53829690534721</v>
      </c>
      <c r="M6839">
        <f t="shared" si="766"/>
        <v>0</v>
      </c>
      <c r="N6839" s="46">
        <f t="shared" si="767"/>
        <v>45575.541666650162</v>
      </c>
    </row>
    <row r="6840" spans="2:14" x14ac:dyDescent="0.3">
      <c r="B6840">
        <f t="shared" si="761"/>
        <v>4</v>
      </c>
      <c r="C6840" s="16">
        <v>6806</v>
      </c>
      <c r="D6840" cm="1">
        <f t="array" ref="D6840">IFERROR(INDEX(Jesper!AH$2:AH$366,ROUNDDOWN($C6840/24,0)+1,1)*INDEX($D$3:$AA$30,INDEX(Jesper!$R$2:$R$366,ROW(INDEX(Jesper!AH$2:AH$366,ROUNDDOWN($C6840/24,0)+1,1))-1)+IF('Standard Profiles'!$G$18=$B$10,7,0)+IF('Standard Profiles'!$G$18=$B$17,14,0)+IF('Standard Profiles'!$G$18=$B$24,21,0),MOD($C6840,24)+1)/SUM(INDEX($D$3:$AA$30,INDEX(Jesper!$R$2:$R$366,ROW(INDEX(Jesper!AH$2:AH$366,ROUNDDOWN($C6840/24,0)+1,1))-1)+IF('Standard Profiles'!$G$18=$B$10,7,0)+IF('Standard Profiles'!$G$18=$B$17,14,0)+IF('Standard Profiles'!$G$18=$B$24,21,0),0)),0)</f>
        <v>14.636523479648902</v>
      </c>
      <c r="E6840" cm="1">
        <f t="array" ref="E6840">IFERROR(INDEX(Jesper!AI$2:AI$366,ROUNDDOWN($C6840/24,0)+1,1)*INDEX($D$3:$AA$30,INDEX(Jesper!$R$2:$R$366,ROW(INDEX(Jesper!AI$2:AI$366,ROUNDDOWN($C6840/24,0)+1,1))-1)+IF('Standard Profiles'!$G$19=$B$10,7,0)+IF('Standard Profiles'!$G$19=$B$17,14,0)+IF('Standard Profiles'!$G$19=$B$24,21,0),MOD($C6840,24)+1)/SUM(INDEX($D$3:$AA$30,INDEX(Jesper!$R$2:$R$366,ROW(INDEX(Jesper!AI$2:AI$366,ROUNDDOWN($C6840/24,0)+1,1))-1)+IF('Standard Profiles'!$G$19=$B$10,7,0)+IF('Standard Profiles'!$G$19=$B$17,14,0)+IF('Standard Profiles'!$G$19=$B$24,21,0),0)),0)</f>
        <v>0</v>
      </c>
      <c r="F6840" cm="1">
        <f t="array" ref="F6840">IFERROR(INDEX(Jesper!AJ$2:AJ$366,ROUNDDOWN($C6840/24,0)+1,1)*INDEX($D$3:$AA$30,INDEX(Jesper!$R$2:$R$366,ROW(INDEX(Jesper!AJ$2:AJ$366,ROUNDDOWN($C6840/24,0)+1,1))-1)+IF('Standard Profiles'!$G$20=$B$10,7,0)+IF('Standard Profiles'!$G$20=$B$17,14,0)+IF('Standard Profiles'!$G$20=$B$24,21,0),MOD($C6840,24)+1)/SUM(INDEX($D$3:$AA$30,INDEX(Jesper!$R$2:$R$366,ROW(INDEX(Jesper!AJ$2:AJ$366,ROUNDDOWN($C6840/24,0)+1,1))-1)+IF('Standard Profiles'!$G$20=$B$10,7,0)+IF('Standard Profiles'!$G$20=$B$17,14,0)+IF('Standard Profiles'!$G$20=$B$24,21,0),0)),0)</f>
        <v>0</v>
      </c>
      <c r="G6840" cm="1">
        <f t="array" ref="G6840">IFERROR(INDEX(Jesper!AK$2:AK$366,ROUNDDOWN($C6840/24,0)+1,1)*INDEX($D$3:$AA$30,INDEX(Jesper!$R$2:$R$366,ROW(INDEX(Jesper!AK$2:AK$366,ROUNDDOWN($C6840/24,0)+1,1))-1)+IF('Standard Profiles'!$G$21=$B$10,7,0)+IF('Standard Profiles'!$G$21=$B$17,14,0)+IF('Standard Profiles'!$G$21=$B$24,21,0),MOD($C6840,24)+1)/SUM(INDEX($D$3:$AA$30,INDEX(Jesper!$R$2:$R$366,ROW(INDEX(Jesper!AK$2:AK$366,ROUNDDOWN($C6840/24,0)+1,1))-1)+IF('Standard Profiles'!$G$21=$B$10,7,0)+IF('Standard Profiles'!$G$21=$B$17,14,0)+IF('Standard Profiles'!$G$21=$B$24,21,0),0)),0)</f>
        <v>0</v>
      </c>
      <c r="H6840" cm="1">
        <f t="array" ref="H6840">IFERROR(INDEX(Jesper!AL$2:AL$366,ROUNDDOWN($C6840/24,0)+1,1)*INDEX($D$3:$AA$30,INDEX(Jesper!$R$2:$R$366,ROW(INDEX(Jesper!AL$2:AL$366,ROUNDDOWN($C6840/24,0)+1,1))-1)+IF('Standard Profiles'!$G$22=$B$10,7,0)+IF('Standard Profiles'!$G$22=$B$17,14,0)+IF('Standard Profiles'!$G$22=$B$24,21,0),MOD($C6840,24)+1)/SUM(INDEX($D$3:$AA$30,INDEX(Jesper!$R$2:$R$366,ROW(INDEX(Jesper!AL$2:AL$366,ROUNDDOWN($C6840/24,0)+1,1))-1)+IF('Standard Profiles'!$G$22=$B$10,7,0)+IF('Standard Profiles'!$G$22=$B$17,14,0)+IF('Standard Profiles'!$G$22=$B$24,21,0),0)),0)</f>
        <v>0</v>
      </c>
      <c r="I6840">
        <f t="shared" si="762"/>
        <v>0.43909570438946705</v>
      </c>
      <c r="J6840">
        <f t="shared" si="763"/>
        <v>1.4636523479648904</v>
      </c>
      <c r="K6840">
        <f t="shared" si="764"/>
        <v>2.1954785219473352</v>
      </c>
      <c r="L6840">
        <f t="shared" si="765"/>
        <v>10.53829690534721</v>
      </c>
      <c r="M6840">
        <f t="shared" si="766"/>
        <v>0</v>
      </c>
      <c r="N6840" s="46">
        <f t="shared" si="767"/>
        <v>45575.583333316827</v>
      </c>
    </row>
    <row r="6841" spans="2:14" x14ac:dyDescent="0.3">
      <c r="B6841">
        <f t="shared" si="761"/>
        <v>4</v>
      </c>
      <c r="C6841" s="16">
        <v>6807</v>
      </c>
      <c r="D6841" cm="1">
        <f t="array" ref="D6841">IFERROR(INDEX(Jesper!AH$2:AH$366,ROUNDDOWN($C6841/24,0)+1,1)*INDEX($D$3:$AA$30,INDEX(Jesper!$R$2:$R$366,ROW(INDEX(Jesper!AH$2:AH$366,ROUNDDOWN($C6841/24,0)+1,1))-1)+IF('Standard Profiles'!$G$18=$B$10,7,0)+IF('Standard Profiles'!$G$18=$B$17,14,0)+IF('Standard Profiles'!$G$18=$B$24,21,0),MOD($C6841,24)+1)/SUM(INDEX($D$3:$AA$30,INDEX(Jesper!$R$2:$R$366,ROW(INDEX(Jesper!AH$2:AH$366,ROUNDDOWN($C6841/24,0)+1,1))-1)+IF('Standard Profiles'!$G$18=$B$10,7,0)+IF('Standard Profiles'!$G$18=$B$17,14,0)+IF('Standard Profiles'!$G$18=$B$24,21,0),0)),0)</f>
        <v>14.636523479648902</v>
      </c>
      <c r="E6841" cm="1">
        <f t="array" ref="E6841">IFERROR(INDEX(Jesper!AI$2:AI$366,ROUNDDOWN($C6841/24,0)+1,1)*INDEX($D$3:$AA$30,INDEX(Jesper!$R$2:$R$366,ROW(INDEX(Jesper!AI$2:AI$366,ROUNDDOWN($C6841/24,0)+1,1))-1)+IF('Standard Profiles'!$G$19=$B$10,7,0)+IF('Standard Profiles'!$G$19=$B$17,14,0)+IF('Standard Profiles'!$G$19=$B$24,21,0),MOD($C6841,24)+1)/SUM(INDEX($D$3:$AA$30,INDEX(Jesper!$R$2:$R$366,ROW(INDEX(Jesper!AI$2:AI$366,ROUNDDOWN($C6841/24,0)+1,1))-1)+IF('Standard Profiles'!$G$19=$B$10,7,0)+IF('Standard Profiles'!$G$19=$B$17,14,0)+IF('Standard Profiles'!$G$19=$B$24,21,0),0)),0)</f>
        <v>0</v>
      </c>
      <c r="F6841" cm="1">
        <f t="array" ref="F6841">IFERROR(INDEX(Jesper!AJ$2:AJ$366,ROUNDDOWN($C6841/24,0)+1,1)*INDEX($D$3:$AA$30,INDEX(Jesper!$R$2:$R$366,ROW(INDEX(Jesper!AJ$2:AJ$366,ROUNDDOWN($C6841/24,0)+1,1))-1)+IF('Standard Profiles'!$G$20=$B$10,7,0)+IF('Standard Profiles'!$G$20=$B$17,14,0)+IF('Standard Profiles'!$G$20=$B$24,21,0),MOD($C6841,24)+1)/SUM(INDEX($D$3:$AA$30,INDEX(Jesper!$R$2:$R$366,ROW(INDEX(Jesper!AJ$2:AJ$366,ROUNDDOWN($C6841/24,0)+1,1))-1)+IF('Standard Profiles'!$G$20=$B$10,7,0)+IF('Standard Profiles'!$G$20=$B$17,14,0)+IF('Standard Profiles'!$G$20=$B$24,21,0),0)),0)</f>
        <v>0</v>
      </c>
      <c r="G6841" cm="1">
        <f t="array" ref="G6841">IFERROR(INDEX(Jesper!AK$2:AK$366,ROUNDDOWN($C6841/24,0)+1,1)*INDEX($D$3:$AA$30,INDEX(Jesper!$R$2:$R$366,ROW(INDEX(Jesper!AK$2:AK$366,ROUNDDOWN($C6841/24,0)+1,1))-1)+IF('Standard Profiles'!$G$21=$B$10,7,0)+IF('Standard Profiles'!$G$21=$B$17,14,0)+IF('Standard Profiles'!$G$21=$B$24,21,0),MOD($C6841,24)+1)/SUM(INDEX($D$3:$AA$30,INDEX(Jesper!$R$2:$R$366,ROW(INDEX(Jesper!AK$2:AK$366,ROUNDDOWN($C6841/24,0)+1,1))-1)+IF('Standard Profiles'!$G$21=$B$10,7,0)+IF('Standard Profiles'!$G$21=$B$17,14,0)+IF('Standard Profiles'!$G$21=$B$24,21,0),0)),0)</f>
        <v>0</v>
      </c>
      <c r="H6841" cm="1">
        <f t="array" ref="H6841">IFERROR(INDEX(Jesper!AL$2:AL$366,ROUNDDOWN($C6841/24,0)+1,1)*INDEX($D$3:$AA$30,INDEX(Jesper!$R$2:$R$366,ROW(INDEX(Jesper!AL$2:AL$366,ROUNDDOWN($C6841/24,0)+1,1))-1)+IF('Standard Profiles'!$G$22=$B$10,7,0)+IF('Standard Profiles'!$G$22=$B$17,14,0)+IF('Standard Profiles'!$G$22=$B$24,21,0),MOD($C6841,24)+1)/SUM(INDEX($D$3:$AA$30,INDEX(Jesper!$R$2:$R$366,ROW(INDEX(Jesper!AL$2:AL$366,ROUNDDOWN($C6841/24,0)+1,1))-1)+IF('Standard Profiles'!$G$22=$B$10,7,0)+IF('Standard Profiles'!$G$22=$B$17,14,0)+IF('Standard Profiles'!$G$22=$B$24,21,0),0)),0)</f>
        <v>0</v>
      </c>
      <c r="I6841">
        <f t="shared" si="762"/>
        <v>0.43909570438946705</v>
      </c>
      <c r="J6841">
        <f t="shared" si="763"/>
        <v>1.4636523479648904</v>
      </c>
      <c r="K6841">
        <f t="shared" si="764"/>
        <v>2.1954785219473352</v>
      </c>
      <c r="L6841">
        <f t="shared" si="765"/>
        <v>10.53829690534721</v>
      </c>
      <c r="M6841">
        <f t="shared" si="766"/>
        <v>0</v>
      </c>
      <c r="N6841" s="46">
        <f t="shared" si="767"/>
        <v>45575.624999983491</v>
      </c>
    </row>
    <row r="6842" spans="2:14" x14ac:dyDescent="0.3">
      <c r="B6842">
        <f t="shared" si="761"/>
        <v>4</v>
      </c>
      <c r="C6842" s="16">
        <v>6808</v>
      </c>
      <c r="D6842" cm="1">
        <f t="array" ref="D6842">IFERROR(INDEX(Jesper!AH$2:AH$366,ROUNDDOWN($C6842/24,0)+1,1)*INDEX($D$3:$AA$30,INDEX(Jesper!$R$2:$R$366,ROW(INDEX(Jesper!AH$2:AH$366,ROUNDDOWN($C6842/24,0)+1,1))-1)+IF('Standard Profiles'!$G$18=$B$10,7,0)+IF('Standard Profiles'!$G$18=$B$17,14,0)+IF('Standard Profiles'!$G$18=$B$24,21,0),MOD($C6842,24)+1)/SUM(INDEX($D$3:$AA$30,INDEX(Jesper!$R$2:$R$366,ROW(INDEX(Jesper!AH$2:AH$366,ROUNDDOWN($C6842/24,0)+1,1))-1)+IF('Standard Profiles'!$G$18=$B$10,7,0)+IF('Standard Profiles'!$G$18=$B$17,14,0)+IF('Standard Profiles'!$G$18=$B$24,21,0),0)),0)</f>
        <v>14.636523479648902</v>
      </c>
      <c r="E6842" cm="1">
        <f t="array" ref="E6842">IFERROR(INDEX(Jesper!AI$2:AI$366,ROUNDDOWN($C6842/24,0)+1,1)*INDEX($D$3:$AA$30,INDEX(Jesper!$R$2:$R$366,ROW(INDEX(Jesper!AI$2:AI$366,ROUNDDOWN($C6842/24,0)+1,1))-1)+IF('Standard Profiles'!$G$19=$B$10,7,0)+IF('Standard Profiles'!$G$19=$B$17,14,0)+IF('Standard Profiles'!$G$19=$B$24,21,0),MOD($C6842,24)+1)/SUM(INDEX($D$3:$AA$30,INDEX(Jesper!$R$2:$R$366,ROW(INDEX(Jesper!AI$2:AI$366,ROUNDDOWN($C6842/24,0)+1,1))-1)+IF('Standard Profiles'!$G$19=$B$10,7,0)+IF('Standard Profiles'!$G$19=$B$17,14,0)+IF('Standard Profiles'!$G$19=$B$24,21,0),0)),0)</f>
        <v>0</v>
      </c>
      <c r="F6842" cm="1">
        <f t="array" ref="F6842">IFERROR(INDEX(Jesper!AJ$2:AJ$366,ROUNDDOWN($C6842/24,0)+1,1)*INDEX($D$3:$AA$30,INDEX(Jesper!$R$2:$R$366,ROW(INDEX(Jesper!AJ$2:AJ$366,ROUNDDOWN($C6842/24,0)+1,1))-1)+IF('Standard Profiles'!$G$20=$B$10,7,0)+IF('Standard Profiles'!$G$20=$B$17,14,0)+IF('Standard Profiles'!$G$20=$B$24,21,0),MOD($C6842,24)+1)/SUM(INDEX($D$3:$AA$30,INDEX(Jesper!$R$2:$R$366,ROW(INDEX(Jesper!AJ$2:AJ$366,ROUNDDOWN($C6842/24,0)+1,1))-1)+IF('Standard Profiles'!$G$20=$B$10,7,0)+IF('Standard Profiles'!$G$20=$B$17,14,0)+IF('Standard Profiles'!$G$20=$B$24,21,0),0)),0)</f>
        <v>0</v>
      </c>
      <c r="G6842" cm="1">
        <f t="array" ref="G6842">IFERROR(INDEX(Jesper!AK$2:AK$366,ROUNDDOWN($C6842/24,0)+1,1)*INDEX($D$3:$AA$30,INDEX(Jesper!$R$2:$R$366,ROW(INDEX(Jesper!AK$2:AK$366,ROUNDDOWN($C6842/24,0)+1,1))-1)+IF('Standard Profiles'!$G$21=$B$10,7,0)+IF('Standard Profiles'!$G$21=$B$17,14,0)+IF('Standard Profiles'!$G$21=$B$24,21,0),MOD($C6842,24)+1)/SUM(INDEX($D$3:$AA$30,INDEX(Jesper!$R$2:$R$366,ROW(INDEX(Jesper!AK$2:AK$366,ROUNDDOWN($C6842/24,0)+1,1))-1)+IF('Standard Profiles'!$G$21=$B$10,7,0)+IF('Standard Profiles'!$G$21=$B$17,14,0)+IF('Standard Profiles'!$G$21=$B$24,21,0),0)),0)</f>
        <v>0</v>
      </c>
      <c r="H6842" cm="1">
        <f t="array" ref="H6842">IFERROR(INDEX(Jesper!AL$2:AL$366,ROUNDDOWN($C6842/24,0)+1,1)*INDEX($D$3:$AA$30,INDEX(Jesper!$R$2:$R$366,ROW(INDEX(Jesper!AL$2:AL$366,ROUNDDOWN($C6842/24,0)+1,1))-1)+IF('Standard Profiles'!$G$22=$B$10,7,0)+IF('Standard Profiles'!$G$22=$B$17,14,0)+IF('Standard Profiles'!$G$22=$B$24,21,0),MOD($C6842,24)+1)/SUM(INDEX($D$3:$AA$30,INDEX(Jesper!$R$2:$R$366,ROW(INDEX(Jesper!AL$2:AL$366,ROUNDDOWN($C6842/24,0)+1,1))-1)+IF('Standard Profiles'!$G$22=$B$10,7,0)+IF('Standard Profiles'!$G$22=$B$17,14,0)+IF('Standard Profiles'!$G$22=$B$24,21,0),0)),0)</f>
        <v>0</v>
      </c>
      <c r="I6842">
        <f t="shared" si="762"/>
        <v>0.43909570438946705</v>
      </c>
      <c r="J6842">
        <f t="shared" si="763"/>
        <v>1.4636523479648904</v>
      </c>
      <c r="K6842">
        <f t="shared" si="764"/>
        <v>2.1954785219473352</v>
      </c>
      <c r="L6842">
        <f t="shared" si="765"/>
        <v>10.53829690534721</v>
      </c>
      <c r="M6842">
        <f t="shared" si="766"/>
        <v>0</v>
      </c>
      <c r="N6842" s="46">
        <f t="shared" si="767"/>
        <v>45575.666666650155</v>
      </c>
    </row>
    <row r="6843" spans="2:14" x14ac:dyDescent="0.3">
      <c r="B6843">
        <f t="shared" si="761"/>
        <v>4</v>
      </c>
      <c r="C6843" s="16">
        <v>6809</v>
      </c>
      <c r="D6843" cm="1">
        <f t="array" ref="D6843">IFERROR(INDEX(Jesper!AH$2:AH$366,ROUNDDOWN($C6843/24,0)+1,1)*INDEX($D$3:$AA$30,INDEX(Jesper!$R$2:$R$366,ROW(INDEX(Jesper!AH$2:AH$366,ROUNDDOWN($C6843/24,0)+1,1))-1)+IF('Standard Profiles'!$G$18=$B$10,7,0)+IF('Standard Profiles'!$G$18=$B$17,14,0)+IF('Standard Profiles'!$G$18=$B$24,21,0),MOD($C6843,24)+1)/SUM(INDEX($D$3:$AA$30,INDEX(Jesper!$R$2:$R$366,ROW(INDEX(Jesper!AH$2:AH$366,ROUNDDOWN($C6843/24,0)+1,1))-1)+IF('Standard Profiles'!$G$18=$B$10,7,0)+IF('Standard Profiles'!$G$18=$B$17,14,0)+IF('Standard Profiles'!$G$18=$B$24,21,0),0)),0)</f>
        <v>14.636523479648902</v>
      </c>
      <c r="E6843" cm="1">
        <f t="array" ref="E6843">IFERROR(INDEX(Jesper!AI$2:AI$366,ROUNDDOWN($C6843/24,0)+1,1)*INDEX($D$3:$AA$30,INDEX(Jesper!$R$2:$R$366,ROW(INDEX(Jesper!AI$2:AI$366,ROUNDDOWN($C6843/24,0)+1,1))-1)+IF('Standard Profiles'!$G$19=$B$10,7,0)+IF('Standard Profiles'!$G$19=$B$17,14,0)+IF('Standard Profiles'!$G$19=$B$24,21,0),MOD($C6843,24)+1)/SUM(INDEX($D$3:$AA$30,INDEX(Jesper!$R$2:$R$366,ROW(INDEX(Jesper!AI$2:AI$366,ROUNDDOWN($C6843/24,0)+1,1))-1)+IF('Standard Profiles'!$G$19=$B$10,7,0)+IF('Standard Profiles'!$G$19=$B$17,14,0)+IF('Standard Profiles'!$G$19=$B$24,21,0),0)),0)</f>
        <v>0</v>
      </c>
      <c r="F6843" cm="1">
        <f t="array" ref="F6843">IFERROR(INDEX(Jesper!AJ$2:AJ$366,ROUNDDOWN($C6843/24,0)+1,1)*INDEX($D$3:$AA$30,INDEX(Jesper!$R$2:$R$366,ROW(INDEX(Jesper!AJ$2:AJ$366,ROUNDDOWN($C6843/24,0)+1,1))-1)+IF('Standard Profiles'!$G$20=$B$10,7,0)+IF('Standard Profiles'!$G$20=$B$17,14,0)+IF('Standard Profiles'!$G$20=$B$24,21,0),MOD($C6843,24)+1)/SUM(INDEX($D$3:$AA$30,INDEX(Jesper!$R$2:$R$366,ROW(INDEX(Jesper!AJ$2:AJ$366,ROUNDDOWN($C6843/24,0)+1,1))-1)+IF('Standard Profiles'!$G$20=$B$10,7,0)+IF('Standard Profiles'!$G$20=$B$17,14,0)+IF('Standard Profiles'!$G$20=$B$24,21,0),0)),0)</f>
        <v>0</v>
      </c>
      <c r="G6843" cm="1">
        <f t="array" ref="G6843">IFERROR(INDEX(Jesper!AK$2:AK$366,ROUNDDOWN($C6843/24,0)+1,1)*INDEX($D$3:$AA$30,INDEX(Jesper!$R$2:$R$366,ROW(INDEX(Jesper!AK$2:AK$366,ROUNDDOWN($C6843/24,0)+1,1))-1)+IF('Standard Profiles'!$G$21=$B$10,7,0)+IF('Standard Profiles'!$G$21=$B$17,14,0)+IF('Standard Profiles'!$G$21=$B$24,21,0),MOD($C6843,24)+1)/SUM(INDEX($D$3:$AA$30,INDEX(Jesper!$R$2:$R$366,ROW(INDEX(Jesper!AK$2:AK$366,ROUNDDOWN($C6843/24,0)+1,1))-1)+IF('Standard Profiles'!$G$21=$B$10,7,0)+IF('Standard Profiles'!$G$21=$B$17,14,0)+IF('Standard Profiles'!$G$21=$B$24,21,0),0)),0)</f>
        <v>0</v>
      </c>
      <c r="H6843" cm="1">
        <f t="array" ref="H6843">IFERROR(INDEX(Jesper!AL$2:AL$366,ROUNDDOWN($C6843/24,0)+1,1)*INDEX($D$3:$AA$30,INDEX(Jesper!$R$2:$R$366,ROW(INDEX(Jesper!AL$2:AL$366,ROUNDDOWN($C6843/24,0)+1,1))-1)+IF('Standard Profiles'!$G$22=$B$10,7,0)+IF('Standard Profiles'!$G$22=$B$17,14,0)+IF('Standard Profiles'!$G$22=$B$24,21,0),MOD($C6843,24)+1)/SUM(INDEX($D$3:$AA$30,INDEX(Jesper!$R$2:$R$366,ROW(INDEX(Jesper!AL$2:AL$366,ROUNDDOWN($C6843/24,0)+1,1))-1)+IF('Standard Profiles'!$G$22=$B$10,7,0)+IF('Standard Profiles'!$G$22=$B$17,14,0)+IF('Standard Profiles'!$G$22=$B$24,21,0),0)),0)</f>
        <v>0</v>
      </c>
      <c r="I6843">
        <f t="shared" si="762"/>
        <v>0.43909570438946705</v>
      </c>
      <c r="J6843">
        <f t="shared" si="763"/>
        <v>1.4636523479648904</v>
      </c>
      <c r="K6843">
        <f t="shared" si="764"/>
        <v>2.1954785219473352</v>
      </c>
      <c r="L6843">
        <f t="shared" si="765"/>
        <v>10.53829690534721</v>
      </c>
      <c r="M6843">
        <f t="shared" si="766"/>
        <v>0</v>
      </c>
      <c r="N6843" s="46">
        <f t="shared" si="767"/>
        <v>45575.708333316819</v>
      </c>
    </row>
    <row r="6844" spans="2:14" x14ac:dyDescent="0.3">
      <c r="B6844">
        <f t="shared" si="761"/>
        <v>4</v>
      </c>
      <c r="C6844" s="16">
        <v>6810</v>
      </c>
      <c r="D6844" cm="1">
        <f t="array" ref="D6844">IFERROR(INDEX(Jesper!AH$2:AH$366,ROUNDDOWN($C6844/24,0)+1,1)*INDEX($D$3:$AA$30,INDEX(Jesper!$R$2:$R$366,ROW(INDEX(Jesper!AH$2:AH$366,ROUNDDOWN($C6844/24,0)+1,1))-1)+IF('Standard Profiles'!$G$18=$B$10,7,0)+IF('Standard Profiles'!$G$18=$B$17,14,0)+IF('Standard Profiles'!$G$18=$B$24,21,0),MOD($C6844,24)+1)/SUM(INDEX($D$3:$AA$30,INDEX(Jesper!$R$2:$R$366,ROW(INDEX(Jesper!AH$2:AH$366,ROUNDDOWN($C6844/24,0)+1,1))-1)+IF('Standard Profiles'!$G$18=$B$10,7,0)+IF('Standard Profiles'!$G$18=$B$17,14,0)+IF('Standard Profiles'!$G$18=$B$24,21,0),0)),0)</f>
        <v>14.636523479648902</v>
      </c>
      <c r="E6844" cm="1">
        <f t="array" ref="E6844">IFERROR(INDEX(Jesper!AI$2:AI$366,ROUNDDOWN($C6844/24,0)+1,1)*INDEX($D$3:$AA$30,INDEX(Jesper!$R$2:$R$366,ROW(INDEX(Jesper!AI$2:AI$366,ROUNDDOWN($C6844/24,0)+1,1))-1)+IF('Standard Profiles'!$G$19=$B$10,7,0)+IF('Standard Profiles'!$G$19=$B$17,14,0)+IF('Standard Profiles'!$G$19=$B$24,21,0),MOD($C6844,24)+1)/SUM(INDEX($D$3:$AA$30,INDEX(Jesper!$R$2:$R$366,ROW(INDEX(Jesper!AI$2:AI$366,ROUNDDOWN($C6844/24,0)+1,1))-1)+IF('Standard Profiles'!$G$19=$B$10,7,0)+IF('Standard Profiles'!$G$19=$B$17,14,0)+IF('Standard Profiles'!$G$19=$B$24,21,0),0)),0)</f>
        <v>0</v>
      </c>
      <c r="F6844" cm="1">
        <f t="array" ref="F6844">IFERROR(INDEX(Jesper!AJ$2:AJ$366,ROUNDDOWN($C6844/24,0)+1,1)*INDEX($D$3:$AA$30,INDEX(Jesper!$R$2:$R$366,ROW(INDEX(Jesper!AJ$2:AJ$366,ROUNDDOWN($C6844/24,0)+1,1))-1)+IF('Standard Profiles'!$G$20=$B$10,7,0)+IF('Standard Profiles'!$G$20=$B$17,14,0)+IF('Standard Profiles'!$G$20=$B$24,21,0),MOD($C6844,24)+1)/SUM(INDEX($D$3:$AA$30,INDEX(Jesper!$R$2:$R$366,ROW(INDEX(Jesper!AJ$2:AJ$366,ROUNDDOWN($C6844/24,0)+1,1))-1)+IF('Standard Profiles'!$G$20=$B$10,7,0)+IF('Standard Profiles'!$G$20=$B$17,14,0)+IF('Standard Profiles'!$G$20=$B$24,21,0),0)),0)</f>
        <v>0</v>
      </c>
      <c r="G6844" cm="1">
        <f t="array" ref="G6844">IFERROR(INDEX(Jesper!AK$2:AK$366,ROUNDDOWN($C6844/24,0)+1,1)*INDEX($D$3:$AA$30,INDEX(Jesper!$R$2:$R$366,ROW(INDEX(Jesper!AK$2:AK$366,ROUNDDOWN($C6844/24,0)+1,1))-1)+IF('Standard Profiles'!$G$21=$B$10,7,0)+IF('Standard Profiles'!$G$21=$B$17,14,0)+IF('Standard Profiles'!$G$21=$B$24,21,0),MOD($C6844,24)+1)/SUM(INDEX($D$3:$AA$30,INDEX(Jesper!$R$2:$R$366,ROW(INDEX(Jesper!AK$2:AK$366,ROUNDDOWN($C6844/24,0)+1,1))-1)+IF('Standard Profiles'!$G$21=$B$10,7,0)+IF('Standard Profiles'!$G$21=$B$17,14,0)+IF('Standard Profiles'!$G$21=$B$24,21,0),0)),0)</f>
        <v>0</v>
      </c>
      <c r="H6844" cm="1">
        <f t="array" ref="H6844">IFERROR(INDEX(Jesper!AL$2:AL$366,ROUNDDOWN($C6844/24,0)+1,1)*INDEX($D$3:$AA$30,INDEX(Jesper!$R$2:$R$366,ROW(INDEX(Jesper!AL$2:AL$366,ROUNDDOWN($C6844/24,0)+1,1))-1)+IF('Standard Profiles'!$G$22=$B$10,7,0)+IF('Standard Profiles'!$G$22=$B$17,14,0)+IF('Standard Profiles'!$G$22=$B$24,21,0),MOD($C6844,24)+1)/SUM(INDEX($D$3:$AA$30,INDEX(Jesper!$R$2:$R$366,ROW(INDEX(Jesper!AL$2:AL$366,ROUNDDOWN($C6844/24,0)+1,1))-1)+IF('Standard Profiles'!$G$22=$B$10,7,0)+IF('Standard Profiles'!$G$22=$B$17,14,0)+IF('Standard Profiles'!$G$22=$B$24,21,0),0)),0)</f>
        <v>0</v>
      </c>
      <c r="I6844">
        <f t="shared" si="762"/>
        <v>0.43909570438946705</v>
      </c>
      <c r="J6844">
        <f t="shared" si="763"/>
        <v>1.4636523479648904</v>
      </c>
      <c r="K6844">
        <f t="shared" si="764"/>
        <v>2.1954785219473352</v>
      </c>
      <c r="L6844">
        <f t="shared" si="765"/>
        <v>10.53829690534721</v>
      </c>
      <c r="M6844">
        <f t="shared" si="766"/>
        <v>0</v>
      </c>
      <c r="N6844" s="46">
        <f t="shared" si="767"/>
        <v>45575.749999983484</v>
      </c>
    </row>
    <row r="6845" spans="2:14" x14ac:dyDescent="0.3">
      <c r="B6845">
        <f t="shared" si="761"/>
        <v>4</v>
      </c>
      <c r="C6845" s="16">
        <v>6811</v>
      </c>
      <c r="D6845" cm="1">
        <f t="array" ref="D6845">IFERROR(INDEX(Jesper!AH$2:AH$366,ROUNDDOWN($C6845/24,0)+1,1)*INDEX($D$3:$AA$30,INDEX(Jesper!$R$2:$R$366,ROW(INDEX(Jesper!AH$2:AH$366,ROUNDDOWN($C6845/24,0)+1,1))-1)+IF('Standard Profiles'!$G$18=$B$10,7,0)+IF('Standard Profiles'!$G$18=$B$17,14,0)+IF('Standard Profiles'!$G$18=$B$24,21,0),MOD($C6845,24)+1)/SUM(INDEX($D$3:$AA$30,INDEX(Jesper!$R$2:$R$366,ROW(INDEX(Jesper!AH$2:AH$366,ROUNDDOWN($C6845/24,0)+1,1))-1)+IF('Standard Profiles'!$G$18=$B$10,7,0)+IF('Standard Profiles'!$G$18=$B$17,14,0)+IF('Standard Profiles'!$G$18=$B$24,21,0),0)),0)</f>
        <v>12.197102899707419</v>
      </c>
      <c r="E6845" cm="1">
        <f t="array" ref="E6845">IFERROR(INDEX(Jesper!AI$2:AI$366,ROUNDDOWN($C6845/24,0)+1,1)*INDEX($D$3:$AA$30,INDEX(Jesper!$R$2:$R$366,ROW(INDEX(Jesper!AI$2:AI$366,ROUNDDOWN($C6845/24,0)+1,1))-1)+IF('Standard Profiles'!$G$19=$B$10,7,0)+IF('Standard Profiles'!$G$19=$B$17,14,0)+IF('Standard Profiles'!$G$19=$B$24,21,0),MOD($C6845,24)+1)/SUM(INDEX($D$3:$AA$30,INDEX(Jesper!$R$2:$R$366,ROW(INDEX(Jesper!AI$2:AI$366,ROUNDDOWN($C6845/24,0)+1,1))-1)+IF('Standard Profiles'!$G$19=$B$10,7,0)+IF('Standard Profiles'!$G$19=$B$17,14,0)+IF('Standard Profiles'!$G$19=$B$24,21,0),0)),0)</f>
        <v>0</v>
      </c>
      <c r="F6845" cm="1">
        <f t="array" ref="F6845">IFERROR(INDEX(Jesper!AJ$2:AJ$366,ROUNDDOWN($C6845/24,0)+1,1)*INDEX($D$3:$AA$30,INDEX(Jesper!$R$2:$R$366,ROW(INDEX(Jesper!AJ$2:AJ$366,ROUNDDOWN($C6845/24,0)+1,1))-1)+IF('Standard Profiles'!$G$20=$B$10,7,0)+IF('Standard Profiles'!$G$20=$B$17,14,0)+IF('Standard Profiles'!$G$20=$B$24,21,0),MOD($C6845,24)+1)/SUM(INDEX($D$3:$AA$30,INDEX(Jesper!$R$2:$R$366,ROW(INDEX(Jesper!AJ$2:AJ$366,ROUNDDOWN($C6845/24,0)+1,1))-1)+IF('Standard Profiles'!$G$20=$B$10,7,0)+IF('Standard Profiles'!$G$20=$B$17,14,0)+IF('Standard Profiles'!$G$20=$B$24,21,0),0)),0)</f>
        <v>0</v>
      </c>
      <c r="G6845" cm="1">
        <f t="array" ref="G6845">IFERROR(INDEX(Jesper!AK$2:AK$366,ROUNDDOWN($C6845/24,0)+1,1)*INDEX($D$3:$AA$30,INDEX(Jesper!$R$2:$R$366,ROW(INDEX(Jesper!AK$2:AK$366,ROUNDDOWN($C6845/24,0)+1,1))-1)+IF('Standard Profiles'!$G$21=$B$10,7,0)+IF('Standard Profiles'!$G$21=$B$17,14,0)+IF('Standard Profiles'!$G$21=$B$24,21,0),MOD($C6845,24)+1)/SUM(INDEX($D$3:$AA$30,INDEX(Jesper!$R$2:$R$366,ROW(INDEX(Jesper!AK$2:AK$366,ROUNDDOWN($C6845/24,0)+1,1))-1)+IF('Standard Profiles'!$G$21=$B$10,7,0)+IF('Standard Profiles'!$G$21=$B$17,14,0)+IF('Standard Profiles'!$G$21=$B$24,21,0),0)),0)</f>
        <v>0</v>
      </c>
      <c r="H6845" cm="1">
        <f t="array" ref="H6845">IFERROR(INDEX(Jesper!AL$2:AL$366,ROUNDDOWN($C6845/24,0)+1,1)*INDEX($D$3:$AA$30,INDEX(Jesper!$R$2:$R$366,ROW(INDEX(Jesper!AL$2:AL$366,ROUNDDOWN($C6845/24,0)+1,1))-1)+IF('Standard Profiles'!$G$22=$B$10,7,0)+IF('Standard Profiles'!$G$22=$B$17,14,0)+IF('Standard Profiles'!$G$22=$B$24,21,0),MOD($C6845,24)+1)/SUM(INDEX($D$3:$AA$30,INDEX(Jesper!$R$2:$R$366,ROW(INDEX(Jesper!AL$2:AL$366,ROUNDDOWN($C6845/24,0)+1,1))-1)+IF('Standard Profiles'!$G$22=$B$10,7,0)+IF('Standard Profiles'!$G$22=$B$17,14,0)+IF('Standard Profiles'!$G$22=$B$24,21,0),0)),0)</f>
        <v>0</v>
      </c>
      <c r="I6845">
        <f t="shared" si="762"/>
        <v>0.36591308699122255</v>
      </c>
      <c r="J6845">
        <f t="shared" si="763"/>
        <v>1.2197102899707419</v>
      </c>
      <c r="K6845">
        <f t="shared" si="764"/>
        <v>1.8295654349561128</v>
      </c>
      <c r="L6845">
        <f t="shared" si="765"/>
        <v>8.7819140877893407</v>
      </c>
      <c r="M6845">
        <f t="shared" si="766"/>
        <v>0</v>
      </c>
      <c r="N6845" s="46">
        <f t="shared" si="767"/>
        <v>45575.791666650148</v>
      </c>
    </row>
    <row r="6846" spans="2:14" x14ac:dyDescent="0.3">
      <c r="B6846">
        <f t="shared" si="761"/>
        <v>4</v>
      </c>
      <c r="C6846" s="16">
        <v>6812</v>
      </c>
      <c r="D6846" cm="1">
        <f t="array" ref="D6846">IFERROR(INDEX(Jesper!AH$2:AH$366,ROUNDDOWN($C6846/24,0)+1,1)*INDEX($D$3:$AA$30,INDEX(Jesper!$R$2:$R$366,ROW(INDEX(Jesper!AH$2:AH$366,ROUNDDOWN($C6846/24,0)+1,1))-1)+IF('Standard Profiles'!$G$18=$B$10,7,0)+IF('Standard Profiles'!$G$18=$B$17,14,0)+IF('Standard Profiles'!$G$18=$B$24,21,0),MOD($C6846,24)+1)/SUM(INDEX($D$3:$AA$30,INDEX(Jesper!$R$2:$R$366,ROW(INDEX(Jesper!AH$2:AH$366,ROUNDDOWN($C6846/24,0)+1,1))-1)+IF('Standard Profiles'!$G$18=$B$10,7,0)+IF('Standard Profiles'!$G$18=$B$17,14,0)+IF('Standard Profiles'!$G$18=$B$24,21,0),0)),0)</f>
        <v>9.7576823197659355</v>
      </c>
      <c r="E6846" cm="1">
        <f t="array" ref="E6846">IFERROR(INDEX(Jesper!AI$2:AI$366,ROUNDDOWN($C6846/24,0)+1,1)*INDEX($D$3:$AA$30,INDEX(Jesper!$R$2:$R$366,ROW(INDEX(Jesper!AI$2:AI$366,ROUNDDOWN($C6846/24,0)+1,1))-1)+IF('Standard Profiles'!$G$19=$B$10,7,0)+IF('Standard Profiles'!$G$19=$B$17,14,0)+IF('Standard Profiles'!$G$19=$B$24,21,0),MOD($C6846,24)+1)/SUM(INDEX($D$3:$AA$30,INDEX(Jesper!$R$2:$R$366,ROW(INDEX(Jesper!AI$2:AI$366,ROUNDDOWN($C6846/24,0)+1,1))-1)+IF('Standard Profiles'!$G$19=$B$10,7,0)+IF('Standard Profiles'!$G$19=$B$17,14,0)+IF('Standard Profiles'!$G$19=$B$24,21,0),0)),0)</f>
        <v>0</v>
      </c>
      <c r="F6846" cm="1">
        <f t="array" ref="F6846">IFERROR(INDEX(Jesper!AJ$2:AJ$366,ROUNDDOWN($C6846/24,0)+1,1)*INDEX($D$3:$AA$30,INDEX(Jesper!$R$2:$R$366,ROW(INDEX(Jesper!AJ$2:AJ$366,ROUNDDOWN($C6846/24,0)+1,1))-1)+IF('Standard Profiles'!$G$20=$B$10,7,0)+IF('Standard Profiles'!$G$20=$B$17,14,0)+IF('Standard Profiles'!$G$20=$B$24,21,0),MOD($C6846,24)+1)/SUM(INDEX($D$3:$AA$30,INDEX(Jesper!$R$2:$R$366,ROW(INDEX(Jesper!AJ$2:AJ$366,ROUNDDOWN($C6846/24,0)+1,1))-1)+IF('Standard Profiles'!$G$20=$B$10,7,0)+IF('Standard Profiles'!$G$20=$B$17,14,0)+IF('Standard Profiles'!$G$20=$B$24,21,0),0)),0)</f>
        <v>0</v>
      </c>
      <c r="G6846" cm="1">
        <f t="array" ref="G6846">IFERROR(INDEX(Jesper!AK$2:AK$366,ROUNDDOWN($C6846/24,0)+1,1)*INDEX($D$3:$AA$30,INDEX(Jesper!$R$2:$R$366,ROW(INDEX(Jesper!AK$2:AK$366,ROUNDDOWN($C6846/24,0)+1,1))-1)+IF('Standard Profiles'!$G$21=$B$10,7,0)+IF('Standard Profiles'!$G$21=$B$17,14,0)+IF('Standard Profiles'!$G$21=$B$24,21,0),MOD($C6846,24)+1)/SUM(INDEX($D$3:$AA$30,INDEX(Jesper!$R$2:$R$366,ROW(INDEX(Jesper!AK$2:AK$366,ROUNDDOWN($C6846/24,0)+1,1))-1)+IF('Standard Profiles'!$G$21=$B$10,7,0)+IF('Standard Profiles'!$G$21=$B$17,14,0)+IF('Standard Profiles'!$G$21=$B$24,21,0),0)),0)</f>
        <v>0</v>
      </c>
      <c r="H6846" cm="1">
        <f t="array" ref="H6846">IFERROR(INDEX(Jesper!AL$2:AL$366,ROUNDDOWN($C6846/24,0)+1,1)*INDEX($D$3:$AA$30,INDEX(Jesper!$R$2:$R$366,ROW(INDEX(Jesper!AL$2:AL$366,ROUNDDOWN($C6846/24,0)+1,1))-1)+IF('Standard Profiles'!$G$22=$B$10,7,0)+IF('Standard Profiles'!$G$22=$B$17,14,0)+IF('Standard Profiles'!$G$22=$B$24,21,0),MOD($C6846,24)+1)/SUM(INDEX($D$3:$AA$30,INDEX(Jesper!$R$2:$R$366,ROW(INDEX(Jesper!AL$2:AL$366,ROUNDDOWN($C6846/24,0)+1,1))-1)+IF('Standard Profiles'!$G$22=$B$10,7,0)+IF('Standard Profiles'!$G$22=$B$17,14,0)+IF('Standard Profiles'!$G$22=$B$24,21,0),0)),0)</f>
        <v>0</v>
      </c>
      <c r="I6846">
        <f t="shared" si="762"/>
        <v>0.29273046959297805</v>
      </c>
      <c r="J6846">
        <f t="shared" si="763"/>
        <v>0.97576823197659357</v>
      </c>
      <c r="K6846">
        <f t="shared" si="764"/>
        <v>1.4636523479648902</v>
      </c>
      <c r="L6846">
        <f t="shared" si="765"/>
        <v>7.0255312702314736</v>
      </c>
      <c r="M6846">
        <f t="shared" si="766"/>
        <v>0</v>
      </c>
      <c r="N6846" s="46">
        <f t="shared" si="767"/>
        <v>45575.833333316812</v>
      </c>
    </row>
    <row r="6847" spans="2:14" x14ac:dyDescent="0.3">
      <c r="B6847">
        <f t="shared" si="761"/>
        <v>4</v>
      </c>
      <c r="C6847" s="16">
        <v>6813</v>
      </c>
      <c r="D6847" cm="1">
        <f t="array" ref="D6847">IFERROR(INDEX(Jesper!AH$2:AH$366,ROUNDDOWN($C6847/24,0)+1,1)*INDEX($D$3:$AA$30,INDEX(Jesper!$R$2:$R$366,ROW(INDEX(Jesper!AH$2:AH$366,ROUNDDOWN($C6847/24,0)+1,1))-1)+IF('Standard Profiles'!$G$18=$B$10,7,0)+IF('Standard Profiles'!$G$18=$B$17,14,0)+IF('Standard Profiles'!$G$18=$B$24,21,0),MOD($C6847,24)+1)/SUM(INDEX($D$3:$AA$30,INDEX(Jesper!$R$2:$R$366,ROW(INDEX(Jesper!AH$2:AH$366,ROUNDDOWN($C6847/24,0)+1,1))-1)+IF('Standard Profiles'!$G$18=$B$10,7,0)+IF('Standard Profiles'!$G$18=$B$17,14,0)+IF('Standard Profiles'!$G$18=$B$24,21,0),0)),0)</f>
        <v>7.3182617398244512</v>
      </c>
      <c r="E6847" cm="1">
        <f t="array" ref="E6847">IFERROR(INDEX(Jesper!AI$2:AI$366,ROUNDDOWN($C6847/24,0)+1,1)*INDEX($D$3:$AA$30,INDEX(Jesper!$R$2:$R$366,ROW(INDEX(Jesper!AI$2:AI$366,ROUNDDOWN($C6847/24,0)+1,1))-1)+IF('Standard Profiles'!$G$19=$B$10,7,0)+IF('Standard Profiles'!$G$19=$B$17,14,0)+IF('Standard Profiles'!$G$19=$B$24,21,0),MOD($C6847,24)+1)/SUM(INDEX($D$3:$AA$30,INDEX(Jesper!$R$2:$R$366,ROW(INDEX(Jesper!AI$2:AI$366,ROUNDDOWN($C6847/24,0)+1,1))-1)+IF('Standard Profiles'!$G$19=$B$10,7,0)+IF('Standard Profiles'!$G$19=$B$17,14,0)+IF('Standard Profiles'!$G$19=$B$24,21,0),0)),0)</f>
        <v>0</v>
      </c>
      <c r="F6847" cm="1">
        <f t="array" ref="F6847">IFERROR(INDEX(Jesper!AJ$2:AJ$366,ROUNDDOWN($C6847/24,0)+1,1)*INDEX($D$3:$AA$30,INDEX(Jesper!$R$2:$R$366,ROW(INDEX(Jesper!AJ$2:AJ$366,ROUNDDOWN($C6847/24,0)+1,1))-1)+IF('Standard Profiles'!$G$20=$B$10,7,0)+IF('Standard Profiles'!$G$20=$B$17,14,0)+IF('Standard Profiles'!$G$20=$B$24,21,0),MOD($C6847,24)+1)/SUM(INDEX($D$3:$AA$30,INDEX(Jesper!$R$2:$R$366,ROW(INDEX(Jesper!AJ$2:AJ$366,ROUNDDOWN($C6847/24,0)+1,1))-1)+IF('Standard Profiles'!$G$20=$B$10,7,0)+IF('Standard Profiles'!$G$20=$B$17,14,0)+IF('Standard Profiles'!$G$20=$B$24,21,0),0)),0)</f>
        <v>0</v>
      </c>
      <c r="G6847" cm="1">
        <f t="array" ref="G6847">IFERROR(INDEX(Jesper!AK$2:AK$366,ROUNDDOWN($C6847/24,0)+1,1)*INDEX($D$3:$AA$30,INDEX(Jesper!$R$2:$R$366,ROW(INDEX(Jesper!AK$2:AK$366,ROUNDDOWN($C6847/24,0)+1,1))-1)+IF('Standard Profiles'!$G$21=$B$10,7,0)+IF('Standard Profiles'!$G$21=$B$17,14,0)+IF('Standard Profiles'!$G$21=$B$24,21,0),MOD($C6847,24)+1)/SUM(INDEX($D$3:$AA$30,INDEX(Jesper!$R$2:$R$366,ROW(INDEX(Jesper!AK$2:AK$366,ROUNDDOWN($C6847/24,0)+1,1))-1)+IF('Standard Profiles'!$G$21=$B$10,7,0)+IF('Standard Profiles'!$G$21=$B$17,14,0)+IF('Standard Profiles'!$G$21=$B$24,21,0),0)),0)</f>
        <v>0</v>
      </c>
      <c r="H6847" cm="1">
        <f t="array" ref="H6847">IFERROR(INDEX(Jesper!AL$2:AL$366,ROUNDDOWN($C6847/24,0)+1,1)*INDEX($D$3:$AA$30,INDEX(Jesper!$R$2:$R$366,ROW(INDEX(Jesper!AL$2:AL$366,ROUNDDOWN($C6847/24,0)+1,1))-1)+IF('Standard Profiles'!$G$22=$B$10,7,0)+IF('Standard Profiles'!$G$22=$B$17,14,0)+IF('Standard Profiles'!$G$22=$B$24,21,0),MOD($C6847,24)+1)/SUM(INDEX($D$3:$AA$30,INDEX(Jesper!$R$2:$R$366,ROW(INDEX(Jesper!AL$2:AL$366,ROUNDDOWN($C6847/24,0)+1,1))-1)+IF('Standard Profiles'!$G$22=$B$10,7,0)+IF('Standard Profiles'!$G$22=$B$17,14,0)+IF('Standard Profiles'!$G$22=$B$24,21,0),0)),0)</f>
        <v>0</v>
      </c>
      <c r="I6847">
        <f t="shared" si="762"/>
        <v>0.21954785219473352</v>
      </c>
      <c r="J6847">
        <f t="shared" si="763"/>
        <v>0.73182617398244521</v>
      </c>
      <c r="K6847">
        <f t="shared" si="764"/>
        <v>1.0977392609736676</v>
      </c>
      <c r="L6847">
        <f t="shared" si="765"/>
        <v>5.2691484526736048</v>
      </c>
      <c r="M6847">
        <f t="shared" si="766"/>
        <v>0</v>
      </c>
      <c r="N6847" s="46">
        <f t="shared" si="767"/>
        <v>45575.874999983476</v>
      </c>
    </row>
    <row r="6848" spans="2:14" x14ac:dyDescent="0.3">
      <c r="B6848">
        <f t="shared" si="761"/>
        <v>4</v>
      </c>
      <c r="C6848" s="16">
        <v>6814</v>
      </c>
      <c r="D6848" cm="1">
        <f t="array" ref="D6848">IFERROR(INDEX(Jesper!AH$2:AH$366,ROUNDDOWN($C6848/24,0)+1,1)*INDEX($D$3:$AA$30,INDEX(Jesper!$R$2:$R$366,ROW(INDEX(Jesper!AH$2:AH$366,ROUNDDOWN($C6848/24,0)+1,1))-1)+IF('Standard Profiles'!$G$18=$B$10,7,0)+IF('Standard Profiles'!$G$18=$B$17,14,0)+IF('Standard Profiles'!$G$18=$B$24,21,0),MOD($C6848,24)+1)/SUM(INDEX($D$3:$AA$30,INDEX(Jesper!$R$2:$R$366,ROW(INDEX(Jesper!AH$2:AH$366,ROUNDDOWN($C6848/24,0)+1,1))-1)+IF('Standard Profiles'!$G$18=$B$10,7,0)+IF('Standard Profiles'!$G$18=$B$17,14,0)+IF('Standard Profiles'!$G$18=$B$24,21,0),0)),0)</f>
        <v>7.3182617398244512</v>
      </c>
      <c r="E6848" cm="1">
        <f t="array" ref="E6848">IFERROR(INDEX(Jesper!AI$2:AI$366,ROUNDDOWN($C6848/24,0)+1,1)*INDEX($D$3:$AA$30,INDEX(Jesper!$R$2:$R$366,ROW(INDEX(Jesper!AI$2:AI$366,ROUNDDOWN($C6848/24,0)+1,1))-1)+IF('Standard Profiles'!$G$19=$B$10,7,0)+IF('Standard Profiles'!$G$19=$B$17,14,0)+IF('Standard Profiles'!$G$19=$B$24,21,0),MOD($C6848,24)+1)/SUM(INDEX($D$3:$AA$30,INDEX(Jesper!$R$2:$R$366,ROW(INDEX(Jesper!AI$2:AI$366,ROUNDDOWN($C6848/24,0)+1,1))-1)+IF('Standard Profiles'!$G$19=$B$10,7,0)+IF('Standard Profiles'!$G$19=$B$17,14,0)+IF('Standard Profiles'!$G$19=$B$24,21,0),0)),0)</f>
        <v>0</v>
      </c>
      <c r="F6848" cm="1">
        <f t="array" ref="F6848">IFERROR(INDEX(Jesper!AJ$2:AJ$366,ROUNDDOWN($C6848/24,0)+1,1)*INDEX($D$3:$AA$30,INDEX(Jesper!$R$2:$R$366,ROW(INDEX(Jesper!AJ$2:AJ$366,ROUNDDOWN($C6848/24,0)+1,1))-1)+IF('Standard Profiles'!$G$20=$B$10,7,0)+IF('Standard Profiles'!$G$20=$B$17,14,0)+IF('Standard Profiles'!$G$20=$B$24,21,0),MOD($C6848,24)+1)/SUM(INDEX($D$3:$AA$30,INDEX(Jesper!$R$2:$R$366,ROW(INDEX(Jesper!AJ$2:AJ$366,ROUNDDOWN($C6848/24,0)+1,1))-1)+IF('Standard Profiles'!$G$20=$B$10,7,0)+IF('Standard Profiles'!$G$20=$B$17,14,0)+IF('Standard Profiles'!$G$20=$B$24,21,0),0)),0)</f>
        <v>0</v>
      </c>
      <c r="G6848" cm="1">
        <f t="array" ref="G6848">IFERROR(INDEX(Jesper!AK$2:AK$366,ROUNDDOWN($C6848/24,0)+1,1)*INDEX($D$3:$AA$30,INDEX(Jesper!$R$2:$R$366,ROW(INDEX(Jesper!AK$2:AK$366,ROUNDDOWN($C6848/24,0)+1,1))-1)+IF('Standard Profiles'!$G$21=$B$10,7,0)+IF('Standard Profiles'!$G$21=$B$17,14,0)+IF('Standard Profiles'!$G$21=$B$24,21,0),MOD($C6848,24)+1)/SUM(INDEX($D$3:$AA$30,INDEX(Jesper!$R$2:$R$366,ROW(INDEX(Jesper!AK$2:AK$366,ROUNDDOWN($C6848/24,0)+1,1))-1)+IF('Standard Profiles'!$G$21=$B$10,7,0)+IF('Standard Profiles'!$G$21=$B$17,14,0)+IF('Standard Profiles'!$G$21=$B$24,21,0),0)),0)</f>
        <v>0</v>
      </c>
      <c r="H6848" cm="1">
        <f t="array" ref="H6848">IFERROR(INDEX(Jesper!AL$2:AL$366,ROUNDDOWN($C6848/24,0)+1,1)*INDEX($D$3:$AA$30,INDEX(Jesper!$R$2:$R$366,ROW(INDEX(Jesper!AL$2:AL$366,ROUNDDOWN($C6848/24,0)+1,1))-1)+IF('Standard Profiles'!$G$22=$B$10,7,0)+IF('Standard Profiles'!$G$22=$B$17,14,0)+IF('Standard Profiles'!$G$22=$B$24,21,0),MOD($C6848,24)+1)/SUM(INDEX($D$3:$AA$30,INDEX(Jesper!$R$2:$R$366,ROW(INDEX(Jesper!AL$2:AL$366,ROUNDDOWN($C6848/24,0)+1,1))-1)+IF('Standard Profiles'!$G$22=$B$10,7,0)+IF('Standard Profiles'!$G$22=$B$17,14,0)+IF('Standard Profiles'!$G$22=$B$24,21,0),0)),0)</f>
        <v>0</v>
      </c>
      <c r="I6848">
        <f t="shared" si="762"/>
        <v>0.21954785219473352</v>
      </c>
      <c r="J6848">
        <f t="shared" si="763"/>
        <v>0.73182617398244521</v>
      </c>
      <c r="K6848">
        <f t="shared" si="764"/>
        <v>1.0977392609736676</v>
      </c>
      <c r="L6848">
        <f t="shared" si="765"/>
        <v>5.2691484526736048</v>
      </c>
      <c r="M6848">
        <f t="shared" si="766"/>
        <v>0</v>
      </c>
      <c r="N6848" s="46">
        <f t="shared" si="767"/>
        <v>45575.916666650141</v>
      </c>
    </row>
    <row r="6849" spans="2:14" x14ac:dyDescent="0.3">
      <c r="B6849">
        <f t="shared" si="761"/>
        <v>4</v>
      </c>
      <c r="C6849" s="16">
        <v>6815</v>
      </c>
      <c r="D6849" cm="1">
        <f t="array" ref="D6849">IFERROR(INDEX(Jesper!AH$2:AH$366,ROUNDDOWN($C6849/24,0)+1,1)*INDEX($D$3:$AA$30,INDEX(Jesper!$R$2:$R$366,ROW(INDEX(Jesper!AH$2:AH$366,ROUNDDOWN($C6849/24,0)+1,1))-1)+IF('Standard Profiles'!$G$18=$B$10,7,0)+IF('Standard Profiles'!$G$18=$B$17,14,0)+IF('Standard Profiles'!$G$18=$B$24,21,0),MOD($C6849,24)+1)/SUM(INDEX($D$3:$AA$30,INDEX(Jesper!$R$2:$R$366,ROW(INDEX(Jesper!AH$2:AH$366,ROUNDDOWN($C6849/24,0)+1,1))-1)+IF('Standard Profiles'!$G$18=$B$10,7,0)+IF('Standard Profiles'!$G$18=$B$17,14,0)+IF('Standard Profiles'!$G$18=$B$24,21,0),0)),0)</f>
        <v>7.3182617398244512</v>
      </c>
      <c r="E6849" cm="1">
        <f t="array" ref="E6849">IFERROR(INDEX(Jesper!AI$2:AI$366,ROUNDDOWN($C6849/24,0)+1,1)*INDEX($D$3:$AA$30,INDEX(Jesper!$R$2:$R$366,ROW(INDEX(Jesper!AI$2:AI$366,ROUNDDOWN($C6849/24,0)+1,1))-1)+IF('Standard Profiles'!$G$19=$B$10,7,0)+IF('Standard Profiles'!$G$19=$B$17,14,0)+IF('Standard Profiles'!$G$19=$B$24,21,0),MOD($C6849,24)+1)/SUM(INDEX($D$3:$AA$30,INDEX(Jesper!$R$2:$R$366,ROW(INDEX(Jesper!AI$2:AI$366,ROUNDDOWN($C6849/24,0)+1,1))-1)+IF('Standard Profiles'!$G$19=$B$10,7,0)+IF('Standard Profiles'!$G$19=$B$17,14,0)+IF('Standard Profiles'!$G$19=$B$24,21,0),0)),0)</f>
        <v>0</v>
      </c>
      <c r="F6849" cm="1">
        <f t="array" ref="F6849">IFERROR(INDEX(Jesper!AJ$2:AJ$366,ROUNDDOWN($C6849/24,0)+1,1)*INDEX($D$3:$AA$30,INDEX(Jesper!$R$2:$R$366,ROW(INDEX(Jesper!AJ$2:AJ$366,ROUNDDOWN($C6849/24,0)+1,1))-1)+IF('Standard Profiles'!$G$20=$B$10,7,0)+IF('Standard Profiles'!$G$20=$B$17,14,0)+IF('Standard Profiles'!$G$20=$B$24,21,0),MOD($C6849,24)+1)/SUM(INDEX($D$3:$AA$30,INDEX(Jesper!$R$2:$R$366,ROW(INDEX(Jesper!AJ$2:AJ$366,ROUNDDOWN($C6849/24,0)+1,1))-1)+IF('Standard Profiles'!$G$20=$B$10,7,0)+IF('Standard Profiles'!$G$20=$B$17,14,0)+IF('Standard Profiles'!$G$20=$B$24,21,0),0)),0)</f>
        <v>0</v>
      </c>
      <c r="G6849" cm="1">
        <f t="array" ref="G6849">IFERROR(INDEX(Jesper!AK$2:AK$366,ROUNDDOWN($C6849/24,0)+1,1)*INDEX($D$3:$AA$30,INDEX(Jesper!$R$2:$R$366,ROW(INDEX(Jesper!AK$2:AK$366,ROUNDDOWN($C6849/24,0)+1,1))-1)+IF('Standard Profiles'!$G$21=$B$10,7,0)+IF('Standard Profiles'!$G$21=$B$17,14,0)+IF('Standard Profiles'!$G$21=$B$24,21,0),MOD($C6849,24)+1)/SUM(INDEX($D$3:$AA$30,INDEX(Jesper!$R$2:$R$366,ROW(INDEX(Jesper!AK$2:AK$366,ROUNDDOWN($C6849/24,0)+1,1))-1)+IF('Standard Profiles'!$G$21=$B$10,7,0)+IF('Standard Profiles'!$G$21=$B$17,14,0)+IF('Standard Profiles'!$G$21=$B$24,21,0),0)),0)</f>
        <v>0</v>
      </c>
      <c r="H6849" cm="1">
        <f t="array" ref="H6849">IFERROR(INDEX(Jesper!AL$2:AL$366,ROUNDDOWN($C6849/24,0)+1,1)*INDEX($D$3:$AA$30,INDEX(Jesper!$R$2:$R$366,ROW(INDEX(Jesper!AL$2:AL$366,ROUNDDOWN($C6849/24,0)+1,1))-1)+IF('Standard Profiles'!$G$22=$B$10,7,0)+IF('Standard Profiles'!$G$22=$B$17,14,0)+IF('Standard Profiles'!$G$22=$B$24,21,0),MOD($C6849,24)+1)/SUM(INDEX($D$3:$AA$30,INDEX(Jesper!$R$2:$R$366,ROW(INDEX(Jesper!AL$2:AL$366,ROUNDDOWN($C6849/24,0)+1,1))-1)+IF('Standard Profiles'!$G$22=$B$10,7,0)+IF('Standard Profiles'!$G$22=$B$17,14,0)+IF('Standard Profiles'!$G$22=$B$24,21,0),0)),0)</f>
        <v>0</v>
      </c>
      <c r="I6849">
        <f t="shared" si="762"/>
        <v>0.21954785219473352</v>
      </c>
      <c r="J6849">
        <f t="shared" si="763"/>
        <v>0.73182617398244521</v>
      </c>
      <c r="K6849">
        <f t="shared" si="764"/>
        <v>1.0977392609736676</v>
      </c>
      <c r="L6849">
        <f t="shared" si="765"/>
        <v>5.2691484526736048</v>
      </c>
      <c r="M6849">
        <f t="shared" si="766"/>
        <v>0</v>
      </c>
      <c r="N6849" s="46">
        <f t="shared" si="767"/>
        <v>45575.958333316805</v>
      </c>
    </row>
    <row r="6850" spans="2:14" x14ac:dyDescent="0.3">
      <c r="B6850">
        <f t="shared" si="761"/>
        <v>5</v>
      </c>
      <c r="C6850" s="16">
        <v>6816</v>
      </c>
      <c r="D6850" cm="1">
        <f t="array" ref="D6850">IFERROR(INDEX(Jesper!AH$2:AH$366,ROUNDDOWN($C6850/24,0)+1,1)*INDEX($D$3:$AA$30,INDEX(Jesper!$R$2:$R$366,ROW(INDEX(Jesper!AH$2:AH$366,ROUNDDOWN($C6850/24,0)+1,1))-1)+IF('Standard Profiles'!$G$18=$B$10,7,0)+IF('Standard Profiles'!$G$18=$B$17,14,0)+IF('Standard Profiles'!$G$18=$B$24,21,0),MOD($C6850,24)+1)/SUM(INDEX($D$3:$AA$30,INDEX(Jesper!$R$2:$R$366,ROW(INDEX(Jesper!AH$2:AH$366,ROUNDDOWN($C6850/24,0)+1,1))-1)+IF('Standard Profiles'!$G$18=$B$10,7,0)+IF('Standard Profiles'!$G$18=$B$17,14,0)+IF('Standard Profiles'!$G$18=$B$24,21,0),0)),0)</f>
        <v>8.0761741836652625</v>
      </c>
      <c r="E6850" cm="1">
        <f t="array" ref="E6850">IFERROR(INDEX(Jesper!AI$2:AI$366,ROUNDDOWN($C6850/24,0)+1,1)*INDEX($D$3:$AA$30,INDEX(Jesper!$R$2:$R$366,ROW(INDEX(Jesper!AI$2:AI$366,ROUNDDOWN($C6850/24,0)+1,1))-1)+IF('Standard Profiles'!$G$19=$B$10,7,0)+IF('Standard Profiles'!$G$19=$B$17,14,0)+IF('Standard Profiles'!$G$19=$B$24,21,0),MOD($C6850,24)+1)/SUM(INDEX($D$3:$AA$30,INDEX(Jesper!$R$2:$R$366,ROW(INDEX(Jesper!AI$2:AI$366,ROUNDDOWN($C6850/24,0)+1,1))-1)+IF('Standard Profiles'!$G$19=$B$10,7,0)+IF('Standard Profiles'!$G$19=$B$17,14,0)+IF('Standard Profiles'!$G$19=$B$24,21,0),0)),0)</f>
        <v>0</v>
      </c>
      <c r="F6850" cm="1">
        <f t="array" ref="F6850">IFERROR(INDEX(Jesper!AJ$2:AJ$366,ROUNDDOWN($C6850/24,0)+1,1)*INDEX($D$3:$AA$30,INDEX(Jesper!$R$2:$R$366,ROW(INDEX(Jesper!AJ$2:AJ$366,ROUNDDOWN($C6850/24,0)+1,1))-1)+IF('Standard Profiles'!$G$20=$B$10,7,0)+IF('Standard Profiles'!$G$20=$B$17,14,0)+IF('Standard Profiles'!$G$20=$B$24,21,0),MOD($C6850,24)+1)/SUM(INDEX($D$3:$AA$30,INDEX(Jesper!$R$2:$R$366,ROW(INDEX(Jesper!AJ$2:AJ$366,ROUNDDOWN($C6850/24,0)+1,1))-1)+IF('Standard Profiles'!$G$20=$B$10,7,0)+IF('Standard Profiles'!$G$20=$B$17,14,0)+IF('Standard Profiles'!$G$20=$B$24,21,0),0)),0)</f>
        <v>0</v>
      </c>
      <c r="G6850" cm="1">
        <f t="array" ref="G6850">IFERROR(INDEX(Jesper!AK$2:AK$366,ROUNDDOWN($C6850/24,0)+1,1)*INDEX($D$3:$AA$30,INDEX(Jesper!$R$2:$R$366,ROW(INDEX(Jesper!AK$2:AK$366,ROUNDDOWN($C6850/24,0)+1,1))-1)+IF('Standard Profiles'!$G$21=$B$10,7,0)+IF('Standard Profiles'!$G$21=$B$17,14,0)+IF('Standard Profiles'!$G$21=$B$24,21,0),MOD($C6850,24)+1)/SUM(INDEX($D$3:$AA$30,INDEX(Jesper!$R$2:$R$366,ROW(INDEX(Jesper!AK$2:AK$366,ROUNDDOWN($C6850/24,0)+1,1))-1)+IF('Standard Profiles'!$G$21=$B$10,7,0)+IF('Standard Profiles'!$G$21=$B$17,14,0)+IF('Standard Profiles'!$G$21=$B$24,21,0),0)),0)</f>
        <v>0</v>
      </c>
      <c r="H6850" cm="1">
        <f t="array" ref="H6850">IFERROR(INDEX(Jesper!AL$2:AL$366,ROUNDDOWN($C6850/24,0)+1,1)*INDEX($D$3:$AA$30,INDEX(Jesper!$R$2:$R$366,ROW(INDEX(Jesper!AL$2:AL$366,ROUNDDOWN($C6850/24,0)+1,1))-1)+IF('Standard Profiles'!$G$22=$B$10,7,0)+IF('Standard Profiles'!$G$22=$B$17,14,0)+IF('Standard Profiles'!$G$22=$B$24,21,0),MOD($C6850,24)+1)/SUM(INDEX($D$3:$AA$30,INDEX(Jesper!$R$2:$R$366,ROW(INDEX(Jesper!AL$2:AL$366,ROUNDDOWN($C6850/24,0)+1,1))-1)+IF('Standard Profiles'!$G$22=$B$10,7,0)+IF('Standard Profiles'!$G$22=$B$17,14,0)+IF('Standard Profiles'!$G$22=$B$24,21,0),0)),0)</f>
        <v>0</v>
      </c>
      <c r="I6850">
        <f t="shared" si="762"/>
        <v>0.24228522550995787</v>
      </c>
      <c r="J6850">
        <f t="shared" si="763"/>
        <v>0.80761741836652634</v>
      </c>
      <c r="K6850">
        <f t="shared" si="764"/>
        <v>1.2114261275497893</v>
      </c>
      <c r="L6850">
        <f t="shared" si="765"/>
        <v>5.8148454122389888</v>
      </c>
      <c r="M6850">
        <f t="shared" si="766"/>
        <v>0</v>
      </c>
      <c r="N6850" s="46">
        <f t="shared" si="767"/>
        <v>45575.999999983469</v>
      </c>
    </row>
    <row r="6851" spans="2:14" x14ac:dyDescent="0.3">
      <c r="B6851">
        <f t="shared" si="761"/>
        <v>5</v>
      </c>
      <c r="C6851" s="16">
        <v>6817</v>
      </c>
      <c r="D6851" cm="1">
        <f t="array" ref="D6851">IFERROR(INDEX(Jesper!AH$2:AH$366,ROUNDDOWN($C6851/24,0)+1,1)*INDEX($D$3:$AA$30,INDEX(Jesper!$R$2:$R$366,ROW(INDEX(Jesper!AH$2:AH$366,ROUNDDOWN($C6851/24,0)+1,1))-1)+IF('Standard Profiles'!$G$18=$B$10,7,0)+IF('Standard Profiles'!$G$18=$B$17,14,0)+IF('Standard Profiles'!$G$18=$B$24,21,0),MOD($C6851,24)+1)/SUM(INDEX($D$3:$AA$30,INDEX(Jesper!$R$2:$R$366,ROW(INDEX(Jesper!AH$2:AH$366,ROUNDDOWN($C6851/24,0)+1,1))-1)+IF('Standard Profiles'!$G$18=$B$10,7,0)+IF('Standard Profiles'!$G$18=$B$17,14,0)+IF('Standard Profiles'!$G$18=$B$24,21,0),0)),0)</f>
        <v>8.0761741836652625</v>
      </c>
      <c r="E6851" cm="1">
        <f t="array" ref="E6851">IFERROR(INDEX(Jesper!AI$2:AI$366,ROUNDDOWN($C6851/24,0)+1,1)*INDEX($D$3:$AA$30,INDEX(Jesper!$R$2:$R$366,ROW(INDEX(Jesper!AI$2:AI$366,ROUNDDOWN($C6851/24,0)+1,1))-1)+IF('Standard Profiles'!$G$19=$B$10,7,0)+IF('Standard Profiles'!$G$19=$B$17,14,0)+IF('Standard Profiles'!$G$19=$B$24,21,0),MOD($C6851,24)+1)/SUM(INDEX($D$3:$AA$30,INDEX(Jesper!$R$2:$R$366,ROW(INDEX(Jesper!AI$2:AI$366,ROUNDDOWN($C6851/24,0)+1,1))-1)+IF('Standard Profiles'!$G$19=$B$10,7,0)+IF('Standard Profiles'!$G$19=$B$17,14,0)+IF('Standard Profiles'!$G$19=$B$24,21,0),0)),0)</f>
        <v>0</v>
      </c>
      <c r="F6851" cm="1">
        <f t="array" ref="F6851">IFERROR(INDEX(Jesper!AJ$2:AJ$366,ROUNDDOWN($C6851/24,0)+1,1)*INDEX($D$3:$AA$30,INDEX(Jesper!$R$2:$R$366,ROW(INDEX(Jesper!AJ$2:AJ$366,ROUNDDOWN($C6851/24,0)+1,1))-1)+IF('Standard Profiles'!$G$20=$B$10,7,0)+IF('Standard Profiles'!$G$20=$B$17,14,0)+IF('Standard Profiles'!$G$20=$B$24,21,0),MOD($C6851,24)+1)/SUM(INDEX($D$3:$AA$30,INDEX(Jesper!$R$2:$R$366,ROW(INDEX(Jesper!AJ$2:AJ$366,ROUNDDOWN($C6851/24,0)+1,1))-1)+IF('Standard Profiles'!$G$20=$B$10,7,0)+IF('Standard Profiles'!$G$20=$B$17,14,0)+IF('Standard Profiles'!$G$20=$B$24,21,0),0)),0)</f>
        <v>0</v>
      </c>
      <c r="G6851" cm="1">
        <f t="array" ref="G6851">IFERROR(INDEX(Jesper!AK$2:AK$366,ROUNDDOWN($C6851/24,0)+1,1)*INDEX($D$3:$AA$30,INDEX(Jesper!$R$2:$R$366,ROW(INDEX(Jesper!AK$2:AK$366,ROUNDDOWN($C6851/24,0)+1,1))-1)+IF('Standard Profiles'!$G$21=$B$10,7,0)+IF('Standard Profiles'!$G$21=$B$17,14,0)+IF('Standard Profiles'!$G$21=$B$24,21,0),MOD($C6851,24)+1)/SUM(INDEX($D$3:$AA$30,INDEX(Jesper!$R$2:$R$366,ROW(INDEX(Jesper!AK$2:AK$366,ROUNDDOWN($C6851/24,0)+1,1))-1)+IF('Standard Profiles'!$G$21=$B$10,7,0)+IF('Standard Profiles'!$G$21=$B$17,14,0)+IF('Standard Profiles'!$G$21=$B$24,21,0),0)),0)</f>
        <v>0</v>
      </c>
      <c r="H6851" cm="1">
        <f t="array" ref="H6851">IFERROR(INDEX(Jesper!AL$2:AL$366,ROUNDDOWN($C6851/24,0)+1,1)*INDEX($D$3:$AA$30,INDEX(Jesper!$R$2:$R$366,ROW(INDEX(Jesper!AL$2:AL$366,ROUNDDOWN($C6851/24,0)+1,1))-1)+IF('Standard Profiles'!$G$22=$B$10,7,0)+IF('Standard Profiles'!$G$22=$B$17,14,0)+IF('Standard Profiles'!$G$22=$B$24,21,0),MOD($C6851,24)+1)/SUM(INDEX($D$3:$AA$30,INDEX(Jesper!$R$2:$R$366,ROW(INDEX(Jesper!AL$2:AL$366,ROUNDDOWN($C6851/24,0)+1,1))-1)+IF('Standard Profiles'!$G$22=$B$10,7,0)+IF('Standard Profiles'!$G$22=$B$17,14,0)+IF('Standard Profiles'!$G$22=$B$24,21,0),0)),0)</f>
        <v>0</v>
      </c>
      <c r="I6851">
        <f t="shared" si="762"/>
        <v>0.24228522550995787</v>
      </c>
      <c r="J6851">
        <f t="shared" si="763"/>
        <v>0.80761741836652634</v>
      </c>
      <c r="K6851">
        <f t="shared" si="764"/>
        <v>1.2114261275497893</v>
      </c>
      <c r="L6851">
        <f t="shared" si="765"/>
        <v>5.8148454122389888</v>
      </c>
      <c r="M6851">
        <f t="shared" si="766"/>
        <v>0</v>
      </c>
      <c r="N6851" s="46">
        <f t="shared" si="767"/>
        <v>45576.041666650133</v>
      </c>
    </row>
    <row r="6852" spans="2:14" x14ac:dyDescent="0.3">
      <c r="B6852">
        <f t="shared" si="761"/>
        <v>5</v>
      </c>
      <c r="C6852" s="16">
        <v>6818</v>
      </c>
      <c r="D6852" cm="1">
        <f t="array" ref="D6852">IFERROR(INDEX(Jesper!AH$2:AH$366,ROUNDDOWN($C6852/24,0)+1,1)*INDEX($D$3:$AA$30,INDEX(Jesper!$R$2:$R$366,ROW(INDEX(Jesper!AH$2:AH$366,ROUNDDOWN($C6852/24,0)+1,1))-1)+IF('Standard Profiles'!$G$18=$B$10,7,0)+IF('Standard Profiles'!$G$18=$B$17,14,0)+IF('Standard Profiles'!$G$18=$B$24,21,0),MOD($C6852,24)+1)/SUM(INDEX($D$3:$AA$30,INDEX(Jesper!$R$2:$R$366,ROW(INDEX(Jesper!AH$2:AH$366,ROUNDDOWN($C6852/24,0)+1,1))-1)+IF('Standard Profiles'!$G$18=$B$10,7,0)+IF('Standard Profiles'!$G$18=$B$17,14,0)+IF('Standard Profiles'!$G$18=$B$24,21,0),0)),0)</f>
        <v>8.0761741836652625</v>
      </c>
      <c r="E6852" cm="1">
        <f t="array" ref="E6852">IFERROR(INDEX(Jesper!AI$2:AI$366,ROUNDDOWN($C6852/24,0)+1,1)*INDEX($D$3:$AA$30,INDEX(Jesper!$R$2:$R$366,ROW(INDEX(Jesper!AI$2:AI$366,ROUNDDOWN($C6852/24,0)+1,1))-1)+IF('Standard Profiles'!$G$19=$B$10,7,0)+IF('Standard Profiles'!$G$19=$B$17,14,0)+IF('Standard Profiles'!$G$19=$B$24,21,0),MOD($C6852,24)+1)/SUM(INDEX($D$3:$AA$30,INDEX(Jesper!$R$2:$R$366,ROW(INDEX(Jesper!AI$2:AI$366,ROUNDDOWN($C6852/24,0)+1,1))-1)+IF('Standard Profiles'!$G$19=$B$10,7,0)+IF('Standard Profiles'!$G$19=$B$17,14,0)+IF('Standard Profiles'!$G$19=$B$24,21,0),0)),0)</f>
        <v>0</v>
      </c>
      <c r="F6852" cm="1">
        <f t="array" ref="F6852">IFERROR(INDEX(Jesper!AJ$2:AJ$366,ROUNDDOWN($C6852/24,0)+1,1)*INDEX($D$3:$AA$30,INDEX(Jesper!$R$2:$R$366,ROW(INDEX(Jesper!AJ$2:AJ$366,ROUNDDOWN($C6852/24,0)+1,1))-1)+IF('Standard Profiles'!$G$20=$B$10,7,0)+IF('Standard Profiles'!$G$20=$B$17,14,0)+IF('Standard Profiles'!$G$20=$B$24,21,0),MOD($C6852,24)+1)/SUM(INDEX($D$3:$AA$30,INDEX(Jesper!$R$2:$R$366,ROW(INDEX(Jesper!AJ$2:AJ$366,ROUNDDOWN($C6852/24,0)+1,1))-1)+IF('Standard Profiles'!$G$20=$B$10,7,0)+IF('Standard Profiles'!$G$20=$B$17,14,0)+IF('Standard Profiles'!$G$20=$B$24,21,0),0)),0)</f>
        <v>0</v>
      </c>
      <c r="G6852" cm="1">
        <f t="array" ref="G6852">IFERROR(INDEX(Jesper!AK$2:AK$366,ROUNDDOWN($C6852/24,0)+1,1)*INDEX($D$3:$AA$30,INDEX(Jesper!$R$2:$R$366,ROW(INDEX(Jesper!AK$2:AK$366,ROUNDDOWN($C6852/24,0)+1,1))-1)+IF('Standard Profiles'!$G$21=$B$10,7,0)+IF('Standard Profiles'!$G$21=$B$17,14,0)+IF('Standard Profiles'!$G$21=$B$24,21,0),MOD($C6852,24)+1)/SUM(INDEX($D$3:$AA$30,INDEX(Jesper!$R$2:$R$366,ROW(INDEX(Jesper!AK$2:AK$366,ROUNDDOWN($C6852/24,0)+1,1))-1)+IF('Standard Profiles'!$G$21=$B$10,7,0)+IF('Standard Profiles'!$G$21=$B$17,14,0)+IF('Standard Profiles'!$G$21=$B$24,21,0),0)),0)</f>
        <v>0</v>
      </c>
      <c r="H6852" cm="1">
        <f t="array" ref="H6852">IFERROR(INDEX(Jesper!AL$2:AL$366,ROUNDDOWN($C6852/24,0)+1,1)*INDEX($D$3:$AA$30,INDEX(Jesper!$R$2:$R$366,ROW(INDEX(Jesper!AL$2:AL$366,ROUNDDOWN($C6852/24,0)+1,1))-1)+IF('Standard Profiles'!$G$22=$B$10,7,0)+IF('Standard Profiles'!$G$22=$B$17,14,0)+IF('Standard Profiles'!$G$22=$B$24,21,0),MOD($C6852,24)+1)/SUM(INDEX($D$3:$AA$30,INDEX(Jesper!$R$2:$R$366,ROW(INDEX(Jesper!AL$2:AL$366,ROUNDDOWN($C6852/24,0)+1,1))-1)+IF('Standard Profiles'!$G$22=$B$10,7,0)+IF('Standard Profiles'!$G$22=$B$17,14,0)+IF('Standard Profiles'!$G$22=$B$24,21,0),0)),0)</f>
        <v>0</v>
      </c>
      <c r="I6852">
        <f t="shared" si="762"/>
        <v>0.24228522550995787</v>
      </c>
      <c r="J6852">
        <f t="shared" si="763"/>
        <v>0.80761741836652634</v>
      </c>
      <c r="K6852">
        <f t="shared" si="764"/>
        <v>1.2114261275497893</v>
      </c>
      <c r="L6852">
        <f t="shared" si="765"/>
        <v>5.8148454122389888</v>
      </c>
      <c r="M6852">
        <f t="shared" si="766"/>
        <v>0</v>
      </c>
      <c r="N6852" s="46">
        <f t="shared" si="767"/>
        <v>45576.083333316798</v>
      </c>
    </row>
    <row r="6853" spans="2:14" x14ac:dyDescent="0.3">
      <c r="B6853">
        <f t="shared" si="761"/>
        <v>5</v>
      </c>
      <c r="C6853" s="16">
        <v>6819</v>
      </c>
      <c r="D6853" cm="1">
        <f t="array" ref="D6853">IFERROR(INDEX(Jesper!AH$2:AH$366,ROUNDDOWN($C6853/24,0)+1,1)*INDEX($D$3:$AA$30,INDEX(Jesper!$R$2:$R$366,ROW(INDEX(Jesper!AH$2:AH$366,ROUNDDOWN($C6853/24,0)+1,1))-1)+IF('Standard Profiles'!$G$18=$B$10,7,0)+IF('Standard Profiles'!$G$18=$B$17,14,0)+IF('Standard Profiles'!$G$18=$B$24,21,0),MOD($C6853,24)+1)/SUM(INDEX($D$3:$AA$30,INDEX(Jesper!$R$2:$R$366,ROW(INDEX(Jesper!AH$2:AH$366,ROUNDDOWN($C6853/24,0)+1,1))-1)+IF('Standard Profiles'!$G$18=$B$10,7,0)+IF('Standard Profiles'!$G$18=$B$17,14,0)+IF('Standard Profiles'!$G$18=$B$24,21,0),0)),0)</f>
        <v>8.0761741836652625</v>
      </c>
      <c r="E6853" cm="1">
        <f t="array" ref="E6853">IFERROR(INDEX(Jesper!AI$2:AI$366,ROUNDDOWN($C6853/24,0)+1,1)*INDEX($D$3:$AA$30,INDEX(Jesper!$R$2:$R$366,ROW(INDEX(Jesper!AI$2:AI$366,ROUNDDOWN($C6853/24,0)+1,1))-1)+IF('Standard Profiles'!$G$19=$B$10,7,0)+IF('Standard Profiles'!$G$19=$B$17,14,0)+IF('Standard Profiles'!$G$19=$B$24,21,0),MOD($C6853,24)+1)/SUM(INDEX($D$3:$AA$30,INDEX(Jesper!$R$2:$R$366,ROW(INDEX(Jesper!AI$2:AI$366,ROUNDDOWN($C6853/24,0)+1,1))-1)+IF('Standard Profiles'!$G$19=$B$10,7,0)+IF('Standard Profiles'!$G$19=$B$17,14,0)+IF('Standard Profiles'!$G$19=$B$24,21,0),0)),0)</f>
        <v>0</v>
      </c>
      <c r="F6853" cm="1">
        <f t="array" ref="F6853">IFERROR(INDEX(Jesper!AJ$2:AJ$366,ROUNDDOWN($C6853/24,0)+1,1)*INDEX($D$3:$AA$30,INDEX(Jesper!$R$2:$R$366,ROW(INDEX(Jesper!AJ$2:AJ$366,ROUNDDOWN($C6853/24,0)+1,1))-1)+IF('Standard Profiles'!$G$20=$B$10,7,0)+IF('Standard Profiles'!$G$20=$B$17,14,0)+IF('Standard Profiles'!$G$20=$B$24,21,0),MOD($C6853,24)+1)/SUM(INDEX($D$3:$AA$30,INDEX(Jesper!$R$2:$R$366,ROW(INDEX(Jesper!AJ$2:AJ$366,ROUNDDOWN($C6853/24,0)+1,1))-1)+IF('Standard Profiles'!$G$20=$B$10,7,0)+IF('Standard Profiles'!$G$20=$B$17,14,0)+IF('Standard Profiles'!$G$20=$B$24,21,0),0)),0)</f>
        <v>0</v>
      </c>
      <c r="G6853" cm="1">
        <f t="array" ref="G6853">IFERROR(INDEX(Jesper!AK$2:AK$366,ROUNDDOWN($C6853/24,0)+1,1)*INDEX($D$3:$AA$30,INDEX(Jesper!$R$2:$R$366,ROW(INDEX(Jesper!AK$2:AK$366,ROUNDDOWN($C6853/24,0)+1,1))-1)+IF('Standard Profiles'!$G$21=$B$10,7,0)+IF('Standard Profiles'!$G$21=$B$17,14,0)+IF('Standard Profiles'!$G$21=$B$24,21,0),MOD($C6853,24)+1)/SUM(INDEX($D$3:$AA$30,INDEX(Jesper!$R$2:$R$366,ROW(INDEX(Jesper!AK$2:AK$366,ROUNDDOWN($C6853/24,0)+1,1))-1)+IF('Standard Profiles'!$G$21=$B$10,7,0)+IF('Standard Profiles'!$G$21=$B$17,14,0)+IF('Standard Profiles'!$G$21=$B$24,21,0),0)),0)</f>
        <v>0</v>
      </c>
      <c r="H6853" cm="1">
        <f t="array" ref="H6853">IFERROR(INDEX(Jesper!AL$2:AL$366,ROUNDDOWN($C6853/24,0)+1,1)*INDEX($D$3:$AA$30,INDEX(Jesper!$R$2:$R$366,ROW(INDEX(Jesper!AL$2:AL$366,ROUNDDOWN($C6853/24,0)+1,1))-1)+IF('Standard Profiles'!$G$22=$B$10,7,0)+IF('Standard Profiles'!$G$22=$B$17,14,0)+IF('Standard Profiles'!$G$22=$B$24,21,0),MOD($C6853,24)+1)/SUM(INDEX($D$3:$AA$30,INDEX(Jesper!$R$2:$R$366,ROW(INDEX(Jesper!AL$2:AL$366,ROUNDDOWN($C6853/24,0)+1,1))-1)+IF('Standard Profiles'!$G$22=$B$10,7,0)+IF('Standard Profiles'!$G$22=$B$17,14,0)+IF('Standard Profiles'!$G$22=$B$24,21,0),0)),0)</f>
        <v>0</v>
      </c>
      <c r="I6853">
        <f t="shared" si="762"/>
        <v>0.24228522550995787</v>
      </c>
      <c r="J6853">
        <f t="shared" si="763"/>
        <v>0.80761741836652634</v>
      </c>
      <c r="K6853">
        <f t="shared" si="764"/>
        <v>1.2114261275497893</v>
      </c>
      <c r="L6853">
        <f t="shared" si="765"/>
        <v>5.8148454122389888</v>
      </c>
      <c r="M6853">
        <f t="shared" si="766"/>
        <v>0</v>
      </c>
      <c r="N6853" s="46">
        <f t="shared" si="767"/>
        <v>45576.124999983462</v>
      </c>
    </row>
    <row r="6854" spans="2:14" x14ac:dyDescent="0.3">
      <c r="B6854">
        <f t="shared" si="761"/>
        <v>5</v>
      </c>
      <c r="C6854" s="16">
        <v>6820</v>
      </c>
      <c r="D6854" cm="1">
        <f t="array" ref="D6854">IFERROR(INDEX(Jesper!AH$2:AH$366,ROUNDDOWN($C6854/24,0)+1,1)*INDEX($D$3:$AA$30,INDEX(Jesper!$R$2:$R$366,ROW(INDEX(Jesper!AH$2:AH$366,ROUNDDOWN($C6854/24,0)+1,1))-1)+IF('Standard Profiles'!$G$18=$B$10,7,0)+IF('Standard Profiles'!$G$18=$B$17,14,0)+IF('Standard Profiles'!$G$18=$B$24,21,0),MOD($C6854,24)+1)/SUM(INDEX($D$3:$AA$30,INDEX(Jesper!$R$2:$R$366,ROW(INDEX(Jesper!AH$2:AH$366,ROUNDDOWN($C6854/24,0)+1,1))-1)+IF('Standard Profiles'!$G$18=$B$10,7,0)+IF('Standard Profiles'!$G$18=$B$17,14,0)+IF('Standard Profiles'!$G$18=$B$24,21,0),0)),0)</f>
        <v>8.0761741836652625</v>
      </c>
      <c r="E6854" cm="1">
        <f t="array" ref="E6854">IFERROR(INDEX(Jesper!AI$2:AI$366,ROUNDDOWN($C6854/24,0)+1,1)*INDEX($D$3:$AA$30,INDEX(Jesper!$R$2:$R$366,ROW(INDEX(Jesper!AI$2:AI$366,ROUNDDOWN($C6854/24,0)+1,1))-1)+IF('Standard Profiles'!$G$19=$B$10,7,0)+IF('Standard Profiles'!$G$19=$B$17,14,0)+IF('Standard Profiles'!$G$19=$B$24,21,0),MOD($C6854,24)+1)/SUM(INDEX($D$3:$AA$30,INDEX(Jesper!$R$2:$R$366,ROW(INDEX(Jesper!AI$2:AI$366,ROUNDDOWN($C6854/24,0)+1,1))-1)+IF('Standard Profiles'!$G$19=$B$10,7,0)+IF('Standard Profiles'!$G$19=$B$17,14,0)+IF('Standard Profiles'!$G$19=$B$24,21,0),0)),0)</f>
        <v>0</v>
      </c>
      <c r="F6854" cm="1">
        <f t="array" ref="F6854">IFERROR(INDEX(Jesper!AJ$2:AJ$366,ROUNDDOWN($C6854/24,0)+1,1)*INDEX($D$3:$AA$30,INDEX(Jesper!$R$2:$R$366,ROW(INDEX(Jesper!AJ$2:AJ$366,ROUNDDOWN($C6854/24,0)+1,1))-1)+IF('Standard Profiles'!$G$20=$B$10,7,0)+IF('Standard Profiles'!$G$20=$B$17,14,0)+IF('Standard Profiles'!$G$20=$B$24,21,0),MOD($C6854,24)+1)/SUM(INDEX($D$3:$AA$30,INDEX(Jesper!$R$2:$R$366,ROW(INDEX(Jesper!AJ$2:AJ$366,ROUNDDOWN($C6854/24,0)+1,1))-1)+IF('Standard Profiles'!$G$20=$B$10,7,0)+IF('Standard Profiles'!$G$20=$B$17,14,0)+IF('Standard Profiles'!$G$20=$B$24,21,0),0)),0)</f>
        <v>0</v>
      </c>
      <c r="G6854" cm="1">
        <f t="array" ref="G6854">IFERROR(INDEX(Jesper!AK$2:AK$366,ROUNDDOWN($C6854/24,0)+1,1)*INDEX($D$3:$AA$30,INDEX(Jesper!$R$2:$R$366,ROW(INDEX(Jesper!AK$2:AK$366,ROUNDDOWN($C6854/24,0)+1,1))-1)+IF('Standard Profiles'!$G$21=$B$10,7,0)+IF('Standard Profiles'!$G$21=$B$17,14,0)+IF('Standard Profiles'!$G$21=$B$24,21,0),MOD($C6854,24)+1)/SUM(INDEX($D$3:$AA$30,INDEX(Jesper!$R$2:$R$366,ROW(INDEX(Jesper!AK$2:AK$366,ROUNDDOWN($C6854/24,0)+1,1))-1)+IF('Standard Profiles'!$G$21=$B$10,7,0)+IF('Standard Profiles'!$G$21=$B$17,14,0)+IF('Standard Profiles'!$G$21=$B$24,21,0),0)),0)</f>
        <v>0</v>
      </c>
      <c r="H6854" cm="1">
        <f t="array" ref="H6854">IFERROR(INDEX(Jesper!AL$2:AL$366,ROUNDDOWN($C6854/24,0)+1,1)*INDEX($D$3:$AA$30,INDEX(Jesper!$R$2:$R$366,ROW(INDEX(Jesper!AL$2:AL$366,ROUNDDOWN($C6854/24,0)+1,1))-1)+IF('Standard Profiles'!$G$22=$B$10,7,0)+IF('Standard Profiles'!$G$22=$B$17,14,0)+IF('Standard Profiles'!$G$22=$B$24,21,0),MOD($C6854,24)+1)/SUM(INDEX($D$3:$AA$30,INDEX(Jesper!$R$2:$R$366,ROW(INDEX(Jesper!AL$2:AL$366,ROUNDDOWN($C6854/24,0)+1,1))-1)+IF('Standard Profiles'!$G$22=$B$10,7,0)+IF('Standard Profiles'!$G$22=$B$17,14,0)+IF('Standard Profiles'!$G$22=$B$24,21,0),0)),0)</f>
        <v>0</v>
      </c>
      <c r="I6854">
        <f t="shared" si="762"/>
        <v>0.24228522550995787</v>
      </c>
      <c r="J6854">
        <f t="shared" si="763"/>
        <v>0.80761741836652634</v>
      </c>
      <c r="K6854">
        <f t="shared" si="764"/>
        <v>1.2114261275497893</v>
      </c>
      <c r="L6854">
        <f t="shared" si="765"/>
        <v>5.8148454122389888</v>
      </c>
      <c r="M6854">
        <f t="shared" si="766"/>
        <v>0</v>
      </c>
      <c r="N6854" s="46">
        <f t="shared" si="767"/>
        <v>45576.166666650126</v>
      </c>
    </row>
    <row r="6855" spans="2:14" x14ac:dyDescent="0.3">
      <c r="B6855">
        <f t="shared" si="761"/>
        <v>5</v>
      </c>
      <c r="C6855" s="16">
        <v>6821</v>
      </c>
      <c r="D6855" cm="1">
        <f t="array" ref="D6855">IFERROR(INDEX(Jesper!AH$2:AH$366,ROUNDDOWN($C6855/24,0)+1,1)*INDEX($D$3:$AA$30,INDEX(Jesper!$R$2:$R$366,ROW(INDEX(Jesper!AH$2:AH$366,ROUNDDOWN($C6855/24,0)+1,1))-1)+IF('Standard Profiles'!$G$18=$B$10,7,0)+IF('Standard Profiles'!$G$18=$B$17,14,0)+IF('Standard Profiles'!$G$18=$B$24,21,0),MOD($C6855,24)+1)/SUM(INDEX($D$3:$AA$30,INDEX(Jesper!$R$2:$R$366,ROW(INDEX(Jesper!AH$2:AH$366,ROUNDDOWN($C6855/24,0)+1,1))-1)+IF('Standard Profiles'!$G$18=$B$10,7,0)+IF('Standard Profiles'!$G$18=$B$17,14,0)+IF('Standard Profiles'!$G$18=$B$24,21,0),0)),0)</f>
        <v>10.40929117005745</v>
      </c>
      <c r="E6855" cm="1">
        <f t="array" ref="E6855">IFERROR(INDEX(Jesper!AI$2:AI$366,ROUNDDOWN($C6855/24,0)+1,1)*INDEX($D$3:$AA$30,INDEX(Jesper!$R$2:$R$366,ROW(INDEX(Jesper!AI$2:AI$366,ROUNDDOWN($C6855/24,0)+1,1))-1)+IF('Standard Profiles'!$G$19=$B$10,7,0)+IF('Standard Profiles'!$G$19=$B$17,14,0)+IF('Standard Profiles'!$G$19=$B$24,21,0),MOD($C6855,24)+1)/SUM(INDEX($D$3:$AA$30,INDEX(Jesper!$R$2:$R$366,ROW(INDEX(Jesper!AI$2:AI$366,ROUNDDOWN($C6855/24,0)+1,1))-1)+IF('Standard Profiles'!$G$19=$B$10,7,0)+IF('Standard Profiles'!$G$19=$B$17,14,0)+IF('Standard Profiles'!$G$19=$B$24,21,0),0)),0)</f>
        <v>0</v>
      </c>
      <c r="F6855" cm="1">
        <f t="array" ref="F6855">IFERROR(INDEX(Jesper!AJ$2:AJ$366,ROUNDDOWN($C6855/24,0)+1,1)*INDEX($D$3:$AA$30,INDEX(Jesper!$R$2:$R$366,ROW(INDEX(Jesper!AJ$2:AJ$366,ROUNDDOWN($C6855/24,0)+1,1))-1)+IF('Standard Profiles'!$G$20=$B$10,7,0)+IF('Standard Profiles'!$G$20=$B$17,14,0)+IF('Standard Profiles'!$G$20=$B$24,21,0),MOD($C6855,24)+1)/SUM(INDEX($D$3:$AA$30,INDEX(Jesper!$R$2:$R$366,ROW(INDEX(Jesper!AJ$2:AJ$366,ROUNDDOWN($C6855/24,0)+1,1))-1)+IF('Standard Profiles'!$G$20=$B$10,7,0)+IF('Standard Profiles'!$G$20=$B$17,14,0)+IF('Standard Profiles'!$G$20=$B$24,21,0),0)),0)</f>
        <v>0</v>
      </c>
      <c r="G6855" cm="1">
        <f t="array" ref="G6855">IFERROR(INDEX(Jesper!AK$2:AK$366,ROUNDDOWN($C6855/24,0)+1,1)*INDEX($D$3:$AA$30,INDEX(Jesper!$R$2:$R$366,ROW(INDEX(Jesper!AK$2:AK$366,ROUNDDOWN($C6855/24,0)+1,1))-1)+IF('Standard Profiles'!$G$21=$B$10,7,0)+IF('Standard Profiles'!$G$21=$B$17,14,0)+IF('Standard Profiles'!$G$21=$B$24,21,0),MOD($C6855,24)+1)/SUM(INDEX($D$3:$AA$30,INDEX(Jesper!$R$2:$R$366,ROW(INDEX(Jesper!AK$2:AK$366,ROUNDDOWN($C6855/24,0)+1,1))-1)+IF('Standard Profiles'!$G$21=$B$10,7,0)+IF('Standard Profiles'!$G$21=$B$17,14,0)+IF('Standard Profiles'!$G$21=$B$24,21,0),0)),0)</f>
        <v>0</v>
      </c>
      <c r="H6855" cm="1">
        <f t="array" ref="H6855">IFERROR(INDEX(Jesper!AL$2:AL$366,ROUNDDOWN($C6855/24,0)+1,1)*INDEX($D$3:$AA$30,INDEX(Jesper!$R$2:$R$366,ROW(INDEX(Jesper!AL$2:AL$366,ROUNDDOWN($C6855/24,0)+1,1))-1)+IF('Standard Profiles'!$G$22=$B$10,7,0)+IF('Standard Profiles'!$G$22=$B$17,14,0)+IF('Standard Profiles'!$G$22=$B$24,21,0),MOD($C6855,24)+1)/SUM(INDEX($D$3:$AA$30,INDEX(Jesper!$R$2:$R$366,ROW(INDEX(Jesper!AL$2:AL$366,ROUNDDOWN($C6855/24,0)+1,1))-1)+IF('Standard Profiles'!$G$22=$B$10,7,0)+IF('Standard Profiles'!$G$22=$B$17,14,0)+IF('Standard Profiles'!$G$22=$B$24,21,0),0)),0)</f>
        <v>0</v>
      </c>
      <c r="I6855">
        <f t="shared" si="762"/>
        <v>0.31227873510172349</v>
      </c>
      <c r="J6855">
        <f t="shared" si="763"/>
        <v>1.0409291170057451</v>
      </c>
      <c r="K6855">
        <f t="shared" si="764"/>
        <v>1.5613936755086175</v>
      </c>
      <c r="L6855">
        <f t="shared" si="765"/>
        <v>7.4946896424413643</v>
      </c>
      <c r="M6855">
        <f t="shared" si="766"/>
        <v>0</v>
      </c>
      <c r="N6855" s="46">
        <f t="shared" si="767"/>
        <v>45576.20833331679</v>
      </c>
    </row>
    <row r="6856" spans="2:14" x14ac:dyDescent="0.3">
      <c r="B6856">
        <f t="shared" si="761"/>
        <v>5</v>
      </c>
      <c r="C6856" s="16">
        <v>6822</v>
      </c>
      <c r="D6856" cm="1">
        <f t="array" ref="D6856">IFERROR(INDEX(Jesper!AH$2:AH$366,ROUNDDOWN($C6856/24,0)+1,1)*INDEX($D$3:$AA$30,INDEX(Jesper!$R$2:$R$366,ROW(INDEX(Jesper!AH$2:AH$366,ROUNDDOWN($C6856/24,0)+1,1))-1)+IF('Standard Profiles'!$G$18=$B$10,7,0)+IF('Standard Profiles'!$G$18=$B$17,14,0)+IF('Standard Profiles'!$G$18=$B$24,21,0),MOD($C6856,24)+1)/SUM(INDEX($D$3:$AA$30,INDEX(Jesper!$R$2:$R$366,ROW(INDEX(Jesper!AH$2:AH$366,ROUNDDOWN($C6856/24,0)+1,1))-1)+IF('Standard Profiles'!$G$18=$B$10,7,0)+IF('Standard Profiles'!$G$18=$B$17,14,0)+IF('Standard Profiles'!$G$18=$B$24,21,0),0)),0)</f>
        <v>12.562937619034855</v>
      </c>
      <c r="E6856" cm="1">
        <f t="array" ref="E6856">IFERROR(INDEX(Jesper!AI$2:AI$366,ROUNDDOWN($C6856/24,0)+1,1)*INDEX($D$3:$AA$30,INDEX(Jesper!$R$2:$R$366,ROW(INDEX(Jesper!AI$2:AI$366,ROUNDDOWN($C6856/24,0)+1,1))-1)+IF('Standard Profiles'!$G$19=$B$10,7,0)+IF('Standard Profiles'!$G$19=$B$17,14,0)+IF('Standard Profiles'!$G$19=$B$24,21,0),MOD($C6856,24)+1)/SUM(INDEX($D$3:$AA$30,INDEX(Jesper!$R$2:$R$366,ROW(INDEX(Jesper!AI$2:AI$366,ROUNDDOWN($C6856/24,0)+1,1))-1)+IF('Standard Profiles'!$G$19=$B$10,7,0)+IF('Standard Profiles'!$G$19=$B$17,14,0)+IF('Standard Profiles'!$G$19=$B$24,21,0),0)),0)</f>
        <v>0</v>
      </c>
      <c r="F6856" cm="1">
        <f t="array" ref="F6856">IFERROR(INDEX(Jesper!AJ$2:AJ$366,ROUNDDOWN($C6856/24,0)+1,1)*INDEX($D$3:$AA$30,INDEX(Jesper!$R$2:$R$366,ROW(INDEX(Jesper!AJ$2:AJ$366,ROUNDDOWN($C6856/24,0)+1,1))-1)+IF('Standard Profiles'!$G$20=$B$10,7,0)+IF('Standard Profiles'!$G$20=$B$17,14,0)+IF('Standard Profiles'!$G$20=$B$24,21,0),MOD($C6856,24)+1)/SUM(INDEX($D$3:$AA$30,INDEX(Jesper!$R$2:$R$366,ROW(INDEX(Jesper!AJ$2:AJ$366,ROUNDDOWN($C6856/24,0)+1,1))-1)+IF('Standard Profiles'!$G$20=$B$10,7,0)+IF('Standard Profiles'!$G$20=$B$17,14,0)+IF('Standard Profiles'!$G$20=$B$24,21,0),0)),0)</f>
        <v>0</v>
      </c>
      <c r="G6856" cm="1">
        <f t="array" ref="G6856">IFERROR(INDEX(Jesper!AK$2:AK$366,ROUNDDOWN($C6856/24,0)+1,1)*INDEX($D$3:$AA$30,INDEX(Jesper!$R$2:$R$366,ROW(INDEX(Jesper!AK$2:AK$366,ROUNDDOWN($C6856/24,0)+1,1))-1)+IF('Standard Profiles'!$G$21=$B$10,7,0)+IF('Standard Profiles'!$G$21=$B$17,14,0)+IF('Standard Profiles'!$G$21=$B$24,21,0),MOD($C6856,24)+1)/SUM(INDEX($D$3:$AA$30,INDEX(Jesper!$R$2:$R$366,ROW(INDEX(Jesper!AK$2:AK$366,ROUNDDOWN($C6856/24,0)+1,1))-1)+IF('Standard Profiles'!$G$21=$B$10,7,0)+IF('Standard Profiles'!$G$21=$B$17,14,0)+IF('Standard Profiles'!$G$21=$B$24,21,0),0)),0)</f>
        <v>0</v>
      </c>
      <c r="H6856" cm="1">
        <f t="array" ref="H6856">IFERROR(INDEX(Jesper!AL$2:AL$366,ROUNDDOWN($C6856/24,0)+1,1)*INDEX($D$3:$AA$30,INDEX(Jesper!$R$2:$R$366,ROW(INDEX(Jesper!AL$2:AL$366,ROUNDDOWN($C6856/24,0)+1,1))-1)+IF('Standard Profiles'!$G$22=$B$10,7,0)+IF('Standard Profiles'!$G$22=$B$17,14,0)+IF('Standard Profiles'!$G$22=$B$24,21,0),MOD($C6856,24)+1)/SUM(INDEX($D$3:$AA$30,INDEX(Jesper!$R$2:$R$366,ROW(INDEX(Jesper!AL$2:AL$366,ROUNDDOWN($C6856/24,0)+1,1))-1)+IF('Standard Profiles'!$G$22=$B$10,7,0)+IF('Standard Profiles'!$G$22=$B$17,14,0)+IF('Standard Profiles'!$G$22=$B$24,21,0),0)),0)</f>
        <v>0</v>
      </c>
      <c r="I6856">
        <f t="shared" si="762"/>
        <v>0.37688812857104564</v>
      </c>
      <c r="J6856">
        <f t="shared" si="763"/>
        <v>1.2562937619034855</v>
      </c>
      <c r="K6856">
        <f t="shared" si="764"/>
        <v>1.8844406428552283</v>
      </c>
      <c r="L6856">
        <f t="shared" si="765"/>
        <v>9.045315085705095</v>
      </c>
      <c r="M6856">
        <f t="shared" si="766"/>
        <v>0</v>
      </c>
      <c r="N6856" s="46">
        <f t="shared" si="767"/>
        <v>45576.249999983454</v>
      </c>
    </row>
    <row r="6857" spans="2:14" x14ac:dyDescent="0.3">
      <c r="B6857">
        <f t="shared" si="761"/>
        <v>5</v>
      </c>
      <c r="C6857" s="16">
        <v>6823</v>
      </c>
      <c r="D6857" cm="1">
        <f t="array" ref="D6857">IFERROR(INDEX(Jesper!AH$2:AH$366,ROUNDDOWN($C6857/24,0)+1,1)*INDEX($D$3:$AA$30,INDEX(Jesper!$R$2:$R$366,ROW(INDEX(Jesper!AH$2:AH$366,ROUNDDOWN($C6857/24,0)+1,1))-1)+IF('Standard Profiles'!$G$18=$B$10,7,0)+IF('Standard Profiles'!$G$18=$B$17,14,0)+IF('Standard Profiles'!$G$18=$B$24,21,0),MOD($C6857,24)+1)/SUM(INDEX($D$3:$AA$30,INDEX(Jesper!$R$2:$R$366,ROW(INDEX(Jesper!AH$2:AH$366,ROUNDDOWN($C6857/24,0)+1,1))-1)+IF('Standard Profiles'!$G$18=$B$10,7,0)+IF('Standard Profiles'!$G$18=$B$17,14,0)+IF('Standard Profiles'!$G$18=$B$24,21,0),0)),0)</f>
        <v>12.562937619034855</v>
      </c>
      <c r="E6857" cm="1">
        <f t="array" ref="E6857">IFERROR(INDEX(Jesper!AI$2:AI$366,ROUNDDOWN($C6857/24,0)+1,1)*INDEX($D$3:$AA$30,INDEX(Jesper!$R$2:$R$366,ROW(INDEX(Jesper!AI$2:AI$366,ROUNDDOWN($C6857/24,0)+1,1))-1)+IF('Standard Profiles'!$G$19=$B$10,7,0)+IF('Standard Profiles'!$G$19=$B$17,14,0)+IF('Standard Profiles'!$G$19=$B$24,21,0),MOD($C6857,24)+1)/SUM(INDEX($D$3:$AA$30,INDEX(Jesper!$R$2:$R$366,ROW(INDEX(Jesper!AI$2:AI$366,ROUNDDOWN($C6857/24,0)+1,1))-1)+IF('Standard Profiles'!$G$19=$B$10,7,0)+IF('Standard Profiles'!$G$19=$B$17,14,0)+IF('Standard Profiles'!$G$19=$B$24,21,0),0)),0)</f>
        <v>0</v>
      </c>
      <c r="F6857" cm="1">
        <f t="array" ref="F6857">IFERROR(INDEX(Jesper!AJ$2:AJ$366,ROUNDDOWN($C6857/24,0)+1,1)*INDEX($D$3:$AA$30,INDEX(Jesper!$R$2:$R$366,ROW(INDEX(Jesper!AJ$2:AJ$366,ROUNDDOWN($C6857/24,0)+1,1))-1)+IF('Standard Profiles'!$G$20=$B$10,7,0)+IF('Standard Profiles'!$G$20=$B$17,14,0)+IF('Standard Profiles'!$G$20=$B$24,21,0),MOD($C6857,24)+1)/SUM(INDEX($D$3:$AA$30,INDEX(Jesper!$R$2:$R$366,ROW(INDEX(Jesper!AJ$2:AJ$366,ROUNDDOWN($C6857/24,0)+1,1))-1)+IF('Standard Profiles'!$G$20=$B$10,7,0)+IF('Standard Profiles'!$G$20=$B$17,14,0)+IF('Standard Profiles'!$G$20=$B$24,21,0),0)),0)</f>
        <v>0</v>
      </c>
      <c r="G6857" cm="1">
        <f t="array" ref="G6857">IFERROR(INDEX(Jesper!AK$2:AK$366,ROUNDDOWN($C6857/24,0)+1,1)*INDEX($D$3:$AA$30,INDEX(Jesper!$R$2:$R$366,ROW(INDEX(Jesper!AK$2:AK$366,ROUNDDOWN($C6857/24,0)+1,1))-1)+IF('Standard Profiles'!$G$21=$B$10,7,0)+IF('Standard Profiles'!$G$21=$B$17,14,0)+IF('Standard Profiles'!$G$21=$B$24,21,0),MOD($C6857,24)+1)/SUM(INDEX($D$3:$AA$30,INDEX(Jesper!$R$2:$R$366,ROW(INDEX(Jesper!AK$2:AK$366,ROUNDDOWN($C6857/24,0)+1,1))-1)+IF('Standard Profiles'!$G$21=$B$10,7,0)+IF('Standard Profiles'!$G$21=$B$17,14,0)+IF('Standard Profiles'!$G$21=$B$24,21,0),0)),0)</f>
        <v>0</v>
      </c>
      <c r="H6857" cm="1">
        <f t="array" ref="H6857">IFERROR(INDEX(Jesper!AL$2:AL$366,ROUNDDOWN($C6857/24,0)+1,1)*INDEX($D$3:$AA$30,INDEX(Jesper!$R$2:$R$366,ROW(INDEX(Jesper!AL$2:AL$366,ROUNDDOWN($C6857/24,0)+1,1))-1)+IF('Standard Profiles'!$G$22=$B$10,7,0)+IF('Standard Profiles'!$G$22=$B$17,14,0)+IF('Standard Profiles'!$G$22=$B$24,21,0),MOD($C6857,24)+1)/SUM(INDEX($D$3:$AA$30,INDEX(Jesper!$R$2:$R$366,ROW(INDEX(Jesper!AL$2:AL$366,ROUNDDOWN($C6857/24,0)+1,1))-1)+IF('Standard Profiles'!$G$22=$B$10,7,0)+IF('Standard Profiles'!$G$22=$B$17,14,0)+IF('Standard Profiles'!$G$22=$B$24,21,0),0)),0)</f>
        <v>0</v>
      </c>
      <c r="I6857">
        <f t="shared" si="762"/>
        <v>0.37688812857104564</v>
      </c>
      <c r="J6857">
        <f t="shared" si="763"/>
        <v>1.2562937619034855</v>
      </c>
      <c r="K6857">
        <f t="shared" si="764"/>
        <v>1.8844406428552283</v>
      </c>
      <c r="L6857">
        <f t="shared" si="765"/>
        <v>9.045315085705095</v>
      </c>
      <c r="M6857">
        <f t="shared" si="766"/>
        <v>0</v>
      </c>
      <c r="N6857" s="46">
        <f t="shared" si="767"/>
        <v>45576.291666650119</v>
      </c>
    </row>
    <row r="6858" spans="2:14" x14ac:dyDescent="0.3">
      <c r="B6858">
        <f t="shared" si="761"/>
        <v>5</v>
      </c>
      <c r="C6858" s="16">
        <v>6824</v>
      </c>
      <c r="D6858" cm="1">
        <f t="array" ref="D6858">IFERROR(INDEX(Jesper!AH$2:AH$366,ROUNDDOWN($C6858/24,0)+1,1)*INDEX($D$3:$AA$30,INDEX(Jesper!$R$2:$R$366,ROW(INDEX(Jesper!AH$2:AH$366,ROUNDDOWN($C6858/24,0)+1,1))-1)+IF('Standard Profiles'!$G$18=$B$10,7,0)+IF('Standard Profiles'!$G$18=$B$17,14,0)+IF('Standard Profiles'!$G$18=$B$24,21,0),MOD($C6858,24)+1)/SUM(INDEX($D$3:$AA$30,INDEX(Jesper!$R$2:$R$366,ROW(INDEX(Jesper!AH$2:AH$366,ROUNDDOWN($C6858/24,0)+1,1))-1)+IF('Standard Profiles'!$G$18=$B$10,7,0)+IF('Standard Profiles'!$G$18=$B$17,14,0)+IF('Standard Profiles'!$G$18=$B$24,21,0),0)),0)</f>
        <v>12.562937619034855</v>
      </c>
      <c r="E6858" cm="1">
        <f t="array" ref="E6858">IFERROR(INDEX(Jesper!AI$2:AI$366,ROUNDDOWN($C6858/24,0)+1,1)*INDEX($D$3:$AA$30,INDEX(Jesper!$R$2:$R$366,ROW(INDEX(Jesper!AI$2:AI$366,ROUNDDOWN($C6858/24,0)+1,1))-1)+IF('Standard Profiles'!$G$19=$B$10,7,0)+IF('Standard Profiles'!$G$19=$B$17,14,0)+IF('Standard Profiles'!$G$19=$B$24,21,0),MOD($C6858,24)+1)/SUM(INDEX($D$3:$AA$30,INDEX(Jesper!$R$2:$R$366,ROW(INDEX(Jesper!AI$2:AI$366,ROUNDDOWN($C6858/24,0)+1,1))-1)+IF('Standard Profiles'!$G$19=$B$10,7,0)+IF('Standard Profiles'!$G$19=$B$17,14,0)+IF('Standard Profiles'!$G$19=$B$24,21,0),0)),0)</f>
        <v>0</v>
      </c>
      <c r="F6858" cm="1">
        <f t="array" ref="F6858">IFERROR(INDEX(Jesper!AJ$2:AJ$366,ROUNDDOWN($C6858/24,0)+1,1)*INDEX($D$3:$AA$30,INDEX(Jesper!$R$2:$R$366,ROW(INDEX(Jesper!AJ$2:AJ$366,ROUNDDOWN($C6858/24,0)+1,1))-1)+IF('Standard Profiles'!$G$20=$B$10,7,0)+IF('Standard Profiles'!$G$20=$B$17,14,0)+IF('Standard Profiles'!$G$20=$B$24,21,0),MOD($C6858,24)+1)/SUM(INDEX($D$3:$AA$30,INDEX(Jesper!$R$2:$R$366,ROW(INDEX(Jesper!AJ$2:AJ$366,ROUNDDOWN($C6858/24,0)+1,1))-1)+IF('Standard Profiles'!$G$20=$B$10,7,0)+IF('Standard Profiles'!$G$20=$B$17,14,0)+IF('Standard Profiles'!$G$20=$B$24,21,0),0)),0)</f>
        <v>0</v>
      </c>
      <c r="G6858" cm="1">
        <f t="array" ref="G6858">IFERROR(INDEX(Jesper!AK$2:AK$366,ROUNDDOWN($C6858/24,0)+1,1)*INDEX($D$3:$AA$30,INDEX(Jesper!$R$2:$R$366,ROW(INDEX(Jesper!AK$2:AK$366,ROUNDDOWN($C6858/24,0)+1,1))-1)+IF('Standard Profiles'!$G$21=$B$10,7,0)+IF('Standard Profiles'!$G$21=$B$17,14,0)+IF('Standard Profiles'!$G$21=$B$24,21,0),MOD($C6858,24)+1)/SUM(INDEX($D$3:$AA$30,INDEX(Jesper!$R$2:$R$366,ROW(INDEX(Jesper!AK$2:AK$366,ROUNDDOWN($C6858/24,0)+1,1))-1)+IF('Standard Profiles'!$G$21=$B$10,7,0)+IF('Standard Profiles'!$G$21=$B$17,14,0)+IF('Standard Profiles'!$G$21=$B$24,21,0),0)),0)</f>
        <v>0</v>
      </c>
      <c r="H6858" cm="1">
        <f t="array" ref="H6858">IFERROR(INDEX(Jesper!AL$2:AL$366,ROUNDDOWN($C6858/24,0)+1,1)*INDEX($D$3:$AA$30,INDEX(Jesper!$R$2:$R$366,ROW(INDEX(Jesper!AL$2:AL$366,ROUNDDOWN($C6858/24,0)+1,1))-1)+IF('Standard Profiles'!$G$22=$B$10,7,0)+IF('Standard Profiles'!$G$22=$B$17,14,0)+IF('Standard Profiles'!$G$22=$B$24,21,0),MOD($C6858,24)+1)/SUM(INDEX($D$3:$AA$30,INDEX(Jesper!$R$2:$R$366,ROW(INDEX(Jesper!AL$2:AL$366,ROUNDDOWN($C6858/24,0)+1,1))-1)+IF('Standard Profiles'!$G$22=$B$10,7,0)+IF('Standard Profiles'!$G$22=$B$17,14,0)+IF('Standard Profiles'!$G$22=$B$24,21,0),0)),0)</f>
        <v>0</v>
      </c>
      <c r="I6858">
        <f t="shared" si="762"/>
        <v>0.37688812857104564</v>
      </c>
      <c r="J6858">
        <f t="shared" si="763"/>
        <v>1.2562937619034855</v>
      </c>
      <c r="K6858">
        <f t="shared" si="764"/>
        <v>1.8844406428552283</v>
      </c>
      <c r="L6858">
        <f t="shared" si="765"/>
        <v>9.045315085705095</v>
      </c>
      <c r="M6858">
        <f t="shared" si="766"/>
        <v>0</v>
      </c>
      <c r="N6858" s="46">
        <f t="shared" si="767"/>
        <v>45576.333333316783</v>
      </c>
    </row>
    <row r="6859" spans="2:14" x14ac:dyDescent="0.3">
      <c r="B6859">
        <f t="shared" si="761"/>
        <v>5</v>
      </c>
      <c r="C6859" s="16">
        <v>6825</v>
      </c>
      <c r="D6859" cm="1">
        <f t="array" ref="D6859">IFERROR(INDEX(Jesper!AH$2:AH$366,ROUNDDOWN($C6859/24,0)+1,1)*INDEX($D$3:$AA$30,INDEX(Jesper!$R$2:$R$366,ROW(INDEX(Jesper!AH$2:AH$366,ROUNDDOWN($C6859/24,0)+1,1))-1)+IF('Standard Profiles'!$G$18=$B$10,7,0)+IF('Standard Profiles'!$G$18=$B$17,14,0)+IF('Standard Profiles'!$G$18=$B$24,21,0),MOD($C6859,24)+1)/SUM(INDEX($D$3:$AA$30,INDEX(Jesper!$R$2:$R$366,ROW(INDEX(Jesper!AH$2:AH$366,ROUNDDOWN($C6859/24,0)+1,1))-1)+IF('Standard Profiles'!$G$18=$B$10,7,0)+IF('Standard Profiles'!$G$18=$B$17,14,0)+IF('Standard Profiles'!$G$18=$B$24,21,0),0)),0)</f>
        <v>13.460290306108773</v>
      </c>
      <c r="E6859" cm="1">
        <f t="array" ref="E6859">IFERROR(INDEX(Jesper!AI$2:AI$366,ROUNDDOWN($C6859/24,0)+1,1)*INDEX($D$3:$AA$30,INDEX(Jesper!$R$2:$R$366,ROW(INDEX(Jesper!AI$2:AI$366,ROUNDDOWN($C6859/24,0)+1,1))-1)+IF('Standard Profiles'!$G$19=$B$10,7,0)+IF('Standard Profiles'!$G$19=$B$17,14,0)+IF('Standard Profiles'!$G$19=$B$24,21,0),MOD($C6859,24)+1)/SUM(INDEX($D$3:$AA$30,INDEX(Jesper!$R$2:$R$366,ROW(INDEX(Jesper!AI$2:AI$366,ROUNDDOWN($C6859/24,0)+1,1))-1)+IF('Standard Profiles'!$G$19=$B$10,7,0)+IF('Standard Profiles'!$G$19=$B$17,14,0)+IF('Standard Profiles'!$G$19=$B$24,21,0),0)),0)</f>
        <v>0</v>
      </c>
      <c r="F6859" cm="1">
        <f t="array" ref="F6859">IFERROR(INDEX(Jesper!AJ$2:AJ$366,ROUNDDOWN($C6859/24,0)+1,1)*INDEX($D$3:$AA$30,INDEX(Jesper!$R$2:$R$366,ROW(INDEX(Jesper!AJ$2:AJ$366,ROUNDDOWN($C6859/24,0)+1,1))-1)+IF('Standard Profiles'!$G$20=$B$10,7,0)+IF('Standard Profiles'!$G$20=$B$17,14,0)+IF('Standard Profiles'!$G$20=$B$24,21,0),MOD($C6859,24)+1)/SUM(INDEX($D$3:$AA$30,INDEX(Jesper!$R$2:$R$366,ROW(INDEX(Jesper!AJ$2:AJ$366,ROUNDDOWN($C6859/24,0)+1,1))-1)+IF('Standard Profiles'!$G$20=$B$10,7,0)+IF('Standard Profiles'!$G$20=$B$17,14,0)+IF('Standard Profiles'!$G$20=$B$24,21,0),0)),0)</f>
        <v>0</v>
      </c>
      <c r="G6859" cm="1">
        <f t="array" ref="G6859">IFERROR(INDEX(Jesper!AK$2:AK$366,ROUNDDOWN($C6859/24,0)+1,1)*INDEX($D$3:$AA$30,INDEX(Jesper!$R$2:$R$366,ROW(INDEX(Jesper!AK$2:AK$366,ROUNDDOWN($C6859/24,0)+1,1))-1)+IF('Standard Profiles'!$G$21=$B$10,7,0)+IF('Standard Profiles'!$G$21=$B$17,14,0)+IF('Standard Profiles'!$G$21=$B$24,21,0),MOD($C6859,24)+1)/SUM(INDEX($D$3:$AA$30,INDEX(Jesper!$R$2:$R$366,ROW(INDEX(Jesper!AK$2:AK$366,ROUNDDOWN($C6859/24,0)+1,1))-1)+IF('Standard Profiles'!$G$21=$B$10,7,0)+IF('Standard Profiles'!$G$21=$B$17,14,0)+IF('Standard Profiles'!$G$21=$B$24,21,0),0)),0)</f>
        <v>0</v>
      </c>
      <c r="H6859" cm="1">
        <f t="array" ref="H6859">IFERROR(INDEX(Jesper!AL$2:AL$366,ROUNDDOWN($C6859/24,0)+1,1)*INDEX($D$3:$AA$30,INDEX(Jesper!$R$2:$R$366,ROW(INDEX(Jesper!AL$2:AL$366,ROUNDDOWN($C6859/24,0)+1,1))-1)+IF('Standard Profiles'!$G$22=$B$10,7,0)+IF('Standard Profiles'!$G$22=$B$17,14,0)+IF('Standard Profiles'!$G$22=$B$24,21,0),MOD($C6859,24)+1)/SUM(INDEX($D$3:$AA$30,INDEX(Jesper!$R$2:$R$366,ROW(INDEX(Jesper!AL$2:AL$366,ROUNDDOWN($C6859/24,0)+1,1))-1)+IF('Standard Profiles'!$G$22=$B$10,7,0)+IF('Standard Profiles'!$G$22=$B$17,14,0)+IF('Standard Profiles'!$G$22=$B$24,21,0),0)),0)</f>
        <v>0</v>
      </c>
      <c r="I6859">
        <f t="shared" si="762"/>
        <v>0.40380870918326317</v>
      </c>
      <c r="J6859">
        <f t="shared" si="763"/>
        <v>1.3460290306108773</v>
      </c>
      <c r="K6859">
        <f t="shared" si="764"/>
        <v>2.0190435459163156</v>
      </c>
      <c r="L6859">
        <f t="shared" si="765"/>
        <v>9.6914090203983161</v>
      </c>
      <c r="M6859">
        <f t="shared" si="766"/>
        <v>0</v>
      </c>
      <c r="N6859" s="46">
        <f t="shared" si="767"/>
        <v>45576.374999983447</v>
      </c>
    </row>
    <row r="6860" spans="2:14" x14ac:dyDescent="0.3">
      <c r="B6860">
        <f t="shared" si="761"/>
        <v>5</v>
      </c>
      <c r="C6860" s="16">
        <v>6826</v>
      </c>
      <c r="D6860" cm="1">
        <f t="array" ref="D6860">IFERROR(INDEX(Jesper!AH$2:AH$366,ROUNDDOWN($C6860/24,0)+1,1)*INDEX($D$3:$AA$30,INDEX(Jesper!$R$2:$R$366,ROW(INDEX(Jesper!AH$2:AH$366,ROUNDDOWN($C6860/24,0)+1,1))-1)+IF('Standard Profiles'!$G$18=$B$10,7,0)+IF('Standard Profiles'!$G$18=$B$17,14,0)+IF('Standard Profiles'!$G$18=$B$24,21,0),MOD($C6860,24)+1)/SUM(INDEX($D$3:$AA$30,INDEX(Jesper!$R$2:$R$366,ROW(INDEX(Jesper!AH$2:AH$366,ROUNDDOWN($C6860/24,0)+1,1))-1)+IF('Standard Profiles'!$G$18=$B$10,7,0)+IF('Standard Profiles'!$G$18=$B$17,14,0)+IF('Standard Profiles'!$G$18=$B$24,21,0),0)),0)</f>
        <v>13.998701918353124</v>
      </c>
      <c r="E6860" cm="1">
        <f t="array" ref="E6860">IFERROR(INDEX(Jesper!AI$2:AI$366,ROUNDDOWN($C6860/24,0)+1,1)*INDEX($D$3:$AA$30,INDEX(Jesper!$R$2:$R$366,ROW(INDEX(Jesper!AI$2:AI$366,ROUNDDOWN($C6860/24,0)+1,1))-1)+IF('Standard Profiles'!$G$19=$B$10,7,0)+IF('Standard Profiles'!$G$19=$B$17,14,0)+IF('Standard Profiles'!$G$19=$B$24,21,0),MOD($C6860,24)+1)/SUM(INDEX($D$3:$AA$30,INDEX(Jesper!$R$2:$R$366,ROW(INDEX(Jesper!AI$2:AI$366,ROUNDDOWN($C6860/24,0)+1,1))-1)+IF('Standard Profiles'!$G$19=$B$10,7,0)+IF('Standard Profiles'!$G$19=$B$17,14,0)+IF('Standard Profiles'!$G$19=$B$24,21,0),0)),0)</f>
        <v>0</v>
      </c>
      <c r="F6860" cm="1">
        <f t="array" ref="F6860">IFERROR(INDEX(Jesper!AJ$2:AJ$366,ROUNDDOWN($C6860/24,0)+1,1)*INDEX($D$3:$AA$30,INDEX(Jesper!$R$2:$R$366,ROW(INDEX(Jesper!AJ$2:AJ$366,ROUNDDOWN($C6860/24,0)+1,1))-1)+IF('Standard Profiles'!$G$20=$B$10,7,0)+IF('Standard Profiles'!$G$20=$B$17,14,0)+IF('Standard Profiles'!$G$20=$B$24,21,0),MOD($C6860,24)+1)/SUM(INDEX($D$3:$AA$30,INDEX(Jesper!$R$2:$R$366,ROW(INDEX(Jesper!AJ$2:AJ$366,ROUNDDOWN($C6860/24,0)+1,1))-1)+IF('Standard Profiles'!$G$20=$B$10,7,0)+IF('Standard Profiles'!$G$20=$B$17,14,0)+IF('Standard Profiles'!$G$20=$B$24,21,0),0)),0)</f>
        <v>0</v>
      </c>
      <c r="G6860" cm="1">
        <f t="array" ref="G6860">IFERROR(INDEX(Jesper!AK$2:AK$366,ROUNDDOWN($C6860/24,0)+1,1)*INDEX($D$3:$AA$30,INDEX(Jesper!$R$2:$R$366,ROW(INDEX(Jesper!AK$2:AK$366,ROUNDDOWN($C6860/24,0)+1,1))-1)+IF('Standard Profiles'!$G$21=$B$10,7,0)+IF('Standard Profiles'!$G$21=$B$17,14,0)+IF('Standard Profiles'!$G$21=$B$24,21,0),MOD($C6860,24)+1)/SUM(INDEX($D$3:$AA$30,INDEX(Jesper!$R$2:$R$366,ROW(INDEX(Jesper!AK$2:AK$366,ROUNDDOWN($C6860/24,0)+1,1))-1)+IF('Standard Profiles'!$G$21=$B$10,7,0)+IF('Standard Profiles'!$G$21=$B$17,14,0)+IF('Standard Profiles'!$G$21=$B$24,21,0),0)),0)</f>
        <v>0</v>
      </c>
      <c r="H6860" cm="1">
        <f t="array" ref="H6860">IFERROR(INDEX(Jesper!AL$2:AL$366,ROUNDDOWN($C6860/24,0)+1,1)*INDEX($D$3:$AA$30,INDEX(Jesper!$R$2:$R$366,ROW(INDEX(Jesper!AL$2:AL$366,ROUNDDOWN($C6860/24,0)+1,1))-1)+IF('Standard Profiles'!$G$22=$B$10,7,0)+IF('Standard Profiles'!$G$22=$B$17,14,0)+IF('Standard Profiles'!$G$22=$B$24,21,0),MOD($C6860,24)+1)/SUM(INDEX($D$3:$AA$30,INDEX(Jesper!$R$2:$R$366,ROW(INDEX(Jesper!AL$2:AL$366,ROUNDDOWN($C6860/24,0)+1,1))-1)+IF('Standard Profiles'!$G$22=$B$10,7,0)+IF('Standard Profiles'!$G$22=$B$17,14,0)+IF('Standard Profiles'!$G$22=$B$24,21,0),0)),0)</f>
        <v>0</v>
      </c>
      <c r="I6860">
        <f t="shared" si="762"/>
        <v>0.41996105755059371</v>
      </c>
      <c r="J6860">
        <f t="shared" si="763"/>
        <v>1.3998701918353125</v>
      </c>
      <c r="K6860">
        <f t="shared" si="764"/>
        <v>2.0998052877529685</v>
      </c>
      <c r="L6860">
        <f t="shared" si="765"/>
        <v>10.079065381214249</v>
      </c>
      <c r="M6860">
        <f t="shared" si="766"/>
        <v>0</v>
      </c>
      <c r="N6860" s="46">
        <f t="shared" si="767"/>
        <v>45576.416666650111</v>
      </c>
    </row>
    <row r="6861" spans="2:14" x14ac:dyDescent="0.3">
      <c r="B6861">
        <f t="shared" si="761"/>
        <v>5</v>
      </c>
      <c r="C6861" s="16">
        <v>6827</v>
      </c>
      <c r="D6861" cm="1">
        <f t="array" ref="D6861">IFERROR(INDEX(Jesper!AH$2:AH$366,ROUNDDOWN($C6861/24,0)+1,1)*INDEX($D$3:$AA$30,INDEX(Jesper!$R$2:$R$366,ROW(INDEX(Jesper!AH$2:AH$366,ROUNDDOWN($C6861/24,0)+1,1))-1)+IF('Standard Profiles'!$G$18=$B$10,7,0)+IF('Standard Profiles'!$G$18=$B$17,14,0)+IF('Standard Profiles'!$G$18=$B$24,21,0),MOD($C6861,24)+1)/SUM(INDEX($D$3:$AA$30,INDEX(Jesper!$R$2:$R$366,ROW(INDEX(Jesper!AH$2:AH$366,ROUNDDOWN($C6861/24,0)+1,1))-1)+IF('Standard Profiles'!$G$18=$B$10,7,0)+IF('Standard Profiles'!$G$18=$B$17,14,0)+IF('Standard Profiles'!$G$18=$B$24,21,0),0)),0)</f>
        <v>16.152348367330525</v>
      </c>
      <c r="E6861" cm="1">
        <f t="array" ref="E6861">IFERROR(INDEX(Jesper!AI$2:AI$366,ROUNDDOWN($C6861/24,0)+1,1)*INDEX($D$3:$AA$30,INDEX(Jesper!$R$2:$R$366,ROW(INDEX(Jesper!AI$2:AI$366,ROUNDDOWN($C6861/24,0)+1,1))-1)+IF('Standard Profiles'!$G$19=$B$10,7,0)+IF('Standard Profiles'!$G$19=$B$17,14,0)+IF('Standard Profiles'!$G$19=$B$24,21,0),MOD($C6861,24)+1)/SUM(INDEX($D$3:$AA$30,INDEX(Jesper!$R$2:$R$366,ROW(INDEX(Jesper!AI$2:AI$366,ROUNDDOWN($C6861/24,0)+1,1))-1)+IF('Standard Profiles'!$G$19=$B$10,7,0)+IF('Standard Profiles'!$G$19=$B$17,14,0)+IF('Standard Profiles'!$G$19=$B$24,21,0),0)),0)</f>
        <v>0</v>
      </c>
      <c r="F6861" cm="1">
        <f t="array" ref="F6861">IFERROR(INDEX(Jesper!AJ$2:AJ$366,ROUNDDOWN($C6861/24,0)+1,1)*INDEX($D$3:$AA$30,INDEX(Jesper!$R$2:$R$366,ROW(INDEX(Jesper!AJ$2:AJ$366,ROUNDDOWN($C6861/24,0)+1,1))-1)+IF('Standard Profiles'!$G$20=$B$10,7,0)+IF('Standard Profiles'!$G$20=$B$17,14,0)+IF('Standard Profiles'!$G$20=$B$24,21,0),MOD($C6861,24)+1)/SUM(INDEX($D$3:$AA$30,INDEX(Jesper!$R$2:$R$366,ROW(INDEX(Jesper!AJ$2:AJ$366,ROUNDDOWN($C6861/24,0)+1,1))-1)+IF('Standard Profiles'!$G$20=$B$10,7,0)+IF('Standard Profiles'!$G$20=$B$17,14,0)+IF('Standard Profiles'!$G$20=$B$24,21,0),0)),0)</f>
        <v>0</v>
      </c>
      <c r="G6861" cm="1">
        <f t="array" ref="G6861">IFERROR(INDEX(Jesper!AK$2:AK$366,ROUNDDOWN($C6861/24,0)+1,1)*INDEX($D$3:$AA$30,INDEX(Jesper!$R$2:$R$366,ROW(INDEX(Jesper!AK$2:AK$366,ROUNDDOWN($C6861/24,0)+1,1))-1)+IF('Standard Profiles'!$G$21=$B$10,7,0)+IF('Standard Profiles'!$G$21=$B$17,14,0)+IF('Standard Profiles'!$G$21=$B$24,21,0),MOD($C6861,24)+1)/SUM(INDEX($D$3:$AA$30,INDEX(Jesper!$R$2:$R$366,ROW(INDEX(Jesper!AK$2:AK$366,ROUNDDOWN($C6861/24,0)+1,1))-1)+IF('Standard Profiles'!$G$21=$B$10,7,0)+IF('Standard Profiles'!$G$21=$B$17,14,0)+IF('Standard Profiles'!$G$21=$B$24,21,0),0)),0)</f>
        <v>0</v>
      </c>
      <c r="H6861" cm="1">
        <f t="array" ref="H6861">IFERROR(INDEX(Jesper!AL$2:AL$366,ROUNDDOWN($C6861/24,0)+1,1)*INDEX($D$3:$AA$30,INDEX(Jesper!$R$2:$R$366,ROW(INDEX(Jesper!AL$2:AL$366,ROUNDDOWN($C6861/24,0)+1,1))-1)+IF('Standard Profiles'!$G$22=$B$10,7,0)+IF('Standard Profiles'!$G$22=$B$17,14,0)+IF('Standard Profiles'!$G$22=$B$24,21,0),MOD($C6861,24)+1)/SUM(INDEX($D$3:$AA$30,INDEX(Jesper!$R$2:$R$366,ROW(INDEX(Jesper!AL$2:AL$366,ROUNDDOWN($C6861/24,0)+1,1))-1)+IF('Standard Profiles'!$G$22=$B$10,7,0)+IF('Standard Profiles'!$G$22=$B$17,14,0)+IF('Standard Profiles'!$G$22=$B$24,21,0),0)),0)</f>
        <v>0</v>
      </c>
      <c r="I6861">
        <f t="shared" si="762"/>
        <v>0.48457045101991575</v>
      </c>
      <c r="J6861">
        <f t="shared" si="763"/>
        <v>1.6152348367330527</v>
      </c>
      <c r="K6861">
        <f t="shared" si="764"/>
        <v>2.4228522550995786</v>
      </c>
      <c r="L6861">
        <f t="shared" si="765"/>
        <v>11.629690824477978</v>
      </c>
      <c r="M6861">
        <f t="shared" si="766"/>
        <v>0</v>
      </c>
      <c r="N6861" s="46">
        <f t="shared" si="767"/>
        <v>45576.458333316776</v>
      </c>
    </row>
    <row r="6862" spans="2:14" x14ac:dyDescent="0.3">
      <c r="B6862">
        <f t="shared" si="761"/>
        <v>5</v>
      </c>
      <c r="C6862" s="16">
        <v>6828</v>
      </c>
      <c r="D6862" cm="1">
        <f t="array" ref="D6862">IFERROR(INDEX(Jesper!AH$2:AH$366,ROUNDDOWN($C6862/24,0)+1,1)*INDEX($D$3:$AA$30,INDEX(Jesper!$R$2:$R$366,ROW(INDEX(Jesper!AH$2:AH$366,ROUNDDOWN($C6862/24,0)+1,1))-1)+IF('Standard Profiles'!$G$18=$B$10,7,0)+IF('Standard Profiles'!$G$18=$B$17,14,0)+IF('Standard Profiles'!$G$18=$B$24,21,0),MOD($C6862,24)+1)/SUM(INDEX($D$3:$AA$30,INDEX(Jesper!$R$2:$R$366,ROW(INDEX(Jesper!AH$2:AH$366,ROUNDDOWN($C6862/24,0)+1,1))-1)+IF('Standard Profiles'!$G$18=$B$10,7,0)+IF('Standard Profiles'!$G$18=$B$17,14,0)+IF('Standard Profiles'!$G$18=$B$24,21,0),0)),0)</f>
        <v>16.152348367330525</v>
      </c>
      <c r="E6862" cm="1">
        <f t="array" ref="E6862">IFERROR(INDEX(Jesper!AI$2:AI$366,ROUNDDOWN($C6862/24,0)+1,1)*INDEX($D$3:$AA$30,INDEX(Jesper!$R$2:$R$366,ROW(INDEX(Jesper!AI$2:AI$366,ROUNDDOWN($C6862/24,0)+1,1))-1)+IF('Standard Profiles'!$G$19=$B$10,7,0)+IF('Standard Profiles'!$G$19=$B$17,14,0)+IF('Standard Profiles'!$G$19=$B$24,21,0),MOD($C6862,24)+1)/SUM(INDEX($D$3:$AA$30,INDEX(Jesper!$R$2:$R$366,ROW(INDEX(Jesper!AI$2:AI$366,ROUNDDOWN($C6862/24,0)+1,1))-1)+IF('Standard Profiles'!$G$19=$B$10,7,0)+IF('Standard Profiles'!$G$19=$B$17,14,0)+IF('Standard Profiles'!$G$19=$B$24,21,0),0)),0)</f>
        <v>0</v>
      </c>
      <c r="F6862" cm="1">
        <f t="array" ref="F6862">IFERROR(INDEX(Jesper!AJ$2:AJ$366,ROUNDDOWN($C6862/24,0)+1,1)*INDEX($D$3:$AA$30,INDEX(Jesper!$R$2:$R$366,ROW(INDEX(Jesper!AJ$2:AJ$366,ROUNDDOWN($C6862/24,0)+1,1))-1)+IF('Standard Profiles'!$G$20=$B$10,7,0)+IF('Standard Profiles'!$G$20=$B$17,14,0)+IF('Standard Profiles'!$G$20=$B$24,21,0),MOD($C6862,24)+1)/SUM(INDEX($D$3:$AA$30,INDEX(Jesper!$R$2:$R$366,ROW(INDEX(Jesper!AJ$2:AJ$366,ROUNDDOWN($C6862/24,0)+1,1))-1)+IF('Standard Profiles'!$G$20=$B$10,7,0)+IF('Standard Profiles'!$G$20=$B$17,14,0)+IF('Standard Profiles'!$G$20=$B$24,21,0),0)),0)</f>
        <v>0</v>
      </c>
      <c r="G6862" cm="1">
        <f t="array" ref="G6862">IFERROR(INDEX(Jesper!AK$2:AK$366,ROUNDDOWN($C6862/24,0)+1,1)*INDEX($D$3:$AA$30,INDEX(Jesper!$R$2:$R$366,ROW(INDEX(Jesper!AK$2:AK$366,ROUNDDOWN($C6862/24,0)+1,1))-1)+IF('Standard Profiles'!$G$21=$B$10,7,0)+IF('Standard Profiles'!$G$21=$B$17,14,0)+IF('Standard Profiles'!$G$21=$B$24,21,0),MOD($C6862,24)+1)/SUM(INDEX($D$3:$AA$30,INDEX(Jesper!$R$2:$R$366,ROW(INDEX(Jesper!AK$2:AK$366,ROUNDDOWN($C6862/24,0)+1,1))-1)+IF('Standard Profiles'!$G$21=$B$10,7,0)+IF('Standard Profiles'!$G$21=$B$17,14,0)+IF('Standard Profiles'!$G$21=$B$24,21,0),0)),0)</f>
        <v>0</v>
      </c>
      <c r="H6862" cm="1">
        <f t="array" ref="H6862">IFERROR(INDEX(Jesper!AL$2:AL$366,ROUNDDOWN($C6862/24,0)+1,1)*INDEX($D$3:$AA$30,INDEX(Jesper!$R$2:$R$366,ROW(INDEX(Jesper!AL$2:AL$366,ROUNDDOWN($C6862/24,0)+1,1))-1)+IF('Standard Profiles'!$G$22=$B$10,7,0)+IF('Standard Profiles'!$G$22=$B$17,14,0)+IF('Standard Profiles'!$G$22=$B$24,21,0),MOD($C6862,24)+1)/SUM(INDEX($D$3:$AA$30,INDEX(Jesper!$R$2:$R$366,ROW(INDEX(Jesper!AL$2:AL$366,ROUNDDOWN($C6862/24,0)+1,1))-1)+IF('Standard Profiles'!$G$22=$B$10,7,0)+IF('Standard Profiles'!$G$22=$B$17,14,0)+IF('Standard Profiles'!$G$22=$B$24,21,0),0)),0)</f>
        <v>0</v>
      </c>
      <c r="I6862">
        <f t="shared" si="762"/>
        <v>0.48457045101991575</v>
      </c>
      <c r="J6862">
        <f t="shared" si="763"/>
        <v>1.6152348367330527</v>
      </c>
      <c r="K6862">
        <f t="shared" si="764"/>
        <v>2.4228522550995786</v>
      </c>
      <c r="L6862">
        <f t="shared" si="765"/>
        <v>11.629690824477978</v>
      </c>
      <c r="M6862">
        <f t="shared" si="766"/>
        <v>0</v>
      </c>
      <c r="N6862" s="46">
        <f t="shared" si="767"/>
        <v>45576.49999998344</v>
      </c>
    </row>
    <row r="6863" spans="2:14" x14ac:dyDescent="0.3">
      <c r="B6863">
        <f t="shared" si="761"/>
        <v>5</v>
      </c>
      <c r="C6863" s="16">
        <v>6829</v>
      </c>
      <c r="D6863" cm="1">
        <f t="array" ref="D6863">IFERROR(INDEX(Jesper!AH$2:AH$366,ROUNDDOWN($C6863/24,0)+1,1)*INDEX($D$3:$AA$30,INDEX(Jesper!$R$2:$R$366,ROW(INDEX(Jesper!AH$2:AH$366,ROUNDDOWN($C6863/24,0)+1,1))-1)+IF('Standard Profiles'!$G$18=$B$10,7,0)+IF('Standard Profiles'!$G$18=$B$17,14,0)+IF('Standard Profiles'!$G$18=$B$24,21,0),MOD($C6863,24)+1)/SUM(INDEX($D$3:$AA$30,INDEX(Jesper!$R$2:$R$366,ROW(INDEX(Jesper!AH$2:AH$366,ROUNDDOWN($C6863/24,0)+1,1))-1)+IF('Standard Profiles'!$G$18=$B$10,7,0)+IF('Standard Profiles'!$G$18=$B$17,14,0)+IF('Standard Profiles'!$G$18=$B$24,21,0),0)),0)</f>
        <v>16.152348367330525</v>
      </c>
      <c r="E6863" cm="1">
        <f t="array" ref="E6863">IFERROR(INDEX(Jesper!AI$2:AI$366,ROUNDDOWN($C6863/24,0)+1,1)*INDEX($D$3:$AA$30,INDEX(Jesper!$R$2:$R$366,ROW(INDEX(Jesper!AI$2:AI$366,ROUNDDOWN($C6863/24,0)+1,1))-1)+IF('Standard Profiles'!$G$19=$B$10,7,0)+IF('Standard Profiles'!$G$19=$B$17,14,0)+IF('Standard Profiles'!$G$19=$B$24,21,0),MOD($C6863,24)+1)/SUM(INDEX($D$3:$AA$30,INDEX(Jesper!$R$2:$R$366,ROW(INDEX(Jesper!AI$2:AI$366,ROUNDDOWN($C6863/24,0)+1,1))-1)+IF('Standard Profiles'!$G$19=$B$10,7,0)+IF('Standard Profiles'!$G$19=$B$17,14,0)+IF('Standard Profiles'!$G$19=$B$24,21,0),0)),0)</f>
        <v>0</v>
      </c>
      <c r="F6863" cm="1">
        <f t="array" ref="F6863">IFERROR(INDEX(Jesper!AJ$2:AJ$366,ROUNDDOWN($C6863/24,0)+1,1)*INDEX($D$3:$AA$30,INDEX(Jesper!$R$2:$R$366,ROW(INDEX(Jesper!AJ$2:AJ$366,ROUNDDOWN($C6863/24,0)+1,1))-1)+IF('Standard Profiles'!$G$20=$B$10,7,0)+IF('Standard Profiles'!$G$20=$B$17,14,0)+IF('Standard Profiles'!$G$20=$B$24,21,0),MOD($C6863,24)+1)/SUM(INDEX($D$3:$AA$30,INDEX(Jesper!$R$2:$R$366,ROW(INDEX(Jesper!AJ$2:AJ$366,ROUNDDOWN($C6863/24,0)+1,1))-1)+IF('Standard Profiles'!$G$20=$B$10,7,0)+IF('Standard Profiles'!$G$20=$B$17,14,0)+IF('Standard Profiles'!$G$20=$B$24,21,0),0)),0)</f>
        <v>0</v>
      </c>
      <c r="G6863" cm="1">
        <f t="array" ref="G6863">IFERROR(INDEX(Jesper!AK$2:AK$366,ROUNDDOWN($C6863/24,0)+1,1)*INDEX($D$3:$AA$30,INDEX(Jesper!$R$2:$R$366,ROW(INDEX(Jesper!AK$2:AK$366,ROUNDDOWN($C6863/24,0)+1,1))-1)+IF('Standard Profiles'!$G$21=$B$10,7,0)+IF('Standard Profiles'!$G$21=$B$17,14,0)+IF('Standard Profiles'!$G$21=$B$24,21,0),MOD($C6863,24)+1)/SUM(INDEX($D$3:$AA$30,INDEX(Jesper!$R$2:$R$366,ROW(INDEX(Jesper!AK$2:AK$366,ROUNDDOWN($C6863/24,0)+1,1))-1)+IF('Standard Profiles'!$G$21=$B$10,7,0)+IF('Standard Profiles'!$G$21=$B$17,14,0)+IF('Standard Profiles'!$G$21=$B$24,21,0),0)),0)</f>
        <v>0</v>
      </c>
      <c r="H6863" cm="1">
        <f t="array" ref="H6863">IFERROR(INDEX(Jesper!AL$2:AL$366,ROUNDDOWN($C6863/24,0)+1,1)*INDEX($D$3:$AA$30,INDEX(Jesper!$R$2:$R$366,ROW(INDEX(Jesper!AL$2:AL$366,ROUNDDOWN($C6863/24,0)+1,1))-1)+IF('Standard Profiles'!$G$22=$B$10,7,0)+IF('Standard Profiles'!$G$22=$B$17,14,0)+IF('Standard Profiles'!$G$22=$B$24,21,0),MOD($C6863,24)+1)/SUM(INDEX($D$3:$AA$30,INDEX(Jesper!$R$2:$R$366,ROW(INDEX(Jesper!AL$2:AL$366,ROUNDDOWN($C6863/24,0)+1,1))-1)+IF('Standard Profiles'!$G$22=$B$10,7,0)+IF('Standard Profiles'!$G$22=$B$17,14,0)+IF('Standard Profiles'!$G$22=$B$24,21,0),0)),0)</f>
        <v>0</v>
      </c>
      <c r="I6863">
        <f t="shared" si="762"/>
        <v>0.48457045101991575</v>
      </c>
      <c r="J6863">
        <f t="shared" si="763"/>
        <v>1.6152348367330527</v>
      </c>
      <c r="K6863">
        <f t="shared" si="764"/>
        <v>2.4228522550995786</v>
      </c>
      <c r="L6863">
        <f t="shared" si="765"/>
        <v>11.629690824477978</v>
      </c>
      <c r="M6863">
        <f t="shared" si="766"/>
        <v>0</v>
      </c>
      <c r="N6863" s="46">
        <f t="shared" si="767"/>
        <v>45576.541666650104</v>
      </c>
    </row>
    <row r="6864" spans="2:14" x14ac:dyDescent="0.3">
      <c r="B6864">
        <f t="shared" si="761"/>
        <v>5</v>
      </c>
      <c r="C6864" s="16">
        <v>6830</v>
      </c>
      <c r="D6864" cm="1">
        <f t="array" ref="D6864">IFERROR(INDEX(Jesper!AH$2:AH$366,ROUNDDOWN($C6864/24,0)+1,1)*INDEX($D$3:$AA$30,INDEX(Jesper!$R$2:$R$366,ROW(INDEX(Jesper!AH$2:AH$366,ROUNDDOWN($C6864/24,0)+1,1))-1)+IF('Standard Profiles'!$G$18=$B$10,7,0)+IF('Standard Profiles'!$G$18=$B$17,14,0)+IF('Standard Profiles'!$G$18=$B$24,21,0),MOD($C6864,24)+1)/SUM(INDEX($D$3:$AA$30,INDEX(Jesper!$R$2:$R$366,ROW(INDEX(Jesper!AH$2:AH$366,ROUNDDOWN($C6864/24,0)+1,1))-1)+IF('Standard Profiles'!$G$18=$B$10,7,0)+IF('Standard Profiles'!$G$18=$B$17,14,0)+IF('Standard Profiles'!$G$18=$B$24,21,0),0)),0)</f>
        <v>16.152348367330525</v>
      </c>
      <c r="E6864" cm="1">
        <f t="array" ref="E6864">IFERROR(INDEX(Jesper!AI$2:AI$366,ROUNDDOWN($C6864/24,0)+1,1)*INDEX($D$3:$AA$30,INDEX(Jesper!$R$2:$R$366,ROW(INDEX(Jesper!AI$2:AI$366,ROUNDDOWN($C6864/24,0)+1,1))-1)+IF('Standard Profiles'!$G$19=$B$10,7,0)+IF('Standard Profiles'!$G$19=$B$17,14,0)+IF('Standard Profiles'!$G$19=$B$24,21,0),MOD($C6864,24)+1)/SUM(INDEX($D$3:$AA$30,INDEX(Jesper!$R$2:$R$366,ROW(INDEX(Jesper!AI$2:AI$366,ROUNDDOWN($C6864/24,0)+1,1))-1)+IF('Standard Profiles'!$G$19=$B$10,7,0)+IF('Standard Profiles'!$G$19=$B$17,14,0)+IF('Standard Profiles'!$G$19=$B$24,21,0),0)),0)</f>
        <v>0</v>
      </c>
      <c r="F6864" cm="1">
        <f t="array" ref="F6864">IFERROR(INDEX(Jesper!AJ$2:AJ$366,ROUNDDOWN($C6864/24,0)+1,1)*INDEX($D$3:$AA$30,INDEX(Jesper!$R$2:$R$366,ROW(INDEX(Jesper!AJ$2:AJ$366,ROUNDDOWN($C6864/24,0)+1,1))-1)+IF('Standard Profiles'!$G$20=$B$10,7,0)+IF('Standard Profiles'!$G$20=$B$17,14,0)+IF('Standard Profiles'!$G$20=$B$24,21,0),MOD($C6864,24)+1)/SUM(INDEX($D$3:$AA$30,INDEX(Jesper!$R$2:$R$366,ROW(INDEX(Jesper!AJ$2:AJ$366,ROUNDDOWN($C6864/24,0)+1,1))-1)+IF('Standard Profiles'!$G$20=$B$10,7,0)+IF('Standard Profiles'!$G$20=$B$17,14,0)+IF('Standard Profiles'!$G$20=$B$24,21,0),0)),0)</f>
        <v>0</v>
      </c>
      <c r="G6864" cm="1">
        <f t="array" ref="G6864">IFERROR(INDEX(Jesper!AK$2:AK$366,ROUNDDOWN($C6864/24,0)+1,1)*INDEX($D$3:$AA$30,INDEX(Jesper!$R$2:$R$366,ROW(INDEX(Jesper!AK$2:AK$366,ROUNDDOWN($C6864/24,0)+1,1))-1)+IF('Standard Profiles'!$G$21=$B$10,7,0)+IF('Standard Profiles'!$G$21=$B$17,14,0)+IF('Standard Profiles'!$G$21=$B$24,21,0),MOD($C6864,24)+1)/SUM(INDEX($D$3:$AA$30,INDEX(Jesper!$R$2:$R$366,ROW(INDEX(Jesper!AK$2:AK$366,ROUNDDOWN($C6864/24,0)+1,1))-1)+IF('Standard Profiles'!$G$21=$B$10,7,0)+IF('Standard Profiles'!$G$21=$B$17,14,0)+IF('Standard Profiles'!$G$21=$B$24,21,0),0)),0)</f>
        <v>0</v>
      </c>
      <c r="H6864" cm="1">
        <f t="array" ref="H6864">IFERROR(INDEX(Jesper!AL$2:AL$366,ROUNDDOWN($C6864/24,0)+1,1)*INDEX($D$3:$AA$30,INDEX(Jesper!$R$2:$R$366,ROW(INDEX(Jesper!AL$2:AL$366,ROUNDDOWN($C6864/24,0)+1,1))-1)+IF('Standard Profiles'!$G$22=$B$10,7,0)+IF('Standard Profiles'!$G$22=$B$17,14,0)+IF('Standard Profiles'!$G$22=$B$24,21,0),MOD($C6864,24)+1)/SUM(INDEX($D$3:$AA$30,INDEX(Jesper!$R$2:$R$366,ROW(INDEX(Jesper!AL$2:AL$366,ROUNDDOWN($C6864/24,0)+1,1))-1)+IF('Standard Profiles'!$G$22=$B$10,7,0)+IF('Standard Profiles'!$G$22=$B$17,14,0)+IF('Standard Profiles'!$G$22=$B$24,21,0),0)),0)</f>
        <v>0</v>
      </c>
      <c r="I6864">
        <f t="shared" si="762"/>
        <v>0.48457045101991575</v>
      </c>
      <c r="J6864">
        <f t="shared" si="763"/>
        <v>1.6152348367330527</v>
      </c>
      <c r="K6864">
        <f t="shared" si="764"/>
        <v>2.4228522550995786</v>
      </c>
      <c r="L6864">
        <f t="shared" si="765"/>
        <v>11.629690824477978</v>
      </c>
      <c r="M6864">
        <f t="shared" si="766"/>
        <v>0</v>
      </c>
      <c r="N6864" s="46">
        <f t="shared" si="767"/>
        <v>45576.583333316768</v>
      </c>
    </row>
    <row r="6865" spans="2:14" x14ac:dyDescent="0.3">
      <c r="B6865">
        <f t="shared" si="761"/>
        <v>5</v>
      </c>
      <c r="C6865" s="16">
        <v>6831</v>
      </c>
      <c r="D6865" cm="1">
        <f t="array" ref="D6865">IFERROR(INDEX(Jesper!AH$2:AH$366,ROUNDDOWN($C6865/24,0)+1,1)*INDEX($D$3:$AA$30,INDEX(Jesper!$R$2:$R$366,ROW(INDEX(Jesper!AH$2:AH$366,ROUNDDOWN($C6865/24,0)+1,1))-1)+IF('Standard Profiles'!$G$18=$B$10,7,0)+IF('Standard Profiles'!$G$18=$B$17,14,0)+IF('Standard Profiles'!$G$18=$B$24,21,0),MOD($C6865,24)+1)/SUM(INDEX($D$3:$AA$30,INDEX(Jesper!$R$2:$R$366,ROW(INDEX(Jesper!AH$2:AH$366,ROUNDDOWN($C6865/24,0)+1,1))-1)+IF('Standard Profiles'!$G$18=$B$10,7,0)+IF('Standard Profiles'!$G$18=$B$17,14,0)+IF('Standard Profiles'!$G$18=$B$24,21,0),0)),0)</f>
        <v>13.460290306108773</v>
      </c>
      <c r="E6865" cm="1">
        <f t="array" ref="E6865">IFERROR(INDEX(Jesper!AI$2:AI$366,ROUNDDOWN($C6865/24,0)+1,1)*INDEX($D$3:$AA$30,INDEX(Jesper!$R$2:$R$366,ROW(INDEX(Jesper!AI$2:AI$366,ROUNDDOWN($C6865/24,0)+1,1))-1)+IF('Standard Profiles'!$G$19=$B$10,7,0)+IF('Standard Profiles'!$G$19=$B$17,14,0)+IF('Standard Profiles'!$G$19=$B$24,21,0),MOD($C6865,24)+1)/SUM(INDEX($D$3:$AA$30,INDEX(Jesper!$R$2:$R$366,ROW(INDEX(Jesper!AI$2:AI$366,ROUNDDOWN($C6865/24,0)+1,1))-1)+IF('Standard Profiles'!$G$19=$B$10,7,0)+IF('Standard Profiles'!$G$19=$B$17,14,0)+IF('Standard Profiles'!$G$19=$B$24,21,0),0)),0)</f>
        <v>0</v>
      </c>
      <c r="F6865" cm="1">
        <f t="array" ref="F6865">IFERROR(INDEX(Jesper!AJ$2:AJ$366,ROUNDDOWN($C6865/24,0)+1,1)*INDEX($D$3:$AA$30,INDEX(Jesper!$R$2:$R$366,ROW(INDEX(Jesper!AJ$2:AJ$366,ROUNDDOWN($C6865/24,0)+1,1))-1)+IF('Standard Profiles'!$G$20=$B$10,7,0)+IF('Standard Profiles'!$G$20=$B$17,14,0)+IF('Standard Profiles'!$G$20=$B$24,21,0),MOD($C6865,24)+1)/SUM(INDEX($D$3:$AA$30,INDEX(Jesper!$R$2:$R$366,ROW(INDEX(Jesper!AJ$2:AJ$366,ROUNDDOWN($C6865/24,0)+1,1))-1)+IF('Standard Profiles'!$G$20=$B$10,7,0)+IF('Standard Profiles'!$G$20=$B$17,14,0)+IF('Standard Profiles'!$G$20=$B$24,21,0),0)),0)</f>
        <v>0</v>
      </c>
      <c r="G6865" cm="1">
        <f t="array" ref="G6865">IFERROR(INDEX(Jesper!AK$2:AK$366,ROUNDDOWN($C6865/24,0)+1,1)*INDEX($D$3:$AA$30,INDEX(Jesper!$R$2:$R$366,ROW(INDEX(Jesper!AK$2:AK$366,ROUNDDOWN($C6865/24,0)+1,1))-1)+IF('Standard Profiles'!$G$21=$B$10,7,0)+IF('Standard Profiles'!$G$21=$B$17,14,0)+IF('Standard Profiles'!$G$21=$B$24,21,0),MOD($C6865,24)+1)/SUM(INDEX($D$3:$AA$30,INDEX(Jesper!$R$2:$R$366,ROW(INDEX(Jesper!AK$2:AK$366,ROUNDDOWN($C6865/24,0)+1,1))-1)+IF('Standard Profiles'!$G$21=$B$10,7,0)+IF('Standard Profiles'!$G$21=$B$17,14,0)+IF('Standard Profiles'!$G$21=$B$24,21,0),0)),0)</f>
        <v>0</v>
      </c>
      <c r="H6865" cm="1">
        <f t="array" ref="H6865">IFERROR(INDEX(Jesper!AL$2:AL$366,ROUNDDOWN($C6865/24,0)+1,1)*INDEX($D$3:$AA$30,INDEX(Jesper!$R$2:$R$366,ROW(INDEX(Jesper!AL$2:AL$366,ROUNDDOWN($C6865/24,0)+1,1))-1)+IF('Standard Profiles'!$G$22=$B$10,7,0)+IF('Standard Profiles'!$G$22=$B$17,14,0)+IF('Standard Profiles'!$G$22=$B$24,21,0),MOD($C6865,24)+1)/SUM(INDEX($D$3:$AA$30,INDEX(Jesper!$R$2:$R$366,ROW(INDEX(Jesper!AL$2:AL$366,ROUNDDOWN($C6865/24,0)+1,1))-1)+IF('Standard Profiles'!$G$22=$B$10,7,0)+IF('Standard Profiles'!$G$22=$B$17,14,0)+IF('Standard Profiles'!$G$22=$B$24,21,0),0)),0)</f>
        <v>0</v>
      </c>
      <c r="I6865">
        <f t="shared" si="762"/>
        <v>0.40380870918326317</v>
      </c>
      <c r="J6865">
        <f t="shared" si="763"/>
        <v>1.3460290306108773</v>
      </c>
      <c r="K6865">
        <f t="shared" si="764"/>
        <v>2.0190435459163156</v>
      </c>
      <c r="L6865">
        <f t="shared" si="765"/>
        <v>9.6914090203983161</v>
      </c>
      <c r="M6865">
        <f t="shared" si="766"/>
        <v>0</v>
      </c>
      <c r="N6865" s="46">
        <f t="shared" si="767"/>
        <v>45576.624999983433</v>
      </c>
    </row>
    <row r="6866" spans="2:14" x14ac:dyDescent="0.3">
      <c r="B6866">
        <f t="shared" si="761"/>
        <v>5</v>
      </c>
      <c r="C6866" s="16">
        <v>6832</v>
      </c>
      <c r="D6866" cm="1">
        <f t="array" ref="D6866">IFERROR(INDEX(Jesper!AH$2:AH$366,ROUNDDOWN($C6866/24,0)+1,1)*INDEX($D$3:$AA$30,INDEX(Jesper!$R$2:$R$366,ROW(INDEX(Jesper!AH$2:AH$366,ROUNDDOWN($C6866/24,0)+1,1))-1)+IF('Standard Profiles'!$G$18=$B$10,7,0)+IF('Standard Profiles'!$G$18=$B$17,14,0)+IF('Standard Profiles'!$G$18=$B$24,21,0),MOD($C6866,24)+1)/SUM(INDEX($D$3:$AA$30,INDEX(Jesper!$R$2:$R$366,ROW(INDEX(Jesper!AH$2:AH$366,ROUNDDOWN($C6866/24,0)+1,1))-1)+IF('Standard Profiles'!$G$18=$B$10,7,0)+IF('Standard Profiles'!$G$18=$B$17,14,0)+IF('Standard Profiles'!$G$18=$B$24,21,0),0)),0)</f>
        <v>12.74240815644964</v>
      </c>
      <c r="E6866" cm="1">
        <f t="array" ref="E6866">IFERROR(INDEX(Jesper!AI$2:AI$366,ROUNDDOWN($C6866/24,0)+1,1)*INDEX($D$3:$AA$30,INDEX(Jesper!$R$2:$R$366,ROW(INDEX(Jesper!AI$2:AI$366,ROUNDDOWN($C6866/24,0)+1,1))-1)+IF('Standard Profiles'!$G$19=$B$10,7,0)+IF('Standard Profiles'!$G$19=$B$17,14,0)+IF('Standard Profiles'!$G$19=$B$24,21,0),MOD($C6866,24)+1)/SUM(INDEX($D$3:$AA$30,INDEX(Jesper!$R$2:$R$366,ROW(INDEX(Jesper!AI$2:AI$366,ROUNDDOWN($C6866/24,0)+1,1))-1)+IF('Standard Profiles'!$G$19=$B$10,7,0)+IF('Standard Profiles'!$G$19=$B$17,14,0)+IF('Standard Profiles'!$G$19=$B$24,21,0),0)),0)</f>
        <v>0</v>
      </c>
      <c r="F6866" cm="1">
        <f t="array" ref="F6866">IFERROR(INDEX(Jesper!AJ$2:AJ$366,ROUNDDOWN($C6866/24,0)+1,1)*INDEX($D$3:$AA$30,INDEX(Jesper!$R$2:$R$366,ROW(INDEX(Jesper!AJ$2:AJ$366,ROUNDDOWN($C6866/24,0)+1,1))-1)+IF('Standard Profiles'!$G$20=$B$10,7,0)+IF('Standard Profiles'!$G$20=$B$17,14,0)+IF('Standard Profiles'!$G$20=$B$24,21,0),MOD($C6866,24)+1)/SUM(INDEX($D$3:$AA$30,INDEX(Jesper!$R$2:$R$366,ROW(INDEX(Jesper!AJ$2:AJ$366,ROUNDDOWN($C6866/24,0)+1,1))-1)+IF('Standard Profiles'!$G$20=$B$10,7,0)+IF('Standard Profiles'!$G$20=$B$17,14,0)+IF('Standard Profiles'!$G$20=$B$24,21,0),0)),0)</f>
        <v>0</v>
      </c>
      <c r="G6866" cm="1">
        <f t="array" ref="G6866">IFERROR(INDEX(Jesper!AK$2:AK$366,ROUNDDOWN($C6866/24,0)+1,1)*INDEX($D$3:$AA$30,INDEX(Jesper!$R$2:$R$366,ROW(INDEX(Jesper!AK$2:AK$366,ROUNDDOWN($C6866/24,0)+1,1))-1)+IF('Standard Profiles'!$G$21=$B$10,7,0)+IF('Standard Profiles'!$G$21=$B$17,14,0)+IF('Standard Profiles'!$G$21=$B$24,21,0),MOD($C6866,24)+1)/SUM(INDEX($D$3:$AA$30,INDEX(Jesper!$R$2:$R$366,ROW(INDEX(Jesper!AK$2:AK$366,ROUNDDOWN($C6866/24,0)+1,1))-1)+IF('Standard Profiles'!$G$21=$B$10,7,0)+IF('Standard Profiles'!$G$21=$B$17,14,0)+IF('Standard Profiles'!$G$21=$B$24,21,0),0)),0)</f>
        <v>0</v>
      </c>
      <c r="H6866" cm="1">
        <f t="array" ref="H6866">IFERROR(INDEX(Jesper!AL$2:AL$366,ROUNDDOWN($C6866/24,0)+1,1)*INDEX($D$3:$AA$30,INDEX(Jesper!$R$2:$R$366,ROW(INDEX(Jesper!AL$2:AL$366,ROUNDDOWN($C6866/24,0)+1,1))-1)+IF('Standard Profiles'!$G$22=$B$10,7,0)+IF('Standard Profiles'!$G$22=$B$17,14,0)+IF('Standard Profiles'!$G$22=$B$24,21,0),MOD($C6866,24)+1)/SUM(INDEX($D$3:$AA$30,INDEX(Jesper!$R$2:$R$366,ROW(INDEX(Jesper!AL$2:AL$366,ROUNDDOWN($C6866/24,0)+1,1))-1)+IF('Standard Profiles'!$G$22=$B$10,7,0)+IF('Standard Profiles'!$G$22=$B$17,14,0)+IF('Standard Profiles'!$G$22=$B$24,21,0),0)),0)</f>
        <v>0</v>
      </c>
      <c r="I6866">
        <f t="shared" si="762"/>
        <v>0.38227224469348919</v>
      </c>
      <c r="J6866">
        <f t="shared" si="763"/>
        <v>1.2742408156449641</v>
      </c>
      <c r="K6866">
        <f t="shared" si="764"/>
        <v>1.911361223467446</v>
      </c>
      <c r="L6866">
        <f t="shared" si="765"/>
        <v>9.1745338726437407</v>
      </c>
      <c r="M6866">
        <f t="shared" si="766"/>
        <v>0</v>
      </c>
      <c r="N6866" s="46">
        <f t="shared" si="767"/>
        <v>45576.666666650097</v>
      </c>
    </row>
    <row r="6867" spans="2:14" x14ac:dyDescent="0.3">
      <c r="B6867">
        <f t="shared" si="761"/>
        <v>5</v>
      </c>
      <c r="C6867" s="16">
        <v>6833</v>
      </c>
      <c r="D6867" cm="1">
        <f t="array" ref="D6867">IFERROR(INDEX(Jesper!AH$2:AH$366,ROUNDDOWN($C6867/24,0)+1,1)*INDEX($D$3:$AA$30,INDEX(Jesper!$R$2:$R$366,ROW(INDEX(Jesper!AH$2:AH$366,ROUNDDOWN($C6867/24,0)+1,1))-1)+IF('Standard Profiles'!$G$18=$B$10,7,0)+IF('Standard Profiles'!$G$18=$B$17,14,0)+IF('Standard Profiles'!$G$18=$B$24,21,0),MOD($C6867,24)+1)/SUM(INDEX($D$3:$AA$30,INDEX(Jesper!$R$2:$R$366,ROW(INDEX(Jesper!AH$2:AH$366,ROUNDDOWN($C6867/24,0)+1,1))-1)+IF('Standard Profiles'!$G$18=$B$10,7,0)+IF('Standard Profiles'!$G$18=$B$17,14,0)+IF('Standard Profiles'!$G$18=$B$24,21,0),0)),0)</f>
        <v>12.74240815644964</v>
      </c>
      <c r="E6867" cm="1">
        <f t="array" ref="E6867">IFERROR(INDEX(Jesper!AI$2:AI$366,ROUNDDOWN($C6867/24,0)+1,1)*INDEX($D$3:$AA$30,INDEX(Jesper!$R$2:$R$366,ROW(INDEX(Jesper!AI$2:AI$366,ROUNDDOWN($C6867/24,0)+1,1))-1)+IF('Standard Profiles'!$G$19=$B$10,7,0)+IF('Standard Profiles'!$G$19=$B$17,14,0)+IF('Standard Profiles'!$G$19=$B$24,21,0),MOD($C6867,24)+1)/SUM(INDEX($D$3:$AA$30,INDEX(Jesper!$R$2:$R$366,ROW(INDEX(Jesper!AI$2:AI$366,ROUNDDOWN($C6867/24,0)+1,1))-1)+IF('Standard Profiles'!$G$19=$B$10,7,0)+IF('Standard Profiles'!$G$19=$B$17,14,0)+IF('Standard Profiles'!$G$19=$B$24,21,0),0)),0)</f>
        <v>0</v>
      </c>
      <c r="F6867" cm="1">
        <f t="array" ref="F6867">IFERROR(INDEX(Jesper!AJ$2:AJ$366,ROUNDDOWN($C6867/24,0)+1,1)*INDEX($D$3:$AA$30,INDEX(Jesper!$R$2:$R$366,ROW(INDEX(Jesper!AJ$2:AJ$366,ROUNDDOWN($C6867/24,0)+1,1))-1)+IF('Standard Profiles'!$G$20=$B$10,7,0)+IF('Standard Profiles'!$G$20=$B$17,14,0)+IF('Standard Profiles'!$G$20=$B$24,21,0),MOD($C6867,24)+1)/SUM(INDEX($D$3:$AA$30,INDEX(Jesper!$R$2:$R$366,ROW(INDEX(Jesper!AJ$2:AJ$366,ROUNDDOWN($C6867/24,0)+1,1))-1)+IF('Standard Profiles'!$G$20=$B$10,7,0)+IF('Standard Profiles'!$G$20=$B$17,14,0)+IF('Standard Profiles'!$G$20=$B$24,21,0),0)),0)</f>
        <v>0</v>
      </c>
      <c r="G6867" cm="1">
        <f t="array" ref="G6867">IFERROR(INDEX(Jesper!AK$2:AK$366,ROUNDDOWN($C6867/24,0)+1,1)*INDEX($D$3:$AA$30,INDEX(Jesper!$R$2:$R$366,ROW(INDEX(Jesper!AK$2:AK$366,ROUNDDOWN($C6867/24,0)+1,1))-1)+IF('Standard Profiles'!$G$21=$B$10,7,0)+IF('Standard Profiles'!$G$21=$B$17,14,0)+IF('Standard Profiles'!$G$21=$B$24,21,0),MOD($C6867,24)+1)/SUM(INDEX($D$3:$AA$30,INDEX(Jesper!$R$2:$R$366,ROW(INDEX(Jesper!AK$2:AK$366,ROUNDDOWN($C6867/24,0)+1,1))-1)+IF('Standard Profiles'!$G$21=$B$10,7,0)+IF('Standard Profiles'!$G$21=$B$17,14,0)+IF('Standard Profiles'!$G$21=$B$24,21,0),0)),0)</f>
        <v>0</v>
      </c>
      <c r="H6867" cm="1">
        <f t="array" ref="H6867">IFERROR(INDEX(Jesper!AL$2:AL$366,ROUNDDOWN($C6867/24,0)+1,1)*INDEX($D$3:$AA$30,INDEX(Jesper!$R$2:$R$366,ROW(INDEX(Jesper!AL$2:AL$366,ROUNDDOWN($C6867/24,0)+1,1))-1)+IF('Standard Profiles'!$G$22=$B$10,7,0)+IF('Standard Profiles'!$G$22=$B$17,14,0)+IF('Standard Profiles'!$G$22=$B$24,21,0),MOD($C6867,24)+1)/SUM(INDEX($D$3:$AA$30,INDEX(Jesper!$R$2:$R$366,ROW(INDEX(Jesper!AL$2:AL$366,ROUNDDOWN($C6867/24,0)+1,1))-1)+IF('Standard Profiles'!$G$22=$B$10,7,0)+IF('Standard Profiles'!$G$22=$B$17,14,0)+IF('Standard Profiles'!$G$22=$B$24,21,0),0)),0)</f>
        <v>0</v>
      </c>
      <c r="I6867">
        <f t="shared" si="762"/>
        <v>0.38227224469348919</v>
      </c>
      <c r="J6867">
        <f t="shared" si="763"/>
        <v>1.2742408156449641</v>
      </c>
      <c r="K6867">
        <f t="shared" si="764"/>
        <v>1.911361223467446</v>
      </c>
      <c r="L6867">
        <f t="shared" si="765"/>
        <v>9.1745338726437407</v>
      </c>
      <c r="M6867">
        <f t="shared" si="766"/>
        <v>0</v>
      </c>
      <c r="N6867" s="46">
        <f t="shared" si="767"/>
        <v>45576.708333316761</v>
      </c>
    </row>
    <row r="6868" spans="2:14" x14ac:dyDescent="0.3">
      <c r="B6868">
        <f t="shared" si="761"/>
        <v>5</v>
      </c>
      <c r="C6868" s="16">
        <v>6834</v>
      </c>
      <c r="D6868" cm="1">
        <f t="array" ref="D6868">IFERROR(INDEX(Jesper!AH$2:AH$366,ROUNDDOWN($C6868/24,0)+1,1)*INDEX($D$3:$AA$30,INDEX(Jesper!$R$2:$R$366,ROW(INDEX(Jesper!AH$2:AH$366,ROUNDDOWN($C6868/24,0)+1,1))-1)+IF('Standard Profiles'!$G$18=$B$10,7,0)+IF('Standard Profiles'!$G$18=$B$17,14,0)+IF('Standard Profiles'!$G$18=$B$24,21,0),MOD($C6868,24)+1)/SUM(INDEX($D$3:$AA$30,INDEX(Jesper!$R$2:$R$366,ROW(INDEX(Jesper!AH$2:AH$366,ROUNDDOWN($C6868/24,0)+1,1))-1)+IF('Standard Profiles'!$G$18=$B$10,7,0)+IF('Standard Profiles'!$G$18=$B$17,14,0)+IF('Standard Profiles'!$G$18=$B$24,21,0),0)),0)</f>
        <v>12.74240815644964</v>
      </c>
      <c r="E6868" cm="1">
        <f t="array" ref="E6868">IFERROR(INDEX(Jesper!AI$2:AI$366,ROUNDDOWN($C6868/24,0)+1,1)*INDEX($D$3:$AA$30,INDEX(Jesper!$R$2:$R$366,ROW(INDEX(Jesper!AI$2:AI$366,ROUNDDOWN($C6868/24,0)+1,1))-1)+IF('Standard Profiles'!$G$19=$B$10,7,0)+IF('Standard Profiles'!$G$19=$B$17,14,0)+IF('Standard Profiles'!$G$19=$B$24,21,0),MOD($C6868,24)+1)/SUM(INDEX($D$3:$AA$30,INDEX(Jesper!$R$2:$R$366,ROW(INDEX(Jesper!AI$2:AI$366,ROUNDDOWN($C6868/24,0)+1,1))-1)+IF('Standard Profiles'!$G$19=$B$10,7,0)+IF('Standard Profiles'!$G$19=$B$17,14,0)+IF('Standard Profiles'!$G$19=$B$24,21,0),0)),0)</f>
        <v>0</v>
      </c>
      <c r="F6868" cm="1">
        <f t="array" ref="F6868">IFERROR(INDEX(Jesper!AJ$2:AJ$366,ROUNDDOWN($C6868/24,0)+1,1)*INDEX($D$3:$AA$30,INDEX(Jesper!$R$2:$R$366,ROW(INDEX(Jesper!AJ$2:AJ$366,ROUNDDOWN($C6868/24,0)+1,1))-1)+IF('Standard Profiles'!$G$20=$B$10,7,0)+IF('Standard Profiles'!$G$20=$B$17,14,0)+IF('Standard Profiles'!$G$20=$B$24,21,0),MOD($C6868,24)+1)/SUM(INDEX($D$3:$AA$30,INDEX(Jesper!$R$2:$R$366,ROW(INDEX(Jesper!AJ$2:AJ$366,ROUNDDOWN($C6868/24,0)+1,1))-1)+IF('Standard Profiles'!$G$20=$B$10,7,0)+IF('Standard Profiles'!$G$20=$B$17,14,0)+IF('Standard Profiles'!$G$20=$B$24,21,0),0)),0)</f>
        <v>0</v>
      </c>
      <c r="G6868" cm="1">
        <f t="array" ref="G6868">IFERROR(INDEX(Jesper!AK$2:AK$366,ROUNDDOWN($C6868/24,0)+1,1)*INDEX($D$3:$AA$30,INDEX(Jesper!$R$2:$R$366,ROW(INDEX(Jesper!AK$2:AK$366,ROUNDDOWN($C6868/24,0)+1,1))-1)+IF('Standard Profiles'!$G$21=$B$10,7,0)+IF('Standard Profiles'!$G$21=$B$17,14,0)+IF('Standard Profiles'!$G$21=$B$24,21,0),MOD($C6868,24)+1)/SUM(INDEX($D$3:$AA$30,INDEX(Jesper!$R$2:$R$366,ROW(INDEX(Jesper!AK$2:AK$366,ROUNDDOWN($C6868/24,0)+1,1))-1)+IF('Standard Profiles'!$G$21=$B$10,7,0)+IF('Standard Profiles'!$G$21=$B$17,14,0)+IF('Standard Profiles'!$G$21=$B$24,21,0),0)),0)</f>
        <v>0</v>
      </c>
      <c r="H6868" cm="1">
        <f t="array" ref="H6868">IFERROR(INDEX(Jesper!AL$2:AL$366,ROUNDDOWN($C6868/24,0)+1,1)*INDEX($D$3:$AA$30,INDEX(Jesper!$R$2:$R$366,ROW(INDEX(Jesper!AL$2:AL$366,ROUNDDOWN($C6868/24,0)+1,1))-1)+IF('Standard Profiles'!$G$22=$B$10,7,0)+IF('Standard Profiles'!$G$22=$B$17,14,0)+IF('Standard Profiles'!$G$22=$B$24,21,0),MOD($C6868,24)+1)/SUM(INDEX($D$3:$AA$30,INDEX(Jesper!$R$2:$R$366,ROW(INDEX(Jesper!AL$2:AL$366,ROUNDDOWN($C6868/24,0)+1,1))-1)+IF('Standard Profiles'!$G$22=$B$10,7,0)+IF('Standard Profiles'!$G$22=$B$17,14,0)+IF('Standard Profiles'!$G$22=$B$24,21,0),0)),0)</f>
        <v>0</v>
      </c>
      <c r="I6868">
        <f t="shared" si="762"/>
        <v>0.38227224469348919</v>
      </c>
      <c r="J6868">
        <f t="shared" si="763"/>
        <v>1.2742408156449641</v>
      </c>
      <c r="K6868">
        <f t="shared" si="764"/>
        <v>1.911361223467446</v>
      </c>
      <c r="L6868">
        <f t="shared" si="765"/>
        <v>9.1745338726437407</v>
      </c>
      <c r="M6868">
        <f t="shared" si="766"/>
        <v>0</v>
      </c>
      <c r="N6868" s="46">
        <f t="shared" si="767"/>
        <v>45576.749999983425</v>
      </c>
    </row>
    <row r="6869" spans="2:14" x14ac:dyDescent="0.3">
      <c r="B6869">
        <f t="shared" si="761"/>
        <v>5</v>
      </c>
      <c r="C6869" s="16">
        <v>6835</v>
      </c>
      <c r="D6869" cm="1">
        <f t="array" ref="D6869">IFERROR(INDEX(Jesper!AH$2:AH$366,ROUNDDOWN($C6869/24,0)+1,1)*INDEX($D$3:$AA$30,INDEX(Jesper!$R$2:$R$366,ROW(INDEX(Jesper!AH$2:AH$366,ROUNDDOWN($C6869/24,0)+1,1))-1)+IF('Standard Profiles'!$G$18=$B$10,7,0)+IF('Standard Profiles'!$G$18=$B$17,14,0)+IF('Standard Profiles'!$G$18=$B$24,21,0),MOD($C6869,24)+1)/SUM(INDEX($D$3:$AA$30,INDEX(Jesper!$R$2:$R$366,ROW(INDEX(Jesper!AH$2:AH$366,ROUNDDOWN($C6869/24,0)+1,1))-1)+IF('Standard Profiles'!$G$18=$B$10,7,0)+IF('Standard Profiles'!$G$18=$B$17,14,0)+IF('Standard Profiles'!$G$18=$B$24,21,0),0)),0)</f>
        <v>12.74240815644964</v>
      </c>
      <c r="E6869" cm="1">
        <f t="array" ref="E6869">IFERROR(INDEX(Jesper!AI$2:AI$366,ROUNDDOWN($C6869/24,0)+1,1)*INDEX($D$3:$AA$30,INDEX(Jesper!$R$2:$R$366,ROW(INDEX(Jesper!AI$2:AI$366,ROUNDDOWN($C6869/24,0)+1,1))-1)+IF('Standard Profiles'!$G$19=$B$10,7,0)+IF('Standard Profiles'!$G$19=$B$17,14,0)+IF('Standard Profiles'!$G$19=$B$24,21,0),MOD($C6869,24)+1)/SUM(INDEX($D$3:$AA$30,INDEX(Jesper!$R$2:$R$366,ROW(INDEX(Jesper!AI$2:AI$366,ROUNDDOWN($C6869/24,0)+1,1))-1)+IF('Standard Profiles'!$G$19=$B$10,7,0)+IF('Standard Profiles'!$G$19=$B$17,14,0)+IF('Standard Profiles'!$G$19=$B$24,21,0),0)),0)</f>
        <v>0</v>
      </c>
      <c r="F6869" cm="1">
        <f t="array" ref="F6869">IFERROR(INDEX(Jesper!AJ$2:AJ$366,ROUNDDOWN($C6869/24,0)+1,1)*INDEX($D$3:$AA$30,INDEX(Jesper!$R$2:$R$366,ROW(INDEX(Jesper!AJ$2:AJ$366,ROUNDDOWN($C6869/24,0)+1,1))-1)+IF('Standard Profiles'!$G$20=$B$10,7,0)+IF('Standard Profiles'!$G$20=$B$17,14,0)+IF('Standard Profiles'!$G$20=$B$24,21,0),MOD($C6869,24)+1)/SUM(INDEX($D$3:$AA$30,INDEX(Jesper!$R$2:$R$366,ROW(INDEX(Jesper!AJ$2:AJ$366,ROUNDDOWN($C6869/24,0)+1,1))-1)+IF('Standard Profiles'!$G$20=$B$10,7,0)+IF('Standard Profiles'!$G$20=$B$17,14,0)+IF('Standard Profiles'!$G$20=$B$24,21,0),0)),0)</f>
        <v>0</v>
      </c>
      <c r="G6869" cm="1">
        <f t="array" ref="G6869">IFERROR(INDEX(Jesper!AK$2:AK$366,ROUNDDOWN($C6869/24,0)+1,1)*INDEX($D$3:$AA$30,INDEX(Jesper!$R$2:$R$366,ROW(INDEX(Jesper!AK$2:AK$366,ROUNDDOWN($C6869/24,0)+1,1))-1)+IF('Standard Profiles'!$G$21=$B$10,7,0)+IF('Standard Profiles'!$G$21=$B$17,14,0)+IF('Standard Profiles'!$G$21=$B$24,21,0),MOD($C6869,24)+1)/SUM(INDEX($D$3:$AA$30,INDEX(Jesper!$R$2:$R$366,ROW(INDEX(Jesper!AK$2:AK$366,ROUNDDOWN($C6869/24,0)+1,1))-1)+IF('Standard Profiles'!$G$21=$B$10,7,0)+IF('Standard Profiles'!$G$21=$B$17,14,0)+IF('Standard Profiles'!$G$21=$B$24,21,0),0)),0)</f>
        <v>0</v>
      </c>
      <c r="H6869" cm="1">
        <f t="array" ref="H6869">IFERROR(INDEX(Jesper!AL$2:AL$366,ROUNDDOWN($C6869/24,0)+1,1)*INDEX($D$3:$AA$30,INDEX(Jesper!$R$2:$R$366,ROW(INDEX(Jesper!AL$2:AL$366,ROUNDDOWN($C6869/24,0)+1,1))-1)+IF('Standard Profiles'!$G$22=$B$10,7,0)+IF('Standard Profiles'!$G$22=$B$17,14,0)+IF('Standard Profiles'!$G$22=$B$24,21,0),MOD($C6869,24)+1)/SUM(INDEX($D$3:$AA$30,INDEX(Jesper!$R$2:$R$366,ROW(INDEX(Jesper!AL$2:AL$366,ROUNDDOWN($C6869/24,0)+1,1))-1)+IF('Standard Profiles'!$G$22=$B$10,7,0)+IF('Standard Profiles'!$G$22=$B$17,14,0)+IF('Standard Profiles'!$G$22=$B$24,21,0),0)),0)</f>
        <v>0</v>
      </c>
      <c r="I6869">
        <f t="shared" si="762"/>
        <v>0.38227224469348919</v>
      </c>
      <c r="J6869">
        <f t="shared" si="763"/>
        <v>1.2742408156449641</v>
      </c>
      <c r="K6869">
        <f t="shared" si="764"/>
        <v>1.911361223467446</v>
      </c>
      <c r="L6869">
        <f t="shared" si="765"/>
        <v>9.1745338726437407</v>
      </c>
      <c r="M6869">
        <f t="shared" si="766"/>
        <v>0</v>
      </c>
      <c r="N6869" s="46">
        <f t="shared" si="767"/>
        <v>45576.79166665009</v>
      </c>
    </row>
    <row r="6870" spans="2:14" x14ac:dyDescent="0.3">
      <c r="B6870">
        <f t="shared" si="761"/>
        <v>5</v>
      </c>
      <c r="C6870" s="16">
        <v>6836</v>
      </c>
      <c r="D6870" cm="1">
        <f t="array" ref="D6870">IFERROR(INDEX(Jesper!AH$2:AH$366,ROUNDDOWN($C6870/24,0)+1,1)*INDEX($D$3:$AA$30,INDEX(Jesper!$R$2:$R$366,ROW(INDEX(Jesper!AH$2:AH$366,ROUNDDOWN($C6870/24,0)+1,1))-1)+IF('Standard Profiles'!$G$18=$B$10,7,0)+IF('Standard Profiles'!$G$18=$B$17,14,0)+IF('Standard Profiles'!$G$18=$B$24,21,0),MOD($C6870,24)+1)/SUM(INDEX($D$3:$AA$30,INDEX(Jesper!$R$2:$R$366,ROW(INDEX(Jesper!AH$2:AH$366,ROUNDDOWN($C6870/24,0)+1,1))-1)+IF('Standard Profiles'!$G$18=$B$10,7,0)+IF('Standard Profiles'!$G$18=$B$17,14,0)+IF('Standard Profiles'!$G$18=$B$24,21,0),0)),0)</f>
        <v>9.8708795578130992</v>
      </c>
      <c r="E6870" cm="1">
        <f t="array" ref="E6870">IFERROR(INDEX(Jesper!AI$2:AI$366,ROUNDDOWN($C6870/24,0)+1,1)*INDEX($D$3:$AA$30,INDEX(Jesper!$R$2:$R$366,ROW(INDEX(Jesper!AI$2:AI$366,ROUNDDOWN($C6870/24,0)+1,1))-1)+IF('Standard Profiles'!$G$19=$B$10,7,0)+IF('Standard Profiles'!$G$19=$B$17,14,0)+IF('Standard Profiles'!$G$19=$B$24,21,0),MOD($C6870,24)+1)/SUM(INDEX($D$3:$AA$30,INDEX(Jesper!$R$2:$R$366,ROW(INDEX(Jesper!AI$2:AI$366,ROUNDDOWN($C6870/24,0)+1,1))-1)+IF('Standard Profiles'!$G$19=$B$10,7,0)+IF('Standard Profiles'!$G$19=$B$17,14,0)+IF('Standard Profiles'!$G$19=$B$24,21,0),0)),0)</f>
        <v>0</v>
      </c>
      <c r="F6870" cm="1">
        <f t="array" ref="F6870">IFERROR(INDEX(Jesper!AJ$2:AJ$366,ROUNDDOWN($C6870/24,0)+1,1)*INDEX($D$3:$AA$30,INDEX(Jesper!$R$2:$R$366,ROW(INDEX(Jesper!AJ$2:AJ$366,ROUNDDOWN($C6870/24,0)+1,1))-1)+IF('Standard Profiles'!$G$20=$B$10,7,0)+IF('Standard Profiles'!$G$20=$B$17,14,0)+IF('Standard Profiles'!$G$20=$B$24,21,0),MOD($C6870,24)+1)/SUM(INDEX($D$3:$AA$30,INDEX(Jesper!$R$2:$R$366,ROW(INDEX(Jesper!AJ$2:AJ$366,ROUNDDOWN($C6870/24,0)+1,1))-1)+IF('Standard Profiles'!$G$20=$B$10,7,0)+IF('Standard Profiles'!$G$20=$B$17,14,0)+IF('Standard Profiles'!$G$20=$B$24,21,0),0)),0)</f>
        <v>0</v>
      </c>
      <c r="G6870" cm="1">
        <f t="array" ref="G6870">IFERROR(INDEX(Jesper!AK$2:AK$366,ROUNDDOWN($C6870/24,0)+1,1)*INDEX($D$3:$AA$30,INDEX(Jesper!$R$2:$R$366,ROW(INDEX(Jesper!AK$2:AK$366,ROUNDDOWN($C6870/24,0)+1,1))-1)+IF('Standard Profiles'!$G$21=$B$10,7,0)+IF('Standard Profiles'!$G$21=$B$17,14,0)+IF('Standard Profiles'!$G$21=$B$24,21,0),MOD($C6870,24)+1)/SUM(INDEX($D$3:$AA$30,INDEX(Jesper!$R$2:$R$366,ROW(INDEX(Jesper!AK$2:AK$366,ROUNDDOWN($C6870/24,0)+1,1))-1)+IF('Standard Profiles'!$G$21=$B$10,7,0)+IF('Standard Profiles'!$G$21=$B$17,14,0)+IF('Standard Profiles'!$G$21=$B$24,21,0),0)),0)</f>
        <v>0</v>
      </c>
      <c r="H6870" cm="1">
        <f t="array" ref="H6870">IFERROR(INDEX(Jesper!AL$2:AL$366,ROUNDDOWN($C6870/24,0)+1,1)*INDEX($D$3:$AA$30,INDEX(Jesper!$R$2:$R$366,ROW(INDEX(Jesper!AL$2:AL$366,ROUNDDOWN($C6870/24,0)+1,1))-1)+IF('Standard Profiles'!$G$22=$B$10,7,0)+IF('Standard Profiles'!$G$22=$B$17,14,0)+IF('Standard Profiles'!$G$22=$B$24,21,0),MOD($C6870,24)+1)/SUM(INDEX($D$3:$AA$30,INDEX(Jesper!$R$2:$R$366,ROW(INDEX(Jesper!AL$2:AL$366,ROUNDDOWN($C6870/24,0)+1,1))-1)+IF('Standard Profiles'!$G$22=$B$10,7,0)+IF('Standard Profiles'!$G$22=$B$17,14,0)+IF('Standard Profiles'!$G$22=$B$24,21,0),0)),0)</f>
        <v>0</v>
      </c>
      <c r="I6870">
        <f t="shared" si="762"/>
        <v>0.29612638673439295</v>
      </c>
      <c r="J6870">
        <f t="shared" si="763"/>
        <v>0.98708795578130992</v>
      </c>
      <c r="K6870">
        <f t="shared" si="764"/>
        <v>1.4806319336719649</v>
      </c>
      <c r="L6870">
        <f t="shared" si="765"/>
        <v>7.1070332816254309</v>
      </c>
      <c r="M6870">
        <f t="shared" si="766"/>
        <v>0</v>
      </c>
      <c r="N6870" s="46">
        <f t="shared" si="767"/>
        <v>45576.833333316754</v>
      </c>
    </row>
    <row r="6871" spans="2:14" x14ac:dyDescent="0.3">
      <c r="B6871">
        <f t="shared" si="761"/>
        <v>5</v>
      </c>
      <c r="C6871" s="16">
        <v>6837</v>
      </c>
      <c r="D6871" cm="1">
        <f t="array" ref="D6871">IFERROR(INDEX(Jesper!AH$2:AH$366,ROUNDDOWN($C6871/24,0)+1,1)*INDEX($D$3:$AA$30,INDEX(Jesper!$R$2:$R$366,ROW(INDEX(Jesper!AH$2:AH$366,ROUNDDOWN($C6871/24,0)+1,1))-1)+IF('Standard Profiles'!$G$18=$B$10,7,0)+IF('Standard Profiles'!$G$18=$B$17,14,0)+IF('Standard Profiles'!$G$18=$B$24,21,0),MOD($C6871,24)+1)/SUM(INDEX($D$3:$AA$30,INDEX(Jesper!$R$2:$R$366,ROW(INDEX(Jesper!AH$2:AH$366,ROUNDDOWN($C6871/24,0)+1,1))-1)+IF('Standard Profiles'!$G$18=$B$10,7,0)+IF('Standard Profiles'!$G$18=$B$17,14,0)+IF('Standard Profiles'!$G$18=$B$24,21,0),0)),0)</f>
        <v>3.7688812857104561</v>
      </c>
      <c r="E6871" cm="1">
        <f t="array" ref="E6871">IFERROR(INDEX(Jesper!AI$2:AI$366,ROUNDDOWN($C6871/24,0)+1,1)*INDEX($D$3:$AA$30,INDEX(Jesper!$R$2:$R$366,ROW(INDEX(Jesper!AI$2:AI$366,ROUNDDOWN($C6871/24,0)+1,1))-1)+IF('Standard Profiles'!$G$19=$B$10,7,0)+IF('Standard Profiles'!$G$19=$B$17,14,0)+IF('Standard Profiles'!$G$19=$B$24,21,0),MOD($C6871,24)+1)/SUM(INDEX($D$3:$AA$30,INDEX(Jesper!$R$2:$R$366,ROW(INDEX(Jesper!AI$2:AI$366,ROUNDDOWN($C6871/24,0)+1,1))-1)+IF('Standard Profiles'!$G$19=$B$10,7,0)+IF('Standard Profiles'!$G$19=$B$17,14,0)+IF('Standard Profiles'!$G$19=$B$24,21,0),0)),0)</f>
        <v>0</v>
      </c>
      <c r="F6871" cm="1">
        <f t="array" ref="F6871">IFERROR(INDEX(Jesper!AJ$2:AJ$366,ROUNDDOWN($C6871/24,0)+1,1)*INDEX($D$3:$AA$30,INDEX(Jesper!$R$2:$R$366,ROW(INDEX(Jesper!AJ$2:AJ$366,ROUNDDOWN($C6871/24,0)+1,1))-1)+IF('Standard Profiles'!$G$20=$B$10,7,0)+IF('Standard Profiles'!$G$20=$B$17,14,0)+IF('Standard Profiles'!$G$20=$B$24,21,0),MOD($C6871,24)+1)/SUM(INDEX($D$3:$AA$30,INDEX(Jesper!$R$2:$R$366,ROW(INDEX(Jesper!AJ$2:AJ$366,ROUNDDOWN($C6871/24,0)+1,1))-1)+IF('Standard Profiles'!$G$20=$B$10,7,0)+IF('Standard Profiles'!$G$20=$B$17,14,0)+IF('Standard Profiles'!$G$20=$B$24,21,0),0)),0)</f>
        <v>0</v>
      </c>
      <c r="G6871" cm="1">
        <f t="array" ref="G6871">IFERROR(INDEX(Jesper!AK$2:AK$366,ROUNDDOWN($C6871/24,0)+1,1)*INDEX($D$3:$AA$30,INDEX(Jesper!$R$2:$R$366,ROW(INDEX(Jesper!AK$2:AK$366,ROUNDDOWN($C6871/24,0)+1,1))-1)+IF('Standard Profiles'!$G$21=$B$10,7,0)+IF('Standard Profiles'!$G$21=$B$17,14,0)+IF('Standard Profiles'!$G$21=$B$24,21,0),MOD($C6871,24)+1)/SUM(INDEX($D$3:$AA$30,INDEX(Jesper!$R$2:$R$366,ROW(INDEX(Jesper!AK$2:AK$366,ROUNDDOWN($C6871/24,0)+1,1))-1)+IF('Standard Profiles'!$G$21=$B$10,7,0)+IF('Standard Profiles'!$G$21=$B$17,14,0)+IF('Standard Profiles'!$G$21=$B$24,21,0),0)),0)</f>
        <v>0</v>
      </c>
      <c r="H6871" cm="1">
        <f t="array" ref="H6871">IFERROR(INDEX(Jesper!AL$2:AL$366,ROUNDDOWN($C6871/24,0)+1,1)*INDEX($D$3:$AA$30,INDEX(Jesper!$R$2:$R$366,ROW(INDEX(Jesper!AL$2:AL$366,ROUNDDOWN($C6871/24,0)+1,1))-1)+IF('Standard Profiles'!$G$22=$B$10,7,0)+IF('Standard Profiles'!$G$22=$B$17,14,0)+IF('Standard Profiles'!$G$22=$B$24,21,0),MOD($C6871,24)+1)/SUM(INDEX($D$3:$AA$30,INDEX(Jesper!$R$2:$R$366,ROW(INDEX(Jesper!AL$2:AL$366,ROUNDDOWN($C6871/24,0)+1,1))-1)+IF('Standard Profiles'!$G$22=$B$10,7,0)+IF('Standard Profiles'!$G$22=$B$17,14,0)+IF('Standard Profiles'!$G$22=$B$24,21,0),0)),0)</f>
        <v>0</v>
      </c>
      <c r="I6871">
        <f t="shared" si="762"/>
        <v>0.11306643857131368</v>
      </c>
      <c r="J6871">
        <f t="shared" si="763"/>
        <v>0.37688812857104564</v>
      </c>
      <c r="K6871">
        <f t="shared" si="764"/>
        <v>0.56533219285656844</v>
      </c>
      <c r="L6871">
        <f t="shared" si="765"/>
        <v>2.7135945257115281</v>
      </c>
      <c r="M6871">
        <f t="shared" si="766"/>
        <v>0</v>
      </c>
      <c r="N6871" s="46">
        <f t="shared" si="767"/>
        <v>45576.874999983418</v>
      </c>
    </row>
    <row r="6872" spans="2:14" x14ac:dyDescent="0.3">
      <c r="B6872">
        <f t="shared" si="761"/>
        <v>5</v>
      </c>
      <c r="C6872" s="16">
        <v>6838</v>
      </c>
      <c r="D6872" cm="1">
        <f t="array" ref="D6872">IFERROR(INDEX(Jesper!AH$2:AH$366,ROUNDDOWN($C6872/24,0)+1,1)*INDEX($D$3:$AA$30,INDEX(Jesper!$R$2:$R$366,ROW(INDEX(Jesper!AH$2:AH$366,ROUNDDOWN($C6872/24,0)+1,1))-1)+IF('Standard Profiles'!$G$18=$B$10,7,0)+IF('Standard Profiles'!$G$18=$B$17,14,0)+IF('Standard Profiles'!$G$18=$B$24,21,0),MOD($C6872,24)+1)/SUM(INDEX($D$3:$AA$30,INDEX(Jesper!$R$2:$R$366,ROW(INDEX(Jesper!AH$2:AH$366,ROUNDDOWN($C6872/24,0)+1,1))-1)+IF('Standard Profiles'!$G$18=$B$10,7,0)+IF('Standard Profiles'!$G$18=$B$17,14,0)+IF('Standard Profiles'!$G$18=$B$24,21,0),0)),0)</f>
        <v>3.7688812857104561</v>
      </c>
      <c r="E6872" cm="1">
        <f t="array" ref="E6872">IFERROR(INDEX(Jesper!AI$2:AI$366,ROUNDDOWN($C6872/24,0)+1,1)*INDEX($D$3:$AA$30,INDEX(Jesper!$R$2:$R$366,ROW(INDEX(Jesper!AI$2:AI$366,ROUNDDOWN($C6872/24,0)+1,1))-1)+IF('Standard Profiles'!$G$19=$B$10,7,0)+IF('Standard Profiles'!$G$19=$B$17,14,0)+IF('Standard Profiles'!$G$19=$B$24,21,0),MOD($C6872,24)+1)/SUM(INDEX($D$3:$AA$30,INDEX(Jesper!$R$2:$R$366,ROW(INDEX(Jesper!AI$2:AI$366,ROUNDDOWN($C6872/24,0)+1,1))-1)+IF('Standard Profiles'!$G$19=$B$10,7,0)+IF('Standard Profiles'!$G$19=$B$17,14,0)+IF('Standard Profiles'!$G$19=$B$24,21,0),0)),0)</f>
        <v>0</v>
      </c>
      <c r="F6872" cm="1">
        <f t="array" ref="F6872">IFERROR(INDEX(Jesper!AJ$2:AJ$366,ROUNDDOWN($C6872/24,0)+1,1)*INDEX($D$3:$AA$30,INDEX(Jesper!$R$2:$R$366,ROW(INDEX(Jesper!AJ$2:AJ$366,ROUNDDOWN($C6872/24,0)+1,1))-1)+IF('Standard Profiles'!$G$20=$B$10,7,0)+IF('Standard Profiles'!$G$20=$B$17,14,0)+IF('Standard Profiles'!$G$20=$B$24,21,0),MOD($C6872,24)+1)/SUM(INDEX($D$3:$AA$30,INDEX(Jesper!$R$2:$R$366,ROW(INDEX(Jesper!AJ$2:AJ$366,ROUNDDOWN($C6872/24,0)+1,1))-1)+IF('Standard Profiles'!$G$20=$B$10,7,0)+IF('Standard Profiles'!$G$20=$B$17,14,0)+IF('Standard Profiles'!$G$20=$B$24,21,0),0)),0)</f>
        <v>0</v>
      </c>
      <c r="G6872" cm="1">
        <f t="array" ref="G6872">IFERROR(INDEX(Jesper!AK$2:AK$366,ROUNDDOWN($C6872/24,0)+1,1)*INDEX($D$3:$AA$30,INDEX(Jesper!$R$2:$R$366,ROW(INDEX(Jesper!AK$2:AK$366,ROUNDDOWN($C6872/24,0)+1,1))-1)+IF('Standard Profiles'!$G$21=$B$10,7,0)+IF('Standard Profiles'!$G$21=$B$17,14,0)+IF('Standard Profiles'!$G$21=$B$24,21,0),MOD($C6872,24)+1)/SUM(INDEX($D$3:$AA$30,INDEX(Jesper!$R$2:$R$366,ROW(INDEX(Jesper!AK$2:AK$366,ROUNDDOWN($C6872/24,0)+1,1))-1)+IF('Standard Profiles'!$G$21=$B$10,7,0)+IF('Standard Profiles'!$G$21=$B$17,14,0)+IF('Standard Profiles'!$G$21=$B$24,21,0),0)),0)</f>
        <v>0</v>
      </c>
      <c r="H6872" cm="1">
        <f t="array" ref="H6872">IFERROR(INDEX(Jesper!AL$2:AL$366,ROUNDDOWN($C6872/24,0)+1,1)*INDEX($D$3:$AA$30,INDEX(Jesper!$R$2:$R$366,ROW(INDEX(Jesper!AL$2:AL$366,ROUNDDOWN($C6872/24,0)+1,1))-1)+IF('Standard Profiles'!$G$22=$B$10,7,0)+IF('Standard Profiles'!$G$22=$B$17,14,0)+IF('Standard Profiles'!$G$22=$B$24,21,0),MOD($C6872,24)+1)/SUM(INDEX($D$3:$AA$30,INDEX(Jesper!$R$2:$R$366,ROW(INDEX(Jesper!AL$2:AL$366,ROUNDDOWN($C6872/24,0)+1,1))-1)+IF('Standard Profiles'!$G$22=$B$10,7,0)+IF('Standard Profiles'!$G$22=$B$17,14,0)+IF('Standard Profiles'!$G$22=$B$24,21,0),0)),0)</f>
        <v>0</v>
      </c>
      <c r="I6872">
        <f t="shared" si="762"/>
        <v>0.11306643857131368</v>
      </c>
      <c r="J6872">
        <f t="shared" si="763"/>
        <v>0.37688812857104564</v>
      </c>
      <c r="K6872">
        <f t="shared" si="764"/>
        <v>0.56533219285656844</v>
      </c>
      <c r="L6872">
        <f t="shared" si="765"/>
        <v>2.7135945257115281</v>
      </c>
      <c r="M6872">
        <f t="shared" si="766"/>
        <v>0</v>
      </c>
      <c r="N6872" s="46">
        <f t="shared" si="767"/>
        <v>45576.916666650082</v>
      </c>
    </row>
    <row r="6873" spans="2:14" x14ac:dyDescent="0.3">
      <c r="B6873">
        <f t="shared" si="761"/>
        <v>5</v>
      </c>
      <c r="C6873" s="16">
        <v>6839</v>
      </c>
      <c r="D6873" cm="1">
        <f t="array" ref="D6873">IFERROR(INDEX(Jesper!AH$2:AH$366,ROUNDDOWN($C6873/24,0)+1,1)*INDEX($D$3:$AA$30,INDEX(Jesper!$R$2:$R$366,ROW(INDEX(Jesper!AH$2:AH$366,ROUNDDOWN($C6873/24,0)+1,1))-1)+IF('Standard Profiles'!$G$18=$B$10,7,0)+IF('Standard Profiles'!$G$18=$B$17,14,0)+IF('Standard Profiles'!$G$18=$B$24,21,0),MOD($C6873,24)+1)/SUM(INDEX($D$3:$AA$30,INDEX(Jesper!$R$2:$R$366,ROW(INDEX(Jesper!AH$2:AH$366,ROUNDDOWN($C6873/24,0)+1,1))-1)+IF('Standard Profiles'!$G$18=$B$10,7,0)+IF('Standard Profiles'!$G$18=$B$17,14,0)+IF('Standard Profiles'!$G$18=$B$24,21,0),0)),0)</f>
        <v>3.7688812857104561</v>
      </c>
      <c r="E6873" cm="1">
        <f t="array" ref="E6873">IFERROR(INDEX(Jesper!AI$2:AI$366,ROUNDDOWN($C6873/24,0)+1,1)*INDEX($D$3:$AA$30,INDEX(Jesper!$R$2:$R$366,ROW(INDEX(Jesper!AI$2:AI$366,ROUNDDOWN($C6873/24,0)+1,1))-1)+IF('Standard Profiles'!$G$19=$B$10,7,0)+IF('Standard Profiles'!$G$19=$B$17,14,0)+IF('Standard Profiles'!$G$19=$B$24,21,0),MOD($C6873,24)+1)/SUM(INDEX($D$3:$AA$30,INDEX(Jesper!$R$2:$R$366,ROW(INDEX(Jesper!AI$2:AI$366,ROUNDDOWN($C6873/24,0)+1,1))-1)+IF('Standard Profiles'!$G$19=$B$10,7,0)+IF('Standard Profiles'!$G$19=$B$17,14,0)+IF('Standard Profiles'!$G$19=$B$24,21,0),0)),0)</f>
        <v>0</v>
      </c>
      <c r="F6873" cm="1">
        <f t="array" ref="F6873">IFERROR(INDEX(Jesper!AJ$2:AJ$366,ROUNDDOWN($C6873/24,0)+1,1)*INDEX($D$3:$AA$30,INDEX(Jesper!$R$2:$R$366,ROW(INDEX(Jesper!AJ$2:AJ$366,ROUNDDOWN($C6873/24,0)+1,1))-1)+IF('Standard Profiles'!$G$20=$B$10,7,0)+IF('Standard Profiles'!$G$20=$B$17,14,0)+IF('Standard Profiles'!$G$20=$B$24,21,0),MOD($C6873,24)+1)/SUM(INDEX($D$3:$AA$30,INDEX(Jesper!$R$2:$R$366,ROW(INDEX(Jesper!AJ$2:AJ$366,ROUNDDOWN($C6873/24,0)+1,1))-1)+IF('Standard Profiles'!$G$20=$B$10,7,0)+IF('Standard Profiles'!$G$20=$B$17,14,0)+IF('Standard Profiles'!$G$20=$B$24,21,0),0)),0)</f>
        <v>0</v>
      </c>
      <c r="G6873" cm="1">
        <f t="array" ref="G6873">IFERROR(INDEX(Jesper!AK$2:AK$366,ROUNDDOWN($C6873/24,0)+1,1)*INDEX($D$3:$AA$30,INDEX(Jesper!$R$2:$R$366,ROW(INDEX(Jesper!AK$2:AK$366,ROUNDDOWN($C6873/24,0)+1,1))-1)+IF('Standard Profiles'!$G$21=$B$10,7,0)+IF('Standard Profiles'!$G$21=$B$17,14,0)+IF('Standard Profiles'!$G$21=$B$24,21,0),MOD($C6873,24)+1)/SUM(INDEX($D$3:$AA$30,INDEX(Jesper!$R$2:$R$366,ROW(INDEX(Jesper!AK$2:AK$366,ROUNDDOWN($C6873/24,0)+1,1))-1)+IF('Standard Profiles'!$G$21=$B$10,7,0)+IF('Standard Profiles'!$G$21=$B$17,14,0)+IF('Standard Profiles'!$G$21=$B$24,21,0),0)),0)</f>
        <v>0</v>
      </c>
      <c r="H6873" cm="1">
        <f t="array" ref="H6873">IFERROR(INDEX(Jesper!AL$2:AL$366,ROUNDDOWN($C6873/24,0)+1,1)*INDEX($D$3:$AA$30,INDEX(Jesper!$R$2:$R$366,ROW(INDEX(Jesper!AL$2:AL$366,ROUNDDOWN($C6873/24,0)+1,1))-1)+IF('Standard Profiles'!$G$22=$B$10,7,0)+IF('Standard Profiles'!$G$22=$B$17,14,0)+IF('Standard Profiles'!$G$22=$B$24,21,0),MOD($C6873,24)+1)/SUM(INDEX($D$3:$AA$30,INDEX(Jesper!$R$2:$R$366,ROW(INDEX(Jesper!AL$2:AL$366,ROUNDDOWN($C6873/24,0)+1,1))-1)+IF('Standard Profiles'!$G$22=$B$10,7,0)+IF('Standard Profiles'!$G$22=$B$17,14,0)+IF('Standard Profiles'!$G$22=$B$24,21,0),0)),0)</f>
        <v>0</v>
      </c>
      <c r="I6873">
        <f t="shared" si="762"/>
        <v>0.11306643857131368</v>
      </c>
      <c r="J6873">
        <f t="shared" si="763"/>
        <v>0.37688812857104564</v>
      </c>
      <c r="K6873">
        <f t="shared" si="764"/>
        <v>0.56533219285656844</v>
      </c>
      <c r="L6873">
        <f t="shared" si="765"/>
        <v>2.7135945257115281</v>
      </c>
      <c r="M6873">
        <f t="shared" si="766"/>
        <v>0</v>
      </c>
      <c r="N6873" s="46">
        <f t="shared" si="767"/>
        <v>45576.958333316747</v>
      </c>
    </row>
    <row r="6874" spans="2:14" x14ac:dyDescent="0.3">
      <c r="B6874">
        <f t="shared" si="761"/>
        <v>6</v>
      </c>
      <c r="C6874" s="16">
        <v>6840</v>
      </c>
      <c r="D6874" cm="1">
        <f t="array" ref="D6874">IFERROR(INDEX(Jesper!AH$2:AH$366,ROUNDDOWN($C6874/24,0)+1,1)*INDEX($D$3:$AA$30,INDEX(Jesper!$R$2:$R$366,ROW(INDEX(Jesper!AH$2:AH$366,ROUNDDOWN($C6874/24,0)+1,1))-1)+IF('Standard Profiles'!$G$18=$B$10,7,0)+IF('Standard Profiles'!$G$18=$B$17,14,0)+IF('Standard Profiles'!$G$18=$B$24,21,0),MOD($C6874,24)+1)/SUM(INDEX($D$3:$AA$30,INDEX(Jesper!$R$2:$R$366,ROW(INDEX(Jesper!AH$2:AH$366,ROUNDDOWN($C6874/24,0)+1,1))-1)+IF('Standard Profiles'!$G$18=$B$10,7,0)+IF('Standard Profiles'!$G$18=$B$17,14,0)+IF('Standard Profiles'!$G$18=$B$24,21,0),0)),0)</f>
        <v>3.8354170863680683</v>
      </c>
      <c r="E6874" cm="1">
        <f t="array" ref="E6874">IFERROR(INDEX(Jesper!AI$2:AI$366,ROUNDDOWN($C6874/24,0)+1,1)*INDEX($D$3:$AA$30,INDEX(Jesper!$R$2:$R$366,ROW(INDEX(Jesper!AI$2:AI$366,ROUNDDOWN($C6874/24,0)+1,1))-1)+IF('Standard Profiles'!$G$19=$B$10,7,0)+IF('Standard Profiles'!$G$19=$B$17,14,0)+IF('Standard Profiles'!$G$19=$B$24,21,0),MOD($C6874,24)+1)/SUM(INDEX($D$3:$AA$30,INDEX(Jesper!$R$2:$R$366,ROW(INDEX(Jesper!AI$2:AI$366,ROUNDDOWN($C6874/24,0)+1,1))-1)+IF('Standard Profiles'!$G$19=$B$10,7,0)+IF('Standard Profiles'!$G$19=$B$17,14,0)+IF('Standard Profiles'!$G$19=$B$24,21,0),0)),0)</f>
        <v>0.74117974001855136</v>
      </c>
      <c r="F6874" cm="1">
        <f t="array" ref="F6874">IFERROR(INDEX(Jesper!AJ$2:AJ$366,ROUNDDOWN($C6874/24,0)+1,1)*INDEX($D$3:$AA$30,INDEX(Jesper!$R$2:$R$366,ROW(INDEX(Jesper!AJ$2:AJ$366,ROUNDDOWN($C6874/24,0)+1,1))-1)+IF('Standard Profiles'!$G$20=$B$10,7,0)+IF('Standard Profiles'!$G$20=$B$17,14,0)+IF('Standard Profiles'!$G$20=$B$24,21,0),MOD($C6874,24)+1)/SUM(INDEX($D$3:$AA$30,INDEX(Jesper!$R$2:$R$366,ROW(INDEX(Jesper!AJ$2:AJ$366,ROUNDDOWN($C6874/24,0)+1,1))-1)+IF('Standard Profiles'!$G$20=$B$10,7,0)+IF('Standard Profiles'!$G$20=$B$17,14,0)+IF('Standard Profiles'!$G$20=$B$24,21,0),0)),0)</f>
        <v>0</v>
      </c>
      <c r="G6874" cm="1">
        <f t="array" ref="G6874">IFERROR(INDEX(Jesper!AK$2:AK$366,ROUNDDOWN($C6874/24,0)+1,1)*INDEX($D$3:$AA$30,INDEX(Jesper!$R$2:$R$366,ROW(INDEX(Jesper!AK$2:AK$366,ROUNDDOWN($C6874/24,0)+1,1))-1)+IF('Standard Profiles'!$G$21=$B$10,7,0)+IF('Standard Profiles'!$G$21=$B$17,14,0)+IF('Standard Profiles'!$G$21=$B$24,21,0),MOD($C6874,24)+1)/SUM(INDEX($D$3:$AA$30,INDEX(Jesper!$R$2:$R$366,ROW(INDEX(Jesper!AK$2:AK$366,ROUNDDOWN($C6874/24,0)+1,1))-1)+IF('Standard Profiles'!$G$21=$B$10,7,0)+IF('Standard Profiles'!$G$21=$B$17,14,0)+IF('Standard Profiles'!$G$21=$B$24,21,0),0)),0)</f>
        <v>0</v>
      </c>
      <c r="H6874" cm="1">
        <f t="array" ref="H6874">IFERROR(INDEX(Jesper!AL$2:AL$366,ROUNDDOWN($C6874/24,0)+1,1)*INDEX($D$3:$AA$30,INDEX(Jesper!$R$2:$R$366,ROW(INDEX(Jesper!AL$2:AL$366,ROUNDDOWN($C6874/24,0)+1,1))-1)+IF('Standard Profiles'!$G$22=$B$10,7,0)+IF('Standard Profiles'!$G$22=$B$17,14,0)+IF('Standard Profiles'!$G$22=$B$24,21,0),MOD($C6874,24)+1)/SUM(INDEX($D$3:$AA$30,INDEX(Jesper!$R$2:$R$366,ROW(INDEX(Jesper!AL$2:AL$366,ROUNDDOWN($C6874/24,0)+1,1))-1)+IF('Standard Profiles'!$G$22=$B$10,7,0)+IF('Standard Profiles'!$G$22=$B$17,14,0)+IF('Standard Profiles'!$G$22=$B$24,21,0),0)),0)</f>
        <v>0</v>
      </c>
      <c r="I6874">
        <f t="shared" si="762"/>
        <v>6.6772949551220859E-2</v>
      </c>
      <c r="J6874">
        <f t="shared" si="763"/>
        <v>0.22257649850406958</v>
      </c>
      <c r="K6874">
        <f t="shared" si="764"/>
        <v>0.33386474775610436</v>
      </c>
      <c r="L6874">
        <f t="shared" si="765"/>
        <v>3.9533826305752249</v>
      </c>
      <c r="M6874">
        <f t="shared" si="766"/>
        <v>0</v>
      </c>
      <c r="N6874" s="46">
        <f t="shared" si="767"/>
        <v>45576.999999983411</v>
      </c>
    </row>
    <row r="6875" spans="2:14" x14ac:dyDescent="0.3">
      <c r="B6875">
        <f t="shared" si="761"/>
        <v>6</v>
      </c>
      <c r="C6875" s="16">
        <v>6841</v>
      </c>
      <c r="D6875" cm="1">
        <f t="array" ref="D6875">IFERROR(INDEX(Jesper!AH$2:AH$366,ROUNDDOWN($C6875/24,0)+1,1)*INDEX($D$3:$AA$30,INDEX(Jesper!$R$2:$R$366,ROW(INDEX(Jesper!AH$2:AH$366,ROUNDDOWN($C6875/24,0)+1,1))-1)+IF('Standard Profiles'!$G$18=$B$10,7,0)+IF('Standard Profiles'!$G$18=$B$17,14,0)+IF('Standard Profiles'!$G$18=$B$24,21,0),MOD($C6875,24)+1)/SUM(INDEX($D$3:$AA$30,INDEX(Jesper!$R$2:$R$366,ROW(INDEX(Jesper!AH$2:AH$366,ROUNDDOWN($C6875/24,0)+1,1))-1)+IF('Standard Profiles'!$G$18=$B$10,7,0)+IF('Standard Profiles'!$G$18=$B$17,14,0)+IF('Standard Profiles'!$G$18=$B$24,21,0),0)),0)</f>
        <v>7.4881952638614688</v>
      </c>
      <c r="E6875" cm="1">
        <f t="array" ref="E6875">IFERROR(INDEX(Jesper!AI$2:AI$366,ROUNDDOWN($C6875/24,0)+1,1)*INDEX($D$3:$AA$30,INDEX(Jesper!$R$2:$R$366,ROW(INDEX(Jesper!AI$2:AI$366,ROUNDDOWN($C6875/24,0)+1,1))-1)+IF('Standard Profiles'!$G$19=$B$10,7,0)+IF('Standard Profiles'!$G$19=$B$17,14,0)+IF('Standard Profiles'!$G$19=$B$24,21,0),MOD($C6875,24)+1)/SUM(INDEX($D$3:$AA$30,INDEX(Jesper!$R$2:$R$366,ROW(INDEX(Jesper!AI$2:AI$366,ROUNDDOWN($C6875/24,0)+1,1))-1)+IF('Standard Profiles'!$G$19=$B$10,7,0)+IF('Standard Profiles'!$G$19=$B$17,14,0)+IF('Standard Profiles'!$G$19=$B$24,21,0),0)),0)</f>
        <v>1.4470652067028862</v>
      </c>
      <c r="F6875" cm="1">
        <f t="array" ref="F6875">IFERROR(INDEX(Jesper!AJ$2:AJ$366,ROUNDDOWN($C6875/24,0)+1,1)*INDEX($D$3:$AA$30,INDEX(Jesper!$R$2:$R$366,ROW(INDEX(Jesper!AJ$2:AJ$366,ROUNDDOWN($C6875/24,0)+1,1))-1)+IF('Standard Profiles'!$G$20=$B$10,7,0)+IF('Standard Profiles'!$G$20=$B$17,14,0)+IF('Standard Profiles'!$G$20=$B$24,21,0),MOD($C6875,24)+1)/SUM(INDEX($D$3:$AA$30,INDEX(Jesper!$R$2:$R$366,ROW(INDEX(Jesper!AJ$2:AJ$366,ROUNDDOWN($C6875/24,0)+1,1))-1)+IF('Standard Profiles'!$G$20=$B$10,7,0)+IF('Standard Profiles'!$G$20=$B$17,14,0)+IF('Standard Profiles'!$G$20=$B$24,21,0),0)),0)</f>
        <v>0</v>
      </c>
      <c r="G6875" cm="1">
        <f t="array" ref="G6875">IFERROR(INDEX(Jesper!AK$2:AK$366,ROUNDDOWN($C6875/24,0)+1,1)*INDEX($D$3:$AA$30,INDEX(Jesper!$R$2:$R$366,ROW(INDEX(Jesper!AK$2:AK$366,ROUNDDOWN($C6875/24,0)+1,1))-1)+IF('Standard Profiles'!$G$21=$B$10,7,0)+IF('Standard Profiles'!$G$21=$B$17,14,0)+IF('Standard Profiles'!$G$21=$B$24,21,0),MOD($C6875,24)+1)/SUM(INDEX($D$3:$AA$30,INDEX(Jesper!$R$2:$R$366,ROW(INDEX(Jesper!AK$2:AK$366,ROUNDDOWN($C6875/24,0)+1,1))-1)+IF('Standard Profiles'!$G$21=$B$10,7,0)+IF('Standard Profiles'!$G$21=$B$17,14,0)+IF('Standard Profiles'!$G$21=$B$24,21,0),0)),0)</f>
        <v>0</v>
      </c>
      <c r="H6875" cm="1">
        <f t="array" ref="H6875">IFERROR(INDEX(Jesper!AL$2:AL$366,ROUNDDOWN($C6875/24,0)+1,1)*INDEX($D$3:$AA$30,INDEX(Jesper!$R$2:$R$366,ROW(INDEX(Jesper!AL$2:AL$366,ROUNDDOWN($C6875/24,0)+1,1))-1)+IF('Standard Profiles'!$G$22=$B$10,7,0)+IF('Standard Profiles'!$G$22=$B$17,14,0)+IF('Standard Profiles'!$G$22=$B$24,21,0),MOD($C6875,24)+1)/SUM(INDEX($D$3:$AA$30,INDEX(Jesper!$R$2:$R$366,ROW(INDEX(Jesper!AL$2:AL$366,ROUNDDOWN($C6875/24,0)+1,1))-1)+IF('Standard Profiles'!$G$22=$B$10,7,0)+IF('Standard Profiles'!$G$22=$B$17,14,0)+IF('Standard Profiles'!$G$22=$B$24,21,0),0)),0)</f>
        <v>0</v>
      </c>
      <c r="I6875">
        <f t="shared" si="762"/>
        <v>0.13036623483809789</v>
      </c>
      <c r="J6875">
        <f t="shared" si="763"/>
        <v>0.43455411612699302</v>
      </c>
      <c r="K6875">
        <f t="shared" si="764"/>
        <v>0.65183117419048953</v>
      </c>
      <c r="L6875">
        <f t="shared" si="765"/>
        <v>7.7185089454087743</v>
      </c>
      <c r="M6875">
        <f t="shared" si="766"/>
        <v>0</v>
      </c>
      <c r="N6875" s="46">
        <f t="shared" si="767"/>
        <v>45577.041666650075</v>
      </c>
    </row>
    <row r="6876" spans="2:14" x14ac:dyDescent="0.3">
      <c r="B6876">
        <f t="shared" si="761"/>
        <v>6</v>
      </c>
      <c r="C6876" s="16">
        <v>6842</v>
      </c>
      <c r="D6876" cm="1">
        <f t="array" ref="D6876">IFERROR(INDEX(Jesper!AH$2:AH$366,ROUNDDOWN($C6876/24,0)+1,1)*INDEX($D$3:$AA$30,INDEX(Jesper!$R$2:$R$366,ROW(INDEX(Jesper!AH$2:AH$366,ROUNDDOWN($C6876/24,0)+1,1))-1)+IF('Standard Profiles'!$G$18=$B$10,7,0)+IF('Standard Profiles'!$G$18=$B$17,14,0)+IF('Standard Profiles'!$G$18=$B$24,21,0),MOD($C6876,24)+1)/SUM(INDEX($D$3:$AA$30,INDEX(Jesper!$R$2:$R$366,ROW(INDEX(Jesper!AH$2:AH$366,ROUNDDOWN($C6876/24,0)+1,1))-1)+IF('Standard Profiles'!$G$18=$B$10,7,0)+IF('Standard Profiles'!$G$18=$B$17,14,0)+IF('Standard Profiles'!$G$18=$B$24,21,0),0)),0)</f>
        <v>7.4881952638614688</v>
      </c>
      <c r="E6876" cm="1">
        <f t="array" ref="E6876">IFERROR(INDEX(Jesper!AI$2:AI$366,ROUNDDOWN($C6876/24,0)+1,1)*INDEX($D$3:$AA$30,INDEX(Jesper!$R$2:$R$366,ROW(INDEX(Jesper!AI$2:AI$366,ROUNDDOWN($C6876/24,0)+1,1))-1)+IF('Standard Profiles'!$G$19=$B$10,7,0)+IF('Standard Profiles'!$G$19=$B$17,14,0)+IF('Standard Profiles'!$G$19=$B$24,21,0),MOD($C6876,24)+1)/SUM(INDEX($D$3:$AA$30,INDEX(Jesper!$R$2:$R$366,ROW(INDEX(Jesper!AI$2:AI$366,ROUNDDOWN($C6876/24,0)+1,1))-1)+IF('Standard Profiles'!$G$19=$B$10,7,0)+IF('Standard Profiles'!$G$19=$B$17,14,0)+IF('Standard Profiles'!$G$19=$B$24,21,0),0)),0)</f>
        <v>1.4470652067028862</v>
      </c>
      <c r="F6876" cm="1">
        <f t="array" ref="F6876">IFERROR(INDEX(Jesper!AJ$2:AJ$366,ROUNDDOWN($C6876/24,0)+1,1)*INDEX($D$3:$AA$30,INDEX(Jesper!$R$2:$R$366,ROW(INDEX(Jesper!AJ$2:AJ$366,ROUNDDOWN($C6876/24,0)+1,1))-1)+IF('Standard Profiles'!$G$20=$B$10,7,0)+IF('Standard Profiles'!$G$20=$B$17,14,0)+IF('Standard Profiles'!$G$20=$B$24,21,0),MOD($C6876,24)+1)/SUM(INDEX($D$3:$AA$30,INDEX(Jesper!$R$2:$R$366,ROW(INDEX(Jesper!AJ$2:AJ$366,ROUNDDOWN($C6876/24,0)+1,1))-1)+IF('Standard Profiles'!$G$20=$B$10,7,0)+IF('Standard Profiles'!$G$20=$B$17,14,0)+IF('Standard Profiles'!$G$20=$B$24,21,0),0)),0)</f>
        <v>0</v>
      </c>
      <c r="G6876" cm="1">
        <f t="array" ref="G6876">IFERROR(INDEX(Jesper!AK$2:AK$366,ROUNDDOWN($C6876/24,0)+1,1)*INDEX($D$3:$AA$30,INDEX(Jesper!$R$2:$R$366,ROW(INDEX(Jesper!AK$2:AK$366,ROUNDDOWN($C6876/24,0)+1,1))-1)+IF('Standard Profiles'!$G$21=$B$10,7,0)+IF('Standard Profiles'!$G$21=$B$17,14,0)+IF('Standard Profiles'!$G$21=$B$24,21,0),MOD($C6876,24)+1)/SUM(INDEX($D$3:$AA$30,INDEX(Jesper!$R$2:$R$366,ROW(INDEX(Jesper!AK$2:AK$366,ROUNDDOWN($C6876/24,0)+1,1))-1)+IF('Standard Profiles'!$G$21=$B$10,7,0)+IF('Standard Profiles'!$G$21=$B$17,14,0)+IF('Standard Profiles'!$G$21=$B$24,21,0),0)),0)</f>
        <v>0</v>
      </c>
      <c r="H6876" cm="1">
        <f t="array" ref="H6876">IFERROR(INDEX(Jesper!AL$2:AL$366,ROUNDDOWN($C6876/24,0)+1,1)*INDEX($D$3:$AA$30,INDEX(Jesper!$R$2:$R$366,ROW(INDEX(Jesper!AL$2:AL$366,ROUNDDOWN($C6876/24,0)+1,1))-1)+IF('Standard Profiles'!$G$22=$B$10,7,0)+IF('Standard Profiles'!$G$22=$B$17,14,0)+IF('Standard Profiles'!$G$22=$B$24,21,0),MOD($C6876,24)+1)/SUM(INDEX($D$3:$AA$30,INDEX(Jesper!$R$2:$R$366,ROW(INDEX(Jesper!AL$2:AL$366,ROUNDDOWN($C6876/24,0)+1,1))-1)+IF('Standard Profiles'!$G$22=$B$10,7,0)+IF('Standard Profiles'!$G$22=$B$17,14,0)+IF('Standard Profiles'!$G$22=$B$24,21,0),0)),0)</f>
        <v>0</v>
      </c>
      <c r="I6876">
        <f t="shared" si="762"/>
        <v>0.13036623483809789</v>
      </c>
      <c r="J6876">
        <f t="shared" si="763"/>
        <v>0.43455411612699302</v>
      </c>
      <c r="K6876">
        <f t="shared" si="764"/>
        <v>0.65183117419048953</v>
      </c>
      <c r="L6876">
        <f t="shared" si="765"/>
        <v>7.7185089454087743</v>
      </c>
      <c r="M6876">
        <f t="shared" si="766"/>
        <v>0</v>
      </c>
      <c r="N6876" s="46">
        <f t="shared" si="767"/>
        <v>45577.083333316739</v>
      </c>
    </row>
    <row r="6877" spans="2:14" x14ac:dyDescent="0.3">
      <c r="B6877">
        <f t="shared" si="761"/>
        <v>6</v>
      </c>
      <c r="C6877" s="16">
        <v>6843</v>
      </c>
      <c r="D6877" cm="1">
        <f t="array" ref="D6877">IFERROR(INDEX(Jesper!AH$2:AH$366,ROUNDDOWN($C6877/24,0)+1,1)*INDEX($D$3:$AA$30,INDEX(Jesper!$R$2:$R$366,ROW(INDEX(Jesper!AH$2:AH$366,ROUNDDOWN($C6877/24,0)+1,1))-1)+IF('Standard Profiles'!$G$18=$B$10,7,0)+IF('Standard Profiles'!$G$18=$B$17,14,0)+IF('Standard Profiles'!$G$18=$B$24,21,0),MOD($C6877,24)+1)/SUM(INDEX($D$3:$AA$30,INDEX(Jesper!$R$2:$R$366,ROW(INDEX(Jesper!AH$2:AH$366,ROUNDDOWN($C6877/24,0)+1,1))-1)+IF('Standard Profiles'!$G$18=$B$10,7,0)+IF('Standard Profiles'!$G$18=$B$17,14,0)+IF('Standard Profiles'!$G$18=$B$24,21,0),0)),0)</f>
        <v>7.4881952638614688</v>
      </c>
      <c r="E6877" cm="1">
        <f t="array" ref="E6877">IFERROR(INDEX(Jesper!AI$2:AI$366,ROUNDDOWN($C6877/24,0)+1,1)*INDEX($D$3:$AA$30,INDEX(Jesper!$R$2:$R$366,ROW(INDEX(Jesper!AI$2:AI$366,ROUNDDOWN($C6877/24,0)+1,1))-1)+IF('Standard Profiles'!$G$19=$B$10,7,0)+IF('Standard Profiles'!$G$19=$B$17,14,0)+IF('Standard Profiles'!$G$19=$B$24,21,0),MOD($C6877,24)+1)/SUM(INDEX($D$3:$AA$30,INDEX(Jesper!$R$2:$R$366,ROW(INDEX(Jesper!AI$2:AI$366,ROUNDDOWN($C6877/24,0)+1,1))-1)+IF('Standard Profiles'!$G$19=$B$10,7,0)+IF('Standard Profiles'!$G$19=$B$17,14,0)+IF('Standard Profiles'!$G$19=$B$24,21,0),0)),0)</f>
        <v>1.4470652067028862</v>
      </c>
      <c r="F6877" cm="1">
        <f t="array" ref="F6877">IFERROR(INDEX(Jesper!AJ$2:AJ$366,ROUNDDOWN($C6877/24,0)+1,1)*INDEX($D$3:$AA$30,INDEX(Jesper!$R$2:$R$366,ROW(INDEX(Jesper!AJ$2:AJ$366,ROUNDDOWN($C6877/24,0)+1,1))-1)+IF('Standard Profiles'!$G$20=$B$10,7,0)+IF('Standard Profiles'!$G$20=$B$17,14,0)+IF('Standard Profiles'!$G$20=$B$24,21,0),MOD($C6877,24)+1)/SUM(INDEX($D$3:$AA$30,INDEX(Jesper!$R$2:$R$366,ROW(INDEX(Jesper!AJ$2:AJ$366,ROUNDDOWN($C6877/24,0)+1,1))-1)+IF('Standard Profiles'!$G$20=$B$10,7,0)+IF('Standard Profiles'!$G$20=$B$17,14,0)+IF('Standard Profiles'!$G$20=$B$24,21,0),0)),0)</f>
        <v>0</v>
      </c>
      <c r="G6877" cm="1">
        <f t="array" ref="G6877">IFERROR(INDEX(Jesper!AK$2:AK$366,ROUNDDOWN($C6877/24,0)+1,1)*INDEX($D$3:$AA$30,INDEX(Jesper!$R$2:$R$366,ROW(INDEX(Jesper!AK$2:AK$366,ROUNDDOWN($C6877/24,0)+1,1))-1)+IF('Standard Profiles'!$G$21=$B$10,7,0)+IF('Standard Profiles'!$G$21=$B$17,14,0)+IF('Standard Profiles'!$G$21=$B$24,21,0),MOD($C6877,24)+1)/SUM(INDEX($D$3:$AA$30,INDEX(Jesper!$R$2:$R$366,ROW(INDEX(Jesper!AK$2:AK$366,ROUNDDOWN($C6877/24,0)+1,1))-1)+IF('Standard Profiles'!$G$21=$B$10,7,0)+IF('Standard Profiles'!$G$21=$B$17,14,0)+IF('Standard Profiles'!$G$21=$B$24,21,0),0)),0)</f>
        <v>0</v>
      </c>
      <c r="H6877" cm="1">
        <f t="array" ref="H6877">IFERROR(INDEX(Jesper!AL$2:AL$366,ROUNDDOWN($C6877/24,0)+1,1)*INDEX($D$3:$AA$30,INDEX(Jesper!$R$2:$R$366,ROW(INDEX(Jesper!AL$2:AL$366,ROUNDDOWN($C6877/24,0)+1,1))-1)+IF('Standard Profiles'!$G$22=$B$10,7,0)+IF('Standard Profiles'!$G$22=$B$17,14,0)+IF('Standard Profiles'!$G$22=$B$24,21,0),MOD($C6877,24)+1)/SUM(INDEX($D$3:$AA$30,INDEX(Jesper!$R$2:$R$366,ROW(INDEX(Jesper!AL$2:AL$366,ROUNDDOWN($C6877/24,0)+1,1))-1)+IF('Standard Profiles'!$G$22=$B$10,7,0)+IF('Standard Profiles'!$G$22=$B$17,14,0)+IF('Standard Profiles'!$G$22=$B$24,21,0),0)),0)</f>
        <v>0</v>
      </c>
      <c r="I6877">
        <f t="shared" si="762"/>
        <v>0.13036623483809789</v>
      </c>
      <c r="J6877">
        <f t="shared" si="763"/>
        <v>0.43455411612699302</v>
      </c>
      <c r="K6877">
        <f t="shared" si="764"/>
        <v>0.65183117419048953</v>
      </c>
      <c r="L6877">
        <f t="shared" si="765"/>
        <v>7.7185089454087743</v>
      </c>
      <c r="M6877">
        <f t="shared" si="766"/>
        <v>0</v>
      </c>
      <c r="N6877" s="46">
        <f t="shared" si="767"/>
        <v>45577.124999983404</v>
      </c>
    </row>
    <row r="6878" spans="2:14" x14ac:dyDescent="0.3">
      <c r="B6878">
        <f t="shared" si="761"/>
        <v>6</v>
      </c>
      <c r="C6878" s="16">
        <v>6844</v>
      </c>
      <c r="D6878" cm="1">
        <f t="array" ref="D6878">IFERROR(INDEX(Jesper!AH$2:AH$366,ROUNDDOWN($C6878/24,0)+1,1)*INDEX($D$3:$AA$30,INDEX(Jesper!$R$2:$R$366,ROW(INDEX(Jesper!AH$2:AH$366,ROUNDDOWN($C6878/24,0)+1,1))-1)+IF('Standard Profiles'!$G$18=$B$10,7,0)+IF('Standard Profiles'!$G$18=$B$17,14,0)+IF('Standard Profiles'!$G$18=$B$24,21,0),MOD($C6878,24)+1)/SUM(INDEX($D$3:$AA$30,INDEX(Jesper!$R$2:$R$366,ROW(INDEX(Jesper!AH$2:AH$366,ROUNDDOWN($C6878/24,0)+1,1))-1)+IF('Standard Profiles'!$G$18=$B$10,7,0)+IF('Standard Profiles'!$G$18=$B$17,14,0)+IF('Standard Profiles'!$G$18=$B$24,21,0),0)),0)</f>
        <v>7.4881952638614688</v>
      </c>
      <c r="E6878" cm="1">
        <f t="array" ref="E6878">IFERROR(INDEX(Jesper!AI$2:AI$366,ROUNDDOWN($C6878/24,0)+1,1)*INDEX($D$3:$AA$30,INDEX(Jesper!$R$2:$R$366,ROW(INDEX(Jesper!AI$2:AI$366,ROUNDDOWN($C6878/24,0)+1,1))-1)+IF('Standard Profiles'!$G$19=$B$10,7,0)+IF('Standard Profiles'!$G$19=$B$17,14,0)+IF('Standard Profiles'!$G$19=$B$24,21,0),MOD($C6878,24)+1)/SUM(INDEX($D$3:$AA$30,INDEX(Jesper!$R$2:$R$366,ROW(INDEX(Jesper!AI$2:AI$366,ROUNDDOWN($C6878/24,0)+1,1))-1)+IF('Standard Profiles'!$G$19=$B$10,7,0)+IF('Standard Profiles'!$G$19=$B$17,14,0)+IF('Standard Profiles'!$G$19=$B$24,21,0),0)),0)</f>
        <v>1.4470652067028862</v>
      </c>
      <c r="F6878" cm="1">
        <f t="array" ref="F6878">IFERROR(INDEX(Jesper!AJ$2:AJ$366,ROUNDDOWN($C6878/24,0)+1,1)*INDEX($D$3:$AA$30,INDEX(Jesper!$R$2:$R$366,ROW(INDEX(Jesper!AJ$2:AJ$366,ROUNDDOWN($C6878/24,0)+1,1))-1)+IF('Standard Profiles'!$G$20=$B$10,7,0)+IF('Standard Profiles'!$G$20=$B$17,14,0)+IF('Standard Profiles'!$G$20=$B$24,21,0),MOD($C6878,24)+1)/SUM(INDEX($D$3:$AA$30,INDEX(Jesper!$R$2:$R$366,ROW(INDEX(Jesper!AJ$2:AJ$366,ROUNDDOWN($C6878/24,0)+1,1))-1)+IF('Standard Profiles'!$G$20=$B$10,7,0)+IF('Standard Profiles'!$G$20=$B$17,14,0)+IF('Standard Profiles'!$G$20=$B$24,21,0),0)),0)</f>
        <v>0</v>
      </c>
      <c r="G6878" cm="1">
        <f t="array" ref="G6878">IFERROR(INDEX(Jesper!AK$2:AK$366,ROUNDDOWN($C6878/24,0)+1,1)*INDEX($D$3:$AA$30,INDEX(Jesper!$R$2:$R$366,ROW(INDEX(Jesper!AK$2:AK$366,ROUNDDOWN($C6878/24,0)+1,1))-1)+IF('Standard Profiles'!$G$21=$B$10,7,0)+IF('Standard Profiles'!$G$21=$B$17,14,0)+IF('Standard Profiles'!$G$21=$B$24,21,0),MOD($C6878,24)+1)/SUM(INDEX($D$3:$AA$30,INDEX(Jesper!$R$2:$R$366,ROW(INDEX(Jesper!AK$2:AK$366,ROUNDDOWN($C6878/24,0)+1,1))-1)+IF('Standard Profiles'!$G$21=$B$10,7,0)+IF('Standard Profiles'!$G$21=$B$17,14,0)+IF('Standard Profiles'!$G$21=$B$24,21,0),0)),0)</f>
        <v>0</v>
      </c>
      <c r="H6878" cm="1">
        <f t="array" ref="H6878">IFERROR(INDEX(Jesper!AL$2:AL$366,ROUNDDOWN($C6878/24,0)+1,1)*INDEX($D$3:$AA$30,INDEX(Jesper!$R$2:$R$366,ROW(INDEX(Jesper!AL$2:AL$366,ROUNDDOWN($C6878/24,0)+1,1))-1)+IF('Standard Profiles'!$G$22=$B$10,7,0)+IF('Standard Profiles'!$G$22=$B$17,14,0)+IF('Standard Profiles'!$G$22=$B$24,21,0),MOD($C6878,24)+1)/SUM(INDEX($D$3:$AA$30,INDEX(Jesper!$R$2:$R$366,ROW(INDEX(Jesper!AL$2:AL$366,ROUNDDOWN($C6878/24,0)+1,1))-1)+IF('Standard Profiles'!$G$22=$B$10,7,0)+IF('Standard Profiles'!$G$22=$B$17,14,0)+IF('Standard Profiles'!$G$22=$B$24,21,0),0)),0)</f>
        <v>0</v>
      </c>
      <c r="I6878">
        <f t="shared" si="762"/>
        <v>0.13036623483809789</v>
      </c>
      <c r="J6878">
        <f t="shared" si="763"/>
        <v>0.43455411612699302</v>
      </c>
      <c r="K6878">
        <f t="shared" si="764"/>
        <v>0.65183117419048953</v>
      </c>
      <c r="L6878">
        <f t="shared" si="765"/>
        <v>7.7185089454087743</v>
      </c>
      <c r="M6878">
        <f t="shared" si="766"/>
        <v>0</v>
      </c>
      <c r="N6878" s="46">
        <f t="shared" si="767"/>
        <v>45577.166666650068</v>
      </c>
    </row>
    <row r="6879" spans="2:14" x14ac:dyDescent="0.3">
      <c r="B6879">
        <f t="shared" si="761"/>
        <v>6</v>
      </c>
      <c r="C6879" s="16">
        <v>6845</v>
      </c>
      <c r="D6879" cm="1">
        <f t="array" ref="D6879">IFERROR(INDEX(Jesper!AH$2:AH$366,ROUNDDOWN($C6879/24,0)+1,1)*INDEX($D$3:$AA$30,INDEX(Jesper!$R$2:$R$366,ROW(INDEX(Jesper!AH$2:AH$366,ROUNDDOWN($C6879/24,0)+1,1))-1)+IF('Standard Profiles'!$G$18=$B$10,7,0)+IF('Standard Profiles'!$G$18=$B$17,14,0)+IF('Standard Profiles'!$G$18=$B$24,21,0),MOD($C6879,24)+1)/SUM(INDEX($D$3:$AA$30,INDEX(Jesper!$R$2:$R$366,ROW(INDEX(Jesper!AH$2:AH$366,ROUNDDOWN($C6879/24,0)+1,1))-1)+IF('Standard Profiles'!$G$18=$B$10,7,0)+IF('Standard Profiles'!$G$18=$B$17,14,0)+IF('Standard Profiles'!$G$18=$B$24,21,0),0)),0)</f>
        <v>9.3145843526081684</v>
      </c>
      <c r="E6879" cm="1">
        <f t="array" ref="E6879">IFERROR(INDEX(Jesper!AI$2:AI$366,ROUNDDOWN($C6879/24,0)+1,1)*INDEX($D$3:$AA$30,INDEX(Jesper!$R$2:$R$366,ROW(INDEX(Jesper!AI$2:AI$366,ROUNDDOWN($C6879/24,0)+1,1))-1)+IF('Standard Profiles'!$G$19=$B$10,7,0)+IF('Standard Profiles'!$G$19=$B$17,14,0)+IF('Standard Profiles'!$G$19=$B$24,21,0),MOD($C6879,24)+1)/SUM(INDEX($D$3:$AA$30,INDEX(Jesper!$R$2:$R$366,ROW(INDEX(Jesper!AI$2:AI$366,ROUNDDOWN($C6879/24,0)+1,1))-1)+IF('Standard Profiles'!$G$19=$B$10,7,0)+IF('Standard Profiles'!$G$19=$B$17,14,0)+IF('Standard Profiles'!$G$19=$B$24,21,0),0)),0)</f>
        <v>1.8000079400450535</v>
      </c>
      <c r="F6879" cm="1">
        <f t="array" ref="F6879">IFERROR(INDEX(Jesper!AJ$2:AJ$366,ROUNDDOWN($C6879/24,0)+1,1)*INDEX($D$3:$AA$30,INDEX(Jesper!$R$2:$R$366,ROW(INDEX(Jesper!AJ$2:AJ$366,ROUNDDOWN($C6879/24,0)+1,1))-1)+IF('Standard Profiles'!$G$20=$B$10,7,0)+IF('Standard Profiles'!$G$20=$B$17,14,0)+IF('Standard Profiles'!$G$20=$B$24,21,0),MOD($C6879,24)+1)/SUM(INDEX($D$3:$AA$30,INDEX(Jesper!$R$2:$R$366,ROW(INDEX(Jesper!AJ$2:AJ$366,ROUNDDOWN($C6879/24,0)+1,1))-1)+IF('Standard Profiles'!$G$20=$B$10,7,0)+IF('Standard Profiles'!$G$20=$B$17,14,0)+IF('Standard Profiles'!$G$20=$B$24,21,0),0)),0)</f>
        <v>0</v>
      </c>
      <c r="G6879" cm="1">
        <f t="array" ref="G6879">IFERROR(INDEX(Jesper!AK$2:AK$366,ROUNDDOWN($C6879/24,0)+1,1)*INDEX($D$3:$AA$30,INDEX(Jesper!$R$2:$R$366,ROW(INDEX(Jesper!AK$2:AK$366,ROUNDDOWN($C6879/24,0)+1,1))-1)+IF('Standard Profiles'!$G$21=$B$10,7,0)+IF('Standard Profiles'!$G$21=$B$17,14,0)+IF('Standard Profiles'!$G$21=$B$24,21,0),MOD($C6879,24)+1)/SUM(INDEX($D$3:$AA$30,INDEX(Jesper!$R$2:$R$366,ROW(INDEX(Jesper!AK$2:AK$366,ROUNDDOWN($C6879/24,0)+1,1))-1)+IF('Standard Profiles'!$G$21=$B$10,7,0)+IF('Standard Profiles'!$G$21=$B$17,14,0)+IF('Standard Profiles'!$G$21=$B$24,21,0),0)),0)</f>
        <v>0</v>
      </c>
      <c r="H6879" cm="1">
        <f t="array" ref="H6879">IFERROR(INDEX(Jesper!AL$2:AL$366,ROUNDDOWN($C6879/24,0)+1,1)*INDEX($D$3:$AA$30,INDEX(Jesper!$R$2:$R$366,ROW(INDEX(Jesper!AL$2:AL$366,ROUNDDOWN($C6879/24,0)+1,1))-1)+IF('Standard Profiles'!$G$22=$B$10,7,0)+IF('Standard Profiles'!$G$22=$B$17,14,0)+IF('Standard Profiles'!$G$22=$B$24,21,0),MOD($C6879,24)+1)/SUM(INDEX($D$3:$AA$30,INDEX(Jesper!$R$2:$R$366,ROW(INDEX(Jesper!AL$2:AL$366,ROUNDDOWN($C6879/24,0)+1,1))-1)+IF('Standard Profiles'!$G$22=$B$10,7,0)+IF('Standard Profiles'!$G$22=$B$17,14,0)+IF('Standard Profiles'!$G$22=$B$24,21,0),0)),0)</f>
        <v>0</v>
      </c>
      <c r="I6879">
        <f t="shared" si="762"/>
        <v>0.1621628774815364</v>
      </c>
      <c r="J6879">
        <f t="shared" si="763"/>
        <v>0.54054292493845468</v>
      </c>
      <c r="K6879">
        <f t="shared" si="764"/>
        <v>0.81081438740768208</v>
      </c>
      <c r="L6879">
        <f t="shared" si="765"/>
        <v>9.6010721028255492</v>
      </c>
      <c r="M6879">
        <f t="shared" si="766"/>
        <v>0</v>
      </c>
      <c r="N6879" s="46">
        <f t="shared" si="767"/>
        <v>45577.208333316732</v>
      </c>
    </row>
    <row r="6880" spans="2:14" x14ac:dyDescent="0.3">
      <c r="B6880">
        <f t="shared" si="761"/>
        <v>6</v>
      </c>
      <c r="C6880" s="16">
        <v>6846</v>
      </c>
      <c r="D6880" cm="1">
        <f t="array" ref="D6880">IFERROR(INDEX(Jesper!AH$2:AH$366,ROUNDDOWN($C6880/24,0)+1,1)*INDEX($D$3:$AA$30,INDEX(Jesper!$R$2:$R$366,ROW(INDEX(Jesper!AH$2:AH$366,ROUNDDOWN($C6880/24,0)+1,1))-1)+IF('Standard Profiles'!$G$18=$B$10,7,0)+IF('Standard Profiles'!$G$18=$B$17,14,0)+IF('Standard Profiles'!$G$18=$B$24,21,0),MOD($C6880,24)+1)/SUM(INDEX($D$3:$AA$30,INDEX(Jesper!$R$2:$R$366,ROW(INDEX(Jesper!AH$2:AH$366,ROUNDDOWN($C6880/24,0)+1,1))-1)+IF('Standard Profiles'!$G$18=$B$10,7,0)+IF('Standard Profiles'!$G$18=$B$17,14,0)+IF('Standard Profiles'!$G$18=$B$24,21,0),0)),0)</f>
        <v>11.688890167978878</v>
      </c>
      <c r="E6880" cm="1">
        <f t="array" ref="E6880">IFERROR(INDEX(Jesper!AI$2:AI$366,ROUNDDOWN($C6880/24,0)+1,1)*INDEX($D$3:$AA$30,INDEX(Jesper!$R$2:$R$366,ROW(INDEX(Jesper!AI$2:AI$366,ROUNDDOWN($C6880/24,0)+1,1))-1)+IF('Standard Profiles'!$G$19=$B$10,7,0)+IF('Standard Profiles'!$G$19=$B$17,14,0)+IF('Standard Profiles'!$G$19=$B$24,21,0),MOD($C6880,24)+1)/SUM(INDEX($D$3:$AA$30,INDEX(Jesper!$R$2:$R$366,ROW(INDEX(Jesper!AI$2:AI$366,ROUNDDOWN($C6880/24,0)+1,1))-1)+IF('Standard Profiles'!$G$19=$B$10,7,0)+IF('Standard Profiles'!$G$19=$B$17,14,0)+IF('Standard Profiles'!$G$19=$B$24,21,0),0)),0)</f>
        <v>2.2588334933898708</v>
      </c>
      <c r="F6880" cm="1">
        <f t="array" ref="F6880">IFERROR(INDEX(Jesper!AJ$2:AJ$366,ROUNDDOWN($C6880/24,0)+1,1)*INDEX($D$3:$AA$30,INDEX(Jesper!$R$2:$R$366,ROW(INDEX(Jesper!AJ$2:AJ$366,ROUNDDOWN($C6880/24,0)+1,1))-1)+IF('Standard Profiles'!$G$20=$B$10,7,0)+IF('Standard Profiles'!$G$20=$B$17,14,0)+IF('Standard Profiles'!$G$20=$B$24,21,0),MOD($C6880,24)+1)/SUM(INDEX($D$3:$AA$30,INDEX(Jesper!$R$2:$R$366,ROW(INDEX(Jesper!AJ$2:AJ$366,ROUNDDOWN($C6880/24,0)+1,1))-1)+IF('Standard Profiles'!$G$20=$B$10,7,0)+IF('Standard Profiles'!$G$20=$B$17,14,0)+IF('Standard Profiles'!$G$20=$B$24,21,0),0)),0)</f>
        <v>0</v>
      </c>
      <c r="G6880" cm="1">
        <f t="array" ref="G6880">IFERROR(INDEX(Jesper!AK$2:AK$366,ROUNDDOWN($C6880/24,0)+1,1)*INDEX($D$3:$AA$30,INDEX(Jesper!$R$2:$R$366,ROW(INDEX(Jesper!AK$2:AK$366,ROUNDDOWN($C6880/24,0)+1,1))-1)+IF('Standard Profiles'!$G$21=$B$10,7,0)+IF('Standard Profiles'!$G$21=$B$17,14,0)+IF('Standard Profiles'!$G$21=$B$24,21,0),MOD($C6880,24)+1)/SUM(INDEX($D$3:$AA$30,INDEX(Jesper!$R$2:$R$366,ROW(INDEX(Jesper!AK$2:AK$366,ROUNDDOWN($C6880/24,0)+1,1))-1)+IF('Standard Profiles'!$G$21=$B$10,7,0)+IF('Standard Profiles'!$G$21=$B$17,14,0)+IF('Standard Profiles'!$G$21=$B$24,21,0),0)),0)</f>
        <v>0</v>
      </c>
      <c r="H6880" cm="1">
        <f t="array" ref="H6880">IFERROR(INDEX(Jesper!AL$2:AL$366,ROUNDDOWN($C6880/24,0)+1,1)*INDEX($D$3:$AA$30,INDEX(Jesper!$R$2:$R$366,ROW(INDEX(Jesper!AL$2:AL$366,ROUNDDOWN($C6880/24,0)+1,1))-1)+IF('Standard Profiles'!$G$22=$B$10,7,0)+IF('Standard Profiles'!$G$22=$B$17,14,0)+IF('Standard Profiles'!$G$22=$B$24,21,0),MOD($C6880,24)+1)/SUM(INDEX($D$3:$AA$30,INDEX(Jesper!$R$2:$R$366,ROW(INDEX(Jesper!AL$2:AL$366,ROUNDDOWN($C6880/24,0)+1,1))-1)+IF('Standard Profiles'!$G$22=$B$10,7,0)+IF('Standard Profiles'!$G$22=$B$17,14,0)+IF('Standard Profiles'!$G$22=$B$24,21,0),0)),0)</f>
        <v>0</v>
      </c>
      <c r="I6880">
        <f t="shared" si="762"/>
        <v>0.20349851291800644</v>
      </c>
      <c r="J6880">
        <f t="shared" si="763"/>
        <v>0.67832837639335486</v>
      </c>
      <c r="K6880">
        <f t="shared" si="764"/>
        <v>1.0174925645900323</v>
      </c>
      <c r="L6880">
        <f t="shared" si="765"/>
        <v>12.048404207467355</v>
      </c>
      <c r="M6880">
        <f t="shared" si="766"/>
        <v>0</v>
      </c>
      <c r="N6880" s="46">
        <f t="shared" si="767"/>
        <v>45577.249999983396</v>
      </c>
    </row>
    <row r="6881" spans="2:14" x14ac:dyDescent="0.3">
      <c r="B6881">
        <f t="shared" si="761"/>
        <v>6</v>
      </c>
      <c r="C6881" s="16">
        <v>6847</v>
      </c>
      <c r="D6881" cm="1">
        <f t="array" ref="D6881">IFERROR(INDEX(Jesper!AH$2:AH$366,ROUNDDOWN($C6881/24,0)+1,1)*INDEX($D$3:$AA$30,INDEX(Jesper!$R$2:$R$366,ROW(INDEX(Jesper!AH$2:AH$366,ROUNDDOWN($C6881/24,0)+1,1))-1)+IF('Standard Profiles'!$G$18=$B$10,7,0)+IF('Standard Profiles'!$G$18=$B$17,14,0)+IF('Standard Profiles'!$G$18=$B$24,21,0),MOD($C6881,24)+1)/SUM(INDEX($D$3:$AA$30,INDEX(Jesper!$R$2:$R$366,ROW(INDEX(Jesper!AH$2:AH$366,ROUNDDOWN($C6881/24,0)+1,1))-1)+IF('Standard Profiles'!$G$18=$B$10,7,0)+IF('Standard Profiles'!$G$18=$B$17,14,0)+IF('Standard Profiles'!$G$18=$B$24,21,0),0)),0)</f>
        <v>13.332640347850907</v>
      </c>
      <c r="E6881" cm="1">
        <f t="array" ref="E6881">IFERROR(INDEX(Jesper!AI$2:AI$366,ROUNDDOWN($C6881/24,0)+1,1)*INDEX($D$3:$AA$30,INDEX(Jesper!$R$2:$R$366,ROW(INDEX(Jesper!AI$2:AI$366,ROUNDDOWN($C6881/24,0)+1,1))-1)+IF('Standard Profiles'!$G$19=$B$10,7,0)+IF('Standard Profiles'!$G$19=$B$17,14,0)+IF('Standard Profiles'!$G$19=$B$24,21,0),MOD($C6881,24)+1)/SUM(INDEX($D$3:$AA$30,INDEX(Jesper!$R$2:$R$366,ROW(INDEX(Jesper!AI$2:AI$366,ROUNDDOWN($C6881/24,0)+1,1))-1)+IF('Standard Profiles'!$G$19=$B$10,7,0)+IF('Standard Profiles'!$G$19=$B$17,14,0)+IF('Standard Profiles'!$G$19=$B$24,21,0),0)),0)</f>
        <v>2.5764819533978214</v>
      </c>
      <c r="F6881" cm="1">
        <f t="array" ref="F6881">IFERROR(INDEX(Jesper!AJ$2:AJ$366,ROUNDDOWN($C6881/24,0)+1,1)*INDEX($D$3:$AA$30,INDEX(Jesper!$R$2:$R$366,ROW(INDEX(Jesper!AJ$2:AJ$366,ROUNDDOWN($C6881/24,0)+1,1))-1)+IF('Standard Profiles'!$G$20=$B$10,7,0)+IF('Standard Profiles'!$G$20=$B$17,14,0)+IF('Standard Profiles'!$G$20=$B$24,21,0),MOD($C6881,24)+1)/SUM(INDEX($D$3:$AA$30,INDEX(Jesper!$R$2:$R$366,ROW(INDEX(Jesper!AJ$2:AJ$366,ROUNDDOWN($C6881/24,0)+1,1))-1)+IF('Standard Profiles'!$G$20=$B$10,7,0)+IF('Standard Profiles'!$G$20=$B$17,14,0)+IF('Standard Profiles'!$G$20=$B$24,21,0),0)),0)</f>
        <v>0</v>
      </c>
      <c r="G6881" cm="1">
        <f t="array" ref="G6881">IFERROR(INDEX(Jesper!AK$2:AK$366,ROUNDDOWN($C6881/24,0)+1,1)*INDEX($D$3:$AA$30,INDEX(Jesper!$R$2:$R$366,ROW(INDEX(Jesper!AK$2:AK$366,ROUNDDOWN($C6881/24,0)+1,1))-1)+IF('Standard Profiles'!$G$21=$B$10,7,0)+IF('Standard Profiles'!$G$21=$B$17,14,0)+IF('Standard Profiles'!$G$21=$B$24,21,0),MOD($C6881,24)+1)/SUM(INDEX($D$3:$AA$30,INDEX(Jesper!$R$2:$R$366,ROW(INDEX(Jesper!AK$2:AK$366,ROUNDDOWN($C6881/24,0)+1,1))-1)+IF('Standard Profiles'!$G$21=$B$10,7,0)+IF('Standard Profiles'!$G$21=$B$17,14,0)+IF('Standard Profiles'!$G$21=$B$24,21,0),0)),0)</f>
        <v>0</v>
      </c>
      <c r="H6881" cm="1">
        <f t="array" ref="H6881">IFERROR(INDEX(Jesper!AL$2:AL$366,ROUNDDOWN($C6881/24,0)+1,1)*INDEX($D$3:$AA$30,INDEX(Jesper!$R$2:$R$366,ROW(INDEX(Jesper!AL$2:AL$366,ROUNDDOWN($C6881/24,0)+1,1))-1)+IF('Standard Profiles'!$G$22=$B$10,7,0)+IF('Standard Profiles'!$G$22=$B$17,14,0)+IF('Standard Profiles'!$G$22=$B$24,21,0),MOD($C6881,24)+1)/SUM(INDEX($D$3:$AA$30,INDEX(Jesper!$R$2:$R$366,ROW(INDEX(Jesper!AL$2:AL$366,ROUNDDOWN($C6881/24,0)+1,1))-1)+IF('Standard Profiles'!$G$22=$B$10,7,0)+IF('Standard Profiles'!$G$22=$B$17,14,0)+IF('Standard Profiles'!$G$22=$B$24,21,0),0)),0)</f>
        <v>0</v>
      </c>
      <c r="I6881">
        <f t="shared" si="762"/>
        <v>0.23211549129710107</v>
      </c>
      <c r="J6881">
        <f t="shared" si="763"/>
        <v>0.77371830432367039</v>
      </c>
      <c r="K6881">
        <f t="shared" si="764"/>
        <v>1.1605774564855056</v>
      </c>
      <c r="L6881">
        <f t="shared" si="765"/>
        <v>13.742711049142452</v>
      </c>
      <c r="M6881">
        <f t="shared" si="766"/>
        <v>0</v>
      </c>
      <c r="N6881" s="46">
        <f t="shared" si="767"/>
        <v>45577.291666650061</v>
      </c>
    </row>
    <row r="6882" spans="2:14" x14ac:dyDescent="0.3">
      <c r="B6882">
        <f t="shared" si="761"/>
        <v>6</v>
      </c>
      <c r="C6882" s="16">
        <v>6848</v>
      </c>
      <c r="D6882" cm="1">
        <f t="array" ref="D6882">IFERROR(INDEX(Jesper!AH$2:AH$366,ROUNDDOWN($C6882/24,0)+1,1)*INDEX($D$3:$AA$30,INDEX(Jesper!$R$2:$R$366,ROW(INDEX(Jesper!AH$2:AH$366,ROUNDDOWN($C6882/24,0)+1,1))-1)+IF('Standard Profiles'!$G$18=$B$10,7,0)+IF('Standard Profiles'!$G$18=$B$17,14,0)+IF('Standard Profiles'!$G$18=$B$24,21,0),MOD($C6882,24)+1)/SUM(INDEX($D$3:$AA$30,INDEX(Jesper!$R$2:$R$366,ROW(INDEX(Jesper!AH$2:AH$366,ROUNDDOWN($C6882/24,0)+1,1))-1)+IF('Standard Profiles'!$G$18=$B$10,7,0)+IF('Standard Profiles'!$G$18=$B$17,14,0)+IF('Standard Profiles'!$G$18=$B$24,21,0),0)),0)</f>
        <v>13.332640347850907</v>
      </c>
      <c r="E6882" cm="1">
        <f t="array" ref="E6882">IFERROR(INDEX(Jesper!AI$2:AI$366,ROUNDDOWN($C6882/24,0)+1,1)*INDEX($D$3:$AA$30,INDEX(Jesper!$R$2:$R$366,ROW(INDEX(Jesper!AI$2:AI$366,ROUNDDOWN($C6882/24,0)+1,1))-1)+IF('Standard Profiles'!$G$19=$B$10,7,0)+IF('Standard Profiles'!$G$19=$B$17,14,0)+IF('Standard Profiles'!$G$19=$B$24,21,0),MOD($C6882,24)+1)/SUM(INDEX($D$3:$AA$30,INDEX(Jesper!$R$2:$R$366,ROW(INDEX(Jesper!AI$2:AI$366,ROUNDDOWN($C6882/24,0)+1,1))-1)+IF('Standard Profiles'!$G$19=$B$10,7,0)+IF('Standard Profiles'!$G$19=$B$17,14,0)+IF('Standard Profiles'!$G$19=$B$24,21,0),0)),0)</f>
        <v>2.5764819533978214</v>
      </c>
      <c r="F6882" cm="1">
        <f t="array" ref="F6882">IFERROR(INDEX(Jesper!AJ$2:AJ$366,ROUNDDOWN($C6882/24,0)+1,1)*INDEX($D$3:$AA$30,INDEX(Jesper!$R$2:$R$366,ROW(INDEX(Jesper!AJ$2:AJ$366,ROUNDDOWN($C6882/24,0)+1,1))-1)+IF('Standard Profiles'!$G$20=$B$10,7,0)+IF('Standard Profiles'!$G$20=$B$17,14,0)+IF('Standard Profiles'!$G$20=$B$24,21,0),MOD($C6882,24)+1)/SUM(INDEX($D$3:$AA$30,INDEX(Jesper!$R$2:$R$366,ROW(INDEX(Jesper!AJ$2:AJ$366,ROUNDDOWN($C6882/24,0)+1,1))-1)+IF('Standard Profiles'!$G$20=$B$10,7,0)+IF('Standard Profiles'!$G$20=$B$17,14,0)+IF('Standard Profiles'!$G$20=$B$24,21,0),0)),0)</f>
        <v>0</v>
      </c>
      <c r="G6882" cm="1">
        <f t="array" ref="G6882">IFERROR(INDEX(Jesper!AK$2:AK$366,ROUNDDOWN($C6882/24,0)+1,1)*INDEX($D$3:$AA$30,INDEX(Jesper!$R$2:$R$366,ROW(INDEX(Jesper!AK$2:AK$366,ROUNDDOWN($C6882/24,0)+1,1))-1)+IF('Standard Profiles'!$G$21=$B$10,7,0)+IF('Standard Profiles'!$G$21=$B$17,14,0)+IF('Standard Profiles'!$G$21=$B$24,21,0),MOD($C6882,24)+1)/SUM(INDEX($D$3:$AA$30,INDEX(Jesper!$R$2:$R$366,ROW(INDEX(Jesper!AK$2:AK$366,ROUNDDOWN($C6882/24,0)+1,1))-1)+IF('Standard Profiles'!$G$21=$B$10,7,0)+IF('Standard Profiles'!$G$21=$B$17,14,0)+IF('Standard Profiles'!$G$21=$B$24,21,0),0)),0)</f>
        <v>0</v>
      </c>
      <c r="H6882" cm="1">
        <f t="array" ref="H6882">IFERROR(INDEX(Jesper!AL$2:AL$366,ROUNDDOWN($C6882/24,0)+1,1)*INDEX($D$3:$AA$30,INDEX(Jesper!$R$2:$R$366,ROW(INDEX(Jesper!AL$2:AL$366,ROUNDDOWN($C6882/24,0)+1,1))-1)+IF('Standard Profiles'!$G$22=$B$10,7,0)+IF('Standard Profiles'!$G$22=$B$17,14,0)+IF('Standard Profiles'!$G$22=$B$24,21,0),MOD($C6882,24)+1)/SUM(INDEX($D$3:$AA$30,INDEX(Jesper!$R$2:$R$366,ROW(INDEX(Jesper!AL$2:AL$366,ROUNDDOWN($C6882/24,0)+1,1))-1)+IF('Standard Profiles'!$G$22=$B$10,7,0)+IF('Standard Profiles'!$G$22=$B$17,14,0)+IF('Standard Profiles'!$G$22=$B$24,21,0),0)),0)</f>
        <v>0</v>
      </c>
      <c r="I6882">
        <f t="shared" si="762"/>
        <v>0.23211549129710107</v>
      </c>
      <c r="J6882">
        <f t="shared" si="763"/>
        <v>0.77371830432367039</v>
      </c>
      <c r="K6882">
        <f t="shared" si="764"/>
        <v>1.1605774564855056</v>
      </c>
      <c r="L6882">
        <f t="shared" si="765"/>
        <v>13.742711049142452</v>
      </c>
      <c r="M6882">
        <f t="shared" si="766"/>
        <v>0</v>
      </c>
      <c r="N6882" s="46">
        <f t="shared" si="767"/>
        <v>45577.333333316725</v>
      </c>
    </row>
    <row r="6883" spans="2:14" x14ac:dyDescent="0.3">
      <c r="B6883">
        <f t="shared" ref="B6883:B6946" si="768">WEEKDAY(N6883,2)</f>
        <v>6</v>
      </c>
      <c r="C6883" s="16">
        <v>6849</v>
      </c>
      <c r="D6883" cm="1">
        <f t="array" ref="D6883">IFERROR(INDEX(Jesper!AH$2:AH$366,ROUNDDOWN($C6883/24,0)+1,1)*INDEX($D$3:$AA$30,INDEX(Jesper!$R$2:$R$366,ROW(INDEX(Jesper!AH$2:AH$366,ROUNDDOWN($C6883/24,0)+1,1))-1)+IF('Standard Profiles'!$G$18=$B$10,7,0)+IF('Standard Profiles'!$G$18=$B$17,14,0)+IF('Standard Profiles'!$G$18=$B$24,21,0),MOD($C6883,24)+1)/SUM(INDEX($D$3:$AA$30,INDEX(Jesper!$R$2:$R$366,ROW(INDEX(Jesper!AH$2:AH$366,ROUNDDOWN($C6883/24,0)+1,1))-1)+IF('Standard Profiles'!$G$18=$B$10,7,0)+IF('Standard Profiles'!$G$18=$B$17,14,0)+IF('Standard Profiles'!$G$18=$B$24,21,0),0)),0)</f>
        <v>13.332640347850907</v>
      </c>
      <c r="E6883" cm="1">
        <f t="array" ref="E6883">IFERROR(INDEX(Jesper!AI$2:AI$366,ROUNDDOWN($C6883/24,0)+1,1)*INDEX($D$3:$AA$30,INDEX(Jesper!$R$2:$R$366,ROW(INDEX(Jesper!AI$2:AI$366,ROUNDDOWN($C6883/24,0)+1,1))-1)+IF('Standard Profiles'!$G$19=$B$10,7,0)+IF('Standard Profiles'!$G$19=$B$17,14,0)+IF('Standard Profiles'!$G$19=$B$24,21,0),MOD($C6883,24)+1)/SUM(INDEX($D$3:$AA$30,INDEX(Jesper!$R$2:$R$366,ROW(INDEX(Jesper!AI$2:AI$366,ROUNDDOWN($C6883/24,0)+1,1))-1)+IF('Standard Profiles'!$G$19=$B$10,7,0)+IF('Standard Profiles'!$G$19=$B$17,14,0)+IF('Standard Profiles'!$G$19=$B$24,21,0),0)),0)</f>
        <v>2.5764819533978214</v>
      </c>
      <c r="F6883" cm="1">
        <f t="array" ref="F6883">IFERROR(INDEX(Jesper!AJ$2:AJ$366,ROUNDDOWN($C6883/24,0)+1,1)*INDEX($D$3:$AA$30,INDEX(Jesper!$R$2:$R$366,ROW(INDEX(Jesper!AJ$2:AJ$366,ROUNDDOWN($C6883/24,0)+1,1))-1)+IF('Standard Profiles'!$G$20=$B$10,7,0)+IF('Standard Profiles'!$G$20=$B$17,14,0)+IF('Standard Profiles'!$G$20=$B$24,21,0),MOD($C6883,24)+1)/SUM(INDEX($D$3:$AA$30,INDEX(Jesper!$R$2:$R$366,ROW(INDEX(Jesper!AJ$2:AJ$366,ROUNDDOWN($C6883/24,0)+1,1))-1)+IF('Standard Profiles'!$G$20=$B$10,7,0)+IF('Standard Profiles'!$G$20=$B$17,14,0)+IF('Standard Profiles'!$G$20=$B$24,21,0),0)),0)</f>
        <v>0</v>
      </c>
      <c r="G6883" cm="1">
        <f t="array" ref="G6883">IFERROR(INDEX(Jesper!AK$2:AK$366,ROUNDDOWN($C6883/24,0)+1,1)*INDEX($D$3:$AA$30,INDEX(Jesper!$R$2:$R$366,ROW(INDEX(Jesper!AK$2:AK$366,ROUNDDOWN($C6883/24,0)+1,1))-1)+IF('Standard Profiles'!$G$21=$B$10,7,0)+IF('Standard Profiles'!$G$21=$B$17,14,0)+IF('Standard Profiles'!$G$21=$B$24,21,0),MOD($C6883,24)+1)/SUM(INDEX($D$3:$AA$30,INDEX(Jesper!$R$2:$R$366,ROW(INDEX(Jesper!AK$2:AK$366,ROUNDDOWN($C6883/24,0)+1,1))-1)+IF('Standard Profiles'!$G$21=$B$10,7,0)+IF('Standard Profiles'!$G$21=$B$17,14,0)+IF('Standard Profiles'!$G$21=$B$24,21,0),0)),0)</f>
        <v>0</v>
      </c>
      <c r="H6883" cm="1">
        <f t="array" ref="H6883">IFERROR(INDEX(Jesper!AL$2:AL$366,ROUNDDOWN($C6883/24,0)+1,1)*INDEX($D$3:$AA$30,INDEX(Jesper!$R$2:$R$366,ROW(INDEX(Jesper!AL$2:AL$366,ROUNDDOWN($C6883/24,0)+1,1))-1)+IF('Standard Profiles'!$G$22=$B$10,7,0)+IF('Standard Profiles'!$G$22=$B$17,14,0)+IF('Standard Profiles'!$G$22=$B$24,21,0),MOD($C6883,24)+1)/SUM(INDEX($D$3:$AA$30,INDEX(Jesper!$R$2:$R$366,ROW(INDEX(Jesper!AL$2:AL$366,ROUNDDOWN($C6883/24,0)+1,1))-1)+IF('Standard Profiles'!$G$22=$B$10,7,0)+IF('Standard Profiles'!$G$22=$B$17,14,0)+IF('Standard Profiles'!$G$22=$B$24,21,0),0)),0)</f>
        <v>0</v>
      </c>
      <c r="I6883">
        <f t="shared" ref="I6883:I6946" si="769">IF($B6883&lt;6,AC$37*$D6883+AC$38*$E6883+AC$39*$F6883+AC$40*$G6883,AC$46*$D6883+AC$47*$E6883+AC$48*$F6883+AC$49*$G6883+AC$50*$H6883)</f>
        <v>0.23211549129710107</v>
      </c>
      <c r="J6883">
        <f t="shared" ref="J6883:J6946" si="770">IF($B6883&lt;6,AD$37*$D6883+AD$38*$E6883+AD$39*$F6883+AD$40*$G6883,AD$46*$D6883+AD$47*$E6883+AD$48*$F6883+AD$49*$G6883+AD$50*$H6883)</f>
        <v>0.77371830432367039</v>
      </c>
      <c r="K6883">
        <f t="shared" ref="K6883:K6946" si="771">IF($B6883&lt;6,AE$37*$D6883+AE$38*$E6883+AE$39*$F6883+AE$40*$G6883,AE$46*$D6883+AE$47*$E6883+AE$48*$F6883+AE$49*$G6883+AE$50*$H6883)</f>
        <v>1.1605774564855056</v>
      </c>
      <c r="L6883">
        <f t="shared" ref="L6883:L6946" si="772">IF($B6883&lt;6,AF$37*$D6883+AF$38*$E6883+AF$39*$F6883+AF$40*$G6883,AF$46*$D6883+AF$47*$E6883+AF$48*$F6883+AF$49*$G6883+AF$50*$H6883)</f>
        <v>13.742711049142452</v>
      </c>
      <c r="M6883">
        <f t="shared" ref="M6883:M6946" si="773">IF($B6883&lt;6,AG$37*$D6883+AG$38*$E6883+AG$39*$F6883+AG$40*$G6883,AG$46*$D6883+AG$47*$E6883+AG$48*$F6883+AG$49*$G6883+AG$50*$H6883)</f>
        <v>0</v>
      </c>
      <c r="N6883" s="46">
        <f t="shared" si="767"/>
        <v>45577.374999983389</v>
      </c>
    </row>
    <row r="6884" spans="2:14" x14ac:dyDescent="0.3">
      <c r="B6884">
        <f t="shared" si="768"/>
        <v>6</v>
      </c>
      <c r="C6884" s="16">
        <v>6850</v>
      </c>
      <c r="D6884" cm="1">
        <f t="array" ref="D6884">IFERROR(INDEX(Jesper!AH$2:AH$366,ROUNDDOWN($C6884/24,0)+1,1)*INDEX($D$3:$AA$30,INDEX(Jesper!$R$2:$R$366,ROW(INDEX(Jesper!AH$2:AH$366,ROUNDDOWN($C6884/24,0)+1,1))-1)+IF('Standard Profiles'!$G$18=$B$10,7,0)+IF('Standard Profiles'!$G$18=$B$17,14,0)+IF('Standard Profiles'!$G$18=$B$24,21,0),MOD($C6884,24)+1)/SUM(INDEX($D$3:$AA$30,INDEX(Jesper!$R$2:$R$366,ROW(INDEX(Jesper!AH$2:AH$366,ROUNDDOWN($C6884/24,0)+1,1))-1)+IF('Standard Profiles'!$G$18=$B$10,7,0)+IF('Standard Profiles'!$G$18=$B$17,14,0)+IF('Standard Profiles'!$G$18=$B$24,21,0),0)),0)</f>
        <v>13.332640347850907</v>
      </c>
      <c r="E6884" cm="1">
        <f t="array" ref="E6884">IFERROR(INDEX(Jesper!AI$2:AI$366,ROUNDDOWN($C6884/24,0)+1,1)*INDEX($D$3:$AA$30,INDEX(Jesper!$R$2:$R$366,ROW(INDEX(Jesper!AI$2:AI$366,ROUNDDOWN($C6884/24,0)+1,1))-1)+IF('Standard Profiles'!$G$19=$B$10,7,0)+IF('Standard Profiles'!$G$19=$B$17,14,0)+IF('Standard Profiles'!$G$19=$B$24,21,0),MOD($C6884,24)+1)/SUM(INDEX($D$3:$AA$30,INDEX(Jesper!$R$2:$R$366,ROW(INDEX(Jesper!AI$2:AI$366,ROUNDDOWN($C6884/24,0)+1,1))-1)+IF('Standard Profiles'!$G$19=$B$10,7,0)+IF('Standard Profiles'!$G$19=$B$17,14,0)+IF('Standard Profiles'!$G$19=$B$24,21,0),0)),0)</f>
        <v>2.5764819533978214</v>
      </c>
      <c r="F6884" cm="1">
        <f t="array" ref="F6884">IFERROR(INDEX(Jesper!AJ$2:AJ$366,ROUNDDOWN($C6884/24,0)+1,1)*INDEX($D$3:$AA$30,INDEX(Jesper!$R$2:$R$366,ROW(INDEX(Jesper!AJ$2:AJ$366,ROUNDDOWN($C6884/24,0)+1,1))-1)+IF('Standard Profiles'!$G$20=$B$10,7,0)+IF('Standard Profiles'!$G$20=$B$17,14,0)+IF('Standard Profiles'!$G$20=$B$24,21,0),MOD($C6884,24)+1)/SUM(INDEX($D$3:$AA$30,INDEX(Jesper!$R$2:$R$366,ROW(INDEX(Jesper!AJ$2:AJ$366,ROUNDDOWN($C6884/24,0)+1,1))-1)+IF('Standard Profiles'!$G$20=$B$10,7,0)+IF('Standard Profiles'!$G$20=$B$17,14,0)+IF('Standard Profiles'!$G$20=$B$24,21,0),0)),0)</f>
        <v>0</v>
      </c>
      <c r="G6884" cm="1">
        <f t="array" ref="G6884">IFERROR(INDEX(Jesper!AK$2:AK$366,ROUNDDOWN($C6884/24,0)+1,1)*INDEX($D$3:$AA$30,INDEX(Jesper!$R$2:$R$366,ROW(INDEX(Jesper!AK$2:AK$366,ROUNDDOWN($C6884/24,0)+1,1))-1)+IF('Standard Profiles'!$G$21=$B$10,7,0)+IF('Standard Profiles'!$G$21=$B$17,14,0)+IF('Standard Profiles'!$G$21=$B$24,21,0),MOD($C6884,24)+1)/SUM(INDEX($D$3:$AA$30,INDEX(Jesper!$R$2:$R$366,ROW(INDEX(Jesper!AK$2:AK$366,ROUNDDOWN($C6884/24,0)+1,1))-1)+IF('Standard Profiles'!$G$21=$B$10,7,0)+IF('Standard Profiles'!$G$21=$B$17,14,0)+IF('Standard Profiles'!$G$21=$B$24,21,0),0)),0)</f>
        <v>0</v>
      </c>
      <c r="H6884" cm="1">
        <f t="array" ref="H6884">IFERROR(INDEX(Jesper!AL$2:AL$366,ROUNDDOWN($C6884/24,0)+1,1)*INDEX($D$3:$AA$30,INDEX(Jesper!$R$2:$R$366,ROW(INDEX(Jesper!AL$2:AL$366,ROUNDDOWN($C6884/24,0)+1,1))-1)+IF('Standard Profiles'!$G$22=$B$10,7,0)+IF('Standard Profiles'!$G$22=$B$17,14,0)+IF('Standard Profiles'!$G$22=$B$24,21,0),MOD($C6884,24)+1)/SUM(INDEX($D$3:$AA$30,INDEX(Jesper!$R$2:$R$366,ROW(INDEX(Jesper!AL$2:AL$366,ROUNDDOWN($C6884/24,0)+1,1))-1)+IF('Standard Profiles'!$G$22=$B$10,7,0)+IF('Standard Profiles'!$G$22=$B$17,14,0)+IF('Standard Profiles'!$G$22=$B$24,21,0),0)),0)</f>
        <v>0</v>
      </c>
      <c r="I6884">
        <f t="shared" si="769"/>
        <v>0.23211549129710107</v>
      </c>
      <c r="J6884">
        <f t="shared" si="770"/>
        <v>0.77371830432367039</v>
      </c>
      <c r="K6884">
        <f t="shared" si="771"/>
        <v>1.1605774564855056</v>
      </c>
      <c r="L6884">
        <f t="shared" si="772"/>
        <v>13.742711049142452</v>
      </c>
      <c r="M6884">
        <f t="shared" si="773"/>
        <v>0</v>
      </c>
      <c r="N6884" s="46">
        <f t="shared" ref="N6884:N6947" si="774">N6883+1/24</f>
        <v>45577.416666650053</v>
      </c>
    </row>
    <row r="6885" spans="2:14" x14ac:dyDescent="0.3">
      <c r="B6885">
        <f t="shared" si="768"/>
        <v>6</v>
      </c>
      <c r="C6885" s="16">
        <v>6851</v>
      </c>
      <c r="D6885" cm="1">
        <f t="array" ref="D6885">IFERROR(INDEX(Jesper!AH$2:AH$366,ROUNDDOWN($C6885/24,0)+1,1)*INDEX($D$3:$AA$30,INDEX(Jesper!$R$2:$R$366,ROW(INDEX(Jesper!AH$2:AH$366,ROUNDDOWN($C6885/24,0)+1,1))-1)+IF('Standard Profiles'!$G$18=$B$10,7,0)+IF('Standard Profiles'!$G$18=$B$17,14,0)+IF('Standard Profiles'!$G$18=$B$24,21,0),MOD($C6885,24)+1)/SUM(INDEX($D$3:$AA$30,INDEX(Jesper!$R$2:$R$366,ROW(INDEX(Jesper!AH$2:AH$366,ROUNDDOWN($C6885/24,0)+1,1))-1)+IF('Standard Profiles'!$G$18=$B$10,7,0)+IF('Standard Profiles'!$G$18=$B$17,14,0)+IF('Standard Profiles'!$G$18=$B$24,21,0),0)),0)</f>
        <v>13.332640347850907</v>
      </c>
      <c r="E6885" cm="1">
        <f t="array" ref="E6885">IFERROR(INDEX(Jesper!AI$2:AI$366,ROUNDDOWN($C6885/24,0)+1,1)*INDEX($D$3:$AA$30,INDEX(Jesper!$R$2:$R$366,ROW(INDEX(Jesper!AI$2:AI$366,ROUNDDOWN($C6885/24,0)+1,1))-1)+IF('Standard Profiles'!$G$19=$B$10,7,0)+IF('Standard Profiles'!$G$19=$B$17,14,0)+IF('Standard Profiles'!$G$19=$B$24,21,0),MOD($C6885,24)+1)/SUM(INDEX($D$3:$AA$30,INDEX(Jesper!$R$2:$R$366,ROW(INDEX(Jesper!AI$2:AI$366,ROUNDDOWN($C6885/24,0)+1,1))-1)+IF('Standard Profiles'!$G$19=$B$10,7,0)+IF('Standard Profiles'!$G$19=$B$17,14,0)+IF('Standard Profiles'!$G$19=$B$24,21,0),0)),0)</f>
        <v>2.5764819533978214</v>
      </c>
      <c r="F6885" cm="1">
        <f t="array" ref="F6885">IFERROR(INDEX(Jesper!AJ$2:AJ$366,ROUNDDOWN($C6885/24,0)+1,1)*INDEX($D$3:$AA$30,INDEX(Jesper!$R$2:$R$366,ROW(INDEX(Jesper!AJ$2:AJ$366,ROUNDDOWN($C6885/24,0)+1,1))-1)+IF('Standard Profiles'!$G$20=$B$10,7,0)+IF('Standard Profiles'!$G$20=$B$17,14,0)+IF('Standard Profiles'!$G$20=$B$24,21,0),MOD($C6885,24)+1)/SUM(INDEX($D$3:$AA$30,INDEX(Jesper!$R$2:$R$366,ROW(INDEX(Jesper!AJ$2:AJ$366,ROUNDDOWN($C6885/24,0)+1,1))-1)+IF('Standard Profiles'!$G$20=$B$10,7,0)+IF('Standard Profiles'!$G$20=$B$17,14,0)+IF('Standard Profiles'!$G$20=$B$24,21,0),0)),0)</f>
        <v>0</v>
      </c>
      <c r="G6885" cm="1">
        <f t="array" ref="G6885">IFERROR(INDEX(Jesper!AK$2:AK$366,ROUNDDOWN($C6885/24,0)+1,1)*INDEX($D$3:$AA$30,INDEX(Jesper!$R$2:$R$366,ROW(INDEX(Jesper!AK$2:AK$366,ROUNDDOWN($C6885/24,0)+1,1))-1)+IF('Standard Profiles'!$G$21=$B$10,7,0)+IF('Standard Profiles'!$G$21=$B$17,14,0)+IF('Standard Profiles'!$G$21=$B$24,21,0),MOD($C6885,24)+1)/SUM(INDEX($D$3:$AA$30,INDEX(Jesper!$R$2:$R$366,ROW(INDEX(Jesper!AK$2:AK$366,ROUNDDOWN($C6885/24,0)+1,1))-1)+IF('Standard Profiles'!$G$21=$B$10,7,0)+IF('Standard Profiles'!$G$21=$B$17,14,0)+IF('Standard Profiles'!$G$21=$B$24,21,0),0)),0)</f>
        <v>0</v>
      </c>
      <c r="H6885" cm="1">
        <f t="array" ref="H6885">IFERROR(INDEX(Jesper!AL$2:AL$366,ROUNDDOWN($C6885/24,0)+1,1)*INDEX($D$3:$AA$30,INDEX(Jesper!$R$2:$R$366,ROW(INDEX(Jesper!AL$2:AL$366,ROUNDDOWN($C6885/24,0)+1,1))-1)+IF('Standard Profiles'!$G$22=$B$10,7,0)+IF('Standard Profiles'!$G$22=$B$17,14,0)+IF('Standard Profiles'!$G$22=$B$24,21,0),MOD($C6885,24)+1)/SUM(INDEX($D$3:$AA$30,INDEX(Jesper!$R$2:$R$366,ROW(INDEX(Jesper!AL$2:AL$366,ROUNDDOWN($C6885/24,0)+1,1))-1)+IF('Standard Profiles'!$G$22=$B$10,7,0)+IF('Standard Profiles'!$G$22=$B$17,14,0)+IF('Standard Profiles'!$G$22=$B$24,21,0),0)),0)</f>
        <v>0</v>
      </c>
      <c r="I6885">
        <f t="shared" si="769"/>
        <v>0.23211549129710107</v>
      </c>
      <c r="J6885">
        <f t="shared" si="770"/>
        <v>0.77371830432367039</v>
      </c>
      <c r="K6885">
        <f t="shared" si="771"/>
        <v>1.1605774564855056</v>
      </c>
      <c r="L6885">
        <f t="shared" si="772"/>
        <v>13.742711049142452</v>
      </c>
      <c r="M6885">
        <f t="shared" si="773"/>
        <v>0</v>
      </c>
      <c r="N6885" s="46">
        <f t="shared" si="774"/>
        <v>45577.458333316717</v>
      </c>
    </row>
    <row r="6886" spans="2:14" x14ac:dyDescent="0.3">
      <c r="B6886">
        <f t="shared" si="768"/>
        <v>6</v>
      </c>
      <c r="C6886" s="16">
        <v>6852</v>
      </c>
      <c r="D6886" cm="1">
        <f t="array" ref="D6886">IFERROR(INDEX(Jesper!AH$2:AH$366,ROUNDDOWN($C6886/24,0)+1,1)*INDEX($D$3:$AA$30,INDEX(Jesper!$R$2:$R$366,ROW(INDEX(Jesper!AH$2:AH$366,ROUNDDOWN($C6886/24,0)+1,1))-1)+IF('Standard Profiles'!$G$18=$B$10,7,0)+IF('Standard Profiles'!$G$18=$B$17,14,0)+IF('Standard Profiles'!$G$18=$B$24,21,0),MOD($C6886,24)+1)/SUM(INDEX($D$3:$AA$30,INDEX(Jesper!$R$2:$R$366,ROW(INDEX(Jesper!AH$2:AH$366,ROUNDDOWN($C6886/24,0)+1,1))-1)+IF('Standard Profiles'!$G$18=$B$10,7,0)+IF('Standard Profiles'!$G$18=$B$17,14,0)+IF('Standard Profiles'!$G$18=$B$24,21,0),0)),0)</f>
        <v>13.332640347850907</v>
      </c>
      <c r="E6886" cm="1">
        <f t="array" ref="E6886">IFERROR(INDEX(Jesper!AI$2:AI$366,ROUNDDOWN($C6886/24,0)+1,1)*INDEX($D$3:$AA$30,INDEX(Jesper!$R$2:$R$366,ROW(INDEX(Jesper!AI$2:AI$366,ROUNDDOWN($C6886/24,0)+1,1))-1)+IF('Standard Profiles'!$G$19=$B$10,7,0)+IF('Standard Profiles'!$G$19=$B$17,14,0)+IF('Standard Profiles'!$G$19=$B$24,21,0),MOD($C6886,24)+1)/SUM(INDEX($D$3:$AA$30,INDEX(Jesper!$R$2:$R$366,ROW(INDEX(Jesper!AI$2:AI$366,ROUNDDOWN($C6886/24,0)+1,1))-1)+IF('Standard Profiles'!$G$19=$B$10,7,0)+IF('Standard Profiles'!$G$19=$B$17,14,0)+IF('Standard Profiles'!$G$19=$B$24,21,0),0)),0)</f>
        <v>2.5764819533978214</v>
      </c>
      <c r="F6886" cm="1">
        <f t="array" ref="F6886">IFERROR(INDEX(Jesper!AJ$2:AJ$366,ROUNDDOWN($C6886/24,0)+1,1)*INDEX($D$3:$AA$30,INDEX(Jesper!$R$2:$R$366,ROW(INDEX(Jesper!AJ$2:AJ$366,ROUNDDOWN($C6886/24,0)+1,1))-1)+IF('Standard Profiles'!$G$20=$B$10,7,0)+IF('Standard Profiles'!$G$20=$B$17,14,0)+IF('Standard Profiles'!$G$20=$B$24,21,0),MOD($C6886,24)+1)/SUM(INDEX($D$3:$AA$30,INDEX(Jesper!$R$2:$R$366,ROW(INDEX(Jesper!AJ$2:AJ$366,ROUNDDOWN($C6886/24,0)+1,1))-1)+IF('Standard Profiles'!$G$20=$B$10,7,0)+IF('Standard Profiles'!$G$20=$B$17,14,0)+IF('Standard Profiles'!$G$20=$B$24,21,0),0)),0)</f>
        <v>0</v>
      </c>
      <c r="G6886" cm="1">
        <f t="array" ref="G6886">IFERROR(INDEX(Jesper!AK$2:AK$366,ROUNDDOWN($C6886/24,0)+1,1)*INDEX($D$3:$AA$30,INDEX(Jesper!$R$2:$R$366,ROW(INDEX(Jesper!AK$2:AK$366,ROUNDDOWN($C6886/24,0)+1,1))-1)+IF('Standard Profiles'!$G$21=$B$10,7,0)+IF('Standard Profiles'!$G$21=$B$17,14,0)+IF('Standard Profiles'!$G$21=$B$24,21,0),MOD($C6886,24)+1)/SUM(INDEX($D$3:$AA$30,INDEX(Jesper!$R$2:$R$366,ROW(INDEX(Jesper!AK$2:AK$366,ROUNDDOWN($C6886/24,0)+1,1))-1)+IF('Standard Profiles'!$G$21=$B$10,7,0)+IF('Standard Profiles'!$G$21=$B$17,14,0)+IF('Standard Profiles'!$G$21=$B$24,21,0),0)),0)</f>
        <v>0</v>
      </c>
      <c r="H6886" cm="1">
        <f t="array" ref="H6886">IFERROR(INDEX(Jesper!AL$2:AL$366,ROUNDDOWN($C6886/24,0)+1,1)*INDEX($D$3:$AA$30,INDEX(Jesper!$R$2:$R$366,ROW(INDEX(Jesper!AL$2:AL$366,ROUNDDOWN($C6886/24,0)+1,1))-1)+IF('Standard Profiles'!$G$22=$B$10,7,0)+IF('Standard Profiles'!$G$22=$B$17,14,0)+IF('Standard Profiles'!$G$22=$B$24,21,0),MOD($C6886,24)+1)/SUM(INDEX($D$3:$AA$30,INDEX(Jesper!$R$2:$R$366,ROW(INDEX(Jesper!AL$2:AL$366,ROUNDDOWN($C6886/24,0)+1,1))-1)+IF('Standard Profiles'!$G$22=$B$10,7,0)+IF('Standard Profiles'!$G$22=$B$17,14,0)+IF('Standard Profiles'!$G$22=$B$24,21,0),0)),0)</f>
        <v>0</v>
      </c>
      <c r="I6886">
        <f t="shared" si="769"/>
        <v>0.23211549129710107</v>
      </c>
      <c r="J6886">
        <f t="shared" si="770"/>
        <v>0.77371830432367039</v>
      </c>
      <c r="K6886">
        <f t="shared" si="771"/>
        <v>1.1605774564855056</v>
      </c>
      <c r="L6886">
        <f t="shared" si="772"/>
        <v>13.742711049142452</v>
      </c>
      <c r="M6886">
        <f t="shared" si="773"/>
        <v>0</v>
      </c>
      <c r="N6886" s="46">
        <f t="shared" si="774"/>
        <v>45577.499999983382</v>
      </c>
    </row>
    <row r="6887" spans="2:14" x14ac:dyDescent="0.3">
      <c r="B6887">
        <f t="shared" si="768"/>
        <v>6</v>
      </c>
      <c r="C6887" s="16">
        <v>6853</v>
      </c>
      <c r="D6887" cm="1">
        <f t="array" ref="D6887">IFERROR(INDEX(Jesper!AH$2:AH$366,ROUNDDOWN($C6887/24,0)+1,1)*INDEX($D$3:$AA$30,INDEX(Jesper!$R$2:$R$366,ROW(INDEX(Jesper!AH$2:AH$366,ROUNDDOWN($C6887/24,0)+1,1))-1)+IF('Standard Profiles'!$G$18=$B$10,7,0)+IF('Standard Profiles'!$G$18=$B$17,14,0)+IF('Standard Profiles'!$G$18=$B$24,21,0),MOD($C6887,24)+1)/SUM(INDEX($D$3:$AA$30,INDEX(Jesper!$R$2:$R$366,ROW(INDEX(Jesper!AH$2:AH$366,ROUNDDOWN($C6887/24,0)+1,1))-1)+IF('Standard Profiles'!$G$18=$B$10,7,0)+IF('Standard Profiles'!$G$18=$B$17,14,0)+IF('Standard Profiles'!$G$18=$B$24,21,0),0)),0)</f>
        <v>13.332640347850907</v>
      </c>
      <c r="E6887" cm="1">
        <f t="array" ref="E6887">IFERROR(INDEX(Jesper!AI$2:AI$366,ROUNDDOWN($C6887/24,0)+1,1)*INDEX($D$3:$AA$30,INDEX(Jesper!$R$2:$R$366,ROW(INDEX(Jesper!AI$2:AI$366,ROUNDDOWN($C6887/24,0)+1,1))-1)+IF('Standard Profiles'!$G$19=$B$10,7,0)+IF('Standard Profiles'!$G$19=$B$17,14,0)+IF('Standard Profiles'!$G$19=$B$24,21,0),MOD($C6887,24)+1)/SUM(INDEX($D$3:$AA$30,INDEX(Jesper!$R$2:$R$366,ROW(INDEX(Jesper!AI$2:AI$366,ROUNDDOWN($C6887/24,0)+1,1))-1)+IF('Standard Profiles'!$G$19=$B$10,7,0)+IF('Standard Profiles'!$G$19=$B$17,14,0)+IF('Standard Profiles'!$G$19=$B$24,21,0),0)),0)</f>
        <v>2.5764819533978214</v>
      </c>
      <c r="F6887" cm="1">
        <f t="array" ref="F6887">IFERROR(INDEX(Jesper!AJ$2:AJ$366,ROUNDDOWN($C6887/24,0)+1,1)*INDEX($D$3:$AA$30,INDEX(Jesper!$R$2:$R$366,ROW(INDEX(Jesper!AJ$2:AJ$366,ROUNDDOWN($C6887/24,0)+1,1))-1)+IF('Standard Profiles'!$G$20=$B$10,7,0)+IF('Standard Profiles'!$G$20=$B$17,14,0)+IF('Standard Profiles'!$G$20=$B$24,21,0),MOD($C6887,24)+1)/SUM(INDEX($D$3:$AA$30,INDEX(Jesper!$R$2:$R$366,ROW(INDEX(Jesper!AJ$2:AJ$366,ROUNDDOWN($C6887/24,0)+1,1))-1)+IF('Standard Profiles'!$G$20=$B$10,7,0)+IF('Standard Profiles'!$G$20=$B$17,14,0)+IF('Standard Profiles'!$G$20=$B$24,21,0),0)),0)</f>
        <v>0</v>
      </c>
      <c r="G6887" cm="1">
        <f t="array" ref="G6887">IFERROR(INDEX(Jesper!AK$2:AK$366,ROUNDDOWN($C6887/24,0)+1,1)*INDEX($D$3:$AA$30,INDEX(Jesper!$R$2:$R$366,ROW(INDEX(Jesper!AK$2:AK$366,ROUNDDOWN($C6887/24,0)+1,1))-1)+IF('Standard Profiles'!$G$21=$B$10,7,0)+IF('Standard Profiles'!$G$21=$B$17,14,0)+IF('Standard Profiles'!$G$21=$B$24,21,0),MOD($C6887,24)+1)/SUM(INDEX($D$3:$AA$30,INDEX(Jesper!$R$2:$R$366,ROW(INDEX(Jesper!AK$2:AK$366,ROUNDDOWN($C6887/24,0)+1,1))-1)+IF('Standard Profiles'!$G$21=$B$10,7,0)+IF('Standard Profiles'!$G$21=$B$17,14,0)+IF('Standard Profiles'!$G$21=$B$24,21,0),0)),0)</f>
        <v>0</v>
      </c>
      <c r="H6887" cm="1">
        <f t="array" ref="H6887">IFERROR(INDEX(Jesper!AL$2:AL$366,ROUNDDOWN($C6887/24,0)+1,1)*INDEX($D$3:$AA$30,INDEX(Jesper!$R$2:$R$366,ROW(INDEX(Jesper!AL$2:AL$366,ROUNDDOWN($C6887/24,0)+1,1))-1)+IF('Standard Profiles'!$G$22=$B$10,7,0)+IF('Standard Profiles'!$G$22=$B$17,14,0)+IF('Standard Profiles'!$G$22=$B$24,21,0),MOD($C6887,24)+1)/SUM(INDEX($D$3:$AA$30,INDEX(Jesper!$R$2:$R$366,ROW(INDEX(Jesper!AL$2:AL$366,ROUNDDOWN($C6887/24,0)+1,1))-1)+IF('Standard Profiles'!$G$22=$B$10,7,0)+IF('Standard Profiles'!$G$22=$B$17,14,0)+IF('Standard Profiles'!$G$22=$B$24,21,0),0)),0)</f>
        <v>0</v>
      </c>
      <c r="I6887">
        <f t="shared" si="769"/>
        <v>0.23211549129710107</v>
      </c>
      <c r="J6887">
        <f t="shared" si="770"/>
        <v>0.77371830432367039</v>
      </c>
      <c r="K6887">
        <f t="shared" si="771"/>
        <v>1.1605774564855056</v>
      </c>
      <c r="L6887">
        <f t="shared" si="772"/>
        <v>13.742711049142452</v>
      </c>
      <c r="M6887">
        <f t="shared" si="773"/>
        <v>0</v>
      </c>
      <c r="N6887" s="46">
        <f t="shared" si="774"/>
        <v>45577.541666650046</v>
      </c>
    </row>
    <row r="6888" spans="2:14" x14ac:dyDescent="0.3">
      <c r="B6888">
        <f t="shared" si="768"/>
        <v>6</v>
      </c>
      <c r="C6888" s="16">
        <v>6854</v>
      </c>
      <c r="D6888" cm="1">
        <f t="array" ref="D6888">IFERROR(INDEX(Jesper!AH$2:AH$366,ROUNDDOWN($C6888/24,0)+1,1)*INDEX($D$3:$AA$30,INDEX(Jesper!$R$2:$R$366,ROW(INDEX(Jesper!AH$2:AH$366,ROUNDDOWN($C6888/24,0)+1,1))-1)+IF('Standard Profiles'!$G$18=$B$10,7,0)+IF('Standard Profiles'!$G$18=$B$17,14,0)+IF('Standard Profiles'!$G$18=$B$24,21,0),MOD($C6888,24)+1)/SUM(INDEX($D$3:$AA$30,INDEX(Jesper!$R$2:$R$366,ROW(INDEX(Jesper!AH$2:AH$366,ROUNDDOWN($C6888/24,0)+1,1))-1)+IF('Standard Profiles'!$G$18=$B$10,7,0)+IF('Standard Profiles'!$G$18=$B$17,14,0)+IF('Standard Profiles'!$G$18=$B$24,21,0),0)),0)</f>
        <v>13.332640347850907</v>
      </c>
      <c r="E6888" cm="1">
        <f t="array" ref="E6888">IFERROR(INDEX(Jesper!AI$2:AI$366,ROUNDDOWN($C6888/24,0)+1,1)*INDEX($D$3:$AA$30,INDEX(Jesper!$R$2:$R$366,ROW(INDEX(Jesper!AI$2:AI$366,ROUNDDOWN($C6888/24,0)+1,1))-1)+IF('Standard Profiles'!$G$19=$B$10,7,0)+IF('Standard Profiles'!$G$19=$B$17,14,0)+IF('Standard Profiles'!$G$19=$B$24,21,0),MOD($C6888,24)+1)/SUM(INDEX($D$3:$AA$30,INDEX(Jesper!$R$2:$R$366,ROW(INDEX(Jesper!AI$2:AI$366,ROUNDDOWN($C6888/24,0)+1,1))-1)+IF('Standard Profiles'!$G$19=$B$10,7,0)+IF('Standard Profiles'!$G$19=$B$17,14,0)+IF('Standard Profiles'!$G$19=$B$24,21,0),0)),0)</f>
        <v>2.5764819533978214</v>
      </c>
      <c r="F6888" cm="1">
        <f t="array" ref="F6888">IFERROR(INDEX(Jesper!AJ$2:AJ$366,ROUNDDOWN($C6888/24,0)+1,1)*INDEX($D$3:$AA$30,INDEX(Jesper!$R$2:$R$366,ROW(INDEX(Jesper!AJ$2:AJ$366,ROUNDDOWN($C6888/24,0)+1,1))-1)+IF('Standard Profiles'!$G$20=$B$10,7,0)+IF('Standard Profiles'!$G$20=$B$17,14,0)+IF('Standard Profiles'!$G$20=$B$24,21,0),MOD($C6888,24)+1)/SUM(INDEX($D$3:$AA$30,INDEX(Jesper!$R$2:$R$366,ROW(INDEX(Jesper!AJ$2:AJ$366,ROUNDDOWN($C6888/24,0)+1,1))-1)+IF('Standard Profiles'!$G$20=$B$10,7,0)+IF('Standard Profiles'!$G$20=$B$17,14,0)+IF('Standard Profiles'!$G$20=$B$24,21,0),0)),0)</f>
        <v>0</v>
      </c>
      <c r="G6888" cm="1">
        <f t="array" ref="G6888">IFERROR(INDEX(Jesper!AK$2:AK$366,ROUNDDOWN($C6888/24,0)+1,1)*INDEX($D$3:$AA$30,INDEX(Jesper!$R$2:$R$366,ROW(INDEX(Jesper!AK$2:AK$366,ROUNDDOWN($C6888/24,0)+1,1))-1)+IF('Standard Profiles'!$G$21=$B$10,7,0)+IF('Standard Profiles'!$G$21=$B$17,14,0)+IF('Standard Profiles'!$G$21=$B$24,21,0),MOD($C6888,24)+1)/SUM(INDEX($D$3:$AA$30,INDEX(Jesper!$R$2:$R$366,ROW(INDEX(Jesper!AK$2:AK$366,ROUNDDOWN($C6888/24,0)+1,1))-1)+IF('Standard Profiles'!$G$21=$B$10,7,0)+IF('Standard Profiles'!$G$21=$B$17,14,0)+IF('Standard Profiles'!$G$21=$B$24,21,0),0)),0)</f>
        <v>0</v>
      </c>
      <c r="H6888" cm="1">
        <f t="array" ref="H6888">IFERROR(INDEX(Jesper!AL$2:AL$366,ROUNDDOWN($C6888/24,0)+1,1)*INDEX($D$3:$AA$30,INDEX(Jesper!$R$2:$R$366,ROW(INDEX(Jesper!AL$2:AL$366,ROUNDDOWN($C6888/24,0)+1,1))-1)+IF('Standard Profiles'!$G$22=$B$10,7,0)+IF('Standard Profiles'!$G$22=$B$17,14,0)+IF('Standard Profiles'!$G$22=$B$24,21,0),MOD($C6888,24)+1)/SUM(INDEX($D$3:$AA$30,INDEX(Jesper!$R$2:$R$366,ROW(INDEX(Jesper!AL$2:AL$366,ROUNDDOWN($C6888/24,0)+1,1))-1)+IF('Standard Profiles'!$G$22=$B$10,7,0)+IF('Standard Profiles'!$G$22=$B$17,14,0)+IF('Standard Profiles'!$G$22=$B$24,21,0),0)),0)</f>
        <v>0</v>
      </c>
      <c r="I6888">
        <f t="shared" si="769"/>
        <v>0.23211549129710107</v>
      </c>
      <c r="J6888">
        <f t="shared" si="770"/>
        <v>0.77371830432367039</v>
      </c>
      <c r="K6888">
        <f t="shared" si="771"/>
        <v>1.1605774564855056</v>
      </c>
      <c r="L6888">
        <f t="shared" si="772"/>
        <v>13.742711049142452</v>
      </c>
      <c r="M6888">
        <f t="shared" si="773"/>
        <v>0</v>
      </c>
      <c r="N6888" s="46">
        <f t="shared" si="774"/>
        <v>45577.58333331671</v>
      </c>
    </row>
    <row r="6889" spans="2:14" x14ac:dyDescent="0.3">
      <c r="B6889">
        <f t="shared" si="768"/>
        <v>6</v>
      </c>
      <c r="C6889" s="16">
        <v>6855</v>
      </c>
      <c r="D6889" cm="1">
        <f t="array" ref="D6889">IFERROR(INDEX(Jesper!AH$2:AH$366,ROUNDDOWN($C6889/24,0)+1,1)*INDEX($D$3:$AA$30,INDEX(Jesper!$R$2:$R$366,ROW(INDEX(Jesper!AH$2:AH$366,ROUNDDOWN($C6889/24,0)+1,1))-1)+IF('Standard Profiles'!$G$18=$B$10,7,0)+IF('Standard Profiles'!$G$18=$B$17,14,0)+IF('Standard Profiles'!$G$18=$B$24,21,0),MOD($C6889,24)+1)/SUM(INDEX($D$3:$AA$30,INDEX(Jesper!$R$2:$R$366,ROW(INDEX(Jesper!AH$2:AH$366,ROUNDDOWN($C6889/24,0)+1,1))-1)+IF('Standard Profiles'!$G$18=$B$10,7,0)+IF('Standard Profiles'!$G$18=$B$17,14,0)+IF('Standard Profiles'!$G$18=$B$24,21,0),0)),0)</f>
        <v>12.054167985728215</v>
      </c>
      <c r="E6889" cm="1">
        <f t="array" ref="E6889">IFERROR(INDEX(Jesper!AI$2:AI$366,ROUNDDOWN($C6889/24,0)+1,1)*INDEX($D$3:$AA$30,INDEX(Jesper!$R$2:$R$366,ROW(INDEX(Jesper!AI$2:AI$366,ROUNDDOWN($C6889/24,0)+1,1))-1)+IF('Standard Profiles'!$G$19=$B$10,7,0)+IF('Standard Profiles'!$G$19=$B$17,14,0)+IF('Standard Profiles'!$G$19=$B$24,21,0),MOD($C6889,24)+1)/SUM(INDEX($D$3:$AA$30,INDEX(Jesper!$R$2:$R$366,ROW(INDEX(Jesper!AI$2:AI$366,ROUNDDOWN($C6889/24,0)+1,1))-1)+IF('Standard Profiles'!$G$19=$B$10,7,0)+IF('Standard Profiles'!$G$19=$B$17,14,0)+IF('Standard Profiles'!$G$19=$B$24,21,0),0)),0)</f>
        <v>2.3294220400583043</v>
      </c>
      <c r="F6889" cm="1">
        <f t="array" ref="F6889">IFERROR(INDEX(Jesper!AJ$2:AJ$366,ROUNDDOWN($C6889/24,0)+1,1)*INDEX($D$3:$AA$30,INDEX(Jesper!$R$2:$R$366,ROW(INDEX(Jesper!AJ$2:AJ$366,ROUNDDOWN($C6889/24,0)+1,1))-1)+IF('Standard Profiles'!$G$20=$B$10,7,0)+IF('Standard Profiles'!$G$20=$B$17,14,0)+IF('Standard Profiles'!$G$20=$B$24,21,0),MOD($C6889,24)+1)/SUM(INDEX($D$3:$AA$30,INDEX(Jesper!$R$2:$R$366,ROW(INDEX(Jesper!AJ$2:AJ$366,ROUNDDOWN($C6889/24,0)+1,1))-1)+IF('Standard Profiles'!$G$20=$B$10,7,0)+IF('Standard Profiles'!$G$20=$B$17,14,0)+IF('Standard Profiles'!$G$20=$B$24,21,0),0)),0)</f>
        <v>0</v>
      </c>
      <c r="G6889" cm="1">
        <f t="array" ref="G6889">IFERROR(INDEX(Jesper!AK$2:AK$366,ROUNDDOWN($C6889/24,0)+1,1)*INDEX($D$3:$AA$30,INDEX(Jesper!$R$2:$R$366,ROW(INDEX(Jesper!AK$2:AK$366,ROUNDDOWN($C6889/24,0)+1,1))-1)+IF('Standard Profiles'!$G$21=$B$10,7,0)+IF('Standard Profiles'!$G$21=$B$17,14,0)+IF('Standard Profiles'!$G$21=$B$24,21,0),MOD($C6889,24)+1)/SUM(INDEX($D$3:$AA$30,INDEX(Jesper!$R$2:$R$366,ROW(INDEX(Jesper!AK$2:AK$366,ROUNDDOWN($C6889/24,0)+1,1))-1)+IF('Standard Profiles'!$G$21=$B$10,7,0)+IF('Standard Profiles'!$G$21=$B$17,14,0)+IF('Standard Profiles'!$G$21=$B$24,21,0),0)),0)</f>
        <v>0</v>
      </c>
      <c r="H6889" cm="1">
        <f t="array" ref="H6889">IFERROR(INDEX(Jesper!AL$2:AL$366,ROUNDDOWN($C6889/24,0)+1,1)*INDEX($D$3:$AA$30,INDEX(Jesper!$R$2:$R$366,ROW(INDEX(Jesper!AL$2:AL$366,ROUNDDOWN($C6889/24,0)+1,1))-1)+IF('Standard Profiles'!$G$22=$B$10,7,0)+IF('Standard Profiles'!$G$22=$B$17,14,0)+IF('Standard Profiles'!$G$22=$B$24,21,0),MOD($C6889,24)+1)/SUM(INDEX($D$3:$AA$30,INDEX(Jesper!$R$2:$R$366,ROW(INDEX(Jesper!AL$2:AL$366,ROUNDDOWN($C6889/24,0)+1,1))-1)+IF('Standard Profiles'!$G$22=$B$10,7,0)+IF('Standard Profiles'!$G$22=$B$17,14,0)+IF('Standard Profiles'!$G$22=$B$24,21,0),0)),0)</f>
        <v>0</v>
      </c>
      <c r="I6889">
        <f t="shared" si="769"/>
        <v>0.20985784144669414</v>
      </c>
      <c r="J6889">
        <f t="shared" si="770"/>
        <v>0.69952613815564724</v>
      </c>
      <c r="K6889">
        <f t="shared" si="771"/>
        <v>1.0492892072334707</v>
      </c>
      <c r="L6889">
        <f t="shared" si="772"/>
        <v>12.424916838950708</v>
      </c>
      <c r="M6889">
        <f t="shared" si="773"/>
        <v>0</v>
      </c>
      <c r="N6889" s="46">
        <f t="shared" si="774"/>
        <v>45577.624999983374</v>
      </c>
    </row>
    <row r="6890" spans="2:14" x14ac:dyDescent="0.3">
      <c r="B6890">
        <f t="shared" si="768"/>
        <v>6</v>
      </c>
      <c r="C6890" s="16">
        <v>6856</v>
      </c>
      <c r="D6890" cm="1">
        <f t="array" ref="D6890">IFERROR(INDEX(Jesper!AH$2:AH$366,ROUNDDOWN($C6890/24,0)+1,1)*INDEX($D$3:$AA$30,INDEX(Jesper!$R$2:$R$366,ROW(INDEX(Jesper!AH$2:AH$366,ROUNDDOWN($C6890/24,0)+1,1))-1)+IF('Standard Profiles'!$G$18=$B$10,7,0)+IF('Standard Profiles'!$G$18=$B$17,14,0)+IF('Standard Profiles'!$G$18=$B$24,21,0),MOD($C6890,24)+1)/SUM(INDEX($D$3:$AA$30,INDEX(Jesper!$R$2:$R$366,ROW(INDEX(Jesper!AH$2:AH$366,ROUNDDOWN($C6890/24,0)+1,1))-1)+IF('Standard Profiles'!$G$18=$B$10,7,0)+IF('Standard Profiles'!$G$18=$B$17,14,0)+IF('Standard Profiles'!$G$18=$B$24,21,0),0)),0)</f>
        <v>10.958334532480198</v>
      </c>
      <c r="E6890" cm="1">
        <f t="array" ref="E6890">IFERROR(INDEX(Jesper!AI$2:AI$366,ROUNDDOWN($C6890/24,0)+1,1)*INDEX($D$3:$AA$30,INDEX(Jesper!$R$2:$R$366,ROW(INDEX(Jesper!AI$2:AI$366,ROUNDDOWN($C6890/24,0)+1,1))-1)+IF('Standard Profiles'!$G$19=$B$10,7,0)+IF('Standard Profiles'!$G$19=$B$17,14,0)+IF('Standard Profiles'!$G$19=$B$24,21,0),MOD($C6890,24)+1)/SUM(INDEX($D$3:$AA$30,INDEX(Jesper!$R$2:$R$366,ROW(INDEX(Jesper!AI$2:AI$366,ROUNDDOWN($C6890/24,0)+1,1))-1)+IF('Standard Profiles'!$G$19=$B$10,7,0)+IF('Standard Profiles'!$G$19=$B$17,14,0)+IF('Standard Profiles'!$G$19=$B$24,21,0),0)),0)</f>
        <v>2.1176564000530038</v>
      </c>
      <c r="F6890" cm="1">
        <f t="array" ref="F6890">IFERROR(INDEX(Jesper!AJ$2:AJ$366,ROUNDDOWN($C6890/24,0)+1,1)*INDEX($D$3:$AA$30,INDEX(Jesper!$R$2:$R$366,ROW(INDEX(Jesper!AJ$2:AJ$366,ROUNDDOWN($C6890/24,0)+1,1))-1)+IF('Standard Profiles'!$G$20=$B$10,7,0)+IF('Standard Profiles'!$G$20=$B$17,14,0)+IF('Standard Profiles'!$G$20=$B$24,21,0),MOD($C6890,24)+1)/SUM(INDEX($D$3:$AA$30,INDEX(Jesper!$R$2:$R$366,ROW(INDEX(Jesper!AJ$2:AJ$366,ROUNDDOWN($C6890/24,0)+1,1))-1)+IF('Standard Profiles'!$G$20=$B$10,7,0)+IF('Standard Profiles'!$G$20=$B$17,14,0)+IF('Standard Profiles'!$G$20=$B$24,21,0),0)),0)</f>
        <v>0</v>
      </c>
      <c r="G6890" cm="1">
        <f t="array" ref="G6890">IFERROR(INDEX(Jesper!AK$2:AK$366,ROUNDDOWN($C6890/24,0)+1,1)*INDEX($D$3:$AA$30,INDEX(Jesper!$R$2:$R$366,ROW(INDEX(Jesper!AK$2:AK$366,ROUNDDOWN($C6890/24,0)+1,1))-1)+IF('Standard Profiles'!$G$21=$B$10,7,0)+IF('Standard Profiles'!$G$21=$B$17,14,0)+IF('Standard Profiles'!$G$21=$B$24,21,0),MOD($C6890,24)+1)/SUM(INDEX($D$3:$AA$30,INDEX(Jesper!$R$2:$R$366,ROW(INDEX(Jesper!AK$2:AK$366,ROUNDDOWN($C6890/24,0)+1,1))-1)+IF('Standard Profiles'!$G$21=$B$10,7,0)+IF('Standard Profiles'!$G$21=$B$17,14,0)+IF('Standard Profiles'!$G$21=$B$24,21,0),0)),0)</f>
        <v>0</v>
      </c>
      <c r="H6890" cm="1">
        <f t="array" ref="H6890">IFERROR(INDEX(Jesper!AL$2:AL$366,ROUNDDOWN($C6890/24,0)+1,1)*INDEX($D$3:$AA$30,INDEX(Jesper!$R$2:$R$366,ROW(INDEX(Jesper!AL$2:AL$366,ROUNDDOWN($C6890/24,0)+1,1))-1)+IF('Standard Profiles'!$G$22=$B$10,7,0)+IF('Standard Profiles'!$G$22=$B$17,14,0)+IF('Standard Profiles'!$G$22=$B$24,21,0),MOD($C6890,24)+1)/SUM(INDEX($D$3:$AA$30,INDEX(Jesper!$R$2:$R$366,ROW(INDEX(Jesper!AL$2:AL$366,ROUNDDOWN($C6890/24,0)+1,1))-1)+IF('Standard Profiles'!$G$22=$B$10,7,0)+IF('Standard Profiles'!$G$22=$B$17,14,0)+IF('Standard Profiles'!$G$22=$B$24,21,0),0)),0)</f>
        <v>0</v>
      </c>
      <c r="I6890">
        <f t="shared" si="769"/>
        <v>0.19077985586063104</v>
      </c>
      <c r="J6890">
        <f t="shared" si="770"/>
        <v>0.6359328528687701</v>
      </c>
      <c r="K6890">
        <f t="shared" si="771"/>
        <v>0.95389927930315521</v>
      </c>
      <c r="L6890">
        <f t="shared" si="772"/>
        <v>11.295378944500644</v>
      </c>
      <c r="M6890">
        <f t="shared" si="773"/>
        <v>0</v>
      </c>
      <c r="N6890" s="46">
        <f t="shared" si="774"/>
        <v>45577.666666650039</v>
      </c>
    </row>
    <row r="6891" spans="2:14" x14ac:dyDescent="0.3">
      <c r="B6891">
        <f t="shared" si="768"/>
        <v>6</v>
      </c>
      <c r="C6891" s="16">
        <v>6857</v>
      </c>
      <c r="D6891" cm="1">
        <f t="array" ref="D6891">IFERROR(INDEX(Jesper!AH$2:AH$366,ROUNDDOWN($C6891/24,0)+1,1)*INDEX($D$3:$AA$30,INDEX(Jesper!$R$2:$R$366,ROW(INDEX(Jesper!AH$2:AH$366,ROUNDDOWN($C6891/24,0)+1,1))-1)+IF('Standard Profiles'!$G$18=$B$10,7,0)+IF('Standard Profiles'!$G$18=$B$17,14,0)+IF('Standard Profiles'!$G$18=$B$24,21,0),MOD($C6891,24)+1)/SUM(INDEX($D$3:$AA$30,INDEX(Jesper!$R$2:$R$366,ROW(INDEX(Jesper!AH$2:AH$366,ROUNDDOWN($C6891/24,0)+1,1))-1)+IF('Standard Profiles'!$G$18=$B$10,7,0)+IF('Standard Profiles'!$G$18=$B$17,14,0)+IF('Standard Profiles'!$G$18=$B$24,21,0),0)),0)</f>
        <v>9.8625010792321781</v>
      </c>
      <c r="E6891" cm="1">
        <f t="array" ref="E6891">IFERROR(INDEX(Jesper!AI$2:AI$366,ROUNDDOWN($C6891/24,0)+1,1)*INDEX($D$3:$AA$30,INDEX(Jesper!$R$2:$R$366,ROW(INDEX(Jesper!AI$2:AI$366,ROUNDDOWN($C6891/24,0)+1,1))-1)+IF('Standard Profiles'!$G$19=$B$10,7,0)+IF('Standard Profiles'!$G$19=$B$17,14,0)+IF('Standard Profiles'!$G$19=$B$24,21,0),MOD($C6891,24)+1)/SUM(INDEX($D$3:$AA$30,INDEX(Jesper!$R$2:$R$366,ROW(INDEX(Jesper!AI$2:AI$366,ROUNDDOWN($C6891/24,0)+1,1))-1)+IF('Standard Profiles'!$G$19=$B$10,7,0)+IF('Standard Profiles'!$G$19=$B$17,14,0)+IF('Standard Profiles'!$G$19=$B$24,21,0),0)),0)</f>
        <v>1.9058907600477037</v>
      </c>
      <c r="F6891" cm="1">
        <f t="array" ref="F6891">IFERROR(INDEX(Jesper!AJ$2:AJ$366,ROUNDDOWN($C6891/24,0)+1,1)*INDEX($D$3:$AA$30,INDEX(Jesper!$R$2:$R$366,ROW(INDEX(Jesper!AJ$2:AJ$366,ROUNDDOWN($C6891/24,0)+1,1))-1)+IF('Standard Profiles'!$G$20=$B$10,7,0)+IF('Standard Profiles'!$G$20=$B$17,14,0)+IF('Standard Profiles'!$G$20=$B$24,21,0),MOD($C6891,24)+1)/SUM(INDEX($D$3:$AA$30,INDEX(Jesper!$R$2:$R$366,ROW(INDEX(Jesper!AJ$2:AJ$366,ROUNDDOWN($C6891/24,0)+1,1))-1)+IF('Standard Profiles'!$G$20=$B$10,7,0)+IF('Standard Profiles'!$G$20=$B$17,14,0)+IF('Standard Profiles'!$G$20=$B$24,21,0),0)),0)</f>
        <v>0</v>
      </c>
      <c r="G6891" cm="1">
        <f t="array" ref="G6891">IFERROR(INDEX(Jesper!AK$2:AK$366,ROUNDDOWN($C6891/24,0)+1,1)*INDEX($D$3:$AA$30,INDEX(Jesper!$R$2:$R$366,ROW(INDEX(Jesper!AK$2:AK$366,ROUNDDOWN($C6891/24,0)+1,1))-1)+IF('Standard Profiles'!$G$21=$B$10,7,0)+IF('Standard Profiles'!$G$21=$B$17,14,0)+IF('Standard Profiles'!$G$21=$B$24,21,0),MOD($C6891,24)+1)/SUM(INDEX($D$3:$AA$30,INDEX(Jesper!$R$2:$R$366,ROW(INDEX(Jesper!AK$2:AK$366,ROUNDDOWN($C6891/24,0)+1,1))-1)+IF('Standard Profiles'!$G$21=$B$10,7,0)+IF('Standard Profiles'!$G$21=$B$17,14,0)+IF('Standard Profiles'!$G$21=$B$24,21,0),0)),0)</f>
        <v>0</v>
      </c>
      <c r="H6891" cm="1">
        <f t="array" ref="H6891">IFERROR(INDEX(Jesper!AL$2:AL$366,ROUNDDOWN($C6891/24,0)+1,1)*INDEX($D$3:$AA$30,INDEX(Jesper!$R$2:$R$366,ROW(INDEX(Jesper!AL$2:AL$366,ROUNDDOWN($C6891/24,0)+1,1))-1)+IF('Standard Profiles'!$G$22=$B$10,7,0)+IF('Standard Profiles'!$G$22=$B$17,14,0)+IF('Standard Profiles'!$G$22=$B$24,21,0),MOD($C6891,24)+1)/SUM(INDEX($D$3:$AA$30,INDEX(Jesper!$R$2:$R$366,ROW(INDEX(Jesper!AL$2:AL$366,ROUNDDOWN($C6891/24,0)+1,1))-1)+IF('Standard Profiles'!$G$22=$B$10,7,0)+IF('Standard Profiles'!$G$22=$B$17,14,0)+IF('Standard Profiles'!$G$22=$B$24,21,0),0)),0)</f>
        <v>0</v>
      </c>
      <c r="I6891">
        <f t="shared" si="769"/>
        <v>0.17170187027456796</v>
      </c>
      <c r="J6891">
        <f t="shared" si="770"/>
        <v>0.57233956758189319</v>
      </c>
      <c r="K6891">
        <f t="shared" si="771"/>
        <v>0.8585093513728399</v>
      </c>
      <c r="L6891">
        <f t="shared" si="772"/>
        <v>10.165841050050581</v>
      </c>
      <c r="M6891">
        <f t="shared" si="773"/>
        <v>0</v>
      </c>
      <c r="N6891" s="46">
        <f t="shared" si="774"/>
        <v>45577.708333316703</v>
      </c>
    </row>
    <row r="6892" spans="2:14" x14ac:dyDescent="0.3">
      <c r="B6892">
        <f t="shared" si="768"/>
        <v>6</v>
      </c>
      <c r="C6892" s="16">
        <v>6858</v>
      </c>
      <c r="D6892" cm="1">
        <f t="array" ref="D6892">IFERROR(INDEX(Jesper!AH$2:AH$366,ROUNDDOWN($C6892/24,0)+1,1)*INDEX($D$3:$AA$30,INDEX(Jesper!$R$2:$R$366,ROW(INDEX(Jesper!AH$2:AH$366,ROUNDDOWN($C6892/24,0)+1,1))-1)+IF('Standard Profiles'!$G$18=$B$10,7,0)+IF('Standard Profiles'!$G$18=$B$17,14,0)+IF('Standard Profiles'!$G$18=$B$24,21,0),MOD($C6892,24)+1)/SUM(INDEX($D$3:$AA$30,INDEX(Jesper!$R$2:$R$366,ROW(INDEX(Jesper!AH$2:AH$366,ROUNDDOWN($C6892/24,0)+1,1))-1)+IF('Standard Profiles'!$G$18=$B$10,7,0)+IF('Standard Profiles'!$G$18=$B$17,14,0)+IF('Standard Profiles'!$G$18=$B$24,21,0),0)),0)</f>
        <v>9.4972232614828354</v>
      </c>
      <c r="E6892" cm="1">
        <f t="array" ref="E6892">IFERROR(INDEX(Jesper!AI$2:AI$366,ROUNDDOWN($C6892/24,0)+1,1)*INDEX($D$3:$AA$30,INDEX(Jesper!$R$2:$R$366,ROW(INDEX(Jesper!AI$2:AI$366,ROUNDDOWN($C6892/24,0)+1,1))-1)+IF('Standard Profiles'!$G$19=$B$10,7,0)+IF('Standard Profiles'!$G$19=$B$17,14,0)+IF('Standard Profiles'!$G$19=$B$24,21,0),MOD($C6892,24)+1)/SUM(INDEX($D$3:$AA$30,INDEX(Jesper!$R$2:$R$366,ROW(INDEX(Jesper!AI$2:AI$366,ROUNDDOWN($C6892/24,0)+1,1))-1)+IF('Standard Profiles'!$G$19=$B$10,7,0)+IF('Standard Profiles'!$G$19=$B$17,14,0)+IF('Standard Profiles'!$G$19=$B$24,21,0),0)),0)</f>
        <v>1.83530221337927</v>
      </c>
      <c r="F6892" cm="1">
        <f t="array" ref="F6892">IFERROR(INDEX(Jesper!AJ$2:AJ$366,ROUNDDOWN($C6892/24,0)+1,1)*INDEX($D$3:$AA$30,INDEX(Jesper!$R$2:$R$366,ROW(INDEX(Jesper!AJ$2:AJ$366,ROUNDDOWN($C6892/24,0)+1,1))-1)+IF('Standard Profiles'!$G$20=$B$10,7,0)+IF('Standard Profiles'!$G$20=$B$17,14,0)+IF('Standard Profiles'!$G$20=$B$24,21,0),MOD($C6892,24)+1)/SUM(INDEX($D$3:$AA$30,INDEX(Jesper!$R$2:$R$366,ROW(INDEX(Jesper!AJ$2:AJ$366,ROUNDDOWN($C6892/24,0)+1,1))-1)+IF('Standard Profiles'!$G$20=$B$10,7,0)+IF('Standard Profiles'!$G$20=$B$17,14,0)+IF('Standard Profiles'!$G$20=$B$24,21,0),0)),0)</f>
        <v>0</v>
      </c>
      <c r="G6892" cm="1">
        <f t="array" ref="G6892">IFERROR(INDEX(Jesper!AK$2:AK$366,ROUNDDOWN($C6892/24,0)+1,1)*INDEX($D$3:$AA$30,INDEX(Jesper!$R$2:$R$366,ROW(INDEX(Jesper!AK$2:AK$366,ROUNDDOWN($C6892/24,0)+1,1))-1)+IF('Standard Profiles'!$G$21=$B$10,7,0)+IF('Standard Profiles'!$G$21=$B$17,14,0)+IF('Standard Profiles'!$G$21=$B$24,21,0),MOD($C6892,24)+1)/SUM(INDEX($D$3:$AA$30,INDEX(Jesper!$R$2:$R$366,ROW(INDEX(Jesper!AK$2:AK$366,ROUNDDOWN($C6892/24,0)+1,1))-1)+IF('Standard Profiles'!$G$21=$B$10,7,0)+IF('Standard Profiles'!$G$21=$B$17,14,0)+IF('Standard Profiles'!$G$21=$B$24,21,0),0)),0)</f>
        <v>0</v>
      </c>
      <c r="H6892" cm="1">
        <f t="array" ref="H6892">IFERROR(INDEX(Jesper!AL$2:AL$366,ROUNDDOWN($C6892/24,0)+1,1)*INDEX($D$3:$AA$30,INDEX(Jesper!$R$2:$R$366,ROW(INDEX(Jesper!AL$2:AL$366,ROUNDDOWN($C6892/24,0)+1,1))-1)+IF('Standard Profiles'!$G$22=$B$10,7,0)+IF('Standard Profiles'!$G$22=$B$17,14,0)+IF('Standard Profiles'!$G$22=$B$24,21,0),MOD($C6892,24)+1)/SUM(INDEX($D$3:$AA$30,INDEX(Jesper!$R$2:$R$366,ROW(INDEX(Jesper!AL$2:AL$366,ROUNDDOWN($C6892/24,0)+1,1))-1)+IF('Standard Profiles'!$G$22=$B$10,7,0)+IF('Standard Profiles'!$G$22=$B$17,14,0)+IF('Standard Profiles'!$G$22=$B$24,21,0),0)),0)</f>
        <v>0</v>
      </c>
      <c r="I6892">
        <f t="shared" si="769"/>
        <v>0.16534254174588023</v>
      </c>
      <c r="J6892">
        <f t="shared" si="770"/>
        <v>0.55114180581960082</v>
      </c>
      <c r="K6892">
        <f t="shared" si="771"/>
        <v>0.82671270872940128</v>
      </c>
      <c r="L6892">
        <f t="shared" si="772"/>
        <v>9.7893284185672229</v>
      </c>
      <c r="M6892">
        <f t="shared" si="773"/>
        <v>0</v>
      </c>
      <c r="N6892" s="46">
        <f t="shared" si="774"/>
        <v>45577.749999983367</v>
      </c>
    </row>
    <row r="6893" spans="2:14" x14ac:dyDescent="0.3">
      <c r="B6893">
        <f t="shared" si="768"/>
        <v>6</v>
      </c>
      <c r="C6893" s="16">
        <v>6859</v>
      </c>
      <c r="D6893" cm="1">
        <f t="array" ref="D6893">IFERROR(INDEX(Jesper!AH$2:AH$366,ROUNDDOWN($C6893/24,0)+1,1)*INDEX($D$3:$AA$30,INDEX(Jesper!$R$2:$R$366,ROW(INDEX(Jesper!AH$2:AH$366,ROUNDDOWN($C6893/24,0)+1,1))-1)+IF('Standard Profiles'!$G$18=$B$10,7,0)+IF('Standard Profiles'!$G$18=$B$17,14,0)+IF('Standard Profiles'!$G$18=$B$24,21,0),MOD($C6893,24)+1)/SUM(INDEX($D$3:$AA$30,INDEX(Jesper!$R$2:$R$366,ROW(INDEX(Jesper!AH$2:AH$366,ROUNDDOWN($C6893/24,0)+1,1))-1)+IF('Standard Profiles'!$G$18=$B$10,7,0)+IF('Standard Profiles'!$G$18=$B$17,14,0)+IF('Standard Profiles'!$G$18=$B$24,21,0),0)),0)</f>
        <v>7.6708341727361367</v>
      </c>
      <c r="E6893" cm="1">
        <f t="array" ref="E6893">IFERROR(INDEX(Jesper!AI$2:AI$366,ROUNDDOWN($C6893/24,0)+1,1)*INDEX($D$3:$AA$30,INDEX(Jesper!$R$2:$R$366,ROW(INDEX(Jesper!AI$2:AI$366,ROUNDDOWN($C6893/24,0)+1,1))-1)+IF('Standard Profiles'!$G$19=$B$10,7,0)+IF('Standard Profiles'!$G$19=$B$17,14,0)+IF('Standard Profiles'!$G$19=$B$24,21,0),MOD($C6893,24)+1)/SUM(INDEX($D$3:$AA$30,INDEX(Jesper!$R$2:$R$366,ROW(INDEX(Jesper!AI$2:AI$366,ROUNDDOWN($C6893/24,0)+1,1))-1)+IF('Standard Profiles'!$G$19=$B$10,7,0)+IF('Standard Profiles'!$G$19=$B$17,14,0)+IF('Standard Profiles'!$G$19=$B$24,21,0),0)),0)</f>
        <v>1.4823594800371027</v>
      </c>
      <c r="F6893" cm="1">
        <f t="array" ref="F6893">IFERROR(INDEX(Jesper!AJ$2:AJ$366,ROUNDDOWN($C6893/24,0)+1,1)*INDEX($D$3:$AA$30,INDEX(Jesper!$R$2:$R$366,ROW(INDEX(Jesper!AJ$2:AJ$366,ROUNDDOWN($C6893/24,0)+1,1))-1)+IF('Standard Profiles'!$G$20=$B$10,7,0)+IF('Standard Profiles'!$G$20=$B$17,14,0)+IF('Standard Profiles'!$G$20=$B$24,21,0),MOD($C6893,24)+1)/SUM(INDEX($D$3:$AA$30,INDEX(Jesper!$R$2:$R$366,ROW(INDEX(Jesper!AJ$2:AJ$366,ROUNDDOWN($C6893/24,0)+1,1))-1)+IF('Standard Profiles'!$G$20=$B$10,7,0)+IF('Standard Profiles'!$G$20=$B$17,14,0)+IF('Standard Profiles'!$G$20=$B$24,21,0),0)),0)</f>
        <v>0</v>
      </c>
      <c r="G6893" cm="1">
        <f t="array" ref="G6893">IFERROR(INDEX(Jesper!AK$2:AK$366,ROUNDDOWN($C6893/24,0)+1,1)*INDEX($D$3:$AA$30,INDEX(Jesper!$R$2:$R$366,ROW(INDEX(Jesper!AK$2:AK$366,ROUNDDOWN($C6893/24,0)+1,1))-1)+IF('Standard Profiles'!$G$21=$B$10,7,0)+IF('Standard Profiles'!$G$21=$B$17,14,0)+IF('Standard Profiles'!$G$21=$B$24,21,0),MOD($C6893,24)+1)/SUM(INDEX($D$3:$AA$30,INDEX(Jesper!$R$2:$R$366,ROW(INDEX(Jesper!AK$2:AK$366,ROUNDDOWN($C6893/24,0)+1,1))-1)+IF('Standard Profiles'!$G$21=$B$10,7,0)+IF('Standard Profiles'!$G$21=$B$17,14,0)+IF('Standard Profiles'!$G$21=$B$24,21,0),0)),0)</f>
        <v>0</v>
      </c>
      <c r="H6893" cm="1">
        <f t="array" ref="H6893">IFERROR(INDEX(Jesper!AL$2:AL$366,ROUNDDOWN($C6893/24,0)+1,1)*INDEX($D$3:$AA$30,INDEX(Jesper!$R$2:$R$366,ROW(INDEX(Jesper!AL$2:AL$366,ROUNDDOWN($C6893/24,0)+1,1))-1)+IF('Standard Profiles'!$G$22=$B$10,7,0)+IF('Standard Profiles'!$G$22=$B$17,14,0)+IF('Standard Profiles'!$G$22=$B$24,21,0),MOD($C6893,24)+1)/SUM(INDEX($D$3:$AA$30,INDEX(Jesper!$R$2:$R$366,ROW(INDEX(Jesper!AL$2:AL$366,ROUNDDOWN($C6893/24,0)+1,1))-1)+IF('Standard Profiles'!$G$22=$B$10,7,0)+IF('Standard Profiles'!$G$22=$B$17,14,0)+IF('Standard Profiles'!$G$22=$B$24,21,0),0)),0)</f>
        <v>0</v>
      </c>
      <c r="I6893">
        <f t="shared" si="769"/>
        <v>0.13354589910244172</v>
      </c>
      <c r="J6893">
        <f t="shared" si="770"/>
        <v>0.44515299700813915</v>
      </c>
      <c r="K6893">
        <f t="shared" si="771"/>
        <v>0.66772949551220873</v>
      </c>
      <c r="L6893">
        <f t="shared" si="772"/>
        <v>7.9067652611504498</v>
      </c>
      <c r="M6893">
        <f t="shared" si="773"/>
        <v>0</v>
      </c>
      <c r="N6893" s="46">
        <f t="shared" si="774"/>
        <v>45577.791666650031</v>
      </c>
    </row>
    <row r="6894" spans="2:14" x14ac:dyDescent="0.3">
      <c r="B6894">
        <f t="shared" si="768"/>
        <v>6</v>
      </c>
      <c r="C6894" s="16">
        <v>6860</v>
      </c>
      <c r="D6894" cm="1">
        <f t="array" ref="D6894">IFERROR(INDEX(Jesper!AH$2:AH$366,ROUNDDOWN($C6894/24,0)+1,1)*INDEX($D$3:$AA$30,INDEX(Jesper!$R$2:$R$366,ROW(INDEX(Jesper!AH$2:AH$366,ROUNDDOWN($C6894/24,0)+1,1))-1)+IF('Standard Profiles'!$G$18=$B$10,7,0)+IF('Standard Profiles'!$G$18=$B$17,14,0)+IF('Standard Profiles'!$G$18=$B$24,21,0),MOD($C6894,24)+1)/SUM(INDEX($D$3:$AA$30,INDEX(Jesper!$R$2:$R$366,ROW(INDEX(Jesper!AH$2:AH$366,ROUNDDOWN($C6894/24,0)+1,1))-1)+IF('Standard Profiles'!$G$18=$B$10,7,0)+IF('Standard Profiles'!$G$18=$B$17,14,0)+IF('Standard Profiles'!$G$18=$B$24,21,0),0)),0)</f>
        <v>5.6618061751147675</v>
      </c>
      <c r="E6894" cm="1">
        <f t="array" ref="E6894">IFERROR(INDEX(Jesper!AI$2:AI$366,ROUNDDOWN($C6894/24,0)+1,1)*INDEX($D$3:$AA$30,INDEX(Jesper!$R$2:$R$366,ROW(INDEX(Jesper!AI$2:AI$366,ROUNDDOWN($C6894/24,0)+1,1))-1)+IF('Standard Profiles'!$G$19=$B$10,7,0)+IF('Standard Profiles'!$G$19=$B$17,14,0)+IF('Standard Profiles'!$G$19=$B$24,21,0),MOD($C6894,24)+1)/SUM(INDEX($D$3:$AA$30,INDEX(Jesper!$R$2:$R$366,ROW(INDEX(Jesper!AI$2:AI$366,ROUNDDOWN($C6894/24,0)+1,1))-1)+IF('Standard Profiles'!$G$19=$B$10,7,0)+IF('Standard Profiles'!$G$19=$B$17,14,0)+IF('Standard Profiles'!$G$19=$B$24,21,0),0)),0)</f>
        <v>1.0941224733607187</v>
      </c>
      <c r="F6894" cm="1">
        <f t="array" ref="F6894">IFERROR(INDEX(Jesper!AJ$2:AJ$366,ROUNDDOWN($C6894/24,0)+1,1)*INDEX($D$3:$AA$30,INDEX(Jesper!$R$2:$R$366,ROW(INDEX(Jesper!AJ$2:AJ$366,ROUNDDOWN($C6894/24,0)+1,1))-1)+IF('Standard Profiles'!$G$20=$B$10,7,0)+IF('Standard Profiles'!$G$20=$B$17,14,0)+IF('Standard Profiles'!$G$20=$B$24,21,0),MOD($C6894,24)+1)/SUM(INDEX($D$3:$AA$30,INDEX(Jesper!$R$2:$R$366,ROW(INDEX(Jesper!AJ$2:AJ$366,ROUNDDOWN($C6894/24,0)+1,1))-1)+IF('Standard Profiles'!$G$20=$B$10,7,0)+IF('Standard Profiles'!$G$20=$B$17,14,0)+IF('Standard Profiles'!$G$20=$B$24,21,0),0)),0)</f>
        <v>0</v>
      </c>
      <c r="G6894" cm="1">
        <f t="array" ref="G6894">IFERROR(INDEX(Jesper!AK$2:AK$366,ROUNDDOWN($C6894/24,0)+1,1)*INDEX($D$3:$AA$30,INDEX(Jesper!$R$2:$R$366,ROW(INDEX(Jesper!AK$2:AK$366,ROUNDDOWN($C6894/24,0)+1,1))-1)+IF('Standard Profiles'!$G$21=$B$10,7,0)+IF('Standard Profiles'!$G$21=$B$17,14,0)+IF('Standard Profiles'!$G$21=$B$24,21,0),MOD($C6894,24)+1)/SUM(INDEX($D$3:$AA$30,INDEX(Jesper!$R$2:$R$366,ROW(INDEX(Jesper!AK$2:AK$366,ROUNDDOWN($C6894/24,0)+1,1))-1)+IF('Standard Profiles'!$G$21=$B$10,7,0)+IF('Standard Profiles'!$G$21=$B$17,14,0)+IF('Standard Profiles'!$G$21=$B$24,21,0),0)),0)</f>
        <v>0</v>
      </c>
      <c r="H6894" cm="1">
        <f t="array" ref="H6894">IFERROR(INDEX(Jesper!AL$2:AL$366,ROUNDDOWN($C6894/24,0)+1,1)*INDEX($D$3:$AA$30,INDEX(Jesper!$R$2:$R$366,ROW(INDEX(Jesper!AL$2:AL$366,ROUNDDOWN($C6894/24,0)+1,1))-1)+IF('Standard Profiles'!$G$22=$B$10,7,0)+IF('Standard Profiles'!$G$22=$B$17,14,0)+IF('Standard Profiles'!$G$22=$B$24,21,0),MOD($C6894,24)+1)/SUM(INDEX($D$3:$AA$30,INDEX(Jesper!$R$2:$R$366,ROW(INDEX(Jesper!AL$2:AL$366,ROUNDDOWN($C6894/24,0)+1,1))-1)+IF('Standard Profiles'!$G$22=$B$10,7,0)+IF('Standard Profiles'!$G$22=$B$17,14,0)+IF('Standard Profiles'!$G$22=$B$24,21,0),0)),0)</f>
        <v>0</v>
      </c>
      <c r="I6894">
        <f t="shared" si="769"/>
        <v>9.8569592194659369E-2</v>
      </c>
      <c r="J6894">
        <f t="shared" si="770"/>
        <v>0.32856530731553124</v>
      </c>
      <c r="K6894">
        <f t="shared" si="771"/>
        <v>0.49284796097329686</v>
      </c>
      <c r="L6894">
        <f t="shared" si="772"/>
        <v>5.8359457879919985</v>
      </c>
      <c r="M6894">
        <f t="shared" si="773"/>
        <v>0</v>
      </c>
      <c r="N6894" s="46">
        <f t="shared" si="774"/>
        <v>45577.833333316696</v>
      </c>
    </row>
    <row r="6895" spans="2:14" x14ac:dyDescent="0.3">
      <c r="B6895">
        <f t="shared" si="768"/>
        <v>6</v>
      </c>
      <c r="C6895" s="16">
        <v>6861</v>
      </c>
      <c r="D6895" cm="1">
        <f t="array" ref="D6895">IFERROR(INDEX(Jesper!AH$2:AH$366,ROUNDDOWN($C6895/24,0)+1,1)*INDEX($D$3:$AA$30,INDEX(Jesper!$R$2:$R$366,ROW(INDEX(Jesper!AH$2:AH$366,ROUNDDOWN($C6895/24,0)+1,1))-1)+IF('Standard Profiles'!$G$18=$B$10,7,0)+IF('Standard Profiles'!$G$18=$B$17,14,0)+IF('Standard Profiles'!$G$18=$B$24,21,0),MOD($C6895,24)+1)/SUM(INDEX($D$3:$AA$30,INDEX(Jesper!$R$2:$R$366,ROW(INDEX(Jesper!AH$2:AH$366,ROUNDDOWN($C6895/24,0)+1,1))-1)+IF('Standard Profiles'!$G$18=$B$10,7,0)+IF('Standard Profiles'!$G$18=$B$17,14,0)+IF('Standard Profiles'!$G$18=$B$24,21,0),0)),0)</f>
        <v>5.6618061751147675</v>
      </c>
      <c r="E6895" cm="1">
        <f t="array" ref="E6895">IFERROR(INDEX(Jesper!AI$2:AI$366,ROUNDDOWN($C6895/24,0)+1,1)*INDEX($D$3:$AA$30,INDEX(Jesper!$R$2:$R$366,ROW(INDEX(Jesper!AI$2:AI$366,ROUNDDOWN($C6895/24,0)+1,1))-1)+IF('Standard Profiles'!$G$19=$B$10,7,0)+IF('Standard Profiles'!$G$19=$B$17,14,0)+IF('Standard Profiles'!$G$19=$B$24,21,0),MOD($C6895,24)+1)/SUM(INDEX($D$3:$AA$30,INDEX(Jesper!$R$2:$R$366,ROW(INDEX(Jesper!AI$2:AI$366,ROUNDDOWN($C6895/24,0)+1,1))-1)+IF('Standard Profiles'!$G$19=$B$10,7,0)+IF('Standard Profiles'!$G$19=$B$17,14,0)+IF('Standard Profiles'!$G$19=$B$24,21,0),0)),0)</f>
        <v>1.0941224733607187</v>
      </c>
      <c r="F6895" cm="1">
        <f t="array" ref="F6895">IFERROR(INDEX(Jesper!AJ$2:AJ$366,ROUNDDOWN($C6895/24,0)+1,1)*INDEX($D$3:$AA$30,INDEX(Jesper!$R$2:$R$366,ROW(INDEX(Jesper!AJ$2:AJ$366,ROUNDDOWN($C6895/24,0)+1,1))-1)+IF('Standard Profiles'!$G$20=$B$10,7,0)+IF('Standard Profiles'!$G$20=$B$17,14,0)+IF('Standard Profiles'!$G$20=$B$24,21,0),MOD($C6895,24)+1)/SUM(INDEX($D$3:$AA$30,INDEX(Jesper!$R$2:$R$366,ROW(INDEX(Jesper!AJ$2:AJ$366,ROUNDDOWN($C6895/24,0)+1,1))-1)+IF('Standard Profiles'!$G$20=$B$10,7,0)+IF('Standard Profiles'!$G$20=$B$17,14,0)+IF('Standard Profiles'!$G$20=$B$24,21,0),0)),0)</f>
        <v>0</v>
      </c>
      <c r="G6895" cm="1">
        <f t="array" ref="G6895">IFERROR(INDEX(Jesper!AK$2:AK$366,ROUNDDOWN($C6895/24,0)+1,1)*INDEX($D$3:$AA$30,INDEX(Jesper!$R$2:$R$366,ROW(INDEX(Jesper!AK$2:AK$366,ROUNDDOWN($C6895/24,0)+1,1))-1)+IF('Standard Profiles'!$G$21=$B$10,7,0)+IF('Standard Profiles'!$G$21=$B$17,14,0)+IF('Standard Profiles'!$G$21=$B$24,21,0),MOD($C6895,24)+1)/SUM(INDEX($D$3:$AA$30,INDEX(Jesper!$R$2:$R$366,ROW(INDEX(Jesper!AK$2:AK$366,ROUNDDOWN($C6895/24,0)+1,1))-1)+IF('Standard Profiles'!$G$21=$B$10,7,0)+IF('Standard Profiles'!$G$21=$B$17,14,0)+IF('Standard Profiles'!$G$21=$B$24,21,0),0)),0)</f>
        <v>0</v>
      </c>
      <c r="H6895" cm="1">
        <f t="array" ref="H6895">IFERROR(INDEX(Jesper!AL$2:AL$366,ROUNDDOWN($C6895/24,0)+1,1)*INDEX($D$3:$AA$30,INDEX(Jesper!$R$2:$R$366,ROW(INDEX(Jesper!AL$2:AL$366,ROUNDDOWN($C6895/24,0)+1,1))-1)+IF('Standard Profiles'!$G$22=$B$10,7,0)+IF('Standard Profiles'!$G$22=$B$17,14,0)+IF('Standard Profiles'!$G$22=$B$24,21,0),MOD($C6895,24)+1)/SUM(INDEX($D$3:$AA$30,INDEX(Jesper!$R$2:$R$366,ROW(INDEX(Jesper!AL$2:AL$366,ROUNDDOWN($C6895/24,0)+1,1))-1)+IF('Standard Profiles'!$G$22=$B$10,7,0)+IF('Standard Profiles'!$G$22=$B$17,14,0)+IF('Standard Profiles'!$G$22=$B$24,21,0),0)),0)</f>
        <v>0</v>
      </c>
      <c r="I6895">
        <f t="shared" si="769"/>
        <v>9.8569592194659369E-2</v>
      </c>
      <c r="J6895">
        <f t="shared" si="770"/>
        <v>0.32856530731553124</v>
      </c>
      <c r="K6895">
        <f t="shared" si="771"/>
        <v>0.49284796097329686</v>
      </c>
      <c r="L6895">
        <f t="shared" si="772"/>
        <v>5.8359457879919985</v>
      </c>
      <c r="M6895">
        <f t="shared" si="773"/>
        <v>0</v>
      </c>
      <c r="N6895" s="46">
        <f t="shared" si="774"/>
        <v>45577.87499998336</v>
      </c>
    </row>
    <row r="6896" spans="2:14" x14ac:dyDescent="0.3">
      <c r="B6896">
        <f t="shared" si="768"/>
        <v>6</v>
      </c>
      <c r="C6896" s="16">
        <v>6862</v>
      </c>
      <c r="D6896" cm="1">
        <f t="array" ref="D6896">IFERROR(INDEX(Jesper!AH$2:AH$366,ROUNDDOWN($C6896/24,0)+1,1)*INDEX($D$3:$AA$30,INDEX(Jesper!$R$2:$R$366,ROW(INDEX(Jesper!AH$2:AH$366,ROUNDDOWN($C6896/24,0)+1,1))-1)+IF('Standard Profiles'!$G$18=$B$10,7,0)+IF('Standard Profiles'!$G$18=$B$17,14,0)+IF('Standard Profiles'!$G$18=$B$24,21,0),MOD($C6896,24)+1)/SUM(INDEX($D$3:$AA$30,INDEX(Jesper!$R$2:$R$366,ROW(INDEX(Jesper!AH$2:AH$366,ROUNDDOWN($C6896/24,0)+1,1))-1)+IF('Standard Profiles'!$G$18=$B$10,7,0)+IF('Standard Profiles'!$G$18=$B$17,14,0)+IF('Standard Profiles'!$G$18=$B$24,21,0),0)),0)</f>
        <v>5.6618061751147675</v>
      </c>
      <c r="E6896" cm="1">
        <f t="array" ref="E6896">IFERROR(INDEX(Jesper!AI$2:AI$366,ROUNDDOWN($C6896/24,0)+1,1)*INDEX($D$3:$AA$30,INDEX(Jesper!$R$2:$R$366,ROW(INDEX(Jesper!AI$2:AI$366,ROUNDDOWN($C6896/24,0)+1,1))-1)+IF('Standard Profiles'!$G$19=$B$10,7,0)+IF('Standard Profiles'!$G$19=$B$17,14,0)+IF('Standard Profiles'!$G$19=$B$24,21,0),MOD($C6896,24)+1)/SUM(INDEX($D$3:$AA$30,INDEX(Jesper!$R$2:$R$366,ROW(INDEX(Jesper!AI$2:AI$366,ROUNDDOWN($C6896/24,0)+1,1))-1)+IF('Standard Profiles'!$G$19=$B$10,7,0)+IF('Standard Profiles'!$G$19=$B$17,14,0)+IF('Standard Profiles'!$G$19=$B$24,21,0),0)),0)</f>
        <v>1.0941224733607187</v>
      </c>
      <c r="F6896" cm="1">
        <f t="array" ref="F6896">IFERROR(INDEX(Jesper!AJ$2:AJ$366,ROUNDDOWN($C6896/24,0)+1,1)*INDEX($D$3:$AA$30,INDEX(Jesper!$R$2:$R$366,ROW(INDEX(Jesper!AJ$2:AJ$366,ROUNDDOWN($C6896/24,0)+1,1))-1)+IF('Standard Profiles'!$G$20=$B$10,7,0)+IF('Standard Profiles'!$G$20=$B$17,14,0)+IF('Standard Profiles'!$G$20=$B$24,21,0),MOD($C6896,24)+1)/SUM(INDEX($D$3:$AA$30,INDEX(Jesper!$R$2:$R$366,ROW(INDEX(Jesper!AJ$2:AJ$366,ROUNDDOWN($C6896/24,0)+1,1))-1)+IF('Standard Profiles'!$G$20=$B$10,7,0)+IF('Standard Profiles'!$G$20=$B$17,14,0)+IF('Standard Profiles'!$G$20=$B$24,21,0),0)),0)</f>
        <v>0</v>
      </c>
      <c r="G6896" cm="1">
        <f t="array" ref="G6896">IFERROR(INDEX(Jesper!AK$2:AK$366,ROUNDDOWN($C6896/24,0)+1,1)*INDEX($D$3:$AA$30,INDEX(Jesper!$R$2:$R$366,ROW(INDEX(Jesper!AK$2:AK$366,ROUNDDOWN($C6896/24,0)+1,1))-1)+IF('Standard Profiles'!$G$21=$B$10,7,0)+IF('Standard Profiles'!$G$21=$B$17,14,0)+IF('Standard Profiles'!$G$21=$B$24,21,0),MOD($C6896,24)+1)/SUM(INDEX($D$3:$AA$30,INDEX(Jesper!$R$2:$R$366,ROW(INDEX(Jesper!AK$2:AK$366,ROUNDDOWN($C6896/24,0)+1,1))-1)+IF('Standard Profiles'!$G$21=$B$10,7,0)+IF('Standard Profiles'!$G$21=$B$17,14,0)+IF('Standard Profiles'!$G$21=$B$24,21,0),0)),0)</f>
        <v>0</v>
      </c>
      <c r="H6896" cm="1">
        <f t="array" ref="H6896">IFERROR(INDEX(Jesper!AL$2:AL$366,ROUNDDOWN($C6896/24,0)+1,1)*INDEX($D$3:$AA$30,INDEX(Jesper!$R$2:$R$366,ROW(INDEX(Jesper!AL$2:AL$366,ROUNDDOWN($C6896/24,0)+1,1))-1)+IF('Standard Profiles'!$G$22=$B$10,7,0)+IF('Standard Profiles'!$G$22=$B$17,14,0)+IF('Standard Profiles'!$G$22=$B$24,21,0),MOD($C6896,24)+1)/SUM(INDEX($D$3:$AA$30,INDEX(Jesper!$R$2:$R$366,ROW(INDEX(Jesper!AL$2:AL$366,ROUNDDOWN($C6896/24,0)+1,1))-1)+IF('Standard Profiles'!$G$22=$B$10,7,0)+IF('Standard Profiles'!$G$22=$B$17,14,0)+IF('Standard Profiles'!$G$22=$B$24,21,0),0)),0)</f>
        <v>0</v>
      </c>
      <c r="I6896">
        <f t="shared" si="769"/>
        <v>9.8569592194659369E-2</v>
      </c>
      <c r="J6896">
        <f t="shared" si="770"/>
        <v>0.32856530731553124</v>
      </c>
      <c r="K6896">
        <f t="shared" si="771"/>
        <v>0.49284796097329686</v>
      </c>
      <c r="L6896">
        <f t="shared" si="772"/>
        <v>5.8359457879919985</v>
      </c>
      <c r="M6896">
        <f t="shared" si="773"/>
        <v>0</v>
      </c>
      <c r="N6896" s="46">
        <f t="shared" si="774"/>
        <v>45577.916666650024</v>
      </c>
    </row>
    <row r="6897" spans="2:14" x14ac:dyDescent="0.3">
      <c r="B6897">
        <f t="shared" si="768"/>
        <v>6</v>
      </c>
      <c r="C6897" s="16">
        <v>6863</v>
      </c>
      <c r="D6897" cm="1">
        <f t="array" ref="D6897">IFERROR(INDEX(Jesper!AH$2:AH$366,ROUNDDOWN($C6897/24,0)+1,1)*INDEX($D$3:$AA$30,INDEX(Jesper!$R$2:$R$366,ROW(INDEX(Jesper!AH$2:AH$366,ROUNDDOWN($C6897/24,0)+1,1))-1)+IF('Standard Profiles'!$G$18=$B$10,7,0)+IF('Standard Profiles'!$G$18=$B$17,14,0)+IF('Standard Profiles'!$G$18=$B$24,21,0),MOD($C6897,24)+1)/SUM(INDEX($D$3:$AA$30,INDEX(Jesper!$R$2:$R$366,ROW(INDEX(Jesper!AH$2:AH$366,ROUNDDOWN($C6897/24,0)+1,1))-1)+IF('Standard Profiles'!$G$18=$B$10,7,0)+IF('Standard Profiles'!$G$18=$B$17,14,0)+IF('Standard Profiles'!$G$18=$B$24,21,0),0)),0)</f>
        <v>5.6618061751147675</v>
      </c>
      <c r="E6897" cm="1">
        <f t="array" ref="E6897">IFERROR(INDEX(Jesper!AI$2:AI$366,ROUNDDOWN($C6897/24,0)+1,1)*INDEX($D$3:$AA$30,INDEX(Jesper!$R$2:$R$366,ROW(INDEX(Jesper!AI$2:AI$366,ROUNDDOWN($C6897/24,0)+1,1))-1)+IF('Standard Profiles'!$G$19=$B$10,7,0)+IF('Standard Profiles'!$G$19=$B$17,14,0)+IF('Standard Profiles'!$G$19=$B$24,21,0),MOD($C6897,24)+1)/SUM(INDEX($D$3:$AA$30,INDEX(Jesper!$R$2:$R$366,ROW(INDEX(Jesper!AI$2:AI$366,ROUNDDOWN($C6897/24,0)+1,1))-1)+IF('Standard Profiles'!$G$19=$B$10,7,0)+IF('Standard Profiles'!$G$19=$B$17,14,0)+IF('Standard Profiles'!$G$19=$B$24,21,0),0)),0)</f>
        <v>1.0941224733607187</v>
      </c>
      <c r="F6897" cm="1">
        <f t="array" ref="F6897">IFERROR(INDEX(Jesper!AJ$2:AJ$366,ROUNDDOWN($C6897/24,0)+1,1)*INDEX($D$3:$AA$30,INDEX(Jesper!$R$2:$R$366,ROW(INDEX(Jesper!AJ$2:AJ$366,ROUNDDOWN($C6897/24,0)+1,1))-1)+IF('Standard Profiles'!$G$20=$B$10,7,0)+IF('Standard Profiles'!$G$20=$B$17,14,0)+IF('Standard Profiles'!$G$20=$B$24,21,0),MOD($C6897,24)+1)/SUM(INDEX($D$3:$AA$30,INDEX(Jesper!$R$2:$R$366,ROW(INDEX(Jesper!AJ$2:AJ$366,ROUNDDOWN($C6897/24,0)+1,1))-1)+IF('Standard Profiles'!$G$20=$B$10,7,0)+IF('Standard Profiles'!$G$20=$B$17,14,0)+IF('Standard Profiles'!$G$20=$B$24,21,0),0)),0)</f>
        <v>0</v>
      </c>
      <c r="G6897" cm="1">
        <f t="array" ref="G6897">IFERROR(INDEX(Jesper!AK$2:AK$366,ROUNDDOWN($C6897/24,0)+1,1)*INDEX($D$3:$AA$30,INDEX(Jesper!$R$2:$R$366,ROW(INDEX(Jesper!AK$2:AK$366,ROUNDDOWN($C6897/24,0)+1,1))-1)+IF('Standard Profiles'!$G$21=$B$10,7,0)+IF('Standard Profiles'!$G$21=$B$17,14,0)+IF('Standard Profiles'!$G$21=$B$24,21,0),MOD($C6897,24)+1)/SUM(INDEX($D$3:$AA$30,INDEX(Jesper!$R$2:$R$366,ROW(INDEX(Jesper!AK$2:AK$366,ROUNDDOWN($C6897/24,0)+1,1))-1)+IF('Standard Profiles'!$G$21=$B$10,7,0)+IF('Standard Profiles'!$G$21=$B$17,14,0)+IF('Standard Profiles'!$G$21=$B$24,21,0),0)),0)</f>
        <v>0</v>
      </c>
      <c r="H6897" cm="1">
        <f t="array" ref="H6897">IFERROR(INDEX(Jesper!AL$2:AL$366,ROUNDDOWN($C6897/24,0)+1,1)*INDEX($D$3:$AA$30,INDEX(Jesper!$R$2:$R$366,ROW(INDEX(Jesper!AL$2:AL$366,ROUNDDOWN($C6897/24,0)+1,1))-1)+IF('Standard Profiles'!$G$22=$B$10,7,0)+IF('Standard Profiles'!$G$22=$B$17,14,0)+IF('Standard Profiles'!$G$22=$B$24,21,0),MOD($C6897,24)+1)/SUM(INDEX($D$3:$AA$30,INDEX(Jesper!$R$2:$R$366,ROW(INDEX(Jesper!AL$2:AL$366,ROUNDDOWN($C6897/24,0)+1,1))-1)+IF('Standard Profiles'!$G$22=$B$10,7,0)+IF('Standard Profiles'!$G$22=$B$17,14,0)+IF('Standard Profiles'!$G$22=$B$24,21,0),0)),0)</f>
        <v>0</v>
      </c>
      <c r="I6897">
        <f t="shared" si="769"/>
        <v>9.8569592194659369E-2</v>
      </c>
      <c r="J6897">
        <f t="shared" si="770"/>
        <v>0.32856530731553124</v>
      </c>
      <c r="K6897">
        <f t="shared" si="771"/>
        <v>0.49284796097329686</v>
      </c>
      <c r="L6897">
        <f t="shared" si="772"/>
        <v>5.8359457879919985</v>
      </c>
      <c r="M6897">
        <f t="shared" si="773"/>
        <v>0</v>
      </c>
      <c r="N6897" s="46">
        <f t="shared" si="774"/>
        <v>45577.958333316688</v>
      </c>
    </row>
    <row r="6898" spans="2:14" x14ac:dyDescent="0.3">
      <c r="B6898">
        <f t="shared" si="768"/>
        <v>7</v>
      </c>
      <c r="C6898" s="16">
        <v>6864</v>
      </c>
      <c r="D6898" cm="1">
        <f t="array" ref="D6898">IFERROR(INDEX(Jesper!AH$2:AH$366,ROUNDDOWN($C6898/24,0)+1,1)*INDEX($D$3:$AA$30,INDEX(Jesper!$R$2:$R$366,ROW(INDEX(Jesper!AH$2:AH$366,ROUNDDOWN($C6898/24,0)+1,1))-1)+IF('Standard Profiles'!$G$18=$B$10,7,0)+IF('Standard Profiles'!$G$18=$B$17,14,0)+IF('Standard Profiles'!$G$18=$B$24,21,0),MOD($C6898,24)+1)/SUM(INDEX($D$3:$AA$30,INDEX(Jesper!$R$2:$R$366,ROW(INDEX(Jesper!AH$2:AH$366,ROUNDDOWN($C6898/24,0)+1,1))-1)+IF('Standard Profiles'!$G$18=$B$10,7,0)+IF('Standard Profiles'!$G$18=$B$17,14,0)+IF('Standard Profiles'!$G$18=$B$24,21,0),0)),0)</f>
        <v>6.5459628787565638</v>
      </c>
      <c r="E6898" cm="1">
        <f t="array" ref="E6898">IFERROR(INDEX(Jesper!AI$2:AI$366,ROUNDDOWN($C6898/24,0)+1,1)*INDEX($D$3:$AA$30,INDEX(Jesper!$R$2:$R$366,ROW(INDEX(Jesper!AI$2:AI$366,ROUNDDOWN($C6898/24,0)+1,1))-1)+IF('Standard Profiles'!$G$19=$B$10,7,0)+IF('Standard Profiles'!$G$19=$B$17,14,0)+IF('Standard Profiles'!$G$19=$B$24,21,0),MOD($C6898,24)+1)/SUM(INDEX($D$3:$AA$30,INDEX(Jesper!$R$2:$R$366,ROW(INDEX(Jesper!AI$2:AI$366,ROUNDDOWN($C6898/24,0)+1,1))-1)+IF('Standard Profiles'!$G$19=$B$10,7,0)+IF('Standard Profiles'!$G$19=$B$17,14,0)+IF('Standard Profiles'!$G$19=$B$24,21,0),0)),0)</f>
        <v>1.3028585868637219</v>
      </c>
      <c r="F6898" cm="1">
        <f t="array" ref="F6898">IFERROR(INDEX(Jesper!AJ$2:AJ$366,ROUNDDOWN($C6898/24,0)+1,1)*INDEX($D$3:$AA$30,INDEX(Jesper!$R$2:$R$366,ROW(INDEX(Jesper!AJ$2:AJ$366,ROUNDDOWN($C6898/24,0)+1,1))-1)+IF('Standard Profiles'!$G$20=$B$10,7,0)+IF('Standard Profiles'!$G$20=$B$17,14,0)+IF('Standard Profiles'!$G$20=$B$24,21,0),MOD($C6898,24)+1)/SUM(INDEX($D$3:$AA$30,INDEX(Jesper!$R$2:$R$366,ROW(INDEX(Jesper!AJ$2:AJ$366,ROUNDDOWN($C6898/24,0)+1,1))-1)+IF('Standard Profiles'!$G$20=$B$10,7,0)+IF('Standard Profiles'!$G$20=$B$17,14,0)+IF('Standard Profiles'!$G$20=$B$24,21,0),0)),0)</f>
        <v>0</v>
      </c>
      <c r="G6898" cm="1">
        <f t="array" ref="G6898">IFERROR(INDEX(Jesper!AK$2:AK$366,ROUNDDOWN($C6898/24,0)+1,1)*INDEX($D$3:$AA$30,INDEX(Jesper!$R$2:$R$366,ROW(INDEX(Jesper!AK$2:AK$366,ROUNDDOWN($C6898/24,0)+1,1))-1)+IF('Standard Profiles'!$G$21=$B$10,7,0)+IF('Standard Profiles'!$G$21=$B$17,14,0)+IF('Standard Profiles'!$G$21=$B$24,21,0),MOD($C6898,24)+1)/SUM(INDEX($D$3:$AA$30,INDEX(Jesper!$R$2:$R$366,ROW(INDEX(Jesper!AK$2:AK$366,ROUNDDOWN($C6898/24,0)+1,1))-1)+IF('Standard Profiles'!$G$21=$B$10,7,0)+IF('Standard Profiles'!$G$21=$B$17,14,0)+IF('Standard Profiles'!$G$21=$B$24,21,0),0)),0)</f>
        <v>0</v>
      </c>
      <c r="H6898" cm="1">
        <f t="array" ref="H6898">IFERROR(INDEX(Jesper!AL$2:AL$366,ROUNDDOWN($C6898/24,0)+1,1)*INDEX($D$3:$AA$30,INDEX(Jesper!$R$2:$R$366,ROW(INDEX(Jesper!AL$2:AL$366,ROUNDDOWN($C6898/24,0)+1,1))-1)+IF('Standard Profiles'!$G$22=$B$10,7,0)+IF('Standard Profiles'!$G$22=$B$17,14,0)+IF('Standard Profiles'!$G$22=$B$24,21,0),MOD($C6898,24)+1)/SUM(INDEX($D$3:$AA$30,INDEX(Jesper!$R$2:$R$366,ROW(INDEX(Jesper!AL$2:AL$366,ROUNDDOWN($C6898/24,0)+1,1))-1)+IF('Standard Profiles'!$G$22=$B$10,7,0)+IF('Standard Profiles'!$G$22=$B$17,14,0)+IF('Standard Profiles'!$G$22=$B$24,21,0),0)),0)</f>
        <v>0</v>
      </c>
      <c r="I6898">
        <f t="shared" si="769"/>
        <v>0.1173746474652002</v>
      </c>
      <c r="J6898">
        <f t="shared" si="770"/>
        <v>0.3912488248840007</v>
      </c>
      <c r="K6898">
        <f t="shared" si="771"/>
        <v>0.58687323732600105</v>
      </c>
      <c r="L6898">
        <f t="shared" si="772"/>
        <v>6.7533247559450835</v>
      </c>
      <c r="M6898">
        <f t="shared" si="773"/>
        <v>0</v>
      </c>
      <c r="N6898" s="46">
        <f t="shared" si="774"/>
        <v>45577.999999983353</v>
      </c>
    </row>
    <row r="6899" spans="2:14" x14ac:dyDescent="0.3">
      <c r="B6899">
        <f t="shared" si="768"/>
        <v>7</v>
      </c>
      <c r="C6899" s="16">
        <v>6865</v>
      </c>
      <c r="D6899" cm="1">
        <f t="array" ref="D6899">IFERROR(INDEX(Jesper!AH$2:AH$366,ROUNDDOWN($C6899/24,0)+1,1)*INDEX($D$3:$AA$30,INDEX(Jesper!$R$2:$R$366,ROW(INDEX(Jesper!AH$2:AH$366,ROUNDDOWN($C6899/24,0)+1,1))-1)+IF('Standard Profiles'!$G$18=$B$10,7,0)+IF('Standard Profiles'!$G$18=$B$17,14,0)+IF('Standard Profiles'!$G$18=$B$24,21,0),MOD($C6899,24)+1)/SUM(INDEX($D$3:$AA$30,INDEX(Jesper!$R$2:$R$366,ROW(INDEX(Jesper!AH$2:AH$366,ROUNDDOWN($C6899/24,0)+1,1))-1)+IF('Standard Profiles'!$G$18=$B$10,7,0)+IF('Standard Profiles'!$G$18=$B$17,14,0)+IF('Standard Profiles'!$G$18=$B$24,21,0),0)),0)</f>
        <v>7.6017633430721396</v>
      </c>
      <c r="E6899" cm="1">
        <f t="array" ref="E6899">IFERROR(INDEX(Jesper!AI$2:AI$366,ROUNDDOWN($C6899/24,0)+1,1)*INDEX($D$3:$AA$30,INDEX(Jesper!$R$2:$R$366,ROW(INDEX(Jesper!AI$2:AI$366,ROUNDDOWN($C6899/24,0)+1,1))-1)+IF('Standard Profiles'!$G$19=$B$10,7,0)+IF('Standard Profiles'!$G$19=$B$17,14,0)+IF('Standard Profiles'!$G$19=$B$24,21,0),MOD($C6899,24)+1)/SUM(INDEX($D$3:$AA$30,INDEX(Jesper!$R$2:$R$366,ROW(INDEX(Jesper!AI$2:AI$366,ROUNDDOWN($C6899/24,0)+1,1))-1)+IF('Standard Profiles'!$G$19=$B$10,7,0)+IF('Standard Profiles'!$G$19=$B$17,14,0)+IF('Standard Profiles'!$G$19=$B$24,21,0),0)),0)</f>
        <v>1.5129970686159351</v>
      </c>
      <c r="F6899" cm="1">
        <f t="array" ref="F6899">IFERROR(INDEX(Jesper!AJ$2:AJ$366,ROUNDDOWN($C6899/24,0)+1,1)*INDEX($D$3:$AA$30,INDEX(Jesper!$R$2:$R$366,ROW(INDEX(Jesper!AJ$2:AJ$366,ROUNDDOWN($C6899/24,0)+1,1))-1)+IF('Standard Profiles'!$G$20=$B$10,7,0)+IF('Standard Profiles'!$G$20=$B$17,14,0)+IF('Standard Profiles'!$G$20=$B$24,21,0),MOD($C6899,24)+1)/SUM(INDEX($D$3:$AA$30,INDEX(Jesper!$R$2:$R$366,ROW(INDEX(Jesper!AJ$2:AJ$366,ROUNDDOWN($C6899/24,0)+1,1))-1)+IF('Standard Profiles'!$G$20=$B$10,7,0)+IF('Standard Profiles'!$G$20=$B$17,14,0)+IF('Standard Profiles'!$G$20=$B$24,21,0),0)),0)</f>
        <v>0</v>
      </c>
      <c r="G6899" cm="1">
        <f t="array" ref="G6899">IFERROR(INDEX(Jesper!AK$2:AK$366,ROUNDDOWN($C6899/24,0)+1,1)*INDEX($D$3:$AA$30,INDEX(Jesper!$R$2:$R$366,ROW(INDEX(Jesper!AK$2:AK$366,ROUNDDOWN($C6899/24,0)+1,1))-1)+IF('Standard Profiles'!$G$21=$B$10,7,0)+IF('Standard Profiles'!$G$21=$B$17,14,0)+IF('Standard Profiles'!$G$21=$B$24,21,0),MOD($C6899,24)+1)/SUM(INDEX($D$3:$AA$30,INDEX(Jesper!$R$2:$R$366,ROW(INDEX(Jesper!AK$2:AK$366,ROUNDDOWN($C6899/24,0)+1,1))-1)+IF('Standard Profiles'!$G$21=$B$10,7,0)+IF('Standard Profiles'!$G$21=$B$17,14,0)+IF('Standard Profiles'!$G$21=$B$24,21,0),0)),0)</f>
        <v>0</v>
      </c>
      <c r="H6899" cm="1">
        <f t="array" ref="H6899">IFERROR(INDEX(Jesper!AL$2:AL$366,ROUNDDOWN($C6899/24,0)+1,1)*INDEX($D$3:$AA$30,INDEX(Jesper!$R$2:$R$366,ROW(INDEX(Jesper!AL$2:AL$366,ROUNDDOWN($C6899/24,0)+1,1))-1)+IF('Standard Profiles'!$G$22=$B$10,7,0)+IF('Standard Profiles'!$G$22=$B$17,14,0)+IF('Standard Profiles'!$G$22=$B$24,21,0),MOD($C6899,24)+1)/SUM(INDEX($D$3:$AA$30,INDEX(Jesper!$R$2:$R$366,ROW(INDEX(Jesper!AL$2:AL$366,ROUNDDOWN($C6899/24,0)+1,1))-1)+IF('Standard Profiles'!$G$22=$B$10,7,0)+IF('Standard Profiles'!$G$22=$B$17,14,0)+IF('Standard Profiles'!$G$22=$B$24,21,0),0)),0)</f>
        <v>0</v>
      </c>
      <c r="I6899">
        <f t="shared" si="769"/>
        <v>0.13630604221765186</v>
      </c>
      <c r="J6899">
        <f t="shared" si="770"/>
        <v>0.45435347405883952</v>
      </c>
      <c r="K6899">
        <f t="shared" si="771"/>
        <v>0.68153021108825929</v>
      </c>
      <c r="L6899">
        <f t="shared" si="772"/>
        <v>7.8425706843233245</v>
      </c>
      <c r="M6899">
        <f t="shared" si="773"/>
        <v>0</v>
      </c>
      <c r="N6899" s="46">
        <f t="shared" si="774"/>
        <v>45578.041666650017</v>
      </c>
    </row>
    <row r="6900" spans="2:14" x14ac:dyDescent="0.3">
      <c r="B6900">
        <f t="shared" si="768"/>
        <v>7</v>
      </c>
      <c r="C6900" s="16">
        <v>6866</v>
      </c>
      <c r="D6900" cm="1">
        <f t="array" ref="D6900">IFERROR(INDEX(Jesper!AH$2:AH$366,ROUNDDOWN($C6900/24,0)+1,1)*INDEX($D$3:$AA$30,INDEX(Jesper!$R$2:$R$366,ROW(INDEX(Jesper!AH$2:AH$366,ROUNDDOWN($C6900/24,0)+1,1))-1)+IF('Standard Profiles'!$G$18=$B$10,7,0)+IF('Standard Profiles'!$G$18=$B$17,14,0)+IF('Standard Profiles'!$G$18=$B$24,21,0),MOD($C6900,24)+1)/SUM(INDEX($D$3:$AA$30,INDEX(Jesper!$R$2:$R$366,ROW(INDEX(Jesper!AH$2:AH$366,ROUNDDOWN($C6900/24,0)+1,1))-1)+IF('Standard Profiles'!$G$18=$B$10,7,0)+IF('Standard Profiles'!$G$18=$B$17,14,0)+IF('Standard Profiles'!$G$18=$B$24,21,0),0)),0)</f>
        <v>7.6017633430721396</v>
      </c>
      <c r="E6900" cm="1">
        <f t="array" ref="E6900">IFERROR(INDEX(Jesper!AI$2:AI$366,ROUNDDOWN($C6900/24,0)+1,1)*INDEX($D$3:$AA$30,INDEX(Jesper!$R$2:$R$366,ROW(INDEX(Jesper!AI$2:AI$366,ROUNDDOWN($C6900/24,0)+1,1))-1)+IF('Standard Profiles'!$G$19=$B$10,7,0)+IF('Standard Profiles'!$G$19=$B$17,14,0)+IF('Standard Profiles'!$G$19=$B$24,21,0),MOD($C6900,24)+1)/SUM(INDEX($D$3:$AA$30,INDEX(Jesper!$R$2:$R$366,ROW(INDEX(Jesper!AI$2:AI$366,ROUNDDOWN($C6900/24,0)+1,1))-1)+IF('Standard Profiles'!$G$19=$B$10,7,0)+IF('Standard Profiles'!$G$19=$B$17,14,0)+IF('Standard Profiles'!$G$19=$B$24,21,0),0)),0)</f>
        <v>1.5129970686159351</v>
      </c>
      <c r="F6900" cm="1">
        <f t="array" ref="F6900">IFERROR(INDEX(Jesper!AJ$2:AJ$366,ROUNDDOWN($C6900/24,0)+1,1)*INDEX($D$3:$AA$30,INDEX(Jesper!$R$2:$R$366,ROW(INDEX(Jesper!AJ$2:AJ$366,ROUNDDOWN($C6900/24,0)+1,1))-1)+IF('Standard Profiles'!$G$20=$B$10,7,0)+IF('Standard Profiles'!$G$20=$B$17,14,0)+IF('Standard Profiles'!$G$20=$B$24,21,0),MOD($C6900,24)+1)/SUM(INDEX($D$3:$AA$30,INDEX(Jesper!$R$2:$R$366,ROW(INDEX(Jesper!AJ$2:AJ$366,ROUNDDOWN($C6900/24,0)+1,1))-1)+IF('Standard Profiles'!$G$20=$B$10,7,0)+IF('Standard Profiles'!$G$20=$B$17,14,0)+IF('Standard Profiles'!$G$20=$B$24,21,0),0)),0)</f>
        <v>0</v>
      </c>
      <c r="G6900" cm="1">
        <f t="array" ref="G6900">IFERROR(INDEX(Jesper!AK$2:AK$366,ROUNDDOWN($C6900/24,0)+1,1)*INDEX($D$3:$AA$30,INDEX(Jesper!$R$2:$R$366,ROW(INDEX(Jesper!AK$2:AK$366,ROUNDDOWN($C6900/24,0)+1,1))-1)+IF('Standard Profiles'!$G$21=$B$10,7,0)+IF('Standard Profiles'!$G$21=$B$17,14,0)+IF('Standard Profiles'!$G$21=$B$24,21,0),MOD($C6900,24)+1)/SUM(INDEX($D$3:$AA$30,INDEX(Jesper!$R$2:$R$366,ROW(INDEX(Jesper!AK$2:AK$366,ROUNDDOWN($C6900/24,0)+1,1))-1)+IF('Standard Profiles'!$G$21=$B$10,7,0)+IF('Standard Profiles'!$G$21=$B$17,14,0)+IF('Standard Profiles'!$G$21=$B$24,21,0),0)),0)</f>
        <v>0</v>
      </c>
      <c r="H6900" cm="1">
        <f t="array" ref="H6900">IFERROR(INDEX(Jesper!AL$2:AL$366,ROUNDDOWN($C6900/24,0)+1,1)*INDEX($D$3:$AA$30,INDEX(Jesper!$R$2:$R$366,ROW(INDEX(Jesper!AL$2:AL$366,ROUNDDOWN($C6900/24,0)+1,1))-1)+IF('Standard Profiles'!$G$22=$B$10,7,0)+IF('Standard Profiles'!$G$22=$B$17,14,0)+IF('Standard Profiles'!$G$22=$B$24,21,0),MOD($C6900,24)+1)/SUM(INDEX($D$3:$AA$30,INDEX(Jesper!$R$2:$R$366,ROW(INDEX(Jesper!AL$2:AL$366,ROUNDDOWN($C6900/24,0)+1,1))-1)+IF('Standard Profiles'!$G$22=$B$10,7,0)+IF('Standard Profiles'!$G$22=$B$17,14,0)+IF('Standard Profiles'!$G$22=$B$24,21,0),0)),0)</f>
        <v>0</v>
      </c>
      <c r="I6900">
        <f t="shared" si="769"/>
        <v>0.13630604221765186</v>
      </c>
      <c r="J6900">
        <f t="shared" si="770"/>
        <v>0.45435347405883952</v>
      </c>
      <c r="K6900">
        <f t="shared" si="771"/>
        <v>0.68153021108825929</v>
      </c>
      <c r="L6900">
        <f t="shared" si="772"/>
        <v>7.8425706843233245</v>
      </c>
      <c r="M6900">
        <f t="shared" si="773"/>
        <v>0</v>
      </c>
      <c r="N6900" s="46">
        <f t="shared" si="774"/>
        <v>45578.083333316681</v>
      </c>
    </row>
    <row r="6901" spans="2:14" x14ac:dyDescent="0.3">
      <c r="B6901">
        <f t="shared" si="768"/>
        <v>7</v>
      </c>
      <c r="C6901" s="16">
        <v>6867</v>
      </c>
      <c r="D6901" cm="1">
        <f t="array" ref="D6901">IFERROR(INDEX(Jesper!AH$2:AH$366,ROUNDDOWN($C6901/24,0)+1,1)*INDEX($D$3:$AA$30,INDEX(Jesper!$R$2:$R$366,ROW(INDEX(Jesper!AH$2:AH$366,ROUNDDOWN($C6901/24,0)+1,1))-1)+IF('Standard Profiles'!$G$18=$B$10,7,0)+IF('Standard Profiles'!$G$18=$B$17,14,0)+IF('Standard Profiles'!$G$18=$B$24,21,0),MOD($C6901,24)+1)/SUM(INDEX($D$3:$AA$30,INDEX(Jesper!$R$2:$R$366,ROW(INDEX(Jesper!AH$2:AH$366,ROUNDDOWN($C6901/24,0)+1,1))-1)+IF('Standard Profiles'!$G$18=$B$10,7,0)+IF('Standard Profiles'!$G$18=$B$17,14,0)+IF('Standard Profiles'!$G$18=$B$24,21,0),0)),0)</f>
        <v>7.6017633430721396</v>
      </c>
      <c r="E6901" cm="1">
        <f t="array" ref="E6901">IFERROR(INDEX(Jesper!AI$2:AI$366,ROUNDDOWN($C6901/24,0)+1,1)*INDEX($D$3:$AA$30,INDEX(Jesper!$R$2:$R$366,ROW(INDEX(Jesper!AI$2:AI$366,ROUNDDOWN($C6901/24,0)+1,1))-1)+IF('Standard Profiles'!$G$19=$B$10,7,0)+IF('Standard Profiles'!$G$19=$B$17,14,0)+IF('Standard Profiles'!$G$19=$B$24,21,0),MOD($C6901,24)+1)/SUM(INDEX($D$3:$AA$30,INDEX(Jesper!$R$2:$R$366,ROW(INDEX(Jesper!AI$2:AI$366,ROUNDDOWN($C6901/24,0)+1,1))-1)+IF('Standard Profiles'!$G$19=$B$10,7,0)+IF('Standard Profiles'!$G$19=$B$17,14,0)+IF('Standard Profiles'!$G$19=$B$24,21,0),0)),0)</f>
        <v>1.5129970686159351</v>
      </c>
      <c r="F6901" cm="1">
        <f t="array" ref="F6901">IFERROR(INDEX(Jesper!AJ$2:AJ$366,ROUNDDOWN($C6901/24,0)+1,1)*INDEX($D$3:$AA$30,INDEX(Jesper!$R$2:$R$366,ROW(INDEX(Jesper!AJ$2:AJ$366,ROUNDDOWN($C6901/24,0)+1,1))-1)+IF('Standard Profiles'!$G$20=$B$10,7,0)+IF('Standard Profiles'!$G$20=$B$17,14,0)+IF('Standard Profiles'!$G$20=$B$24,21,0),MOD($C6901,24)+1)/SUM(INDEX($D$3:$AA$30,INDEX(Jesper!$R$2:$R$366,ROW(INDEX(Jesper!AJ$2:AJ$366,ROUNDDOWN($C6901/24,0)+1,1))-1)+IF('Standard Profiles'!$G$20=$B$10,7,0)+IF('Standard Profiles'!$G$20=$B$17,14,0)+IF('Standard Profiles'!$G$20=$B$24,21,0),0)),0)</f>
        <v>0</v>
      </c>
      <c r="G6901" cm="1">
        <f t="array" ref="G6901">IFERROR(INDEX(Jesper!AK$2:AK$366,ROUNDDOWN($C6901/24,0)+1,1)*INDEX($D$3:$AA$30,INDEX(Jesper!$R$2:$R$366,ROW(INDEX(Jesper!AK$2:AK$366,ROUNDDOWN($C6901/24,0)+1,1))-1)+IF('Standard Profiles'!$G$21=$B$10,7,0)+IF('Standard Profiles'!$G$21=$B$17,14,0)+IF('Standard Profiles'!$G$21=$B$24,21,0),MOD($C6901,24)+1)/SUM(INDEX($D$3:$AA$30,INDEX(Jesper!$R$2:$R$366,ROW(INDEX(Jesper!AK$2:AK$366,ROUNDDOWN($C6901/24,0)+1,1))-1)+IF('Standard Profiles'!$G$21=$B$10,7,0)+IF('Standard Profiles'!$G$21=$B$17,14,0)+IF('Standard Profiles'!$G$21=$B$24,21,0),0)),0)</f>
        <v>0</v>
      </c>
      <c r="H6901" cm="1">
        <f t="array" ref="H6901">IFERROR(INDEX(Jesper!AL$2:AL$366,ROUNDDOWN($C6901/24,0)+1,1)*INDEX($D$3:$AA$30,INDEX(Jesper!$R$2:$R$366,ROW(INDEX(Jesper!AL$2:AL$366,ROUNDDOWN($C6901/24,0)+1,1))-1)+IF('Standard Profiles'!$G$22=$B$10,7,0)+IF('Standard Profiles'!$G$22=$B$17,14,0)+IF('Standard Profiles'!$G$22=$B$24,21,0),MOD($C6901,24)+1)/SUM(INDEX($D$3:$AA$30,INDEX(Jesper!$R$2:$R$366,ROW(INDEX(Jesper!AL$2:AL$366,ROUNDDOWN($C6901/24,0)+1,1))-1)+IF('Standard Profiles'!$G$22=$B$10,7,0)+IF('Standard Profiles'!$G$22=$B$17,14,0)+IF('Standard Profiles'!$G$22=$B$24,21,0),0)),0)</f>
        <v>0</v>
      </c>
      <c r="I6901">
        <f t="shared" si="769"/>
        <v>0.13630604221765186</v>
      </c>
      <c r="J6901">
        <f t="shared" si="770"/>
        <v>0.45435347405883952</v>
      </c>
      <c r="K6901">
        <f t="shared" si="771"/>
        <v>0.68153021108825929</v>
      </c>
      <c r="L6901">
        <f t="shared" si="772"/>
        <v>7.8425706843233245</v>
      </c>
      <c r="M6901">
        <f t="shared" si="773"/>
        <v>0</v>
      </c>
      <c r="N6901" s="46">
        <f t="shared" si="774"/>
        <v>45578.124999983345</v>
      </c>
    </row>
    <row r="6902" spans="2:14" x14ac:dyDescent="0.3">
      <c r="B6902">
        <f t="shared" si="768"/>
        <v>7</v>
      </c>
      <c r="C6902" s="16">
        <v>6868</v>
      </c>
      <c r="D6902" cm="1">
        <f t="array" ref="D6902">IFERROR(INDEX(Jesper!AH$2:AH$366,ROUNDDOWN($C6902/24,0)+1,1)*INDEX($D$3:$AA$30,INDEX(Jesper!$R$2:$R$366,ROW(INDEX(Jesper!AH$2:AH$366,ROUNDDOWN($C6902/24,0)+1,1))-1)+IF('Standard Profiles'!$G$18=$B$10,7,0)+IF('Standard Profiles'!$G$18=$B$17,14,0)+IF('Standard Profiles'!$G$18=$B$24,21,0),MOD($C6902,24)+1)/SUM(INDEX($D$3:$AA$30,INDEX(Jesper!$R$2:$R$366,ROW(INDEX(Jesper!AH$2:AH$366,ROUNDDOWN($C6902/24,0)+1,1))-1)+IF('Standard Profiles'!$G$18=$B$10,7,0)+IF('Standard Profiles'!$G$18=$B$17,14,0)+IF('Standard Profiles'!$G$18=$B$24,21,0),0)),0)</f>
        <v>7.6017633430721396</v>
      </c>
      <c r="E6902" cm="1">
        <f t="array" ref="E6902">IFERROR(INDEX(Jesper!AI$2:AI$366,ROUNDDOWN($C6902/24,0)+1,1)*INDEX($D$3:$AA$30,INDEX(Jesper!$R$2:$R$366,ROW(INDEX(Jesper!AI$2:AI$366,ROUNDDOWN($C6902/24,0)+1,1))-1)+IF('Standard Profiles'!$G$19=$B$10,7,0)+IF('Standard Profiles'!$G$19=$B$17,14,0)+IF('Standard Profiles'!$G$19=$B$24,21,0),MOD($C6902,24)+1)/SUM(INDEX($D$3:$AA$30,INDEX(Jesper!$R$2:$R$366,ROW(INDEX(Jesper!AI$2:AI$366,ROUNDDOWN($C6902/24,0)+1,1))-1)+IF('Standard Profiles'!$G$19=$B$10,7,0)+IF('Standard Profiles'!$G$19=$B$17,14,0)+IF('Standard Profiles'!$G$19=$B$24,21,0),0)),0)</f>
        <v>1.5129970686159351</v>
      </c>
      <c r="F6902" cm="1">
        <f t="array" ref="F6902">IFERROR(INDEX(Jesper!AJ$2:AJ$366,ROUNDDOWN($C6902/24,0)+1,1)*INDEX($D$3:$AA$30,INDEX(Jesper!$R$2:$R$366,ROW(INDEX(Jesper!AJ$2:AJ$366,ROUNDDOWN($C6902/24,0)+1,1))-1)+IF('Standard Profiles'!$G$20=$B$10,7,0)+IF('Standard Profiles'!$G$20=$B$17,14,0)+IF('Standard Profiles'!$G$20=$B$24,21,0),MOD($C6902,24)+1)/SUM(INDEX($D$3:$AA$30,INDEX(Jesper!$R$2:$R$366,ROW(INDEX(Jesper!AJ$2:AJ$366,ROUNDDOWN($C6902/24,0)+1,1))-1)+IF('Standard Profiles'!$G$20=$B$10,7,0)+IF('Standard Profiles'!$G$20=$B$17,14,0)+IF('Standard Profiles'!$G$20=$B$24,21,0),0)),0)</f>
        <v>0</v>
      </c>
      <c r="G6902" cm="1">
        <f t="array" ref="G6902">IFERROR(INDEX(Jesper!AK$2:AK$366,ROUNDDOWN($C6902/24,0)+1,1)*INDEX($D$3:$AA$30,INDEX(Jesper!$R$2:$R$366,ROW(INDEX(Jesper!AK$2:AK$366,ROUNDDOWN($C6902/24,0)+1,1))-1)+IF('Standard Profiles'!$G$21=$B$10,7,0)+IF('Standard Profiles'!$G$21=$B$17,14,0)+IF('Standard Profiles'!$G$21=$B$24,21,0),MOD($C6902,24)+1)/SUM(INDEX($D$3:$AA$30,INDEX(Jesper!$R$2:$R$366,ROW(INDEX(Jesper!AK$2:AK$366,ROUNDDOWN($C6902/24,0)+1,1))-1)+IF('Standard Profiles'!$G$21=$B$10,7,0)+IF('Standard Profiles'!$G$21=$B$17,14,0)+IF('Standard Profiles'!$G$21=$B$24,21,0),0)),0)</f>
        <v>0</v>
      </c>
      <c r="H6902" cm="1">
        <f t="array" ref="H6902">IFERROR(INDEX(Jesper!AL$2:AL$366,ROUNDDOWN($C6902/24,0)+1,1)*INDEX($D$3:$AA$30,INDEX(Jesper!$R$2:$R$366,ROW(INDEX(Jesper!AL$2:AL$366,ROUNDDOWN($C6902/24,0)+1,1))-1)+IF('Standard Profiles'!$G$22=$B$10,7,0)+IF('Standard Profiles'!$G$22=$B$17,14,0)+IF('Standard Profiles'!$G$22=$B$24,21,0),MOD($C6902,24)+1)/SUM(INDEX($D$3:$AA$30,INDEX(Jesper!$R$2:$R$366,ROW(INDEX(Jesper!AL$2:AL$366,ROUNDDOWN($C6902/24,0)+1,1))-1)+IF('Standard Profiles'!$G$22=$B$10,7,0)+IF('Standard Profiles'!$G$22=$B$17,14,0)+IF('Standard Profiles'!$G$22=$B$24,21,0),0)),0)</f>
        <v>0</v>
      </c>
      <c r="I6902">
        <f t="shared" si="769"/>
        <v>0.13630604221765186</v>
      </c>
      <c r="J6902">
        <f t="shared" si="770"/>
        <v>0.45435347405883952</v>
      </c>
      <c r="K6902">
        <f t="shared" si="771"/>
        <v>0.68153021108825929</v>
      </c>
      <c r="L6902">
        <f t="shared" si="772"/>
        <v>7.8425706843233245</v>
      </c>
      <c r="M6902">
        <f t="shared" si="773"/>
        <v>0</v>
      </c>
      <c r="N6902" s="46">
        <f t="shared" si="774"/>
        <v>45578.16666665001</v>
      </c>
    </row>
    <row r="6903" spans="2:14" x14ac:dyDescent="0.3">
      <c r="B6903">
        <f t="shared" si="768"/>
        <v>7</v>
      </c>
      <c r="C6903" s="16">
        <v>6869</v>
      </c>
      <c r="D6903" cm="1">
        <f t="array" ref="D6903">IFERROR(INDEX(Jesper!AH$2:AH$366,ROUNDDOWN($C6903/24,0)+1,1)*INDEX($D$3:$AA$30,INDEX(Jesper!$R$2:$R$366,ROW(INDEX(Jesper!AH$2:AH$366,ROUNDDOWN($C6903/24,0)+1,1))-1)+IF('Standard Profiles'!$G$18=$B$10,7,0)+IF('Standard Profiles'!$G$18=$B$17,14,0)+IF('Standard Profiles'!$G$18=$B$24,21,0),MOD($C6903,24)+1)/SUM(INDEX($D$3:$AA$30,INDEX(Jesper!$R$2:$R$366,ROW(INDEX(Jesper!AH$2:AH$366,ROUNDDOWN($C6903/24,0)+1,1))-1)+IF('Standard Profiles'!$G$18=$B$10,7,0)+IF('Standard Profiles'!$G$18=$B$17,14,0)+IF('Standard Profiles'!$G$18=$B$24,21,0),0)),0)</f>
        <v>9.5022041788401737</v>
      </c>
      <c r="E6903" cm="1">
        <f t="array" ref="E6903">IFERROR(INDEX(Jesper!AI$2:AI$366,ROUNDDOWN($C6903/24,0)+1,1)*INDEX($D$3:$AA$30,INDEX(Jesper!$R$2:$R$366,ROW(INDEX(Jesper!AI$2:AI$366,ROUNDDOWN($C6903/24,0)+1,1))-1)+IF('Standard Profiles'!$G$19=$B$10,7,0)+IF('Standard Profiles'!$G$19=$B$17,14,0)+IF('Standard Profiles'!$G$19=$B$24,21,0),MOD($C6903,24)+1)/SUM(INDEX($D$3:$AA$30,INDEX(Jesper!$R$2:$R$366,ROW(INDEX(Jesper!AI$2:AI$366,ROUNDDOWN($C6903/24,0)+1,1))-1)+IF('Standard Profiles'!$G$19=$B$10,7,0)+IF('Standard Profiles'!$G$19=$B$17,14,0)+IF('Standard Profiles'!$G$19=$B$24,21,0),0)),0)</f>
        <v>1.8912463357699187</v>
      </c>
      <c r="F6903" cm="1">
        <f t="array" ref="F6903">IFERROR(INDEX(Jesper!AJ$2:AJ$366,ROUNDDOWN($C6903/24,0)+1,1)*INDEX($D$3:$AA$30,INDEX(Jesper!$R$2:$R$366,ROW(INDEX(Jesper!AJ$2:AJ$366,ROUNDDOWN($C6903/24,0)+1,1))-1)+IF('Standard Profiles'!$G$20=$B$10,7,0)+IF('Standard Profiles'!$G$20=$B$17,14,0)+IF('Standard Profiles'!$G$20=$B$24,21,0),MOD($C6903,24)+1)/SUM(INDEX($D$3:$AA$30,INDEX(Jesper!$R$2:$R$366,ROW(INDEX(Jesper!AJ$2:AJ$366,ROUNDDOWN($C6903/24,0)+1,1))-1)+IF('Standard Profiles'!$G$20=$B$10,7,0)+IF('Standard Profiles'!$G$20=$B$17,14,0)+IF('Standard Profiles'!$G$20=$B$24,21,0),0)),0)</f>
        <v>0</v>
      </c>
      <c r="G6903" cm="1">
        <f t="array" ref="G6903">IFERROR(INDEX(Jesper!AK$2:AK$366,ROUNDDOWN($C6903/24,0)+1,1)*INDEX($D$3:$AA$30,INDEX(Jesper!$R$2:$R$366,ROW(INDEX(Jesper!AK$2:AK$366,ROUNDDOWN($C6903/24,0)+1,1))-1)+IF('Standard Profiles'!$G$21=$B$10,7,0)+IF('Standard Profiles'!$G$21=$B$17,14,0)+IF('Standard Profiles'!$G$21=$B$24,21,0),MOD($C6903,24)+1)/SUM(INDEX($D$3:$AA$30,INDEX(Jesper!$R$2:$R$366,ROW(INDEX(Jesper!AK$2:AK$366,ROUNDDOWN($C6903/24,0)+1,1))-1)+IF('Standard Profiles'!$G$21=$B$10,7,0)+IF('Standard Profiles'!$G$21=$B$17,14,0)+IF('Standard Profiles'!$G$21=$B$24,21,0),0)),0)</f>
        <v>0</v>
      </c>
      <c r="H6903" cm="1">
        <f t="array" ref="H6903">IFERROR(INDEX(Jesper!AL$2:AL$366,ROUNDDOWN($C6903/24,0)+1,1)*INDEX($D$3:$AA$30,INDEX(Jesper!$R$2:$R$366,ROW(INDEX(Jesper!AL$2:AL$366,ROUNDDOWN($C6903/24,0)+1,1))-1)+IF('Standard Profiles'!$G$22=$B$10,7,0)+IF('Standard Profiles'!$G$22=$B$17,14,0)+IF('Standard Profiles'!$G$22=$B$24,21,0),MOD($C6903,24)+1)/SUM(INDEX($D$3:$AA$30,INDEX(Jesper!$R$2:$R$366,ROW(INDEX(Jesper!AL$2:AL$366,ROUNDDOWN($C6903/24,0)+1,1))-1)+IF('Standard Profiles'!$G$22=$B$10,7,0)+IF('Standard Profiles'!$G$22=$B$17,14,0)+IF('Standard Profiles'!$G$22=$B$24,21,0),0)),0)</f>
        <v>0</v>
      </c>
      <c r="I6903">
        <f t="shared" si="769"/>
        <v>0.17038255277206479</v>
      </c>
      <c r="J6903">
        <f t="shared" si="770"/>
        <v>0.5679418425735494</v>
      </c>
      <c r="K6903">
        <f t="shared" si="771"/>
        <v>0.85191276386032411</v>
      </c>
      <c r="L6903">
        <f t="shared" si="772"/>
        <v>9.8032133554041536</v>
      </c>
      <c r="M6903">
        <f t="shared" si="773"/>
        <v>0</v>
      </c>
      <c r="N6903" s="46">
        <f t="shared" si="774"/>
        <v>45578.208333316674</v>
      </c>
    </row>
    <row r="6904" spans="2:14" x14ac:dyDescent="0.3">
      <c r="B6904">
        <f t="shared" si="768"/>
        <v>7</v>
      </c>
      <c r="C6904" s="16">
        <v>6870</v>
      </c>
      <c r="D6904" cm="1">
        <f t="array" ref="D6904">IFERROR(INDEX(Jesper!AH$2:AH$366,ROUNDDOWN($C6904/24,0)+1,1)*INDEX($D$3:$AA$30,INDEX(Jesper!$R$2:$R$366,ROW(INDEX(Jesper!AH$2:AH$366,ROUNDDOWN($C6904/24,0)+1,1))-1)+IF('Standard Profiles'!$G$18=$B$10,7,0)+IF('Standard Profiles'!$G$18=$B$17,14,0)+IF('Standard Profiles'!$G$18=$B$24,21,0),MOD($C6904,24)+1)/SUM(INDEX($D$3:$AA$30,INDEX(Jesper!$R$2:$R$366,ROW(INDEX(Jesper!AH$2:AH$366,ROUNDDOWN($C6904/24,0)+1,1))-1)+IF('Standard Profiles'!$G$18=$B$10,7,0)+IF('Standard Profiles'!$G$18=$B$17,14,0)+IF('Standard Profiles'!$G$18=$B$24,21,0),0)),0)</f>
        <v>11.191484921745094</v>
      </c>
      <c r="E6904" cm="1">
        <f t="array" ref="E6904">IFERROR(INDEX(Jesper!AI$2:AI$366,ROUNDDOWN($C6904/24,0)+1,1)*INDEX($D$3:$AA$30,INDEX(Jesper!$R$2:$R$366,ROW(INDEX(Jesper!AI$2:AI$366,ROUNDDOWN($C6904/24,0)+1,1))-1)+IF('Standard Profiles'!$G$19=$B$10,7,0)+IF('Standard Profiles'!$G$19=$B$17,14,0)+IF('Standard Profiles'!$G$19=$B$24,21,0),MOD($C6904,24)+1)/SUM(INDEX($D$3:$AA$30,INDEX(Jesper!$R$2:$R$366,ROW(INDEX(Jesper!AI$2:AI$366,ROUNDDOWN($C6904/24,0)+1,1))-1)+IF('Standard Profiles'!$G$19=$B$10,7,0)+IF('Standard Profiles'!$G$19=$B$17,14,0)+IF('Standard Profiles'!$G$19=$B$24,21,0),0)),0)</f>
        <v>2.2274679065734602</v>
      </c>
      <c r="F6904" cm="1">
        <f t="array" ref="F6904">IFERROR(INDEX(Jesper!AJ$2:AJ$366,ROUNDDOWN($C6904/24,0)+1,1)*INDEX($D$3:$AA$30,INDEX(Jesper!$R$2:$R$366,ROW(INDEX(Jesper!AJ$2:AJ$366,ROUNDDOWN($C6904/24,0)+1,1))-1)+IF('Standard Profiles'!$G$20=$B$10,7,0)+IF('Standard Profiles'!$G$20=$B$17,14,0)+IF('Standard Profiles'!$G$20=$B$24,21,0),MOD($C6904,24)+1)/SUM(INDEX($D$3:$AA$30,INDEX(Jesper!$R$2:$R$366,ROW(INDEX(Jesper!AJ$2:AJ$366,ROUNDDOWN($C6904/24,0)+1,1))-1)+IF('Standard Profiles'!$G$20=$B$10,7,0)+IF('Standard Profiles'!$G$20=$B$17,14,0)+IF('Standard Profiles'!$G$20=$B$24,21,0),0)),0)</f>
        <v>0</v>
      </c>
      <c r="G6904" cm="1">
        <f t="array" ref="G6904">IFERROR(INDEX(Jesper!AK$2:AK$366,ROUNDDOWN($C6904/24,0)+1,1)*INDEX($D$3:$AA$30,INDEX(Jesper!$R$2:$R$366,ROW(INDEX(Jesper!AK$2:AK$366,ROUNDDOWN($C6904/24,0)+1,1))-1)+IF('Standard Profiles'!$G$21=$B$10,7,0)+IF('Standard Profiles'!$G$21=$B$17,14,0)+IF('Standard Profiles'!$G$21=$B$24,21,0),MOD($C6904,24)+1)/SUM(INDEX($D$3:$AA$30,INDEX(Jesper!$R$2:$R$366,ROW(INDEX(Jesper!AK$2:AK$366,ROUNDDOWN($C6904/24,0)+1,1))-1)+IF('Standard Profiles'!$G$21=$B$10,7,0)+IF('Standard Profiles'!$G$21=$B$17,14,0)+IF('Standard Profiles'!$G$21=$B$24,21,0),0)),0)</f>
        <v>0</v>
      </c>
      <c r="H6904" cm="1">
        <f t="array" ref="H6904">IFERROR(INDEX(Jesper!AL$2:AL$366,ROUNDDOWN($C6904/24,0)+1,1)*INDEX($D$3:$AA$30,INDEX(Jesper!$R$2:$R$366,ROW(INDEX(Jesper!AL$2:AL$366,ROUNDDOWN($C6904/24,0)+1,1))-1)+IF('Standard Profiles'!$G$22=$B$10,7,0)+IF('Standard Profiles'!$G$22=$B$17,14,0)+IF('Standard Profiles'!$G$22=$B$24,21,0),MOD($C6904,24)+1)/SUM(INDEX($D$3:$AA$30,INDEX(Jesper!$R$2:$R$366,ROW(INDEX(Jesper!AL$2:AL$366,ROUNDDOWN($C6904/24,0)+1,1))-1)+IF('Standard Profiles'!$G$22=$B$10,7,0)+IF('Standard Profiles'!$G$22=$B$17,14,0)+IF('Standard Profiles'!$G$22=$B$24,21,0),0)),0)</f>
        <v>0</v>
      </c>
      <c r="I6904">
        <f t="shared" si="769"/>
        <v>0.20067278437598746</v>
      </c>
      <c r="J6904">
        <f t="shared" si="770"/>
        <v>0.66890928125329163</v>
      </c>
      <c r="K6904">
        <f t="shared" si="771"/>
        <v>1.0033639218799375</v>
      </c>
      <c r="L6904">
        <f t="shared" si="772"/>
        <v>11.546006840809337</v>
      </c>
      <c r="M6904">
        <f t="shared" si="773"/>
        <v>0</v>
      </c>
      <c r="N6904" s="46">
        <f t="shared" si="774"/>
        <v>45578.249999983338</v>
      </c>
    </row>
    <row r="6905" spans="2:14" x14ac:dyDescent="0.3">
      <c r="B6905">
        <f t="shared" si="768"/>
        <v>7</v>
      </c>
      <c r="C6905" s="16">
        <v>6871</v>
      </c>
      <c r="D6905" cm="1">
        <f t="array" ref="D6905">IFERROR(INDEX(Jesper!AH$2:AH$366,ROUNDDOWN($C6905/24,0)+1,1)*INDEX($D$3:$AA$30,INDEX(Jesper!$R$2:$R$366,ROW(INDEX(Jesper!AH$2:AH$366,ROUNDDOWN($C6905/24,0)+1,1))-1)+IF('Standard Profiles'!$G$18=$B$10,7,0)+IF('Standard Profiles'!$G$18=$B$17,14,0)+IF('Standard Profiles'!$G$18=$B$24,21,0),MOD($C6905,24)+1)/SUM(INDEX($D$3:$AA$30,INDEX(Jesper!$R$2:$R$366,ROW(INDEX(Jesper!AH$2:AH$366,ROUNDDOWN($C6905/24,0)+1,1))-1)+IF('Standard Profiles'!$G$18=$B$10,7,0)+IF('Standard Profiles'!$G$18=$B$17,14,0)+IF('Standard Profiles'!$G$18=$B$24,21,0),0)),0)</f>
        <v>13.303085850376243</v>
      </c>
      <c r="E6905" cm="1">
        <f t="array" ref="E6905">IFERROR(INDEX(Jesper!AI$2:AI$366,ROUNDDOWN($C6905/24,0)+1,1)*INDEX($D$3:$AA$30,INDEX(Jesper!$R$2:$R$366,ROW(INDEX(Jesper!AI$2:AI$366,ROUNDDOWN($C6905/24,0)+1,1))-1)+IF('Standard Profiles'!$G$19=$B$10,7,0)+IF('Standard Profiles'!$G$19=$B$17,14,0)+IF('Standard Profiles'!$G$19=$B$24,21,0),MOD($C6905,24)+1)/SUM(INDEX($D$3:$AA$30,INDEX(Jesper!$R$2:$R$366,ROW(INDEX(Jesper!AI$2:AI$366,ROUNDDOWN($C6905/24,0)+1,1))-1)+IF('Standard Profiles'!$G$19=$B$10,7,0)+IF('Standard Profiles'!$G$19=$B$17,14,0)+IF('Standard Profiles'!$G$19=$B$24,21,0),0)),0)</f>
        <v>2.6477448700778865</v>
      </c>
      <c r="F6905" cm="1">
        <f t="array" ref="F6905">IFERROR(INDEX(Jesper!AJ$2:AJ$366,ROUNDDOWN($C6905/24,0)+1,1)*INDEX($D$3:$AA$30,INDEX(Jesper!$R$2:$R$366,ROW(INDEX(Jesper!AJ$2:AJ$366,ROUNDDOWN($C6905/24,0)+1,1))-1)+IF('Standard Profiles'!$G$20=$B$10,7,0)+IF('Standard Profiles'!$G$20=$B$17,14,0)+IF('Standard Profiles'!$G$20=$B$24,21,0),MOD($C6905,24)+1)/SUM(INDEX($D$3:$AA$30,INDEX(Jesper!$R$2:$R$366,ROW(INDEX(Jesper!AJ$2:AJ$366,ROUNDDOWN($C6905/24,0)+1,1))-1)+IF('Standard Profiles'!$G$20=$B$10,7,0)+IF('Standard Profiles'!$G$20=$B$17,14,0)+IF('Standard Profiles'!$G$20=$B$24,21,0),0)),0)</f>
        <v>0</v>
      </c>
      <c r="G6905" cm="1">
        <f t="array" ref="G6905">IFERROR(INDEX(Jesper!AK$2:AK$366,ROUNDDOWN($C6905/24,0)+1,1)*INDEX($D$3:$AA$30,INDEX(Jesper!$R$2:$R$366,ROW(INDEX(Jesper!AK$2:AK$366,ROUNDDOWN($C6905/24,0)+1,1))-1)+IF('Standard Profiles'!$G$21=$B$10,7,0)+IF('Standard Profiles'!$G$21=$B$17,14,0)+IF('Standard Profiles'!$G$21=$B$24,21,0),MOD($C6905,24)+1)/SUM(INDEX($D$3:$AA$30,INDEX(Jesper!$R$2:$R$366,ROW(INDEX(Jesper!AK$2:AK$366,ROUNDDOWN($C6905/24,0)+1,1))-1)+IF('Standard Profiles'!$G$21=$B$10,7,0)+IF('Standard Profiles'!$G$21=$B$17,14,0)+IF('Standard Profiles'!$G$21=$B$24,21,0),0)),0)</f>
        <v>0</v>
      </c>
      <c r="H6905" cm="1">
        <f t="array" ref="H6905">IFERROR(INDEX(Jesper!AL$2:AL$366,ROUNDDOWN($C6905/24,0)+1,1)*INDEX($D$3:$AA$30,INDEX(Jesper!$R$2:$R$366,ROW(INDEX(Jesper!AL$2:AL$366,ROUNDDOWN($C6905/24,0)+1,1))-1)+IF('Standard Profiles'!$G$22=$B$10,7,0)+IF('Standard Profiles'!$G$22=$B$17,14,0)+IF('Standard Profiles'!$G$22=$B$24,21,0),MOD($C6905,24)+1)/SUM(INDEX($D$3:$AA$30,INDEX(Jesper!$R$2:$R$366,ROW(INDEX(Jesper!AL$2:AL$366,ROUNDDOWN($C6905/24,0)+1,1))-1)+IF('Standard Profiles'!$G$22=$B$10,7,0)+IF('Standard Profiles'!$G$22=$B$17,14,0)+IF('Standard Profiles'!$G$22=$B$24,21,0),0)),0)</f>
        <v>0</v>
      </c>
      <c r="I6905">
        <f t="shared" si="769"/>
        <v>0.23853557388089075</v>
      </c>
      <c r="J6905">
        <f t="shared" si="770"/>
        <v>0.79511857960296928</v>
      </c>
      <c r="K6905">
        <f t="shared" si="771"/>
        <v>1.1926778694044537</v>
      </c>
      <c r="L6905">
        <f t="shared" si="772"/>
        <v>13.724498697565817</v>
      </c>
      <c r="M6905">
        <f t="shared" si="773"/>
        <v>0</v>
      </c>
      <c r="N6905" s="46">
        <f t="shared" si="774"/>
        <v>45578.291666650002</v>
      </c>
    </row>
    <row r="6906" spans="2:14" x14ac:dyDescent="0.3">
      <c r="B6906">
        <f t="shared" si="768"/>
        <v>7</v>
      </c>
      <c r="C6906" s="16">
        <v>6872</v>
      </c>
      <c r="D6906" cm="1">
        <f t="array" ref="D6906">IFERROR(INDEX(Jesper!AH$2:AH$366,ROUNDDOWN($C6906/24,0)+1,1)*INDEX($D$3:$AA$30,INDEX(Jesper!$R$2:$R$366,ROW(INDEX(Jesper!AH$2:AH$366,ROUNDDOWN($C6906/24,0)+1,1))-1)+IF('Standard Profiles'!$G$18=$B$10,7,0)+IF('Standard Profiles'!$G$18=$B$17,14,0)+IF('Standard Profiles'!$G$18=$B$24,21,0),MOD($C6906,24)+1)/SUM(INDEX($D$3:$AA$30,INDEX(Jesper!$R$2:$R$366,ROW(INDEX(Jesper!AH$2:AH$366,ROUNDDOWN($C6906/24,0)+1,1))-1)+IF('Standard Profiles'!$G$18=$B$10,7,0)+IF('Standard Profiles'!$G$18=$B$17,14,0)+IF('Standard Profiles'!$G$18=$B$24,21,0),0)),0)</f>
        <v>13.303085850376243</v>
      </c>
      <c r="E6906" cm="1">
        <f t="array" ref="E6906">IFERROR(INDEX(Jesper!AI$2:AI$366,ROUNDDOWN($C6906/24,0)+1,1)*INDEX($D$3:$AA$30,INDEX(Jesper!$R$2:$R$366,ROW(INDEX(Jesper!AI$2:AI$366,ROUNDDOWN($C6906/24,0)+1,1))-1)+IF('Standard Profiles'!$G$19=$B$10,7,0)+IF('Standard Profiles'!$G$19=$B$17,14,0)+IF('Standard Profiles'!$G$19=$B$24,21,0),MOD($C6906,24)+1)/SUM(INDEX($D$3:$AA$30,INDEX(Jesper!$R$2:$R$366,ROW(INDEX(Jesper!AI$2:AI$366,ROUNDDOWN($C6906/24,0)+1,1))-1)+IF('Standard Profiles'!$G$19=$B$10,7,0)+IF('Standard Profiles'!$G$19=$B$17,14,0)+IF('Standard Profiles'!$G$19=$B$24,21,0),0)),0)</f>
        <v>2.6477448700778865</v>
      </c>
      <c r="F6906" cm="1">
        <f t="array" ref="F6906">IFERROR(INDEX(Jesper!AJ$2:AJ$366,ROUNDDOWN($C6906/24,0)+1,1)*INDEX($D$3:$AA$30,INDEX(Jesper!$R$2:$R$366,ROW(INDEX(Jesper!AJ$2:AJ$366,ROUNDDOWN($C6906/24,0)+1,1))-1)+IF('Standard Profiles'!$G$20=$B$10,7,0)+IF('Standard Profiles'!$G$20=$B$17,14,0)+IF('Standard Profiles'!$G$20=$B$24,21,0),MOD($C6906,24)+1)/SUM(INDEX($D$3:$AA$30,INDEX(Jesper!$R$2:$R$366,ROW(INDEX(Jesper!AJ$2:AJ$366,ROUNDDOWN($C6906/24,0)+1,1))-1)+IF('Standard Profiles'!$G$20=$B$10,7,0)+IF('Standard Profiles'!$G$20=$B$17,14,0)+IF('Standard Profiles'!$G$20=$B$24,21,0),0)),0)</f>
        <v>0</v>
      </c>
      <c r="G6906" cm="1">
        <f t="array" ref="G6906">IFERROR(INDEX(Jesper!AK$2:AK$366,ROUNDDOWN($C6906/24,0)+1,1)*INDEX($D$3:$AA$30,INDEX(Jesper!$R$2:$R$366,ROW(INDEX(Jesper!AK$2:AK$366,ROUNDDOWN($C6906/24,0)+1,1))-1)+IF('Standard Profiles'!$G$21=$B$10,7,0)+IF('Standard Profiles'!$G$21=$B$17,14,0)+IF('Standard Profiles'!$G$21=$B$24,21,0),MOD($C6906,24)+1)/SUM(INDEX($D$3:$AA$30,INDEX(Jesper!$R$2:$R$366,ROW(INDEX(Jesper!AK$2:AK$366,ROUNDDOWN($C6906/24,0)+1,1))-1)+IF('Standard Profiles'!$G$21=$B$10,7,0)+IF('Standard Profiles'!$G$21=$B$17,14,0)+IF('Standard Profiles'!$G$21=$B$24,21,0),0)),0)</f>
        <v>0</v>
      </c>
      <c r="H6906" cm="1">
        <f t="array" ref="H6906">IFERROR(INDEX(Jesper!AL$2:AL$366,ROUNDDOWN($C6906/24,0)+1,1)*INDEX($D$3:$AA$30,INDEX(Jesper!$R$2:$R$366,ROW(INDEX(Jesper!AL$2:AL$366,ROUNDDOWN($C6906/24,0)+1,1))-1)+IF('Standard Profiles'!$G$22=$B$10,7,0)+IF('Standard Profiles'!$G$22=$B$17,14,0)+IF('Standard Profiles'!$G$22=$B$24,21,0),MOD($C6906,24)+1)/SUM(INDEX($D$3:$AA$30,INDEX(Jesper!$R$2:$R$366,ROW(INDEX(Jesper!AL$2:AL$366,ROUNDDOWN($C6906/24,0)+1,1))-1)+IF('Standard Profiles'!$G$22=$B$10,7,0)+IF('Standard Profiles'!$G$22=$B$17,14,0)+IF('Standard Profiles'!$G$22=$B$24,21,0),0)),0)</f>
        <v>0</v>
      </c>
      <c r="I6906">
        <f t="shared" si="769"/>
        <v>0.23853557388089075</v>
      </c>
      <c r="J6906">
        <f t="shared" si="770"/>
        <v>0.79511857960296928</v>
      </c>
      <c r="K6906">
        <f t="shared" si="771"/>
        <v>1.1926778694044537</v>
      </c>
      <c r="L6906">
        <f t="shared" si="772"/>
        <v>13.724498697565817</v>
      </c>
      <c r="M6906">
        <f t="shared" si="773"/>
        <v>0</v>
      </c>
      <c r="N6906" s="46">
        <f t="shared" si="774"/>
        <v>45578.333333316667</v>
      </c>
    </row>
    <row r="6907" spans="2:14" x14ac:dyDescent="0.3">
      <c r="B6907">
        <f t="shared" si="768"/>
        <v>7</v>
      </c>
      <c r="C6907" s="16">
        <v>6873</v>
      </c>
      <c r="D6907" cm="1">
        <f t="array" ref="D6907">IFERROR(INDEX(Jesper!AH$2:AH$366,ROUNDDOWN($C6907/24,0)+1,1)*INDEX($D$3:$AA$30,INDEX(Jesper!$R$2:$R$366,ROW(INDEX(Jesper!AH$2:AH$366,ROUNDDOWN($C6907/24,0)+1,1))-1)+IF('Standard Profiles'!$G$18=$B$10,7,0)+IF('Standard Profiles'!$G$18=$B$17,14,0)+IF('Standard Profiles'!$G$18=$B$24,21,0),MOD($C6907,24)+1)/SUM(INDEX($D$3:$AA$30,INDEX(Jesper!$R$2:$R$366,ROW(INDEX(Jesper!AH$2:AH$366,ROUNDDOWN($C6907/24,0)+1,1))-1)+IF('Standard Profiles'!$G$18=$B$10,7,0)+IF('Standard Profiles'!$G$18=$B$17,14,0)+IF('Standard Profiles'!$G$18=$B$24,21,0),0)),0)</f>
        <v>13.303085850376243</v>
      </c>
      <c r="E6907" cm="1">
        <f t="array" ref="E6907">IFERROR(INDEX(Jesper!AI$2:AI$366,ROUNDDOWN($C6907/24,0)+1,1)*INDEX($D$3:$AA$30,INDEX(Jesper!$R$2:$R$366,ROW(INDEX(Jesper!AI$2:AI$366,ROUNDDOWN($C6907/24,0)+1,1))-1)+IF('Standard Profiles'!$G$19=$B$10,7,0)+IF('Standard Profiles'!$G$19=$B$17,14,0)+IF('Standard Profiles'!$G$19=$B$24,21,0),MOD($C6907,24)+1)/SUM(INDEX($D$3:$AA$30,INDEX(Jesper!$R$2:$R$366,ROW(INDEX(Jesper!AI$2:AI$366,ROUNDDOWN($C6907/24,0)+1,1))-1)+IF('Standard Profiles'!$G$19=$B$10,7,0)+IF('Standard Profiles'!$G$19=$B$17,14,0)+IF('Standard Profiles'!$G$19=$B$24,21,0),0)),0)</f>
        <v>2.6477448700778865</v>
      </c>
      <c r="F6907" cm="1">
        <f t="array" ref="F6907">IFERROR(INDEX(Jesper!AJ$2:AJ$366,ROUNDDOWN($C6907/24,0)+1,1)*INDEX($D$3:$AA$30,INDEX(Jesper!$R$2:$R$366,ROW(INDEX(Jesper!AJ$2:AJ$366,ROUNDDOWN($C6907/24,0)+1,1))-1)+IF('Standard Profiles'!$G$20=$B$10,7,0)+IF('Standard Profiles'!$G$20=$B$17,14,0)+IF('Standard Profiles'!$G$20=$B$24,21,0),MOD($C6907,24)+1)/SUM(INDEX($D$3:$AA$30,INDEX(Jesper!$R$2:$R$366,ROW(INDEX(Jesper!AJ$2:AJ$366,ROUNDDOWN($C6907/24,0)+1,1))-1)+IF('Standard Profiles'!$G$20=$B$10,7,0)+IF('Standard Profiles'!$G$20=$B$17,14,0)+IF('Standard Profiles'!$G$20=$B$24,21,0),0)),0)</f>
        <v>0</v>
      </c>
      <c r="G6907" cm="1">
        <f t="array" ref="G6907">IFERROR(INDEX(Jesper!AK$2:AK$366,ROUNDDOWN($C6907/24,0)+1,1)*INDEX($D$3:$AA$30,INDEX(Jesper!$R$2:$R$366,ROW(INDEX(Jesper!AK$2:AK$366,ROUNDDOWN($C6907/24,0)+1,1))-1)+IF('Standard Profiles'!$G$21=$B$10,7,0)+IF('Standard Profiles'!$G$21=$B$17,14,0)+IF('Standard Profiles'!$G$21=$B$24,21,0),MOD($C6907,24)+1)/SUM(INDEX($D$3:$AA$30,INDEX(Jesper!$R$2:$R$366,ROW(INDEX(Jesper!AK$2:AK$366,ROUNDDOWN($C6907/24,0)+1,1))-1)+IF('Standard Profiles'!$G$21=$B$10,7,0)+IF('Standard Profiles'!$G$21=$B$17,14,0)+IF('Standard Profiles'!$G$21=$B$24,21,0),0)),0)</f>
        <v>0</v>
      </c>
      <c r="H6907" cm="1">
        <f t="array" ref="H6907">IFERROR(INDEX(Jesper!AL$2:AL$366,ROUNDDOWN($C6907/24,0)+1,1)*INDEX($D$3:$AA$30,INDEX(Jesper!$R$2:$R$366,ROW(INDEX(Jesper!AL$2:AL$366,ROUNDDOWN($C6907/24,0)+1,1))-1)+IF('Standard Profiles'!$G$22=$B$10,7,0)+IF('Standard Profiles'!$G$22=$B$17,14,0)+IF('Standard Profiles'!$G$22=$B$24,21,0),MOD($C6907,24)+1)/SUM(INDEX($D$3:$AA$30,INDEX(Jesper!$R$2:$R$366,ROW(INDEX(Jesper!AL$2:AL$366,ROUNDDOWN($C6907/24,0)+1,1))-1)+IF('Standard Profiles'!$G$22=$B$10,7,0)+IF('Standard Profiles'!$G$22=$B$17,14,0)+IF('Standard Profiles'!$G$22=$B$24,21,0),0)),0)</f>
        <v>0</v>
      </c>
      <c r="I6907">
        <f t="shared" si="769"/>
        <v>0.23853557388089075</v>
      </c>
      <c r="J6907">
        <f t="shared" si="770"/>
        <v>0.79511857960296928</v>
      </c>
      <c r="K6907">
        <f t="shared" si="771"/>
        <v>1.1926778694044537</v>
      </c>
      <c r="L6907">
        <f t="shared" si="772"/>
        <v>13.724498697565817</v>
      </c>
      <c r="M6907">
        <f t="shared" si="773"/>
        <v>0</v>
      </c>
      <c r="N6907" s="46">
        <f t="shared" si="774"/>
        <v>45578.374999983331</v>
      </c>
    </row>
    <row r="6908" spans="2:14" x14ac:dyDescent="0.3">
      <c r="B6908">
        <f t="shared" si="768"/>
        <v>7</v>
      </c>
      <c r="C6908" s="16">
        <v>6874</v>
      </c>
      <c r="D6908" cm="1">
        <f t="array" ref="D6908">IFERROR(INDEX(Jesper!AH$2:AH$366,ROUNDDOWN($C6908/24,0)+1,1)*INDEX($D$3:$AA$30,INDEX(Jesper!$R$2:$R$366,ROW(INDEX(Jesper!AH$2:AH$366,ROUNDDOWN($C6908/24,0)+1,1))-1)+IF('Standard Profiles'!$G$18=$B$10,7,0)+IF('Standard Profiles'!$G$18=$B$17,14,0)+IF('Standard Profiles'!$G$18=$B$24,21,0),MOD($C6908,24)+1)/SUM(INDEX($D$3:$AA$30,INDEX(Jesper!$R$2:$R$366,ROW(INDEX(Jesper!AH$2:AH$366,ROUNDDOWN($C6908/24,0)+1,1))-1)+IF('Standard Profiles'!$G$18=$B$10,7,0)+IF('Standard Profiles'!$G$18=$B$17,14,0)+IF('Standard Profiles'!$G$18=$B$24,21,0),0)),0)</f>
        <v>13.303085850376243</v>
      </c>
      <c r="E6908" cm="1">
        <f t="array" ref="E6908">IFERROR(INDEX(Jesper!AI$2:AI$366,ROUNDDOWN($C6908/24,0)+1,1)*INDEX($D$3:$AA$30,INDEX(Jesper!$R$2:$R$366,ROW(INDEX(Jesper!AI$2:AI$366,ROUNDDOWN($C6908/24,0)+1,1))-1)+IF('Standard Profiles'!$G$19=$B$10,7,0)+IF('Standard Profiles'!$G$19=$B$17,14,0)+IF('Standard Profiles'!$G$19=$B$24,21,0),MOD($C6908,24)+1)/SUM(INDEX($D$3:$AA$30,INDEX(Jesper!$R$2:$R$366,ROW(INDEX(Jesper!AI$2:AI$366,ROUNDDOWN($C6908/24,0)+1,1))-1)+IF('Standard Profiles'!$G$19=$B$10,7,0)+IF('Standard Profiles'!$G$19=$B$17,14,0)+IF('Standard Profiles'!$G$19=$B$24,21,0),0)),0)</f>
        <v>2.6477448700778865</v>
      </c>
      <c r="F6908" cm="1">
        <f t="array" ref="F6908">IFERROR(INDEX(Jesper!AJ$2:AJ$366,ROUNDDOWN($C6908/24,0)+1,1)*INDEX($D$3:$AA$30,INDEX(Jesper!$R$2:$R$366,ROW(INDEX(Jesper!AJ$2:AJ$366,ROUNDDOWN($C6908/24,0)+1,1))-1)+IF('Standard Profiles'!$G$20=$B$10,7,0)+IF('Standard Profiles'!$G$20=$B$17,14,0)+IF('Standard Profiles'!$G$20=$B$24,21,0),MOD($C6908,24)+1)/SUM(INDEX($D$3:$AA$30,INDEX(Jesper!$R$2:$R$366,ROW(INDEX(Jesper!AJ$2:AJ$366,ROUNDDOWN($C6908/24,0)+1,1))-1)+IF('Standard Profiles'!$G$20=$B$10,7,0)+IF('Standard Profiles'!$G$20=$B$17,14,0)+IF('Standard Profiles'!$G$20=$B$24,21,0),0)),0)</f>
        <v>0</v>
      </c>
      <c r="G6908" cm="1">
        <f t="array" ref="G6908">IFERROR(INDEX(Jesper!AK$2:AK$366,ROUNDDOWN($C6908/24,0)+1,1)*INDEX($D$3:$AA$30,INDEX(Jesper!$R$2:$R$366,ROW(INDEX(Jesper!AK$2:AK$366,ROUNDDOWN($C6908/24,0)+1,1))-1)+IF('Standard Profiles'!$G$21=$B$10,7,0)+IF('Standard Profiles'!$G$21=$B$17,14,0)+IF('Standard Profiles'!$G$21=$B$24,21,0),MOD($C6908,24)+1)/SUM(INDEX($D$3:$AA$30,INDEX(Jesper!$R$2:$R$366,ROW(INDEX(Jesper!AK$2:AK$366,ROUNDDOWN($C6908/24,0)+1,1))-1)+IF('Standard Profiles'!$G$21=$B$10,7,0)+IF('Standard Profiles'!$G$21=$B$17,14,0)+IF('Standard Profiles'!$G$21=$B$24,21,0),0)),0)</f>
        <v>0</v>
      </c>
      <c r="H6908" cm="1">
        <f t="array" ref="H6908">IFERROR(INDEX(Jesper!AL$2:AL$366,ROUNDDOWN($C6908/24,0)+1,1)*INDEX($D$3:$AA$30,INDEX(Jesper!$R$2:$R$366,ROW(INDEX(Jesper!AL$2:AL$366,ROUNDDOWN($C6908/24,0)+1,1))-1)+IF('Standard Profiles'!$G$22=$B$10,7,0)+IF('Standard Profiles'!$G$22=$B$17,14,0)+IF('Standard Profiles'!$G$22=$B$24,21,0),MOD($C6908,24)+1)/SUM(INDEX($D$3:$AA$30,INDEX(Jesper!$R$2:$R$366,ROW(INDEX(Jesper!AL$2:AL$366,ROUNDDOWN($C6908/24,0)+1,1))-1)+IF('Standard Profiles'!$G$22=$B$10,7,0)+IF('Standard Profiles'!$G$22=$B$17,14,0)+IF('Standard Profiles'!$G$22=$B$24,21,0),0)),0)</f>
        <v>0</v>
      </c>
      <c r="I6908">
        <f t="shared" si="769"/>
        <v>0.23853557388089075</v>
      </c>
      <c r="J6908">
        <f t="shared" si="770"/>
        <v>0.79511857960296928</v>
      </c>
      <c r="K6908">
        <f t="shared" si="771"/>
        <v>1.1926778694044537</v>
      </c>
      <c r="L6908">
        <f t="shared" si="772"/>
        <v>13.724498697565817</v>
      </c>
      <c r="M6908">
        <f t="shared" si="773"/>
        <v>0</v>
      </c>
      <c r="N6908" s="46">
        <f t="shared" si="774"/>
        <v>45578.416666649995</v>
      </c>
    </row>
    <row r="6909" spans="2:14" x14ac:dyDescent="0.3">
      <c r="B6909">
        <f t="shared" si="768"/>
        <v>7</v>
      </c>
      <c r="C6909" s="16">
        <v>6875</v>
      </c>
      <c r="D6909" cm="1">
        <f t="array" ref="D6909">IFERROR(INDEX(Jesper!AH$2:AH$366,ROUNDDOWN($C6909/24,0)+1,1)*INDEX($D$3:$AA$30,INDEX(Jesper!$R$2:$R$366,ROW(INDEX(Jesper!AH$2:AH$366,ROUNDDOWN($C6909/24,0)+1,1))-1)+IF('Standard Profiles'!$G$18=$B$10,7,0)+IF('Standard Profiles'!$G$18=$B$17,14,0)+IF('Standard Profiles'!$G$18=$B$24,21,0),MOD($C6909,24)+1)/SUM(INDEX($D$3:$AA$30,INDEX(Jesper!$R$2:$R$366,ROW(INDEX(Jesper!AH$2:AH$366,ROUNDDOWN($C6909/24,0)+1,1))-1)+IF('Standard Profiles'!$G$18=$B$10,7,0)+IF('Standard Profiles'!$G$18=$B$17,14,0)+IF('Standard Profiles'!$G$18=$B$24,21,0),0)),0)</f>
        <v>13.303085850376243</v>
      </c>
      <c r="E6909" cm="1">
        <f t="array" ref="E6909">IFERROR(INDEX(Jesper!AI$2:AI$366,ROUNDDOWN($C6909/24,0)+1,1)*INDEX($D$3:$AA$30,INDEX(Jesper!$R$2:$R$366,ROW(INDEX(Jesper!AI$2:AI$366,ROUNDDOWN($C6909/24,0)+1,1))-1)+IF('Standard Profiles'!$G$19=$B$10,7,0)+IF('Standard Profiles'!$G$19=$B$17,14,0)+IF('Standard Profiles'!$G$19=$B$24,21,0),MOD($C6909,24)+1)/SUM(INDEX($D$3:$AA$30,INDEX(Jesper!$R$2:$R$366,ROW(INDEX(Jesper!AI$2:AI$366,ROUNDDOWN($C6909/24,0)+1,1))-1)+IF('Standard Profiles'!$G$19=$B$10,7,0)+IF('Standard Profiles'!$G$19=$B$17,14,0)+IF('Standard Profiles'!$G$19=$B$24,21,0),0)),0)</f>
        <v>2.6477448700778865</v>
      </c>
      <c r="F6909" cm="1">
        <f t="array" ref="F6909">IFERROR(INDEX(Jesper!AJ$2:AJ$366,ROUNDDOWN($C6909/24,0)+1,1)*INDEX($D$3:$AA$30,INDEX(Jesper!$R$2:$R$366,ROW(INDEX(Jesper!AJ$2:AJ$366,ROUNDDOWN($C6909/24,0)+1,1))-1)+IF('Standard Profiles'!$G$20=$B$10,7,0)+IF('Standard Profiles'!$G$20=$B$17,14,0)+IF('Standard Profiles'!$G$20=$B$24,21,0),MOD($C6909,24)+1)/SUM(INDEX($D$3:$AA$30,INDEX(Jesper!$R$2:$R$366,ROW(INDEX(Jesper!AJ$2:AJ$366,ROUNDDOWN($C6909/24,0)+1,1))-1)+IF('Standard Profiles'!$G$20=$B$10,7,0)+IF('Standard Profiles'!$G$20=$B$17,14,0)+IF('Standard Profiles'!$G$20=$B$24,21,0),0)),0)</f>
        <v>0</v>
      </c>
      <c r="G6909" cm="1">
        <f t="array" ref="G6909">IFERROR(INDEX(Jesper!AK$2:AK$366,ROUNDDOWN($C6909/24,0)+1,1)*INDEX($D$3:$AA$30,INDEX(Jesper!$R$2:$R$366,ROW(INDEX(Jesper!AK$2:AK$366,ROUNDDOWN($C6909/24,0)+1,1))-1)+IF('Standard Profiles'!$G$21=$B$10,7,0)+IF('Standard Profiles'!$G$21=$B$17,14,0)+IF('Standard Profiles'!$G$21=$B$24,21,0),MOD($C6909,24)+1)/SUM(INDEX($D$3:$AA$30,INDEX(Jesper!$R$2:$R$366,ROW(INDEX(Jesper!AK$2:AK$366,ROUNDDOWN($C6909/24,0)+1,1))-1)+IF('Standard Profiles'!$G$21=$B$10,7,0)+IF('Standard Profiles'!$G$21=$B$17,14,0)+IF('Standard Profiles'!$G$21=$B$24,21,0),0)),0)</f>
        <v>0</v>
      </c>
      <c r="H6909" cm="1">
        <f t="array" ref="H6909">IFERROR(INDEX(Jesper!AL$2:AL$366,ROUNDDOWN($C6909/24,0)+1,1)*INDEX($D$3:$AA$30,INDEX(Jesper!$R$2:$R$366,ROW(INDEX(Jesper!AL$2:AL$366,ROUNDDOWN($C6909/24,0)+1,1))-1)+IF('Standard Profiles'!$G$22=$B$10,7,0)+IF('Standard Profiles'!$G$22=$B$17,14,0)+IF('Standard Profiles'!$G$22=$B$24,21,0),MOD($C6909,24)+1)/SUM(INDEX($D$3:$AA$30,INDEX(Jesper!$R$2:$R$366,ROW(INDEX(Jesper!AL$2:AL$366,ROUNDDOWN($C6909/24,0)+1,1))-1)+IF('Standard Profiles'!$G$22=$B$10,7,0)+IF('Standard Profiles'!$G$22=$B$17,14,0)+IF('Standard Profiles'!$G$22=$B$24,21,0),0)),0)</f>
        <v>0</v>
      </c>
      <c r="I6909">
        <f t="shared" si="769"/>
        <v>0.23853557388089075</v>
      </c>
      <c r="J6909">
        <f t="shared" si="770"/>
        <v>0.79511857960296928</v>
      </c>
      <c r="K6909">
        <f t="shared" si="771"/>
        <v>1.1926778694044537</v>
      </c>
      <c r="L6909">
        <f t="shared" si="772"/>
        <v>13.724498697565817</v>
      </c>
      <c r="M6909">
        <f t="shared" si="773"/>
        <v>0</v>
      </c>
      <c r="N6909" s="46">
        <f t="shared" si="774"/>
        <v>45578.458333316659</v>
      </c>
    </row>
    <row r="6910" spans="2:14" x14ac:dyDescent="0.3">
      <c r="B6910">
        <f t="shared" si="768"/>
        <v>7</v>
      </c>
      <c r="C6910" s="16">
        <v>6876</v>
      </c>
      <c r="D6910" cm="1">
        <f t="array" ref="D6910">IFERROR(INDEX(Jesper!AH$2:AH$366,ROUNDDOWN($C6910/24,0)+1,1)*INDEX($D$3:$AA$30,INDEX(Jesper!$R$2:$R$366,ROW(INDEX(Jesper!AH$2:AH$366,ROUNDDOWN($C6910/24,0)+1,1))-1)+IF('Standard Profiles'!$G$18=$B$10,7,0)+IF('Standard Profiles'!$G$18=$B$17,14,0)+IF('Standard Profiles'!$G$18=$B$24,21,0),MOD($C6910,24)+1)/SUM(INDEX($D$3:$AA$30,INDEX(Jesper!$R$2:$R$366,ROW(INDEX(Jesper!AH$2:AH$366,ROUNDDOWN($C6910/24,0)+1,1))-1)+IF('Standard Profiles'!$G$18=$B$10,7,0)+IF('Standard Profiles'!$G$18=$B$17,14,0)+IF('Standard Profiles'!$G$18=$B$24,21,0),0)),0)</f>
        <v>13.303085850376243</v>
      </c>
      <c r="E6910" cm="1">
        <f t="array" ref="E6910">IFERROR(INDEX(Jesper!AI$2:AI$366,ROUNDDOWN($C6910/24,0)+1,1)*INDEX($D$3:$AA$30,INDEX(Jesper!$R$2:$R$366,ROW(INDEX(Jesper!AI$2:AI$366,ROUNDDOWN($C6910/24,0)+1,1))-1)+IF('Standard Profiles'!$G$19=$B$10,7,0)+IF('Standard Profiles'!$G$19=$B$17,14,0)+IF('Standard Profiles'!$G$19=$B$24,21,0),MOD($C6910,24)+1)/SUM(INDEX($D$3:$AA$30,INDEX(Jesper!$R$2:$R$366,ROW(INDEX(Jesper!AI$2:AI$366,ROUNDDOWN($C6910/24,0)+1,1))-1)+IF('Standard Profiles'!$G$19=$B$10,7,0)+IF('Standard Profiles'!$G$19=$B$17,14,0)+IF('Standard Profiles'!$G$19=$B$24,21,0),0)),0)</f>
        <v>2.6477448700778865</v>
      </c>
      <c r="F6910" cm="1">
        <f t="array" ref="F6910">IFERROR(INDEX(Jesper!AJ$2:AJ$366,ROUNDDOWN($C6910/24,0)+1,1)*INDEX($D$3:$AA$30,INDEX(Jesper!$R$2:$R$366,ROW(INDEX(Jesper!AJ$2:AJ$366,ROUNDDOWN($C6910/24,0)+1,1))-1)+IF('Standard Profiles'!$G$20=$B$10,7,0)+IF('Standard Profiles'!$G$20=$B$17,14,0)+IF('Standard Profiles'!$G$20=$B$24,21,0),MOD($C6910,24)+1)/SUM(INDEX($D$3:$AA$30,INDEX(Jesper!$R$2:$R$366,ROW(INDEX(Jesper!AJ$2:AJ$366,ROUNDDOWN($C6910/24,0)+1,1))-1)+IF('Standard Profiles'!$G$20=$B$10,7,0)+IF('Standard Profiles'!$G$20=$B$17,14,0)+IF('Standard Profiles'!$G$20=$B$24,21,0),0)),0)</f>
        <v>0</v>
      </c>
      <c r="G6910" cm="1">
        <f t="array" ref="G6910">IFERROR(INDEX(Jesper!AK$2:AK$366,ROUNDDOWN($C6910/24,0)+1,1)*INDEX($D$3:$AA$30,INDEX(Jesper!$R$2:$R$366,ROW(INDEX(Jesper!AK$2:AK$366,ROUNDDOWN($C6910/24,0)+1,1))-1)+IF('Standard Profiles'!$G$21=$B$10,7,0)+IF('Standard Profiles'!$G$21=$B$17,14,0)+IF('Standard Profiles'!$G$21=$B$24,21,0),MOD($C6910,24)+1)/SUM(INDEX($D$3:$AA$30,INDEX(Jesper!$R$2:$R$366,ROW(INDEX(Jesper!AK$2:AK$366,ROUNDDOWN($C6910/24,0)+1,1))-1)+IF('Standard Profiles'!$G$21=$B$10,7,0)+IF('Standard Profiles'!$G$21=$B$17,14,0)+IF('Standard Profiles'!$G$21=$B$24,21,0),0)),0)</f>
        <v>0</v>
      </c>
      <c r="H6910" cm="1">
        <f t="array" ref="H6910">IFERROR(INDEX(Jesper!AL$2:AL$366,ROUNDDOWN($C6910/24,0)+1,1)*INDEX($D$3:$AA$30,INDEX(Jesper!$R$2:$R$366,ROW(INDEX(Jesper!AL$2:AL$366,ROUNDDOWN($C6910/24,0)+1,1))-1)+IF('Standard Profiles'!$G$22=$B$10,7,0)+IF('Standard Profiles'!$G$22=$B$17,14,0)+IF('Standard Profiles'!$G$22=$B$24,21,0),MOD($C6910,24)+1)/SUM(INDEX($D$3:$AA$30,INDEX(Jesper!$R$2:$R$366,ROW(INDEX(Jesper!AL$2:AL$366,ROUNDDOWN($C6910/24,0)+1,1))-1)+IF('Standard Profiles'!$G$22=$B$10,7,0)+IF('Standard Profiles'!$G$22=$B$17,14,0)+IF('Standard Profiles'!$G$22=$B$24,21,0),0)),0)</f>
        <v>0</v>
      </c>
      <c r="I6910">
        <f t="shared" si="769"/>
        <v>0.23853557388089075</v>
      </c>
      <c r="J6910">
        <f t="shared" si="770"/>
        <v>0.79511857960296928</v>
      </c>
      <c r="K6910">
        <f t="shared" si="771"/>
        <v>1.1926778694044537</v>
      </c>
      <c r="L6910">
        <f t="shared" si="772"/>
        <v>13.724498697565817</v>
      </c>
      <c r="M6910">
        <f t="shared" si="773"/>
        <v>0</v>
      </c>
      <c r="N6910" s="46">
        <f t="shared" si="774"/>
        <v>45578.499999983324</v>
      </c>
    </row>
    <row r="6911" spans="2:14" x14ac:dyDescent="0.3">
      <c r="B6911">
        <f t="shared" si="768"/>
        <v>7</v>
      </c>
      <c r="C6911" s="16">
        <v>6877</v>
      </c>
      <c r="D6911" cm="1">
        <f t="array" ref="D6911">IFERROR(INDEX(Jesper!AH$2:AH$366,ROUNDDOWN($C6911/24,0)+1,1)*INDEX($D$3:$AA$30,INDEX(Jesper!$R$2:$R$366,ROW(INDEX(Jesper!AH$2:AH$366,ROUNDDOWN($C6911/24,0)+1,1))-1)+IF('Standard Profiles'!$G$18=$B$10,7,0)+IF('Standard Profiles'!$G$18=$B$17,14,0)+IF('Standard Profiles'!$G$18=$B$24,21,0),MOD($C6911,24)+1)/SUM(INDEX($D$3:$AA$30,INDEX(Jesper!$R$2:$R$366,ROW(INDEX(Jesper!AH$2:AH$366,ROUNDDOWN($C6911/24,0)+1,1))-1)+IF('Standard Profiles'!$G$18=$B$10,7,0)+IF('Standard Profiles'!$G$18=$B$17,14,0)+IF('Standard Profiles'!$G$18=$B$24,21,0),0)),0)</f>
        <v>13.303085850376243</v>
      </c>
      <c r="E6911" cm="1">
        <f t="array" ref="E6911">IFERROR(INDEX(Jesper!AI$2:AI$366,ROUNDDOWN($C6911/24,0)+1,1)*INDEX($D$3:$AA$30,INDEX(Jesper!$R$2:$R$366,ROW(INDEX(Jesper!AI$2:AI$366,ROUNDDOWN($C6911/24,0)+1,1))-1)+IF('Standard Profiles'!$G$19=$B$10,7,0)+IF('Standard Profiles'!$G$19=$B$17,14,0)+IF('Standard Profiles'!$G$19=$B$24,21,0),MOD($C6911,24)+1)/SUM(INDEX($D$3:$AA$30,INDEX(Jesper!$R$2:$R$366,ROW(INDEX(Jesper!AI$2:AI$366,ROUNDDOWN($C6911/24,0)+1,1))-1)+IF('Standard Profiles'!$G$19=$B$10,7,0)+IF('Standard Profiles'!$G$19=$B$17,14,0)+IF('Standard Profiles'!$G$19=$B$24,21,0),0)),0)</f>
        <v>2.6477448700778865</v>
      </c>
      <c r="F6911" cm="1">
        <f t="array" ref="F6911">IFERROR(INDEX(Jesper!AJ$2:AJ$366,ROUNDDOWN($C6911/24,0)+1,1)*INDEX($D$3:$AA$30,INDEX(Jesper!$R$2:$R$366,ROW(INDEX(Jesper!AJ$2:AJ$366,ROUNDDOWN($C6911/24,0)+1,1))-1)+IF('Standard Profiles'!$G$20=$B$10,7,0)+IF('Standard Profiles'!$G$20=$B$17,14,0)+IF('Standard Profiles'!$G$20=$B$24,21,0),MOD($C6911,24)+1)/SUM(INDEX($D$3:$AA$30,INDEX(Jesper!$R$2:$R$366,ROW(INDEX(Jesper!AJ$2:AJ$366,ROUNDDOWN($C6911/24,0)+1,1))-1)+IF('Standard Profiles'!$G$20=$B$10,7,0)+IF('Standard Profiles'!$G$20=$B$17,14,0)+IF('Standard Profiles'!$G$20=$B$24,21,0),0)),0)</f>
        <v>0</v>
      </c>
      <c r="G6911" cm="1">
        <f t="array" ref="G6911">IFERROR(INDEX(Jesper!AK$2:AK$366,ROUNDDOWN($C6911/24,0)+1,1)*INDEX($D$3:$AA$30,INDEX(Jesper!$R$2:$R$366,ROW(INDEX(Jesper!AK$2:AK$366,ROUNDDOWN($C6911/24,0)+1,1))-1)+IF('Standard Profiles'!$G$21=$B$10,7,0)+IF('Standard Profiles'!$G$21=$B$17,14,0)+IF('Standard Profiles'!$G$21=$B$24,21,0),MOD($C6911,24)+1)/SUM(INDEX($D$3:$AA$30,INDEX(Jesper!$R$2:$R$366,ROW(INDEX(Jesper!AK$2:AK$366,ROUNDDOWN($C6911/24,0)+1,1))-1)+IF('Standard Profiles'!$G$21=$B$10,7,0)+IF('Standard Profiles'!$G$21=$B$17,14,0)+IF('Standard Profiles'!$G$21=$B$24,21,0),0)),0)</f>
        <v>0</v>
      </c>
      <c r="H6911" cm="1">
        <f t="array" ref="H6911">IFERROR(INDEX(Jesper!AL$2:AL$366,ROUNDDOWN($C6911/24,0)+1,1)*INDEX($D$3:$AA$30,INDEX(Jesper!$R$2:$R$366,ROW(INDEX(Jesper!AL$2:AL$366,ROUNDDOWN($C6911/24,0)+1,1))-1)+IF('Standard Profiles'!$G$22=$B$10,7,0)+IF('Standard Profiles'!$G$22=$B$17,14,0)+IF('Standard Profiles'!$G$22=$B$24,21,0),MOD($C6911,24)+1)/SUM(INDEX($D$3:$AA$30,INDEX(Jesper!$R$2:$R$366,ROW(INDEX(Jesper!AL$2:AL$366,ROUNDDOWN($C6911/24,0)+1,1))-1)+IF('Standard Profiles'!$G$22=$B$10,7,0)+IF('Standard Profiles'!$G$22=$B$17,14,0)+IF('Standard Profiles'!$G$22=$B$24,21,0),0)),0)</f>
        <v>0</v>
      </c>
      <c r="I6911">
        <f t="shared" si="769"/>
        <v>0.23853557388089075</v>
      </c>
      <c r="J6911">
        <f t="shared" si="770"/>
        <v>0.79511857960296928</v>
      </c>
      <c r="K6911">
        <f t="shared" si="771"/>
        <v>1.1926778694044537</v>
      </c>
      <c r="L6911">
        <f t="shared" si="772"/>
        <v>13.724498697565817</v>
      </c>
      <c r="M6911">
        <f t="shared" si="773"/>
        <v>0</v>
      </c>
      <c r="N6911" s="46">
        <f t="shared" si="774"/>
        <v>45578.541666649988</v>
      </c>
    </row>
    <row r="6912" spans="2:14" x14ac:dyDescent="0.3">
      <c r="B6912">
        <f t="shared" si="768"/>
        <v>7</v>
      </c>
      <c r="C6912" s="16">
        <v>6878</v>
      </c>
      <c r="D6912" cm="1">
        <f t="array" ref="D6912">IFERROR(INDEX(Jesper!AH$2:AH$366,ROUNDDOWN($C6912/24,0)+1,1)*INDEX($D$3:$AA$30,INDEX(Jesper!$R$2:$R$366,ROW(INDEX(Jesper!AH$2:AH$366,ROUNDDOWN($C6912/24,0)+1,1))-1)+IF('Standard Profiles'!$G$18=$B$10,7,0)+IF('Standard Profiles'!$G$18=$B$17,14,0)+IF('Standard Profiles'!$G$18=$B$24,21,0),MOD($C6912,24)+1)/SUM(INDEX($D$3:$AA$30,INDEX(Jesper!$R$2:$R$366,ROW(INDEX(Jesper!AH$2:AH$366,ROUNDDOWN($C6912/24,0)+1,1))-1)+IF('Standard Profiles'!$G$18=$B$10,7,0)+IF('Standard Profiles'!$G$18=$B$17,14,0)+IF('Standard Profiles'!$G$18=$B$24,21,0),0)),0)</f>
        <v>13.303085850376243</v>
      </c>
      <c r="E6912" cm="1">
        <f t="array" ref="E6912">IFERROR(INDEX(Jesper!AI$2:AI$366,ROUNDDOWN($C6912/24,0)+1,1)*INDEX($D$3:$AA$30,INDEX(Jesper!$R$2:$R$366,ROW(INDEX(Jesper!AI$2:AI$366,ROUNDDOWN($C6912/24,0)+1,1))-1)+IF('Standard Profiles'!$G$19=$B$10,7,0)+IF('Standard Profiles'!$G$19=$B$17,14,0)+IF('Standard Profiles'!$G$19=$B$24,21,0),MOD($C6912,24)+1)/SUM(INDEX($D$3:$AA$30,INDEX(Jesper!$R$2:$R$366,ROW(INDEX(Jesper!AI$2:AI$366,ROUNDDOWN($C6912/24,0)+1,1))-1)+IF('Standard Profiles'!$G$19=$B$10,7,0)+IF('Standard Profiles'!$G$19=$B$17,14,0)+IF('Standard Profiles'!$G$19=$B$24,21,0),0)),0)</f>
        <v>2.6477448700778865</v>
      </c>
      <c r="F6912" cm="1">
        <f t="array" ref="F6912">IFERROR(INDEX(Jesper!AJ$2:AJ$366,ROUNDDOWN($C6912/24,0)+1,1)*INDEX($D$3:$AA$30,INDEX(Jesper!$R$2:$R$366,ROW(INDEX(Jesper!AJ$2:AJ$366,ROUNDDOWN($C6912/24,0)+1,1))-1)+IF('Standard Profiles'!$G$20=$B$10,7,0)+IF('Standard Profiles'!$G$20=$B$17,14,0)+IF('Standard Profiles'!$G$20=$B$24,21,0),MOD($C6912,24)+1)/SUM(INDEX($D$3:$AA$30,INDEX(Jesper!$R$2:$R$366,ROW(INDEX(Jesper!AJ$2:AJ$366,ROUNDDOWN($C6912/24,0)+1,1))-1)+IF('Standard Profiles'!$G$20=$B$10,7,0)+IF('Standard Profiles'!$G$20=$B$17,14,0)+IF('Standard Profiles'!$G$20=$B$24,21,0),0)),0)</f>
        <v>0</v>
      </c>
      <c r="G6912" cm="1">
        <f t="array" ref="G6912">IFERROR(INDEX(Jesper!AK$2:AK$366,ROUNDDOWN($C6912/24,0)+1,1)*INDEX($D$3:$AA$30,INDEX(Jesper!$R$2:$R$366,ROW(INDEX(Jesper!AK$2:AK$366,ROUNDDOWN($C6912/24,0)+1,1))-1)+IF('Standard Profiles'!$G$21=$B$10,7,0)+IF('Standard Profiles'!$G$21=$B$17,14,0)+IF('Standard Profiles'!$G$21=$B$24,21,0),MOD($C6912,24)+1)/SUM(INDEX($D$3:$AA$30,INDEX(Jesper!$R$2:$R$366,ROW(INDEX(Jesper!AK$2:AK$366,ROUNDDOWN($C6912/24,0)+1,1))-1)+IF('Standard Profiles'!$G$21=$B$10,7,0)+IF('Standard Profiles'!$G$21=$B$17,14,0)+IF('Standard Profiles'!$G$21=$B$24,21,0),0)),0)</f>
        <v>0</v>
      </c>
      <c r="H6912" cm="1">
        <f t="array" ref="H6912">IFERROR(INDEX(Jesper!AL$2:AL$366,ROUNDDOWN($C6912/24,0)+1,1)*INDEX($D$3:$AA$30,INDEX(Jesper!$R$2:$R$366,ROW(INDEX(Jesper!AL$2:AL$366,ROUNDDOWN($C6912/24,0)+1,1))-1)+IF('Standard Profiles'!$G$22=$B$10,7,0)+IF('Standard Profiles'!$G$22=$B$17,14,0)+IF('Standard Profiles'!$G$22=$B$24,21,0),MOD($C6912,24)+1)/SUM(INDEX($D$3:$AA$30,INDEX(Jesper!$R$2:$R$366,ROW(INDEX(Jesper!AL$2:AL$366,ROUNDDOWN($C6912/24,0)+1,1))-1)+IF('Standard Profiles'!$G$22=$B$10,7,0)+IF('Standard Profiles'!$G$22=$B$17,14,0)+IF('Standard Profiles'!$G$22=$B$24,21,0),0)),0)</f>
        <v>0</v>
      </c>
      <c r="I6912">
        <f t="shared" si="769"/>
        <v>0.23853557388089075</v>
      </c>
      <c r="J6912">
        <f t="shared" si="770"/>
        <v>0.79511857960296928</v>
      </c>
      <c r="K6912">
        <f t="shared" si="771"/>
        <v>1.1926778694044537</v>
      </c>
      <c r="L6912">
        <f t="shared" si="772"/>
        <v>13.724498697565817</v>
      </c>
      <c r="M6912">
        <f t="shared" si="773"/>
        <v>0</v>
      </c>
      <c r="N6912" s="46">
        <f t="shared" si="774"/>
        <v>45578.583333316652</v>
      </c>
    </row>
    <row r="6913" spans="2:14" x14ac:dyDescent="0.3">
      <c r="B6913">
        <f t="shared" si="768"/>
        <v>7</v>
      </c>
      <c r="C6913" s="16">
        <v>6879</v>
      </c>
      <c r="D6913" cm="1">
        <f t="array" ref="D6913">IFERROR(INDEX(Jesper!AH$2:AH$366,ROUNDDOWN($C6913/24,0)+1,1)*INDEX($D$3:$AA$30,INDEX(Jesper!$R$2:$R$366,ROW(INDEX(Jesper!AH$2:AH$366,ROUNDDOWN($C6913/24,0)+1,1))-1)+IF('Standard Profiles'!$G$18=$B$10,7,0)+IF('Standard Profiles'!$G$18=$B$17,14,0)+IF('Standard Profiles'!$G$18=$B$24,21,0),MOD($C6913,24)+1)/SUM(INDEX($D$3:$AA$30,INDEX(Jesper!$R$2:$R$366,ROW(INDEX(Jesper!AH$2:AH$366,ROUNDDOWN($C6913/24,0)+1,1))-1)+IF('Standard Profiles'!$G$18=$B$10,7,0)+IF('Standard Profiles'!$G$18=$B$17,14,0)+IF('Standard Profiles'!$G$18=$B$24,21,0),0)),0)</f>
        <v>11.824965200334439</v>
      </c>
      <c r="E6913" cm="1">
        <f t="array" ref="E6913">IFERROR(INDEX(Jesper!AI$2:AI$366,ROUNDDOWN($C6913/24,0)+1,1)*INDEX($D$3:$AA$30,INDEX(Jesper!$R$2:$R$366,ROW(INDEX(Jesper!AI$2:AI$366,ROUNDDOWN($C6913/24,0)+1,1))-1)+IF('Standard Profiles'!$G$19=$B$10,7,0)+IF('Standard Profiles'!$G$19=$B$17,14,0)+IF('Standard Profiles'!$G$19=$B$24,21,0),MOD($C6913,24)+1)/SUM(INDEX($D$3:$AA$30,INDEX(Jesper!$R$2:$R$366,ROW(INDEX(Jesper!AI$2:AI$366,ROUNDDOWN($C6913/24,0)+1,1))-1)+IF('Standard Profiles'!$G$19=$B$10,7,0)+IF('Standard Profiles'!$G$19=$B$17,14,0)+IF('Standard Profiles'!$G$19=$B$24,21,0),0)),0)</f>
        <v>2.3535509956247878</v>
      </c>
      <c r="F6913" cm="1">
        <f t="array" ref="F6913">IFERROR(INDEX(Jesper!AJ$2:AJ$366,ROUNDDOWN($C6913/24,0)+1,1)*INDEX($D$3:$AA$30,INDEX(Jesper!$R$2:$R$366,ROW(INDEX(Jesper!AJ$2:AJ$366,ROUNDDOWN($C6913/24,0)+1,1))-1)+IF('Standard Profiles'!$G$20=$B$10,7,0)+IF('Standard Profiles'!$G$20=$B$17,14,0)+IF('Standard Profiles'!$G$20=$B$24,21,0),MOD($C6913,24)+1)/SUM(INDEX($D$3:$AA$30,INDEX(Jesper!$R$2:$R$366,ROW(INDEX(Jesper!AJ$2:AJ$366,ROUNDDOWN($C6913/24,0)+1,1))-1)+IF('Standard Profiles'!$G$20=$B$10,7,0)+IF('Standard Profiles'!$G$20=$B$17,14,0)+IF('Standard Profiles'!$G$20=$B$24,21,0),0)),0)</f>
        <v>0</v>
      </c>
      <c r="G6913" cm="1">
        <f t="array" ref="G6913">IFERROR(INDEX(Jesper!AK$2:AK$366,ROUNDDOWN($C6913/24,0)+1,1)*INDEX($D$3:$AA$30,INDEX(Jesper!$R$2:$R$366,ROW(INDEX(Jesper!AK$2:AK$366,ROUNDDOWN($C6913/24,0)+1,1))-1)+IF('Standard Profiles'!$G$21=$B$10,7,0)+IF('Standard Profiles'!$G$21=$B$17,14,0)+IF('Standard Profiles'!$G$21=$B$24,21,0),MOD($C6913,24)+1)/SUM(INDEX($D$3:$AA$30,INDEX(Jesper!$R$2:$R$366,ROW(INDEX(Jesper!AK$2:AK$366,ROUNDDOWN($C6913/24,0)+1,1))-1)+IF('Standard Profiles'!$G$21=$B$10,7,0)+IF('Standard Profiles'!$G$21=$B$17,14,0)+IF('Standard Profiles'!$G$21=$B$24,21,0),0)),0)</f>
        <v>0</v>
      </c>
      <c r="H6913" cm="1">
        <f t="array" ref="H6913">IFERROR(INDEX(Jesper!AL$2:AL$366,ROUNDDOWN($C6913/24,0)+1,1)*INDEX($D$3:$AA$30,INDEX(Jesper!$R$2:$R$366,ROW(INDEX(Jesper!AL$2:AL$366,ROUNDDOWN($C6913/24,0)+1,1))-1)+IF('Standard Profiles'!$G$22=$B$10,7,0)+IF('Standard Profiles'!$G$22=$B$17,14,0)+IF('Standard Profiles'!$G$22=$B$24,21,0),MOD($C6913,24)+1)/SUM(INDEX($D$3:$AA$30,INDEX(Jesper!$R$2:$R$366,ROW(INDEX(Jesper!AL$2:AL$366,ROUNDDOWN($C6913/24,0)+1,1))-1)+IF('Standard Profiles'!$G$22=$B$10,7,0)+IF('Standard Profiles'!$G$22=$B$17,14,0)+IF('Standard Profiles'!$G$22=$B$24,21,0),0)),0)</f>
        <v>0</v>
      </c>
      <c r="I6913">
        <f t="shared" si="769"/>
        <v>0.21203162122745842</v>
      </c>
      <c r="J6913">
        <f t="shared" si="770"/>
        <v>0.70677207075819481</v>
      </c>
      <c r="K6913">
        <f t="shared" si="771"/>
        <v>1.0601581061372922</v>
      </c>
      <c r="L6913">
        <f t="shared" si="772"/>
        <v>12.199554397836282</v>
      </c>
      <c r="M6913">
        <f t="shared" si="773"/>
        <v>0</v>
      </c>
      <c r="N6913" s="46">
        <f t="shared" si="774"/>
        <v>45578.624999983316</v>
      </c>
    </row>
    <row r="6914" spans="2:14" x14ac:dyDescent="0.3">
      <c r="B6914">
        <f t="shared" si="768"/>
        <v>7</v>
      </c>
      <c r="C6914" s="16">
        <v>6880</v>
      </c>
      <c r="D6914" cm="1">
        <f t="array" ref="D6914">IFERROR(INDEX(Jesper!AH$2:AH$366,ROUNDDOWN($C6914/24,0)+1,1)*INDEX($D$3:$AA$30,INDEX(Jesper!$R$2:$R$366,ROW(INDEX(Jesper!AH$2:AH$366,ROUNDDOWN($C6914/24,0)+1,1))-1)+IF('Standard Profiles'!$G$18=$B$10,7,0)+IF('Standard Profiles'!$G$18=$B$17,14,0)+IF('Standard Profiles'!$G$18=$B$24,21,0),MOD($C6914,24)+1)/SUM(INDEX($D$3:$AA$30,INDEX(Jesper!$R$2:$R$366,ROW(INDEX(Jesper!AH$2:AH$366,ROUNDDOWN($C6914/24,0)+1,1))-1)+IF('Standard Profiles'!$G$18=$B$10,7,0)+IF('Standard Profiles'!$G$18=$B$17,14,0)+IF('Standard Profiles'!$G$18=$B$24,21,0),0)),0)</f>
        <v>11.613805107471324</v>
      </c>
      <c r="E6914" cm="1">
        <f t="array" ref="E6914">IFERROR(INDEX(Jesper!AI$2:AI$366,ROUNDDOWN($C6914/24,0)+1,1)*INDEX($D$3:$AA$30,INDEX(Jesper!$R$2:$R$366,ROW(INDEX(Jesper!AI$2:AI$366,ROUNDDOWN($C6914/24,0)+1,1))-1)+IF('Standard Profiles'!$G$19=$B$10,7,0)+IF('Standard Profiles'!$G$19=$B$17,14,0)+IF('Standard Profiles'!$G$19=$B$24,21,0),MOD($C6914,24)+1)/SUM(INDEX($D$3:$AA$30,INDEX(Jesper!$R$2:$R$366,ROW(INDEX(Jesper!AI$2:AI$366,ROUNDDOWN($C6914/24,0)+1,1))-1)+IF('Standard Profiles'!$G$19=$B$10,7,0)+IF('Standard Profiles'!$G$19=$B$17,14,0)+IF('Standard Profiles'!$G$19=$B$24,21,0),0)),0)</f>
        <v>2.3115232992743451</v>
      </c>
      <c r="F6914" cm="1">
        <f t="array" ref="F6914">IFERROR(INDEX(Jesper!AJ$2:AJ$366,ROUNDDOWN($C6914/24,0)+1,1)*INDEX($D$3:$AA$30,INDEX(Jesper!$R$2:$R$366,ROW(INDEX(Jesper!AJ$2:AJ$366,ROUNDDOWN($C6914/24,0)+1,1))-1)+IF('Standard Profiles'!$G$20=$B$10,7,0)+IF('Standard Profiles'!$G$20=$B$17,14,0)+IF('Standard Profiles'!$G$20=$B$24,21,0),MOD($C6914,24)+1)/SUM(INDEX($D$3:$AA$30,INDEX(Jesper!$R$2:$R$366,ROW(INDEX(Jesper!AJ$2:AJ$366,ROUNDDOWN($C6914/24,0)+1,1))-1)+IF('Standard Profiles'!$G$20=$B$10,7,0)+IF('Standard Profiles'!$G$20=$B$17,14,0)+IF('Standard Profiles'!$G$20=$B$24,21,0),0)),0)</f>
        <v>0</v>
      </c>
      <c r="G6914" cm="1">
        <f t="array" ref="G6914">IFERROR(INDEX(Jesper!AK$2:AK$366,ROUNDDOWN($C6914/24,0)+1,1)*INDEX($D$3:$AA$30,INDEX(Jesper!$R$2:$R$366,ROW(INDEX(Jesper!AK$2:AK$366,ROUNDDOWN($C6914/24,0)+1,1))-1)+IF('Standard Profiles'!$G$21=$B$10,7,0)+IF('Standard Profiles'!$G$21=$B$17,14,0)+IF('Standard Profiles'!$G$21=$B$24,21,0),MOD($C6914,24)+1)/SUM(INDEX($D$3:$AA$30,INDEX(Jesper!$R$2:$R$366,ROW(INDEX(Jesper!AK$2:AK$366,ROUNDDOWN($C6914/24,0)+1,1))-1)+IF('Standard Profiles'!$G$21=$B$10,7,0)+IF('Standard Profiles'!$G$21=$B$17,14,0)+IF('Standard Profiles'!$G$21=$B$24,21,0),0)),0)</f>
        <v>0</v>
      </c>
      <c r="H6914" cm="1">
        <f t="array" ref="H6914">IFERROR(INDEX(Jesper!AL$2:AL$366,ROUNDDOWN($C6914/24,0)+1,1)*INDEX($D$3:$AA$30,INDEX(Jesper!$R$2:$R$366,ROW(INDEX(Jesper!AL$2:AL$366,ROUNDDOWN($C6914/24,0)+1,1))-1)+IF('Standard Profiles'!$G$22=$B$10,7,0)+IF('Standard Profiles'!$G$22=$B$17,14,0)+IF('Standard Profiles'!$G$22=$B$24,21,0),MOD($C6914,24)+1)/SUM(INDEX($D$3:$AA$30,INDEX(Jesper!$R$2:$R$366,ROW(INDEX(Jesper!AL$2:AL$366,ROUNDDOWN($C6914/24,0)+1,1))-1)+IF('Standard Profiles'!$G$22=$B$10,7,0)+IF('Standard Profiles'!$G$22=$B$17,14,0)+IF('Standard Profiles'!$G$22=$B$24,21,0),0)),0)</f>
        <v>0</v>
      </c>
      <c r="I6914">
        <f t="shared" si="769"/>
        <v>0.20824534227696809</v>
      </c>
      <c r="J6914">
        <f t="shared" si="770"/>
        <v>0.69415114092322705</v>
      </c>
      <c r="K6914">
        <f t="shared" si="771"/>
        <v>1.0412267113848406</v>
      </c>
      <c r="L6914">
        <f t="shared" si="772"/>
        <v>11.981705212160634</v>
      </c>
      <c r="M6914">
        <f t="shared" si="773"/>
        <v>0</v>
      </c>
      <c r="N6914" s="46">
        <f t="shared" si="774"/>
        <v>45578.66666664998</v>
      </c>
    </row>
    <row r="6915" spans="2:14" x14ac:dyDescent="0.3">
      <c r="B6915">
        <f t="shared" si="768"/>
        <v>7</v>
      </c>
      <c r="C6915" s="16">
        <v>6881</v>
      </c>
      <c r="D6915" cm="1">
        <f t="array" ref="D6915">IFERROR(INDEX(Jesper!AH$2:AH$366,ROUNDDOWN($C6915/24,0)+1,1)*INDEX($D$3:$AA$30,INDEX(Jesper!$R$2:$R$366,ROW(INDEX(Jesper!AH$2:AH$366,ROUNDDOWN($C6915/24,0)+1,1))-1)+IF('Standard Profiles'!$G$18=$B$10,7,0)+IF('Standard Profiles'!$G$18=$B$17,14,0)+IF('Standard Profiles'!$G$18=$B$24,21,0),MOD($C6915,24)+1)/SUM(INDEX($D$3:$AA$30,INDEX(Jesper!$R$2:$R$366,ROW(INDEX(Jesper!AH$2:AH$366,ROUNDDOWN($C6915/24,0)+1,1))-1)+IF('Standard Profiles'!$G$18=$B$10,7,0)+IF('Standard Profiles'!$G$18=$B$17,14,0)+IF('Standard Profiles'!$G$18=$B$24,21,0),0)),0)</f>
        <v>9.9245243645664054</v>
      </c>
      <c r="E6915" cm="1">
        <f t="array" ref="E6915">IFERROR(INDEX(Jesper!AI$2:AI$366,ROUNDDOWN($C6915/24,0)+1,1)*INDEX($D$3:$AA$30,INDEX(Jesper!$R$2:$R$366,ROW(INDEX(Jesper!AI$2:AI$366,ROUNDDOWN($C6915/24,0)+1,1))-1)+IF('Standard Profiles'!$G$19=$B$10,7,0)+IF('Standard Profiles'!$G$19=$B$17,14,0)+IF('Standard Profiles'!$G$19=$B$24,21,0),MOD($C6915,24)+1)/SUM(INDEX($D$3:$AA$30,INDEX(Jesper!$R$2:$R$366,ROW(INDEX(Jesper!AI$2:AI$366,ROUNDDOWN($C6915/24,0)+1,1))-1)+IF('Standard Profiles'!$G$19=$B$10,7,0)+IF('Standard Profiles'!$G$19=$B$17,14,0)+IF('Standard Profiles'!$G$19=$B$24,21,0),0)),0)</f>
        <v>1.9753017284708041</v>
      </c>
      <c r="F6915" cm="1">
        <f t="array" ref="F6915">IFERROR(INDEX(Jesper!AJ$2:AJ$366,ROUNDDOWN($C6915/24,0)+1,1)*INDEX($D$3:$AA$30,INDEX(Jesper!$R$2:$R$366,ROW(INDEX(Jesper!AJ$2:AJ$366,ROUNDDOWN($C6915/24,0)+1,1))-1)+IF('Standard Profiles'!$G$20=$B$10,7,0)+IF('Standard Profiles'!$G$20=$B$17,14,0)+IF('Standard Profiles'!$G$20=$B$24,21,0),MOD($C6915,24)+1)/SUM(INDEX($D$3:$AA$30,INDEX(Jesper!$R$2:$R$366,ROW(INDEX(Jesper!AJ$2:AJ$366,ROUNDDOWN($C6915/24,0)+1,1))-1)+IF('Standard Profiles'!$G$20=$B$10,7,0)+IF('Standard Profiles'!$G$20=$B$17,14,0)+IF('Standard Profiles'!$G$20=$B$24,21,0),0)),0)</f>
        <v>0</v>
      </c>
      <c r="G6915" cm="1">
        <f t="array" ref="G6915">IFERROR(INDEX(Jesper!AK$2:AK$366,ROUNDDOWN($C6915/24,0)+1,1)*INDEX($D$3:$AA$30,INDEX(Jesper!$R$2:$R$366,ROW(INDEX(Jesper!AK$2:AK$366,ROUNDDOWN($C6915/24,0)+1,1))-1)+IF('Standard Profiles'!$G$21=$B$10,7,0)+IF('Standard Profiles'!$G$21=$B$17,14,0)+IF('Standard Profiles'!$G$21=$B$24,21,0),MOD($C6915,24)+1)/SUM(INDEX($D$3:$AA$30,INDEX(Jesper!$R$2:$R$366,ROW(INDEX(Jesper!AK$2:AK$366,ROUNDDOWN($C6915/24,0)+1,1))-1)+IF('Standard Profiles'!$G$21=$B$10,7,0)+IF('Standard Profiles'!$G$21=$B$17,14,0)+IF('Standard Profiles'!$G$21=$B$24,21,0),0)),0)</f>
        <v>0</v>
      </c>
      <c r="H6915" cm="1">
        <f t="array" ref="H6915">IFERROR(INDEX(Jesper!AL$2:AL$366,ROUNDDOWN($C6915/24,0)+1,1)*INDEX($D$3:$AA$30,INDEX(Jesper!$R$2:$R$366,ROW(INDEX(Jesper!AL$2:AL$366,ROUNDDOWN($C6915/24,0)+1,1))-1)+IF('Standard Profiles'!$G$22=$B$10,7,0)+IF('Standard Profiles'!$G$22=$B$17,14,0)+IF('Standard Profiles'!$G$22=$B$24,21,0),MOD($C6915,24)+1)/SUM(INDEX($D$3:$AA$30,INDEX(Jesper!$R$2:$R$366,ROW(INDEX(Jesper!AL$2:AL$366,ROUNDDOWN($C6915/24,0)+1,1))-1)+IF('Standard Profiles'!$G$22=$B$10,7,0)+IF('Standard Profiles'!$G$22=$B$17,14,0)+IF('Standard Profiles'!$G$22=$B$24,21,0),0)),0)</f>
        <v>0</v>
      </c>
      <c r="I6915">
        <f t="shared" si="769"/>
        <v>0.17795511067304545</v>
      </c>
      <c r="J6915">
        <f t="shared" si="770"/>
        <v>0.59318370224348493</v>
      </c>
      <c r="K6915">
        <f t="shared" si="771"/>
        <v>0.8897755533652274</v>
      </c>
      <c r="L6915">
        <f t="shared" si="772"/>
        <v>10.238911726755452</v>
      </c>
      <c r="M6915">
        <f t="shared" si="773"/>
        <v>0</v>
      </c>
      <c r="N6915" s="46">
        <f t="shared" si="774"/>
        <v>45578.708333316645</v>
      </c>
    </row>
    <row r="6916" spans="2:14" x14ac:dyDescent="0.3">
      <c r="B6916">
        <f t="shared" si="768"/>
        <v>7</v>
      </c>
      <c r="C6916" s="16">
        <v>6882</v>
      </c>
      <c r="D6916" cm="1">
        <f t="array" ref="D6916">IFERROR(INDEX(Jesper!AH$2:AH$366,ROUNDDOWN($C6916/24,0)+1,1)*INDEX($D$3:$AA$30,INDEX(Jesper!$R$2:$R$366,ROW(INDEX(Jesper!AH$2:AH$366,ROUNDDOWN($C6916/24,0)+1,1))-1)+IF('Standard Profiles'!$G$18=$B$10,7,0)+IF('Standard Profiles'!$G$18=$B$17,14,0)+IF('Standard Profiles'!$G$18=$B$24,21,0),MOD($C6916,24)+1)/SUM(INDEX($D$3:$AA$30,INDEX(Jesper!$R$2:$R$366,ROW(INDEX(Jesper!AH$2:AH$366,ROUNDDOWN($C6916/24,0)+1,1))-1)+IF('Standard Profiles'!$G$18=$B$10,7,0)+IF('Standard Profiles'!$G$18=$B$17,14,0)+IF('Standard Profiles'!$G$18=$B$24,21,0),0)),0)</f>
        <v>9.2910440859770613</v>
      </c>
      <c r="E6916" cm="1">
        <f t="array" ref="E6916">IFERROR(INDEX(Jesper!AI$2:AI$366,ROUNDDOWN($C6916/24,0)+1,1)*INDEX($D$3:$AA$30,INDEX(Jesper!$R$2:$R$366,ROW(INDEX(Jesper!AI$2:AI$366,ROUNDDOWN($C6916/24,0)+1,1))-1)+IF('Standard Profiles'!$G$19=$B$10,7,0)+IF('Standard Profiles'!$G$19=$B$17,14,0)+IF('Standard Profiles'!$G$19=$B$24,21,0),MOD($C6916,24)+1)/SUM(INDEX($D$3:$AA$30,INDEX(Jesper!$R$2:$R$366,ROW(INDEX(Jesper!AI$2:AI$366,ROUNDDOWN($C6916/24,0)+1,1))-1)+IF('Standard Profiles'!$G$19=$B$10,7,0)+IF('Standard Profiles'!$G$19=$B$17,14,0)+IF('Standard Profiles'!$G$19=$B$24,21,0),0)),0)</f>
        <v>1.8492186394194763</v>
      </c>
      <c r="F6916" cm="1">
        <f t="array" ref="F6916">IFERROR(INDEX(Jesper!AJ$2:AJ$366,ROUNDDOWN($C6916/24,0)+1,1)*INDEX($D$3:$AA$30,INDEX(Jesper!$R$2:$R$366,ROW(INDEX(Jesper!AJ$2:AJ$366,ROUNDDOWN($C6916/24,0)+1,1))-1)+IF('Standard Profiles'!$G$20=$B$10,7,0)+IF('Standard Profiles'!$G$20=$B$17,14,0)+IF('Standard Profiles'!$G$20=$B$24,21,0),MOD($C6916,24)+1)/SUM(INDEX($D$3:$AA$30,INDEX(Jesper!$R$2:$R$366,ROW(INDEX(Jesper!AJ$2:AJ$366,ROUNDDOWN($C6916/24,0)+1,1))-1)+IF('Standard Profiles'!$G$20=$B$10,7,0)+IF('Standard Profiles'!$G$20=$B$17,14,0)+IF('Standard Profiles'!$G$20=$B$24,21,0),0)),0)</f>
        <v>0</v>
      </c>
      <c r="G6916" cm="1">
        <f t="array" ref="G6916">IFERROR(INDEX(Jesper!AK$2:AK$366,ROUNDDOWN($C6916/24,0)+1,1)*INDEX($D$3:$AA$30,INDEX(Jesper!$R$2:$R$366,ROW(INDEX(Jesper!AK$2:AK$366,ROUNDDOWN($C6916/24,0)+1,1))-1)+IF('Standard Profiles'!$G$21=$B$10,7,0)+IF('Standard Profiles'!$G$21=$B$17,14,0)+IF('Standard Profiles'!$G$21=$B$24,21,0),MOD($C6916,24)+1)/SUM(INDEX($D$3:$AA$30,INDEX(Jesper!$R$2:$R$366,ROW(INDEX(Jesper!AK$2:AK$366,ROUNDDOWN($C6916/24,0)+1,1))-1)+IF('Standard Profiles'!$G$21=$B$10,7,0)+IF('Standard Profiles'!$G$21=$B$17,14,0)+IF('Standard Profiles'!$G$21=$B$24,21,0),0)),0)</f>
        <v>0</v>
      </c>
      <c r="H6916" cm="1">
        <f t="array" ref="H6916">IFERROR(INDEX(Jesper!AL$2:AL$366,ROUNDDOWN($C6916/24,0)+1,1)*INDEX($D$3:$AA$30,INDEX(Jesper!$R$2:$R$366,ROW(INDEX(Jesper!AL$2:AL$366,ROUNDDOWN($C6916/24,0)+1,1))-1)+IF('Standard Profiles'!$G$22=$B$10,7,0)+IF('Standard Profiles'!$G$22=$B$17,14,0)+IF('Standard Profiles'!$G$22=$B$24,21,0),MOD($C6916,24)+1)/SUM(INDEX($D$3:$AA$30,INDEX(Jesper!$R$2:$R$366,ROW(INDEX(Jesper!AL$2:AL$366,ROUNDDOWN($C6916/24,0)+1,1))-1)+IF('Standard Profiles'!$G$22=$B$10,7,0)+IF('Standard Profiles'!$G$22=$B$17,14,0)+IF('Standard Profiles'!$G$22=$B$24,21,0),0)),0)</f>
        <v>0</v>
      </c>
      <c r="I6916">
        <f t="shared" si="769"/>
        <v>0.16659627382157449</v>
      </c>
      <c r="J6916">
        <f t="shared" si="770"/>
        <v>0.55532091273858164</v>
      </c>
      <c r="K6916">
        <f t="shared" si="771"/>
        <v>0.83298136910787257</v>
      </c>
      <c r="L6916">
        <f t="shared" si="772"/>
        <v>9.5853641697285088</v>
      </c>
      <c r="M6916">
        <f t="shared" si="773"/>
        <v>0</v>
      </c>
      <c r="N6916" s="46">
        <f t="shared" si="774"/>
        <v>45578.749999983309</v>
      </c>
    </row>
    <row r="6917" spans="2:14" x14ac:dyDescent="0.3">
      <c r="B6917">
        <f t="shared" si="768"/>
        <v>7</v>
      </c>
      <c r="C6917" s="16">
        <v>6883</v>
      </c>
      <c r="D6917" cm="1">
        <f t="array" ref="D6917">IFERROR(INDEX(Jesper!AH$2:AH$366,ROUNDDOWN($C6917/24,0)+1,1)*INDEX($D$3:$AA$30,INDEX(Jesper!$R$2:$R$366,ROW(INDEX(Jesper!AH$2:AH$366,ROUNDDOWN($C6917/24,0)+1,1))-1)+IF('Standard Profiles'!$G$18=$B$10,7,0)+IF('Standard Profiles'!$G$18=$B$17,14,0)+IF('Standard Profiles'!$G$18=$B$24,21,0),MOD($C6917,24)+1)/SUM(INDEX($D$3:$AA$30,INDEX(Jesper!$R$2:$R$366,ROW(INDEX(Jesper!AH$2:AH$366,ROUNDDOWN($C6917/24,0)+1,1))-1)+IF('Standard Profiles'!$G$18=$B$10,7,0)+IF('Standard Profiles'!$G$18=$B$17,14,0)+IF('Standard Profiles'!$G$18=$B$24,21,0),0)),0)</f>
        <v>7.8129234359352555</v>
      </c>
      <c r="E6917" cm="1">
        <f t="array" ref="E6917">IFERROR(INDEX(Jesper!AI$2:AI$366,ROUNDDOWN($C6917/24,0)+1,1)*INDEX($D$3:$AA$30,INDEX(Jesper!$R$2:$R$366,ROW(INDEX(Jesper!AI$2:AI$366,ROUNDDOWN($C6917/24,0)+1,1))-1)+IF('Standard Profiles'!$G$19=$B$10,7,0)+IF('Standard Profiles'!$G$19=$B$17,14,0)+IF('Standard Profiles'!$G$19=$B$24,21,0),MOD($C6917,24)+1)/SUM(INDEX($D$3:$AA$30,INDEX(Jesper!$R$2:$R$366,ROW(INDEX(Jesper!AI$2:AI$366,ROUNDDOWN($C6917/24,0)+1,1))-1)+IF('Standard Profiles'!$G$19=$B$10,7,0)+IF('Standard Profiles'!$G$19=$B$17,14,0)+IF('Standard Profiles'!$G$19=$B$24,21,0),0)),0)</f>
        <v>1.5550247649663778</v>
      </c>
      <c r="F6917" cm="1">
        <f t="array" ref="F6917">IFERROR(INDEX(Jesper!AJ$2:AJ$366,ROUNDDOWN($C6917/24,0)+1,1)*INDEX($D$3:$AA$30,INDEX(Jesper!$R$2:$R$366,ROW(INDEX(Jesper!AJ$2:AJ$366,ROUNDDOWN($C6917/24,0)+1,1))-1)+IF('Standard Profiles'!$G$20=$B$10,7,0)+IF('Standard Profiles'!$G$20=$B$17,14,0)+IF('Standard Profiles'!$G$20=$B$24,21,0),MOD($C6917,24)+1)/SUM(INDEX($D$3:$AA$30,INDEX(Jesper!$R$2:$R$366,ROW(INDEX(Jesper!AJ$2:AJ$366,ROUNDDOWN($C6917/24,0)+1,1))-1)+IF('Standard Profiles'!$G$20=$B$10,7,0)+IF('Standard Profiles'!$G$20=$B$17,14,0)+IF('Standard Profiles'!$G$20=$B$24,21,0),0)),0)</f>
        <v>0</v>
      </c>
      <c r="G6917" cm="1">
        <f t="array" ref="G6917">IFERROR(INDEX(Jesper!AK$2:AK$366,ROUNDDOWN($C6917/24,0)+1,1)*INDEX($D$3:$AA$30,INDEX(Jesper!$R$2:$R$366,ROW(INDEX(Jesper!AK$2:AK$366,ROUNDDOWN($C6917/24,0)+1,1))-1)+IF('Standard Profiles'!$G$21=$B$10,7,0)+IF('Standard Profiles'!$G$21=$B$17,14,0)+IF('Standard Profiles'!$G$21=$B$24,21,0),MOD($C6917,24)+1)/SUM(INDEX($D$3:$AA$30,INDEX(Jesper!$R$2:$R$366,ROW(INDEX(Jesper!AK$2:AK$366,ROUNDDOWN($C6917/24,0)+1,1))-1)+IF('Standard Profiles'!$G$21=$B$10,7,0)+IF('Standard Profiles'!$G$21=$B$17,14,0)+IF('Standard Profiles'!$G$21=$B$24,21,0),0)),0)</f>
        <v>0</v>
      </c>
      <c r="H6917" cm="1">
        <f t="array" ref="H6917">IFERROR(INDEX(Jesper!AL$2:AL$366,ROUNDDOWN($C6917/24,0)+1,1)*INDEX($D$3:$AA$30,INDEX(Jesper!$R$2:$R$366,ROW(INDEX(Jesper!AL$2:AL$366,ROUNDDOWN($C6917/24,0)+1,1))-1)+IF('Standard Profiles'!$G$22=$B$10,7,0)+IF('Standard Profiles'!$G$22=$B$17,14,0)+IF('Standard Profiles'!$G$22=$B$24,21,0),MOD($C6917,24)+1)/SUM(INDEX($D$3:$AA$30,INDEX(Jesper!$R$2:$R$366,ROW(INDEX(Jesper!AL$2:AL$366,ROUNDDOWN($C6917/24,0)+1,1))-1)+IF('Standard Profiles'!$G$22=$B$10,7,0)+IF('Standard Profiles'!$G$22=$B$17,14,0)+IF('Standard Profiles'!$G$22=$B$24,21,0),0)),0)</f>
        <v>0</v>
      </c>
      <c r="I6917">
        <f t="shared" si="769"/>
        <v>0.14009232116814219</v>
      </c>
      <c r="J6917">
        <f t="shared" si="770"/>
        <v>0.46697440389380729</v>
      </c>
      <c r="K6917">
        <f t="shared" si="771"/>
        <v>0.70046160584071093</v>
      </c>
      <c r="L6917">
        <f t="shared" si="772"/>
        <v>8.0604198699989738</v>
      </c>
      <c r="M6917">
        <f t="shared" si="773"/>
        <v>0</v>
      </c>
      <c r="N6917" s="46">
        <f t="shared" si="774"/>
        <v>45578.791666649973</v>
      </c>
    </row>
    <row r="6918" spans="2:14" x14ac:dyDescent="0.3">
      <c r="B6918">
        <f t="shared" si="768"/>
        <v>7</v>
      </c>
      <c r="C6918" s="16">
        <v>6884</v>
      </c>
      <c r="D6918" cm="1">
        <f t="array" ref="D6918">IFERROR(INDEX(Jesper!AH$2:AH$366,ROUNDDOWN($C6918/24,0)+1,1)*INDEX($D$3:$AA$30,INDEX(Jesper!$R$2:$R$366,ROW(INDEX(Jesper!AH$2:AH$366,ROUNDDOWN($C6918/24,0)+1,1))-1)+IF('Standard Profiles'!$G$18=$B$10,7,0)+IF('Standard Profiles'!$G$18=$B$17,14,0)+IF('Standard Profiles'!$G$18=$B$24,21,0),MOD($C6918,24)+1)/SUM(INDEX($D$3:$AA$30,INDEX(Jesper!$R$2:$R$366,ROW(INDEX(Jesper!AH$2:AH$366,ROUNDDOWN($C6918/24,0)+1,1))-1)+IF('Standard Profiles'!$G$18=$B$10,7,0)+IF('Standard Profiles'!$G$18=$B$17,14,0)+IF('Standard Profiles'!$G$18=$B$24,21,0),0)),0)</f>
        <v>6.5459628787565638</v>
      </c>
      <c r="E6918" cm="1">
        <f t="array" ref="E6918">IFERROR(INDEX(Jesper!AI$2:AI$366,ROUNDDOWN($C6918/24,0)+1,1)*INDEX($D$3:$AA$30,INDEX(Jesper!$R$2:$R$366,ROW(INDEX(Jesper!AI$2:AI$366,ROUNDDOWN($C6918/24,0)+1,1))-1)+IF('Standard Profiles'!$G$19=$B$10,7,0)+IF('Standard Profiles'!$G$19=$B$17,14,0)+IF('Standard Profiles'!$G$19=$B$24,21,0),MOD($C6918,24)+1)/SUM(INDEX($D$3:$AA$30,INDEX(Jesper!$R$2:$R$366,ROW(INDEX(Jesper!AI$2:AI$366,ROUNDDOWN($C6918/24,0)+1,1))-1)+IF('Standard Profiles'!$G$19=$B$10,7,0)+IF('Standard Profiles'!$G$19=$B$17,14,0)+IF('Standard Profiles'!$G$19=$B$24,21,0),0)),0)</f>
        <v>1.3028585868637219</v>
      </c>
      <c r="F6918" cm="1">
        <f t="array" ref="F6918">IFERROR(INDEX(Jesper!AJ$2:AJ$366,ROUNDDOWN($C6918/24,0)+1,1)*INDEX($D$3:$AA$30,INDEX(Jesper!$R$2:$R$366,ROW(INDEX(Jesper!AJ$2:AJ$366,ROUNDDOWN($C6918/24,0)+1,1))-1)+IF('Standard Profiles'!$G$20=$B$10,7,0)+IF('Standard Profiles'!$G$20=$B$17,14,0)+IF('Standard Profiles'!$G$20=$B$24,21,0),MOD($C6918,24)+1)/SUM(INDEX($D$3:$AA$30,INDEX(Jesper!$R$2:$R$366,ROW(INDEX(Jesper!AJ$2:AJ$366,ROUNDDOWN($C6918/24,0)+1,1))-1)+IF('Standard Profiles'!$G$20=$B$10,7,0)+IF('Standard Profiles'!$G$20=$B$17,14,0)+IF('Standard Profiles'!$G$20=$B$24,21,0),0)),0)</f>
        <v>0</v>
      </c>
      <c r="G6918" cm="1">
        <f t="array" ref="G6918">IFERROR(INDEX(Jesper!AK$2:AK$366,ROUNDDOWN($C6918/24,0)+1,1)*INDEX($D$3:$AA$30,INDEX(Jesper!$R$2:$R$366,ROW(INDEX(Jesper!AK$2:AK$366,ROUNDDOWN($C6918/24,0)+1,1))-1)+IF('Standard Profiles'!$G$21=$B$10,7,0)+IF('Standard Profiles'!$G$21=$B$17,14,0)+IF('Standard Profiles'!$G$21=$B$24,21,0),MOD($C6918,24)+1)/SUM(INDEX($D$3:$AA$30,INDEX(Jesper!$R$2:$R$366,ROW(INDEX(Jesper!AK$2:AK$366,ROUNDDOWN($C6918/24,0)+1,1))-1)+IF('Standard Profiles'!$G$21=$B$10,7,0)+IF('Standard Profiles'!$G$21=$B$17,14,0)+IF('Standard Profiles'!$G$21=$B$24,21,0),0)),0)</f>
        <v>0</v>
      </c>
      <c r="H6918" cm="1">
        <f t="array" ref="H6918">IFERROR(INDEX(Jesper!AL$2:AL$366,ROUNDDOWN($C6918/24,0)+1,1)*INDEX($D$3:$AA$30,INDEX(Jesper!$R$2:$R$366,ROW(INDEX(Jesper!AL$2:AL$366,ROUNDDOWN($C6918/24,0)+1,1))-1)+IF('Standard Profiles'!$G$22=$B$10,7,0)+IF('Standard Profiles'!$G$22=$B$17,14,0)+IF('Standard Profiles'!$G$22=$B$24,21,0),MOD($C6918,24)+1)/SUM(INDEX($D$3:$AA$30,INDEX(Jesper!$R$2:$R$366,ROW(INDEX(Jesper!AL$2:AL$366,ROUNDDOWN($C6918/24,0)+1,1))-1)+IF('Standard Profiles'!$G$22=$B$10,7,0)+IF('Standard Profiles'!$G$22=$B$17,14,0)+IF('Standard Profiles'!$G$22=$B$24,21,0),0)),0)</f>
        <v>0</v>
      </c>
      <c r="I6918">
        <f t="shared" si="769"/>
        <v>0.1173746474652002</v>
      </c>
      <c r="J6918">
        <f t="shared" si="770"/>
        <v>0.3912488248840007</v>
      </c>
      <c r="K6918">
        <f t="shared" si="771"/>
        <v>0.58687323732600105</v>
      </c>
      <c r="L6918">
        <f t="shared" si="772"/>
        <v>6.7533247559450835</v>
      </c>
      <c r="M6918">
        <f t="shared" si="773"/>
        <v>0</v>
      </c>
      <c r="N6918" s="46">
        <f t="shared" si="774"/>
        <v>45578.833333316637</v>
      </c>
    </row>
    <row r="6919" spans="2:14" x14ac:dyDescent="0.3">
      <c r="B6919">
        <f t="shared" si="768"/>
        <v>7</v>
      </c>
      <c r="C6919" s="16">
        <v>6885</v>
      </c>
      <c r="D6919" cm="1">
        <f t="array" ref="D6919">IFERROR(INDEX(Jesper!AH$2:AH$366,ROUNDDOWN($C6919/24,0)+1,1)*INDEX($D$3:$AA$30,INDEX(Jesper!$R$2:$R$366,ROW(INDEX(Jesper!AH$2:AH$366,ROUNDDOWN($C6919/24,0)+1,1))-1)+IF('Standard Profiles'!$G$18=$B$10,7,0)+IF('Standard Profiles'!$G$18=$B$17,14,0)+IF('Standard Profiles'!$G$18=$B$24,21,0),MOD($C6919,24)+1)/SUM(INDEX($D$3:$AA$30,INDEX(Jesper!$R$2:$R$366,ROW(INDEX(Jesper!AH$2:AH$366,ROUNDDOWN($C6919/24,0)+1,1))-1)+IF('Standard Profiles'!$G$18=$B$10,7,0)+IF('Standard Profiles'!$G$18=$B$17,14,0)+IF('Standard Profiles'!$G$18=$B$24,21,0),0)),0)</f>
        <v>5.7013225073041047</v>
      </c>
      <c r="E6919" cm="1">
        <f t="array" ref="E6919">IFERROR(INDEX(Jesper!AI$2:AI$366,ROUNDDOWN($C6919/24,0)+1,1)*INDEX($D$3:$AA$30,INDEX(Jesper!$R$2:$R$366,ROW(INDEX(Jesper!AI$2:AI$366,ROUNDDOWN($C6919/24,0)+1,1))-1)+IF('Standard Profiles'!$G$19=$B$10,7,0)+IF('Standard Profiles'!$G$19=$B$17,14,0)+IF('Standard Profiles'!$G$19=$B$24,21,0),MOD($C6919,24)+1)/SUM(INDEX($D$3:$AA$30,INDEX(Jesper!$R$2:$R$366,ROW(INDEX(Jesper!AI$2:AI$366,ROUNDDOWN($C6919/24,0)+1,1))-1)+IF('Standard Profiles'!$G$19=$B$10,7,0)+IF('Standard Profiles'!$G$19=$B$17,14,0)+IF('Standard Profiles'!$G$19=$B$24,21,0),0)),0)</f>
        <v>1.1347478014619514</v>
      </c>
      <c r="F6919" cm="1">
        <f t="array" ref="F6919">IFERROR(INDEX(Jesper!AJ$2:AJ$366,ROUNDDOWN($C6919/24,0)+1,1)*INDEX($D$3:$AA$30,INDEX(Jesper!$R$2:$R$366,ROW(INDEX(Jesper!AJ$2:AJ$366,ROUNDDOWN($C6919/24,0)+1,1))-1)+IF('Standard Profiles'!$G$20=$B$10,7,0)+IF('Standard Profiles'!$G$20=$B$17,14,0)+IF('Standard Profiles'!$G$20=$B$24,21,0),MOD($C6919,24)+1)/SUM(INDEX($D$3:$AA$30,INDEX(Jesper!$R$2:$R$366,ROW(INDEX(Jesper!AJ$2:AJ$366,ROUNDDOWN($C6919/24,0)+1,1))-1)+IF('Standard Profiles'!$G$20=$B$10,7,0)+IF('Standard Profiles'!$G$20=$B$17,14,0)+IF('Standard Profiles'!$G$20=$B$24,21,0),0)),0)</f>
        <v>0</v>
      </c>
      <c r="G6919" cm="1">
        <f t="array" ref="G6919">IFERROR(INDEX(Jesper!AK$2:AK$366,ROUNDDOWN($C6919/24,0)+1,1)*INDEX($D$3:$AA$30,INDEX(Jesper!$R$2:$R$366,ROW(INDEX(Jesper!AK$2:AK$366,ROUNDDOWN($C6919/24,0)+1,1))-1)+IF('Standard Profiles'!$G$21=$B$10,7,0)+IF('Standard Profiles'!$G$21=$B$17,14,0)+IF('Standard Profiles'!$G$21=$B$24,21,0),MOD($C6919,24)+1)/SUM(INDEX($D$3:$AA$30,INDEX(Jesper!$R$2:$R$366,ROW(INDEX(Jesper!AK$2:AK$366,ROUNDDOWN($C6919/24,0)+1,1))-1)+IF('Standard Profiles'!$G$21=$B$10,7,0)+IF('Standard Profiles'!$G$21=$B$17,14,0)+IF('Standard Profiles'!$G$21=$B$24,21,0),0)),0)</f>
        <v>0</v>
      </c>
      <c r="H6919" cm="1">
        <f t="array" ref="H6919">IFERROR(INDEX(Jesper!AL$2:AL$366,ROUNDDOWN($C6919/24,0)+1,1)*INDEX($D$3:$AA$30,INDEX(Jesper!$R$2:$R$366,ROW(INDEX(Jesper!AL$2:AL$366,ROUNDDOWN($C6919/24,0)+1,1))-1)+IF('Standard Profiles'!$G$22=$B$10,7,0)+IF('Standard Profiles'!$G$22=$B$17,14,0)+IF('Standard Profiles'!$G$22=$B$24,21,0),MOD($C6919,24)+1)/SUM(INDEX($D$3:$AA$30,INDEX(Jesper!$R$2:$R$366,ROW(INDEX(Jesper!AL$2:AL$366,ROUNDDOWN($C6919/24,0)+1,1))-1)+IF('Standard Profiles'!$G$22=$B$10,7,0)+IF('Standard Profiles'!$G$22=$B$17,14,0)+IF('Standard Profiles'!$G$22=$B$24,21,0),0)),0)</f>
        <v>0</v>
      </c>
      <c r="I6919">
        <f t="shared" si="769"/>
        <v>0.10222953166323889</v>
      </c>
      <c r="J6919">
        <f t="shared" si="770"/>
        <v>0.3407651055441297</v>
      </c>
      <c r="K6919">
        <f t="shared" si="771"/>
        <v>0.51114765831619458</v>
      </c>
      <c r="L6919">
        <f t="shared" si="772"/>
        <v>5.8819280132424927</v>
      </c>
      <c r="M6919">
        <f t="shared" si="773"/>
        <v>0</v>
      </c>
      <c r="N6919" s="46">
        <f t="shared" si="774"/>
        <v>45578.874999983302</v>
      </c>
    </row>
    <row r="6920" spans="2:14" x14ac:dyDescent="0.3">
      <c r="B6920">
        <f t="shared" si="768"/>
        <v>7</v>
      </c>
      <c r="C6920" s="16">
        <v>6886</v>
      </c>
      <c r="D6920" cm="1">
        <f t="array" ref="D6920">IFERROR(INDEX(Jesper!AH$2:AH$366,ROUNDDOWN($C6920/24,0)+1,1)*INDEX($D$3:$AA$30,INDEX(Jesper!$R$2:$R$366,ROW(INDEX(Jesper!AH$2:AH$366,ROUNDDOWN($C6920/24,0)+1,1))-1)+IF('Standard Profiles'!$G$18=$B$10,7,0)+IF('Standard Profiles'!$G$18=$B$17,14,0)+IF('Standard Profiles'!$G$18=$B$24,21,0),MOD($C6920,24)+1)/SUM(INDEX($D$3:$AA$30,INDEX(Jesper!$R$2:$R$366,ROW(INDEX(Jesper!AH$2:AH$366,ROUNDDOWN($C6920/24,0)+1,1))-1)+IF('Standard Profiles'!$G$18=$B$10,7,0)+IF('Standard Profiles'!$G$18=$B$17,14,0)+IF('Standard Profiles'!$G$18=$B$24,21,0),0)),0)</f>
        <v>5.7013225073041047</v>
      </c>
      <c r="E6920" cm="1">
        <f t="array" ref="E6920">IFERROR(INDEX(Jesper!AI$2:AI$366,ROUNDDOWN($C6920/24,0)+1,1)*INDEX($D$3:$AA$30,INDEX(Jesper!$R$2:$R$366,ROW(INDEX(Jesper!AI$2:AI$366,ROUNDDOWN($C6920/24,0)+1,1))-1)+IF('Standard Profiles'!$G$19=$B$10,7,0)+IF('Standard Profiles'!$G$19=$B$17,14,0)+IF('Standard Profiles'!$G$19=$B$24,21,0),MOD($C6920,24)+1)/SUM(INDEX($D$3:$AA$30,INDEX(Jesper!$R$2:$R$366,ROW(INDEX(Jesper!AI$2:AI$366,ROUNDDOWN($C6920/24,0)+1,1))-1)+IF('Standard Profiles'!$G$19=$B$10,7,0)+IF('Standard Profiles'!$G$19=$B$17,14,0)+IF('Standard Profiles'!$G$19=$B$24,21,0),0)),0)</f>
        <v>1.1347478014619514</v>
      </c>
      <c r="F6920" cm="1">
        <f t="array" ref="F6920">IFERROR(INDEX(Jesper!AJ$2:AJ$366,ROUNDDOWN($C6920/24,0)+1,1)*INDEX($D$3:$AA$30,INDEX(Jesper!$R$2:$R$366,ROW(INDEX(Jesper!AJ$2:AJ$366,ROUNDDOWN($C6920/24,0)+1,1))-1)+IF('Standard Profiles'!$G$20=$B$10,7,0)+IF('Standard Profiles'!$G$20=$B$17,14,0)+IF('Standard Profiles'!$G$20=$B$24,21,0),MOD($C6920,24)+1)/SUM(INDEX($D$3:$AA$30,INDEX(Jesper!$R$2:$R$366,ROW(INDEX(Jesper!AJ$2:AJ$366,ROUNDDOWN($C6920/24,0)+1,1))-1)+IF('Standard Profiles'!$G$20=$B$10,7,0)+IF('Standard Profiles'!$G$20=$B$17,14,0)+IF('Standard Profiles'!$G$20=$B$24,21,0),0)),0)</f>
        <v>0</v>
      </c>
      <c r="G6920" cm="1">
        <f t="array" ref="G6920">IFERROR(INDEX(Jesper!AK$2:AK$366,ROUNDDOWN($C6920/24,0)+1,1)*INDEX($D$3:$AA$30,INDEX(Jesper!$R$2:$R$366,ROW(INDEX(Jesper!AK$2:AK$366,ROUNDDOWN($C6920/24,0)+1,1))-1)+IF('Standard Profiles'!$G$21=$B$10,7,0)+IF('Standard Profiles'!$G$21=$B$17,14,0)+IF('Standard Profiles'!$G$21=$B$24,21,0),MOD($C6920,24)+1)/SUM(INDEX($D$3:$AA$30,INDEX(Jesper!$R$2:$R$366,ROW(INDEX(Jesper!AK$2:AK$366,ROUNDDOWN($C6920/24,0)+1,1))-1)+IF('Standard Profiles'!$G$21=$B$10,7,0)+IF('Standard Profiles'!$G$21=$B$17,14,0)+IF('Standard Profiles'!$G$21=$B$24,21,0),0)),0)</f>
        <v>0</v>
      </c>
      <c r="H6920" cm="1">
        <f t="array" ref="H6920">IFERROR(INDEX(Jesper!AL$2:AL$366,ROUNDDOWN($C6920/24,0)+1,1)*INDEX($D$3:$AA$30,INDEX(Jesper!$R$2:$R$366,ROW(INDEX(Jesper!AL$2:AL$366,ROUNDDOWN($C6920/24,0)+1,1))-1)+IF('Standard Profiles'!$G$22=$B$10,7,0)+IF('Standard Profiles'!$G$22=$B$17,14,0)+IF('Standard Profiles'!$G$22=$B$24,21,0),MOD($C6920,24)+1)/SUM(INDEX($D$3:$AA$30,INDEX(Jesper!$R$2:$R$366,ROW(INDEX(Jesper!AL$2:AL$366,ROUNDDOWN($C6920/24,0)+1,1))-1)+IF('Standard Profiles'!$G$22=$B$10,7,0)+IF('Standard Profiles'!$G$22=$B$17,14,0)+IF('Standard Profiles'!$G$22=$B$24,21,0),0)),0)</f>
        <v>0</v>
      </c>
      <c r="I6920">
        <f t="shared" si="769"/>
        <v>0.10222953166323889</v>
      </c>
      <c r="J6920">
        <f t="shared" si="770"/>
        <v>0.3407651055441297</v>
      </c>
      <c r="K6920">
        <f t="shared" si="771"/>
        <v>0.51114765831619458</v>
      </c>
      <c r="L6920">
        <f t="shared" si="772"/>
        <v>5.8819280132424927</v>
      </c>
      <c r="M6920">
        <f t="shared" si="773"/>
        <v>0</v>
      </c>
      <c r="N6920" s="46">
        <f t="shared" si="774"/>
        <v>45578.916666649966</v>
      </c>
    </row>
    <row r="6921" spans="2:14" x14ac:dyDescent="0.3">
      <c r="B6921">
        <f t="shared" si="768"/>
        <v>7</v>
      </c>
      <c r="C6921" s="16">
        <v>6887</v>
      </c>
      <c r="D6921" cm="1">
        <f t="array" ref="D6921">IFERROR(INDEX(Jesper!AH$2:AH$366,ROUNDDOWN($C6921/24,0)+1,1)*INDEX($D$3:$AA$30,INDEX(Jesper!$R$2:$R$366,ROW(INDEX(Jesper!AH$2:AH$366,ROUNDDOWN($C6921/24,0)+1,1))-1)+IF('Standard Profiles'!$G$18=$B$10,7,0)+IF('Standard Profiles'!$G$18=$B$17,14,0)+IF('Standard Profiles'!$G$18=$B$24,21,0),MOD($C6921,24)+1)/SUM(INDEX($D$3:$AA$30,INDEX(Jesper!$R$2:$R$366,ROW(INDEX(Jesper!AH$2:AH$366,ROUNDDOWN($C6921/24,0)+1,1))-1)+IF('Standard Profiles'!$G$18=$B$10,7,0)+IF('Standard Profiles'!$G$18=$B$17,14,0)+IF('Standard Profiles'!$G$18=$B$24,21,0),0)),0)</f>
        <v>5.7013225073041047</v>
      </c>
      <c r="E6921" cm="1">
        <f t="array" ref="E6921">IFERROR(INDEX(Jesper!AI$2:AI$366,ROUNDDOWN($C6921/24,0)+1,1)*INDEX($D$3:$AA$30,INDEX(Jesper!$R$2:$R$366,ROW(INDEX(Jesper!AI$2:AI$366,ROUNDDOWN($C6921/24,0)+1,1))-1)+IF('Standard Profiles'!$G$19=$B$10,7,0)+IF('Standard Profiles'!$G$19=$B$17,14,0)+IF('Standard Profiles'!$G$19=$B$24,21,0),MOD($C6921,24)+1)/SUM(INDEX($D$3:$AA$30,INDEX(Jesper!$R$2:$R$366,ROW(INDEX(Jesper!AI$2:AI$366,ROUNDDOWN($C6921/24,0)+1,1))-1)+IF('Standard Profiles'!$G$19=$B$10,7,0)+IF('Standard Profiles'!$G$19=$B$17,14,0)+IF('Standard Profiles'!$G$19=$B$24,21,0),0)),0)</f>
        <v>1.1347478014619514</v>
      </c>
      <c r="F6921" cm="1">
        <f t="array" ref="F6921">IFERROR(INDEX(Jesper!AJ$2:AJ$366,ROUNDDOWN($C6921/24,0)+1,1)*INDEX($D$3:$AA$30,INDEX(Jesper!$R$2:$R$366,ROW(INDEX(Jesper!AJ$2:AJ$366,ROUNDDOWN($C6921/24,0)+1,1))-1)+IF('Standard Profiles'!$G$20=$B$10,7,0)+IF('Standard Profiles'!$G$20=$B$17,14,0)+IF('Standard Profiles'!$G$20=$B$24,21,0),MOD($C6921,24)+1)/SUM(INDEX($D$3:$AA$30,INDEX(Jesper!$R$2:$R$366,ROW(INDEX(Jesper!AJ$2:AJ$366,ROUNDDOWN($C6921/24,0)+1,1))-1)+IF('Standard Profiles'!$G$20=$B$10,7,0)+IF('Standard Profiles'!$G$20=$B$17,14,0)+IF('Standard Profiles'!$G$20=$B$24,21,0),0)),0)</f>
        <v>0</v>
      </c>
      <c r="G6921" cm="1">
        <f t="array" ref="G6921">IFERROR(INDEX(Jesper!AK$2:AK$366,ROUNDDOWN($C6921/24,0)+1,1)*INDEX($D$3:$AA$30,INDEX(Jesper!$R$2:$R$366,ROW(INDEX(Jesper!AK$2:AK$366,ROUNDDOWN($C6921/24,0)+1,1))-1)+IF('Standard Profiles'!$G$21=$B$10,7,0)+IF('Standard Profiles'!$G$21=$B$17,14,0)+IF('Standard Profiles'!$G$21=$B$24,21,0),MOD($C6921,24)+1)/SUM(INDEX($D$3:$AA$30,INDEX(Jesper!$R$2:$R$366,ROW(INDEX(Jesper!AK$2:AK$366,ROUNDDOWN($C6921/24,0)+1,1))-1)+IF('Standard Profiles'!$G$21=$B$10,7,0)+IF('Standard Profiles'!$G$21=$B$17,14,0)+IF('Standard Profiles'!$G$21=$B$24,21,0),0)),0)</f>
        <v>0</v>
      </c>
      <c r="H6921" cm="1">
        <f t="array" ref="H6921">IFERROR(INDEX(Jesper!AL$2:AL$366,ROUNDDOWN($C6921/24,0)+1,1)*INDEX($D$3:$AA$30,INDEX(Jesper!$R$2:$R$366,ROW(INDEX(Jesper!AL$2:AL$366,ROUNDDOWN($C6921/24,0)+1,1))-1)+IF('Standard Profiles'!$G$22=$B$10,7,0)+IF('Standard Profiles'!$G$22=$B$17,14,0)+IF('Standard Profiles'!$G$22=$B$24,21,0),MOD($C6921,24)+1)/SUM(INDEX($D$3:$AA$30,INDEX(Jesper!$R$2:$R$366,ROW(INDEX(Jesper!AL$2:AL$366,ROUNDDOWN($C6921/24,0)+1,1))-1)+IF('Standard Profiles'!$G$22=$B$10,7,0)+IF('Standard Profiles'!$G$22=$B$17,14,0)+IF('Standard Profiles'!$G$22=$B$24,21,0),0)),0)</f>
        <v>0</v>
      </c>
      <c r="I6921">
        <f t="shared" si="769"/>
        <v>0.10222953166323889</v>
      </c>
      <c r="J6921">
        <f t="shared" si="770"/>
        <v>0.3407651055441297</v>
      </c>
      <c r="K6921">
        <f t="shared" si="771"/>
        <v>0.51114765831619458</v>
      </c>
      <c r="L6921">
        <f t="shared" si="772"/>
        <v>5.8819280132424927</v>
      </c>
      <c r="M6921">
        <f t="shared" si="773"/>
        <v>0</v>
      </c>
      <c r="N6921" s="46">
        <f t="shared" si="774"/>
        <v>45578.95833331663</v>
      </c>
    </row>
    <row r="6922" spans="2:14" x14ac:dyDescent="0.3">
      <c r="B6922">
        <f t="shared" si="768"/>
        <v>1</v>
      </c>
      <c r="C6922" s="16">
        <v>6888</v>
      </c>
      <c r="D6922" cm="1">
        <f t="array" ref="D6922">IFERROR(INDEX(Jesper!AH$2:AH$366,ROUNDDOWN($C6922/24,0)+1,1)*INDEX($D$3:$AA$30,INDEX(Jesper!$R$2:$R$366,ROW(INDEX(Jesper!AH$2:AH$366,ROUNDDOWN($C6922/24,0)+1,1))-1)+IF('Standard Profiles'!$G$18=$B$10,7,0)+IF('Standard Profiles'!$G$18=$B$17,14,0)+IF('Standard Profiles'!$G$18=$B$24,21,0),MOD($C6922,24)+1)/SUM(INDEX($D$3:$AA$30,INDEX(Jesper!$R$2:$R$366,ROW(INDEX(Jesper!AH$2:AH$366,ROUNDDOWN($C6922/24,0)+1,1))-1)+IF('Standard Profiles'!$G$18=$B$10,7,0)+IF('Standard Profiles'!$G$18=$B$17,14,0)+IF('Standard Profiles'!$G$18=$B$24,21,0),0)),0)</f>
        <v>2.5421960112219582</v>
      </c>
      <c r="E6922" cm="1">
        <f t="array" ref="E6922">IFERROR(INDEX(Jesper!AI$2:AI$366,ROUNDDOWN($C6922/24,0)+1,1)*INDEX($D$3:$AA$30,INDEX(Jesper!$R$2:$R$366,ROW(INDEX(Jesper!AI$2:AI$366,ROUNDDOWN($C6922/24,0)+1,1))-1)+IF('Standard Profiles'!$G$19=$B$10,7,0)+IF('Standard Profiles'!$G$19=$B$17,14,0)+IF('Standard Profiles'!$G$19=$B$24,21,0),MOD($C6922,24)+1)/SUM(INDEX($D$3:$AA$30,INDEX(Jesper!$R$2:$R$366,ROW(INDEX(Jesper!AI$2:AI$366,ROUNDDOWN($C6922/24,0)+1,1))-1)+IF('Standard Profiles'!$G$19=$B$10,7,0)+IF('Standard Profiles'!$G$19=$B$17,14,0)+IF('Standard Profiles'!$G$19=$B$24,21,0),0)),0)</f>
        <v>0</v>
      </c>
      <c r="F6922" cm="1">
        <f t="array" ref="F6922">IFERROR(INDEX(Jesper!AJ$2:AJ$366,ROUNDDOWN($C6922/24,0)+1,1)*INDEX($D$3:$AA$30,INDEX(Jesper!$R$2:$R$366,ROW(INDEX(Jesper!AJ$2:AJ$366,ROUNDDOWN($C6922/24,0)+1,1))-1)+IF('Standard Profiles'!$G$20=$B$10,7,0)+IF('Standard Profiles'!$G$20=$B$17,14,0)+IF('Standard Profiles'!$G$20=$B$24,21,0),MOD($C6922,24)+1)/SUM(INDEX($D$3:$AA$30,INDEX(Jesper!$R$2:$R$366,ROW(INDEX(Jesper!AJ$2:AJ$366,ROUNDDOWN($C6922/24,0)+1,1))-1)+IF('Standard Profiles'!$G$20=$B$10,7,0)+IF('Standard Profiles'!$G$20=$B$17,14,0)+IF('Standard Profiles'!$G$20=$B$24,21,0),0)),0)</f>
        <v>0</v>
      </c>
      <c r="G6922" cm="1">
        <f t="array" ref="G6922">IFERROR(INDEX(Jesper!AK$2:AK$366,ROUNDDOWN($C6922/24,0)+1,1)*INDEX($D$3:$AA$30,INDEX(Jesper!$R$2:$R$366,ROW(INDEX(Jesper!AK$2:AK$366,ROUNDDOWN($C6922/24,0)+1,1))-1)+IF('Standard Profiles'!$G$21=$B$10,7,0)+IF('Standard Profiles'!$G$21=$B$17,14,0)+IF('Standard Profiles'!$G$21=$B$24,21,0),MOD($C6922,24)+1)/SUM(INDEX($D$3:$AA$30,INDEX(Jesper!$R$2:$R$366,ROW(INDEX(Jesper!AK$2:AK$366,ROUNDDOWN($C6922/24,0)+1,1))-1)+IF('Standard Profiles'!$G$21=$B$10,7,0)+IF('Standard Profiles'!$G$21=$B$17,14,0)+IF('Standard Profiles'!$G$21=$B$24,21,0),0)),0)</f>
        <v>0</v>
      </c>
      <c r="H6922" cm="1">
        <f t="array" ref="H6922">IFERROR(INDEX(Jesper!AL$2:AL$366,ROUNDDOWN($C6922/24,0)+1,1)*INDEX($D$3:$AA$30,INDEX(Jesper!$R$2:$R$366,ROW(INDEX(Jesper!AL$2:AL$366,ROUNDDOWN($C6922/24,0)+1,1))-1)+IF('Standard Profiles'!$G$22=$B$10,7,0)+IF('Standard Profiles'!$G$22=$B$17,14,0)+IF('Standard Profiles'!$G$22=$B$24,21,0),MOD($C6922,24)+1)/SUM(INDEX($D$3:$AA$30,INDEX(Jesper!$R$2:$R$366,ROW(INDEX(Jesper!AL$2:AL$366,ROUNDDOWN($C6922/24,0)+1,1))-1)+IF('Standard Profiles'!$G$22=$B$10,7,0)+IF('Standard Profiles'!$G$22=$B$17,14,0)+IF('Standard Profiles'!$G$22=$B$24,21,0),0)),0)</f>
        <v>0</v>
      </c>
      <c r="I6922">
        <f t="shared" si="769"/>
        <v>7.6265880336658737E-2</v>
      </c>
      <c r="J6922">
        <f t="shared" si="770"/>
        <v>0.25421960112219583</v>
      </c>
      <c r="K6922">
        <f t="shared" si="771"/>
        <v>0.38132940168329371</v>
      </c>
      <c r="L6922">
        <f t="shared" si="772"/>
        <v>1.8303811280798099</v>
      </c>
      <c r="M6922">
        <f t="shared" si="773"/>
        <v>0</v>
      </c>
      <c r="N6922" s="46">
        <f t="shared" si="774"/>
        <v>45578.999999983294</v>
      </c>
    </row>
    <row r="6923" spans="2:14" x14ac:dyDescent="0.3">
      <c r="B6923">
        <f t="shared" si="768"/>
        <v>1</v>
      </c>
      <c r="C6923" s="16">
        <v>6889</v>
      </c>
      <c r="D6923" cm="1">
        <f t="array" ref="D6923">IFERROR(INDEX(Jesper!AH$2:AH$366,ROUNDDOWN($C6923/24,0)+1,1)*INDEX($D$3:$AA$30,INDEX(Jesper!$R$2:$R$366,ROW(INDEX(Jesper!AH$2:AH$366,ROUNDDOWN($C6923/24,0)+1,1))-1)+IF('Standard Profiles'!$G$18=$B$10,7,0)+IF('Standard Profiles'!$G$18=$B$17,14,0)+IF('Standard Profiles'!$G$18=$B$24,21,0),MOD($C6923,24)+1)/SUM(INDEX($D$3:$AA$30,INDEX(Jesper!$R$2:$R$366,ROW(INDEX(Jesper!AH$2:AH$366,ROUNDDOWN($C6923/24,0)+1,1))-1)+IF('Standard Profiles'!$G$18=$B$10,7,0)+IF('Standard Profiles'!$G$18=$B$17,14,0)+IF('Standard Profiles'!$G$18=$B$24,21,0),0)),0)</f>
        <v>2.5421960112219582</v>
      </c>
      <c r="E6923" cm="1">
        <f t="array" ref="E6923">IFERROR(INDEX(Jesper!AI$2:AI$366,ROUNDDOWN($C6923/24,0)+1,1)*INDEX($D$3:$AA$30,INDEX(Jesper!$R$2:$R$366,ROW(INDEX(Jesper!AI$2:AI$366,ROUNDDOWN($C6923/24,0)+1,1))-1)+IF('Standard Profiles'!$G$19=$B$10,7,0)+IF('Standard Profiles'!$G$19=$B$17,14,0)+IF('Standard Profiles'!$G$19=$B$24,21,0),MOD($C6923,24)+1)/SUM(INDEX($D$3:$AA$30,INDEX(Jesper!$R$2:$R$366,ROW(INDEX(Jesper!AI$2:AI$366,ROUNDDOWN($C6923/24,0)+1,1))-1)+IF('Standard Profiles'!$G$19=$B$10,7,0)+IF('Standard Profiles'!$G$19=$B$17,14,0)+IF('Standard Profiles'!$G$19=$B$24,21,0),0)),0)</f>
        <v>0</v>
      </c>
      <c r="F6923" cm="1">
        <f t="array" ref="F6923">IFERROR(INDEX(Jesper!AJ$2:AJ$366,ROUNDDOWN($C6923/24,0)+1,1)*INDEX($D$3:$AA$30,INDEX(Jesper!$R$2:$R$366,ROW(INDEX(Jesper!AJ$2:AJ$366,ROUNDDOWN($C6923/24,0)+1,1))-1)+IF('Standard Profiles'!$G$20=$B$10,7,0)+IF('Standard Profiles'!$G$20=$B$17,14,0)+IF('Standard Profiles'!$G$20=$B$24,21,0),MOD($C6923,24)+1)/SUM(INDEX($D$3:$AA$30,INDEX(Jesper!$R$2:$R$366,ROW(INDEX(Jesper!AJ$2:AJ$366,ROUNDDOWN($C6923/24,0)+1,1))-1)+IF('Standard Profiles'!$G$20=$B$10,7,0)+IF('Standard Profiles'!$G$20=$B$17,14,0)+IF('Standard Profiles'!$G$20=$B$24,21,0),0)),0)</f>
        <v>0</v>
      </c>
      <c r="G6923" cm="1">
        <f t="array" ref="G6923">IFERROR(INDEX(Jesper!AK$2:AK$366,ROUNDDOWN($C6923/24,0)+1,1)*INDEX($D$3:$AA$30,INDEX(Jesper!$R$2:$R$366,ROW(INDEX(Jesper!AK$2:AK$366,ROUNDDOWN($C6923/24,0)+1,1))-1)+IF('Standard Profiles'!$G$21=$B$10,7,0)+IF('Standard Profiles'!$G$21=$B$17,14,0)+IF('Standard Profiles'!$G$21=$B$24,21,0),MOD($C6923,24)+1)/SUM(INDEX($D$3:$AA$30,INDEX(Jesper!$R$2:$R$366,ROW(INDEX(Jesper!AK$2:AK$366,ROUNDDOWN($C6923/24,0)+1,1))-1)+IF('Standard Profiles'!$G$21=$B$10,7,0)+IF('Standard Profiles'!$G$21=$B$17,14,0)+IF('Standard Profiles'!$G$21=$B$24,21,0),0)),0)</f>
        <v>0</v>
      </c>
      <c r="H6923" cm="1">
        <f t="array" ref="H6923">IFERROR(INDEX(Jesper!AL$2:AL$366,ROUNDDOWN($C6923/24,0)+1,1)*INDEX($D$3:$AA$30,INDEX(Jesper!$R$2:$R$366,ROW(INDEX(Jesper!AL$2:AL$366,ROUNDDOWN($C6923/24,0)+1,1))-1)+IF('Standard Profiles'!$G$22=$B$10,7,0)+IF('Standard Profiles'!$G$22=$B$17,14,0)+IF('Standard Profiles'!$G$22=$B$24,21,0),MOD($C6923,24)+1)/SUM(INDEX($D$3:$AA$30,INDEX(Jesper!$R$2:$R$366,ROW(INDEX(Jesper!AL$2:AL$366,ROUNDDOWN($C6923/24,0)+1,1))-1)+IF('Standard Profiles'!$G$22=$B$10,7,0)+IF('Standard Profiles'!$G$22=$B$17,14,0)+IF('Standard Profiles'!$G$22=$B$24,21,0),0)),0)</f>
        <v>0</v>
      </c>
      <c r="I6923">
        <f t="shared" si="769"/>
        <v>7.6265880336658737E-2</v>
      </c>
      <c r="J6923">
        <f t="shared" si="770"/>
        <v>0.25421960112219583</v>
      </c>
      <c r="K6923">
        <f t="shared" si="771"/>
        <v>0.38132940168329371</v>
      </c>
      <c r="L6923">
        <f t="shared" si="772"/>
        <v>1.8303811280798099</v>
      </c>
      <c r="M6923">
        <f t="shared" si="773"/>
        <v>0</v>
      </c>
      <c r="N6923" s="46">
        <f t="shared" si="774"/>
        <v>45579.041666649959</v>
      </c>
    </row>
    <row r="6924" spans="2:14" x14ac:dyDescent="0.3">
      <c r="B6924">
        <f t="shared" si="768"/>
        <v>1</v>
      </c>
      <c r="C6924" s="16">
        <v>6890</v>
      </c>
      <c r="D6924" cm="1">
        <f t="array" ref="D6924">IFERROR(INDEX(Jesper!AH$2:AH$366,ROUNDDOWN($C6924/24,0)+1,1)*INDEX($D$3:$AA$30,INDEX(Jesper!$R$2:$R$366,ROW(INDEX(Jesper!AH$2:AH$366,ROUNDDOWN($C6924/24,0)+1,1))-1)+IF('Standard Profiles'!$G$18=$B$10,7,0)+IF('Standard Profiles'!$G$18=$B$17,14,0)+IF('Standard Profiles'!$G$18=$B$24,21,0),MOD($C6924,24)+1)/SUM(INDEX($D$3:$AA$30,INDEX(Jesper!$R$2:$R$366,ROW(INDEX(Jesper!AH$2:AH$366,ROUNDDOWN($C6924/24,0)+1,1))-1)+IF('Standard Profiles'!$G$18=$B$10,7,0)+IF('Standard Profiles'!$G$18=$B$17,14,0)+IF('Standard Profiles'!$G$18=$B$24,21,0),0)),0)</f>
        <v>2.5421960112219582</v>
      </c>
      <c r="E6924" cm="1">
        <f t="array" ref="E6924">IFERROR(INDEX(Jesper!AI$2:AI$366,ROUNDDOWN($C6924/24,0)+1,1)*INDEX($D$3:$AA$30,INDEX(Jesper!$R$2:$R$366,ROW(INDEX(Jesper!AI$2:AI$366,ROUNDDOWN($C6924/24,0)+1,1))-1)+IF('Standard Profiles'!$G$19=$B$10,7,0)+IF('Standard Profiles'!$G$19=$B$17,14,0)+IF('Standard Profiles'!$G$19=$B$24,21,0),MOD($C6924,24)+1)/SUM(INDEX($D$3:$AA$30,INDEX(Jesper!$R$2:$R$366,ROW(INDEX(Jesper!AI$2:AI$366,ROUNDDOWN($C6924/24,0)+1,1))-1)+IF('Standard Profiles'!$G$19=$B$10,7,0)+IF('Standard Profiles'!$G$19=$B$17,14,0)+IF('Standard Profiles'!$G$19=$B$24,21,0),0)),0)</f>
        <v>0</v>
      </c>
      <c r="F6924" cm="1">
        <f t="array" ref="F6924">IFERROR(INDEX(Jesper!AJ$2:AJ$366,ROUNDDOWN($C6924/24,0)+1,1)*INDEX($D$3:$AA$30,INDEX(Jesper!$R$2:$R$366,ROW(INDEX(Jesper!AJ$2:AJ$366,ROUNDDOWN($C6924/24,0)+1,1))-1)+IF('Standard Profiles'!$G$20=$B$10,7,0)+IF('Standard Profiles'!$G$20=$B$17,14,0)+IF('Standard Profiles'!$G$20=$B$24,21,0),MOD($C6924,24)+1)/SUM(INDEX($D$3:$AA$30,INDEX(Jesper!$R$2:$R$366,ROW(INDEX(Jesper!AJ$2:AJ$366,ROUNDDOWN($C6924/24,0)+1,1))-1)+IF('Standard Profiles'!$G$20=$B$10,7,0)+IF('Standard Profiles'!$G$20=$B$17,14,0)+IF('Standard Profiles'!$G$20=$B$24,21,0),0)),0)</f>
        <v>0</v>
      </c>
      <c r="G6924" cm="1">
        <f t="array" ref="G6924">IFERROR(INDEX(Jesper!AK$2:AK$366,ROUNDDOWN($C6924/24,0)+1,1)*INDEX($D$3:$AA$30,INDEX(Jesper!$R$2:$R$366,ROW(INDEX(Jesper!AK$2:AK$366,ROUNDDOWN($C6924/24,0)+1,1))-1)+IF('Standard Profiles'!$G$21=$B$10,7,0)+IF('Standard Profiles'!$G$21=$B$17,14,0)+IF('Standard Profiles'!$G$21=$B$24,21,0),MOD($C6924,24)+1)/SUM(INDEX($D$3:$AA$30,INDEX(Jesper!$R$2:$R$366,ROW(INDEX(Jesper!AK$2:AK$366,ROUNDDOWN($C6924/24,0)+1,1))-1)+IF('Standard Profiles'!$G$21=$B$10,7,0)+IF('Standard Profiles'!$G$21=$B$17,14,0)+IF('Standard Profiles'!$G$21=$B$24,21,0),0)),0)</f>
        <v>0</v>
      </c>
      <c r="H6924" cm="1">
        <f t="array" ref="H6924">IFERROR(INDEX(Jesper!AL$2:AL$366,ROUNDDOWN($C6924/24,0)+1,1)*INDEX($D$3:$AA$30,INDEX(Jesper!$R$2:$R$366,ROW(INDEX(Jesper!AL$2:AL$366,ROUNDDOWN($C6924/24,0)+1,1))-1)+IF('Standard Profiles'!$G$22=$B$10,7,0)+IF('Standard Profiles'!$G$22=$B$17,14,0)+IF('Standard Profiles'!$G$22=$B$24,21,0),MOD($C6924,24)+1)/SUM(INDEX($D$3:$AA$30,INDEX(Jesper!$R$2:$R$366,ROW(INDEX(Jesper!AL$2:AL$366,ROUNDDOWN($C6924/24,0)+1,1))-1)+IF('Standard Profiles'!$G$22=$B$10,7,0)+IF('Standard Profiles'!$G$22=$B$17,14,0)+IF('Standard Profiles'!$G$22=$B$24,21,0),0)),0)</f>
        <v>0</v>
      </c>
      <c r="I6924">
        <f t="shared" si="769"/>
        <v>7.6265880336658737E-2</v>
      </c>
      <c r="J6924">
        <f t="shared" si="770"/>
        <v>0.25421960112219583</v>
      </c>
      <c r="K6924">
        <f t="shared" si="771"/>
        <v>0.38132940168329371</v>
      </c>
      <c r="L6924">
        <f t="shared" si="772"/>
        <v>1.8303811280798099</v>
      </c>
      <c r="M6924">
        <f t="shared" si="773"/>
        <v>0</v>
      </c>
      <c r="N6924" s="46">
        <f t="shared" si="774"/>
        <v>45579.083333316623</v>
      </c>
    </row>
    <row r="6925" spans="2:14" x14ac:dyDescent="0.3">
      <c r="B6925">
        <f t="shared" si="768"/>
        <v>1</v>
      </c>
      <c r="C6925" s="16">
        <v>6891</v>
      </c>
      <c r="D6925" cm="1">
        <f t="array" ref="D6925">IFERROR(INDEX(Jesper!AH$2:AH$366,ROUNDDOWN($C6925/24,0)+1,1)*INDEX($D$3:$AA$30,INDEX(Jesper!$R$2:$R$366,ROW(INDEX(Jesper!AH$2:AH$366,ROUNDDOWN($C6925/24,0)+1,1))-1)+IF('Standard Profiles'!$G$18=$B$10,7,0)+IF('Standard Profiles'!$G$18=$B$17,14,0)+IF('Standard Profiles'!$G$18=$B$24,21,0),MOD($C6925,24)+1)/SUM(INDEX($D$3:$AA$30,INDEX(Jesper!$R$2:$R$366,ROW(INDEX(Jesper!AH$2:AH$366,ROUNDDOWN($C6925/24,0)+1,1))-1)+IF('Standard Profiles'!$G$18=$B$10,7,0)+IF('Standard Profiles'!$G$18=$B$17,14,0)+IF('Standard Profiles'!$G$18=$B$24,21,0),0)),0)</f>
        <v>2.5421960112219582</v>
      </c>
      <c r="E6925" cm="1">
        <f t="array" ref="E6925">IFERROR(INDEX(Jesper!AI$2:AI$366,ROUNDDOWN($C6925/24,0)+1,1)*INDEX($D$3:$AA$30,INDEX(Jesper!$R$2:$R$366,ROW(INDEX(Jesper!AI$2:AI$366,ROUNDDOWN($C6925/24,0)+1,1))-1)+IF('Standard Profiles'!$G$19=$B$10,7,0)+IF('Standard Profiles'!$G$19=$B$17,14,0)+IF('Standard Profiles'!$G$19=$B$24,21,0),MOD($C6925,24)+1)/SUM(INDEX($D$3:$AA$30,INDEX(Jesper!$R$2:$R$366,ROW(INDEX(Jesper!AI$2:AI$366,ROUNDDOWN($C6925/24,0)+1,1))-1)+IF('Standard Profiles'!$G$19=$B$10,7,0)+IF('Standard Profiles'!$G$19=$B$17,14,0)+IF('Standard Profiles'!$G$19=$B$24,21,0),0)),0)</f>
        <v>0</v>
      </c>
      <c r="F6925" cm="1">
        <f t="array" ref="F6925">IFERROR(INDEX(Jesper!AJ$2:AJ$366,ROUNDDOWN($C6925/24,0)+1,1)*INDEX($D$3:$AA$30,INDEX(Jesper!$R$2:$R$366,ROW(INDEX(Jesper!AJ$2:AJ$366,ROUNDDOWN($C6925/24,0)+1,1))-1)+IF('Standard Profiles'!$G$20=$B$10,7,0)+IF('Standard Profiles'!$G$20=$B$17,14,0)+IF('Standard Profiles'!$G$20=$B$24,21,0),MOD($C6925,24)+1)/SUM(INDEX($D$3:$AA$30,INDEX(Jesper!$R$2:$R$366,ROW(INDEX(Jesper!AJ$2:AJ$366,ROUNDDOWN($C6925/24,0)+1,1))-1)+IF('Standard Profiles'!$G$20=$B$10,7,0)+IF('Standard Profiles'!$G$20=$B$17,14,0)+IF('Standard Profiles'!$G$20=$B$24,21,0),0)),0)</f>
        <v>0</v>
      </c>
      <c r="G6925" cm="1">
        <f t="array" ref="G6925">IFERROR(INDEX(Jesper!AK$2:AK$366,ROUNDDOWN($C6925/24,0)+1,1)*INDEX($D$3:$AA$30,INDEX(Jesper!$R$2:$R$366,ROW(INDEX(Jesper!AK$2:AK$366,ROUNDDOWN($C6925/24,0)+1,1))-1)+IF('Standard Profiles'!$G$21=$B$10,7,0)+IF('Standard Profiles'!$G$21=$B$17,14,0)+IF('Standard Profiles'!$G$21=$B$24,21,0),MOD($C6925,24)+1)/SUM(INDEX($D$3:$AA$30,INDEX(Jesper!$R$2:$R$366,ROW(INDEX(Jesper!AK$2:AK$366,ROUNDDOWN($C6925/24,0)+1,1))-1)+IF('Standard Profiles'!$G$21=$B$10,7,0)+IF('Standard Profiles'!$G$21=$B$17,14,0)+IF('Standard Profiles'!$G$21=$B$24,21,0),0)),0)</f>
        <v>0</v>
      </c>
      <c r="H6925" cm="1">
        <f t="array" ref="H6925">IFERROR(INDEX(Jesper!AL$2:AL$366,ROUNDDOWN($C6925/24,0)+1,1)*INDEX($D$3:$AA$30,INDEX(Jesper!$R$2:$R$366,ROW(INDEX(Jesper!AL$2:AL$366,ROUNDDOWN($C6925/24,0)+1,1))-1)+IF('Standard Profiles'!$G$22=$B$10,7,0)+IF('Standard Profiles'!$G$22=$B$17,14,0)+IF('Standard Profiles'!$G$22=$B$24,21,0),MOD($C6925,24)+1)/SUM(INDEX($D$3:$AA$30,INDEX(Jesper!$R$2:$R$366,ROW(INDEX(Jesper!AL$2:AL$366,ROUNDDOWN($C6925/24,0)+1,1))-1)+IF('Standard Profiles'!$G$22=$B$10,7,0)+IF('Standard Profiles'!$G$22=$B$17,14,0)+IF('Standard Profiles'!$G$22=$B$24,21,0),0)),0)</f>
        <v>0</v>
      </c>
      <c r="I6925">
        <f t="shared" si="769"/>
        <v>7.6265880336658737E-2</v>
      </c>
      <c r="J6925">
        <f t="shared" si="770"/>
        <v>0.25421960112219583</v>
      </c>
      <c r="K6925">
        <f t="shared" si="771"/>
        <v>0.38132940168329371</v>
      </c>
      <c r="L6925">
        <f t="shared" si="772"/>
        <v>1.8303811280798099</v>
      </c>
      <c r="M6925">
        <f t="shared" si="773"/>
        <v>0</v>
      </c>
      <c r="N6925" s="46">
        <f t="shared" si="774"/>
        <v>45579.124999983287</v>
      </c>
    </row>
    <row r="6926" spans="2:14" x14ac:dyDescent="0.3">
      <c r="B6926">
        <f t="shared" si="768"/>
        <v>1</v>
      </c>
      <c r="C6926" s="16">
        <v>6892</v>
      </c>
      <c r="D6926" cm="1">
        <f t="array" ref="D6926">IFERROR(INDEX(Jesper!AH$2:AH$366,ROUNDDOWN($C6926/24,0)+1,1)*INDEX($D$3:$AA$30,INDEX(Jesper!$R$2:$R$366,ROW(INDEX(Jesper!AH$2:AH$366,ROUNDDOWN($C6926/24,0)+1,1))-1)+IF('Standard Profiles'!$G$18=$B$10,7,0)+IF('Standard Profiles'!$G$18=$B$17,14,0)+IF('Standard Profiles'!$G$18=$B$24,21,0),MOD($C6926,24)+1)/SUM(INDEX($D$3:$AA$30,INDEX(Jesper!$R$2:$R$366,ROW(INDEX(Jesper!AH$2:AH$366,ROUNDDOWN($C6926/24,0)+1,1))-1)+IF('Standard Profiles'!$G$18=$B$10,7,0)+IF('Standard Profiles'!$G$18=$B$17,14,0)+IF('Standard Profiles'!$G$18=$B$24,21,0),0)),0)</f>
        <v>2.5421960112219582</v>
      </c>
      <c r="E6926" cm="1">
        <f t="array" ref="E6926">IFERROR(INDEX(Jesper!AI$2:AI$366,ROUNDDOWN($C6926/24,0)+1,1)*INDEX($D$3:$AA$30,INDEX(Jesper!$R$2:$R$366,ROW(INDEX(Jesper!AI$2:AI$366,ROUNDDOWN($C6926/24,0)+1,1))-1)+IF('Standard Profiles'!$G$19=$B$10,7,0)+IF('Standard Profiles'!$G$19=$B$17,14,0)+IF('Standard Profiles'!$G$19=$B$24,21,0),MOD($C6926,24)+1)/SUM(INDEX($D$3:$AA$30,INDEX(Jesper!$R$2:$R$366,ROW(INDEX(Jesper!AI$2:AI$366,ROUNDDOWN($C6926/24,0)+1,1))-1)+IF('Standard Profiles'!$G$19=$B$10,7,0)+IF('Standard Profiles'!$G$19=$B$17,14,0)+IF('Standard Profiles'!$G$19=$B$24,21,0),0)),0)</f>
        <v>0</v>
      </c>
      <c r="F6926" cm="1">
        <f t="array" ref="F6926">IFERROR(INDEX(Jesper!AJ$2:AJ$366,ROUNDDOWN($C6926/24,0)+1,1)*INDEX($D$3:$AA$30,INDEX(Jesper!$R$2:$R$366,ROW(INDEX(Jesper!AJ$2:AJ$366,ROUNDDOWN($C6926/24,0)+1,1))-1)+IF('Standard Profiles'!$G$20=$B$10,7,0)+IF('Standard Profiles'!$G$20=$B$17,14,0)+IF('Standard Profiles'!$G$20=$B$24,21,0),MOD($C6926,24)+1)/SUM(INDEX($D$3:$AA$30,INDEX(Jesper!$R$2:$R$366,ROW(INDEX(Jesper!AJ$2:AJ$366,ROUNDDOWN($C6926/24,0)+1,1))-1)+IF('Standard Profiles'!$G$20=$B$10,7,0)+IF('Standard Profiles'!$G$20=$B$17,14,0)+IF('Standard Profiles'!$G$20=$B$24,21,0),0)),0)</f>
        <v>0</v>
      </c>
      <c r="G6926" cm="1">
        <f t="array" ref="G6926">IFERROR(INDEX(Jesper!AK$2:AK$366,ROUNDDOWN($C6926/24,0)+1,1)*INDEX($D$3:$AA$30,INDEX(Jesper!$R$2:$R$366,ROW(INDEX(Jesper!AK$2:AK$366,ROUNDDOWN($C6926/24,0)+1,1))-1)+IF('Standard Profiles'!$G$21=$B$10,7,0)+IF('Standard Profiles'!$G$21=$B$17,14,0)+IF('Standard Profiles'!$G$21=$B$24,21,0),MOD($C6926,24)+1)/SUM(INDEX($D$3:$AA$30,INDEX(Jesper!$R$2:$R$366,ROW(INDEX(Jesper!AK$2:AK$366,ROUNDDOWN($C6926/24,0)+1,1))-1)+IF('Standard Profiles'!$G$21=$B$10,7,0)+IF('Standard Profiles'!$G$21=$B$17,14,0)+IF('Standard Profiles'!$G$21=$B$24,21,0),0)),0)</f>
        <v>0</v>
      </c>
      <c r="H6926" cm="1">
        <f t="array" ref="H6926">IFERROR(INDEX(Jesper!AL$2:AL$366,ROUNDDOWN($C6926/24,0)+1,1)*INDEX($D$3:$AA$30,INDEX(Jesper!$R$2:$R$366,ROW(INDEX(Jesper!AL$2:AL$366,ROUNDDOWN($C6926/24,0)+1,1))-1)+IF('Standard Profiles'!$G$22=$B$10,7,0)+IF('Standard Profiles'!$G$22=$B$17,14,0)+IF('Standard Profiles'!$G$22=$B$24,21,0),MOD($C6926,24)+1)/SUM(INDEX($D$3:$AA$30,INDEX(Jesper!$R$2:$R$366,ROW(INDEX(Jesper!AL$2:AL$366,ROUNDDOWN($C6926/24,0)+1,1))-1)+IF('Standard Profiles'!$G$22=$B$10,7,0)+IF('Standard Profiles'!$G$22=$B$17,14,0)+IF('Standard Profiles'!$G$22=$B$24,21,0),0)),0)</f>
        <v>0</v>
      </c>
      <c r="I6926">
        <f t="shared" si="769"/>
        <v>7.6265880336658737E-2</v>
      </c>
      <c r="J6926">
        <f t="shared" si="770"/>
        <v>0.25421960112219583</v>
      </c>
      <c r="K6926">
        <f t="shared" si="771"/>
        <v>0.38132940168329371</v>
      </c>
      <c r="L6926">
        <f t="shared" si="772"/>
        <v>1.8303811280798099</v>
      </c>
      <c r="M6926">
        <f t="shared" si="773"/>
        <v>0</v>
      </c>
      <c r="N6926" s="46">
        <f t="shared" si="774"/>
        <v>45579.166666649951</v>
      </c>
    </row>
    <row r="6927" spans="2:14" x14ac:dyDescent="0.3">
      <c r="B6927">
        <f t="shared" si="768"/>
        <v>1</v>
      </c>
      <c r="C6927" s="16">
        <v>6893</v>
      </c>
      <c r="D6927" cm="1">
        <f t="array" ref="D6927">IFERROR(INDEX(Jesper!AH$2:AH$366,ROUNDDOWN($C6927/24,0)+1,1)*INDEX($D$3:$AA$30,INDEX(Jesper!$R$2:$R$366,ROW(INDEX(Jesper!AH$2:AH$366,ROUNDDOWN($C6927/24,0)+1,1))-1)+IF('Standard Profiles'!$G$18=$B$10,7,0)+IF('Standard Profiles'!$G$18=$B$17,14,0)+IF('Standard Profiles'!$G$18=$B$24,21,0),MOD($C6927,24)+1)/SUM(INDEX($D$3:$AA$30,INDEX(Jesper!$R$2:$R$366,ROW(INDEX(Jesper!AH$2:AH$366,ROUNDDOWN($C6927/24,0)+1,1))-1)+IF('Standard Profiles'!$G$18=$B$10,7,0)+IF('Standard Profiles'!$G$18=$B$17,14,0)+IF('Standard Profiles'!$G$18=$B$24,21,0),0)),0)</f>
        <v>11.016182715295153</v>
      </c>
      <c r="E6927" cm="1">
        <f t="array" ref="E6927">IFERROR(INDEX(Jesper!AI$2:AI$366,ROUNDDOWN($C6927/24,0)+1,1)*INDEX($D$3:$AA$30,INDEX(Jesper!$R$2:$R$366,ROW(INDEX(Jesper!AI$2:AI$366,ROUNDDOWN($C6927/24,0)+1,1))-1)+IF('Standard Profiles'!$G$19=$B$10,7,0)+IF('Standard Profiles'!$G$19=$B$17,14,0)+IF('Standard Profiles'!$G$19=$B$24,21,0),MOD($C6927,24)+1)/SUM(INDEX($D$3:$AA$30,INDEX(Jesper!$R$2:$R$366,ROW(INDEX(Jesper!AI$2:AI$366,ROUNDDOWN($C6927/24,0)+1,1))-1)+IF('Standard Profiles'!$G$19=$B$10,7,0)+IF('Standard Profiles'!$G$19=$B$17,14,0)+IF('Standard Profiles'!$G$19=$B$24,21,0),0)),0)</f>
        <v>0</v>
      </c>
      <c r="F6927" cm="1">
        <f t="array" ref="F6927">IFERROR(INDEX(Jesper!AJ$2:AJ$366,ROUNDDOWN($C6927/24,0)+1,1)*INDEX($D$3:$AA$30,INDEX(Jesper!$R$2:$R$366,ROW(INDEX(Jesper!AJ$2:AJ$366,ROUNDDOWN($C6927/24,0)+1,1))-1)+IF('Standard Profiles'!$G$20=$B$10,7,0)+IF('Standard Profiles'!$G$20=$B$17,14,0)+IF('Standard Profiles'!$G$20=$B$24,21,0),MOD($C6927,24)+1)/SUM(INDEX($D$3:$AA$30,INDEX(Jesper!$R$2:$R$366,ROW(INDEX(Jesper!AJ$2:AJ$366,ROUNDDOWN($C6927/24,0)+1,1))-1)+IF('Standard Profiles'!$G$20=$B$10,7,0)+IF('Standard Profiles'!$G$20=$B$17,14,0)+IF('Standard Profiles'!$G$20=$B$24,21,0),0)),0)</f>
        <v>0</v>
      </c>
      <c r="G6927" cm="1">
        <f t="array" ref="G6927">IFERROR(INDEX(Jesper!AK$2:AK$366,ROUNDDOWN($C6927/24,0)+1,1)*INDEX($D$3:$AA$30,INDEX(Jesper!$R$2:$R$366,ROW(INDEX(Jesper!AK$2:AK$366,ROUNDDOWN($C6927/24,0)+1,1))-1)+IF('Standard Profiles'!$G$21=$B$10,7,0)+IF('Standard Profiles'!$G$21=$B$17,14,0)+IF('Standard Profiles'!$G$21=$B$24,21,0),MOD($C6927,24)+1)/SUM(INDEX($D$3:$AA$30,INDEX(Jesper!$R$2:$R$366,ROW(INDEX(Jesper!AK$2:AK$366,ROUNDDOWN($C6927/24,0)+1,1))-1)+IF('Standard Profiles'!$G$21=$B$10,7,0)+IF('Standard Profiles'!$G$21=$B$17,14,0)+IF('Standard Profiles'!$G$21=$B$24,21,0),0)),0)</f>
        <v>0</v>
      </c>
      <c r="H6927" cm="1">
        <f t="array" ref="H6927">IFERROR(INDEX(Jesper!AL$2:AL$366,ROUNDDOWN($C6927/24,0)+1,1)*INDEX($D$3:$AA$30,INDEX(Jesper!$R$2:$R$366,ROW(INDEX(Jesper!AL$2:AL$366,ROUNDDOWN($C6927/24,0)+1,1))-1)+IF('Standard Profiles'!$G$22=$B$10,7,0)+IF('Standard Profiles'!$G$22=$B$17,14,0)+IF('Standard Profiles'!$G$22=$B$24,21,0),MOD($C6927,24)+1)/SUM(INDEX($D$3:$AA$30,INDEX(Jesper!$R$2:$R$366,ROW(INDEX(Jesper!AL$2:AL$366,ROUNDDOWN($C6927/24,0)+1,1))-1)+IF('Standard Profiles'!$G$22=$B$10,7,0)+IF('Standard Profiles'!$G$22=$B$17,14,0)+IF('Standard Profiles'!$G$22=$B$24,21,0),0)),0)</f>
        <v>0</v>
      </c>
      <c r="I6927">
        <f t="shared" si="769"/>
        <v>0.33048548145885459</v>
      </c>
      <c r="J6927">
        <f t="shared" si="770"/>
        <v>1.1016182715295153</v>
      </c>
      <c r="K6927">
        <f t="shared" si="771"/>
        <v>1.6524274072942731</v>
      </c>
      <c r="L6927">
        <f t="shared" si="772"/>
        <v>7.9316515550125102</v>
      </c>
      <c r="M6927">
        <f t="shared" si="773"/>
        <v>0</v>
      </c>
      <c r="N6927" s="46">
        <f t="shared" si="774"/>
        <v>45579.208333316616</v>
      </c>
    </row>
    <row r="6928" spans="2:14" x14ac:dyDescent="0.3">
      <c r="B6928">
        <f t="shared" si="768"/>
        <v>1</v>
      </c>
      <c r="C6928" s="16">
        <v>6894</v>
      </c>
      <c r="D6928" cm="1">
        <f t="array" ref="D6928">IFERROR(INDEX(Jesper!AH$2:AH$366,ROUNDDOWN($C6928/24,0)+1,1)*INDEX($D$3:$AA$30,INDEX(Jesper!$R$2:$R$366,ROW(INDEX(Jesper!AH$2:AH$366,ROUNDDOWN($C6928/24,0)+1,1))-1)+IF('Standard Profiles'!$G$18=$B$10,7,0)+IF('Standard Profiles'!$G$18=$B$17,14,0)+IF('Standard Profiles'!$G$18=$B$24,21,0),MOD($C6928,24)+1)/SUM(INDEX($D$3:$AA$30,INDEX(Jesper!$R$2:$R$366,ROW(INDEX(Jesper!AH$2:AH$366,ROUNDDOWN($C6928/24,0)+1,1))-1)+IF('Standard Profiles'!$G$18=$B$10,7,0)+IF('Standard Profiles'!$G$18=$B$17,14,0)+IF('Standard Profiles'!$G$18=$B$24,21,0),0)),0)</f>
        <v>12.499130388507963</v>
      </c>
      <c r="E6928" cm="1">
        <f t="array" ref="E6928">IFERROR(INDEX(Jesper!AI$2:AI$366,ROUNDDOWN($C6928/24,0)+1,1)*INDEX($D$3:$AA$30,INDEX(Jesper!$R$2:$R$366,ROW(INDEX(Jesper!AI$2:AI$366,ROUNDDOWN($C6928/24,0)+1,1))-1)+IF('Standard Profiles'!$G$19=$B$10,7,0)+IF('Standard Profiles'!$G$19=$B$17,14,0)+IF('Standard Profiles'!$G$19=$B$24,21,0),MOD($C6928,24)+1)/SUM(INDEX($D$3:$AA$30,INDEX(Jesper!$R$2:$R$366,ROW(INDEX(Jesper!AI$2:AI$366,ROUNDDOWN($C6928/24,0)+1,1))-1)+IF('Standard Profiles'!$G$19=$B$10,7,0)+IF('Standard Profiles'!$G$19=$B$17,14,0)+IF('Standard Profiles'!$G$19=$B$24,21,0),0)),0)</f>
        <v>0</v>
      </c>
      <c r="F6928" cm="1">
        <f t="array" ref="F6928">IFERROR(INDEX(Jesper!AJ$2:AJ$366,ROUNDDOWN($C6928/24,0)+1,1)*INDEX($D$3:$AA$30,INDEX(Jesper!$R$2:$R$366,ROW(INDEX(Jesper!AJ$2:AJ$366,ROUNDDOWN($C6928/24,0)+1,1))-1)+IF('Standard Profiles'!$G$20=$B$10,7,0)+IF('Standard Profiles'!$G$20=$B$17,14,0)+IF('Standard Profiles'!$G$20=$B$24,21,0),MOD($C6928,24)+1)/SUM(INDEX($D$3:$AA$30,INDEX(Jesper!$R$2:$R$366,ROW(INDEX(Jesper!AJ$2:AJ$366,ROUNDDOWN($C6928/24,0)+1,1))-1)+IF('Standard Profiles'!$G$20=$B$10,7,0)+IF('Standard Profiles'!$G$20=$B$17,14,0)+IF('Standard Profiles'!$G$20=$B$24,21,0),0)),0)</f>
        <v>0</v>
      </c>
      <c r="G6928" cm="1">
        <f t="array" ref="G6928">IFERROR(INDEX(Jesper!AK$2:AK$366,ROUNDDOWN($C6928/24,0)+1,1)*INDEX($D$3:$AA$30,INDEX(Jesper!$R$2:$R$366,ROW(INDEX(Jesper!AK$2:AK$366,ROUNDDOWN($C6928/24,0)+1,1))-1)+IF('Standard Profiles'!$G$21=$B$10,7,0)+IF('Standard Profiles'!$G$21=$B$17,14,0)+IF('Standard Profiles'!$G$21=$B$24,21,0),MOD($C6928,24)+1)/SUM(INDEX($D$3:$AA$30,INDEX(Jesper!$R$2:$R$366,ROW(INDEX(Jesper!AK$2:AK$366,ROUNDDOWN($C6928/24,0)+1,1))-1)+IF('Standard Profiles'!$G$21=$B$10,7,0)+IF('Standard Profiles'!$G$21=$B$17,14,0)+IF('Standard Profiles'!$G$21=$B$24,21,0),0)),0)</f>
        <v>0</v>
      </c>
      <c r="H6928" cm="1">
        <f t="array" ref="H6928">IFERROR(INDEX(Jesper!AL$2:AL$366,ROUNDDOWN($C6928/24,0)+1,1)*INDEX($D$3:$AA$30,INDEX(Jesper!$R$2:$R$366,ROW(INDEX(Jesper!AL$2:AL$366,ROUNDDOWN($C6928/24,0)+1,1))-1)+IF('Standard Profiles'!$G$22=$B$10,7,0)+IF('Standard Profiles'!$G$22=$B$17,14,0)+IF('Standard Profiles'!$G$22=$B$24,21,0),MOD($C6928,24)+1)/SUM(INDEX($D$3:$AA$30,INDEX(Jesper!$R$2:$R$366,ROW(INDEX(Jesper!AL$2:AL$366,ROUNDDOWN($C6928/24,0)+1,1))-1)+IF('Standard Profiles'!$G$22=$B$10,7,0)+IF('Standard Profiles'!$G$22=$B$17,14,0)+IF('Standard Profiles'!$G$22=$B$24,21,0),0)),0)</f>
        <v>0</v>
      </c>
      <c r="I6928">
        <f t="shared" si="769"/>
        <v>0.37497391165523886</v>
      </c>
      <c r="J6928">
        <f t="shared" si="770"/>
        <v>1.2499130388507964</v>
      </c>
      <c r="K6928">
        <f t="shared" si="771"/>
        <v>1.8748695582761943</v>
      </c>
      <c r="L6928">
        <f t="shared" si="772"/>
        <v>8.9993738797257326</v>
      </c>
      <c r="M6928">
        <f t="shared" si="773"/>
        <v>0</v>
      </c>
      <c r="N6928" s="46">
        <f t="shared" si="774"/>
        <v>45579.24999998328</v>
      </c>
    </row>
    <row r="6929" spans="2:14" x14ac:dyDescent="0.3">
      <c r="B6929">
        <f t="shared" si="768"/>
        <v>1</v>
      </c>
      <c r="C6929" s="16">
        <v>6895</v>
      </c>
      <c r="D6929" cm="1">
        <f t="array" ref="D6929">IFERROR(INDEX(Jesper!AH$2:AH$366,ROUNDDOWN($C6929/24,0)+1,1)*INDEX($D$3:$AA$30,INDEX(Jesper!$R$2:$R$366,ROW(INDEX(Jesper!AH$2:AH$366,ROUNDDOWN($C6929/24,0)+1,1))-1)+IF('Standard Profiles'!$G$18=$B$10,7,0)+IF('Standard Profiles'!$G$18=$B$17,14,0)+IF('Standard Profiles'!$G$18=$B$24,21,0),MOD($C6929,24)+1)/SUM(INDEX($D$3:$AA$30,INDEX(Jesper!$R$2:$R$366,ROW(INDEX(Jesper!AH$2:AH$366,ROUNDDOWN($C6929/24,0)+1,1))-1)+IF('Standard Profiles'!$G$18=$B$10,7,0)+IF('Standard Profiles'!$G$18=$B$17,14,0)+IF('Standard Profiles'!$G$18=$B$24,21,0),0)),0)</f>
        <v>12.499130388507963</v>
      </c>
      <c r="E6929" cm="1">
        <f t="array" ref="E6929">IFERROR(INDEX(Jesper!AI$2:AI$366,ROUNDDOWN($C6929/24,0)+1,1)*INDEX($D$3:$AA$30,INDEX(Jesper!$R$2:$R$366,ROW(INDEX(Jesper!AI$2:AI$366,ROUNDDOWN($C6929/24,0)+1,1))-1)+IF('Standard Profiles'!$G$19=$B$10,7,0)+IF('Standard Profiles'!$G$19=$B$17,14,0)+IF('Standard Profiles'!$G$19=$B$24,21,0),MOD($C6929,24)+1)/SUM(INDEX($D$3:$AA$30,INDEX(Jesper!$R$2:$R$366,ROW(INDEX(Jesper!AI$2:AI$366,ROUNDDOWN($C6929/24,0)+1,1))-1)+IF('Standard Profiles'!$G$19=$B$10,7,0)+IF('Standard Profiles'!$G$19=$B$17,14,0)+IF('Standard Profiles'!$G$19=$B$24,21,0),0)),0)</f>
        <v>0</v>
      </c>
      <c r="F6929" cm="1">
        <f t="array" ref="F6929">IFERROR(INDEX(Jesper!AJ$2:AJ$366,ROUNDDOWN($C6929/24,0)+1,1)*INDEX($D$3:$AA$30,INDEX(Jesper!$R$2:$R$366,ROW(INDEX(Jesper!AJ$2:AJ$366,ROUNDDOWN($C6929/24,0)+1,1))-1)+IF('Standard Profiles'!$G$20=$B$10,7,0)+IF('Standard Profiles'!$G$20=$B$17,14,0)+IF('Standard Profiles'!$G$20=$B$24,21,0),MOD($C6929,24)+1)/SUM(INDEX($D$3:$AA$30,INDEX(Jesper!$R$2:$R$366,ROW(INDEX(Jesper!AJ$2:AJ$366,ROUNDDOWN($C6929/24,0)+1,1))-1)+IF('Standard Profiles'!$G$20=$B$10,7,0)+IF('Standard Profiles'!$G$20=$B$17,14,0)+IF('Standard Profiles'!$G$20=$B$24,21,0),0)),0)</f>
        <v>0</v>
      </c>
      <c r="G6929" cm="1">
        <f t="array" ref="G6929">IFERROR(INDEX(Jesper!AK$2:AK$366,ROUNDDOWN($C6929/24,0)+1,1)*INDEX($D$3:$AA$30,INDEX(Jesper!$R$2:$R$366,ROW(INDEX(Jesper!AK$2:AK$366,ROUNDDOWN($C6929/24,0)+1,1))-1)+IF('Standard Profiles'!$G$21=$B$10,7,0)+IF('Standard Profiles'!$G$21=$B$17,14,0)+IF('Standard Profiles'!$G$21=$B$24,21,0),MOD($C6929,24)+1)/SUM(INDEX($D$3:$AA$30,INDEX(Jesper!$R$2:$R$366,ROW(INDEX(Jesper!AK$2:AK$366,ROUNDDOWN($C6929/24,0)+1,1))-1)+IF('Standard Profiles'!$G$21=$B$10,7,0)+IF('Standard Profiles'!$G$21=$B$17,14,0)+IF('Standard Profiles'!$G$21=$B$24,21,0),0)),0)</f>
        <v>0</v>
      </c>
      <c r="H6929" cm="1">
        <f t="array" ref="H6929">IFERROR(INDEX(Jesper!AL$2:AL$366,ROUNDDOWN($C6929/24,0)+1,1)*INDEX($D$3:$AA$30,INDEX(Jesper!$R$2:$R$366,ROW(INDEX(Jesper!AL$2:AL$366,ROUNDDOWN($C6929/24,0)+1,1))-1)+IF('Standard Profiles'!$G$22=$B$10,7,0)+IF('Standard Profiles'!$G$22=$B$17,14,0)+IF('Standard Profiles'!$G$22=$B$24,21,0),MOD($C6929,24)+1)/SUM(INDEX($D$3:$AA$30,INDEX(Jesper!$R$2:$R$366,ROW(INDEX(Jesper!AL$2:AL$366,ROUNDDOWN($C6929/24,0)+1,1))-1)+IF('Standard Profiles'!$G$22=$B$10,7,0)+IF('Standard Profiles'!$G$22=$B$17,14,0)+IF('Standard Profiles'!$G$22=$B$24,21,0),0)),0)</f>
        <v>0</v>
      </c>
      <c r="I6929">
        <f t="shared" si="769"/>
        <v>0.37497391165523886</v>
      </c>
      <c r="J6929">
        <f t="shared" si="770"/>
        <v>1.2499130388507964</v>
      </c>
      <c r="K6929">
        <f t="shared" si="771"/>
        <v>1.8748695582761943</v>
      </c>
      <c r="L6929">
        <f t="shared" si="772"/>
        <v>8.9993738797257326</v>
      </c>
      <c r="M6929">
        <f t="shared" si="773"/>
        <v>0</v>
      </c>
      <c r="N6929" s="46">
        <f t="shared" si="774"/>
        <v>45579.291666649944</v>
      </c>
    </row>
    <row r="6930" spans="2:14" x14ac:dyDescent="0.3">
      <c r="B6930">
        <f t="shared" si="768"/>
        <v>1</v>
      </c>
      <c r="C6930" s="16">
        <v>6896</v>
      </c>
      <c r="D6930" cm="1">
        <f t="array" ref="D6930">IFERROR(INDEX(Jesper!AH$2:AH$366,ROUNDDOWN($C6930/24,0)+1,1)*INDEX($D$3:$AA$30,INDEX(Jesper!$R$2:$R$366,ROW(INDEX(Jesper!AH$2:AH$366,ROUNDDOWN($C6930/24,0)+1,1))-1)+IF('Standard Profiles'!$G$18=$B$10,7,0)+IF('Standard Profiles'!$G$18=$B$17,14,0)+IF('Standard Profiles'!$G$18=$B$24,21,0),MOD($C6930,24)+1)/SUM(INDEX($D$3:$AA$30,INDEX(Jesper!$R$2:$R$366,ROW(INDEX(Jesper!AH$2:AH$366,ROUNDDOWN($C6930/24,0)+1,1))-1)+IF('Standard Profiles'!$G$18=$B$10,7,0)+IF('Standard Profiles'!$G$18=$B$17,14,0)+IF('Standard Profiles'!$G$18=$B$24,21,0),0)),0)</f>
        <v>12.499130388507963</v>
      </c>
      <c r="E6930" cm="1">
        <f t="array" ref="E6930">IFERROR(INDEX(Jesper!AI$2:AI$366,ROUNDDOWN($C6930/24,0)+1,1)*INDEX($D$3:$AA$30,INDEX(Jesper!$R$2:$R$366,ROW(INDEX(Jesper!AI$2:AI$366,ROUNDDOWN($C6930/24,0)+1,1))-1)+IF('Standard Profiles'!$G$19=$B$10,7,0)+IF('Standard Profiles'!$G$19=$B$17,14,0)+IF('Standard Profiles'!$G$19=$B$24,21,0),MOD($C6930,24)+1)/SUM(INDEX($D$3:$AA$30,INDEX(Jesper!$R$2:$R$366,ROW(INDEX(Jesper!AI$2:AI$366,ROUNDDOWN($C6930/24,0)+1,1))-1)+IF('Standard Profiles'!$G$19=$B$10,7,0)+IF('Standard Profiles'!$G$19=$B$17,14,0)+IF('Standard Profiles'!$G$19=$B$24,21,0),0)),0)</f>
        <v>0</v>
      </c>
      <c r="F6930" cm="1">
        <f t="array" ref="F6930">IFERROR(INDEX(Jesper!AJ$2:AJ$366,ROUNDDOWN($C6930/24,0)+1,1)*INDEX($D$3:$AA$30,INDEX(Jesper!$R$2:$R$366,ROW(INDEX(Jesper!AJ$2:AJ$366,ROUNDDOWN($C6930/24,0)+1,1))-1)+IF('Standard Profiles'!$G$20=$B$10,7,0)+IF('Standard Profiles'!$G$20=$B$17,14,0)+IF('Standard Profiles'!$G$20=$B$24,21,0),MOD($C6930,24)+1)/SUM(INDEX($D$3:$AA$30,INDEX(Jesper!$R$2:$R$366,ROW(INDEX(Jesper!AJ$2:AJ$366,ROUNDDOWN($C6930/24,0)+1,1))-1)+IF('Standard Profiles'!$G$20=$B$10,7,0)+IF('Standard Profiles'!$G$20=$B$17,14,0)+IF('Standard Profiles'!$G$20=$B$24,21,0),0)),0)</f>
        <v>0</v>
      </c>
      <c r="G6930" cm="1">
        <f t="array" ref="G6930">IFERROR(INDEX(Jesper!AK$2:AK$366,ROUNDDOWN($C6930/24,0)+1,1)*INDEX($D$3:$AA$30,INDEX(Jesper!$R$2:$R$366,ROW(INDEX(Jesper!AK$2:AK$366,ROUNDDOWN($C6930/24,0)+1,1))-1)+IF('Standard Profiles'!$G$21=$B$10,7,0)+IF('Standard Profiles'!$G$21=$B$17,14,0)+IF('Standard Profiles'!$G$21=$B$24,21,0),MOD($C6930,24)+1)/SUM(INDEX($D$3:$AA$30,INDEX(Jesper!$R$2:$R$366,ROW(INDEX(Jesper!AK$2:AK$366,ROUNDDOWN($C6930/24,0)+1,1))-1)+IF('Standard Profiles'!$G$21=$B$10,7,0)+IF('Standard Profiles'!$G$21=$B$17,14,0)+IF('Standard Profiles'!$G$21=$B$24,21,0),0)),0)</f>
        <v>0</v>
      </c>
      <c r="H6930" cm="1">
        <f t="array" ref="H6930">IFERROR(INDEX(Jesper!AL$2:AL$366,ROUNDDOWN($C6930/24,0)+1,1)*INDEX($D$3:$AA$30,INDEX(Jesper!$R$2:$R$366,ROW(INDEX(Jesper!AL$2:AL$366,ROUNDDOWN($C6930/24,0)+1,1))-1)+IF('Standard Profiles'!$G$22=$B$10,7,0)+IF('Standard Profiles'!$G$22=$B$17,14,0)+IF('Standard Profiles'!$G$22=$B$24,21,0),MOD($C6930,24)+1)/SUM(INDEX($D$3:$AA$30,INDEX(Jesper!$R$2:$R$366,ROW(INDEX(Jesper!AL$2:AL$366,ROUNDDOWN($C6930/24,0)+1,1))-1)+IF('Standard Profiles'!$G$22=$B$10,7,0)+IF('Standard Profiles'!$G$22=$B$17,14,0)+IF('Standard Profiles'!$G$22=$B$24,21,0),0)),0)</f>
        <v>0</v>
      </c>
      <c r="I6930">
        <f t="shared" si="769"/>
        <v>0.37497391165523886</v>
      </c>
      <c r="J6930">
        <f t="shared" si="770"/>
        <v>1.2499130388507964</v>
      </c>
      <c r="K6930">
        <f t="shared" si="771"/>
        <v>1.8748695582761943</v>
      </c>
      <c r="L6930">
        <f t="shared" si="772"/>
        <v>8.9993738797257326</v>
      </c>
      <c r="M6930">
        <f t="shared" si="773"/>
        <v>0</v>
      </c>
      <c r="N6930" s="46">
        <f t="shared" si="774"/>
        <v>45579.333333316608</v>
      </c>
    </row>
    <row r="6931" spans="2:14" x14ac:dyDescent="0.3">
      <c r="B6931">
        <f t="shared" si="768"/>
        <v>1</v>
      </c>
      <c r="C6931" s="16">
        <v>6897</v>
      </c>
      <c r="D6931" cm="1">
        <f t="array" ref="D6931">IFERROR(INDEX(Jesper!AH$2:AH$366,ROUNDDOWN($C6931/24,0)+1,1)*INDEX($D$3:$AA$30,INDEX(Jesper!$R$2:$R$366,ROW(INDEX(Jesper!AH$2:AH$366,ROUNDDOWN($C6931/24,0)+1,1))-1)+IF('Standard Profiles'!$G$18=$B$10,7,0)+IF('Standard Profiles'!$G$18=$B$17,14,0)+IF('Standard Profiles'!$G$18=$B$24,21,0),MOD($C6931,24)+1)/SUM(INDEX($D$3:$AA$30,INDEX(Jesper!$R$2:$R$366,ROW(INDEX(Jesper!AH$2:AH$366,ROUNDDOWN($C6931/24,0)+1,1))-1)+IF('Standard Profiles'!$G$18=$B$10,7,0)+IF('Standard Profiles'!$G$18=$B$17,14,0)+IF('Standard Profiles'!$G$18=$B$24,21,0),0)),0)</f>
        <v>13.346529058915284</v>
      </c>
      <c r="E6931" cm="1">
        <f t="array" ref="E6931">IFERROR(INDEX(Jesper!AI$2:AI$366,ROUNDDOWN($C6931/24,0)+1,1)*INDEX($D$3:$AA$30,INDEX(Jesper!$R$2:$R$366,ROW(INDEX(Jesper!AI$2:AI$366,ROUNDDOWN($C6931/24,0)+1,1))-1)+IF('Standard Profiles'!$G$19=$B$10,7,0)+IF('Standard Profiles'!$G$19=$B$17,14,0)+IF('Standard Profiles'!$G$19=$B$24,21,0),MOD($C6931,24)+1)/SUM(INDEX($D$3:$AA$30,INDEX(Jesper!$R$2:$R$366,ROW(INDEX(Jesper!AI$2:AI$366,ROUNDDOWN($C6931/24,0)+1,1))-1)+IF('Standard Profiles'!$G$19=$B$10,7,0)+IF('Standard Profiles'!$G$19=$B$17,14,0)+IF('Standard Profiles'!$G$19=$B$24,21,0),0)),0)</f>
        <v>0</v>
      </c>
      <c r="F6931" cm="1">
        <f t="array" ref="F6931">IFERROR(INDEX(Jesper!AJ$2:AJ$366,ROUNDDOWN($C6931/24,0)+1,1)*INDEX($D$3:$AA$30,INDEX(Jesper!$R$2:$R$366,ROW(INDEX(Jesper!AJ$2:AJ$366,ROUNDDOWN($C6931/24,0)+1,1))-1)+IF('Standard Profiles'!$G$20=$B$10,7,0)+IF('Standard Profiles'!$G$20=$B$17,14,0)+IF('Standard Profiles'!$G$20=$B$24,21,0),MOD($C6931,24)+1)/SUM(INDEX($D$3:$AA$30,INDEX(Jesper!$R$2:$R$366,ROW(INDEX(Jesper!AJ$2:AJ$366,ROUNDDOWN($C6931/24,0)+1,1))-1)+IF('Standard Profiles'!$G$20=$B$10,7,0)+IF('Standard Profiles'!$G$20=$B$17,14,0)+IF('Standard Profiles'!$G$20=$B$24,21,0),0)),0)</f>
        <v>0</v>
      </c>
      <c r="G6931" cm="1">
        <f t="array" ref="G6931">IFERROR(INDEX(Jesper!AK$2:AK$366,ROUNDDOWN($C6931/24,0)+1,1)*INDEX($D$3:$AA$30,INDEX(Jesper!$R$2:$R$366,ROW(INDEX(Jesper!AK$2:AK$366,ROUNDDOWN($C6931/24,0)+1,1))-1)+IF('Standard Profiles'!$G$21=$B$10,7,0)+IF('Standard Profiles'!$G$21=$B$17,14,0)+IF('Standard Profiles'!$G$21=$B$24,21,0),MOD($C6931,24)+1)/SUM(INDEX($D$3:$AA$30,INDEX(Jesper!$R$2:$R$366,ROW(INDEX(Jesper!AK$2:AK$366,ROUNDDOWN($C6931/24,0)+1,1))-1)+IF('Standard Profiles'!$G$21=$B$10,7,0)+IF('Standard Profiles'!$G$21=$B$17,14,0)+IF('Standard Profiles'!$G$21=$B$24,21,0),0)),0)</f>
        <v>0</v>
      </c>
      <c r="H6931" cm="1">
        <f t="array" ref="H6931">IFERROR(INDEX(Jesper!AL$2:AL$366,ROUNDDOWN($C6931/24,0)+1,1)*INDEX($D$3:$AA$30,INDEX(Jesper!$R$2:$R$366,ROW(INDEX(Jesper!AL$2:AL$366,ROUNDDOWN($C6931/24,0)+1,1))-1)+IF('Standard Profiles'!$G$22=$B$10,7,0)+IF('Standard Profiles'!$G$22=$B$17,14,0)+IF('Standard Profiles'!$G$22=$B$24,21,0),MOD($C6931,24)+1)/SUM(INDEX($D$3:$AA$30,INDEX(Jesper!$R$2:$R$366,ROW(INDEX(Jesper!AL$2:AL$366,ROUNDDOWN($C6931/24,0)+1,1))-1)+IF('Standard Profiles'!$G$22=$B$10,7,0)+IF('Standard Profiles'!$G$22=$B$17,14,0)+IF('Standard Profiles'!$G$22=$B$24,21,0),0)),0)</f>
        <v>0</v>
      </c>
      <c r="I6931">
        <f t="shared" si="769"/>
        <v>0.4003958717674585</v>
      </c>
      <c r="J6931">
        <f t="shared" si="770"/>
        <v>1.3346529058915284</v>
      </c>
      <c r="K6931">
        <f t="shared" si="771"/>
        <v>2.0019793588372923</v>
      </c>
      <c r="L6931">
        <f t="shared" si="772"/>
        <v>9.609500922419004</v>
      </c>
      <c r="M6931">
        <f t="shared" si="773"/>
        <v>0</v>
      </c>
      <c r="N6931" s="46">
        <f t="shared" si="774"/>
        <v>45579.374999983273</v>
      </c>
    </row>
    <row r="6932" spans="2:14" x14ac:dyDescent="0.3">
      <c r="B6932">
        <f t="shared" si="768"/>
        <v>1</v>
      </c>
      <c r="C6932" s="16">
        <v>6898</v>
      </c>
      <c r="D6932" cm="1">
        <f t="array" ref="D6932">IFERROR(INDEX(Jesper!AH$2:AH$366,ROUNDDOWN($C6932/24,0)+1,1)*INDEX($D$3:$AA$30,INDEX(Jesper!$R$2:$R$366,ROW(INDEX(Jesper!AH$2:AH$366,ROUNDDOWN($C6932/24,0)+1,1))-1)+IF('Standard Profiles'!$G$18=$B$10,7,0)+IF('Standard Profiles'!$G$18=$B$17,14,0)+IF('Standard Profiles'!$G$18=$B$24,21,0),MOD($C6932,24)+1)/SUM(INDEX($D$3:$AA$30,INDEX(Jesper!$R$2:$R$366,ROW(INDEX(Jesper!AH$2:AH$366,ROUNDDOWN($C6932/24,0)+1,1))-1)+IF('Standard Profiles'!$G$18=$B$10,7,0)+IF('Standard Profiles'!$G$18=$B$17,14,0)+IF('Standard Profiles'!$G$18=$B$24,21,0),0)),0)</f>
        <v>13.346529058915284</v>
      </c>
      <c r="E6932" cm="1">
        <f t="array" ref="E6932">IFERROR(INDEX(Jesper!AI$2:AI$366,ROUNDDOWN($C6932/24,0)+1,1)*INDEX($D$3:$AA$30,INDEX(Jesper!$R$2:$R$366,ROW(INDEX(Jesper!AI$2:AI$366,ROUNDDOWN($C6932/24,0)+1,1))-1)+IF('Standard Profiles'!$G$19=$B$10,7,0)+IF('Standard Profiles'!$G$19=$B$17,14,0)+IF('Standard Profiles'!$G$19=$B$24,21,0),MOD($C6932,24)+1)/SUM(INDEX($D$3:$AA$30,INDEX(Jesper!$R$2:$R$366,ROW(INDEX(Jesper!AI$2:AI$366,ROUNDDOWN($C6932/24,0)+1,1))-1)+IF('Standard Profiles'!$G$19=$B$10,7,0)+IF('Standard Profiles'!$G$19=$B$17,14,0)+IF('Standard Profiles'!$G$19=$B$24,21,0),0)),0)</f>
        <v>0</v>
      </c>
      <c r="F6932" cm="1">
        <f t="array" ref="F6932">IFERROR(INDEX(Jesper!AJ$2:AJ$366,ROUNDDOWN($C6932/24,0)+1,1)*INDEX($D$3:$AA$30,INDEX(Jesper!$R$2:$R$366,ROW(INDEX(Jesper!AJ$2:AJ$366,ROUNDDOWN($C6932/24,0)+1,1))-1)+IF('Standard Profiles'!$G$20=$B$10,7,0)+IF('Standard Profiles'!$G$20=$B$17,14,0)+IF('Standard Profiles'!$G$20=$B$24,21,0),MOD($C6932,24)+1)/SUM(INDEX($D$3:$AA$30,INDEX(Jesper!$R$2:$R$366,ROW(INDEX(Jesper!AJ$2:AJ$366,ROUNDDOWN($C6932/24,0)+1,1))-1)+IF('Standard Profiles'!$G$20=$B$10,7,0)+IF('Standard Profiles'!$G$20=$B$17,14,0)+IF('Standard Profiles'!$G$20=$B$24,21,0),0)),0)</f>
        <v>0</v>
      </c>
      <c r="G6932" cm="1">
        <f t="array" ref="G6932">IFERROR(INDEX(Jesper!AK$2:AK$366,ROUNDDOWN($C6932/24,0)+1,1)*INDEX($D$3:$AA$30,INDEX(Jesper!$R$2:$R$366,ROW(INDEX(Jesper!AK$2:AK$366,ROUNDDOWN($C6932/24,0)+1,1))-1)+IF('Standard Profiles'!$G$21=$B$10,7,0)+IF('Standard Profiles'!$G$21=$B$17,14,0)+IF('Standard Profiles'!$G$21=$B$24,21,0),MOD($C6932,24)+1)/SUM(INDEX($D$3:$AA$30,INDEX(Jesper!$R$2:$R$366,ROW(INDEX(Jesper!AK$2:AK$366,ROUNDDOWN($C6932/24,0)+1,1))-1)+IF('Standard Profiles'!$G$21=$B$10,7,0)+IF('Standard Profiles'!$G$21=$B$17,14,0)+IF('Standard Profiles'!$G$21=$B$24,21,0),0)),0)</f>
        <v>0</v>
      </c>
      <c r="H6932" cm="1">
        <f t="array" ref="H6932">IFERROR(INDEX(Jesper!AL$2:AL$366,ROUNDDOWN($C6932/24,0)+1,1)*INDEX($D$3:$AA$30,INDEX(Jesper!$R$2:$R$366,ROW(INDEX(Jesper!AL$2:AL$366,ROUNDDOWN($C6932/24,0)+1,1))-1)+IF('Standard Profiles'!$G$22=$B$10,7,0)+IF('Standard Profiles'!$G$22=$B$17,14,0)+IF('Standard Profiles'!$G$22=$B$24,21,0),MOD($C6932,24)+1)/SUM(INDEX($D$3:$AA$30,INDEX(Jesper!$R$2:$R$366,ROW(INDEX(Jesper!AL$2:AL$366,ROUNDDOWN($C6932/24,0)+1,1))-1)+IF('Standard Profiles'!$G$22=$B$10,7,0)+IF('Standard Profiles'!$G$22=$B$17,14,0)+IF('Standard Profiles'!$G$22=$B$24,21,0),0)),0)</f>
        <v>0</v>
      </c>
      <c r="I6932">
        <f t="shared" si="769"/>
        <v>0.4003958717674585</v>
      </c>
      <c r="J6932">
        <f t="shared" si="770"/>
        <v>1.3346529058915284</v>
      </c>
      <c r="K6932">
        <f t="shared" si="771"/>
        <v>2.0019793588372923</v>
      </c>
      <c r="L6932">
        <f t="shared" si="772"/>
        <v>9.609500922419004</v>
      </c>
      <c r="M6932">
        <f t="shared" si="773"/>
        <v>0</v>
      </c>
      <c r="N6932" s="46">
        <f t="shared" si="774"/>
        <v>45579.416666649937</v>
      </c>
    </row>
    <row r="6933" spans="2:14" x14ac:dyDescent="0.3">
      <c r="B6933">
        <f t="shared" si="768"/>
        <v>1</v>
      </c>
      <c r="C6933" s="16">
        <v>6899</v>
      </c>
      <c r="D6933" cm="1">
        <f t="array" ref="D6933">IFERROR(INDEX(Jesper!AH$2:AH$366,ROUNDDOWN($C6933/24,0)+1,1)*INDEX($D$3:$AA$30,INDEX(Jesper!$R$2:$R$366,ROW(INDEX(Jesper!AH$2:AH$366,ROUNDDOWN($C6933/24,0)+1,1))-1)+IF('Standard Profiles'!$G$18=$B$10,7,0)+IF('Standard Profiles'!$G$18=$B$17,14,0)+IF('Standard Profiles'!$G$18=$B$24,21,0),MOD($C6933,24)+1)/SUM(INDEX($D$3:$AA$30,INDEX(Jesper!$R$2:$R$366,ROW(INDEX(Jesper!AH$2:AH$366,ROUNDDOWN($C6933/24,0)+1,1))-1)+IF('Standard Profiles'!$G$18=$B$10,7,0)+IF('Standard Profiles'!$G$18=$B$17,14,0)+IF('Standard Profiles'!$G$18=$B$24,21,0),0)),0)</f>
        <v>16.947973408146392</v>
      </c>
      <c r="E6933" cm="1">
        <f t="array" ref="E6933">IFERROR(INDEX(Jesper!AI$2:AI$366,ROUNDDOWN($C6933/24,0)+1,1)*INDEX($D$3:$AA$30,INDEX(Jesper!$R$2:$R$366,ROW(INDEX(Jesper!AI$2:AI$366,ROUNDDOWN($C6933/24,0)+1,1))-1)+IF('Standard Profiles'!$G$19=$B$10,7,0)+IF('Standard Profiles'!$G$19=$B$17,14,0)+IF('Standard Profiles'!$G$19=$B$24,21,0),MOD($C6933,24)+1)/SUM(INDEX($D$3:$AA$30,INDEX(Jesper!$R$2:$R$366,ROW(INDEX(Jesper!AI$2:AI$366,ROUNDDOWN($C6933/24,0)+1,1))-1)+IF('Standard Profiles'!$G$19=$B$10,7,0)+IF('Standard Profiles'!$G$19=$B$17,14,0)+IF('Standard Profiles'!$G$19=$B$24,21,0),0)),0)</f>
        <v>0</v>
      </c>
      <c r="F6933" cm="1">
        <f t="array" ref="F6933">IFERROR(INDEX(Jesper!AJ$2:AJ$366,ROUNDDOWN($C6933/24,0)+1,1)*INDEX($D$3:$AA$30,INDEX(Jesper!$R$2:$R$366,ROW(INDEX(Jesper!AJ$2:AJ$366,ROUNDDOWN($C6933/24,0)+1,1))-1)+IF('Standard Profiles'!$G$20=$B$10,7,0)+IF('Standard Profiles'!$G$20=$B$17,14,0)+IF('Standard Profiles'!$G$20=$B$24,21,0),MOD($C6933,24)+1)/SUM(INDEX($D$3:$AA$30,INDEX(Jesper!$R$2:$R$366,ROW(INDEX(Jesper!AJ$2:AJ$366,ROUNDDOWN($C6933/24,0)+1,1))-1)+IF('Standard Profiles'!$G$20=$B$10,7,0)+IF('Standard Profiles'!$G$20=$B$17,14,0)+IF('Standard Profiles'!$G$20=$B$24,21,0),0)),0)</f>
        <v>0</v>
      </c>
      <c r="G6933" cm="1">
        <f t="array" ref="G6933">IFERROR(INDEX(Jesper!AK$2:AK$366,ROUNDDOWN($C6933/24,0)+1,1)*INDEX($D$3:$AA$30,INDEX(Jesper!$R$2:$R$366,ROW(INDEX(Jesper!AK$2:AK$366,ROUNDDOWN($C6933/24,0)+1,1))-1)+IF('Standard Profiles'!$G$21=$B$10,7,0)+IF('Standard Profiles'!$G$21=$B$17,14,0)+IF('Standard Profiles'!$G$21=$B$24,21,0),MOD($C6933,24)+1)/SUM(INDEX($D$3:$AA$30,INDEX(Jesper!$R$2:$R$366,ROW(INDEX(Jesper!AK$2:AK$366,ROUNDDOWN($C6933/24,0)+1,1))-1)+IF('Standard Profiles'!$G$21=$B$10,7,0)+IF('Standard Profiles'!$G$21=$B$17,14,0)+IF('Standard Profiles'!$G$21=$B$24,21,0),0)),0)</f>
        <v>0</v>
      </c>
      <c r="H6933" cm="1">
        <f t="array" ref="H6933">IFERROR(INDEX(Jesper!AL$2:AL$366,ROUNDDOWN($C6933/24,0)+1,1)*INDEX($D$3:$AA$30,INDEX(Jesper!$R$2:$R$366,ROW(INDEX(Jesper!AL$2:AL$366,ROUNDDOWN($C6933/24,0)+1,1))-1)+IF('Standard Profiles'!$G$22=$B$10,7,0)+IF('Standard Profiles'!$G$22=$B$17,14,0)+IF('Standard Profiles'!$G$22=$B$24,21,0),MOD($C6933,24)+1)/SUM(INDEX($D$3:$AA$30,INDEX(Jesper!$R$2:$R$366,ROW(INDEX(Jesper!AL$2:AL$366,ROUNDDOWN($C6933/24,0)+1,1))-1)+IF('Standard Profiles'!$G$22=$B$10,7,0)+IF('Standard Profiles'!$G$22=$B$17,14,0)+IF('Standard Profiles'!$G$22=$B$24,21,0),0)),0)</f>
        <v>0</v>
      </c>
      <c r="I6933">
        <f t="shared" si="769"/>
        <v>0.50843920224439176</v>
      </c>
      <c r="J6933">
        <f t="shared" si="770"/>
        <v>1.6947973408146393</v>
      </c>
      <c r="K6933">
        <f t="shared" si="771"/>
        <v>2.5421960112219586</v>
      </c>
      <c r="L6933">
        <f t="shared" si="772"/>
        <v>12.202540853865402</v>
      </c>
      <c r="M6933">
        <f t="shared" si="773"/>
        <v>0</v>
      </c>
      <c r="N6933" s="46">
        <f t="shared" si="774"/>
        <v>45579.458333316601</v>
      </c>
    </row>
    <row r="6934" spans="2:14" x14ac:dyDescent="0.3">
      <c r="B6934">
        <f t="shared" si="768"/>
        <v>1</v>
      </c>
      <c r="C6934" s="16">
        <v>6900</v>
      </c>
      <c r="D6934" cm="1">
        <f t="array" ref="D6934">IFERROR(INDEX(Jesper!AH$2:AH$366,ROUNDDOWN($C6934/24,0)+1,1)*INDEX($D$3:$AA$30,INDEX(Jesper!$R$2:$R$366,ROW(INDEX(Jesper!AH$2:AH$366,ROUNDDOWN($C6934/24,0)+1,1))-1)+IF('Standard Profiles'!$G$18=$B$10,7,0)+IF('Standard Profiles'!$G$18=$B$17,14,0)+IF('Standard Profiles'!$G$18=$B$24,21,0),MOD($C6934,24)+1)/SUM(INDEX($D$3:$AA$30,INDEX(Jesper!$R$2:$R$366,ROW(INDEX(Jesper!AH$2:AH$366,ROUNDDOWN($C6934/24,0)+1,1))-1)+IF('Standard Profiles'!$G$18=$B$10,7,0)+IF('Standard Profiles'!$G$18=$B$17,14,0)+IF('Standard Profiles'!$G$18=$B$24,21,0),0)),0)</f>
        <v>16.947973408146392</v>
      </c>
      <c r="E6934" cm="1">
        <f t="array" ref="E6934">IFERROR(INDEX(Jesper!AI$2:AI$366,ROUNDDOWN($C6934/24,0)+1,1)*INDEX($D$3:$AA$30,INDEX(Jesper!$R$2:$R$366,ROW(INDEX(Jesper!AI$2:AI$366,ROUNDDOWN($C6934/24,0)+1,1))-1)+IF('Standard Profiles'!$G$19=$B$10,7,0)+IF('Standard Profiles'!$G$19=$B$17,14,0)+IF('Standard Profiles'!$G$19=$B$24,21,0),MOD($C6934,24)+1)/SUM(INDEX($D$3:$AA$30,INDEX(Jesper!$R$2:$R$366,ROW(INDEX(Jesper!AI$2:AI$366,ROUNDDOWN($C6934/24,0)+1,1))-1)+IF('Standard Profiles'!$G$19=$B$10,7,0)+IF('Standard Profiles'!$G$19=$B$17,14,0)+IF('Standard Profiles'!$G$19=$B$24,21,0),0)),0)</f>
        <v>0</v>
      </c>
      <c r="F6934" cm="1">
        <f t="array" ref="F6934">IFERROR(INDEX(Jesper!AJ$2:AJ$366,ROUNDDOWN($C6934/24,0)+1,1)*INDEX($D$3:$AA$30,INDEX(Jesper!$R$2:$R$366,ROW(INDEX(Jesper!AJ$2:AJ$366,ROUNDDOWN($C6934/24,0)+1,1))-1)+IF('Standard Profiles'!$G$20=$B$10,7,0)+IF('Standard Profiles'!$G$20=$B$17,14,0)+IF('Standard Profiles'!$G$20=$B$24,21,0),MOD($C6934,24)+1)/SUM(INDEX($D$3:$AA$30,INDEX(Jesper!$R$2:$R$366,ROW(INDEX(Jesper!AJ$2:AJ$366,ROUNDDOWN($C6934/24,0)+1,1))-1)+IF('Standard Profiles'!$G$20=$B$10,7,0)+IF('Standard Profiles'!$G$20=$B$17,14,0)+IF('Standard Profiles'!$G$20=$B$24,21,0),0)),0)</f>
        <v>0</v>
      </c>
      <c r="G6934" cm="1">
        <f t="array" ref="G6934">IFERROR(INDEX(Jesper!AK$2:AK$366,ROUNDDOWN($C6934/24,0)+1,1)*INDEX($D$3:$AA$30,INDEX(Jesper!$R$2:$R$366,ROW(INDEX(Jesper!AK$2:AK$366,ROUNDDOWN($C6934/24,0)+1,1))-1)+IF('Standard Profiles'!$G$21=$B$10,7,0)+IF('Standard Profiles'!$G$21=$B$17,14,0)+IF('Standard Profiles'!$G$21=$B$24,21,0),MOD($C6934,24)+1)/SUM(INDEX($D$3:$AA$30,INDEX(Jesper!$R$2:$R$366,ROW(INDEX(Jesper!AK$2:AK$366,ROUNDDOWN($C6934/24,0)+1,1))-1)+IF('Standard Profiles'!$G$21=$B$10,7,0)+IF('Standard Profiles'!$G$21=$B$17,14,0)+IF('Standard Profiles'!$G$21=$B$24,21,0),0)),0)</f>
        <v>0</v>
      </c>
      <c r="H6934" cm="1">
        <f t="array" ref="H6934">IFERROR(INDEX(Jesper!AL$2:AL$366,ROUNDDOWN($C6934/24,0)+1,1)*INDEX($D$3:$AA$30,INDEX(Jesper!$R$2:$R$366,ROW(INDEX(Jesper!AL$2:AL$366,ROUNDDOWN($C6934/24,0)+1,1))-1)+IF('Standard Profiles'!$G$22=$B$10,7,0)+IF('Standard Profiles'!$G$22=$B$17,14,0)+IF('Standard Profiles'!$G$22=$B$24,21,0),MOD($C6934,24)+1)/SUM(INDEX($D$3:$AA$30,INDEX(Jesper!$R$2:$R$366,ROW(INDEX(Jesper!AL$2:AL$366,ROUNDDOWN($C6934/24,0)+1,1))-1)+IF('Standard Profiles'!$G$22=$B$10,7,0)+IF('Standard Profiles'!$G$22=$B$17,14,0)+IF('Standard Profiles'!$G$22=$B$24,21,0),0)),0)</f>
        <v>0</v>
      </c>
      <c r="I6934">
        <f t="shared" si="769"/>
        <v>0.50843920224439176</v>
      </c>
      <c r="J6934">
        <f t="shared" si="770"/>
        <v>1.6947973408146393</v>
      </c>
      <c r="K6934">
        <f t="shared" si="771"/>
        <v>2.5421960112219586</v>
      </c>
      <c r="L6934">
        <f t="shared" si="772"/>
        <v>12.202540853865402</v>
      </c>
      <c r="M6934">
        <f t="shared" si="773"/>
        <v>0</v>
      </c>
      <c r="N6934" s="46">
        <f t="shared" si="774"/>
        <v>45579.499999983265</v>
      </c>
    </row>
    <row r="6935" spans="2:14" x14ac:dyDescent="0.3">
      <c r="B6935">
        <f t="shared" si="768"/>
        <v>1</v>
      </c>
      <c r="C6935" s="16">
        <v>6901</v>
      </c>
      <c r="D6935" cm="1">
        <f t="array" ref="D6935">IFERROR(INDEX(Jesper!AH$2:AH$366,ROUNDDOWN($C6935/24,0)+1,1)*INDEX($D$3:$AA$30,INDEX(Jesper!$R$2:$R$366,ROW(INDEX(Jesper!AH$2:AH$366,ROUNDDOWN($C6935/24,0)+1,1))-1)+IF('Standard Profiles'!$G$18=$B$10,7,0)+IF('Standard Profiles'!$G$18=$B$17,14,0)+IF('Standard Profiles'!$G$18=$B$24,21,0),MOD($C6935,24)+1)/SUM(INDEX($D$3:$AA$30,INDEX(Jesper!$R$2:$R$366,ROW(INDEX(Jesper!AH$2:AH$366,ROUNDDOWN($C6935/24,0)+1,1))-1)+IF('Standard Profiles'!$G$18=$B$10,7,0)+IF('Standard Profiles'!$G$18=$B$17,14,0)+IF('Standard Profiles'!$G$18=$B$24,21,0),0)),0)</f>
        <v>11.228032382896984</v>
      </c>
      <c r="E6935" cm="1">
        <f t="array" ref="E6935">IFERROR(INDEX(Jesper!AI$2:AI$366,ROUNDDOWN($C6935/24,0)+1,1)*INDEX($D$3:$AA$30,INDEX(Jesper!$R$2:$R$366,ROW(INDEX(Jesper!AI$2:AI$366,ROUNDDOWN($C6935/24,0)+1,1))-1)+IF('Standard Profiles'!$G$19=$B$10,7,0)+IF('Standard Profiles'!$G$19=$B$17,14,0)+IF('Standard Profiles'!$G$19=$B$24,21,0),MOD($C6935,24)+1)/SUM(INDEX($D$3:$AA$30,INDEX(Jesper!$R$2:$R$366,ROW(INDEX(Jesper!AI$2:AI$366,ROUNDDOWN($C6935/24,0)+1,1))-1)+IF('Standard Profiles'!$G$19=$B$10,7,0)+IF('Standard Profiles'!$G$19=$B$17,14,0)+IF('Standard Profiles'!$G$19=$B$24,21,0),0)),0)</f>
        <v>0</v>
      </c>
      <c r="F6935" cm="1">
        <f t="array" ref="F6935">IFERROR(INDEX(Jesper!AJ$2:AJ$366,ROUNDDOWN($C6935/24,0)+1,1)*INDEX($D$3:$AA$30,INDEX(Jesper!$R$2:$R$366,ROW(INDEX(Jesper!AJ$2:AJ$366,ROUNDDOWN($C6935/24,0)+1,1))-1)+IF('Standard Profiles'!$G$20=$B$10,7,0)+IF('Standard Profiles'!$G$20=$B$17,14,0)+IF('Standard Profiles'!$G$20=$B$24,21,0),MOD($C6935,24)+1)/SUM(INDEX($D$3:$AA$30,INDEX(Jesper!$R$2:$R$366,ROW(INDEX(Jesper!AJ$2:AJ$366,ROUNDDOWN($C6935/24,0)+1,1))-1)+IF('Standard Profiles'!$G$20=$B$10,7,0)+IF('Standard Profiles'!$G$20=$B$17,14,0)+IF('Standard Profiles'!$G$20=$B$24,21,0),0)),0)</f>
        <v>0</v>
      </c>
      <c r="G6935" cm="1">
        <f t="array" ref="G6935">IFERROR(INDEX(Jesper!AK$2:AK$366,ROUNDDOWN($C6935/24,0)+1,1)*INDEX($D$3:$AA$30,INDEX(Jesper!$R$2:$R$366,ROW(INDEX(Jesper!AK$2:AK$366,ROUNDDOWN($C6935/24,0)+1,1))-1)+IF('Standard Profiles'!$G$21=$B$10,7,0)+IF('Standard Profiles'!$G$21=$B$17,14,0)+IF('Standard Profiles'!$G$21=$B$24,21,0),MOD($C6935,24)+1)/SUM(INDEX($D$3:$AA$30,INDEX(Jesper!$R$2:$R$366,ROW(INDEX(Jesper!AK$2:AK$366,ROUNDDOWN($C6935/24,0)+1,1))-1)+IF('Standard Profiles'!$G$21=$B$10,7,0)+IF('Standard Profiles'!$G$21=$B$17,14,0)+IF('Standard Profiles'!$G$21=$B$24,21,0),0)),0)</f>
        <v>0</v>
      </c>
      <c r="H6935" cm="1">
        <f t="array" ref="H6935">IFERROR(INDEX(Jesper!AL$2:AL$366,ROUNDDOWN($C6935/24,0)+1,1)*INDEX($D$3:$AA$30,INDEX(Jesper!$R$2:$R$366,ROW(INDEX(Jesper!AL$2:AL$366,ROUNDDOWN($C6935/24,0)+1,1))-1)+IF('Standard Profiles'!$G$22=$B$10,7,0)+IF('Standard Profiles'!$G$22=$B$17,14,0)+IF('Standard Profiles'!$G$22=$B$24,21,0),MOD($C6935,24)+1)/SUM(INDEX($D$3:$AA$30,INDEX(Jesper!$R$2:$R$366,ROW(INDEX(Jesper!AL$2:AL$366,ROUNDDOWN($C6935/24,0)+1,1))-1)+IF('Standard Profiles'!$G$22=$B$10,7,0)+IF('Standard Profiles'!$G$22=$B$17,14,0)+IF('Standard Profiles'!$G$22=$B$24,21,0),0)),0)</f>
        <v>0</v>
      </c>
      <c r="I6935">
        <f t="shared" si="769"/>
        <v>0.3368409714869095</v>
      </c>
      <c r="J6935">
        <f t="shared" si="770"/>
        <v>1.1228032382896984</v>
      </c>
      <c r="K6935">
        <f t="shared" si="771"/>
        <v>1.6842048574345476</v>
      </c>
      <c r="L6935">
        <f t="shared" si="772"/>
        <v>8.0841833156858289</v>
      </c>
      <c r="M6935">
        <f t="shared" si="773"/>
        <v>0</v>
      </c>
      <c r="N6935" s="46">
        <f t="shared" si="774"/>
        <v>45579.54166664993</v>
      </c>
    </row>
    <row r="6936" spans="2:14" x14ac:dyDescent="0.3">
      <c r="B6936">
        <f t="shared" si="768"/>
        <v>1</v>
      </c>
      <c r="C6936" s="16">
        <v>6902</v>
      </c>
      <c r="D6936" cm="1">
        <f t="array" ref="D6936">IFERROR(INDEX(Jesper!AH$2:AH$366,ROUNDDOWN($C6936/24,0)+1,1)*INDEX($D$3:$AA$30,INDEX(Jesper!$R$2:$R$366,ROW(INDEX(Jesper!AH$2:AH$366,ROUNDDOWN($C6936/24,0)+1,1))-1)+IF('Standard Profiles'!$G$18=$B$10,7,0)+IF('Standard Profiles'!$G$18=$B$17,14,0)+IF('Standard Profiles'!$G$18=$B$24,21,0),MOD($C6936,24)+1)/SUM(INDEX($D$3:$AA$30,INDEX(Jesper!$R$2:$R$366,ROW(INDEX(Jesper!AH$2:AH$366,ROUNDDOWN($C6936/24,0)+1,1))-1)+IF('Standard Profiles'!$G$18=$B$10,7,0)+IF('Standard Profiles'!$G$18=$B$17,14,0)+IF('Standard Profiles'!$G$18=$B$24,21,0),0)),0)</f>
        <v>16.947973408146392</v>
      </c>
      <c r="E6936" cm="1">
        <f t="array" ref="E6936">IFERROR(INDEX(Jesper!AI$2:AI$366,ROUNDDOWN($C6936/24,0)+1,1)*INDEX($D$3:$AA$30,INDEX(Jesper!$R$2:$R$366,ROW(INDEX(Jesper!AI$2:AI$366,ROUNDDOWN($C6936/24,0)+1,1))-1)+IF('Standard Profiles'!$G$19=$B$10,7,0)+IF('Standard Profiles'!$G$19=$B$17,14,0)+IF('Standard Profiles'!$G$19=$B$24,21,0),MOD($C6936,24)+1)/SUM(INDEX($D$3:$AA$30,INDEX(Jesper!$R$2:$R$366,ROW(INDEX(Jesper!AI$2:AI$366,ROUNDDOWN($C6936/24,0)+1,1))-1)+IF('Standard Profiles'!$G$19=$B$10,7,0)+IF('Standard Profiles'!$G$19=$B$17,14,0)+IF('Standard Profiles'!$G$19=$B$24,21,0),0)),0)</f>
        <v>0</v>
      </c>
      <c r="F6936" cm="1">
        <f t="array" ref="F6936">IFERROR(INDEX(Jesper!AJ$2:AJ$366,ROUNDDOWN($C6936/24,0)+1,1)*INDEX($D$3:$AA$30,INDEX(Jesper!$R$2:$R$366,ROW(INDEX(Jesper!AJ$2:AJ$366,ROUNDDOWN($C6936/24,0)+1,1))-1)+IF('Standard Profiles'!$G$20=$B$10,7,0)+IF('Standard Profiles'!$G$20=$B$17,14,0)+IF('Standard Profiles'!$G$20=$B$24,21,0),MOD($C6936,24)+1)/SUM(INDEX($D$3:$AA$30,INDEX(Jesper!$R$2:$R$366,ROW(INDEX(Jesper!AJ$2:AJ$366,ROUNDDOWN($C6936/24,0)+1,1))-1)+IF('Standard Profiles'!$G$20=$B$10,7,0)+IF('Standard Profiles'!$G$20=$B$17,14,0)+IF('Standard Profiles'!$G$20=$B$24,21,0),0)),0)</f>
        <v>0</v>
      </c>
      <c r="G6936" cm="1">
        <f t="array" ref="G6936">IFERROR(INDEX(Jesper!AK$2:AK$366,ROUNDDOWN($C6936/24,0)+1,1)*INDEX($D$3:$AA$30,INDEX(Jesper!$R$2:$R$366,ROW(INDEX(Jesper!AK$2:AK$366,ROUNDDOWN($C6936/24,0)+1,1))-1)+IF('Standard Profiles'!$G$21=$B$10,7,0)+IF('Standard Profiles'!$G$21=$B$17,14,0)+IF('Standard Profiles'!$G$21=$B$24,21,0),MOD($C6936,24)+1)/SUM(INDEX($D$3:$AA$30,INDEX(Jesper!$R$2:$R$366,ROW(INDEX(Jesper!AK$2:AK$366,ROUNDDOWN($C6936/24,0)+1,1))-1)+IF('Standard Profiles'!$G$21=$B$10,7,0)+IF('Standard Profiles'!$G$21=$B$17,14,0)+IF('Standard Profiles'!$G$21=$B$24,21,0),0)),0)</f>
        <v>0</v>
      </c>
      <c r="H6936" cm="1">
        <f t="array" ref="H6936">IFERROR(INDEX(Jesper!AL$2:AL$366,ROUNDDOWN($C6936/24,0)+1,1)*INDEX($D$3:$AA$30,INDEX(Jesper!$R$2:$R$366,ROW(INDEX(Jesper!AL$2:AL$366,ROUNDDOWN($C6936/24,0)+1,1))-1)+IF('Standard Profiles'!$G$22=$B$10,7,0)+IF('Standard Profiles'!$G$22=$B$17,14,0)+IF('Standard Profiles'!$G$22=$B$24,21,0),MOD($C6936,24)+1)/SUM(INDEX($D$3:$AA$30,INDEX(Jesper!$R$2:$R$366,ROW(INDEX(Jesper!AL$2:AL$366,ROUNDDOWN($C6936/24,0)+1,1))-1)+IF('Standard Profiles'!$G$22=$B$10,7,0)+IF('Standard Profiles'!$G$22=$B$17,14,0)+IF('Standard Profiles'!$G$22=$B$24,21,0),0)),0)</f>
        <v>0</v>
      </c>
      <c r="I6936">
        <f t="shared" si="769"/>
        <v>0.50843920224439176</v>
      </c>
      <c r="J6936">
        <f t="shared" si="770"/>
        <v>1.6947973408146393</v>
      </c>
      <c r="K6936">
        <f t="shared" si="771"/>
        <v>2.5421960112219586</v>
      </c>
      <c r="L6936">
        <f t="shared" si="772"/>
        <v>12.202540853865402</v>
      </c>
      <c r="M6936">
        <f t="shared" si="773"/>
        <v>0</v>
      </c>
      <c r="N6936" s="46">
        <f t="shared" si="774"/>
        <v>45579.583333316594</v>
      </c>
    </row>
    <row r="6937" spans="2:14" x14ac:dyDescent="0.3">
      <c r="B6937">
        <f t="shared" si="768"/>
        <v>1</v>
      </c>
      <c r="C6937" s="16">
        <v>6903</v>
      </c>
      <c r="D6937" cm="1">
        <f t="array" ref="D6937">IFERROR(INDEX(Jesper!AH$2:AH$366,ROUNDDOWN($C6937/24,0)+1,1)*INDEX($D$3:$AA$30,INDEX(Jesper!$R$2:$R$366,ROW(INDEX(Jesper!AH$2:AH$366,ROUNDDOWN($C6937/24,0)+1,1))-1)+IF('Standard Profiles'!$G$18=$B$10,7,0)+IF('Standard Profiles'!$G$18=$B$17,14,0)+IF('Standard Profiles'!$G$18=$B$24,21,0),MOD($C6937,24)+1)/SUM(INDEX($D$3:$AA$30,INDEX(Jesper!$R$2:$R$366,ROW(INDEX(Jesper!AH$2:AH$366,ROUNDDOWN($C6937/24,0)+1,1))-1)+IF('Standard Profiles'!$G$18=$B$10,7,0)+IF('Standard Profiles'!$G$18=$B$17,14,0)+IF('Standard Profiles'!$G$18=$B$24,21,0),0)),0)</f>
        <v>16.947973408146392</v>
      </c>
      <c r="E6937" cm="1">
        <f t="array" ref="E6937">IFERROR(INDEX(Jesper!AI$2:AI$366,ROUNDDOWN($C6937/24,0)+1,1)*INDEX($D$3:$AA$30,INDEX(Jesper!$R$2:$R$366,ROW(INDEX(Jesper!AI$2:AI$366,ROUNDDOWN($C6937/24,0)+1,1))-1)+IF('Standard Profiles'!$G$19=$B$10,7,0)+IF('Standard Profiles'!$G$19=$B$17,14,0)+IF('Standard Profiles'!$G$19=$B$24,21,0),MOD($C6937,24)+1)/SUM(INDEX($D$3:$AA$30,INDEX(Jesper!$R$2:$R$366,ROW(INDEX(Jesper!AI$2:AI$366,ROUNDDOWN($C6937/24,0)+1,1))-1)+IF('Standard Profiles'!$G$19=$B$10,7,0)+IF('Standard Profiles'!$G$19=$B$17,14,0)+IF('Standard Profiles'!$G$19=$B$24,21,0),0)),0)</f>
        <v>0</v>
      </c>
      <c r="F6937" cm="1">
        <f t="array" ref="F6937">IFERROR(INDEX(Jesper!AJ$2:AJ$366,ROUNDDOWN($C6937/24,0)+1,1)*INDEX($D$3:$AA$30,INDEX(Jesper!$R$2:$R$366,ROW(INDEX(Jesper!AJ$2:AJ$366,ROUNDDOWN($C6937/24,0)+1,1))-1)+IF('Standard Profiles'!$G$20=$B$10,7,0)+IF('Standard Profiles'!$G$20=$B$17,14,0)+IF('Standard Profiles'!$G$20=$B$24,21,0),MOD($C6937,24)+1)/SUM(INDEX($D$3:$AA$30,INDEX(Jesper!$R$2:$R$366,ROW(INDEX(Jesper!AJ$2:AJ$366,ROUNDDOWN($C6937/24,0)+1,1))-1)+IF('Standard Profiles'!$G$20=$B$10,7,0)+IF('Standard Profiles'!$G$20=$B$17,14,0)+IF('Standard Profiles'!$G$20=$B$24,21,0),0)),0)</f>
        <v>0</v>
      </c>
      <c r="G6937" cm="1">
        <f t="array" ref="G6937">IFERROR(INDEX(Jesper!AK$2:AK$366,ROUNDDOWN($C6937/24,0)+1,1)*INDEX($D$3:$AA$30,INDEX(Jesper!$R$2:$R$366,ROW(INDEX(Jesper!AK$2:AK$366,ROUNDDOWN($C6937/24,0)+1,1))-1)+IF('Standard Profiles'!$G$21=$B$10,7,0)+IF('Standard Profiles'!$G$21=$B$17,14,0)+IF('Standard Profiles'!$G$21=$B$24,21,0),MOD($C6937,24)+1)/SUM(INDEX($D$3:$AA$30,INDEX(Jesper!$R$2:$R$366,ROW(INDEX(Jesper!AK$2:AK$366,ROUNDDOWN($C6937/24,0)+1,1))-1)+IF('Standard Profiles'!$G$21=$B$10,7,0)+IF('Standard Profiles'!$G$21=$B$17,14,0)+IF('Standard Profiles'!$G$21=$B$24,21,0),0)),0)</f>
        <v>0</v>
      </c>
      <c r="H6937" cm="1">
        <f t="array" ref="H6937">IFERROR(INDEX(Jesper!AL$2:AL$366,ROUNDDOWN($C6937/24,0)+1,1)*INDEX($D$3:$AA$30,INDEX(Jesper!$R$2:$R$366,ROW(INDEX(Jesper!AL$2:AL$366,ROUNDDOWN($C6937/24,0)+1,1))-1)+IF('Standard Profiles'!$G$22=$B$10,7,0)+IF('Standard Profiles'!$G$22=$B$17,14,0)+IF('Standard Profiles'!$G$22=$B$24,21,0),MOD($C6937,24)+1)/SUM(INDEX($D$3:$AA$30,INDEX(Jesper!$R$2:$R$366,ROW(INDEX(Jesper!AL$2:AL$366,ROUNDDOWN($C6937/24,0)+1,1))-1)+IF('Standard Profiles'!$G$22=$B$10,7,0)+IF('Standard Profiles'!$G$22=$B$17,14,0)+IF('Standard Profiles'!$G$22=$B$24,21,0),0)),0)</f>
        <v>0</v>
      </c>
      <c r="I6937">
        <f t="shared" si="769"/>
        <v>0.50843920224439176</v>
      </c>
      <c r="J6937">
        <f t="shared" si="770"/>
        <v>1.6947973408146393</v>
      </c>
      <c r="K6937">
        <f t="shared" si="771"/>
        <v>2.5421960112219586</v>
      </c>
      <c r="L6937">
        <f t="shared" si="772"/>
        <v>12.202540853865402</v>
      </c>
      <c r="M6937">
        <f t="shared" si="773"/>
        <v>0</v>
      </c>
      <c r="N6937" s="46">
        <f t="shared" si="774"/>
        <v>45579.624999983258</v>
      </c>
    </row>
    <row r="6938" spans="2:14" x14ac:dyDescent="0.3">
      <c r="B6938">
        <f t="shared" si="768"/>
        <v>1</v>
      </c>
      <c r="C6938" s="16">
        <v>6904</v>
      </c>
      <c r="D6938" cm="1">
        <f t="array" ref="D6938">IFERROR(INDEX(Jesper!AH$2:AH$366,ROUNDDOWN($C6938/24,0)+1,1)*INDEX($D$3:$AA$30,INDEX(Jesper!$R$2:$R$366,ROW(INDEX(Jesper!AH$2:AH$366,ROUNDDOWN($C6938/24,0)+1,1))-1)+IF('Standard Profiles'!$G$18=$B$10,7,0)+IF('Standard Profiles'!$G$18=$B$17,14,0)+IF('Standard Profiles'!$G$18=$B$24,21,0),MOD($C6938,24)+1)/SUM(INDEX($D$3:$AA$30,INDEX(Jesper!$R$2:$R$366,ROW(INDEX(Jesper!AH$2:AH$366,ROUNDDOWN($C6938/24,0)+1,1))-1)+IF('Standard Profiles'!$G$18=$B$10,7,0)+IF('Standard Profiles'!$G$18=$B$17,14,0)+IF('Standard Profiles'!$G$18=$B$24,21,0),0)),0)</f>
        <v>16.947973408146392</v>
      </c>
      <c r="E6938" cm="1">
        <f t="array" ref="E6938">IFERROR(INDEX(Jesper!AI$2:AI$366,ROUNDDOWN($C6938/24,0)+1,1)*INDEX($D$3:$AA$30,INDEX(Jesper!$R$2:$R$366,ROW(INDEX(Jesper!AI$2:AI$366,ROUNDDOWN($C6938/24,0)+1,1))-1)+IF('Standard Profiles'!$G$19=$B$10,7,0)+IF('Standard Profiles'!$G$19=$B$17,14,0)+IF('Standard Profiles'!$G$19=$B$24,21,0),MOD($C6938,24)+1)/SUM(INDEX($D$3:$AA$30,INDEX(Jesper!$R$2:$R$366,ROW(INDEX(Jesper!AI$2:AI$366,ROUNDDOWN($C6938/24,0)+1,1))-1)+IF('Standard Profiles'!$G$19=$B$10,7,0)+IF('Standard Profiles'!$G$19=$B$17,14,0)+IF('Standard Profiles'!$G$19=$B$24,21,0),0)),0)</f>
        <v>0</v>
      </c>
      <c r="F6938" cm="1">
        <f t="array" ref="F6938">IFERROR(INDEX(Jesper!AJ$2:AJ$366,ROUNDDOWN($C6938/24,0)+1,1)*INDEX($D$3:$AA$30,INDEX(Jesper!$R$2:$R$366,ROW(INDEX(Jesper!AJ$2:AJ$366,ROUNDDOWN($C6938/24,0)+1,1))-1)+IF('Standard Profiles'!$G$20=$B$10,7,0)+IF('Standard Profiles'!$G$20=$B$17,14,0)+IF('Standard Profiles'!$G$20=$B$24,21,0),MOD($C6938,24)+1)/SUM(INDEX($D$3:$AA$30,INDEX(Jesper!$R$2:$R$366,ROW(INDEX(Jesper!AJ$2:AJ$366,ROUNDDOWN($C6938/24,0)+1,1))-1)+IF('Standard Profiles'!$G$20=$B$10,7,0)+IF('Standard Profiles'!$G$20=$B$17,14,0)+IF('Standard Profiles'!$G$20=$B$24,21,0),0)),0)</f>
        <v>0</v>
      </c>
      <c r="G6938" cm="1">
        <f t="array" ref="G6938">IFERROR(INDEX(Jesper!AK$2:AK$366,ROUNDDOWN($C6938/24,0)+1,1)*INDEX($D$3:$AA$30,INDEX(Jesper!$R$2:$R$366,ROW(INDEX(Jesper!AK$2:AK$366,ROUNDDOWN($C6938/24,0)+1,1))-1)+IF('Standard Profiles'!$G$21=$B$10,7,0)+IF('Standard Profiles'!$G$21=$B$17,14,0)+IF('Standard Profiles'!$G$21=$B$24,21,0),MOD($C6938,24)+1)/SUM(INDEX($D$3:$AA$30,INDEX(Jesper!$R$2:$R$366,ROW(INDEX(Jesper!AK$2:AK$366,ROUNDDOWN($C6938/24,0)+1,1))-1)+IF('Standard Profiles'!$G$21=$B$10,7,0)+IF('Standard Profiles'!$G$21=$B$17,14,0)+IF('Standard Profiles'!$G$21=$B$24,21,0),0)),0)</f>
        <v>0</v>
      </c>
      <c r="H6938" cm="1">
        <f t="array" ref="H6938">IFERROR(INDEX(Jesper!AL$2:AL$366,ROUNDDOWN($C6938/24,0)+1,1)*INDEX($D$3:$AA$30,INDEX(Jesper!$R$2:$R$366,ROW(INDEX(Jesper!AL$2:AL$366,ROUNDDOWN($C6938/24,0)+1,1))-1)+IF('Standard Profiles'!$G$22=$B$10,7,0)+IF('Standard Profiles'!$G$22=$B$17,14,0)+IF('Standard Profiles'!$G$22=$B$24,21,0),MOD($C6938,24)+1)/SUM(INDEX($D$3:$AA$30,INDEX(Jesper!$R$2:$R$366,ROW(INDEX(Jesper!AL$2:AL$366,ROUNDDOWN($C6938/24,0)+1,1))-1)+IF('Standard Profiles'!$G$22=$B$10,7,0)+IF('Standard Profiles'!$G$22=$B$17,14,0)+IF('Standard Profiles'!$G$22=$B$24,21,0),0)),0)</f>
        <v>0</v>
      </c>
      <c r="I6938">
        <f t="shared" si="769"/>
        <v>0.50843920224439176</v>
      </c>
      <c r="J6938">
        <f t="shared" si="770"/>
        <v>1.6947973408146393</v>
      </c>
      <c r="K6938">
        <f t="shared" si="771"/>
        <v>2.5421960112219586</v>
      </c>
      <c r="L6938">
        <f t="shared" si="772"/>
        <v>12.202540853865402</v>
      </c>
      <c r="M6938">
        <f t="shared" si="773"/>
        <v>0</v>
      </c>
      <c r="N6938" s="46">
        <f t="shared" si="774"/>
        <v>45579.666666649922</v>
      </c>
    </row>
    <row r="6939" spans="2:14" x14ac:dyDescent="0.3">
      <c r="B6939">
        <f t="shared" si="768"/>
        <v>1</v>
      </c>
      <c r="C6939" s="16">
        <v>6905</v>
      </c>
      <c r="D6939" cm="1">
        <f t="array" ref="D6939">IFERROR(INDEX(Jesper!AH$2:AH$366,ROUNDDOWN($C6939/24,0)+1,1)*INDEX($D$3:$AA$30,INDEX(Jesper!$R$2:$R$366,ROW(INDEX(Jesper!AH$2:AH$366,ROUNDDOWN($C6939/24,0)+1,1))-1)+IF('Standard Profiles'!$G$18=$B$10,7,0)+IF('Standard Profiles'!$G$18=$B$17,14,0)+IF('Standard Profiles'!$G$18=$B$24,21,0),MOD($C6939,24)+1)/SUM(INDEX($D$3:$AA$30,INDEX(Jesper!$R$2:$R$366,ROW(INDEX(Jesper!AH$2:AH$366,ROUNDDOWN($C6939/24,0)+1,1))-1)+IF('Standard Profiles'!$G$18=$B$10,7,0)+IF('Standard Profiles'!$G$18=$B$17,14,0)+IF('Standard Profiles'!$G$18=$B$24,21,0),0)),0)</f>
        <v>16.947973408146392</v>
      </c>
      <c r="E6939" cm="1">
        <f t="array" ref="E6939">IFERROR(INDEX(Jesper!AI$2:AI$366,ROUNDDOWN($C6939/24,0)+1,1)*INDEX($D$3:$AA$30,INDEX(Jesper!$R$2:$R$366,ROW(INDEX(Jesper!AI$2:AI$366,ROUNDDOWN($C6939/24,0)+1,1))-1)+IF('Standard Profiles'!$G$19=$B$10,7,0)+IF('Standard Profiles'!$G$19=$B$17,14,0)+IF('Standard Profiles'!$G$19=$B$24,21,0),MOD($C6939,24)+1)/SUM(INDEX($D$3:$AA$30,INDEX(Jesper!$R$2:$R$366,ROW(INDEX(Jesper!AI$2:AI$366,ROUNDDOWN($C6939/24,0)+1,1))-1)+IF('Standard Profiles'!$G$19=$B$10,7,0)+IF('Standard Profiles'!$G$19=$B$17,14,0)+IF('Standard Profiles'!$G$19=$B$24,21,0),0)),0)</f>
        <v>0</v>
      </c>
      <c r="F6939" cm="1">
        <f t="array" ref="F6939">IFERROR(INDEX(Jesper!AJ$2:AJ$366,ROUNDDOWN($C6939/24,0)+1,1)*INDEX($D$3:$AA$30,INDEX(Jesper!$R$2:$R$366,ROW(INDEX(Jesper!AJ$2:AJ$366,ROUNDDOWN($C6939/24,0)+1,1))-1)+IF('Standard Profiles'!$G$20=$B$10,7,0)+IF('Standard Profiles'!$G$20=$B$17,14,0)+IF('Standard Profiles'!$G$20=$B$24,21,0),MOD($C6939,24)+1)/SUM(INDEX($D$3:$AA$30,INDEX(Jesper!$R$2:$R$366,ROW(INDEX(Jesper!AJ$2:AJ$366,ROUNDDOWN($C6939/24,0)+1,1))-1)+IF('Standard Profiles'!$G$20=$B$10,7,0)+IF('Standard Profiles'!$G$20=$B$17,14,0)+IF('Standard Profiles'!$G$20=$B$24,21,0),0)),0)</f>
        <v>0</v>
      </c>
      <c r="G6939" cm="1">
        <f t="array" ref="G6939">IFERROR(INDEX(Jesper!AK$2:AK$366,ROUNDDOWN($C6939/24,0)+1,1)*INDEX($D$3:$AA$30,INDEX(Jesper!$R$2:$R$366,ROW(INDEX(Jesper!AK$2:AK$366,ROUNDDOWN($C6939/24,0)+1,1))-1)+IF('Standard Profiles'!$G$21=$B$10,7,0)+IF('Standard Profiles'!$G$21=$B$17,14,0)+IF('Standard Profiles'!$G$21=$B$24,21,0),MOD($C6939,24)+1)/SUM(INDEX($D$3:$AA$30,INDEX(Jesper!$R$2:$R$366,ROW(INDEX(Jesper!AK$2:AK$366,ROUNDDOWN($C6939/24,0)+1,1))-1)+IF('Standard Profiles'!$G$21=$B$10,7,0)+IF('Standard Profiles'!$G$21=$B$17,14,0)+IF('Standard Profiles'!$G$21=$B$24,21,0),0)),0)</f>
        <v>0</v>
      </c>
      <c r="H6939" cm="1">
        <f t="array" ref="H6939">IFERROR(INDEX(Jesper!AL$2:AL$366,ROUNDDOWN($C6939/24,0)+1,1)*INDEX($D$3:$AA$30,INDEX(Jesper!$R$2:$R$366,ROW(INDEX(Jesper!AL$2:AL$366,ROUNDDOWN($C6939/24,0)+1,1))-1)+IF('Standard Profiles'!$G$22=$B$10,7,0)+IF('Standard Profiles'!$G$22=$B$17,14,0)+IF('Standard Profiles'!$G$22=$B$24,21,0),MOD($C6939,24)+1)/SUM(INDEX($D$3:$AA$30,INDEX(Jesper!$R$2:$R$366,ROW(INDEX(Jesper!AL$2:AL$366,ROUNDDOWN($C6939/24,0)+1,1))-1)+IF('Standard Profiles'!$G$22=$B$10,7,0)+IF('Standard Profiles'!$G$22=$B$17,14,0)+IF('Standard Profiles'!$G$22=$B$24,21,0),0)),0)</f>
        <v>0</v>
      </c>
      <c r="I6939">
        <f t="shared" si="769"/>
        <v>0.50843920224439176</v>
      </c>
      <c r="J6939">
        <f t="shared" si="770"/>
        <v>1.6947973408146393</v>
      </c>
      <c r="K6939">
        <f t="shared" si="771"/>
        <v>2.5421960112219586</v>
      </c>
      <c r="L6939">
        <f t="shared" si="772"/>
        <v>12.202540853865402</v>
      </c>
      <c r="M6939">
        <f t="shared" si="773"/>
        <v>0</v>
      </c>
      <c r="N6939" s="46">
        <f t="shared" si="774"/>
        <v>45579.708333316587</v>
      </c>
    </row>
    <row r="6940" spans="2:14" x14ac:dyDescent="0.3">
      <c r="B6940">
        <f t="shared" si="768"/>
        <v>1</v>
      </c>
      <c r="C6940" s="16">
        <v>6906</v>
      </c>
      <c r="D6940" cm="1">
        <f t="array" ref="D6940">IFERROR(INDEX(Jesper!AH$2:AH$366,ROUNDDOWN($C6940/24,0)+1,1)*INDEX($D$3:$AA$30,INDEX(Jesper!$R$2:$R$366,ROW(INDEX(Jesper!AH$2:AH$366,ROUNDDOWN($C6940/24,0)+1,1))-1)+IF('Standard Profiles'!$G$18=$B$10,7,0)+IF('Standard Profiles'!$G$18=$B$17,14,0)+IF('Standard Profiles'!$G$18=$B$24,21,0),MOD($C6940,24)+1)/SUM(INDEX($D$3:$AA$30,INDEX(Jesper!$R$2:$R$366,ROW(INDEX(Jesper!AH$2:AH$366,ROUNDDOWN($C6940/24,0)+1,1))-1)+IF('Standard Profiles'!$G$18=$B$10,7,0)+IF('Standard Profiles'!$G$18=$B$17,14,0)+IF('Standard Profiles'!$G$18=$B$24,21,0),0)),0)</f>
        <v>16.947973408146392</v>
      </c>
      <c r="E6940" cm="1">
        <f t="array" ref="E6940">IFERROR(INDEX(Jesper!AI$2:AI$366,ROUNDDOWN($C6940/24,0)+1,1)*INDEX($D$3:$AA$30,INDEX(Jesper!$R$2:$R$366,ROW(INDEX(Jesper!AI$2:AI$366,ROUNDDOWN($C6940/24,0)+1,1))-1)+IF('Standard Profiles'!$G$19=$B$10,7,0)+IF('Standard Profiles'!$G$19=$B$17,14,0)+IF('Standard Profiles'!$G$19=$B$24,21,0),MOD($C6940,24)+1)/SUM(INDEX($D$3:$AA$30,INDEX(Jesper!$R$2:$R$366,ROW(INDEX(Jesper!AI$2:AI$366,ROUNDDOWN($C6940/24,0)+1,1))-1)+IF('Standard Profiles'!$G$19=$B$10,7,0)+IF('Standard Profiles'!$G$19=$B$17,14,0)+IF('Standard Profiles'!$G$19=$B$24,21,0),0)),0)</f>
        <v>0</v>
      </c>
      <c r="F6940" cm="1">
        <f t="array" ref="F6940">IFERROR(INDEX(Jesper!AJ$2:AJ$366,ROUNDDOWN($C6940/24,0)+1,1)*INDEX($D$3:$AA$30,INDEX(Jesper!$R$2:$R$366,ROW(INDEX(Jesper!AJ$2:AJ$366,ROUNDDOWN($C6940/24,0)+1,1))-1)+IF('Standard Profiles'!$G$20=$B$10,7,0)+IF('Standard Profiles'!$G$20=$B$17,14,0)+IF('Standard Profiles'!$G$20=$B$24,21,0),MOD($C6940,24)+1)/SUM(INDEX($D$3:$AA$30,INDEX(Jesper!$R$2:$R$366,ROW(INDEX(Jesper!AJ$2:AJ$366,ROUNDDOWN($C6940/24,0)+1,1))-1)+IF('Standard Profiles'!$G$20=$B$10,7,0)+IF('Standard Profiles'!$G$20=$B$17,14,0)+IF('Standard Profiles'!$G$20=$B$24,21,0),0)),0)</f>
        <v>0</v>
      </c>
      <c r="G6940" cm="1">
        <f t="array" ref="G6940">IFERROR(INDEX(Jesper!AK$2:AK$366,ROUNDDOWN($C6940/24,0)+1,1)*INDEX($D$3:$AA$30,INDEX(Jesper!$R$2:$R$366,ROW(INDEX(Jesper!AK$2:AK$366,ROUNDDOWN($C6940/24,0)+1,1))-1)+IF('Standard Profiles'!$G$21=$B$10,7,0)+IF('Standard Profiles'!$G$21=$B$17,14,0)+IF('Standard Profiles'!$G$21=$B$24,21,0),MOD($C6940,24)+1)/SUM(INDEX($D$3:$AA$30,INDEX(Jesper!$R$2:$R$366,ROW(INDEX(Jesper!AK$2:AK$366,ROUNDDOWN($C6940/24,0)+1,1))-1)+IF('Standard Profiles'!$G$21=$B$10,7,0)+IF('Standard Profiles'!$G$21=$B$17,14,0)+IF('Standard Profiles'!$G$21=$B$24,21,0),0)),0)</f>
        <v>0</v>
      </c>
      <c r="H6940" cm="1">
        <f t="array" ref="H6940">IFERROR(INDEX(Jesper!AL$2:AL$366,ROUNDDOWN($C6940/24,0)+1,1)*INDEX($D$3:$AA$30,INDEX(Jesper!$R$2:$R$366,ROW(INDEX(Jesper!AL$2:AL$366,ROUNDDOWN($C6940/24,0)+1,1))-1)+IF('Standard Profiles'!$G$22=$B$10,7,0)+IF('Standard Profiles'!$G$22=$B$17,14,0)+IF('Standard Profiles'!$G$22=$B$24,21,0),MOD($C6940,24)+1)/SUM(INDEX($D$3:$AA$30,INDEX(Jesper!$R$2:$R$366,ROW(INDEX(Jesper!AL$2:AL$366,ROUNDDOWN($C6940/24,0)+1,1))-1)+IF('Standard Profiles'!$G$22=$B$10,7,0)+IF('Standard Profiles'!$G$22=$B$17,14,0)+IF('Standard Profiles'!$G$22=$B$24,21,0),0)),0)</f>
        <v>0</v>
      </c>
      <c r="I6940">
        <f t="shared" si="769"/>
        <v>0.50843920224439176</v>
      </c>
      <c r="J6940">
        <f t="shared" si="770"/>
        <v>1.6947973408146393</v>
      </c>
      <c r="K6940">
        <f t="shared" si="771"/>
        <v>2.5421960112219586</v>
      </c>
      <c r="L6940">
        <f t="shared" si="772"/>
        <v>12.202540853865402</v>
      </c>
      <c r="M6940">
        <f t="shared" si="773"/>
        <v>0</v>
      </c>
      <c r="N6940" s="46">
        <f t="shared" si="774"/>
        <v>45579.749999983251</v>
      </c>
    </row>
    <row r="6941" spans="2:14" x14ac:dyDescent="0.3">
      <c r="B6941">
        <f t="shared" si="768"/>
        <v>1</v>
      </c>
      <c r="C6941" s="16">
        <v>6907</v>
      </c>
      <c r="D6941" cm="1">
        <f t="array" ref="D6941">IFERROR(INDEX(Jesper!AH$2:AH$366,ROUNDDOWN($C6941/24,0)+1,1)*INDEX($D$3:$AA$30,INDEX(Jesper!$R$2:$R$366,ROW(INDEX(Jesper!AH$2:AH$366,ROUNDDOWN($C6941/24,0)+1,1))-1)+IF('Standard Profiles'!$G$18=$B$10,7,0)+IF('Standard Profiles'!$G$18=$B$17,14,0)+IF('Standard Profiles'!$G$18=$B$24,21,0),MOD($C6941,24)+1)/SUM(INDEX($D$3:$AA$30,INDEX(Jesper!$R$2:$R$366,ROW(INDEX(Jesper!AH$2:AH$366,ROUNDDOWN($C6941/24,0)+1,1))-1)+IF('Standard Profiles'!$G$18=$B$10,7,0)+IF('Standard Profiles'!$G$18=$B$17,14,0)+IF('Standard Profiles'!$G$18=$B$24,21,0),0)),0)</f>
        <v>14.193927729322601</v>
      </c>
      <c r="E6941" cm="1">
        <f t="array" ref="E6941">IFERROR(INDEX(Jesper!AI$2:AI$366,ROUNDDOWN($C6941/24,0)+1,1)*INDEX($D$3:$AA$30,INDEX(Jesper!$R$2:$R$366,ROW(INDEX(Jesper!AI$2:AI$366,ROUNDDOWN($C6941/24,0)+1,1))-1)+IF('Standard Profiles'!$G$19=$B$10,7,0)+IF('Standard Profiles'!$G$19=$B$17,14,0)+IF('Standard Profiles'!$G$19=$B$24,21,0),MOD($C6941,24)+1)/SUM(INDEX($D$3:$AA$30,INDEX(Jesper!$R$2:$R$366,ROW(INDEX(Jesper!AI$2:AI$366,ROUNDDOWN($C6941/24,0)+1,1))-1)+IF('Standard Profiles'!$G$19=$B$10,7,0)+IF('Standard Profiles'!$G$19=$B$17,14,0)+IF('Standard Profiles'!$G$19=$B$24,21,0),0)),0)</f>
        <v>0</v>
      </c>
      <c r="F6941" cm="1">
        <f t="array" ref="F6941">IFERROR(INDEX(Jesper!AJ$2:AJ$366,ROUNDDOWN($C6941/24,0)+1,1)*INDEX($D$3:$AA$30,INDEX(Jesper!$R$2:$R$366,ROW(INDEX(Jesper!AJ$2:AJ$366,ROUNDDOWN($C6941/24,0)+1,1))-1)+IF('Standard Profiles'!$G$20=$B$10,7,0)+IF('Standard Profiles'!$G$20=$B$17,14,0)+IF('Standard Profiles'!$G$20=$B$24,21,0),MOD($C6941,24)+1)/SUM(INDEX($D$3:$AA$30,INDEX(Jesper!$R$2:$R$366,ROW(INDEX(Jesper!AJ$2:AJ$366,ROUNDDOWN($C6941/24,0)+1,1))-1)+IF('Standard Profiles'!$G$20=$B$10,7,0)+IF('Standard Profiles'!$G$20=$B$17,14,0)+IF('Standard Profiles'!$G$20=$B$24,21,0),0)),0)</f>
        <v>0</v>
      </c>
      <c r="G6941" cm="1">
        <f t="array" ref="G6941">IFERROR(INDEX(Jesper!AK$2:AK$366,ROUNDDOWN($C6941/24,0)+1,1)*INDEX($D$3:$AA$30,INDEX(Jesper!$R$2:$R$366,ROW(INDEX(Jesper!AK$2:AK$366,ROUNDDOWN($C6941/24,0)+1,1))-1)+IF('Standard Profiles'!$G$21=$B$10,7,0)+IF('Standard Profiles'!$G$21=$B$17,14,0)+IF('Standard Profiles'!$G$21=$B$24,21,0),MOD($C6941,24)+1)/SUM(INDEX($D$3:$AA$30,INDEX(Jesper!$R$2:$R$366,ROW(INDEX(Jesper!AK$2:AK$366,ROUNDDOWN($C6941/24,0)+1,1))-1)+IF('Standard Profiles'!$G$21=$B$10,7,0)+IF('Standard Profiles'!$G$21=$B$17,14,0)+IF('Standard Profiles'!$G$21=$B$24,21,0),0)),0)</f>
        <v>0</v>
      </c>
      <c r="H6941" cm="1">
        <f t="array" ref="H6941">IFERROR(INDEX(Jesper!AL$2:AL$366,ROUNDDOWN($C6941/24,0)+1,1)*INDEX($D$3:$AA$30,INDEX(Jesper!$R$2:$R$366,ROW(INDEX(Jesper!AL$2:AL$366,ROUNDDOWN($C6941/24,0)+1,1))-1)+IF('Standard Profiles'!$G$22=$B$10,7,0)+IF('Standard Profiles'!$G$22=$B$17,14,0)+IF('Standard Profiles'!$G$22=$B$24,21,0),MOD($C6941,24)+1)/SUM(INDEX($D$3:$AA$30,INDEX(Jesper!$R$2:$R$366,ROW(INDEX(Jesper!AL$2:AL$366,ROUNDDOWN($C6941/24,0)+1,1))-1)+IF('Standard Profiles'!$G$22=$B$10,7,0)+IF('Standard Profiles'!$G$22=$B$17,14,0)+IF('Standard Profiles'!$G$22=$B$24,21,0),0)),0)</f>
        <v>0</v>
      </c>
      <c r="I6941">
        <f t="shared" si="769"/>
        <v>0.42581783187967803</v>
      </c>
      <c r="J6941">
        <f t="shared" si="770"/>
        <v>1.4193927729322602</v>
      </c>
      <c r="K6941">
        <f t="shared" si="771"/>
        <v>2.1290891593983901</v>
      </c>
      <c r="L6941">
        <f t="shared" si="772"/>
        <v>10.219627965112272</v>
      </c>
      <c r="M6941">
        <f t="shared" si="773"/>
        <v>0</v>
      </c>
      <c r="N6941" s="46">
        <f t="shared" si="774"/>
        <v>45579.791666649915</v>
      </c>
    </row>
    <row r="6942" spans="2:14" x14ac:dyDescent="0.3">
      <c r="B6942">
        <f t="shared" si="768"/>
        <v>1</v>
      </c>
      <c r="C6942" s="16">
        <v>6908</v>
      </c>
      <c r="D6942" cm="1">
        <f t="array" ref="D6942">IFERROR(INDEX(Jesper!AH$2:AH$366,ROUNDDOWN($C6942/24,0)+1,1)*INDEX($D$3:$AA$30,INDEX(Jesper!$R$2:$R$366,ROW(INDEX(Jesper!AH$2:AH$366,ROUNDDOWN($C6942/24,0)+1,1))-1)+IF('Standard Profiles'!$G$18=$B$10,7,0)+IF('Standard Profiles'!$G$18=$B$17,14,0)+IF('Standard Profiles'!$G$18=$B$24,21,0),MOD($C6942,24)+1)/SUM(INDEX($D$3:$AA$30,INDEX(Jesper!$R$2:$R$366,ROW(INDEX(Jesper!AH$2:AH$366,ROUNDDOWN($C6942/24,0)+1,1))-1)+IF('Standard Profiles'!$G$18=$B$10,7,0)+IF('Standard Profiles'!$G$18=$B$17,14,0)+IF('Standard Profiles'!$G$18=$B$24,21,0),0)),0)</f>
        <v>11.651731718100642</v>
      </c>
      <c r="E6942" cm="1">
        <f t="array" ref="E6942">IFERROR(INDEX(Jesper!AI$2:AI$366,ROUNDDOWN($C6942/24,0)+1,1)*INDEX($D$3:$AA$30,INDEX(Jesper!$R$2:$R$366,ROW(INDEX(Jesper!AI$2:AI$366,ROUNDDOWN($C6942/24,0)+1,1))-1)+IF('Standard Profiles'!$G$19=$B$10,7,0)+IF('Standard Profiles'!$G$19=$B$17,14,0)+IF('Standard Profiles'!$G$19=$B$24,21,0),MOD($C6942,24)+1)/SUM(INDEX($D$3:$AA$30,INDEX(Jesper!$R$2:$R$366,ROW(INDEX(Jesper!AI$2:AI$366,ROUNDDOWN($C6942/24,0)+1,1))-1)+IF('Standard Profiles'!$G$19=$B$10,7,0)+IF('Standard Profiles'!$G$19=$B$17,14,0)+IF('Standard Profiles'!$G$19=$B$24,21,0),0)),0)</f>
        <v>0</v>
      </c>
      <c r="F6942" cm="1">
        <f t="array" ref="F6942">IFERROR(INDEX(Jesper!AJ$2:AJ$366,ROUNDDOWN($C6942/24,0)+1,1)*INDEX($D$3:$AA$30,INDEX(Jesper!$R$2:$R$366,ROW(INDEX(Jesper!AJ$2:AJ$366,ROUNDDOWN($C6942/24,0)+1,1))-1)+IF('Standard Profiles'!$G$20=$B$10,7,0)+IF('Standard Profiles'!$G$20=$B$17,14,0)+IF('Standard Profiles'!$G$20=$B$24,21,0),MOD($C6942,24)+1)/SUM(INDEX($D$3:$AA$30,INDEX(Jesper!$R$2:$R$366,ROW(INDEX(Jesper!AJ$2:AJ$366,ROUNDDOWN($C6942/24,0)+1,1))-1)+IF('Standard Profiles'!$G$20=$B$10,7,0)+IF('Standard Profiles'!$G$20=$B$17,14,0)+IF('Standard Profiles'!$G$20=$B$24,21,0),0)),0)</f>
        <v>0</v>
      </c>
      <c r="G6942" cm="1">
        <f t="array" ref="G6942">IFERROR(INDEX(Jesper!AK$2:AK$366,ROUNDDOWN($C6942/24,0)+1,1)*INDEX($D$3:$AA$30,INDEX(Jesper!$R$2:$R$366,ROW(INDEX(Jesper!AK$2:AK$366,ROUNDDOWN($C6942/24,0)+1,1))-1)+IF('Standard Profiles'!$G$21=$B$10,7,0)+IF('Standard Profiles'!$G$21=$B$17,14,0)+IF('Standard Profiles'!$G$21=$B$24,21,0),MOD($C6942,24)+1)/SUM(INDEX($D$3:$AA$30,INDEX(Jesper!$R$2:$R$366,ROW(INDEX(Jesper!AK$2:AK$366,ROUNDDOWN($C6942/24,0)+1,1))-1)+IF('Standard Profiles'!$G$21=$B$10,7,0)+IF('Standard Profiles'!$G$21=$B$17,14,0)+IF('Standard Profiles'!$G$21=$B$24,21,0),0)),0)</f>
        <v>0</v>
      </c>
      <c r="H6942" cm="1">
        <f t="array" ref="H6942">IFERROR(INDEX(Jesper!AL$2:AL$366,ROUNDDOWN($C6942/24,0)+1,1)*INDEX($D$3:$AA$30,INDEX(Jesper!$R$2:$R$366,ROW(INDEX(Jesper!AL$2:AL$366,ROUNDDOWN($C6942/24,0)+1,1))-1)+IF('Standard Profiles'!$G$22=$B$10,7,0)+IF('Standard Profiles'!$G$22=$B$17,14,0)+IF('Standard Profiles'!$G$22=$B$24,21,0),MOD($C6942,24)+1)/SUM(INDEX($D$3:$AA$30,INDEX(Jesper!$R$2:$R$366,ROW(INDEX(Jesper!AL$2:AL$366,ROUNDDOWN($C6942/24,0)+1,1))-1)+IF('Standard Profiles'!$G$22=$B$10,7,0)+IF('Standard Profiles'!$G$22=$B$17,14,0)+IF('Standard Profiles'!$G$22=$B$24,21,0),0)),0)</f>
        <v>0</v>
      </c>
      <c r="I6942">
        <f t="shared" si="769"/>
        <v>0.34955195154301927</v>
      </c>
      <c r="J6942">
        <f t="shared" si="770"/>
        <v>1.1651731718100642</v>
      </c>
      <c r="K6942">
        <f t="shared" si="771"/>
        <v>1.7477597577150963</v>
      </c>
      <c r="L6942">
        <f t="shared" si="772"/>
        <v>8.3892468370324611</v>
      </c>
      <c r="M6942">
        <f t="shared" si="773"/>
        <v>0</v>
      </c>
      <c r="N6942" s="46">
        <f t="shared" si="774"/>
        <v>45579.833333316579</v>
      </c>
    </row>
    <row r="6943" spans="2:14" x14ac:dyDescent="0.3">
      <c r="B6943">
        <f t="shared" si="768"/>
        <v>1</v>
      </c>
      <c r="C6943" s="16">
        <v>6909</v>
      </c>
      <c r="D6943" cm="1">
        <f t="array" ref="D6943">IFERROR(INDEX(Jesper!AH$2:AH$366,ROUNDDOWN($C6943/24,0)+1,1)*INDEX($D$3:$AA$30,INDEX(Jesper!$R$2:$R$366,ROW(INDEX(Jesper!AH$2:AH$366,ROUNDDOWN($C6943/24,0)+1,1))-1)+IF('Standard Profiles'!$G$18=$B$10,7,0)+IF('Standard Profiles'!$G$18=$B$17,14,0)+IF('Standard Profiles'!$G$18=$B$24,21,0),MOD($C6943,24)+1)/SUM(INDEX($D$3:$AA$30,INDEX(Jesper!$R$2:$R$366,ROW(INDEX(Jesper!AH$2:AH$366,ROUNDDOWN($C6943/24,0)+1,1))-1)+IF('Standard Profiles'!$G$18=$B$10,7,0)+IF('Standard Profiles'!$G$18=$B$17,14,0)+IF('Standard Profiles'!$G$18=$B$24,21,0),0)),0)</f>
        <v>8.4739867040731962</v>
      </c>
      <c r="E6943" cm="1">
        <f t="array" ref="E6943">IFERROR(INDEX(Jesper!AI$2:AI$366,ROUNDDOWN($C6943/24,0)+1,1)*INDEX($D$3:$AA$30,INDEX(Jesper!$R$2:$R$366,ROW(INDEX(Jesper!AI$2:AI$366,ROUNDDOWN($C6943/24,0)+1,1))-1)+IF('Standard Profiles'!$G$19=$B$10,7,0)+IF('Standard Profiles'!$G$19=$B$17,14,0)+IF('Standard Profiles'!$G$19=$B$24,21,0),MOD($C6943,24)+1)/SUM(INDEX($D$3:$AA$30,INDEX(Jesper!$R$2:$R$366,ROW(INDEX(Jesper!AI$2:AI$366,ROUNDDOWN($C6943/24,0)+1,1))-1)+IF('Standard Profiles'!$G$19=$B$10,7,0)+IF('Standard Profiles'!$G$19=$B$17,14,0)+IF('Standard Profiles'!$G$19=$B$24,21,0),0)),0)</f>
        <v>0</v>
      </c>
      <c r="F6943" cm="1">
        <f t="array" ref="F6943">IFERROR(INDEX(Jesper!AJ$2:AJ$366,ROUNDDOWN($C6943/24,0)+1,1)*INDEX($D$3:$AA$30,INDEX(Jesper!$R$2:$R$366,ROW(INDEX(Jesper!AJ$2:AJ$366,ROUNDDOWN($C6943/24,0)+1,1))-1)+IF('Standard Profiles'!$G$20=$B$10,7,0)+IF('Standard Profiles'!$G$20=$B$17,14,0)+IF('Standard Profiles'!$G$20=$B$24,21,0),MOD($C6943,24)+1)/SUM(INDEX($D$3:$AA$30,INDEX(Jesper!$R$2:$R$366,ROW(INDEX(Jesper!AJ$2:AJ$366,ROUNDDOWN($C6943/24,0)+1,1))-1)+IF('Standard Profiles'!$G$20=$B$10,7,0)+IF('Standard Profiles'!$G$20=$B$17,14,0)+IF('Standard Profiles'!$G$20=$B$24,21,0),0)),0)</f>
        <v>0</v>
      </c>
      <c r="G6943" cm="1">
        <f t="array" ref="G6943">IFERROR(INDEX(Jesper!AK$2:AK$366,ROUNDDOWN($C6943/24,0)+1,1)*INDEX($D$3:$AA$30,INDEX(Jesper!$R$2:$R$366,ROW(INDEX(Jesper!AK$2:AK$366,ROUNDDOWN($C6943/24,0)+1,1))-1)+IF('Standard Profiles'!$G$21=$B$10,7,0)+IF('Standard Profiles'!$G$21=$B$17,14,0)+IF('Standard Profiles'!$G$21=$B$24,21,0),MOD($C6943,24)+1)/SUM(INDEX($D$3:$AA$30,INDEX(Jesper!$R$2:$R$366,ROW(INDEX(Jesper!AK$2:AK$366,ROUNDDOWN($C6943/24,0)+1,1))-1)+IF('Standard Profiles'!$G$21=$B$10,7,0)+IF('Standard Profiles'!$G$21=$B$17,14,0)+IF('Standard Profiles'!$G$21=$B$24,21,0),0)),0)</f>
        <v>0</v>
      </c>
      <c r="H6943" cm="1">
        <f t="array" ref="H6943">IFERROR(INDEX(Jesper!AL$2:AL$366,ROUNDDOWN($C6943/24,0)+1,1)*INDEX($D$3:$AA$30,INDEX(Jesper!$R$2:$R$366,ROW(INDEX(Jesper!AL$2:AL$366,ROUNDDOWN($C6943/24,0)+1,1))-1)+IF('Standard Profiles'!$G$22=$B$10,7,0)+IF('Standard Profiles'!$G$22=$B$17,14,0)+IF('Standard Profiles'!$G$22=$B$24,21,0),MOD($C6943,24)+1)/SUM(INDEX($D$3:$AA$30,INDEX(Jesper!$R$2:$R$366,ROW(INDEX(Jesper!AL$2:AL$366,ROUNDDOWN($C6943/24,0)+1,1))-1)+IF('Standard Profiles'!$G$22=$B$10,7,0)+IF('Standard Profiles'!$G$22=$B$17,14,0)+IF('Standard Profiles'!$G$22=$B$24,21,0),0)),0)</f>
        <v>0</v>
      </c>
      <c r="I6943">
        <f t="shared" si="769"/>
        <v>0.25421960112219588</v>
      </c>
      <c r="J6943">
        <f t="shared" si="770"/>
        <v>0.84739867040731964</v>
      </c>
      <c r="K6943">
        <f t="shared" si="771"/>
        <v>1.2710980056109793</v>
      </c>
      <c r="L6943">
        <f t="shared" si="772"/>
        <v>6.1012704269327012</v>
      </c>
      <c r="M6943">
        <f t="shared" si="773"/>
        <v>0</v>
      </c>
      <c r="N6943" s="46">
        <f t="shared" si="774"/>
        <v>45579.874999983243</v>
      </c>
    </row>
    <row r="6944" spans="2:14" x14ac:dyDescent="0.3">
      <c r="B6944">
        <f t="shared" si="768"/>
        <v>1</v>
      </c>
      <c r="C6944" s="16">
        <v>6910</v>
      </c>
      <c r="D6944" cm="1">
        <f t="array" ref="D6944">IFERROR(INDEX(Jesper!AH$2:AH$366,ROUNDDOWN($C6944/24,0)+1,1)*INDEX($D$3:$AA$30,INDEX(Jesper!$R$2:$R$366,ROW(INDEX(Jesper!AH$2:AH$366,ROUNDDOWN($C6944/24,0)+1,1))-1)+IF('Standard Profiles'!$G$18=$B$10,7,0)+IF('Standard Profiles'!$G$18=$B$17,14,0)+IF('Standard Profiles'!$G$18=$B$24,21,0),MOD($C6944,24)+1)/SUM(INDEX($D$3:$AA$30,INDEX(Jesper!$R$2:$R$366,ROW(INDEX(Jesper!AH$2:AH$366,ROUNDDOWN($C6944/24,0)+1,1))-1)+IF('Standard Profiles'!$G$18=$B$10,7,0)+IF('Standard Profiles'!$G$18=$B$17,14,0)+IF('Standard Profiles'!$G$18=$B$24,21,0),0)),0)</f>
        <v>8.0502873688695349</v>
      </c>
      <c r="E6944" cm="1">
        <f t="array" ref="E6944">IFERROR(INDEX(Jesper!AI$2:AI$366,ROUNDDOWN($C6944/24,0)+1,1)*INDEX($D$3:$AA$30,INDEX(Jesper!$R$2:$R$366,ROW(INDEX(Jesper!AI$2:AI$366,ROUNDDOWN($C6944/24,0)+1,1))-1)+IF('Standard Profiles'!$G$19=$B$10,7,0)+IF('Standard Profiles'!$G$19=$B$17,14,0)+IF('Standard Profiles'!$G$19=$B$24,21,0),MOD($C6944,24)+1)/SUM(INDEX($D$3:$AA$30,INDEX(Jesper!$R$2:$R$366,ROW(INDEX(Jesper!AI$2:AI$366,ROUNDDOWN($C6944/24,0)+1,1))-1)+IF('Standard Profiles'!$G$19=$B$10,7,0)+IF('Standard Profiles'!$G$19=$B$17,14,0)+IF('Standard Profiles'!$G$19=$B$24,21,0),0)),0)</f>
        <v>0</v>
      </c>
      <c r="F6944" cm="1">
        <f t="array" ref="F6944">IFERROR(INDEX(Jesper!AJ$2:AJ$366,ROUNDDOWN($C6944/24,0)+1,1)*INDEX($D$3:$AA$30,INDEX(Jesper!$R$2:$R$366,ROW(INDEX(Jesper!AJ$2:AJ$366,ROUNDDOWN($C6944/24,0)+1,1))-1)+IF('Standard Profiles'!$G$20=$B$10,7,0)+IF('Standard Profiles'!$G$20=$B$17,14,0)+IF('Standard Profiles'!$G$20=$B$24,21,0),MOD($C6944,24)+1)/SUM(INDEX($D$3:$AA$30,INDEX(Jesper!$R$2:$R$366,ROW(INDEX(Jesper!AJ$2:AJ$366,ROUNDDOWN($C6944/24,0)+1,1))-1)+IF('Standard Profiles'!$G$20=$B$10,7,0)+IF('Standard Profiles'!$G$20=$B$17,14,0)+IF('Standard Profiles'!$G$20=$B$24,21,0),0)),0)</f>
        <v>0</v>
      </c>
      <c r="G6944" cm="1">
        <f t="array" ref="G6944">IFERROR(INDEX(Jesper!AK$2:AK$366,ROUNDDOWN($C6944/24,0)+1,1)*INDEX($D$3:$AA$30,INDEX(Jesper!$R$2:$R$366,ROW(INDEX(Jesper!AK$2:AK$366,ROUNDDOWN($C6944/24,0)+1,1))-1)+IF('Standard Profiles'!$G$21=$B$10,7,0)+IF('Standard Profiles'!$G$21=$B$17,14,0)+IF('Standard Profiles'!$G$21=$B$24,21,0),MOD($C6944,24)+1)/SUM(INDEX($D$3:$AA$30,INDEX(Jesper!$R$2:$R$366,ROW(INDEX(Jesper!AK$2:AK$366,ROUNDDOWN($C6944/24,0)+1,1))-1)+IF('Standard Profiles'!$G$21=$B$10,7,0)+IF('Standard Profiles'!$G$21=$B$17,14,0)+IF('Standard Profiles'!$G$21=$B$24,21,0),0)),0)</f>
        <v>0</v>
      </c>
      <c r="H6944" cm="1">
        <f t="array" ref="H6944">IFERROR(INDEX(Jesper!AL$2:AL$366,ROUNDDOWN($C6944/24,0)+1,1)*INDEX($D$3:$AA$30,INDEX(Jesper!$R$2:$R$366,ROW(INDEX(Jesper!AL$2:AL$366,ROUNDDOWN($C6944/24,0)+1,1))-1)+IF('Standard Profiles'!$G$22=$B$10,7,0)+IF('Standard Profiles'!$G$22=$B$17,14,0)+IF('Standard Profiles'!$G$22=$B$24,21,0),MOD($C6944,24)+1)/SUM(INDEX($D$3:$AA$30,INDEX(Jesper!$R$2:$R$366,ROW(INDEX(Jesper!AL$2:AL$366,ROUNDDOWN($C6944/24,0)+1,1))-1)+IF('Standard Profiles'!$G$22=$B$10,7,0)+IF('Standard Profiles'!$G$22=$B$17,14,0)+IF('Standard Profiles'!$G$22=$B$24,21,0),0)),0)</f>
        <v>0</v>
      </c>
      <c r="I6944">
        <f t="shared" si="769"/>
        <v>0.24150862106608603</v>
      </c>
      <c r="J6944">
        <f t="shared" si="770"/>
        <v>0.80502873688695353</v>
      </c>
      <c r="K6944">
        <f t="shared" si="771"/>
        <v>1.2075431053304302</v>
      </c>
      <c r="L6944">
        <f t="shared" si="772"/>
        <v>5.7962069055860646</v>
      </c>
      <c r="M6944">
        <f t="shared" si="773"/>
        <v>0</v>
      </c>
      <c r="N6944" s="46">
        <f t="shared" si="774"/>
        <v>45579.916666649908</v>
      </c>
    </row>
    <row r="6945" spans="2:14" x14ac:dyDescent="0.3">
      <c r="B6945">
        <f t="shared" si="768"/>
        <v>1</v>
      </c>
      <c r="C6945" s="16">
        <v>6911</v>
      </c>
      <c r="D6945" cm="1">
        <f t="array" ref="D6945">IFERROR(INDEX(Jesper!AH$2:AH$366,ROUNDDOWN($C6945/24,0)+1,1)*INDEX($D$3:$AA$30,INDEX(Jesper!$R$2:$R$366,ROW(INDEX(Jesper!AH$2:AH$366,ROUNDDOWN($C6945/24,0)+1,1))-1)+IF('Standard Profiles'!$G$18=$B$10,7,0)+IF('Standard Profiles'!$G$18=$B$17,14,0)+IF('Standard Profiles'!$G$18=$B$24,21,0),MOD($C6945,24)+1)/SUM(INDEX($D$3:$AA$30,INDEX(Jesper!$R$2:$R$366,ROW(INDEX(Jesper!AH$2:AH$366,ROUNDDOWN($C6945/24,0)+1,1))-1)+IF('Standard Profiles'!$G$18=$B$10,7,0)+IF('Standard Profiles'!$G$18=$B$17,14,0)+IF('Standard Profiles'!$G$18=$B$24,21,0),0)),0)</f>
        <v>8.0502873688695349</v>
      </c>
      <c r="E6945" cm="1">
        <f t="array" ref="E6945">IFERROR(INDEX(Jesper!AI$2:AI$366,ROUNDDOWN($C6945/24,0)+1,1)*INDEX($D$3:$AA$30,INDEX(Jesper!$R$2:$R$366,ROW(INDEX(Jesper!AI$2:AI$366,ROUNDDOWN($C6945/24,0)+1,1))-1)+IF('Standard Profiles'!$G$19=$B$10,7,0)+IF('Standard Profiles'!$G$19=$B$17,14,0)+IF('Standard Profiles'!$G$19=$B$24,21,0),MOD($C6945,24)+1)/SUM(INDEX($D$3:$AA$30,INDEX(Jesper!$R$2:$R$366,ROW(INDEX(Jesper!AI$2:AI$366,ROUNDDOWN($C6945/24,0)+1,1))-1)+IF('Standard Profiles'!$G$19=$B$10,7,0)+IF('Standard Profiles'!$G$19=$B$17,14,0)+IF('Standard Profiles'!$G$19=$B$24,21,0),0)),0)</f>
        <v>0</v>
      </c>
      <c r="F6945" cm="1">
        <f t="array" ref="F6945">IFERROR(INDEX(Jesper!AJ$2:AJ$366,ROUNDDOWN($C6945/24,0)+1,1)*INDEX($D$3:$AA$30,INDEX(Jesper!$R$2:$R$366,ROW(INDEX(Jesper!AJ$2:AJ$366,ROUNDDOWN($C6945/24,0)+1,1))-1)+IF('Standard Profiles'!$G$20=$B$10,7,0)+IF('Standard Profiles'!$G$20=$B$17,14,0)+IF('Standard Profiles'!$G$20=$B$24,21,0),MOD($C6945,24)+1)/SUM(INDEX($D$3:$AA$30,INDEX(Jesper!$R$2:$R$366,ROW(INDEX(Jesper!AJ$2:AJ$366,ROUNDDOWN($C6945/24,0)+1,1))-1)+IF('Standard Profiles'!$G$20=$B$10,7,0)+IF('Standard Profiles'!$G$20=$B$17,14,0)+IF('Standard Profiles'!$G$20=$B$24,21,0),0)),0)</f>
        <v>0</v>
      </c>
      <c r="G6945" cm="1">
        <f t="array" ref="G6945">IFERROR(INDEX(Jesper!AK$2:AK$366,ROUNDDOWN($C6945/24,0)+1,1)*INDEX($D$3:$AA$30,INDEX(Jesper!$R$2:$R$366,ROW(INDEX(Jesper!AK$2:AK$366,ROUNDDOWN($C6945/24,0)+1,1))-1)+IF('Standard Profiles'!$G$21=$B$10,7,0)+IF('Standard Profiles'!$G$21=$B$17,14,0)+IF('Standard Profiles'!$G$21=$B$24,21,0),MOD($C6945,24)+1)/SUM(INDEX($D$3:$AA$30,INDEX(Jesper!$R$2:$R$366,ROW(INDEX(Jesper!AK$2:AK$366,ROUNDDOWN($C6945/24,0)+1,1))-1)+IF('Standard Profiles'!$G$21=$B$10,7,0)+IF('Standard Profiles'!$G$21=$B$17,14,0)+IF('Standard Profiles'!$G$21=$B$24,21,0),0)),0)</f>
        <v>0</v>
      </c>
      <c r="H6945" cm="1">
        <f t="array" ref="H6945">IFERROR(INDEX(Jesper!AL$2:AL$366,ROUNDDOWN($C6945/24,0)+1,1)*INDEX($D$3:$AA$30,INDEX(Jesper!$R$2:$R$366,ROW(INDEX(Jesper!AL$2:AL$366,ROUNDDOWN($C6945/24,0)+1,1))-1)+IF('Standard Profiles'!$G$22=$B$10,7,0)+IF('Standard Profiles'!$G$22=$B$17,14,0)+IF('Standard Profiles'!$G$22=$B$24,21,0),MOD($C6945,24)+1)/SUM(INDEX($D$3:$AA$30,INDEX(Jesper!$R$2:$R$366,ROW(INDEX(Jesper!AL$2:AL$366,ROUNDDOWN($C6945/24,0)+1,1))-1)+IF('Standard Profiles'!$G$22=$B$10,7,0)+IF('Standard Profiles'!$G$22=$B$17,14,0)+IF('Standard Profiles'!$G$22=$B$24,21,0),0)),0)</f>
        <v>0</v>
      </c>
      <c r="I6945">
        <f t="shared" si="769"/>
        <v>0.24150862106608603</v>
      </c>
      <c r="J6945">
        <f t="shared" si="770"/>
        <v>0.80502873688695353</v>
      </c>
      <c r="K6945">
        <f t="shared" si="771"/>
        <v>1.2075431053304302</v>
      </c>
      <c r="L6945">
        <f t="shared" si="772"/>
        <v>5.7962069055860646</v>
      </c>
      <c r="M6945">
        <f t="shared" si="773"/>
        <v>0</v>
      </c>
      <c r="N6945" s="46">
        <f t="shared" si="774"/>
        <v>45579.958333316572</v>
      </c>
    </row>
    <row r="6946" spans="2:14" x14ac:dyDescent="0.3">
      <c r="B6946">
        <f t="shared" si="768"/>
        <v>2</v>
      </c>
      <c r="C6946" s="16">
        <v>6912</v>
      </c>
      <c r="D6946" cm="1">
        <f t="array" ref="D6946">IFERROR(INDEX(Jesper!AH$2:AH$366,ROUNDDOWN($C6946/24,0)+1,1)*INDEX($D$3:$AA$30,INDEX(Jesper!$R$2:$R$366,ROW(INDEX(Jesper!AH$2:AH$366,ROUNDDOWN($C6946/24,0)+1,1))-1)+IF('Standard Profiles'!$G$18=$B$10,7,0)+IF('Standard Profiles'!$G$18=$B$17,14,0)+IF('Standard Profiles'!$G$18=$B$24,21,0),MOD($C6946,24)+1)/SUM(INDEX($D$3:$AA$30,INDEX(Jesper!$R$2:$R$366,ROW(INDEX(Jesper!AH$2:AH$366,ROUNDDOWN($C6946/24,0)+1,1))-1)+IF('Standard Profiles'!$G$18=$B$10,7,0)+IF('Standard Profiles'!$G$18=$B$17,14,0)+IF('Standard Profiles'!$G$18=$B$24,21,0),0)),0)</f>
        <v>7.5221366285779041</v>
      </c>
      <c r="E6946" cm="1">
        <f t="array" ref="E6946">IFERROR(INDEX(Jesper!AI$2:AI$366,ROUNDDOWN($C6946/24,0)+1,1)*INDEX($D$3:$AA$30,INDEX(Jesper!$R$2:$R$366,ROW(INDEX(Jesper!AI$2:AI$366,ROUNDDOWN($C6946/24,0)+1,1))-1)+IF('Standard Profiles'!$G$19=$B$10,7,0)+IF('Standard Profiles'!$G$19=$B$17,14,0)+IF('Standard Profiles'!$G$19=$B$24,21,0),MOD($C6946,24)+1)/SUM(INDEX($D$3:$AA$30,INDEX(Jesper!$R$2:$R$366,ROW(INDEX(Jesper!AI$2:AI$366,ROUNDDOWN($C6946/24,0)+1,1))-1)+IF('Standard Profiles'!$G$19=$B$10,7,0)+IF('Standard Profiles'!$G$19=$B$17,14,0)+IF('Standard Profiles'!$G$19=$B$24,21,0),0)),0)</f>
        <v>0</v>
      </c>
      <c r="F6946" cm="1">
        <f t="array" ref="F6946">IFERROR(INDEX(Jesper!AJ$2:AJ$366,ROUNDDOWN($C6946/24,0)+1,1)*INDEX($D$3:$AA$30,INDEX(Jesper!$R$2:$R$366,ROW(INDEX(Jesper!AJ$2:AJ$366,ROUNDDOWN($C6946/24,0)+1,1))-1)+IF('Standard Profiles'!$G$20=$B$10,7,0)+IF('Standard Profiles'!$G$20=$B$17,14,0)+IF('Standard Profiles'!$G$20=$B$24,21,0),MOD($C6946,24)+1)/SUM(INDEX($D$3:$AA$30,INDEX(Jesper!$R$2:$R$366,ROW(INDEX(Jesper!AJ$2:AJ$366,ROUNDDOWN($C6946/24,0)+1,1))-1)+IF('Standard Profiles'!$G$20=$B$10,7,0)+IF('Standard Profiles'!$G$20=$B$17,14,0)+IF('Standard Profiles'!$G$20=$B$24,21,0),0)),0)</f>
        <v>0</v>
      </c>
      <c r="G6946" cm="1">
        <f t="array" ref="G6946">IFERROR(INDEX(Jesper!AK$2:AK$366,ROUNDDOWN($C6946/24,0)+1,1)*INDEX($D$3:$AA$30,INDEX(Jesper!$R$2:$R$366,ROW(INDEX(Jesper!AK$2:AK$366,ROUNDDOWN($C6946/24,0)+1,1))-1)+IF('Standard Profiles'!$G$21=$B$10,7,0)+IF('Standard Profiles'!$G$21=$B$17,14,0)+IF('Standard Profiles'!$G$21=$B$24,21,0),MOD($C6946,24)+1)/SUM(INDEX($D$3:$AA$30,INDEX(Jesper!$R$2:$R$366,ROW(INDEX(Jesper!AK$2:AK$366,ROUNDDOWN($C6946/24,0)+1,1))-1)+IF('Standard Profiles'!$G$21=$B$10,7,0)+IF('Standard Profiles'!$G$21=$B$17,14,0)+IF('Standard Profiles'!$G$21=$B$24,21,0),0)),0)</f>
        <v>0</v>
      </c>
      <c r="H6946" cm="1">
        <f t="array" ref="H6946">IFERROR(INDEX(Jesper!AL$2:AL$366,ROUNDDOWN($C6946/24,0)+1,1)*INDEX($D$3:$AA$30,INDEX(Jesper!$R$2:$R$366,ROW(INDEX(Jesper!AL$2:AL$366,ROUNDDOWN($C6946/24,0)+1,1))-1)+IF('Standard Profiles'!$G$22=$B$10,7,0)+IF('Standard Profiles'!$G$22=$B$17,14,0)+IF('Standard Profiles'!$G$22=$B$24,21,0),MOD($C6946,24)+1)/SUM(INDEX($D$3:$AA$30,INDEX(Jesper!$R$2:$R$366,ROW(INDEX(Jesper!AL$2:AL$366,ROUNDDOWN($C6946/24,0)+1,1))-1)+IF('Standard Profiles'!$G$22=$B$10,7,0)+IF('Standard Profiles'!$G$22=$B$17,14,0)+IF('Standard Profiles'!$G$22=$B$24,21,0),0)),0)</f>
        <v>0</v>
      </c>
      <c r="I6946">
        <f t="shared" si="769"/>
        <v>0.22566409885733713</v>
      </c>
      <c r="J6946">
        <f t="shared" si="770"/>
        <v>0.75221366285779045</v>
      </c>
      <c r="K6946">
        <f t="shared" si="771"/>
        <v>1.1283204942866856</v>
      </c>
      <c r="L6946">
        <f t="shared" si="772"/>
        <v>5.4159383725760906</v>
      </c>
      <c r="M6946">
        <f t="shared" si="773"/>
        <v>0</v>
      </c>
      <c r="N6946" s="46">
        <f t="shared" si="774"/>
        <v>45579.999999983236</v>
      </c>
    </row>
    <row r="6947" spans="2:14" x14ac:dyDescent="0.3">
      <c r="B6947">
        <f t="shared" ref="B6947:B7010" si="775">WEEKDAY(N6947,2)</f>
        <v>2</v>
      </c>
      <c r="C6947" s="16">
        <v>6913</v>
      </c>
      <c r="D6947" cm="1">
        <f t="array" ref="D6947">IFERROR(INDEX(Jesper!AH$2:AH$366,ROUNDDOWN($C6947/24,0)+1,1)*INDEX($D$3:$AA$30,INDEX(Jesper!$R$2:$R$366,ROW(INDEX(Jesper!AH$2:AH$366,ROUNDDOWN($C6947/24,0)+1,1))-1)+IF('Standard Profiles'!$G$18=$B$10,7,0)+IF('Standard Profiles'!$G$18=$B$17,14,0)+IF('Standard Profiles'!$G$18=$B$24,21,0),MOD($C6947,24)+1)/SUM(INDEX($D$3:$AA$30,INDEX(Jesper!$R$2:$R$366,ROW(INDEX(Jesper!AH$2:AH$366,ROUNDDOWN($C6947/24,0)+1,1))-1)+IF('Standard Profiles'!$G$18=$B$10,7,0)+IF('Standard Profiles'!$G$18=$B$17,14,0)+IF('Standard Profiles'!$G$18=$B$24,21,0),0)),0)</f>
        <v>7.5221366285779041</v>
      </c>
      <c r="E6947" cm="1">
        <f t="array" ref="E6947">IFERROR(INDEX(Jesper!AI$2:AI$366,ROUNDDOWN($C6947/24,0)+1,1)*INDEX($D$3:$AA$30,INDEX(Jesper!$R$2:$R$366,ROW(INDEX(Jesper!AI$2:AI$366,ROUNDDOWN($C6947/24,0)+1,1))-1)+IF('Standard Profiles'!$G$19=$B$10,7,0)+IF('Standard Profiles'!$G$19=$B$17,14,0)+IF('Standard Profiles'!$G$19=$B$24,21,0),MOD($C6947,24)+1)/SUM(INDEX($D$3:$AA$30,INDEX(Jesper!$R$2:$R$366,ROW(INDEX(Jesper!AI$2:AI$366,ROUNDDOWN($C6947/24,0)+1,1))-1)+IF('Standard Profiles'!$G$19=$B$10,7,0)+IF('Standard Profiles'!$G$19=$B$17,14,0)+IF('Standard Profiles'!$G$19=$B$24,21,0),0)),0)</f>
        <v>0</v>
      </c>
      <c r="F6947" cm="1">
        <f t="array" ref="F6947">IFERROR(INDEX(Jesper!AJ$2:AJ$366,ROUNDDOWN($C6947/24,0)+1,1)*INDEX($D$3:$AA$30,INDEX(Jesper!$R$2:$R$366,ROW(INDEX(Jesper!AJ$2:AJ$366,ROUNDDOWN($C6947/24,0)+1,1))-1)+IF('Standard Profiles'!$G$20=$B$10,7,0)+IF('Standard Profiles'!$G$20=$B$17,14,0)+IF('Standard Profiles'!$G$20=$B$24,21,0),MOD($C6947,24)+1)/SUM(INDEX($D$3:$AA$30,INDEX(Jesper!$R$2:$R$366,ROW(INDEX(Jesper!AJ$2:AJ$366,ROUNDDOWN($C6947/24,0)+1,1))-1)+IF('Standard Profiles'!$G$20=$B$10,7,0)+IF('Standard Profiles'!$G$20=$B$17,14,0)+IF('Standard Profiles'!$G$20=$B$24,21,0),0)),0)</f>
        <v>0</v>
      </c>
      <c r="G6947" cm="1">
        <f t="array" ref="G6947">IFERROR(INDEX(Jesper!AK$2:AK$366,ROUNDDOWN($C6947/24,0)+1,1)*INDEX($D$3:$AA$30,INDEX(Jesper!$R$2:$R$366,ROW(INDEX(Jesper!AK$2:AK$366,ROUNDDOWN($C6947/24,0)+1,1))-1)+IF('Standard Profiles'!$G$21=$B$10,7,0)+IF('Standard Profiles'!$G$21=$B$17,14,0)+IF('Standard Profiles'!$G$21=$B$24,21,0),MOD($C6947,24)+1)/SUM(INDEX($D$3:$AA$30,INDEX(Jesper!$R$2:$R$366,ROW(INDEX(Jesper!AK$2:AK$366,ROUNDDOWN($C6947/24,0)+1,1))-1)+IF('Standard Profiles'!$G$21=$B$10,7,0)+IF('Standard Profiles'!$G$21=$B$17,14,0)+IF('Standard Profiles'!$G$21=$B$24,21,0),0)),0)</f>
        <v>0</v>
      </c>
      <c r="H6947" cm="1">
        <f t="array" ref="H6947">IFERROR(INDEX(Jesper!AL$2:AL$366,ROUNDDOWN($C6947/24,0)+1,1)*INDEX($D$3:$AA$30,INDEX(Jesper!$R$2:$R$366,ROW(INDEX(Jesper!AL$2:AL$366,ROUNDDOWN($C6947/24,0)+1,1))-1)+IF('Standard Profiles'!$G$22=$B$10,7,0)+IF('Standard Profiles'!$G$22=$B$17,14,0)+IF('Standard Profiles'!$G$22=$B$24,21,0),MOD($C6947,24)+1)/SUM(INDEX($D$3:$AA$30,INDEX(Jesper!$R$2:$R$366,ROW(INDEX(Jesper!AL$2:AL$366,ROUNDDOWN($C6947/24,0)+1,1))-1)+IF('Standard Profiles'!$G$22=$B$10,7,0)+IF('Standard Profiles'!$G$22=$B$17,14,0)+IF('Standard Profiles'!$G$22=$B$24,21,0),0)),0)</f>
        <v>0</v>
      </c>
      <c r="I6947">
        <f t="shared" ref="I6947:I7010" si="776">IF($B6947&lt;6,AC$37*$D6947+AC$38*$E6947+AC$39*$F6947+AC$40*$G6947,AC$46*$D6947+AC$47*$E6947+AC$48*$F6947+AC$49*$G6947+AC$50*$H6947)</f>
        <v>0.22566409885733713</v>
      </c>
      <c r="J6947">
        <f t="shared" ref="J6947:J7010" si="777">IF($B6947&lt;6,AD$37*$D6947+AD$38*$E6947+AD$39*$F6947+AD$40*$G6947,AD$46*$D6947+AD$47*$E6947+AD$48*$F6947+AD$49*$G6947+AD$50*$H6947)</f>
        <v>0.75221366285779045</v>
      </c>
      <c r="K6947">
        <f t="shared" ref="K6947:K7010" si="778">IF($B6947&lt;6,AE$37*$D6947+AE$38*$E6947+AE$39*$F6947+AE$40*$G6947,AE$46*$D6947+AE$47*$E6947+AE$48*$F6947+AE$49*$G6947+AE$50*$H6947)</f>
        <v>1.1283204942866856</v>
      </c>
      <c r="L6947">
        <f t="shared" ref="L6947:L7010" si="779">IF($B6947&lt;6,AF$37*$D6947+AF$38*$E6947+AF$39*$F6947+AF$40*$G6947,AF$46*$D6947+AF$47*$E6947+AF$48*$F6947+AF$49*$G6947+AF$50*$H6947)</f>
        <v>5.4159383725760906</v>
      </c>
      <c r="M6947">
        <f t="shared" ref="M6947:M7010" si="780">IF($B6947&lt;6,AG$37*$D6947+AG$38*$E6947+AG$39*$F6947+AG$40*$G6947,AG$46*$D6947+AG$47*$E6947+AG$48*$F6947+AG$49*$G6947+AG$50*$H6947)</f>
        <v>0</v>
      </c>
      <c r="N6947" s="46">
        <f t="shared" si="774"/>
        <v>45580.0416666499</v>
      </c>
    </row>
    <row r="6948" spans="2:14" x14ac:dyDescent="0.3">
      <c r="B6948">
        <f t="shared" si="775"/>
        <v>2</v>
      </c>
      <c r="C6948" s="16">
        <v>6914</v>
      </c>
      <c r="D6948" cm="1">
        <f t="array" ref="D6948">IFERROR(INDEX(Jesper!AH$2:AH$366,ROUNDDOWN($C6948/24,0)+1,1)*INDEX($D$3:$AA$30,INDEX(Jesper!$R$2:$R$366,ROW(INDEX(Jesper!AH$2:AH$366,ROUNDDOWN($C6948/24,0)+1,1))-1)+IF('Standard Profiles'!$G$18=$B$10,7,0)+IF('Standard Profiles'!$G$18=$B$17,14,0)+IF('Standard Profiles'!$G$18=$B$24,21,0),MOD($C6948,24)+1)/SUM(INDEX($D$3:$AA$30,INDEX(Jesper!$R$2:$R$366,ROW(INDEX(Jesper!AH$2:AH$366,ROUNDDOWN($C6948/24,0)+1,1))-1)+IF('Standard Profiles'!$G$18=$B$10,7,0)+IF('Standard Profiles'!$G$18=$B$17,14,0)+IF('Standard Profiles'!$G$18=$B$24,21,0),0)),0)</f>
        <v>7.5221366285779041</v>
      </c>
      <c r="E6948" cm="1">
        <f t="array" ref="E6948">IFERROR(INDEX(Jesper!AI$2:AI$366,ROUNDDOWN($C6948/24,0)+1,1)*INDEX($D$3:$AA$30,INDEX(Jesper!$R$2:$R$366,ROW(INDEX(Jesper!AI$2:AI$366,ROUNDDOWN($C6948/24,0)+1,1))-1)+IF('Standard Profiles'!$G$19=$B$10,7,0)+IF('Standard Profiles'!$G$19=$B$17,14,0)+IF('Standard Profiles'!$G$19=$B$24,21,0),MOD($C6948,24)+1)/SUM(INDEX($D$3:$AA$30,INDEX(Jesper!$R$2:$R$366,ROW(INDEX(Jesper!AI$2:AI$366,ROUNDDOWN($C6948/24,0)+1,1))-1)+IF('Standard Profiles'!$G$19=$B$10,7,0)+IF('Standard Profiles'!$G$19=$B$17,14,0)+IF('Standard Profiles'!$G$19=$B$24,21,0),0)),0)</f>
        <v>0</v>
      </c>
      <c r="F6948" cm="1">
        <f t="array" ref="F6948">IFERROR(INDEX(Jesper!AJ$2:AJ$366,ROUNDDOWN($C6948/24,0)+1,1)*INDEX($D$3:$AA$30,INDEX(Jesper!$R$2:$R$366,ROW(INDEX(Jesper!AJ$2:AJ$366,ROUNDDOWN($C6948/24,0)+1,1))-1)+IF('Standard Profiles'!$G$20=$B$10,7,0)+IF('Standard Profiles'!$G$20=$B$17,14,0)+IF('Standard Profiles'!$G$20=$B$24,21,0),MOD($C6948,24)+1)/SUM(INDEX($D$3:$AA$30,INDEX(Jesper!$R$2:$R$366,ROW(INDEX(Jesper!AJ$2:AJ$366,ROUNDDOWN($C6948/24,0)+1,1))-1)+IF('Standard Profiles'!$G$20=$B$10,7,0)+IF('Standard Profiles'!$G$20=$B$17,14,0)+IF('Standard Profiles'!$G$20=$B$24,21,0),0)),0)</f>
        <v>0</v>
      </c>
      <c r="G6948" cm="1">
        <f t="array" ref="G6948">IFERROR(INDEX(Jesper!AK$2:AK$366,ROUNDDOWN($C6948/24,0)+1,1)*INDEX($D$3:$AA$30,INDEX(Jesper!$R$2:$R$366,ROW(INDEX(Jesper!AK$2:AK$366,ROUNDDOWN($C6948/24,0)+1,1))-1)+IF('Standard Profiles'!$G$21=$B$10,7,0)+IF('Standard Profiles'!$G$21=$B$17,14,0)+IF('Standard Profiles'!$G$21=$B$24,21,0),MOD($C6948,24)+1)/SUM(INDEX($D$3:$AA$30,INDEX(Jesper!$R$2:$R$366,ROW(INDEX(Jesper!AK$2:AK$366,ROUNDDOWN($C6948/24,0)+1,1))-1)+IF('Standard Profiles'!$G$21=$B$10,7,0)+IF('Standard Profiles'!$G$21=$B$17,14,0)+IF('Standard Profiles'!$G$21=$B$24,21,0),0)),0)</f>
        <v>0</v>
      </c>
      <c r="H6948" cm="1">
        <f t="array" ref="H6948">IFERROR(INDEX(Jesper!AL$2:AL$366,ROUNDDOWN($C6948/24,0)+1,1)*INDEX($D$3:$AA$30,INDEX(Jesper!$R$2:$R$366,ROW(INDEX(Jesper!AL$2:AL$366,ROUNDDOWN($C6948/24,0)+1,1))-1)+IF('Standard Profiles'!$G$22=$B$10,7,0)+IF('Standard Profiles'!$G$22=$B$17,14,0)+IF('Standard Profiles'!$G$22=$B$24,21,0),MOD($C6948,24)+1)/SUM(INDEX($D$3:$AA$30,INDEX(Jesper!$R$2:$R$366,ROW(INDEX(Jesper!AL$2:AL$366,ROUNDDOWN($C6948/24,0)+1,1))-1)+IF('Standard Profiles'!$G$22=$B$10,7,0)+IF('Standard Profiles'!$G$22=$B$17,14,0)+IF('Standard Profiles'!$G$22=$B$24,21,0),0)),0)</f>
        <v>0</v>
      </c>
      <c r="I6948">
        <f t="shared" si="776"/>
        <v>0.22566409885733713</v>
      </c>
      <c r="J6948">
        <f t="shared" si="777"/>
        <v>0.75221366285779045</v>
      </c>
      <c r="K6948">
        <f t="shared" si="778"/>
        <v>1.1283204942866856</v>
      </c>
      <c r="L6948">
        <f t="shared" si="779"/>
        <v>5.4159383725760906</v>
      </c>
      <c r="M6948">
        <f t="shared" si="780"/>
        <v>0</v>
      </c>
      <c r="N6948" s="46">
        <f t="shared" ref="N6948:N7011" si="781">N6947+1/24</f>
        <v>45580.083333316565</v>
      </c>
    </row>
    <row r="6949" spans="2:14" x14ac:dyDescent="0.3">
      <c r="B6949">
        <f t="shared" si="775"/>
        <v>2</v>
      </c>
      <c r="C6949" s="16">
        <v>6915</v>
      </c>
      <c r="D6949" cm="1">
        <f t="array" ref="D6949">IFERROR(INDEX(Jesper!AH$2:AH$366,ROUNDDOWN($C6949/24,0)+1,1)*INDEX($D$3:$AA$30,INDEX(Jesper!$R$2:$R$366,ROW(INDEX(Jesper!AH$2:AH$366,ROUNDDOWN($C6949/24,0)+1,1))-1)+IF('Standard Profiles'!$G$18=$B$10,7,0)+IF('Standard Profiles'!$G$18=$B$17,14,0)+IF('Standard Profiles'!$G$18=$B$24,21,0),MOD($C6949,24)+1)/SUM(INDEX($D$3:$AA$30,INDEX(Jesper!$R$2:$R$366,ROW(INDEX(Jesper!AH$2:AH$366,ROUNDDOWN($C6949/24,0)+1,1))-1)+IF('Standard Profiles'!$G$18=$B$10,7,0)+IF('Standard Profiles'!$G$18=$B$17,14,0)+IF('Standard Profiles'!$G$18=$B$24,21,0),0)),0)</f>
        <v>7.5221366285779041</v>
      </c>
      <c r="E6949" cm="1">
        <f t="array" ref="E6949">IFERROR(INDEX(Jesper!AI$2:AI$366,ROUNDDOWN($C6949/24,0)+1,1)*INDEX($D$3:$AA$30,INDEX(Jesper!$R$2:$R$366,ROW(INDEX(Jesper!AI$2:AI$366,ROUNDDOWN($C6949/24,0)+1,1))-1)+IF('Standard Profiles'!$G$19=$B$10,7,0)+IF('Standard Profiles'!$G$19=$B$17,14,0)+IF('Standard Profiles'!$G$19=$B$24,21,0),MOD($C6949,24)+1)/SUM(INDEX($D$3:$AA$30,INDEX(Jesper!$R$2:$R$366,ROW(INDEX(Jesper!AI$2:AI$366,ROUNDDOWN($C6949/24,0)+1,1))-1)+IF('Standard Profiles'!$G$19=$B$10,7,0)+IF('Standard Profiles'!$G$19=$B$17,14,0)+IF('Standard Profiles'!$G$19=$B$24,21,0),0)),0)</f>
        <v>0</v>
      </c>
      <c r="F6949" cm="1">
        <f t="array" ref="F6949">IFERROR(INDEX(Jesper!AJ$2:AJ$366,ROUNDDOWN($C6949/24,0)+1,1)*INDEX($D$3:$AA$30,INDEX(Jesper!$R$2:$R$366,ROW(INDEX(Jesper!AJ$2:AJ$366,ROUNDDOWN($C6949/24,0)+1,1))-1)+IF('Standard Profiles'!$G$20=$B$10,7,0)+IF('Standard Profiles'!$G$20=$B$17,14,0)+IF('Standard Profiles'!$G$20=$B$24,21,0),MOD($C6949,24)+1)/SUM(INDEX($D$3:$AA$30,INDEX(Jesper!$R$2:$R$366,ROW(INDEX(Jesper!AJ$2:AJ$366,ROUNDDOWN($C6949/24,0)+1,1))-1)+IF('Standard Profiles'!$G$20=$B$10,7,0)+IF('Standard Profiles'!$G$20=$B$17,14,0)+IF('Standard Profiles'!$G$20=$B$24,21,0),0)),0)</f>
        <v>0</v>
      </c>
      <c r="G6949" cm="1">
        <f t="array" ref="G6949">IFERROR(INDEX(Jesper!AK$2:AK$366,ROUNDDOWN($C6949/24,0)+1,1)*INDEX($D$3:$AA$30,INDEX(Jesper!$R$2:$R$366,ROW(INDEX(Jesper!AK$2:AK$366,ROUNDDOWN($C6949/24,0)+1,1))-1)+IF('Standard Profiles'!$G$21=$B$10,7,0)+IF('Standard Profiles'!$G$21=$B$17,14,0)+IF('Standard Profiles'!$G$21=$B$24,21,0),MOD($C6949,24)+1)/SUM(INDEX($D$3:$AA$30,INDEX(Jesper!$R$2:$R$366,ROW(INDEX(Jesper!AK$2:AK$366,ROUNDDOWN($C6949/24,0)+1,1))-1)+IF('Standard Profiles'!$G$21=$B$10,7,0)+IF('Standard Profiles'!$G$21=$B$17,14,0)+IF('Standard Profiles'!$G$21=$B$24,21,0),0)),0)</f>
        <v>0</v>
      </c>
      <c r="H6949" cm="1">
        <f t="array" ref="H6949">IFERROR(INDEX(Jesper!AL$2:AL$366,ROUNDDOWN($C6949/24,0)+1,1)*INDEX($D$3:$AA$30,INDEX(Jesper!$R$2:$R$366,ROW(INDEX(Jesper!AL$2:AL$366,ROUNDDOWN($C6949/24,0)+1,1))-1)+IF('Standard Profiles'!$G$22=$B$10,7,0)+IF('Standard Profiles'!$G$22=$B$17,14,0)+IF('Standard Profiles'!$G$22=$B$24,21,0),MOD($C6949,24)+1)/SUM(INDEX($D$3:$AA$30,INDEX(Jesper!$R$2:$R$366,ROW(INDEX(Jesper!AL$2:AL$366,ROUNDDOWN($C6949/24,0)+1,1))-1)+IF('Standard Profiles'!$G$22=$B$10,7,0)+IF('Standard Profiles'!$G$22=$B$17,14,0)+IF('Standard Profiles'!$G$22=$B$24,21,0),0)),0)</f>
        <v>0</v>
      </c>
      <c r="I6949">
        <f t="shared" si="776"/>
        <v>0.22566409885733713</v>
      </c>
      <c r="J6949">
        <f t="shared" si="777"/>
        <v>0.75221366285779045</v>
      </c>
      <c r="K6949">
        <f t="shared" si="778"/>
        <v>1.1283204942866856</v>
      </c>
      <c r="L6949">
        <f t="shared" si="779"/>
        <v>5.4159383725760906</v>
      </c>
      <c r="M6949">
        <f t="shared" si="780"/>
        <v>0</v>
      </c>
      <c r="N6949" s="46">
        <f t="shared" si="781"/>
        <v>45580.124999983229</v>
      </c>
    </row>
    <row r="6950" spans="2:14" x14ac:dyDescent="0.3">
      <c r="B6950">
        <f t="shared" si="775"/>
        <v>2</v>
      </c>
      <c r="C6950" s="16">
        <v>6916</v>
      </c>
      <c r="D6950" cm="1">
        <f t="array" ref="D6950">IFERROR(INDEX(Jesper!AH$2:AH$366,ROUNDDOWN($C6950/24,0)+1,1)*INDEX($D$3:$AA$30,INDEX(Jesper!$R$2:$R$366,ROW(INDEX(Jesper!AH$2:AH$366,ROUNDDOWN($C6950/24,0)+1,1))-1)+IF('Standard Profiles'!$G$18=$B$10,7,0)+IF('Standard Profiles'!$G$18=$B$17,14,0)+IF('Standard Profiles'!$G$18=$B$24,21,0),MOD($C6950,24)+1)/SUM(INDEX($D$3:$AA$30,INDEX(Jesper!$R$2:$R$366,ROW(INDEX(Jesper!AH$2:AH$366,ROUNDDOWN($C6950/24,0)+1,1))-1)+IF('Standard Profiles'!$G$18=$B$10,7,0)+IF('Standard Profiles'!$G$18=$B$17,14,0)+IF('Standard Profiles'!$G$18=$B$24,21,0),0)),0)</f>
        <v>7.5221366285779041</v>
      </c>
      <c r="E6950" cm="1">
        <f t="array" ref="E6950">IFERROR(INDEX(Jesper!AI$2:AI$366,ROUNDDOWN($C6950/24,0)+1,1)*INDEX($D$3:$AA$30,INDEX(Jesper!$R$2:$R$366,ROW(INDEX(Jesper!AI$2:AI$366,ROUNDDOWN($C6950/24,0)+1,1))-1)+IF('Standard Profiles'!$G$19=$B$10,7,0)+IF('Standard Profiles'!$G$19=$B$17,14,0)+IF('Standard Profiles'!$G$19=$B$24,21,0),MOD($C6950,24)+1)/SUM(INDEX($D$3:$AA$30,INDEX(Jesper!$R$2:$R$366,ROW(INDEX(Jesper!AI$2:AI$366,ROUNDDOWN($C6950/24,0)+1,1))-1)+IF('Standard Profiles'!$G$19=$B$10,7,0)+IF('Standard Profiles'!$G$19=$B$17,14,0)+IF('Standard Profiles'!$G$19=$B$24,21,0),0)),0)</f>
        <v>0</v>
      </c>
      <c r="F6950" cm="1">
        <f t="array" ref="F6950">IFERROR(INDEX(Jesper!AJ$2:AJ$366,ROUNDDOWN($C6950/24,0)+1,1)*INDEX($D$3:$AA$30,INDEX(Jesper!$R$2:$R$366,ROW(INDEX(Jesper!AJ$2:AJ$366,ROUNDDOWN($C6950/24,0)+1,1))-1)+IF('Standard Profiles'!$G$20=$B$10,7,0)+IF('Standard Profiles'!$G$20=$B$17,14,0)+IF('Standard Profiles'!$G$20=$B$24,21,0),MOD($C6950,24)+1)/SUM(INDEX($D$3:$AA$30,INDEX(Jesper!$R$2:$R$366,ROW(INDEX(Jesper!AJ$2:AJ$366,ROUNDDOWN($C6950/24,0)+1,1))-1)+IF('Standard Profiles'!$G$20=$B$10,7,0)+IF('Standard Profiles'!$G$20=$B$17,14,0)+IF('Standard Profiles'!$G$20=$B$24,21,0),0)),0)</f>
        <v>0</v>
      </c>
      <c r="G6950" cm="1">
        <f t="array" ref="G6950">IFERROR(INDEX(Jesper!AK$2:AK$366,ROUNDDOWN($C6950/24,0)+1,1)*INDEX($D$3:$AA$30,INDEX(Jesper!$R$2:$R$366,ROW(INDEX(Jesper!AK$2:AK$366,ROUNDDOWN($C6950/24,0)+1,1))-1)+IF('Standard Profiles'!$G$21=$B$10,7,0)+IF('Standard Profiles'!$G$21=$B$17,14,0)+IF('Standard Profiles'!$G$21=$B$24,21,0),MOD($C6950,24)+1)/SUM(INDEX($D$3:$AA$30,INDEX(Jesper!$R$2:$R$366,ROW(INDEX(Jesper!AK$2:AK$366,ROUNDDOWN($C6950/24,0)+1,1))-1)+IF('Standard Profiles'!$G$21=$B$10,7,0)+IF('Standard Profiles'!$G$21=$B$17,14,0)+IF('Standard Profiles'!$G$21=$B$24,21,0),0)),0)</f>
        <v>0</v>
      </c>
      <c r="H6950" cm="1">
        <f t="array" ref="H6950">IFERROR(INDEX(Jesper!AL$2:AL$366,ROUNDDOWN($C6950/24,0)+1,1)*INDEX($D$3:$AA$30,INDEX(Jesper!$R$2:$R$366,ROW(INDEX(Jesper!AL$2:AL$366,ROUNDDOWN($C6950/24,0)+1,1))-1)+IF('Standard Profiles'!$G$22=$B$10,7,0)+IF('Standard Profiles'!$G$22=$B$17,14,0)+IF('Standard Profiles'!$G$22=$B$24,21,0),MOD($C6950,24)+1)/SUM(INDEX($D$3:$AA$30,INDEX(Jesper!$R$2:$R$366,ROW(INDEX(Jesper!AL$2:AL$366,ROUNDDOWN($C6950/24,0)+1,1))-1)+IF('Standard Profiles'!$G$22=$B$10,7,0)+IF('Standard Profiles'!$G$22=$B$17,14,0)+IF('Standard Profiles'!$G$22=$B$24,21,0),0)),0)</f>
        <v>0</v>
      </c>
      <c r="I6950">
        <f t="shared" si="776"/>
        <v>0.22566409885733713</v>
      </c>
      <c r="J6950">
        <f t="shared" si="777"/>
        <v>0.75221366285779045</v>
      </c>
      <c r="K6950">
        <f t="shared" si="778"/>
        <v>1.1283204942866856</v>
      </c>
      <c r="L6950">
        <f t="shared" si="779"/>
        <v>5.4159383725760906</v>
      </c>
      <c r="M6950">
        <f t="shared" si="780"/>
        <v>0</v>
      </c>
      <c r="N6950" s="46">
        <f t="shared" si="781"/>
        <v>45580.166666649893</v>
      </c>
    </row>
    <row r="6951" spans="2:14" x14ac:dyDescent="0.3">
      <c r="B6951">
        <f t="shared" si="775"/>
        <v>2</v>
      </c>
      <c r="C6951" s="16">
        <v>6917</v>
      </c>
      <c r="D6951" cm="1">
        <f t="array" ref="D6951">IFERROR(INDEX(Jesper!AH$2:AH$366,ROUNDDOWN($C6951/24,0)+1,1)*INDEX($D$3:$AA$30,INDEX(Jesper!$R$2:$R$366,ROW(INDEX(Jesper!AH$2:AH$366,ROUNDDOWN($C6951/24,0)+1,1))-1)+IF('Standard Profiles'!$G$18=$B$10,7,0)+IF('Standard Profiles'!$G$18=$B$17,14,0)+IF('Standard Profiles'!$G$18=$B$24,21,0),MOD($C6951,24)+1)/SUM(INDEX($D$3:$AA$30,INDEX(Jesper!$R$2:$R$366,ROW(INDEX(Jesper!AH$2:AH$366,ROUNDDOWN($C6951/24,0)+1,1))-1)+IF('Standard Profiles'!$G$18=$B$10,7,0)+IF('Standard Profiles'!$G$18=$B$17,14,0)+IF('Standard Profiles'!$G$18=$B$24,21,0),0)),0)</f>
        <v>9.7787776171512739</v>
      </c>
      <c r="E6951" cm="1">
        <f t="array" ref="E6951">IFERROR(INDEX(Jesper!AI$2:AI$366,ROUNDDOWN($C6951/24,0)+1,1)*INDEX($D$3:$AA$30,INDEX(Jesper!$R$2:$R$366,ROW(INDEX(Jesper!AI$2:AI$366,ROUNDDOWN($C6951/24,0)+1,1))-1)+IF('Standard Profiles'!$G$19=$B$10,7,0)+IF('Standard Profiles'!$G$19=$B$17,14,0)+IF('Standard Profiles'!$G$19=$B$24,21,0),MOD($C6951,24)+1)/SUM(INDEX($D$3:$AA$30,INDEX(Jesper!$R$2:$R$366,ROW(INDEX(Jesper!AI$2:AI$366,ROUNDDOWN($C6951/24,0)+1,1))-1)+IF('Standard Profiles'!$G$19=$B$10,7,0)+IF('Standard Profiles'!$G$19=$B$17,14,0)+IF('Standard Profiles'!$G$19=$B$24,21,0),0)),0)</f>
        <v>0</v>
      </c>
      <c r="F6951" cm="1">
        <f t="array" ref="F6951">IFERROR(INDEX(Jesper!AJ$2:AJ$366,ROUNDDOWN($C6951/24,0)+1,1)*INDEX($D$3:$AA$30,INDEX(Jesper!$R$2:$R$366,ROW(INDEX(Jesper!AJ$2:AJ$366,ROUNDDOWN($C6951/24,0)+1,1))-1)+IF('Standard Profiles'!$G$20=$B$10,7,0)+IF('Standard Profiles'!$G$20=$B$17,14,0)+IF('Standard Profiles'!$G$20=$B$24,21,0),MOD($C6951,24)+1)/SUM(INDEX($D$3:$AA$30,INDEX(Jesper!$R$2:$R$366,ROW(INDEX(Jesper!AJ$2:AJ$366,ROUNDDOWN($C6951/24,0)+1,1))-1)+IF('Standard Profiles'!$G$20=$B$10,7,0)+IF('Standard Profiles'!$G$20=$B$17,14,0)+IF('Standard Profiles'!$G$20=$B$24,21,0),0)),0)</f>
        <v>0</v>
      </c>
      <c r="G6951" cm="1">
        <f t="array" ref="G6951">IFERROR(INDEX(Jesper!AK$2:AK$366,ROUNDDOWN($C6951/24,0)+1,1)*INDEX($D$3:$AA$30,INDEX(Jesper!$R$2:$R$366,ROW(INDEX(Jesper!AK$2:AK$366,ROUNDDOWN($C6951/24,0)+1,1))-1)+IF('Standard Profiles'!$G$21=$B$10,7,0)+IF('Standard Profiles'!$G$21=$B$17,14,0)+IF('Standard Profiles'!$G$21=$B$24,21,0),MOD($C6951,24)+1)/SUM(INDEX($D$3:$AA$30,INDEX(Jesper!$R$2:$R$366,ROW(INDEX(Jesper!AK$2:AK$366,ROUNDDOWN($C6951/24,0)+1,1))-1)+IF('Standard Profiles'!$G$21=$B$10,7,0)+IF('Standard Profiles'!$G$21=$B$17,14,0)+IF('Standard Profiles'!$G$21=$B$24,21,0),0)),0)</f>
        <v>0</v>
      </c>
      <c r="H6951" cm="1">
        <f t="array" ref="H6951">IFERROR(INDEX(Jesper!AL$2:AL$366,ROUNDDOWN($C6951/24,0)+1,1)*INDEX($D$3:$AA$30,INDEX(Jesper!$R$2:$R$366,ROW(INDEX(Jesper!AL$2:AL$366,ROUNDDOWN($C6951/24,0)+1,1))-1)+IF('Standard Profiles'!$G$22=$B$10,7,0)+IF('Standard Profiles'!$G$22=$B$17,14,0)+IF('Standard Profiles'!$G$22=$B$24,21,0),MOD($C6951,24)+1)/SUM(INDEX($D$3:$AA$30,INDEX(Jesper!$R$2:$R$366,ROW(INDEX(Jesper!AL$2:AL$366,ROUNDDOWN($C6951/24,0)+1,1))-1)+IF('Standard Profiles'!$G$22=$B$10,7,0)+IF('Standard Profiles'!$G$22=$B$17,14,0)+IF('Standard Profiles'!$G$22=$B$24,21,0),0)),0)</f>
        <v>0</v>
      </c>
      <c r="I6951">
        <f t="shared" si="776"/>
        <v>0.29336332851453822</v>
      </c>
      <c r="J6951">
        <f t="shared" si="777"/>
        <v>0.97787776171512741</v>
      </c>
      <c r="K6951">
        <f t="shared" si="778"/>
        <v>1.466816642572691</v>
      </c>
      <c r="L6951">
        <f t="shared" si="779"/>
        <v>7.0407198843489169</v>
      </c>
      <c r="M6951">
        <f t="shared" si="780"/>
        <v>0</v>
      </c>
      <c r="N6951" s="46">
        <f t="shared" si="781"/>
        <v>45580.208333316557</v>
      </c>
    </row>
    <row r="6952" spans="2:14" x14ac:dyDescent="0.3">
      <c r="B6952">
        <f t="shared" si="775"/>
        <v>2</v>
      </c>
      <c r="C6952" s="16">
        <v>6918</v>
      </c>
      <c r="D6952" cm="1">
        <f t="array" ref="D6952">IFERROR(INDEX(Jesper!AH$2:AH$366,ROUNDDOWN($C6952/24,0)+1,1)*INDEX($D$3:$AA$30,INDEX(Jesper!$R$2:$R$366,ROW(INDEX(Jesper!AH$2:AH$366,ROUNDDOWN($C6952/24,0)+1,1))-1)+IF('Standard Profiles'!$G$18=$B$10,7,0)+IF('Standard Profiles'!$G$18=$B$17,14,0)+IF('Standard Profiles'!$G$18=$B$24,21,0),MOD($C6952,24)+1)/SUM(INDEX($D$3:$AA$30,INDEX(Jesper!$R$2:$R$366,ROW(INDEX(Jesper!AH$2:AH$366,ROUNDDOWN($C6952/24,0)+1,1))-1)+IF('Standard Profiles'!$G$18=$B$10,7,0)+IF('Standard Profiles'!$G$18=$B$17,14,0)+IF('Standard Profiles'!$G$18=$B$24,21,0),0)),0)</f>
        <v>10.907098111437959</v>
      </c>
      <c r="E6952" cm="1">
        <f t="array" ref="E6952">IFERROR(INDEX(Jesper!AI$2:AI$366,ROUNDDOWN($C6952/24,0)+1,1)*INDEX($D$3:$AA$30,INDEX(Jesper!$R$2:$R$366,ROW(INDEX(Jesper!AI$2:AI$366,ROUNDDOWN($C6952/24,0)+1,1))-1)+IF('Standard Profiles'!$G$19=$B$10,7,0)+IF('Standard Profiles'!$G$19=$B$17,14,0)+IF('Standard Profiles'!$G$19=$B$24,21,0),MOD($C6952,24)+1)/SUM(INDEX($D$3:$AA$30,INDEX(Jesper!$R$2:$R$366,ROW(INDEX(Jesper!AI$2:AI$366,ROUNDDOWN($C6952/24,0)+1,1))-1)+IF('Standard Profiles'!$G$19=$B$10,7,0)+IF('Standard Profiles'!$G$19=$B$17,14,0)+IF('Standard Profiles'!$G$19=$B$24,21,0),0)),0)</f>
        <v>0</v>
      </c>
      <c r="F6952" cm="1">
        <f t="array" ref="F6952">IFERROR(INDEX(Jesper!AJ$2:AJ$366,ROUNDDOWN($C6952/24,0)+1,1)*INDEX($D$3:$AA$30,INDEX(Jesper!$R$2:$R$366,ROW(INDEX(Jesper!AJ$2:AJ$366,ROUNDDOWN($C6952/24,0)+1,1))-1)+IF('Standard Profiles'!$G$20=$B$10,7,0)+IF('Standard Profiles'!$G$20=$B$17,14,0)+IF('Standard Profiles'!$G$20=$B$24,21,0),MOD($C6952,24)+1)/SUM(INDEX($D$3:$AA$30,INDEX(Jesper!$R$2:$R$366,ROW(INDEX(Jesper!AJ$2:AJ$366,ROUNDDOWN($C6952/24,0)+1,1))-1)+IF('Standard Profiles'!$G$20=$B$10,7,0)+IF('Standard Profiles'!$G$20=$B$17,14,0)+IF('Standard Profiles'!$G$20=$B$24,21,0),0)),0)</f>
        <v>0</v>
      </c>
      <c r="G6952" cm="1">
        <f t="array" ref="G6952">IFERROR(INDEX(Jesper!AK$2:AK$366,ROUNDDOWN($C6952/24,0)+1,1)*INDEX($D$3:$AA$30,INDEX(Jesper!$R$2:$R$366,ROW(INDEX(Jesper!AK$2:AK$366,ROUNDDOWN($C6952/24,0)+1,1))-1)+IF('Standard Profiles'!$G$21=$B$10,7,0)+IF('Standard Profiles'!$G$21=$B$17,14,0)+IF('Standard Profiles'!$G$21=$B$24,21,0),MOD($C6952,24)+1)/SUM(INDEX($D$3:$AA$30,INDEX(Jesper!$R$2:$R$366,ROW(INDEX(Jesper!AK$2:AK$366,ROUNDDOWN($C6952/24,0)+1,1))-1)+IF('Standard Profiles'!$G$21=$B$10,7,0)+IF('Standard Profiles'!$G$21=$B$17,14,0)+IF('Standard Profiles'!$G$21=$B$24,21,0),0)),0)</f>
        <v>0</v>
      </c>
      <c r="H6952" cm="1">
        <f t="array" ref="H6952">IFERROR(INDEX(Jesper!AL$2:AL$366,ROUNDDOWN($C6952/24,0)+1,1)*INDEX($D$3:$AA$30,INDEX(Jesper!$R$2:$R$366,ROW(INDEX(Jesper!AL$2:AL$366,ROUNDDOWN($C6952/24,0)+1,1))-1)+IF('Standard Profiles'!$G$22=$B$10,7,0)+IF('Standard Profiles'!$G$22=$B$17,14,0)+IF('Standard Profiles'!$G$22=$B$24,21,0),MOD($C6952,24)+1)/SUM(INDEX($D$3:$AA$30,INDEX(Jesper!$R$2:$R$366,ROW(INDEX(Jesper!AL$2:AL$366,ROUNDDOWN($C6952/24,0)+1,1))-1)+IF('Standard Profiles'!$G$22=$B$10,7,0)+IF('Standard Profiles'!$G$22=$B$17,14,0)+IF('Standard Profiles'!$G$22=$B$24,21,0),0)),0)</f>
        <v>0</v>
      </c>
      <c r="I6952">
        <f t="shared" si="776"/>
        <v>0.32721294334313877</v>
      </c>
      <c r="J6952">
        <f t="shared" si="777"/>
        <v>1.0907098111437958</v>
      </c>
      <c r="K6952">
        <f t="shared" si="778"/>
        <v>1.6360647167156939</v>
      </c>
      <c r="L6952">
        <f t="shared" si="779"/>
        <v>7.8531106402353297</v>
      </c>
      <c r="M6952">
        <f t="shared" si="780"/>
        <v>0</v>
      </c>
      <c r="N6952" s="46">
        <f t="shared" si="781"/>
        <v>45580.249999983222</v>
      </c>
    </row>
    <row r="6953" spans="2:14" x14ac:dyDescent="0.3">
      <c r="B6953">
        <f t="shared" si="775"/>
        <v>2</v>
      </c>
      <c r="C6953" s="16">
        <v>6919</v>
      </c>
      <c r="D6953" cm="1">
        <f t="array" ref="D6953">IFERROR(INDEX(Jesper!AH$2:AH$366,ROUNDDOWN($C6953/24,0)+1,1)*INDEX($D$3:$AA$30,INDEX(Jesper!$R$2:$R$366,ROW(INDEX(Jesper!AH$2:AH$366,ROUNDDOWN($C6953/24,0)+1,1))-1)+IF('Standard Profiles'!$G$18=$B$10,7,0)+IF('Standard Profiles'!$G$18=$B$17,14,0)+IF('Standard Profiles'!$G$18=$B$24,21,0),MOD($C6953,24)+1)/SUM(INDEX($D$3:$AA$30,INDEX(Jesper!$R$2:$R$366,ROW(INDEX(Jesper!AH$2:AH$366,ROUNDDOWN($C6953/24,0)+1,1))-1)+IF('Standard Profiles'!$G$18=$B$10,7,0)+IF('Standard Profiles'!$G$18=$B$17,14,0)+IF('Standard Profiles'!$G$18=$B$24,21,0),0)),0)</f>
        <v>11.283204942866856</v>
      </c>
      <c r="E6953" cm="1">
        <f t="array" ref="E6953">IFERROR(INDEX(Jesper!AI$2:AI$366,ROUNDDOWN($C6953/24,0)+1,1)*INDEX($D$3:$AA$30,INDEX(Jesper!$R$2:$R$366,ROW(INDEX(Jesper!AI$2:AI$366,ROUNDDOWN($C6953/24,0)+1,1))-1)+IF('Standard Profiles'!$G$19=$B$10,7,0)+IF('Standard Profiles'!$G$19=$B$17,14,0)+IF('Standard Profiles'!$G$19=$B$24,21,0),MOD($C6953,24)+1)/SUM(INDEX($D$3:$AA$30,INDEX(Jesper!$R$2:$R$366,ROW(INDEX(Jesper!AI$2:AI$366,ROUNDDOWN($C6953/24,0)+1,1))-1)+IF('Standard Profiles'!$G$19=$B$10,7,0)+IF('Standard Profiles'!$G$19=$B$17,14,0)+IF('Standard Profiles'!$G$19=$B$24,21,0),0)),0)</f>
        <v>0</v>
      </c>
      <c r="F6953" cm="1">
        <f t="array" ref="F6953">IFERROR(INDEX(Jesper!AJ$2:AJ$366,ROUNDDOWN($C6953/24,0)+1,1)*INDEX($D$3:$AA$30,INDEX(Jesper!$R$2:$R$366,ROW(INDEX(Jesper!AJ$2:AJ$366,ROUNDDOWN($C6953/24,0)+1,1))-1)+IF('Standard Profiles'!$G$20=$B$10,7,0)+IF('Standard Profiles'!$G$20=$B$17,14,0)+IF('Standard Profiles'!$G$20=$B$24,21,0),MOD($C6953,24)+1)/SUM(INDEX($D$3:$AA$30,INDEX(Jesper!$R$2:$R$366,ROW(INDEX(Jesper!AJ$2:AJ$366,ROUNDDOWN($C6953/24,0)+1,1))-1)+IF('Standard Profiles'!$G$20=$B$10,7,0)+IF('Standard Profiles'!$G$20=$B$17,14,0)+IF('Standard Profiles'!$G$20=$B$24,21,0),0)),0)</f>
        <v>0</v>
      </c>
      <c r="G6953" cm="1">
        <f t="array" ref="G6953">IFERROR(INDEX(Jesper!AK$2:AK$366,ROUNDDOWN($C6953/24,0)+1,1)*INDEX($D$3:$AA$30,INDEX(Jesper!$R$2:$R$366,ROW(INDEX(Jesper!AK$2:AK$366,ROUNDDOWN($C6953/24,0)+1,1))-1)+IF('Standard Profiles'!$G$21=$B$10,7,0)+IF('Standard Profiles'!$G$21=$B$17,14,0)+IF('Standard Profiles'!$G$21=$B$24,21,0),MOD($C6953,24)+1)/SUM(INDEX($D$3:$AA$30,INDEX(Jesper!$R$2:$R$366,ROW(INDEX(Jesper!AK$2:AK$366,ROUNDDOWN($C6953/24,0)+1,1))-1)+IF('Standard Profiles'!$G$21=$B$10,7,0)+IF('Standard Profiles'!$G$21=$B$17,14,0)+IF('Standard Profiles'!$G$21=$B$24,21,0),0)),0)</f>
        <v>0</v>
      </c>
      <c r="H6953" cm="1">
        <f t="array" ref="H6953">IFERROR(INDEX(Jesper!AL$2:AL$366,ROUNDDOWN($C6953/24,0)+1,1)*INDEX($D$3:$AA$30,INDEX(Jesper!$R$2:$R$366,ROW(INDEX(Jesper!AL$2:AL$366,ROUNDDOWN($C6953/24,0)+1,1))-1)+IF('Standard Profiles'!$G$22=$B$10,7,0)+IF('Standard Profiles'!$G$22=$B$17,14,0)+IF('Standard Profiles'!$G$22=$B$24,21,0),MOD($C6953,24)+1)/SUM(INDEX($D$3:$AA$30,INDEX(Jesper!$R$2:$R$366,ROW(INDEX(Jesper!AL$2:AL$366,ROUNDDOWN($C6953/24,0)+1,1))-1)+IF('Standard Profiles'!$G$22=$B$10,7,0)+IF('Standard Profiles'!$G$22=$B$17,14,0)+IF('Standard Profiles'!$G$22=$B$24,21,0),0)),0)</f>
        <v>0</v>
      </c>
      <c r="I6953">
        <f t="shared" si="776"/>
        <v>0.33849614828600566</v>
      </c>
      <c r="J6953">
        <f t="shared" si="777"/>
        <v>1.1283204942866856</v>
      </c>
      <c r="K6953">
        <f t="shared" si="778"/>
        <v>1.6924807414300285</v>
      </c>
      <c r="L6953">
        <f t="shared" si="779"/>
        <v>8.1239075588641363</v>
      </c>
      <c r="M6953">
        <f t="shared" si="780"/>
        <v>0</v>
      </c>
      <c r="N6953" s="46">
        <f t="shared" si="781"/>
        <v>45580.291666649886</v>
      </c>
    </row>
    <row r="6954" spans="2:14" x14ac:dyDescent="0.3">
      <c r="B6954">
        <f t="shared" si="775"/>
        <v>2</v>
      </c>
      <c r="C6954" s="16">
        <v>6920</v>
      </c>
      <c r="D6954" cm="1">
        <f t="array" ref="D6954">IFERROR(INDEX(Jesper!AH$2:AH$366,ROUNDDOWN($C6954/24,0)+1,1)*INDEX($D$3:$AA$30,INDEX(Jesper!$R$2:$R$366,ROW(INDEX(Jesper!AH$2:AH$366,ROUNDDOWN($C6954/24,0)+1,1))-1)+IF('Standard Profiles'!$G$18=$B$10,7,0)+IF('Standard Profiles'!$G$18=$B$17,14,0)+IF('Standard Profiles'!$G$18=$B$24,21,0),MOD($C6954,24)+1)/SUM(INDEX($D$3:$AA$30,INDEX(Jesper!$R$2:$R$366,ROW(INDEX(Jesper!AH$2:AH$366,ROUNDDOWN($C6954/24,0)+1,1))-1)+IF('Standard Profiles'!$G$18=$B$10,7,0)+IF('Standard Profiles'!$G$18=$B$17,14,0)+IF('Standard Profiles'!$G$18=$B$24,21,0),0)),0)</f>
        <v>11.283204942866856</v>
      </c>
      <c r="E6954" cm="1">
        <f t="array" ref="E6954">IFERROR(INDEX(Jesper!AI$2:AI$366,ROUNDDOWN($C6954/24,0)+1,1)*INDEX($D$3:$AA$30,INDEX(Jesper!$R$2:$R$366,ROW(INDEX(Jesper!AI$2:AI$366,ROUNDDOWN($C6954/24,0)+1,1))-1)+IF('Standard Profiles'!$G$19=$B$10,7,0)+IF('Standard Profiles'!$G$19=$B$17,14,0)+IF('Standard Profiles'!$G$19=$B$24,21,0),MOD($C6954,24)+1)/SUM(INDEX($D$3:$AA$30,INDEX(Jesper!$R$2:$R$366,ROW(INDEX(Jesper!AI$2:AI$366,ROUNDDOWN($C6954/24,0)+1,1))-1)+IF('Standard Profiles'!$G$19=$B$10,7,0)+IF('Standard Profiles'!$G$19=$B$17,14,0)+IF('Standard Profiles'!$G$19=$B$24,21,0),0)),0)</f>
        <v>0</v>
      </c>
      <c r="F6954" cm="1">
        <f t="array" ref="F6954">IFERROR(INDEX(Jesper!AJ$2:AJ$366,ROUNDDOWN($C6954/24,0)+1,1)*INDEX($D$3:$AA$30,INDEX(Jesper!$R$2:$R$366,ROW(INDEX(Jesper!AJ$2:AJ$366,ROUNDDOWN($C6954/24,0)+1,1))-1)+IF('Standard Profiles'!$G$20=$B$10,7,0)+IF('Standard Profiles'!$G$20=$B$17,14,0)+IF('Standard Profiles'!$G$20=$B$24,21,0),MOD($C6954,24)+1)/SUM(INDEX($D$3:$AA$30,INDEX(Jesper!$R$2:$R$366,ROW(INDEX(Jesper!AJ$2:AJ$366,ROUNDDOWN($C6954/24,0)+1,1))-1)+IF('Standard Profiles'!$G$20=$B$10,7,0)+IF('Standard Profiles'!$G$20=$B$17,14,0)+IF('Standard Profiles'!$G$20=$B$24,21,0),0)),0)</f>
        <v>0</v>
      </c>
      <c r="G6954" cm="1">
        <f t="array" ref="G6954">IFERROR(INDEX(Jesper!AK$2:AK$366,ROUNDDOWN($C6954/24,0)+1,1)*INDEX($D$3:$AA$30,INDEX(Jesper!$R$2:$R$366,ROW(INDEX(Jesper!AK$2:AK$366,ROUNDDOWN($C6954/24,0)+1,1))-1)+IF('Standard Profiles'!$G$21=$B$10,7,0)+IF('Standard Profiles'!$G$21=$B$17,14,0)+IF('Standard Profiles'!$G$21=$B$24,21,0),MOD($C6954,24)+1)/SUM(INDEX($D$3:$AA$30,INDEX(Jesper!$R$2:$R$366,ROW(INDEX(Jesper!AK$2:AK$366,ROUNDDOWN($C6954/24,0)+1,1))-1)+IF('Standard Profiles'!$G$21=$B$10,7,0)+IF('Standard Profiles'!$G$21=$B$17,14,0)+IF('Standard Profiles'!$G$21=$B$24,21,0),0)),0)</f>
        <v>0</v>
      </c>
      <c r="H6954" cm="1">
        <f t="array" ref="H6954">IFERROR(INDEX(Jesper!AL$2:AL$366,ROUNDDOWN($C6954/24,0)+1,1)*INDEX($D$3:$AA$30,INDEX(Jesper!$R$2:$R$366,ROW(INDEX(Jesper!AL$2:AL$366,ROUNDDOWN($C6954/24,0)+1,1))-1)+IF('Standard Profiles'!$G$22=$B$10,7,0)+IF('Standard Profiles'!$G$22=$B$17,14,0)+IF('Standard Profiles'!$G$22=$B$24,21,0),MOD($C6954,24)+1)/SUM(INDEX($D$3:$AA$30,INDEX(Jesper!$R$2:$R$366,ROW(INDEX(Jesper!AL$2:AL$366,ROUNDDOWN($C6954/24,0)+1,1))-1)+IF('Standard Profiles'!$G$22=$B$10,7,0)+IF('Standard Profiles'!$G$22=$B$17,14,0)+IF('Standard Profiles'!$G$22=$B$24,21,0),0)),0)</f>
        <v>0</v>
      </c>
      <c r="I6954">
        <f t="shared" si="776"/>
        <v>0.33849614828600566</v>
      </c>
      <c r="J6954">
        <f t="shared" si="777"/>
        <v>1.1283204942866856</v>
      </c>
      <c r="K6954">
        <f t="shared" si="778"/>
        <v>1.6924807414300285</v>
      </c>
      <c r="L6954">
        <f t="shared" si="779"/>
        <v>8.1239075588641363</v>
      </c>
      <c r="M6954">
        <f t="shared" si="780"/>
        <v>0</v>
      </c>
      <c r="N6954" s="46">
        <f t="shared" si="781"/>
        <v>45580.33333331655</v>
      </c>
    </row>
    <row r="6955" spans="2:14" x14ac:dyDescent="0.3">
      <c r="B6955">
        <f t="shared" si="775"/>
        <v>2</v>
      </c>
      <c r="C6955" s="16">
        <v>6921</v>
      </c>
      <c r="D6955" cm="1">
        <f t="array" ref="D6955">IFERROR(INDEX(Jesper!AH$2:AH$366,ROUNDDOWN($C6955/24,0)+1,1)*INDEX($D$3:$AA$30,INDEX(Jesper!$R$2:$R$366,ROW(INDEX(Jesper!AH$2:AH$366,ROUNDDOWN($C6955/24,0)+1,1))-1)+IF('Standard Profiles'!$G$18=$B$10,7,0)+IF('Standard Profiles'!$G$18=$B$17,14,0)+IF('Standard Profiles'!$G$18=$B$24,21,0),MOD($C6955,24)+1)/SUM(INDEX($D$3:$AA$30,INDEX(Jesper!$R$2:$R$366,ROW(INDEX(Jesper!AH$2:AH$366,ROUNDDOWN($C6955/24,0)+1,1))-1)+IF('Standard Profiles'!$G$18=$B$10,7,0)+IF('Standard Profiles'!$G$18=$B$17,14,0)+IF('Standard Profiles'!$G$18=$B$24,21,0),0)),0)</f>
        <v>12.223472021439093</v>
      </c>
      <c r="E6955" cm="1">
        <f t="array" ref="E6955">IFERROR(INDEX(Jesper!AI$2:AI$366,ROUNDDOWN($C6955/24,0)+1,1)*INDEX($D$3:$AA$30,INDEX(Jesper!$R$2:$R$366,ROW(INDEX(Jesper!AI$2:AI$366,ROUNDDOWN($C6955/24,0)+1,1))-1)+IF('Standard Profiles'!$G$19=$B$10,7,0)+IF('Standard Profiles'!$G$19=$B$17,14,0)+IF('Standard Profiles'!$G$19=$B$24,21,0),MOD($C6955,24)+1)/SUM(INDEX($D$3:$AA$30,INDEX(Jesper!$R$2:$R$366,ROW(INDEX(Jesper!AI$2:AI$366,ROUNDDOWN($C6955/24,0)+1,1))-1)+IF('Standard Profiles'!$G$19=$B$10,7,0)+IF('Standard Profiles'!$G$19=$B$17,14,0)+IF('Standard Profiles'!$G$19=$B$24,21,0),0)),0)</f>
        <v>0</v>
      </c>
      <c r="F6955" cm="1">
        <f t="array" ref="F6955">IFERROR(INDEX(Jesper!AJ$2:AJ$366,ROUNDDOWN($C6955/24,0)+1,1)*INDEX($D$3:$AA$30,INDEX(Jesper!$R$2:$R$366,ROW(INDEX(Jesper!AJ$2:AJ$366,ROUNDDOWN($C6955/24,0)+1,1))-1)+IF('Standard Profiles'!$G$20=$B$10,7,0)+IF('Standard Profiles'!$G$20=$B$17,14,0)+IF('Standard Profiles'!$G$20=$B$24,21,0),MOD($C6955,24)+1)/SUM(INDEX($D$3:$AA$30,INDEX(Jesper!$R$2:$R$366,ROW(INDEX(Jesper!AJ$2:AJ$366,ROUNDDOWN($C6955/24,0)+1,1))-1)+IF('Standard Profiles'!$G$20=$B$10,7,0)+IF('Standard Profiles'!$G$20=$B$17,14,0)+IF('Standard Profiles'!$G$20=$B$24,21,0),0)),0)</f>
        <v>0</v>
      </c>
      <c r="G6955" cm="1">
        <f t="array" ref="G6955">IFERROR(INDEX(Jesper!AK$2:AK$366,ROUNDDOWN($C6955/24,0)+1,1)*INDEX($D$3:$AA$30,INDEX(Jesper!$R$2:$R$366,ROW(INDEX(Jesper!AK$2:AK$366,ROUNDDOWN($C6955/24,0)+1,1))-1)+IF('Standard Profiles'!$G$21=$B$10,7,0)+IF('Standard Profiles'!$G$21=$B$17,14,0)+IF('Standard Profiles'!$G$21=$B$24,21,0),MOD($C6955,24)+1)/SUM(INDEX($D$3:$AA$30,INDEX(Jesper!$R$2:$R$366,ROW(INDEX(Jesper!AK$2:AK$366,ROUNDDOWN($C6955/24,0)+1,1))-1)+IF('Standard Profiles'!$G$21=$B$10,7,0)+IF('Standard Profiles'!$G$21=$B$17,14,0)+IF('Standard Profiles'!$G$21=$B$24,21,0),0)),0)</f>
        <v>0</v>
      </c>
      <c r="H6955" cm="1">
        <f t="array" ref="H6955">IFERROR(INDEX(Jesper!AL$2:AL$366,ROUNDDOWN($C6955/24,0)+1,1)*INDEX($D$3:$AA$30,INDEX(Jesper!$R$2:$R$366,ROW(INDEX(Jesper!AL$2:AL$366,ROUNDDOWN($C6955/24,0)+1,1))-1)+IF('Standard Profiles'!$G$22=$B$10,7,0)+IF('Standard Profiles'!$G$22=$B$17,14,0)+IF('Standard Profiles'!$G$22=$B$24,21,0),MOD($C6955,24)+1)/SUM(INDEX($D$3:$AA$30,INDEX(Jesper!$R$2:$R$366,ROW(INDEX(Jesper!AL$2:AL$366,ROUNDDOWN($C6955/24,0)+1,1))-1)+IF('Standard Profiles'!$G$22=$B$10,7,0)+IF('Standard Profiles'!$G$22=$B$17,14,0)+IF('Standard Profiles'!$G$22=$B$24,21,0),0)),0)</f>
        <v>0</v>
      </c>
      <c r="I6955">
        <f t="shared" si="776"/>
        <v>0.36670416064317279</v>
      </c>
      <c r="J6955">
        <f t="shared" si="777"/>
        <v>1.2223472021439095</v>
      </c>
      <c r="K6955">
        <f t="shared" si="778"/>
        <v>1.8335208032158639</v>
      </c>
      <c r="L6955">
        <f t="shared" si="779"/>
        <v>8.8008998554361462</v>
      </c>
      <c r="M6955">
        <f t="shared" si="780"/>
        <v>0</v>
      </c>
      <c r="N6955" s="46">
        <f t="shared" si="781"/>
        <v>45580.374999983214</v>
      </c>
    </row>
    <row r="6956" spans="2:14" x14ac:dyDescent="0.3">
      <c r="B6956">
        <f t="shared" si="775"/>
        <v>2</v>
      </c>
      <c r="C6956" s="16">
        <v>6922</v>
      </c>
      <c r="D6956" cm="1">
        <f t="array" ref="D6956">IFERROR(INDEX(Jesper!AH$2:AH$366,ROUNDDOWN($C6956/24,0)+1,1)*INDEX($D$3:$AA$30,INDEX(Jesper!$R$2:$R$366,ROW(INDEX(Jesper!AH$2:AH$366,ROUNDDOWN($C6956/24,0)+1,1))-1)+IF('Standard Profiles'!$G$18=$B$10,7,0)+IF('Standard Profiles'!$G$18=$B$17,14,0)+IF('Standard Profiles'!$G$18=$B$24,21,0),MOD($C6956,24)+1)/SUM(INDEX($D$3:$AA$30,INDEX(Jesper!$R$2:$R$366,ROW(INDEX(Jesper!AH$2:AH$366,ROUNDDOWN($C6956/24,0)+1,1))-1)+IF('Standard Profiles'!$G$18=$B$10,7,0)+IF('Standard Profiles'!$G$18=$B$17,14,0)+IF('Standard Profiles'!$G$18=$B$24,21,0),0)),0)</f>
        <v>12.787632268582435</v>
      </c>
      <c r="E6956" cm="1">
        <f t="array" ref="E6956">IFERROR(INDEX(Jesper!AI$2:AI$366,ROUNDDOWN($C6956/24,0)+1,1)*INDEX($D$3:$AA$30,INDEX(Jesper!$R$2:$R$366,ROW(INDEX(Jesper!AI$2:AI$366,ROUNDDOWN($C6956/24,0)+1,1))-1)+IF('Standard Profiles'!$G$19=$B$10,7,0)+IF('Standard Profiles'!$G$19=$B$17,14,0)+IF('Standard Profiles'!$G$19=$B$24,21,0),MOD($C6956,24)+1)/SUM(INDEX($D$3:$AA$30,INDEX(Jesper!$R$2:$R$366,ROW(INDEX(Jesper!AI$2:AI$366,ROUNDDOWN($C6956/24,0)+1,1))-1)+IF('Standard Profiles'!$G$19=$B$10,7,0)+IF('Standard Profiles'!$G$19=$B$17,14,0)+IF('Standard Profiles'!$G$19=$B$24,21,0),0)),0)</f>
        <v>0</v>
      </c>
      <c r="F6956" cm="1">
        <f t="array" ref="F6956">IFERROR(INDEX(Jesper!AJ$2:AJ$366,ROUNDDOWN($C6956/24,0)+1,1)*INDEX($D$3:$AA$30,INDEX(Jesper!$R$2:$R$366,ROW(INDEX(Jesper!AJ$2:AJ$366,ROUNDDOWN($C6956/24,0)+1,1))-1)+IF('Standard Profiles'!$G$20=$B$10,7,0)+IF('Standard Profiles'!$G$20=$B$17,14,0)+IF('Standard Profiles'!$G$20=$B$24,21,0),MOD($C6956,24)+1)/SUM(INDEX($D$3:$AA$30,INDEX(Jesper!$R$2:$R$366,ROW(INDEX(Jesper!AJ$2:AJ$366,ROUNDDOWN($C6956/24,0)+1,1))-1)+IF('Standard Profiles'!$G$20=$B$10,7,0)+IF('Standard Profiles'!$G$20=$B$17,14,0)+IF('Standard Profiles'!$G$20=$B$24,21,0),0)),0)</f>
        <v>0</v>
      </c>
      <c r="G6956" cm="1">
        <f t="array" ref="G6956">IFERROR(INDEX(Jesper!AK$2:AK$366,ROUNDDOWN($C6956/24,0)+1,1)*INDEX($D$3:$AA$30,INDEX(Jesper!$R$2:$R$366,ROW(INDEX(Jesper!AK$2:AK$366,ROUNDDOWN($C6956/24,0)+1,1))-1)+IF('Standard Profiles'!$G$21=$B$10,7,0)+IF('Standard Profiles'!$G$21=$B$17,14,0)+IF('Standard Profiles'!$G$21=$B$24,21,0),MOD($C6956,24)+1)/SUM(INDEX($D$3:$AA$30,INDEX(Jesper!$R$2:$R$366,ROW(INDEX(Jesper!AK$2:AK$366,ROUNDDOWN($C6956/24,0)+1,1))-1)+IF('Standard Profiles'!$G$21=$B$10,7,0)+IF('Standard Profiles'!$G$21=$B$17,14,0)+IF('Standard Profiles'!$G$21=$B$24,21,0),0)),0)</f>
        <v>0</v>
      </c>
      <c r="H6956" cm="1">
        <f t="array" ref="H6956">IFERROR(INDEX(Jesper!AL$2:AL$366,ROUNDDOWN($C6956/24,0)+1,1)*INDEX($D$3:$AA$30,INDEX(Jesper!$R$2:$R$366,ROW(INDEX(Jesper!AL$2:AL$366,ROUNDDOWN($C6956/24,0)+1,1))-1)+IF('Standard Profiles'!$G$22=$B$10,7,0)+IF('Standard Profiles'!$G$22=$B$17,14,0)+IF('Standard Profiles'!$G$22=$B$24,21,0),MOD($C6956,24)+1)/SUM(INDEX($D$3:$AA$30,INDEX(Jesper!$R$2:$R$366,ROW(INDEX(Jesper!AL$2:AL$366,ROUNDDOWN($C6956/24,0)+1,1))-1)+IF('Standard Profiles'!$G$22=$B$10,7,0)+IF('Standard Profiles'!$G$22=$B$17,14,0)+IF('Standard Profiles'!$G$22=$B$24,21,0),0)),0)</f>
        <v>0</v>
      </c>
      <c r="I6956">
        <f t="shared" si="776"/>
        <v>0.38362896805747304</v>
      </c>
      <c r="J6956">
        <f t="shared" si="777"/>
        <v>1.2787632268582436</v>
      </c>
      <c r="K6956">
        <f t="shared" si="778"/>
        <v>1.9181448402873651</v>
      </c>
      <c r="L6956">
        <f t="shared" si="779"/>
        <v>9.2070952333793521</v>
      </c>
      <c r="M6956">
        <f t="shared" si="780"/>
        <v>0</v>
      </c>
      <c r="N6956" s="46">
        <f t="shared" si="781"/>
        <v>45580.416666649879</v>
      </c>
    </row>
    <row r="6957" spans="2:14" x14ac:dyDescent="0.3">
      <c r="B6957">
        <f t="shared" si="775"/>
        <v>2</v>
      </c>
      <c r="C6957" s="16">
        <v>6923</v>
      </c>
      <c r="D6957" cm="1">
        <f t="array" ref="D6957">IFERROR(INDEX(Jesper!AH$2:AH$366,ROUNDDOWN($C6957/24,0)+1,1)*INDEX($D$3:$AA$30,INDEX(Jesper!$R$2:$R$366,ROW(INDEX(Jesper!AH$2:AH$366,ROUNDDOWN($C6957/24,0)+1,1))-1)+IF('Standard Profiles'!$G$18=$B$10,7,0)+IF('Standard Profiles'!$G$18=$B$17,14,0)+IF('Standard Profiles'!$G$18=$B$24,21,0),MOD($C6957,24)+1)/SUM(INDEX($D$3:$AA$30,INDEX(Jesper!$R$2:$R$366,ROW(INDEX(Jesper!AH$2:AH$366,ROUNDDOWN($C6957/24,0)+1,1))-1)+IF('Standard Profiles'!$G$18=$B$10,7,0)+IF('Standard Profiles'!$G$18=$B$17,14,0)+IF('Standard Profiles'!$G$18=$B$24,21,0),0)),0)</f>
        <v>15.044273257155808</v>
      </c>
      <c r="E6957" cm="1">
        <f t="array" ref="E6957">IFERROR(INDEX(Jesper!AI$2:AI$366,ROUNDDOWN($C6957/24,0)+1,1)*INDEX($D$3:$AA$30,INDEX(Jesper!$R$2:$R$366,ROW(INDEX(Jesper!AI$2:AI$366,ROUNDDOWN($C6957/24,0)+1,1))-1)+IF('Standard Profiles'!$G$19=$B$10,7,0)+IF('Standard Profiles'!$G$19=$B$17,14,0)+IF('Standard Profiles'!$G$19=$B$24,21,0),MOD($C6957,24)+1)/SUM(INDEX($D$3:$AA$30,INDEX(Jesper!$R$2:$R$366,ROW(INDEX(Jesper!AI$2:AI$366,ROUNDDOWN($C6957/24,0)+1,1))-1)+IF('Standard Profiles'!$G$19=$B$10,7,0)+IF('Standard Profiles'!$G$19=$B$17,14,0)+IF('Standard Profiles'!$G$19=$B$24,21,0),0)),0)</f>
        <v>0</v>
      </c>
      <c r="F6957" cm="1">
        <f t="array" ref="F6957">IFERROR(INDEX(Jesper!AJ$2:AJ$366,ROUNDDOWN($C6957/24,0)+1,1)*INDEX($D$3:$AA$30,INDEX(Jesper!$R$2:$R$366,ROW(INDEX(Jesper!AJ$2:AJ$366,ROUNDDOWN($C6957/24,0)+1,1))-1)+IF('Standard Profiles'!$G$20=$B$10,7,0)+IF('Standard Profiles'!$G$20=$B$17,14,0)+IF('Standard Profiles'!$G$20=$B$24,21,0),MOD($C6957,24)+1)/SUM(INDEX($D$3:$AA$30,INDEX(Jesper!$R$2:$R$366,ROW(INDEX(Jesper!AJ$2:AJ$366,ROUNDDOWN($C6957/24,0)+1,1))-1)+IF('Standard Profiles'!$G$20=$B$10,7,0)+IF('Standard Profiles'!$G$20=$B$17,14,0)+IF('Standard Profiles'!$G$20=$B$24,21,0),0)),0)</f>
        <v>0</v>
      </c>
      <c r="G6957" cm="1">
        <f t="array" ref="G6957">IFERROR(INDEX(Jesper!AK$2:AK$366,ROUNDDOWN($C6957/24,0)+1,1)*INDEX($D$3:$AA$30,INDEX(Jesper!$R$2:$R$366,ROW(INDEX(Jesper!AK$2:AK$366,ROUNDDOWN($C6957/24,0)+1,1))-1)+IF('Standard Profiles'!$G$21=$B$10,7,0)+IF('Standard Profiles'!$G$21=$B$17,14,0)+IF('Standard Profiles'!$G$21=$B$24,21,0),MOD($C6957,24)+1)/SUM(INDEX($D$3:$AA$30,INDEX(Jesper!$R$2:$R$366,ROW(INDEX(Jesper!AK$2:AK$366,ROUNDDOWN($C6957/24,0)+1,1))-1)+IF('Standard Profiles'!$G$21=$B$10,7,0)+IF('Standard Profiles'!$G$21=$B$17,14,0)+IF('Standard Profiles'!$G$21=$B$24,21,0),0)),0)</f>
        <v>0</v>
      </c>
      <c r="H6957" cm="1">
        <f t="array" ref="H6957">IFERROR(INDEX(Jesper!AL$2:AL$366,ROUNDDOWN($C6957/24,0)+1,1)*INDEX($D$3:$AA$30,INDEX(Jesper!$R$2:$R$366,ROW(INDEX(Jesper!AL$2:AL$366,ROUNDDOWN($C6957/24,0)+1,1))-1)+IF('Standard Profiles'!$G$22=$B$10,7,0)+IF('Standard Profiles'!$G$22=$B$17,14,0)+IF('Standard Profiles'!$G$22=$B$24,21,0),MOD($C6957,24)+1)/SUM(INDEX($D$3:$AA$30,INDEX(Jesper!$R$2:$R$366,ROW(INDEX(Jesper!AL$2:AL$366,ROUNDDOWN($C6957/24,0)+1,1))-1)+IF('Standard Profiles'!$G$22=$B$10,7,0)+IF('Standard Profiles'!$G$22=$B$17,14,0)+IF('Standard Profiles'!$G$22=$B$24,21,0),0)),0)</f>
        <v>0</v>
      </c>
      <c r="I6957">
        <f t="shared" si="776"/>
        <v>0.45132819771467425</v>
      </c>
      <c r="J6957">
        <f t="shared" si="777"/>
        <v>1.5044273257155809</v>
      </c>
      <c r="K6957">
        <f t="shared" si="778"/>
        <v>2.2566409885733711</v>
      </c>
      <c r="L6957">
        <f t="shared" si="779"/>
        <v>10.831876745152181</v>
      </c>
      <c r="M6957">
        <f t="shared" si="780"/>
        <v>0</v>
      </c>
      <c r="N6957" s="46">
        <f t="shared" si="781"/>
        <v>45580.458333316543</v>
      </c>
    </row>
    <row r="6958" spans="2:14" x14ac:dyDescent="0.3">
      <c r="B6958">
        <f t="shared" si="775"/>
        <v>2</v>
      </c>
      <c r="C6958" s="16">
        <v>6924</v>
      </c>
      <c r="D6958" cm="1">
        <f t="array" ref="D6958">IFERROR(INDEX(Jesper!AH$2:AH$366,ROUNDDOWN($C6958/24,0)+1,1)*INDEX($D$3:$AA$30,INDEX(Jesper!$R$2:$R$366,ROW(INDEX(Jesper!AH$2:AH$366,ROUNDDOWN($C6958/24,0)+1,1))-1)+IF('Standard Profiles'!$G$18=$B$10,7,0)+IF('Standard Profiles'!$G$18=$B$17,14,0)+IF('Standard Profiles'!$G$18=$B$24,21,0),MOD($C6958,24)+1)/SUM(INDEX($D$3:$AA$30,INDEX(Jesper!$R$2:$R$366,ROW(INDEX(Jesper!AH$2:AH$366,ROUNDDOWN($C6958/24,0)+1,1))-1)+IF('Standard Profiles'!$G$18=$B$10,7,0)+IF('Standard Profiles'!$G$18=$B$17,14,0)+IF('Standard Profiles'!$G$18=$B$24,21,0),0)),0)</f>
        <v>15.044273257155808</v>
      </c>
      <c r="E6958" cm="1">
        <f t="array" ref="E6958">IFERROR(INDEX(Jesper!AI$2:AI$366,ROUNDDOWN($C6958/24,0)+1,1)*INDEX($D$3:$AA$30,INDEX(Jesper!$R$2:$R$366,ROW(INDEX(Jesper!AI$2:AI$366,ROUNDDOWN($C6958/24,0)+1,1))-1)+IF('Standard Profiles'!$G$19=$B$10,7,0)+IF('Standard Profiles'!$G$19=$B$17,14,0)+IF('Standard Profiles'!$G$19=$B$24,21,0),MOD($C6958,24)+1)/SUM(INDEX($D$3:$AA$30,INDEX(Jesper!$R$2:$R$366,ROW(INDEX(Jesper!AI$2:AI$366,ROUNDDOWN($C6958/24,0)+1,1))-1)+IF('Standard Profiles'!$G$19=$B$10,7,0)+IF('Standard Profiles'!$G$19=$B$17,14,0)+IF('Standard Profiles'!$G$19=$B$24,21,0),0)),0)</f>
        <v>0</v>
      </c>
      <c r="F6958" cm="1">
        <f t="array" ref="F6958">IFERROR(INDEX(Jesper!AJ$2:AJ$366,ROUNDDOWN($C6958/24,0)+1,1)*INDEX($D$3:$AA$30,INDEX(Jesper!$R$2:$R$366,ROW(INDEX(Jesper!AJ$2:AJ$366,ROUNDDOWN($C6958/24,0)+1,1))-1)+IF('Standard Profiles'!$G$20=$B$10,7,0)+IF('Standard Profiles'!$G$20=$B$17,14,0)+IF('Standard Profiles'!$G$20=$B$24,21,0),MOD($C6958,24)+1)/SUM(INDEX($D$3:$AA$30,INDEX(Jesper!$R$2:$R$366,ROW(INDEX(Jesper!AJ$2:AJ$366,ROUNDDOWN($C6958/24,0)+1,1))-1)+IF('Standard Profiles'!$G$20=$B$10,7,0)+IF('Standard Profiles'!$G$20=$B$17,14,0)+IF('Standard Profiles'!$G$20=$B$24,21,0),0)),0)</f>
        <v>0</v>
      </c>
      <c r="G6958" cm="1">
        <f t="array" ref="G6958">IFERROR(INDEX(Jesper!AK$2:AK$366,ROUNDDOWN($C6958/24,0)+1,1)*INDEX($D$3:$AA$30,INDEX(Jesper!$R$2:$R$366,ROW(INDEX(Jesper!AK$2:AK$366,ROUNDDOWN($C6958/24,0)+1,1))-1)+IF('Standard Profiles'!$G$21=$B$10,7,0)+IF('Standard Profiles'!$G$21=$B$17,14,0)+IF('Standard Profiles'!$G$21=$B$24,21,0),MOD($C6958,24)+1)/SUM(INDEX($D$3:$AA$30,INDEX(Jesper!$R$2:$R$366,ROW(INDEX(Jesper!AK$2:AK$366,ROUNDDOWN($C6958/24,0)+1,1))-1)+IF('Standard Profiles'!$G$21=$B$10,7,0)+IF('Standard Profiles'!$G$21=$B$17,14,0)+IF('Standard Profiles'!$G$21=$B$24,21,0),0)),0)</f>
        <v>0</v>
      </c>
      <c r="H6958" cm="1">
        <f t="array" ref="H6958">IFERROR(INDEX(Jesper!AL$2:AL$366,ROUNDDOWN($C6958/24,0)+1,1)*INDEX($D$3:$AA$30,INDEX(Jesper!$R$2:$R$366,ROW(INDEX(Jesper!AL$2:AL$366,ROUNDDOWN($C6958/24,0)+1,1))-1)+IF('Standard Profiles'!$G$22=$B$10,7,0)+IF('Standard Profiles'!$G$22=$B$17,14,0)+IF('Standard Profiles'!$G$22=$B$24,21,0),MOD($C6958,24)+1)/SUM(INDEX($D$3:$AA$30,INDEX(Jesper!$R$2:$R$366,ROW(INDEX(Jesper!AL$2:AL$366,ROUNDDOWN($C6958/24,0)+1,1))-1)+IF('Standard Profiles'!$G$22=$B$10,7,0)+IF('Standard Profiles'!$G$22=$B$17,14,0)+IF('Standard Profiles'!$G$22=$B$24,21,0),0)),0)</f>
        <v>0</v>
      </c>
      <c r="I6958">
        <f t="shared" si="776"/>
        <v>0.45132819771467425</v>
      </c>
      <c r="J6958">
        <f t="shared" si="777"/>
        <v>1.5044273257155809</v>
      </c>
      <c r="K6958">
        <f t="shared" si="778"/>
        <v>2.2566409885733711</v>
      </c>
      <c r="L6958">
        <f t="shared" si="779"/>
        <v>10.831876745152181</v>
      </c>
      <c r="M6958">
        <f t="shared" si="780"/>
        <v>0</v>
      </c>
      <c r="N6958" s="46">
        <f t="shared" si="781"/>
        <v>45580.499999983207</v>
      </c>
    </row>
    <row r="6959" spans="2:14" x14ac:dyDescent="0.3">
      <c r="B6959">
        <f t="shared" si="775"/>
        <v>2</v>
      </c>
      <c r="C6959" s="16">
        <v>6925</v>
      </c>
      <c r="D6959" cm="1">
        <f t="array" ref="D6959">IFERROR(INDEX(Jesper!AH$2:AH$366,ROUNDDOWN($C6959/24,0)+1,1)*INDEX($D$3:$AA$30,INDEX(Jesper!$R$2:$R$366,ROW(INDEX(Jesper!AH$2:AH$366,ROUNDDOWN($C6959/24,0)+1,1))-1)+IF('Standard Profiles'!$G$18=$B$10,7,0)+IF('Standard Profiles'!$G$18=$B$17,14,0)+IF('Standard Profiles'!$G$18=$B$24,21,0),MOD($C6959,24)+1)/SUM(INDEX($D$3:$AA$30,INDEX(Jesper!$R$2:$R$366,ROW(INDEX(Jesper!AH$2:AH$366,ROUNDDOWN($C6959/24,0)+1,1))-1)+IF('Standard Profiles'!$G$18=$B$10,7,0)+IF('Standard Profiles'!$G$18=$B$17,14,0)+IF('Standard Profiles'!$G$18=$B$24,21,0),0)),0)</f>
        <v>15.044273257155808</v>
      </c>
      <c r="E6959" cm="1">
        <f t="array" ref="E6959">IFERROR(INDEX(Jesper!AI$2:AI$366,ROUNDDOWN($C6959/24,0)+1,1)*INDEX($D$3:$AA$30,INDEX(Jesper!$R$2:$R$366,ROW(INDEX(Jesper!AI$2:AI$366,ROUNDDOWN($C6959/24,0)+1,1))-1)+IF('Standard Profiles'!$G$19=$B$10,7,0)+IF('Standard Profiles'!$G$19=$B$17,14,0)+IF('Standard Profiles'!$G$19=$B$24,21,0),MOD($C6959,24)+1)/SUM(INDEX($D$3:$AA$30,INDEX(Jesper!$R$2:$R$366,ROW(INDEX(Jesper!AI$2:AI$366,ROUNDDOWN($C6959/24,0)+1,1))-1)+IF('Standard Profiles'!$G$19=$B$10,7,0)+IF('Standard Profiles'!$G$19=$B$17,14,0)+IF('Standard Profiles'!$G$19=$B$24,21,0),0)),0)</f>
        <v>0</v>
      </c>
      <c r="F6959" cm="1">
        <f t="array" ref="F6959">IFERROR(INDEX(Jesper!AJ$2:AJ$366,ROUNDDOWN($C6959/24,0)+1,1)*INDEX($D$3:$AA$30,INDEX(Jesper!$R$2:$R$366,ROW(INDEX(Jesper!AJ$2:AJ$366,ROUNDDOWN($C6959/24,0)+1,1))-1)+IF('Standard Profiles'!$G$20=$B$10,7,0)+IF('Standard Profiles'!$G$20=$B$17,14,0)+IF('Standard Profiles'!$G$20=$B$24,21,0),MOD($C6959,24)+1)/SUM(INDEX($D$3:$AA$30,INDEX(Jesper!$R$2:$R$366,ROW(INDEX(Jesper!AJ$2:AJ$366,ROUNDDOWN($C6959/24,0)+1,1))-1)+IF('Standard Profiles'!$G$20=$B$10,7,0)+IF('Standard Profiles'!$G$20=$B$17,14,0)+IF('Standard Profiles'!$G$20=$B$24,21,0),0)),0)</f>
        <v>0</v>
      </c>
      <c r="G6959" cm="1">
        <f t="array" ref="G6959">IFERROR(INDEX(Jesper!AK$2:AK$366,ROUNDDOWN($C6959/24,0)+1,1)*INDEX($D$3:$AA$30,INDEX(Jesper!$R$2:$R$366,ROW(INDEX(Jesper!AK$2:AK$366,ROUNDDOWN($C6959/24,0)+1,1))-1)+IF('Standard Profiles'!$G$21=$B$10,7,0)+IF('Standard Profiles'!$G$21=$B$17,14,0)+IF('Standard Profiles'!$G$21=$B$24,21,0),MOD($C6959,24)+1)/SUM(INDEX($D$3:$AA$30,INDEX(Jesper!$R$2:$R$366,ROW(INDEX(Jesper!AK$2:AK$366,ROUNDDOWN($C6959/24,0)+1,1))-1)+IF('Standard Profiles'!$G$21=$B$10,7,0)+IF('Standard Profiles'!$G$21=$B$17,14,0)+IF('Standard Profiles'!$G$21=$B$24,21,0),0)),0)</f>
        <v>0</v>
      </c>
      <c r="H6959" cm="1">
        <f t="array" ref="H6959">IFERROR(INDEX(Jesper!AL$2:AL$366,ROUNDDOWN($C6959/24,0)+1,1)*INDEX($D$3:$AA$30,INDEX(Jesper!$R$2:$R$366,ROW(INDEX(Jesper!AL$2:AL$366,ROUNDDOWN($C6959/24,0)+1,1))-1)+IF('Standard Profiles'!$G$22=$B$10,7,0)+IF('Standard Profiles'!$G$22=$B$17,14,0)+IF('Standard Profiles'!$G$22=$B$24,21,0),MOD($C6959,24)+1)/SUM(INDEX($D$3:$AA$30,INDEX(Jesper!$R$2:$R$366,ROW(INDEX(Jesper!AL$2:AL$366,ROUNDDOWN($C6959/24,0)+1,1))-1)+IF('Standard Profiles'!$G$22=$B$10,7,0)+IF('Standard Profiles'!$G$22=$B$17,14,0)+IF('Standard Profiles'!$G$22=$B$24,21,0),0)),0)</f>
        <v>0</v>
      </c>
      <c r="I6959">
        <f t="shared" si="776"/>
        <v>0.45132819771467425</v>
      </c>
      <c r="J6959">
        <f t="shared" si="777"/>
        <v>1.5044273257155809</v>
      </c>
      <c r="K6959">
        <f t="shared" si="778"/>
        <v>2.2566409885733711</v>
      </c>
      <c r="L6959">
        <f t="shared" si="779"/>
        <v>10.831876745152181</v>
      </c>
      <c r="M6959">
        <f t="shared" si="780"/>
        <v>0</v>
      </c>
      <c r="N6959" s="46">
        <f t="shared" si="781"/>
        <v>45580.541666649871</v>
      </c>
    </row>
    <row r="6960" spans="2:14" x14ac:dyDescent="0.3">
      <c r="B6960">
        <f t="shared" si="775"/>
        <v>2</v>
      </c>
      <c r="C6960" s="16">
        <v>6926</v>
      </c>
      <c r="D6960" cm="1">
        <f t="array" ref="D6960">IFERROR(INDEX(Jesper!AH$2:AH$366,ROUNDDOWN($C6960/24,0)+1,1)*INDEX($D$3:$AA$30,INDEX(Jesper!$R$2:$R$366,ROW(INDEX(Jesper!AH$2:AH$366,ROUNDDOWN($C6960/24,0)+1,1))-1)+IF('Standard Profiles'!$G$18=$B$10,7,0)+IF('Standard Profiles'!$G$18=$B$17,14,0)+IF('Standard Profiles'!$G$18=$B$24,21,0),MOD($C6960,24)+1)/SUM(INDEX($D$3:$AA$30,INDEX(Jesper!$R$2:$R$366,ROW(INDEX(Jesper!AH$2:AH$366,ROUNDDOWN($C6960/24,0)+1,1))-1)+IF('Standard Profiles'!$G$18=$B$10,7,0)+IF('Standard Profiles'!$G$18=$B$17,14,0)+IF('Standard Profiles'!$G$18=$B$24,21,0),0)),0)</f>
        <v>15.044273257155808</v>
      </c>
      <c r="E6960" cm="1">
        <f t="array" ref="E6960">IFERROR(INDEX(Jesper!AI$2:AI$366,ROUNDDOWN($C6960/24,0)+1,1)*INDEX($D$3:$AA$30,INDEX(Jesper!$R$2:$R$366,ROW(INDEX(Jesper!AI$2:AI$366,ROUNDDOWN($C6960/24,0)+1,1))-1)+IF('Standard Profiles'!$G$19=$B$10,7,0)+IF('Standard Profiles'!$G$19=$B$17,14,0)+IF('Standard Profiles'!$G$19=$B$24,21,0),MOD($C6960,24)+1)/SUM(INDEX($D$3:$AA$30,INDEX(Jesper!$R$2:$R$366,ROW(INDEX(Jesper!AI$2:AI$366,ROUNDDOWN($C6960/24,0)+1,1))-1)+IF('Standard Profiles'!$G$19=$B$10,7,0)+IF('Standard Profiles'!$G$19=$B$17,14,0)+IF('Standard Profiles'!$G$19=$B$24,21,0),0)),0)</f>
        <v>0</v>
      </c>
      <c r="F6960" cm="1">
        <f t="array" ref="F6960">IFERROR(INDEX(Jesper!AJ$2:AJ$366,ROUNDDOWN($C6960/24,0)+1,1)*INDEX($D$3:$AA$30,INDEX(Jesper!$R$2:$R$366,ROW(INDEX(Jesper!AJ$2:AJ$366,ROUNDDOWN($C6960/24,0)+1,1))-1)+IF('Standard Profiles'!$G$20=$B$10,7,0)+IF('Standard Profiles'!$G$20=$B$17,14,0)+IF('Standard Profiles'!$G$20=$B$24,21,0),MOD($C6960,24)+1)/SUM(INDEX($D$3:$AA$30,INDEX(Jesper!$R$2:$R$366,ROW(INDEX(Jesper!AJ$2:AJ$366,ROUNDDOWN($C6960/24,0)+1,1))-1)+IF('Standard Profiles'!$G$20=$B$10,7,0)+IF('Standard Profiles'!$G$20=$B$17,14,0)+IF('Standard Profiles'!$G$20=$B$24,21,0),0)),0)</f>
        <v>0</v>
      </c>
      <c r="G6960" cm="1">
        <f t="array" ref="G6960">IFERROR(INDEX(Jesper!AK$2:AK$366,ROUNDDOWN($C6960/24,0)+1,1)*INDEX($D$3:$AA$30,INDEX(Jesper!$R$2:$R$366,ROW(INDEX(Jesper!AK$2:AK$366,ROUNDDOWN($C6960/24,0)+1,1))-1)+IF('Standard Profiles'!$G$21=$B$10,7,0)+IF('Standard Profiles'!$G$21=$B$17,14,0)+IF('Standard Profiles'!$G$21=$B$24,21,0),MOD($C6960,24)+1)/SUM(INDEX($D$3:$AA$30,INDEX(Jesper!$R$2:$R$366,ROW(INDEX(Jesper!AK$2:AK$366,ROUNDDOWN($C6960/24,0)+1,1))-1)+IF('Standard Profiles'!$G$21=$B$10,7,0)+IF('Standard Profiles'!$G$21=$B$17,14,0)+IF('Standard Profiles'!$G$21=$B$24,21,0),0)),0)</f>
        <v>0</v>
      </c>
      <c r="H6960" cm="1">
        <f t="array" ref="H6960">IFERROR(INDEX(Jesper!AL$2:AL$366,ROUNDDOWN($C6960/24,0)+1,1)*INDEX($D$3:$AA$30,INDEX(Jesper!$R$2:$R$366,ROW(INDEX(Jesper!AL$2:AL$366,ROUNDDOWN($C6960/24,0)+1,1))-1)+IF('Standard Profiles'!$G$22=$B$10,7,0)+IF('Standard Profiles'!$G$22=$B$17,14,0)+IF('Standard Profiles'!$G$22=$B$24,21,0),MOD($C6960,24)+1)/SUM(INDEX($D$3:$AA$30,INDEX(Jesper!$R$2:$R$366,ROW(INDEX(Jesper!AL$2:AL$366,ROUNDDOWN($C6960/24,0)+1,1))-1)+IF('Standard Profiles'!$G$22=$B$10,7,0)+IF('Standard Profiles'!$G$22=$B$17,14,0)+IF('Standard Profiles'!$G$22=$B$24,21,0),0)),0)</f>
        <v>0</v>
      </c>
      <c r="I6960">
        <f t="shared" si="776"/>
        <v>0.45132819771467425</v>
      </c>
      <c r="J6960">
        <f t="shared" si="777"/>
        <v>1.5044273257155809</v>
      </c>
      <c r="K6960">
        <f t="shared" si="778"/>
        <v>2.2566409885733711</v>
      </c>
      <c r="L6960">
        <f t="shared" si="779"/>
        <v>10.831876745152181</v>
      </c>
      <c r="M6960">
        <f t="shared" si="780"/>
        <v>0</v>
      </c>
      <c r="N6960" s="46">
        <f t="shared" si="781"/>
        <v>45580.583333316536</v>
      </c>
    </row>
    <row r="6961" spans="2:14" x14ac:dyDescent="0.3">
      <c r="B6961">
        <f t="shared" si="775"/>
        <v>2</v>
      </c>
      <c r="C6961" s="16">
        <v>6927</v>
      </c>
      <c r="D6961" cm="1">
        <f t="array" ref="D6961">IFERROR(INDEX(Jesper!AH$2:AH$366,ROUNDDOWN($C6961/24,0)+1,1)*INDEX($D$3:$AA$30,INDEX(Jesper!$R$2:$R$366,ROW(INDEX(Jesper!AH$2:AH$366,ROUNDDOWN($C6961/24,0)+1,1))-1)+IF('Standard Profiles'!$G$18=$B$10,7,0)+IF('Standard Profiles'!$G$18=$B$17,14,0)+IF('Standard Profiles'!$G$18=$B$24,21,0),MOD($C6961,24)+1)/SUM(INDEX($D$3:$AA$30,INDEX(Jesper!$R$2:$R$366,ROW(INDEX(Jesper!AH$2:AH$366,ROUNDDOWN($C6961/24,0)+1,1))-1)+IF('Standard Profiles'!$G$18=$B$10,7,0)+IF('Standard Profiles'!$G$18=$B$17,14,0)+IF('Standard Profiles'!$G$18=$B$24,21,0),0)),0)</f>
        <v>15.044273257155808</v>
      </c>
      <c r="E6961" cm="1">
        <f t="array" ref="E6961">IFERROR(INDEX(Jesper!AI$2:AI$366,ROUNDDOWN($C6961/24,0)+1,1)*INDEX($D$3:$AA$30,INDEX(Jesper!$R$2:$R$366,ROW(INDEX(Jesper!AI$2:AI$366,ROUNDDOWN($C6961/24,0)+1,1))-1)+IF('Standard Profiles'!$G$19=$B$10,7,0)+IF('Standard Profiles'!$G$19=$B$17,14,0)+IF('Standard Profiles'!$G$19=$B$24,21,0),MOD($C6961,24)+1)/SUM(INDEX($D$3:$AA$30,INDEX(Jesper!$R$2:$R$366,ROW(INDEX(Jesper!AI$2:AI$366,ROUNDDOWN($C6961/24,0)+1,1))-1)+IF('Standard Profiles'!$G$19=$B$10,7,0)+IF('Standard Profiles'!$G$19=$B$17,14,0)+IF('Standard Profiles'!$G$19=$B$24,21,0),0)),0)</f>
        <v>0</v>
      </c>
      <c r="F6961" cm="1">
        <f t="array" ref="F6961">IFERROR(INDEX(Jesper!AJ$2:AJ$366,ROUNDDOWN($C6961/24,0)+1,1)*INDEX($D$3:$AA$30,INDEX(Jesper!$R$2:$R$366,ROW(INDEX(Jesper!AJ$2:AJ$366,ROUNDDOWN($C6961/24,0)+1,1))-1)+IF('Standard Profiles'!$G$20=$B$10,7,0)+IF('Standard Profiles'!$G$20=$B$17,14,0)+IF('Standard Profiles'!$G$20=$B$24,21,0),MOD($C6961,24)+1)/SUM(INDEX($D$3:$AA$30,INDEX(Jesper!$R$2:$R$366,ROW(INDEX(Jesper!AJ$2:AJ$366,ROUNDDOWN($C6961/24,0)+1,1))-1)+IF('Standard Profiles'!$G$20=$B$10,7,0)+IF('Standard Profiles'!$G$20=$B$17,14,0)+IF('Standard Profiles'!$G$20=$B$24,21,0),0)),0)</f>
        <v>0</v>
      </c>
      <c r="G6961" cm="1">
        <f t="array" ref="G6961">IFERROR(INDEX(Jesper!AK$2:AK$366,ROUNDDOWN($C6961/24,0)+1,1)*INDEX($D$3:$AA$30,INDEX(Jesper!$R$2:$R$366,ROW(INDEX(Jesper!AK$2:AK$366,ROUNDDOWN($C6961/24,0)+1,1))-1)+IF('Standard Profiles'!$G$21=$B$10,7,0)+IF('Standard Profiles'!$G$21=$B$17,14,0)+IF('Standard Profiles'!$G$21=$B$24,21,0),MOD($C6961,24)+1)/SUM(INDEX($D$3:$AA$30,INDEX(Jesper!$R$2:$R$366,ROW(INDEX(Jesper!AK$2:AK$366,ROUNDDOWN($C6961/24,0)+1,1))-1)+IF('Standard Profiles'!$G$21=$B$10,7,0)+IF('Standard Profiles'!$G$21=$B$17,14,0)+IF('Standard Profiles'!$G$21=$B$24,21,0),0)),0)</f>
        <v>0</v>
      </c>
      <c r="H6961" cm="1">
        <f t="array" ref="H6961">IFERROR(INDEX(Jesper!AL$2:AL$366,ROUNDDOWN($C6961/24,0)+1,1)*INDEX($D$3:$AA$30,INDEX(Jesper!$R$2:$R$366,ROW(INDEX(Jesper!AL$2:AL$366,ROUNDDOWN($C6961/24,0)+1,1))-1)+IF('Standard Profiles'!$G$22=$B$10,7,0)+IF('Standard Profiles'!$G$22=$B$17,14,0)+IF('Standard Profiles'!$G$22=$B$24,21,0),MOD($C6961,24)+1)/SUM(INDEX($D$3:$AA$30,INDEX(Jesper!$R$2:$R$366,ROW(INDEX(Jesper!AL$2:AL$366,ROUNDDOWN($C6961/24,0)+1,1))-1)+IF('Standard Profiles'!$G$22=$B$10,7,0)+IF('Standard Profiles'!$G$22=$B$17,14,0)+IF('Standard Profiles'!$G$22=$B$24,21,0),0)),0)</f>
        <v>0</v>
      </c>
      <c r="I6961">
        <f t="shared" si="776"/>
        <v>0.45132819771467425</v>
      </c>
      <c r="J6961">
        <f t="shared" si="777"/>
        <v>1.5044273257155809</v>
      </c>
      <c r="K6961">
        <f t="shared" si="778"/>
        <v>2.2566409885733711</v>
      </c>
      <c r="L6961">
        <f t="shared" si="779"/>
        <v>10.831876745152181</v>
      </c>
      <c r="M6961">
        <f t="shared" si="780"/>
        <v>0</v>
      </c>
      <c r="N6961" s="46">
        <f t="shared" si="781"/>
        <v>45580.6249999832</v>
      </c>
    </row>
    <row r="6962" spans="2:14" x14ac:dyDescent="0.3">
      <c r="B6962">
        <f t="shared" si="775"/>
        <v>2</v>
      </c>
      <c r="C6962" s="16">
        <v>6928</v>
      </c>
      <c r="D6962" cm="1">
        <f t="array" ref="D6962">IFERROR(INDEX(Jesper!AH$2:AH$366,ROUNDDOWN($C6962/24,0)+1,1)*INDEX($D$3:$AA$30,INDEX(Jesper!$R$2:$R$366,ROW(INDEX(Jesper!AH$2:AH$366,ROUNDDOWN($C6962/24,0)+1,1))-1)+IF('Standard Profiles'!$G$18=$B$10,7,0)+IF('Standard Profiles'!$G$18=$B$17,14,0)+IF('Standard Profiles'!$G$18=$B$24,21,0),MOD($C6962,24)+1)/SUM(INDEX($D$3:$AA$30,INDEX(Jesper!$R$2:$R$366,ROW(INDEX(Jesper!AH$2:AH$366,ROUNDDOWN($C6962/24,0)+1,1))-1)+IF('Standard Profiles'!$G$18=$B$10,7,0)+IF('Standard Profiles'!$G$18=$B$17,14,0)+IF('Standard Profiles'!$G$18=$B$24,21,0),0)),0)</f>
        <v>15.044273257155808</v>
      </c>
      <c r="E6962" cm="1">
        <f t="array" ref="E6962">IFERROR(INDEX(Jesper!AI$2:AI$366,ROUNDDOWN($C6962/24,0)+1,1)*INDEX($D$3:$AA$30,INDEX(Jesper!$R$2:$R$366,ROW(INDEX(Jesper!AI$2:AI$366,ROUNDDOWN($C6962/24,0)+1,1))-1)+IF('Standard Profiles'!$G$19=$B$10,7,0)+IF('Standard Profiles'!$G$19=$B$17,14,0)+IF('Standard Profiles'!$G$19=$B$24,21,0),MOD($C6962,24)+1)/SUM(INDEX($D$3:$AA$30,INDEX(Jesper!$R$2:$R$366,ROW(INDEX(Jesper!AI$2:AI$366,ROUNDDOWN($C6962/24,0)+1,1))-1)+IF('Standard Profiles'!$G$19=$B$10,7,0)+IF('Standard Profiles'!$G$19=$B$17,14,0)+IF('Standard Profiles'!$G$19=$B$24,21,0),0)),0)</f>
        <v>0</v>
      </c>
      <c r="F6962" cm="1">
        <f t="array" ref="F6962">IFERROR(INDEX(Jesper!AJ$2:AJ$366,ROUNDDOWN($C6962/24,0)+1,1)*INDEX($D$3:$AA$30,INDEX(Jesper!$R$2:$R$366,ROW(INDEX(Jesper!AJ$2:AJ$366,ROUNDDOWN($C6962/24,0)+1,1))-1)+IF('Standard Profiles'!$G$20=$B$10,7,0)+IF('Standard Profiles'!$G$20=$B$17,14,0)+IF('Standard Profiles'!$G$20=$B$24,21,0),MOD($C6962,24)+1)/SUM(INDEX($D$3:$AA$30,INDEX(Jesper!$R$2:$R$366,ROW(INDEX(Jesper!AJ$2:AJ$366,ROUNDDOWN($C6962/24,0)+1,1))-1)+IF('Standard Profiles'!$G$20=$B$10,7,0)+IF('Standard Profiles'!$G$20=$B$17,14,0)+IF('Standard Profiles'!$G$20=$B$24,21,0),0)),0)</f>
        <v>0</v>
      </c>
      <c r="G6962" cm="1">
        <f t="array" ref="G6962">IFERROR(INDEX(Jesper!AK$2:AK$366,ROUNDDOWN($C6962/24,0)+1,1)*INDEX($D$3:$AA$30,INDEX(Jesper!$R$2:$R$366,ROW(INDEX(Jesper!AK$2:AK$366,ROUNDDOWN($C6962/24,0)+1,1))-1)+IF('Standard Profiles'!$G$21=$B$10,7,0)+IF('Standard Profiles'!$G$21=$B$17,14,0)+IF('Standard Profiles'!$G$21=$B$24,21,0),MOD($C6962,24)+1)/SUM(INDEX($D$3:$AA$30,INDEX(Jesper!$R$2:$R$366,ROW(INDEX(Jesper!AK$2:AK$366,ROUNDDOWN($C6962/24,0)+1,1))-1)+IF('Standard Profiles'!$G$21=$B$10,7,0)+IF('Standard Profiles'!$G$21=$B$17,14,0)+IF('Standard Profiles'!$G$21=$B$24,21,0),0)),0)</f>
        <v>0</v>
      </c>
      <c r="H6962" cm="1">
        <f t="array" ref="H6962">IFERROR(INDEX(Jesper!AL$2:AL$366,ROUNDDOWN($C6962/24,0)+1,1)*INDEX($D$3:$AA$30,INDEX(Jesper!$R$2:$R$366,ROW(INDEX(Jesper!AL$2:AL$366,ROUNDDOWN($C6962/24,0)+1,1))-1)+IF('Standard Profiles'!$G$22=$B$10,7,0)+IF('Standard Profiles'!$G$22=$B$17,14,0)+IF('Standard Profiles'!$G$22=$B$24,21,0),MOD($C6962,24)+1)/SUM(INDEX($D$3:$AA$30,INDEX(Jesper!$R$2:$R$366,ROW(INDEX(Jesper!AL$2:AL$366,ROUNDDOWN($C6962/24,0)+1,1))-1)+IF('Standard Profiles'!$G$22=$B$10,7,0)+IF('Standard Profiles'!$G$22=$B$17,14,0)+IF('Standard Profiles'!$G$22=$B$24,21,0),0)),0)</f>
        <v>0</v>
      </c>
      <c r="I6962">
        <f t="shared" si="776"/>
        <v>0.45132819771467425</v>
      </c>
      <c r="J6962">
        <f t="shared" si="777"/>
        <v>1.5044273257155809</v>
      </c>
      <c r="K6962">
        <f t="shared" si="778"/>
        <v>2.2566409885733711</v>
      </c>
      <c r="L6962">
        <f t="shared" si="779"/>
        <v>10.831876745152181</v>
      </c>
      <c r="M6962">
        <f t="shared" si="780"/>
        <v>0</v>
      </c>
      <c r="N6962" s="46">
        <f t="shared" si="781"/>
        <v>45580.666666649864</v>
      </c>
    </row>
    <row r="6963" spans="2:14" x14ac:dyDescent="0.3">
      <c r="B6963">
        <f t="shared" si="775"/>
        <v>2</v>
      </c>
      <c r="C6963" s="16">
        <v>6929</v>
      </c>
      <c r="D6963" cm="1">
        <f t="array" ref="D6963">IFERROR(INDEX(Jesper!AH$2:AH$366,ROUNDDOWN($C6963/24,0)+1,1)*INDEX($D$3:$AA$30,INDEX(Jesper!$R$2:$R$366,ROW(INDEX(Jesper!AH$2:AH$366,ROUNDDOWN($C6963/24,0)+1,1))-1)+IF('Standard Profiles'!$G$18=$B$10,7,0)+IF('Standard Profiles'!$G$18=$B$17,14,0)+IF('Standard Profiles'!$G$18=$B$24,21,0),MOD($C6963,24)+1)/SUM(INDEX($D$3:$AA$30,INDEX(Jesper!$R$2:$R$366,ROW(INDEX(Jesper!AH$2:AH$366,ROUNDDOWN($C6963/24,0)+1,1))-1)+IF('Standard Profiles'!$G$18=$B$10,7,0)+IF('Standard Profiles'!$G$18=$B$17,14,0)+IF('Standard Profiles'!$G$18=$B$24,21,0),0)),0)</f>
        <v>15.044273257155808</v>
      </c>
      <c r="E6963" cm="1">
        <f t="array" ref="E6963">IFERROR(INDEX(Jesper!AI$2:AI$366,ROUNDDOWN($C6963/24,0)+1,1)*INDEX($D$3:$AA$30,INDEX(Jesper!$R$2:$R$366,ROW(INDEX(Jesper!AI$2:AI$366,ROUNDDOWN($C6963/24,0)+1,1))-1)+IF('Standard Profiles'!$G$19=$B$10,7,0)+IF('Standard Profiles'!$G$19=$B$17,14,0)+IF('Standard Profiles'!$G$19=$B$24,21,0),MOD($C6963,24)+1)/SUM(INDEX($D$3:$AA$30,INDEX(Jesper!$R$2:$R$366,ROW(INDEX(Jesper!AI$2:AI$366,ROUNDDOWN($C6963/24,0)+1,1))-1)+IF('Standard Profiles'!$G$19=$B$10,7,0)+IF('Standard Profiles'!$G$19=$B$17,14,0)+IF('Standard Profiles'!$G$19=$B$24,21,0),0)),0)</f>
        <v>0</v>
      </c>
      <c r="F6963" cm="1">
        <f t="array" ref="F6963">IFERROR(INDEX(Jesper!AJ$2:AJ$366,ROUNDDOWN($C6963/24,0)+1,1)*INDEX($D$3:$AA$30,INDEX(Jesper!$R$2:$R$366,ROW(INDEX(Jesper!AJ$2:AJ$366,ROUNDDOWN($C6963/24,0)+1,1))-1)+IF('Standard Profiles'!$G$20=$B$10,7,0)+IF('Standard Profiles'!$G$20=$B$17,14,0)+IF('Standard Profiles'!$G$20=$B$24,21,0),MOD($C6963,24)+1)/SUM(INDEX($D$3:$AA$30,INDEX(Jesper!$R$2:$R$366,ROW(INDEX(Jesper!AJ$2:AJ$366,ROUNDDOWN($C6963/24,0)+1,1))-1)+IF('Standard Profiles'!$G$20=$B$10,7,0)+IF('Standard Profiles'!$G$20=$B$17,14,0)+IF('Standard Profiles'!$G$20=$B$24,21,0),0)),0)</f>
        <v>0</v>
      </c>
      <c r="G6963" cm="1">
        <f t="array" ref="G6963">IFERROR(INDEX(Jesper!AK$2:AK$366,ROUNDDOWN($C6963/24,0)+1,1)*INDEX($D$3:$AA$30,INDEX(Jesper!$R$2:$R$366,ROW(INDEX(Jesper!AK$2:AK$366,ROUNDDOWN($C6963/24,0)+1,1))-1)+IF('Standard Profiles'!$G$21=$B$10,7,0)+IF('Standard Profiles'!$G$21=$B$17,14,0)+IF('Standard Profiles'!$G$21=$B$24,21,0),MOD($C6963,24)+1)/SUM(INDEX($D$3:$AA$30,INDEX(Jesper!$R$2:$R$366,ROW(INDEX(Jesper!AK$2:AK$366,ROUNDDOWN($C6963/24,0)+1,1))-1)+IF('Standard Profiles'!$G$21=$B$10,7,0)+IF('Standard Profiles'!$G$21=$B$17,14,0)+IF('Standard Profiles'!$G$21=$B$24,21,0),0)),0)</f>
        <v>0</v>
      </c>
      <c r="H6963" cm="1">
        <f t="array" ref="H6963">IFERROR(INDEX(Jesper!AL$2:AL$366,ROUNDDOWN($C6963/24,0)+1,1)*INDEX($D$3:$AA$30,INDEX(Jesper!$R$2:$R$366,ROW(INDEX(Jesper!AL$2:AL$366,ROUNDDOWN($C6963/24,0)+1,1))-1)+IF('Standard Profiles'!$G$22=$B$10,7,0)+IF('Standard Profiles'!$G$22=$B$17,14,0)+IF('Standard Profiles'!$G$22=$B$24,21,0),MOD($C6963,24)+1)/SUM(INDEX($D$3:$AA$30,INDEX(Jesper!$R$2:$R$366,ROW(INDEX(Jesper!AL$2:AL$366,ROUNDDOWN($C6963/24,0)+1,1))-1)+IF('Standard Profiles'!$G$22=$B$10,7,0)+IF('Standard Profiles'!$G$22=$B$17,14,0)+IF('Standard Profiles'!$G$22=$B$24,21,0),0)),0)</f>
        <v>0</v>
      </c>
      <c r="I6963">
        <f t="shared" si="776"/>
        <v>0.45132819771467425</v>
      </c>
      <c r="J6963">
        <f t="shared" si="777"/>
        <v>1.5044273257155809</v>
      </c>
      <c r="K6963">
        <f t="shared" si="778"/>
        <v>2.2566409885733711</v>
      </c>
      <c r="L6963">
        <f t="shared" si="779"/>
        <v>10.831876745152181</v>
      </c>
      <c r="M6963">
        <f t="shared" si="780"/>
        <v>0</v>
      </c>
      <c r="N6963" s="46">
        <f t="shared" si="781"/>
        <v>45580.708333316528</v>
      </c>
    </row>
    <row r="6964" spans="2:14" x14ac:dyDescent="0.3">
      <c r="B6964">
        <f t="shared" si="775"/>
        <v>2</v>
      </c>
      <c r="C6964" s="16">
        <v>6930</v>
      </c>
      <c r="D6964" cm="1">
        <f t="array" ref="D6964">IFERROR(INDEX(Jesper!AH$2:AH$366,ROUNDDOWN($C6964/24,0)+1,1)*INDEX($D$3:$AA$30,INDEX(Jesper!$R$2:$R$366,ROW(INDEX(Jesper!AH$2:AH$366,ROUNDDOWN($C6964/24,0)+1,1))-1)+IF('Standard Profiles'!$G$18=$B$10,7,0)+IF('Standard Profiles'!$G$18=$B$17,14,0)+IF('Standard Profiles'!$G$18=$B$24,21,0),MOD($C6964,24)+1)/SUM(INDEX($D$3:$AA$30,INDEX(Jesper!$R$2:$R$366,ROW(INDEX(Jesper!AH$2:AH$366,ROUNDDOWN($C6964/24,0)+1,1))-1)+IF('Standard Profiles'!$G$18=$B$10,7,0)+IF('Standard Profiles'!$G$18=$B$17,14,0)+IF('Standard Profiles'!$G$18=$B$24,21,0),0)),0)</f>
        <v>15.044273257155808</v>
      </c>
      <c r="E6964" cm="1">
        <f t="array" ref="E6964">IFERROR(INDEX(Jesper!AI$2:AI$366,ROUNDDOWN($C6964/24,0)+1,1)*INDEX($D$3:$AA$30,INDEX(Jesper!$R$2:$R$366,ROW(INDEX(Jesper!AI$2:AI$366,ROUNDDOWN($C6964/24,0)+1,1))-1)+IF('Standard Profiles'!$G$19=$B$10,7,0)+IF('Standard Profiles'!$G$19=$B$17,14,0)+IF('Standard Profiles'!$G$19=$B$24,21,0),MOD($C6964,24)+1)/SUM(INDEX($D$3:$AA$30,INDEX(Jesper!$R$2:$R$366,ROW(INDEX(Jesper!AI$2:AI$366,ROUNDDOWN($C6964/24,0)+1,1))-1)+IF('Standard Profiles'!$G$19=$B$10,7,0)+IF('Standard Profiles'!$G$19=$B$17,14,0)+IF('Standard Profiles'!$G$19=$B$24,21,0),0)),0)</f>
        <v>0</v>
      </c>
      <c r="F6964" cm="1">
        <f t="array" ref="F6964">IFERROR(INDEX(Jesper!AJ$2:AJ$366,ROUNDDOWN($C6964/24,0)+1,1)*INDEX($D$3:$AA$30,INDEX(Jesper!$R$2:$R$366,ROW(INDEX(Jesper!AJ$2:AJ$366,ROUNDDOWN($C6964/24,0)+1,1))-1)+IF('Standard Profiles'!$G$20=$B$10,7,0)+IF('Standard Profiles'!$G$20=$B$17,14,0)+IF('Standard Profiles'!$G$20=$B$24,21,0),MOD($C6964,24)+1)/SUM(INDEX($D$3:$AA$30,INDEX(Jesper!$R$2:$R$366,ROW(INDEX(Jesper!AJ$2:AJ$366,ROUNDDOWN($C6964/24,0)+1,1))-1)+IF('Standard Profiles'!$G$20=$B$10,7,0)+IF('Standard Profiles'!$G$20=$B$17,14,0)+IF('Standard Profiles'!$G$20=$B$24,21,0),0)),0)</f>
        <v>0</v>
      </c>
      <c r="G6964" cm="1">
        <f t="array" ref="G6964">IFERROR(INDEX(Jesper!AK$2:AK$366,ROUNDDOWN($C6964/24,0)+1,1)*INDEX($D$3:$AA$30,INDEX(Jesper!$R$2:$R$366,ROW(INDEX(Jesper!AK$2:AK$366,ROUNDDOWN($C6964/24,0)+1,1))-1)+IF('Standard Profiles'!$G$21=$B$10,7,0)+IF('Standard Profiles'!$G$21=$B$17,14,0)+IF('Standard Profiles'!$G$21=$B$24,21,0),MOD($C6964,24)+1)/SUM(INDEX($D$3:$AA$30,INDEX(Jesper!$R$2:$R$366,ROW(INDEX(Jesper!AK$2:AK$366,ROUNDDOWN($C6964/24,0)+1,1))-1)+IF('Standard Profiles'!$G$21=$B$10,7,0)+IF('Standard Profiles'!$G$21=$B$17,14,0)+IF('Standard Profiles'!$G$21=$B$24,21,0),0)),0)</f>
        <v>0</v>
      </c>
      <c r="H6964" cm="1">
        <f t="array" ref="H6964">IFERROR(INDEX(Jesper!AL$2:AL$366,ROUNDDOWN($C6964/24,0)+1,1)*INDEX($D$3:$AA$30,INDEX(Jesper!$R$2:$R$366,ROW(INDEX(Jesper!AL$2:AL$366,ROUNDDOWN($C6964/24,0)+1,1))-1)+IF('Standard Profiles'!$G$22=$B$10,7,0)+IF('Standard Profiles'!$G$22=$B$17,14,0)+IF('Standard Profiles'!$G$22=$B$24,21,0),MOD($C6964,24)+1)/SUM(INDEX($D$3:$AA$30,INDEX(Jesper!$R$2:$R$366,ROW(INDEX(Jesper!AL$2:AL$366,ROUNDDOWN($C6964/24,0)+1,1))-1)+IF('Standard Profiles'!$G$22=$B$10,7,0)+IF('Standard Profiles'!$G$22=$B$17,14,0)+IF('Standard Profiles'!$G$22=$B$24,21,0),0)),0)</f>
        <v>0</v>
      </c>
      <c r="I6964">
        <f t="shared" si="776"/>
        <v>0.45132819771467425</v>
      </c>
      <c r="J6964">
        <f t="shared" si="777"/>
        <v>1.5044273257155809</v>
      </c>
      <c r="K6964">
        <f t="shared" si="778"/>
        <v>2.2566409885733711</v>
      </c>
      <c r="L6964">
        <f t="shared" si="779"/>
        <v>10.831876745152181</v>
      </c>
      <c r="M6964">
        <f t="shared" si="780"/>
        <v>0</v>
      </c>
      <c r="N6964" s="46">
        <f t="shared" si="781"/>
        <v>45580.749999983193</v>
      </c>
    </row>
    <row r="6965" spans="2:14" x14ac:dyDescent="0.3">
      <c r="B6965">
        <f t="shared" si="775"/>
        <v>2</v>
      </c>
      <c r="C6965" s="16">
        <v>6931</v>
      </c>
      <c r="D6965" cm="1">
        <f t="array" ref="D6965">IFERROR(INDEX(Jesper!AH$2:AH$366,ROUNDDOWN($C6965/24,0)+1,1)*INDEX($D$3:$AA$30,INDEX(Jesper!$R$2:$R$366,ROW(INDEX(Jesper!AH$2:AH$366,ROUNDDOWN($C6965/24,0)+1,1))-1)+IF('Standard Profiles'!$G$18=$B$10,7,0)+IF('Standard Profiles'!$G$18=$B$17,14,0)+IF('Standard Profiles'!$G$18=$B$24,21,0),MOD($C6965,24)+1)/SUM(INDEX($D$3:$AA$30,INDEX(Jesper!$R$2:$R$366,ROW(INDEX(Jesper!AH$2:AH$366,ROUNDDOWN($C6965/24,0)+1,1))-1)+IF('Standard Profiles'!$G$18=$B$10,7,0)+IF('Standard Profiles'!$G$18=$B$17,14,0)+IF('Standard Profiles'!$G$18=$B$24,21,0),0)),0)</f>
        <v>12.599578852867989</v>
      </c>
      <c r="E6965" cm="1">
        <f t="array" ref="E6965">IFERROR(INDEX(Jesper!AI$2:AI$366,ROUNDDOWN($C6965/24,0)+1,1)*INDEX($D$3:$AA$30,INDEX(Jesper!$R$2:$R$366,ROW(INDEX(Jesper!AI$2:AI$366,ROUNDDOWN($C6965/24,0)+1,1))-1)+IF('Standard Profiles'!$G$19=$B$10,7,0)+IF('Standard Profiles'!$G$19=$B$17,14,0)+IF('Standard Profiles'!$G$19=$B$24,21,0),MOD($C6965,24)+1)/SUM(INDEX($D$3:$AA$30,INDEX(Jesper!$R$2:$R$366,ROW(INDEX(Jesper!AI$2:AI$366,ROUNDDOWN($C6965/24,0)+1,1))-1)+IF('Standard Profiles'!$G$19=$B$10,7,0)+IF('Standard Profiles'!$G$19=$B$17,14,0)+IF('Standard Profiles'!$G$19=$B$24,21,0),0)),0)</f>
        <v>0</v>
      </c>
      <c r="F6965" cm="1">
        <f t="array" ref="F6965">IFERROR(INDEX(Jesper!AJ$2:AJ$366,ROUNDDOWN($C6965/24,0)+1,1)*INDEX($D$3:$AA$30,INDEX(Jesper!$R$2:$R$366,ROW(INDEX(Jesper!AJ$2:AJ$366,ROUNDDOWN($C6965/24,0)+1,1))-1)+IF('Standard Profiles'!$G$20=$B$10,7,0)+IF('Standard Profiles'!$G$20=$B$17,14,0)+IF('Standard Profiles'!$G$20=$B$24,21,0),MOD($C6965,24)+1)/SUM(INDEX($D$3:$AA$30,INDEX(Jesper!$R$2:$R$366,ROW(INDEX(Jesper!AJ$2:AJ$366,ROUNDDOWN($C6965/24,0)+1,1))-1)+IF('Standard Profiles'!$G$20=$B$10,7,0)+IF('Standard Profiles'!$G$20=$B$17,14,0)+IF('Standard Profiles'!$G$20=$B$24,21,0),0)),0)</f>
        <v>0</v>
      </c>
      <c r="G6965" cm="1">
        <f t="array" ref="G6965">IFERROR(INDEX(Jesper!AK$2:AK$366,ROUNDDOWN($C6965/24,0)+1,1)*INDEX($D$3:$AA$30,INDEX(Jesper!$R$2:$R$366,ROW(INDEX(Jesper!AK$2:AK$366,ROUNDDOWN($C6965/24,0)+1,1))-1)+IF('Standard Profiles'!$G$21=$B$10,7,0)+IF('Standard Profiles'!$G$21=$B$17,14,0)+IF('Standard Profiles'!$G$21=$B$24,21,0),MOD($C6965,24)+1)/SUM(INDEX($D$3:$AA$30,INDEX(Jesper!$R$2:$R$366,ROW(INDEX(Jesper!AK$2:AK$366,ROUNDDOWN($C6965/24,0)+1,1))-1)+IF('Standard Profiles'!$G$21=$B$10,7,0)+IF('Standard Profiles'!$G$21=$B$17,14,0)+IF('Standard Profiles'!$G$21=$B$24,21,0),0)),0)</f>
        <v>0</v>
      </c>
      <c r="H6965" cm="1">
        <f t="array" ref="H6965">IFERROR(INDEX(Jesper!AL$2:AL$366,ROUNDDOWN($C6965/24,0)+1,1)*INDEX($D$3:$AA$30,INDEX(Jesper!$R$2:$R$366,ROW(INDEX(Jesper!AL$2:AL$366,ROUNDDOWN($C6965/24,0)+1,1))-1)+IF('Standard Profiles'!$G$22=$B$10,7,0)+IF('Standard Profiles'!$G$22=$B$17,14,0)+IF('Standard Profiles'!$G$22=$B$24,21,0),MOD($C6965,24)+1)/SUM(INDEX($D$3:$AA$30,INDEX(Jesper!$R$2:$R$366,ROW(INDEX(Jesper!AL$2:AL$366,ROUNDDOWN($C6965/24,0)+1,1))-1)+IF('Standard Profiles'!$G$22=$B$10,7,0)+IF('Standard Profiles'!$G$22=$B$17,14,0)+IF('Standard Profiles'!$G$22=$B$24,21,0),0)),0)</f>
        <v>0</v>
      </c>
      <c r="I6965">
        <f t="shared" si="776"/>
        <v>0.37798736558603963</v>
      </c>
      <c r="J6965">
        <f t="shared" si="777"/>
        <v>1.259957885286799</v>
      </c>
      <c r="K6965">
        <f t="shared" si="778"/>
        <v>1.8899368279301982</v>
      </c>
      <c r="L6965">
        <f t="shared" si="779"/>
        <v>9.0716967740649519</v>
      </c>
      <c r="M6965">
        <f t="shared" si="780"/>
        <v>0</v>
      </c>
      <c r="N6965" s="46">
        <f t="shared" si="781"/>
        <v>45580.791666649857</v>
      </c>
    </row>
    <row r="6966" spans="2:14" x14ac:dyDescent="0.3">
      <c r="B6966">
        <f t="shared" si="775"/>
        <v>2</v>
      </c>
      <c r="C6966" s="16">
        <v>6932</v>
      </c>
      <c r="D6966" cm="1">
        <f t="array" ref="D6966">IFERROR(INDEX(Jesper!AH$2:AH$366,ROUNDDOWN($C6966/24,0)+1,1)*INDEX($D$3:$AA$30,INDEX(Jesper!$R$2:$R$366,ROW(INDEX(Jesper!AH$2:AH$366,ROUNDDOWN($C6966/24,0)+1,1))-1)+IF('Standard Profiles'!$G$18=$B$10,7,0)+IF('Standard Profiles'!$G$18=$B$17,14,0)+IF('Standard Profiles'!$G$18=$B$24,21,0),MOD($C6966,24)+1)/SUM(INDEX($D$3:$AA$30,INDEX(Jesper!$R$2:$R$366,ROW(INDEX(Jesper!AH$2:AH$366,ROUNDDOWN($C6966/24,0)+1,1))-1)+IF('Standard Profiles'!$G$18=$B$10,7,0)+IF('Standard Profiles'!$G$18=$B$17,14,0)+IF('Standard Profiles'!$G$18=$B$24,21,0),0)),0)</f>
        <v>10.342937864294617</v>
      </c>
      <c r="E6966" cm="1">
        <f t="array" ref="E6966">IFERROR(INDEX(Jesper!AI$2:AI$366,ROUNDDOWN($C6966/24,0)+1,1)*INDEX($D$3:$AA$30,INDEX(Jesper!$R$2:$R$366,ROW(INDEX(Jesper!AI$2:AI$366,ROUNDDOWN($C6966/24,0)+1,1))-1)+IF('Standard Profiles'!$G$19=$B$10,7,0)+IF('Standard Profiles'!$G$19=$B$17,14,0)+IF('Standard Profiles'!$G$19=$B$24,21,0),MOD($C6966,24)+1)/SUM(INDEX($D$3:$AA$30,INDEX(Jesper!$R$2:$R$366,ROW(INDEX(Jesper!AI$2:AI$366,ROUNDDOWN($C6966/24,0)+1,1))-1)+IF('Standard Profiles'!$G$19=$B$10,7,0)+IF('Standard Profiles'!$G$19=$B$17,14,0)+IF('Standard Profiles'!$G$19=$B$24,21,0),0)),0)</f>
        <v>0</v>
      </c>
      <c r="F6966" cm="1">
        <f t="array" ref="F6966">IFERROR(INDEX(Jesper!AJ$2:AJ$366,ROUNDDOWN($C6966/24,0)+1,1)*INDEX($D$3:$AA$30,INDEX(Jesper!$R$2:$R$366,ROW(INDEX(Jesper!AJ$2:AJ$366,ROUNDDOWN($C6966/24,0)+1,1))-1)+IF('Standard Profiles'!$G$20=$B$10,7,0)+IF('Standard Profiles'!$G$20=$B$17,14,0)+IF('Standard Profiles'!$G$20=$B$24,21,0),MOD($C6966,24)+1)/SUM(INDEX($D$3:$AA$30,INDEX(Jesper!$R$2:$R$366,ROW(INDEX(Jesper!AJ$2:AJ$366,ROUNDDOWN($C6966/24,0)+1,1))-1)+IF('Standard Profiles'!$G$20=$B$10,7,0)+IF('Standard Profiles'!$G$20=$B$17,14,0)+IF('Standard Profiles'!$G$20=$B$24,21,0),0)),0)</f>
        <v>0</v>
      </c>
      <c r="G6966" cm="1">
        <f t="array" ref="G6966">IFERROR(INDEX(Jesper!AK$2:AK$366,ROUNDDOWN($C6966/24,0)+1,1)*INDEX($D$3:$AA$30,INDEX(Jesper!$R$2:$R$366,ROW(INDEX(Jesper!AK$2:AK$366,ROUNDDOWN($C6966/24,0)+1,1))-1)+IF('Standard Profiles'!$G$21=$B$10,7,0)+IF('Standard Profiles'!$G$21=$B$17,14,0)+IF('Standard Profiles'!$G$21=$B$24,21,0),MOD($C6966,24)+1)/SUM(INDEX($D$3:$AA$30,INDEX(Jesper!$R$2:$R$366,ROW(INDEX(Jesper!AK$2:AK$366,ROUNDDOWN($C6966/24,0)+1,1))-1)+IF('Standard Profiles'!$G$21=$B$10,7,0)+IF('Standard Profiles'!$G$21=$B$17,14,0)+IF('Standard Profiles'!$G$21=$B$24,21,0),0)),0)</f>
        <v>0</v>
      </c>
      <c r="H6966" cm="1">
        <f t="array" ref="H6966">IFERROR(INDEX(Jesper!AL$2:AL$366,ROUNDDOWN($C6966/24,0)+1,1)*INDEX($D$3:$AA$30,INDEX(Jesper!$R$2:$R$366,ROW(INDEX(Jesper!AL$2:AL$366,ROUNDDOWN($C6966/24,0)+1,1))-1)+IF('Standard Profiles'!$G$22=$B$10,7,0)+IF('Standard Profiles'!$G$22=$B$17,14,0)+IF('Standard Profiles'!$G$22=$B$24,21,0),MOD($C6966,24)+1)/SUM(INDEX($D$3:$AA$30,INDEX(Jesper!$R$2:$R$366,ROW(INDEX(Jesper!AL$2:AL$366,ROUNDDOWN($C6966/24,0)+1,1))-1)+IF('Standard Profiles'!$G$22=$B$10,7,0)+IF('Standard Profiles'!$G$22=$B$17,14,0)+IF('Standard Profiles'!$G$22=$B$24,21,0),0)),0)</f>
        <v>0</v>
      </c>
      <c r="I6966">
        <f t="shared" si="776"/>
        <v>0.31028813592883853</v>
      </c>
      <c r="J6966">
        <f t="shared" si="777"/>
        <v>1.0342937864294617</v>
      </c>
      <c r="K6966">
        <f t="shared" si="778"/>
        <v>1.5514406796441926</v>
      </c>
      <c r="L6966">
        <f t="shared" si="779"/>
        <v>7.4469152622921237</v>
      </c>
      <c r="M6966">
        <f t="shared" si="780"/>
        <v>0</v>
      </c>
      <c r="N6966" s="46">
        <f t="shared" si="781"/>
        <v>45580.833333316521</v>
      </c>
    </row>
    <row r="6967" spans="2:14" x14ac:dyDescent="0.3">
      <c r="B6967">
        <f t="shared" si="775"/>
        <v>2</v>
      </c>
      <c r="C6967" s="16">
        <v>6933</v>
      </c>
      <c r="D6967" cm="1">
        <f t="array" ref="D6967">IFERROR(INDEX(Jesper!AH$2:AH$366,ROUNDDOWN($C6967/24,0)+1,1)*INDEX($D$3:$AA$30,INDEX(Jesper!$R$2:$R$366,ROW(INDEX(Jesper!AH$2:AH$366,ROUNDDOWN($C6967/24,0)+1,1))-1)+IF('Standard Profiles'!$G$18=$B$10,7,0)+IF('Standard Profiles'!$G$18=$B$17,14,0)+IF('Standard Profiles'!$G$18=$B$24,21,0),MOD($C6967,24)+1)/SUM(INDEX($D$3:$AA$30,INDEX(Jesper!$R$2:$R$366,ROW(INDEX(Jesper!AH$2:AH$366,ROUNDDOWN($C6967/24,0)+1,1))-1)+IF('Standard Profiles'!$G$18=$B$10,7,0)+IF('Standard Profiles'!$G$18=$B$17,14,0)+IF('Standard Profiles'!$G$18=$B$24,21,0),0)),0)</f>
        <v>7.5221366285779041</v>
      </c>
      <c r="E6967" cm="1">
        <f t="array" ref="E6967">IFERROR(INDEX(Jesper!AI$2:AI$366,ROUNDDOWN($C6967/24,0)+1,1)*INDEX($D$3:$AA$30,INDEX(Jesper!$R$2:$R$366,ROW(INDEX(Jesper!AI$2:AI$366,ROUNDDOWN($C6967/24,0)+1,1))-1)+IF('Standard Profiles'!$G$19=$B$10,7,0)+IF('Standard Profiles'!$G$19=$B$17,14,0)+IF('Standard Profiles'!$G$19=$B$24,21,0),MOD($C6967,24)+1)/SUM(INDEX($D$3:$AA$30,INDEX(Jesper!$R$2:$R$366,ROW(INDEX(Jesper!AI$2:AI$366,ROUNDDOWN($C6967/24,0)+1,1))-1)+IF('Standard Profiles'!$G$19=$B$10,7,0)+IF('Standard Profiles'!$G$19=$B$17,14,0)+IF('Standard Profiles'!$G$19=$B$24,21,0),0)),0)</f>
        <v>0</v>
      </c>
      <c r="F6967" cm="1">
        <f t="array" ref="F6967">IFERROR(INDEX(Jesper!AJ$2:AJ$366,ROUNDDOWN($C6967/24,0)+1,1)*INDEX($D$3:$AA$30,INDEX(Jesper!$R$2:$R$366,ROW(INDEX(Jesper!AJ$2:AJ$366,ROUNDDOWN($C6967/24,0)+1,1))-1)+IF('Standard Profiles'!$G$20=$B$10,7,0)+IF('Standard Profiles'!$G$20=$B$17,14,0)+IF('Standard Profiles'!$G$20=$B$24,21,0),MOD($C6967,24)+1)/SUM(INDEX($D$3:$AA$30,INDEX(Jesper!$R$2:$R$366,ROW(INDEX(Jesper!AJ$2:AJ$366,ROUNDDOWN($C6967/24,0)+1,1))-1)+IF('Standard Profiles'!$G$20=$B$10,7,0)+IF('Standard Profiles'!$G$20=$B$17,14,0)+IF('Standard Profiles'!$G$20=$B$24,21,0),0)),0)</f>
        <v>0</v>
      </c>
      <c r="G6967" cm="1">
        <f t="array" ref="G6967">IFERROR(INDEX(Jesper!AK$2:AK$366,ROUNDDOWN($C6967/24,0)+1,1)*INDEX($D$3:$AA$30,INDEX(Jesper!$R$2:$R$366,ROW(INDEX(Jesper!AK$2:AK$366,ROUNDDOWN($C6967/24,0)+1,1))-1)+IF('Standard Profiles'!$G$21=$B$10,7,0)+IF('Standard Profiles'!$G$21=$B$17,14,0)+IF('Standard Profiles'!$G$21=$B$24,21,0),MOD($C6967,24)+1)/SUM(INDEX($D$3:$AA$30,INDEX(Jesper!$R$2:$R$366,ROW(INDEX(Jesper!AK$2:AK$366,ROUNDDOWN($C6967/24,0)+1,1))-1)+IF('Standard Profiles'!$G$21=$B$10,7,0)+IF('Standard Profiles'!$G$21=$B$17,14,0)+IF('Standard Profiles'!$G$21=$B$24,21,0),0)),0)</f>
        <v>0</v>
      </c>
      <c r="H6967" cm="1">
        <f t="array" ref="H6967">IFERROR(INDEX(Jesper!AL$2:AL$366,ROUNDDOWN($C6967/24,0)+1,1)*INDEX($D$3:$AA$30,INDEX(Jesper!$R$2:$R$366,ROW(INDEX(Jesper!AL$2:AL$366,ROUNDDOWN($C6967/24,0)+1,1))-1)+IF('Standard Profiles'!$G$22=$B$10,7,0)+IF('Standard Profiles'!$G$22=$B$17,14,0)+IF('Standard Profiles'!$G$22=$B$24,21,0),MOD($C6967,24)+1)/SUM(INDEX($D$3:$AA$30,INDEX(Jesper!$R$2:$R$366,ROW(INDEX(Jesper!AL$2:AL$366,ROUNDDOWN($C6967/24,0)+1,1))-1)+IF('Standard Profiles'!$G$22=$B$10,7,0)+IF('Standard Profiles'!$G$22=$B$17,14,0)+IF('Standard Profiles'!$G$22=$B$24,21,0),0)),0)</f>
        <v>0</v>
      </c>
      <c r="I6967">
        <f t="shared" si="776"/>
        <v>0.22566409885733713</v>
      </c>
      <c r="J6967">
        <f t="shared" si="777"/>
        <v>0.75221366285779045</v>
      </c>
      <c r="K6967">
        <f t="shared" si="778"/>
        <v>1.1283204942866856</v>
      </c>
      <c r="L6967">
        <f t="shared" si="779"/>
        <v>5.4159383725760906</v>
      </c>
      <c r="M6967">
        <f t="shared" si="780"/>
        <v>0</v>
      </c>
      <c r="N6967" s="46">
        <f t="shared" si="781"/>
        <v>45580.874999983185</v>
      </c>
    </row>
    <row r="6968" spans="2:14" x14ac:dyDescent="0.3">
      <c r="B6968">
        <f t="shared" si="775"/>
        <v>2</v>
      </c>
      <c r="C6968" s="16">
        <v>6934</v>
      </c>
      <c r="D6968" cm="1">
        <f t="array" ref="D6968">IFERROR(INDEX(Jesper!AH$2:AH$366,ROUNDDOWN($C6968/24,0)+1,1)*INDEX($D$3:$AA$30,INDEX(Jesper!$R$2:$R$366,ROW(INDEX(Jesper!AH$2:AH$366,ROUNDDOWN($C6968/24,0)+1,1))-1)+IF('Standard Profiles'!$G$18=$B$10,7,0)+IF('Standard Profiles'!$G$18=$B$17,14,0)+IF('Standard Profiles'!$G$18=$B$24,21,0),MOD($C6968,24)+1)/SUM(INDEX($D$3:$AA$30,INDEX(Jesper!$R$2:$R$366,ROW(INDEX(Jesper!AH$2:AH$366,ROUNDDOWN($C6968/24,0)+1,1))-1)+IF('Standard Profiles'!$G$18=$B$10,7,0)+IF('Standard Profiles'!$G$18=$B$17,14,0)+IF('Standard Profiles'!$G$18=$B$24,21,0),0)),0)</f>
        <v>7.5221366285779041</v>
      </c>
      <c r="E6968" cm="1">
        <f t="array" ref="E6968">IFERROR(INDEX(Jesper!AI$2:AI$366,ROUNDDOWN($C6968/24,0)+1,1)*INDEX($D$3:$AA$30,INDEX(Jesper!$R$2:$R$366,ROW(INDEX(Jesper!AI$2:AI$366,ROUNDDOWN($C6968/24,0)+1,1))-1)+IF('Standard Profiles'!$G$19=$B$10,7,0)+IF('Standard Profiles'!$G$19=$B$17,14,0)+IF('Standard Profiles'!$G$19=$B$24,21,0),MOD($C6968,24)+1)/SUM(INDEX($D$3:$AA$30,INDEX(Jesper!$R$2:$R$366,ROW(INDEX(Jesper!AI$2:AI$366,ROUNDDOWN($C6968/24,0)+1,1))-1)+IF('Standard Profiles'!$G$19=$B$10,7,0)+IF('Standard Profiles'!$G$19=$B$17,14,0)+IF('Standard Profiles'!$G$19=$B$24,21,0),0)),0)</f>
        <v>0</v>
      </c>
      <c r="F6968" cm="1">
        <f t="array" ref="F6968">IFERROR(INDEX(Jesper!AJ$2:AJ$366,ROUNDDOWN($C6968/24,0)+1,1)*INDEX($D$3:$AA$30,INDEX(Jesper!$R$2:$R$366,ROW(INDEX(Jesper!AJ$2:AJ$366,ROUNDDOWN($C6968/24,0)+1,1))-1)+IF('Standard Profiles'!$G$20=$B$10,7,0)+IF('Standard Profiles'!$G$20=$B$17,14,0)+IF('Standard Profiles'!$G$20=$B$24,21,0),MOD($C6968,24)+1)/SUM(INDEX($D$3:$AA$30,INDEX(Jesper!$R$2:$R$366,ROW(INDEX(Jesper!AJ$2:AJ$366,ROUNDDOWN($C6968/24,0)+1,1))-1)+IF('Standard Profiles'!$G$20=$B$10,7,0)+IF('Standard Profiles'!$G$20=$B$17,14,0)+IF('Standard Profiles'!$G$20=$B$24,21,0),0)),0)</f>
        <v>0</v>
      </c>
      <c r="G6968" cm="1">
        <f t="array" ref="G6968">IFERROR(INDEX(Jesper!AK$2:AK$366,ROUNDDOWN($C6968/24,0)+1,1)*INDEX($D$3:$AA$30,INDEX(Jesper!$R$2:$R$366,ROW(INDEX(Jesper!AK$2:AK$366,ROUNDDOWN($C6968/24,0)+1,1))-1)+IF('Standard Profiles'!$G$21=$B$10,7,0)+IF('Standard Profiles'!$G$21=$B$17,14,0)+IF('Standard Profiles'!$G$21=$B$24,21,0),MOD($C6968,24)+1)/SUM(INDEX($D$3:$AA$30,INDEX(Jesper!$R$2:$R$366,ROW(INDEX(Jesper!AK$2:AK$366,ROUNDDOWN($C6968/24,0)+1,1))-1)+IF('Standard Profiles'!$G$21=$B$10,7,0)+IF('Standard Profiles'!$G$21=$B$17,14,0)+IF('Standard Profiles'!$G$21=$B$24,21,0),0)),0)</f>
        <v>0</v>
      </c>
      <c r="H6968" cm="1">
        <f t="array" ref="H6968">IFERROR(INDEX(Jesper!AL$2:AL$366,ROUNDDOWN($C6968/24,0)+1,1)*INDEX($D$3:$AA$30,INDEX(Jesper!$R$2:$R$366,ROW(INDEX(Jesper!AL$2:AL$366,ROUNDDOWN($C6968/24,0)+1,1))-1)+IF('Standard Profiles'!$G$22=$B$10,7,0)+IF('Standard Profiles'!$G$22=$B$17,14,0)+IF('Standard Profiles'!$G$22=$B$24,21,0),MOD($C6968,24)+1)/SUM(INDEX($D$3:$AA$30,INDEX(Jesper!$R$2:$R$366,ROW(INDEX(Jesper!AL$2:AL$366,ROUNDDOWN($C6968/24,0)+1,1))-1)+IF('Standard Profiles'!$G$22=$B$10,7,0)+IF('Standard Profiles'!$G$22=$B$17,14,0)+IF('Standard Profiles'!$G$22=$B$24,21,0),0)),0)</f>
        <v>0</v>
      </c>
      <c r="I6968">
        <f t="shared" si="776"/>
        <v>0.22566409885733713</v>
      </c>
      <c r="J6968">
        <f t="shared" si="777"/>
        <v>0.75221366285779045</v>
      </c>
      <c r="K6968">
        <f t="shared" si="778"/>
        <v>1.1283204942866856</v>
      </c>
      <c r="L6968">
        <f t="shared" si="779"/>
        <v>5.4159383725760906</v>
      </c>
      <c r="M6968">
        <f t="shared" si="780"/>
        <v>0</v>
      </c>
      <c r="N6968" s="46">
        <f t="shared" si="781"/>
        <v>45580.91666664985</v>
      </c>
    </row>
    <row r="6969" spans="2:14" x14ac:dyDescent="0.3">
      <c r="B6969">
        <f t="shared" si="775"/>
        <v>2</v>
      </c>
      <c r="C6969" s="16">
        <v>6935</v>
      </c>
      <c r="D6969" cm="1">
        <f t="array" ref="D6969">IFERROR(INDEX(Jesper!AH$2:AH$366,ROUNDDOWN($C6969/24,0)+1,1)*INDEX($D$3:$AA$30,INDEX(Jesper!$R$2:$R$366,ROW(INDEX(Jesper!AH$2:AH$366,ROUNDDOWN($C6969/24,0)+1,1))-1)+IF('Standard Profiles'!$G$18=$B$10,7,0)+IF('Standard Profiles'!$G$18=$B$17,14,0)+IF('Standard Profiles'!$G$18=$B$24,21,0),MOD($C6969,24)+1)/SUM(INDEX($D$3:$AA$30,INDEX(Jesper!$R$2:$R$366,ROW(INDEX(Jesper!AH$2:AH$366,ROUNDDOWN($C6969/24,0)+1,1))-1)+IF('Standard Profiles'!$G$18=$B$10,7,0)+IF('Standard Profiles'!$G$18=$B$17,14,0)+IF('Standard Profiles'!$G$18=$B$24,21,0),0)),0)</f>
        <v>7.5221366285779041</v>
      </c>
      <c r="E6969" cm="1">
        <f t="array" ref="E6969">IFERROR(INDEX(Jesper!AI$2:AI$366,ROUNDDOWN($C6969/24,0)+1,1)*INDEX($D$3:$AA$30,INDEX(Jesper!$R$2:$R$366,ROW(INDEX(Jesper!AI$2:AI$366,ROUNDDOWN($C6969/24,0)+1,1))-1)+IF('Standard Profiles'!$G$19=$B$10,7,0)+IF('Standard Profiles'!$G$19=$B$17,14,0)+IF('Standard Profiles'!$G$19=$B$24,21,0),MOD($C6969,24)+1)/SUM(INDEX($D$3:$AA$30,INDEX(Jesper!$R$2:$R$366,ROW(INDEX(Jesper!AI$2:AI$366,ROUNDDOWN($C6969/24,0)+1,1))-1)+IF('Standard Profiles'!$G$19=$B$10,7,0)+IF('Standard Profiles'!$G$19=$B$17,14,0)+IF('Standard Profiles'!$G$19=$B$24,21,0),0)),0)</f>
        <v>0</v>
      </c>
      <c r="F6969" cm="1">
        <f t="array" ref="F6969">IFERROR(INDEX(Jesper!AJ$2:AJ$366,ROUNDDOWN($C6969/24,0)+1,1)*INDEX($D$3:$AA$30,INDEX(Jesper!$R$2:$R$366,ROW(INDEX(Jesper!AJ$2:AJ$366,ROUNDDOWN($C6969/24,0)+1,1))-1)+IF('Standard Profiles'!$G$20=$B$10,7,0)+IF('Standard Profiles'!$G$20=$B$17,14,0)+IF('Standard Profiles'!$G$20=$B$24,21,0),MOD($C6969,24)+1)/SUM(INDEX($D$3:$AA$30,INDEX(Jesper!$R$2:$R$366,ROW(INDEX(Jesper!AJ$2:AJ$366,ROUNDDOWN($C6969/24,0)+1,1))-1)+IF('Standard Profiles'!$G$20=$B$10,7,0)+IF('Standard Profiles'!$G$20=$B$17,14,0)+IF('Standard Profiles'!$G$20=$B$24,21,0),0)),0)</f>
        <v>0</v>
      </c>
      <c r="G6969" cm="1">
        <f t="array" ref="G6969">IFERROR(INDEX(Jesper!AK$2:AK$366,ROUNDDOWN($C6969/24,0)+1,1)*INDEX($D$3:$AA$30,INDEX(Jesper!$R$2:$R$366,ROW(INDEX(Jesper!AK$2:AK$366,ROUNDDOWN($C6969/24,0)+1,1))-1)+IF('Standard Profiles'!$G$21=$B$10,7,0)+IF('Standard Profiles'!$G$21=$B$17,14,0)+IF('Standard Profiles'!$G$21=$B$24,21,0),MOD($C6969,24)+1)/SUM(INDEX($D$3:$AA$30,INDEX(Jesper!$R$2:$R$366,ROW(INDEX(Jesper!AK$2:AK$366,ROUNDDOWN($C6969/24,0)+1,1))-1)+IF('Standard Profiles'!$G$21=$B$10,7,0)+IF('Standard Profiles'!$G$21=$B$17,14,0)+IF('Standard Profiles'!$G$21=$B$24,21,0),0)),0)</f>
        <v>0</v>
      </c>
      <c r="H6969" cm="1">
        <f t="array" ref="H6969">IFERROR(INDEX(Jesper!AL$2:AL$366,ROUNDDOWN($C6969/24,0)+1,1)*INDEX($D$3:$AA$30,INDEX(Jesper!$R$2:$R$366,ROW(INDEX(Jesper!AL$2:AL$366,ROUNDDOWN($C6969/24,0)+1,1))-1)+IF('Standard Profiles'!$G$22=$B$10,7,0)+IF('Standard Profiles'!$G$22=$B$17,14,0)+IF('Standard Profiles'!$G$22=$B$24,21,0),MOD($C6969,24)+1)/SUM(INDEX($D$3:$AA$30,INDEX(Jesper!$R$2:$R$366,ROW(INDEX(Jesper!AL$2:AL$366,ROUNDDOWN($C6969/24,0)+1,1))-1)+IF('Standard Profiles'!$G$22=$B$10,7,0)+IF('Standard Profiles'!$G$22=$B$17,14,0)+IF('Standard Profiles'!$G$22=$B$24,21,0),0)),0)</f>
        <v>0</v>
      </c>
      <c r="I6969">
        <f t="shared" si="776"/>
        <v>0.22566409885733713</v>
      </c>
      <c r="J6969">
        <f t="shared" si="777"/>
        <v>0.75221366285779045</v>
      </c>
      <c r="K6969">
        <f t="shared" si="778"/>
        <v>1.1283204942866856</v>
      </c>
      <c r="L6969">
        <f t="shared" si="779"/>
        <v>5.4159383725760906</v>
      </c>
      <c r="M6969">
        <f t="shared" si="780"/>
        <v>0</v>
      </c>
      <c r="N6969" s="46">
        <f t="shared" si="781"/>
        <v>45580.958333316514</v>
      </c>
    </row>
    <row r="6970" spans="2:14" x14ac:dyDescent="0.3">
      <c r="B6970">
        <f t="shared" si="775"/>
        <v>3</v>
      </c>
      <c r="C6970" s="16">
        <v>6936</v>
      </c>
      <c r="D6970" cm="1">
        <f t="array" ref="D6970">IFERROR(INDEX(Jesper!AH$2:AH$366,ROUNDDOWN($C6970/24,0)+1,1)*INDEX($D$3:$AA$30,INDEX(Jesper!$R$2:$R$366,ROW(INDEX(Jesper!AH$2:AH$366,ROUNDDOWN($C6970/24,0)+1,1))-1)+IF('Standard Profiles'!$G$18=$B$10,7,0)+IF('Standard Profiles'!$G$18=$B$17,14,0)+IF('Standard Profiles'!$G$18=$B$24,21,0),MOD($C6970,24)+1)/SUM(INDEX($D$3:$AA$30,INDEX(Jesper!$R$2:$R$366,ROW(INDEX(Jesper!AH$2:AH$366,ROUNDDOWN($C6970/24,0)+1,1))-1)+IF('Standard Profiles'!$G$18=$B$10,7,0)+IF('Standard Profiles'!$G$18=$B$17,14,0)+IF('Standard Profiles'!$G$18=$B$24,21,0),0)),0)</f>
        <v>6.5527958130347601</v>
      </c>
      <c r="E6970" cm="1">
        <f t="array" ref="E6970">IFERROR(INDEX(Jesper!AI$2:AI$366,ROUNDDOWN($C6970/24,0)+1,1)*INDEX($D$3:$AA$30,INDEX(Jesper!$R$2:$R$366,ROW(INDEX(Jesper!AI$2:AI$366,ROUNDDOWN($C6970/24,0)+1,1))-1)+IF('Standard Profiles'!$G$19=$B$10,7,0)+IF('Standard Profiles'!$G$19=$B$17,14,0)+IF('Standard Profiles'!$G$19=$B$24,21,0),MOD($C6970,24)+1)/SUM(INDEX($D$3:$AA$30,INDEX(Jesper!$R$2:$R$366,ROW(INDEX(Jesper!AI$2:AI$366,ROUNDDOWN($C6970/24,0)+1,1))-1)+IF('Standard Profiles'!$G$19=$B$10,7,0)+IF('Standard Profiles'!$G$19=$B$17,14,0)+IF('Standard Profiles'!$G$19=$B$24,21,0),0)),0)</f>
        <v>0</v>
      </c>
      <c r="F6970" cm="1">
        <f t="array" ref="F6970">IFERROR(INDEX(Jesper!AJ$2:AJ$366,ROUNDDOWN($C6970/24,0)+1,1)*INDEX($D$3:$AA$30,INDEX(Jesper!$R$2:$R$366,ROW(INDEX(Jesper!AJ$2:AJ$366,ROUNDDOWN($C6970/24,0)+1,1))-1)+IF('Standard Profiles'!$G$20=$B$10,7,0)+IF('Standard Profiles'!$G$20=$B$17,14,0)+IF('Standard Profiles'!$G$20=$B$24,21,0),MOD($C6970,24)+1)/SUM(INDEX($D$3:$AA$30,INDEX(Jesper!$R$2:$R$366,ROW(INDEX(Jesper!AJ$2:AJ$366,ROUNDDOWN($C6970/24,0)+1,1))-1)+IF('Standard Profiles'!$G$20=$B$10,7,0)+IF('Standard Profiles'!$G$20=$B$17,14,0)+IF('Standard Profiles'!$G$20=$B$24,21,0),0)),0)</f>
        <v>0</v>
      </c>
      <c r="G6970" cm="1">
        <f t="array" ref="G6970">IFERROR(INDEX(Jesper!AK$2:AK$366,ROUNDDOWN($C6970/24,0)+1,1)*INDEX($D$3:$AA$30,INDEX(Jesper!$R$2:$R$366,ROW(INDEX(Jesper!AK$2:AK$366,ROUNDDOWN($C6970/24,0)+1,1))-1)+IF('Standard Profiles'!$G$21=$B$10,7,0)+IF('Standard Profiles'!$G$21=$B$17,14,0)+IF('Standard Profiles'!$G$21=$B$24,21,0),MOD($C6970,24)+1)/SUM(INDEX($D$3:$AA$30,INDEX(Jesper!$R$2:$R$366,ROW(INDEX(Jesper!AK$2:AK$366,ROUNDDOWN($C6970/24,0)+1,1))-1)+IF('Standard Profiles'!$G$21=$B$10,7,0)+IF('Standard Profiles'!$G$21=$B$17,14,0)+IF('Standard Profiles'!$G$21=$B$24,21,0),0)),0)</f>
        <v>0</v>
      </c>
      <c r="H6970" cm="1">
        <f t="array" ref="H6970">IFERROR(INDEX(Jesper!AL$2:AL$366,ROUNDDOWN($C6970/24,0)+1,1)*INDEX($D$3:$AA$30,INDEX(Jesper!$R$2:$R$366,ROW(INDEX(Jesper!AL$2:AL$366,ROUNDDOWN($C6970/24,0)+1,1))-1)+IF('Standard Profiles'!$G$22=$B$10,7,0)+IF('Standard Profiles'!$G$22=$B$17,14,0)+IF('Standard Profiles'!$G$22=$B$24,21,0),MOD($C6970,24)+1)/SUM(INDEX($D$3:$AA$30,INDEX(Jesper!$R$2:$R$366,ROW(INDEX(Jesper!AL$2:AL$366,ROUNDDOWN($C6970/24,0)+1,1))-1)+IF('Standard Profiles'!$G$22=$B$10,7,0)+IF('Standard Profiles'!$G$22=$B$17,14,0)+IF('Standard Profiles'!$G$22=$B$24,21,0),0)),0)</f>
        <v>0</v>
      </c>
      <c r="I6970">
        <f t="shared" si="776"/>
        <v>0.1965838743910428</v>
      </c>
      <c r="J6970">
        <f t="shared" si="777"/>
        <v>0.65527958130347608</v>
      </c>
      <c r="K6970">
        <f t="shared" si="778"/>
        <v>0.98291937195521395</v>
      </c>
      <c r="L6970">
        <f t="shared" si="779"/>
        <v>4.7180129853850268</v>
      </c>
      <c r="M6970">
        <f t="shared" si="780"/>
        <v>0</v>
      </c>
      <c r="N6970" s="46">
        <f t="shared" si="781"/>
        <v>45580.999999983178</v>
      </c>
    </row>
    <row r="6971" spans="2:14" x14ac:dyDescent="0.3">
      <c r="B6971">
        <f t="shared" si="775"/>
        <v>3</v>
      </c>
      <c r="C6971" s="16">
        <v>6937</v>
      </c>
      <c r="D6971" cm="1">
        <f t="array" ref="D6971">IFERROR(INDEX(Jesper!AH$2:AH$366,ROUNDDOWN($C6971/24,0)+1,1)*INDEX($D$3:$AA$30,INDEX(Jesper!$R$2:$R$366,ROW(INDEX(Jesper!AH$2:AH$366,ROUNDDOWN($C6971/24,0)+1,1))-1)+IF('Standard Profiles'!$G$18=$B$10,7,0)+IF('Standard Profiles'!$G$18=$B$17,14,0)+IF('Standard Profiles'!$G$18=$B$24,21,0),MOD($C6971,24)+1)/SUM(INDEX($D$3:$AA$30,INDEX(Jesper!$R$2:$R$366,ROW(INDEX(Jesper!AH$2:AH$366,ROUNDDOWN($C6971/24,0)+1,1))-1)+IF('Standard Profiles'!$G$18=$B$10,7,0)+IF('Standard Profiles'!$G$18=$B$17,14,0)+IF('Standard Profiles'!$G$18=$B$24,21,0),0)),0)</f>
        <v>7.3718952896641037</v>
      </c>
      <c r="E6971" cm="1">
        <f t="array" ref="E6971">IFERROR(INDEX(Jesper!AI$2:AI$366,ROUNDDOWN($C6971/24,0)+1,1)*INDEX($D$3:$AA$30,INDEX(Jesper!$R$2:$R$366,ROW(INDEX(Jesper!AI$2:AI$366,ROUNDDOWN($C6971/24,0)+1,1))-1)+IF('Standard Profiles'!$G$19=$B$10,7,0)+IF('Standard Profiles'!$G$19=$B$17,14,0)+IF('Standard Profiles'!$G$19=$B$24,21,0),MOD($C6971,24)+1)/SUM(INDEX($D$3:$AA$30,INDEX(Jesper!$R$2:$R$366,ROW(INDEX(Jesper!AI$2:AI$366,ROUNDDOWN($C6971/24,0)+1,1))-1)+IF('Standard Profiles'!$G$19=$B$10,7,0)+IF('Standard Profiles'!$G$19=$B$17,14,0)+IF('Standard Profiles'!$G$19=$B$24,21,0),0)),0)</f>
        <v>0</v>
      </c>
      <c r="F6971" cm="1">
        <f t="array" ref="F6971">IFERROR(INDEX(Jesper!AJ$2:AJ$366,ROUNDDOWN($C6971/24,0)+1,1)*INDEX($D$3:$AA$30,INDEX(Jesper!$R$2:$R$366,ROW(INDEX(Jesper!AJ$2:AJ$366,ROUNDDOWN($C6971/24,0)+1,1))-1)+IF('Standard Profiles'!$G$20=$B$10,7,0)+IF('Standard Profiles'!$G$20=$B$17,14,0)+IF('Standard Profiles'!$G$20=$B$24,21,0),MOD($C6971,24)+1)/SUM(INDEX($D$3:$AA$30,INDEX(Jesper!$R$2:$R$366,ROW(INDEX(Jesper!AJ$2:AJ$366,ROUNDDOWN($C6971/24,0)+1,1))-1)+IF('Standard Profiles'!$G$20=$B$10,7,0)+IF('Standard Profiles'!$G$20=$B$17,14,0)+IF('Standard Profiles'!$G$20=$B$24,21,0),0)),0)</f>
        <v>0</v>
      </c>
      <c r="G6971" cm="1">
        <f t="array" ref="G6971">IFERROR(INDEX(Jesper!AK$2:AK$366,ROUNDDOWN($C6971/24,0)+1,1)*INDEX($D$3:$AA$30,INDEX(Jesper!$R$2:$R$366,ROW(INDEX(Jesper!AK$2:AK$366,ROUNDDOWN($C6971/24,0)+1,1))-1)+IF('Standard Profiles'!$G$21=$B$10,7,0)+IF('Standard Profiles'!$G$21=$B$17,14,0)+IF('Standard Profiles'!$G$21=$B$24,21,0),MOD($C6971,24)+1)/SUM(INDEX($D$3:$AA$30,INDEX(Jesper!$R$2:$R$366,ROW(INDEX(Jesper!AK$2:AK$366,ROUNDDOWN($C6971/24,0)+1,1))-1)+IF('Standard Profiles'!$G$21=$B$10,7,0)+IF('Standard Profiles'!$G$21=$B$17,14,0)+IF('Standard Profiles'!$G$21=$B$24,21,0),0)),0)</f>
        <v>0</v>
      </c>
      <c r="H6971" cm="1">
        <f t="array" ref="H6971">IFERROR(INDEX(Jesper!AL$2:AL$366,ROUNDDOWN($C6971/24,0)+1,1)*INDEX($D$3:$AA$30,INDEX(Jesper!$R$2:$R$366,ROW(INDEX(Jesper!AL$2:AL$366,ROUNDDOWN($C6971/24,0)+1,1))-1)+IF('Standard Profiles'!$G$22=$B$10,7,0)+IF('Standard Profiles'!$G$22=$B$17,14,0)+IF('Standard Profiles'!$G$22=$B$24,21,0),MOD($C6971,24)+1)/SUM(INDEX($D$3:$AA$30,INDEX(Jesper!$R$2:$R$366,ROW(INDEX(Jesper!AL$2:AL$366,ROUNDDOWN($C6971/24,0)+1,1))-1)+IF('Standard Profiles'!$G$22=$B$10,7,0)+IF('Standard Profiles'!$G$22=$B$17,14,0)+IF('Standard Profiles'!$G$22=$B$24,21,0),0)),0)</f>
        <v>0</v>
      </c>
      <c r="I6971">
        <f t="shared" si="776"/>
        <v>0.2211568586899231</v>
      </c>
      <c r="J6971">
        <f t="shared" si="777"/>
        <v>0.73718952896641043</v>
      </c>
      <c r="K6971">
        <f t="shared" si="778"/>
        <v>1.1057842934496156</v>
      </c>
      <c r="L6971">
        <f t="shared" si="779"/>
        <v>5.3077646085581547</v>
      </c>
      <c r="M6971">
        <f t="shared" si="780"/>
        <v>0</v>
      </c>
      <c r="N6971" s="46">
        <f t="shared" si="781"/>
        <v>45581.041666649842</v>
      </c>
    </row>
    <row r="6972" spans="2:14" x14ac:dyDescent="0.3">
      <c r="B6972">
        <f t="shared" si="775"/>
        <v>3</v>
      </c>
      <c r="C6972" s="16">
        <v>6938</v>
      </c>
      <c r="D6972" cm="1">
        <f t="array" ref="D6972">IFERROR(INDEX(Jesper!AH$2:AH$366,ROUNDDOWN($C6972/24,0)+1,1)*INDEX($D$3:$AA$30,INDEX(Jesper!$R$2:$R$366,ROW(INDEX(Jesper!AH$2:AH$366,ROUNDDOWN($C6972/24,0)+1,1))-1)+IF('Standard Profiles'!$G$18=$B$10,7,0)+IF('Standard Profiles'!$G$18=$B$17,14,0)+IF('Standard Profiles'!$G$18=$B$24,21,0),MOD($C6972,24)+1)/SUM(INDEX($D$3:$AA$30,INDEX(Jesper!$R$2:$R$366,ROW(INDEX(Jesper!AH$2:AH$366,ROUNDDOWN($C6972/24,0)+1,1))-1)+IF('Standard Profiles'!$G$18=$B$10,7,0)+IF('Standard Profiles'!$G$18=$B$17,14,0)+IF('Standard Profiles'!$G$18=$B$24,21,0),0)),0)</f>
        <v>7.3718952896641037</v>
      </c>
      <c r="E6972" cm="1">
        <f t="array" ref="E6972">IFERROR(INDEX(Jesper!AI$2:AI$366,ROUNDDOWN($C6972/24,0)+1,1)*INDEX($D$3:$AA$30,INDEX(Jesper!$R$2:$R$366,ROW(INDEX(Jesper!AI$2:AI$366,ROUNDDOWN($C6972/24,0)+1,1))-1)+IF('Standard Profiles'!$G$19=$B$10,7,0)+IF('Standard Profiles'!$G$19=$B$17,14,0)+IF('Standard Profiles'!$G$19=$B$24,21,0),MOD($C6972,24)+1)/SUM(INDEX($D$3:$AA$30,INDEX(Jesper!$R$2:$R$366,ROW(INDEX(Jesper!AI$2:AI$366,ROUNDDOWN($C6972/24,0)+1,1))-1)+IF('Standard Profiles'!$G$19=$B$10,7,0)+IF('Standard Profiles'!$G$19=$B$17,14,0)+IF('Standard Profiles'!$G$19=$B$24,21,0),0)),0)</f>
        <v>0</v>
      </c>
      <c r="F6972" cm="1">
        <f t="array" ref="F6972">IFERROR(INDEX(Jesper!AJ$2:AJ$366,ROUNDDOWN($C6972/24,0)+1,1)*INDEX($D$3:$AA$30,INDEX(Jesper!$R$2:$R$366,ROW(INDEX(Jesper!AJ$2:AJ$366,ROUNDDOWN($C6972/24,0)+1,1))-1)+IF('Standard Profiles'!$G$20=$B$10,7,0)+IF('Standard Profiles'!$G$20=$B$17,14,0)+IF('Standard Profiles'!$G$20=$B$24,21,0),MOD($C6972,24)+1)/SUM(INDEX($D$3:$AA$30,INDEX(Jesper!$R$2:$R$366,ROW(INDEX(Jesper!AJ$2:AJ$366,ROUNDDOWN($C6972/24,0)+1,1))-1)+IF('Standard Profiles'!$G$20=$B$10,7,0)+IF('Standard Profiles'!$G$20=$B$17,14,0)+IF('Standard Profiles'!$G$20=$B$24,21,0),0)),0)</f>
        <v>0</v>
      </c>
      <c r="G6972" cm="1">
        <f t="array" ref="G6972">IFERROR(INDEX(Jesper!AK$2:AK$366,ROUNDDOWN($C6972/24,0)+1,1)*INDEX($D$3:$AA$30,INDEX(Jesper!$R$2:$R$366,ROW(INDEX(Jesper!AK$2:AK$366,ROUNDDOWN($C6972/24,0)+1,1))-1)+IF('Standard Profiles'!$G$21=$B$10,7,0)+IF('Standard Profiles'!$G$21=$B$17,14,0)+IF('Standard Profiles'!$G$21=$B$24,21,0),MOD($C6972,24)+1)/SUM(INDEX($D$3:$AA$30,INDEX(Jesper!$R$2:$R$366,ROW(INDEX(Jesper!AK$2:AK$366,ROUNDDOWN($C6972/24,0)+1,1))-1)+IF('Standard Profiles'!$G$21=$B$10,7,0)+IF('Standard Profiles'!$G$21=$B$17,14,0)+IF('Standard Profiles'!$G$21=$B$24,21,0),0)),0)</f>
        <v>0</v>
      </c>
      <c r="H6972" cm="1">
        <f t="array" ref="H6972">IFERROR(INDEX(Jesper!AL$2:AL$366,ROUNDDOWN($C6972/24,0)+1,1)*INDEX($D$3:$AA$30,INDEX(Jesper!$R$2:$R$366,ROW(INDEX(Jesper!AL$2:AL$366,ROUNDDOWN($C6972/24,0)+1,1))-1)+IF('Standard Profiles'!$G$22=$B$10,7,0)+IF('Standard Profiles'!$G$22=$B$17,14,0)+IF('Standard Profiles'!$G$22=$B$24,21,0),MOD($C6972,24)+1)/SUM(INDEX($D$3:$AA$30,INDEX(Jesper!$R$2:$R$366,ROW(INDEX(Jesper!AL$2:AL$366,ROUNDDOWN($C6972/24,0)+1,1))-1)+IF('Standard Profiles'!$G$22=$B$10,7,0)+IF('Standard Profiles'!$G$22=$B$17,14,0)+IF('Standard Profiles'!$G$22=$B$24,21,0),0)),0)</f>
        <v>0</v>
      </c>
      <c r="I6972">
        <f t="shared" si="776"/>
        <v>0.2211568586899231</v>
      </c>
      <c r="J6972">
        <f t="shared" si="777"/>
        <v>0.73718952896641043</v>
      </c>
      <c r="K6972">
        <f t="shared" si="778"/>
        <v>1.1057842934496156</v>
      </c>
      <c r="L6972">
        <f t="shared" si="779"/>
        <v>5.3077646085581547</v>
      </c>
      <c r="M6972">
        <f t="shared" si="780"/>
        <v>0</v>
      </c>
      <c r="N6972" s="46">
        <f t="shared" si="781"/>
        <v>45581.083333316506</v>
      </c>
    </row>
    <row r="6973" spans="2:14" x14ac:dyDescent="0.3">
      <c r="B6973">
        <f t="shared" si="775"/>
        <v>3</v>
      </c>
      <c r="C6973" s="16">
        <v>6939</v>
      </c>
      <c r="D6973" cm="1">
        <f t="array" ref="D6973">IFERROR(INDEX(Jesper!AH$2:AH$366,ROUNDDOWN($C6973/24,0)+1,1)*INDEX($D$3:$AA$30,INDEX(Jesper!$R$2:$R$366,ROW(INDEX(Jesper!AH$2:AH$366,ROUNDDOWN($C6973/24,0)+1,1))-1)+IF('Standard Profiles'!$G$18=$B$10,7,0)+IF('Standard Profiles'!$G$18=$B$17,14,0)+IF('Standard Profiles'!$G$18=$B$24,21,0),MOD($C6973,24)+1)/SUM(INDEX($D$3:$AA$30,INDEX(Jesper!$R$2:$R$366,ROW(INDEX(Jesper!AH$2:AH$366,ROUNDDOWN($C6973/24,0)+1,1))-1)+IF('Standard Profiles'!$G$18=$B$10,7,0)+IF('Standard Profiles'!$G$18=$B$17,14,0)+IF('Standard Profiles'!$G$18=$B$24,21,0),0)),0)</f>
        <v>7.3718952896641037</v>
      </c>
      <c r="E6973" cm="1">
        <f t="array" ref="E6973">IFERROR(INDEX(Jesper!AI$2:AI$366,ROUNDDOWN($C6973/24,0)+1,1)*INDEX($D$3:$AA$30,INDEX(Jesper!$R$2:$R$366,ROW(INDEX(Jesper!AI$2:AI$366,ROUNDDOWN($C6973/24,0)+1,1))-1)+IF('Standard Profiles'!$G$19=$B$10,7,0)+IF('Standard Profiles'!$G$19=$B$17,14,0)+IF('Standard Profiles'!$G$19=$B$24,21,0),MOD($C6973,24)+1)/SUM(INDEX($D$3:$AA$30,INDEX(Jesper!$R$2:$R$366,ROW(INDEX(Jesper!AI$2:AI$366,ROUNDDOWN($C6973/24,0)+1,1))-1)+IF('Standard Profiles'!$G$19=$B$10,7,0)+IF('Standard Profiles'!$G$19=$B$17,14,0)+IF('Standard Profiles'!$G$19=$B$24,21,0),0)),0)</f>
        <v>0</v>
      </c>
      <c r="F6973" cm="1">
        <f t="array" ref="F6973">IFERROR(INDEX(Jesper!AJ$2:AJ$366,ROUNDDOWN($C6973/24,0)+1,1)*INDEX($D$3:$AA$30,INDEX(Jesper!$R$2:$R$366,ROW(INDEX(Jesper!AJ$2:AJ$366,ROUNDDOWN($C6973/24,0)+1,1))-1)+IF('Standard Profiles'!$G$20=$B$10,7,0)+IF('Standard Profiles'!$G$20=$B$17,14,0)+IF('Standard Profiles'!$G$20=$B$24,21,0),MOD($C6973,24)+1)/SUM(INDEX($D$3:$AA$30,INDEX(Jesper!$R$2:$R$366,ROW(INDEX(Jesper!AJ$2:AJ$366,ROUNDDOWN($C6973/24,0)+1,1))-1)+IF('Standard Profiles'!$G$20=$B$10,7,0)+IF('Standard Profiles'!$G$20=$B$17,14,0)+IF('Standard Profiles'!$G$20=$B$24,21,0),0)),0)</f>
        <v>0</v>
      </c>
      <c r="G6973" cm="1">
        <f t="array" ref="G6973">IFERROR(INDEX(Jesper!AK$2:AK$366,ROUNDDOWN($C6973/24,0)+1,1)*INDEX($D$3:$AA$30,INDEX(Jesper!$R$2:$R$366,ROW(INDEX(Jesper!AK$2:AK$366,ROUNDDOWN($C6973/24,0)+1,1))-1)+IF('Standard Profiles'!$G$21=$B$10,7,0)+IF('Standard Profiles'!$G$21=$B$17,14,0)+IF('Standard Profiles'!$G$21=$B$24,21,0),MOD($C6973,24)+1)/SUM(INDEX($D$3:$AA$30,INDEX(Jesper!$R$2:$R$366,ROW(INDEX(Jesper!AK$2:AK$366,ROUNDDOWN($C6973/24,0)+1,1))-1)+IF('Standard Profiles'!$G$21=$B$10,7,0)+IF('Standard Profiles'!$G$21=$B$17,14,0)+IF('Standard Profiles'!$G$21=$B$24,21,0),0)),0)</f>
        <v>0</v>
      </c>
      <c r="H6973" cm="1">
        <f t="array" ref="H6973">IFERROR(INDEX(Jesper!AL$2:AL$366,ROUNDDOWN($C6973/24,0)+1,1)*INDEX($D$3:$AA$30,INDEX(Jesper!$R$2:$R$366,ROW(INDEX(Jesper!AL$2:AL$366,ROUNDDOWN($C6973/24,0)+1,1))-1)+IF('Standard Profiles'!$G$22=$B$10,7,0)+IF('Standard Profiles'!$G$22=$B$17,14,0)+IF('Standard Profiles'!$G$22=$B$24,21,0),MOD($C6973,24)+1)/SUM(INDEX($D$3:$AA$30,INDEX(Jesper!$R$2:$R$366,ROW(INDEX(Jesper!AL$2:AL$366,ROUNDDOWN($C6973/24,0)+1,1))-1)+IF('Standard Profiles'!$G$22=$B$10,7,0)+IF('Standard Profiles'!$G$22=$B$17,14,0)+IF('Standard Profiles'!$G$22=$B$24,21,0),0)),0)</f>
        <v>0</v>
      </c>
      <c r="I6973">
        <f t="shared" si="776"/>
        <v>0.2211568586899231</v>
      </c>
      <c r="J6973">
        <f t="shared" si="777"/>
        <v>0.73718952896641043</v>
      </c>
      <c r="K6973">
        <f t="shared" si="778"/>
        <v>1.1057842934496156</v>
      </c>
      <c r="L6973">
        <f t="shared" si="779"/>
        <v>5.3077646085581547</v>
      </c>
      <c r="M6973">
        <f t="shared" si="780"/>
        <v>0</v>
      </c>
      <c r="N6973" s="46">
        <f t="shared" si="781"/>
        <v>45581.124999983171</v>
      </c>
    </row>
    <row r="6974" spans="2:14" x14ac:dyDescent="0.3">
      <c r="B6974">
        <f t="shared" si="775"/>
        <v>3</v>
      </c>
      <c r="C6974" s="16">
        <v>6940</v>
      </c>
      <c r="D6974" cm="1">
        <f t="array" ref="D6974">IFERROR(INDEX(Jesper!AH$2:AH$366,ROUNDDOWN($C6974/24,0)+1,1)*INDEX($D$3:$AA$30,INDEX(Jesper!$R$2:$R$366,ROW(INDEX(Jesper!AH$2:AH$366,ROUNDDOWN($C6974/24,0)+1,1))-1)+IF('Standard Profiles'!$G$18=$B$10,7,0)+IF('Standard Profiles'!$G$18=$B$17,14,0)+IF('Standard Profiles'!$G$18=$B$24,21,0),MOD($C6974,24)+1)/SUM(INDEX($D$3:$AA$30,INDEX(Jesper!$R$2:$R$366,ROW(INDEX(Jesper!AH$2:AH$366,ROUNDDOWN($C6974/24,0)+1,1))-1)+IF('Standard Profiles'!$G$18=$B$10,7,0)+IF('Standard Profiles'!$G$18=$B$17,14,0)+IF('Standard Profiles'!$G$18=$B$24,21,0),0)),0)</f>
        <v>7.3718952896641037</v>
      </c>
      <c r="E6974" cm="1">
        <f t="array" ref="E6974">IFERROR(INDEX(Jesper!AI$2:AI$366,ROUNDDOWN($C6974/24,0)+1,1)*INDEX($D$3:$AA$30,INDEX(Jesper!$R$2:$R$366,ROW(INDEX(Jesper!AI$2:AI$366,ROUNDDOWN($C6974/24,0)+1,1))-1)+IF('Standard Profiles'!$G$19=$B$10,7,0)+IF('Standard Profiles'!$G$19=$B$17,14,0)+IF('Standard Profiles'!$G$19=$B$24,21,0),MOD($C6974,24)+1)/SUM(INDEX($D$3:$AA$30,INDEX(Jesper!$R$2:$R$366,ROW(INDEX(Jesper!AI$2:AI$366,ROUNDDOWN($C6974/24,0)+1,1))-1)+IF('Standard Profiles'!$G$19=$B$10,7,0)+IF('Standard Profiles'!$G$19=$B$17,14,0)+IF('Standard Profiles'!$G$19=$B$24,21,0),0)),0)</f>
        <v>0</v>
      </c>
      <c r="F6974" cm="1">
        <f t="array" ref="F6974">IFERROR(INDEX(Jesper!AJ$2:AJ$366,ROUNDDOWN($C6974/24,0)+1,1)*INDEX($D$3:$AA$30,INDEX(Jesper!$R$2:$R$366,ROW(INDEX(Jesper!AJ$2:AJ$366,ROUNDDOWN($C6974/24,0)+1,1))-1)+IF('Standard Profiles'!$G$20=$B$10,7,0)+IF('Standard Profiles'!$G$20=$B$17,14,0)+IF('Standard Profiles'!$G$20=$B$24,21,0),MOD($C6974,24)+1)/SUM(INDEX($D$3:$AA$30,INDEX(Jesper!$R$2:$R$366,ROW(INDEX(Jesper!AJ$2:AJ$366,ROUNDDOWN($C6974/24,0)+1,1))-1)+IF('Standard Profiles'!$G$20=$B$10,7,0)+IF('Standard Profiles'!$G$20=$B$17,14,0)+IF('Standard Profiles'!$G$20=$B$24,21,0),0)),0)</f>
        <v>0</v>
      </c>
      <c r="G6974" cm="1">
        <f t="array" ref="G6974">IFERROR(INDEX(Jesper!AK$2:AK$366,ROUNDDOWN($C6974/24,0)+1,1)*INDEX($D$3:$AA$30,INDEX(Jesper!$R$2:$R$366,ROW(INDEX(Jesper!AK$2:AK$366,ROUNDDOWN($C6974/24,0)+1,1))-1)+IF('Standard Profiles'!$G$21=$B$10,7,0)+IF('Standard Profiles'!$G$21=$B$17,14,0)+IF('Standard Profiles'!$G$21=$B$24,21,0),MOD($C6974,24)+1)/SUM(INDEX($D$3:$AA$30,INDEX(Jesper!$R$2:$R$366,ROW(INDEX(Jesper!AK$2:AK$366,ROUNDDOWN($C6974/24,0)+1,1))-1)+IF('Standard Profiles'!$G$21=$B$10,7,0)+IF('Standard Profiles'!$G$21=$B$17,14,0)+IF('Standard Profiles'!$G$21=$B$24,21,0),0)),0)</f>
        <v>0</v>
      </c>
      <c r="H6974" cm="1">
        <f t="array" ref="H6974">IFERROR(INDEX(Jesper!AL$2:AL$366,ROUNDDOWN($C6974/24,0)+1,1)*INDEX($D$3:$AA$30,INDEX(Jesper!$R$2:$R$366,ROW(INDEX(Jesper!AL$2:AL$366,ROUNDDOWN($C6974/24,0)+1,1))-1)+IF('Standard Profiles'!$G$22=$B$10,7,0)+IF('Standard Profiles'!$G$22=$B$17,14,0)+IF('Standard Profiles'!$G$22=$B$24,21,0),MOD($C6974,24)+1)/SUM(INDEX($D$3:$AA$30,INDEX(Jesper!$R$2:$R$366,ROW(INDEX(Jesper!AL$2:AL$366,ROUNDDOWN($C6974/24,0)+1,1))-1)+IF('Standard Profiles'!$G$22=$B$10,7,0)+IF('Standard Profiles'!$G$22=$B$17,14,0)+IF('Standard Profiles'!$G$22=$B$24,21,0),0)),0)</f>
        <v>0</v>
      </c>
      <c r="I6974">
        <f t="shared" si="776"/>
        <v>0.2211568586899231</v>
      </c>
      <c r="J6974">
        <f t="shared" si="777"/>
        <v>0.73718952896641043</v>
      </c>
      <c r="K6974">
        <f t="shared" si="778"/>
        <v>1.1057842934496156</v>
      </c>
      <c r="L6974">
        <f t="shared" si="779"/>
        <v>5.3077646085581547</v>
      </c>
      <c r="M6974">
        <f t="shared" si="780"/>
        <v>0</v>
      </c>
      <c r="N6974" s="46">
        <f t="shared" si="781"/>
        <v>45581.166666649835</v>
      </c>
    </row>
    <row r="6975" spans="2:14" x14ac:dyDescent="0.3">
      <c r="B6975">
        <f t="shared" si="775"/>
        <v>3</v>
      </c>
      <c r="C6975" s="16">
        <v>6941</v>
      </c>
      <c r="D6975" cm="1">
        <f t="array" ref="D6975">IFERROR(INDEX(Jesper!AH$2:AH$366,ROUNDDOWN($C6975/24,0)+1,1)*INDEX($D$3:$AA$30,INDEX(Jesper!$R$2:$R$366,ROW(INDEX(Jesper!AH$2:AH$366,ROUNDDOWN($C6975/24,0)+1,1))-1)+IF('Standard Profiles'!$G$18=$B$10,7,0)+IF('Standard Profiles'!$G$18=$B$17,14,0)+IF('Standard Profiles'!$G$18=$B$24,21,0),MOD($C6975,24)+1)/SUM(INDEX($D$3:$AA$30,INDEX(Jesper!$R$2:$R$366,ROW(INDEX(Jesper!AH$2:AH$366,ROUNDDOWN($C6975/24,0)+1,1))-1)+IF('Standard Profiles'!$G$18=$B$10,7,0)+IF('Standard Profiles'!$G$18=$B$17,14,0)+IF('Standard Profiles'!$G$18=$B$24,21,0),0)),0)</f>
        <v>9.5015539289004014</v>
      </c>
      <c r="E6975" cm="1">
        <f t="array" ref="E6975">IFERROR(INDEX(Jesper!AI$2:AI$366,ROUNDDOWN($C6975/24,0)+1,1)*INDEX($D$3:$AA$30,INDEX(Jesper!$R$2:$R$366,ROW(INDEX(Jesper!AI$2:AI$366,ROUNDDOWN($C6975/24,0)+1,1))-1)+IF('Standard Profiles'!$G$19=$B$10,7,0)+IF('Standard Profiles'!$G$19=$B$17,14,0)+IF('Standard Profiles'!$G$19=$B$24,21,0),MOD($C6975,24)+1)/SUM(INDEX($D$3:$AA$30,INDEX(Jesper!$R$2:$R$366,ROW(INDEX(Jesper!AI$2:AI$366,ROUNDDOWN($C6975/24,0)+1,1))-1)+IF('Standard Profiles'!$G$19=$B$10,7,0)+IF('Standard Profiles'!$G$19=$B$17,14,0)+IF('Standard Profiles'!$G$19=$B$24,21,0),0)),0)</f>
        <v>0</v>
      </c>
      <c r="F6975" cm="1">
        <f t="array" ref="F6975">IFERROR(INDEX(Jesper!AJ$2:AJ$366,ROUNDDOWN($C6975/24,0)+1,1)*INDEX($D$3:$AA$30,INDEX(Jesper!$R$2:$R$366,ROW(INDEX(Jesper!AJ$2:AJ$366,ROUNDDOWN($C6975/24,0)+1,1))-1)+IF('Standard Profiles'!$G$20=$B$10,7,0)+IF('Standard Profiles'!$G$20=$B$17,14,0)+IF('Standard Profiles'!$G$20=$B$24,21,0),MOD($C6975,24)+1)/SUM(INDEX($D$3:$AA$30,INDEX(Jesper!$R$2:$R$366,ROW(INDEX(Jesper!AJ$2:AJ$366,ROUNDDOWN($C6975/24,0)+1,1))-1)+IF('Standard Profiles'!$G$20=$B$10,7,0)+IF('Standard Profiles'!$G$20=$B$17,14,0)+IF('Standard Profiles'!$G$20=$B$24,21,0),0)),0)</f>
        <v>0</v>
      </c>
      <c r="G6975" cm="1">
        <f t="array" ref="G6975">IFERROR(INDEX(Jesper!AK$2:AK$366,ROUNDDOWN($C6975/24,0)+1,1)*INDEX($D$3:$AA$30,INDEX(Jesper!$R$2:$R$366,ROW(INDEX(Jesper!AK$2:AK$366,ROUNDDOWN($C6975/24,0)+1,1))-1)+IF('Standard Profiles'!$G$21=$B$10,7,0)+IF('Standard Profiles'!$G$21=$B$17,14,0)+IF('Standard Profiles'!$G$21=$B$24,21,0),MOD($C6975,24)+1)/SUM(INDEX($D$3:$AA$30,INDEX(Jesper!$R$2:$R$366,ROW(INDEX(Jesper!AK$2:AK$366,ROUNDDOWN($C6975/24,0)+1,1))-1)+IF('Standard Profiles'!$G$21=$B$10,7,0)+IF('Standard Profiles'!$G$21=$B$17,14,0)+IF('Standard Profiles'!$G$21=$B$24,21,0),0)),0)</f>
        <v>0</v>
      </c>
      <c r="H6975" cm="1">
        <f t="array" ref="H6975">IFERROR(INDEX(Jesper!AL$2:AL$366,ROUNDDOWN($C6975/24,0)+1,1)*INDEX($D$3:$AA$30,INDEX(Jesper!$R$2:$R$366,ROW(INDEX(Jesper!AL$2:AL$366,ROUNDDOWN($C6975/24,0)+1,1))-1)+IF('Standard Profiles'!$G$22=$B$10,7,0)+IF('Standard Profiles'!$G$22=$B$17,14,0)+IF('Standard Profiles'!$G$22=$B$24,21,0),MOD($C6975,24)+1)/SUM(INDEX($D$3:$AA$30,INDEX(Jesper!$R$2:$R$366,ROW(INDEX(Jesper!AL$2:AL$366,ROUNDDOWN($C6975/24,0)+1,1))-1)+IF('Standard Profiles'!$G$22=$B$10,7,0)+IF('Standard Profiles'!$G$22=$B$17,14,0)+IF('Standard Profiles'!$G$22=$B$24,21,0),0)),0)</f>
        <v>0</v>
      </c>
      <c r="I6975">
        <f t="shared" si="776"/>
        <v>0.28504661786701202</v>
      </c>
      <c r="J6975">
        <f t="shared" si="777"/>
        <v>0.95015539289004014</v>
      </c>
      <c r="K6975">
        <f t="shared" si="778"/>
        <v>1.4252330893350602</v>
      </c>
      <c r="L6975">
        <f t="shared" si="779"/>
        <v>6.8411188288082885</v>
      </c>
      <c r="M6975">
        <f t="shared" si="780"/>
        <v>0</v>
      </c>
      <c r="N6975" s="46">
        <f t="shared" si="781"/>
        <v>45581.208333316499</v>
      </c>
    </row>
    <row r="6976" spans="2:14" x14ac:dyDescent="0.3">
      <c r="B6976">
        <f t="shared" si="775"/>
        <v>3</v>
      </c>
      <c r="C6976" s="16">
        <v>6942</v>
      </c>
      <c r="D6976" cm="1">
        <f t="array" ref="D6976">IFERROR(INDEX(Jesper!AH$2:AH$366,ROUNDDOWN($C6976/24,0)+1,1)*INDEX($D$3:$AA$30,INDEX(Jesper!$R$2:$R$366,ROW(INDEX(Jesper!AH$2:AH$366,ROUNDDOWN($C6976/24,0)+1,1))-1)+IF('Standard Profiles'!$G$18=$B$10,7,0)+IF('Standard Profiles'!$G$18=$B$17,14,0)+IF('Standard Profiles'!$G$18=$B$24,21,0),MOD($C6976,24)+1)/SUM(INDEX($D$3:$AA$30,INDEX(Jesper!$R$2:$R$366,ROW(INDEX(Jesper!AH$2:AH$366,ROUNDDOWN($C6976/24,0)+1,1))-1)+IF('Standard Profiles'!$G$18=$B$10,7,0)+IF('Standard Profiles'!$G$18=$B$17,14,0)+IF('Standard Profiles'!$G$18=$B$24,21,0),0)),0)</f>
        <v>10.975932986833223</v>
      </c>
      <c r="E6976" cm="1">
        <f t="array" ref="E6976">IFERROR(INDEX(Jesper!AI$2:AI$366,ROUNDDOWN($C6976/24,0)+1,1)*INDEX($D$3:$AA$30,INDEX(Jesper!$R$2:$R$366,ROW(INDEX(Jesper!AI$2:AI$366,ROUNDDOWN($C6976/24,0)+1,1))-1)+IF('Standard Profiles'!$G$19=$B$10,7,0)+IF('Standard Profiles'!$G$19=$B$17,14,0)+IF('Standard Profiles'!$G$19=$B$24,21,0),MOD($C6976,24)+1)/SUM(INDEX($D$3:$AA$30,INDEX(Jesper!$R$2:$R$366,ROW(INDEX(Jesper!AI$2:AI$366,ROUNDDOWN($C6976/24,0)+1,1))-1)+IF('Standard Profiles'!$G$19=$B$10,7,0)+IF('Standard Profiles'!$G$19=$B$17,14,0)+IF('Standard Profiles'!$G$19=$B$24,21,0),0)),0)</f>
        <v>0</v>
      </c>
      <c r="F6976" cm="1">
        <f t="array" ref="F6976">IFERROR(INDEX(Jesper!AJ$2:AJ$366,ROUNDDOWN($C6976/24,0)+1,1)*INDEX($D$3:$AA$30,INDEX(Jesper!$R$2:$R$366,ROW(INDEX(Jesper!AJ$2:AJ$366,ROUNDDOWN($C6976/24,0)+1,1))-1)+IF('Standard Profiles'!$G$20=$B$10,7,0)+IF('Standard Profiles'!$G$20=$B$17,14,0)+IF('Standard Profiles'!$G$20=$B$24,21,0),MOD($C6976,24)+1)/SUM(INDEX($D$3:$AA$30,INDEX(Jesper!$R$2:$R$366,ROW(INDEX(Jesper!AJ$2:AJ$366,ROUNDDOWN($C6976/24,0)+1,1))-1)+IF('Standard Profiles'!$G$20=$B$10,7,0)+IF('Standard Profiles'!$G$20=$B$17,14,0)+IF('Standard Profiles'!$G$20=$B$24,21,0),0)),0)</f>
        <v>0</v>
      </c>
      <c r="G6976" cm="1">
        <f t="array" ref="G6976">IFERROR(INDEX(Jesper!AK$2:AK$366,ROUNDDOWN($C6976/24,0)+1,1)*INDEX($D$3:$AA$30,INDEX(Jesper!$R$2:$R$366,ROW(INDEX(Jesper!AK$2:AK$366,ROUNDDOWN($C6976/24,0)+1,1))-1)+IF('Standard Profiles'!$G$21=$B$10,7,0)+IF('Standard Profiles'!$G$21=$B$17,14,0)+IF('Standard Profiles'!$G$21=$B$24,21,0),MOD($C6976,24)+1)/SUM(INDEX($D$3:$AA$30,INDEX(Jesper!$R$2:$R$366,ROW(INDEX(Jesper!AK$2:AK$366,ROUNDDOWN($C6976/24,0)+1,1))-1)+IF('Standard Profiles'!$G$21=$B$10,7,0)+IF('Standard Profiles'!$G$21=$B$17,14,0)+IF('Standard Profiles'!$G$21=$B$24,21,0),0)),0)</f>
        <v>0</v>
      </c>
      <c r="H6976" cm="1">
        <f t="array" ref="H6976">IFERROR(INDEX(Jesper!AL$2:AL$366,ROUNDDOWN($C6976/24,0)+1,1)*INDEX($D$3:$AA$30,INDEX(Jesper!$R$2:$R$366,ROW(INDEX(Jesper!AL$2:AL$366,ROUNDDOWN($C6976/24,0)+1,1))-1)+IF('Standard Profiles'!$G$22=$B$10,7,0)+IF('Standard Profiles'!$G$22=$B$17,14,0)+IF('Standard Profiles'!$G$22=$B$24,21,0),MOD($C6976,24)+1)/SUM(INDEX($D$3:$AA$30,INDEX(Jesper!$R$2:$R$366,ROW(INDEX(Jesper!AL$2:AL$366,ROUNDDOWN($C6976/24,0)+1,1))-1)+IF('Standard Profiles'!$G$22=$B$10,7,0)+IF('Standard Profiles'!$G$22=$B$17,14,0)+IF('Standard Profiles'!$G$22=$B$24,21,0),0)),0)</f>
        <v>0</v>
      </c>
      <c r="I6976">
        <f t="shared" si="776"/>
        <v>0.32927798960499671</v>
      </c>
      <c r="J6976">
        <f t="shared" si="777"/>
        <v>1.0975932986833223</v>
      </c>
      <c r="K6976">
        <f t="shared" si="778"/>
        <v>1.6463899480249835</v>
      </c>
      <c r="L6976">
        <f t="shared" si="779"/>
        <v>7.9026717505199207</v>
      </c>
      <c r="M6976">
        <f t="shared" si="780"/>
        <v>0</v>
      </c>
      <c r="N6976" s="46">
        <f t="shared" si="781"/>
        <v>45581.249999983163</v>
      </c>
    </row>
    <row r="6977" spans="2:14" x14ac:dyDescent="0.3">
      <c r="B6977">
        <f t="shared" si="775"/>
        <v>3</v>
      </c>
      <c r="C6977" s="16">
        <v>6943</v>
      </c>
      <c r="D6977" cm="1">
        <f t="array" ref="D6977">IFERROR(INDEX(Jesper!AH$2:AH$366,ROUNDDOWN($C6977/24,0)+1,1)*INDEX($D$3:$AA$30,INDEX(Jesper!$R$2:$R$366,ROW(INDEX(Jesper!AH$2:AH$366,ROUNDDOWN($C6977/24,0)+1,1))-1)+IF('Standard Profiles'!$G$18=$B$10,7,0)+IF('Standard Profiles'!$G$18=$B$17,14,0)+IF('Standard Profiles'!$G$18=$B$24,21,0),MOD($C6977,24)+1)/SUM(INDEX($D$3:$AA$30,INDEX(Jesper!$R$2:$R$366,ROW(INDEX(Jesper!AH$2:AH$366,ROUNDDOWN($C6977/24,0)+1,1))-1)+IF('Standard Profiles'!$G$18=$B$10,7,0)+IF('Standard Profiles'!$G$18=$B$17,14,0)+IF('Standard Profiles'!$G$18=$B$24,21,0),0)),0)</f>
        <v>10.975932986833223</v>
      </c>
      <c r="E6977" cm="1">
        <f t="array" ref="E6977">IFERROR(INDEX(Jesper!AI$2:AI$366,ROUNDDOWN($C6977/24,0)+1,1)*INDEX($D$3:$AA$30,INDEX(Jesper!$R$2:$R$366,ROW(INDEX(Jesper!AI$2:AI$366,ROUNDDOWN($C6977/24,0)+1,1))-1)+IF('Standard Profiles'!$G$19=$B$10,7,0)+IF('Standard Profiles'!$G$19=$B$17,14,0)+IF('Standard Profiles'!$G$19=$B$24,21,0),MOD($C6977,24)+1)/SUM(INDEX($D$3:$AA$30,INDEX(Jesper!$R$2:$R$366,ROW(INDEX(Jesper!AI$2:AI$366,ROUNDDOWN($C6977/24,0)+1,1))-1)+IF('Standard Profiles'!$G$19=$B$10,7,0)+IF('Standard Profiles'!$G$19=$B$17,14,0)+IF('Standard Profiles'!$G$19=$B$24,21,0),0)),0)</f>
        <v>0</v>
      </c>
      <c r="F6977" cm="1">
        <f t="array" ref="F6977">IFERROR(INDEX(Jesper!AJ$2:AJ$366,ROUNDDOWN($C6977/24,0)+1,1)*INDEX($D$3:$AA$30,INDEX(Jesper!$R$2:$R$366,ROW(INDEX(Jesper!AJ$2:AJ$366,ROUNDDOWN($C6977/24,0)+1,1))-1)+IF('Standard Profiles'!$G$20=$B$10,7,0)+IF('Standard Profiles'!$G$20=$B$17,14,0)+IF('Standard Profiles'!$G$20=$B$24,21,0),MOD($C6977,24)+1)/SUM(INDEX($D$3:$AA$30,INDEX(Jesper!$R$2:$R$366,ROW(INDEX(Jesper!AJ$2:AJ$366,ROUNDDOWN($C6977/24,0)+1,1))-1)+IF('Standard Profiles'!$G$20=$B$10,7,0)+IF('Standard Profiles'!$G$20=$B$17,14,0)+IF('Standard Profiles'!$G$20=$B$24,21,0),0)),0)</f>
        <v>0</v>
      </c>
      <c r="G6977" cm="1">
        <f t="array" ref="G6977">IFERROR(INDEX(Jesper!AK$2:AK$366,ROUNDDOWN($C6977/24,0)+1,1)*INDEX($D$3:$AA$30,INDEX(Jesper!$R$2:$R$366,ROW(INDEX(Jesper!AK$2:AK$366,ROUNDDOWN($C6977/24,0)+1,1))-1)+IF('Standard Profiles'!$G$21=$B$10,7,0)+IF('Standard Profiles'!$G$21=$B$17,14,0)+IF('Standard Profiles'!$G$21=$B$24,21,0),MOD($C6977,24)+1)/SUM(INDEX($D$3:$AA$30,INDEX(Jesper!$R$2:$R$366,ROW(INDEX(Jesper!AK$2:AK$366,ROUNDDOWN($C6977/24,0)+1,1))-1)+IF('Standard Profiles'!$G$21=$B$10,7,0)+IF('Standard Profiles'!$G$21=$B$17,14,0)+IF('Standard Profiles'!$G$21=$B$24,21,0),0)),0)</f>
        <v>0</v>
      </c>
      <c r="H6977" cm="1">
        <f t="array" ref="H6977">IFERROR(INDEX(Jesper!AL$2:AL$366,ROUNDDOWN($C6977/24,0)+1,1)*INDEX($D$3:$AA$30,INDEX(Jesper!$R$2:$R$366,ROW(INDEX(Jesper!AL$2:AL$366,ROUNDDOWN($C6977/24,0)+1,1))-1)+IF('Standard Profiles'!$G$22=$B$10,7,0)+IF('Standard Profiles'!$G$22=$B$17,14,0)+IF('Standard Profiles'!$G$22=$B$24,21,0),MOD($C6977,24)+1)/SUM(INDEX($D$3:$AA$30,INDEX(Jesper!$R$2:$R$366,ROW(INDEX(Jesper!AL$2:AL$366,ROUNDDOWN($C6977/24,0)+1,1))-1)+IF('Standard Profiles'!$G$22=$B$10,7,0)+IF('Standard Profiles'!$G$22=$B$17,14,0)+IF('Standard Profiles'!$G$22=$B$24,21,0),0)),0)</f>
        <v>0</v>
      </c>
      <c r="I6977">
        <f t="shared" si="776"/>
        <v>0.32927798960499671</v>
      </c>
      <c r="J6977">
        <f t="shared" si="777"/>
        <v>1.0975932986833223</v>
      </c>
      <c r="K6977">
        <f t="shared" si="778"/>
        <v>1.6463899480249835</v>
      </c>
      <c r="L6977">
        <f t="shared" si="779"/>
        <v>7.9026717505199207</v>
      </c>
      <c r="M6977">
        <f t="shared" si="780"/>
        <v>0</v>
      </c>
      <c r="N6977" s="46">
        <f t="shared" si="781"/>
        <v>45581.291666649828</v>
      </c>
    </row>
    <row r="6978" spans="2:14" x14ac:dyDescent="0.3">
      <c r="B6978">
        <f t="shared" si="775"/>
        <v>3</v>
      </c>
      <c r="C6978" s="16">
        <v>6944</v>
      </c>
      <c r="D6978" cm="1">
        <f t="array" ref="D6978">IFERROR(INDEX(Jesper!AH$2:AH$366,ROUNDDOWN($C6978/24,0)+1,1)*INDEX($D$3:$AA$30,INDEX(Jesper!$R$2:$R$366,ROW(INDEX(Jesper!AH$2:AH$366,ROUNDDOWN($C6978/24,0)+1,1))-1)+IF('Standard Profiles'!$G$18=$B$10,7,0)+IF('Standard Profiles'!$G$18=$B$17,14,0)+IF('Standard Profiles'!$G$18=$B$24,21,0),MOD($C6978,24)+1)/SUM(INDEX($D$3:$AA$30,INDEX(Jesper!$R$2:$R$366,ROW(INDEX(Jesper!AH$2:AH$366,ROUNDDOWN($C6978/24,0)+1,1))-1)+IF('Standard Profiles'!$G$18=$B$10,7,0)+IF('Standard Profiles'!$G$18=$B$17,14,0)+IF('Standard Profiles'!$G$18=$B$24,21,0),0)),0)</f>
        <v>10.975932986833223</v>
      </c>
      <c r="E6978" cm="1">
        <f t="array" ref="E6978">IFERROR(INDEX(Jesper!AI$2:AI$366,ROUNDDOWN($C6978/24,0)+1,1)*INDEX($D$3:$AA$30,INDEX(Jesper!$R$2:$R$366,ROW(INDEX(Jesper!AI$2:AI$366,ROUNDDOWN($C6978/24,0)+1,1))-1)+IF('Standard Profiles'!$G$19=$B$10,7,0)+IF('Standard Profiles'!$G$19=$B$17,14,0)+IF('Standard Profiles'!$G$19=$B$24,21,0),MOD($C6978,24)+1)/SUM(INDEX($D$3:$AA$30,INDEX(Jesper!$R$2:$R$366,ROW(INDEX(Jesper!AI$2:AI$366,ROUNDDOWN($C6978/24,0)+1,1))-1)+IF('Standard Profiles'!$G$19=$B$10,7,0)+IF('Standard Profiles'!$G$19=$B$17,14,0)+IF('Standard Profiles'!$G$19=$B$24,21,0),0)),0)</f>
        <v>0</v>
      </c>
      <c r="F6978" cm="1">
        <f t="array" ref="F6978">IFERROR(INDEX(Jesper!AJ$2:AJ$366,ROUNDDOWN($C6978/24,0)+1,1)*INDEX($D$3:$AA$30,INDEX(Jesper!$R$2:$R$366,ROW(INDEX(Jesper!AJ$2:AJ$366,ROUNDDOWN($C6978/24,0)+1,1))-1)+IF('Standard Profiles'!$G$20=$B$10,7,0)+IF('Standard Profiles'!$G$20=$B$17,14,0)+IF('Standard Profiles'!$G$20=$B$24,21,0),MOD($C6978,24)+1)/SUM(INDEX($D$3:$AA$30,INDEX(Jesper!$R$2:$R$366,ROW(INDEX(Jesper!AJ$2:AJ$366,ROUNDDOWN($C6978/24,0)+1,1))-1)+IF('Standard Profiles'!$G$20=$B$10,7,0)+IF('Standard Profiles'!$G$20=$B$17,14,0)+IF('Standard Profiles'!$G$20=$B$24,21,0),0)),0)</f>
        <v>0</v>
      </c>
      <c r="G6978" cm="1">
        <f t="array" ref="G6978">IFERROR(INDEX(Jesper!AK$2:AK$366,ROUNDDOWN($C6978/24,0)+1,1)*INDEX($D$3:$AA$30,INDEX(Jesper!$R$2:$R$366,ROW(INDEX(Jesper!AK$2:AK$366,ROUNDDOWN($C6978/24,0)+1,1))-1)+IF('Standard Profiles'!$G$21=$B$10,7,0)+IF('Standard Profiles'!$G$21=$B$17,14,0)+IF('Standard Profiles'!$G$21=$B$24,21,0),MOD($C6978,24)+1)/SUM(INDEX($D$3:$AA$30,INDEX(Jesper!$R$2:$R$366,ROW(INDEX(Jesper!AK$2:AK$366,ROUNDDOWN($C6978/24,0)+1,1))-1)+IF('Standard Profiles'!$G$21=$B$10,7,0)+IF('Standard Profiles'!$G$21=$B$17,14,0)+IF('Standard Profiles'!$G$21=$B$24,21,0),0)),0)</f>
        <v>0</v>
      </c>
      <c r="H6978" cm="1">
        <f t="array" ref="H6978">IFERROR(INDEX(Jesper!AL$2:AL$366,ROUNDDOWN($C6978/24,0)+1,1)*INDEX($D$3:$AA$30,INDEX(Jesper!$R$2:$R$366,ROW(INDEX(Jesper!AL$2:AL$366,ROUNDDOWN($C6978/24,0)+1,1))-1)+IF('Standard Profiles'!$G$22=$B$10,7,0)+IF('Standard Profiles'!$G$22=$B$17,14,0)+IF('Standard Profiles'!$G$22=$B$24,21,0),MOD($C6978,24)+1)/SUM(INDEX($D$3:$AA$30,INDEX(Jesper!$R$2:$R$366,ROW(INDEX(Jesper!AL$2:AL$366,ROUNDDOWN($C6978/24,0)+1,1))-1)+IF('Standard Profiles'!$G$22=$B$10,7,0)+IF('Standard Profiles'!$G$22=$B$17,14,0)+IF('Standard Profiles'!$G$22=$B$24,21,0),0)),0)</f>
        <v>0</v>
      </c>
      <c r="I6978">
        <f t="shared" si="776"/>
        <v>0.32927798960499671</v>
      </c>
      <c r="J6978">
        <f t="shared" si="777"/>
        <v>1.0975932986833223</v>
      </c>
      <c r="K6978">
        <f t="shared" si="778"/>
        <v>1.6463899480249835</v>
      </c>
      <c r="L6978">
        <f t="shared" si="779"/>
        <v>7.9026717505199207</v>
      </c>
      <c r="M6978">
        <f t="shared" si="780"/>
        <v>0</v>
      </c>
      <c r="N6978" s="46">
        <f t="shared" si="781"/>
        <v>45581.333333316492</v>
      </c>
    </row>
    <row r="6979" spans="2:14" x14ac:dyDescent="0.3">
      <c r="B6979">
        <f t="shared" si="775"/>
        <v>3</v>
      </c>
      <c r="C6979" s="16">
        <v>6945</v>
      </c>
      <c r="D6979" cm="1">
        <f t="array" ref="D6979">IFERROR(INDEX(Jesper!AH$2:AH$366,ROUNDDOWN($C6979/24,0)+1,1)*INDEX($D$3:$AA$30,INDEX(Jesper!$R$2:$R$366,ROW(INDEX(Jesper!AH$2:AH$366,ROUNDDOWN($C6979/24,0)+1,1))-1)+IF('Standard Profiles'!$G$18=$B$10,7,0)+IF('Standard Profiles'!$G$18=$B$17,14,0)+IF('Standard Profiles'!$G$18=$B$24,21,0),MOD($C6979,24)+1)/SUM(INDEX($D$3:$AA$30,INDEX(Jesper!$R$2:$R$366,ROW(INDEX(Jesper!AH$2:AH$366,ROUNDDOWN($C6979/24,0)+1,1))-1)+IF('Standard Profiles'!$G$18=$B$10,7,0)+IF('Standard Profiles'!$G$18=$B$17,14,0)+IF('Standard Profiles'!$G$18=$B$24,21,0),0)),0)</f>
        <v>11.795032463462567</v>
      </c>
      <c r="E6979" cm="1">
        <f t="array" ref="E6979">IFERROR(INDEX(Jesper!AI$2:AI$366,ROUNDDOWN($C6979/24,0)+1,1)*INDEX($D$3:$AA$30,INDEX(Jesper!$R$2:$R$366,ROW(INDEX(Jesper!AI$2:AI$366,ROUNDDOWN($C6979/24,0)+1,1))-1)+IF('Standard Profiles'!$G$19=$B$10,7,0)+IF('Standard Profiles'!$G$19=$B$17,14,0)+IF('Standard Profiles'!$G$19=$B$24,21,0),MOD($C6979,24)+1)/SUM(INDEX($D$3:$AA$30,INDEX(Jesper!$R$2:$R$366,ROW(INDEX(Jesper!AI$2:AI$366,ROUNDDOWN($C6979/24,0)+1,1))-1)+IF('Standard Profiles'!$G$19=$B$10,7,0)+IF('Standard Profiles'!$G$19=$B$17,14,0)+IF('Standard Profiles'!$G$19=$B$24,21,0),0)),0)</f>
        <v>0</v>
      </c>
      <c r="F6979" cm="1">
        <f t="array" ref="F6979">IFERROR(INDEX(Jesper!AJ$2:AJ$366,ROUNDDOWN($C6979/24,0)+1,1)*INDEX($D$3:$AA$30,INDEX(Jesper!$R$2:$R$366,ROW(INDEX(Jesper!AJ$2:AJ$366,ROUNDDOWN($C6979/24,0)+1,1))-1)+IF('Standard Profiles'!$G$20=$B$10,7,0)+IF('Standard Profiles'!$G$20=$B$17,14,0)+IF('Standard Profiles'!$G$20=$B$24,21,0),MOD($C6979,24)+1)/SUM(INDEX($D$3:$AA$30,INDEX(Jesper!$R$2:$R$366,ROW(INDEX(Jesper!AJ$2:AJ$366,ROUNDDOWN($C6979/24,0)+1,1))-1)+IF('Standard Profiles'!$G$20=$B$10,7,0)+IF('Standard Profiles'!$G$20=$B$17,14,0)+IF('Standard Profiles'!$G$20=$B$24,21,0),0)),0)</f>
        <v>0</v>
      </c>
      <c r="G6979" cm="1">
        <f t="array" ref="G6979">IFERROR(INDEX(Jesper!AK$2:AK$366,ROUNDDOWN($C6979/24,0)+1,1)*INDEX($D$3:$AA$30,INDEX(Jesper!$R$2:$R$366,ROW(INDEX(Jesper!AK$2:AK$366,ROUNDDOWN($C6979/24,0)+1,1))-1)+IF('Standard Profiles'!$G$21=$B$10,7,0)+IF('Standard Profiles'!$G$21=$B$17,14,0)+IF('Standard Profiles'!$G$21=$B$24,21,0),MOD($C6979,24)+1)/SUM(INDEX($D$3:$AA$30,INDEX(Jesper!$R$2:$R$366,ROW(INDEX(Jesper!AK$2:AK$366,ROUNDDOWN($C6979/24,0)+1,1))-1)+IF('Standard Profiles'!$G$21=$B$10,7,0)+IF('Standard Profiles'!$G$21=$B$17,14,0)+IF('Standard Profiles'!$G$21=$B$24,21,0),0)),0)</f>
        <v>0</v>
      </c>
      <c r="H6979" cm="1">
        <f t="array" ref="H6979">IFERROR(INDEX(Jesper!AL$2:AL$366,ROUNDDOWN($C6979/24,0)+1,1)*INDEX($D$3:$AA$30,INDEX(Jesper!$R$2:$R$366,ROW(INDEX(Jesper!AL$2:AL$366,ROUNDDOWN($C6979/24,0)+1,1))-1)+IF('Standard Profiles'!$G$22=$B$10,7,0)+IF('Standard Profiles'!$G$22=$B$17,14,0)+IF('Standard Profiles'!$G$22=$B$24,21,0),MOD($C6979,24)+1)/SUM(INDEX($D$3:$AA$30,INDEX(Jesper!$R$2:$R$366,ROW(INDEX(Jesper!AL$2:AL$366,ROUNDDOWN($C6979/24,0)+1,1))-1)+IF('Standard Profiles'!$G$22=$B$10,7,0)+IF('Standard Profiles'!$G$22=$B$17,14,0)+IF('Standard Profiles'!$G$22=$B$24,21,0),0)),0)</f>
        <v>0</v>
      </c>
      <c r="I6979">
        <f t="shared" si="776"/>
        <v>0.35385097390387699</v>
      </c>
      <c r="J6979">
        <f t="shared" si="777"/>
        <v>1.1795032463462567</v>
      </c>
      <c r="K6979">
        <f t="shared" si="778"/>
        <v>1.769254869519385</v>
      </c>
      <c r="L6979">
        <f t="shared" si="779"/>
        <v>8.4924233736930486</v>
      </c>
      <c r="M6979">
        <f t="shared" si="780"/>
        <v>0</v>
      </c>
      <c r="N6979" s="46">
        <f t="shared" si="781"/>
        <v>45581.374999983156</v>
      </c>
    </row>
    <row r="6980" spans="2:14" x14ac:dyDescent="0.3">
      <c r="B6980">
        <f t="shared" si="775"/>
        <v>3</v>
      </c>
      <c r="C6980" s="16">
        <v>6946</v>
      </c>
      <c r="D6980" cm="1">
        <f t="array" ref="D6980">IFERROR(INDEX(Jesper!AH$2:AH$366,ROUNDDOWN($C6980/24,0)+1,1)*INDEX($D$3:$AA$30,INDEX(Jesper!$R$2:$R$366,ROW(INDEX(Jesper!AH$2:AH$366,ROUNDDOWN($C6980/24,0)+1,1))-1)+IF('Standard Profiles'!$G$18=$B$10,7,0)+IF('Standard Profiles'!$G$18=$B$17,14,0)+IF('Standard Profiles'!$G$18=$B$24,21,0),MOD($C6980,24)+1)/SUM(INDEX($D$3:$AA$30,INDEX(Jesper!$R$2:$R$366,ROW(INDEX(Jesper!AH$2:AH$366,ROUNDDOWN($C6980/24,0)+1,1))-1)+IF('Standard Profiles'!$G$18=$B$10,7,0)+IF('Standard Profiles'!$G$18=$B$17,14,0)+IF('Standard Profiles'!$G$18=$B$24,21,0),0)),0)</f>
        <v>12.777951835417781</v>
      </c>
      <c r="E6980" cm="1">
        <f t="array" ref="E6980">IFERROR(INDEX(Jesper!AI$2:AI$366,ROUNDDOWN($C6980/24,0)+1,1)*INDEX($D$3:$AA$30,INDEX(Jesper!$R$2:$R$366,ROW(INDEX(Jesper!AI$2:AI$366,ROUNDDOWN($C6980/24,0)+1,1))-1)+IF('Standard Profiles'!$G$19=$B$10,7,0)+IF('Standard Profiles'!$G$19=$B$17,14,0)+IF('Standard Profiles'!$G$19=$B$24,21,0),MOD($C6980,24)+1)/SUM(INDEX($D$3:$AA$30,INDEX(Jesper!$R$2:$R$366,ROW(INDEX(Jesper!AI$2:AI$366,ROUNDDOWN($C6980/24,0)+1,1))-1)+IF('Standard Profiles'!$G$19=$B$10,7,0)+IF('Standard Profiles'!$G$19=$B$17,14,0)+IF('Standard Profiles'!$G$19=$B$24,21,0),0)),0)</f>
        <v>0</v>
      </c>
      <c r="F6980" cm="1">
        <f t="array" ref="F6980">IFERROR(INDEX(Jesper!AJ$2:AJ$366,ROUNDDOWN($C6980/24,0)+1,1)*INDEX($D$3:$AA$30,INDEX(Jesper!$R$2:$R$366,ROW(INDEX(Jesper!AJ$2:AJ$366,ROUNDDOWN($C6980/24,0)+1,1))-1)+IF('Standard Profiles'!$G$20=$B$10,7,0)+IF('Standard Profiles'!$G$20=$B$17,14,0)+IF('Standard Profiles'!$G$20=$B$24,21,0),MOD($C6980,24)+1)/SUM(INDEX($D$3:$AA$30,INDEX(Jesper!$R$2:$R$366,ROW(INDEX(Jesper!AJ$2:AJ$366,ROUNDDOWN($C6980/24,0)+1,1))-1)+IF('Standard Profiles'!$G$20=$B$10,7,0)+IF('Standard Profiles'!$G$20=$B$17,14,0)+IF('Standard Profiles'!$G$20=$B$24,21,0),0)),0)</f>
        <v>0</v>
      </c>
      <c r="G6980" cm="1">
        <f t="array" ref="G6980">IFERROR(INDEX(Jesper!AK$2:AK$366,ROUNDDOWN($C6980/24,0)+1,1)*INDEX($D$3:$AA$30,INDEX(Jesper!$R$2:$R$366,ROW(INDEX(Jesper!AK$2:AK$366,ROUNDDOWN($C6980/24,0)+1,1))-1)+IF('Standard Profiles'!$G$21=$B$10,7,0)+IF('Standard Profiles'!$G$21=$B$17,14,0)+IF('Standard Profiles'!$G$21=$B$24,21,0),MOD($C6980,24)+1)/SUM(INDEX($D$3:$AA$30,INDEX(Jesper!$R$2:$R$366,ROW(INDEX(Jesper!AK$2:AK$366,ROUNDDOWN($C6980/24,0)+1,1))-1)+IF('Standard Profiles'!$G$21=$B$10,7,0)+IF('Standard Profiles'!$G$21=$B$17,14,0)+IF('Standard Profiles'!$G$21=$B$24,21,0),0)),0)</f>
        <v>0</v>
      </c>
      <c r="H6980" cm="1">
        <f t="array" ref="H6980">IFERROR(INDEX(Jesper!AL$2:AL$366,ROUNDDOWN($C6980/24,0)+1,1)*INDEX($D$3:$AA$30,INDEX(Jesper!$R$2:$R$366,ROW(INDEX(Jesper!AL$2:AL$366,ROUNDDOWN($C6980/24,0)+1,1))-1)+IF('Standard Profiles'!$G$22=$B$10,7,0)+IF('Standard Profiles'!$G$22=$B$17,14,0)+IF('Standard Profiles'!$G$22=$B$24,21,0),MOD($C6980,24)+1)/SUM(INDEX($D$3:$AA$30,INDEX(Jesper!$R$2:$R$366,ROW(INDEX(Jesper!AL$2:AL$366,ROUNDDOWN($C6980/24,0)+1,1))-1)+IF('Standard Profiles'!$G$22=$B$10,7,0)+IF('Standard Profiles'!$G$22=$B$17,14,0)+IF('Standard Profiles'!$G$22=$B$24,21,0),0)),0)</f>
        <v>0</v>
      </c>
      <c r="I6980">
        <f t="shared" si="776"/>
        <v>0.38333855506253339</v>
      </c>
      <c r="J6980">
        <f t="shared" si="777"/>
        <v>1.2777951835417782</v>
      </c>
      <c r="K6980">
        <f t="shared" si="778"/>
        <v>1.916692775312667</v>
      </c>
      <c r="L6980">
        <f t="shared" si="779"/>
        <v>9.2001253215008028</v>
      </c>
      <c r="M6980">
        <f t="shared" si="780"/>
        <v>0</v>
      </c>
      <c r="N6980" s="46">
        <f t="shared" si="781"/>
        <v>45581.41666664982</v>
      </c>
    </row>
    <row r="6981" spans="2:14" x14ac:dyDescent="0.3">
      <c r="B6981">
        <f t="shared" si="775"/>
        <v>3</v>
      </c>
      <c r="C6981" s="16">
        <v>6947</v>
      </c>
      <c r="D6981" cm="1">
        <f t="array" ref="D6981">IFERROR(INDEX(Jesper!AH$2:AH$366,ROUNDDOWN($C6981/24,0)+1,1)*INDEX($D$3:$AA$30,INDEX(Jesper!$R$2:$R$366,ROW(INDEX(Jesper!AH$2:AH$366,ROUNDDOWN($C6981/24,0)+1,1))-1)+IF('Standard Profiles'!$G$18=$B$10,7,0)+IF('Standard Profiles'!$G$18=$B$17,14,0)+IF('Standard Profiles'!$G$18=$B$24,21,0),MOD($C6981,24)+1)/SUM(INDEX($D$3:$AA$30,INDEX(Jesper!$R$2:$R$366,ROW(INDEX(Jesper!AH$2:AH$366,ROUNDDOWN($C6981/24,0)+1,1))-1)+IF('Standard Profiles'!$G$18=$B$10,7,0)+IF('Standard Profiles'!$G$18=$B$17,14,0)+IF('Standard Profiles'!$G$18=$B$24,21,0),0)),0)</f>
        <v>14.743790579328207</v>
      </c>
      <c r="E6981" cm="1">
        <f t="array" ref="E6981">IFERROR(INDEX(Jesper!AI$2:AI$366,ROUNDDOWN($C6981/24,0)+1,1)*INDEX($D$3:$AA$30,INDEX(Jesper!$R$2:$R$366,ROW(INDEX(Jesper!AI$2:AI$366,ROUNDDOWN($C6981/24,0)+1,1))-1)+IF('Standard Profiles'!$G$19=$B$10,7,0)+IF('Standard Profiles'!$G$19=$B$17,14,0)+IF('Standard Profiles'!$G$19=$B$24,21,0),MOD($C6981,24)+1)/SUM(INDEX($D$3:$AA$30,INDEX(Jesper!$R$2:$R$366,ROW(INDEX(Jesper!AI$2:AI$366,ROUNDDOWN($C6981/24,0)+1,1))-1)+IF('Standard Profiles'!$G$19=$B$10,7,0)+IF('Standard Profiles'!$G$19=$B$17,14,0)+IF('Standard Profiles'!$G$19=$B$24,21,0),0)),0)</f>
        <v>0</v>
      </c>
      <c r="F6981" cm="1">
        <f t="array" ref="F6981">IFERROR(INDEX(Jesper!AJ$2:AJ$366,ROUNDDOWN($C6981/24,0)+1,1)*INDEX($D$3:$AA$30,INDEX(Jesper!$R$2:$R$366,ROW(INDEX(Jesper!AJ$2:AJ$366,ROUNDDOWN($C6981/24,0)+1,1))-1)+IF('Standard Profiles'!$G$20=$B$10,7,0)+IF('Standard Profiles'!$G$20=$B$17,14,0)+IF('Standard Profiles'!$G$20=$B$24,21,0),MOD($C6981,24)+1)/SUM(INDEX($D$3:$AA$30,INDEX(Jesper!$R$2:$R$366,ROW(INDEX(Jesper!AJ$2:AJ$366,ROUNDDOWN($C6981/24,0)+1,1))-1)+IF('Standard Profiles'!$G$20=$B$10,7,0)+IF('Standard Profiles'!$G$20=$B$17,14,0)+IF('Standard Profiles'!$G$20=$B$24,21,0),0)),0)</f>
        <v>0</v>
      </c>
      <c r="G6981" cm="1">
        <f t="array" ref="G6981">IFERROR(INDEX(Jesper!AK$2:AK$366,ROUNDDOWN($C6981/24,0)+1,1)*INDEX($D$3:$AA$30,INDEX(Jesper!$R$2:$R$366,ROW(INDEX(Jesper!AK$2:AK$366,ROUNDDOWN($C6981/24,0)+1,1))-1)+IF('Standard Profiles'!$G$21=$B$10,7,0)+IF('Standard Profiles'!$G$21=$B$17,14,0)+IF('Standard Profiles'!$G$21=$B$24,21,0),MOD($C6981,24)+1)/SUM(INDEX($D$3:$AA$30,INDEX(Jesper!$R$2:$R$366,ROW(INDEX(Jesper!AK$2:AK$366,ROUNDDOWN($C6981/24,0)+1,1))-1)+IF('Standard Profiles'!$G$21=$B$10,7,0)+IF('Standard Profiles'!$G$21=$B$17,14,0)+IF('Standard Profiles'!$G$21=$B$24,21,0),0)),0)</f>
        <v>0</v>
      </c>
      <c r="H6981" cm="1">
        <f t="array" ref="H6981">IFERROR(INDEX(Jesper!AL$2:AL$366,ROUNDDOWN($C6981/24,0)+1,1)*INDEX($D$3:$AA$30,INDEX(Jesper!$R$2:$R$366,ROW(INDEX(Jesper!AL$2:AL$366,ROUNDDOWN($C6981/24,0)+1,1))-1)+IF('Standard Profiles'!$G$22=$B$10,7,0)+IF('Standard Profiles'!$G$22=$B$17,14,0)+IF('Standard Profiles'!$G$22=$B$24,21,0),MOD($C6981,24)+1)/SUM(INDEX($D$3:$AA$30,INDEX(Jesper!$R$2:$R$366,ROW(INDEX(Jesper!AL$2:AL$366,ROUNDDOWN($C6981/24,0)+1,1))-1)+IF('Standard Profiles'!$G$22=$B$10,7,0)+IF('Standard Profiles'!$G$22=$B$17,14,0)+IF('Standard Profiles'!$G$22=$B$24,21,0),0)),0)</f>
        <v>0</v>
      </c>
      <c r="I6981">
        <f t="shared" si="776"/>
        <v>0.44231371737984621</v>
      </c>
      <c r="J6981">
        <f t="shared" si="777"/>
        <v>1.4743790579328209</v>
      </c>
      <c r="K6981">
        <f t="shared" si="778"/>
        <v>2.2115685868992312</v>
      </c>
      <c r="L6981">
        <f t="shared" si="779"/>
        <v>10.615529217116309</v>
      </c>
      <c r="M6981">
        <f t="shared" si="780"/>
        <v>0</v>
      </c>
      <c r="N6981" s="46">
        <f t="shared" si="781"/>
        <v>45581.458333316485</v>
      </c>
    </row>
    <row r="6982" spans="2:14" x14ac:dyDescent="0.3">
      <c r="B6982">
        <f t="shared" si="775"/>
        <v>3</v>
      </c>
      <c r="C6982" s="16">
        <v>6948</v>
      </c>
      <c r="D6982" cm="1">
        <f t="array" ref="D6982">IFERROR(INDEX(Jesper!AH$2:AH$366,ROUNDDOWN($C6982/24,0)+1,1)*INDEX($D$3:$AA$30,INDEX(Jesper!$R$2:$R$366,ROW(INDEX(Jesper!AH$2:AH$366,ROUNDDOWN($C6982/24,0)+1,1))-1)+IF('Standard Profiles'!$G$18=$B$10,7,0)+IF('Standard Profiles'!$G$18=$B$17,14,0)+IF('Standard Profiles'!$G$18=$B$24,21,0),MOD($C6982,24)+1)/SUM(INDEX($D$3:$AA$30,INDEX(Jesper!$R$2:$R$366,ROW(INDEX(Jesper!AH$2:AH$366,ROUNDDOWN($C6982/24,0)+1,1))-1)+IF('Standard Profiles'!$G$18=$B$10,7,0)+IF('Standard Profiles'!$G$18=$B$17,14,0)+IF('Standard Profiles'!$G$18=$B$24,21,0),0)),0)</f>
        <v>14.743790579328207</v>
      </c>
      <c r="E6982" cm="1">
        <f t="array" ref="E6982">IFERROR(INDEX(Jesper!AI$2:AI$366,ROUNDDOWN($C6982/24,0)+1,1)*INDEX($D$3:$AA$30,INDEX(Jesper!$R$2:$R$366,ROW(INDEX(Jesper!AI$2:AI$366,ROUNDDOWN($C6982/24,0)+1,1))-1)+IF('Standard Profiles'!$G$19=$B$10,7,0)+IF('Standard Profiles'!$G$19=$B$17,14,0)+IF('Standard Profiles'!$G$19=$B$24,21,0),MOD($C6982,24)+1)/SUM(INDEX($D$3:$AA$30,INDEX(Jesper!$R$2:$R$366,ROW(INDEX(Jesper!AI$2:AI$366,ROUNDDOWN($C6982/24,0)+1,1))-1)+IF('Standard Profiles'!$G$19=$B$10,7,0)+IF('Standard Profiles'!$G$19=$B$17,14,0)+IF('Standard Profiles'!$G$19=$B$24,21,0),0)),0)</f>
        <v>0</v>
      </c>
      <c r="F6982" cm="1">
        <f t="array" ref="F6982">IFERROR(INDEX(Jesper!AJ$2:AJ$366,ROUNDDOWN($C6982/24,0)+1,1)*INDEX($D$3:$AA$30,INDEX(Jesper!$R$2:$R$366,ROW(INDEX(Jesper!AJ$2:AJ$366,ROUNDDOWN($C6982/24,0)+1,1))-1)+IF('Standard Profiles'!$G$20=$B$10,7,0)+IF('Standard Profiles'!$G$20=$B$17,14,0)+IF('Standard Profiles'!$G$20=$B$24,21,0),MOD($C6982,24)+1)/SUM(INDEX($D$3:$AA$30,INDEX(Jesper!$R$2:$R$366,ROW(INDEX(Jesper!AJ$2:AJ$366,ROUNDDOWN($C6982/24,0)+1,1))-1)+IF('Standard Profiles'!$G$20=$B$10,7,0)+IF('Standard Profiles'!$G$20=$B$17,14,0)+IF('Standard Profiles'!$G$20=$B$24,21,0),0)),0)</f>
        <v>0</v>
      </c>
      <c r="G6982" cm="1">
        <f t="array" ref="G6982">IFERROR(INDEX(Jesper!AK$2:AK$366,ROUNDDOWN($C6982/24,0)+1,1)*INDEX($D$3:$AA$30,INDEX(Jesper!$R$2:$R$366,ROW(INDEX(Jesper!AK$2:AK$366,ROUNDDOWN($C6982/24,0)+1,1))-1)+IF('Standard Profiles'!$G$21=$B$10,7,0)+IF('Standard Profiles'!$G$21=$B$17,14,0)+IF('Standard Profiles'!$G$21=$B$24,21,0),MOD($C6982,24)+1)/SUM(INDEX($D$3:$AA$30,INDEX(Jesper!$R$2:$R$366,ROW(INDEX(Jesper!AK$2:AK$366,ROUNDDOWN($C6982/24,0)+1,1))-1)+IF('Standard Profiles'!$G$21=$B$10,7,0)+IF('Standard Profiles'!$G$21=$B$17,14,0)+IF('Standard Profiles'!$G$21=$B$24,21,0),0)),0)</f>
        <v>0</v>
      </c>
      <c r="H6982" cm="1">
        <f t="array" ref="H6982">IFERROR(INDEX(Jesper!AL$2:AL$366,ROUNDDOWN($C6982/24,0)+1,1)*INDEX($D$3:$AA$30,INDEX(Jesper!$R$2:$R$366,ROW(INDEX(Jesper!AL$2:AL$366,ROUNDDOWN($C6982/24,0)+1,1))-1)+IF('Standard Profiles'!$G$22=$B$10,7,0)+IF('Standard Profiles'!$G$22=$B$17,14,0)+IF('Standard Profiles'!$G$22=$B$24,21,0),MOD($C6982,24)+1)/SUM(INDEX($D$3:$AA$30,INDEX(Jesper!$R$2:$R$366,ROW(INDEX(Jesper!AL$2:AL$366,ROUNDDOWN($C6982/24,0)+1,1))-1)+IF('Standard Profiles'!$G$22=$B$10,7,0)+IF('Standard Profiles'!$G$22=$B$17,14,0)+IF('Standard Profiles'!$G$22=$B$24,21,0),0)),0)</f>
        <v>0</v>
      </c>
      <c r="I6982">
        <f t="shared" si="776"/>
        <v>0.44231371737984621</v>
      </c>
      <c r="J6982">
        <f t="shared" si="777"/>
        <v>1.4743790579328209</v>
      </c>
      <c r="K6982">
        <f t="shared" si="778"/>
        <v>2.2115685868992312</v>
      </c>
      <c r="L6982">
        <f t="shared" si="779"/>
        <v>10.615529217116309</v>
      </c>
      <c r="M6982">
        <f t="shared" si="780"/>
        <v>0</v>
      </c>
      <c r="N6982" s="46">
        <f t="shared" si="781"/>
        <v>45581.499999983149</v>
      </c>
    </row>
    <row r="6983" spans="2:14" x14ac:dyDescent="0.3">
      <c r="B6983">
        <f t="shared" si="775"/>
        <v>3</v>
      </c>
      <c r="C6983" s="16">
        <v>6949</v>
      </c>
      <c r="D6983" cm="1">
        <f t="array" ref="D6983">IFERROR(INDEX(Jesper!AH$2:AH$366,ROUNDDOWN($C6983/24,0)+1,1)*INDEX($D$3:$AA$30,INDEX(Jesper!$R$2:$R$366,ROW(INDEX(Jesper!AH$2:AH$366,ROUNDDOWN($C6983/24,0)+1,1))-1)+IF('Standard Profiles'!$G$18=$B$10,7,0)+IF('Standard Profiles'!$G$18=$B$17,14,0)+IF('Standard Profiles'!$G$18=$B$24,21,0),MOD($C6983,24)+1)/SUM(INDEX($D$3:$AA$30,INDEX(Jesper!$R$2:$R$366,ROW(INDEX(Jesper!AH$2:AH$366,ROUNDDOWN($C6983/24,0)+1,1))-1)+IF('Standard Profiles'!$G$18=$B$10,7,0)+IF('Standard Profiles'!$G$18=$B$17,14,0)+IF('Standard Profiles'!$G$18=$B$24,21,0),0)),0)</f>
        <v>14.743790579328207</v>
      </c>
      <c r="E6983" cm="1">
        <f t="array" ref="E6983">IFERROR(INDEX(Jesper!AI$2:AI$366,ROUNDDOWN($C6983/24,0)+1,1)*INDEX($D$3:$AA$30,INDEX(Jesper!$R$2:$R$366,ROW(INDEX(Jesper!AI$2:AI$366,ROUNDDOWN($C6983/24,0)+1,1))-1)+IF('Standard Profiles'!$G$19=$B$10,7,0)+IF('Standard Profiles'!$G$19=$B$17,14,0)+IF('Standard Profiles'!$G$19=$B$24,21,0),MOD($C6983,24)+1)/SUM(INDEX($D$3:$AA$30,INDEX(Jesper!$R$2:$R$366,ROW(INDEX(Jesper!AI$2:AI$366,ROUNDDOWN($C6983/24,0)+1,1))-1)+IF('Standard Profiles'!$G$19=$B$10,7,0)+IF('Standard Profiles'!$G$19=$B$17,14,0)+IF('Standard Profiles'!$G$19=$B$24,21,0),0)),0)</f>
        <v>0</v>
      </c>
      <c r="F6983" cm="1">
        <f t="array" ref="F6983">IFERROR(INDEX(Jesper!AJ$2:AJ$366,ROUNDDOWN($C6983/24,0)+1,1)*INDEX($D$3:$AA$30,INDEX(Jesper!$R$2:$R$366,ROW(INDEX(Jesper!AJ$2:AJ$366,ROUNDDOWN($C6983/24,0)+1,1))-1)+IF('Standard Profiles'!$G$20=$B$10,7,0)+IF('Standard Profiles'!$G$20=$B$17,14,0)+IF('Standard Profiles'!$G$20=$B$24,21,0),MOD($C6983,24)+1)/SUM(INDEX($D$3:$AA$30,INDEX(Jesper!$R$2:$R$366,ROW(INDEX(Jesper!AJ$2:AJ$366,ROUNDDOWN($C6983/24,0)+1,1))-1)+IF('Standard Profiles'!$G$20=$B$10,7,0)+IF('Standard Profiles'!$G$20=$B$17,14,0)+IF('Standard Profiles'!$G$20=$B$24,21,0),0)),0)</f>
        <v>0</v>
      </c>
      <c r="G6983" cm="1">
        <f t="array" ref="G6983">IFERROR(INDEX(Jesper!AK$2:AK$366,ROUNDDOWN($C6983/24,0)+1,1)*INDEX($D$3:$AA$30,INDEX(Jesper!$R$2:$R$366,ROW(INDEX(Jesper!AK$2:AK$366,ROUNDDOWN($C6983/24,0)+1,1))-1)+IF('Standard Profiles'!$G$21=$B$10,7,0)+IF('Standard Profiles'!$G$21=$B$17,14,0)+IF('Standard Profiles'!$G$21=$B$24,21,0),MOD($C6983,24)+1)/SUM(INDEX($D$3:$AA$30,INDEX(Jesper!$R$2:$R$366,ROW(INDEX(Jesper!AK$2:AK$366,ROUNDDOWN($C6983/24,0)+1,1))-1)+IF('Standard Profiles'!$G$21=$B$10,7,0)+IF('Standard Profiles'!$G$21=$B$17,14,0)+IF('Standard Profiles'!$G$21=$B$24,21,0),0)),0)</f>
        <v>0</v>
      </c>
      <c r="H6983" cm="1">
        <f t="array" ref="H6983">IFERROR(INDEX(Jesper!AL$2:AL$366,ROUNDDOWN($C6983/24,0)+1,1)*INDEX($D$3:$AA$30,INDEX(Jesper!$R$2:$R$366,ROW(INDEX(Jesper!AL$2:AL$366,ROUNDDOWN($C6983/24,0)+1,1))-1)+IF('Standard Profiles'!$G$22=$B$10,7,0)+IF('Standard Profiles'!$G$22=$B$17,14,0)+IF('Standard Profiles'!$G$22=$B$24,21,0),MOD($C6983,24)+1)/SUM(INDEX($D$3:$AA$30,INDEX(Jesper!$R$2:$R$366,ROW(INDEX(Jesper!AL$2:AL$366,ROUNDDOWN($C6983/24,0)+1,1))-1)+IF('Standard Profiles'!$G$22=$B$10,7,0)+IF('Standard Profiles'!$G$22=$B$17,14,0)+IF('Standard Profiles'!$G$22=$B$24,21,0),0)),0)</f>
        <v>0</v>
      </c>
      <c r="I6983">
        <f t="shared" si="776"/>
        <v>0.44231371737984621</v>
      </c>
      <c r="J6983">
        <f t="shared" si="777"/>
        <v>1.4743790579328209</v>
      </c>
      <c r="K6983">
        <f t="shared" si="778"/>
        <v>2.2115685868992312</v>
      </c>
      <c r="L6983">
        <f t="shared" si="779"/>
        <v>10.615529217116309</v>
      </c>
      <c r="M6983">
        <f t="shared" si="780"/>
        <v>0</v>
      </c>
      <c r="N6983" s="46">
        <f t="shared" si="781"/>
        <v>45581.541666649813</v>
      </c>
    </row>
    <row r="6984" spans="2:14" x14ac:dyDescent="0.3">
      <c r="B6984">
        <f t="shared" si="775"/>
        <v>3</v>
      </c>
      <c r="C6984" s="16">
        <v>6950</v>
      </c>
      <c r="D6984" cm="1">
        <f t="array" ref="D6984">IFERROR(INDEX(Jesper!AH$2:AH$366,ROUNDDOWN($C6984/24,0)+1,1)*INDEX($D$3:$AA$30,INDEX(Jesper!$R$2:$R$366,ROW(INDEX(Jesper!AH$2:AH$366,ROUNDDOWN($C6984/24,0)+1,1))-1)+IF('Standard Profiles'!$G$18=$B$10,7,0)+IF('Standard Profiles'!$G$18=$B$17,14,0)+IF('Standard Profiles'!$G$18=$B$24,21,0),MOD($C6984,24)+1)/SUM(INDEX($D$3:$AA$30,INDEX(Jesper!$R$2:$R$366,ROW(INDEX(Jesper!AH$2:AH$366,ROUNDDOWN($C6984/24,0)+1,1))-1)+IF('Standard Profiles'!$G$18=$B$10,7,0)+IF('Standard Profiles'!$G$18=$B$17,14,0)+IF('Standard Profiles'!$G$18=$B$24,21,0),0)),0)</f>
        <v>14.743790579328207</v>
      </c>
      <c r="E6984" cm="1">
        <f t="array" ref="E6984">IFERROR(INDEX(Jesper!AI$2:AI$366,ROUNDDOWN($C6984/24,0)+1,1)*INDEX($D$3:$AA$30,INDEX(Jesper!$R$2:$R$366,ROW(INDEX(Jesper!AI$2:AI$366,ROUNDDOWN($C6984/24,0)+1,1))-1)+IF('Standard Profiles'!$G$19=$B$10,7,0)+IF('Standard Profiles'!$G$19=$B$17,14,0)+IF('Standard Profiles'!$G$19=$B$24,21,0),MOD($C6984,24)+1)/SUM(INDEX($D$3:$AA$30,INDEX(Jesper!$R$2:$R$366,ROW(INDEX(Jesper!AI$2:AI$366,ROUNDDOWN($C6984/24,0)+1,1))-1)+IF('Standard Profiles'!$G$19=$B$10,7,0)+IF('Standard Profiles'!$G$19=$B$17,14,0)+IF('Standard Profiles'!$G$19=$B$24,21,0),0)),0)</f>
        <v>0</v>
      </c>
      <c r="F6984" cm="1">
        <f t="array" ref="F6984">IFERROR(INDEX(Jesper!AJ$2:AJ$366,ROUNDDOWN($C6984/24,0)+1,1)*INDEX($D$3:$AA$30,INDEX(Jesper!$R$2:$R$366,ROW(INDEX(Jesper!AJ$2:AJ$366,ROUNDDOWN($C6984/24,0)+1,1))-1)+IF('Standard Profiles'!$G$20=$B$10,7,0)+IF('Standard Profiles'!$G$20=$B$17,14,0)+IF('Standard Profiles'!$G$20=$B$24,21,0),MOD($C6984,24)+1)/SUM(INDEX($D$3:$AA$30,INDEX(Jesper!$R$2:$R$366,ROW(INDEX(Jesper!AJ$2:AJ$366,ROUNDDOWN($C6984/24,0)+1,1))-1)+IF('Standard Profiles'!$G$20=$B$10,7,0)+IF('Standard Profiles'!$G$20=$B$17,14,0)+IF('Standard Profiles'!$G$20=$B$24,21,0),0)),0)</f>
        <v>0</v>
      </c>
      <c r="G6984" cm="1">
        <f t="array" ref="G6984">IFERROR(INDEX(Jesper!AK$2:AK$366,ROUNDDOWN($C6984/24,0)+1,1)*INDEX($D$3:$AA$30,INDEX(Jesper!$R$2:$R$366,ROW(INDEX(Jesper!AK$2:AK$366,ROUNDDOWN($C6984/24,0)+1,1))-1)+IF('Standard Profiles'!$G$21=$B$10,7,0)+IF('Standard Profiles'!$G$21=$B$17,14,0)+IF('Standard Profiles'!$G$21=$B$24,21,0),MOD($C6984,24)+1)/SUM(INDEX($D$3:$AA$30,INDEX(Jesper!$R$2:$R$366,ROW(INDEX(Jesper!AK$2:AK$366,ROUNDDOWN($C6984/24,0)+1,1))-1)+IF('Standard Profiles'!$G$21=$B$10,7,0)+IF('Standard Profiles'!$G$21=$B$17,14,0)+IF('Standard Profiles'!$G$21=$B$24,21,0),0)),0)</f>
        <v>0</v>
      </c>
      <c r="H6984" cm="1">
        <f t="array" ref="H6984">IFERROR(INDEX(Jesper!AL$2:AL$366,ROUNDDOWN($C6984/24,0)+1,1)*INDEX($D$3:$AA$30,INDEX(Jesper!$R$2:$R$366,ROW(INDEX(Jesper!AL$2:AL$366,ROUNDDOWN($C6984/24,0)+1,1))-1)+IF('Standard Profiles'!$G$22=$B$10,7,0)+IF('Standard Profiles'!$G$22=$B$17,14,0)+IF('Standard Profiles'!$G$22=$B$24,21,0),MOD($C6984,24)+1)/SUM(INDEX($D$3:$AA$30,INDEX(Jesper!$R$2:$R$366,ROW(INDEX(Jesper!AL$2:AL$366,ROUNDDOWN($C6984/24,0)+1,1))-1)+IF('Standard Profiles'!$G$22=$B$10,7,0)+IF('Standard Profiles'!$G$22=$B$17,14,0)+IF('Standard Profiles'!$G$22=$B$24,21,0),0)),0)</f>
        <v>0</v>
      </c>
      <c r="I6984">
        <f t="shared" si="776"/>
        <v>0.44231371737984621</v>
      </c>
      <c r="J6984">
        <f t="shared" si="777"/>
        <v>1.4743790579328209</v>
      </c>
      <c r="K6984">
        <f t="shared" si="778"/>
        <v>2.2115685868992312</v>
      </c>
      <c r="L6984">
        <f t="shared" si="779"/>
        <v>10.615529217116309</v>
      </c>
      <c r="M6984">
        <f t="shared" si="780"/>
        <v>0</v>
      </c>
      <c r="N6984" s="46">
        <f t="shared" si="781"/>
        <v>45581.583333316477</v>
      </c>
    </row>
    <row r="6985" spans="2:14" x14ac:dyDescent="0.3">
      <c r="B6985">
        <f t="shared" si="775"/>
        <v>3</v>
      </c>
      <c r="C6985" s="16">
        <v>6951</v>
      </c>
      <c r="D6985" cm="1">
        <f t="array" ref="D6985">IFERROR(INDEX(Jesper!AH$2:AH$366,ROUNDDOWN($C6985/24,0)+1,1)*INDEX($D$3:$AA$30,INDEX(Jesper!$R$2:$R$366,ROW(INDEX(Jesper!AH$2:AH$366,ROUNDDOWN($C6985/24,0)+1,1))-1)+IF('Standard Profiles'!$G$18=$B$10,7,0)+IF('Standard Profiles'!$G$18=$B$17,14,0)+IF('Standard Profiles'!$G$18=$B$24,21,0),MOD($C6985,24)+1)/SUM(INDEX($D$3:$AA$30,INDEX(Jesper!$R$2:$R$366,ROW(INDEX(Jesper!AH$2:AH$366,ROUNDDOWN($C6985/24,0)+1,1))-1)+IF('Standard Profiles'!$G$18=$B$10,7,0)+IF('Standard Profiles'!$G$18=$B$17,14,0)+IF('Standard Profiles'!$G$18=$B$24,21,0),0)),0)</f>
        <v>14.743790579328207</v>
      </c>
      <c r="E6985" cm="1">
        <f t="array" ref="E6985">IFERROR(INDEX(Jesper!AI$2:AI$366,ROUNDDOWN($C6985/24,0)+1,1)*INDEX($D$3:$AA$30,INDEX(Jesper!$R$2:$R$366,ROW(INDEX(Jesper!AI$2:AI$366,ROUNDDOWN($C6985/24,0)+1,1))-1)+IF('Standard Profiles'!$G$19=$B$10,7,0)+IF('Standard Profiles'!$G$19=$B$17,14,0)+IF('Standard Profiles'!$G$19=$B$24,21,0),MOD($C6985,24)+1)/SUM(INDEX($D$3:$AA$30,INDEX(Jesper!$R$2:$R$366,ROW(INDEX(Jesper!AI$2:AI$366,ROUNDDOWN($C6985/24,0)+1,1))-1)+IF('Standard Profiles'!$G$19=$B$10,7,0)+IF('Standard Profiles'!$G$19=$B$17,14,0)+IF('Standard Profiles'!$G$19=$B$24,21,0),0)),0)</f>
        <v>0</v>
      </c>
      <c r="F6985" cm="1">
        <f t="array" ref="F6985">IFERROR(INDEX(Jesper!AJ$2:AJ$366,ROUNDDOWN($C6985/24,0)+1,1)*INDEX($D$3:$AA$30,INDEX(Jesper!$R$2:$R$366,ROW(INDEX(Jesper!AJ$2:AJ$366,ROUNDDOWN($C6985/24,0)+1,1))-1)+IF('Standard Profiles'!$G$20=$B$10,7,0)+IF('Standard Profiles'!$G$20=$B$17,14,0)+IF('Standard Profiles'!$G$20=$B$24,21,0),MOD($C6985,24)+1)/SUM(INDEX($D$3:$AA$30,INDEX(Jesper!$R$2:$R$366,ROW(INDEX(Jesper!AJ$2:AJ$366,ROUNDDOWN($C6985/24,0)+1,1))-1)+IF('Standard Profiles'!$G$20=$B$10,7,0)+IF('Standard Profiles'!$G$20=$B$17,14,0)+IF('Standard Profiles'!$G$20=$B$24,21,0),0)),0)</f>
        <v>0</v>
      </c>
      <c r="G6985" cm="1">
        <f t="array" ref="G6985">IFERROR(INDEX(Jesper!AK$2:AK$366,ROUNDDOWN($C6985/24,0)+1,1)*INDEX($D$3:$AA$30,INDEX(Jesper!$R$2:$R$366,ROW(INDEX(Jesper!AK$2:AK$366,ROUNDDOWN($C6985/24,0)+1,1))-1)+IF('Standard Profiles'!$G$21=$B$10,7,0)+IF('Standard Profiles'!$G$21=$B$17,14,0)+IF('Standard Profiles'!$G$21=$B$24,21,0),MOD($C6985,24)+1)/SUM(INDEX($D$3:$AA$30,INDEX(Jesper!$R$2:$R$366,ROW(INDEX(Jesper!AK$2:AK$366,ROUNDDOWN($C6985/24,0)+1,1))-1)+IF('Standard Profiles'!$G$21=$B$10,7,0)+IF('Standard Profiles'!$G$21=$B$17,14,0)+IF('Standard Profiles'!$G$21=$B$24,21,0),0)),0)</f>
        <v>0</v>
      </c>
      <c r="H6985" cm="1">
        <f t="array" ref="H6985">IFERROR(INDEX(Jesper!AL$2:AL$366,ROUNDDOWN($C6985/24,0)+1,1)*INDEX($D$3:$AA$30,INDEX(Jesper!$R$2:$R$366,ROW(INDEX(Jesper!AL$2:AL$366,ROUNDDOWN($C6985/24,0)+1,1))-1)+IF('Standard Profiles'!$G$22=$B$10,7,0)+IF('Standard Profiles'!$G$22=$B$17,14,0)+IF('Standard Profiles'!$G$22=$B$24,21,0),MOD($C6985,24)+1)/SUM(INDEX($D$3:$AA$30,INDEX(Jesper!$R$2:$R$366,ROW(INDEX(Jesper!AL$2:AL$366,ROUNDDOWN($C6985/24,0)+1,1))-1)+IF('Standard Profiles'!$G$22=$B$10,7,0)+IF('Standard Profiles'!$G$22=$B$17,14,0)+IF('Standard Profiles'!$G$22=$B$24,21,0),0)),0)</f>
        <v>0</v>
      </c>
      <c r="I6985">
        <f t="shared" si="776"/>
        <v>0.44231371737984621</v>
      </c>
      <c r="J6985">
        <f t="shared" si="777"/>
        <v>1.4743790579328209</v>
      </c>
      <c r="K6985">
        <f t="shared" si="778"/>
        <v>2.2115685868992312</v>
      </c>
      <c r="L6985">
        <f t="shared" si="779"/>
        <v>10.615529217116309</v>
      </c>
      <c r="M6985">
        <f t="shared" si="780"/>
        <v>0</v>
      </c>
      <c r="N6985" s="46">
        <f t="shared" si="781"/>
        <v>45581.624999983142</v>
      </c>
    </row>
    <row r="6986" spans="2:14" x14ac:dyDescent="0.3">
      <c r="B6986">
        <f t="shared" si="775"/>
        <v>3</v>
      </c>
      <c r="C6986" s="16">
        <v>6952</v>
      </c>
      <c r="D6986" cm="1">
        <f t="array" ref="D6986">IFERROR(INDEX(Jesper!AH$2:AH$366,ROUNDDOWN($C6986/24,0)+1,1)*INDEX($D$3:$AA$30,INDEX(Jesper!$R$2:$R$366,ROW(INDEX(Jesper!AH$2:AH$366,ROUNDDOWN($C6986/24,0)+1,1))-1)+IF('Standard Profiles'!$G$18=$B$10,7,0)+IF('Standard Profiles'!$G$18=$B$17,14,0)+IF('Standard Profiles'!$G$18=$B$24,21,0),MOD($C6986,24)+1)/SUM(INDEX($D$3:$AA$30,INDEX(Jesper!$R$2:$R$366,ROW(INDEX(Jesper!AH$2:AH$366,ROUNDDOWN($C6986/24,0)+1,1))-1)+IF('Standard Profiles'!$G$18=$B$10,7,0)+IF('Standard Profiles'!$G$18=$B$17,14,0)+IF('Standard Profiles'!$G$18=$B$24,21,0),0)),0)</f>
        <v>14.743790579328207</v>
      </c>
      <c r="E6986" cm="1">
        <f t="array" ref="E6986">IFERROR(INDEX(Jesper!AI$2:AI$366,ROUNDDOWN($C6986/24,0)+1,1)*INDEX($D$3:$AA$30,INDEX(Jesper!$R$2:$R$366,ROW(INDEX(Jesper!AI$2:AI$366,ROUNDDOWN($C6986/24,0)+1,1))-1)+IF('Standard Profiles'!$G$19=$B$10,7,0)+IF('Standard Profiles'!$G$19=$B$17,14,0)+IF('Standard Profiles'!$G$19=$B$24,21,0),MOD($C6986,24)+1)/SUM(INDEX($D$3:$AA$30,INDEX(Jesper!$R$2:$R$366,ROW(INDEX(Jesper!AI$2:AI$366,ROUNDDOWN($C6986/24,0)+1,1))-1)+IF('Standard Profiles'!$G$19=$B$10,7,0)+IF('Standard Profiles'!$G$19=$B$17,14,0)+IF('Standard Profiles'!$G$19=$B$24,21,0),0)),0)</f>
        <v>0</v>
      </c>
      <c r="F6986" cm="1">
        <f t="array" ref="F6986">IFERROR(INDEX(Jesper!AJ$2:AJ$366,ROUNDDOWN($C6986/24,0)+1,1)*INDEX($D$3:$AA$30,INDEX(Jesper!$R$2:$R$366,ROW(INDEX(Jesper!AJ$2:AJ$366,ROUNDDOWN($C6986/24,0)+1,1))-1)+IF('Standard Profiles'!$G$20=$B$10,7,0)+IF('Standard Profiles'!$G$20=$B$17,14,0)+IF('Standard Profiles'!$G$20=$B$24,21,0),MOD($C6986,24)+1)/SUM(INDEX($D$3:$AA$30,INDEX(Jesper!$R$2:$R$366,ROW(INDEX(Jesper!AJ$2:AJ$366,ROUNDDOWN($C6986/24,0)+1,1))-1)+IF('Standard Profiles'!$G$20=$B$10,7,0)+IF('Standard Profiles'!$G$20=$B$17,14,0)+IF('Standard Profiles'!$G$20=$B$24,21,0),0)),0)</f>
        <v>0</v>
      </c>
      <c r="G6986" cm="1">
        <f t="array" ref="G6986">IFERROR(INDEX(Jesper!AK$2:AK$366,ROUNDDOWN($C6986/24,0)+1,1)*INDEX($D$3:$AA$30,INDEX(Jesper!$R$2:$R$366,ROW(INDEX(Jesper!AK$2:AK$366,ROUNDDOWN($C6986/24,0)+1,1))-1)+IF('Standard Profiles'!$G$21=$B$10,7,0)+IF('Standard Profiles'!$G$21=$B$17,14,0)+IF('Standard Profiles'!$G$21=$B$24,21,0),MOD($C6986,24)+1)/SUM(INDEX($D$3:$AA$30,INDEX(Jesper!$R$2:$R$366,ROW(INDEX(Jesper!AK$2:AK$366,ROUNDDOWN($C6986/24,0)+1,1))-1)+IF('Standard Profiles'!$G$21=$B$10,7,0)+IF('Standard Profiles'!$G$21=$B$17,14,0)+IF('Standard Profiles'!$G$21=$B$24,21,0),0)),0)</f>
        <v>0</v>
      </c>
      <c r="H6986" cm="1">
        <f t="array" ref="H6986">IFERROR(INDEX(Jesper!AL$2:AL$366,ROUNDDOWN($C6986/24,0)+1,1)*INDEX($D$3:$AA$30,INDEX(Jesper!$R$2:$R$366,ROW(INDEX(Jesper!AL$2:AL$366,ROUNDDOWN($C6986/24,0)+1,1))-1)+IF('Standard Profiles'!$G$22=$B$10,7,0)+IF('Standard Profiles'!$G$22=$B$17,14,0)+IF('Standard Profiles'!$G$22=$B$24,21,0),MOD($C6986,24)+1)/SUM(INDEX($D$3:$AA$30,INDEX(Jesper!$R$2:$R$366,ROW(INDEX(Jesper!AL$2:AL$366,ROUNDDOWN($C6986/24,0)+1,1))-1)+IF('Standard Profiles'!$G$22=$B$10,7,0)+IF('Standard Profiles'!$G$22=$B$17,14,0)+IF('Standard Profiles'!$G$22=$B$24,21,0),0)),0)</f>
        <v>0</v>
      </c>
      <c r="I6986">
        <f t="shared" si="776"/>
        <v>0.44231371737984621</v>
      </c>
      <c r="J6986">
        <f t="shared" si="777"/>
        <v>1.4743790579328209</v>
      </c>
      <c r="K6986">
        <f t="shared" si="778"/>
        <v>2.2115685868992312</v>
      </c>
      <c r="L6986">
        <f t="shared" si="779"/>
        <v>10.615529217116309</v>
      </c>
      <c r="M6986">
        <f t="shared" si="780"/>
        <v>0</v>
      </c>
      <c r="N6986" s="46">
        <f t="shared" si="781"/>
        <v>45581.666666649806</v>
      </c>
    </row>
    <row r="6987" spans="2:14" x14ac:dyDescent="0.3">
      <c r="B6987">
        <f t="shared" si="775"/>
        <v>3</v>
      </c>
      <c r="C6987" s="16">
        <v>6953</v>
      </c>
      <c r="D6987" cm="1">
        <f t="array" ref="D6987">IFERROR(INDEX(Jesper!AH$2:AH$366,ROUNDDOWN($C6987/24,0)+1,1)*INDEX($D$3:$AA$30,INDEX(Jesper!$R$2:$R$366,ROW(INDEX(Jesper!AH$2:AH$366,ROUNDDOWN($C6987/24,0)+1,1))-1)+IF('Standard Profiles'!$G$18=$B$10,7,0)+IF('Standard Profiles'!$G$18=$B$17,14,0)+IF('Standard Profiles'!$G$18=$B$24,21,0),MOD($C6987,24)+1)/SUM(INDEX($D$3:$AA$30,INDEX(Jesper!$R$2:$R$366,ROW(INDEX(Jesper!AH$2:AH$366,ROUNDDOWN($C6987/24,0)+1,1))-1)+IF('Standard Profiles'!$G$18=$B$10,7,0)+IF('Standard Profiles'!$G$18=$B$17,14,0)+IF('Standard Profiles'!$G$18=$B$24,21,0),0)),0)</f>
        <v>14.743790579328207</v>
      </c>
      <c r="E6987" cm="1">
        <f t="array" ref="E6987">IFERROR(INDEX(Jesper!AI$2:AI$366,ROUNDDOWN($C6987/24,0)+1,1)*INDEX($D$3:$AA$30,INDEX(Jesper!$R$2:$R$366,ROW(INDEX(Jesper!AI$2:AI$366,ROUNDDOWN($C6987/24,0)+1,1))-1)+IF('Standard Profiles'!$G$19=$B$10,7,0)+IF('Standard Profiles'!$G$19=$B$17,14,0)+IF('Standard Profiles'!$G$19=$B$24,21,0),MOD($C6987,24)+1)/SUM(INDEX($D$3:$AA$30,INDEX(Jesper!$R$2:$R$366,ROW(INDEX(Jesper!AI$2:AI$366,ROUNDDOWN($C6987/24,0)+1,1))-1)+IF('Standard Profiles'!$G$19=$B$10,7,0)+IF('Standard Profiles'!$G$19=$B$17,14,0)+IF('Standard Profiles'!$G$19=$B$24,21,0),0)),0)</f>
        <v>0</v>
      </c>
      <c r="F6987" cm="1">
        <f t="array" ref="F6987">IFERROR(INDEX(Jesper!AJ$2:AJ$366,ROUNDDOWN($C6987/24,0)+1,1)*INDEX($D$3:$AA$30,INDEX(Jesper!$R$2:$R$366,ROW(INDEX(Jesper!AJ$2:AJ$366,ROUNDDOWN($C6987/24,0)+1,1))-1)+IF('Standard Profiles'!$G$20=$B$10,7,0)+IF('Standard Profiles'!$G$20=$B$17,14,0)+IF('Standard Profiles'!$G$20=$B$24,21,0),MOD($C6987,24)+1)/SUM(INDEX($D$3:$AA$30,INDEX(Jesper!$R$2:$R$366,ROW(INDEX(Jesper!AJ$2:AJ$366,ROUNDDOWN($C6987/24,0)+1,1))-1)+IF('Standard Profiles'!$G$20=$B$10,7,0)+IF('Standard Profiles'!$G$20=$B$17,14,0)+IF('Standard Profiles'!$G$20=$B$24,21,0),0)),0)</f>
        <v>0</v>
      </c>
      <c r="G6987" cm="1">
        <f t="array" ref="G6987">IFERROR(INDEX(Jesper!AK$2:AK$366,ROUNDDOWN($C6987/24,0)+1,1)*INDEX($D$3:$AA$30,INDEX(Jesper!$R$2:$R$366,ROW(INDEX(Jesper!AK$2:AK$366,ROUNDDOWN($C6987/24,0)+1,1))-1)+IF('Standard Profiles'!$G$21=$B$10,7,0)+IF('Standard Profiles'!$G$21=$B$17,14,0)+IF('Standard Profiles'!$G$21=$B$24,21,0),MOD($C6987,24)+1)/SUM(INDEX($D$3:$AA$30,INDEX(Jesper!$R$2:$R$366,ROW(INDEX(Jesper!AK$2:AK$366,ROUNDDOWN($C6987/24,0)+1,1))-1)+IF('Standard Profiles'!$G$21=$B$10,7,0)+IF('Standard Profiles'!$G$21=$B$17,14,0)+IF('Standard Profiles'!$G$21=$B$24,21,0),0)),0)</f>
        <v>0</v>
      </c>
      <c r="H6987" cm="1">
        <f t="array" ref="H6987">IFERROR(INDEX(Jesper!AL$2:AL$366,ROUNDDOWN($C6987/24,0)+1,1)*INDEX($D$3:$AA$30,INDEX(Jesper!$R$2:$R$366,ROW(INDEX(Jesper!AL$2:AL$366,ROUNDDOWN($C6987/24,0)+1,1))-1)+IF('Standard Profiles'!$G$22=$B$10,7,0)+IF('Standard Profiles'!$G$22=$B$17,14,0)+IF('Standard Profiles'!$G$22=$B$24,21,0),MOD($C6987,24)+1)/SUM(INDEX($D$3:$AA$30,INDEX(Jesper!$R$2:$R$366,ROW(INDEX(Jesper!AL$2:AL$366,ROUNDDOWN($C6987/24,0)+1,1))-1)+IF('Standard Profiles'!$G$22=$B$10,7,0)+IF('Standard Profiles'!$G$22=$B$17,14,0)+IF('Standard Profiles'!$G$22=$B$24,21,0),0)),0)</f>
        <v>0</v>
      </c>
      <c r="I6987">
        <f t="shared" si="776"/>
        <v>0.44231371737984621</v>
      </c>
      <c r="J6987">
        <f t="shared" si="777"/>
        <v>1.4743790579328209</v>
      </c>
      <c r="K6987">
        <f t="shared" si="778"/>
        <v>2.2115685868992312</v>
      </c>
      <c r="L6987">
        <f t="shared" si="779"/>
        <v>10.615529217116309</v>
      </c>
      <c r="M6987">
        <f t="shared" si="780"/>
        <v>0</v>
      </c>
      <c r="N6987" s="46">
        <f t="shared" si="781"/>
        <v>45581.70833331647</v>
      </c>
    </row>
    <row r="6988" spans="2:14" x14ac:dyDescent="0.3">
      <c r="B6988">
        <f t="shared" si="775"/>
        <v>3</v>
      </c>
      <c r="C6988" s="16">
        <v>6954</v>
      </c>
      <c r="D6988" cm="1">
        <f t="array" ref="D6988">IFERROR(INDEX(Jesper!AH$2:AH$366,ROUNDDOWN($C6988/24,0)+1,1)*INDEX($D$3:$AA$30,INDEX(Jesper!$R$2:$R$366,ROW(INDEX(Jesper!AH$2:AH$366,ROUNDDOWN($C6988/24,0)+1,1))-1)+IF('Standard Profiles'!$G$18=$B$10,7,0)+IF('Standard Profiles'!$G$18=$B$17,14,0)+IF('Standard Profiles'!$G$18=$B$24,21,0),MOD($C6988,24)+1)/SUM(INDEX($D$3:$AA$30,INDEX(Jesper!$R$2:$R$366,ROW(INDEX(Jesper!AH$2:AH$366,ROUNDDOWN($C6988/24,0)+1,1))-1)+IF('Standard Profiles'!$G$18=$B$10,7,0)+IF('Standard Profiles'!$G$18=$B$17,14,0)+IF('Standard Profiles'!$G$18=$B$24,21,0),0)),0)</f>
        <v>14.743790579328207</v>
      </c>
      <c r="E6988" cm="1">
        <f t="array" ref="E6988">IFERROR(INDEX(Jesper!AI$2:AI$366,ROUNDDOWN($C6988/24,0)+1,1)*INDEX($D$3:$AA$30,INDEX(Jesper!$R$2:$R$366,ROW(INDEX(Jesper!AI$2:AI$366,ROUNDDOWN($C6988/24,0)+1,1))-1)+IF('Standard Profiles'!$G$19=$B$10,7,0)+IF('Standard Profiles'!$G$19=$B$17,14,0)+IF('Standard Profiles'!$G$19=$B$24,21,0),MOD($C6988,24)+1)/SUM(INDEX($D$3:$AA$30,INDEX(Jesper!$R$2:$R$366,ROW(INDEX(Jesper!AI$2:AI$366,ROUNDDOWN($C6988/24,0)+1,1))-1)+IF('Standard Profiles'!$G$19=$B$10,7,0)+IF('Standard Profiles'!$G$19=$B$17,14,0)+IF('Standard Profiles'!$G$19=$B$24,21,0),0)),0)</f>
        <v>0</v>
      </c>
      <c r="F6988" cm="1">
        <f t="array" ref="F6988">IFERROR(INDEX(Jesper!AJ$2:AJ$366,ROUNDDOWN($C6988/24,0)+1,1)*INDEX($D$3:$AA$30,INDEX(Jesper!$R$2:$R$366,ROW(INDEX(Jesper!AJ$2:AJ$366,ROUNDDOWN($C6988/24,0)+1,1))-1)+IF('Standard Profiles'!$G$20=$B$10,7,0)+IF('Standard Profiles'!$G$20=$B$17,14,0)+IF('Standard Profiles'!$G$20=$B$24,21,0),MOD($C6988,24)+1)/SUM(INDEX($D$3:$AA$30,INDEX(Jesper!$R$2:$R$366,ROW(INDEX(Jesper!AJ$2:AJ$366,ROUNDDOWN($C6988/24,0)+1,1))-1)+IF('Standard Profiles'!$G$20=$B$10,7,0)+IF('Standard Profiles'!$G$20=$B$17,14,0)+IF('Standard Profiles'!$G$20=$B$24,21,0),0)),0)</f>
        <v>0</v>
      </c>
      <c r="G6988" cm="1">
        <f t="array" ref="G6988">IFERROR(INDEX(Jesper!AK$2:AK$366,ROUNDDOWN($C6988/24,0)+1,1)*INDEX($D$3:$AA$30,INDEX(Jesper!$R$2:$R$366,ROW(INDEX(Jesper!AK$2:AK$366,ROUNDDOWN($C6988/24,0)+1,1))-1)+IF('Standard Profiles'!$G$21=$B$10,7,0)+IF('Standard Profiles'!$G$21=$B$17,14,0)+IF('Standard Profiles'!$G$21=$B$24,21,0),MOD($C6988,24)+1)/SUM(INDEX($D$3:$AA$30,INDEX(Jesper!$R$2:$R$366,ROW(INDEX(Jesper!AK$2:AK$366,ROUNDDOWN($C6988/24,0)+1,1))-1)+IF('Standard Profiles'!$G$21=$B$10,7,0)+IF('Standard Profiles'!$G$21=$B$17,14,0)+IF('Standard Profiles'!$G$21=$B$24,21,0),0)),0)</f>
        <v>0</v>
      </c>
      <c r="H6988" cm="1">
        <f t="array" ref="H6988">IFERROR(INDEX(Jesper!AL$2:AL$366,ROUNDDOWN($C6988/24,0)+1,1)*INDEX($D$3:$AA$30,INDEX(Jesper!$R$2:$R$366,ROW(INDEX(Jesper!AL$2:AL$366,ROUNDDOWN($C6988/24,0)+1,1))-1)+IF('Standard Profiles'!$G$22=$B$10,7,0)+IF('Standard Profiles'!$G$22=$B$17,14,0)+IF('Standard Profiles'!$G$22=$B$24,21,0),MOD($C6988,24)+1)/SUM(INDEX($D$3:$AA$30,INDEX(Jesper!$R$2:$R$366,ROW(INDEX(Jesper!AL$2:AL$366,ROUNDDOWN($C6988/24,0)+1,1))-1)+IF('Standard Profiles'!$G$22=$B$10,7,0)+IF('Standard Profiles'!$G$22=$B$17,14,0)+IF('Standard Profiles'!$G$22=$B$24,21,0),0)),0)</f>
        <v>0</v>
      </c>
      <c r="I6988">
        <f t="shared" si="776"/>
        <v>0.44231371737984621</v>
      </c>
      <c r="J6988">
        <f t="shared" si="777"/>
        <v>1.4743790579328209</v>
      </c>
      <c r="K6988">
        <f t="shared" si="778"/>
        <v>2.2115685868992312</v>
      </c>
      <c r="L6988">
        <f t="shared" si="779"/>
        <v>10.615529217116309</v>
      </c>
      <c r="M6988">
        <f t="shared" si="780"/>
        <v>0</v>
      </c>
      <c r="N6988" s="46">
        <f t="shared" si="781"/>
        <v>45581.749999983134</v>
      </c>
    </row>
    <row r="6989" spans="2:14" x14ac:dyDescent="0.3">
      <c r="B6989">
        <f t="shared" si="775"/>
        <v>3</v>
      </c>
      <c r="C6989" s="16">
        <v>6955</v>
      </c>
      <c r="D6989" cm="1">
        <f t="array" ref="D6989">IFERROR(INDEX(Jesper!AH$2:AH$366,ROUNDDOWN($C6989/24,0)+1,1)*INDEX($D$3:$AA$30,INDEX(Jesper!$R$2:$R$366,ROW(INDEX(Jesper!AH$2:AH$366,ROUNDDOWN($C6989/24,0)+1,1))-1)+IF('Standard Profiles'!$G$18=$B$10,7,0)+IF('Standard Profiles'!$G$18=$B$17,14,0)+IF('Standard Profiles'!$G$18=$B$24,21,0),MOD($C6989,24)+1)/SUM(INDEX($D$3:$AA$30,INDEX(Jesper!$R$2:$R$366,ROW(INDEX(Jesper!AH$2:AH$366,ROUNDDOWN($C6989/24,0)+1,1))-1)+IF('Standard Profiles'!$G$18=$B$10,7,0)+IF('Standard Profiles'!$G$18=$B$17,14,0)+IF('Standard Profiles'!$G$18=$B$24,21,0),0)),0)</f>
        <v>12.286492149440175</v>
      </c>
      <c r="E6989" cm="1">
        <f t="array" ref="E6989">IFERROR(INDEX(Jesper!AI$2:AI$366,ROUNDDOWN($C6989/24,0)+1,1)*INDEX($D$3:$AA$30,INDEX(Jesper!$R$2:$R$366,ROW(INDEX(Jesper!AI$2:AI$366,ROUNDDOWN($C6989/24,0)+1,1))-1)+IF('Standard Profiles'!$G$19=$B$10,7,0)+IF('Standard Profiles'!$G$19=$B$17,14,0)+IF('Standard Profiles'!$G$19=$B$24,21,0),MOD($C6989,24)+1)/SUM(INDEX($D$3:$AA$30,INDEX(Jesper!$R$2:$R$366,ROW(INDEX(Jesper!AI$2:AI$366,ROUNDDOWN($C6989/24,0)+1,1))-1)+IF('Standard Profiles'!$G$19=$B$10,7,0)+IF('Standard Profiles'!$G$19=$B$17,14,0)+IF('Standard Profiles'!$G$19=$B$24,21,0),0)),0)</f>
        <v>0</v>
      </c>
      <c r="F6989" cm="1">
        <f t="array" ref="F6989">IFERROR(INDEX(Jesper!AJ$2:AJ$366,ROUNDDOWN($C6989/24,0)+1,1)*INDEX($D$3:$AA$30,INDEX(Jesper!$R$2:$R$366,ROW(INDEX(Jesper!AJ$2:AJ$366,ROUNDDOWN($C6989/24,0)+1,1))-1)+IF('Standard Profiles'!$G$20=$B$10,7,0)+IF('Standard Profiles'!$G$20=$B$17,14,0)+IF('Standard Profiles'!$G$20=$B$24,21,0),MOD($C6989,24)+1)/SUM(INDEX($D$3:$AA$30,INDEX(Jesper!$R$2:$R$366,ROW(INDEX(Jesper!AJ$2:AJ$366,ROUNDDOWN($C6989/24,0)+1,1))-1)+IF('Standard Profiles'!$G$20=$B$10,7,0)+IF('Standard Profiles'!$G$20=$B$17,14,0)+IF('Standard Profiles'!$G$20=$B$24,21,0),0)),0)</f>
        <v>0</v>
      </c>
      <c r="G6989" cm="1">
        <f t="array" ref="G6989">IFERROR(INDEX(Jesper!AK$2:AK$366,ROUNDDOWN($C6989/24,0)+1,1)*INDEX($D$3:$AA$30,INDEX(Jesper!$R$2:$R$366,ROW(INDEX(Jesper!AK$2:AK$366,ROUNDDOWN($C6989/24,0)+1,1))-1)+IF('Standard Profiles'!$G$21=$B$10,7,0)+IF('Standard Profiles'!$G$21=$B$17,14,0)+IF('Standard Profiles'!$G$21=$B$24,21,0),MOD($C6989,24)+1)/SUM(INDEX($D$3:$AA$30,INDEX(Jesper!$R$2:$R$366,ROW(INDEX(Jesper!AK$2:AK$366,ROUNDDOWN($C6989/24,0)+1,1))-1)+IF('Standard Profiles'!$G$21=$B$10,7,0)+IF('Standard Profiles'!$G$21=$B$17,14,0)+IF('Standard Profiles'!$G$21=$B$24,21,0),0)),0)</f>
        <v>0</v>
      </c>
      <c r="H6989" cm="1">
        <f t="array" ref="H6989">IFERROR(INDEX(Jesper!AL$2:AL$366,ROUNDDOWN($C6989/24,0)+1,1)*INDEX($D$3:$AA$30,INDEX(Jesper!$R$2:$R$366,ROW(INDEX(Jesper!AL$2:AL$366,ROUNDDOWN($C6989/24,0)+1,1))-1)+IF('Standard Profiles'!$G$22=$B$10,7,0)+IF('Standard Profiles'!$G$22=$B$17,14,0)+IF('Standard Profiles'!$G$22=$B$24,21,0),MOD($C6989,24)+1)/SUM(INDEX($D$3:$AA$30,INDEX(Jesper!$R$2:$R$366,ROW(INDEX(Jesper!AL$2:AL$366,ROUNDDOWN($C6989/24,0)+1,1))-1)+IF('Standard Profiles'!$G$22=$B$10,7,0)+IF('Standard Profiles'!$G$22=$B$17,14,0)+IF('Standard Profiles'!$G$22=$B$24,21,0),0)),0)</f>
        <v>0</v>
      </c>
      <c r="I6989">
        <f t="shared" si="776"/>
        <v>0.36859476448320522</v>
      </c>
      <c r="J6989">
        <f t="shared" si="777"/>
        <v>1.2286492149440176</v>
      </c>
      <c r="K6989">
        <f t="shared" si="778"/>
        <v>1.8429738224160261</v>
      </c>
      <c r="L6989">
        <f t="shared" si="779"/>
        <v>8.8462743475969248</v>
      </c>
      <c r="M6989">
        <f t="shared" si="780"/>
        <v>0</v>
      </c>
      <c r="N6989" s="46">
        <f t="shared" si="781"/>
        <v>45581.791666649799</v>
      </c>
    </row>
    <row r="6990" spans="2:14" x14ac:dyDescent="0.3">
      <c r="B6990">
        <f t="shared" si="775"/>
        <v>3</v>
      </c>
      <c r="C6990" s="16">
        <v>6956</v>
      </c>
      <c r="D6990" cm="1">
        <f t="array" ref="D6990">IFERROR(INDEX(Jesper!AH$2:AH$366,ROUNDDOWN($C6990/24,0)+1,1)*INDEX($D$3:$AA$30,INDEX(Jesper!$R$2:$R$366,ROW(INDEX(Jesper!AH$2:AH$366,ROUNDDOWN($C6990/24,0)+1,1))-1)+IF('Standard Profiles'!$G$18=$B$10,7,0)+IF('Standard Profiles'!$G$18=$B$17,14,0)+IF('Standard Profiles'!$G$18=$B$24,21,0),MOD($C6990,24)+1)/SUM(INDEX($D$3:$AA$30,INDEX(Jesper!$R$2:$R$366,ROW(INDEX(Jesper!AH$2:AH$366,ROUNDDOWN($C6990/24,0)+1,1))-1)+IF('Standard Profiles'!$G$18=$B$10,7,0)+IF('Standard Profiles'!$G$18=$B$17,14,0)+IF('Standard Profiles'!$G$18=$B$24,21,0),0)),0)</f>
        <v>9.8291937195521406</v>
      </c>
      <c r="E6990" cm="1">
        <f t="array" ref="E6990">IFERROR(INDEX(Jesper!AI$2:AI$366,ROUNDDOWN($C6990/24,0)+1,1)*INDEX($D$3:$AA$30,INDEX(Jesper!$R$2:$R$366,ROW(INDEX(Jesper!AI$2:AI$366,ROUNDDOWN($C6990/24,0)+1,1))-1)+IF('Standard Profiles'!$G$19=$B$10,7,0)+IF('Standard Profiles'!$G$19=$B$17,14,0)+IF('Standard Profiles'!$G$19=$B$24,21,0),MOD($C6990,24)+1)/SUM(INDEX($D$3:$AA$30,INDEX(Jesper!$R$2:$R$366,ROW(INDEX(Jesper!AI$2:AI$366,ROUNDDOWN($C6990/24,0)+1,1))-1)+IF('Standard Profiles'!$G$19=$B$10,7,0)+IF('Standard Profiles'!$G$19=$B$17,14,0)+IF('Standard Profiles'!$G$19=$B$24,21,0),0)),0)</f>
        <v>0</v>
      </c>
      <c r="F6990" cm="1">
        <f t="array" ref="F6990">IFERROR(INDEX(Jesper!AJ$2:AJ$366,ROUNDDOWN($C6990/24,0)+1,1)*INDEX($D$3:$AA$30,INDEX(Jesper!$R$2:$R$366,ROW(INDEX(Jesper!AJ$2:AJ$366,ROUNDDOWN($C6990/24,0)+1,1))-1)+IF('Standard Profiles'!$G$20=$B$10,7,0)+IF('Standard Profiles'!$G$20=$B$17,14,0)+IF('Standard Profiles'!$G$20=$B$24,21,0),MOD($C6990,24)+1)/SUM(INDEX($D$3:$AA$30,INDEX(Jesper!$R$2:$R$366,ROW(INDEX(Jesper!AJ$2:AJ$366,ROUNDDOWN($C6990/24,0)+1,1))-1)+IF('Standard Profiles'!$G$20=$B$10,7,0)+IF('Standard Profiles'!$G$20=$B$17,14,0)+IF('Standard Profiles'!$G$20=$B$24,21,0),0)),0)</f>
        <v>0</v>
      </c>
      <c r="G6990" cm="1">
        <f t="array" ref="G6990">IFERROR(INDEX(Jesper!AK$2:AK$366,ROUNDDOWN($C6990/24,0)+1,1)*INDEX($D$3:$AA$30,INDEX(Jesper!$R$2:$R$366,ROW(INDEX(Jesper!AK$2:AK$366,ROUNDDOWN($C6990/24,0)+1,1))-1)+IF('Standard Profiles'!$G$21=$B$10,7,0)+IF('Standard Profiles'!$G$21=$B$17,14,0)+IF('Standard Profiles'!$G$21=$B$24,21,0),MOD($C6990,24)+1)/SUM(INDEX($D$3:$AA$30,INDEX(Jesper!$R$2:$R$366,ROW(INDEX(Jesper!AK$2:AK$366,ROUNDDOWN($C6990/24,0)+1,1))-1)+IF('Standard Profiles'!$G$21=$B$10,7,0)+IF('Standard Profiles'!$G$21=$B$17,14,0)+IF('Standard Profiles'!$G$21=$B$24,21,0),0)),0)</f>
        <v>0</v>
      </c>
      <c r="H6990" cm="1">
        <f t="array" ref="H6990">IFERROR(INDEX(Jesper!AL$2:AL$366,ROUNDDOWN($C6990/24,0)+1,1)*INDEX($D$3:$AA$30,INDEX(Jesper!$R$2:$R$366,ROW(INDEX(Jesper!AL$2:AL$366,ROUNDDOWN($C6990/24,0)+1,1))-1)+IF('Standard Profiles'!$G$22=$B$10,7,0)+IF('Standard Profiles'!$G$22=$B$17,14,0)+IF('Standard Profiles'!$G$22=$B$24,21,0),MOD($C6990,24)+1)/SUM(INDEX($D$3:$AA$30,INDEX(Jesper!$R$2:$R$366,ROW(INDEX(Jesper!AL$2:AL$366,ROUNDDOWN($C6990/24,0)+1,1))-1)+IF('Standard Profiles'!$G$22=$B$10,7,0)+IF('Standard Profiles'!$G$22=$B$17,14,0)+IF('Standard Profiles'!$G$22=$B$24,21,0),0)),0)</f>
        <v>0</v>
      </c>
      <c r="I6990">
        <f t="shared" si="776"/>
        <v>0.29487581158656423</v>
      </c>
      <c r="J6990">
        <f t="shared" si="777"/>
        <v>0.98291937195521406</v>
      </c>
      <c r="K6990">
        <f t="shared" si="778"/>
        <v>1.4743790579328211</v>
      </c>
      <c r="L6990">
        <f t="shared" si="779"/>
        <v>7.0770194780775411</v>
      </c>
      <c r="M6990">
        <f t="shared" si="780"/>
        <v>0</v>
      </c>
      <c r="N6990" s="46">
        <f t="shared" si="781"/>
        <v>45581.833333316463</v>
      </c>
    </row>
    <row r="6991" spans="2:14" x14ac:dyDescent="0.3">
      <c r="B6991">
        <f t="shared" si="775"/>
        <v>3</v>
      </c>
      <c r="C6991" s="16">
        <v>6957</v>
      </c>
      <c r="D6991" cm="1">
        <f t="array" ref="D6991">IFERROR(INDEX(Jesper!AH$2:AH$366,ROUNDDOWN($C6991/24,0)+1,1)*INDEX($D$3:$AA$30,INDEX(Jesper!$R$2:$R$366,ROW(INDEX(Jesper!AH$2:AH$366,ROUNDDOWN($C6991/24,0)+1,1))-1)+IF('Standard Profiles'!$G$18=$B$10,7,0)+IF('Standard Profiles'!$G$18=$B$17,14,0)+IF('Standard Profiles'!$G$18=$B$24,21,0),MOD($C6991,24)+1)/SUM(INDEX($D$3:$AA$30,INDEX(Jesper!$R$2:$R$366,ROW(INDEX(Jesper!AH$2:AH$366,ROUNDDOWN($C6991/24,0)+1,1))-1)+IF('Standard Profiles'!$G$18=$B$10,7,0)+IF('Standard Profiles'!$G$18=$B$17,14,0)+IF('Standard Profiles'!$G$18=$B$24,21,0),0)),0)</f>
        <v>7.3718952896641037</v>
      </c>
      <c r="E6991" cm="1">
        <f t="array" ref="E6991">IFERROR(INDEX(Jesper!AI$2:AI$366,ROUNDDOWN($C6991/24,0)+1,1)*INDEX($D$3:$AA$30,INDEX(Jesper!$R$2:$R$366,ROW(INDEX(Jesper!AI$2:AI$366,ROUNDDOWN($C6991/24,0)+1,1))-1)+IF('Standard Profiles'!$G$19=$B$10,7,0)+IF('Standard Profiles'!$G$19=$B$17,14,0)+IF('Standard Profiles'!$G$19=$B$24,21,0),MOD($C6991,24)+1)/SUM(INDEX($D$3:$AA$30,INDEX(Jesper!$R$2:$R$366,ROW(INDEX(Jesper!AI$2:AI$366,ROUNDDOWN($C6991/24,0)+1,1))-1)+IF('Standard Profiles'!$G$19=$B$10,7,0)+IF('Standard Profiles'!$G$19=$B$17,14,0)+IF('Standard Profiles'!$G$19=$B$24,21,0),0)),0)</f>
        <v>0</v>
      </c>
      <c r="F6991" cm="1">
        <f t="array" ref="F6991">IFERROR(INDEX(Jesper!AJ$2:AJ$366,ROUNDDOWN($C6991/24,0)+1,1)*INDEX($D$3:$AA$30,INDEX(Jesper!$R$2:$R$366,ROW(INDEX(Jesper!AJ$2:AJ$366,ROUNDDOWN($C6991/24,0)+1,1))-1)+IF('Standard Profiles'!$G$20=$B$10,7,0)+IF('Standard Profiles'!$G$20=$B$17,14,0)+IF('Standard Profiles'!$G$20=$B$24,21,0),MOD($C6991,24)+1)/SUM(INDEX($D$3:$AA$30,INDEX(Jesper!$R$2:$R$366,ROW(INDEX(Jesper!AJ$2:AJ$366,ROUNDDOWN($C6991/24,0)+1,1))-1)+IF('Standard Profiles'!$G$20=$B$10,7,0)+IF('Standard Profiles'!$G$20=$B$17,14,0)+IF('Standard Profiles'!$G$20=$B$24,21,0),0)),0)</f>
        <v>0</v>
      </c>
      <c r="G6991" cm="1">
        <f t="array" ref="G6991">IFERROR(INDEX(Jesper!AK$2:AK$366,ROUNDDOWN($C6991/24,0)+1,1)*INDEX($D$3:$AA$30,INDEX(Jesper!$R$2:$R$366,ROW(INDEX(Jesper!AK$2:AK$366,ROUNDDOWN($C6991/24,0)+1,1))-1)+IF('Standard Profiles'!$G$21=$B$10,7,0)+IF('Standard Profiles'!$G$21=$B$17,14,0)+IF('Standard Profiles'!$G$21=$B$24,21,0),MOD($C6991,24)+1)/SUM(INDEX($D$3:$AA$30,INDEX(Jesper!$R$2:$R$366,ROW(INDEX(Jesper!AK$2:AK$366,ROUNDDOWN($C6991/24,0)+1,1))-1)+IF('Standard Profiles'!$G$21=$B$10,7,0)+IF('Standard Profiles'!$G$21=$B$17,14,0)+IF('Standard Profiles'!$G$21=$B$24,21,0),0)),0)</f>
        <v>0</v>
      </c>
      <c r="H6991" cm="1">
        <f t="array" ref="H6991">IFERROR(INDEX(Jesper!AL$2:AL$366,ROUNDDOWN($C6991/24,0)+1,1)*INDEX($D$3:$AA$30,INDEX(Jesper!$R$2:$R$366,ROW(INDEX(Jesper!AL$2:AL$366,ROUNDDOWN($C6991/24,0)+1,1))-1)+IF('Standard Profiles'!$G$22=$B$10,7,0)+IF('Standard Profiles'!$G$22=$B$17,14,0)+IF('Standard Profiles'!$G$22=$B$24,21,0),MOD($C6991,24)+1)/SUM(INDEX($D$3:$AA$30,INDEX(Jesper!$R$2:$R$366,ROW(INDEX(Jesper!AL$2:AL$366,ROUNDDOWN($C6991/24,0)+1,1))-1)+IF('Standard Profiles'!$G$22=$B$10,7,0)+IF('Standard Profiles'!$G$22=$B$17,14,0)+IF('Standard Profiles'!$G$22=$B$24,21,0),0)),0)</f>
        <v>0</v>
      </c>
      <c r="I6991">
        <f t="shared" si="776"/>
        <v>0.2211568586899231</v>
      </c>
      <c r="J6991">
        <f t="shared" si="777"/>
        <v>0.73718952896641043</v>
      </c>
      <c r="K6991">
        <f t="shared" si="778"/>
        <v>1.1057842934496156</v>
      </c>
      <c r="L6991">
        <f t="shared" si="779"/>
        <v>5.3077646085581547</v>
      </c>
      <c r="M6991">
        <f t="shared" si="780"/>
        <v>0</v>
      </c>
      <c r="N6991" s="46">
        <f t="shared" si="781"/>
        <v>45581.874999983127</v>
      </c>
    </row>
    <row r="6992" spans="2:14" x14ac:dyDescent="0.3">
      <c r="B6992">
        <f t="shared" si="775"/>
        <v>3</v>
      </c>
      <c r="C6992" s="16">
        <v>6958</v>
      </c>
      <c r="D6992" cm="1">
        <f t="array" ref="D6992">IFERROR(INDEX(Jesper!AH$2:AH$366,ROUNDDOWN($C6992/24,0)+1,1)*INDEX($D$3:$AA$30,INDEX(Jesper!$R$2:$R$366,ROW(INDEX(Jesper!AH$2:AH$366,ROUNDDOWN($C6992/24,0)+1,1))-1)+IF('Standard Profiles'!$G$18=$B$10,7,0)+IF('Standard Profiles'!$G$18=$B$17,14,0)+IF('Standard Profiles'!$G$18=$B$24,21,0),MOD($C6992,24)+1)/SUM(INDEX($D$3:$AA$30,INDEX(Jesper!$R$2:$R$366,ROW(INDEX(Jesper!AH$2:AH$366,ROUNDDOWN($C6992/24,0)+1,1))-1)+IF('Standard Profiles'!$G$18=$B$10,7,0)+IF('Standard Profiles'!$G$18=$B$17,14,0)+IF('Standard Profiles'!$G$18=$B$24,21,0),0)),0)</f>
        <v>7.3718952896641037</v>
      </c>
      <c r="E6992" cm="1">
        <f t="array" ref="E6992">IFERROR(INDEX(Jesper!AI$2:AI$366,ROUNDDOWN($C6992/24,0)+1,1)*INDEX($D$3:$AA$30,INDEX(Jesper!$R$2:$R$366,ROW(INDEX(Jesper!AI$2:AI$366,ROUNDDOWN($C6992/24,0)+1,1))-1)+IF('Standard Profiles'!$G$19=$B$10,7,0)+IF('Standard Profiles'!$G$19=$B$17,14,0)+IF('Standard Profiles'!$G$19=$B$24,21,0),MOD($C6992,24)+1)/SUM(INDEX($D$3:$AA$30,INDEX(Jesper!$R$2:$R$366,ROW(INDEX(Jesper!AI$2:AI$366,ROUNDDOWN($C6992/24,0)+1,1))-1)+IF('Standard Profiles'!$G$19=$B$10,7,0)+IF('Standard Profiles'!$G$19=$B$17,14,0)+IF('Standard Profiles'!$G$19=$B$24,21,0),0)),0)</f>
        <v>0</v>
      </c>
      <c r="F6992" cm="1">
        <f t="array" ref="F6992">IFERROR(INDEX(Jesper!AJ$2:AJ$366,ROUNDDOWN($C6992/24,0)+1,1)*INDEX($D$3:$AA$30,INDEX(Jesper!$R$2:$R$366,ROW(INDEX(Jesper!AJ$2:AJ$366,ROUNDDOWN($C6992/24,0)+1,1))-1)+IF('Standard Profiles'!$G$20=$B$10,7,0)+IF('Standard Profiles'!$G$20=$B$17,14,0)+IF('Standard Profiles'!$G$20=$B$24,21,0),MOD($C6992,24)+1)/SUM(INDEX($D$3:$AA$30,INDEX(Jesper!$R$2:$R$366,ROW(INDEX(Jesper!AJ$2:AJ$366,ROUNDDOWN($C6992/24,0)+1,1))-1)+IF('Standard Profiles'!$G$20=$B$10,7,0)+IF('Standard Profiles'!$G$20=$B$17,14,0)+IF('Standard Profiles'!$G$20=$B$24,21,0),0)),0)</f>
        <v>0</v>
      </c>
      <c r="G6992" cm="1">
        <f t="array" ref="G6992">IFERROR(INDEX(Jesper!AK$2:AK$366,ROUNDDOWN($C6992/24,0)+1,1)*INDEX($D$3:$AA$30,INDEX(Jesper!$R$2:$R$366,ROW(INDEX(Jesper!AK$2:AK$366,ROUNDDOWN($C6992/24,0)+1,1))-1)+IF('Standard Profiles'!$G$21=$B$10,7,0)+IF('Standard Profiles'!$G$21=$B$17,14,0)+IF('Standard Profiles'!$G$21=$B$24,21,0),MOD($C6992,24)+1)/SUM(INDEX($D$3:$AA$30,INDEX(Jesper!$R$2:$R$366,ROW(INDEX(Jesper!AK$2:AK$366,ROUNDDOWN($C6992/24,0)+1,1))-1)+IF('Standard Profiles'!$G$21=$B$10,7,0)+IF('Standard Profiles'!$G$21=$B$17,14,0)+IF('Standard Profiles'!$G$21=$B$24,21,0),0)),0)</f>
        <v>0</v>
      </c>
      <c r="H6992" cm="1">
        <f t="array" ref="H6992">IFERROR(INDEX(Jesper!AL$2:AL$366,ROUNDDOWN($C6992/24,0)+1,1)*INDEX($D$3:$AA$30,INDEX(Jesper!$R$2:$R$366,ROW(INDEX(Jesper!AL$2:AL$366,ROUNDDOWN($C6992/24,0)+1,1))-1)+IF('Standard Profiles'!$G$22=$B$10,7,0)+IF('Standard Profiles'!$G$22=$B$17,14,0)+IF('Standard Profiles'!$G$22=$B$24,21,0),MOD($C6992,24)+1)/SUM(INDEX($D$3:$AA$30,INDEX(Jesper!$R$2:$R$366,ROW(INDEX(Jesper!AL$2:AL$366,ROUNDDOWN($C6992/24,0)+1,1))-1)+IF('Standard Profiles'!$G$22=$B$10,7,0)+IF('Standard Profiles'!$G$22=$B$17,14,0)+IF('Standard Profiles'!$G$22=$B$24,21,0),0)),0)</f>
        <v>0</v>
      </c>
      <c r="I6992">
        <f t="shared" si="776"/>
        <v>0.2211568586899231</v>
      </c>
      <c r="J6992">
        <f t="shared" si="777"/>
        <v>0.73718952896641043</v>
      </c>
      <c r="K6992">
        <f t="shared" si="778"/>
        <v>1.1057842934496156</v>
      </c>
      <c r="L6992">
        <f t="shared" si="779"/>
        <v>5.3077646085581547</v>
      </c>
      <c r="M6992">
        <f t="shared" si="780"/>
        <v>0</v>
      </c>
      <c r="N6992" s="46">
        <f t="shared" si="781"/>
        <v>45581.916666649791</v>
      </c>
    </row>
    <row r="6993" spans="2:14" x14ac:dyDescent="0.3">
      <c r="B6993">
        <f t="shared" si="775"/>
        <v>3</v>
      </c>
      <c r="C6993" s="16">
        <v>6959</v>
      </c>
      <c r="D6993" cm="1">
        <f t="array" ref="D6993">IFERROR(INDEX(Jesper!AH$2:AH$366,ROUNDDOWN($C6993/24,0)+1,1)*INDEX($D$3:$AA$30,INDEX(Jesper!$R$2:$R$366,ROW(INDEX(Jesper!AH$2:AH$366,ROUNDDOWN($C6993/24,0)+1,1))-1)+IF('Standard Profiles'!$G$18=$B$10,7,0)+IF('Standard Profiles'!$G$18=$B$17,14,0)+IF('Standard Profiles'!$G$18=$B$24,21,0),MOD($C6993,24)+1)/SUM(INDEX($D$3:$AA$30,INDEX(Jesper!$R$2:$R$366,ROW(INDEX(Jesper!AH$2:AH$366,ROUNDDOWN($C6993/24,0)+1,1))-1)+IF('Standard Profiles'!$G$18=$B$10,7,0)+IF('Standard Profiles'!$G$18=$B$17,14,0)+IF('Standard Profiles'!$G$18=$B$24,21,0),0)),0)</f>
        <v>7.3718952896641037</v>
      </c>
      <c r="E6993" cm="1">
        <f t="array" ref="E6993">IFERROR(INDEX(Jesper!AI$2:AI$366,ROUNDDOWN($C6993/24,0)+1,1)*INDEX($D$3:$AA$30,INDEX(Jesper!$R$2:$R$366,ROW(INDEX(Jesper!AI$2:AI$366,ROUNDDOWN($C6993/24,0)+1,1))-1)+IF('Standard Profiles'!$G$19=$B$10,7,0)+IF('Standard Profiles'!$G$19=$B$17,14,0)+IF('Standard Profiles'!$G$19=$B$24,21,0),MOD($C6993,24)+1)/SUM(INDEX($D$3:$AA$30,INDEX(Jesper!$R$2:$R$366,ROW(INDEX(Jesper!AI$2:AI$366,ROUNDDOWN($C6993/24,0)+1,1))-1)+IF('Standard Profiles'!$G$19=$B$10,7,0)+IF('Standard Profiles'!$G$19=$B$17,14,0)+IF('Standard Profiles'!$G$19=$B$24,21,0),0)),0)</f>
        <v>0</v>
      </c>
      <c r="F6993" cm="1">
        <f t="array" ref="F6993">IFERROR(INDEX(Jesper!AJ$2:AJ$366,ROUNDDOWN($C6993/24,0)+1,1)*INDEX($D$3:$AA$30,INDEX(Jesper!$R$2:$R$366,ROW(INDEX(Jesper!AJ$2:AJ$366,ROUNDDOWN($C6993/24,0)+1,1))-1)+IF('Standard Profiles'!$G$20=$B$10,7,0)+IF('Standard Profiles'!$G$20=$B$17,14,0)+IF('Standard Profiles'!$G$20=$B$24,21,0),MOD($C6993,24)+1)/SUM(INDEX($D$3:$AA$30,INDEX(Jesper!$R$2:$R$366,ROW(INDEX(Jesper!AJ$2:AJ$366,ROUNDDOWN($C6993/24,0)+1,1))-1)+IF('Standard Profiles'!$G$20=$B$10,7,0)+IF('Standard Profiles'!$G$20=$B$17,14,0)+IF('Standard Profiles'!$G$20=$B$24,21,0),0)),0)</f>
        <v>0</v>
      </c>
      <c r="G6993" cm="1">
        <f t="array" ref="G6993">IFERROR(INDEX(Jesper!AK$2:AK$366,ROUNDDOWN($C6993/24,0)+1,1)*INDEX($D$3:$AA$30,INDEX(Jesper!$R$2:$R$366,ROW(INDEX(Jesper!AK$2:AK$366,ROUNDDOWN($C6993/24,0)+1,1))-1)+IF('Standard Profiles'!$G$21=$B$10,7,0)+IF('Standard Profiles'!$G$21=$B$17,14,0)+IF('Standard Profiles'!$G$21=$B$24,21,0),MOD($C6993,24)+1)/SUM(INDEX($D$3:$AA$30,INDEX(Jesper!$R$2:$R$366,ROW(INDEX(Jesper!AK$2:AK$366,ROUNDDOWN($C6993/24,0)+1,1))-1)+IF('Standard Profiles'!$G$21=$B$10,7,0)+IF('Standard Profiles'!$G$21=$B$17,14,0)+IF('Standard Profiles'!$G$21=$B$24,21,0),0)),0)</f>
        <v>0</v>
      </c>
      <c r="H6993" cm="1">
        <f t="array" ref="H6993">IFERROR(INDEX(Jesper!AL$2:AL$366,ROUNDDOWN($C6993/24,0)+1,1)*INDEX($D$3:$AA$30,INDEX(Jesper!$R$2:$R$366,ROW(INDEX(Jesper!AL$2:AL$366,ROUNDDOWN($C6993/24,0)+1,1))-1)+IF('Standard Profiles'!$G$22=$B$10,7,0)+IF('Standard Profiles'!$G$22=$B$17,14,0)+IF('Standard Profiles'!$G$22=$B$24,21,0),MOD($C6993,24)+1)/SUM(INDEX($D$3:$AA$30,INDEX(Jesper!$R$2:$R$366,ROW(INDEX(Jesper!AL$2:AL$366,ROUNDDOWN($C6993/24,0)+1,1))-1)+IF('Standard Profiles'!$G$22=$B$10,7,0)+IF('Standard Profiles'!$G$22=$B$17,14,0)+IF('Standard Profiles'!$G$22=$B$24,21,0),0)),0)</f>
        <v>0</v>
      </c>
      <c r="I6993">
        <f t="shared" si="776"/>
        <v>0.2211568586899231</v>
      </c>
      <c r="J6993">
        <f t="shared" si="777"/>
        <v>0.73718952896641043</v>
      </c>
      <c r="K6993">
        <f t="shared" si="778"/>
        <v>1.1057842934496156</v>
      </c>
      <c r="L6993">
        <f t="shared" si="779"/>
        <v>5.3077646085581547</v>
      </c>
      <c r="M6993">
        <f t="shared" si="780"/>
        <v>0</v>
      </c>
      <c r="N6993" s="46">
        <f t="shared" si="781"/>
        <v>45581.958333316456</v>
      </c>
    </row>
    <row r="6994" spans="2:14" x14ac:dyDescent="0.3">
      <c r="B6994">
        <f t="shared" si="775"/>
        <v>4</v>
      </c>
      <c r="C6994" s="16">
        <v>6960</v>
      </c>
      <c r="D6994" cm="1">
        <f t="array" ref="D6994">IFERROR(INDEX(Jesper!AH$2:AH$366,ROUNDDOWN($C6994/24,0)+1,1)*INDEX($D$3:$AA$30,INDEX(Jesper!$R$2:$R$366,ROW(INDEX(Jesper!AH$2:AH$366,ROUNDDOWN($C6994/24,0)+1,1))-1)+IF('Standard Profiles'!$G$18=$B$10,7,0)+IF('Standard Profiles'!$G$18=$B$17,14,0)+IF('Standard Profiles'!$G$18=$B$24,21,0),MOD($C6994,24)+1)/SUM(INDEX($D$3:$AA$30,INDEX(Jesper!$R$2:$R$366,ROW(INDEX(Jesper!AH$2:AH$366,ROUNDDOWN($C6994/24,0)+1,1))-1)+IF('Standard Profiles'!$G$18=$B$10,7,0)+IF('Standard Profiles'!$G$18=$B$17,14,0)+IF('Standard Profiles'!$G$18=$B$24,21,0),0)),0)</f>
        <v>7.4523213273422231</v>
      </c>
      <c r="E6994" cm="1">
        <f t="array" ref="E6994">IFERROR(INDEX(Jesper!AI$2:AI$366,ROUNDDOWN($C6994/24,0)+1,1)*INDEX($D$3:$AA$30,INDEX(Jesper!$R$2:$R$366,ROW(INDEX(Jesper!AI$2:AI$366,ROUNDDOWN($C6994/24,0)+1,1))-1)+IF('Standard Profiles'!$G$19=$B$10,7,0)+IF('Standard Profiles'!$G$19=$B$17,14,0)+IF('Standard Profiles'!$G$19=$B$24,21,0),MOD($C6994,24)+1)/SUM(INDEX($D$3:$AA$30,INDEX(Jesper!$R$2:$R$366,ROW(INDEX(Jesper!AI$2:AI$366,ROUNDDOWN($C6994/24,0)+1,1))-1)+IF('Standard Profiles'!$G$19=$B$10,7,0)+IF('Standard Profiles'!$G$19=$B$17,14,0)+IF('Standard Profiles'!$G$19=$B$24,21,0),0)),0)</f>
        <v>0</v>
      </c>
      <c r="F6994" cm="1">
        <f t="array" ref="F6994">IFERROR(INDEX(Jesper!AJ$2:AJ$366,ROUNDDOWN($C6994/24,0)+1,1)*INDEX($D$3:$AA$30,INDEX(Jesper!$R$2:$R$366,ROW(INDEX(Jesper!AJ$2:AJ$366,ROUNDDOWN($C6994/24,0)+1,1))-1)+IF('Standard Profiles'!$G$20=$B$10,7,0)+IF('Standard Profiles'!$G$20=$B$17,14,0)+IF('Standard Profiles'!$G$20=$B$24,21,0),MOD($C6994,24)+1)/SUM(INDEX($D$3:$AA$30,INDEX(Jesper!$R$2:$R$366,ROW(INDEX(Jesper!AJ$2:AJ$366,ROUNDDOWN($C6994/24,0)+1,1))-1)+IF('Standard Profiles'!$G$20=$B$10,7,0)+IF('Standard Profiles'!$G$20=$B$17,14,0)+IF('Standard Profiles'!$G$20=$B$24,21,0),0)),0)</f>
        <v>0</v>
      </c>
      <c r="G6994" cm="1">
        <f t="array" ref="G6994">IFERROR(INDEX(Jesper!AK$2:AK$366,ROUNDDOWN($C6994/24,0)+1,1)*INDEX($D$3:$AA$30,INDEX(Jesper!$R$2:$R$366,ROW(INDEX(Jesper!AK$2:AK$366,ROUNDDOWN($C6994/24,0)+1,1))-1)+IF('Standard Profiles'!$G$21=$B$10,7,0)+IF('Standard Profiles'!$G$21=$B$17,14,0)+IF('Standard Profiles'!$G$21=$B$24,21,0),MOD($C6994,24)+1)/SUM(INDEX($D$3:$AA$30,INDEX(Jesper!$R$2:$R$366,ROW(INDEX(Jesper!AK$2:AK$366,ROUNDDOWN($C6994/24,0)+1,1))-1)+IF('Standard Profiles'!$G$21=$B$10,7,0)+IF('Standard Profiles'!$G$21=$B$17,14,0)+IF('Standard Profiles'!$G$21=$B$24,21,0),0)),0)</f>
        <v>0</v>
      </c>
      <c r="H6994" cm="1">
        <f t="array" ref="H6994">IFERROR(INDEX(Jesper!AL$2:AL$366,ROUNDDOWN($C6994/24,0)+1,1)*INDEX($D$3:$AA$30,INDEX(Jesper!$R$2:$R$366,ROW(INDEX(Jesper!AL$2:AL$366,ROUNDDOWN($C6994/24,0)+1,1))-1)+IF('Standard Profiles'!$G$22=$B$10,7,0)+IF('Standard Profiles'!$G$22=$B$17,14,0)+IF('Standard Profiles'!$G$22=$B$24,21,0),MOD($C6994,24)+1)/SUM(INDEX($D$3:$AA$30,INDEX(Jesper!$R$2:$R$366,ROW(INDEX(Jesper!AL$2:AL$366,ROUNDDOWN($C6994/24,0)+1,1))-1)+IF('Standard Profiles'!$G$22=$B$10,7,0)+IF('Standard Profiles'!$G$22=$B$17,14,0)+IF('Standard Profiles'!$G$22=$B$24,21,0),0)),0)</f>
        <v>0</v>
      </c>
      <c r="I6994">
        <f t="shared" si="776"/>
        <v>0.22356963982026667</v>
      </c>
      <c r="J6994">
        <f t="shared" si="777"/>
        <v>0.7452321327342224</v>
      </c>
      <c r="K6994">
        <f t="shared" si="778"/>
        <v>1.1178481991013334</v>
      </c>
      <c r="L6994">
        <f t="shared" si="779"/>
        <v>5.3656713556864002</v>
      </c>
      <c r="M6994">
        <f t="shared" si="780"/>
        <v>0</v>
      </c>
      <c r="N6994" s="46">
        <f t="shared" si="781"/>
        <v>45581.99999998312</v>
      </c>
    </row>
    <row r="6995" spans="2:14" x14ac:dyDescent="0.3">
      <c r="B6995">
        <f t="shared" si="775"/>
        <v>4</v>
      </c>
      <c r="C6995" s="16">
        <v>6961</v>
      </c>
      <c r="D6995" cm="1">
        <f t="array" ref="D6995">IFERROR(INDEX(Jesper!AH$2:AH$366,ROUNDDOWN($C6995/24,0)+1,1)*INDEX($D$3:$AA$30,INDEX(Jesper!$R$2:$R$366,ROW(INDEX(Jesper!AH$2:AH$366,ROUNDDOWN($C6995/24,0)+1,1))-1)+IF('Standard Profiles'!$G$18=$B$10,7,0)+IF('Standard Profiles'!$G$18=$B$17,14,0)+IF('Standard Profiles'!$G$18=$B$24,21,0),MOD($C6995,24)+1)/SUM(INDEX($D$3:$AA$30,INDEX(Jesper!$R$2:$R$366,ROW(INDEX(Jesper!AH$2:AH$366,ROUNDDOWN($C6995/24,0)+1,1))-1)+IF('Standard Profiles'!$G$18=$B$10,7,0)+IF('Standard Profiles'!$G$18=$B$17,14,0)+IF('Standard Profiles'!$G$18=$B$24,21,0),0)),0)</f>
        <v>7.4523213273422231</v>
      </c>
      <c r="E6995" cm="1">
        <f t="array" ref="E6995">IFERROR(INDEX(Jesper!AI$2:AI$366,ROUNDDOWN($C6995/24,0)+1,1)*INDEX($D$3:$AA$30,INDEX(Jesper!$R$2:$R$366,ROW(INDEX(Jesper!AI$2:AI$366,ROUNDDOWN($C6995/24,0)+1,1))-1)+IF('Standard Profiles'!$G$19=$B$10,7,0)+IF('Standard Profiles'!$G$19=$B$17,14,0)+IF('Standard Profiles'!$G$19=$B$24,21,0),MOD($C6995,24)+1)/SUM(INDEX($D$3:$AA$30,INDEX(Jesper!$R$2:$R$366,ROW(INDEX(Jesper!AI$2:AI$366,ROUNDDOWN($C6995/24,0)+1,1))-1)+IF('Standard Profiles'!$G$19=$B$10,7,0)+IF('Standard Profiles'!$G$19=$B$17,14,0)+IF('Standard Profiles'!$G$19=$B$24,21,0),0)),0)</f>
        <v>0</v>
      </c>
      <c r="F6995" cm="1">
        <f t="array" ref="F6995">IFERROR(INDEX(Jesper!AJ$2:AJ$366,ROUNDDOWN($C6995/24,0)+1,1)*INDEX($D$3:$AA$30,INDEX(Jesper!$R$2:$R$366,ROW(INDEX(Jesper!AJ$2:AJ$366,ROUNDDOWN($C6995/24,0)+1,1))-1)+IF('Standard Profiles'!$G$20=$B$10,7,0)+IF('Standard Profiles'!$G$20=$B$17,14,0)+IF('Standard Profiles'!$G$20=$B$24,21,0),MOD($C6995,24)+1)/SUM(INDEX($D$3:$AA$30,INDEX(Jesper!$R$2:$R$366,ROW(INDEX(Jesper!AJ$2:AJ$366,ROUNDDOWN($C6995/24,0)+1,1))-1)+IF('Standard Profiles'!$G$20=$B$10,7,0)+IF('Standard Profiles'!$G$20=$B$17,14,0)+IF('Standard Profiles'!$G$20=$B$24,21,0),0)),0)</f>
        <v>0</v>
      </c>
      <c r="G6995" cm="1">
        <f t="array" ref="G6995">IFERROR(INDEX(Jesper!AK$2:AK$366,ROUNDDOWN($C6995/24,0)+1,1)*INDEX($D$3:$AA$30,INDEX(Jesper!$R$2:$R$366,ROW(INDEX(Jesper!AK$2:AK$366,ROUNDDOWN($C6995/24,0)+1,1))-1)+IF('Standard Profiles'!$G$21=$B$10,7,0)+IF('Standard Profiles'!$G$21=$B$17,14,0)+IF('Standard Profiles'!$G$21=$B$24,21,0),MOD($C6995,24)+1)/SUM(INDEX($D$3:$AA$30,INDEX(Jesper!$R$2:$R$366,ROW(INDEX(Jesper!AK$2:AK$366,ROUNDDOWN($C6995/24,0)+1,1))-1)+IF('Standard Profiles'!$G$21=$B$10,7,0)+IF('Standard Profiles'!$G$21=$B$17,14,0)+IF('Standard Profiles'!$G$21=$B$24,21,0),0)),0)</f>
        <v>0</v>
      </c>
      <c r="H6995" cm="1">
        <f t="array" ref="H6995">IFERROR(INDEX(Jesper!AL$2:AL$366,ROUNDDOWN($C6995/24,0)+1,1)*INDEX($D$3:$AA$30,INDEX(Jesper!$R$2:$R$366,ROW(INDEX(Jesper!AL$2:AL$366,ROUNDDOWN($C6995/24,0)+1,1))-1)+IF('Standard Profiles'!$G$22=$B$10,7,0)+IF('Standard Profiles'!$G$22=$B$17,14,0)+IF('Standard Profiles'!$G$22=$B$24,21,0),MOD($C6995,24)+1)/SUM(INDEX($D$3:$AA$30,INDEX(Jesper!$R$2:$R$366,ROW(INDEX(Jesper!AL$2:AL$366,ROUNDDOWN($C6995/24,0)+1,1))-1)+IF('Standard Profiles'!$G$22=$B$10,7,0)+IF('Standard Profiles'!$G$22=$B$17,14,0)+IF('Standard Profiles'!$G$22=$B$24,21,0),0)),0)</f>
        <v>0</v>
      </c>
      <c r="I6995">
        <f t="shared" si="776"/>
        <v>0.22356963982026667</v>
      </c>
      <c r="J6995">
        <f t="shared" si="777"/>
        <v>0.7452321327342224</v>
      </c>
      <c r="K6995">
        <f t="shared" si="778"/>
        <v>1.1178481991013334</v>
      </c>
      <c r="L6995">
        <f t="shared" si="779"/>
        <v>5.3656713556864002</v>
      </c>
      <c r="M6995">
        <f t="shared" si="780"/>
        <v>0</v>
      </c>
      <c r="N6995" s="46">
        <f t="shared" si="781"/>
        <v>45582.041666649784</v>
      </c>
    </row>
    <row r="6996" spans="2:14" x14ac:dyDescent="0.3">
      <c r="B6996">
        <f t="shared" si="775"/>
        <v>4</v>
      </c>
      <c r="C6996" s="16">
        <v>6962</v>
      </c>
      <c r="D6996" cm="1">
        <f t="array" ref="D6996">IFERROR(INDEX(Jesper!AH$2:AH$366,ROUNDDOWN($C6996/24,0)+1,1)*INDEX($D$3:$AA$30,INDEX(Jesper!$R$2:$R$366,ROW(INDEX(Jesper!AH$2:AH$366,ROUNDDOWN($C6996/24,0)+1,1))-1)+IF('Standard Profiles'!$G$18=$B$10,7,0)+IF('Standard Profiles'!$G$18=$B$17,14,0)+IF('Standard Profiles'!$G$18=$B$24,21,0),MOD($C6996,24)+1)/SUM(INDEX($D$3:$AA$30,INDEX(Jesper!$R$2:$R$366,ROW(INDEX(Jesper!AH$2:AH$366,ROUNDDOWN($C6996/24,0)+1,1))-1)+IF('Standard Profiles'!$G$18=$B$10,7,0)+IF('Standard Profiles'!$G$18=$B$17,14,0)+IF('Standard Profiles'!$G$18=$B$24,21,0),0)),0)</f>
        <v>7.4523213273422231</v>
      </c>
      <c r="E6996" cm="1">
        <f t="array" ref="E6996">IFERROR(INDEX(Jesper!AI$2:AI$366,ROUNDDOWN($C6996/24,0)+1,1)*INDEX($D$3:$AA$30,INDEX(Jesper!$R$2:$R$366,ROW(INDEX(Jesper!AI$2:AI$366,ROUNDDOWN($C6996/24,0)+1,1))-1)+IF('Standard Profiles'!$G$19=$B$10,7,0)+IF('Standard Profiles'!$G$19=$B$17,14,0)+IF('Standard Profiles'!$G$19=$B$24,21,0),MOD($C6996,24)+1)/SUM(INDEX($D$3:$AA$30,INDEX(Jesper!$R$2:$R$366,ROW(INDEX(Jesper!AI$2:AI$366,ROUNDDOWN($C6996/24,0)+1,1))-1)+IF('Standard Profiles'!$G$19=$B$10,7,0)+IF('Standard Profiles'!$G$19=$B$17,14,0)+IF('Standard Profiles'!$G$19=$B$24,21,0),0)),0)</f>
        <v>0</v>
      </c>
      <c r="F6996" cm="1">
        <f t="array" ref="F6996">IFERROR(INDEX(Jesper!AJ$2:AJ$366,ROUNDDOWN($C6996/24,0)+1,1)*INDEX($D$3:$AA$30,INDEX(Jesper!$R$2:$R$366,ROW(INDEX(Jesper!AJ$2:AJ$366,ROUNDDOWN($C6996/24,0)+1,1))-1)+IF('Standard Profiles'!$G$20=$B$10,7,0)+IF('Standard Profiles'!$G$20=$B$17,14,0)+IF('Standard Profiles'!$G$20=$B$24,21,0),MOD($C6996,24)+1)/SUM(INDEX($D$3:$AA$30,INDEX(Jesper!$R$2:$R$366,ROW(INDEX(Jesper!AJ$2:AJ$366,ROUNDDOWN($C6996/24,0)+1,1))-1)+IF('Standard Profiles'!$G$20=$B$10,7,0)+IF('Standard Profiles'!$G$20=$B$17,14,0)+IF('Standard Profiles'!$G$20=$B$24,21,0),0)),0)</f>
        <v>0</v>
      </c>
      <c r="G6996" cm="1">
        <f t="array" ref="G6996">IFERROR(INDEX(Jesper!AK$2:AK$366,ROUNDDOWN($C6996/24,0)+1,1)*INDEX($D$3:$AA$30,INDEX(Jesper!$R$2:$R$366,ROW(INDEX(Jesper!AK$2:AK$366,ROUNDDOWN($C6996/24,0)+1,1))-1)+IF('Standard Profiles'!$G$21=$B$10,7,0)+IF('Standard Profiles'!$G$21=$B$17,14,0)+IF('Standard Profiles'!$G$21=$B$24,21,0),MOD($C6996,24)+1)/SUM(INDEX($D$3:$AA$30,INDEX(Jesper!$R$2:$R$366,ROW(INDEX(Jesper!AK$2:AK$366,ROUNDDOWN($C6996/24,0)+1,1))-1)+IF('Standard Profiles'!$G$21=$B$10,7,0)+IF('Standard Profiles'!$G$21=$B$17,14,0)+IF('Standard Profiles'!$G$21=$B$24,21,0),0)),0)</f>
        <v>0</v>
      </c>
      <c r="H6996" cm="1">
        <f t="array" ref="H6996">IFERROR(INDEX(Jesper!AL$2:AL$366,ROUNDDOWN($C6996/24,0)+1,1)*INDEX($D$3:$AA$30,INDEX(Jesper!$R$2:$R$366,ROW(INDEX(Jesper!AL$2:AL$366,ROUNDDOWN($C6996/24,0)+1,1))-1)+IF('Standard Profiles'!$G$22=$B$10,7,0)+IF('Standard Profiles'!$G$22=$B$17,14,0)+IF('Standard Profiles'!$G$22=$B$24,21,0),MOD($C6996,24)+1)/SUM(INDEX($D$3:$AA$30,INDEX(Jesper!$R$2:$R$366,ROW(INDEX(Jesper!AL$2:AL$366,ROUNDDOWN($C6996/24,0)+1,1))-1)+IF('Standard Profiles'!$G$22=$B$10,7,0)+IF('Standard Profiles'!$G$22=$B$17,14,0)+IF('Standard Profiles'!$G$22=$B$24,21,0),0)),0)</f>
        <v>0</v>
      </c>
      <c r="I6996">
        <f t="shared" si="776"/>
        <v>0.22356963982026667</v>
      </c>
      <c r="J6996">
        <f t="shared" si="777"/>
        <v>0.7452321327342224</v>
      </c>
      <c r="K6996">
        <f t="shared" si="778"/>
        <v>1.1178481991013334</v>
      </c>
      <c r="L6996">
        <f t="shared" si="779"/>
        <v>5.3656713556864002</v>
      </c>
      <c r="M6996">
        <f t="shared" si="780"/>
        <v>0</v>
      </c>
      <c r="N6996" s="46">
        <f t="shared" si="781"/>
        <v>45582.083333316448</v>
      </c>
    </row>
    <row r="6997" spans="2:14" x14ac:dyDescent="0.3">
      <c r="B6997">
        <f t="shared" si="775"/>
        <v>4</v>
      </c>
      <c r="C6997" s="16">
        <v>6963</v>
      </c>
      <c r="D6997" cm="1">
        <f t="array" ref="D6997">IFERROR(INDEX(Jesper!AH$2:AH$366,ROUNDDOWN($C6997/24,0)+1,1)*INDEX($D$3:$AA$30,INDEX(Jesper!$R$2:$R$366,ROW(INDEX(Jesper!AH$2:AH$366,ROUNDDOWN($C6997/24,0)+1,1))-1)+IF('Standard Profiles'!$G$18=$B$10,7,0)+IF('Standard Profiles'!$G$18=$B$17,14,0)+IF('Standard Profiles'!$G$18=$B$24,21,0),MOD($C6997,24)+1)/SUM(INDEX($D$3:$AA$30,INDEX(Jesper!$R$2:$R$366,ROW(INDEX(Jesper!AH$2:AH$366,ROUNDDOWN($C6997/24,0)+1,1))-1)+IF('Standard Profiles'!$G$18=$B$10,7,0)+IF('Standard Profiles'!$G$18=$B$17,14,0)+IF('Standard Profiles'!$G$18=$B$24,21,0),0)),0)</f>
        <v>7.4523213273422231</v>
      </c>
      <c r="E6997" cm="1">
        <f t="array" ref="E6997">IFERROR(INDEX(Jesper!AI$2:AI$366,ROUNDDOWN($C6997/24,0)+1,1)*INDEX($D$3:$AA$30,INDEX(Jesper!$R$2:$R$366,ROW(INDEX(Jesper!AI$2:AI$366,ROUNDDOWN($C6997/24,0)+1,1))-1)+IF('Standard Profiles'!$G$19=$B$10,7,0)+IF('Standard Profiles'!$G$19=$B$17,14,0)+IF('Standard Profiles'!$G$19=$B$24,21,0),MOD($C6997,24)+1)/SUM(INDEX($D$3:$AA$30,INDEX(Jesper!$R$2:$R$366,ROW(INDEX(Jesper!AI$2:AI$366,ROUNDDOWN($C6997/24,0)+1,1))-1)+IF('Standard Profiles'!$G$19=$B$10,7,0)+IF('Standard Profiles'!$G$19=$B$17,14,0)+IF('Standard Profiles'!$G$19=$B$24,21,0),0)),0)</f>
        <v>0</v>
      </c>
      <c r="F6997" cm="1">
        <f t="array" ref="F6997">IFERROR(INDEX(Jesper!AJ$2:AJ$366,ROUNDDOWN($C6997/24,0)+1,1)*INDEX($D$3:$AA$30,INDEX(Jesper!$R$2:$R$366,ROW(INDEX(Jesper!AJ$2:AJ$366,ROUNDDOWN($C6997/24,0)+1,1))-1)+IF('Standard Profiles'!$G$20=$B$10,7,0)+IF('Standard Profiles'!$G$20=$B$17,14,0)+IF('Standard Profiles'!$G$20=$B$24,21,0),MOD($C6997,24)+1)/SUM(INDEX($D$3:$AA$30,INDEX(Jesper!$R$2:$R$366,ROW(INDEX(Jesper!AJ$2:AJ$366,ROUNDDOWN($C6997/24,0)+1,1))-1)+IF('Standard Profiles'!$G$20=$B$10,7,0)+IF('Standard Profiles'!$G$20=$B$17,14,0)+IF('Standard Profiles'!$G$20=$B$24,21,0),0)),0)</f>
        <v>0</v>
      </c>
      <c r="G6997" cm="1">
        <f t="array" ref="G6997">IFERROR(INDEX(Jesper!AK$2:AK$366,ROUNDDOWN($C6997/24,0)+1,1)*INDEX($D$3:$AA$30,INDEX(Jesper!$R$2:$R$366,ROW(INDEX(Jesper!AK$2:AK$366,ROUNDDOWN($C6997/24,0)+1,1))-1)+IF('Standard Profiles'!$G$21=$B$10,7,0)+IF('Standard Profiles'!$G$21=$B$17,14,0)+IF('Standard Profiles'!$G$21=$B$24,21,0),MOD($C6997,24)+1)/SUM(INDEX($D$3:$AA$30,INDEX(Jesper!$R$2:$R$366,ROW(INDEX(Jesper!AK$2:AK$366,ROUNDDOWN($C6997/24,0)+1,1))-1)+IF('Standard Profiles'!$G$21=$B$10,7,0)+IF('Standard Profiles'!$G$21=$B$17,14,0)+IF('Standard Profiles'!$G$21=$B$24,21,0),0)),0)</f>
        <v>0</v>
      </c>
      <c r="H6997" cm="1">
        <f t="array" ref="H6997">IFERROR(INDEX(Jesper!AL$2:AL$366,ROUNDDOWN($C6997/24,0)+1,1)*INDEX($D$3:$AA$30,INDEX(Jesper!$R$2:$R$366,ROW(INDEX(Jesper!AL$2:AL$366,ROUNDDOWN($C6997/24,0)+1,1))-1)+IF('Standard Profiles'!$G$22=$B$10,7,0)+IF('Standard Profiles'!$G$22=$B$17,14,0)+IF('Standard Profiles'!$G$22=$B$24,21,0),MOD($C6997,24)+1)/SUM(INDEX($D$3:$AA$30,INDEX(Jesper!$R$2:$R$366,ROW(INDEX(Jesper!AL$2:AL$366,ROUNDDOWN($C6997/24,0)+1,1))-1)+IF('Standard Profiles'!$G$22=$B$10,7,0)+IF('Standard Profiles'!$G$22=$B$17,14,0)+IF('Standard Profiles'!$G$22=$B$24,21,0),0)),0)</f>
        <v>0</v>
      </c>
      <c r="I6997">
        <f t="shared" si="776"/>
        <v>0.22356963982026667</v>
      </c>
      <c r="J6997">
        <f t="shared" si="777"/>
        <v>0.7452321327342224</v>
      </c>
      <c r="K6997">
        <f t="shared" si="778"/>
        <v>1.1178481991013334</v>
      </c>
      <c r="L6997">
        <f t="shared" si="779"/>
        <v>5.3656713556864002</v>
      </c>
      <c r="M6997">
        <f t="shared" si="780"/>
        <v>0</v>
      </c>
      <c r="N6997" s="46">
        <f t="shared" si="781"/>
        <v>45582.124999983113</v>
      </c>
    </row>
    <row r="6998" spans="2:14" x14ac:dyDescent="0.3">
      <c r="B6998">
        <f t="shared" si="775"/>
        <v>4</v>
      </c>
      <c r="C6998" s="16">
        <v>6964</v>
      </c>
      <c r="D6998" cm="1">
        <f t="array" ref="D6998">IFERROR(INDEX(Jesper!AH$2:AH$366,ROUNDDOWN($C6998/24,0)+1,1)*INDEX($D$3:$AA$30,INDEX(Jesper!$R$2:$R$366,ROW(INDEX(Jesper!AH$2:AH$366,ROUNDDOWN($C6998/24,0)+1,1))-1)+IF('Standard Profiles'!$G$18=$B$10,7,0)+IF('Standard Profiles'!$G$18=$B$17,14,0)+IF('Standard Profiles'!$G$18=$B$24,21,0),MOD($C6998,24)+1)/SUM(INDEX($D$3:$AA$30,INDEX(Jesper!$R$2:$R$366,ROW(INDEX(Jesper!AH$2:AH$366,ROUNDDOWN($C6998/24,0)+1,1))-1)+IF('Standard Profiles'!$G$18=$B$10,7,0)+IF('Standard Profiles'!$G$18=$B$17,14,0)+IF('Standard Profiles'!$G$18=$B$24,21,0),0)),0)</f>
        <v>7.4523213273422231</v>
      </c>
      <c r="E6998" cm="1">
        <f t="array" ref="E6998">IFERROR(INDEX(Jesper!AI$2:AI$366,ROUNDDOWN($C6998/24,0)+1,1)*INDEX($D$3:$AA$30,INDEX(Jesper!$R$2:$R$366,ROW(INDEX(Jesper!AI$2:AI$366,ROUNDDOWN($C6998/24,0)+1,1))-1)+IF('Standard Profiles'!$G$19=$B$10,7,0)+IF('Standard Profiles'!$G$19=$B$17,14,0)+IF('Standard Profiles'!$G$19=$B$24,21,0),MOD($C6998,24)+1)/SUM(INDEX($D$3:$AA$30,INDEX(Jesper!$R$2:$R$366,ROW(INDEX(Jesper!AI$2:AI$366,ROUNDDOWN($C6998/24,0)+1,1))-1)+IF('Standard Profiles'!$G$19=$B$10,7,0)+IF('Standard Profiles'!$G$19=$B$17,14,0)+IF('Standard Profiles'!$G$19=$B$24,21,0),0)),0)</f>
        <v>0</v>
      </c>
      <c r="F6998" cm="1">
        <f t="array" ref="F6998">IFERROR(INDEX(Jesper!AJ$2:AJ$366,ROUNDDOWN($C6998/24,0)+1,1)*INDEX($D$3:$AA$30,INDEX(Jesper!$R$2:$R$366,ROW(INDEX(Jesper!AJ$2:AJ$366,ROUNDDOWN($C6998/24,0)+1,1))-1)+IF('Standard Profiles'!$G$20=$B$10,7,0)+IF('Standard Profiles'!$G$20=$B$17,14,0)+IF('Standard Profiles'!$G$20=$B$24,21,0),MOD($C6998,24)+1)/SUM(INDEX($D$3:$AA$30,INDEX(Jesper!$R$2:$R$366,ROW(INDEX(Jesper!AJ$2:AJ$366,ROUNDDOWN($C6998/24,0)+1,1))-1)+IF('Standard Profiles'!$G$20=$B$10,7,0)+IF('Standard Profiles'!$G$20=$B$17,14,0)+IF('Standard Profiles'!$G$20=$B$24,21,0),0)),0)</f>
        <v>0</v>
      </c>
      <c r="G6998" cm="1">
        <f t="array" ref="G6998">IFERROR(INDEX(Jesper!AK$2:AK$366,ROUNDDOWN($C6998/24,0)+1,1)*INDEX($D$3:$AA$30,INDEX(Jesper!$R$2:$R$366,ROW(INDEX(Jesper!AK$2:AK$366,ROUNDDOWN($C6998/24,0)+1,1))-1)+IF('Standard Profiles'!$G$21=$B$10,7,0)+IF('Standard Profiles'!$G$21=$B$17,14,0)+IF('Standard Profiles'!$G$21=$B$24,21,0),MOD($C6998,24)+1)/SUM(INDEX($D$3:$AA$30,INDEX(Jesper!$R$2:$R$366,ROW(INDEX(Jesper!AK$2:AK$366,ROUNDDOWN($C6998/24,0)+1,1))-1)+IF('Standard Profiles'!$G$21=$B$10,7,0)+IF('Standard Profiles'!$G$21=$B$17,14,0)+IF('Standard Profiles'!$G$21=$B$24,21,0),0)),0)</f>
        <v>0</v>
      </c>
      <c r="H6998" cm="1">
        <f t="array" ref="H6998">IFERROR(INDEX(Jesper!AL$2:AL$366,ROUNDDOWN($C6998/24,0)+1,1)*INDEX($D$3:$AA$30,INDEX(Jesper!$R$2:$R$366,ROW(INDEX(Jesper!AL$2:AL$366,ROUNDDOWN($C6998/24,0)+1,1))-1)+IF('Standard Profiles'!$G$22=$B$10,7,0)+IF('Standard Profiles'!$G$22=$B$17,14,0)+IF('Standard Profiles'!$G$22=$B$24,21,0),MOD($C6998,24)+1)/SUM(INDEX($D$3:$AA$30,INDEX(Jesper!$R$2:$R$366,ROW(INDEX(Jesper!AL$2:AL$366,ROUNDDOWN($C6998/24,0)+1,1))-1)+IF('Standard Profiles'!$G$22=$B$10,7,0)+IF('Standard Profiles'!$G$22=$B$17,14,0)+IF('Standard Profiles'!$G$22=$B$24,21,0),0)),0)</f>
        <v>0</v>
      </c>
      <c r="I6998">
        <f t="shared" si="776"/>
        <v>0.22356963982026667</v>
      </c>
      <c r="J6998">
        <f t="shared" si="777"/>
        <v>0.7452321327342224</v>
      </c>
      <c r="K6998">
        <f t="shared" si="778"/>
        <v>1.1178481991013334</v>
      </c>
      <c r="L6998">
        <f t="shared" si="779"/>
        <v>5.3656713556864002</v>
      </c>
      <c r="M6998">
        <f t="shared" si="780"/>
        <v>0</v>
      </c>
      <c r="N6998" s="46">
        <f t="shared" si="781"/>
        <v>45582.166666649777</v>
      </c>
    </row>
    <row r="6999" spans="2:14" x14ac:dyDescent="0.3">
      <c r="B6999">
        <f t="shared" si="775"/>
        <v>4</v>
      </c>
      <c r="C6999" s="16">
        <v>6965</v>
      </c>
      <c r="D6999" cm="1">
        <f t="array" ref="D6999">IFERROR(INDEX(Jesper!AH$2:AH$366,ROUNDDOWN($C6999/24,0)+1,1)*INDEX($D$3:$AA$30,INDEX(Jesper!$R$2:$R$366,ROW(INDEX(Jesper!AH$2:AH$366,ROUNDDOWN($C6999/24,0)+1,1))-1)+IF('Standard Profiles'!$G$18=$B$10,7,0)+IF('Standard Profiles'!$G$18=$B$17,14,0)+IF('Standard Profiles'!$G$18=$B$24,21,0),MOD($C6999,24)+1)/SUM(INDEX($D$3:$AA$30,INDEX(Jesper!$R$2:$R$366,ROW(INDEX(Jesper!AH$2:AH$366,ROUNDDOWN($C6999/24,0)+1,1))-1)+IF('Standard Profiles'!$G$18=$B$10,7,0)+IF('Standard Profiles'!$G$18=$B$17,14,0)+IF('Standard Profiles'!$G$18=$B$24,21,0),0)),0)</f>
        <v>9.6052141552410877</v>
      </c>
      <c r="E6999" cm="1">
        <f t="array" ref="E6999">IFERROR(INDEX(Jesper!AI$2:AI$366,ROUNDDOWN($C6999/24,0)+1,1)*INDEX($D$3:$AA$30,INDEX(Jesper!$R$2:$R$366,ROW(INDEX(Jesper!AI$2:AI$366,ROUNDDOWN($C6999/24,0)+1,1))-1)+IF('Standard Profiles'!$G$19=$B$10,7,0)+IF('Standard Profiles'!$G$19=$B$17,14,0)+IF('Standard Profiles'!$G$19=$B$24,21,0),MOD($C6999,24)+1)/SUM(INDEX($D$3:$AA$30,INDEX(Jesper!$R$2:$R$366,ROW(INDEX(Jesper!AI$2:AI$366,ROUNDDOWN($C6999/24,0)+1,1))-1)+IF('Standard Profiles'!$G$19=$B$10,7,0)+IF('Standard Profiles'!$G$19=$B$17,14,0)+IF('Standard Profiles'!$G$19=$B$24,21,0),0)),0)</f>
        <v>0</v>
      </c>
      <c r="F6999" cm="1">
        <f t="array" ref="F6999">IFERROR(INDEX(Jesper!AJ$2:AJ$366,ROUNDDOWN($C6999/24,0)+1,1)*INDEX($D$3:$AA$30,INDEX(Jesper!$R$2:$R$366,ROW(INDEX(Jesper!AJ$2:AJ$366,ROUNDDOWN($C6999/24,0)+1,1))-1)+IF('Standard Profiles'!$G$20=$B$10,7,0)+IF('Standard Profiles'!$G$20=$B$17,14,0)+IF('Standard Profiles'!$G$20=$B$24,21,0),MOD($C6999,24)+1)/SUM(INDEX($D$3:$AA$30,INDEX(Jesper!$R$2:$R$366,ROW(INDEX(Jesper!AJ$2:AJ$366,ROUNDDOWN($C6999/24,0)+1,1))-1)+IF('Standard Profiles'!$G$20=$B$10,7,0)+IF('Standard Profiles'!$G$20=$B$17,14,0)+IF('Standard Profiles'!$G$20=$B$24,21,0),0)),0)</f>
        <v>0</v>
      </c>
      <c r="G6999" cm="1">
        <f t="array" ref="G6999">IFERROR(INDEX(Jesper!AK$2:AK$366,ROUNDDOWN($C6999/24,0)+1,1)*INDEX($D$3:$AA$30,INDEX(Jesper!$R$2:$R$366,ROW(INDEX(Jesper!AK$2:AK$366,ROUNDDOWN($C6999/24,0)+1,1))-1)+IF('Standard Profiles'!$G$21=$B$10,7,0)+IF('Standard Profiles'!$G$21=$B$17,14,0)+IF('Standard Profiles'!$G$21=$B$24,21,0),MOD($C6999,24)+1)/SUM(INDEX($D$3:$AA$30,INDEX(Jesper!$R$2:$R$366,ROW(INDEX(Jesper!AK$2:AK$366,ROUNDDOWN($C6999/24,0)+1,1))-1)+IF('Standard Profiles'!$G$21=$B$10,7,0)+IF('Standard Profiles'!$G$21=$B$17,14,0)+IF('Standard Profiles'!$G$21=$B$24,21,0),0)),0)</f>
        <v>0</v>
      </c>
      <c r="H6999" cm="1">
        <f t="array" ref="H6999">IFERROR(INDEX(Jesper!AL$2:AL$366,ROUNDDOWN($C6999/24,0)+1,1)*INDEX($D$3:$AA$30,INDEX(Jesper!$R$2:$R$366,ROW(INDEX(Jesper!AL$2:AL$366,ROUNDDOWN($C6999/24,0)+1,1))-1)+IF('Standard Profiles'!$G$22=$B$10,7,0)+IF('Standard Profiles'!$G$22=$B$17,14,0)+IF('Standard Profiles'!$G$22=$B$24,21,0),MOD($C6999,24)+1)/SUM(INDEX($D$3:$AA$30,INDEX(Jesper!$R$2:$R$366,ROW(INDEX(Jesper!AL$2:AL$366,ROUNDDOWN($C6999/24,0)+1,1))-1)+IF('Standard Profiles'!$G$22=$B$10,7,0)+IF('Standard Profiles'!$G$22=$B$17,14,0)+IF('Standard Profiles'!$G$22=$B$24,21,0),0)),0)</f>
        <v>0</v>
      </c>
      <c r="I6999">
        <f t="shared" si="776"/>
        <v>0.28815642465723262</v>
      </c>
      <c r="J6999">
        <f t="shared" si="777"/>
        <v>0.96052141552410886</v>
      </c>
      <c r="K6999">
        <f t="shared" si="778"/>
        <v>1.4407821232861631</v>
      </c>
      <c r="L6999">
        <f t="shared" si="779"/>
        <v>6.9157541917735825</v>
      </c>
      <c r="M6999">
        <f t="shared" si="780"/>
        <v>0</v>
      </c>
      <c r="N6999" s="46">
        <f t="shared" si="781"/>
        <v>45582.208333316441</v>
      </c>
    </row>
    <row r="7000" spans="2:14" x14ac:dyDescent="0.3">
      <c r="B7000">
        <f t="shared" si="775"/>
        <v>4</v>
      </c>
      <c r="C7000" s="16">
        <v>6966</v>
      </c>
      <c r="D7000" cm="1">
        <f t="array" ref="D7000">IFERROR(INDEX(Jesper!AH$2:AH$366,ROUNDDOWN($C7000/24,0)+1,1)*INDEX($D$3:$AA$30,INDEX(Jesper!$R$2:$R$366,ROW(INDEX(Jesper!AH$2:AH$366,ROUNDDOWN($C7000/24,0)+1,1))-1)+IF('Standard Profiles'!$G$18=$B$10,7,0)+IF('Standard Profiles'!$G$18=$B$17,14,0)+IF('Standard Profiles'!$G$18=$B$24,21,0),MOD($C7000,24)+1)/SUM(INDEX($D$3:$AA$30,INDEX(Jesper!$R$2:$R$366,ROW(INDEX(Jesper!AH$2:AH$366,ROUNDDOWN($C7000/24,0)+1,1))-1)+IF('Standard Profiles'!$G$18=$B$10,7,0)+IF('Standard Profiles'!$G$18=$B$17,14,0)+IF('Standard Profiles'!$G$18=$B$24,21,0),0)),0)</f>
        <v>11.095678420709534</v>
      </c>
      <c r="E7000" cm="1">
        <f t="array" ref="E7000">IFERROR(INDEX(Jesper!AI$2:AI$366,ROUNDDOWN($C7000/24,0)+1,1)*INDEX($D$3:$AA$30,INDEX(Jesper!$R$2:$R$366,ROW(INDEX(Jesper!AI$2:AI$366,ROUNDDOWN($C7000/24,0)+1,1))-1)+IF('Standard Profiles'!$G$19=$B$10,7,0)+IF('Standard Profiles'!$G$19=$B$17,14,0)+IF('Standard Profiles'!$G$19=$B$24,21,0),MOD($C7000,24)+1)/SUM(INDEX($D$3:$AA$30,INDEX(Jesper!$R$2:$R$366,ROW(INDEX(Jesper!AI$2:AI$366,ROUNDDOWN($C7000/24,0)+1,1))-1)+IF('Standard Profiles'!$G$19=$B$10,7,0)+IF('Standard Profiles'!$G$19=$B$17,14,0)+IF('Standard Profiles'!$G$19=$B$24,21,0),0)),0)</f>
        <v>0</v>
      </c>
      <c r="F7000" cm="1">
        <f t="array" ref="F7000">IFERROR(INDEX(Jesper!AJ$2:AJ$366,ROUNDDOWN($C7000/24,0)+1,1)*INDEX($D$3:$AA$30,INDEX(Jesper!$R$2:$R$366,ROW(INDEX(Jesper!AJ$2:AJ$366,ROUNDDOWN($C7000/24,0)+1,1))-1)+IF('Standard Profiles'!$G$20=$B$10,7,0)+IF('Standard Profiles'!$G$20=$B$17,14,0)+IF('Standard Profiles'!$G$20=$B$24,21,0),MOD($C7000,24)+1)/SUM(INDEX($D$3:$AA$30,INDEX(Jesper!$R$2:$R$366,ROW(INDEX(Jesper!AJ$2:AJ$366,ROUNDDOWN($C7000/24,0)+1,1))-1)+IF('Standard Profiles'!$G$20=$B$10,7,0)+IF('Standard Profiles'!$G$20=$B$17,14,0)+IF('Standard Profiles'!$G$20=$B$24,21,0),0)),0)</f>
        <v>0</v>
      </c>
      <c r="G7000" cm="1">
        <f t="array" ref="G7000">IFERROR(INDEX(Jesper!AK$2:AK$366,ROUNDDOWN($C7000/24,0)+1,1)*INDEX($D$3:$AA$30,INDEX(Jesper!$R$2:$R$366,ROW(INDEX(Jesper!AK$2:AK$366,ROUNDDOWN($C7000/24,0)+1,1))-1)+IF('Standard Profiles'!$G$21=$B$10,7,0)+IF('Standard Profiles'!$G$21=$B$17,14,0)+IF('Standard Profiles'!$G$21=$B$24,21,0),MOD($C7000,24)+1)/SUM(INDEX($D$3:$AA$30,INDEX(Jesper!$R$2:$R$366,ROW(INDEX(Jesper!AK$2:AK$366,ROUNDDOWN($C7000/24,0)+1,1))-1)+IF('Standard Profiles'!$G$21=$B$10,7,0)+IF('Standard Profiles'!$G$21=$B$17,14,0)+IF('Standard Profiles'!$G$21=$B$24,21,0),0)),0)</f>
        <v>0</v>
      </c>
      <c r="H7000" cm="1">
        <f t="array" ref="H7000">IFERROR(INDEX(Jesper!AL$2:AL$366,ROUNDDOWN($C7000/24,0)+1,1)*INDEX($D$3:$AA$30,INDEX(Jesper!$R$2:$R$366,ROW(INDEX(Jesper!AL$2:AL$366,ROUNDDOWN($C7000/24,0)+1,1))-1)+IF('Standard Profiles'!$G$22=$B$10,7,0)+IF('Standard Profiles'!$G$22=$B$17,14,0)+IF('Standard Profiles'!$G$22=$B$24,21,0),MOD($C7000,24)+1)/SUM(INDEX($D$3:$AA$30,INDEX(Jesper!$R$2:$R$366,ROW(INDEX(Jesper!AL$2:AL$366,ROUNDDOWN($C7000/24,0)+1,1))-1)+IF('Standard Profiles'!$G$22=$B$10,7,0)+IF('Standard Profiles'!$G$22=$B$17,14,0)+IF('Standard Profiles'!$G$22=$B$24,21,0),0)),0)</f>
        <v>0</v>
      </c>
      <c r="I7000">
        <f t="shared" si="776"/>
        <v>0.332870352621286</v>
      </c>
      <c r="J7000">
        <f t="shared" si="777"/>
        <v>1.1095678420709534</v>
      </c>
      <c r="K7000">
        <f t="shared" si="778"/>
        <v>1.6643517631064302</v>
      </c>
      <c r="L7000">
        <f t="shared" si="779"/>
        <v>7.9888884629108645</v>
      </c>
      <c r="M7000">
        <f t="shared" si="780"/>
        <v>0</v>
      </c>
      <c r="N7000" s="46">
        <f t="shared" si="781"/>
        <v>45582.249999983105</v>
      </c>
    </row>
    <row r="7001" spans="2:14" x14ac:dyDescent="0.3">
      <c r="B7001">
        <f t="shared" si="775"/>
        <v>4</v>
      </c>
      <c r="C7001" s="16">
        <v>6967</v>
      </c>
      <c r="D7001" cm="1">
        <f t="array" ref="D7001">IFERROR(INDEX(Jesper!AH$2:AH$366,ROUNDDOWN($C7001/24,0)+1,1)*INDEX($D$3:$AA$30,INDEX(Jesper!$R$2:$R$366,ROW(INDEX(Jesper!AH$2:AH$366,ROUNDDOWN($C7001/24,0)+1,1))-1)+IF('Standard Profiles'!$G$18=$B$10,7,0)+IF('Standard Profiles'!$G$18=$B$17,14,0)+IF('Standard Profiles'!$G$18=$B$24,21,0),MOD($C7001,24)+1)/SUM(INDEX($D$3:$AA$30,INDEX(Jesper!$R$2:$R$366,ROW(INDEX(Jesper!AH$2:AH$366,ROUNDDOWN($C7001/24,0)+1,1))-1)+IF('Standard Profiles'!$G$18=$B$10,7,0)+IF('Standard Profiles'!$G$18=$B$17,14,0)+IF('Standard Profiles'!$G$18=$B$24,21,0),0)),0)</f>
        <v>11.095678420709534</v>
      </c>
      <c r="E7001" cm="1">
        <f t="array" ref="E7001">IFERROR(INDEX(Jesper!AI$2:AI$366,ROUNDDOWN($C7001/24,0)+1,1)*INDEX($D$3:$AA$30,INDEX(Jesper!$R$2:$R$366,ROW(INDEX(Jesper!AI$2:AI$366,ROUNDDOWN($C7001/24,0)+1,1))-1)+IF('Standard Profiles'!$G$19=$B$10,7,0)+IF('Standard Profiles'!$G$19=$B$17,14,0)+IF('Standard Profiles'!$G$19=$B$24,21,0),MOD($C7001,24)+1)/SUM(INDEX($D$3:$AA$30,INDEX(Jesper!$R$2:$R$366,ROW(INDEX(Jesper!AI$2:AI$366,ROUNDDOWN($C7001/24,0)+1,1))-1)+IF('Standard Profiles'!$G$19=$B$10,7,0)+IF('Standard Profiles'!$G$19=$B$17,14,0)+IF('Standard Profiles'!$G$19=$B$24,21,0),0)),0)</f>
        <v>0</v>
      </c>
      <c r="F7001" cm="1">
        <f t="array" ref="F7001">IFERROR(INDEX(Jesper!AJ$2:AJ$366,ROUNDDOWN($C7001/24,0)+1,1)*INDEX($D$3:$AA$30,INDEX(Jesper!$R$2:$R$366,ROW(INDEX(Jesper!AJ$2:AJ$366,ROUNDDOWN($C7001/24,0)+1,1))-1)+IF('Standard Profiles'!$G$20=$B$10,7,0)+IF('Standard Profiles'!$G$20=$B$17,14,0)+IF('Standard Profiles'!$G$20=$B$24,21,0),MOD($C7001,24)+1)/SUM(INDEX($D$3:$AA$30,INDEX(Jesper!$R$2:$R$366,ROW(INDEX(Jesper!AJ$2:AJ$366,ROUNDDOWN($C7001/24,0)+1,1))-1)+IF('Standard Profiles'!$G$20=$B$10,7,0)+IF('Standard Profiles'!$G$20=$B$17,14,0)+IF('Standard Profiles'!$G$20=$B$24,21,0),0)),0)</f>
        <v>0</v>
      </c>
      <c r="G7001" cm="1">
        <f t="array" ref="G7001">IFERROR(INDEX(Jesper!AK$2:AK$366,ROUNDDOWN($C7001/24,0)+1,1)*INDEX($D$3:$AA$30,INDEX(Jesper!$R$2:$R$366,ROW(INDEX(Jesper!AK$2:AK$366,ROUNDDOWN($C7001/24,0)+1,1))-1)+IF('Standard Profiles'!$G$21=$B$10,7,0)+IF('Standard Profiles'!$G$21=$B$17,14,0)+IF('Standard Profiles'!$G$21=$B$24,21,0),MOD($C7001,24)+1)/SUM(INDEX($D$3:$AA$30,INDEX(Jesper!$R$2:$R$366,ROW(INDEX(Jesper!AK$2:AK$366,ROUNDDOWN($C7001/24,0)+1,1))-1)+IF('Standard Profiles'!$G$21=$B$10,7,0)+IF('Standard Profiles'!$G$21=$B$17,14,0)+IF('Standard Profiles'!$G$21=$B$24,21,0),0)),0)</f>
        <v>0</v>
      </c>
      <c r="H7001" cm="1">
        <f t="array" ref="H7001">IFERROR(INDEX(Jesper!AL$2:AL$366,ROUNDDOWN($C7001/24,0)+1,1)*INDEX($D$3:$AA$30,INDEX(Jesper!$R$2:$R$366,ROW(INDEX(Jesper!AL$2:AL$366,ROUNDDOWN($C7001/24,0)+1,1))-1)+IF('Standard Profiles'!$G$22=$B$10,7,0)+IF('Standard Profiles'!$G$22=$B$17,14,0)+IF('Standard Profiles'!$G$22=$B$24,21,0),MOD($C7001,24)+1)/SUM(INDEX($D$3:$AA$30,INDEX(Jesper!$R$2:$R$366,ROW(INDEX(Jesper!AL$2:AL$366,ROUNDDOWN($C7001/24,0)+1,1))-1)+IF('Standard Profiles'!$G$22=$B$10,7,0)+IF('Standard Profiles'!$G$22=$B$17,14,0)+IF('Standard Profiles'!$G$22=$B$24,21,0),0)),0)</f>
        <v>0</v>
      </c>
      <c r="I7001">
        <f t="shared" si="776"/>
        <v>0.332870352621286</v>
      </c>
      <c r="J7001">
        <f t="shared" si="777"/>
        <v>1.1095678420709534</v>
      </c>
      <c r="K7001">
        <f t="shared" si="778"/>
        <v>1.6643517631064302</v>
      </c>
      <c r="L7001">
        <f t="shared" si="779"/>
        <v>7.9888884629108645</v>
      </c>
      <c r="M7001">
        <f t="shared" si="780"/>
        <v>0</v>
      </c>
      <c r="N7001" s="46">
        <f t="shared" si="781"/>
        <v>45582.291666649769</v>
      </c>
    </row>
    <row r="7002" spans="2:14" x14ac:dyDescent="0.3">
      <c r="B7002">
        <f t="shared" si="775"/>
        <v>4</v>
      </c>
      <c r="C7002" s="16">
        <v>6968</v>
      </c>
      <c r="D7002" cm="1">
        <f t="array" ref="D7002">IFERROR(INDEX(Jesper!AH$2:AH$366,ROUNDDOWN($C7002/24,0)+1,1)*INDEX($D$3:$AA$30,INDEX(Jesper!$R$2:$R$366,ROW(INDEX(Jesper!AH$2:AH$366,ROUNDDOWN($C7002/24,0)+1,1))-1)+IF('Standard Profiles'!$G$18=$B$10,7,0)+IF('Standard Profiles'!$G$18=$B$17,14,0)+IF('Standard Profiles'!$G$18=$B$24,21,0),MOD($C7002,24)+1)/SUM(INDEX($D$3:$AA$30,INDEX(Jesper!$R$2:$R$366,ROW(INDEX(Jesper!AH$2:AH$366,ROUNDDOWN($C7002/24,0)+1,1))-1)+IF('Standard Profiles'!$G$18=$B$10,7,0)+IF('Standard Profiles'!$G$18=$B$17,14,0)+IF('Standard Profiles'!$G$18=$B$24,21,0),0)),0)</f>
        <v>11.095678420709534</v>
      </c>
      <c r="E7002" cm="1">
        <f t="array" ref="E7002">IFERROR(INDEX(Jesper!AI$2:AI$366,ROUNDDOWN($C7002/24,0)+1,1)*INDEX($D$3:$AA$30,INDEX(Jesper!$R$2:$R$366,ROW(INDEX(Jesper!AI$2:AI$366,ROUNDDOWN($C7002/24,0)+1,1))-1)+IF('Standard Profiles'!$G$19=$B$10,7,0)+IF('Standard Profiles'!$G$19=$B$17,14,0)+IF('Standard Profiles'!$G$19=$B$24,21,0),MOD($C7002,24)+1)/SUM(INDEX($D$3:$AA$30,INDEX(Jesper!$R$2:$R$366,ROW(INDEX(Jesper!AI$2:AI$366,ROUNDDOWN($C7002/24,0)+1,1))-1)+IF('Standard Profiles'!$G$19=$B$10,7,0)+IF('Standard Profiles'!$G$19=$B$17,14,0)+IF('Standard Profiles'!$G$19=$B$24,21,0),0)),0)</f>
        <v>0</v>
      </c>
      <c r="F7002" cm="1">
        <f t="array" ref="F7002">IFERROR(INDEX(Jesper!AJ$2:AJ$366,ROUNDDOWN($C7002/24,0)+1,1)*INDEX($D$3:$AA$30,INDEX(Jesper!$R$2:$R$366,ROW(INDEX(Jesper!AJ$2:AJ$366,ROUNDDOWN($C7002/24,0)+1,1))-1)+IF('Standard Profiles'!$G$20=$B$10,7,0)+IF('Standard Profiles'!$G$20=$B$17,14,0)+IF('Standard Profiles'!$G$20=$B$24,21,0),MOD($C7002,24)+1)/SUM(INDEX($D$3:$AA$30,INDEX(Jesper!$R$2:$R$366,ROW(INDEX(Jesper!AJ$2:AJ$366,ROUNDDOWN($C7002/24,0)+1,1))-1)+IF('Standard Profiles'!$G$20=$B$10,7,0)+IF('Standard Profiles'!$G$20=$B$17,14,0)+IF('Standard Profiles'!$G$20=$B$24,21,0),0)),0)</f>
        <v>0</v>
      </c>
      <c r="G7002" cm="1">
        <f t="array" ref="G7002">IFERROR(INDEX(Jesper!AK$2:AK$366,ROUNDDOWN($C7002/24,0)+1,1)*INDEX($D$3:$AA$30,INDEX(Jesper!$R$2:$R$366,ROW(INDEX(Jesper!AK$2:AK$366,ROUNDDOWN($C7002/24,0)+1,1))-1)+IF('Standard Profiles'!$G$21=$B$10,7,0)+IF('Standard Profiles'!$G$21=$B$17,14,0)+IF('Standard Profiles'!$G$21=$B$24,21,0),MOD($C7002,24)+1)/SUM(INDEX($D$3:$AA$30,INDEX(Jesper!$R$2:$R$366,ROW(INDEX(Jesper!AK$2:AK$366,ROUNDDOWN($C7002/24,0)+1,1))-1)+IF('Standard Profiles'!$G$21=$B$10,7,0)+IF('Standard Profiles'!$G$21=$B$17,14,0)+IF('Standard Profiles'!$G$21=$B$24,21,0),0)),0)</f>
        <v>0</v>
      </c>
      <c r="H7002" cm="1">
        <f t="array" ref="H7002">IFERROR(INDEX(Jesper!AL$2:AL$366,ROUNDDOWN($C7002/24,0)+1,1)*INDEX($D$3:$AA$30,INDEX(Jesper!$R$2:$R$366,ROW(INDEX(Jesper!AL$2:AL$366,ROUNDDOWN($C7002/24,0)+1,1))-1)+IF('Standard Profiles'!$G$22=$B$10,7,0)+IF('Standard Profiles'!$G$22=$B$17,14,0)+IF('Standard Profiles'!$G$22=$B$24,21,0),MOD($C7002,24)+1)/SUM(INDEX($D$3:$AA$30,INDEX(Jesper!$R$2:$R$366,ROW(INDEX(Jesper!AL$2:AL$366,ROUNDDOWN($C7002/24,0)+1,1))-1)+IF('Standard Profiles'!$G$22=$B$10,7,0)+IF('Standard Profiles'!$G$22=$B$17,14,0)+IF('Standard Profiles'!$G$22=$B$24,21,0),0)),0)</f>
        <v>0</v>
      </c>
      <c r="I7002">
        <f t="shared" si="776"/>
        <v>0.332870352621286</v>
      </c>
      <c r="J7002">
        <f t="shared" si="777"/>
        <v>1.1095678420709534</v>
      </c>
      <c r="K7002">
        <f t="shared" si="778"/>
        <v>1.6643517631064302</v>
      </c>
      <c r="L7002">
        <f t="shared" si="779"/>
        <v>7.9888884629108645</v>
      </c>
      <c r="M7002">
        <f t="shared" si="780"/>
        <v>0</v>
      </c>
      <c r="N7002" s="46">
        <f t="shared" si="781"/>
        <v>45582.333333316434</v>
      </c>
    </row>
    <row r="7003" spans="2:14" x14ac:dyDescent="0.3">
      <c r="B7003">
        <f t="shared" si="775"/>
        <v>4</v>
      </c>
      <c r="C7003" s="16">
        <v>6969</v>
      </c>
      <c r="D7003" cm="1">
        <f t="array" ref="D7003">IFERROR(INDEX(Jesper!AH$2:AH$366,ROUNDDOWN($C7003/24,0)+1,1)*INDEX($D$3:$AA$30,INDEX(Jesper!$R$2:$R$366,ROW(INDEX(Jesper!AH$2:AH$366,ROUNDDOWN($C7003/24,0)+1,1))-1)+IF('Standard Profiles'!$G$18=$B$10,7,0)+IF('Standard Profiles'!$G$18=$B$17,14,0)+IF('Standard Profiles'!$G$18=$B$24,21,0),MOD($C7003,24)+1)/SUM(INDEX($D$3:$AA$30,INDEX(Jesper!$R$2:$R$366,ROW(INDEX(Jesper!AH$2:AH$366,ROUNDDOWN($C7003/24,0)+1,1))-1)+IF('Standard Profiles'!$G$18=$B$10,7,0)+IF('Standard Profiles'!$G$18=$B$17,14,0)+IF('Standard Profiles'!$G$18=$B$24,21,0),0)),0)</f>
        <v>11.923714123747558</v>
      </c>
      <c r="E7003" cm="1">
        <f t="array" ref="E7003">IFERROR(INDEX(Jesper!AI$2:AI$366,ROUNDDOWN($C7003/24,0)+1,1)*INDEX($D$3:$AA$30,INDEX(Jesper!$R$2:$R$366,ROW(INDEX(Jesper!AI$2:AI$366,ROUNDDOWN($C7003/24,0)+1,1))-1)+IF('Standard Profiles'!$G$19=$B$10,7,0)+IF('Standard Profiles'!$G$19=$B$17,14,0)+IF('Standard Profiles'!$G$19=$B$24,21,0),MOD($C7003,24)+1)/SUM(INDEX($D$3:$AA$30,INDEX(Jesper!$R$2:$R$366,ROW(INDEX(Jesper!AI$2:AI$366,ROUNDDOWN($C7003/24,0)+1,1))-1)+IF('Standard Profiles'!$G$19=$B$10,7,0)+IF('Standard Profiles'!$G$19=$B$17,14,0)+IF('Standard Profiles'!$G$19=$B$24,21,0),0)),0)</f>
        <v>0</v>
      </c>
      <c r="F7003" cm="1">
        <f t="array" ref="F7003">IFERROR(INDEX(Jesper!AJ$2:AJ$366,ROUNDDOWN($C7003/24,0)+1,1)*INDEX($D$3:$AA$30,INDEX(Jesper!$R$2:$R$366,ROW(INDEX(Jesper!AJ$2:AJ$366,ROUNDDOWN($C7003/24,0)+1,1))-1)+IF('Standard Profiles'!$G$20=$B$10,7,0)+IF('Standard Profiles'!$G$20=$B$17,14,0)+IF('Standard Profiles'!$G$20=$B$24,21,0),MOD($C7003,24)+1)/SUM(INDEX($D$3:$AA$30,INDEX(Jesper!$R$2:$R$366,ROW(INDEX(Jesper!AJ$2:AJ$366,ROUNDDOWN($C7003/24,0)+1,1))-1)+IF('Standard Profiles'!$G$20=$B$10,7,0)+IF('Standard Profiles'!$G$20=$B$17,14,0)+IF('Standard Profiles'!$G$20=$B$24,21,0),0)),0)</f>
        <v>0</v>
      </c>
      <c r="G7003" cm="1">
        <f t="array" ref="G7003">IFERROR(INDEX(Jesper!AK$2:AK$366,ROUNDDOWN($C7003/24,0)+1,1)*INDEX($D$3:$AA$30,INDEX(Jesper!$R$2:$R$366,ROW(INDEX(Jesper!AK$2:AK$366,ROUNDDOWN($C7003/24,0)+1,1))-1)+IF('Standard Profiles'!$G$21=$B$10,7,0)+IF('Standard Profiles'!$G$21=$B$17,14,0)+IF('Standard Profiles'!$G$21=$B$24,21,0),MOD($C7003,24)+1)/SUM(INDEX($D$3:$AA$30,INDEX(Jesper!$R$2:$R$366,ROW(INDEX(Jesper!AK$2:AK$366,ROUNDDOWN($C7003/24,0)+1,1))-1)+IF('Standard Profiles'!$G$21=$B$10,7,0)+IF('Standard Profiles'!$G$21=$B$17,14,0)+IF('Standard Profiles'!$G$21=$B$24,21,0),0)),0)</f>
        <v>0</v>
      </c>
      <c r="H7003" cm="1">
        <f t="array" ref="H7003">IFERROR(INDEX(Jesper!AL$2:AL$366,ROUNDDOWN($C7003/24,0)+1,1)*INDEX($D$3:$AA$30,INDEX(Jesper!$R$2:$R$366,ROW(INDEX(Jesper!AL$2:AL$366,ROUNDDOWN($C7003/24,0)+1,1))-1)+IF('Standard Profiles'!$G$22=$B$10,7,0)+IF('Standard Profiles'!$G$22=$B$17,14,0)+IF('Standard Profiles'!$G$22=$B$24,21,0),MOD($C7003,24)+1)/SUM(INDEX($D$3:$AA$30,INDEX(Jesper!$R$2:$R$366,ROW(INDEX(Jesper!AL$2:AL$366,ROUNDDOWN($C7003/24,0)+1,1))-1)+IF('Standard Profiles'!$G$22=$B$10,7,0)+IF('Standard Profiles'!$G$22=$B$17,14,0)+IF('Standard Profiles'!$G$22=$B$24,21,0),0)),0)</f>
        <v>0</v>
      </c>
      <c r="I7003">
        <f t="shared" si="776"/>
        <v>0.35771142371242676</v>
      </c>
      <c r="J7003">
        <f t="shared" si="777"/>
        <v>1.192371412374756</v>
      </c>
      <c r="K7003">
        <f t="shared" si="778"/>
        <v>1.7885571185621336</v>
      </c>
      <c r="L7003">
        <f t="shared" si="779"/>
        <v>8.5850741690982417</v>
      </c>
      <c r="M7003">
        <f t="shared" si="780"/>
        <v>0</v>
      </c>
      <c r="N7003" s="46">
        <f t="shared" si="781"/>
        <v>45582.374999983098</v>
      </c>
    </row>
    <row r="7004" spans="2:14" x14ac:dyDescent="0.3">
      <c r="B7004">
        <f t="shared" si="775"/>
        <v>4</v>
      </c>
      <c r="C7004" s="16">
        <v>6970</v>
      </c>
      <c r="D7004" cm="1">
        <f t="array" ref="D7004">IFERROR(INDEX(Jesper!AH$2:AH$366,ROUNDDOWN($C7004/24,0)+1,1)*INDEX($D$3:$AA$30,INDEX(Jesper!$R$2:$R$366,ROW(INDEX(Jesper!AH$2:AH$366,ROUNDDOWN($C7004/24,0)+1,1))-1)+IF('Standard Profiles'!$G$18=$B$10,7,0)+IF('Standard Profiles'!$G$18=$B$17,14,0)+IF('Standard Profiles'!$G$18=$B$24,21,0),MOD($C7004,24)+1)/SUM(INDEX($D$3:$AA$30,INDEX(Jesper!$R$2:$R$366,ROW(INDEX(Jesper!AH$2:AH$366,ROUNDDOWN($C7004/24,0)+1,1))-1)+IF('Standard Profiles'!$G$18=$B$10,7,0)+IF('Standard Profiles'!$G$18=$B$17,14,0)+IF('Standard Profiles'!$G$18=$B$24,21,0),0)),0)</f>
        <v>12.917356967393188</v>
      </c>
      <c r="E7004" cm="1">
        <f t="array" ref="E7004">IFERROR(INDEX(Jesper!AI$2:AI$366,ROUNDDOWN($C7004/24,0)+1,1)*INDEX($D$3:$AA$30,INDEX(Jesper!$R$2:$R$366,ROW(INDEX(Jesper!AI$2:AI$366,ROUNDDOWN($C7004/24,0)+1,1))-1)+IF('Standard Profiles'!$G$19=$B$10,7,0)+IF('Standard Profiles'!$G$19=$B$17,14,0)+IF('Standard Profiles'!$G$19=$B$24,21,0),MOD($C7004,24)+1)/SUM(INDEX($D$3:$AA$30,INDEX(Jesper!$R$2:$R$366,ROW(INDEX(Jesper!AI$2:AI$366,ROUNDDOWN($C7004/24,0)+1,1))-1)+IF('Standard Profiles'!$G$19=$B$10,7,0)+IF('Standard Profiles'!$G$19=$B$17,14,0)+IF('Standard Profiles'!$G$19=$B$24,21,0),0)),0)</f>
        <v>0</v>
      </c>
      <c r="F7004" cm="1">
        <f t="array" ref="F7004">IFERROR(INDEX(Jesper!AJ$2:AJ$366,ROUNDDOWN($C7004/24,0)+1,1)*INDEX($D$3:$AA$30,INDEX(Jesper!$R$2:$R$366,ROW(INDEX(Jesper!AJ$2:AJ$366,ROUNDDOWN($C7004/24,0)+1,1))-1)+IF('Standard Profiles'!$G$20=$B$10,7,0)+IF('Standard Profiles'!$G$20=$B$17,14,0)+IF('Standard Profiles'!$G$20=$B$24,21,0),MOD($C7004,24)+1)/SUM(INDEX($D$3:$AA$30,INDEX(Jesper!$R$2:$R$366,ROW(INDEX(Jesper!AJ$2:AJ$366,ROUNDDOWN($C7004/24,0)+1,1))-1)+IF('Standard Profiles'!$G$20=$B$10,7,0)+IF('Standard Profiles'!$G$20=$B$17,14,0)+IF('Standard Profiles'!$G$20=$B$24,21,0),0)),0)</f>
        <v>0</v>
      </c>
      <c r="G7004" cm="1">
        <f t="array" ref="G7004">IFERROR(INDEX(Jesper!AK$2:AK$366,ROUNDDOWN($C7004/24,0)+1,1)*INDEX($D$3:$AA$30,INDEX(Jesper!$R$2:$R$366,ROW(INDEX(Jesper!AK$2:AK$366,ROUNDDOWN($C7004/24,0)+1,1))-1)+IF('Standard Profiles'!$G$21=$B$10,7,0)+IF('Standard Profiles'!$G$21=$B$17,14,0)+IF('Standard Profiles'!$G$21=$B$24,21,0),MOD($C7004,24)+1)/SUM(INDEX($D$3:$AA$30,INDEX(Jesper!$R$2:$R$366,ROW(INDEX(Jesper!AK$2:AK$366,ROUNDDOWN($C7004/24,0)+1,1))-1)+IF('Standard Profiles'!$G$21=$B$10,7,0)+IF('Standard Profiles'!$G$21=$B$17,14,0)+IF('Standard Profiles'!$G$21=$B$24,21,0),0)),0)</f>
        <v>0</v>
      </c>
      <c r="H7004" cm="1">
        <f t="array" ref="H7004">IFERROR(INDEX(Jesper!AL$2:AL$366,ROUNDDOWN($C7004/24,0)+1,1)*INDEX($D$3:$AA$30,INDEX(Jesper!$R$2:$R$366,ROW(INDEX(Jesper!AL$2:AL$366,ROUNDDOWN($C7004/24,0)+1,1))-1)+IF('Standard Profiles'!$G$22=$B$10,7,0)+IF('Standard Profiles'!$G$22=$B$17,14,0)+IF('Standard Profiles'!$G$22=$B$24,21,0),MOD($C7004,24)+1)/SUM(INDEX($D$3:$AA$30,INDEX(Jesper!$R$2:$R$366,ROW(INDEX(Jesper!AL$2:AL$366,ROUNDDOWN($C7004/24,0)+1,1))-1)+IF('Standard Profiles'!$G$22=$B$10,7,0)+IF('Standard Profiles'!$G$22=$B$17,14,0)+IF('Standard Profiles'!$G$22=$B$24,21,0),0)),0)</f>
        <v>0</v>
      </c>
      <c r="I7004">
        <f t="shared" si="776"/>
        <v>0.38752070902179564</v>
      </c>
      <c r="J7004">
        <f t="shared" si="777"/>
        <v>1.2917356967393188</v>
      </c>
      <c r="K7004">
        <f t="shared" si="778"/>
        <v>1.9376035451089781</v>
      </c>
      <c r="L7004">
        <f t="shared" si="779"/>
        <v>9.300497016523094</v>
      </c>
      <c r="M7004">
        <f t="shared" si="780"/>
        <v>0</v>
      </c>
      <c r="N7004" s="46">
        <f t="shared" si="781"/>
        <v>45582.416666649762</v>
      </c>
    </row>
    <row r="7005" spans="2:14" x14ac:dyDescent="0.3">
      <c r="B7005">
        <f t="shared" si="775"/>
        <v>4</v>
      </c>
      <c r="C7005" s="16">
        <v>6971</v>
      </c>
      <c r="D7005" cm="1">
        <f t="array" ref="D7005">IFERROR(INDEX(Jesper!AH$2:AH$366,ROUNDDOWN($C7005/24,0)+1,1)*INDEX($D$3:$AA$30,INDEX(Jesper!$R$2:$R$366,ROW(INDEX(Jesper!AH$2:AH$366,ROUNDDOWN($C7005/24,0)+1,1))-1)+IF('Standard Profiles'!$G$18=$B$10,7,0)+IF('Standard Profiles'!$G$18=$B$17,14,0)+IF('Standard Profiles'!$G$18=$B$24,21,0),MOD($C7005,24)+1)/SUM(INDEX($D$3:$AA$30,INDEX(Jesper!$R$2:$R$366,ROW(INDEX(Jesper!AH$2:AH$366,ROUNDDOWN($C7005/24,0)+1,1))-1)+IF('Standard Profiles'!$G$18=$B$10,7,0)+IF('Standard Profiles'!$G$18=$B$17,14,0)+IF('Standard Profiles'!$G$18=$B$24,21,0),0)),0)</f>
        <v>14.904642654684446</v>
      </c>
      <c r="E7005" cm="1">
        <f t="array" ref="E7005">IFERROR(INDEX(Jesper!AI$2:AI$366,ROUNDDOWN($C7005/24,0)+1,1)*INDEX($D$3:$AA$30,INDEX(Jesper!$R$2:$R$366,ROW(INDEX(Jesper!AI$2:AI$366,ROUNDDOWN($C7005/24,0)+1,1))-1)+IF('Standard Profiles'!$G$19=$B$10,7,0)+IF('Standard Profiles'!$G$19=$B$17,14,0)+IF('Standard Profiles'!$G$19=$B$24,21,0),MOD($C7005,24)+1)/SUM(INDEX($D$3:$AA$30,INDEX(Jesper!$R$2:$R$366,ROW(INDEX(Jesper!AI$2:AI$366,ROUNDDOWN($C7005/24,0)+1,1))-1)+IF('Standard Profiles'!$G$19=$B$10,7,0)+IF('Standard Profiles'!$G$19=$B$17,14,0)+IF('Standard Profiles'!$G$19=$B$24,21,0),0)),0)</f>
        <v>0</v>
      </c>
      <c r="F7005" cm="1">
        <f t="array" ref="F7005">IFERROR(INDEX(Jesper!AJ$2:AJ$366,ROUNDDOWN($C7005/24,0)+1,1)*INDEX($D$3:$AA$30,INDEX(Jesper!$R$2:$R$366,ROW(INDEX(Jesper!AJ$2:AJ$366,ROUNDDOWN($C7005/24,0)+1,1))-1)+IF('Standard Profiles'!$G$20=$B$10,7,0)+IF('Standard Profiles'!$G$20=$B$17,14,0)+IF('Standard Profiles'!$G$20=$B$24,21,0),MOD($C7005,24)+1)/SUM(INDEX($D$3:$AA$30,INDEX(Jesper!$R$2:$R$366,ROW(INDEX(Jesper!AJ$2:AJ$366,ROUNDDOWN($C7005/24,0)+1,1))-1)+IF('Standard Profiles'!$G$20=$B$10,7,0)+IF('Standard Profiles'!$G$20=$B$17,14,0)+IF('Standard Profiles'!$G$20=$B$24,21,0),0)),0)</f>
        <v>0</v>
      </c>
      <c r="G7005" cm="1">
        <f t="array" ref="G7005">IFERROR(INDEX(Jesper!AK$2:AK$366,ROUNDDOWN($C7005/24,0)+1,1)*INDEX($D$3:$AA$30,INDEX(Jesper!$R$2:$R$366,ROW(INDEX(Jesper!AK$2:AK$366,ROUNDDOWN($C7005/24,0)+1,1))-1)+IF('Standard Profiles'!$G$21=$B$10,7,0)+IF('Standard Profiles'!$G$21=$B$17,14,0)+IF('Standard Profiles'!$G$21=$B$24,21,0),MOD($C7005,24)+1)/SUM(INDEX($D$3:$AA$30,INDEX(Jesper!$R$2:$R$366,ROW(INDEX(Jesper!AK$2:AK$366,ROUNDDOWN($C7005/24,0)+1,1))-1)+IF('Standard Profiles'!$G$21=$B$10,7,0)+IF('Standard Profiles'!$G$21=$B$17,14,0)+IF('Standard Profiles'!$G$21=$B$24,21,0),0)),0)</f>
        <v>0</v>
      </c>
      <c r="H7005" cm="1">
        <f t="array" ref="H7005">IFERROR(INDEX(Jesper!AL$2:AL$366,ROUNDDOWN($C7005/24,0)+1,1)*INDEX($D$3:$AA$30,INDEX(Jesper!$R$2:$R$366,ROW(INDEX(Jesper!AL$2:AL$366,ROUNDDOWN($C7005/24,0)+1,1))-1)+IF('Standard Profiles'!$G$22=$B$10,7,0)+IF('Standard Profiles'!$G$22=$B$17,14,0)+IF('Standard Profiles'!$G$22=$B$24,21,0),MOD($C7005,24)+1)/SUM(INDEX($D$3:$AA$30,INDEX(Jesper!$R$2:$R$366,ROW(INDEX(Jesper!AL$2:AL$366,ROUNDDOWN($C7005/24,0)+1,1))-1)+IF('Standard Profiles'!$G$22=$B$10,7,0)+IF('Standard Profiles'!$G$22=$B$17,14,0)+IF('Standard Profiles'!$G$22=$B$24,21,0),0)),0)</f>
        <v>0</v>
      </c>
      <c r="I7005">
        <f t="shared" si="776"/>
        <v>0.44713927964053335</v>
      </c>
      <c r="J7005">
        <f t="shared" si="777"/>
        <v>1.4904642654684448</v>
      </c>
      <c r="K7005">
        <f t="shared" si="778"/>
        <v>2.2356963982026667</v>
      </c>
      <c r="L7005">
        <f t="shared" si="779"/>
        <v>10.7313427113728</v>
      </c>
      <c r="M7005">
        <f t="shared" si="780"/>
        <v>0</v>
      </c>
      <c r="N7005" s="46">
        <f t="shared" si="781"/>
        <v>45582.458333316426</v>
      </c>
    </row>
    <row r="7006" spans="2:14" x14ac:dyDescent="0.3">
      <c r="B7006">
        <f t="shared" si="775"/>
        <v>4</v>
      </c>
      <c r="C7006" s="16">
        <v>6972</v>
      </c>
      <c r="D7006" cm="1">
        <f t="array" ref="D7006">IFERROR(INDEX(Jesper!AH$2:AH$366,ROUNDDOWN($C7006/24,0)+1,1)*INDEX($D$3:$AA$30,INDEX(Jesper!$R$2:$R$366,ROW(INDEX(Jesper!AH$2:AH$366,ROUNDDOWN($C7006/24,0)+1,1))-1)+IF('Standard Profiles'!$G$18=$B$10,7,0)+IF('Standard Profiles'!$G$18=$B$17,14,0)+IF('Standard Profiles'!$G$18=$B$24,21,0),MOD($C7006,24)+1)/SUM(INDEX($D$3:$AA$30,INDEX(Jesper!$R$2:$R$366,ROW(INDEX(Jesper!AH$2:AH$366,ROUNDDOWN($C7006/24,0)+1,1))-1)+IF('Standard Profiles'!$G$18=$B$10,7,0)+IF('Standard Profiles'!$G$18=$B$17,14,0)+IF('Standard Profiles'!$G$18=$B$24,21,0),0)),0)</f>
        <v>14.904642654684446</v>
      </c>
      <c r="E7006" cm="1">
        <f t="array" ref="E7006">IFERROR(INDEX(Jesper!AI$2:AI$366,ROUNDDOWN($C7006/24,0)+1,1)*INDEX($D$3:$AA$30,INDEX(Jesper!$R$2:$R$366,ROW(INDEX(Jesper!AI$2:AI$366,ROUNDDOWN($C7006/24,0)+1,1))-1)+IF('Standard Profiles'!$G$19=$B$10,7,0)+IF('Standard Profiles'!$G$19=$B$17,14,0)+IF('Standard Profiles'!$G$19=$B$24,21,0),MOD($C7006,24)+1)/SUM(INDEX($D$3:$AA$30,INDEX(Jesper!$R$2:$R$366,ROW(INDEX(Jesper!AI$2:AI$366,ROUNDDOWN($C7006/24,0)+1,1))-1)+IF('Standard Profiles'!$G$19=$B$10,7,0)+IF('Standard Profiles'!$G$19=$B$17,14,0)+IF('Standard Profiles'!$G$19=$B$24,21,0),0)),0)</f>
        <v>0</v>
      </c>
      <c r="F7006" cm="1">
        <f t="array" ref="F7006">IFERROR(INDEX(Jesper!AJ$2:AJ$366,ROUNDDOWN($C7006/24,0)+1,1)*INDEX($D$3:$AA$30,INDEX(Jesper!$R$2:$R$366,ROW(INDEX(Jesper!AJ$2:AJ$366,ROUNDDOWN($C7006/24,0)+1,1))-1)+IF('Standard Profiles'!$G$20=$B$10,7,0)+IF('Standard Profiles'!$G$20=$B$17,14,0)+IF('Standard Profiles'!$G$20=$B$24,21,0),MOD($C7006,24)+1)/SUM(INDEX($D$3:$AA$30,INDEX(Jesper!$R$2:$R$366,ROW(INDEX(Jesper!AJ$2:AJ$366,ROUNDDOWN($C7006/24,0)+1,1))-1)+IF('Standard Profiles'!$G$20=$B$10,7,0)+IF('Standard Profiles'!$G$20=$B$17,14,0)+IF('Standard Profiles'!$G$20=$B$24,21,0),0)),0)</f>
        <v>0</v>
      </c>
      <c r="G7006" cm="1">
        <f t="array" ref="G7006">IFERROR(INDEX(Jesper!AK$2:AK$366,ROUNDDOWN($C7006/24,0)+1,1)*INDEX($D$3:$AA$30,INDEX(Jesper!$R$2:$R$366,ROW(INDEX(Jesper!AK$2:AK$366,ROUNDDOWN($C7006/24,0)+1,1))-1)+IF('Standard Profiles'!$G$21=$B$10,7,0)+IF('Standard Profiles'!$G$21=$B$17,14,0)+IF('Standard Profiles'!$G$21=$B$24,21,0),MOD($C7006,24)+1)/SUM(INDEX($D$3:$AA$30,INDEX(Jesper!$R$2:$R$366,ROW(INDEX(Jesper!AK$2:AK$366,ROUNDDOWN($C7006/24,0)+1,1))-1)+IF('Standard Profiles'!$G$21=$B$10,7,0)+IF('Standard Profiles'!$G$21=$B$17,14,0)+IF('Standard Profiles'!$G$21=$B$24,21,0),0)),0)</f>
        <v>0</v>
      </c>
      <c r="H7006" cm="1">
        <f t="array" ref="H7006">IFERROR(INDEX(Jesper!AL$2:AL$366,ROUNDDOWN($C7006/24,0)+1,1)*INDEX($D$3:$AA$30,INDEX(Jesper!$R$2:$R$366,ROW(INDEX(Jesper!AL$2:AL$366,ROUNDDOWN($C7006/24,0)+1,1))-1)+IF('Standard Profiles'!$G$22=$B$10,7,0)+IF('Standard Profiles'!$G$22=$B$17,14,0)+IF('Standard Profiles'!$G$22=$B$24,21,0),MOD($C7006,24)+1)/SUM(INDEX($D$3:$AA$30,INDEX(Jesper!$R$2:$R$366,ROW(INDEX(Jesper!AL$2:AL$366,ROUNDDOWN($C7006/24,0)+1,1))-1)+IF('Standard Profiles'!$G$22=$B$10,7,0)+IF('Standard Profiles'!$G$22=$B$17,14,0)+IF('Standard Profiles'!$G$22=$B$24,21,0),0)),0)</f>
        <v>0</v>
      </c>
      <c r="I7006">
        <f t="shared" si="776"/>
        <v>0.44713927964053335</v>
      </c>
      <c r="J7006">
        <f t="shared" si="777"/>
        <v>1.4904642654684448</v>
      </c>
      <c r="K7006">
        <f t="shared" si="778"/>
        <v>2.2356963982026667</v>
      </c>
      <c r="L7006">
        <f t="shared" si="779"/>
        <v>10.7313427113728</v>
      </c>
      <c r="M7006">
        <f t="shared" si="780"/>
        <v>0</v>
      </c>
      <c r="N7006" s="46">
        <f t="shared" si="781"/>
        <v>45582.499999983091</v>
      </c>
    </row>
    <row r="7007" spans="2:14" x14ac:dyDescent="0.3">
      <c r="B7007">
        <f t="shared" si="775"/>
        <v>4</v>
      </c>
      <c r="C7007" s="16">
        <v>6973</v>
      </c>
      <c r="D7007" cm="1">
        <f t="array" ref="D7007">IFERROR(INDEX(Jesper!AH$2:AH$366,ROUNDDOWN($C7007/24,0)+1,1)*INDEX($D$3:$AA$30,INDEX(Jesper!$R$2:$R$366,ROW(INDEX(Jesper!AH$2:AH$366,ROUNDDOWN($C7007/24,0)+1,1))-1)+IF('Standard Profiles'!$G$18=$B$10,7,0)+IF('Standard Profiles'!$G$18=$B$17,14,0)+IF('Standard Profiles'!$G$18=$B$24,21,0),MOD($C7007,24)+1)/SUM(INDEX($D$3:$AA$30,INDEX(Jesper!$R$2:$R$366,ROW(INDEX(Jesper!AH$2:AH$366,ROUNDDOWN($C7007/24,0)+1,1))-1)+IF('Standard Profiles'!$G$18=$B$10,7,0)+IF('Standard Profiles'!$G$18=$B$17,14,0)+IF('Standard Profiles'!$G$18=$B$24,21,0),0)),0)</f>
        <v>14.904642654684446</v>
      </c>
      <c r="E7007" cm="1">
        <f t="array" ref="E7007">IFERROR(INDEX(Jesper!AI$2:AI$366,ROUNDDOWN($C7007/24,0)+1,1)*INDEX($D$3:$AA$30,INDEX(Jesper!$R$2:$R$366,ROW(INDEX(Jesper!AI$2:AI$366,ROUNDDOWN($C7007/24,0)+1,1))-1)+IF('Standard Profiles'!$G$19=$B$10,7,0)+IF('Standard Profiles'!$G$19=$B$17,14,0)+IF('Standard Profiles'!$G$19=$B$24,21,0),MOD($C7007,24)+1)/SUM(INDEX($D$3:$AA$30,INDEX(Jesper!$R$2:$R$366,ROW(INDEX(Jesper!AI$2:AI$366,ROUNDDOWN($C7007/24,0)+1,1))-1)+IF('Standard Profiles'!$G$19=$B$10,7,0)+IF('Standard Profiles'!$G$19=$B$17,14,0)+IF('Standard Profiles'!$G$19=$B$24,21,0),0)),0)</f>
        <v>0</v>
      </c>
      <c r="F7007" cm="1">
        <f t="array" ref="F7007">IFERROR(INDEX(Jesper!AJ$2:AJ$366,ROUNDDOWN($C7007/24,0)+1,1)*INDEX($D$3:$AA$30,INDEX(Jesper!$R$2:$R$366,ROW(INDEX(Jesper!AJ$2:AJ$366,ROUNDDOWN($C7007/24,0)+1,1))-1)+IF('Standard Profiles'!$G$20=$B$10,7,0)+IF('Standard Profiles'!$G$20=$B$17,14,0)+IF('Standard Profiles'!$G$20=$B$24,21,0),MOD($C7007,24)+1)/SUM(INDEX($D$3:$AA$30,INDEX(Jesper!$R$2:$R$366,ROW(INDEX(Jesper!AJ$2:AJ$366,ROUNDDOWN($C7007/24,0)+1,1))-1)+IF('Standard Profiles'!$G$20=$B$10,7,0)+IF('Standard Profiles'!$G$20=$B$17,14,0)+IF('Standard Profiles'!$G$20=$B$24,21,0),0)),0)</f>
        <v>0</v>
      </c>
      <c r="G7007" cm="1">
        <f t="array" ref="G7007">IFERROR(INDEX(Jesper!AK$2:AK$366,ROUNDDOWN($C7007/24,0)+1,1)*INDEX($D$3:$AA$30,INDEX(Jesper!$R$2:$R$366,ROW(INDEX(Jesper!AK$2:AK$366,ROUNDDOWN($C7007/24,0)+1,1))-1)+IF('Standard Profiles'!$G$21=$B$10,7,0)+IF('Standard Profiles'!$G$21=$B$17,14,0)+IF('Standard Profiles'!$G$21=$B$24,21,0),MOD($C7007,24)+1)/SUM(INDEX($D$3:$AA$30,INDEX(Jesper!$R$2:$R$366,ROW(INDEX(Jesper!AK$2:AK$366,ROUNDDOWN($C7007/24,0)+1,1))-1)+IF('Standard Profiles'!$G$21=$B$10,7,0)+IF('Standard Profiles'!$G$21=$B$17,14,0)+IF('Standard Profiles'!$G$21=$B$24,21,0),0)),0)</f>
        <v>0</v>
      </c>
      <c r="H7007" cm="1">
        <f t="array" ref="H7007">IFERROR(INDEX(Jesper!AL$2:AL$366,ROUNDDOWN($C7007/24,0)+1,1)*INDEX($D$3:$AA$30,INDEX(Jesper!$R$2:$R$366,ROW(INDEX(Jesper!AL$2:AL$366,ROUNDDOWN($C7007/24,0)+1,1))-1)+IF('Standard Profiles'!$G$22=$B$10,7,0)+IF('Standard Profiles'!$G$22=$B$17,14,0)+IF('Standard Profiles'!$G$22=$B$24,21,0),MOD($C7007,24)+1)/SUM(INDEX($D$3:$AA$30,INDEX(Jesper!$R$2:$R$366,ROW(INDEX(Jesper!AL$2:AL$366,ROUNDDOWN($C7007/24,0)+1,1))-1)+IF('Standard Profiles'!$G$22=$B$10,7,0)+IF('Standard Profiles'!$G$22=$B$17,14,0)+IF('Standard Profiles'!$G$22=$B$24,21,0),0)),0)</f>
        <v>0</v>
      </c>
      <c r="I7007">
        <f t="shared" si="776"/>
        <v>0.44713927964053335</v>
      </c>
      <c r="J7007">
        <f t="shared" si="777"/>
        <v>1.4904642654684448</v>
      </c>
      <c r="K7007">
        <f t="shared" si="778"/>
        <v>2.2356963982026667</v>
      </c>
      <c r="L7007">
        <f t="shared" si="779"/>
        <v>10.7313427113728</v>
      </c>
      <c r="M7007">
        <f t="shared" si="780"/>
        <v>0</v>
      </c>
      <c r="N7007" s="46">
        <f t="shared" si="781"/>
        <v>45582.541666649755</v>
      </c>
    </row>
    <row r="7008" spans="2:14" x14ac:dyDescent="0.3">
      <c r="B7008">
        <f t="shared" si="775"/>
        <v>4</v>
      </c>
      <c r="C7008" s="16">
        <v>6974</v>
      </c>
      <c r="D7008" cm="1">
        <f t="array" ref="D7008">IFERROR(INDEX(Jesper!AH$2:AH$366,ROUNDDOWN($C7008/24,0)+1,1)*INDEX($D$3:$AA$30,INDEX(Jesper!$R$2:$R$366,ROW(INDEX(Jesper!AH$2:AH$366,ROUNDDOWN($C7008/24,0)+1,1))-1)+IF('Standard Profiles'!$G$18=$B$10,7,0)+IF('Standard Profiles'!$G$18=$B$17,14,0)+IF('Standard Profiles'!$G$18=$B$24,21,0),MOD($C7008,24)+1)/SUM(INDEX($D$3:$AA$30,INDEX(Jesper!$R$2:$R$366,ROW(INDEX(Jesper!AH$2:AH$366,ROUNDDOWN($C7008/24,0)+1,1))-1)+IF('Standard Profiles'!$G$18=$B$10,7,0)+IF('Standard Profiles'!$G$18=$B$17,14,0)+IF('Standard Profiles'!$G$18=$B$24,21,0),0)),0)</f>
        <v>14.904642654684446</v>
      </c>
      <c r="E7008" cm="1">
        <f t="array" ref="E7008">IFERROR(INDEX(Jesper!AI$2:AI$366,ROUNDDOWN($C7008/24,0)+1,1)*INDEX($D$3:$AA$30,INDEX(Jesper!$R$2:$R$366,ROW(INDEX(Jesper!AI$2:AI$366,ROUNDDOWN($C7008/24,0)+1,1))-1)+IF('Standard Profiles'!$G$19=$B$10,7,0)+IF('Standard Profiles'!$G$19=$B$17,14,0)+IF('Standard Profiles'!$G$19=$B$24,21,0),MOD($C7008,24)+1)/SUM(INDEX($D$3:$AA$30,INDEX(Jesper!$R$2:$R$366,ROW(INDEX(Jesper!AI$2:AI$366,ROUNDDOWN($C7008/24,0)+1,1))-1)+IF('Standard Profiles'!$G$19=$B$10,7,0)+IF('Standard Profiles'!$G$19=$B$17,14,0)+IF('Standard Profiles'!$G$19=$B$24,21,0),0)),0)</f>
        <v>0</v>
      </c>
      <c r="F7008" cm="1">
        <f t="array" ref="F7008">IFERROR(INDEX(Jesper!AJ$2:AJ$366,ROUNDDOWN($C7008/24,0)+1,1)*INDEX($D$3:$AA$30,INDEX(Jesper!$R$2:$R$366,ROW(INDEX(Jesper!AJ$2:AJ$366,ROUNDDOWN($C7008/24,0)+1,1))-1)+IF('Standard Profiles'!$G$20=$B$10,7,0)+IF('Standard Profiles'!$G$20=$B$17,14,0)+IF('Standard Profiles'!$G$20=$B$24,21,0),MOD($C7008,24)+1)/SUM(INDEX($D$3:$AA$30,INDEX(Jesper!$R$2:$R$366,ROW(INDEX(Jesper!AJ$2:AJ$366,ROUNDDOWN($C7008/24,0)+1,1))-1)+IF('Standard Profiles'!$G$20=$B$10,7,0)+IF('Standard Profiles'!$G$20=$B$17,14,0)+IF('Standard Profiles'!$G$20=$B$24,21,0),0)),0)</f>
        <v>0</v>
      </c>
      <c r="G7008" cm="1">
        <f t="array" ref="G7008">IFERROR(INDEX(Jesper!AK$2:AK$366,ROUNDDOWN($C7008/24,0)+1,1)*INDEX($D$3:$AA$30,INDEX(Jesper!$R$2:$R$366,ROW(INDEX(Jesper!AK$2:AK$366,ROUNDDOWN($C7008/24,0)+1,1))-1)+IF('Standard Profiles'!$G$21=$B$10,7,0)+IF('Standard Profiles'!$G$21=$B$17,14,0)+IF('Standard Profiles'!$G$21=$B$24,21,0),MOD($C7008,24)+1)/SUM(INDEX($D$3:$AA$30,INDEX(Jesper!$R$2:$R$366,ROW(INDEX(Jesper!AK$2:AK$366,ROUNDDOWN($C7008/24,0)+1,1))-1)+IF('Standard Profiles'!$G$21=$B$10,7,0)+IF('Standard Profiles'!$G$21=$B$17,14,0)+IF('Standard Profiles'!$G$21=$B$24,21,0),0)),0)</f>
        <v>0</v>
      </c>
      <c r="H7008" cm="1">
        <f t="array" ref="H7008">IFERROR(INDEX(Jesper!AL$2:AL$366,ROUNDDOWN($C7008/24,0)+1,1)*INDEX($D$3:$AA$30,INDEX(Jesper!$R$2:$R$366,ROW(INDEX(Jesper!AL$2:AL$366,ROUNDDOWN($C7008/24,0)+1,1))-1)+IF('Standard Profiles'!$G$22=$B$10,7,0)+IF('Standard Profiles'!$G$22=$B$17,14,0)+IF('Standard Profiles'!$G$22=$B$24,21,0),MOD($C7008,24)+1)/SUM(INDEX($D$3:$AA$30,INDEX(Jesper!$R$2:$R$366,ROW(INDEX(Jesper!AL$2:AL$366,ROUNDDOWN($C7008/24,0)+1,1))-1)+IF('Standard Profiles'!$G$22=$B$10,7,0)+IF('Standard Profiles'!$G$22=$B$17,14,0)+IF('Standard Profiles'!$G$22=$B$24,21,0),0)),0)</f>
        <v>0</v>
      </c>
      <c r="I7008">
        <f t="shared" si="776"/>
        <v>0.44713927964053335</v>
      </c>
      <c r="J7008">
        <f t="shared" si="777"/>
        <v>1.4904642654684448</v>
      </c>
      <c r="K7008">
        <f t="shared" si="778"/>
        <v>2.2356963982026667</v>
      </c>
      <c r="L7008">
        <f t="shared" si="779"/>
        <v>10.7313427113728</v>
      </c>
      <c r="M7008">
        <f t="shared" si="780"/>
        <v>0</v>
      </c>
      <c r="N7008" s="46">
        <f t="shared" si="781"/>
        <v>45582.583333316419</v>
      </c>
    </row>
    <row r="7009" spans="2:14" x14ac:dyDescent="0.3">
      <c r="B7009">
        <f t="shared" si="775"/>
        <v>4</v>
      </c>
      <c r="C7009" s="16">
        <v>6975</v>
      </c>
      <c r="D7009" cm="1">
        <f t="array" ref="D7009">IFERROR(INDEX(Jesper!AH$2:AH$366,ROUNDDOWN($C7009/24,0)+1,1)*INDEX($D$3:$AA$30,INDEX(Jesper!$R$2:$R$366,ROW(INDEX(Jesper!AH$2:AH$366,ROUNDDOWN($C7009/24,0)+1,1))-1)+IF('Standard Profiles'!$G$18=$B$10,7,0)+IF('Standard Profiles'!$G$18=$B$17,14,0)+IF('Standard Profiles'!$G$18=$B$24,21,0),MOD($C7009,24)+1)/SUM(INDEX($D$3:$AA$30,INDEX(Jesper!$R$2:$R$366,ROW(INDEX(Jesper!AH$2:AH$366,ROUNDDOWN($C7009/24,0)+1,1))-1)+IF('Standard Profiles'!$G$18=$B$10,7,0)+IF('Standard Profiles'!$G$18=$B$17,14,0)+IF('Standard Profiles'!$G$18=$B$24,21,0),0)),0)</f>
        <v>14.904642654684446</v>
      </c>
      <c r="E7009" cm="1">
        <f t="array" ref="E7009">IFERROR(INDEX(Jesper!AI$2:AI$366,ROUNDDOWN($C7009/24,0)+1,1)*INDEX($D$3:$AA$30,INDEX(Jesper!$R$2:$R$366,ROW(INDEX(Jesper!AI$2:AI$366,ROUNDDOWN($C7009/24,0)+1,1))-1)+IF('Standard Profiles'!$G$19=$B$10,7,0)+IF('Standard Profiles'!$G$19=$B$17,14,0)+IF('Standard Profiles'!$G$19=$B$24,21,0),MOD($C7009,24)+1)/SUM(INDEX($D$3:$AA$30,INDEX(Jesper!$R$2:$R$366,ROW(INDEX(Jesper!AI$2:AI$366,ROUNDDOWN($C7009/24,0)+1,1))-1)+IF('Standard Profiles'!$G$19=$B$10,7,0)+IF('Standard Profiles'!$G$19=$B$17,14,0)+IF('Standard Profiles'!$G$19=$B$24,21,0),0)),0)</f>
        <v>0</v>
      </c>
      <c r="F7009" cm="1">
        <f t="array" ref="F7009">IFERROR(INDEX(Jesper!AJ$2:AJ$366,ROUNDDOWN($C7009/24,0)+1,1)*INDEX($D$3:$AA$30,INDEX(Jesper!$R$2:$R$366,ROW(INDEX(Jesper!AJ$2:AJ$366,ROUNDDOWN($C7009/24,0)+1,1))-1)+IF('Standard Profiles'!$G$20=$B$10,7,0)+IF('Standard Profiles'!$G$20=$B$17,14,0)+IF('Standard Profiles'!$G$20=$B$24,21,0),MOD($C7009,24)+1)/SUM(INDEX($D$3:$AA$30,INDEX(Jesper!$R$2:$R$366,ROW(INDEX(Jesper!AJ$2:AJ$366,ROUNDDOWN($C7009/24,0)+1,1))-1)+IF('Standard Profiles'!$G$20=$B$10,7,0)+IF('Standard Profiles'!$G$20=$B$17,14,0)+IF('Standard Profiles'!$G$20=$B$24,21,0),0)),0)</f>
        <v>0</v>
      </c>
      <c r="G7009" cm="1">
        <f t="array" ref="G7009">IFERROR(INDEX(Jesper!AK$2:AK$366,ROUNDDOWN($C7009/24,0)+1,1)*INDEX($D$3:$AA$30,INDEX(Jesper!$R$2:$R$366,ROW(INDEX(Jesper!AK$2:AK$366,ROUNDDOWN($C7009/24,0)+1,1))-1)+IF('Standard Profiles'!$G$21=$B$10,7,0)+IF('Standard Profiles'!$G$21=$B$17,14,0)+IF('Standard Profiles'!$G$21=$B$24,21,0),MOD($C7009,24)+1)/SUM(INDEX($D$3:$AA$30,INDEX(Jesper!$R$2:$R$366,ROW(INDEX(Jesper!AK$2:AK$366,ROUNDDOWN($C7009/24,0)+1,1))-1)+IF('Standard Profiles'!$G$21=$B$10,7,0)+IF('Standard Profiles'!$G$21=$B$17,14,0)+IF('Standard Profiles'!$G$21=$B$24,21,0),0)),0)</f>
        <v>0</v>
      </c>
      <c r="H7009" cm="1">
        <f t="array" ref="H7009">IFERROR(INDEX(Jesper!AL$2:AL$366,ROUNDDOWN($C7009/24,0)+1,1)*INDEX($D$3:$AA$30,INDEX(Jesper!$R$2:$R$366,ROW(INDEX(Jesper!AL$2:AL$366,ROUNDDOWN($C7009/24,0)+1,1))-1)+IF('Standard Profiles'!$G$22=$B$10,7,0)+IF('Standard Profiles'!$G$22=$B$17,14,0)+IF('Standard Profiles'!$G$22=$B$24,21,0),MOD($C7009,24)+1)/SUM(INDEX($D$3:$AA$30,INDEX(Jesper!$R$2:$R$366,ROW(INDEX(Jesper!AL$2:AL$366,ROUNDDOWN($C7009/24,0)+1,1))-1)+IF('Standard Profiles'!$G$22=$B$10,7,0)+IF('Standard Profiles'!$G$22=$B$17,14,0)+IF('Standard Profiles'!$G$22=$B$24,21,0),0)),0)</f>
        <v>0</v>
      </c>
      <c r="I7009">
        <f t="shared" si="776"/>
        <v>0.44713927964053335</v>
      </c>
      <c r="J7009">
        <f t="shared" si="777"/>
        <v>1.4904642654684448</v>
      </c>
      <c r="K7009">
        <f t="shared" si="778"/>
        <v>2.2356963982026667</v>
      </c>
      <c r="L7009">
        <f t="shared" si="779"/>
        <v>10.7313427113728</v>
      </c>
      <c r="M7009">
        <f t="shared" si="780"/>
        <v>0</v>
      </c>
      <c r="N7009" s="46">
        <f t="shared" si="781"/>
        <v>45582.624999983083</v>
      </c>
    </row>
    <row r="7010" spans="2:14" x14ac:dyDescent="0.3">
      <c r="B7010">
        <f t="shared" si="775"/>
        <v>4</v>
      </c>
      <c r="C7010" s="16">
        <v>6976</v>
      </c>
      <c r="D7010" cm="1">
        <f t="array" ref="D7010">IFERROR(INDEX(Jesper!AH$2:AH$366,ROUNDDOWN($C7010/24,0)+1,1)*INDEX($D$3:$AA$30,INDEX(Jesper!$R$2:$R$366,ROW(INDEX(Jesper!AH$2:AH$366,ROUNDDOWN($C7010/24,0)+1,1))-1)+IF('Standard Profiles'!$G$18=$B$10,7,0)+IF('Standard Profiles'!$G$18=$B$17,14,0)+IF('Standard Profiles'!$G$18=$B$24,21,0),MOD($C7010,24)+1)/SUM(INDEX($D$3:$AA$30,INDEX(Jesper!$R$2:$R$366,ROW(INDEX(Jesper!AH$2:AH$366,ROUNDDOWN($C7010/24,0)+1,1))-1)+IF('Standard Profiles'!$G$18=$B$10,7,0)+IF('Standard Profiles'!$G$18=$B$17,14,0)+IF('Standard Profiles'!$G$18=$B$24,21,0),0)),0)</f>
        <v>14.904642654684446</v>
      </c>
      <c r="E7010" cm="1">
        <f t="array" ref="E7010">IFERROR(INDEX(Jesper!AI$2:AI$366,ROUNDDOWN($C7010/24,0)+1,1)*INDEX($D$3:$AA$30,INDEX(Jesper!$R$2:$R$366,ROW(INDEX(Jesper!AI$2:AI$366,ROUNDDOWN($C7010/24,0)+1,1))-1)+IF('Standard Profiles'!$G$19=$B$10,7,0)+IF('Standard Profiles'!$G$19=$B$17,14,0)+IF('Standard Profiles'!$G$19=$B$24,21,0),MOD($C7010,24)+1)/SUM(INDEX($D$3:$AA$30,INDEX(Jesper!$R$2:$R$366,ROW(INDEX(Jesper!AI$2:AI$366,ROUNDDOWN($C7010/24,0)+1,1))-1)+IF('Standard Profiles'!$G$19=$B$10,7,0)+IF('Standard Profiles'!$G$19=$B$17,14,0)+IF('Standard Profiles'!$G$19=$B$24,21,0),0)),0)</f>
        <v>0</v>
      </c>
      <c r="F7010" cm="1">
        <f t="array" ref="F7010">IFERROR(INDEX(Jesper!AJ$2:AJ$366,ROUNDDOWN($C7010/24,0)+1,1)*INDEX($D$3:$AA$30,INDEX(Jesper!$R$2:$R$366,ROW(INDEX(Jesper!AJ$2:AJ$366,ROUNDDOWN($C7010/24,0)+1,1))-1)+IF('Standard Profiles'!$G$20=$B$10,7,0)+IF('Standard Profiles'!$G$20=$B$17,14,0)+IF('Standard Profiles'!$G$20=$B$24,21,0),MOD($C7010,24)+1)/SUM(INDEX($D$3:$AA$30,INDEX(Jesper!$R$2:$R$366,ROW(INDEX(Jesper!AJ$2:AJ$366,ROUNDDOWN($C7010/24,0)+1,1))-1)+IF('Standard Profiles'!$G$20=$B$10,7,0)+IF('Standard Profiles'!$G$20=$B$17,14,0)+IF('Standard Profiles'!$G$20=$B$24,21,0),0)),0)</f>
        <v>0</v>
      </c>
      <c r="G7010" cm="1">
        <f t="array" ref="G7010">IFERROR(INDEX(Jesper!AK$2:AK$366,ROUNDDOWN($C7010/24,0)+1,1)*INDEX($D$3:$AA$30,INDEX(Jesper!$R$2:$R$366,ROW(INDEX(Jesper!AK$2:AK$366,ROUNDDOWN($C7010/24,0)+1,1))-1)+IF('Standard Profiles'!$G$21=$B$10,7,0)+IF('Standard Profiles'!$G$21=$B$17,14,0)+IF('Standard Profiles'!$G$21=$B$24,21,0),MOD($C7010,24)+1)/SUM(INDEX($D$3:$AA$30,INDEX(Jesper!$R$2:$R$366,ROW(INDEX(Jesper!AK$2:AK$366,ROUNDDOWN($C7010/24,0)+1,1))-1)+IF('Standard Profiles'!$G$21=$B$10,7,0)+IF('Standard Profiles'!$G$21=$B$17,14,0)+IF('Standard Profiles'!$G$21=$B$24,21,0),0)),0)</f>
        <v>0</v>
      </c>
      <c r="H7010" cm="1">
        <f t="array" ref="H7010">IFERROR(INDEX(Jesper!AL$2:AL$366,ROUNDDOWN($C7010/24,0)+1,1)*INDEX($D$3:$AA$30,INDEX(Jesper!$R$2:$R$366,ROW(INDEX(Jesper!AL$2:AL$366,ROUNDDOWN($C7010/24,0)+1,1))-1)+IF('Standard Profiles'!$G$22=$B$10,7,0)+IF('Standard Profiles'!$G$22=$B$17,14,0)+IF('Standard Profiles'!$G$22=$B$24,21,0),MOD($C7010,24)+1)/SUM(INDEX($D$3:$AA$30,INDEX(Jesper!$R$2:$R$366,ROW(INDEX(Jesper!AL$2:AL$366,ROUNDDOWN($C7010/24,0)+1,1))-1)+IF('Standard Profiles'!$G$22=$B$10,7,0)+IF('Standard Profiles'!$G$22=$B$17,14,0)+IF('Standard Profiles'!$G$22=$B$24,21,0),0)),0)</f>
        <v>0</v>
      </c>
      <c r="I7010">
        <f t="shared" si="776"/>
        <v>0.44713927964053335</v>
      </c>
      <c r="J7010">
        <f t="shared" si="777"/>
        <v>1.4904642654684448</v>
      </c>
      <c r="K7010">
        <f t="shared" si="778"/>
        <v>2.2356963982026667</v>
      </c>
      <c r="L7010">
        <f t="shared" si="779"/>
        <v>10.7313427113728</v>
      </c>
      <c r="M7010">
        <f t="shared" si="780"/>
        <v>0</v>
      </c>
      <c r="N7010" s="46">
        <f t="shared" si="781"/>
        <v>45582.666666649748</v>
      </c>
    </row>
    <row r="7011" spans="2:14" x14ac:dyDescent="0.3">
      <c r="B7011">
        <f t="shared" ref="B7011:B7074" si="782">WEEKDAY(N7011,2)</f>
        <v>4</v>
      </c>
      <c r="C7011" s="16">
        <v>6977</v>
      </c>
      <c r="D7011" cm="1">
        <f t="array" ref="D7011">IFERROR(INDEX(Jesper!AH$2:AH$366,ROUNDDOWN($C7011/24,0)+1,1)*INDEX($D$3:$AA$30,INDEX(Jesper!$R$2:$R$366,ROW(INDEX(Jesper!AH$2:AH$366,ROUNDDOWN($C7011/24,0)+1,1))-1)+IF('Standard Profiles'!$G$18=$B$10,7,0)+IF('Standard Profiles'!$G$18=$B$17,14,0)+IF('Standard Profiles'!$G$18=$B$24,21,0),MOD($C7011,24)+1)/SUM(INDEX($D$3:$AA$30,INDEX(Jesper!$R$2:$R$366,ROW(INDEX(Jesper!AH$2:AH$366,ROUNDDOWN($C7011/24,0)+1,1))-1)+IF('Standard Profiles'!$G$18=$B$10,7,0)+IF('Standard Profiles'!$G$18=$B$17,14,0)+IF('Standard Profiles'!$G$18=$B$24,21,0),0)),0)</f>
        <v>14.904642654684446</v>
      </c>
      <c r="E7011" cm="1">
        <f t="array" ref="E7011">IFERROR(INDEX(Jesper!AI$2:AI$366,ROUNDDOWN($C7011/24,0)+1,1)*INDEX($D$3:$AA$30,INDEX(Jesper!$R$2:$R$366,ROW(INDEX(Jesper!AI$2:AI$366,ROUNDDOWN($C7011/24,0)+1,1))-1)+IF('Standard Profiles'!$G$19=$B$10,7,0)+IF('Standard Profiles'!$G$19=$B$17,14,0)+IF('Standard Profiles'!$G$19=$B$24,21,0),MOD($C7011,24)+1)/SUM(INDEX($D$3:$AA$30,INDEX(Jesper!$R$2:$R$366,ROW(INDEX(Jesper!AI$2:AI$366,ROUNDDOWN($C7011/24,0)+1,1))-1)+IF('Standard Profiles'!$G$19=$B$10,7,0)+IF('Standard Profiles'!$G$19=$B$17,14,0)+IF('Standard Profiles'!$G$19=$B$24,21,0),0)),0)</f>
        <v>0</v>
      </c>
      <c r="F7011" cm="1">
        <f t="array" ref="F7011">IFERROR(INDEX(Jesper!AJ$2:AJ$366,ROUNDDOWN($C7011/24,0)+1,1)*INDEX($D$3:$AA$30,INDEX(Jesper!$R$2:$R$366,ROW(INDEX(Jesper!AJ$2:AJ$366,ROUNDDOWN($C7011/24,0)+1,1))-1)+IF('Standard Profiles'!$G$20=$B$10,7,0)+IF('Standard Profiles'!$G$20=$B$17,14,0)+IF('Standard Profiles'!$G$20=$B$24,21,0),MOD($C7011,24)+1)/SUM(INDEX($D$3:$AA$30,INDEX(Jesper!$R$2:$R$366,ROW(INDEX(Jesper!AJ$2:AJ$366,ROUNDDOWN($C7011/24,0)+1,1))-1)+IF('Standard Profiles'!$G$20=$B$10,7,0)+IF('Standard Profiles'!$G$20=$B$17,14,0)+IF('Standard Profiles'!$G$20=$B$24,21,0),0)),0)</f>
        <v>0</v>
      </c>
      <c r="G7011" cm="1">
        <f t="array" ref="G7011">IFERROR(INDEX(Jesper!AK$2:AK$366,ROUNDDOWN($C7011/24,0)+1,1)*INDEX($D$3:$AA$30,INDEX(Jesper!$R$2:$R$366,ROW(INDEX(Jesper!AK$2:AK$366,ROUNDDOWN($C7011/24,0)+1,1))-1)+IF('Standard Profiles'!$G$21=$B$10,7,0)+IF('Standard Profiles'!$G$21=$B$17,14,0)+IF('Standard Profiles'!$G$21=$B$24,21,0),MOD($C7011,24)+1)/SUM(INDEX($D$3:$AA$30,INDEX(Jesper!$R$2:$R$366,ROW(INDEX(Jesper!AK$2:AK$366,ROUNDDOWN($C7011/24,0)+1,1))-1)+IF('Standard Profiles'!$G$21=$B$10,7,0)+IF('Standard Profiles'!$G$21=$B$17,14,0)+IF('Standard Profiles'!$G$21=$B$24,21,0),0)),0)</f>
        <v>0</v>
      </c>
      <c r="H7011" cm="1">
        <f t="array" ref="H7011">IFERROR(INDEX(Jesper!AL$2:AL$366,ROUNDDOWN($C7011/24,0)+1,1)*INDEX($D$3:$AA$30,INDEX(Jesper!$R$2:$R$366,ROW(INDEX(Jesper!AL$2:AL$366,ROUNDDOWN($C7011/24,0)+1,1))-1)+IF('Standard Profiles'!$G$22=$B$10,7,0)+IF('Standard Profiles'!$G$22=$B$17,14,0)+IF('Standard Profiles'!$G$22=$B$24,21,0),MOD($C7011,24)+1)/SUM(INDEX($D$3:$AA$30,INDEX(Jesper!$R$2:$R$366,ROW(INDEX(Jesper!AL$2:AL$366,ROUNDDOWN($C7011/24,0)+1,1))-1)+IF('Standard Profiles'!$G$22=$B$10,7,0)+IF('Standard Profiles'!$G$22=$B$17,14,0)+IF('Standard Profiles'!$G$22=$B$24,21,0),0)),0)</f>
        <v>0</v>
      </c>
      <c r="I7011">
        <f t="shared" ref="I7011:I7074" si="783">IF($B7011&lt;6,AC$37*$D7011+AC$38*$E7011+AC$39*$F7011+AC$40*$G7011,AC$46*$D7011+AC$47*$E7011+AC$48*$F7011+AC$49*$G7011+AC$50*$H7011)</f>
        <v>0.44713927964053335</v>
      </c>
      <c r="J7011">
        <f t="shared" ref="J7011:J7074" si="784">IF($B7011&lt;6,AD$37*$D7011+AD$38*$E7011+AD$39*$F7011+AD$40*$G7011,AD$46*$D7011+AD$47*$E7011+AD$48*$F7011+AD$49*$G7011+AD$50*$H7011)</f>
        <v>1.4904642654684448</v>
      </c>
      <c r="K7011">
        <f t="shared" ref="K7011:K7074" si="785">IF($B7011&lt;6,AE$37*$D7011+AE$38*$E7011+AE$39*$F7011+AE$40*$G7011,AE$46*$D7011+AE$47*$E7011+AE$48*$F7011+AE$49*$G7011+AE$50*$H7011)</f>
        <v>2.2356963982026667</v>
      </c>
      <c r="L7011">
        <f t="shared" ref="L7011:L7074" si="786">IF($B7011&lt;6,AF$37*$D7011+AF$38*$E7011+AF$39*$F7011+AF$40*$G7011,AF$46*$D7011+AF$47*$E7011+AF$48*$F7011+AF$49*$G7011+AF$50*$H7011)</f>
        <v>10.7313427113728</v>
      </c>
      <c r="M7011">
        <f t="shared" ref="M7011:M7074" si="787">IF($B7011&lt;6,AG$37*$D7011+AG$38*$E7011+AG$39*$F7011+AG$40*$G7011,AG$46*$D7011+AG$47*$E7011+AG$48*$F7011+AG$49*$G7011+AG$50*$H7011)</f>
        <v>0</v>
      </c>
      <c r="N7011" s="46">
        <f t="shared" si="781"/>
        <v>45582.708333316412</v>
      </c>
    </row>
    <row r="7012" spans="2:14" x14ac:dyDescent="0.3">
      <c r="B7012">
        <f t="shared" si="782"/>
        <v>4</v>
      </c>
      <c r="C7012" s="16">
        <v>6978</v>
      </c>
      <c r="D7012" cm="1">
        <f t="array" ref="D7012">IFERROR(INDEX(Jesper!AH$2:AH$366,ROUNDDOWN($C7012/24,0)+1,1)*INDEX($D$3:$AA$30,INDEX(Jesper!$R$2:$R$366,ROW(INDEX(Jesper!AH$2:AH$366,ROUNDDOWN($C7012/24,0)+1,1))-1)+IF('Standard Profiles'!$G$18=$B$10,7,0)+IF('Standard Profiles'!$G$18=$B$17,14,0)+IF('Standard Profiles'!$G$18=$B$24,21,0),MOD($C7012,24)+1)/SUM(INDEX($D$3:$AA$30,INDEX(Jesper!$R$2:$R$366,ROW(INDEX(Jesper!AH$2:AH$366,ROUNDDOWN($C7012/24,0)+1,1))-1)+IF('Standard Profiles'!$G$18=$B$10,7,0)+IF('Standard Profiles'!$G$18=$B$17,14,0)+IF('Standard Profiles'!$G$18=$B$24,21,0),0)),0)</f>
        <v>14.904642654684446</v>
      </c>
      <c r="E7012" cm="1">
        <f t="array" ref="E7012">IFERROR(INDEX(Jesper!AI$2:AI$366,ROUNDDOWN($C7012/24,0)+1,1)*INDEX($D$3:$AA$30,INDEX(Jesper!$R$2:$R$366,ROW(INDEX(Jesper!AI$2:AI$366,ROUNDDOWN($C7012/24,0)+1,1))-1)+IF('Standard Profiles'!$G$19=$B$10,7,0)+IF('Standard Profiles'!$G$19=$B$17,14,0)+IF('Standard Profiles'!$G$19=$B$24,21,0),MOD($C7012,24)+1)/SUM(INDEX($D$3:$AA$30,INDEX(Jesper!$R$2:$R$366,ROW(INDEX(Jesper!AI$2:AI$366,ROUNDDOWN($C7012/24,0)+1,1))-1)+IF('Standard Profiles'!$G$19=$B$10,7,0)+IF('Standard Profiles'!$G$19=$B$17,14,0)+IF('Standard Profiles'!$G$19=$B$24,21,0),0)),0)</f>
        <v>0</v>
      </c>
      <c r="F7012" cm="1">
        <f t="array" ref="F7012">IFERROR(INDEX(Jesper!AJ$2:AJ$366,ROUNDDOWN($C7012/24,0)+1,1)*INDEX($D$3:$AA$30,INDEX(Jesper!$R$2:$R$366,ROW(INDEX(Jesper!AJ$2:AJ$366,ROUNDDOWN($C7012/24,0)+1,1))-1)+IF('Standard Profiles'!$G$20=$B$10,7,0)+IF('Standard Profiles'!$G$20=$B$17,14,0)+IF('Standard Profiles'!$G$20=$B$24,21,0),MOD($C7012,24)+1)/SUM(INDEX($D$3:$AA$30,INDEX(Jesper!$R$2:$R$366,ROW(INDEX(Jesper!AJ$2:AJ$366,ROUNDDOWN($C7012/24,0)+1,1))-1)+IF('Standard Profiles'!$G$20=$B$10,7,0)+IF('Standard Profiles'!$G$20=$B$17,14,0)+IF('Standard Profiles'!$G$20=$B$24,21,0),0)),0)</f>
        <v>0</v>
      </c>
      <c r="G7012" cm="1">
        <f t="array" ref="G7012">IFERROR(INDEX(Jesper!AK$2:AK$366,ROUNDDOWN($C7012/24,0)+1,1)*INDEX($D$3:$AA$30,INDEX(Jesper!$R$2:$R$366,ROW(INDEX(Jesper!AK$2:AK$366,ROUNDDOWN($C7012/24,0)+1,1))-1)+IF('Standard Profiles'!$G$21=$B$10,7,0)+IF('Standard Profiles'!$G$21=$B$17,14,0)+IF('Standard Profiles'!$G$21=$B$24,21,0),MOD($C7012,24)+1)/SUM(INDEX($D$3:$AA$30,INDEX(Jesper!$R$2:$R$366,ROW(INDEX(Jesper!AK$2:AK$366,ROUNDDOWN($C7012/24,0)+1,1))-1)+IF('Standard Profiles'!$G$21=$B$10,7,0)+IF('Standard Profiles'!$G$21=$B$17,14,0)+IF('Standard Profiles'!$G$21=$B$24,21,0),0)),0)</f>
        <v>0</v>
      </c>
      <c r="H7012" cm="1">
        <f t="array" ref="H7012">IFERROR(INDEX(Jesper!AL$2:AL$366,ROUNDDOWN($C7012/24,0)+1,1)*INDEX($D$3:$AA$30,INDEX(Jesper!$R$2:$R$366,ROW(INDEX(Jesper!AL$2:AL$366,ROUNDDOWN($C7012/24,0)+1,1))-1)+IF('Standard Profiles'!$G$22=$B$10,7,0)+IF('Standard Profiles'!$G$22=$B$17,14,0)+IF('Standard Profiles'!$G$22=$B$24,21,0),MOD($C7012,24)+1)/SUM(INDEX($D$3:$AA$30,INDEX(Jesper!$R$2:$R$366,ROW(INDEX(Jesper!AL$2:AL$366,ROUNDDOWN($C7012/24,0)+1,1))-1)+IF('Standard Profiles'!$G$22=$B$10,7,0)+IF('Standard Profiles'!$G$22=$B$17,14,0)+IF('Standard Profiles'!$G$22=$B$24,21,0),0)),0)</f>
        <v>0</v>
      </c>
      <c r="I7012">
        <f t="shared" si="783"/>
        <v>0.44713927964053335</v>
      </c>
      <c r="J7012">
        <f t="shared" si="784"/>
        <v>1.4904642654684448</v>
      </c>
      <c r="K7012">
        <f t="shared" si="785"/>
        <v>2.2356963982026667</v>
      </c>
      <c r="L7012">
        <f t="shared" si="786"/>
        <v>10.7313427113728</v>
      </c>
      <c r="M7012">
        <f t="shared" si="787"/>
        <v>0</v>
      </c>
      <c r="N7012" s="46">
        <f t="shared" ref="N7012:N7075" si="788">N7011+1/24</f>
        <v>45582.749999983076</v>
      </c>
    </row>
    <row r="7013" spans="2:14" x14ac:dyDescent="0.3">
      <c r="B7013">
        <f t="shared" si="782"/>
        <v>4</v>
      </c>
      <c r="C7013" s="16">
        <v>6979</v>
      </c>
      <c r="D7013" cm="1">
        <f t="array" ref="D7013">IFERROR(INDEX(Jesper!AH$2:AH$366,ROUNDDOWN($C7013/24,0)+1,1)*INDEX($D$3:$AA$30,INDEX(Jesper!$R$2:$R$366,ROW(INDEX(Jesper!AH$2:AH$366,ROUNDDOWN($C7013/24,0)+1,1))-1)+IF('Standard Profiles'!$G$18=$B$10,7,0)+IF('Standard Profiles'!$G$18=$B$17,14,0)+IF('Standard Profiles'!$G$18=$B$24,21,0),MOD($C7013,24)+1)/SUM(INDEX($D$3:$AA$30,INDEX(Jesper!$R$2:$R$366,ROW(INDEX(Jesper!AH$2:AH$366,ROUNDDOWN($C7013/24,0)+1,1))-1)+IF('Standard Profiles'!$G$18=$B$10,7,0)+IF('Standard Profiles'!$G$18=$B$17,14,0)+IF('Standard Profiles'!$G$18=$B$24,21,0),0)),0)</f>
        <v>12.420535545570372</v>
      </c>
      <c r="E7013" cm="1">
        <f t="array" ref="E7013">IFERROR(INDEX(Jesper!AI$2:AI$366,ROUNDDOWN($C7013/24,0)+1,1)*INDEX($D$3:$AA$30,INDEX(Jesper!$R$2:$R$366,ROW(INDEX(Jesper!AI$2:AI$366,ROUNDDOWN($C7013/24,0)+1,1))-1)+IF('Standard Profiles'!$G$19=$B$10,7,0)+IF('Standard Profiles'!$G$19=$B$17,14,0)+IF('Standard Profiles'!$G$19=$B$24,21,0),MOD($C7013,24)+1)/SUM(INDEX($D$3:$AA$30,INDEX(Jesper!$R$2:$R$366,ROW(INDEX(Jesper!AI$2:AI$366,ROUNDDOWN($C7013/24,0)+1,1))-1)+IF('Standard Profiles'!$G$19=$B$10,7,0)+IF('Standard Profiles'!$G$19=$B$17,14,0)+IF('Standard Profiles'!$G$19=$B$24,21,0),0)),0)</f>
        <v>0</v>
      </c>
      <c r="F7013" cm="1">
        <f t="array" ref="F7013">IFERROR(INDEX(Jesper!AJ$2:AJ$366,ROUNDDOWN($C7013/24,0)+1,1)*INDEX($D$3:$AA$30,INDEX(Jesper!$R$2:$R$366,ROW(INDEX(Jesper!AJ$2:AJ$366,ROUNDDOWN($C7013/24,0)+1,1))-1)+IF('Standard Profiles'!$G$20=$B$10,7,0)+IF('Standard Profiles'!$G$20=$B$17,14,0)+IF('Standard Profiles'!$G$20=$B$24,21,0),MOD($C7013,24)+1)/SUM(INDEX($D$3:$AA$30,INDEX(Jesper!$R$2:$R$366,ROW(INDEX(Jesper!AJ$2:AJ$366,ROUNDDOWN($C7013/24,0)+1,1))-1)+IF('Standard Profiles'!$G$20=$B$10,7,0)+IF('Standard Profiles'!$G$20=$B$17,14,0)+IF('Standard Profiles'!$G$20=$B$24,21,0),0)),0)</f>
        <v>0</v>
      </c>
      <c r="G7013" cm="1">
        <f t="array" ref="G7013">IFERROR(INDEX(Jesper!AK$2:AK$366,ROUNDDOWN($C7013/24,0)+1,1)*INDEX($D$3:$AA$30,INDEX(Jesper!$R$2:$R$366,ROW(INDEX(Jesper!AK$2:AK$366,ROUNDDOWN($C7013/24,0)+1,1))-1)+IF('Standard Profiles'!$G$21=$B$10,7,0)+IF('Standard Profiles'!$G$21=$B$17,14,0)+IF('Standard Profiles'!$G$21=$B$24,21,0),MOD($C7013,24)+1)/SUM(INDEX($D$3:$AA$30,INDEX(Jesper!$R$2:$R$366,ROW(INDEX(Jesper!AK$2:AK$366,ROUNDDOWN($C7013/24,0)+1,1))-1)+IF('Standard Profiles'!$G$21=$B$10,7,0)+IF('Standard Profiles'!$G$21=$B$17,14,0)+IF('Standard Profiles'!$G$21=$B$24,21,0),0)),0)</f>
        <v>0</v>
      </c>
      <c r="H7013" cm="1">
        <f t="array" ref="H7013">IFERROR(INDEX(Jesper!AL$2:AL$366,ROUNDDOWN($C7013/24,0)+1,1)*INDEX($D$3:$AA$30,INDEX(Jesper!$R$2:$R$366,ROW(INDEX(Jesper!AL$2:AL$366,ROUNDDOWN($C7013/24,0)+1,1))-1)+IF('Standard Profiles'!$G$22=$B$10,7,0)+IF('Standard Profiles'!$G$22=$B$17,14,0)+IF('Standard Profiles'!$G$22=$B$24,21,0),MOD($C7013,24)+1)/SUM(INDEX($D$3:$AA$30,INDEX(Jesper!$R$2:$R$366,ROW(INDEX(Jesper!AL$2:AL$366,ROUNDDOWN($C7013/24,0)+1,1))-1)+IF('Standard Profiles'!$G$22=$B$10,7,0)+IF('Standard Profiles'!$G$22=$B$17,14,0)+IF('Standard Profiles'!$G$22=$B$24,21,0),0)),0)</f>
        <v>0</v>
      </c>
      <c r="I7013">
        <f t="shared" si="783"/>
        <v>0.37261606636711114</v>
      </c>
      <c r="J7013">
        <f t="shared" si="784"/>
        <v>1.2420535545570373</v>
      </c>
      <c r="K7013">
        <f t="shared" si="785"/>
        <v>1.8630803318355558</v>
      </c>
      <c r="L7013">
        <f t="shared" si="786"/>
        <v>8.942785592810667</v>
      </c>
      <c r="M7013">
        <f t="shared" si="787"/>
        <v>0</v>
      </c>
      <c r="N7013" s="46">
        <f t="shared" si="788"/>
        <v>45582.79166664974</v>
      </c>
    </row>
    <row r="7014" spans="2:14" x14ac:dyDescent="0.3">
      <c r="B7014">
        <f t="shared" si="782"/>
        <v>4</v>
      </c>
      <c r="C7014" s="16">
        <v>6980</v>
      </c>
      <c r="D7014" cm="1">
        <f t="array" ref="D7014">IFERROR(INDEX(Jesper!AH$2:AH$366,ROUNDDOWN($C7014/24,0)+1,1)*INDEX($D$3:$AA$30,INDEX(Jesper!$R$2:$R$366,ROW(INDEX(Jesper!AH$2:AH$366,ROUNDDOWN($C7014/24,0)+1,1))-1)+IF('Standard Profiles'!$G$18=$B$10,7,0)+IF('Standard Profiles'!$G$18=$B$17,14,0)+IF('Standard Profiles'!$G$18=$B$24,21,0),MOD($C7014,24)+1)/SUM(INDEX($D$3:$AA$30,INDEX(Jesper!$R$2:$R$366,ROW(INDEX(Jesper!AH$2:AH$366,ROUNDDOWN($C7014/24,0)+1,1))-1)+IF('Standard Profiles'!$G$18=$B$10,7,0)+IF('Standard Profiles'!$G$18=$B$17,14,0)+IF('Standard Profiles'!$G$18=$B$24,21,0),0)),0)</f>
        <v>9.936428436456298</v>
      </c>
      <c r="E7014" cm="1">
        <f t="array" ref="E7014">IFERROR(INDEX(Jesper!AI$2:AI$366,ROUNDDOWN($C7014/24,0)+1,1)*INDEX($D$3:$AA$30,INDEX(Jesper!$R$2:$R$366,ROW(INDEX(Jesper!AI$2:AI$366,ROUNDDOWN($C7014/24,0)+1,1))-1)+IF('Standard Profiles'!$G$19=$B$10,7,0)+IF('Standard Profiles'!$G$19=$B$17,14,0)+IF('Standard Profiles'!$G$19=$B$24,21,0),MOD($C7014,24)+1)/SUM(INDEX($D$3:$AA$30,INDEX(Jesper!$R$2:$R$366,ROW(INDEX(Jesper!AI$2:AI$366,ROUNDDOWN($C7014/24,0)+1,1))-1)+IF('Standard Profiles'!$G$19=$B$10,7,0)+IF('Standard Profiles'!$G$19=$B$17,14,0)+IF('Standard Profiles'!$G$19=$B$24,21,0),0)),0)</f>
        <v>0</v>
      </c>
      <c r="F7014" cm="1">
        <f t="array" ref="F7014">IFERROR(INDEX(Jesper!AJ$2:AJ$366,ROUNDDOWN($C7014/24,0)+1,1)*INDEX($D$3:$AA$30,INDEX(Jesper!$R$2:$R$366,ROW(INDEX(Jesper!AJ$2:AJ$366,ROUNDDOWN($C7014/24,0)+1,1))-1)+IF('Standard Profiles'!$G$20=$B$10,7,0)+IF('Standard Profiles'!$G$20=$B$17,14,0)+IF('Standard Profiles'!$G$20=$B$24,21,0),MOD($C7014,24)+1)/SUM(INDEX($D$3:$AA$30,INDEX(Jesper!$R$2:$R$366,ROW(INDEX(Jesper!AJ$2:AJ$366,ROUNDDOWN($C7014/24,0)+1,1))-1)+IF('Standard Profiles'!$G$20=$B$10,7,0)+IF('Standard Profiles'!$G$20=$B$17,14,0)+IF('Standard Profiles'!$G$20=$B$24,21,0),0)),0)</f>
        <v>0</v>
      </c>
      <c r="G7014" cm="1">
        <f t="array" ref="G7014">IFERROR(INDEX(Jesper!AK$2:AK$366,ROUNDDOWN($C7014/24,0)+1,1)*INDEX($D$3:$AA$30,INDEX(Jesper!$R$2:$R$366,ROW(INDEX(Jesper!AK$2:AK$366,ROUNDDOWN($C7014/24,0)+1,1))-1)+IF('Standard Profiles'!$G$21=$B$10,7,0)+IF('Standard Profiles'!$G$21=$B$17,14,0)+IF('Standard Profiles'!$G$21=$B$24,21,0),MOD($C7014,24)+1)/SUM(INDEX($D$3:$AA$30,INDEX(Jesper!$R$2:$R$366,ROW(INDEX(Jesper!AK$2:AK$366,ROUNDDOWN($C7014/24,0)+1,1))-1)+IF('Standard Profiles'!$G$21=$B$10,7,0)+IF('Standard Profiles'!$G$21=$B$17,14,0)+IF('Standard Profiles'!$G$21=$B$24,21,0),0)),0)</f>
        <v>0</v>
      </c>
      <c r="H7014" cm="1">
        <f t="array" ref="H7014">IFERROR(INDEX(Jesper!AL$2:AL$366,ROUNDDOWN($C7014/24,0)+1,1)*INDEX($D$3:$AA$30,INDEX(Jesper!$R$2:$R$366,ROW(INDEX(Jesper!AL$2:AL$366,ROUNDDOWN($C7014/24,0)+1,1))-1)+IF('Standard Profiles'!$G$22=$B$10,7,0)+IF('Standard Profiles'!$G$22=$B$17,14,0)+IF('Standard Profiles'!$G$22=$B$24,21,0),MOD($C7014,24)+1)/SUM(INDEX($D$3:$AA$30,INDEX(Jesper!$R$2:$R$366,ROW(INDEX(Jesper!AL$2:AL$366,ROUNDDOWN($C7014/24,0)+1,1))-1)+IF('Standard Profiles'!$G$22=$B$10,7,0)+IF('Standard Profiles'!$G$22=$B$17,14,0)+IF('Standard Profiles'!$G$22=$B$24,21,0),0)),0)</f>
        <v>0</v>
      </c>
      <c r="I7014">
        <f t="shared" si="783"/>
        <v>0.29809285309368894</v>
      </c>
      <c r="J7014">
        <f t="shared" si="784"/>
        <v>0.99364284364562983</v>
      </c>
      <c r="K7014">
        <f t="shared" si="785"/>
        <v>1.4904642654684446</v>
      </c>
      <c r="L7014">
        <f t="shared" si="786"/>
        <v>7.1542284742485345</v>
      </c>
      <c r="M7014">
        <f t="shared" si="787"/>
        <v>0</v>
      </c>
      <c r="N7014" s="46">
        <f t="shared" si="788"/>
        <v>45582.833333316405</v>
      </c>
    </row>
    <row r="7015" spans="2:14" x14ac:dyDescent="0.3">
      <c r="B7015">
        <f t="shared" si="782"/>
        <v>4</v>
      </c>
      <c r="C7015" s="16">
        <v>6981</v>
      </c>
      <c r="D7015" cm="1">
        <f t="array" ref="D7015">IFERROR(INDEX(Jesper!AH$2:AH$366,ROUNDDOWN($C7015/24,0)+1,1)*INDEX($D$3:$AA$30,INDEX(Jesper!$R$2:$R$366,ROW(INDEX(Jesper!AH$2:AH$366,ROUNDDOWN($C7015/24,0)+1,1))-1)+IF('Standard Profiles'!$G$18=$B$10,7,0)+IF('Standard Profiles'!$G$18=$B$17,14,0)+IF('Standard Profiles'!$G$18=$B$24,21,0),MOD($C7015,24)+1)/SUM(INDEX($D$3:$AA$30,INDEX(Jesper!$R$2:$R$366,ROW(INDEX(Jesper!AH$2:AH$366,ROUNDDOWN($C7015/24,0)+1,1))-1)+IF('Standard Profiles'!$G$18=$B$10,7,0)+IF('Standard Profiles'!$G$18=$B$17,14,0)+IF('Standard Profiles'!$G$18=$B$24,21,0),0)),0)</f>
        <v>7.4523213273422231</v>
      </c>
      <c r="E7015" cm="1">
        <f t="array" ref="E7015">IFERROR(INDEX(Jesper!AI$2:AI$366,ROUNDDOWN($C7015/24,0)+1,1)*INDEX($D$3:$AA$30,INDEX(Jesper!$R$2:$R$366,ROW(INDEX(Jesper!AI$2:AI$366,ROUNDDOWN($C7015/24,0)+1,1))-1)+IF('Standard Profiles'!$G$19=$B$10,7,0)+IF('Standard Profiles'!$G$19=$B$17,14,0)+IF('Standard Profiles'!$G$19=$B$24,21,0),MOD($C7015,24)+1)/SUM(INDEX($D$3:$AA$30,INDEX(Jesper!$R$2:$R$366,ROW(INDEX(Jesper!AI$2:AI$366,ROUNDDOWN($C7015/24,0)+1,1))-1)+IF('Standard Profiles'!$G$19=$B$10,7,0)+IF('Standard Profiles'!$G$19=$B$17,14,0)+IF('Standard Profiles'!$G$19=$B$24,21,0),0)),0)</f>
        <v>0</v>
      </c>
      <c r="F7015" cm="1">
        <f t="array" ref="F7015">IFERROR(INDEX(Jesper!AJ$2:AJ$366,ROUNDDOWN($C7015/24,0)+1,1)*INDEX($D$3:$AA$30,INDEX(Jesper!$R$2:$R$366,ROW(INDEX(Jesper!AJ$2:AJ$366,ROUNDDOWN($C7015/24,0)+1,1))-1)+IF('Standard Profiles'!$G$20=$B$10,7,0)+IF('Standard Profiles'!$G$20=$B$17,14,0)+IF('Standard Profiles'!$G$20=$B$24,21,0),MOD($C7015,24)+1)/SUM(INDEX($D$3:$AA$30,INDEX(Jesper!$R$2:$R$366,ROW(INDEX(Jesper!AJ$2:AJ$366,ROUNDDOWN($C7015/24,0)+1,1))-1)+IF('Standard Profiles'!$G$20=$B$10,7,0)+IF('Standard Profiles'!$G$20=$B$17,14,0)+IF('Standard Profiles'!$G$20=$B$24,21,0),0)),0)</f>
        <v>0</v>
      </c>
      <c r="G7015" cm="1">
        <f t="array" ref="G7015">IFERROR(INDEX(Jesper!AK$2:AK$366,ROUNDDOWN($C7015/24,0)+1,1)*INDEX($D$3:$AA$30,INDEX(Jesper!$R$2:$R$366,ROW(INDEX(Jesper!AK$2:AK$366,ROUNDDOWN($C7015/24,0)+1,1))-1)+IF('Standard Profiles'!$G$21=$B$10,7,0)+IF('Standard Profiles'!$G$21=$B$17,14,0)+IF('Standard Profiles'!$G$21=$B$24,21,0),MOD($C7015,24)+1)/SUM(INDEX($D$3:$AA$30,INDEX(Jesper!$R$2:$R$366,ROW(INDEX(Jesper!AK$2:AK$366,ROUNDDOWN($C7015/24,0)+1,1))-1)+IF('Standard Profiles'!$G$21=$B$10,7,0)+IF('Standard Profiles'!$G$21=$B$17,14,0)+IF('Standard Profiles'!$G$21=$B$24,21,0),0)),0)</f>
        <v>0</v>
      </c>
      <c r="H7015" cm="1">
        <f t="array" ref="H7015">IFERROR(INDEX(Jesper!AL$2:AL$366,ROUNDDOWN($C7015/24,0)+1,1)*INDEX($D$3:$AA$30,INDEX(Jesper!$R$2:$R$366,ROW(INDEX(Jesper!AL$2:AL$366,ROUNDDOWN($C7015/24,0)+1,1))-1)+IF('Standard Profiles'!$G$22=$B$10,7,0)+IF('Standard Profiles'!$G$22=$B$17,14,0)+IF('Standard Profiles'!$G$22=$B$24,21,0),MOD($C7015,24)+1)/SUM(INDEX($D$3:$AA$30,INDEX(Jesper!$R$2:$R$366,ROW(INDEX(Jesper!AL$2:AL$366,ROUNDDOWN($C7015/24,0)+1,1))-1)+IF('Standard Profiles'!$G$22=$B$10,7,0)+IF('Standard Profiles'!$G$22=$B$17,14,0)+IF('Standard Profiles'!$G$22=$B$24,21,0),0)),0)</f>
        <v>0</v>
      </c>
      <c r="I7015">
        <f t="shared" si="783"/>
        <v>0.22356963982026667</v>
      </c>
      <c r="J7015">
        <f t="shared" si="784"/>
        <v>0.7452321327342224</v>
      </c>
      <c r="K7015">
        <f t="shared" si="785"/>
        <v>1.1178481991013334</v>
      </c>
      <c r="L7015">
        <f t="shared" si="786"/>
        <v>5.3656713556864002</v>
      </c>
      <c r="M7015">
        <f t="shared" si="787"/>
        <v>0</v>
      </c>
      <c r="N7015" s="46">
        <f t="shared" si="788"/>
        <v>45582.874999983069</v>
      </c>
    </row>
    <row r="7016" spans="2:14" x14ac:dyDescent="0.3">
      <c r="B7016">
        <f t="shared" si="782"/>
        <v>4</v>
      </c>
      <c r="C7016" s="16">
        <v>6982</v>
      </c>
      <c r="D7016" cm="1">
        <f t="array" ref="D7016">IFERROR(INDEX(Jesper!AH$2:AH$366,ROUNDDOWN($C7016/24,0)+1,1)*INDEX($D$3:$AA$30,INDEX(Jesper!$R$2:$R$366,ROW(INDEX(Jesper!AH$2:AH$366,ROUNDDOWN($C7016/24,0)+1,1))-1)+IF('Standard Profiles'!$G$18=$B$10,7,0)+IF('Standard Profiles'!$G$18=$B$17,14,0)+IF('Standard Profiles'!$G$18=$B$24,21,0),MOD($C7016,24)+1)/SUM(INDEX($D$3:$AA$30,INDEX(Jesper!$R$2:$R$366,ROW(INDEX(Jesper!AH$2:AH$366,ROUNDDOWN($C7016/24,0)+1,1))-1)+IF('Standard Profiles'!$G$18=$B$10,7,0)+IF('Standard Profiles'!$G$18=$B$17,14,0)+IF('Standard Profiles'!$G$18=$B$24,21,0),0)),0)</f>
        <v>7.4523213273422231</v>
      </c>
      <c r="E7016" cm="1">
        <f t="array" ref="E7016">IFERROR(INDEX(Jesper!AI$2:AI$366,ROUNDDOWN($C7016/24,0)+1,1)*INDEX($D$3:$AA$30,INDEX(Jesper!$R$2:$R$366,ROW(INDEX(Jesper!AI$2:AI$366,ROUNDDOWN($C7016/24,0)+1,1))-1)+IF('Standard Profiles'!$G$19=$B$10,7,0)+IF('Standard Profiles'!$G$19=$B$17,14,0)+IF('Standard Profiles'!$G$19=$B$24,21,0),MOD($C7016,24)+1)/SUM(INDEX($D$3:$AA$30,INDEX(Jesper!$R$2:$R$366,ROW(INDEX(Jesper!AI$2:AI$366,ROUNDDOWN($C7016/24,0)+1,1))-1)+IF('Standard Profiles'!$G$19=$B$10,7,0)+IF('Standard Profiles'!$G$19=$B$17,14,0)+IF('Standard Profiles'!$G$19=$B$24,21,0),0)),0)</f>
        <v>0</v>
      </c>
      <c r="F7016" cm="1">
        <f t="array" ref="F7016">IFERROR(INDEX(Jesper!AJ$2:AJ$366,ROUNDDOWN($C7016/24,0)+1,1)*INDEX($D$3:$AA$30,INDEX(Jesper!$R$2:$R$366,ROW(INDEX(Jesper!AJ$2:AJ$366,ROUNDDOWN($C7016/24,0)+1,1))-1)+IF('Standard Profiles'!$G$20=$B$10,7,0)+IF('Standard Profiles'!$G$20=$B$17,14,0)+IF('Standard Profiles'!$G$20=$B$24,21,0),MOD($C7016,24)+1)/SUM(INDEX($D$3:$AA$30,INDEX(Jesper!$R$2:$R$366,ROW(INDEX(Jesper!AJ$2:AJ$366,ROUNDDOWN($C7016/24,0)+1,1))-1)+IF('Standard Profiles'!$G$20=$B$10,7,0)+IF('Standard Profiles'!$G$20=$B$17,14,0)+IF('Standard Profiles'!$G$20=$B$24,21,0),0)),0)</f>
        <v>0</v>
      </c>
      <c r="G7016" cm="1">
        <f t="array" ref="G7016">IFERROR(INDEX(Jesper!AK$2:AK$366,ROUNDDOWN($C7016/24,0)+1,1)*INDEX($D$3:$AA$30,INDEX(Jesper!$R$2:$R$366,ROW(INDEX(Jesper!AK$2:AK$366,ROUNDDOWN($C7016/24,0)+1,1))-1)+IF('Standard Profiles'!$G$21=$B$10,7,0)+IF('Standard Profiles'!$G$21=$B$17,14,0)+IF('Standard Profiles'!$G$21=$B$24,21,0),MOD($C7016,24)+1)/SUM(INDEX($D$3:$AA$30,INDEX(Jesper!$R$2:$R$366,ROW(INDEX(Jesper!AK$2:AK$366,ROUNDDOWN($C7016/24,0)+1,1))-1)+IF('Standard Profiles'!$G$21=$B$10,7,0)+IF('Standard Profiles'!$G$21=$B$17,14,0)+IF('Standard Profiles'!$G$21=$B$24,21,0),0)),0)</f>
        <v>0</v>
      </c>
      <c r="H7016" cm="1">
        <f t="array" ref="H7016">IFERROR(INDEX(Jesper!AL$2:AL$366,ROUNDDOWN($C7016/24,0)+1,1)*INDEX($D$3:$AA$30,INDEX(Jesper!$R$2:$R$366,ROW(INDEX(Jesper!AL$2:AL$366,ROUNDDOWN($C7016/24,0)+1,1))-1)+IF('Standard Profiles'!$G$22=$B$10,7,0)+IF('Standard Profiles'!$G$22=$B$17,14,0)+IF('Standard Profiles'!$G$22=$B$24,21,0),MOD($C7016,24)+1)/SUM(INDEX($D$3:$AA$30,INDEX(Jesper!$R$2:$R$366,ROW(INDEX(Jesper!AL$2:AL$366,ROUNDDOWN($C7016/24,0)+1,1))-1)+IF('Standard Profiles'!$G$22=$B$10,7,0)+IF('Standard Profiles'!$G$22=$B$17,14,0)+IF('Standard Profiles'!$G$22=$B$24,21,0),0)),0)</f>
        <v>0</v>
      </c>
      <c r="I7016">
        <f t="shared" si="783"/>
        <v>0.22356963982026667</v>
      </c>
      <c r="J7016">
        <f t="shared" si="784"/>
        <v>0.7452321327342224</v>
      </c>
      <c r="K7016">
        <f t="shared" si="785"/>
        <v>1.1178481991013334</v>
      </c>
      <c r="L7016">
        <f t="shared" si="786"/>
        <v>5.3656713556864002</v>
      </c>
      <c r="M7016">
        <f t="shared" si="787"/>
        <v>0</v>
      </c>
      <c r="N7016" s="46">
        <f t="shared" si="788"/>
        <v>45582.916666649733</v>
      </c>
    </row>
    <row r="7017" spans="2:14" x14ac:dyDescent="0.3">
      <c r="B7017">
        <f t="shared" si="782"/>
        <v>4</v>
      </c>
      <c r="C7017" s="16">
        <v>6983</v>
      </c>
      <c r="D7017" cm="1">
        <f t="array" ref="D7017">IFERROR(INDEX(Jesper!AH$2:AH$366,ROUNDDOWN($C7017/24,0)+1,1)*INDEX($D$3:$AA$30,INDEX(Jesper!$R$2:$R$366,ROW(INDEX(Jesper!AH$2:AH$366,ROUNDDOWN($C7017/24,0)+1,1))-1)+IF('Standard Profiles'!$G$18=$B$10,7,0)+IF('Standard Profiles'!$G$18=$B$17,14,0)+IF('Standard Profiles'!$G$18=$B$24,21,0),MOD($C7017,24)+1)/SUM(INDEX($D$3:$AA$30,INDEX(Jesper!$R$2:$R$366,ROW(INDEX(Jesper!AH$2:AH$366,ROUNDDOWN($C7017/24,0)+1,1))-1)+IF('Standard Profiles'!$G$18=$B$10,7,0)+IF('Standard Profiles'!$G$18=$B$17,14,0)+IF('Standard Profiles'!$G$18=$B$24,21,0),0)),0)</f>
        <v>7.4523213273422231</v>
      </c>
      <c r="E7017" cm="1">
        <f t="array" ref="E7017">IFERROR(INDEX(Jesper!AI$2:AI$366,ROUNDDOWN($C7017/24,0)+1,1)*INDEX($D$3:$AA$30,INDEX(Jesper!$R$2:$R$366,ROW(INDEX(Jesper!AI$2:AI$366,ROUNDDOWN($C7017/24,0)+1,1))-1)+IF('Standard Profiles'!$G$19=$B$10,7,0)+IF('Standard Profiles'!$G$19=$B$17,14,0)+IF('Standard Profiles'!$G$19=$B$24,21,0),MOD($C7017,24)+1)/SUM(INDEX($D$3:$AA$30,INDEX(Jesper!$R$2:$R$366,ROW(INDEX(Jesper!AI$2:AI$366,ROUNDDOWN($C7017/24,0)+1,1))-1)+IF('Standard Profiles'!$G$19=$B$10,7,0)+IF('Standard Profiles'!$G$19=$B$17,14,0)+IF('Standard Profiles'!$G$19=$B$24,21,0),0)),0)</f>
        <v>0</v>
      </c>
      <c r="F7017" cm="1">
        <f t="array" ref="F7017">IFERROR(INDEX(Jesper!AJ$2:AJ$366,ROUNDDOWN($C7017/24,0)+1,1)*INDEX($D$3:$AA$30,INDEX(Jesper!$R$2:$R$366,ROW(INDEX(Jesper!AJ$2:AJ$366,ROUNDDOWN($C7017/24,0)+1,1))-1)+IF('Standard Profiles'!$G$20=$B$10,7,0)+IF('Standard Profiles'!$G$20=$B$17,14,0)+IF('Standard Profiles'!$G$20=$B$24,21,0),MOD($C7017,24)+1)/SUM(INDEX($D$3:$AA$30,INDEX(Jesper!$R$2:$R$366,ROW(INDEX(Jesper!AJ$2:AJ$366,ROUNDDOWN($C7017/24,0)+1,1))-1)+IF('Standard Profiles'!$G$20=$B$10,7,0)+IF('Standard Profiles'!$G$20=$B$17,14,0)+IF('Standard Profiles'!$G$20=$B$24,21,0),0)),0)</f>
        <v>0</v>
      </c>
      <c r="G7017" cm="1">
        <f t="array" ref="G7017">IFERROR(INDEX(Jesper!AK$2:AK$366,ROUNDDOWN($C7017/24,0)+1,1)*INDEX($D$3:$AA$30,INDEX(Jesper!$R$2:$R$366,ROW(INDEX(Jesper!AK$2:AK$366,ROUNDDOWN($C7017/24,0)+1,1))-1)+IF('Standard Profiles'!$G$21=$B$10,7,0)+IF('Standard Profiles'!$G$21=$B$17,14,0)+IF('Standard Profiles'!$G$21=$B$24,21,0),MOD($C7017,24)+1)/SUM(INDEX($D$3:$AA$30,INDEX(Jesper!$R$2:$R$366,ROW(INDEX(Jesper!AK$2:AK$366,ROUNDDOWN($C7017/24,0)+1,1))-1)+IF('Standard Profiles'!$G$21=$B$10,7,0)+IF('Standard Profiles'!$G$21=$B$17,14,0)+IF('Standard Profiles'!$G$21=$B$24,21,0),0)),0)</f>
        <v>0</v>
      </c>
      <c r="H7017" cm="1">
        <f t="array" ref="H7017">IFERROR(INDEX(Jesper!AL$2:AL$366,ROUNDDOWN($C7017/24,0)+1,1)*INDEX($D$3:$AA$30,INDEX(Jesper!$R$2:$R$366,ROW(INDEX(Jesper!AL$2:AL$366,ROUNDDOWN($C7017/24,0)+1,1))-1)+IF('Standard Profiles'!$G$22=$B$10,7,0)+IF('Standard Profiles'!$G$22=$B$17,14,0)+IF('Standard Profiles'!$G$22=$B$24,21,0),MOD($C7017,24)+1)/SUM(INDEX($D$3:$AA$30,INDEX(Jesper!$R$2:$R$366,ROW(INDEX(Jesper!AL$2:AL$366,ROUNDDOWN($C7017/24,0)+1,1))-1)+IF('Standard Profiles'!$G$22=$B$10,7,0)+IF('Standard Profiles'!$G$22=$B$17,14,0)+IF('Standard Profiles'!$G$22=$B$24,21,0),0)),0)</f>
        <v>0</v>
      </c>
      <c r="I7017">
        <f t="shared" si="783"/>
        <v>0.22356963982026667</v>
      </c>
      <c r="J7017">
        <f t="shared" si="784"/>
        <v>0.7452321327342224</v>
      </c>
      <c r="K7017">
        <f t="shared" si="785"/>
        <v>1.1178481991013334</v>
      </c>
      <c r="L7017">
        <f t="shared" si="786"/>
        <v>5.3656713556864002</v>
      </c>
      <c r="M7017">
        <f t="shared" si="787"/>
        <v>0</v>
      </c>
      <c r="N7017" s="46">
        <f t="shared" si="788"/>
        <v>45582.958333316397</v>
      </c>
    </row>
    <row r="7018" spans="2:14" x14ac:dyDescent="0.3">
      <c r="B7018">
        <f t="shared" si="782"/>
        <v>5</v>
      </c>
      <c r="C7018" s="16">
        <v>6984</v>
      </c>
      <c r="D7018" cm="1">
        <f t="array" ref="D7018">IFERROR(INDEX(Jesper!AH$2:AH$366,ROUNDDOWN($C7018/24,0)+1,1)*INDEX($D$3:$AA$30,INDEX(Jesper!$R$2:$R$366,ROW(INDEX(Jesper!AH$2:AH$366,ROUNDDOWN($C7018/24,0)+1,1))-1)+IF('Standard Profiles'!$G$18=$B$10,7,0)+IF('Standard Profiles'!$G$18=$B$17,14,0)+IF('Standard Profiles'!$G$18=$B$24,21,0),MOD($C7018,24)+1)/SUM(INDEX($D$3:$AA$30,INDEX(Jesper!$R$2:$R$366,ROW(INDEX(Jesper!AH$2:AH$366,ROUNDDOWN($C7018/24,0)+1,1))-1)+IF('Standard Profiles'!$G$18=$B$10,7,0)+IF('Standard Profiles'!$G$18=$B$17,14,0)+IF('Standard Profiles'!$G$18=$B$24,21,0),0)),0)</f>
        <v>8.5006399578143839</v>
      </c>
      <c r="E7018" cm="1">
        <f t="array" ref="E7018">IFERROR(INDEX(Jesper!AI$2:AI$366,ROUNDDOWN($C7018/24,0)+1,1)*INDEX($D$3:$AA$30,INDEX(Jesper!$R$2:$R$366,ROW(INDEX(Jesper!AI$2:AI$366,ROUNDDOWN($C7018/24,0)+1,1))-1)+IF('Standard Profiles'!$G$19=$B$10,7,0)+IF('Standard Profiles'!$G$19=$B$17,14,0)+IF('Standard Profiles'!$G$19=$B$24,21,0),MOD($C7018,24)+1)/SUM(INDEX($D$3:$AA$30,INDEX(Jesper!$R$2:$R$366,ROW(INDEX(Jesper!AI$2:AI$366,ROUNDDOWN($C7018/24,0)+1,1))-1)+IF('Standard Profiles'!$G$19=$B$10,7,0)+IF('Standard Profiles'!$G$19=$B$17,14,0)+IF('Standard Profiles'!$G$19=$B$24,21,0),0)),0)</f>
        <v>0</v>
      </c>
      <c r="F7018" cm="1">
        <f t="array" ref="F7018">IFERROR(INDEX(Jesper!AJ$2:AJ$366,ROUNDDOWN($C7018/24,0)+1,1)*INDEX($D$3:$AA$30,INDEX(Jesper!$R$2:$R$366,ROW(INDEX(Jesper!AJ$2:AJ$366,ROUNDDOWN($C7018/24,0)+1,1))-1)+IF('Standard Profiles'!$G$20=$B$10,7,0)+IF('Standard Profiles'!$G$20=$B$17,14,0)+IF('Standard Profiles'!$G$20=$B$24,21,0),MOD($C7018,24)+1)/SUM(INDEX($D$3:$AA$30,INDEX(Jesper!$R$2:$R$366,ROW(INDEX(Jesper!AJ$2:AJ$366,ROUNDDOWN($C7018/24,0)+1,1))-1)+IF('Standard Profiles'!$G$20=$B$10,7,0)+IF('Standard Profiles'!$G$20=$B$17,14,0)+IF('Standard Profiles'!$G$20=$B$24,21,0),0)),0)</f>
        <v>0</v>
      </c>
      <c r="G7018" cm="1">
        <f t="array" ref="G7018">IFERROR(INDEX(Jesper!AK$2:AK$366,ROUNDDOWN($C7018/24,0)+1,1)*INDEX($D$3:$AA$30,INDEX(Jesper!$R$2:$R$366,ROW(INDEX(Jesper!AK$2:AK$366,ROUNDDOWN($C7018/24,0)+1,1))-1)+IF('Standard Profiles'!$G$21=$B$10,7,0)+IF('Standard Profiles'!$G$21=$B$17,14,0)+IF('Standard Profiles'!$G$21=$B$24,21,0),MOD($C7018,24)+1)/SUM(INDEX($D$3:$AA$30,INDEX(Jesper!$R$2:$R$366,ROW(INDEX(Jesper!AK$2:AK$366,ROUNDDOWN($C7018/24,0)+1,1))-1)+IF('Standard Profiles'!$G$21=$B$10,7,0)+IF('Standard Profiles'!$G$21=$B$17,14,0)+IF('Standard Profiles'!$G$21=$B$24,21,0),0)),0)</f>
        <v>0</v>
      </c>
      <c r="H7018" cm="1">
        <f t="array" ref="H7018">IFERROR(INDEX(Jesper!AL$2:AL$366,ROUNDDOWN($C7018/24,0)+1,1)*INDEX($D$3:$AA$30,INDEX(Jesper!$R$2:$R$366,ROW(INDEX(Jesper!AL$2:AL$366,ROUNDDOWN($C7018/24,0)+1,1))-1)+IF('Standard Profiles'!$G$22=$B$10,7,0)+IF('Standard Profiles'!$G$22=$B$17,14,0)+IF('Standard Profiles'!$G$22=$B$24,21,0),MOD($C7018,24)+1)/SUM(INDEX($D$3:$AA$30,INDEX(Jesper!$R$2:$R$366,ROW(INDEX(Jesper!AL$2:AL$366,ROUNDDOWN($C7018/24,0)+1,1))-1)+IF('Standard Profiles'!$G$22=$B$10,7,0)+IF('Standard Profiles'!$G$22=$B$17,14,0)+IF('Standard Profiles'!$G$22=$B$24,21,0),0)),0)</f>
        <v>0</v>
      </c>
      <c r="I7018">
        <f t="shared" si="783"/>
        <v>0.25501919873443152</v>
      </c>
      <c r="J7018">
        <f t="shared" si="784"/>
        <v>0.85006399578143843</v>
      </c>
      <c r="K7018">
        <f t="shared" si="785"/>
        <v>1.2750959936721575</v>
      </c>
      <c r="L7018">
        <f t="shared" si="786"/>
        <v>6.120460769626356</v>
      </c>
      <c r="M7018">
        <f t="shared" si="787"/>
        <v>0</v>
      </c>
      <c r="N7018" s="46">
        <f t="shared" si="788"/>
        <v>45582.999999983062</v>
      </c>
    </row>
    <row r="7019" spans="2:14" x14ac:dyDescent="0.3">
      <c r="B7019">
        <f t="shared" si="782"/>
        <v>5</v>
      </c>
      <c r="C7019" s="16">
        <v>6985</v>
      </c>
      <c r="D7019" cm="1">
        <f t="array" ref="D7019">IFERROR(INDEX(Jesper!AH$2:AH$366,ROUNDDOWN($C7019/24,0)+1,1)*INDEX($D$3:$AA$30,INDEX(Jesper!$R$2:$R$366,ROW(INDEX(Jesper!AH$2:AH$366,ROUNDDOWN($C7019/24,0)+1,1))-1)+IF('Standard Profiles'!$G$18=$B$10,7,0)+IF('Standard Profiles'!$G$18=$B$17,14,0)+IF('Standard Profiles'!$G$18=$B$24,21,0),MOD($C7019,24)+1)/SUM(INDEX($D$3:$AA$30,INDEX(Jesper!$R$2:$R$366,ROW(INDEX(Jesper!AH$2:AH$366,ROUNDDOWN($C7019/24,0)+1,1))-1)+IF('Standard Profiles'!$G$18=$B$10,7,0)+IF('Standard Profiles'!$G$18=$B$17,14,0)+IF('Standard Profiles'!$G$18=$B$24,21,0),0)),0)</f>
        <v>8.5006399578143839</v>
      </c>
      <c r="E7019" cm="1">
        <f t="array" ref="E7019">IFERROR(INDEX(Jesper!AI$2:AI$366,ROUNDDOWN($C7019/24,0)+1,1)*INDEX($D$3:$AA$30,INDEX(Jesper!$R$2:$R$366,ROW(INDEX(Jesper!AI$2:AI$366,ROUNDDOWN($C7019/24,0)+1,1))-1)+IF('Standard Profiles'!$G$19=$B$10,7,0)+IF('Standard Profiles'!$G$19=$B$17,14,0)+IF('Standard Profiles'!$G$19=$B$24,21,0),MOD($C7019,24)+1)/SUM(INDEX($D$3:$AA$30,INDEX(Jesper!$R$2:$R$366,ROW(INDEX(Jesper!AI$2:AI$366,ROUNDDOWN($C7019/24,0)+1,1))-1)+IF('Standard Profiles'!$G$19=$B$10,7,0)+IF('Standard Profiles'!$G$19=$B$17,14,0)+IF('Standard Profiles'!$G$19=$B$24,21,0),0)),0)</f>
        <v>0</v>
      </c>
      <c r="F7019" cm="1">
        <f t="array" ref="F7019">IFERROR(INDEX(Jesper!AJ$2:AJ$366,ROUNDDOWN($C7019/24,0)+1,1)*INDEX($D$3:$AA$30,INDEX(Jesper!$R$2:$R$366,ROW(INDEX(Jesper!AJ$2:AJ$366,ROUNDDOWN($C7019/24,0)+1,1))-1)+IF('Standard Profiles'!$G$20=$B$10,7,0)+IF('Standard Profiles'!$G$20=$B$17,14,0)+IF('Standard Profiles'!$G$20=$B$24,21,0),MOD($C7019,24)+1)/SUM(INDEX($D$3:$AA$30,INDEX(Jesper!$R$2:$R$366,ROW(INDEX(Jesper!AJ$2:AJ$366,ROUNDDOWN($C7019/24,0)+1,1))-1)+IF('Standard Profiles'!$G$20=$B$10,7,0)+IF('Standard Profiles'!$G$20=$B$17,14,0)+IF('Standard Profiles'!$G$20=$B$24,21,0),0)),0)</f>
        <v>0</v>
      </c>
      <c r="G7019" cm="1">
        <f t="array" ref="G7019">IFERROR(INDEX(Jesper!AK$2:AK$366,ROUNDDOWN($C7019/24,0)+1,1)*INDEX($D$3:$AA$30,INDEX(Jesper!$R$2:$R$366,ROW(INDEX(Jesper!AK$2:AK$366,ROUNDDOWN($C7019/24,0)+1,1))-1)+IF('Standard Profiles'!$G$21=$B$10,7,0)+IF('Standard Profiles'!$G$21=$B$17,14,0)+IF('Standard Profiles'!$G$21=$B$24,21,0),MOD($C7019,24)+1)/SUM(INDEX($D$3:$AA$30,INDEX(Jesper!$R$2:$R$366,ROW(INDEX(Jesper!AK$2:AK$366,ROUNDDOWN($C7019/24,0)+1,1))-1)+IF('Standard Profiles'!$G$21=$B$10,7,0)+IF('Standard Profiles'!$G$21=$B$17,14,0)+IF('Standard Profiles'!$G$21=$B$24,21,0),0)),0)</f>
        <v>0</v>
      </c>
      <c r="H7019" cm="1">
        <f t="array" ref="H7019">IFERROR(INDEX(Jesper!AL$2:AL$366,ROUNDDOWN($C7019/24,0)+1,1)*INDEX($D$3:$AA$30,INDEX(Jesper!$R$2:$R$366,ROW(INDEX(Jesper!AL$2:AL$366,ROUNDDOWN($C7019/24,0)+1,1))-1)+IF('Standard Profiles'!$G$22=$B$10,7,0)+IF('Standard Profiles'!$G$22=$B$17,14,0)+IF('Standard Profiles'!$G$22=$B$24,21,0),MOD($C7019,24)+1)/SUM(INDEX($D$3:$AA$30,INDEX(Jesper!$R$2:$R$366,ROW(INDEX(Jesper!AL$2:AL$366,ROUNDDOWN($C7019/24,0)+1,1))-1)+IF('Standard Profiles'!$G$22=$B$10,7,0)+IF('Standard Profiles'!$G$22=$B$17,14,0)+IF('Standard Profiles'!$G$22=$B$24,21,0),0)),0)</f>
        <v>0</v>
      </c>
      <c r="I7019">
        <f t="shared" si="783"/>
        <v>0.25501919873443152</v>
      </c>
      <c r="J7019">
        <f t="shared" si="784"/>
        <v>0.85006399578143843</v>
      </c>
      <c r="K7019">
        <f t="shared" si="785"/>
        <v>1.2750959936721575</v>
      </c>
      <c r="L7019">
        <f t="shared" si="786"/>
        <v>6.120460769626356</v>
      </c>
      <c r="M7019">
        <f t="shared" si="787"/>
        <v>0</v>
      </c>
      <c r="N7019" s="46">
        <f t="shared" si="788"/>
        <v>45583.041666649726</v>
      </c>
    </row>
    <row r="7020" spans="2:14" x14ac:dyDescent="0.3">
      <c r="B7020">
        <f t="shared" si="782"/>
        <v>5</v>
      </c>
      <c r="C7020" s="16">
        <v>6986</v>
      </c>
      <c r="D7020" cm="1">
        <f t="array" ref="D7020">IFERROR(INDEX(Jesper!AH$2:AH$366,ROUNDDOWN($C7020/24,0)+1,1)*INDEX($D$3:$AA$30,INDEX(Jesper!$R$2:$R$366,ROW(INDEX(Jesper!AH$2:AH$366,ROUNDDOWN($C7020/24,0)+1,1))-1)+IF('Standard Profiles'!$G$18=$B$10,7,0)+IF('Standard Profiles'!$G$18=$B$17,14,0)+IF('Standard Profiles'!$G$18=$B$24,21,0),MOD($C7020,24)+1)/SUM(INDEX($D$3:$AA$30,INDEX(Jesper!$R$2:$R$366,ROW(INDEX(Jesper!AH$2:AH$366,ROUNDDOWN($C7020/24,0)+1,1))-1)+IF('Standard Profiles'!$G$18=$B$10,7,0)+IF('Standard Profiles'!$G$18=$B$17,14,0)+IF('Standard Profiles'!$G$18=$B$24,21,0),0)),0)</f>
        <v>8.5006399578143839</v>
      </c>
      <c r="E7020" cm="1">
        <f t="array" ref="E7020">IFERROR(INDEX(Jesper!AI$2:AI$366,ROUNDDOWN($C7020/24,0)+1,1)*INDEX($D$3:$AA$30,INDEX(Jesper!$R$2:$R$366,ROW(INDEX(Jesper!AI$2:AI$366,ROUNDDOWN($C7020/24,0)+1,1))-1)+IF('Standard Profiles'!$G$19=$B$10,7,0)+IF('Standard Profiles'!$G$19=$B$17,14,0)+IF('Standard Profiles'!$G$19=$B$24,21,0),MOD($C7020,24)+1)/SUM(INDEX($D$3:$AA$30,INDEX(Jesper!$R$2:$R$366,ROW(INDEX(Jesper!AI$2:AI$366,ROUNDDOWN($C7020/24,0)+1,1))-1)+IF('Standard Profiles'!$G$19=$B$10,7,0)+IF('Standard Profiles'!$G$19=$B$17,14,0)+IF('Standard Profiles'!$G$19=$B$24,21,0),0)),0)</f>
        <v>0</v>
      </c>
      <c r="F7020" cm="1">
        <f t="array" ref="F7020">IFERROR(INDEX(Jesper!AJ$2:AJ$366,ROUNDDOWN($C7020/24,0)+1,1)*INDEX($D$3:$AA$30,INDEX(Jesper!$R$2:$R$366,ROW(INDEX(Jesper!AJ$2:AJ$366,ROUNDDOWN($C7020/24,0)+1,1))-1)+IF('Standard Profiles'!$G$20=$B$10,7,0)+IF('Standard Profiles'!$G$20=$B$17,14,0)+IF('Standard Profiles'!$G$20=$B$24,21,0),MOD($C7020,24)+1)/SUM(INDEX($D$3:$AA$30,INDEX(Jesper!$R$2:$R$366,ROW(INDEX(Jesper!AJ$2:AJ$366,ROUNDDOWN($C7020/24,0)+1,1))-1)+IF('Standard Profiles'!$G$20=$B$10,7,0)+IF('Standard Profiles'!$G$20=$B$17,14,0)+IF('Standard Profiles'!$G$20=$B$24,21,0),0)),0)</f>
        <v>0</v>
      </c>
      <c r="G7020" cm="1">
        <f t="array" ref="G7020">IFERROR(INDEX(Jesper!AK$2:AK$366,ROUNDDOWN($C7020/24,0)+1,1)*INDEX($D$3:$AA$30,INDEX(Jesper!$R$2:$R$366,ROW(INDEX(Jesper!AK$2:AK$366,ROUNDDOWN($C7020/24,0)+1,1))-1)+IF('Standard Profiles'!$G$21=$B$10,7,0)+IF('Standard Profiles'!$G$21=$B$17,14,0)+IF('Standard Profiles'!$G$21=$B$24,21,0),MOD($C7020,24)+1)/SUM(INDEX($D$3:$AA$30,INDEX(Jesper!$R$2:$R$366,ROW(INDEX(Jesper!AK$2:AK$366,ROUNDDOWN($C7020/24,0)+1,1))-1)+IF('Standard Profiles'!$G$21=$B$10,7,0)+IF('Standard Profiles'!$G$21=$B$17,14,0)+IF('Standard Profiles'!$G$21=$B$24,21,0),0)),0)</f>
        <v>0</v>
      </c>
      <c r="H7020" cm="1">
        <f t="array" ref="H7020">IFERROR(INDEX(Jesper!AL$2:AL$366,ROUNDDOWN($C7020/24,0)+1,1)*INDEX($D$3:$AA$30,INDEX(Jesper!$R$2:$R$366,ROW(INDEX(Jesper!AL$2:AL$366,ROUNDDOWN($C7020/24,0)+1,1))-1)+IF('Standard Profiles'!$G$22=$B$10,7,0)+IF('Standard Profiles'!$G$22=$B$17,14,0)+IF('Standard Profiles'!$G$22=$B$24,21,0),MOD($C7020,24)+1)/SUM(INDEX($D$3:$AA$30,INDEX(Jesper!$R$2:$R$366,ROW(INDEX(Jesper!AL$2:AL$366,ROUNDDOWN($C7020/24,0)+1,1))-1)+IF('Standard Profiles'!$G$22=$B$10,7,0)+IF('Standard Profiles'!$G$22=$B$17,14,0)+IF('Standard Profiles'!$G$22=$B$24,21,0),0)),0)</f>
        <v>0</v>
      </c>
      <c r="I7020">
        <f t="shared" si="783"/>
        <v>0.25501919873443152</v>
      </c>
      <c r="J7020">
        <f t="shared" si="784"/>
        <v>0.85006399578143843</v>
      </c>
      <c r="K7020">
        <f t="shared" si="785"/>
        <v>1.2750959936721575</v>
      </c>
      <c r="L7020">
        <f t="shared" si="786"/>
        <v>6.120460769626356</v>
      </c>
      <c r="M7020">
        <f t="shared" si="787"/>
        <v>0</v>
      </c>
      <c r="N7020" s="46">
        <f t="shared" si="788"/>
        <v>45583.08333331639</v>
      </c>
    </row>
    <row r="7021" spans="2:14" x14ac:dyDescent="0.3">
      <c r="B7021">
        <f t="shared" si="782"/>
        <v>5</v>
      </c>
      <c r="C7021" s="16">
        <v>6987</v>
      </c>
      <c r="D7021" cm="1">
        <f t="array" ref="D7021">IFERROR(INDEX(Jesper!AH$2:AH$366,ROUNDDOWN($C7021/24,0)+1,1)*INDEX($D$3:$AA$30,INDEX(Jesper!$R$2:$R$366,ROW(INDEX(Jesper!AH$2:AH$366,ROUNDDOWN($C7021/24,0)+1,1))-1)+IF('Standard Profiles'!$G$18=$B$10,7,0)+IF('Standard Profiles'!$G$18=$B$17,14,0)+IF('Standard Profiles'!$G$18=$B$24,21,0),MOD($C7021,24)+1)/SUM(INDEX($D$3:$AA$30,INDEX(Jesper!$R$2:$R$366,ROW(INDEX(Jesper!AH$2:AH$366,ROUNDDOWN($C7021/24,0)+1,1))-1)+IF('Standard Profiles'!$G$18=$B$10,7,0)+IF('Standard Profiles'!$G$18=$B$17,14,0)+IF('Standard Profiles'!$G$18=$B$24,21,0),0)),0)</f>
        <v>8.5006399578143839</v>
      </c>
      <c r="E7021" cm="1">
        <f t="array" ref="E7021">IFERROR(INDEX(Jesper!AI$2:AI$366,ROUNDDOWN($C7021/24,0)+1,1)*INDEX($D$3:$AA$30,INDEX(Jesper!$R$2:$R$366,ROW(INDEX(Jesper!AI$2:AI$366,ROUNDDOWN($C7021/24,0)+1,1))-1)+IF('Standard Profiles'!$G$19=$B$10,7,0)+IF('Standard Profiles'!$G$19=$B$17,14,0)+IF('Standard Profiles'!$G$19=$B$24,21,0),MOD($C7021,24)+1)/SUM(INDEX($D$3:$AA$30,INDEX(Jesper!$R$2:$R$366,ROW(INDEX(Jesper!AI$2:AI$366,ROUNDDOWN($C7021/24,0)+1,1))-1)+IF('Standard Profiles'!$G$19=$B$10,7,0)+IF('Standard Profiles'!$G$19=$B$17,14,0)+IF('Standard Profiles'!$G$19=$B$24,21,0),0)),0)</f>
        <v>0</v>
      </c>
      <c r="F7021" cm="1">
        <f t="array" ref="F7021">IFERROR(INDEX(Jesper!AJ$2:AJ$366,ROUNDDOWN($C7021/24,0)+1,1)*INDEX($D$3:$AA$30,INDEX(Jesper!$R$2:$R$366,ROW(INDEX(Jesper!AJ$2:AJ$366,ROUNDDOWN($C7021/24,0)+1,1))-1)+IF('Standard Profiles'!$G$20=$B$10,7,0)+IF('Standard Profiles'!$G$20=$B$17,14,0)+IF('Standard Profiles'!$G$20=$B$24,21,0),MOD($C7021,24)+1)/SUM(INDEX($D$3:$AA$30,INDEX(Jesper!$R$2:$R$366,ROW(INDEX(Jesper!AJ$2:AJ$366,ROUNDDOWN($C7021/24,0)+1,1))-1)+IF('Standard Profiles'!$G$20=$B$10,7,0)+IF('Standard Profiles'!$G$20=$B$17,14,0)+IF('Standard Profiles'!$G$20=$B$24,21,0),0)),0)</f>
        <v>0</v>
      </c>
      <c r="G7021" cm="1">
        <f t="array" ref="G7021">IFERROR(INDEX(Jesper!AK$2:AK$366,ROUNDDOWN($C7021/24,0)+1,1)*INDEX($D$3:$AA$30,INDEX(Jesper!$R$2:$R$366,ROW(INDEX(Jesper!AK$2:AK$366,ROUNDDOWN($C7021/24,0)+1,1))-1)+IF('Standard Profiles'!$G$21=$B$10,7,0)+IF('Standard Profiles'!$G$21=$B$17,14,0)+IF('Standard Profiles'!$G$21=$B$24,21,0),MOD($C7021,24)+1)/SUM(INDEX($D$3:$AA$30,INDEX(Jesper!$R$2:$R$366,ROW(INDEX(Jesper!AK$2:AK$366,ROUNDDOWN($C7021/24,0)+1,1))-1)+IF('Standard Profiles'!$G$21=$B$10,7,0)+IF('Standard Profiles'!$G$21=$B$17,14,0)+IF('Standard Profiles'!$G$21=$B$24,21,0),0)),0)</f>
        <v>0</v>
      </c>
      <c r="H7021" cm="1">
        <f t="array" ref="H7021">IFERROR(INDEX(Jesper!AL$2:AL$366,ROUNDDOWN($C7021/24,0)+1,1)*INDEX($D$3:$AA$30,INDEX(Jesper!$R$2:$R$366,ROW(INDEX(Jesper!AL$2:AL$366,ROUNDDOWN($C7021/24,0)+1,1))-1)+IF('Standard Profiles'!$G$22=$B$10,7,0)+IF('Standard Profiles'!$G$22=$B$17,14,0)+IF('Standard Profiles'!$G$22=$B$24,21,0),MOD($C7021,24)+1)/SUM(INDEX($D$3:$AA$30,INDEX(Jesper!$R$2:$R$366,ROW(INDEX(Jesper!AL$2:AL$366,ROUNDDOWN($C7021/24,0)+1,1))-1)+IF('Standard Profiles'!$G$22=$B$10,7,0)+IF('Standard Profiles'!$G$22=$B$17,14,0)+IF('Standard Profiles'!$G$22=$B$24,21,0),0)),0)</f>
        <v>0</v>
      </c>
      <c r="I7021">
        <f t="shared" si="783"/>
        <v>0.25501919873443152</v>
      </c>
      <c r="J7021">
        <f t="shared" si="784"/>
        <v>0.85006399578143843</v>
      </c>
      <c r="K7021">
        <f t="shared" si="785"/>
        <v>1.2750959936721575</v>
      </c>
      <c r="L7021">
        <f t="shared" si="786"/>
        <v>6.120460769626356</v>
      </c>
      <c r="M7021">
        <f t="shared" si="787"/>
        <v>0</v>
      </c>
      <c r="N7021" s="46">
        <f t="shared" si="788"/>
        <v>45583.124999983054</v>
      </c>
    </row>
    <row r="7022" spans="2:14" x14ac:dyDescent="0.3">
      <c r="B7022">
        <f t="shared" si="782"/>
        <v>5</v>
      </c>
      <c r="C7022" s="16">
        <v>6988</v>
      </c>
      <c r="D7022" cm="1">
        <f t="array" ref="D7022">IFERROR(INDEX(Jesper!AH$2:AH$366,ROUNDDOWN($C7022/24,0)+1,1)*INDEX($D$3:$AA$30,INDEX(Jesper!$R$2:$R$366,ROW(INDEX(Jesper!AH$2:AH$366,ROUNDDOWN($C7022/24,0)+1,1))-1)+IF('Standard Profiles'!$G$18=$B$10,7,0)+IF('Standard Profiles'!$G$18=$B$17,14,0)+IF('Standard Profiles'!$G$18=$B$24,21,0),MOD($C7022,24)+1)/SUM(INDEX($D$3:$AA$30,INDEX(Jesper!$R$2:$R$366,ROW(INDEX(Jesper!AH$2:AH$366,ROUNDDOWN($C7022/24,0)+1,1))-1)+IF('Standard Profiles'!$G$18=$B$10,7,0)+IF('Standard Profiles'!$G$18=$B$17,14,0)+IF('Standard Profiles'!$G$18=$B$24,21,0),0)),0)</f>
        <v>8.5006399578143839</v>
      </c>
      <c r="E7022" cm="1">
        <f t="array" ref="E7022">IFERROR(INDEX(Jesper!AI$2:AI$366,ROUNDDOWN($C7022/24,0)+1,1)*INDEX($D$3:$AA$30,INDEX(Jesper!$R$2:$R$366,ROW(INDEX(Jesper!AI$2:AI$366,ROUNDDOWN($C7022/24,0)+1,1))-1)+IF('Standard Profiles'!$G$19=$B$10,7,0)+IF('Standard Profiles'!$G$19=$B$17,14,0)+IF('Standard Profiles'!$G$19=$B$24,21,0),MOD($C7022,24)+1)/SUM(INDEX($D$3:$AA$30,INDEX(Jesper!$R$2:$R$366,ROW(INDEX(Jesper!AI$2:AI$366,ROUNDDOWN($C7022/24,0)+1,1))-1)+IF('Standard Profiles'!$G$19=$B$10,7,0)+IF('Standard Profiles'!$G$19=$B$17,14,0)+IF('Standard Profiles'!$G$19=$B$24,21,0),0)),0)</f>
        <v>0</v>
      </c>
      <c r="F7022" cm="1">
        <f t="array" ref="F7022">IFERROR(INDEX(Jesper!AJ$2:AJ$366,ROUNDDOWN($C7022/24,0)+1,1)*INDEX($D$3:$AA$30,INDEX(Jesper!$R$2:$R$366,ROW(INDEX(Jesper!AJ$2:AJ$366,ROUNDDOWN($C7022/24,0)+1,1))-1)+IF('Standard Profiles'!$G$20=$B$10,7,0)+IF('Standard Profiles'!$G$20=$B$17,14,0)+IF('Standard Profiles'!$G$20=$B$24,21,0),MOD($C7022,24)+1)/SUM(INDEX($D$3:$AA$30,INDEX(Jesper!$R$2:$R$366,ROW(INDEX(Jesper!AJ$2:AJ$366,ROUNDDOWN($C7022/24,0)+1,1))-1)+IF('Standard Profiles'!$G$20=$B$10,7,0)+IF('Standard Profiles'!$G$20=$B$17,14,0)+IF('Standard Profiles'!$G$20=$B$24,21,0),0)),0)</f>
        <v>0</v>
      </c>
      <c r="G7022" cm="1">
        <f t="array" ref="G7022">IFERROR(INDEX(Jesper!AK$2:AK$366,ROUNDDOWN($C7022/24,0)+1,1)*INDEX($D$3:$AA$30,INDEX(Jesper!$R$2:$R$366,ROW(INDEX(Jesper!AK$2:AK$366,ROUNDDOWN($C7022/24,0)+1,1))-1)+IF('Standard Profiles'!$G$21=$B$10,7,0)+IF('Standard Profiles'!$G$21=$B$17,14,0)+IF('Standard Profiles'!$G$21=$B$24,21,0),MOD($C7022,24)+1)/SUM(INDEX($D$3:$AA$30,INDEX(Jesper!$R$2:$R$366,ROW(INDEX(Jesper!AK$2:AK$366,ROUNDDOWN($C7022/24,0)+1,1))-1)+IF('Standard Profiles'!$G$21=$B$10,7,0)+IF('Standard Profiles'!$G$21=$B$17,14,0)+IF('Standard Profiles'!$G$21=$B$24,21,0),0)),0)</f>
        <v>0</v>
      </c>
      <c r="H7022" cm="1">
        <f t="array" ref="H7022">IFERROR(INDEX(Jesper!AL$2:AL$366,ROUNDDOWN($C7022/24,0)+1,1)*INDEX($D$3:$AA$30,INDEX(Jesper!$R$2:$R$366,ROW(INDEX(Jesper!AL$2:AL$366,ROUNDDOWN($C7022/24,0)+1,1))-1)+IF('Standard Profiles'!$G$22=$B$10,7,0)+IF('Standard Profiles'!$G$22=$B$17,14,0)+IF('Standard Profiles'!$G$22=$B$24,21,0),MOD($C7022,24)+1)/SUM(INDEX($D$3:$AA$30,INDEX(Jesper!$R$2:$R$366,ROW(INDEX(Jesper!AL$2:AL$366,ROUNDDOWN($C7022/24,0)+1,1))-1)+IF('Standard Profiles'!$G$22=$B$10,7,0)+IF('Standard Profiles'!$G$22=$B$17,14,0)+IF('Standard Profiles'!$G$22=$B$24,21,0),0)),0)</f>
        <v>0</v>
      </c>
      <c r="I7022">
        <f t="shared" si="783"/>
        <v>0.25501919873443152</v>
      </c>
      <c r="J7022">
        <f t="shared" si="784"/>
        <v>0.85006399578143843</v>
      </c>
      <c r="K7022">
        <f t="shared" si="785"/>
        <v>1.2750959936721575</v>
      </c>
      <c r="L7022">
        <f t="shared" si="786"/>
        <v>6.120460769626356</v>
      </c>
      <c r="M7022">
        <f t="shared" si="787"/>
        <v>0</v>
      </c>
      <c r="N7022" s="46">
        <f t="shared" si="788"/>
        <v>45583.166666649719</v>
      </c>
    </row>
    <row r="7023" spans="2:14" x14ac:dyDescent="0.3">
      <c r="B7023">
        <f t="shared" si="782"/>
        <v>5</v>
      </c>
      <c r="C7023" s="16">
        <v>6989</v>
      </c>
      <c r="D7023" cm="1">
        <f t="array" ref="D7023">IFERROR(INDEX(Jesper!AH$2:AH$366,ROUNDDOWN($C7023/24,0)+1,1)*INDEX($D$3:$AA$30,INDEX(Jesper!$R$2:$R$366,ROW(INDEX(Jesper!AH$2:AH$366,ROUNDDOWN($C7023/24,0)+1,1))-1)+IF('Standard Profiles'!$G$18=$B$10,7,0)+IF('Standard Profiles'!$G$18=$B$17,14,0)+IF('Standard Profiles'!$G$18=$B$24,21,0),MOD($C7023,24)+1)/SUM(INDEX($D$3:$AA$30,INDEX(Jesper!$R$2:$R$366,ROW(INDEX(Jesper!AH$2:AH$366,ROUNDDOWN($C7023/24,0)+1,1))-1)+IF('Standard Profiles'!$G$18=$B$10,7,0)+IF('Standard Profiles'!$G$18=$B$17,14,0)+IF('Standard Profiles'!$G$18=$B$24,21,0),0)),0)</f>
        <v>10.956380390071873</v>
      </c>
      <c r="E7023" cm="1">
        <f t="array" ref="E7023">IFERROR(INDEX(Jesper!AI$2:AI$366,ROUNDDOWN($C7023/24,0)+1,1)*INDEX($D$3:$AA$30,INDEX(Jesper!$R$2:$R$366,ROW(INDEX(Jesper!AI$2:AI$366,ROUNDDOWN($C7023/24,0)+1,1))-1)+IF('Standard Profiles'!$G$19=$B$10,7,0)+IF('Standard Profiles'!$G$19=$B$17,14,0)+IF('Standard Profiles'!$G$19=$B$24,21,0),MOD($C7023,24)+1)/SUM(INDEX($D$3:$AA$30,INDEX(Jesper!$R$2:$R$366,ROW(INDEX(Jesper!AI$2:AI$366,ROUNDDOWN($C7023/24,0)+1,1))-1)+IF('Standard Profiles'!$G$19=$B$10,7,0)+IF('Standard Profiles'!$G$19=$B$17,14,0)+IF('Standard Profiles'!$G$19=$B$24,21,0),0)),0)</f>
        <v>0</v>
      </c>
      <c r="F7023" cm="1">
        <f t="array" ref="F7023">IFERROR(INDEX(Jesper!AJ$2:AJ$366,ROUNDDOWN($C7023/24,0)+1,1)*INDEX($D$3:$AA$30,INDEX(Jesper!$R$2:$R$366,ROW(INDEX(Jesper!AJ$2:AJ$366,ROUNDDOWN($C7023/24,0)+1,1))-1)+IF('Standard Profiles'!$G$20=$B$10,7,0)+IF('Standard Profiles'!$G$20=$B$17,14,0)+IF('Standard Profiles'!$G$20=$B$24,21,0),MOD($C7023,24)+1)/SUM(INDEX($D$3:$AA$30,INDEX(Jesper!$R$2:$R$366,ROW(INDEX(Jesper!AJ$2:AJ$366,ROUNDDOWN($C7023/24,0)+1,1))-1)+IF('Standard Profiles'!$G$20=$B$10,7,0)+IF('Standard Profiles'!$G$20=$B$17,14,0)+IF('Standard Profiles'!$G$20=$B$24,21,0),0)),0)</f>
        <v>0</v>
      </c>
      <c r="G7023" cm="1">
        <f t="array" ref="G7023">IFERROR(INDEX(Jesper!AK$2:AK$366,ROUNDDOWN($C7023/24,0)+1,1)*INDEX($D$3:$AA$30,INDEX(Jesper!$R$2:$R$366,ROW(INDEX(Jesper!AK$2:AK$366,ROUNDDOWN($C7023/24,0)+1,1))-1)+IF('Standard Profiles'!$G$21=$B$10,7,0)+IF('Standard Profiles'!$G$21=$B$17,14,0)+IF('Standard Profiles'!$G$21=$B$24,21,0),MOD($C7023,24)+1)/SUM(INDEX($D$3:$AA$30,INDEX(Jesper!$R$2:$R$366,ROW(INDEX(Jesper!AK$2:AK$366,ROUNDDOWN($C7023/24,0)+1,1))-1)+IF('Standard Profiles'!$G$21=$B$10,7,0)+IF('Standard Profiles'!$G$21=$B$17,14,0)+IF('Standard Profiles'!$G$21=$B$24,21,0),0)),0)</f>
        <v>0</v>
      </c>
      <c r="H7023" cm="1">
        <f t="array" ref="H7023">IFERROR(INDEX(Jesper!AL$2:AL$366,ROUNDDOWN($C7023/24,0)+1,1)*INDEX($D$3:$AA$30,INDEX(Jesper!$R$2:$R$366,ROW(INDEX(Jesper!AL$2:AL$366,ROUNDDOWN($C7023/24,0)+1,1))-1)+IF('Standard Profiles'!$G$22=$B$10,7,0)+IF('Standard Profiles'!$G$22=$B$17,14,0)+IF('Standard Profiles'!$G$22=$B$24,21,0),MOD($C7023,24)+1)/SUM(INDEX($D$3:$AA$30,INDEX(Jesper!$R$2:$R$366,ROW(INDEX(Jesper!AL$2:AL$366,ROUNDDOWN($C7023/24,0)+1,1))-1)+IF('Standard Profiles'!$G$22=$B$10,7,0)+IF('Standard Profiles'!$G$22=$B$17,14,0)+IF('Standard Profiles'!$G$22=$B$24,21,0),0)),0)</f>
        <v>0</v>
      </c>
      <c r="I7023">
        <f t="shared" si="783"/>
        <v>0.32869141170215616</v>
      </c>
      <c r="J7023">
        <f t="shared" si="784"/>
        <v>1.0956380390071874</v>
      </c>
      <c r="K7023">
        <f t="shared" si="785"/>
        <v>1.6434570585107808</v>
      </c>
      <c r="L7023">
        <f t="shared" si="786"/>
        <v>7.8885938808517482</v>
      </c>
      <c r="M7023">
        <f t="shared" si="787"/>
        <v>0</v>
      </c>
      <c r="N7023" s="46">
        <f t="shared" si="788"/>
        <v>45583.208333316383</v>
      </c>
    </row>
    <row r="7024" spans="2:14" x14ac:dyDescent="0.3">
      <c r="B7024">
        <f t="shared" si="782"/>
        <v>5</v>
      </c>
      <c r="C7024" s="16">
        <v>6990</v>
      </c>
      <c r="D7024" cm="1">
        <f t="array" ref="D7024">IFERROR(INDEX(Jesper!AH$2:AH$366,ROUNDDOWN($C7024/24,0)+1,1)*INDEX($D$3:$AA$30,INDEX(Jesper!$R$2:$R$366,ROW(INDEX(Jesper!AH$2:AH$366,ROUNDDOWN($C7024/24,0)+1,1))-1)+IF('Standard Profiles'!$G$18=$B$10,7,0)+IF('Standard Profiles'!$G$18=$B$17,14,0)+IF('Standard Profiles'!$G$18=$B$24,21,0),MOD($C7024,24)+1)/SUM(INDEX($D$3:$AA$30,INDEX(Jesper!$R$2:$R$366,ROW(INDEX(Jesper!AH$2:AH$366,ROUNDDOWN($C7024/24,0)+1,1))-1)+IF('Standard Profiles'!$G$18=$B$10,7,0)+IF('Standard Profiles'!$G$18=$B$17,14,0)+IF('Standard Profiles'!$G$18=$B$24,21,0),0)),0)</f>
        <v>13.22321771215571</v>
      </c>
      <c r="E7024" cm="1">
        <f t="array" ref="E7024">IFERROR(INDEX(Jesper!AI$2:AI$366,ROUNDDOWN($C7024/24,0)+1,1)*INDEX($D$3:$AA$30,INDEX(Jesper!$R$2:$R$366,ROW(INDEX(Jesper!AI$2:AI$366,ROUNDDOWN($C7024/24,0)+1,1))-1)+IF('Standard Profiles'!$G$19=$B$10,7,0)+IF('Standard Profiles'!$G$19=$B$17,14,0)+IF('Standard Profiles'!$G$19=$B$24,21,0),MOD($C7024,24)+1)/SUM(INDEX($D$3:$AA$30,INDEX(Jesper!$R$2:$R$366,ROW(INDEX(Jesper!AI$2:AI$366,ROUNDDOWN($C7024/24,0)+1,1))-1)+IF('Standard Profiles'!$G$19=$B$10,7,0)+IF('Standard Profiles'!$G$19=$B$17,14,0)+IF('Standard Profiles'!$G$19=$B$24,21,0),0)),0)</f>
        <v>0</v>
      </c>
      <c r="F7024" cm="1">
        <f t="array" ref="F7024">IFERROR(INDEX(Jesper!AJ$2:AJ$366,ROUNDDOWN($C7024/24,0)+1,1)*INDEX($D$3:$AA$30,INDEX(Jesper!$R$2:$R$366,ROW(INDEX(Jesper!AJ$2:AJ$366,ROUNDDOWN($C7024/24,0)+1,1))-1)+IF('Standard Profiles'!$G$20=$B$10,7,0)+IF('Standard Profiles'!$G$20=$B$17,14,0)+IF('Standard Profiles'!$G$20=$B$24,21,0),MOD($C7024,24)+1)/SUM(INDEX($D$3:$AA$30,INDEX(Jesper!$R$2:$R$366,ROW(INDEX(Jesper!AJ$2:AJ$366,ROUNDDOWN($C7024/24,0)+1,1))-1)+IF('Standard Profiles'!$G$20=$B$10,7,0)+IF('Standard Profiles'!$G$20=$B$17,14,0)+IF('Standard Profiles'!$G$20=$B$24,21,0),0)),0)</f>
        <v>0</v>
      </c>
      <c r="G7024" cm="1">
        <f t="array" ref="G7024">IFERROR(INDEX(Jesper!AK$2:AK$366,ROUNDDOWN($C7024/24,0)+1,1)*INDEX($D$3:$AA$30,INDEX(Jesper!$R$2:$R$366,ROW(INDEX(Jesper!AK$2:AK$366,ROUNDDOWN($C7024/24,0)+1,1))-1)+IF('Standard Profiles'!$G$21=$B$10,7,0)+IF('Standard Profiles'!$G$21=$B$17,14,0)+IF('Standard Profiles'!$G$21=$B$24,21,0),MOD($C7024,24)+1)/SUM(INDEX($D$3:$AA$30,INDEX(Jesper!$R$2:$R$366,ROW(INDEX(Jesper!AK$2:AK$366,ROUNDDOWN($C7024/24,0)+1,1))-1)+IF('Standard Profiles'!$G$21=$B$10,7,0)+IF('Standard Profiles'!$G$21=$B$17,14,0)+IF('Standard Profiles'!$G$21=$B$24,21,0),0)),0)</f>
        <v>0</v>
      </c>
      <c r="H7024" cm="1">
        <f t="array" ref="H7024">IFERROR(INDEX(Jesper!AL$2:AL$366,ROUNDDOWN($C7024/24,0)+1,1)*INDEX($D$3:$AA$30,INDEX(Jesper!$R$2:$R$366,ROW(INDEX(Jesper!AL$2:AL$366,ROUNDDOWN($C7024/24,0)+1,1))-1)+IF('Standard Profiles'!$G$22=$B$10,7,0)+IF('Standard Profiles'!$G$22=$B$17,14,0)+IF('Standard Profiles'!$G$22=$B$24,21,0),MOD($C7024,24)+1)/SUM(INDEX($D$3:$AA$30,INDEX(Jesper!$R$2:$R$366,ROW(INDEX(Jesper!AL$2:AL$366,ROUNDDOWN($C7024/24,0)+1,1))-1)+IF('Standard Profiles'!$G$22=$B$10,7,0)+IF('Standard Profiles'!$G$22=$B$17,14,0)+IF('Standard Profiles'!$G$22=$B$24,21,0),0)),0)</f>
        <v>0</v>
      </c>
      <c r="I7024">
        <f t="shared" si="783"/>
        <v>0.39669653136467131</v>
      </c>
      <c r="J7024">
        <f t="shared" si="784"/>
        <v>1.322321771215571</v>
      </c>
      <c r="K7024">
        <f t="shared" si="785"/>
        <v>1.9834826568233566</v>
      </c>
      <c r="L7024">
        <f t="shared" si="786"/>
        <v>9.5207167527521115</v>
      </c>
      <c r="M7024">
        <f t="shared" si="787"/>
        <v>0</v>
      </c>
      <c r="N7024" s="46">
        <f t="shared" si="788"/>
        <v>45583.249999983047</v>
      </c>
    </row>
    <row r="7025" spans="2:14" x14ac:dyDescent="0.3">
      <c r="B7025">
        <f t="shared" si="782"/>
        <v>5</v>
      </c>
      <c r="C7025" s="16">
        <v>6991</v>
      </c>
      <c r="D7025" cm="1">
        <f t="array" ref="D7025">IFERROR(INDEX(Jesper!AH$2:AH$366,ROUNDDOWN($C7025/24,0)+1,1)*INDEX($D$3:$AA$30,INDEX(Jesper!$R$2:$R$366,ROW(INDEX(Jesper!AH$2:AH$366,ROUNDDOWN($C7025/24,0)+1,1))-1)+IF('Standard Profiles'!$G$18=$B$10,7,0)+IF('Standard Profiles'!$G$18=$B$17,14,0)+IF('Standard Profiles'!$G$18=$B$24,21,0),MOD($C7025,24)+1)/SUM(INDEX($D$3:$AA$30,INDEX(Jesper!$R$2:$R$366,ROW(INDEX(Jesper!AH$2:AH$366,ROUNDDOWN($C7025/24,0)+1,1))-1)+IF('Standard Profiles'!$G$18=$B$10,7,0)+IF('Standard Profiles'!$G$18=$B$17,14,0)+IF('Standard Profiles'!$G$18=$B$24,21,0),0)),0)</f>
        <v>13.22321771215571</v>
      </c>
      <c r="E7025" cm="1">
        <f t="array" ref="E7025">IFERROR(INDEX(Jesper!AI$2:AI$366,ROUNDDOWN($C7025/24,0)+1,1)*INDEX($D$3:$AA$30,INDEX(Jesper!$R$2:$R$366,ROW(INDEX(Jesper!AI$2:AI$366,ROUNDDOWN($C7025/24,0)+1,1))-1)+IF('Standard Profiles'!$G$19=$B$10,7,0)+IF('Standard Profiles'!$G$19=$B$17,14,0)+IF('Standard Profiles'!$G$19=$B$24,21,0),MOD($C7025,24)+1)/SUM(INDEX($D$3:$AA$30,INDEX(Jesper!$R$2:$R$366,ROW(INDEX(Jesper!AI$2:AI$366,ROUNDDOWN($C7025/24,0)+1,1))-1)+IF('Standard Profiles'!$G$19=$B$10,7,0)+IF('Standard Profiles'!$G$19=$B$17,14,0)+IF('Standard Profiles'!$G$19=$B$24,21,0),0)),0)</f>
        <v>0</v>
      </c>
      <c r="F7025" cm="1">
        <f t="array" ref="F7025">IFERROR(INDEX(Jesper!AJ$2:AJ$366,ROUNDDOWN($C7025/24,0)+1,1)*INDEX($D$3:$AA$30,INDEX(Jesper!$R$2:$R$366,ROW(INDEX(Jesper!AJ$2:AJ$366,ROUNDDOWN($C7025/24,0)+1,1))-1)+IF('Standard Profiles'!$G$20=$B$10,7,0)+IF('Standard Profiles'!$G$20=$B$17,14,0)+IF('Standard Profiles'!$G$20=$B$24,21,0),MOD($C7025,24)+1)/SUM(INDEX($D$3:$AA$30,INDEX(Jesper!$R$2:$R$366,ROW(INDEX(Jesper!AJ$2:AJ$366,ROUNDDOWN($C7025/24,0)+1,1))-1)+IF('Standard Profiles'!$G$20=$B$10,7,0)+IF('Standard Profiles'!$G$20=$B$17,14,0)+IF('Standard Profiles'!$G$20=$B$24,21,0),0)),0)</f>
        <v>0</v>
      </c>
      <c r="G7025" cm="1">
        <f t="array" ref="G7025">IFERROR(INDEX(Jesper!AK$2:AK$366,ROUNDDOWN($C7025/24,0)+1,1)*INDEX($D$3:$AA$30,INDEX(Jesper!$R$2:$R$366,ROW(INDEX(Jesper!AK$2:AK$366,ROUNDDOWN($C7025/24,0)+1,1))-1)+IF('Standard Profiles'!$G$21=$B$10,7,0)+IF('Standard Profiles'!$G$21=$B$17,14,0)+IF('Standard Profiles'!$G$21=$B$24,21,0),MOD($C7025,24)+1)/SUM(INDEX($D$3:$AA$30,INDEX(Jesper!$R$2:$R$366,ROW(INDEX(Jesper!AK$2:AK$366,ROUNDDOWN($C7025/24,0)+1,1))-1)+IF('Standard Profiles'!$G$21=$B$10,7,0)+IF('Standard Profiles'!$G$21=$B$17,14,0)+IF('Standard Profiles'!$G$21=$B$24,21,0),0)),0)</f>
        <v>0</v>
      </c>
      <c r="H7025" cm="1">
        <f t="array" ref="H7025">IFERROR(INDEX(Jesper!AL$2:AL$366,ROUNDDOWN($C7025/24,0)+1,1)*INDEX($D$3:$AA$30,INDEX(Jesper!$R$2:$R$366,ROW(INDEX(Jesper!AL$2:AL$366,ROUNDDOWN($C7025/24,0)+1,1))-1)+IF('Standard Profiles'!$G$22=$B$10,7,0)+IF('Standard Profiles'!$G$22=$B$17,14,0)+IF('Standard Profiles'!$G$22=$B$24,21,0),MOD($C7025,24)+1)/SUM(INDEX($D$3:$AA$30,INDEX(Jesper!$R$2:$R$366,ROW(INDEX(Jesper!AL$2:AL$366,ROUNDDOWN($C7025/24,0)+1,1))-1)+IF('Standard Profiles'!$G$22=$B$10,7,0)+IF('Standard Profiles'!$G$22=$B$17,14,0)+IF('Standard Profiles'!$G$22=$B$24,21,0),0)),0)</f>
        <v>0</v>
      </c>
      <c r="I7025">
        <f t="shared" si="783"/>
        <v>0.39669653136467131</v>
      </c>
      <c r="J7025">
        <f t="shared" si="784"/>
        <v>1.322321771215571</v>
      </c>
      <c r="K7025">
        <f t="shared" si="785"/>
        <v>1.9834826568233566</v>
      </c>
      <c r="L7025">
        <f t="shared" si="786"/>
        <v>9.5207167527521115</v>
      </c>
      <c r="M7025">
        <f t="shared" si="787"/>
        <v>0</v>
      </c>
      <c r="N7025" s="46">
        <f t="shared" si="788"/>
        <v>45583.291666649711</v>
      </c>
    </row>
    <row r="7026" spans="2:14" x14ac:dyDescent="0.3">
      <c r="B7026">
        <f t="shared" si="782"/>
        <v>5</v>
      </c>
      <c r="C7026" s="16">
        <v>6992</v>
      </c>
      <c r="D7026" cm="1">
        <f t="array" ref="D7026">IFERROR(INDEX(Jesper!AH$2:AH$366,ROUNDDOWN($C7026/24,0)+1,1)*INDEX($D$3:$AA$30,INDEX(Jesper!$R$2:$R$366,ROW(INDEX(Jesper!AH$2:AH$366,ROUNDDOWN($C7026/24,0)+1,1))-1)+IF('Standard Profiles'!$G$18=$B$10,7,0)+IF('Standard Profiles'!$G$18=$B$17,14,0)+IF('Standard Profiles'!$G$18=$B$24,21,0),MOD($C7026,24)+1)/SUM(INDEX($D$3:$AA$30,INDEX(Jesper!$R$2:$R$366,ROW(INDEX(Jesper!AH$2:AH$366,ROUNDDOWN($C7026/24,0)+1,1))-1)+IF('Standard Profiles'!$G$18=$B$10,7,0)+IF('Standard Profiles'!$G$18=$B$17,14,0)+IF('Standard Profiles'!$G$18=$B$24,21,0),0)),0)</f>
        <v>13.22321771215571</v>
      </c>
      <c r="E7026" cm="1">
        <f t="array" ref="E7026">IFERROR(INDEX(Jesper!AI$2:AI$366,ROUNDDOWN($C7026/24,0)+1,1)*INDEX($D$3:$AA$30,INDEX(Jesper!$R$2:$R$366,ROW(INDEX(Jesper!AI$2:AI$366,ROUNDDOWN($C7026/24,0)+1,1))-1)+IF('Standard Profiles'!$G$19=$B$10,7,0)+IF('Standard Profiles'!$G$19=$B$17,14,0)+IF('Standard Profiles'!$G$19=$B$24,21,0),MOD($C7026,24)+1)/SUM(INDEX($D$3:$AA$30,INDEX(Jesper!$R$2:$R$366,ROW(INDEX(Jesper!AI$2:AI$366,ROUNDDOWN($C7026/24,0)+1,1))-1)+IF('Standard Profiles'!$G$19=$B$10,7,0)+IF('Standard Profiles'!$G$19=$B$17,14,0)+IF('Standard Profiles'!$G$19=$B$24,21,0),0)),0)</f>
        <v>0</v>
      </c>
      <c r="F7026" cm="1">
        <f t="array" ref="F7026">IFERROR(INDEX(Jesper!AJ$2:AJ$366,ROUNDDOWN($C7026/24,0)+1,1)*INDEX($D$3:$AA$30,INDEX(Jesper!$R$2:$R$366,ROW(INDEX(Jesper!AJ$2:AJ$366,ROUNDDOWN($C7026/24,0)+1,1))-1)+IF('Standard Profiles'!$G$20=$B$10,7,0)+IF('Standard Profiles'!$G$20=$B$17,14,0)+IF('Standard Profiles'!$G$20=$B$24,21,0),MOD($C7026,24)+1)/SUM(INDEX($D$3:$AA$30,INDEX(Jesper!$R$2:$R$366,ROW(INDEX(Jesper!AJ$2:AJ$366,ROUNDDOWN($C7026/24,0)+1,1))-1)+IF('Standard Profiles'!$G$20=$B$10,7,0)+IF('Standard Profiles'!$G$20=$B$17,14,0)+IF('Standard Profiles'!$G$20=$B$24,21,0),0)),0)</f>
        <v>0</v>
      </c>
      <c r="G7026" cm="1">
        <f t="array" ref="G7026">IFERROR(INDEX(Jesper!AK$2:AK$366,ROUNDDOWN($C7026/24,0)+1,1)*INDEX($D$3:$AA$30,INDEX(Jesper!$R$2:$R$366,ROW(INDEX(Jesper!AK$2:AK$366,ROUNDDOWN($C7026/24,0)+1,1))-1)+IF('Standard Profiles'!$G$21=$B$10,7,0)+IF('Standard Profiles'!$G$21=$B$17,14,0)+IF('Standard Profiles'!$G$21=$B$24,21,0),MOD($C7026,24)+1)/SUM(INDEX($D$3:$AA$30,INDEX(Jesper!$R$2:$R$366,ROW(INDEX(Jesper!AK$2:AK$366,ROUNDDOWN($C7026/24,0)+1,1))-1)+IF('Standard Profiles'!$G$21=$B$10,7,0)+IF('Standard Profiles'!$G$21=$B$17,14,0)+IF('Standard Profiles'!$G$21=$B$24,21,0),0)),0)</f>
        <v>0</v>
      </c>
      <c r="H7026" cm="1">
        <f t="array" ref="H7026">IFERROR(INDEX(Jesper!AL$2:AL$366,ROUNDDOWN($C7026/24,0)+1,1)*INDEX($D$3:$AA$30,INDEX(Jesper!$R$2:$R$366,ROW(INDEX(Jesper!AL$2:AL$366,ROUNDDOWN($C7026/24,0)+1,1))-1)+IF('Standard Profiles'!$G$22=$B$10,7,0)+IF('Standard Profiles'!$G$22=$B$17,14,0)+IF('Standard Profiles'!$G$22=$B$24,21,0),MOD($C7026,24)+1)/SUM(INDEX($D$3:$AA$30,INDEX(Jesper!$R$2:$R$366,ROW(INDEX(Jesper!AL$2:AL$366,ROUNDDOWN($C7026/24,0)+1,1))-1)+IF('Standard Profiles'!$G$22=$B$10,7,0)+IF('Standard Profiles'!$G$22=$B$17,14,0)+IF('Standard Profiles'!$G$22=$B$24,21,0),0)),0)</f>
        <v>0</v>
      </c>
      <c r="I7026">
        <f t="shared" si="783"/>
        <v>0.39669653136467131</v>
      </c>
      <c r="J7026">
        <f t="shared" si="784"/>
        <v>1.322321771215571</v>
      </c>
      <c r="K7026">
        <f t="shared" si="785"/>
        <v>1.9834826568233566</v>
      </c>
      <c r="L7026">
        <f t="shared" si="786"/>
        <v>9.5207167527521115</v>
      </c>
      <c r="M7026">
        <f t="shared" si="787"/>
        <v>0</v>
      </c>
      <c r="N7026" s="46">
        <f t="shared" si="788"/>
        <v>45583.333333316376</v>
      </c>
    </row>
    <row r="7027" spans="2:14" x14ac:dyDescent="0.3">
      <c r="B7027">
        <f t="shared" si="782"/>
        <v>5</v>
      </c>
      <c r="C7027" s="16">
        <v>6993</v>
      </c>
      <c r="D7027" cm="1">
        <f t="array" ref="D7027">IFERROR(INDEX(Jesper!AH$2:AH$366,ROUNDDOWN($C7027/24,0)+1,1)*INDEX($D$3:$AA$30,INDEX(Jesper!$R$2:$R$366,ROW(INDEX(Jesper!AH$2:AH$366,ROUNDDOWN($C7027/24,0)+1,1))-1)+IF('Standard Profiles'!$G$18=$B$10,7,0)+IF('Standard Profiles'!$G$18=$B$17,14,0)+IF('Standard Profiles'!$G$18=$B$24,21,0),MOD($C7027,24)+1)/SUM(INDEX($D$3:$AA$30,INDEX(Jesper!$R$2:$R$366,ROW(INDEX(Jesper!AH$2:AH$366,ROUNDDOWN($C7027/24,0)+1,1))-1)+IF('Standard Profiles'!$G$18=$B$10,7,0)+IF('Standard Profiles'!$G$18=$B$17,14,0)+IF('Standard Profiles'!$G$18=$B$24,21,0),0)),0)</f>
        <v>14.167733263023974</v>
      </c>
      <c r="E7027" cm="1">
        <f t="array" ref="E7027">IFERROR(INDEX(Jesper!AI$2:AI$366,ROUNDDOWN($C7027/24,0)+1,1)*INDEX($D$3:$AA$30,INDEX(Jesper!$R$2:$R$366,ROW(INDEX(Jesper!AI$2:AI$366,ROUNDDOWN($C7027/24,0)+1,1))-1)+IF('Standard Profiles'!$G$19=$B$10,7,0)+IF('Standard Profiles'!$G$19=$B$17,14,0)+IF('Standard Profiles'!$G$19=$B$24,21,0),MOD($C7027,24)+1)/SUM(INDEX($D$3:$AA$30,INDEX(Jesper!$R$2:$R$366,ROW(INDEX(Jesper!AI$2:AI$366,ROUNDDOWN($C7027/24,0)+1,1))-1)+IF('Standard Profiles'!$G$19=$B$10,7,0)+IF('Standard Profiles'!$G$19=$B$17,14,0)+IF('Standard Profiles'!$G$19=$B$24,21,0),0)),0)</f>
        <v>0</v>
      </c>
      <c r="F7027" cm="1">
        <f t="array" ref="F7027">IFERROR(INDEX(Jesper!AJ$2:AJ$366,ROUNDDOWN($C7027/24,0)+1,1)*INDEX($D$3:$AA$30,INDEX(Jesper!$R$2:$R$366,ROW(INDEX(Jesper!AJ$2:AJ$366,ROUNDDOWN($C7027/24,0)+1,1))-1)+IF('Standard Profiles'!$G$20=$B$10,7,0)+IF('Standard Profiles'!$G$20=$B$17,14,0)+IF('Standard Profiles'!$G$20=$B$24,21,0),MOD($C7027,24)+1)/SUM(INDEX($D$3:$AA$30,INDEX(Jesper!$R$2:$R$366,ROW(INDEX(Jesper!AJ$2:AJ$366,ROUNDDOWN($C7027/24,0)+1,1))-1)+IF('Standard Profiles'!$G$20=$B$10,7,0)+IF('Standard Profiles'!$G$20=$B$17,14,0)+IF('Standard Profiles'!$G$20=$B$24,21,0),0)),0)</f>
        <v>0</v>
      </c>
      <c r="G7027" cm="1">
        <f t="array" ref="G7027">IFERROR(INDEX(Jesper!AK$2:AK$366,ROUNDDOWN($C7027/24,0)+1,1)*INDEX($D$3:$AA$30,INDEX(Jesper!$R$2:$R$366,ROW(INDEX(Jesper!AK$2:AK$366,ROUNDDOWN($C7027/24,0)+1,1))-1)+IF('Standard Profiles'!$G$21=$B$10,7,0)+IF('Standard Profiles'!$G$21=$B$17,14,0)+IF('Standard Profiles'!$G$21=$B$24,21,0),MOD($C7027,24)+1)/SUM(INDEX($D$3:$AA$30,INDEX(Jesper!$R$2:$R$366,ROW(INDEX(Jesper!AK$2:AK$366,ROUNDDOWN($C7027/24,0)+1,1))-1)+IF('Standard Profiles'!$G$21=$B$10,7,0)+IF('Standard Profiles'!$G$21=$B$17,14,0)+IF('Standard Profiles'!$G$21=$B$24,21,0),0)),0)</f>
        <v>0</v>
      </c>
      <c r="H7027" cm="1">
        <f t="array" ref="H7027">IFERROR(INDEX(Jesper!AL$2:AL$366,ROUNDDOWN($C7027/24,0)+1,1)*INDEX($D$3:$AA$30,INDEX(Jesper!$R$2:$R$366,ROW(INDEX(Jesper!AL$2:AL$366,ROUNDDOWN($C7027/24,0)+1,1))-1)+IF('Standard Profiles'!$G$22=$B$10,7,0)+IF('Standard Profiles'!$G$22=$B$17,14,0)+IF('Standard Profiles'!$G$22=$B$24,21,0),MOD($C7027,24)+1)/SUM(INDEX($D$3:$AA$30,INDEX(Jesper!$R$2:$R$366,ROW(INDEX(Jesper!AL$2:AL$366,ROUNDDOWN($C7027/24,0)+1,1))-1)+IF('Standard Profiles'!$G$22=$B$10,7,0)+IF('Standard Profiles'!$G$22=$B$17,14,0)+IF('Standard Profiles'!$G$22=$B$24,21,0),0)),0)</f>
        <v>0</v>
      </c>
      <c r="I7027">
        <f t="shared" si="783"/>
        <v>0.42503199789071922</v>
      </c>
      <c r="J7027">
        <f t="shared" si="784"/>
        <v>1.4167733263023976</v>
      </c>
      <c r="K7027">
        <f t="shared" si="785"/>
        <v>2.125159989453596</v>
      </c>
      <c r="L7027">
        <f t="shared" si="786"/>
        <v>10.20076794937726</v>
      </c>
      <c r="M7027">
        <f t="shared" si="787"/>
        <v>0</v>
      </c>
      <c r="N7027" s="46">
        <f t="shared" si="788"/>
        <v>45583.37499998304</v>
      </c>
    </row>
    <row r="7028" spans="2:14" x14ac:dyDescent="0.3">
      <c r="B7028">
        <f t="shared" si="782"/>
        <v>5</v>
      </c>
      <c r="C7028" s="16">
        <v>6994</v>
      </c>
      <c r="D7028" cm="1">
        <f t="array" ref="D7028">IFERROR(INDEX(Jesper!AH$2:AH$366,ROUNDDOWN($C7028/24,0)+1,1)*INDEX($D$3:$AA$30,INDEX(Jesper!$R$2:$R$366,ROW(INDEX(Jesper!AH$2:AH$366,ROUNDDOWN($C7028/24,0)+1,1))-1)+IF('Standard Profiles'!$G$18=$B$10,7,0)+IF('Standard Profiles'!$G$18=$B$17,14,0)+IF('Standard Profiles'!$G$18=$B$24,21,0),MOD($C7028,24)+1)/SUM(INDEX($D$3:$AA$30,INDEX(Jesper!$R$2:$R$366,ROW(INDEX(Jesper!AH$2:AH$366,ROUNDDOWN($C7028/24,0)+1,1))-1)+IF('Standard Profiles'!$G$18=$B$10,7,0)+IF('Standard Profiles'!$G$18=$B$17,14,0)+IF('Standard Profiles'!$G$18=$B$24,21,0),0)),0)</f>
        <v>14.734442593544932</v>
      </c>
      <c r="E7028" cm="1">
        <f t="array" ref="E7028">IFERROR(INDEX(Jesper!AI$2:AI$366,ROUNDDOWN($C7028/24,0)+1,1)*INDEX($D$3:$AA$30,INDEX(Jesper!$R$2:$R$366,ROW(INDEX(Jesper!AI$2:AI$366,ROUNDDOWN($C7028/24,0)+1,1))-1)+IF('Standard Profiles'!$G$19=$B$10,7,0)+IF('Standard Profiles'!$G$19=$B$17,14,0)+IF('Standard Profiles'!$G$19=$B$24,21,0),MOD($C7028,24)+1)/SUM(INDEX($D$3:$AA$30,INDEX(Jesper!$R$2:$R$366,ROW(INDEX(Jesper!AI$2:AI$366,ROUNDDOWN($C7028/24,0)+1,1))-1)+IF('Standard Profiles'!$G$19=$B$10,7,0)+IF('Standard Profiles'!$G$19=$B$17,14,0)+IF('Standard Profiles'!$G$19=$B$24,21,0),0)),0)</f>
        <v>0</v>
      </c>
      <c r="F7028" cm="1">
        <f t="array" ref="F7028">IFERROR(INDEX(Jesper!AJ$2:AJ$366,ROUNDDOWN($C7028/24,0)+1,1)*INDEX($D$3:$AA$30,INDEX(Jesper!$R$2:$R$366,ROW(INDEX(Jesper!AJ$2:AJ$366,ROUNDDOWN($C7028/24,0)+1,1))-1)+IF('Standard Profiles'!$G$20=$B$10,7,0)+IF('Standard Profiles'!$G$20=$B$17,14,0)+IF('Standard Profiles'!$G$20=$B$24,21,0),MOD($C7028,24)+1)/SUM(INDEX($D$3:$AA$30,INDEX(Jesper!$R$2:$R$366,ROW(INDEX(Jesper!AJ$2:AJ$366,ROUNDDOWN($C7028/24,0)+1,1))-1)+IF('Standard Profiles'!$G$20=$B$10,7,0)+IF('Standard Profiles'!$G$20=$B$17,14,0)+IF('Standard Profiles'!$G$20=$B$24,21,0),0)),0)</f>
        <v>0</v>
      </c>
      <c r="G7028" cm="1">
        <f t="array" ref="G7028">IFERROR(INDEX(Jesper!AK$2:AK$366,ROUNDDOWN($C7028/24,0)+1,1)*INDEX($D$3:$AA$30,INDEX(Jesper!$R$2:$R$366,ROW(INDEX(Jesper!AK$2:AK$366,ROUNDDOWN($C7028/24,0)+1,1))-1)+IF('Standard Profiles'!$G$21=$B$10,7,0)+IF('Standard Profiles'!$G$21=$B$17,14,0)+IF('Standard Profiles'!$G$21=$B$24,21,0),MOD($C7028,24)+1)/SUM(INDEX($D$3:$AA$30,INDEX(Jesper!$R$2:$R$366,ROW(INDEX(Jesper!AK$2:AK$366,ROUNDDOWN($C7028/24,0)+1,1))-1)+IF('Standard Profiles'!$G$21=$B$10,7,0)+IF('Standard Profiles'!$G$21=$B$17,14,0)+IF('Standard Profiles'!$G$21=$B$24,21,0),0)),0)</f>
        <v>0</v>
      </c>
      <c r="H7028" cm="1">
        <f t="array" ref="H7028">IFERROR(INDEX(Jesper!AL$2:AL$366,ROUNDDOWN($C7028/24,0)+1,1)*INDEX($D$3:$AA$30,INDEX(Jesper!$R$2:$R$366,ROW(INDEX(Jesper!AL$2:AL$366,ROUNDDOWN($C7028/24,0)+1,1))-1)+IF('Standard Profiles'!$G$22=$B$10,7,0)+IF('Standard Profiles'!$G$22=$B$17,14,0)+IF('Standard Profiles'!$G$22=$B$24,21,0),MOD($C7028,24)+1)/SUM(INDEX($D$3:$AA$30,INDEX(Jesper!$R$2:$R$366,ROW(INDEX(Jesper!AL$2:AL$366,ROUNDDOWN($C7028/24,0)+1,1))-1)+IF('Standard Profiles'!$G$22=$B$10,7,0)+IF('Standard Profiles'!$G$22=$B$17,14,0)+IF('Standard Profiles'!$G$22=$B$24,21,0),0)),0)</f>
        <v>0</v>
      </c>
      <c r="I7028">
        <f t="shared" si="783"/>
        <v>0.44203327780634794</v>
      </c>
      <c r="J7028">
        <f t="shared" si="784"/>
        <v>1.4734442593544932</v>
      </c>
      <c r="K7028">
        <f t="shared" si="785"/>
        <v>2.2101663890317398</v>
      </c>
      <c r="L7028">
        <f t="shared" si="786"/>
        <v>10.608798667352351</v>
      </c>
      <c r="M7028">
        <f t="shared" si="787"/>
        <v>0</v>
      </c>
      <c r="N7028" s="46">
        <f t="shared" si="788"/>
        <v>45583.416666649704</v>
      </c>
    </row>
    <row r="7029" spans="2:14" x14ac:dyDescent="0.3">
      <c r="B7029">
        <f t="shared" si="782"/>
        <v>5</v>
      </c>
      <c r="C7029" s="16">
        <v>6995</v>
      </c>
      <c r="D7029" cm="1">
        <f t="array" ref="D7029">IFERROR(INDEX(Jesper!AH$2:AH$366,ROUNDDOWN($C7029/24,0)+1,1)*INDEX($D$3:$AA$30,INDEX(Jesper!$R$2:$R$366,ROW(INDEX(Jesper!AH$2:AH$366,ROUNDDOWN($C7029/24,0)+1,1))-1)+IF('Standard Profiles'!$G$18=$B$10,7,0)+IF('Standard Profiles'!$G$18=$B$17,14,0)+IF('Standard Profiles'!$G$18=$B$24,21,0),MOD($C7029,24)+1)/SUM(INDEX($D$3:$AA$30,INDEX(Jesper!$R$2:$R$366,ROW(INDEX(Jesper!AH$2:AH$366,ROUNDDOWN($C7029/24,0)+1,1))-1)+IF('Standard Profiles'!$G$18=$B$10,7,0)+IF('Standard Profiles'!$G$18=$B$17,14,0)+IF('Standard Profiles'!$G$18=$B$24,21,0),0)),0)</f>
        <v>17.001279915628768</v>
      </c>
      <c r="E7029" cm="1">
        <f t="array" ref="E7029">IFERROR(INDEX(Jesper!AI$2:AI$366,ROUNDDOWN($C7029/24,0)+1,1)*INDEX($D$3:$AA$30,INDEX(Jesper!$R$2:$R$366,ROW(INDEX(Jesper!AI$2:AI$366,ROUNDDOWN($C7029/24,0)+1,1))-1)+IF('Standard Profiles'!$G$19=$B$10,7,0)+IF('Standard Profiles'!$G$19=$B$17,14,0)+IF('Standard Profiles'!$G$19=$B$24,21,0),MOD($C7029,24)+1)/SUM(INDEX($D$3:$AA$30,INDEX(Jesper!$R$2:$R$366,ROW(INDEX(Jesper!AI$2:AI$366,ROUNDDOWN($C7029/24,0)+1,1))-1)+IF('Standard Profiles'!$G$19=$B$10,7,0)+IF('Standard Profiles'!$G$19=$B$17,14,0)+IF('Standard Profiles'!$G$19=$B$24,21,0),0)),0)</f>
        <v>0</v>
      </c>
      <c r="F7029" cm="1">
        <f t="array" ref="F7029">IFERROR(INDEX(Jesper!AJ$2:AJ$366,ROUNDDOWN($C7029/24,0)+1,1)*INDEX($D$3:$AA$30,INDEX(Jesper!$R$2:$R$366,ROW(INDEX(Jesper!AJ$2:AJ$366,ROUNDDOWN($C7029/24,0)+1,1))-1)+IF('Standard Profiles'!$G$20=$B$10,7,0)+IF('Standard Profiles'!$G$20=$B$17,14,0)+IF('Standard Profiles'!$G$20=$B$24,21,0),MOD($C7029,24)+1)/SUM(INDEX($D$3:$AA$30,INDEX(Jesper!$R$2:$R$366,ROW(INDEX(Jesper!AJ$2:AJ$366,ROUNDDOWN($C7029/24,0)+1,1))-1)+IF('Standard Profiles'!$G$20=$B$10,7,0)+IF('Standard Profiles'!$G$20=$B$17,14,0)+IF('Standard Profiles'!$G$20=$B$24,21,0),0)),0)</f>
        <v>0</v>
      </c>
      <c r="G7029" cm="1">
        <f t="array" ref="G7029">IFERROR(INDEX(Jesper!AK$2:AK$366,ROUNDDOWN($C7029/24,0)+1,1)*INDEX($D$3:$AA$30,INDEX(Jesper!$R$2:$R$366,ROW(INDEX(Jesper!AK$2:AK$366,ROUNDDOWN($C7029/24,0)+1,1))-1)+IF('Standard Profiles'!$G$21=$B$10,7,0)+IF('Standard Profiles'!$G$21=$B$17,14,0)+IF('Standard Profiles'!$G$21=$B$24,21,0),MOD($C7029,24)+1)/SUM(INDEX($D$3:$AA$30,INDEX(Jesper!$R$2:$R$366,ROW(INDEX(Jesper!AK$2:AK$366,ROUNDDOWN($C7029/24,0)+1,1))-1)+IF('Standard Profiles'!$G$21=$B$10,7,0)+IF('Standard Profiles'!$G$21=$B$17,14,0)+IF('Standard Profiles'!$G$21=$B$24,21,0),0)),0)</f>
        <v>0</v>
      </c>
      <c r="H7029" cm="1">
        <f t="array" ref="H7029">IFERROR(INDEX(Jesper!AL$2:AL$366,ROUNDDOWN($C7029/24,0)+1,1)*INDEX($D$3:$AA$30,INDEX(Jesper!$R$2:$R$366,ROW(INDEX(Jesper!AL$2:AL$366,ROUNDDOWN($C7029/24,0)+1,1))-1)+IF('Standard Profiles'!$G$22=$B$10,7,0)+IF('Standard Profiles'!$G$22=$B$17,14,0)+IF('Standard Profiles'!$G$22=$B$24,21,0),MOD($C7029,24)+1)/SUM(INDEX($D$3:$AA$30,INDEX(Jesper!$R$2:$R$366,ROW(INDEX(Jesper!AL$2:AL$366,ROUNDDOWN($C7029/24,0)+1,1))-1)+IF('Standard Profiles'!$G$22=$B$10,7,0)+IF('Standard Profiles'!$G$22=$B$17,14,0)+IF('Standard Profiles'!$G$22=$B$24,21,0),0)),0)</f>
        <v>0</v>
      </c>
      <c r="I7029">
        <f t="shared" si="783"/>
        <v>0.51003839746886304</v>
      </c>
      <c r="J7029">
        <f t="shared" si="784"/>
        <v>1.7001279915628769</v>
      </c>
      <c r="K7029">
        <f t="shared" si="785"/>
        <v>2.5501919873443151</v>
      </c>
      <c r="L7029">
        <f t="shared" si="786"/>
        <v>12.240921539252712</v>
      </c>
      <c r="M7029">
        <f t="shared" si="787"/>
        <v>0</v>
      </c>
      <c r="N7029" s="46">
        <f t="shared" si="788"/>
        <v>45583.458333316368</v>
      </c>
    </row>
    <row r="7030" spans="2:14" x14ac:dyDescent="0.3">
      <c r="B7030">
        <f t="shared" si="782"/>
        <v>5</v>
      </c>
      <c r="C7030" s="16">
        <v>6996</v>
      </c>
      <c r="D7030" cm="1">
        <f t="array" ref="D7030">IFERROR(INDEX(Jesper!AH$2:AH$366,ROUNDDOWN($C7030/24,0)+1,1)*INDEX($D$3:$AA$30,INDEX(Jesper!$R$2:$R$366,ROW(INDEX(Jesper!AH$2:AH$366,ROUNDDOWN($C7030/24,0)+1,1))-1)+IF('Standard Profiles'!$G$18=$B$10,7,0)+IF('Standard Profiles'!$G$18=$B$17,14,0)+IF('Standard Profiles'!$G$18=$B$24,21,0),MOD($C7030,24)+1)/SUM(INDEX($D$3:$AA$30,INDEX(Jesper!$R$2:$R$366,ROW(INDEX(Jesper!AH$2:AH$366,ROUNDDOWN($C7030/24,0)+1,1))-1)+IF('Standard Profiles'!$G$18=$B$10,7,0)+IF('Standard Profiles'!$G$18=$B$17,14,0)+IF('Standard Profiles'!$G$18=$B$24,21,0),0)),0)</f>
        <v>17.001279915628768</v>
      </c>
      <c r="E7030" cm="1">
        <f t="array" ref="E7030">IFERROR(INDEX(Jesper!AI$2:AI$366,ROUNDDOWN($C7030/24,0)+1,1)*INDEX($D$3:$AA$30,INDEX(Jesper!$R$2:$R$366,ROW(INDEX(Jesper!AI$2:AI$366,ROUNDDOWN($C7030/24,0)+1,1))-1)+IF('Standard Profiles'!$G$19=$B$10,7,0)+IF('Standard Profiles'!$G$19=$B$17,14,0)+IF('Standard Profiles'!$G$19=$B$24,21,0),MOD($C7030,24)+1)/SUM(INDEX($D$3:$AA$30,INDEX(Jesper!$R$2:$R$366,ROW(INDEX(Jesper!AI$2:AI$366,ROUNDDOWN($C7030/24,0)+1,1))-1)+IF('Standard Profiles'!$G$19=$B$10,7,0)+IF('Standard Profiles'!$G$19=$B$17,14,0)+IF('Standard Profiles'!$G$19=$B$24,21,0),0)),0)</f>
        <v>0</v>
      </c>
      <c r="F7030" cm="1">
        <f t="array" ref="F7030">IFERROR(INDEX(Jesper!AJ$2:AJ$366,ROUNDDOWN($C7030/24,0)+1,1)*INDEX($D$3:$AA$30,INDEX(Jesper!$R$2:$R$366,ROW(INDEX(Jesper!AJ$2:AJ$366,ROUNDDOWN($C7030/24,0)+1,1))-1)+IF('Standard Profiles'!$G$20=$B$10,7,0)+IF('Standard Profiles'!$G$20=$B$17,14,0)+IF('Standard Profiles'!$G$20=$B$24,21,0),MOD($C7030,24)+1)/SUM(INDEX($D$3:$AA$30,INDEX(Jesper!$R$2:$R$366,ROW(INDEX(Jesper!AJ$2:AJ$366,ROUNDDOWN($C7030/24,0)+1,1))-1)+IF('Standard Profiles'!$G$20=$B$10,7,0)+IF('Standard Profiles'!$G$20=$B$17,14,0)+IF('Standard Profiles'!$G$20=$B$24,21,0),0)),0)</f>
        <v>0</v>
      </c>
      <c r="G7030" cm="1">
        <f t="array" ref="G7030">IFERROR(INDEX(Jesper!AK$2:AK$366,ROUNDDOWN($C7030/24,0)+1,1)*INDEX($D$3:$AA$30,INDEX(Jesper!$R$2:$R$366,ROW(INDEX(Jesper!AK$2:AK$366,ROUNDDOWN($C7030/24,0)+1,1))-1)+IF('Standard Profiles'!$G$21=$B$10,7,0)+IF('Standard Profiles'!$G$21=$B$17,14,0)+IF('Standard Profiles'!$G$21=$B$24,21,0),MOD($C7030,24)+1)/SUM(INDEX($D$3:$AA$30,INDEX(Jesper!$R$2:$R$366,ROW(INDEX(Jesper!AK$2:AK$366,ROUNDDOWN($C7030/24,0)+1,1))-1)+IF('Standard Profiles'!$G$21=$B$10,7,0)+IF('Standard Profiles'!$G$21=$B$17,14,0)+IF('Standard Profiles'!$G$21=$B$24,21,0),0)),0)</f>
        <v>0</v>
      </c>
      <c r="H7030" cm="1">
        <f t="array" ref="H7030">IFERROR(INDEX(Jesper!AL$2:AL$366,ROUNDDOWN($C7030/24,0)+1,1)*INDEX($D$3:$AA$30,INDEX(Jesper!$R$2:$R$366,ROW(INDEX(Jesper!AL$2:AL$366,ROUNDDOWN($C7030/24,0)+1,1))-1)+IF('Standard Profiles'!$G$22=$B$10,7,0)+IF('Standard Profiles'!$G$22=$B$17,14,0)+IF('Standard Profiles'!$G$22=$B$24,21,0),MOD($C7030,24)+1)/SUM(INDEX($D$3:$AA$30,INDEX(Jesper!$R$2:$R$366,ROW(INDEX(Jesper!AL$2:AL$366,ROUNDDOWN($C7030/24,0)+1,1))-1)+IF('Standard Profiles'!$G$22=$B$10,7,0)+IF('Standard Profiles'!$G$22=$B$17,14,0)+IF('Standard Profiles'!$G$22=$B$24,21,0),0)),0)</f>
        <v>0</v>
      </c>
      <c r="I7030">
        <f t="shared" si="783"/>
        <v>0.51003839746886304</v>
      </c>
      <c r="J7030">
        <f t="shared" si="784"/>
        <v>1.7001279915628769</v>
      </c>
      <c r="K7030">
        <f t="shared" si="785"/>
        <v>2.5501919873443151</v>
      </c>
      <c r="L7030">
        <f t="shared" si="786"/>
        <v>12.240921539252712</v>
      </c>
      <c r="M7030">
        <f t="shared" si="787"/>
        <v>0</v>
      </c>
      <c r="N7030" s="46">
        <f t="shared" si="788"/>
        <v>45583.499999983032</v>
      </c>
    </row>
    <row r="7031" spans="2:14" x14ac:dyDescent="0.3">
      <c r="B7031">
        <f t="shared" si="782"/>
        <v>5</v>
      </c>
      <c r="C7031" s="16">
        <v>6997</v>
      </c>
      <c r="D7031" cm="1">
        <f t="array" ref="D7031">IFERROR(INDEX(Jesper!AH$2:AH$366,ROUNDDOWN($C7031/24,0)+1,1)*INDEX($D$3:$AA$30,INDEX(Jesper!$R$2:$R$366,ROW(INDEX(Jesper!AH$2:AH$366,ROUNDDOWN($C7031/24,0)+1,1))-1)+IF('Standard Profiles'!$G$18=$B$10,7,0)+IF('Standard Profiles'!$G$18=$B$17,14,0)+IF('Standard Profiles'!$G$18=$B$24,21,0),MOD($C7031,24)+1)/SUM(INDEX($D$3:$AA$30,INDEX(Jesper!$R$2:$R$366,ROW(INDEX(Jesper!AH$2:AH$366,ROUNDDOWN($C7031/24,0)+1,1))-1)+IF('Standard Profiles'!$G$18=$B$10,7,0)+IF('Standard Profiles'!$G$18=$B$17,14,0)+IF('Standard Profiles'!$G$18=$B$24,21,0),0)),0)</f>
        <v>17.001279915628768</v>
      </c>
      <c r="E7031" cm="1">
        <f t="array" ref="E7031">IFERROR(INDEX(Jesper!AI$2:AI$366,ROUNDDOWN($C7031/24,0)+1,1)*INDEX($D$3:$AA$30,INDEX(Jesper!$R$2:$R$366,ROW(INDEX(Jesper!AI$2:AI$366,ROUNDDOWN($C7031/24,0)+1,1))-1)+IF('Standard Profiles'!$G$19=$B$10,7,0)+IF('Standard Profiles'!$G$19=$B$17,14,0)+IF('Standard Profiles'!$G$19=$B$24,21,0),MOD($C7031,24)+1)/SUM(INDEX($D$3:$AA$30,INDEX(Jesper!$R$2:$R$366,ROW(INDEX(Jesper!AI$2:AI$366,ROUNDDOWN($C7031/24,0)+1,1))-1)+IF('Standard Profiles'!$G$19=$B$10,7,0)+IF('Standard Profiles'!$G$19=$B$17,14,0)+IF('Standard Profiles'!$G$19=$B$24,21,0),0)),0)</f>
        <v>0</v>
      </c>
      <c r="F7031" cm="1">
        <f t="array" ref="F7031">IFERROR(INDEX(Jesper!AJ$2:AJ$366,ROUNDDOWN($C7031/24,0)+1,1)*INDEX($D$3:$AA$30,INDEX(Jesper!$R$2:$R$366,ROW(INDEX(Jesper!AJ$2:AJ$366,ROUNDDOWN($C7031/24,0)+1,1))-1)+IF('Standard Profiles'!$G$20=$B$10,7,0)+IF('Standard Profiles'!$G$20=$B$17,14,0)+IF('Standard Profiles'!$G$20=$B$24,21,0),MOD($C7031,24)+1)/SUM(INDEX($D$3:$AA$30,INDEX(Jesper!$R$2:$R$366,ROW(INDEX(Jesper!AJ$2:AJ$366,ROUNDDOWN($C7031/24,0)+1,1))-1)+IF('Standard Profiles'!$G$20=$B$10,7,0)+IF('Standard Profiles'!$G$20=$B$17,14,0)+IF('Standard Profiles'!$G$20=$B$24,21,0),0)),0)</f>
        <v>0</v>
      </c>
      <c r="G7031" cm="1">
        <f t="array" ref="G7031">IFERROR(INDEX(Jesper!AK$2:AK$366,ROUNDDOWN($C7031/24,0)+1,1)*INDEX($D$3:$AA$30,INDEX(Jesper!$R$2:$R$366,ROW(INDEX(Jesper!AK$2:AK$366,ROUNDDOWN($C7031/24,0)+1,1))-1)+IF('Standard Profiles'!$G$21=$B$10,7,0)+IF('Standard Profiles'!$G$21=$B$17,14,0)+IF('Standard Profiles'!$G$21=$B$24,21,0),MOD($C7031,24)+1)/SUM(INDEX($D$3:$AA$30,INDEX(Jesper!$R$2:$R$366,ROW(INDEX(Jesper!AK$2:AK$366,ROUNDDOWN($C7031/24,0)+1,1))-1)+IF('Standard Profiles'!$G$21=$B$10,7,0)+IF('Standard Profiles'!$G$21=$B$17,14,0)+IF('Standard Profiles'!$G$21=$B$24,21,0),0)),0)</f>
        <v>0</v>
      </c>
      <c r="H7031" cm="1">
        <f t="array" ref="H7031">IFERROR(INDEX(Jesper!AL$2:AL$366,ROUNDDOWN($C7031/24,0)+1,1)*INDEX($D$3:$AA$30,INDEX(Jesper!$R$2:$R$366,ROW(INDEX(Jesper!AL$2:AL$366,ROUNDDOWN($C7031/24,0)+1,1))-1)+IF('Standard Profiles'!$G$22=$B$10,7,0)+IF('Standard Profiles'!$G$22=$B$17,14,0)+IF('Standard Profiles'!$G$22=$B$24,21,0),MOD($C7031,24)+1)/SUM(INDEX($D$3:$AA$30,INDEX(Jesper!$R$2:$R$366,ROW(INDEX(Jesper!AL$2:AL$366,ROUNDDOWN($C7031/24,0)+1,1))-1)+IF('Standard Profiles'!$G$22=$B$10,7,0)+IF('Standard Profiles'!$G$22=$B$17,14,0)+IF('Standard Profiles'!$G$22=$B$24,21,0),0)),0)</f>
        <v>0</v>
      </c>
      <c r="I7031">
        <f t="shared" si="783"/>
        <v>0.51003839746886304</v>
      </c>
      <c r="J7031">
        <f t="shared" si="784"/>
        <v>1.7001279915628769</v>
      </c>
      <c r="K7031">
        <f t="shared" si="785"/>
        <v>2.5501919873443151</v>
      </c>
      <c r="L7031">
        <f t="shared" si="786"/>
        <v>12.240921539252712</v>
      </c>
      <c r="M7031">
        <f t="shared" si="787"/>
        <v>0</v>
      </c>
      <c r="N7031" s="46">
        <f t="shared" si="788"/>
        <v>45583.541666649697</v>
      </c>
    </row>
    <row r="7032" spans="2:14" x14ac:dyDescent="0.3">
      <c r="B7032">
        <f t="shared" si="782"/>
        <v>5</v>
      </c>
      <c r="C7032" s="16">
        <v>6998</v>
      </c>
      <c r="D7032" cm="1">
        <f t="array" ref="D7032">IFERROR(INDEX(Jesper!AH$2:AH$366,ROUNDDOWN($C7032/24,0)+1,1)*INDEX($D$3:$AA$30,INDEX(Jesper!$R$2:$R$366,ROW(INDEX(Jesper!AH$2:AH$366,ROUNDDOWN($C7032/24,0)+1,1))-1)+IF('Standard Profiles'!$G$18=$B$10,7,0)+IF('Standard Profiles'!$G$18=$B$17,14,0)+IF('Standard Profiles'!$G$18=$B$24,21,0),MOD($C7032,24)+1)/SUM(INDEX($D$3:$AA$30,INDEX(Jesper!$R$2:$R$366,ROW(INDEX(Jesper!AH$2:AH$366,ROUNDDOWN($C7032/24,0)+1,1))-1)+IF('Standard Profiles'!$G$18=$B$10,7,0)+IF('Standard Profiles'!$G$18=$B$17,14,0)+IF('Standard Profiles'!$G$18=$B$24,21,0),0)),0)</f>
        <v>17.001279915628768</v>
      </c>
      <c r="E7032" cm="1">
        <f t="array" ref="E7032">IFERROR(INDEX(Jesper!AI$2:AI$366,ROUNDDOWN($C7032/24,0)+1,1)*INDEX($D$3:$AA$30,INDEX(Jesper!$R$2:$R$366,ROW(INDEX(Jesper!AI$2:AI$366,ROUNDDOWN($C7032/24,0)+1,1))-1)+IF('Standard Profiles'!$G$19=$B$10,7,0)+IF('Standard Profiles'!$G$19=$B$17,14,0)+IF('Standard Profiles'!$G$19=$B$24,21,0),MOD($C7032,24)+1)/SUM(INDEX($D$3:$AA$30,INDEX(Jesper!$R$2:$R$366,ROW(INDEX(Jesper!AI$2:AI$366,ROUNDDOWN($C7032/24,0)+1,1))-1)+IF('Standard Profiles'!$G$19=$B$10,7,0)+IF('Standard Profiles'!$G$19=$B$17,14,0)+IF('Standard Profiles'!$G$19=$B$24,21,0),0)),0)</f>
        <v>0</v>
      </c>
      <c r="F7032" cm="1">
        <f t="array" ref="F7032">IFERROR(INDEX(Jesper!AJ$2:AJ$366,ROUNDDOWN($C7032/24,0)+1,1)*INDEX($D$3:$AA$30,INDEX(Jesper!$R$2:$R$366,ROW(INDEX(Jesper!AJ$2:AJ$366,ROUNDDOWN($C7032/24,0)+1,1))-1)+IF('Standard Profiles'!$G$20=$B$10,7,0)+IF('Standard Profiles'!$G$20=$B$17,14,0)+IF('Standard Profiles'!$G$20=$B$24,21,0),MOD($C7032,24)+1)/SUM(INDEX($D$3:$AA$30,INDEX(Jesper!$R$2:$R$366,ROW(INDEX(Jesper!AJ$2:AJ$366,ROUNDDOWN($C7032/24,0)+1,1))-1)+IF('Standard Profiles'!$G$20=$B$10,7,0)+IF('Standard Profiles'!$G$20=$B$17,14,0)+IF('Standard Profiles'!$G$20=$B$24,21,0),0)),0)</f>
        <v>0</v>
      </c>
      <c r="G7032" cm="1">
        <f t="array" ref="G7032">IFERROR(INDEX(Jesper!AK$2:AK$366,ROUNDDOWN($C7032/24,0)+1,1)*INDEX($D$3:$AA$30,INDEX(Jesper!$R$2:$R$366,ROW(INDEX(Jesper!AK$2:AK$366,ROUNDDOWN($C7032/24,0)+1,1))-1)+IF('Standard Profiles'!$G$21=$B$10,7,0)+IF('Standard Profiles'!$G$21=$B$17,14,0)+IF('Standard Profiles'!$G$21=$B$24,21,0),MOD($C7032,24)+1)/SUM(INDEX($D$3:$AA$30,INDEX(Jesper!$R$2:$R$366,ROW(INDEX(Jesper!AK$2:AK$366,ROUNDDOWN($C7032/24,0)+1,1))-1)+IF('Standard Profiles'!$G$21=$B$10,7,0)+IF('Standard Profiles'!$G$21=$B$17,14,0)+IF('Standard Profiles'!$G$21=$B$24,21,0),0)),0)</f>
        <v>0</v>
      </c>
      <c r="H7032" cm="1">
        <f t="array" ref="H7032">IFERROR(INDEX(Jesper!AL$2:AL$366,ROUNDDOWN($C7032/24,0)+1,1)*INDEX($D$3:$AA$30,INDEX(Jesper!$R$2:$R$366,ROW(INDEX(Jesper!AL$2:AL$366,ROUNDDOWN($C7032/24,0)+1,1))-1)+IF('Standard Profiles'!$G$22=$B$10,7,0)+IF('Standard Profiles'!$G$22=$B$17,14,0)+IF('Standard Profiles'!$G$22=$B$24,21,0),MOD($C7032,24)+1)/SUM(INDEX($D$3:$AA$30,INDEX(Jesper!$R$2:$R$366,ROW(INDEX(Jesper!AL$2:AL$366,ROUNDDOWN($C7032/24,0)+1,1))-1)+IF('Standard Profiles'!$G$22=$B$10,7,0)+IF('Standard Profiles'!$G$22=$B$17,14,0)+IF('Standard Profiles'!$G$22=$B$24,21,0),0)),0)</f>
        <v>0</v>
      </c>
      <c r="I7032">
        <f t="shared" si="783"/>
        <v>0.51003839746886304</v>
      </c>
      <c r="J7032">
        <f t="shared" si="784"/>
        <v>1.7001279915628769</v>
      </c>
      <c r="K7032">
        <f t="shared" si="785"/>
        <v>2.5501919873443151</v>
      </c>
      <c r="L7032">
        <f t="shared" si="786"/>
        <v>12.240921539252712</v>
      </c>
      <c r="M7032">
        <f t="shared" si="787"/>
        <v>0</v>
      </c>
      <c r="N7032" s="46">
        <f t="shared" si="788"/>
        <v>45583.583333316361</v>
      </c>
    </row>
    <row r="7033" spans="2:14" x14ac:dyDescent="0.3">
      <c r="B7033">
        <f t="shared" si="782"/>
        <v>5</v>
      </c>
      <c r="C7033" s="16">
        <v>6999</v>
      </c>
      <c r="D7033" cm="1">
        <f t="array" ref="D7033">IFERROR(INDEX(Jesper!AH$2:AH$366,ROUNDDOWN($C7033/24,0)+1,1)*INDEX($D$3:$AA$30,INDEX(Jesper!$R$2:$R$366,ROW(INDEX(Jesper!AH$2:AH$366,ROUNDDOWN($C7033/24,0)+1,1))-1)+IF('Standard Profiles'!$G$18=$B$10,7,0)+IF('Standard Profiles'!$G$18=$B$17,14,0)+IF('Standard Profiles'!$G$18=$B$24,21,0),MOD($C7033,24)+1)/SUM(INDEX($D$3:$AA$30,INDEX(Jesper!$R$2:$R$366,ROW(INDEX(Jesper!AH$2:AH$366,ROUNDDOWN($C7033/24,0)+1,1))-1)+IF('Standard Profiles'!$G$18=$B$10,7,0)+IF('Standard Profiles'!$G$18=$B$17,14,0)+IF('Standard Profiles'!$G$18=$B$24,21,0),0)),0)</f>
        <v>14.167733263023974</v>
      </c>
      <c r="E7033" cm="1">
        <f t="array" ref="E7033">IFERROR(INDEX(Jesper!AI$2:AI$366,ROUNDDOWN($C7033/24,0)+1,1)*INDEX($D$3:$AA$30,INDEX(Jesper!$R$2:$R$366,ROW(INDEX(Jesper!AI$2:AI$366,ROUNDDOWN($C7033/24,0)+1,1))-1)+IF('Standard Profiles'!$G$19=$B$10,7,0)+IF('Standard Profiles'!$G$19=$B$17,14,0)+IF('Standard Profiles'!$G$19=$B$24,21,0),MOD($C7033,24)+1)/SUM(INDEX($D$3:$AA$30,INDEX(Jesper!$R$2:$R$366,ROW(INDEX(Jesper!AI$2:AI$366,ROUNDDOWN($C7033/24,0)+1,1))-1)+IF('Standard Profiles'!$G$19=$B$10,7,0)+IF('Standard Profiles'!$G$19=$B$17,14,0)+IF('Standard Profiles'!$G$19=$B$24,21,0),0)),0)</f>
        <v>0</v>
      </c>
      <c r="F7033" cm="1">
        <f t="array" ref="F7033">IFERROR(INDEX(Jesper!AJ$2:AJ$366,ROUNDDOWN($C7033/24,0)+1,1)*INDEX($D$3:$AA$30,INDEX(Jesper!$R$2:$R$366,ROW(INDEX(Jesper!AJ$2:AJ$366,ROUNDDOWN($C7033/24,0)+1,1))-1)+IF('Standard Profiles'!$G$20=$B$10,7,0)+IF('Standard Profiles'!$G$20=$B$17,14,0)+IF('Standard Profiles'!$G$20=$B$24,21,0),MOD($C7033,24)+1)/SUM(INDEX($D$3:$AA$30,INDEX(Jesper!$R$2:$R$366,ROW(INDEX(Jesper!AJ$2:AJ$366,ROUNDDOWN($C7033/24,0)+1,1))-1)+IF('Standard Profiles'!$G$20=$B$10,7,0)+IF('Standard Profiles'!$G$20=$B$17,14,0)+IF('Standard Profiles'!$G$20=$B$24,21,0),0)),0)</f>
        <v>0</v>
      </c>
      <c r="G7033" cm="1">
        <f t="array" ref="G7033">IFERROR(INDEX(Jesper!AK$2:AK$366,ROUNDDOWN($C7033/24,0)+1,1)*INDEX($D$3:$AA$30,INDEX(Jesper!$R$2:$R$366,ROW(INDEX(Jesper!AK$2:AK$366,ROUNDDOWN($C7033/24,0)+1,1))-1)+IF('Standard Profiles'!$G$21=$B$10,7,0)+IF('Standard Profiles'!$G$21=$B$17,14,0)+IF('Standard Profiles'!$G$21=$B$24,21,0),MOD($C7033,24)+1)/SUM(INDEX($D$3:$AA$30,INDEX(Jesper!$R$2:$R$366,ROW(INDEX(Jesper!AK$2:AK$366,ROUNDDOWN($C7033/24,0)+1,1))-1)+IF('Standard Profiles'!$G$21=$B$10,7,0)+IF('Standard Profiles'!$G$21=$B$17,14,0)+IF('Standard Profiles'!$G$21=$B$24,21,0),0)),0)</f>
        <v>0</v>
      </c>
      <c r="H7033" cm="1">
        <f t="array" ref="H7033">IFERROR(INDEX(Jesper!AL$2:AL$366,ROUNDDOWN($C7033/24,0)+1,1)*INDEX($D$3:$AA$30,INDEX(Jesper!$R$2:$R$366,ROW(INDEX(Jesper!AL$2:AL$366,ROUNDDOWN($C7033/24,0)+1,1))-1)+IF('Standard Profiles'!$G$22=$B$10,7,0)+IF('Standard Profiles'!$G$22=$B$17,14,0)+IF('Standard Profiles'!$G$22=$B$24,21,0),MOD($C7033,24)+1)/SUM(INDEX($D$3:$AA$30,INDEX(Jesper!$R$2:$R$366,ROW(INDEX(Jesper!AL$2:AL$366,ROUNDDOWN($C7033/24,0)+1,1))-1)+IF('Standard Profiles'!$G$22=$B$10,7,0)+IF('Standard Profiles'!$G$22=$B$17,14,0)+IF('Standard Profiles'!$G$22=$B$24,21,0),0)),0)</f>
        <v>0</v>
      </c>
      <c r="I7033">
        <f t="shared" si="783"/>
        <v>0.42503199789071922</v>
      </c>
      <c r="J7033">
        <f t="shared" si="784"/>
        <v>1.4167733263023976</v>
      </c>
      <c r="K7033">
        <f t="shared" si="785"/>
        <v>2.125159989453596</v>
      </c>
      <c r="L7033">
        <f t="shared" si="786"/>
        <v>10.20076794937726</v>
      </c>
      <c r="M7033">
        <f t="shared" si="787"/>
        <v>0</v>
      </c>
      <c r="N7033" s="46">
        <f t="shared" si="788"/>
        <v>45583.624999983025</v>
      </c>
    </row>
    <row r="7034" spans="2:14" x14ac:dyDescent="0.3">
      <c r="B7034">
        <f t="shared" si="782"/>
        <v>5</v>
      </c>
      <c r="C7034" s="16">
        <v>7000</v>
      </c>
      <c r="D7034" cm="1">
        <f t="array" ref="D7034">IFERROR(INDEX(Jesper!AH$2:AH$366,ROUNDDOWN($C7034/24,0)+1,1)*INDEX($D$3:$AA$30,INDEX(Jesper!$R$2:$R$366,ROW(INDEX(Jesper!AH$2:AH$366,ROUNDDOWN($C7034/24,0)+1,1))-1)+IF('Standard Profiles'!$G$18=$B$10,7,0)+IF('Standard Profiles'!$G$18=$B$17,14,0)+IF('Standard Profiles'!$G$18=$B$24,21,0),MOD($C7034,24)+1)/SUM(INDEX($D$3:$AA$30,INDEX(Jesper!$R$2:$R$366,ROW(INDEX(Jesper!AH$2:AH$366,ROUNDDOWN($C7034/24,0)+1,1))-1)+IF('Standard Profiles'!$G$18=$B$10,7,0)+IF('Standard Profiles'!$G$18=$B$17,14,0)+IF('Standard Profiles'!$G$18=$B$24,21,0),0)),0)</f>
        <v>13.412120822329364</v>
      </c>
      <c r="E7034" cm="1">
        <f t="array" ref="E7034">IFERROR(INDEX(Jesper!AI$2:AI$366,ROUNDDOWN($C7034/24,0)+1,1)*INDEX($D$3:$AA$30,INDEX(Jesper!$R$2:$R$366,ROW(INDEX(Jesper!AI$2:AI$366,ROUNDDOWN($C7034/24,0)+1,1))-1)+IF('Standard Profiles'!$G$19=$B$10,7,0)+IF('Standard Profiles'!$G$19=$B$17,14,0)+IF('Standard Profiles'!$G$19=$B$24,21,0),MOD($C7034,24)+1)/SUM(INDEX($D$3:$AA$30,INDEX(Jesper!$R$2:$R$366,ROW(INDEX(Jesper!AI$2:AI$366,ROUNDDOWN($C7034/24,0)+1,1))-1)+IF('Standard Profiles'!$G$19=$B$10,7,0)+IF('Standard Profiles'!$G$19=$B$17,14,0)+IF('Standard Profiles'!$G$19=$B$24,21,0),0)),0)</f>
        <v>0</v>
      </c>
      <c r="F7034" cm="1">
        <f t="array" ref="F7034">IFERROR(INDEX(Jesper!AJ$2:AJ$366,ROUNDDOWN($C7034/24,0)+1,1)*INDEX($D$3:$AA$30,INDEX(Jesper!$R$2:$R$366,ROW(INDEX(Jesper!AJ$2:AJ$366,ROUNDDOWN($C7034/24,0)+1,1))-1)+IF('Standard Profiles'!$G$20=$B$10,7,0)+IF('Standard Profiles'!$G$20=$B$17,14,0)+IF('Standard Profiles'!$G$20=$B$24,21,0),MOD($C7034,24)+1)/SUM(INDEX($D$3:$AA$30,INDEX(Jesper!$R$2:$R$366,ROW(INDEX(Jesper!AJ$2:AJ$366,ROUNDDOWN($C7034/24,0)+1,1))-1)+IF('Standard Profiles'!$G$20=$B$10,7,0)+IF('Standard Profiles'!$G$20=$B$17,14,0)+IF('Standard Profiles'!$G$20=$B$24,21,0),0)),0)</f>
        <v>0</v>
      </c>
      <c r="G7034" cm="1">
        <f t="array" ref="G7034">IFERROR(INDEX(Jesper!AK$2:AK$366,ROUNDDOWN($C7034/24,0)+1,1)*INDEX($D$3:$AA$30,INDEX(Jesper!$R$2:$R$366,ROW(INDEX(Jesper!AK$2:AK$366,ROUNDDOWN($C7034/24,0)+1,1))-1)+IF('Standard Profiles'!$G$21=$B$10,7,0)+IF('Standard Profiles'!$G$21=$B$17,14,0)+IF('Standard Profiles'!$G$21=$B$24,21,0),MOD($C7034,24)+1)/SUM(INDEX($D$3:$AA$30,INDEX(Jesper!$R$2:$R$366,ROW(INDEX(Jesper!AK$2:AK$366,ROUNDDOWN($C7034/24,0)+1,1))-1)+IF('Standard Profiles'!$G$21=$B$10,7,0)+IF('Standard Profiles'!$G$21=$B$17,14,0)+IF('Standard Profiles'!$G$21=$B$24,21,0),0)),0)</f>
        <v>0</v>
      </c>
      <c r="H7034" cm="1">
        <f t="array" ref="H7034">IFERROR(INDEX(Jesper!AL$2:AL$366,ROUNDDOWN($C7034/24,0)+1,1)*INDEX($D$3:$AA$30,INDEX(Jesper!$R$2:$R$366,ROW(INDEX(Jesper!AL$2:AL$366,ROUNDDOWN($C7034/24,0)+1,1))-1)+IF('Standard Profiles'!$G$22=$B$10,7,0)+IF('Standard Profiles'!$G$22=$B$17,14,0)+IF('Standard Profiles'!$G$22=$B$24,21,0),MOD($C7034,24)+1)/SUM(INDEX($D$3:$AA$30,INDEX(Jesper!$R$2:$R$366,ROW(INDEX(Jesper!AL$2:AL$366,ROUNDDOWN($C7034/24,0)+1,1))-1)+IF('Standard Profiles'!$G$22=$B$10,7,0)+IF('Standard Profiles'!$G$22=$B$17,14,0)+IF('Standard Profiles'!$G$22=$B$24,21,0),0)),0)</f>
        <v>0</v>
      </c>
      <c r="I7034">
        <f t="shared" si="783"/>
        <v>0.4023636246698809</v>
      </c>
      <c r="J7034">
        <f t="shared" si="784"/>
        <v>1.3412120822329365</v>
      </c>
      <c r="K7034">
        <f t="shared" si="785"/>
        <v>2.0118181233494044</v>
      </c>
      <c r="L7034">
        <f t="shared" si="786"/>
        <v>9.6567269920771412</v>
      </c>
      <c r="M7034">
        <f t="shared" si="787"/>
        <v>0</v>
      </c>
      <c r="N7034" s="46">
        <f t="shared" si="788"/>
        <v>45583.666666649689</v>
      </c>
    </row>
    <row r="7035" spans="2:14" x14ac:dyDescent="0.3">
      <c r="B7035">
        <f t="shared" si="782"/>
        <v>5</v>
      </c>
      <c r="C7035" s="16">
        <v>7001</v>
      </c>
      <c r="D7035" cm="1">
        <f t="array" ref="D7035">IFERROR(INDEX(Jesper!AH$2:AH$366,ROUNDDOWN($C7035/24,0)+1,1)*INDEX($D$3:$AA$30,INDEX(Jesper!$R$2:$R$366,ROW(INDEX(Jesper!AH$2:AH$366,ROUNDDOWN($C7035/24,0)+1,1))-1)+IF('Standard Profiles'!$G$18=$B$10,7,0)+IF('Standard Profiles'!$G$18=$B$17,14,0)+IF('Standard Profiles'!$G$18=$B$24,21,0),MOD($C7035,24)+1)/SUM(INDEX($D$3:$AA$30,INDEX(Jesper!$R$2:$R$366,ROW(INDEX(Jesper!AH$2:AH$366,ROUNDDOWN($C7035/24,0)+1,1))-1)+IF('Standard Profiles'!$G$18=$B$10,7,0)+IF('Standard Profiles'!$G$18=$B$17,14,0)+IF('Standard Profiles'!$G$18=$B$24,21,0),0)),0)</f>
        <v>13.412120822329364</v>
      </c>
      <c r="E7035" cm="1">
        <f t="array" ref="E7035">IFERROR(INDEX(Jesper!AI$2:AI$366,ROUNDDOWN($C7035/24,0)+1,1)*INDEX($D$3:$AA$30,INDEX(Jesper!$R$2:$R$366,ROW(INDEX(Jesper!AI$2:AI$366,ROUNDDOWN($C7035/24,0)+1,1))-1)+IF('Standard Profiles'!$G$19=$B$10,7,0)+IF('Standard Profiles'!$G$19=$B$17,14,0)+IF('Standard Profiles'!$G$19=$B$24,21,0),MOD($C7035,24)+1)/SUM(INDEX($D$3:$AA$30,INDEX(Jesper!$R$2:$R$366,ROW(INDEX(Jesper!AI$2:AI$366,ROUNDDOWN($C7035/24,0)+1,1))-1)+IF('Standard Profiles'!$G$19=$B$10,7,0)+IF('Standard Profiles'!$G$19=$B$17,14,0)+IF('Standard Profiles'!$G$19=$B$24,21,0),0)),0)</f>
        <v>0</v>
      </c>
      <c r="F7035" cm="1">
        <f t="array" ref="F7035">IFERROR(INDEX(Jesper!AJ$2:AJ$366,ROUNDDOWN($C7035/24,0)+1,1)*INDEX($D$3:$AA$30,INDEX(Jesper!$R$2:$R$366,ROW(INDEX(Jesper!AJ$2:AJ$366,ROUNDDOWN($C7035/24,0)+1,1))-1)+IF('Standard Profiles'!$G$20=$B$10,7,0)+IF('Standard Profiles'!$G$20=$B$17,14,0)+IF('Standard Profiles'!$G$20=$B$24,21,0),MOD($C7035,24)+1)/SUM(INDEX($D$3:$AA$30,INDEX(Jesper!$R$2:$R$366,ROW(INDEX(Jesper!AJ$2:AJ$366,ROUNDDOWN($C7035/24,0)+1,1))-1)+IF('Standard Profiles'!$G$20=$B$10,7,0)+IF('Standard Profiles'!$G$20=$B$17,14,0)+IF('Standard Profiles'!$G$20=$B$24,21,0),0)),0)</f>
        <v>0</v>
      </c>
      <c r="G7035" cm="1">
        <f t="array" ref="G7035">IFERROR(INDEX(Jesper!AK$2:AK$366,ROUNDDOWN($C7035/24,0)+1,1)*INDEX($D$3:$AA$30,INDEX(Jesper!$R$2:$R$366,ROW(INDEX(Jesper!AK$2:AK$366,ROUNDDOWN($C7035/24,0)+1,1))-1)+IF('Standard Profiles'!$G$21=$B$10,7,0)+IF('Standard Profiles'!$G$21=$B$17,14,0)+IF('Standard Profiles'!$G$21=$B$24,21,0),MOD($C7035,24)+1)/SUM(INDEX($D$3:$AA$30,INDEX(Jesper!$R$2:$R$366,ROW(INDEX(Jesper!AK$2:AK$366,ROUNDDOWN($C7035/24,0)+1,1))-1)+IF('Standard Profiles'!$G$21=$B$10,7,0)+IF('Standard Profiles'!$G$21=$B$17,14,0)+IF('Standard Profiles'!$G$21=$B$24,21,0),0)),0)</f>
        <v>0</v>
      </c>
      <c r="H7035" cm="1">
        <f t="array" ref="H7035">IFERROR(INDEX(Jesper!AL$2:AL$366,ROUNDDOWN($C7035/24,0)+1,1)*INDEX($D$3:$AA$30,INDEX(Jesper!$R$2:$R$366,ROW(INDEX(Jesper!AL$2:AL$366,ROUNDDOWN($C7035/24,0)+1,1))-1)+IF('Standard Profiles'!$G$22=$B$10,7,0)+IF('Standard Profiles'!$G$22=$B$17,14,0)+IF('Standard Profiles'!$G$22=$B$24,21,0),MOD($C7035,24)+1)/SUM(INDEX($D$3:$AA$30,INDEX(Jesper!$R$2:$R$366,ROW(INDEX(Jesper!AL$2:AL$366,ROUNDDOWN($C7035/24,0)+1,1))-1)+IF('Standard Profiles'!$G$22=$B$10,7,0)+IF('Standard Profiles'!$G$22=$B$17,14,0)+IF('Standard Profiles'!$G$22=$B$24,21,0),0)),0)</f>
        <v>0</v>
      </c>
      <c r="I7035">
        <f t="shared" si="783"/>
        <v>0.4023636246698809</v>
      </c>
      <c r="J7035">
        <f t="shared" si="784"/>
        <v>1.3412120822329365</v>
      </c>
      <c r="K7035">
        <f t="shared" si="785"/>
        <v>2.0118181233494044</v>
      </c>
      <c r="L7035">
        <f t="shared" si="786"/>
        <v>9.6567269920771412</v>
      </c>
      <c r="M7035">
        <f t="shared" si="787"/>
        <v>0</v>
      </c>
      <c r="N7035" s="46">
        <f t="shared" si="788"/>
        <v>45583.708333316354</v>
      </c>
    </row>
    <row r="7036" spans="2:14" x14ac:dyDescent="0.3">
      <c r="B7036">
        <f t="shared" si="782"/>
        <v>5</v>
      </c>
      <c r="C7036" s="16">
        <v>7002</v>
      </c>
      <c r="D7036" cm="1">
        <f t="array" ref="D7036">IFERROR(INDEX(Jesper!AH$2:AH$366,ROUNDDOWN($C7036/24,0)+1,1)*INDEX($D$3:$AA$30,INDEX(Jesper!$R$2:$R$366,ROW(INDEX(Jesper!AH$2:AH$366,ROUNDDOWN($C7036/24,0)+1,1))-1)+IF('Standard Profiles'!$G$18=$B$10,7,0)+IF('Standard Profiles'!$G$18=$B$17,14,0)+IF('Standard Profiles'!$G$18=$B$24,21,0),MOD($C7036,24)+1)/SUM(INDEX($D$3:$AA$30,INDEX(Jesper!$R$2:$R$366,ROW(INDEX(Jesper!AH$2:AH$366,ROUNDDOWN($C7036/24,0)+1,1))-1)+IF('Standard Profiles'!$G$18=$B$10,7,0)+IF('Standard Profiles'!$G$18=$B$17,14,0)+IF('Standard Profiles'!$G$18=$B$24,21,0),0)),0)</f>
        <v>13.412120822329364</v>
      </c>
      <c r="E7036" cm="1">
        <f t="array" ref="E7036">IFERROR(INDEX(Jesper!AI$2:AI$366,ROUNDDOWN($C7036/24,0)+1,1)*INDEX($D$3:$AA$30,INDEX(Jesper!$R$2:$R$366,ROW(INDEX(Jesper!AI$2:AI$366,ROUNDDOWN($C7036/24,0)+1,1))-1)+IF('Standard Profiles'!$G$19=$B$10,7,0)+IF('Standard Profiles'!$G$19=$B$17,14,0)+IF('Standard Profiles'!$G$19=$B$24,21,0),MOD($C7036,24)+1)/SUM(INDEX($D$3:$AA$30,INDEX(Jesper!$R$2:$R$366,ROW(INDEX(Jesper!AI$2:AI$366,ROUNDDOWN($C7036/24,0)+1,1))-1)+IF('Standard Profiles'!$G$19=$B$10,7,0)+IF('Standard Profiles'!$G$19=$B$17,14,0)+IF('Standard Profiles'!$G$19=$B$24,21,0),0)),0)</f>
        <v>0</v>
      </c>
      <c r="F7036" cm="1">
        <f t="array" ref="F7036">IFERROR(INDEX(Jesper!AJ$2:AJ$366,ROUNDDOWN($C7036/24,0)+1,1)*INDEX($D$3:$AA$30,INDEX(Jesper!$R$2:$R$366,ROW(INDEX(Jesper!AJ$2:AJ$366,ROUNDDOWN($C7036/24,0)+1,1))-1)+IF('Standard Profiles'!$G$20=$B$10,7,0)+IF('Standard Profiles'!$G$20=$B$17,14,0)+IF('Standard Profiles'!$G$20=$B$24,21,0),MOD($C7036,24)+1)/SUM(INDEX($D$3:$AA$30,INDEX(Jesper!$R$2:$R$366,ROW(INDEX(Jesper!AJ$2:AJ$366,ROUNDDOWN($C7036/24,0)+1,1))-1)+IF('Standard Profiles'!$G$20=$B$10,7,0)+IF('Standard Profiles'!$G$20=$B$17,14,0)+IF('Standard Profiles'!$G$20=$B$24,21,0),0)),0)</f>
        <v>0</v>
      </c>
      <c r="G7036" cm="1">
        <f t="array" ref="G7036">IFERROR(INDEX(Jesper!AK$2:AK$366,ROUNDDOWN($C7036/24,0)+1,1)*INDEX($D$3:$AA$30,INDEX(Jesper!$R$2:$R$366,ROW(INDEX(Jesper!AK$2:AK$366,ROUNDDOWN($C7036/24,0)+1,1))-1)+IF('Standard Profiles'!$G$21=$B$10,7,0)+IF('Standard Profiles'!$G$21=$B$17,14,0)+IF('Standard Profiles'!$G$21=$B$24,21,0),MOD($C7036,24)+1)/SUM(INDEX($D$3:$AA$30,INDEX(Jesper!$R$2:$R$366,ROW(INDEX(Jesper!AK$2:AK$366,ROUNDDOWN($C7036/24,0)+1,1))-1)+IF('Standard Profiles'!$G$21=$B$10,7,0)+IF('Standard Profiles'!$G$21=$B$17,14,0)+IF('Standard Profiles'!$G$21=$B$24,21,0),0)),0)</f>
        <v>0</v>
      </c>
      <c r="H7036" cm="1">
        <f t="array" ref="H7036">IFERROR(INDEX(Jesper!AL$2:AL$366,ROUNDDOWN($C7036/24,0)+1,1)*INDEX($D$3:$AA$30,INDEX(Jesper!$R$2:$R$366,ROW(INDEX(Jesper!AL$2:AL$366,ROUNDDOWN($C7036/24,0)+1,1))-1)+IF('Standard Profiles'!$G$22=$B$10,7,0)+IF('Standard Profiles'!$G$22=$B$17,14,0)+IF('Standard Profiles'!$G$22=$B$24,21,0),MOD($C7036,24)+1)/SUM(INDEX($D$3:$AA$30,INDEX(Jesper!$R$2:$R$366,ROW(INDEX(Jesper!AL$2:AL$366,ROUNDDOWN($C7036/24,0)+1,1))-1)+IF('Standard Profiles'!$G$22=$B$10,7,0)+IF('Standard Profiles'!$G$22=$B$17,14,0)+IF('Standard Profiles'!$G$22=$B$24,21,0),0)),0)</f>
        <v>0</v>
      </c>
      <c r="I7036">
        <f t="shared" si="783"/>
        <v>0.4023636246698809</v>
      </c>
      <c r="J7036">
        <f t="shared" si="784"/>
        <v>1.3412120822329365</v>
      </c>
      <c r="K7036">
        <f t="shared" si="785"/>
        <v>2.0118181233494044</v>
      </c>
      <c r="L7036">
        <f t="shared" si="786"/>
        <v>9.6567269920771412</v>
      </c>
      <c r="M7036">
        <f t="shared" si="787"/>
        <v>0</v>
      </c>
      <c r="N7036" s="46">
        <f t="shared" si="788"/>
        <v>45583.749999983018</v>
      </c>
    </row>
    <row r="7037" spans="2:14" x14ac:dyDescent="0.3">
      <c r="B7037">
        <f t="shared" si="782"/>
        <v>5</v>
      </c>
      <c r="C7037" s="16">
        <v>7003</v>
      </c>
      <c r="D7037" cm="1">
        <f t="array" ref="D7037">IFERROR(INDEX(Jesper!AH$2:AH$366,ROUNDDOWN($C7037/24,0)+1,1)*INDEX($D$3:$AA$30,INDEX(Jesper!$R$2:$R$366,ROW(INDEX(Jesper!AH$2:AH$366,ROUNDDOWN($C7037/24,0)+1,1))-1)+IF('Standard Profiles'!$G$18=$B$10,7,0)+IF('Standard Profiles'!$G$18=$B$17,14,0)+IF('Standard Profiles'!$G$18=$B$24,21,0),MOD($C7037,24)+1)/SUM(INDEX($D$3:$AA$30,INDEX(Jesper!$R$2:$R$366,ROW(INDEX(Jesper!AH$2:AH$366,ROUNDDOWN($C7037/24,0)+1,1))-1)+IF('Standard Profiles'!$G$18=$B$10,7,0)+IF('Standard Profiles'!$G$18=$B$17,14,0)+IF('Standard Profiles'!$G$18=$B$24,21,0),0)),0)</f>
        <v>13.412120822329364</v>
      </c>
      <c r="E7037" cm="1">
        <f t="array" ref="E7037">IFERROR(INDEX(Jesper!AI$2:AI$366,ROUNDDOWN($C7037/24,0)+1,1)*INDEX($D$3:$AA$30,INDEX(Jesper!$R$2:$R$366,ROW(INDEX(Jesper!AI$2:AI$366,ROUNDDOWN($C7037/24,0)+1,1))-1)+IF('Standard Profiles'!$G$19=$B$10,7,0)+IF('Standard Profiles'!$G$19=$B$17,14,0)+IF('Standard Profiles'!$G$19=$B$24,21,0),MOD($C7037,24)+1)/SUM(INDEX($D$3:$AA$30,INDEX(Jesper!$R$2:$R$366,ROW(INDEX(Jesper!AI$2:AI$366,ROUNDDOWN($C7037/24,0)+1,1))-1)+IF('Standard Profiles'!$G$19=$B$10,7,0)+IF('Standard Profiles'!$G$19=$B$17,14,0)+IF('Standard Profiles'!$G$19=$B$24,21,0),0)),0)</f>
        <v>0</v>
      </c>
      <c r="F7037" cm="1">
        <f t="array" ref="F7037">IFERROR(INDEX(Jesper!AJ$2:AJ$366,ROUNDDOWN($C7037/24,0)+1,1)*INDEX($D$3:$AA$30,INDEX(Jesper!$R$2:$R$366,ROW(INDEX(Jesper!AJ$2:AJ$366,ROUNDDOWN($C7037/24,0)+1,1))-1)+IF('Standard Profiles'!$G$20=$B$10,7,0)+IF('Standard Profiles'!$G$20=$B$17,14,0)+IF('Standard Profiles'!$G$20=$B$24,21,0),MOD($C7037,24)+1)/SUM(INDEX($D$3:$AA$30,INDEX(Jesper!$R$2:$R$366,ROW(INDEX(Jesper!AJ$2:AJ$366,ROUNDDOWN($C7037/24,0)+1,1))-1)+IF('Standard Profiles'!$G$20=$B$10,7,0)+IF('Standard Profiles'!$G$20=$B$17,14,0)+IF('Standard Profiles'!$G$20=$B$24,21,0),0)),0)</f>
        <v>0</v>
      </c>
      <c r="G7037" cm="1">
        <f t="array" ref="G7037">IFERROR(INDEX(Jesper!AK$2:AK$366,ROUNDDOWN($C7037/24,0)+1,1)*INDEX($D$3:$AA$30,INDEX(Jesper!$R$2:$R$366,ROW(INDEX(Jesper!AK$2:AK$366,ROUNDDOWN($C7037/24,0)+1,1))-1)+IF('Standard Profiles'!$G$21=$B$10,7,0)+IF('Standard Profiles'!$G$21=$B$17,14,0)+IF('Standard Profiles'!$G$21=$B$24,21,0),MOD($C7037,24)+1)/SUM(INDEX($D$3:$AA$30,INDEX(Jesper!$R$2:$R$366,ROW(INDEX(Jesper!AK$2:AK$366,ROUNDDOWN($C7037/24,0)+1,1))-1)+IF('Standard Profiles'!$G$21=$B$10,7,0)+IF('Standard Profiles'!$G$21=$B$17,14,0)+IF('Standard Profiles'!$G$21=$B$24,21,0),0)),0)</f>
        <v>0</v>
      </c>
      <c r="H7037" cm="1">
        <f t="array" ref="H7037">IFERROR(INDEX(Jesper!AL$2:AL$366,ROUNDDOWN($C7037/24,0)+1,1)*INDEX($D$3:$AA$30,INDEX(Jesper!$R$2:$R$366,ROW(INDEX(Jesper!AL$2:AL$366,ROUNDDOWN($C7037/24,0)+1,1))-1)+IF('Standard Profiles'!$G$22=$B$10,7,0)+IF('Standard Profiles'!$G$22=$B$17,14,0)+IF('Standard Profiles'!$G$22=$B$24,21,0),MOD($C7037,24)+1)/SUM(INDEX($D$3:$AA$30,INDEX(Jesper!$R$2:$R$366,ROW(INDEX(Jesper!AL$2:AL$366,ROUNDDOWN($C7037/24,0)+1,1))-1)+IF('Standard Profiles'!$G$22=$B$10,7,0)+IF('Standard Profiles'!$G$22=$B$17,14,0)+IF('Standard Profiles'!$G$22=$B$24,21,0),0)),0)</f>
        <v>0</v>
      </c>
      <c r="I7037">
        <f t="shared" si="783"/>
        <v>0.4023636246698809</v>
      </c>
      <c r="J7037">
        <f t="shared" si="784"/>
        <v>1.3412120822329365</v>
      </c>
      <c r="K7037">
        <f t="shared" si="785"/>
        <v>2.0118181233494044</v>
      </c>
      <c r="L7037">
        <f t="shared" si="786"/>
        <v>9.6567269920771412</v>
      </c>
      <c r="M7037">
        <f t="shared" si="787"/>
        <v>0</v>
      </c>
      <c r="N7037" s="46">
        <f t="shared" si="788"/>
        <v>45583.791666649682</v>
      </c>
    </row>
    <row r="7038" spans="2:14" x14ac:dyDescent="0.3">
      <c r="B7038">
        <f t="shared" si="782"/>
        <v>5</v>
      </c>
      <c r="C7038" s="16">
        <v>7004</v>
      </c>
      <c r="D7038" cm="1">
        <f t="array" ref="D7038">IFERROR(INDEX(Jesper!AH$2:AH$366,ROUNDDOWN($C7038/24,0)+1,1)*INDEX($D$3:$AA$30,INDEX(Jesper!$R$2:$R$366,ROW(INDEX(Jesper!AH$2:AH$366,ROUNDDOWN($C7038/24,0)+1,1))-1)+IF('Standard Profiles'!$G$18=$B$10,7,0)+IF('Standard Profiles'!$G$18=$B$17,14,0)+IF('Standard Profiles'!$G$18=$B$24,21,0),MOD($C7038,24)+1)/SUM(INDEX($D$3:$AA$30,INDEX(Jesper!$R$2:$R$366,ROW(INDEX(Jesper!AH$2:AH$366,ROUNDDOWN($C7038/24,0)+1,1))-1)+IF('Standard Profiles'!$G$18=$B$10,7,0)+IF('Standard Profiles'!$G$18=$B$17,14,0)+IF('Standard Profiles'!$G$18=$B$24,21,0),0)),0)</f>
        <v>10.389671059550913</v>
      </c>
      <c r="E7038" cm="1">
        <f t="array" ref="E7038">IFERROR(INDEX(Jesper!AI$2:AI$366,ROUNDDOWN($C7038/24,0)+1,1)*INDEX($D$3:$AA$30,INDEX(Jesper!$R$2:$R$366,ROW(INDEX(Jesper!AI$2:AI$366,ROUNDDOWN($C7038/24,0)+1,1))-1)+IF('Standard Profiles'!$G$19=$B$10,7,0)+IF('Standard Profiles'!$G$19=$B$17,14,0)+IF('Standard Profiles'!$G$19=$B$24,21,0),MOD($C7038,24)+1)/SUM(INDEX($D$3:$AA$30,INDEX(Jesper!$R$2:$R$366,ROW(INDEX(Jesper!AI$2:AI$366,ROUNDDOWN($C7038/24,0)+1,1))-1)+IF('Standard Profiles'!$G$19=$B$10,7,0)+IF('Standard Profiles'!$G$19=$B$17,14,0)+IF('Standard Profiles'!$G$19=$B$24,21,0),0)),0)</f>
        <v>0</v>
      </c>
      <c r="F7038" cm="1">
        <f t="array" ref="F7038">IFERROR(INDEX(Jesper!AJ$2:AJ$366,ROUNDDOWN($C7038/24,0)+1,1)*INDEX($D$3:$AA$30,INDEX(Jesper!$R$2:$R$366,ROW(INDEX(Jesper!AJ$2:AJ$366,ROUNDDOWN($C7038/24,0)+1,1))-1)+IF('Standard Profiles'!$G$20=$B$10,7,0)+IF('Standard Profiles'!$G$20=$B$17,14,0)+IF('Standard Profiles'!$G$20=$B$24,21,0),MOD($C7038,24)+1)/SUM(INDEX($D$3:$AA$30,INDEX(Jesper!$R$2:$R$366,ROW(INDEX(Jesper!AJ$2:AJ$366,ROUNDDOWN($C7038/24,0)+1,1))-1)+IF('Standard Profiles'!$G$20=$B$10,7,0)+IF('Standard Profiles'!$G$20=$B$17,14,0)+IF('Standard Profiles'!$G$20=$B$24,21,0),0)),0)</f>
        <v>0</v>
      </c>
      <c r="G7038" cm="1">
        <f t="array" ref="G7038">IFERROR(INDEX(Jesper!AK$2:AK$366,ROUNDDOWN($C7038/24,0)+1,1)*INDEX($D$3:$AA$30,INDEX(Jesper!$R$2:$R$366,ROW(INDEX(Jesper!AK$2:AK$366,ROUNDDOWN($C7038/24,0)+1,1))-1)+IF('Standard Profiles'!$G$21=$B$10,7,0)+IF('Standard Profiles'!$G$21=$B$17,14,0)+IF('Standard Profiles'!$G$21=$B$24,21,0),MOD($C7038,24)+1)/SUM(INDEX($D$3:$AA$30,INDEX(Jesper!$R$2:$R$366,ROW(INDEX(Jesper!AK$2:AK$366,ROUNDDOWN($C7038/24,0)+1,1))-1)+IF('Standard Profiles'!$G$21=$B$10,7,0)+IF('Standard Profiles'!$G$21=$B$17,14,0)+IF('Standard Profiles'!$G$21=$B$24,21,0),0)),0)</f>
        <v>0</v>
      </c>
      <c r="H7038" cm="1">
        <f t="array" ref="H7038">IFERROR(INDEX(Jesper!AL$2:AL$366,ROUNDDOWN($C7038/24,0)+1,1)*INDEX($D$3:$AA$30,INDEX(Jesper!$R$2:$R$366,ROW(INDEX(Jesper!AL$2:AL$366,ROUNDDOWN($C7038/24,0)+1,1))-1)+IF('Standard Profiles'!$G$22=$B$10,7,0)+IF('Standard Profiles'!$G$22=$B$17,14,0)+IF('Standard Profiles'!$G$22=$B$24,21,0),MOD($C7038,24)+1)/SUM(INDEX($D$3:$AA$30,INDEX(Jesper!$R$2:$R$366,ROW(INDEX(Jesper!AL$2:AL$366,ROUNDDOWN($C7038/24,0)+1,1))-1)+IF('Standard Profiles'!$G$22=$B$10,7,0)+IF('Standard Profiles'!$G$22=$B$17,14,0)+IF('Standard Profiles'!$G$22=$B$24,21,0),0)),0)</f>
        <v>0</v>
      </c>
      <c r="I7038">
        <f t="shared" si="783"/>
        <v>0.31169013178652738</v>
      </c>
      <c r="J7038">
        <f t="shared" si="784"/>
        <v>1.0389671059550913</v>
      </c>
      <c r="K7038">
        <f t="shared" si="785"/>
        <v>1.558450658932637</v>
      </c>
      <c r="L7038">
        <f t="shared" si="786"/>
        <v>7.4805631628766571</v>
      </c>
      <c r="M7038">
        <f t="shared" si="787"/>
        <v>0</v>
      </c>
      <c r="N7038" s="46">
        <f t="shared" si="788"/>
        <v>45583.833333316346</v>
      </c>
    </row>
    <row r="7039" spans="2:14" x14ac:dyDescent="0.3">
      <c r="B7039">
        <f t="shared" si="782"/>
        <v>5</v>
      </c>
      <c r="C7039" s="16">
        <v>7005</v>
      </c>
      <c r="D7039" cm="1">
        <f t="array" ref="D7039">IFERROR(INDEX(Jesper!AH$2:AH$366,ROUNDDOWN($C7039/24,0)+1,1)*INDEX($D$3:$AA$30,INDEX(Jesper!$R$2:$R$366,ROW(INDEX(Jesper!AH$2:AH$366,ROUNDDOWN($C7039/24,0)+1,1))-1)+IF('Standard Profiles'!$G$18=$B$10,7,0)+IF('Standard Profiles'!$G$18=$B$17,14,0)+IF('Standard Profiles'!$G$18=$B$24,21,0),MOD($C7039,24)+1)/SUM(INDEX($D$3:$AA$30,INDEX(Jesper!$R$2:$R$366,ROW(INDEX(Jesper!AH$2:AH$366,ROUNDDOWN($C7039/24,0)+1,1))-1)+IF('Standard Profiles'!$G$18=$B$10,7,0)+IF('Standard Profiles'!$G$18=$B$17,14,0)+IF('Standard Profiles'!$G$18=$B$24,21,0),0)),0)</f>
        <v>3.9669653136467122</v>
      </c>
      <c r="E7039" cm="1">
        <f t="array" ref="E7039">IFERROR(INDEX(Jesper!AI$2:AI$366,ROUNDDOWN($C7039/24,0)+1,1)*INDEX($D$3:$AA$30,INDEX(Jesper!$R$2:$R$366,ROW(INDEX(Jesper!AI$2:AI$366,ROUNDDOWN($C7039/24,0)+1,1))-1)+IF('Standard Profiles'!$G$19=$B$10,7,0)+IF('Standard Profiles'!$G$19=$B$17,14,0)+IF('Standard Profiles'!$G$19=$B$24,21,0),MOD($C7039,24)+1)/SUM(INDEX($D$3:$AA$30,INDEX(Jesper!$R$2:$R$366,ROW(INDEX(Jesper!AI$2:AI$366,ROUNDDOWN($C7039/24,0)+1,1))-1)+IF('Standard Profiles'!$G$19=$B$10,7,0)+IF('Standard Profiles'!$G$19=$B$17,14,0)+IF('Standard Profiles'!$G$19=$B$24,21,0),0)),0)</f>
        <v>0</v>
      </c>
      <c r="F7039" cm="1">
        <f t="array" ref="F7039">IFERROR(INDEX(Jesper!AJ$2:AJ$366,ROUNDDOWN($C7039/24,0)+1,1)*INDEX($D$3:$AA$30,INDEX(Jesper!$R$2:$R$366,ROW(INDEX(Jesper!AJ$2:AJ$366,ROUNDDOWN($C7039/24,0)+1,1))-1)+IF('Standard Profiles'!$G$20=$B$10,7,0)+IF('Standard Profiles'!$G$20=$B$17,14,0)+IF('Standard Profiles'!$G$20=$B$24,21,0),MOD($C7039,24)+1)/SUM(INDEX($D$3:$AA$30,INDEX(Jesper!$R$2:$R$366,ROW(INDEX(Jesper!AJ$2:AJ$366,ROUNDDOWN($C7039/24,0)+1,1))-1)+IF('Standard Profiles'!$G$20=$B$10,7,0)+IF('Standard Profiles'!$G$20=$B$17,14,0)+IF('Standard Profiles'!$G$20=$B$24,21,0),0)),0)</f>
        <v>0</v>
      </c>
      <c r="G7039" cm="1">
        <f t="array" ref="G7039">IFERROR(INDEX(Jesper!AK$2:AK$366,ROUNDDOWN($C7039/24,0)+1,1)*INDEX($D$3:$AA$30,INDEX(Jesper!$R$2:$R$366,ROW(INDEX(Jesper!AK$2:AK$366,ROUNDDOWN($C7039/24,0)+1,1))-1)+IF('Standard Profiles'!$G$21=$B$10,7,0)+IF('Standard Profiles'!$G$21=$B$17,14,0)+IF('Standard Profiles'!$G$21=$B$24,21,0),MOD($C7039,24)+1)/SUM(INDEX($D$3:$AA$30,INDEX(Jesper!$R$2:$R$366,ROW(INDEX(Jesper!AK$2:AK$366,ROUNDDOWN($C7039/24,0)+1,1))-1)+IF('Standard Profiles'!$G$21=$B$10,7,0)+IF('Standard Profiles'!$G$21=$B$17,14,0)+IF('Standard Profiles'!$G$21=$B$24,21,0),0)),0)</f>
        <v>0</v>
      </c>
      <c r="H7039" cm="1">
        <f t="array" ref="H7039">IFERROR(INDEX(Jesper!AL$2:AL$366,ROUNDDOWN($C7039/24,0)+1,1)*INDEX($D$3:$AA$30,INDEX(Jesper!$R$2:$R$366,ROW(INDEX(Jesper!AL$2:AL$366,ROUNDDOWN($C7039/24,0)+1,1))-1)+IF('Standard Profiles'!$G$22=$B$10,7,0)+IF('Standard Profiles'!$G$22=$B$17,14,0)+IF('Standard Profiles'!$G$22=$B$24,21,0),MOD($C7039,24)+1)/SUM(INDEX($D$3:$AA$30,INDEX(Jesper!$R$2:$R$366,ROW(INDEX(Jesper!AL$2:AL$366,ROUNDDOWN($C7039/24,0)+1,1))-1)+IF('Standard Profiles'!$G$22=$B$10,7,0)+IF('Standard Profiles'!$G$22=$B$17,14,0)+IF('Standard Profiles'!$G$22=$B$24,21,0),0)),0)</f>
        <v>0</v>
      </c>
      <c r="I7039">
        <f t="shared" si="783"/>
        <v>0.11900895940940136</v>
      </c>
      <c r="J7039">
        <f t="shared" si="784"/>
        <v>0.39669653136467126</v>
      </c>
      <c r="K7039">
        <f t="shared" si="785"/>
        <v>0.59504479704700686</v>
      </c>
      <c r="L7039">
        <f t="shared" si="786"/>
        <v>2.8562150258256329</v>
      </c>
      <c r="M7039">
        <f t="shared" si="787"/>
        <v>0</v>
      </c>
      <c r="N7039" s="46">
        <f t="shared" si="788"/>
        <v>45583.874999983011</v>
      </c>
    </row>
    <row r="7040" spans="2:14" x14ac:dyDescent="0.3">
      <c r="B7040">
        <f t="shared" si="782"/>
        <v>5</v>
      </c>
      <c r="C7040" s="16">
        <v>7006</v>
      </c>
      <c r="D7040" cm="1">
        <f t="array" ref="D7040">IFERROR(INDEX(Jesper!AH$2:AH$366,ROUNDDOWN($C7040/24,0)+1,1)*INDEX($D$3:$AA$30,INDEX(Jesper!$R$2:$R$366,ROW(INDEX(Jesper!AH$2:AH$366,ROUNDDOWN($C7040/24,0)+1,1))-1)+IF('Standard Profiles'!$G$18=$B$10,7,0)+IF('Standard Profiles'!$G$18=$B$17,14,0)+IF('Standard Profiles'!$G$18=$B$24,21,0),MOD($C7040,24)+1)/SUM(INDEX($D$3:$AA$30,INDEX(Jesper!$R$2:$R$366,ROW(INDEX(Jesper!AH$2:AH$366,ROUNDDOWN($C7040/24,0)+1,1))-1)+IF('Standard Profiles'!$G$18=$B$10,7,0)+IF('Standard Profiles'!$G$18=$B$17,14,0)+IF('Standard Profiles'!$G$18=$B$24,21,0),0)),0)</f>
        <v>3.9669653136467122</v>
      </c>
      <c r="E7040" cm="1">
        <f t="array" ref="E7040">IFERROR(INDEX(Jesper!AI$2:AI$366,ROUNDDOWN($C7040/24,0)+1,1)*INDEX($D$3:$AA$30,INDEX(Jesper!$R$2:$R$366,ROW(INDEX(Jesper!AI$2:AI$366,ROUNDDOWN($C7040/24,0)+1,1))-1)+IF('Standard Profiles'!$G$19=$B$10,7,0)+IF('Standard Profiles'!$G$19=$B$17,14,0)+IF('Standard Profiles'!$G$19=$B$24,21,0),MOD($C7040,24)+1)/SUM(INDEX($D$3:$AA$30,INDEX(Jesper!$R$2:$R$366,ROW(INDEX(Jesper!AI$2:AI$366,ROUNDDOWN($C7040/24,0)+1,1))-1)+IF('Standard Profiles'!$G$19=$B$10,7,0)+IF('Standard Profiles'!$G$19=$B$17,14,0)+IF('Standard Profiles'!$G$19=$B$24,21,0),0)),0)</f>
        <v>0</v>
      </c>
      <c r="F7040" cm="1">
        <f t="array" ref="F7040">IFERROR(INDEX(Jesper!AJ$2:AJ$366,ROUNDDOWN($C7040/24,0)+1,1)*INDEX($D$3:$AA$30,INDEX(Jesper!$R$2:$R$366,ROW(INDEX(Jesper!AJ$2:AJ$366,ROUNDDOWN($C7040/24,0)+1,1))-1)+IF('Standard Profiles'!$G$20=$B$10,7,0)+IF('Standard Profiles'!$G$20=$B$17,14,0)+IF('Standard Profiles'!$G$20=$B$24,21,0),MOD($C7040,24)+1)/SUM(INDEX($D$3:$AA$30,INDEX(Jesper!$R$2:$R$366,ROW(INDEX(Jesper!AJ$2:AJ$366,ROUNDDOWN($C7040/24,0)+1,1))-1)+IF('Standard Profiles'!$G$20=$B$10,7,0)+IF('Standard Profiles'!$G$20=$B$17,14,0)+IF('Standard Profiles'!$G$20=$B$24,21,0),0)),0)</f>
        <v>0</v>
      </c>
      <c r="G7040" cm="1">
        <f t="array" ref="G7040">IFERROR(INDEX(Jesper!AK$2:AK$366,ROUNDDOWN($C7040/24,0)+1,1)*INDEX($D$3:$AA$30,INDEX(Jesper!$R$2:$R$366,ROW(INDEX(Jesper!AK$2:AK$366,ROUNDDOWN($C7040/24,0)+1,1))-1)+IF('Standard Profiles'!$G$21=$B$10,7,0)+IF('Standard Profiles'!$G$21=$B$17,14,0)+IF('Standard Profiles'!$G$21=$B$24,21,0),MOD($C7040,24)+1)/SUM(INDEX($D$3:$AA$30,INDEX(Jesper!$R$2:$R$366,ROW(INDEX(Jesper!AK$2:AK$366,ROUNDDOWN($C7040/24,0)+1,1))-1)+IF('Standard Profiles'!$G$21=$B$10,7,0)+IF('Standard Profiles'!$G$21=$B$17,14,0)+IF('Standard Profiles'!$G$21=$B$24,21,0),0)),0)</f>
        <v>0</v>
      </c>
      <c r="H7040" cm="1">
        <f t="array" ref="H7040">IFERROR(INDEX(Jesper!AL$2:AL$366,ROUNDDOWN($C7040/24,0)+1,1)*INDEX($D$3:$AA$30,INDEX(Jesper!$R$2:$R$366,ROW(INDEX(Jesper!AL$2:AL$366,ROUNDDOWN($C7040/24,0)+1,1))-1)+IF('Standard Profiles'!$G$22=$B$10,7,0)+IF('Standard Profiles'!$G$22=$B$17,14,0)+IF('Standard Profiles'!$G$22=$B$24,21,0),MOD($C7040,24)+1)/SUM(INDEX($D$3:$AA$30,INDEX(Jesper!$R$2:$R$366,ROW(INDEX(Jesper!AL$2:AL$366,ROUNDDOWN($C7040/24,0)+1,1))-1)+IF('Standard Profiles'!$G$22=$B$10,7,0)+IF('Standard Profiles'!$G$22=$B$17,14,0)+IF('Standard Profiles'!$G$22=$B$24,21,0),0)),0)</f>
        <v>0</v>
      </c>
      <c r="I7040">
        <f t="shared" si="783"/>
        <v>0.11900895940940136</v>
      </c>
      <c r="J7040">
        <f t="shared" si="784"/>
        <v>0.39669653136467126</v>
      </c>
      <c r="K7040">
        <f t="shared" si="785"/>
        <v>0.59504479704700686</v>
      </c>
      <c r="L7040">
        <f t="shared" si="786"/>
        <v>2.8562150258256329</v>
      </c>
      <c r="M7040">
        <f t="shared" si="787"/>
        <v>0</v>
      </c>
      <c r="N7040" s="46">
        <f t="shared" si="788"/>
        <v>45583.916666649675</v>
      </c>
    </row>
    <row r="7041" spans="2:14" x14ac:dyDescent="0.3">
      <c r="B7041">
        <f t="shared" si="782"/>
        <v>5</v>
      </c>
      <c r="C7041" s="16">
        <v>7007</v>
      </c>
      <c r="D7041" cm="1">
        <f t="array" ref="D7041">IFERROR(INDEX(Jesper!AH$2:AH$366,ROUNDDOWN($C7041/24,0)+1,1)*INDEX($D$3:$AA$30,INDEX(Jesper!$R$2:$R$366,ROW(INDEX(Jesper!AH$2:AH$366,ROUNDDOWN($C7041/24,0)+1,1))-1)+IF('Standard Profiles'!$G$18=$B$10,7,0)+IF('Standard Profiles'!$G$18=$B$17,14,0)+IF('Standard Profiles'!$G$18=$B$24,21,0),MOD($C7041,24)+1)/SUM(INDEX($D$3:$AA$30,INDEX(Jesper!$R$2:$R$366,ROW(INDEX(Jesper!AH$2:AH$366,ROUNDDOWN($C7041/24,0)+1,1))-1)+IF('Standard Profiles'!$G$18=$B$10,7,0)+IF('Standard Profiles'!$G$18=$B$17,14,0)+IF('Standard Profiles'!$G$18=$B$24,21,0),0)),0)</f>
        <v>3.9669653136467122</v>
      </c>
      <c r="E7041" cm="1">
        <f t="array" ref="E7041">IFERROR(INDEX(Jesper!AI$2:AI$366,ROUNDDOWN($C7041/24,0)+1,1)*INDEX($D$3:$AA$30,INDEX(Jesper!$R$2:$R$366,ROW(INDEX(Jesper!AI$2:AI$366,ROUNDDOWN($C7041/24,0)+1,1))-1)+IF('Standard Profiles'!$G$19=$B$10,7,0)+IF('Standard Profiles'!$G$19=$B$17,14,0)+IF('Standard Profiles'!$G$19=$B$24,21,0),MOD($C7041,24)+1)/SUM(INDEX($D$3:$AA$30,INDEX(Jesper!$R$2:$R$366,ROW(INDEX(Jesper!AI$2:AI$366,ROUNDDOWN($C7041/24,0)+1,1))-1)+IF('Standard Profiles'!$G$19=$B$10,7,0)+IF('Standard Profiles'!$G$19=$B$17,14,0)+IF('Standard Profiles'!$G$19=$B$24,21,0),0)),0)</f>
        <v>0</v>
      </c>
      <c r="F7041" cm="1">
        <f t="array" ref="F7041">IFERROR(INDEX(Jesper!AJ$2:AJ$366,ROUNDDOWN($C7041/24,0)+1,1)*INDEX($D$3:$AA$30,INDEX(Jesper!$R$2:$R$366,ROW(INDEX(Jesper!AJ$2:AJ$366,ROUNDDOWN($C7041/24,0)+1,1))-1)+IF('Standard Profiles'!$G$20=$B$10,7,0)+IF('Standard Profiles'!$G$20=$B$17,14,0)+IF('Standard Profiles'!$G$20=$B$24,21,0),MOD($C7041,24)+1)/SUM(INDEX($D$3:$AA$30,INDEX(Jesper!$R$2:$R$366,ROW(INDEX(Jesper!AJ$2:AJ$366,ROUNDDOWN($C7041/24,0)+1,1))-1)+IF('Standard Profiles'!$G$20=$B$10,7,0)+IF('Standard Profiles'!$G$20=$B$17,14,0)+IF('Standard Profiles'!$G$20=$B$24,21,0),0)),0)</f>
        <v>0</v>
      </c>
      <c r="G7041" cm="1">
        <f t="array" ref="G7041">IFERROR(INDEX(Jesper!AK$2:AK$366,ROUNDDOWN($C7041/24,0)+1,1)*INDEX($D$3:$AA$30,INDEX(Jesper!$R$2:$R$366,ROW(INDEX(Jesper!AK$2:AK$366,ROUNDDOWN($C7041/24,0)+1,1))-1)+IF('Standard Profiles'!$G$21=$B$10,7,0)+IF('Standard Profiles'!$G$21=$B$17,14,0)+IF('Standard Profiles'!$G$21=$B$24,21,0),MOD($C7041,24)+1)/SUM(INDEX($D$3:$AA$30,INDEX(Jesper!$R$2:$R$366,ROW(INDEX(Jesper!AK$2:AK$366,ROUNDDOWN($C7041/24,0)+1,1))-1)+IF('Standard Profiles'!$G$21=$B$10,7,0)+IF('Standard Profiles'!$G$21=$B$17,14,0)+IF('Standard Profiles'!$G$21=$B$24,21,0),0)),0)</f>
        <v>0</v>
      </c>
      <c r="H7041" cm="1">
        <f t="array" ref="H7041">IFERROR(INDEX(Jesper!AL$2:AL$366,ROUNDDOWN($C7041/24,0)+1,1)*INDEX($D$3:$AA$30,INDEX(Jesper!$R$2:$R$366,ROW(INDEX(Jesper!AL$2:AL$366,ROUNDDOWN($C7041/24,0)+1,1))-1)+IF('Standard Profiles'!$G$22=$B$10,7,0)+IF('Standard Profiles'!$G$22=$B$17,14,0)+IF('Standard Profiles'!$G$22=$B$24,21,0),MOD($C7041,24)+1)/SUM(INDEX($D$3:$AA$30,INDEX(Jesper!$R$2:$R$366,ROW(INDEX(Jesper!AL$2:AL$366,ROUNDDOWN($C7041/24,0)+1,1))-1)+IF('Standard Profiles'!$G$22=$B$10,7,0)+IF('Standard Profiles'!$G$22=$B$17,14,0)+IF('Standard Profiles'!$G$22=$B$24,21,0),0)),0)</f>
        <v>0</v>
      </c>
      <c r="I7041">
        <f t="shared" si="783"/>
        <v>0.11900895940940136</v>
      </c>
      <c r="J7041">
        <f t="shared" si="784"/>
        <v>0.39669653136467126</v>
      </c>
      <c r="K7041">
        <f t="shared" si="785"/>
        <v>0.59504479704700686</v>
      </c>
      <c r="L7041">
        <f t="shared" si="786"/>
        <v>2.8562150258256329</v>
      </c>
      <c r="M7041">
        <f t="shared" si="787"/>
        <v>0</v>
      </c>
      <c r="N7041" s="46">
        <f t="shared" si="788"/>
        <v>45583.958333316339</v>
      </c>
    </row>
    <row r="7042" spans="2:14" x14ac:dyDescent="0.3">
      <c r="B7042">
        <f t="shared" si="782"/>
        <v>6</v>
      </c>
      <c r="C7042" s="16">
        <v>7008</v>
      </c>
      <c r="D7042" cm="1">
        <f t="array" ref="D7042">IFERROR(INDEX(Jesper!AH$2:AH$366,ROUNDDOWN($C7042/24,0)+1,1)*INDEX($D$3:$AA$30,INDEX(Jesper!$R$2:$R$366,ROW(INDEX(Jesper!AH$2:AH$366,ROUNDDOWN($C7042/24,0)+1,1))-1)+IF('Standard Profiles'!$G$18=$B$10,7,0)+IF('Standard Profiles'!$G$18=$B$17,14,0)+IF('Standard Profiles'!$G$18=$B$24,21,0),MOD($C7042,24)+1)/SUM(INDEX($D$3:$AA$30,INDEX(Jesper!$R$2:$R$366,ROW(INDEX(Jesper!AH$2:AH$366,ROUNDDOWN($C7042/24,0)+1,1))-1)+IF('Standard Profiles'!$G$18=$B$10,7,0)+IF('Standard Profiles'!$G$18=$B$17,14,0)+IF('Standard Profiles'!$G$18=$B$24,21,0),0)),0)</f>
        <v>4.2149519910701621</v>
      </c>
      <c r="E7042" cm="1">
        <f t="array" ref="E7042">IFERROR(INDEX(Jesper!AI$2:AI$366,ROUNDDOWN($C7042/24,0)+1,1)*INDEX($D$3:$AA$30,INDEX(Jesper!$R$2:$R$366,ROW(INDEX(Jesper!AI$2:AI$366,ROUNDDOWN($C7042/24,0)+1,1))-1)+IF('Standard Profiles'!$G$19=$B$10,7,0)+IF('Standard Profiles'!$G$19=$B$17,14,0)+IF('Standard Profiles'!$G$19=$B$24,21,0),MOD($C7042,24)+1)/SUM(INDEX($D$3:$AA$30,INDEX(Jesper!$R$2:$R$366,ROW(INDEX(Jesper!AI$2:AI$366,ROUNDDOWN($C7042/24,0)+1,1))-1)+IF('Standard Profiles'!$G$19=$B$10,7,0)+IF('Standard Profiles'!$G$19=$B$17,14,0)+IF('Standard Profiles'!$G$19=$B$24,21,0),0)),0)</f>
        <v>0.94382174824906051</v>
      </c>
      <c r="F7042" cm="1">
        <f t="array" ref="F7042">IFERROR(INDEX(Jesper!AJ$2:AJ$366,ROUNDDOWN($C7042/24,0)+1,1)*INDEX($D$3:$AA$30,INDEX(Jesper!$R$2:$R$366,ROW(INDEX(Jesper!AJ$2:AJ$366,ROUNDDOWN($C7042/24,0)+1,1))-1)+IF('Standard Profiles'!$G$20=$B$10,7,0)+IF('Standard Profiles'!$G$20=$B$17,14,0)+IF('Standard Profiles'!$G$20=$B$24,21,0),MOD($C7042,24)+1)/SUM(INDEX($D$3:$AA$30,INDEX(Jesper!$R$2:$R$366,ROW(INDEX(Jesper!AJ$2:AJ$366,ROUNDDOWN($C7042/24,0)+1,1))-1)+IF('Standard Profiles'!$G$20=$B$10,7,0)+IF('Standard Profiles'!$G$20=$B$17,14,0)+IF('Standard Profiles'!$G$20=$B$24,21,0),0)),0)</f>
        <v>0</v>
      </c>
      <c r="G7042" cm="1">
        <f t="array" ref="G7042">IFERROR(INDEX(Jesper!AK$2:AK$366,ROUNDDOWN($C7042/24,0)+1,1)*INDEX($D$3:$AA$30,INDEX(Jesper!$R$2:$R$366,ROW(INDEX(Jesper!AK$2:AK$366,ROUNDDOWN($C7042/24,0)+1,1))-1)+IF('Standard Profiles'!$G$21=$B$10,7,0)+IF('Standard Profiles'!$G$21=$B$17,14,0)+IF('Standard Profiles'!$G$21=$B$24,21,0),MOD($C7042,24)+1)/SUM(INDEX($D$3:$AA$30,INDEX(Jesper!$R$2:$R$366,ROW(INDEX(Jesper!AK$2:AK$366,ROUNDDOWN($C7042/24,0)+1,1))-1)+IF('Standard Profiles'!$G$21=$B$10,7,0)+IF('Standard Profiles'!$G$21=$B$17,14,0)+IF('Standard Profiles'!$G$21=$B$24,21,0),0)),0)</f>
        <v>0</v>
      </c>
      <c r="H7042" cm="1">
        <f t="array" ref="H7042">IFERROR(INDEX(Jesper!AL$2:AL$366,ROUNDDOWN($C7042/24,0)+1,1)*INDEX($D$3:$AA$30,INDEX(Jesper!$R$2:$R$366,ROW(INDEX(Jesper!AL$2:AL$366,ROUNDDOWN($C7042/24,0)+1,1))-1)+IF('Standard Profiles'!$G$22=$B$10,7,0)+IF('Standard Profiles'!$G$22=$B$17,14,0)+IF('Standard Profiles'!$G$22=$B$24,21,0),MOD($C7042,24)+1)/SUM(INDEX($D$3:$AA$30,INDEX(Jesper!$R$2:$R$366,ROW(INDEX(Jesper!AL$2:AL$366,ROUNDDOWN($C7042/24,0)+1,1))-1)+IF('Standard Profiles'!$G$22=$B$10,7,0)+IF('Standard Profiles'!$G$22=$B$17,14,0)+IF('Standard Profiles'!$G$22=$B$24,21,0),0)),0)</f>
        <v>0</v>
      </c>
      <c r="I7042">
        <f t="shared" si="783"/>
        <v>8.5028986328744213E-2</v>
      </c>
      <c r="J7042">
        <f t="shared" si="784"/>
        <v>0.28342995442914742</v>
      </c>
      <c r="K7042">
        <f t="shared" si="785"/>
        <v>0.42514493164372114</v>
      </c>
      <c r="L7042">
        <f t="shared" si="786"/>
        <v>4.3651698669176096</v>
      </c>
      <c r="M7042">
        <f t="shared" si="787"/>
        <v>0</v>
      </c>
      <c r="N7042" s="46">
        <f t="shared" si="788"/>
        <v>45583.999999983003</v>
      </c>
    </row>
    <row r="7043" spans="2:14" x14ac:dyDescent="0.3">
      <c r="B7043">
        <f t="shared" si="782"/>
        <v>6</v>
      </c>
      <c r="C7043" s="16">
        <v>7009</v>
      </c>
      <c r="D7043" cm="1">
        <f t="array" ref="D7043">IFERROR(INDEX(Jesper!AH$2:AH$366,ROUNDDOWN($C7043/24,0)+1,1)*INDEX($D$3:$AA$30,INDEX(Jesper!$R$2:$R$366,ROW(INDEX(Jesper!AH$2:AH$366,ROUNDDOWN($C7043/24,0)+1,1))-1)+IF('Standard Profiles'!$G$18=$B$10,7,0)+IF('Standard Profiles'!$G$18=$B$17,14,0)+IF('Standard Profiles'!$G$18=$B$24,21,0),MOD($C7043,24)+1)/SUM(INDEX($D$3:$AA$30,INDEX(Jesper!$R$2:$R$366,ROW(INDEX(Jesper!AH$2:AH$366,ROUNDDOWN($C7043/24,0)+1,1))-1)+IF('Standard Profiles'!$G$18=$B$10,7,0)+IF('Standard Profiles'!$G$18=$B$17,14,0)+IF('Standard Profiles'!$G$18=$B$24,21,0),0)),0)</f>
        <v>8.2291919825655562</v>
      </c>
      <c r="E7043" cm="1">
        <f t="array" ref="E7043">IFERROR(INDEX(Jesper!AI$2:AI$366,ROUNDDOWN($C7043/24,0)+1,1)*INDEX($D$3:$AA$30,INDEX(Jesper!$R$2:$R$366,ROW(INDEX(Jesper!AI$2:AI$366,ROUNDDOWN($C7043/24,0)+1,1))-1)+IF('Standard Profiles'!$G$19=$B$10,7,0)+IF('Standard Profiles'!$G$19=$B$17,14,0)+IF('Standard Profiles'!$G$19=$B$24,21,0),MOD($C7043,24)+1)/SUM(INDEX($D$3:$AA$30,INDEX(Jesper!$R$2:$R$366,ROW(INDEX(Jesper!AI$2:AI$366,ROUNDDOWN($C7043/24,0)+1,1))-1)+IF('Standard Profiles'!$G$19=$B$10,7,0)+IF('Standard Profiles'!$G$19=$B$17,14,0)+IF('Standard Profiles'!$G$19=$B$24,21,0),0)),0)</f>
        <v>1.8426996037243566</v>
      </c>
      <c r="F7043" cm="1">
        <f t="array" ref="F7043">IFERROR(INDEX(Jesper!AJ$2:AJ$366,ROUNDDOWN($C7043/24,0)+1,1)*INDEX($D$3:$AA$30,INDEX(Jesper!$R$2:$R$366,ROW(INDEX(Jesper!AJ$2:AJ$366,ROUNDDOWN($C7043/24,0)+1,1))-1)+IF('Standard Profiles'!$G$20=$B$10,7,0)+IF('Standard Profiles'!$G$20=$B$17,14,0)+IF('Standard Profiles'!$G$20=$B$24,21,0),MOD($C7043,24)+1)/SUM(INDEX($D$3:$AA$30,INDEX(Jesper!$R$2:$R$366,ROW(INDEX(Jesper!AJ$2:AJ$366,ROUNDDOWN($C7043/24,0)+1,1))-1)+IF('Standard Profiles'!$G$20=$B$10,7,0)+IF('Standard Profiles'!$G$20=$B$17,14,0)+IF('Standard Profiles'!$G$20=$B$24,21,0),0)),0)</f>
        <v>0</v>
      </c>
      <c r="G7043" cm="1">
        <f t="array" ref="G7043">IFERROR(INDEX(Jesper!AK$2:AK$366,ROUNDDOWN($C7043/24,0)+1,1)*INDEX($D$3:$AA$30,INDEX(Jesper!$R$2:$R$366,ROW(INDEX(Jesper!AK$2:AK$366,ROUNDDOWN($C7043/24,0)+1,1))-1)+IF('Standard Profiles'!$G$21=$B$10,7,0)+IF('Standard Profiles'!$G$21=$B$17,14,0)+IF('Standard Profiles'!$G$21=$B$24,21,0),MOD($C7043,24)+1)/SUM(INDEX($D$3:$AA$30,INDEX(Jesper!$R$2:$R$366,ROW(INDEX(Jesper!AK$2:AK$366,ROUNDDOWN($C7043/24,0)+1,1))-1)+IF('Standard Profiles'!$G$21=$B$10,7,0)+IF('Standard Profiles'!$G$21=$B$17,14,0)+IF('Standard Profiles'!$G$21=$B$24,21,0),0)),0)</f>
        <v>0</v>
      </c>
      <c r="H7043" cm="1">
        <f t="array" ref="H7043">IFERROR(INDEX(Jesper!AL$2:AL$366,ROUNDDOWN($C7043/24,0)+1,1)*INDEX($D$3:$AA$30,INDEX(Jesper!$R$2:$R$366,ROW(INDEX(Jesper!AL$2:AL$366,ROUNDDOWN($C7043/24,0)+1,1))-1)+IF('Standard Profiles'!$G$22=$B$10,7,0)+IF('Standard Profiles'!$G$22=$B$17,14,0)+IF('Standard Profiles'!$G$22=$B$24,21,0),MOD($C7043,24)+1)/SUM(INDEX($D$3:$AA$30,INDEX(Jesper!$R$2:$R$366,ROW(INDEX(Jesper!AL$2:AL$366,ROUNDDOWN($C7043/24,0)+1,1))-1)+IF('Standard Profiles'!$G$22=$B$10,7,0)+IF('Standard Profiles'!$G$22=$B$17,14,0)+IF('Standard Profiles'!$G$22=$B$24,21,0),0)),0)</f>
        <v>0</v>
      </c>
      <c r="I7043">
        <f t="shared" si="783"/>
        <v>0.16600897330850065</v>
      </c>
      <c r="J7043">
        <f t="shared" si="784"/>
        <v>0.55336324436166884</v>
      </c>
      <c r="K7043">
        <f t="shared" si="785"/>
        <v>0.83004486654250331</v>
      </c>
      <c r="L7043">
        <f t="shared" si="786"/>
        <v>8.522474502077241</v>
      </c>
      <c r="M7043">
        <f t="shared" si="787"/>
        <v>0</v>
      </c>
      <c r="N7043" s="46">
        <f t="shared" si="788"/>
        <v>45584.041666649668</v>
      </c>
    </row>
    <row r="7044" spans="2:14" x14ac:dyDescent="0.3">
      <c r="B7044">
        <f t="shared" si="782"/>
        <v>6</v>
      </c>
      <c r="C7044" s="16">
        <v>7010</v>
      </c>
      <c r="D7044" cm="1">
        <f t="array" ref="D7044">IFERROR(INDEX(Jesper!AH$2:AH$366,ROUNDDOWN($C7044/24,0)+1,1)*INDEX($D$3:$AA$30,INDEX(Jesper!$R$2:$R$366,ROW(INDEX(Jesper!AH$2:AH$366,ROUNDDOWN($C7044/24,0)+1,1))-1)+IF('Standard Profiles'!$G$18=$B$10,7,0)+IF('Standard Profiles'!$G$18=$B$17,14,0)+IF('Standard Profiles'!$G$18=$B$24,21,0),MOD($C7044,24)+1)/SUM(INDEX($D$3:$AA$30,INDEX(Jesper!$R$2:$R$366,ROW(INDEX(Jesper!AH$2:AH$366,ROUNDDOWN($C7044/24,0)+1,1))-1)+IF('Standard Profiles'!$G$18=$B$10,7,0)+IF('Standard Profiles'!$G$18=$B$17,14,0)+IF('Standard Profiles'!$G$18=$B$24,21,0),0)),0)</f>
        <v>8.2291919825655562</v>
      </c>
      <c r="E7044" cm="1">
        <f t="array" ref="E7044">IFERROR(INDEX(Jesper!AI$2:AI$366,ROUNDDOWN($C7044/24,0)+1,1)*INDEX($D$3:$AA$30,INDEX(Jesper!$R$2:$R$366,ROW(INDEX(Jesper!AI$2:AI$366,ROUNDDOWN($C7044/24,0)+1,1))-1)+IF('Standard Profiles'!$G$19=$B$10,7,0)+IF('Standard Profiles'!$G$19=$B$17,14,0)+IF('Standard Profiles'!$G$19=$B$24,21,0),MOD($C7044,24)+1)/SUM(INDEX($D$3:$AA$30,INDEX(Jesper!$R$2:$R$366,ROW(INDEX(Jesper!AI$2:AI$366,ROUNDDOWN($C7044/24,0)+1,1))-1)+IF('Standard Profiles'!$G$19=$B$10,7,0)+IF('Standard Profiles'!$G$19=$B$17,14,0)+IF('Standard Profiles'!$G$19=$B$24,21,0),0)),0)</f>
        <v>1.8426996037243566</v>
      </c>
      <c r="F7044" cm="1">
        <f t="array" ref="F7044">IFERROR(INDEX(Jesper!AJ$2:AJ$366,ROUNDDOWN($C7044/24,0)+1,1)*INDEX($D$3:$AA$30,INDEX(Jesper!$R$2:$R$366,ROW(INDEX(Jesper!AJ$2:AJ$366,ROUNDDOWN($C7044/24,0)+1,1))-1)+IF('Standard Profiles'!$G$20=$B$10,7,0)+IF('Standard Profiles'!$G$20=$B$17,14,0)+IF('Standard Profiles'!$G$20=$B$24,21,0),MOD($C7044,24)+1)/SUM(INDEX($D$3:$AA$30,INDEX(Jesper!$R$2:$R$366,ROW(INDEX(Jesper!AJ$2:AJ$366,ROUNDDOWN($C7044/24,0)+1,1))-1)+IF('Standard Profiles'!$G$20=$B$10,7,0)+IF('Standard Profiles'!$G$20=$B$17,14,0)+IF('Standard Profiles'!$G$20=$B$24,21,0),0)),0)</f>
        <v>0</v>
      </c>
      <c r="G7044" cm="1">
        <f t="array" ref="G7044">IFERROR(INDEX(Jesper!AK$2:AK$366,ROUNDDOWN($C7044/24,0)+1,1)*INDEX($D$3:$AA$30,INDEX(Jesper!$R$2:$R$366,ROW(INDEX(Jesper!AK$2:AK$366,ROUNDDOWN($C7044/24,0)+1,1))-1)+IF('Standard Profiles'!$G$21=$B$10,7,0)+IF('Standard Profiles'!$G$21=$B$17,14,0)+IF('Standard Profiles'!$G$21=$B$24,21,0),MOD($C7044,24)+1)/SUM(INDEX($D$3:$AA$30,INDEX(Jesper!$R$2:$R$366,ROW(INDEX(Jesper!AK$2:AK$366,ROUNDDOWN($C7044/24,0)+1,1))-1)+IF('Standard Profiles'!$G$21=$B$10,7,0)+IF('Standard Profiles'!$G$21=$B$17,14,0)+IF('Standard Profiles'!$G$21=$B$24,21,0),0)),0)</f>
        <v>0</v>
      </c>
      <c r="H7044" cm="1">
        <f t="array" ref="H7044">IFERROR(INDEX(Jesper!AL$2:AL$366,ROUNDDOWN($C7044/24,0)+1,1)*INDEX($D$3:$AA$30,INDEX(Jesper!$R$2:$R$366,ROW(INDEX(Jesper!AL$2:AL$366,ROUNDDOWN($C7044/24,0)+1,1))-1)+IF('Standard Profiles'!$G$22=$B$10,7,0)+IF('Standard Profiles'!$G$22=$B$17,14,0)+IF('Standard Profiles'!$G$22=$B$24,21,0),MOD($C7044,24)+1)/SUM(INDEX($D$3:$AA$30,INDEX(Jesper!$R$2:$R$366,ROW(INDEX(Jesper!AL$2:AL$366,ROUNDDOWN($C7044/24,0)+1,1))-1)+IF('Standard Profiles'!$G$22=$B$10,7,0)+IF('Standard Profiles'!$G$22=$B$17,14,0)+IF('Standard Profiles'!$G$22=$B$24,21,0),0)),0)</f>
        <v>0</v>
      </c>
      <c r="I7044">
        <f t="shared" si="783"/>
        <v>0.16600897330850065</v>
      </c>
      <c r="J7044">
        <f t="shared" si="784"/>
        <v>0.55336324436166884</v>
      </c>
      <c r="K7044">
        <f t="shared" si="785"/>
        <v>0.83004486654250331</v>
      </c>
      <c r="L7044">
        <f t="shared" si="786"/>
        <v>8.522474502077241</v>
      </c>
      <c r="M7044">
        <f t="shared" si="787"/>
        <v>0</v>
      </c>
      <c r="N7044" s="46">
        <f t="shared" si="788"/>
        <v>45584.083333316332</v>
      </c>
    </row>
    <row r="7045" spans="2:14" x14ac:dyDescent="0.3">
      <c r="B7045">
        <f t="shared" si="782"/>
        <v>6</v>
      </c>
      <c r="C7045" s="16">
        <v>7011</v>
      </c>
      <c r="D7045" cm="1">
        <f t="array" ref="D7045">IFERROR(INDEX(Jesper!AH$2:AH$366,ROUNDDOWN($C7045/24,0)+1,1)*INDEX($D$3:$AA$30,INDEX(Jesper!$R$2:$R$366,ROW(INDEX(Jesper!AH$2:AH$366,ROUNDDOWN($C7045/24,0)+1,1))-1)+IF('Standard Profiles'!$G$18=$B$10,7,0)+IF('Standard Profiles'!$G$18=$B$17,14,0)+IF('Standard Profiles'!$G$18=$B$24,21,0),MOD($C7045,24)+1)/SUM(INDEX($D$3:$AA$30,INDEX(Jesper!$R$2:$R$366,ROW(INDEX(Jesper!AH$2:AH$366,ROUNDDOWN($C7045/24,0)+1,1))-1)+IF('Standard Profiles'!$G$18=$B$10,7,0)+IF('Standard Profiles'!$G$18=$B$17,14,0)+IF('Standard Profiles'!$G$18=$B$24,21,0),0)),0)</f>
        <v>8.2291919825655562</v>
      </c>
      <c r="E7045" cm="1">
        <f t="array" ref="E7045">IFERROR(INDEX(Jesper!AI$2:AI$366,ROUNDDOWN($C7045/24,0)+1,1)*INDEX($D$3:$AA$30,INDEX(Jesper!$R$2:$R$366,ROW(INDEX(Jesper!AI$2:AI$366,ROUNDDOWN($C7045/24,0)+1,1))-1)+IF('Standard Profiles'!$G$19=$B$10,7,0)+IF('Standard Profiles'!$G$19=$B$17,14,0)+IF('Standard Profiles'!$G$19=$B$24,21,0),MOD($C7045,24)+1)/SUM(INDEX($D$3:$AA$30,INDEX(Jesper!$R$2:$R$366,ROW(INDEX(Jesper!AI$2:AI$366,ROUNDDOWN($C7045/24,0)+1,1))-1)+IF('Standard Profiles'!$G$19=$B$10,7,0)+IF('Standard Profiles'!$G$19=$B$17,14,0)+IF('Standard Profiles'!$G$19=$B$24,21,0),0)),0)</f>
        <v>1.8426996037243566</v>
      </c>
      <c r="F7045" cm="1">
        <f t="array" ref="F7045">IFERROR(INDEX(Jesper!AJ$2:AJ$366,ROUNDDOWN($C7045/24,0)+1,1)*INDEX($D$3:$AA$30,INDEX(Jesper!$R$2:$R$366,ROW(INDEX(Jesper!AJ$2:AJ$366,ROUNDDOWN($C7045/24,0)+1,1))-1)+IF('Standard Profiles'!$G$20=$B$10,7,0)+IF('Standard Profiles'!$G$20=$B$17,14,0)+IF('Standard Profiles'!$G$20=$B$24,21,0),MOD($C7045,24)+1)/SUM(INDEX($D$3:$AA$30,INDEX(Jesper!$R$2:$R$366,ROW(INDEX(Jesper!AJ$2:AJ$366,ROUNDDOWN($C7045/24,0)+1,1))-1)+IF('Standard Profiles'!$G$20=$B$10,7,0)+IF('Standard Profiles'!$G$20=$B$17,14,0)+IF('Standard Profiles'!$G$20=$B$24,21,0),0)),0)</f>
        <v>0</v>
      </c>
      <c r="G7045" cm="1">
        <f t="array" ref="G7045">IFERROR(INDEX(Jesper!AK$2:AK$366,ROUNDDOWN($C7045/24,0)+1,1)*INDEX($D$3:$AA$30,INDEX(Jesper!$R$2:$R$366,ROW(INDEX(Jesper!AK$2:AK$366,ROUNDDOWN($C7045/24,0)+1,1))-1)+IF('Standard Profiles'!$G$21=$B$10,7,0)+IF('Standard Profiles'!$G$21=$B$17,14,0)+IF('Standard Profiles'!$G$21=$B$24,21,0),MOD($C7045,24)+1)/SUM(INDEX($D$3:$AA$30,INDEX(Jesper!$R$2:$R$366,ROW(INDEX(Jesper!AK$2:AK$366,ROUNDDOWN($C7045/24,0)+1,1))-1)+IF('Standard Profiles'!$G$21=$B$10,7,0)+IF('Standard Profiles'!$G$21=$B$17,14,0)+IF('Standard Profiles'!$G$21=$B$24,21,0),0)),0)</f>
        <v>0</v>
      </c>
      <c r="H7045" cm="1">
        <f t="array" ref="H7045">IFERROR(INDEX(Jesper!AL$2:AL$366,ROUNDDOWN($C7045/24,0)+1,1)*INDEX($D$3:$AA$30,INDEX(Jesper!$R$2:$R$366,ROW(INDEX(Jesper!AL$2:AL$366,ROUNDDOWN($C7045/24,0)+1,1))-1)+IF('Standard Profiles'!$G$22=$B$10,7,0)+IF('Standard Profiles'!$G$22=$B$17,14,0)+IF('Standard Profiles'!$G$22=$B$24,21,0),MOD($C7045,24)+1)/SUM(INDEX($D$3:$AA$30,INDEX(Jesper!$R$2:$R$366,ROW(INDEX(Jesper!AL$2:AL$366,ROUNDDOWN($C7045/24,0)+1,1))-1)+IF('Standard Profiles'!$G$22=$B$10,7,0)+IF('Standard Profiles'!$G$22=$B$17,14,0)+IF('Standard Profiles'!$G$22=$B$24,21,0),0)),0)</f>
        <v>0</v>
      </c>
      <c r="I7045">
        <f t="shared" si="783"/>
        <v>0.16600897330850065</v>
      </c>
      <c r="J7045">
        <f t="shared" si="784"/>
        <v>0.55336324436166884</v>
      </c>
      <c r="K7045">
        <f t="shared" si="785"/>
        <v>0.83004486654250331</v>
      </c>
      <c r="L7045">
        <f t="shared" si="786"/>
        <v>8.522474502077241</v>
      </c>
      <c r="M7045">
        <f t="shared" si="787"/>
        <v>0</v>
      </c>
      <c r="N7045" s="46">
        <f t="shared" si="788"/>
        <v>45584.124999982996</v>
      </c>
    </row>
    <row r="7046" spans="2:14" x14ac:dyDescent="0.3">
      <c r="B7046">
        <f t="shared" si="782"/>
        <v>6</v>
      </c>
      <c r="C7046" s="16">
        <v>7012</v>
      </c>
      <c r="D7046" cm="1">
        <f t="array" ref="D7046">IFERROR(INDEX(Jesper!AH$2:AH$366,ROUNDDOWN($C7046/24,0)+1,1)*INDEX($D$3:$AA$30,INDEX(Jesper!$R$2:$R$366,ROW(INDEX(Jesper!AH$2:AH$366,ROUNDDOWN($C7046/24,0)+1,1))-1)+IF('Standard Profiles'!$G$18=$B$10,7,0)+IF('Standard Profiles'!$G$18=$B$17,14,0)+IF('Standard Profiles'!$G$18=$B$24,21,0),MOD($C7046,24)+1)/SUM(INDEX($D$3:$AA$30,INDEX(Jesper!$R$2:$R$366,ROW(INDEX(Jesper!AH$2:AH$366,ROUNDDOWN($C7046/24,0)+1,1))-1)+IF('Standard Profiles'!$G$18=$B$10,7,0)+IF('Standard Profiles'!$G$18=$B$17,14,0)+IF('Standard Profiles'!$G$18=$B$24,21,0),0)),0)</f>
        <v>8.2291919825655562</v>
      </c>
      <c r="E7046" cm="1">
        <f t="array" ref="E7046">IFERROR(INDEX(Jesper!AI$2:AI$366,ROUNDDOWN($C7046/24,0)+1,1)*INDEX($D$3:$AA$30,INDEX(Jesper!$R$2:$R$366,ROW(INDEX(Jesper!AI$2:AI$366,ROUNDDOWN($C7046/24,0)+1,1))-1)+IF('Standard Profiles'!$G$19=$B$10,7,0)+IF('Standard Profiles'!$G$19=$B$17,14,0)+IF('Standard Profiles'!$G$19=$B$24,21,0),MOD($C7046,24)+1)/SUM(INDEX($D$3:$AA$30,INDEX(Jesper!$R$2:$R$366,ROW(INDEX(Jesper!AI$2:AI$366,ROUNDDOWN($C7046/24,0)+1,1))-1)+IF('Standard Profiles'!$G$19=$B$10,7,0)+IF('Standard Profiles'!$G$19=$B$17,14,0)+IF('Standard Profiles'!$G$19=$B$24,21,0),0)),0)</f>
        <v>1.8426996037243566</v>
      </c>
      <c r="F7046" cm="1">
        <f t="array" ref="F7046">IFERROR(INDEX(Jesper!AJ$2:AJ$366,ROUNDDOWN($C7046/24,0)+1,1)*INDEX($D$3:$AA$30,INDEX(Jesper!$R$2:$R$366,ROW(INDEX(Jesper!AJ$2:AJ$366,ROUNDDOWN($C7046/24,0)+1,1))-1)+IF('Standard Profiles'!$G$20=$B$10,7,0)+IF('Standard Profiles'!$G$20=$B$17,14,0)+IF('Standard Profiles'!$G$20=$B$24,21,0),MOD($C7046,24)+1)/SUM(INDEX($D$3:$AA$30,INDEX(Jesper!$R$2:$R$366,ROW(INDEX(Jesper!AJ$2:AJ$366,ROUNDDOWN($C7046/24,0)+1,1))-1)+IF('Standard Profiles'!$G$20=$B$10,7,0)+IF('Standard Profiles'!$G$20=$B$17,14,0)+IF('Standard Profiles'!$G$20=$B$24,21,0),0)),0)</f>
        <v>0</v>
      </c>
      <c r="G7046" cm="1">
        <f t="array" ref="G7046">IFERROR(INDEX(Jesper!AK$2:AK$366,ROUNDDOWN($C7046/24,0)+1,1)*INDEX($D$3:$AA$30,INDEX(Jesper!$R$2:$R$366,ROW(INDEX(Jesper!AK$2:AK$366,ROUNDDOWN($C7046/24,0)+1,1))-1)+IF('Standard Profiles'!$G$21=$B$10,7,0)+IF('Standard Profiles'!$G$21=$B$17,14,0)+IF('Standard Profiles'!$G$21=$B$24,21,0),MOD($C7046,24)+1)/SUM(INDEX($D$3:$AA$30,INDEX(Jesper!$R$2:$R$366,ROW(INDEX(Jesper!AK$2:AK$366,ROUNDDOWN($C7046/24,0)+1,1))-1)+IF('Standard Profiles'!$G$21=$B$10,7,0)+IF('Standard Profiles'!$G$21=$B$17,14,0)+IF('Standard Profiles'!$G$21=$B$24,21,0),0)),0)</f>
        <v>0</v>
      </c>
      <c r="H7046" cm="1">
        <f t="array" ref="H7046">IFERROR(INDEX(Jesper!AL$2:AL$366,ROUNDDOWN($C7046/24,0)+1,1)*INDEX($D$3:$AA$30,INDEX(Jesper!$R$2:$R$366,ROW(INDEX(Jesper!AL$2:AL$366,ROUNDDOWN($C7046/24,0)+1,1))-1)+IF('Standard Profiles'!$G$22=$B$10,7,0)+IF('Standard Profiles'!$G$22=$B$17,14,0)+IF('Standard Profiles'!$G$22=$B$24,21,0),MOD($C7046,24)+1)/SUM(INDEX($D$3:$AA$30,INDEX(Jesper!$R$2:$R$366,ROW(INDEX(Jesper!AL$2:AL$366,ROUNDDOWN($C7046/24,0)+1,1))-1)+IF('Standard Profiles'!$G$22=$B$10,7,0)+IF('Standard Profiles'!$G$22=$B$17,14,0)+IF('Standard Profiles'!$G$22=$B$24,21,0),0)),0)</f>
        <v>0</v>
      </c>
      <c r="I7046">
        <f t="shared" si="783"/>
        <v>0.16600897330850065</v>
      </c>
      <c r="J7046">
        <f t="shared" si="784"/>
        <v>0.55336324436166884</v>
      </c>
      <c r="K7046">
        <f t="shared" si="785"/>
        <v>0.83004486654250331</v>
      </c>
      <c r="L7046">
        <f t="shared" si="786"/>
        <v>8.522474502077241</v>
      </c>
      <c r="M7046">
        <f t="shared" si="787"/>
        <v>0</v>
      </c>
      <c r="N7046" s="46">
        <f t="shared" si="788"/>
        <v>45584.16666664966</v>
      </c>
    </row>
    <row r="7047" spans="2:14" x14ac:dyDescent="0.3">
      <c r="B7047">
        <f t="shared" si="782"/>
        <v>6</v>
      </c>
      <c r="C7047" s="16">
        <v>7013</v>
      </c>
      <c r="D7047" cm="1">
        <f t="array" ref="D7047">IFERROR(INDEX(Jesper!AH$2:AH$366,ROUNDDOWN($C7047/24,0)+1,1)*INDEX($D$3:$AA$30,INDEX(Jesper!$R$2:$R$366,ROW(INDEX(Jesper!AH$2:AH$366,ROUNDDOWN($C7047/24,0)+1,1))-1)+IF('Standard Profiles'!$G$18=$B$10,7,0)+IF('Standard Profiles'!$G$18=$B$17,14,0)+IF('Standard Profiles'!$G$18=$B$24,21,0),MOD($C7047,24)+1)/SUM(INDEX($D$3:$AA$30,INDEX(Jesper!$R$2:$R$366,ROW(INDEX(Jesper!AH$2:AH$366,ROUNDDOWN($C7047/24,0)+1,1))-1)+IF('Standard Profiles'!$G$18=$B$10,7,0)+IF('Standard Profiles'!$G$18=$B$17,14,0)+IF('Standard Profiles'!$G$18=$B$24,21,0),0)),0)</f>
        <v>10.236311978313253</v>
      </c>
      <c r="E7047" cm="1">
        <f t="array" ref="E7047">IFERROR(INDEX(Jesper!AI$2:AI$366,ROUNDDOWN($C7047/24,0)+1,1)*INDEX($D$3:$AA$30,INDEX(Jesper!$R$2:$R$366,ROW(INDEX(Jesper!AI$2:AI$366,ROUNDDOWN($C7047/24,0)+1,1))-1)+IF('Standard Profiles'!$G$19=$B$10,7,0)+IF('Standard Profiles'!$G$19=$B$17,14,0)+IF('Standard Profiles'!$G$19=$B$24,21,0),MOD($C7047,24)+1)/SUM(INDEX($D$3:$AA$30,INDEX(Jesper!$R$2:$R$366,ROW(INDEX(Jesper!AI$2:AI$366,ROUNDDOWN($C7047/24,0)+1,1))-1)+IF('Standard Profiles'!$G$19=$B$10,7,0)+IF('Standard Profiles'!$G$19=$B$17,14,0)+IF('Standard Profiles'!$G$19=$B$24,21,0),0)),0)</f>
        <v>2.2921385314620046</v>
      </c>
      <c r="F7047" cm="1">
        <f t="array" ref="F7047">IFERROR(INDEX(Jesper!AJ$2:AJ$366,ROUNDDOWN($C7047/24,0)+1,1)*INDEX($D$3:$AA$30,INDEX(Jesper!$R$2:$R$366,ROW(INDEX(Jesper!AJ$2:AJ$366,ROUNDDOWN($C7047/24,0)+1,1))-1)+IF('Standard Profiles'!$G$20=$B$10,7,0)+IF('Standard Profiles'!$G$20=$B$17,14,0)+IF('Standard Profiles'!$G$20=$B$24,21,0),MOD($C7047,24)+1)/SUM(INDEX($D$3:$AA$30,INDEX(Jesper!$R$2:$R$366,ROW(INDEX(Jesper!AJ$2:AJ$366,ROUNDDOWN($C7047/24,0)+1,1))-1)+IF('Standard Profiles'!$G$20=$B$10,7,0)+IF('Standard Profiles'!$G$20=$B$17,14,0)+IF('Standard Profiles'!$G$20=$B$24,21,0),0)),0)</f>
        <v>0</v>
      </c>
      <c r="G7047" cm="1">
        <f t="array" ref="G7047">IFERROR(INDEX(Jesper!AK$2:AK$366,ROUNDDOWN($C7047/24,0)+1,1)*INDEX($D$3:$AA$30,INDEX(Jesper!$R$2:$R$366,ROW(INDEX(Jesper!AK$2:AK$366,ROUNDDOWN($C7047/24,0)+1,1))-1)+IF('Standard Profiles'!$G$21=$B$10,7,0)+IF('Standard Profiles'!$G$21=$B$17,14,0)+IF('Standard Profiles'!$G$21=$B$24,21,0),MOD($C7047,24)+1)/SUM(INDEX($D$3:$AA$30,INDEX(Jesper!$R$2:$R$366,ROW(INDEX(Jesper!AK$2:AK$366,ROUNDDOWN($C7047/24,0)+1,1))-1)+IF('Standard Profiles'!$G$21=$B$10,7,0)+IF('Standard Profiles'!$G$21=$B$17,14,0)+IF('Standard Profiles'!$G$21=$B$24,21,0),0)),0)</f>
        <v>0</v>
      </c>
      <c r="H7047" cm="1">
        <f t="array" ref="H7047">IFERROR(INDEX(Jesper!AL$2:AL$366,ROUNDDOWN($C7047/24,0)+1,1)*INDEX($D$3:$AA$30,INDEX(Jesper!$R$2:$R$366,ROW(INDEX(Jesper!AL$2:AL$366,ROUNDDOWN($C7047/24,0)+1,1))-1)+IF('Standard Profiles'!$G$22=$B$10,7,0)+IF('Standard Profiles'!$G$22=$B$17,14,0)+IF('Standard Profiles'!$G$22=$B$24,21,0),MOD($C7047,24)+1)/SUM(INDEX($D$3:$AA$30,INDEX(Jesper!$R$2:$R$366,ROW(INDEX(Jesper!AL$2:AL$366,ROUNDDOWN($C7047/24,0)+1,1))-1)+IF('Standard Profiles'!$G$22=$B$10,7,0)+IF('Standard Profiles'!$G$22=$B$17,14,0)+IF('Standard Profiles'!$G$22=$B$24,21,0),0)),0)</f>
        <v>0</v>
      </c>
      <c r="I7047">
        <f t="shared" si="783"/>
        <v>0.20649896679837884</v>
      </c>
      <c r="J7047">
        <f t="shared" si="784"/>
        <v>0.6883298893279296</v>
      </c>
      <c r="K7047">
        <f t="shared" si="785"/>
        <v>1.0324948339918945</v>
      </c>
      <c r="L7047">
        <f t="shared" si="786"/>
        <v>10.601126819657056</v>
      </c>
      <c r="M7047">
        <f t="shared" si="787"/>
        <v>0</v>
      </c>
      <c r="N7047" s="46">
        <f t="shared" si="788"/>
        <v>45584.208333316325</v>
      </c>
    </row>
    <row r="7048" spans="2:14" x14ac:dyDescent="0.3">
      <c r="B7048">
        <f t="shared" si="782"/>
        <v>6</v>
      </c>
      <c r="C7048" s="16">
        <v>7014</v>
      </c>
      <c r="D7048" cm="1">
        <f t="array" ref="D7048">IFERROR(INDEX(Jesper!AH$2:AH$366,ROUNDDOWN($C7048/24,0)+1,1)*INDEX($D$3:$AA$30,INDEX(Jesper!$R$2:$R$366,ROW(INDEX(Jesper!AH$2:AH$366,ROUNDDOWN($C7048/24,0)+1,1))-1)+IF('Standard Profiles'!$G$18=$B$10,7,0)+IF('Standard Profiles'!$G$18=$B$17,14,0)+IF('Standard Profiles'!$G$18=$B$24,21,0),MOD($C7048,24)+1)/SUM(INDEX($D$3:$AA$30,INDEX(Jesper!$R$2:$R$366,ROW(INDEX(Jesper!AH$2:AH$366,ROUNDDOWN($C7048/24,0)+1,1))-1)+IF('Standard Profiles'!$G$18=$B$10,7,0)+IF('Standard Profiles'!$G$18=$B$17,14,0)+IF('Standard Profiles'!$G$18=$B$24,21,0),0)),0)</f>
        <v>12.845567972785258</v>
      </c>
      <c r="E7048" cm="1">
        <f t="array" ref="E7048">IFERROR(INDEX(Jesper!AI$2:AI$366,ROUNDDOWN($C7048/24,0)+1,1)*INDEX($D$3:$AA$30,INDEX(Jesper!$R$2:$R$366,ROW(INDEX(Jesper!AI$2:AI$366,ROUNDDOWN($C7048/24,0)+1,1))-1)+IF('Standard Profiles'!$G$19=$B$10,7,0)+IF('Standard Profiles'!$G$19=$B$17,14,0)+IF('Standard Profiles'!$G$19=$B$24,21,0),MOD($C7048,24)+1)/SUM(INDEX($D$3:$AA$30,INDEX(Jesper!$R$2:$R$366,ROW(INDEX(Jesper!AI$2:AI$366,ROUNDDOWN($C7048/24,0)+1,1))-1)+IF('Standard Profiles'!$G$19=$B$10,7,0)+IF('Standard Profiles'!$G$19=$B$17,14,0)+IF('Standard Profiles'!$G$19=$B$24,21,0),0)),0)</f>
        <v>2.8764091375209468</v>
      </c>
      <c r="F7048" cm="1">
        <f t="array" ref="F7048">IFERROR(INDEX(Jesper!AJ$2:AJ$366,ROUNDDOWN($C7048/24,0)+1,1)*INDEX($D$3:$AA$30,INDEX(Jesper!$R$2:$R$366,ROW(INDEX(Jesper!AJ$2:AJ$366,ROUNDDOWN($C7048/24,0)+1,1))-1)+IF('Standard Profiles'!$G$20=$B$10,7,0)+IF('Standard Profiles'!$G$20=$B$17,14,0)+IF('Standard Profiles'!$G$20=$B$24,21,0),MOD($C7048,24)+1)/SUM(INDEX($D$3:$AA$30,INDEX(Jesper!$R$2:$R$366,ROW(INDEX(Jesper!AJ$2:AJ$366,ROUNDDOWN($C7048/24,0)+1,1))-1)+IF('Standard Profiles'!$G$20=$B$10,7,0)+IF('Standard Profiles'!$G$20=$B$17,14,0)+IF('Standard Profiles'!$G$20=$B$24,21,0),0)),0)</f>
        <v>0</v>
      </c>
      <c r="G7048" cm="1">
        <f t="array" ref="G7048">IFERROR(INDEX(Jesper!AK$2:AK$366,ROUNDDOWN($C7048/24,0)+1,1)*INDEX($D$3:$AA$30,INDEX(Jesper!$R$2:$R$366,ROW(INDEX(Jesper!AK$2:AK$366,ROUNDDOWN($C7048/24,0)+1,1))-1)+IF('Standard Profiles'!$G$21=$B$10,7,0)+IF('Standard Profiles'!$G$21=$B$17,14,0)+IF('Standard Profiles'!$G$21=$B$24,21,0),MOD($C7048,24)+1)/SUM(INDEX($D$3:$AA$30,INDEX(Jesper!$R$2:$R$366,ROW(INDEX(Jesper!AK$2:AK$366,ROUNDDOWN($C7048/24,0)+1,1))-1)+IF('Standard Profiles'!$G$21=$B$10,7,0)+IF('Standard Profiles'!$G$21=$B$17,14,0)+IF('Standard Profiles'!$G$21=$B$24,21,0),0)),0)</f>
        <v>0</v>
      </c>
      <c r="H7048" cm="1">
        <f t="array" ref="H7048">IFERROR(INDEX(Jesper!AL$2:AL$366,ROUNDDOWN($C7048/24,0)+1,1)*INDEX($D$3:$AA$30,INDEX(Jesper!$R$2:$R$366,ROW(INDEX(Jesper!AL$2:AL$366,ROUNDDOWN($C7048/24,0)+1,1))-1)+IF('Standard Profiles'!$G$22=$B$10,7,0)+IF('Standard Profiles'!$G$22=$B$17,14,0)+IF('Standard Profiles'!$G$22=$B$24,21,0),MOD($C7048,24)+1)/SUM(INDEX($D$3:$AA$30,INDEX(Jesper!$R$2:$R$366,ROW(INDEX(Jesper!AL$2:AL$366,ROUNDDOWN($C7048/24,0)+1,1))-1)+IF('Standard Profiles'!$G$22=$B$10,7,0)+IF('Standard Profiles'!$G$22=$B$17,14,0)+IF('Standard Profiles'!$G$22=$B$24,21,0),0)),0)</f>
        <v>0</v>
      </c>
      <c r="I7048">
        <f t="shared" si="783"/>
        <v>0.25913595833522052</v>
      </c>
      <c r="J7048">
        <f t="shared" si="784"/>
        <v>0.8637865277840685</v>
      </c>
      <c r="K7048">
        <f t="shared" si="785"/>
        <v>1.2956797916761027</v>
      </c>
      <c r="L7048">
        <f t="shared" si="786"/>
        <v>13.303374832510814</v>
      </c>
      <c r="M7048">
        <f t="shared" si="787"/>
        <v>0</v>
      </c>
      <c r="N7048" s="46">
        <f t="shared" si="788"/>
        <v>45584.249999982989</v>
      </c>
    </row>
    <row r="7049" spans="2:14" x14ac:dyDescent="0.3">
      <c r="B7049">
        <f t="shared" si="782"/>
        <v>6</v>
      </c>
      <c r="C7049" s="16">
        <v>7015</v>
      </c>
      <c r="D7049" cm="1">
        <f t="array" ref="D7049">IFERROR(INDEX(Jesper!AH$2:AH$366,ROUNDDOWN($C7049/24,0)+1,1)*INDEX($D$3:$AA$30,INDEX(Jesper!$R$2:$R$366,ROW(INDEX(Jesper!AH$2:AH$366,ROUNDDOWN($C7049/24,0)+1,1))-1)+IF('Standard Profiles'!$G$18=$B$10,7,0)+IF('Standard Profiles'!$G$18=$B$17,14,0)+IF('Standard Profiles'!$G$18=$B$24,21,0),MOD($C7049,24)+1)/SUM(INDEX($D$3:$AA$30,INDEX(Jesper!$R$2:$R$366,ROW(INDEX(Jesper!AH$2:AH$366,ROUNDDOWN($C7049/24,0)+1,1))-1)+IF('Standard Profiles'!$G$18=$B$10,7,0)+IF('Standard Profiles'!$G$18=$B$17,14,0)+IF('Standard Profiles'!$G$18=$B$24,21,0),0)),0)</f>
        <v>14.651975968958185</v>
      </c>
      <c r="E7049" cm="1">
        <f t="array" ref="E7049">IFERROR(INDEX(Jesper!AI$2:AI$366,ROUNDDOWN($C7049/24,0)+1,1)*INDEX($D$3:$AA$30,INDEX(Jesper!$R$2:$R$366,ROW(INDEX(Jesper!AI$2:AI$366,ROUNDDOWN($C7049/24,0)+1,1))-1)+IF('Standard Profiles'!$G$19=$B$10,7,0)+IF('Standard Profiles'!$G$19=$B$17,14,0)+IF('Standard Profiles'!$G$19=$B$24,21,0),MOD($C7049,24)+1)/SUM(INDEX($D$3:$AA$30,INDEX(Jesper!$R$2:$R$366,ROW(INDEX(Jesper!AI$2:AI$366,ROUNDDOWN($C7049/24,0)+1,1))-1)+IF('Standard Profiles'!$G$19=$B$10,7,0)+IF('Standard Profiles'!$G$19=$B$17,14,0)+IF('Standard Profiles'!$G$19=$B$24,21,0),0)),0)</f>
        <v>3.28090417248483</v>
      </c>
      <c r="F7049" cm="1">
        <f t="array" ref="F7049">IFERROR(INDEX(Jesper!AJ$2:AJ$366,ROUNDDOWN($C7049/24,0)+1,1)*INDEX($D$3:$AA$30,INDEX(Jesper!$R$2:$R$366,ROW(INDEX(Jesper!AJ$2:AJ$366,ROUNDDOWN($C7049/24,0)+1,1))-1)+IF('Standard Profiles'!$G$20=$B$10,7,0)+IF('Standard Profiles'!$G$20=$B$17,14,0)+IF('Standard Profiles'!$G$20=$B$24,21,0),MOD($C7049,24)+1)/SUM(INDEX($D$3:$AA$30,INDEX(Jesper!$R$2:$R$366,ROW(INDEX(Jesper!AJ$2:AJ$366,ROUNDDOWN($C7049/24,0)+1,1))-1)+IF('Standard Profiles'!$G$20=$B$10,7,0)+IF('Standard Profiles'!$G$20=$B$17,14,0)+IF('Standard Profiles'!$G$20=$B$24,21,0),0)),0)</f>
        <v>0</v>
      </c>
      <c r="G7049" cm="1">
        <f t="array" ref="G7049">IFERROR(INDEX(Jesper!AK$2:AK$366,ROUNDDOWN($C7049/24,0)+1,1)*INDEX($D$3:$AA$30,INDEX(Jesper!$R$2:$R$366,ROW(INDEX(Jesper!AK$2:AK$366,ROUNDDOWN($C7049/24,0)+1,1))-1)+IF('Standard Profiles'!$G$21=$B$10,7,0)+IF('Standard Profiles'!$G$21=$B$17,14,0)+IF('Standard Profiles'!$G$21=$B$24,21,0),MOD($C7049,24)+1)/SUM(INDEX($D$3:$AA$30,INDEX(Jesper!$R$2:$R$366,ROW(INDEX(Jesper!AK$2:AK$366,ROUNDDOWN($C7049/24,0)+1,1))-1)+IF('Standard Profiles'!$G$21=$B$10,7,0)+IF('Standard Profiles'!$G$21=$B$17,14,0)+IF('Standard Profiles'!$G$21=$B$24,21,0),0)),0)</f>
        <v>0</v>
      </c>
      <c r="H7049" cm="1">
        <f t="array" ref="H7049">IFERROR(INDEX(Jesper!AL$2:AL$366,ROUNDDOWN($C7049/24,0)+1,1)*INDEX($D$3:$AA$30,INDEX(Jesper!$R$2:$R$366,ROW(INDEX(Jesper!AL$2:AL$366,ROUNDDOWN($C7049/24,0)+1,1))-1)+IF('Standard Profiles'!$G$22=$B$10,7,0)+IF('Standard Profiles'!$G$22=$B$17,14,0)+IF('Standard Profiles'!$G$22=$B$24,21,0),MOD($C7049,24)+1)/SUM(INDEX($D$3:$AA$30,INDEX(Jesper!$R$2:$R$366,ROW(INDEX(Jesper!AL$2:AL$366,ROUNDDOWN($C7049/24,0)+1,1))-1)+IF('Standard Profiles'!$G$22=$B$10,7,0)+IF('Standard Profiles'!$G$22=$B$17,14,0)+IF('Standard Profiles'!$G$22=$B$24,21,0),0)),0)</f>
        <v>0</v>
      </c>
      <c r="I7049">
        <f t="shared" si="783"/>
        <v>0.29557695247611088</v>
      </c>
      <c r="J7049">
        <f t="shared" si="784"/>
        <v>0.98525650825370303</v>
      </c>
      <c r="K7049">
        <f t="shared" si="785"/>
        <v>1.4778847623805547</v>
      </c>
      <c r="L7049">
        <f t="shared" si="786"/>
        <v>15.174161918332647</v>
      </c>
      <c r="M7049">
        <f t="shared" si="787"/>
        <v>0</v>
      </c>
      <c r="N7049" s="46">
        <f t="shared" si="788"/>
        <v>45584.291666649653</v>
      </c>
    </row>
    <row r="7050" spans="2:14" x14ac:dyDescent="0.3">
      <c r="B7050">
        <f t="shared" si="782"/>
        <v>6</v>
      </c>
      <c r="C7050" s="16">
        <v>7016</v>
      </c>
      <c r="D7050" cm="1">
        <f t="array" ref="D7050">IFERROR(INDEX(Jesper!AH$2:AH$366,ROUNDDOWN($C7050/24,0)+1,1)*INDEX($D$3:$AA$30,INDEX(Jesper!$R$2:$R$366,ROW(INDEX(Jesper!AH$2:AH$366,ROUNDDOWN($C7050/24,0)+1,1))-1)+IF('Standard Profiles'!$G$18=$B$10,7,0)+IF('Standard Profiles'!$G$18=$B$17,14,0)+IF('Standard Profiles'!$G$18=$B$24,21,0),MOD($C7050,24)+1)/SUM(INDEX($D$3:$AA$30,INDEX(Jesper!$R$2:$R$366,ROW(INDEX(Jesper!AH$2:AH$366,ROUNDDOWN($C7050/24,0)+1,1))-1)+IF('Standard Profiles'!$G$18=$B$10,7,0)+IF('Standard Profiles'!$G$18=$B$17,14,0)+IF('Standard Profiles'!$G$18=$B$24,21,0),0)),0)</f>
        <v>14.651975968958185</v>
      </c>
      <c r="E7050" cm="1">
        <f t="array" ref="E7050">IFERROR(INDEX(Jesper!AI$2:AI$366,ROUNDDOWN($C7050/24,0)+1,1)*INDEX($D$3:$AA$30,INDEX(Jesper!$R$2:$R$366,ROW(INDEX(Jesper!AI$2:AI$366,ROUNDDOWN($C7050/24,0)+1,1))-1)+IF('Standard Profiles'!$G$19=$B$10,7,0)+IF('Standard Profiles'!$G$19=$B$17,14,0)+IF('Standard Profiles'!$G$19=$B$24,21,0),MOD($C7050,24)+1)/SUM(INDEX($D$3:$AA$30,INDEX(Jesper!$R$2:$R$366,ROW(INDEX(Jesper!AI$2:AI$366,ROUNDDOWN($C7050/24,0)+1,1))-1)+IF('Standard Profiles'!$G$19=$B$10,7,0)+IF('Standard Profiles'!$G$19=$B$17,14,0)+IF('Standard Profiles'!$G$19=$B$24,21,0),0)),0)</f>
        <v>3.28090417248483</v>
      </c>
      <c r="F7050" cm="1">
        <f t="array" ref="F7050">IFERROR(INDEX(Jesper!AJ$2:AJ$366,ROUNDDOWN($C7050/24,0)+1,1)*INDEX($D$3:$AA$30,INDEX(Jesper!$R$2:$R$366,ROW(INDEX(Jesper!AJ$2:AJ$366,ROUNDDOWN($C7050/24,0)+1,1))-1)+IF('Standard Profiles'!$G$20=$B$10,7,0)+IF('Standard Profiles'!$G$20=$B$17,14,0)+IF('Standard Profiles'!$G$20=$B$24,21,0),MOD($C7050,24)+1)/SUM(INDEX($D$3:$AA$30,INDEX(Jesper!$R$2:$R$366,ROW(INDEX(Jesper!AJ$2:AJ$366,ROUNDDOWN($C7050/24,0)+1,1))-1)+IF('Standard Profiles'!$G$20=$B$10,7,0)+IF('Standard Profiles'!$G$20=$B$17,14,0)+IF('Standard Profiles'!$G$20=$B$24,21,0),0)),0)</f>
        <v>0</v>
      </c>
      <c r="G7050" cm="1">
        <f t="array" ref="G7050">IFERROR(INDEX(Jesper!AK$2:AK$366,ROUNDDOWN($C7050/24,0)+1,1)*INDEX($D$3:$AA$30,INDEX(Jesper!$R$2:$R$366,ROW(INDEX(Jesper!AK$2:AK$366,ROUNDDOWN($C7050/24,0)+1,1))-1)+IF('Standard Profiles'!$G$21=$B$10,7,0)+IF('Standard Profiles'!$G$21=$B$17,14,0)+IF('Standard Profiles'!$G$21=$B$24,21,0),MOD($C7050,24)+1)/SUM(INDEX($D$3:$AA$30,INDEX(Jesper!$R$2:$R$366,ROW(INDEX(Jesper!AK$2:AK$366,ROUNDDOWN($C7050/24,0)+1,1))-1)+IF('Standard Profiles'!$G$21=$B$10,7,0)+IF('Standard Profiles'!$G$21=$B$17,14,0)+IF('Standard Profiles'!$G$21=$B$24,21,0),0)),0)</f>
        <v>0</v>
      </c>
      <c r="H7050" cm="1">
        <f t="array" ref="H7050">IFERROR(INDEX(Jesper!AL$2:AL$366,ROUNDDOWN($C7050/24,0)+1,1)*INDEX($D$3:$AA$30,INDEX(Jesper!$R$2:$R$366,ROW(INDEX(Jesper!AL$2:AL$366,ROUNDDOWN($C7050/24,0)+1,1))-1)+IF('Standard Profiles'!$G$22=$B$10,7,0)+IF('Standard Profiles'!$G$22=$B$17,14,0)+IF('Standard Profiles'!$G$22=$B$24,21,0),MOD($C7050,24)+1)/SUM(INDEX($D$3:$AA$30,INDEX(Jesper!$R$2:$R$366,ROW(INDEX(Jesper!AL$2:AL$366,ROUNDDOWN($C7050/24,0)+1,1))-1)+IF('Standard Profiles'!$G$22=$B$10,7,0)+IF('Standard Profiles'!$G$22=$B$17,14,0)+IF('Standard Profiles'!$G$22=$B$24,21,0),0)),0)</f>
        <v>0</v>
      </c>
      <c r="I7050">
        <f t="shared" si="783"/>
        <v>0.29557695247611088</v>
      </c>
      <c r="J7050">
        <f t="shared" si="784"/>
        <v>0.98525650825370303</v>
      </c>
      <c r="K7050">
        <f t="shared" si="785"/>
        <v>1.4778847623805547</v>
      </c>
      <c r="L7050">
        <f t="shared" si="786"/>
        <v>15.174161918332647</v>
      </c>
      <c r="M7050">
        <f t="shared" si="787"/>
        <v>0</v>
      </c>
      <c r="N7050" s="46">
        <f t="shared" si="788"/>
        <v>45584.333333316317</v>
      </c>
    </row>
    <row r="7051" spans="2:14" x14ac:dyDescent="0.3">
      <c r="B7051">
        <f t="shared" si="782"/>
        <v>6</v>
      </c>
      <c r="C7051" s="16">
        <v>7017</v>
      </c>
      <c r="D7051" cm="1">
        <f t="array" ref="D7051">IFERROR(INDEX(Jesper!AH$2:AH$366,ROUNDDOWN($C7051/24,0)+1,1)*INDEX($D$3:$AA$30,INDEX(Jesper!$R$2:$R$366,ROW(INDEX(Jesper!AH$2:AH$366,ROUNDDOWN($C7051/24,0)+1,1))-1)+IF('Standard Profiles'!$G$18=$B$10,7,0)+IF('Standard Profiles'!$G$18=$B$17,14,0)+IF('Standard Profiles'!$G$18=$B$24,21,0),MOD($C7051,24)+1)/SUM(INDEX($D$3:$AA$30,INDEX(Jesper!$R$2:$R$366,ROW(INDEX(Jesper!AH$2:AH$366,ROUNDDOWN($C7051/24,0)+1,1))-1)+IF('Standard Profiles'!$G$18=$B$10,7,0)+IF('Standard Profiles'!$G$18=$B$17,14,0)+IF('Standard Profiles'!$G$18=$B$24,21,0),0)),0)</f>
        <v>14.651975968958185</v>
      </c>
      <c r="E7051" cm="1">
        <f t="array" ref="E7051">IFERROR(INDEX(Jesper!AI$2:AI$366,ROUNDDOWN($C7051/24,0)+1,1)*INDEX($D$3:$AA$30,INDEX(Jesper!$R$2:$R$366,ROW(INDEX(Jesper!AI$2:AI$366,ROUNDDOWN($C7051/24,0)+1,1))-1)+IF('Standard Profiles'!$G$19=$B$10,7,0)+IF('Standard Profiles'!$G$19=$B$17,14,0)+IF('Standard Profiles'!$G$19=$B$24,21,0),MOD($C7051,24)+1)/SUM(INDEX($D$3:$AA$30,INDEX(Jesper!$R$2:$R$366,ROW(INDEX(Jesper!AI$2:AI$366,ROUNDDOWN($C7051/24,0)+1,1))-1)+IF('Standard Profiles'!$G$19=$B$10,7,0)+IF('Standard Profiles'!$G$19=$B$17,14,0)+IF('Standard Profiles'!$G$19=$B$24,21,0),0)),0)</f>
        <v>3.28090417248483</v>
      </c>
      <c r="F7051" cm="1">
        <f t="array" ref="F7051">IFERROR(INDEX(Jesper!AJ$2:AJ$366,ROUNDDOWN($C7051/24,0)+1,1)*INDEX($D$3:$AA$30,INDEX(Jesper!$R$2:$R$366,ROW(INDEX(Jesper!AJ$2:AJ$366,ROUNDDOWN($C7051/24,0)+1,1))-1)+IF('Standard Profiles'!$G$20=$B$10,7,0)+IF('Standard Profiles'!$G$20=$B$17,14,0)+IF('Standard Profiles'!$G$20=$B$24,21,0),MOD($C7051,24)+1)/SUM(INDEX($D$3:$AA$30,INDEX(Jesper!$R$2:$R$366,ROW(INDEX(Jesper!AJ$2:AJ$366,ROUNDDOWN($C7051/24,0)+1,1))-1)+IF('Standard Profiles'!$G$20=$B$10,7,0)+IF('Standard Profiles'!$G$20=$B$17,14,0)+IF('Standard Profiles'!$G$20=$B$24,21,0),0)),0)</f>
        <v>0</v>
      </c>
      <c r="G7051" cm="1">
        <f t="array" ref="G7051">IFERROR(INDEX(Jesper!AK$2:AK$366,ROUNDDOWN($C7051/24,0)+1,1)*INDEX($D$3:$AA$30,INDEX(Jesper!$R$2:$R$366,ROW(INDEX(Jesper!AK$2:AK$366,ROUNDDOWN($C7051/24,0)+1,1))-1)+IF('Standard Profiles'!$G$21=$B$10,7,0)+IF('Standard Profiles'!$G$21=$B$17,14,0)+IF('Standard Profiles'!$G$21=$B$24,21,0),MOD($C7051,24)+1)/SUM(INDEX($D$3:$AA$30,INDEX(Jesper!$R$2:$R$366,ROW(INDEX(Jesper!AK$2:AK$366,ROUNDDOWN($C7051/24,0)+1,1))-1)+IF('Standard Profiles'!$G$21=$B$10,7,0)+IF('Standard Profiles'!$G$21=$B$17,14,0)+IF('Standard Profiles'!$G$21=$B$24,21,0),0)),0)</f>
        <v>0</v>
      </c>
      <c r="H7051" cm="1">
        <f t="array" ref="H7051">IFERROR(INDEX(Jesper!AL$2:AL$366,ROUNDDOWN($C7051/24,0)+1,1)*INDEX($D$3:$AA$30,INDEX(Jesper!$R$2:$R$366,ROW(INDEX(Jesper!AL$2:AL$366,ROUNDDOWN($C7051/24,0)+1,1))-1)+IF('Standard Profiles'!$G$22=$B$10,7,0)+IF('Standard Profiles'!$G$22=$B$17,14,0)+IF('Standard Profiles'!$G$22=$B$24,21,0),MOD($C7051,24)+1)/SUM(INDEX($D$3:$AA$30,INDEX(Jesper!$R$2:$R$366,ROW(INDEX(Jesper!AL$2:AL$366,ROUNDDOWN($C7051/24,0)+1,1))-1)+IF('Standard Profiles'!$G$22=$B$10,7,0)+IF('Standard Profiles'!$G$22=$B$17,14,0)+IF('Standard Profiles'!$G$22=$B$24,21,0),0)),0)</f>
        <v>0</v>
      </c>
      <c r="I7051">
        <f t="shared" si="783"/>
        <v>0.29557695247611088</v>
      </c>
      <c r="J7051">
        <f t="shared" si="784"/>
        <v>0.98525650825370303</v>
      </c>
      <c r="K7051">
        <f t="shared" si="785"/>
        <v>1.4778847623805547</v>
      </c>
      <c r="L7051">
        <f t="shared" si="786"/>
        <v>15.174161918332647</v>
      </c>
      <c r="M7051">
        <f t="shared" si="787"/>
        <v>0</v>
      </c>
      <c r="N7051" s="46">
        <f t="shared" si="788"/>
        <v>45584.374999982982</v>
      </c>
    </row>
    <row r="7052" spans="2:14" x14ac:dyDescent="0.3">
      <c r="B7052">
        <f t="shared" si="782"/>
        <v>6</v>
      </c>
      <c r="C7052" s="16">
        <v>7018</v>
      </c>
      <c r="D7052" cm="1">
        <f t="array" ref="D7052">IFERROR(INDEX(Jesper!AH$2:AH$366,ROUNDDOWN($C7052/24,0)+1,1)*INDEX($D$3:$AA$30,INDEX(Jesper!$R$2:$R$366,ROW(INDEX(Jesper!AH$2:AH$366,ROUNDDOWN($C7052/24,0)+1,1))-1)+IF('Standard Profiles'!$G$18=$B$10,7,0)+IF('Standard Profiles'!$G$18=$B$17,14,0)+IF('Standard Profiles'!$G$18=$B$24,21,0),MOD($C7052,24)+1)/SUM(INDEX($D$3:$AA$30,INDEX(Jesper!$R$2:$R$366,ROW(INDEX(Jesper!AH$2:AH$366,ROUNDDOWN($C7052/24,0)+1,1))-1)+IF('Standard Profiles'!$G$18=$B$10,7,0)+IF('Standard Profiles'!$G$18=$B$17,14,0)+IF('Standard Profiles'!$G$18=$B$24,21,0),0)),0)</f>
        <v>14.651975968958185</v>
      </c>
      <c r="E7052" cm="1">
        <f t="array" ref="E7052">IFERROR(INDEX(Jesper!AI$2:AI$366,ROUNDDOWN($C7052/24,0)+1,1)*INDEX($D$3:$AA$30,INDEX(Jesper!$R$2:$R$366,ROW(INDEX(Jesper!AI$2:AI$366,ROUNDDOWN($C7052/24,0)+1,1))-1)+IF('Standard Profiles'!$G$19=$B$10,7,0)+IF('Standard Profiles'!$G$19=$B$17,14,0)+IF('Standard Profiles'!$G$19=$B$24,21,0),MOD($C7052,24)+1)/SUM(INDEX($D$3:$AA$30,INDEX(Jesper!$R$2:$R$366,ROW(INDEX(Jesper!AI$2:AI$366,ROUNDDOWN($C7052/24,0)+1,1))-1)+IF('Standard Profiles'!$G$19=$B$10,7,0)+IF('Standard Profiles'!$G$19=$B$17,14,0)+IF('Standard Profiles'!$G$19=$B$24,21,0),0)),0)</f>
        <v>3.28090417248483</v>
      </c>
      <c r="F7052" cm="1">
        <f t="array" ref="F7052">IFERROR(INDEX(Jesper!AJ$2:AJ$366,ROUNDDOWN($C7052/24,0)+1,1)*INDEX($D$3:$AA$30,INDEX(Jesper!$R$2:$R$366,ROW(INDEX(Jesper!AJ$2:AJ$366,ROUNDDOWN($C7052/24,0)+1,1))-1)+IF('Standard Profiles'!$G$20=$B$10,7,0)+IF('Standard Profiles'!$G$20=$B$17,14,0)+IF('Standard Profiles'!$G$20=$B$24,21,0),MOD($C7052,24)+1)/SUM(INDEX($D$3:$AA$30,INDEX(Jesper!$R$2:$R$366,ROW(INDEX(Jesper!AJ$2:AJ$366,ROUNDDOWN($C7052/24,0)+1,1))-1)+IF('Standard Profiles'!$G$20=$B$10,7,0)+IF('Standard Profiles'!$G$20=$B$17,14,0)+IF('Standard Profiles'!$G$20=$B$24,21,0),0)),0)</f>
        <v>0</v>
      </c>
      <c r="G7052" cm="1">
        <f t="array" ref="G7052">IFERROR(INDEX(Jesper!AK$2:AK$366,ROUNDDOWN($C7052/24,0)+1,1)*INDEX($D$3:$AA$30,INDEX(Jesper!$R$2:$R$366,ROW(INDEX(Jesper!AK$2:AK$366,ROUNDDOWN($C7052/24,0)+1,1))-1)+IF('Standard Profiles'!$G$21=$B$10,7,0)+IF('Standard Profiles'!$G$21=$B$17,14,0)+IF('Standard Profiles'!$G$21=$B$24,21,0),MOD($C7052,24)+1)/SUM(INDEX($D$3:$AA$30,INDEX(Jesper!$R$2:$R$366,ROW(INDEX(Jesper!AK$2:AK$366,ROUNDDOWN($C7052/24,0)+1,1))-1)+IF('Standard Profiles'!$G$21=$B$10,7,0)+IF('Standard Profiles'!$G$21=$B$17,14,0)+IF('Standard Profiles'!$G$21=$B$24,21,0),0)),0)</f>
        <v>0</v>
      </c>
      <c r="H7052" cm="1">
        <f t="array" ref="H7052">IFERROR(INDEX(Jesper!AL$2:AL$366,ROUNDDOWN($C7052/24,0)+1,1)*INDEX($D$3:$AA$30,INDEX(Jesper!$R$2:$R$366,ROW(INDEX(Jesper!AL$2:AL$366,ROUNDDOWN($C7052/24,0)+1,1))-1)+IF('Standard Profiles'!$G$22=$B$10,7,0)+IF('Standard Profiles'!$G$22=$B$17,14,0)+IF('Standard Profiles'!$G$22=$B$24,21,0),MOD($C7052,24)+1)/SUM(INDEX($D$3:$AA$30,INDEX(Jesper!$R$2:$R$366,ROW(INDEX(Jesper!AL$2:AL$366,ROUNDDOWN($C7052/24,0)+1,1))-1)+IF('Standard Profiles'!$G$22=$B$10,7,0)+IF('Standard Profiles'!$G$22=$B$17,14,0)+IF('Standard Profiles'!$G$22=$B$24,21,0),0)),0)</f>
        <v>0</v>
      </c>
      <c r="I7052">
        <f t="shared" si="783"/>
        <v>0.29557695247611088</v>
      </c>
      <c r="J7052">
        <f t="shared" si="784"/>
        <v>0.98525650825370303</v>
      </c>
      <c r="K7052">
        <f t="shared" si="785"/>
        <v>1.4778847623805547</v>
      </c>
      <c r="L7052">
        <f t="shared" si="786"/>
        <v>15.174161918332647</v>
      </c>
      <c r="M7052">
        <f t="shared" si="787"/>
        <v>0</v>
      </c>
      <c r="N7052" s="46">
        <f t="shared" si="788"/>
        <v>45584.416666649646</v>
      </c>
    </row>
    <row r="7053" spans="2:14" x14ac:dyDescent="0.3">
      <c r="B7053">
        <f t="shared" si="782"/>
        <v>6</v>
      </c>
      <c r="C7053" s="16">
        <v>7019</v>
      </c>
      <c r="D7053" cm="1">
        <f t="array" ref="D7053">IFERROR(INDEX(Jesper!AH$2:AH$366,ROUNDDOWN($C7053/24,0)+1,1)*INDEX($D$3:$AA$30,INDEX(Jesper!$R$2:$R$366,ROW(INDEX(Jesper!AH$2:AH$366,ROUNDDOWN($C7053/24,0)+1,1))-1)+IF('Standard Profiles'!$G$18=$B$10,7,0)+IF('Standard Profiles'!$G$18=$B$17,14,0)+IF('Standard Profiles'!$G$18=$B$24,21,0),MOD($C7053,24)+1)/SUM(INDEX($D$3:$AA$30,INDEX(Jesper!$R$2:$R$366,ROW(INDEX(Jesper!AH$2:AH$366,ROUNDDOWN($C7053/24,0)+1,1))-1)+IF('Standard Profiles'!$G$18=$B$10,7,0)+IF('Standard Profiles'!$G$18=$B$17,14,0)+IF('Standard Profiles'!$G$18=$B$24,21,0),0)),0)</f>
        <v>14.651975968958185</v>
      </c>
      <c r="E7053" cm="1">
        <f t="array" ref="E7053">IFERROR(INDEX(Jesper!AI$2:AI$366,ROUNDDOWN($C7053/24,0)+1,1)*INDEX($D$3:$AA$30,INDEX(Jesper!$R$2:$R$366,ROW(INDEX(Jesper!AI$2:AI$366,ROUNDDOWN($C7053/24,0)+1,1))-1)+IF('Standard Profiles'!$G$19=$B$10,7,0)+IF('Standard Profiles'!$G$19=$B$17,14,0)+IF('Standard Profiles'!$G$19=$B$24,21,0),MOD($C7053,24)+1)/SUM(INDEX($D$3:$AA$30,INDEX(Jesper!$R$2:$R$366,ROW(INDEX(Jesper!AI$2:AI$366,ROUNDDOWN($C7053/24,0)+1,1))-1)+IF('Standard Profiles'!$G$19=$B$10,7,0)+IF('Standard Profiles'!$G$19=$B$17,14,0)+IF('Standard Profiles'!$G$19=$B$24,21,0),0)),0)</f>
        <v>3.28090417248483</v>
      </c>
      <c r="F7053" cm="1">
        <f t="array" ref="F7053">IFERROR(INDEX(Jesper!AJ$2:AJ$366,ROUNDDOWN($C7053/24,0)+1,1)*INDEX($D$3:$AA$30,INDEX(Jesper!$R$2:$R$366,ROW(INDEX(Jesper!AJ$2:AJ$366,ROUNDDOWN($C7053/24,0)+1,1))-1)+IF('Standard Profiles'!$G$20=$B$10,7,0)+IF('Standard Profiles'!$G$20=$B$17,14,0)+IF('Standard Profiles'!$G$20=$B$24,21,0),MOD($C7053,24)+1)/SUM(INDEX($D$3:$AA$30,INDEX(Jesper!$R$2:$R$366,ROW(INDEX(Jesper!AJ$2:AJ$366,ROUNDDOWN($C7053/24,0)+1,1))-1)+IF('Standard Profiles'!$G$20=$B$10,7,0)+IF('Standard Profiles'!$G$20=$B$17,14,0)+IF('Standard Profiles'!$G$20=$B$24,21,0),0)),0)</f>
        <v>0</v>
      </c>
      <c r="G7053" cm="1">
        <f t="array" ref="G7053">IFERROR(INDEX(Jesper!AK$2:AK$366,ROUNDDOWN($C7053/24,0)+1,1)*INDEX($D$3:$AA$30,INDEX(Jesper!$R$2:$R$366,ROW(INDEX(Jesper!AK$2:AK$366,ROUNDDOWN($C7053/24,0)+1,1))-1)+IF('Standard Profiles'!$G$21=$B$10,7,0)+IF('Standard Profiles'!$G$21=$B$17,14,0)+IF('Standard Profiles'!$G$21=$B$24,21,0),MOD($C7053,24)+1)/SUM(INDEX($D$3:$AA$30,INDEX(Jesper!$R$2:$R$366,ROW(INDEX(Jesper!AK$2:AK$366,ROUNDDOWN($C7053/24,0)+1,1))-1)+IF('Standard Profiles'!$G$21=$B$10,7,0)+IF('Standard Profiles'!$G$21=$B$17,14,0)+IF('Standard Profiles'!$G$21=$B$24,21,0),0)),0)</f>
        <v>0</v>
      </c>
      <c r="H7053" cm="1">
        <f t="array" ref="H7053">IFERROR(INDEX(Jesper!AL$2:AL$366,ROUNDDOWN($C7053/24,0)+1,1)*INDEX($D$3:$AA$30,INDEX(Jesper!$R$2:$R$366,ROW(INDEX(Jesper!AL$2:AL$366,ROUNDDOWN($C7053/24,0)+1,1))-1)+IF('Standard Profiles'!$G$22=$B$10,7,0)+IF('Standard Profiles'!$G$22=$B$17,14,0)+IF('Standard Profiles'!$G$22=$B$24,21,0),MOD($C7053,24)+1)/SUM(INDEX($D$3:$AA$30,INDEX(Jesper!$R$2:$R$366,ROW(INDEX(Jesper!AL$2:AL$366,ROUNDDOWN($C7053/24,0)+1,1))-1)+IF('Standard Profiles'!$G$22=$B$10,7,0)+IF('Standard Profiles'!$G$22=$B$17,14,0)+IF('Standard Profiles'!$G$22=$B$24,21,0),0)),0)</f>
        <v>0</v>
      </c>
      <c r="I7053">
        <f t="shared" si="783"/>
        <v>0.29557695247611088</v>
      </c>
      <c r="J7053">
        <f t="shared" si="784"/>
        <v>0.98525650825370303</v>
      </c>
      <c r="K7053">
        <f t="shared" si="785"/>
        <v>1.4778847623805547</v>
      </c>
      <c r="L7053">
        <f t="shared" si="786"/>
        <v>15.174161918332647</v>
      </c>
      <c r="M7053">
        <f t="shared" si="787"/>
        <v>0</v>
      </c>
      <c r="N7053" s="46">
        <f t="shared" si="788"/>
        <v>45584.45833331631</v>
      </c>
    </row>
    <row r="7054" spans="2:14" x14ac:dyDescent="0.3">
      <c r="B7054">
        <f t="shared" si="782"/>
        <v>6</v>
      </c>
      <c r="C7054" s="16">
        <v>7020</v>
      </c>
      <c r="D7054" cm="1">
        <f t="array" ref="D7054">IFERROR(INDEX(Jesper!AH$2:AH$366,ROUNDDOWN($C7054/24,0)+1,1)*INDEX($D$3:$AA$30,INDEX(Jesper!$R$2:$R$366,ROW(INDEX(Jesper!AH$2:AH$366,ROUNDDOWN($C7054/24,0)+1,1))-1)+IF('Standard Profiles'!$G$18=$B$10,7,0)+IF('Standard Profiles'!$G$18=$B$17,14,0)+IF('Standard Profiles'!$G$18=$B$24,21,0),MOD($C7054,24)+1)/SUM(INDEX($D$3:$AA$30,INDEX(Jesper!$R$2:$R$366,ROW(INDEX(Jesper!AH$2:AH$366,ROUNDDOWN($C7054/24,0)+1,1))-1)+IF('Standard Profiles'!$G$18=$B$10,7,0)+IF('Standard Profiles'!$G$18=$B$17,14,0)+IF('Standard Profiles'!$G$18=$B$24,21,0),0)),0)</f>
        <v>14.651975968958185</v>
      </c>
      <c r="E7054" cm="1">
        <f t="array" ref="E7054">IFERROR(INDEX(Jesper!AI$2:AI$366,ROUNDDOWN($C7054/24,0)+1,1)*INDEX($D$3:$AA$30,INDEX(Jesper!$R$2:$R$366,ROW(INDEX(Jesper!AI$2:AI$366,ROUNDDOWN($C7054/24,0)+1,1))-1)+IF('Standard Profiles'!$G$19=$B$10,7,0)+IF('Standard Profiles'!$G$19=$B$17,14,0)+IF('Standard Profiles'!$G$19=$B$24,21,0),MOD($C7054,24)+1)/SUM(INDEX($D$3:$AA$30,INDEX(Jesper!$R$2:$R$366,ROW(INDEX(Jesper!AI$2:AI$366,ROUNDDOWN($C7054/24,0)+1,1))-1)+IF('Standard Profiles'!$G$19=$B$10,7,0)+IF('Standard Profiles'!$G$19=$B$17,14,0)+IF('Standard Profiles'!$G$19=$B$24,21,0),0)),0)</f>
        <v>3.28090417248483</v>
      </c>
      <c r="F7054" cm="1">
        <f t="array" ref="F7054">IFERROR(INDEX(Jesper!AJ$2:AJ$366,ROUNDDOWN($C7054/24,0)+1,1)*INDEX($D$3:$AA$30,INDEX(Jesper!$R$2:$R$366,ROW(INDEX(Jesper!AJ$2:AJ$366,ROUNDDOWN($C7054/24,0)+1,1))-1)+IF('Standard Profiles'!$G$20=$B$10,7,0)+IF('Standard Profiles'!$G$20=$B$17,14,0)+IF('Standard Profiles'!$G$20=$B$24,21,0),MOD($C7054,24)+1)/SUM(INDEX($D$3:$AA$30,INDEX(Jesper!$R$2:$R$366,ROW(INDEX(Jesper!AJ$2:AJ$366,ROUNDDOWN($C7054/24,0)+1,1))-1)+IF('Standard Profiles'!$G$20=$B$10,7,0)+IF('Standard Profiles'!$G$20=$B$17,14,0)+IF('Standard Profiles'!$G$20=$B$24,21,0),0)),0)</f>
        <v>0</v>
      </c>
      <c r="G7054" cm="1">
        <f t="array" ref="G7054">IFERROR(INDEX(Jesper!AK$2:AK$366,ROUNDDOWN($C7054/24,0)+1,1)*INDEX($D$3:$AA$30,INDEX(Jesper!$R$2:$R$366,ROW(INDEX(Jesper!AK$2:AK$366,ROUNDDOWN($C7054/24,0)+1,1))-1)+IF('Standard Profiles'!$G$21=$B$10,7,0)+IF('Standard Profiles'!$G$21=$B$17,14,0)+IF('Standard Profiles'!$G$21=$B$24,21,0),MOD($C7054,24)+1)/SUM(INDEX($D$3:$AA$30,INDEX(Jesper!$R$2:$R$366,ROW(INDEX(Jesper!AK$2:AK$366,ROUNDDOWN($C7054/24,0)+1,1))-1)+IF('Standard Profiles'!$G$21=$B$10,7,0)+IF('Standard Profiles'!$G$21=$B$17,14,0)+IF('Standard Profiles'!$G$21=$B$24,21,0),0)),0)</f>
        <v>0</v>
      </c>
      <c r="H7054" cm="1">
        <f t="array" ref="H7054">IFERROR(INDEX(Jesper!AL$2:AL$366,ROUNDDOWN($C7054/24,0)+1,1)*INDEX($D$3:$AA$30,INDEX(Jesper!$R$2:$R$366,ROW(INDEX(Jesper!AL$2:AL$366,ROUNDDOWN($C7054/24,0)+1,1))-1)+IF('Standard Profiles'!$G$22=$B$10,7,0)+IF('Standard Profiles'!$G$22=$B$17,14,0)+IF('Standard Profiles'!$G$22=$B$24,21,0),MOD($C7054,24)+1)/SUM(INDEX($D$3:$AA$30,INDEX(Jesper!$R$2:$R$366,ROW(INDEX(Jesper!AL$2:AL$366,ROUNDDOWN($C7054/24,0)+1,1))-1)+IF('Standard Profiles'!$G$22=$B$10,7,0)+IF('Standard Profiles'!$G$22=$B$17,14,0)+IF('Standard Profiles'!$G$22=$B$24,21,0),0)),0)</f>
        <v>0</v>
      </c>
      <c r="I7054">
        <f t="shared" si="783"/>
        <v>0.29557695247611088</v>
      </c>
      <c r="J7054">
        <f t="shared" si="784"/>
        <v>0.98525650825370303</v>
      </c>
      <c r="K7054">
        <f t="shared" si="785"/>
        <v>1.4778847623805547</v>
      </c>
      <c r="L7054">
        <f t="shared" si="786"/>
        <v>15.174161918332647</v>
      </c>
      <c r="M7054">
        <f t="shared" si="787"/>
        <v>0</v>
      </c>
      <c r="N7054" s="46">
        <f t="shared" si="788"/>
        <v>45584.499999982974</v>
      </c>
    </row>
    <row r="7055" spans="2:14" x14ac:dyDescent="0.3">
      <c r="B7055">
        <f t="shared" si="782"/>
        <v>6</v>
      </c>
      <c r="C7055" s="16">
        <v>7021</v>
      </c>
      <c r="D7055" cm="1">
        <f t="array" ref="D7055">IFERROR(INDEX(Jesper!AH$2:AH$366,ROUNDDOWN($C7055/24,0)+1,1)*INDEX($D$3:$AA$30,INDEX(Jesper!$R$2:$R$366,ROW(INDEX(Jesper!AH$2:AH$366,ROUNDDOWN($C7055/24,0)+1,1))-1)+IF('Standard Profiles'!$G$18=$B$10,7,0)+IF('Standard Profiles'!$G$18=$B$17,14,0)+IF('Standard Profiles'!$G$18=$B$24,21,0),MOD($C7055,24)+1)/SUM(INDEX($D$3:$AA$30,INDEX(Jesper!$R$2:$R$366,ROW(INDEX(Jesper!AH$2:AH$366,ROUNDDOWN($C7055/24,0)+1,1))-1)+IF('Standard Profiles'!$G$18=$B$10,7,0)+IF('Standard Profiles'!$G$18=$B$17,14,0)+IF('Standard Profiles'!$G$18=$B$24,21,0),0)),0)</f>
        <v>14.651975968958185</v>
      </c>
      <c r="E7055" cm="1">
        <f t="array" ref="E7055">IFERROR(INDEX(Jesper!AI$2:AI$366,ROUNDDOWN($C7055/24,0)+1,1)*INDEX($D$3:$AA$30,INDEX(Jesper!$R$2:$R$366,ROW(INDEX(Jesper!AI$2:AI$366,ROUNDDOWN($C7055/24,0)+1,1))-1)+IF('Standard Profiles'!$G$19=$B$10,7,0)+IF('Standard Profiles'!$G$19=$B$17,14,0)+IF('Standard Profiles'!$G$19=$B$24,21,0),MOD($C7055,24)+1)/SUM(INDEX($D$3:$AA$30,INDEX(Jesper!$R$2:$R$366,ROW(INDEX(Jesper!AI$2:AI$366,ROUNDDOWN($C7055/24,0)+1,1))-1)+IF('Standard Profiles'!$G$19=$B$10,7,0)+IF('Standard Profiles'!$G$19=$B$17,14,0)+IF('Standard Profiles'!$G$19=$B$24,21,0),0)),0)</f>
        <v>3.28090417248483</v>
      </c>
      <c r="F7055" cm="1">
        <f t="array" ref="F7055">IFERROR(INDEX(Jesper!AJ$2:AJ$366,ROUNDDOWN($C7055/24,0)+1,1)*INDEX($D$3:$AA$30,INDEX(Jesper!$R$2:$R$366,ROW(INDEX(Jesper!AJ$2:AJ$366,ROUNDDOWN($C7055/24,0)+1,1))-1)+IF('Standard Profiles'!$G$20=$B$10,7,0)+IF('Standard Profiles'!$G$20=$B$17,14,0)+IF('Standard Profiles'!$G$20=$B$24,21,0),MOD($C7055,24)+1)/SUM(INDEX($D$3:$AA$30,INDEX(Jesper!$R$2:$R$366,ROW(INDEX(Jesper!AJ$2:AJ$366,ROUNDDOWN($C7055/24,0)+1,1))-1)+IF('Standard Profiles'!$G$20=$B$10,7,0)+IF('Standard Profiles'!$G$20=$B$17,14,0)+IF('Standard Profiles'!$G$20=$B$24,21,0),0)),0)</f>
        <v>0</v>
      </c>
      <c r="G7055" cm="1">
        <f t="array" ref="G7055">IFERROR(INDEX(Jesper!AK$2:AK$366,ROUNDDOWN($C7055/24,0)+1,1)*INDEX($D$3:$AA$30,INDEX(Jesper!$R$2:$R$366,ROW(INDEX(Jesper!AK$2:AK$366,ROUNDDOWN($C7055/24,0)+1,1))-1)+IF('Standard Profiles'!$G$21=$B$10,7,0)+IF('Standard Profiles'!$G$21=$B$17,14,0)+IF('Standard Profiles'!$G$21=$B$24,21,0),MOD($C7055,24)+1)/SUM(INDEX($D$3:$AA$30,INDEX(Jesper!$R$2:$R$366,ROW(INDEX(Jesper!AK$2:AK$366,ROUNDDOWN($C7055/24,0)+1,1))-1)+IF('Standard Profiles'!$G$21=$B$10,7,0)+IF('Standard Profiles'!$G$21=$B$17,14,0)+IF('Standard Profiles'!$G$21=$B$24,21,0),0)),0)</f>
        <v>0</v>
      </c>
      <c r="H7055" cm="1">
        <f t="array" ref="H7055">IFERROR(INDEX(Jesper!AL$2:AL$366,ROUNDDOWN($C7055/24,0)+1,1)*INDEX($D$3:$AA$30,INDEX(Jesper!$R$2:$R$366,ROW(INDEX(Jesper!AL$2:AL$366,ROUNDDOWN($C7055/24,0)+1,1))-1)+IF('Standard Profiles'!$G$22=$B$10,7,0)+IF('Standard Profiles'!$G$22=$B$17,14,0)+IF('Standard Profiles'!$G$22=$B$24,21,0),MOD($C7055,24)+1)/SUM(INDEX($D$3:$AA$30,INDEX(Jesper!$R$2:$R$366,ROW(INDEX(Jesper!AL$2:AL$366,ROUNDDOWN($C7055/24,0)+1,1))-1)+IF('Standard Profiles'!$G$22=$B$10,7,0)+IF('Standard Profiles'!$G$22=$B$17,14,0)+IF('Standard Profiles'!$G$22=$B$24,21,0),0)),0)</f>
        <v>0</v>
      </c>
      <c r="I7055">
        <f t="shared" si="783"/>
        <v>0.29557695247611088</v>
      </c>
      <c r="J7055">
        <f t="shared" si="784"/>
        <v>0.98525650825370303</v>
      </c>
      <c r="K7055">
        <f t="shared" si="785"/>
        <v>1.4778847623805547</v>
      </c>
      <c r="L7055">
        <f t="shared" si="786"/>
        <v>15.174161918332647</v>
      </c>
      <c r="M7055">
        <f t="shared" si="787"/>
        <v>0</v>
      </c>
      <c r="N7055" s="46">
        <f t="shared" si="788"/>
        <v>45584.541666649639</v>
      </c>
    </row>
    <row r="7056" spans="2:14" x14ac:dyDescent="0.3">
      <c r="B7056">
        <f t="shared" si="782"/>
        <v>6</v>
      </c>
      <c r="C7056" s="16">
        <v>7022</v>
      </c>
      <c r="D7056" cm="1">
        <f t="array" ref="D7056">IFERROR(INDEX(Jesper!AH$2:AH$366,ROUNDDOWN($C7056/24,0)+1,1)*INDEX($D$3:$AA$30,INDEX(Jesper!$R$2:$R$366,ROW(INDEX(Jesper!AH$2:AH$366,ROUNDDOWN($C7056/24,0)+1,1))-1)+IF('Standard Profiles'!$G$18=$B$10,7,0)+IF('Standard Profiles'!$G$18=$B$17,14,0)+IF('Standard Profiles'!$G$18=$B$24,21,0),MOD($C7056,24)+1)/SUM(INDEX($D$3:$AA$30,INDEX(Jesper!$R$2:$R$366,ROW(INDEX(Jesper!AH$2:AH$366,ROUNDDOWN($C7056/24,0)+1,1))-1)+IF('Standard Profiles'!$G$18=$B$10,7,0)+IF('Standard Profiles'!$G$18=$B$17,14,0)+IF('Standard Profiles'!$G$18=$B$24,21,0),0)),0)</f>
        <v>14.651975968958185</v>
      </c>
      <c r="E7056" cm="1">
        <f t="array" ref="E7056">IFERROR(INDEX(Jesper!AI$2:AI$366,ROUNDDOWN($C7056/24,0)+1,1)*INDEX($D$3:$AA$30,INDEX(Jesper!$R$2:$R$366,ROW(INDEX(Jesper!AI$2:AI$366,ROUNDDOWN($C7056/24,0)+1,1))-1)+IF('Standard Profiles'!$G$19=$B$10,7,0)+IF('Standard Profiles'!$G$19=$B$17,14,0)+IF('Standard Profiles'!$G$19=$B$24,21,0),MOD($C7056,24)+1)/SUM(INDEX($D$3:$AA$30,INDEX(Jesper!$R$2:$R$366,ROW(INDEX(Jesper!AI$2:AI$366,ROUNDDOWN($C7056/24,0)+1,1))-1)+IF('Standard Profiles'!$G$19=$B$10,7,0)+IF('Standard Profiles'!$G$19=$B$17,14,0)+IF('Standard Profiles'!$G$19=$B$24,21,0),0)),0)</f>
        <v>3.28090417248483</v>
      </c>
      <c r="F7056" cm="1">
        <f t="array" ref="F7056">IFERROR(INDEX(Jesper!AJ$2:AJ$366,ROUNDDOWN($C7056/24,0)+1,1)*INDEX($D$3:$AA$30,INDEX(Jesper!$R$2:$R$366,ROW(INDEX(Jesper!AJ$2:AJ$366,ROUNDDOWN($C7056/24,0)+1,1))-1)+IF('Standard Profiles'!$G$20=$B$10,7,0)+IF('Standard Profiles'!$G$20=$B$17,14,0)+IF('Standard Profiles'!$G$20=$B$24,21,0),MOD($C7056,24)+1)/SUM(INDEX($D$3:$AA$30,INDEX(Jesper!$R$2:$R$366,ROW(INDEX(Jesper!AJ$2:AJ$366,ROUNDDOWN($C7056/24,0)+1,1))-1)+IF('Standard Profiles'!$G$20=$B$10,7,0)+IF('Standard Profiles'!$G$20=$B$17,14,0)+IF('Standard Profiles'!$G$20=$B$24,21,0),0)),0)</f>
        <v>0</v>
      </c>
      <c r="G7056" cm="1">
        <f t="array" ref="G7056">IFERROR(INDEX(Jesper!AK$2:AK$366,ROUNDDOWN($C7056/24,0)+1,1)*INDEX($D$3:$AA$30,INDEX(Jesper!$R$2:$R$366,ROW(INDEX(Jesper!AK$2:AK$366,ROUNDDOWN($C7056/24,0)+1,1))-1)+IF('Standard Profiles'!$G$21=$B$10,7,0)+IF('Standard Profiles'!$G$21=$B$17,14,0)+IF('Standard Profiles'!$G$21=$B$24,21,0),MOD($C7056,24)+1)/SUM(INDEX($D$3:$AA$30,INDEX(Jesper!$R$2:$R$366,ROW(INDEX(Jesper!AK$2:AK$366,ROUNDDOWN($C7056/24,0)+1,1))-1)+IF('Standard Profiles'!$G$21=$B$10,7,0)+IF('Standard Profiles'!$G$21=$B$17,14,0)+IF('Standard Profiles'!$G$21=$B$24,21,0),0)),0)</f>
        <v>0</v>
      </c>
      <c r="H7056" cm="1">
        <f t="array" ref="H7056">IFERROR(INDEX(Jesper!AL$2:AL$366,ROUNDDOWN($C7056/24,0)+1,1)*INDEX($D$3:$AA$30,INDEX(Jesper!$R$2:$R$366,ROW(INDEX(Jesper!AL$2:AL$366,ROUNDDOWN($C7056/24,0)+1,1))-1)+IF('Standard Profiles'!$G$22=$B$10,7,0)+IF('Standard Profiles'!$G$22=$B$17,14,0)+IF('Standard Profiles'!$G$22=$B$24,21,0),MOD($C7056,24)+1)/SUM(INDEX($D$3:$AA$30,INDEX(Jesper!$R$2:$R$366,ROW(INDEX(Jesper!AL$2:AL$366,ROUNDDOWN($C7056/24,0)+1,1))-1)+IF('Standard Profiles'!$G$22=$B$10,7,0)+IF('Standard Profiles'!$G$22=$B$17,14,0)+IF('Standard Profiles'!$G$22=$B$24,21,0),0)),0)</f>
        <v>0</v>
      </c>
      <c r="I7056">
        <f t="shared" si="783"/>
        <v>0.29557695247611088</v>
      </c>
      <c r="J7056">
        <f t="shared" si="784"/>
        <v>0.98525650825370303</v>
      </c>
      <c r="K7056">
        <f t="shared" si="785"/>
        <v>1.4778847623805547</v>
      </c>
      <c r="L7056">
        <f t="shared" si="786"/>
        <v>15.174161918332647</v>
      </c>
      <c r="M7056">
        <f t="shared" si="787"/>
        <v>0</v>
      </c>
      <c r="N7056" s="46">
        <f t="shared" si="788"/>
        <v>45584.583333316303</v>
      </c>
    </row>
    <row r="7057" spans="2:14" x14ac:dyDescent="0.3">
      <c r="B7057">
        <f t="shared" si="782"/>
        <v>6</v>
      </c>
      <c r="C7057" s="16">
        <v>7023</v>
      </c>
      <c r="D7057" cm="1">
        <f t="array" ref="D7057">IFERROR(INDEX(Jesper!AH$2:AH$366,ROUNDDOWN($C7057/24,0)+1,1)*INDEX($D$3:$AA$30,INDEX(Jesper!$R$2:$R$366,ROW(INDEX(Jesper!AH$2:AH$366,ROUNDDOWN($C7057/24,0)+1,1))-1)+IF('Standard Profiles'!$G$18=$B$10,7,0)+IF('Standard Profiles'!$G$18=$B$17,14,0)+IF('Standard Profiles'!$G$18=$B$24,21,0),MOD($C7057,24)+1)/SUM(INDEX($D$3:$AA$30,INDEX(Jesper!$R$2:$R$366,ROW(INDEX(Jesper!AH$2:AH$366,ROUNDDOWN($C7057/24,0)+1,1))-1)+IF('Standard Profiles'!$G$18=$B$10,7,0)+IF('Standard Profiles'!$G$18=$B$17,14,0)+IF('Standard Profiles'!$G$18=$B$24,21,0),0)),0)</f>
        <v>13.246991971934797</v>
      </c>
      <c r="E7057" cm="1">
        <f t="array" ref="E7057">IFERROR(INDEX(Jesper!AI$2:AI$366,ROUNDDOWN($C7057/24,0)+1,1)*INDEX($D$3:$AA$30,INDEX(Jesper!$R$2:$R$366,ROW(INDEX(Jesper!AI$2:AI$366,ROUNDDOWN($C7057/24,0)+1,1))-1)+IF('Standard Profiles'!$G$19=$B$10,7,0)+IF('Standard Profiles'!$G$19=$B$17,14,0)+IF('Standard Profiles'!$G$19=$B$24,21,0),MOD($C7057,24)+1)/SUM(INDEX($D$3:$AA$30,INDEX(Jesper!$R$2:$R$366,ROW(INDEX(Jesper!AI$2:AI$366,ROUNDDOWN($C7057/24,0)+1,1))-1)+IF('Standard Profiles'!$G$19=$B$10,7,0)+IF('Standard Profiles'!$G$19=$B$17,14,0)+IF('Standard Profiles'!$G$19=$B$24,21,0),0)),0)</f>
        <v>2.9662969230684761</v>
      </c>
      <c r="F7057" cm="1">
        <f t="array" ref="F7057">IFERROR(INDEX(Jesper!AJ$2:AJ$366,ROUNDDOWN($C7057/24,0)+1,1)*INDEX($D$3:$AA$30,INDEX(Jesper!$R$2:$R$366,ROW(INDEX(Jesper!AJ$2:AJ$366,ROUNDDOWN($C7057/24,0)+1,1))-1)+IF('Standard Profiles'!$G$20=$B$10,7,0)+IF('Standard Profiles'!$G$20=$B$17,14,0)+IF('Standard Profiles'!$G$20=$B$24,21,0),MOD($C7057,24)+1)/SUM(INDEX($D$3:$AA$30,INDEX(Jesper!$R$2:$R$366,ROW(INDEX(Jesper!AJ$2:AJ$366,ROUNDDOWN($C7057/24,0)+1,1))-1)+IF('Standard Profiles'!$G$20=$B$10,7,0)+IF('Standard Profiles'!$G$20=$B$17,14,0)+IF('Standard Profiles'!$G$20=$B$24,21,0),0)),0)</f>
        <v>0</v>
      </c>
      <c r="G7057" cm="1">
        <f t="array" ref="G7057">IFERROR(INDEX(Jesper!AK$2:AK$366,ROUNDDOWN($C7057/24,0)+1,1)*INDEX($D$3:$AA$30,INDEX(Jesper!$R$2:$R$366,ROW(INDEX(Jesper!AK$2:AK$366,ROUNDDOWN($C7057/24,0)+1,1))-1)+IF('Standard Profiles'!$G$21=$B$10,7,0)+IF('Standard Profiles'!$G$21=$B$17,14,0)+IF('Standard Profiles'!$G$21=$B$24,21,0),MOD($C7057,24)+1)/SUM(INDEX($D$3:$AA$30,INDEX(Jesper!$R$2:$R$366,ROW(INDEX(Jesper!AK$2:AK$366,ROUNDDOWN($C7057/24,0)+1,1))-1)+IF('Standard Profiles'!$G$21=$B$10,7,0)+IF('Standard Profiles'!$G$21=$B$17,14,0)+IF('Standard Profiles'!$G$21=$B$24,21,0),0)),0)</f>
        <v>0</v>
      </c>
      <c r="H7057" cm="1">
        <f t="array" ref="H7057">IFERROR(INDEX(Jesper!AL$2:AL$366,ROUNDDOWN($C7057/24,0)+1,1)*INDEX($D$3:$AA$30,INDEX(Jesper!$R$2:$R$366,ROW(INDEX(Jesper!AL$2:AL$366,ROUNDDOWN($C7057/24,0)+1,1))-1)+IF('Standard Profiles'!$G$22=$B$10,7,0)+IF('Standard Profiles'!$G$22=$B$17,14,0)+IF('Standard Profiles'!$G$22=$B$24,21,0),MOD($C7057,24)+1)/SUM(INDEX($D$3:$AA$30,INDEX(Jesper!$R$2:$R$366,ROW(INDEX(Jesper!AL$2:AL$366,ROUNDDOWN($C7057/24,0)+1,1))-1)+IF('Standard Profiles'!$G$22=$B$10,7,0)+IF('Standard Profiles'!$G$22=$B$17,14,0)+IF('Standard Profiles'!$G$22=$B$24,21,0),0)),0)</f>
        <v>0</v>
      </c>
      <c r="I7057">
        <f t="shared" si="783"/>
        <v>0.26723395703319613</v>
      </c>
      <c r="J7057">
        <f t="shared" si="784"/>
        <v>0.89077985677732052</v>
      </c>
      <c r="K7057">
        <f t="shared" si="785"/>
        <v>1.3361697851659808</v>
      </c>
      <c r="L7057">
        <f t="shared" si="786"/>
        <v>13.719105296026775</v>
      </c>
      <c r="M7057">
        <f t="shared" si="787"/>
        <v>0</v>
      </c>
      <c r="N7057" s="46">
        <f t="shared" si="788"/>
        <v>45584.624999982967</v>
      </c>
    </row>
    <row r="7058" spans="2:14" x14ac:dyDescent="0.3">
      <c r="B7058">
        <f t="shared" si="782"/>
        <v>6</v>
      </c>
      <c r="C7058" s="16">
        <v>7024</v>
      </c>
      <c r="D7058" cm="1">
        <f t="array" ref="D7058">IFERROR(INDEX(Jesper!AH$2:AH$366,ROUNDDOWN($C7058/24,0)+1,1)*INDEX($D$3:$AA$30,INDEX(Jesper!$R$2:$R$366,ROW(INDEX(Jesper!AH$2:AH$366,ROUNDDOWN($C7058/24,0)+1,1))-1)+IF('Standard Profiles'!$G$18=$B$10,7,0)+IF('Standard Profiles'!$G$18=$B$17,14,0)+IF('Standard Profiles'!$G$18=$B$24,21,0),MOD($C7058,24)+1)/SUM(INDEX($D$3:$AA$30,INDEX(Jesper!$R$2:$R$366,ROW(INDEX(Jesper!AH$2:AH$366,ROUNDDOWN($C7058/24,0)+1,1))-1)+IF('Standard Profiles'!$G$18=$B$10,7,0)+IF('Standard Profiles'!$G$18=$B$17,14,0)+IF('Standard Profiles'!$G$18=$B$24,21,0),0)),0)</f>
        <v>12.042719974486179</v>
      </c>
      <c r="E7058" cm="1">
        <f t="array" ref="E7058">IFERROR(INDEX(Jesper!AI$2:AI$366,ROUNDDOWN($C7058/24,0)+1,1)*INDEX($D$3:$AA$30,INDEX(Jesper!$R$2:$R$366,ROW(INDEX(Jesper!AI$2:AI$366,ROUNDDOWN($C7058/24,0)+1,1))-1)+IF('Standard Profiles'!$G$19=$B$10,7,0)+IF('Standard Profiles'!$G$19=$B$17,14,0)+IF('Standard Profiles'!$G$19=$B$24,21,0),MOD($C7058,24)+1)/SUM(INDEX($D$3:$AA$30,INDEX(Jesper!$R$2:$R$366,ROW(INDEX(Jesper!AI$2:AI$366,ROUNDDOWN($C7058/24,0)+1,1))-1)+IF('Standard Profiles'!$G$19=$B$10,7,0)+IF('Standard Profiles'!$G$19=$B$17,14,0)+IF('Standard Profiles'!$G$19=$B$24,21,0),0)),0)</f>
        <v>2.6966335664258874</v>
      </c>
      <c r="F7058" cm="1">
        <f t="array" ref="F7058">IFERROR(INDEX(Jesper!AJ$2:AJ$366,ROUNDDOWN($C7058/24,0)+1,1)*INDEX($D$3:$AA$30,INDEX(Jesper!$R$2:$R$366,ROW(INDEX(Jesper!AJ$2:AJ$366,ROUNDDOWN($C7058/24,0)+1,1))-1)+IF('Standard Profiles'!$G$20=$B$10,7,0)+IF('Standard Profiles'!$G$20=$B$17,14,0)+IF('Standard Profiles'!$G$20=$B$24,21,0),MOD($C7058,24)+1)/SUM(INDEX($D$3:$AA$30,INDEX(Jesper!$R$2:$R$366,ROW(INDEX(Jesper!AJ$2:AJ$366,ROUNDDOWN($C7058/24,0)+1,1))-1)+IF('Standard Profiles'!$G$20=$B$10,7,0)+IF('Standard Profiles'!$G$20=$B$17,14,0)+IF('Standard Profiles'!$G$20=$B$24,21,0),0)),0)</f>
        <v>0</v>
      </c>
      <c r="G7058" cm="1">
        <f t="array" ref="G7058">IFERROR(INDEX(Jesper!AK$2:AK$366,ROUNDDOWN($C7058/24,0)+1,1)*INDEX($D$3:$AA$30,INDEX(Jesper!$R$2:$R$366,ROW(INDEX(Jesper!AK$2:AK$366,ROUNDDOWN($C7058/24,0)+1,1))-1)+IF('Standard Profiles'!$G$21=$B$10,7,0)+IF('Standard Profiles'!$G$21=$B$17,14,0)+IF('Standard Profiles'!$G$21=$B$24,21,0),MOD($C7058,24)+1)/SUM(INDEX($D$3:$AA$30,INDEX(Jesper!$R$2:$R$366,ROW(INDEX(Jesper!AK$2:AK$366,ROUNDDOWN($C7058/24,0)+1,1))-1)+IF('Standard Profiles'!$G$21=$B$10,7,0)+IF('Standard Profiles'!$G$21=$B$17,14,0)+IF('Standard Profiles'!$G$21=$B$24,21,0),0)),0)</f>
        <v>0</v>
      </c>
      <c r="H7058" cm="1">
        <f t="array" ref="H7058">IFERROR(INDEX(Jesper!AL$2:AL$366,ROUNDDOWN($C7058/24,0)+1,1)*INDEX($D$3:$AA$30,INDEX(Jesper!$R$2:$R$366,ROW(INDEX(Jesper!AL$2:AL$366,ROUNDDOWN($C7058/24,0)+1,1))-1)+IF('Standard Profiles'!$G$22=$B$10,7,0)+IF('Standard Profiles'!$G$22=$B$17,14,0)+IF('Standard Profiles'!$G$22=$B$24,21,0),MOD($C7058,24)+1)/SUM(INDEX($D$3:$AA$30,INDEX(Jesper!$R$2:$R$366,ROW(INDEX(Jesper!AL$2:AL$366,ROUNDDOWN($C7058/24,0)+1,1))-1)+IF('Standard Profiles'!$G$22=$B$10,7,0)+IF('Standard Profiles'!$G$22=$B$17,14,0)+IF('Standard Profiles'!$G$22=$B$24,21,0),0)),0)</f>
        <v>0</v>
      </c>
      <c r="I7058">
        <f t="shared" si="783"/>
        <v>0.2429399609392692</v>
      </c>
      <c r="J7058">
        <f t="shared" si="784"/>
        <v>0.80979986979756413</v>
      </c>
      <c r="K7058">
        <f t="shared" si="785"/>
        <v>1.2146998046963462</v>
      </c>
      <c r="L7058">
        <f t="shared" si="786"/>
        <v>12.471913905478887</v>
      </c>
      <c r="M7058">
        <f t="shared" si="787"/>
        <v>0</v>
      </c>
      <c r="N7058" s="46">
        <f t="shared" si="788"/>
        <v>45584.666666649631</v>
      </c>
    </row>
    <row r="7059" spans="2:14" x14ac:dyDescent="0.3">
      <c r="B7059">
        <f t="shared" si="782"/>
        <v>6</v>
      </c>
      <c r="C7059" s="16">
        <v>7025</v>
      </c>
      <c r="D7059" cm="1">
        <f t="array" ref="D7059">IFERROR(INDEX(Jesper!AH$2:AH$366,ROUNDDOWN($C7059/24,0)+1,1)*INDEX($D$3:$AA$30,INDEX(Jesper!$R$2:$R$366,ROW(INDEX(Jesper!AH$2:AH$366,ROUNDDOWN($C7059/24,0)+1,1))-1)+IF('Standard Profiles'!$G$18=$B$10,7,0)+IF('Standard Profiles'!$G$18=$B$17,14,0)+IF('Standard Profiles'!$G$18=$B$24,21,0),MOD($C7059,24)+1)/SUM(INDEX($D$3:$AA$30,INDEX(Jesper!$R$2:$R$366,ROW(INDEX(Jesper!AH$2:AH$366,ROUNDDOWN($C7059/24,0)+1,1))-1)+IF('Standard Profiles'!$G$18=$B$10,7,0)+IF('Standard Profiles'!$G$18=$B$17,14,0)+IF('Standard Profiles'!$G$18=$B$24,21,0),0)),0)</f>
        <v>10.838447977037562</v>
      </c>
      <c r="E7059" cm="1">
        <f t="array" ref="E7059">IFERROR(INDEX(Jesper!AI$2:AI$366,ROUNDDOWN($C7059/24,0)+1,1)*INDEX($D$3:$AA$30,INDEX(Jesper!$R$2:$R$366,ROW(INDEX(Jesper!AI$2:AI$366,ROUNDDOWN($C7059/24,0)+1,1))-1)+IF('Standard Profiles'!$G$19=$B$10,7,0)+IF('Standard Profiles'!$G$19=$B$17,14,0)+IF('Standard Profiles'!$G$19=$B$24,21,0),MOD($C7059,24)+1)/SUM(INDEX($D$3:$AA$30,INDEX(Jesper!$R$2:$R$366,ROW(INDEX(Jesper!AI$2:AI$366,ROUNDDOWN($C7059/24,0)+1,1))-1)+IF('Standard Profiles'!$G$19=$B$10,7,0)+IF('Standard Profiles'!$G$19=$B$17,14,0)+IF('Standard Profiles'!$G$19=$B$24,21,0),0)),0)</f>
        <v>2.426970209783299</v>
      </c>
      <c r="F7059" cm="1">
        <f t="array" ref="F7059">IFERROR(INDEX(Jesper!AJ$2:AJ$366,ROUNDDOWN($C7059/24,0)+1,1)*INDEX($D$3:$AA$30,INDEX(Jesper!$R$2:$R$366,ROW(INDEX(Jesper!AJ$2:AJ$366,ROUNDDOWN($C7059/24,0)+1,1))-1)+IF('Standard Profiles'!$G$20=$B$10,7,0)+IF('Standard Profiles'!$G$20=$B$17,14,0)+IF('Standard Profiles'!$G$20=$B$24,21,0),MOD($C7059,24)+1)/SUM(INDEX($D$3:$AA$30,INDEX(Jesper!$R$2:$R$366,ROW(INDEX(Jesper!AJ$2:AJ$366,ROUNDDOWN($C7059/24,0)+1,1))-1)+IF('Standard Profiles'!$G$20=$B$10,7,0)+IF('Standard Profiles'!$G$20=$B$17,14,0)+IF('Standard Profiles'!$G$20=$B$24,21,0),0)),0)</f>
        <v>0</v>
      </c>
      <c r="G7059" cm="1">
        <f t="array" ref="G7059">IFERROR(INDEX(Jesper!AK$2:AK$366,ROUNDDOWN($C7059/24,0)+1,1)*INDEX($D$3:$AA$30,INDEX(Jesper!$R$2:$R$366,ROW(INDEX(Jesper!AK$2:AK$366,ROUNDDOWN($C7059/24,0)+1,1))-1)+IF('Standard Profiles'!$G$21=$B$10,7,0)+IF('Standard Profiles'!$G$21=$B$17,14,0)+IF('Standard Profiles'!$G$21=$B$24,21,0),MOD($C7059,24)+1)/SUM(INDEX($D$3:$AA$30,INDEX(Jesper!$R$2:$R$366,ROW(INDEX(Jesper!AK$2:AK$366,ROUNDDOWN($C7059/24,0)+1,1))-1)+IF('Standard Profiles'!$G$21=$B$10,7,0)+IF('Standard Profiles'!$G$21=$B$17,14,0)+IF('Standard Profiles'!$G$21=$B$24,21,0),0)),0)</f>
        <v>0</v>
      </c>
      <c r="H7059" cm="1">
        <f t="array" ref="H7059">IFERROR(INDEX(Jesper!AL$2:AL$366,ROUNDDOWN($C7059/24,0)+1,1)*INDEX($D$3:$AA$30,INDEX(Jesper!$R$2:$R$366,ROW(INDEX(Jesper!AL$2:AL$366,ROUNDDOWN($C7059/24,0)+1,1))-1)+IF('Standard Profiles'!$G$22=$B$10,7,0)+IF('Standard Profiles'!$G$22=$B$17,14,0)+IF('Standard Profiles'!$G$22=$B$24,21,0),MOD($C7059,24)+1)/SUM(INDEX($D$3:$AA$30,INDEX(Jesper!$R$2:$R$366,ROW(INDEX(Jesper!AL$2:AL$366,ROUNDDOWN($C7059/24,0)+1,1))-1)+IF('Standard Profiles'!$G$22=$B$10,7,0)+IF('Standard Profiles'!$G$22=$B$17,14,0)+IF('Standard Profiles'!$G$22=$B$24,21,0),0)),0)</f>
        <v>0</v>
      </c>
      <c r="I7059">
        <f t="shared" si="783"/>
        <v>0.21864596484534232</v>
      </c>
      <c r="J7059">
        <f t="shared" si="784"/>
        <v>0.72881988281780774</v>
      </c>
      <c r="K7059">
        <f t="shared" si="785"/>
        <v>1.0932298242267118</v>
      </c>
      <c r="L7059">
        <f t="shared" si="786"/>
        <v>11.224722514930999</v>
      </c>
      <c r="M7059">
        <f t="shared" si="787"/>
        <v>0</v>
      </c>
      <c r="N7059" s="46">
        <f t="shared" si="788"/>
        <v>45584.708333316295</v>
      </c>
    </row>
    <row r="7060" spans="2:14" x14ac:dyDescent="0.3">
      <c r="B7060">
        <f t="shared" si="782"/>
        <v>6</v>
      </c>
      <c r="C7060" s="16">
        <v>7026</v>
      </c>
      <c r="D7060" cm="1">
        <f t="array" ref="D7060">IFERROR(INDEX(Jesper!AH$2:AH$366,ROUNDDOWN($C7060/24,0)+1,1)*INDEX($D$3:$AA$30,INDEX(Jesper!$R$2:$R$366,ROW(INDEX(Jesper!AH$2:AH$366,ROUNDDOWN($C7060/24,0)+1,1))-1)+IF('Standard Profiles'!$G$18=$B$10,7,0)+IF('Standard Profiles'!$G$18=$B$17,14,0)+IF('Standard Profiles'!$G$18=$B$24,21,0),MOD($C7060,24)+1)/SUM(INDEX($D$3:$AA$30,INDEX(Jesper!$R$2:$R$366,ROW(INDEX(Jesper!AH$2:AH$366,ROUNDDOWN($C7060/24,0)+1,1))-1)+IF('Standard Profiles'!$G$18=$B$10,7,0)+IF('Standard Profiles'!$G$18=$B$17,14,0)+IF('Standard Profiles'!$G$18=$B$24,21,0),0)),0)</f>
        <v>10.437023977888021</v>
      </c>
      <c r="E7060" cm="1">
        <f t="array" ref="E7060">IFERROR(INDEX(Jesper!AI$2:AI$366,ROUNDDOWN($C7060/24,0)+1,1)*INDEX($D$3:$AA$30,INDEX(Jesper!$R$2:$R$366,ROW(INDEX(Jesper!AI$2:AI$366,ROUNDDOWN($C7060/24,0)+1,1))-1)+IF('Standard Profiles'!$G$19=$B$10,7,0)+IF('Standard Profiles'!$G$19=$B$17,14,0)+IF('Standard Profiles'!$G$19=$B$24,21,0),MOD($C7060,24)+1)/SUM(INDEX($D$3:$AA$30,INDEX(Jesper!$R$2:$R$366,ROW(INDEX(Jesper!AI$2:AI$366,ROUNDDOWN($C7060/24,0)+1,1))-1)+IF('Standard Profiles'!$G$19=$B$10,7,0)+IF('Standard Profiles'!$G$19=$B$17,14,0)+IF('Standard Profiles'!$G$19=$B$24,21,0),0)),0)</f>
        <v>2.3370824242357693</v>
      </c>
      <c r="F7060" cm="1">
        <f t="array" ref="F7060">IFERROR(INDEX(Jesper!AJ$2:AJ$366,ROUNDDOWN($C7060/24,0)+1,1)*INDEX($D$3:$AA$30,INDEX(Jesper!$R$2:$R$366,ROW(INDEX(Jesper!AJ$2:AJ$366,ROUNDDOWN($C7060/24,0)+1,1))-1)+IF('Standard Profiles'!$G$20=$B$10,7,0)+IF('Standard Profiles'!$G$20=$B$17,14,0)+IF('Standard Profiles'!$G$20=$B$24,21,0),MOD($C7060,24)+1)/SUM(INDEX($D$3:$AA$30,INDEX(Jesper!$R$2:$R$366,ROW(INDEX(Jesper!AJ$2:AJ$366,ROUNDDOWN($C7060/24,0)+1,1))-1)+IF('Standard Profiles'!$G$20=$B$10,7,0)+IF('Standard Profiles'!$G$20=$B$17,14,0)+IF('Standard Profiles'!$G$20=$B$24,21,0),0)),0)</f>
        <v>0</v>
      </c>
      <c r="G7060" cm="1">
        <f t="array" ref="G7060">IFERROR(INDEX(Jesper!AK$2:AK$366,ROUNDDOWN($C7060/24,0)+1,1)*INDEX($D$3:$AA$30,INDEX(Jesper!$R$2:$R$366,ROW(INDEX(Jesper!AK$2:AK$366,ROUNDDOWN($C7060/24,0)+1,1))-1)+IF('Standard Profiles'!$G$21=$B$10,7,0)+IF('Standard Profiles'!$G$21=$B$17,14,0)+IF('Standard Profiles'!$G$21=$B$24,21,0),MOD($C7060,24)+1)/SUM(INDEX($D$3:$AA$30,INDEX(Jesper!$R$2:$R$366,ROW(INDEX(Jesper!AK$2:AK$366,ROUNDDOWN($C7060/24,0)+1,1))-1)+IF('Standard Profiles'!$G$21=$B$10,7,0)+IF('Standard Profiles'!$G$21=$B$17,14,0)+IF('Standard Profiles'!$G$21=$B$24,21,0),0)),0)</f>
        <v>0</v>
      </c>
      <c r="H7060" cm="1">
        <f t="array" ref="H7060">IFERROR(INDEX(Jesper!AL$2:AL$366,ROUNDDOWN($C7060/24,0)+1,1)*INDEX($D$3:$AA$30,INDEX(Jesper!$R$2:$R$366,ROW(INDEX(Jesper!AL$2:AL$366,ROUNDDOWN($C7060/24,0)+1,1))-1)+IF('Standard Profiles'!$G$22=$B$10,7,0)+IF('Standard Profiles'!$G$22=$B$17,14,0)+IF('Standard Profiles'!$G$22=$B$24,21,0),MOD($C7060,24)+1)/SUM(INDEX($D$3:$AA$30,INDEX(Jesper!$R$2:$R$366,ROW(INDEX(Jesper!AL$2:AL$366,ROUNDDOWN($C7060/24,0)+1,1))-1)+IF('Standard Profiles'!$G$22=$B$10,7,0)+IF('Standard Profiles'!$G$22=$B$17,14,0)+IF('Standard Profiles'!$G$22=$B$24,21,0),0)),0)</f>
        <v>0</v>
      </c>
      <c r="I7060">
        <f t="shared" si="783"/>
        <v>0.21054796614736665</v>
      </c>
      <c r="J7060">
        <f t="shared" si="784"/>
        <v>0.70182655382455561</v>
      </c>
      <c r="K7060">
        <f t="shared" si="785"/>
        <v>1.0527398307368334</v>
      </c>
      <c r="L7060">
        <f t="shared" si="786"/>
        <v>10.808992051415036</v>
      </c>
      <c r="M7060">
        <f t="shared" si="787"/>
        <v>0</v>
      </c>
      <c r="N7060" s="46">
        <f t="shared" si="788"/>
        <v>45584.74999998296</v>
      </c>
    </row>
    <row r="7061" spans="2:14" x14ac:dyDescent="0.3">
      <c r="B7061">
        <f t="shared" si="782"/>
        <v>6</v>
      </c>
      <c r="C7061" s="16">
        <v>7027</v>
      </c>
      <c r="D7061" cm="1">
        <f t="array" ref="D7061">IFERROR(INDEX(Jesper!AH$2:AH$366,ROUNDDOWN($C7061/24,0)+1,1)*INDEX($D$3:$AA$30,INDEX(Jesper!$R$2:$R$366,ROW(INDEX(Jesper!AH$2:AH$366,ROUNDDOWN($C7061/24,0)+1,1))-1)+IF('Standard Profiles'!$G$18=$B$10,7,0)+IF('Standard Profiles'!$G$18=$B$17,14,0)+IF('Standard Profiles'!$G$18=$B$24,21,0),MOD($C7061,24)+1)/SUM(INDEX($D$3:$AA$30,INDEX(Jesper!$R$2:$R$366,ROW(INDEX(Jesper!AH$2:AH$366,ROUNDDOWN($C7061/24,0)+1,1))-1)+IF('Standard Profiles'!$G$18=$B$10,7,0)+IF('Standard Profiles'!$G$18=$B$17,14,0)+IF('Standard Profiles'!$G$18=$B$24,21,0),0)),0)</f>
        <v>8.4299039821403241</v>
      </c>
      <c r="E7061" cm="1">
        <f t="array" ref="E7061">IFERROR(INDEX(Jesper!AI$2:AI$366,ROUNDDOWN($C7061/24,0)+1,1)*INDEX($D$3:$AA$30,INDEX(Jesper!$R$2:$R$366,ROW(INDEX(Jesper!AI$2:AI$366,ROUNDDOWN($C7061/24,0)+1,1))-1)+IF('Standard Profiles'!$G$19=$B$10,7,0)+IF('Standard Profiles'!$G$19=$B$17,14,0)+IF('Standard Profiles'!$G$19=$B$24,21,0),MOD($C7061,24)+1)/SUM(INDEX($D$3:$AA$30,INDEX(Jesper!$R$2:$R$366,ROW(INDEX(Jesper!AI$2:AI$366,ROUNDDOWN($C7061/24,0)+1,1))-1)+IF('Standard Profiles'!$G$19=$B$10,7,0)+IF('Standard Profiles'!$G$19=$B$17,14,0)+IF('Standard Profiles'!$G$19=$B$24,21,0),0)),0)</f>
        <v>1.887643496498121</v>
      </c>
      <c r="F7061" cm="1">
        <f t="array" ref="F7061">IFERROR(INDEX(Jesper!AJ$2:AJ$366,ROUNDDOWN($C7061/24,0)+1,1)*INDEX($D$3:$AA$30,INDEX(Jesper!$R$2:$R$366,ROW(INDEX(Jesper!AJ$2:AJ$366,ROUNDDOWN($C7061/24,0)+1,1))-1)+IF('Standard Profiles'!$G$20=$B$10,7,0)+IF('Standard Profiles'!$G$20=$B$17,14,0)+IF('Standard Profiles'!$G$20=$B$24,21,0),MOD($C7061,24)+1)/SUM(INDEX($D$3:$AA$30,INDEX(Jesper!$R$2:$R$366,ROW(INDEX(Jesper!AJ$2:AJ$366,ROUNDDOWN($C7061/24,0)+1,1))-1)+IF('Standard Profiles'!$G$20=$B$10,7,0)+IF('Standard Profiles'!$G$20=$B$17,14,0)+IF('Standard Profiles'!$G$20=$B$24,21,0),0)),0)</f>
        <v>0</v>
      </c>
      <c r="G7061" cm="1">
        <f t="array" ref="G7061">IFERROR(INDEX(Jesper!AK$2:AK$366,ROUNDDOWN($C7061/24,0)+1,1)*INDEX($D$3:$AA$30,INDEX(Jesper!$R$2:$R$366,ROW(INDEX(Jesper!AK$2:AK$366,ROUNDDOWN($C7061/24,0)+1,1))-1)+IF('Standard Profiles'!$G$21=$B$10,7,0)+IF('Standard Profiles'!$G$21=$B$17,14,0)+IF('Standard Profiles'!$G$21=$B$24,21,0),MOD($C7061,24)+1)/SUM(INDEX($D$3:$AA$30,INDEX(Jesper!$R$2:$R$366,ROW(INDEX(Jesper!AK$2:AK$366,ROUNDDOWN($C7061/24,0)+1,1))-1)+IF('Standard Profiles'!$G$21=$B$10,7,0)+IF('Standard Profiles'!$G$21=$B$17,14,0)+IF('Standard Profiles'!$G$21=$B$24,21,0),0)),0)</f>
        <v>0</v>
      </c>
      <c r="H7061" cm="1">
        <f t="array" ref="H7061">IFERROR(INDEX(Jesper!AL$2:AL$366,ROUNDDOWN($C7061/24,0)+1,1)*INDEX($D$3:$AA$30,INDEX(Jesper!$R$2:$R$366,ROW(INDEX(Jesper!AL$2:AL$366,ROUNDDOWN($C7061/24,0)+1,1))-1)+IF('Standard Profiles'!$G$22=$B$10,7,0)+IF('Standard Profiles'!$G$22=$B$17,14,0)+IF('Standard Profiles'!$G$22=$B$24,21,0),MOD($C7061,24)+1)/SUM(INDEX($D$3:$AA$30,INDEX(Jesper!$R$2:$R$366,ROW(INDEX(Jesper!AL$2:AL$366,ROUNDDOWN($C7061/24,0)+1,1))-1)+IF('Standard Profiles'!$G$22=$B$10,7,0)+IF('Standard Profiles'!$G$22=$B$17,14,0)+IF('Standard Profiles'!$G$22=$B$24,21,0),0)),0)</f>
        <v>0</v>
      </c>
      <c r="I7061">
        <f t="shared" si="783"/>
        <v>0.17005797265748843</v>
      </c>
      <c r="J7061">
        <f t="shared" si="784"/>
        <v>0.56685990885829485</v>
      </c>
      <c r="K7061">
        <f t="shared" si="785"/>
        <v>0.85028986328744227</v>
      </c>
      <c r="L7061">
        <f t="shared" si="786"/>
        <v>8.7303397338352191</v>
      </c>
      <c r="M7061">
        <f t="shared" si="787"/>
        <v>0</v>
      </c>
      <c r="N7061" s="46">
        <f t="shared" si="788"/>
        <v>45584.791666649624</v>
      </c>
    </row>
    <row r="7062" spans="2:14" x14ac:dyDescent="0.3">
      <c r="B7062">
        <f t="shared" si="782"/>
        <v>6</v>
      </c>
      <c r="C7062" s="16">
        <v>7028</v>
      </c>
      <c r="D7062" cm="1">
        <f t="array" ref="D7062">IFERROR(INDEX(Jesper!AH$2:AH$366,ROUNDDOWN($C7062/24,0)+1,1)*INDEX($D$3:$AA$30,INDEX(Jesper!$R$2:$R$366,ROW(INDEX(Jesper!AH$2:AH$366,ROUNDDOWN($C7062/24,0)+1,1))-1)+IF('Standard Profiles'!$G$18=$B$10,7,0)+IF('Standard Profiles'!$G$18=$B$17,14,0)+IF('Standard Profiles'!$G$18=$B$24,21,0),MOD($C7062,24)+1)/SUM(INDEX($D$3:$AA$30,INDEX(Jesper!$R$2:$R$366,ROW(INDEX(Jesper!AH$2:AH$366,ROUNDDOWN($C7062/24,0)+1,1))-1)+IF('Standard Profiles'!$G$18=$B$10,7,0)+IF('Standard Profiles'!$G$18=$B$17,14,0)+IF('Standard Profiles'!$G$18=$B$24,21,0),0)),0)</f>
        <v>6.2220719868178591</v>
      </c>
      <c r="E7062" cm="1">
        <f t="array" ref="E7062">IFERROR(INDEX(Jesper!AI$2:AI$366,ROUNDDOWN($C7062/24,0)+1,1)*INDEX($D$3:$AA$30,INDEX(Jesper!$R$2:$R$366,ROW(INDEX(Jesper!AI$2:AI$366,ROUNDDOWN($C7062/24,0)+1,1))-1)+IF('Standard Profiles'!$G$19=$B$10,7,0)+IF('Standard Profiles'!$G$19=$B$17,14,0)+IF('Standard Profiles'!$G$19=$B$24,21,0),MOD($C7062,24)+1)/SUM(INDEX($D$3:$AA$30,INDEX(Jesper!$R$2:$R$366,ROW(INDEX(Jesper!AI$2:AI$366,ROUNDDOWN($C7062/24,0)+1,1))-1)+IF('Standard Profiles'!$G$19=$B$10,7,0)+IF('Standard Profiles'!$G$19=$B$17,14,0)+IF('Standard Profiles'!$G$19=$B$24,21,0),0)),0)</f>
        <v>1.3932606759867086</v>
      </c>
      <c r="F7062" cm="1">
        <f t="array" ref="F7062">IFERROR(INDEX(Jesper!AJ$2:AJ$366,ROUNDDOWN($C7062/24,0)+1,1)*INDEX($D$3:$AA$30,INDEX(Jesper!$R$2:$R$366,ROW(INDEX(Jesper!AJ$2:AJ$366,ROUNDDOWN($C7062/24,0)+1,1))-1)+IF('Standard Profiles'!$G$20=$B$10,7,0)+IF('Standard Profiles'!$G$20=$B$17,14,0)+IF('Standard Profiles'!$G$20=$B$24,21,0),MOD($C7062,24)+1)/SUM(INDEX($D$3:$AA$30,INDEX(Jesper!$R$2:$R$366,ROW(INDEX(Jesper!AJ$2:AJ$366,ROUNDDOWN($C7062/24,0)+1,1))-1)+IF('Standard Profiles'!$G$20=$B$10,7,0)+IF('Standard Profiles'!$G$20=$B$17,14,0)+IF('Standard Profiles'!$G$20=$B$24,21,0),0)),0)</f>
        <v>0</v>
      </c>
      <c r="G7062" cm="1">
        <f t="array" ref="G7062">IFERROR(INDEX(Jesper!AK$2:AK$366,ROUNDDOWN($C7062/24,0)+1,1)*INDEX($D$3:$AA$30,INDEX(Jesper!$R$2:$R$366,ROW(INDEX(Jesper!AK$2:AK$366,ROUNDDOWN($C7062/24,0)+1,1))-1)+IF('Standard Profiles'!$G$21=$B$10,7,0)+IF('Standard Profiles'!$G$21=$B$17,14,0)+IF('Standard Profiles'!$G$21=$B$24,21,0),MOD($C7062,24)+1)/SUM(INDEX($D$3:$AA$30,INDEX(Jesper!$R$2:$R$366,ROW(INDEX(Jesper!AK$2:AK$366,ROUNDDOWN($C7062/24,0)+1,1))-1)+IF('Standard Profiles'!$G$21=$B$10,7,0)+IF('Standard Profiles'!$G$21=$B$17,14,0)+IF('Standard Profiles'!$G$21=$B$24,21,0),0)),0)</f>
        <v>0</v>
      </c>
      <c r="H7062" cm="1">
        <f t="array" ref="H7062">IFERROR(INDEX(Jesper!AL$2:AL$366,ROUNDDOWN($C7062/24,0)+1,1)*INDEX($D$3:$AA$30,INDEX(Jesper!$R$2:$R$366,ROW(INDEX(Jesper!AL$2:AL$366,ROUNDDOWN($C7062/24,0)+1,1))-1)+IF('Standard Profiles'!$G$22=$B$10,7,0)+IF('Standard Profiles'!$G$22=$B$17,14,0)+IF('Standard Profiles'!$G$22=$B$24,21,0),MOD($C7062,24)+1)/SUM(INDEX($D$3:$AA$30,INDEX(Jesper!$R$2:$R$366,ROW(INDEX(Jesper!AL$2:AL$366,ROUNDDOWN($C7062/24,0)+1,1))-1)+IF('Standard Profiles'!$G$22=$B$10,7,0)+IF('Standard Profiles'!$G$22=$B$17,14,0)+IF('Standard Profiles'!$G$22=$B$24,21,0),0)),0)</f>
        <v>0</v>
      </c>
      <c r="I7062">
        <f t="shared" si="783"/>
        <v>0.12551897981862242</v>
      </c>
      <c r="J7062">
        <f t="shared" si="784"/>
        <v>0.41839659939540813</v>
      </c>
      <c r="K7062">
        <f t="shared" si="785"/>
        <v>0.62759489909311217</v>
      </c>
      <c r="L7062">
        <f t="shared" si="786"/>
        <v>6.4438221844974253</v>
      </c>
      <c r="M7062">
        <f t="shared" si="787"/>
        <v>0</v>
      </c>
      <c r="N7062" s="46">
        <f t="shared" si="788"/>
        <v>45584.833333316288</v>
      </c>
    </row>
    <row r="7063" spans="2:14" x14ac:dyDescent="0.3">
      <c r="B7063">
        <f t="shared" si="782"/>
        <v>6</v>
      </c>
      <c r="C7063" s="16">
        <v>7029</v>
      </c>
      <c r="D7063" cm="1">
        <f t="array" ref="D7063">IFERROR(INDEX(Jesper!AH$2:AH$366,ROUNDDOWN($C7063/24,0)+1,1)*INDEX($D$3:$AA$30,INDEX(Jesper!$R$2:$R$366,ROW(INDEX(Jesper!AH$2:AH$366,ROUNDDOWN($C7063/24,0)+1,1))-1)+IF('Standard Profiles'!$G$18=$B$10,7,0)+IF('Standard Profiles'!$G$18=$B$17,14,0)+IF('Standard Profiles'!$G$18=$B$24,21,0),MOD($C7063,24)+1)/SUM(INDEX($D$3:$AA$30,INDEX(Jesper!$R$2:$R$366,ROW(INDEX(Jesper!AH$2:AH$366,ROUNDDOWN($C7063/24,0)+1,1))-1)+IF('Standard Profiles'!$G$18=$B$10,7,0)+IF('Standard Profiles'!$G$18=$B$17,14,0)+IF('Standard Profiles'!$G$18=$B$24,21,0),0)),0)</f>
        <v>6.2220719868178591</v>
      </c>
      <c r="E7063" cm="1">
        <f t="array" ref="E7063">IFERROR(INDEX(Jesper!AI$2:AI$366,ROUNDDOWN($C7063/24,0)+1,1)*INDEX($D$3:$AA$30,INDEX(Jesper!$R$2:$R$366,ROW(INDEX(Jesper!AI$2:AI$366,ROUNDDOWN($C7063/24,0)+1,1))-1)+IF('Standard Profiles'!$G$19=$B$10,7,0)+IF('Standard Profiles'!$G$19=$B$17,14,0)+IF('Standard Profiles'!$G$19=$B$24,21,0),MOD($C7063,24)+1)/SUM(INDEX($D$3:$AA$30,INDEX(Jesper!$R$2:$R$366,ROW(INDEX(Jesper!AI$2:AI$366,ROUNDDOWN($C7063/24,0)+1,1))-1)+IF('Standard Profiles'!$G$19=$B$10,7,0)+IF('Standard Profiles'!$G$19=$B$17,14,0)+IF('Standard Profiles'!$G$19=$B$24,21,0),0)),0)</f>
        <v>1.3932606759867086</v>
      </c>
      <c r="F7063" cm="1">
        <f t="array" ref="F7063">IFERROR(INDEX(Jesper!AJ$2:AJ$366,ROUNDDOWN($C7063/24,0)+1,1)*INDEX($D$3:$AA$30,INDEX(Jesper!$R$2:$R$366,ROW(INDEX(Jesper!AJ$2:AJ$366,ROUNDDOWN($C7063/24,0)+1,1))-1)+IF('Standard Profiles'!$G$20=$B$10,7,0)+IF('Standard Profiles'!$G$20=$B$17,14,0)+IF('Standard Profiles'!$G$20=$B$24,21,0),MOD($C7063,24)+1)/SUM(INDEX($D$3:$AA$30,INDEX(Jesper!$R$2:$R$366,ROW(INDEX(Jesper!AJ$2:AJ$366,ROUNDDOWN($C7063/24,0)+1,1))-1)+IF('Standard Profiles'!$G$20=$B$10,7,0)+IF('Standard Profiles'!$G$20=$B$17,14,0)+IF('Standard Profiles'!$G$20=$B$24,21,0),0)),0)</f>
        <v>0</v>
      </c>
      <c r="G7063" cm="1">
        <f t="array" ref="G7063">IFERROR(INDEX(Jesper!AK$2:AK$366,ROUNDDOWN($C7063/24,0)+1,1)*INDEX($D$3:$AA$30,INDEX(Jesper!$R$2:$R$366,ROW(INDEX(Jesper!AK$2:AK$366,ROUNDDOWN($C7063/24,0)+1,1))-1)+IF('Standard Profiles'!$G$21=$B$10,7,0)+IF('Standard Profiles'!$G$21=$B$17,14,0)+IF('Standard Profiles'!$G$21=$B$24,21,0),MOD($C7063,24)+1)/SUM(INDEX($D$3:$AA$30,INDEX(Jesper!$R$2:$R$366,ROW(INDEX(Jesper!AK$2:AK$366,ROUNDDOWN($C7063/24,0)+1,1))-1)+IF('Standard Profiles'!$G$21=$B$10,7,0)+IF('Standard Profiles'!$G$21=$B$17,14,0)+IF('Standard Profiles'!$G$21=$B$24,21,0),0)),0)</f>
        <v>0</v>
      </c>
      <c r="H7063" cm="1">
        <f t="array" ref="H7063">IFERROR(INDEX(Jesper!AL$2:AL$366,ROUNDDOWN($C7063/24,0)+1,1)*INDEX($D$3:$AA$30,INDEX(Jesper!$R$2:$R$366,ROW(INDEX(Jesper!AL$2:AL$366,ROUNDDOWN($C7063/24,0)+1,1))-1)+IF('Standard Profiles'!$G$22=$B$10,7,0)+IF('Standard Profiles'!$G$22=$B$17,14,0)+IF('Standard Profiles'!$G$22=$B$24,21,0),MOD($C7063,24)+1)/SUM(INDEX($D$3:$AA$30,INDEX(Jesper!$R$2:$R$366,ROW(INDEX(Jesper!AL$2:AL$366,ROUNDDOWN($C7063/24,0)+1,1))-1)+IF('Standard Profiles'!$G$22=$B$10,7,0)+IF('Standard Profiles'!$G$22=$B$17,14,0)+IF('Standard Profiles'!$G$22=$B$24,21,0),0)),0)</f>
        <v>0</v>
      </c>
      <c r="I7063">
        <f t="shared" si="783"/>
        <v>0.12551897981862242</v>
      </c>
      <c r="J7063">
        <f t="shared" si="784"/>
        <v>0.41839659939540813</v>
      </c>
      <c r="K7063">
        <f t="shared" si="785"/>
        <v>0.62759489909311217</v>
      </c>
      <c r="L7063">
        <f t="shared" si="786"/>
        <v>6.4438221844974253</v>
      </c>
      <c r="M7063">
        <f t="shared" si="787"/>
        <v>0</v>
      </c>
      <c r="N7063" s="46">
        <f t="shared" si="788"/>
        <v>45584.874999982952</v>
      </c>
    </row>
    <row r="7064" spans="2:14" x14ac:dyDescent="0.3">
      <c r="B7064">
        <f t="shared" si="782"/>
        <v>6</v>
      </c>
      <c r="C7064" s="16">
        <v>7030</v>
      </c>
      <c r="D7064" cm="1">
        <f t="array" ref="D7064">IFERROR(INDEX(Jesper!AH$2:AH$366,ROUNDDOWN($C7064/24,0)+1,1)*INDEX($D$3:$AA$30,INDEX(Jesper!$R$2:$R$366,ROW(INDEX(Jesper!AH$2:AH$366,ROUNDDOWN($C7064/24,0)+1,1))-1)+IF('Standard Profiles'!$G$18=$B$10,7,0)+IF('Standard Profiles'!$G$18=$B$17,14,0)+IF('Standard Profiles'!$G$18=$B$24,21,0),MOD($C7064,24)+1)/SUM(INDEX($D$3:$AA$30,INDEX(Jesper!$R$2:$R$366,ROW(INDEX(Jesper!AH$2:AH$366,ROUNDDOWN($C7064/24,0)+1,1))-1)+IF('Standard Profiles'!$G$18=$B$10,7,0)+IF('Standard Profiles'!$G$18=$B$17,14,0)+IF('Standard Profiles'!$G$18=$B$24,21,0),0)),0)</f>
        <v>6.2220719868178591</v>
      </c>
      <c r="E7064" cm="1">
        <f t="array" ref="E7064">IFERROR(INDEX(Jesper!AI$2:AI$366,ROUNDDOWN($C7064/24,0)+1,1)*INDEX($D$3:$AA$30,INDEX(Jesper!$R$2:$R$366,ROW(INDEX(Jesper!AI$2:AI$366,ROUNDDOWN($C7064/24,0)+1,1))-1)+IF('Standard Profiles'!$G$19=$B$10,7,0)+IF('Standard Profiles'!$G$19=$B$17,14,0)+IF('Standard Profiles'!$G$19=$B$24,21,0),MOD($C7064,24)+1)/SUM(INDEX($D$3:$AA$30,INDEX(Jesper!$R$2:$R$366,ROW(INDEX(Jesper!AI$2:AI$366,ROUNDDOWN($C7064/24,0)+1,1))-1)+IF('Standard Profiles'!$G$19=$B$10,7,0)+IF('Standard Profiles'!$G$19=$B$17,14,0)+IF('Standard Profiles'!$G$19=$B$24,21,0),0)),0)</f>
        <v>1.3932606759867086</v>
      </c>
      <c r="F7064" cm="1">
        <f t="array" ref="F7064">IFERROR(INDEX(Jesper!AJ$2:AJ$366,ROUNDDOWN($C7064/24,0)+1,1)*INDEX($D$3:$AA$30,INDEX(Jesper!$R$2:$R$366,ROW(INDEX(Jesper!AJ$2:AJ$366,ROUNDDOWN($C7064/24,0)+1,1))-1)+IF('Standard Profiles'!$G$20=$B$10,7,0)+IF('Standard Profiles'!$G$20=$B$17,14,0)+IF('Standard Profiles'!$G$20=$B$24,21,0),MOD($C7064,24)+1)/SUM(INDEX($D$3:$AA$30,INDEX(Jesper!$R$2:$R$366,ROW(INDEX(Jesper!AJ$2:AJ$366,ROUNDDOWN($C7064/24,0)+1,1))-1)+IF('Standard Profiles'!$G$20=$B$10,7,0)+IF('Standard Profiles'!$G$20=$B$17,14,0)+IF('Standard Profiles'!$G$20=$B$24,21,0),0)),0)</f>
        <v>0</v>
      </c>
      <c r="G7064" cm="1">
        <f t="array" ref="G7064">IFERROR(INDEX(Jesper!AK$2:AK$366,ROUNDDOWN($C7064/24,0)+1,1)*INDEX($D$3:$AA$30,INDEX(Jesper!$R$2:$R$366,ROW(INDEX(Jesper!AK$2:AK$366,ROUNDDOWN($C7064/24,0)+1,1))-1)+IF('Standard Profiles'!$G$21=$B$10,7,0)+IF('Standard Profiles'!$G$21=$B$17,14,0)+IF('Standard Profiles'!$G$21=$B$24,21,0),MOD($C7064,24)+1)/SUM(INDEX($D$3:$AA$30,INDEX(Jesper!$R$2:$R$366,ROW(INDEX(Jesper!AK$2:AK$366,ROUNDDOWN($C7064/24,0)+1,1))-1)+IF('Standard Profiles'!$G$21=$B$10,7,0)+IF('Standard Profiles'!$G$21=$B$17,14,0)+IF('Standard Profiles'!$G$21=$B$24,21,0),0)),0)</f>
        <v>0</v>
      </c>
      <c r="H7064" cm="1">
        <f t="array" ref="H7064">IFERROR(INDEX(Jesper!AL$2:AL$366,ROUNDDOWN($C7064/24,0)+1,1)*INDEX($D$3:$AA$30,INDEX(Jesper!$R$2:$R$366,ROW(INDEX(Jesper!AL$2:AL$366,ROUNDDOWN($C7064/24,0)+1,1))-1)+IF('Standard Profiles'!$G$22=$B$10,7,0)+IF('Standard Profiles'!$G$22=$B$17,14,0)+IF('Standard Profiles'!$G$22=$B$24,21,0),MOD($C7064,24)+1)/SUM(INDEX($D$3:$AA$30,INDEX(Jesper!$R$2:$R$366,ROW(INDEX(Jesper!AL$2:AL$366,ROUNDDOWN($C7064/24,0)+1,1))-1)+IF('Standard Profiles'!$G$22=$B$10,7,0)+IF('Standard Profiles'!$G$22=$B$17,14,0)+IF('Standard Profiles'!$G$22=$B$24,21,0),0)),0)</f>
        <v>0</v>
      </c>
      <c r="I7064">
        <f t="shared" si="783"/>
        <v>0.12551897981862242</v>
      </c>
      <c r="J7064">
        <f t="shared" si="784"/>
        <v>0.41839659939540813</v>
      </c>
      <c r="K7064">
        <f t="shared" si="785"/>
        <v>0.62759489909311217</v>
      </c>
      <c r="L7064">
        <f t="shared" si="786"/>
        <v>6.4438221844974253</v>
      </c>
      <c r="M7064">
        <f t="shared" si="787"/>
        <v>0</v>
      </c>
      <c r="N7064" s="46">
        <f t="shared" si="788"/>
        <v>45584.916666649617</v>
      </c>
    </row>
    <row r="7065" spans="2:14" x14ac:dyDescent="0.3">
      <c r="B7065">
        <f t="shared" si="782"/>
        <v>6</v>
      </c>
      <c r="C7065" s="16">
        <v>7031</v>
      </c>
      <c r="D7065" cm="1">
        <f t="array" ref="D7065">IFERROR(INDEX(Jesper!AH$2:AH$366,ROUNDDOWN($C7065/24,0)+1,1)*INDEX($D$3:$AA$30,INDEX(Jesper!$R$2:$R$366,ROW(INDEX(Jesper!AH$2:AH$366,ROUNDDOWN($C7065/24,0)+1,1))-1)+IF('Standard Profiles'!$G$18=$B$10,7,0)+IF('Standard Profiles'!$G$18=$B$17,14,0)+IF('Standard Profiles'!$G$18=$B$24,21,0),MOD($C7065,24)+1)/SUM(INDEX($D$3:$AA$30,INDEX(Jesper!$R$2:$R$366,ROW(INDEX(Jesper!AH$2:AH$366,ROUNDDOWN($C7065/24,0)+1,1))-1)+IF('Standard Profiles'!$G$18=$B$10,7,0)+IF('Standard Profiles'!$G$18=$B$17,14,0)+IF('Standard Profiles'!$G$18=$B$24,21,0),0)),0)</f>
        <v>6.2220719868178591</v>
      </c>
      <c r="E7065" cm="1">
        <f t="array" ref="E7065">IFERROR(INDEX(Jesper!AI$2:AI$366,ROUNDDOWN($C7065/24,0)+1,1)*INDEX($D$3:$AA$30,INDEX(Jesper!$R$2:$R$366,ROW(INDEX(Jesper!AI$2:AI$366,ROUNDDOWN($C7065/24,0)+1,1))-1)+IF('Standard Profiles'!$G$19=$B$10,7,0)+IF('Standard Profiles'!$G$19=$B$17,14,0)+IF('Standard Profiles'!$G$19=$B$24,21,0),MOD($C7065,24)+1)/SUM(INDEX($D$3:$AA$30,INDEX(Jesper!$R$2:$R$366,ROW(INDEX(Jesper!AI$2:AI$366,ROUNDDOWN($C7065/24,0)+1,1))-1)+IF('Standard Profiles'!$G$19=$B$10,7,0)+IF('Standard Profiles'!$G$19=$B$17,14,0)+IF('Standard Profiles'!$G$19=$B$24,21,0),0)),0)</f>
        <v>1.3932606759867086</v>
      </c>
      <c r="F7065" cm="1">
        <f t="array" ref="F7065">IFERROR(INDEX(Jesper!AJ$2:AJ$366,ROUNDDOWN($C7065/24,0)+1,1)*INDEX($D$3:$AA$30,INDEX(Jesper!$R$2:$R$366,ROW(INDEX(Jesper!AJ$2:AJ$366,ROUNDDOWN($C7065/24,0)+1,1))-1)+IF('Standard Profiles'!$G$20=$B$10,7,0)+IF('Standard Profiles'!$G$20=$B$17,14,0)+IF('Standard Profiles'!$G$20=$B$24,21,0),MOD($C7065,24)+1)/SUM(INDEX($D$3:$AA$30,INDEX(Jesper!$R$2:$R$366,ROW(INDEX(Jesper!AJ$2:AJ$366,ROUNDDOWN($C7065/24,0)+1,1))-1)+IF('Standard Profiles'!$G$20=$B$10,7,0)+IF('Standard Profiles'!$G$20=$B$17,14,0)+IF('Standard Profiles'!$G$20=$B$24,21,0),0)),0)</f>
        <v>0</v>
      </c>
      <c r="G7065" cm="1">
        <f t="array" ref="G7065">IFERROR(INDEX(Jesper!AK$2:AK$366,ROUNDDOWN($C7065/24,0)+1,1)*INDEX($D$3:$AA$30,INDEX(Jesper!$R$2:$R$366,ROW(INDEX(Jesper!AK$2:AK$366,ROUNDDOWN($C7065/24,0)+1,1))-1)+IF('Standard Profiles'!$G$21=$B$10,7,0)+IF('Standard Profiles'!$G$21=$B$17,14,0)+IF('Standard Profiles'!$G$21=$B$24,21,0),MOD($C7065,24)+1)/SUM(INDEX($D$3:$AA$30,INDEX(Jesper!$R$2:$R$366,ROW(INDEX(Jesper!AK$2:AK$366,ROUNDDOWN($C7065/24,0)+1,1))-1)+IF('Standard Profiles'!$G$21=$B$10,7,0)+IF('Standard Profiles'!$G$21=$B$17,14,0)+IF('Standard Profiles'!$G$21=$B$24,21,0),0)),0)</f>
        <v>0</v>
      </c>
      <c r="H7065" cm="1">
        <f t="array" ref="H7065">IFERROR(INDEX(Jesper!AL$2:AL$366,ROUNDDOWN($C7065/24,0)+1,1)*INDEX($D$3:$AA$30,INDEX(Jesper!$R$2:$R$366,ROW(INDEX(Jesper!AL$2:AL$366,ROUNDDOWN($C7065/24,0)+1,1))-1)+IF('Standard Profiles'!$G$22=$B$10,7,0)+IF('Standard Profiles'!$G$22=$B$17,14,0)+IF('Standard Profiles'!$G$22=$B$24,21,0),MOD($C7065,24)+1)/SUM(INDEX($D$3:$AA$30,INDEX(Jesper!$R$2:$R$366,ROW(INDEX(Jesper!AL$2:AL$366,ROUNDDOWN($C7065/24,0)+1,1))-1)+IF('Standard Profiles'!$G$22=$B$10,7,0)+IF('Standard Profiles'!$G$22=$B$17,14,0)+IF('Standard Profiles'!$G$22=$B$24,21,0),0)),0)</f>
        <v>0</v>
      </c>
      <c r="I7065">
        <f t="shared" si="783"/>
        <v>0.12551897981862242</v>
      </c>
      <c r="J7065">
        <f t="shared" si="784"/>
        <v>0.41839659939540813</v>
      </c>
      <c r="K7065">
        <f t="shared" si="785"/>
        <v>0.62759489909311217</v>
      </c>
      <c r="L7065">
        <f t="shared" si="786"/>
        <v>6.4438221844974253</v>
      </c>
      <c r="M7065">
        <f t="shared" si="787"/>
        <v>0</v>
      </c>
      <c r="N7065" s="46">
        <f t="shared" si="788"/>
        <v>45584.958333316281</v>
      </c>
    </row>
    <row r="7066" spans="2:14" x14ac:dyDescent="0.3">
      <c r="B7066">
        <f t="shared" si="782"/>
        <v>7</v>
      </c>
      <c r="C7066" s="16">
        <v>7032</v>
      </c>
      <c r="D7066" cm="1">
        <f t="array" ref="D7066">IFERROR(INDEX(Jesper!AH$2:AH$366,ROUNDDOWN($C7066/24,0)+1,1)*INDEX($D$3:$AA$30,INDEX(Jesper!$R$2:$R$366,ROW(INDEX(Jesper!AH$2:AH$366,ROUNDDOWN($C7066/24,0)+1,1))-1)+IF('Standard Profiles'!$G$18=$B$10,7,0)+IF('Standard Profiles'!$G$18=$B$17,14,0)+IF('Standard Profiles'!$G$18=$B$24,21,0),MOD($C7066,24)+1)/SUM(INDEX($D$3:$AA$30,INDEX(Jesper!$R$2:$R$366,ROW(INDEX(Jesper!AH$2:AH$366,ROUNDDOWN($C7066/24,0)+1,1))-1)+IF('Standard Profiles'!$G$18=$B$10,7,0)+IF('Standard Profiles'!$G$18=$B$17,14,0)+IF('Standard Profiles'!$G$18=$B$24,21,0),0)),0)</f>
        <v>7.0210030709545563</v>
      </c>
      <c r="E7066" cm="1">
        <f t="array" ref="E7066">IFERROR(INDEX(Jesper!AI$2:AI$366,ROUNDDOWN($C7066/24,0)+1,1)*INDEX($D$3:$AA$30,INDEX(Jesper!$R$2:$R$366,ROW(INDEX(Jesper!AI$2:AI$366,ROUNDDOWN($C7066/24,0)+1,1))-1)+IF('Standard Profiles'!$G$19=$B$10,7,0)+IF('Standard Profiles'!$G$19=$B$17,14,0)+IF('Standard Profiles'!$G$19=$B$24,21,0),MOD($C7066,24)+1)/SUM(INDEX($D$3:$AA$30,INDEX(Jesper!$R$2:$R$366,ROW(INDEX(Jesper!AI$2:AI$366,ROUNDDOWN($C7066/24,0)+1,1))-1)+IF('Standard Profiles'!$G$19=$B$10,7,0)+IF('Standard Profiles'!$G$19=$B$17,14,0)+IF('Standard Profiles'!$G$19=$B$24,21,0),0)),0)</f>
        <v>1.5564929623706791</v>
      </c>
      <c r="F7066" cm="1">
        <f t="array" ref="F7066">IFERROR(INDEX(Jesper!AJ$2:AJ$366,ROUNDDOWN($C7066/24,0)+1,1)*INDEX($D$3:$AA$30,INDEX(Jesper!$R$2:$R$366,ROW(INDEX(Jesper!AJ$2:AJ$366,ROUNDDOWN($C7066/24,0)+1,1))-1)+IF('Standard Profiles'!$G$20=$B$10,7,0)+IF('Standard Profiles'!$G$20=$B$17,14,0)+IF('Standard Profiles'!$G$20=$B$24,21,0),MOD($C7066,24)+1)/SUM(INDEX($D$3:$AA$30,INDEX(Jesper!$R$2:$R$366,ROW(INDEX(Jesper!AJ$2:AJ$366,ROUNDDOWN($C7066/24,0)+1,1))-1)+IF('Standard Profiles'!$G$20=$B$10,7,0)+IF('Standard Profiles'!$G$20=$B$17,14,0)+IF('Standard Profiles'!$G$20=$B$24,21,0),0)),0)</f>
        <v>0</v>
      </c>
      <c r="G7066" cm="1">
        <f t="array" ref="G7066">IFERROR(INDEX(Jesper!AK$2:AK$366,ROUNDDOWN($C7066/24,0)+1,1)*INDEX($D$3:$AA$30,INDEX(Jesper!$R$2:$R$366,ROW(INDEX(Jesper!AK$2:AK$366,ROUNDDOWN($C7066/24,0)+1,1))-1)+IF('Standard Profiles'!$G$21=$B$10,7,0)+IF('Standard Profiles'!$G$21=$B$17,14,0)+IF('Standard Profiles'!$G$21=$B$24,21,0),MOD($C7066,24)+1)/SUM(INDEX($D$3:$AA$30,INDEX(Jesper!$R$2:$R$366,ROW(INDEX(Jesper!AK$2:AK$366,ROUNDDOWN($C7066/24,0)+1,1))-1)+IF('Standard Profiles'!$G$21=$B$10,7,0)+IF('Standard Profiles'!$G$21=$B$17,14,0)+IF('Standard Profiles'!$G$21=$B$24,21,0),0)),0)</f>
        <v>0</v>
      </c>
      <c r="H7066" cm="1">
        <f t="array" ref="H7066">IFERROR(INDEX(Jesper!AL$2:AL$366,ROUNDDOWN($C7066/24,0)+1,1)*INDEX($D$3:$AA$30,INDEX(Jesper!$R$2:$R$366,ROW(INDEX(Jesper!AL$2:AL$366,ROUNDDOWN($C7066/24,0)+1,1))-1)+IF('Standard Profiles'!$G$22=$B$10,7,0)+IF('Standard Profiles'!$G$22=$B$17,14,0)+IF('Standard Profiles'!$G$22=$B$24,21,0),MOD($C7066,24)+1)/SUM(INDEX($D$3:$AA$30,INDEX(Jesper!$R$2:$R$366,ROW(INDEX(Jesper!AL$2:AL$366,ROUNDDOWN($C7066/24,0)+1,1))-1)+IF('Standard Profiles'!$G$22=$B$10,7,0)+IF('Standard Profiles'!$G$22=$B$17,14,0)+IF('Standard Profiles'!$G$22=$B$24,21,0),0)),0)</f>
        <v>0</v>
      </c>
      <c r="I7066">
        <f t="shared" si="783"/>
        <v>0.14022459120456574</v>
      </c>
      <c r="J7066">
        <f t="shared" si="784"/>
        <v>0.46741530401521914</v>
      </c>
      <c r="K7066">
        <f t="shared" si="785"/>
        <v>0.7011229560228287</v>
      </c>
      <c r="L7066">
        <f t="shared" si="786"/>
        <v>7.268733182082622</v>
      </c>
      <c r="M7066">
        <f t="shared" si="787"/>
        <v>0</v>
      </c>
      <c r="N7066" s="46">
        <f t="shared" si="788"/>
        <v>45584.999999982945</v>
      </c>
    </row>
    <row r="7067" spans="2:14" x14ac:dyDescent="0.3">
      <c r="B7067">
        <f t="shared" si="782"/>
        <v>7</v>
      </c>
      <c r="C7067" s="16">
        <v>7033</v>
      </c>
      <c r="D7067" cm="1">
        <f t="array" ref="D7067">IFERROR(INDEX(Jesper!AH$2:AH$366,ROUNDDOWN($C7067/24,0)+1,1)*INDEX($D$3:$AA$30,INDEX(Jesper!$R$2:$R$366,ROW(INDEX(Jesper!AH$2:AH$366,ROUNDDOWN($C7067/24,0)+1,1))-1)+IF('Standard Profiles'!$G$18=$B$10,7,0)+IF('Standard Profiles'!$G$18=$B$17,14,0)+IF('Standard Profiles'!$G$18=$B$24,21,0),MOD($C7067,24)+1)/SUM(INDEX($D$3:$AA$30,INDEX(Jesper!$R$2:$R$366,ROW(INDEX(Jesper!AH$2:AH$366,ROUNDDOWN($C7067/24,0)+1,1))-1)+IF('Standard Profiles'!$G$18=$B$10,7,0)+IF('Standard Profiles'!$G$18=$B$17,14,0)+IF('Standard Profiles'!$G$18=$B$24,21,0),0)),0)</f>
        <v>8.1534229211085165</v>
      </c>
      <c r="E7067" cm="1">
        <f t="array" ref="E7067">IFERROR(INDEX(Jesper!AI$2:AI$366,ROUNDDOWN($C7067/24,0)+1,1)*INDEX($D$3:$AA$30,INDEX(Jesper!$R$2:$R$366,ROW(INDEX(Jesper!AI$2:AI$366,ROUNDDOWN($C7067/24,0)+1,1))-1)+IF('Standard Profiles'!$G$19=$B$10,7,0)+IF('Standard Profiles'!$G$19=$B$17,14,0)+IF('Standard Profiles'!$G$19=$B$24,21,0),MOD($C7067,24)+1)/SUM(INDEX($D$3:$AA$30,INDEX(Jesper!$R$2:$R$366,ROW(INDEX(Jesper!AI$2:AI$366,ROUNDDOWN($C7067/24,0)+1,1))-1)+IF('Standard Profiles'!$G$19=$B$10,7,0)+IF('Standard Profiles'!$G$19=$B$17,14,0)+IF('Standard Profiles'!$G$19=$B$24,21,0),0)),0)</f>
        <v>1.80754021436595</v>
      </c>
      <c r="F7067" cm="1">
        <f t="array" ref="F7067">IFERROR(INDEX(Jesper!AJ$2:AJ$366,ROUNDDOWN($C7067/24,0)+1,1)*INDEX($D$3:$AA$30,INDEX(Jesper!$R$2:$R$366,ROW(INDEX(Jesper!AJ$2:AJ$366,ROUNDDOWN($C7067/24,0)+1,1))-1)+IF('Standard Profiles'!$G$20=$B$10,7,0)+IF('Standard Profiles'!$G$20=$B$17,14,0)+IF('Standard Profiles'!$G$20=$B$24,21,0),MOD($C7067,24)+1)/SUM(INDEX($D$3:$AA$30,INDEX(Jesper!$R$2:$R$366,ROW(INDEX(Jesper!AJ$2:AJ$366,ROUNDDOWN($C7067/24,0)+1,1))-1)+IF('Standard Profiles'!$G$20=$B$10,7,0)+IF('Standard Profiles'!$G$20=$B$17,14,0)+IF('Standard Profiles'!$G$20=$B$24,21,0),0)),0)</f>
        <v>0</v>
      </c>
      <c r="G7067" cm="1">
        <f t="array" ref="G7067">IFERROR(INDEX(Jesper!AK$2:AK$366,ROUNDDOWN($C7067/24,0)+1,1)*INDEX($D$3:$AA$30,INDEX(Jesper!$R$2:$R$366,ROW(INDEX(Jesper!AK$2:AK$366,ROUNDDOWN($C7067/24,0)+1,1))-1)+IF('Standard Profiles'!$G$21=$B$10,7,0)+IF('Standard Profiles'!$G$21=$B$17,14,0)+IF('Standard Profiles'!$G$21=$B$24,21,0),MOD($C7067,24)+1)/SUM(INDEX($D$3:$AA$30,INDEX(Jesper!$R$2:$R$366,ROW(INDEX(Jesper!AK$2:AK$366,ROUNDDOWN($C7067/24,0)+1,1))-1)+IF('Standard Profiles'!$G$21=$B$10,7,0)+IF('Standard Profiles'!$G$21=$B$17,14,0)+IF('Standard Profiles'!$G$21=$B$24,21,0),0)),0)</f>
        <v>0</v>
      </c>
      <c r="H7067" cm="1">
        <f t="array" ref="H7067">IFERROR(INDEX(Jesper!AL$2:AL$366,ROUNDDOWN($C7067/24,0)+1,1)*INDEX($D$3:$AA$30,INDEX(Jesper!$R$2:$R$366,ROW(INDEX(Jesper!AL$2:AL$366,ROUNDDOWN($C7067/24,0)+1,1))-1)+IF('Standard Profiles'!$G$22=$B$10,7,0)+IF('Standard Profiles'!$G$22=$B$17,14,0)+IF('Standard Profiles'!$G$22=$B$24,21,0),MOD($C7067,24)+1)/SUM(INDEX($D$3:$AA$30,INDEX(Jesper!$R$2:$R$366,ROW(INDEX(Jesper!AL$2:AL$366,ROUNDDOWN($C7067/24,0)+1,1))-1)+IF('Standard Profiles'!$G$22=$B$10,7,0)+IF('Standard Profiles'!$G$22=$B$17,14,0)+IF('Standard Profiles'!$G$22=$B$24,21,0),0)),0)</f>
        <v>0</v>
      </c>
      <c r="I7067">
        <f t="shared" si="783"/>
        <v>0.16284146075368924</v>
      </c>
      <c r="J7067">
        <f t="shared" si="784"/>
        <v>0.5428048691789642</v>
      </c>
      <c r="K7067">
        <f t="shared" si="785"/>
        <v>0.8142073037684463</v>
      </c>
      <c r="L7067">
        <f t="shared" si="786"/>
        <v>8.4411095017733668</v>
      </c>
      <c r="M7067">
        <f t="shared" si="787"/>
        <v>0</v>
      </c>
      <c r="N7067" s="46">
        <f t="shared" si="788"/>
        <v>45585.041666649609</v>
      </c>
    </row>
    <row r="7068" spans="2:14" x14ac:dyDescent="0.3">
      <c r="B7068">
        <f t="shared" si="782"/>
        <v>7</v>
      </c>
      <c r="C7068" s="16">
        <v>7034</v>
      </c>
      <c r="D7068" cm="1">
        <f t="array" ref="D7068">IFERROR(INDEX(Jesper!AH$2:AH$366,ROUNDDOWN($C7068/24,0)+1,1)*INDEX($D$3:$AA$30,INDEX(Jesper!$R$2:$R$366,ROW(INDEX(Jesper!AH$2:AH$366,ROUNDDOWN($C7068/24,0)+1,1))-1)+IF('Standard Profiles'!$G$18=$B$10,7,0)+IF('Standard Profiles'!$G$18=$B$17,14,0)+IF('Standard Profiles'!$G$18=$B$24,21,0),MOD($C7068,24)+1)/SUM(INDEX($D$3:$AA$30,INDEX(Jesper!$R$2:$R$366,ROW(INDEX(Jesper!AH$2:AH$366,ROUNDDOWN($C7068/24,0)+1,1))-1)+IF('Standard Profiles'!$G$18=$B$10,7,0)+IF('Standard Profiles'!$G$18=$B$17,14,0)+IF('Standard Profiles'!$G$18=$B$24,21,0),0)),0)</f>
        <v>8.1534229211085165</v>
      </c>
      <c r="E7068" cm="1">
        <f t="array" ref="E7068">IFERROR(INDEX(Jesper!AI$2:AI$366,ROUNDDOWN($C7068/24,0)+1,1)*INDEX($D$3:$AA$30,INDEX(Jesper!$R$2:$R$366,ROW(INDEX(Jesper!AI$2:AI$366,ROUNDDOWN($C7068/24,0)+1,1))-1)+IF('Standard Profiles'!$G$19=$B$10,7,0)+IF('Standard Profiles'!$G$19=$B$17,14,0)+IF('Standard Profiles'!$G$19=$B$24,21,0),MOD($C7068,24)+1)/SUM(INDEX($D$3:$AA$30,INDEX(Jesper!$R$2:$R$366,ROW(INDEX(Jesper!AI$2:AI$366,ROUNDDOWN($C7068/24,0)+1,1))-1)+IF('Standard Profiles'!$G$19=$B$10,7,0)+IF('Standard Profiles'!$G$19=$B$17,14,0)+IF('Standard Profiles'!$G$19=$B$24,21,0),0)),0)</f>
        <v>1.80754021436595</v>
      </c>
      <c r="F7068" cm="1">
        <f t="array" ref="F7068">IFERROR(INDEX(Jesper!AJ$2:AJ$366,ROUNDDOWN($C7068/24,0)+1,1)*INDEX($D$3:$AA$30,INDEX(Jesper!$R$2:$R$366,ROW(INDEX(Jesper!AJ$2:AJ$366,ROUNDDOWN($C7068/24,0)+1,1))-1)+IF('Standard Profiles'!$G$20=$B$10,7,0)+IF('Standard Profiles'!$G$20=$B$17,14,0)+IF('Standard Profiles'!$G$20=$B$24,21,0),MOD($C7068,24)+1)/SUM(INDEX($D$3:$AA$30,INDEX(Jesper!$R$2:$R$366,ROW(INDEX(Jesper!AJ$2:AJ$366,ROUNDDOWN($C7068/24,0)+1,1))-1)+IF('Standard Profiles'!$G$20=$B$10,7,0)+IF('Standard Profiles'!$G$20=$B$17,14,0)+IF('Standard Profiles'!$G$20=$B$24,21,0),0)),0)</f>
        <v>0</v>
      </c>
      <c r="G7068" cm="1">
        <f t="array" ref="G7068">IFERROR(INDEX(Jesper!AK$2:AK$366,ROUNDDOWN($C7068/24,0)+1,1)*INDEX($D$3:$AA$30,INDEX(Jesper!$R$2:$R$366,ROW(INDEX(Jesper!AK$2:AK$366,ROUNDDOWN($C7068/24,0)+1,1))-1)+IF('Standard Profiles'!$G$21=$B$10,7,0)+IF('Standard Profiles'!$G$21=$B$17,14,0)+IF('Standard Profiles'!$G$21=$B$24,21,0),MOD($C7068,24)+1)/SUM(INDEX($D$3:$AA$30,INDEX(Jesper!$R$2:$R$366,ROW(INDEX(Jesper!AK$2:AK$366,ROUNDDOWN($C7068/24,0)+1,1))-1)+IF('Standard Profiles'!$G$21=$B$10,7,0)+IF('Standard Profiles'!$G$21=$B$17,14,0)+IF('Standard Profiles'!$G$21=$B$24,21,0),0)),0)</f>
        <v>0</v>
      </c>
      <c r="H7068" cm="1">
        <f t="array" ref="H7068">IFERROR(INDEX(Jesper!AL$2:AL$366,ROUNDDOWN($C7068/24,0)+1,1)*INDEX($D$3:$AA$30,INDEX(Jesper!$R$2:$R$366,ROW(INDEX(Jesper!AL$2:AL$366,ROUNDDOWN($C7068/24,0)+1,1))-1)+IF('Standard Profiles'!$G$22=$B$10,7,0)+IF('Standard Profiles'!$G$22=$B$17,14,0)+IF('Standard Profiles'!$G$22=$B$24,21,0),MOD($C7068,24)+1)/SUM(INDEX($D$3:$AA$30,INDEX(Jesper!$R$2:$R$366,ROW(INDEX(Jesper!AL$2:AL$366,ROUNDDOWN($C7068/24,0)+1,1))-1)+IF('Standard Profiles'!$G$22=$B$10,7,0)+IF('Standard Profiles'!$G$22=$B$17,14,0)+IF('Standard Profiles'!$G$22=$B$24,21,0),0)),0)</f>
        <v>0</v>
      </c>
      <c r="I7068">
        <f t="shared" si="783"/>
        <v>0.16284146075368924</v>
      </c>
      <c r="J7068">
        <f t="shared" si="784"/>
        <v>0.5428048691789642</v>
      </c>
      <c r="K7068">
        <f t="shared" si="785"/>
        <v>0.8142073037684463</v>
      </c>
      <c r="L7068">
        <f t="shared" si="786"/>
        <v>8.4411095017733668</v>
      </c>
      <c r="M7068">
        <f t="shared" si="787"/>
        <v>0</v>
      </c>
      <c r="N7068" s="46">
        <f t="shared" si="788"/>
        <v>45585.083333316274</v>
      </c>
    </row>
    <row r="7069" spans="2:14" x14ac:dyDescent="0.3">
      <c r="B7069">
        <f t="shared" si="782"/>
        <v>7</v>
      </c>
      <c r="C7069" s="16">
        <v>7035</v>
      </c>
      <c r="D7069" cm="1">
        <f t="array" ref="D7069">IFERROR(INDEX(Jesper!AH$2:AH$366,ROUNDDOWN($C7069/24,0)+1,1)*INDEX($D$3:$AA$30,INDEX(Jesper!$R$2:$R$366,ROW(INDEX(Jesper!AH$2:AH$366,ROUNDDOWN($C7069/24,0)+1,1))-1)+IF('Standard Profiles'!$G$18=$B$10,7,0)+IF('Standard Profiles'!$G$18=$B$17,14,0)+IF('Standard Profiles'!$G$18=$B$24,21,0),MOD($C7069,24)+1)/SUM(INDEX($D$3:$AA$30,INDEX(Jesper!$R$2:$R$366,ROW(INDEX(Jesper!AH$2:AH$366,ROUNDDOWN($C7069/24,0)+1,1))-1)+IF('Standard Profiles'!$G$18=$B$10,7,0)+IF('Standard Profiles'!$G$18=$B$17,14,0)+IF('Standard Profiles'!$G$18=$B$24,21,0),0)),0)</f>
        <v>8.1534229211085165</v>
      </c>
      <c r="E7069" cm="1">
        <f t="array" ref="E7069">IFERROR(INDEX(Jesper!AI$2:AI$366,ROUNDDOWN($C7069/24,0)+1,1)*INDEX($D$3:$AA$30,INDEX(Jesper!$R$2:$R$366,ROW(INDEX(Jesper!AI$2:AI$366,ROUNDDOWN($C7069/24,0)+1,1))-1)+IF('Standard Profiles'!$G$19=$B$10,7,0)+IF('Standard Profiles'!$G$19=$B$17,14,0)+IF('Standard Profiles'!$G$19=$B$24,21,0),MOD($C7069,24)+1)/SUM(INDEX($D$3:$AA$30,INDEX(Jesper!$R$2:$R$366,ROW(INDEX(Jesper!AI$2:AI$366,ROUNDDOWN($C7069/24,0)+1,1))-1)+IF('Standard Profiles'!$G$19=$B$10,7,0)+IF('Standard Profiles'!$G$19=$B$17,14,0)+IF('Standard Profiles'!$G$19=$B$24,21,0),0)),0)</f>
        <v>1.80754021436595</v>
      </c>
      <c r="F7069" cm="1">
        <f t="array" ref="F7069">IFERROR(INDEX(Jesper!AJ$2:AJ$366,ROUNDDOWN($C7069/24,0)+1,1)*INDEX($D$3:$AA$30,INDEX(Jesper!$R$2:$R$366,ROW(INDEX(Jesper!AJ$2:AJ$366,ROUNDDOWN($C7069/24,0)+1,1))-1)+IF('Standard Profiles'!$G$20=$B$10,7,0)+IF('Standard Profiles'!$G$20=$B$17,14,0)+IF('Standard Profiles'!$G$20=$B$24,21,0),MOD($C7069,24)+1)/SUM(INDEX($D$3:$AA$30,INDEX(Jesper!$R$2:$R$366,ROW(INDEX(Jesper!AJ$2:AJ$366,ROUNDDOWN($C7069/24,0)+1,1))-1)+IF('Standard Profiles'!$G$20=$B$10,7,0)+IF('Standard Profiles'!$G$20=$B$17,14,0)+IF('Standard Profiles'!$G$20=$B$24,21,0),0)),0)</f>
        <v>0</v>
      </c>
      <c r="G7069" cm="1">
        <f t="array" ref="G7069">IFERROR(INDEX(Jesper!AK$2:AK$366,ROUNDDOWN($C7069/24,0)+1,1)*INDEX($D$3:$AA$30,INDEX(Jesper!$R$2:$R$366,ROW(INDEX(Jesper!AK$2:AK$366,ROUNDDOWN($C7069/24,0)+1,1))-1)+IF('Standard Profiles'!$G$21=$B$10,7,0)+IF('Standard Profiles'!$G$21=$B$17,14,0)+IF('Standard Profiles'!$G$21=$B$24,21,0),MOD($C7069,24)+1)/SUM(INDEX($D$3:$AA$30,INDEX(Jesper!$R$2:$R$366,ROW(INDEX(Jesper!AK$2:AK$366,ROUNDDOWN($C7069/24,0)+1,1))-1)+IF('Standard Profiles'!$G$21=$B$10,7,0)+IF('Standard Profiles'!$G$21=$B$17,14,0)+IF('Standard Profiles'!$G$21=$B$24,21,0),0)),0)</f>
        <v>0</v>
      </c>
      <c r="H7069" cm="1">
        <f t="array" ref="H7069">IFERROR(INDEX(Jesper!AL$2:AL$366,ROUNDDOWN($C7069/24,0)+1,1)*INDEX($D$3:$AA$30,INDEX(Jesper!$R$2:$R$366,ROW(INDEX(Jesper!AL$2:AL$366,ROUNDDOWN($C7069/24,0)+1,1))-1)+IF('Standard Profiles'!$G$22=$B$10,7,0)+IF('Standard Profiles'!$G$22=$B$17,14,0)+IF('Standard Profiles'!$G$22=$B$24,21,0),MOD($C7069,24)+1)/SUM(INDEX($D$3:$AA$30,INDEX(Jesper!$R$2:$R$366,ROW(INDEX(Jesper!AL$2:AL$366,ROUNDDOWN($C7069/24,0)+1,1))-1)+IF('Standard Profiles'!$G$22=$B$10,7,0)+IF('Standard Profiles'!$G$22=$B$17,14,0)+IF('Standard Profiles'!$G$22=$B$24,21,0),0)),0)</f>
        <v>0</v>
      </c>
      <c r="I7069">
        <f t="shared" si="783"/>
        <v>0.16284146075368924</v>
      </c>
      <c r="J7069">
        <f t="shared" si="784"/>
        <v>0.5428048691789642</v>
      </c>
      <c r="K7069">
        <f t="shared" si="785"/>
        <v>0.8142073037684463</v>
      </c>
      <c r="L7069">
        <f t="shared" si="786"/>
        <v>8.4411095017733668</v>
      </c>
      <c r="M7069">
        <f t="shared" si="787"/>
        <v>0</v>
      </c>
      <c r="N7069" s="46">
        <f t="shared" si="788"/>
        <v>45585.124999982938</v>
      </c>
    </row>
    <row r="7070" spans="2:14" x14ac:dyDescent="0.3">
      <c r="B7070">
        <f t="shared" si="782"/>
        <v>7</v>
      </c>
      <c r="C7070" s="16">
        <v>7036</v>
      </c>
      <c r="D7070" cm="1">
        <f t="array" ref="D7070">IFERROR(INDEX(Jesper!AH$2:AH$366,ROUNDDOWN($C7070/24,0)+1,1)*INDEX($D$3:$AA$30,INDEX(Jesper!$R$2:$R$366,ROW(INDEX(Jesper!AH$2:AH$366,ROUNDDOWN($C7070/24,0)+1,1))-1)+IF('Standard Profiles'!$G$18=$B$10,7,0)+IF('Standard Profiles'!$G$18=$B$17,14,0)+IF('Standard Profiles'!$G$18=$B$24,21,0),MOD($C7070,24)+1)/SUM(INDEX($D$3:$AA$30,INDEX(Jesper!$R$2:$R$366,ROW(INDEX(Jesper!AH$2:AH$366,ROUNDDOWN($C7070/24,0)+1,1))-1)+IF('Standard Profiles'!$G$18=$B$10,7,0)+IF('Standard Profiles'!$G$18=$B$17,14,0)+IF('Standard Profiles'!$G$18=$B$24,21,0),0)),0)</f>
        <v>8.1534229211085165</v>
      </c>
      <c r="E7070" cm="1">
        <f t="array" ref="E7070">IFERROR(INDEX(Jesper!AI$2:AI$366,ROUNDDOWN($C7070/24,0)+1,1)*INDEX($D$3:$AA$30,INDEX(Jesper!$R$2:$R$366,ROW(INDEX(Jesper!AI$2:AI$366,ROUNDDOWN($C7070/24,0)+1,1))-1)+IF('Standard Profiles'!$G$19=$B$10,7,0)+IF('Standard Profiles'!$G$19=$B$17,14,0)+IF('Standard Profiles'!$G$19=$B$24,21,0),MOD($C7070,24)+1)/SUM(INDEX($D$3:$AA$30,INDEX(Jesper!$R$2:$R$366,ROW(INDEX(Jesper!AI$2:AI$366,ROUNDDOWN($C7070/24,0)+1,1))-1)+IF('Standard Profiles'!$G$19=$B$10,7,0)+IF('Standard Profiles'!$G$19=$B$17,14,0)+IF('Standard Profiles'!$G$19=$B$24,21,0),0)),0)</f>
        <v>1.80754021436595</v>
      </c>
      <c r="F7070" cm="1">
        <f t="array" ref="F7070">IFERROR(INDEX(Jesper!AJ$2:AJ$366,ROUNDDOWN($C7070/24,0)+1,1)*INDEX($D$3:$AA$30,INDEX(Jesper!$R$2:$R$366,ROW(INDEX(Jesper!AJ$2:AJ$366,ROUNDDOWN($C7070/24,0)+1,1))-1)+IF('Standard Profiles'!$G$20=$B$10,7,0)+IF('Standard Profiles'!$G$20=$B$17,14,0)+IF('Standard Profiles'!$G$20=$B$24,21,0),MOD($C7070,24)+1)/SUM(INDEX($D$3:$AA$30,INDEX(Jesper!$R$2:$R$366,ROW(INDEX(Jesper!AJ$2:AJ$366,ROUNDDOWN($C7070/24,0)+1,1))-1)+IF('Standard Profiles'!$G$20=$B$10,7,0)+IF('Standard Profiles'!$G$20=$B$17,14,0)+IF('Standard Profiles'!$G$20=$B$24,21,0),0)),0)</f>
        <v>0</v>
      </c>
      <c r="G7070" cm="1">
        <f t="array" ref="G7070">IFERROR(INDEX(Jesper!AK$2:AK$366,ROUNDDOWN($C7070/24,0)+1,1)*INDEX($D$3:$AA$30,INDEX(Jesper!$R$2:$R$366,ROW(INDEX(Jesper!AK$2:AK$366,ROUNDDOWN($C7070/24,0)+1,1))-1)+IF('Standard Profiles'!$G$21=$B$10,7,0)+IF('Standard Profiles'!$G$21=$B$17,14,0)+IF('Standard Profiles'!$G$21=$B$24,21,0),MOD($C7070,24)+1)/SUM(INDEX($D$3:$AA$30,INDEX(Jesper!$R$2:$R$366,ROW(INDEX(Jesper!AK$2:AK$366,ROUNDDOWN($C7070/24,0)+1,1))-1)+IF('Standard Profiles'!$G$21=$B$10,7,0)+IF('Standard Profiles'!$G$21=$B$17,14,0)+IF('Standard Profiles'!$G$21=$B$24,21,0),0)),0)</f>
        <v>0</v>
      </c>
      <c r="H7070" cm="1">
        <f t="array" ref="H7070">IFERROR(INDEX(Jesper!AL$2:AL$366,ROUNDDOWN($C7070/24,0)+1,1)*INDEX($D$3:$AA$30,INDEX(Jesper!$R$2:$R$366,ROW(INDEX(Jesper!AL$2:AL$366,ROUNDDOWN($C7070/24,0)+1,1))-1)+IF('Standard Profiles'!$G$22=$B$10,7,0)+IF('Standard Profiles'!$G$22=$B$17,14,0)+IF('Standard Profiles'!$G$22=$B$24,21,0),MOD($C7070,24)+1)/SUM(INDEX($D$3:$AA$30,INDEX(Jesper!$R$2:$R$366,ROW(INDEX(Jesper!AL$2:AL$366,ROUNDDOWN($C7070/24,0)+1,1))-1)+IF('Standard Profiles'!$G$22=$B$10,7,0)+IF('Standard Profiles'!$G$22=$B$17,14,0)+IF('Standard Profiles'!$G$22=$B$24,21,0),0)),0)</f>
        <v>0</v>
      </c>
      <c r="I7070">
        <f t="shared" si="783"/>
        <v>0.16284146075368924</v>
      </c>
      <c r="J7070">
        <f t="shared" si="784"/>
        <v>0.5428048691789642</v>
      </c>
      <c r="K7070">
        <f t="shared" si="785"/>
        <v>0.8142073037684463</v>
      </c>
      <c r="L7070">
        <f t="shared" si="786"/>
        <v>8.4411095017733668</v>
      </c>
      <c r="M7070">
        <f t="shared" si="787"/>
        <v>0</v>
      </c>
      <c r="N7070" s="46">
        <f t="shared" si="788"/>
        <v>45585.166666649602</v>
      </c>
    </row>
    <row r="7071" spans="2:14" x14ac:dyDescent="0.3">
      <c r="B7071">
        <f t="shared" si="782"/>
        <v>7</v>
      </c>
      <c r="C7071" s="16">
        <v>7037</v>
      </c>
      <c r="D7071" cm="1">
        <f t="array" ref="D7071">IFERROR(INDEX(Jesper!AH$2:AH$366,ROUNDDOWN($C7071/24,0)+1,1)*INDEX($D$3:$AA$30,INDEX(Jesper!$R$2:$R$366,ROW(INDEX(Jesper!AH$2:AH$366,ROUNDDOWN($C7071/24,0)+1,1))-1)+IF('Standard Profiles'!$G$18=$B$10,7,0)+IF('Standard Profiles'!$G$18=$B$17,14,0)+IF('Standard Profiles'!$G$18=$B$24,21,0),MOD($C7071,24)+1)/SUM(INDEX($D$3:$AA$30,INDEX(Jesper!$R$2:$R$366,ROW(INDEX(Jesper!AH$2:AH$366,ROUNDDOWN($C7071/24,0)+1,1))-1)+IF('Standard Profiles'!$G$18=$B$10,7,0)+IF('Standard Profiles'!$G$18=$B$17,14,0)+IF('Standard Profiles'!$G$18=$B$24,21,0),0)),0)</f>
        <v>10.191778651385647</v>
      </c>
      <c r="E7071" cm="1">
        <f t="array" ref="E7071">IFERROR(INDEX(Jesper!AI$2:AI$366,ROUNDDOWN($C7071/24,0)+1,1)*INDEX($D$3:$AA$30,INDEX(Jesper!$R$2:$R$366,ROW(INDEX(Jesper!AI$2:AI$366,ROUNDDOWN($C7071/24,0)+1,1))-1)+IF('Standard Profiles'!$G$19=$B$10,7,0)+IF('Standard Profiles'!$G$19=$B$17,14,0)+IF('Standard Profiles'!$G$19=$B$24,21,0),MOD($C7071,24)+1)/SUM(INDEX($D$3:$AA$30,INDEX(Jesper!$R$2:$R$366,ROW(INDEX(Jesper!AI$2:AI$366,ROUNDDOWN($C7071/24,0)+1,1))-1)+IF('Standard Profiles'!$G$19=$B$10,7,0)+IF('Standard Profiles'!$G$19=$B$17,14,0)+IF('Standard Profiles'!$G$19=$B$24,21,0),0)),0)</f>
        <v>2.2594252679574378</v>
      </c>
      <c r="F7071" cm="1">
        <f t="array" ref="F7071">IFERROR(INDEX(Jesper!AJ$2:AJ$366,ROUNDDOWN($C7071/24,0)+1,1)*INDEX($D$3:$AA$30,INDEX(Jesper!$R$2:$R$366,ROW(INDEX(Jesper!AJ$2:AJ$366,ROUNDDOWN($C7071/24,0)+1,1))-1)+IF('Standard Profiles'!$G$20=$B$10,7,0)+IF('Standard Profiles'!$G$20=$B$17,14,0)+IF('Standard Profiles'!$G$20=$B$24,21,0),MOD($C7071,24)+1)/SUM(INDEX($D$3:$AA$30,INDEX(Jesper!$R$2:$R$366,ROW(INDEX(Jesper!AJ$2:AJ$366,ROUNDDOWN($C7071/24,0)+1,1))-1)+IF('Standard Profiles'!$G$20=$B$10,7,0)+IF('Standard Profiles'!$G$20=$B$17,14,0)+IF('Standard Profiles'!$G$20=$B$24,21,0),0)),0)</f>
        <v>0</v>
      </c>
      <c r="G7071" cm="1">
        <f t="array" ref="G7071">IFERROR(INDEX(Jesper!AK$2:AK$366,ROUNDDOWN($C7071/24,0)+1,1)*INDEX($D$3:$AA$30,INDEX(Jesper!$R$2:$R$366,ROW(INDEX(Jesper!AK$2:AK$366,ROUNDDOWN($C7071/24,0)+1,1))-1)+IF('Standard Profiles'!$G$21=$B$10,7,0)+IF('Standard Profiles'!$G$21=$B$17,14,0)+IF('Standard Profiles'!$G$21=$B$24,21,0),MOD($C7071,24)+1)/SUM(INDEX($D$3:$AA$30,INDEX(Jesper!$R$2:$R$366,ROW(INDEX(Jesper!AK$2:AK$366,ROUNDDOWN($C7071/24,0)+1,1))-1)+IF('Standard Profiles'!$G$21=$B$10,7,0)+IF('Standard Profiles'!$G$21=$B$17,14,0)+IF('Standard Profiles'!$G$21=$B$24,21,0),0)),0)</f>
        <v>0</v>
      </c>
      <c r="H7071" cm="1">
        <f t="array" ref="H7071">IFERROR(INDEX(Jesper!AL$2:AL$366,ROUNDDOWN($C7071/24,0)+1,1)*INDEX($D$3:$AA$30,INDEX(Jesper!$R$2:$R$366,ROW(INDEX(Jesper!AL$2:AL$366,ROUNDDOWN($C7071/24,0)+1,1))-1)+IF('Standard Profiles'!$G$22=$B$10,7,0)+IF('Standard Profiles'!$G$22=$B$17,14,0)+IF('Standard Profiles'!$G$22=$B$24,21,0),MOD($C7071,24)+1)/SUM(INDEX($D$3:$AA$30,INDEX(Jesper!$R$2:$R$366,ROW(INDEX(Jesper!AL$2:AL$366,ROUNDDOWN($C7071/24,0)+1,1))-1)+IF('Standard Profiles'!$G$22=$B$10,7,0)+IF('Standard Profiles'!$G$22=$B$17,14,0)+IF('Standard Profiles'!$G$22=$B$24,21,0),0)),0)</f>
        <v>0</v>
      </c>
      <c r="I7071">
        <f t="shared" si="783"/>
        <v>0.20355182594211157</v>
      </c>
      <c r="J7071">
        <f t="shared" si="784"/>
        <v>0.67850608647370536</v>
      </c>
      <c r="K7071">
        <f t="shared" si="785"/>
        <v>1.0177591297105579</v>
      </c>
      <c r="L7071">
        <f t="shared" si="786"/>
        <v>10.551386877216711</v>
      </c>
      <c r="M7071">
        <f t="shared" si="787"/>
        <v>0</v>
      </c>
      <c r="N7071" s="46">
        <f t="shared" si="788"/>
        <v>45585.208333316266</v>
      </c>
    </row>
    <row r="7072" spans="2:14" x14ac:dyDescent="0.3">
      <c r="B7072">
        <f t="shared" si="782"/>
        <v>7</v>
      </c>
      <c r="C7072" s="16">
        <v>7038</v>
      </c>
      <c r="D7072" cm="1">
        <f t="array" ref="D7072">IFERROR(INDEX(Jesper!AH$2:AH$366,ROUNDDOWN($C7072/24,0)+1,1)*INDEX($D$3:$AA$30,INDEX(Jesper!$R$2:$R$366,ROW(INDEX(Jesper!AH$2:AH$366,ROUNDDOWN($C7072/24,0)+1,1))-1)+IF('Standard Profiles'!$G$18=$B$10,7,0)+IF('Standard Profiles'!$G$18=$B$17,14,0)+IF('Standard Profiles'!$G$18=$B$24,21,0),MOD($C7072,24)+1)/SUM(INDEX($D$3:$AA$30,INDEX(Jesper!$R$2:$R$366,ROW(INDEX(Jesper!AH$2:AH$366,ROUNDDOWN($C7072/24,0)+1,1))-1)+IF('Standard Profiles'!$G$18=$B$10,7,0)+IF('Standard Profiles'!$G$18=$B$17,14,0)+IF('Standard Profiles'!$G$18=$B$24,21,0),0)),0)</f>
        <v>12.003650411631984</v>
      </c>
      <c r="E7072" cm="1">
        <f t="array" ref="E7072">IFERROR(INDEX(Jesper!AI$2:AI$366,ROUNDDOWN($C7072/24,0)+1,1)*INDEX($D$3:$AA$30,INDEX(Jesper!$R$2:$R$366,ROW(INDEX(Jesper!AI$2:AI$366,ROUNDDOWN($C7072/24,0)+1,1))-1)+IF('Standard Profiles'!$G$19=$B$10,7,0)+IF('Standard Profiles'!$G$19=$B$17,14,0)+IF('Standard Profiles'!$G$19=$B$24,21,0),MOD($C7072,24)+1)/SUM(INDEX($D$3:$AA$30,INDEX(Jesper!$R$2:$R$366,ROW(INDEX(Jesper!AI$2:AI$366,ROUNDDOWN($C7072/24,0)+1,1))-1)+IF('Standard Profiles'!$G$19=$B$10,7,0)+IF('Standard Profiles'!$G$19=$B$17,14,0)+IF('Standard Profiles'!$G$19=$B$24,21,0),0)),0)</f>
        <v>2.6611008711498707</v>
      </c>
      <c r="F7072" cm="1">
        <f t="array" ref="F7072">IFERROR(INDEX(Jesper!AJ$2:AJ$366,ROUNDDOWN($C7072/24,0)+1,1)*INDEX($D$3:$AA$30,INDEX(Jesper!$R$2:$R$366,ROW(INDEX(Jesper!AJ$2:AJ$366,ROUNDDOWN($C7072/24,0)+1,1))-1)+IF('Standard Profiles'!$G$20=$B$10,7,0)+IF('Standard Profiles'!$G$20=$B$17,14,0)+IF('Standard Profiles'!$G$20=$B$24,21,0),MOD($C7072,24)+1)/SUM(INDEX($D$3:$AA$30,INDEX(Jesper!$R$2:$R$366,ROW(INDEX(Jesper!AJ$2:AJ$366,ROUNDDOWN($C7072/24,0)+1,1))-1)+IF('Standard Profiles'!$G$20=$B$10,7,0)+IF('Standard Profiles'!$G$20=$B$17,14,0)+IF('Standard Profiles'!$G$20=$B$24,21,0),0)),0)</f>
        <v>0</v>
      </c>
      <c r="G7072" cm="1">
        <f t="array" ref="G7072">IFERROR(INDEX(Jesper!AK$2:AK$366,ROUNDDOWN($C7072/24,0)+1,1)*INDEX($D$3:$AA$30,INDEX(Jesper!$R$2:$R$366,ROW(INDEX(Jesper!AK$2:AK$366,ROUNDDOWN($C7072/24,0)+1,1))-1)+IF('Standard Profiles'!$G$21=$B$10,7,0)+IF('Standard Profiles'!$G$21=$B$17,14,0)+IF('Standard Profiles'!$G$21=$B$24,21,0),MOD($C7072,24)+1)/SUM(INDEX($D$3:$AA$30,INDEX(Jesper!$R$2:$R$366,ROW(INDEX(Jesper!AK$2:AK$366,ROUNDDOWN($C7072/24,0)+1,1))-1)+IF('Standard Profiles'!$G$21=$B$10,7,0)+IF('Standard Profiles'!$G$21=$B$17,14,0)+IF('Standard Profiles'!$G$21=$B$24,21,0),0)),0)</f>
        <v>0</v>
      </c>
      <c r="H7072" cm="1">
        <f t="array" ref="H7072">IFERROR(INDEX(Jesper!AL$2:AL$366,ROUNDDOWN($C7072/24,0)+1,1)*INDEX($D$3:$AA$30,INDEX(Jesper!$R$2:$R$366,ROW(INDEX(Jesper!AL$2:AL$366,ROUNDDOWN($C7072/24,0)+1,1))-1)+IF('Standard Profiles'!$G$22=$B$10,7,0)+IF('Standard Profiles'!$G$22=$B$17,14,0)+IF('Standard Profiles'!$G$22=$B$24,21,0),MOD($C7072,24)+1)/SUM(INDEX($D$3:$AA$30,INDEX(Jesper!$R$2:$R$366,ROW(INDEX(Jesper!AL$2:AL$366,ROUNDDOWN($C7072/24,0)+1,1))-1)+IF('Standard Profiles'!$G$22=$B$10,7,0)+IF('Standard Profiles'!$G$22=$B$17,14,0)+IF('Standard Profiles'!$G$22=$B$24,21,0),0)),0)</f>
        <v>0</v>
      </c>
      <c r="I7072">
        <f t="shared" si="783"/>
        <v>0.23973881722070914</v>
      </c>
      <c r="J7072">
        <f t="shared" si="784"/>
        <v>0.79912939073569722</v>
      </c>
      <c r="K7072">
        <f t="shared" si="785"/>
        <v>1.1986940861035458</v>
      </c>
      <c r="L7072">
        <f t="shared" si="786"/>
        <v>12.427188988721904</v>
      </c>
      <c r="M7072">
        <f t="shared" si="787"/>
        <v>0</v>
      </c>
      <c r="N7072" s="46">
        <f t="shared" si="788"/>
        <v>45585.249999982931</v>
      </c>
    </row>
    <row r="7073" spans="2:14" x14ac:dyDescent="0.3">
      <c r="B7073">
        <f t="shared" si="782"/>
        <v>7</v>
      </c>
      <c r="C7073" s="16">
        <v>7039</v>
      </c>
      <c r="D7073" cm="1">
        <f t="array" ref="D7073">IFERROR(INDEX(Jesper!AH$2:AH$366,ROUNDDOWN($C7073/24,0)+1,1)*INDEX($D$3:$AA$30,INDEX(Jesper!$R$2:$R$366,ROW(INDEX(Jesper!AH$2:AH$366,ROUNDDOWN($C7073/24,0)+1,1))-1)+IF('Standard Profiles'!$G$18=$B$10,7,0)+IF('Standard Profiles'!$G$18=$B$17,14,0)+IF('Standard Profiles'!$G$18=$B$24,21,0),MOD($C7073,24)+1)/SUM(INDEX($D$3:$AA$30,INDEX(Jesper!$R$2:$R$366,ROW(INDEX(Jesper!AH$2:AH$366,ROUNDDOWN($C7073/24,0)+1,1))-1)+IF('Standard Profiles'!$G$18=$B$10,7,0)+IF('Standard Profiles'!$G$18=$B$17,14,0)+IF('Standard Profiles'!$G$18=$B$24,21,0),0)),0)</f>
        <v>14.268490111939904</v>
      </c>
      <c r="E7073" cm="1">
        <f t="array" ref="E7073">IFERROR(INDEX(Jesper!AI$2:AI$366,ROUNDDOWN($C7073/24,0)+1,1)*INDEX($D$3:$AA$30,INDEX(Jesper!$R$2:$R$366,ROW(INDEX(Jesper!AI$2:AI$366,ROUNDDOWN($C7073/24,0)+1,1))-1)+IF('Standard Profiles'!$G$19=$B$10,7,0)+IF('Standard Profiles'!$G$19=$B$17,14,0)+IF('Standard Profiles'!$G$19=$B$24,21,0),MOD($C7073,24)+1)/SUM(INDEX($D$3:$AA$30,INDEX(Jesper!$R$2:$R$366,ROW(INDEX(Jesper!AI$2:AI$366,ROUNDDOWN($C7073/24,0)+1,1))-1)+IF('Standard Profiles'!$G$19=$B$10,7,0)+IF('Standard Profiles'!$G$19=$B$17,14,0)+IF('Standard Profiles'!$G$19=$B$24,21,0),0)),0)</f>
        <v>3.1631953751404129</v>
      </c>
      <c r="F7073" cm="1">
        <f t="array" ref="F7073">IFERROR(INDEX(Jesper!AJ$2:AJ$366,ROUNDDOWN($C7073/24,0)+1,1)*INDEX($D$3:$AA$30,INDEX(Jesper!$R$2:$R$366,ROW(INDEX(Jesper!AJ$2:AJ$366,ROUNDDOWN($C7073/24,0)+1,1))-1)+IF('Standard Profiles'!$G$20=$B$10,7,0)+IF('Standard Profiles'!$G$20=$B$17,14,0)+IF('Standard Profiles'!$G$20=$B$24,21,0),MOD($C7073,24)+1)/SUM(INDEX($D$3:$AA$30,INDEX(Jesper!$R$2:$R$366,ROW(INDEX(Jesper!AJ$2:AJ$366,ROUNDDOWN($C7073/24,0)+1,1))-1)+IF('Standard Profiles'!$G$20=$B$10,7,0)+IF('Standard Profiles'!$G$20=$B$17,14,0)+IF('Standard Profiles'!$G$20=$B$24,21,0),0)),0)</f>
        <v>0</v>
      </c>
      <c r="G7073" cm="1">
        <f t="array" ref="G7073">IFERROR(INDEX(Jesper!AK$2:AK$366,ROUNDDOWN($C7073/24,0)+1,1)*INDEX($D$3:$AA$30,INDEX(Jesper!$R$2:$R$366,ROW(INDEX(Jesper!AK$2:AK$366,ROUNDDOWN($C7073/24,0)+1,1))-1)+IF('Standard Profiles'!$G$21=$B$10,7,0)+IF('Standard Profiles'!$G$21=$B$17,14,0)+IF('Standard Profiles'!$G$21=$B$24,21,0),MOD($C7073,24)+1)/SUM(INDEX($D$3:$AA$30,INDEX(Jesper!$R$2:$R$366,ROW(INDEX(Jesper!AK$2:AK$366,ROUNDDOWN($C7073/24,0)+1,1))-1)+IF('Standard Profiles'!$G$21=$B$10,7,0)+IF('Standard Profiles'!$G$21=$B$17,14,0)+IF('Standard Profiles'!$G$21=$B$24,21,0),0)),0)</f>
        <v>0</v>
      </c>
      <c r="H7073" cm="1">
        <f t="array" ref="H7073">IFERROR(INDEX(Jesper!AL$2:AL$366,ROUNDDOWN($C7073/24,0)+1,1)*INDEX($D$3:$AA$30,INDEX(Jesper!$R$2:$R$366,ROW(INDEX(Jesper!AL$2:AL$366,ROUNDDOWN($C7073/24,0)+1,1))-1)+IF('Standard Profiles'!$G$22=$B$10,7,0)+IF('Standard Profiles'!$G$22=$B$17,14,0)+IF('Standard Profiles'!$G$22=$B$24,21,0),MOD($C7073,24)+1)/SUM(INDEX($D$3:$AA$30,INDEX(Jesper!$R$2:$R$366,ROW(INDEX(Jesper!AL$2:AL$366,ROUNDDOWN($C7073/24,0)+1,1))-1)+IF('Standard Profiles'!$G$22=$B$10,7,0)+IF('Standard Profiles'!$G$22=$B$17,14,0)+IF('Standard Profiles'!$G$22=$B$24,21,0),0)),0)</f>
        <v>0</v>
      </c>
      <c r="I7073">
        <f t="shared" si="783"/>
        <v>0.28497255631895618</v>
      </c>
      <c r="J7073">
        <f t="shared" si="784"/>
        <v>0.94990852106318746</v>
      </c>
      <c r="K7073">
        <f t="shared" si="785"/>
        <v>1.4248627815947812</v>
      </c>
      <c r="L7073">
        <f t="shared" si="786"/>
        <v>14.771941628103393</v>
      </c>
      <c r="M7073">
        <f t="shared" si="787"/>
        <v>0</v>
      </c>
      <c r="N7073" s="46">
        <f t="shared" si="788"/>
        <v>45585.291666649595</v>
      </c>
    </row>
    <row r="7074" spans="2:14" x14ac:dyDescent="0.3">
      <c r="B7074">
        <f t="shared" si="782"/>
        <v>7</v>
      </c>
      <c r="C7074" s="16">
        <v>7040</v>
      </c>
      <c r="D7074" cm="1">
        <f t="array" ref="D7074">IFERROR(INDEX(Jesper!AH$2:AH$366,ROUNDDOWN($C7074/24,0)+1,1)*INDEX($D$3:$AA$30,INDEX(Jesper!$R$2:$R$366,ROW(INDEX(Jesper!AH$2:AH$366,ROUNDDOWN($C7074/24,0)+1,1))-1)+IF('Standard Profiles'!$G$18=$B$10,7,0)+IF('Standard Profiles'!$G$18=$B$17,14,0)+IF('Standard Profiles'!$G$18=$B$24,21,0),MOD($C7074,24)+1)/SUM(INDEX($D$3:$AA$30,INDEX(Jesper!$R$2:$R$366,ROW(INDEX(Jesper!AH$2:AH$366,ROUNDDOWN($C7074/24,0)+1,1))-1)+IF('Standard Profiles'!$G$18=$B$10,7,0)+IF('Standard Profiles'!$G$18=$B$17,14,0)+IF('Standard Profiles'!$G$18=$B$24,21,0),0)),0)</f>
        <v>14.268490111939904</v>
      </c>
      <c r="E7074" cm="1">
        <f t="array" ref="E7074">IFERROR(INDEX(Jesper!AI$2:AI$366,ROUNDDOWN($C7074/24,0)+1,1)*INDEX($D$3:$AA$30,INDEX(Jesper!$R$2:$R$366,ROW(INDEX(Jesper!AI$2:AI$366,ROUNDDOWN($C7074/24,0)+1,1))-1)+IF('Standard Profiles'!$G$19=$B$10,7,0)+IF('Standard Profiles'!$G$19=$B$17,14,0)+IF('Standard Profiles'!$G$19=$B$24,21,0),MOD($C7074,24)+1)/SUM(INDEX($D$3:$AA$30,INDEX(Jesper!$R$2:$R$366,ROW(INDEX(Jesper!AI$2:AI$366,ROUNDDOWN($C7074/24,0)+1,1))-1)+IF('Standard Profiles'!$G$19=$B$10,7,0)+IF('Standard Profiles'!$G$19=$B$17,14,0)+IF('Standard Profiles'!$G$19=$B$24,21,0),0)),0)</f>
        <v>3.1631953751404129</v>
      </c>
      <c r="F7074" cm="1">
        <f t="array" ref="F7074">IFERROR(INDEX(Jesper!AJ$2:AJ$366,ROUNDDOWN($C7074/24,0)+1,1)*INDEX($D$3:$AA$30,INDEX(Jesper!$R$2:$R$366,ROW(INDEX(Jesper!AJ$2:AJ$366,ROUNDDOWN($C7074/24,0)+1,1))-1)+IF('Standard Profiles'!$G$20=$B$10,7,0)+IF('Standard Profiles'!$G$20=$B$17,14,0)+IF('Standard Profiles'!$G$20=$B$24,21,0),MOD($C7074,24)+1)/SUM(INDEX($D$3:$AA$30,INDEX(Jesper!$R$2:$R$366,ROW(INDEX(Jesper!AJ$2:AJ$366,ROUNDDOWN($C7074/24,0)+1,1))-1)+IF('Standard Profiles'!$G$20=$B$10,7,0)+IF('Standard Profiles'!$G$20=$B$17,14,0)+IF('Standard Profiles'!$G$20=$B$24,21,0),0)),0)</f>
        <v>0</v>
      </c>
      <c r="G7074" cm="1">
        <f t="array" ref="G7074">IFERROR(INDEX(Jesper!AK$2:AK$366,ROUNDDOWN($C7074/24,0)+1,1)*INDEX($D$3:$AA$30,INDEX(Jesper!$R$2:$R$366,ROW(INDEX(Jesper!AK$2:AK$366,ROUNDDOWN($C7074/24,0)+1,1))-1)+IF('Standard Profiles'!$G$21=$B$10,7,0)+IF('Standard Profiles'!$G$21=$B$17,14,0)+IF('Standard Profiles'!$G$21=$B$24,21,0),MOD($C7074,24)+1)/SUM(INDEX($D$3:$AA$30,INDEX(Jesper!$R$2:$R$366,ROW(INDEX(Jesper!AK$2:AK$366,ROUNDDOWN($C7074/24,0)+1,1))-1)+IF('Standard Profiles'!$G$21=$B$10,7,0)+IF('Standard Profiles'!$G$21=$B$17,14,0)+IF('Standard Profiles'!$G$21=$B$24,21,0),0)),0)</f>
        <v>0</v>
      </c>
      <c r="H7074" cm="1">
        <f t="array" ref="H7074">IFERROR(INDEX(Jesper!AL$2:AL$366,ROUNDDOWN($C7074/24,0)+1,1)*INDEX($D$3:$AA$30,INDEX(Jesper!$R$2:$R$366,ROW(INDEX(Jesper!AL$2:AL$366,ROUNDDOWN($C7074/24,0)+1,1))-1)+IF('Standard Profiles'!$G$22=$B$10,7,0)+IF('Standard Profiles'!$G$22=$B$17,14,0)+IF('Standard Profiles'!$G$22=$B$24,21,0),MOD($C7074,24)+1)/SUM(INDEX($D$3:$AA$30,INDEX(Jesper!$R$2:$R$366,ROW(INDEX(Jesper!AL$2:AL$366,ROUNDDOWN($C7074/24,0)+1,1))-1)+IF('Standard Profiles'!$G$22=$B$10,7,0)+IF('Standard Profiles'!$G$22=$B$17,14,0)+IF('Standard Profiles'!$G$22=$B$24,21,0),0)),0)</f>
        <v>0</v>
      </c>
      <c r="I7074">
        <f t="shared" si="783"/>
        <v>0.28497255631895618</v>
      </c>
      <c r="J7074">
        <f t="shared" si="784"/>
        <v>0.94990852106318746</v>
      </c>
      <c r="K7074">
        <f t="shared" si="785"/>
        <v>1.4248627815947812</v>
      </c>
      <c r="L7074">
        <f t="shared" si="786"/>
        <v>14.771941628103393</v>
      </c>
      <c r="M7074">
        <f t="shared" si="787"/>
        <v>0</v>
      </c>
      <c r="N7074" s="46">
        <f t="shared" si="788"/>
        <v>45585.333333316259</v>
      </c>
    </row>
    <row r="7075" spans="2:14" x14ac:dyDescent="0.3">
      <c r="B7075">
        <f t="shared" ref="B7075:B7138" si="789">WEEKDAY(N7075,2)</f>
        <v>7</v>
      </c>
      <c r="C7075" s="16">
        <v>7041</v>
      </c>
      <c r="D7075" cm="1">
        <f t="array" ref="D7075">IFERROR(INDEX(Jesper!AH$2:AH$366,ROUNDDOWN($C7075/24,0)+1,1)*INDEX($D$3:$AA$30,INDEX(Jesper!$R$2:$R$366,ROW(INDEX(Jesper!AH$2:AH$366,ROUNDDOWN($C7075/24,0)+1,1))-1)+IF('Standard Profiles'!$G$18=$B$10,7,0)+IF('Standard Profiles'!$G$18=$B$17,14,0)+IF('Standard Profiles'!$G$18=$B$24,21,0),MOD($C7075,24)+1)/SUM(INDEX($D$3:$AA$30,INDEX(Jesper!$R$2:$R$366,ROW(INDEX(Jesper!AH$2:AH$366,ROUNDDOWN($C7075/24,0)+1,1))-1)+IF('Standard Profiles'!$G$18=$B$10,7,0)+IF('Standard Profiles'!$G$18=$B$17,14,0)+IF('Standard Profiles'!$G$18=$B$24,21,0),0)),0)</f>
        <v>14.268490111939904</v>
      </c>
      <c r="E7075" cm="1">
        <f t="array" ref="E7075">IFERROR(INDEX(Jesper!AI$2:AI$366,ROUNDDOWN($C7075/24,0)+1,1)*INDEX($D$3:$AA$30,INDEX(Jesper!$R$2:$R$366,ROW(INDEX(Jesper!AI$2:AI$366,ROUNDDOWN($C7075/24,0)+1,1))-1)+IF('Standard Profiles'!$G$19=$B$10,7,0)+IF('Standard Profiles'!$G$19=$B$17,14,0)+IF('Standard Profiles'!$G$19=$B$24,21,0),MOD($C7075,24)+1)/SUM(INDEX($D$3:$AA$30,INDEX(Jesper!$R$2:$R$366,ROW(INDEX(Jesper!AI$2:AI$366,ROUNDDOWN($C7075/24,0)+1,1))-1)+IF('Standard Profiles'!$G$19=$B$10,7,0)+IF('Standard Profiles'!$G$19=$B$17,14,0)+IF('Standard Profiles'!$G$19=$B$24,21,0),0)),0)</f>
        <v>3.1631953751404129</v>
      </c>
      <c r="F7075" cm="1">
        <f t="array" ref="F7075">IFERROR(INDEX(Jesper!AJ$2:AJ$366,ROUNDDOWN($C7075/24,0)+1,1)*INDEX($D$3:$AA$30,INDEX(Jesper!$R$2:$R$366,ROW(INDEX(Jesper!AJ$2:AJ$366,ROUNDDOWN($C7075/24,0)+1,1))-1)+IF('Standard Profiles'!$G$20=$B$10,7,0)+IF('Standard Profiles'!$G$20=$B$17,14,0)+IF('Standard Profiles'!$G$20=$B$24,21,0),MOD($C7075,24)+1)/SUM(INDEX($D$3:$AA$30,INDEX(Jesper!$R$2:$R$366,ROW(INDEX(Jesper!AJ$2:AJ$366,ROUNDDOWN($C7075/24,0)+1,1))-1)+IF('Standard Profiles'!$G$20=$B$10,7,0)+IF('Standard Profiles'!$G$20=$B$17,14,0)+IF('Standard Profiles'!$G$20=$B$24,21,0),0)),0)</f>
        <v>0</v>
      </c>
      <c r="G7075" cm="1">
        <f t="array" ref="G7075">IFERROR(INDEX(Jesper!AK$2:AK$366,ROUNDDOWN($C7075/24,0)+1,1)*INDEX($D$3:$AA$30,INDEX(Jesper!$R$2:$R$366,ROW(INDEX(Jesper!AK$2:AK$366,ROUNDDOWN($C7075/24,0)+1,1))-1)+IF('Standard Profiles'!$G$21=$B$10,7,0)+IF('Standard Profiles'!$G$21=$B$17,14,0)+IF('Standard Profiles'!$G$21=$B$24,21,0),MOD($C7075,24)+1)/SUM(INDEX($D$3:$AA$30,INDEX(Jesper!$R$2:$R$366,ROW(INDEX(Jesper!AK$2:AK$366,ROUNDDOWN($C7075/24,0)+1,1))-1)+IF('Standard Profiles'!$G$21=$B$10,7,0)+IF('Standard Profiles'!$G$21=$B$17,14,0)+IF('Standard Profiles'!$G$21=$B$24,21,0),0)),0)</f>
        <v>0</v>
      </c>
      <c r="H7075" cm="1">
        <f t="array" ref="H7075">IFERROR(INDEX(Jesper!AL$2:AL$366,ROUNDDOWN($C7075/24,0)+1,1)*INDEX($D$3:$AA$30,INDEX(Jesper!$R$2:$R$366,ROW(INDEX(Jesper!AL$2:AL$366,ROUNDDOWN($C7075/24,0)+1,1))-1)+IF('Standard Profiles'!$G$22=$B$10,7,0)+IF('Standard Profiles'!$G$22=$B$17,14,0)+IF('Standard Profiles'!$G$22=$B$24,21,0),MOD($C7075,24)+1)/SUM(INDEX($D$3:$AA$30,INDEX(Jesper!$R$2:$R$366,ROW(INDEX(Jesper!AL$2:AL$366,ROUNDDOWN($C7075/24,0)+1,1))-1)+IF('Standard Profiles'!$G$22=$B$10,7,0)+IF('Standard Profiles'!$G$22=$B$17,14,0)+IF('Standard Profiles'!$G$22=$B$24,21,0),0)),0)</f>
        <v>0</v>
      </c>
      <c r="I7075">
        <f t="shared" ref="I7075:I7138" si="790">IF($B7075&lt;6,AC$37*$D7075+AC$38*$E7075+AC$39*$F7075+AC$40*$G7075,AC$46*$D7075+AC$47*$E7075+AC$48*$F7075+AC$49*$G7075+AC$50*$H7075)</f>
        <v>0.28497255631895618</v>
      </c>
      <c r="J7075">
        <f t="shared" ref="J7075:J7138" si="791">IF($B7075&lt;6,AD$37*$D7075+AD$38*$E7075+AD$39*$F7075+AD$40*$G7075,AD$46*$D7075+AD$47*$E7075+AD$48*$F7075+AD$49*$G7075+AD$50*$H7075)</f>
        <v>0.94990852106318746</v>
      </c>
      <c r="K7075">
        <f t="shared" ref="K7075:K7138" si="792">IF($B7075&lt;6,AE$37*$D7075+AE$38*$E7075+AE$39*$F7075+AE$40*$G7075,AE$46*$D7075+AE$47*$E7075+AE$48*$F7075+AE$49*$G7075+AE$50*$H7075)</f>
        <v>1.4248627815947812</v>
      </c>
      <c r="L7075">
        <f t="shared" ref="L7075:L7138" si="793">IF($B7075&lt;6,AF$37*$D7075+AF$38*$E7075+AF$39*$F7075+AF$40*$G7075,AF$46*$D7075+AF$47*$E7075+AF$48*$F7075+AF$49*$G7075+AF$50*$H7075)</f>
        <v>14.771941628103393</v>
      </c>
      <c r="M7075">
        <f t="shared" ref="M7075:M7138" si="794">IF($B7075&lt;6,AG$37*$D7075+AG$38*$E7075+AG$39*$F7075+AG$40*$G7075,AG$46*$D7075+AG$47*$E7075+AG$48*$F7075+AG$49*$G7075+AG$50*$H7075)</f>
        <v>0</v>
      </c>
      <c r="N7075" s="46">
        <f t="shared" si="788"/>
        <v>45585.374999982923</v>
      </c>
    </row>
    <row r="7076" spans="2:14" x14ac:dyDescent="0.3">
      <c r="B7076">
        <f t="shared" si="789"/>
        <v>7</v>
      </c>
      <c r="C7076" s="16">
        <v>7042</v>
      </c>
      <c r="D7076" cm="1">
        <f t="array" ref="D7076">IFERROR(INDEX(Jesper!AH$2:AH$366,ROUNDDOWN($C7076/24,0)+1,1)*INDEX($D$3:$AA$30,INDEX(Jesper!$R$2:$R$366,ROW(INDEX(Jesper!AH$2:AH$366,ROUNDDOWN($C7076/24,0)+1,1))-1)+IF('Standard Profiles'!$G$18=$B$10,7,0)+IF('Standard Profiles'!$G$18=$B$17,14,0)+IF('Standard Profiles'!$G$18=$B$24,21,0),MOD($C7076,24)+1)/SUM(INDEX($D$3:$AA$30,INDEX(Jesper!$R$2:$R$366,ROW(INDEX(Jesper!AH$2:AH$366,ROUNDDOWN($C7076/24,0)+1,1))-1)+IF('Standard Profiles'!$G$18=$B$10,7,0)+IF('Standard Profiles'!$G$18=$B$17,14,0)+IF('Standard Profiles'!$G$18=$B$24,21,0),0)),0)</f>
        <v>14.268490111939904</v>
      </c>
      <c r="E7076" cm="1">
        <f t="array" ref="E7076">IFERROR(INDEX(Jesper!AI$2:AI$366,ROUNDDOWN($C7076/24,0)+1,1)*INDEX($D$3:$AA$30,INDEX(Jesper!$R$2:$R$366,ROW(INDEX(Jesper!AI$2:AI$366,ROUNDDOWN($C7076/24,0)+1,1))-1)+IF('Standard Profiles'!$G$19=$B$10,7,0)+IF('Standard Profiles'!$G$19=$B$17,14,0)+IF('Standard Profiles'!$G$19=$B$24,21,0),MOD($C7076,24)+1)/SUM(INDEX($D$3:$AA$30,INDEX(Jesper!$R$2:$R$366,ROW(INDEX(Jesper!AI$2:AI$366,ROUNDDOWN($C7076/24,0)+1,1))-1)+IF('Standard Profiles'!$G$19=$B$10,7,0)+IF('Standard Profiles'!$G$19=$B$17,14,0)+IF('Standard Profiles'!$G$19=$B$24,21,0),0)),0)</f>
        <v>3.1631953751404129</v>
      </c>
      <c r="F7076" cm="1">
        <f t="array" ref="F7076">IFERROR(INDEX(Jesper!AJ$2:AJ$366,ROUNDDOWN($C7076/24,0)+1,1)*INDEX($D$3:$AA$30,INDEX(Jesper!$R$2:$R$366,ROW(INDEX(Jesper!AJ$2:AJ$366,ROUNDDOWN($C7076/24,0)+1,1))-1)+IF('Standard Profiles'!$G$20=$B$10,7,0)+IF('Standard Profiles'!$G$20=$B$17,14,0)+IF('Standard Profiles'!$G$20=$B$24,21,0),MOD($C7076,24)+1)/SUM(INDEX($D$3:$AA$30,INDEX(Jesper!$R$2:$R$366,ROW(INDEX(Jesper!AJ$2:AJ$366,ROUNDDOWN($C7076/24,0)+1,1))-1)+IF('Standard Profiles'!$G$20=$B$10,7,0)+IF('Standard Profiles'!$G$20=$B$17,14,0)+IF('Standard Profiles'!$G$20=$B$24,21,0),0)),0)</f>
        <v>0</v>
      </c>
      <c r="G7076" cm="1">
        <f t="array" ref="G7076">IFERROR(INDEX(Jesper!AK$2:AK$366,ROUNDDOWN($C7076/24,0)+1,1)*INDEX($D$3:$AA$30,INDEX(Jesper!$R$2:$R$366,ROW(INDEX(Jesper!AK$2:AK$366,ROUNDDOWN($C7076/24,0)+1,1))-1)+IF('Standard Profiles'!$G$21=$B$10,7,0)+IF('Standard Profiles'!$G$21=$B$17,14,0)+IF('Standard Profiles'!$G$21=$B$24,21,0),MOD($C7076,24)+1)/SUM(INDEX($D$3:$AA$30,INDEX(Jesper!$R$2:$R$366,ROW(INDEX(Jesper!AK$2:AK$366,ROUNDDOWN($C7076/24,0)+1,1))-1)+IF('Standard Profiles'!$G$21=$B$10,7,0)+IF('Standard Profiles'!$G$21=$B$17,14,0)+IF('Standard Profiles'!$G$21=$B$24,21,0),0)),0)</f>
        <v>0</v>
      </c>
      <c r="H7076" cm="1">
        <f t="array" ref="H7076">IFERROR(INDEX(Jesper!AL$2:AL$366,ROUNDDOWN($C7076/24,0)+1,1)*INDEX($D$3:$AA$30,INDEX(Jesper!$R$2:$R$366,ROW(INDEX(Jesper!AL$2:AL$366,ROUNDDOWN($C7076/24,0)+1,1))-1)+IF('Standard Profiles'!$G$22=$B$10,7,0)+IF('Standard Profiles'!$G$22=$B$17,14,0)+IF('Standard Profiles'!$G$22=$B$24,21,0),MOD($C7076,24)+1)/SUM(INDEX($D$3:$AA$30,INDEX(Jesper!$R$2:$R$366,ROW(INDEX(Jesper!AL$2:AL$366,ROUNDDOWN($C7076/24,0)+1,1))-1)+IF('Standard Profiles'!$G$22=$B$10,7,0)+IF('Standard Profiles'!$G$22=$B$17,14,0)+IF('Standard Profiles'!$G$22=$B$24,21,0),0)),0)</f>
        <v>0</v>
      </c>
      <c r="I7076">
        <f t="shared" si="790"/>
        <v>0.28497255631895618</v>
      </c>
      <c r="J7076">
        <f t="shared" si="791"/>
        <v>0.94990852106318746</v>
      </c>
      <c r="K7076">
        <f t="shared" si="792"/>
        <v>1.4248627815947812</v>
      </c>
      <c r="L7076">
        <f t="shared" si="793"/>
        <v>14.771941628103393</v>
      </c>
      <c r="M7076">
        <f t="shared" si="794"/>
        <v>0</v>
      </c>
      <c r="N7076" s="46">
        <f t="shared" ref="N7076:N7139" si="795">N7075+1/24</f>
        <v>45585.416666649588</v>
      </c>
    </row>
    <row r="7077" spans="2:14" x14ac:dyDescent="0.3">
      <c r="B7077">
        <f t="shared" si="789"/>
        <v>7</v>
      </c>
      <c r="C7077" s="16">
        <v>7043</v>
      </c>
      <c r="D7077" cm="1">
        <f t="array" ref="D7077">IFERROR(INDEX(Jesper!AH$2:AH$366,ROUNDDOWN($C7077/24,0)+1,1)*INDEX($D$3:$AA$30,INDEX(Jesper!$R$2:$R$366,ROW(INDEX(Jesper!AH$2:AH$366,ROUNDDOWN($C7077/24,0)+1,1))-1)+IF('Standard Profiles'!$G$18=$B$10,7,0)+IF('Standard Profiles'!$G$18=$B$17,14,0)+IF('Standard Profiles'!$G$18=$B$24,21,0),MOD($C7077,24)+1)/SUM(INDEX($D$3:$AA$30,INDEX(Jesper!$R$2:$R$366,ROW(INDEX(Jesper!AH$2:AH$366,ROUNDDOWN($C7077/24,0)+1,1))-1)+IF('Standard Profiles'!$G$18=$B$10,7,0)+IF('Standard Profiles'!$G$18=$B$17,14,0)+IF('Standard Profiles'!$G$18=$B$24,21,0),0)),0)</f>
        <v>14.268490111939904</v>
      </c>
      <c r="E7077" cm="1">
        <f t="array" ref="E7077">IFERROR(INDEX(Jesper!AI$2:AI$366,ROUNDDOWN($C7077/24,0)+1,1)*INDEX($D$3:$AA$30,INDEX(Jesper!$R$2:$R$366,ROW(INDEX(Jesper!AI$2:AI$366,ROUNDDOWN($C7077/24,0)+1,1))-1)+IF('Standard Profiles'!$G$19=$B$10,7,0)+IF('Standard Profiles'!$G$19=$B$17,14,0)+IF('Standard Profiles'!$G$19=$B$24,21,0),MOD($C7077,24)+1)/SUM(INDEX($D$3:$AA$30,INDEX(Jesper!$R$2:$R$366,ROW(INDEX(Jesper!AI$2:AI$366,ROUNDDOWN($C7077/24,0)+1,1))-1)+IF('Standard Profiles'!$G$19=$B$10,7,0)+IF('Standard Profiles'!$G$19=$B$17,14,0)+IF('Standard Profiles'!$G$19=$B$24,21,0),0)),0)</f>
        <v>3.1631953751404129</v>
      </c>
      <c r="F7077" cm="1">
        <f t="array" ref="F7077">IFERROR(INDEX(Jesper!AJ$2:AJ$366,ROUNDDOWN($C7077/24,0)+1,1)*INDEX($D$3:$AA$30,INDEX(Jesper!$R$2:$R$366,ROW(INDEX(Jesper!AJ$2:AJ$366,ROUNDDOWN($C7077/24,0)+1,1))-1)+IF('Standard Profiles'!$G$20=$B$10,7,0)+IF('Standard Profiles'!$G$20=$B$17,14,0)+IF('Standard Profiles'!$G$20=$B$24,21,0),MOD($C7077,24)+1)/SUM(INDEX($D$3:$AA$30,INDEX(Jesper!$R$2:$R$366,ROW(INDEX(Jesper!AJ$2:AJ$366,ROUNDDOWN($C7077/24,0)+1,1))-1)+IF('Standard Profiles'!$G$20=$B$10,7,0)+IF('Standard Profiles'!$G$20=$B$17,14,0)+IF('Standard Profiles'!$G$20=$B$24,21,0),0)),0)</f>
        <v>0</v>
      </c>
      <c r="G7077" cm="1">
        <f t="array" ref="G7077">IFERROR(INDEX(Jesper!AK$2:AK$366,ROUNDDOWN($C7077/24,0)+1,1)*INDEX($D$3:$AA$30,INDEX(Jesper!$R$2:$R$366,ROW(INDEX(Jesper!AK$2:AK$366,ROUNDDOWN($C7077/24,0)+1,1))-1)+IF('Standard Profiles'!$G$21=$B$10,7,0)+IF('Standard Profiles'!$G$21=$B$17,14,0)+IF('Standard Profiles'!$G$21=$B$24,21,0),MOD($C7077,24)+1)/SUM(INDEX($D$3:$AA$30,INDEX(Jesper!$R$2:$R$366,ROW(INDEX(Jesper!AK$2:AK$366,ROUNDDOWN($C7077/24,0)+1,1))-1)+IF('Standard Profiles'!$G$21=$B$10,7,0)+IF('Standard Profiles'!$G$21=$B$17,14,0)+IF('Standard Profiles'!$G$21=$B$24,21,0),0)),0)</f>
        <v>0</v>
      </c>
      <c r="H7077" cm="1">
        <f t="array" ref="H7077">IFERROR(INDEX(Jesper!AL$2:AL$366,ROUNDDOWN($C7077/24,0)+1,1)*INDEX($D$3:$AA$30,INDEX(Jesper!$R$2:$R$366,ROW(INDEX(Jesper!AL$2:AL$366,ROUNDDOWN($C7077/24,0)+1,1))-1)+IF('Standard Profiles'!$G$22=$B$10,7,0)+IF('Standard Profiles'!$G$22=$B$17,14,0)+IF('Standard Profiles'!$G$22=$B$24,21,0),MOD($C7077,24)+1)/SUM(INDEX($D$3:$AA$30,INDEX(Jesper!$R$2:$R$366,ROW(INDEX(Jesper!AL$2:AL$366,ROUNDDOWN($C7077/24,0)+1,1))-1)+IF('Standard Profiles'!$G$22=$B$10,7,0)+IF('Standard Profiles'!$G$22=$B$17,14,0)+IF('Standard Profiles'!$G$22=$B$24,21,0),0)),0)</f>
        <v>0</v>
      </c>
      <c r="I7077">
        <f t="shared" si="790"/>
        <v>0.28497255631895618</v>
      </c>
      <c r="J7077">
        <f t="shared" si="791"/>
        <v>0.94990852106318746</v>
      </c>
      <c r="K7077">
        <f t="shared" si="792"/>
        <v>1.4248627815947812</v>
      </c>
      <c r="L7077">
        <f t="shared" si="793"/>
        <v>14.771941628103393</v>
      </c>
      <c r="M7077">
        <f t="shared" si="794"/>
        <v>0</v>
      </c>
      <c r="N7077" s="46">
        <f t="shared" si="795"/>
        <v>45585.458333316252</v>
      </c>
    </row>
    <row r="7078" spans="2:14" x14ac:dyDescent="0.3">
      <c r="B7078">
        <f t="shared" si="789"/>
        <v>7</v>
      </c>
      <c r="C7078" s="16">
        <v>7044</v>
      </c>
      <c r="D7078" cm="1">
        <f t="array" ref="D7078">IFERROR(INDEX(Jesper!AH$2:AH$366,ROUNDDOWN($C7078/24,0)+1,1)*INDEX($D$3:$AA$30,INDEX(Jesper!$R$2:$R$366,ROW(INDEX(Jesper!AH$2:AH$366,ROUNDDOWN($C7078/24,0)+1,1))-1)+IF('Standard Profiles'!$G$18=$B$10,7,0)+IF('Standard Profiles'!$G$18=$B$17,14,0)+IF('Standard Profiles'!$G$18=$B$24,21,0),MOD($C7078,24)+1)/SUM(INDEX($D$3:$AA$30,INDEX(Jesper!$R$2:$R$366,ROW(INDEX(Jesper!AH$2:AH$366,ROUNDDOWN($C7078/24,0)+1,1))-1)+IF('Standard Profiles'!$G$18=$B$10,7,0)+IF('Standard Profiles'!$G$18=$B$17,14,0)+IF('Standard Profiles'!$G$18=$B$24,21,0),0)),0)</f>
        <v>14.268490111939904</v>
      </c>
      <c r="E7078" cm="1">
        <f t="array" ref="E7078">IFERROR(INDEX(Jesper!AI$2:AI$366,ROUNDDOWN($C7078/24,0)+1,1)*INDEX($D$3:$AA$30,INDEX(Jesper!$R$2:$R$366,ROW(INDEX(Jesper!AI$2:AI$366,ROUNDDOWN($C7078/24,0)+1,1))-1)+IF('Standard Profiles'!$G$19=$B$10,7,0)+IF('Standard Profiles'!$G$19=$B$17,14,0)+IF('Standard Profiles'!$G$19=$B$24,21,0),MOD($C7078,24)+1)/SUM(INDEX($D$3:$AA$30,INDEX(Jesper!$R$2:$R$366,ROW(INDEX(Jesper!AI$2:AI$366,ROUNDDOWN($C7078/24,0)+1,1))-1)+IF('Standard Profiles'!$G$19=$B$10,7,0)+IF('Standard Profiles'!$G$19=$B$17,14,0)+IF('Standard Profiles'!$G$19=$B$24,21,0),0)),0)</f>
        <v>3.1631953751404129</v>
      </c>
      <c r="F7078" cm="1">
        <f t="array" ref="F7078">IFERROR(INDEX(Jesper!AJ$2:AJ$366,ROUNDDOWN($C7078/24,0)+1,1)*INDEX($D$3:$AA$30,INDEX(Jesper!$R$2:$R$366,ROW(INDEX(Jesper!AJ$2:AJ$366,ROUNDDOWN($C7078/24,0)+1,1))-1)+IF('Standard Profiles'!$G$20=$B$10,7,0)+IF('Standard Profiles'!$G$20=$B$17,14,0)+IF('Standard Profiles'!$G$20=$B$24,21,0),MOD($C7078,24)+1)/SUM(INDEX($D$3:$AA$30,INDEX(Jesper!$R$2:$R$366,ROW(INDEX(Jesper!AJ$2:AJ$366,ROUNDDOWN($C7078/24,0)+1,1))-1)+IF('Standard Profiles'!$G$20=$B$10,7,0)+IF('Standard Profiles'!$G$20=$B$17,14,0)+IF('Standard Profiles'!$G$20=$B$24,21,0),0)),0)</f>
        <v>0</v>
      </c>
      <c r="G7078" cm="1">
        <f t="array" ref="G7078">IFERROR(INDEX(Jesper!AK$2:AK$366,ROUNDDOWN($C7078/24,0)+1,1)*INDEX($D$3:$AA$30,INDEX(Jesper!$R$2:$R$366,ROW(INDEX(Jesper!AK$2:AK$366,ROUNDDOWN($C7078/24,0)+1,1))-1)+IF('Standard Profiles'!$G$21=$B$10,7,0)+IF('Standard Profiles'!$G$21=$B$17,14,0)+IF('Standard Profiles'!$G$21=$B$24,21,0),MOD($C7078,24)+1)/SUM(INDEX($D$3:$AA$30,INDEX(Jesper!$R$2:$R$366,ROW(INDEX(Jesper!AK$2:AK$366,ROUNDDOWN($C7078/24,0)+1,1))-1)+IF('Standard Profiles'!$G$21=$B$10,7,0)+IF('Standard Profiles'!$G$21=$B$17,14,0)+IF('Standard Profiles'!$G$21=$B$24,21,0),0)),0)</f>
        <v>0</v>
      </c>
      <c r="H7078" cm="1">
        <f t="array" ref="H7078">IFERROR(INDEX(Jesper!AL$2:AL$366,ROUNDDOWN($C7078/24,0)+1,1)*INDEX($D$3:$AA$30,INDEX(Jesper!$R$2:$R$366,ROW(INDEX(Jesper!AL$2:AL$366,ROUNDDOWN($C7078/24,0)+1,1))-1)+IF('Standard Profiles'!$G$22=$B$10,7,0)+IF('Standard Profiles'!$G$22=$B$17,14,0)+IF('Standard Profiles'!$G$22=$B$24,21,0),MOD($C7078,24)+1)/SUM(INDEX($D$3:$AA$30,INDEX(Jesper!$R$2:$R$366,ROW(INDEX(Jesper!AL$2:AL$366,ROUNDDOWN($C7078/24,0)+1,1))-1)+IF('Standard Profiles'!$G$22=$B$10,7,0)+IF('Standard Profiles'!$G$22=$B$17,14,0)+IF('Standard Profiles'!$G$22=$B$24,21,0),0)),0)</f>
        <v>0</v>
      </c>
      <c r="I7078">
        <f t="shared" si="790"/>
        <v>0.28497255631895618</v>
      </c>
      <c r="J7078">
        <f t="shared" si="791"/>
        <v>0.94990852106318746</v>
      </c>
      <c r="K7078">
        <f t="shared" si="792"/>
        <v>1.4248627815947812</v>
      </c>
      <c r="L7078">
        <f t="shared" si="793"/>
        <v>14.771941628103393</v>
      </c>
      <c r="M7078">
        <f t="shared" si="794"/>
        <v>0</v>
      </c>
      <c r="N7078" s="46">
        <f t="shared" si="795"/>
        <v>45585.499999982916</v>
      </c>
    </row>
    <row r="7079" spans="2:14" x14ac:dyDescent="0.3">
      <c r="B7079">
        <f t="shared" si="789"/>
        <v>7</v>
      </c>
      <c r="C7079" s="16">
        <v>7045</v>
      </c>
      <c r="D7079" cm="1">
        <f t="array" ref="D7079">IFERROR(INDEX(Jesper!AH$2:AH$366,ROUNDDOWN($C7079/24,0)+1,1)*INDEX($D$3:$AA$30,INDEX(Jesper!$R$2:$R$366,ROW(INDEX(Jesper!AH$2:AH$366,ROUNDDOWN($C7079/24,0)+1,1))-1)+IF('Standard Profiles'!$G$18=$B$10,7,0)+IF('Standard Profiles'!$G$18=$B$17,14,0)+IF('Standard Profiles'!$G$18=$B$24,21,0),MOD($C7079,24)+1)/SUM(INDEX($D$3:$AA$30,INDEX(Jesper!$R$2:$R$366,ROW(INDEX(Jesper!AH$2:AH$366,ROUNDDOWN($C7079/24,0)+1,1))-1)+IF('Standard Profiles'!$G$18=$B$10,7,0)+IF('Standard Profiles'!$G$18=$B$17,14,0)+IF('Standard Profiles'!$G$18=$B$24,21,0),0)),0)</f>
        <v>14.268490111939904</v>
      </c>
      <c r="E7079" cm="1">
        <f t="array" ref="E7079">IFERROR(INDEX(Jesper!AI$2:AI$366,ROUNDDOWN($C7079/24,0)+1,1)*INDEX($D$3:$AA$30,INDEX(Jesper!$R$2:$R$366,ROW(INDEX(Jesper!AI$2:AI$366,ROUNDDOWN($C7079/24,0)+1,1))-1)+IF('Standard Profiles'!$G$19=$B$10,7,0)+IF('Standard Profiles'!$G$19=$B$17,14,0)+IF('Standard Profiles'!$G$19=$B$24,21,0),MOD($C7079,24)+1)/SUM(INDEX($D$3:$AA$30,INDEX(Jesper!$R$2:$R$366,ROW(INDEX(Jesper!AI$2:AI$366,ROUNDDOWN($C7079/24,0)+1,1))-1)+IF('Standard Profiles'!$G$19=$B$10,7,0)+IF('Standard Profiles'!$G$19=$B$17,14,0)+IF('Standard Profiles'!$G$19=$B$24,21,0),0)),0)</f>
        <v>3.1631953751404129</v>
      </c>
      <c r="F7079" cm="1">
        <f t="array" ref="F7079">IFERROR(INDEX(Jesper!AJ$2:AJ$366,ROUNDDOWN($C7079/24,0)+1,1)*INDEX($D$3:$AA$30,INDEX(Jesper!$R$2:$R$366,ROW(INDEX(Jesper!AJ$2:AJ$366,ROUNDDOWN($C7079/24,0)+1,1))-1)+IF('Standard Profiles'!$G$20=$B$10,7,0)+IF('Standard Profiles'!$G$20=$B$17,14,0)+IF('Standard Profiles'!$G$20=$B$24,21,0),MOD($C7079,24)+1)/SUM(INDEX($D$3:$AA$30,INDEX(Jesper!$R$2:$R$366,ROW(INDEX(Jesper!AJ$2:AJ$366,ROUNDDOWN($C7079/24,0)+1,1))-1)+IF('Standard Profiles'!$G$20=$B$10,7,0)+IF('Standard Profiles'!$G$20=$B$17,14,0)+IF('Standard Profiles'!$G$20=$B$24,21,0),0)),0)</f>
        <v>0</v>
      </c>
      <c r="G7079" cm="1">
        <f t="array" ref="G7079">IFERROR(INDEX(Jesper!AK$2:AK$366,ROUNDDOWN($C7079/24,0)+1,1)*INDEX($D$3:$AA$30,INDEX(Jesper!$R$2:$R$366,ROW(INDEX(Jesper!AK$2:AK$366,ROUNDDOWN($C7079/24,0)+1,1))-1)+IF('Standard Profiles'!$G$21=$B$10,7,0)+IF('Standard Profiles'!$G$21=$B$17,14,0)+IF('Standard Profiles'!$G$21=$B$24,21,0),MOD($C7079,24)+1)/SUM(INDEX($D$3:$AA$30,INDEX(Jesper!$R$2:$R$366,ROW(INDEX(Jesper!AK$2:AK$366,ROUNDDOWN($C7079/24,0)+1,1))-1)+IF('Standard Profiles'!$G$21=$B$10,7,0)+IF('Standard Profiles'!$G$21=$B$17,14,0)+IF('Standard Profiles'!$G$21=$B$24,21,0),0)),0)</f>
        <v>0</v>
      </c>
      <c r="H7079" cm="1">
        <f t="array" ref="H7079">IFERROR(INDEX(Jesper!AL$2:AL$366,ROUNDDOWN($C7079/24,0)+1,1)*INDEX($D$3:$AA$30,INDEX(Jesper!$R$2:$R$366,ROW(INDEX(Jesper!AL$2:AL$366,ROUNDDOWN($C7079/24,0)+1,1))-1)+IF('Standard Profiles'!$G$22=$B$10,7,0)+IF('Standard Profiles'!$G$22=$B$17,14,0)+IF('Standard Profiles'!$G$22=$B$24,21,0),MOD($C7079,24)+1)/SUM(INDEX($D$3:$AA$30,INDEX(Jesper!$R$2:$R$366,ROW(INDEX(Jesper!AL$2:AL$366,ROUNDDOWN($C7079/24,0)+1,1))-1)+IF('Standard Profiles'!$G$22=$B$10,7,0)+IF('Standard Profiles'!$G$22=$B$17,14,0)+IF('Standard Profiles'!$G$22=$B$24,21,0),0)),0)</f>
        <v>0</v>
      </c>
      <c r="I7079">
        <f t="shared" si="790"/>
        <v>0.28497255631895618</v>
      </c>
      <c r="J7079">
        <f t="shared" si="791"/>
        <v>0.94990852106318746</v>
      </c>
      <c r="K7079">
        <f t="shared" si="792"/>
        <v>1.4248627815947812</v>
      </c>
      <c r="L7079">
        <f t="shared" si="793"/>
        <v>14.771941628103393</v>
      </c>
      <c r="M7079">
        <f t="shared" si="794"/>
        <v>0</v>
      </c>
      <c r="N7079" s="46">
        <f t="shared" si="795"/>
        <v>45585.54166664958</v>
      </c>
    </row>
    <row r="7080" spans="2:14" x14ac:dyDescent="0.3">
      <c r="B7080">
        <f t="shared" si="789"/>
        <v>7</v>
      </c>
      <c r="C7080" s="16">
        <v>7046</v>
      </c>
      <c r="D7080" cm="1">
        <f t="array" ref="D7080">IFERROR(INDEX(Jesper!AH$2:AH$366,ROUNDDOWN($C7080/24,0)+1,1)*INDEX($D$3:$AA$30,INDEX(Jesper!$R$2:$R$366,ROW(INDEX(Jesper!AH$2:AH$366,ROUNDDOWN($C7080/24,0)+1,1))-1)+IF('Standard Profiles'!$G$18=$B$10,7,0)+IF('Standard Profiles'!$G$18=$B$17,14,0)+IF('Standard Profiles'!$G$18=$B$24,21,0),MOD($C7080,24)+1)/SUM(INDEX($D$3:$AA$30,INDEX(Jesper!$R$2:$R$366,ROW(INDEX(Jesper!AH$2:AH$366,ROUNDDOWN($C7080/24,0)+1,1))-1)+IF('Standard Profiles'!$G$18=$B$10,7,0)+IF('Standard Profiles'!$G$18=$B$17,14,0)+IF('Standard Profiles'!$G$18=$B$24,21,0),0)),0)</f>
        <v>14.268490111939904</v>
      </c>
      <c r="E7080" cm="1">
        <f t="array" ref="E7080">IFERROR(INDEX(Jesper!AI$2:AI$366,ROUNDDOWN($C7080/24,0)+1,1)*INDEX($D$3:$AA$30,INDEX(Jesper!$R$2:$R$366,ROW(INDEX(Jesper!AI$2:AI$366,ROUNDDOWN($C7080/24,0)+1,1))-1)+IF('Standard Profiles'!$G$19=$B$10,7,0)+IF('Standard Profiles'!$G$19=$B$17,14,0)+IF('Standard Profiles'!$G$19=$B$24,21,0),MOD($C7080,24)+1)/SUM(INDEX($D$3:$AA$30,INDEX(Jesper!$R$2:$R$366,ROW(INDEX(Jesper!AI$2:AI$366,ROUNDDOWN($C7080/24,0)+1,1))-1)+IF('Standard Profiles'!$G$19=$B$10,7,0)+IF('Standard Profiles'!$G$19=$B$17,14,0)+IF('Standard Profiles'!$G$19=$B$24,21,0),0)),0)</f>
        <v>3.1631953751404129</v>
      </c>
      <c r="F7080" cm="1">
        <f t="array" ref="F7080">IFERROR(INDEX(Jesper!AJ$2:AJ$366,ROUNDDOWN($C7080/24,0)+1,1)*INDEX($D$3:$AA$30,INDEX(Jesper!$R$2:$R$366,ROW(INDEX(Jesper!AJ$2:AJ$366,ROUNDDOWN($C7080/24,0)+1,1))-1)+IF('Standard Profiles'!$G$20=$B$10,7,0)+IF('Standard Profiles'!$G$20=$B$17,14,0)+IF('Standard Profiles'!$G$20=$B$24,21,0),MOD($C7080,24)+1)/SUM(INDEX($D$3:$AA$30,INDEX(Jesper!$R$2:$R$366,ROW(INDEX(Jesper!AJ$2:AJ$366,ROUNDDOWN($C7080/24,0)+1,1))-1)+IF('Standard Profiles'!$G$20=$B$10,7,0)+IF('Standard Profiles'!$G$20=$B$17,14,0)+IF('Standard Profiles'!$G$20=$B$24,21,0),0)),0)</f>
        <v>0</v>
      </c>
      <c r="G7080" cm="1">
        <f t="array" ref="G7080">IFERROR(INDEX(Jesper!AK$2:AK$366,ROUNDDOWN($C7080/24,0)+1,1)*INDEX($D$3:$AA$30,INDEX(Jesper!$R$2:$R$366,ROW(INDEX(Jesper!AK$2:AK$366,ROUNDDOWN($C7080/24,0)+1,1))-1)+IF('Standard Profiles'!$G$21=$B$10,7,0)+IF('Standard Profiles'!$G$21=$B$17,14,0)+IF('Standard Profiles'!$G$21=$B$24,21,0),MOD($C7080,24)+1)/SUM(INDEX($D$3:$AA$30,INDEX(Jesper!$R$2:$R$366,ROW(INDEX(Jesper!AK$2:AK$366,ROUNDDOWN($C7080/24,0)+1,1))-1)+IF('Standard Profiles'!$G$21=$B$10,7,0)+IF('Standard Profiles'!$G$21=$B$17,14,0)+IF('Standard Profiles'!$G$21=$B$24,21,0),0)),0)</f>
        <v>0</v>
      </c>
      <c r="H7080" cm="1">
        <f t="array" ref="H7080">IFERROR(INDEX(Jesper!AL$2:AL$366,ROUNDDOWN($C7080/24,0)+1,1)*INDEX($D$3:$AA$30,INDEX(Jesper!$R$2:$R$366,ROW(INDEX(Jesper!AL$2:AL$366,ROUNDDOWN($C7080/24,0)+1,1))-1)+IF('Standard Profiles'!$G$22=$B$10,7,0)+IF('Standard Profiles'!$G$22=$B$17,14,0)+IF('Standard Profiles'!$G$22=$B$24,21,0),MOD($C7080,24)+1)/SUM(INDEX($D$3:$AA$30,INDEX(Jesper!$R$2:$R$366,ROW(INDEX(Jesper!AL$2:AL$366,ROUNDDOWN($C7080/24,0)+1,1))-1)+IF('Standard Profiles'!$G$22=$B$10,7,0)+IF('Standard Profiles'!$G$22=$B$17,14,0)+IF('Standard Profiles'!$G$22=$B$24,21,0),0)),0)</f>
        <v>0</v>
      </c>
      <c r="I7080">
        <f t="shared" si="790"/>
        <v>0.28497255631895618</v>
      </c>
      <c r="J7080">
        <f t="shared" si="791"/>
        <v>0.94990852106318746</v>
      </c>
      <c r="K7080">
        <f t="shared" si="792"/>
        <v>1.4248627815947812</v>
      </c>
      <c r="L7080">
        <f t="shared" si="793"/>
        <v>14.771941628103393</v>
      </c>
      <c r="M7080">
        <f t="shared" si="794"/>
        <v>0</v>
      </c>
      <c r="N7080" s="46">
        <f t="shared" si="795"/>
        <v>45585.583333316245</v>
      </c>
    </row>
    <row r="7081" spans="2:14" x14ac:dyDescent="0.3">
      <c r="B7081">
        <f t="shared" si="789"/>
        <v>7</v>
      </c>
      <c r="C7081" s="16">
        <v>7047</v>
      </c>
      <c r="D7081" cm="1">
        <f t="array" ref="D7081">IFERROR(INDEX(Jesper!AH$2:AH$366,ROUNDDOWN($C7081/24,0)+1,1)*INDEX($D$3:$AA$30,INDEX(Jesper!$R$2:$R$366,ROW(INDEX(Jesper!AH$2:AH$366,ROUNDDOWN($C7081/24,0)+1,1))-1)+IF('Standard Profiles'!$G$18=$B$10,7,0)+IF('Standard Profiles'!$G$18=$B$17,14,0)+IF('Standard Profiles'!$G$18=$B$24,21,0),MOD($C7081,24)+1)/SUM(INDEX($D$3:$AA$30,INDEX(Jesper!$R$2:$R$366,ROW(INDEX(Jesper!AH$2:AH$366,ROUNDDOWN($C7081/24,0)+1,1))-1)+IF('Standard Profiles'!$G$18=$B$10,7,0)+IF('Standard Profiles'!$G$18=$B$17,14,0)+IF('Standard Profiles'!$G$18=$B$24,21,0),0)),0)</f>
        <v>12.683102321724359</v>
      </c>
      <c r="E7081" cm="1">
        <f t="array" ref="E7081">IFERROR(INDEX(Jesper!AI$2:AI$366,ROUNDDOWN($C7081/24,0)+1,1)*INDEX($D$3:$AA$30,INDEX(Jesper!$R$2:$R$366,ROW(INDEX(Jesper!AI$2:AI$366,ROUNDDOWN($C7081/24,0)+1,1))-1)+IF('Standard Profiles'!$G$19=$B$10,7,0)+IF('Standard Profiles'!$G$19=$B$17,14,0)+IF('Standard Profiles'!$G$19=$B$24,21,0),MOD($C7081,24)+1)/SUM(INDEX($D$3:$AA$30,INDEX(Jesper!$R$2:$R$366,ROW(INDEX(Jesper!AI$2:AI$366,ROUNDDOWN($C7081/24,0)+1,1))-1)+IF('Standard Profiles'!$G$19=$B$10,7,0)+IF('Standard Profiles'!$G$19=$B$17,14,0)+IF('Standard Profiles'!$G$19=$B$24,21,0),0)),0)</f>
        <v>2.8117292223470338</v>
      </c>
      <c r="F7081" cm="1">
        <f t="array" ref="F7081">IFERROR(INDEX(Jesper!AJ$2:AJ$366,ROUNDDOWN($C7081/24,0)+1,1)*INDEX($D$3:$AA$30,INDEX(Jesper!$R$2:$R$366,ROW(INDEX(Jesper!AJ$2:AJ$366,ROUNDDOWN($C7081/24,0)+1,1))-1)+IF('Standard Profiles'!$G$20=$B$10,7,0)+IF('Standard Profiles'!$G$20=$B$17,14,0)+IF('Standard Profiles'!$G$20=$B$24,21,0),MOD($C7081,24)+1)/SUM(INDEX($D$3:$AA$30,INDEX(Jesper!$R$2:$R$366,ROW(INDEX(Jesper!AJ$2:AJ$366,ROUNDDOWN($C7081/24,0)+1,1))-1)+IF('Standard Profiles'!$G$20=$B$10,7,0)+IF('Standard Profiles'!$G$20=$B$17,14,0)+IF('Standard Profiles'!$G$20=$B$24,21,0),0)),0)</f>
        <v>0</v>
      </c>
      <c r="G7081" cm="1">
        <f t="array" ref="G7081">IFERROR(INDEX(Jesper!AK$2:AK$366,ROUNDDOWN($C7081/24,0)+1,1)*INDEX($D$3:$AA$30,INDEX(Jesper!$R$2:$R$366,ROW(INDEX(Jesper!AK$2:AK$366,ROUNDDOWN($C7081/24,0)+1,1))-1)+IF('Standard Profiles'!$G$21=$B$10,7,0)+IF('Standard Profiles'!$G$21=$B$17,14,0)+IF('Standard Profiles'!$G$21=$B$24,21,0),MOD($C7081,24)+1)/SUM(INDEX($D$3:$AA$30,INDEX(Jesper!$R$2:$R$366,ROW(INDEX(Jesper!AK$2:AK$366,ROUNDDOWN($C7081/24,0)+1,1))-1)+IF('Standard Profiles'!$G$21=$B$10,7,0)+IF('Standard Profiles'!$G$21=$B$17,14,0)+IF('Standard Profiles'!$G$21=$B$24,21,0),0)),0)</f>
        <v>0</v>
      </c>
      <c r="H7081" cm="1">
        <f t="array" ref="H7081">IFERROR(INDEX(Jesper!AL$2:AL$366,ROUNDDOWN($C7081/24,0)+1,1)*INDEX($D$3:$AA$30,INDEX(Jesper!$R$2:$R$366,ROW(INDEX(Jesper!AL$2:AL$366,ROUNDDOWN($C7081/24,0)+1,1))-1)+IF('Standard Profiles'!$G$22=$B$10,7,0)+IF('Standard Profiles'!$G$22=$B$17,14,0)+IF('Standard Profiles'!$G$22=$B$24,21,0),MOD($C7081,24)+1)/SUM(INDEX($D$3:$AA$30,INDEX(Jesper!$R$2:$R$366,ROW(INDEX(Jesper!AL$2:AL$366,ROUNDDOWN($C7081/24,0)+1,1))-1)+IF('Standard Profiles'!$G$22=$B$10,7,0)+IF('Standard Profiles'!$G$22=$B$17,14,0)+IF('Standard Profiles'!$G$22=$B$24,21,0),0)),0)</f>
        <v>0</v>
      </c>
      <c r="I7081">
        <f t="shared" si="790"/>
        <v>0.2533089389501833</v>
      </c>
      <c r="J7081">
        <f t="shared" si="791"/>
        <v>0.84436312983394446</v>
      </c>
      <c r="K7081">
        <f t="shared" si="792"/>
        <v>1.2665446947509167</v>
      </c>
      <c r="L7081">
        <f t="shared" si="793"/>
        <v>13.130614780536348</v>
      </c>
      <c r="M7081">
        <f t="shared" si="794"/>
        <v>0</v>
      </c>
      <c r="N7081" s="46">
        <f t="shared" si="795"/>
        <v>45585.624999982909</v>
      </c>
    </row>
    <row r="7082" spans="2:14" x14ac:dyDescent="0.3">
      <c r="B7082">
        <f t="shared" si="789"/>
        <v>7</v>
      </c>
      <c r="C7082" s="16">
        <v>7048</v>
      </c>
      <c r="D7082" cm="1">
        <f t="array" ref="D7082">IFERROR(INDEX(Jesper!AH$2:AH$366,ROUNDDOWN($C7082/24,0)+1,1)*INDEX($D$3:$AA$30,INDEX(Jesper!$R$2:$R$366,ROW(INDEX(Jesper!AH$2:AH$366,ROUNDDOWN($C7082/24,0)+1,1))-1)+IF('Standard Profiles'!$G$18=$B$10,7,0)+IF('Standard Profiles'!$G$18=$B$17,14,0)+IF('Standard Profiles'!$G$18=$B$24,21,0),MOD($C7082,24)+1)/SUM(INDEX($D$3:$AA$30,INDEX(Jesper!$R$2:$R$366,ROW(INDEX(Jesper!AH$2:AH$366,ROUNDDOWN($C7082/24,0)+1,1))-1)+IF('Standard Profiles'!$G$18=$B$10,7,0)+IF('Standard Profiles'!$G$18=$B$17,14,0)+IF('Standard Profiles'!$G$18=$B$24,21,0),0)),0)</f>
        <v>12.456618351693567</v>
      </c>
      <c r="E7082" cm="1">
        <f t="array" ref="E7082">IFERROR(INDEX(Jesper!AI$2:AI$366,ROUNDDOWN($C7082/24,0)+1,1)*INDEX($D$3:$AA$30,INDEX(Jesper!$R$2:$R$366,ROW(INDEX(Jesper!AI$2:AI$366,ROUNDDOWN($C7082/24,0)+1,1))-1)+IF('Standard Profiles'!$G$19=$B$10,7,0)+IF('Standard Profiles'!$G$19=$B$17,14,0)+IF('Standard Profiles'!$G$19=$B$24,21,0),MOD($C7082,24)+1)/SUM(INDEX($D$3:$AA$30,INDEX(Jesper!$R$2:$R$366,ROW(INDEX(Jesper!AI$2:AI$366,ROUNDDOWN($C7082/24,0)+1,1))-1)+IF('Standard Profiles'!$G$19=$B$10,7,0)+IF('Standard Profiles'!$G$19=$B$17,14,0)+IF('Standard Profiles'!$G$19=$B$24,21,0),0)),0)</f>
        <v>2.7615197719479792</v>
      </c>
      <c r="F7082" cm="1">
        <f t="array" ref="F7082">IFERROR(INDEX(Jesper!AJ$2:AJ$366,ROUNDDOWN($C7082/24,0)+1,1)*INDEX($D$3:$AA$30,INDEX(Jesper!$R$2:$R$366,ROW(INDEX(Jesper!AJ$2:AJ$366,ROUNDDOWN($C7082/24,0)+1,1))-1)+IF('Standard Profiles'!$G$20=$B$10,7,0)+IF('Standard Profiles'!$G$20=$B$17,14,0)+IF('Standard Profiles'!$G$20=$B$24,21,0),MOD($C7082,24)+1)/SUM(INDEX($D$3:$AA$30,INDEX(Jesper!$R$2:$R$366,ROW(INDEX(Jesper!AJ$2:AJ$366,ROUNDDOWN($C7082/24,0)+1,1))-1)+IF('Standard Profiles'!$G$20=$B$10,7,0)+IF('Standard Profiles'!$G$20=$B$17,14,0)+IF('Standard Profiles'!$G$20=$B$24,21,0),0)),0)</f>
        <v>0</v>
      </c>
      <c r="G7082" cm="1">
        <f t="array" ref="G7082">IFERROR(INDEX(Jesper!AK$2:AK$366,ROUNDDOWN($C7082/24,0)+1,1)*INDEX($D$3:$AA$30,INDEX(Jesper!$R$2:$R$366,ROW(INDEX(Jesper!AK$2:AK$366,ROUNDDOWN($C7082/24,0)+1,1))-1)+IF('Standard Profiles'!$G$21=$B$10,7,0)+IF('Standard Profiles'!$G$21=$B$17,14,0)+IF('Standard Profiles'!$G$21=$B$24,21,0),MOD($C7082,24)+1)/SUM(INDEX($D$3:$AA$30,INDEX(Jesper!$R$2:$R$366,ROW(INDEX(Jesper!AK$2:AK$366,ROUNDDOWN($C7082/24,0)+1,1))-1)+IF('Standard Profiles'!$G$21=$B$10,7,0)+IF('Standard Profiles'!$G$21=$B$17,14,0)+IF('Standard Profiles'!$G$21=$B$24,21,0),0)),0)</f>
        <v>0</v>
      </c>
      <c r="H7082" cm="1">
        <f t="array" ref="H7082">IFERROR(INDEX(Jesper!AL$2:AL$366,ROUNDDOWN($C7082/24,0)+1,1)*INDEX($D$3:$AA$30,INDEX(Jesper!$R$2:$R$366,ROW(INDEX(Jesper!AL$2:AL$366,ROUNDDOWN($C7082/24,0)+1,1))-1)+IF('Standard Profiles'!$G$22=$B$10,7,0)+IF('Standard Profiles'!$G$22=$B$17,14,0)+IF('Standard Profiles'!$G$22=$B$24,21,0),MOD($C7082,24)+1)/SUM(INDEX($D$3:$AA$30,INDEX(Jesper!$R$2:$R$366,ROW(INDEX(Jesper!AL$2:AL$366,ROUNDDOWN($C7082/24,0)+1,1))-1)+IF('Standard Profiles'!$G$22=$B$10,7,0)+IF('Standard Profiles'!$G$22=$B$17,14,0)+IF('Standard Profiles'!$G$22=$B$24,21,0),0)),0)</f>
        <v>0</v>
      </c>
      <c r="I7082">
        <f t="shared" si="790"/>
        <v>0.24878556504035854</v>
      </c>
      <c r="J7082">
        <f t="shared" si="791"/>
        <v>0.82928521680119527</v>
      </c>
      <c r="K7082">
        <f t="shared" si="792"/>
        <v>1.2439278252017929</v>
      </c>
      <c r="L7082">
        <f t="shared" si="793"/>
        <v>12.8961395165982</v>
      </c>
      <c r="M7082">
        <f t="shared" si="794"/>
        <v>0</v>
      </c>
      <c r="N7082" s="46">
        <f t="shared" si="795"/>
        <v>45585.666666649573</v>
      </c>
    </row>
    <row r="7083" spans="2:14" x14ac:dyDescent="0.3">
      <c r="B7083">
        <f t="shared" si="789"/>
        <v>7</v>
      </c>
      <c r="C7083" s="16">
        <v>7049</v>
      </c>
      <c r="D7083" cm="1">
        <f t="array" ref="D7083">IFERROR(INDEX(Jesper!AH$2:AH$366,ROUNDDOWN($C7083/24,0)+1,1)*INDEX($D$3:$AA$30,INDEX(Jesper!$R$2:$R$366,ROW(INDEX(Jesper!AH$2:AH$366,ROUNDDOWN($C7083/24,0)+1,1))-1)+IF('Standard Profiles'!$G$18=$B$10,7,0)+IF('Standard Profiles'!$G$18=$B$17,14,0)+IF('Standard Profiles'!$G$18=$B$24,21,0),MOD($C7083,24)+1)/SUM(INDEX($D$3:$AA$30,INDEX(Jesper!$R$2:$R$366,ROW(INDEX(Jesper!AH$2:AH$366,ROUNDDOWN($C7083/24,0)+1,1))-1)+IF('Standard Profiles'!$G$18=$B$10,7,0)+IF('Standard Profiles'!$G$18=$B$17,14,0)+IF('Standard Profiles'!$G$18=$B$24,21,0),0)),0)</f>
        <v>10.644746591447232</v>
      </c>
      <c r="E7083" cm="1">
        <f t="array" ref="E7083">IFERROR(INDEX(Jesper!AI$2:AI$366,ROUNDDOWN($C7083/24,0)+1,1)*INDEX($D$3:$AA$30,INDEX(Jesper!$R$2:$R$366,ROW(INDEX(Jesper!AI$2:AI$366,ROUNDDOWN($C7083/24,0)+1,1))-1)+IF('Standard Profiles'!$G$19=$B$10,7,0)+IF('Standard Profiles'!$G$19=$B$17,14,0)+IF('Standard Profiles'!$G$19=$B$24,21,0),MOD($C7083,24)+1)/SUM(INDEX($D$3:$AA$30,INDEX(Jesper!$R$2:$R$366,ROW(INDEX(Jesper!AI$2:AI$366,ROUNDDOWN($C7083/24,0)+1,1))-1)+IF('Standard Profiles'!$G$19=$B$10,7,0)+IF('Standard Profiles'!$G$19=$B$17,14,0)+IF('Standard Profiles'!$G$19=$B$24,21,0),0)),0)</f>
        <v>2.3598441687555458</v>
      </c>
      <c r="F7083" cm="1">
        <f t="array" ref="F7083">IFERROR(INDEX(Jesper!AJ$2:AJ$366,ROUNDDOWN($C7083/24,0)+1,1)*INDEX($D$3:$AA$30,INDEX(Jesper!$R$2:$R$366,ROW(INDEX(Jesper!AJ$2:AJ$366,ROUNDDOWN($C7083/24,0)+1,1))-1)+IF('Standard Profiles'!$G$20=$B$10,7,0)+IF('Standard Profiles'!$G$20=$B$17,14,0)+IF('Standard Profiles'!$G$20=$B$24,21,0),MOD($C7083,24)+1)/SUM(INDEX($D$3:$AA$30,INDEX(Jesper!$R$2:$R$366,ROW(INDEX(Jesper!AJ$2:AJ$366,ROUNDDOWN($C7083/24,0)+1,1))-1)+IF('Standard Profiles'!$G$20=$B$10,7,0)+IF('Standard Profiles'!$G$20=$B$17,14,0)+IF('Standard Profiles'!$G$20=$B$24,21,0),0)),0)</f>
        <v>0</v>
      </c>
      <c r="G7083" cm="1">
        <f t="array" ref="G7083">IFERROR(INDEX(Jesper!AK$2:AK$366,ROUNDDOWN($C7083/24,0)+1,1)*INDEX($D$3:$AA$30,INDEX(Jesper!$R$2:$R$366,ROW(INDEX(Jesper!AK$2:AK$366,ROUNDDOWN($C7083/24,0)+1,1))-1)+IF('Standard Profiles'!$G$21=$B$10,7,0)+IF('Standard Profiles'!$G$21=$B$17,14,0)+IF('Standard Profiles'!$G$21=$B$24,21,0),MOD($C7083,24)+1)/SUM(INDEX($D$3:$AA$30,INDEX(Jesper!$R$2:$R$366,ROW(INDEX(Jesper!AK$2:AK$366,ROUNDDOWN($C7083/24,0)+1,1))-1)+IF('Standard Profiles'!$G$21=$B$10,7,0)+IF('Standard Profiles'!$G$21=$B$17,14,0)+IF('Standard Profiles'!$G$21=$B$24,21,0),0)),0)</f>
        <v>0</v>
      </c>
      <c r="H7083" cm="1">
        <f t="array" ref="H7083">IFERROR(INDEX(Jesper!AL$2:AL$366,ROUNDDOWN($C7083/24,0)+1,1)*INDEX($D$3:$AA$30,INDEX(Jesper!$R$2:$R$366,ROW(INDEX(Jesper!AL$2:AL$366,ROUNDDOWN($C7083/24,0)+1,1))-1)+IF('Standard Profiles'!$G$22=$B$10,7,0)+IF('Standard Profiles'!$G$22=$B$17,14,0)+IF('Standard Profiles'!$G$22=$B$24,21,0),MOD($C7083,24)+1)/SUM(INDEX($D$3:$AA$30,INDEX(Jesper!$R$2:$R$366,ROW(INDEX(Jesper!AL$2:AL$366,ROUNDDOWN($C7083/24,0)+1,1))-1)+IF('Standard Profiles'!$G$22=$B$10,7,0)+IF('Standard Profiles'!$G$22=$B$17,14,0)+IF('Standard Profiles'!$G$22=$B$24,21,0),0)),0)</f>
        <v>0</v>
      </c>
      <c r="I7083">
        <f t="shared" si="790"/>
        <v>0.21259857376176095</v>
      </c>
      <c r="J7083">
        <f t="shared" si="791"/>
        <v>0.70866191253920319</v>
      </c>
      <c r="K7083">
        <f t="shared" si="792"/>
        <v>1.0629928688088048</v>
      </c>
      <c r="L7083">
        <f t="shared" si="793"/>
        <v>11.020337405093009</v>
      </c>
      <c r="M7083">
        <f t="shared" si="794"/>
        <v>0</v>
      </c>
      <c r="N7083" s="46">
        <f t="shared" si="795"/>
        <v>45585.708333316237</v>
      </c>
    </row>
    <row r="7084" spans="2:14" x14ac:dyDescent="0.3">
      <c r="B7084">
        <f t="shared" si="789"/>
        <v>7</v>
      </c>
      <c r="C7084" s="16">
        <v>7050</v>
      </c>
      <c r="D7084" cm="1">
        <f t="array" ref="D7084">IFERROR(INDEX(Jesper!AH$2:AH$366,ROUNDDOWN($C7084/24,0)+1,1)*INDEX($D$3:$AA$30,INDEX(Jesper!$R$2:$R$366,ROW(INDEX(Jesper!AH$2:AH$366,ROUNDDOWN($C7084/24,0)+1,1))-1)+IF('Standard Profiles'!$G$18=$B$10,7,0)+IF('Standard Profiles'!$G$18=$B$17,14,0)+IF('Standard Profiles'!$G$18=$B$24,21,0),MOD($C7084,24)+1)/SUM(INDEX($D$3:$AA$30,INDEX(Jesper!$R$2:$R$366,ROW(INDEX(Jesper!AH$2:AH$366,ROUNDDOWN($C7084/24,0)+1,1))-1)+IF('Standard Profiles'!$G$18=$B$10,7,0)+IF('Standard Profiles'!$G$18=$B$17,14,0)+IF('Standard Profiles'!$G$18=$B$24,21,0),0)),0)</f>
        <v>9.9652946813548553</v>
      </c>
      <c r="E7084" cm="1">
        <f t="array" ref="E7084">IFERROR(INDEX(Jesper!AI$2:AI$366,ROUNDDOWN($C7084/24,0)+1,1)*INDEX($D$3:$AA$30,INDEX(Jesper!$R$2:$R$366,ROW(INDEX(Jesper!AI$2:AI$366,ROUNDDOWN($C7084/24,0)+1,1))-1)+IF('Standard Profiles'!$G$19=$B$10,7,0)+IF('Standard Profiles'!$G$19=$B$17,14,0)+IF('Standard Profiles'!$G$19=$B$24,21,0),MOD($C7084,24)+1)/SUM(INDEX($D$3:$AA$30,INDEX(Jesper!$R$2:$R$366,ROW(INDEX(Jesper!AI$2:AI$366,ROUNDDOWN($C7084/24,0)+1,1))-1)+IF('Standard Profiles'!$G$19=$B$10,7,0)+IF('Standard Profiles'!$G$19=$B$17,14,0)+IF('Standard Profiles'!$G$19=$B$24,21,0),0)),0)</f>
        <v>2.2092158175583836</v>
      </c>
      <c r="F7084" cm="1">
        <f t="array" ref="F7084">IFERROR(INDEX(Jesper!AJ$2:AJ$366,ROUNDDOWN($C7084/24,0)+1,1)*INDEX($D$3:$AA$30,INDEX(Jesper!$R$2:$R$366,ROW(INDEX(Jesper!AJ$2:AJ$366,ROUNDDOWN($C7084/24,0)+1,1))-1)+IF('Standard Profiles'!$G$20=$B$10,7,0)+IF('Standard Profiles'!$G$20=$B$17,14,0)+IF('Standard Profiles'!$G$20=$B$24,21,0),MOD($C7084,24)+1)/SUM(INDEX($D$3:$AA$30,INDEX(Jesper!$R$2:$R$366,ROW(INDEX(Jesper!AJ$2:AJ$366,ROUNDDOWN($C7084/24,0)+1,1))-1)+IF('Standard Profiles'!$G$20=$B$10,7,0)+IF('Standard Profiles'!$G$20=$B$17,14,0)+IF('Standard Profiles'!$G$20=$B$24,21,0),0)),0)</f>
        <v>0</v>
      </c>
      <c r="G7084" cm="1">
        <f t="array" ref="G7084">IFERROR(INDEX(Jesper!AK$2:AK$366,ROUNDDOWN($C7084/24,0)+1,1)*INDEX($D$3:$AA$30,INDEX(Jesper!$R$2:$R$366,ROW(INDEX(Jesper!AK$2:AK$366,ROUNDDOWN($C7084/24,0)+1,1))-1)+IF('Standard Profiles'!$G$21=$B$10,7,0)+IF('Standard Profiles'!$G$21=$B$17,14,0)+IF('Standard Profiles'!$G$21=$B$24,21,0),MOD($C7084,24)+1)/SUM(INDEX($D$3:$AA$30,INDEX(Jesper!$R$2:$R$366,ROW(INDEX(Jesper!AK$2:AK$366,ROUNDDOWN($C7084/24,0)+1,1))-1)+IF('Standard Profiles'!$G$21=$B$10,7,0)+IF('Standard Profiles'!$G$21=$B$17,14,0)+IF('Standard Profiles'!$G$21=$B$24,21,0),0)),0)</f>
        <v>0</v>
      </c>
      <c r="H7084" cm="1">
        <f t="array" ref="H7084">IFERROR(INDEX(Jesper!AL$2:AL$366,ROUNDDOWN($C7084/24,0)+1,1)*INDEX($D$3:$AA$30,INDEX(Jesper!$R$2:$R$366,ROW(INDEX(Jesper!AL$2:AL$366,ROUNDDOWN($C7084/24,0)+1,1))-1)+IF('Standard Profiles'!$G$22=$B$10,7,0)+IF('Standard Profiles'!$G$22=$B$17,14,0)+IF('Standard Profiles'!$G$22=$B$24,21,0),MOD($C7084,24)+1)/SUM(INDEX($D$3:$AA$30,INDEX(Jesper!$R$2:$R$366,ROW(INDEX(Jesper!AL$2:AL$366,ROUNDDOWN($C7084/24,0)+1,1))-1)+IF('Standard Profiles'!$G$22=$B$10,7,0)+IF('Standard Profiles'!$G$22=$B$17,14,0)+IF('Standard Profiles'!$G$22=$B$24,21,0),0)),0)</f>
        <v>0</v>
      </c>
      <c r="I7084">
        <f t="shared" si="790"/>
        <v>0.19902845203228686</v>
      </c>
      <c r="J7084">
        <f t="shared" si="791"/>
        <v>0.66342817344095628</v>
      </c>
      <c r="K7084">
        <f t="shared" si="792"/>
        <v>0.99514226016143448</v>
      </c>
      <c r="L7084">
        <f t="shared" si="793"/>
        <v>10.316911613278561</v>
      </c>
      <c r="M7084">
        <f t="shared" si="794"/>
        <v>0</v>
      </c>
      <c r="N7084" s="46">
        <f t="shared" si="795"/>
        <v>45585.749999982901</v>
      </c>
    </row>
    <row r="7085" spans="2:14" x14ac:dyDescent="0.3">
      <c r="B7085">
        <f t="shared" si="789"/>
        <v>7</v>
      </c>
      <c r="C7085" s="16">
        <v>7051</v>
      </c>
      <c r="D7085" cm="1">
        <f t="array" ref="D7085">IFERROR(INDEX(Jesper!AH$2:AH$366,ROUNDDOWN($C7085/24,0)+1,1)*INDEX($D$3:$AA$30,INDEX(Jesper!$R$2:$R$366,ROW(INDEX(Jesper!AH$2:AH$366,ROUNDDOWN($C7085/24,0)+1,1))-1)+IF('Standard Profiles'!$G$18=$B$10,7,0)+IF('Standard Profiles'!$G$18=$B$17,14,0)+IF('Standard Profiles'!$G$18=$B$24,21,0),MOD($C7085,24)+1)/SUM(INDEX($D$3:$AA$30,INDEX(Jesper!$R$2:$R$366,ROW(INDEX(Jesper!AH$2:AH$366,ROUNDDOWN($C7085/24,0)+1,1))-1)+IF('Standard Profiles'!$G$18=$B$10,7,0)+IF('Standard Profiles'!$G$18=$B$17,14,0)+IF('Standard Profiles'!$G$18=$B$24,21,0),0)),0)</f>
        <v>8.37990689113931</v>
      </c>
      <c r="E7085" cm="1">
        <f t="array" ref="E7085">IFERROR(INDEX(Jesper!AI$2:AI$366,ROUNDDOWN($C7085/24,0)+1,1)*INDEX($D$3:$AA$30,INDEX(Jesper!$R$2:$R$366,ROW(INDEX(Jesper!AI$2:AI$366,ROUNDDOWN($C7085/24,0)+1,1))-1)+IF('Standard Profiles'!$G$19=$B$10,7,0)+IF('Standard Profiles'!$G$19=$B$17,14,0)+IF('Standard Profiles'!$G$19=$B$24,21,0),MOD($C7085,24)+1)/SUM(INDEX($D$3:$AA$30,INDEX(Jesper!$R$2:$R$366,ROW(INDEX(Jesper!AI$2:AI$366,ROUNDDOWN($C7085/24,0)+1,1))-1)+IF('Standard Profiles'!$G$19=$B$10,7,0)+IF('Standard Profiles'!$G$19=$B$17,14,0)+IF('Standard Profiles'!$G$19=$B$24,21,0),0)),0)</f>
        <v>1.8577496647650045</v>
      </c>
      <c r="F7085" cm="1">
        <f t="array" ref="F7085">IFERROR(INDEX(Jesper!AJ$2:AJ$366,ROUNDDOWN($C7085/24,0)+1,1)*INDEX($D$3:$AA$30,INDEX(Jesper!$R$2:$R$366,ROW(INDEX(Jesper!AJ$2:AJ$366,ROUNDDOWN($C7085/24,0)+1,1))-1)+IF('Standard Profiles'!$G$20=$B$10,7,0)+IF('Standard Profiles'!$G$20=$B$17,14,0)+IF('Standard Profiles'!$G$20=$B$24,21,0),MOD($C7085,24)+1)/SUM(INDEX($D$3:$AA$30,INDEX(Jesper!$R$2:$R$366,ROW(INDEX(Jesper!AJ$2:AJ$366,ROUNDDOWN($C7085/24,0)+1,1))-1)+IF('Standard Profiles'!$G$20=$B$10,7,0)+IF('Standard Profiles'!$G$20=$B$17,14,0)+IF('Standard Profiles'!$G$20=$B$24,21,0),0)),0)</f>
        <v>0</v>
      </c>
      <c r="G7085" cm="1">
        <f t="array" ref="G7085">IFERROR(INDEX(Jesper!AK$2:AK$366,ROUNDDOWN($C7085/24,0)+1,1)*INDEX($D$3:$AA$30,INDEX(Jesper!$R$2:$R$366,ROW(INDEX(Jesper!AK$2:AK$366,ROUNDDOWN($C7085/24,0)+1,1))-1)+IF('Standard Profiles'!$G$21=$B$10,7,0)+IF('Standard Profiles'!$G$21=$B$17,14,0)+IF('Standard Profiles'!$G$21=$B$24,21,0),MOD($C7085,24)+1)/SUM(INDEX($D$3:$AA$30,INDEX(Jesper!$R$2:$R$366,ROW(INDEX(Jesper!AK$2:AK$366,ROUNDDOWN($C7085/24,0)+1,1))-1)+IF('Standard Profiles'!$G$21=$B$10,7,0)+IF('Standard Profiles'!$G$21=$B$17,14,0)+IF('Standard Profiles'!$G$21=$B$24,21,0),0)),0)</f>
        <v>0</v>
      </c>
      <c r="H7085" cm="1">
        <f t="array" ref="H7085">IFERROR(INDEX(Jesper!AL$2:AL$366,ROUNDDOWN($C7085/24,0)+1,1)*INDEX($D$3:$AA$30,INDEX(Jesper!$R$2:$R$366,ROW(INDEX(Jesper!AL$2:AL$366,ROUNDDOWN($C7085/24,0)+1,1))-1)+IF('Standard Profiles'!$G$22=$B$10,7,0)+IF('Standard Profiles'!$G$22=$B$17,14,0)+IF('Standard Profiles'!$G$22=$B$24,21,0),MOD($C7085,24)+1)/SUM(INDEX($D$3:$AA$30,INDEX(Jesper!$R$2:$R$366,ROW(INDEX(Jesper!AL$2:AL$366,ROUNDDOWN($C7085/24,0)+1,1))-1)+IF('Standard Profiles'!$G$22=$B$10,7,0)+IF('Standard Profiles'!$G$22=$B$17,14,0)+IF('Standard Profiles'!$G$22=$B$24,21,0),0)),0)</f>
        <v>0</v>
      </c>
      <c r="I7085">
        <f t="shared" si="790"/>
        <v>0.16736483466351396</v>
      </c>
      <c r="J7085">
        <f t="shared" si="791"/>
        <v>0.55788278221171328</v>
      </c>
      <c r="K7085">
        <f t="shared" si="792"/>
        <v>0.83682417331756986</v>
      </c>
      <c r="L7085">
        <f t="shared" si="793"/>
        <v>8.6755847657115179</v>
      </c>
      <c r="M7085">
        <f t="shared" si="794"/>
        <v>0</v>
      </c>
      <c r="N7085" s="46">
        <f t="shared" si="795"/>
        <v>45585.791666649566</v>
      </c>
    </row>
    <row r="7086" spans="2:14" x14ac:dyDescent="0.3">
      <c r="B7086">
        <f t="shared" si="789"/>
        <v>7</v>
      </c>
      <c r="C7086" s="16">
        <v>7052</v>
      </c>
      <c r="D7086" cm="1">
        <f t="array" ref="D7086">IFERROR(INDEX(Jesper!AH$2:AH$366,ROUNDDOWN($C7086/24,0)+1,1)*INDEX($D$3:$AA$30,INDEX(Jesper!$R$2:$R$366,ROW(INDEX(Jesper!AH$2:AH$366,ROUNDDOWN($C7086/24,0)+1,1))-1)+IF('Standard Profiles'!$G$18=$B$10,7,0)+IF('Standard Profiles'!$G$18=$B$17,14,0)+IF('Standard Profiles'!$G$18=$B$24,21,0),MOD($C7086,24)+1)/SUM(INDEX($D$3:$AA$30,INDEX(Jesper!$R$2:$R$366,ROW(INDEX(Jesper!AH$2:AH$366,ROUNDDOWN($C7086/24,0)+1,1))-1)+IF('Standard Profiles'!$G$18=$B$10,7,0)+IF('Standard Profiles'!$G$18=$B$17,14,0)+IF('Standard Profiles'!$G$18=$B$24,21,0),0)),0)</f>
        <v>7.0210030709545563</v>
      </c>
      <c r="E7086" cm="1">
        <f t="array" ref="E7086">IFERROR(INDEX(Jesper!AI$2:AI$366,ROUNDDOWN($C7086/24,0)+1,1)*INDEX($D$3:$AA$30,INDEX(Jesper!$R$2:$R$366,ROW(INDEX(Jesper!AI$2:AI$366,ROUNDDOWN($C7086/24,0)+1,1))-1)+IF('Standard Profiles'!$G$19=$B$10,7,0)+IF('Standard Profiles'!$G$19=$B$17,14,0)+IF('Standard Profiles'!$G$19=$B$24,21,0),MOD($C7086,24)+1)/SUM(INDEX($D$3:$AA$30,INDEX(Jesper!$R$2:$R$366,ROW(INDEX(Jesper!AI$2:AI$366,ROUNDDOWN($C7086/24,0)+1,1))-1)+IF('Standard Profiles'!$G$19=$B$10,7,0)+IF('Standard Profiles'!$G$19=$B$17,14,0)+IF('Standard Profiles'!$G$19=$B$24,21,0),0)),0)</f>
        <v>1.5564929623706791</v>
      </c>
      <c r="F7086" cm="1">
        <f t="array" ref="F7086">IFERROR(INDEX(Jesper!AJ$2:AJ$366,ROUNDDOWN($C7086/24,0)+1,1)*INDEX($D$3:$AA$30,INDEX(Jesper!$R$2:$R$366,ROW(INDEX(Jesper!AJ$2:AJ$366,ROUNDDOWN($C7086/24,0)+1,1))-1)+IF('Standard Profiles'!$G$20=$B$10,7,0)+IF('Standard Profiles'!$G$20=$B$17,14,0)+IF('Standard Profiles'!$G$20=$B$24,21,0),MOD($C7086,24)+1)/SUM(INDEX($D$3:$AA$30,INDEX(Jesper!$R$2:$R$366,ROW(INDEX(Jesper!AJ$2:AJ$366,ROUNDDOWN($C7086/24,0)+1,1))-1)+IF('Standard Profiles'!$G$20=$B$10,7,0)+IF('Standard Profiles'!$G$20=$B$17,14,0)+IF('Standard Profiles'!$G$20=$B$24,21,0),0)),0)</f>
        <v>0</v>
      </c>
      <c r="G7086" cm="1">
        <f t="array" ref="G7086">IFERROR(INDEX(Jesper!AK$2:AK$366,ROUNDDOWN($C7086/24,0)+1,1)*INDEX($D$3:$AA$30,INDEX(Jesper!$R$2:$R$366,ROW(INDEX(Jesper!AK$2:AK$366,ROUNDDOWN($C7086/24,0)+1,1))-1)+IF('Standard Profiles'!$G$21=$B$10,7,0)+IF('Standard Profiles'!$G$21=$B$17,14,0)+IF('Standard Profiles'!$G$21=$B$24,21,0),MOD($C7086,24)+1)/SUM(INDEX($D$3:$AA$30,INDEX(Jesper!$R$2:$R$366,ROW(INDEX(Jesper!AK$2:AK$366,ROUNDDOWN($C7086/24,0)+1,1))-1)+IF('Standard Profiles'!$G$21=$B$10,7,0)+IF('Standard Profiles'!$G$21=$B$17,14,0)+IF('Standard Profiles'!$G$21=$B$24,21,0),0)),0)</f>
        <v>0</v>
      </c>
      <c r="H7086" cm="1">
        <f t="array" ref="H7086">IFERROR(INDEX(Jesper!AL$2:AL$366,ROUNDDOWN($C7086/24,0)+1,1)*INDEX($D$3:$AA$30,INDEX(Jesper!$R$2:$R$366,ROW(INDEX(Jesper!AL$2:AL$366,ROUNDDOWN($C7086/24,0)+1,1))-1)+IF('Standard Profiles'!$G$22=$B$10,7,0)+IF('Standard Profiles'!$G$22=$B$17,14,0)+IF('Standard Profiles'!$G$22=$B$24,21,0),MOD($C7086,24)+1)/SUM(INDEX($D$3:$AA$30,INDEX(Jesper!$R$2:$R$366,ROW(INDEX(Jesper!AL$2:AL$366,ROUNDDOWN($C7086/24,0)+1,1))-1)+IF('Standard Profiles'!$G$22=$B$10,7,0)+IF('Standard Profiles'!$G$22=$B$17,14,0)+IF('Standard Profiles'!$G$22=$B$24,21,0),0)),0)</f>
        <v>0</v>
      </c>
      <c r="I7086">
        <f t="shared" si="790"/>
        <v>0.14022459120456574</v>
      </c>
      <c r="J7086">
        <f t="shared" si="791"/>
        <v>0.46741530401521914</v>
      </c>
      <c r="K7086">
        <f t="shared" si="792"/>
        <v>0.7011229560228287</v>
      </c>
      <c r="L7086">
        <f t="shared" si="793"/>
        <v>7.268733182082622</v>
      </c>
      <c r="M7086">
        <f t="shared" si="794"/>
        <v>0</v>
      </c>
      <c r="N7086" s="46">
        <f t="shared" si="795"/>
        <v>45585.83333331623</v>
      </c>
    </row>
    <row r="7087" spans="2:14" x14ac:dyDescent="0.3">
      <c r="B7087">
        <f t="shared" si="789"/>
        <v>7</v>
      </c>
      <c r="C7087" s="16">
        <v>7053</v>
      </c>
      <c r="D7087" cm="1">
        <f t="array" ref="D7087">IFERROR(INDEX(Jesper!AH$2:AH$366,ROUNDDOWN($C7087/24,0)+1,1)*INDEX($D$3:$AA$30,INDEX(Jesper!$R$2:$R$366,ROW(INDEX(Jesper!AH$2:AH$366,ROUNDDOWN($C7087/24,0)+1,1))-1)+IF('Standard Profiles'!$G$18=$B$10,7,0)+IF('Standard Profiles'!$G$18=$B$17,14,0)+IF('Standard Profiles'!$G$18=$B$24,21,0),MOD($C7087,24)+1)/SUM(INDEX($D$3:$AA$30,INDEX(Jesper!$R$2:$R$366,ROW(INDEX(Jesper!AH$2:AH$366,ROUNDDOWN($C7087/24,0)+1,1))-1)+IF('Standard Profiles'!$G$18=$B$10,7,0)+IF('Standard Profiles'!$G$18=$B$17,14,0)+IF('Standard Profiles'!$G$18=$B$24,21,0),0)),0)</f>
        <v>6.1150671908313878</v>
      </c>
      <c r="E7087" cm="1">
        <f t="array" ref="E7087">IFERROR(INDEX(Jesper!AI$2:AI$366,ROUNDDOWN($C7087/24,0)+1,1)*INDEX($D$3:$AA$30,INDEX(Jesper!$R$2:$R$366,ROW(INDEX(Jesper!AI$2:AI$366,ROUNDDOWN($C7087/24,0)+1,1))-1)+IF('Standard Profiles'!$G$19=$B$10,7,0)+IF('Standard Profiles'!$G$19=$B$17,14,0)+IF('Standard Profiles'!$G$19=$B$24,21,0),MOD($C7087,24)+1)/SUM(INDEX($D$3:$AA$30,INDEX(Jesper!$R$2:$R$366,ROW(INDEX(Jesper!AI$2:AI$366,ROUNDDOWN($C7087/24,0)+1,1))-1)+IF('Standard Profiles'!$G$19=$B$10,7,0)+IF('Standard Profiles'!$G$19=$B$17,14,0)+IF('Standard Profiles'!$G$19=$B$24,21,0),0)),0)</f>
        <v>1.3556551607744627</v>
      </c>
      <c r="F7087" cm="1">
        <f t="array" ref="F7087">IFERROR(INDEX(Jesper!AJ$2:AJ$366,ROUNDDOWN($C7087/24,0)+1,1)*INDEX($D$3:$AA$30,INDEX(Jesper!$R$2:$R$366,ROW(INDEX(Jesper!AJ$2:AJ$366,ROUNDDOWN($C7087/24,0)+1,1))-1)+IF('Standard Profiles'!$G$20=$B$10,7,0)+IF('Standard Profiles'!$G$20=$B$17,14,0)+IF('Standard Profiles'!$G$20=$B$24,21,0),MOD($C7087,24)+1)/SUM(INDEX($D$3:$AA$30,INDEX(Jesper!$R$2:$R$366,ROW(INDEX(Jesper!AJ$2:AJ$366,ROUNDDOWN($C7087/24,0)+1,1))-1)+IF('Standard Profiles'!$G$20=$B$10,7,0)+IF('Standard Profiles'!$G$20=$B$17,14,0)+IF('Standard Profiles'!$G$20=$B$24,21,0),0)),0)</f>
        <v>0</v>
      </c>
      <c r="G7087" cm="1">
        <f t="array" ref="G7087">IFERROR(INDEX(Jesper!AK$2:AK$366,ROUNDDOWN($C7087/24,0)+1,1)*INDEX($D$3:$AA$30,INDEX(Jesper!$R$2:$R$366,ROW(INDEX(Jesper!AK$2:AK$366,ROUNDDOWN($C7087/24,0)+1,1))-1)+IF('Standard Profiles'!$G$21=$B$10,7,0)+IF('Standard Profiles'!$G$21=$B$17,14,0)+IF('Standard Profiles'!$G$21=$B$24,21,0),MOD($C7087,24)+1)/SUM(INDEX($D$3:$AA$30,INDEX(Jesper!$R$2:$R$366,ROW(INDEX(Jesper!AK$2:AK$366,ROUNDDOWN($C7087/24,0)+1,1))-1)+IF('Standard Profiles'!$G$21=$B$10,7,0)+IF('Standard Profiles'!$G$21=$B$17,14,0)+IF('Standard Profiles'!$G$21=$B$24,21,0),0)),0)</f>
        <v>0</v>
      </c>
      <c r="H7087" cm="1">
        <f t="array" ref="H7087">IFERROR(INDEX(Jesper!AL$2:AL$366,ROUNDDOWN($C7087/24,0)+1,1)*INDEX($D$3:$AA$30,INDEX(Jesper!$R$2:$R$366,ROW(INDEX(Jesper!AL$2:AL$366,ROUNDDOWN($C7087/24,0)+1,1))-1)+IF('Standard Profiles'!$G$22=$B$10,7,0)+IF('Standard Profiles'!$G$22=$B$17,14,0)+IF('Standard Profiles'!$G$22=$B$24,21,0),MOD($C7087,24)+1)/SUM(INDEX($D$3:$AA$30,INDEX(Jesper!$R$2:$R$366,ROW(INDEX(Jesper!AL$2:AL$366,ROUNDDOWN($C7087/24,0)+1,1))-1)+IF('Standard Profiles'!$G$22=$B$10,7,0)+IF('Standard Profiles'!$G$22=$B$17,14,0)+IF('Standard Profiles'!$G$22=$B$24,21,0),0)),0)</f>
        <v>0</v>
      </c>
      <c r="I7087">
        <f t="shared" si="790"/>
        <v>0.12213109556526694</v>
      </c>
      <c r="J7087">
        <f t="shared" si="791"/>
        <v>0.40710365188422321</v>
      </c>
      <c r="K7087">
        <f t="shared" si="792"/>
        <v>0.61065547782633478</v>
      </c>
      <c r="L7087">
        <f t="shared" si="793"/>
        <v>6.3308321263300256</v>
      </c>
      <c r="M7087">
        <f t="shared" si="794"/>
        <v>0</v>
      </c>
      <c r="N7087" s="46">
        <f t="shared" si="795"/>
        <v>45585.874999982894</v>
      </c>
    </row>
    <row r="7088" spans="2:14" x14ac:dyDescent="0.3">
      <c r="B7088">
        <f t="shared" si="789"/>
        <v>7</v>
      </c>
      <c r="C7088" s="16">
        <v>7054</v>
      </c>
      <c r="D7088" cm="1">
        <f t="array" ref="D7088">IFERROR(INDEX(Jesper!AH$2:AH$366,ROUNDDOWN($C7088/24,0)+1,1)*INDEX($D$3:$AA$30,INDEX(Jesper!$R$2:$R$366,ROW(INDEX(Jesper!AH$2:AH$366,ROUNDDOWN($C7088/24,0)+1,1))-1)+IF('Standard Profiles'!$G$18=$B$10,7,0)+IF('Standard Profiles'!$G$18=$B$17,14,0)+IF('Standard Profiles'!$G$18=$B$24,21,0),MOD($C7088,24)+1)/SUM(INDEX($D$3:$AA$30,INDEX(Jesper!$R$2:$R$366,ROW(INDEX(Jesper!AH$2:AH$366,ROUNDDOWN($C7088/24,0)+1,1))-1)+IF('Standard Profiles'!$G$18=$B$10,7,0)+IF('Standard Profiles'!$G$18=$B$17,14,0)+IF('Standard Profiles'!$G$18=$B$24,21,0),0)),0)</f>
        <v>6.1150671908313878</v>
      </c>
      <c r="E7088" cm="1">
        <f t="array" ref="E7088">IFERROR(INDEX(Jesper!AI$2:AI$366,ROUNDDOWN($C7088/24,0)+1,1)*INDEX($D$3:$AA$30,INDEX(Jesper!$R$2:$R$366,ROW(INDEX(Jesper!AI$2:AI$366,ROUNDDOWN($C7088/24,0)+1,1))-1)+IF('Standard Profiles'!$G$19=$B$10,7,0)+IF('Standard Profiles'!$G$19=$B$17,14,0)+IF('Standard Profiles'!$G$19=$B$24,21,0),MOD($C7088,24)+1)/SUM(INDEX($D$3:$AA$30,INDEX(Jesper!$R$2:$R$366,ROW(INDEX(Jesper!AI$2:AI$366,ROUNDDOWN($C7088/24,0)+1,1))-1)+IF('Standard Profiles'!$G$19=$B$10,7,0)+IF('Standard Profiles'!$G$19=$B$17,14,0)+IF('Standard Profiles'!$G$19=$B$24,21,0),0)),0)</f>
        <v>1.3556551607744627</v>
      </c>
      <c r="F7088" cm="1">
        <f t="array" ref="F7088">IFERROR(INDEX(Jesper!AJ$2:AJ$366,ROUNDDOWN($C7088/24,0)+1,1)*INDEX($D$3:$AA$30,INDEX(Jesper!$R$2:$R$366,ROW(INDEX(Jesper!AJ$2:AJ$366,ROUNDDOWN($C7088/24,0)+1,1))-1)+IF('Standard Profiles'!$G$20=$B$10,7,0)+IF('Standard Profiles'!$G$20=$B$17,14,0)+IF('Standard Profiles'!$G$20=$B$24,21,0),MOD($C7088,24)+1)/SUM(INDEX($D$3:$AA$30,INDEX(Jesper!$R$2:$R$366,ROW(INDEX(Jesper!AJ$2:AJ$366,ROUNDDOWN($C7088/24,0)+1,1))-1)+IF('Standard Profiles'!$G$20=$B$10,7,0)+IF('Standard Profiles'!$G$20=$B$17,14,0)+IF('Standard Profiles'!$G$20=$B$24,21,0),0)),0)</f>
        <v>0</v>
      </c>
      <c r="G7088" cm="1">
        <f t="array" ref="G7088">IFERROR(INDEX(Jesper!AK$2:AK$366,ROUNDDOWN($C7088/24,0)+1,1)*INDEX($D$3:$AA$30,INDEX(Jesper!$R$2:$R$366,ROW(INDEX(Jesper!AK$2:AK$366,ROUNDDOWN($C7088/24,0)+1,1))-1)+IF('Standard Profiles'!$G$21=$B$10,7,0)+IF('Standard Profiles'!$G$21=$B$17,14,0)+IF('Standard Profiles'!$G$21=$B$24,21,0),MOD($C7088,24)+1)/SUM(INDEX($D$3:$AA$30,INDEX(Jesper!$R$2:$R$366,ROW(INDEX(Jesper!AK$2:AK$366,ROUNDDOWN($C7088/24,0)+1,1))-1)+IF('Standard Profiles'!$G$21=$B$10,7,0)+IF('Standard Profiles'!$G$21=$B$17,14,0)+IF('Standard Profiles'!$G$21=$B$24,21,0),0)),0)</f>
        <v>0</v>
      </c>
      <c r="H7088" cm="1">
        <f t="array" ref="H7088">IFERROR(INDEX(Jesper!AL$2:AL$366,ROUNDDOWN($C7088/24,0)+1,1)*INDEX($D$3:$AA$30,INDEX(Jesper!$R$2:$R$366,ROW(INDEX(Jesper!AL$2:AL$366,ROUNDDOWN($C7088/24,0)+1,1))-1)+IF('Standard Profiles'!$G$22=$B$10,7,0)+IF('Standard Profiles'!$G$22=$B$17,14,0)+IF('Standard Profiles'!$G$22=$B$24,21,0),MOD($C7088,24)+1)/SUM(INDEX($D$3:$AA$30,INDEX(Jesper!$R$2:$R$366,ROW(INDEX(Jesper!AL$2:AL$366,ROUNDDOWN($C7088/24,0)+1,1))-1)+IF('Standard Profiles'!$G$22=$B$10,7,0)+IF('Standard Profiles'!$G$22=$B$17,14,0)+IF('Standard Profiles'!$G$22=$B$24,21,0),0)),0)</f>
        <v>0</v>
      </c>
      <c r="I7088">
        <f t="shared" si="790"/>
        <v>0.12213109556526694</v>
      </c>
      <c r="J7088">
        <f t="shared" si="791"/>
        <v>0.40710365188422321</v>
      </c>
      <c r="K7088">
        <f t="shared" si="792"/>
        <v>0.61065547782633478</v>
      </c>
      <c r="L7088">
        <f t="shared" si="793"/>
        <v>6.3308321263300256</v>
      </c>
      <c r="M7088">
        <f t="shared" si="794"/>
        <v>0</v>
      </c>
      <c r="N7088" s="46">
        <f t="shared" si="795"/>
        <v>45585.916666649558</v>
      </c>
    </row>
    <row r="7089" spans="2:14" x14ac:dyDescent="0.3">
      <c r="B7089">
        <f t="shared" si="789"/>
        <v>7</v>
      </c>
      <c r="C7089" s="16">
        <v>7055</v>
      </c>
      <c r="D7089" cm="1">
        <f t="array" ref="D7089">IFERROR(INDEX(Jesper!AH$2:AH$366,ROUNDDOWN($C7089/24,0)+1,1)*INDEX($D$3:$AA$30,INDEX(Jesper!$R$2:$R$366,ROW(INDEX(Jesper!AH$2:AH$366,ROUNDDOWN($C7089/24,0)+1,1))-1)+IF('Standard Profiles'!$G$18=$B$10,7,0)+IF('Standard Profiles'!$G$18=$B$17,14,0)+IF('Standard Profiles'!$G$18=$B$24,21,0),MOD($C7089,24)+1)/SUM(INDEX($D$3:$AA$30,INDEX(Jesper!$R$2:$R$366,ROW(INDEX(Jesper!AH$2:AH$366,ROUNDDOWN($C7089/24,0)+1,1))-1)+IF('Standard Profiles'!$G$18=$B$10,7,0)+IF('Standard Profiles'!$G$18=$B$17,14,0)+IF('Standard Profiles'!$G$18=$B$24,21,0),0)),0)</f>
        <v>6.1150671908313878</v>
      </c>
      <c r="E7089" cm="1">
        <f t="array" ref="E7089">IFERROR(INDEX(Jesper!AI$2:AI$366,ROUNDDOWN($C7089/24,0)+1,1)*INDEX($D$3:$AA$30,INDEX(Jesper!$R$2:$R$366,ROW(INDEX(Jesper!AI$2:AI$366,ROUNDDOWN($C7089/24,0)+1,1))-1)+IF('Standard Profiles'!$G$19=$B$10,7,0)+IF('Standard Profiles'!$G$19=$B$17,14,0)+IF('Standard Profiles'!$G$19=$B$24,21,0),MOD($C7089,24)+1)/SUM(INDEX($D$3:$AA$30,INDEX(Jesper!$R$2:$R$366,ROW(INDEX(Jesper!AI$2:AI$366,ROUNDDOWN($C7089/24,0)+1,1))-1)+IF('Standard Profiles'!$G$19=$B$10,7,0)+IF('Standard Profiles'!$G$19=$B$17,14,0)+IF('Standard Profiles'!$G$19=$B$24,21,0),0)),0)</f>
        <v>1.3556551607744627</v>
      </c>
      <c r="F7089" cm="1">
        <f t="array" ref="F7089">IFERROR(INDEX(Jesper!AJ$2:AJ$366,ROUNDDOWN($C7089/24,0)+1,1)*INDEX($D$3:$AA$30,INDEX(Jesper!$R$2:$R$366,ROW(INDEX(Jesper!AJ$2:AJ$366,ROUNDDOWN($C7089/24,0)+1,1))-1)+IF('Standard Profiles'!$G$20=$B$10,7,0)+IF('Standard Profiles'!$G$20=$B$17,14,0)+IF('Standard Profiles'!$G$20=$B$24,21,0),MOD($C7089,24)+1)/SUM(INDEX($D$3:$AA$30,INDEX(Jesper!$R$2:$R$366,ROW(INDEX(Jesper!AJ$2:AJ$366,ROUNDDOWN($C7089/24,0)+1,1))-1)+IF('Standard Profiles'!$G$20=$B$10,7,0)+IF('Standard Profiles'!$G$20=$B$17,14,0)+IF('Standard Profiles'!$G$20=$B$24,21,0),0)),0)</f>
        <v>0</v>
      </c>
      <c r="G7089" cm="1">
        <f t="array" ref="G7089">IFERROR(INDEX(Jesper!AK$2:AK$366,ROUNDDOWN($C7089/24,0)+1,1)*INDEX($D$3:$AA$30,INDEX(Jesper!$R$2:$R$366,ROW(INDEX(Jesper!AK$2:AK$366,ROUNDDOWN($C7089/24,0)+1,1))-1)+IF('Standard Profiles'!$G$21=$B$10,7,0)+IF('Standard Profiles'!$G$21=$B$17,14,0)+IF('Standard Profiles'!$G$21=$B$24,21,0),MOD($C7089,24)+1)/SUM(INDEX($D$3:$AA$30,INDEX(Jesper!$R$2:$R$366,ROW(INDEX(Jesper!AK$2:AK$366,ROUNDDOWN($C7089/24,0)+1,1))-1)+IF('Standard Profiles'!$G$21=$B$10,7,0)+IF('Standard Profiles'!$G$21=$B$17,14,0)+IF('Standard Profiles'!$G$21=$B$24,21,0),0)),0)</f>
        <v>0</v>
      </c>
      <c r="H7089" cm="1">
        <f t="array" ref="H7089">IFERROR(INDEX(Jesper!AL$2:AL$366,ROUNDDOWN($C7089/24,0)+1,1)*INDEX($D$3:$AA$30,INDEX(Jesper!$R$2:$R$366,ROW(INDEX(Jesper!AL$2:AL$366,ROUNDDOWN($C7089/24,0)+1,1))-1)+IF('Standard Profiles'!$G$22=$B$10,7,0)+IF('Standard Profiles'!$G$22=$B$17,14,0)+IF('Standard Profiles'!$G$22=$B$24,21,0),MOD($C7089,24)+1)/SUM(INDEX($D$3:$AA$30,INDEX(Jesper!$R$2:$R$366,ROW(INDEX(Jesper!AL$2:AL$366,ROUNDDOWN($C7089/24,0)+1,1))-1)+IF('Standard Profiles'!$G$22=$B$10,7,0)+IF('Standard Profiles'!$G$22=$B$17,14,0)+IF('Standard Profiles'!$G$22=$B$24,21,0),0)),0)</f>
        <v>0</v>
      </c>
      <c r="I7089">
        <f t="shared" si="790"/>
        <v>0.12213109556526694</v>
      </c>
      <c r="J7089">
        <f t="shared" si="791"/>
        <v>0.40710365188422321</v>
      </c>
      <c r="K7089">
        <f t="shared" si="792"/>
        <v>0.61065547782633478</v>
      </c>
      <c r="L7089">
        <f t="shared" si="793"/>
        <v>6.3308321263300256</v>
      </c>
      <c r="M7089">
        <f t="shared" si="794"/>
        <v>0</v>
      </c>
      <c r="N7089" s="46">
        <f t="shared" si="795"/>
        <v>45585.958333316223</v>
      </c>
    </row>
    <row r="7090" spans="2:14" x14ac:dyDescent="0.3">
      <c r="B7090">
        <f t="shared" si="789"/>
        <v>1</v>
      </c>
      <c r="C7090" s="16">
        <v>7056</v>
      </c>
      <c r="D7090" cm="1">
        <f t="array" ref="D7090">IFERROR(INDEX(Jesper!AH$2:AH$366,ROUNDDOWN($C7090/24,0)+1,1)*INDEX($D$3:$AA$30,INDEX(Jesper!$R$2:$R$366,ROW(INDEX(Jesper!AH$2:AH$366,ROUNDDOWN($C7090/24,0)+1,1))-1)+IF('Standard Profiles'!$G$18=$B$10,7,0)+IF('Standard Profiles'!$G$18=$B$17,14,0)+IF('Standard Profiles'!$G$18=$B$24,21,0),MOD($C7090,24)+1)/SUM(INDEX($D$3:$AA$30,INDEX(Jesper!$R$2:$R$366,ROW(INDEX(Jesper!AH$2:AH$366,ROUNDDOWN($C7090/24,0)+1,1))-1)+IF('Standard Profiles'!$G$18=$B$10,7,0)+IF('Standard Profiles'!$G$18=$B$17,14,0)+IF('Standard Profiles'!$G$18=$B$24,21,0),0)),0)</f>
        <v>2.5439597959680094</v>
      </c>
      <c r="E7090" cm="1">
        <f t="array" ref="E7090">IFERROR(INDEX(Jesper!AI$2:AI$366,ROUNDDOWN($C7090/24,0)+1,1)*INDEX($D$3:$AA$30,INDEX(Jesper!$R$2:$R$366,ROW(INDEX(Jesper!AI$2:AI$366,ROUNDDOWN($C7090/24,0)+1,1))-1)+IF('Standard Profiles'!$G$19=$B$10,7,0)+IF('Standard Profiles'!$G$19=$B$17,14,0)+IF('Standard Profiles'!$G$19=$B$24,21,0),MOD($C7090,24)+1)/SUM(INDEX($D$3:$AA$30,INDEX(Jesper!$R$2:$R$366,ROW(INDEX(Jesper!AI$2:AI$366,ROUNDDOWN($C7090/24,0)+1,1))-1)+IF('Standard Profiles'!$G$19=$B$10,7,0)+IF('Standard Profiles'!$G$19=$B$17,14,0)+IF('Standard Profiles'!$G$19=$B$24,21,0),0)),0)</f>
        <v>0</v>
      </c>
      <c r="F7090" cm="1">
        <f t="array" ref="F7090">IFERROR(INDEX(Jesper!AJ$2:AJ$366,ROUNDDOWN($C7090/24,0)+1,1)*INDEX($D$3:$AA$30,INDEX(Jesper!$R$2:$R$366,ROW(INDEX(Jesper!AJ$2:AJ$366,ROUNDDOWN($C7090/24,0)+1,1))-1)+IF('Standard Profiles'!$G$20=$B$10,7,0)+IF('Standard Profiles'!$G$20=$B$17,14,0)+IF('Standard Profiles'!$G$20=$B$24,21,0),MOD($C7090,24)+1)/SUM(INDEX($D$3:$AA$30,INDEX(Jesper!$R$2:$R$366,ROW(INDEX(Jesper!AJ$2:AJ$366,ROUNDDOWN($C7090/24,0)+1,1))-1)+IF('Standard Profiles'!$G$20=$B$10,7,0)+IF('Standard Profiles'!$G$20=$B$17,14,0)+IF('Standard Profiles'!$G$20=$B$24,21,0),0)),0)</f>
        <v>0</v>
      </c>
      <c r="G7090" cm="1">
        <f t="array" ref="G7090">IFERROR(INDEX(Jesper!AK$2:AK$366,ROUNDDOWN($C7090/24,0)+1,1)*INDEX($D$3:$AA$30,INDEX(Jesper!$R$2:$R$366,ROW(INDEX(Jesper!AK$2:AK$366,ROUNDDOWN($C7090/24,0)+1,1))-1)+IF('Standard Profiles'!$G$21=$B$10,7,0)+IF('Standard Profiles'!$G$21=$B$17,14,0)+IF('Standard Profiles'!$G$21=$B$24,21,0),MOD($C7090,24)+1)/SUM(INDEX($D$3:$AA$30,INDEX(Jesper!$R$2:$R$366,ROW(INDEX(Jesper!AK$2:AK$366,ROUNDDOWN($C7090/24,0)+1,1))-1)+IF('Standard Profiles'!$G$21=$B$10,7,0)+IF('Standard Profiles'!$G$21=$B$17,14,0)+IF('Standard Profiles'!$G$21=$B$24,21,0),0)),0)</f>
        <v>0</v>
      </c>
      <c r="H7090" cm="1">
        <f t="array" ref="H7090">IFERROR(INDEX(Jesper!AL$2:AL$366,ROUNDDOWN($C7090/24,0)+1,1)*INDEX($D$3:$AA$30,INDEX(Jesper!$R$2:$R$366,ROW(INDEX(Jesper!AL$2:AL$366,ROUNDDOWN($C7090/24,0)+1,1))-1)+IF('Standard Profiles'!$G$22=$B$10,7,0)+IF('Standard Profiles'!$G$22=$B$17,14,0)+IF('Standard Profiles'!$G$22=$B$24,21,0),MOD($C7090,24)+1)/SUM(INDEX($D$3:$AA$30,INDEX(Jesper!$R$2:$R$366,ROW(INDEX(Jesper!AL$2:AL$366,ROUNDDOWN($C7090/24,0)+1,1))-1)+IF('Standard Profiles'!$G$22=$B$10,7,0)+IF('Standard Profiles'!$G$22=$B$17,14,0)+IF('Standard Profiles'!$G$22=$B$24,21,0),0)),0)</f>
        <v>0</v>
      </c>
      <c r="I7090">
        <f t="shared" si="790"/>
        <v>7.6318793879040281E-2</v>
      </c>
      <c r="J7090">
        <f t="shared" si="791"/>
        <v>0.25439597959680094</v>
      </c>
      <c r="K7090">
        <f t="shared" si="792"/>
        <v>0.3815939693952014</v>
      </c>
      <c r="L7090">
        <f t="shared" si="793"/>
        <v>1.8316510530969667</v>
      </c>
      <c r="M7090">
        <f t="shared" si="794"/>
        <v>0</v>
      </c>
      <c r="N7090" s="46">
        <f t="shared" si="795"/>
        <v>45585.999999982887</v>
      </c>
    </row>
    <row r="7091" spans="2:14" x14ac:dyDescent="0.3">
      <c r="B7091">
        <f t="shared" si="789"/>
        <v>1</v>
      </c>
      <c r="C7091" s="16">
        <v>7057</v>
      </c>
      <c r="D7091" cm="1">
        <f t="array" ref="D7091">IFERROR(INDEX(Jesper!AH$2:AH$366,ROUNDDOWN($C7091/24,0)+1,1)*INDEX($D$3:$AA$30,INDEX(Jesper!$R$2:$R$366,ROW(INDEX(Jesper!AH$2:AH$366,ROUNDDOWN($C7091/24,0)+1,1))-1)+IF('Standard Profiles'!$G$18=$B$10,7,0)+IF('Standard Profiles'!$G$18=$B$17,14,0)+IF('Standard Profiles'!$G$18=$B$24,21,0),MOD($C7091,24)+1)/SUM(INDEX($D$3:$AA$30,INDEX(Jesper!$R$2:$R$366,ROW(INDEX(Jesper!AH$2:AH$366,ROUNDDOWN($C7091/24,0)+1,1))-1)+IF('Standard Profiles'!$G$18=$B$10,7,0)+IF('Standard Profiles'!$G$18=$B$17,14,0)+IF('Standard Profiles'!$G$18=$B$24,21,0),0)),0)</f>
        <v>2.5439597959680094</v>
      </c>
      <c r="E7091" cm="1">
        <f t="array" ref="E7091">IFERROR(INDEX(Jesper!AI$2:AI$366,ROUNDDOWN($C7091/24,0)+1,1)*INDEX($D$3:$AA$30,INDEX(Jesper!$R$2:$R$366,ROW(INDEX(Jesper!AI$2:AI$366,ROUNDDOWN($C7091/24,0)+1,1))-1)+IF('Standard Profiles'!$G$19=$B$10,7,0)+IF('Standard Profiles'!$G$19=$B$17,14,0)+IF('Standard Profiles'!$G$19=$B$24,21,0),MOD($C7091,24)+1)/SUM(INDEX($D$3:$AA$30,INDEX(Jesper!$R$2:$R$366,ROW(INDEX(Jesper!AI$2:AI$366,ROUNDDOWN($C7091/24,0)+1,1))-1)+IF('Standard Profiles'!$G$19=$B$10,7,0)+IF('Standard Profiles'!$G$19=$B$17,14,0)+IF('Standard Profiles'!$G$19=$B$24,21,0),0)),0)</f>
        <v>0</v>
      </c>
      <c r="F7091" cm="1">
        <f t="array" ref="F7091">IFERROR(INDEX(Jesper!AJ$2:AJ$366,ROUNDDOWN($C7091/24,0)+1,1)*INDEX($D$3:$AA$30,INDEX(Jesper!$R$2:$R$366,ROW(INDEX(Jesper!AJ$2:AJ$366,ROUNDDOWN($C7091/24,0)+1,1))-1)+IF('Standard Profiles'!$G$20=$B$10,7,0)+IF('Standard Profiles'!$G$20=$B$17,14,0)+IF('Standard Profiles'!$G$20=$B$24,21,0),MOD($C7091,24)+1)/SUM(INDEX($D$3:$AA$30,INDEX(Jesper!$R$2:$R$366,ROW(INDEX(Jesper!AJ$2:AJ$366,ROUNDDOWN($C7091/24,0)+1,1))-1)+IF('Standard Profiles'!$G$20=$B$10,7,0)+IF('Standard Profiles'!$G$20=$B$17,14,0)+IF('Standard Profiles'!$G$20=$B$24,21,0),0)),0)</f>
        <v>0</v>
      </c>
      <c r="G7091" cm="1">
        <f t="array" ref="G7091">IFERROR(INDEX(Jesper!AK$2:AK$366,ROUNDDOWN($C7091/24,0)+1,1)*INDEX($D$3:$AA$30,INDEX(Jesper!$R$2:$R$366,ROW(INDEX(Jesper!AK$2:AK$366,ROUNDDOWN($C7091/24,0)+1,1))-1)+IF('Standard Profiles'!$G$21=$B$10,7,0)+IF('Standard Profiles'!$G$21=$B$17,14,0)+IF('Standard Profiles'!$G$21=$B$24,21,0),MOD($C7091,24)+1)/SUM(INDEX($D$3:$AA$30,INDEX(Jesper!$R$2:$R$366,ROW(INDEX(Jesper!AK$2:AK$366,ROUNDDOWN($C7091/24,0)+1,1))-1)+IF('Standard Profiles'!$G$21=$B$10,7,0)+IF('Standard Profiles'!$G$21=$B$17,14,0)+IF('Standard Profiles'!$G$21=$B$24,21,0),0)),0)</f>
        <v>0</v>
      </c>
      <c r="H7091" cm="1">
        <f t="array" ref="H7091">IFERROR(INDEX(Jesper!AL$2:AL$366,ROUNDDOWN($C7091/24,0)+1,1)*INDEX($D$3:$AA$30,INDEX(Jesper!$R$2:$R$366,ROW(INDEX(Jesper!AL$2:AL$366,ROUNDDOWN($C7091/24,0)+1,1))-1)+IF('Standard Profiles'!$G$22=$B$10,7,0)+IF('Standard Profiles'!$G$22=$B$17,14,0)+IF('Standard Profiles'!$G$22=$B$24,21,0),MOD($C7091,24)+1)/SUM(INDEX($D$3:$AA$30,INDEX(Jesper!$R$2:$R$366,ROW(INDEX(Jesper!AL$2:AL$366,ROUNDDOWN($C7091/24,0)+1,1))-1)+IF('Standard Profiles'!$G$22=$B$10,7,0)+IF('Standard Profiles'!$G$22=$B$17,14,0)+IF('Standard Profiles'!$G$22=$B$24,21,0),0)),0)</f>
        <v>0</v>
      </c>
      <c r="I7091">
        <f t="shared" si="790"/>
        <v>7.6318793879040281E-2</v>
      </c>
      <c r="J7091">
        <f t="shared" si="791"/>
        <v>0.25439597959680094</v>
      </c>
      <c r="K7091">
        <f t="shared" si="792"/>
        <v>0.3815939693952014</v>
      </c>
      <c r="L7091">
        <f t="shared" si="793"/>
        <v>1.8316510530969667</v>
      </c>
      <c r="M7091">
        <f t="shared" si="794"/>
        <v>0</v>
      </c>
      <c r="N7091" s="46">
        <f t="shared" si="795"/>
        <v>45586.041666649551</v>
      </c>
    </row>
    <row r="7092" spans="2:14" x14ac:dyDescent="0.3">
      <c r="B7092">
        <f t="shared" si="789"/>
        <v>1</v>
      </c>
      <c r="C7092" s="16">
        <v>7058</v>
      </c>
      <c r="D7092" cm="1">
        <f t="array" ref="D7092">IFERROR(INDEX(Jesper!AH$2:AH$366,ROUNDDOWN($C7092/24,0)+1,1)*INDEX($D$3:$AA$30,INDEX(Jesper!$R$2:$R$366,ROW(INDEX(Jesper!AH$2:AH$366,ROUNDDOWN($C7092/24,0)+1,1))-1)+IF('Standard Profiles'!$G$18=$B$10,7,0)+IF('Standard Profiles'!$G$18=$B$17,14,0)+IF('Standard Profiles'!$G$18=$B$24,21,0),MOD($C7092,24)+1)/SUM(INDEX($D$3:$AA$30,INDEX(Jesper!$R$2:$R$366,ROW(INDEX(Jesper!AH$2:AH$366,ROUNDDOWN($C7092/24,0)+1,1))-1)+IF('Standard Profiles'!$G$18=$B$10,7,0)+IF('Standard Profiles'!$G$18=$B$17,14,0)+IF('Standard Profiles'!$G$18=$B$24,21,0),0)),0)</f>
        <v>2.5439597959680094</v>
      </c>
      <c r="E7092" cm="1">
        <f t="array" ref="E7092">IFERROR(INDEX(Jesper!AI$2:AI$366,ROUNDDOWN($C7092/24,0)+1,1)*INDEX($D$3:$AA$30,INDEX(Jesper!$R$2:$R$366,ROW(INDEX(Jesper!AI$2:AI$366,ROUNDDOWN($C7092/24,0)+1,1))-1)+IF('Standard Profiles'!$G$19=$B$10,7,0)+IF('Standard Profiles'!$G$19=$B$17,14,0)+IF('Standard Profiles'!$G$19=$B$24,21,0),MOD($C7092,24)+1)/SUM(INDEX($D$3:$AA$30,INDEX(Jesper!$R$2:$R$366,ROW(INDEX(Jesper!AI$2:AI$366,ROUNDDOWN($C7092/24,0)+1,1))-1)+IF('Standard Profiles'!$G$19=$B$10,7,0)+IF('Standard Profiles'!$G$19=$B$17,14,0)+IF('Standard Profiles'!$G$19=$B$24,21,0),0)),0)</f>
        <v>0</v>
      </c>
      <c r="F7092" cm="1">
        <f t="array" ref="F7092">IFERROR(INDEX(Jesper!AJ$2:AJ$366,ROUNDDOWN($C7092/24,0)+1,1)*INDEX($D$3:$AA$30,INDEX(Jesper!$R$2:$R$366,ROW(INDEX(Jesper!AJ$2:AJ$366,ROUNDDOWN($C7092/24,0)+1,1))-1)+IF('Standard Profiles'!$G$20=$B$10,7,0)+IF('Standard Profiles'!$G$20=$B$17,14,0)+IF('Standard Profiles'!$G$20=$B$24,21,0),MOD($C7092,24)+1)/SUM(INDEX($D$3:$AA$30,INDEX(Jesper!$R$2:$R$366,ROW(INDEX(Jesper!AJ$2:AJ$366,ROUNDDOWN($C7092/24,0)+1,1))-1)+IF('Standard Profiles'!$G$20=$B$10,7,0)+IF('Standard Profiles'!$G$20=$B$17,14,0)+IF('Standard Profiles'!$G$20=$B$24,21,0),0)),0)</f>
        <v>0</v>
      </c>
      <c r="G7092" cm="1">
        <f t="array" ref="G7092">IFERROR(INDEX(Jesper!AK$2:AK$366,ROUNDDOWN($C7092/24,0)+1,1)*INDEX($D$3:$AA$30,INDEX(Jesper!$R$2:$R$366,ROW(INDEX(Jesper!AK$2:AK$366,ROUNDDOWN($C7092/24,0)+1,1))-1)+IF('Standard Profiles'!$G$21=$B$10,7,0)+IF('Standard Profiles'!$G$21=$B$17,14,0)+IF('Standard Profiles'!$G$21=$B$24,21,0),MOD($C7092,24)+1)/SUM(INDEX($D$3:$AA$30,INDEX(Jesper!$R$2:$R$366,ROW(INDEX(Jesper!AK$2:AK$366,ROUNDDOWN($C7092/24,0)+1,1))-1)+IF('Standard Profiles'!$G$21=$B$10,7,0)+IF('Standard Profiles'!$G$21=$B$17,14,0)+IF('Standard Profiles'!$G$21=$B$24,21,0),0)),0)</f>
        <v>0</v>
      </c>
      <c r="H7092" cm="1">
        <f t="array" ref="H7092">IFERROR(INDEX(Jesper!AL$2:AL$366,ROUNDDOWN($C7092/24,0)+1,1)*INDEX($D$3:$AA$30,INDEX(Jesper!$R$2:$R$366,ROW(INDEX(Jesper!AL$2:AL$366,ROUNDDOWN($C7092/24,0)+1,1))-1)+IF('Standard Profiles'!$G$22=$B$10,7,0)+IF('Standard Profiles'!$G$22=$B$17,14,0)+IF('Standard Profiles'!$G$22=$B$24,21,0),MOD($C7092,24)+1)/SUM(INDEX($D$3:$AA$30,INDEX(Jesper!$R$2:$R$366,ROW(INDEX(Jesper!AL$2:AL$366,ROUNDDOWN($C7092/24,0)+1,1))-1)+IF('Standard Profiles'!$G$22=$B$10,7,0)+IF('Standard Profiles'!$G$22=$B$17,14,0)+IF('Standard Profiles'!$G$22=$B$24,21,0),0)),0)</f>
        <v>0</v>
      </c>
      <c r="I7092">
        <f t="shared" si="790"/>
        <v>7.6318793879040281E-2</v>
      </c>
      <c r="J7092">
        <f t="shared" si="791"/>
        <v>0.25439597959680094</v>
      </c>
      <c r="K7092">
        <f t="shared" si="792"/>
        <v>0.3815939693952014</v>
      </c>
      <c r="L7092">
        <f t="shared" si="793"/>
        <v>1.8316510530969667</v>
      </c>
      <c r="M7092">
        <f t="shared" si="794"/>
        <v>0</v>
      </c>
      <c r="N7092" s="46">
        <f t="shared" si="795"/>
        <v>45586.083333316215</v>
      </c>
    </row>
    <row r="7093" spans="2:14" x14ac:dyDescent="0.3">
      <c r="B7093">
        <f t="shared" si="789"/>
        <v>1</v>
      </c>
      <c r="C7093" s="16">
        <v>7059</v>
      </c>
      <c r="D7093" cm="1">
        <f t="array" ref="D7093">IFERROR(INDEX(Jesper!AH$2:AH$366,ROUNDDOWN($C7093/24,0)+1,1)*INDEX($D$3:$AA$30,INDEX(Jesper!$R$2:$R$366,ROW(INDEX(Jesper!AH$2:AH$366,ROUNDDOWN($C7093/24,0)+1,1))-1)+IF('Standard Profiles'!$G$18=$B$10,7,0)+IF('Standard Profiles'!$G$18=$B$17,14,0)+IF('Standard Profiles'!$G$18=$B$24,21,0),MOD($C7093,24)+1)/SUM(INDEX($D$3:$AA$30,INDEX(Jesper!$R$2:$R$366,ROW(INDEX(Jesper!AH$2:AH$366,ROUNDDOWN($C7093/24,0)+1,1))-1)+IF('Standard Profiles'!$G$18=$B$10,7,0)+IF('Standard Profiles'!$G$18=$B$17,14,0)+IF('Standard Profiles'!$G$18=$B$24,21,0),0)),0)</f>
        <v>2.5439597959680094</v>
      </c>
      <c r="E7093" cm="1">
        <f t="array" ref="E7093">IFERROR(INDEX(Jesper!AI$2:AI$366,ROUNDDOWN($C7093/24,0)+1,1)*INDEX($D$3:$AA$30,INDEX(Jesper!$R$2:$R$366,ROW(INDEX(Jesper!AI$2:AI$366,ROUNDDOWN($C7093/24,0)+1,1))-1)+IF('Standard Profiles'!$G$19=$B$10,7,0)+IF('Standard Profiles'!$G$19=$B$17,14,0)+IF('Standard Profiles'!$G$19=$B$24,21,0),MOD($C7093,24)+1)/SUM(INDEX($D$3:$AA$30,INDEX(Jesper!$R$2:$R$366,ROW(INDEX(Jesper!AI$2:AI$366,ROUNDDOWN($C7093/24,0)+1,1))-1)+IF('Standard Profiles'!$G$19=$B$10,7,0)+IF('Standard Profiles'!$G$19=$B$17,14,0)+IF('Standard Profiles'!$G$19=$B$24,21,0),0)),0)</f>
        <v>0</v>
      </c>
      <c r="F7093" cm="1">
        <f t="array" ref="F7093">IFERROR(INDEX(Jesper!AJ$2:AJ$366,ROUNDDOWN($C7093/24,0)+1,1)*INDEX($D$3:$AA$30,INDEX(Jesper!$R$2:$R$366,ROW(INDEX(Jesper!AJ$2:AJ$366,ROUNDDOWN($C7093/24,0)+1,1))-1)+IF('Standard Profiles'!$G$20=$B$10,7,0)+IF('Standard Profiles'!$G$20=$B$17,14,0)+IF('Standard Profiles'!$G$20=$B$24,21,0),MOD($C7093,24)+1)/SUM(INDEX($D$3:$AA$30,INDEX(Jesper!$R$2:$R$366,ROW(INDEX(Jesper!AJ$2:AJ$366,ROUNDDOWN($C7093/24,0)+1,1))-1)+IF('Standard Profiles'!$G$20=$B$10,7,0)+IF('Standard Profiles'!$G$20=$B$17,14,0)+IF('Standard Profiles'!$G$20=$B$24,21,0),0)),0)</f>
        <v>0</v>
      </c>
      <c r="G7093" cm="1">
        <f t="array" ref="G7093">IFERROR(INDEX(Jesper!AK$2:AK$366,ROUNDDOWN($C7093/24,0)+1,1)*INDEX($D$3:$AA$30,INDEX(Jesper!$R$2:$R$366,ROW(INDEX(Jesper!AK$2:AK$366,ROUNDDOWN($C7093/24,0)+1,1))-1)+IF('Standard Profiles'!$G$21=$B$10,7,0)+IF('Standard Profiles'!$G$21=$B$17,14,0)+IF('Standard Profiles'!$G$21=$B$24,21,0),MOD($C7093,24)+1)/SUM(INDEX($D$3:$AA$30,INDEX(Jesper!$R$2:$R$366,ROW(INDEX(Jesper!AK$2:AK$366,ROUNDDOWN($C7093/24,0)+1,1))-1)+IF('Standard Profiles'!$G$21=$B$10,7,0)+IF('Standard Profiles'!$G$21=$B$17,14,0)+IF('Standard Profiles'!$G$21=$B$24,21,0),0)),0)</f>
        <v>0</v>
      </c>
      <c r="H7093" cm="1">
        <f t="array" ref="H7093">IFERROR(INDEX(Jesper!AL$2:AL$366,ROUNDDOWN($C7093/24,0)+1,1)*INDEX($D$3:$AA$30,INDEX(Jesper!$R$2:$R$366,ROW(INDEX(Jesper!AL$2:AL$366,ROUNDDOWN($C7093/24,0)+1,1))-1)+IF('Standard Profiles'!$G$22=$B$10,7,0)+IF('Standard Profiles'!$G$22=$B$17,14,0)+IF('Standard Profiles'!$G$22=$B$24,21,0),MOD($C7093,24)+1)/SUM(INDEX($D$3:$AA$30,INDEX(Jesper!$R$2:$R$366,ROW(INDEX(Jesper!AL$2:AL$366,ROUNDDOWN($C7093/24,0)+1,1))-1)+IF('Standard Profiles'!$G$22=$B$10,7,0)+IF('Standard Profiles'!$G$22=$B$17,14,0)+IF('Standard Profiles'!$G$22=$B$24,21,0),0)),0)</f>
        <v>0</v>
      </c>
      <c r="I7093">
        <f t="shared" si="790"/>
        <v>7.6318793879040281E-2</v>
      </c>
      <c r="J7093">
        <f t="shared" si="791"/>
        <v>0.25439597959680094</v>
      </c>
      <c r="K7093">
        <f t="shared" si="792"/>
        <v>0.3815939693952014</v>
      </c>
      <c r="L7093">
        <f t="shared" si="793"/>
        <v>1.8316510530969667</v>
      </c>
      <c r="M7093">
        <f t="shared" si="794"/>
        <v>0</v>
      </c>
      <c r="N7093" s="46">
        <f t="shared" si="795"/>
        <v>45586.12499998288</v>
      </c>
    </row>
    <row r="7094" spans="2:14" x14ac:dyDescent="0.3">
      <c r="B7094">
        <f t="shared" si="789"/>
        <v>1</v>
      </c>
      <c r="C7094" s="16">
        <v>7060</v>
      </c>
      <c r="D7094" cm="1">
        <f t="array" ref="D7094">IFERROR(INDEX(Jesper!AH$2:AH$366,ROUNDDOWN($C7094/24,0)+1,1)*INDEX($D$3:$AA$30,INDEX(Jesper!$R$2:$R$366,ROW(INDEX(Jesper!AH$2:AH$366,ROUNDDOWN($C7094/24,0)+1,1))-1)+IF('Standard Profiles'!$G$18=$B$10,7,0)+IF('Standard Profiles'!$G$18=$B$17,14,0)+IF('Standard Profiles'!$G$18=$B$24,21,0),MOD($C7094,24)+1)/SUM(INDEX($D$3:$AA$30,INDEX(Jesper!$R$2:$R$366,ROW(INDEX(Jesper!AH$2:AH$366,ROUNDDOWN($C7094/24,0)+1,1))-1)+IF('Standard Profiles'!$G$18=$B$10,7,0)+IF('Standard Profiles'!$G$18=$B$17,14,0)+IF('Standard Profiles'!$G$18=$B$24,21,0),0)),0)</f>
        <v>2.5439597959680094</v>
      </c>
      <c r="E7094" cm="1">
        <f t="array" ref="E7094">IFERROR(INDEX(Jesper!AI$2:AI$366,ROUNDDOWN($C7094/24,0)+1,1)*INDEX($D$3:$AA$30,INDEX(Jesper!$R$2:$R$366,ROW(INDEX(Jesper!AI$2:AI$366,ROUNDDOWN($C7094/24,0)+1,1))-1)+IF('Standard Profiles'!$G$19=$B$10,7,0)+IF('Standard Profiles'!$G$19=$B$17,14,0)+IF('Standard Profiles'!$G$19=$B$24,21,0),MOD($C7094,24)+1)/SUM(INDEX($D$3:$AA$30,INDEX(Jesper!$R$2:$R$366,ROW(INDEX(Jesper!AI$2:AI$366,ROUNDDOWN($C7094/24,0)+1,1))-1)+IF('Standard Profiles'!$G$19=$B$10,7,0)+IF('Standard Profiles'!$G$19=$B$17,14,0)+IF('Standard Profiles'!$G$19=$B$24,21,0),0)),0)</f>
        <v>0</v>
      </c>
      <c r="F7094" cm="1">
        <f t="array" ref="F7094">IFERROR(INDEX(Jesper!AJ$2:AJ$366,ROUNDDOWN($C7094/24,0)+1,1)*INDEX($D$3:$AA$30,INDEX(Jesper!$R$2:$R$366,ROW(INDEX(Jesper!AJ$2:AJ$366,ROUNDDOWN($C7094/24,0)+1,1))-1)+IF('Standard Profiles'!$G$20=$B$10,7,0)+IF('Standard Profiles'!$G$20=$B$17,14,0)+IF('Standard Profiles'!$G$20=$B$24,21,0),MOD($C7094,24)+1)/SUM(INDEX($D$3:$AA$30,INDEX(Jesper!$R$2:$R$366,ROW(INDEX(Jesper!AJ$2:AJ$366,ROUNDDOWN($C7094/24,0)+1,1))-1)+IF('Standard Profiles'!$G$20=$B$10,7,0)+IF('Standard Profiles'!$G$20=$B$17,14,0)+IF('Standard Profiles'!$G$20=$B$24,21,0),0)),0)</f>
        <v>0</v>
      </c>
      <c r="G7094" cm="1">
        <f t="array" ref="G7094">IFERROR(INDEX(Jesper!AK$2:AK$366,ROUNDDOWN($C7094/24,0)+1,1)*INDEX($D$3:$AA$30,INDEX(Jesper!$R$2:$R$366,ROW(INDEX(Jesper!AK$2:AK$366,ROUNDDOWN($C7094/24,0)+1,1))-1)+IF('Standard Profiles'!$G$21=$B$10,7,0)+IF('Standard Profiles'!$G$21=$B$17,14,0)+IF('Standard Profiles'!$G$21=$B$24,21,0),MOD($C7094,24)+1)/SUM(INDEX($D$3:$AA$30,INDEX(Jesper!$R$2:$R$366,ROW(INDEX(Jesper!AK$2:AK$366,ROUNDDOWN($C7094/24,0)+1,1))-1)+IF('Standard Profiles'!$G$21=$B$10,7,0)+IF('Standard Profiles'!$G$21=$B$17,14,0)+IF('Standard Profiles'!$G$21=$B$24,21,0),0)),0)</f>
        <v>0</v>
      </c>
      <c r="H7094" cm="1">
        <f t="array" ref="H7094">IFERROR(INDEX(Jesper!AL$2:AL$366,ROUNDDOWN($C7094/24,0)+1,1)*INDEX($D$3:$AA$30,INDEX(Jesper!$R$2:$R$366,ROW(INDEX(Jesper!AL$2:AL$366,ROUNDDOWN($C7094/24,0)+1,1))-1)+IF('Standard Profiles'!$G$22=$B$10,7,0)+IF('Standard Profiles'!$G$22=$B$17,14,0)+IF('Standard Profiles'!$G$22=$B$24,21,0),MOD($C7094,24)+1)/SUM(INDEX($D$3:$AA$30,INDEX(Jesper!$R$2:$R$366,ROW(INDEX(Jesper!AL$2:AL$366,ROUNDDOWN($C7094/24,0)+1,1))-1)+IF('Standard Profiles'!$G$22=$B$10,7,0)+IF('Standard Profiles'!$G$22=$B$17,14,0)+IF('Standard Profiles'!$G$22=$B$24,21,0),0)),0)</f>
        <v>0</v>
      </c>
      <c r="I7094">
        <f t="shared" si="790"/>
        <v>7.6318793879040281E-2</v>
      </c>
      <c r="J7094">
        <f t="shared" si="791"/>
        <v>0.25439597959680094</v>
      </c>
      <c r="K7094">
        <f t="shared" si="792"/>
        <v>0.3815939693952014</v>
      </c>
      <c r="L7094">
        <f t="shared" si="793"/>
        <v>1.8316510530969667</v>
      </c>
      <c r="M7094">
        <f t="shared" si="794"/>
        <v>0</v>
      </c>
      <c r="N7094" s="46">
        <f t="shared" si="795"/>
        <v>45586.166666649544</v>
      </c>
    </row>
    <row r="7095" spans="2:14" x14ac:dyDescent="0.3">
      <c r="B7095">
        <f t="shared" si="789"/>
        <v>1</v>
      </c>
      <c r="C7095" s="16">
        <v>7061</v>
      </c>
      <c r="D7095" cm="1">
        <f t="array" ref="D7095">IFERROR(INDEX(Jesper!AH$2:AH$366,ROUNDDOWN($C7095/24,0)+1,1)*INDEX($D$3:$AA$30,INDEX(Jesper!$R$2:$R$366,ROW(INDEX(Jesper!AH$2:AH$366,ROUNDDOWN($C7095/24,0)+1,1))-1)+IF('Standard Profiles'!$G$18=$B$10,7,0)+IF('Standard Profiles'!$G$18=$B$17,14,0)+IF('Standard Profiles'!$G$18=$B$24,21,0),MOD($C7095,24)+1)/SUM(INDEX($D$3:$AA$30,INDEX(Jesper!$R$2:$R$366,ROW(INDEX(Jesper!AH$2:AH$366,ROUNDDOWN($C7095/24,0)+1,1))-1)+IF('Standard Profiles'!$G$18=$B$10,7,0)+IF('Standard Profiles'!$G$18=$B$17,14,0)+IF('Standard Profiles'!$G$18=$B$24,21,0),0)),0)</f>
        <v>11.023825782528041</v>
      </c>
      <c r="E7095" cm="1">
        <f t="array" ref="E7095">IFERROR(INDEX(Jesper!AI$2:AI$366,ROUNDDOWN($C7095/24,0)+1,1)*INDEX($D$3:$AA$30,INDEX(Jesper!$R$2:$R$366,ROW(INDEX(Jesper!AI$2:AI$366,ROUNDDOWN($C7095/24,0)+1,1))-1)+IF('Standard Profiles'!$G$19=$B$10,7,0)+IF('Standard Profiles'!$G$19=$B$17,14,0)+IF('Standard Profiles'!$G$19=$B$24,21,0),MOD($C7095,24)+1)/SUM(INDEX($D$3:$AA$30,INDEX(Jesper!$R$2:$R$366,ROW(INDEX(Jesper!AI$2:AI$366,ROUNDDOWN($C7095/24,0)+1,1))-1)+IF('Standard Profiles'!$G$19=$B$10,7,0)+IF('Standard Profiles'!$G$19=$B$17,14,0)+IF('Standard Profiles'!$G$19=$B$24,21,0),0)),0)</f>
        <v>0</v>
      </c>
      <c r="F7095" cm="1">
        <f t="array" ref="F7095">IFERROR(INDEX(Jesper!AJ$2:AJ$366,ROUNDDOWN($C7095/24,0)+1,1)*INDEX($D$3:$AA$30,INDEX(Jesper!$R$2:$R$366,ROW(INDEX(Jesper!AJ$2:AJ$366,ROUNDDOWN($C7095/24,0)+1,1))-1)+IF('Standard Profiles'!$G$20=$B$10,7,0)+IF('Standard Profiles'!$G$20=$B$17,14,0)+IF('Standard Profiles'!$G$20=$B$24,21,0),MOD($C7095,24)+1)/SUM(INDEX($D$3:$AA$30,INDEX(Jesper!$R$2:$R$366,ROW(INDEX(Jesper!AJ$2:AJ$366,ROUNDDOWN($C7095/24,0)+1,1))-1)+IF('Standard Profiles'!$G$20=$B$10,7,0)+IF('Standard Profiles'!$G$20=$B$17,14,0)+IF('Standard Profiles'!$G$20=$B$24,21,0),0)),0)</f>
        <v>0</v>
      </c>
      <c r="G7095" cm="1">
        <f t="array" ref="G7095">IFERROR(INDEX(Jesper!AK$2:AK$366,ROUNDDOWN($C7095/24,0)+1,1)*INDEX($D$3:$AA$30,INDEX(Jesper!$R$2:$R$366,ROW(INDEX(Jesper!AK$2:AK$366,ROUNDDOWN($C7095/24,0)+1,1))-1)+IF('Standard Profiles'!$G$21=$B$10,7,0)+IF('Standard Profiles'!$G$21=$B$17,14,0)+IF('Standard Profiles'!$G$21=$B$24,21,0),MOD($C7095,24)+1)/SUM(INDEX($D$3:$AA$30,INDEX(Jesper!$R$2:$R$366,ROW(INDEX(Jesper!AK$2:AK$366,ROUNDDOWN($C7095/24,0)+1,1))-1)+IF('Standard Profiles'!$G$21=$B$10,7,0)+IF('Standard Profiles'!$G$21=$B$17,14,0)+IF('Standard Profiles'!$G$21=$B$24,21,0),0)),0)</f>
        <v>0</v>
      </c>
      <c r="H7095" cm="1">
        <f t="array" ref="H7095">IFERROR(INDEX(Jesper!AL$2:AL$366,ROUNDDOWN($C7095/24,0)+1,1)*INDEX($D$3:$AA$30,INDEX(Jesper!$R$2:$R$366,ROW(INDEX(Jesper!AL$2:AL$366,ROUNDDOWN($C7095/24,0)+1,1))-1)+IF('Standard Profiles'!$G$22=$B$10,7,0)+IF('Standard Profiles'!$G$22=$B$17,14,0)+IF('Standard Profiles'!$G$22=$B$24,21,0),MOD($C7095,24)+1)/SUM(INDEX($D$3:$AA$30,INDEX(Jesper!$R$2:$R$366,ROW(INDEX(Jesper!AL$2:AL$366,ROUNDDOWN($C7095/24,0)+1,1))-1)+IF('Standard Profiles'!$G$22=$B$10,7,0)+IF('Standard Profiles'!$G$22=$B$17,14,0)+IF('Standard Profiles'!$G$22=$B$24,21,0),0)),0)</f>
        <v>0</v>
      </c>
      <c r="I7095">
        <f t="shared" si="790"/>
        <v>0.33071477347584122</v>
      </c>
      <c r="J7095">
        <f t="shared" si="791"/>
        <v>1.1023825782528041</v>
      </c>
      <c r="K7095">
        <f t="shared" si="792"/>
        <v>1.6535738673792062</v>
      </c>
      <c r="L7095">
        <f t="shared" si="793"/>
        <v>7.9371545634201892</v>
      </c>
      <c r="M7095">
        <f t="shared" si="794"/>
        <v>0</v>
      </c>
      <c r="N7095" s="46">
        <f t="shared" si="795"/>
        <v>45586.208333316208</v>
      </c>
    </row>
    <row r="7096" spans="2:14" x14ac:dyDescent="0.3">
      <c r="B7096">
        <f t="shared" si="789"/>
        <v>1</v>
      </c>
      <c r="C7096" s="16">
        <v>7062</v>
      </c>
      <c r="D7096" cm="1">
        <f t="array" ref="D7096">IFERROR(INDEX(Jesper!AH$2:AH$366,ROUNDDOWN($C7096/24,0)+1,1)*INDEX($D$3:$AA$30,INDEX(Jesper!$R$2:$R$366,ROW(INDEX(Jesper!AH$2:AH$366,ROUNDDOWN($C7096/24,0)+1,1))-1)+IF('Standard Profiles'!$G$18=$B$10,7,0)+IF('Standard Profiles'!$G$18=$B$17,14,0)+IF('Standard Profiles'!$G$18=$B$24,21,0),MOD($C7096,24)+1)/SUM(INDEX($D$3:$AA$30,INDEX(Jesper!$R$2:$R$366,ROW(INDEX(Jesper!AH$2:AH$366,ROUNDDOWN($C7096/24,0)+1,1))-1)+IF('Standard Profiles'!$G$18=$B$10,7,0)+IF('Standard Profiles'!$G$18=$B$17,14,0)+IF('Standard Profiles'!$G$18=$B$24,21,0),0)),0)</f>
        <v>12.507802330176048</v>
      </c>
      <c r="E7096" cm="1">
        <f t="array" ref="E7096">IFERROR(INDEX(Jesper!AI$2:AI$366,ROUNDDOWN($C7096/24,0)+1,1)*INDEX($D$3:$AA$30,INDEX(Jesper!$R$2:$R$366,ROW(INDEX(Jesper!AI$2:AI$366,ROUNDDOWN($C7096/24,0)+1,1))-1)+IF('Standard Profiles'!$G$19=$B$10,7,0)+IF('Standard Profiles'!$G$19=$B$17,14,0)+IF('Standard Profiles'!$G$19=$B$24,21,0),MOD($C7096,24)+1)/SUM(INDEX($D$3:$AA$30,INDEX(Jesper!$R$2:$R$366,ROW(INDEX(Jesper!AI$2:AI$366,ROUNDDOWN($C7096/24,0)+1,1))-1)+IF('Standard Profiles'!$G$19=$B$10,7,0)+IF('Standard Profiles'!$G$19=$B$17,14,0)+IF('Standard Profiles'!$G$19=$B$24,21,0),0)),0)</f>
        <v>0</v>
      </c>
      <c r="F7096" cm="1">
        <f t="array" ref="F7096">IFERROR(INDEX(Jesper!AJ$2:AJ$366,ROUNDDOWN($C7096/24,0)+1,1)*INDEX($D$3:$AA$30,INDEX(Jesper!$R$2:$R$366,ROW(INDEX(Jesper!AJ$2:AJ$366,ROUNDDOWN($C7096/24,0)+1,1))-1)+IF('Standard Profiles'!$G$20=$B$10,7,0)+IF('Standard Profiles'!$G$20=$B$17,14,0)+IF('Standard Profiles'!$G$20=$B$24,21,0),MOD($C7096,24)+1)/SUM(INDEX($D$3:$AA$30,INDEX(Jesper!$R$2:$R$366,ROW(INDEX(Jesper!AJ$2:AJ$366,ROUNDDOWN($C7096/24,0)+1,1))-1)+IF('Standard Profiles'!$G$20=$B$10,7,0)+IF('Standard Profiles'!$G$20=$B$17,14,0)+IF('Standard Profiles'!$G$20=$B$24,21,0),0)),0)</f>
        <v>0</v>
      </c>
      <c r="G7096" cm="1">
        <f t="array" ref="G7096">IFERROR(INDEX(Jesper!AK$2:AK$366,ROUNDDOWN($C7096/24,0)+1,1)*INDEX($D$3:$AA$30,INDEX(Jesper!$R$2:$R$366,ROW(INDEX(Jesper!AK$2:AK$366,ROUNDDOWN($C7096/24,0)+1,1))-1)+IF('Standard Profiles'!$G$21=$B$10,7,0)+IF('Standard Profiles'!$G$21=$B$17,14,0)+IF('Standard Profiles'!$G$21=$B$24,21,0),MOD($C7096,24)+1)/SUM(INDEX($D$3:$AA$30,INDEX(Jesper!$R$2:$R$366,ROW(INDEX(Jesper!AK$2:AK$366,ROUNDDOWN($C7096/24,0)+1,1))-1)+IF('Standard Profiles'!$G$21=$B$10,7,0)+IF('Standard Profiles'!$G$21=$B$17,14,0)+IF('Standard Profiles'!$G$21=$B$24,21,0),0)),0)</f>
        <v>0</v>
      </c>
      <c r="H7096" cm="1">
        <f t="array" ref="H7096">IFERROR(INDEX(Jesper!AL$2:AL$366,ROUNDDOWN($C7096/24,0)+1,1)*INDEX($D$3:$AA$30,INDEX(Jesper!$R$2:$R$366,ROW(INDEX(Jesper!AL$2:AL$366,ROUNDDOWN($C7096/24,0)+1,1))-1)+IF('Standard Profiles'!$G$22=$B$10,7,0)+IF('Standard Profiles'!$G$22=$B$17,14,0)+IF('Standard Profiles'!$G$22=$B$24,21,0),MOD($C7096,24)+1)/SUM(INDEX($D$3:$AA$30,INDEX(Jesper!$R$2:$R$366,ROW(INDEX(Jesper!AL$2:AL$366,ROUNDDOWN($C7096/24,0)+1,1))-1)+IF('Standard Profiles'!$G$22=$B$10,7,0)+IF('Standard Profiles'!$G$22=$B$17,14,0)+IF('Standard Profiles'!$G$22=$B$24,21,0),0)),0)</f>
        <v>0</v>
      </c>
      <c r="I7096">
        <f t="shared" si="790"/>
        <v>0.37523406990528141</v>
      </c>
      <c r="J7096">
        <f t="shared" si="791"/>
        <v>1.250780233017605</v>
      </c>
      <c r="K7096">
        <f t="shared" si="792"/>
        <v>1.876170349526407</v>
      </c>
      <c r="L7096">
        <f t="shared" si="793"/>
        <v>9.0056176777267538</v>
      </c>
      <c r="M7096">
        <f t="shared" si="794"/>
        <v>0</v>
      </c>
      <c r="N7096" s="46">
        <f t="shared" si="795"/>
        <v>45586.249999982872</v>
      </c>
    </row>
    <row r="7097" spans="2:14" x14ac:dyDescent="0.3">
      <c r="B7097">
        <f t="shared" si="789"/>
        <v>1</v>
      </c>
      <c r="C7097" s="16">
        <v>7063</v>
      </c>
      <c r="D7097" cm="1">
        <f t="array" ref="D7097">IFERROR(INDEX(Jesper!AH$2:AH$366,ROUNDDOWN($C7097/24,0)+1,1)*INDEX($D$3:$AA$30,INDEX(Jesper!$R$2:$R$366,ROW(INDEX(Jesper!AH$2:AH$366,ROUNDDOWN($C7097/24,0)+1,1))-1)+IF('Standard Profiles'!$G$18=$B$10,7,0)+IF('Standard Profiles'!$G$18=$B$17,14,0)+IF('Standard Profiles'!$G$18=$B$24,21,0),MOD($C7097,24)+1)/SUM(INDEX($D$3:$AA$30,INDEX(Jesper!$R$2:$R$366,ROW(INDEX(Jesper!AH$2:AH$366,ROUNDDOWN($C7097/24,0)+1,1))-1)+IF('Standard Profiles'!$G$18=$B$10,7,0)+IF('Standard Profiles'!$G$18=$B$17,14,0)+IF('Standard Profiles'!$G$18=$B$24,21,0),0)),0)</f>
        <v>12.507802330176048</v>
      </c>
      <c r="E7097" cm="1">
        <f t="array" ref="E7097">IFERROR(INDEX(Jesper!AI$2:AI$366,ROUNDDOWN($C7097/24,0)+1,1)*INDEX($D$3:$AA$30,INDEX(Jesper!$R$2:$R$366,ROW(INDEX(Jesper!AI$2:AI$366,ROUNDDOWN($C7097/24,0)+1,1))-1)+IF('Standard Profiles'!$G$19=$B$10,7,0)+IF('Standard Profiles'!$G$19=$B$17,14,0)+IF('Standard Profiles'!$G$19=$B$24,21,0),MOD($C7097,24)+1)/SUM(INDEX($D$3:$AA$30,INDEX(Jesper!$R$2:$R$366,ROW(INDEX(Jesper!AI$2:AI$366,ROUNDDOWN($C7097/24,0)+1,1))-1)+IF('Standard Profiles'!$G$19=$B$10,7,0)+IF('Standard Profiles'!$G$19=$B$17,14,0)+IF('Standard Profiles'!$G$19=$B$24,21,0),0)),0)</f>
        <v>0</v>
      </c>
      <c r="F7097" cm="1">
        <f t="array" ref="F7097">IFERROR(INDEX(Jesper!AJ$2:AJ$366,ROUNDDOWN($C7097/24,0)+1,1)*INDEX($D$3:$AA$30,INDEX(Jesper!$R$2:$R$366,ROW(INDEX(Jesper!AJ$2:AJ$366,ROUNDDOWN($C7097/24,0)+1,1))-1)+IF('Standard Profiles'!$G$20=$B$10,7,0)+IF('Standard Profiles'!$G$20=$B$17,14,0)+IF('Standard Profiles'!$G$20=$B$24,21,0),MOD($C7097,24)+1)/SUM(INDEX($D$3:$AA$30,INDEX(Jesper!$R$2:$R$366,ROW(INDEX(Jesper!AJ$2:AJ$366,ROUNDDOWN($C7097/24,0)+1,1))-1)+IF('Standard Profiles'!$G$20=$B$10,7,0)+IF('Standard Profiles'!$G$20=$B$17,14,0)+IF('Standard Profiles'!$G$20=$B$24,21,0),0)),0)</f>
        <v>0</v>
      </c>
      <c r="G7097" cm="1">
        <f t="array" ref="G7097">IFERROR(INDEX(Jesper!AK$2:AK$366,ROUNDDOWN($C7097/24,0)+1,1)*INDEX($D$3:$AA$30,INDEX(Jesper!$R$2:$R$366,ROW(INDEX(Jesper!AK$2:AK$366,ROUNDDOWN($C7097/24,0)+1,1))-1)+IF('Standard Profiles'!$G$21=$B$10,7,0)+IF('Standard Profiles'!$G$21=$B$17,14,0)+IF('Standard Profiles'!$G$21=$B$24,21,0),MOD($C7097,24)+1)/SUM(INDEX($D$3:$AA$30,INDEX(Jesper!$R$2:$R$366,ROW(INDEX(Jesper!AK$2:AK$366,ROUNDDOWN($C7097/24,0)+1,1))-1)+IF('Standard Profiles'!$G$21=$B$10,7,0)+IF('Standard Profiles'!$G$21=$B$17,14,0)+IF('Standard Profiles'!$G$21=$B$24,21,0),0)),0)</f>
        <v>0</v>
      </c>
      <c r="H7097" cm="1">
        <f t="array" ref="H7097">IFERROR(INDEX(Jesper!AL$2:AL$366,ROUNDDOWN($C7097/24,0)+1,1)*INDEX($D$3:$AA$30,INDEX(Jesper!$R$2:$R$366,ROW(INDEX(Jesper!AL$2:AL$366,ROUNDDOWN($C7097/24,0)+1,1))-1)+IF('Standard Profiles'!$G$22=$B$10,7,0)+IF('Standard Profiles'!$G$22=$B$17,14,0)+IF('Standard Profiles'!$G$22=$B$24,21,0),MOD($C7097,24)+1)/SUM(INDEX($D$3:$AA$30,INDEX(Jesper!$R$2:$R$366,ROW(INDEX(Jesper!AL$2:AL$366,ROUNDDOWN($C7097/24,0)+1,1))-1)+IF('Standard Profiles'!$G$22=$B$10,7,0)+IF('Standard Profiles'!$G$22=$B$17,14,0)+IF('Standard Profiles'!$G$22=$B$24,21,0),0)),0)</f>
        <v>0</v>
      </c>
      <c r="I7097">
        <f t="shared" si="790"/>
        <v>0.37523406990528141</v>
      </c>
      <c r="J7097">
        <f t="shared" si="791"/>
        <v>1.250780233017605</v>
      </c>
      <c r="K7097">
        <f t="shared" si="792"/>
        <v>1.876170349526407</v>
      </c>
      <c r="L7097">
        <f t="shared" si="793"/>
        <v>9.0056176777267538</v>
      </c>
      <c r="M7097">
        <f t="shared" si="794"/>
        <v>0</v>
      </c>
      <c r="N7097" s="46">
        <f t="shared" si="795"/>
        <v>45586.291666649537</v>
      </c>
    </row>
    <row r="7098" spans="2:14" x14ac:dyDescent="0.3">
      <c r="B7098">
        <f t="shared" si="789"/>
        <v>1</v>
      </c>
      <c r="C7098" s="16">
        <v>7064</v>
      </c>
      <c r="D7098" cm="1">
        <f t="array" ref="D7098">IFERROR(INDEX(Jesper!AH$2:AH$366,ROUNDDOWN($C7098/24,0)+1,1)*INDEX($D$3:$AA$30,INDEX(Jesper!$R$2:$R$366,ROW(INDEX(Jesper!AH$2:AH$366,ROUNDDOWN($C7098/24,0)+1,1))-1)+IF('Standard Profiles'!$G$18=$B$10,7,0)+IF('Standard Profiles'!$G$18=$B$17,14,0)+IF('Standard Profiles'!$G$18=$B$24,21,0),MOD($C7098,24)+1)/SUM(INDEX($D$3:$AA$30,INDEX(Jesper!$R$2:$R$366,ROW(INDEX(Jesper!AH$2:AH$366,ROUNDDOWN($C7098/24,0)+1,1))-1)+IF('Standard Profiles'!$G$18=$B$10,7,0)+IF('Standard Profiles'!$G$18=$B$17,14,0)+IF('Standard Profiles'!$G$18=$B$24,21,0),0)),0)</f>
        <v>12.507802330176048</v>
      </c>
      <c r="E7098" cm="1">
        <f t="array" ref="E7098">IFERROR(INDEX(Jesper!AI$2:AI$366,ROUNDDOWN($C7098/24,0)+1,1)*INDEX($D$3:$AA$30,INDEX(Jesper!$R$2:$R$366,ROW(INDEX(Jesper!AI$2:AI$366,ROUNDDOWN($C7098/24,0)+1,1))-1)+IF('Standard Profiles'!$G$19=$B$10,7,0)+IF('Standard Profiles'!$G$19=$B$17,14,0)+IF('Standard Profiles'!$G$19=$B$24,21,0),MOD($C7098,24)+1)/SUM(INDEX($D$3:$AA$30,INDEX(Jesper!$R$2:$R$366,ROW(INDEX(Jesper!AI$2:AI$366,ROUNDDOWN($C7098/24,0)+1,1))-1)+IF('Standard Profiles'!$G$19=$B$10,7,0)+IF('Standard Profiles'!$G$19=$B$17,14,0)+IF('Standard Profiles'!$G$19=$B$24,21,0),0)),0)</f>
        <v>0</v>
      </c>
      <c r="F7098" cm="1">
        <f t="array" ref="F7098">IFERROR(INDEX(Jesper!AJ$2:AJ$366,ROUNDDOWN($C7098/24,0)+1,1)*INDEX($D$3:$AA$30,INDEX(Jesper!$R$2:$R$366,ROW(INDEX(Jesper!AJ$2:AJ$366,ROUNDDOWN($C7098/24,0)+1,1))-1)+IF('Standard Profiles'!$G$20=$B$10,7,0)+IF('Standard Profiles'!$G$20=$B$17,14,0)+IF('Standard Profiles'!$G$20=$B$24,21,0),MOD($C7098,24)+1)/SUM(INDEX($D$3:$AA$30,INDEX(Jesper!$R$2:$R$366,ROW(INDEX(Jesper!AJ$2:AJ$366,ROUNDDOWN($C7098/24,0)+1,1))-1)+IF('Standard Profiles'!$G$20=$B$10,7,0)+IF('Standard Profiles'!$G$20=$B$17,14,0)+IF('Standard Profiles'!$G$20=$B$24,21,0),0)),0)</f>
        <v>0</v>
      </c>
      <c r="G7098" cm="1">
        <f t="array" ref="G7098">IFERROR(INDEX(Jesper!AK$2:AK$366,ROUNDDOWN($C7098/24,0)+1,1)*INDEX($D$3:$AA$30,INDEX(Jesper!$R$2:$R$366,ROW(INDEX(Jesper!AK$2:AK$366,ROUNDDOWN($C7098/24,0)+1,1))-1)+IF('Standard Profiles'!$G$21=$B$10,7,0)+IF('Standard Profiles'!$G$21=$B$17,14,0)+IF('Standard Profiles'!$G$21=$B$24,21,0),MOD($C7098,24)+1)/SUM(INDEX($D$3:$AA$30,INDEX(Jesper!$R$2:$R$366,ROW(INDEX(Jesper!AK$2:AK$366,ROUNDDOWN($C7098/24,0)+1,1))-1)+IF('Standard Profiles'!$G$21=$B$10,7,0)+IF('Standard Profiles'!$G$21=$B$17,14,0)+IF('Standard Profiles'!$G$21=$B$24,21,0),0)),0)</f>
        <v>0</v>
      </c>
      <c r="H7098" cm="1">
        <f t="array" ref="H7098">IFERROR(INDEX(Jesper!AL$2:AL$366,ROUNDDOWN($C7098/24,0)+1,1)*INDEX($D$3:$AA$30,INDEX(Jesper!$R$2:$R$366,ROW(INDEX(Jesper!AL$2:AL$366,ROUNDDOWN($C7098/24,0)+1,1))-1)+IF('Standard Profiles'!$G$22=$B$10,7,0)+IF('Standard Profiles'!$G$22=$B$17,14,0)+IF('Standard Profiles'!$G$22=$B$24,21,0),MOD($C7098,24)+1)/SUM(INDEX($D$3:$AA$30,INDEX(Jesper!$R$2:$R$366,ROW(INDEX(Jesper!AL$2:AL$366,ROUNDDOWN($C7098/24,0)+1,1))-1)+IF('Standard Profiles'!$G$22=$B$10,7,0)+IF('Standard Profiles'!$G$22=$B$17,14,0)+IF('Standard Profiles'!$G$22=$B$24,21,0),0)),0)</f>
        <v>0</v>
      </c>
      <c r="I7098">
        <f t="shared" si="790"/>
        <v>0.37523406990528141</v>
      </c>
      <c r="J7098">
        <f t="shared" si="791"/>
        <v>1.250780233017605</v>
      </c>
      <c r="K7098">
        <f t="shared" si="792"/>
        <v>1.876170349526407</v>
      </c>
      <c r="L7098">
        <f t="shared" si="793"/>
        <v>9.0056176777267538</v>
      </c>
      <c r="M7098">
        <f t="shared" si="794"/>
        <v>0</v>
      </c>
      <c r="N7098" s="46">
        <f t="shared" si="795"/>
        <v>45586.333333316201</v>
      </c>
    </row>
    <row r="7099" spans="2:14" x14ac:dyDescent="0.3">
      <c r="B7099">
        <f t="shared" si="789"/>
        <v>1</v>
      </c>
      <c r="C7099" s="16">
        <v>7065</v>
      </c>
      <c r="D7099" cm="1">
        <f t="array" ref="D7099">IFERROR(INDEX(Jesper!AH$2:AH$366,ROUNDDOWN($C7099/24,0)+1,1)*INDEX($D$3:$AA$30,INDEX(Jesper!$R$2:$R$366,ROW(INDEX(Jesper!AH$2:AH$366,ROUNDDOWN($C7099/24,0)+1,1))-1)+IF('Standard Profiles'!$G$18=$B$10,7,0)+IF('Standard Profiles'!$G$18=$B$17,14,0)+IF('Standard Profiles'!$G$18=$B$24,21,0),MOD($C7099,24)+1)/SUM(INDEX($D$3:$AA$30,INDEX(Jesper!$R$2:$R$366,ROW(INDEX(Jesper!AH$2:AH$366,ROUNDDOWN($C7099/24,0)+1,1))-1)+IF('Standard Profiles'!$G$18=$B$10,7,0)+IF('Standard Profiles'!$G$18=$B$17,14,0)+IF('Standard Profiles'!$G$18=$B$24,21,0),0)),0)</f>
        <v>13.35578892883205</v>
      </c>
      <c r="E7099" cm="1">
        <f t="array" ref="E7099">IFERROR(INDEX(Jesper!AI$2:AI$366,ROUNDDOWN($C7099/24,0)+1,1)*INDEX($D$3:$AA$30,INDEX(Jesper!$R$2:$R$366,ROW(INDEX(Jesper!AI$2:AI$366,ROUNDDOWN($C7099/24,0)+1,1))-1)+IF('Standard Profiles'!$G$19=$B$10,7,0)+IF('Standard Profiles'!$G$19=$B$17,14,0)+IF('Standard Profiles'!$G$19=$B$24,21,0),MOD($C7099,24)+1)/SUM(INDEX($D$3:$AA$30,INDEX(Jesper!$R$2:$R$366,ROW(INDEX(Jesper!AI$2:AI$366,ROUNDDOWN($C7099/24,0)+1,1))-1)+IF('Standard Profiles'!$G$19=$B$10,7,0)+IF('Standard Profiles'!$G$19=$B$17,14,0)+IF('Standard Profiles'!$G$19=$B$24,21,0),0)),0)</f>
        <v>0</v>
      </c>
      <c r="F7099" cm="1">
        <f t="array" ref="F7099">IFERROR(INDEX(Jesper!AJ$2:AJ$366,ROUNDDOWN($C7099/24,0)+1,1)*INDEX($D$3:$AA$30,INDEX(Jesper!$R$2:$R$366,ROW(INDEX(Jesper!AJ$2:AJ$366,ROUNDDOWN($C7099/24,0)+1,1))-1)+IF('Standard Profiles'!$G$20=$B$10,7,0)+IF('Standard Profiles'!$G$20=$B$17,14,0)+IF('Standard Profiles'!$G$20=$B$24,21,0),MOD($C7099,24)+1)/SUM(INDEX($D$3:$AA$30,INDEX(Jesper!$R$2:$R$366,ROW(INDEX(Jesper!AJ$2:AJ$366,ROUNDDOWN($C7099/24,0)+1,1))-1)+IF('Standard Profiles'!$G$20=$B$10,7,0)+IF('Standard Profiles'!$G$20=$B$17,14,0)+IF('Standard Profiles'!$G$20=$B$24,21,0),0)),0)</f>
        <v>0</v>
      </c>
      <c r="G7099" cm="1">
        <f t="array" ref="G7099">IFERROR(INDEX(Jesper!AK$2:AK$366,ROUNDDOWN($C7099/24,0)+1,1)*INDEX($D$3:$AA$30,INDEX(Jesper!$R$2:$R$366,ROW(INDEX(Jesper!AK$2:AK$366,ROUNDDOWN($C7099/24,0)+1,1))-1)+IF('Standard Profiles'!$G$21=$B$10,7,0)+IF('Standard Profiles'!$G$21=$B$17,14,0)+IF('Standard Profiles'!$G$21=$B$24,21,0),MOD($C7099,24)+1)/SUM(INDEX($D$3:$AA$30,INDEX(Jesper!$R$2:$R$366,ROW(INDEX(Jesper!AK$2:AK$366,ROUNDDOWN($C7099/24,0)+1,1))-1)+IF('Standard Profiles'!$G$21=$B$10,7,0)+IF('Standard Profiles'!$G$21=$B$17,14,0)+IF('Standard Profiles'!$G$21=$B$24,21,0),0)),0)</f>
        <v>0</v>
      </c>
      <c r="H7099" cm="1">
        <f t="array" ref="H7099">IFERROR(INDEX(Jesper!AL$2:AL$366,ROUNDDOWN($C7099/24,0)+1,1)*INDEX($D$3:$AA$30,INDEX(Jesper!$R$2:$R$366,ROW(INDEX(Jesper!AL$2:AL$366,ROUNDDOWN($C7099/24,0)+1,1))-1)+IF('Standard Profiles'!$G$22=$B$10,7,0)+IF('Standard Profiles'!$G$22=$B$17,14,0)+IF('Standard Profiles'!$G$22=$B$24,21,0),MOD($C7099,24)+1)/SUM(INDEX($D$3:$AA$30,INDEX(Jesper!$R$2:$R$366,ROW(INDEX(Jesper!AL$2:AL$366,ROUNDDOWN($C7099/24,0)+1,1))-1)+IF('Standard Profiles'!$G$22=$B$10,7,0)+IF('Standard Profiles'!$G$22=$B$17,14,0)+IF('Standard Profiles'!$G$22=$B$24,21,0),0)),0)</f>
        <v>0</v>
      </c>
      <c r="I7099">
        <f t="shared" si="790"/>
        <v>0.4006736678649615</v>
      </c>
      <c r="J7099">
        <f t="shared" si="791"/>
        <v>1.3355788928832051</v>
      </c>
      <c r="K7099">
        <f t="shared" si="792"/>
        <v>2.0033683393248074</v>
      </c>
      <c r="L7099">
        <f t="shared" si="793"/>
        <v>9.6161680287590752</v>
      </c>
      <c r="M7099">
        <f t="shared" si="794"/>
        <v>0</v>
      </c>
      <c r="N7099" s="46">
        <f t="shared" si="795"/>
        <v>45586.374999982865</v>
      </c>
    </row>
    <row r="7100" spans="2:14" x14ac:dyDescent="0.3">
      <c r="B7100">
        <f t="shared" si="789"/>
        <v>1</v>
      </c>
      <c r="C7100" s="16">
        <v>7066</v>
      </c>
      <c r="D7100" cm="1">
        <f t="array" ref="D7100">IFERROR(INDEX(Jesper!AH$2:AH$366,ROUNDDOWN($C7100/24,0)+1,1)*INDEX($D$3:$AA$30,INDEX(Jesper!$R$2:$R$366,ROW(INDEX(Jesper!AH$2:AH$366,ROUNDDOWN($C7100/24,0)+1,1))-1)+IF('Standard Profiles'!$G$18=$B$10,7,0)+IF('Standard Profiles'!$G$18=$B$17,14,0)+IF('Standard Profiles'!$G$18=$B$24,21,0),MOD($C7100,24)+1)/SUM(INDEX($D$3:$AA$30,INDEX(Jesper!$R$2:$R$366,ROW(INDEX(Jesper!AH$2:AH$366,ROUNDDOWN($C7100/24,0)+1,1))-1)+IF('Standard Profiles'!$G$18=$B$10,7,0)+IF('Standard Profiles'!$G$18=$B$17,14,0)+IF('Standard Profiles'!$G$18=$B$24,21,0),0)),0)</f>
        <v>13.35578892883205</v>
      </c>
      <c r="E7100" cm="1">
        <f t="array" ref="E7100">IFERROR(INDEX(Jesper!AI$2:AI$366,ROUNDDOWN($C7100/24,0)+1,1)*INDEX($D$3:$AA$30,INDEX(Jesper!$R$2:$R$366,ROW(INDEX(Jesper!AI$2:AI$366,ROUNDDOWN($C7100/24,0)+1,1))-1)+IF('Standard Profiles'!$G$19=$B$10,7,0)+IF('Standard Profiles'!$G$19=$B$17,14,0)+IF('Standard Profiles'!$G$19=$B$24,21,0),MOD($C7100,24)+1)/SUM(INDEX($D$3:$AA$30,INDEX(Jesper!$R$2:$R$366,ROW(INDEX(Jesper!AI$2:AI$366,ROUNDDOWN($C7100/24,0)+1,1))-1)+IF('Standard Profiles'!$G$19=$B$10,7,0)+IF('Standard Profiles'!$G$19=$B$17,14,0)+IF('Standard Profiles'!$G$19=$B$24,21,0),0)),0)</f>
        <v>0</v>
      </c>
      <c r="F7100" cm="1">
        <f t="array" ref="F7100">IFERROR(INDEX(Jesper!AJ$2:AJ$366,ROUNDDOWN($C7100/24,0)+1,1)*INDEX($D$3:$AA$30,INDEX(Jesper!$R$2:$R$366,ROW(INDEX(Jesper!AJ$2:AJ$366,ROUNDDOWN($C7100/24,0)+1,1))-1)+IF('Standard Profiles'!$G$20=$B$10,7,0)+IF('Standard Profiles'!$G$20=$B$17,14,0)+IF('Standard Profiles'!$G$20=$B$24,21,0),MOD($C7100,24)+1)/SUM(INDEX($D$3:$AA$30,INDEX(Jesper!$R$2:$R$366,ROW(INDEX(Jesper!AJ$2:AJ$366,ROUNDDOWN($C7100/24,0)+1,1))-1)+IF('Standard Profiles'!$G$20=$B$10,7,0)+IF('Standard Profiles'!$G$20=$B$17,14,0)+IF('Standard Profiles'!$G$20=$B$24,21,0),0)),0)</f>
        <v>0</v>
      </c>
      <c r="G7100" cm="1">
        <f t="array" ref="G7100">IFERROR(INDEX(Jesper!AK$2:AK$366,ROUNDDOWN($C7100/24,0)+1,1)*INDEX($D$3:$AA$30,INDEX(Jesper!$R$2:$R$366,ROW(INDEX(Jesper!AK$2:AK$366,ROUNDDOWN($C7100/24,0)+1,1))-1)+IF('Standard Profiles'!$G$21=$B$10,7,0)+IF('Standard Profiles'!$G$21=$B$17,14,0)+IF('Standard Profiles'!$G$21=$B$24,21,0),MOD($C7100,24)+1)/SUM(INDEX($D$3:$AA$30,INDEX(Jesper!$R$2:$R$366,ROW(INDEX(Jesper!AK$2:AK$366,ROUNDDOWN($C7100/24,0)+1,1))-1)+IF('Standard Profiles'!$G$21=$B$10,7,0)+IF('Standard Profiles'!$G$21=$B$17,14,0)+IF('Standard Profiles'!$G$21=$B$24,21,0),0)),0)</f>
        <v>0</v>
      </c>
      <c r="H7100" cm="1">
        <f t="array" ref="H7100">IFERROR(INDEX(Jesper!AL$2:AL$366,ROUNDDOWN($C7100/24,0)+1,1)*INDEX($D$3:$AA$30,INDEX(Jesper!$R$2:$R$366,ROW(INDEX(Jesper!AL$2:AL$366,ROUNDDOWN($C7100/24,0)+1,1))-1)+IF('Standard Profiles'!$G$22=$B$10,7,0)+IF('Standard Profiles'!$G$22=$B$17,14,0)+IF('Standard Profiles'!$G$22=$B$24,21,0),MOD($C7100,24)+1)/SUM(INDEX($D$3:$AA$30,INDEX(Jesper!$R$2:$R$366,ROW(INDEX(Jesper!AL$2:AL$366,ROUNDDOWN($C7100/24,0)+1,1))-1)+IF('Standard Profiles'!$G$22=$B$10,7,0)+IF('Standard Profiles'!$G$22=$B$17,14,0)+IF('Standard Profiles'!$G$22=$B$24,21,0),0)),0)</f>
        <v>0</v>
      </c>
      <c r="I7100">
        <f t="shared" si="790"/>
        <v>0.4006736678649615</v>
      </c>
      <c r="J7100">
        <f t="shared" si="791"/>
        <v>1.3355788928832051</v>
      </c>
      <c r="K7100">
        <f t="shared" si="792"/>
        <v>2.0033683393248074</v>
      </c>
      <c r="L7100">
        <f t="shared" si="793"/>
        <v>9.6161680287590752</v>
      </c>
      <c r="M7100">
        <f t="shared" si="794"/>
        <v>0</v>
      </c>
      <c r="N7100" s="46">
        <f t="shared" si="795"/>
        <v>45586.416666649529</v>
      </c>
    </row>
    <row r="7101" spans="2:14" x14ac:dyDescent="0.3">
      <c r="B7101">
        <f t="shared" si="789"/>
        <v>1</v>
      </c>
      <c r="C7101" s="16">
        <v>7067</v>
      </c>
      <c r="D7101" cm="1">
        <f t="array" ref="D7101">IFERROR(INDEX(Jesper!AH$2:AH$366,ROUNDDOWN($C7101/24,0)+1,1)*INDEX($D$3:$AA$30,INDEX(Jesper!$R$2:$R$366,ROW(INDEX(Jesper!AH$2:AH$366,ROUNDDOWN($C7101/24,0)+1,1))-1)+IF('Standard Profiles'!$G$18=$B$10,7,0)+IF('Standard Profiles'!$G$18=$B$17,14,0)+IF('Standard Profiles'!$G$18=$B$24,21,0),MOD($C7101,24)+1)/SUM(INDEX($D$3:$AA$30,INDEX(Jesper!$R$2:$R$366,ROW(INDEX(Jesper!AH$2:AH$366,ROUNDDOWN($C7101/24,0)+1,1))-1)+IF('Standard Profiles'!$G$18=$B$10,7,0)+IF('Standard Profiles'!$G$18=$B$17,14,0)+IF('Standard Profiles'!$G$18=$B$24,21,0),0)),0)</f>
        <v>16.959731973120068</v>
      </c>
      <c r="E7101" cm="1">
        <f t="array" ref="E7101">IFERROR(INDEX(Jesper!AI$2:AI$366,ROUNDDOWN($C7101/24,0)+1,1)*INDEX($D$3:$AA$30,INDEX(Jesper!$R$2:$R$366,ROW(INDEX(Jesper!AI$2:AI$366,ROUNDDOWN($C7101/24,0)+1,1))-1)+IF('Standard Profiles'!$G$19=$B$10,7,0)+IF('Standard Profiles'!$G$19=$B$17,14,0)+IF('Standard Profiles'!$G$19=$B$24,21,0),MOD($C7101,24)+1)/SUM(INDEX($D$3:$AA$30,INDEX(Jesper!$R$2:$R$366,ROW(INDEX(Jesper!AI$2:AI$366,ROUNDDOWN($C7101/24,0)+1,1))-1)+IF('Standard Profiles'!$G$19=$B$10,7,0)+IF('Standard Profiles'!$G$19=$B$17,14,0)+IF('Standard Profiles'!$G$19=$B$24,21,0),0)),0)</f>
        <v>0</v>
      </c>
      <c r="F7101" cm="1">
        <f t="array" ref="F7101">IFERROR(INDEX(Jesper!AJ$2:AJ$366,ROUNDDOWN($C7101/24,0)+1,1)*INDEX($D$3:$AA$30,INDEX(Jesper!$R$2:$R$366,ROW(INDEX(Jesper!AJ$2:AJ$366,ROUNDDOWN($C7101/24,0)+1,1))-1)+IF('Standard Profiles'!$G$20=$B$10,7,0)+IF('Standard Profiles'!$G$20=$B$17,14,0)+IF('Standard Profiles'!$G$20=$B$24,21,0),MOD($C7101,24)+1)/SUM(INDEX($D$3:$AA$30,INDEX(Jesper!$R$2:$R$366,ROW(INDEX(Jesper!AJ$2:AJ$366,ROUNDDOWN($C7101/24,0)+1,1))-1)+IF('Standard Profiles'!$G$20=$B$10,7,0)+IF('Standard Profiles'!$G$20=$B$17,14,0)+IF('Standard Profiles'!$G$20=$B$24,21,0),0)),0)</f>
        <v>0</v>
      </c>
      <c r="G7101" cm="1">
        <f t="array" ref="G7101">IFERROR(INDEX(Jesper!AK$2:AK$366,ROUNDDOWN($C7101/24,0)+1,1)*INDEX($D$3:$AA$30,INDEX(Jesper!$R$2:$R$366,ROW(INDEX(Jesper!AK$2:AK$366,ROUNDDOWN($C7101/24,0)+1,1))-1)+IF('Standard Profiles'!$G$21=$B$10,7,0)+IF('Standard Profiles'!$G$21=$B$17,14,0)+IF('Standard Profiles'!$G$21=$B$24,21,0),MOD($C7101,24)+1)/SUM(INDEX($D$3:$AA$30,INDEX(Jesper!$R$2:$R$366,ROW(INDEX(Jesper!AK$2:AK$366,ROUNDDOWN($C7101/24,0)+1,1))-1)+IF('Standard Profiles'!$G$21=$B$10,7,0)+IF('Standard Profiles'!$G$21=$B$17,14,0)+IF('Standard Profiles'!$G$21=$B$24,21,0),0)),0)</f>
        <v>0</v>
      </c>
      <c r="H7101" cm="1">
        <f t="array" ref="H7101">IFERROR(INDEX(Jesper!AL$2:AL$366,ROUNDDOWN($C7101/24,0)+1,1)*INDEX($D$3:$AA$30,INDEX(Jesper!$R$2:$R$366,ROW(INDEX(Jesper!AL$2:AL$366,ROUNDDOWN($C7101/24,0)+1,1))-1)+IF('Standard Profiles'!$G$22=$B$10,7,0)+IF('Standard Profiles'!$G$22=$B$17,14,0)+IF('Standard Profiles'!$G$22=$B$24,21,0),MOD($C7101,24)+1)/SUM(INDEX($D$3:$AA$30,INDEX(Jesper!$R$2:$R$366,ROW(INDEX(Jesper!AL$2:AL$366,ROUNDDOWN($C7101/24,0)+1,1))-1)+IF('Standard Profiles'!$G$22=$B$10,7,0)+IF('Standard Profiles'!$G$22=$B$17,14,0)+IF('Standard Profiles'!$G$22=$B$24,21,0),0)),0)</f>
        <v>0</v>
      </c>
      <c r="I7101">
        <f t="shared" si="790"/>
        <v>0.50879195919360198</v>
      </c>
      <c r="J7101">
        <f t="shared" si="791"/>
        <v>1.6959731973120069</v>
      </c>
      <c r="K7101">
        <f t="shared" si="792"/>
        <v>2.5439597959680103</v>
      </c>
      <c r="L7101">
        <f t="shared" si="793"/>
        <v>12.211007020646448</v>
      </c>
      <c r="M7101">
        <f t="shared" si="794"/>
        <v>0</v>
      </c>
      <c r="N7101" s="46">
        <f t="shared" si="795"/>
        <v>45586.458333316194</v>
      </c>
    </row>
    <row r="7102" spans="2:14" x14ac:dyDescent="0.3">
      <c r="B7102">
        <f t="shared" si="789"/>
        <v>1</v>
      </c>
      <c r="C7102" s="16">
        <v>7068</v>
      </c>
      <c r="D7102" cm="1">
        <f t="array" ref="D7102">IFERROR(INDEX(Jesper!AH$2:AH$366,ROUNDDOWN($C7102/24,0)+1,1)*INDEX($D$3:$AA$30,INDEX(Jesper!$R$2:$R$366,ROW(INDEX(Jesper!AH$2:AH$366,ROUNDDOWN($C7102/24,0)+1,1))-1)+IF('Standard Profiles'!$G$18=$B$10,7,0)+IF('Standard Profiles'!$G$18=$B$17,14,0)+IF('Standard Profiles'!$G$18=$B$24,21,0),MOD($C7102,24)+1)/SUM(INDEX($D$3:$AA$30,INDEX(Jesper!$R$2:$R$366,ROW(INDEX(Jesper!AH$2:AH$366,ROUNDDOWN($C7102/24,0)+1,1))-1)+IF('Standard Profiles'!$G$18=$B$10,7,0)+IF('Standard Profiles'!$G$18=$B$17,14,0)+IF('Standard Profiles'!$G$18=$B$24,21,0),0)),0)</f>
        <v>16.959731973120068</v>
      </c>
      <c r="E7102" cm="1">
        <f t="array" ref="E7102">IFERROR(INDEX(Jesper!AI$2:AI$366,ROUNDDOWN($C7102/24,0)+1,1)*INDEX($D$3:$AA$30,INDEX(Jesper!$R$2:$R$366,ROW(INDEX(Jesper!AI$2:AI$366,ROUNDDOWN($C7102/24,0)+1,1))-1)+IF('Standard Profiles'!$G$19=$B$10,7,0)+IF('Standard Profiles'!$G$19=$B$17,14,0)+IF('Standard Profiles'!$G$19=$B$24,21,0),MOD($C7102,24)+1)/SUM(INDEX($D$3:$AA$30,INDEX(Jesper!$R$2:$R$366,ROW(INDEX(Jesper!AI$2:AI$366,ROUNDDOWN($C7102/24,0)+1,1))-1)+IF('Standard Profiles'!$G$19=$B$10,7,0)+IF('Standard Profiles'!$G$19=$B$17,14,0)+IF('Standard Profiles'!$G$19=$B$24,21,0),0)),0)</f>
        <v>0</v>
      </c>
      <c r="F7102" cm="1">
        <f t="array" ref="F7102">IFERROR(INDEX(Jesper!AJ$2:AJ$366,ROUNDDOWN($C7102/24,0)+1,1)*INDEX($D$3:$AA$30,INDEX(Jesper!$R$2:$R$366,ROW(INDEX(Jesper!AJ$2:AJ$366,ROUNDDOWN($C7102/24,0)+1,1))-1)+IF('Standard Profiles'!$G$20=$B$10,7,0)+IF('Standard Profiles'!$G$20=$B$17,14,0)+IF('Standard Profiles'!$G$20=$B$24,21,0),MOD($C7102,24)+1)/SUM(INDEX($D$3:$AA$30,INDEX(Jesper!$R$2:$R$366,ROW(INDEX(Jesper!AJ$2:AJ$366,ROUNDDOWN($C7102/24,0)+1,1))-1)+IF('Standard Profiles'!$G$20=$B$10,7,0)+IF('Standard Profiles'!$G$20=$B$17,14,0)+IF('Standard Profiles'!$G$20=$B$24,21,0),0)),0)</f>
        <v>0</v>
      </c>
      <c r="G7102" cm="1">
        <f t="array" ref="G7102">IFERROR(INDEX(Jesper!AK$2:AK$366,ROUNDDOWN($C7102/24,0)+1,1)*INDEX($D$3:$AA$30,INDEX(Jesper!$R$2:$R$366,ROW(INDEX(Jesper!AK$2:AK$366,ROUNDDOWN($C7102/24,0)+1,1))-1)+IF('Standard Profiles'!$G$21=$B$10,7,0)+IF('Standard Profiles'!$G$21=$B$17,14,0)+IF('Standard Profiles'!$G$21=$B$24,21,0),MOD($C7102,24)+1)/SUM(INDEX($D$3:$AA$30,INDEX(Jesper!$R$2:$R$366,ROW(INDEX(Jesper!AK$2:AK$366,ROUNDDOWN($C7102/24,0)+1,1))-1)+IF('Standard Profiles'!$G$21=$B$10,7,0)+IF('Standard Profiles'!$G$21=$B$17,14,0)+IF('Standard Profiles'!$G$21=$B$24,21,0),0)),0)</f>
        <v>0</v>
      </c>
      <c r="H7102" cm="1">
        <f t="array" ref="H7102">IFERROR(INDEX(Jesper!AL$2:AL$366,ROUNDDOWN($C7102/24,0)+1,1)*INDEX($D$3:$AA$30,INDEX(Jesper!$R$2:$R$366,ROW(INDEX(Jesper!AL$2:AL$366,ROUNDDOWN($C7102/24,0)+1,1))-1)+IF('Standard Profiles'!$G$22=$B$10,7,0)+IF('Standard Profiles'!$G$22=$B$17,14,0)+IF('Standard Profiles'!$G$22=$B$24,21,0),MOD($C7102,24)+1)/SUM(INDEX($D$3:$AA$30,INDEX(Jesper!$R$2:$R$366,ROW(INDEX(Jesper!AL$2:AL$366,ROUNDDOWN($C7102/24,0)+1,1))-1)+IF('Standard Profiles'!$G$22=$B$10,7,0)+IF('Standard Profiles'!$G$22=$B$17,14,0)+IF('Standard Profiles'!$G$22=$B$24,21,0),0)),0)</f>
        <v>0</v>
      </c>
      <c r="I7102">
        <f t="shared" si="790"/>
        <v>0.50879195919360198</v>
      </c>
      <c r="J7102">
        <f t="shared" si="791"/>
        <v>1.6959731973120069</v>
      </c>
      <c r="K7102">
        <f t="shared" si="792"/>
        <v>2.5439597959680103</v>
      </c>
      <c r="L7102">
        <f t="shared" si="793"/>
        <v>12.211007020646448</v>
      </c>
      <c r="M7102">
        <f t="shared" si="794"/>
        <v>0</v>
      </c>
      <c r="N7102" s="46">
        <f t="shared" si="795"/>
        <v>45586.499999982858</v>
      </c>
    </row>
    <row r="7103" spans="2:14" x14ac:dyDescent="0.3">
      <c r="B7103">
        <f t="shared" si="789"/>
        <v>1</v>
      </c>
      <c r="C7103" s="16">
        <v>7069</v>
      </c>
      <c r="D7103" cm="1">
        <f t="array" ref="D7103">IFERROR(INDEX(Jesper!AH$2:AH$366,ROUNDDOWN($C7103/24,0)+1,1)*INDEX($D$3:$AA$30,INDEX(Jesper!$R$2:$R$366,ROW(INDEX(Jesper!AH$2:AH$366,ROUNDDOWN($C7103/24,0)+1,1))-1)+IF('Standard Profiles'!$G$18=$B$10,7,0)+IF('Standard Profiles'!$G$18=$B$17,14,0)+IF('Standard Profiles'!$G$18=$B$24,21,0),MOD($C7103,24)+1)/SUM(INDEX($D$3:$AA$30,INDEX(Jesper!$R$2:$R$366,ROW(INDEX(Jesper!AH$2:AH$366,ROUNDDOWN($C7103/24,0)+1,1))-1)+IF('Standard Profiles'!$G$18=$B$10,7,0)+IF('Standard Profiles'!$G$18=$B$17,14,0)+IF('Standard Profiles'!$G$18=$B$24,21,0),0)),0)</f>
        <v>11.235822432192043</v>
      </c>
      <c r="E7103" cm="1">
        <f t="array" ref="E7103">IFERROR(INDEX(Jesper!AI$2:AI$366,ROUNDDOWN($C7103/24,0)+1,1)*INDEX($D$3:$AA$30,INDEX(Jesper!$R$2:$R$366,ROW(INDEX(Jesper!AI$2:AI$366,ROUNDDOWN($C7103/24,0)+1,1))-1)+IF('Standard Profiles'!$G$19=$B$10,7,0)+IF('Standard Profiles'!$G$19=$B$17,14,0)+IF('Standard Profiles'!$G$19=$B$24,21,0),MOD($C7103,24)+1)/SUM(INDEX($D$3:$AA$30,INDEX(Jesper!$R$2:$R$366,ROW(INDEX(Jesper!AI$2:AI$366,ROUNDDOWN($C7103/24,0)+1,1))-1)+IF('Standard Profiles'!$G$19=$B$10,7,0)+IF('Standard Profiles'!$G$19=$B$17,14,0)+IF('Standard Profiles'!$G$19=$B$24,21,0),0)),0)</f>
        <v>0</v>
      </c>
      <c r="F7103" cm="1">
        <f t="array" ref="F7103">IFERROR(INDEX(Jesper!AJ$2:AJ$366,ROUNDDOWN($C7103/24,0)+1,1)*INDEX($D$3:$AA$30,INDEX(Jesper!$R$2:$R$366,ROW(INDEX(Jesper!AJ$2:AJ$366,ROUNDDOWN($C7103/24,0)+1,1))-1)+IF('Standard Profiles'!$G$20=$B$10,7,0)+IF('Standard Profiles'!$G$20=$B$17,14,0)+IF('Standard Profiles'!$G$20=$B$24,21,0),MOD($C7103,24)+1)/SUM(INDEX($D$3:$AA$30,INDEX(Jesper!$R$2:$R$366,ROW(INDEX(Jesper!AJ$2:AJ$366,ROUNDDOWN($C7103/24,0)+1,1))-1)+IF('Standard Profiles'!$G$20=$B$10,7,0)+IF('Standard Profiles'!$G$20=$B$17,14,0)+IF('Standard Profiles'!$G$20=$B$24,21,0),0)),0)</f>
        <v>0</v>
      </c>
      <c r="G7103" cm="1">
        <f t="array" ref="G7103">IFERROR(INDEX(Jesper!AK$2:AK$366,ROUNDDOWN($C7103/24,0)+1,1)*INDEX($D$3:$AA$30,INDEX(Jesper!$R$2:$R$366,ROW(INDEX(Jesper!AK$2:AK$366,ROUNDDOWN($C7103/24,0)+1,1))-1)+IF('Standard Profiles'!$G$21=$B$10,7,0)+IF('Standard Profiles'!$G$21=$B$17,14,0)+IF('Standard Profiles'!$G$21=$B$24,21,0),MOD($C7103,24)+1)/SUM(INDEX($D$3:$AA$30,INDEX(Jesper!$R$2:$R$366,ROW(INDEX(Jesper!AK$2:AK$366,ROUNDDOWN($C7103/24,0)+1,1))-1)+IF('Standard Profiles'!$G$21=$B$10,7,0)+IF('Standard Profiles'!$G$21=$B$17,14,0)+IF('Standard Profiles'!$G$21=$B$24,21,0),0)),0)</f>
        <v>0</v>
      </c>
      <c r="H7103" cm="1">
        <f t="array" ref="H7103">IFERROR(INDEX(Jesper!AL$2:AL$366,ROUNDDOWN($C7103/24,0)+1,1)*INDEX($D$3:$AA$30,INDEX(Jesper!$R$2:$R$366,ROW(INDEX(Jesper!AL$2:AL$366,ROUNDDOWN($C7103/24,0)+1,1))-1)+IF('Standard Profiles'!$G$22=$B$10,7,0)+IF('Standard Profiles'!$G$22=$B$17,14,0)+IF('Standard Profiles'!$G$22=$B$24,21,0),MOD($C7103,24)+1)/SUM(INDEX($D$3:$AA$30,INDEX(Jesper!$R$2:$R$366,ROW(INDEX(Jesper!AL$2:AL$366,ROUNDDOWN($C7103/24,0)+1,1))-1)+IF('Standard Profiles'!$G$22=$B$10,7,0)+IF('Standard Profiles'!$G$22=$B$17,14,0)+IF('Standard Profiles'!$G$22=$B$24,21,0),0)),0)</f>
        <v>0</v>
      </c>
      <c r="I7103">
        <f t="shared" si="790"/>
        <v>0.33707467296576127</v>
      </c>
      <c r="J7103">
        <f t="shared" si="791"/>
        <v>1.1235822432192044</v>
      </c>
      <c r="K7103">
        <f t="shared" si="792"/>
        <v>1.6853733648288063</v>
      </c>
      <c r="L7103">
        <f t="shared" si="793"/>
        <v>8.0897921511782709</v>
      </c>
      <c r="M7103">
        <f t="shared" si="794"/>
        <v>0</v>
      </c>
      <c r="N7103" s="46">
        <f t="shared" si="795"/>
        <v>45586.541666649522</v>
      </c>
    </row>
    <row r="7104" spans="2:14" x14ac:dyDescent="0.3">
      <c r="B7104">
        <f t="shared" si="789"/>
        <v>1</v>
      </c>
      <c r="C7104" s="16">
        <v>7070</v>
      </c>
      <c r="D7104" cm="1">
        <f t="array" ref="D7104">IFERROR(INDEX(Jesper!AH$2:AH$366,ROUNDDOWN($C7104/24,0)+1,1)*INDEX($D$3:$AA$30,INDEX(Jesper!$R$2:$R$366,ROW(INDEX(Jesper!AH$2:AH$366,ROUNDDOWN($C7104/24,0)+1,1))-1)+IF('Standard Profiles'!$G$18=$B$10,7,0)+IF('Standard Profiles'!$G$18=$B$17,14,0)+IF('Standard Profiles'!$G$18=$B$24,21,0),MOD($C7104,24)+1)/SUM(INDEX($D$3:$AA$30,INDEX(Jesper!$R$2:$R$366,ROW(INDEX(Jesper!AH$2:AH$366,ROUNDDOWN($C7104/24,0)+1,1))-1)+IF('Standard Profiles'!$G$18=$B$10,7,0)+IF('Standard Profiles'!$G$18=$B$17,14,0)+IF('Standard Profiles'!$G$18=$B$24,21,0),0)),0)</f>
        <v>16.959731973120068</v>
      </c>
      <c r="E7104" cm="1">
        <f t="array" ref="E7104">IFERROR(INDEX(Jesper!AI$2:AI$366,ROUNDDOWN($C7104/24,0)+1,1)*INDEX($D$3:$AA$30,INDEX(Jesper!$R$2:$R$366,ROW(INDEX(Jesper!AI$2:AI$366,ROUNDDOWN($C7104/24,0)+1,1))-1)+IF('Standard Profiles'!$G$19=$B$10,7,0)+IF('Standard Profiles'!$G$19=$B$17,14,0)+IF('Standard Profiles'!$G$19=$B$24,21,0),MOD($C7104,24)+1)/SUM(INDEX($D$3:$AA$30,INDEX(Jesper!$R$2:$R$366,ROW(INDEX(Jesper!AI$2:AI$366,ROUNDDOWN($C7104/24,0)+1,1))-1)+IF('Standard Profiles'!$G$19=$B$10,7,0)+IF('Standard Profiles'!$G$19=$B$17,14,0)+IF('Standard Profiles'!$G$19=$B$24,21,0),0)),0)</f>
        <v>0</v>
      </c>
      <c r="F7104" cm="1">
        <f t="array" ref="F7104">IFERROR(INDEX(Jesper!AJ$2:AJ$366,ROUNDDOWN($C7104/24,0)+1,1)*INDEX($D$3:$AA$30,INDEX(Jesper!$R$2:$R$366,ROW(INDEX(Jesper!AJ$2:AJ$366,ROUNDDOWN($C7104/24,0)+1,1))-1)+IF('Standard Profiles'!$G$20=$B$10,7,0)+IF('Standard Profiles'!$G$20=$B$17,14,0)+IF('Standard Profiles'!$G$20=$B$24,21,0),MOD($C7104,24)+1)/SUM(INDEX($D$3:$AA$30,INDEX(Jesper!$R$2:$R$366,ROW(INDEX(Jesper!AJ$2:AJ$366,ROUNDDOWN($C7104/24,0)+1,1))-1)+IF('Standard Profiles'!$G$20=$B$10,7,0)+IF('Standard Profiles'!$G$20=$B$17,14,0)+IF('Standard Profiles'!$G$20=$B$24,21,0),0)),0)</f>
        <v>0</v>
      </c>
      <c r="G7104" cm="1">
        <f t="array" ref="G7104">IFERROR(INDEX(Jesper!AK$2:AK$366,ROUNDDOWN($C7104/24,0)+1,1)*INDEX($D$3:$AA$30,INDEX(Jesper!$R$2:$R$366,ROW(INDEX(Jesper!AK$2:AK$366,ROUNDDOWN($C7104/24,0)+1,1))-1)+IF('Standard Profiles'!$G$21=$B$10,7,0)+IF('Standard Profiles'!$G$21=$B$17,14,0)+IF('Standard Profiles'!$G$21=$B$24,21,0),MOD($C7104,24)+1)/SUM(INDEX($D$3:$AA$30,INDEX(Jesper!$R$2:$R$366,ROW(INDEX(Jesper!AK$2:AK$366,ROUNDDOWN($C7104/24,0)+1,1))-1)+IF('Standard Profiles'!$G$21=$B$10,7,0)+IF('Standard Profiles'!$G$21=$B$17,14,0)+IF('Standard Profiles'!$G$21=$B$24,21,0),0)),0)</f>
        <v>0</v>
      </c>
      <c r="H7104" cm="1">
        <f t="array" ref="H7104">IFERROR(INDEX(Jesper!AL$2:AL$366,ROUNDDOWN($C7104/24,0)+1,1)*INDEX($D$3:$AA$30,INDEX(Jesper!$R$2:$R$366,ROW(INDEX(Jesper!AL$2:AL$366,ROUNDDOWN($C7104/24,0)+1,1))-1)+IF('Standard Profiles'!$G$22=$B$10,7,0)+IF('Standard Profiles'!$G$22=$B$17,14,0)+IF('Standard Profiles'!$G$22=$B$24,21,0),MOD($C7104,24)+1)/SUM(INDEX($D$3:$AA$30,INDEX(Jesper!$R$2:$R$366,ROW(INDEX(Jesper!AL$2:AL$366,ROUNDDOWN($C7104/24,0)+1,1))-1)+IF('Standard Profiles'!$G$22=$B$10,7,0)+IF('Standard Profiles'!$G$22=$B$17,14,0)+IF('Standard Profiles'!$G$22=$B$24,21,0),0)),0)</f>
        <v>0</v>
      </c>
      <c r="I7104">
        <f t="shared" si="790"/>
        <v>0.50879195919360198</v>
      </c>
      <c r="J7104">
        <f t="shared" si="791"/>
        <v>1.6959731973120069</v>
      </c>
      <c r="K7104">
        <f t="shared" si="792"/>
        <v>2.5439597959680103</v>
      </c>
      <c r="L7104">
        <f t="shared" si="793"/>
        <v>12.211007020646448</v>
      </c>
      <c r="M7104">
        <f t="shared" si="794"/>
        <v>0</v>
      </c>
      <c r="N7104" s="46">
        <f t="shared" si="795"/>
        <v>45586.583333316186</v>
      </c>
    </row>
    <row r="7105" spans="2:14" x14ac:dyDescent="0.3">
      <c r="B7105">
        <f t="shared" si="789"/>
        <v>1</v>
      </c>
      <c r="C7105" s="16">
        <v>7071</v>
      </c>
      <c r="D7105" cm="1">
        <f t="array" ref="D7105">IFERROR(INDEX(Jesper!AH$2:AH$366,ROUNDDOWN($C7105/24,0)+1,1)*INDEX($D$3:$AA$30,INDEX(Jesper!$R$2:$R$366,ROW(INDEX(Jesper!AH$2:AH$366,ROUNDDOWN($C7105/24,0)+1,1))-1)+IF('Standard Profiles'!$G$18=$B$10,7,0)+IF('Standard Profiles'!$G$18=$B$17,14,0)+IF('Standard Profiles'!$G$18=$B$24,21,0),MOD($C7105,24)+1)/SUM(INDEX($D$3:$AA$30,INDEX(Jesper!$R$2:$R$366,ROW(INDEX(Jesper!AH$2:AH$366,ROUNDDOWN($C7105/24,0)+1,1))-1)+IF('Standard Profiles'!$G$18=$B$10,7,0)+IF('Standard Profiles'!$G$18=$B$17,14,0)+IF('Standard Profiles'!$G$18=$B$24,21,0),0)),0)</f>
        <v>16.959731973120068</v>
      </c>
      <c r="E7105" cm="1">
        <f t="array" ref="E7105">IFERROR(INDEX(Jesper!AI$2:AI$366,ROUNDDOWN($C7105/24,0)+1,1)*INDEX($D$3:$AA$30,INDEX(Jesper!$R$2:$R$366,ROW(INDEX(Jesper!AI$2:AI$366,ROUNDDOWN($C7105/24,0)+1,1))-1)+IF('Standard Profiles'!$G$19=$B$10,7,0)+IF('Standard Profiles'!$G$19=$B$17,14,0)+IF('Standard Profiles'!$G$19=$B$24,21,0),MOD($C7105,24)+1)/SUM(INDEX($D$3:$AA$30,INDEX(Jesper!$R$2:$R$366,ROW(INDEX(Jesper!AI$2:AI$366,ROUNDDOWN($C7105/24,0)+1,1))-1)+IF('Standard Profiles'!$G$19=$B$10,7,0)+IF('Standard Profiles'!$G$19=$B$17,14,0)+IF('Standard Profiles'!$G$19=$B$24,21,0),0)),0)</f>
        <v>0</v>
      </c>
      <c r="F7105" cm="1">
        <f t="array" ref="F7105">IFERROR(INDEX(Jesper!AJ$2:AJ$366,ROUNDDOWN($C7105/24,0)+1,1)*INDEX($D$3:$AA$30,INDEX(Jesper!$R$2:$R$366,ROW(INDEX(Jesper!AJ$2:AJ$366,ROUNDDOWN($C7105/24,0)+1,1))-1)+IF('Standard Profiles'!$G$20=$B$10,7,0)+IF('Standard Profiles'!$G$20=$B$17,14,0)+IF('Standard Profiles'!$G$20=$B$24,21,0),MOD($C7105,24)+1)/SUM(INDEX($D$3:$AA$30,INDEX(Jesper!$R$2:$R$366,ROW(INDEX(Jesper!AJ$2:AJ$366,ROUNDDOWN($C7105/24,0)+1,1))-1)+IF('Standard Profiles'!$G$20=$B$10,7,0)+IF('Standard Profiles'!$G$20=$B$17,14,0)+IF('Standard Profiles'!$G$20=$B$24,21,0),0)),0)</f>
        <v>0</v>
      </c>
      <c r="G7105" cm="1">
        <f t="array" ref="G7105">IFERROR(INDEX(Jesper!AK$2:AK$366,ROUNDDOWN($C7105/24,0)+1,1)*INDEX($D$3:$AA$30,INDEX(Jesper!$R$2:$R$366,ROW(INDEX(Jesper!AK$2:AK$366,ROUNDDOWN($C7105/24,0)+1,1))-1)+IF('Standard Profiles'!$G$21=$B$10,7,0)+IF('Standard Profiles'!$G$21=$B$17,14,0)+IF('Standard Profiles'!$G$21=$B$24,21,0),MOD($C7105,24)+1)/SUM(INDEX($D$3:$AA$30,INDEX(Jesper!$R$2:$R$366,ROW(INDEX(Jesper!AK$2:AK$366,ROUNDDOWN($C7105/24,0)+1,1))-1)+IF('Standard Profiles'!$G$21=$B$10,7,0)+IF('Standard Profiles'!$G$21=$B$17,14,0)+IF('Standard Profiles'!$G$21=$B$24,21,0),0)),0)</f>
        <v>0</v>
      </c>
      <c r="H7105" cm="1">
        <f t="array" ref="H7105">IFERROR(INDEX(Jesper!AL$2:AL$366,ROUNDDOWN($C7105/24,0)+1,1)*INDEX($D$3:$AA$30,INDEX(Jesper!$R$2:$R$366,ROW(INDEX(Jesper!AL$2:AL$366,ROUNDDOWN($C7105/24,0)+1,1))-1)+IF('Standard Profiles'!$G$22=$B$10,7,0)+IF('Standard Profiles'!$G$22=$B$17,14,0)+IF('Standard Profiles'!$G$22=$B$24,21,0),MOD($C7105,24)+1)/SUM(INDEX($D$3:$AA$30,INDEX(Jesper!$R$2:$R$366,ROW(INDEX(Jesper!AL$2:AL$366,ROUNDDOWN($C7105/24,0)+1,1))-1)+IF('Standard Profiles'!$G$22=$B$10,7,0)+IF('Standard Profiles'!$G$22=$B$17,14,0)+IF('Standard Profiles'!$G$22=$B$24,21,0),0)),0)</f>
        <v>0</v>
      </c>
      <c r="I7105">
        <f t="shared" si="790"/>
        <v>0.50879195919360198</v>
      </c>
      <c r="J7105">
        <f t="shared" si="791"/>
        <v>1.6959731973120069</v>
      </c>
      <c r="K7105">
        <f t="shared" si="792"/>
        <v>2.5439597959680103</v>
      </c>
      <c r="L7105">
        <f t="shared" si="793"/>
        <v>12.211007020646448</v>
      </c>
      <c r="M7105">
        <f t="shared" si="794"/>
        <v>0</v>
      </c>
      <c r="N7105" s="46">
        <f t="shared" si="795"/>
        <v>45586.624999982851</v>
      </c>
    </row>
    <row r="7106" spans="2:14" x14ac:dyDescent="0.3">
      <c r="B7106">
        <f t="shared" si="789"/>
        <v>1</v>
      </c>
      <c r="C7106" s="16">
        <v>7072</v>
      </c>
      <c r="D7106" cm="1">
        <f t="array" ref="D7106">IFERROR(INDEX(Jesper!AH$2:AH$366,ROUNDDOWN($C7106/24,0)+1,1)*INDEX($D$3:$AA$30,INDEX(Jesper!$R$2:$R$366,ROW(INDEX(Jesper!AH$2:AH$366,ROUNDDOWN($C7106/24,0)+1,1))-1)+IF('Standard Profiles'!$G$18=$B$10,7,0)+IF('Standard Profiles'!$G$18=$B$17,14,0)+IF('Standard Profiles'!$G$18=$B$24,21,0),MOD($C7106,24)+1)/SUM(INDEX($D$3:$AA$30,INDEX(Jesper!$R$2:$R$366,ROW(INDEX(Jesper!AH$2:AH$366,ROUNDDOWN($C7106/24,0)+1,1))-1)+IF('Standard Profiles'!$G$18=$B$10,7,0)+IF('Standard Profiles'!$G$18=$B$17,14,0)+IF('Standard Profiles'!$G$18=$B$24,21,0),0)),0)</f>
        <v>16.959731973120068</v>
      </c>
      <c r="E7106" cm="1">
        <f t="array" ref="E7106">IFERROR(INDEX(Jesper!AI$2:AI$366,ROUNDDOWN($C7106/24,0)+1,1)*INDEX($D$3:$AA$30,INDEX(Jesper!$R$2:$R$366,ROW(INDEX(Jesper!AI$2:AI$366,ROUNDDOWN($C7106/24,0)+1,1))-1)+IF('Standard Profiles'!$G$19=$B$10,7,0)+IF('Standard Profiles'!$G$19=$B$17,14,0)+IF('Standard Profiles'!$G$19=$B$24,21,0),MOD($C7106,24)+1)/SUM(INDEX($D$3:$AA$30,INDEX(Jesper!$R$2:$R$366,ROW(INDEX(Jesper!AI$2:AI$366,ROUNDDOWN($C7106/24,0)+1,1))-1)+IF('Standard Profiles'!$G$19=$B$10,7,0)+IF('Standard Profiles'!$G$19=$B$17,14,0)+IF('Standard Profiles'!$G$19=$B$24,21,0),0)),0)</f>
        <v>0</v>
      </c>
      <c r="F7106" cm="1">
        <f t="array" ref="F7106">IFERROR(INDEX(Jesper!AJ$2:AJ$366,ROUNDDOWN($C7106/24,0)+1,1)*INDEX($D$3:$AA$30,INDEX(Jesper!$R$2:$R$366,ROW(INDEX(Jesper!AJ$2:AJ$366,ROUNDDOWN($C7106/24,0)+1,1))-1)+IF('Standard Profiles'!$G$20=$B$10,7,0)+IF('Standard Profiles'!$G$20=$B$17,14,0)+IF('Standard Profiles'!$G$20=$B$24,21,0),MOD($C7106,24)+1)/SUM(INDEX($D$3:$AA$30,INDEX(Jesper!$R$2:$R$366,ROW(INDEX(Jesper!AJ$2:AJ$366,ROUNDDOWN($C7106/24,0)+1,1))-1)+IF('Standard Profiles'!$G$20=$B$10,7,0)+IF('Standard Profiles'!$G$20=$B$17,14,0)+IF('Standard Profiles'!$G$20=$B$24,21,0),0)),0)</f>
        <v>0</v>
      </c>
      <c r="G7106" cm="1">
        <f t="array" ref="G7106">IFERROR(INDEX(Jesper!AK$2:AK$366,ROUNDDOWN($C7106/24,0)+1,1)*INDEX($D$3:$AA$30,INDEX(Jesper!$R$2:$R$366,ROW(INDEX(Jesper!AK$2:AK$366,ROUNDDOWN($C7106/24,0)+1,1))-1)+IF('Standard Profiles'!$G$21=$B$10,7,0)+IF('Standard Profiles'!$G$21=$B$17,14,0)+IF('Standard Profiles'!$G$21=$B$24,21,0),MOD($C7106,24)+1)/SUM(INDEX($D$3:$AA$30,INDEX(Jesper!$R$2:$R$366,ROW(INDEX(Jesper!AK$2:AK$366,ROUNDDOWN($C7106/24,0)+1,1))-1)+IF('Standard Profiles'!$G$21=$B$10,7,0)+IF('Standard Profiles'!$G$21=$B$17,14,0)+IF('Standard Profiles'!$G$21=$B$24,21,0),0)),0)</f>
        <v>0</v>
      </c>
      <c r="H7106" cm="1">
        <f t="array" ref="H7106">IFERROR(INDEX(Jesper!AL$2:AL$366,ROUNDDOWN($C7106/24,0)+1,1)*INDEX($D$3:$AA$30,INDEX(Jesper!$R$2:$R$366,ROW(INDEX(Jesper!AL$2:AL$366,ROUNDDOWN($C7106/24,0)+1,1))-1)+IF('Standard Profiles'!$G$22=$B$10,7,0)+IF('Standard Profiles'!$G$22=$B$17,14,0)+IF('Standard Profiles'!$G$22=$B$24,21,0),MOD($C7106,24)+1)/SUM(INDEX($D$3:$AA$30,INDEX(Jesper!$R$2:$R$366,ROW(INDEX(Jesper!AL$2:AL$366,ROUNDDOWN($C7106/24,0)+1,1))-1)+IF('Standard Profiles'!$G$22=$B$10,7,0)+IF('Standard Profiles'!$G$22=$B$17,14,0)+IF('Standard Profiles'!$G$22=$B$24,21,0),0)),0)</f>
        <v>0</v>
      </c>
      <c r="I7106">
        <f t="shared" si="790"/>
        <v>0.50879195919360198</v>
      </c>
      <c r="J7106">
        <f t="shared" si="791"/>
        <v>1.6959731973120069</v>
      </c>
      <c r="K7106">
        <f t="shared" si="792"/>
        <v>2.5439597959680103</v>
      </c>
      <c r="L7106">
        <f t="shared" si="793"/>
        <v>12.211007020646448</v>
      </c>
      <c r="M7106">
        <f t="shared" si="794"/>
        <v>0</v>
      </c>
      <c r="N7106" s="46">
        <f t="shared" si="795"/>
        <v>45586.666666649515</v>
      </c>
    </row>
    <row r="7107" spans="2:14" x14ac:dyDescent="0.3">
      <c r="B7107">
        <f t="shared" si="789"/>
        <v>1</v>
      </c>
      <c r="C7107" s="16">
        <v>7073</v>
      </c>
      <c r="D7107" cm="1">
        <f t="array" ref="D7107">IFERROR(INDEX(Jesper!AH$2:AH$366,ROUNDDOWN($C7107/24,0)+1,1)*INDEX($D$3:$AA$30,INDEX(Jesper!$R$2:$R$366,ROW(INDEX(Jesper!AH$2:AH$366,ROUNDDOWN($C7107/24,0)+1,1))-1)+IF('Standard Profiles'!$G$18=$B$10,7,0)+IF('Standard Profiles'!$G$18=$B$17,14,0)+IF('Standard Profiles'!$G$18=$B$24,21,0),MOD($C7107,24)+1)/SUM(INDEX($D$3:$AA$30,INDEX(Jesper!$R$2:$R$366,ROW(INDEX(Jesper!AH$2:AH$366,ROUNDDOWN($C7107/24,0)+1,1))-1)+IF('Standard Profiles'!$G$18=$B$10,7,0)+IF('Standard Profiles'!$G$18=$B$17,14,0)+IF('Standard Profiles'!$G$18=$B$24,21,0),0)),0)</f>
        <v>16.959731973120068</v>
      </c>
      <c r="E7107" cm="1">
        <f t="array" ref="E7107">IFERROR(INDEX(Jesper!AI$2:AI$366,ROUNDDOWN($C7107/24,0)+1,1)*INDEX($D$3:$AA$30,INDEX(Jesper!$R$2:$R$366,ROW(INDEX(Jesper!AI$2:AI$366,ROUNDDOWN($C7107/24,0)+1,1))-1)+IF('Standard Profiles'!$G$19=$B$10,7,0)+IF('Standard Profiles'!$G$19=$B$17,14,0)+IF('Standard Profiles'!$G$19=$B$24,21,0),MOD($C7107,24)+1)/SUM(INDEX($D$3:$AA$30,INDEX(Jesper!$R$2:$R$366,ROW(INDEX(Jesper!AI$2:AI$366,ROUNDDOWN($C7107/24,0)+1,1))-1)+IF('Standard Profiles'!$G$19=$B$10,7,0)+IF('Standard Profiles'!$G$19=$B$17,14,0)+IF('Standard Profiles'!$G$19=$B$24,21,0),0)),0)</f>
        <v>0</v>
      </c>
      <c r="F7107" cm="1">
        <f t="array" ref="F7107">IFERROR(INDEX(Jesper!AJ$2:AJ$366,ROUNDDOWN($C7107/24,0)+1,1)*INDEX($D$3:$AA$30,INDEX(Jesper!$R$2:$R$366,ROW(INDEX(Jesper!AJ$2:AJ$366,ROUNDDOWN($C7107/24,0)+1,1))-1)+IF('Standard Profiles'!$G$20=$B$10,7,0)+IF('Standard Profiles'!$G$20=$B$17,14,0)+IF('Standard Profiles'!$G$20=$B$24,21,0),MOD($C7107,24)+1)/SUM(INDEX($D$3:$AA$30,INDEX(Jesper!$R$2:$R$366,ROW(INDEX(Jesper!AJ$2:AJ$366,ROUNDDOWN($C7107/24,0)+1,1))-1)+IF('Standard Profiles'!$G$20=$B$10,7,0)+IF('Standard Profiles'!$G$20=$B$17,14,0)+IF('Standard Profiles'!$G$20=$B$24,21,0),0)),0)</f>
        <v>0</v>
      </c>
      <c r="G7107" cm="1">
        <f t="array" ref="G7107">IFERROR(INDEX(Jesper!AK$2:AK$366,ROUNDDOWN($C7107/24,0)+1,1)*INDEX($D$3:$AA$30,INDEX(Jesper!$R$2:$R$366,ROW(INDEX(Jesper!AK$2:AK$366,ROUNDDOWN($C7107/24,0)+1,1))-1)+IF('Standard Profiles'!$G$21=$B$10,7,0)+IF('Standard Profiles'!$G$21=$B$17,14,0)+IF('Standard Profiles'!$G$21=$B$24,21,0),MOD($C7107,24)+1)/SUM(INDEX($D$3:$AA$30,INDEX(Jesper!$R$2:$R$366,ROW(INDEX(Jesper!AK$2:AK$366,ROUNDDOWN($C7107/24,0)+1,1))-1)+IF('Standard Profiles'!$G$21=$B$10,7,0)+IF('Standard Profiles'!$G$21=$B$17,14,0)+IF('Standard Profiles'!$G$21=$B$24,21,0),0)),0)</f>
        <v>0</v>
      </c>
      <c r="H7107" cm="1">
        <f t="array" ref="H7107">IFERROR(INDEX(Jesper!AL$2:AL$366,ROUNDDOWN($C7107/24,0)+1,1)*INDEX($D$3:$AA$30,INDEX(Jesper!$R$2:$R$366,ROW(INDEX(Jesper!AL$2:AL$366,ROUNDDOWN($C7107/24,0)+1,1))-1)+IF('Standard Profiles'!$G$22=$B$10,7,0)+IF('Standard Profiles'!$G$22=$B$17,14,0)+IF('Standard Profiles'!$G$22=$B$24,21,0),MOD($C7107,24)+1)/SUM(INDEX($D$3:$AA$30,INDEX(Jesper!$R$2:$R$366,ROW(INDEX(Jesper!AL$2:AL$366,ROUNDDOWN($C7107/24,0)+1,1))-1)+IF('Standard Profiles'!$G$22=$B$10,7,0)+IF('Standard Profiles'!$G$22=$B$17,14,0)+IF('Standard Profiles'!$G$22=$B$24,21,0),0)),0)</f>
        <v>0</v>
      </c>
      <c r="I7107">
        <f t="shared" si="790"/>
        <v>0.50879195919360198</v>
      </c>
      <c r="J7107">
        <f t="shared" si="791"/>
        <v>1.6959731973120069</v>
      </c>
      <c r="K7107">
        <f t="shared" si="792"/>
        <v>2.5439597959680103</v>
      </c>
      <c r="L7107">
        <f t="shared" si="793"/>
        <v>12.211007020646448</v>
      </c>
      <c r="M7107">
        <f t="shared" si="794"/>
        <v>0</v>
      </c>
      <c r="N7107" s="46">
        <f t="shared" si="795"/>
        <v>45586.708333316179</v>
      </c>
    </row>
    <row r="7108" spans="2:14" x14ac:dyDescent="0.3">
      <c r="B7108">
        <f t="shared" si="789"/>
        <v>1</v>
      </c>
      <c r="C7108" s="16">
        <v>7074</v>
      </c>
      <c r="D7108" cm="1">
        <f t="array" ref="D7108">IFERROR(INDEX(Jesper!AH$2:AH$366,ROUNDDOWN($C7108/24,0)+1,1)*INDEX($D$3:$AA$30,INDEX(Jesper!$R$2:$R$366,ROW(INDEX(Jesper!AH$2:AH$366,ROUNDDOWN($C7108/24,0)+1,1))-1)+IF('Standard Profiles'!$G$18=$B$10,7,0)+IF('Standard Profiles'!$G$18=$B$17,14,0)+IF('Standard Profiles'!$G$18=$B$24,21,0),MOD($C7108,24)+1)/SUM(INDEX($D$3:$AA$30,INDEX(Jesper!$R$2:$R$366,ROW(INDEX(Jesper!AH$2:AH$366,ROUNDDOWN($C7108/24,0)+1,1))-1)+IF('Standard Profiles'!$G$18=$B$10,7,0)+IF('Standard Profiles'!$G$18=$B$17,14,0)+IF('Standard Profiles'!$G$18=$B$24,21,0),0)),0)</f>
        <v>16.959731973120068</v>
      </c>
      <c r="E7108" cm="1">
        <f t="array" ref="E7108">IFERROR(INDEX(Jesper!AI$2:AI$366,ROUNDDOWN($C7108/24,0)+1,1)*INDEX($D$3:$AA$30,INDEX(Jesper!$R$2:$R$366,ROW(INDEX(Jesper!AI$2:AI$366,ROUNDDOWN($C7108/24,0)+1,1))-1)+IF('Standard Profiles'!$G$19=$B$10,7,0)+IF('Standard Profiles'!$G$19=$B$17,14,0)+IF('Standard Profiles'!$G$19=$B$24,21,0),MOD($C7108,24)+1)/SUM(INDEX($D$3:$AA$30,INDEX(Jesper!$R$2:$R$366,ROW(INDEX(Jesper!AI$2:AI$366,ROUNDDOWN($C7108/24,0)+1,1))-1)+IF('Standard Profiles'!$G$19=$B$10,7,0)+IF('Standard Profiles'!$G$19=$B$17,14,0)+IF('Standard Profiles'!$G$19=$B$24,21,0),0)),0)</f>
        <v>0</v>
      </c>
      <c r="F7108" cm="1">
        <f t="array" ref="F7108">IFERROR(INDEX(Jesper!AJ$2:AJ$366,ROUNDDOWN($C7108/24,0)+1,1)*INDEX($D$3:$AA$30,INDEX(Jesper!$R$2:$R$366,ROW(INDEX(Jesper!AJ$2:AJ$366,ROUNDDOWN($C7108/24,0)+1,1))-1)+IF('Standard Profiles'!$G$20=$B$10,7,0)+IF('Standard Profiles'!$G$20=$B$17,14,0)+IF('Standard Profiles'!$G$20=$B$24,21,0),MOD($C7108,24)+1)/SUM(INDEX($D$3:$AA$30,INDEX(Jesper!$R$2:$R$366,ROW(INDEX(Jesper!AJ$2:AJ$366,ROUNDDOWN($C7108/24,0)+1,1))-1)+IF('Standard Profiles'!$G$20=$B$10,7,0)+IF('Standard Profiles'!$G$20=$B$17,14,0)+IF('Standard Profiles'!$G$20=$B$24,21,0),0)),0)</f>
        <v>0</v>
      </c>
      <c r="G7108" cm="1">
        <f t="array" ref="G7108">IFERROR(INDEX(Jesper!AK$2:AK$366,ROUNDDOWN($C7108/24,0)+1,1)*INDEX($D$3:$AA$30,INDEX(Jesper!$R$2:$R$366,ROW(INDEX(Jesper!AK$2:AK$366,ROUNDDOWN($C7108/24,0)+1,1))-1)+IF('Standard Profiles'!$G$21=$B$10,7,0)+IF('Standard Profiles'!$G$21=$B$17,14,0)+IF('Standard Profiles'!$G$21=$B$24,21,0),MOD($C7108,24)+1)/SUM(INDEX($D$3:$AA$30,INDEX(Jesper!$R$2:$R$366,ROW(INDEX(Jesper!AK$2:AK$366,ROUNDDOWN($C7108/24,0)+1,1))-1)+IF('Standard Profiles'!$G$21=$B$10,7,0)+IF('Standard Profiles'!$G$21=$B$17,14,0)+IF('Standard Profiles'!$G$21=$B$24,21,0),0)),0)</f>
        <v>0</v>
      </c>
      <c r="H7108" cm="1">
        <f t="array" ref="H7108">IFERROR(INDEX(Jesper!AL$2:AL$366,ROUNDDOWN($C7108/24,0)+1,1)*INDEX($D$3:$AA$30,INDEX(Jesper!$R$2:$R$366,ROW(INDEX(Jesper!AL$2:AL$366,ROUNDDOWN($C7108/24,0)+1,1))-1)+IF('Standard Profiles'!$G$22=$B$10,7,0)+IF('Standard Profiles'!$G$22=$B$17,14,0)+IF('Standard Profiles'!$G$22=$B$24,21,0),MOD($C7108,24)+1)/SUM(INDEX($D$3:$AA$30,INDEX(Jesper!$R$2:$R$366,ROW(INDEX(Jesper!AL$2:AL$366,ROUNDDOWN($C7108/24,0)+1,1))-1)+IF('Standard Profiles'!$G$22=$B$10,7,0)+IF('Standard Profiles'!$G$22=$B$17,14,0)+IF('Standard Profiles'!$G$22=$B$24,21,0),0)),0)</f>
        <v>0</v>
      </c>
      <c r="I7108">
        <f t="shared" si="790"/>
        <v>0.50879195919360198</v>
      </c>
      <c r="J7108">
        <f t="shared" si="791"/>
        <v>1.6959731973120069</v>
      </c>
      <c r="K7108">
        <f t="shared" si="792"/>
        <v>2.5439597959680103</v>
      </c>
      <c r="L7108">
        <f t="shared" si="793"/>
        <v>12.211007020646448</v>
      </c>
      <c r="M7108">
        <f t="shared" si="794"/>
        <v>0</v>
      </c>
      <c r="N7108" s="46">
        <f t="shared" si="795"/>
        <v>45586.749999982843</v>
      </c>
    </row>
    <row r="7109" spans="2:14" x14ac:dyDescent="0.3">
      <c r="B7109">
        <f t="shared" si="789"/>
        <v>1</v>
      </c>
      <c r="C7109" s="16">
        <v>7075</v>
      </c>
      <c r="D7109" cm="1">
        <f t="array" ref="D7109">IFERROR(INDEX(Jesper!AH$2:AH$366,ROUNDDOWN($C7109/24,0)+1,1)*INDEX($D$3:$AA$30,INDEX(Jesper!$R$2:$R$366,ROW(INDEX(Jesper!AH$2:AH$366,ROUNDDOWN($C7109/24,0)+1,1))-1)+IF('Standard Profiles'!$G$18=$B$10,7,0)+IF('Standard Profiles'!$G$18=$B$17,14,0)+IF('Standard Profiles'!$G$18=$B$24,21,0),MOD($C7109,24)+1)/SUM(INDEX($D$3:$AA$30,INDEX(Jesper!$R$2:$R$366,ROW(INDEX(Jesper!AH$2:AH$366,ROUNDDOWN($C7109/24,0)+1,1))-1)+IF('Standard Profiles'!$G$18=$B$10,7,0)+IF('Standard Profiles'!$G$18=$B$17,14,0)+IF('Standard Profiles'!$G$18=$B$24,21,0),0)),0)</f>
        <v>14.203775527488053</v>
      </c>
      <c r="E7109" cm="1">
        <f t="array" ref="E7109">IFERROR(INDEX(Jesper!AI$2:AI$366,ROUNDDOWN($C7109/24,0)+1,1)*INDEX($D$3:$AA$30,INDEX(Jesper!$R$2:$R$366,ROW(INDEX(Jesper!AI$2:AI$366,ROUNDDOWN($C7109/24,0)+1,1))-1)+IF('Standard Profiles'!$G$19=$B$10,7,0)+IF('Standard Profiles'!$G$19=$B$17,14,0)+IF('Standard Profiles'!$G$19=$B$24,21,0),MOD($C7109,24)+1)/SUM(INDEX($D$3:$AA$30,INDEX(Jesper!$R$2:$R$366,ROW(INDEX(Jesper!AI$2:AI$366,ROUNDDOWN($C7109/24,0)+1,1))-1)+IF('Standard Profiles'!$G$19=$B$10,7,0)+IF('Standard Profiles'!$G$19=$B$17,14,0)+IF('Standard Profiles'!$G$19=$B$24,21,0),0)),0)</f>
        <v>0</v>
      </c>
      <c r="F7109" cm="1">
        <f t="array" ref="F7109">IFERROR(INDEX(Jesper!AJ$2:AJ$366,ROUNDDOWN($C7109/24,0)+1,1)*INDEX($D$3:$AA$30,INDEX(Jesper!$R$2:$R$366,ROW(INDEX(Jesper!AJ$2:AJ$366,ROUNDDOWN($C7109/24,0)+1,1))-1)+IF('Standard Profiles'!$G$20=$B$10,7,0)+IF('Standard Profiles'!$G$20=$B$17,14,0)+IF('Standard Profiles'!$G$20=$B$24,21,0),MOD($C7109,24)+1)/SUM(INDEX($D$3:$AA$30,INDEX(Jesper!$R$2:$R$366,ROW(INDEX(Jesper!AJ$2:AJ$366,ROUNDDOWN($C7109/24,0)+1,1))-1)+IF('Standard Profiles'!$G$20=$B$10,7,0)+IF('Standard Profiles'!$G$20=$B$17,14,0)+IF('Standard Profiles'!$G$20=$B$24,21,0),0)),0)</f>
        <v>0</v>
      </c>
      <c r="G7109" cm="1">
        <f t="array" ref="G7109">IFERROR(INDEX(Jesper!AK$2:AK$366,ROUNDDOWN($C7109/24,0)+1,1)*INDEX($D$3:$AA$30,INDEX(Jesper!$R$2:$R$366,ROW(INDEX(Jesper!AK$2:AK$366,ROUNDDOWN($C7109/24,0)+1,1))-1)+IF('Standard Profiles'!$G$21=$B$10,7,0)+IF('Standard Profiles'!$G$21=$B$17,14,0)+IF('Standard Profiles'!$G$21=$B$24,21,0),MOD($C7109,24)+1)/SUM(INDEX($D$3:$AA$30,INDEX(Jesper!$R$2:$R$366,ROW(INDEX(Jesper!AK$2:AK$366,ROUNDDOWN($C7109/24,0)+1,1))-1)+IF('Standard Profiles'!$G$21=$B$10,7,0)+IF('Standard Profiles'!$G$21=$B$17,14,0)+IF('Standard Profiles'!$G$21=$B$24,21,0),0)),0)</f>
        <v>0</v>
      </c>
      <c r="H7109" cm="1">
        <f t="array" ref="H7109">IFERROR(INDEX(Jesper!AL$2:AL$366,ROUNDDOWN($C7109/24,0)+1,1)*INDEX($D$3:$AA$30,INDEX(Jesper!$R$2:$R$366,ROW(INDEX(Jesper!AL$2:AL$366,ROUNDDOWN($C7109/24,0)+1,1))-1)+IF('Standard Profiles'!$G$22=$B$10,7,0)+IF('Standard Profiles'!$G$22=$B$17,14,0)+IF('Standard Profiles'!$G$22=$B$24,21,0),MOD($C7109,24)+1)/SUM(INDEX($D$3:$AA$30,INDEX(Jesper!$R$2:$R$366,ROW(INDEX(Jesper!AL$2:AL$366,ROUNDDOWN($C7109/24,0)+1,1))-1)+IF('Standard Profiles'!$G$22=$B$10,7,0)+IF('Standard Profiles'!$G$22=$B$17,14,0)+IF('Standard Profiles'!$G$22=$B$24,21,0),0)),0)</f>
        <v>0</v>
      </c>
      <c r="I7109">
        <f t="shared" si="790"/>
        <v>0.4261132658246416</v>
      </c>
      <c r="J7109">
        <f t="shared" si="791"/>
        <v>1.4203775527488054</v>
      </c>
      <c r="K7109">
        <f t="shared" si="792"/>
        <v>2.1305663291232078</v>
      </c>
      <c r="L7109">
        <f t="shared" si="793"/>
        <v>10.226718379791398</v>
      </c>
      <c r="M7109">
        <f t="shared" si="794"/>
        <v>0</v>
      </c>
      <c r="N7109" s="46">
        <f t="shared" si="795"/>
        <v>45586.791666649508</v>
      </c>
    </row>
    <row r="7110" spans="2:14" x14ac:dyDescent="0.3">
      <c r="B7110">
        <f t="shared" si="789"/>
        <v>1</v>
      </c>
      <c r="C7110" s="16">
        <v>7076</v>
      </c>
      <c r="D7110" cm="1">
        <f t="array" ref="D7110">IFERROR(INDEX(Jesper!AH$2:AH$366,ROUNDDOWN($C7110/24,0)+1,1)*INDEX($D$3:$AA$30,INDEX(Jesper!$R$2:$R$366,ROW(INDEX(Jesper!AH$2:AH$366,ROUNDDOWN($C7110/24,0)+1,1))-1)+IF('Standard Profiles'!$G$18=$B$10,7,0)+IF('Standard Profiles'!$G$18=$B$17,14,0)+IF('Standard Profiles'!$G$18=$B$24,21,0),MOD($C7110,24)+1)/SUM(INDEX($D$3:$AA$30,INDEX(Jesper!$R$2:$R$366,ROW(INDEX(Jesper!AH$2:AH$366,ROUNDDOWN($C7110/24,0)+1,1))-1)+IF('Standard Profiles'!$G$18=$B$10,7,0)+IF('Standard Profiles'!$G$18=$B$17,14,0)+IF('Standard Profiles'!$G$18=$B$24,21,0),0)),0)</f>
        <v>11.659815731520045</v>
      </c>
      <c r="E7110" cm="1">
        <f t="array" ref="E7110">IFERROR(INDEX(Jesper!AI$2:AI$366,ROUNDDOWN($C7110/24,0)+1,1)*INDEX($D$3:$AA$30,INDEX(Jesper!$R$2:$R$366,ROW(INDEX(Jesper!AI$2:AI$366,ROUNDDOWN($C7110/24,0)+1,1))-1)+IF('Standard Profiles'!$G$19=$B$10,7,0)+IF('Standard Profiles'!$G$19=$B$17,14,0)+IF('Standard Profiles'!$G$19=$B$24,21,0),MOD($C7110,24)+1)/SUM(INDEX($D$3:$AA$30,INDEX(Jesper!$R$2:$R$366,ROW(INDEX(Jesper!AI$2:AI$366,ROUNDDOWN($C7110/24,0)+1,1))-1)+IF('Standard Profiles'!$G$19=$B$10,7,0)+IF('Standard Profiles'!$G$19=$B$17,14,0)+IF('Standard Profiles'!$G$19=$B$24,21,0),0)),0)</f>
        <v>0</v>
      </c>
      <c r="F7110" cm="1">
        <f t="array" ref="F7110">IFERROR(INDEX(Jesper!AJ$2:AJ$366,ROUNDDOWN($C7110/24,0)+1,1)*INDEX($D$3:$AA$30,INDEX(Jesper!$R$2:$R$366,ROW(INDEX(Jesper!AJ$2:AJ$366,ROUNDDOWN($C7110/24,0)+1,1))-1)+IF('Standard Profiles'!$G$20=$B$10,7,0)+IF('Standard Profiles'!$G$20=$B$17,14,0)+IF('Standard Profiles'!$G$20=$B$24,21,0),MOD($C7110,24)+1)/SUM(INDEX($D$3:$AA$30,INDEX(Jesper!$R$2:$R$366,ROW(INDEX(Jesper!AJ$2:AJ$366,ROUNDDOWN($C7110/24,0)+1,1))-1)+IF('Standard Profiles'!$G$20=$B$10,7,0)+IF('Standard Profiles'!$G$20=$B$17,14,0)+IF('Standard Profiles'!$G$20=$B$24,21,0),0)),0)</f>
        <v>0</v>
      </c>
      <c r="G7110" cm="1">
        <f t="array" ref="G7110">IFERROR(INDEX(Jesper!AK$2:AK$366,ROUNDDOWN($C7110/24,0)+1,1)*INDEX($D$3:$AA$30,INDEX(Jesper!$R$2:$R$366,ROW(INDEX(Jesper!AK$2:AK$366,ROUNDDOWN($C7110/24,0)+1,1))-1)+IF('Standard Profiles'!$G$21=$B$10,7,0)+IF('Standard Profiles'!$G$21=$B$17,14,0)+IF('Standard Profiles'!$G$21=$B$24,21,0),MOD($C7110,24)+1)/SUM(INDEX($D$3:$AA$30,INDEX(Jesper!$R$2:$R$366,ROW(INDEX(Jesper!AK$2:AK$366,ROUNDDOWN($C7110/24,0)+1,1))-1)+IF('Standard Profiles'!$G$21=$B$10,7,0)+IF('Standard Profiles'!$G$21=$B$17,14,0)+IF('Standard Profiles'!$G$21=$B$24,21,0),0)),0)</f>
        <v>0</v>
      </c>
      <c r="H7110" cm="1">
        <f t="array" ref="H7110">IFERROR(INDEX(Jesper!AL$2:AL$366,ROUNDDOWN($C7110/24,0)+1,1)*INDEX($D$3:$AA$30,INDEX(Jesper!$R$2:$R$366,ROW(INDEX(Jesper!AL$2:AL$366,ROUNDDOWN($C7110/24,0)+1,1))-1)+IF('Standard Profiles'!$G$22=$B$10,7,0)+IF('Standard Profiles'!$G$22=$B$17,14,0)+IF('Standard Profiles'!$G$22=$B$24,21,0),MOD($C7110,24)+1)/SUM(INDEX($D$3:$AA$30,INDEX(Jesper!$R$2:$R$366,ROW(INDEX(Jesper!AL$2:AL$366,ROUNDDOWN($C7110/24,0)+1,1))-1)+IF('Standard Profiles'!$G$22=$B$10,7,0)+IF('Standard Profiles'!$G$22=$B$17,14,0)+IF('Standard Profiles'!$G$22=$B$24,21,0),0)),0)</f>
        <v>0</v>
      </c>
      <c r="I7110">
        <f t="shared" si="790"/>
        <v>0.34979447194560132</v>
      </c>
      <c r="J7110">
        <f t="shared" si="791"/>
        <v>1.1659815731520045</v>
      </c>
      <c r="K7110">
        <f t="shared" si="792"/>
        <v>1.7489723597280067</v>
      </c>
      <c r="L7110">
        <f t="shared" si="793"/>
        <v>8.3950673266944325</v>
      </c>
      <c r="M7110">
        <f t="shared" si="794"/>
        <v>0</v>
      </c>
      <c r="N7110" s="46">
        <f t="shared" si="795"/>
        <v>45586.833333316172</v>
      </c>
    </row>
    <row r="7111" spans="2:14" x14ac:dyDescent="0.3">
      <c r="B7111">
        <f t="shared" si="789"/>
        <v>1</v>
      </c>
      <c r="C7111" s="16">
        <v>7077</v>
      </c>
      <c r="D7111" cm="1">
        <f t="array" ref="D7111">IFERROR(INDEX(Jesper!AH$2:AH$366,ROUNDDOWN($C7111/24,0)+1,1)*INDEX($D$3:$AA$30,INDEX(Jesper!$R$2:$R$366,ROW(INDEX(Jesper!AH$2:AH$366,ROUNDDOWN($C7111/24,0)+1,1))-1)+IF('Standard Profiles'!$G$18=$B$10,7,0)+IF('Standard Profiles'!$G$18=$B$17,14,0)+IF('Standard Profiles'!$G$18=$B$24,21,0),MOD($C7111,24)+1)/SUM(INDEX($D$3:$AA$30,INDEX(Jesper!$R$2:$R$366,ROW(INDEX(Jesper!AH$2:AH$366,ROUNDDOWN($C7111/24,0)+1,1))-1)+IF('Standard Profiles'!$G$18=$B$10,7,0)+IF('Standard Profiles'!$G$18=$B$17,14,0)+IF('Standard Profiles'!$G$18=$B$24,21,0),0)),0)</f>
        <v>8.4798659865600339</v>
      </c>
      <c r="E7111" cm="1">
        <f t="array" ref="E7111">IFERROR(INDEX(Jesper!AI$2:AI$366,ROUNDDOWN($C7111/24,0)+1,1)*INDEX($D$3:$AA$30,INDEX(Jesper!$R$2:$R$366,ROW(INDEX(Jesper!AI$2:AI$366,ROUNDDOWN($C7111/24,0)+1,1))-1)+IF('Standard Profiles'!$G$19=$B$10,7,0)+IF('Standard Profiles'!$G$19=$B$17,14,0)+IF('Standard Profiles'!$G$19=$B$24,21,0),MOD($C7111,24)+1)/SUM(INDEX($D$3:$AA$30,INDEX(Jesper!$R$2:$R$366,ROW(INDEX(Jesper!AI$2:AI$366,ROUNDDOWN($C7111/24,0)+1,1))-1)+IF('Standard Profiles'!$G$19=$B$10,7,0)+IF('Standard Profiles'!$G$19=$B$17,14,0)+IF('Standard Profiles'!$G$19=$B$24,21,0),0)),0)</f>
        <v>0</v>
      </c>
      <c r="F7111" cm="1">
        <f t="array" ref="F7111">IFERROR(INDEX(Jesper!AJ$2:AJ$366,ROUNDDOWN($C7111/24,0)+1,1)*INDEX($D$3:$AA$30,INDEX(Jesper!$R$2:$R$366,ROW(INDEX(Jesper!AJ$2:AJ$366,ROUNDDOWN($C7111/24,0)+1,1))-1)+IF('Standard Profiles'!$G$20=$B$10,7,0)+IF('Standard Profiles'!$G$20=$B$17,14,0)+IF('Standard Profiles'!$G$20=$B$24,21,0),MOD($C7111,24)+1)/SUM(INDEX($D$3:$AA$30,INDEX(Jesper!$R$2:$R$366,ROW(INDEX(Jesper!AJ$2:AJ$366,ROUNDDOWN($C7111/24,0)+1,1))-1)+IF('Standard Profiles'!$G$20=$B$10,7,0)+IF('Standard Profiles'!$G$20=$B$17,14,0)+IF('Standard Profiles'!$G$20=$B$24,21,0),0)),0)</f>
        <v>0</v>
      </c>
      <c r="G7111" cm="1">
        <f t="array" ref="G7111">IFERROR(INDEX(Jesper!AK$2:AK$366,ROUNDDOWN($C7111/24,0)+1,1)*INDEX($D$3:$AA$30,INDEX(Jesper!$R$2:$R$366,ROW(INDEX(Jesper!AK$2:AK$366,ROUNDDOWN($C7111/24,0)+1,1))-1)+IF('Standard Profiles'!$G$21=$B$10,7,0)+IF('Standard Profiles'!$G$21=$B$17,14,0)+IF('Standard Profiles'!$G$21=$B$24,21,0),MOD($C7111,24)+1)/SUM(INDEX($D$3:$AA$30,INDEX(Jesper!$R$2:$R$366,ROW(INDEX(Jesper!AK$2:AK$366,ROUNDDOWN($C7111/24,0)+1,1))-1)+IF('Standard Profiles'!$G$21=$B$10,7,0)+IF('Standard Profiles'!$G$21=$B$17,14,0)+IF('Standard Profiles'!$G$21=$B$24,21,0),0)),0)</f>
        <v>0</v>
      </c>
      <c r="H7111" cm="1">
        <f t="array" ref="H7111">IFERROR(INDEX(Jesper!AL$2:AL$366,ROUNDDOWN($C7111/24,0)+1,1)*INDEX($D$3:$AA$30,INDEX(Jesper!$R$2:$R$366,ROW(INDEX(Jesper!AL$2:AL$366,ROUNDDOWN($C7111/24,0)+1,1))-1)+IF('Standard Profiles'!$G$22=$B$10,7,0)+IF('Standard Profiles'!$G$22=$B$17,14,0)+IF('Standard Profiles'!$G$22=$B$24,21,0),MOD($C7111,24)+1)/SUM(INDEX($D$3:$AA$30,INDEX(Jesper!$R$2:$R$366,ROW(INDEX(Jesper!AL$2:AL$366,ROUNDDOWN($C7111/24,0)+1,1))-1)+IF('Standard Profiles'!$G$22=$B$10,7,0)+IF('Standard Profiles'!$G$22=$B$17,14,0)+IF('Standard Profiles'!$G$22=$B$24,21,0),0)),0)</f>
        <v>0</v>
      </c>
      <c r="I7111">
        <f t="shared" si="790"/>
        <v>0.25439597959680099</v>
      </c>
      <c r="J7111">
        <f t="shared" si="791"/>
        <v>0.84798659865600345</v>
      </c>
      <c r="K7111">
        <f t="shared" si="792"/>
        <v>1.2719798979840051</v>
      </c>
      <c r="L7111">
        <f t="shared" si="793"/>
        <v>6.1055035103232242</v>
      </c>
      <c r="M7111">
        <f t="shared" si="794"/>
        <v>0</v>
      </c>
      <c r="N7111" s="46">
        <f t="shared" si="795"/>
        <v>45586.874999982836</v>
      </c>
    </row>
    <row r="7112" spans="2:14" x14ac:dyDescent="0.3">
      <c r="B7112">
        <f t="shared" si="789"/>
        <v>1</v>
      </c>
      <c r="C7112" s="16">
        <v>7078</v>
      </c>
      <c r="D7112" cm="1">
        <f t="array" ref="D7112">IFERROR(INDEX(Jesper!AH$2:AH$366,ROUNDDOWN($C7112/24,0)+1,1)*INDEX($D$3:$AA$30,INDEX(Jesper!$R$2:$R$366,ROW(INDEX(Jesper!AH$2:AH$366,ROUNDDOWN($C7112/24,0)+1,1))-1)+IF('Standard Profiles'!$G$18=$B$10,7,0)+IF('Standard Profiles'!$G$18=$B$17,14,0)+IF('Standard Profiles'!$G$18=$B$24,21,0),MOD($C7112,24)+1)/SUM(INDEX($D$3:$AA$30,INDEX(Jesper!$R$2:$R$366,ROW(INDEX(Jesper!AH$2:AH$366,ROUNDDOWN($C7112/24,0)+1,1))-1)+IF('Standard Profiles'!$G$18=$B$10,7,0)+IF('Standard Profiles'!$G$18=$B$17,14,0)+IF('Standard Profiles'!$G$18=$B$24,21,0),0)),0)</f>
        <v>8.0558726872320321</v>
      </c>
      <c r="E7112" cm="1">
        <f t="array" ref="E7112">IFERROR(INDEX(Jesper!AI$2:AI$366,ROUNDDOWN($C7112/24,0)+1,1)*INDEX($D$3:$AA$30,INDEX(Jesper!$R$2:$R$366,ROW(INDEX(Jesper!AI$2:AI$366,ROUNDDOWN($C7112/24,0)+1,1))-1)+IF('Standard Profiles'!$G$19=$B$10,7,0)+IF('Standard Profiles'!$G$19=$B$17,14,0)+IF('Standard Profiles'!$G$19=$B$24,21,0),MOD($C7112,24)+1)/SUM(INDEX($D$3:$AA$30,INDEX(Jesper!$R$2:$R$366,ROW(INDEX(Jesper!AI$2:AI$366,ROUNDDOWN($C7112/24,0)+1,1))-1)+IF('Standard Profiles'!$G$19=$B$10,7,0)+IF('Standard Profiles'!$G$19=$B$17,14,0)+IF('Standard Profiles'!$G$19=$B$24,21,0),0)),0)</f>
        <v>0</v>
      </c>
      <c r="F7112" cm="1">
        <f t="array" ref="F7112">IFERROR(INDEX(Jesper!AJ$2:AJ$366,ROUNDDOWN($C7112/24,0)+1,1)*INDEX($D$3:$AA$30,INDEX(Jesper!$R$2:$R$366,ROW(INDEX(Jesper!AJ$2:AJ$366,ROUNDDOWN($C7112/24,0)+1,1))-1)+IF('Standard Profiles'!$G$20=$B$10,7,0)+IF('Standard Profiles'!$G$20=$B$17,14,0)+IF('Standard Profiles'!$G$20=$B$24,21,0),MOD($C7112,24)+1)/SUM(INDEX($D$3:$AA$30,INDEX(Jesper!$R$2:$R$366,ROW(INDEX(Jesper!AJ$2:AJ$366,ROUNDDOWN($C7112/24,0)+1,1))-1)+IF('Standard Profiles'!$G$20=$B$10,7,0)+IF('Standard Profiles'!$G$20=$B$17,14,0)+IF('Standard Profiles'!$G$20=$B$24,21,0),0)),0)</f>
        <v>0</v>
      </c>
      <c r="G7112" cm="1">
        <f t="array" ref="G7112">IFERROR(INDEX(Jesper!AK$2:AK$366,ROUNDDOWN($C7112/24,0)+1,1)*INDEX($D$3:$AA$30,INDEX(Jesper!$R$2:$R$366,ROW(INDEX(Jesper!AK$2:AK$366,ROUNDDOWN($C7112/24,0)+1,1))-1)+IF('Standard Profiles'!$G$21=$B$10,7,0)+IF('Standard Profiles'!$G$21=$B$17,14,0)+IF('Standard Profiles'!$G$21=$B$24,21,0),MOD($C7112,24)+1)/SUM(INDEX($D$3:$AA$30,INDEX(Jesper!$R$2:$R$366,ROW(INDEX(Jesper!AK$2:AK$366,ROUNDDOWN($C7112/24,0)+1,1))-1)+IF('Standard Profiles'!$G$21=$B$10,7,0)+IF('Standard Profiles'!$G$21=$B$17,14,0)+IF('Standard Profiles'!$G$21=$B$24,21,0),0)),0)</f>
        <v>0</v>
      </c>
      <c r="H7112" cm="1">
        <f t="array" ref="H7112">IFERROR(INDEX(Jesper!AL$2:AL$366,ROUNDDOWN($C7112/24,0)+1,1)*INDEX($D$3:$AA$30,INDEX(Jesper!$R$2:$R$366,ROW(INDEX(Jesper!AL$2:AL$366,ROUNDDOWN($C7112/24,0)+1,1))-1)+IF('Standard Profiles'!$G$22=$B$10,7,0)+IF('Standard Profiles'!$G$22=$B$17,14,0)+IF('Standard Profiles'!$G$22=$B$24,21,0),MOD($C7112,24)+1)/SUM(INDEX($D$3:$AA$30,INDEX(Jesper!$R$2:$R$366,ROW(INDEX(Jesper!AL$2:AL$366,ROUNDDOWN($C7112/24,0)+1,1))-1)+IF('Standard Profiles'!$G$22=$B$10,7,0)+IF('Standard Profiles'!$G$22=$B$17,14,0)+IF('Standard Profiles'!$G$22=$B$24,21,0),0)),0)</f>
        <v>0</v>
      </c>
      <c r="I7112">
        <f t="shared" si="790"/>
        <v>0.24167618061696095</v>
      </c>
      <c r="J7112">
        <f t="shared" si="791"/>
        <v>0.8055872687232033</v>
      </c>
      <c r="K7112">
        <f t="shared" si="792"/>
        <v>1.2083809030848047</v>
      </c>
      <c r="L7112">
        <f t="shared" si="793"/>
        <v>5.8002283348070627</v>
      </c>
      <c r="M7112">
        <f t="shared" si="794"/>
        <v>0</v>
      </c>
      <c r="N7112" s="46">
        <f t="shared" si="795"/>
        <v>45586.9166666495</v>
      </c>
    </row>
    <row r="7113" spans="2:14" x14ac:dyDescent="0.3">
      <c r="B7113">
        <f t="shared" si="789"/>
        <v>1</v>
      </c>
      <c r="C7113" s="16">
        <v>7079</v>
      </c>
      <c r="D7113" cm="1">
        <f t="array" ref="D7113">IFERROR(INDEX(Jesper!AH$2:AH$366,ROUNDDOWN($C7113/24,0)+1,1)*INDEX($D$3:$AA$30,INDEX(Jesper!$R$2:$R$366,ROW(INDEX(Jesper!AH$2:AH$366,ROUNDDOWN($C7113/24,0)+1,1))-1)+IF('Standard Profiles'!$G$18=$B$10,7,0)+IF('Standard Profiles'!$G$18=$B$17,14,0)+IF('Standard Profiles'!$G$18=$B$24,21,0),MOD($C7113,24)+1)/SUM(INDEX($D$3:$AA$30,INDEX(Jesper!$R$2:$R$366,ROW(INDEX(Jesper!AH$2:AH$366,ROUNDDOWN($C7113/24,0)+1,1))-1)+IF('Standard Profiles'!$G$18=$B$10,7,0)+IF('Standard Profiles'!$G$18=$B$17,14,0)+IF('Standard Profiles'!$G$18=$B$24,21,0),0)),0)</f>
        <v>8.0558726872320321</v>
      </c>
      <c r="E7113" cm="1">
        <f t="array" ref="E7113">IFERROR(INDEX(Jesper!AI$2:AI$366,ROUNDDOWN($C7113/24,0)+1,1)*INDEX($D$3:$AA$30,INDEX(Jesper!$R$2:$R$366,ROW(INDEX(Jesper!AI$2:AI$366,ROUNDDOWN($C7113/24,0)+1,1))-1)+IF('Standard Profiles'!$G$19=$B$10,7,0)+IF('Standard Profiles'!$G$19=$B$17,14,0)+IF('Standard Profiles'!$G$19=$B$24,21,0),MOD($C7113,24)+1)/SUM(INDEX($D$3:$AA$30,INDEX(Jesper!$R$2:$R$366,ROW(INDEX(Jesper!AI$2:AI$366,ROUNDDOWN($C7113/24,0)+1,1))-1)+IF('Standard Profiles'!$G$19=$B$10,7,0)+IF('Standard Profiles'!$G$19=$B$17,14,0)+IF('Standard Profiles'!$G$19=$B$24,21,0),0)),0)</f>
        <v>0</v>
      </c>
      <c r="F7113" cm="1">
        <f t="array" ref="F7113">IFERROR(INDEX(Jesper!AJ$2:AJ$366,ROUNDDOWN($C7113/24,0)+1,1)*INDEX($D$3:$AA$30,INDEX(Jesper!$R$2:$R$366,ROW(INDEX(Jesper!AJ$2:AJ$366,ROUNDDOWN($C7113/24,0)+1,1))-1)+IF('Standard Profiles'!$G$20=$B$10,7,0)+IF('Standard Profiles'!$G$20=$B$17,14,0)+IF('Standard Profiles'!$G$20=$B$24,21,0),MOD($C7113,24)+1)/SUM(INDEX($D$3:$AA$30,INDEX(Jesper!$R$2:$R$366,ROW(INDEX(Jesper!AJ$2:AJ$366,ROUNDDOWN($C7113/24,0)+1,1))-1)+IF('Standard Profiles'!$G$20=$B$10,7,0)+IF('Standard Profiles'!$G$20=$B$17,14,0)+IF('Standard Profiles'!$G$20=$B$24,21,0),0)),0)</f>
        <v>0</v>
      </c>
      <c r="G7113" cm="1">
        <f t="array" ref="G7113">IFERROR(INDEX(Jesper!AK$2:AK$366,ROUNDDOWN($C7113/24,0)+1,1)*INDEX($D$3:$AA$30,INDEX(Jesper!$R$2:$R$366,ROW(INDEX(Jesper!AK$2:AK$366,ROUNDDOWN($C7113/24,0)+1,1))-1)+IF('Standard Profiles'!$G$21=$B$10,7,0)+IF('Standard Profiles'!$G$21=$B$17,14,0)+IF('Standard Profiles'!$G$21=$B$24,21,0),MOD($C7113,24)+1)/SUM(INDEX($D$3:$AA$30,INDEX(Jesper!$R$2:$R$366,ROW(INDEX(Jesper!AK$2:AK$366,ROUNDDOWN($C7113/24,0)+1,1))-1)+IF('Standard Profiles'!$G$21=$B$10,7,0)+IF('Standard Profiles'!$G$21=$B$17,14,0)+IF('Standard Profiles'!$G$21=$B$24,21,0),0)),0)</f>
        <v>0</v>
      </c>
      <c r="H7113" cm="1">
        <f t="array" ref="H7113">IFERROR(INDEX(Jesper!AL$2:AL$366,ROUNDDOWN($C7113/24,0)+1,1)*INDEX($D$3:$AA$30,INDEX(Jesper!$R$2:$R$366,ROW(INDEX(Jesper!AL$2:AL$366,ROUNDDOWN($C7113/24,0)+1,1))-1)+IF('Standard Profiles'!$G$22=$B$10,7,0)+IF('Standard Profiles'!$G$22=$B$17,14,0)+IF('Standard Profiles'!$G$22=$B$24,21,0),MOD($C7113,24)+1)/SUM(INDEX($D$3:$AA$30,INDEX(Jesper!$R$2:$R$366,ROW(INDEX(Jesper!AL$2:AL$366,ROUNDDOWN($C7113/24,0)+1,1))-1)+IF('Standard Profiles'!$G$22=$B$10,7,0)+IF('Standard Profiles'!$G$22=$B$17,14,0)+IF('Standard Profiles'!$G$22=$B$24,21,0),0)),0)</f>
        <v>0</v>
      </c>
      <c r="I7113">
        <f t="shared" si="790"/>
        <v>0.24167618061696095</v>
      </c>
      <c r="J7113">
        <f t="shared" si="791"/>
        <v>0.8055872687232033</v>
      </c>
      <c r="K7113">
        <f t="shared" si="792"/>
        <v>1.2083809030848047</v>
      </c>
      <c r="L7113">
        <f t="shared" si="793"/>
        <v>5.8002283348070627</v>
      </c>
      <c r="M7113">
        <f t="shared" si="794"/>
        <v>0</v>
      </c>
      <c r="N7113" s="46">
        <f t="shared" si="795"/>
        <v>45586.958333316164</v>
      </c>
    </row>
    <row r="7114" spans="2:14" x14ac:dyDescent="0.3">
      <c r="B7114">
        <f t="shared" si="789"/>
        <v>2</v>
      </c>
      <c r="C7114" s="16">
        <v>7080</v>
      </c>
      <c r="D7114" cm="1">
        <f t="array" ref="D7114">IFERROR(INDEX(Jesper!AH$2:AH$366,ROUNDDOWN($C7114/24,0)+1,1)*INDEX($D$3:$AA$30,INDEX(Jesper!$R$2:$R$366,ROW(INDEX(Jesper!AH$2:AH$366,ROUNDDOWN($C7114/24,0)+1,1))-1)+IF('Standard Profiles'!$G$18=$B$10,7,0)+IF('Standard Profiles'!$G$18=$B$17,14,0)+IF('Standard Profiles'!$G$18=$B$24,21,0),MOD($C7114,24)+1)/SUM(INDEX($D$3:$AA$30,INDEX(Jesper!$R$2:$R$366,ROW(INDEX(Jesper!AH$2:AH$366,ROUNDDOWN($C7114/24,0)+1,1))-1)+IF('Standard Profiles'!$G$18=$B$10,7,0)+IF('Standard Profiles'!$G$18=$B$17,14,0)+IF('Standard Profiles'!$G$18=$B$24,21,0),0)),0)</f>
        <v>7.3830600652802554</v>
      </c>
      <c r="E7114" cm="1">
        <f t="array" ref="E7114">IFERROR(INDEX(Jesper!AI$2:AI$366,ROUNDDOWN($C7114/24,0)+1,1)*INDEX($D$3:$AA$30,INDEX(Jesper!$R$2:$R$366,ROW(INDEX(Jesper!AI$2:AI$366,ROUNDDOWN($C7114/24,0)+1,1))-1)+IF('Standard Profiles'!$G$19=$B$10,7,0)+IF('Standard Profiles'!$G$19=$B$17,14,0)+IF('Standard Profiles'!$G$19=$B$24,21,0),MOD($C7114,24)+1)/SUM(INDEX($D$3:$AA$30,INDEX(Jesper!$R$2:$R$366,ROW(INDEX(Jesper!AI$2:AI$366,ROUNDDOWN($C7114/24,0)+1,1))-1)+IF('Standard Profiles'!$G$19=$B$10,7,0)+IF('Standard Profiles'!$G$19=$B$17,14,0)+IF('Standard Profiles'!$G$19=$B$24,21,0),0)),0)</f>
        <v>0</v>
      </c>
      <c r="F7114" cm="1">
        <f t="array" ref="F7114">IFERROR(INDEX(Jesper!AJ$2:AJ$366,ROUNDDOWN($C7114/24,0)+1,1)*INDEX($D$3:$AA$30,INDEX(Jesper!$R$2:$R$366,ROW(INDEX(Jesper!AJ$2:AJ$366,ROUNDDOWN($C7114/24,0)+1,1))-1)+IF('Standard Profiles'!$G$20=$B$10,7,0)+IF('Standard Profiles'!$G$20=$B$17,14,0)+IF('Standard Profiles'!$G$20=$B$24,21,0),MOD($C7114,24)+1)/SUM(INDEX($D$3:$AA$30,INDEX(Jesper!$R$2:$R$366,ROW(INDEX(Jesper!AJ$2:AJ$366,ROUNDDOWN($C7114/24,0)+1,1))-1)+IF('Standard Profiles'!$G$20=$B$10,7,0)+IF('Standard Profiles'!$G$20=$B$17,14,0)+IF('Standard Profiles'!$G$20=$B$24,21,0),0)),0)</f>
        <v>0</v>
      </c>
      <c r="G7114" cm="1">
        <f t="array" ref="G7114">IFERROR(INDEX(Jesper!AK$2:AK$366,ROUNDDOWN($C7114/24,0)+1,1)*INDEX($D$3:$AA$30,INDEX(Jesper!$R$2:$R$366,ROW(INDEX(Jesper!AK$2:AK$366,ROUNDDOWN($C7114/24,0)+1,1))-1)+IF('Standard Profiles'!$G$21=$B$10,7,0)+IF('Standard Profiles'!$G$21=$B$17,14,0)+IF('Standard Profiles'!$G$21=$B$24,21,0),MOD($C7114,24)+1)/SUM(INDEX($D$3:$AA$30,INDEX(Jesper!$R$2:$R$366,ROW(INDEX(Jesper!AK$2:AK$366,ROUNDDOWN($C7114/24,0)+1,1))-1)+IF('Standard Profiles'!$G$21=$B$10,7,0)+IF('Standard Profiles'!$G$21=$B$17,14,0)+IF('Standard Profiles'!$G$21=$B$24,21,0),0)),0)</f>
        <v>0</v>
      </c>
      <c r="H7114" cm="1">
        <f t="array" ref="H7114">IFERROR(INDEX(Jesper!AL$2:AL$366,ROUNDDOWN($C7114/24,0)+1,1)*INDEX($D$3:$AA$30,INDEX(Jesper!$R$2:$R$366,ROW(INDEX(Jesper!AL$2:AL$366,ROUNDDOWN($C7114/24,0)+1,1))-1)+IF('Standard Profiles'!$G$22=$B$10,7,0)+IF('Standard Profiles'!$G$22=$B$17,14,0)+IF('Standard Profiles'!$G$22=$B$24,21,0),MOD($C7114,24)+1)/SUM(INDEX($D$3:$AA$30,INDEX(Jesper!$R$2:$R$366,ROW(INDEX(Jesper!AL$2:AL$366,ROUNDDOWN($C7114/24,0)+1,1))-1)+IF('Standard Profiles'!$G$22=$B$10,7,0)+IF('Standard Profiles'!$G$22=$B$17,14,0)+IF('Standard Profiles'!$G$22=$B$24,21,0),0)),0)</f>
        <v>0</v>
      </c>
      <c r="I7114">
        <f t="shared" si="790"/>
        <v>0.22149180195840765</v>
      </c>
      <c r="J7114">
        <f t="shared" si="791"/>
        <v>0.73830600652802558</v>
      </c>
      <c r="K7114">
        <f t="shared" si="792"/>
        <v>1.1074590097920383</v>
      </c>
      <c r="L7114">
        <f t="shared" si="793"/>
        <v>5.3158032470017833</v>
      </c>
      <c r="M7114">
        <f t="shared" si="794"/>
        <v>0</v>
      </c>
      <c r="N7114" s="46">
        <f t="shared" si="795"/>
        <v>45586.999999982829</v>
      </c>
    </row>
    <row r="7115" spans="2:14" x14ac:dyDescent="0.3">
      <c r="B7115">
        <f t="shared" si="789"/>
        <v>2</v>
      </c>
      <c r="C7115" s="16">
        <v>7081</v>
      </c>
      <c r="D7115" cm="1">
        <f t="array" ref="D7115">IFERROR(INDEX(Jesper!AH$2:AH$366,ROUNDDOWN($C7115/24,0)+1,1)*INDEX($D$3:$AA$30,INDEX(Jesper!$R$2:$R$366,ROW(INDEX(Jesper!AH$2:AH$366,ROUNDDOWN($C7115/24,0)+1,1))-1)+IF('Standard Profiles'!$G$18=$B$10,7,0)+IF('Standard Profiles'!$G$18=$B$17,14,0)+IF('Standard Profiles'!$G$18=$B$24,21,0),MOD($C7115,24)+1)/SUM(INDEX($D$3:$AA$30,INDEX(Jesper!$R$2:$R$366,ROW(INDEX(Jesper!AH$2:AH$366,ROUNDDOWN($C7115/24,0)+1,1))-1)+IF('Standard Profiles'!$G$18=$B$10,7,0)+IF('Standard Profiles'!$G$18=$B$17,14,0)+IF('Standard Profiles'!$G$18=$B$24,21,0),0)),0)</f>
        <v>7.3830600652802554</v>
      </c>
      <c r="E7115" cm="1">
        <f t="array" ref="E7115">IFERROR(INDEX(Jesper!AI$2:AI$366,ROUNDDOWN($C7115/24,0)+1,1)*INDEX($D$3:$AA$30,INDEX(Jesper!$R$2:$R$366,ROW(INDEX(Jesper!AI$2:AI$366,ROUNDDOWN($C7115/24,0)+1,1))-1)+IF('Standard Profiles'!$G$19=$B$10,7,0)+IF('Standard Profiles'!$G$19=$B$17,14,0)+IF('Standard Profiles'!$G$19=$B$24,21,0),MOD($C7115,24)+1)/SUM(INDEX($D$3:$AA$30,INDEX(Jesper!$R$2:$R$366,ROW(INDEX(Jesper!AI$2:AI$366,ROUNDDOWN($C7115/24,0)+1,1))-1)+IF('Standard Profiles'!$G$19=$B$10,7,0)+IF('Standard Profiles'!$G$19=$B$17,14,0)+IF('Standard Profiles'!$G$19=$B$24,21,0),0)),0)</f>
        <v>0</v>
      </c>
      <c r="F7115" cm="1">
        <f t="array" ref="F7115">IFERROR(INDEX(Jesper!AJ$2:AJ$366,ROUNDDOWN($C7115/24,0)+1,1)*INDEX($D$3:$AA$30,INDEX(Jesper!$R$2:$R$366,ROW(INDEX(Jesper!AJ$2:AJ$366,ROUNDDOWN($C7115/24,0)+1,1))-1)+IF('Standard Profiles'!$G$20=$B$10,7,0)+IF('Standard Profiles'!$G$20=$B$17,14,0)+IF('Standard Profiles'!$G$20=$B$24,21,0),MOD($C7115,24)+1)/SUM(INDEX($D$3:$AA$30,INDEX(Jesper!$R$2:$R$366,ROW(INDEX(Jesper!AJ$2:AJ$366,ROUNDDOWN($C7115/24,0)+1,1))-1)+IF('Standard Profiles'!$G$20=$B$10,7,0)+IF('Standard Profiles'!$G$20=$B$17,14,0)+IF('Standard Profiles'!$G$20=$B$24,21,0),0)),0)</f>
        <v>0</v>
      </c>
      <c r="G7115" cm="1">
        <f t="array" ref="G7115">IFERROR(INDEX(Jesper!AK$2:AK$366,ROUNDDOWN($C7115/24,0)+1,1)*INDEX($D$3:$AA$30,INDEX(Jesper!$R$2:$R$366,ROW(INDEX(Jesper!AK$2:AK$366,ROUNDDOWN($C7115/24,0)+1,1))-1)+IF('Standard Profiles'!$G$21=$B$10,7,0)+IF('Standard Profiles'!$G$21=$B$17,14,0)+IF('Standard Profiles'!$G$21=$B$24,21,0),MOD($C7115,24)+1)/SUM(INDEX($D$3:$AA$30,INDEX(Jesper!$R$2:$R$366,ROW(INDEX(Jesper!AK$2:AK$366,ROUNDDOWN($C7115/24,0)+1,1))-1)+IF('Standard Profiles'!$G$21=$B$10,7,0)+IF('Standard Profiles'!$G$21=$B$17,14,0)+IF('Standard Profiles'!$G$21=$B$24,21,0),0)),0)</f>
        <v>0</v>
      </c>
      <c r="H7115" cm="1">
        <f t="array" ref="H7115">IFERROR(INDEX(Jesper!AL$2:AL$366,ROUNDDOWN($C7115/24,0)+1,1)*INDEX($D$3:$AA$30,INDEX(Jesper!$R$2:$R$366,ROW(INDEX(Jesper!AL$2:AL$366,ROUNDDOWN($C7115/24,0)+1,1))-1)+IF('Standard Profiles'!$G$22=$B$10,7,0)+IF('Standard Profiles'!$G$22=$B$17,14,0)+IF('Standard Profiles'!$G$22=$B$24,21,0),MOD($C7115,24)+1)/SUM(INDEX($D$3:$AA$30,INDEX(Jesper!$R$2:$R$366,ROW(INDEX(Jesper!AL$2:AL$366,ROUNDDOWN($C7115/24,0)+1,1))-1)+IF('Standard Profiles'!$G$22=$B$10,7,0)+IF('Standard Profiles'!$G$22=$B$17,14,0)+IF('Standard Profiles'!$G$22=$B$24,21,0),0)),0)</f>
        <v>0</v>
      </c>
      <c r="I7115">
        <f t="shared" si="790"/>
        <v>0.22149180195840765</v>
      </c>
      <c r="J7115">
        <f t="shared" si="791"/>
        <v>0.73830600652802558</v>
      </c>
      <c r="K7115">
        <f t="shared" si="792"/>
        <v>1.1074590097920383</v>
      </c>
      <c r="L7115">
        <f t="shared" si="793"/>
        <v>5.3158032470017833</v>
      </c>
      <c r="M7115">
        <f t="shared" si="794"/>
        <v>0</v>
      </c>
      <c r="N7115" s="46">
        <f t="shared" si="795"/>
        <v>45587.041666649493</v>
      </c>
    </row>
    <row r="7116" spans="2:14" x14ac:dyDescent="0.3">
      <c r="B7116">
        <f t="shared" si="789"/>
        <v>2</v>
      </c>
      <c r="C7116" s="16">
        <v>7082</v>
      </c>
      <c r="D7116" cm="1">
        <f t="array" ref="D7116">IFERROR(INDEX(Jesper!AH$2:AH$366,ROUNDDOWN($C7116/24,0)+1,1)*INDEX($D$3:$AA$30,INDEX(Jesper!$R$2:$R$366,ROW(INDEX(Jesper!AH$2:AH$366,ROUNDDOWN($C7116/24,0)+1,1))-1)+IF('Standard Profiles'!$G$18=$B$10,7,0)+IF('Standard Profiles'!$G$18=$B$17,14,0)+IF('Standard Profiles'!$G$18=$B$24,21,0),MOD($C7116,24)+1)/SUM(INDEX($D$3:$AA$30,INDEX(Jesper!$R$2:$R$366,ROW(INDEX(Jesper!AH$2:AH$366,ROUNDDOWN($C7116/24,0)+1,1))-1)+IF('Standard Profiles'!$G$18=$B$10,7,0)+IF('Standard Profiles'!$G$18=$B$17,14,0)+IF('Standard Profiles'!$G$18=$B$24,21,0),0)),0)</f>
        <v>7.3830600652802554</v>
      </c>
      <c r="E7116" cm="1">
        <f t="array" ref="E7116">IFERROR(INDEX(Jesper!AI$2:AI$366,ROUNDDOWN($C7116/24,0)+1,1)*INDEX($D$3:$AA$30,INDEX(Jesper!$R$2:$R$366,ROW(INDEX(Jesper!AI$2:AI$366,ROUNDDOWN($C7116/24,0)+1,1))-1)+IF('Standard Profiles'!$G$19=$B$10,7,0)+IF('Standard Profiles'!$G$19=$B$17,14,0)+IF('Standard Profiles'!$G$19=$B$24,21,0),MOD($C7116,24)+1)/SUM(INDEX($D$3:$AA$30,INDEX(Jesper!$R$2:$R$366,ROW(INDEX(Jesper!AI$2:AI$366,ROUNDDOWN($C7116/24,0)+1,1))-1)+IF('Standard Profiles'!$G$19=$B$10,7,0)+IF('Standard Profiles'!$G$19=$B$17,14,0)+IF('Standard Profiles'!$G$19=$B$24,21,0),0)),0)</f>
        <v>0</v>
      </c>
      <c r="F7116" cm="1">
        <f t="array" ref="F7116">IFERROR(INDEX(Jesper!AJ$2:AJ$366,ROUNDDOWN($C7116/24,0)+1,1)*INDEX($D$3:$AA$30,INDEX(Jesper!$R$2:$R$366,ROW(INDEX(Jesper!AJ$2:AJ$366,ROUNDDOWN($C7116/24,0)+1,1))-1)+IF('Standard Profiles'!$G$20=$B$10,7,0)+IF('Standard Profiles'!$G$20=$B$17,14,0)+IF('Standard Profiles'!$G$20=$B$24,21,0),MOD($C7116,24)+1)/SUM(INDEX($D$3:$AA$30,INDEX(Jesper!$R$2:$R$366,ROW(INDEX(Jesper!AJ$2:AJ$366,ROUNDDOWN($C7116/24,0)+1,1))-1)+IF('Standard Profiles'!$G$20=$B$10,7,0)+IF('Standard Profiles'!$G$20=$B$17,14,0)+IF('Standard Profiles'!$G$20=$B$24,21,0),0)),0)</f>
        <v>0</v>
      </c>
      <c r="G7116" cm="1">
        <f t="array" ref="G7116">IFERROR(INDEX(Jesper!AK$2:AK$366,ROUNDDOWN($C7116/24,0)+1,1)*INDEX($D$3:$AA$30,INDEX(Jesper!$R$2:$R$366,ROW(INDEX(Jesper!AK$2:AK$366,ROUNDDOWN($C7116/24,0)+1,1))-1)+IF('Standard Profiles'!$G$21=$B$10,7,0)+IF('Standard Profiles'!$G$21=$B$17,14,0)+IF('Standard Profiles'!$G$21=$B$24,21,0),MOD($C7116,24)+1)/SUM(INDEX($D$3:$AA$30,INDEX(Jesper!$R$2:$R$366,ROW(INDEX(Jesper!AK$2:AK$366,ROUNDDOWN($C7116/24,0)+1,1))-1)+IF('Standard Profiles'!$G$21=$B$10,7,0)+IF('Standard Profiles'!$G$21=$B$17,14,0)+IF('Standard Profiles'!$G$21=$B$24,21,0),0)),0)</f>
        <v>0</v>
      </c>
      <c r="H7116" cm="1">
        <f t="array" ref="H7116">IFERROR(INDEX(Jesper!AL$2:AL$366,ROUNDDOWN($C7116/24,0)+1,1)*INDEX($D$3:$AA$30,INDEX(Jesper!$R$2:$R$366,ROW(INDEX(Jesper!AL$2:AL$366,ROUNDDOWN($C7116/24,0)+1,1))-1)+IF('Standard Profiles'!$G$22=$B$10,7,0)+IF('Standard Profiles'!$G$22=$B$17,14,0)+IF('Standard Profiles'!$G$22=$B$24,21,0),MOD($C7116,24)+1)/SUM(INDEX($D$3:$AA$30,INDEX(Jesper!$R$2:$R$366,ROW(INDEX(Jesper!AL$2:AL$366,ROUNDDOWN($C7116/24,0)+1,1))-1)+IF('Standard Profiles'!$G$22=$B$10,7,0)+IF('Standard Profiles'!$G$22=$B$17,14,0)+IF('Standard Profiles'!$G$22=$B$24,21,0),0)),0)</f>
        <v>0</v>
      </c>
      <c r="I7116">
        <f t="shared" si="790"/>
        <v>0.22149180195840765</v>
      </c>
      <c r="J7116">
        <f t="shared" si="791"/>
        <v>0.73830600652802558</v>
      </c>
      <c r="K7116">
        <f t="shared" si="792"/>
        <v>1.1074590097920383</v>
      </c>
      <c r="L7116">
        <f t="shared" si="793"/>
        <v>5.3158032470017833</v>
      </c>
      <c r="M7116">
        <f t="shared" si="794"/>
        <v>0</v>
      </c>
      <c r="N7116" s="46">
        <f t="shared" si="795"/>
        <v>45587.083333316157</v>
      </c>
    </row>
    <row r="7117" spans="2:14" x14ac:dyDescent="0.3">
      <c r="B7117">
        <f t="shared" si="789"/>
        <v>2</v>
      </c>
      <c r="C7117" s="16">
        <v>7083</v>
      </c>
      <c r="D7117" cm="1">
        <f t="array" ref="D7117">IFERROR(INDEX(Jesper!AH$2:AH$366,ROUNDDOWN($C7117/24,0)+1,1)*INDEX($D$3:$AA$30,INDEX(Jesper!$R$2:$R$366,ROW(INDEX(Jesper!AH$2:AH$366,ROUNDDOWN($C7117/24,0)+1,1))-1)+IF('Standard Profiles'!$G$18=$B$10,7,0)+IF('Standard Profiles'!$G$18=$B$17,14,0)+IF('Standard Profiles'!$G$18=$B$24,21,0),MOD($C7117,24)+1)/SUM(INDEX($D$3:$AA$30,INDEX(Jesper!$R$2:$R$366,ROW(INDEX(Jesper!AH$2:AH$366,ROUNDDOWN($C7117/24,0)+1,1))-1)+IF('Standard Profiles'!$G$18=$B$10,7,0)+IF('Standard Profiles'!$G$18=$B$17,14,0)+IF('Standard Profiles'!$G$18=$B$24,21,0),0)),0)</f>
        <v>7.3830600652802554</v>
      </c>
      <c r="E7117" cm="1">
        <f t="array" ref="E7117">IFERROR(INDEX(Jesper!AI$2:AI$366,ROUNDDOWN($C7117/24,0)+1,1)*INDEX($D$3:$AA$30,INDEX(Jesper!$R$2:$R$366,ROW(INDEX(Jesper!AI$2:AI$366,ROUNDDOWN($C7117/24,0)+1,1))-1)+IF('Standard Profiles'!$G$19=$B$10,7,0)+IF('Standard Profiles'!$G$19=$B$17,14,0)+IF('Standard Profiles'!$G$19=$B$24,21,0),MOD($C7117,24)+1)/SUM(INDEX($D$3:$AA$30,INDEX(Jesper!$R$2:$R$366,ROW(INDEX(Jesper!AI$2:AI$366,ROUNDDOWN($C7117/24,0)+1,1))-1)+IF('Standard Profiles'!$G$19=$B$10,7,0)+IF('Standard Profiles'!$G$19=$B$17,14,0)+IF('Standard Profiles'!$G$19=$B$24,21,0),0)),0)</f>
        <v>0</v>
      </c>
      <c r="F7117" cm="1">
        <f t="array" ref="F7117">IFERROR(INDEX(Jesper!AJ$2:AJ$366,ROUNDDOWN($C7117/24,0)+1,1)*INDEX($D$3:$AA$30,INDEX(Jesper!$R$2:$R$366,ROW(INDEX(Jesper!AJ$2:AJ$366,ROUNDDOWN($C7117/24,0)+1,1))-1)+IF('Standard Profiles'!$G$20=$B$10,7,0)+IF('Standard Profiles'!$G$20=$B$17,14,0)+IF('Standard Profiles'!$G$20=$B$24,21,0),MOD($C7117,24)+1)/SUM(INDEX($D$3:$AA$30,INDEX(Jesper!$R$2:$R$366,ROW(INDEX(Jesper!AJ$2:AJ$366,ROUNDDOWN($C7117/24,0)+1,1))-1)+IF('Standard Profiles'!$G$20=$B$10,7,0)+IF('Standard Profiles'!$G$20=$B$17,14,0)+IF('Standard Profiles'!$G$20=$B$24,21,0),0)),0)</f>
        <v>0</v>
      </c>
      <c r="G7117" cm="1">
        <f t="array" ref="G7117">IFERROR(INDEX(Jesper!AK$2:AK$366,ROUNDDOWN($C7117/24,0)+1,1)*INDEX($D$3:$AA$30,INDEX(Jesper!$R$2:$R$366,ROW(INDEX(Jesper!AK$2:AK$366,ROUNDDOWN($C7117/24,0)+1,1))-1)+IF('Standard Profiles'!$G$21=$B$10,7,0)+IF('Standard Profiles'!$G$21=$B$17,14,0)+IF('Standard Profiles'!$G$21=$B$24,21,0),MOD($C7117,24)+1)/SUM(INDEX($D$3:$AA$30,INDEX(Jesper!$R$2:$R$366,ROW(INDEX(Jesper!AK$2:AK$366,ROUNDDOWN($C7117/24,0)+1,1))-1)+IF('Standard Profiles'!$G$21=$B$10,7,0)+IF('Standard Profiles'!$G$21=$B$17,14,0)+IF('Standard Profiles'!$G$21=$B$24,21,0),0)),0)</f>
        <v>0</v>
      </c>
      <c r="H7117" cm="1">
        <f t="array" ref="H7117">IFERROR(INDEX(Jesper!AL$2:AL$366,ROUNDDOWN($C7117/24,0)+1,1)*INDEX($D$3:$AA$30,INDEX(Jesper!$R$2:$R$366,ROW(INDEX(Jesper!AL$2:AL$366,ROUNDDOWN($C7117/24,0)+1,1))-1)+IF('Standard Profiles'!$G$22=$B$10,7,0)+IF('Standard Profiles'!$G$22=$B$17,14,0)+IF('Standard Profiles'!$G$22=$B$24,21,0),MOD($C7117,24)+1)/SUM(INDEX($D$3:$AA$30,INDEX(Jesper!$R$2:$R$366,ROW(INDEX(Jesper!AL$2:AL$366,ROUNDDOWN($C7117/24,0)+1,1))-1)+IF('Standard Profiles'!$G$22=$B$10,7,0)+IF('Standard Profiles'!$G$22=$B$17,14,0)+IF('Standard Profiles'!$G$22=$B$24,21,0),0)),0)</f>
        <v>0</v>
      </c>
      <c r="I7117">
        <f t="shared" si="790"/>
        <v>0.22149180195840765</v>
      </c>
      <c r="J7117">
        <f t="shared" si="791"/>
        <v>0.73830600652802558</v>
      </c>
      <c r="K7117">
        <f t="shared" si="792"/>
        <v>1.1074590097920383</v>
      </c>
      <c r="L7117">
        <f t="shared" si="793"/>
        <v>5.3158032470017833</v>
      </c>
      <c r="M7117">
        <f t="shared" si="794"/>
        <v>0</v>
      </c>
      <c r="N7117" s="46">
        <f t="shared" si="795"/>
        <v>45587.124999982821</v>
      </c>
    </row>
    <row r="7118" spans="2:14" x14ac:dyDescent="0.3">
      <c r="B7118">
        <f t="shared" si="789"/>
        <v>2</v>
      </c>
      <c r="C7118" s="16">
        <v>7084</v>
      </c>
      <c r="D7118" cm="1">
        <f t="array" ref="D7118">IFERROR(INDEX(Jesper!AH$2:AH$366,ROUNDDOWN($C7118/24,0)+1,1)*INDEX($D$3:$AA$30,INDEX(Jesper!$R$2:$R$366,ROW(INDEX(Jesper!AH$2:AH$366,ROUNDDOWN($C7118/24,0)+1,1))-1)+IF('Standard Profiles'!$G$18=$B$10,7,0)+IF('Standard Profiles'!$G$18=$B$17,14,0)+IF('Standard Profiles'!$G$18=$B$24,21,0),MOD($C7118,24)+1)/SUM(INDEX($D$3:$AA$30,INDEX(Jesper!$R$2:$R$366,ROW(INDEX(Jesper!AH$2:AH$366,ROUNDDOWN($C7118/24,0)+1,1))-1)+IF('Standard Profiles'!$G$18=$B$10,7,0)+IF('Standard Profiles'!$G$18=$B$17,14,0)+IF('Standard Profiles'!$G$18=$B$24,21,0),0)),0)</f>
        <v>7.3830600652802554</v>
      </c>
      <c r="E7118" cm="1">
        <f t="array" ref="E7118">IFERROR(INDEX(Jesper!AI$2:AI$366,ROUNDDOWN($C7118/24,0)+1,1)*INDEX($D$3:$AA$30,INDEX(Jesper!$R$2:$R$366,ROW(INDEX(Jesper!AI$2:AI$366,ROUNDDOWN($C7118/24,0)+1,1))-1)+IF('Standard Profiles'!$G$19=$B$10,7,0)+IF('Standard Profiles'!$G$19=$B$17,14,0)+IF('Standard Profiles'!$G$19=$B$24,21,0),MOD($C7118,24)+1)/SUM(INDEX($D$3:$AA$30,INDEX(Jesper!$R$2:$R$366,ROW(INDEX(Jesper!AI$2:AI$366,ROUNDDOWN($C7118/24,0)+1,1))-1)+IF('Standard Profiles'!$G$19=$B$10,7,0)+IF('Standard Profiles'!$G$19=$B$17,14,0)+IF('Standard Profiles'!$G$19=$B$24,21,0),0)),0)</f>
        <v>0</v>
      </c>
      <c r="F7118" cm="1">
        <f t="array" ref="F7118">IFERROR(INDEX(Jesper!AJ$2:AJ$366,ROUNDDOWN($C7118/24,0)+1,1)*INDEX($D$3:$AA$30,INDEX(Jesper!$R$2:$R$366,ROW(INDEX(Jesper!AJ$2:AJ$366,ROUNDDOWN($C7118/24,0)+1,1))-1)+IF('Standard Profiles'!$G$20=$B$10,7,0)+IF('Standard Profiles'!$G$20=$B$17,14,0)+IF('Standard Profiles'!$G$20=$B$24,21,0),MOD($C7118,24)+1)/SUM(INDEX($D$3:$AA$30,INDEX(Jesper!$R$2:$R$366,ROW(INDEX(Jesper!AJ$2:AJ$366,ROUNDDOWN($C7118/24,0)+1,1))-1)+IF('Standard Profiles'!$G$20=$B$10,7,0)+IF('Standard Profiles'!$G$20=$B$17,14,0)+IF('Standard Profiles'!$G$20=$B$24,21,0),0)),0)</f>
        <v>0</v>
      </c>
      <c r="G7118" cm="1">
        <f t="array" ref="G7118">IFERROR(INDEX(Jesper!AK$2:AK$366,ROUNDDOWN($C7118/24,0)+1,1)*INDEX($D$3:$AA$30,INDEX(Jesper!$R$2:$R$366,ROW(INDEX(Jesper!AK$2:AK$366,ROUNDDOWN($C7118/24,0)+1,1))-1)+IF('Standard Profiles'!$G$21=$B$10,7,0)+IF('Standard Profiles'!$G$21=$B$17,14,0)+IF('Standard Profiles'!$G$21=$B$24,21,0),MOD($C7118,24)+1)/SUM(INDEX($D$3:$AA$30,INDEX(Jesper!$R$2:$R$366,ROW(INDEX(Jesper!AK$2:AK$366,ROUNDDOWN($C7118/24,0)+1,1))-1)+IF('Standard Profiles'!$G$21=$B$10,7,0)+IF('Standard Profiles'!$G$21=$B$17,14,0)+IF('Standard Profiles'!$G$21=$B$24,21,0),0)),0)</f>
        <v>0</v>
      </c>
      <c r="H7118" cm="1">
        <f t="array" ref="H7118">IFERROR(INDEX(Jesper!AL$2:AL$366,ROUNDDOWN($C7118/24,0)+1,1)*INDEX($D$3:$AA$30,INDEX(Jesper!$R$2:$R$366,ROW(INDEX(Jesper!AL$2:AL$366,ROUNDDOWN($C7118/24,0)+1,1))-1)+IF('Standard Profiles'!$G$22=$B$10,7,0)+IF('Standard Profiles'!$G$22=$B$17,14,0)+IF('Standard Profiles'!$G$22=$B$24,21,0),MOD($C7118,24)+1)/SUM(INDEX($D$3:$AA$30,INDEX(Jesper!$R$2:$R$366,ROW(INDEX(Jesper!AL$2:AL$366,ROUNDDOWN($C7118/24,0)+1,1))-1)+IF('Standard Profiles'!$G$22=$B$10,7,0)+IF('Standard Profiles'!$G$22=$B$17,14,0)+IF('Standard Profiles'!$G$22=$B$24,21,0),0)),0)</f>
        <v>0</v>
      </c>
      <c r="I7118">
        <f t="shared" si="790"/>
        <v>0.22149180195840765</v>
      </c>
      <c r="J7118">
        <f t="shared" si="791"/>
        <v>0.73830600652802558</v>
      </c>
      <c r="K7118">
        <f t="shared" si="792"/>
        <v>1.1074590097920383</v>
      </c>
      <c r="L7118">
        <f t="shared" si="793"/>
        <v>5.3158032470017833</v>
      </c>
      <c r="M7118">
        <f t="shared" si="794"/>
        <v>0</v>
      </c>
      <c r="N7118" s="46">
        <f t="shared" si="795"/>
        <v>45587.166666649486</v>
      </c>
    </row>
    <row r="7119" spans="2:14" x14ac:dyDescent="0.3">
      <c r="B7119">
        <f t="shared" si="789"/>
        <v>2</v>
      </c>
      <c r="C7119" s="16">
        <v>7085</v>
      </c>
      <c r="D7119" cm="1">
        <f t="array" ref="D7119">IFERROR(INDEX(Jesper!AH$2:AH$366,ROUNDDOWN($C7119/24,0)+1,1)*INDEX($D$3:$AA$30,INDEX(Jesper!$R$2:$R$366,ROW(INDEX(Jesper!AH$2:AH$366,ROUNDDOWN($C7119/24,0)+1,1))-1)+IF('Standard Profiles'!$G$18=$B$10,7,0)+IF('Standard Profiles'!$G$18=$B$17,14,0)+IF('Standard Profiles'!$G$18=$B$24,21,0),MOD($C7119,24)+1)/SUM(INDEX($D$3:$AA$30,INDEX(Jesper!$R$2:$R$366,ROW(INDEX(Jesper!AH$2:AH$366,ROUNDDOWN($C7119/24,0)+1,1))-1)+IF('Standard Profiles'!$G$18=$B$10,7,0)+IF('Standard Profiles'!$G$18=$B$17,14,0)+IF('Standard Profiles'!$G$18=$B$24,21,0),0)),0)</f>
        <v>9.5979780848643319</v>
      </c>
      <c r="E7119" cm="1">
        <f t="array" ref="E7119">IFERROR(INDEX(Jesper!AI$2:AI$366,ROUNDDOWN($C7119/24,0)+1,1)*INDEX($D$3:$AA$30,INDEX(Jesper!$R$2:$R$366,ROW(INDEX(Jesper!AI$2:AI$366,ROUNDDOWN($C7119/24,0)+1,1))-1)+IF('Standard Profiles'!$G$19=$B$10,7,0)+IF('Standard Profiles'!$G$19=$B$17,14,0)+IF('Standard Profiles'!$G$19=$B$24,21,0),MOD($C7119,24)+1)/SUM(INDEX($D$3:$AA$30,INDEX(Jesper!$R$2:$R$366,ROW(INDEX(Jesper!AI$2:AI$366,ROUNDDOWN($C7119/24,0)+1,1))-1)+IF('Standard Profiles'!$G$19=$B$10,7,0)+IF('Standard Profiles'!$G$19=$B$17,14,0)+IF('Standard Profiles'!$G$19=$B$24,21,0),0)),0)</f>
        <v>0</v>
      </c>
      <c r="F7119" cm="1">
        <f t="array" ref="F7119">IFERROR(INDEX(Jesper!AJ$2:AJ$366,ROUNDDOWN($C7119/24,0)+1,1)*INDEX($D$3:$AA$30,INDEX(Jesper!$R$2:$R$366,ROW(INDEX(Jesper!AJ$2:AJ$366,ROUNDDOWN($C7119/24,0)+1,1))-1)+IF('Standard Profiles'!$G$20=$B$10,7,0)+IF('Standard Profiles'!$G$20=$B$17,14,0)+IF('Standard Profiles'!$G$20=$B$24,21,0),MOD($C7119,24)+1)/SUM(INDEX($D$3:$AA$30,INDEX(Jesper!$R$2:$R$366,ROW(INDEX(Jesper!AJ$2:AJ$366,ROUNDDOWN($C7119/24,0)+1,1))-1)+IF('Standard Profiles'!$G$20=$B$10,7,0)+IF('Standard Profiles'!$G$20=$B$17,14,0)+IF('Standard Profiles'!$G$20=$B$24,21,0),0)),0)</f>
        <v>0</v>
      </c>
      <c r="G7119" cm="1">
        <f t="array" ref="G7119">IFERROR(INDEX(Jesper!AK$2:AK$366,ROUNDDOWN($C7119/24,0)+1,1)*INDEX($D$3:$AA$30,INDEX(Jesper!$R$2:$R$366,ROW(INDEX(Jesper!AK$2:AK$366,ROUNDDOWN($C7119/24,0)+1,1))-1)+IF('Standard Profiles'!$G$21=$B$10,7,0)+IF('Standard Profiles'!$G$21=$B$17,14,0)+IF('Standard Profiles'!$G$21=$B$24,21,0),MOD($C7119,24)+1)/SUM(INDEX($D$3:$AA$30,INDEX(Jesper!$R$2:$R$366,ROW(INDEX(Jesper!AK$2:AK$366,ROUNDDOWN($C7119/24,0)+1,1))-1)+IF('Standard Profiles'!$G$21=$B$10,7,0)+IF('Standard Profiles'!$G$21=$B$17,14,0)+IF('Standard Profiles'!$G$21=$B$24,21,0),0)),0)</f>
        <v>0</v>
      </c>
      <c r="H7119" cm="1">
        <f t="array" ref="H7119">IFERROR(INDEX(Jesper!AL$2:AL$366,ROUNDDOWN($C7119/24,0)+1,1)*INDEX($D$3:$AA$30,INDEX(Jesper!$R$2:$R$366,ROW(INDEX(Jesper!AL$2:AL$366,ROUNDDOWN($C7119/24,0)+1,1))-1)+IF('Standard Profiles'!$G$22=$B$10,7,0)+IF('Standard Profiles'!$G$22=$B$17,14,0)+IF('Standard Profiles'!$G$22=$B$24,21,0),MOD($C7119,24)+1)/SUM(INDEX($D$3:$AA$30,INDEX(Jesper!$R$2:$R$366,ROW(INDEX(Jesper!AL$2:AL$366,ROUNDDOWN($C7119/24,0)+1,1))-1)+IF('Standard Profiles'!$G$22=$B$10,7,0)+IF('Standard Profiles'!$G$22=$B$17,14,0)+IF('Standard Profiles'!$G$22=$B$24,21,0),0)),0)</f>
        <v>0</v>
      </c>
      <c r="I7119">
        <f t="shared" si="790"/>
        <v>0.28793934254592995</v>
      </c>
      <c r="J7119">
        <f t="shared" si="791"/>
        <v>0.95979780848643326</v>
      </c>
      <c r="K7119">
        <f t="shared" si="792"/>
        <v>1.4396967127296498</v>
      </c>
      <c r="L7119">
        <f t="shared" si="793"/>
        <v>6.9105442211023185</v>
      </c>
      <c r="M7119">
        <f t="shared" si="794"/>
        <v>0</v>
      </c>
      <c r="N7119" s="46">
        <f t="shared" si="795"/>
        <v>45587.20833331615</v>
      </c>
    </row>
    <row r="7120" spans="2:14" x14ac:dyDescent="0.3">
      <c r="B7120">
        <f t="shared" si="789"/>
        <v>2</v>
      </c>
      <c r="C7120" s="16">
        <v>7086</v>
      </c>
      <c r="D7120" cm="1">
        <f t="array" ref="D7120">IFERROR(INDEX(Jesper!AH$2:AH$366,ROUNDDOWN($C7120/24,0)+1,1)*INDEX($D$3:$AA$30,INDEX(Jesper!$R$2:$R$366,ROW(INDEX(Jesper!AH$2:AH$366,ROUNDDOWN($C7120/24,0)+1,1))-1)+IF('Standard Profiles'!$G$18=$B$10,7,0)+IF('Standard Profiles'!$G$18=$B$17,14,0)+IF('Standard Profiles'!$G$18=$B$24,21,0),MOD($C7120,24)+1)/SUM(INDEX($D$3:$AA$30,INDEX(Jesper!$R$2:$R$366,ROW(INDEX(Jesper!AH$2:AH$366,ROUNDDOWN($C7120/24,0)+1,1))-1)+IF('Standard Profiles'!$G$18=$B$10,7,0)+IF('Standard Profiles'!$G$18=$B$17,14,0)+IF('Standard Profiles'!$G$18=$B$24,21,0),0)),0)</f>
        <v>10.70543709465637</v>
      </c>
      <c r="E7120" cm="1">
        <f t="array" ref="E7120">IFERROR(INDEX(Jesper!AI$2:AI$366,ROUNDDOWN($C7120/24,0)+1,1)*INDEX($D$3:$AA$30,INDEX(Jesper!$R$2:$R$366,ROW(INDEX(Jesper!AI$2:AI$366,ROUNDDOWN($C7120/24,0)+1,1))-1)+IF('Standard Profiles'!$G$19=$B$10,7,0)+IF('Standard Profiles'!$G$19=$B$17,14,0)+IF('Standard Profiles'!$G$19=$B$24,21,0),MOD($C7120,24)+1)/SUM(INDEX($D$3:$AA$30,INDEX(Jesper!$R$2:$R$366,ROW(INDEX(Jesper!AI$2:AI$366,ROUNDDOWN($C7120/24,0)+1,1))-1)+IF('Standard Profiles'!$G$19=$B$10,7,0)+IF('Standard Profiles'!$G$19=$B$17,14,0)+IF('Standard Profiles'!$G$19=$B$24,21,0),0)),0)</f>
        <v>0</v>
      </c>
      <c r="F7120" cm="1">
        <f t="array" ref="F7120">IFERROR(INDEX(Jesper!AJ$2:AJ$366,ROUNDDOWN($C7120/24,0)+1,1)*INDEX($D$3:$AA$30,INDEX(Jesper!$R$2:$R$366,ROW(INDEX(Jesper!AJ$2:AJ$366,ROUNDDOWN($C7120/24,0)+1,1))-1)+IF('Standard Profiles'!$G$20=$B$10,7,0)+IF('Standard Profiles'!$G$20=$B$17,14,0)+IF('Standard Profiles'!$G$20=$B$24,21,0),MOD($C7120,24)+1)/SUM(INDEX($D$3:$AA$30,INDEX(Jesper!$R$2:$R$366,ROW(INDEX(Jesper!AJ$2:AJ$366,ROUNDDOWN($C7120/24,0)+1,1))-1)+IF('Standard Profiles'!$G$20=$B$10,7,0)+IF('Standard Profiles'!$G$20=$B$17,14,0)+IF('Standard Profiles'!$G$20=$B$24,21,0),0)),0)</f>
        <v>0</v>
      </c>
      <c r="G7120" cm="1">
        <f t="array" ref="G7120">IFERROR(INDEX(Jesper!AK$2:AK$366,ROUNDDOWN($C7120/24,0)+1,1)*INDEX($D$3:$AA$30,INDEX(Jesper!$R$2:$R$366,ROW(INDEX(Jesper!AK$2:AK$366,ROUNDDOWN($C7120/24,0)+1,1))-1)+IF('Standard Profiles'!$G$21=$B$10,7,0)+IF('Standard Profiles'!$G$21=$B$17,14,0)+IF('Standard Profiles'!$G$21=$B$24,21,0),MOD($C7120,24)+1)/SUM(INDEX($D$3:$AA$30,INDEX(Jesper!$R$2:$R$366,ROW(INDEX(Jesper!AK$2:AK$366,ROUNDDOWN($C7120/24,0)+1,1))-1)+IF('Standard Profiles'!$G$21=$B$10,7,0)+IF('Standard Profiles'!$G$21=$B$17,14,0)+IF('Standard Profiles'!$G$21=$B$24,21,0),0)),0)</f>
        <v>0</v>
      </c>
      <c r="H7120" cm="1">
        <f t="array" ref="H7120">IFERROR(INDEX(Jesper!AL$2:AL$366,ROUNDDOWN($C7120/24,0)+1,1)*INDEX($D$3:$AA$30,INDEX(Jesper!$R$2:$R$366,ROW(INDEX(Jesper!AL$2:AL$366,ROUNDDOWN($C7120/24,0)+1,1))-1)+IF('Standard Profiles'!$G$22=$B$10,7,0)+IF('Standard Profiles'!$G$22=$B$17,14,0)+IF('Standard Profiles'!$G$22=$B$24,21,0),MOD($C7120,24)+1)/SUM(INDEX($D$3:$AA$30,INDEX(Jesper!$R$2:$R$366,ROW(INDEX(Jesper!AL$2:AL$366,ROUNDDOWN($C7120/24,0)+1,1))-1)+IF('Standard Profiles'!$G$22=$B$10,7,0)+IF('Standard Profiles'!$G$22=$B$17,14,0)+IF('Standard Profiles'!$G$22=$B$24,21,0),0)),0)</f>
        <v>0</v>
      </c>
      <c r="I7120">
        <f t="shared" si="790"/>
        <v>0.32116311283969107</v>
      </c>
      <c r="J7120">
        <f t="shared" si="791"/>
        <v>1.0705437094656369</v>
      </c>
      <c r="K7120">
        <f t="shared" si="792"/>
        <v>1.6058155641984555</v>
      </c>
      <c r="L7120">
        <f t="shared" si="793"/>
        <v>7.7079147081525861</v>
      </c>
      <c r="M7120">
        <f t="shared" si="794"/>
        <v>0</v>
      </c>
      <c r="N7120" s="46">
        <f t="shared" si="795"/>
        <v>45587.249999982814</v>
      </c>
    </row>
    <row r="7121" spans="2:14" x14ac:dyDescent="0.3">
      <c r="B7121">
        <f t="shared" si="789"/>
        <v>2</v>
      </c>
      <c r="C7121" s="16">
        <v>7087</v>
      </c>
      <c r="D7121" cm="1">
        <f t="array" ref="D7121">IFERROR(INDEX(Jesper!AH$2:AH$366,ROUNDDOWN($C7121/24,0)+1,1)*INDEX($D$3:$AA$30,INDEX(Jesper!$R$2:$R$366,ROW(INDEX(Jesper!AH$2:AH$366,ROUNDDOWN($C7121/24,0)+1,1))-1)+IF('Standard Profiles'!$G$18=$B$10,7,0)+IF('Standard Profiles'!$G$18=$B$17,14,0)+IF('Standard Profiles'!$G$18=$B$24,21,0),MOD($C7121,24)+1)/SUM(INDEX($D$3:$AA$30,INDEX(Jesper!$R$2:$R$366,ROW(INDEX(Jesper!AH$2:AH$366,ROUNDDOWN($C7121/24,0)+1,1))-1)+IF('Standard Profiles'!$G$18=$B$10,7,0)+IF('Standard Profiles'!$G$18=$B$17,14,0)+IF('Standard Profiles'!$G$18=$B$24,21,0),0)),0)</f>
        <v>11.074590097920384</v>
      </c>
      <c r="E7121" cm="1">
        <f t="array" ref="E7121">IFERROR(INDEX(Jesper!AI$2:AI$366,ROUNDDOWN($C7121/24,0)+1,1)*INDEX($D$3:$AA$30,INDEX(Jesper!$R$2:$R$366,ROW(INDEX(Jesper!AI$2:AI$366,ROUNDDOWN($C7121/24,0)+1,1))-1)+IF('Standard Profiles'!$G$19=$B$10,7,0)+IF('Standard Profiles'!$G$19=$B$17,14,0)+IF('Standard Profiles'!$G$19=$B$24,21,0),MOD($C7121,24)+1)/SUM(INDEX($D$3:$AA$30,INDEX(Jesper!$R$2:$R$366,ROW(INDEX(Jesper!AI$2:AI$366,ROUNDDOWN($C7121/24,0)+1,1))-1)+IF('Standard Profiles'!$G$19=$B$10,7,0)+IF('Standard Profiles'!$G$19=$B$17,14,0)+IF('Standard Profiles'!$G$19=$B$24,21,0),0)),0)</f>
        <v>0</v>
      </c>
      <c r="F7121" cm="1">
        <f t="array" ref="F7121">IFERROR(INDEX(Jesper!AJ$2:AJ$366,ROUNDDOWN($C7121/24,0)+1,1)*INDEX($D$3:$AA$30,INDEX(Jesper!$R$2:$R$366,ROW(INDEX(Jesper!AJ$2:AJ$366,ROUNDDOWN($C7121/24,0)+1,1))-1)+IF('Standard Profiles'!$G$20=$B$10,7,0)+IF('Standard Profiles'!$G$20=$B$17,14,0)+IF('Standard Profiles'!$G$20=$B$24,21,0),MOD($C7121,24)+1)/SUM(INDEX($D$3:$AA$30,INDEX(Jesper!$R$2:$R$366,ROW(INDEX(Jesper!AJ$2:AJ$366,ROUNDDOWN($C7121/24,0)+1,1))-1)+IF('Standard Profiles'!$G$20=$B$10,7,0)+IF('Standard Profiles'!$G$20=$B$17,14,0)+IF('Standard Profiles'!$G$20=$B$24,21,0),0)),0)</f>
        <v>0</v>
      </c>
      <c r="G7121" cm="1">
        <f t="array" ref="G7121">IFERROR(INDEX(Jesper!AK$2:AK$366,ROUNDDOWN($C7121/24,0)+1,1)*INDEX($D$3:$AA$30,INDEX(Jesper!$R$2:$R$366,ROW(INDEX(Jesper!AK$2:AK$366,ROUNDDOWN($C7121/24,0)+1,1))-1)+IF('Standard Profiles'!$G$21=$B$10,7,0)+IF('Standard Profiles'!$G$21=$B$17,14,0)+IF('Standard Profiles'!$G$21=$B$24,21,0),MOD($C7121,24)+1)/SUM(INDEX($D$3:$AA$30,INDEX(Jesper!$R$2:$R$366,ROW(INDEX(Jesper!AK$2:AK$366,ROUNDDOWN($C7121/24,0)+1,1))-1)+IF('Standard Profiles'!$G$21=$B$10,7,0)+IF('Standard Profiles'!$G$21=$B$17,14,0)+IF('Standard Profiles'!$G$21=$B$24,21,0),0)),0)</f>
        <v>0</v>
      </c>
      <c r="H7121" cm="1">
        <f t="array" ref="H7121">IFERROR(INDEX(Jesper!AL$2:AL$366,ROUNDDOWN($C7121/24,0)+1,1)*INDEX($D$3:$AA$30,INDEX(Jesper!$R$2:$R$366,ROW(INDEX(Jesper!AL$2:AL$366,ROUNDDOWN($C7121/24,0)+1,1))-1)+IF('Standard Profiles'!$G$22=$B$10,7,0)+IF('Standard Profiles'!$G$22=$B$17,14,0)+IF('Standard Profiles'!$G$22=$B$24,21,0),MOD($C7121,24)+1)/SUM(INDEX($D$3:$AA$30,INDEX(Jesper!$R$2:$R$366,ROW(INDEX(Jesper!AL$2:AL$366,ROUNDDOWN($C7121/24,0)+1,1))-1)+IF('Standard Profiles'!$G$22=$B$10,7,0)+IF('Standard Profiles'!$G$22=$B$17,14,0)+IF('Standard Profiles'!$G$22=$B$24,21,0),0)),0)</f>
        <v>0</v>
      </c>
      <c r="I7121">
        <f t="shared" si="790"/>
        <v>0.33223770293761151</v>
      </c>
      <c r="J7121">
        <f t="shared" si="791"/>
        <v>1.1074590097920385</v>
      </c>
      <c r="K7121">
        <f t="shared" si="792"/>
        <v>1.6611885146880574</v>
      </c>
      <c r="L7121">
        <f t="shared" si="793"/>
        <v>7.9737048705026758</v>
      </c>
      <c r="M7121">
        <f t="shared" si="794"/>
        <v>0</v>
      </c>
      <c r="N7121" s="46">
        <f t="shared" si="795"/>
        <v>45587.291666649478</v>
      </c>
    </row>
    <row r="7122" spans="2:14" x14ac:dyDescent="0.3">
      <c r="B7122">
        <f t="shared" si="789"/>
        <v>2</v>
      </c>
      <c r="C7122" s="16">
        <v>7088</v>
      </c>
      <c r="D7122" cm="1">
        <f t="array" ref="D7122">IFERROR(INDEX(Jesper!AH$2:AH$366,ROUNDDOWN($C7122/24,0)+1,1)*INDEX($D$3:$AA$30,INDEX(Jesper!$R$2:$R$366,ROW(INDEX(Jesper!AH$2:AH$366,ROUNDDOWN($C7122/24,0)+1,1))-1)+IF('Standard Profiles'!$G$18=$B$10,7,0)+IF('Standard Profiles'!$G$18=$B$17,14,0)+IF('Standard Profiles'!$G$18=$B$24,21,0),MOD($C7122,24)+1)/SUM(INDEX($D$3:$AA$30,INDEX(Jesper!$R$2:$R$366,ROW(INDEX(Jesper!AH$2:AH$366,ROUNDDOWN($C7122/24,0)+1,1))-1)+IF('Standard Profiles'!$G$18=$B$10,7,0)+IF('Standard Profiles'!$G$18=$B$17,14,0)+IF('Standard Profiles'!$G$18=$B$24,21,0),0)),0)</f>
        <v>11.074590097920384</v>
      </c>
      <c r="E7122" cm="1">
        <f t="array" ref="E7122">IFERROR(INDEX(Jesper!AI$2:AI$366,ROUNDDOWN($C7122/24,0)+1,1)*INDEX($D$3:$AA$30,INDEX(Jesper!$R$2:$R$366,ROW(INDEX(Jesper!AI$2:AI$366,ROUNDDOWN($C7122/24,0)+1,1))-1)+IF('Standard Profiles'!$G$19=$B$10,7,0)+IF('Standard Profiles'!$G$19=$B$17,14,0)+IF('Standard Profiles'!$G$19=$B$24,21,0),MOD($C7122,24)+1)/SUM(INDEX($D$3:$AA$30,INDEX(Jesper!$R$2:$R$366,ROW(INDEX(Jesper!AI$2:AI$366,ROUNDDOWN($C7122/24,0)+1,1))-1)+IF('Standard Profiles'!$G$19=$B$10,7,0)+IF('Standard Profiles'!$G$19=$B$17,14,0)+IF('Standard Profiles'!$G$19=$B$24,21,0),0)),0)</f>
        <v>0</v>
      </c>
      <c r="F7122" cm="1">
        <f t="array" ref="F7122">IFERROR(INDEX(Jesper!AJ$2:AJ$366,ROUNDDOWN($C7122/24,0)+1,1)*INDEX($D$3:$AA$30,INDEX(Jesper!$R$2:$R$366,ROW(INDEX(Jesper!AJ$2:AJ$366,ROUNDDOWN($C7122/24,0)+1,1))-1)+IF('Standard Profiles'!$G$20=$B$10,7,0)+IF('Standard Profiles'!$G$20=$B$17,14,0)+IF('Standard Profiles'!$G$20=$B$24,21,0),MOD($C7122,24)+1)/SUM(INDEX($D$3:$AA$30,INDEX(Jesper!$R$2:$R$366,ROW(INDEX(Jesper!AJ$2:AJ$366,ROUNDDOWN($C7122/24,0)+1,1))-1)+IF('Standard Profiles'!$G$20=$B$10,7,0)+IF('Standard Profiles'!$G$20=$B$17,14,0)+IF('Standard Profiles'!$G$20=$B$24,21,0),0)),0)</f>
        <v>0</v>
      </c>
      <c r="G7122" cm="1">
        <f t="array" ref="G7122">IFERROR(INDEX(Jesper!AK$2:AK$366,ROUNDDOWN($C7122/24,0)+1,1)*INDEX($D$3:$AA$30,INDEX(Jesper!$R$2:$R$366,ROW(INDEX(Jesper!AK$2:AK$366,ROUNDDOWN($C7122/24,0)+1,1))-1)+IF('Standard Profiles'!$G$21=$B$10,7,0)+IF('Standard Profiles'!$G$21=$B$17,14,0)+IF('Standard Profiles'!$G$21=$B$24,21,0),MOD($C7122,24)+1)/SUM(INDEX($D$3:$AA$30,INDEX(Jesper!$R$2:$R$366,ROW(INDEX(Jesper!AK$2:AK$366,ROUNDDOWN($C7122/24,0)+1,1))-1)+IF('Standard Profiles'!$G$21=$B$10,7,0)+IF('Standard Profiles'!$G$21=$B$17,14,0)+IF('Standard Profiles'!$G$21=$B$24,21,0),0)),0)</f>
        <v>0</v>
      </c>
      <c r="H7122" cm="1">
        <f t="array" ref="H7122">IFERROR(INDEX(Jesper!AL$2:AL$366,ROUNDDOWN($C7122/24,0)+1,1)*INDEX($D$3:$AA$30,INDEX(Jesper!$R$2:$R$366,ROW(INDEX(Jesper!AL$2:AL$366,ROUNDDOWN($C7122/24,0)+1,1))-1)+IF('Standard Profiles'!$G$22=$B$10,7,0)+IF('Standard Profiles'!$G$22=$B$17,14,0)+IF('Standard Profiles'!$G$22=$B$24,21,0),MOD($C7122,24)+1)/SUM(INDEX($D$3:$AA$30,INDEX(Jesper!$R$2:$R$366,ROW(INDEX(Jesper!AL$2:AL$366,ROUNDDOWN($C7122/24,0)+1,1))-1)+IF('Standard Profiles'!$G$22=$B$10,7,0)+IF('Standard Profiles'!$G$22=$B$17,14,0)+IF('Standard Profiles'!$G$22=$B$24,21,0),0)),0)</f>
        <v>0</v>
      </c>
      <c r="I7122">
        <f t="shared" si="790"/>
        <v>0.33223770293761151</v>
      </c>
      <c r="J7122">
        <f t="shared" si="791"/>
        <v>1.1074590097920385</v>
      </c>
      <c r="K7122">
        <f t="shared" si="792"/>
        <v>1.6611885146880574</v>
      </c>
      <c r="L7122">
        <f t="shared" si="793"/>
        <v>7.9737048705026758</v>
      </c>
      <c r="M7122">
        <f t="shared" si="794"/>
        <v>0</v>
      </c>
      <c r="N7122" s="46">
        <f t="shared" si="795"/>
        <v>45587.333333316143</v>
      </c>
    </row>
    <row r="7123" spans="2:14" x14ac:dyDescent="0.3">
      <c r="B7123">
        <f t="shared" si="789"/>
        <v>2</v>
      </c>
      <c r="C7123" s="16">
        <v>7089</v>
      </c>
      <c r="D7123" cm="1">
        <f t="array" ref="D7123">IFERROR(INDEX(Jesper!AH$2:AH$366,ROUNDDOWN($C7123/24,0)+1,1)*INDEX($D$3:$AA$30,INDEX(Jesper!$R$2:$R$366,ROW(INDEX(Jesper!AH$2:AH$366,ROUNDDOWN($C7123/24,0)+1,1))-1)+IF('Standard Profiles'!$G$18=$B$10,7,0)+IF('Standard Profiles'!$G$18=$B$17,14,0)+IF('Standard Profiles'!$G$18=$B$24,21,0),MOD($C7123,24)+1)/SUM(INDEX($D$3:$AA$30,INDEX(Jesper!$R$2:$R$366,ROW(INDEX(Jesper!AH$2:AH$366,ROUNDDOWN($C7123/24,0)+1,1))-1)+IF('Standard Profiles'!$G$18=$B$10,7,0)+IF('Standard Profiles'!$G$18=$B$17,14,0)+IF('Standard Profiles'!$G$18=$B$24,21,0),0)),0)</f>
        <v>11.997472606080414</v>
      </c>
      <c r="E7123" cm="1">
        <f t="array" ref="E7123">IFERROR(INDEX(Jesper!AI$2:AI$366,ROUNDDOWN($C7123/24,0)+1,1)*INDEX($D$3:$AA$30,INDEX(Jesper!$R$2:$R$366,ROW(INDEX(Jesper!AI$2:AI$366,ROUNDDOWN($C7123/24,0)+1,1))-1)+IF('Standard Profiles'!$G$19=$B$10,7,0)+IF('Standard Profiles'!$G$19=$B$17,14,0)+IF('Standard Profiles'!$G$19=$B$24,21,0),MOD($C7123,24)+1)/SUM(INDEX($D$3:$AA$30,INDEX(Jesper!$R$2:$R$366,ROW(INDEX(Jesper!AI$2:AI$366,ROUNDDOWN($C7123/24,0)+1,1))-1)+IF('Standard Profiles'!$G$19=$B$10,7,0)+IF('Standard Profiles'!$G$19=$B$17,14,0)+IF('Standard Profiles'!$G$19=$B$24,21,0),0)),0)</f>
        <v>0</v>
      </c>
      <c r="F7123" cm="1">
        <f t="array" ref="F7123">IFERROR(INDEX(Jesper!AJ$2:AJ$366,ROUNDDOWN($C7123/24,0)+1,1)*INDEX($D$3:$AA$30,INDEX(Jesper!$R$2:$R$366,ROW(INDEX(Jesper!AJ$2:AJ$366,ROUNDDOWN($C7123/24,0)+1,1))-1)+IF('Standard Profiles'!$G$20=$B$10,7,0)+IF('Standard Profiles'!$G$20=$B$17,14,0)+IF('Standard Profiles'!$G$20=$B$24,21,0),MOD($C7123,24)+1)/SUM(INDEX($D$3:$AA$30,INDEX(Jesper!$R$2:$R$366,ROW(INDEX(Jesper!AJ$2:AJ$366,ROUNDDOWN($C7123/24,0)+1,1))-1)+IF('Standard Profiles'!$G$20=$B$10,7,0)+IF('Standard Profiles'!$G$20=$B$17,14,0)+IF('Standard Profiles'!$G$20=$B$24,21,0),0)),0)</f>
        <v>0</v>
      </c>
      <c r="G7123" cm="1">
        <f t="array" ref="G7123">IFERROR(INDEX(Jesper!AK$2:AK$366,ROUNDDOWN($C7123/24,0)+1,1)*INDEX($D$3:$AA$30,INDEX(Jesper!$R$2:$R$366,ROW(INDEX(Jesper!AK$2:AK$366,ROUNDDOWN($C7123/24,0)+1,1))-1)+IF('Standard Profiles'!$G$21=$B$10,7,0)+IF('Standard Profiles'!$G$21=$B$17,14,0)+IF('Standard Profiles'!$G$21=$B$24,21,0),MOD($C7123,24)+1)/SUM(INDEX($D$3:$AA$30,INDEX(Jesper!$R$2:$R$366,ROW(INDEX(Jesper!AK$2:AK$366,ROUNDDOWN($C7123/24,0)+1,1))-1)+IF('Standard Profiles'!$G$21=$B$10,7,0)+IF('Standard Profiles'!$G$21=$B$17,14,0)+IF('Standard Profiles'!$G$21=$B$24,21,0),0)),0)</f>
        <v>0</v>
      </c>
      <c r="H7123" cm="1">
        <f t="array" ref="H7123">IFERROR(INDEX(Jesper!AL$2:AL$366,ROUNDDOWN($C7123/24,0)+1,1)*INDEX($D$3:$AA$30,INDEX(Jesper!$R$2:$R$366,ROW(INDEX(Jesper!AL$2:AL$366,ROUNDDOWN($C7123/24,0)+1,1))-1)+IF('Standard Profiles'!$G$22=$B$10,7,0)+IF('Standard Profiles'!$G$22=$B$17,14,0)+IF('Standard Profiles'!$G$22=$B$24,21,0),MOD($C7123,24)+1)/SUM(INDEX($D$3:$AA$30,INDEX(Jesper!$R$2:$R$366,ROW(INDEX(Jesper!AL$2:AL$366,ROUNDDOWN($C7123/24,0)+1,1))-1)+IF('Standard Profiles'!$G$22=$B$10,7,0)+IF('Standard Profiles'!$G$22=$B$17,14,0)+IF('Standard Profiles'!$G$22=$B$24,21,0),0)),0)</f>
        <v>0</v>
      </c>
      <c r="I7123">
        <f t="shared" si="790"/>
        <v>0.3599241781824124</v>
      </c>
      <c r="J7123">
        <f t="shared" si="791"/>
        <v>1.1997472606080415</v>
      </c>
      <c r="K7123">
        <f t="shared" si="792"/>
        <v>1.7996208909120621</v>
      </c>
      <c r="L7123">
        <f t="shared" si="793"/>
        <v>8.6381802763778985</v>
      </c>
      <c r="M7123">
        <f t="shared" si="794"/>
        <v>0</v>
      </c>
      <c r="N7123" s="46">
        <f t="shared" si="795"/>
        <v>45587.374999982807</v>
      </c>
    </row>
    <row r="7124" spans="2:14" x14ac:dyDescent="0.3">
      <c r="B7124">
        <f t="shared" si="789"/>
        <v>2</v>
      </c>
      <c r="C7124" s="16">
        <v>7090</v>
      </c>
      <c r="D7124" cm="1">
        <f t="array" ref="D7124">IFERROR(INDEX(Jesper!AH$2:AH$366,ROUNDDOWN($C7124/24,0)+1,1)*INDEX($D$3:$AA$30,INDEX(Jesper!$R$2:$R$366,ROW(INDEX(Jesper!AH$2:AH$366,ROUNDDOWN($C7124/24,0)+1,1))-1)+IF('Standard Profiles'!$G$18=$B$10,7,0)+IF('Standard Profiles'!$G$18=$B$17,14,0)+IF('Standard Profiles'!$G$18=$B$24,21,0),MOD($C7124,24)+1)/SUM(INDEX($D$3:$AA$30,INDEX(Jesper!$R$2:$R$366,ROW(INDEX(Jesper!AH$2:AH$366,ROUNDDOWN($C7124/24,0)+1,1))-1)+IF('Standard Profiles'!$G$18=$B$10,7,0)+IF('Standard Profiles'!$G$18=$B$17,14,0)+IF('Standard Profiles'!$G$18=$B$24,21,0),0)),0)</f>
        <v>12.551202110976433</v>
      </c>
      <c r="E7124" cm="1">
        <f t="array" ref="E7124">IFERROR(INDEX(Jesper!AI$2:AI$366,ROUNDDOWN($C7124/24,0)+1,1)*INDEX($D$3:$AA$30,INDEX(Jesper!$R$2:$R$366,ROW(INDEX(Jesper!AI$2:AI$366,ROUNDDOWN($C7124/24,0)+1,1))-1)+IF('Standard Profiles'!$G$19=$B$10,7,0)+IF('Standard Profiles'!$G$19=$B$17,14,0)+IF('Standard Profiles'!$G$19=$B$24,21,0),MOD($C7124,24)+1)/SUM(INDEX($D$3:$AA$30,INDEX(Jesper!$R$2:$R$366,ROW(INDEX(Jesper!AI$2:AI$366,ROUNDDOWN($C7124/24,0)+1,1))-1)+IF('Standard Profiles'!$G$19=$B$10,7,0)+IF('Standard Profiles'!$G$19=$B$17,14,0)+IF('Standard Profiles'!$G$19=$B$24,21,0),0)),0)</f>
        <v>0</v>
      </c>
      <c r="F7124" cm="1">
        <f t="array" ref="F7124">IFERROR(INDEX(Jesper!AJ$2:AJ$366,ROUNDDOWN($C7124/24,0)+1,1)*INDEX($D$3:$AA$30,INDEX(Jesper!$R$2:$R$366,ROW(INDEX(Jesper!AJ$2:AJ$366,ROUNDDOWN($C7124/24,0)+1,1))-1)+IF('Standard Profiles'!$G$20=$B$10,7,0)+IF('Standard Profiles'!$G$20=$B$17,14,0)+IF('Standard Profiles'!$G$20=$B$24,21,0),MOD($C7124,24)+1)/SUM(INDEX($D$3:$AA$30,INDEX(Jesper!$R$2:$R$366,ROW(INDEX(Jesper!AJ$2:AJ$366,ROUNDDOWN($C7124/24,0)+1,1))-1)+IF('Standard Profiles'!$G$20=$B$10,7,0)+IF('Standard Profiles'!$G$20=$B$17,14,0)+IF('Standard Profiles'!$G$20=$B$24,21,0),0)),0)</f>
        <v>0</v>
      </c>
      <c r="G7124" cm="1">
        <f t="array" ref="G7124">IFERROR(INDEX(Jesper!AK$2:AK$366,ROUNDDOWN($C7124/24,0)+1,1)*INDEX($D$3:$AA$30,INDEX(Jesper!$R$2:$R$366,ROW(INDEX(Jesper!AK$2:AK$366,ROUNDDOWN($C7124/24,0)+1,1))-1)+IF('Standard Profiles'!$G$21=$B$10,7,0)+IF('Standard Profiles'!$G$21=$B$17,14,0)+IF('Standard Profiles'!$G$21=$B$24,21,0),MOD($C7124,24)+1)/SUM(INDEX($D$3:$AA$30,INDEX(Jesper!$R$2:$R$366,ROW(INDEX(Jesper!AK$2:AK$366,ROUNDDOWN($C7124/24,0)+1,1))-1)+IF('Standard Profiles'!$G$21=$B$10,7,0)+IF('Standard Profiles'!$G$21=$B$17,14,0)+IF('Standard Profiles'!$G$21=$B$24,21,0),0)),0)</f>
        <v>0</v>
      </c>
      <c r="H7124" cm="1">
        <f t="array" ref="H7124">IFERROR(INDEX(Jesper!AL$2:AL$366,ROUNDDOWN($C7124/24,0)+1,1)*INDEX($D$3:$AA$30,INDEX(Jesper!$R$2:$R$366,ROW(INDEX(Jesper!AL$2:AL$366,ROUNDDOWN($C7124/24,0)+1,1))-1)+IF('Standard Profiles'!$G$22=$B$10,7,0)+IF('Standard Profiles'!$G$22=$B$17,14,0)+IF('Standard Profiles'!$G$22=$B$24,21,0),MOD($C7124,24)+1)/SUM(INDEX($D$3:$AA$30,INDEX(Jesper!$R$2:$R$366,ROW(INDEX(Jesper!AL$2:AL$366,ROUNDDOWN($C7124/24,0)+1,1))-1)+IF('Standard Profiles'!$G$22=$B$10,7,0)+IF('Standard Profiles'!$G$22=$B$17,14,0)+IF('Standard Profiles'!$G$22=$B$24,21,0),0)),0)</f>
        <v>0</v>
      </c>
      <c r="I7124">
        <f t="shared" si="790"/>
        <v>0.37653606332929301</v>
      </c>
      <c r="J7124">
        <f t="shared" si="791"/>
        <v>1.2551202110976434</v>
      </c>
      <c r="K7124">
        <f t="shared" si="792"/>
        <v>1.882680316646465</v>
      </c>
      <c r="L7124">
        <f t="shared" si="793"/>
        <v>9.0368655199030314</v>
      </c>
      <c r="M7124">
        <f t="shared" si="794"/>
        <v>0</v>
      </c>
      <c r="N7124" s="46">
        <f t="shared" si="795"/>
        <v>45587.416666649471</v>
      </c>
    </row>
    <row r="7125" spans="2:14" x14ac:dyDescent="0.3">
      <c r="B7125">
        <f t="shared" si="789"/>
        <v>2</v>
      </c>
      <c r="C7125" s="16">
        <v>7091</v>
      </c>
      <c r="D7125" cm="1">
        <f t="array" ref="D7125">IFERROR(INDEX(Jesper!AH$2:AH$366,ROUNDDOWN($C7125/24,0)+1,1)*INDEX($D$3:$AA$30,INDEX(Jesper!$R$2:$R$366,ROW(INDEX(Jesper!AH$2:AH$366,ROUNDDOWN($C7125/24,0)+1,1))-1)+IF('Standard Profiles'!$G$18=$B$10,7,0)+IF('Standard Profiles'!$G$18=$B$17,14,0)+IF('Standard Profiles'!$G$18=$B$24,21,0),MOD($C7125,24)+1)/SUM(INDEX($D$3:$AA$30,INDEX(Jesper!$R$2:$R$366,ROW(INDEX(Jesper!AH$2:AH$366,ROUNDDOWN($C7125/24,0)+1,1))-1)+IF('Standard Profiles'!$G$18=$B$10,7,0)+IF('Standard Profiles'!$G$18=$B$17,14,0)+IF('Standard Profiles'!$G$18=$B$24,21,0),0)),0)</f>
        <v>14.766120130560511</v>
      </c>
      <c r="E7125" cm="1">
        <f t="array" ref="E7125">IFERROR(INDEX(Jesper!AI$2:AI$366,ROUNDDOWN($C7125/24,0)+1,1)*INDEX($D$3:$AA$30,INDEX(Jesper!$R$2:$R$366,ROW(INDEX(Jesper!AI$2:AI$366,ROUNDDOWN($C7125/24,0)+1,1))-1)+IF('Standard Profiles'!$G$19=$B$10,7,0)+IF('Standard Profiles'!$G$19=$B$17,14,0)+IF('Standard Profiles'!$G$19=$B$24,21,0),MOD($C7125,24)+1)/SUM(INDEX($D$3:$AA$30,INDEX(Jesper!$R$2:$R$366,ROW(INDEX(Jesper!AI$2:AI$366,ROUNDDOWN($C7125/24,0)+1,1))-1)+IF('Standard Profiles'!$G$19=$B$10,7,0)+IF('Standard Profiles'!$G$19=$B$17,14,0)+IF('Standard Profiles'!$G$19=$B$24,21,0),0)),0)</f>
        <v>0</v>
      </c>
      <c r="F7125" cm="1">
        <f t="array" ref="F7125">IFERROR(INDEX(Jesper!AJ$2:AJ$366,ROUNDDOWN($C7125/24,0)+1,1)*INDEX($D$3:$AA$30,INDEX(Jesper!$R$2:$R$366,ROW(INDEX(Jesper!AJ$2:AJ$366,ROUNDDOWN($C7125/24,0)+1,1))-1)+IF('Standard Profiles'!$G$20=$B$10,7,0)+IF('Standard Profiles'!$G$20=$B$17,14,0)+IF('Standard Profiles'!$G$20=$B$24,21,0),MOD($C7125,24)+1)/SUM(INDEX($D$3:$AA$30,INDEX(Jesper!$R$2:$R$366,ROW(INDEX(Jesper!AJ$2:AJ$366,ROUNDDOWN($C7125/24,0)+1,1))-1)+IF('Standard Profiles'!$G$20=$B$10,7,0)+IF('Standard Profiles'!$G$20=$B$17,14,0)+IF('Standard Profiles'!$G$20=$B$24,21,0),0)),0)</f>
        <v>0</v>
      </c>
      <c r="G7125" cm="1">
        <f t="array" ref="G7125">IFERROR(INDEX(Jesper!AK$2:AK$366,ROUNDDOWN($C7125/24,0)+1,1)*INDEX($D$3:$AA$30,INDEX(Jesper!$R$2:$R$366,ROW(INDEX(Jesper!AK$2:AK$366,ROUNDDOWN($C7125/24,0)+1,1))-1)+IF('Standard Profiles'!$G$21=$B$10,7,0)+IF('Standard Profiles'!$G$21=$B$17,14,0)+IF('Standard Profiles'!$G$21=$B$24,21,0),MOD($C7125,24)+1)/SUM(INDEX($D$3:$AA$30,INDEX(Jesper!$R$2:$R$366,ROW(INDEX(Jesper!AK$2:AK$366,ROUNDDOWN($C7125/24,0)+1,1))-1)+IF('Standard Profiles'!$G$21=$B$10,7,0)+IF('Standard Profiles'!$G$21=$B$17,14,0)+IF('Standard Profiles'!$G$21=$B$24,21,0),0)),0)</f>
        <v>0</v>
      </c>
      <c r="H7125" cm="1">
        <f t="array" ref="H7125">IFERROR(INDEX(Jesper!AL$2:AL$366,ROUNDDOWN($C7125/24,0)+1,1)*INDEX($D$3:$AA$30,INDEX(Jesper!$R$2:$R$366,ROW(INDEX(Jesper!AL$2:AL$366,ROUNDDOWN($C7125/24,0)+1,1))-1)+IF('Standard Profiles'!$G$22=$B$10,7,0)+IF('Standard Profiles'!$G$22=$B$17,14,0)+IF('Standard Profiles'!$G$22=$B$24,21,0),MOD($C7125,24)+1)/SUM(INDEX($D$3:$AA$30,INDEX(Jesper!$R$2:$R$366,ROW(INDEX(Jesper!AL$2:AL$366,ROUNDDOWN($C7125/24,0)+1,1))-1)+IF('Standard Profiles'!$G$22=$B$10,7,0)+IF('Standard Profiles'!$G$22=$B$17,14,0)+IF('Standard Profiles'!$G$22=$B$24,21,0),0)),0)</f>
        <v>0</v>
      </c>
      <c r="I7125">
        <f t="shared" si="790"/>
        <v>0.44298360391681529</v>
      </c>
      <c r="J7125">
        <f t="shared" si="791"/>
        <v>1.4766120130560512</v>
      </c>
      <c r="K7125">
        <f t="shared" si="792"/>
        <v>2.2149180195840765</v>
      </c>
      <c r="L7125">
        <f t="shared" si="793"/>
        <v>10.631606494003567</v>
      </c>
      <c r="M7125">
        <f t="shared" si="794"/>
        <v>0</v>
      </c>
      <c r="N7125" s="46">
        <f t="shared" si="795"/>
        <v>45587.458333316135</v>
      </c>
    </row>
    <row r="7126" spans="2:14" x14ac:dyDescent="0.3">
      <c r="B7126">
        <f t="shared" si="789"/>
        <v>2</v>
      </c>
      <c r="C7126" s="16">
        <v>7092</v>
      </c>
      <c r="D7126" cm="1">
        <f t="array" ref="D7126">IFERROR(INDEX(Jesper!AH$2:AH$366,ROUNDDOWN($C7126/24,0)+1,1)*INDEX($D$3:$AA$30,INDEX(Jesper!$R$2:$R$366,ROW(INDEX(Jesper!AH$2:AH$366,ROUNDDOWN($C7126/24,0)+1,1))-1)+IF('Standard Profiles'!$G$18=$B$10,7,0)+IF('Standard Profiles'!$G$18=$B$17,14,0)+IF('Standard Profiles'!$G$18=$B$24,21,0),MOD($C7126,24)+1)/SUM(INDEX($D$3:$AA$30,INDEX(Jesper!$R$2:$R$366,ROW(INDEX(Jesper!AH$2:AH$366,ROUNDDOWN($C7126/24,0)+1,1))-1)+IF('Standard Profiles'!$G$18=$B$10,7,0)+IF('Standard Profiles'!$G$18=$B$17,14,0)+IF('Standard Profiles'!$G$18=$B$24,21,0),0)),0)</f>
        <v>14.766120130560511</v>
      </c>
      <c r="E7126" cm="1">
        <f t="array" ref="E7126">IFERROR(INDEX(Jesper!AI$2:AI$366,ROUNDDOWN($C7126/24,0)+1,1)*INDEX($D$3:$AA$30,INDEX(Jesper!$R$2:$R$366,ROW(INDEX(Jesper!AI$2:AI$366,ROUNDDOWN($C7126/24,0)+1,1))-1)+IF('Standard Profiles'!$G$19=$B$10,7,0)+IF('Standard Profiles'!$G$19=$B$17,14,0)+IF('Standard Profiles'!$G$19=$B$24,21,0),MOD($C7126,24)+1)/SUM(INDEX($D$3:$AA$30,INDEX(Jesper!$R$2:$R$366,ROW(INDEX(Jesper!AI$2:AI$366,ROUNDDOWN($C7126/24,0)+1,1))-1)+IF('Standard Profiles'!$G$19=$B$10,7,0)+IF('Standard Profiles'!$G$19=$B$17,14,0)+IF('Standard Profiles'!$G$19=$B$24,21,0),0)),0)</f>
        <v>0</v>
      </c>
      <c r="F7126" cm="1">
        <f t="array" ref="F7126">IFERROR(INDEX(Jesper!AJ$2:AJ$366,ROUNDDOWN($C7126/24,0)+1,1)*INDEX($D$3:$AA$30,INDEX(Jesper!$R$2:$R$366,ROW(INDEX(Jesper!AJ$2:AJ$366,ROUNDDOWN($C7126/24,0)+1,1))-1)+IF('Standard Profiles'!$G$20=$B$10,7,0)+IF('Standard Profiles'!$G$20=$B$17,14,0)+IF('Standard Profiles'!$G$20=$B$24,21,0),MOD($C7126,24)+1)/SUM(INDEX($D$3:$AA$30,INDEX(Jesper!$R$2:$R$366,ROW(INDEX(Jesper!AJ$2:AJ$366,ROUNDDOWN($C7126/24,0)+1,1))-1)+IF('Standard Profiles'!$G$20=$B$10,7,0)+IF('Standard Profiles'!$G$20=$B$17,14,0)+IF('Standard Profiles'!$G$20=$B$24,21,0),0)),0)</f>
        <v>0</v>
      </c>
      <c r="G7126" cm="1">
        <f t="array" ref="G7126">IFERROR(INDEX(Jesper!AK$2:AK$366,ROUNDDOWN($C7126/24,0)+1,1)*INDEX($D$3:$AA$30,INDEX(Jesper!$R$2:$R$366,ROW(INDEX(Jesper!AK$2:AK$366,ROUNDDOWN($C7126/24,0)+1,1))-1)+IF('Standard Profiles'!$G$21=$B$10,7,0)+IF('Standard Profiles'!$G$21=$B$17,14,0)+IF('Standard Profiles'!$G$21=$B$24,21,0),MOD($C7126,24)+1)/SUM(INDEX($D$3:$AA$30,INDEX(Jesper!$R$2:$R$366,ROW(INDEX(Jesper!AK$2:AK$366,ROUNDDOWN($C7126/24,0)+1,1))-1)+IF('Standard Profiles'!$G$21=$B$10,7,0)+IF('Standard Profiles'!$G$21=$B$17,14,0)+IF('Standard Profiles'!$G$21=$B$24,21,0),0)),0)</f>
        <v>0</v>
      </c>
      <c r="H7126" cm="1">
        <f t="array" ref="H7126">IFERROR(INDEX(Jesper!AL$2:AL$366,ROUNDDOWN($C7126/24,0)+1,1)*INDEX($D$3:$AA$30,INDEX(Jesper!$R$2:$R$366,ROW(INDEX(Jesper!AL$2:AL$366,ROUNDDOWN($C7126/24,0)+1,1))-1)+IF('Standard Profiles'!$G$22=$B$10,7,0)+IF('Standard Profiles'!$G$22=$B$17,14,0)+IF('Standard Profiles'!$G$22=$B$24,21,0),MOD($C7126,24)+1)/SUM(INDEX($D$3:$AA$30,INDEX(Jesper!$R$2:$R$366,ROW(INDEX(Jesper!AL$2:AL$366,ROUNDDOWN($C7126/24,0)+1,1))-1)+IF('Standard Profiles'!$G$22=$B$10,7,0)+IF('Standard Profiles'!$G$22=$B$17,14,0)+IF('Standard Profiles'!$G$22=$B$24,21,0),0)),0)</f>
        <v>0</v>
      </c>
      <c r="I7126">
        <f t="shared" si="790"/>
        <v>0.44298360391681529</v>
      </c>
      <c r="J7126">
        <f t="shared" si="791"/>
        <v>1.4766120130560512</v>
      </c>
      <c r="K7126">
        <f t="shared" si="792"/>
        <v>2.2149180195840765</v>
      </c>
      <c r="L7126">
        <f t="shared" si="793"/>
        <v>10.631606494003567</v>
      </c>
      <c r="M7126">
        <f t="shared" si="794"/>
        <v>0</v>
      </c>
      <c r="N7126" s="46">
        <f t="shared" si="795"/>
        <v>45587.4999999828</v>
      </c>
    </row>
    <row r="7127" spans="2:14" x14ac:dyDescent="0.3">
      <c r="B7127">
        <f t="shared" si="789"/>
        <v>2</v>
      </c>
      <c r="C7127" s="16">
        <v>7093</v>
      </c>
      <c r="D7127" cm="1">
        <f t="array" ref="D7127">IFERROR(INDEX(Jesper!AH$2:AH$366,ROUNDDOWN($C7127/24,0)+1,1)*INDEX($D$3:$AA$30,INDEX(Jesper!$R$2:$R$366,ROW(INDEX(Jesper!AH$2:AH$366,ROUNDDOWN($C7127/24,0)+1,1))-1)+IF('Standard Profiles'!$G$18=$B$10,7,0)+IF('Standard Profiles'!$G$18=$B$17,14,0)+IF('Standard Profiles'!$G$18=$B$24,21,0),MOD($C7127,24)+1)/SUM(INDEX($D$3:$AA$30,INDEX(Jesper!$R$2:$R$366,ROW(INDEX(Jesper!AH$2:AH$366,ROUNDDOWN($C7127/24,0)+1,1))-1)+IF('Standard Profiles'!$G$18=$B$10,7,0)+IF('Standard Profiles'!$G$18=$B$17,14,0)+IF('Standard Profiles'!$G$18=$B$24,21,0),0)),0)</f>
        <v>14.766120130560511</v>
      </c>
      <c r="E7127" cm="1">
        <f t="array" ref="E7127">IFERROR(INDEX(Jesper!AI$2:AI$366,ROUNDDOWN($C7127/24,0)+1,1)*INDEX($D$3:$AA$30,INDEX(Jesper!$R$2:$R$366,ROW(INDEX(Jesper!AI$2:AI$366,ROUNDDOWN($C7127/24,0)+1,1))-1)+IF('Standard Profiles'!$G$19=$B$10,7,0)+IF('Standard Profiles'!$G$19=$B$17,14,0)+IF('Standard Profiles'!$G$19=$B$24,21,0),MOD($C7127,24)+1)/SUM(INDEX($D$3:$AA$30,INDEX(Jesper!$R$2:$R$366,ROW(INDEX(Jesper!AI$2:AI$366,ROUNDDOWN($C7127/24,0)+1,1))-1)+IF('Standard Profiles'!$G$19=$B$10,7,0)+IF('Standard Profiles'!$G$19=$B$17,14,0)+IF('Standard Profiles'!$G$19=$B$24,21,0),0)),0)</f>
        <v>0</v>
      </c>
      <c r="F7127" cm="1">
        <f t="array" ref="F7127">IFERROR(INDEX(Jesper!AJ$2:AJ$366,ROUNDDOWN($C7127/24,0)+1,1)*INDEX($D$3:$AA$30,INDEX(Jesper!$R$2:$R$366,ROW(INDEX(Jesper!AJ$2:AJ$366,ROUNDDOWN($C7127/24,0)+1,1))-1)+IF('Standard Profiles'!$G$20=$B$10,7,0)+IF('Standard Profiles'!$G$20=$B$17,14,0)+IF('Standard Profiles'!$G$20=$B$24,21,0),MOD($C7127,24)+1)/SUM(INDEX($D$3:$AA$30,INDEX(Jesper!$R$2:$R$366,ROW(INDEX(Jesper!AJ$2:AJ$366,ROUNDDOWN($C7127/24,0)+1,1))-1)+IF('Standard Profiles'!$G$20=$B$10,7,0)+IF('Standard Profiles'!$G$20=$B$17,14,0)+IF('Standard Profiles'!$G$20=$B$24,21,0),0)),0)</f>
        <v>0</v>
      </c>
      <c r="G7127" cm="1">
        <f t="array" ref="G7127">IFERROR(INDEX(Jesper!AK$2:AK$366,ROUNDDOWN($C7127/24,0)+1,1)*INDEX($D$3:$AA$30,INDEX(Jesper!$R$2:$R$366,ROW(INDEX(Jesper!AK$2:AK$366,ROUNDDOWN($C7127/24,0)+1,1))-1)+IF('Standard Profiles'!$G$21=$B$10,7,0)+IF('Standard Profiles'!$G$21=$B$17,14,0)+IF('Standard Profiles'!$G$21=$B$24,21,0),MOD($C7127,24)+1)/SUM(INDEX($D$3:$AA$30,INDEX(Jesper!$R$2:$R$366,ROW(INDEX(Jesper!AK$2:AK$366,ROUNDDOWN($C7127/24,0)+1,1))-1)+IF('Standard Profiles'!$G$21=$B$10,7,0)+IF('Standard Profiles'!$G$21=$B$17,14,0)+IF('Standard Profiles'!$G$21=$B$24,21,0),0)),0)</f>
        <v>0</v>
      </c>
      <c r="H7127" cm="1">
        <f t="array" ref="H7127">IFERROR(INDEX(Jesper!AL$2:AL$366,ROUNDDOWN($C7127/24,0)+1,1)*INDEX($D$3:$AA$30,INDEX(Jesper!$R$2:$R$366,ROW(INDEX(Jesper!AL$2:AL$366,ROUNDDOWN($C7127/24,0)+1,1))-1)+IF('Standard Profiles'!$G$22=$B$10,7,0)+IF('Standard Profiles'!$G$22=$B$17,14,0)+IF('Standard Profiles'!$G$22=$B$24,21,0),MOD($C7127,24)+1)/SUM(INDEX($D$3:$AA$30,INDEX(Jesper!$R$2:$R$366,ROW(INDEX(Jesper!AL$2:AL$366,ROUNDDOWN($C7127/24,0)+1,1))-1)+IF('Standard Profiles'!$G$22=$B$10,7,0)+IF('Standard Profiles'!$G$22=$B$17,14,0)+IF('Standard Profiles'!$G$22=$B$24,21,0),0)),0)</f>
        <v>0</v>
      </c>
      <c r="I7127">
        <f t="shared" si="790"/>
        <v>0.44298360391681529</v>
      </c>
      <c r="J7127">
        <f t="shared" si="791"/>
        <v>1.4766120130560512</v>
      </c>
      <c r="K7127">
        <f t="shared" si="792"/>
        <v>2.2149180195840765</v>
      </c>
      <c r="L7127">
        <f t="shared" si="793"/>
        <v>10.631606494003567</v>
      </c>
      <c r="M7127">
        <f t="shared" si="794"/>
        <v>0</v>
      </c>
      <c r="N7127" s="46">
        <f t="shared" si="795"/>
        <v>45587.541666649464</v>
      </c>
    </row>
    <row r="7128" spans="2:14" x14ac:dyDescent="0.3">
      <c r="B7128">
        <f t="shared" si="789"/>
        <v>2</v>
      </c>
      <c r="C7128" s="16">
        <v>7094</v>
      </c>
      <c r="D7128" cm="1">
        <f t="array" ref="D7128">IFERROR(INDEX(Jesper!AH$2:AH$366,ROUNDDOWN($C7128/24,0)+1,1)*INDEX($D$3:$AA$30,INDEX(Jesper!$R$2:$R$366,ROW(INDEX(Jesper!AH$2:AH$366,ROUNDDOWN($C7128/24,0)+1,1))-1)+IF('Standard Profiles'!$G$18=$B$10,7,0)+IF('Standard Profiles'!$G$18=$B$17,14,0)+IF('Standard Profiles'!$G$18=$B$24,21,0),MOD($C7128,24)+1)/SUM(INDEX($D$3:$AA$30,INDEX(Jesper!$R$2:$R$366,ROW(INDEX(Jesper!AH$2:AH$366,ROUNDDOWN($C7128/24,0)+1,1))-1)+IF('Standard Profiles'!$G$18=$B$10,7,0)+IF('Standard Profiles'!$G$18=$B$17,14,0)+IF('Standard Profiles'!$G$18=$B$24,21,0),0)),0)</f>
        <v>14.766120130560511</v>
      </c>
      <c r="E7128" cm="1">
        <f t="array" ref="E7128">IFERROR(INDEX(Jesper!AI$2:AI$366,ROUNDDOWN($C7128/24,0)+1,1)*INDEX($D$3:$AA$30,INDEX(Jesper!$R$2:$R$366,ROW(INDEX(Jesper!AI$2:AI$366,ROUNDDOWN($C7128/24,0)+1,1))-1)+IF('Standard Profiles'!$G$19=$B$10,7,0)+IF('Standard Profiles'!$G$19=$B$17,14,0)+IF('Standard Profiles'!$G$19=$B$24,21,0),MOD($C7128,24)+1)/SUM(INDEX($D$3:$AA$30,INDEX(Jesper!$R$2:$R$366,ROW(INDEX(Jesper!AI$2:AI$366,ROUNDDOWN($C7128/24,0)+1,1))-1)+IF('Standard Profiles'!$G$19=$B$10,7,0)+IF('Standard Profiles'!$G$19=$B$17,14,0)+IF('Standard Profiles'!$G$19=$B$24,21,0),0)),0)</f>
        <v>0</v>
      </c>
      <c r="F7128" cm="1">
        <f t="array" ref="F7128">IFERROR(INDEX(Jesper!AJ$2:AJ$366,ROUNDDOWN($C7128/24,0)+1,1)*INDEX($D$3:$AA$30,INDEX(Jesper!$R$2:$R$366,ROW(INDEX(Jesper!AJ$2:AJ$366,ROUNDDOWN($C7128/24,0)+1,1))-1)+IF('Standard Profiles'!$G$20=$B$10,7,0)+IF('Standard Profiles'!$G$20=$B$17,14,0)+IF('Standard Profiles'!$G$20=$B$24,21,0),MOD($C7128,24)+1)/SUM(INDEX($D$3:$AA$30,INDEX(Jesper!$R$2:$R$366,ROW(INDEX(Jesper!AJ$2:AJ$366,ROUNDDOWN($C7128/24,0)+1,1))-1)+IF('Standard Profiles'!$G$20=$B$10,7,0)+IF('Standard Profiles'!$G$20=$B$17,14,0)+IF('Standard Profiles'!$G$20=$B$24,21,0),0)),0)</f>
        <v>0</v>
      </c>
      <c r="G7128" cm="1">
        <f t="array" ref="G7128">IFERROR(INDEX(Jesper!AK$2:AK$366,ROUNDDOWN($C7128/24,0)+1,1)*INDEX($D$3:$AA$30,INDEX(Jesper!$R$2:$R$366,ROW(INDEX(Jesper!AK$2:AK$366,ROUNDDOWN($C7128/24,0)+1,1))-1)+IF('Standard Profiles'!$G$21=$B$10,7,0)+IF('Standard Profiles'!$G$21=$B$17,14,0)+IF('Standard Profiles'!$G$21=$B$24,21,0),MOD($C7128,24)+1)/SUM(INDEX($D$3:$AA$30,INDEX(Jesper!$R$2:$R$366,ROW(INDEX(Jesper!AK$2:AK$366,ROUNDDOWN($C7128/24,0)+1,1))-1)+IF('Standard Profiles'!$G$21=$B$10,7,0)+IF('Standard Profiles'!$G$21=$B$17,14,0)+IF('Standard Profiles'!$G$21=$B$24,21,0),0)),0)</f>
        <v>0</v>
      </c>
      <c r="H7128" cm="1">
        <f t="array" ref="H7128">IFERROR(INDEX(Jesper!AL$2:AL$366,ROUNDDOWN($C7128/24,0)+1,1)*INDEX($D$3:$AA$30,INDEX(Jesper!$R$2:$R$366,ROW(INDEX(Jesper!AL$2:AL$366,ROUNDDOWN($C7128/24,0)+1,1))-1)+IF('Standard Profiles'!$G$22=$B$10,7,0)+IF('Standard Profiles'!$G$22=$B$17,14,0)+IF('Standard Profiles'!$G$22=$B$24,21,0),MOD($C7128,24)+1)/SUM(INDEX($D$3:$AA$30,INDEX(Jesper!$R$2:$R$366,ROW(INDEX(Jesper!AL$2:AL$366,ROUNDDOWN($C7128/24,0)+1,1))-1)+IF('Standard Profiles'!$G$22=$B$10,7,0)+IF('Standard Profiles'!$G$22=$B$17,14,0)+IF('Standard Profiles'!$G$22=$B$24,21,0),0)),0)</f>
        <v>0</v>
      </c>
      <c r="I7128">
        <f t="shared" si="790"/>
        <v>0.44298360391681529</v>
      </c>
      <c r="J7128">
        <f t="shared" si="791"/>
        <v>1.4766120130560512</v>
      </c>
      <c r="K7128">
        <f t="shared" si="792"/>
        <v>2.2149180195840765</v>
      </c>
      <c r="L7128">
        <f t="shared" si="793"/>
        <v>10.631606494003567</v>
      </c>
      <c r="M7128">
        <f t="shared" si="794"/>
        <v>0</v>
      </c>
      <c r="N7128" s="46">
        <f t="shared" si="795"/>
        <v>45587.583333316128</v>
      </c>
    </row>
    <row r="7129" spans="2:14" x14ac:dyDescent="0.3">
      <c r="B7129">
        <f t="shared" si="789"/>
        <v>2</v>
      </c>
      <c r="C7129" s="16">
        <v>7095</v>
      </c>
      <c r="D7129" cm="1">
        <f t="array" ref="D7129">IFERROR(INDEX(Jesper!AH$2:AH$366,ROUNDDOWN($C7129/24,0)+1,1)*INDEX($D$3:$AA$30,INDEX(Jesper!$R$2:$R$366,ROW(INDEX(Jesper!AH$2:AH$366,ROUNDDOWN($C7129/24,0)+1,1))-1)+IF('Standard Profiles'!$G$18=$B$10,7,0)+IF('Standard Profiles'!$G$18=$B$17,14,0)+IF('Standard Profiles'!$G$18=$B$24,21,0),MOD($C7129,24)+1)/SUM(INDEX($D$3:$AA$30,INDEX(Jesper!$R$2:$R$366,ROW(INDEX(Jesper!AH$2:AH$366,ROUNDDOWN($C7129/24,0)+1,1))-1)+IF('Standard Profiles'!$G$18=$B$10,7,0)+IF('Standard Profiles'!$G$18=$B$17,14,0)+IF('Standard Profiles'!$G$18=$B$24,21,0),0)),0)</f>
        <v>14.766120130560511</v>
      </c>
      <c r="E7129" cm="1">
        <f t="array" ref="E7129">IFERROR(INDEX(Jesper!AI$2:AI$366,ROUNDDOWN($C7129/24,0)+1,1)*INDEX($D$3:$AA$30,INDEX(Jesper!$R$2:$R$366,ROW(INDEX(Jesper!AI$2:AI$366,ROUNDDOWN($C7129/24,0)+1,1))-1)+IF('Standard Profiles'!$G$19=$B$10,7,0)+IF('Standard Profiles'!$G$19=$B$17,14,0)+IF('Standard Profiles'!$G$19=$B$24,21,0),MOD($C7129,24)+1)/SUM(INDEX($D$3:$AA$30,INDEX(Jesper!$R$2:$R$366,ROW(INDEX(Jesper!AI$2:AI$366,ROUNDDOWN($C7129/24,0)+1,1))-1)+IF('Standard Profiles'!$G$19=$B$10,7,0)+IF('Standard Profiles'!$G$19=$B$17,14,0)+IF('Standard Profiles'!$G$19=$B$24,21,0),0)),0)</f>
        <v>0</v>
      </c>
      <c r="F7129" cm="1">
        <f t="array" ref="F7129">IFERROR(INDEX(Jesper!AJ$2:AJ$366,ROUNDDOWN($C7129/24,0)+1,1)*INDEX($D$3:$AA$30,INDEX(Jesper!$R$2:$R$366,ROW(INDEX(Jesper!AJ$2:AJ$366,ROUNDDOWN($C7129/24,0)+1,1))-1)+IF('Standard Profiles'!$G$20=$B$10,7,0)+IF('Standard Profiles'!$G$20=$B$17,14,0)+IF('Standard Profiles'!$G$20=$B$24,21,0),MOD($C7129,24)+1)/SUM(INDEX($D$3:$AA$30,INDEX(Jesper!$R$2:$R$366,ROW(INDEX(Jesper!AJ$2:AJ$366,ROUNDDOWN($C7129/24,0)+1,1))-1)+IF('Standard Profiles'!$G$20=$B$10,7,0)+IF('Standard Profiles'!$G$20=$B$17,14,0)+IF('Standard Profiles'!$G$20=$B$24,21,0),0)),0)</f>
        <v>0</v>
      </c>
      <c r="G7129" cm="1">
        <f t="array" ref="G7129">IFERROR(INDEX(Jesper!AK$2:AK$366,ROUNDDOWN($C7129/24,0)+1,1)*INDEX($D$3:$AA$30,INDEX(Jesper!$R$2:$R$366,ROW(INDEX(Jesper!AK$2:AK$366,ROUNDDOWN($C7129/24,0)+1,1))-1)+IF('Standard Profiles'!$G$21=$B$10,7,0)+IF('Standard Profiles'!$G$21=$B$17,14,0)+IF('Standard Profiles'!$G$21=$B$24,21,0),MOD($C7129,24)+1)/SUM(INDEX($D$3:$AA$30,INDEX(Jesper!$R$2:$R$366,ROW(INDEX(Jesper!AK$2:AK$366,ROUNDDOWN($C7129/24,0)+1,1))-1)+IF('Standard Profiles'!$G$21=$B$10,7,0)+IF('Standard Profiles'!$G$21=$B$17,14,0)+IF('Standard Profiles'!$G$21=$B$24,21,0),0)),0)</f>
        <v>0</v>
      </c>
      <c r="H7129" cm="1">
        <f t="array" ref="H7129">IFERROR(INDEX(Jesper!AL$2:AL$366,ROUNDDOWN($C7129/24,0)+1,1)*INDEX($D$3:$AA$30,INDEX(Jesper!$R$2:$R$366,ROW(INDEX(Jesper!AL$2:AL$366,ROUNDDOWN($C7129/24,0)+1,1))-1)+IF('Standard Profiles'!$G$22=$B$10,7,0)+IF('Standard Profiles'!$G$22=$B$17,14,0)+IF('Standard Profiles'!$G$22=$B$24,21,0),MOD($C7129,24)+1)/SUM(INDEX($D$3:$AA$30,INDEX(Jesper!$R$2:$R$366,ROW(INDEX(Jesper!AL$2:AL$366,ROUNDDOWN($C7129/24,0)+1,1))-1)+IF('Standard Profiles'!$G$22=$B$10,7,0)+IF('Standard Profiles'!$G$22=$B$17,14,0)+IF('Standard Profiles'!$G$22=$B$24,21,0),0)),0)</f>
        <v>0</v>
      </c>
      <c r="I7129">
        <f t="shared" si="790"/>
        <v>0.44298360391681529</v>
      </c>
      <c r="J7129">
        <f t="shared" si="791"/>
        <v>1.4766120130560512</v>
      </c>
      <c r="K7129">
        <f t="shared" si="792"/>
        <v>2.2149180195840765</v>
      </c>
      <c r="L7129">
        <f t="shared" si="793"/>
        <v>10.631606494003567</v>
      </c>
      <c r="M7129">
        <f t="shared" si="794"/>
        <v>0</v>
      </c>
      <c r="N7129" s="46">
        <f t="shared" si="795"/>
        <v>45587.624999982792</v>
      </c>
    </row>
    <row r="7130" spans="2:14" x14ac:dyDescent="0.3">
      <c r="B7130">
        <f t="shared" si="789"/>
        <v>2</v>
      </c>
      <c r="C7130" s="16">
        <v>7096</v>
      </c>
      <c r="D7130" cm="1">
        <f t="array" ref="D7130">IFERROR(INDEX(Jesper!AH$2:AH$366,ROUNDDOWN($C7130/24,0)+1,1)*INDEX($D$3:$AA$30,INDEX(Jesper!$R$2:$R$366,ROW(INDEX(Jesper!AH$2:AH$366,ROUNDDOWN($C7130/24,0)+1,1))-1)+IF('Standard Profiles'!$G$18=$B$10,7,0)+IF('Standard Profiles'!$G$18=$B$17,14,0)+IF('Standard Profiles'!$G$18=$B$24,21,0),MOD($C7130,24)+1)/SUM(INDEX($D$3:$AA$30,INDEX(Jesper!$R$2:$R$366,ROW(INDEX(Jesper!AH$2:AH$366,ROUNDDOWN($C7130/24,0)+1,1))-1)+IF('Standard Profiles'!$G$18=$B$10,7,0)+IF('Standard Profiles'!$G$18=$B$17,14,0)+IF('Standard Profiles'!$G$18=$B$24,21,0),0)),0)</f>
        <v>14.766120130560511</v>
      </c>
      <c r="E7130" cm="1">
        <f t="array" ref="E7130">IFERROR(INDEX(Jesper!AI$2:AI$366,ROUNDDOWN($C7130/24,0)+1,1)*INDEX($D$3:$AA$30,INDEX(Jesper!$R$2:$R$366,ROW(INDEX(Jesper!AI$2:AI$366,ROUNDDOWN($C7130/24,0)+1,1))-1)+IF('Standard Profiles'!$G$19=$B$10,7,0)+IF('Standard Profiles'!$G$19=$B$17,14,0)+IF('Standard Profiles'!$G$19=$B$24,21,0),MOD($C7130,24)+1)/SUM(INDEX($D$3:$AA$30,INDEX(Jesper!$R$2:$R$366,ROW(INDEX(Jesper!AI$2:AI$366,ROUNDDOWN($C7130/24,0)+1,1))-1)+IF('Standard Profiles'!$G$19=$B$10,7,0)+IF('Standard Profiles'!$G$19=$B$17,14,0)+IF('Standard Profiles'!$G$19=$B$24,21,0),0)),0)</f>
        <v>0</v>
      </c>
      <c r="F7130" cm="1">
        <f t="array" ref="F7130">IFERROR(INDEX(Jesper!AJ$2:AJ$366,ROUNDDOWN($C7130/24,0)+1,1)*INDEX($D$3:$AA$30,INDEX(Jesper!$R$2:$R$366,ROW(INDEX(Jesper!AJ$2:AJ$366,ROUNDDOWN($C7130/24,0)+1,1))-1)+IF('Standard Profiles'!$G$20=$B$10,7,0)+IF('Standard Profiles'!$G$20=$B$17,14,0)+IF('Standard Profiles'!$G$20=$B$24,21,0),MOD($C7130,24)+1)/SUM(INDEX($D$3:$AA$30,INDEX(Jesper!$R$2:$R$366,ROW(INDEX(Jesper!AJ$2:AJ$366,ROUNDDOWN($C7130/24,0)+1,1))-1)+IF('Standard Profiles'!$G$20=$B$10,7,0)+IF('Standard Profiles'!$G$20=$B$17,14,0)+IF('Standard Profiles'!$G$20=$B$24,21,0),0)),0)</f>
        <v>0</v>
      </c>
      <c r="G7130" cm="1">
        <f t="array" ref="G7130">IFERROR(INDEX(Jesper!AK$2:AK$366,ROUNDDOWN($C7130/24,0)+1,1)*INDEX($D$3:$AA$30,INDEX(Jesper!$R$2:$R$366,ROW(INDEX(Jesper!AK$2:AK$366,ROUNDDOWN($C7130/24,0)+1,1))-1)+IF('Standard Profiles'!$G$21=$B$10,7,0)+IF('Standard Profiles'!$G$21=$B$17,14,0)+IF('Standard Profiles'!$G$21=$B$24,21,0),MOD($C7130,24)+1)/SUM(INDEX($D$3:$AA$30,INDEX(Jesper!$R$2:$R$366,ROW(INDEX(Jesper!AK$2:AK$366,ROUNDDOWN($C7130/24,0)+1,1))-1)+IF('Standard Profiles'!$G$21=$B$10,7,0)+IF('Standard Profiles'!$G$21=$B$17,14,0)+IF('Standard Profiles'!$G$21=$B$24,21,0),0)),0)</f>
        <v>0</v>
      </c>
      <c r="H7130" cm="1">
        <f t="array" ref="H7130">IFERROR(INDEX(Jesper!AL$2:AL$366,ROUNDDOWN($C7130/24,0)+1,1)*INDEX($D$3:$AA$30,INDEX(Jesper!$R$2:$R$366,ROW(INDEX(Jesper!AL$2:AL$366,ROUNDDOWN($C7130/24,0)+1,1))-1)+IF('Standard Profiles'!$G$22=$B$10,7,0)+IF('Standard Profiles'!$G$22=$B$17,14,0)+IF('Standard Profiles'!$G$22=$B$24,21,0),MOD($C7130,24)+1)/SUM(INDEX($D$3:$AA$30,INDEX(Jesper!$R$2:$R$366,ROW(INDEX(Jesper!AL$2:AL$366,ROUNDDOWN($C7130/24,0)+1,1))-1)+IF('Standard Profiles'!$G$22=$B$10,7,0)+IF('Standard Profiles'!$G$22=$B$17,14,0)+IF('Standard Profiles'!$G$22=$B$24,21,0),0)),0)</f>
        <v>0</v>
      </c>
      <c r="I7130">
        <f t="shared" si="790"/>
        <v>0.44298360391681529</v>
      </c>
      <c r="J7130">
        <f t="shared" si="791"/>
        <v>1.4766120130560512</v>
      </c>
      <c r="K7130">
        <f t="shared" si="792"/>
        <v>2.2149180195840765</v>
      </c>
      <c r="L7130">
        <f t="shared" si="793"/>
        <v>10.631606494003567</v>
      </c>
      <c r="M7130">
        <f t="shared" si="794"/>
        <v>0</v>
      </c>
      <c r="N7130" s="46">
        <f t="shared" si="795"/>
        <v>45587.666666649457</v>
      </c>
    </row>
    <row r="7131" spans="2:14" x14ac:dyDescent="0.3">
      <c r="B7131">
        <f t="shared" si="789"/>
        <v>2</v>
      </c>
      <c r="C7131" s="16">
        <v>7097</v>
      </c>
      <c r="D7131" cm="1">
        <f t="array" ref="D7131">IFERROR(INDEX(Jesper!AH$2:AH$366,ROUNDDOWN($C7131/24,0)+1,1)*INDEX($D$3:$AA$30,INDEX(Jesper!$R$2:$R$366,ROW(INDEX(Jesper!AH$2:AH$366,ROUNDDOWN($C7131/24,0)+1,1))-1)+IF('Standard Profiles'!$G$18=$B$10,7,0)+IF('Standard Profiles'!$G$18=$B$17,14,0)+IF('Standard Profiles'!$G$18=$B$24,21,0),MOD($C7131,24)+1)/SUM(INDEX($D$3:$AA$30,INDEX(Jesper!$R$2:$R$366,ROW(INDEX(Jesper!AH$2:AH$366,ROUNDDOWN($C7131/24,0)+1,1))-1)+IF('Standard Profiles'!$G$18=$B$10,7,0)+IF('Standard Profiles'!$G$18=$B$17,14,0)+IF('Standard Profiles'!$G$18=$B$24,21,0),0)),0)</f>
        <v>14.766120130560511</v>
      </c>
      <c r="E7131" cm="1">
        <f t="array" ref="E7131">IFERROR(INDEX(Jesper!AI$2:AI$366,ROUNDDOWN($C7131/24,0)+1,1)*INDEX($D$3:$AA$30,INDEX(Jesper!$R$2:$R$366,ROW(INDEX(Jesper!AI$2:AI$366,ROUNDDOWN($C7131/24,0)+1,1))-1)+IF('Standard Profiles'!$G$19=$B$10,7,0)+IF('Standard Profiles'!$G$19=$B$17,14,0)+IF('Standard Profiles'!$G$19=$B$24,21,0),MOD($C7131,24)+1)/SUM(INDEX($D$3:$AA$30,INDEX(Jesper!$R$2:$R$366,ROW(INDEX(Jesper!AI$2:AI$366,ROUNDDOWN($C7131/24,0)+1,1))-1)+IF('Standard Profiles'!$G$19=$B$10,7,0)+IF('Standard Profiles'!$G$19=$B$17,14,0)+IF('Standard Profiles'!$G$19=$B$24,21,0),0)),0)</f>
        <v>0</v>
      </c>
      <c r="F7131" cm="1">
        <f t="array" ref="F7131">IFERROR(INDEX(Jesper!AJ$2:AJ$366,ROUNDDOWN($C7131/24,0)+1,1)*INDEX($D$3:$AA$30,INDEX(Jesper!$R$2:$R$366,ROW(INDEX(Jesper!AJ$2:AJ$366,ROUNDDOWN($C7131/24,0)+1,1))-1)+IF('Standard Profiles'!$G$20=$B$10,7,0)+IF('Standard Profiles'!$G$20=$B$17,14,0)+IF('Standard Profiles'!$G$20=$B$24,21,0),MOD($C7131,24)+1)/SUM(INDEX($D$3:$AA$30,INDEX(Jesper!$R$2:$R$366,ROW(INDEX(Jesper!AJ$2:AJ$366,ROUNDDOWN($C7131/24,0)+1,1))-1)+IF('Standard Profiles'!$G$20=$B$10,7,0)+IF('Standard Profiles'!$G$20=$B$17,14,0)+IF('Standard Profiles'!$G$20=$B$24,21,0),0)),0)</f>
        <v>0</v>
      </c>
      <c r="G7131" cm="1">
        <f t="array" ref="G7131">IFERROR(INDEX(Jesper!AK$2:AK$366,ROUNDDOWN($C7131/24,0)+1,1)*INDEX($D$3:$AA$30,INDEX(Jesper!$R$2:$R$366,ROW(INDEX(Jesper!AK$2:AK$366,ROUNDDOWN($C7131/24,0)+1,1))-1)+IF('Standard Profiles'!$G$21=$B$10,7,0)+IF('Standard Profiles'!$G$21=$B$17,14,0)+IF('Standard Profiles'!$G$21=$B$24,21,0),MOD($C7131,24)+1)/SUM(INDEX($D$3:$AA$30,INDEX(Jesper!$R$2:$R$366,ROW(INDEX(Jesper!AK$2:AK$366,ROUNDDOWN($C7131/24,0)+1,1))-1)+IF('Standard Profiles'!$G$21=$B$10,7,0)+IF('Standard Profiles'!$G$21=$B$17,14,0)+IF('Standard Profiles'!$G$21=$B$24,21,0),0)),0)</f>
        <v>0</v>
      </c>
      <c r="H7131" cm="1">
        <f t="array" ref="H7131">IFERROR(INDEX(Jesper!AL$2:AL$366,ROUNDDOWN($C7131/24,0)+1,1)*INDEX($D$3:$AA$30,INDEX(Jesper!$R$2:$R$366,ROW(INDEX(Jesper!AL$2:AL$366,ROUNDDOWN($C7131/24,0)+1,1))-1)+IF('Standard Profiles'!$G$22=$B$10,7,0)+IF('Standard Profiles'!$G$22=$B$17,14,0)+IF('Standard Profiles'!$G$22=$B$24,21,0),MOD($C7131,24)+1)/SUM(INDEX($D$3:$AA$30,INDEX(Jesper!$R$2:$R$366,ROW(INDEX(Jesper!AL$2:AL$366,ROUNDDOWN($C7131/24,0)+1,1))-1)+IF('Standard Profiles'!$G$22=$B$10,7,0)+IF('Standard Profiles'!$G$22=$B$17,14,0)+IF('Standard Profiles'!$G$22=$B$24,21,0),0)),0)</f>
        <v>0</v>
      </c>
      <c r="I7131">
        <f t="shared" si="790"/>
        <v>0.44298360391681529</v>
      </c>
      <c r="J7131">
        <f t="shared" si="791"/>
        <v>1.4766120130560512</v>
      </c>
      <c r="K7131">
        <f t="shared" si="792"/>
        <v>2.2149180195840765</v>
      </c>
      <c r="L7131">
        <f t="shared" si="793"/>
        <v>10.631606494003567</v>
      </c>
      <c r="M7131">
        <f t="shared" si="794"/>
        <v>0</v>
      </c>
      <c r="N7131" s="46">
        <f t="shared" si="795"/>
        <v>45587.708333316121</v>
      </c>
    </row>
    <row r="7132" spans="2:14" x14ac:dyDescent="0.3">
      <c r="B7132">
        <f t="shared" si="789"/>
        <v>2</v>
      </c>
      <c r="C7132" s="16">
        <v>7098</v>
      </c>
      <c r="D7132" cm="1">
        <f t="array" ref="D7132">IFERROR(INDEX(Jesper!AH$2:AH$366,ROUNDDOWN($C7132/24,0)+1,1)*INDEX($D$3:$AA$30,INDEX(Jesper!$R$2:$R$366,ROW(INDEX(Jesper!AH$2:AH$366,ROUNDDOWN($C7132/24,0)+1,1))-1)+IF('Standard Profiles'!$G$18=$B$10,7,0)+IF('Standard Profiles'!$G$18=$B$17,14,0)+IF('Standard Profiles'!$G$18=$B$24,21,0),MOD($C7132,24)+1)/SUM(INDEX($D$3:$AA$30,INDEX(Jesper!$R$2:$R$366,ROW(INDEX(Jesper!AH$2:AH$366,ROUNDDOWN($C7132/24,0)+1,1))-1)+IF('Standard Profiles'!$G$18=$B$10,7,0)+IF('Standard Profiles'!$G$18=$B$17,14,0)+IF('Standard Profiles'!$G$18=$B$24,21,0),0)),0)</f>
        <v>14.766120130560511</v>
      </c>
      <c r="E7132" cm="1">
        <f t="array" ref="E7132">IFERROR(INDEX(Jesper!AI$2:AI$366,ROUNDDOWN($C7132/24,0)+1,1)*INDEX($D$3:$AA$30,INDEX(Jesper!$R$2:$R$366,ROW(INDEX(Jesper!AI$2:AI$366,ROUNDDOWN($C7132/24,0)+1,1))-1)+IF('Standard Profiles'!$G$19=$B$10,7,0)+IF('Standard Profiles'!$G$19=$B$17,14,0)+IF('Standard Profiles'!$G$19=$B$24,21,0),MOD($C7132,24)+1)/SUM(INDEX($D$3:$AA$30,INDEX(Jesper!$R$2:$R$366,ROW(INDEX(Jesper!AI$2:AI$366,ROUNDDOWN($C7132/24,0)+1,1))-1)+IF('Standard Profiles'!$G$19=$B$10,7,0)+IF('Standard Profiles'!$G$19=$B$17,14,0)+IF('Standard Profiles'!$G$19=$B$24,21,0),0)),0)</f>
        <v>0</v>
      </c>
      <c r="F7132" cm="1">
        <f t="array" ref="F7132">IFERROR(INDEX(Jesper!AJ$2:AJ$366,ROUNDDOWN($C7132/24,0)+1,1)*INDEX($D$3:$AA$30,INDEX(Jesper!$R$2:$R$366,ROW(INDEX(Jesper!AJ$2:AJ$366,ROUNDDOWN($C7132/24,0)+1,1))-1)+IF('Standard Profiles'!$G$20=$B$10,7,0)+IF('Standard Profiles'!$G$20=$B$17,14,0)+IF('Standard Profiles'!$G$20=$B$24,21,0),MOD($C7132,24)+1)/SUM(INDEX($D$3:$AA$30,INDEX(Jesper!$R$2:$R$366,ROW(INDEX(Jesper!AJ$2:AJ$366,ROUNDDOWN($C7132/24,0)+1,1))-1)+IF('Standard Profiles'!$G$20=$B$10,7,0)+IF('Standard Profiles'!$G$20=$B$17,14,0)+IF('Standard Profiles'!$G$20=$B$24,21,0),0)),0)</f>
        <v>0</v>
      </c>
      <c r="G7132" cm="1">
        <f t="array" ref="G7132">IFERROR(INDEX(Jesper!AK$2:AK$366,ROUNDDOWN($C7132/24,0)+1,1)*INDEX($D$3:$AA$30,INDEX(Jesper!$R$2:$R$366,ROW(INDEX(Jesper!AK$2:AK$366,ROUNDDOWN($C7132/24,0)+1,1))-1)+IF('Standard Profiles'!$G$21=$B$10,7,0)+IF('Standard Profiles'!$G$21=$B$17,14,0)+IF('Standard Profiles'!$G$21=$B$24,21,0),MOD($C7132,24)+1)/SUM(INDEX($D$3:$AA$30,INDEX(Jesper!$R$2:$R$366,ROW(INDEX(Jesper!AK$2:AK$366,ROUNDDOWN($C7132/24,0)+1,1))-1)+IF('Standard Profiles'!$G$21=$B$10,7,0)+IF('Standard Profiles'!$G$21=$B$17,14,0)+IF('Standard Profiles'!$G$21=$B$24,21,0),0)),0)</f>
        <v>0</v>
      </c>
      <c r="H7132" cm="1">
        <f t="array" ref="H7132">IFERROR(INDEX(Jesper!AL$2:AL$366,ROUNDDOWN($C7132/24,0)+1,1)*INDEX($D$3:$AA$30,INDEX(Jesper!$R$2:$R$366,ROW(INDEX(Jesper!AL$2:AL$366,ROUNDDOWN($C7132/24,0)+1,1))-1)+IF('Standard Profiles'!$G$22=$B$10,7,0)+IF('Standard Profiles'!$G$22=$B$17,14,0)+IF('Standard Profiles'!$G$22=$B$24,21,0),MOD($C7132,24)+1)/SUM(INDEX($D$3:$AA$30,INDEX(Jesper!$R$2:$R$366,ROW(INDEX(Jesper!AL$2:AL$366,ROUNDDOWN($C7132/24,0)+1,1))-1)+IF('Standard Profiles'!$G$22=$B$10,7,0)+IF('Standard Profiles'!$G$22=$B$17,14,0)+IF('Standard Profiles'!$G$22=$B$24,21,0),0)),0)</f>
        <v>0</v>
      </c>
      <c r="I7132">
        <f t="shared" si="790"/>
        <v>0.44298360391681529</v>
      </c>
      <c r="J7132">
        <f t="shared" si="791"/>
        <v>1.4766120130560512</v>
      </c>
      <c r="K7132">
        <f t="shared" si="792"/>
        <v>2.2149180195840765</v>
      </c>
      <c r="L7132">
        <f t="shared" si="793"/>
        <v>10.631606494003567</v>
      </c>
      <c r="M7132">
        <f t="shared" si="794"/>
        <v>0</v>
      </c>
      <c r="N7132" s="46">
        <f t="shared" si="795"/>
        <v>45587.749999982785</v>
      </c>
    </row>
    <row r="7133" spans="2:14" x14ac:dyDescent="0.3">
      <c r="B7133">
        <f t="shared" si="789"/>
        <v>2</v>
      </c>
      <c r="C7133" s="16">
        <v>7099</v>
      </c>
      <c r="D7133" cm="1">
        <f t="array" ref="D7133">IFERROR(INDEX(Jesper!AH$2:AH$366,ROUNDDOWN($C7133/24,0)+1,1)*INDEX($D$3:$AA$30,INDEX(Jesper!$R$2:$R$366,ROW(INDEX(Jesper!AH$2:AH$366,ROUNDDOWN($C7133/24,0)+1,1))-1)+IF('Standard Profiles'!$G$18=$B$10,7,0)+IF('Standard Profiles'!$G$18=$B$17,14,0)+IF('Standard Profiles'!$G$18=$B$24,21,0),MOD($C7133,24)+1)/SUM(INDEX($D$3:$AA$30,INDEX(Jesper!$R$2:$R$366,ROW(INDEX(Jesper!AH$2:AH$366,ROUNDDOWN($C7133/24,0)+1,1))-1)+IF('Standard Profiles'!$G$18=$B$10,7,0)+IF('Standard Profiles'!$G$18=$B$17,14,0)+IF('Standard Profiles'!$G$18=$B$24,21,0),0)),0)</f>
        <v>12.366625609344428</v>
      </c>
      <c r="E7133" cm="1">
        <f t="array" ref="E7133">IFERROR(INDEX(Jesper!AI$2:AI$366,ROUNDDOWN($C7133/24,0)+1,1)*INDEX($D$3:$AA$30,INDEX(Jesper!$R$2:$R$366,ROW(INDEX(Jesper!AI$2:AI$366,ROUNDDOWN($C7133/24,0)+1,1))-1)+IF('Standard Profiles'!$G$19=$B$10,7,0)+IF('Standard Profiles'!$G$19=$B$17,14,0)+IF('Standard Profiles'!$G$19=$B$24,21,0),MOD($C7133,24)+1)/SUM(INDEX($D$3:$AA$30,INDEX(Jesper!$R$2:$R$366,ROW(INDEX(Jesper!AI$2:AI$366,ROUNDDOWN($C7133/24,0)+1,1))-1)+IF('Standard Profiles'!$G$19=$B$10,7,0)+IF('Standard Profiles'!$G$19=$B$17,14,0)+IF('Standard Profiles'!$G$19=$B$24,21,0),0)),0)</f>
        <v>0</v>
      </c>
      <c r="F7133" cm="1">
        <f t="array" ref="F7133">IFERROR(INDEX(Jesper!AJ$2:AJ$366,ROUNDDOWN($C7133/24,0)+1,1)*INDEX($D$3:$AA$30,INDEX(Jesper!$R$2:$R$366,ROW(INDEX(Jesper!AJ$2:AJ$366,ROUNDDOWN($C7133/24,0)+1,1))-1)+IF('Standard Profiles'!$G$20=$B$10,7,0)+IF('Standard Profiles'!$G$20=$B$17,14,0)+IF('Standard Profiles'!$G$20=$B$24,21,0),MOD($C7133,24)+1)/SUM(INDEX($D$3:$AA$30,INDEX(Jesper!$R$2:$R$366,ROW(INDEX(Jesper!AJ$2:AJ$366,ROUNDDOWN($C7133/24,0)+1,1))-1)+IF('Standard Profiles'!$G$20=$B$10,7,0)+IF('Standard Profiles'!$G$20=$B$17,14,0)+IF('Standard Profiles'!$G$20=$B$24,21,0),0)),0)</f>
        <v>0</v>
      </c>
      <c r="G7133" cm="1">
        <f t="array" ref="G7133">IFERROR(INDEX(Jesper!AK$2:AK$366,ROUNDDOWN($C7133/24,0)+1,1)*INDEX($D$3:$AA$30,INDEX(Jesper!$R$2:$R$366,ROW(INDEX(Jesper!AK$2:AK$366,ROUNDDOWN($C7133/24,0)+1,1))-1)+IF('Standard Profiles'!$G$21=$B$10,7,0)+IF('Standard Profiles'!$G$21=$B$17,14,0)+IF('Standard Profiles'!$G$21=$B$24,21,0),MOD($C7133,24)+1)/SUM(INDEX($D$3:$AA$30,INDEX(Jesper!$R$2:$R$366,ROW(INDEX(Jesper!AK$2:AK$366,ROUNDDOWN($C7133/24,0)+1,1))-1)+IF('Standard Profiles'!$G$21=$B$10,7,0)+IF('Standard Profiles'!$G$21=$B$17,14,0)+IF('Standard Profiles'!$G$21=$B$24,21,0),0)),0)</f>
        <v>0</v>
      </c>
      <c r="H7133" cm="1">
        <f t="array" ref="H7133">IFERROR(INDEX(Jesper!AL$2:AL$366,ROUNDDOWN($C7133/24,0)+1,1)*INDEX($D$3:$AA$30,INDEX(Jesper!$R$2:$R$366,ROW(INDEX(Jesper!AL$2:AL$366,ROUNDDOWN($C7133/24,0)+1,1))-1)+IF('Standard Profiles'!$G$22=$B$10,7,0)+IF('Standard Profiles'!$G$22=$B$17,14,0)+IF('Standard Profiles'!$G$22=$B$24,21,0),MOD($C7133,24)+1)/SUM(INDEX($D$3:$AA$30,INDEX(Jesper!$R$2:$R$366,ROW(INDEX(Jesper!AL$2:AL$366,ROUNDDOWN($C7133/24,0)+1,1))-1)+IF('Standard Profiles'!$G$22=$B$10,7,0)+IF('Standard Profiles'!$G$22=$B$17,14,0)+IF('Standard Profiles'!$G$22=$B$24,21,0),0)),0)</f>
        <v>0</v>
      </c>
      <c r="I7133">
        <f t="shared" si="790"/>
        <v>0.37099876828033285</v>
      </c>
      <c r="J7133">
        <f t="shared" si="791"/>
        <v>1.2366625609344428</v>
      </c>
      <c r="K7133">
        <f t="shared" si="792"/>
        <v>1.8549938414016642</v>
      </c>
      <c r="L7133">
        <f t="shared" si="793"/>
        <v>8.9039704387279883</v>
      </c>
      <c r="M7133">
        <f t="shared" si="794"/>
        <v>0</v>
      </c>
      <c r="N7133" s="46">
        <f t="shared" si="795"/>
        <v>45587.791666649449</v>
      </c>
    </row>
    <row r="7134" spans="2:14" x14ac:dyDescent="0.3">
      <c r="B7134">
        <f t="shared" si="789"/>
        <v>2</v>
      </c>
      <c r="C7134" s="16">
        <v>7100</v>
      </c>
      <c r="D7134" cm="1">
        <f t="array" ref="D7134">IFERROR(INDEX(Jesper!AH$2:AH$366,ROUNDDOWN($C7134/24,0)+1,1)*INDEX($D$3:$AA$30,INDEX(Jesper!$R$2:$R$366,ROW(INDEX(Jesper!AH$2:AH$366,ROUNDDOWN($C7134/24,0)+1,1))-1)+IF('Standard Profiles'!$G$18=$B$10,7,0)+IF('Standard Profiles'!$G$18=$B$17,14,0)+IF('Standard Profiles'!$G$18=$B$24,21,0),MOD($C7134,24)+1)/SUM(INDEX($D$3:$AA$30,INDEX(Jesper!$R$2:$R$366,ROW(INDEX(Jesper!AH$2:AH$366,ROUNDDOWN($C7134/24,0)+1,1))-1)+IF('Standard Profiles'!$G$18=$B$10,7,0)+IF('Standard Profiles'!$G$18=$B$17,14,0)+IF('Standard Profiles'!$G$18=$B$24,21,0),0)),0)</f>
        <v>10.151707589760351</v>
      </c>
      <c r="E7134" cm="1">
        <f t="array" ref="E7134">IFERROR(INDEX(Jesper!AI$2:AI$366,ROUNDDOWN($C7134/24,0)+1,1)*INDEX($D$3:$AA$30,INDEX(Jesper!$R$2:$R$366,ROW(INDEX(Jesper!AI$2:AI$366,ROUNDDOWN($C7134/24,0)+1,1))-1)+IF('Standard Profiles'!$G$19=$B$10,7,0)+IF('Standard Profiles'!$G$19=$B$17,14,0)+IF('Standard Profiles'!$G$19=$B$24,21,0),MOD($C7134,24)+1)/SUM(INDEX($D$3:$AA$30,INDEX(Jesper!$R$2:$R$366,ROW(INDEX(Jesper!AI$2:AI$366,ROUNDDOWN($C7134/24,0)+1,1))-1)+IF('Standard Profiles'!$G$19=$B$10,7,0)+IF('Standard Profiles'!$G$19=$B$17,14,0)+IF('Standard Profiles'!$G$19=$B$24,21,0),0)),0)</f>
        <v>0</v>
      </c>
      <c r="F7134" cm="1">
        <f t="array" ref="F7134">IFERROR(INDEX(Jesper!AJ$2:AJ$366,ROUNDDOWN($C7134/24,0)+1,1)*INDEX($D$3:$AA$30,INDEX(Jesper!$R$2:$R$366,ROW(INDEX(Jesper!AJ$2:AJ$366,ROUNDDOWN($C7134/24,0)+1,1))-1)+IF('Standard Profiles'!$G$20=$B$10,7,0)+IF('Standard Profiles'!$G$20=$B$17,14,0)+IF('Standard Profiles'!$G$20=$B$24,21,0),MOD($C7134,24)+1)/SUM(INDEX($D$3:$AA$30,INDEX(Jesper!$R$2:$R$366,ROW(INDEX(Jesper!AJ$2:AJ$366,ROUNDDOWN($C7134/24,0)+1,1))-1)+IF('Standard Profiles'!$G$20=$B$10,7,0)+IF('Standard Profiles'!$G$20=$B$17,14,0)+IF('Standard Profiles'!$G$20=$B$24,21,0),0)),0)</f>
        <v>0</v>
      </c>
      <c r="G7134" cm="1">
        <f t="array" ref="G7134">IFERROR(INDEX(Jesper!AK$2:AK$366,ROUNDDOWN($C7134/24,0)+1,1)*INDEX($D$3:$AA$30,INDEX(Jesper!$R$2:$R$366,ROW(INDEX(Jesper!AK$2:AK$366,ROUNDDOWN($C7134/24,0)+1,1))-1)+IF('Standard Profiles'!$G$21=$B$10,7,0)+IF('Standard Profiles'!$G$21=$B$17,14,0)+IF('Standard Profiles'!$G$21=$B$24,21,0),MOD($C7134,24)+1)/SUM(INDEX($D$3:$AA$30,INDEX(Jesper!$R$2:$R$366,ROW(INDEX(Jesper!AK$2:AK$366,ROUNDDOWN($C7134/24,0)+1,1))-1)+IF('Standard Profiles'!$G$21=$B$10,7,0)+IF('Standard Profiles'!$G$21=$B$17,14,0)+IF('Standard Profiles'!$G$21=$B$24,21,0),0)),0)</f>
        <v>0</v>
      </c>
      <c r="H7134" cm="1">
        <f t="array" ref="H7134">IFERROR(INDEX(Jesper!AL$2:AL$366,ROUNDDOWN($C7134/24,0)+1,1)*INDEX($D$3:$AA$30,INDEX(Jesper!$R$2:$R$366,ROW(INDEX(Jesper!AL$2:AL$366,ROUNDDOWN($C7134/24,0)+1,1))-1)+IF('Standard Profiles'!$G$22=$B$10,7,0)+IF('Standard Profiles'!$G$22=$B$17,14,0)+IF('Standard Profiles'!$G$22=$B$24,21,0),MOD($C7134,24)+1)/SUM(INDEX($D$3:$AA$30,INDEX(Jesper!$R$2:$R$366,ROW(INDEX(Jesper!AL$2:AL$366,ROUNDDOWN($C7134/24,0)+1,1))-1)+IF('Standard Profiles'!$G$22=$B$10,7,0)+IF('Standard Profiles'!$G$22=$B$17,14,0)+IF('Standard Profiles'!$G$22=$B$24,21,0),0)),0)</f>
        <v>0</v>
      </c>
      <c r="I7134">
        <f t="shared" si="790"/>
        <v>0.30455122769281051</v>
      </c>
      <c r="J7134">
        <f t="shared" si="791"/>
        <v>1.015170758976035</v>
      </c>
      <c r="K7134">
        <f t="shared" si="792"/>
        <v>1.5227561384640527</v>
      </c>
      <c r="L7134">
        <f t="shared" si="793"/>
        <v>7.3092294646274523</v>
      </c>
      <c r="M7134">
        <f t="shared" si="794"/>
        <v>0</v>
      </c>
      <c r="N7134" s="46">
        <f t="shared" si="795"/>
        <v>45587.833333316114</v>
      </c>
    </row>
    <row r="7135" spans="2:14" x14ac:dyDescent="0.3">
      <c r="B7135">
        <f t="shared" si="789"/>
        <v>2</v>
      </c>
      <c r="C7135" s="16">
        <v>7101</v>
      </c>
      <c r="D7135" cm="1">
        <f t="array" ref="D7135">IFERROR(INDEX(Jesper!AH$2:AH$366,ROUNDDOWN($C7135/24,0)+1,1)*INDEX($D$3:$AA$30,INDEX(Jesper!$R$2:$R$366,ROW(INDEX(Jesper!AH$2:AH$366,ROUNDDOWN($C7135/24,0)+1,1))-1)+IF('Standard Profiles'!$G$18=$B$10,7,0)+IF('Standard Profiles'!$G$18=$B$17,14,0)+IF('Standard Profiles'!$G$18=$B$24,21,0),MOD($C7135,24)+1)/SUM(INDEX($D$3:$AA$30,INDEX(Jesper!$R$2:$R$366,ROW(INDEX(Jesper!AH$2:AH$366,ROUNDDOWN($C7135/24,0)+1,1))-1)+IF('Standard Profiles'!$G$18=$B$10,7,0)+IF('Standard Profiles'!$G$18=$B$17,14,0)+IF('Standard Profiles'!$G$18=$B$24,21,0),0)),0)</f>
        <v>7.3830600652802554</v>
      </c>
      <c r="E7135" cm="1">
        <f t="array" ref="E7135">IFERROR(INDEX(Jesper!AI$2:AI$366,ROUNDDOWN($C7135/24,0)+1,1)*INDEX($D$3:$AA$30,INDEX(Jesper!$R$2:$R$366,ROW(INDEX(Jesper!AI$2:AI$366,ROUNDDOWN($C7135/24,0)+1,1))-1)+IF('Standard Profiles'!$G$19=$B$10,7,0)+IF('Standard Profiles'!$G$19=$B$17,14,0)+IF('Standard Profiles'!$G$19=$B$24,21,0),MOD($C7135,24)+1)/SUM(INDEX($D$3:$AA$30,INDEX(Jesper!$R$2:$R$366,ROW(INDEX(Jesper!AI$2:AI$366,ROUNDDOWN($C7135/24,0)+1,1))-1)+IF('Standard Profiles'!$G$19=$B$10,7,0)+IF('Standard Profiles'!$G$19=$B$17,14,0)+IF('Standard Profiles'!$G$19=$B$24,21,0),0)),0)</f>
        <v>0</v>
      </c>
      <c r="F7135" cm="1">
        <f t="array" ref="F7135">IFERROR(INDEX(Jesper!AJ$2:AJ$366,ROUNDDOWN($C7135/24,0)+1,1)*INDEX($D$3:$AA$30,INDEX(Jesper!$R$2:$R$366,ROW(INDEX(Jesper!AJ$2:AJ$366,ROUNDDOWN($C7135/24,0)+1,1))-1)+IF('Standard Profiles'!$G$20=$B$10,7,0)+IF('Standard Profiles'!$G$20=$B$17,14,0)+IF('Standard Profiles'!$G$20=$B$24,21,0),MOD($C7135,24)+1)/SUM(INDEX($D$3:$AA$30,INDEX(Jesper!$R$2:$R$366,ROW(INDEX(Jesper!AJ$2:AJ$366,ROUNDDOWN($C7135/24,0)+1,1))-1)+IF('Standard Profiles'!$G$20=$B$10,7,0)+IF('Standard Profiles'!$G$20=$B$17,14,0)+IF('Standard Profiles'!$G$20=$B$24,21,0),0)),0)</f>
        <v>0</v>
      </c>
      <c r="G7135" cm="1">
        <f t="array" ref="G7135">IFERROR(INDEX(Jesper!AK$2:AK$366,ROUNDDOWN($C7135/24,0)+1,1)*INDEX($D$3:$AA$30,INDEX(Jesper!$R$2:$R$366,ROW(INDEX(Jesper!AK$2:AK$366,ROUNDDOWN($C7135/24,0)+1,1))-1)+IF('Standard Profiles'!$G$21=$B$10,7,0)+IF('Standard Profiles'!$G$21=$B$17,14,0)+IF('Standard Profiles'!$G$21=$B$24,21,0),MOD($C7135,24)+1)/SUM(INDEX($D$3:$AA$30,INDEX(Jesper!$R$2:$R$366,ROW(INDEX(Jesper!AK$2:AK$366,ROUNDDOWN($C7135/24,0)+1,1))-1)+IF('Standard Profiles'!$G$21=$B$10,7,0)+IF('Standard Profiles'!$G$21=$B$17,14,0)+IF('Standard Profiles'!$G$21=$B$24,21,0),0)),0)</f>
        <v>0</v>
      </c>
      <c r="H7135" cm="1">
        <f t="array" ref="H7135">IFERROR(INDEX(Jesper!AL$2:AL$366,ROUNDDOWN($C7135/24,0)+1,1)*INDEX($D$3:$AA$30,INDEX(Jesper!$R$2:$R$366,ROW(INDEX(Jesper!AL$2:AL$366,ROUNDDOWN($C7135/24,0)+1,1))-1)+IF('Standard Profiles'!$G$22=$B$10,7,0)+IF('Standard Profiles'!$G$22=$B$17,14,0)+IF('Standard Profiles'!$G$22=$B$24,21,0),MOD($C7135,24)+1)/SUM(INDEX($D$3:$AA$30,INDEX(Jesper!$R$2:$R$366,ROW(INDEX(Jesper!AL$2:AL$366,ROUNDDOWN($C7135/24,0)+1,1))-1)+IF('Standard Profiles'!$G$22=$B$10,7,0)+IF('Standard Profiles'!$G$22=$B$17,14,0)+IF('Standard Profiles'!$G$22=$B$24,21,0),0)),0)</f>
        <v>0</v>
      </c>
      <c r="I7135">
        <f t="shared" si="790"/>
        <v>0.22149180195840765</v>
      </c>
      <c r="J7135">
        <f t="shared" si="791"/>
        <v>0.73830600652802558</v>
      </c>
      <c r="K7135">
        <f t="shared" si="792"/>
        <v>1.1074590097920383</v>
      </c>
      <c r="L7135">
        <f t="shared" si="793"/>
        <v>5.3158032470017833</v>
      </c>
      <c r="M7135">
        <f t="shared" si="794"/>
        <v>0</v>
      </c>
      <c r="N7135" s="46">
        <f t="shared" si="795"/>
        <v>45587.874999982778</v>
      </c>
    </row>
    <row r="7136" spans="2:14" x14ac:dyDescent="0.3">
      <c r="B7136">
        <f t="shared" si="789"/>
        <v>2</v>
      </c>
      <c r="C7136" s="16">
        <v>7102</v>
      </c>
      <c r="D7136" cm="1">
        <f t="array" ref="D7136">IFERROR(INDEX(Jesper!AH$2:AH$366,ROUNDDOWN($C7136/24,0)+1,1)*INDEX($D$3:$AA$30,INDEX(Jesper!$R$2:$R$366,ROW(INDEX(Jesper!AH$2:AH$366,ROUNDDOWN($C7136/24,0)+1,1))-1)+IF('Standard Profiles'!$G$18=$B$10,7,0)+IF('Standard Profiles'!$G$18=$B$17,14,0)+IF('Standard Profiles'!$G$18=$B$24,21,0),MOD($C7136,24)+1)/SUM(INDEX($D$3:$AA$30,INDEX(Jesper!$R$2:$R$366,ROW(INDEX(Jesper!AH$2:AH$366,ROUNDDOWN($C7136/24,0)+1,1))-1)+IF('Standard Profiles'!$G$18=$B$10,7,0)+IF('Standard Profiles'!$G$18=$B$17,14,0)+IF('Standard Profiles'!$G$18=$B$24,21,0),0)),0)</f>
        <v>7.3830600652802554</v>
      </c>
      <c r="E7136" cm="1">
        <f t="array" ref="E7136">IFERROR(INDEX(Jesper!AI$2:AI$366,ROUNDDOWN($C7136/24,0)+1,1)*INDEX($D$3:$AA$30,INDEX(Jesper!$R$2:$R$366,ROW(INDEX(Jesper!AI$2:AI$366,ROUNDDOWN($C7136/24,0)+1,1))-1)+IF('Standard Profiles'!$G$19=$B$10,7,0)+IF('Standard Profiles'!$G$19=$B$17,14,0)+IF('Standard Profiles'!$G$19=$B$24,21,0),MOD($C7136,24)+1)/SUM(INDEX($D$3:$AA$30,INDEX(Jesper!$R$2:$R$366,ROW(INDEX(Jesper!AI$2:AI$366,ROUNDDOWN($C7136/24,0)+1,1))-1)+IF('Standard Profiles'!$G$19=$B$10,7,0)+IF('Standard Profiles'!$G$19=$B$17,14,0)+IF('Standard Profiles'!$G$19=$B$24,21,0),0)),0)</f>
        <v>0</v>
      </c>
      <c r="F7136" cm="1">
        <f t="array" ref="F7136">IFERROR(INDEX(Jesper!AJ$2:AJ$366,ROUNDDOWN($C7136/24,0)+1,1)*INDEX($D$3:$AA$30,INDEX(Jesper!$R$2:$R$366,ROW(INDEX(Jesper!AJ$2:AJ$366,ROUNDDOWN($C7136/24,0)+1,1))-1)+IF('Standard Profiles'!$G$20=$B$10,7,0)+IF('Standard Profiles'!$G$20=$B$17,14,0)+IF('Standard Profiles'!$G$20=$B$24,21,0),MOD($C7136,24)+1)/SUM(INDEX($D$3:$AA$30,INDEX(Jesper!$R$2:$R$366,ROW(INDEX(Jesper!AJ$2:AJ$366,ROUNDDOWN($C7136/24,0)+1,1))-1)+IF('Standard Profiles'!$G$20=$B$10,7,0)+IF('Standard Profiles'!$G$20=$B$17,14,0)+IF('Standard Profiles'!$G$20=$B$24,21,0),0)),0)</f>
        <v>0</v>
      </c>
      <c r="G7136" cm="1">
        <f t="array" ref="G7136">IFERROR(INDEX(Jesper!AK$2:AK$366,ROUNDDOWN($C7136/24,0)+1,1)*INDEX($D$3:$AA$30,INDEX(Jesper!$R$2:$R$366,ROW(INDEX(Jesper!AK$2:AK$366,ROUNDDOWN($C7136/24,0)+1,1))-1)+IF('Standard Profiles'!$G$21=$B$10,7,0)+IF('Standard Profiles'!$G$21=$B$17,14,0)+IF('Standard Profiles'!$G$21=$B$24,21,0),MOD($C7136,24)+1)/SUM(INDEX($D$3:$AA$30,INDEX(Jesper!$R$2:$R$366,ROW(INDEX(Jesper!AK$2:AK$366,ROUNDDOWN($C7136/24,0)+1,1))-1)+IF('Standard Profiles'!$G$21=$B$10,7,0)+IF('Standard Profiles'!$G$21=$B$17,14,0)+IF('Standard Profiles'!$G$21=$B$24,21,0),0)),0)</f>
        <v>0</v>
      </c>
      <c r="H7136" cm="1">
        <f t="array" ref="H7136">IFERROR(INDEX(Jesper!AL$2:AL$366,ROUNDDOWN($C7136/24,0)+1,1)*INDEX($D$3:$AA$30,INDEX(Jesper!$R$2:$R$366,ROW(INDEX(Jesper!AL$2:AL$366,ROUNDDOWN($C7136/24,0)+1,1))-1)+IF('Standard Profiles'!$G$22=$B$10,7,0)+IF('Standard Profiles'!$G$22=$B$17,14,0)+IF('Standard Profiles'!$G$22=$B$24,21,0),MOD($C7136,24)+1)/SUM(INDEX($D$3:$AA$30,INDEX(Jesper!$R$2:$R$366,ROW(INDEX(Jesper!AL$2:AL$366,ROUNDDOWN($C7136/24,0)+1,1))-1)+IF('Standard Profiles'!$G$22=$B$10,7,0)+IF('Standard Profiles'!$G$22=$B$17,14,0)+IF('Standard Profiles'!$G$22=$B$24,21,0),0)),0)</f>
        <v>0</v>
      </c>
      <c r="I7136">
        <f t="shared" si="790"/>
        <v>0.22149180195840765</v>
      </c>
      <c r="J7136">
        <f t="shared" si="791"/>
        <v>0.73830600652802558</v>
      </c>
      <c r="K7136">
        <f t="shared" si="792"/>
        <v>1.1074590097920383</v>
      </c>
      <c r="L7136">
        <f t="shared" si="793"/>
        <v>5.3158032470017833</v>
      </c>
      <c r="M7136">
        <f t="shared" si="794"/>
        <v>0</v>
      </c>
      <c r="N7136" s="46">
        <f t="shared" si="795"/>
        <v>45587.916666649442</v>
      </c>
    </row>
    <row r="7137" spans="2:14" x14ac:dyDescent="0.3">
      <c r="B7137">
        <f t="shared" si="789"/>
        <v>2</v>
      </c>
      <c r="C7137" s="16">
        <v>7103</v>
      </c>
      <c r="D7137" cm="1">
        <f t="array" ref="D7137">IFERROR(INDEX(Jesper!AH$2:AH$366,ROUNDDOWN($C7137/24,0)+1,1)*INDEX($D$3:$AA$30,INDEX(Jesper!$R$2:$R$366,ROW(INDEX(Jesper!AH$2:AH$366,ROUNDDOWN($C7137/24,0)+1,1))-1)+IF('Standard Profiles'!$G$18=$B$10,7,0)+IF('Standard Profiles'!$G$18=$B$17,14,0)+IF('Standard Profiles'!$G$18=$B$24,21,0),MOD($C7137,24)+1)/SUM(INDEX($D$3:$AA$30,INDEX(Jesper!$R$2:$R$366,ROW(INDEX(Jesper!AH$2:AH$366,ROUNDDOWN($C7137/24,0)+1,1))-1)+IF('Standard Profiles'!$G$18=$B$10,7,0)+IF('Standard Profiles'!$G$18=$B$17,14,0)+IF('Standard Profiles'!$G$18=$B$24,21,0),0)),0)</f>
        <v>7.3830600652802554</v>
      </c>
      <c r="E7137" cm="1">
        <f t="array" ref="E7137">IFERROR(INDEX(Jesper!AI$2:AI$366,ROUNDDOWN($C7137/24,0)+1,1)*INDEX($D$3:$AA$30,INDEX(Jesper!$R$2:$R$366,ROW(INDEX(Jesper!AI$2:AI$366,ROUNDDOWN($C7137/24,0)+1,1))-1)+IF('Standard Profiles'!$G$19=$B$10,7,0)+IF('Standard Profiles'!$G$19=$B$17,14,0)+IF('Standard Profiles'!$G$19=$B$24,21,0),MOD($C7137,24)+1)/SUM(INDEX($D$3:$AA$30,INDEX(Jesper!$R$2:$R$366,ROW(INDEX(Jesper!AI$2:AI$366,ROUNDDOWN($C7137/24,0)+1,1))-1)+IF('Standard Profiles'!$G$19=$B$10,7,0)+IF('Standard Profiles'!$G$19=$B$17,14,0)+IF('Standard Profiles'!$G$19=$B$24,21,0),0)),0)</f>
        <v>0</v>
      </c>
      <c r="F7137" cm="1">
        <f t="array" ref="F7137">IFERROR(INDEX(Jesper!AJ$2:AJ$366,ROUNDDOWN($C7137/24,0)+1,1)*INDEX($D$3:$AA$30,INDEX(Jesper!$R$2:$R$366,ROW(INDEX(Jesper!AJ$2:AJ$366,ROUNDDOWN($C7137/24,0)+1,1))-1)+IF('Standard Profiles'!$G$20=$B$10,7,0)+IF('Standard Profiles'!$G$20=$B$17,14,0)+IF('Standard Profiles'!$G$20=$B$24,21,0),MOD($C7137,24)+1)/SUM(INDEX($D$3:$AA$30,INDEX(Jesper!$R$2:$R$366,ROW(INDEX(Jesper!AJ$2:AJ$366,ROUNDDOWN($C7137/24,0)+1,1))-1)+IF('Standard Profiles'!$G$20=$B$10,7,0)+IF('Standard Profiles'!$G$20=$B$17,14,0)+IF('Standard Profiles'!$G$20=$B$24,21,0),0)),0)</f>
        <v>0</v>
      </c>
      <c r="G7137" cm="1">
        <f t="array" ref="G7137">IFERROR(INDEX(Jesper!AK$2:AK$366,ROUNDDOWN($C7137/24,0)+1,1)*INDEX($D$3:$AA$30,INDEX(Jesper!$R$2:$R$366,ROW(INDEX(Jesper!AK$2:AK$366,ROUNDDOWN($C7137/24,0)+1,1))-1)+IF('Standard Profiles'!$G$21=$B$10,7,0)+IF('Standard Profiles'!$G$21=$B$17,14,0)+IF('Standard Profiles'!$G$21=$B$24,21,0),MOD($C7137,24)+1)/SUM(INDEX($D$3:$AA$30,INDEX(Jesper!$R$2:$R$366,ROW(INDEX(Jesper!AK$2:AK$366,ROUNDDOWN($C7137/24,0)+1,1))-1)+IF('Standard Profiles'!$G$21=$B$10,7,0)+IF('Standard Profiles'!$G$21=$B$17,14,0)+IF('Standard Profiles'!$G$21=$B$24,21,0),0)),0)</f>
        <v>0</v>
      </c>
      <c r="H7137" cm="1">
        <f t="array" ref="H7137">IFERROR(INDEX(Jesper!AL$2:AL$366,ROUNDDOWN($C7137/24,0)+1,1)*INDEX($D$3:$AA$30,INDEX(Jesper!$R$2:$R$366,ROW(INDEX(Jesper!AL$2:AL$366,ROUNDDOWN($C7137/24,0)+1,1))-1)+IF('Standard Profiles'!$G$22=$B$10,7,0)+IF('Standard Profiles'!$G$22=$B$17,14,0)+IF('Standard Profiles'!$G$22=$B$24,21,0),MOD($C7137,24)+1)/SUM(INDEX($D$3:$AA$30,INDEX(Jesper!$R$2:$R$366,ROW(INDEX(Jesper!AL$2:AL$366,ROUNDDOWN($C7137/24,0)+1,1))-1)+IF('Standard Profiles'!$G$22=$B$10,7,0)+IF('Standard Profiles'!$G$22=$B$17,14,0)+IF('Standard Profiles'!$G$22=$B$24,21,0),0)),0)</f>
        <v>0</v>
      </c>
      <c r="I7137">
        <f t="shared" si="790"/>
        <v>0.22149180195840765</v>
      </c>
      <c r="J7137">
        <f t="shared" si="791"/>
        <v>0.73830600652802558</v>
      </c>
      <c r="K7137">
        <f t="shared" si="792"/>
        <v>1.1074590097920383</v>
      </c>
      <c r="L7137">
        <f t="shared" si="793"/>
        <v>5.3158032470017833</v>
      </c>
      <c r="M7137">
        <f t="shared" si="794"/>
        <v>0</v>
      </c>
      <c r="N7137" s="46">
        <f t="shared" si="795"/>
        <v>45587.958333316106</v>
      </c>
    </row>
    <row r="7138" spans="2:14" x14ac:dyDescent="0.3">
      <c r="B7138">
        <f t="shared" si="789"/>
        <v>3</v>
      </c>
      <c r="C7138" s="16">
        <v>7104</v>
      </c>
      <c r="D7138" cm="1">
        <f t="array" ref="D7138">IFERROR(INDEX(Jesper!AH$2:AH$366,ROUNDDOWN($C7138/24,0)+1,1)*INDEX($D$3:$AA$30,INDEX(Jesper!$R$2:$R$366,ROW(INDEX(Jesper!AH$2:AH$366,ROUNDDOWN($C7138/24,0)+1,1))-1)+IF('Standard Profiles'!$G$18=$B$10,7,0)+IF('Standard Profiles'!$G$18=$B$17,14,0)+IF('Standard Profiles'!$G$18=$B$24,21,0),MOD($C7138,24)+1)/SUM(INDEX($D$3:$AA$30,INDEX(Jesper!$R$2:$R$366,ROW(INDEX(Jesper!AH$2:AH$366,ROUNDDOWN($C7138/24,0)+1,1))-1)+IF('Standard Profiles'!$G$18=$B$10,7,0)+IF('Standard Profiles'!$G$18=$B$17,14,0)+IF('Standard Profiles'!$G$18=$B$24,21,0),0)),0)</f>
        <v>6.5987696958533961</v>
      </c>
      <c r="E7138" cm="1">
        <f t="array" ref="E7138">IFERROR(INDEX(Jesper!AI$2:AI$366,ROUNDDOWN($C7138/24,0)+1,1)*INDEX($D$3:$AA$30,INDEX(Jesper!$R$2:$R$366,ROW(INDEX(Jesper!AI$2:AI$366,ROUNDDOWN($C7138/24,0)+1,1))-1)+IF('Standard Profiles'!$G$19=$B$10,7,0)+IF('Standard Profiles'!$G$19=$B$17,14,0)+IF('Standard Profiles'!$G$19=$B$24,21,0),MOD($C7138,24)+1)/SUM(INDEX($D$3:$AA$30,INDEX(Jesper!$R$2:$R$366,ROW(INDEX(Jesper!AI$2:AI$366,ROUNDDOWN($C7138/24,0)+1,1))-1)+IF('Standard Profiles'!$G$19=$B$10,7,0)+IF('Standard Profiles'!$G$19=$B$17,14,0)+IF('Standard Profiles'!$G$19=$B$24,21,0),0)),0)</f>
        <v>0</v>
      </c>
      <c r="F7138" cm="1">
        <f t="array" ref="F7138">IFERROR(INDEX(Jesper!AJ$2:AJ$366,ROUNDDOWN($C7138/24,0)+1,1)*INDEX($D$3:$AA$30,INDEX(Jesper!$R$2:$R$366,ROW(INDEX(Jesper!AJ$2:AJ$366,ROUNDDOWN($C7138/24,0)+1,1))-1)+IF('Standard Profiles'!$G$20=$B$10,7,0)+IF('Standard Profiles'!$G$20=$B$17,14,0)+IF('Standard Profiles'!$G$20=$B$24,21,0),MOD($C7138,24)+1)/SUM(INDEX($D$3:$AA$30,INDEX(Jesper!$R$2:$R$366,ROW(INDEX(Jesper!AJ$2:AJ$366,ROUNDDOWN($C7138/24,0)+1,1))-1)+IF('Standard Profiles'!$G$20=$B$10,7,0)+IF('Standard Profiles'!$G$20=$B$17,14,0)+IF('Standard Profiles'!$G$20=$B$24,21,0),0)),0)</f>
        <v>0</v>
      </c>
      <c r="G7138" cm="1">
        <f t="array" ref="G7138">IFERROR(INDEX(Jesper!AK$2:AK$366,ROUNDDOWN($C7138/24,0)+1,1)*INDEX($D$3:$AA$30,INDEX(Jesper!$R$2:$R$366,ROW(INDEX(Jesper!AK$2:AK$366,ROUNDDOWN($C7138/24,0)+1,1))-1)+IF('Standard Profiles'!$G$21=$B$10,7,0)+IF('Standard Profiles'!$G$21=$B$17,14,0)+IF('Standard Profiles'!$G$21=$B$24,21,0),MOD($C7138,24)+1)/SUM(INDEX($D$3:$AA$30,INDEX(Jesper!$R$2:$R$366,ROW(INDEX(Jesper!AK$2:AK$366,ROUNDDOWN($C7138/24,0)+1,1))-1)+IF('Standard Profiles'!$G$21=$B$10,7,0)+IF('Standard Profiles'!$G$21=$B$17,14,0)+IF('Standard Profiles'!$G$21=$B$24,21,0),0)),0)</f>
        <v>0</v>
      </c>
      <c r="H7138" cm="1">
        <f t="array" ref="H7138">IFERROR(INDEX(Jesper!AL$2:AL$366,ROUNDDOWN($C7138/24,0)+1,1)*INDEX($D$3:$AA$30,INDEX(Jesper!$R$2:$R$366,ROW(INDEX(Jesper!AL$2:AL$366,ROUNDDOWN($C7138/24,0)+1,1))-1)+IF('Standard Profiles'!$G$22=$B$10,7,0)+IF('Standard Profiles'!$G$22=$B$17,14,0)+IF('Standard Profiles'!$G$22=$B$24,21,0),MOD($C7138,24)+1)/SUM(INDEX($D$3:$AA$30,INDEX(Jesper!$R$2:$R$366,ROW(INDEX(Jesper!AL$2:AL$366,ROUNDDOWN($C7138/24,0)+1,1))-1)+IF('Standard Profiles'!$G$22=$B$10,7,0)+IF('Standard Profiles'!$G$22=$B$17,14,0)+IF('Standard Profiles'!$G$22=$B$24,21,0),0)),0)</f>
        <v>0</v>
      </c>
      <c r="I7138">
        <f t="shared" si="790"/>
        <v>0.19796309087560188</v>
      </c>
      <c r="J7138">
        <f t="shared" si="791"/>
        <v>0.6598769695853397</v>
      </c>
      <c r="K7138">
        <f t="shared" si="792"/>
        <v>0.98981545437800933</v>
      </c>
      <c r="L7138">
        <f t="shared" si="793"/>
        <v>4.7511141810144446</v>
      </c>
      <c r="M7138">
        <f t="shared" si="794"/>
        <v>0</v>
      </c>
      <c r="N7138" s="46">
        <f t="shared" si="795"/>
        <v>45587.999999982771</v>
      </c>
    </row>
    <row r="7139" spans="2:14" x14ac:dyDescent="0.3">
      <c r="B7139">
        <f t="shared" ref="B7139:B7202" si="796">WEEKDAY(N7139,2)</f>
        <v>3</v>
      </c>
      <c r="C7139" s="16">
        <v>7105</v>
      </c>
      <c r="D7139" cm="1">
        <f t="array" ref="D7139">IFERROR(INDEX(Jesper!AH$2:AH$366,ROUNDDOWN($C7139/24,0)+1,1)*INDEX($D$3:$AA$30,INDEX(Jesper!$R$2:$R$366,ROW(INDEX(Jesper!AH$2:AH$366,ROUNDDOWN($C7139/24,0)+1,1))-1)+IF('Standard Profiles'!$G$18=$B$10,7,0)+IF('Standard Profiles'!$G$18=$B$17,14,0)+IF('Standard Profiles'!$G$18=$B$24,21,0),MOD($C7139,24)+1)/SUM(INDEX($D$3:$AA$30,INDEX(Jesper!$R$2:$R$366,ROW(INDEX(Jesper!AH$2:AH$366,ROUNDDOWN($C7139/24,0)+1,1))-1)+IF('Standard Profiles'!$G$18=$B$10,7,0)+IF('Standard Profiles'!$G$18=$B$17,14,0)+IF('Standard Profiles'!$G$18=$B$24,21,0),0)),0)</f>
        <v>7.423615907835071</v>
      </c>
      <c r="E7139" cm="1">
        <f t="array" ref="E7139">IFERROR(INDEX(Jesper!AI$2:AI$366,ROUNDDOWN($C7139/24,0)+1,1)*INDEX($D$3:$AA$30,INDEX(Jesper!$R$2:$R$366,ROW(INDEX(Jesper!AI$2:AI$366,ROUNDDOWN($C7139/24,0)+1,1))-1)+IF('Standard Profiles'!$G$19=$B$10,7,0)+IF('Standard Profiles'!$G$19=$B$17,14,0)+IF('Standard Profiles'!$G$19=$B$24,21,0),MOD($C7139,24)+1)/SUM(INDEX($D$3:$AA$30,INDEX(Jesper!$R$2:$R$366,ROW(INDEX(Jesper!AI$2:AI$366,ROUNDDOWN($C7139/24,0)+1,1))-1)+IF('Standard Profiles'!$G$19=$B$10,7,0)+IF('Standard Profiles'!$G$19=$B$17,14,0)+IF('Standard Profiles'!$G$19=$B$24,21,0),0)),0)</f>
        <v>0</v>
      </c>
      <c r="F7139" cm="1">
        <f t="array" ref="F7139">IFERROR(INDEX(Jesper!AJ$2:AJ$366,ROUNDDOWN($C7139/24,0)+1,1)*INDEX($D$3:$AA$30,INDEX(Jesper!$R$2:$R$366,ROW(INDEX(Jesper!AJ$2:AJ$366,ROUNDDOWN($C7139/24,0)+1,1))-1)+IF('Standard Profiles'!$G$20=$B$10,7,0)+IF('Standard Profiles'!$G$20=$B$17,14,0)+IF('Standard Profiles'!$G$20=$B$24,21,0),MOD($C7139,24)+1)/SUM(INDEX($D$3:$AA$30,INDEX(Jesper!$R$2:$R$366,ROW(INDEX(Jesper!AJ$2:AJ$366,ROUNDDOWN($C7139/24,0)+1,1))-1)+IF('Standard Profiles'!$G$20=$B$10,7,0)+IF('Standard Profiles'!$G$20=$B$17,14,0)+IF('Standard Profiles'!$G$20=$B$24,21,0),0)),0)</f>
        <v>0</v>
      </c>
      <c r="G7139" cm="1">
        <f t="array" ref="G7139">IFERROR(INDEX(Jesper!AK$2:AK$366,ROUNDDOWN($C7139/24,0)+1,1)*INDEX($D$3:$AA$30,INDEX(Jesper!$R$2:$R$366,ROW(INDEX(Jesper!AK$2:AK$366,ROUNDDOWN($C7139/24,0)+1,1))-1)+IF('Standard Profiles'!$G$21=$B$10,7,0)+IF('Standard Profiles'!$G$21=$B$17,14,0)+IF('Standard Profiles'!$G$21=$B$24,21,0),MOD($C7139,24)+1)/SUM(INDEX($D$3:$AA$30,INDEX(Jesper!$R$2:$R$366,ROW(INDEX(Jesper!AK$2:AK$366,ROUNDDOWN($C7139/24,0)+1,1))-1)+IF('Standard Profiles'!$G$21=$B$10,7,0)+IF('Standard Profiles'!$G$21=$B$17,14,0)+IF('Standard Profiles'!$G$21=$B$24,21,0),0)),0)</f>
        <v>0</v>
      </c>
      <c r="H7139" cm="1">
        <f t="array" ref="H7139">IFERROR(INDEX(Jesper!AL$2:AL$366,ROUNDDOWN($C7139/24,0)+1,1)*INDEX($D$3:$AA$30,INDEX(Jesper!$R$2:$R$366,ROW(INDEX(Jesper!AL$2:AL$366,ROUNDDOWN($C7139/24,0)+1,1))-1)+IF('Standard Profiles'!$G$22=$B$10,7,0)+IF('Standard Profiles'!$G$22=$B$17,14,0)+IF('Standard Profiles'!$G$22=$B$24,21,0),MOD($C7139,24)+1)/SUM(INDEX($D$3:$AA$30,INDEX(Jesper!$R$2:$R$366,ROW(INDEX(Jesper!AL$2:AL$366,ROUNDDOWN($C7139/24,0)+1,1))-1)+IF('Standard Profiles'!$G$22=$B$10,7,0)+IF('Standard Profiles'!$G$22=$B$17,14,0)+IF('Standard Profiles'!$G$22=$B$24,21,0),0)),0)</f>
        <v>0</v>
      </c>
      <c r="I7139">
        <f t="shared" ref="I7139:I7202" si="797">IF($B7139&lt;6,AC$37*$D7139+AC$38*$E7139+AC$39*$F7139+AC$40*$G7139,AC$46*$D7139+AC$47*$E7139+AC$48*$F7139+AC$49*$G7139+AC$50*$H7139)</f>
        <v>0.22270847723505213</v>
      </c>
      <c r="J7139">
        <f t="shared" ref="J7139:J7202" si="798">IF($B7139&lt;6,AD$37*$D7139+AD$38*$E7139+AD$39*$F7139+AD$40*$G7139,AD$46*$D7139+AD$47*$E7139+AD$48*$F7139+AD$49*$G7139+AD$50*$H7139)</f>
        <v>0.74236159078350716</v>
      </c>
      <c r="K7139">
        <f t="shared" ref="K7139:K7202" si="799">IF($B7139&lt;6,AE$37*$D7139+AE$38*$E7139+AE$39*$F7139+AE$40*$G7139,AE$46*$D7139+AE$47*$E7139+AE$48*$F7139+AE$49*$G7139+AE$50*$H7139)</f>
        <v>1.1135423861752607</v>
      </c>
      <c r="L7139">
        <f t="shared" ref="L7139:L7202" si="800">IF($B7139&lt;6,AF$37*$D7139+AF$38*$E7139+AF$39*$F7139+AF$40*$G7139,AF$46*$D7139+AF$47*$E7139+AF$48*$F7139+AF$49*$G7139+AF$50*$H7139)</f>
        <v>5.345003453641251</v>
      </c>
      <c r="M7139">
        <f t="shared" ref="M7139:M7202" si="801">IF($B7139&lt;6,AG$37*$D7139+AG$38*$E7139+AG$39*$F7139+AG$40*$G7139,AG$46*$D7139+AG$47*$E7139+AG$48*$F7139+AG$49*$G7139+AG$50*$H7139)</f>
        <v>0</v>
      </c>
      <c r="N7139" s="46">
        <f t="shared" si="795"/>
        <v>45588.041666649435</v>
      </c>
    </row>
    <row r="7140" spans="2:14" x14ac:dyDescent="0.3">
      <c r="B7140">
        <f t="shared" si="796"/>
        <v>3</v>
      </c>
      <c r="C7140" s="16">
        <v>7106</v>
      </c>
      <c r="D7140" cm="1">
        <f t="array" ref="D7140">IFERROR(INDEX(Jesper!AH$2:AH$366,ROUNDDOWN($C7140/24,0)+1,1)*INDEX($D$3:$AA$30,INDEX(Jesper!$R$2:$R$366,ROW(INDEX(Jesper!AH$2:AH$366,ROUNDDOWN($C7140/24,0)+1,1))-1)+IF('Standard Profiles'!$G$18=$B$10,7,0)+IF('Standard Profiles'!$G$18=$B$17,14,0)+IF('Standard Profiles'!$G$18=$B$24,21,0),MOD($C7140,24)+1)/SUM(INDEX($D$3:$AA$30,INDEX(Jesper!$R$2:$R$366,ROW(INDEX(Jesper!AH$2:AH$366,ROUNDDOWN($C7140/24,0)+1,1))-1)+IF('Standard Profiles'!$G$18=$B$10,7,0)+IF('Standard Profiles'!$G$18=$B$17,14,0)+IF('Standard Profiles'!$G$18=$B$24,21,0),0)),0)</f>
        <v>7.423615907835071</v>
      </c>
      <c r="E7140" cm="1">
        <f t="array" ref="E7140">IFERROR(INDEX(Jesper!AI$2:AI$366,ROUNDDOWN($C7140/24,0)+1,1)*INDEX($D$3:$AA$30,INDEX(Jesper!$R$2:$R$366,ROW(INDEX(Jesper!AI$2:AI$366,ROUNDDOWN($C7140/24,0)+1,1))-1)+IF('Standard Profiles'!$G$19=$B$10,7,0)+IF('Standard Profiles'!$G$19=$B$17,14,0)+IF('Standard Profiles'!$G$19=$B$24,21,0),MOD($C7140,24)+1)/SUM(INDEX($D$3:$AA$30,INDEX(Jesper!$R$2:$R$366,ROW(INDEX(Jesper!AI$2:AI$366,ROUNDDOWN($C7140/24,0)+1,1))-1)+IF('Standard Profiles'!$G$19=$B$10,7,0)+IF('Standard Profiles'!$G$19=$B$17,14,0)+IF('Standard Profiles'!$G$19=$B$24,21,0),0)),0)</f>
        <v>0</v>
      </c>
      <c r="F7140" cm="1">
        <f t="array" ref="F7140">IFERROR(INDEX(Jesper!AJ$2:AJ$366,ROUNDDOWN($C7140/24,0)+1,1)*INDEX($D$3:$AA$30,INDEX(Jesper!$R$2:$R$366,ROW(INDEX(Jesper!AJ$2:AJ$366,ROUNDDOWN($C7140/24,0)+1,1))-1)+IF('Standard Profiles'!$G$20=$B$10,7,0)+IF('Standard Profiles'!$G$20=$B$17,14,0)+IF('Standard Profiles'!$G$20=$B$24,21,0),MOD($C7140,24)+1)/SUM(INDEX($D$3:$AA$30,INDEX(Jesper!$R$2:$R$366,ROW(INDEX(Jesper!AJ$2:AJ$366,ROUNDDOWN($C7140/24,0)+1,1))-1)+IF('Standard Profiles'!$G$20=$B$10,7,0)+IF('Standard Profiles'!$G$20=$B$17,14,0)+IF('Standard Profiles'!$G$20=$B$24,21,0),0)),0)</f>
        <v>0</v>
      </c>
      <c r="G7140" cm="1">
        <f t="array" ref="G7140">IFERROR(INDEX(Jesper!AK$2:AK$366,ROUNDDOWN($C7140/24,0)+1,1)*INDEX($D$3:$AA$30,INDEX(Jesper!$R$2:$R$366,ROW(INDEX(Jesper!AK$2:AK$366,ROUNDDOWN($C7140/24,0)+1,1))-1)+IF('Standard Profiles'!$G$21=$B$10,7,0)+IF('Standard Profiles'!$G$21=$B$17,14,0)+IF('Standard Profiles'!$G$21=$B$24,21,0),MOD($C7140,24)+1)/SUM(INDEX($D$3:$AA$30,INDEX(Jesper!$R$2:$R$366,ROW(INDEX(Jesper!AK$2:AK$366,ROUNDDOWN($C7140/24,0)+1,1))-1)+IF('Standard Profiles'!$G$21=$B$10,7,0)+IF('Standard Profiles'!$G$21=$B$17,14,0)+IF('Standard Profiles'!$G$21=$B$24,21,0),0)),0)</f>
        <v>0</v>
      </c>
      <c r="H7140" cm="1">
        <f t="array" ref="H7140">IFERROR(INDEX(Jesper!AL$2:AL$366,ROUNDDOWN($C7140/24,0)+1,1)*INDEX($D$3:$AA$30,INDEX(Jesper!$R$2:$R$366,ROW(INDEX(Jesper!AL$2:AL$366,ROUNDDOWN($C7140/24,0)+1,1))-1)+IF('Standard Profiles'!$G$22=$B$10,7,0)+IF('Standard Profiles'!$G$22=$B$17,14,0)+IF('Standard Profiles'!$G$22=$B$24,21,0),MOD($C7140,24)+1)/SUM(INDEX($D$3:$AA$30,INDEX(Jesper!$R$2:$R$366,ROW(INDEX(Jesper!AL$2:AL$366,ROUNDDOWN($C7140/24,0)+1,1))-1)+IF('Standard Profiles'!$G$22=$B$10,7,0)+IF('Standard Profiles'!$G$22=$B$17,14,0)+IF('Standard Profiles'!$G$22=$B$24,21,0),0)),0)</f>
        <v>0</v>
      </c>
      <c r="I7140">
        <f t="shared" si="797"/>
        <v>0.22270847723505213</v>
      </c>
      <c r="J7140">
        <f t="shared" si="798"/>
        <v>0.74236159078350716</v>
      </c>
      <c r="K7140">
        <f t="shared" si="799"/>
        <v>1.1135423861752607</v>
      </c>
      <c r="L7140">
        <f t="shared" si="800"/>
        <v>5.345003453641251</v>
      </c>
      <c r="M7140">
        <f t="shared" si="801"/>
        <v>0</v>
      </c>
      <c r="N7140" s="46">
        <f t="shared" ref="N7140:N7203" si="802">N7139+1/24</f>
        <v>45588.083333316099</v>
      </c>
    </row>
    <row r="7141" spans="2:14" x14ac:dyDescent="0.3">
      <c r="B7141">
        <f t="shared" si="796"/>
        <v>3</v>
      </c>
      <c r="C7141" s="16">
        <v>7107</v>
      </c>
      <c r="D7141" cm="1">
        <f t="array" ref="D7141">IFERROR(INDEX(Jesper!AH$2:AH$366,ROUNDDOWN($C7141/24,0)+1,1)*INDEX($D$3:$AA$30,INDEX(Jesper!$R$2:$R$366,ROW(INDEX(Jesper!AH$2:AH$366,ROUNDDOWN($C7141/24,0)+1,1))-1)+IF('Standard Profiles'!$G$18=$B$10,7,0)+IF('Standard Profiles'!$G$18=$B$17,14,0)+IF('Standard Profiles'!$G$18=$B$24,21,0),MOD($C7141,24)+1)/SUM(INDEX($D$3:$AA$30,INDEX(Jesper!$R$2:$R$366,ROW(INDEX(Jesper!AH$2:AH$366,ROUNDDOWN($C7141/24,0)+1,1))-1)+IF('Standard Profiles'!$G$18=$B$10,7,0)+IF('Standard Profiles'!$G$18=$B$17,14,0)+IF('Standard Profiles'!$G$18=$B$24,21,0),0)),0)</f>
        <v>7.423615907835071</v>
      </c>
      <c r="E7141" cm="1">
        <f t="array" ref="E7141">IFERROR(INDEX(Jesper!AI$2:AI$366,ROUNDDOWN($C7141/24,0)+1,1)*INDEX($D$3:$AA$30,INDEX(Jesper!$R$2:$R$366,ROW(INDEX(Jesper!AI$2:AI$366,ROUNDDOWN($C7141/24,0)+1,1))-1)+IF('Standard Profiles'!$G$19=$B$10,7,0)+IF('Standard Profiles'!$G$19=$B$17,14,0)+IF('Standard Profiles'!$G$19=$B$24,21,0),MOD($C7141,24)+1)/SUM(INDEX($D$3:$AA$30,INDEX(Jesper!$R$2:$R$366,ROW(INDEX(Jesper!AI$2:AI$366,ROUNDDOWN($C7141/24,0)+1,1))-1)+IF('Standard Profiles'!$G$19=$B$10,7,0)+IF('Standard Profiles'!$G$19=$B$17,14,0)+IF('Standard Profiles'!$G$19=$B$24,21,0),0)),0)</f>
        <v>0</v>
      </c>
      <c r="F7141" cm="1">
        <f t="array" ref="F7141">IFERROR(INDEX(Jesper!AJ$2:AJ$366,ROUNDDOWN($C7141/24,0)+1,1)*INDEX($D$3:$AA$30,INDEX(Jesper!$R$2:$R$366,ROW(INDEX(Jesper!AJ$2:AJ$366,ROUNDDOWN($C7141/24,0)+1,1))-1)+IF('Standard Profiles'!$G$20=$B$10,7,0)+IF('Standard Profiles'!$G$20=$B$17,14,0)+IF('Standard Profiles'!$G$20=$B$24,21,0),MOD($C7141,24)+1)/SUM(INDEX($D$3:$AA$30,INDEX(Jesper!$R$2:$R$366,ROW(INDEX(Jesper!AJ$2:AJ$366,ROUNDDOWN($C7141/24,0)+1,1))-1)+IF('Standard Profiles'!$G$20=$B$10,7,0)+IF('Standard Profiles'!$G$20=$B$17,14,0)+IF('Standard Profiles'!$G$20=$B$24,21,0),0)),0)</f>
        <v>0</v>
      </c>
      <c r="G7141" cm="1">
        <f t="array" ref="G7141">IFERROR(INDEX(Jesper!AK$2:AK$366,ROUNDDOWN($C7141/24,0)+1,1)*INDEX($D$3:$AA$30,INDEX(Jesper!$R$2:$R$366,ROW(INDEX(Jesper!AK$2:AK$366,ROUNDDOWN($C7141/24,0)+1,1))-1)+IF('Standard Profiles'!$G$21=$B$10,7,0)+IF('Standard Profiles'!$G$21=$B$17,14,0)+IF('Standard Profiles'!$G$21=$B$24,21,0),MOD($C7141,24)+1)/SUM(INDEX($D$3:$AA$30,INDEX(Jesper!$R$2:$R$366,ROW(INDEX(Jesper!AK$2:AK$366,ROUNDDOWN($C7141/24,0)+1,1))-1)+IF('Standard Profiles'!$G$21=$B$10,7,0)+IF('Standard Profiles'!$G$21=$B$17,14,0)+IF('Standard Profiles'!$G$21=$B$24,21,0),0)),0)</f>
        <v>0</v>
      </c>
      <c r="H7141" cm="1">
        <f t="array" ref="H7141">IFERROR(INDEX(Jesper!AL$2:AL$366,ROUNDDOWN($C7141/24,0)+1,1)*INDEX($D$3:$AA$30,INDEX(Jesper!$R$2:$R$366,ROW(INDEX(Jesper!AL$2:AL$366,ROUNDDOWN($C7141/24,0)+1,1))-1)+IF('Standard Profiles'!$G$22=$B$10,7,0)+IF('Standard Profiles'!$G$22=$B$17,14,0)+IF('Standard Profiles'!$G$22=$B$24,21,0),MOD($C7141,24)+1)/SUM(INDEX($D$3:$AA$30,INDEX(Jesper!$R$2:$R$366,ROW(INDEX(Jesper!AL$2:AL$366,ROUNDDOWN($C7141/24,0)+1,1))-1)+IF('Standard Profiles'!$G$22=$B$10,7,0)+IF('Standard Profiles'!$G$22=$B$17,14,0)+IF('Standard Profiles'!$G$22=$B$24,21,0),0)),0)</f>
        <v>0</v>
      </c>
      <c r="I7141">
        <f t="shared" si="797"/>
        <v>0.22270847723505213</v>
      </c>
      <c r="J7141">
        <f t="shared" si="798"/>
        <v>0.74236159078350716</v>
      </c>
      <c r="K7141">
        <f t="shared" si="799"/>
        <v>1.1135423861752607</v>
      </c>
      <c r="L7141">
        <f t="shared" si="800"/>
        <v>5.345003453641251</v>
      </c>
      <c r="M7141">
        <f t="shared" si="801"/>
        <v>0</v>
      </c>
      <c r="N7141" s="46">
        <f t="shared" si="802"/>
        <v>45588.124999982763</v>
      </c>
    </row>
    <row r="7142" spans="2:14" x14ac:dyDescent="0.3">
      <c r="B7142">
        <f t="shared" si="796"/>
        <v>3</v>
      </c>
      <c r="C7142" s="16">
        <v>7108</v>
      </c>
      <c r="D7142" cm="1">
        <f t="array" ref="D7142">IFERROR(INDEX(Jesper!AH$2:AH$366,ROUNDDOWN($C7142/24,0)+1,1)*INDEX($D$3:$AA$30,INDEX(Jesper!$R$2:$R$366,ROW(INDEX(Jesper!AH$2:AH$366,ROUNDDOWN($C7142/24,0)+1,1))-1)+IF('Standard Profiles'!$G$18=$B$10,7,0)+IF('Standard Profiles'!$G$18=$B$17,14,0)+IF('Standard Profiles'!$G$18=$B$24,21,0),MOD($C7142,24)+1)/SUM(INDEX($D$3:$AA$30,INDEX(Jesper!$R$2:$R$366,ROW(INDEX(Jesper!AH$2:AH$366,ROUNDDOWN($C7142/24,0)+1,1))-1)+IF('Standard Profiles'!$G$18=$B$10,7,0)+IF('Standard Profiles'!$G$18=$B$17,14,0)+IF('Standard Profiles'!$G$18=$B$24,21,0),0)),0)</f>
        <v>7.423615907835071</v>
      </c>
      <c r="E7142" cm="1">
        <f t="array" ref="E7142">IFERROR(INDEX(Jesper!AI$2:AI$366,ROUNDDOWN($C7142/24,0)+1,1)*INDEX($D$3:$AA$30,INDEX(Jesper!$R$2:$R$366,ROW(INDEX(Jesper!AI$2:AI$366,ROUNDDOWN($C7142/24,0)+1,1))-1)+IF('Standard Profiles'!$G$19=$B$10,7,0)+IF('Standard Profiles'!$G$19=$B$17,14,0)+IF('Standard Profiles'!$G$19=$B$24,21,0),MOD($C7142,24)+1)/SUM(INDEX($D$3:$AA$30,INDEX(Jesper!$R$2:$R$366,ROW(INDEX(Jesper!AI$2:AI$366,ROUNDDOWN($C7142/24,0)+1,1))-1)+IF('Standard Profiles'!$G$19=$B$10,7,0)+IF('Standard Profiles'!$G$19=$B$17,14,0)+IF('Standard Profiles'!$G$19=$B$24,21,0),0)),0)</f>
        <v>0</v>
      </c>
      <c r="F7142" cm="1">
        <f t="array" ref="F7142">IFERROR(INDEX(Jesper!AJ$2:AJ$366,ROUNDDOWN($C7142/24,0)+1,1)*INDEX($D$3:$AA$30,INDEX(Jesper!$R$2:$R$366,ROW(INDEX(Jesper!AJ$2:AJ$366,ROUNDDOWN($C7142/24,0)+1,1))-1)+IF('Standard Profiles'!$G$20=$B$10,7,0)+IF('Standard Profiles'!$G$20=$B$17,14,0)+IF('Standard Profiles'!$G$20=$B$24,21,0),MOD($C7142,24)+1)/SUM(INDEX($D$3:$AA$30,INDEX(Jesper!$R$2:$R$366,ROW(INDEX(Jesper!AJ$2:AJ$366,ROUNDDOWN($C7142/24,0)+1,1))-1)+IF('Standard Profiles'!$G$20=$B$10,7,0)+IF('Standard Profiles'!$G$20=$B$17,14,0)+IF('Standard Profiles'!$G$20=$B$24,21,0),0)),0)</f>
        <v>0</v>
      </c>
      <c r="G7142" cm="1">
        <f t="array" ref="G7142">IFERROR(INDEX(Jesper!AK$2:AK$366,ROUNDDOWN($C7142/24,0)+1,1)*INDEX($D$3:$AA$30,INDEX(Jesper!$R$2:$R$366,ROW(INDEX(Jesper!AK$2:AK$366,ROUNDDOWN($C7142/24,0)+1,1))-1)+IF('Standard Profiles'!$G$21=$B$10,7,0)+IF('Standard Profiles'!$G$21=$B$17,14,0)+IF('Standard Profiles'!$G$21=$B$24,21,0),MOD($C7142,24)+1)/SUM(INDEX($D$3:$AA$30,INDEX(Jesper!$R$2:$R$366,ROW(INDEX(Jesper!AK$2:AK$366,ROUNDDOWN($C7142/24,0)+1,1))-1)+IF('Standard Profiles'!$G$21=$B$10,7,0)+IF('Standard Profiles'!$G$21=$B$17,14,0)+IF('Standard Profiles'!$G$21=$B$24,21,0),0)),0)</f>
        <v>0</v>
      </c>
      <c r="H7142" cm="1">
        <f t="array" ref="H7142">IFERROR(INDEX(Jesper!AL$2:AL$366,ROUNDDOWN($C7142/24,0)+1,1)*INDEX($D$3:$AA$30,INDEX(Jesper!$R$2:$R$366,ROW(INDEX(Jesper!AL$2:AL$366,ROUNDDOWN($C7142/24,0)+1,1))-1)+IF('Standard Profiles'!$G$22=$B$10,7,0)+IF('Standard Profiles'!$G$22=$B$17,14,0)+IF('Standard Profiles'!$G$22=$B$24,21,0),MOD($C7142,24)+1)/SUM(INDEX($D$3:$AA$30,INDEX(Jesper!$R$2:$R$366,ROW(INDEX(Jesper!AL$2:AL$366,ROUNDDOWN($C7142/24,0)+1,1))-1)+IF('Standard Profiles'!$G$22=$B$10,7,0)+IF('Standard Profiles'!$G$22=$B$17,14,0)+IF('Standard Profiles'!$G$22=$B$24,21,0),0)),0)</f>
        <v>0</v>
      </c>
      <c r="I7142">
        <f t="shared" si="797"/>
        <v>0.22270847723505213</v>
      </c>
      <c r="J7142">
        <f t="shared" si="798"/>
        <v>0.74236159078350716</v>
      </c>
      <c r="K7142">
        <f t="shared" si="799"/>
        <v>1.1135423861752607</v>
      </c>
      <c r="L7142">
        <f t="shared" si="800"/>
        <v>5.345003453641251</v>
      </c>
      <c r="M7142">
        <f t="shared" si="801"/>
        <v>0</v>
      </c>
      <c r="N7142" s="46">
        <f t="shared" si="802"/>
        <v>45588.166666649427</v>
      </c>
    </row>
    <row r="7143" spans="2:14" x14ac:dyDescent="0.3">
      <c r="B7143">
        <f t="shared" si="796"/>
        <v>3</v>
      </c>
      <c r="C7143" s="16">
        <v>7109</v>
      </c>
      <c r="D7143" cm="1">
        <f t="array" ref="D7143">IFERROR(INDEX(Jesper!AH$2:AH$366,ROUNDDOWN($C7143/24,0)+1,1)*INDEX($D$3:$AA$30,INDEX(Jesper!$R$2:$R$366,ROW(INDEX(Jesper!AH$2:AH$366,ROUNDDOWN($C7143/24,0)+1,1))-1)+IF('Standard Profiles'!$G$18=$B$10,7,0)+IF('Standard Profiles'!$G$18=$B$17,14,0)+IF('Standard Profiles'!$G$18=$B$24,21,0),MOD($C7143,24)+1)/SUM(INDEX($D$3:$AA$30,INDEX(Jesper!$R$2:$R$366,ROW(INDEX(Jesper!AH$2:AH$366,ROUNDDOWN($C7143/24,0)+1,1))-1)+IF('Standard Profiles'!$G$18=$B$10,7,0)+IF('Standard Profiles'!$G$18=$B$17,14,0)+IF('Standard Profiles'!$G$18=$B$24,21,0),0)),0)</f>
        <v>9.5682160589874243</v>
      </c>
      <c r="E7143" cm="1">
        <f t="array" ref="E7143">IFERROR(INDEX(Jesper!AI$2:AI$366,ROUNDDOWN($C7143/24,0)+1,1)*INDEX($D$3:$AA$30,INDEX(Jesper!$R$2:$R$366,ROW(INDEX(Jesper!AI$2:AI$366,ROUNDDOWN($C7143/24,0)+1,1))-1)+IF('Standard Profiles'!$G$19=$B$10,7,0)+IF('Standard Profiles'!$G$19=$B$17,14,0)+IF('Standard Profiles'!$G$19=$B$24,21,0),MOD($C7143,24)+1)/SUM(INDEX($D$3:$AA$30,INDEX(Jesper!$R$2:$R$366,ROW(INDEX(Jesper!AI$2:AI$366,ROUNDDOWN($C7143/24,0)+1,1))-1)+IF('Standard Profiles'!$G$19=$B$10,7,0)+IF('Standard Profiles'!$G$19=$B$17,14,0)+IF('Standard Profiles'!$G$19=$B$24,21,0),0)),0)</f>
        <v>0</v>
      </c>
      <c r="F7143" cm="1">
        <f t="array" ref="F7143">IFERROR(INDEX(Jesper!AJ$2:AJ$366,ROUNDDOWN($C7143/24,0)+1,1)*INDEX($D$3:$AA$30,INDEX(Jesper!$R$2:$R$366,ROW(INDEX(Jesper!AJ$2:AJ$366,ROUNDDOWN($C7143/24,0)+1,1))-1)+IF('Standard Profiles'!$G$20=$B$10,7,0)+IF('Standard Profiles'!$G$20=$B$17,14,0)+IF('Standard Profiles'!$G$20=$B$24,21,0),MOD($C7143,24)+1)/SUM(INDEX($D$3:$AA$30,INDEX(Jesper!$R$2:$R$366,ROW(INDEX(Jesper!AJ$2:AJ$366,ROUNDDOWN($C7143/24,0)+1,1))-1)+IF('Standard Profiles'!$G$20=$B$10,7,0)+IF('Standard Profiles'!$G$20=$B$17,14,0)+IF('Standard Profiles'!$G$20=$B$24,21,0),0)),0)</f>
        <v>0</v>
      </c>
      <c r="G7143" cm="1">
        <f t="array" ref="G7143">IFERROR(INDEX(Jesper!AK$2:AK$366,ROUNDDOWN($C7143/24,0)+1,1)*INDEX($D$3:$AA$30,INDEX(Jesper!$R$2:$R$366,ROW(INDEX(Jesper!AK$2:AK$366,ROUNDDOWN($C7143/24,0)+1,1))-1)+IF('Standard Profiles'!$G$21=$B$10,7,0)+IF('Standard Profiles'!$G$21=$B$17,14,0)+IF('Standard Profiles'!$G$21=$B$24,21,0),MOD($C7143,24)+1)/SUM(INDEX($D$3:$AA$30,INDEX(Jesper!$R$2:$R$366,ROW(INDEX(Jesper!AK$2:AK$366,ROUNDDOWN($C7143/24,0)+1,1))-1)+IF('Standard Profiles'!$G$21=$B$10,7,0)+IF('Standard Profiles'!$G$21=$B$17,14,0)+IF('Standard Profiles'!$G$21=$B$24,21,0),0)),0)</f>
        <v>0</v>
      </c>
      <c r="H7143" cm="1">
        <f t="array" ref="H7143">IFERROR(INDEX(Jesper!AL$2:AL$366,ROUNDDOWN($C7143/24,0)+1,1)*INDEX($D$3:$AA$30,INDEX(Jesper!$R$2:$R$366,ROW(INDEX(Jesper!AL$2:AL$366,ROUNDDOWN($C7143/24,0)+1,1))-1)+IF('Standard Profiles'!$G$22=$B$10,7,0)+IF('Standard Profiles'!$G$22=$B$17,14,0)+IF('Standard Profiles'!$G$22=$B$24,21,0),MOD($C7143,24)+1)/SUM(INDEX($D$3:$AA$30,INDEX(Jesper!$R$2:$R$366,ROW(INDEX(Jesper!AL$2:AL$366,ROUNDDOWN($C7143/24,0)+1,1))-1)+IF('Standard Profiles'!$G$22=$B$10,7,0)+IF('Standard Profiles'!$G$22=$B$17,14,0)+IF('Standard Profiles'!$G$22=$B$24,21,0),0)),0)</f>
        <v>0</v>
      </c>
      <c r="I7143">
        <f t="shared" si="797"/>
        <v>0.28704648176962272</v>
      </c>
      <c r="J7143">
        <f t="shared" si="798"/>
        <v>0.95682160589874243</v>
      </c>
      <c r="K7143">
        <f t="shared" si="799"/>
        <v>1.4352324088481136</v>
      </c>
      <c r="L7143">
        <f t="shared" si="800"/>
        <v>6.8891155624709457</v>
      </c>
      <c r="M7143">
        <f t="shared" si="801"/>
        <v>0</v>
      </c>
      <c r="N7143" s="46">
        <f t="shared" si="802"/>
        <v>45588.208333316092</v>
      </c>
    </row>
    <row r="7144" spans="2:14" x14ac:dyDescent="0.3">
      <c r="B7144">
        <f t="shared" si="796"/>
        <v>3</v>
      </c>
      <c r="C7144" s="16">
        <v>7110</v>
      </c>
      <c r="D7144" cm="1">
        <f t="array" ref="D7144">IFERROR(INDEX(Jesper!AH$2:AH$366,ROUNDDOWN($C7144/24,0)+1,1)*INDEX($D$3:$AA$30,INDEX(Jesper!$R$2:$R$366,ROW(INDEX(Jesper!AH$2:AH$366,ROUNDDOWN($C7144/24,0)+1,1))-1)+IF('Standard Profiles'!$G$18=$B$10,7,0)+IF('Standard Profiles'!$G$18=$B$17,14,0)+IF('Standard Profiles'!$G$18=$B$24,21,0),MOD($C7144,24)+1)/SUM(INDEX($D$3:$AA$30,INDEX(Jesper!$R$2:$R$366,ROW(INDEX(Jesper!AH$2:AH$366,ROUNDDOWN($C7144/24,0)+1,1))-1)+IF('Standard Profiles'!$G$18=$B$10,7,0)+IF('Standard Profiles'!$G$18=$B$17,14,0)+IF('Standard Profiles'!$G$18=$B$24,21,0),0)),0)</f>
        <v>11.052939240554439</v>
      </c>
      <c r="E7144" cm="1">
        <f t="array" ref="E7144">IFERROR(INDEX(Jesper!AI$2:AI$366,ROUNDDOWN($C7144/24,0)+1,1)*INDEX($D$3:$AA$30,INDEX(Jesper!$R$2:$R$366,ROW(INDEX(Jesper!AI$2:AI$366,ROUNDDOWN($C7144/24,0)+1,1))-1)+IF('Standard Profiles'!$G$19=$B$10,7,0)+IF('Standard Profiles'!$G$19=$B$17,14,0)+IF('Standard Profiles'!$G$19=$B$24,21,0),MOD($C7144,24)+1)/SUM(INDEX($D$3:$AA$30,INDEX(Jesper!$R$2:$R$366,ROW(INDEX(Jesper!AI$2:AI$366,ROUNDDOWN($C7144/24,0)+1,1))-1)+IF('Standard Profiles'!$G$19=$B$10,7,0)+IF('Standard Profiles'!$G$19=$B$17,14,0)+IF('Standard Profiles'!$G$19=$B$24,21,0),0)),0)</f>
        <v>0</v>
      </c>
      <c r="F7144" cm="1">
        <f t="array" ref="F7144">IFERROR(INDEX(Jesper!AJ$2:AJ$366,ROUNDDOWN($C7144/24,0)+1,1)*INDEX($D$3:$AA$30,INDEX(Jesper!$R$2:$R$366,ROW(INDEX(Jesper!AJ$2:AJ$366,ROUNDDOWN($C7144/24,0)+1,1))-1)+IF('Standard Profiles'!$G$20=$B$10,7,0)+IF('Standard Profiles'!$G$20=$B$17,14,0)+IF('Standard Profiles'!$G$20=$B$24,21,0),MOD($C7144,24)+1)/SUM(INDEX($D$3:$AA$30,INDEX(Jesper!$R$2:$R$366,ROW(INDEX(Jesper!AJ$2:AJ$366,ROUNDDOWN($C7144/24,0)+1,1))-1)+IF('Standard Profiles'!$G$20=$B$10,7,0)+IF('Standard Profiles'!$G$20=$B$17,14,0)+IF('Standard Profiles'!$G$20=$B$24,21,0),0)),0)</f>
        <v>0</v>
      </c>
      <c r="G7144" cm="1">
        <f t="array" ref="G7144">IFERROR(INDEX(Jesper!AK$2:AK$366,ROUNDDOWN($C7144/24,0)+1,1)*INDEX($D$3:$AA$30,INDEX(Jesper!$R$2:$R$366,ROW(INDEX(Jesper!AK$2:AK$366,ROUNDDOWN($C7144/24,0)+1,1))-1)+IF('Standard Profiles'!$G$21=$B$10,7,0)+IF('Standard Profiles'!$G$21=$B$17,14,0)+IF('Standard Profiles'!$G$21=$B$24,21,0),MOD($C7144,24)+1)/SUM(INDEX($D$3:$AA$30,INDEX(Jesper!$R$2:$R$366,ROW(INDEX(Jesper!AK$2:AK$366,ROUNDDOWN($C7144/24,0)+1,1))-1)+IF('Standard Profiles'!$G$21=$B$10,7,0)+IF('Standard Profiles'!$G$21=$B$17,14,0)+IF('Standard Profiles'!$G$21=$B$24,21,0),0)),0)</f>
        <v>0</v>
      </c>
      <c r="H7144" cm="1">
        <f t="array" ref="H7144">IFERROR(INDEX(Jesper!AL$2:AL$366,ROUNDDOWN($C7144/24,0)+1,1)*INDEX($D$3:$AA$30,INDEX(Jesper!$R$2:$R$366,ROW(INDEX(Jesper!AL$2:AL$366,ROUNDDOWN($C7144/24,0)+1,1))-1)+IF('Standard Profiles'!$G$22=$B$10,7,0)+IF('Standard Profiles'!$G$22=$B$17,14,0)+IF('Standard Profiles'!$G$22=$B$24,21,0),MOD($C7144,24)+1)/SUM(INDEX($D$3:$AA$30,INDEX(Jesper!$R$2:$R$366,ROW(INDEX(Jesper!AL$2:AL$366,ROUNDDOWN($C7144/24,0)+1,1))-1)+IF('Standard Profiles'!$G$22=$B$10,7,0)+IF('Standard Profiles'!$G$22=$B$17,14,0)+IF('Standard Profiles'!$G$22=$B$24,21,0),0)),0)</f>
        <v>0</v>
      </c>
      <c r="I7144">
        <f t="shared" si="797"/>
        <v>0.33158817721663314</v>
      </c>
      <c r="J7144">
        <f t="shared" si="798"/>
        <v>1.105293924055444</v>
      </c>
      <c r="K7144">
        <f t="shared" si="799"/>
        <v>1.6579408860831657</v>
      </c>
      <c r="L7144">
        <f t="shared" si="800"/>
        <v>7.9581162531991954</v>
      </c>
      <c r="M7144">
        <f t="shared" si="801"/>
        <v>0</v>
      </c>
      <c r="N7144" s="46">
        <f t="shared" si="802"/>
        <v>45588.249999982756</v>
      </c>
    </row>
    <row r="7145" spans="2:14" x14ac:dyDescent="0.3">
      <c r="B7145">
        <f t="shared" si="796"/>
        <v>3</v>
      </c>
      <c r="C7145" s="16">
        <v>7111</v>
      </c>
      <c r="D7145" cm="1">
        <f t="array" ref="D7145">IFERROR(INDEX(Jesper!AH$2:AH$366,ROUNDDOWN($C7145/24,0)+1,1)*INDEX($D$3:$AA$30,INDEX(Jesper!$R$2:$R$366,ROW(INDEX(Jesper!AH$2:AH$366,ROUNDDOWN($C7145/24,0)+1,1))-1)+IF('Standard Profiles'!$G$18=$B$10,7,0)+IF('Standard Profiles'!$G$18=$B$17,14,0)+IF('Standard Profiles'!$G$18=$B$24,21,0),MOD($C7145,24)+1)/SUM(INDEX($D$3:$AA$30,INDEX(Jesper!$R$2:$R$366,ROW(INDEX(Jesper!AH$2:AH$366,ROUNDDOWN($C7145/24,0)+1,1))-1)+IF('Standard Profiles'!$G$18=$B$10,7,0)+IF('Standard Profiles'!$G$18=$B$17,14,0)+IF('Standard Profiles'!$G$18=$B$24,21,0),0)),0)</f>
        <v>11.052939240554439</v>
      </c>
      <c r="E7145" cm="1">
        <f t="array" ref="E7145">IFERROR(INDEX(Jesper!AI$2:AI$366,ROUNDDOWN($C7145/24,0)+1,1)*INDEX($D$3:$AA$30,INDEX(Jesper!$R$2:$R$366,ROW(INDEX(Jesper!AI$2:AI$366,ROUNDDOWN($C7145/24,0)+1,1))-1)+IF('Standard Profiles'!$G$19=$B$10,7,0)+IF('Standard Profiles'!$G$19=$B$17,14,0)+IF('Standard Profiles'!$G$19=$B$24,21,0),MOD($C7145,24)+1)/SUM(INDEX($D$3:$AA$30,INDEX(Jesper!$R$2:$R$366,ROW(INDEX(Jesper!AI$2:AI$366,ROUNDDOWN($C7145/24,0)+1,1))-1)+IF('Standard Profiles'!$G$19=$B$10,7,0)+IF('Standard Profiles'!$G$19=$B$17,14,0)+IF('Standard Profiles'!$G$19=$B$24,21,0),0)),0)</f>
        <v>0</v>
      </c>
      <c r="F7145" cm="1">
        <f t="array" ref="F7145">IFERROR(INDEX(Jesper!AJ$2:AJ$366,ROUNDDOWN($C7145/24,0)+1,1)*INDEX($D$3:$AA$30,INDEX(Jesper!$R$2:$R$366,ROW(INDEX(Jesper!AJ$2:AJ$366,ROUNDDOWN($C7145/24,0)+1,1))-1)+IF('Standard Profiles'!$G$20=$B$10,7,0)+IF('Standard Profiles'!$G$20=$B$17,14,0)+IF('Standard Profiles'!$G$20=$B$24,21,0),MOD($C7145,24)+1)/SUM(INDEX($D$3:$AA$30,INDEX(Jesper!$R$2:$R$366,ROW(INDEX(Jesper!AJ$2:AJ$366,ROUNDDOWN($C7145/24,0)+1,1))-1)+IF('Standard Profiles'!$G$20=$B$10,7,0)+IF('Standard Profiles'!$G$20=$B$17,14,0)+IF('Standard Profiles'!$G$20=$B$24,21,0),0)),0)</f>
        <v>0</v>
      </c>
      <c r="G7145" cm="1">
        <f t="array" ref="G7145">IFERROR(INDEX(Jesper!AK$2:AK$366,ROUNDDOWN($C7145/24,0)+1,1)*INDEX($D$3:$AA$30,INDEX(Jesper!$R$2:$R$366,ROW(INDEX(Jesper!AK$2:AK$366,ROUNDDOWN($C7145/24,0)+1,1))-1)+IF('Standard Profiles'!$G$21=$B$10,7,0)+IF('Standard Profiles'!$G$21=$B$17,14,0)+IF('Standard Profiles'!$G$21=$B$24,21,0),MOD($C7145,24)+1)/SUM(INDEX($D$3:$AA$30,INDEX(Jesper!$R$2:$R$366,ROW(INDEX(Jesper!AK$2:AK$366,ROUNDDOWN($C7145/24,0)+1,1))-1)+IF('Standard Profiles'!$G$21=$B$10,7,0)+IF('Standard Profiles'!$G$21=$B$17,14,0)+IF('Standard Profiles'!$G$21=$B$24,21,0),0)),0)</f>
        <v>0</v>
      </c>
      <c r="H7145" cm="1">
        <f t="array" ref="H7145">IFERROR(INDEX(Jesper!AL$2:AL$366,ROUNDDOWN($C7145/24,0)+1,1)*INDEX($D$3:$AA$30,INDEX(Jesper!$R$2:$R$366,ROW(INDEX(Jesper!AL$2:AL$366,ROUNDDOWN($C7145/24,0)+1,1))-1)+IF('Standard Profiles'!$G$22=$B$10,7,0)+IF('Standard Profiles'!$G$22=$B$17,14,0)+IF('Standard Profiles'!$G$22=$B$24,21,0),MOD($C7145,24)+1)/SUM(INDEX($D$3:$AA$30,INDEX(Jesper!$R$2:$R$366,ROW(INDEX(Jesper!AL$2:AL$366,ROUNDDOWN($C7145/24,0)+1,1))-1)+IF('Standard Profiles'!$G$22=$B$10,7,0)+IF('Standard Profiles'!$G$22=$B$17,14,0)+IF('Standard Profiles'!$G$22=$B$24,21,0),0)),0)</f>
        <v>0</v>
      </c>
      <c r="I7145">
        <f t="shared" si="797"/>
        <v>0.33158817721663314</v>
      </c>
      <c r="J7145">
        <f t="shared" si="798"/>
        <v>1.105293924055444</v>
      </c>
      <c r="K7145">
        <f t="shared" si="799"/>
        <v>1.6579408860831657</v>
      </c>
      <c r="L7145">
        <f t="shared" si="800"/>
        <v>7.9581162531991954</v>
      </c>
      <c r="M7145">
        <f t="shared" si="801"/>
        <v>0</v>
      </c>
      <c r="N7145" s="46">
        <f t="shared" si="802"/>
        <v>45588.29166664942</v>
      </c>
    </row>
    <row r="7146" spans="2:14" x14ac:dyDescent="0.3">
      <c r="B7146">
        <f t="shared" si="796"/>
        <v>3</v>
      </c>
      <c r="C7146" s="16">
        <v>7112</v>
      </c>
      <c r="D7146" cm="1">
        <f t="array" ref="D7146">IFERROR(INDEX(Jesper!AH$2:AH$366,ROUNDDOWN($C7146/24,0)+1,1)*INDEX($D$3:$AA$30,INDEX(Jesper!$R$2:$R$366,ROW(INDEX(Jesper!AH$2:AH$366,ROUNDDOWN($C7146/24,0)+1,1))-1)+IF('Standard Profiles'!$G$18=$B$10,7,0)+IF('Standard Profiles'!$G$18=$B$17,14,0)+IF('Standard Profiles'!$G$18=$B$24,21,0),MOD($C7146,24)+1)/SUM(INDEX($D$3:$AA$30,INDEX(Jesper!$R$2:$R$366,ROW(INDEX(Jesper!AH$2:AH$366,ROUNDDOWN($C7146/24,0)+1,1))-1)+IF('Standard Profiles'!$G$18=$B$10,7,0)+IF('Standard Profiles'!$G$18=$B$17,14,0)+IF('Standard Profiles'!$G$18=$B$24,21,0),0)),0)</f>
        <v>11.052939240554439</v>
      </c>
      <c r="E7146" cm="1">
        <f t="array" ref="E7146">IFERROR(INDEX(Jesper!AI$2:AI$366,ROUNDDOWN($C7146/24,0)+1,1)*INDEX($D$3:$AA$30,INDEX(Jesper!$R$2:$R$366,ROW(INDEX(Jesper!AI$2:AI$366,ROUNDDOWN($C7146/24,0)+1,1))-1)+IF('Standard Profiles'!$G$19=$B$10,7,0)+IF('Standard Profiles'!$G$19=$B$17,14,0)+IF('Standard Profiles'!$G$19=$B$24,21,0),MOD($C7146,24)+1)/SUM(INDEX($D$3:$AA$30,INDEX(Jesper!$R$2:$R$366,ROW(INDEX(Jesper!AI$2:AI$366,ROUNDDOWN($C7146/24,0)+1,1))-1)+IF('Standard Profiles'!$G$19=$B$10,7,0)+IF('Standard Profiles'!$G$19=$B$17,14,0)+IF('Standard Profiles'!$G$19=$B$24,21,0),0)),0)</f>
        <v>0</v>
      </c>
      <c r="F7146" cm="1">
        <f t="array" ref="F7146">IFERROR(INDEX(Jesper!AJ$2:AJ$366,ROUNDDOWN($C7146/24,0)+1,1)*INDEX($D$3:$AA$30,INDEX(Jesper!$R$2:$R$366,ROW(INDEX(Jesper!AJ$2:AJ$366,ROUNDDOWN($C7146/24,0)+1,1))-1)+IF('Standard Profiles'!$G$20=$B$10,7,0)+IF('Standard Profiles'!$G$20=$B$17,14,0)+IF('Standard Profiles'!$G$20=$B$24,21,0),MOD($C7146,24)+1)/SUM(INDEX($D$3:$AA$30,INDEX(Jesper!$R$2:$R$366,ROW(INDEX(Jesper!AJ$2:AJ$366,ROUNDDOWN($C7146/24,0)+1,1))-1)+IF('Standard Profiles'!$G$20=$B$10,7,0)+IF('Standard Profiles'!$G$20=$B$17,14,0)+IF('Standard Profiles'!$G$20=$B$24,21,0),0)),0)</f>
        <v>0</v>
      </c>
      <c r="G7146" cm="1">
        <f t="array" ref="G7146">IFERROR(INDEX(Jesper!AK$2:AK$366,ROUNDDOWN($C7146/24,0)+1,1)*INDEX($D$3:$AA$30,INDEX(Jesper!$R$2:$R$366,ROW(INDEX(Jesper!AK$2:AK$366,ROUNDDOWN($C7146/24,0)+1,1))-1)+IF('Standard Profiles'!$G$21=$B$10,7,0)+IF('Standard Profiles'!$G$21=$B$17,14,0)+IF('Standard Profiles'!$G$21=$B$24,21,0),MOD($C7146,24)+1)/SUM(INDEX($D$3:$AA$30,INDEX(Jesper!$R$2:$R$366,ROW(INDEX(Jesper!AK$2:AK$366,ROUNDDOWN($C7146/24,0)+1,1))-1)+IF('Standard Profiles'!$G$21=$B$10,7,0)+IF('Standard Profiles'!$G$21=$B$17,14,0)+IF('Standard Profiles'!$G$21=$B$24,21,0),0)),0)</f>
        <v>0</v>
      </c>
      <c r="H7146" cm="1">
        <f t="array" ref="H7146">IFERROR(INDEX(Jesper!AL$2:AL$366,ROUNDDOWN($C7146/24,0)+1,1)*INDEX($D$3:$AA$30,INDEX(Jesper!$R$2:$R$366,ROW(INDEX(Jesper!AL$2:AL$366,ROUNDDOWN($C7146/24,0)+1,1))-1)+IF('Standard Profiles'!$G$22=$B$10,7,0)+IF('Standard Profiles'!$G$22=$B$17,14,0)+IF('Standard Profiles'!$G$22=$B$24,21,0),MOD($C7146,24)+1)/SUM(INDEX($D$3:$AA$30,INDEX(Jesper!$R$2:$R$366,ROW(INDEX(Jesper!AL$2:AL$366,ROUNDDOWN($C7146/24,0)+1,1))-1)+IF('Standard Profiles'!$G$22=$B$10,7,0)+IF('Standard Profiles'!$G$22=$B$17,14,0)+IF('Standard Profiles'!$G$22=$B$24,21,0),0)),0)</f>
        <v>0</v>
      </c>
      <c r="I7146">
        <f t="shared" si="797"/>
        <v>0.33158817721663314</v>
      </c>
      <c r="J7146">
        <f t="shared" si="798"/>
        <v>1.105293924055444</v>
      </c>
      <c r="K7146">
        <f t="shared" si="799"/>
        <v>1.6579408860831657</v>
      </c>
      <c r="L7146">
        <f t="shared" si="800"/>
        <v>7.9581162531991954</v>
      </c>
      <c r="M7146">
        <f t="shared" si="801"/>
        <v>0</v>
      </c>
      <c r="N7146" s="46">
        <f t="shared" si="802"/>
        <v>45588.333333316084</v>
      </c>
    </row>
    <row r="7147" spans="2:14" x14ac:dyDescent="0.3">
      <c r="B7147">
        <f t="shared" si="796"/>
        <v>3</v>
      </c>
      <c r="C7147" s="16">
        <v>7113</v>
      </c>
      <c r="D7147" cm="1">
        <f t="array" ref="D7147">IFERROR(INDEX(Jesper!AH$2:AH$366,ROUNDDOWN($C7147/24,0)+1,1)*INDEX($D$3:$AA$30,INDEX(Jesper!$R$2:$R$366,ROW(INDEX(Jesper!AH$2:AH$366,ROUNDDOWN($C7147/24,0)+1,1))-1)+IF('Standard Profiles'!$G$18=$B$10,7,0)+IF('Standard Profiles'!$G$18=$B$17,14,0)+IF('Standard Profiles'!$G$18=$B$24,21,0),MOD($C7147,24)+1)/SUM(INDEX($D$3:$AA$30,INDEX(Jesper!$R$2:$R$366,ROW(INDEX(Jesper!AH$2:AH$366,ROUNDDOWN($C7147/24,0)+1,1))-1)+IF('Standard Profiles'!$G$18=$B$10,7,0)+IF('Standard Profiles'!$G$18=$B$17,14,0)+IF('Standard Profiles'!$G$18=$B$24,21,0),0)),0)</f>
        <v>11.877785452536113</v>
      </c>
      <c r="E7147" cm="1">
        <f t="array" ref="E7147">IFERROR(INDEX(Jesper!AI$2:AI$366,ROUNDDOWN($C7147/24,0)+1,1)*INDEX($D$3:$AA$30,INDEX(Jesper!$R$2:$R$366,ROW(INDEX(Jesper!AI$2:AI$366,ROUNDDOWN($C7147/24,0)+1,1))-1)+IF('Standard Profiles'!$G$19=$B$10,7,0)+IF('Standard Profiles'!$G$19=$B$17,14,0)+IF('Standard Profiles'!$G$19=$B$24,21,0),MOD($C7147,24)+1)/SUM(INDEX($D$3:$AA$30,INDEX(Jesper!$R$2:$R$366,ROW(INDEX(Jesper!AI$2:AI$366,ROUNDDOWN($C7147/24,0)+1,1))-1)+IF('Standard Profiles'!$G$19=$B$10,7,0)+IF('Standard Profiles'!$G$19=$B$17,14,0)+IF('Standard Profiles'!$G$19=$B$24,21,0),0)),0)</f>
        <v>0</v>
      </c>
      <c r="F7147" cm="1">
        <f t="array" ref="F7147">IFERROR(INDEX(Jesper!AJ$2:AJ$366,ROUNDDOWN($C7147/24,0)+1,1)*INDEX($D$3:$AA$30,INDEX(Jesper!$R$2:$R$366,ROW(INDEX(Jesper!AJ$2:AJ$366,ROUNDDOWN($C7147/24,0)+1,1))-1)+IF('Standard Profiles'!$G$20=$B$10,7,0)+IF('Standard Profiles'!$G$20=$B$17,14,0)+IF('Standard Profiles'!$G$20=$B$24,21,0),MOD($C7147,24)+1)/SUM(INDEX($D$3:$AA$30,INDEX(Jesper!$R$2:$R$366,ROW(INDEX(Jesper!AJ$2:AJ$366,ROUNDDOWN($C7147/24,0)+1,1))-1)+IF('Standard Profiles'!$G$20=$B$10,7,0)+IF('Standard Profiles'!$G$20=$B$17,14,0)+IF('Standard Profiles'!$G$20=$B$24,21,0),0)),0)</f>
        <v>0</v>
      </c>
      <c r="G7147" cm="1">
        <f t="array" ref="G7147">IFERROR(INDEX(Jesper!AK$2:AK$366,ROUNDDOWN($C7147/24,0)+1,1)*INDEX($D$3:$AA$30,INDEX(Jesper!$R$2:$R$366,ROW(INDEX(Jesper!AK$2:AK$366,ROUNDDOWN($C7147/24,0)+1,1))-1)+IF('Standard Profiles'!$G$21=$B$10,7,0)+IF('Standard Profiles'!$G$21=$B$17,14,0)+IF('Standard Profiles'!$G$21=$B$24,21,0),MOD($C7147,24)+1)/SUM(INDEX($D$3:$AA$30,INDEX(Jesper!$R$2:$R$366,ROW(INDEX(Jesper!AK$2:AK$366,ROUNDDOWN($C7147/24,0)+1,1))-1)+IF('Standard Profiles'!$G$21=$B$10,7,0)+IF('Standard Profiles'!$G$21=$B$17,14,0)+IF('Standard Profiles'!$G$21=$B$24,21,0),0)),0)</f>
        <v>0</v>
      </c>
      <c r="H7147" cm="1">
        <f t="array" ref="H7147">IFERROR(INDEX(Jesper!AL$2:AL$366,ROUNDDOWN($C7147/24,0)+1,1)*INDEX($D$3:$AA$30,INDEX(Jesper!$R$2:$R$366,ROW(INDEX(Jesper!AL$2:AL$366,ROUNDDOWN($C7147/24,0)+1,1))-1)+IF('Standard Profiles'!$G$22=$B$10,7,0)+IF('Standard Profiles'!$G$22=$B$17,14,0)+IF('Standard Profiles'!$G$22=$B$24,21,0),MOD($C7147,24)+1)/SUM(INDEX($D$3:$AA$30,INDEX(Jesper!$R$2:$R$366,ROW(INDEX(Jesper!AL$2:AL$366,ROUNDDOWN($C7147/24,0)+1,1))-1)+IF('Standard Profiles'!$G$22=$B$10,7,0)+IF('Standard Profiles'!$G$22=$B$17,14,0)+IF('Standard Profiles'!$G$22=$B$24,21,0),0)),0)</f>
        <v>0</v>
      </c>
      <c r="I7147">
        <f t="shared" si="797"/>
        <v>0.35633356357608337</v>
      </c>
      <c r="J7147">
        <f t="shared" si="798"/>
        <v>1.1877785452536114</v>
      </c>
      <c r="K7147">
        <f t="shared" si="799"/>
        <v>1.7816678178804168</v>
      </c>
      <c r="L7147">
        <f t="shared" si="800"/>
        <v>8.5520055258260008</v>
      </c>
      <c r="M7147">
        <f t="shared" si="801"/>
        <v>0</v>
      </c>
      <c r="N7147" s="46">
        <f t="shared" si="802"/>
        <v>45588.374999982749</v>
      </c>
    </row>
    <row r="7148" spans="2:14" x14ac:dyDescent="0.3">
      <c r="B7148">
        <f t="shared" si="796"/>
        <v>3</v>
      </c>
      <c r="C7148" s="16">
        <v>7114</v>
      </c>
      <c r="D7148" cm="1">
        <f t="array" ref="D7148">IFERROR(INDEX(Jesper!AH$2:AH$366,ROUNDDOWN($C7148/24,0)+1,1)*INDEX($D$3:$AA$30,INDEX(Jesper!$R$2:$R$366,ROW(INDEX(Jesper!AH$2:AH$366,ROUNDDOWN($C7148/24,0)+1,1))-1)+IF('Standard Profiles'!$G$18=$B$10,7,0)+IF('Standard Profiles'!$G$18=$B$17,14,0)+IF('Standard Profiles'!$G$18=$B$24,21,0),MOD($C7148,24)+1)/SUM(INDEX($D$3:$AA$30,INDEX(Jesper!$R$2:$R$366,ROW(INDEX(Jesper!AH$2:AH$366,ROUNDDOWN($C7148/24,0)+1,1))-1)+IF('Standard Profiles'!$G$18=$B$10,7,0)+IF('Standard Profiles'!$G$18=$B$17,14,0)+IF('Standard Profiles'!$G$18=$B$24,21,0),0)),0)</f>
        <v>12.867600906914124</v>
      </c>
      <c r="E7148" cm="1">
        <f t="array" ref="E7148">IFERROR(INDEX(Jesper!AI$2:AI$366,ROUNDDOWN($C7148/24,0)+1,1)*INDEX($D$3:$AA$30,INDEX(Jesper!$R$2:$R$366,ROW(INDEX(Jesper!AI$2:AI$366,ROUNDDOWN($C7148/24,0)+1,1))-1)+IF('Standard Profiles'!$G$19=$B$10,7,0)+IF('Standard Profiles'!$G$19=$B$17,14,0)+IF('Standard Profiles'!$G$19=$B$24,21,0),MOD($C7148,24)+1)/SUM(INDEX($D$3:$AA$30,INDEX(Jesper!$R$2:$R$366,ROW(INDEX(Jesper!AI$2:AI$366,ROUNDDOWN($C7148/24,0)+1,1))-1)+IF('Standard Profiles'!$G$19=$B$10,7,0)+IF('Standard Profiles'!$G$19=$B$17,14,0)+IF('Standard Profiles'!$G$19=$B$24,21,0),0)),0)</f>
        <v>0</v>
      </c>
      <c r="F7148" cm="1">
        <f t="array" ref="F7148">IFERROR(INDEX(Jesper!AJ$2:AJ$366,ROUNDDOWN($C7148/24,0)+1,1)*INDEX($D$3:$AA$30,INDEX(Jesper!$R$2:$R$366,ROW(INDEX(Jesper!AJ$2:AJ$366,ROUNDDOWN($C7148/24,0)+1,1))-1)+IF('Standard Profiles'!$G$20=$B$10,7,0)+IF('Standard Profiles'!$G$20=$B$17,14,0)+IF('Standard Profiles'!$G$20=$B$24,21,0),MOD($C7148,24)+1)/SUM(INDEX($D$3:$AA$30,INDEX(Jesper!$R$2:$R$366,ROW(INDEX(Jesper!AJ$2:AJ$366,ROUNDDOWN($C7148/24,0)+1,1))-1)+IF('Standard Profiles'!$G$20=$B$10,7,0)+IF('Standard Profiles'!$G$20=$B$17,14,0)+IF('Standard Profiles'!$G$20=$B$24,21,0),0)),0)</f>
        <v>0</v>
      </c>
      <c r="G7148" cm="1">
        <f t="array" ref="G7148">IFERROR(INDEX(Jesper!AK$2:AK$366,ROUNDDOWN($C7148/24,0)+1,1)*INDEX($D$3:$AA$30,INDEX(Jesper!$R$2:$R$366,ROW(INDEX(Jesper!AK$2:AK$366,ROUNDDOWN($C7148/24,0)+1,1))-1)+IF('Standard Profiles'!$G$21=$B$10,7,0)+IF('Standard Profiles'!$G$21=$B$17,14,0)+IF('Standard Profiles'!$G$21=$B$24,21,0),MOD($C7148,24)+1)/SUM(INDEX($D$3:$AA$30,INDEX(Jesper!$R$2:$R$366,ROW(INDEX(Jesper!AK$2:AK$366,ROUNDDOWN($C7148/24,0)+1,1))-1)+IF('Standard Profiles'!$G$21=$B$10,7,0)+IF('Standard Profiles'!$G$21=$B$17,14,0)+IF('Standard Profiles'!$G$21=$B$24,21,0),0)),0)</f>
        <v>0</v>
      </c>
      <c r="H7148" cm="1">
        <f t="array" ref="H7148">IFERROR(INDEX(Jesper!AL$2:AL$366,ROUNDDOWN($C7148/24,0)+1,1)*INDEX($D$3:$AA$30,INDEX(Jesper!$R$2:$R$366,ROW(INDEX(Jesper!AL$2:AL$366,ROUNDDOWN($C7148/24,0)+1,1))-1)+IF('Standard Profiles'!$G$22=$B$10,7,0)+IF('Standard Profiles'!$G$22=$B$17,14,0)+IF('Standard Profiles'!$G$22=$B$24,21,0),MOD($C7148,24)+1)/SUM(INDEX($D$3:$AA$30,INDEX(Jesper!$R$2:$R$366,ROW(INDEX(Jesper!AL$2:AL$366,ROUNDDOWN($C7148/24,0)+1,1))-1)+IF('Standard Profiles'!$G$22=$B$10,7,0)+IF('Standard Profiles'!$G$22=$B$17,14,0)+IF('Standard Profiles'!$G$22=$B$24,21,0),0)),0)</f>
        <v>0</v>
      </c>
      <c r="I7148">
        <f t="shared" si="797"/>
        <v>0.38602802720742369</v>
      </c>
      <c r="J7148">
        <f t="shared" si="798"/>
        <v>1.2867600906914125</v>
      </c>
      <c r="K7148">
        <f t="shared" si="799"/>
        <v>1.9301401360371184</v>
      </c>
      <c r="L7148">
        <f t="shared" si="800"/>
        <v>9.2646726529781684</v>
      </c>
      <c r="M7148">
        <f t="shared" si="801"/>
        <v>0</v>
      </c>
      <c r="N7148" s="46">
        <f t="shared" si="802"/>
        <v>45588.416666649413</v>
      </c>
    </row>
    <row r="7149" spans="2:14" x14ac:dyDescent="0.3">
      <c r="B7149">
        <f t="shared" si="796"/>
        <v>3</v>
      </c>
      <c r="C7149" s="16">
        <v>7115</v>
      </c>
      <c r="D7149" cm="1">
        <f t="array" ref="D7149">IFERROR(INDEX(Jesper!AH$2:AH$366,ROUNDDOWN($C7149/24,0)+1,1)*INDEX($D$3:$AA$30,INDEX(Jesper!$R$2:$R$366,ROW(INDEX(Jesper!AH$2:AH$366,ROUNDDOWN($C7149/24,0)+1,1))-1)+IF('Standard Profiles'!$G$18=$B$10,7,0)+IF('Standard Profiles'!$G$18=$B$17,14,0)+IF('Standard Profiles'!$G$18=$B$24,21,0),MOD($C7149,24)+1)/SUM(INDEX($D$3:$AA$30,INDEX(Jesper!$R$2:$R$366,ROW(INDEX(Jesper!AH$2:AH$366,ROUNDDOWN($C7149/24,0)+1,1))-1)+IF('Standard Profiles'!$G$18=$B$10,7,0)+IF('Standard Profiles'!$G$18=$B$17,14,0)+IF('Standard Profiles'!$G$18=$B$24,21,0),0)),0)</f>
        <v>14.847231815670142</v>
      </c>
      <c r="E7149" cm="1">
        <f t="array" ref="E7149">IFERROR(INDEX(Jesper!AI$2:AI$366,ROUNDDOWN($C7149/24,0)+1,1)*INDEX($D$3:$AA$30,INDEX(Jesper!$R$2:$R$366,ROW(INDEX(Jesper!AI$2:AI$366,ROUNDDOWN($C7149/24,0)+1,1))-1)+IF('Standard Profiles'!$G$19=$B$10,7,0)+IF('Standard Profiles'!$G$19=$B$17,14,0)+IF('Standard Profiles'!$G$19=$B$24,21,0),MOD($C7149,24)+1)/SUM(INDEX($D$3:$AA$30,INDEX(Jesper!$R$2:$R$366,ROW(INDEX(Jesper!AI$2:AI$366,ROUNDDOWN($C7149/24,0)+1,1))-1)+IF('Standard Profiles'!$G$19=$B$10,7,0)+IF('Standard Profiles'!$G$19=$B$17,14,0)+IF('Standard Profiles'!$G$19=$B$24,21,0),0)),0)</f>
        <v>0</v>
      </c>
      <c r="F7149" cm="1">
        <f t="array" ref="F7149">IFERROR(INDEX(Jesper!AJ$2:AJ$366,ROUNDDOWN($C7149/24,0)+1,1)*INDEX($D$3:$AA$30,INDEX(Jesper!$R$2:$R$366,ROW(INDEX(Jesper!AJ$2:AJ$366,ROUNDDOWN($C7149/24,0)+1,1))-1)+IF('Standard Profiles'!$G$20=$B$10,7,0)+IF('Standard Profiles'!$G$20=$B$17,14,0)+IF('Standard Profiles'!$G$20=$B$24,21,0),MOD($C7149,24)+1)/SUM(INDEX($D$3:$AA$30,INDEX(Jesper!$R$2:$R$366,ROW(INDEX(Jesper!AJ$2:AJ$366,ROUNDDOWN($C7149/24,0)+1,1))-1)+IF('Standard Profiles'!$G$20=$B$10,7,0)+IF('Standard Profiles'!$G$20=$B$17,14,0)+IF('Standard Profiles'!$G$20=$B$24,21,0),0)),0)</f>
        <v>0</v>
      </c>
      <c r="G7149" cm="1">
        <f t="array" ref="G7149">IFERROR(INDEX(Jesper!AK$2:AK$366,ROUNDDOWN($C7149/24,0)+1,1)*INDEX($D$3:$AA$30,INDEX(Jesper!$R$2:$R$366,ROW(INDEX(Jesper!AK$2:AK$366,ROUNDDOWN($C7149/24,0)+1,1))-1)+IF('Standard Profiles'!$G$21=$B$10,7,0)+IF('Standard Profiles'!$G$21=$B$17,14,0)+IF('Standard Profiles'!$G$21=$B$24,21,0),MOD($C7149,24)+1)/SUM(INDEX($D$3:$AA$30,INDEX(Jesper!$R$2:$R$366,ROW(INDEX(Jesper!AK$2:AK$366,ROUNDDOWN($C7149/24,0)+1,1))-1)+IF('Standard Profiles'!$G$21=$B$10,7,0)+IF('Standard Profiles'!$G$21=$B$17,14,0)+IF('Standard Profiles'!$G$21=$B$24,21,0),0)),0)</f>
        <v>0</v>
      </c>
      <c r="H7149" cm="1">
        <f t="array" ref="H7149">IFERROR(INDEX(Jesper!AL$2:AL$366,ROUNDDOWN($C7149/24,0)+1,1)*INDEX($D$3:$AA$30,INDEX(Jesper!$R$2:$R$366,ROW(INDEX(Jesper!AL$2:AL$366,ROUNDDOWN($C7149/24,0)+1,1))-1)+IF('Standard Profiles'!$G$22=$B$10,7,0)+IF('Standard Profiles'!$G$22=$B$17,14,0)+IF('Standard Profiles'!$G$22=$B$24,21,0),MOD($C7149,24)+1)/SUM(INDEX($D$3:$AA$30,INDEX(Jesper!$R$2:$R$366,ROW(INDEX(Jesper!AL$2:AL$366,ROUNDDOWN($C7149/24,0)+1,1))-1)+IF('Standard Profiles'!$G$22=$B$10,7,0)+IF('Standard Profiles'!$G$22=$B$17,14,0)+IF('Standard Profiles'!$G$22=$B$24,21,0),0)),0)</f>
        <v>0</v>
      </c>
      <c r="I7149">
        <f t="shared" si="797"/>
        <v>0.44541695447010426</v>
      </c>
      <c r="J7149">
        <f t="shared" si="798"/>
        <v>1.4847231815670143</v>
      </c>
      <c r="K7149">
        <f t="shared" si="799"/>
        <v>2.2270847723505214</v>
      </c>
      <c r="L7149">
        <f t="shared" si="800"/>
        <v>10.690006907282502</v>
      </c>
      <c r="M7149">
        <f t="shared" si="801"/>
        <v>0</v>
      </c>
      <c r="N7149" s="46">
        <f t="shared" si="802"/>
        <v>45588.458333316077</v>
      </c>
    </row>
    <row r="7150" spans="2:14" x14ac:dyDescent="0.3">
      <c r="B7150">
        <f t="shared" si="796"/>
        <v>3</v>
      </c>
      <c r="C7150" s="16">
        <v>7116</v>
      </c>
      <c r="D7150" cm="1">
        <f t="array" ref="D7150">IFERROR(INDEX(Jesper!AH$2:AH$366,ROUNDDOWN($C7150/24,0)+1,1)*INDEX($D$3:$AA$30,INDEX(Jesper!$R$2:$R$366,ROW(INDEX(Jesper!AH$2:AH$366,ROUNDDOWN($C7150/24,0)+1,1))-1)+IF('Standard Profiles'!$G$18=$B$10,7,0)+IF('Standard Profiles'!$G$18=$B$17,14,0)+IF('Standard Profiles'!$G$18=$B$24,21,0),MOD($C7150,24)+1)/SUM(INDEX($D$3:$AA$30,INDEX(Jesper!$R$2:$R$366,ROW(INDEX(Jesper!AH$2:AH$366,ROUNDDOWN($C7150/24,0)+1,1))-1)+IF('Standard Profiles'!$G$18=$B$10,7,0)+IF('Standard Profiles'!$G$18=$B$17,14,0)+IF('Standard Profiles'!$G$18=$B$24,21,0),0)),0)</f>
        <v>14.847231815670142</v>
      </c>
      <c r="E7150" cm="1">
        <f t="array" ref="E7150">IFERROR(INDEX(Jesper!AI$2:AI$366,ROUNDDOWN($C7150/24,0)+1,1)*INDEX($D$3:$AA$30,INDEX(Jesper!$R$2:$R$366,ROW(INDEX(Jesper!AI$2:AI$366,ROUNDDOWN($C7150/24,0)+1,1))-1)+IF('Standard Profiles'!$G$19=$B$10,7,0)+IF('Standard Profiles'!$G$19=$B$17,14,0)+IF('Standard Profiles'!$G$19=$B$24,21,0),MOD($C7150,24)+1)/SUM(INDEX($D$3:$AA$30,INDEX(Jesper!$R$2:$R$366,ROW(INDEX(Jesper!AI$2:AI$366,ROUNDDOWN($C7150/24,0)+1,1))-1)+IF('Standard Profiles'!$G$19=$B$10,7,0)+IF('Standard Profiles'!$G$19=$B$17,14,0)+IF('Standard Profiles'!$G$19=$B$24,21,0),0)),0)</f>
        <v>0</v>
      </c>
      <c r="F7150" cm="1">
        <f t="array" ref="F7150">IFERROR(INDEX(Jesper!AJ$2:AJ$366,ROUNDDOWN($C7150/24,0)+1,1)*INDEX($D$3:$AA$30,INDEX(Jesper!$R$2:$R$366,ROW(INDEX(Jesper!AJ$2:AJ$366,ROUNDDOWN($C7150/24,0)+1,1))-1)+IF('Standard Profiles'!$G$20=$B$10,7,0)+IF('Standard Profiles'!$G$20=$B$17,14,0)+IF('Standard Profiles'!$G$20=$B$24,21,0),MOD($C7150,24)+1)/SUM(INDEX($D$3:$AA$30,INDEX(Jesper!$R$2:$R$366,ROW(INDEX(Jesper!AJ$2:AJ$366,ROUNDDOWN($C7150/24,0)+1,1))-1)+IF('Standard Profiles'!$G$20=$B$10,7,0)+IF('Standard Profiles'!$G$20=$B$17,14,0)+IF('Standard Profiles'!$G$20=$B$24,21,0),0)),0)</f>
        <v>0</v>
      </c>
      <c r="G7150" cm="1">
        <f t="array" ref="G7150">IFERROR(INDEX(Jesper!AK$2:AK$366,ROUNDDOWN($C7150/24,0)+1,1)*INDEX($D$3:$AA$30,INDEX(Jesper!$R$2:$R$366,ROW(INDEX(Jesper!AK$2:AK$366,ROUNDDOWN($C7150/24,0)+1,1))-1)+IF('Standard Profiles'!$G$21=$B$10,7,0)+IF('Standard Profiles'!$G$21=$B$17,14,0)+IF('Standard Profiles'!$G$21=$B$24,21,0),MOD($C7150,24)+1)/SUM(INDEX($D$3:$AA$30,INDEX(Jesper!$R$2:$R$366,ROW(INDEX(Jesper!AK$2:AK$366,ROUNDDOWN($C7150/24,0)+1,1))-1)+IF('Standard Profiles'!$G$21=$B$10,7,0)+IF('Standard Profiles'!$G$21=$B$17,14,0)+IF('Standard Profiles'!$G$21=$B$24,21,0),0)),0)</f>
        <v>0</v>
      </c>
      <c r="H7150" cm="1">
        <f t="array" ref="H7150">IFERROR(INDEX(Jesper!AL$2:AL$366,ROUNDDOWN($C7150/24,0)+1,1)*INDEX($D$3:$AA$30,INDEX(Jesper!$R$2:$R$366,ROW(INDEX(Jesper!AL$2:AL$366,ROUNDDOWN($C7150/24,0)+1,1))-1)+IF('Standard Profiles'!$G$22=$B$10,7,0)+IF('Standard Profiles'!$G$22=$B$17,14,0)+IF('Standard Profiles'!$G$22=$B$24,21,0),MOD($C7150,24)+1)/SUM(INDEX($D$3:$AA$30,INDEX(Jesper!$R$2:$R$366,ROW(INDEX(Jesper!AL$2:AL$366,ROUNDDOWN($C7150/24,0)+1,1))-1)+IF('Standard Profiles'!$G$22=$B$10,7,0)+IF('Standard Profiles'!$G$22=$B$17,14,0)+IF('Standard Profiles'!$G$22=$B$24,21,0),0)),0)</f>
        <v>0</v>
      </c>
      <c r="I7150">
        <f t="shared" si="797"/>
        <v>0.44541695447010426</v>
      </c>
      <c r="J7150">
        <f t="shared" si="798"/>
        <v>1.4847231815670143</v>
      </c>
      <c r="K7150">
        <f t="shared" si="799"/>
        <v>2.2270847723505214</v>
      </c>
      <c r="L7150">
        <f t="shared" si="800"/>
        <v>10.690006907282502</v>
      </c>
      <c r="M7150">
        <f t="shared" si="801"/>
        <v>0</v>
      </c>
      <c r="N7150" s="46">
        <f t="shared" si="802"/>
        <v>45588.499999982741</v>
      </c>
    </row>
    <row r="7151" spans="2:14" x14ac:dyDescent="0.3">
      <c r="B7151">
        <f t="shared" si="796"/>
        <v>3</v>
      </c>
      <c r="C7151" s="16">
        <v>7117</v>
      </c>
      <c r="D7151" cm="1">
        <f t="array" ref="D7151">IFERROR(INDEX(Jesper!AH$2:AH$366,ROUNDDOWN($C7151/24,0)+1,1)*INDEX($D$3:$AA$30,INDEX(Jesper!$R$2:$R$366,ROW(INDEX(Jesper!AH$2:AH$366,ROUNDDOWN($C7151/24,0)+1,1))-1)+IF('Standard Profiles'!$G$18=$B$10,7,0)+IF('Standard Profiles'!$G$18=$B$17,14,0)+IF('Standard Profiles'!$G$18=$B$24,21,0),MOD($C7151,24)+1)/SUM(INDEX($D$3:$AA$30,INDEX(Jesper!$R$2:$R$366,ROW(INDEX(Jesper!AH$2:AH$366,ROUNDDOWN($C7151/24,0)+1,1))-1)+IF('Standard Profiles'!$G$18=$B$10,7,0)+IF('Standard Profiles'!$G$18=$B$17,14,0)+IF('Standard Profiles'!$G$18=$B$24,21,0),0)),0)</f>
        <v>14.847231815670142</v>
      </c>
      <c r="E7151" cm="1">
        <f t="array" ref="E7151">IFERROR(INDEX(Jesper!AI$2:AI$366,ROUNDDOWN($C7151/24,0)+1,1)*INDEX($D$3:$AA$30,INDEX(Jesper!$R$2:$R$366,ROW(INDEX(Jesper!AI$2:AI$366,ROUNDDOWN($C7151/24,0)+1,1))-1)+IF('Standard Profiles'!$G$19=$B$10,7,0)+IF('Standard Profiles'!$G$19=$B$17,14,0)+IF('Standard Profiles'!$G$19=$B$24,21,0),MOD($C7151,24)+1)/SUM(INDEX($D$3:$AA$30,INDEX(Jesper!$R$2:$R$366,ROW(INDEX(Jesper!AI$2:AI$366,ROUNDDOWN($C7151/24,0)+1,1))-1)+IF('Standard Profiles'!$G$19=$B$10,7,0)+IF('Standard Profiles'!$G$19=$B$17,14,0)+IF('Standard Profiles'!$G$19=$B$24,21,0),0)),0)</f>
        <v>0</v>
      </c>
      <c r="F7151" cm="1">
        <f t="array" ref="F7151">IFERROR(INDEX(Jesper!AJ$2:AJ$366,ROUNDDOWN($C7151/24,0)+1,1)*INDEX($D$3:$AA$30,INDEX(Jesper!$R$2:$R$366,ROW(INDEX(Jesper!AJ$2:AJ$366,ROUNDDOWN($C7151/24,0)+1,1))-1)+IF('Standard Profiles'!$G$20=$B$10,7,0)+IF('Standard Profiles'!$G$20=$B$17,14,0)+IF('Standard Profiles'!$G$20=$B$24,21,0),MOD($C7151,24)+1)/SUM(INDEX($D$3:$AA$30,INDEX(Jesper!$R$2:$R$366,ROW(INDEX(Jesper!AJ$2:AJ$366,ROUNDDOWN($C7151/24,0)+1,1))-1)+IF('Standard Profiles'!$G$20=$B$10,7,0)+IF('Standard Profiles'!$G$20=$B$17,14,0)+IF('Standard Profiles'!$G$20=$B$24,21,0),0)),0)</f>
        <v>0</v>
      </c>
      <c r="G7151" cm="1">
        <f t="array" ref="G7151">IFERROR(INDEX(Jesper!AK$2:AK$366,ROUNDDOWN($C7151/24,0)+1,1)*INDEX($D$3:$AA$30,INDEX(Jesper!$R$2:$R$366,ROW(INDEX(Jesper!AK$2:AK$366,ROUNDDOWN($C7151/24,0)+1,1))-1)+IF('Standard Profiles'!$G$21=$B$10,7,0)+IF('Standard Profiles'!$G$21=$B$17,14,0)+IF('Standard Profiles'!$G$21=$B$24,21,0),MOD($C7151,24)+1)/SUM(INDEX($D$3:$AA$30,INDEX(Jesper!$R$2:$R$366,ROW(INDEX(Jesper!AK$2:AK$366,ROUNDDOWN($C7151/24,0)+1,1))-1)+IF('Standard Profiles'!$G$21=$B$10,7,0)+IF('Standard Profiles'!$G$21=$B$17,14,0)+IF('Standard Profiles'!$G$21=$B$24,21,0),0)),0)</f>
        <v>0</v>
      </c>
      <c r="H7151" cm="1">
        <f t="array" ref="H7151">IFERROR(INDEX(Jesper!AL$2:AL$366,ROUNDDOWN($C7151/24,0)+1,1)*INDEX($D$3:$AA$30,INDEX(Jesper!$R$2:$R$366,ROW(INDEX(Jesper!AL$2:AL$366,ROUNDDOWN($C7151/24,0)+1,1))-1)+IF('Standard Profiles'!$G$22=$B$10,7,0)+IF('Standard Profiles'!$G$22=$B$17,14,0)+IF('Standard Profiles'!$G$22=$B$24,21,0),MOD($C7151,24)+1)/SUM(INDEX($D$3:$AA$30,INDEX(Jesper!$R$2:$R$366,ROW(INDEX(Jesper!AL$2:AL$366,ROUNDDOWN($C7151/24,0)+1,1))-1)+IF('Standard Profiles'!$G$22=$B$10,7,0)+IF('Standard Profiles'!$G$22=$B$17,14,0)+IF('Standard Profiles'!$G$22=$B$24,21,0),0)),0)</f>
        <v>0</v>
      </c>
      <c r="I7151">
        <f t="shared" si="797"/>
        <v>0.44541695447010426</v>
      </c>
      <c r="J7151">
        <f t="shared" si="798"/>
        <v>1.4847231815670143</v>
      </c>
      <c r="K7151">
        <f t="shared" si="799"/>
        <v>2.2270847723505214</v>
      </c>
      <c r="L7151">
        <f t="shared" si="800"/>
        <v>10.690006907282502</v>
      </c>
      <c r="M7151">
        <f t="shared" si="801"/>
        <v>0</v>
      </c>
      <c r="N7151" s="46">
        <f t="shared" si="802"/>
        <v>45588.541666649406</v>
      </c>
    </row>
    <row r="7152" spans="2:14" x14ac:dyDescent="0.3">
      <c r="B7152">
        <f t="shared" si="796"/>
        <v>3</v>
      </c>
      <c r="C7152" s="16">
        <v>7118</v>
      </c>
      <c r="D7152" cm="1">
        <f t="array" ref="D7152">IFERROR(INDEX(Jesper!AH$2:AH$366,ROUNDDOWN($C7152/24,0)+1,1)*INDEX($D$3:$AA$30,INDEX(Jesper!$R$2:$R$366,ROW(INDEX(Jesper!AH$2:AH$366,ROUNDDOWN($C7152/24,0)+1,1))-1)+IF('Standard Profiles'!$G$18=$B$10,7,0)+IF('Standard Profiles'!$G$18=$B$17,14,0)+IF('Standard Profiles'!$G$18=$B$24,21,0),MOD($C7152,24)+1)/SUM(INDEX($D$3:$AA$30,INDEX(Jesper!$R$2:$R$366,ROW(INDEX(Jesper!AH$2:AH$366,ROUNDDOWN($C7152/24,0)+1,1))-1)+IF('Standard Profiles'!$G$18=$B$10,7,0)+IF('Standard Profiles'!$G$18=$B$17,14,0)+IF('Standard Profiles'!$G$18=$B$24,21,0),0)),0)</f>
        <v>14.847231815670142</v>
      </c>
      <c r="E7152" cm="1">
        <f t="array" ref="E7152">IFERROR(INDEX(Jesper!AI$2:AI$366,ROUNDDOWN($C7152/24,0)+1,1)*INDEX($D$3:$AA$30,INDEX(Jesper!$R$2:$R$366,ROW(INDEX(Jesper!AI$2:AI$366,ROUNDDOWN($C7152/24,0)+1,1))-1)+IF('Standard Profiles'!$G$19=$B$10,7,0)+IF('Standard Profiles'!$G$19=$B$17,14,0)+IF('Standard Profiles'!$G$19=$B$24,21,0),MOD($C7152,24)+1)/SUM(INDEX($D$3:$AA$30,INDEX(Jesper!$R$2:$R$366,ROW(INDEX(Jesper!AI$2:AI$366,ROUNDDOWN($C7152/24,0)+1,1))-1)+IF('Standard Profiles'!$G$19=$B$10,7,0)+IF('Standard Profiles'!$G$19=$B$17,14,0)+IF('Standard Profiles'!$G$19=$B$24,21,0),0)),0)</f>
        <v>0</v>
      </c>
      <c r="F7152" cm="1">
        <f t="array" ref="F7152">IFERROR(INDEX(Jesper!AJ$2:AJ$366,ROUNDDOWN($C7152/24,0)+1,1)*INDEX($D$3:$AA$30,INDEX(Jesper!$R$2:$R$366,ROW(INDEX(Jesper!AJ$2:AJ$366,ROUNDDOWN($C7152/24,0)+1,1))-1)+IF('Standard Profiles'!$G$20=$B$10,7,0)+IF('Standard Profiles'!$G$20=$B$17,14,0)+IF('Standard Profiles'!$G$20=$B$24,21,0),MOD($C7152,24)+1)/SUM(INDEX($D$3:$AA$30,INDEX(Jesper!$R$2:$R$366,ROW(INDEX(Jesper!AJ$2:AJ$366,ROUNDDOWN($C7152/24,0)+1,1))-1)+IF('Standard Profiles'!$G$20=$B$10,7,0)+IF('Standard Profiles'!$G$20=$B$17,14,0)+IF('Standard Profiles'!$G$20=$B$24,21,0),0)),0)</f>
        <v>0</v>
      </c>
      <c r="G7152" cm="1">
        <f t="array" ref="G7152">IFERROR(INDEX(Jesper!AK$2:AK$366,ROUNDDOWN($C7152/24,0)+1,1)*INDEX($D$3:$AA$30,INDEX(Jesper!$R$2:$R$366,ROW(INDEX(Jesper!AK$2:AK$366,ROUNDDOWN($C7152/24,0)+1,1))-1)+IF('Standard Profiles'!$G$21=$B$10,7,0)+IF('Standard Profiles'!$G$21=$B$17,14,0)+IF('Standard Profiles'!$G$21=$B$24,21,0),MOD($C7152,24)+1)/SUM(INDEX($D$3:$AA$30,INDEX(Jesper!$R$2:$R$366,ROW(INDEX(Jesper!AK$2:AK$366,ROUNDDOWN($C7152/24,0)+1,1))-1)+IF('Standard Profiles'!$G$21=$B$10,7,0)+IF('Standard Profiles'!$G$21=$B$17,14,0)+IF('Standard Profiles'!$G$21=$B$24,21,0),0)),0)</f>
        <v>0</v>
      </c>
      <c r="H7152" cm="1">
        <f t="array" ref="H7152">IFERROR(INDEX(Jesper!AL$2:AL$366,ROUNDDOWN($C7152/24,0)+1,1)*INDEX($D$3:$AA$30,INDEX(Jesper!$R$2:$R$366,ROW(INDEX(Jesper!AL$2:AL$366,ROUNDDOWN($C7152/24,0)+1,1))-1)+IF('Standard Profiles'!$G$22=$B$10,7,0)+IF('Standard Profiles'!$G$22=$B$17,14,0)+IF('Standard Profiles'!$G$22=$B$24,21,0),MOD($C7152,24)+1)/SUM(INDEX($D$3:$AA$30,INDEX(Jesper!$R$2:$R$366,ROW(INDEX(Jesper!AL$2:AL$366,ROUNDDOWN($C7152/24,0)+1,1))-1)+IF('Standard Profiles'!$G$22=$B$10,7,0)+IF('Standard Profiles'!$G$22=$B$17,14,0)+IF('Standard Profiles'!$G$22=$B$24,21,0),0)),0)</f>
        <v>0</v>
      </c>
      <c r="I7152">
        <f t="shared" si="797"/>
        <v>0.44541695447010426</v>
      </c>
      <c r="J7152">
        <f t="shared" si="798"/>
        <v>1.4847231815670143</v>
      </c>
      <c r="K7152">
        <f t="shared" si="799"/>
        <v>2.2270847723505214</v>
      </c>
      <c r="L7152">
        <f t="shared" si="800"/>
        <v>10.690006907282502</v>
      </c>
      <c r="M7152">
        <f t="shared" si="801"/>
        <v>0</v>
      </c>
      <c r="N7152" s="46">
        <f t="shared" si="802"/>
        <v>45588.58333331607</v>
      </c>
    </row>
    <row r="7153" spans="2:14" x14ac:dyDescent="0.3">
      <c r="B7153">
        <f t="shared" si="796"/>
        <v>3</v>
      </c>
      <c r="C7153" s="16">
        <v>7119</v>
      </c>
      <c r="D7153" cm="1">
        <f t="array" ref="D7153">IFERROR(INDEX(Jesper!AH$2:AH$366,ROUNDDOWN($C7153/24,0)+1,1)*INDEX($D$3:$AA$30,INDEX(Jesper!$R$2:$R$366,ROW(INDEX(Jesper!AH$2:AH$366,ROUNDDOWN($C7153/24,0)+1,1))-1)+IF('Standard Profiles'!$G$18=$B$10,7,0)+IF('Standard Profiles'!$G$18=$B$17,14,0)+IF('Standard Profiles'!$G$18=$B$24,21,0),MOD($C7153,24)+1)/SUM(INDEX($D$3:$AA$30,INDEX(Jesper!$R$2:$R$366,ROW(INDEX(Jesper!AH$2:AH$366,ROUNDDOWN($C7153/24,0)+1,1))-1)+IF('Standard Profiles'!$G$18=$B$10,7,0)+IF('Standard Profiles'!$G$18=$B$17,14,0)+IF('Standard Profiles'!$G$18=$B$24,21,0),0)),0)</f>
        <v>14.847231815670142</v>
      </c>
      <c r="E7153" cm="1">
        <f t="array" ref="E7153">IFERROR(INDEX(Jesper!AI$2:AI$366,ROUNDDOWN($C7153/24,0)+1,1)*INDEX($D$3:$AA$30,INDEX(Jesper!$R$2:$R$366,ROW(INDEX(Jesper!AI$2:AI$366,ROUNDDOWN($C7153/24,0)+1,1))-1)+IF('Standard Profiles'!$G$19=$B$10,7,0)+IF('Standard Profiles'!$G$19=$B$17,14,0)+IF('Standard Profiles'!$G$19=$B$24,21,0),MOD($C7153,24)+1)/SUM(INDEX($D$3:$AA$30,INDEX(Jesper!$R$2:$R$366,ROW(INDEX(Jesper!AI$2:AI$366,ROUNDDOWN($C7153/24,0)+1,1))-1)+IF('Standard Profiles'!$G$19=$B$10,7,0)+IF('Standard Profiles'!$G$19=$B$17,14,0)+IF('Standard Profiles'!$G$19=$B$24,21,0),0)),0)</f>
        <v>0</v>
      </c>
      <c r="F7153" cm="1">
        <f t="array" ref="F7153">IFERROR(INDEX(Jesper!AJ$2:AJ$366,ROUNDDOWN($C7153/24,0)+1,1)*INDEX($D$3:$AA$30,INDEX(Jesper!$R$2:$R$366,ROW(INDEX(Jesper!AJ$2:AJ$366,ROUNDDOWN($C7153/24,0)+1,1))-1)+IF('Standard Profiles'!$G$20=$B$10,7,0)+IF('Standard Profiles'!$G$20=$B$17,14,0)+IF('Standard Profiles'!$G$20=$B$24,21,0),MOD($C7153,24)+1)/SUM(INDEX($D$3:$AA$30,INDEX(Jesper!$R$2:$R$366,ROW(INDEX(Jesper!AJ$2:AJ$366,ROUNDDOWN($C7153/24,0)+1,1))-1)+IF('Standard Profiles'!$G$20=$B$10,7,0)+IF('Standard Profiles'!$G$20=$B$17,14,0)+IF('Standard Profiles'!$G$20=$B$24,21,0),0)),0)</f>
        <v>0</v>
      </c>
      <c r="G7153" cm="1">
        <f t="array" ref="G7153">IFERROR(INDEX(Jesper!AK$2:AK$366,ROUNDDOWN($C7153/24,0)+1,1)*INDEX($D$3:$AA$30,INDEX(Jesper!$R$2:$R$366,ROW(INDEX(Jesper!AK$2:AK$366,ROUNDDOWN($C7153/24,0)+1,1))-1)+IF('Standard Profiles'!$G$21=$B$10,7,0)+IF('Standard Profiles'!$G$21=$B$17,14,0)+IF('Standard Profiles'!$G$21=$B$24,21,0),MOD($C7153,24)+1)/SUM(INDEX($D$3:$AA$30,INDEX(Jesper!$R$2:$R$366,ROW(INDEX(Jesper!AK$2:AK$366,ROUNDDOWN($C7153/24,0)+1,1))-1)+IF('Standard Profiles'!$G$21=$B$10,7,0)+IF('Standard Profiles'!$G$21=$B$17,14,0)+IF('Standard Profiles'!$G$21=$B$24,21,0),0)),0)</f>
        <v>0</v>
      </c>
      <c r="H7153" cm="1">
        <f t="array" ref="H7153">IFERROR(INDEX(Jesper!AL$2:AL$366,ROUNDDOWN($C7153/24,0)+1,1)*INDEX($D$3:$AA$30,INDEX(Jesper!$R$2:$R$366,ROW(INDEX(Jesper!AL$2:AL$366,ROUNDDOWN($C7153/24,0)+1,1))-1)+IF('Standard Profiles'!$G$22=$B$10,7,0)+IF('Standard Profiles'!$G$22=$B$17,14,0)+IF('Standard Profiles'!$G$22=$B$24,21,0),MOD($C7153,24)+1)/SUM(INDEX($D$3:$AA$30,INDEX(Jesper!$R$2:$R$366,ROW(INDEX(Jesper!AL$2:AL$366,ROUNDDOWN($C7153/24,0)+1,1))-1)+IF('Standard Profiles'!$G$22=$B$10,7,0)+IF('Standard Profiles'!$G$22=$B$17,14,0)+IF('Standard Profiles'!$G$22=$B$24,21,0),0)),0)</f>
        <v>0</v>
      </c>
      <c r="I7153">
        <f t="shared" si="797"/>
        <v>0.44541695447010426</v>
      </c>
      <c r="J7153">
        <f t="shared" si="798"/>
        <v>1.4847231815670143</v>
      </c>
      <c r="K7153">
        <f t="shared" si="799"/>
        <v>2.2270847723505214</v>
      </c>
      <c r="L7153">
        <f t="shared" si="800"/>
        <v>10.690006907282502</v>
      </c>
      <c r="M7153">
        <f t="shared" si="801"/>
        <v>0</v>
      </c>
      <c r="N7153" s="46">
        <f t="shared" si="802"/>
        <v>45588.624999982734</v>
      </c>
    </row>
    <row r="7154" spans="2:14" x14ac:dyDescent="0.3">
      <c r="B7154">
        <f t="shared" si="796"/>
        <v>3</v>
      </c>
      <c r="C7154" s="16">
        <v>7120</v>
      </c>
      <c r="D7154" cm="1">
        <f t="array" ref="D7154">IFERROR(INDEX(Jesper!AH$2:AH$366,ROUNDDOWN($C7154/24,0)+1,1)*INDEX($D$3:$AA$30,INDEX(Jesper!$R$2:$R$366,ROW(INDEX(Jesper!AH$2:AH$366,ROUNDDOWN($C7154/24,0)+1,1))-1)+IF('Standard Profiles'!$G$18=$B$10,7,0)+IF('Standard Profiles'!$G$18=$B$17,14,0)+IF('Standard Profiles'!$G$18=$B$24,21,0),MOD($C7154,24)+1)/SUM(INDEX($D$3:$AA$30,INDEX(Jesper!$R$2:$R$366,ROW(INDEX(Jesper!AH$2:AH$366,ROUNDDOWN($C7154/24,0)+1,1))-1)+IF('Standard Profiles'!$G$18=$B$10,7,0)+IF('Standard Profiles'!$G$18=$B$17,14,0)+IF('Standard Profiles'!$G$18=$B$24,21,0),0)),0)</f>
        <v>14.847231815670142</v>
      </c>
      <c r="E7154" cm="1">
        <f t="array" ref="E7154">IFERROR(INDEX(Jesper!AI$2:AI$366,ROUNDDOWN($C7154/24,0)+1,1)*INDEX($D$3:$AA$30,INDEX(Jesper!$R$2:$R$366,ROW(INDEX(Jesper!AI$2:AI$366,ROUNDDOWN($C7154/24,0)+1,1))-1)+IF('Standard Profiles'!$G$19=$B$10,7,0)+IF('Standard Profiles'!$G$19=$B$17,14,0)+IF('Standard Profiles'!$G$19=$B$24,21,0),MOD($C7154,24)+1)/SUM(INDEX($D$3:$AA$30,INDEX(Jesper!$R$2:$R$366,ROW(INDEX(Jesper!AI$2:AI$366,ROUNDDOWN($C7154/24,0)+1,1))-1)+IF('Standard Profiles'!$G$19=$B$10,7,0)+IF('Standard Profiles'!$G$19=$B$17,14,0)+IF('Standard Profiles'!$G$19=$B$24,21,0),0)),0)</f>
        <v>0</v>
      </c>
      <c r="F7154" cm="1">
        <f t="array" ref="F7154">IFERROR(INDEX(Jesper!AJ$2:AJ$366,ROUNDDOWN($C7154/24,0)+1,1)*INDEX($D$3:$AA$30,INDEX(Jesper!$R$2:$R$366,ROW(INDEX(Jesper!AJ$2:AJ$366,ROUNDDOWN($C7154/24,0)+1,1))-1)+IF('Standard Profiles'!$G$20=$B$10,7,0)+IF('Standard Profiles'!$G$20=$B$17,14,0)+IF('Standard Profiles'!$G$20=$B$24,21,0),MOD($C7154,24)+1)/SUM(INDEX($D$3:$AA$30,INDEX(Jesper!$R$2:$R$366,ROW(INDEX(Jesper!AJ$2:AJ$366,ROUNDDOWN($C7154/24,0)+1,1))-1)+IF('Standard Profiles'!$G$20=$B$10,7,0)+IF('Standard Profiles'!$G$20=$B$17,14,0)+IF('Standard Profiles'!$G$20=$B$24,21,0),0)),0)</f>
        <v>0</v>
      </c>
      <c r="G7154" cm="1">
        <f t="array" ref="G7154">IFERROR(INDEX(Jesper!AK$2:AK$366,ROUNDDOWN($C7154/24,0)+1,1)*INDEX($D$3:$AA$30,INDEX(Jesper!$R$2:$R$366,ROW(INDEX(Jesper!AK$2:AK$366,ROUNDDOWN($C7154/24,0)+1,1))-1)+IF('Standard Profiles'!$G$21=$B$10,7,0)+IF('Standard Profiles'!$G$21=$B$17,14,0)+IF('Standard Profiles'!$G$21=$B$24,21,0),MOD($C7154,24)+1)/SUM(INDEX($D$3:$AA$30,INDEX(Jesper!$R$2:$R$366,ROW(INDEX(Jesper!AK$2:AK$366,ROUNDDOWN($C7154/24,0)+1,1))-1)+IF('Standard Profiles'!$G$21=$B$10,7,0)+IF('Standard Profiles'!$G$21=$B$17,14,0)+IF('Standard Profiles'!$G$21=$B$24,21,0),0)),0)</f>
        <v>0</v>
      </c>
      <c r="H7154" cm="1">
        <f t="array" ref="H7154">IFERROR(INDEX(Jesper!AL$2:AL$366,ROUNDDOWN($C7154/24,0)+1,1)*INDEX($D$3:$AA$30,INDEX(Jesper!$R$2:$R$366,ROW(INDEX(Jesper!AL$2:AL$366,ROUNDDOWN($C7154/24,0)+1,1))-1)+IF('Standard Profiles'!$G$22=$B$10,7,0)+IF('Standard Profiles'!$G$22=$B$17,14,0)+IF('Standard Profiles'!$G$22=$B$24,21,0),MOD($C7154,24)+1)/SUM(INDEX($D$3:$AA$30,INDEX(Jesper!$R$2:$R$366,ROW(INDEX(Jesper!AL$2:AL$366,ROUNDDOWN($C7154/24,0)+1,1))-1)+IF('Standard Profiles'!$G$22=$B$10,7,0)+IF('Standard Profiles'!$G$22=$B$17,14,0)+IF('Standard Profiles'!$G$22=$B$24,21,0),0)),0)</f>
        <v>0</v>
      </c>
      <c r="I7154">
        <f t="shared" si="797"/>
        <v>0.44541695447010426</v>
      </c>
      <c r="J7154">
        <f t="shared" si="798"/>
        <v>1.4847231815670143</v>
      </c>
      <c r="K7154">
        <f t="shared" si="799"/>
        <v>2.2270847723505214</v>
      </c>
      <c r="L7154">
        <f t="shared" si="800"/>
        <v>10.690006907282502</v>
      </c>
      <c r="M7154">
        <f t="shared" si="801"/>
        <v>0</v>
      </c>
      <c r="N7154" s="46">
        <f t="shared" si="802"/>
        <v>45588.666666649398</v>
      </c>
    </row>
    <row r="7155" spans="2:14" x14ac:dyDescent="0.3">
      <c r="B7155">
        <f t="shared" si="796"/>
        <v>3</v>
      </c>
      <c r="C7155" s="16">
        <v>7121</v>
      </c>
      <c r="D7155" cm="1">
        <f t="array" ref="D7155">IFERROR(INDEX(Jesper!AH$2:AH$366,ROUNDDOWN($C7155/24,0)+1,1)*INDEX($D$3:$AA$30,INDEX(Jesper!$R$2:$R$366,ROW(INDEX(Jesper!AH$2:AH$366,ROUNDDOWN($C7155/24,0)+1,1))-1)+IF('Standard Profiles'!$G$18=$B$10,7,0)+IF('Standard Profiles'!$G$18=$B$17,14,0)+IF('Standard Profiles'!$G$18=$B$24,21,0),MOD($C7155,24)+1)/SUM(INDEX($D$3:$AA$30,INDEX(Jesper!$R$2:$R$366,ROW(INDEX(Jesper!AH$2:AH$366,ROUNDDOWN($C7155/24,0)+1,1))-1)+IF('Standard Profiles'!$G$18=$B$10,7,0)+IF('Standard Profiles'!$G$18=$B$17,14,0)+IF('Standard Profiles'!$G$18=$B$24,21,0),0)),0)</f>
        <v>14.847231815670142</v>
      </c>
      <c r="E7155" cm="1">
        <f t="array" ref="E7155">IFERROR(INDEX(Jesper!AI$2:AI$366,ROUNDDOWN($C7155/24,0)+1,1)*INDEX($D$3:$AA$30,INDEX(Jesper!$R$2:$R$366,ROW(INDEX(Jesper!AI$2:AI$366,ROUNDDOWN($C7155/24,0)+1,1))-1)+IF('Standard Profiles'!$G$19=$B$10,7,0)+IF('Standard Profiles'!$G$19=$B$17,14,0)+IF('Standard Profiles'!$G$19=$B$24,21,0),MOD($C7155,24)+1)/SUM(INDEX($D$3:$AA$30,INDEX(Jesper!$R$2:$R$366,ROW(INDEX(Jesper!AI$2:AI$366,ROUNDDOWN($C7155/24,0)+1,1))-1)+IF('Standard Profiles'!$G$19=$B$10,7,0)+IF('Standard Profiles'!$G$19=$B$17,14,0)+IF('Standard Profiles'!$G$19=$B$24,21,0),0)),0)</f>
        <v>0</v>
      </c>
      <c r="F7155" cm="1">
        <f t="array" ref="F7155">IFERROR(INDEX(Jesper!AJ$2:AJ$366,ROUNDDOWN($C7155/24,0)+1,1)*INDEX($D$3:$AA$30,INDEX(Jesper!$R$2:$R$366,ROW(INDEX(Jesper!AJ$2:AJ$366,ROUNDDOWN($C7155/24,0)+1,1))-1)+IF('Standard Profiles'!$G$20=$B$10,7,0)+IF('Standard Profiles'!$G$20=$B$17,14,0)+IF('Standard Profiles'!$G$20=$B$24,21,0),MOD($C7155,24)+1)/SUM(INDEX($D$3:$AA$30,INDEX(Jesper!$R$2:$R$366,ROW(INDEX(Jesper!AJ$2:AJ$366,ROUNDDOWN($C7155/24,0)+1,1))-1)+IF('Standard Profiles'!$G$20=$B$10,7,0)+IF('Standard Profiles'!$G$20=$B$17,14,0)+IF('Standard Profiles'!$G$20=$B$24,21,0),0)),0)</f>
        <v>0</v>
      </c>
      <c r="G7155" cm="1">
        <f t="array" ref="G7155">IFERROR(INDEX(Jesper!AK$2:AK$366,ROUNDDOWN($C7155/24,0)+1,1)*INDEX($D$3:$AA$30,INDEX(Jesper!$R$2:$R$366,ROW(INDEX(Jesper!AK$2:AK$366,ROUNDDOWN($C7155/24,0)+1,1))-1)+IF('Standard Profiles'!$G$21=$B$10,7,0)+IF('Standard Profiles'!$G$21=$B$17,14,0)+IF('Standard Profiles'!$G$21=$B$24,21,0),MOD($C7155,24)+1)/SUM(INDEX($D$3:$AA$30,INDEX(Jesper!$R$2:$R$366,ROW(INDEX(Jesper!AK$2:AK$366,ROUNDDOWN($C7155/24,0)+1,1))-1)+IF('Standard Profiles'!$G$21=$B$10,7,0)+IF('Standard Profiles'!$G$21=$B$17,14,0)+IF('Standard Profiles'!$G$21=$B$24,21,0),0)),0)</f>
        <v>0</v>
      </c>
      <c r="H7155" cm="1">
        <f t="array" ref="H7155">IFERROR(INDEX(Jesper!AL$2:AL$366,ROUNDDOWN($C7155/24,0)+1,1)*INDEX($D$3:$AA$30,INDEX(Jesper!$R$2:$R$366,ROW(INDEX(Jesper!AL$2:AL$366,ROUNDDOWN($C7155/24,0)+1,1))-1)+IF('Standard Profiles'!$G$22=$B$10,7,0)+IF('Standard Profiles'!$G$22=$B$17,14,0)+IF('Standard Profiles'!$G$22=$B$24,21,0),MOD($C7155,24)+1)/SUM(INDEX($D$3:$AA$30,INDEX(Jesper!$R$2:$R$366,ROW(INDEX(Jesper!AL$2:AL$366,ROUNDDOWN($C7155/24,0)+1,1))-1)+IF('Standard Profiles'!$G$22=$B$10,7,0)+IF('Standard Profiles'!$G$22=$B$17,14,0)+IF('Standard Profiles'!$G$22=$B$24,21,0),0)),0)</f>
        <v>0</v>
      </c>
      <c r="I7155">
        <f t="shared" si="797"/>
        <v>0.44541695447010426</v>
      </c>
      <c r="J7155">
        <f t="shared" si="798"/>
        <v>1.4847231815670143</v>
      </c>
      <c r="K7155">
        <f t="shared" si="799"/>
        <v>2.2270847723505214</v>
      </c>
      <c r="L7155">
        <f t="shared" si="800"/>
        <v>10.690006907282502</v>
      </c>
      <c r="M7155">
        <f t="shared" si="801"/>
        <v>0</v>
      </c>
      <c r="N7155" s="46">
        <f t="shared" si="802"/>
        <v>45588.708333316063</v>
      </c>
    </row>
    <row r="7156" spans="2:14" x14ac:dyDescent="0.3">
      <c r="B7156">
        <f t="shared" si="796"/>
        <v>3</v>
      </c>
      <c r="C7156" s="16">
        <v>7122</v>
      </c>
      <c r="D7156" cm="1">
        <f t="array" ref="D7156">IFERROR(INDEX(Jesper!AH$2:AH$366,ROUNDDOWN($C7156/24,0)+1,1)*INDEX($D$3:$AA$30,INDEX(Jesper!$R$2:$R$366,ROW(INDEX(Jesper!AH$2:AH$366,ROUNDDOWN($C7156/24,0)+1,1))-1)+IF('Standard Profiles'!$G$18=$B$10,7,0)+IF('Standard Profiles'!$G$18=$B$17,14,0)+IF('Standard Profiles'!$G$18=$B$24,21,0),MOD($C7156,24)+1)/SUM(INDEX($D$3:$AA$30,INDEX(Jesper!$R$2:$R$366,ROW(INDEX(Jesper!AH$2:AH$366,ROUNDDOWN($C7156/24,0)+1,1))-1)+IF('Standard Profiles'!$G$18=$B$10,7,0)+IF('Standard Profiles'!$G$18=$B$17,14,0)+IF('Standard Profiles'!$G$18=$B$24,21,0),0)),0)</f>
        <v>14.847231815670142</v>
      </c>
      <c r="E7156" cm="1">
        <f t="array" ref="E7156">IFERROR(INDEX(Jesper!AI$2:AI$366,ROUNDDOWN($C7156/24,0)+1,1)*INDEX($D$3:$AA$30,INDEX(Jesper!$R$2:$R$366,ROW(INDEX(Jesper!AI$2:AI$366,ROUNDDOWN($C7156/24,0)+1,1))-1)+IF('Standard Profiles'!$G$19=$B$10,7,0)+IF('Standard Profiles'!$G$19=$B$17,14,0)+IF('Standard Profiles'!$G$19=$B$24,21,0),MOD($C7156,24)+1)/SUM(INDEX($D$3:$AA$30,INDEX(Jesper!$R$2:$R$366,ROW(INDEX(Jesper!AI$2:AI$366,ROUNDDOWN($C7156/24,0)+1,1))-1)+IF('Standard Profiles'!$G$19=$B$10,7,0)+IF('Standard Profiles'!$G$19=$B$17,14,0)+IF('Standard Profiles'!$G$19=$B$24,21,0),0)),0)</f>
        <v>0</v>
      </c>
      <c r="F7156" cm="1">
        <f t="array" ref="F7156">IFERROR(INDEX(Jesper!AJ$2:AJ$366,ROUNDDOWN($C7156/24,0)+1,1)*INDEX($D$3:$AA$30,INDEX(Jesper!$R$2:$R$366,ROW(INDEX(Jesper!AJ$2:AJ$366,ROUNDDOWN($C7156/24,0)+1,1))-1)+IF('Standard Profiles'!$G$20=$B$10,7,0)+IF('Standard Profiles'!$G$20=$B$17,14,0)+IF('Standard Profiles'!$G$20=$B$24,21,0),MOD($C7156,24)+1)/SUM(INDEX($D$3:$AA$30,INDEX(Jesper!$R$2:$R$366,ROW(INDEX(Jesper!AJ$2:AJ$366,ROUNDDOWN($C7156/24,0)+1,1))-1)+IF('Standard Profiles'!$G$20=$B$10,7,0)+IF('Standard Profiles'!$G$20=$B$17,14,0)+IF('Standard Profiles'!$G$20=$B$24,21,0),0)),0)</f>
        <v>0</v>
      </c>
      <c r="G7156" cm="1">
        <f t="array" ref="G7156">IFERROR(INDEX(Jesper!AK$2:AK$366,ROUNDDOWN($C7156/24,0)+1,1)*INDEX($D$3:$AA$30,INDEX(Jesper!$R$2:$R$366,ROW(INDEX(Jesper!AK$2:AK$366,ROUNDDOWN($C7156/24,0)+1,1))-1)+IF('Standard Profiles'!$G$21=$B$10,7,0)+IF('Standard Profiles'!$G$21=$B$17,14,0)+IF('Standard Profiles'!$G$21=$B$24,21,0),MOD($C7156,24)+1)/SUM(INDEX($D$3:$AA$30,INDEX(Jesper!$R$2:$R$366,ROW(INDEX(Jesper!AK$2:AK$366,ROUNDDOWN($C7156/24,0)+1,1))-1)+IF('Standard Profiles'!$G$21=$B$10,7,0)+IF('Standard Profiles'!$G$21=$B$17,14,0)+IF('Standard Profiles'!$G$21=$B$24,21,0),0)),0)</f>
        <v>0</v>
      </c>
      <c r="H7156" cm="1">
        <f t="array" ref="H7156">IFERROR(INDEX(Jesper!AL$2:AL$366,ROUNDDOWN($C7156/24,0)+1,1)*INDEX($D$3:$AA$30,INDEX(Jesper!$R$2:$R$366,ROW(INDEX(Jesper!AL$2:AL$366,ROUNDDOWN($C7156/24,0)+1,1))-1)+IF('Standard Profiles'!$G$22=$B$10,7,0)+IF('Standard Profiles'!$G$22=$B$17,14,0)+IF('Standard Profiles'!$G$22=$B$24,21,0),MOD($C7156,24)+1)/SUM(INDEX($D$3:$AA$30,INDEX(Jesper!$R$2:$R$366,ROW(INDEX(Jesper!AL$2:AL$366,ROUNDDOWN($C7156/24,0)+1,1))-1)+IF('Standard Profiles'!$G$22=$B$10,7,0)+IF('Standard Profiles'!$G$22=$B$17,14,0)+IF('Standard Profiles'!$G$22=$B$24,21,0),0)),0)</f>
        <v>0</v>
      </c>
      <c r="I7156">
        <f t="shared" si="797"/>
        <v>0.44541695447010426</v>
      </c>
      <c r="J7156">
        <f t="shared" si="798"/>
        <v>1.4847231815670143</v>
      </c>
      <c r="K7156">
        <f t="shared" si="799"/>
        <v>2.2270847723505214</v>
      </c>
      <c r="L7156">
        <f t="shared" si="800"/>
        <v>10.690006907282502</v>
      </c>
      <c r="M7156">
        <f t="shared" si="801"/>
        <v>0</v>
      </c>
      <c r="N7156" s="46">
        <f t="shared" si="802"/>
        <v>45588.749999982727</v>
      </c>
    </row>
    <row r="7157" spans="2:14" x14ac:dyDescent="0.3">
      <c r="B7157">
        <f t="shared" si="796"/>
        <v>3</v>
      </c>
      <c r="C7157" s="16">
        <v>7123</v>
      </c>
      <c r="D7157" cm="1">
        <f t="array" ref="D7157">IFERROR(INDEX(Jesper!AH$2:AH$366,ROUNDDOWN($C7157/24,0)+1,1)*INDEX($D$3:$AA$30,INDEX(Jesper!$R$2:$R$366,ROW(INDEX(Jesper!AH$2:AH$366,ROUNDDOWN($C7157/24,0)+1,1))-1)+IF('Standard Profiles'!$G$18=$B$10,7,0)+IF('Standard Profiles'!$G$18=$B$17,14,0)+IF('Standard Profiles'!$G$18=$B$24,21,0),MOD($C7157,24)+1)/SUM(INDEX($D$3:$AA$30,INDEX(Jesper!$R$2:$R$366,ROW(INDEX(Jesper!AH$2:AH$366,ROUNDDOWN($C7157/24,0)+1,1))-1)+IF('Standard Profiles'!$G$18=$B$10,7,0)+IF('Standard Profiles'!$G$18=$B$17,14,0)+IF('Standard Profiles'!$G$18=$B$24,21,0),0)),0)</f>
        <v>12.372693179725118</v>
      </c>
      <c r="E7157" cm="1">
        <f t="array" ref="E7157">IFERROR(INDEX(Jesper!AI$2:AI$366,ROUNDDOWN($C7157/24,0)+1,1)*INDEX($D$3:$AA$30,INDEX(Jesper!$R$2:$R$366,ROW(INDEX(Jesper!AI$2:AI$366,ROUNDDOWN($C7157/24,0)+1,1))-1)+IF('Standard Profiles'!$G$19=$B$10,7,0)+IF('Standard Profiles'!$G$19=$B$17,14,0)+IF('Standard Profiles'!$G$19=$B$24,21,0),MOD($C7157,24)+1)/SUM(INDEX($D$3:$AA$30,INDEX(Jesper!$R$2:$R$366,ROW(INDEX(Jesper!AI$2:AI$366,ROUNDDOWN($C7157/24,0)+1,1))-1)+IF('Standard Profiles'!$G$19=$B$10,7,0)+IF('Standard Profiles'!$G$19=$B$17,14,0)+IF('Standard Profiles'!$G$19=$B$24,21,0),0)),0)</f>
        <v>0</v>
      </c>
      <c r="F7157" cm="1">
        <f t="array" ref="F7157">IFERROR(INDEX(Jesper!AJ$2:AJ$366,ROUNDDOWN($C7157/24,0)+1,1)*INDEX($D$3:$AA$30,INDEX(Jesper!$R$2:$R$366,ROW(INDEX(Jesper!AJ$2:AJ$366,ROUNDDOWN($C7157/24,0)+1,1))-1)+IF('Standard Profiles'!$G$20=$B$10,7,0)+IF('Standard Profiles'!$G$20=$B$17,14,0)+IF('Standard Profiles'!$G$20=$B$24,21,0),MOD($C7157,24)+1)/SUM(INDEX($D$3:$AA$30,INDEX(Jesper!$R$2:$R$366,ROW(INDEX(Jesper!AJ$2:AJ$366,ROUNDDOWN($C7157/24,0)+1,1))-1)+IF('Standard Profiles'!$G$20=$B$10,7,0)+IF('Standard Profiles'!$G$20=$B$17,14,0)+IF('Standard Profiles'!$G$20=$B$24,21,0),0)),0)</f>
        <v>0</v>
      </c>
      <c r="G7157" cm="1">
        <f t="array" ref="G7157">IFERROR(INDEX(Jesper!AK$2:AK$366,ROUNDDOWN($C7157/24,0)+1,1)*INDEX($D$3:$AA$30,INDEX(Jesper!$R$2:$R$366,ROW(INDEX(Jesper!AK$2:AK$366,ROUNDDOWN($C7157/24,0)+1,1))-1)+IF('Standard Profiles'!$G$21=$B$10,7,0)+IF('Standard Profiles'!$G$21=$B$17,14,0)+IF('Standard Profiles'!$G$21=$B$24,21,0),MOD($C7157,24)+1)/SUM(INDEX($D$3:$AA$30,INDEX(Jesper!$R$2:$R$366,ROW(INDEX(Jesper!AK$2:AK$366,ROUNDDOWN($C7157/24,0)+1,1))-1)+IF('Standard Profiles'!$G$21=$B$10,7,0)+IF('Standard Profiles'!$G$21=$B$17,14,0)+IF('Standard Profiles'!$G$21=$B$24,21,0),0)),0)</f>
        <v>0</v>
      </c>
      <c r="H7157" cm="1">
        <f t="array" ref="H7157">IFERROR(INDEX(Jesper!AL$2:AL$366,ROUNDDOWN($C7157/24,0)+1,1)*INDEX($D$3:$AA$30,INDEX(Jesper!$R$2:$R$366,ROW(INDEX(Jesper!AL$2:AL$366,ROUNDDOWN($C7157/24,0)+1,1))-1)+IF('Standard Profiles'!$G$22=$B$10,7,0)+IF('Standard Profiles'!$G$22=$B$17,14,0)+IF('Standard Profiles'!$G$22=$B$24,21,0),MOD($C7157,24)+1)/SUM(INDEX($D$3:$AA$30,INDEX(Jesper!$R$2:$R$366,ROW(INDEX(Jesper!AL$2:AL$366,ROUNDDOWN($C7157/24,0)+1,1))-1)+IF('Standard Profiles'!$G$22=$B$10,7,0)+IF('Standard Profiles'!$G$22=$B$17,14,0)+IF('Standard Profiles'!$G$22=$B$24,21,0),0)),0)</f>
        <v>0</v>
      </c>
      <c r="I7157">
        <f t="shared" si="797"/>
        <v>0.37118079539175353</v>
      </c>
      <c r="J7157">
        <f t="shared" si="798"/>
        <v>1.2372693179725118</v>
      </c>
      <c r="K7157">
        <f t="shared" si="799"/>
        <v>1.8559039769587677</v>
      </c>
      <c r="L7157">
        <f t="shared" si="800"/>
        <v>8.9083390894020855</v>
      </c>
      <c r="M7157">
        <f t="shared" si="801"/>
        <v>0</v>
      </c>
      <c r="N7157" s="46">
        <f t="shared" si="802"/>
        <v>45588.791666649391</v>
      </c>
    </row>
    <row r="7158" spans="2:14" x14ac:dyDescent="0.3">
      <c r="B7158">
        <f t="shared" si="796"/>
        <v>3</v>
      </c>
      <c r="C7158" s="16">
        <v>7124</v>
      </c>
      <c r="D7158" cm="1">
        <f t="array" ref="D7158">IFERROR(INDEX(Jesper!AH$2:AH$366,ROUNDDOWN($C7158/24,0)+1,1)*INDEX($D$3:$AA$30,INDEX(Jesper!$R$2:$R$366,ROW(INDEX(Jesper!AH$2:AH$366,ROUNDDOWN($C7158/24,0)+1,1))-1)+IF('Standard Profiles'!$G$18=$B$10,7,0)+IF('Standard Profiles'!$G$18=$B$17,14,0)+IF('Standard Profiles'!$G$18=$B$24,21,0),MOD($C7158,24)+1)/SUM(INDEX($D$3:$AA$30,INDEX(Jesper!$R$2:$R$366,ROW(INDEX(Jesper!AH$2:AH$366,ROUNDDOWN($C7158/24,0)+1,1))-1)+IF('Standard Profiles'!$G$18=$B$10,7,0)+IF('Standard Profiles'!$G$18=$B$17,14,0)+IF('Standard Profiles'!$G$18=$B$24,21,0),0)),0)</f>
        <v>9.8981545437800946</v>
      </c>
      <c r="E7158" cm="1">
        <f t="array" ref="E7158">IFERROR(INDEX(Jesper!AI$2:AI$366,ROUNDDOWN($C7158/24,0)+1,1)*INDEX($D$3:$AA$30,INDEX(Jesper!$R$2:$R$366,ROW(INDEX(Jesper!AI$2:AI$366,ROUNDDOWN($C7158/24,0)+1,1))-1)+IF('Standard Profiles'!$G$19=$B$10,7,0)+IF('Standard Profiles'!$G$19=$B$17,14,0)+IF('Standard Profiles'!$G$19=$B$24,21,0),MOD($C7158,24)+1)/SUM(INDEX($D$3:$AA$30,INDEX(Jesper!$R$2:$R$366,ROW(INDEX(Jesper!AI$2:AI$366,ROUNDDOWN($C7158/24,0)+1,1))-1)+IF('Standard Profiles'!$G$19=$B$10,7,0)+IF('Standard Profiles'!$G$19=$B$17,14,0)+IF('Standard Profiles'!$G$19=$B$24,21,0),0)),0)</f>
        <v>0</v>
      </c>
      <c r="F7158" cm="1">
        <f t="array" ref="F7158">IFERROR(INDEX(Jesper!AJ$2:AJ$366,ROUNDDOWN($C7158/24,0)+1,1)*INDEX($D$3:$AA$30,INDEX(Jesper!$R$2:$R$366,ROW(INDEX(Jesper!AJ$2:AJ$366,ROUNDDOWN($C7158/24,0)+1,1))-1)+IF('Standard Profiles'!$G$20=$B$10,7,0)+IF('Standard Profiles'!$G$20=$B$17,14,0)+IF('Standard Profiles'!$G$20=$B$24,21,0),MOD($C7158,24)+1)/SUM(INDEX($D$3:$AA$30,INDEX(Jesper!$R$2:$R$366,ROW(INDEX(Jesper!AJ$2:AJ$366,ROUNDDOWN($C7158/24,0)+1,1))-1)+IF('Standard Profiles'!$G$20=$B$10,7,0)+IF('Standard Profiles'!$G$20=$B$17,14,0)+IF('Standard Profiles'!$G$20=$B$24,21,0),0)),0)</f>
        <v>0</v>
      </c>
      <c r="G7158" cm="1">
        <f t="array" ref="G7158">IFERROR(INDEX(Jesper!AK$2:AK$366,ROUNDDOWN($C7158/24,0)+1,1)*INDEX($D$3:$AA$30,INDEX(Jesper!$R$2:$R$366,ROW(INDEX(Jesper!AK$2:AK$366,ROUNDDOWN($C7158/24,0)+1,1))-1)+IF('Standard Profiles'!$G$21=$B$10,7,0)+IF('Standard Profiles'!$G$21=$B$17,14,0)+IF('Standard Profiles'!$G$21=$B$24,21,0),MOD($C7158,24)+1)/SUM(INDEX($D$3:$AA$30,INDEX(Jesper!$R$2:$R$366,ROW(INDEX(Jesper!AK$2:AK$366,ROUNDDOWN($C7158/24,0)+1,1))-1)+IF('Standard Profiles'!$G$21=$B$10,7,0)+IF('Standard Profiles'!$G$21=$B$17,14,0)+IF('Standard Profiles'!$G$21=$B$24,21,0),0)),0)</f>
        <v>0</v>
      </c>
      <c r="H7158" cm="1">
        <f t="array" ref="H7158">IFERROR(INDEX(Jesper!AL$2:AL$366,ROUNDDOWN($C7158/24,0)+1,1)*INDEX($D$3:$AA$30,INDEX(Jesper!$R$2:$R$366,ROW(INDEX(Jesper!AL$2:AL$366,ROUNDDOWN($C7158/24,0)+1,1))-1)+IF('Standard Profiles'!$G$22=$B$10,7,0)+IF('Standard Profiles'!$G$22=$B$17,14,0)+IF('Standard Profiles'!$G$22=$B$24,21,0),MOD($C7158,24)+1)/SUM(INDEX($D$3:$AA$30,INDEX(Jesper!$R$2:$R$366,ROW(INDEX(Jesper!AL$2:AL$366,ROUNDDOWN($C7158/24,0)+1,1))-1)+IF('Standard Profiles'!$G$22=$B$10,7,0)+IF('Standard Profiles'!$G$22=$B$17,14,0)+IF('Standard Profiles'!$G$22=$B$24,21,0),0)),0)</f>
        <v>0</v>
      </c>
      <c r="I7158">
        <f t="shared" si="797"/>
        <v>0.29694463631340284</v>
      </c>
      <c r="J7158">
        <f t="shared" si="798"/>
        <v>0.98981545437800955</v>
      </c>
      <c r="K7158">
        <f t="shared" si="799"/>
        <v>1.4847231815670141</v>
      </c>
      <c r="L7158">
        <f t="shared" si="800"/>
        <v>7.1266712715216682</v>
      </c>
      <c r="M7158">
        <f t="shared" si="801"/>
        <v>0</v>
      </c>
      <c r="N7158" s="46">
        <f t="shared" si="802"/>
        <v>45588.833333316055</v>
      </c>
    </row>
    <row r="7159" spans="2:14" x14ac:dyDescent="0.3">
      <c r="B7159">
        <f t="shared" si="796"/>
        <v>3</v>
      </c>
      <c r="C7159" s="16">
        <v>7125</v>
      </c>
      <c r="D7159" cm="1">
        <f t="array" ref="D7159">IFERROR(INDEX(Jesper!AH$2:AH$366,ROUNDDOWN($C7159/24,0)+1,1)*INDEX($D$3:$AA$30,INDEX(Jesper!$R$2:$R$366,ROW(INDEX(Jesper!AH$2:AH$366,ROUNDDOWN($C7159/24,0)+1,1))-1)+IF('Standard Profiles'!$G$18=$B$10,7,0)+IF('Standard Profiles'!$G$18=$B$17,14,0)+IF('Standard Profiles'!$G$18=$B$24,21,0),MOD($C7159,24)+1)/SUM(INDEX($D$3:$AA$30,INDEX(Jesper!$R$2:$R$366,ROW(INDEX(Jesper!AH$2:AH$366,ROUNDDOWN($C7159/24,0)+1,1))-1)+IF('Standard Profiles'!$G$18=$B$10,7,0)+IF('Standard Profiles'!$G$18=$B$17,14,0)+IF('Standard Profiles'!$G$18=$B$24,21,0),0)),0)</f>
        <v>7.423615907835071</v>
      </c>
      <c r="E7159" cm="1">
        <f t="array" ref="E7159">IFERROR(INDEX(Jesper!AI$2:AI$366,ROUNDDOWN($C7159/24,0)+1,1)*INDEX($D$3:$AA$30,INDEX(Jesper!$R$2:$R$366,ROW(INDEX(Jesper!AI$2:AI$366,ROUNDDOWN($C7159/24,0)+1,1))-1)+IF('Standard Profiles'!$G$19=$B$10,7,0)+IF('Standard Profiles'!$G$19=$B$17,14,0)+IF('Standard Profiles'!$G$19=$B$24,21,0),MOD($C7159,24)+1)/SUM(INDEX($D$3:$AA$30,INDEX(Jesper!$R$2:$R$366,ROW(INDEX(Jesper!AI$2:AI$366,ROUNDDOWN($C7159/24,0)+1,1))-1)+IF('Standard Profiles'!$G$19=$B$10,7,0)+IF('Standard Profiles'!$G$19=$B$17,14,0)+IF('Standard Profiles'!$G$19=$B$24,21,0),0)),0)</f>
        <v>0</v>
      </c>
      <c r="F7159" cm="1">
        <f t="array" ref="F7159">IFERROR(INDEX(Jesper!AJ$2:AJ$366,ROUNDDOWN($C7159/24,0)+1,1)*INDEX($D$3:$AA$30,INDEX(Jesper!$R$2:$R$366,ROW(INDEX(Jesper!AJ$2:AJ$366,ROUNDDOWN($C7159/24,0)+1,1))-1)+IF('Standard Profiles'!$G$20=$B$10,7,0)+IF('Standard Profiles'!$G$20=$B$17,14,0)+IF('Standard Profiles'!$G$20=$B$24,21,0),MOD($C7159,24)+1)/SUM(INDEX($D$3:$AA$30,INDEX(Jesper!$R$2:$R$366,ROW(INDEX(Jesper!AJ$2:AJ$366,ROUNDDOWN($C7159/24,0)+1,1))-1)+IF('Standard Profiles'!$G$20=$B$10,7,0)+IF('Standard Profiles'!$G$20=$B$17,14,0)+IF('Standard Profiles'!$G$20=$B$24,21,0),0)),0)</f>
        <v>0</v>
      </c>
      <c r="G7159" cm="1">
        <f t="array" ref="G7159">IFERROR(INDEX(Jesper!AK$2:AK$366,ROUNDDOWN($C7159/24,0)+1,1)*INDEX($D$3:$AA$30,INDEX(Jesper!$R$2:$R$366,ROW(INDEX(Jesper!AK$2:AK$366,ROUNDDOWN($C7159/24,0)+1,1))-1)+IF('Standard Profiles'!$G$21=$B$10,7,0)+IF('Standard Profiles'!$G$21=$B$17,14,0)+IF('Standard Profiles'!$G$21=$B$24,21,0),MOD($C7159,24)+1)/SUM(INDEX($D$3:$AA$30,INDEX(Jesper!$R$2:$R$366,ROW(INDEX(Jesper!AK$2:AK$366,ROUNDDOWN($C7159/24,0)+1,1))-1)+IF('Standard Profiles'!$G$21=$B$10,7,0)+IF('Standard Profiles'!$G$21=$B$17,14,0)+IF('Standard Profiles'!$G$21=$B$24,21,0),0)),0)</f>
        <v>0</v>
      </c>
      <c r="H7159" cm="1">
        <f t="array" ref="H7159">IFERROR(INDEX(Jesper!AL$2:AL$366,ROUNDDOWN($C7159/24,0)+1,1)*INDEX($D$3:$AA$30,INDEX(Jesper!$R$2:$R$366,ROW(INDEX(Jesper!AL$2:AL$366,ROUNDDOWN($C7159/24,0)+1,1))-1)+IF('Standard Profiles'!$G$22=$B$10,7,0)+IF('Standard Profiles'!$G$22=$B$17,14,0)+IF('Standard Profiles'!$G$22=$B$24,21,0),MOD($C7159,24)+1)/SUM(INDEX($D$3:$AA$30,INDEX(Jesper!$R$2:$R$366,ROW(INDEX(Jesper!AL$2:AL$366,ROUNDDOWN($C7159/24,0)+1,1))-1)+IF('Standard Profiles'!$G$22=$B$10,7,0)+IF('Standard Profiles'!$G$22=$B$17,14,0)+IF('Standard Profiles'!$G$22=$B$24,21,0),0)),0)</f>
        <v>0</v>
      </c>
      <c r="I7159">
        <f t="shared" si="797"/>
        <v>0.22270847723505213</v>
      </c>
      <c r="J7159">
        <f t="shared" si="798"/>
        <v>0.74236159078350716</v>
      </c>
      <c r="K7159">
        <f t="shared" si="799"/>
        <v>1.1135423861752607</v>
      </c>
      <c r="L7159">
        <f t="shared" si="800"/>
        <v>5.345003453641251</v>
      </c>
      <c r="M7159">
        <f t="shared" si="801"/>
        <v>0</v>
      </c>
      <c r="N7159" s="46">
        <f t="shared" si="802"/>
        <v>45588.87499998272</v>
      </c>
    </row>
    <row r="7160" spans="2:14" x14ac:dyDescent="0.3">
      <c r="B7160">
        <f t="shared" si="796"/>
        <v>3</v>
      </c>
      <c r="C7160" s="16">
        <v>7126</v>
      </c>
      <c r="D7160" cm="1">
        <f t="array" ref="D7160">IFERROR(INDEX(Jesper!AH$2:AH$366,ROUNDDOWN($C7160/24,0)+1,1)*INDEX($D$3:$AA$30,INDEX(Jesper!$R$2:$R$366,ROW(INDEX(Jesper!AH$2:AH$366,ROUNDDOWN($C7160/24,0)+1,1))-1)+IF('Standard Profiles'!$G$18=$B$10,7,0)+IF('Standard Profiles'!$G$18=$B$17,14,0)+IF('Standard Profiles'!$G$18=$B$24,21,0),MOD($C7160,24)+1)/SUM(INDEX($D$3:$AA$30,INDEX(Jesper!$R$2:$R$366,ROW(INDEX(Jesper!AH$2:AH$366,ROUNDDOWN($C7160/24,0)+1,1))-1)+IF('Standard Profiles'!$G$18=$B$10,7,0)+IF('Standard Profiles'!$G$18=$B$17,14,0)+IF('Standard Profiles'!$G$18=$B$24,21,0),0)),0)</f>
        <v>7.423615907835071</v>
      </c>
      <c r="E7160" cm="1">
        <f t="array" ref="E7160">IFERROR(INDEX(Jesper!AI$2:AI$366,ROUNDDOWN($C7160/24,0)+1,1)*INDEX($D$3:$AA$30,INDEX(Jesper!$R$2:$R$366,ROW(INDEX(Jesper!AI$2:AI$366,ROUNDDOWN($C7160/24,0)+1,1))-1)+IF('Standard Profiles'!$G$19=$B$10,7,0)+IF('Standard Profiles'!$G$19=$B$17,14,0)+IF('Standard Profiles'!$G$19=$B$24,21,0),MOD($C7160,24)+1)/SUM(INDEX($D$3:$AA$30,INDEX(Jesper!$R$2:$R$366,ROW(INDEX(Jesper!AI$2:AI$366,ROUNDDOWN($C7160/24,0)+1,1))-1)+IF('Standard Profiles'!$G$19=$B$10,7,0)+IF('Standard Profiles'!$G$19=$B$17,14,0)+IF('Standard Profiles'!$G$19=$B$24,21,0),0)),0)</f>
        <v>0</v>
      </c>
      <c r="F7160" cm="1">
        <f t="array" ref="F7160">IFERROR(INDEX(Jesper!AJ$2:AJ$366,ROUNDDOWN($C7160/24,0)+1,1)*INDEX($D$3:$AA$30,INDEX(Jesper!$R$2:$R$366,ROW(INDEX(Jesper!AJ$2:AJ$366,ROUNDDOWN($C7160/24,0)+1,1))-1)+IF('Standard Profiles'!$G$20=$B$10,7,0)+IF('Standard Profiles'!$G$20=$B$17,14,0)+IF('Standard Profiles'!$G$20=$B$24,21,0),MOD($C7160,24)+1)/SUM(INDEX($D$3:$AA$30,INDEX(Jesper!$R$2:$R$366,ROW(INDEX(Jesper!AJ$2:AJ$366,ROUNDDOWN($C7160/24,0)+1,1))-1)+IF('Standard Profiles'!$G$20=$B$10,7,0)+IF('Standard Profiles'!$G$20=$B$17,14,0)+IF('Standard Profiles'!$G$20=$B$24,21,0),0)),0)</f>
        <v>0</v>
      </c>
      <c r="G7160" cm="1">
        <f t="array" ref="G7160">IFERROR(INDEX(Jesper!AK$2:AK$366,ROUNDDOWN($C7160/24,0)+1,1)*INDEX($D$3:$AA$30,INDEX(Jesper!$R$2:$R$366,ROW(INDEX(Jesper!AK$2:AK$366,ROUNDDOWN($C7160/24,0)+1,1))-1)+IF('Standard Profiles'!$G$21=$B$10,7,0)+IF('Standard Profiles'!$G$21=$B$17,14,0)+IF('Standard Profiles'!$G$21=$B$24,21,0),MOD($C7160,24)+1)/SUM(INDEX($D$3:$AA$30,INDEX(Jesper!$R$2:$R$366,ROW(INDEX(Jesper!AK$2:AK$366,ROUNDDOWN($C7160/24,0)+1,1))-1)+IF('Standard Profiles'!$G$21=$B$10,7,0)+IF('Standard Profiles'!$G$21=$B$17,14,0)+IF('Standard Profiles'!$G$21=$B$24,21,0),0)),0)</f>
        <v>0</v>
      </c>
      <c r="H7160" cm="1">
        <f t="array" ref="H7160">IFERROR(INDEX(Jesper!AL$2:AL$366,ROUNDDOWN($C7160/24,0)+1,1)*INDEX($D$3:$AA$30,INDEX(Jesper!$R$2:$R$366,ROW(INDEX(Jesper!AL$2:AL$366,ROUNDDOWN($C7160/24,0)+1,1))-1)+IF('Standard Profiles'!$G$22=$B$10,7,0)+IF('Standard Profiles'!$G$22=$B$17,14,0)+IF('Standard Profiles'!$G$22=$B$24,21,0),MOD($C7160,24)+1)/SUM(INDEX($D$3:$AA$30,INDEX(Jesper!$R$2:$R$366,ROW(INDEX(Jesper!AL$2:AL$366,ROUNDDOWN($C7160/24,0)+1,1))-1)+IF('Standard Profiles'!$G$22=$B$10,7,0)+IF('Standard Profiles'!$G$22=$B$17,14,0)+IF('Standard Profiles'!$G$22=$B$24,21,0),0)),0)</f>
        <v>0</v>
      </c>
      <c r="I7160">
        <f t="shared" si="797"/>
        <v>0.22270847723505213</v>
      </c>
      <c r="J7160">
        <f t="shared" si="798"/>
        <v>0.74236159078350716</v>
      </c>
      <c r="K7160">
        <f t="shared" si="799"/>
        <v>1.1135423861752607</v>
      </c>
      <c r="L7160">
        <f t="shared" si="800"/>
        <v>5.345003453641251</v>
      </c>
      <c r="M7160">
        <f t="shared" si="801"/>
        <v>0</v>
      </c>
      <c r="N7160" s="46">
        <f t="shared" si="802"/>
        <v>45588.916666649384</v>
      </c>
    </row>
    <row r="7161" spans="2:14" x14ac:dyDescent="0.3">
      <c r="B7161">
        <f t="shared" si="796"/>
        <v>3</v>
      </c>
      <c r="C7161" s="16">
        <v>7127</v>
      </c>
      <c r="D7161" cm="1">
        <f t="array" ref="D7161">IFERROR(INDEX(Jesper!AH$2:AH$366,ROUNDDOWN($C7161/24,0)+1,1)*INDEX($D$3:$AA$30,INDEX(Jesper!$R$2:$R$366,ROW(INDEX(Jesper!AH$2:AH$366,ROUNDDOWN($C7161/24,0)+1,1))-1)+IF('Standard Profiles'!$G$18=$B$10,7,0)+IF('Standard Profiles'!$G$18=$B$17,14,0)+IF('Standard Profiles'!$G$18=$B$24,21,0),MOD($C7161,24)+1)/SUM(INDEX($D$3:$AA$30,INDEX(Jesper!$R$2:$R$366,ROW(INDEX(Jesper!AH$2:AH$366,ROUNDDOWN($C7161/24,0)+1,1))-1)+IF('Standard Profiles'!$G$18=$B$10,7,0)+IF('Standard Profiles'!$G$18=$B$17,14,0)+IF('Standard Profiles'!$G$18=$B$24,21,0),0)),0)</f>
        <v>7.423615907835071</v>
      </c>
      <c r="E7161" cm="1">
        <f t="array" ref="E7161">IFERROR(INDEX(Jesper!AI$2:AI$366,ROUNDDOWN($C7161/24,0)+1,1)*INDEX($D$3:$AA$30,INDEX(Jesper!$R$2:$R$366,ROW(INDEX(Jesper!AI$2:AI$366,ROUNDDOWN($C7161/24,0)+1,1))-1)+IF('Standard Profiles'!$G$19=$B$10,7,0)+IF('Standard Profiles'!$G$19=$B$17,14,0)+IF('Standard Profiles'!$G$19=$B$24,21,0),MOD($C7161,24)+1)/SUM(INDEX($D$3:$AA$30,INDEX(Jesper!$R$2:$R$366,ROW(INDEX(Jesper!AI$2:AI$366,ROUNDDOWN($C7161/24,0)+1,1))-1)+IF('Standard Profiles'!$G$19=$B$10,7,0)+IF('Standard Profiles'!$G$19=$B$17,14,0)+IF('Standard Profiles'!$G$19=$B$24,21,0),0)),0)</f>
        <v>0</v>
      </c>
      <c r="F7161" cm="1">
        <f t="array" ref="F7161">IFERROR(INDEX(Jesper!AJ$2:AJ$366,ROUNDDOWN($C7161/24,0)+1,1)*INDEX($D$3:$AA$30,INDEX(Jesper!$R$2:$R$366,ROW(INDEX(Jesper!AJ$2:AJ$366,ROUNDDOWN($C7161/24,0)+1,1))-1)+IF('Standard Profiles'!$G$20=$B$10,7,0)+IF('Standard Profiles'!$G$20=$B$17,14,0)+IF('Standard Profiles'!$G$20=$B$24,21,0),MOD($C7161,24)+1)/SUM(INDEX($D$3:$AA$30,INDEX(Jesper!$R$2:$R$366,ROW(INDEX(Jesper!AJ$2:AJ$366,ROUNDDOWN($C7161/24,0)+1,1))-1)+IF('Standard Profiles'!$G$20=$B$10,7,0)+IF('Standard Profiles'!$G$20=$B$17,14,0)+IF('Standard Profiles'!$G$20=$B$24,21,0),0)),0)</f>
        <v>0</v>
      </c>
      <c r="G7161" cm="1">
        <f t="array" ref="G7161">IFERROR(INDEX(Jesper!AK$2:AK$366,ROUNDDOWN($C7161/24,0)+1,1)*INDEX($D$3:$AA$30,INDEX(Jesper!$R$2:$R$366,ROW(INDEX(Jesper!AK$2:AK$366,ROUNDDOWN($C7161/24,0)+1,1))-1)+IF('Standard Profiles'!$G$21=$B$10,7,0)+IF('Standard Profiles'!$G$21=$B$17,14,0)+IF('Standard Profiles'!$G$21=$B$24,21,0),MOD($C7161,24)+1)/SUM(INDEX($D$3:$AA$30,INDEX(Jesper!$R$2:$R$366,ROW(INDEX(Jesper!AK$2:AK$366,ROUNDDOWN($C7161/24,0)+1,1))-1)+IF('Standard Profiles'!$G$21=$B$10,7,0)+IF('Standard Profiles'!$G$21=$B$17,14,0)+IF('Standard Profiles'!$G$21=$B$24,21,0),0)),0)</f>
        <v>0</v>
      </c>
      <c r="H7161" cm="1">
        <f t="array" ref="H7161">IFERROR(INDEX(Jesper!AL$2:AL$366,ROUNDDOWN($C7161/24,0)+1,1)*INDEX($D$3:$AA$30,INDEX(Jesper!$R$2:$R$366,ROW(INDEX(Jesper!AL$2:AL$366,ROUNDDOWN($C7161/24,0)+1,1))-1)+IF('Standard Profiles'!$G$22=$B$10,7,0)+IF('Standard Profiles'!$G$22=$B$17,14,0)+IF('Standard Profiles'!$G$22=$B$24,21,0),MOD($C7161,24)+1)/SUM(INDEX($D$3:$AA$30,INDEX(Jesper!$R$2:$R$366,ROW(INDEX(Jesper!AL$2:AL$366,ROUNDDOWN($C7161/24,0)+1,1))-1)+IF('Standard Profiles'!$G$22=$B$10,7,0)+IF('Standard Profiles'!$G$22=$B$17,14,0)+IF('Standard Profiles'!$G$22=$B$24,21,0),0)),0)</f>
        <v>0</v>
      </c>
      <c r="I7161">
        <f t="shared" si="797"/>
        <v>0.22270847723505213</v>
      </c>
      <c r="J7161">
        <f t="shared" si="798"/>
        <v>0.74236159078350716</v>
      </c>
      <c r="K7161">
        <f t="shared" si="799"/>
        <v>1.1135423861752607</v>
      </c>
      <c r="L7161">
        <f t="shared" si="800"/>
        <v>5.345003453641251</v>
      </c>
      <c r="M7161">
        <f t="shared" si="801"/>
        <v>0</v>
      </c>
      <c r="N7161" s="46">
        <f t="shared" si="802"/>
        <v>45588.958333316048</v>
      </c>
    </row>
    <row r="7162" spans="2:14" x14ac:dyDescent="0.3">
      <c r="B7162">
        <f t="shared" si="796"/>
        <v>4</v>
      </c>
      <c r="C7162" s="16">
        <v>7128</v>
      </c>
      <c r="D7162" cm="1">
        <f t="array" ref="D7162">IFERROR(INDEX(Jesper!AH$2:AH$366,ROUNDDOWN($C7162/24,0)+1,1)*INDEX($D$3:$AA$30,INDEX(Jesper!$R$2:$R$366,ROW(INDEX(Jesper!AH$2:AH$366,ROUNDDOWN($C7162/24,0)+1,1))-1)+IF('Standard Profiles'!$G$18=$B$10,7,0)+IF('Standard Profiles'!$G$18=$B$17,14,0)+IF('Standard Profiles'!$G$18=$B$24,21,0),MOD($C7162,24)+1)/SUM(INDEX($D$3:$AA$30,INDEX(Jesper!$R$2:$R$366,ROW(INDEX(Jesper!AH$2:AH$366,ROUNDDOWN($C7162/24,0)+1,1))-1)+IF('Standard Profiles'!$G$18=$B$10,7,0)+IF('Standard Profiles'!$G$18=$B$17,14,0)+IF('Standard Profiles'!$G$18=$B$24,21,0),0)),0)</f>
        <v>7.4471651893607715</v>
      </c>
      <c r="E7162" cm="1">
        <f t="array" ref="E7162">IFERROR(INDEX(Jesper!AI$2:AI$366,ROUNDDOWN($C7162/24,0)+1,1)*INDEX($D$3:$AA$30,INDEX(Jesper!$R$2:$R$366,ROW(INDEX(Jesper!AI$2:AI$366,ROUNDDOWN($C7162/24,0)+1,1))-1)+IF('Standard Profiles'!$G$19=$B$10,7,0)+IF('Standard Profiles'!$G$19=$B$17,14,0)+IF('Standard Profiles'!$G$19=$B$24,21,0),MOD($C7162,24)+1)/SUM(INDEX($D$3:$AA$30,INDEX(Jesper!$R$2:$R$366,ROW(INDEX(Jesper!AI$2:AI$366,ROUNDDOWN($C7162/24,0)+1,1))-1)+IF('Standard Profiles'!$G$19=$B$10,7,0)+IF('Standard Profiles'!$G$19=$B$17,14,0)+IF('Standard Profiles'!$G$19=$B$24,21,0),0)),0)</f>
        <v>0</v>
      </c>
      <c r="F7162" cm="1">
        <f t="array" ref="F7162">IFERROR(INDEX(Jesper!AJ$2:AJ$366,ROUNDDOWN($C7162/24,0)+1,1)*INDEX($D$3:$AA$30,INDEX(Jesper!$R$2:$R$366,ROW(INDEX(Jesper!AJ$2:AJ$366,ROUNDDOWN($C7162/24,0)+1,1))-1)+IF('Standard Profiles'!$G$20=$B$10,7,0)+IF('Standard Profiles'!$G$20=$B$17,14,0)+IF('Standard Profiles'!$G$20=$B$24,21,0),MOD($C7162,24)+1)/SUM(INDEX($D$3:$AA$30,INDEX(Jesper!$R$2:$R$366,ROW(INDEX(Jesper!AJ$2:AJ$366,ROUNDDOWN($C7162/24,0)+1,1))-1)+IF('Standard Profiles'!$G$20=$B$10,7,0)+IF('Standard Profiles'!$G$20=$B$17,14,0)+IF('Standard Profiles'!$G$20=$B$24,21,0),0)),0)</f>
        <v>0</v>
      </c>
      <c r="G7162" cm="1">
        <f t="array" ref="G7162">IFERROR(INDEX(Jesper!AK$2:AK$366,ROUNDDOWN($C7162/24,0)+1,1)*INDEX($D$3:$AA$30,INDEX(Jesper!$R$2:$R$366,ROW(INDEX(Jesper!AK$2:AK$366,ROUNDDOWN($C7162/24,0)+1,1))-1)+IF('Standard Profiles'!$G$21=$B$10,7,0)+IF('Standard Profiles'!$G$21=$B$17,14,0)+IF('Standard Profiles'!$G$21=$B$24,21,0),MOD($C7162,24)+1)/SUM(INDEX($D$3:$AA$30,INDEX(Jesper!$R$2:$R$366,ROW(INDEX(Jesper!AK$2:AK$366,ROUNDDOWN($C7162/24,0)+1,1))-1)+IF('Standard Profiles'!$G$21=$B$10,7,0)+IF('Standard Profiles'!$G$21=$B$17,14,0)+IF('Standard Profiles'!$G$21=$B$24,21,0),0)),0)</f>
        <v>0</v>
      </c>
      <c r="H7162" cm="1">
        <f t="array" ref="H7162">IFERROR(INDEX(Jesper!AL$2:AL$366,ROUNDDOWN($C7162/24,0)+1,1)*INDEX($D$3:$AA$30,INDEX(Jesper!$R$2:$R$366,ROW(INDEX(Jesper!AL$2:AL$366,ROUNDDOWN($C7162/24,0)+1,1))-1)+IF('Standard Profiles'!$G$22=$B$10,7,0)+IF('Standard Profiles'!$G$22=$B$17,14,0)+IF('Standard Profiles'!$G$22=$B$24,21,0),MOD($C7162,24)+1)/SUM(INDEX($D$3:$AA$30,INDEX(Jesper!$R$2:$R$366,ROW(INDEX(Jesper!AL$2:AL$366,ROUNDDOWN($C7162/24,0)+1,1))-1)+IF('Standard Profiles'!$G$22=$B$10,7,0)+IF('Standard Profiles'!$G$22=$B$17,14,0)+IF('Standard Profiles'!$G$22=$B$24,21,0),0)),0)</f>
        <v>0</v>
      </c>
      <c r="I7162">
        <f t="shared" si="797"/>
        <v>0.22341495568082315</v>
      </c>
      <c r="J7162">
        <f t="shared" si="798"/>
        <v>0.74471651893607715</v>
      </c>
      <c r="K7162">
        <f t="shared" si="799"/>
        <v>1.1170747784041157</v>
      </c>
      <c r="L7162">
        <f t="shared" si="800"/>
        <v>5.3619589363397555</v>
      </c>
      <c r="M7162">
        <f t="shared" si="801"/>
        <v>0</v>
      </c>
      <c r="N7162" s="46">
        <f t="shared" si="802"/>
        <v>45588.999999982712</v>
      </c>
    </row>
    <row r="7163" spans="2:14" x14ac:dyDescent="0.3">
      <c r="B7163">
        <f t="shared" si="796"/>
        <v>4</v>
      </c>
      <c r="C7163" s="16">
        <v>7129</v>
      </c>
      <c r="D7163" cm="1">
        <f t="array" ref="D7163">IFERROR(INDEX(Jesper!AH$2:AH$366,ROUNDDOWN($C7163/24,0)+1,1)*INDEX($D$3:$AA$30,INDEX(Jesper!$R$2:$R$366,ROW(INDEX(Jesper!AH$2:AH$366,ROUNDDOWN($C7163/24,0)+1,1))-1)+IF('Standard Profiles'!$G$18=$B$10,7,0)+IF('Standard Profiles'!$G$18=$B$17,14,0)+IF('Standard Profiles'!$G$18=$B$24,21,0),MOD($C7163,24)+1)/SUM(INDEX($D$3:$AA$30,INDEX(Jesper!$R$2:$R$366,ROW(INDEX(Jesper!AH$2:AH$366,ROUNDDOWN($C7163/24,0)+1,1))-1)+IF('Standard Profiles'!$G$18=$B$10,7,0)+IF('Standard Profiles'!$G$18=$B$17,14,0)+IF('Standard Profiles'!$G$18=$B$24,21,0),0)),0)</f>
        <v>7.4471651893607715</v>
      </c>
      <c r="E7163" cm="1">
        <f t="array" ref="E7163">IFERROR(INDEX(Jesper!AI$2:AI$366,ROUNDDOWN($C7163/24,0)+1,1)*INDEX($D$3:$AA$30,INDEX(Jesper!$R$2:$R$366,ROW(INDEX(Jesper!AI$2:AI$366,ROUNDDOWN($C7163/24,0)+1,1))-1)+IF('Standard Profiles'!$G$19=$B$10,7,0)+IF('Standard Profiles'!$G$19=$B$17,14,0)+IF('Standard Profiles'!$G$19=$B$24,21,0),MOD($C7163,24)+1)/SUM(INDEX($D$3:$AA$30,INDEX(Jesper!$R$2:$R$366,ROW(INDEX(Jesper!AI$2:AI$366,ROUNDDOWN($C7163/24,0)+1,1))-1)+IF('Standard Profiles'!$G$19=$B$10,7,0)+IF('Standard Profiles'!$G$19=$B$17,14,0)+IF('Standard Profiles'!$G$19=$B$24,21,0),0)),0)</f>
        <v>0</v>
      </c>
      <c r="F7163" cm="1">
        <f t="array" ref="F7163">IFERROR(INDEX(Jesper!AJ$2:AJ$366,ROUNDDOWN($C7163/24,0)+1,1)*INDEX($D$3:$AA$30,INDEX(Jesper!$R$2:$R$366,ROW(INDEX(Jesper!AJ$2:AJ$366,ROUNDDOWN($C7163/24,0)+1,1))-1)+IF('Standard Profiles'!$G$20=$B$10,7,0)+IF('Standard Profiles'!$G$20=$B$17,14,0)+IF('Standard Profiles'!$G$20=$B$24,21,0),MOD($C7163,24)+1)/SUM(INDEX($D$3:$AA$30,INDEX(Jesper!$R$2:$R$366,ROW(INDEX(Jesper!AJ$2:AJ$366,ROUNDDOWN($C7163/24,0)+1,1))-1)+IF('Standard Profiles'!$G$20=$B$10,7,0)+IF('Standard Profiles'!$G$20=$B$17,14,0)+IF('Standard Profiles'!$G$20=$B$24,21,0),0)),0)</f>
        <v>0</v>
      </c>
      <c r="G7163" cm="1">
        <f t="array" ref="G7163">IFERROR(INDEX(Jesper!AK$2:AK$366,ROUNDDOWN($C7163/24,0)+1,1)*INDEX($D$3:$AA$30,INDEX(Jesper!$R$2:$R$366,ROW(INDEX(Jesper!AK$2:AK$366,ROUNDDOWN($C7163/24,0)+1,1))-1)+IF('Standard Profiles'!$G$21=$B$10,7,0)+IF('Standard Profiles'!$G$21=$B$17,14,0)+IF('Standard Profiles'!$G$21=$B$24,21,0),MOD($C7163,24)+1)/SUM(INDEX($D$3:$AA$30,INDEX(Jesper!$R$2:$R$366,ROW(INDEX(Jesper!AK$2:AK$366,ROUNDDOWN($C7163/24,0)+1,1))-1)+IF('Standard Profiles'!$G$21=$B$10,7,0)+IF('Standard Profiles'!$G$21=$B$17,14,0)+IF('Standard Profiles'!$G$21=$B$24,21,0),0)),0)</f>
        <v>0</v>
      </c>
      <c r="H7163" cm="1">
        <f t="array" ref="H7163">IFERROR(INDEX(Jesper!AL$2:AL$366,ROUNDDOWN($C7163/24,0)+1,1)*INDEX($D$3:$AA$30,INDEX(Jesper!$R$2:$R$366,ROW(INDEX(Jesper!AL$2:AL$366,ROUNDDOWN($C7163/24,0)+1,1))-1)+IF('Standard Profiles'!$G$22=$B$10,7,0)+IF('Standard Profiles'!$G$22=$B$17,14,0)+IF('Standard Profiles'!$G$22=$B$24,21,0),MOD($C7163,24)+1)/SUM(INDEX($D$3:$AA$30,INDEX(Jesper!$R$2:$R$366,ROW(INDEX(Jesper!AL$2:AL$366,ROUNDDOWN($C7163/24,0)+1,1))-1)+IF('Standard Profiles'!$G$22=$B$10,7,0)+IF('Standard Profiles'!$G$22=$B$17,14,0)+IF('Standard Profiles'!$G$22=$B$24,21,0),0)),0)</f>
        <v>0</v>
      </c>
      <c r="I7163">
        <f t="shared" si="797"/>
        <v>0.22341495568082315</v>
      </c>
      <c r="J7163">
        <f t="shared" si="798"/>
        <v>0.74471651893607715</v>
      </c>
      <c r="K7163">
        <f t="shared" si="799"/>
        <v>1.1170747784041157</v>
      </c>
      <c r="L7163">
        <f t="shared" si="800"/>
        <v>5.3619589363397555</v>
      </c>
      <c r="M7163">
        <f t="shared" si="801"/>
        <v>0</v>
      </c>
      <c r="N7163" s="46">
        <f t="shared" si="802"/>
        <v>45589.041666649377</v>
      </c>
    </row>
    <row r="7164" spans="2:14" x14ac:dyDescent="0.3">
      <c r="B7164">
        <f t="shared" si="796"/>
        <v>4</v>
      </c>
      <c r="C7164" s="16">
        <v>7130</v>
      </c>
      <c r="D7164" cm="1">
        <f t="array" ref="D7164">IFERROR(INDEX(Jesper!AH$2:AH$366,ROUNDDOWN($C7164/24,0)+1,1)*INDEX($D$3:$AA$30,INDEX(Jesper!$R$2:$R$366,ROW(INDEX(Jesper!AH$2:AH$366,ROUNDDOWN($C7164/24,0)+1,1))-1)+IF('Standard Profiles'!$G$18=$B$10,7,0)+IF('Standard Profiles'!$G$18=$B$17,14,0)+IF('Standard Profiles'!$G$18=$B$24,21,0),MOD($C7164,24)+1)/SUM(INDEX($D$3:$AA$30,INDEX(Jesper!$R$2:$R$366,ROW(INDEX(Jesper!AH$2:AH$366,ROUNDDOWN($C7164/24,0)+1,1))-1)+IF('Standard Profiles'!$G$18=$B$10,7,0)+IF('Standard Profiles'!$G$18=$B$17,14,0)+IF('Standard Profiles'!$G$18=$B$24,21,0),0)),0)</f>
        <v>7.4471651893607715</v>
      </c>
      <c r="E7164" cm="1">
        <f t="array" ref="E7164">IFERROR(INDEX(Jesper!AI$2:AI$366,ROUNDDOWN($C7164/24,0)+1,1)*INDEX($D$3:$AA$30,INDEX(Jesper!$R$2:$R$366,ROW(INDEX(Jesper!AI$2:AI$366,ROUNDDOWN($C7164/24,0)+1,1))-1)+IF('Standard Profiles'!$G$19=$B$10,7,0)+IF('Standard Profiles'!$G$19=$B$17,14,0)+IF('Standard Profiles'!$G$19=$B$24,21,0),MOD($C7164,24)+1)/SUM(INDEX($D$3:$AA$30,INDEX(Jesper!$R$2:$R$366,ROW(INDEX(Jesper!AI$2:AI$366,ROUNDDOWN($C7164/24,0)+1,1))-1)+IF('Standard Profiles'!$G$19=$B$10,7,0)+IF('Standard Profiles'!$G$19=$B$17,14,0)+IF('Standard Profiles'!$G$19=$B$24,21,0),0)),0)</f>
        <v>0</v>
      </c>
      <c r="F7164" cm="1">
        <f t="array" ref="F7164">IFERROR(INDEX(Jesper!AJ$2:AJ$366,ROUNDDOWN($C7164/24,0)+1,1)*INDEX($D$3:$AA$30,INDEX(Jesper!$R$2:$R$366,ROW(INDEX(Jesper!AJ$2:AJ$366,ROUNDDOWN($C7164/24,0)+1,1))-1)+IF('Standard Profiles'!$G$20=$B$10,7,0)+IF('Standard Profiles'!$G$20=$B$17,14,0)+IF('Standard Profiles'!$G$20=$B$24,21,0),MOD($C7164,24)+1)/SUM(INDEX($D$3:$AA$30,INDEX(Jesper!$R$2:$R$366,ROW(INDEX(Jesper!AJ$2:AJ$366,ROUNDDOWN($C7164/24,0)+1,1))-1)+IF('Standard Profiles'!$G$20=$B$10,7,0)+IF('Standard Profiles'!$G$20=$B$17,14,0)+IF('Standard Profiles'!$G$20=$B$24,21,0),0)),0)</f>
        <v>0</v>
      </c>
      <c r="G7164" cm="1">
        <f t="array" ref="G7164">IFERROR(INDEX(Jesper!AK$2:AK$366,ROUNDDOWN($C7164/24,0)+1,1)*INDEX($D$3:$AA$30,INDEX(Jesper!$R$2:$R$366,ROW(INDEX(Jesper!AK$2:AK$366,ROUNDDOWN($C7164/24,0)+1,1))-1)+IF('Standard Profiles'!$G$21=$B$10,7,0)+IF('Standard Profiles'!$G$21=$B$17,14,0)+IF('Standard Profiles'!$G$21=$B$24,21,0),MOD($C7164,24)+1)/SUM(INDEX($D$3:$AA$30,INDEX(Jesper!$R$2:$R$366,ROW(INDEX(Jesper!AK$2:AK$366,ROUNDDOWN($C7164/24,0)+1,1))-1)+IF('Standard Profiles'!$G$21=$B$10,7,0)+IF('Standard Profiles'!$G$21=$B$17,14,0)+IF('Standard Profiles'!$G$21=$B$24,21,0),0)),0)</f>
        <v>0</v>
      </c>
      <c r="H7164" cm="1">
        <f t="array" ref="H7164">IFERROR(INDEX(Jesper!AL$2:AL$366,ROUNDDOWN($C7164/24,0)+1,1)*INDEX($D$3:$AA$30,INDEX(Jesper!$R$2:$R$366,ROW(INDEX(Jesper!AL$2:AL$366,ROUNDDOWN($C7164/24,0)+1,1))-1)+IF('Standard Profiles'!$G$22=$B$10,7,0)+IF('Standard Profiles'!$G$22=$B$17,14,0)+IF('Standard Profiles'!$G$22=$B$24,21,0),MOD($C7164,24)+1)/SUM(INDEX($D$3:$AA$30,INDEX(Jesper!$R$2:$R$366,ROW(INDEX(Jesper!AL$2:AL$366,ROUNDDOWN($C7164/24,0)+1,1))-1)+IF('Standard Profiles'!$G$22=$B$10,7,0)+IF('Standard Profiles'!$G$22=$B$17,14,0)+IF('Standard Profiles'!$G$22=$B$24,21,0),0)),0)</f>
        <v>0</v>
      </c>
      <c r="I7164">
        <f t="shared" si="797"/>
        <v>0.22341495568082315</v>
      </c>
      <c r="J7164">
        <f t="shared" si="798"/>
        <v>0.74471651893607715</v>
      </c>
      <c r="K7164">
        <f t="shared" si="799"/>
        <v>1.1170747784041157</v>
      </c>
      <c r="L7164">
        <f t="shared" si="800"/>
        <v>5.3619589363397555</v>
      </c>
      <c r="M7164">
        <f t="shared" si="801"/>
        <v>0</v>
      </c>
      <c r="N7164" s="46">
        <f t="shared" si="802"/>
        <v>45589.083333316041</v>
      </c>
    </row>
    <row r="7165" spans="2:14" x14ac:dyDescent="0.3">
      <c r="B7165">
        <f t="shared" si="796"/>
        <v>4</v>
      </c>
      <c r="C7165" s="16">
        <v>7131</v>
      </c>
      <c r="D7165" cm="1">
        <f t="array" ref="D7165">IFERROR(INDEX(Jesper!AH$2:AH$366,ROUNDDOWN($C7165/24,0)+1,1)*INDEX($D$3:$AA$30,INDEX(Jesper!$R$2:$R$366,ROW(INDEX(Jesper!AH$2:AH$366,ROUNDDOWN($C7165/24,0)+1,1))-1)+IF('Standard Profiles'!$G$18=$B$10,7,0)+IF('Standard Profiles'!$G$18=$B$17,14,0)+IF('Standard Profiles'!$G$18=$B$24,21,0),MOD($C7165,24)+1)/SUM(INDEX($D$3:$AA$30,INDEX(Jesper!$R$2:$R$366,ROW(INDEX(Jesper!AH$2:AH$366,ROUNDDOWN($C7165/24,0)+1,1))-1)+IF('Standard Profiles'!$G$18=$B$10,7,0)+IF('Standard Profiles'!$G$18=$B$17,14,0)+IF('Standard Profiles'!$G$18=$B$24,21,0),0)),0)</f>
        <v>7.4471651893607715</v>
      </c>
      <c r="E7165" cm="1">
        <f t="array" ref="E7165">IFERROR(INDEX(Jesper!AI$2:AI$366,ROUNDDOWN($C7165/24,0)+1,1)*INDEX($D$3:$AA$30,INDEX(Jesper!$R$2:$R$366,ROW(INDEX(Jesper!AI$2:AI$366,ROUNDDOWN($C7165/24,0)+1,1))-1)+IF('Standard Profiles'!$G$19=$B$10,7,0)+IF('Standard Profiles'!$G$19=$B$17,14,0)+IF('Standard Profiles'!$G$19=$B$24,21,0),MOD($C7165,24)+1)/SUM(INDEX($D$3:$AA$30,INDEX(Jesper!$R$2:$R$366,ROW(INDEX(Jesper!AI$2:AI$366,ROUNDDOWN($C7165/24,0)+1,1))-1)+IF('Standard Profiles'!$G$19=$B$10,7,0)+IF('Standard Profiles'!$G$19=$B$17,14,0)+IF('Standard Profiles'!$G$19=$B$24,21,0),0)),0)</f>
        <v>0</v>
      </c>
      <c r="F7165" cm="1">
        <f t="array" ref="F7165">IFERROR(INDEX(Jesper!AJ$2:AJ$366,ROUNDDOWN($C7165/24,0)+1,1)*INDEX($D$3:$AA$30,INDEX(Jesper!$R$2:$R$366,ROW(INDEX(Jesper!AJ$2:AJ$366,ROUNDDOWN($C7165/24,0)+1,1))-1)+IF('Standard Profiles'!$G$20=$B$10,7,0)+IF('Standard Profiles'!$G$20=$B$17,14,0)+IF('Standard Profiles'!$G$20=$B$24,21,0),MOD($C7165,24)+1)/SUM(INDEX($D$3:$AA$30,INDEX(Jesper!$R$2:$R$366,ROW(INDEX(Jesper!AJ$2:AJ$366,ROUNDDOWN($C7165/24,0)+1,1))-1)+IF('Standard Profiles'!$G$20=$B$10,7,0)+IF('Standard Profiles'!$G$20=$B$17,14,0)+IF('Standard Profiles'!$G$20=$B$24,21,0),0)),0)</f>
        <v>0</v>
      </c>
      <c r="G7165" cm="1">
        <f t="array" ref="G7165">IFERROR(INDEX(Jesper!AK$2:AK$366,ROUNDDOWN($C7165/24,0)+1,1)*INDEX($D$3:$AA$30,INDEX(Jesper!$R$2:$R$366,ROW(INDEX(Jesper!AK$2:AK$366,ROUNDDOWN($C7165/24,0)+1,1))-1)+IF('Standard Profiles'!$G$21=$B$10,7,0)+IF('Standard Profiles'!$G$21=$B$17,14,0)+IF('Standard Profiles'!$G$21=$B$24,21,0),MOD($C7165,24)+1)/SUM(INDEX($D$3:$AA$30,INDEX(Jesper!$R$2:$R$366,ROW(INDEX(Jesper!AK$2:AK$366,ROUNDDOWN($C7165/24,0)+1,1))-1)+IF('Standard Profiles'!$G$21=$B$10,7,0)+IF('Standard Profiles'!$G$21=$B$17,14,0)+IF('Standard Profiles'!$G$21=$B$24,21,0),0)),0)</f>
        <v>0</v>
      </c>
      <c r="H7165" cm="1">
        <f t="array" ref="H7165">IFERROR(INDEX(Jesper!AL$2:AL$366,ROUNDDOWN($C7165/24,0)+1,1)*INDEX($D$3:$AA$30,INDEX(Jesper!$R$2:$R$366,ROW(INDEX(Jesper!AL$2:AL$366,ROUNDDOWN($C7165/24,0)+1,1))-1)+IF('Standard Profiles'!$G$22=$B$10,7,0)+IF('Standard Profiles'!$G$22=$B$17,14,0)+IF('Standard Profiles'!$G$22=$B$24,21,0),MOD($C7165,24)+1)/SUM(INDEX($D$3:$AA$30,INDEX(Jesper!$R$2:$R$366,ROW(INDEX(Jesper!AL$2:AL$366,ROUNDDOWN($C7165/24,0)+1,1))-1)+IF('Standard Profiles'!$G$22=$B$10,7,0)+IF('Standard Profiles'!$G$22=$B$17,14,0)+IF('Standard Profiles'!$G$22=$B$24,21,0),0)),0)</f>
        <v>0</v>
      </c>
      <c r="I7165">
        <f t="shared" si="797"/>
        <v>0.22341495568082315</v>
      </c>
      <c r="J7165">
        <f t="shared" si="798"/>
        <v>0.74471651893607715</v>
      </c>
      <c r="K7165">
        <f t="shared" si="799"/>
        <v>1.1170747784041157</v>
      </c>
      <c r="L7165">
        <f t="shared" si="800"/>
        <v>5.3619589363397555</v>
      </c>
      <c r="M7165">
        <f t="shared" si="801"/>
        <v>0</v>
      </c>
      <c r="N7165" s="46">
        <f t="shared" si="802"/>
        <v>45589.124999982705</v>
      </c>
    </row>
    <row r="7166" spans="2:14" x14ac:dyDescent="0.3">
      <c r="B7166">
        <f t="shared" si="796"/>
        <v>4</v>
      </c>
      <c r="C7166" s="16">
        <v>7132</v>
      </c>
      <c r="D7166" cm="1">
        <f t="array" ref="D7166">IFERROR(INDEX(Jesper!AH$2:AH$366,ROUNDDOWN($C7166/24,0)+1,1)*INDEX($D$3:$AA$30,INDEX(Jesper!$R$2:$R$366,ROW(INDEX(Jesper!AH$2:AH$366,ROUNDDOWN($C7166/24,0)+1,1))-1)+IF('Standard Profiles'!$G$18=$B$10,7,0)+IF('Standard Profiles'!$G$18=$B$17,14,0)+IF('Standard Profiles'!$G$18=$B$24,21,0),MOD($C7166,24)+1)/SUM(INDEX($D$3:$AA$30,INDEX(Jesper!$R$2:$R$366,ROW(INDEX(Jesper!AH$2:AH$366,ROUNDDOWN($C7166/24,0)+1,1))-1)+IF('Standard Profiles'!$G$18=$B$10,7,0)+IF('Standard Profiles'!$G$18=$B$17,14,0)+IF('Standard Profiles'!$G$18=$B$24,21,0),0)),0)</f>
        <v>7.4471651893607715</v>
      </c>
      <c r="E7166" cm="1">
        <f t="array" ref="E7166">IFERROR(INDEX(Jesper!AI$2:AI$366,ROUNDDOWN($C7166/24,0)+1,1)*INDEX($D$3:$AA$30,INDEX(Jesper!$R$2:$R$366,ROW(INDEX(Jesper!AI$2:AI$366,ROUNDDOWN($C7166/24,0)+1,1))-1)+IF('Standard Profiles'!$G$19=$B$10,7,0)+IF('Standard Profiles'!$G$19=$B$17,14,0)+IF('Standard Profiles'!$G$19=$B$24,21,0),MOD($C7166,24)+1)/SUM(INDEX($D$3:$AA$30,INDEX(Jesper!$R$2:$R$366,ROW(INDEX(Jesper!AI$2:AI$366,ROUNDDOWN($C7166/24,0)+1,1))-1)+IF('Standard Profiles'!$G$19=$B$10,7,0)+IF('Standard Profiles'!$G$19=$B$17,14,0)+IF('Standard Profiles'!$G$19=$B$24,21,0),0)),0)</f>
        <v>0</v>
      </c>
      <c r="F7166" cm="1">
        <f t="array" ref="F7166">IFERROR(INDEX(Jesper!AJ$2:AJ$366,ROUNDDOWN($C7166/24,0)+1,1)*INDEX($D$3:$AA$30,INDEX(Jesper!$R$2:$R$366,ROW(INDEX(Jesper!AJ$2:AJ$366,ROUNDDOWN($C7166/24,0)+1,1))-1)+IF('Standard Profiles'!$G$20=$B$10,7,0)+IF('Standard Profiles'!$G$20=$B$17,14,0)+IF('Standard Profiles'!$G$20=$B$24,21,0),MOD($C7166,24)+1)/SUM(INDEX($D$3:$AA$30,INDEX(Jesper!$R$2:$R$366,ROW(INDEX(Jesper!AJ$2:AJ$366,ROUNDDOWN($C7166/24,0)+1,1))-1)+IF('Standard Profiles'!$G$20=$B$10,7,0)+IF('Standard Profiles'!$G$20=$B$17,14,0)+IF('Standard Profiles'!$G$20=$B$24,21,0),0)),0)</f>
        <v>0</v>
      </c>
      <c r="G7166" cm="1">
        <f t="array" ref="G7166">IFERROR(INDEX(Jesper!AK$2:AK$366,ROUNDDOWN($C7166/24,0)+1,1)*INDEX($D$3:$AA$30,INDEX(Jesper!$R$2:$R$366,ROW(INDEX(Jesper!AK$2:AK$366,ROUNDDOWN($C7166/24,0)+1,1))-1)+IF('Standard Profiles'!$G$21=$B$10,7,0)+IF('Standard Profiles'!$G$21=$B$17,14,0)+IF('Standard Profiles'!$G$21=$B$24,21,0),MOD($C7166,24)+1)/SUM(INDEX($D$3:$AA$30,INDEX(Jesper!$R$2:$R$366,ROW(INDEX(Jesper!AK$2:AK$366,ROUNDDOWN($C7166/24,0)+1,1))-1)+IF('Standard Profiles'!$G$21=$B$10,7,0)+IF('Standard Profiles'!$G$21=$B$17,14,0)+IF('Standard Profiles'!$G$21=$B$24,21,0),0)),0)</f>
        <v>0</v>
      </c>
      <c r="H7166" cm="1">
        <f t="array" ref="H7166">IFERROR(INDEX(Jesper!AL$2:AL$366,ROUNDDOWN($C7166/24,0)+1,1)*INDEX($D$3:$AA$30,INDEX(Jesper!$R$2:$R$366,ROW(INDEX(Jesper!AL$2:AL$366,ROUNDDOWN($C7166/24,0)+1,1))-1)+IF('Standard Profiles'!$G$22=$B$10,7,0)+IF('Standard Profiles'!$G$22=$B$17,14,0)+IF('Standard Profiles'!$G$22=$B$24,21,0),MOD($C7166,24)+1)/SUM(INDEX($D$3:$AA$30,INDEX(Jesper!$R$2:$R$366,ROW(INDEX(Jesper!AL$2:AL$366,ROUNDDOWN($C7166/24,0)+1,1))-1)+IF('Standard Profiles'!$G$22=$B$10,7,0)+IF('Standard Profiles'!$G$22=$B$17,14,0)+IF('Standard Profiles'!$G$22=$B$24,21,0),0)),0)</f>
        <v>0</v>
      </c>
      <c r="I7166">
        <f t="shared" si="797"/>
        <v>0.22341495568082315</v>
      </c>
      <c r="J7166">
        <f t="shared" si="798"/>
        <v>0.74471651893607715</v>
      </c>
      <c r="K7166">
        <f t="shared" si="799"/>
        <v>1.1170747784041157</v>
      </c>
      <c r="L7166">
        <f t="shared" si="800"/>
        <v>5.3619589363397555</v>
      </c>
      <c r="M7166">
        <f t="shared" si="801"/>
        <v>0</v>
      </c>
      <c r="N7166" s="46">
        <f t="shared" si="802"/>
        <v>45589.166666649369</v>
      </c>
    </row>
    <row r="7167" spans="2:14" x14ac:dyDescent="0.3">
      <c r="B7167">
        <f t="shared" si="796"/>
        <v>4</v>
      </c>
      <c r="C7167" s="16">
        <v>7133</v>
      </c>
      <c r="D7167" cm="1">
        <f t="array" ref="D7167">IFERROR(INDEX(Jesper!AH$2:AH$366,ROUNDDOWN($C7167/24,0)+1,1)*INDEX($D$3:$AA$30,INDEX(Jesper!$R$2:$R$366,ROW(INDEX(Jesper!AH$2:AH$366,ROUNDDOWN($C7167/24,0)+1,1))-1)+IF('Standard Profiles'!$G$18=$B$10,7,0)+IF('Standard Profiles'!$G$18=$B$17,14,0)+IF('Standard Profiles'!$G$18=$B$24,21,0),MOD($C7167,24)+1)/SUM(INDEX($D$3:$AA$30,INDEX(Jesper!$R$2:$R$366,ROW(INDEX(Jesper!AH$2:AH$366,ROUNDDOWN($C7167/24,0)+1,1))-1)+IF('Standard Profiles'!$G$18=$B$10,7,0)+IF('Standard Profiles'!$G$18=$B$17,14,0)+IF('Standard Profiles'!$G$18=$B$24,21,0),0)),0)</f>
        <v>9.598568466287217</v>
      </c>
      <c r="E7167" cm="1">
        <f t="array" ref="E7167">IFERROR(INDEX(Jesper!AI$2:AI$366,ROUNDDOWN($C7167/24,0)+1,1)*INDEX($D$3:$AA$30,INDEX(Jesper!$R$2:$R$366,ROW(INDEX(Jesper!AI$2:AI$366,ROUNDDOWN($C7167/24,0)+1,1))-1)+IF('Standard Profiles'!$G$19=$B$10,7,0)+IF('Standard Profiles'!$G$19=$B$17,14,0)+IF('Standard Profiles'!$G$19=$B$24,21,0),MOD($C7167,24)+1)/SUM(INDEX($D$3:$AA$30,INDEX(Jesper!$R$2:$R$366,ROW(INDEX(Jesper!AI$2:AI$366,ROUNDDOWN($C7167/24,0)+1,1))-1)+IF('Standard Profiles'!$G$19=$B$10,7,0)+IF('Standard Profiles'!$G$19=$B$17,14,0)+IF('Standard Profiles'!$G$19=$B$24,21,0),0)),0)</f>
        <v>0</v>
      </c>
      <c r="F7167" cm="1">
        <f t="array" ref="F7167">IFERROR(INDEX(Jesper!AJ$2:AJ$366,ROUNDDOWN($C7167/24,0)+1,1)*INDEX($D$3:$AA$30,INDEX(Jesper!$R$2:$R$366,ROW(INDEX(Jesper!AJ$2:AJ$366,ROUNDDOWN($C7167/24,0)+1,1))-1)+IF('Standard Profiles'!$G$20=$B$10,7,0)+IF('Standard Profiles'!$G$20=$B$17,14,0)+IF('Standard Profiles'!$G$20=$B$24,21,0),MOD($C7167,24)+1)/SUM(INDEX($D$3:$AA$30,INDEX(Jesper!$R$2:$R$366,ROW(INDEX(Jesper!AJ$2:AJ$366,ROUNDDOWN($C7167/24,0)+1,1))-1)+IF('Standard Profiles'!$G$20=$B$10,7,0)+IF('Standard Profiles'!$G$20=$B$17,14,0)+IF('Standard Profiles'!$G$20=$B$24,21,0),0)),0)</f>
        <v>0</v>
      </c>
      <c r="G7167" cm="1">
        <f t="array" ref="G7167">IFERROR(INDEX(Jesper!AK$2:AK$366,ROUNDDOWN($C7167/24,0)+1,1)*INDEX($D$3:$AA$30,INDEX(Jesper!$R$2:$R$366,ROW(INDEX(Jesper!AK$2:AK$366,ROUNDDOWN($C7167/24,0)+1,1))-1)+IF('Standard Profiles'!$G$21=$B$10,7,0)+IF('Standard Profiles'!$G$21=$B$17,14,0)+IF('Standard Profiles'!$G$21=$B$24,21,0),MOD($C7167,24)+1)/SUM(INDEX($D$3:$AA$30,INDEX(Jesper!$R$2:$R$366,ROW(INDEX(Jesper!AK$2:AK$366,ROUNDDOWN($C7167/24,0)+1,1))-1)+IF('Standard Profiles'!$G$21=$B$10,7,0)+IF('Standard Profiles'!$G$21=$B$17,14,0)+IF('Standard Profiles'!$G$21=$B$24,21,0),0)),0)</f>
        <v>0</v>
      </c>
      <c r="H7167" cm="1">
        <f t="array" ref="H7167">IFERROR(INDEX(Jesper!AL$2:AL$366,ROUNDDOWN($C7167/24,0)+1,1)*INDEX($D$3:$AA$30,INDEX(Jesper!$R$2:$R$366,ROW(INDEX(Jesper!AL$2:AL$366,ROUNDDOWN($C7167/24,0)+1,1))-1)+IF('Standard Profiles'!$G$22=$B$10,7,0)+IF('Standard Profiles'!$G$22=$B$17,14,0)+IF('Standard Profiles'!$G$22=$B$24,21,0),MOD($C7167,24)+1)/SUM(INDEX($D$3:$AA$30,INDEX(Jesper!$R$2:$R$366,ROW(INDEX(Jesper!AL$2:AL$366,ROUNDDOWN($C7167/24,0)+1,1))-1)+IF('Standard Profiles'!$G$22=$B$10,7,0)+IF('Standard Profiles'!$G$22=$B$17,14,0)+IF('Standard Profiles'!$G$22=$B$24,21,0),0)),0)</f>
        <v>0</v>
      </c>
      <c r="I7167">
        <f t="shared" si="797"/>
        <v>0.28795705398861648</v>
      </c>
      <c r="J7167">
        <f t="shared" si="798"/>
        <v>0.95985684662872173</v>
      </c>
      <c r="K7167">
        <f t="shared" si="799"/>
        <v>1.4397852699430824</v>
      </c>
      <c r="L7167">
        <f t="shared" si="800"/>
        <v>6.9109692957267956</v>
      </c>
      <c r="M7167">
        <f t="shared" si="801"/>
        <v>0</v>
      </c>
      <c r="N7167" s="46">
        <f t="shared" si="802"/>
        <v>45589.208333316034</v>
      </c>
    </row>
    <row r="7168" spans="2:14" x14ac:dyDescent="0.3">
      <c r="B7168">
        <f t="shared" si="796"/>
        <v>4</v>
      </c>
      <c r="C7168" s="16">
        <v>7134</v>
      </c>
      <c r="D7168" cm="1">
        <f t="array" ref="D7168">IFERROR(INDEX(Jesper!AH$2:AH$366,ROUNDDOWN($C7168/24,0)+1,1)*INDEX($D$3:$AA$30,INDEX(Jesper!$R$2:$R$366,ROW(INDEX(Jesper!AH$2:AH$366,ROUNDDOWN($C7168/24,0)+1,1))-1)+IF('Standard Profiles'!$G$18=$B$10,7,0)+IF('Standard Profiles'!$G$18=$B$17,14,0)+IF('Standard Profiles'!$G$18=$B$24,21,0),MOD($C7168,24)+1)/SUM(INDEX($D$3:$AA$30,INDEX(Jesper!$R$2:$R$366,ROW(INDEX(Jesper!AH$2:AH$366,ROUNDDOWN($C7168/24,0)+1,1))-1)+IF('Standard Profiles'!$G$18=$B$10,7,0)+IF('Standard Profiles'!$G$18=$B$17,14,0)+IF('Standard Profiles'!$G$18=$B$24,21,0),0)),0)</f>
        <v>11.088001504159372</v>
      </c>
      <c r="E7168" cm="1">
        <f t="array" ref="E7168">IFERROR(INDEX(Jesper!AI$2:AI$366,ROUNDDOWN($C7168/24,0)+1,1)*INDEX($D$3:$AA$30,INDEX(Jesper!$R$2:$R$366,ROW(INDEX(Jesper!AI$2:AI$366,ROUNDDOWN($C7168/24,0)+1,1))-1)+IF('Standard Profiles'!$G$19=$B$10,7,0)+IF('Standard Profiles'!$G$19=$B$17,14,0)+IF('Standard Profiles'!$G$19=$B$24,21,0),MOD($C7168,24)+1)/SUM(INDEX($D$3:$AA$30,INDEX(Jesper!$R$2:$R$366,ROW(INDEX(Jesper!AI$2:AI$366,ROUNDDOWN($C7168/24,0)+1,1))-1)+IF('Standard Profiles'!$G$19=$B$10,7,0)+IF('Standard Profiles'!$G$19=$B$17,14,0)+IF('Standard Profiles'!$G$19=$B$24,21,0),0)),0)</f>
        <v>0</v>
      </c>
      <c r="F7168" cm="1">
        <f t="array" ref="F7168">IFERROR(INDEX(Jesper!AJ$2:AJ$366,ROUNDDOWN($C7168/24,0)+1,1)*INDEX($D$3:$AA$30,INDEX(Jesper!$R$2:$R$366,ROW(INDEX(Jesper!AJ$2:AJ$366,ROUNDDOWN($C7168/24,0)+1,1))-1)+IF('Standard Profiles'!$G$20=$B$10,7,0)+IF('Standard Profiles'!$G$20=$B$17,14,0)+IF('Standard Profiles'!$G$20=$B$24,21,0),MOD($C7168,24)+1)/SUM(INDEX($D$3:$AA$30,INDEX(Jesper!$R$2:$R$366,ROW(INDEX(Jesper!AJ$2:AJ$366,ROUNDDOWN($C7168/24,0)+1,1))-1)+IF('Standard Profiles'!$G$20=$B$10,7,0)+IF('Standard Profiles'!$G$20=$B$17,14,0)+IF('Standard Profiles'!$G$20=$B$24,21,0),0)),0)</f>
        <v>0</v>
      </c>
      <c r="G7168" cm="1">
        <f t="array" ref="G7168">IFERROR(INDEX(Jesper!AK$2:AK$366,ROUNDDOWN($C7168/24,0)+1,1)*INDEX($D$3:$AA$30,INDEX(Jesper!$R$2:$R$366,ROW(INDEX(Jesper!AK$2:AK$366,ROUNDDOWN($C7168/24,0)+1,1))-1)+IF('Standard Profiles'!$G$21=$B$10,7,0)+IF('Standard Profiles'!$G$21=$B$17,14,0)+IF('Standard Profiles'!$G$21=$B$24,21,0),MOD($C7168,24)+1)/SUM(INDEX($D$3:$AA$30,INDEX(Jesper!$R$2:$R$366,ROW(INDEX(Jesper!AK$2:AK$366,ROUNDDOWN($C7168/24,0)+1,1))-1)+IF('Standard Profiles'!$G$21=$B$10,7,0)+IF('Standard Profiles'!$G$21=$B$17,14,0)+IF('Standard Profiles'!$G$21=$B$24,21,0),0)),0)</f>
        <v>0</v>
      </c>
      <c r="H7168" cm="1">
        <f t="array" ref="H7168">IFERROR(INDEX(Jesper!AL$2:AL$366,ROUNDDOWN($C7168/24,0)+1,1)*INDEX($D$3:$AA$30,INDEX(Jesper!$R$2:$R$366,ROW(INDEX(Jesper!AL$2:AL$366,ROUNDDOWN($C7168/24,0)+1,1))-1)+IF('Standard Profiles'!$G$22=$B$10,7,0)+IF('Standard Profiles'!$G$22=$B$17,14,0)+IF('Standard Profiles'!$G$22=$B$24,21,0),MOD($C7168,24)+1)/SUM(INDEX($D$3:$AA$30,INDEX(Jesper!$R$2:$R$366,ROW(INDEX(Jesper!AL$2:AL$366,ROUNDDOWN($C7168/24,0)+1,1))-1)+IF('Standard Profiles'!$G$22=$B$10,7,0)+IF('Standard Profiles'!$G$22=$B$17,14,0)+IF('Standard Profiles'!$G$22=$B$24,21,0),0)),0)</f>
        <v>0</v>
      </c>
      <c r="I7168">
        <f t="shared" si="797"/>
        <v>0.33264004512478118</v>
      </c>
      <c r="J7168">
        <f t="shared" si="798"/>
        <v>1.1088001504159373</v>
      </c>
      <c r="K7168">
        <f t="shared" si="799"/>
        <v>1.6632002256239058</v>
      </c>
      <c r="L7168">
        <f t="shared" si="800"/>
        <v>7.9833610829947474</v>
      </c>
      <c r="M7168">
        <f t="shared" si="801"/>
        <v>0</v>
      </c>
      <c r="N7168" s="46">
        <f t="shared" si="802"/>
        <v>45589.249999982698</v>
      </c>
    </row>
    <row r="7169" spans="2:14" x14ac:dyDescent="0.3">
      <c r="B7169">
        <f t="shared" si="796"/>
        <v>4</v>
      </c>
      <c r="C7169" s="16">
        <v>7135</v>
      </c>
      <c r="D7169" cm="1">
        <f t="array" ref="D7169">IFERROR(INDEX(Jesper!AH$2:AH$366,ROUNDDOWN($C7169/24,0)+1,1)*INDEX($D$3:$AA$30,INDEX(Jesper!$R$2:$R$366,ROW(INDEX(Jesper!AH$2:AH$366,ROUNDDOWN($C7169/24,0)+1,1))-1)+IF('Standard Profiles'!$G$18=$B$10,7,0)+IF('Standard Profiles'!$G$18=$B$17,14,0)+IF('Standard Profiles'!$G$18=$B$24,21,0),MOD($C7169,24)+1)/SUM(INDEX($D$3:$AA$30,INDEX(Jesper!$R$2:$R$366,ROW(INDEX(Jesper!AH$2:AH$366,ROUNDDOWN($C7169/24,0)+1,1))-1)+IF('Standard Profiles'!$G$18=$B$10,7,0)+IF('Standard Profiles'!$G$18=$B$17,14,0)+IF('Standard Profiles'!$G$18=$B$24,21,0),0)),0)</f>
        <v>11.088001504159372</v>
      </c>
      <c r="E7169" cm="1">
        <f t="array" ref="E7169">IFERROR(INDEX(Jesper!AI$2:AI$366,ROUNDDOWN($C7169/24,0)+1,1)*INDEX($D$3:$AA$30,INDEX(Jesper!$R$2:$R$366,ROW(INDEX(Jesper!AI$2:AI$366,ROUNDDOWN($C7169/24,0)+1,1))-1)+IF('Standard Profiles'!$G$19=$B$10,7,0)+IF('Standard Profiles'!$G$19=$B$17,14,0)+IF('Standard Profiles'!$G$19=$B$24,21,0),MOD($C7169,24)+1)/SUM(INDEX($D$3:$AA$30,INDEX(Jesper!$R$2:$R$366,ROW(INDEX(Jesper!AI$2:AI$366,ROUNDDOWN($C7169/24,0)+1,1))-1)+IF('Standard Profiles'!$G$19=$B$10,7,0)+IF('Standard Profiles'!$G$19=$B$17,14,0)+IF('Standard Profiles'!$G$19=$B$24,21,0),0)),0)</f>
        <v>0</v>
      </c>
      <c r="F7169" cm="1">
        <f t="array" ref="F7169">IFERROR(INDEX(Jesper!AJ$2:AJ$366,ROUNDDOWN($C7169/24,0)+1,1)*INDEX($D$3:$AA$30,INDEX(Jesper!$R$2:$R$366,ROW(INDEX(Jesper!AJ$2:AJ$366,ROUNDDOWN($C7169/24,0)+1,1))-1)+IF('Standard Profiles'!$G$20=$B$10,7,0)+IF('Standard Profiles'!$G$20=$B$17,14,0)+IF('Standard Profiles'!$G$20=$B$24,21,0),MOD($C7169,24)+1)/SUM(INDEX($D$3:$AA$30,INDEX(Jesper!$R$2:$R$366,ROW(INDEX(Jesper!AJ$2:AJ$366,ROUNDDOWN($C7169/24,0)+1,1))-1)+IF('Standard Profiles'!$G$20=$B$10,7,0)+IF('Standard Profiles'!$G$20=$B$17,14,0)+IF('Standard Profiles'!$G$20=$B$24,21,0),0)),0)</f>
        <v>0</v>
      </c>
      <c r="G7169" cm="1">
        <f t="array" ref="G7169">IFERROR(INDEX(Jesper!AK$2:AK$366,ROUNDDOWN($C7169/24,0)+1,1)*INDEX($D$3:$AA$30,INDEX(Jesper!$R$2:$R$366,ROW(INDEX(Jesper!AK$2:AK$366,ROUNDDOWN($C7169/24,0)+1,1))-1)+IF('Standard Profiles'!$G$21=$B$10,7,0)+IF('Standard Profiles'!$G$21=$B$17,14,0)+IF('Standard Profiles'!$G$21=$B$24,21,0),MOD($C7169,24)+1)/SUM(INDEX($D$3:$AA$30,INDEX(Jesper!$R$2:$R$366,ROW(INDEX(Jesper!AK$2:AK$366,ROUNDDOWN($C7169/24,0)+1,1))-1)+IF('Standard Profiles'!$G$21=$B$10,7,0)+IF('Standard Profiles'!$G$21=$B$17,14,0)+IF('Standard Profiles'!$G$21=$B$24,21,0),0)),0)</f>
        <v>0</v>
      </c>
      <c r="H7169" cm="1">
        <f t="array" ref="H7169">IFERROR(INDEX(Jesper!AL$2:AL$366,ROUNDDOWN($C7169/24,0)+1,1)*INDEX($D$3:$AA$30,INDEX(Jesper!$R$2:$R$366,ROW(INDEX(Jesper!AL$2:AL$366,ROUNDDOWN($C7169/24,0)+1,1))-1)+IF('Standard Profiles'!$G$22=$B$10,7,0)+IF('Standard Profiles'!$G$22=$B$17,14,0)+IF('Standard Profiles'!$G$22=$B$24,21,0),MOD($C7169,24)+1)/SUM(INDEX($D$3:$AA$30,INDEX(Jesper!$R$2:$R$366,ROW(INDEX(Jesper!AL$2:AL$366,ROUNDDOWN($C7169/24,0)+1,1))-1)+IF('Standard Profiles'!$G$22=$B$10,7,0)+IF('Standard Profiles'!$G$22=$B$17,14,0)+IF('Standard Profiles'!$G$22=$B$24,21,0),0)),0)</f>
        <v>0</v>
      </c>
      <c r="I7169">
        <f t="shared" si="797"/>
        <v>0.33264004512478118</v>
      </c>
      <c r="J7169">
        <f t="shared" si="798"/>
        <v>1.1088001504159373</v>
      </c>
      <c r="K7169">
        <f t="shared" si="799"/>
        <v>1.6632002256239058</v>
      </c>
      <c r="L7169">
        <f t="shared" si="800"/>
        <v>7.9833610829947474</v>
      </c>
      <c r="M7169">
        <f t="shared" si="801"/>
        <v>0</v>
      </c>
      <c r="N7169" s="46">
        <f t="shared" si="802"/>
        <v>45589.291666649362</v>
      </c>
    </row>
    <row r="7170" spans="2:14" x14ac:dyDescent="0.3">
      <c r="B7170">
        <f t="shared" si="796"/>
        <v>4</v>
      </c>
      <c r="C7170" s="16">
        <v>7136</v>
      </c>
      <c r="D7170" cm="1">
        <f t="array" ref="D7170">IFERROR(INDEX(Jesper!AH$2:AH$366,ROUNDDOWN($C7170/24,0)+1,1)*INDEX($D$3:$AA$30,INDEX(Jesper!$R$2:$R$366,ROW(INDEX(Jesper!AH$2:AH$366,ROUNDDOWN($C7170/24,0)+1,1))-1)+IF('Standard Profiles'!$G$18=$B$10,7,0)+IF('Standard Profiles'!$G$18=$B$17,14,0)+IF('Standard Profiles'!$G$18=$B$24,21,0),MOD($C7170,24)+1)/SUM(INDEX($D$3:$AA$30,INDEX(Jesper!$R$2:$R$366,ROW(INDEX(Jesper!AH$2:AH$366,ROUNDDOWN($C7170/24,0)+1,1))-1)+IF('Standard Profiles'!$G$18=$B$10,7,0)+IF('Standard Profiles'!$G$18=$B$17,14,0)+IF('Standard Profiles'!$G$18=$B$24,21,0),0)),0)</f>
        <v>11.088001504159372</v>
      </c>
      <c r="E7170" cm="1">
        <f t="array" ref="E7170">IFERROR(INDEX(Jesper!AI$2:AI$366,ROUNDDOWN($C7170/24,0)+1,1)*INDEX($D$3:$AA$30,INDEX(Jesper!$R$2:$R$366,ROW(INDEX(Jesper!AI$2:AI$366,ROUNDDOWN($C7170/24,0)+1,1))-1)+IF('Standard Profiles'!$G$19=$B$10,7,0)+IF('Standard Profiles'!$G$19=$B$17,14,0)+IF('Standard Profiles'!$G$19=$B$24,21,0),MOD($C7170,24)+1)/SUM(INDEX($D$3:$AA$30,INDEX(Jesper!$R$2:$R$366,ROW(INDEX(Jesper!AI$2:AI$366,ROUNDDOWN($C7170/24,0)+1,1))-1)+IF('Standard Profiles'!$G$19=$B$10,7,0)+IF('Standard Profiles'!$G$19=$B$17,14,0)+IF('Standard Profiles'!$G$19=$B$24,21,0),0)),0)</f>
        <v>0</v>
      </c>
      <c r="F7170" cm="1">
        <f t="array" ref="F7170">IFERROR(INDEX(Jesper!AJ$2:AJ$366,ROUNDDOWN($C7170/24,0)+1,1)*INDEX($D$3:$AA$30,INDEX(Jesper!$R$2:$R$366,ROW(INDEX(Jesper!AJ$2:AJ$366,ROUNDDOWN($C7170/24,0)+1,1))-1)+IF('Standard Profiles'!$G$20=$B$10,7,0)+IF('Standard Profiles'!$G$20=$B$17,14,0)+IF('Standard Profiles'!$G$20=$B$24,21,0),MOD($C7170,24)+1)/SUM(INDEX($D$3:$AA$30,INDEX(Jesper!$R$2:$R$366,ROW(INDEX(Jesper!AJ$2:AJ$366,ROUNDDOWN($C7170/24,0)+1,1))-1)+IF('Standard Profiles'!$G$20=$B$10,7,0)+IF('Standard Profiles'!$G$20=$B$17,14,0)+IF('Standard Profiles'!$G$20=$B$24,21,0),0)),0)</f>
        <v>0</v>
      </c>
      <c r="G7170" cm="1">
        <f t="array" ref="G7170">IFERROR(INDEX(Jesper!AK$2:AK$366,ROUNDDOWN($C7170/24,0)+1,1)*INDEX($D$3:$AA$30,INDEX(Jesper!$R$2:$R$366,ROW(INDEX(Jesper!AK$2:AK$366,ROUNDDOWN($C7170/24,0)+1,1))-1)+IF('Standard Profiles'!$G$21=$B$10,7,0)+IF('Standard Profiles'!$G$21=$B$17,14,0)+IF('Standard Profiles'!$G$21=$B$24,21,0),MOD($C7170,24)+1)/SUM(INDEX($D$3:$AA$30,INDEX(Jesper!$R$2:$R$366,ROW(INDEX(Jesper!AK$2:AK$366,ROUNDDOWN($C7170/24,0)+1,1))-1)+IF('Standard Profiles'!$G$21=$B$10,7,0)+IF('Standard Profiles'!$G$21=$B$17,14,0)+IF('Standard Profiles'!$G$21=$B$24,21,0),0)),0)</f>
        <v>0</v>
      </c>
      <c r="H7170" cm="1">
        <f t="array" ref="H7170">IFERROR(INDEX(Jesper!AL$2:AL$366,ROUNDDOWN($C7170/24,0)+1,1)*INDEX($D$3:$AA$30,INDEX(Jesper!$R$2:$R$366,ROW(INDEX(Jesper!AL$2:AL$366,ROUNDDOWN($C7170/24,0)+1,1))-1)+IF('Standard Profiles'!$G$22=$B$10,7,0)+IF('Standard Profiles'!$G$22=$B$17,14,0)+IF('Standard Profiles'!$G$22=$B$24,21,0),MOD($C7170,24)+1)/SUM(INDEX($D$3:$AA$30,INDEX(Jesper!$R$2:$R$366,ROW(INDEX(Jesper!AL$2:AL$366,ROUNDDOWN($C7170/24,0)+1,1))-1)+IF('Standard Profiles'!$G$22=$B$10,7,0)+IF('Standard Profiles'!$G$22=$B$17,14,0)+IF('Standard Profiles'!$G$22=$B$24,21,0),0)),0)</f>
        <v>0</v>
      </c>
      <c r="I7170">
        <f t="shared" si="797"/>
        <v>0.33264004512478118</v>
      </c>
      <c r="J7170">
        <f t="shared" si="798"/>
        <v>1.1088001504159373</v>
      </c>
      <c r="K7170">
        <f t="shared" si="799"/>
        <v>1.6632002256239058</v>
      </c>
      <c r="L7170">
        <f t="shared" si="800"/>
        <v>7.9833610829947474</v>
      </c>
      <c r="M7170">
        <f t="shared" si="801"/>
        <v>0</v>
      </c>
      <c r="N7170" s="46">
        <f t="shared" si="802"/>
        <v>45589.333333316026</v>
      </c>
    </row>
    <row r="7171" spans="2:14" x14ac:dyDescent="0.3">
      <c r="B7171">
        <f t="shared" si="796"/>
        <v>4</v>
      </c>
      <c r="C7171" s="16">
        <v>7137</v>
      </c>
      <c r="D7171" cm="1">
        <f t="array" ref="D7171">IFERROR(INDEX(Jesper!AH$2:AH$366,ROUNDDOWN($C7171/24,0)+1,1)*INDEX($D$3:$AA$30,INDEX(Jesper!$R$2:$R$366,ROW(INDEX(Jesper!AH$2:AH$366,ROUNDDOWN($C7171/24,0)+1,1))-1)+IF('Standard Profiles'!$G$18=$B$10,7,0)+IF('Standard Profiles'!$G$18=$B$17,14,0)+IF('Standard Profiles'!$G$18=$B$24,21,0),MOD($C7171,24)+1)/SUM(INDEX($D$3:$AA$30,INDEX(Jesper!$R$2:$R$366,ROW(INDEX(Jesper!AH$2:AH$366,ROUNDDOWN($C7171/24,0)+1,1))-1)+IF('Standard Profiles'!$G$18=$B$10,7,0)+IF('Standard Profiles'!$G$18=$B$17,14,0)+IF('Standard Profiles'!$G$18=$B$24,21,0),0)),0)</f>
        <v>11.915464302977234</v>
      </c>
      <c r="E7171" cm="1">
        <f t="array" ref="E7171">IFERROR(INDEX(Jesper!AI$2:AI$366,ROUNDDOWN($C7171/24,0)+1,1)*INDEX($D$3:$AA$30,INDEX(Jesper!$R$2:$R$366,ROW(INDEX(Jesper!AI$2:AI$366,ROUNDDOWN($C7171/24,0)+1,1))-1)+IF('Standard Profiles'!$G$19=$B$10,7,0)+IF('Standard Profiles'!$G$19=$B$17,14,0)+IF('Standard Profiles'!$G$19=$B$24,21,0),MOD($C7171,24)+1)/SUM(INDEX($D$3:$AA$30,INDEX(Jesper!$R$2:$R$366,ROW(INDEX(Jesper!AI$2:AI$366,ROUNDDOWN($C7171/24,0)+1,1))-1)+IF('Standard Profiles'!$G$19=$B$10,7,0)+IF('Standard Profiles'!$G$19=$B$17,14,0)+IF('Standard Profiles'!$G$19=$B$24,21,0),0)),0)</f>
        <v>0</v>
      </c>
      <c r="F7171" cm="1">
        <f t="array" ref="F7171">IFERROR(INDEX(Jesper!AJ$2:AJ$366,ROUNDDOWN($C7171/24,0)+1,1)*INDEX($D$3:$AA$30,INDEX(Jesper!$R$2:$R$366,ROW(INDEX(Jesper!AJ$2:AJ$366,ROUNDDOWN($C7171/24,0)+1,1))-1)+IF('Standard Profiles'!$G$20=$B$10,7,0)+IF('Standard Profiles'!$G$20=$B$17,14,0)+IF('Standard Profiles'!$G$20=$B$24,21,0),MOD($C7171,24)+1)/SUM(INDEX($D$3:$AA$30,INDEX(Jesper!$R$2:$R$366,ROW(INDEX(Jesper!AJ$2:AJ$366,ROUNDDOWN($C7171/24,0)+1,1))-1)+IF('Standard Profiles'!$G$20=$B$10,7,0)+IF('Standard Profiles'!$G$20=$B$17,14,0)+IF('Standard Profiles'!$G$20=$B$24,21,0),0)),0)</f>
        <v>0</v>
      </c>
      <c r="G7171" cm="1">
        <f t="array" ref="G7171">IFERROR(INDEX(Jesper!AK$2:AK$366,ROUNDDOWN($C7171/24,0)+1,1)*INDEX($D$3:$AA$30,INDEX(Jesper!$R$2:$R$366,ROW(INDEX(Jesper!AK$2:AK$366,ROUNDDOWN($C7171/24,0)+1,1))-1)+IF('Standard Profiles'!$G$21=$B$10,7,0)+IF('Standard Profiles'!$G$21=$B$17,14,0)+IF('Standard Profiles'!$G$21=$B$24,21,0),MOD($C7171,24)+1)/SUM(INDEX($D$3:$AA$30,INDEX(Jesper!$R$2:$R$366,ROW(INDEX(Jesper!AK$2:AK$366,ROUNDDOWN($C7171/24,0)+1,1))-1)+IF('Standard Profiles'!$G$21=$B$10,7,0)+IF('Standard Profiles'!$G$21=$B$17,14,0)+IF('Standard Profiles'!$G$21=$B$24,21,0),0)),0)</f>
        <v>0</v>
      </c>
      <c r="H7171" cm="1">
        <f t="array" ref="H7171">IFERROR(INDEX(Jesper!AL$2:AL$366,ROUNDDOWN($C7171/24,0)+1,1)*INDEX($D$3:$AA$30,INDEX(Jesper!$R$2:$R$366,ROW(INDEX(Jesper!AL$2:AL$366,ROUNDDOWN($C7171/24,0)+1,1))-1)+IF('Standard Profiles'!$G$22=$B$10,7,0)+IF('Standard Profiles'!$G$22=$B$17,14,0)+IF('Standard Profiles'!$G$22=$B$24,21,0),MOD($C7171,24)+1)/SUM(INDEX($D$3:$AA$30,INDEX(Jesper!$R$2:$R$366,ROW(INDEX(Jesper!AL$2:AL$366,ROUNDDOWN($C7171/24,0)+1,1))-1)+IF('Standard Profiles'!$G$22=$B$10,7,0)+IF('Standard Profiles'!$G$22=$B$17,14,0)+IF('Standard Profiles'!$G$22=$B$24,21,0),0)),0)</f>
        <v>0</v>
      </c>
      <c r="I7171">
        <f t="shared" si="797"/>
        <v>0.35746392908931701</v>
      </c>
      <c r="J7171">
        <f t="shared" si="798"/>
        <v>1.1915464302977234</v>
      </c>
      <c r="K7171">
        <f t="shared" si="799"/>
        <v>1.7873196454465852</v>
      </c>
      <c r="L7171">
        <f t="shared" si="800"/>
        <v>8.5791342981436092</v>
      </c>
      <c r="M7171">
        <f t="shared" si="801"/>
        <v>0</v>
      </c>
      <c r="N7171" s="46">
        <f t="shared" si="802"/>
        <v>45589.37499998269</v>
      </c>
    </row>
    <row r="7172" spans="2:14" x14ac:dyDescent="0.3">
      <c r="B7172">
        <f t="shared" si="796"/>
        <v>4</v>
      </c>
      <c r="C7172" s="16">
        <v>7138</v>
      </c>
      <c r="D7172" cm="1">
        <f t="array" ref="D7172">IFERROR(INDEX(Jesper!AH$2:AH$366,ROUNDDOWN($C7172/24,0)+1,1)*INDEX($D$3:$AA$30,INDEX(Jesper!$R$2:$R$366,ROW(INDEX(Jesper!AH$2:AH$366,ROUNDDOWN($C7172/24,0)+1,1))-1)+IF('Standard Profiles'!$G$18=$B$10,7,0)+IF('Standard Profiles'!$G$18=$B$17,14,0)+IF('Standard Profiles'!$G$18=$B$24,21,0),MOD($C7172,24)+1)/SUM(INDEX($D$3:$AA$30,INDEX(Jesper!$R$2:$R$366,ROW(INDEX(Jesper!AH$2:AH$366,ROUNDDOWN($C7172/24,0)+1,1))-1)+IF('Standard Profiles'!$G$18=$B$10,7,0)+IF('Standard Profiles'!$G$18=$B$17,14,0)+IF('Standard Profiles'!$G$18=$B$24,21,0),0)),0)</f>
        <v>12.908419661558671</v>
      </c>
      <c r="E7172" cm="1">
        <f t="array" ref="E7172">IFERROR(INDEX(Jesper!AI$2:AI$366,ROUNDDOWN($C7172/24,0)+1,1)*INDEX($D$3:$AA$30,INDEX(Jesper!$R$2:$R$366,ROW(INDEX(Jesper!AI$2:AI$366,ROUNDDOWN($C7172/24,0)+1,1))-1)+IF('Standard Profiles'!$G$19=$B$10,7,0)+IF('Standard Profiles'!$G$19=$B$17,14,0)+IF('Standard Profiles'!$G$19=$B$24,21,0),MOD($C7172,24)+1)/SUM(INDEX($D$3:$AA$30,INDEX(Jesper!$R$2:$R$366,ROW(INDEX(Jesper!AI$2:AI$366,ROUNDDOWN($C7172/24,0)+1,1))-1)+IF('Standard Profiles'!$G$19=$B$10,7,0)+IF('Standard Profiles'!$G$19=$B$17,14,0)+IF('Standard Profiles'!$G$19=$B$24,21,0),0)),0)</f>
        <v>0</v>
      </c>
      <c r="F7172" cm="1">
        <f t="array" ref="F7172">IFERROR(INDEX(Jesper!AJ$2:AJ$366,ROUNDDOWN($C7172/24,0)+1,1)*INDEX($D$3:$AA$30,INDEX(Jesper!$R$2:$R$366,ROW(INDEX(Jesper!AJ$2:AJ$366,ROUNDDOWN($C7172/24,0)+1,1))-1)+IF('Standard Profiles'!$G$20=$B$10,7,0)+IF('Standard Profiles'!$G$20=$B$17,14,0)+IF('Standard Profiles'!$G$20=$B$24,21,0),MOD($C7172,24)+1)/SUM(INDEX($D$3:$AA$30,INDEX(Jesper!$R$2:$R$366,ROW(INDEX(Jesper!AJ$2:AJ$366,ROUNDDOWN($C7172/24,0)+1,1))-1)+IF('Standard Profiles'!$G$20=$B$10,7,0)+IF('Standard Profiles'!$G$20=$B$17,14,0)+IF('Standard Profiles'!$G$20=$B$24,21,0),0)),0)</f>
        <v>0</v>
      </c>
      <c r="G7172" cm="1">
        <f t="array" ref="G7172">IFERROR(INDEX(Jesper!AK$2:AK$366,ROUNDDOWN($C7172/24,0)+1,1)*INDEX($D$3:$AA$30,INDEX(Jesper!$R$2:$R$366,ROW(INDEX(Jesper!AK$2:AK$366,ROUNDDOWN($C7172/24,0)+1,1))-1)+IF('Standard Profiles'!$G$21=$B$10,7,0)+IF('Standard Profiles'!$G$21=$B$17,14,0)+IF('Standard Profiles'!$G$21=$B$24,21,0),MOD($C7172,24)+1)/SUM(INDEX($D$3:$AA$30,INDEX(Jesper!$R$2:$R$366,ROW(INDEX(Jesper!AK$2:AK$366,ROUNDDOWN($C7172/24,0)+1,1))-1)+IF('Standard Profiles'!$G$21=$B$10,7,0)+IF('Standard Profiles'!$G$21=$B$17,14,0)+IF('Standard Profiles'!$G$21=$B$24,21,0),0)),0)</f>
        <v>0</v>
      </c>
      <c r="H7172" cm="1">
        <f t="array" ref="H7172">IFERROR(INDEX(Jesper!AL$2:AL$366,ROUNDDOWN($C7172/24,0)+1,1)*INDEX($D$3:$AA$30,INDEX(Jesper!$R$2:$R$366,ROW(INDEX(Jesper!AL$2:AL$366,ROUNDDOWN($C7172/24,0)+1,1))-1)+IF('Standard Profiles'!$G$22=$B$10,7,0)+IF('Standard Profiles'!$G$22=$B$17,14,0)+IF('Standard Profiles'!$G$22=$B$24,21,0),MOD($C7172,24)+1)/SUM(INDEX($D$3:$AA$30,INDEX(Jesper!$R$2:$R$366,ROW(INDEX(Jesper!AL$2:AL$366,ROUNDDOWN($C7172/24,0)+1,1))-1)+IF('Standard Profiles'!$G$22=$B$10,7,0)+IF('Standard Profiles'!$G$22=$B$17,14,0)+IF('Standard Profiles'!$G$22=$B$24,21,0),0)),0)</f>
        <v>0</v>
      </c>
      <c r="I7172">
        <f t="shared" si="797"/>
        <v>0.38725258984676014</v>
      </c>
      <c r="J7172">
        <f t="shared" si="798"/>
        <v>1.2908419661558672</v>
      </c>
      <c r="K7172">
        <f t="shared" si="799"/>
        <v>1.9362629492338006</v>
      </c>
      <c r="L7172">
        <f t="shared" si="800"/>
        <v>9.2940621563222425</v>
      </c>
      <c r="M7172">
        <f t="shared" si="801"/>
        <v>0</v>
      </c>
      <c r="N7172" s="46">
        <f t="shared" si="802"/>
        <v>45589.416666649355</v>
      </c>
    </row>
    <row r="7173" spans="2:14" x14ac:dyDescent="0.3">
      <c r="B7173">
        <f t="shared" si="796"/>
        <v>4</v>
      </c>
      <c r="C7173" s="16">
        <v>7139</v>
      </c>
      <c r="D7173" cm="1">
        <f t="array" ref="D7173">IFERROR(INDEX(Jesper!AH$2:AH$366,ROUNDDOWN($C7173/24,0)+1,1)*INDEX($D$3:$AA$30,INDEX(Jesper!$R$2:$R$366,ROW(INDEX(Jesper!AH$2:AH$366,ROUNDDOWN($C7173/24,0)+1,1))-1)+IF('Standard Profiles'!$G$18=$B$10,7,0)+IF('Standard Profiles'!$G$18=$B$17,14,0)+IF('Standard Profiles'!$G$18=$B$24,21,0),MOD($C7173,24)+1)/SUM(INDEX($D$3:$AA$30,INDEX(Jesper!$R$2:$R$366,ROW(INDEX(Jesper!AH$2:AH$366,ROUNDDOWN($C7173/24,0)+1,1))-1)+IF('Standard Profiles'!$G$18=$B$10,7,0)+IF('Standard Profiles'!$G$18=$B$17,14,0)+IF('Standard Profiles'!$G$18=$B$24,21,0),0)),0)</f>
        <v>14.894330378721543</v>
      </c>
      <c r="E7173" cm="1">
        <f t="array" ref="E7173">IFERROR(INDEX(Jesper!AI$2:AI$366,ROUNDDOWN($C7173/24,0)+1,1)*INDEX($D$3:$AA$30,INDEX(Jesper!$R$2:$R$366,ROW(INDEX(Jesper!AI$2:AI$366,ROUNDDOWN($C7173/24,0)+1,1))-1)+IF('Standard Profiles'!$G$19=$B$10,7,0)+IF('Standard Profiles'!$G$19=$B$17,14,0)+IF('Standard Profiles'!$G$19=$B$24,21,0),MOD($C7173,24)+1)/SUM(INDEX($D$3:$AA$30,INDEX(Jesper!$R$2:$R$366,ROW(INDEX(Jesper!AI$2:AI$366,ROUNDDOWN($C7173/24,0)+1,1))-1)+IF('Standard Profiles'!$G$19=$B$10,7,0)+IF('Standard Profiles'!$G$19=$B$17,14,0)+IF('Standard Profiles'!$G$19=$B$24,21,0),0)),0)</f>
        <v>0</v>
      </c>
      <c r="F7173" cm="1">
        <f t="array" ref="F7173">IFERROR(INDEX(Jesper!AJ$2:AJ$366,ROUNDDOWN($C7173/24,0)+1,1)*INDEX($D$3:$AA$30,INDEX(Jesper!$R$2:$R$366,ROW(INDEX(Jesper!AJ$2:AJ$366,ROUNDDOWN($C7173/24,0)+1,1))-1)+IF('Standard Profiles'!$G$20=$B$10,7,0)+IF('Standard Profiles'!$G$20=$B$17,14,0)+IF('Standard Profiles'!$G$20=$B$24,21,0),MOD($C7173,24)+1)/SUM(INDEX($D$3:$AA$30,INDEX(Jesper!$R$2:$R$366,ROW(INDEX(Jesper!AJ$2:AJ$366,ROUNDDOWN($C7173/24,0)+1,1))-1)+IF('Standard Profiles'!$G$20=$B$10,7,0)+IF('Standard Profiles'!$G$20=$B$17,14,0)+IF('Standard Profiles'!$G$20=$B$24,21,0),0)),0)</f>
        <v>0</v>
      </c>
      <c r="G7173" cm="1">
        <f t="array" ref="G7173">IFERROR(INDEX(Jesper!AK$2:AK$366,ROUNDDOWN($C7173/24,0)+1,1)*INDEX($D$3:$AA$30,INDEX(Jesper!$R$2:$R$366,ROW(INDEX(Jesper!AK$2:AK$366,ROUNDDOWN($C7173/24,0)+1,1))-1)+IF('Standard Profiles'!$G$21=$B$10,7,0)+IF('Standard Profiles'!$G$21=$B$17,14,0)+IF('Standard Profiles'!$G$21=$B$24,21,0),MOD($C7173,24)+1)/SUM(INDEX($D$3:$AA$30,INDEX(Jesper!$R$2:$R$366,ROW(INDEX(Jesper!AK$2:AK$366,ROUNDDOWN($C7173/24,0)+1,1))-1)+IF('Standard Profiles'!$G$21=$B$10,7,0)+IF('Standard Profiles'!$G$21=$B$17,14,0)+IF('Standard Profiles'!$G$21=$B$24,21,0),0)),0)</f>
        <v>0</v>
      </c>
      <c r="H7173" cm="1">
        <f t="array" ref="H7173">IFERROR(INDEX(Jesper!AL$2:AL$366,ROUNDDOWN($C7173/24,0)+1,1)*INDEX($D$3:$AA$30,INDEX(Jesper!$R$2:$R$366,ROW(INDEX(Jesper!AL$2:AL$366,ROUNDDOWN($C7173/24,0)+1,1))-1)+IF('Standard Profiles'!$G$22=$B$10,7,0)+IF('Standard Profiles'!$G$22=$B$17,14,0)+IF('Standard Profiles'!$G$22=$B$24,21,0),MOD($C7173,24)+1)/SUM(INDEX($D$3:$AA$30,INDEX(Jesper!$R$2:$R$366,ROW(INDEX(Jesper!AL$2:AL$366,ROUNDDOWN($C7173/24,0)+1,1))-1)+IF('Standard Profiles'!$G$22=$B$10,7,0)+IF('Standard Profiles'!$G$22=$B$17,14,0)+IF('Standard Profiles'!$G$22=$B$24,21,0),0)),0)</f>
        <v>0</v>
      </c>
      <c r="I7173">
        <f t="shared" si="797"/>
        <v>0.44682991136164629</v>
      </c>
      <c r="J7173">
        <f t="shared" si="798"/>
        <v>1.4894330378721543</v>
      </c>
      <c r="K7173">
        <f t="shared" si="799"/>
        <v>2.2341495568082315</v>
      </c>
      <c r="L7173">
        <f t="shared" si="800"/>
        <v>10.723917872679511</v>
      </c>
      <c r="M7173">
        <f t="shared" si="801"/>
        <v>0</v>
      </c>
      <c r="N7173" s="46">
        <f t="shared" si="802"/>
        <v>45589.458333316019</v>
      </c>
    </row>
    <row r="7174" spans="2:14" x14ac:dyDescent="0.3">
      <c r="B7174">
        <f t="shared" si="796"/>
        <v>4</v>
      </c>
      <c r="C7174" s="16">
        <v>7140</v>
      </c>
      <c r="D7174" cm="1">
        <f t="array" ref="D7174">IFERROR(INDEX(Jesper!AH$2:AH$366,ROUNDDOWN($C7174/24,0)+1,1)*INDEX($D$3:$AA$30,INDEX(Jesper!$R$2:$R$366,ROW(INDEX(Jesper!AH$2:AH$366,ROUNDDOWN($C7174/24,0)+1,1))-1)+IF('Standard Profiles'!$G$18=$B$10,7,0)+IF('Standard Profiles'!$G$18=$B$17,14,0)+IF('Standard Profiles'!$G$18=$B$24,21,0),MOD($C7174,24)+1)/SUM(INDEX($D$3:$AA$30,INDEX(Jesper!$R$2:$R$366,ROW(INDEX(Jesper!AH$2:AH$366,ROUNDDOWN($C7174/24,0)+1,1))-1)+IF('Standard Profiles'!$G$18=$B$10,7,0)+IF('Standard Profiles'!$G$18=$B$17,14,0)+IF('Standard Profiles'!$G$18=$B$24,21,0),0)),0)</f>
        <v>14.894330378721543</v>
      </c>
      <c r="E7174" cm="1">
        <f t="array" ref="E7174">IFERROR(INDEX(Jesper!AI$2:AI$366,ROUNDDOWN($C7174/24,0)+1,1)*INDEX($D$3:$AA$30,INDEX(Jesper!$R$2:$R$366,ROW(INDEX(Jesper!AI$2:AI$366,ROUNDDOWN($C7174/24,0)+1,1))-1)+IF('Standard Profiles'!$G$19=$B$10,7,0)+IF('Standard Profiles'!$G$19=$B$17,14,0)+IF('Standard Profiles'!$G$19=$B$24,21,0),MOD($C7174,24)+1)/SUM(INDEX($D$3:$AA$30,INDEX(Jesper!$R$2:$R$366,ROW(INDEX(Jesper!AI$2:AI$366,ROUNDDOWN($C7174/24,0)+1,1))-1)+IF('Standard Profiles'!$G$19=$B$10,7,0)+IF('Standard Profiles'!$G$19=$B$17,14,0)+IF('Standard Profiles'!$G$19=$B$24,21,0),0)),0)</f>
        <v>0</v>
      </c>
      <c r="F7174" cm="1">
        <f t="array" ref="F7174">IFERROR(INDEX(Jesper!AJ$2:AJ$366,ROUNDDOWN($C7174/24,0)+1,1)*INDEX($D$3:$AA$30,INDEX(Jesper!$R$2:$R$366,ROW(INDEX(Jesper!AJ$2:AJ$366,ROUNDDOWN($C7174/24,0)+1,1))-1)+IF('Standard Profiles'!$G$20=$B$10,7,0)+IF('Standard Profiles'!$G$20=$B$17,14,0)+IF('Standard Profiles'!$G$20=$B$24,21,0),MOD($C7174,24)+1)/SUM(INDEX($D$3:$AA$30,INDEX(Jesper!$R$2:$R$366,ROW(INDEX(Jesper!AJ$2:AJ$366,ROUNDDOWN($C7174/24,0)+1,1))-1)+IF('Standard Profiles'!$G$20=$B$10,7,0)+IF('Standard Profiles'!$G$20=$B$17,14,0)+IF('Standard Profiles'!$G$20=$B$24,21,0),0)),0)</f>
        <v>0</v>
      </c>
      <c r="G7174" cm="1">
        <f t="array" ref="G7174">IFERROR(INDEX(Jesper!AK$2:AK$366,ROUNDDOWN($C7174/24,0)+1,1)*INDEX($D$3:$AA$30,INDEX(Jesper!$R$2:$R$366,ROW(INDEX(Jesper!AK$2:AK$366,ROUNDDOWN($C7174/24,0)+1,1))-1)+IF('Standard Profiles'!$G$21=$B$10,7,0)+IF('Standard Profiles'!$G$21=$B$17,14,0)+IF('Standard Profiles'!$G$21=$B$24,21,0),MOD($C7174,24)+1)/SUM(INDEX($D$3:$AA$30,INDEX(Jesper!$R$2:$R$366,ROW(INDEX(Jesper!AK$2:AK$366,ROUNDDOWN($C7174/24,0)+1,1))-1)+IF('Standard Profiles'!$G$21=$B$10,7,0)+IF('Standard Profiles'!$G$21=$B$17,14,0)+IF('Standard Profiles'!$G$21=$B$24,21,0),0)),0)</f>
        <v>0</v>
      </c>
      <c r="H7174" cm="1">
        <f t="array" ref="H7174">IFERROR(INDEX(Jesper!AL$2:AL$366,ROUNDDOWN($C7174/24,0)+1,1)*INDEX($D$3:$AA$30,INDEX(Jesper!$R$2:$R$366,ROW(INDEX(Jesper!AL$2:AL$366,ROUNDDOWN($C7174/24,0)+1,1))-1)+IF('Standard Profiles'!$G$22=$B$10,7,0)+IF('Standard Profiles'!$G$22=$B$17,14,0)+IF('Standard Profiles'!$G$22=$B$24,21,0),MOD($C7174,24)+1)/SUM(INDEX($D$3:$AA$30,INDEX(Jesper!$R$2:$R$366,ROW(INDEX(Jesper!AL$2:AL$366,ROUNDDOWN($C7174/24,0)+1,1))-1)+IF('Standard Profiles'!$G$22=$B$10,7,0)+IF('Standard Profiles'!$G$22=$B$17,14,0)+IF('Standard Profiles'!$G$22=$B$24,21,0),0)),0)</f>
        <v>0</v>
      </c>
      <c r="I7174">
        <f t="shared" si="797"/>
        <v>0.44682991136164629</v>
      </c>
      <c r="J7174">
        <f t="shared" si="798"/>
        <v>1.4894330378721543</v>
      </c>
      <c r="K7174">
        <f t="shared" si="799"/>
        <v>2.2341495568082315</v>
      </c>
      <c r="L7174">
        <f t="shared" si="800"/>
        <v>10.723917872679511</v>
      </c>
      <c r="M7174">
        <f t="shared" si="801"/>
        <v>0</v>
      </c>
      <c r="N7174" s="46">
        <f t="shared" si="802"/>
        <v>45589.499999982683</v>
      </c>
    </row>
    <row r="7175" spans="2:14" x14ac:dyDescent="0.3">
      <c r="B7175">
        <f t="shared" si="796"/>
        <v>4</v>
      </c>
      <c r="C7175" s="16">
        <v>7141</v>
      </c>
      <c r="D7175" cm="1">
        <f t="array" ref="D7175">IFERROR(INDEX(Jesper!AH$2:AH$366,ROUNDDOWN($C7175/24,0)+1,1)*INDEX($D$3:$AA$30,INDEX(Jesper!$R$2:$R$366,ROW(INDEX(Jesper!AH$2:AH$366,ROUNDDOWN($C7175/24,0)+1,1))-1)+IF('Standard Profiles'!$G$18=$B$10,7,0)+IF('Standard Profiles'!$G$18=$B$17,14,0)+IF('Standard Profiles'!$G$18=$B$24,21,0),MOD($C7175,24)+1)/SUM(INDEX($D$3:$AA$30,INDEX(Jesper!$R$2:$R$366,ROW(INDEX(Jesper!AH$2:AH$366,ROUNDDOWN($C7175/24,0)+1,1))-1)+IF('Standard Profiles'!$G$18=$B$10,7,0)+IF('Standard Profiles'!$G$18=$B$17,14,0)+IF('Standard Profiles'!$G$18=$B$24,21,0),0)),0)</f>
        <v>14.894330378721543</v>
      </c>
      <c r="E7175" cm="1">
        <f t="array" ref="E7175">IFERROR(INDEX(Jesper!AI$2:AI$366,ROUNDDOWN($C7175/24,0)+1,1)*INDEX($D$3:$AA$30,INDEX(Jesper!$R$2:$R$366,ROW(INDEX(Jesper!AI$2:AI$366,ROUNDDOWN($C7175/24,0)+1,1))-1)+IF('Standard Profiles'!$G$19=$B$10,7,0)+IF('Standard Profiles'!$G$19=$B$17,14,0)+IF('Standard Profiles'!$G$19=$B$24,21,0),MOD($C7175,24)+1)/SUM(INDEX($D$3:$AA$30,INDEX(Jesper!$R$2:$R$366,ROW(INDEX(Jesper!AI$2:AI$366,ROUNDDOWN($C7175/24,0)+1,1))-1)+IF('Standard Profiles'!$G$19=$B$10,7,0)+IF('Standard Profiles'!$G$19=$B$17,14,0)+IF('Standard Profiles'!$G$19=$B$24,21,0),0)),0)</f>
        <v>0</v>
      </c>
      <c r="F7175" cm="1">
        <f t="array" ref="F7175">IFERROR(INDEX(Jesper!AJ$2:AJ$366,ROUNDDOWN($C7175/24,0)+1,1)*INDEX($D$3:$AA$30,INDEX(Jesper!$R$2:$R$366,ROW(INDEX(Jesper!AJ$2:AJ$366,ROUNDDOWN($C7175/24,0)+1,1))-1)+IF('Standard Profiles'!$G$20=$B$10,7,0)+IF('Standard Profiles'!$G$20=$B$17,14,0)+IF('Standard Profiles'!$G$20=$B$24,21,0),MOD($C7175,24)+1)/SUM(INDEX($D$3:$AA$30,INDEX(Jesper!$R$2:$R$366,ROW(INDEX(Jesper!AJ$2:AJ$366,ROUNDDOWN($C7175/24,0)+1,1))-1)+IF('Standard Profiles'!$G$20=$B$10,7,0)+IF('Standard Profiles'!$G$20=$B$17,14,0)+IF('Standard Profiles'!$G$20=$B$24,21,0),0)),0)</f>
        <v>0</v>
      </c>
      <c r="G7175" cm="1">
        <f t="array" ref="G7175">IFERROR(INDEX(Jesper!AK$2:AK$366,ROUNDDOWN($C7175/24,0)+1,1)*INDEX($D$3:$AA$30,INDEX(Jesper!$R$2:$R$366,ROW(INDEX(Jesper!AK$2:AK$366,ROUNDDOWN($C7175/24,0)+1,1))-1)+IF('Standard Profiles'!$G$21=$B$10,7,0)+IF('Standard Profiles'!$G$21=$B$17,14,0)+IF('Standard Profiles'!$G$21=$B$24,21,0),MOD($C7175,24)+1)/SUM(INDEX($D$3:$AA$30,INDEX(Jesper!$R$2:$R$366,ROW(INDEX(Jesper!AK$2:AK$366,ROUNDDOWN($C7175/24,0)+1,1))-1)+IF('Standard Profiles'!$G$21=$B$10,7,0)+IF('Standard Profiles'!$G$21=$B$17,14,0)+IF('Standard Profiles'!$G$21=$B$24,21,0),0)),0)</f>
        <v>0</v>
      </c>
      <c r="H7175" cm="1">
        <f t="array" ref="H7175">IFERROR(INDEX(Jesper!AL$2:AL$366,ROUNDDOWN($C7175/24,0)+1,1)*INDEX($D$3:$AA$30,INDEX(Jesper!$R$2:$R$366,ROW(INDEX(Jesper!AL$2:AL$366,ROUNDDOWN($C7175/24,0)+1,1))-1)+IF('Standard Profiles'!$G$22=$B$10,7,0)+IF('Standard Profiles'!$G$22=$B$17,14,0)+IF('Standard Profiles'!$G$22=$B$24,21,0),MOD($C7175,24)+1)/SUM(INDEX($D$3:$AA$30,INDEX(Jesper!$R$2:$R$366,ROW(INDEX(Jesper!AL$2:AL$366,ROUNDDOWN($C7175/24,0)+1,1))-1)+IF('Standard Profiles'!$G$22=$B$10,7,0)+IF('Standard Profiles'!$G$22=$B$17,14,0)+IF('Standard Profiles'!$G$22=$B$24,21,0),0)),0)</f>
        <v>0</v>
      </c>
      <c r="I7175">
        <f t="shared" si="797"/>
        <v>0.44682991136164629</v>
      </c>
      <c r="J7175">
        <f t="shared" si="798"/>
        <v>1.4894330378721543</v>
      </c>
      <c r="K7175">
        <f t="shared" si="799"/>
        <v>2.2341495568082315</v>
      </c>
      <c r="L7175">
        <f t="shared" si="800"/>
        <v>10.723917872679511</v>
      </c>
      <c r="M7175">
        <f t="shared" si="801"/>
        <v>0</v>
      </c>
      <c r="N7175" s="46">
        <f t="shared" si="802"/>
        <v>45589.541666649347</v>
      </c>
    </row>
    <row r="7176" spans="2:14" x14ac:dyDescent="0.3">
      <c r="B7176">
        <f t="shared" si="796"/>
        <v>4</v>
      </c>
      <c r="C7176" s="16">
        <v>7142</v>
      </c>
      <c r="D7176" cm="1">
        <f t="array" ref="D7176">IFERROR(INDEX(Jesper!AH$2:AH$366,ROUNDDOWN($C7176/24,0)+1,1)*INDEX($D$3:$AA$30,INDEX(Jesper!$R$2:$R$366,ROW(INDEX(Jesper!AH$2:AH$366,ROUNDDOWN($C7176/24,0)+1,1))-1)+IF('Standard Profiles'!$G$18=$B$10,7,0)+IF('Standard Profiles'!$G$18=$B$17,14,0)+IF('Standard Profiles'!$G$18=$B$24,21,0),MOD($C7176,24)+1)/SUM(INDEX($D$3:$AA$30,INDEX(Jesper!$R$2:$R$366,ROW(INDEX(Jesper!AH$2:AH$366,ROUNDDOWN($C7176/24,0)+1,1))-1)+IF('Standard Profiles'!$G$18=$B$10,7,0)+IF('Standard Profiles'!$G$18=$B$17,14,0)+IF('Standard Profiles'!$G$18=$B$24,21,0),0)),0)</f>
        <v>14.894330378721543</v>
      </c>
      <c r="E7176" cm="1">
        <f t="array" ref="E7176">IFERROR(INDEX(Jesper!AI$2:AI$366,ROUNDDOWN($C7176/24,0)+1,1)*INDEX($D$3:$AA$30,INDEX(Jesper!$R$2:$R$366,ROW(INDEX(Jesper!AI$2:AI$366,ROUNDDOWN($C7176/24,0)+1,1))-1)+IF('Standard Profiles'!$G$19=$B$10,7,0)+IF('Standard Profiles'!$G$19=$B$17,14,0)+IF('Standard Profiles'!$G$19=$B$24,21,0),MOD($C7176,24)+1)/SUM(INDEX($D$3:$AA$30,INDEX(Jesper!$R$2:$R$366,ROW(INDEX(Jesper!AI$2:AI$366,ROUNDDOWN($C7176/24,0)+1,1))-1)+IF('Standard Profiles'!$G$19=$B$10,7,0)+IF('Standard Profiles'!$G$19=$B$17,14,0)+IF('Standard Profiles'!$G$19=$B$24,21,0),0)),0)</f>
        <v>0</v>
      </c>
      <c r="F7176" cm="1">
        <f t="array" ref="F7176">IFERROR(INDEX(Jesper!AJ$2:AJ$366,ROUNDDOWN($C7176/24,0)+1,1)*INDEX($D$3:$AA$30,INDEX(Jesper!$R$2:$R$366,ROW(INDEX(Jesper!AJ$2:AJ$366,ROUNDDOWN($C7176/24,0)+1,1))-1)+IF('Standard Profiles'!$G$20=$B$10,7,0)+IF('Standard Profiles'!$G$20=$B$17,14,0)+IF('Standard Profiles'!$G$20=$B$24,21,0),MOD($C7176,24)+1)/SUM(INDEX($D$3:$AA$30,INDEX(Jesper!$R$2:$R$366,ROW(INDEX(Jesper!AJ$2:AJ$366,ROUNDDOWN($C7176/24,0)+1,1))-1)+IF('Standard Profiles'!$G$20=$B$10,7,0)+IF('Standard Profiles'!$G$20=$B$17,14,0)+IF('Standard Profiles'!$G$20=$B$24,21,0),0)),0)</f>
        <v>0</v>
      </c>
      <c r="G7176" cm="1">
        <f t="array" ref="G7176">IFERROR(INDEX(Jesper!AK$2:AK$366,ROUNDDOWN($C7176/24,0)+1,1)*INDEX($D$3:$AA$30,INDEX(Jesper!$R$2:$R$366,ROW(INDEX(Jesper!AK$2:AK$366,ROUNDDOWN($C7176/24,0)+1,1))-1)+IF('Standard Profiles'!$G$21=$B$10,7,0)+IF('Standard Profiles'!$G$21=$B$17,14,0)+IF('Standard Profiles'!$G$21=$B$24,21,0),MOD($C7176,24)+1)/SUM(INDEX($D$3:$AA$30,INDEX(Jesper!$R$2:$R$366,ROW(INDEX(Jesper!AK$2:AK$366,ROUNDDOWN($C7176/24,0)+1,1))-1)+IF('Standard Profiles'!$G$21=$B$10,7,0)+IF('Standard Profiles'!$G$21=$B$17,14,0)+IF('Standard Profiles'!$G$21=$B$24,21,0),0)),0)</f>
        <v>0</v>
      </c>
      <c r="H7176" cm="1">
        <f t="array" ref="H7176">IFERROR(INDEX(Jesper!AL$2:AL$366,ROUNDDOWN($C7176/24,0)+1,1)*INDEX($D$3:$AA$30,INDEX(Jesper!$R$2:$R$366,ROW(INDEX(Jesper!AL$2:AL$366,ROUNDDOWN($C7176/24,0)+1,1))-1)+IF('Standard Profiles'!$G$22=$B$10,7,0)+IF('Standard Profiles'!$G$22=$B$17,14,0)+IF('Standard Profiles'!$G$22=$B$24,21,0),MOD($C7176,24)+1)/SUM(INDEX($D$3:$AA$30,INDEX(Jesper!$R$2:$R$366,ROW(INDEX(Jesper!AL$2:AL$366,ROUNDDOWN($C7176/24,0)+1,1))-1)+IF('Standard Profiles'!$G$22=$B$10,7,0)+IF('Standard Profiles'!$G$22=$B$17,14,0)+IF('Standard Profiles'!$G$22=$B$24,21,0),0)),0)</f>
        <v>0</v>
      </c>
      <c r="I7176">
        <f t="shared" si="797"/>
        <v>0.44682991136164629</v>
      </c>
      <c r="J7176">
        <f t="shared" si="798"/>
        <v>1.4894330378721543</v>
      </c>
      <c r="K7176">
        <f t="shared" si="799"/>
        <v>2.2341495568082315</v>
      </c>
      <c r="L7176">
        <f t="shared" si="800"/>
        <v>10.723917872679511</v>
      </c>
      <c r="M7176">
        <f t="shared" si="801"/>
        <v>0</v>
      </c>
      <c r="N7176" s="46">
        <f t="shared" si="802"/>
        <v>45589.583333316012</v>
      </c>
    </row>
    <row r="7177" spans="2:14" x14ac:dyDescent="0.3">
      <c r="B7177">
        <f t="shared" si="796"/>
        <v>4</v>
      </c>
      <c r="C7177" s="16">
        <v>7143</v>
      </c>
      <c r="D7177" cm="1">
        <f t="array" ref="D7177">IFERROR(INDEX(Jesper!AH$2:AH$366,ROUNDDOWN($C7177/24,0)+1,1)*INDEX($D$3:$AA$30,INDEX(Jesper!$R$2:$R$366,ROW(INDEX(Jesper!AH$2:AH$366,ROUNDDOWN($C7177/24,0)+1,1))-1)+IF('Standard Profiles'!$G$18=$B$10,7,0)+IF('Standard Profiles'!$G$18=$B$17,14,0)+IF('Standard Profiles'!$G$18=$B$24,21,0),MOD($C7177,24)+1)/SUM(INDEX($D$3:$AA$30,INDEX(Jesper!$R$2:$R$366,ROW(INDEX(Jesper!AH$2:AH$366,ROUNDDOWN($C7177/24,0)+1,1))-1)+IF('Standard Profiles'!$G$18=$B$10,7,0)+IF('Standard Profiles'!$G$18=$B$17,14,0)+IF('Standard Profiles'!$G$18=$B$24,21,0),0)),0)</f>
        <v>14.894330378721543</v>
      </c>
      <c r="E7177" cm="1">
        <f t="array" ref="E7177">IFERROR(INDEX(Jesper!AI$2:AI$366,ROUNDDOWN($C7177/24,0)+1,1)*INDEX($D$3:$AA$30,INDEX(Jesper!$R$2:$R$366,ROW(INDEX(Jesper!AI$2:AI$366,ROUNDDOWN($C7177/24,0)+1,1))-1)+IF('Standard Profiles'!$G$19=$B$10,7,0)+IF('Standard Profiles'!$G$19=$B$17,14,0)+IF('Standard Profiles'!$G$19=$B$24,21,0),MOD($C7177,24)+1)/SUM(INDEX($D$3:$AA$30,INDEX(Jesper!$R$2:$R$366,ROW(INDEX(Jesper!AI$2:AI$366,ROUNDDOWN($C7177/24,0)+1,1))-1)+IF('Standard Profiles'!$G$19=$B$10,7,0)+IF('Standard Profiles'!$G$19=$B$17,14,0)+IF('Standard Profiles'!$G$19=$B$24,21,0),0)),0)</f>
        <v>0</v>
      </c>
      <c r="F7177" cm="1">
        <f t="array" ref="F7177">IFERROR(INDEX(Jesper!AJ$2:AJ$366,ROUNDDOWN($C7177/24,0)+1,1)*INDEX($D$3:$AA$30,INDEX(Jesper!$R$2:$R$366,ROW(INDEX(Jesper!AJ$2:AJ$366,ROUNDDOWN($C7177/24,0)+1,1))-1)+IF('Standard Profiles'!$G$20=$B$10,7,0)+IF('Standard Profiles'!$G$20=$B$17,14,0)+IF('Standard Profiles'!$G$20=$B$24,21,0),MOD($C7177,24)+1)/SUM(INDEX($D$3:$AA$30,INDEX(Jesper!$R$2:$R$366,ROW(INDEX(Jesper!AJ$2:AJ$366,ROUNDDOWN($C7177/24,0)+1,1))-1)+IF('Standard Profiles'!$G$20=$B$10,7,0)+IF('Standard Profiles'!$G$20=$B$17,14,0)+IF('Standard Profiles'!$G$20=$B$24,21,0),0)),0)</f>
        <v>0</v>
      </c>
      <c r="G7177" cm="1">
        <f t="array" ref="G7177">IFERROR(INDEX(Jesper!AK$2:AK$366,ROUNDDOWN($C7177/24,0)+1,1)*INDEX($D$3:$AA$30,INDEX(Jesper!$R$2:$R$366,ROW(INDEX(Jesper!AK$2:AK$366,ROUNDDOWN($C7177/24,0)+1,1))-1)+IF('Standard Profiles'!$G$21=$B$10,7,0)+IF('Standard Profiles'!$G$21=$B$17,14,0)+IF('Standard Profiles'!$G$21=$B$24,21,0),MOD($C7177,24)+1)/SUM(INDEX($D$3:$AA$30,INDEX(Jesper!$R$2:$R$366,ROW(INDEX(Jesper!AK$2:AK$366,ROUNDDOWN($C7177/24,0)+1,1))-1)+IF('Standard Profiles'!$G$21=$B$10,7,0)+IF('Standard Profiles'!$G$21=$B$17,14,0)+IF('Standard Profiles'!$G$21=$B$24,21,0),0)),0)</f>
        <v>0</v>
      </c>
      <c r="H7177" cm="1">
        <f t="array" ref="H7177">IFERROR(INDEX(Jesper!AL$2:AL$366,ROUNDDOWN($C7177/24,0)+1,1)*INDEX($D$3:$AA$30,INDEX(Jesper!$R$2:$R$366,ROW(INDEX(Jesper!AL$2:AL$366,ROUNDDOWN($C7177/24,0)+1,1))-1)+IF('Standard Profiles'!$G$22=$B$10,7,0)+IF('Standard Profiles'!$G$22=$B$17,14,0)+IF('Standard Profiles'!$G$22=$B$24,21,0),MOD($C7177,24)+1)/SUM(INDEX($D$3:$AA$30,INDEX(Jesper!$R$2:$R$366,ROW(INDEX(Jesper!AL$2:AL$366,ROUNDDOWN($C7177/24,0)+1,1))-1)+IF('Standard Profiles'!$G$22=$B$10,7,0)+IF('Standard Profiles'!$G$22=$B$17,14,0)+IF('Standard Profiles'!$G$22=$B$24,21,0),0)),0)</f>
        <v>0</v>
      </c>
      <c r="I7177">
        <f t="shared" si="797"/>
        <v>0.44682991136164629</v>
      </c>
      <c r="J7177">
        <f t="shared" si="798"/>
        <v>1.4894330378721543</v>
      </c>
      <c r="K7177">
        <f t="shared" si="799"/>
        <v>2.2341495568082315</v>
      </c>
      <c r="L7177">
        <f t="shared" si="800"/>
        <v>10.723917872679511</v>
      </c>
      <c r="M7177">
        <f t="shared" si="801"/>
        <v>0</v>
      </c>
      <c r="N7177" s="46">
        <f t="shared" si="802"/>
        <v>45589.624999982676</v>
      </c>
    </row>
    <row r="7178" spans="2:14" x14ac:dyDescent="0.3">
      <c r="B7178">
        <f t="shared" si="796"/>
        <v>4</v>
      </c>
      <c r="C7178" s="16">
        <v>7144</v>
      </c>
      <c r="D7178" cm="1">
        <f t="array" ref="D7178">IFERROR(INDEX(Jesper!AH$2:AH$366,ROUNDDOWN($C7178/24,0)+1,1)*INDEX($D$3:$AA$30,INDEX(Jesper!$R$2:$R$366,ROW(INDEX(Jesper!AH$2:AH$366,ROUNDDOWN($C7178/24,0)+1,1))-1)+IF('Standard Profiles'!$G$18=$B$10,7,0)+IF('Standard Profiles'!$G$18=$B$17,14,0)+IF('Standard Profiles'!$G$18=$B$24,21,0),MOD($C7178,24)+1)/SUM(INDEX($D$3:$AA$30,INDEX(Jesper!$R$2:$R$366,ROW(INDEX(Jesper!AH$2:AH$366,ROUNDDOWN($C7178/24,0)+1,1))-1)+IF('Standard Profiles'!$G$18=$B$10,7,0)+IF('Standard Profiles'!$G$18=$B$17,14,0)+IF('Standard Profiles'!$G$18=$B$24,21,0),0)),0)</f>
        <v>14.894330378721543</v>
      </c>
      <c r="E7178" cm="1">
        <f t="array" ref="E7178">IFERROR(INDEX(Jesper!AI$2:AI$366,ROUNDDOWN($C7178/24,0)+1,1)*INDEX($D$3:$AA$30,INDEX(Jesper!$R$2:$R$366,ROW(INDEX(Jesper!AI$2:AI$366,ROUNDDOWN($C7178/24,0)+1,1))-1)+IF('Standard Profiles'!$G$19=$B$10,7,0)+IF('Standard Profiles'!$G$19=$B$17,14,0)+IF('Standard Profiles'!$G$19=$B$24,21,0),MOD($C7178,24)+1)/SUM(INDEX($D$3:$AA$30,INDEX(Jesper!$R$2:$R$366,ROW(INDEX(Jesper!AI$2:AI$366,ROUNDDOWN($C7178/24,0)+1,1))-1)+IF('Standard Profiles'!$G$19=$B$10,7,0)+IF('Standard Profiles'!$G$19=$B$17,14,0)+IF('Standard Profiles'!$G$19=$B$24,21,0),0)),0)</f>
        <v>0</v>
      </c>
      <c r="F7178" cm="1">
        <f t="array" ref="F7178">IFERROR(INDEX(Jesper!AJ$2:AJ$366,ROUNDDOWN($C7178/24,0)+1,1)*INDEX($D$3:$AA$30,INDEX(Jesper!$R$2:$R$366,ROW(INDEX(Jesper!AJ$2:AJ$366,ROUNDDOWN($C7178/24,0)+1,1))-1)+IF('Standard Profiles'!$G$20=$B$10,7,0)+IF('Standard Profiles'!$G$20=$B$17,14,0)+IF('Standard Profiles'!$G$20=$B$24,21,0),MOD($C7178,24)+1)/SUM(INDEX($D$3:$AA$30,INDEX(Jesper!$R$2:$R$366,ROW(INDEX(Jesper!AJ$2:AJ$366,ROUNDDOWN($C7178/24,0)+1,1))-1)+IF('Standard Profiles'!$G$20=$B$10,7,0)+IF('Standard Profiles'!$G$20=$B$17,14,0)+IF('Standard Profiles'!$G$20=$B$24,21,0),0)),0)</f>
        <v>0</v>
      </c>
      <c r="G7178" cm="1">
        <f t="array" ref="G7178">IFERROR(INDEX(Jesper!AK$2:AK$366,ROUNDDOWN($C7178/24,0)+1,1)*INDEX($D$3:$AA$30,INDEX(Jesper!$R$2:$R$366,ROW(INDEX(Jesper!AK$2:AK$366,ROUNDDOWN($C7178/24,0)+1,1))-1)+IF('Standard Profiles'!$G$21=$B$10,7,0)+IF('Standard Profiles'!$G$21=$B$17,14,0)+IF('Standard Profiles'!$G$21=$B$24,21,0),MOD($C7178,24)+1)/SUM(INDEX($D$3:$AA$30,INDEX(Jesper!$R$2:$R$366,ROW(INDEX(Jesper!AK$2:AK$366,ROUNDDOWN($C7178/24,0)+1,1))-1)+IF('Standard Profiles'!$G$21=$B$10,7,0)+IF('Standard Profiles'!$G$21=$B$17,14,0)+IF('Standard Profiles'!$G$21=$B$24,21,0),0)),0)</f>
        <v>0</v>
      </c>
      <c r="H7178" cm="1">
        <f t="array" ref="H7178">IFERROR(INDEX(Jesper!AL$2:AL$366,ROUNDDOWN($C7178/24,0)+1,1)*INDEX($D$3:$AA$30,INDEX(Jesper!$R$2:$R$366,ROW(INDEX(Jesper!AL$2:AL$366,ROUNDDOWN($C7178/24,0)+1,1))-1)+IF('Standard Profiles'!$G$22=$B$10,7,0)+IF('Standard Profiles'!$G$22=$B$17,14,0)+IF('Standard Profiles'!$G$22=$B$24,21,0),MOD($C7178,24)+1)/SUM(INDEX($D$3:$AA$30,INDEX(Jesper!$R$2:$R$366,ROW(INDEX(Jesper!AL$2:AL$366,ROUNDDOWN($C7178/24,0)+1,1))-1)+IF('Standard Profiles'!$G$22=$B$10,7,0)+IF('Standard Profiles'!$G$22=$B$17,14,0)+IF('Standard Profiles'!$G$22=$B$24,21,0),0)),0)</f>
        <v>0</v>
      </c>
      <c r="I7178">
        <f t="shared" si="797"/>
        <v>0.44682991136164629</v>
      </c>
      <c r="J7178">
        <f t="shared" si="798"/>
        <v>1.4894330378721543</v>
      </c>
      <c r="K7178">
        <f t="shared" si="799"/>
        <v>2.2341495568082315</v>
      </c>
      <c r="L7178">
        <f t="shared" si="800"/>
        <v>10.723917872679511</v>
      </c>
      <c r="M7178">
        <f t="shared" si="801"/>
        <v>0</v>
      </c>
      <c r="N7178" s="46">
        <f t="shared" si="802"/>
        <v>45589.66666664934</v>
      </c>
    </row>
    <row r="7179" spans="2:14" x14ac:dyDescent="0.3">
      <c r="B7179">
        <f t="shared" si="796"/>
        <v>4</v>
      </c>
      <c r="C7179" s="16">
        <v>7145</v>
      </c>
      <c r="D7179" cm="1">
        <f t="array" ref="D7179">IFERROR(INDEX(Jesper!AH$2:AH$366,ROUNDDOWN($C7179/24,0)+1,1)*INDEX($D$3:$AA$30,INDEX(Jesper!$R$2:$R$366,ROW(INDEX(Jesper!AH$2:AH$366,ROUNDDOWN($C7179/24,0)+1,1))-1)+IF('Standard Profiles'!$G$18=$B$10,7,0)+IF('Standard Profiles'!$G$18=$B$17,14,0)+IF('Standard Profiles'!$G$18=$B$24,21,0),MOD($C7179,24)+1)/SUM(INDEX($D$3:$AA$30,INDEX(Jesper!$R$2:$R$366,ROW(INDEX(Jesper!AH$2:AH$366,ROUNDDOWN($C7179/24,0)+1,1))-1)+IF('Standard Profiles'!$G$18=$B$10,7,0)+IF('Standard Profiles'!$G$18=$B$17,14,0)+IF('Standard Profiles'!$G$18=$B$24,21,0),0)),0)</f>
        <v>14.894330378721543</v>
      </c>
      <c r="E7179" cm="1">
        <f t="array" ref="E7179">IFERROR(INDEX(Jesper!AI$2:AI$366,ROUNDDOWN($C7179/24,0)+1,1)*INDEX($D$3:$AA$30,INDEX(Jesper!$R$2:$R$366,ROW(INDEX(Jesper!AI$2:AI$366,ROUNDDOWN($C7179/24,0)+1,1))-1)+IF('Standard Profiles'!$G$19=$B$10,7,0)+IF('Standard Profiles'!$G$19=$B$17,14,0)+IF('Standard Profiles'!$G$19=$B$24,21,0),MOD($C7179,24)+1)/SUM(INDEX($D$3:$AA$30,INDEX(Jesper!$R$2:$R$366,ROW(INDEX(Jesper!AI$2:AI$366,ROUNDDOWN($C7179/24,0)+1,1))-1)+IF('Standard Profiles'!$G$19=$B$10,7,0)+IF('Standard Profiles'!$G$19=$B$17,14,0)+IF('Standard Profiles'!$G$19=$B$24,21,0),0)),0)</f>
        <v>0</v>
      </c>
      <c r="F7179" cm="1">
        <f t="array" ref="F7179">IFERROR(INDEX(Jesper!AJ$2:AJ$366,ROUNDDOWN($C7179/24,0)+1,1)*INDEX($D$3:$AA$30,INDEX(Jesper!$R$2:$R$366,ROW(INDEX(Jesper!AJ$2:AJ$366,ROUNDDOWN($C7179/24,0)+1,1))-1)+IF('Standard Profiles'!$G$20=$B$10,7,0)+IF('Standard Profiles'!$G$20=$B$17,14,0)+IF('Standard Profiles'!$G$20=$B$24,21,0),MOD($C7179,24)+1)/SUM(INDEX($D$3:$AA$30,INDEX(Jesper!$R$2:$R$366,ROW(INDEX(Jesper!AJ$2:AJ$366,ROUNDDOWN($C7179/24,0)+1,1))-1)+IF('Standard Profiles'!$G$20=$B$10,7,0)+IF('Standard Profiles'!$G$20=$B$17,14,0)+IF('Standard Profiles'!$G$20=$B$24,21,0),0)),0)</f>
        <v>0</v>
      </c>
      <c r="G7179" cm="1">
        <f t="array" ref="G7179">IFERROR(INDEX(Jesper!AK$2:AK$366,ROUNDDOWN($C7179/24,0)+1,1)*INDEX($D$3:$AA$30,INDEX(Jesper!$R$2:$R$366,ROW(INDEX(Jesper!AK$2:AK$366,ROUNDDOWN($C7179/24,0)+1,1))-1)+IF('Standard Profiles'!$G$21=$B$10,7,0)+IF('Standard Profiles'!$G$21=$B$17,14,0)+IF('Standard Profiles'!$G$21=$B$24,21,0),MOD($C7179,24)+1)/SUM(INDEX($D$3:$AA$30,INDEX(Jesper!$R$2:$R$366,ROW(INDEX(Jesper!AK$2:AK$366,ROUNDDOWN($C7179/24,0)+1,1))-1)+IF('Standard Profiles'!$G$21=$B$10,7,0)+IF('Standard Profiles'!$G$21=$B$17,14,0)+IF('Standard Profiles'!$G$21=$B$24,21,0),0)),0)</f>
        <v>0</v>
      </c>
      <c r="H7179" cm="1">
        <f t="array" ref="H7179">IFERROR(INDEX(Jesper!AL$2:AL$366,ROUNDDOWN($C7179/24,0)+1,1)*INDEX($D$3:$AA$30,INDEX(Jesper!$R$2:$R$366,ROW(INDEX(Jesper!AL$2:AL$366,ROUNDDOWN($C7179/24,0)+1,1))-1)+IF('Standard Profiles'!$G$22=$B$10,7,0)+IF('Standard Profiles'!$G$22=$B$17,14,0)+IF('Standard Profiles'!$G$22=$B$24,21,0),MOD($C7179,24)+1)/SUM(INDEX($D$3:$AA$30,INDEX(Jesper!$R$2:$R$366,ROW(INDEX(Jesper!AL$2:AL$366,ROUNDDOWN($C7179/24,0)+1,1))-1)+IF('Standard Profiles'!$G$22=$B$10,7,0)+IF('Standard Profiles'!$G$22=$B$17,14,0)+IF('Standard Profiles'!$G$22=$B$24,21,0),0)),0)</f>
        <v>0</v>
      </c>
      <c r="I7179">
        <f t="shared" si="797"/>
        <v>0.44682991136164629</v>
      </c>
      <c r="J7179">
        <f t="shared" si="798"/>
        <v>1.4894330378721543</v>
      </c>
      <c r="K7179">
        <f t="shared" si="799"/>
        <v>2.2341495568082315</v>
      </c>
      <c r="L7179">
        <f t="shared" si="800"/>
        <v>10.723917872679511</v>
      </c>
      <c r="M7179">
        <f t="shared" si="801"/>
        <v>0</v>
      </c>
      <c r="N7179" s="46">
        <f t="shared" si="802"/>
        <v>45589.708333316004</v>
      </c>
    </row>
    <row r="7180" spans="2:14" x14ac:dyDescent="0.3">
      <c r="B7180">
        <f t="shared" si="796"/>
        <v>4</v>
      </c>
      <c r="C7180" s="16">
        <v>7146</v>
      </c>
      <c r="D7180" cm="1">
        <f t="array" ref="D7180">IFERROR(INDEX(Jesper!AH$2:AH$366,ROUNDDOWN($C7180/24,0)+1,1)*INDEX($D$3:$AA$30,INDEX(Jesper!$R$2:$R$366,ROW(INDEX(Jesper!AH$2:AH$366,ROUNDDOWN($C7180/24,0)+1,1))-1)+IF('Standard Profiles'!$G$18=$B$10,7,0)+IF('Standard Profiles'!$G$18=$B$17,14,0)+IF('Standard Profiles'!$G$18=$B$24,21,0),MOD($C7180,24)+1)/SUM(INDEX($D$3:$AA$30,INDEX(Jesper!$R$2:$R$366,ROW(INDEX(Jesper!AH$2:AH$366,ROUNDDOWN($C7180/24,0)+1,1))-1)+IF('Standard Profiles'!$G$18=$B$10,7,0)+IF('Standard Profiles'!$G$18=$B$17,14,0)+IF('Standard Profiles'!$G$18=$B$24,21,0),0)),0)</f>
        <v>14.894330378721543</v>
      </c>
      <c r="E7180" cm="1">
        <f t="array" ref="E7180">IFERROR(INDEX(Jesper!AI$2:AI$366,ROUNDDOWN($C7180/24,0)+1,1)*INDEX($D$3:$AA$30,INDEX(Jesper!$R$2:$R$366,ROW(INDEX(Jesper!AI$2:AI$366,ROUNDDOWN($C7180/24,0)+1,1))-1)+IF('Standard Profiles'!$G$19=$B$10,7,0)+IF('Standard Profiles'!$G$19=$B$17,14,0)+IF('Standard Profiles'!$G$19=$B$24,21,0),MOD($C7180,24)+1)/SUM(INDEX($D$3:$AA$30,INDEX(Jesper!$R$2:$R$366,ROW(INDEX(Jesper!AI$2:AI$366,ROUNDDOWN($C7180/24,0)+1,1))-1)+IF('Standard Profiles'!$G$19=$B$10,7,0)+IF('Standard Profiles'!$G$19=$B$17,14,0)+IF('Standard Profiles'!$G$19=$B$24,21,0),0)),0)</f>
        <v>0</v>
      </c>
      <c r="F7180" cm="1">
        <f t="array" ref="F7180">IFERROR(INDEX(Jesper!AJ$2:AJ$366,ROUNDDOWN($C7180/24,0)+1,1)*INDEX($D$3:$AA$30,INDEX(Jesper!$R$2:$R$366,ROW(INDEX(Jesper!AJ$2:AJ$366,ROUNDDOWN($C7180/24,0)+1,1))-1)+IF('Standard Profiles'!$G$20=$B$10,7,0)+IF('Standard Profiles'!$G$20=$B$17,14,0)+IF('Standard Profiles'!$G$20=$B$24,21,0),MOD($C7180,24)+1)/SUM(INDEX($D$3:$AA$30,INDEX(Jesper!$R$2:$R$366,ROW(INDEX(Jesper!AJ$2:AJ$366,ROUNDDOWN($C7180/24,0)+1,1))-1)+IF('Standard Profiles'!$G$20=$B$10,7,0)+IF('Standard Profiles'!$G$20=$B$17,14,0)+IF('Standard Profiles'!$G$20=$B$24,21,0),0)),0)</f>
        <v>0</v>
      </c>
      <c r="G7180" cm="1">
        <f t="array" ref="G7180">IFERROR(INDEX(Jesper!AK$2:AK$366,ROUNDDOWN($C7180/24,0)+1,1)*INDEX($D$3:$AA$30,INDEX(Jesper!$R$2:$R$366,ROW(INDEX(Jesper!AK$2:AK$366,ROUNDDOWN($C7180/24,0)+1,1))-1)+IF('Standard Profiles'!$G$21=$B$10,7,0)+IF('Standard Profiles'!$G$21=$B$17,14,0)+IF('Standard Profiles'!$G$21=$B$24,21,0),MOD($C7180,24)+1)/SUM(INDEX($D$3:$AA$30,INDEX(Jesper!$R$2:$R$366,ROW(INDEX(Jesper!AK$2:AK$366,ROUNDDOWN($C7180/24,0)+1,1))-1)+IF('Standard Profiles'!$G$21=$B$10,7,0)+IF('Standard Profiles'!$G$21=$B$17,14,0)+IF('Standard Profiles'!$G$21=$B$24,21,0),0)),0)</f>
        <v>0</v>
      </c>
      <c r="H7180" cm="1">
        <f t="array" ref="H7180">IFERROR(INDEX(Jesper!AL$2:AL$366,ROUNDDOWN($C7180/24,0)+1,1)*INDEX($D$3:$AA$30,INDEX(Jesper!$R$2:$R$366,ROW(INDEX(Jesper!AL$2:AL$366,ROUNDDOWN($C7180/24,0)+1,1))-1)+IF('Standard Profiles'!$G$22=$B$10,7,0)+IF('Standard Profiles'!$G$22=$B$17,14,0)+IF('Standard Profiles'!$G$22=$B$24,21,0),MOD($C7180,24)+1)/SUM(INDEX($D$3:$AA$30,INDEX(Jesper!$R$2:$R$366,ROW(INDEX(Jesper!AL$2:AL$366,ROUNDDOWN($C7180/24,0)+1,1))-1)+IF('Standard Profiles'!$G$22=$B$10,7,0)+IF('Standard Profiles'!$G$22=$B$17,14,0)+IF('Standard Profiles'!$G$22=$B$24,21,0),0)),0)</f>
        <v>0</v>
      </c>
      <c r="I7180">
        <f t="shared" si="797"/>
        <v>0.44682991136164629</v>
      </c>
      <c r="J7180">
        <f t="shared" si="798"/>
        <v>1.4894330378721543</v>
      </c>
      <c r="K7180">
        <f t="shared" si="799"/>
        <v>2.2341495568082315</v>
      </c>
      <c r="L7180">
        <f t="shared" si="800"/>
        <v>10.723917872679511</v>
      </c>
      <c r="M7180">
        <f t="shared" si="801"/>
        <v>0</v>
      </c>
      <c r="N7180" s="46">
        <f t="shared" si="802"/>
        <v>45589.749999982669</v>
      </c>
    </row>
    <row r="7181" spans="2:14" x14ac:dyDescent="0.3">
      <c r="B7181">
        <f t="shared" si="796"/>
        <v>4</v>
      </c>
      <c r="C7181" s="16">
        <v>7147</v>
      </c>
      <c r="D7181" cm="1">
        <f t="array" ref="D7181">IFERROR(INDEX(Jesper!AH$2:AH$366,ROUNDDOWN($C7181/24,0)+1,1)*INDEX($D$3:$AA$30,INDEX(Jesper!$R$2:$R$366,ROW(INDEX(Jesper!AH$2:AH$366,ROUNDDOWN($C7181/24,0)+1,1))-1)+IF('Standard Profiles'!$G$18=$B$10,7,0)+IF('Standard Profiles'!$G$18=$B$17,14,0)+IF('Standard Profiles'!$G$18=$B$24,21,0),MOD($C7181,24)+1)/SUM(INDEX($D$3:$AA$30,INDEX(Jesper!$R$2:$R$366,ROW(INDEX(Jesper!AH$2:AH$366,ROUNDDOWN($C7181/24,0)+1,1))-1)+IF('Standard Profiles'!$G$18=$B$10,7,0)+IF('Standard Profiles'!$G$18=$B$17,14,0)+IF('Standard Profiles'!$G$18=$B$24,21,0),0)),0)</f>
        <v>12.411941982267955</v>
      </c>
      <c r="E7181" cm="1">
        <f t="array" ref="E7181">IFERROR(INDEX(Jesper!AI$2:AI$366,ROUNDDOWN($C7181/24,0)+1,1)*INDEX($D$3:$AA$30,INDEX(Jesper!$R$2:$R$366,ROW(INDEX(Jesper!AI$2:AI$366,ROUNDDOWN($C7181/24,0)+1,1))-1)+IF('Standard Profiles'!$G$19=$B$10,7,0)+IF('Standard Profiles'!$G$19=$B$17,14,0)+IF('Standard Profiles'!$G$19=$B$24,21,0),MOD($C7181,24)+1)/SUM(INDEX($D$3:$AA$30,INDEX(Jesper!$R$2:$R$366,ROW(INDEX(Jesper!AI$2:AI$366,ROUNDDOWN($C7181/24,0)+1,1))-1)+IF('Standard Profiles'!$G$19=$B$10,7,0)+IF('Standard Profiles'!$G$19=$B$17,14,0)+IF('Standard Profiles'!$G$19=$B$24,21,0),0)),0)</f>
        <v>0</v>
      </c>
      <c r="F7181" cm="1">
        <f t="array" ref="F7181">IFERROR(INDEX(Jesper!AJ$2:AJ$366,ROUNDDOWN($C7181/24,0)+1,1)*INDEX($D$3:$AA$30,INDEX(Jesper!$R$2:$R$366,ROW(INDEX(Jesper!AJ$2:AJ$366,ROUNDDOWN($C7181/24,0)+1,1))-1)+IF('Standard Profiles'!$G$20=$B$10,7,0)+IF('Standard Profiles'!$G$20=$B$17,14,0)+IF('Standard Profiles'!$G$20=$B$24,21,0),MOD($C7181,24)+1)/SUM(INDEX($D$3:$AA$30,INDEX(Jesper!$R$2:$R$366,ROW(INDEX(Jesper!AJ$2:AJ$366,ROUNDDOWN($C7181/24,0)+1,1))-1)+IF('Standard Profiles'!$G$20=$B$10,7,0)+IF('Standard Profiles'!$G$20=$B$17,14,0)+IF('Standard Profiles'!$G$20=$B$24,21,0),0)),0)</f>
        <v>0</v>
      </c>
      <c r="G7181" cm="1">
        <f t="array" ref="G7181">IFERROR(INDEX(Jesper!AK$2:AK$366,ROUNDDOWN($C7181/24,0)+1,1)*INDEX($D$3:$AA$30,INDEX(Jesper!$R$2:$R$366,ROW(INDEX(Jesper!AK$2:AK$366,ROUNDDOWN($C7181/24,0)+1,1))-1)+IF('Standard Profiles'!$G$21=$B$10,7,0)+IF('Standard Profiles'!$G$21=$B$17,14,0)+IF('Standard Profiles'!$G$21=$B$24,21,0),MOD($C7181,24)+1)/SUM(INDEX($D$3:$AA$30,INDEX(Jesper!$R$2:$R$366,ROW(INDEX(Jesper!AK$2:AK$366,ROUNDDOWN($C7181/24,0)+1,1))-1)+IF('Standard Profiles'!$G$21=$B$10,7,0)+IF('Standard Profiles'!$G$21=$B$17,14,0)+IF('Standard Profiles'!$G$21=$B$24,21,0),0)),0)</f>
        <v>0</v>
      </c>
      <c r="H7181" cm="1">
        <f t="array" ref="H7181">IFERROR(INDEX(Jesper!AL$2:AL$366,ROUNDDOWN($C7181/24,0)+1,1)*INDEX($D$3:$AA$30,INDEX(Jesper!$R$2:$R$366,ROW(INDEX(Jesper!AL$2:AL$366,ROUNDDOWN($C7181/24,0)+1,1))-1)+IF('Standard Profiles'!$G$22=$B$10,7,0)+IF('Standard Profiles'!$G$22=$B$17,14,0)+IF('Standard Profiles'!$G$22=$B$24,21,0),MOD($C7181,24)+1)/SUM(INDEX($D$3:$AA$30,INDEX(Jesper!$R$2:$R$366,ROW(INDEX(Jesper!AL$2:AL$366,ROUNDDOWN($C7181/24,0)+1,1))-1)+IF('Standard Profiles'!$G$22=$B$10,7,0)+IF('Standard Profiles'!$G$22=$B$17,14,0)+IF('Standard Profiles'!$G$22=$B$24,21,0),0)),0)</f>
        <v>0</v>
      </c>
      <c r="I7181">
        <f t="shared" si="797"/>
        <v>0.37235825946803863</v>
      </c>
      <c r="J7181">
        <f t="shared" si="798"/>
        <v>1.2411941982267956</v>
      </c>
      <c r="K7181">
        <f t="shared" si="799"/>
        <v>1.8617912973401931</v>
      </c>
      <c r="L7181">
        <f t="shared" si="800"/>
        <v>8.9365982272329276</v>
      </c>
      <c r="M7181">
        <f t="shared" si="801"/>
        <v>0</v>
      </c>
      <c r="N7181" s="46">
        <f t="shared" si="802"/>
        <v>45589.791666649333</v>
      </c>
    </row>
    <row r="7182" spans="2:14" x14ac:dyDescent="0.3">
      <c r="B7182">
        <f t="shared" si="796"/>
        <v>4</v>
      </c>
      <c r="C7182" s="16">
        <v>7148</v>
      </c>
      <c r="D7182" cm="1">
        <f t="array" ref="D7182">IFERROR(INDEX(Jesper!AH$2:AH$366,ROUNDDOWN($C7182/24,0)+1,1)*INDEX($D$3:$AA$30,INDEX(Jesper!$R$2:$R$366,ROW(INDEX(Jesper!AH$2:AH$366,ROUNDDOWN($C7182/24,0)+1,1))-1)+IF('Standard Profiles'!$G$18=$B$10,7,0)+IF('Standard Profiles'!$G$18=$B$17,14,0)+IF('Standard Profiles'!$G$18=$B$24,21,0),MOD($C7182,24)+1)/SUM(INDEX($D$3:$AA$30,INDEX(Jesper!$R$2:$R$366,ROW(INDEX(Jesper!AH$2:AH$366,ROUNDDOWN($C7182/24,0)+1,1))-1)+IF('Standard Profiles'!$G$18=$B$10,7,0)+IF('Standard Profiles'!$G$18=$B$17,14,0)+IF('Standard Profiles'!$G$18=$B$24,21,0),0)),0)</f>
        <v>9.9295535858143626</v>
      </c>
      <c r="E7182" cm="1">
        <f t="array" ref="E7182">IFERROR(INDEX(Jesper!AI$2:AI$366,ROUNDDOWN($C7182/24,0)+1,1)*INDEX($D$3:$AA$30,INDEX(Jesper!$R$2:$R$366,ROW(INDEX(Jesper!AI$2:AI$366,ROUNDDOWN($C7182/24,0)+1,1))-1)+IF('Standard Profiles'!$G$19=$B$10,7,0)+IF('Standard Profiles'!$G$19=$B$17,14,0)+IF('Standard Profiles'!$G$19=$B$24,21,0),MOD($C7182,24)+1)/SUM(INDEX($D$3:$AA$30,INDEX(Jesper!$R$2:$R$366,ROW(INDEX(Jesper!AI$2:AI$366,ROUNDDOWN($C7182/24,0)+1,1))-1)+IF('Standard Profiles'!$G$19=$B$10,7,0)+IF('Standard Profiles'!$G$19=$B$17,14,0)+IF('Standard Profiles'!$G$19=$B$24,21,0),0)),0)</f>
        <v>0</v>
      </c>
      <c r="F7182" cm="1">
        <f t="array" ref="F7182">IFERROR(INDEX(Jesper!AJ$2:AJ$366,ROUNDDOWN($C7182/24,0)+1,1)*INDEX($D$3:$AA$30,INDEX(Jesper!$R$2:$R$366,ROW(INDEX(Jesper!AJ$2:AJ$366,ROUNDDOWN($C7182/24,0)+1,1))-1)+IF('Standard Profiles'!$G$20=$B$10,7,0)+IF('Standard Profiles'!$G$20=$B$17,14,0)+IF('Standard Profiles'!$G$20=$B$24,21,0),MOD($C7182,24)+1)/SUM(INDEX($D$3:$AA$30,INDEX(Jesper!$R$2:$R$366,ROW(INDEX(Jesper!AJ$2:AJ$366,ROUNDDOWN($C7182/24,0)+1,1))-1)+IF('Standard Profiles'!$G$20=$B$10,7,0)+IF('Standard Profiles'!$G$20=$B$17,14,0)+IF('Standard Profiles'!$G$20=$B$24,21,0),0)),0)</f>
        <v>0</v>
      </c>
      <c r="G7182" cm="1">
        <f t="array" ref="G7182">IFERROR(INDEX(Jesper!AK$2:AK$366,ROUNDDOWN($C7182/24,0)+1,1)*INDEX($D$3:$AA$30,INDEX(Jesper!$R$2:$R$366,ROW(INDEX(Jesper!AK$2:AK$366,ROUNDDOWN($C7182/24,0)+1,1))-1)+IF('Standard Profiles'!$G$21=$B$10,7,0)+IF('Standard Profiles'!$G$21=$B$17,14,0)+IF('Standard Profiles'!$G$21=$B$24,21,0),MOD($C7182,24)+1)/SUM(INDEX($D$3:$AA$30,INDEX(Jesper!$R$2:$R$366,ROW(INDEX(Jesper!AK$2:AK$366,ROUNDDOWN($C7182/24,0)+1,1))-1)+IF('Standard Profiles'!$G$21=$B$10,7,0)+IF('Standard Profiles'!$G$21=$B$17,14,0)+IF('Standard Profiles'!$G$21=$B$24,21,0),0)),0)</f>
        <v>0</v>
      </c>
      <c r="H7182" cm="1">
        <f t="array" ref="H7182">IFERROR(INDEX(Jesper!AL$2:AL$366,ROUNDDOWN($C7182/24,0)+1,1)*INDEX($D$3:$AA$30,INDEX(Jesper!$R$2:$R$366,ROW(INDEX(Jesper!AL$2:AL$366,ROUNDDOWN($C7182/24,0)+1,1))-1)+IF('Standard Profiles'!$G$22=$B$10,7,0)+IF('Standard Profiles'!$G$22=$B$17,14,0)+IF('Standard Profiles'!$G$22=$B$24,21,0),MOD($C7182,24)+1)/SUM(INDEX($D$3:$AA$30,INDEX(Jesper!$R$2:$R$366,ROW(INDEX(Jesper!AL$2:AL$366,ROUNDDOWN($C7182/24,0)+1,1))-1)+IF('Standard Profiles'!$G$22=$B$10,7,0)+IF('Standard Profiles'!$G$22=$B$17,14,0)+IF('Standard Profiles'!$G$22=$B$24,21,0),0)),0)</f>
        <v>0</v>
      </c>
      <c r="I7182">
        <f t="shared" si="797"/>
        <v>0.29788660757443086</v>
      </c>
      <c r="J7182">
        <f t="shared" si="798"/>
        <v>0.99295535858143635</v>
      </c>
      <c r="K7182">
        <f t="shared" si="799"/>
        <v>1.4894330378721543</v>
      </c>
      <c r="L7182">
        <f t="shared" si="800"/>
        <v>7.1492785817863407</v>
      </c>
      <c r="M7182">
        <f t="shared" si="801"/>
        <v>0</v>
      </c>
      <c r="N7182" s="46">
        <f t="shared" si="802"/>
        <v>45589.833333315997</v>
      </c>
    </row>
    <row r="7183" spans="2:14" x14ac:dyDescent="0.3">
      <c r="B7183">
        <f t="shared" si="796"/>
        <v>4</v>
      </c>
      <c r="C7183" s="16">
        <v>7149</v>
      </c>
      <c r="D7183" cm="1">
        <f t="array" ref="D7183">IFERROR(INDEX(Jesper!AH$2:AH$366,ROUNDDOWN($C7183/24,0)+1,1)*INDEX($D$3:$AA$30,INDEX(Jesper!$R$2:$R$366,ROW(INDEX(Jesper!AH$2:AH$366,ROUNDDOWN($C7183/24,0)+1,1))-1)+IF('Standard Profiles'!$G$18=$B$10,7,0)+IF('Standard Profiles'!$G$18=$B$17,14,0)+IF('Standard Profiles'!$G$18=$B$24,21,0),MOD($C7183,24)+1)/SUM(INDEX($D$3:$AA$30,INDEX(Jesper!$R$2:$R$366,ROW(INDEX(Jesper!AH$2:AH$366,ROUNDDOWN($C7183/24,0)+1,1))-1)+IF('Standard Profiles'!$G$18=$B$10,7,0)+IF('Standard Profiles'!$G$18=$B$17,14,0)+IF('Standard Profiles'!$G$18=$B$24,21,0),0)),0)</f>
        <v>7.4471651893607715</v>
      </c>
      <c r="E7183" cm="1">
        <f t="array" ref="E7183">IFERROR(INDEX(Jesper!AI$2:AI$366,ROUNDDOWN($C7183/24,0)+1,1)*INDEX($D$3:$AA$30,INDEX(Jesper!$R$2:$R$366,ROW(INDEX(Jesper!AI$2:AI$366,ROUNDDOWN($C7183/24,0)+1,1))-1)+IF('Standard Profiles'!$G$19=$B$10,7,0)+IF('Standard Profiles'!$G$19=$B$17,14,0)+IF('Standard Profiles'!$G$19=$B$24,21,0),MOD($C7183,24)+1)/SUM(INDEX($D$3:$AA$30,INDEX(Jesper!$R$2:$R$366,ROW(INDEX(Jesper!AI$2:AI$366,ROUNDDOWN($C7183/24,0)+1,1))-1)+IF('Standard Profiles'!$G$19=$B$10,7,0)+IF('Standard Profiles'!$G$19=$B$17,14,0)+IF('Standard Profiles'!$G$19=$B$24,21,0),0)),0)</f>
        <v>0</v>
      </c>
      <c r="F7183" cm="1">
        <f t="array" ref="F7183">IFERROR(INDEX(Jesper!AJ$2:AJ$366,ROUNDDOWN($C7183/24,0)+1,1)*INDEX($D$3:$AA$30,INDEX(Jesper!$R$2:$R$366,ROW(INDEX(Jesper!AJ$2:AJ$366,ROUNDDOWN($C7183/24,0)+1,1))-1)+IF('Standard Profiles'!$G$20=$B$10,7,0)+IF('Standard Profiles'!$G$20=$B$17,14,0)+IF('Standard Profiles'!$G$20=$B$24,21,0),MOD($C7183,24)+1)/SUM(INDEX($D$3:$AA$30,INDEX(Jesper!$R$2:$R$366,ROW(INDEX(Jesper!AJ$2:AJ$366,ROUNDDOWN($C7183/24,0)+1,1))-1)+IF('Standard Profiles'!$G$20=$B$10,7,0)+IF('Standard Profiles'!$G$20=$B$17,14,0)+IF('Standard Profiles'!$G$20=$B$24,21,0),0)),0)</f>
        <v>0</v>
      </c>
      <c r="G7183" cm="1">
        <f t="array" ref="G7183">IFERROR(INDEX(Jesper!AK$2:AK$366,ROUNDDOWN($C7183/24,0)+1,1)*INDEX($D$3:$AA$30,INDEX(Jesper!$R$2:$R$366,ROW(INDEX(Jesper!AK$2:AK$366,ROUNDDOWN($C7183/24,0)+1,1))-1)+IF('Standard Profiles'!$G$21=$B$10,7,0)+IF('Standard Profiles'!$G$21=$B$17,14,0)+IF('Standard Profiles'!$G$21=$B$24,21,0),MOD($C7183,24)+1)/SUM(INDEX($D$3:$AA$30,INDEX(Jesper!$R$2:$R$366,ROW(INDEX(Jesper!AK$2:AK$366,ROUNDDOWN($C7183/24,0)+1,1))-1)+IF('Standard Profiles'!$G$21=$B$10,7,0)+IF('Standard Profiles'!$G$21=$B$17,14,0)+IF('Standard Profiles'!$G$21=$B$24,21,0),0)),0)</f>
        <v>0</v>
      </c>
      <c r="H7183" cm="1">
        <f t="array" ref="H7183">IFERROR(INDEX(Jesper!AL$2:AL$366,ROUNDDOWN($C7183/24,0)+1,1)*INDEX($D$3:$AA$30,INDEX(Jesper!$R$2:$R$366,ROW(INDEX(Jesper!AL$2:AL$366,ROUNDDOWN($C7183/24,0)+1,1))-1)+IF('Standard Profiles'!$G$22=$B$10,7,0)+IF('Standard Profiles'!$G$22=$B$17,14,0)+IF('Standard Profiles'!$G$22=$B$24,21,0),MOD($C7183,24)+1)/SUM(INDEX($D$3:$AA$30,INDEX(Jesper!$R$2:$R$366,ROW(INDEX(Jesper!AL$2:AL$366,ROUNDDOWN($C7183/24,0)+1,1))-1)+IF('Standard Profiles'!$G$22=$B$10,7,0)+IF('Standard Profiles'!$G$22=$B$17,14,0)+IF('Standard Profiles'!$G$22=$B$24,21,0),0)),0)</f>
        <v>0</v>
      </c>
      <c r="I7183">
        <f t="shared" si="797"/>
        <v>0.22341495568082315</v>
      </c>
      <c r="J7183">
        <f t="shared" si="798"/>
        <v>0.74471651893607715</v>
      </c>
      <c r="K7183">
        <f t="shared" si="799"/>
        <v>1.1170747784041157</v>
      </c>
      <c r="L7183">
        <f t="shared" si="800"/>
        <v>5.3619589363397555</v>
      </c>
      <c r="M7183">
        <f t="shared" si="801"/>
        <v>0</v>
      </c>
      <c r="N7183" s="46">
        <f t="shared" si="802"/>
        <v>45589.874999982661</v>
      </c>
    </row>
    <row r="7184" spans="2:14" x14ac:dyDescent="0.3">
      <c r="B7184">
        <f t="shared" si="796"/>
        <v>4</v>
      </c>
      <c r="C7184" s="16">
        <v>7150</v>
      </c>
      <c r="D7184" cm="1">
        <f t="array" ref="D7184">IFERROR(INDEX(Jesper!AH$2:AH$366,ROUNDDOWN($C7184/24,0)+1,1)*INDEX($D$3:$AA$30,INDEX(Jesper!$R$2:$R$366,ROW(INDEX(Jesper!AH$2:AH$366,ROUNDDOWN($C7184/24,0)+1,1))-1)+IF('Standard Profiles'!$G$18=$B$10,7,0)+IF('Standard Profiles'!$G$18=$B$17,14,0)+IF('Standard Profiles'!$G$18=$B$24,21,0),MOD($C7184,24)+1)/SUM(INDEX($D$3:$AA$30,INDEX(Jesper!$R$2:$R$366,ROW(INDEX(Jesper!AH$2:AH$366,ROUNDDOWN($C7184/24,0)+1,1))-1)+IF('Standard Profiles'!$G$18=$B$10,7,0)+IF('Standard Profiles'!$G$18=$B$17,14,0)+IF('Standard Profiles'!$G$18=$B$24,21,0),0)),0)</f>
        <v>7.4471651893607715</v>
      </c>
      <c r="E7184" cm="1">
        <f t="array" ref="E7184">IFERROR(INDEX(Jesper!AI$2:AI$366,ROUNDDOWN($C7184/24,0)+1,1)*INDEX($D$3:$AA$30,INDEX(Jesper!$R$2:$R$366,ROW(INDEX(Jesper!AI$2:AI$366,ROUNDDOWN($C7184/24,0)+1,1))-1)+IF('Standard Profiles'!$G$19=$B$10,7,0)+IF('Standard Profiles'!$G$19=$B$17,14,0)+IF('Standard Profiles'!$G$19=$B$24,21,0),MOD($C7184,24)+1)/SUM(INDEX($D$3:$AA$30,INDEX(Jesper!$R$2:$R$366,ROW(INDEX(Jesper!AI$2:AI$366,ROUNDDOWN($C7184/24,0)+1,1))-1)+IF('Standard Profiles'!$G$19=$B$10,7,0)+IF('Standard Profiles'!$G$19=$B$17,14,0)+IF('Standard Profiles'!$G$19=$B$24,21,0),0)),0)</f>
        <v>0</v>
      </c>
      <c r="F7184" cm="1">
        <f t="array" ref="F7184">IFERROR(INDEX(Jesper!AJ$2:AJ$366,ROUNDDOWN($C7184/24,0)+1,1)*INDEX($D$3:$AA$30,INDEX(Jesper!$R$2:$R$366,ROW(INDEX(Jesper!AJ$2:AJ$366,ROUNDDOWN($C7184/24,0)+1,1))-1)+IF('Standard Profiles'!$G$20=$B$10,7,0)+IF('Standard Profiles'!$G$20=$B$17,14,0)+IF('Standard Profiles'!$G$20=$B$24,21,0),MOD($C7184,24)+1)/SUM(INDEX($D$3:$AA$30,INDEX(Jesper!$R$2:$R$366,ROW(INDEX(Jesper!AJ$2:AJ$366,ROUNDDOWN($C7184/24,0)+1,1))-1)+IF('Standard Profiles'!$G$20=$B$10,7,0)+IF('Standard Profiles'!$G$20=$B$17,14,0)+IF('Standard Profiles'!$G$20=$B$24,21,0),0)),0)</f>
        <v>0</v>
      </c>
      <c r="G7184" cm="1">
        <f t="array" ref="G7184">IFERROR(INDEX(Jesper!AK$2:AK$366,ROUNDDOWN($C7184/24,0)+1,1)*INDEX($D$3:$AA$30,INDEX(Jesper!$R$2:$R$366,ROW(INDEX(Jesper!AK$2:AK$366,ROUNDDOWN($C7184/24,0)+1,1))-1)+IF('Standard Profiles'!$G$21=$B$10,7,0)+IF('Standard Profiles'!$G$21=$B$17,14,0)+IF('Standard Profiles'!$G$21=$B$24,21,0),MOD($C7184,24)+1)/SUM(INDEX($D$3:$AA$30,INDEX(Jesper!$R$2:$R$366,ROW(INDEX(Jesper!AK$2:AK$366,ROUNDDOWN($C7184/24,0)+1,1))-1)+IF('Standard Profiles'!$G$21=$B$10,7,0)+IF('Standard Profiles'!$G$21=$B$17,14,0)+IF('Standard Profiles'!$G$21=$B$24,21,0),0)),0)</f>
        <v>0</v>
      </c>
      <c r="H7184" cm="1">
        <f t="array" ref="H7184">IFERROR(INDEX(Jesper!AL$2:AL$366,ROUNDDOWN($C7184/24,0)+1,1)*INDEX($D$3:$AA$30,INDEX(Jesper!$R$2:$R$366,ROW(INDEX(Jesper!AL$2:AL$366,ROUNDDOWN($C7184/24,0)+1,1))-1)+IF('Standard Profiles'!$G$22=$B$10,7,0)+IF('Standard Profiles'!$G$22=$B$17,14,0)+IF('Standard Profiles'!$G$22=$B$24,21,0),MOD($C7184,24)+1)/SUM(INDEX($D$3:$AA$30,INDEX(Jesper!$R$2:$R$366,ROW(INDEX(Jesper!AL$2:AL$366,ROUNDDOWN($C7184/24,0)+1,1))-1)+IF('Standard Profiles'!$G$22=$B$10,7,0)+IF('Standard Profiles'!$G$22=$B$17,14,0)+IF('Standard Profiles'!$G$22=$B$24,21,0),0)),0)</f>
        <v>0</v>
      </c>
      <c r="I7184">
        <f t="shared" si="797"/>
        <v>0.22341495568082315</v>
      </c>
      <c r="J7184">
        <f t="shared" si="798"/>
        <v>0.74471651893607715</v>
      </c>
      <c r="K7184">
        <f t="shared" si="799"/>
        <v>1.1170747784041157</v>
      </c>
      <c r="L7184">
        <f t="shared" si="800"/>
        <v>5.3619589363397555</v>
      </c>
      <c r="M7184">
        <f t="shared" si="801"/>
        <v>0</v>
      </c>
      <c r="N7184" s="46">
        <f t="shared" si="802"/>
        <v>45589.916666649326</v>
      </c>
    </row>
    <row r="7185" spans="2:14" x14ac:dyDescent="0.3">
      <c r="B7185">
        <f t="shared" si="796"/>
        <v>4</v>
      </c>
      <c r="C7185" s="16">
        <v>7151</v>
      </c>
      <c r="D7185" cm="1">
        <f t="array" ref="D7185">IFERROR(INDEX(Jesper!AH$2:AH$366,ROUNDDOWN($C7185/24,0)+1,1)*INDEX($D$3:$AA$30,INDEX(Jesper!$R$2:$R$366,ROW(INDEX(Jesper!AH$2:AH$366,ROUNDDOWN($C7185/24,0)+1,1))-1)+IF('Standard Profiles'!$G$18=$B$10,7,0)+IF('Standard Profiles'!$G$18=$B$17,14,0)+IF('Standard Profiles'!$G$18=$B$24,21,0),MOD($C7185,24)+1)/SUM(INDEX($D$3:$AA$30,INDEX(Jesper!$R$2:$R$366,ROW(INDEX(Jesper!AH$2:AH$366,ROUNDDOWN($C7185/24,0)+1,1))-1)+IF('Standard Profiles'!$G$18=$B$10,7,0)+IF('Standard Profiles'!$G$18=$B$17,14,0)+IF('Standard Profiles'!$G$18=$B$24,21,0),0)),0)</f>
        <v>7.4471651893607715</v>
      </c>
      <c r="E7185" cm="1">
        <f t="array" ref="E7185">IFERROR(INDEX(Jesper!AI$2:AI$366,ROUNDDOWN($C7185/24,0)+1,1)*INDEX($D$3:$AA$30,INDEX(Jesper!$R$2:$R$366,ROW(INDEX(Jesper!AI$2:AI$366,ROUNDDOWN($C7185/24,0)+1,1))-1)+IF('Standard Profiles'!$G$19=$B$10,7,0)+IF('Standard Profiles'!$G$19=$B$17,14,0)+IF('Standard Profiles'!$G$19=$B$24,21,0),MOD($C7185,24)+1)/SUM(INDEX($D$3:$AA$30,INDEX(Jesper!$R$2:$R$366,ROW(INDEX(Jesper!AI$2:AI$366,ROUNDDOWN($C7185/24,0)+1,1))-1)+IF('Standard Profiles'!$G$19=$B$10,7,0)+IF('Standard Profiles'!$G$19=$B$17,14,0)+IF('Standard Profiles'!$G$19=$B$24,21,0),0)),0)</f>
        <v>0</v>
      </c>
      <c r="F7185" cm="1">
        <f t="array" ref="F7185">IFERROR(INDEX(Jesper!AJ$2:AJ$366,ROUNDDOWN($C7185/24,0)+1,1)*INDEX($D$3:$AA$30,INDEX(Jesper!$R$2:$R$366,ROW(INDEX(Jesper!AJ$2:AJ$366,ROUNDDOWN($C7185/24,0)+1,1))-1)+IF('Standard Profiles'!$G$20=$B$10,7,0)+IF('Standard Profiles'!$G$20=$B$17,14,0)+IF('Standard Profiles'!$G$20=$B$24,21,0),MOD($C7185,24)+1)/SUM(INDEX($D$3:$AA$30,INDEX(Jesper!$R$2:$R$366,ROW(INDEX(Jesper!AJ$2:AJ$366,ROUNDDOWN($C7185/24,0)+1,1))-1)+IF('Standard Profiles'!$G$20=$B$10,7,0)+IF('Standard Profiles'!$G$20=$B$17,14,0)+IF('Standard Profiles'!$G$20=$B$24,21,0),0)),0)</f>
        <v>0</v>
      </c>
      <c r="G7185" cm="1">
        <f t="array" ref="G7185">IFERROR(INDEX(Jesper!AK$2:AK$366,ROUNDDOWN($C7185/24,0)+1,1)*INDEX($D$3:$AA$30,INDEX(Jesper!$R$2:$R$366,ROW(INDEX(Jesper!AK$2:AK$366,ROUNDDOWN($C7185/24,0)+1,1))-1)+IF('Standard Profiles'!$G$21=$B$10,7,0)+IF('Standard Profiles'!$G$21=$B$17,14,0)+IF('Standard Profiles'!$G$21=$B$24,21,0),MOD($C7185,24)+1)/SUM(INDEX($D$3:$AA$30,INDEX(Jesper!$R$2:$R$366,ROW(INDEX(Jesper!AK$2:AK$366,ROUNDDOWN($C7185/24,0)+1,1))-1)+IF('Standard Profiles'!$G$21=$B$10,7,0)+IF('Standard Profiles'!$G$21=$B$17,14,0)+IF('Standard Profiles'!$G$21=$B$24,21,0),0)),0)</f>
        <v>0</v>
      </c>
      <c r="H7185" cm="1">
        <f t="array" ref="H7185">IFERROR(INDEX(Jesper!AL$2:AL$366,ROUNDDOWN($C7185/24,0)+1,1)*INDEX($D$3:$AA$30,INDEX(Jesper!$R$2:$R$366,ROW(INDEX(Jesper!AL$2:AL$366,ROUNDDOWN($C7185/24,0)+1,1))-1)+IF('Standard Profiles'!$G$22=$B$10,7,0)+IF('Standard Profiles'!$G$22=$B$17,14,0)+IF('Standard Profiles'!$G$22=$B$24,21,0),MOD($C7185,24)+1)/SUM(INDEX($D$3:$AA$30,INDEX(Jesper!$R$2:$R$366,ROW(INDEX(Jesper!AL$2:AL$366,ROUNDDOWN($C7185/24,0)+1,1))-1)+IF('Standard Profiles'!$G$22=$B$10,7,0)+IF('Standard Profiles'!$G$22=$B$17,14,0)+IF('Standard Profiles'!$G$22=$B$24,21,0),0)),0)</f>
        <v>0</v>
      </c>
      <c r="I7185">
        <f t="shared" si="797"/>
        <v>0.22341495568082315</v>
      </c>
      <c r="J7185">
        <f t="shared" si="798"/>
        <v>0.74471651893607715</v>
      </c>
      <c r="K7185">
        <f t="shared" si="799"/>
        <v>1.1170747784041157</v>
      </c>
      <c r="L7185">
        <f t="shared" si="800"/>
        <v>5.3619589363397555</v>
      </c>
      <c r="M7185">
        <f t="shared" si="801"/>
        <v>0</v>
      </c>
      <c r="N7185" s="46">
        <f t="shared" si="802"/>
        <v>45589.95833331599</v>
      </c>
    </row>
    <row r="7186" spans="2:14" x14ac:dyDescent="0.3">
      <c r="B7186">
        <f t="shared" si="796"/>
        <v>5</v>
      </c>
      <c r="C7186" s="16">
        <v>7152</v>
      </c>
      <c r="D7186" cm="1">
        <f t="array" ref="D7186">IFERROR(INDEX(Jesper!AH$2:AH$366,ROUNDDOWN($C7186/24,0)+1,1)*INDEX($D$3:$AA$30,INDEX(Jesper!$R$2:$R$366,ROW(INDEX(Jesper!AH$2:AH$366,ROUNDDOWN($C7186/24,0)+1,1))-1)+IF('Standard Profiles'!$G$18=$B$10,7,0)+IF('Standard Profiles'!$G$18=$B$17,14,0)+IF('Standard Profiles'!$G$18=$B$24,21,0),MOD($C7186,24)+1)/SUM(INDEX($D$3:$AA$30,INDEX(Jesper!$R$2:$R$366,ROW(INDEX(Jesper!AH$2:AH$366,ROUNDDOWN($C7186/24,0)+1,1))-1)+IF('Standard Profiles'!$G$18=$B$10,7,0)+IF('Standard Profiles'!$G$18=$B$17,14,0)+IF('Standard Profiles'!$G$18=$B$24,21,0),0)),0)</f>
        <v>8.4391965075792168</v>
      </c>
      <c r="E7186" cm="1">
        <f t="array" ref="E7186">IFERROR(INDEX(Jesper!AI$2:AI$366,ROUNDDOWN($C7186/24,0)+1,1)*INDEX($D$3:$AA$30,INDEX(Jesper!$R$2:$R$366,ROW(INDEX(Jesper!AI$2:AI$366,ROUNDDOWN($C7186/24,0)+1,1))-1)+IF('Standard Profiles'!$G$19=$B$10,7,0)+IF('Standard Profiles'!$G$19=$B$17,14,0)+IF('Standard Profiles'!$G$19=$B$24,21,0),MOD($C7186,24)+1)/SUM(INDEX($D$3:$AA$30,INDEX(Jesper!$R$2:$R$366,ROW(INDEX(Jesper!AI$2:AI$366,ROUNDDOWN($C7186/24,0)+1,1))-1)+IF('Standard Profiles'!$G$19=$B$10,7,0)+IF('Standard Profiles'!$G$19=$B$17,14,0)+IF('Standard Profiles'!$G$19=$B$24,21,0),0)),0)</f>
        <v>0</v>
      </c>
      <c r="F7186" cm="1">
        <f t="array" ref="F7186">IFERROR(INDEX(Jesper!AJ$2:AJ$366,ROUNDDOWN($C7186/24,0)+1,1)*INDEX($D$3:$AA$30,INDEX(Jesper!$R$2:$R$366,ROW(INDEX(Jesper!AJ$2:AJ$366,ROUNDDOWN($C7186/24,0)+1,1))-1)+IF('Standard Profiles'!$G$20=$B$10,7,0)+IF('Standard Profiles'!$G$20=$B$17,14,0)+IF('Standard Profiles'!$G$20=$B$24,21,0),MOD($C7186,24)+1)/SUM(INDEX($D$3:$AA$30,INDEX(Jesper!$R$2:$R$366,ROW(INDEX(Jesper!AJ$2:AJ$366,ROUNDDOWN($C7186/24,0)+1,1))-1)+IF('Standard Profiles'!$G$20=$B$10,7,0)+IF('Standard Profiles'!$G$20=$B$17,14,0)+IF('Standard Profiles'!$G$20=$B$24,21,0),0)),0)</f>
        <v>0</v>
      </c>
      <c r="G7186" cm="1">
        <f t="array" ref="G7186">IFERROR(INDEX(Jesper!AK$2:AK$366,ROUNDDOWN($C7186/24,0)+1,1)*INDEX($D$3:$AA$30,INDEX(Jesper!$R$2:$R$366,ROW(INDEX(Jesper!AK$2:AK$366,ROUNDDOWN($C7186/24,0)+1,1))-1)+IF('Standard Profiles'!$G$21=$B$10,7,0)+IF('Standard Profiles'!$G$21=$B$17,14,0)+IF('Standard Profiles'!$G$21=$B$24,21,0),MOD($C7186,24)+1)/SUM(INDEX($D$3:$AA$30,INDEX(Jesper!$R$2:$R$366,ROW(INDEX(Jesper!AK$2:AK$366,ROUNDDOWN($C7186/24,0)+1,1))-1)+IF('Standard Profiles'!$G$21=$B$10,7,0)+IF('Standard Profiles'!$G$21=$B$17,14,0)+IF('Standard Profiles'!$G$21=$B$24,21,0),0)),0)</f>
        <v>0</v>
      </c>
      <c r="H7186" cm="1">
        <f t="array" ref="H7186">IFERROR(INDEX(Jesper!AL$2:AL$366,ROUNDDOWN($C7186/24,0)+1,1)*INDEX($D$3:$AA$30,INDEX(Jesper!$R$2:$R$366,ROW(INDEX(Jesper!AL$2:AL$366,ROUNDDOWN($C7186/24,0)+1,1))-1)+IF('Standard Profiles'!$G$22=$B$10,7,0)+IF('Standard Profiles'!$G$22=$B$17,14,0)+IF('Standard Profiles'!$G$22=$B$24,21,0),MOD($C7186,24)+1)/SUM(INDEX($D$3:$AA$30,INDEX(Jesper!$R$2:$R$366,ROW(INDEX(Jesper!AL$2:AL$366,ROUNDDOWN($C7186/24,0)+1,1))-1)+IF('Standard Profiles'!$G$22=$B$10,7,0)+IF('Standard Profiles'!$G$22=$B$17,14,0)+IF('Standard Profiles'!$G$22=$B$24,21,0),0)),0)</f>
        <v>0</v>
      </c>
      <c r="I7186">
        <f t="shared" si="797"/>
        <v>0.25317589522737649</v>
      </c>
      <c r="J7186">
        <f t="shared" si="798"/>
        <v>0.84391965075792175</v>
      </c>
      <c r="K7186">
        <f t="shared" si="799"/>
        <v>1.2658794761368826</v>
      </c>
      <c r="L7186">
        <f t="shared" si="800"/>
        <v>6.0762214854570358</v>
      </c>
      <c r="M7186">
        <f t="shared" si="801"/>
        <v>0</v>
      </c>
      <c r="N7186" s="46">
        <f t="shared" si="802"/>
        <v>45589.999999982654</v>
      </c>
    </row>
    <row r="7187" spans="2:14" x14ac:dyDescent="0.3">
      <c r="B7187">
        <f t="shared" si="796"/>
        <v>5</v>
      </c>
      <c r="C7187" s="16">
        <v>7153</v>
      </c>
      <c r="D7187" cm="1">
        <f t="array" ref="D7187">IFERROR(INDEX(Jesper!AH$2:AH$366,ROUNDDOWN($C7187/24,0)+1,1)*INDEX($D$3:$AA$30,INDEX(Jesper!$R$2:$R$366,ROW(INDEX(Jesper!AH$2:AH$366,ROUNDDOWN($C7187/24,0)+1,1))-1)+IF('Standard Profiles'!$G$18=$B$10,7,0)+IF('Standard Profiles'!$G$18=$B$17,14,0)+IF('Standard Profiles'!$G$18=$B$24,21,0),MOD($C7187,24)+1)/SUM(INDEX($D$3:$AA$30,INDEX(Jesper!$R$2:$R$366,ROW(INDEX(Jesper!AH$2:AH$366,ROUNDDOWN($C7187/24,0)+1,1))-1)+IF('Standard Profiles'!$G$18=$B$10,7,0)+IF('Standard Profiles'!$G$18=$B$17,14,0)+IF('Standard Profiles'!$G$18=$B$24,21,0),0)),0)</f>
        <v>8.4391965075792168</v>
      </c>
      <c r="E7187" cm="1">
        <f t="array" ref="E7187">IFERROR(INDEX(Jesper!AI$2:AI$366,ROUNDDOWN($C7187/24,0)+1,1)*INDEX($D$3:$AA$30,INDEX(Jesper!$R$2:$R$366,ROW(INDEX(Jesper!AI$2:AI$366,ROUNDDOWN($C7187/24,0)+1,1))-1)+IF('Standard Profiles'!$G$19=$B$10,7,0)+IF('Standard Profiles'!$G$19=$B$17,14,0)+IF('Standard Profiles'!$G$19=$B$24,21,0),MOD($C7187,24)+1)/SUM(INDEX($D$3:$AA$30,INDEX(Jesper!$R$2:$R$366,ROW(INDEX(Jesper!AI$2:AI$366,ROUNDDOWN($C7187/24,0)+1,1))-1)+IF('Standard Profiles'!$G$19=$B$10,7,0)+IF('Standard Profiles'!$G$19=$B$17,14,0)+IF('Standard Profiles'!$G$19=$B$24,21,0),0)),0)</f>
        <v>0</v>
      </c>
      <c r="F7187" cm="1">
        <f t="array" ref="F7187">IFERROR(INDEX(Jesper!AJ$2:AJ$366,ROUNDDOWN($C7187/24,0)+1,1)*INDEX($D$3:$AA$30,INDEX(Jesper!$R$2:$R$366,ROW(INDEX(Jesper!AJ$2:AJ$366,ROUNDDOWN($C7187/24,0)+1,1))-1)+IF('Standard Profiles'!$G$20=$B$10,7,0)+IF('Standard Profiles'!$G$20=$B$17,14,0)+IF('Standard Profiles'!$G$20=$B$24,21,0),MOD($C7187,24)+1)/SUM(INDEX($D$3:$AA$30,INDEX(Jesper!$R$2:$R$366,ROW(INDEX(Jesper!AJ$2:AJ$366,ROUNDDOWN($C7187/24,0)+1,1))-1)+IF('Standard Profiles'!$G$20=$B$10,7,0)+IF('Standard Profiles'!$G$20=$B$17,14,0)+IF('Standard Profiles'!$G$20=$B$24,21,0),0)),0)</f>
        <v>0</v>
      </c>
      <c r="G7187" cm="1">
        <f t="array" ref="G7187">IFERROR(INDEX(Jesper!AK$2:AK$366,ROUNDDOWN($C7187/24,0)+1,1)*INDEX($D$3:$AA$30,INDEX(Jesper!$R$2:$R$366,ROW(INDEX(Jesper!AK$2:AK$366,ROUNDDOWN($C7187/24,0)+1,1))-1)+IF('Standard Profiles'!$G$21=$B$10,7,0)+IF('Standard Profiles'!$G$21=$B$17,14,0)+IF('Standard Profiles'!$G$21=$B$24,21,0),MOD($C7187,24)+1)/SUM(INDEX($D$3:$AA$30,INDEX(Jesper!$R$2:$R$366,ROW(INDEX(Jesper!AK$2:AK$366,ROUNDDOWN($C7187/24,0)+1,1))-1)+IF('Standard Profiles'!$G$21=$B$10,7,0)+IF('Standard Profiles'!$G$21=$B$17,14,0)+IF('Standard Profiles'!$G$21=$B$24,21,0),0)),0)</f>
        <v>0</v>
      </c>
      <c r="H7187" cm="1">
        <f t="array" ref="H7187">IFERROR(INDEX(Jesper!AL$2:AL$366,ROUNDDOWN($C7187/24,0)+1,1)*INDEX($D$3:$AA$30,INDEX(Jesper!$R$2:$R$366,ROW(INDEX(Jesper!AL$2:AL$366,ROUNDDOWN($C7187/24,0)+1,1))-1)+IF('Standard Profiles'!$G$22=$B$10,7,0)+IF('Standard Profiles'!$G$22=$B$17,14,0)+IF('Standard Profiles'!$G$22=$B$24,21,0),MOD($C7187,24)+1)/SUM(INDEX($D$3:$AA$30,INDEX(Jesper!$R$2:$R$366,ROW(INDEX(Jesper!AL$2:AL$366,ROUNDDOWN($C7187/24,0)+1,1))-1)+IF('Standard Profiles'!$G$22=$B$10,7,0)+IF('Standard Profiles'!$G$22=$B$17,14,0)+IF('Standard Profiles'!$G$22=$B$24,21,0),0)),0)</f>
        <v>0</v>
      </c>
      <c r="I7187">
        <f t="shared" si="797"/>
        <v>0.25317589522737649</v>
      </c>
      <c r="J7187">
        <f t="shared" si="798"/>
        <v>0.84391965075792175</v>
      </c>
      <c r="K7187">
        <f t="shared" si="799"/>
        <v>1.2658794761368826</v>
      </c>
      <c r="L7187">
        <f t="shared" si="800"/>
        <v>6.0762214854570358</v>
      </c>
      <c r="M7187">
        <f t="shared" si="801"/>
        <v>0</v>
      </c>
      <c r="N7187" s="46">
        <f t="shared" si="802"/>
        <v>45590.041666649318</v>
      </c>
    </row>
    <row r="7188" spans="2:14" x14ac:dyDescent="0.3">
      <c r="B7188">
        <f t="shared" si="796"/>
        <v>5</v>
      </c>
      <c r="C7188" s="16">
        <v>7154</v>
      </c>
      <c r="D7188" cm="1">
        <f t="array" ref="D7188">IFERROR(INDEX(Jesper!AH$2:AH$366,ROUNDDOWN($C7188/24,0)+1,1)*INDEX($D$3:$AA$30,INDEX(Jesper!$R$2:$R$366,ROW(INDEX(Jesper!AH$2:AH$366,ROUNDDOWN($C7188/24,0)+1,1))-1)+IF('Standard Profiles'!$G$18=$B$10,7,0)+IF('Standard Profiles'!$G$18=$B$17,14,0)+IF('Standard Profiles'!$G$18=$B$24,21,0),MOD($C7188,24)+1)/SUM(INDEX($D$3:$AA$30,INDEX(Jesper!$R$2:$R$366,ROW(INDEX(Jesper!AH$2:AH$366,ROUNDDOWN($C7188/24,0)+1,1))-1)+IF('Standard Profiles'!$G$18=$B$10,7,0)+IF('Standard Profiles'!$G$18=$B$17,14,0)+IF('Standard Profiles'!$G$18=$B$24,21,0),0)),0)</f>
        <v>8.4391965075792168</v>
      </c>
      <c r="E7188" cm="1">
        <f t="array" ref="E7188">IFERROR(INDEX(Jesper!AI$2:AI$366,ROUNDDOWN($C7188/24,0)+1,1)*INDEX($D$3:$AA$30,INDEX(Jesper!$R$2:$R$366,ROW(INDEX(Jesper!AI$2:AI$366,ROUNDDOWN($C7188/24,0)+1,1))-1)+IF('Standard Profiles'!$G$19=$B$10,7,0)+IF('Standard Profiles'!$G$19=$B$17,14,0)+IF('Standard Profiles'!$G$19=$B$24,21,0),MOD($C7188,24)+1)/SUM(INDEX($D$3:$AA$30,INDEX(Jesper!$R$2:$R$366,ROW(INDEX(Jesper!AI$2:AI$366,ROUNDDOWN($C7188/24,0)+1,1))-1)+IF('Standard Profiles'!$G$19=$B$10,7,0)+IF('Standard Profiles'!$G$19=$B$17,14,0)+IF('Standard Profiles'!$G$19=$B$24,21,0),0)),0)</f>
        <v>0</v>
      </c>
      <c r="F7188" cm="1">
        <f t="array" ref="F7188">IFERROR(INDEX(Jesper!AJ$2:AJ$366,ROUNDDOWN($C7188/24,0)+1,1)*INDEX($D$3:$AA$30,INDEX(Jesper!$R$2:$R$366,ROW(INDEX(Jesper!AJ$2:AJ$366,ROUNDDOWN($C7188/24,0)+1,1))-1)+IF('Standard Profiles'!$G$20=$B$10,7,0)+IF('Standard Profiles'!$G$20=$B$17,14,0)+IF('Standard Profiles'!$G$20=$B$24,21,0),MOD($C7188,24)+1)/SUM(INDEX($D$3:$AA$30,INDEX(Jesper!$R$2:$R$366,ROW(INDEX(Jesper!AJ$2:AJ$366,ROUNDDOWN($C7188/24,0)+1,1))-1)+IF('Standard Profiles'!$G$20=$B$10,7,0)+IF('Standard Profiles'!$G$20=$B$17,14,0)+IF('Standard Profiles'!$G$20=$B$24,21,0),0)),0)</f>
        <v>0</v>
      </c>
      <c r="G7188" cm="1">
        <f t="array" ref="G7188">IFERROR(INDEX(Jesper!AK$2:AK$366,ROUNDDOWN($C7188/24,0)+1,1)*INDEX($D$3:$AA$30,INDEX(Jesper!$R$2:$R$366,ROW(INDEX(Jesper!AK$2:AK$366,ROUNDDOWN($C7188/24,0)+1,1))-1)+IF('Standard Profiles'!$G$21=$B$10,7,0)+IF('Standard Profiles'!$G$21=$B$17,14,0)+IF('Standard Profiles'!$G$21=$B$24,21,0),MOD($C7188,24)+1)/SUM(INDEX($D$3:$AA$30,INDEX(Jesper!$R$2:$R$366,ROW(INDEX(Jesper!AK$2:AK$366,ROUNDDOWN($C7188/24,0)+1,1))-1)+IF('Standard Profiles'!$G$21=$B$10,7,0)+IF('Standard Profiles'!$G$21=$B$17,14,0)+IF('Standard Profiles'!$G$21=$B$24,21,0),0)),0)</f>
        <v>0</v>
      </c>
      <c r="H7188" cm="1">
        <f t="array" ref="H7188">IFERROR(INDEX(Jesper!AL$2:AL$366,ROUNDDOWN($C7188/24,0)+1,1)*INDEX($D$3:$AA$30,INDEX(Jesper!$R$2:$R$366,ROW(INDEX(Jesper!AL$2:AL$366,ROUNDDOWN($C7188/24,0)+1,1))-1)+IF('Standard Profiles'!$G$22=$B$10,7,0)+IF('Standard Profiles'!$G$22=$B$17,14,0)+IF('Standard Profiles'!$G$22=$B$24,21,0),MOD($C7188,24)+1)/SUM(INDEX($D$3:$AA$30,INDEX(Jesper!$R$2:$R$366,ROW(INDEX(Jesper!AL$2:AL$366,ROUNDDOWN($C7188/24,0)+1,1))-1)+IF('Standard Profiles'!$G$22=$B$10,7,0)+IF('Standard Profiles'!$G$22=$B$17,14,0)+IF('Standard Profiles'!$G$22=$B$24,21,0),0)),0)</f>
        <v>0</v>
      </c>
      <c r="I7188">
        <f t="shared" si="797"/>
        <v>0.25317589522737649</v>
      </c>
      <c r="J7188">
        <f t="shared" si="798"/>
        <v>0.84391965075792175</v>
      </c>
      <c r="K7188">
        <f t="shared" si="799"/>
        <v>1.2658794761368826</v>
      </c>
      <c r="L7188">
        <f t="shared" si="800"/>
        <v>6.0762214854570358</v>
      </c>
      <c r="M7188">
        <f t="shared" si="801"/>
        <v>0</v>
      </c>
      <c r="N7188" s="46">
        <f t="shared" si="802"/>
        <v>45590.083333315983</v>
      </c>
    </row>
    <row r="7189" spans="2:14" x14ac:dyDescent="0.3">
      <c r="B7189">
        <f t="shared" si="796"/>
        <v>5</v>
      </c>
      <c r="C7189" s="16">
        <v>7155</v>
      </c>
      <c r="D7189" cm="1">
        <f t="array" ref="D7189">IFERROR(INDEX(Jesper!AH$2:AH$366,ROUNDDOWN($C7189/24,0)+1,1)*INDEX($D$3:$AA$30,INDEX(Jesper!$R$2:$R$366,ROW(INDEX(Jesper!AH$2:AH$366,ROUNDDOWN($C7189/24,0)+1,1))-1)+IF('Standard Profiles'!$G$18=$B$10,7,0)+IF('Standard Profiles'!$G$18=$B$17,14,0)+IF('Standard Profiles'!$G$18=$B$24,21,0),MOD($C7189,24)+1)/SUM(INDEX($D$3:$AA$30,INDEX(Jesper!$R$2:$R$366,ROW(INDEX(Jesper!AH$2:AH$366,ROUNDDOWN($C7189/24,0)+1,1))-1)+IF('Standard Profiles'!$G$18=$B$10,7,0)+IF('Standard Profiles'!$G$18=$B$17,14,0)+IF('Standard Profiles'!$G$18=$B$24,21,0),0)),0)</f>
        <v>8.4391965075792168</v>
      </c>
      <c r="E7189" cm="1">
        <f t="array" ref="E7189">IFERROR(INDEX(Jesper!AI$2:AI$366,ROUNDDOWN($C7189/24,0)+1,1)*INDEX($D$3:$AA$30,INDEX(Jesper!$R$2:$R$366,ROW(INDEX(Jesper!AI$2:AI$366,ROUNDDOWN($C7189/24,0)+1,1))-1)+IF('Standard Profiles'!$G$19=$B$10,7,0)+IF('Standard Profiles'!$G$19=$B$17,14,0)+IF('Standard Profiles'!$G$19=$B$24,21,0),MOD($C7189,24)+1)/SUM(INDEX($D$3:$AA$30,INDEX(Jesper!$R$2:$R$366,ROW(INDEX(Jesper!AI$2:AI$366,ROUNDDOWN($C7189/24,0)+1,1))-1)+IF('Standard Profiles'!$G$19=$B$10,7,0)+IF('Standard Profiles'!$G$19=$B$17,14,0)+IF('Standard Profiles'!$G$19=$B$24,21,0),0)),0)</f>
        <v>0</v>
      </c>
      <c r="F7189" cm="1">
        <f t="array" ref="F7189">IFERROR(INDEX(Jesper!AJ$2:AJ$366,ROUNDDOWN($C7189/24,0)+1,1)*INDEX($D$3:$AA$30,INDEX(Jesper!$R$2:$R$366,ROW(INDEX(Jesper!AJ$2:AJ$366,ROUNDDOWN($C7189/24,0)+1,1))-1)+IF('Standard Profiles'!$G$20=$B$10,7,0)+IF('Standard Profiles'!$G$20=$B$17,14,0)+IF('Standard Profiles'!$G$20=$B$24,21,0),MOD($C7189,24)+1)/SUM(INDEX($D$3:$AA$30,INDEX(Jesper!$R$2:$R$366,ROW(INDEX(Jesper!AJ$2:AJ$366,ROUNDDOWN($C7189/24,0)+1,1))-1)+IF('Standard Profiles'!$G$20=$B$10,7,0)+IF('Standard Profiles'!$G$20=$B$17,14,0)+IF('Standard Profiles'!$G$20=$B$24,21,0),0)),0)</f>
        <v>0</v>
      </c>
      <c r="G7189" cm="1">
        <f t="array" ref="G7189">IFERROR(INDEX(Jesper!AK$2:AK$366,ROUNDDOWN($C7189/24,0)+1,1)*INDEX($D$3:$AA$30,INDEX(Jesper!$R$2:$R$366,ROW(INDEX(Jesper!AK$2:AK$366,ROUNDDOWN($C7189/24,0)+1,1))-1)+IF('Standard Profiles'!$G$21=$B$10,7,0)+IF('Standard Profiles'!$G$21=$B$17,14,0)+IF('Standard Profiles'!$G$21=$B$24,21,0),MOD($C7189,24)+1)/SUM(INDEX($D$3:$AA$30,INDEX(Jesper!$R$2:$R$366,ROW(INDEX(Jesper!AK$2:AK$366,ROUNDDOWN($C7189/24,0)+1,1))-1)+IF('Standard Profiles'!$G$21=$B$10,7,0)+IF('Standard Profiles'!$G$21=$B$17,14,0)+IF('Standard Profiles'!$G$21=$B$24,21,0),0)),0)</f>
        <v>0</v>
      </c>
      <c r="H7189" cm="1">
        <f t="array" ref="H7189">IFERROR(INDEX(Jesper!AL$2:AL$366,ROUNDDOWN($C7189/24,0)+1,1)*INDEX($D$3:$AA$30,INDEX(Jesper!$R$2:$R$366,ROW(INDEX(Jesper!AL$2:AL$366,ROUNDDOWN($C7189/24,0)+1,1))-1)+IF('Standard Profiles'!$G$22=$B$10,7,0)+IF('Standard Profiles'!$G$22=$B$17,14,0)+IF('Standard Profiles'!$G$22=$B$24,21,0),MOD($C7189,24)+1)/SUM(INDEX($D$3:$AA$30,INDEX(Jesper!$R$2:$R$366,ROW(INDEX(Jesper!AL$2:AL$366,ROUNDDOWN($C7189/24,0)+1,1))-1)+IF('Standard Profiles'!$G$22=$B$10,7,0)+IF('Standard Profiles'!$G$22=$B$17,14,0)+IF('Standard Profiles'!$G$22=$B$24,21,0),0)),0)</f>
        <v>0</v>
      </c>
      <c r="I7189">
        <f t="shared" si="797"/>
        <v>0.25317589522737649</v>
      </c>
      <c r="J7189">
        <f t="shared" si="798"/>
        <v>0.84391965075792175</v>
      </c>
      <c r="K7189">
        <f t="shared" si="799"/>
        <v>1.2658794761368826</v>
      </c>
      <c r="L7189">
        <f t="shared" si="800"/>
        <v>6.0762214854570358</v>
      </c>
      <c r="M7189">
        <f t="shared" si="801"/>
        <v>0</v>
      </c>
      <c r="N7189" s="46">
        <f t="shared" si="802"/>
        <v>45590.124999982647</v>
      </c>
    </row>
    <row r="7190" spans="2:14" x14ac:dyDescent="0.3">
      <c r="B7190">
        <f t="shared" si="796"/>
        <v>5</v>
      </c>
      <c r="C7190" s="16">
        <v>7156</v>
      </c>
      <c r="D7190" cm="1">
        <f t="array" ref="D7190">IFERROR(INDEX(Jesper!AH$2:AH$366,ROUNDDOWN($C7190/24,0)+1,1)*INDEX($D$3:$AA$30,INDEX(Jesper!$R$2:$R$366,ROW(INDEX(Jesper!AH$2:AH$366,ROUNDDOWN($C7190/24,0)+1,1))-1)+IF('Standard Profiles'!$G$18=$B$10,7,0)+IF('Standard Profiles'!$G$18=$B$17,14,0)+IF('Standard Profiles'!$G$18=$B$24,21,0),MOD($C7190,24)+1)/SUM(INDEX($D$3:$AA$30,INDEX(Jesper!$R$2:$R$366,ROW(INDEX(Jesper!AH$2:AH$366,ROUNDDOWN($C7190/24,0)+1,1))-1)+IF('Standard Profiles'!$G$18=$B$10,7,0)+IF('Standard Profiles'!$G$18=$B$17,14,0)+IF('Standard Profiles'!$G$18=$B$24,21,0),0)),0)</f>
        <v>8.4391965075792168</v>
      </c>
      <c r="E7190" cm="1">
        <f t="array" ref="E7190">IFERROR(INDEX(Jesper!AI$2:AI$366,ROUNDDOWN($C7190/24,0)+1,1)*INDEX($D$3:$AA$30,INDEX(Jesper!$R$2:$R$366,ROW(INDEX(Jesper!AI$2:AI$366,ROUNDDOWN($C7190/24,0)+1,1))-1)+IF('Standard Profiles'!$G$19=$B$10,7,0)+IF('Standard Profiles'!$G$19=$B$17,14,0)+IF('Standard Profiles'!$G$19=$B$24,21,0),MOD($C7190,24)+1)/SUM(INDEX($D$3:$AA$30,INDEX(Jesper!$R$2:$R$366,ROW(INDEX(Jesper!AI$2:AI$366,ROUNDDOWN($C7190/24,0)+1,1))-1)+IF('Standard Profiles'!$G$19=$B$10,7,0)+IF('Standard Profiles'!$G$19=$B$17,14,0)+IF('Standard Profiles'!$G$19=$B$24,21,0),0)),0)</f>
        <v>0</v>
      </c>
      <c r="F7190" cm="1">
        <f t="array" ref="F7190">IFERROR(INDEX(Jesper!AJ$2:AJ$366,ROUNDDOWN($C7190/24,0)+1,1)*INDEX($D$3:$AA$30,INDEX(Jesper!$R$2:$R$366,ROW(INDEX(Jesper!AJ$2:AJ$366,ROUNDDOWN($C7190/24,0)+1,1))-1)+IF('Standard Profiles'!$G$20=$B$10,7,0)+IF('Standard Profiles'!$G$20=$B$17,14,0)+IF('Standard Profiles'!$G$20=$B$24,21,0),MOD($C7190,24)+1)/SUM(INDEX($D$3:$AA$30,INDEX(Jesper!$R$2:$R$366,ROW(INDEX(Jesper!AJ$2:AJ$366,ROUNDDOWN($C7190/24,0)+1,1))-1)+IF('Standard Profiles'!$G$20=$B$10,7,0)+IF('Standard Profiles'!$G$20=$B$17,14,0)+IF('Standard Profiles'!$G$20=$B$24,21,0),0)),0)</f>
        <v>0</v>
      </c>
      <c r="G7190" cm="1">
        <f t="array" ref="G7190">IFERROR(INDEX(Jesper!AK$2:AK$366,ROUNDDOWN($C7190/24,0)+1,1)*INDEX($D$3:$AA$30,INDEX(Jesper!$R$2:$R$366,ROW(INDEX(Jesper!AK$2:AK$366,ROUNDDOWN($C7190/24,0)+1,1))-1)+IF('Standard Profiles'!$G$21=$B$10,7,0)+IF('Standard Profiles'!$G$21=$B$17,14,0)+IF('Standard Profiles'!$G$21=$B$24,21,0),MOD($C7190,24)+1)/SUM(INDEX($D$3:$AA$30,INDEX(Jesper!$R$2:$R$366,ROW(INDEX(Jesper!AK$2:AK$366,ROUNDDOWN($C7190/24,0)+1,1))-1)+IF('Standard Profiles'!$G$21=$B$10,7,0)+IF('Standard Profiles'!$G$21=$B$17,14,0)+IF('Standard Profiles'!$G$21=$B$24,21,0),0)),0)</f>
        <v>0</v>
      </c>
      <c r="H7190" cm="1">
        <f t="array" ref="H7190">IFERROR(INDEX(Jesper!AL$2:AL$366,ROUNDDOWN($C7190/24,0)+1,1)*INDEX($D$3:$AA$30,INDEX(Jesper!$R$2:$R$366,ROW(INDEX(Jesper!AL$2:AL$366,ROUNDDOWN($C7190/24,0)+1,1))-1)+IF('Standard Profiles'!$G$22=$B$10,7,0)+IF('Standard Profiles'!$G$22=$B$17,14,0)+IF('Standard Profiles'!$G$22=$B$24,21,0),MOD($C7190,24)+1)/SUM(INDEX($D$3:$AA$30,INDEX(Jesper!$R$2:$R$366,ROW(INDEX(Jesper!AL$2:AL$366,ROUNDDOWN($C7190/24,0)+1,1))-1)+IF('Standard Profiles'!$G$22=$B$10,7,0)+IF('Standard Profiles'!$G$22=$B$17,14,0)+IF('Standard Profiles'!$G$22=$B$24,21,0),0)),0)</f>
        <v>0</v>
      </c>
      <c r="I7190">
        <f t="shared" si="797"/>
        <v>0.25317589522737649</v>
      </c>
      <c r="J7190">
        <f t="shared" si="798"/>
        <v>0.84391965075792175</v>
      </c>
      <c r="K7190">
        <f t="shared" si="799"/>
        <v>1.2658794761368826</v>
      </c>
      <c r="L7190">
        <f t="shared" si="800"/>
        <v>6.0762214854570358</v>
      </c>
      <c r="M7190">
        <f t="shared" si="801"/>
        <v>0</v>
      </c>
      <c r="N7190" s="46">
        <f t="shared" si="802"/>
        <v>45590.166666649311</v>
      </c>
    </row>
    <row r="7191" spans="2:14" x14ac:dyDescent="0.3">
      <c r="B7191">
        <f t="shared" si="796"/>
        <v>5</v>
      </c>
      <c r="C7191" s="16">
        <v>7157</v>
      </c>
      <c r="D7191" cm="1">
        <f t="array" ref="D7191">IFERROR(INDEX(Jesper!AH$2:AH$366,ROUNDDOWN($C7191/24,0)+1,1)*INDEX($D$3:$AA$30,INDEX(Jesper!$R$2:$R$366,ROW(INDEX(Jesper!AH$2:AH$366,ROUNDDOWN($C7191/24,0)+1,1))-1)+IF('Standard Profiles'!$G$18=$B$10,7,0)+IF('Standard Profiles'!$G$18=$B$17,14,0)+IF('Standard Profiles'!$G$18=$B$24,21,0),MOD($C7191,24)+1)/SUM(INDEX($D$3:$AA$30,INDEX(Jesper!$R$2:$R$366,ROW(INDEX(Jesper!AH$2:AH$366,ROUNDDOWN($C7191/24,0)+1,1))-1)+IF('Standard Profiles'!$G$18=$B$10,7,0)+IF('Standard Profiles'!$G$18=$B$17,14,0)+IF('Standard Profiles'!$G$18=$B$24,21,0),0)),0)</f>
        <v>10.877186609768769</v>
      </c>
      <c r="E7191" cm="1">
        <f t="array" ref="E7191">IFERROR(INDEX(Jesper!AI$2:AI$366,ROUNDDOWN($C7191/24,0)+1,1)*INDEX($D$3:$AA$30,INDEX(Jesper!$R$2:$R$366,ROW(INDEX(Jesper!AI$2:AI$366,ROUNDDOWN($C7191/24,0)+1,1))-1)+IF('Standard Profiles'!$G$19=$B$10,7,0)+IF('Standard Profiles'!$G$19=$B$17,14,0)+IF('Standard Profiles'!$G$19=$B$24,21,0),MOD($C7191,24)+1)/SUM(INDEX($D$3:$AA$30,INDEX(Jesper!$R$2:$R$366,ROW(INDEX(Jesper!AI$2:AI$366,ROUNDDOWN($C7191/24,0)+1,1))-1)+IF('Standard Profiles'!$G$19=$B$10,7,0)+IF('Standard Profiles'!$G$19=$B$17,14,0)+IF('Standard Profiles'!$G$19=$B$24,21,0),0)),0)</f>
        <v>0</v>
      </c>
      <c r="F7191" cm="1">
        <f t="array" ref="F7191">IFERROR(INDEX(Jesper!AJ$2:AJ$366,ROUNDDOWN($C7191/24,0)+1,1)*INDEX($D$3:$AA$30,INDEX(Jesper!$R$2:$R$366,ROW(INDEX(Jesper!AJ$2:AJ$366,ROUNDDOWN($C7191/24,0)+1,1))-1)+IF('Standard Profiles'!$G$20=$B$10,7,0)+IF('Standard Profiles'!$G$20=$B$17,14,0)+IF('Standard Profiles'!$G$20=$B$24,21,0),MOD($C7191,24)+1)/SUM(INDEX($D$3:$AA$30,INDEX(Jesper!$R$2:$R$366,ROW(INDEX(Jesper!AJ$2:AJ$366,ROUNDDOWN($C7191/24,0)+1,1))-1)+IF('Standard Profiles'!$G$20=$B$10,7,0)+IF('Standard Profiles'!$G$20=$B$17,14,0)+IF('Standard Profiles'!$G$20=$B$24,21,0),0)),0)</f>
        <v>0</v>
      </c>
      <c r="G7191" cm="1">
        <f t="array" ref="G7191">IFERROR(INDEX(Jesper!AK$2:AK$366,ROUNDDOWN($C7191/24,0)+1,1)*INDEX($D$3:$AA$30,INDEX(Jesper!$R$2:$R$366,ROW(INDEX(Jesper!AK$2:AK$366,ROUNDDOWN($C7191/24,0)+1,1))-1)+IF('Standard Profiles'!$G$21=$B$10,7,0)+IF('Standard Profiles'!$G$21=$B$17,14,0)+IF('Standard Profiles'!$G$21=$B$24,21,0),MOD($C7191,24)+1)/SUM(INDEX($D$3:$AA$30,INDEX(Jesper!$R$2:$R$366,ROW(INDEX(Jesper!AK$2:AK$366,ROUNDDOWN($C7191/24,0)+1,1))-1)+IF('Standard Profiles'!$G$21=$B$10,7,0)+IF('Standard Profiles'!$G$21=$B$17,14,0)+IF('Standard Profiles'!$G$21=$B$24,21,0),0)),0)</f>
        <v>0</v>
      </c>
      <c r="H7191" cm="1">
        <f t="array" ref="H7191">IFERROR(INDEX(Jesper!AL$2:AL$366,ROUNDDOWN($C7191/24,0)+1,1)*INDEX($D$3:$AA$30,INDEX(Jesper!$R$2:$R$366,ROW(INDEX(Jesper!AL$2:AL$366,ROUNDDOWN($C7191/24,0)+1,1))-1)+IF('Standard Profiles'!$G$22=$B$10,7,0)+IF('Standard Profiles'!$G$22=$B$17,14,0)+IF('Standard Profiles'!$G$22=$B$24,21,0),MOD($C7191,24)+1)/SUM(INDEX($D$3:$AA$30,INDEX(Jesper!$R$2:$R$366,ROW(INDEX(Jesper!AL$2:AL$366,ROUNDDOWN($C7191/24,0)+1,1))-1)+IF('Standard Profiles'!$G$22=$B$10,7,0)+IF('Standard Profiles'!$G$22=$B$17,14,0)+IF('Standard Profiles'!$G$22=$B$24,21,0),0)),0)</f>
        <v>0</v>
      </c>
      <c r="I7191">
        <f t="shared" si="797"/>
        <v>0.32631559829306306</v>
      </c>
      <c r="J7191">
        <f t="shared" si="798"/>
        <v>1.087718660976877</v>
      </c>
      <c r="K7191">
        <f t="shared" si="799"/>
        <v>1.6315779914653152</v>
      </c>
      <c r="L7191">
        <f t="shared" si="800"/>
        <v>7.831574359033513</v>
      </c>
      <c r="M7191">
        <f t="shared" si="801"/>
        <v>0</v>
      </c>
      <c r="N7191" s="46">
        <f t="shared" si="802"/>
        <v>45590.208333315975</v>
      </c>
    </row>
    <row r="7192" spans="2:14" x14ac:dyDescent="0.3">
      <c r="B7192">
        <f t="shared" si="796"/>
        <v>5</v>
      </c>
      <c r="C7192" s="16">
        <v>7158</v>
      </c>
      <c r="D7192" cm="1">
        <f t="array" ref="D7192">IFERROR(INDEX(Jesper!AH$2:AH$366,ROUNDDOWN($C7192/24,0)+1,1)*INDEX($D$3:$AA$30,INDEX(Jesper!$R$2:$R$366,ROW(INDEX(Jesper!AH$2:AH$366,ROUNDDOWN($C7192/24,0)+1,1))-1)+IF('Standard Profiles'!$G$18=$B$10,7,0)+IF('Standard Profiles'!$G$18=$B$17,14,0)+IF('Standard Profiles'!$G$18=$B$24,21,0),MOD($C7192,24)+1)/SUM(INDEX($D$3:$AA$30,INDEX(Jesper!$R$2:$R$366,ROW(INDEX(Jesper!AH$2:AH$366,ROUNDDOWN($C7192/24,0)+1,1))-1)+IF('Standard Profiles'!$G$18=$B$10,7,0)+IF('Standard Profiles'!$G$18=$B$17,14,0)+IF('Standard Profiles'!$G$18=$B$24,21,0),0)),0)</f>
        <v>13.127639011789894</v>
      </c>
      <c r="E7192" cm="1">
        <f t="array" ref="E7192">IFERROR(INDEX(Jesper!AI$2:AI$366,ROUNDDOWN($C7192/24,0)+1,1)*INDEX($D$3:$AA$30,INDEX(Jesper!$R$2:$R$366,ROW(INDEX(Jesper!AI$2:AI$366,ROUNDDOWN($C7192/24,0)+1,1))-1)+IF('Standard Profiles'!$G$19=$B$10,7,0)+IF('Standard Profiles'!$G$19=$B$17,14,0)+IF('Standard Profiles'!$G$19=$B$24,21,0),MOD($C7192,24)+1)/SUM(INDEX($D$3:$AA$30,INDEX(Jesper!$R$2:$R$366,ROW(INDEX(Jesper!AI$2:AI$366,ROUNDDOWN($C7192/24,0)+1,1))-1)+IF('Standard Profiles'!$G$19=$B$10,7,0)+IF('Standard Profiles'!$G$19=$B$17,14,0)+IF('Standard Profiles'!$G$19=$B$24,21,0),0)),0)</f>
        <v>0</v>
      </c>
      <c r="F7192" cm="1">
        <f t="array" ref="F7192">IFERROR(INDEX(Jesper!AJ$2:AJ$366,ROUNDDOWN($C7192/24,0)+1,1)*INDEX($D$3:$AA$30,INDEX(Jesper!$R$2:$R$366,ROW(INDEX(Jesper!AJ$2:AJ$366,ROUNDDOWN($C7192/24,0)+1,1))-1)+IF('Standard Profiles'!$G$20=$B$10,7,0)+IF('Standard Profiles'!$G$20=$B$17,14,0)+IF('Standard Profiles'!$G$20=$B$24,21,0),MOD($C7192,24)+1)/SUM(INDEX($D$3:$AA$30,INDEX(Jesper!$R$2:$R$366,ROW(INDEX(Jesper!AJ$2:AJ$366,ROUNDDOWN($C7192/24,0)+1,1))-1)+IF('Standard Profiles'!$G$20=$B$10,7,0)+IF('Standard Profiles'!$G$20=$B$17,14,0)+IF('Standard Profiles'!$G$20=$B$24,21,0),0)),0)</f>
        <v>0</v>
      </c>
      <c r="G7192" cm="1">
        <f t="array" ref="G7192">IFERROR(INDEX(Jesper!AK$2:AK$366,ROUNDDOWN($C7192/24,0)+1,1)*INDEX($D$3:$AA$30,INDEX(Jesper!$R$2:$R$366,ROW(INDEX(Jesper!AK$2:AK$366,ROUNDDOWN($C7192/24,0)+1,1))-1)+IF('Standard Profiles'!$G$21=$B$10,7,0)+IF('Standard Profiles'!$G$21=$B$17,14,0)+IF('Standard Profiles'!$G$21=$B$24,21,0),MOD($C7192,24)+1)/SUM(INDEX($D$3:$AA$30,INDEX(Jesper!$R$2:$R$366,ROW(INDEX(Jesper!AK$2:AK$366,ROUNDDOWN($C7192/24,0)+1,1))-1)+IF('Standard Profiles'!$G$21=$B$10,7,0)+IF('Standard Profiles'!$G$21=$B$17,14,0)+IF('Standard Profiles'!$G$21=$B$24,21,0),0)),0)</f>
        <v>0</v>
      </c>
      <c r="H7192" cm="1">
        <f t="array" ref="H7192">IFERROR(INDEX(Jesper!AL$2:AL$366,ROUNDDOWN($C7192/24,0)+1,1)*INDEX($D$3:$AA$30,INDEX(Jesper!$R$2:$R$366,ROW(INDEX(Jesper!AL$2:AL$366,ROUNDDOWN($C7192/24,0)+1,1))-1)+IF('Standard Profiles'!$G$22=$B$10,7,0)+IF('Standard Profiles'!$G$22=$B$17,14,0)+IF('Standard Profiles'!$G$22=$B$24,21,0),MOD($C7192,24)+1)/SUM(INDEX($D$3:$AA$30,INDEX(Jesper!$R$2:$R$366,ROW(INDEX(Jesper!AL$2:AL$366,ROUNDDOWN($C7192/24,0)+1,1))-1)+IF('Standard Profiles'!$G$22=$B$10,7,0)+IF('Standard Profiles'!$G$22=$B$17,14,0)+IF('Standard Profiles'!$G$22=$B$24,21,0),0)),0)</f>
        <v>0</v>
      </c>
      <c r="I7192">
        <f t="shared" si="797"/>
        <v>0.3938291703536968</v>
      </c>
      <c r="J7192">
        <f t="shared" si="798"/>
        <v>1.3127639011789896</v>
      </c>
      <c r="K7192">
        <f t="shared" si="799"/>
        <v>1.9691458517684839</v>
      </c>
      <c r="L7192">
        <f t="shared" si="800"/>
        <v>9.4519000884887223</v>
      </c>
      <c r="M7192">
        <f t="shared" si="801"/>
        <v>0</v>
      </c>
      <c r="N7192" s="46">
        <f t="shared" si="802"/>
        <v>45590.24999998264</v>
      </c>
    </row>
    <row r="7193" spans="2:14" x14ac:dyDescent="0.3">
      <c r="B7193">
        <f t="shared" si="796"/>
        <v>5</v>
      </c>
      <c r="C7193" s="16">
        <v>7159</v>
      </c>
      <c r="D7193" cm="1">
        <f t="array" ref="D7193">IFERROR(INDEX(Jesper!AH$2:AH$366,ROUNDDOWN($C7193/24,0)+1,1)*INDEX($D$3:$AA$30,INDEX(Jesper!$R$2:$R$366,ROW(INDEX(Jesper!AH$2:AH$366,ROUNDDOWN($C7193/24,0)+1,1))-1)+IF('Standard Profiles'!$G$18=$B$10,7,0)+IF('Standard Profiles'!$G$18=$B$17,14,0)+IF('Standard Profiles'!$G$18=$B$24,21,0),MOD($C7193,24)+1)/SUM(INDEX($D$3:$AA$30,INDEX(Jesper!$R$2:$R$366,ROW(INDEX(Jesper!AH$2:AH$366,ROUNDDOWN($C7193/24,0)+1,1))-1)+IF('Standard Profiles'!$G$18=$B$10,7,0)+IF('Standard Profiles'!$G$18=$B$17,14,0)+IF('Standard Profiles'!$G$18=$B$24,21,0),0)),0)</f>
        <v>13.127639011789894</v>
      </c>
      <c r="E7193" cm="1">
        <f t="array" ref="E7193">IFERROR(INDEX(Jesper!AI$2:AI$366,ROUNDDOWN($C7193/24,0)+1,1)*INDEX($D$3:$AA$30,INDEX(Jesper!$R$2:$R$366,ROW(INDEX(Jesper!AI$2:AI$366,ROUNDDOWN($C7193/24,0)+1,1))-1)+IF('Standard Profiles'!$G$19=$B$10,7,0)+IF('Standard Profiles'!$G$19=$B$17,14,0)+IF('Standard Profiles'!$G$19=$B$24,21,0),MOD($C7193,24)+1)/SUM(INDEX($D$3:$AA$30,INDEX(Jesper!$R$2:$R$366,ROW(INDEX(Jesper!AI$2:AI$366,ROUNDDOWN($C7193/24,0)+1,1))-1)+IF('Standard Profiles'!$G$19=$B$10,7,0)+IF('Standard Profiles'!$G$19=$B$17,14,0)+IF('Standard Profiles'!$G$19=$B$24,21,0),0)),0)</f>
        <v>0</v>
      </c>
      <c r="F7193" cm="1">
        <f t="array" ref="F7193">IFERROR(INDEX(Jesper!AJ$2:AJ$366,ROUNDDOWN($C7193/24,0)+1,1)*INDEX($D$3:$AA$30,INDEX(Jesper!$R$2:$R$366,ROW(INDEX(Jesper!AJ$2:AJ$366,ROUNDDOWN($C7193/24,0)+1,1))-1)+IF('Standard Profiles'!$G$20=$B$10,7,0)+IF('Standard Profiles'!$G$20=$B$17,14,0)+IF('Standard Profiles'!$G$20=$B$24,21,0),MOD($C7193,24)+1)/SUM(INDEX($D$3:$AA$30,INDEX(Jesper!$R$2:$R$366,ROW(INDEX(Jesper!AJ$2:AJ$366,ROUNDDOWN($C7193/24,0)+1,1))-1)+IF('Standard Profiles'!$G$20=$B$10,7,0)+IF('Standard Profiles'!$G$20=$B$17,14,0)+IF('Standard Profiles'!$G$20=$B$24,21,0),0)),0)</f>
        <v>0</v>
      </c>
      <c r="G7193" cm="1">
        <f t="array" ref="G7193">IFERROR(INDEX(Jesper!AK$2:AK$366,ROUNDDOWN($C7193/24,0)+1,1)*INDEX($D$3:$AA$30,INDEX(Jesper!$R$2:$R$366,ROW(INDEX(Jesper!AK$2:AK$366,ROUNDDOWN($C7193/24,0)+1,1))-1)+IF('Standard Profiles'!$G$21=$B$10,7,0)+IF('Standard Profiles'!$G$21=$B$17,14,0)+IF('Standard Profiles'!$G$21=$B$24,21,0),MOD($C7193,24)+1)/SUM(INDEX($D$3:$AA$30,INDEX(Jesper!$R$2:$R$366,ROW(INDEX(Jesper!AK$2:AK$366,ROUNDDOWN($C7193/24,0)+1,1))-1)+IF('Standard Profiles'!$G$21=$B$10,7,0)+IF('Standard Profiles'!$G$21=$B$17,14,0)+IF('Standard Profiles'!$G$21=$B$24,21,0),0)),0)</f>
        <v>0</v>
      </c>
      <c r="H7193" cm="1">
        <f t="array" ref="H7193">IFERROR(INDEX(Jesper!AL$2:AL$366,ROUNDDOWN($C7193/24,0)+1,1)*INDEX($D$3:$AA$30,INDEX(Jesper!$R$2:$R$366,ROW(INDEX(Jesper!AL$2:AL$366,ROUNDDOWN($C7193/24,0)+1,1))-1)+IF('Standard Profiles'!$G$22=$B$10,7,0)+IF('Standard Profiles'!$G$22=$B$17,14,0)+IF('Standard Profiles'!$G$22=$B$24,21,0),MOD($C7193,24)+1)/SUM(INDEX($D$3:$AA$30,INDEX(Jesper!$R$2:$R$366,ROW(INDEX(Jesper!AL$2:AL$366,ROUNDDOWN($C7193/24,0)+1,1))-1)+IF('Standard Profiles'!$G$22=$B$10,7,0)+IF('Standard Profiles'!$G$22=$B$17,14,0)+IF('Standard Profiles'!$G$22=$B$24,21,0),0)),0)</f>
        <v>0</v>
      </c>
      <c r="I7193">
        <f t="shared" si="797"/>
        <v>0.3938291703536968</v>
      </c>
      <c r="J7193">
        <f t="shared" si="798"/>
        <v>1.3127639011789896</v>
      </c>
      <c r="K7193">
        <f t="shared" si="799"/>
        <v>1.9691458517684839</v>
      </c>
      <c r="L7193">
        <f t="shared" si="800"/>
        <v>9.4519000884887223</v>
      </c>
      <c r="M7193">
        <f t="shared" si="801"/>
        <v>0</v>
      </c>
      <c r="N7193" s="46">
        <f t="shared" si="802"/>
        <v>45590.291666649304</v>
      </c>
    </row>
    <row r="7194" spans="2:14" x14ac:dyDescent="0.3">
      <c r="B7194">
        <f t="shared" si="796"/>
        <v>5</v>
      </c>
      <c r="C7194" s="16">
        <v>7160</v>
      </c>
      <c r="D7194" cm="1">
        <f t="array" ref="D7194">IFERROR(INDEX(Jesper!AH$2:AH$366,ROUNDDOWN($C7194/24,0)+1,1)*INDEX($D$3:$AA$30,INDEX(Jesper!$R$2:$R$366,ROW(INDEX(Jesper!AH$2:AH$366,ROUNDDOWN($C7194/24,0)+1,1))-1)+IF('Standard Profiles'!$G$18=$B$10,7,0)+IF('Standard Profiles'!$G$18=$B$17,14,0)+IF('Standard Profiles'!$G$18=$B$24,21,0),MOD($C7194,24)+1)/SUM(INDEX($D$3:$AA$30,INDEX(Jesper!$R$2:$R$366,ROW(INDEX(Jesper!AH$2:AH$366,ROUNDDOWN($C7194/24,0)+1,1))-1)+IF('Standard Profiles'!$G$18=$B$10,7,0)+IF('Standard Profiles'!$G$18=$B$17,14,0)+IF('Standard Profiles'!$G$18=$B$24,21,0),0)),0)</f>
        <v>13.127639011789894</v>
      </c>
      <c r="E7194" cm="1">
        <f t="array" ref="E7194">IFERROR(INDEX(Jesper!AI$2:AI$366,ROUNDDOWN($C7194/24,0)+1,1)*INDEX($D$3:$AA$30,INDEX(Jesper!$R$2:$R$366,ROW(INDEX(Jesper!AI$2:AI$366,ROUNDDOWN($C7194/24,0)+1,1))-1)+IF('Standard Profiles'!$G$19=$B$10,7,0)+IF('Standard Profiles'!$G$19=$B$17,14,0)+IF('Standard Profiles'!$G$19=$B$24,21,0),MOD($C7194,24)+1)/SUM(INDEX($D$3:$AA$30,INDEX(Jesper!$R$2:$R$366,ROW(INDEX(Jesper!AI$2:AI$366,ROUNDDOWN($C7194/24,0)+1,1))-1)+IF('Standard Profiles'!$G$19=$B$10,7,0)+IF('Standard Profiles'!$G$19=$B$17,14,0)+IF('Standard Profiles'!$G$19=$B$24,21,0),0)),0)</f>
        <v>0</v>
      </c>
      <c r="F7194" cm="1">
        <f t="array" ref="F7194">IFERROR(INDEX(Jesper!AJ$2:AJ$366,ROUNDDOWN($C7194/24,0)+1,1)*INDEX($D$3:$AA$30,INDEX(Jesper!$R$2:$R$366,ROW(INDEX(Jesper!AJ$2:AJ$366,ROUNDDOWN($C7194/24,0)+1,1))-1)+IF('Standard Profiles'!$G$20=$B$10,7,0)+IF('Standard Profiles'!$G$20=$B$17,14,0)+IF('Standard Profiles'!$G$20=$B$24,21,0),MOD($C7194,24)+1)/SUM(INDEX($D$3:$AA$30,INDEX(Jesper!$R$2:$R$366,ROW(INDEX(Jesper!AJ$2:AJ$366,ROUNDDOWN($C7194/24,0)+1,1))-1)+IF('Standard Profiles'!$G$20=$B$10,7,0)+IF('Standard Profiles'!$G$20=$B$17,14,0)+IF('Standard Profiles'!$G$20=$B$24,21,0),0)),0)</f>
        <v>0</v>
      </c>
      <c r="G7194" cm="1">
        <f t="array" ref="G7194">IFERROR(INDEX(Jesper!AK$2:AK$366,ROUNDDOWN($C7194/24,0)+1,1)*INDEX($D$3:$AA$30,INDEX(Jesper!$R$2:$R$366,ROW(INDEX(Jesper!AK$2:AK$366,ROUNDDOWN($C7194/24,0)+1,1))-1)+IF('Standard Profiles'!$G$21=$B$10,7,0)+IF('Standard Profiles'!$G$21=$B$17,14,0)+IF('Standard Profiles'!$G$21=$B$24,21,0),MOD($C7194,24)+1)/SUM(INDEX($D$3:$AA$30,INDEX(Jesper!$R$2:$R$366,ROW(INDEX(Jesper!AK$2:AK$366,ROUNDDOWN($C7194/24,0)+1,1))-1)+IF('Standard Profiles'!$G$21=$B$10,7,0)+IF('Standard Profiles'!$G$21=$B$17,14,0)+IF('Standard Profiles'!$G$21=$B$24,21,0),0)),0)</f>
        <v>0</v>
      </c>
      <c r="H7194" cm="1">
        <f t="array" ref="H7194">IFERROR(INDEX(Jesper!AL$2:AL$366,ROUNDDOWN($C7194/24,0)+1,1)*INDEX($D$3:$AA$30,INDEX(Jesper!$R$2:$R$366,ROW(INDEX(Jesper!AL$2:AL$366,ROUNDDOWN($C7194/24,0)+1,1))-1)+IF('Standard Profiles'!$G$22=$B$10,7,0)+IF('Standard Profiles'!$G$22=$B$17,14,0)+IF('Standard Profiles'!$G$22=$B$24,21,0),MOD($C7194,24)+1)/SUM(INDEX($D$3:$AA$30,INDEX(Jesper!$R$2:$R$366,ROW(INDEX(Jesper!AL$2:AL$366,ROUNDDOWN($C7194/24,0)+1,1))-1)+IF('Standard Profiles'!$G$22=$B$10,7,0)+IF('Standard Profiles'!$G$22=$B$17,14,0)+IF('Standard Profiles'!$G$22=$B$24,21,0),0)),0)</f>
        <v>0</v>
      </c>
      <c r="I7194">
        <f t="shared" si="797"/>
        <v>0.3938291703536968</v>
      </c>
      <c r="J7194">
        <f t="shared" si="798"/>
        <v>1.3127639011789896</v>
      </c>
      <c r="K7194">
        <f t="shared" si="799"/>
        <v>1.9691458517684839</v>
      </c>
      <c r="L7194">
        <f t="shared" si="800"/>
        <v>9.4519000884887223</v>
      </c>
      <c r="M7194">
        <f t="shared" si="801"/>
        <v>0</v>
      </c>
      <c r="N7194" s="46">
        <f t="shared" si="802"/>
        <v>45590.333333315968</v>
      </c>
    </row>
    <row r="7195" spans="2:14" x14ac:dyDescent="0.3">
      <c r="B7195">
        <f t="shared" si="796"/>
        <v>5</v>
      </c>
      <c r="C7195" s="16">
        <v>7161</v>
      </c>
      <c r="D7195" cm="1">
        <f t="array" ref="D7195">IFERROR(INDEX(Jesper!AH$2:AH$366,ROUNDDOWN($C7195/24,0)+1,1)*INDEX($D$3:$AA$30,INDEX(Jesper!$R$2:$R$366,ROW(INDEX(Jesper!AH$2:AH$366,ROUNDDOWN($C7195/24,0)+1,1))-1)+IF('Standard Profiles'!$G$18=$B$10,7,0)+IF('Standard Profiles'!$G$18=$B$17,14,0)+IF('Standard Profiles'!$G$18=$B$24,21,0),MOD($C7195,24)+1)/SUM(INDEX($D$3:$AA$30,INDEX(Jesper!$R$2:$R$366,ROW(INDEX(Jesper!AH$2:AH$366,ROUNDDOWN($C7195/24,0)+1,1))-1)+IF('Standard Profiles'!$G$18=$B$10,7,0)+IF('Standard Profiles'!$G$18=$B$17,14,0)+IF('Standard Profiles'!$G$18=$B$24,21,0),0)),0)</f>
        <v>14.065327512632031</v>
      </c>
      <c r="E7195" cm="1">
        <f t="array" ref="E7195">IFERROR(INDEX(Jesper!AI$2:AI$366,ROUNDDOWN($C7195/24,0)+1,1)*INDEX($D$3:$AA$30,INDEX(Jesper!$R$2:$R$366,ROW(INDEX(Jesper!AI$2:AI$366,ROUNDDOWN($C7195/24,0)+1,1))-1)+IF('Standard Profiles'!$G$19=$B$10,7,0)+IF('Standard Profiles'!$G$19=$B$17,14,0)+IF('Standard Profiles'!$G$19=$B$24,21,0),MOD($C7195,24)+1)/SUM(INDEX($D$3:$AA$30,INDEX(Jesper!$R$2:$R$366,ROW(INDEX(Jesper!AI$2:AI$366,ROUNDDOWN($C7195/24,0)+1,1))-1)+IF('Standard Profiles'!$G$19=$B$10,7,0)+IF('Standard Profiles'!$G$19=$B$17,14,0)+IF('Standard Profiles'!$G$19=$B$24,21,0),0)),0)</f>
        <v>0</v>
      </c>
      <c r="F7195" cm="1">
        <f t="array" ref="F7195">IFERROR(INDEX(Jesper!AJ$2:AJ$366,ROUNDDOWN($C7195/24,0)+1,1)*INDEX($D$3:$AA$30,INDEX(Jesper!$R$2:$R$366,ROW(INDEX(Jesper!AJ$2:AJ$366,ROUNDDOWN($C7195/24,0)+1,1))-1)+IF('Standard Profiles'!$G$20=$B$10,7,0)+IF('Standard Profiles'!$G$20=$B$17,14,0)+IF('Standard Profiles'!$G$20=$B$24,21,0),MOD($C7195,24)+1)/SUM(INDEX($D$3:$AA$30,INDEX(Jesper!$R$2:$R$366,ROW(INDEX(Jesper!AJ$2:AJ$366,ROUNDDOWN($C7195/24,0)+1,1))-1)+IF('Standard Profiles'!$G$20=$B$10,7,0)+IF('Standard Profiles'!$G$20=$B$17,14,0)+IF('Standard Profiles'!$G$20=$B$24,21,0),0)),0)</f>
        <v>0</v>
      </c>
      <c r="G7195" cm="1">
        <f t="array" ref="G7195">IFERROR(INDEX(Jesper!AK$2:AK$366,ROUNDDOWN($C7195/24,0)+1,1)*INDEX($D$3:$AA$30,INDEX(Jesper!$R$2:$R$366,ROW(INDEX(Jesper!AK$2:AK$366,ROUNDDOWN($C7195/24,0)+1,1))-1)+IF('Standard Profiles'!$G$21=$B$10,7,0)+IF('Standard Profiles'!$G$21=$B$17,14,0)+IF('Standard Profiles'!$G$21=$B$24,21,0),MOD($C7195,24)+1)/SUM(INDEX($D$3:$AA$30,INDEX(Jesper!$R$2:$R$366,ROW(INDEX(Jesper!AK$2:AK$366,ROUNDDOWN($C7195/24,0)+1,1))-1)+IF('Standard Profiles'!$G$21=$B$10,7,0)+IF('Standard Profiles'!$G$21=$B$17,14,0)+IF('Standard Profiles'!$G$21=$B$24,21,0),0)),0)</f>
        <v>0</v>
      </c>
      <c r="H7195" cm="1">
        <f t="array" ref="H7195">IFERROR(INDEX(Jesper!AL$2:AL$366,ROUNDDOWN($C7195/24,0)+1,1)*INDEX($D$3:$AA$30,INDEX(Jesper!$R$2:$R$366,ROW(INDEX(Jesper!AL$2:AL$366,ROUNDDOWN($C7195/24,0)+1,1))-1)+IF('Standard Profiles'!$G$22=$B$10,7,0)+IF('Standard Profiles'!$G$22=$B$17,14,0)+IF('Standard Profiles'!$G$22=$B$24,21,0),MOD($C7195,24)+1)/SUM(INDEX($D$3:$AA$30,INDEX(Jesper!$R$2:$R$366,ROW(INDEX(Jesper!AL$2:AL$366,ROUNDDOWN($C7195/24,0)+1,1))-1)+IF('Standard Profiles'!$G$22=$B$10,7,0)+IF('Standard Profiles'!$G$22=$B$17,14,0)+IF('Standard Profiles'!$G$22=$B$24,21,0),0)),0)</f>
        <v>0</v>
      </c>
      <c r="I7195">
        <f t="shared" si="797"/>
        <v>0.42195982537896093</v>
      </c>
      <c r="J7195">
        <f t="shared" si="798"/>
        <v>1.4065327512632031</v>
      </c>
      <c r="K7195">
        <f t="shared" si="799"/>
        <v>2.1097991268948046</v>
      </c>
      <c r="L7195">
        <f t="shared" si="800"/>
        <v>10.127035809095062</v>
      </c>
      <c r="M7195">
        <f t="shared" si="801"/>
        <v>0</v>
      </c>
      <c r="N7195" s="46">
        <f t="shared" si="802"/>
        <v>45590.374999982632</v>
      </c>
    </row>
    <row r="7196" spans="2:14" x14ac:dyDescent="0.3">
      <c r="B7196">
        <f t="shared" si="796"/>
        <v>5</v>
      </c>
      <c r="C7196" s="16">
        <v>7162</v>
      </c>
      <c r="D7196" cm="1">
        <f t="array" ref="D7196">IFERROR(INDEX(Jesper!AH$2:AH$366,ROUNDDOWN($C7196/24,0)+1,1)*INDEX($D$3:$AA$30,INDEX(Jesper!$R$2:$R$366,ROW(INDEX(Jesper!AH$2:AH$366,ROUNDDOWN($C7196/24,0)+1,1))-1)+IF('Standard Profiles'!$G$18=$B$10,7,0)+IF('Standard Profiles'!$G$18=$B$17,14,0)+IF('Standard Profiles'!$G$18=$B$24,21,0),MOD($C7196,24)+1)/SUM(INDEX($D$3:$AA$30,INDEX(Jesper!$R$2:$R$366,ROW(INDEX(Jesper!AH$2:AH$366,ROUNDDOWN($C7196/24,0)+1,1))-1)+IF('Standard Profiles'!$G$18=$B$10,7,0)+IF('Standard Profiles'!$G$18=$B$17,14,0)+IF('Standard Profiles'!$G$18=$B$24,21,0),0)),0)</f>
        <v>14.627940613137309</v>
      </c>
      <c r="E7196" cm="1">
        <f t="array" ref="E7196">IFERROR(INDEX(Jesper!AI$2:AI$366,ROUNDDOWN($C7196/24,0)+1,1)*INDEX($D$3:$AA$30,INDEX(Jesper!$R$2:$R$366,ROW(INDEX(Jesper!AI$2:AI$366,ROUNDDOWN($C7196/24,0)+1,1))-1)+IF('Standard Profiles'!$G$19=$B$10,7,0)+IF('Standard Profiles'!$G$19=$B$17,14,0)+IF('Standard Profiles'!$G$19=$B$24,21,0),MOD($C7196,24)+1)/SUM(INDEX($D$3:$AA$30,INDEX(Jesper!$R$2:$R$366,ROW(INDEX(Jesper!AI$2:AI$366,ROUNDDOWN($C7196/24,0)+1,1))-1)+IF('Standard Profiles'!$G$19=$B$10,7,0)+IF('Standard Profiles'!$G$19=$B$17,14,0)+IF('Standard Profiles'!$G$19=$B$24,21,0),0)),0)</f>
        <v>0</v>
      </c>
      <c r="F7196" cm="1">
        <f t="array" ref="F7196">IFERROR(INDEX(Jesper!AJ$2:AJ$366,ROUNDDOWN($C7196/24,0)+1,1)*INDEX($D$3:$AA$30,INDEX(Jesper!$R$2:$R$366,ROW(INDEX(Jesper!AJ$2:AJ$366,ROUNDDOWN($C7196/24,0)+1,1))-1)+IF('Standard Profiles'!$G$20=$B$10,7,0)+IF('Standard Profiles'!$G$20=$B$17,14,0)+IF('Standard Profiles'!$G$20=$B$24,21,0),MOD($C7196,24)+1)/SUM(INDEX($D$3:$AA$30,INDEX(Jesper!$R$2:$R$366,ROW(INDEX(Jesper!AJ$2:AJ$366,ROUNDDOWN($C7196/24,0)+1,1))-1)+IF('Standard Profiles'!$G$20=$B$10,7,0)+IF('Standard Profiles'!$G$20=$B$17,14,0)+IF('Standard Profiles'!$G$20=$B$24,21,0),0)),0)</f>
        <v>0</v>
      </c>
      <c r="G7196" cm="1">
        <f t="array" ref="G7196">IFERROR(INDEX(Jesper!AK$2:AK$366,ROUNDDOWN($C7196/24,0)+1,1)*INDEX($D$3:$AA$30,INDEX(Jesper!$R$2:$R$366,ROW(INDEX(Jesper!AK$2:AK$366,ROUNDDOWN($C7196/24,0)+1,1))-1)+IF('Standard Profiles'!$G$21=$B$10,7,0)+IF('Standard Profiles'!$G$21=$B$17,14,0)+IF('Standard Profiles'!$G$21=$B$24,21,0),MOD($C7196,24)+1)/SUM(INDEX($D$3:$AA$30,INDEX(Jesper!$R$2:$R$366,ROW(INDEX(Jesper!AK$2:AK$366,ROUNDDOWN($C7196/24,0)+1,1))-1)+IF('Standard Profiles'!$G$21=$B$10,7,0)+IF('Standard Profiles'!$G$21=$B$17,14,0)+IF('Standard Profiles'!$G$21=$B$24,21,0),0)),0)</f>
        <v>0</v>
      </c>
      <c r="H7196" cm="1">
        <f t="array" ref="H7196">IFERROR(INDEX(Jesper!AL$2:AL$366,ROUNDDOWN($C7196/24,0)+1,1)*INDEX($D$3:$AA$30,INDEX(Jesper!$R$2:$R$366,ROW(INDEX(Jesper!AL$2:AL$366,ROUNDDOWN($C7196/24,0)+1,1))-1)+IF('Standard Profiles'!$G$22=$B$10,7,0)+IF('Standard Profiles'!$G$22=$B$17,14,0)+IF('Standard Profiles'!$G$22=$B$24,21,0),MOD($C7196,24)+1)/SUM(INDEX($D$3:$AA$30,INDEX(Jesper!$R$2:$R$366,ROW(INDEX(Jesper!AL$2:AL$366,ROUNDDOWN($C7196/24,0)+1,1))-1)+IF('Standard Profiles'!$G$22=$B$10,7,0)+IF('Standard Profiles'!$G$22=$B$17,14,0)+IF('Standard Profiles'!$G$22=$B$24,21,0),0)),0)</f>
        <v>0</v>
      </c>
      <c r="I7196">
        <f t="shared" si="797"/>
        <v>0.43883821839411924</v>
      </c>
      <c r="J7196">
        <f t="shared" si="798"/>
        <v>1.4627940613137309</v>
      </c>
      <c r="K7196">
        <f t="shared" si="799"/>
        <v>2.194191091970596</v>
      </c>
      <c r="L7196">
        <f t="shared" si="800"/>
        <v>10.532117241458861</v>
      </c>
      <c r="M7196">
        <f t="shared" si="801"/>
        <v>0</v>
      </c>
      <c r="N7196" s="46">
        <f t="shared" si="802"/>
        <v>45590.416666649297</v>
      </c>
    </row>
    <row r="7197" spans="2:14" x14ac:dyDescent="0.3">
      <c r="B7197">
        <f t="shared" si="796"/>
        <v>5</v>
      </c>
      <c r="C7197" s="16">
        <v>7163</v>
      </c>
      <c r="D7197" cm="1">
        <f t="array" ref="D7197">IFERROR(INDEX(Jesper!AH$2:AH$366,ROUNDDOWN($C7197/24,0)+1,1)*INDEX($D$3:$AA$30,INDEX(Jesper!$R$2:$R$366,ROW(INDEX(Jesper!AH$2:AH$366,ROUNDDOWN($C7197/24,0)+1,1))-1)+IF('Standard Profiles'!$G$18=$B$10,7,0)+IF('Standard Profiles'!$G$18=$B$17,14,0)+IF('Standard Profiles'!$G$18=$B$24,21,0),MOD($C7197,24)+1)/SUM(INDEX($D$3:$AA$30,INDEX(Jesper!$R$2:$R$366,ROW(INDEX(Jesper!AH$2:AH$366,ROUNDDOWN($C7197/24,0)+1,1))-1)+IF('Standard Profiles'!$G$18=$B$10,7,0)+IF('Standard Profiles'!$G$18=$B$17,14,0)+IF('Standard Profiles'!$G$18=$B$24,21,0),0)),0)</f>
        <v>16.878393015158434</v>
      </c>
      <c r="E7197" cm="1">
        <f t="array" ref="E7197">IFERROR(INDEX(Jesper!AI$2:AI$366,ROUNDDOWN($C7197/24,0)+1,1)*INDEX($D$3:$AA$30,INDEX(Jesper!$R$2:$R$366,ROW(INDEX(Jesper!AI$2:AI$366,ROUNDDOWN($C7197/24,0)+1,1))-1)+IF('Standard Profiles'!$G$19=$B$10,7,0)+IF('Standard Profiles'!$G$19=$B$17,14,0)+IF('Standard Profiles'!$G$19=$B$24,21,0),MOD($C7197,24)+1)/SUM(INDEX($D$3:$AA$30,INDEX(Jesper!$R$2:$R$366,ROW(INDEX(Jesper!AI$2:AI$366,ROUNDDOWN($C7197/24,0)+1,1))-1)+IF('Standard Profiles'!$G$19=$B$10,7,0)+IF('Standard Profiles'!$G$19=$B$17,14,0)+IF('Standard Profiles'!$G$19=$B$24,21,0),0)),0)</f>
        <v>0</v>
      </c>
      <c r="F7197" cm="1">
        <f t="array" ref="F7197">IFERROR(INDEX(Jesper!AJ$2:AJ$366,ROUNDDOWN($C7197/24,0)+1,1)*INDEX($D$3:$AA$30,INDEX(Jesper!$R$2:$R$366,ROW(INDEX(Jesper!AJ$2:AJ$366,ROUNDDOWN($C7197/24,0)+1,1))-1)+IF('Standard Profiles'!$G$20=$B$10,7,0)+IF('Standard Profiles'!$G$20=$B$17,14,0)+IF('Standard Profiles'!$G$20=$B$24,21,0),MOD($C7197,24)+1)/SUM(INDEX($D$3:$AA$30,INDEX(Jesper!$R$2:$R$366,ROW(INDEX(Jesper!AJ$2:AJ$366,ROUNDDOWN($C7197/24,0)+1,1))-1)+IF('Standard Profiles'!$G$20=$B$10,7,0)+IF('Standard Profiles'!$G$20=$B$17,14,0)+IF('Standard Profiles'!$G$20=$B$24,21,0),0)),0)</f>
        <v>0</v>
      </c>
      <c r="G7197" cm="1">
        <f t="array" ref="G7197">IFERROR(INDEX(Jesper!AK$2:AK$366,ROUNDDOWN($C7197/24,0)+1,1)*INDEX($D$3:$AA$30,INDEX(Jesper!$R$2:$R$366,ROW(INDEX(Jesper!AK$2:AK$366,ROUNDDOWN($C7197/24,0)+1,1))-1)+IF('Standard Profiles'!$G$21=$B$10,7,0)+IF('Standard Profiles'!$G$21=$B$17,14,0)+IF('Standard Profiles'!$G$21=$B$24,21,0),MOD($C7197,24)+1)/SUM(INDEX($D$3:$AA$30,INDEX(Jesper!$R$2:$R$366,ROW(INDEX(Jesper!AK$2:AK$366,ROUNDDOWN($C7197/24,0)+1,1))-1)+IF('Standard Profiles'!$G$21=$B$10,7,0)+IF('Standard Profiles'!$G$21=$B$17,14,0)+IF('Standard Profiles'!$G$21=$B$24,21,0),0)),0)</f>
        <v>0</v>
      </c>
      <c r="H7197" cm="1">
        <f t="array" ref="H7197">IFERROR(INDEX(Jesper!AL$2:AL$366,ROUNDDOWN($C7197/24,0)+1,1)*INDEX($D$3:$AA$30,INDEX(Jesper!$R$2:$R$366,ROW(INDEX(Jesper!AL$2:AL$366,ROUNDDOWN($C7197/24,0)+1,1))-1)+IF('Standard Profiles'!$G$22=$B$10,7,0)+IF('Standard Profiles'!$G$22=$B$17,14,0)+IF('Standard Profiles'!$G$22=$B$24,21,0),MOD($C7197,24)+1)/SUM(INDEX($D$3:$AA$30,INDEX(Jesper!$R$2:$R$366,ROW(INDEX(Jesper!AL$2:AL$366,ROUNDDOWN($C7197/24,0)+1,1))-1)+IF('Standard Profiles'!$G$22=$B$10,7,0)+IF('Standard Profiles'!$G$22=$B$17,14,0)+IF('Standard Profiles'!$G$22=$B$24,21,0),0)),0)</f>
        <v>0</v>
      </c>
      <c r="I7197">
        <f t="shared" si="797"/>
        <v>0.50635179045475298</v>
      </c>
      <c r="J7197">
        <f t="shared" si="798"/>
        <v>1.6878393015158435</v>
      </c>
      <c r="K7197">
        <f t="shared" si="799"/>
        <v>2.5317589522737651</v>
      </c>
      <c r="L7197">
        <f t="shared" si="800"/>
        <v>12.152442970914072</v>
      </c>
      <c r="M7197">
        <f t="shared" si="801"/>
        <v>0</v>
      </c>
      <c r="N7197" s="46">
        <f t="shared" si="802"/>
        <v>45590.458333315961</v>
      </c>
    </row>
    <row r="7198" spans="2:14" x14ac:dyDescent="0.3">
      <c r="B7198">
        <f t="shared" si="796"/>
        <v>5</v>
      </c>
      <c r="C7198" s="16">
        <v>7164</v>
      </c>
      <c r="D7198" cm="1">
        <f t="array" ref="D7198">IFERROR(INDEX(Jesper!AH$2:AH$366,ROUNDDOWN($C7198/24,0)+1,1)*INDEX($D$3:$AA$30,INDEX(Jesper!$R$2:$R$366,ROW(INDEX(Jesper!AH$2:AH$366,ROUNDDOWN($C7198/24,0)+1,1))-1)+IF('Standard Profiles'!$G$18=$B$10,7,0)+IF('Standard Profiles'!$G$18=$B$17,14,0)+IF('Standard Profiles'!$G$18=$B$24,21,0),MOD($C7198,24)+1)/SUM(INDEX($D$3:$AA$30,INDEX(Jesper!$R$2:$R$366,ROW(INDEX(Jesper!AH$2:AH$366,ROUNDDOWN($C7198/24,0)+1,1))-1)+IF('Standard Profiles'!$G$18=$B$10,7,0)+IF('Standard Profiles'!$G$18=$B$17,14,0)+IF('Standard Profiles'!$G$18=$B$24,21,0),0)),0)</f>
        <v>16.878393015158434</v>
      </c>
      <c r="E7198" cm="1">
        <f t="array" ref="E7198">IFERROR(INDEX(Jesper!AI$2:AI$366,ROUNDDOWN($C7198/24,0)+1,1)*INDEX($D$3:$AA$30,INDEX(Jesper!$R$2:$R$366,ROW(INDEX(Jesper!AI$2:AI$366,ROUNDDOWN($C7198/24,0)+1,1))-1)+IF('Standard Profiles'!$G$19=$B$10,7,0)+IF('Standard Profiles'!$G$19=$B$17,14,0)+IF('Standard Profiles'!$G$19=$B$24,21,0),MOD($C7198,24)+1)/SUM(INDEX($D$3:$AA$30,INDEX(Jesper!$R$2:$R$366,ROW(INDEX(Jesper!AI$2:AI$366,ROUNDDOWN($C7198/24,0)+1,1))-1)+IF('Standard Profiles'!$G$19=$B$10,7,0)+IF('Standard Profiles'!$G$19=$B$17,14,0)+IF('Standard Profiles'!$G$19=$B$24,21,0),0)),0)</f>
        <v>0</v>
      </c>
      <c r="F7198" cm="1">
        <f t="array" ref="F7198">IFERROR(INDEX(Jesper!AJ$2:AJ$366,ROUNDDOWN($C7198/24,0)+1,1)*INDEX($D$3:$AA$30,INDEX(Jesper!$R$2:$R$366,ROW(INDEX(Jesper!AJ$2:AJ$366,ROUNDDOWN($C7198/24,0)+1,1))-1)+IF('Standard Profiles'!$G$20=$B$10,7,0)+IF('Standard Profiles'!$G$20=$B$17,14,0)+IF('Standard Profiles'!$G$20=$B$24,21,0),MOD($C7198,24)+1)/SUM(INDEX($D$3:$AA$30,INDEX(Jesper!$R$2:$R$366,ROW(INDEX(Jesper!AJ$2:AJ$366,ROUNDDOWN($C7198/24,0)+1,1))-1)+IF('Standard Profiles'!$G$20=$B$10,7,0)+IF('Standard Profiles'!$G$20=$B$17,14,0)+IF('Standard Profiles'!$G$20=$B$24,21,0),0)),0)</f>
        <v>0</v>
      </c>
      <c r="G7198" cm="1">
        <f t="array" ref="G7198">IFERROR(INDEX(Jesper!AK$2:AK$366,ROUNDDOWN($C7198/24,0)+1,1)*INDEX($D$3:$AA$30,INDEX(Jesper!$R$2:$R$366,ROW(INDEX(Jesper!AK$2:AK$366,ROUNDDOWN($C7198/24,0)+1,1))-1)+IF('Standard Profiles'!$G$21=$B$10,7,0)+IF('Standard Profiles'!$G$21=$B$17,14,0)+IF('Standard Profiles'!$G$21=$B$24,21,0),MOD($C7198,24)+1)/SUM(INDEX($D$3:$AA$30,INDEX(Jesper!$R$2:$R$366,ROW(INDEX(Jesper!AK$2:AK$366,ROUNDDOWN($C7198/24,0)+1,1))-1)+IF('Standard Profiles'!$G$21=$B$10,7,0)+IF('Standard Profiles'!$G$21=$B$17,14,0)+IF('Standard Profiles'!$G$21=$B$24,21,0),0)),0)</f>
        <v>0</v>
      </c>
      <c r="H7198" cm="1">
        <f t="array" ref="H7198">IFERROR(INDEX(Jesper!AL$2:AL$366,ROUNDDOWN($C7198/24,0)+1,1)*INDEX($D$3:$AA$30,INDEX(Jesper!$R$2:$R$366,ROW(INDEX(Jesper!AL$2:AL$366,ROUNDDOWN($C7198/24,0)+1,1))-1)+IF('Standard Profiles'!$G$22=$B$10,7,0)+IF('Standard Profiles'!$G$22=$B$17,14,0)+IF('Standard Profiles'!$G$22=$B$24,21,0),MOD($C7198,24)+1)/SUM(INDEX($D$3:$AA$30,INDEX(Jesper!$R$2:$R$366,ROW(INDEX(Jesper!AL$2:AL$366,ROUNDDOWN($C7198/24,0)+1,1))-1)+IF('Standard Profiles'!$G$22=$B$10,7,0)+IF('Standard Profiles'!$G$22=$B$17,14,0)+IF('Standard Profiles'!$G$22=$B$24,21,0),0)),0)</f>
        <v>0</v>
      </c>
      <c r="I7198">
        <f t="shared" si="797"/>
        <v>0.50635179045475298</v>
      </c>
      <c r="J7198">
        <f t="shared" si="798"/>
        <v>1.6878393015158435</v>
      </c>
      <c r="K7198">
        <f t="shared" si="799"/>
        <v>2.5317589522737651</v>
      </c>
      <c r="L7198">
        <f t="shared" si="800"/>
        <v>12.152442970914072</v>
      </c>
      <c r="M7198">
        <f t="shared" si="801"/>
        <v>0</v>
      </c>
      <c r="N7198" s="46">
        <f t="shared" si="802"/>
        <v>45590.499999982625</v>
      </c>
    </row>
    <row r="7199" spans="2:14" x14ac:dyDescent="0.3">
      <c r="B7199">
        <f t="shared" si="796"/>
        <v>5</v>
      </c>
      <c r="C7199" s="16">
        <v>7165</v>
      </c>
      <c r="D7199" cm="1">
        <f t="array" ref="D7199">IFERROR(INDEX(Jesper!AH$2:AH$366,ROUNDDOWN($C7199/24,0)+1,1)*INDEX($D$3:$AA$30,INDEX(Jesper!$R$2:$R$366,ROW(INDEX(Jesper!AH$2:AH$366,ROUNDDOWN($C7199/24,0)+1,1))-1)+IF('Standard Profiles'!$G$18=$B$10,7,0)+IF('Standard Profiles'!$G$18=$B$17,14,0)+IF('Standard Profiles'!$G$18=$B$24,21,0),MOD($C7199,24)+1)/SUM(INDEX($D$3:$AA$30,INDEX(Jesper!$R$2:$R$366,ROW(INDEX(Jesper!AH$2:AH$366,ROUNDDOWN($C7199/24,0)+1,1))-1)+IF('Standard Profiles'!$G$18=$B$10,7,0)+IF('Standard Profiles'!$G$18=$B$17,14,0)+IF('Standard Profiles'!$G$18=$B$24,21,0),0)),0)</f>
        <v>16.878393015158434</v>
      </c>
      <c r="E7199" cm="1">
        <f t="array" ref="E7199">IFERROR(INDEX(Jesper!AI$2:AI$366,ROUNDDOWN($C7199/24,0)+1,1)*INDEX($D$3:$AA$30,INDEX(Jesper!$R$2:$R$366,ROW(INDEX(Jesper!AI$2:AI$366,ROUNDDOWN($C7199/24,0)+1,1))-1)+IF('Standard Profiles'!$G$19=$B$10,7,0)+IF('Standard Profiles'!$G$19=$B$17,14,0)+IF('Standard Profiles'!$G$19=$B$24,21,0),MOD($C7199,24)+1)/SUM(INDEX($D$3:$AA$30,INDEX(Jesper!$R$2:$R$366,ROW(INDEX(Jesper!AI$2:AI$366,ROUNDDOWN($C7199/24,0)+1,1))-1)+IF('Standard Profiles'!$G$19=$B$10,7,0)+IF('Standard Profiles'!$G$19=$B$17,14,0)+IF('Standard Profiles'!$G$19=$B$24,21,0),0)),0)</f>
        <v>0</v>
      </c>
      <c r="F7199" cm="1">
        <f t="array" ref="F7199">IFERROR(INDEX(Jesper!AJ$2:AJ$366,ROUNDDOWN($C7199/24,0)+1,1)*INDEX($D$3:$AA$30,INDEX(Jesper!$R$2:$R$366,ROW(INDEX(Jesper!AJ$2:AJ$366,ROUNDDOWN($C7199/24,0)+1,1))-1)+IF('Standard Profiles'!$G$20=$B$10,7,0)+IF('Standard Profiles'!$G$20=$B$17,14,0)+IF('Standard Profiles'!$G$20=$B$24,21,0),MOD($C7199,24)+1)/SUM(INDEX($D$3:$AA$30,INDEX(Jesper!$R$2:$R$366,ROW(INDEX(Jesper!AJ$2:AJ$366,ROUNDDOWN($C7199/24,0)+1,1))-1)+IF('Standard Profiles'!$G$20=$B$10,7,0)+IF('Standard Profiles'!$G$20=$B$17,14,0)+IF('Standard Profiles'!$G$20=$B$24,21,0),0)),0)</f>
        <v>0</v>
      </c>
      <c r="G7199" cm="1">
        <f t="array" ref="G7199">IFERROR(INDEX(Jesper!AK$2:AK$366,ROUNDDOWN($C7199/24,0)+1,1)*INDEX($D$3:$AA$30,INDEX(Jesper!$R$2:$R$366,ROW(INDEX(Jesper!AK$2:AK$366,ROUNDDOWN($C7199/24,0)+1,1))-1)+IF('Standard Profiles'!$G$21=$B$10,7,0)+IF('Standard Profiles'!$G$21=$B$17,14,0)+IF('Standard Profiles'!$G$21=$B$24,21,0),MOD($C7199,24)+1)/SUM(INDEX($D$3:$AA$30,INDEX(Jesper!$R$2:$R$366,ROW(INDEX(Jesper!AK$2:AK$366,ROUNDDOWN($C7199/24,0)+1,1))-1)+IF('Standard Profiles'!$G$21=$B$10,7,0)+IF('Standard Profiles'!$G$21=$B$17,14,0)+IF('Standard Profiles'!$G$21=$B$24,21,0),0)),0)</f>
        <v>0</v>
      </c>
      <c r="H7199" cm="1">
        <f t="array" ref="H7199">IFERROR(INDEX(Jesper!AL$2:AL$366,ROUNDDOWN($C7199/24,0)+1,1)*INDEX($D$3:$AA$30,INDEX(Jesper!$R$2:$R$366,ROW(INDEX(Jesper!AL$2:AL$366,ROUNDDOWN($C7199/24,0)+1,1))-1)+IF('Standard Profiles'!$G$22=$B$10,7,0)+IF('Standard Profiles'!$G$22=$B$17,14,0)+IF('Standard Profiles'!$G$22=$B$24,21,0),MOD($C7199,24)+1)/SUM(INDEX($D$3:$AA$30,INDEX(Jesper!$R$2:$R$366,ROW(INDEX(Jesper!AL$2:AL$366,ROUNDDOWN($C7199/24,0)+1,1))-1)+IF('Standard Profiles'!$G$22=$B$10,7,0)+IF('Standard Profiles'!$G$22=$B$17,14,0)+IF('Standard Profiles'!$G$22=$B$24,21,0),0)),0)</f>
        <v>0</v>
      </c>
      <c r="I7199">
        <f t="shared" si="797"/>
        <v>0.50635179045475298</v>
      </c>
      <c r="J7199">
        <f t="shared" si="798"/>
        <v>1.6878393015158435</v>
      </c>
      <c r="K7199">
        <f t="shared" si="799"/>
        <v>2.5317589522737651</v>
      </c>
      <c r="L7199">
        <f t="shared" si="800"/>
        <v>12.152442970914072</v>
      </c>
      <c r="M7199">
        <f t="shared" si="801"/>
        <v>0</v>
      </c>
      <c r="N7199" s="46">
        <f t="shared" si="802"/>
        <v>45590.541666649289</v>
      </c>
    </row>
    <row r="7200" spans="2:14" x14ac:dyDescent="0.3">
      <c r="B7200">
        <f t="shared" si="796"/>
        <v>5</v>
      </c>
      <c r="C7200" s="16">
        <v>7166</v>
      </c>
      <c r="D7200" cm="1">
        <f t="array" ref="D7200">IFERROR(INDEX(Jesper!AH$2:AH$366,ROUNDDOWN($C7200/24,0)+1,1)*INDEX($D$3:$AA$30,INDEX(Jesper!$R$2:$R$366,ROW(INDEX(Jesper!AH$2:AH$366,ROUNDDOWN($C7200/24,0)+1,1))-1)+IF('Standard Profiles'!$G$18=$B$10,7,0)+IF('Standard Profiles'!$G$18=$B$17,14,0)+IF('Standard Profiles'!$G$18=$B$24,21,0),MOD($C7200,24)+1)/SUM(INDEX($D$3:$AA$30,INDEX(Jesper!$R$2:$R$366,ROW(INDEX(Jesper!AH$2:AH$366,ROUNDDOWN($C7200/24,0)+1,1))-1)+IF('Standard Profiles'!$G$18=$B$10,7,0)+IF('Standard Profiles'!$G$18=$B$17,14,0)+IF('Standard Profiles'!$G$18=$B$24,21,0),0)),0)</f>
        <v>16.878393015158434</v>
      </c>
      <c r="E7200" cm="1">
        <f t="array" ref="E7200">IFERROR(INDEX(Jesper!AI$2:AI$366,ROUNDDOWN($C7200/24,0)+1,1)*INDEX($D$3:$AA$30,INDEX(Jesper!$R$2:$R$366,ROW(INDEX(Jesper!AI$2:AI$366,ROUNDDOWN($C7200/24,0)+1,1))-1)+IF('Standard Profiles'!$G$19=$B$10,7,0)+IF('Standard Profiles'!$G$19=$B$17,14,0)+IF('Standard Profiles'!$G$19=$B$24,21,0),MOD($C7200,24)+1)/SUM(INDEX($D$3:$AA$30,INDEX(Jesper!$R$2:$R$366,ROW(INDEX(Jesper!AI$2:AI$366,ROUNDDOWN($C7200/24,0)+1,1))-1)+IF('Standard Profiles'!$G$19=$B$10,7,0)+IF('Standard Profiles'!$G$19=$B$17,14,0)+IF('Standard Profiles'!$G$19=$B$24,21,0),0)),0)</f>
        <v>0</v>
      </c>
      <c r="F7200" cm="1">
        <f t="array" ref="F7200">IFERROR(INDEX(Jesper!AJ$2:AJ$366,ROUNDDOWN($C7200/24,0)+1,1)*INDEX($D$3:$AA$30,INDEX(Jesper!$R$2:$R$366,ROW(INDEX(Jesper!AJ$2:AJ$366,ROUNDDOWN($C7200/24,0)+1,1))-1)+IF('Standard Profiles'!$G$20=$B$10,7,0)+IF('Standard Profiles'!$G$20=$B$17,14,0)+IF('Standard Profiles'!$G$20=$B$24,21,0),MOD($C7200,24)+1)/SUM(INDEX($D$3:$AA$30,INDEX(Jesper!$R$2:$R$366,ROW(INDEX(Jesper!AJ$2:AJ$366,ROUNDDOWN($C7200/24,0)+1,1))-1)+IF('Standard Profiles'!$G$20=$B$10,7,0)+IF('Standard Profiles'!$G$20=$B$17,14,0)+IF('Standard Profiles'!$G$20=$B$24,21,0),0)),0)</f>
        <v>0</v>
      </c>
      <c r="G7200" cm="1">
        <f t="array" ref="G7200">IFERROR(INDEX(Jesper!AK$2:AK$366,ROUNDDOWN($C7200/24,0)+1,1)*INDEX($D$3:$AA$30,INDEX(Jesper!$R$2:$R$366,ROW(INDEX(Jesper!AK$2:AK$366,ROUNDDOWN($C7200/24,0)+1,1))-1)+IF('Standard Profiles'!$G$21=$B$10,7,0)+IF('Standard Profiles'!$G$21=$B$17,14,0)+IF('Standard Profiles'!$G$21=$B$24,21,0),MOD($C7200,24)+1)/SUM(INDEX($D$3:$AA$30,INDEX(Jesper!$R$2:$R$366,ROW(INDEX(Jesper!AK$2:AK$366,ROUNDDOWN($C7200/24,0)+1,1))-1)+IF('Standard Profiles'!$G$21=$B$10,7,0)+IF('Standard Profiles'!$G$21=$B$17,14,0)+IF('Standard Profiles'!$G$21=$B$24,21,0),0)),0)</f>
        <v>0</v>
      </c>
      <c r="H7200" cm="1">
        <f t="array" ref="H7200">IFERROR(INDEX(Jesper!AL$2:AL$366,ROUNDDOWN($C7200/24,0)+1,1)*INDEX($D$3:$AA$30,INDEX(Jesper!$R$2:$R$366,ROW(INDEX(Jesper!AL$2:AL$366,ROUNDDOWN($C7200/24,0)+1,1))-1)+IF('Standard Profiles'!$G$22=$B$10,7,0)+IF('Standard Profiles'!$G$22=$B$17,14,0)+IF('Standard Profiles'!$G$22=$B$24,21,0),MOD($C7200,24)+1)/SUM(INDEX($D$3:$AA$30,INDEX(Jesper!$R$2:$R$366,ROW(INDEX(Jesper!AL$2:AL$366,ROUNDDOWN($C7200/24,0)+1,1))-1)+IF('Standard Profiles'!$G$22=$B$10,7,0)+IF('Standard Profiles'!$G$22=$B$17,14,0)+IF('Standard Profiles'!$G$22=$B$24,21,0),0)),0)</f>
        <v>0</v>
      </c>
      <c r="I7200">
        <f t="shared" si="797"/>
        <v>0.50635179045475298</v>
      </c>
      <c r="J7200">
        <f t="shared" si="798"/>
        <v>1.6878393015158435</v>
      </c>
      <c r="K7200">
        <f t="shared" si="799"/>
        <v>2.5317589522737651</v>
      </c>
      <c r="L7200">
        <f t="shared" si="800"/>
        <v>12.152442970914072</v>
      </c>
      <c r="M7200">
        <f t="shared" si="801"/>
        <v>0</v>
      </c>
      <c r="N7200" s="46">
        <f t="shared" si="802"/>
        <v>45590.583333315953</v>
      </c>
    </row>
    <row r="7201" spans="2:14" x14ac:dyDescent="0.3">
      <c r="B7201">
        <f t="shared" si="796"/>
        <v>5</v>
      </c>
      <c r="C7201" s="16">
        <v>7167</v>
      </c>
      <c r="D7201" cm="1">
        <f t="array" ref="D7201">IFERROR(INDEX(Jesper!AH$2:AH$366,ROUNDDOWN($C7201/24,0)+1,1)*INDEX($D$3:$AA$30,INDEX(Jesper!$R$2:$R$366,ROW(INDEX(Jesper!AH$2:AH$366,ROUNDDOWN($C7201/24,0)+1,1))-1)+IF('Standard Profiles'!$G$18=$B$10,7,0)+IF('Standard Profiles'!$G$18=$B$17,14,0)+IF('Standard Profiles'!$G$18=$B$24,21,0),MOD($C7201,24)+1)/SUM(INDEX($D$3:$AA$30,INDEX(Jesper!$R$2:$R$366,ROW(INDEX(Jesper!AH$2:AH$366,ROUNDDOWN($C7201/24,0)+1,1))-1)+IF('Standard Profiles'!$G$18=$B$10,7,0)+IF('Standard Profiles'!$G$18=$B$17,14,0)+IF('Standard Profiles'!$G$18=$B$24,21,0),0)),0)</f>
        <v>14.065327512632031</v>
      </c>
      <c r="E7201" cm="1">
        <f t="array" ref="E7201">IFERROR(INDEX(Jesper!AI$2:AI$366,ROUNDDOWN($C7201/24,0)+1,1)*INDEX($D$3:$AA$30,INDEX(Jesper!$R$2:$R$366,ROW(INDEX(Jesper!AI$2:AI$366,ROUNDDOWN($C7201/24,0)+1,1))-1)+IF('Standard Profiles'!$G$19=$B$10,7,0)+IF('Standard Profiles'!$G$19=$B$17,14,0)+IF('Standard Profiles'!$G$19=$B$24,21,0),MOD($C7201,24)+1)/SUM(INDEX($D$3:$AA$30,INDEX(Jesper!$R$2:$R$366,ROW(INDEX(Jesper!AI$2:AI$366,ROUNDDOWN($C7201/24,0)+1,1))-1)+IF('Standard Profiles'!$G$19=$B$10,7,0)+IF('Standard Profiles'!$G$19=$B$17,14,0)+IF('Standard Profiles'!$G$19=$B$24,21,0),0)),0)</f>
        <v>0</v>
      </c>
      <c r="F7201" cm="1">
        <f t="array" ref="F7201">IFERROR(INDEX(Jesper!AJ$2:AJ$366,ROUNDDOWN($C7201/24,0)+1,1)*INDEX($D$3:$AA$30,INDEX(Jesper!$R$2:$R$366,ROW(INDEX(Jesper!AJ$2:AJ$366,ROUNDDOWN($C7201/24,0)+1,1))-1)+IF('Standard Profiles'!$G$20=$B$10,7,0)+IF('Standard Profiles'!$G$20=$B$17,14,0)+IF('Standard Profiles'!$G$20=$B$24,21,0),MOD($C7201,24)+1)/SUM(INDEX($D$3:$AA$30,INDEX(Jesper!$R$2:$R$366,ROW(INDEX(Jesper!AJ$2:AJ$366,ROUNDDOWN($C7201/24,0)+1,1))-1)+IF('Standard Profiles'!$G$20=$B$10,7,0)+IF('Standard Profiles'!$G$20=$B$17,14,0)+IF('Standard Profiles'!$G$20=$B$24,21,0),0)),0)</f>
        <v>0</v>
      </c>
      <c r="G7201" cm="1">
        <f t="array" ref="G7201">IFERROR(INDEX(Jesper!AK$2:AK$366,ROUNDDOWN($C7201/24,0)+1,1)*INDEX($D$3:$AA$30,INDEX(Jesper!$R$2:$R$366,ROW(INDEX(Jesper!AK$2:AK$366,ROUNDDOWN($C7201/24,0)+1,1))-1)+IF('Standard Profiles'!$G$21=$B$10,7,0)+IF('Standard Profiles'!$G$21=$B$17,14,0)+IF('Standard Profiles'!$G$21=$B$24,21,0),MOD($C7201,24)+1)/SUM(INDEX($D$3:$AA$30,INDEX(Jesper!$R$2:$R$366,ROW(INDEX(Jesper!AK$2:AK$366,ROUNDDOWN($C7201/24,0)+1,1))-1)+IF('Standard Profiles'!$G$21=$B$10,7,0)+IF('Standard Profiles'!$G$21=$B$17,14,0)+IF('Standard Profiles'!$G$21=$B$24,21,0),0)),0)</f>
        <v>0</v>
      </c>
      <c r="H7201" cm="1">
        <f t="array" ref="H7201">IFERROR(INDEX(Jesper!AL$2:AL$366,ROUNDDOWN($C7201/24,0)+1,1)*INDEX($D$3:$AA$30,INDEX(Jesper!$R$2:$R$366,ROW(INDEX(Jesper!AL$2:AL$366,ROUNDDOWN($C7201/24,0)+1,1))-1)+IF('Standard Profiles'!$G$22=$B$10,7,0)+IF('Standard Profiles'!$G$22=$B$17,14,0)+IF('Standard Profiles'!$G$22=$B$24,21,0),MOD($C7201,24)+1)/SUM(INDEX($D$3:$AA$30,INDEX(Jesper!$R$2:$R$366,ROW(INDEX(Jesper!AL$2:AL$366,ROUNDDOWN($C7201/24,0)+1,1))-1)+IF('Standard Profiles'!$G$22=$B$10,7,0)+IF('Standard Profiles'!$G$22=$B$17,14,0)+IF('Standard Profiles'!$G$22=$B$24,21,0),0)),0)</f>
        <v>0</v>
      </c>
      <c r="I7201">
        <f t="shared" si="797"/>
        <v>0.42195982537896093</v>
      </c>
      <c r="J7201">
        <f t="shared" si="798"/>
        <v>1.4065327512632031</v>
      </c>
      <c r="K7201">
        <f t="shared" si="799"/>
        <v>2.1097991268948046</v>
      </c>
      <c r="L7201">
        <f t="shared" si="800"/>
        <v>10.127035809095062</v>
      </c>
      <c r="M7201">
        <f t="shared" si="801"/>
        <v>0</v>
      </c>
      <c r="N7201" s="46">
        <f t="shared" si="802"/>
        <v>45590.624999982618</v>
      </c>
    </row>
    <row r="7202" spans="2:14" x14ac:dyDescent="0.3">
      <c r="B7202">
        <f t="shared" si="796"/>
        <v>5</v>
      </c>
      <c r="C7202" s="16">
        <v>7168</v>
      </c>
      <c r="D7202" cm="1">
        <f t="array" ref="D7202">IFERROR(INDEX(Jesper!AH$2:AH$366,ROUNDDOWN($C7202/24,0)+1,1)*INDEX($D$3:$AA$30,INDEX(Jesper!$R$2:$R$366,ROW(INDEX(Jesper!AH$2:AH$366,ROUNDDOWN($C7202/24,0)+1,1))-1)+IF('Standard Profiles'!$G$18=$B$10,7,0)+IF('Standard Profiles'!$G$18=$B$17,14,0)+IF('Standard Profiles'!$G$18=$B$24,21,0),MOD($C7202,24)+1)/SUM(INDEX($D$3:$AA$30,INDEX(Jesper!$R$2:$R$366,ROW(INDEX(Jesper!AH$2:AH$366,ROUNDDOWN($C7202/24,0)+1,1))-1)+IF('Standard Profiles'!$G$18=$B$10,7,0)+IF('Standard Profiles'!$G$18=$B$17,14,0)+IF('Standard Profiles'!$G$18=$B$24,21,0),0)),0)</f>
        <v>13.315176711958323</v>
      </c>
      <c r="E7202" cm="1">
        <f t="array" ref="E7202">IFERROR(INDEX(Jesper!AI$2:AI$366,ROUNDDOWN($C7202/24,0)+1,1)*INDEX($D$3:$AA$30,INDEX(Jesper!$R$2:$R$366,ROW(INDEX(Jesper!AI$2:AI$366,ROUNDDOWN($C7202/24,0)+1,1))-1)+IF('Standard Profiles'!$G$19=$B$10,7,0)+IF('Standard Profiles'!$G$19=$B$17,14,0)+IF('Standard Profiles'!$G$19=$B$24,21,0),MOD($C7202,24)+1)/SUM(INDEX($D$3:$AA$30,INDEX(Jesper!$R$2:$R$366,ROW(INDEX(Jesper!AI$2:AI$366,ROUNDDOWN($C7202/24,0)+1,1))-1)+IF('Standard Profiles'!$G$19=$B$10,7,0)+IF('Standard Profiles'!$G$19=$B$17,14,0)+IF('Standard Profiles'!$G$19=$B$24,21,0),0)),0)</f>
        <v>0</v>
      </c>
      <c r="F7202" cm="1">
        <f t="array" ref="F7202">IFERROR(INDEX(Jesper!AJ$2:AJ$366,ROUNDDOWN($C7202/24,0)+1,1)*INDEX($D$3:$AA$30,INDEX(Jesper!$R$2:$R$366,ROW(INDEX(Jesper!AJ$2:AJ$366,ROUNDDOWN($C7202/24,0)+1,1))-1)+IF('Standard Profiles'!$G$20=$B$10,7,0)+IF('Standard Profiles'!$G$20=$B$17,14,0)+IF('Standard Profiles'!$G$20=$B$24,21,0),MOD($C7202,24)+1)/SUM(INDEX($D$3:$AA$30,INDEX(Jesper!$R$2:$R$366,ROW(INDEX(Jesper!AJ$2:AJ$366,ROUNDDOWN($C7202/24,0)+1,1))-1)+IF('Standard Profiles'!$G$20=$B$10,7,0)+IF('Standard Profiles'!$G$20=$B$17,14,0)+IF('Standard Profiles'!$G$20=$B$24,21,0),0)),0)</f>
        <v>0</v>
      </c>
      <c r="G7202" cm="1">
        <f t="array" ref="G7202">IFERROR(INDEX(Jesper!AK$2:AK$366,ROUNDDOWN($C7202/24,0)+1,1)*INDEX($D$3:$AA$30,INDEX(Jesper!$R$2:$R$366,ROW(INDEX(Jesper!AK$2:AK$366,ROUNDDOWN($C7202/24,0)+1,1))-1)+IF('Standard Profiles'!$G$21=$B$10,7,0)+IF('Standard Profiles'!$G$21=$B$17,14,0)+IF('Standard Profiles'!$G$21=$B$24,21,0),MOD($C7202,24)+1)/SUM(INDEX($D$3:$AA$30,INDEX(Jesper!$R$2:$R$366,ROW(INDEX(Jesper!AK$2:AK$366,ROUNDDOWN($C7202/24,0)+1,1))-1)+IF('Standard Profiles'!$G$21=$B$10,7,0)+IF('Standard Profiles'!$G$21=$B$17,14,0)+IF('Standard Profiles'!$G$21=$B$24,21,0),0)),0)</f>
        <v>0</v>
      </c>
      <c r="H7202" cm="1">
        <f t="array" ref="H7202">IFERROR(INDEX(Jesper!AL$2:AL$366,ROUNDDOWN($C7202/24,0)+1,1)*INDEX($D$3:$AA$30,INDEX(Jesper!$R$2:$R$366,ROW(INDEX(Jesper!AL$2:AL$366,ROUNDDOWN($C7202/24,0)+1,1))-1)+IF('Standard Profiles'!$G$22=$B$10,7,0)+IF('Standard Profiles'!$G$22=$B$17,14,0)+IF('Standard Profiles'!$G$22=$B$24,21,0),MOD($C7202,24)+1)/SUM(INDEX($D$3:$AA$30,INDEX(Jesper!$R$2:$R$366,ROW(INDEX(Jesper!AL$2:AL$366,ROUNDDOWN($C7202/24,0)+1,1))-1)+IF('Standard Profiles'!$G$22=$B$10,7,0)+IF('Standard Profiles'!$G$22=$B$17,14,0)+IF('Standard Profiles'!$G$22=$B$24,21,0),0)),0)</f>
        <v>0</v>
      </c>
      <c r="I7202">
        <f t="shared" si="797"/>
        <v>0.39945530135874968</v>
      </c>
      <c r="J7202">
        <f t="shared" si="798"/>
        <v>1.3315176711958323</v>
      </c>
      <c r="K7202">
        <f t="shared" si="799"/>
        <v>1.9972765067937484</v>
      </c>
      <c r="L7202">
        <f t="shared" si="800"/>
        <v>9.5869272326099928</v>
      </c>
      <c r="M7202">
        <f t="shared" si="801"/>
        <v>0</v>
      </c>
      <c r="N7202" s="46">
        <f t="shared" si="802"/>
        <v>45590.666666649282</v>
      </c>
    </row>
    <row r="7203" spans="2:14" x14ac:dyDescent="0.3">
      <c r="B7203">
        <f t="shared" ref="B7203:B7266" si="803">WEEKDAY(N7203,2)</f>
        <v>5</v>
      </c>
      <c r="C7203" s="16">
        <v>7169</v>
      </c>
      <c r="D7203" cm="1">
        <f t="array" ref="D7203">IFERROR(INDEX(Jesper!AH$2:AH$366,ROUNDDOWN($C7203/24,0)+1,1)*INDEX($D$3:$AA$30,INDEX(Jesper!$R$2:$R$366,ROW(INDEX(Jesper!AH$2:AH$366,ROUNDDOWN($C7203/24,0)+1,1))-1)+IF('Standard Profiles'!$G$18=$B$10,7,0)+IF('Standard Profiles'!$G$18=$B$17,14,0)+IF('Standard Profiles'!$G$18=$B$24,21,0),MOD($C7203,24)+1)/SUM(INDEX($D$3:$AA$30,INDEX(Jesper!$R$2:$R$366,ROW(INDEX(Jesper!AH$2:AH$366,ROUNDDOWN($C7203/24,0)+1,1))-1)+IF('Standard Profiles'!$G$18=$B$10,7,0)+IF('Standard Profiles'!$G$18=$B$17,14,0)+IF('Standard Profiles'!$G$18=$B$24,21,0),0)),0)</f>
        <v>13.315176711958323</v>
      </c>
      <c r="E7203" cm="1">
        <f t="array" ref="E7203">IFERROR(INDEX(Jesper!AI$2:AI$366,ROUNDDOWN($C7203/24,0)+1,1)*INDEX($D$3:$AA$30,INDEX(Jesper!$R$2:$R$366,ROW(INDEX(Jesper!AI$2:AI$366,ROUNDDOWN($C7203/24,0)+1,1))-1)+IF('Standard Profiles'!$G$19=$B$10,7,0)+IF('Standard Profiles'!$G$19=$B$17,14,0)+IF('Standard Profiles'!$G$19=$B$24,21,0),MOD($C7203,24)+1)/SUM(INDEX($D$3:$AA$30,INDEX(Jesper!$R$2:$R$366,ROW(INDEX(Jesper!AI$2:AI$366,ROUNDDOWN($C7203/24,0)+1,1))-1)+IF('Standard Profiles'!$G$19=$B$10,7,0)+IF('Standard Profiles'!$G$19=$B$17,14,0)+IF('Standard Profiles'!$G$19=$B$24,21,0),0)),0)</f>
        <v>0</v>
      </c>
      <c r="F7203" cm="1">
        <f t="array" ref="F7203">IFERROR(INDEX(Jesper!AJ$2:AJ$366,ROUNDDOWN($C7203/24,0)+1,1)*INDEX($D$3:$AA$30,INDEX(Jesper!$R$2:$R$366,ROW(INDEX(Jesper!AJ$2:AJ$366,ROUNDDOWN($C7203/24,0)+1,1))-1)+IF('Standard Profiles'!$G$20=$B$10,7,0)+IF('Standard Profiles'!$G$20=$B$17,14,0)+IF('Standard Profiles'!$G$20=$B$24,21,0),MOD($C7203,24)+1)/SUM(INDEX($D$3:$AA$30,INDEX(Jesper!$R$2:$R$366,ROW(INDEX(Jesper!AJ$2:AJ$366,ROUNDDOWN($C7203/24,0)+1,1))-1)+IF('Standard Profiles'!$G$20=$B$10,7,0)+IF('Standard Profiles'!$G$20=$B$17,14,0)+IF('Standard Profiles'!$G$20=$B$24,21,0),0)),0)</f>
        <v>0</v>
      </c>
      <c r="G7203" cm="1">
        <f t="array" ref="G7203">IFERROR(INDEX(Jesper!AK$2:AK$366,ROUNDDOWN($C7203/24,0)+1,1)*INDEX($D$3:$AA$30,INDEX(Jesper!$R$2:$R$366,ROW(INDEX(Jesper!AK$2:AK$366,ROUNDDOWN($C7203/24,0)+1,1))-1)+IF('Standard Profiles'!$G$21=$B$10,7,0)+IF('Standard Profiles'!$G$21=$B$17,14,0)+IF('Standard Profiles'!$G$21=$B$24,21,0),MOD($C7203,24)+1)/SUM(INDEX($D$3:$AA$30,INDEX(Jesper!$R$2:$R$366,ROW(INDEX(Jesper!AK$2:AK$366,ROUNDDOWN($C7203/24,0)+1,1))-1)+IF('Standard Profiles'!$G$21=$B$10,7,0)+IF('Standard Profiles'!$G$21=$B$17,14,0)+IF('Standard Profiles'!$G$21=$B$24,21,0),0)),0)</f>
        <v>0</v>
      </c>
      <c r="H7203" cm="1">
        <f t="array" ref="H7203">IFERROR(INDEX(Jesper!AL$2:AL$366,ROUNDDOWN($C7203/24,0)+1,1)*INDEX($D$3:$AA$30,INDEX(Jesper!$R$2:$R$366,ROW(INDEX(Jesper!AL$2:AL$366,ROUNDDOWN($C7203/24,0)+1,1))-1)+IF('Standard Profiles'!$G$22=$B$10,7,0)+IF('Standard Profiles'!$G$22=$B$17,14,0)+IF('Standard Profiles'!$G$22=$B$24,21,0),MOD($C7203,24)+1)/SUM(INDEX($D$3:$AA$30,INDEX(Jesper!$R$2:$R$366,ROW(INDEX(Jesper!AL$2:AL$366,ROUNDDOWN($C7203/24,0)+1,1))-1)+IF('Standard Profiles'!$G$22=$B$10,7,0)+IF('Standard Profiles'!$G$22=$B$17,14,0)+IF('Standard Profiles'!$G$22=$B$24,21,0),0)),0)</f>
        <v>0</v>
      </c>
      <c r="I7203">
        <f t="shared" ref="I7203:I7266" si="804">IF($B7203&lt;6,AC$37*$D7203+AC$38*$E7203+AC$39*$F7203+AC$40*$G7203,AC$46*$D7203+AC$47*$E7203+AC$48*$F7203+AC$49*$G7203+AC$50*$H7203)</f>
        <v>0.39945530135874968</v>
      </c>
      <c r="J7203">
        <f t="shared" ref="J7203:J7266" si="805">IF($B7203&lt;6,AD$37*$D7203+AD$38*$E7203+AD$39*$F7203+AD$40*$G7203,AD$46*$D7203+AD$47*$E7203+AD$48*$F7203+AD$49*$G7203+AD$50*$H7203)</f>
        <v>1.3315176711958323</v>
      </c>
      <c r="K7203">
        <f t="shared" ref="K7203:K7266" si="806">IF($B7203&lt;6,AE$37*$D7203+AE$38*$E7203+AE$39*$F7203+AE$40*$G7203,AE$46*$D7203+AE$47*$E7203+AE$48*$F7203+AE$49*$G7203+AE$50*$H7203)</f>
        <v>1.9972765067937484</v>
      </c>
      <c r="L7203">
        <f t="shared" ref="L7203:L7266" si="807">IF($B7203&lt;6,AF$37*$D7203+AF$38*$E7203+AF$39*$F7203+AF$40*$G7203,AF$46*$D7203+AF$47*$E7203+AF$48*$F7203+AF$49*$G7203+AF$50*$H7203)</f>
        <v>9.5869272326099928</v>
      </c>
      <c r="M7203">
        <f t="shared" ref="M7203:M7266" si="808">IF($B7203&lt;6,AG$37*$D7203+AG$38*$E7203+AG$39*$F7203+AG$40*$G7203,AG$46*$D7203+AG$47*$E7203+AG$48*$F7203+AG$49*$G7203+AG$50*$H7203)</f>
        <v>0</v>
      </c>
      <c r="N7203" s="46">
        <f t="shared" si="802"/>
        <v>45590.708333315946</v>
      </c>
    </row>
    <row r="7204" spans="2:14" x14ac:dyDescent="0.3">
      <c r="B7204">
        <f t="shared" si="803"/>
        <v>5</v>
      </c>
      <c r="C7204" s="16">
        <v>7170</v>
      </c>
      <c r="D7204" cm="1">
        <f t="array" ref="D7204">IFERROR(INDEX(Jesper!AH$2:AH$366,ROUNDDOWN($C7204/24,0)+1,1)*INDEX($D$3:$AA$30,INDEX(Jesper!$R$2:$R$366,ROW(INDEX(Jesper!AH$2:AH$366,ROUNDDOWN($C7204/24,0)+1,1))-1)+IF('Standard Profiles'!$G$18=$B$10,7,0)+IF('Standard Profiles'!$G$18=$B$17,14,0)+IF('Standard Profiles'!$G$18=$B$24,21,0),MOD($C7204,24)+1)/SUM(INDEX($D$3:$AA$30,INDEX(Jesper!$R$2:$R$366,ROW(INDEX(Jesper!AH$2:AH$366,ROUNDDOWN($C7204/24,0)+1,1))-1)+IF('Standard Profiles'!$G$18=$B$10,7,0)+IF('Standard Profiles'!$G$18=$B$17,14,0)+IF('Standard Profiles'!$G$18=$B$24,21,0),0)),0)</f>
        <v>13.315176711958323</v>
      </c>
      <c r="E7204" cm="1">
        <f t="array" ref="E7204">IFERROR(INDEX(Jesper!AI$2:AI$366,ROUNDDOWN($C7204/24,0)+1,1)*INDEX($D$3:$AA$30,INDEX(Jesper!$R$2:$R$366,ROW(INDEX(Jesper!AI$2:AI$366,ROUNDDOWN($C7204/24,0)+1,1))-1)+IF('Standard Profiles'!$G$19=$B$10,7,0)+IF('Standard Profiles'!$G$19=$B$17,14,0)+IF('Standard Profiles'!$G$19=$B$24,21,0),MOD($C7204,24)+1)/SUM(INDEX($D$3:$AA$30,INDEX(Jesper!$R$2:$R$366,ROW(INDEX(Jesper!AI$2:AI$366,ROUNDDOWN($C7204/24,0)+1,1))-1)+IF('Standard Profiles'!$G$19=$B$10,7,0)+IF('Standard Profiles'!$G$19=$B$17,14,0)+IF('Standard Profiles'!$G$19=$B$24,21,0),0)),0)</f>
        <v>0</v>
      </c>
      <c r="F7204" cm="1">
        <f t="array" ref="F7204">IFERROR(INDEX(Jesper!AJ$2:AJ$366,ROUNDDOWN($C7204/24,0)+1,1)*INDEX($D$3:$AA$30,INDEX(Jesper!$R$2:$R$366,ROW(INDEX(Jesper!AJ$2:AJ$366,ROUNDDOWN($C7204/24,0)+1,1))-1)+IF('Standard Profiles'!$G$20=$B$10,7,0)+IF('Standard Profiles'!$G$20=$B$17,14,0)+IF('Standard Profiles'!$G$20=$B$24,21,0),MOD($C7204,24)+1)/SUM(INDEX($D$3:$AA$30,INDEX(Jesper!$R$2:$R$366,ROW(INDEX(Jesper!AJ$2:AJ$366,ROUNDDOWN($C7204/24,0)+1,1))-1)+IF('Standard Profiles'!$G$20=$B$10,7,0)+IF('Standard Profiles'!$G$20=$B$17,14,0)+IF('Standard Profiles'!$G$20=$B$24,21,0),0)),0)</f>
        <v>0</v>
      </c>
      <c r="G7204" cm="1">
        <f t="array" ref="G7204">IFERROR(INDEX(Jesper!AK$2:AK$366,ROUNDDOWN($C7204/24,0)+1,1)*INDEX($D$3:$AA$30,INDEX(Jesper!$R$2:$R$366,ROW(INDEX(Jesper!AK$2:AK$366,ROUNDDOWN($C7204/24,0)+1,1))-1)+IF('Standard Profiles'!$G$21=$B$10,7,0)+IF('Standard Profiles'!$G$21=$B$17,14,0)+IF('Standard Profiles'!$G$21=$B$24,21,0),MOD($C7204,24)+1)/SUM(INDEX($D$3:$AA$30,INDEX(Jesper!$R$2:$R$366,ROW(INDEX(Jesper!AK$2:AK$366,ROUNDDOWN($C7204/24,0)+1,1))-1)+IF('Standard Profiles'!$G$21=$B$10,7,0)+IF('Standard Profiles'!$G$21=$B$17,14,0)+IF('Standard Profiles'!$G$21=$B$24,21,0),0)),0)</f>
        <v>0</v>
      </c>
      <c r="H7204" cm="1">
        <f t="array" ref="H7204">IFERROR(INDEX(Jesper!AL$2:AL$366,ROUNDDOWN($C7204/24,0)+1,1)*INDEX($D$3:$AA$30,INDEX(Jesper!$R$2:$R$366,ROW(INDEX(Jesper!AL$2:AL$366,ROUNDDOWN($C7204/24,0)+1,1))-1)+IF('Standard Profiles'!$G$22=$B$10,7,0)+IF('Standard Profiles'!$G$22=$B$17,14,0)+IF('Standard Profiles'!$G$22=$B$24,21,0),MOD($C7204,24)+1)/SUM(INDEX($D$3:$AA$30,INDEX(Jesper!$R$2:$R$366,ROW(INDEX(Jesper!AL$2:AL$366,ROUNDDOWN($C7204/24,0)+1,1))-1)+IF('Standard Profiles'!$G$22=$B$10,7,0)+IF('Standard Profiles'!$G$22=$B$17,14,0)+IF('Standard Profiles'!$G$22=$B$24,21,0),0)),0)</f>
        <v>0</v>
      </c>
      <c r="I7204">
        <f t="shared" si="804"/>
        <v>0.39945530135874968</v>
      </c>
      <c r="J7204">
        <f t="shared" si="805"/>
        <v>1.3315176711958323</v>
      </c>
      <c r="K7204">
        <f t="shared" si="806"/>
        <v>1.9972765067937484</v>
      </c>
      <c r="L7204">
        <f t="shared" si="807"/>
        <v>9.5869272326099928</v>
      </c>
      <c r="M7204">
        <f t="shared" si="808"/>
        <v>0</v>
      </c>
      <c r="N7204" s="46">
        <f t="shared" ref="N7204:N7267" si="809">N7203+1/24</f>
        <v>45590.74999998261</v>
      </c>
    </row>
    <row r="7205" spans="2:14" x14ac:dyDescent="0.3">
      <c r="B7205">
        <f t="shared" si="803"/>
        <v>5</v>
      </c>
      <c r="C7205" s="16">
        <v>7171</v>
      </c>
      <c r="D7205" cm="1">
        <f t="array" ref="D7205">IFERROR(INDEX(Jesper!AH$2:AH$366,ROUNDDOWN($C7205/24,0)+1,1)*INDEX($D$3:$AA$30,INDEX(Jesper!$R$2:$R$366,ROW(INDEX(Jesper!AH$2:AH$366,ROUNDDOWN($C7205/24,0)+1,1))-1)+IF('Standard Profiles'!$G$18=$B$10,7,0)+IF('Standard Profiles'!$G$18=$B$17,14,0)+IF('Standard Profiles'!$G$18=$B$24,21,0),MOD($C7205,24)+1)/SUM(INDEX($D$3:$AA$30,INDEX(Jesper!$R$2:$R$366,ROW(INDEX(Jesper!AH$2:AH$366,ROUNDDOWN($C7205/24,0)+1,1))-1)+IF('Standard Profiles'!$G$18=$B$10,7,0)+IF('Standard Profiles'!$G$18=$B$17,14,0)+IF('Standard Profiles'!$G$18=$B$24,21,0),0)),0)</f>
        <v>13.315176711958323</v>
      </c>
      <c r="E7205" cm="1">
        <f t="array" ref="E7205">IFERROR(INDEX(Jesper!AI$2:AI$366,ROUNDDOWN($C7205/24,0)+1,1)*INDEX($D$3:$AA$30,INDEX(Jesper!$R$2:$R$366,ROW(INDEX(Jesper!AI$2:AI$366,ROUNDDOWN($C7205/24,0)+1,1))-1)+IF('Standard Profiles'!$G$19=$B$10,7,0)+IF('Standard Profiles'!$G$19=$B$17,14,0)+IF('Standard Profiles'!$G$19=$B$24,21,0),MOD($C7205,24)+1)/SUM(INDEX($D$3:$AA$30,INDEX(Jesper!$R$2:$R$366,ROW(INDEX(Jesper!AI$2:AI$366,ROUNDDOWN($C7205/24,0)+1,1))-1)+IF('Standard Profiles'!$G$19=$B$10,7,0)+IF('Standard Profiles'!$G$19=$B$17,14,0)+IF('Standard Profiles'!$G$19=$B$24,21,0),0)),0)</f>
        <v>0</v>
      </c>
      <c r="F7205" cm="1">
        <f t="array" ref="F7205">IFERROR(INDEX(Jesper!AJ$2:AJ$366,ROUNDDOWN($C7205/24,0)+1,1)*INDEX($D$3:$AA$30,INDEX(Jesper!$R$2:$R$366,ROW(INDEX(Jesper!AJ$2:AJ$366,ROUNDDOWN($C7205/24,0)+1,1))-1)+IF('Standard Profiles'!$G$20=$B$10,7,0)+IF('Standard Profiles'!$G$20=$B$17,14,0)+IF('Standard Profiles'!$G$20=$B$24,21,0),MOD($C7205,24)+1)/SUM(INDEX($D$3:$AA$30,INDEX(Jesper!$R$2:$R$366,ROW(INDEX(Jesper!AJ$2:AJ$366,ROUNDDOWN($C7205/24,0)+1,1))-1)+IF('Standard Profiles'!$G$20=$B$10,7,0)+IF('Standard Profiles'!$G$20=$B$17,14,0)+IF('Standard Profiles'!$G$20=$B$24,21,0),0)),0)</f>
        <v>0</v>
      </c>
      <c r="G7205" cm="1">
        <f t="array" ref="G7205">IFERROR(INDEX(Jesper!AK$2:AK$366,ROUNDDOWN($C7205/24,0)+1,1)*INDEX($D$3:$AA$30,INDEX(Jesper!$R$2:$R$366,ROW(INDEX(Jesper!AK$2:AK$366,ROUNDDOWN($C7205/24,0)+1,1))-1)+IF('Standard Profiles'!$G$21=$B$10,7,0)+IF('Standard Profiles'!$G$21=$B$17,14,0)+IF('Standard Profiles'!$G$21=$B$24,21,0),MOD($C7205,24)+1)/SUM(INDEX($D$3:$AA$30,INDEX(Jesper!$R$2:$R$366,ROW(INDEX(Jesper!AK$2:AK$366,ROUNDDOWN($C7205/24,0)+1,1))-1)+IF('Standard Profiles'!$G$21=$B$10,7,0)+IF('Standard Profiles'!$G$21=$B$17,14,0)+IF('Standard Profiles'!$G$21=$B$24,21,0),0)),0)</f>
        <v>0</v>
      </c>
      <c r="H7205" cm="1">
        <f t="array" ref="H7205">IFERROR(INDEX(Jesper!AL$2:AL$366,ROUNDDOWN($C7205/24,0)+1,1)*INDEX($D$3:$AA$30,INDEX(Jesper!$R$2:$R$366,ROW(INDEX(Jesper!AL$2:AL$366,ROUNDDOWN($C7205/24,0)+1,1))-1)+IF('Standard Profiles'!$G$22=$B$10,7,0)+IF('Standard Profiles'!$G$22=$B$17,14,0)+IF('Standard Profiles'!$G$22=$B$24,21,0),MOD($C7205,24)+1)/SUM(INDEX($D$3:$AA$30,INDEX(Jesper!$R$2:$R$366,ROW(INDEX(Jesper!AL$2:AL$366,ROUNDDOWN($C7205/24,0)+1,1))-1)+IF('Standard Profiles'!$G$22=$B$10,7,0)+IF('Standard Profiles'!$G$22=$B$17,14,0)+IF('Standard Profiles'!$G$22=$B$24,21,0),0)),0)</f>
        <v>0</v>
      </c>
      <c r="I7205">
        <f t="shared" si="804"/>
        <v>0.39945530135874968</v>
      </c>
      <c r="J7205">
        <f t="shared" si="805"/>
        <v>1.3315176711958323</v>
      </c>
      <c r="K7205">
        <f t="shared" si="806"/>
        <v>1.9972765067937484</v>
      </c>
      <c r="L7205">
        <f t="shared" si="807"/>
        <v>9.5869272326099928</v>
      </c>
      <c r="M7205">
        <f t="shared" si="808"/>
        <v>0</v>
      </c>
      <c r="N7205" s="46">
        <f t="shared" si="809"/>
        <v>45590.791666649275</v>
      </c>
    </row>
    <row r="7206" spans="2:14" x14ac:dyDescent="0.3">
      <c r="B7206">
        <f t="shared" si="803"/>
        <v>5</v>
      </c>
      <c r="C7206" s="16">
        <v>7172</v>
      </c>
      <c r="D7206" cm="1">
        <f t="array" ref="D7206">IFERROR(INDEX(Jesper!AH$2:AH$366,ROUNDDOWN($C7206/24,0)+1,1)*INDEX($D$3:$AA$30,INDEX(Jesper!$R$2:$R$366,ROW(INDEX(Jesper!AH$2:AH$366,ROUNDDOWN($C7206/24,0)+1,1))-1)+IF('Standard Profiles'!$G$18=$B$10,7,0)+IF('Standard Profiles'!$G$18=$B$17,14,0)+IF('Standard Profiles'!$G$18=$B$24,21,0),MOD($C7206,24)+1)/SUM(INDEX($D$3:$AA$30,INDEX(Jesper!$R$2:$R$366,ROW(INDEX(Jesper!AH$2:AH$366,ROUNDDOWN($C7206/24,0)+1,1))-1)+IF('Standard Profiles'!$G$18=$B$10,7,0)+IF('Standard Profiles'!$G$18=$B$17,14,0)+IF('Standard Profiles'!$G$18=$B$24,21,0),0)),0)</f>
        <v>10.314573509263488</v>
      </c>
      <c r="E7206" cm="1">
        <f t="array" ref="E7206">IFERROR(INDEX(Jesper!AI$2:AI$366,ROUNDDOWN($C7206/24,0)+1,1)*INDEX($D$3:$AA$30,INDEX(Jesper!$R$2:$R$366,ROW(INDEX(Jesper!AI$2:AI$366,ROUNDDOWN($C7206/24,0)+1,1))-1)+IF('Standard Profiles'!$G$19=$B$10,7,0)+IF('Standard Profiles'!$G$19=$B$17,14,0)+IF('Standard Profiles'!$G$19=$B$24,21,0),MOD($C7206,24)+1)/SUM(INDEX($D$3:$AA$30,INDEX(Jesper!$R$2:$R$366,ROW(INDEX(Jesper!AI$2:AI$366,ROUNDDOWN($C7206/24,0)+1,1))-1)+IF('Standard Profiles'!$G$19=$B$10,7,0)+IF('Standard Profiles'!$G$19=$B$17,14,0)+IF('Standard Profiles'!$G$19=$B$24,21,0),0)),0)</f>
        <v>0</v>
      </c>
      <c r="F7206" cm="1">
        <f t="array" ref="F7206">IFERROR(INDEX(Jesper!AJ$2:AJ$366,ROUNDDOWN($C7206/24,0)+1,1)*INDEX($D$3:$AA$30,INDEX(Jesper!$R$2:$R$366,ROW(INDEX(Jesper!AJ$2:AJ$366,ROUNDDOWN($C7206/24,0)+1,1))-1)+IF('Standard Profiles'!$G$20=$B$10,7,0)+IF('Standard Profiles'!$G$20=$B$17,14,0)+IF('Standard Profiles'!$G$20=$B$24,21,0),MOD($C7206,24)+1)/SUM(INDEX($D$3:$AA$30,INDEX(Jesper!$R$2:$R$366,ROW(INDEX(Jesper!AJ$2:AJ$366,ROUNDDOWN($C7206/24,0)+1,1))-1)+IF('Standard Profiles'!$G$20=$B$10,7,0)+IF('Standard Profiles'!$G$20=$B$17,14,0)+IF('Standard Profiles'!$G$20=$B$24,21,0),0)),0)</f>
        <v>0</v>
      </c>
      <c r="G7206" cm="1">
        <f t="array" ref="G7206">IFERROR(INDEX(Jesper!AK$2:AK$366,ROUNDDOWN($C7206/24,0)+1,1)*INDEX($D$3:$AA$30,INDEX(Jesper!$R$2:$R$366,ROW(INDEX(Jesper!AK$2:AK$366,ROUNDDOWN($C7206/24,0)+1,1))-1)+IF('Standard Profiles'!$G$21=$B$10,7,0)+IF('Standard Profiles'!$G$21=$B$17,14,0)+IF('Standard Profiles'!$G$21=$B$24,21,0),MOD($C7206,24)+1)/SUM(INDEX($D$3:$AA$30,INDEX(Jesper!$R$2:$R$366,ROW(INDEX(Jesper!AK$2:AK$366,ROUNDDOWN($C7206/24,0)+1,1))-1)+IF('Standard Profiles'!$G$21=$B$10,7,0)+IF('Standard Profiles'!$G$21=$B$17,14,0)+IF('Standard Profiles'!$G$21=$B$24,21,0),0)),0)</f>
        <v>0</v>
      </c>
      <c r="H7206" cm="1">
        <f t="array" ref="H7206">IFERROR(INDEX(Jesper!AL$2:AL$366,ROUNDDOWN($C7206/24,0)+1,1)*INDEX($D$3:$AA$30,INDEX(Jesper!$R$2:$R$366,ROW(INDEX(Jesper!AL$2:AL$366,ROUNDDOWN($C7206/24,0)+1,1))-1)+IF('Standard Profiles'!$G$22=$B$10,7,0)+IF('Standard Profiles'!$G$22=$B$17,14,0)+IF('Standard Profiles'!$G$22=$B$24,21,0),MOD($C7206,24)+1)/SUM(INDEX($D$3:$AA$30,INDEX(Jesper!$R$2:$R$366,ROW(INDEX(Jesper!AL$2:AL$366,ROUNDDOWN($C7206/24,0)+1,1))-1)+IF('Standard Profiles'!$G$22=$B$10,7,0)+IF('Standard Profiles'!$G$22=$B$17,14,0)+IF('Standard Profiles'!$G$22=$B$24,21,0),0)),0)</f>
        <v>0</v>
      </c>
      <c r="I7206">
        <f t="shared" si="804"/>
        <v>0.30943720527790464</v>
      </c>
      <c r="J7206">
        <f t="shared" si="805"/>
        <v>1.0314573509263487</v>
      </c>
      <c r="K7206">
        <f t="shared" si="806"/>
        <v>1.5471860263895232</v>
      </c>
      <c r="L7206">
        <f t="shared" si="807"/>
        <v>7.4264929266697104</v>
      </c>
      <c r="M7206">
        <f t="shared" si="808"/>
        <v>0</v>
      </c>
      <c r="N7206" s="46">
        <f t="shared" si="809"/>
        <v>45590.833333315939</v>
      </c>
    </row>
    <row r="7207" spans="2:14" x14ac:dyDescent="0.3">
      <c r="B7207">
        <f t="shared" si="803"/>
        <v>5</v>
      </c>
      <c r="C7207" s="16">
        <v>7173</v>
      </c>
      <c r="D7207" cm="1">
        <f t="array" ref="D7207">IFERROR(INDEX(Jesper!AH$2:AH$366,ROUNDDOWN($C7207/24,0)+1,1)*INDEX($D$3:$AA$30,INDEX(Jesper!$R$2:$R$366,ROW(INDEX(Jesper!AH$2:AH$366,ROUNDDOWN($C7207/24,0)+1,1))-1)+IF('Standard Profiles'!$G$18=$B$10,7,0)+IF('Standard Profiles'!$G$18=$B$17,14,0)+IF('Standard Profiles'!$G$18=$B$24,21,0),MOD($C7207,24)+1)/SUM(INDEX($D$3:$AA$30,INDEX(Jesper!$R$2:$R$366,ROW(INDEX(Jesper!AH$2:AH$366,ROUNDDOWN($C7207/24,0)+1,1))-1)+IF('Standard Profiles'!$G$18=$B$10,7,0)+IF('Standard Profiles'!$G$18=$B$17,14,0)+IF('Standard Profiles'!$G$18=$B$24,21,0),0)),0)</f>
        <v>3.9382917035369682</v>
      </c>
      <c r="E7207" cm="1">
        <f t="array" ref="E7207">IFERROR(INDEX(Jesper!AI$2:AI$366,ROUNDDOWN($C7207/24,0)+1,1)*INDEX($D$3:$AA$30,INDEX(Jesper!$R$2:$R$366,ROW(INDEX(Jesper!AI$2:AI$366,ROUNDDOWN($C7207/24,0)+1,1))-1)+IF('Standard Profiles'!$G$19=$B$10,7,0)+IF('Standard Profiles'!$G$19=$B$17,14,0)+IF('Standard Profiles'!$G$19=$B$24,21,0),MOD($C7207,24)+1)/SUM(INDEX($D$3:$AA$30,INDEX(Jesper!$R$2:$R$366,ROW(INDEX(Jesper!AI$2:AI$366,ROUNDDOWN($C7207/24,0)+1,1))-1)+IF('Standard Profiles'!$G$19=$B$10,7,0)+IF('Standard Profiles'!$G$19=$B$17,14,0)+IF('Standard Profiles'!$G$19=$B$24,21,0),0)),0)</f>
        <v>0</v>
      </c>
      <c r="F7207" cm="1">
        <f t="array" ref="F7207">IFERROR(INDEX(Jesper!AJ$2:AJ$366,ROUNDDOWN($C7207/24,0)+1,1)*INDEX($D$3:$AA$30,INDEX(Jesper!$R$2:$R$366,ROW(INDEX(Jesper!AJ$2:AJ$366,ROUNDDOWN($C7207/24,0)+1,1))-1)+IF('Standard Profiles'!$G$20=$B$10,7,0)+IF('Standard Profiles'!$G$20=$B$17,14,0)+IF('Standard Profiles'!$G$20=$B$24,21,0),MOD($C7207,24)+1)/SUM(INDEX($D$3:$AA$30,INDEX(Jesper!$R$2:$R$366,ROW(INDEX(Jesper!AJ$2:AJ$366,ROUNDDOWN($C7207/24,0)+1,1))-1)+IF('Standard Profiles'!$G$20=$B$10,7,0)+IF('Standard Profiles'!$G$20=$B$17,14,0)+IF('Standard Profiles'!$G$20=$B$24,21,0),0)),0)</f>
        <v>0</v>
      </c>
      <c r="G7207" cm="1">
        <f t="array" ref="G7207">IFERROR(INDEX(Jesper!AK$2:AK$366,ROUNDDOWN($C7207/24,0)+1,1)*INDEX($D$3:$AA$30,INDEX(Jesper!$R$2:$R$366,ROW(INDEX(Jesper!AK$2:AK$366,ROUNDDOWN($C7207/24,0)+1,1))-1)+IF('Standard Profiles'!$G$21=$B$10,7,0)+IF('Standard Profiles'!$G$21=$B$17,14,0)+IF('Standard Profiles'!$G$21=$B$24,21,0),MOD($C7207,24)+1)/SUM(INDEX($D$3:$AA$30,INDEX(Jesper!$R$2:$R$366,ROW(INDEX(Jesper!AK$2:AK$366,ROUNDDOWN($C7207/24,0)+1,1))-1)+IF('Standard Profiles'!$G$21=$B$10,7,0)+IF('Standard Profiles'!$G$21=$B$17,14,0)+IF('Standard Profiles'!$G$21=$B$24,21,0),0)),0)</f>
        <v>0</v>
      </c>
      <c r="H7207" cm="1">
        <f t="array" ref="H7207">IFERROR(INDEX(Jesper!AL$2:AL$366,ROUNDDOWN($C7207/24,0)+1,1)*INDEX($D$3:$AA$30,INDEX(Jesper!$R$2:$R$366,ROW(INDEX(Jesper!AL$2:AL$366,ROUNDDOWN($C7207/24,0)+1,1))-1)+IF('Standard Profiles'!$G$22=$B$10,7,0)+IF('Standard Profiles'!$G$22=$B$17,14,0)+IF('Standard Profiles'!$G$22=$B$24,21,0),MOD($C7207,24)+1)/SUM(INDEX($D$3:$AA$30,INDEX(Jesper!$R$2:$R$366,ROW(INDEX(Jesper!AL$2:AL$366,ROUNDDOWN($C7207/24,0)+1,1))-1)+IF('Standard Profiles'!$G$22=$B$10,7,0)+IF('Standard Profiles'!$G$22=$B$17,14,0)+IF('Standard Profiles'!$G$22=$B$24,21,0),0)),0)</f>
        <v>0</v>
      </c>
      <c r="I7207">
        <f t="shared" si="804"/>
        <v>0.11814875110610905</v>
      </c>
      <c r="J7207">
        <f t="shared" si="805"/>
        <v>0.39382917035369686</v>
      </c>
      <c r="K7207">
        <f t="shared" si="806"/>
        <v>0.59074375553054526</v>
      </c>
      <c r="L7207">
        <f t="shared" si="807"/>
        <v>2.8355700265466171</v>
      </c>
      <c r="M7207">
        <f t="shared" si="808"/>
        <v>0</v>
      </c>
      <c r="N7207" s="46">
        <f t="shared" si="809"/>
        <v>45590.874999982603</v>
      </c>
    </row>
    <row r="7208" spans="2:14" x14ac:dyDescent="0.3">
      <c r="B7208">
        <f t="shared" si="803"/>
        <v>5</v>
      </c>
      <c r="C7208" s="16">
        <v>7174</v>
      </c>
      <c r="D7208" cm="1">
        <f t="array" ref="D7208">IFERROR(INDEX(Jesper!AH$2:AH$366,ROUNDDOWN($C7208/24,0)+1,1)*INDEX($D$3:$AA$30,INDEX(Jesper!$R$2:$R$366,ROW(INDEX(Jesper!AH$2:AH$366,ROUNDDOWN($C7208/24,0)+1,1))-1)+IF('Standard Profiles'!$G$18=$B$10,7,0)+IF('Standard Profiles'!$G$18=$B$17,14,0)+IF('Standard Profiles'!$G$18=$B$24,21,0),MOD($C7208,24)+1)/SUM(INDEX($D$3:$AA$30,INDEX(Jesper!$R$2:$R$366,ROW(INDEX(Jesper!AH$2:AH$366,ROUNDDOWN($C7208/24,0)+1,1))-1)+IF('Standard Profiles'!$G$18=$B$10,7,0)+IF('Standard Profiles'!$G$18=$B$17,14,0)+IF('Standard Profiles'!$G$18=$B$24,21,0),0)),0)</f>
        <v>3.9382917035369682</v>
      </c>
      <c r="E7208" cm="1">
        <f t="array" ref="E7208">IFERROR(INDEX(Jesper!AI$2:AI$366,ROUNDDOWN($C7208/24,0)+1,1)*INDEX($D$3:$AA$30,INDEX(Jesper!$R$2:$R$366,ROW(INDEX(Jesper!AI$2:AI$366,ROUNDDOWN($C7208/24,0)+1,1))-1)+IF('Standard Profiles'!$G$19=$B$10,7,0)+IF('Standard Profiles'!$G$19=$B$17,14,0)+IF('Standard Profiles'!$G$19=$B$24,21,0),MOD($C7208,24)+1)/SUM(INDEX($D$3:$AA$30,INDEX(Jesper!$R$2:$R$366,ROW(INDEX(Jesper!AI$2:AI$366,ROUNDDOWN($C7208/24,0)+1,1))-1)+IF('Standard Profiles'!$G$19=$B$10,7,0)+IF('Standard Profiles'!$G$19=$B$17,14,0)+IF('Standard Profiles'!$G$19=$B$24,21,0),0)),0)</f>
        <v>0</v>
      </c>
      <c r="F7208" cm="1">
        <f t="array" ref="F7208">IFERROR(INDEX(Jesper!AJ$2:AJ$366,ROUNDDOWN($C7208/24,0)+1,1)*INDEX($D$3:$AA$30,INDEX(Jesper!$R$2:$R$366,ROW(INDEX(Jesper!AJ$2:AJ$366,ROUNDDOWN($C7208/24,0)+1,1))-1)+IF('Standard Profiles'!$G$20=$B$10,7,0)+IF('Standard Profiles'!$G$20=$B$17,14,0)+IF('Standard Profiles'!$G$20=$B$24,21,0),MOD($C7208,24)+1)/SUM(INDEX($D$3:$AA$30,INDEX(Jesper!$R$2:$R$366,ROW(INDEX(Jesper!AJ$2:AJ$366,ROUNDDOWN($C7208/24,0)+1,1))-1)+IF('Standard Profiles'!$G$20=$B$10,7,0)+IF('Standard Profiles'!$G$20=$B$17,14,0)+IF('Standard Profiles'!$G$20=$B$24,21,0),0)),0)</f>
        <v>0</v>
      </c>
      <c r="G7208" cm="1">
        <f t="array" ref="G7208">IFERROR(INDEX(Jesper!AK$2:AK$366,ROUNDDOWN($C7208/24,0)+1,1)*INDEX($D$3:$AA$30,INDEX(Jesper!$R$2:$R$366,ROW(INDEX(Jesper!AK$2:AK$366,ROUNDDOWN($C7208/24,0)+1,1))-1)+IF('Standard Profiles'!$G$21=$B$10,7,0)+IF('Standard Profiles'!$G$21=$B$17,14,0)+IF('Standard Profiles'!$G$21=$B$24,21,0),MOD($C7208,24)+1)/SUM(INDEX($D$3:$AA$30,INDEX(Jesper!$R$2:$R$366,ROW(INDEX(Jesper!AK$2:AK$366,ROUNDDOWN($C7208/24,0)+1,1))-1)+IF('Standard Profiles'!$G$21=$B$10,7,0)+IF('Standard Profiles'!$G$21=$B$17,14,0)+IF('Standard Profiles'!$G$21=$B$24,21,0),0)),0)</f>
        <v>0</v>
      </c>
      <c r="H7208" cm="1">
        <f t="array" ref="H7208">IFERROR(INDEX(Jesper!AL$2:AL$366,ROUNDDOWN($C7208/24,0)+1,1)*INDEX($D$3:$AA$30,INDEX(Jesper!$R$2:$R$366,ROW(INDEX(Jesper!AL$2:AL$366,ROUNDDOWN($C7208/24,0)+1,1))-1)+IF('Standard Profiles'!$G$22=$B$10,7,0)+IF('Standard Profiles'!$G$22=$B$17,14,0)+IF('Standard Profiles'!$G$22=$B$24,21,0),MOD($C7208,24)+1)/SUM(INDEX($D$3:$AA$30,INDEX(Jesper!$R$2:$R$366,ROW(INDEX(Jesper!AL$2:AL$366,ROUNDDOWN($C7208/24,0)+1,1))-1)+IF('Standard Profiles'!$G$22=$B$10,7,0)+IF('Standard Profiles'!$G$22=$B$17,14,0)+IF('Standard Profiles'!$G$22=$B$24,21,0),0)),0)</f>
        <v>0</v>
      </c>
      <c r="I7208">
        <f t="shared" si="804"/>
        <v>0.11814875110610905</v>
      </c>
      <c r="J7208">
        <f t="shared" si="805"/>
        <v>0.39382917035369686</v>
      </c>
      <c r="K7208">
        <f t="shared" si="806"/>
        <v>0.59074375553054526</v>
      </c>
      <c r="L7208">
        <f t="shared" si="807"/>
        <v>2.8355700265466171</v>
      </c>
      <c r="M7208">
        <f t="shared" si="808"/>
        <v>0</v>
      </c>
      <c r="N7208" s="46">
        <f t="shared" si="809"/>
        <v>45590.916666649267</v>
      </c>
    </row>
    <row r="7209" spans="2:14" x14ac:dyDescent="0.3">
      <c r="B7209">
        <f t="shared" si="803"/>
        <v>5</v>
      </c>
      <c r="C7209" s="16">
        <v>7175</v>
      </c>
      <c r="D7209" cm="1">
        <f t="array" ref="D7209">IFERROR(INDEX(Jesper!AH$2:AH$366,ROUNDDOWN($C7209/24,0)+1,1)*INDEX($D$3:$AA$30,INDEX(Jesper!$R$2:$R$366,ROW(INDEX(Jesper!AH$2:AH$366,ROUNDDOWN($C7209/24,0)+1,1))-1)+IF('Standard Profiles'!$G$18=$B$10,7,0)+IF('Standard Profiles'!$G$18=$B$17,14,0)+IF('Standard Profiles'!$G$18=$B$24,21,0),MOD($C7209,24)+1)/SUM(INDEX($D$3:$AA$30,INDEX(Jesper!$R$2:$R$366,ROW(INDEX(Jesper!AH$2:AH$366,ROUNDDOWN($C7209/24,0)+1,1))-1)+IF('Standard Profiles'!$G$18=$B$10,7,0)+IF('Standard Profiles'!$G$18=$B$17,14,0)+IF('Standard Profiles'!$G$18=$B$24,21,0),0)),0)</f>
        <v>3.9382917035369682</v>
      </c>
      <c r="E7209" cm="1">
        <f t="array" ref="E7209">IFERROR(INDEX(Jesper!AI$2:AI$366,ROUNDDOWN($C7209/24,0)+1,1)*INDEX($D$3:$AA$30,INDEX(Jesper!$R$2:$R$366,ROW(INDEX(Jesper!AI$2:AI$366,ROUNDDOWN($C7209/24,0)+1,1))-1)+IF('Standard Profiles'!$G$19=$B$10,7,0)+IF('Standard Profiles'!$G$19=$B$17,14,0)+IF('Standard Profiles'!$G$19=$B$24,21,0),MOD($C7209,24)+1)/SUM(INDEX($D$3:$AA$30,INDEX(Jesper!$R$2:$R$366,ROW(INDEX(Jesper!AI$2:AI$366,ROUNDDOWN($C7209/24,0)+1,1))-1)+IF('Standard Profiles'!$G$19=$B$10,7,0)+IF('Standard Profiles'!$G$19=$B$17,14,0)+IF('Standard Profiles'!$G$19=$B$24,21,0),0)),0)</f>
        <v>0</v>
      </c>
      <c r="F7209" cm="1">
        <f t="array" ref="F7209">IFERROR(INDEX(Jesper!AJ$2:AJ$366,ROUNDDOWN($C7209/24,0)+1,1)*INDEX($D$3:$AA$30,INDEX(Jesper!$R$2:$R$366,ROW(INDEX(Jesper!AJ$2:AJ$366,ROUNDDOWN($C7209/24,0)+1,1))-1)+IF('Standard Profiles'!$G$20=$B$10,7,0)+IF('Standard Profiles'!$G$20=$B$17,14,0)+IF('Standard Profiles'!$G$20=$B$24,21,0),MOD($C7209,24)+1)/SUM(INDEX($D$3:$AA$30,INDEX(Jesper!$R$2:$R$366,ROW(INDEX(Jesper!AJ$2:AJ$366,ROUNDDOWN($C7209/24,0)+1,1))-1)+IF('Standard Profiles'!$G$20=$B$10,7,0)+IF('Standard Profiles'!$G$20=$B$17,14,0)+IF('Standard Profiles'!$G$20=$B$24,21,0),0)),0)</f>
        <v>0</v>
      </c>
      <c r="G7209" cm="1">
        <f t="array" ref="G7209">IFERROR(INDEX(Jesper!AK$2:AK$366,ROUNDDOWN($C7209/24,0)+1,1)*INDEX($D$3:$AA$30,INDEX(Jesper!$R$2:$R$366,ROW(INDEX(Jesper!AK$2:AK$366,ROUNDDOWN($C7209/24,0)+1,1))-1)+IF('Standard Profiles'!$G$21=$B$10,7,0)+IF('Standard Profiles'!$G$21=$B$17,14,0)+IF('Standard Profiles'!$G$21=$B$24,21,0),MOD($C7209,24)+1)/SUM(INDEX($D$3:$AA$30,INDEX(Jesper!$R$2:$R$366,ROW(INDEX(Jesper!AK$2:AK$366,ROUNDDOWN($C7209/24,0)+1,1))-1)+IF('Standard Profiles'!$G$21=$B$10,7,0)+IF('Standard Profiles'!$G$21=$B$17,14,0)+IF('Standard Profiles'!$G$21=$B$24,21,0),0)),0)</f>
        <v>0</v>
      </c>
      <c r="H7209" cm="1">
        <f t="array" ref="H7209">IFERROR(INDEX(Jesper!AL$2:AL$366,ROUNDDOWN($C7209/24,0)+1,1)*INDEX($D$3:$AA$30,INDEX(Jesper!$R$2:$R$366,ROW(INDEX(Jesper!AL$2:AL$366,ROUNDDOWN($C7209/24,0)+1,1))-1)+IF('Standard Profiles'!$G$22=$B$10,7,0)+IF('Standard Profiles'!$G$22=$B$17,14,0)+IF('Standard Profiles'!$G$22=$B$24,21,0),MOD($C7209,24)+1)/SUM(INDEX($D$3:$AA$30,INDEX(Jesper!$R$2:$R$366,ROW(INDEX(Jesper!AL$2:AL$366,ROUNDDOWN($C7209/24,0)+1,1))-1)+IF('Standard Profiles'!$G$22=$B$10,7,0)+IF('Standard Profiles'!$G$22=$B$17,14,0)+IF('Standard Profiles'!$G$22=$B$24,21,0),0)),0)</f>
        <v>0</v>
      </c>
      <c r="I7209">
        <f t="shared" si="804"/>
        <v>0.11814875110610905</v>
      </c>
      <c r="J7209">
        <f t="shared" si="805"/>
        <v>0.39382917035369686</v>
      </c>
      <c r="K7209">
        <f t="shared" si="806"/>
        <v>0.59074375553054526</v>
      </c>
      <c r="L7209">
        <f t="shared" si="807"/>
        <v>2.8355700265466171</v>
      </c>
      <c r="M7209">
        <f t="shared" si="808"/>
        <v>0</v>
      </c>
      <c r="N7209" s="46">
        <f t="shared" si="809"/>
        <v>45590.958333315932</v>
      </c>
    </row>
    <row r="7210" spans="2:14" x14ac:dyDescent="0.3">
      <c r="B7210">
        <f t="shared" si="803"/>
        <v>6</v>
      </c>
      <c r="C7210" s="16">
        <v>7176</v>
      </c>
      <c r="D7210" cm="1">
        <f t="array" ref="D7210">IFERROR(INDEX(Jesper!AH$2:AH$366,ROUNDDOWN($C7210/24,0)+1,1)*INDEX($D$3:$AA$30,INDEX(Jesper!$R$2:$R$366,ROW(INDEX(Jesper!AH$2:AH$366,ROUNDDOWN($C7210/24,0)+1,1))-1)+IF('Standard Profiles'!$G$18=$B$10,7,0)+IF('Standard Profiles'!$G$18=$B$17,14,0)+IF('Standard Profiles'!$G$18=$B$24,21,0),MOD($C7210,24)+1)/SUM(INDEX($D$3:$AA$30,INDEX(Jesper!$R$2:$R$366,ROW(INDEX(Jesper!AH$2:AH$366,ROUNDDOWN($C7210/24,0)+1,1))-1)+IF('Standard Profiles'!$G$18=$B$10,7,0)+IF('Standard Profiles'!$G$18=$B$17,14,0)+IF('Standard Profiles'!$G$18=$B$24,21,0),0)),0)</f>
        <v>4.2450738089036628</v>
      </c>
      <c r="E7210" cm="1">
        <f t="array" ref="E7210">IFERROR(INDEX(Jesper!AI$2:AI$366,ROUNDDOWN($C7210/24,0)+1,1)*INDEX($D$3:$AA$30,INDEX(Jesper!$R$2:$R$366,ROW(INDEX(Jesper!AI$2:AI$366,ROUNDDOWN($C7210/24,0)+1,1))-1)+IF('Standard Profiles'!$G$19=$B$10,7,0)+IF('Standard Profiles'!$G$19=$B$17,14,0)+IF('Standard Profiles'!$G$19=$B$24,21,0),MOD($C7210,24)+1)/SUM(INDEX($D$3:$AA$30,INDEX(Jesper!$R$2:$R$366,ROW(INDEX(Jesper!AI$2:AI$366,ROUNDDOWN($C7210/24,0)+1,1))-1)+IF('Standard Profiles'!$G$19=$B$10,7,0)+IF('Standard Profiles'!$G$19=$B$17,14,0)+IF('Standard Profiles'!$G$19=$B$24,21,0),0)),0)</f>
        <v>0.95990444731497415</v>
      </c>
      <c r="F7210" cm="1">
        <f t="array" ref="F7210">IFERROR(INDEX(Jesper!AJ$2:AJ$366,ROUNDDOWN($C7210/24,0)+1,1)*INDEX($D$3:$AA$30,INDEX(Jesper!$R$2:$R$366,ROW(INDEX(Jesper!AJ$2:AJ$366,ROUNDDOWN($C7210/24,0)+1,1))-1)+IF('Standard Profiles'!$G$20=$B$10,7,0)+IF('Standard Profiles'!$G$20=$B$17,14,0)+IF('Standard Profiles'!$G$20=$B$24,21,0),MOD($C7210,24)+1)/SUM(INDEX($D$3:$AA$30,INDEX(Jesper!$R$2:$R$366,ROW(INDEX(Jesper!AJ$2:AJ$366,ROUNDDOWN($C7210/24,0)+1,1))-1)+IF('Standard Profiles'!$G$20=$B$10,7,0)+IF('Standard Profiles'!$G$20=$B$17,14,0)+IF('Standard Profiles'!$G$20=$B$24,21,0),0)),0)</f>
        <v>0</v>
      </c>
      <c r="G7210" cm="1">
        <f t="array" ref="G7210">IFERROR(INDEX(Jesper!AK$2:AK$366,ROUNDDOWN($C7210/24,0)+1,1)*INDEX($D$3:$AA$30,INDEX(Jesper!$R$2:$R$366,ROW(INDEX(Jesper!AK$2:AK$366,ROUNDDOWN($C7210/24,0)+1,1))-1)+IF('Standard Profiles'!$G$21=$B$10,7,0)+IF('Standard Profiles'!$G$21=$B$17,14,0)+IF('Standard Profiles'!$G$21=$B$24,21,0),MOD($C7210,24)+1)/SUM(INDEX($D$3:$AA$30,INDEX(Jesper!$R$2:$R$366,ROW(INDEX(Jesper!AK$2:AK$366,ROUNDDOWN($C7210/24,0)+1,1))-1)+IF('Standard Profiles'!$G$21=$B$10,7,0)+IF('Standard Profiles'!$G$21=$B$17,14,0)+IF('Standard Profiles'!$G$21=$B$24,21,0),0)),0)</f>
        <v>0</v>
      </c>
      <c r="H7210" cm="1">
        <f t="array" ref="H7210">IFERROR(INDEX(Jesper!AL$2:AL$366,ROUNDDOWN($C7210/24,0)+1,1)*INDEX($D$3:$AA$30,INDEX(Jesper!$R$2:$R$366,ROW(INDEX(Jesper!AL$2:AL$366,ROUNDDOWN($C7210/24,0)+1,1))-1)+IF('Standard Profiles'!$G$22=$B$10,7,0)+IF('Standard Profiles'!$G$22=$B$17,14,0)+IF('Standard Profiles'!$G$22=$B$24,21,0),MOD($C7210,24)+1)/SUM(INDEX($D$3:$AA$30,INDEX(Jesper!$R$2:$R$366,ROW(INDEX(Jesper!AL$2:AL$366,ROUNDDOWN($C7210/24,0)+1,1))-1)+IF('Standard Profiles'!$G$22=$B$10,7,0)+IF('Standard Profiles'!$G$22=$B$17,14,0)+IF('Standard Profiles'!$G$22=$B$24,21,0),0)),0)</f>
        <v>0</v>
      </c>
      <c r="I7210">
        <f t="shared" si="804"/>
        <v>8.6477878136484179E-2</v>
      </c>
      <c r="J7210">
        <f t="shared" si="805"/>
        <v>0.28825959378828064</v>
      </c>
      <c r="K7210">
        <f t="shared" si="806"/>
        <v>0.43238939068242094</v>
      </c>
      <c r="L7210">
        <f t="shared" si="807"/>
        <v>4.3978513936114512</v>
      </c>
      <c r="M7210">
        <f t="shared" si="808"/>
        <v>0</v>
      </c>
      <c r="N7210" s="46">
        <f t="shared" si="809"/>
        <v>45590.999999982596</v>
      </c>
    </row>
    <row r="7211" spans="2:14" x14ac:dyDescent="0.3">
      <c r="B7211">
        <f t="shared" si="803"/>
        <v>6</v>
      </c>
      <c r="C7211" s="16">
        <v>7177</v>
      </c>
      <c r="D7211" cm="1">
        <f t="array" ref="D7211">IFERROR(INDEX(Jesper!AH$2:AH$366,ROUNDDOWN($C7211/24,0)+1,1)*INDEX($D$3:$AA$30,INDEX(Jesper!$R$2:$R$366,ROW(INDEX(Jesper!AH$2:AH$366,ROUNDDOWN($C7211/24,0)+1,1))-1)+IF('Standard Profiles'!$G$18=$B$10,7,0)+IF('Standard Profiles'!$G$18=$B$17,14,0)+IF('Standard Profiles'!$G$18=$B$24,21,0),MOD($C7211,24)+1)/SUM(INDEX($D$3:$AA$30,INDEX(Jesper!$R$2:$R$366,ROW(INDEX(Jesper!AH$2:AH$366,ROUNDDOWN($C7211/24,0)+1,1))-1)+IF('Standard Profiles'!$G$18=$B$10,7,0)+IF('Standard Profiles'!$G$18=$B$17,14,0)+IF('Standard Profiles'!$G$18=$B$24,21,0),0)),0)</f>
        <v>8.2880012459547725</v>
      </c>
      <c r="E7211" cm="1">
        <f t="array" ref="E7211">IFERROR(INDEX(Jesper!AI$2:AI$366,ROUNDDOWN($C7211/24,0)+1,1)*INDEX($D$3:$AA$30,INDEX(Jesper!$R$2:$R$366,ROW(INDEX(Jesper!AI$2:AI$366,ROUNDDOWN($C7211/24,0)+1,1))-1)+IF('Standard Profiles'!$G$19=$B$10,7,0)+IF('Standard Profiles'!$G$19=$B$17,14,0)+IF('Standard Profiles'!$G$19=$B$24,21,0),MOD($C7211,24)+1)/SUM(INDEX($D$3:$AA$30,INDEX(Jesper!$R$2:$R$366,ROW(INDEX(Jesper!AI$2:AI$366,ROUNDDOWN($C7211/24,0)+1,1))-1)+IF('Standard Profiles'!$G$19=$B$10,7,0)+IF('Standard Profiles'!$G$19=$B$17,14,0)+IF('Standard Profiles'!$G$19=$B$24,21,0),0)),0)</f>
        <v>1.874099159043521</v>
      </c>
      <c r="F7211" cm="1">
        <f t="array" ref="F7211">IFERROR(INDEX(Jesper!AJ$2:AJ$366,ROUNDDOWN($C7211/24,0)+1,1)*INDEX($D$3:$AA$30,INDEX(Jesper!$R$2:$R$366,ROW(INDEX(Jesper!AJ$2:AJ$366,ROUNDDOWN($C7211/24,0)+1,1))-1)+IF('Standard Profiles'!$G$20=$B$10,7,0)+IF('Standard Profiles'!$G$20=$B$17,14,0)+IF('Standard Profiles'!$G$20=$B$24,21,0),MOD($C7211,24)+1)/SUM(INDEX($D$3:$AA$30,INDEX(Jesper!$R$2:$R$366,ROW(INDEX(Jesper!AJ$2:AJ$366,ROUNDDOWN($C7211/24,0)+1,1))-1)+IF('Standard Profiles'!$G$20=$B$10,7,0)+IF('Standard Profiles'!$G$20=$B$17,14,0)+IF('Standard Profiles'!$G$20=$B$24,21,0),0)),0)</f>
        <v>0</v>
      </c>
      <c r="G7211" cm="1">
        <f t="array" ref="G7211">IFERROR(INDEX(Jesper!AK$2:AK$366,ROUNDDOWN($C7211/24,0)+1,1)*INDEX($D$3:$AA$30,INDEX(Jesper!$R$2:$R$366,ROW(INDEX(Jesper!AK$2:AK$366,ROUNDDOWN($C7211/24,0)+1,1))-1)+IF('Standard Profiles'!$G$21=$B$10,7,0)+IF('Standard Profiles'!$G$21=$B$17,14,0)+IF('Standard Profiles'!$G$21=$B$24,21,0),MOD($C7211,24)+1)/SUM(INDEX($D$3:$AA$30,INDEX(Jesper!$R$2:$R$366,ROW(INDEX(Jesper!AK$2:AK$366,ROUNDDOWN($C7211/24,0)+1,1))-1)+IF('Standard Profiles'!$G$21=$B$10,7,0)+IF('Standard Profiles'!$G$21=$B$17,14,0)+IF('Standard Profiles'!$G$21=$B$24,21,0),0)),0)</f>
        <v>0</v>
      </c>
      <c r="H7211" cm="1">
        <f t="array" ref="H7211">IFERROR(INDEX(Jesper!AL$2:AL$366,ROUNDDOWN($C7211/24,0)+1,1)*INDEX($D$3:$AA$30,INDEX(Jesper!$R$2:$R$366,ROW(INDEX(Jesper!AL$2:AL$366,ROUNDDOWN($C7211/24,0)+1,1))-1)+IF('Standard Profiles'!$G$22=$B$10,7,0)+IF('Standard Profiles'!$G$22=$B$17,14,0)+IF('Standard Profiles'!$G$22=$B$24,21,0),MOD($C7211,24)+1)/SUM(INDEX($D$3:$AA$30,INDEX(Jesper!$R$2:$R$366,ROW(INDEX(Jesper!AL$2:AL$366,ROUNDDOWN($C7211/24,0)+1,1))-1)+IF('Standard Profiles'!$G$22=$B$10,7,0)+IF('Standard Profiles'!$G$22=$B$17,14,0)+IF('Standard Profiles'!$G$22=$B$24,21,0),0)),0)</f>
        <v>0</v>
      </c>
      <c r="I7211">
        <f t="shared" si="804"/>
        <v>0.16883776207599294</v>
      </c>
      <c r="J7211">
        <f t="shared" si="805"/>
        <v>0.56279254025330983</v>
      </c>
      <c r="K7211">
        <f t="shared" si="806"/>
        <v>0.84418881037996474</v>
      </c>
      <c r="L7211">
        <f t="shared" si="807"/>
        <v>8.5862812922890264</v>
      </c>
      <c r="M7211">
        <f t="shared" si="808"/>
        <v>0</v>
      </c>
      <c r="N7211" s="46">
        <f t="shared" si="809"/>
        <v>45591.04166664926</v>
      </c>
    </row>
    <row r="7212" spans="2:14" x14ac:dyDescent="0.3">
      <c r="B7212">
        <f t="shared" si="803"/>
        <v>6</v>
      </c>
      <c r="C7212" s="16">
        <v>7178</v>
      </c>
      <c r="D7212" cm="1">
        <f t="array" ref="D7212">IFERROR(INDEX(Jesper!AH$2:AH$366,ROUNDDOWN($C7212/24,0)+1,1)*INDEX($D$3:$AA$30,INDEX(Jesper!$R$2:$R$366,ROW(INDEX(Jesper!AH$2:AH$366,ROUNDDOWN($C7212/24,0)+1,1))-1)+IF('Standard Profiles'!$G$18=$B$10,7,0)+IF('Standard Profiles'!$G$18=$B$17,14,0)+IF('Standard Profiles'!$G$18=$B$24,21,0),MOD($C7212,24)+1)/SUM(INDEX($D$3:$AA$30,INDEX(Jesper!$R$2:$R$366,ROW(INDEX(Jesper!AH$2:AH$366,ROUNDDOWN($C7212/24,0)+1,1))-1)+IF('Standard Profiles'!$G$18=$B$10,7,0)+IF('Standard Profiles'!$G$18=$B$17,14,0)+IF('Standard Profiles'!$G$18=$B$24,21,0),0)),0)</f>
        <v>8.2880012459547725</v>
      </c>
      <c r="E7212" cm="1">
        <f t="array" ref="E7212">IFERROR(INDEX(Jesper!AI$2:AI$366,ROUNDDOWN($C7212/24,0)+1,1)*INDEX($D$3:$AA$30,INDEX(Jesper!$R$2:$R$366,ROW(INDEX(Jesper!AI$2:AI$366,ROUNDDOWN($C7212/24,0)+1,1))-1)+IF('Standard Profiles'!$G$19=$B$10,7,0)+IF('Standard Profiles'!$G$19=$B$17,14,0)+IF('Standard Profiles'!$G$19=$B$24,21,0),MOD($C7212,24)+1)/SUM(INDEX($D$3:$AA$30,INDEX(Jesper!$R$2:$R$366,ROW(INDEX(Jesper!AI$2:AI$366,ROUNDDOWN($C7212/24,0)+1,1))-1)+IF('Standard Profiles'!$G$19=$B$10,7,0)+IF('Standard Profiles'!$G$19=$B$17,14,0)+IF('Standard Profiles'!$G$19=$B$24,21,0),0)),0)</f>
        <v>1.874099159043521</v>
      </c>
      <c r="F7212" cm="1">
        <f t="array" ref="F7212">IFERROR(INDEX(Jesper!AJ$2:AJ$366,ROUNDDOWN($C7212/24,0)+1,1)*INDEX($D$3:$AA$30,INDEX(Jesper!$R$2:$R$366,ROW(INDEX(Jesper!AJ$2:AJ$366,ROUNDDOWN($C7212/24,0)+1,1))-1)+IF('Standard Profiles'!$G$20=$B$10,7,0)+IF('Standard Profiles'!$G$20=$B$17,14,0)+IF('Standard Profiles'!$G$20=$B$24,21,0),MOD($C7212,24)+1)/SUM(INDEX($D$3:$AA$30,INDEX(Jesper!$R$2:$R$366,ROW(INDEX(Jesper!AJ$2:AJ$366,ROUNDDOWN($C7212/24,0)+1,1))-1)+IF('Standard Profiles'!$G$20=$B$10,7,0)+IF('Standard Profiles'!$G$20=$B$17,14,0)+IF('Standard Profiles'!$G$20=$B$24,21,0),0)),0)</f>
        <v>0</v>
      </c>
      <c r="G7212" cm="1">
        <f t="array" ref="G7212">IFERROR(INDEX(Jesper!AK$2:AK$366,ROUNDDOWN($C7212/24,0)+1,1)*INDEX($D$3:$AA$30,INDEX(Jesper!$R$2:$R$366,ROW(INDEX(Jesper!AK$2:AK$366,ROUNDDOWN($C7212/24,0)+1,1))-1)+IF('Standard Profiles'!$G$21=$B$10,7,0)+IF('Standard Profiles'!$G$21=$B$17,14,0)+IF('Standard Profiles'!$G$21=$B$24,21,0),MOD($C7212,24)+1)/SUM(INDEX($D$3:$AA$30,INDEX(Jesper!$R$2:$R$366,ROW(INDEX(Jesper!AK$2:AK$366,ROUNDDOWN($C7212/24,0)+1,1))-1)+IF('Standard Profiles'!$G$21=$B$10,7,0)+IF('Standard Profiles'!$G$21=$B$17,14,0)+IF('Standard Profiles'!$G$21=$B$24,21,0),0)),0)</f>
        <v>0</v>
      </c>
      <c r="H7212" cm="1">
        <f t="array" ref="H7212">IFERROR(INDEX(Jesper!AL$2:AL$366,ROUNDDOWN($C7212/24,0)+1,1)*INDEX($D$3:$AA$30,INDEX(Jesper!$R$2:$R$366,ROW(INDEX(Jesper!AL$2:AL$366,ROUNDDOWN($C7212/24,0)+1,1))-1)+IF('Standard Profiles'!$G$22=$B$10,7,0)+IF('Standard Profiles'!$G$22=$B$17,14,0)+IF('Standard Profiles'!$G$22=$B$24,21,0),MOD($C7212,24)+1)/SUM(INDEX($D$3:$AA$30,INDEX(Jesper!$R$2:$R$366,ROW(INDEX(Jesper!AL$2:AL$366,ROUNDDOWN($C7212/24,0)+1,1))-1)+IF('Standard Profiles'!$G$22=$B$10,7,0)+IF('Standard Profiles'!$G$22=$B$17,14,0)+IF('Standard Profiles'!$G$22=$B$24,21,0),0)),0)</f>
        <v>0</v>
      </c>
      <c r="I7212">
        <f t="shared" si="804"/>
        <v>0.16883776207599294</v>
      </c>
      <c r="J7212">
        <f t="shared" si="805"/>
        <v>0.56279254025330983</v>
      </c>
      <c r="K7212">
        <f t="shared" si="806"/>
        <v>0.84418881037996474</v>
      </c>
      <c r="L7212">
        <f t="shared" si="807"/>
        <v>8.5862812922890264</v>
      </c>
      <c r="M7212">
        <f t="shared" si="808"/>
        <v>0</v>
      </c>
      <c r="N7212" s="46">
        <f t="shared" si="809"/>
        <v>45591.083333315924</v>
      </c>
    </row>
    <row r="7213" spans="2:14" x14ac:dyDescent="0.3">
      <c r="B7213">
        <f t="shared" si="803"/>
        <v>6</v>
      </c>
      <c r="C7213" s="16">
        <v>7179</v>
      </c>
      <c r="D7213" cm="1">
        <f t="array" ref="D7213">IFERROR(INDEX(Jesper!AH$2:AH$366,ROUNDDOWN($C7213/24,0)+1,1)*INDEX($D$3:$AA$30,INDEX(Jesper!$R$2:$R$366,ROW(INDEX(Jesper!AH$2:AH$366,ROUNDDOWN($C7213/24,0)+1,1))-1)+IF('Standard Profiles'!$G$18=$B$10,7,0)+IF('Standard Profiles'!$G$18=$B$17,14,0)+IF('Standard Profiles'!$G$18=$B$24,21,0),MOD($C7213,24)+1)/SUM(INDEX($D$3:$AA$30,INDEX(Jesper!$R$2:$R$366,ROW(INDEX(Jesper!AH$2:AH$366,ROUNDDOWN($C7213/24,0)+1,1))-1)+IF('Standard Profiles'!$G$18=$B$10,7,0)+IF('Standard Profiles'!$G$18=$B$17,14,0)+IF('Standard Profiles'!$G$18=$B$24,21,0),0)),0)</f>
        <v>8.2880012459547725</v>
      </c>
      <c r="E7213" cm="1">
        <f t="array" ref="E7213">IFERROR(INDEX(Jesper!AI$2:AI$366,ROUNDDOWN($C7213/24,0)+1,1)*INDEX($D$3:$AA$30,INDEX(Jesper!$R$2:$R$366,ROW(INDEX(Jesper!AI$2:AI$366,ROUNDDOWN($C7213/24,0)+1,1))-1)+IF('Standard Profiles'!$G$19=$B$10,7,0)+IF('Standard Profiles'!$G$19=$B$17,14,0)+IF('Standard Profiles'!$G$19=$B$24,21,0),MOD($C7213,24)+1)/SUM(INDEX($D$3:$AA$30,INDEX(Jesper!$R$2:$R$366,ROW(INDEX(Jesper!AI$2:AI$366,ROUNDDOWN($C7213/24,0)+1,1))-1)+IF('Standard Profiles'!$G$19=$B$10,7,0)+IF('Standard Profiles'!$G$19=$B$17,14,0)+IF('Standard Profiles'!$G$19=$B$24,21,0),0)),0)</f>
        <v>1.874099159043521</v>
      </c>
      <c r="F7213" cm="1">
        <f t="array" ref="F7213">IFERROR(INDEX(Jesper!AJ$2:AJ$366,ROUNDDOWN($C7213/24,0)+1,1)*INDEX($D$3:$AA$30,INDEX(Jesper!$R$2:$R$366,ROW(INDEX(Jesper!AJ$2:AJ$366,ROUNDDOWN($C7213/24,0)+1,1))-1)+IF('Standard Profiles'!$G$20=$B$10,7,0)+IF('Standard Profiles'!$G$20=$B$17,14,0)+IF('Standard Profiles'!$G$20=$B$24,21,0),MOD($C7213,24)+1)/SUM(INDEX($D$3:$AA$30,INDEX(Jesper!$R$2:$R$366,ROW(INDEX(Jesper!AJ$2:AJ$366,ROUNDDOWN($C7213/24,0)+1,1))-1)+IF('Standard Profiles'!$G$20=$B$10,7,0)+IF('Standard Profiles'!$G$20=$B$17,14,0)+IF('Standard Profiles'!$G$20=$B$24,21,0),0)),0)</f>
        <v>0</v>
      </c>
      <c r="G7213" cm="1">
        <f t="array" ref="G7213">IFERROR(INDEX(Jesper!AK$2:AK$366,ROUNDDOWN($C7213/24,0)+1,1)*INDEX($D$3:$AA$30,INDEX(Jesper!$R$2:$R$366,ROW(INDEX(Jesper!AK$2:AK$366,ROUNDDOWN($C7213/24,0)+1,1))-1)+IF('Standard Profiles'!$G$21=$B$10,7,0)+IF('Standard Profiles'!$G$21=$B$17,14,0)+IF('Standard Profiles'!$G$21=$B$24,21,0),MOD($C7213,24)+1)/SUM(INDEX($D$3:$AA$30,INDEX(Jesper!$R$2:$R$366,ROW(INDEX(Jesper!AK$2:AK$366,ROUNDDOWN($C7213/24,0)+1,1))-1)+IF('Standard Profiles'!$G$21=$B$10,7,0)+IF('Standard Profiles'!$G$21=$B$17,14,0)+IF('Standard Profiles'!$G$21=$B$24,21,0),0)),0)</f>
        <v>0</v>
      </c>
      <c r="H7213" cm="1">
        <f t="array" ref="H7213">IFERROR(INDEX(Jesper!AL$2:AL$366,ROUNDDOWN($C7213/24,0)+1,1)*INDEX($D$3:$AA$30,INDEX(Jesper!$R$2:$R$366,ROW(INDEX(Jesper!AL$2:AL$366,ROUNDDOWN($C7213/24,0)+1,1))-1)+IF('Standard Profiles'!$G$22=$B$10,7,0)+IF('Standard Profiles'!$G$22=$B$17,14,0)+IF('Standard Profiles'!$G$22=$B$24,21,0),MOD($C7213,24)+1)/SUM(INDEX($D$3:$AA$30,INDEX(Jesper!$R$2:$R$366,ROW(INDEX(Jesper!AL$2:AL$366,ROUNDDOWN($C7213/24,0)+1,1))-1)+IF('Standard Profiles'!$G$22=$B$10,7,0)+IF('Standard Profiles'!$G$22=$B$17,14,0)+IF('Standard Profiles'!$G$22=$B$24,21,0),0)),0)</f>
        <v>0</v>
      </c>
      <c r="I7213">
        <f t="shared" si="804"/>
        <v>0.16883776207599294</v>
      </c>
      <c r="J7213">
        <f t="shared" si="805"/>
        <v>0.56279254025330983</v>
      </c>
      <c r="K7213">
        <f t="shared" si="806"/>
        <v>0.84418881037996474</v>
      </c>
      <c r="L7213">
        <f t="shared" si="807"/>
        <v>8.5862812922890264</v>
      </c>
      <c r="M7213">
        <f t="shared" si="808"/>
        <v>0</v>
      </c>
      <c r="N7213" s="46">
        <f t="shared" si="809"/>
        <v>45591.124999982589</v>
      </c>
    </row>
    <row r="7214" spans="2:14" x14ac:dyDescent="0.3">
      <c r="B7214">
        <f t="shared" si="803"/>
        <v>6</v>
      </c>
      <c r="C7214" s="16">
        <v>7180</v>
      </c>
      <c r="D7214" cm="1">
        <f t="array" ref="D7214">IFERROR(INDEX(Jesper!AH$2:AH$366,ROUNDDOWN($C7214/24,0)+1,1)*INDEX($D$3:$AA$30,INDEX(Jesper!$R$2:$R$366,ROW(INDEX(Jesper!AH$2:AH$366,ROUNDDOWN($C7214/24,0)+1,1))-1)+IF('Standard Profiles'!$G$18=$B$10,7,0)+IF('Standard Profiles'!$G$18=$B$17,14,0)+IF('Standard Profiles'!$G$18=$B$24,21,0),MOD($C7214,24)+1)/SUM(INDEX($D$3:$AA$30,INDEX(Jesper!$R$2:$R$366,ROW(INDEX(Jesper!AH$2:AH$366,ROUNDDOWN($C7214/24,0)+1,1))-1)+IF('Standard Profiles'!$G$18=$B$10,7,0)+IF('Standard Profiles'!$G$18=$B$17,14,0)+IF('Standard Profiles'!$G$18=$B$24,21,0),0)),0)</f>
        <v>8.2880012459547725</v>
      </c>
      <c r="E7214" cm="1">
        <f t="array" ref="E7214">IFERROR(INDEX(Jesper!AI$2:AI$366,ROUNDDOWN($C7214/24,0)+1,1)*INDEX($D$3:$AA$30,INDEX(Jesper!$R$2:$R$366,ROW(INDEX(Jesper!AI$2:AI$366,ROUNDDOWN($C7214/24,0)+1,1))-1)+IF('Standard Profiles'!$G$19=$B$10,7,0)+IF('Standard Profiles'!$G$19=$B$17,14,0)+IF('Standard Profiles'!$G$19=$B$24,21,0),MOD($C7214,24)+1)/SUM(INDEX($D$3:$AA$30,INDEX(Jesper!$R$2:$R$366,ROW(INDEX(Jesper!AI$2:AI$366,ROUNDDOWN($C7214/24,0)+1,1))-1)+IF('Standard Profiles'!$G$19=$B$10,7,0)+IF('Standard Profiles'!$G$19=$B$17,14,0)+IF('Standard Profiles'!$G$19=$B$24,21,0),0)),0)</f>
        <v>1.874099159043521</v>
      </c>
      <c r="F7214" cm="1">
        <f t="array" ref="F7214">IFERROR(INDEX(Jesper!AJ$2:AJ$366,ROUNDDOWN($C7214/24,0)+1,1)*INDEX($D$3:$AA$30,INDEX(Jesper!$R$2:$R$366,ROW(INDEX(Jesper!AJ$2:AJ$366,ROUNDDOWN($C7214/24,0)+1,1))-1)+IF('Standard Profiles'!$G$20=$B$10,7,0)+IF('Standard Profiles'!$G$20=$B$17,14,0)+IF('Standard Profiles'!$G$20=$B$24,21,0),MOD($C7214,24)+1)/SUM(INDEX($D$3:$AA$30,INDEX(Jesper!$R$2:$R$366,ROW(INDEX(Jesper!AJ$2:AJ$366,ROUNDDOWN($C7214/24,0)+1,1))-1)+IF('Standard Profiles'!$G$20=$B$10,7,0)+IF('Standard Profiles'!$G$20=$B$17,14,0)+IF('Standard Profiles'!$G$20=$B$24,21,0),0)),0)</f>
        <v>0</v>
      </c>
      <c r="G7214" cm="1">
        <f t="array" ref="G7214">IFERROR(INDEX(Jesper!AK$2:AK$366,ROUNDDOWN($C7214/24,0)+1,1)*INDEX($D$3:$AA$30,INDEX(Jesper!$R$2:$R$366,ROW(INDEX(Jesper!AK$2:AK$366,ROUNDDOWN($C7214/24,0)+1,1))-1)+IF('Standard Profiles'!$G$21=$B$10,7,0)+IF('Standard Profiles'!$G$21=$B$17,14,0)+IF('Standard Profiles'!$G$21=$B$24,21,0),MOD($C7214,24)+1)/SUM(INDEX($D$3:$AA$30,INDEX(Jesper!$R$2:$R$366,ROW(INDEX(Jesper!AK$2:AK$366,ROUNDDOWN($C7214/24,0)+1,1))-1)+IF('Standard Profiles'!$G$21=$B$10,7,0)+IF('Standard Profiles'!$G$21=$B$17,14,0)+IF('Standard Profiles'!$G$21=$B$24,21,0),0)),0)</f>
        <v>0</v>
      </c>
      <c r="H7214" cm="1">
        <f t="array" ref="H7214">IFERROR(INDEX(Jesper!AL$2:AL$366,ROUNDDOWN($C7214/24,0)+1,1)*INDEX($D$3:$AA$30,INDEX(Jesper!$R$2:$R$366,ROW(INDEX(Jesper!AL$2:AL$366,ROUNDDOWN($C7214/24,0)+1,1))-1)+IF('Standard Profiles'!$G$22=$B$10,7,0)+IF('Standard Profiles'!$G$22=$B$17,14,0)+IF('Standard Profiles'!$G$22=$B$24,21,0),MOD($C7214,24)+1)/SUM(INDEX($D$3:$AA$30,INDEX(Jesper!$R$2:$R$366,ROW(INDEX(Jesper!AL$2:AL$366,ROUNDDOWN($C7214/24,0)+1,1))-1)+IF('Standard Profiles'!$G$22=$B$10,7,0)+IF('Standard Profiles'!$G$22=$B$17,14,0)+IF('Standard Profiles'!$G$22=$B$24,21,0),0)),0)</f>
        <v>0</v>
      </c>
      <c r="I7214">
        <f t="shared" si="804"/>
        <v>0.16883776207599294</v>
      </c>
      <c r="J7214">
        <f t="shared" si="805"/>
        <v>0.56279254025330983</v>
      </c>
      <c r="K7214">
        <f t="shared" si="806"/>
        <v>0.84418881037996474</v>
      </c>
      <c r="L7214">
        <f t="shared" si="807"/>
        <v>8.5862812922890264</v>
      </c>
      <c r="M7214">
        <f t="shared" si="808"/>
        <v>0</v>
      </c>
      <c r="N7214" s="46">
        <f t="shared" si="809"/>
        <v>45591.166666649253</v>
      </c>
    </row>
    <row r="7215" spans="2:14" x14ac:dyDescent="0.3">
      <c r="B7215">
        <f t="shared" si="803"/>
        <v>6</v>
      </c>
      <c r="C7215" s="16">
        <v>7181</v>
      </c>
      <c r="D7215" cm="1">
        <f t="array" ref="D7215">IFERROR(INDEX(Jesper!AH$2:AH$366,ROUNDDOWN($C7215/24,0)+1,1)*INDEX($D$3:$AA$30,INDEX(Jesper!$R$2:$R$366,ROW(INDEX(Jesper!AH$2:AH$366,ROUNDDOWN($C7215/24,0)+1,1))-1)+IF('Standard Profiles'!$G$18=$B$10,7,0)+IF('Standard Profiles'!$G$18=$B$17,14,0)+IF('Standard Profiles'!$G$18=$B$24,21,0),MOD($C7215,24)+1)/SUM(INDEX($D$3:$AA$30,INDEX(Jesper!$R$2:$R$366,ROW(INDEX(Jesper!AH$2:AH$366,ROUNDDOWN($C7215/24,0)+1,1))-1)+IF('Standard Profiles'!$G$18=$B$10,7,0)+IF('Standard Profiles'!$G$18=$B$17,14,0)+IF('Standard Profiles'!$G$18=$B$24,21,0),0)),0)</f>
        <v>10.309464964480327</v>
      </c>
      <c r="E7215" cm="1">
        <f t="array" ref="E7215">IFERROR(INDEX(Jesper!AI$2:AI$366,ROUNDDOWN($C7215/24,0)+1,1)*INDEX($D$3:$AA$30,INDEX(Jesper!$R$2:$R$366,ROW(INDEX(Jesper!AI$2:AI$366,ROUNDDOWN($C7215/24,0)+1,1))-1)+IF('Standard Profiles'!$G$19=$B$10,7,0)+IF('Standard Profiles'!$G$19=$B$17,14,0)+IF('Standard Profiles'!$G$19=$B$24,21,0),MOD($C7215,24)+1)/SUM(INDEX($D$3:$AA$30,INDEX(Jesper!$R$2:$R$366,ROW(INDEX(Jesper!AI$2:AI$366,ROUNDDOWN($C7215/24,0)+1,1))-1)+IF('Standard Profiles'!$G$19=$B$10,7,0)+IF('Standard Profiles'!$G$19=$B$17,14,0)+IF('Standard Profiles'!$G$19=$B$24,21,0),0)),0)</f>
        <v>2.3311965149077944</v>
      </c>
      <c r="F7215" cm="1">
        <f t="array" ref="F7215">IFERROR(INDEX(Jesper!AJ$2:AJ$366,ROUNDDOWN($C7215/24,0)+1,1)*INDEX($D$3:$AA$30,INDEX(Jesper!$R$2:$R$366,ROW(INDEX(Jesper!AJ$2:AJ$366,ROUNDDOWN($C7215/24,0)+1,1))-1)+IF('Standard Profiles'!$G$20=$B$10,7,0)+IF('Standard Profiles'!$G$20=$B$17,14,0)+IF('Standard Profiles'!$G$20=$B$24,21,0),MOD($C7215,24)+1)/SUM(INDEX($D$3:$AA$30,INDEX(Jesper!$R$2:$R$366,ROW(INDEX(Jesper!AJ$2:AJ$366,ROUNDDOWN($C7215/24,0)+1,1))-1)+IF('Standard Profiles'!$G$20=$B$10,7,0)+IF('Standard Profiles'!$G$20=$B$17,14,0)+IF('Standard Profiles'!$G$20=$B$24,21,0),0)),0)</f>
        <v>0</v>
      </c>
      <c r="G7215" cm="1">
        <f t="array" ref="G7215">IFERROR(INDEX(Jesper!AK$2:AK$366,ROUNDDOWN($C7215/24,0)+1,1)*INDEX($D$3:$AA$30,INDEX(Jesper!$R$2:$R$366,ROW(INDEX(Jesper!AK$2:AK$366,ROUNDDOWN($C7215/24,0)+1,1))-1)+IF('Standard Profiles'!$G$21=$B$10,7,0)+IF('Standard Profiles'!$G$21=$B$17,14,0)+IF('Standard Profiles'!$G$21=$B$24,21,0),MOD($C7215,24)+1)/SUM(INDEX($D$3:$AA$30,INDEX(Jesper!$R$2:$R$366,ROW(INDEX(Jesper!AK$2:AK$366,ROUNDDOWN($C7215/24,0)+1,1))-1)+IF('Standard Profiles'!$G$21=$B$10,7,0)+IF('Standard Profiles'!$G$21=$B$17,14,0)+IF('Standard Profiles'!$G$21=$B$24,21,0),0)),0)</f>
        <v>0</v>
      </c>
      <c r="H7215" cm="1">
        <f t="array" ref="H7215">IFERROR(INDEX(Jesper!AL$2:AL$366,ROUNDDOWN($C7215/24,0)+1,1)*INDEX($D$3:$AA$30,INDEX(Jesper!$R$2:$R$366,ROW(INDEX(Jesper!AL$2:AL$366,ROUNDDOWN($C7215/24,0)+1,1))-1)+IF('Standard Profiles'!$G$22=$B$10,7,0)+IF('Standard Profiles'!$G$22=$B$17,14,0)+IF('Standard Profiles'!$G$22=$B$24,21,0),MOD($C7215,24)+1)/SUM(INDEX($D$3:$AA$30,INDEX(Jesper!$R$2:$R$366,ROW(INDEX(Jesper!AL$2:AL$366,ROUNDDOWN($C7215/24,0)+1,1))-1)+IF('Standard Profiles'!$G$22=$B$10,7,0)+IF('Standard Profiles'!$G$22=$B$17,14,0)+IF('Standard Profiles'!$G$22=$B$24,21,0),0)),0)</f>
        <v>0</v>
      </c>
      <c r="I7215">
        <f t="shared" si="804"/>
        <v>0.21001770404574729</v>
      </c>
      <c r="J7215">
        <f t="shared" si="805"/>
        <v>0.70005901348582444</v>
      </c>
      <c r="K7215">
        <f t="shared" si="806"/>
        <v>1.0500885202287367</v>
      </c>
      <c r="L7215">
        <f t="shared" si="807"/>
        <v>10.680496241627813</v>
      </c>
      <c r="M7215">
        <f t="shared" si="808"/>
        <v>0</v>
      </c>
      <c r="N7215" s="46">
        <f t="shared" si="809"/>
        <v>45591.208333315917</v>
      </c>
    </row>
    <row r="7216" spans="2:14" x14ac:dyDescent="0.3">
      <c r="B7216">
        <f t="shared" si="803"/>
        <v>6</v>
      </c>
      <c r="C7216" s="16">
        <v>7182</v>
      </c>
      <c r="D7216" cm="1">
        <f t="array" ref="D7216">IFERROR(INDEX(Jesper!AH$2:AH$366,ROUNDDOWN($C7216/24,0)+1,1)*INDEX($D$3:$AA$30,INDEX(Jesper!$R$2:$R$366,ROW(INDEX(Jesper!AH$2:AH$366,ROUNDDOWN($C7216/24,0)+1,1))-1)+IF('Standard Profiles'!$G$18=$B$10,7,0)+IF('Standard Profiles'!$G$18=$B$17,14,0)+IF('Standard Profiles'!$G$18=$B$24,21,0),MOD($C7216,24)+1)/SUM(INDEX($D$3:$AA$30,INDEX(Jesper!$R$2:$R$366,ROW(INDEX(Jesper!AH$2:AH$366,ROUNDDOWN($C7216/24,0)+1,1))-1)+IF('Standard Profiles'!$G$18=$B$10,7,0)+IF('Standard Profiles'!$G$18=$B$17,14,0)+IF('Standard Profiles'!$G$18=$B$24,21,0),0)),0)</f>
        <v>12.937367798563546</v>
      </c>
      <c r="E7216" cm="1">
        <f t="array" ref="E7216">IFERROR(INDEX(Jesper!AI$2:AI$366,ROUNDDOWN($C7216/24,0)+1,1)*INDEX($D$3:$AA$30,INDEX(Jesper!$R$2:$R$366,ROW(INDEX(Jesper!AI$2:AI$366,ROUNDDOWN($C7216/24,0)+1,1))-1)+IF('Standard Profiles'!$G$19=$B$10,7,0)+IF('Standard Profiles'!$G$19=$B$17,14,0)+IF('Standard Profiles'!$G$19=$B$24,21,0),MOD($C7216,24)+1)/SUM(INDEX($D$3:$AA$30,INDEX(Jesper!$R$2:$R$366,ROW(INDEX(Jesper!AI$2:AI$366,ROUNDDOWN($C7216/24,0)+1,1))-1)+IF('Standard Profiles'!$G$19=$B$10,7,0)+IF('Standard Profiles'!$G$19=$B$17,14,0)+IF('Standard Profiles'!$G$19=$B$24,21,0),0)),0)</f>
        <v>2.9254230775313501</v>
      </c>
      <c r="F7216" cm="1">
        <f t="array" ref="F7216">IFERROR(INDEX(Jesper!AJ$2:AJ$366,ROUNDDOWN($C7216/24,0)+1,1)*INDEX($D$3:$AA$30,INDEX(Jesper!$R$2:$R$366,ROW(INDEX(Jesper!AJ$2:AJ$366,ROUNDDOWN($C7216/24,0)+1,1))-1)+IF('Standard Profiles'!$G$20=$B$10,7,0)+IF('Standard Profiles'!$G$20=$B$17,14,0)+IF('Standard Profiles'!$G$20=$B$24,21,0),MOD($C7216,24)+1)/SUM(INDEX($D$3:$AA$30,INDEX(Jesper!$R$2:$R$366,ROW(INDEX(Jesper!AJ$2:AJ$366,ROUNDDOWN($C7216/24,0)+1,1))-1)+IF('Standard Profiles'!$G$20=$B$10,7,0)+IF('Standard Profiles'!$G$20=$B$17,14,0)+IF('Standard Profiles'!$G$20=$B$24,21,0),0)),0)</f>
        <v>0</v>
      </c>
      <c r="G7216" cm="1">
        <f t="array" ref="G7216">IFERROR(INDEX(Jesper!AK$2:AK$366,ROUNDDOWN($C7216/24,0)+1,1)*INDEX($D$3:$AA$30,INDEX(Jesper!$R$2:$R$366,ROW(INDEX(Jesper!AK$2:AK$366,ROUNDDOWN($C7216/24,0)+1,1))-1)+IF('Standard Profiles'!$G$21=$B$10,7,0)+IF('Standard Profiles'!$G$21=$B$17,14,0)+IF('Standard Profiles'!$G$21=$B$24,21,0),MOD($C7216,24)+1)/SUM(INDEX($D$3:$AA$30,INDEX(Jesper!$R$2:$R$366,ROW(INDEX(Jesper!AK$2:AK$366,ROUNDDOWN($C7216/24,0)+1,1))-1)+IF('Standard Profiles'!$G$21=$B$10,7,0)+IF('Standard Profiles'!$G$21=$B$17,14,0)+IF('Standard Profiles'!$G$21=$B$24,21,0),0)),0)</f>
        <v>0</v>
      </c>
      <c r="H7216" cm="1">
        <f t="array" ref="H7216">IFERROR(INDEX(Jesper!AL$2:AL$366,ROUNDDOWN($C7216/24,0)+1,1)*INDEX($D$3:$AA$30,INDEX(Jesper!$R$2:$R$366,ROW(INDEX(Jesper!AL$2:AL$366,ROUNDDOWN($C7216/24,0)+1,1))-1)+IF('Standard Profiles'!$G$22=$B$10,7,0)+IF('Standard Profiles'!$G$22=$B$17,14,0)+IF('Standard Profiles'!$G$22=$B$24,21,0),MOD($C7216,24)+1)/SUM(INDEX($D$3:$AA$30,INDEX(Jesper!$R$2:$R$366,ROW(INDEX(Jesper!AL$2:AL$366,ROUNDDOWN($C7216/24,0)+1,1))-1)+IF('Standard Profiles'!$G$22=$B$10,7,0)+IF('Standard Profiles'!$G$22=$B$17,14,0)+IF('Standard Profiles'!$G$22=$B$24,21,0),0)),0)</f>
        <v>0</v>
      </c>
      <c r="I7216">
        <f t="shared" si="804"/>
        <v>0.263551628606428</v>
      </c>
      <c r="J7216">
        <f t="shared" si="805"/>
        <v>0.87850542868809345</v>
      </c>
      <c r="K7216">
        <f t="shared" si="806"/>
        <v>1.3177581430321401</v>
      </c>
      <c r="L7216">
        <f t="shared" si="807"/>
        <v>13.402975675768234</v>
      </c>
      <c r="M7216">
        <f t="shared" si="808"/>
        <v>0</v>
      </c>
      <c r="N7216" s="46">
        <f t="shared" si="809"/>
        <v>45591.249999982581</v>
      </c>
    </row>
    <row r="7217" spans="2:14" x14ac:dyDescent="0.3">
      <c r="B7217">
        <f t="shared" si="803"/>
        <v>6</v>
      </c>
      <c r="C7217" s="16">
        <v>7183</v>
      </c>
      <c r="D7217" cm="1">
        <f t="array" ref="D7217">IFERROR(INDEX(Jesper!AH$2:AH$366,ROUNDDOWN($C7217/24,0)+1,1)*INDEX($D$3:$AA$30,INDEX(Jesper!$R$2:$R$366,ROW(INDEX(Jesper!AH$2:AH$366,ROUNDDOWN($C7217/24,0)+1,1))-1)+IF('Standard Profiles'!$G$18=$B$10,7,0)+IF('Standard Profiles'!$G$18=$B$17,14,0)+IF('Standard Profiles'!$G$18=$B$24,21,0),MOD($C7217,24)+1)/SUM(INDEX($D$3:$AA$30,INDEX(Jesper!$R$2:$R$366,ROW(INDEX(Jesper!AH$2:AH$366,ROUNDDOWN($C7217/24,0)+1,1))-1)+IF('Standard Profiles'!$G$18=$B$10,7,0)+IF('Standard Profiles'!$G$18=$B$17,14,0)+IF('Standard Profiles'!$G$18=$B$24,21,0),0)),0)</f>
        <v>14.756685145236544</v>
      </c>
      <c r="E7217" cm="1">
        <f t="array" ref="E7217">IFERROR(INDEX(Jesper!AI$2:AI$366,ROUNDDOWN($C7217/24,0)+1,1)*INDEX($D$3:$AA$30,INDEX(Jesper!$R$2:$R$366,ROW(INDEX(Jesper!AI$2:AI$366,ROUNDDOWN($C7217/24,0)+1,1))-1)+IF('Standard Profiles'!$G$19=$B$10,7,0)+IF('Standard Profiles'!$G$19=$B$17,14,0)+IF('Standard Profiles'!$G$19=$B$24,21,0),MOD($C7217,24)+1)/SUM(INDEX($D$3:$AA$30,INDEX(Jesper!$R$2:$R$366,ROW(INDEX(Jesper!AI$2:AI$366,ROUNDDOWN($C7217/24,0)+1,1))-1)+IF('Standard Profiles'!$G$19=$B$10,7,0)+IF('Standard Profiles'!$G$19=$B$17,14,0)+IF('Standard Profiles'!$G$19=$B$24,21,0),0)),0)</f>
        <v>3.3368106978091956</v>
      </c>
      <c r="F7217" cm="1">
        <f t="array" ref="F7217">IFERROR(INDEX(Jesper!AJ$2:AJ$366,ROUNDDOWN($C7217/24,0)+1,1)*INDEX($D$3:$AA$30,INDEX(Jesper!$R$2:$R$366,ROW(INDEX(Jesper!AJ$2:AJ$366,ROUNDDOWN($C7217/24,0)+1,1))-1)+IF('Standard Profiles'!$G$20=$B$10,7,0)+IF('Standard Profiles'!$G$20=$B$17,14,0)+IF('Standard Profiles'!$G$20=$B$24,21,0),MOD($C7217,24)+1)/SUM(INDEX($D$3:$AA$30,INDEX(Jesper!$R$2:$R$366,ROW(INDEX(Jesper!AJ$2:AJ$366,ROUNDDOWN($C7217/24,0)+1,1))-1)+IF('Standard Profiles'!$G$20=$B$10,7,0)+IF('Standard Profiles'!$G$20=$B$17,14,0)+IF('Standard Profiles'!$G$20=$B$24,21,0),0)),0)</f>
        <v>0</v>
      </c>
      <c r="G7217" cm="1">
        <f t="array" ref="G7217">IFERROR(INDEX(Jesper!AK$2:AK$366,ROUNDDOWN($C7217/24,0)+1,1)*INDEX($D$3:$AA$30,INDEX(Jesper!$R$2:$R$366,ROW(INDEX(Jesper!AK$2:AK$366,ROUNDDOWN($C7217/24,0)+1,1))-1)+IF('Standard Profiles'!$G$21=$B$10,7,0)+IF('Standard Profiles'!$G$21=$B$17,14,0)+IF('Standard Profiles'!$G$21=$B$24,21,0),MOD($C7217,24)+1)/SUM(INDEX($D$3:$AA$30,INDEX(Jesper!$R$2:$R$366,ROW(INDEX(Jesper!AK$2:AK$366,ROUNDDOWN($C7217/24,0)+1,1))-1)+IF('Standard Profiles'!$G$21=$B$10,7,0)+IF('Standard Profiles'!$G$21=$B$17,14,0)+IF('Standard Profiles'!$G$21=$B$24,21,0),0)),0)</f>
        <v>0</v>
      </c>
      <c r="H7217" cm="1">
        <f t="array" ref="H7217">IFERROR(INDEX(Jesper!AL$2:AL$366,ROUNDDOWN($C7217/24,0)+1,1)*INDEX($D$3:$AA$30,INDEX(Jesper!$R$2:$R$366,ROW(INDEX(Jesper!AL$2:AL$366,ROUNDDOWN($C7217/24,0)+1,1))-1)+IF('Standard Profiles'!$G$22=$B$10,7,0)+IF('Standard Profiles'!$G$22=$B$17,14,0)+IF('Standard Profiles'!$G$22=$B$24,21,0),MOD($C7217,24)+1)/SUM(INDEX($D$3:$AA$30,INDEX(Jesper!$R$2:$R$366,ROW(INDEX(Jesper!AL$2:AL$366,ROUNDDOWN($C7217/24,0)+1,1))-1)+IF('Standard Profiles'!$G$22=$B$10,7,0)+IF('Standard Profiles'!$G$22=$B$17,14,0)+IF('Standard Profiles'!$G$22=$B$24,21,0),0)),0)</f>
        <v>0</v>
      </c>
      <c r="I7217">
        <f t="shared" si="804"/>
        <v>0.30061357637920688</v>
      </c>
      <c r="J7217">
        <f t="shared" si="805"/>
        <v>1.0020452545973564</v>
      </c>
      <c r="K7217">
        <f t="shared" si="806"/>
        <v>1.5030678818960346</v>
      </c>
      <c r="L7217">
        <f t="shared" si="807"/>
        <v>15.287769130173142</v>
      </c>
      <c r="M7217">
        <f t="shared" si="808"/>
        <v>0</v>
      </c>
      <c r="N7217" s="46">
        <f t="shared" si="809"/>
        <v>45591.291666649246</v>
      </c>
    </row>
    <row r="7218" spans="2:14" x14ac:dyDescent="0.3">
      <c r="B7218">
        <f t="shared" si="803"/>
        <v>6</v>
      </c>
      <c r="C7218" s="16">
        <v>7184</v>
      </c>
      <c r="D7218" cm="1">
        <f t="array" ref="D7218">IFERROR(INDEX(Jesper!AH$2:AH$366,ROUNDDOWN($C7218/24,0)+1,1)*INDEX($D$3:$AA$30,INDEX(Jesper!$R$2:$R$366,ROW(INDEX(Jesper!AH$2:AH$366,ROUNDDOWN($C7218/24,0)+1,1))-1)+IF('Standard Profiles'!$G$18=$B$10,7,0)+IF('Standard Profiles'!$G$18=$B$17,14,0)+IF('Standard Profiles'!$G$18=$B$24,21,0),MOD($C7218,24)+1)/SUM(INDEX($D$3:$AA$30,INDEX(Jesper!$R$2:$R$366,ROW(INDEX(Jesper!AH$2:AH$366,ROUNDDOWN($C7218/24,0)+1,1))-1)+IF('Standard Profiles'!$G$18=$B$10,7,0)+IF('Standard Profiles'!$G$18=$B$17,14,0)+IF('Standard Profiles'!$G$18=$B$24,21,0),0)),0)</f>
        <v>14.756685145236544</v>
      </c>
      <c r="E7218" cm="1">
        <f t="array" ref="E7218">IFERROR(INDEX(Jesper!AI$2:AI$366,ROUNDDOWN($C7218/24,0)+1,1)*INDEX($D$3:$AA$30,INDEX(Jesper!$R$2:$R$366,ROW(INDEX(Jesper!AI$2:AI$366,ROUNDDOWN($C7218/24,0)+1,1))-1)+IF('Standard Profiles'!$G$19=$B$10,7,0)+IF('Standard Profiles'!$G$19=$B$17,14,0)+IF('Standard Profiles'!$G$19=$B$24,21,0),MOD($C7218,24)+1)/SUM(INDEX($D$3:$AA$30,INDEX(Jesper!$R$2:$R$366,ROW(INDEX(Jesper!AI$2:AI$366,ROUNDDOWN($C7218/24,0)+1,1))-1)+IF('Standard Profiles'!$G$19=$B$10,7,0)+IF('Standard Profiles'!$G$19=$B$17,14,0)+IF('Standard Profiles'!$G$19=$B$24,21,0),0)),0)</f>
        <v>3.3368106978091956</v>
      </c>
      <c r="F7218" cm="1">
        <f t="array" ref="F7218">IFERROR(INDEX(Jesper!AJ$2:AJ$366,ROUNDDOWN($C7218/24,0)+1,1)*INDEX($D$3:$AA$30,INDEX(Jesper!$R$2:$R$366,ROW(INDEX(Jesper!AJ$2:AJ$366,ROUNDDOWN($C7218/24,0)+1,1))-1)+IF('Standard Profiles'!$G$20=$B$10,7,0)+IF('Standard Profiles'!$G$20=$B$17,14,0)+IF('Standard Profiles'!$G$20=$B$24,21,0),MOD($C7218,24)+1)/SUM(INDEX($D$3:$AA$30,INDEX(Jesper!$R$2:$R$366,ROW(INDEX(Jesper!AJ$2:AJ$366,ROUNDDOWN($C7218/24,0)+1,1))-1)+IF('Standard Profiles'!$G$20=$B$10,7,0)+IF('Standard Profiles'!$G$20=$B$17,14,0)+IF('Standard Profiles'!$G$20=$B$24,21,0),0)),0)</f>
        <v>0</v>
      </c>
      <c r="G7218" cm="1">
        <f t="array" ref="G7218">IFERROR(INDEX(Jesper!AK$2:AK$366,ROUNDDOWN($C7218/24,0)+1,1)*INDEX($D$3:$AA$30,INDEX(Jesper!$R$2:$R$366,ROW(INDEX(Jesper!AK$2:AK$366,ROUNDDOWN($C7218/24,0)+1,1))-1)+IF('Standard Profiles'!$G$21=$B$10,7,0)+IF('Standard Profiles'!$G$21=$B$17,14,0)+IF('Standard Profiles'!$G$21=$B$24,21,0),MOD($C7218,24)+1)/SUM(INDEX($D$3:$AA$30,INDEX(Jesper!$R$2:$R$366,ROW(INDEX(Jesper!AK$2:AK$366,ROUNDDOWN($C7218/24,0)+1,1))-1)+IF('Standard Profiles'!$G$21=$B$10,7,0)+IF('Standard Profiles'!$G$21=$B$17,14,0)+IF('Standard Profiles'!$G$21=$B$24,21,0),0)),0)</f>
        <v>0</v>
      </c>
      <c r="H7218" cm="1">
        <f t="array" ref="H7218">IFERROR(INDEX(Jesper!AL$2:AL$366,ROUNDDOWN($C7218/24,0)+1,1)*INDEX($D$3:$AA$30,INDEX(Jesper!$R$2:$R$366,ROW(INDEX(Jesper!AL$2:AL$366,ROUNDDOWN($C7218/24,0)+1,1))-1)+IF('Standard Profiles'!$G$22=$B$10,7,0)+IF('Standard Profiles'!$G$22=$B$17,14,0)+IF('Standard Profiles'!$G$22=$B$24,21,0),MOD($C7218,24)+1)/SUM(INDEX($D$3:$AA$30,INDEX(Jesper!$R$2:$R$366,ROW(INDEX(Jesper!AL$2:AL$366,ROUNDDOWN($C7218/24,0)+1,1))-1)+IF('Standard Profiles'!$G$22=$B$10,7,0)+IF('Standard Profiles'!$G$22=$B$17,14,0)+IF('Standard Profiles'!$G$22=$B$24,21,0),0)),0)</f>
        <v>0</v>
      </c>
      <c r="I7218">
        <f t="shared" si="804"/>
        <v>0.30061357637920688</v>
      </c>
      <c r="J7218">
        <f t="shared" si="805"/>
        <v>1.0020452545973564</v>
      </c>
      <c r="K7218">
        <f t="shared" si="806"/>
        <v>1.5030678818960346</v>
      </c>
      <c r="L7218">
        <f t="shared" si="807"/>
        <v>15.287769130173142</v>
      </c>
      <c r="M7218">
        <f t="shared" si="808"/>
        <v>0</v>
      </c>
      <c r="N7218" s="46">
        <f t="shared" si="809"/>
        <v>45591.33333331591</v>
      </c>
    </row>
    <row r="7219" spans="2:14" x14ac:dyDescent="0.3">
      <c r="B7219">
        <f t="shared" si="803"/>
        <v>6</v>
      </c>
      <c r="C7219" s="16">
        <v>7185</v>
      </c>
      <c r="D7219" cm="1">
        <f t="array" ref="D7219">IFERROR(INDEX(Jesper!AH$2:AH$366,ROUNDDOWN($C7219/24,0)+1,1)*INDEX($D$3:$AA$30,INDEX(Jesper!$R$2:$R$366,ROW(INDEX(Jesper!AH$2:AH$366,ROUNDDOWN($C7219/24,0)+1,1))-1)+IF('Standard Profiles'!$G$18=$B$10,7,0)+IF('Standard Profiles'!$G$18=$B$17,14,0)+IF('Standard Profiles'!$G$18=$B$24,21,0),MOD($C7219,24)+1)/SUM(INDEX($D$3:$AA$30,INDEX(Jesper!$R$2:$R$366,ROW(INDEX(Jesper!AH$2:AH$366,ROUNDDOWN($C7219/24,0)+1,1))-1)+IF('Standard Profiles'!$G$18=$B$10,7,0)+IF('Standard Profiles'!$G$18=$B$17,14,0)+IF('Standard Profiles'!$G$18=$B$24,21,0),0)),0)</f>
        <v>14.756685145236544</v>
      </c>
      <c r="E7219" cm="1">
        <f t="array" ref="E7219">IFERROR(INDEX(Jesper!AI$2:AI$366,ROUNDDOWN($C7219/24,0)+1,1)*INDEX($D$3:$AA$30,INDEX(Jesper!$R$2:$R$366,ROW(INDEX(Jesper!AI$2:AI$366,ROUNDDOWN($C7219/24,0)+1,1))-1)+IF('Standard Profiles'!$G$19=$B$10,7,0)+IF('Standard Profiles'!$G$19=$B$17,14,0)+IF('Standard Profiles'!$G$19=$B$24,21,0),MOD($C7219,24)+1)/SUM(INDEX($D$3:$AA$30,INDEX(Jesper!$R$2:$R$366,ROW(INDEX(Jesper!AI$2:AI$366,ROUNDDOWN($C7219/24,0)+1,1))-1)+IF('Standard Profiles'!$G$19=$B$10,7,0)+IF('Standard Profiles'!$G$19=$B$17,14,0)+IF('Standard Profiles'!$G$19=$B$24,21,0),0)),0)</f>
        <v>3.3368106978091956</v>
      </c>
      <c r="F7219" cm="1">
        <f t="array" ref="F7219">IFERROR(INDEX(Jesper!AJ$2:AJ$366,ROUNDDOWN($C7219/24,0)+1,1)*INDEX($D$3:$AA$30,INDEX(Jesper!$R$2:$R$366,ROW(INDEX(Jesper!AJ$2:AJ$366,ROUNDDOWN($C7219/24,0)+1,1))-1)+IF('Standard Profiles'!$G$20=$B$10,7,0)+IF('Standard Profiles'!$G$20=$B$17,14,0)+IF('Standard Profiles'!$G$20=$B$24,21,0),MOD($C7219,24)+1)/SUM(INDEX($D$3:$AA$30,INDEX(Jesper!$R$2:$R$366,ROW(INDEX(Jesper!AJ$2:AJ$366,ROUNDDOWN($C7219/24,0)+1,1))-1)+IF('Standard Profiles'!$G$20=$B$10,7,0)+IF('Standard Profiles'!$G$20=$B$17,14,0)+IF('Standard Profiles'!$G$20=$B$24,21,0),0)),0)</f>
        <v>0</v>
      </c>
      <c r="G7219" cm="1">
        <f t="array" ref="G7219">IFERROR(INDEX(Jesper!AK$2:AK$366,ROUNDDOWN($C7219/24,0)+1,1)*INDEX($D$3:$AA$30,INDEX(Jesper!$R$2:$R$366,ROW(INDEX(Jesper!AK$2:AK$366,ROUNDDOWN($C7219/24,0)+1,1))-1)+IF('Standard Profiles'!$G$21=$B$10,7,0)+IF('Standard Profiles'!$G$21=$B$17,14,0)+IF('Standard Profiles'!$G$21=$B$24,21,0),MOD($C7219,24)+1)/SUM(INDEX($D$3:$AA$30,INDEX(Jesper!$R$2:$R$366,ROW(INDEX(Jesper!AK$2:AK$366,ROUNDDOWN($C7219/24,0)+1,1))-1)+IF('Standard Profiles'!$G$21=$B$10,7,0)+IF('Standard Profiles'!$G$21=$B$17,14,0)+IF('Standard Profiles'!$G$21=$B$24,21,0),0)),0)</f>
        <v>0</v>
      </c>
      <c r="H7219" cm="1">
        <f t="array" ref="H7219">IFERROR(INDEX(Jesper!AL$2:AL$366,ROUNDDOWN($C7219/24,0)+1,1)*INDEX($D$3:$AA$30,INDEX(Jesper!$R$2:$R$366,ROW(INDEX(Jesper!AL$2:AL$366,ROUNDDOWN($C7219/24,0)+1,1))-1)+IF('Standard Profiles'!$G$22=$B$10,7,0)+IF('Standard Profiles'!$G$22=$B$17,14,0)+IF('Standard Profiles'!$G$22=$B$24,21,0),MOD($C7219,24)+1)/SUM(INDEX($D$3:$AA$30,INDEX(Jesper!$R$2:$R$366,ROW(INDEX(Jesper!AL$2:AL$366,ROUNDDOWN($C7219/24,0)+1,1))-1)+IF('Standard Profiles'!$G$22=$B$10,7,0)+IF('Standard Profiles'!$G$22=$B$17,14,0)+IF('Standard Profiles'!$G$22=$B$24,21,0),0)),0)</f>
        <v>0</v>
      </c>
      <c r="I7219">
        <f t="shared" si="804"/>
        <v>0.30061357637920688</v>
      </c>
      <c r="J7219">
        <f t="shared" si="805"/>
        <v>1.0020452545973564</v>
      </c>
      <c r="K7219">
        <f t="shared" si="806"/>
        <v>1.5030678818960346</v>
      </c>
      <c r="L7219">
        <f t="shared" si="807"/>
        <v>15.287769130173142</v>
      </c>
      <c r="M7219">
        <f t="shared" si="808"/>
        <v>0</v>
      </c>
      <c r="N7219" s="46">
        <f t="shared" si="809"/>
        <v>45591.374999982574</v>
      </c>
    </row>
    <row r="7220" spans="2:14" x14ac:dyDescent="0.3">
      <c r="B7220">
        <f t="shared" si="803"/>
        <v>6</v>
      </c>
      <c r="C7220" s="16">
        <v>7186</v>
      </c>
      <c r="D7220" cm="1">
        <f t="array" ref="D7220">IFERROR(INDEX(Jesper!AH$2:AH$366,ROUNDDOWN($C7220/24,0)+1,1)*INDEX($D$3:$AA$30,INDEX(Jesper!$R$2:$R$366,ROW(INDEX(Jesper!AH$2:AH$366,ROUNDDOWN($C7220/24,0)+1,1))-1)+IF('Standard Profiles'!$G$18=$B$10,7,0)+IF('Standard Profiles'!$G$18=$B$17,14,0)+IF('Standard Profiles'!$G$18=$B$24,21,0),MOD($C7220,24)+1)/SUM(INDEX($D$3:$AA$30,INDEX(Jesper!$R$2:$R$366,ROW(INDEX(Jesper!AH$2:AH$366,ROUNDDOWN($C7220/24,0)+1,1))-1)+IF('Standard Profiles'!$G$18=$B$10,7,0)+IF('Standard Profiles'!$G$18=$B$17,14,0)+IF('Standard Profiles'!$G$18=$B$24,21,0),0)),0)</f>
        <v>14.756685145236544</v>
      </c>
      <c r="E7220" cm="1">
        <f t="array" ref="E7220">IFERROR(INDEX(Jesper!AI$2:AI$366,ROUNDDOWN($C7220/24,0)+1,1)*INDEX($D$3:$AA$30,INDEX(Jesper!$R$2:$R$366,ROW(INDEX(Jesper!AI$2:AI$366,ROUNDDOWN($C7220/24,0)+1,1))-1)+IF('Standard Profiles'!$G$19=$B$10,7,0)+IF('Standard Profiles'!$G$19=$B$17,14,0)+IF('Standard Profiles'!$G$19=$B$24,21,0),MOD($C7220,24)+1)/SUM(INDEX($D$3:$AA$30,INDEX(Jesper!$R$2:$R$366,ROW(INDEX(Jesper!AI$2:AI$366,ROUNDDOWN($C7220/24,0)+1,1))-1)+IF('Standard Profiles'!$G$19=$B$10,7,0)+IF('Standard Profiles'!$G$19=$B$17,14,0)+IF('Standard Profiles'!$G$19=$B$24,21,0),0)),0)</f>
        <v>3.3368106978091956</v>
      </c>
      <c r="F7220" cm="1">
        <f t="array" ref="F7220">IFERROR(INDEX(Jesper!AJ$2:AJ$366,ROUNDDOWN($C7220/24,0)+1,1)*INDEX($D$3:$AA$30,INDEX(Jesper!$R$2:$R$366,ROW(INDEX(Jesper!AJ$2:AJ$366,ROUNDDOWN($C7220/24,0)+1,1))-1)+IF('Standard Profiles'!$G$20=$B$10,7,0)+IF('Standard Profiles'!$G$20=$B$17,14,0)+IF('Standard Profiles'!$G$20=$B$24,21,0),MOD($C7220,24)+1)/SUM(INDEX($D$3:$AA$30,INDEX(Jesper!$R$2:$R$366,ROW(INDEX(Jesper!AJ$2:AJ$366,ROUNDDOWN($C7220/24,0)+1,1))-1)+IF('Standard Profiles'!$G$20=$B$10,7,0)+IF('Standard Profiles'!$G$20=$B$17,14,0)+IF('Standard Profiles'!$G$20=$B$24,21,0),0)),0)</f>
        <v>0</v>
      </c>
      <c r="G7220" cm="1">
        <f t="array" ref="G7220">IFERROR(INDEX(Jesper!AK$2:AK$366,ROUNDDOWN($C7220/24,0)+1,1)*INDEX($D$3:$AA$30,INDEX(Jesper!$R$2:$R$366,ROW(INDEX(Jesper!AK$2:AK$366,ROUNDDOWN($C7220/24,0)+1,1))-1)+IF('Standard Profiles'!$G$21=$B$10,7,0)+IF('Standard Profiles'!$G$21=$B$17,14,0)+IF('Standard Profiles'!$G$21=$B$24,21,0),MOD($C7220,24)+1)/SUM(INDEX($D$3:$AA$30,INDEX(Jesper!$R$2:$R$366,ROW(INDEX(Jesper!AK$2:AK$366,ROUNDDOWN($C7220/24,0)+1,1))-1)+IF('Standard Profiles'!$G$21=$B$10,7,0)+IF('Standard Profiles'!$G$21=$B$17,14,0)+IF('Standard Profiles'!$G$21=$B$24,21,0),0)),0)</f>
        <v>0</v>
      </c>
      <c r="H7220" cm="1">
        <f t="array" ref="H7220">IFERROR(INDEX(Jesper!AL$2:AL$366,ROUNDDOWN($C7220/24,0)+1,1)*INDEX($D$3:$AA$30,INDEX(Jesper!$R$2:$R$366,ROW(INDEX(Jesper!AL$2:AL$366,ROUNDDOWN($C7220/24,0)+1,1))-1)+IF('Standard Profiles'!$G$22=$B$10,7,0)+IF('Standard Profiles'!$G$22=$B$17,14,0)+IF('Standard Profiles'!$G$22=$B$24,21,0),MOD($C7220,24)+1)/SUM(INDEX($D$3:$AA$30,INDEX(Jesper!$R$2:$R$366,ROW(INDEX(Jesper!AL$2:AL$366,ROUNDDOWN($C7220/24,0)+1,1))-1)+IF('Standard Profiles'!$G$22=$B$10,7,0)+IF('Standard Profiles'!$G$22=$B$17,14,0)+IF('Standard Profiles'!$G$22=$B$24,21,0),0)),0)</f>
        <v>0</v>
      </c>
      <c r="I7220">
        <f t="shared" si="804"/>
        <v>0.30061357637920688</v>
      </c>
      <c r="J7220">
        <f t="shared" si="805"/>
        <v>1.0020452545973564</v>
      </c>
      <c r="K7220">
        <f t="shared" si="806"/>
        <v>1.5030678818960346</v>
      </c>
      <c r="L7220">
        <f t="shared" si="807"/>
        <v>15.287769130173142</v>
      </c>
      <c r="M7220">
        <f t="shared" si="808"/>
        <v>0</v>
      </c>
      <c r="N7220" s="46">
        <f t="shared" si="809"/>
        <v>45591.416666649238</v>
      </c>
    </row>
    <row r="7221" spans="2:14" x14ac:dyDescent="0.3">
      <c r="B7221">
        <f t="shared" si="803"/>
        <v>6</v>
      </c>
      <c r="C7221" s="16">
        <v>7187</v>
      </c>
      <c r="D7221" cm="1">
        <f t="array" ref="D7221">IFERROR(INDEX(Jesper!AH$2:AH$366,ROUNDDOWN($C7221/24,0)+1,1)*INDEX($D$3:$AA$30,INDEX(Jesper!$R$2:$R$366,ROW(INDEX(Jesper!AH$2:AH$366,ROUNDDOWN($C7221/24,0)+1,1))-1)+IF('Standard Profiles'!$G$18=$B$10,7,0)+IF('Standard Profiles'!$G$18=$B$17,14,0)+IF('Standard Profiles'!$G$18=$B$24,21,0),MOD($C7221,24)+1)/SUM(INDEX($D$3:$AA$30,INDEX(Jesper!$R$2:$R$366,ROW(INDEX(Jesper!AH$2:AH$366,ROUNDDOWN($C7221/24,0)+1,1))-1)+IF('Standard Profiles'!$G$18=$B$10,7,0)+IF('Standard Profiles'!$G$18=$B$17,14,0)+IF('Standard Profiles'!$G$18=$B$24,21,0),0)),0)</f>
        <v>14.756685145236544</v>
      </c>
      <c r="E7221" cm="1">
        <f t="array" ref="E7221">IFERROR(INDEX(Jesper!AI$2:AI$366,ROUNDDOWN($C7221/24,0)+1,1)*INDEX($D$3:$AA$30,INDEX(Jesper!$R$2:$R$366,ROW(INDEX(Jesper!AI$2:AI$366,ROUNDDOWN($C7221/24,0)+1,1))-1)+IF('Standard Profiles'!$G$19=$B$10,7,0)+IF('Standard Profiles'!$G$19=$B$17,14,0)+IF('Standard Profiles'!$G$19=$B$24,21,0),MOD($C7221,24)+1)/SUM(INDEX($D$3:$AA$30,INDEX(Jesper!$R$2:$R$366,ROW(INDEX(Jesper!AI$2:AI$366,ROUNDDOWN($C7221/24,0)+1,1))-1)+IF('Standard Profiles'!$G$19=$B$10,7,0)+IF('Standard Profiles'!$G$19=$B$17,14,0)+IF('Standard Profiles'!$G$19=$B$24,21,0),0)),0)</f>
        <v>3.3368106978091956</v>
      </c>
      <c r="F7221" cm="1">
        <f t="array" ref="F7221">IFERROR(INDEX(Jesper!AJ$2:AJ$366,ROUNDDOWN($C7221/24,0)+1,1)*INDEX($D$3:$AA$30,INDEX(Jesper!$R$2:$R$366,ROW(INDEX(Jesper!AJ$2:AJ$366,ROUNDDOWN($C7221/24,0)+1,1))-1)+IF('Standard Profiles'!$G$20=$B$10,7,0)+IF('Standard Profiles'!$G$20=$B$17,14,0)+IF('Standard Profiles'!$G$20=$B$24,21,0),MOD($C7221,24)+1)/SUM(INDEX($D$3:$AA$30,INDEX(Jesper!$R$2:$R$366,ROW(INDEX(Jesper!AJ$2:AJ$366,ROUNDDOWN($C7221/24,0)+1,1))-1)+IF('Standard Profiles'!$G$20=$B$10,7,0)+IF('Standard Profiles'!$G$20=$B$17,14,0)+IF('Standard Profiles'!$G$20=$B$24,21,0),0)),0)</f>
        <v>0</v>
      </c>
      <c r="G7221" cm="1">
        <f t="array" ref="G7221">IFERROR(INDEX(Jesper!AK$2:AK$366,ROUNDDOWN($C7221/24,0)+1,1)*INDEX($D$3:$AA$30,INDEX(Jesper!$R$2:$R$366,ROW(INDEX(Jesper!AK$2:AK$366,ROUNDDOWN($C7221/24,0)+1,1))-1)+IF('Standard Profiles'!$G$21=$B$10,7,0)+IF('Standard Profiles'!$G$21=$B$17,14,0)+IF('Standard Profiles'!$G$21=$B$24,21,0),MOD($C7221,24)+1)/SUM(INDEX($D$3:$AA$30,INDEX(Jesper!$R$2:$R$366,ROW(INDEX(Jesper!AK$2:AK$366,ROUNDDOWN($C7221/24,0)+1,1))-1)+IF('Standard Profiles'!$G$21=$B$10,7,0)+IF('Standard Profiles'!$G$21=$B$17,14,0)+IF('Standard Profiles'!$G$21=$B$24,21,0),0)),0)</f>
        <v>0</v>
      </c>
      <c r="H7221" cm="1">
        <f t="array" ref="H7221">IFERROR(INDEX(Jesper!AL$2:AL$366,ROUNDDOWN($C7221/24,0)+1,1)*INDEX($D$3:$AA$30,INDEX(Jesper!$R$2:$R$366,ROW(INDEX(Jesper!AL$2:AL$366,ROUNDDOWN($C7221/24,0)+1,1))-1)+IF('Standard Profiles'!$G$22=$B$10,7,0)+IF('Standard Profiles'!$G$22=$B$17,14,0)+IF('Standard Profiles'!$G$22=$B$24,21,0),MOD($C7221,24)+1)/SUM(INDEX($D$3:$AA$30,INDEX(Jesper!$R$2:$R$366,ROW(INDEX(Jesper!AL$2:AL$366,ROUNDDOWN($C7221/24,0)+1,1))-1)+IF('Standard Profiles'!$G$22=$B$10,7,0)+IF('Standard Profiles'!$G$22=$B$17,14,0)+IF('Standard Profiles'!$G$22=$B$24,21,0),0)),0)</f>
        <v>0</v>
      </c>
      <c r="I7221">
        <f t="shared" si="804"/>
        <v>0.30061357637920688</v>
      </c>
      <c r="J7221">
        <f t="shared" si="805"/>
        <v>1.0020452545973564</v>
      </c>
      <c r="K7221">
        <f t="shared" si="806"/>
        <v>1.5030678818960346</v>
      </c>
      <c r="L7221">
        <f t="shared" si="807"/>
        <v>15.287769130173142</v>
      </c>
      <c r="M7221">
        <f t="shared" si="808"/>
        <v>0</v>
      </c>
      <c r="N7221" s="46">
        <f t="shared" si="809"/>
        <v>45591.458333315903</v>
      </c>
    </row>
    <row r="7222" spans="2:14" x14ac:dyDescent="0.3">
      <c r="B7222">
        <f t="shared" si="803"/>
        <v>6</v>
      </c>
      <c r="C7222" s="16">
        <v>7188</v>
      </c>
      <c r="D7222" cm="1">
        <f t="array" ref="D7222">IFERROR(INDEX(Jesper!AH$2:AH$366,ROUNDDOWN($C7222/24,0)+1,1)*INDEX($D$3:$AA$30,INDEX(Jesper!$R$2:$R$366,ROW(INDEX(Jesper!AH$2:AH$366,ROUNDDOWN($C7222/24,0)+1,1))-1)+IF('Standard Profiles'!$G$18=$B$10,7,0)+IF('Standard Profiles'!$G$18=$B$17,14,0)+IF('Standard Profiles'!$G$18=$B$24,21,0),MOD($C7222,24)+1)/SUM(INDEX($D$3:$AA$30,INDEX(Jesper!$R$2:$R$366,ROW(INDEX(Jesper!AH$2:AH$366,ROUNDDOWN($C7222/24,0)+1,1))-1)+IF('Standard Profiles'!$G$18=$B$10,7,0)+IF('Standard Profiles'!$G$18=$B$17,14,0)+IF('Standard Profiles'!$G$18=$B$24,21,0),0)),0)</f>
        <v>14.756685145236544</v>
      </c>
      <c r="E7222" cm="1">
        <f t="array" ref="E7222">IFERROR(INDEX(Jesper!AI$2:AI$366,ROUNDDOWN($C7222/24,0)+1,1)*INDEX($D$3:$AA$30,INDEX(Jesper!$R$2:$R$366,ROW(INDEX(Jesper!AI$2:AI$366,ROUNDDOWN($C7222/24,0)+1,1))-1)+IF('Standard Profiles'!$G$19=$B$10,7,0)+IF('Standard Profiles'!$G$19=$B$17,14,0)+IF('Standard Profiles'!$G$19=$B$24,21,0),MOD($C7222,24)+1)/SUM(INDEX($D$3:$AA$30,INDEX(Jesper!$R$2:$R$366,ROW(INDEX(Jesper!AI$2:AI$366,ROUNDDOWN($C7222/24,0)+1,1))-1)+IF('Standard Profiles'!$G$19=$B$10,7,0)+IF('Standard Profiles'!$G$19=$B$17,14,0)+IF('Standard Profiles'!$G$19=$B$24,21,0),0)),0)</f>
        <v>3.3368106978091956</v>
      </c>
      <c r="F7222" cm="1">
        <f t="array" ref="F7222">IFERROR(INDEX(Jesper!AJ$2:AJ$366,ROUNDDOWN($C7222/24,0)+1,1)*INDEX($D$3:$AA$30,INDEX(Jesper!$R$2:$R$366,ROW(INDEX(Jesper!AJ$2:AJ$366,ROUNDDOWN($C7222/24,0)+1,1))-1)+IF('Standard Profiles'!$G$20=$B$10,7,0)+IF('Standard Profiles'!$G$20=$B$17,14,0)+IF('Standard Profiles'!$G$20=$B$24,21,0),MOD($C7222,24)+1)/SUM(INDEX($D$3:$AA$30,INDEX(Jesper!$R$2:$R$366,ROW(INDEX(Jesper!AJ$2:AJ$366,ROUNDDOWN($C7222/24,0)+1,1))-1)+IF('Standard Profiles'!$G$20=$B$10,7,0)+IF('Standard Profiles'!$G$20=$B$17,14,0)+IF('Standard Profiles'!$G$20=$B$24,21,0),0)),0)</f>
        <v>0</v>
      </c>
      <c r="G7222" cm="1">
        <f t="array" ref="G7222">IFERROR(INDEX(Jesper!AK$2:AK$366,ROUNDDOWN($C7222/24,0)+1,1)*INDEX($D$3:$AA$30,INDEX(Jesper!$R$2:$R$366,ROW(INDEX(Jesper!AK$2:AK$366,ROUNDDOWN($C7222/24,0)+1,1))-1)+IF('Standard Profiles'!$G$21=$B$10,7,0)+IF('Standard Profiles'!$G$21=$B$17,14,0)+IF('Standard Profiles'!$G$21=$B$24,21,0),MOD($C7222,24)+1)/SUM(INDEX($D$3:$AA$30,INDEX(Jesper!$R$2:$R$366,ROW(INDEX(Jesper!AK$2:AK$366,ROUNDDOWN($C7222/24,0)+1,1))-1)+IF('Standard Profiles'!$G$21=$B$10,7,0)+IF('Standard Profiles'!$G$21=$B$17,14,0)+IF('Standard Profiles'!$G$21=$B$24,21,0),0)),0)</f>
        <v>0</v>
      </c>
      <c r="H7222" cm="1">
        <f t="array" ref="H7222">IFERROR(INDEX(Jesper!AL$2:AL$366,ROUNDDOWN($C7222/24,0)+1,1)*INDEX($D$3:$AA$30,INDEX(Jesper!$R$2:$R$366,ROW(INDEX(Jesper!AL$2:AL$366,ROUNDDOWN($C7222/24,0)+1,1))-1)+IF('Standard Profiles'!$G$22=$B$10,7,0)+IF('Standard Profiles'!$G$22=$B$17,14,0)+IF('Standard Profiles'!$G$22=$B$24,21,0),MOD($C7222,24)+1)/SUM(INDEX($D$3:$AA$30,INDEX(Jesper!$R$2:$R$366,ROW(INDEX(Jesper!AL$2:AL$366,ROUNDDOWN($C7222/24,0)+1,1))-1)+IF('Standard Profiles'!$G$22=$B$10,7,0)+IF('Standard Profiles'!$G$22=$B$17,14,0)+IF('Standard Profiles'!$G$22=$B$24,21,0),0)),0)</f>
        <v>0</v>
      </c>
      <c r="I7222">
        <f t="shared" si="804"/>
        <v>0.30061357637920688</v>
      </c>
      <c r="J7222">
        <f t="shared" si="805"/>
        <v>1.0020452545973564</v>
      </c>
      <c r="K7222">
        <f t="shared" si="806"/>
        <v>1.5030678818960346</v>
      </c>
      <c r="L7222">
        <f t="shared" si="807"/>
        <v>15.287769130173142</v>
      </c>
      <c r="M7222">
        <f t="shared" si="808"/>
        <v>0</v>
      </c>
      <c r="N7222" s="46">
        <f t="shared" si="809"/>
        <v>45591.499999982567</v>
      </c>
    </row>
    <row r="7223" spans="2:14" x14ac:dyDescent="0.3">
      <c r="B7223">
        <f t="shared" si="803"/>
        <v>6</v>
      </c>
      <c r="C7223" s="16">
        <v>7189</v>
      </c>
      <c r="D7223" cm="1">
        <f t="array" ref="D7223">IFERROR(INDEX(Jesper!AH$2:AH$366,ROUNDDOWN($C7223/24,0)+1,1)*INDEX($D$3:$AA$30,INDEX(Jesper!$R$2:$R$366,ROW(INDEX(Jesper!AH$2:AH$366,ROUNDDOWN($C7223/24,0)+1,1))-1)+IF('Standard Profiles'!$G$18=$B$10,7,0)+IF('Standard Profiles'!$G$18=$B$17,14,0)+IF('Standard Profiles'!$G$18=$B$24,21,0),MOD($C7223,24)+1)/SUM(INDEX($D$3:$AA$30,INDEX(Jesper!$R$2:$R$366,ROW(INDEX(Jesper!AH$2:AH$366,ROUNDDOWN($C7223/24,0)+1,1))-1)+IF('Standard Profiles'!$G$18=$B$10,7,0)+IF('Standard Profiles'!$G$18=$B$17,14,0)+IF('Standard Profiles'!$G$18=$B$24,21,0),0)),0)</f>
        <v>14.756685145236544</v>
      </c>
      <c r="E7223" cm="1">
        <f t="array" ref="E7223">IFERROR(INDEX(Jesper!AI$2:AI$366,ROUNDDOWN($C7223/24,0)+1,1)*INDEX($D$3:$AA$30,INDEX(Jesper!$R$2:$R$366,ROW(INDEX(Jesper!AI$2:AI$366,ROUNDDOWN($C7223/24,0)+1,1))-1)+IF('Standard Profiles'!$G$19=$B$10,7,0)+IF('Standard Profiles'!$G$19=$B$17,14,0)+IF('Standard Profiles'!$G$19=$B$24,21,0),MOD($C7223,24)+1)/SUM(INDEX($D$3:$AA$30,INDEX(Jesper!$R$2:$R$366,ROW(INDEX(Jesper!AI$2:AI$366,ROUNDDOWN($C7223/24,0)+1,1))-1)+IF('Standard Profiles'!$G$19=$B$10,7,0)+IF('Standard Profiles'!$G$19=$B$17,14,0)+IF('Standard Profiles'!$G$19=$B$24,21,0),0)),0)</f>
        <v>3.3368106978091956</v>
      </c>
      <c r="F7223" cm="1">
        <f t="array" ref="F7223">IFERROR(INDEX(Jesper!AJ$2:AJ$366,ROUNDDOWN($C7223/24,0)+1,1)*INDEX($D$3:$AA$30,INDEX(Jesper!$R$2:$R$366,ROW(INDEX(Jesper!AJ$2:AJ$366,ROUNDDOWN($C7223/24,0)+1,1))-1)+IF('Standard Profiles'!$G$20=$B$10,7,0)+IF('Standard Profiles'!$G$20=$B$17,14,0)+IF('Standard Profiles'!$G$20=$B$24,21,0),MOD($C7223,24)+1)/SUM(INDEX($D$3:$AA$30,INDEX(Jesper!$R$2:$R$366,ROW(INDEX(Jesper!AJ$2:AJ$366,ROUNDDOWN($C7223/24,0)+1,1))-1)+IF('Standard Profiles'!$G$20=$B$10,7,0)+IF('Standard Profiles'!$G$20=$B$17,14,0)+IF('Standard Profiles'!$G$20=$B$24,21,0),0)),0)</f>
        <v>0</v>
      </c>
      <c r="G7223" cm="1">
        <f t="array" ref="G7223">IFERROR(INDEX(Jesper!AK$2:AK$366,ROUNDDOWN($C7223/24,0)+1,1)*INDEX($D$3:$AA$30,INDEX(Jesper!$R$2:$R$366,ROW(INDEX(Jesper!AK$2:AK$366,ROUNDDOWN($C7223/24,0)+1,1))-1)+IF('Standard Profiles'!$G$21=$B$10,7,0)+IF('Standard Profiles'!$G$21=$B$17,14,0)+IF('Standard Profiles'!$G$21=$B$24,21,0),MOD($C7223,24)+1)/SUM(INDEX($D$3:$AA$30,INDEX(Jesper!$R$2:$R$366,ROW(INDEX(Jesper!AK$2:AK$366,ROUNDDOWN($C7223/24,0)+1,1))-1)+IF('Standard Profiles'!$G$21=$B$10,7,0)+IF('Standard Profiles'!$G$21=$B$17,14,0)+IF('Standard Profiles'!$G$21=$B$24,21,0),0)),0)</f>
        <v>0</v>
      </c>
      <c r="H7223" cm="1">
        <f t="array" ref="H7223">IFERROR(INDEX(Jesper!AL$2:AL$366,ROUNDDOWN($C7223/24,0)+1,1)*INDEX($D$3:$AA$30,INDEX(Jesper!$R$2:$R$366,ROW(INDEX(Jesper!AL$2:AL$366,ROUNDDOWN($C7223/24,0)+1,1))-1)+IF('Standard Profiles'!$G$22=$B$10,7,0)+IF('Standard Profiles'!$G$22=$B$17,14,0)+IF('Standard Profiles'!$G$22=$B$24,21,0),MOD($C7223,24)+1)/SUM(INDEX($D$3:$AA$30,INDEX(Jesper!$R$2:$R$366,ROW(INDEX(Jesper!AL$2:AL$366,ROUNDDOWN($C7223/24,0)+1,1))-1)+IF('Standard Profiles'!$G$22=$B$10,7,0)+IF('Standard Profiles'!$G$22=$B$17,14,0)+IF('Standard Profiles'!$G$22=$B$24,21,0),0)),0)</f>
        <v>0</v>
      </c>
      <c r="I7223">
        <f t="shared" si="804"/>
        <v>0.30061357637920688</v>
      </c>
      <c r="J7223">
        <f t="shared" si="805"/>
        <v>1.0020452545973564</v>
      </c>
      <c r="K7223">
        <f t="shared" si="806"/>
        <v>1.5030678818960346</v>
      </c>
      <c r="L7223">
        <f t="shared" si="807"/>
        <v>15.287769130173142</v>
      </c>
      <c r="M7223">
        <f t="shared" si="808"/>
        <v>0</v>
      </c>
      <c r="N7223" s="46">
        <f t="shared" si="809"/>
        <v>45591.541666649231</v>
      </c>
    </row>
    <row r="7224" spans="2:14" x14ac:dyDescent="0.3">
      <c r="B7224">
        <f t="shared" si="803"/>
        <v>6</v>
      </c>
      <c r="C7224" s="16">
        <v>7190</v>
      </c>
      <c r="D7224" cm="1">
        <f t="array" ref="D7224">IFERROR(INDEX(Jesper!AH$2:AH$366,ROUNDDOWN($C7224/24,0)+1,1)*INDEX($D$3:$AA$30,INDEX(Jesper!$R$2:$R$366,ROW(INDEX(Jesper!AH$2:AH$366,ROUNDDOWN($C7224/24,0)+1,1))-1)+IF('Standard Profiles'!$G$18=$B$10,7,0)+IF('Standard Profiles'!$G$18=$B$17,14,0)+IF('Standard Profiles'!$G$18=$B$24,21,0),MOD($C7224,24)+1)/SUM(INDEX($D$3:$AA$30,INDEX(Jesper!$R$2:$R$366,ROW(INDEX(Jesper!AH$2:AH$366,ROUNDDOWN($C7224/24,0)+1,1))-1)+IF('Standard Profiles'!$G$18=$B$10,7,0)+IF('Standard Profiles'!$G$18=$B$17,14,0)+IF('Standard Profiles'!$G$18=$B$24,21,0),0)),0)</f>
        <v>14.756685145236544</v>
      </c>
      <c r="E7224" cm="1">
        <f t="array" ref="E7224">IFERROR(INDEX(Jesper!AI$2:AI$366,ROUNDDOWN($C7224/24,0)+1,1)*INDEX($D$3:$AA$30,INDEX(Jesper!$R$2:$R$366,ROW(INDEX(Jesper!AI$2:AI$366,ROUNDDOWN($C7224/24,0)+1,1))-1)+IF('Standard Profiles'!$G$19=$B$10,7,0)+IF('Standard Profiles'!$G$19=$B$17,14,0)+IF('Standard Profiles'!$G$19=$B$24,21,0),MOD($C7224,24)+1)/SUM(INDEX($D$3:$AA$30,INDEX(Jesper!$R$2:$R$366,ROW(INDEX(Jesper!AI$2:AI$366,ROUNDDOWN($C7224/24,0)+1,1))-1)+IF('Standard Profiles'!$G$19=$B$10,7,0)+IF('Standard Profiles'!$G$19=$B$17,14,0)+IF('Standard Profiles'!$G$19=$B$24,21,0),0)),0)</f>
        <v>3.3368106978091956</v>
      </c>
      <c r="F7224" cm="1">
        <f t="array" ref="F7224">IFERROR(INDEX(Jesper!AJ$2:AJ$366,ROUNDDOWN($C7224/24,0)+1,1)*INDEX($D$3:$AA$30,INDEX(Jesper!$R$2:$R$366,ROW(INDEX(Jesper!AJ$2:AJ$366,ROUNDDOWN($C7224/24,0)+1,1))-1)+IF('Standard Profiles'!$G$20=$B$10,7,0)+IF('Standard Profiles'!$G$20=$B$17,14,0)+IF('Standard Profiles'!$G$20=$B$24,21,0),MOD($C7224,24)+1)/SUM(INDEX($D$3:$AA$30,INDEX(Jesper!$R$2:$R$366,ROW(INDEX(Jesper!AJ$2:AJ$366,ROUNDDOWN($C7224/24,0)+1,1))-1)+IF('Standard Profiles'!$G$20=$B$10,7,0)+IF('Standard Profiles'!$G$20=$B$17,14,0)+IF('Standard Profiles'!$G$20=$B$24,21,0),0)),0)</f>
        <v>0</v>
      </c>
      <c r="G7224" cm="1">
        <f t="array" ref="G7224">IFERROR(INDEX(Jesper!AK$2:AK$366,ROUNDDOWN($C7224/24,0)+1,1)*INDEX($D$3:$AA$30,INDEX(Jesper!$R$2:$R$366,ROW(INDEX(Jesper!AK$2:AK$366,ROUNDDOWN($C7224/24,0)+1,1))-1)+IF('Standard Profiles'!$G$21=$B$10,7,0)+IF('Standard Profiles'!$G$21=$B$17,14,0)+IF('Standard Profiles'!$G$21=$B$24,21,0),MOD($C7224,24)+1)/SUM(INDEX($D$3:$AA$30,INDEX(Jesper!$R$2:$R$366,ROW(INDEX(Jesper!AK$2:AK$366,ROUNDDOWN($C7224/24,0)+1,1))-1)+IF('Standard Profiles'!$G$21=$B$10,7,0)+IF('Standard Profiles'!$G$21=$B$17,14,0)+IF('Standard Profiles'!$G$21=$B$24,21,0),0)),0)</f>
        <v>0</v>
      </c>
      <c r="H7224" cm="1">
        <f t="array" ref="H7224">IFERROR(INDEX(Jesper!AL$2:AL$366,ROUNDDOWN($C7224/24,0)+1,1)*INDEX($D$3:$AA$30,INDEX(Jesper!$R$2:$R$366,ROW(INDEX(Jesper!AL$2:AL$366,ROUNDDOWN($C7224/24,0)+1,1))-1)+IF('Standard Profiles'!$G$22=$B$10,7,0)+IF('Standard Profiles'!$G$22=$B$17,14,0)+IF('Standard Profiles'!$G$22=$B$24,21,0),MOD($C7224,24)+1)/SUM(INDEX($D$3:$AA$30,INDEX(Jesper!$R$2:$R$366,ROW(INDEX(Jesper!AL$2:AL$366,ROUNDDOWN($C7224/24,0)+1,1))-1)+IF('Standard Profiles'!$G$22=$B$10,7,0)+IF('Standard Profiles'!$G$22=$B$17,14,0)+IF('Standard Profiles'!$G$22=$B$24,21,0),0)),0)</f>
        <v>0</v>
      </c>
      <c r="I7224">
        <f t="shared" si="804"/>
        <v>0.30061357637920688</v>
      </c>
      <c r="J7224">
        <f t="shared" si="805"/>
        <v>1.0020452545973564</v>
      </c>
      <c r="K7224">
        <f t="shared" si="806"/>
        <v>1.5030678818960346</v>
      </c>
      <c r="L7224">
        <f t="shared" si="807"/>
        <v>15.287769130173142</v>
      </c>
      <c r="M7224">
        <f t="shared" si="808"/>
        <v>0</v>
      </c>
      <c r="N7224" s="46">
        <f t="shared" si="809"/>
        <v>45591.583333315895</v>
      </c>
    </row>
    <row r="7225" spans="2:14" x14ac:dyDescent="0.3">
      <c r="B7225">
        <f t="shared" si="803"/>
        <v>6</v>
      </c>
      <c r="C7225" s="16">
        <v>7191</v>
      </c>
      <c r="D7225" cm="1">
        <f t="array" ref="D7225">IFERROR(INDEX(Jesper!AH$2:AH$366,ROUNDDOWN($C7225/24,0)+1,1)*INDEX($D$3:$AA$30,INDEX(Jesper!$R$2:$R$366,ROW(INDEX(Jesper!AH$2:AH$366,ROUNDDOWN($C7225/24,0)+1,1))-1)+IF('Standard Profiles'!$G$18=$B$10,7,0)+IF('Standard Profiles'!$G$18=$B$17,14,0)+IF('Standard Profiles'!$G$18=$B$24,21,0),MOD($C7225,24)+1)/SUM(INDEX($D$3:$AA$30,INDEX(Jesper!$R$2:$R$366,ROW(INDEX(Jesper!AH$2:AH$366,ROUNDDOWN($C7225/24,0)+1,1))-1)+IF('Standard Profiles'!$G$18=$B$10,7,0)+IF('Standard Profiles'!$G$18=$B$17,14,0)+IF('Standard Profiles'!$G$18=$B$24,21,0),0)),0)</f>
        <v>13.341660542268656</v>
      </c>
      <c r="E7225" cm="1">
        <f t="array" ref="E7225">IFERROR(INDEX(Jesper!AI$2:AI$366,ROUNDDOWN($C7225/24,0)+1,1)*INDEX($D$3:$AA$30,INDEX(Jesper!$R$2:$R$366,ROW(INDEX(Jesper!AI$2:AI$366,ROUNDDOWN($C7225/24,0)+1,1))-1)+IF('Standard Profiles'!$G$19=$B$10,7,0)+IF('Standard Profiles'!$G$19=$B$17,14,0)+IF('Standard Profiles'!$G$19=$B$24,21,0),MOD($C7225,24)+1)/SUM(INDEX($D$3:$AA$30,INDEX(Jesper!$R$2:$R$366,ROW(INDEX(Jesper!AI$2:AI$366,ROUNDDOWN($C7225/24,0)+1,1))-1)+IF('Standard Profiles'!$G$19=$B$10,7,0)+IF('Standard Profiles'!$G$19=$B$17,14,0)+IF('Standard Profiles'!$G$19=$B$24,21,0),0)),0)</f>
        <v>3.0168425487042043</v>
      </c>
      <c r="F7225" cm="1">
        <f t="array" ref="F7225">IFERROR(INDEX(Jesper!AJ$2:AJ$366,ROUNDDOWN($C7225/24,0)+1,1)*INDEX($D$3:$AA$30,INDEX(Jesper!$R$2:$R$366,ROW(INDEX(Jesper!AJ$2:AJ$366,ROUNDDOWN($C7225/24,0)+1,1))-1)+IF('Standard Profiles'!$G$20=$B$10,7,0)+IF('Standard Profiles'!$G$20=$B$17,14,0)+IF('Standard Profiles'!$G$20=$B$24,21,0),MOD($C7225,24)+1)/SUM(INDEX($D$3:$AA$30,INDEX(Jesper!$R$2:$R$366,ROW(INDEX(Jesper!AJ$2:AJ$366,ROUNDDOWN($C7225/24,0)+1,1))-1)+IF('Standard Profiles'!$G$20=$B$10,7,0)+IF('Standard Profiles'!$G$20=$B$17,14,0)+IF('Standard Profiles'!$G$20=$B$24,21,0),0)),0)</f>
        <v>0</v>
      </c>
      <c r="G7225" cm="1">
        <f t="array" ref="G7225">IFERROR(INDEX(Jesper!AK$2:AK$366,ROUNDDOWN($C7225/24,0)+1,1)*INDEX($D$3:$AA$30,INDEX(Jesper!$R$2:$R$366,ROW(INDEX(Jesper!AK$2:AK$366,ROUNDDOWN($C7225/24,0)+1,1))-1)+IF('Standard Profiles'!$G$21=$B$10,7,0)+IF('Standard Profiles'!$G$21=$B$17,14,0)+IF('Standard Profiles'!$G$21=$B$24,21,0),MOD($C7225,24)+1)/SUM(INDEX($D$3:$AA$30,INDEX(Jesper!$R$2:$R$366,ROW(INDEX(Jesper!AK$2:AK$366,ROUNDDOWN($C7225/24,0)+1,1))-1)+IF('Standard Profiles'!$G$21=$B$10,7,0)+IF('Standard Profiles'!$G$21=$B$17,14,0)+IF('Standard Profiles'!$G$21=$B$24,21,0),0)),0)</f>
        <v>0</v>
      </c>
      <c r="H7225" cm="1">
        <f t="array" ref="H7225">IFERROR(INDEX(Jesper!AL$2:AL$366,ROUNDDOWN($C7225/24,0)+1,1)*INDEX($D$3:$AA$30,INDEX(Jesper!$R$2:$R$366,ROW(INDEX(Jesper!AL$2:AL$366,ROUNDDOWN($C7225/24,0)+1,1))-1)+IF('Standard Profiles'!$G$22=$B$10,7,0)+IF('Standard Profiles'!$G$22=$B$17,14,0)+IF('Standard Profiles'!$G$22=$B$24,21,0),MOD($C7225,24)+1)/SUM(INDEX($D$3:$AA$30,INDEX(Jesper!$R$2:$R$366,ROW(INDEX(Jesper!AL$2:AL$366,ROUNDDOWN($C7225/24,0)+1,1))-1)+IF('Standard Profiles'!$G$22=$B$10,7,0)+IF('Standard Profiles'!$G$22=$B$17,14,0)+IF('Standard Profiles'!$G$22=$B$24,21,0),0)),0)</f>
        <v>0</v>
      </c>
      <c r="I7225">
        <f t="shared" si="804"/>
        <v>0.27178761700037884</v>
      </c>
      <c r="J7225">
        <f t="shared" si="805"/>
        <v>0.90595872333459626</v>
      </c>
      <c r="K7225">
        <f t="shared" si="806"/>
        <v>1.3589380850018944</v>
      </c>
      <c r="L7225">
        <f t="shared" si="807"/>
        <v>13.821818665635991</v>
      </c>
      <c r="M7225">
        <f t="shared" si="808"/>
        <v>0</v>
      </c>
      <c r="N7225" s="46">
        <f t="shared" si="809"/>
        <v>45591.62499998256</v>
      </c>
    </row>
    <row r="7226" spans="2:14" x14ac:dyDescent="0.3">
      <c r="B7226">
        <f t="shared" si="803"/>
        <v>6</v>
      </c>
      <c r="C7226" s="16">
        <v>7192</v>
      </c>
      <c r="D7226" cm="1">
        <f t="array" ref="D7226">IFERROR(INDEX(Jesper!AH$2:AH$366,ROUNDDOWN($C7226/24,0)+1,1)*INDEX($D$3:$AA$30,INDEX(Jesper!$R$2:$R$366,ROW(INDEX(Jesper!AH$2:AH$366,ROUNDDOWN($C7226/24,0)+1,1))-1)+IF('Standard Profiles'!$G$18=$B$10,7,0)+IF('Standard Profiles'!$G$18=$B$17,14,0)+IF('Standard Profiles'!$G$18=$B$24,21,0),MOD($C7226,24)+1)/SUM(INDEX($D$3:$AA$30,INDEX(Jesper!$R$2:$R$366,ROW(INDEX(Jesper!AH$2:AH$366,ROUNDDOWN($C7226/24,0)+1,1))-1)+IF('Standard Profiles'!$G$18=$B$10,7,0)+IF('Standard Profiles'!$G$18=$B$17,14,0)+IF('Standard Profiles'!$G$18=$B$24,21,0),0)),0)</f>
        <v>12.128782311153325</v>
      </c>
      <c r="E7226" cm="1">
        <f t="array" ref="E7226">IFERROR(INDEX(Jesper!AI$2:AI$366,ROUNDDOWN($C7226/24,0)+1,1)*INDEX($D$3:$AA$30,INDEX(Jesper!$R$2:$R$366,ROW(INDEX(Jesper!AI$2:AI$366,ROUNDDOWN($C7226/24,0)+1,1))-1)+IF('Standard Profiles'!$G$19=$B$10,7,0)+IF('Standard Profiles'!$G$19=$B$17,14,0)+IF('Standard Profiles'!$G$19=$B$24,21,0),MOD($C7226,24)+1)/SUM(INDEX($D$3:$AA$30,INDEX(Jesper!$R$2:$R$366,ROW(INDEX(Jesper!AI$2:AI$366,ROUNDDOWN($C7226/24,0)+1,1))-1)+IF('Standard Profiles'!$G$19=$B$10,7,0)+IF('Standard Profiles'!$G$19=$B$17,14,0)+IF('Standard Profiles'!$G$19=$B$24,21,0),0)),0)</f>
        <v>2.7425841351856404</v>
      </c>
      <c r="F7226" cm="1">
        <f t="array" ref="F7226">IFERROR(INDEX(Jesper!AJ$2:AJ$366,ROUNDDOWN($C7226/24,0)+1,1)*INDEX($D$3:$AA$30,INDEX(Jesper!$R$2:$R$366,ROW(INDEX(Jesper!AJ$2:AJ$366,ROUNDDOWN($C7226/24,0)+1,1))-1)+IF('Standard Profiles'!$G$20=$B$10,7,0)+IF('Standard Profiles'!$G$20=$B$17,14,0)+IF('Standard Profiles'!$G$20=$B$24,21,0),MOD($C7226,24)+1)/SUM(INDEX($D$3:$AA$30,INDEX(Jesper!$R$2:$R$366,ROW(INDEX(Jesper!AJ$2:AJ$366,ROUNDDOWN($C7226/24,0)+1,1))-1)+IF('Standard Profiles'!$G$20=$B$10,7,0)+IF('Standard Profiles'!$G$20=$B$17,14,0)+IF('Standard Profiles'!$G$20=$B$24,21,0),0)),0)</f>
        <v>0</v>
      </c>
      <c r="G7226" cm="1">
        <f t="array" ref="G7226">IFERROR(INDEX(Jesper!AK$2:AK$366,ROUNDDOWN($C7226/24,0)+1,1)*INDEX($D$3:$AA$30,INDEX(Jesper!$R$2:$R$366,ROW(INDEX(Jesper!AK$2:AK$366,ROUNDDOWN($C7226/24,0)+1,1))-1)+IF('Standard Profiles'!$G$21=$B$10,7,0)+IF('Standard Profiles'!$G$21=$B$17,14,0)+IF('Standard Profiles'!$G$21=$B$24,21,0),MOD($C7226,24)+1)/SUM(INDEX($D$3:$AA$30,INDEX(Jesper!$R$2:$R$366,ROW(INDEX(Jesper!AK$2:AK$366,ROUNDDOWN($C7226/24,0)+1,1))-1)+IF('Standard Profiles'!$G$21=$B$10,7,0)+IF('Standard Profiles'!$G$21=$B$17,14,0)+IF('Standard Profiles'!$G$21=$B$24,21,0),0)),0)</f>
        <v>0</v>
      </c>
      <c r="H7226" cm="1">
        <f t="array" ref="H7226">IFERROR(INDEX(Jesper!AL$2:AL$366,ROUNDDOWN($C7226/24,0)+1,1)*INDEX($D$3:$AA$30,INDEX(Jesper!$R$2:$R$366,ROW(INDEX(Jesper!AL$2:AL$366,ROUNDDOWN($C7226/24,0)+1,1))-1)+IF('Standard Profiles'!$G$22=$B$10,7,0)+IF('Standard Profiles'!$G$22=$B$17,14,0)+IF('Standard Profiles'!$G$22=$B$24,21,0),MOD($C7226,24)+1)/SUM(INDEX($D$3:$AA$30,INDEX(Jesper!$R$2:$R$366,ROW(INDEX(Jesper!AL$2:AL$366,ROUNDDOWN($C7226/24,0)+1,1))-1)+IF('Standard Profiles'!$G$22=$B$10,7,0)+IF('Standard Profiles'!$G$22=$B$17,14,0)+IF('Standard Profiles'!$G$22=$B$24,21,0),0)),0)</f>
        <v>0</v>
      </c>
      <c r="I7226">
        <f t="shared" si="804"/>
        <v>0.24707965181852623</v>
      </c>
      <c r="J7226">
        <f t="shared" si="805"/>
        <v>0.82359883939508749</v>
      </c>
      <c r="K7226">
        <f t="shared" si="806"/>
        <v>1.2353982590926313</v>
      </c>
      <c r="L7226">
        <f t="shared" si="807"/>
        <v>12.565289696032719</v>
      </c>
      <c r="M7226">
        <f t="shared" si="808"/>
        <v>0</v>
      </c>
      <c r="N7226" s="46">
        <f t="shared" si="809"/>
        <v>45591.666666649224</v>
      </c>
    </row>
    <row r="7227" spans="2:14" x14ac:dyDescent="0.3">
      <c r="B7227">
        <f t="shared" si="803"/>
        <v>6</v>
      </c>
      <c r="C7227" s="16">
        <v>7193</v>
      </c>
      <c r="D7227" cm="1">
        <f t="array" ref="D7227">IFERROR(INDEX(Jesper!AH$2:AH$366,ROUNDDOWN($C7227/24,0)+1,1)*INDEX($D$3:$AA$30,INDEX(Jesper!$R$2:$R$366,ROW(INDEX(Jesper!AH$2:AH$366,ROUNDDOWN($C7227/24,0)+1,1))-1)+IF('Standard Profiles'!$G$18=$B$10,7,0)+IF('Standard Profiles'!$G$18=$B$17,14,0)+IF('Standard Profiles'!$G$18=$B$24,21,0),MOD($C7227,24)+1)/SUM(INDEX($D$3:$AA$30,INDEX(Jesper!$R$2:$R$366,ROW(INDEX(Jesper!AH$2:AH$366,ROUNDDOWN($C7227/24,0)+1,1))-1)+IF('Standard Profiles'!$G$18=$B$10,7,0)+IF('Standard Profiles'!$G$18=$B$17,14,0)+IF('Standard Profiles'!$G$18=$B$24,21,0),0)),0)</f>
        <v>10.915904080037992</v>
      </c>
      <c r="E7227" cm="1">
        <f t="array" ref="E7227">IFERROR(INDEX(Jesper!AI$2:AI$366,ROUNDDOWN($C7227/24,0)+1,1)*INDEX($D$3:$AA$30,INDEX(Jesper!$R$2:$R$366,ROW(INDEX(Jesper!AI$2:AI$366,ROUNDDOWN($C7227/24,0)+1,1))-1)+IF('Standard Profiles'!$G$19=$B$10,7,0)+IF('Standard Profiles'!$G$19=$B$17,14,0)+IF('Standard Profiles'!$G$19=$B$24,21,0),MOD($C7227,24)+1)/SUM(INDEX($D$3:$AA$30,INDEX(Jesper!$R$2:$R$366,ROW(INDEX(Jesper!AI$2:AI$366,ROUNDDOWN($C7227/24,0)+1,1))-1)+IF('Standard Profiles'!$G$19=$B$10,7,0)+IF('Standard Profiles'!$G$19=$B$17,14,0)+IF('Standard Profiles'!$G$19=$B$24,21,0),0)),0)</f>
        <v>2.4683257216670764</v>
      </c>
      <c r="F7227" cm="1">
        <f t="array" ref="F7227">IFERROR(INDEX(Jesper!AJ$2:AJ$366,ROUNDDOWN($C7227/24,0)+1,1)*INDEX($D$3:$AA$30,INDEX(Jesper!$R$2:$R$366,ROW(INDEX(Jesper!AJ$2:AJ$366,ROUNDDOWN($C7227/24,0)+1,1))-1)+IF('Standard Profiles'!$G$20=$B$10,7,0)+IF('Standard Profiles'!$G$20=$B$17,14,0)+IF('Standard Profiles'!$G$20=$B$24,21,0),MOD($C7227,24)+1)/SUM(INDEX($D$3:$AA$30,INDEX(Jesper!$R$2:$R$366,ROW(INDEX(Jesper!AJ$2:AJ$366,ROUNDDOWN($C7227/24,0)+1,1))-1)+IF('Standard Profiles'!$G$20=$B$10,7,0)+IF('Standard Profiles'!$G$20=$B$17,14,0)+IF('Standard Profiles'!$G$20=$B$24,21,0),0)),0)</f>
        <v>0</v>
      </c>
      <c r="G7227" cm="1">
        <f t="array" ref="G7227">IFERROR(INDEX(Jesper!AK$2:AK$366,ROUNDDOWN($C7227/24,0)+1,1)*INDEX($D$3:$AA$30,INDEX(Jesper!$R$2:$R$366,ROW(INDEX(Jesper!AK$2:AK$366,ROUNDDOWN($C7227/24,0)+1,1))-1)+IF('Standard Profiles'!$G$21=$B$10,7,0)+IF('Standard Profiles'!$G$21=$B$17,14,0)+IF('Standard Profiles'!$G$21=$B$24,21,0),MOD($C7227,24)+1)/SUM(INDEX($D$3:$AA$30,INDEX(Jesper!$R$2:$R$366,ROW(INDEX(Jesper!AK$2:AK$366,ROUNDDOWN($C7227/24,0)+1,1))-1)+IF('Standard Profiles'!$G$21=$B$10,7,0)+IF('Standard Profiles'!$G$21=$B$17,14,0)+IF('Standard Profiles'!$G$21=$B$24,21,0),0)),0)</f>
        <v>0</v>
      </c>
      <c r="H7227" cm="1">
        <f t="array" ref="H7227">IFERROR(INDEX(Jesper!AL$2:AL$366,ROUNDDOWN($C7227/24,0)+1,1)*INDEX($D$3:$AA$30,INDEX(Jesper!$R$2:$R$366,ROW(INDEX(Jesper!AL$2:AL$366,ROUNDDOWN($C7227/24,0)+1,1))-1)+IF('Standard Profiles'!$G$22=$B$10,7,0)+IF('Standard Profiles'!$G$22=$B$17,14,0)+IF('Standard Profiles'!$G$22=$B$24,21,0),MOD($C7227,24)+1)/SUM(INDEX($D$3:$AA$30,INDEX(Jesper!$R$2:$R$366,ROW(INDEX(Jesper!AL$2:AL$366,ROUNDDOWN($C7227/24,0)+1,1))-1)+IF('Standard Profiles'!$G$22=$B$10,7,0)+IF('Standard Profiles'!$G$22=$B$17,14,0)+IF('Standard Profiles'!$G$22=$B$24,21,0),0)),0)</f>
        <v>0</v>
      </c>
      <c r="I7227">
        <f t="shared" si="804"/>
        <v>0.22237168663667362</v>
      </c>
      <c r="J7227">
        <f t="shared" si="805"/>
        <v>0.74123895545557883</v>
      </c>
      <c r="K7227">
        <f t="shared" si="806"/>
        <v>1.1118584331833681</v>
      </c>
      <c r="L7227">
        <f t="shared" si="807"/>
        <v>11.308760726429448</v>
      </c>
      <c r="M7227">
        <f t="shared" si="808"/>
        <v>0</v>
      </c>
      <c r="N7227" s="46">
        <f t="shared" si="809"/>
        <v>45591.708333315888</v>
      </c>
    </row>
    <row r="7228" spans="2:14" x14ac:dyDescent="0.3">
      <c r="B7228">
        <f t="shared" si="803"/>
        <v>6</v>
      </c>
      <c r="C7228" s="16">
        <v>7194</v>
      </c>
      <c r="D7228" cm="1">
        <f t="array" ref="D7228">IFERROR(INDEX(Jesper!AH$2:AH$366,ROUNDDOWN($C7228/24,0)+1,1)*INDEX($D$3:$AA$30,INDEX(Jesper!$R$2:$R$366,ROW(INDEX(Jesper!AH$2:AH$366,ROUNDDOWN($C7228/24,0)+1,1))-1)+IF('Standard Profiles'!$G$18=$B$10,7,0)+IF('Standard Profiles'!$G$18=$B$17,14,0)+IF('Standard Profiles'!$G$18=$B$24,21,0),MOD($C7228,24)+1)/SUM(INDEX($D$3:$AA$30,INDEX(Jesper!$R$2:$R$366,ROW(INDEX(Jesper!AH$2:AH$366,ROUNDDOWN($C7228/24,0)+1,1))-1)+IF('Standard Profiles'!$G$18=$B$10,7,0)+IF('Standard Profiles'!$G$18=$B$17,14,0)+IF('Standard Profiles'!$G$18=$B$24,21,0),0)),0)</f>
        <v>10.51161133633288</v>
      </c>
      <c r="E7228" cm="1">
        <f t="array" ref="E7228">IFERROR(INDEX(Jesper!AI$2:AI$366,ROUNDDOWN($C7228/24,0)+1,1)*INDEX($D$3:$AA$30,INDEX(Jesper!$R$2:$R$366,ROW(INDEX(Jesper!AI$2:AI$366,ROUNDDOWN($C7228/24,0)+1,1))-1)+IF('Standard Profiles'!$G$19=$B$10,7,0)+IF('Standard Profiles'!$G$19=$B$17,14,0)+IF('Standard Profiles'!$G$19=$B$24,21,0),MOD($C7228,24)+1)/SUM(INDEX($D$3:$AA$30,INDEX(Jesper!$R$2:$R$366,ROW(INDEX(Jesper!AI$2:AI$366,ROUNDDOWN($C7228/24,0)+1,1))-1)+IF('Standard Profiles'!$G$19=$B$10,7,0)+IF('Standard Profiles'!$G$19=$B$17,14,0)+IF('Standard Profiles'!$G$19=$B$24,21,0),0)),0)</f>
        <v>2.3769062504942218</v>
      </c>
      <c r="F7228" cm="1">
        <f t="array" ref="F7228">IFERROR(INDEX(Jesper!AJ$2:AJ$366,ROUNDDOWN($C7228/24,0)+1,1)*INDEX($D$3:$AA$30,INDEX(Jesper!$R$2:$R$366,ROW(INDEX(Jesper!AJ$2:AJ$366,ROUNDDOWN($C7228/24,0)+1,1))-1)+IF('Standard Profiles'!$G$20=$B$10,7,0)+IF('Standard Profiles'!$G$20=$B$17,14,0)+IF('Standard Profiles'!$G$20=$B$24,21,0),MOD($C7228,24)+1)/SUM(INDEX($D$3:$AA$30,INDEX(Jesper!$R$2:$R$366,ROW(INDEX(Jesper!AJ$2:AJ$366,ROUNDDOWN($C7228/24,0)+1,1))-1)+IF('Standard Profiles'!$G$20=$B$10,7,0)+IF('Standard Profiles'!$G$20=$B$17,14,0)+IF('Standard Profiles'!$G$20=$B$24,21,0),0)),0)</f>
        <v>0</v>
      </c>
      <c r="G7228" cm="1">
        <f t="array" ref="G7228">IFERROR(INDEX(Jesper!AK$2:AK$366,ROUNDDOWN($C7228/24,0)+1,1)*INDEX($D$3:$AA$30,INDEX(Jesper!$R$2:$R$366,ROW(INDEX(Jesper!AK$2:AK$366,ROUNDDOWN($C7228/24,0)+1,1))-1)+IF('Standard Profiles'!$G$21=$B$10,7,0)+IF('Standard Profiles'!$G$21=$B$17,14,0)+IF('Standard Profiles'!$G$21=$B$24,21,0),MOD($C7228,24)+1)/SUM(INDEX($D$3:$AA$30,INDEX(Jesper!$R$2:$R$366,ROW(INDEX(Jesper!AK$2:AK$366,ROUNDDOWN($C7228/24,0)+1,1))-1)+IF('Standard Profiles'!$G$21=$B$10,7,0)+IF('Standard Profiles'!$G$21=$B$17,14,0)+IF('Standard Profiles'!$G$21=$B$24,21,0),0)),0)</f>
        <v>0</v>
      </c>
      <c r="H7228" cm="1">
        <f t="array" ref="H7228">IFERROR(INDEX(Jesper!AL$2:AL$366,ROUNDDOWN($C7228/24,0)+1,1)*INDEX($D$3:$AA$30,INDEX(Jesper!$R$2:$R$366,ROW(INDEX(Jesper!AL$2:AL$366,ROUNDDOWN($C7228/24,0)+1,1))-1)+IF('Standard Profiles'!$G$22=$B$10,7,0)+IF('Standard Profiles'!$G$22=$B$17,14,0)+IF('Standard Profiles'!$G$22=$B$24,21,0),MOD($C7228,24)+1)/SUM(INDEX($D$3:$AA$30,INDEX(Jesper!$R$2:$R$366,ROW(INDEX(Jesper!AL$2:AL$366,ROUNDDOWN($C7228/24,0)+1,1))-1)+IF('Standard Profiles'!$G$22=$B$10,7,0)+IF('Standard Profiles'!$G$22=$B$17,14,0)+IF('Standard Profiles'!$G$22=$B$24,21,0),0)),0)</f>
        <v>0</v>
      </c>
      <c r="I7228">
        <f t="shared" si="804"/>
        <v>0.21413569824272274</v>
      </c>
      <c r="J7228">
        <f t="shared" si="805"/>
        <v>0.71378566080907591</v>
      </c>
      <c r="K7228">
        <f t="shared" si="806"/>
        <v>1.0706784912136138</v>
      </c>
      <c r="L7228">
        <f t="shared" si="807"/>
        <v>10.88991773656169</v>
      </c>
      <c r="M7228">
        <f t="shared" si="808"/>
        <v>0</v>
      </c>
      <c r="N7228" s="46">
        <f t="shared" si="809"/>
        <v>45591.749999982552</v>
      </c>
    </row>
    <row r="7229" spans="2:14" x14ac:dyDescent="0.3">
      <c r="B7229">
        <f t="shared" si="803"/>
        <v>6</v>
      </c>
      <c r="C7229" s="16">
        <v>7195</v>
      </c>
      <c r="D7229" cm="1">
        <f t="array" ref="D7229">IFERROR(INDEX(Jesper!AH$2:AH$366,ROUNDDOWN($C7229/24,0)+1,1)*INDEX($D$3:$AA$30,INDEX(Jesper!$R$2:$R$366,ROW(INDEX(Jesper!AH$2:AH$366,ROUNDDOWN($C7229/24,0)+1,1))-1)+IF('Standard Profiles'!$G$18=$B$10,7,0)+IF('Standard Profiles'!$G$18=$B$17,14,0)+IF('Standard Profiles'!$G$18=$B$24,21,0),MOD($C7229,24)+1)/SUM(INDEX($D$3:$AA$30,INDEX(Jesper!$R$2:$R$366,ROW(INDEX(Jesper!AH$2:AH$366,ROUNDDOWN($C7229/24,0)+1,1))-1)+IF('Standard Profiles'!$G$18=$B$10,7,0)+IF('Standard Profiles'!$G$18=$B$17,14,0)+IF('Standard Profiles'!$G$18=$B$24,21,0),0)),0)</f>
        <v>8.4901476178073256</v>
      </c>
      <c r="E7229" cm="1">
        <f t="array" ref="E7229">IFERROR(INDEX(Jesper!AI$2:AI$366,ROUNDDOWN($C7229/24,0)+1,1)*INDEX($D$3:$AA$30,INDEX(Jesper!$R$2:$R$366,ROW(INDEX(Jesper!AI$2:AI$366,ROUNDDOWN($C7229/24,0)+1,1))-1)+IF('Standard Profiles'!$G$19=$B$10,7,0)+IF('Standard Profiles'!$G$19=$B$17,14,0)+IF('Standard Profiles'!$G$19=$B$24,21,0),MOD($C7229,24)+1)/SUM(INDEX($D$3:$AA$30,INDEX(Jesper!$R$2:$R$366,ROW(INDEX(Jesper!AI$2:AI$366,ROUNDDOWN($C7229/24,0)+1,1))-1)+IF('Standard Profiles'!$G$19=$B$10,7,0)+IF('Standard Profiles'!$G$19=$B$17,14,0)+IF('Standard Profiles'!$G$19=$B$24,21,0),0)),0)</f>
        <v>1.9198088946299483</v>
      </c>
      <c r="F7229" cm="1">
        <f t="array" ref="F7229">IFERROR(INDEX(Jesper!AJ$2:AJ$366,ROUNDDOWN($C7229/24,0)+1,1)*INDEX($D$3:$AA$30,INDEX(Jesper!$R$2:$R$366,ROW(INDEX(Jesper!AJ$2:AJ$366,ROUNDDOWN($C7229/24,0)+1,1))-1)+IF('Standard Profiles'!$G$20=$B$10,7,0)+IF('Standard Profiles'!$G$20=$B$17,14,0)+IF('Standard Profiles'!$G$20=$B$24,21,0),MOD($C7229,24)+1)/SUM(INDEX($D$3:$AA$30,INDEX(Jesper!$R$2:$R$366,ROW(INDEX(Jesper!AJ$2:AJ$366,ROUNDDOWN($C7229/24,0)+1,1))-1)+IF('Standard Profiles'!$G$20=$B$10,7,0)+IF('Standard Profiles'!$G$20=$B$17,14,0)+IF('Standard Profiles'!$G$20=$B$24,21,0),0)),0)</f>
        <v>0</v>
      </c>
      <c r="G7229" cm="1">
        <f t="array" ref="G7229">IFERROR(INDEX(Jesper!AK$2:AK$366,ROUNDDOWN($C7229/24,0)+1,1)*INDEX($D$3:$AA$30,INDEX(Jesper!$R$2:$R$366,ROW(INDEX(Jesper!AK$2:AK$366,ROUNDDOWN($C7229/24,0)+1,1))-1)+IF('Standard Profiles'!$G$21=$B$10,7,0)+IF('Standard Profiles'!$G$21=$B$17,14,0)+IF('Standard Profiles'!$G$21=$B$24,21,0),MOD($C7229,24)+1)/SUM(INDEX($D$3:$AA$30,INDEX(Jesper!$R$2:$R$366,ROW(INDEX(Jesper!AK$2:AK$366,ROUNDDOWN($C7229/24,0)+1,1))-1)+IF('Standard Profiles'!$G$21=$B$10,7,0)+IF('Standard Profiles'!$G$21=$B$17,14,0)+IF('Standard Profiles'!$G$21=$B$24,21,0),0)),0)</f>
        <v>0</v>
      </c>
      <c r="H7229" cm="1">
        <f t="array" ref="H7229">IFERROR(INDEX(Jesper!AL$2:AL$366,ROUNDDOWN($C7229/24,0)+1,1)*INDEX($D$3:$AA$30,INDEX(Jesper!$R$2:$R$366,ROW(INDEX(Jesper!AL$2:AL$366,ROUNDDOWN($C7229/24,0)+1,1))-1)+IF('Standard Profiles'!$G$22=$B$10,7,0)+IF('Standard Profiles'!$G$22=$B$17,14,0)+IF('Standard Profiles'!$G$22=$B$24,21,0),MOD($C7229,24)+1)/SUM(INDEX($D$3:$AA$30,INDEX(Jesper!$R$2:$R$366,ROW(INDEX(Jesper!AL$2:AL$366,ROUNDDOWN($C7229/24,0)+1,1))-1)+IF('Standard Profiles'!$G$22=$B$10,7,0)+IF('Standard Profiles'!$G$22=$B$17,14,0)+IF('Standard Profiles'!$G$22=$B$24,21,0),0)),0)</f>
        <v>0</v>
      </c>
      <c r="I7229">
        <f t="shared" si="804"/>
        <v>0.17295575627296836</v>
      </c>
      <c r="J7229">
        <f t="shared" si="805"/>
        <v>0.57651918757656129</v>
      </c>
      <c r="K7229">
        <f t="shared" si="806"/>
        <v>0.86477878136484188</v>
      </c>
      <c r="L7229">
        <f t="shared" si="807"/>
        <v>8.7957027872229023</v>
      </c>
      <c r="M7229">
        <f t="shared" si="808"/>
        <v>0</v>
      </c>
      <c r="N7229" s="46">
        <f t="shared" si="809"/>
        <v>45591.791666649216</v>
      </c>
    </row>
    <row r="7230" spans="2:14" x14ac:dyDescent="0.3">
      <c r="B7230">
        <f t="shared" si="803"/>
        <v>6</v>
      </c>
      <c r="C7230" s="16">
        <v>7196</v>
      </c>
      <c r="D7230" cm="1">
        <f t="array" ref="D7230">IFERROR(INDEX(Jesper!AH$2:AH$366,ROUNDDOWN($C7230/24,0)+1,1)*INDEX($D$3:$AA$30,INDEX(Jesper!$R$2:$R$366,ROW(INDEX(Jesper!AH$2:AH$366,ROUNDDOWN($C7230/24,0)+1,1))-1)+IF('Standard Profiles'!$G$18=$B$10,7,0)+IF('Standard Profiles'!$G$18=$B$17,14,0)+IF('Standard Profiles'!$G$18=$B$24,21,0),MOD($C7230,24)+1)/SUM(INDEX($D$3:$AA$30,INDEX(Jesper!$R$2:$R$366,ROW(INDEX(Jesper!AH$2:AH$366,ROUNDDOWN($C7230/24,0)+1,1))-1)+IF('Standard Profiles'!$G$18=$B$10,7,0)+IF('Standard Profiles'!$G$18=$B$17,14,0)+IF('Standard Profiles'!$G$18=$B$24,21,0),0)),0)</f>
        <v>6.2665375274292163</v>
      </c>
      <c r="E7230" cm="1">
        <f t="array" ref="E7230">IFERROR(INDEX(Jesper!AI$2:AI$366,ROUNDDOWN($C7230/24,0)+1,1)*INDEX($D$3:$AA$30,INDEX(Jesper!$R$2:$R$366,ROW(INDEX(Jesper!AI$2:AI$366,ROUNDDOWN($C7230/24,0)+1,1))-1)+IF('Standard Profiles'!$G$19=$B$10,7,0)+IF('Standard Profiles'!$G$19=$B$17,14,0)+IF('Standard Profiles'!$G$19=$B$24,21,0),MOD($C7230,24)+1)/SUM(INDEX($D$3:$AA$30,INDEX(Jesper!$R$2:$R$366,ROW(INDEX(Jesper!AI$2:AI$366,ROUNDDOWN($C7230/24,0)+1,1))-1)+IF('Standard Profiles'!$G$19=$B$10,7,0)+IF('Standard Profiles'!$G$19=$B$17,14,0)+IF('Standard Profiles'!$G$19=$B$24,21,0),0)),0)</f>
        <v>1.4170018031792475</v>
      </c>
      <c r="F7230" cm="1">
        <f t="array" ref="F7230">IFERROR(INDEX(Jesper!AJ$2:AJ$366,ROUNDDOWN($C7230/24,0)+1,1)*INDEX($D$3:$AA$30,INDEX(Jesper!$R$2:$R$366,ROW(INDEX(Jesper!AJ$2:AJ$366,ROUNDDOWN($C7230/24,0)+1,1))-1)+IF('Standard Profiles'!$G$20=$B$10,7,0)+IF('Standard Profiles'!$G$20=$B$17,14,0)+IF('Standard Profiles'!$G$20=$B$24,21,0),MOD($C7230,24)+1)/SUM(INDEX($D$3:$AA$30,INDEX(Jesper!$R$2:$R$366,ROW(INDEX(Jesper!AJ$2:AJ$366,ROUNDDOWN($C7230/24,0)+1,1))-1)+IF('Standard Profiles'!$G$20=$B$10,7,0)+IF('Standard Profiles'!$G$20=$B$17,14,0)+IF('Standard Profiles'!$G$20=$B$24,21,0),0)),0)</f>
        <v>0</v>
      </c>
      <c r="G7230" cm="1">
        <f t="array" ref="G7230">IFERROR(INDEX(Jesper!AK$2:AK$366,ROUNDDOWN($C7230/24,0)+1,1)*INDEX($D$3:$AA$30,INDEX(Jesper!$R$2:$R$366,ROW(INDEX(Jesper!AK$2:AK$366,ROUNDDOWN($C7230/24,0)+1,1))-1)+IF('Standard Profiles'!$G$21=$B$10,7,0)+IF('Standard Profiles'!$G$21=$B$17,14,0)+IF('Standard Profiles'!$G$21=$B$24,21,0),MOD($C7230,24)+1)/SUM(INDEX($D$3:$AA$30,INDEX(Jesper!$R$2:$R$366,ROW(INDEX(Jesper!AK$2:AK$366,ROUNDDOWN($C7230/24,0)+1,1))-1)+IF('Standard Profiles'!$G$21=$B$10,7,0)+IF('Standard Profiles'!$G$21=$B$17,14,0)+IF('Standard Profiles'!$G$21=$B$24,21,0),0)),0)</f>
        <v>0</v>
      </c>
      <c r="H7230" cm="1">
        <f t="array" ref="H7230">IFERROR(INDEX(Jesper!AL$2:AL$366,ROUNDDOWN($C7230/24,0)+1,1)*INDEX($D$3:$AA$30,INDEX(Jesper!$R$2:$R$366,ROW(INDEX(Jesper!AL$2:AL$366,ROUNDDOWN($C7230/24,0)+1,1))-1)+IF('Standard Profiles'!$G$22=$B$10,7,0)+IF('Standard Profiles'!$G$22=$B$17,14,0)+IF('Standard Profiles'!$G$22=$B$24,21,0),MOD($C7230,24)+1)/SUM(INDEX($D$3:$AA$30,INDEX(Jesper!$R$2:$R$366,ROW(INDEX(Jesper!AL$2:AL$366,ROUNDDOWN($C7230/24,0)+1,1))-1)+IF('Standard Profiles'!$G$22=$B$10,7,0)+IF('Standard Profiles'!$G$22=$B$17,14,0)+IF('Standard Profiles'!$G$22=$B$24,21,0),0)),0)</f>
        <v>0</v>
      </c>
      <c r="I7230">
        <f t="shared" si="804"/>
        <v>0.12765782010623855</v>
      </c>
      <c r="J7230">
        <f t="shared" si="805"/>
        <v>0.42552606702079521</v>
      </c>
      <c r="K7230">
        <f t="shared" si="806"/>
        <v>0.63828910053119281</v>
      </c>
      <c r="L7230">
        <f t="shared" si="807"/>
        <v>6.4920663429502374</v>
      </c>
      <c r="M7230">
        <f t="shared" si="808"/>
        <v>0</v>
      </c>
      <c r="N7230" s="46">
        <f t="shared" si="809"/>
        <v>45591.833333315881</v>
      </c>
    </row>
    <row r="7231" spans="2:14" x14ac:dyDescent="0.3">
      <c r="B7231">
        <f t="shared" si="803"/>
        <v>6</v>
      </c>
      <c r="C7231" s="16">
        <v>7197</v>
      </c>
      <c r="D7231" cm="1">
        <f t="array" ref="D7231">IFERROR(INDEX(Jesper!AH$2:AH$366,ROUNDDOWN($C7231/24,0)+1,1)*INDEX($D$3:$AA$30,INDEX(Jesper!$R$2:$R$366,ROW(INDEX(Jesper!AH$2:AH$366,ROUNDDOWN($C7231/24,0)+1,1))-1)+IF('Standard Profiles'!$G$18=$B$10,7,0)+IF('Standard Profiles'!$G$18=$B$17,14,0)+IF('Standard Profiles'!$G$18=$B$24,21,0),MOD($C7231,24)+1)/SUM(INDEX($D$3:$AA$30,INDEX(Jesper!$R$2:$R$366,ROW(INDEX(Jesper!AH$2:AH$366,ROUNDDOWN($C7231/24,0)+1,1))-1)+IF('Standard Profiles'!$G$18=$B$10,7,0)+IF('Standard Profiles'!$G$18=$B$17,14,0)+IF('Standard Profiles'!$G$18=$B$24,21,0),0)),0)</f>
        <v>6.2665375274292163</v>
      </c>
      <c r="E7231" cm="1">
        <f t="array" ref="E7231">IFERROR(INDEX(Jesper!AI$2:AI$366,ROUNDDOWN($C7231/24,0)+1,1)*INDEX($D$3:$AA$30,INDEX(Jesper!$R$2:$R$366,ROW(INDEX(Jesper!AI$2:AI$366,ROUNDDOWN($C7231/24,0)+1,1))-1)+IF('Standard Profiles'!$G$19=$B$10,7,0)+IF('Standard Profiles'!$G$19=$B$17,14,0)+IF('Standard Profiles'!$G$19=$B$24,21,0),MOD($C7231,24)+1)/SUM(INDEX($D$3:$AA$30,INDEX(Jesper!$R$2:$R$366,ROW(INDEX(Jesper!AI$2:AI$366,ROUNDDOWN($C7231/24,0)+1,1))-1)+IF('Standard Profiles'!$G$19=$B$10,7,0)+IF('Standard Profiles'!$G$19=$B$17,14,0)+IF('Standard Profiles'!$G$19=$B$24,21,0),0)),0)</f>
        <v>1.4170018031792475</v>
      </c>
      <c r="F7231" cm="1">
        <f t="array" ref="F7231">IFERROR(INDEX(Jesper!AJ$2:AJ$366,ROUNDDOWN($C7231/24,0)+1,1)*INDEX($D$3:$AA$30,INDEX(Jesper!$R$2:$R$366,ROW(INDEX(Jesper!AJ$2:AJ$366,ROUNDDOWN($C7231/24,0)+1,1))-1)+IF('Standard Profiles'!$G$20=$B$10,7,0)+IF('Standard Profiles'!$G$20=$B$17,14,0)+IF('Standard Profiles'!$G$20=$B$24,21,0),MOD($C7231,24)+1)/SUM(INDEX($D$3:$AA$30,INDEX(Jesper!$R$2:$R$366,ROW(INDEX(Jesper!AJ$2:AJ$366,ROUNDDOWN($C7231/24,0)+1,1))-1)+IF('Standard Profiles'!$G$20=$B$10,7,0)+IF('Standard Profiles'!$G$20=$B$17,14,0)+IF('Standard Profiles'!$G$20=$B$24,21,0),0)),0)</f>
        <v>0</v>
      </c>
      <c r="G7231" cm="1">
        <f t="array" ref="G7231">IFERROR(INDEX(Jesper!AK$2:AK$366,ROUNDDOWN($C7231/24,0)+1,1)*INDEX($D$3:$AA$30,INDEX(Jesper!$R$2:$R$366,ROW(INDEX(Jesper!AK$2:AK$366,ROUNDDOWN($C7231/24,0)+1,1))-1)+IF('Standard Profiles'!$G$21=$B$10,7,0)+IF('Standard Profiles'!$G$21=$B$17,14,0)+IF('Standard Profiles'!$G$21=$B$24,21,0),MOD($C7231,24)+1)/SUM(INDEX($D$3:$AA$30,INDEX(Jesper!$R$2:$R$366,ROW(INDEX(Jesper!AK$2:AK$366,ROUNDDOWN($C7231/24,0)+1,1))-1)+IF('Standard Profiles'!$G$21=$B$10,7,0)+IF('Standard Profiles'!$G$21=$B$17,14,0)+IF('Standard Profiles'!$G$21=$B$24,21,0),0)),0)</f>
        <v>0</v>
      </c>
      <c r="H7231" cm="1">
        <f t="array" ref="H7231">IFERROR(INDEX(Jesper!AL$2:AL$366,ROUNDDOWN($C7231/24,0)+1,1)*INDEX($D$3:$AA$30,INDEX(Jesper!$R$2:$R$366,ROW(INDEX(Jesper!AL$2:AL$366,ROUNDDOWN($C7231/24,0)+1,1))-1)+IF('Standard Profiles'!$G$22=$B$10,7,0)+IF('Standard Profiles'!$G$22=$B$17,14,0)+IF('Standard Profiles'!$G$22=$B$24,21,0),MOD($C7231,24)+1)/SUM(INDEX($D$3:$AA$30,INDEX(Jesper!$R$2:$R$366,ROW(INDEX(Jesper!AL$2:AL$366,ROUNDDOWN($C7231/24,0)+1,1))-1)+IF('Standard Profiles'!$G$22=$B$10,7,0)+IF('Standard Profiles'!$G$22=$B$17,14,0)+IF('Standard Profiles'!$G$22=$B$24,21,0),0)),0)</f>
        <v>0</v>
      </c>
      <c r="I7231">
        <f t="shared" si="804"/>
        <v>0.12765782010623855</v>
      </c>
      <c r="J7231">
        <f t="shared" si="805"/>
        <v>0.42552606702079521</v>
      </c>
      <c r="K7231">
        <f t="shared" si="806"/>
        <v>0.63828910053119281</v>
      </c>
      <c r="L7231">
        <f t="shared" si="807"/>
        <v>6.4920663429502374</v>
      </c>
      <c r="M7231">
        <f t="shared" si="808"/>
        <v>0</v>
      </c>
      <c r="N7231" s="46">
        <f t="shared" si="809"/>
        <v>45591.874999982545</v>
      </c>
    </row>
    <row r="7232" spans="2:14" x14ac:dyDescent="0.3">
      <c r="B7232">
        <f t="shared" si="803"/>
        <v>6</v>
      </c>
      <c r="C7232" s="16">
        <v>7198</v>
      </c>
      <c r="D7232" cm="1">
        <f t="array" ref="D7232">IFERROR(INDEX(Jesper!AH$2:AH$366,ROUNDDOWN($C7232/24,0)+1,1)*INDEX($D$3:$AA$30,INDEX(Jesper!$R$2:$R$366,ROW(INDEX(Jesper!AH$2:AH$366,ROUNDDOWN($C7232/24,0)+1,1))-1)+IF('Standard Profiles'!$G$18=$B$10,7,0)+IF('Standard Profiles'!$G$18=$B$17,14,0)+IF('Standard Profiles'!$G$18=$B$24,21,0),MOD($C7232,24)+1)/SUM(INDEX($D$3:$AA$30,INDEX(Jesper!$R$2:$R$366,ROW(INDEX(Jesper!AH$2:AH$366,ROUNDDOWN($C7232/24,0)+1,1))-1)+IF('Standard Profiles'!$G$18=$B$10,7,0)+IF('Standard Profiles'!$G$18=$B$17,14,0)+IF('Standard Profiles'!$G$18=$B$24,21,0),0)),0)</f>
        <v>6.2665375274292163</v>
      </c>
      <c r="E7232" cm="1">
        <f t="array" ref="E7232">IFERROR(INDEX(Jesper!AI$2:AI$366,ROUNDDOWN($C7232/24,0)+1,1)*INDEX($D$3:$AA$30,INDEX(Jesper!$R$2:$R$366,ROW(INDEX(Jesper!AI$2:AI$366,ROUNDDOWN($C7232/24,0)+1,1))-1)+IF('Standard Profiles'!$G$19=$B$10,7,0)+IF('Standard Profiles'!$G$19=$B$17,14,0)+IF('Standard Profiles'!$G$19=$B$24,21,0),MOD($C7232,24)+1)/SUM(INDEX($D$3:$AA$30,INDEX(Jesper!$R$2:$R$366,ROW(INDEX(Jesper!AI$2:AI$366,ROUNDDOWN($C7232/24,0)+1,1))-1)+IF('Standard Profiles'!$G$19=$B$10,7,0)+IF('Standard Profiles'!$G$19=$B$17,14,0)+IF('Standard Profiles'!$G$19=$B$24,21,0),0)),0)</f>
        <v>1.4170018031792475</v>
      </c>
      <c r="F7232" cm="1">
        <f t="array" ref="F7232">IFERROR(INDEX(Jesper!AJ$2:AJ$366,ROUNDDOWN($C7232/24,0)+1,1)*INDEX($D$3:$AA$30,INDEX(Jesper!$R$2:$R$366,ROW(INDEX(Jesper!AJ$2:AJ$366,ROUNDDOWN($C7232/24,0)+1,1))-1)+IF('Standard Profiles'!$G$20=$B$10,7,0)+IF('Standard Profiles'!$G$20=$B$17,14,0)+IF('Standard Profiles'!$G$20=$B$24,21,0),MOD($C7232,24)+1)/SUM(INDEX($D$3:$AA$30,INDEX(Jesper!$R$2:$R$366,ROW(INDEX(Jesper!AJ$2:AJ$366,ROUNDDOWN($C7232/24,0)+1,1))-1)+IF('Standard Profiles'!$G$20=$B$10,7,0)+IF('Standard Profiles'!$G$20=$B$17,14,0)+IF('Standard Profiles'!$G$20=$B$24,21,0),0)),0)</f>
        <v>0</v>
      </c>
      <c r="G7232" cm="1">
        <f t="array" ref="G7232">IFERROR(INDEX(Jesper!AK$2:AK$366,ROUNDDOWN($C7232/24,0)+1,1)*INDEX($D$3:$AA$30,INDEX(Jesper!$R$2:$R$366,ROW(INDEX(Jesper!AK$2:AK$366,ROUNDDOWN($C7232/24,0)+1,1))-1)+IF('Standard Profiles'!$G$21=$B$10,7,0)+IF('Standard Profiles'!$G$21=$B$17,14,0)+IF('Standard Profiles'!$G$21=$B$24,21,0),MOD($C7232,24)+1)/SUM(INDEX($D$3:$AA$30,INDEX(Jesper!$R$2:$R$366,ROW(INDEX(Jesper!AK$2:AK$366,ROUNDDOWN($C7232/24,0)+1,1))-1)+IF('Standard Profiles'!$G$21=$B$10,7,0)+IF('Standard Profiles'!$G$21=$B$17,14,0)+IF('Standard Profiles'!$G$21=$B$24,21,0),0)),0)</f>
        <v>0</v>
      </c>
      <c r="H7232" cm="1">
        <f t="array" ref="H7232">IFERROR(INDEX(Jesper!AL$2:AL$366,ROUNDDOWN($C7232/24,0)+1,1)*INDEX($D$3:$AA$30,INDEX(Jesper!$R$2:$R$366,ROW(INDEX(Jesper!AL$2:AL$366,ROUNDDOWN($C7232/24,0)+1,1))-1)+IF('Standard Profiles'!$G$22=$B$10,7,0)+IF('Standard Profiles'!$G$22=$B$17,14,0)+IF('Standard Profiles'!$G$22=$B$24,21,0),MOD($C7232,24)+1)/SUM(INDEX($D$3:$AA$30,INDEX(Jesper!$R$2:$R$366,ROW(INDEX(Jesper!AL$2:AL$366,ROUNDDOWN($C7232/24,0)+1,1))-1)+IF('Standard Profiles'!$G$22=$B$10,7,0)+IF('Standard Profiles'!$G$22=$B$17,14,0)+IF('Standard Profiles'!$G$22=$B$24,21,0),0)),0)</f>
        <v>0</v>
      </c>
      <c r="I7232">
        <f t="shared" si="804"/>
        <v>0.12765782010623855</v>
      </c>
      <c r="J7232">
        <f t="shared" si="805"/>
        <v>0.42552606702079521</v>
      </c>
      <c r="K7232">
        <f t="shared" si="806"/>
        <v>0.63828910053119281</v>
      </c>
      <c r="L7232">
        <f t="shared" si="807"/>
        <v>6.4920663429502374</v>
      </c>
      <c r="M7232">
        <f t="shared" si="808"/>
        <v>0</v>
      </c>
      <c r="N7232" s="46">
        <f t="shared" si="809"/>
        <v>45591.916666649209</v>
      </c>
    </row>
    <row r="7233" spans="2:14" x14ac:dyDescent="0.3">
      <c r="B7233">
        <f t="shared" si="803"/>
        <v>6</v>
      </c>
      <c r="C7233" s="16">
        <v>7199</v>
      </c>
      <c r="D7233" cm="1">
        <f t="array" ref="D7233">IFERROR(INDEX(Jesper!AH$2:AH$366,ROUNDDOWN($C7233/24,0)+1,1)*INDEX($D$3:$AA$30,INDEX(Jesper!$R$2:$R$366,ROW(INDEX(Jesper!AH$2:AH$366,ROUNDDOWN($C7233/24,0)+1,1))-1)+IF('Standard Profiles'!$G$18=$B$10,7,0)+IF('Standard Profiles'!$G$18=$B$17,14,0)+IF('Standard Profiles'!$G$18=$B$24,21,0),MOD($C7233,24)+1)/SUM(INDEX($D$3:$AA$30,INDEX(Jesper!$R$2:$R$366,ROW(INDEX(Jesper!AH$2:AH$366,ROUNDDOWN($C7233/24,0)+1,1))-1)+IF('Standard Profiles'!$G$18=$B$10,7,0)+IF('Standard Profiles'!$G$18=$B$17,14,0)+IF('Standard Profiles'!$G$18=$B$24,21,0),0)),0)</f>
        <v>6.2665375274292163</v>
      </c>
      <c r="E7233" cm="1">
        <f t="array" ref="E7233">IFERROR(INDEX(Jesper!AI$2:AI$366,ROUNDDOWN($C7233/24,0)+1,1)*INDEX($D$3:$AA$30,INDEX(Jesper!$R$2:$R$366,ROW(INDEX(Jesper!AI$2:AI$366,ROUNDDOWN($C7233/24,0)+1,1))-1)+IF('Standard Profiles'!$G$19=$B$10,7,0)+IF('Standard Profiles'!$G$19=$B$17,14,0)+IF('Standard Profiles'!$G$19=$B$24,21,0),MOD($C7233,24)+1)/SUM(INDEX($D$3:$AA$30,INDEX(Jesper!$R$2:$R$366,ROW(INDEX(Jesper!AI$2:AI$366,ROUNDDOWN($C7233/24,0)+1,1))-1)+IF('Standard Profiles'!$G$19=$B$10,7,0)+IF('Standard Profiles'!$G$19=$B$17,14,0)+IF('Standard Profiles'!$G$19=$B$24,21,0),0)),0)</f>
        <v>1.4170018031792475</v>
      </c>
      <c r="F7233" cm="1">
        <f t="array" ref="F7233">IFERROR(INDEX(Jesper!AJ$2:AJ$366,ROUNDDOWN($C7233/24,0)+1,1)*INDEX($D$3:$AA$30,INDEX(Jesper!$R$2:$R$366,ROW(INDEX(Jesper!AJ$2:AJ$366,ROUNDDOWN($C7233/24,0)+1,1))-1)+IF('Standard Profiles'!$G$20=$B$10,7,0)+IF('Standard Profiles'!$G$20=$B$17,14,0)+IF('Standard Profiles'!$G$20=$B$24,21,0),MOD($C7233,24)+1)/SUM(INDEX($D$3:$AA$30,INDEX(Jesper!$R$2:$R$366,ROW(INDEX(Jesper!AJ$2:AJ$366,ROUNDDOWN($C7233/24,0)+1,1))-1)+IF('Standard Profiles'!$G$20=$B$10,7,0)+IF('Standard Profiles'!$G$20=$B$17,14,0)+IF('Standard Profiles'!$G$20=$B$24,21,0),0)),0)</f>
        <v>0</v>
      </c>
      <c r="G7233" cm="1">
        <f t="array" ref="G7233">IFERROR(INDEX(Jesper!AK$2:AK$366,ROUNDDOWN($C7233/24,0)+1,1)*INDEX($D$3:$AA$30,INDEX(Jesper!$R$2:$R$366,ROW(INDEX(Jesper!AK$2:AK$366,ROUNDDOWN($C7233/24,0)+1,1))-1)+IF('Standard Profiles'!$G$21=$B$10,7,0)+IF('Standard Profiles'!$G$21=$B$17,14,0)+IF('Standard Profiles'!$G$21=$B$24,21,0),MOD($C7233,24)+1)/SUM(INDEX($D$3:$AA$30,INDEX(Jesper!$R$2:$R$366,ROW(INDEX(Jesper!AK$2:AK$366,ROUNDDOWN($C7233/24,0)+1,1))-1)+IF('Standard Profiles'!$G$21=$B$10,7,0)+IF('Standard Profiles'!$G$21=$B$17,14,0)+IF('Standard Profiles'!$G$21=$B$24,21,0),0)),0)</f>
        <v>0</v>
      </c>
      <c r="H7233" cm="1">
        <f t="array" ref="H7233">IFERROR(INDEX(Jesper!AL$2:AL$366,ROUNDDOWN($C7233/24,0)+1,1)*INDEX($D$3:$AA$30,INDEX(Jesper!$R$2:$R$366,ROW(INDEX(Jesper!AL$2:AL$366,ROUNDDOWN($C7233/24,0)+1,1))-1)+IF('Standard Profiles'!$G$22=$B$10,7,0)+IF('Standard Profiles'!$G$22=$B$17,14,0)+IF('Standard Profiles'!$G$22=$B$24,21,0),MOD($C7233,24)+1)/SUM(INDEX($D$3:$AA$30,INDEX(Jesper!$R$2:$R$366,ROW(INDEX(Jesper!AL$2:AL$366,ROUNDDOWN($C7233/24,0)+1,1))-1)+IF('Standard Profiles'!$G$22=$B$10,7,0)+IF('Standard Profiles'!$G$22=$B$17,14,0)+IF('Standard Profiles'!$G$22=$B$24,21,0),0)),0)</f>
        <v>0</v>
      </c>
      <c r="I7233">
        <f t="shared" si="804"/>
        <v>0.12765782010623855</v>
      </c>
      <c r="J7233">
        <f t="shared" si="805"/>
        <v>0.42552606702079521</v>
      </c>
      <c r="K7233">
        <f t="shared" si="806"/>
        <v>0.63828910053119281</v>
      </c>
      <c r="L7233">
        <f t="shared" si="807"/>
        <v>6.4920663429502374</v>
      </c>
      <c r="M7233">
        <f t="shared" si="808"/>
        <v>0</v>
      </c>
      <c r="N7233" s="46">
        <f t="shared" si="809"/>
        <v>45591.958333315873</v>
      </c>
    </row>
    <row r="7234" spans="2:14" x14ac:dyDescent="0.3">
      <c r="B7234">
        <f t="shared" si="803"/>
        <v>7</v>
      </c>
      <c r="C7234" s="16">
        <v>7200</v>
      </c>
      <c r="D7234" cm="1">
        <f t="array" ref="D7234">IFERROR(INDEX(Jesper!AH$2:AH$366,ROUNDDOWN($C7234/24,0)+1,1)*INDEX($D$3:$AA$30,INDEX(Jesper!$R$2:$R$366,ROW(INDEX(Jesper!AH$2:AH$366,ROUNDDOWN($C7234/24,0)+1,1))-1)+IF('Standard Profiles'!$G$18=$B$10,7,0)+IF('Standard Profiles'!$G$18=$B$17,14,0)+IF('Standard Profiles'!$G$18=$B$24,21,0),MOD($C7234,24)+1)/SUM(INDEX($D$3:$AA$30,INDEX(Jesper!$R$2:$R$366,ROW(INDEX(Jesper!AH$2:AH$366,ROUNDDOWN($C7234/24,0)+1,1))-1)+IF('Standard Profiles'!$G$18=$B$10,7,0)+IF('Standard Profiles'!$G$18=$B$17,14,0)+IF('Standard Profiles'!$G$18=$B$24,21,0),0)),0)</f>
        <v>7.3040057386469774</v>
      </c>
      <c r="E7234" cm="1">
        <f t="array" ref="E7234">IFERROR(INDEX(Jesper!AI$2:AI$366,ROUNDDOWN($C7234/24,0)+1,1)*INDEX($D$3:$AA$30,INDEX(Jesper!$R$2:$R$366,ROW(INDEX(Jesper!AI$2:AI$366,ROUNDDOWN($C7234/24,0)+1,1))-1)+IF('Standard Profiles'!$G$19=$B$10,7,0)+IF('Standard Profiles'!$G$19=$B$17,14,0)+IF('Standard Profiles'!$G$19=$B$24,21,0),MOD($C7234,24)+1)/SUM(INDEX($D$3:$AA$30,INDEX(Jesper!$R$2:$R$366,ROW(INDEX(Jesper!AI$2:AI$366,ROUNDDOWN($C7234/24,0)+1,1))-1)+IF('Standard Profiles'!$G$19=$B$10,7,0)+IF('Standard Profiles'!$G$19=$B$17,14,0)+IF('Standard Profiles'!$G$19=$B$24,21,0),0)),0)</f>
        <v>1.7075942924599306</v>
      </c>
      <c r="F7234" cm="1">
        <f t="array" ref="F7234">IFERROR(INDEX(Jesper!AJ$2:AJ$366,ROUNDDOWN($C7234/24,0)+1,1)*INDEX($D$3:$AA$30,INDEX(Jesper!$R$2:$R$366,ROW(INDEX(Jesper!AJ$2:AJ$366,ROUNDDOWN($C7234/24,0)+1,1))-1)+IF('Standard Profiles'!$G$20=$B$10,7,0)+IF('Standard Profiles'!$G$20=$B$17,14,0)+IF('Standard Profiles'!$G$20=$B$24,21,0),MOD($C7234,24)+1)/SUM(INDEX($D$3:$AA$30,INDEX(Jesper!$R$2:$R$366,ROW(INDEX(Jesper!AJ$2:AJ$366,ROUNDDOWN($C7234/24,0)+1,1))-1)+IF('Standard Profiles'!$G$20=$B$10,7,0)+IF('Standard Profiles'!$G$20=$B$17,14,0)+IF('Standard Profiles'!$G$20=$B$24,21,0),0)),0)</f>
        <v>0</v>
      </c>
      <c r="G7234" cm="1">
        <f t="array" ref="G7234">IFERROR(INDEX(Jesper!AK$2:AK$366,ROUNDDOWN($C7234/24,0)+1,1)*INDEX($D$3:$AA$30,INDEX(Jesper!$R$2:$R$366,ROW(INDEX(Jesper!AK$2:AK$366,ROUNDDOWN($C7234/24,0)+1,1))-1)+IF('Standard Profiles'!$G$21=$B$10,7,0)+IF('Standard Profiles'!$G$21=$B$17,14,0)+IF('Standard Profiles'!$G$21=$B$24,21,0),MOD($C7234,24)+1)/SUM(INDEX($D$3:$AA$30,INDEX(Jesper!$R$2:$R$366,ROW(INDEX(Jesper!AK$2:AK$366,ROUNDDOWN($C7234/24,0)+1,1))-1)+IF('Standard Profiles'!$G$21=$B$10,7,0)+IF('Standard Profiles'!$G$21=$B$17,14,0)+IF('Standard Profiles'!$G$21=$B$24,21,0),0)),0)</f>
        <v>0</v>
      </c>
      <c r="H7234" cm="1">
        <f t="array" ref="H7234">IFERROR(INDEX(Jesper!AL$2:AL$366,ROUNDDOWN($C7234/24,0)+1,1)*INDEX($D$3:$AA$30,INDEX(Jesper!$R$2:$R$366,ROW(INDEX(Jesper!AL$2:AL$366,ROUNDDOWN($C7234/24,0)+1,1))-1)+IF('Standard Profiles'!$G$22=$B$10,7,0)+IF('Standard Profiles'!$G$22=$B$17,14,0)+IF('Standard Profiles'!$G$22=$B$24,21,0),MOD($C7234,24)+1)/SUM(INDEX($D$3:$AA$30,INDEX(Jesper!$R$2:$R$366,ROW(INDEX(Jesper!AL$2:AL$366,ROUNDDOWN($C7234/24,0)+1,1))-1)+IF('Standard Profiles'!$G$22=$B$10,7,0)+IF('Standard Profiles'!$G$22=$B$17,14,0)+IF('Standard Profiles'!$G$22=$B$24,21,0),0)),0)</f>
        <v>0</v>
      </c>
      <c r="I7234">
        <f t="shared" si="804"/>
        <v>0.15383732364503883</v>
      </c>
      <c r="J7234">
        <f t="shared" si="805"/>
        <v>0.5127910788167962</v>
      </c>
      <c r="K7234">
        <f t="shared" si="806"/>
        <v>0.76918661822519419</v>
      </c>
      <c r="L7234">
        <f t="shared" si="807"/>
        <v>7.575785010419879</v>
      </c>
      <c r="M7234">
        <f t="shared" si="808"/>
        <v>0</v>
      </c>
      <c r="N7234" s="46">
        <f t="shared" si="809"/>
        <v>45591.999999982538</v>
      </c>
    </row>
    <row r="7235" spans="2:14" x14ac:dyDescent="0.3">
      <c r="B7235">
        <f t="shared" si="803"/>
        <v>7</v>
      </c>
      <c r="C7235" s="16">
        <v>7201</v>
      </c>
      <c r="D7235" cm="1">
        <f t="array" ref="D7235">IFERROR(INDEX(Jesper!AH$2:AH$366,ROUNDDOWN($C7235/24,0)+1,1)*INDEX($D$3:$AA$30,INDEX(Jesper!$R$2:$R$366,ROW(INDEX(Jesper!AH$2:AH$366,ROUNDDOWN($C7235/24,0)+1,1))-1)+IF('Standard Profiles'!$G$18=$B$10,7,0)+IF('Standard Profiles'!$G$18=$B$17,14,0)+IF('Standard Profiles'!$G$18=$B$24,21,0),MOD($C7235,24)+1)/SUM(INDEX($D$3:$AA$30,INDEX(Jesper!$R$2:$R$366,ROW(INDEX(Jesper!AH$2:AH$366,ROUNDDOWN($C7235/24,0)+1,1))-1)+IF('Standard Profiles'!$G$18=$B$10,7,0)+IF('Standard Profiles'!$G$18=$B$17,14,0)+IF('Standard Profiles'!$G$18=$B$24,21,0),0)),0)</f>
        <v>8.4820711803642315</v>
      </c>
      <c r="E7235" cm="1">
        <f t="array" ref="E7235">IFERROR(INDEX(Jesper!AI$2:AI$366,ROUNDDOWN($C7235/24,0)+1,1)*INDEX($D$3:$AA$30,INDEX(Jesper!$R$2:$R$366,ROW(INDEX(Jesper!AI$2:AI$366,ROUNDDOWN($C7235/24,0)+1,1))-1)+IF('Standard Profiles'!$G$19=$B$10,7,0)+IF('Standard Profiles'!$G$19=$B$17,14,0)+IF('Standard Profiles'!$G$19=$B$24,21,0),MOD($C7235,24)+1)/SUM(INDEX($D$3:$AA$30,INDEX(Jesper!$R$2:$R$366,ROW(INDEX(Jesper!AI$2:AI$366,ROUNDDOWN($C7235/24,0)+1,1))-1)+IF('Standard Profiles'!$G$19=$B$10,7,0)+IF('Standard Profiles'!$G$19=$B$17,14,0)+IF('Standard Profiles'!$G$19=$B$24,21,0),0)),0)</f>
        <v>1.9830127267276612</v>
      </c>
      <c r="F7235" cm="1">
        <f t="array" ref="F7235">IFERROR(INDEX(Jesper!AJ$2:AJ$366,ROUNDDOWN($C7235/24,0)+1,1)*INDEX($D$3:$AA$30,INDEX(Jesper!$R$2:$R$366,ROW(INDEX(Jesper!AJ$2:AJ$366,ROUNDDOWN($C7235/24,0)+1,1))-1)+IF('Standard Profiles'!$G$20=$B$10,7,0)+IF('Standard Profiles'!$G$20=$B$17,14,0)+IF('Standard Profiles'!$G$20=$B$24,21,0),MOD($C7235,24)+1)/SUM(INDEX($D$3:$AA$30,INDEX(Jesper!$R$2:$R$366,ROW(INDEX(Jesper!AJ$2:AJ$366,ROUNDDOWN($C7235/24,0)+1,1))-1)+IF('Standard Profiles'!$G$20=$B$10,7,0)+IF('Standard Profiles'!$G$20=$B$17,14,0)+IF('Standard Profiles'!$G$20=$B$24,21,0),0)),0)</f>
        <v>0</v>
      </c>
      <c r="G7235" cm="1">
        <f t="array" ref="G7235">IFERROR(INDEX(Jesper!AK$2:AK$366,ROUNDDOWN($C7235/24,0)+1,1)*INDEX($D$3:$AA$30,INDEX(Jesper!$R$2:$R$366,ROW(INDEX(Jesper!AK$2:AK$366,ROUNDDOWN($C7235/24,0)+1,1))-1)+IF('Standard Profiles'!$G$21=$B$10,7,0)+IF('Standard Profiles'!$G$21=$B$17,14,0)+IF('Standard Profiles'!$G$21=$B$24,21,0),MOD($C7235,24)+1)/SUM(INDEX($D$3:$AA$30,INDEX(Jesper!$R$2:$R$366,ROW(INDEX(Jesper!AK$2:AK$366,ROUNDDOWN($C7235/24,0)+1,1))-1)+IF('Standard Profiles'!$G$21=$B$10,7,0)+IF('Standard Profiles'!$G$21=$B$17,14,0)+IF('Standard Profiles'!$G$21=$B$24,21,0),0)),0)</f>
        <v>0</v>
      </c>
      <c r="H7235" cm="1">
        <f t="array" ref="H7235">IFERROR(INDEX(Jesper!AL$2:AL$366,ROUNDDOWN($C7235/24,0)+1,1)*INDEX($D$3:$AA$30,INDEX(Jesper!$R$2:$R$366,ROW(INDEX(Jesper!AL$2:AL$366,ROUNDDOWN($C7235/24,0)+1,1))-1)+IF('Standard Profiles'!$G$22=$B$10,7,0)+IF('Standard Profiles'!$G$22=$B$17,14,0)+IF('Standard Profiles'!$G$22=$B$24,21,0),MOD($C7235,24)+1)/SUM(INDEX($D$3:$AA$30,INDEX(Jesper!$R$2:$R$366,ROW(INDEX(Jesper!AL$2:AL$366,ROUNDDOWN($C7235/24,0)+1,1))-1)+IF('Standard Profiles'!$G$22=$B$10,7,0)+IF('Standard Profiles'!$G$22=$B$17,14,0)+IF('Standard Profiles'!$G$22=$B$24,21,0),0)),0)</f>
        <v>0</v>
      </c>
      <c r="I7235">
        <f t="shared" si="804"/>
        <v>0.17864979520069024</v>
      </c>
      <c r="J7235">
        <f t="shared" si="805"/>
        <v>0.59549931733563422</v>
      </c>
      <c r="K7235">
        <f t="shared" si="806"/>
        <v>0.89324897600345132</v>
      </c>
      <c r="L7235">
        <f t="shared" si="807"/>
        <v>8.7976858185521163</v>
      </c>
      <c r="M7235">
        <f t="shared" si="808"/>
        <v>0</v>
      </c>
      <c r="N7235" s="46">
        <f t="shared" si="809"/>
        <v>45592.041666649202</v>
      </c>
    </row>
    <row r="7236" spans="2:14" x14ac:dyDescent="0.3">
      <c r="B7236">
        <f t="shared" si="803"/>
        <v>7</v>
      </c>
      <c r="C7236" s="16">
        <v>7202</v>
      </c>
      <c r="D7236" cm="1">
        <f t="array" ref="D7236">IFERROR(INDEX(Jesper!AH$2:AH$366,ROUNDDOWN($C7236/24,0)+1,1)*INDEX($D$3:$AA$30,INDEX(Jesper!$R$2:$R$366,ROW(INDEX(Jesper!AH$2:AH$366,ROUNDDOWN($C7236/24,0)+1,1))-1)+IF('Standard Profiles'!$G$18=$B$10,7,0)+IF('Standard Profiles'!$G$18=$B$17,14,0)+IF('Standard Profiles'!$G$18=$B$24,21,0),MOD($C7236,24)+1)/SUM(INDEX($D$3:$AA$30,INDEX(Jesper!$R$2:$R$366,ROW(INDEX(Jesper!AH$2:AH$366,ROUNDDOWN($C7236/24,0)+1,1))-1)+IF('Standard Profiles'!$G$18=$B$10,7,0)+IF('Standard Profiles'!$G$18=$B$17,14,0)+IF('Standard Profiles'!$G$18=$B$24,21,0),0)),0)</f>
        <v>8.4820711803642315</v>
      </c>
      <c r="E7236" cm="1">
        <f t="array" ref="E7236">IFERROR(INDEX(Jesper!AI$2:AI$366,ROUNDDOWN($C7236/24,0)+1,1)*INDEX($D$3:$AA$30,INDEX(Jesper!$R$2:$R$366,ROW(INDEX(Jesper!AI$2:AI$366,ROUNDDOWN($C7236/24,0)+1,1))-1)+IF('Standard Profiles'!$G$19=$B$10,7,0)+IF('Standard Profiles'!$G$19=$B$17,14,0)+IF('Standard Profiles'!$G$19=$B$24,21,0),MOD($C7236,24)+1)/SUM(INDEX($D$3:$AA$30,INDEX(Jesper!$R$2:$R$366,ROW(INDEX(Jesper!AI$2:AI$366,ROUNDDOWN($C7236/24,0)+1,1))-1)+IF('Standard Profiles'!$G$19=$B$10,7,0)+IF('Standard Profiles'!$G$19=$B$17,14,0)+IF('Standard Profiles'!$G$19=$B$24,21,0),0)),0)</f>
        <v>1.9830127267276612</v>
      </c>
      <c r="F7236" cm="1">
        <f t="array" ref="F7236">IFERROR(INDEX(Jesper!AJ$2:AJ$366,ROUNDDOWN($C7236/24,0)+1,1)*INDEX($D$3:$AA$30,INDEX(Jesper!$R$2:$R$366,ROW(INDEX(Jesper!AJ$2:AJ$366,ROUNDDOWN($C7236/24,0)+1,1))-1)+IF('Standard Profiles'!$G$20=$B$10,7,0)+IF('Standard Profiles'!$G$20=$B$17,14,0)+IF('Standard Profiles'!$G$20=$B$24,21,0),MOD($C7236,24)+1)/SUM(INDEX($D$3:$AA$30,INDEX(Jesper!$R$2:$R$366,ROW(INDEX(Jesper!AJ$2:AJ$366,ROUNDDOWN($C7236/24,0)+1,1))-1)+IF('Standard Profiles'!$G$20=$B$10,7,0)+IF('Standard Profiles'!$G$20=$B$17,14,0)+IF('Standard Profiles'!$G$20=$B$24,21,0),0)),0)</f>
        <v>0</v>
      </c>
      <c r="G7236" cm="1">
        <f t="array" ref="G7236">IFERROR(INDEX(Jesper!AK$2:AK$366,ROUNDDOWN($C7236/24,0)+1,1)*INDEX($D$3:$AA$30,INDEX(Jesper!$R$2:$R$366,ROW(INDEX(Jesper!AK$2:AK$366,ROUNDDOWN($C7236/24,0)+1,1))-1)+IF('Standard Profiles'!$G$21=$B$10,7,0)+IF('Standard Profiles'!$G$21=$B$17,14,0)+IF('Standard Profiles'!$G$21=$B$24,21,0),MOD($C7236,24)+1)/SUM(INDEX($D$3:$AA$30,INDEX(Jesper!$R$2:$R$366,ROW(INDEX(Jesper!AK$2:AK$366,ROUNDDOWN($C7236/24,0)+1,1))-1)+IF('Standard Profiles'!$G$21=$B$10,7,0)+IF('Standard Profiles'!$G$21=$B$17,14,0)+IF('Standard Profiles'!$G$21=$B$24,21,0),0)),0)</f>
        <v>0</v>
      </c>
      <c r="H7236" cm="1">
        <f t="array" ref="H7236">IFERROR(INDEX(Jesper!AL$2:AL$366,ROUNDDOWN($C7236/24,0)+1,1)*INDEX($D$3:$AA$30,INDEX(Jesper!$R$2:$R$366,ROW(INDEX(Jesper!AL$2:AL$366,ROUNDDOWN($C7236/24,0)+1,1))-1)+IF('Standard Profiles'!$G$22=$B$10,7,0)+IF('Standard Profiles'!$G$22=$B$17,14,0)+IF('Standard Profiles'!$G$22=$B$24,21,0),MOD($C7236,24)+1)/SUM(INDEX($D$3:$AA$30,INDEX(Jesper!$R$2:$R$366,ROW(INDEX(Jesper!AL$2:AL$366,ROUNDDOWN($C7236/24,0)+1,1))-1)+IF('Standard Profiles'!$G$22=$B$10,7,0)+IF('Standard Profiles'!$G$22=$B$17,14,0)+IF('Standard Profiles'!$G$22=$B$24,21,0),0)),0)</f>
        <v>0</v>
      </c>
      <c r="I7236">
        <f t="shared" si="804"/>
        <v>0.17864979520069024</v>
      </c>
      <c r="J7236">
        <f t="shared" si="805"/>
        <v>0.59549931733563422</v>
      </c>
      <c r="K7236">
        <f t="shared" si="806"/>
        <v>0.89324897600345132</v>
      </c>
      <c r="L7236">
        <f t="shared" si="807"/>
        <v>8.7976858185521163</v>
      </c>
      <c r="M7236">
        <f t="shared" si="808"/>
        <v>0</v>
      </c>
      <c r="N7236" s="46">
        <f t="shared" si="809"/>
        <v>45592.083333315866</v>
      </c>
    </row>
    <row r="7237" spans="2:14" x14ac:dyDescent="0.3">
      <c r="B7237">
        <f t="shared" si="803"/>
        <v>7</v>
      </c>
      <c r="C7237" s="16">
        <v>7203</v>
      </c>
      <c r="D7237" cm="1">
        <f t="array" ref="D7237">IFERROR(INDEX(Jesper!AH$2:AH$366,ROUNDDOWN($C7237/24,0)+1,1)*INDEX($D$3:$AA$30,INDEX(Jesper!$R$2:$R$366,ROW(INDEX(Jesper!AH$2:AH$366,ROUNDDOWN($C7237/24,0)+1,1))-1)+IF('Standard Profiles'!$G$18=$B$10,7,0)+IF('Standard Profiles'!$G$18=$B$17,14,0)+IF('Standard Profiles'!$G$18=$B$24,21,0),MOD($C7237,24)+1)/SUM(INDEX($D$3:$AA$30,INDEX(Jesper!$R$2:$R$366,ROW(INDEX(Jesper!AH$2:AH$366,ROUNDDOWN($C7237/24,0)+1,1))-1)+IF('Standard Profiles'!$G$18=$B$10,7,0)+IF('Standard Profiles'!$G$18=$B$17,14,0)+IF('Standard Profiles'!$G$18=$B$24,21,0),0)),0)</f>
        <v>8.4820711803642315</v>
      </c>
      <c r="E7237" cm="1">
        <f t="array" ref="E7237">IFERROR(INDEX(Jesper!AI$2:AI$366,ROUNDDOWN($C7237/24,0)+1,1)*INDEX($D$3:$AA$30,INDEX(Jesper!$R$2:$R$366,ROW(INDEX(Jesper!AI$2:AI$366,ROUNDDOWN($C7237/24,0)+1,1))-1)+IF('Standard Profiles'!$G$19=$B$10,7,0)+IF('Standard Profiles'!$G$19=$B$17,14,0)+IF('Standard Profiles'!$G$19=$B$24,21,0),MOD($C7237,24)+1)/SUM(INDEX($D$3:$AA$30,INDEX(Jesper!$R$2:$R$366,ROW(INDEX(Jesper!AI$2:AI$366,ROUNDDOWN($C7237/24,0)+1,1))-1)+IF('Standard Profiles'!$G$19=$B$10,7,0)+IF('Standard Profiles'!$G$19=$B$17,14,0)+IF('Standard Profiles'!$G$19=$B$24,21,0),0)),0)</f>
        <v>1.9830127267276612</v>
      </c>
      <c r="F7237" cm="1">
        <f t="array" ref="F7237">IFERROR(INDEX(Jesper!AJ$2:AJ$366,ROUNDDOWN($C7237/24,0)+1,1)*INDEX($D$3:$AA$30,INDEX(Jesper!$R$2:$R$366,ROW(INDEX(Jesper!AJ$2:AJ$366,ROUNDDOWN($C7237/24,0)+1,1))-1)+IF('Standard Profiles'!$G$20=$B$10,7,0)+IF('Standard Profiles'!$G$20=$B$17,14,0)+IF('Standard Profiles'!$G$20=$B$24,21,0),MOD($C7237,24)+1)/SUM(INDEX($D$3:$AA$30,INDEX(Jesper!$R$2:$R$366,ROW(INDEX(Jesper!AJ$2:AJ$366,ROUNDDOWN($C7237/24,0)+1,1))-1)+IF('Standard Profiles'!$G$20=$B$10,7,0)+IF('Standard Profiles'!$G$20=$B$17,14,0)+IF('Standard Profiles'!$G$20=$B$24,21,0),0)),0)</f>
        <v>0</v>
      </c>
      <c r="G7237" cm="1">
        <f t="array" ref="G7237">IFERROR(INDEX(Jesper!AK$2:AK$366,ROUNDDOWN($C7237/24,0)+1,1)*INDEX($D$3:$AA$30,INDEX(Jesper!$R$2:$R$366,ROW(INDEX(Jesper!AK$2:AK$366,ROUNDDOWN($C7237/24,0)+1,1))-1)+IF('Standard Profiles'!$G$21=$B$10,7,0)+IF('Standard Profiles'!$G$21=$B$17,14,0)+IF('Standard Profiles'!$G$21=$B$24,21,0),MOD($C7237,24)+1)/SUM(INDEX($D$3:$AA$30,INDEX(Jesper!$R$2:$R$366,ROW(INDEX(Jesper!AK$2:AK$366,ROUNDDOWN($C7237/24,0)+1,1))-1)+IF('Standard Profiles'!$G$21=$B$10,7,0)+IF('Standard Profiles'!$G$21=$B$17,14,0)+IF('Standard Profiles'!$G$21=$B$24,21,0),0)),0)</f>
        <v>0</v>
      </c>
      <c r="H7237" cm="1">
        <f t="array" ref="H7237">IFERROR(INDEX(Jesper!AL$2:AL$366,ROUNDDOWN($C7237/24,0)+1,1)*INDEX($D$3:$AA$30,INDEX(Jesper!$R$2:$R$366,ROW(INDEX(Jesper!AL$2:AL$366,ROUNDDOWN($C7237/24,0)+1,1))-1)+IF('Standard Profiles'!$G$22=$B$10,7,0)+IF('Standard Profiles'!$G$22=$B$17,14,0)+IF('Standard Profiles'!$G$22=$B$24,21,0),MOD($C7237,24)+1)/SUM(INDEX($D$3:$AA$30,INDEX(Jesper!$R$2:$R$366,ROW(INDEX(Jesper!AL$2:AL$366,ROUNDDOWN($C7237/24,0)+1,1))-1)+IF('Standard Profiles'!$G$22=$B$10,7,0)+IF('Standard Profiles'!$G$22=$B$17,14,0)+IF('Standard Profiles'!$G$22=$B$24,21,0),0)),0)</f>
        <v>0</v>
      </c>
      <c r="I7237">
        <f t="shared" si="804"/>
        <v>0.17864979520069024</v>
      </c>
      <c r="J7237">
        <f t="shared" si="805"/>
        <v>0.59549931733563422</v>
      </c>
      <c r="K7237">
        <f t="shared" si="806"/>
        <v>0.89324897600345132</v>
      </c>
      <c r="L7237">
        <f t="shared" si="807"/>
        <v>8.7976858185521163</v>
      </c>
      <c r="M7237">
        <f t="shared" si="808"/>
        <v>0</v>
      </c>
      <c r="N7237" s="46">
        <f t="shared" si="809"/>
        <v>45592.12499998253</v>
      </c>
    </row>
    <row r="7238" spans="2:14" x14ac:dyDescent="0.3">
      <c r="B7238">
        <f t="shared" si="803"/>
        <v>7</v>
      </c>
      <c r="C7238" s="16">
        <v>7204</v>
      </c>
      <c r="D7238" cm="1">
        <f t="array" ref="D7238">IFERROR(INDEX(Jesper!AH$2:AH$366,ROUNDDOWN($C7238/24,0)+1,1)*INDEX($D$3:$AA$30,INDEX(Jesper!$R$2:$R$366,ROW(INDEX(Jesper!AH$2:AH$366,ROUNDDOWN($C7238/24,0)+1,1))-1)+IF('Standard Profiles'!$G$18=$B$10,7,0)+IF('Standard Profiles'!$G$18=$B$17,14,0)+IF('Standard Profiles'!$G$18=$B$24,21,0),MOD($C7238,24)+1)/SUM(INDEX($D$3:$AA$30,INDEX(Jesper!$R$2:$R$366,ROW(INDEX(Jesper!AH$2:AH$366,ROUNDDOWN($C7238/24,0)+1,1))-1)+IF('Standard Profiles'!$G$18=$B$10,7,0)+IF('Standard Profiles'!$G$18=$B$17,14,0)+IF('Standard Profiles'!$G$18=$B$24,21,0),0)),0)</f>
        <v>8.4820711803642315</v>
      </c>
      <c r="E7238" cm="1">
        <f t="array" ref="E7238">IFERROR(INDEX(Jesper!AI$2:AI$366,ROUNDDOWN($C7238/24,0)+1,1)*INDEX($D$3:$AA$30,INDEX(Jesper!$R$2:$R$366,ROW(INDEX(Jesper!AI$2:AI$366,ROUNDDOWN($C7238/24,0)+1,1))-1)+IF('Standard Profiles'!$G$19=$B$10,7,0)+IF('Standard Profiles'!$G$19=$B$17,14,0)+IF('Standard Profiles'!$G$19=$B$24,21,0),MOD($C7238,24)+1)/SUM(INDEX($D$3:$AA$30,INDEX(Jesper!$R$2:$R$366,ROW(INDEX(Jesper!AI$2:AI$366,ROUNDDOWN($C7238/24,0)+1,1))-1)+IF('Standard Profiles'!$G$19=$B$10,7,0)+IF('Standard Profiles'!$G$19=$B$17,14,0)+IF('Standard Profiles'!$G$19=$B$24,21,0),0)),0)</f>
        <v>1.9830127267276612</v>
      </c>
      <c r="F7238" cm="1">
        <f t="array" ref="F7238">IFERROR(INDEX(Jesper!AJ$2:AJ$366,ROUNDDOWN($C7238/24,0)+1,1)*INDEX($D$3:$AA$30,INDEX(Jesper!$R$2:$R$366,ROW(INDEX(Jesper!AJ$2:AJ$366,ROUNDDOWN($C7238/24,0)+1,1))-1)+IF('Standard Profiles'!$G$20=$B$10,7,0)+IF('Standard Profiles'!$G$20=$B$17,14,0)+IF('Standard Profiles'!$G$20=$B$24,21,0),MOD($C7238,24)+1)/SUM(INDEX($D$3:$AA$30,INDEX(Jesper!$R$2:$R$366,ROW(INDEX(Jesper!AJ$2:AJ$366,ROUNDDOWN($C7238/24,0)+1,1))-1)+IF('Standard Profiles'!$G$20=$B$10,7,0)+IF('Standard Profiles'!$G$20=$B$17,14,0)+IF('Standard Profiles'!$G$20=$B$24,21,0),0)),0)</f>
        <v>0</v>
      </c>
      <c r="G7238" cm="1">
        <f t="array" ref="G7238">IFERROR(INDEX(Jesper!AK$2:AK$366,ROUNDDOWN($C7238/24,0)+1,1)*INDEX($D$3:$AA$30,INDEX(Jesper!$R$2:$R$366,ROW(INDEX(Jesper!AK$2:AK$366,ROUNDDOWN($C7238/24,0)+1,1))-1)+IF('Standard Profiles'!$G$21=$B$10,7,0)+IF('Standard Profiles'!$G$21=$B$17,14,0)+IF('Standard Profiles'!$G$21=$B$24,21,0),MOD($C7238,24)+1)/SUM(INDEX($D$3:$AA$30,INDEX(Jesper!$R$2:$R$366,ROW(INDEX(Jesper!AK$2:AK$366,ROUNDDOWN($C7238/24,0)+1,1))-1)+IF('Standard Profiles'!$G$21=$B$10,7,0)+IF('Standard Profiles'!$G$21=$B$17,14,0)+IF('Standard Profiles'!$G$21=$B$24,21,0),0)),0)</f>
        <v>0</v>
      </c>
      <c r="H7238" cm="1">
        <f t="array" ref="H7238">IFERROR(INDEX(Jesper!AL$2:AL$366,ROUNDDOWN($C7238/24,0)+1,1)*INDEX($D$3:$AA$30,INDEX(Jesper!$R$2:$R$366,ROW(INDEX(Jesper!AL$2:AL$366,ROUNDDOWN($C7238/24,0)+1,1))-1)+IF('Standard Profiles'!$G$22=$B$10,7,0)+IF('Standard Profiles'!$G$22=$B$17,14,0)+IF('Standard Profiles'!$G$22=$B$24,21,0),MOD($C7238,24)+1)/SUM(INDEX($D$3:$AA$30,INDEX(Jesper!$R$2:$R$366,ROW(INDEX(Jesper!AL$2:AL$366,ROUNDDOWN($C7238/24,0)+1,1))-1)+IF('Standard Profiles'!$G$22=$B$10,7,0)+IF('Standard Profiles'!$G$22=$B$17,14,0)+IF('Standard Profiles'!$G$22=$B$24,21,0),0)),0)</f>
        <v>0</v>
      </c>
      <c r="I7238">
        <f t="shared" si="804"/>
        <v>0.17864979520069024</v>
      </c>
      <c r="J7238">
        <f t="shared" si="805"/>
        <v>0.59549931733563422</v>
      </c>
      <c r="K7238">
        <f t="shared" si="806"/>
        <v>0.89324897600345132</v>
      </c>
      <c r="L7238">
        <f t="shared" si="807"/>
        <v>8.7976858185521163</v>
      </c>
      <c r="M7238">
        <f t="shared" si="808"/>
        <v>0</v>
      </c>
      <c r="N7238" s="46">
        <f t="shared" si="809"/>
        <v>45592.166666649195</v>
      </c>
    </row>
    <row r="7239" spans="2:14" x14ac:dyDescent="0.3">
      <c r="B7239">
        <f t="shared" si="803"/>
        <v>7</v>
      </c>
      <c r="C7239" s="16">
        <v>7205</v>
      </c>
      <c r="D7239" cm="1">
        <f t="array" ref="D7239">IFERROR(INDEX(Jesper!AH$2:AH$366,ROUNDDOWN($C7239/24,0)+1,1)*INDEX($D$3:$AA$30,INDEX(Jesper!$R$2:$R$366,ROW(INDEX(Jesper!AH$2:AH$366,ROUNDDOWN($C7239/24,0)+1,1))-1)+IF('Standard Profiles'!$G$18=$B$10,7,0)+IF('Standard Profiles'!$G$18=$B$17,14,0)+IF('Standard Profiles'!$G$18=$B$24,21,0),MOD($C7239,24)+1)/SUM(INDEX($D$3:$AA$30,INDEX(Jesper!$R$2:$R$366,ROW(INDEX(Jesper!AH$2:AH$366,ROUNDDOWN($C7239/24,0)+1,1))-1)+IF('Standard Profiles'!$G$18=$B$10,7,0)+IF('Standard Profiles'!$G$18=$B$17,14,0)+IF('Standard Profiles'!$G$18=$B$24,21,0),0)),0)</f>
        <v>10.602588975455289</v>
      </c>
      <c r="E7239" cm="1">
        <f t="array" ref="E7239">IFERROR(INDEX(Jesper!AI$2:AI$366,ROUNDDOWN($C7239/24,0)+1,1)*INDEX($D$3:$AA$30,INDEX(Jesper!$R$2:$R$366,ROW(INDEX(Jesper!AI$2:AI$366,ROUNDDOWN($C7239/24,0)+1,1))-1)+IF('Standard Profiles'!$G$19=$B$10,7,0)+IF('Standard Profiles'!$G$19=$B$17,14,0)+IF('Standard Profiles'!$G$19=$B$24,21,0),MOD($C7239,24)+1)/SUM(INDEX($D$3:$AA$30,INDEX(Jesper!$R$2:$R$366,ROW(INDEX(Jesper!AI$2:AI$366,ROUNDDOWN($C7239/24,0)+1,1))-1)+IF('Standard Profiles'!$G$19=$B$10,7,0)+IF('Standard Profiles'!$G$19=$B$17,14,0)+IF('Standard Profiles'!$G$19=$B$24,21,0),0)),0)</f>
        <v>2.4787659084095766</v>
      </c>
      <c r="F7239" cm="1">
        <f t="array" ref="F7239">IFERROR(INDEX(Jesper!AJ$2:AJ$366,ROUNDDOWN($C7239/24,0)+1,1)*INDEX($D$3:$AA$30,INDEX(Jesper!$R$2:$R$366,ROW(INDEX(Jesper!AJ$2:AJ$366,ROUNDDOWN($C7239/24,0)+1,1))-1)+IF('Standard Profiles'!$G$20=$B$10,7,0)+IF('Standard Profiles'!$G$20=$B$17,14,0)+IF('Standard Profiles'!$G$20=$B$24,21,0),MOD($C7239,24)+1)/SUM(INDEX($D$3:$AA$30,INDEX(Jesper!$R$2:$R$366,ROW(INDEX(Jesper!AJ$2:AJ$366,ROUNDDOWN($C7239/24,0)+1,1))-1)+IF('Standard Profiles'!$G$20=$B$10,7,0)+IF('Standard Profiles'!$G$20=$B$17,14,0)+IF('Standard Profiles'!$G$20=$B$24,21,0),0)),0)</f>
        <v>0</v>
      </c>
      <c r="G7239" cm="1">
        <f t="array" ref="G7239">IFERROR(INDEX(Jesper!AK$2:AK$366,ROUNDDOWN($C7239/24,0)+1,1)*INDEX($D$3:$AA$30,INDEX(Jesper!$R$2:$R$366,ROW(INDEX(Jesper!AK$2:AK$366,ROUNDDOWN($C7239/24,0)+1,1))-1)+IF('Standard Profiles'!$G$21=$B$10,7,0)+IF('Standard Profiles'!$G$21=$B$17,14,0)+IF('Standard Profiles'!$G$21=$B$24,21,0),MOD($C7239,24)+1)/SUM(INDEX($D$3:$AA$30,INDEX(Jesper!$R$2:$R$366,ROW(INDEX(Jesper!AK$2:AK$366,ROUNDDOWN($C7239/24,0)+1,1))-1)+IF('Standard Profiles'!$G$21=$B$10,7,0)+IF('Standard Profiles'!$G$21=$B$17,14,0)+IF('Standard Profiles'!$G$21=$B$24,21,0),0)),0)</f>
        <v>0</v>
      </c>
      <c r="H7239" cm="1">
        <f t="array" ref="H7239">IFERROR(INDEX(Jesper!AL$2:AL$366,ROUNDDOWN($C7239/24,0)+1,1)*INDEX($D$3:$AA$30,INDEX(Jesper!$R$2:$R$366,ROW(INDEX(Jesper!AL$2:AL$366,ROUNDDOWN($C7239/24,0)+1,1))-1)+IF('Standard Profiles'!$G$22=$B$10,7,0)+IF('Standard Profiles'!$G$22=$B$17,14,0)+IF('Standard Profiles'!$G$22=$B$24,21,0),MOD($C7239,24)+1)/SUM(INDEX($D$3:$AA$30,INDEX(Jesper!$R$2:$R$366,ROW(INDEX(Jesper!AL$2:AL$366,ROUNDDOWN($C7239/24,0)+1,1))-1)+IF('Standard Profiles'!$G$22=$B$10,7,0)+IF('Standard Profiles'!$G$22=$B$17,14,0)+IF('Standard Profiles'!$G$22=$B$24,21,0),0)),0)</f>
        <v>0</v>
      </c>
      <c r="I7239">
        <f t="shared" si="804"/>
        <v>0.2233122440008628</v>
      </c>
      <c r="J7239">
        <f t="shared" si="805"/>
        <v>0.74437414666954282</v>
      </c>
      <c r="K7239">
        <f t="shared" si="806"/>
        <v>1.1165612200043142</v>
      </c>
      <c r="L7239">
        <f t="shared" si="807"/>
        <v>10.997107273190146</v>
      </c>
      <c r="M7239">
        <f t="shared" si="808"/>
        <v>0</v>
      </c>
      <c r="N7239" s="46">
        <f t="shared" si="809"/>
        <v>45592.208333315859</v>
      </c>
    </row>
    <row r="7240" spans="2:14" x14ac:dyDescent="0.3">
      <c r="B7240">
        <f t="shared" si="803"/>
        <v>7</v>
      </c>
      <c r="C7240" s="16">
        <v>7206</v>
      </c>
      <c r="D7240" cm="1">
        <f t="array" ref="D7240">IFERROR(INDEX(Jesper!AH$2:AH$366,ROUNDDOWN($C7240/24,0)+1,1)*INDEX($D$3:$AA$30,INDEX(Jesper!$R$2:$R$366,ROW(INDEX(Jesper!AH$2:AH$366,ROUNDDOWN($C7240/24,0)+1,1))-1)+IF('Standard Profiles'!$G$18=$B$10,7,0)+IF('Standard Profiles'!$G$18=$B$17,14,0)+IF('Standard Profiles'!$G$18=$B$24,21,0),MOD($C7240,24)+1)/SUM(INDEX($D$3:$AA$30,INDEX(Jesper!$R$2:$R$366,ROW(INDEX(Jesper!AH$2:AH$366,ROUNDDOWN($C7240/24,0)+1,1))-1)+IF('Standard Profiles'!$G$18=$B$10,7,0)+IF('Standard Profiles'!$G$18=$B$17,14,0)+IF('Standard Profiles'!$G$18=$B$24,21,0),0)),0)</f>
        <v>12.487493682202896</v>
      </c>
      <c r="E7240" cm="1">
        <f t="array" ref="E7240">IFERROR(INDEX(Jesper!AI$2:AI$366,ROUNDDOWN($C7240/24,0)+1,1)*INDEX($D$3:$AA$30,INDEX(Jesper!$R$2:$R$366,ROW(INDEX(Jesper!AI$2:AI$366,ROUNDDOWN($C7240/24,0)+1,1))-1)+IF('Standard Profiles'!$G$19=$B$10,7,0)+IF('Standard Profiles'!$G$19=$B$17,14,0)+IF('Standard Profiles'!$G$19=$B$24,21,0),MOD($C7240,24)+1)/SUM(INDEX($D$3:$AA$30,INDEX(Jesper!$R$2:$R$366,ROW(INDEX(Jesper!AI$2:AI$366,ROUNDDOWN($C7240/24,0)+1,1))-1)+IF('Standard Profiles'!$G$19=$B$10,7,0)+IF('Standard Profiles'!$G$19=$B$17,14,0)+IF('Standard Profiles'!$G$19=$B$24,21,0),0)),0)</f>
        <v>2.9194354032379453</v>
      </c>
      <c r="F7240" cm="1">
        <f t="array" ref="F7240">IFERROR(INDEX(Jesper!AJ$2:AJ$366,ROUNDDOWN($C7240/24,0)+1,1)*INDEX($D$3:$AA$30,INDEX(Jesper!$R$2:$R$366,ROW(INDEX(Jesper!AJ$2:AJ$366,ROUNDDOWN($C7240/24,0)+1,1))-1)+IF('Standard Profiles'!$G$20=$B$10,7,0)+IF('Standard Profiles'!$G$20=$B$17,14,0)+IF('Standard Profiles'!$G$20=$B$24,21,0),MOD($C7240,24)+1)/SUM(INDEX($D$3:$AA$30,INDEX(Jesper!$R$2:$R$366,ROW(INDEX(Jesper!AJ$2:AJ$366,ROUNDDOWN($C7240/24,0)+1,1))-1)+IF('Standard Profiles'!$G$20=$B$10,7,0)+IF('Standard Profiles'!$G$20=$B$17,14,0)+IF('Standard Profiles'!$G$20=$B$24,21,0),0)),0)</f>
        <v>0</v>
      </c>
      <c r="G7240" cm="1">
        <f t="array" ref="G7240">IFERROR(INDEX(Jesper!AK$2:AK$366,ROUNDDOWN($C7240/24,0)+1,1)*INDEX($D$3:$AA$30,INDEX(Jesper!$R$2:$R$366,ROW(INDEX(Jesper!AK$2:AK$366,ROUNDDOWN($C7240/24,0)+1,1))-1)+IF('Standard Profiles'!$G$21=$B$10,7,0)+IF('Standard Profiles'!$G$21=$B$17,14,0)+IF('Standard Profiles'!$G$21=$B$24,21,0),MOD($C7240,24)+1)/SUM(INDEX($D$3:$AA$30,INDEX(Jesper!$R$2:$R$366,ROW(INDEX(Jesper!AK$2:AK$366,ROUNDDOWN($C7240/24,0)+1,1))-1)+IF('Standard Profiles'!$G$21=$B$10,7,0)+IF('Standard Profiles'!$G$21=$B$17,14,0)+IF('Standard Profiles'!$G$21=$B$24,21,0),0)),0)</f>
        <v>0</v>
      </c>
      <c r="H7240" cm="1">
        <f t="array" ref="H7240">IFERROR(INDEX(Jesper!AL$2:AL$366,ROUNDDOWN($C7240/24,0)+1,1)*INDEX($D$3:$AA$30,INDEX(Jesper!$R$2:$R$366,ROW(INDEX(Jesper!AL$2:AL$366,ROUNDDOWN($C7240/24,0)+1,1))-1)+IF('Standard Profiles'!$G$22=$B$10,7,0)+IF('Standard Profiles'!$G$22=$B$17,14,0)+IF('Standard Profiles'!$G$22=$B$24,21,0),MOD($C7240,24)+1)/SUM(INDEX($D$3:$AA$30,INDEX(Jesper!$R$2:$R$366,ROW(INDEX(Jesper!AL$2:AL$366,ROUNDDOWN($C7240/24,0)+1,1))-1)+IF('Standard Profiles'!$G$22=$B$10,7,0)+IF('Standard Profiles'!$G$22=$B$17,14,0)+IF('Standard Profiles'!$G$22=$B$24,21,0),0)),0)</f>
        <v>0</v>
      </c>
      <c r="I7240">
        <f t="shared" si="804"/>
        <v>0.26301219848990504</v>
      </c>
      <c r="J7240">
        <f t="shared" si="805"/>
        <v>0.87670732829968356</v>
      </c>
      <c r="K7240">
        <f t="shared" si="806"/>
        <v>1.3150609924495253</v>
      </c>
      <c r="L7240">
        <f t="shared" si="807"/>
        <v>12.952148566201727</v>
      </c>
      <c r="M7240">
        <f t="shared" si="808"/>
        <v>0</v>
      </c>
      <c r="N7240" s="46">
        <f t="shared" si="809"/>
        <v>45592.249999982523</v>
      </c>
    </row>
    <row r="7241" spans="2:14" x14ac:dyDescent="0.3">
      <c r="B7241">
        <f t="shared" si="803"/>
        <v>7</v>
      </c>
      <c r="C7241" s="16">
        <v>7207</v>
      </c>
      <c r="D7241" cm="1">
        <f t="array" ref="D7241">IFERROR(INDEX(Jesper!AH$2:AH$366,ROUNDDOWN($C7241/24,0)+1,1)*INDEX($D$3:$AA$30,INDEX(Jesper!$R$2:$R$366,ROW(INDEX(Jesper!AH$2:AH$366,ROUNDDOWN($C7241/24,0)+1,1))-1)+IF('Standard Profiles'!$G$18=$B$10,7,0)+IF('Standard Profiles'!$G$18=$B$17,14,0)+IF('Standard Profiles'!$G$18=$B$24,21,0),MOD($C7241,24)+1)/SUM(INDEX($D$3:$AA$30,INDEX(Jesper!$R$2:$R$366,ROW(INDEX(Jesper!AH$2:AH$366,ROUNDDOWN($C7241/24,0)+1,1))-1)+IF('Standard Profiles'!$G$18=$B$10,7,0)+IF('Standard Profiles'!$G$18=$B$17,14,0)+IF('Standard Profiles'!$G$18=$B$24,21,0),0)),0)</f>
        <v>14.843624565637406</v>
      </c>
      <c r="E7241" cm="1">
        <f t="array" ref="E7241">IFERROR(INDEX(Jesper!AI$2:AI$366,ROUNDDOWN($C7241/24,0)+1,1)*INDEX($D$3:$AA$30,INDEX(Jesper!$R$2:$R$366,ROW(INDEX(Jesper!AI$2:AI$366,ROUNDDOWN($C7241/24,0)+1,1))-1)+IF('Standard Profiles'!$G$19=$B$10,7,0)+IF('Standard Profiles'!$G$19=$B$17,14,0)+IF('Standard Profiles'!$G$19=$B$24,21,0),MOD($C7241,24)+1)/SUM(INDEX($D$3:$AA$30,INDEX(Jesper!$R$2:$R$366,ROW(INDEX(Jesper!AI$2:AI$366,ROUNDDOWN($C7241/24,0)+1,1))-1)+IF('Standard Profiles'!$G$19=$B$10,7,0)+IF('Standard Profiles'!$G$19=$B$17,14,0)+IF('Standard Profiles'!$G$19=$B$24,21,0),0)),0)</f>
        <v>3.4702722717734069</v>
      </c>
      <c r="F7241" cm="1">
        <f t="array" ref="F7241">IFERROR(INDEX(Jesper!AJ$2:AJ$366,ROUNDDOWN($C7241/24,0)+1,1)*INDEX($D$3:$AA$30,INDEX(Jesper!$R$2:$R$366,ROW(INDEX(Jesper!AJ$2:AJ$366,ROUNDDOWN($C7241/24,0)+1,1))-1)+IF('Standard Profiles'!$G$20=$B$10,7,0)+IF('Standard Profiles'!$G$20=$B$17,14,0)+IF('Standard Profiles'!$G$20=$B$24,21,0),MOD($C7241,24)+1)/SUM(INDEX($D$3:$AA$30,INDEX(Jesper!$R$2:$R$366,ROW(INDEX(Jesper!AJ$2:AJ$366,ROUNDDOWN($C7241/24,0)+1,1))-1)+IF('Standard Profiles'!$G$20=$B$10,7,0)+IF('Standard Profiles'!$G$20=$B$17,14,0)+IF('Standard Profiles'!$G$20=$B$24,21,0),0)),0)</f>
        <v>0</v>
      </c>
      <c r="G7241" cm="1">
        <f t="array" ref="G7241">IFERROR(INDEX(Jesper!AK$2:AK$366,ROUNDDOWN($C7241/24,0)+1,1)*INDEX($D$3:$AA$30,INDEX(Jesper!$R$2:$R$366,ROW(INDEX(Jesper!AK$2:AK$366,ROUNDDOWN($C7241/24,0)+1,1))-1)+IF('Standard Profiles'!$G$21=$B$10,7,0)+IF('Standard Profiles'!$G$21=$B$17,14,0)+IF('Standard Profiles'!$G$21=$B$24,21,0),MOD($C7241,24)+1)/SUM(INDEX($D$3:$AA$30,INDEX(Jesper!$R$2:$R$366,ROW(INDEX(Jesper!AK$2:AK$366,ROUNDDOWN($C7241/24,0)+1,1))-1)+IF('Standard Profiles'!$G$21=$B$10,7,0)+IF('Standard Profiles'!$G$21=$B$17,14,0)+IF('Standard Profiles'!$G$21=$B$24,21,0),0)),0)</f>
        <v>0</v>
      </c>
      <c r="H7241" cm="1">
        <f t="array" ref="H7241">IFERROR(INDEX(Jesper!AL$2:AL$366,ROUNDDOWN($C7241/24,0)+1,1)*INDEX($D$3:$AA$30,INDEX(Jesper!$R$2:$R$366,ROW(INDEX(Jesper!AL$2:AL$366,ROUNDDOWN($C7241/24,0)+1,1))-1)+IF('Standard Profiles'!$G$22=$B$10,7,0)+IF('Standard Profiles'!$G$22=$B$17,14,0)+IF('Standard Profiles'!$G$22=$B$24,21,0),MOD($C7241,24)+1)/SUM(INDEX($D$3:$AA$30,INDEX(Jesper!$R$2:$R$366,ROW(INDEX(Jesper!AL$2:AL$366,ROUNDDOWN($C7241/24,0)+1,1))-1)+IF('Standard Profiles'!$G$22=$B$10,7,0)+IF('Standard Profiles'!$G$22=$B$17,14,0)+IF('Standard Profiles'!$G$22=$B$24,21,0),0)),0)</f>
        <v>0</v>
      </c>
      <c r="I7241">
        <f t="shared" si="804"/>
        <v>0.31263714160120792</v>
      </c>
      <c r="J7241">
        <f t="shared" si="805"/>
        <v>1.0421238053373598</v>
      </c>
      <c r="K7241">
        <f t="shared" si="806"/>
        <v>1.5631857080060398</v>
      </c>
      <c r="L7241">
        <f t="shared" si="807"/>
        <v>15.395950182466205</v>
      </c>
      <c r="M7241">
        <f t="shared" si="808"/>
        <v>0</v>
      </c>
      <c r="N7241" s="46">
        <f t="shared" si="809"/>
        <v>45592.291666649187</v>
      </c>
    </row>
    <row r="7242" spans="2:14" x14ac:dyDescent="0.3">
      <c r="B7242">
        <f t="shared" si="803"/>
        <v>7</v>
      </c>
      <c r="C7242" s="16">
        <v>7208</v>
      </c>
      <c r="D7242" cm="1">
        <f t="array" ref="D7242">IFERROR(INDEX(Jesper!AH$2:AH$366,ROUNDDOWN($C7242/24,0)+1,1)*INDEX($D$3:$AA$30,INDEX(Jesper!$R$2:$R$366,ROW(INDEX(Jesper!AH$2:AH$366,ROUNDDOWN($C7242/24,0)+1,1))-1)+IF('Standard Profiles'!$G$18=$B$10,7,0)+IF('Standard Profiles'!$G$18=$B$17,14,0)+IF('Standard Profiles'!$G$18=$B$24,21,0),MOD($C7242,24)+1)/SUM(INDEX($D$3:$AA$30,INDEX(Jesper!$R$2:$R$366,ROW(INDEX(Jesper!AH$2:AH$366,ROUNDDOWN($C7242/24,0)+1,1))-1)+IF('Standard Profiles'!$G$18=$B$10,7,0)+IF('Standard Profiles'!$G$18=$B$17,14,0)+IF('Standard Profiles'!$G$18=$B$24,21,0),0)),0)</f>
        <v>14.843624565637406</v>
      </c>
      <c r="E7242" cm="1">
        <f t="array" ref="E7242">IFERROR(INDEX(Jesper!AI$2:AI$366,ROUNDDOWN($C7242/24,0)+1,1)*INDEX($D$3:$AA$30,INDEX(Jesper!$R$2:$R$366,ROW(INDEX(Jesper!AI$2:AI$366,ROUNDDOWN($C7242/24,0)+1,1))-1)+IF('Standard Profiles'!$G$19=$B$10,7,0)+IF('Standard Profiles'!$G$19=$B$17,14,0)+IF('Standard Profiles'!$G$19=$B$24,21,0),MOD($C7242,24)+1)/SUM(INDEX($D$3:$AA$30,INDEX(Jesper!$R$2:$R$366,ROW(INDEX(Jesper!AI$2:AI$366,ROUNDDOWN($C7242/24,0)+1,1))-1)+IF('Standard Profiles'!$G$19=$B$10,7,0)+IF('Standard Profiles'!$G$19=$B$17,14,0)+IF('Standard Profiles'!$G$19=$B$24,21,0),0)),0)</f>
        <v>3.4702722717734069</v>
      </c>
      <c r="F7242" cm="1">
        <f t="array" ref="F7242">IFERROR(INDEX(Jesper!AJ$2:AJ$366,ROUNDDOWN($C7242/24,0)+1,1)*INDEX($D$3:$AA$30,INDEX(Jesper!$R$2:$R$366,ROW(INDEX(Jesper!AJ$2:AJ$366,ROUNDDOWN($C7242/24,0)+1,1))-1)+IF('Standard Profiles'!$G$20=$B$10,7,0)+IF('Standard Profiles'!$G$20=$B$17,14,0)+IF('Standard Profiles'!$G$20=$B$24,21,0),MOD($C7242,24)+1)/SUM(INDEX($D$3:$AA$30,INDEX(Jesper!$R$2:$R$366,ROW(INDEX(Jesper!AJ$2:AJ$366,ROUNDDOWN($C7242/24,0)+1,1))-1)+IF('Standard Profiles'!$G$20=$B$10,7,0)+IF('Standard Profiles'!$G$20=$B$17,14,0)+IF('Standard Profiles'!$G$20=$B$24,21,0),0)),0)</f>
        <v>0</v>
      </c>
      <c r="G7242" cm="1">
        <f t="array" ref="G7242">IFERROR(INDEX(Jesper!AK$2:AK$366,ROUNDDOWN($C7242/24,0)+1,1)*INDEX($D$3:$AA$30,INDEX(Jesper!$R$2:$R$366,ROW(INDEX(Jesper!AK$2:AK$366,ROUNDDOWN($C7242/24,0)+1,1))-1)+IF('Standard Profiles'!$G$21=$B$10,7,0)+IF('Standard Profiles'!$G$21=$B$17,14,0)+IF('Standard Profiles'!$G$21=$B$24,21,0),MOD($C7242,24)+1)/SUM(INDEX($D$3:$AA$30,INDEX(Jesper!$R$2:$R$366,ROW(INDEX(Jesper!AK$2:AK$366,ROUNDDOWN($C7242/24,0)+1,1))-1)+IF('Standard Profiles'!$G$21=$B$10,7,0)+IF('Standard Profiles'!$G$21=$B$17,14,0)+IF('Standard Profiles'!$G$21=$B$24,21,0),0)),0)</f>
        <v>0</v>
      </c>
      <c r="H7242" cm="1">
        <f t="array" ref="H7242">IFERROR(INDEX(Jesper!AL$2:AL$366,ROUNDDOWN($C7242/24,0)+1,1)*INDEX($D$3:$AA$30,INDEX(Jesper!$R$2:$R$366,ROW(INDEX(Jesper!AL$2:AL$366,ROUNDDOWN($C7242/24,0)+1,1))-1)+IF('Standard Profiles'!$G$22=$B$10,7,0)+IF('Standard Profiles'!$G$22=$B$17,14,0)+IF('Standard Profiles'!$G$22=$B$24,21,0),MOD($C7242,24)+1)/SUM(INDEX($D$3:$AA$30,INDEX(Jesper!$R$2:$R$366,ROW(INDEX(Jesper!AL$2:AL$366,ROUNDDOWN($C7242/24,0)+1,1))-1)+IF('Standard Profiles'!$G$22=$B$10,7,0)+IF('Standard Profiles'!$G$22=$B$17,14,0)+IF('Standard Profiles'!$G$22=$B$24,21,0),0)),0)</f>
        <v>0</v>
      </c>
      <c r="I7242">
        <f t="shared" si="804"/>
        <v>0.31263714160120792</v>
      </c>
      <c r="J7242">
        <f t="shared" si="805"/>
        <v>1.0421238053373598</v>
      </c>
      <c r="K7242">
        <f t="shared" si="806"/>
        <v>1.5631857080060398</v>
      </c>
      <c r="L7242">
        <f t="shared" si="807"/>
        <v>15.395950182466205</v>
      </c>
      <c r="M7242">
        <f t="shared" si="808"/>
        <v>0</v>
      </c>
      <c r="N7242" s="46">
        <f t="shared" si="809"/>
        <v>45592.333333315852</v>
      </c>
    </row>
    <row r="7243" spans="2:14" x14ac:dyDescent="0.3">
      <c r="B7243">
        <f t="shared" si="803"/>
        <v>7</v>
      </c>
      <c r="C7243" s="16">
        <v>7209</v>
      </c>
      <c r="D7243" cm="1">
        <f t="array" ref="D7243">IFERROR(INDEX(Jesper!AH$2:AH$366,ROUNDDOWN($C7243/24,0)+1,1)*INDEX($D$3:$AA$30,INDEX(Jesper!$R$2:$R$366,ROW(INDEX(Jesper!AH$2:AH$366,ROUNDDOWN($C7243/24,0)+1,1))-1)+IF('Standard Profiles'!$G$18=$B$10,7,0)+IF('Standard Profiles'!$G$18=$B$17,14,0)+IF('Standard Profiles'!$G$18=$B$24,21,0),MOD($C7243,24)+1)/SUM(INDEX($D$3:$AA$30,INDEX(Jesper!$R$2:$R$366,ROW(INDEX(Jesper!AH$2:AH$366,ROUNDDOWN($C7243/24,0)+1,1))-1)+IF('Standard Profiles'!$G$18=$B$10,7,0)+IF('Standard Profiles'!$G$18=$B$17,14,0)+IF('Standard Profiles'!$G$18=$B$24,21,0),0)),0)</f>
        <v>14.843624565637406</v>
      </c>
      <c r="E7243" cm="1">
        <f t="array" ref="E7243">IFERROR(INDEX(Jesper!AI$2:AI$366,ROUNDDOWN($C7243/24,0)+1,1)*INDEX($D$3:$AA$30,INDEX(Jesper!$R$2:$R$366,ROW(INDEX(Jesper!AI$2:AI$366,ROUNDDOWN($C7243/24,0)+1,1))-1)+IF('Standard Profiles'!$G$19=$B$10,7,0)+IF('Standard Profiles'!$G$19=$B$17,14,0)+IF('Standard Profiles'!$G$19=$B$24,21,0),MOD($C7243,24)+1)/SUM(INDEX($D$3:$AA$30,INDEX(Jesper!$R$2:$R$366,ROW(INDEX(Jesper!AI$2:AI$366,ROUNDDOWN($C7243/24,0)+1,1))-1)+IF('Standard Profiles'!$G$19=$B$10,7,0)+IF('Standard Profiles'!$G$19=$B$17,14,0)+IF('Standard Profiles'!$G$19=$B$24,21,0),0)),0)</f>
        <v>3.4702722717734069</v>
      </c>
      <c r="F7243" cm="1">
        <f t="array" ref="F7243">IFERROR(INDEX(Jesper!AJ$2:AJ$366,ROUNDDOWN($C7243/24,0)+1,1)*INDEX($D$3:$AA$30,INDEX(Jesper!$R$2:$R$366,ROW(INDEX(Jesper!AJ$2:AJ$366,ROUNDDOWN($C7243/24,0)+1,1))-1)+IF('Standard Profiles'!$G$20=$B$10,7,0)+IF('Standard Profiles'!$G$20=$B$17,14,0)+IF('Standard Profiles'!$G$20=$B$24,21,0),MOD($C7243,24)+1)/SUM(INDEX($D$3:$AA$30,INDEX(Jesper!$R$2:$R$366,ROW(INDEX(Jesper!AJ$2:AJ$366,ROUNDDOWN($C7243/24,0)+1,1))-1)+IF('Standard Profiles'!$G$20=$B$10,7,0)+IF('Standard Profiles'!$G$20=$B$17,14,0)+IF('Standard Profiles'!$G$20=$B$24,21,0),0)),0)</f>
        <v>0</v>
      </c>
      <c r="G7243" cm="1">
        <f t="array" ref="G7243">IFERROR(INDEX(Jesper!AK$2:AK$366,ROUNDDOWN($C7243/24,0)+1,1)*INDEX($D$3:$AA$30,INDEX(Jesper!$R$2:$R$366,ROW(INDEX(Jesper!AK$2:AK$366,ROUNDDOWN($C7243/24,0)+1,1))-1)+IF('Standard Profiles'!$G$21=$B$10,7,0)+IF('Standard Profiles'!$G$21=$B$17,14,0)+IF('Standard Profiles'!$G$21=$B$24,21,0),MOD($C7243,24)+1)/SUM(INDEX($D$3:$AA$30,INDEX(Jesper!$R$2:$R$366,ROW(INDEX(Jesper!AK$2:AK$366,ROUNDDOWN($C7243/24,0)+1,1))-1)+IF('Standard Profiles'!$G$21=$B$10,7,0)+IF('Standard Profiles'!$G$21=$B$17,14,0)+IF('Standard Profiles'!$G$21=$B$24,21,0),0)),0)</f>
        <v>0</v>
      </c>
      <c r="H7243" cm="1">
        <f t="array" ref="H7243">IFERROR(INDEX(Jesper!AL$2:AL$366,ROUNDDOWN($C7243/24,0)+1,1)*INDEX($D$3:$AA$30,INDEX(Jesper!$R$2:$R$366,ROW(INDEX(Jesper!AL$2:AL$366,ROUNDDOWN($C7243/24,0)+1,1))-1)+IF('Standard Profiles'!$G$22=$B$10,7,0)+IF('Standard Profiles'!$G$22=$B$17,14,0)+IF('Standard Profiles'!$G$22=$B$24,21,0),MOD($C7243,24)+1)/SUM(INDEX($D$3:$AA$30,INDEX(Jesper!$R$2:$R$366,ROW(INDEX(Jesper!AL$2:AL$366,ROUNDDOWN($C7243/24,0)+1,1))-1)+IF('Standard Profiles'!$G$22=$B$10,7,0)+IF('Standard Profiles'!$G$22=$B$17,14,0)+IF('Standard Profiles'!$G$22=$B$24,21,0),0)),0)</f>
        <v>0</v>
      </c>
      <c r="I7243">
        <f t="shared" si="804"/>
        <v>0.31263714160120792</v>
      </c>
      <c r="J7243">
        <f t="shared" si="805"/>
        <v>1.0421238053373598</v>
      </c>
      <c r="K7243">
        <f t="shared" si="806"/>
        <v>1.5631857080060398</v>
      </c>
      <c r="L7243">
        <f t="shared" si="807"/>
        <v>15.395950182466205</v>
      </c>
      <c r="M7243">
        <f t="shared" si="808"/>
        <v>0</v>
      </c>
      <c r="N7243" s="46">
        <f t="shared" si="809"/>
        <v>45592.374999982516</v>
      </c>
    </row>
    <row r="7244" spans="2:14" x14ac:dyDescent="0.3">
      <c r="B7244">
        <f t="shared" si="803"/>
        <v>7</v>
      </c>
      <c r="C7244" s="16">
        <v>7210</v>
      </c>
      <c r="D7244" cm="1">
        <f t="array" ref="D7244">IFERROR(INDEX(Jesper!AH$2:AH$366,ROUNDDOWN($C7244/24,0)+1,1)*INDEX($D$3:$AA$30,INDEX(Jesper!$R$2:$R$366,ROW(INDEX(Jesper!AH$2:AH$366,ROUNDDOWN($C7244/24,0)+1,1))-1)+IF('Standard Profiles'!$G$18=$B$10,7,0)+IF('Standard Profiles'!$G$18=$B$17,14,0)+IF('Standard Profiles'!$G$18=$B$24,21,0),MOD($C7244,24)+1)/SUM(INDEX($D$3:$AA$30,INDEX(Jesper!$R$2:$R$366,ROW(INDEX(Jesper!AH$2:AH$366,ROUNDDOWN($C7244/24,0)+1,1))-1)+IF('Standard Profiles'!$G$18=$B$10,7,0)+IF('Standard Profiles'!$G$18=$B$17,14,0)+IF('Standard Profiles'!$G$18=$B$24,21,0),0)),0)</f>
        <v>14.843624565637406</v>
      </c>
      <c r="E7244" cm="1">
        <f t="array" ref="E7244">IFERROR(INDEX(Jesper!AI$2:AI$366,ROUNDDOWN($C7244/24,0)+1,1)*INDEX($D$3:$AA$30,INDEX(Jesper!$R$2:$R$366,ROW(INDEX(Jesper!AI$2:AI$366,ROUNDDOWN($C7244/24,0)+1,1))-1)+IF('Standard Profiles'!$G$19=$B$10,7,0)+IF('Standard Profiles'!$G$19=$B$17,14,0)+IF('Standard Profiles'!$G$19=$B$24,21,0),MOD($C7244,24)+1)/SUM(INDEX($D$3:$AA$30,INDEX(Jesper!$R$2:$R$366,ROW(INDEX(Jesper!AI$2:AI$366,ROUNDDOWN($C7244/24,0)+1,1))-1)+IF('Standard Profiles'!$G$19=$B$10,7,0)+IF('Standard Profiles'!$G$19=$B$17,14,0)+IF('Standard Profiles'!$G$19=$B$24,21,0),0)),0)</f>
        <v>3.4702722717734069</v>
      </c>
      <c r="F7244" cm="1">
        <f t="array" ref="F7244">IFERROR(INDEX(Jesper!AJ$2:AJ$366,ROUNDDOWN($C7244/24,0)+1,1)*INDEX($D$3:$AA$30,INDEX(Jesper!$R$2:$R$366,ROW(INDEX(Jesper!AJ$2:AJ$366,ROUNDDOWN($C7244/24,0)+1,1))-1)+IF('Standard Profiles'!$G$20=$B$10,7,0)+IF('Standard Profiles'!$G$20=$B$17,14,0)+IF('Standard Profiles'!$G$20=$B$24,21,0),MOD($C7244,24)+1)/SUM(INDEX($D$3:$AA$30,INDEX(Jesper!$R$2:$R$366,ROW(INDEX(Jesper!AJ$2:AJ$366,ROUNDDOWN($C7244/24,0)+1,1))-1)+IF('Standard Profiles'!$G$20=$B$10,7,0)+IF('Standard Profiles'!$G$20=$B$17,14,0)+IF('Standard Profiles'!$G$20=$B$24,21,0),0)),0)</f>
        <v>0</v>
      </c>
      <c r="G7244" cm="1">
        <f t="array" ref="G7244">IFERROR(INDEX(Jesper!AK$2:AK$366,ROUNDDOWN($C7244/24,0)+1,1)*INDEX($D$3:$AA$30,INDEX(Jesper!$R$2:$R$366,ROW(INDEX(Jesper!AK$2:AK$366,ROUNDDOWN($C7244/24,0)+1,1))-1)+IF('Standard Profiles'!$G$21=$B$10,7,0)+IF('Standard Profiles'!$G$21=$B$17,14,0)+IF('Standard Profiles'!$G$21=$B$24,21,0),MOD($C7244,24)+1)/SUM(INDEX($D$3:$AA$30,INDEX(Jesper!$R$2:$R$366,ROW(INDEX(Jesper!AK$2:AK$366,ROUNDDOWN($C7244/24,0)+1,1))-1)+IF('Standard Profiles'!$G$21=$B$10,7,0)+IF('Standard Profiles'!$G$21=$B$17,14,0)+IF('Standard Profiles'!$G$21=$B$24,21,0),0)),0)</f>
        <v>0</v>
      </c>
      <c r="H7244" cm="1">
        <f t="array" ref="H7244">IFERROR(INDEX(Jesper!AL$2:AL$366,ROUNDDOWN($C7244/24,0)+1,1)*INDEX($D$3:$AA$30,INDEX(Jesper!$R$2:$R$366,ROW(INDEX(Jesper!AL$2:AL$366,ROUNDDOWN($C7244/24,0)+1,1))-1)+IF('Standard Profiles'!$G$22=$B$10,7,0)+IF('Standard Profiles'!$G$22=$B$17,14,0)+IF('Standard Profiles'!$G$22=$B$24,21,0),MOD($C7244,24)+1)/SUM(INDEX($D$3:$AA$30,INDEX(Jesper!$R$2:$R$366,ROW(INDEX(Jesper!AL$2:AL$366,ROUNDDOWN($C7244/24,0)+1,1))-1)+IF('Standard Profiles'!$G$22=$B$10,7,0)+IF('Standard Profiles'!$G$22=$B$17,14,0)+IF('Standard Profiles'!$G$22=$B$24,21,0),0)),0)</f>
        <v>0</v>
      </c>
      <c r="I7244">
        <f t="shared" si="804"/>
        <v>0.31263714160120792</v>
      </c>
      <c r="J7244">
        <f t="shared" si="805"/>
        <v>1.0421238053373598</v>
      </c>
      <c r="K7244">
        <f t="shared" si="806"/>
        <v>1.5631857080060398</v>
      </c>
      <c r="L7244">
        <f t="shared" si="807"/>
        <v>15.395950182466205</v>
      </c>
      <c r="M7244">
        <f t="shared" si="808"/>
        <v>0</v>
      </c>
      <c r="N7244" s="46">
        <f t="shared" si="809"/>
        <v>45592.41666664918</v>
      </c>
    </row>
    <row r="7245" spans="2:14" x14ac:dyDescent="0.3">
      <c r="B7245">
        <f t="shared" si="803"/>
        <v>7</v>
      </c>
      <c r="C7245" s="16">
        <v>7211</v>
      </c>
      <c r="D7245" cm="1">
        <f t="array" ref="D7245">IFERROR(INDEX(Jesper!AH$2:AH$366,ROUNDDOWN($C7245/24,0)+1,1)*INDEX($D$3:$AA$30,INDEX(Jesper!$R$2:$R$366,ROW(INDEX(Jesper!AH$2:AH$366,ROUNDDOWN($C7245/24,0)+1,1))-1)+IF('Standard Profiles'!$G$18=$B$10,7,0)+IF('Standard Profiles'!$G$18=$B$17,14,0)+IF('Standard Profiles'!$G$18=$B$24,21,0),MOD($C7245,24)+1)/SUM(INDEX($D$3:$AA$30,INDEX(Jesper!$R$2:$R$366,ROW(INDEX(Jesper!AH$2:AH$366,ROUNDDOWN($C7245/24,0)+1,1))-1)+IF('Standard Profiles'!$G$18=$B$10,7,0)+IF('Standard Profiles'!$G$18=$B$17,14,0)+IF('Standard Profiles'!$G$18=$B$24,21,0),0)),0)</f>
        <v>14.843624565637406</v>
      </c>
      <c r="E7245" cm="1">
        <f t="array" ref="E7245">IFERROR(INDEX(Jesper!AI$2:AI$366,ROUNDDOWN($C7245/24,0)+1,1)*INDEX($D$3:$AA$30,INDEX(Jesper!$R$2:$R$366,ROW(INDEX(Jesper!AI$2:AI$366,ROUNDDOWN($C7245/24,0)+1,1))-1)+IF('Standard Profiles'!$G$19=$B$10,7,0)+IF('Standard Profiles'!$G$19=$B$17,14,0)+IF('Standard Profiles'!$G$19=$B$24,21,0),MOD($C7245,24)+1)/SUM(INDEX($D$3:$AA$30,INDEX(Jesper!$R$2:$R$366,ROW(INDEX(Jesper!AI$2:AI$366,ROUNDDOWN($C7245/24,0)+1,1))-1)+IF('Standard Profiles'!$G$19=$B$10,7,0)+IF('Standard Profiles'!$G$19=$B$17,14,0)+IF('Standard Profiles'!$G$19=$B$24,21,0),0)),0)</f>
        <v>3.4702722717734069</v>
      </c>
      <c r="F7245" cm="1">
        <f t="array" ref="F7245">IFERROR(INDEX(Jesper!AJ$2:AJ$366,ROUNDDOWN($C7245/24,0)+1,1)*INDEX($D$3:$AA$30,INDEX(Jesper!$R$2:$R$366,ROW(INDEX(Jesper!AJ$2:AJ$366,ROUNDDOWN($C7245/24,0)+1,1))-1)+IF('Standard Profiles'!$G$20=$B$10,7,0)+IF('Standard Profiles'!$G$20=$B$17,14,0)+IF('Standard Profiles'!$G$20=$B$24,21,0),MOD($C7245,24)+1)/SUM(INDEX($D$3:$AA$30,INDEX(Jesper!$R$2:$R$366,ROW(INDEX(Jesper!AJ$2:AJ$366,ROUNDDOWN($C7245/24,0)+1,1))-1)+IF('Standard Profiles'!$G$20=$B$10,7,0)+IF('Standard Profiles'!$G$20=$B$17,14,0)+IF('Standard Profiles'!$G$20=$B$24,21,0),0)),0)</f>
        <v>0</v>
      </c>
      <c r="G7245" cm="1">
        <f t="array" ref="G7245">IFERROR(INDEX(Jesper!AK$2:AK$366,ROUNDDOWN($C7245/24,0)+1,1)*INDEX($D$3:$AA$30,INDEX(Jesper!$R$2:$R$366,ROW(INDEX(Jesper!AK$2:AK$366,ROUNDDOWN($C7245/24,0)+1,1))-1)+IF('Standard Profiles'!$G$21=$B$10,7,0)+IF('Standard Profiles'!$G$21=$B$17,14,0)+IF('Standard Profiles'!$G$21=$B$24,21,0),MOD($C7245,24)+1)/SUM(INDEX($D$3:$AA$30,INDEX(Jesper!$R$2:$R$366,ROW(INDEX(Jesper!AK$2:AK$366,ROUNDDOWN($C7245/24,0)+1,1))-1)+IF('Standard Profiles'!$G$21=$B$10,7,0)+IF('Standard Profiles'!$G$21=$B$17,14,0)+IF('Standard Profiles'!$G$21=$B$24,21,0),0)),0)</f>
        <v>0</v>
      </c>
      <c r="H7245" cm="1">
        <f t="array" ref="H7245">IFERROR(INDEX(Jesper!AL$2:AL$366,ROUNDDOWN($C7245/24,0)+1,1)*INDEX($D$3:$AA$30,INDEX(Jesper!$R$2:$R$366,ROW(INDEX(Jesper!AL$2:AL$366,ROUNDDOWN($C7245/24,0)+1,1))-1)+IF('Standard Profiles'!$G$22=$B$10,7,0)+IF('Standard Profiles'!$G$22=$B$17,14,0)+IF('Standard Profiles'!$G$22=$B$24,21,0),MOD($C7245,24)+1)/SUM(INDEX($D$3:$AA$30,INDEX(Jesper!$R$2:$R$366,ROW(INDEX(Jesper!AL$2:AL$366,ROUNDDOWN($C7245/24,0)+1,1))-1)+IF('Standard Profiles'!$G$22=$B$10,7,0)+IF('Standard Profiles'!$G$22=$B$17,14,0)+IF('Standard Profiles'!$G$22=$B$24,21,0),0)),0)</f>
        <v>0</v>
      </c>
      <c r="I7245">
        <f t="shared" si="804"/>
        <v>0.31263714160120792</v>
      </c>
      <c r="J7245">
        <f t="shared" si="805"/>
        <v>1.0421238053373598</v>
      </c>
      <c r="K7245">
        <f t="shared" si="806"/>
        <v>1.5631857080060398</v>
      </c>
      <c r="L7245">
        <f t="shared" si="807"/>
        <v>15.395950182466205</v>
      </c>
      <c r="M7245">
        <f t="shared" si="808"/>
        <v>0</v>
      </c>
      <c r="N7245" s="46">
        <f t="shared" si="809"/>
        <v>45592.458333315844</v>
      </c>
    </row>
    <row r="7246" spans="2:14" x14ac:dyDescent="0.3">
      <c r="B7246">
        <f t="shared" si="803"/>
        <v>7</v>
      </c>
      <c r="C7246" s="16">
        <v>7212</v>
      </c>
      <c r="D7246" cm="1">
        <f t="array" ref="D7246">IFERROR(INDEX(Jesper!AH$2:AH$366,ROUNDDOWN($C7246/24,0)+1,1)*INDEX($D$3:$AA$30,INDEX(Jesper!$R$2:$R$366,ROW(INDEX(Jesper!AH$2:AH$366,ROUNDDOWN($C7246/24,0)+1,1))-1)+IF('Standard Profiles'!$G$18=$B$10,7,0)+IF('Standard Profiles'!$G$18=$B$17,14,0)+IF('Standard Profiles'!$G$18=$B$24,21,0),MOD($C7246,24)+1)/SUM(INDEX($D$3:$AA$30,INDEX(Jesper!$R$2:$R$366,ROW(INDEX(Jesper!AH$2:AH$366,ROUNDDOWN($C7246/24,0)+1,1))-1)+IF('Standard Profiles'!$G$18=$B$10,7,0)+IF('Standard Profiles'!$G$18=$B$17,14,0)+IF('Standard Profiles'!$G$18=$B$24,21,0),0)),0)</f>
        <v>14.843624565637406</v>
      </c>
      <c r="E7246" cm="1">
        <f t="array" ref="E7246">IFERROR(INDEX(Jesper!AI$2:AI$366,ROUNDDOWN($C7246/24,0)+1,1)*INDEX($D$3:$AA$30,INDEX(Jesper!$R$2:$R$366,ROW(INDEX(Jesper!AI$2:AI$366,ROUNDDOWN($C7246/24,0)+1,1))-1)+IF('Standard Profiles'!$G$19=$B$10,7,0)+IF('Standard Profiles'!$G$19=$B$17,14,0)+IF('Standard Profiles'!$G$19=$B$24,21,0),MOD($C7246,24)+1)/SUM(INDEX($D$3:$AA$30,INDEX(Jesper!$R$2:$R$366,ROW(INDEX(Jesper!AI$2:AI$366,ROUNDDOWN($C7246/24,0)+1,1))-1)+IF('Standard Profiles'!$G$19=$B$10,7,0)+IF('Standard Profiles'!$G$19=$B$17,14,0)+IF('Standard Profiles'!$G$19=$B$24,21,0),0)),0)</f>
        <v>3.4702722717734069</v>
      </c>
      <c r="F7246" cm="1">
        <f t="array" ref="F7246">IFERROR(INDEX(Jesper!AJ$2:AJ$366,ROUNDDOWN($C7246/24,0)+1,1)*INDEX($D$3:$AA$30,INDEX(Jesper!$R$2:$R$366,ROW(INDEX(Jesper!AJ$2:AJ$366,ROUNDDOWN($C7246/24,0)+1,1))-1)+IF('Standard Profiles'!$G$20=$B$10,7,0)+IF('Standard Profiles'!$G$20=$B$17,14,0)+IF('Standard Profiles'!$G$20=$B$24,21,0),MOD($C7246,24)+1)/SUM(INDEX($D$3:$AA$30,INDEX(Jesper!$R$2:$R$366,ROW(INDEX(Jesper!AJ$2:AJ$366,ROUNDDOWN($C7246/24,0)+1,1))-1)+IF('Standard Profiles'!$G$20=$B$10,7,0)+IF('Standard Profiles'!$G$20=$B$17,14,0)+IF('Standard Profiles'!$G$20=$B$24,21,0),0)),0)</f>
        <v>0</v>
      </c>
      <c r="G7246" cm="1">
        <f t="array" ref="G7246">IFERROR(INDEX(Jesper!AK$2:AK$366,ROUNDDOWN($C7246/24,0)+1,1)*INDEX($D$3:$AA$30,INDEX(Jesper!$R$2:$R$366,ROW(INDEX(Jesper!AK$2:AK$366,ROUNDDOWN($C7246/24,0)+1,1))-1)+IF('Standard Profiles'!$G$21=$B$10,7,0)+IF('Standard Profiles'!$G$21=$B$17,14,0)+IF('Standard Profiles'!$G$21=$B$24,21,0),MOD($C7246,24)+1)/SUM(INDEX($D$3:$AA$30,INDEX(Jesper!$R$2:$R$366,ROW(INDEX(Jesper!AK$2:AK$366,ROUNDDOWN($C7246/24,0)+1,1))-1)+IF('Standard Profiles'!$G$21=$B$10,7,0)+IF('Standard Profiles'!$G$21=$B$17,14,0)+IF('Standard Profiles'!$G$21=$B$24,21,0),0)),0)</f>
        <v>0</v>
      </c>
      <c r="H7246" cm="1">
        <f t="array" ref="H7246">IFERROR(INDEX(Jesper!AL$2:AL$366,ROUNDDOWN($C7246/24,0)+1,1)*INDEX($D$3:$AA$30,INDEX(Jesper!$R$2:$R$366,ROW(INDEX(Jesper!AL$2:AL$366,ROUNDDOWN($C7246/24,0)+1,1))-1)+IF('Standard Profiles'!$G$22=$B$10,7,0)+IF('Standard Profiles'!$G$22=$B$17,14,0)+IF('Standard Profiles'!$G$22=$B$24,21,0),MOD($C7246,24)+1)/SUM(INDEX($D$3:$AA$30,INDEX(Jesper!$R$2:$R$366,ROW(INDEX(Jesper!AL$2:AL$366,ROUNDDOWN($C7246/24,0)+1,1))-1)+IF('Standard Profiles'!$G$22=$B$10,7,0)+IF('Standard Profiles'!$G$22=$B$17,14,0)+IF('Standard Profiles'!$G$22=$B$24,21,0),0)),0)</f>
        <v>0</v>
      </c>
      <c r="I7246">
        <f t="shared" si="804"/>
        <v>0.31263714160120792</v>
      </c>
      <c r="J7246">
        <f t="shared" si="805"/>
        <v>1.0421238053373598</v>
      </c>
      <c r="K7246">
        <f t="shared" si="806"/>
        <v>1.5631857080060398</v>
      </c>
      <c r="L7246">
        <f t="shared" si="807"/>
        <v>15.395950182466205</v>
      </c>
      <c r="M7246">
        <f t="shared" si="808"/>
        <v>0</v>
      </c>
      <c r="N7246" s="46">
        <f t="shared" si="809"/>
        <v>45592.499999982509</v>
      </c>
    </row>
    <row r="7247" spans="2:14" x14ac:dyDescent="0.3">
      <c r="B7247">
        <f t="shared" si="803"/>
        <v>7</v>
      </c>
      <c r="C7247" s="16">
        <v>7213</v>
      </c>
      <c r="D7247" cm="1">
        <f t="array" ref="D7247">IFERROR(INDEX(Jesper!AH$2:AH$366,ROUNDDOWN($C7247/24,0)+1,1)*INDEX($D$3:$AA$30,INDEX(Jesper!$R$2:$R$366,ROW(INDEX(Jesper!AH$2:AH$366,ROUNDDOWN($C7247/24,0)+1,1))-1)+IF('Standard Profiles'!$G$18=$B$10,7,0)+IF('Standard Profiles'!$G$18=$B$17,14,0)+IF('Standard Profiles'!$G$18=$B$24,21,0),MOD($C7247,24)+1)/SUM(INDEX($D$3:$AA$30,INDEX(Jesper!$R$2:$R$366,ROW(INDEX(Jesper!AH$2:AH$366,ROUNDDOWN($C7247/24,0)+1,1))-1)+IF('Standard Profiles'!$G$18=$B$10,7,0)+IF('Standard Profiles'!$G$18=$B$17,14,0)+IF('Standard Profiles'!$G$18=$B$24,21,0),0)),0)</f>
        <v>14.843624565637406</v>
      </c>
      <c r="E7247" cm="1">
        <f t="array" ref="E7247">IFERROR(INDEX(Jesper!AI$2:AI$366,ROUNDDOWN($C7247/24,0)+1,1)*INDEX($D$3:$AA$30,INDEX(Jesper!$R$2:$R$366,ROW(INDEX(Jesper!AI$2:AI$366,ROUNDDOWN($C7247/24,0)+1,1))-1)+IF('Standard Profiles'!$G$19=$B$10,7,0)+IF('Standard Profiles'!$G$19=$B$17,14,0)+IF('Standard Profiles'!$G$19=$B$24,21,0),MOD($C7247,24)+1)/SUM(INDEX($D$3:$AA$30,INDEX(Jesper!$R$2:$R$366,ROW(INDEX(Jesper!AI$2:AI$366,ROUNDDOWN($C7247/24,0)+1,1))-1)+IF('Standard Profiles'!$G$19=$B$10,7,0)+IF('Standard Profiles'!$G$19=$B$17,14,0)+IF('Standard Profiles'!$G$19=$B$24,21,0),0)),0)</f>
        <v>3.4702722717734069</v>
      </c>
      <c r="F7247" cm="1">
        <f t="array" ref="F7247">IFERROR(INDEX(Jesper!AJ$2:AJ$366,ROUNDDOWN($C7247/24,0)+1,1)*INDEX($D$3:$AA$30,INDEX(Jesper!$R$2:$R$366,ROW(INDEX(Jesper!AJ$2:AJ$366,ROUNDDOWN($C7247/24,0)+1,1))-1)+IF('Standard Profiles'!$G$20=$B$10,7,0)+IF('Standard Profiles'!$G$20=$B$17,14,0)+IF('Standard Profiles'!$G$20=$B$24,21,0),MOD($C7247,24)+1)/SUM(INDEX($D$3:$AA$30,INDEX(Jesper!$R$2:$R$366,ROW(INDEX(Jesper!AJ$2:AJ$366,ROUNDDOWN($C7247/24,0)+1,1))-1)+IF('Standard Profiles'!$G$20=$B$10,7,0)+IF('Standard Profiles'!$G$20=$B$17,14,0)+IF('Standard Profiles'!$G$20=$B$24,21,0),0)),0)</f>
        <v>0</v>
      </c>
      <c r="G7247" cm="1">
        <f t="array" ref="G7247">IFERROR(INDEX(Jesper!AK$2:AK$366,ROUNDDOWN($C7247/24,0)+1,1)*INDEX($D$3:$AA$30,INDEX(Jesper!$R$2:$R$366,ROW(INDEX(Jesper!AK$2:AK$366,ROUNDDOWN($C7247/24,0)+1,1))-1)+IF('Standard Profiles'!$G$21=$B$10,7,0)+IF('Standard Profiles'!$G$21=$B$17,14,0)+IF('Standard Profiles'!$G$21=$B$24,21,0),MOD($C7247,24)+1)/SUM(INDEX($D$3:$AA$30,INDEX(Jesper!$R$2:$R$366,ROW(INDEX(Jesper!AK$2:AK$366,ROUNDDOWN($C7247/24,0)+1,1))-1)+IF('Standard Profiles'!$G$21=$B$10,7,0)+IF('Standard Profiles'!$G$21=$B$17,14,0)+IF('Standard Profiles'!$G$21=$B$24,21,0),0)),0)</f>
        <v>0</v>
      </c>
      <c r="H7247" cm="1">
        <f t="array" ref="H7247">IFERROR(INDEX(Jesper!AL$2:AL$366,ROUNDDOWN($C7247/24,0)+1,1)*INDEX($D$3:$AA$30,INDEX(Jesper!$R$2:$R$366,ROW(INDEX(Jesper!AL$2:AL$366,ROUNDDOWN($C7247/24,0)+1,1))-1)+IF('Standard Profiles'!$G$22=$B$10,7,0)+IF('Standard Profiles'!$G$22=$B$17,14,0)+IF('Standard Profiles'!$G$22=$B$24,21,0),MOD($C7247,24)+1)/SUM(INDEX($D$3:$AA$30,INDEX(Jesper!$R$2:$R$366,ROW(INDEX(Jesper!AL$2:AL$366,ROUNDDOWN($C7247/24,0)+1,1))-1)+IF('Standard Profiles'!$G$22=$B$10,7,0)+IF('Standard Profiles'!$G$22=$B$17,14,0)+IF('Standard Profiles'!$G$22=$B$24,21,0),0)),0)</f>
        <v>0</v>
      </c>
      <c r="I7247">
        <f t="shared" si="804"/>
        <v>0.31263714160120792</v>
      </c>
      <c r="J7247">
        <f t="shared" si="805"/>
        <v>1.0421238053373598</v>
      </c>
      <c r="K7247">
        <f t="shared" si="806"/>
        <v>1.5631857080060398</v>
      </c>
      <c r="L7247">
        <f t="shared" si="807"/>
        <v>15.395950182466205</v>
      </c>
      <c r="M7247">
        <f t="shared" si="808"/>
        <v>0</v>
      </c>
      <c r="N7247" s="46">
        <f t="shared" si="809"/>
        <v>45592.541666649173</v>
      </c>
    </row>
    <row r="7248" spans="2:14" x14ac:dyDescent="0.3">
      <c r="B7248">
        <f t="shared" si="803"/>
        <v>7</v>
      </c>
      <c r="C7248" s="16">
        <v>7214</v>
      </c>
      <c r="D7248" cm="1">
        <f t="array" ref="D7248">IFERROR(INDEX(Jesper!AH$2:AH$366,ROUNDDOWN($C7248/24,0)+1,1)*INDEX($D$3:$AA$30,INDEX(Jesper!$R$2:$R$366,ROW(INDEX(Jesper!AH$2:AH$366,ROUNDDOWN($C7248/24,0)+1,1))-1)+IF('Standard Profiles'!$G$18=$B$10,7,0)+IF('Standard Profiles'!$G$18=$B$17,14,0)+IF('Standard Profiles'!$G$18=$B$24,21,0),MOD($C7248,24)+1)/SUM(INDEX($D$3:$AA$30,INDEX(Jesper!$R$2:$R$366,ROW(INDEX(Jesper!AH$2:AH$366,ROUNDDOWN($C7248/24,0)+1,1))-1)+IF('Standard Profiles'!$G$18=$B$10,7,0)+IF('Standard Profiles'!$G$18=$B$17,14,0)+IF('Standard Profiles'!$G$18=$B$24,21,0),0)),0)</f>
        <v>14.843624565637406</v>
      </c>
      <c r="E7248" cm="1">
        <f t="array" ref="E7248">IFERROR(INDEX(Jesper!AI$2:AI$366,ROUNDDOWN($C7248/24,0)+1,1)*INDEX($D$3:$AA$30,INDEX(Jesper!$R$2:$R$366,ROW(INDEX(Jesper!AI$2:AI$366,ROUNDDOWN($C7248/24,0)+1,1))-1)+IF('Standard Profiles'!$G$19=$B$10,7,0)+IF('Standard Profiles'!$G$19=$B$17,14,0)+IF('Standard Profiles'!$G$19=$B$24,21,0),MOD($C7248,24)+1)/SUM(INDEX($D$3:$AA$30,INDEX(Jesper!$R$2:$R$366,ROW(INDEX(Jesper!AI$2:AI$366,ROUNDDOWN($C7248/24,0)+1,1))-1)+IF('Standard Profiles'!$G$19=$B$10,7,0)+IF('Standard Profiles'!$G$19=$B$17,14,0)+IF('Standard Profiles'!$G$19=$B$24,21,0),0)),0)</f>
        <v>3.4702722717734069</v>
      </c>
      <c r="F7248" cm="1">
        <f t="array" ref="F7248">IFERROR(INDEX(Jesper!AJ$2:AJ$366,ROUNDDOWN($C7248/24,0)+1,1)*INDEX($D$3:$AA$30,INDEX(Jesper!$R$2:$R$366,ROW(INDEX(Jesper!AJ$2:AJ$366,ROUNDDOWN($C7248/24,0)+1,1))-1)+IF('Standard Profiles'!$G$20=$B$10,7,0)+IF('Standard Profiles'!$G$20=$B$17,14,0)+IF('Standard Profiles'!$G$20=$B$24,21,0),MOD($C7248,24)+1)/SUM(INDEX($D$3:$AA$30,INDEX(Jesper!$R$2:$R$366,ROW(INDEX(Jesper!AJ$2:AJ$366,ROUNDDOWN($C7248/24,0)+1,1))-1)+IF('Standard Profiles'!$G$20=$B$10,7,0)+IF('Standard Profiles'!$G$20=$B$17,14,0)+IF('Standard Profiles'!$G$20=$B$24,21,0),0)),0)</f>
        <v>0</v>
      </c>
      <c r="G7248" cm="1">
        <f t="array" ref="G7248">IFERROR(INDEX(Jesper!AK$2:AK$366,ROUNDDOWN($C7248/24,0)+1,1)*INDEX($D$3:$AA$30,INDEX(Jesper!$R$2:$R$366,ROW(INDEX(Jesper!AK$2:AK$366,ROUNDDOWN($C7248/24,0)+1,1))-1)+IF('Standard Profiles'!$G$21=$B$10,7,0)+IF('Standard Profiles'!$G$21=$B$17,14,0)+IF('Standard Profiles'!$G$21=$B$24,21,0),MOD($C7248,24)+1)/SUM(INDEX($D$3:$AA$30,INDEX(Jesper!$R$2:$R$366,ROW(INDEX(Jesper!AK$2:AK$366,ROUNDDOWN($C7248/24,0)+1,1))-1)+IF('Standard Profiles'!$G$21=$B$10,7,0)+IF('Standard Profiles'!$G$21=$B$17,14,0)+IF('Standard Profiles'!$G$21=$B$24,21,0),0)),0)</f>
        <v>0</v>
      </c>
      <c r="H7248" cm="1">
        <f t="array" ref="H7248">IFERROR(INDEX(Jesper!AL$2:AL$366,ROUNDDOWN($C7248/24,0)+1,1)*INDEX($D$3:$AA$30,INDEX(Jesper!$R$2:$R$366,ROW(INDEX(Jesper!AL$2:AL$366,ROUNDDOWN($C7248/24,0)+1,1))-1)+IF('Standard Profiles'!$G$22=$B$10,7,0)+IF('Standard Profiles'!$G$22=$B$17,14,0)+IF('Standard Profiles'!$G$22=$B$24,21,0),MOD($C7248,24)+1)/SUM(INDEX($D$3:$AA$30,INDEX(Jesper!$R$2:$R$366,ROW(INDEX(Jesper!AL$2:AL$366,ROUNDDOWN($C7248/24,0)+1,1))-1)+IF('Standard Profiles'!$G$22=$B$10,7,0)+IF('Standard Profiles'!$G$22=$B$17,14,0)+IF('Standard Profiles'!$G$22=$B$24,21,0),0)),0)</f>
        <v>0</v>
      </c>
      <c r="I7248">
        <f t="shared" si="804"/>
        <v>0.31263714160120792</v>
      </c>
      <c r="J7248">
        <f t="shared" si="805"/>
        <v>1.0421238053373598</v>
      </c>
      <c r="K7248">
        <f t="shared" si="806"/>
        <v>1.5631857080060398</v>
      </c>
      <c r="L7248">
        <f t="shared" si="807"/>
        <v>15.395950182466205</v>
      </c>
      <c r="M7248">
        <f t="shared" si="808"/>
        <v>0</v>
      </c>
      <c r="N7248" s="46">
        <f t="shared" si="809"/>
        <v>45592.583333315837</v>
      </c>
    </row>
    <row r="7249" spans="2:14" x14ac:dyDescent="0.3">
      <c r="B7249">
        <f t="shared" si="803"/>
        <v>7</v>
      </c>
      <c r="C7249" s="16">
        <v>7215</v>
      </c>
      <c r="D7249" cm="1">
        <f t="array" ref="D7249">IFERROR(INDEX(Jesper!AH$2:AH$366,ROUNDDOWN($C7249/24,0)+1,1)*INDEX($D$3:$AA$30,INDEX(Jesper!$R$2:$R$366,ROW(INDEX(Jesper!AH$2:AH$366,ROUNDDOWN($C7249/24,0)+1,1))-1)+IF('Standard Profiles'!$G$18=$B$10,7,0)+IF('Standard Profiles'!$G$18=$B$17,14,0)+IF('Standard Profiles'!$G$18=$B$24,21,0),MOD($C7249,24)+1)/SUM(INDEX($D$3:$AA$30,INDEX(Jesper!$R$2:$R$366,ROW(INDEX(Jesper!AH$2:AH$366,ROUNDDOWN($C7249/24,0)+1,1))-1)+IF('Standard Profiles'!$G$18=$B$10,7,0)+IF('Standard Profiles'!$G$18=$B$17,14,0)+IF('Standard Profiles'!$G$18=$B$24,21,0),0)),0)</f>
        <v>13.194332947233249</v>
      </c>
      <c r="E7249" cm="1">
        <f t="array" ref="E7249">IFERROR(INDEX(Jesper!AI$2:AI$366,ROUNDDOWN($C7249/24,0)+1,1)*INDEX($D$3:$AA$30,INDEX(Jesper!$R$2:$R$366,ROW(INDEX(Jesper!AI$2:AI$366,ROUNDDOWN($C7249/24,0)+1,1))-1)+IF('Standard Profiles'!$G$19=$B$10,7,0)+IF('Standard Profiles'!$G$19=$B$17,14,0)+IF('Standard Profiles'!$G$19=$B$24,21,0),MOD($C7249,24)+1)/SUM(INDEX($D$3:$AA$30,INDEX(Jesper!$R$2:$R$366,ROW(INDEX(Jesper!AI$2:AI$366,ROUNDDOWN($C7249/24,0)+1,1))-1)+IF('Standard Profiles'!$G$19=$B$10,7,0)+IF('Standard Profiles'!$G$19=$B$17,14,0)+IF('Standard Profiles'!$G$19=$B$24,21,0),0)),0)</f>
        <v>3.084686463798584</v>
      </c>
      <c r="F7249" cm="1">
        <f t="array" ref="F7249">IFERROR(INDEX(Jesper!AJ$2:AJ$366,ROUNDDOWN($C7249/24,0)+1,1)*INDEX($D$3:$AA$30,INDEX(Jesper!$R$2:$R$366,ROW(INDEX(Jesper!AJ$2:AJ$366,ROUNDDOWN($C7249/24,0)+1,1))-1)+IF('Standard Profiles'!$G$20=$B$10,7,0)+IF('Standard Profiles'!$G$20=$B$17,14,0)+IF('Standard Profiles'!$G$20=$B$24,21,0),MOD($C7249,24)+1)/SUM(INDEX($D$3:$AA$30,INDEX(Jesper!$R$2:$R$366,ROW(INDEX(Jesper!AJ$2:AJ$366,ROUNDDOWN($C7249/24,0)+1,1))-1)+IF('Standard Profiles'!$G$20=$B$10,7,0)+IF('Standard Profiles'!$G$20=$B$17,14,0)+IF('Standard Profiles'!$G$20=$B$24,21,0),0)),0)</f>
        <v>0</v>
      </c>
      <c r="G7249" cm="1">
        <f t="array" ref="G7249">IFERROR(INDEX(Jesper!AK$2:AK$366,ROUNDDOWN($C7249/24,0)+1,1)*INDEX($D$3:$AA$30,INDEX(Jesper!$R$2:$R$366,ROW(INDEX(Jesper!AK$2:AK$366,ROUNDDOWN($C7249/24,0)+1,1))-1)+IF('Standard Profiles'!$G$21=$B$10,7,0)+IF('Standard Profiles'!$G$21=$B$17,14,0)+IF('Standard Profiles'!$G$21=$B$24,21,0),MOD($C7249,24)+1)/SUM(INDEX($D$3:$AA$30,INDEX(Jesper!$R$2:$R$366,ROW(INDEX(Jesper!AK$2:AK$366,ROUNDDOWN($C7249/24,0)+1,1))-1)+IF('Standard Profiles'!$G$21=$B$10,7,0)+IF('Standard Profiles'!$G$21=$B$17,14,0)+IF('Standard Profiles'!$G$21=$B$24,21,0),0)),0)</f>
        <v>0</v>
      </c>
      <c r="H7249" cm="1">
        <f t="array" ref="H7249">IFERROR(INDEX(Jesper!AL$2:AL$366,ROUNDDOWN($C7249/24,0)+1,1)*INDEX($D$3:$AA$30,INDEX(Jesper!$R$2:$R$366,ROW(INDEX(Jesper!AL$2:AL$366,ROUNDDOWN($C7249/24,0)+1,1))-1)+IF('Standard Profiles'!$G$22=$B$10,7,0)+IF('Standard Profiles'!$G$22=$B$17,14,0)+IF('Standard Profiles'!$G$22=$B$24,21,0),MOD($C7249,24)+1)/SUM(INDEX($D$3:$AA$30,INDEX(Jesper!$R$2:$R$366,ROW(INDEX(Jesper!AL$2:AL$366,ROUNDDOWN($C7249/24,0)+1,1))-1)+IF('Standard Profiles'!$G$22=$B$10,7,0)+IF('Standard Profiles'!$G$22=$B$17,14,0)+IF('Standard Profiles'!$G$22=$B$24,21,0),0)),0)</f>
        <v>0</v>
      </c>
      <c r="I7249">
        <f t="shared" si="804"/>
        <v>0.27789968142329591</v>
      </c>
      <c r="J7249">
        <f t="shared" si="805"/>
        <v>0.92633227141098651</v>
      </c>
      <c r="K7249">
        <f t="shared" si="806"/>
        <v>1.3894984071164798</v>
      </c>
      <c r="L7249">
        <f t="shared" si="807"/>
        <v>13.685289051081071</v>
      </c>
      <c r="M7249">
        <f t="shared" si="808"/>
        <v>0</v>
      </c>
      <c r="N7249" s="46">
        <f t="shared" si="809"/>
        <v>45592.624999982501</v>
      </c>
    </row>
    <row r="7250" spans="2:14" x14ac:dyDescent="0.3">
      <c r="B7250">
        <f t="shared" si="803"/>
        <v>7</v>
      </c>
      <c r="C7250" s="16">
        <v>7216</v>
      </c>
      <c r="D7250" cm="1">
        <f t="array" ref="D7250">IFERROR(INDEX(Jesper!AH$2:AH$366,ROUNDDOWN($C7250/24,0)+1,1)*INDEX($D$3:$AA$30,INDEX(Jesper!$R$2:$R$366,ROW(INDEX(Jesper!AH$2:AH$366,ROUNDDOWN($C7250/24,0)+1,1))-1)+IF('Standard Profiles'!$G$18=$B$10,7,0)+IF('Standard Profiles'!$G$18=$B$17,14,0)+IF('Standard Profiles'!$G$18=$B$24,21,0),MOD($C7250,24)+1)/SUM(INDEX($D$3:$AA$30,INDEX(Jesper!$R$2:$R$366,ROW(INDEX(Jesper!AH$2:AH$366,ROUNDDOWN($C7250/24,0)+1,1))-1)+IF('Standard Profiles'!$G$18=$B$10,7,0)+IF('Standard Profiles'!$G$18=$B$17,14,0)+IF('Standard Profiles'!$G$18=$B$24,21,0),0)),0)</f>
        <v>12.958719858889799</v>
      </c>
      <c r="E7250" cm="1">
        <f t="array" ref="E7250">IFERROR(INDEX(Jesper!AI$2:AI$366,ROUNDDOWN($C7250/24,0)+1,1)*INDEX($D$3:$AA$30,INDEX(Jesper!$R$2:$R$366,ROW(INDEX(Jesper!AI$2:AI$366,ROUNDDOWN($C7250/24,0)+1,1))-1)+IF('Standard Profiles'!$G$19=$B$10,7,0)+IF('Standard Profiles'!$G$19=$B$17,14,0)+IF('Standard Profiles'!$G$19=$B$24,21,0),MOD($C7250,24)+1)/SUM(INDEX($D$3:$AA$30,INDEX(Jesper!$R$2:$R$366,ROW(INDEX(Jesper!AI$2:AI$366,ROUNDDOWN($C7250/24,0)+1,1))-1)+IF('Standard Profiles'!$G$19=$B$10,7,0)+IF('Standard Profiles'!$G$19=$B$17,14,0)+IF('Standard Profiles'!$G$19=$B$24,21,0),0)),0)</f>
        <v>3.0296027769450378</v>
      </c>
      <c r="F7250" cm="1">
        <f t="array" ref="F7250">IFERROR(INDEX(Jesper!AJ$2:AJ$366,ROUNDDOWN($C7250/24,0)+1,1)*INDEX($D$3:$AA$30,INDEX(Jesper!$R$2:$R$366,ROW(INDEX(Jesper!AJ$2:AJ$366,ROUNDDOWN($C7250/24,0)+1,1))-1)+IF('Standard Profiles'!$G$20=$B$10,7,0)+IF('Standard Profiles'!$G$20=$B$17,14,0)+IF('Standard Profiles'!$G$20=$B$24,21,0),MOD($C7250,24)+1)/SUM(INDEX($D$3:$AA$30,INDEX(Jesper!$R$2:$R$366,ROW(INDEX(Jesper!AJ$2:AJ$366,ROUNDDOWN($C7250/24,0)+1,1))-1)+IF('Standard Profiles'!$G$20=$B$10,7,0)+IF('Standard Profiles'!$G$20=$B$17,14,0)+IF('Standard Profiles'!$G$20=$B$24,21,0),0)),0)</f>
        <v>0</v>
      </c>
      <c r="G7250" cm="1">
        <f t="array" ref="G7250">IFERROR(INDEX(Jesper!AK$2:AK$366,ROUNDDOWN($C7250/24,0)+1,1)*INDEX($D$3:$AA$30,INDEX(Jesper!$R$2:$R$366,ROW(INDEX(Jesper!AK$2:AK$366,ROUNDDOWN($C7250/24,0)+1,1))-1)+IF('Standard Profiles'!$G$21=$B$10,7,0)+IF('Standard Profiles'!$G$21=$B$17,14,0)+IF('Standard Profiles'!$G$21=$B$24,21,0),MOD($C7250,24)+1)/SUM(INDEX($D$3:$AA$30,INDEX(Jesper!$R$2:$R$366,ROW(INDEX(Jesper!AK$2:AK$366,ROUNDDOWN($C7250/24,0)+1,1))-1)+IF('Standard Profiles'!$G$21=$B$10,7,0)+IF('Standard Profiles'!$G$21=$B$17,14,0)+IF('Standard Profiles'!$G$21=$B$24,21,0),0)),0)</f>
        <v>0</v>
      </c>
      <c r="H7250" cm="1">
        <f t="array" ref="H7250">IFERROR(INDEX(Jesper!AL$2:AL$366,ROUNDDOWN($C7250/24,0)+1,1)*INDEX($D$3:$AA$30,INDEX(Jesper!$R$2:$R$366,ROW(INDEX(Jesper!AL$2:AL$366,ROUNDDOWN($C7250/24,0)+1,1))-1)+IF('Standard Profiles'!$G$22=$B$10,7,0)+IF('Standard Profiles'!$G$22=$B$17,14,0)+IF('Standard Profiles'!$G$22=$B$24,21,0),MOD($C7250,24)+1)/SUM(INDEX($D$3:$AA$30,INDEX(Jesper!$R$2:$R$366,ROW(INDEX(Jesper!AL$2:AL$366,ROUNDDOWN($C7250/24,0)+1,1))-1)+IF('Standard Profiles'!$G$22=$B$10,7,0)+IF('Standard Profiles'!$G$22=$B$17,14,0)+IF('Standard Profiles'!$G$22=$B$24,21,0),0)),0)</f>
        <v>0</v>
      </c>
      <c r="I7250">
        <f t="shared" si="804"/>
        <v>0.27293718711216564</v>
      </c>
      <c r="J7250">
        <f t="shared" si="805"/>
        <v>0.90979062370721886</v>
      </c>
      <c r="K7250">
        <f t="shared" si="806"/>
        <v>1.3646859355608283</v>
      </c>
      <c r="L7250">
        <f t="shared" si="807"/>
        <v>13.440908889454624</v>
      </c>
      <c r="M7250">
        <f t="shared" si="808"/>
        <v>0</v>
      </c>
      <c r="N7250" s="46">
        <f t="shared" si="809"/>
        <v>45592.666666649166</v>
      </c>
    </row>
    <row r="7251" spans="2:14" x14ac:dyDescent="0.3">
      <c r="B7251">
        <f t="shared" si="803"/>
        <v>7</v>
      </c>
      <c r="C7251" s="16">
        <v>7217</v>
      </c>
      <c r="D7251" cm="1">
        <f t="array" ref="D7251">IFERROR(INDEX(Jesper!AH$2:AH$366,ROUNDDOWN($C7251/24,0)+1,1)*INDEX($D$3:$AA$30,INDEX(Jesper!$R$2:$R$366,ROW(INDEX(Jesper!AH$2:AH$366,ROUNDDOWN($C7251/24,0)+1,1))-1)+IF('Standard Profiles'!$G$18=$B$10,7,0)+IF('Standard Profiles'!$G$18=$B$17,14,0)+IF('Standard Profiles'!$G$18=$B$24,21,0),MOD($C7251,24)+1)/SUM(INDEX($D$3:$AA$30,INDEX(Jesper!$R$2:$R$366,ROW(INDEX(Jesper!AH$2:AH$366,ROUNDDOWN($C7251/24,0)+1,1))-1)+IF('Standard Profiles'!$G$18=$B$10,7,0)+IF('Standard Profiles'!$G$18=$B$17,14,0)+IF('Standard Profiles'!$G$18=$B$24,21,0),0)),0)</f>
        <v>11.073815152142192</v>
      </c>
      <c r="E7251" cm="1">
        <f t="array" ref="E7251">IFERROR(INDEX(Jesper!AI$2:AI$366,ROUNDDOWN($C7251/24,0)+1,1)*INDEX($D$3:$AA$30,INDEX(Jesper!$R$2:$R$366,ROW(INDEX(Jesper!AI$2:AI$366,ROUNDDOWN($C7251/24,0)+1,1))-1)+IF('Standard Profiles'!$G$19=$B$10,7,0)+IF('Standard Profiles'!$G$19=$B$17,14,0)+IF('Standard Profiles'!$G$19=$B$24,21,0),MOD($C7251,24)+1)/SUM(INDEX($D$3:$AA$30,INDEX(Jesper!$R$2:$R$366,ROW(INDEX(Jesper!AI$2:AI$366,ROUNDDOWN($C7251/24,0)+1,1))-1)+IF('Standard Profiles'!$G$19=$B$10,7,0)+IF('Standard Profiles'!$G$19=$B$17,14,0)+IF('Standard Profiles'!$G$19=$B$24,21,0),0)),0)</f>
        <v>2.5889332821166686</v>
      </c>
      <c r="F7251" cm="1">
        <f t="array" ref="F7251">IFERROR(INDEX(Jesper!AJ$2:AJ$366,ROUNDDOWN($C7251/24,0)+1,1)*INDEX($D$3:$AA$30,INDEX(Jesper!$R$2:$R$366,ROW(INDEX(Jesper!AJ$2:AJ$366,ROUNDDOWN($C7251/24,0)+1,1))-1)+IF('Standard Profiles'!$G$20=$B$10,7,0)+IF('Standard Profiles'!$G$20=$B$17,14,0)+IF('Standard Profiles'!$G$20=$B$24,21,0),MOD($C7251,24)+1)/SUM(INDEX($D$3:$AA$30,INDEX(Jesper!$R$2:$R$366,ROW(INDEX(Jesper!AJ$2:AJ$366,ROUNDDOWN($C7251/24,0)+1,1))-1)+IF('Standard Profiles'!$G$20=$B$10,7,0)+IF('Standard Profiles'!$G$20=$B$17,14,0)+IF('Standard Profiles'!$G$20=$B$24,21,0),0)),0)</f>
        <v>0</v>
      </c>
      <c r="G7251" cm="1">
        <f t="array" ref="G7251">IFERROR(INDEX(Jesper!AK$2:AK$366,ROUNDDOWN($C7251/24,0)+1,1)*INDEX($D$3:$AA$30,INDEX(Jesper!$R$2:$R$366,ROW(INDEX(Jesper!AK$2:AK$366,ROUNDDOWN($C7251/24,0)+1,1))-1)+IF('Standard Profiles'!$G$21=$B$10,7,0)+IF('Standard Profiles'!$G$21=$B$17,14,0)+IF('Standard Profiles'!$G$21=$B$24,21,0),MOD($C7251,24)+1)/SUM(INDEX($D$3:$AA$30,INDEX(Jesper!$R$2:$R$366,ROW(INDEX(Jesper!AK$2:AK$366,ROUNDDOWN($C7251/24,0)+1,1))-1)+IF('Standard Profiles'!$G$21=$B$10,7,0)+IF('Standard Profiles'!$G$21=$B$17,14,0)+IF('Standard Profiles'!$G$21=$B$24,21,0),0)),0)</f>
        <v>0</v>
      </c>
      <c r="H7251" cm="1">
        <f t="array" ref="H7251">IFERROR(INDEX(Jesper!AL$2:AL$366,ROUNDDOWN($C7251/24,0)+1,1)*INDEX($D$3:$AA$30,INDEX(Jesper!$R$2:$R$366,ROW(INDEX(Jesper!AL$2:AL$366,ROUNDDOWN($C7251/24,0)+1,1))-1)+IF('Standard Profiles'!$G$22=$B$10,7,0)+IF('Standard Profiles'!$G$22=$B$17,14,0)+IF('Standard Profiles'!$G$22=$B$24,21,0),MOD($C7251,24)+1)/SUM(INDEX($D$3:$AA$30,INDEX(Jesper!$R$2:$R$366,ROW(INDEX(Jesper!AL$2:AL$366,ROUNDDOWN($C7251/24,0)+1,1))-1)+IF('Standard Profiles'!$G$22=$B$10,7,0)+IF('Standard Profiles'!$G$22=$B$17,14,0)+IF('Standard Profiles'!$G$22=$B$24,21,0),0)),0)</f>
        <v>0</v>
      </c>
      <c r="I7251">
        <f t="shared" si="804"/>
        <v>0.23323723262312335</v>
      </c>
      <c r="J7251">
        <f t="shared" si="805"/>
        <v>0.77745744207707801</v>
      </c>
      <c r="K7251">
        <f t="shared" si="806"/>
        <v>1.166186163115617</v>
      </c>
      <c r="L7251">
        <f t="shared" si="807"/>
        <v>11.485867596443043</v>
      </c>
      <c r="M7251">
        <f t="shared" si="808"/>
        <v>0</v>
      </c>
      <c r="N7251" s="46">
        <f t="shared" si="809"/>
        <v>45592.70833331583</v>
      </c>
    </row>
    <row r="7252" spans="2:14" x14ac:dyDescent="0.3">
      <c r="B7252">
        <f t="shared" si="803"/>
        <v>7</v>
      </c>
      <c r="C7252" s="16">
        <v>7218</v>
      </c>
      <c r="D7252" cm="1">
        <f t="array" ref="D7252">IFERROR(INDEX(Jesper!AH$2:AH$366,ROUNDDOWN($C7252/24,0)+1,1)*INDEX($D$3:$AA$30,INDEX(Jesper!$R$2:$R$366,ROW(INDEX(Jesper!AH$2:AH$366,ROUNDDOWN($C7252/24,0)+1,1))-1)+IF('Standard Profiles'!$G$18=$B$10,7,0)+IF('Standard Profiles'!$G$18=$B$17,14,0)+IF('Standard Profiles'!$G$18=$B$24,21,0),MOD($C7252,24)+1)/SUM(INDEX($D$3:$AA$30,INDEX(Jesper!$R$2:$R$366,ROW(INDEX(Jesper!AH$2:AH$366,ROUNDDOWN($C7252/24,0)+1,1))-1)+IF('Standard Profiles'!$G$18=$B$10,7,0)+IF('Standard Profiles'!$G$18=$B$17,14,0)+IF('Standard Profiles'!$G$18=$B$24,21,0),0)),0)</f>
        <v>10.366975887111838</v>
      </c>
      <c r="E7252" cm="1">
        <f t="array" ref="E7252">IFERROR(INDEX(Jesper!AI$2:AI$366,ROUNDDOWN($C7252/24,0)+1,1)*INDEX($D$3:$AA$30,INDEX(Jesper!$R$2:$R$366,ROW(INDEX(Jesper!AI$2:AI$366,ROUNDDOWN($C7252/24,0)+1,1))-1)+IF('Standard Profiles'!$G$19=$B$10,7,0)+IF('Standard Profiles'!$G$19=$B$17,14,0)+IF('Standard Profiles'!$G$19=$B$24,21,0),MOD($C7252,24)+1)/SUM(INDEX($D$3:$AA$30,INDEX(Jesper!$R$2:$R$366,ROW(INDEX(Jesper!AI$2:AI$366,ROUNDDOWN($C7252/24,0)+1,1))-1)+IF('Standard Profiles'!$G$19=$B$10,7,0)+IF('Standard Profiles'!$G$19=$B$17,14,0)+IF('Standard Profiles'!$G$19=$B$24,21,0),0)),0)</f>
        <v>2.4236822215560303</v>
      </c>
      <c r="F7252" cm="1">
        <f t="array" ref="F7252">IFERROR(INDEX(Jesper!AJ$2:AJ$366,ROUNDDOWN($C7252/24,0)+1,1)*INDEX($D$3:$AA$30,INDEX(Jesper!$R$2:$R$366,ROW(INDEX(Jesper!AJ$2:AJ$366,ROUNDDOWN($C7252/24,0)+1,1))-1)+IF('Standard Profiles'!$G$20=$B$10,7,0)+IF('Standard Profiles'!$G$20=$B$17,14,0)+IF('Standard Profiles'!$G$20=$B$24,21,0),MOD($C7252,24)+1)/SUM(INDEX($D$3:$AA$30,INDEX(Jesper!$R$2:$R$366,ROW(INDEX(Jesper!AJ$2:AJ$366,ROUNDDOWN($C7252/24,0)+1,1))-1)+IF('Standard Profiles'!$G$20=$B$10,7,0)+IF('Standard Profiles'!$G$20=$B$17,14,0)+IF('Standard Profiles'!$G$20=$B$24,21,0),0)),0)</f>
        <v>0</v>
      </c>
      <c r="G7252" cm="1">
        <f t="array" ref="G7252">IFERROR(INDEX(Jesper!AK$2:AK$366,ROUNDDOWN($C7252/24,0)+1,1)*INDEX($D$3:$AA$30,INDEX(Jesper!$R$2:$R$366,ROW(INDEX(Jesper!AK$2:AK$366,ROUNDDOWN($C7252/24,0)+1,1))-1)+IF('Standard Profiles'!$G$21=$B$10,7,0)+IF('Standard Profiles'!$G$21=$B$17,14,0)+IF('Standard Profiles'!$G$21=$B$24,21,0),MOD($C7252,24)+1)/SUM(INDEX($D$3:$AA$30,INDEX(Jesper!$R$2:$R$366,ROW(INDEX(Jesper!AK$2:AK$366,ROUNDDOWN($C7252/24,0)+1,1))-1)+IF('Standard Profiles'!$G$21=$B$10,7,0)+IF('Standard Profiles'!$G$21=$B$17,14,0)+IF('Standard Profiles'!$G$21=$B$24,21,0),0)),0)</f>
        <v>0</v>
      </c>
      <c r="H7252" cm="1">
        <f t="array" ref="H7252">IFERROR(INDEX(Jesper!AL$2:AL$366,ROUNDDOWN($C7252/24,0)+1,1)*INDEX($D$3:$AA$30,INDEX(Jesper!$R$2:$R$366,ROW(INDEX(Jesper!AL$2:AL$366,ROUNDDOWN($C7252/24,0)+1,1))-1)+IF('Standard Profiles'!$G$22=$B$10,7,0)+IF('Standard Profiles'!$G$22=$B$17,14,0)+IF('Standard Profiles'!$G$22=$B$24,21,0),MOD($C7252,24)+1)/SUM(INDEX($D$3:$AA$30,INDEX(Jesper!$R$2:$R$366,ROW(INDEX(Jesper!AL$2:AL$366,ROUNDDOWN($C7252/24,0)+1,1))-1)+IF('Standard Profiles'!$G$22=$B$10,7,0)+IF('Standard Profiles'!$G$22=$B$17,14,0)+IF('Standard Profiles'!$G$22=$B$24,21,0),0)),0)</f>
        <v>0</v>
      </c>
      <c r="I7252">
        <f t="shared" si="804"/>
        <v>0.2183497496897325</v>
      </c>
      <c r="J7252">
        <f t="shared" si="805"/>
        <v>0.72783249896577518</v>
      </c>
      <c r="K7252">
        <f t="shared" si="806"/>
        <v>1.0917487484486628</v>
      </c>
      <c r="L7252">
        <f t="shared" si="807"/>
        <v>10.752727111563699</v>
      </c>
      <c r="M7252">
        <f t="shared" si="808"/>
        <v>0</v>
      </c>
      <c r="N7252" s="46">
        <f t="shared" si="809"/>
        <v>45592.749999982494</v>
      </c>
    </row>
    <row r="7253" spans="2:14" x14ac:dyDescent="0.3">
      <c r="B7253">
        <f t="shared" si="803"/>
        <v>7</v>
      </c>
      <c r="C7253" s="16">
        <v>7219</v>
      </c>
      <c r="D7253" cm="1">
        <f t="array" ref="D7253">IFERROR(INDEX(Jesper!AH$2:AH$366,ROUNDDOWN($C7253/24,0)+1,1)*INDEX($D$3:$AA$30,INDEX(Jesper!$R$2:$R$366,ROW(INDEX(Jesper!AH$2:AH$366,ROUNDDOWN($C7253/24,0)+1,1))-1)+IF('Standard Profiles'!$G$18=$B$10,7,0)+IF('Standard Profiles'!$G$18=$B$17,14,0)+IF('Standard Profiles'!$G$18=$B$24,21,0),MOD($C7253,24)+1)/SUM(INDEX($D$3:$AA$30,INDEX(Jesper!$R$2:$R$366,ROW(INDEX(Jesper!AH$2:AH$366,ROUNDDOWN($C7253/24,0)+1,1))-1)+IF('Standard Profiles'!$G$18=$B$10,7,0)+IF('Standard Profiles'!$G$18=$B$17,14,0)+IF('Standard Profiles'!$G$18=$B$24,21,0),0)),0)</f>
        <v>8.7176842687076821</v>
      </c>
      <c r="E7253" cm="1">
        <f t="array" ref="E7253">IFERROR(INDEX(Jesper!AI$2:AI$366,ROUNDDOWN($C7253/24,0)+1,1)*INDEX($D$3:$AA$30,INDEX(Jesper!$R$2:$R$366,ROW(INDEX(Jesper!AI$2:AI$366,ROUNDDOWN($C7253/24,0)+1,1))-1)+IF('Standard Profiles'!$G$19=$B$10,7,0)+IF('Standard Profiles'!$G$19=$B$17,14,0)+IF('Standard Profiles'!$G$19=$B$24,21,0),MOD($C7253,24)+1)/SUM(INDEX($D$3:$AA$30,INDEX(Jesper!$R$2:$R$366,ROW(INDEX(Jesper!AI$2:AI$366,ROUNDDOWN($C7253/24,0)+1,1))-1)+IF('Standard Profiles'!$G$19=$B$10,7,0)+IF('Standard Profiles'!$G$19=$B$17,14,0)+IF('Standard Profiles'!$G$19=$B$24,21,0),0)),0)</f>
        <v>2.0380964135812074</v>
      </c>
      <c r="F7253" cm="1">
        <f t="array" ref="F7253">IFERROR(INDEX(Jesper!AJ$2:AJ$366,ROUNDDOWN($C7253/24,0)+1,1)*INDEX($D$3:$AA$30,INDEX(Jesper!$R$2:$R$366,ROW(INDEX(Jesper!AJ$2:AJ$366,ROUNDDOWN($C7253/24,0)+1,1))-1)+IF('Standard Profiles'!$G$20=$B$10,7,0)+IF('Standard Profiles'!$G$20=$B$17,14,0)+IF('Standard Profiles'!$G$20=$B$24,21,0),MOD($C7253,24)+1)/SUM(INDEX($D$3:$AA$30,INDEX(Jesper!$R$2:$R$366,ROW(INDEX(Jesper!AJ$2:AJ$366,ROUNDDOWN($C7253/24,0)+1,1))-1)+IF('Standard Profiles'!$G$20=$B$10,7,0)+IF('Standard Profiles'!$G$20=$B$17,14,0)+IF('Standard Profiles'!$G$20=$B$24,21,0),0)),0)</f>
        <v>0</v>
      </c>
      <c r="G7253" cm="1">
        <f t="array" ref="G7253">IFERROR(INDEX(Jesper!AK$2:AK$366,ROUNDDOWN($C7253/24,0)+1,1)*INDEX($D$3:$AA$30,INDEX(Jesper!$R$2:$R$366,ROW(INDEX(Jesper!AK$2:AK$366,ROUNDDOWN($C7253/24,0)+1,1))-1)+IF('Standard Profiles'!$G$21=$B$10,7,0)+IF('Standard Profiles'!$G$21=$B$17,14,0)+IF('Standard Profiles'!$G$21=$B$24,21,0),MOD($C7253,24)+1)/SUM(INDEX($D$3:$AA$30,INDEX(Jesper!$R$2:$R$366,ROW(INDEX(Jesper!AK$2:AK$366,ROUNDDOWN($C7253/24,0)+1,1))-1)+IF('Standard Profiles'!$G$21=$B$10,7,0)+IF('Standard Profiles'!$G$21=$B$17,14,0)+IF('Standard Profiles'!$G$21=$B$24,21,0),0)),0)</f>
        <v>0</v>
      </c>
      <c r="H7253" cm="1">
        <f t="array" ref="H7253">IFERROR(INDEX(Jesper!AL$2:AL$366,ROUNDDOWN($C7253/24,0)+1,1)*INDEX($D$3:$AA$30,INDEX(Jesper!$R$2:$R$366,ROW(INDEX(Jesper!AL$2:AL$366,ROUNDDOWN($C7253/24,0)+1,1))-1)+IF('Standard Profiles'!$G$22=$B$10,7,0)+IF('Standard Profiles'!$G$22=$B$17,14,0)+IF('Standard Profiles'!$G$22=$B$24,21,0),MOD($C7253,24)+1)/SUM(INDEX($D$3:$AA$30,INDEX(Jesper!$R$2:$R$366,ROW(INDEX(Jesper!AL$2:AL$366,ROUNDDOWN($C7253/24,0)+1,1))-1)+IF('Standard Profiles'!$G$22=$B$10,7,0)+IF('Standard Profiles'!$G$22=$B$17,14,0)+IF('Standard Profiles'!$G$22=$B$24,21,0),0)),0)</f>
        <v>0</v>
      </c>
      <c r="I7253">
        <f t="shared" si="804"/>
        <v>0.18361228951182054</v>
      </c>
      <c r="J7253">
        <f t="shared" si="805"/>
        <v>0.61204096503940186</v>
      </c>
      <c r="K7253">
        <f t="shared" si="806"/>
        <v>0.91806144755910279</v>
      </c>
      <c r="L7253">
        <f t="shared" si="807"/>
        <v>9.042065980178565</v>
      </c>
      <c r="M7253">
        <f t="shared" si="808"/>
        <v>0</v>
      </c>
      <c r="N7253" s="46">
        <f t="shared" si="809"/>
        <v>45592.791666649158</v>
      </c>
    </row>
    <row r="7254" spans="2:14" x14ac:dyDescent="0.3">
      <c r="B7254">
        <f t="shared" si="803"/>
        <v>7</v>
      </c>
      <c r="C7254" s="16">
        <v>7220</v>
      </c>
      <c r="D7254" cm="1">
        <f t="array" ref="D7254">IFERROR(INDEX(Jesper!AH$2:AH$366,ROUNDDOWN($C7254/24,0)+1,1)*INDEX($D$3:$AA$30,INDEX(Jesper!$R$2:$R$366,ROW(INDEX(Jesper!AH$2:AH$366,ROUNDDOWN($C7254/24,0)+1,1))-1)+IF('Standard Profiles'!$G$18=$B$10,7,0)+IF('Standard Profiles'!$G$18=$B$17,14,0)+IF('Standard Profiles'!$G$18=$B$24,21,0),MOD($C7254,24)+1)/SUM(INDEX($D$3:$AA$30,INDEX(Jesper!$R$2:$R$366,ROW(INDEX(Jesper!AH$2:AH$366,ROUNDDOWN($C7254/24,0)+1,1))-1)+IF('Standard Profiles'!$G$18=$B$10,7,0)+IF('Standard Profiles'!$G$18=$B$17,14,0)+IF('Standard Profiles'!$G$18=$B$24,21,0),0)),0)</f>
        <v>7.3040057386469774</v>
      </c>
      <c r="E7254" cm="1">
        <f t="array" ref="E7254">IFERROR(INDEX(Jesper!AI$2:AI$366,ROUNDDOWN($C7254/24,0)+1,1)*INDEX($D$3:$AA$30,INDEX(Jesper!$R$2:$R$366,ROW(INDEX(Jesper!AI$2:AI$366,ROUNDDOWN($C7254/24,0)+1,1))-1)+IF('Standard Profiles'!$G$19=$B$10,7,0)+IF('Standard Profiles'!$G$19=$B$17,14,0)+IF('Standard Profiles'!$G$19=$B$24,21,0),MOD($C7254,24)+1)/SUM(INDEX($D$3:$AA$30,INDEX(Jesper!$R$2:$R$366,ROW(INDEX(Jesper!AI$2:AI$366,ROUNDDOWN($C7254/24,0)+1,1))-1)+IF('Standard Profiles'!$G$19=$B$10,7,0)+IF('Standard Profiles'!$G$19=$B$17,14,0)+IF('Standard Profiles'!$G$19=$B$24,21,0),0)),0)</f>
        <v>1.7075942924599306</v>
      </c>
      <c r="F7254" cm="1">
        <f t="array" ref="F7254">IFERROR(INDEX(Jesper!AJ$2:AJ$366,ROUNDDOWN($C7254/24,0)+1,1)*INDEX($D$3:$AA$30,INDEX(Jesper!$R$2:$R$366,ROW(INDEX(Jesper!AJ$2:AJ$366,ROUNDDOWN($C7254/24,0)+1,1))-1)+IF('Standard Profiles'!$G$20=$B$10,7,0)+IF('Standard Profiles'!$G$20=$B$17,14,0)+IF('Standard Profiles'!$G$20=$B$24,21,0),MOD($C7254,24)+1)/SUM(INDEX($D$3:$AA$30,INDEX(Jesper!$R$2:$R$366,ROW(INDEX(Jesper!AJ$2:AJ$366,ROUNDDOWN($C7254/24,0)+1,1))-1)+IF('Standard Profiles'!$G$20=$B$10,7,0)+IF('Standard Profiles'!$G$20=$B$17,14,0)+IF('Standard Profiles'!$G$20=$B$24,21,0),0)),0)</f>
        <v>0</v>
      </c>
      <c r="G7254" cm="1">
        <f t="array" ref="G7254">IFERROR(INDEX(Jesper!AK$2:AK$366,ROUNDDOWN($C7254/24,0)+1,1)*INDEX($D$3:$AA$30,INDEX(Jesper!$R$2:$R$366,ROW(INDEX(Jesper!AK$2:AK$366,ROUNDDOWN($C7254/24,0)+1,1))-1)+IF('Standard Profiles'!$G$21=$B$10,7,0)+IF('Standard Profiles'!$G$21=$B$17,14,0)+IF('Standard Profiles'!$G$21=$B$24,21,0),MOD($C7254,24)+1)/SUM(INDEX($D$3:$AA$30,INDEX(Jesper!$R$2:$R$366,ROW(INDEX(Jesper!AK$2:AK$366,ROUNDDOWN($C7254/24,0)+1,1))-1)+IF('Standard Profiles'!$G$21=$B$10,7,0)+IF('Standard Profiles'!$G$21=$B$17,14,0)+IF('Standard Profiles'!$G$21=$B$24,21,0),0)),0)</f>
        <v>0</v>
      </c>
      <c r="H7254" cm="1">
        <f t="array" ref="H7254">IFERROR(INDEX(Jesper!AL$2:AL$366,ROUNDDOWN($C7254/24,0)+1,1)*INDEX($D$3:$AA$30,INDEX(Jesper!$R$2:$R$366,ROW(INDEX(Jesper!AL$2:AL$366,ROUNDDOWN($C7254/24,0)+1,1))-1)+IF('Standard Profiles'!$G$22=$B$10,7,0)+IF('Standard Profiles'!$G$22=$B$17,14,0)+IF('Standard Profiles'!$G$22=$B$24,21,0),MOD($C7254,24)+1)/SUM(INDEX($D$3:$AA$30,INDEX(Jesper!$R$2:$R$366,ROW(INDEX(Jesper!AL$2:AL$366,ROUNDDOWN($C7254/24,0)+1,1))-1)+IF('Standard Profiles'!$G$22=$B$10,7,0)+IF('Standard Profiles'!$G$22=$B$17,14,0)+IF('Standard Profiles'!$G$22=$B$24,21,0),0)),0)</f>
        <v>0</v>
      </c>
      <c r="I7254">
        <f t="shared" si="804"/>
        <v>0.15383732364503883</v>
      </c>
      <c r="J7254">
        <f t="shared" si="805"/>
        <v>0.5127910788167962</v>
      </c>
      <c r="K7254">
        <f t="shared" si="806"/>
        <v>0.76918661822519419</v>
      </c>
      <c r="L7254">
        <f t="shared" si="807"/>
        <v>7.575785010419879</v>
      </c>
      <c r="M7254">
        <f t="shared" si="808"/>
        <v>0</v>
      </c>
      <c r="N7254" s="46">
        <f t="shared" si="809"/>
        <v>45592.833333315823</v>
      </c>
    </row>
    <row r="7255" spans="2:14" x14ac:dyDescent="0.3">
      <c r="B7255">
        <f t="shared" si="803"/>
        <v>7</v>
      </c>
      <c r="C7255" s="16">
        <v>7221</v>
      </c>
      <c r="D7255" cm="1">
        <f t="array" ref="D7255">IFERROR(INDEX(Jesper!AH$2:AH$366,ROUNDDOWN($C7255/24,0)+1,1)*INDEX($D$3:$AA$30,INDEX(Jesper!$R$2:$R$366,ROW(INDEX(Jesper!AH$2:AH$366,ROUNDDOWN($C7255/24,0)+1,1))-1)+IF('Standard Profiles'!$G$18=$B$10,7,0)+IF('Standard Profiles'!$G$18=$B$17,14,0)+IF('Standard Profiles'!$G$18=$B$24,21,0),MOD($C7255,24)+1)/SUM(INDEX($D$3:$AA$30,INDEX(Jesper!$R$2:$R$366,ROW(INDEX(Jesper!AH$2:AH$366,ROUNDDOWN($C7255/24,0)+1,1))-1)+IF('Standard Profiles'!$G$18=$B$10,7,0)+IF('Standard Profiles'!$G$18=$B$17,14,0)+IF('Standard Profiles'!$G$18=$B$24,21,0),0)),0)</f>
        <v>6.361553385273174</v>
      </c>
      <c r="E7255" cm="1">
        <f t="array" ref="E7255">IFERROR(INDEX(Jesper!AI$2:AI$366,ROUNDDOWN($C7255/24,0)+1,1)*INDEX($D$3:$AA$30,INDEX(Jesper!$R$2:$R$366,ROW(INDEX(Jesper!AI$2:AI$366,ROUNDDOWN($C7255/24,0)+1,1))-1)+IF('Standard Profiles'!$G$19=$B$10,7,0)+IF('Standard Profiles'!$G$19=$B$17,14,0)+IF('Standard Profiles'!$G$19=$B$24,21,0),MOD($C7255,24)+1)/SUM(INDEX($D$3:$AA$30,INDEX(Jesper!$R$2:$R$366,ROW(INDEX(Jesper!AI$2:AI$366,ROUNDDOWN($C7255/24,0)+1,1))-1)+IF('Standard Profiles'!$G$19=$B$10,7,0)+IF('Standard Profiles'!$G$19=$B$17,14,0)+IF('Standard Profiles'!$G$19=$B$24,21,0),0)),0)</f>
        <v>1.487259545045746</v>
      </c>
      <c r="F7255" cm="1">
        <f t="array" ref="F7255">IFERROR(INDEX(Jesper!AJ$2:AJ$366,ROUNDDOWN($C7255/24,0)+1,1)*INDEX($D$3:$AA$30,INDEX(Jesper!$R$2:$R$366,ROW(INDEX(Jesper!AJ$2:AJ$366,ROUNDDOWN($C7255/24,0)+1,1))-1)+IF('Standard Profiles'!$G$20=$B$10,7,0)+IF('Standard Profiles'!$G$20=$B$17,14,0)+IF('Standard Profiles'!$G$20=$B$24,21,0),MOD($C7255,24)+1)/SUM(INDEX($D$3:$AA$30,INDEX(Jesper!$R$2:$R$366,ROW(INDEX(Jesper!AJ$2:AJ$366,ROUNDDOWN($C7255/24,0)+1,1))-1)+IF('Standard Profiles'!$G$20=$B$10,7,0)+IF('Standard Profiles'!$G$20=$B$17,14,0)+IF('Standard Profiles'!$G$20=$B$24,21,0),0)),0)</f>
        <v>0</v>
      </c>
      <c r="G7255" cm="1">
        <f t="array" ref="G7255">IFERROR(INDEX(Jesper!AK$2:AK$366,ROUNDDOWN($C7255/24,0)+1,1)*INDEX($D$3:$AA$30,INDEX(Jesper!$R$2:$R$366,ROW(INDEX(Jesper!AK$2:AK$366,ROUNDDOWN($C7255/24,0)+1,1))-1)+IF('Standard Profiles'!$G$21=$B$10,7,0)+IF('Standard Profiles'!$G$21=$B$17,14,0)+IF('Standard Profiles'!$G$21=$B$24,21,0),MOD($C7255,24)+1)/SUM(INDEX($D$3:$AA$30,INDEX(Jesper!$R$2:$R$366,ROW(INDEX(Jesper!AK$2:AK$366,ROUNDDOWN($C7255/24,0)+1,1))-1)+IF('Standard Profiles'!$G$21=$B$10,7,0)+IF('Standard Profiles'!$G$21=$B$17,14,0)+IF('Standard Profiles'!$G$21=$B$24,21,0),0)),0)</f>
        <v>0</v>
      </c>
      <c r="H7255" cm="1">
        <f t="array" ref="H7255">IFERROR(INDEX(Jesper!AL$2:AL$366,ROUNDDOWN($C7255/24,0)+1,1)*INDEX($D$3:$AA$30,INDEX(Jesper!$R$2:$R$366,ROW(INDEX(Jesper!AL$2:AL$366,ROUNDDOWN($C7255/24,0)+1,1))-1)+IF('Standard Profiles'!$G$22=$B$10,7,0)+IF('Standard Profiles'!$G$22=$B$17,14,0)+IF('Standard Profiles'!$G$22=$B$24,21,0),MOD($C7255,24)+1)/SUM(INDEX($D$3:$AA$30,INDEX(Jesper!$R$2:$R$366,ROW(INDEX(Jesper!AL$2:AL$366,ROUNDDOWN($C7255/24,0)+1,1))-1)+IF('Standard Profiles'!$G$22=$B$10,7,0)+IF('Standard Profiles'!$G$22=$B$17,14,0)+IF('Standard Profiles'!$G$22=$B$24,21,0),0)),0)</f>
        <v>0</v>
      </c>
      <c r="I7255">
        <f t="shared" si="804"/>
        <v>0.13398734640051768</v>
      </c>
      <c r="J7255">
        <f t="shared" si="805"/>
        <v>0.44662448800172572</v>
      </c>
      <c r="K7255">
        <f t="shared" si="806"/>
        <v>0.66993673200258852</v>
      </c>
      <c r="L7255">
        <f t="shared" si="807"/>
        <v>6.5982643639140885</v>
      </c>
      <c r="M7255">
        <f t="shared" si="808"/>
        <v>0</v>
      </c>
      <c r="N7255" s="46">
        <f t="shared" si="809"/>
        <v>45592.874999982487</v>
      </c>
    </row>
    <row r="7256" spans="2:14" x14ac:dyDescent="0.3">
      <c r="B7256">
        <f t="shared" si="803"/>
        <v>7</v>
      </c>
      <c r="C7256" s="16">
        <v>7222</v>
      </c>
      <c r="D7256" cm="1">
        <f t="array" ref="D7256">IFERROR(INDEX(Jesper!AH$2:AH$366,ROUNDDOWN($C7256/24,0)+1,1)*INDEX($D$3:$AA$30,INDEX(Jesper!$R$2:$R$366,ROW(INDEX(Jesper!AH$2:AH$366,ROUNDDOWN($C7256/24,0)+1,1))-1)+IF('Standard Profiles'!$G$18=$B$10,7,0)+IF('Standard Profiles'!$G$18=$B$17,14,0)+IF('Standard Profiles'!$G$18=$B$24,21,0),MOD($C7256,24)+1)/SUM(INDEX($D$3:$AA$30,INDEX(Jesper!$R$2:$R$366,ROW(INDEX(Jesper!AH$2:AH$366,ROUNDDOWN($C7256/24,0)+1,1))-1)+IF('Standard Profiles'!$G$18=$B$10,7,0)+IF('Standard Profiles'!$G$18=$B$17,14,0)+IF('Standard Profiles'!$G$18=$B$24,21,0),0)),0)</f>
        <v>6.361553385273174</v>
      </c>
      <c r="E7256" cm="1">
        <f t="array" ref="E7256">IFERROR(INDEX(Jesper!AI$2:AI$366,ROUNDDOWN($C7256/24,0)+1,1)*INDEX($D$3:$AA$30,INDEX(Jesper!$R$2:$R$366,ROW(INDEX(Jesper!AI$2:AI$366,ROUNDDOWN($C7256/24,0)+1,1))-1)+IF('Standard Profiles'!$G$19=$B$10,7,0)+IF('Standard Profiles'!$G$19=$B$17,14,0)+IF('Standard Profiles'!$G$19=$B$24,21,0),MOD($C7256,24)+1)/SUM(INDEX($D$3:$AA$30,INDEX(Jesper!$R$2:$R$366,ROW(INDEX(Jesper!AI$2:AI$366,ROUNDDOWN($C7256/24,0)+1,1))-1)+IF('Standard Profiles'!$G$19=$B$10,7,0)+IF('Standard Profiles'!$G$19=$B$17,14,0)+IF('Standard Profiles'!$G$19=$B$24,21,0),0)),0)</f>
        <v>1.487259545045746</v>
      </c>
      <c r="F7256" cm="1">
        <f t="array" ref="F7256">IFERROR(INDEX(Jesper!AJ$2:AJ$366,ROUNDDOWN($C7256/24,0)+1,1)*INDEX($D$3:$AA$30,INDEX(Jesper!$R$2:$R$366,ROW(INDEX(Jesper!AJ$2:AJ$366,ROUNDDOWN($C7256/24,0)+1,1))-1)+IF('Standard Profiles'!$G$20=$B$10,7,0)+IF('Standard Profiles'!$G$20=$B$17,14,0)+IF('Standard Profiles'!$G$20=$B$24,21,0),MOD($C7256,24)+1)/SUM(INDEX($D$3:$AA$30,INDEX(Jesper!$R$2:$R$366,ROW(INDEX(Jesper!AJ$2:AJ$366,ROUNDDOWN($C7256/24,0)+1,1))-1)+IF('Standard Profiles'!$G$20=$B$10,7,0)+IF('Standard Profiles'!$G$20=$B$17,14,0)+IF('Standard Profiles'!$G$20=$B$24,21,0),0)),0)</f>
        <v>0</v>
      </c>
      <c r="G7256" cm="1">
        <f t="array" ref="G7256">IFERROR(INDEX(Jesper!AK$2:AK$366,ROUNDDOWN($C7256/24,0)+1,1)*INDEX($D$3:$AA$30,INDEX(Jesper!$R$2:$R$366,ROW(INDEX(Jesper!AK$2:AK$366,ROUNDDOWN($C7256/24,0)+1,1))-1)+IF('Standard Profiles'!$G$21=$B$10,7,0)+IF('Standard Profiles'!$G$21=$B$17,14,0)+IF('Standard Profiles'!$G$21=$B$24,21,0),MOD($C7256,24)+1)/SUM(INDEX($D$3:$AA$30,INDEX(Jesper!$R$2:$R$366,ROW(INDEX(Jesper!AK$2:AK$366,ROUNDDOWN($C7256/24,0)+1,1))-1)+IF('Standard Profiles'!$G$21=$B$10,7,0)+IF('Standard Profiles'!$G$21=$B$17,14,0)+IF('Standard Profiles'!$G$21=$B$24,21,0),0)),0)</f>
        <v>0</v>
      </c>
      <c r="H7256" cm="1">
        <f t="array" ref="H7256">IFERROR(INDEX(Jesper!AL$2:AL$366,ROUNDDOWN($C7256/24,0)+1,1)*INDEX($D$3:$AA$30,INDEX(Jesper!$R$2:$R$366,ROW(INDEX(Jesper!AL$2:AL$366,ROUNDDOWN($C7256/24,0)+1,1))-1)+IF('Standard Profiles'!$G$22=$B$10,7,0)+IF('Standard Profiles'!$G$22=$B$17,14,0)+IF('Standard Profiles'!$G$22=$B$24,21,0),MOD($C7256,24)+1)/SUM(INDEX($D$3:$AA$30,INDEX(Jesper!$R$2:$R$366,ROW(INDEX(Jesper!AL$2:AL$366,ROUNDDOWN($C7256/24,0)+1,1))-1)+IF('Standard Profiles'!$G$22=$B$10,7,0)+IF('Standard Profiles'!$G$22=$B$17,14,0)+IF('Standard Profiles'!$G$22=$B$24,21,0),0)),0)</f>
        <v>0</v>
      </c>
      <c r="I7256">
        <f t="shared" si="804"/>
        <v>0.13398734640051768</v>
      </c>
      <c r="J7256">
        <f t="shared" si="805"/>
        <v>0.44662448800172572</v>
      </c>
      <c r="K7256">
        <f t="shared" si="806"/>
        <v>0.66993673200258852</v>
      </c>
      <c r="L7256">
        <f t="shared" si="807"/>
        <v>6.5982643639140885</v>
      </c>
      <c r="M7256">
        <f t="shared" si="808"/>
        <v>0</v>
      </c>
      <c r="N7256" s="46">
        <f t="shared" si="809"/>
        <v>45592.916666649151</v>
      </c>
    </row>
    <row r="7257" spans="2:14" x14ac:dyDescent="0.3">
      <c r="B7257">
        <f t="shared" si="803"/>
        <v>7</v>
      </c>
      <c r="C7257" s="16">
        <v>7223</v>
      </c>
      <c r="D7257" cm="1">
        <f t="array" ref="D7257">IFERROR(INDEX(Jesper!AH$2:AH$366,ROUNDDOWN($C7257/24,0)+1,1)*INDEX($D$3:$AA$30,INDEX(Jesper!$R$2:$R$366,ROW(INDEX(Jesper!AH$2:AH$366,ROUNDDOWN($C7257/24,0)+1,1))-1)+IF('Standard Profiles'!$G$18=$B$10,7,0)+IF('Standard Profiles'!$G$18=$B$17,14,0)+IF('Standard Profiles'!$G$18=$B$24,21,0),MOD($C7257,24)+1)/SUM(INDEX($D$3:$AA$30,INDEX(Jesper!$R$2:$R$366,ROW(INDEX(Jesper!AH$2:AH$366,ROUNDDOWN($C7257/24,0)+1,1))-1)+IF('Standard Profiles'!$G$18=$B$10,7,0)+IF('Standard Profiles'!$G$18=$B$17,14,0)+IF('Standard Profiles'!$G$18=$B$24,21,0),0)),0)</f>
        <v>6.361553385273174</v>
      </c>
      <c r="E7257" cm="1">
        <f t="array" ref="E7257">IFERROR(INDEX(Jesper!AI$2:AI$366,ROUNDDOWN($C7257/24,0)+1,1)*INDEX($D$3:$AA$30,INDEX(Jesper!$R$2:$R$366,ROW(INDEX(Jesper!AI$2:AI$366,ROUNDDOWN($C7257/24,0)+1,1))-1)+IF('Standard Profiles'!$G$19=$B$10,7,0)+IF('Standard Profiles'!$G$19=$B$17,14,0)+IF('Standard Profiles'!$G$19=$B$24,21,0),MOD($C7257,24)+1)/SUM(INDEX($D$3:$AA$30,INDEX(Jesper!$R$2:$R$366,ROW(INDEX(Jesper!AI$2:AI$366,ROUNDDOWN($C7257/24,0)+1,1))-1)+IF('Standard Profiles'!$G$19=$B$10,7,0)+IF('Standard Profiles'!$G$19=$B$17,14,0)+IF('Standard Profiles'!$G$19=$B$24,21,0),0)),0)</f>
        <v>1.487259545045746</v>
      </c>
      <c r="F7257" cm="1">
        <f t="array" ref="F7257">IFERROR(INDEX(Jesper!AJ$2:AJ$366,ROUNDDOWN($C7257/24,0)+1,1)*INDEX($D$3:$AA$30,INDEX(Jesper!$R$2:$R$366,ROW(INDEX(Jesper!AJ$2:AJ$366,ROUNDDOWN($C7257/24,0)+1,1))-1)+IF('Standard Profiles'!$G$20=$B$10,7,0)+IF('Standard Profiles'!$G$20=$B$17,14,0)+IF('Standard Profiles'!$G$20=$B$24,21,0),MOD($C7257,24)+1)/SUM(INDEX($D$3:$AA$30,INDEX(Jesper!$R$2:$R$366,ROW(INDEX(Jesper!AJ$2:AJ$366,ROUNDDOWN($C7257/24,0)+1,1))-1)+IF('Standard Profiles'!$G$20=$B$10,7,0)+IF('Standard Profiles'!$G$20=$B$17,14,0)+IF('Standard Profiles'!$G$20=$B$24,21,0),0)),0)</f>
        <v>0</v>
      </c>
      <c r="G7257" cm="1">
        <f t="array" ref="G7257">IFERROR(INDEX(Jesper!AK$2:AK$366,ROUNDDOWN($C7257/24,0)+1,1)*INDEX($D$3:$AA$30,INDEX(Jesper!$R$2:$R$366,ROW(INDEX(Jesper!AK$2:AK$366,ROUNDDOWN($C7257/24,0)+1,1))-1)+IF('Standard Profiles'!$G$21=$B$10,7,0)+IF('Standard Profiles'!$G$21=$B$17,14,0)+IF('Standard Profiles'!$G$21=$B$24,21,0),MOD($C7257,24)+1)/SUM(INDEX($D$3:$AA$30,INDEX(Jesper!$R$2:$R$366,ROW(INDEX(Jesper!AK$2:AK$366,ROUNDDOWN($C7257/24,0)+1,1))-1)+IF('Standard Profiles'!$G$21=$B$10,7,0)+IF('Standard Profiles'!$G$21=$B$17,14,0)+IF('Standard Profiles'!$G$21=$B$24,21,0),0)),0)</f>
        <v>0</v>
      </c>
      <c r="H7257" cm="1">
        <f t="array" ref="H7257">IFERROR(INDEX(Jesper!AL$2:AL$366,ROUNDDOWN($C7257/24,0)+1,1)*INDEX($D$3:$AA$30,INDEX(Jesper!$R$2:$R$366,ROW(INDEX(Jesper!AL$2:AL$366,ROUNDDOWN($C7257/24,0)+1,1))-1)+IF('Standard Profiles'!$G$22=$B$10,7,0)+IF('Standard Profiles'!$G$22=$B$17,14,0)+IF('Standard Profiles'!$G$22=$B$24,21,0),MOD($C7257,24)+1)/SUM(INDEX($D$3:$AA$30,INDEX(Jesper!$R$2:$R$366,ROW(INDEX(Jesper!AL$2:AL$366,ROUNDDOWN($C7257/24,0)+1,1))-1)+IF('Standard Profiles'!$G$22=$B$10,7,0)+IF('Standard Profiles'!$G$22=$B$17,14,0)+IF('Standard Profiles'!$G$22=$B$24,21,0),0)),0)</f>
        <v>0</v>
      </c>
      <c r="I7257">
        <f t="shared" si="804"/>
        <v>0.13398734640051768</v>
      </c>
      <c r="J7257">
        <f t="shared" si="805"/>
        <v>0.44662448800172572</v>
      </c>
      <c r="K7257">
        <f t="shared" si="806"/>
        <v>0.66993673200258852</v>
      </c>
      <c r="L7257">
        <f t="shared" si="807"/>
        <v>6.5982643639140885</v>
      </c>
      <c r="M7257">
        <f t="shared" si="808"/>
        <v>0</v>
      </c>
      <c r="N7257" s="46">
        <f t="shared" si="809"/>
        <v>45592.958333315815</v>
      </c>
    </row>
    <row r="7258" spans="2:14" x14ac:dyDescent="0.3">
      <c r="B7258">
        <f t="shared" si="803"/>
        <v>1</v>
      </c>
      <c r="C7258" s="16">
        <v>7224</v>
      </c>
      <c r="D7258" cm="1">
        <f t="array" ref="D7258">IFERROR(INDEX(Jesper!AH$2:AH$366,ROUNDDOWN($C7258/24,0)+1,1)*INDEX($D$3:$AA$30,INDEX(Jesper!$R$2:$R$366,ROW(INDEX(Jesper!AH$2:AH$366,ROUNDDOWN($C7258/24,0)+1,1))-1)+IF('Standard Profiles'!$G$18=$B$10,7,0)+IF('Standard Profiles'!$G$18=$B$17,14,0)+IF('Standard Profiles'!$G$18=$B$24,21,0),MOD($C7258,24)+1)/SUM(INDEX($D$3:$AA$30,INDEX(Jesper!$R$2:$R$366,ROW(INDEX(Jesper!AH$2:AH$366,ROUNDDOWN($C7258/24,0)+1,1))-1)+IF('Standard Profiles'!$G$18=$B$10,7,0)+IF('Standard Profiles'!$G$18=$B$17,14,0)+IF('Standard Profiles'!$G$18=$B$24,21,0),0)),0)</f>
        <v>2.7091283496988336</v>
      </c>
      <c r="E7258" cm="1">
        <f t="array" ref="E7258">IFERROR(INDEX(Jesper!AI$2:AI$366,ROUNDDOWN($C7258/24,0)+1,1)*INDEX($D$3:$AA$30,INDEX(Jesper!$R$2:$R$366,ROW(INDEX(Jesper!AI$2:AI$366,ROUNDDOWN($C7258/24,0)+1,1))-1)+IF('Standard Profiles'!$G$19=$B$10,7,0)+IF('Standard Profiles'!$G$19=$B$17,14,0)+IF('Standard Profiles'!$G$19=$B$24,21,0),MOD($C7258,24)+1)/SUM(INDEX($D$3:$AA$30,INDEX(Jesper!$R$2:$R$366,ROW(INDEX(Jesper!AI$2:AI$366,ROUNDDOWN($C7258/24,0)+1,1))-1)+IF('Standard Profiles'!$G$19=$B$10,7,0)+IF('Standard Profiles'!$G$19=$B$17,14,0)+IF('Standard Profiles'!$G$19=$B$24,21,0),0)),0)</f>
        <v>0</v>
      </c>
      <c r="F7258" cm="1">
        <f t="array" ref="F7258">IFERROR(INDEX(Jesper!AJ$2:AJ$366,ROUNDDOWN($C7258/24,0)+1,1)*INDEX($D$3:$AA$30,INDEX(Jesper!$R$2:$R$366,ROW(INDEX(Jesper!AJ$2:AJ$366,ROUNDDOWN($C7258/24,0)+1,1))-1)+IF('Standard Profiles'!$G$20=$B$10,7,0)+IF('Standard Profiles'!$G$20=$B$17,14,0)+IF('Standard Profiles'!$G$20=$B$24,21,0),MOD($C7258,24)+1)/SUM(INDEX($D$3:$AA$30,INDEX(Jesper!$R$2:$R$366,ROW(INDEX(Jesper!AJ$2:AJ$366,ROUNDDOWN($C7258/24,0)+1,1))-1)+IF('Standard Profiles'!$G$20=$B$10,7,0)+IF('Standard Profiles'!$G$20=$B$17,14,0)+IF('Standard Profiles'!$G$20=$B$24,21,0),0)),0)</f>
        <v>0</v>
      </c>
      <c r="G7258" cm="1">
        <f t="array" ref="G7258">IFERROR(INDEX(Jesper!AK$2:AK$366,ROUNDDOWN($C7258/24,0)+1,1)*INDEX($D$3:$AA$30,INDEX(Jesper!$R$2:$R$366,ROW(INDEX(Jesper!AK$2:AK$366,ROUNDDOWN($C7258/24,0)+1,1))-1)+IF('Standard Profiles'!$G$21=$B$10,7,0)+IF('Standard Profiles'!$G$21=$B$17,14,0)+IF('Standard Profiles'!$G$21=$B$24,21,0),MOD($C7258,24)+1)/SUM(INDEX($D$3:$AA$30,INDEX(Jesper!$R$2:$R$366,ROW(INDEX(Jesper!AK$2:AK$366,ROUNDDOWN($C7258/24,0)+1,1))-1)+IF('Standard Profiles'!$G$21=$B$10,7,0)+IF('Standard Profiles'!$G$21=$B$17,14,0)+IF('Standard Profiles'!$G$21=$B$24,21,0),0)),0)</f>
        <v>0</v>
      </c>
      <c r="H7258" cm="1">
        <f t="array" ref="H7258">IFERROR(INDEX(Jesper!AL$2:AL$366,ROUNDDOWN($C7258/24,0)+1,1)*INDEX($D$3:$AA$30,INDEX(Jesper!$R$2:$R$366,ROW(INDEX(Jesper!AL$2:AL$366,ROUNDDOWN($C7258/24,0)+1,1))-1)+IF('Standard Profiles'!$G$22=$B$10,7,0)+IF('Standard Profiles'!$G$22=$B$17,14,0)+IF('Standard Profiles'!$G$22=$B$24,21,0),MOD($C7258,24)+1)/SUM(INDEX($D$3:$AA$30,INDEX(Jesper!$R$2:$R$366,ROW(INDEX(Jesper!AL$2:AL$366,ROUNDDOWN($C7258/24,0)+1,1))-1)+IF('Standard Profiles'!$G$22=$B$10,7,0)+IF('Standard Profiles'!$G$22=$B$17,14,0)+IF('Standard Profiles'!$G$22=$B$24,21,0),0)),0)</f>
        <v>0</v>
      </c>
      <c r="I7258">
        <f t="shared" si="804"/>
        <v>8.1273850490965013E-2</v>
      </c>
      <c r="J7258">
        <f t="shared" si="805"/>
        <v>0.27091283496988339</v>
      </c>
      <c r="K7258">
        <f t="shared" si="806"/>
        <v>0.40636925245482503</v>
      </c>
      <c r="L7258">
        <f t="shared" si="807"/>
        <v>1.9505724117831602</v>
      </c>
      <c r="M7258">
        <f t="shared" si="808"/>
        <v>0</v>
      </c>
      <c r="N7258" s="46">
        <f t="shared" si="809"/>
        <v>45592.999999982479</v>
      </c>
    </row>
    <row r="7259" spans="2:14" x14ac:dyDescent="0.3">
      <c r="B7259">
        <f t="shared" si="803"/>
        <v>1</v>
      </c>
      <c r="C7259" s="16">
        <v>7225</v>
      </c>
      <c r="D7259" cm="1">
        <f t="array" ref="D7259">IFERROR(INDEX(Jesper!AH$2:AH$366,ROUNDDOWN($C7259/24,0)+1,1)*INDEX($D$3:$AA$30,INDEX(Jesper!$R$2:$R$366,ROW(INDEX(Jesper!AH$2:AH$366,ROUNDDOWN($C7259/24,0)+1,1))-1)+IF('Standard Profiles'!$G$18=$B$10,7,0)+IF('Standard Profiles'!$G$18=$B$17,14,0)+IF('Standard Profiles'!$G$18=$B$24,21,0),MOD($C7259,24)+1)/SUM(INDEX($D$3:$AA$30,INDEX(Jesper!$R$2:$R$366,ROW(INDEX(Jesper!AH$2:AH$366,ROUNDDOWN($C7259/24,0)+1,1))-1)+IF('Standard Profiles'!$G$18=$B$10,7,0)+IF('Standard Profiles'!$G$18=$B$17,14,0)+IF('Standard Profiles'!$G$18=$B$24,21,0),0)),0)</f>
        <v>2.7091283496988336</v>
      </c>
      <c r="E7259" cm="1">
        <f t="array" ref="E7259">IFERROR(INDEX(Jesper!AI$2:AI$366,ROUNDDOWN($C7259/24,0)+1,1)*INDEX($D$3:$AA$30,INDEX(Jesper!$R$2:$R$366,ROW(INDEX(Jesper!AI$2:AI$366,ROUNDDOWN($C7259/24,0)+1,1))-1)+IF('Standard Profiles'!$G$19=$B$10,7,0)+IF('Standard Profiles'!$G$19=$B$17,14,0)+IF('Standard Profiles'!$G$19=$B$24,21,0),MOD($C7259,24)+1)/SUM(INDEX($D$3:$AA$30,INDEX(Jesper!$R$2:$R$366,ROW(INDEX(Jesper!AI$2:AI$366,ROUNDDOWN($C7259/24,0)+1,1))-1)+IF('Standard Profiles'!$G$19=$B$10,7,0)+IF('Standard Profiles'!$G$19=$B$17,14,0)+IF('Standard Profiles'!$G$19=$B$24,21,0),0)),0)</f>
        <v>0</v>
      </c>
      <c r="F7259" cm="1">
        <f t="array" ref="F7259">IFERROR(INDEX(Jesper!AJ$2:AJ$366,ROUNDDOWN($C7259/24,0)+1,1)*INDEX($D$3:$AA$30,INDEX(Jesper!$R$2:$R$366,ROW(INDEX(Jesper!AJ$2:AJ$366,ROUNDDOWN($C7259/24,0)+1,1))-1)+IF('Standard Profiles'!$G$20=$B$10,7,0)+IF('Standard Profiles'!$G$20=$B$17,14,0)+IF('Standard Profiles'!$G$20=$B$24,21,0),MOD($C7259,24)+1)/SUM(INDEX($D$3:$AA$30,INDEX(Jesper!$R$2:$R$366,ROW(INDEX(Jesper!AJ$2:AJ$366,ROUNDDOWN($C7259/24,0)+1,1))-1)+IF('Standard Profiles'!$G$20=$B$10,7,0)+IF('Standard Profiles'!$G$20=$B$17,14,0)+IF('Standard Profiles'!$G$20=$B$24,21,0),0)),0)</f>
        <v>0</v>
      </c>
      <c r="G7259" cm="1">
        <f t="array" ref="G7259">IFERROR(INDEX(Jesper!AK$2:AK$366,ROUNDDOWN($C7259/24,0)+1,1)*INDEX($D$3:$AA$30,INDEX(Jesper!$R$2:$R$366,ROW(INDEX(Jesper!AK$2:AK$366,ROUNDDOWN($C7259/24,0)+1,1))-1)+IF('Standard Profiles'!$G$21=$B$10,7,0)+IF('Standard Profiles'!$G$21=$B$17,14,0)+IF('Standard Profiles'!$G$21=$B$24,21,0),MOD($C7259,24)+1)/SUM(INDEX($D$3:$AA$30,INDEX(Jesper!$R$2:$R$366,ROW(INDEX(Jesper!AK$2:AK$366,ROUNDDOWN($C7259/24,0)+1,1))-1)+IF('Standard Profiles'!$G$21=$B$10,7,0)+IF('Standard Profiles'!$G$21=$B$17,14,0)+IF('Standard Profiles'!$G$21=$B$24,21,0),0)),0)</f>
        <v>0</v>
      </c>
      <c r="H7259" cm="1">
        <f t="array" ref="H7259">IFERROR(INDEX(Jesper!AL$2:AL$366,ROUNDDOWN($C7259/24,0)+1,1)*INDEX($D$3:$AA$30,INDEX(Jesper!$R$2:$R$366,ROW(INDEX(Jesper!AL$2:AL$366,ROUNDDOWN($C7259/24,0)+1,1))-1)+IF('Standard Profiles'!$G$22=$B$10,7,0)+IF('Standard Profiles'!$G$22=$B$17,14,0)+IF('Standard Profiles'!$G$22=$B$24,21,0),MOD($C7259,24)+1)/SUM(INDEX($D$3:$AA$30,INDEX(Jesper!$R$2:$R$366,ROW(INDEX(Jesper!AL$2:AL$366,ROUNDDOWN($C7259/24,0)+1,1))-1)+IF('Standard Profiles'!$G$22=$B$10,7,0)+IF('Standard Profiles'!$G$22=$B$17,14,0)+IF('Standard Profiles'!$G$22=$B$24,21,0),0)),0)</f>
        <v>0</v>
      </c>
      <c r="I7259">
        <f t="shared" si="804"/>
        <v>8.1273850490965013E-2</v>
      </c>
      <c r="J7259">
        <f t="shared" si="805"/>
        <v>0.27091283496988339</v>
      </c>
      <c r="K7259">
        <f t="shared" si="806"/>
        <v>0.40636925245482503</v>
      </c>
      <c r="L7259">
        <f t="shared" si="807"/>
        <v>1.9505724117831602</v>
      </c>
      <c r="M7259">
        <f t="shared" si="808"/>
        <v>0</v>
      </c>
      <c r="N7259" s="46">
        <f t="shared" si="809"/>
        <v>45593.041666649144</v>
      </c>
    </row>
    <row r="7260" spans="2:14" x14ac:dyDescent="0.3">
      <c r="B7260">
        <f t="shared" si="803"/>
        <v>1</v>
      </c>
      <c r="C7260" s="16">
        <v>7226</v>
      </c>
      <c r="D7260" cm="1">
        <f t="array" ref="D7260">IFERROR(INDEX(Jesper!AH$2:AH$366,ROUNDDOWN($C7260/24,0)+1,1)*INDEX($D$3:$AA$30,INDEX(Jesper!$R$2:$R$366,ROW(INDEX(Jesper!AH$2:AH$366,ROUNDDOWN($C7260/24,0)+1,1))-1)+IF('Standard Profiles'!$G$18=$B$10,7,0)+IF('Standard Profiles'!$G$18=$B$17,14,0)+IF('Standard Profiles'!$G$18=$B$24,21,0),MOD($C7260,24)+1)/SUM(INDEX($D$3:$AA$30,INDEX(Jesper!$R$2:$R$366,ROW(INDEX(Jesper!AH$2:AH$366,ROUNDDOWN($C7260/24,0)+1,1))-1)+IF('Standard Profiles'!$G$18=$B$10,7,0)+IF('Standard Profiles'!$G$18=$B$17,14,0)+IF('Standard Profiles'!$G$18=$B$24,21,0),0)),0)</f>
        <v>2.7091283496988336</v>
      </c>
      <c r="E7260" cm="1">
        <f t="array" ref="E7260">IFERROR(INDEX(Jesper!AI$2:AI$366,ROUNDDOWN($C7260/24,0)+1,1)*INDEX($D$3:$AA$30,INDEX(Jesper!$R$2:$R$366,ROW(INDEX(Jesper!AI$2:AI$366,ROUNDDOWN($C7260/24,0)+1,1))-1)+IF('Standard Profiles'!$G$19=$B$10,7,0)+IF('Standard Profiles'!$G$19=$B$17,14,0)+IF('Standard Profiles'!$G$19=$B$24,21,0),MOD($C7260,24)+1)/SUM(INDEX($D$3:$AA$30,INDEX(Jesper!$R$2:$R$366,ROW(INDEX(Jesper!AI$2:AI$366,ROUNDDOWN($C7260/24,0)+1,1))-1)+IF('Standard Profiles'!$G$19=$B$10,7,0)+IF('Standard Profiles'!$G$19=$B$17,14,0)+IF('Standard Profiles'!$G$19=$B$24,21,0),0)),0)</f>
        <v>0</v>
      </c>
      <c r="F7260" cm="1">
        <f t="array" ref="F7260">IFERROR(INDEX(Jesper!AJ$2:AJ$366,ROUNDDOWN($C7260/24,0)+1,1)*INDEX($D$3:$AA$30,INDEX(Jesper!$R$2:$R$366,ROW(INDEX(Jesper!AJ$2:AJ$366,ROUNDDOWN($C7260/24,0)+1,1))-1)+IF('Standard Profiles'!$G$20=$B$10,7,0)+IF('Standard Profiles'!$G$20=$B$17,14,0)+IF('Standard Profiles'!$G$20=$B$24,21,0),MOD($C7260,24)+1)/SUM(INDEX($D$3:$AA$30,INDEX(Jesper!$R$2:$R$366,ROW(INDEX(Jesper!AJ$2:AJ$366,ROUNDDOWN($C7260/24,0)+1,1))-1)+IF('Standard Profiles'!$G$20=$B$10,7,0)+IF('Standard Profiles'!$G$20=$B$17,14,0)+IF('Standard Profiles'!$G$20=$B$24,21,0),0)),0)</f>
        <v>0</v>
      </c>
      <c r="G7260" cm="1">
        <f t="array" ref="G7260">IFERROR(INDEX(Jesper!AK$2:AK$366,ROUNDDOWN($C7260/24,0)+1,1)*INDEX($D$3:$AA$30,INDEX(Jesper!$R$2:$R$366,ROW(INDEX(Jesper!AK$2:AK$366,ROUNDDOWN($C7260/24,0)+1,1))-1)+IF('Standard Profiles'!$G$21=$B$10,7,0)+IF('Standard Profiles'!$G$21=$B$17,14,0)+IF('Standard Profiles'!$G$21=$B$24,21,0),MOD($C7260,24)+1)/SUM(INDEX($D$3:$AA$30,INDEX(Jesper!$R$2:$R$366,ROW(INDEX(Jesper!AK$2:AK$366,ROUNDDOWN($C7260/24,0)+1,1))-1)+IF('Standard Profiles'!$G$21=$B$10,7,0)+IF('Standard Profiles'!$G$21=$B$17,14,0)+IF('Standard Profiles'!$G$21=$B$24,21,0),0)),0)</f>
        <v>0</v>
      </c>
      <c r="H7260" cm="1">
        <f t="array" ref="H7260">IFERROR(INDEX(Jesper!AL$2:AL$366,ROUNDDOWN($C7260/24,0)+1,1)*INDEX($D$3:$AA$30,INDEX(Jesper!$R$2:$R$366,ROW(INDEX(Jesper!AL$2:AL$366,ROUNDDOWN($C7260/24,0)+1,1))-1)+IF('Standard Profiles'!$G$22=$B$10,7,0)+IF('Standard Profiles'!$G$22=$B$17,14,0)+IF('Standard Profiles'!$G$22=$B$24,21,0),MOD($C7260,24)+1)/SUM(INDEX($D$3:$AA$30,INDEX(Jesper!$R$2:$R$366,ROW(INDEX(Jesper!AL$2:AL$366,ROUNDDOWN($C7260/24,0)+1,1))-1)+IF('Standard Profiles'!$G$22=$B$10,7,0)+IF('Standard Profiles'!$G$22=$B$17,14,0)+IF('Standard Profiles'!$G$22=$B$24,21,0),0)),0)</f>
        <v>0</v>
      </c>
      <c r="I7260">
        <f t="shared" si="804"/>
        <v>8.1273850490965013E-2</v>
      </c>
      <c r="J7260">
        <f t="shared" si="805"/>
        <v>0.27091283496988339</v>
      </c>
      <c r="K7260">
        <f t="shared" si="806"/>
        <v>0.40636925245482503</v>
      </c>
      <c r="L7260">
        <f t="shared" si="807"/>
        <v>1.9505724117831602</v>
      </c>
      <c r="M7260">
        <f t="shared" si="808"/>
        <v>0</v>
      </c>
      <c r="N7260" s="46">
        <f t="shared" si="809"/>
        <v>45593.083333315808</v>
      </c>
    </row>
    <row r="7261" spans="2:14" x14ac:dyDescent="0.3">
      <c r="B7261">
        <f t="shared" si="803"/>
        <v>1</v>
      </c>
      <c r="C7261" s="16">
        <v>7227</v>
      </c>
      <c r="D7261" cm="1">
        <f t="array" ref="D7261">IFERROR(INDEX(Jesper!AH$2:AH$366,ROUNDDOWN($C7261/24,0)+1,1)*INDEX($D$3:$AA$30,INDEX(Jesper!$R$2:$R$366,ROW(INDEX(Jesper!AH$2:AH$366,ROUNDDOWN($C7261/24,0)+1,1))-1)+IF('Standard Profiles'!$G$18=$B$10,7,0)+IF('Standard Profiles'!$G$18=$B$17,14,0)+IF('Standard Profiles'!$G$18=$B$24,21,0),MOD($C7261,24)+1)/SUM(INDEX($D$3:$AA$30,INDEX(Jesper!$R$2:$R$366,ROW(INDEX(Jesper!AH$2:AH$366,ROUNDDOWN($C7261/24,0)+1,1))-1)+IF('Standard Profiles'!$G$18=$B$10,7,0)+IF('Standard Profiles'!$G$18=$B$17,14,0)+IF('Standard Profiles'!$G$18=$B$24,21,0),0)),0)</f>
        <v>2.7091283496988336</v>
      </c>
      <c r="E7261" cm="1">
        <f t="array" ref="E7261">IFERROR(INDEX(Jesper!AI$2:AI$366,ROUNDDOWN($C7261/24,0)+1,1)*INDEX($D$3:$AA$30,INDEX(Jesper!$R$2:$R$366,ROW(INDEX(Jesper!AI$2:AI$366,ROUNDDOWN($C7261/24,0)+1,1))-1)+IF('Standard Profiles'!$G$19=$B$10,7,0)+IF('Standard Profiles'!$G$19=$B$17,14,0)+IF('Standard Profiles'!$G$19=$B$24,21,0),MOD($C7261,24)+1)/SUM(INDEX($D$3:$AA$30,INDEX(Jesper!$R$2:$R$366,ROW(INDEX(Jesper!AI$2:AI$366,ROUNDDOWN($C7261/24,0)+1,1))-1)+IF('Standard Profiles'!$G$19=$B$10,7,0)+IF('Standard Profiles'!$G$19=$B$17,14,0)+IF('Standard Profiles'!$G$19=$B$24,21,0),0)),0)</f>
        <v>0</v>
      </c>
      <c r="F7261" cm="1">
        <f t="array" ref="F7261">IFERROR(INDEX(Jesper!AJ$2:AJ$366,ROUNDDOWN($C7261/24,0)+1,1)*INDEX($D$3:$AA$30,INDEX(Jesper!$R$2:$R$366,ROW(INDEX(Jesper!AJ$2:AJ$366,ROUNDDOWN($C7261/24,0)+1,1))-1)+IF('Standard Profiles'!$G$20=$B$10,7,0)+IF('Standard Profiles'!$G$20=$B$17,14,0)+IF('Standard Profiles'!$G$20=$B$24,21,0),MOD($C7261,24)+1)/SUM(INDEX($D$3:$AA$30,INDEX(Jesper!$R$2:$R$366,ROW(INDEX(Jesper!AJ$2:AJ$366,ROUNDDOWN($C7261/24,0)+1,1))-1)+IF('Standard Profiles'!$G$20=$B$10,7,0)+IF('Standard Profiles'!$G$20=$B$17,14,0)+IF('Standard Profiles'!$G$20=$B$24,21,0),0)),0)</f>
        <v>0</v>
      </c>
      <c r="G7261" cm="1">
        <f t="array" ref="G7261">IFERROR(INDEX(Jesper!AK$2:AK$366,ROUNDDOWN($C7261/24,0)+1,1)*INDEX($D$3:$AA$30,INDEX(Jesper!$R$2:$R$366,ROW(INDEX(Jesper!AK$2:AK$366,ROUNDDOWN($C7261/24,0)+1,1))-1)+IF('Standard Profiles'!$G$21=$B$10,7,0)+IF('Standard Profiles'!$G$21=$B$17,14,0)+IF('Standard Profiles'!$G$21=$B$24,21,0),MOD($C7261,24)+1)/SUM(INDEX($D$3:$AA$30,INDEX(Jesper!$R$2:$R$366,ROW(INDEX(Jesper!AK$2:AK$366,ROUNDDOWN($C7261/24,0)+1,1))-1)+IF('Standard Profiles'!$G$21=$B$10,7,0)+IF('Standard Profiles'!$G$21=$B$17,14,0)+IF('Standard Profiles'!$G$21=$B$24,21,0),0)),0)</f>
        <v>0</v>
      </c>
      <c r="H7261" cm="1">
        <f t="array" ref="H7261">IFERROR(INDEX(Jesper!AL$2:AL$366,ROUNDDOWN($C7261/24,0)+1,1)*INDEX($D$3:$AA$30,INDEX(Jesper!$R$2:$R$366,ROW(INDEX(Jesper!AL$2:AL$366,ROUNDDOWN($C7261/24,0)+1,1))-1)+IF('Standard Profiles'!$G$22=$B$10,7,0)+IF('Standard Profiles'!$G$22=$B$17,14,0)+IF('Standard Profiles'!$G$22=$B$24,21,0),MOD($C7261,24)+1)/SUM(INDEX($D$3:$AA$30,INDEX(Jesper!$R$2:$R$366,ROW(INDEX(Jesper!AL$2:AL$366,ROUNDDOWN($C7261/24,0)+1,1))-1)+IF('Standard Profiles'!$G$22=$B$10,7,0)+IF('Standard Profiles'!$G$22=$B$17,14,0)+IF('Standard Profiles'!$G$22=$B$24,21,0),0)),0)</f>
        <v>0</v>
      </c>
      <c r="I7261">
        <f t="shared" si="804"/>
        <v>8.1273850490965013E-2</v>
      </c>
      <c r="J7261">
        <f t="shared" si="805"/>
        <v>0.27091283496988339</v>
      </c>
      <c r="K7261">
        <f t="shared" si="806"/>
        <v>0.40636925245482503</v>
      </c>
      <c r="L7261">
        <f t="shared" si="807"/>
        <v>1.9505724117831602</v>
      </c>
      <c r="M7261">
        <f t="shared" si="808"/>
        <v>0</v>
      </c>
      <c r="N7261" s="46">
        <f t="shared" si="809"/>
        <v>45593.124999982472</v>
      </c>
    </row>
    <row r="7262" spans="2:14" x14ac:dyDescent="0.3">
      <c r="B7262">
        <f t="shared" si="803"/>
        <v>1</v>
      </c>
      <c r="C7262" s="16">
        <v>7228</v>
      </c>
      <c r="D7262" cm="1">
        <f t="array" ref="D7262">IFERROR(INDEX(Jesper!AH$2:AH$366,ROUNDDOWN($C7262/24,0)+1,1)*INDEX($D$3:$AA$30,INDEX(Jesper!$R$2:$R$366,ROW(INDEX(Jesper!AH$2:AH$366,ROUNDDOWN($C7262/24,0)+1,1))-1)+IF('Standard Profiles'!$G$18=$B$10,7,0)+IF('Standard Profiles'!$G$18=$B$17,14,0)+IF('Standard Profiles'!$G$18=$B$24,21,0),MOD($C7262,24)+1)/SUM(INDEX($D$3:$AA$30,INDEX(Jesper!$R$2:$R$366,ROW(INDEX(Jesper!AH$2:AH$366,ROUNDDOWN($C7262/24,0)+1,1))-1)+IF('Standard Profiles'!$G$18=$B$10,7,0)+IF('Standard Profiles'!$G$18=$B$17,14,0)+IF('Standard Profiles'!$G$18=$B$24,21,0),0)),0)</f>
        <v>2.7091283496988336</v>
      </c>
      <c r="E7262" cm="1">
        <f t="array" ref="E7262">IFERROR(INDEX(Jesper!AI$2:AI$366,ROUNDDOWN($C7262/24,0)+1,1)*INDEX($D$3:$AA$30,INDEX(Jesper!$R$2:$R$366,ROW(INDEX(Jesper!AI$2:AI$366,ROUNDDOWN($C7262/24,0)+1,1))-1)+IF('Standard Profiles'!$G$19=$B$10,7,0)+IF('Standard Profiles'!$G$19=$B$17,14,0)+IF('Standard Profiles'!$G$19=$B$24,21,0),MOD($C7262,24)+1)/SUM(INDEX($D$3:$AA$30,INDEX(Jesper!$R$2:$R$366,ROW(INDEX(Jesper!AI$2:AI$366,ROUNDDOWN($C7262/24,0)+1,1))-1)+IF('Standard Profiles'!$G$19=$B$10,7,0)+IF('Standard Profiles'!$G$19=$B$17,14,0)+IF('Standard Profiles'!$G$19=$B$24,21,0),0)),0)</f>
        <v>0</v>
      </c>
      <c r="F7262" cm="1">
        <f t="array" ref="F7262">IFERROR(INDEX(Jesper!AJ$2:AJ$366,ROUNDDOWN($C7262/24,0)+1,1)*INDEX($D$3:$AA$30,INDEX(Jesper!$R$2:$R$366,ROW(INDEX(Jesper!AJ$2:AJ$366,ROUNDDOWN($C7262/24,0)+1,1))-1)+IF('Standard Profiles'!$G$20=$B$10,7,0)+IF('Standard Profiles'!$G$20=$B$17,14,0)+IF('Standard Profiles'!$G$20=$B$24,21,0),MOD($C7262,24)+1)/SUM(INDEX($D$3:$AA$30,INDEX(Jesper!$R$2:$R$366,ROW(INDEX(Jesper!AJ$2:AJ$366,ROUNDDOWN($C7262/24,0)+1,1))-1)+IF('Standard Profiles'!$G$20=$B$10,7,0)+IF('Standard Profiles'!$G$20=$B$17,14,0)+IF('Standard Profiles'!$G$20=$B$24,21,0),0)),0)</f>
        <v>0</v>
      </c>
      <c r="G7262" cm="1">
        <f t="array" ref="G7262">IFERROR(INDEX(Jesper!AK$2:AK$366,ROUNDDOWN($C7262/24,0)+1,1)*INDEX($D$3:$AA$30,INDEX(Jesper!$R$2:$R$366,ROW(INDEX(Jesper!AK$2:AK$366,ROUNDDOWN($C7262/24,0)+1,1))-1)+IF('Standard Profiles'!$G$21=$B$10,7,0)+IF('Standard Profiles'!$G$21=$B$17,14,0)+IF('Standard Profiles'!$G$21=$B$24,21,0),MOD($C7262,24)+1)/SUM(INDEX($D$3:$AA$30,INDEX(Jesper!$R$2:$R$366,ROW(INDEX(Jesper!AK$2:AK$366,ROUNDDOWN($C7262/24,0)+1,1))-1)+IF('Standard Profiles'!$G$21=$B$10,7,0)+IF('Standard Profiles'!$G$21=$B$17,14,0)+IF('Standard Profiles'!$G$21=$B$24,21,0),0)),0)</f>
        <v>0</v>
      </c>
      <c r="H7262" cm="1">
        <f t="array" ref="H7262">IFERROR(INDEX(Jesper!AL$2:AL$366,ROUNDDOWN($C7262/24,0)+1,1)*INDEX($D$3:$AA$30,INDEX(Jesper!$R$2:$R$366,ROW(INDEX(Jesper!AL$2:AL$366,ROUNDDOWN($C7262/24,0)+1,1))-1)+IF('Standard Profiles'!$G$22=$B$10,7,0)+IF('Standard Profiles'!$G$22=$B$17,14,0)+IF('Standard Profiles'!$G$22=$B$24,21,0),MOD($C7262,24)+1)/SUM(INDEX($D$3:$AA$30,INDEX(Jesper!$R$2:$R$366,ROW(INDEX(Jesper!AL$2:AL$366,ROUNDDOWN($C7262/24,0)+1,1))-1)+IF('Standard Profiles'!$G$22=$B$10,7,0)+IF('Standard Profiles'!$G$22=$B$17,14,0)+IF('Standard Profiles'!$G$22=$B$24,21,0),0)),0)</f>
        <v>0</v>
      </c>
      <c r="I7262">
        <f t="shared" si="804"/>
        <v>8.1273850490965013E-2</v>
      </c>
      <c r="J7262">
        <f t="shared" si="805"/>
        <v>0.27091283496988339</v>
      </c>
      <c r="K7262">
        <f t="shared" si="806"/>
        <v>0.40636925245482503</v>
      </c>
      <c r="L7262">
        <f t="shared" si="807"/>
        <v>1.9505724117831602</v>
      </c>
      <c r="M7262">
        <f t="shared" si="808"/>
        <v>0</v>
      </c>
      <c r="N7262" s="46">
        <f t="shared" si="809"/>
        <v>45593.166666649136</v>
      </c>
    </row>
    <row r="7263" spans="2:14" x14ac:dyDescent="0.3">
      <c r="B7263">
        <f t="shared" si="803"/>
        <v>1</v>
      </c>
      <c r="C7263" s="16">
        <v>7229</v>
      </c>
      <c r="D7263" cm="1">
        <f t="array" ref="D7263">IFERROR(INDEX(Jesper!AH$2:AH$366,ROUNDDOWN($C7263/24,0)+1,1)*INDEX($D$3:$AA$30,INDEX(Jesper!$R$2:$R$366,ROW(INDEX(Jesper!AH$2:AH$366,ROUNDDOWN($C7263/24,0)+1,1))-1)+IF('Standard Profiles'!$G$18=$B$10,7,0)+IF('Standard Profiles'!$G$18=$B$17,14,0)+IF('Standard Profiles'!$G$18=$B$24,21,0),MOD($C7263,24)+1)/SUM(INDEX($D$3:$AA$30,INDEX(Jesper!$R$2:$R$366,ROW(INDEX(Jesper!AH$2:AH$366,ROUNDDOWN($C7263/24,0)+1,1))-1)+IF('Standard Profiles'!$G$18=$B$10,7,0)+IF('Standard Profiles'!$G$18=$B$17,14,0)+IF('Standard Profiles'!$G$18=$B$24,21,0),0)),0)</f>
        <v>11.739556182028279</v>
      </c>
      <c r="E7263" cm="1">
        <f t="array" ref="E7263">IFERROR(INDEX(Jesper!AI$2:AI$366,ROUNDDOWN($C7263/24,0)+1,1)*INDEX($D$3:$AA$30,INDEX(Jesper!$R$2:$R$366,ROW(INDEX(Jesper!AI$2:AI$366,ROUNDDOWN($C7263/24,0)+1,1))-1)+IF('Standard Profiles'!$G$19=$B$10,7,0)+IF('Standard Profiles'!$G$19=$B$17,14,0)+IF('Standard Profiles'!$G$19=$B$24,21,0),MOD($C7263,24)+1)/SUM(INDEX($D$3:$AA$30,INDEX(Jesper!$R$2:$R$366,ROW(INDEX(Jesper!AI$2:AI$366,ROUNDDOWN($C7263/24,0)+1,1))-1)+IF('Standard Profiles'!$G$19=$B$10,7,0)+IF('Standard Profiles'!$G$19=$B$17,14,0)+IF('Standard Profiles'!$G$19=$B$24,21,0),0)),0)</f>
        <v>0</v>
      </c>
      <c r="F7263" cm="1">
        <f t="array" ref="F7263">IFERROR(INDEX(Jesper!AJ$2:AJ$366,ROUNDDOWN($C7263/24,0)+1,1)*INDEX($D$3:$AA$30,INDEX(Jesper!$R$2:$R$366,ROW(INDEX(Jesper!AJ$2:AJ$366,ROUNDDOWN($C7263/24,0)+1,1))-1)+IF('Standard Profiles'!$G$20=$B$10,7,0)+IF('Standard Profiles'!$G$20=$B$17,14,0)+IF('Standard Profiles'!$G$20=$B$24,21,0),MOD($C7263,24)+1)/SUM(INDEX($D$3:$AA$30,INDEX(Jesper!$R$2:$R$366,ROW(INDEX(Jesper!AJ$2:AJ$366,ROUNDDOWN($C7263/24,0)+1,1))-1)+IF('Standard Profiles'!$G$20=$B$10,7,0)+IF('Standard Profiles'!$G$20=$B$17,14,0)+IF('Standard Profiles'!$G$20=$B$24,21,0),0)),0)</f>
        <v>0</v>
      </c>
      <c r="G7263" cm="1">
        <f t="array" ref="G7263">IFERROR(INDEX(Jesper!AK$2:AK$366,ROUNDDOWN($C7263/24,0)+1,1)*INDEX($D$3:$AA$30,INDEX(Jesper!$R$2:$R$366,ROW(INDEX(Jesper!AK$2:AK$366,ROUNDDOWN($C7263/24,0)+1,1))-1)+IF('Standard Profiles'!$G$21=$B$10,7,0)+IF('Standard Profiles'!$G$21=$B$17,14,0)+IF('Standard Profiles'!$G$21=$B$24,21,0),MOD($C7263,24)+1)/SUM(INDEX($D$3:$AA$30,INDEX(Jesper!$R$2:$R$366,ROW(INDEX(Jesper!AK$2:AK$366,ROUNDDOWN($C7263/24,0)+1,1))-1)+IF('Standard Profiles'!$G$21=$B$10,7,0)+IF('Standard Profiles'!$G$21=$B$17,14,0)+IF('Standard Profiles'!$G$21=$B$24,21,0),0)),0)</f>
        <v>0</v>
      </c>
      <c r="H7263" cm="1">
        <f t="array" ref="H7263">IFERROR(INDEX(Jesper!AL$2:AL$366,ROUNDDOWN($C7263/24,0)+1,1)*INDEX($D$3:$AA$30,INDEX(Jesper!$R$2:$R$366,ROW(INDEX(Jesper!AL$2:AL$366,ROUNDDOWN($C7263/24,0)+1,1))-1)+IF('Standard Profiles'!$G$22=$B$10,7,0)+IF('Standard Profiles'!$G$22=$B$17,14,0)+IF('Standard Profiles'!$G$22=$B$24,21,0),MOD($C7263,24)+1)/SUM(INDEX($D$3:$AA$30,INDEX(Jesper!$R$2:$R$366,ROW(INDEX(Jesper!AL$2:AL$366,ROUNDDOWN($C7263/24,0)+1,1))-1)+IF('Standard Profiles'!$G$22=$B$10,7,0)+IF('Standard Profiles'!$G$22=$B$17,14,0)+IF('Standard Profiles'!$G$22=$B$24,21,0),0)),0)</f>
        <v>0</v>
      </c>
      <c r="I7263">
        <f t="shared" si="804"/>
        <v>0.35218668546084836</v>
      </c>
      <c r="J7263">
        <f t="shared" si="805"/>
        <v>1.1739556182028279</v>
      </c>
      <c r="K7263">
        <f t="shared" si="806"/>
        <v>1.7609334273042418</v>
      </c>
      <c r="L7263">
        <f t="shared" si="807"/>
        <v>8.4524804510603602</v>
      </c>
      <c r="M7263">
        <f t="shared" si="808"/>
        <v>0</v>
      </c>
      <c r="N7263" s="46">
        <f t="shared" si="809"/>
        <v>45593.208333315801</v>
      </c>
    </row>
    <row r="7264" spans="2:14" x14ac:dyDescent="0.3">
      <c r="B7264">
        <f t="shared" si="803"/>
        <v>1</v>
      </c>
      <c r="C7264" s="16">
        <v>7230</v>
      </c>
      <c r="D7264" cm="1">
        <f t="array" ref="D7264">IFERROR(INDEX(Jesper!AH$2:AH$366,ROUNDDOWN($C7264/24,0)+1,1)*INDEX($D$3:$AA$30,INDEX(Jesper!$R$2:$R$366,ROW(INDEX(Jesper!AH$2:AH$366,ROUNDDOWN($C7264/24,0)+1,1))-1)+IF('Standard Profiles'!$G$18=$B$10,7,0)+IF('Standard Profiles'!$G$18=$B$17,14,0)+IF('Standard Profiles'!$G$18=$B$24,21,0),MOD($C7264,24)+1)/SUM(INDEX($D$3:$AA$30,INDEX(Jesper!$R$2:$R$366,ROW(INDEX(Jesper!AH$2:AH$366,ROUNDDOWN($C7264/24,0)+1,1))-1)+IF('Standard Profiles'!$G$18=$B$10,7,0)+IF('Standard Profiles'!$G$18=$B$17,14,0)+IF('Standard Profiles'!$G$18=$B$24,21,0),0)),0)</f>
        <v>13.319881052685933</v>
      </c>
      <c r="E7264" cm="1">
        <f t="array" ref="E7264">IFERROR(INDEX(Jesper!AI$2:AI$366,ROUNDDOWN($C7264/24,0)+1,1)*INDEX($D$3:$AA$30,INDEX(Jesper!$R$2:$R$366,ROW(INDEX(Jesper!AI$2:AI$366,ROUNDDOWN($C7264/24,0)+1,1))-1)+IF('Standard Profiles'!$G$19=$B$10,7,0)+IF('Standard Profiles'!$G$19=$B$17,14,0)+IF('Standard Profiles'!$G$19=$B$24,21,0),MOD($C7264,24)+1)/SUM(INDEX($D$3:$AA$30,INDEX(Jesper!$R$2:$R$366,ROW(INDEX(Jesper!AI$2:AI$366,ROUNDDOWN($C7264/24,0)+1,1))-1)+IF('Standard Profiles'!$G$19=$B$10,7,0)+IF('Standard Profiles'!$G$19=$B$17,14,0)+IF('Standard Profiles'!$G$19=$B$24,21,0),0)),0)</f>
        <v>0</v>
      </c>
      <c r="F7264" cm="1">
        <f t="array" ref="F7264">IFERROR(INDEX(Jesper!AJ$2:AJ$366,ROUNDDOWN($C7264/24,0)+1,1)*INDEX($D$3:$AA$30,INDEX(Jesper!$R$2:$R$366,ROW(INDEX(Jesper!AJ$2:AJ$366,ROUNDDOWN($C7264/24,0)+1,1))-1)+IF('Standard Profiles'!$G$20=$B$10,7,0)+IF('Standard Profiles'!$G$20=$B$17,14,0)+IF('Standard Profiles'!$G$20=$B$24,21,0),MOD($C7264,24)+1)/SUM(INDEX($D$3:$AA$30,INDEX(Jesper!$R$2:$R$366,ROW(INDEX(Jesper!AJ$2:AJ$366,ROUNDDOWN($C7264/24,0)+1,1))-1)+IF('Standard Profiles'!$G$20=$B$10,7,0)+IF('Standard Profiles'!$G$20=$B$17,14,0)+IF('Standard Profiles'!$G$20=$B$24,21,0),0)),0)</f>
        <v>0</v>
      </c>
      <c r="G7264" cm="1">
        <f t="array" ref="G7264">IFERROR(INDEX(Jesper!AK$2:AK$366,ROUNDDOWN($C7264/24,0)+1,1)*INDEX($D$3:$AA$30,INDEX(Jesper!$R$2:$R$366,ROW(INDEX(Jesper!AK$2:AK$366,ROUNDDOWN($C7264/24,0)+1,1))-1)+IF('Standard Profiles'!$G$21=$B$10,7,0)+IF('Standard Profiles'!$G$21=$B$17,14,0)+IF('Standard Profiles'!$G$21=$B$24,21,0),MOD($C7264,24)+1)/SUM(INDEX($D$3:$AA$30,INDEX(Jesper!$R$2:$R$366,ROW(INDEX(Jesper!AK$2:AK$366,ROUNDDOWN($C7264/24,0)+1,1))-1)+IF('Standard Profiles'!$G$21=$B$10,7,0)+IF('Standard Profiles'!$G$21=$B$17,14,0)+IF('Standard Profiles'!$G$21=$B$24,21,0),0)),0)</f>
        <v>0</v>
      </c>
      <c r="H7264" cm="1">
        <f t="array" ref="H7264">IFERROR(INDEX(Jesper!AL$2:AL$366,ROUNDDOWN($C7264/24,0)+1,1)*INDEX($D$3:$AA$30,INDEX(Jesper!$R$2:$R$366,ROW(INDEX(Jesper!AL$2:AL$366,ROUNDDOWN($C7264/24,0)+1,1))-1)+IF('Standard Profiles'!$G$22=$B$10,7,0)+IF('Standard Profiles'!$G$22=$B$17,14,0)+IF('Standard Profiles'!$G$22=$B$24,21,0),MOD($C7264,24)+1)/SUM(INDEX($D$3:$AA$30,INDEX(Jesper!$R$2:$R$366,ROW(INDEX(Jesper!AL$2:AL$366,ROUNDDOWN($C7264/24,0)+1,1))-1)+IF('Standard Profiles'!$G$22=$B$10,7,0)+IF('Standard Profiles'!$G$22=$B$17,14,0)+IF('Standard Profiles'!$G$22=$B$24,21,0),0)),0)</f>
        <v>0</v>
      </c>
      <c r="I7264">
        <f t="shared" si="804"/>
        <v>0.39959643158057795</v>
      </c>
      <c r="J7264">
        <f t="shared" si="805"/>
        <v>1.3319881052685933</v>
      </c>
      <c r="K7264">
        <f t="shared" si="806"/>
        <v>1.9979821579028898</v>
      </c>
      <c r="L7264">
        <f t="shared" si="807"/>
        <v>9.5903143579338703</v>
      </c>
      <c r="M7264">
        <f t="shared" si="808"/>
        <v>0</v>
      </c>
      <c r="N7264" s="46">
        <f t="shared" si="809"/>
        <v>45593.249999982465</v>
      </c>
    </row>
    <row r="7265" spans="2:14" x14ac:dyDescent="0.3">
      <c r="B7265">
        <f t="shared" si="803"/>
        <v>1</v>
      </c>
      <c r="C7265" s="16">
        <v>7231</v>
      </c>
      <c r="D7265" cm="1">
        <f t="array" ref="D7265">IFERROR(INDEX(Jesper!AH$2:AH$366,ROUNDDOWN($C7265/24,0)+1,1)*INDEX($D$3:$AA$30,INDEX(Jesper!$R$2:$R$366,ROW(INDEX(Jesper!AH$2:AH$366,ROUNDDOWN($C7265/24,0)+1,1))-1)+IF('Standard Profiles'!$G$18=$B$10,7,0)+IF('Standard Profiles'!$G$18=$B$17,14,0)+IF('Standard Profiles'!$G$18=$B$24,21,0),MOD($C7265,24)+1)/SUM(INDEX($D$3:$AA$30,INDEX(Jesper!$R$2:$R$366,ROW(INDEX(Jesper!AH$2:AH$366,ROUNDDOWN($C7265/24,0)+1,1))-1)+IF('Standard Profiles'!$G$18=$B$10,7,0)+IF('Standard Profiles'!$G$18=$B$17,14,0)+IF('Standard Profiles'!$G$18=$B$24,21,0),0)),0)</f>
        <v>13.319881052685933</v>
      </c>
      <c r="E7265" cm="1">
        <f t="array" ref="E7265">IFERROR(INDEX(Jesper!AI$2:AI$366,ROUNDDOWN($C7265/24,0)+1,1)*INDEX($D$3:$AA$30,INDEX(Jesper!$R$2:$R$366,ROW(INDEX(Jesper!AI$2:AI$366,ROUNDDOWN($C7265/24,0)+1,1))-1)+IF('Standard Profiles'!$G$19=$B$10,7,0)+IF('Standard Profiles'!$G$19=$B$17,14,0)+IF('Standard Profiles'!$G$19=$B$24,21,0),MOD($C7265,24)+1)/SUM(INDEX($D$3:$AA$30,INDEX(Jesper!$R$2:$R$366,ROW(INDEX(Jesper!AI$2:AI$366,ROUNDDOWN($C7265/24,0)+1,1))-1)+IF('Standard Profiles'!$G$19=$B$10,7,0)+IF('Standard Profiles'!$G$19=$B$17,14,0)+IF('Standard Profiles'!$G$19=$B$24,21,0),0)),0)</f>
        <v>0</v>
      </c>
      <c r="F7265" cm="1">
        <f t="array" ref="F7265">IFERROR(INDEX(Jesper!AJ$2:AJ$366,ROUNDDOWN($C7265/24,0)+1,1)*INDEX($D$3:$AA$30,INDEX(Jesper!$R$2:$R$366,ROW(INDEX(Jesper!AJ$2:AJ$366,ROUNDDOWN($C7265/24,0)+1,1))-1)+IF('Standard Profiles'!$G$20=$B$10,7,0)+IF('Standard Profiles'!$G$20=$B$17,14,0)+IF('Standard Profiles'!$G$20=$B$24,21,0),MOD($C7265,24)+1)/SUM(INDEX($D$3:$AA$30,INDEX(Jesper!$R$2:$R$366,ROW(INDEX(Jesper!AJ$2:AJ$366,ROUNDDOWN($C7265/24,0)+1,1))-1)+IF('Standard Profiles'!$G$20=$B$10,7,0)+IF('Standard Profiles'!$G$20=$B$17,14,0)+IF('Standard Profiles'!$G$20=$B$24,21,0),0)),0)</f>
        <v>0</v>
      </c>
      <c r="G7265" cm="1">
        <f t="array" ref="G7265">IFERROR(INDEX(Jesper!AK$2:AK$366,ROUNDDOWN($C7265/24,0)+1,1)*INDEX($D$3:$AA$30,INDEX(Jesper!$R$2:$R$366,ROW(INDEX(Jesper!AK$2:AK$366,ROUNDDOWN($C7265/24,0)+1,1))-1)+IF('Standard Profiles'!$G$21=$B$10,7,0)+IF('Standard Profiles'!$G$21=$B$17,14,0)+IF('Standard Profiles'!$G$21=$B$24,21,0),MOD($C7265,24)+1)/SUM(INDEX($D$3:$AA$30,INDEX(Jesper!$R$2:$R$366,ROW(INDEX(Jesper!AK$2:AK$366,ROUNDDOWN($C7265/24,0)+1,1))-1)+IF('Standard Profiles'!$G$21=$B$10,7,0)+IF('Standard Profiles'!$G$21=$B$17,14,0)+IF('Standard Profiles'!$G$21=$B$24,21,0),0)),0)</f>
        <v>0</v>
      </c>
      <c r="H7265" cm="1">
        <f t="array" ref="H7265">IFERROR(INDEX(Jesper!AL$2:AL$366,ROUNDDOWN($C7265/24,0)+1,1)*INDEX($D$3:$AA$30,INDEX(Jesper!$R$2:$R$366,ROW(INDEX(Jesper!AL$2:AL$366,ROUNDDOWN($C7265/24,0)+1,1))-1)+IF('Standard Profiles'!$G$22=$B$10,7,0)+IF('Standard Profiles'!$G$22=$B$17,14,0)+IF('Standard Profiles'!$G$22=$B$24,21,0),MOD($C7265,24)+1)/SUM(INDEX($D$3:$AA$30,INDEX(Jesper!$R$2:$R$366,ROW(INDEX(Jesper!AL$2:AL$366,ROUNDDOWN($C7265/24,0)+1,1))-1)+IF('Standard Profiles'!$G$22=$B$10,7,0)+IF('Standard Profiles'!$G$22=$B$17,14,0)+IF('Standard Profiles'!$G$22=$B$24,21,0),0)),0)</f>
        <v>0</v>
      </c>
      <c r="I7265">
        <f t="shared" si="804"/>
        <v>0.39959643158057795</v>
      </c>
      <c r="J7265">
        <f t="shared" si="805"/>
        <v>1.3319881052685933</v>
      </c>
      <c r="K7265">
        <f t="shared" si="806"/>
        <v>1.9979821579028898</v>
      </c>
      <c r="L7265">
        <f t="shared" si="807"/>
        <v>9.5903143579338703</v>
      </c>
      <c r="M7265">
        <f t="shared" si="808"/>
        <v>0</v>
      </c>
      <c r="N7265" s="46">
        <f t="shared" si="809"/>
        <v>45593.291666649129</v>
      </c>
    </row>
    <row r="7266" spans="2:14" x14ac:dyDescent="0.3">
      <c r="B7266">
        <f t="shared" si="803"/>
        <v>1</v>
      </c>
      <c r="C7266" s="16">
        <v>7232</v>
      </c>
      <c r="D7266" cm="1">
        <f t="array" ref="D7266">IFERROR(INDEX(Jesper!AH$2:AH$366,ROUNDDOWN($C7266/24,0)+1,1)*INDEX($D$3:$AA$30,INDEX(Jesper!$R$2:$R$366,ROW(INDEX(Jesper!AH$2:AH$366,ROUNDDOWN($C7266/24,0)+1,1))-1)+IF('Standard Profiles'!$G$18=$B$10,7,0)+IF('Standard Profiles'!$G$18=$B$17,14,0)+IF('Standard Profiles'!$G$18=$B$24,21,0),MOD($C7266,24)+1)/SUM(INDEX($D$3:$AA$30,INDEX(Jesper!$R$2:$R$366,ROW(INDEX(Jesper!AH$2:AH$366,ROUNDDOWN($C7266/24,0)+1,1))-1)+IF('Standard Profiles'!$G$18=$B$10,7,0)+IF('Standard Profiles'!$G$18=$B$17,14,0)+IF('Standard Profiles'!$G$18=$B$24,21,0),0)),0)</f>
        <v>13.319881052685933</v>
      </c>
      <c r="E7266" cm="1">
        <f t="array" ref="E7266">IFERROR(INDEX(Jesper!AI$2:AI$366,ROUNDDOWN($C7266/24,0)+1,1)*INDEX($D$3:$AA$30,INDEX(Jesper!$R$2:$R$366,ROW(INDEX(Jesper!AI$2:AI$366,ROUNDDOWN($C7266/24,0)+1,1))-1)+IF('Standard Profiles'!$G$19=$B$10,7,0)+IF('Standard Profiles'!$G$19=$B$17,14,0)+IF('Standard Profiles'!$G$19=$B$24,21,0),MOD($C7266,24)+1)/SUM(INDEX($D$3:$AA$30,INDEX(Jesper!$R$2:$R$366,ROW(INDEX(Jesper!AI$2:AI$366,ROUNDDOWN($C7266/24,0)+1,1))-1)+IF('Standard Profiles'!$G$19=$B$10,7,0)+IF('Standard Profiles'!$G$19=$B$17,14,0)+IF('Standard Profiles'!$G$19=$B$24,21,0),0)),0)</f>
        <v>0</v>
      </c>
      <c r="F7266" cm="1">
        <f t="array" ref="F7266">IFERROR(INDEX(Jesper!AJ$2:AJ$366,ROUNDDOWN($C7266/24,0)+1,1)*INDEX($D$3:$AA$30,INDEX(Jesper!$R$2:$R$366,ROW(INDEX(Jesper!AJ$2:AJ$366,ROUNDDOWN($C7266/24,0)+1,1))-1)+IF('Standard Profiles'!$G$20=$B$10,7,0)+IF('Standard Profiles'!$G$20=$B$17,14,0)+IF('Standard Profiles'!$G$20=$B$24,21,0),MOD($C7266,24)+1)/SUM(INDEX($D$3:$AA$30,INDEX(Jesper!$R$2:$R$366,ROW(INDEX(Jesper!AJ$2:AJ$366,ROUNDDOWN($C7266/24,0)+1,1))-1)+IF('Standard Profiles'!$G$20=$B$10,7,0)+IF('Standard Profiles'!$G$20=$B$17,14,0)+IF('Standard Profiles'!$G$20=$B$24,21,0),0)),0)</f>
        <v>0</v>
      </c>
      <c r="G7266" cm="1">
        <f t="array" ref="G7266">IFERROR(INDEX(Jesper!AK$2:AK$366,ROUNDDOWN($C7266/24,0)+1,1)*INDEX($D$3:$AA$30,INDEX(Jesper!$R$2:$R$366,ROW(INDEX(Jesper!AK$2:AK$366,ROUNDDOWN($C7266/24,0)+1,1))-1)+IF('Standard Profiles'!$G$21=$B$10,7,0)+IF('Standard Profiles'!$G$21=$B$17,14,0)+IF('Standard Profiles'!$G$21=$B$24,21,0),MOD($C7266,24)+1)/SUM(INDEX($D$3:$AA$30,INDEX(Jesper!$R$2:$R$366,ROW(INDEX(Jesper!AK$2:AK$366,ROUNDDOWN($C7266/24,0)+1,1))-1)+IF('Standard Profiles'!$G$21=$B$10,7,0)+IF('Standard Profiles'!$G$21=$B$17,14,0)+IF('Standard Profiles'!$G$21=$B$24,21,0),0)),0)</f>
        <v>0</v>
      </c>
      <c r="H7266" cm="1">
        <f t="array" ref="H7266">IFERROR(INDEX(Jesper!AL$2:AL$366,ROUNDDOWN($C7266/24,0)+1,1)*INDEX($D$3:$AA$30,INDEX(Jesper!$R$2:$R$366,ROW(INDEX(Jesper!AL$2:AL$366,ROUNDDOWN($C7266/24,0)+1,1))-1)+IF('Standard Profiles'!$G$22=$B$10,7,0)+IF('Standard Profiles'!$G$22=$B$17,14,0)+IF('Standard Profiles'!$G$22=$B$24,21,0),MOD($C7266,24)+1)/SUM(INDEX($D$3:$AA$30,INDEX(Jesper!$R$2:$R$366,ROW(INDEX(Jesper!AL$2:AL$366,ROUNDDOWN($C7266/24,0)+1,1))-1)+IF('Standard Profiles'!$G$22=$B$10,7,0)+IF('Standard Profiles'!$G$22=$B$17,14,0)+IF('Standard Profiles'!$G$22=$B$24,21,0),0)),0)</f>
        <v>0</v>
      </c>
      <c r="I7266">
        <f t="shared" si="804"/>
        <v>0.39959643158057795</v>
      </c>
      <c r="J7266">
        <f t="shared" si="805"/>
        <v>1.3319881052685933</v>
      </c>
      <c r="K7266">
        <f t="shared" si="806"/>
        <v>1.9979821579028898</v>
      </c>
      <c r="L7266">
        <f t="shared" si="807"/>
        <v>9.5903143579338703</v>
      </c>
      <c r="M7266">
        <f t="shared" si="808"/>
        <v>0</v>
      </c>
      <c r="N7266" s="46">
        <f t="shared" si="809"/>
        <v>45593.333333315793</v>
      </c>
    </row>
    <row r="7267" spans="2:14" x14ac:dyDescent="0.3">
      <c r="B7267">
        <f t="shared" ref="B7267:B7330" si="810">WEEKDAY(N7267,2)</f>
        <v>1</v>
      </c>
      <c r="C7267" s="16">
        <v>7233</v>
      </c>
      <c r="D7267" cm="1">
        <f t="array" ref="D7267">IFERROR(INDEX(Jesper!AH$2:AH$366,ROUNDDOWN($C7267/24,0)+1,1)*INDEX($D$3:$AA$30,INDEX(Jesper!$R$2:$R$366,ROW(INDEX(Jesper!AH$2:AH$366,ROUNDDOWN($C7267/24,0)+1,1))-1)+IF('Standard Profiles'!$G$18=$B$10,7,0)+IF('Standard Profiles'!$G$18=$B$17,14,0)+IF('Standard Profiles'!$G$18=$B$24,21,0),MOD($C7267,24)+1)/SUM(INDEX($D$3:$AA$30,INDEX(Jesper!$R$2:$R$366,ROW(INDEX(Jesper!AH$2:AH$366,ROUNDDOWN($C7267/24,0)+1,1))-1)+IF('Standard Profiles'!$G$18=$B$10,7,0)+IF('Standard Profiles'!$G$18=$B$17,14,0)+IF('Standard Profiles'!$G$18=$B$24,21,0),0)),0)</f>
        <v>14.222923835918879</v>
      </c>
      <c r="E7267" cm="1">
        <f t="array" ref="E7267">IFERROR(INDEX(Jesper!AI$2:AI$366,ROUNDDOWN($C7267/24,0)+1,1)*INDEX($D$3:$AA$30,INDEX(Jesper!$R$2:$R$366,ROW(INDEX(Jesper!AI$2:AI$366,ROUNDDOWN($C7267/24,0)+1,1))-1)+IF('Standard Profiles'!$G$19=$B$10,7,0)+IF('Standard Profiles'!$G$19=$B$17,14,0)+IF('Standard Profiles'!$G$19=$B$24,21,0),MOD($C7267,24)+1)/SUM(INDEX($D$3:$AA$30,INDEX(Jesper!$R$2:$R$366,ROW(INDEX(Jesper!AI$2:AI$366,ROUNDDOWN($C7267/24,0)+1,1))-1)+IF('Standard Profiles'!$G$19=$B$10,7,0)+IF('Standard Profiles'!$G$19=$B$17,14,0)+IF('Standard Profiles'!$G$19=$B$24,21,0),0)),0)</f>
        <v>0</v>
      </c>
      <c r="F7267" cm="1">
        <f t="array" ref="F7267">IFERROR(INDEX(Jesper!AJ$2:AJ$366,ROUNDDOWN($C7267/24,0)+1,1)*INDEX($D$3:$AA$30,INDEX(Jesper!$R$2:$R$366,ROW(INDEX(Jesper!AJ$2:AJ$366,ROUNDDOWN($C7267/24,0)+1,1))-1)+IF('Standard Profiles'!$G$20=$B$10,7,0)+IF('Standard Profiles'!$G$20=$B$17,14,0)+IF('Standard Profiles'!$G$20=$B$24,21,0),MOD($C7267,24)+1)/SUM(INDEX($D$3:$AA$30,INDEX(Jesper!$R$2:$R$366,ROW(INDEX(Jesper!AJ$2:AJ$366,ROUNDDOWN($C7267/24,0)+1,1))-1)+IF('Standard Profiles'!$G$20=$B$10,7,0)+IF('Standard Profiles'!$G$20=$B$17,14,0)+IF('Standard Profiles'!$G$20=$B$24,21,0),0)),0)</f>
        <v>0</v>
      </c>
      <c r="G7267" cm="1">
        <f t="array" ref="G7267">IFERROR(INDEX(Jesper!AK$2:AK$366,ROUNDDOWN($C7267/24,0)+1,1)*INDEX($D$3:$AA$30,INDEX(Jesper!$R$2:$R$366,ROW(INDEX(Jesper!AK$2:AK$366,ROUNDDOWN($C7267/24,0)+1,1))-1)+IF('Standard Profiles'!$G$21=$B$10,7,0)+IF('Standard Profiles'!$G$21=$B$17,14,0)+IF('Standard Profiles'!$G$21=$B$24,21,0),MOD($C7267,24)+1)/SUM(INDEX($D$3:$AA$30,INDEX(Jesper!$R$2:$R$366,ROW(INDEX(Jesper!AK$2:AK$366,ROUNDDOWN($C7267/24,0)+1,1))-1)+IF('Standard Profiles'!$G$21=$B$10,7,0)+IF('Standard Profiles'!$G$21=$B$17,14,0)+IF('Standard Profiles'!$G$21=$B$24,21,0),0)),0)</f>
        <v>0</v>
      </c>
      <c r="H7267" cm="1">
        <f t="array" ref="H7267">IFERROR(INDEX(Jesper!AL$2:AL$366,ROUNDDOWN($C7267/24,0)+1,1)*INDEX($D$3:$AA$30,INDEX(Jesper!$R$2:$R$366,ROW(INDEX(Jesper!AL$2:AL$366,ROUNDDOWN($C7267/24,0)+1,1))-1)+IF('Standard Profiles'!$G$22=$B$10,7,0)+IF('Standard Profiles'!$G$22=$B$17,14,0)+IF('Standard Profiles'!$G$22=$B$24,21,0),MOD($C7267,24)+1)/SUM(INDEX($D$3:$AA$30,INDEX(Jesper!$R$2:$R$366,ROW(INDEX(Jesper!AL$2:AL$366,ROUNDDOWN($C7267/24,0)+1,1))-1)+IF('Standard Profiles'!$G$22=$B$10,7,0)+IF('Standard Profiles'!$G$22=$B$17,14,0)+IF('Standard Profiles'!$G$22=$B$24,21,0),0)),0)</f>
        <v>0</v>
      </c>
      <c r="I7267">
        <f t="shared" ref="I7267:I7330" si="811">IF($B7267&lt;6,AC$37*$D7267+AC$38*$E7267+AC$39*$F7267+AC$40*$G7267,AC$46*$D7267+AC$47*$E7267+AC$48*$F7267+AC$49*$G7267+AC$50*$H7267)</f>
        <v>0.42668771507756637</v>
      </c>
      <c r="J7267">
        <f t="shared" ref="J7267:J7330" si="812">IF($B7267&lt;6,AD$37*$D7267+AD$38*$E7267+AD$39*$F7267+AD$40*$G7267,AD$46*$D7267+AD$47*$E7267+AD$48*$F7267+AD$49*$G7267+AD$50*$H7267)</f>
        <v>1.4222923835918879</v>
      </c>
      <c r="K7267">
        <f t="shared" ref="K7267:K7330" si="813">IF($B7267&lt;6,AE$37*$D7267+AE$38*$E7267+AE$39*$F7267+AE$40*$G7267,AE$46*$D7267+AE$47*$E7267+AE$48*$F7267+AE$49*$G7267+AE$50*$H7267)</f>
        <v>2.1334385753878315</v>
      </c>
      <c r="L7267">
        <f t="shared" ref="L7267:L7330" si="814">IF($B7267&lt;6,AF$37*$D7267+AF$38*$E7267+AF$39*$F7267+AF$40*$G7267,AF$46*$D7267+AF$47*$E7267+AF$48*$F7267+AF$49*$G7267+AF$50*$H7267)</f>
        <v>10.240505161861593</v>
      </c>
      <c r="M7267">
        <f t="shared" ref="M7267:M7330" si="815">IF($B7267&lt;6,AG$37*$D7267+AG$38*$E7267+AG$39*$F7267+AG$40*$G7267,AG$46*$D7267+AG$47*$E7267+AG$48*$F7267+AG$49*$G7267+AG$50*$H7267)</f>
        <v>0</v>
      </c>
      <c r="N7267" s="46">
        <f t="shared" si="809"/>
        <v>45593.374999982458</v>
      </c>
    </row>
    <row r="7268" spans="2:14" x14ac:dyDescent="0.3">
      <c r="B7268">
        <f t="shared" si="810"/>
        <v>1</v>
      </c>
      <c r="C7268" s="16">
        <v>7234</v>
      </c>
      <c r="D7268" cm="1">
        <f t="array" ref="D7268">IFERROR(INDEX(Jesper!AH$2:AH$366,ROUNDDOWN($C7268/24,0)+1,1)*INDEX($D$3:$AA$30,INDEX(Jesper!$R$2:$R$366,ROW(INDEX(Jesper!AH$2:AH$366,ROUNDDOWN($C7268/24,0)+1,1))-1)+IF('Standard Profiles'!$G$18=$B$10,7,0)+IF('Standard Profiles'!$G$18=$B$17,14,0)+IF('Standard Profiles'!$G$18=$B$24,21,0),MOD($C7268,24)+1)/SUM(INDEX($D$3:$AA$30,INDEX(Jesper!$R$2:$R$366,ROW(INDEX(Jesper!AH$2:AH$366,ROUNDDOWN($C7268/24,0)+1,1))-1)+IF('Standard Profiles'!$G$18=$B$10,7,0)+IF('Standard Profiles'!$G$18=$B$17,14,0)+IF('Standard Profiles'!$G$18=$B$24,21,0),0)),0)</f>
        <v>14.222923835918879</v>
      </c>
      <c r="E7268" cm="1">
        <f t="array" ref="E7268">IFERROR(INDEX(Jesper!AI$2:AI$366,ROUNDDOWN($C7268/24,0)+1,1)*INDEX($D$3:$AA$30,INDEX(Jesper!$R$2:$R$366,ROW(INDEX(Jesper!AI$2:AI$366,ROUNDDOWN($C7268/24,0)+1,1))-1)+IF('Standard Profiles'!$G$19=$B$10,7,0)+IF('Standard Profiles'!$G$19=$B$17,14,0)+IF('Standard Profiles'!$G$19=$B$24,21,0),MOD($C7268,24)+1)/SUM(INDEX($D$3:$AA$30,INDEX(Jesper!$R$2:$R$366,ROW(INDEX(Jesper!AI$2:AI$366,ROUNDDOWN($C7268/24,0)+1,1))-1)+IF('Standard Profiles'!$G$19=$B$10,7,0)+IF('Standard Profiles'!$G$19=$B$17,14,0)+IF('Standard Profiles'!$G$19=$B$24,21,0),0)),0)</f>
        <v>0</v>
      </c>
      <c r="F7268" cm="1">
        <f t="array" ref="F7268">IFERROR(INDEX(Jesper!AJ$2:AJ$366,ROUNDDOWN($C7268/24,0)+1,1)*INDEX($D$3:$AA$30,INDEX(Jesper!$R$2:$R$366,ROW(INDEX(Jesper!AJ$2:AJ$366,ROUNDDOWN($C7268/24,0)+1,1))-1)+IF('Standard Profiles'!$G$20=$B$10,7,0)+IF('Standard Profiles'!$G$20=$B$17,14,0)+IF('Standard Profiles'!$G$20=$B$24,21,0),MOD($C7268,24)+1)/SUM(INDEX($D$3:$AA$30,INDEX(Jesper!$R$2:$R$366,ROW(INDEX(Jesper!AJ$2:AJ$366,ROUNDDOWN($C7268/24,0)+1,1))-1)+IF('Standard Profiles'!$G$20=$B$10,7,0)+IF('Standard Profiles'!$G$20=$B$17,14,0)+IF('Standard Profiles'!$G$20=$B$24,21,0),0)),0)</f>
        <v>0</v>
      </c>
      <c r="G7268" cm="1">
        <f t="array" ref="G7268">IFERROR(INDEX(Jesper!AK$2:AK$366,ROUNDDOWN($C7268/24,0)+1,1)*INDEX($D$3:$AA$30,INDEX(Jesper!$R$2:$R$366,ROW(INDEX(Jesper!AK$2:AK$366,ROUNDDOWN($C7268/24,0)+1,1))-1)+IF('Standard Profiles'!$G$21=$B$10,7,0)+IF('Standard Profiles'!$G$21=$B$17,14,0)+IF('Standard Profiles'!$G$21=$B$24,21,0),MOD($C7268,24)+1)/SUM(INDEX($D$3:$AA$30,INDEX(Jesper!$R$2:$R$366,ROW(INDEX(Jesper!AK$2:AK$366,ROUNDDOWN($C7268/24,0)+1,1))-1)+IF('Standard Profiles'!$G$21=$B$10,7,0)+IF('Standard Profiles'!$G$21=$B$17,14,0)+IF('Standard Profiles'!$G$21=$B$24,21,0),0)),0)</f>
        <v>0</v>
      </c>
      <c r="H7268" cm="1">
        <f t="array" ref="H7268">IFERROR(INDEX(Jesper!AL$2:AL$366,ROUNDDOWN($C7268/24,0)+1,1)*INDEX($D$3:$AA$30,INDEX(Jesper!$R$2:$R$366,ROW(INDEX(Jesper!AL$2:AL$366,ROUNDDOWN($C7268/24,0)+1,1))-1)+IF('Standard Profiles'!$G$22=$B$10,7,0)+IF('Standard Profiles'!$G$22=$B$17,14,0)+IF('Standard Profiles'!$G$22=$B$24,21,0),MOD($C7268,24)+1)/SUM(INDEX($D$3:$AA$30,INDEX(Jesper!$R$2:$R$366,ROW(INDEX(Jesper!AL$2:AL$366,ROUNDDOWN($C7268/24,0)+1,1))-1)+IF('Standard Profiles'!$G$22=$B$10,7,0)+IF('Standard Profiles'!$G$22=$B$17,14,0)+IF('Standard Profiles'!$G$22=$B$24,21,0),0)),0)</f>
        <v>0</v>
      </c>
      <c r="I7268">
        <f t="shared" si="811"/>
        <v>0.42668771507756637</v>
      </c>
      <c r="J7268">
        <f t="shared" si="812"/>
        <v>1.4222923835918879</v>
      </c>
      <c r="K7268">
        <f t="shared" si="813"/>
        <v>2.1334385753878315</v>
      </c>
      <c r="L7268">
        <f t="shared" si="814"/>
        <v>10.240505161861593</v>
      </c>
      <c r="M7268">
        <f t="shared" si="815"/>
        <v>0</v>
      </c>
      <c r="N7268" s="46">
        <f t="shared" ref="N7268:N7331" si="816">N7267+1/24</f>
        <v>45593.416666649122</v>
      </c>
    </row>
    <row r="7269" spans="2:14" x14ac:dyDescent="0.3">
      <c r="B7269">
        <f t="shared" si="810"/>
        <v>1</v>
      </c>
      <c r="C7269" s="16">
        <v>7235</v>
      </c>
      <c r="D7269" cm="1">
        <f t="array" ref="D7269">IFERROR(INDEX(Jesper!AH$2:AH$366,ROUNDDOWN($C7269/24,0)+1,1)*INDEX($D$3:$AA$30,INDEX(Jesper!$R$2:$R$366,ROW(INDEX(Jesper!AH$2:AH$366,ROUNDDOWN($C7269/24,0)+1,1))-1)+IF('Standard Profiles'!$G$18=$B$10,7,0)+IF('Standard Profiles'!$G$18=$B$17,14,0)+IF('Standard Profiles'!$G$18=$B$24,21,0),MOD($C7269,24)+1)/SUM(INDEX($D$3:$AA$30,INDEX(Jesper!$R$2:$R$366,ROW(INDEX(Jesper!AH$2:AH$366,ROUNDDOWN($C7269/24,0)+1,1))-1)+IF('Standard Profiles'!$G$18=$B$10,7,0)+IF('Standard Profiles'!$G$18=$B$17,14,0)+IF('Standard Profiles'!$G$18=$B$24,21,0),0)),0)</f>
        <v>18.060855664658892</v>
      </c>
      <c r="E7269" cm="1">
        <f t="array" ref="E7269">IFERROR(INDEX(Jesper!AI$2:AI$366,ROUNDDOWN($C7269/24,0)+1,1)*INDEX($D$3:$AA$30,INDEX(Jesper!$R$2:$R$366,ROW(INDEX(Jesper!AI$2:AI$366,ROUNDDOWN($C7269/24,0)+1,1))-1)+IF('Standard Profiles'!$G$19=$B$10,7,0)+IF('Standard Profiles'!$G$19=$B$17,14,0)+IF('Standard Profiles'!$G$19=$B$24,21,0),MOD($C7269,24)+1)/SUM(INDEX($D$3:$AA$30,INDEX(Jesper!$R$2:$R$366,ROW(INDEX(Jesper!AI$2:AI$366,ROUNDDOWN($C7269/24,0)+1,1))-1)+IF('Standard Profiles'!$G$19=$B$10,7,0)+IF('Standard Profiles'!$G$19=$B$17,14,0)+IF('Standard Profiles'!$G$19=$B$24,21,0),0)),0)</f>
        <v>0</v>
      </c>
      <c r="F7269" cm="1">
        <f t="array" ref="F7269">IFERROR(INDEX(Jesper!AJ$2:AJ$366,ROUNDDOWN($C7269/24,0)+1,1)*INDEX($D$3:$AA$30,INDEX(Jesper!$R$2:$R$366,ROW(INDEX(Jesper!AJ$2:AJ$366,ROUNDDOWN($C7269/24,0)+1,1))-1)+IF('Standard Profiles'!$G$20=$B$10,7,0)+IF('Standard Profiles'!$G$20=$B$17,14,0)+IF('Standard Profiles'!$G$20=$B$24,21,0),MOD($C7269,24)+1)/SUM(INDEX($D$3:$AA$30,INDEX(Jesper!$R$2:$R$366,ROW(INDEX(Jesper!AJ$2:AJ$366,ROUNDDOWN($C7269/24,0)+1,1))-1)+IF('Standard Profiles'!$G$20=$B$10,7,0)+IF('Standard Profiles'!$G$20=$B$17,14,0)+IF('Standard Profiles'!$G$20=$B$24,21,0),0)),0)</f>
        <v>0</v>
      </c>
      <c r="G7269" cm="1">
        <f t="array" ref="G7269">IFERROR(INDEX(Jesper!AK$2:AK$366,ROUNDDOWN($C7269/24,0)+1,1)*INDEX($D$3:$AA$30,INDEX(Jesper!$R$2:$R$366,ROW(INDEX(Jesper!AK$2:AK$366,ROUNDDOWN($C7269/24,0)+1,1))-1)+IF('Standard Profiles'!$G$21=$B$10,7,0)+IF('Standard Profiles'!$G$21=$B$17,14,0)+IF('Standard Profiles'!$G$21=$B$24,21,0),MOD($C7269,24)+1)/SUM(INDEX($D$3:$AA$30,INDEX(Jesper!$R$2:$R$366,ROW(INDEX(Jesper!AK$2:AK$366,ROUNDDOWN($C7269/24,0)+1,1))-1)+IF('Standard Profiles'!$G$21=$B$10,7,0)+IF('Standard Profiles'!$G$21=$B$17,14,0)+IF('Standard Profiles'!$G$21=$B$24,21,0),0)),0)</f>
        <v>0</v>
      </c>
      <c r="H7269" cm="1">
        <f t="array" ref="H7269">IFERROR(INDEX(Jesper!AL$2:AL$366,ROUNDDOWN($C7269/24,0)+1,1)*INDEX($D$3:$AA$30,INDEX(Jesper!$R$2:$R$366,ROW(INDEX(Jesper!AL$2:AL$366,ROUNDDOWN($C7269/24,0)+1,1))-1)+IF('Standard Profiles'!$G$22=$B$10,7,0)+IF('Standard Profiles'!$G$22=$B$17,14,0)+IF('Standard Profiles'!$G$22=$B$24,21,0),MOD($C7269,24)+1)/SUM(INDEX($D$3:$AA$30,INDEX(Jesper!$R$2:$R$366,ROW(INDEX(Jesper!AL$2:AL$366,ROUNDDOWN($C7269/24,0)+1,1))-1)+IF('Standard Profiles'!$G$22=$B$10,7,0)+IF('Standard Profiles'!$G$22=$B$17,14,0)+IF('Standard Profiles'!$G$22=$B$24,21,0),0)),0)</f>
        <v>0</v>
      </c>
      <c r="I7269">
        <f t="shared" si="811"/>
        <v>0.54182566993976677</v>
      </c>
      <c r="J7269">
        <f t="shared" si="812"/>
        <v>1.8060855664658892</v>
      </c>
      <c r="K7269">
        <f t="shared" si="813"/>
        <v>2.7091283496988336</v>
      </c>
      <c r="L7269">
        <f t="shared" si="814"/>
        <v>13.003816078554401</v>
      </c>
      <c r="M7269">
        <f t="shared" si="815"/>
        <v>0</v>
      </c>
      <c r="N7269" s="46">
        <f t="shared" si="816"/>
        <v>45593.458333315786</v>
      </c>
    </row>
    <row r="7270" spans="2:14" x14ac:dyDescent="0.3">
      <c r="B7270">
        <f t="shared" si="810"/>
        <v>1</v>
      </c>
      <c r="C7270" s="16">
        <v>7236</v>
      </c>
      <c r="D7270" cm="1">
        <f t="array" ref="D7270">IFERROR(INDEX(Jesper!AH$2:AH$366,ROUNDDOWN($C7270/24,0)+1,1)*INDEX($D$3:$AA$30,INDEX(Jesper!$R$2:$R$366,ROW(INDEX(Jesper!AH$2:AH$366,ROUNDDOWN($C7270/24,0)+1,1))-1)+IF('Standard Profiles'!$G$18=$B$10,7,0)+IF('Standard Profiles'!$G$18=$B$17,14,0)+IF('Standard Profiles'!$G$18=$B$24,21,0),MOD($C7270,24)+1)/SUM(INDEX($D$3:$AA$30,INDEX(Jesper!$R$2:$R$366,ROW(INDEX(Jesper!AH$2:AH$366,ROUNDDOWN($C7270/24,0)+1,1))-1)+IF('Standard Profiles'!$G$18=$B$10,7,0)+IF('Standard Profiles'!$G$18=$B$17,14,0)+IF('Standard Profiles'!$G$18=$B$24,21,0),0)),0)</f>
        <v>18.060855664658892</v>
      </c>
      <c r="E7270" cm="1">
        <f t="array" ref="E7270">IFERROR(INDEX(Jesper!AI$2:AI$366,ROUNDDOWN($C7270/24,0)+1,1)*INDEX($D$3:$AA$30,INDEX(Jesper!$R$2:$R$366,ROW(INDEX(Jesper!AI$2:AI$366,ROUNDDOWN($C7270/24,0)+1,1))-1)+IF('Standard Profiles'!$G$19=$B$10,7,0)+IF('Standard Profiles'!$G$19=$B$17,14,0)+IF('Standard Profiles'!$G$19=$B$24,21,0),MOD($C7270,24)+1)/SUM(INDEX($D$3:$AA$30,INDEX(Jesper!$R$2:$R$366,ROW(INDEX(Jesper!AI$2:AI$366,ROUNDDOWN($C7270/24,0)+1,1))-1)+IF('Standard Profiles'!$G$19=$B$10,7,0)+IF('Standard Profiles'!$G$19=$B$17,14,0)+IF('Standard Profiles'!$G$19=$B$24,21,0),0)),0)</f>
        <v>0</v>
      </c>
      <c r="F7270" cm="1">
        <f t="array" ref="F7270">IFERROR(INDEX(Jesper!AJ$2:AJ$366,ROUNDDOWN($C7270/24,0)+1,1)*INDEX($D$3:$AA$30,INDEX(Jesper!$R$2:$R$366,ROW(INDEX(Jesper!AJ$2:AJ$366,ROUNDDOWN($C7270/24,0)+1,1))-1)+IF('Standard Profiles'!$G$20=$B$10,7,0)+IF('Standard Profiles'!$G$20=$B$17,14,0)+IF('Standard Profiles'!$G$20=$B$24,21,0),MOD($C7270,24)+1)/SUM(INDEX($D$3:$AA$30,INDEX(Jesper!$R$2:$R$366,ROW(INDEX(Jesper!AJ$2:AJ$366,ROUNDDOWN($C7270/24,0)+1,1))-1)+IF('Standard Profiles'!$G$20=$B$10,7,0)+IF('Standard Profiles'!$G$20=$B$17,14,0)+IF('Standard Profiles'!$G$20=$B$24,21,0),0)),0)</f>
        <v>0</v>
      </c>
      <c r="G7270" cm="1">
        <f t="array" ref="G7270">IFERROR(INDEX(Jesper!AK$2:AK$366,ROUNDDOWN($C7270/24,0)+1,1)*INDEX($D$3:$AA$30,INDEX(Jesper!$R$2:$R$366,ROW(INDEX(Jesper!AK$2:AK$366,ROUNDDOWN($C7270/24,0)+1,1))-1)+IF('Standard Profiles'!$G$21=$B$10,7,0)+IF('Standard Profiles'!$G$21=$B$17,14,0)+IF('Standard Profiles'!$G$21=$B$24,21,0),MOD($C7270,24)+1)/SUM(INDEX($D$3:$AA$30,INDEX(Jesper!$R$2:$R$366,ROW(INDEX(Jesper!AK$2:AK$366,ROUNDDOWN($C7270/24,0)+1,1))-1)+IF('Standard Profiles'!$G$21=$B$10,7,0)+IF('Standard Profiles'!$G$21=$B$17,14,0)+IF('Standard Profiles'!$G$21=$B$24,21,0),0)),0)</f>
        <v>0</v>
      </c>
      <c r="H7270" cm="1">
        <f t="array" ref="H7270">IFERROR(INDEX(Jesper!AL$2:AL$366,ROUNDDOWN($C7270/24,0)+1,1)*INDEX($D$3:$AA$30,INDEX(Jesper!$R$2:$R$366,ROW(INDEX(Jesper!AL$2:AL$366,ROUNDDOWN($C7270/24,0)+1,1))-1)+IF('Standard Profiles'!$G$22=$B$10,7,0)+IF('Standard Profiles'!$G$22=$B$17,14,0)+IF('Standard Profiles'!$G$22=$B$24,21,0),MOD($C7270,24)+1)/SUM(INDEX($D$3:$AA$30,INDEX(Jesper!$R$2:$R$366,ROW(INDEX(Jesper!AL$2:AL$366,ROUNDDOWN($C7270/24,0)+1,1))-1)+IF('Standard Profiles'!$G$22=$B$10,7,0)+IF('Standard Profiles'!$G$22=$B$17,14,0)+IF('Standard Profiles'!$G$22=$B$24,21,0),0)),0)</f>
        <v>0</v>
      </c>
      <c r="I7270">
        <f t="shared" si="811"/>
        <v>0.54182566993976677</v>
      </c>
      <c r="J7270">
        <f t="shared" si="812"/>
        <v>1.8060855664658892</v>
      </c>
      <c r="K7270">
        <f t="shared" si="813"/>
        <v>2.7091283496988336</v>
      </c>
      <c r="L7270">
        <f t="shared" si="814"/>
        <v>13.003816078554401</v>
      </c>
      <c r="M7270">
        <f t="shared" si="815"/>
        <v>0</v>
      </c>
      <c r="N7270" s="46">
        <f t="shared" si="816"/>
        <v>45593.49999998245</v>
      </c>
    </row>
    <row r="7271" spans="2:14" x14ac:dyDescent="0.3">
      <c r="B7271">
        <f t="shared" si="810"/>
        <v>1</v>
      </c>
      <c r="C7271" s="16">
        <v>7237</v>
      </c>
      <c r="D7271" cm="1">
        <f t="array" ref="D7271">IFERROR(INDEX(Jesper!AH$2:AH$366,ROUNDDOWN($C7271/24,0)+1,1)*INDEX($D$3:$AA$30,INDEX(Jesper!$R$2:$R$366,ROW(INDEX(Jesper!AH$2:AH$366,ROUNDDOWN($C7271/24,0)+1,1))-1)+IF('Standard Profiles'!$G$18=$B$10,7,0)+IF('Standard Profiles'!$G$18=$B$17,14,0)+IF('Standard Profiles'!$G$18=$B$24,21,0),MOD($C7271,24)+1)/SUM(INDEX($D$3:$AA$30,INDEX(Jesper!$R$2:$R$366,ROW(INDEX(Jesper!AH$2:AH$366,ROUNDDOWN($C7271/24,0)+1,1))-1)+IF('Standard Profiles'!$G$18=$B$10,7,0)+IF('Standard Profiles'!$G$18=$B$17,14,0)+IF('Standard Profiles'!$G$18=$B$24,21,0),0)),0)</f>
        <v>11.965316877836516</v>
      </c>
      <c r="E7271" cm="1">
        <f t="array" ref="E7271">IFERROR(INDEX(Jesper!AI$2:AI$366,ROUNDDOWN($C7271/24,0)+1,1)*INDEX($D$3:$AA$30,INDEX(Jesper!$R$2:$R$366,ROW(INDEX(Jesper!AI$2:AI$366,ROUNDDOWN($C7271/24,0)+1,1))-1)+IF('Standard Profiles'!$G$19=$B$10,7,0)+IF('Standard Profiles'!$G$19=$B$17,14,0)+IF('Standard Profiles'!$G$19=$B$24,21,0),MOD($C7271,24)+1)/SUM(INDEX($D$3:$AA$30,INDEX(Jesper!$R$2:$R$366,ROW(INDEX(Jesper!AI$2:AI$366,ROUNDDOWN($C7271/24,0)+1,1))-1)+IF('Standard Profiles'!$G$19=$B$10,7,0)+IF('Standard Profiles'!$G$19=$B$17,14,0)+IF('Standard Profiles'!$G$19=$B$24,21,0),0)),0)</f>
        <v>0</v>
      </c>
      <c r="F7271" cm="1">
        <f t="array" ref="F7271">IFERROR(INDEX(Jesper!AJ$2:AJ$366,ROUNDDOWN($C7271/24,0)+1,1)*INDEX($D$3:$AA$30,INDEX(Jesper!$R$2:$R$366,ROW(INDEX(Jesper!AJ$2:AJ$366,ROUNDDOWN($C7271/24,0)+1,1))-1)+IF('Standard Profiles'!$G$20=$B$10,7,0)+IF('Standard Profiles'!$G$20=$B$17,14,0)+IF('Standard Profiles'!$G$20=$B$24,21,0),MOD($C7271,24)+1)/SUM(INDEX($D$3:$AA$30,INDEX(Jesper!$R$2:$R$366,ROW(INDEX(Jesper!AJ$2:AJ$366,ROUNDDOWN($C7271/24,0)+1,1))-1)+IF('Standard Profiles'!$G$20=$B$10,7,0)+IF('Standard Profiles'!$G$20=$B$17,14,0)+IF('Standard Profiles'!$G$20=$B$24,21,0),0)),0)</f>
        <v>0</v>
      </c>
      <c r="G7271" cm="1">
        <f t="array" ref="G7271">IFERROR(INDEX(Jesper!AK$2:AK$366,ROUNDDOWN($C7271/24,0)+1,1)*INDEX($D$3:$AA$30,INDEX(Jesper!$R$2:$R$366,ROW(INDEX(Jesper!AK$2:AK$366,ROUNDDOWN($C7271/24,0)+1,1))-1)+IF('Standard Profiles'!$G$21=$B$10,7,0)+IF('Standard Profiles'!$G$21=$B$17,14,0)+IF('Standard Profiles'!$G$21=$B$24,21,0),MOD($C7271,24)+1)/SUM(INDEX($D$3:$AA$30,INDEX(Jesper!$R$2:$R$366,ROW(INDEX(Jesper!AK$2:AK$366,ROUNDDOWN($C7271/24,0)+1,1))-1)+IF('Standard Profiles'!$G$21=$B$10,7,0)+IF('Standard Profiles'!$G$21=$B$17,14,0)+IF('Standard Profiles'!$G$21=$B$24,21,0),0)),0)</f>
        <v>0</v>
      </c>
      <c r="H7271" cm="1">
        <f t="array" ref="H7271">IFERROR(INDEX(Jesper!AL$2:AL$366,ROUNDDOWN($C7271/24,0)+1,1)*INDEX($D$3:$AA$30,INDEX(Jesper!$R$2:$R$366,ROW(INDEX(Jesper!AL$2:AL$366,ROUNDDOWN($C7271/24,0)+1,1))-1)+IF('Standard Profiles'!$G$22=$B$10,7,0)+IF('Standard Profiles'!$G$22=$B$17,14,0)+IF('Standard Profiles'!$G$22=$B$24,21,0),MOD($C7271,24)+1)/SUM(INDEX($D$3:$AA$30,INDEX(Jesper!$R$2:$R$366,ROW(INDEX(Jesper!AL$2:AL$366,ROUNDDOWN($C7271/24,0)+1,1))-1)+IF('Standard Profiles'!$G$22=$B$10,7,0)+IF('Standard Profiles'!$G$22=$B$17,14,0)+IF('Standard Profiles'!$G$22=$B$24,21,0),0)),0)</f>
        <v>0</v>
      </c>
      <c r="I7271">
        <f t="shared" si="811"/>
        <v>0.35895950633509549</v>
      </c>
      <c r="J7271">
        <f t="shared" si="812"/>
        <v>1.1965316877836516</v>
      </c>
      <c r="K7271">
        <f t="shared" si="813"/>
        <v>1.7947975316754774</v>
      </c>
      <c r="L7271">
        <f t="shared" si="814"/>
        <v>8.6150281520422904</v>
      </c>
      <c r="M7271">
        <f t="shared" si="815"/>
        <v>0</v>
      </c>
      <c r="N7271" s="46">
        <f t="shared" si="816"/>
        <v>45593.541666649115</v>
      </c>
    </row>
    <row r="7272" spans="2:14" x14ac:dyDescent="0.3">
      <c r="B7272">
        <f t="shared" si="810"/>
        <v>1</v>
      </c>
      <c r="C7272" s="16">
        <v>7238</v>
      </c>
      <c r="D7272" cm="1">
        <f t="array" ref="D7272">IFERROR(INDEX(Jesper!AH$2:AH$366,ROUNDDOWN($C7272/24,0)+1,1)*INDEX($D$3:$AA$30,INDEX(Jesper!$R$2:$R$366,ROW(INDEX(Jesper!AH$2:AH$366,ROUNDDOWN($C7272/24,0)+1,1))-1)+IF('Standard Profiles'!$G$18=$B$10,7,0)+IF('Standard Profiles'!$G$18=$B$17,14,0)+IF('Standard Profiles'!$G$18=$B$24,21,0),MOD($C7272,24)+1)/SUM(INDEX($D$3:$AA$30,INDEX(Jesper!$R$2:$R$366,ROW(INDEX(Jesper!AH$2:AH$366,ROUNDDOWN($C7272/24,0)+1,1))-1)+IF('Standard Profiles'!$G$18=$B$10,7,0)+IF('Standard Profiles'!$G$18=$B$17,14,0)+IF('Standard Profiles'!$G$18=$B$24,21,0),0)),0)</f>
        <v>18.060855664658892</v>
      </c>
      <c r="E7272" cm="1">
        <f t="array" ref="E7272">IFERROR(INDEX(Jesper!AI$2:AI$366,ROUNDDOWN($C7272/24,0)+1,1)*INDEX($D$3:$AA$30,INDEX(Jesper!$R$2:$R$366,ROW(INDEX(Jesper!AI$2:AI$366,ROUNDDOWN($C7272/24,0)+1,1))-1)+IF('Standard Profiles'!$G$19=$B$10,7,0)+IF('Standard Profiles'!$G$19=$B$17,14,0)+IF('Standard Profiles'!$G$19=$B$24,21,0),MOD($C7272,24)+1)/SUM(INDEX($D$3:$AA$30,INDEX(Jesper!$R$2:$R$366,ROW(INDEX(Jesper!AI$2:AI$366,ROUNDDOWN($C7272/24,0)+1,1))-1)+IF('Standard Profiles'!$G$19=$B$10,7,0)+IF('Standard Profiles'!$G$19=$B$17,14,0)+IF('Standard Profiles'!$G$19=$B$24,21,0),0)),0)</f>
        <v>0</v>
      </c>
      <c r="F7272" cm="1">
        <f t="array" ref="F7272">IFERROR(INDEX(Jesper!AJ$2:AJ$366,ROUNDDOWN($C7272/24,0)+1,1)*INDEX($D$3:$AA$30,INDEX(Jesper!$R$2:$R$366,ROW(INDEX(Jesper!AJ$2:AJ$366,ROUNDDOWN($C7272/24,0)+1,1))-1)+IF('Standard Profiles'!$G$20=$B$10,7,0)+IF('Standard Profiles'!$G$20=$B$17,14,0)+IF('Standard Profiles'!$G$20=$B$24,21,0),MOD($C7272,24)+1)/SUM(INDEX($D$3:$AA$30,INDEX(Jesper!$R$2:$R$366,ROW(INDEX(Jesper!AJ$2:AJ$366,ROUNDDOWN($C7272/24,0)+1,1))-1)+IF('Standard Profiles'!$G$20=$B$10,7,0)+IF('Standard Profiles'!$G$20=$B$17,14,0)+IF('Standard Profiles'!$G$20=$B$24,21,0),0)),0)</f>
        <v>0</v>
      </c>
      <c r="G7272" cm="1">
        <f t="array" ref="G7272">IFERROR(INDEX(Jesper!AK$2:AK$366,ROUNDDOWN($C7272/24,0)+1,1)*INDEX($D$3:$AA$30,INDEX(Jesper!$R$2:$R$366,ROW(INDEX(Jesper!AK$2:AK$366,ROUNDDOWN($C7272/24,0)+1,1))-1)+IF('Standard Profiles'!$G$21=$B$10,7,0)+IF('Standard Profiles'!$G$21=$B$17,14,0)+IF('Standard Profiles'!$G$21=$B$24,21,0),MOD($C7272,24)+1)/SUM(INDEX($D$3:$AA$30,INDEX(Jesper!$R$2:$R$366,ROW(INDEX(Jesper!AK$2:AK$366,ROUNDDOWN($C7272/24,0)+1,1))-1)+IF('Standard Profiles'!$G$21=$B$10,7,0)+IF('Standard Profiles'!$G$21=$B$17,14,0)+IF('Standard Profiles'!$G$21=$B$24,21,0),0)),0)</f>
        <v>0</v>
      </c>
      <c r="H7272" cm="1">
        <f t="array" ref="H7272">IFERROR(INDEX(Jesper!AL$2:AL$366,ROUNDDOWN($C7272/24,0)+1,1)*INDEX($D$3:$AA$30,INDEX(Jesper!$R$2:$R$366,ROW(INDEX(Jesper!AL$2:AL$366,ROUNDDOWN($C7272/24,0)+1,1))-1)+IF('Standard Profiles'!$G$22=$B$10,7,0)+IF('Standard Profiles'!$G$22=$B$17,14,0)+IF('Standard Profiles'!$G$22=$B$24,21,0),MOD($C7272,24)+1)/SUM(INDEX($D$3:$AA$30,INDEX(Jesper!$R$2:$R$366,ROW(INDEX(Jesper!AL$2:AL$366,ROUNDDOWN($C7272/24,0)+1,1))-1)+IF('Standard Profiles'!$G$22=$B$10,7,0)+IF('Standard Profiles'!$G$22=$B$17,14,0)+IF('Standard Profiles'!$G$22=$B$24,21,0),0)),0)</f>
        <v>0</v>
      </c>
      <c r="I7272">
        <f t="shared" si="811"/>
        <v>0.54182566993976677</v>
      </c>
      <c r="J7272">
        <f t="shared" si="812"/>
        <v>1.8060855664658892</v>
      </c>
      <c r="K7272">
        <f t="shared" si="813"/>
        <v>2.7091283496988336</v>
      </c>
      <c r="L7272">
        <f t="shared" si="814"/>
        <v>13.003816078554401</v>
      </c>
      <c r="M7272">
        <f t="shared" si="815"/>
        <v>0</v>
      </c>
      <c r="N7272" s="46">
        <f t="shared" si="816"/>
        <v>45593.583333315779</v>
      </c>
    </row>
    <row r="7273" spans="2:14" x14ac:dyDescent="0.3">
      <c r="B7273">
        <f t="shared" si="810"/>
        <v>1</v>
      </c>
      <c r="C7273" s="16">
        <v>7239</v>
      </c>
      <c r="D7273" cm="1">
        <f t="array" ref="D7273">IFERROR(INDEX(Jesper!AH$2:AH$366,ROUNDDOWN($C7273/24,0)+1,1)*INDEX($D$3:$AA$30,INDEX(Jesper!$R$2:$R$366,ROW(INDEX(Jesper!AH$2:AH$366,ROUNDDOWN($C7273/24,0)+1,1))-1)+IF('Standard Profiles'!$G$18=$B$10,7,0)+IF('Standard Profiles'!$G$18=$B$17,14,0)+IF('Standard Profiles'!$G$18=$B$24,21,0),MOD($C7273,24)+1)/SUM(INDEX($D$3:$AA$30,INDEX(Jesper!$R$2:$R$366,ROW(INDEX(Jesper!AH$2:AH$366,ROUNDDOWN($C7273/24,0)+1,1))-1)+IF('Standard Profiles'!$G$18=$B$10,7,0)+IF('Standard Profiles'!$G$18=$B$17,14,0)+IF('Standard Profiles'!$G$18=$B$24,21,0),0)),0)</f>
        <v>18.060855664658892</v>
      </c>
      <c r="E7273" cm="1">
        <f t="array" ref="E7273">IFERROR(INDEX(Jesper!AI$2:AI$366,ROUNDDOWN($C7273/24,0)+1,1)*INDEX($D$3:$AA$30,INDEX(Jesper!$R$2:$R$366,ROW(INDEX(Jesper!AI$2:AI$366,ROUNDDOWN($C7273/24,0)+1,1))-1)+IF('Standard Profiles'!$G$19=$B$10,7,0)+IF('Standard Profiles'!$G$19=$B$17,14,0)+IF('Standard Profiles'!$G$19=$B$24,21,0),MOD($C7273,24)+1)/SUM(INDEX($D$3:$AA$30,INDEX(Jesper!$R$2:$R$366,ROW(INDEX(Jesper!AI$2:AI$366,ROUNDDOWN($C7273/24,0)+1,1))-1)+IF('Standard Profiles'!$G$19=$B$10,7,0)+IF('Standard Profiles'!$G$19=$B$17,14,0)+IF('Standard Profiles'!$G$19=$B$24,21,0),0)),0)</f>
        <v>0</v>
      </c>
      <c r="F7273" cm="1">
        <f t="array" ref="F7273">IFERROR(INDEX(Jesper!AJ$2:AJ$366,ROUNDDOWN($C7273/24,0)+1,1)*INDEX($D$3:$AA$30,INDEX(Jesper!$R$2:$R$366,ROW(INDEX(Jesper!AJ$2:AJ$366,ROUNDDOWN($C7273/24,0)+1,1))-1)+IF('Standard Profiles'!$G$20=$B$10,7,0)+IF('Standard Profiles'!$G$20=$B$17,14,0)+IF('Standard Profiles'!$G$20=$B$24,21,0),MOD($C7273,24)+1)/SUM(INDEX($D$3:$AA$30,INDEX(Jesper!$R$2:$R$366,ROW(INDEX(Jesper!AJ$2:AJ$366,ROUNDDOWN($C7273/24,0)+1,1))-1)+IF('Standard Profiles'!$G$20=$B$10,7,0)+IF('Standard Profiles'!$G$20=$B$17,14,0)+IF('Standard Profiles'!$G$20=$B$24,21,0),0)),0)</f>
        <v>0</v>
      </c>
      <c r="G7273" cm="1">
        <f t="array" ref="G7273">IFERROR(INDEX(Jesper!AK$2:AK$366,ROUNDDOWN($C7273/24,0)+1,1)*INDEX($D$3:$AA$30,INDEX(Jesper!$R$2:$R$366,ROW(INDEX(Jesper!AK$2:AK$366,ROUNDDOWN($C7273/24,0)+1,1))-1)+IF('Standard Profiles'!$G$21=$B$10,7,0)+IF('Standard Profiles'!$G$21=$B$17,14,0)+IF('Standard Profiles'!$G$21=$B$24,21,0),MOD($C7273,24)+1)/SUM(INDEX($D$3:$AA$30,INDEX(Jesper!$R$2:$R$366,ROW(INDEX(Jesper!AK$2:AK$366,ROUNDDOWN($C7273/24,0)+1,1))-1)+IF('Standard Profiles'!$G$21=$B$10,7,0)+IF('Standard Profiles'!$G$21=$B$17,14,0)+IF('Standard Profiles'!$G$21=$B$24,21,0),0)),0)</f>
        <v>0</v>
      </c>
      <c r="H7273" cm="1">
        <f t="array" ref="H7273">IFERROR(INDEX(Jesper!AL$2:AL$366,ROUNDDOWN($C7273/24,0)+1,1)*INDEX($D$3:$AA$30,INDEX(Jesper!$R$2:$R$366,ROW(INDEX(Jesper!AL$2:AL$366,ROUNDDOWN($C7273/24,0)+1,1))-1)+IF('Standard Profiles'!$G$22=$B$10,7,0)+IF('Standard Profiles'!$G$22=$B$17,14,0)+IF('Standard Profiles'!$G$22=$B$24,21,0),MOD($C7273,24)+1)/SUM(INDEX($D$3:$AA$30,INDEX(Jesper!$R$2:$R$366,ROW(INDEX(Jesper!AL$2:AL$366,ROUNDDOWN($C7273/24,0)+1,1))-1)+IF('Standard Profiles'!$G$22=$B$10,7,0)+IF('Standard Profiles'!$G$22=$B$17,14,0)+IF('Standard Profiles'!$G$22=$B$24,21,0),0)),0)</f>
        <v>0</v>
      </c>
      <c r="I7273">
        <f t="shared" si="811"/>
        <v>0.54182566993976677</v>
      </c>
      <c r="J7273">
        <f t="shared" si="812"/>
        <v>1.8060855664658892</v>
      </c>
      <c r="K7273">
        <f t="shared" si="813"/>
        <v>2.7091283496988336</v>
      </c>
      <c r="L7273">
        <f t="shared" si="814"/>
        <v>13.003816078554401</v>
      </c>
      <c r="M7273">
        <f t="shared" si="815"/>
        <v>0</v>
      </c>
      <c r="N7273" s="46">
        <f t="shared" si="816"/>
        <v>45593.624999982443</v>
      </c>
    </row>
    <row r="7274" spans="2:14" x14ac:dyDescent="0.3">
      <c r="B7274">
        <f t="shared" si="810"/>
        <v>1</v>
      </c>
      <c r="C7274" s="16">
        <v>7240</v>
      </c>
      <c r="D7274" cm="1">
        <f t="array" ref="D7274">IFERROR(INDEX(Jesper!AH$2:AH$366,ROUNDDOWN($C7274/24,0)+1,1)*INDEX($D$3:$AA$30,INDEX(Jesper!$R$2:$R$366,ROW(INDEX(Jesper!AH$2:AH$366,ROUNDDOWN($C7274/24,0)+1,1))-1)+IF('Standard Profiles'!$G$18=$B$10,7,0)+IF('Standard Profiles'!$G$18=$B$17,14,0)+IF('Standard Profiles'!$G$18=$B$24,21,0),MOD($C7274,24)+1)/SUM(INDEX($D$3:$AA$30,INDEX(Jesper!$R$2:$R$366,ROW(INDEX(Jesper!AH$2:AH$366,ROUNDDOWN($C7274/24,0)+1,1))-1)+IF('Standard Profiles'!$G$18=$B$10,7,0)+IF('Standard Profiles'!$G$18=$B$17,14,0)+IF('Standard Profiles'!$G$18=$B$24,21,0),0)),0)</f>
        <v>18.060855664658892</v>
      </c>
      <c r="E7274" cm="1">
        <f t="array" ref="E7274">IFERROR(INDEX(Jesper!AI$2:AI$366,ROUNDDOWN($C7274/24,0)+1,1)*INDEX($D$3:$AA$30,INDEX(Jesper!$R$2:$R$366,ROW(INDEX(Jesper!AI$2:AI$366,ROUNDDOWN($C7274/24,0)+1,1))-1)+IF('Standard Profiles'!$G$19=$B$10,7,0)+IF('Standard Profiles'!$G$19=$B$17,14,0)+IF('Standard Profiles'!$G$19=$B$24,21,0),MOD($C7274,24)+1)/SUM(INDEX($D$3:$AA$30,INDEX(Jesper!$R$2:$R$366,ROW(INDEX(Jesper!AI$2:AI$366,ROUNDDOWN($C7274/24,0)+1,1))-1)+IF('Standard Profiles'!$G$19=$B$10,7,0)+IF('Standard Profiles'!$G$19=$B$17,14,0)+IF('Standard Profiles'!$G$19=$B$24,21,0),0)),0)</f>
        <v>0</v>
      </c>
      <c r="F7274" cm="1">
        <f t="array" ref="F7274">IFERROR(INDEX(Jesper!AJ$2:AJ$366,ROUNDDOWN($C7274/24,0)+1,1)*INDEX($D$3:$AA$30,INDEX(Jesper!$R$2:$R$366,ROW(INDEX(Jesper!AJ$2:AJ$366,ROUNDDOWN($C7274/24,0)+1,1))-1)+IF('Standard Profiles'!$G$20=$B$10,7,0)+IF('Standard Profiles'!$G$20=$B$17,14,0)+IF('Standard Profiles'!$G$20=$B$24,21,0),MOD($C7274,24)+1)/SUM(INDEX($D$3:$AA$30,INDEX(Jesper!$R$2:$R$366,ROW(INDEX(Jesper!AJ$2:AJ$366,ROUNDDOWN($C7274/24,0)+1,1))-1)+IF('Standard Profiles'!$G$20=$B$10,7,0)+IF('Standard Profiles'!$G$20=$B$17,14,0)+IF('Standard Profiles'!$G$20=$B$24,21,0),0)),0)</f>
        <v>0</v>
      </c>
      <c r="G7274" cm="1">
        <f t="array" ref="G7274">IFERROR(INDEX(Jesper!AK$2:AK$366,ROUNDDOWN($C7274/24,0)+1,1)*INDEX($D$3:$AA$30,INDEX(Jesper!$R$2:$R$366,ROW(INDEX(Jesper!AK$2:AK$366,ROUNDDOWN($C7274/24,0)+1,1))-1)+IF('Standard Profiles'!$G$21=$B$10,7,0)+IF('Standard Profiles'!$G$21=$B$17,14,0)+IF('Standard Profiles'!$G$21=$B$24,21,0),MOD($C7274,24)+1)/SUM(INDEX($D$3:$AA$30,INDEX(Jesper!$R$2:$R$366,ROW(INDEX(Jesper!AK$2:AK$366,ROUNDDOWN($C7274/24,0)+1,1))-1)+IF('Standard Profiles'!$G$21=$B$10,7,0)+IF('Standard Profiles'!$G$21=$B$17,14,0)+IF('Standard Profiles'!$G$21=$B$24,21,0),0)),0)</f>
        <v>0</v>
      </c>
      <c r="H7274" cm="1">
        <f t="array" ref="H7274">IFERROR(INDEX(Jesper!AL$2:AL$366,ROUNDDOWN($C7274/24,0)+1,1)*INDEX($D$3:$AA$30,INDEX(Jesper!$R$2:$R$366,ROW(INDEX(Jesper!AL$2:AL$366,ROUNDDOWN($C7274/24,0)+1,1))-1)+IF('Standard Profiles'!$G$22=$B$10,7,0)+IF('Standard Profiles'!$G$22=$B$17,14,0)+IF('Standard Profiles'!$G$22=$B$24,21,0),MOD($C7274,24)+1)/SUM(INDEX($D$3:$AA$30,INDEX(Jesper!$R$2:$R$366,ROW(INDEX(Jesper!AL$2:AL$366,ROUNDDOWN($C7274/24,0)+1,1))-1)+IF('Standard Profiles'!$G$22=$B$10,7,0)+IF('Standard Profiles'!$G$22=$B$17,14,0)+IF('Standard Profiles'!$G$22=$B$24,21,0),0)),0)</f>
        <v>0</v>
      </c>
      <c r="I7274">
        <f t="shared" si="811"/>
        <v>0.54182566993976677</v>
      </c>
      <c r="J7274">
        <f t="shared" si="812"/>
        <v>1.8060855664658892</v>
      </c>
      <c r="K7274">
        <f t="shared" si="813"/>
        <v>2.7091283496988336</v>
      </c>
      <c r="L7274">
        <f t="shared" si="814"/>
        <v>13.003816078554401</v>
      </c>
      <c r="M7274">
        <f t="shared" si="815"/>
        <v>0</v>
      </c>
      <c r="N7274" s="46">
        <f t="shared" si="816"/>
        <v>45593.666666649107</v>
      </c>
    </row>
    <row r="7275" spans="2:14" x14ac:dyDescent="0.3">
      <c r="B7275">
        <f t="shared" si="810"/>
        <v>1</v>
      </c>
      <c r="C7275" s="16">
        <v>7241</v>
      </c>
      <c r="D7275" cm="1">
        <f t="array" ref="D7275">IFERROR(INDEX(Jesper!AH$2:AH$366,ROUNDDOWN($C7275/24,0)+1,1)*INDEX($D$3:$AA$30,INDEX(Jesper!$R$2:$R$366,ROW(INDEX(Jesper!AH$2:AH$366,ROUNDDOWN($C7275/24,0)+1,1))-1)+IF('Standard Profiles'!$G$18=$B$10,7,0)+IF('Standard Profiles'!$G$18=$B$17,14,0)+IF('Standard Profiles'!$G$18=$B$24,21,0),MOD($C7275,24)+1)/SUM(INDEX($D$3:$AA$30,INDEX(Jesper!$R$2:$R$366,ROW(INDEX(Jesper!AH$2:AH$366,ROUNDDOWN($C7275/24,0)+1,1))-1)+IF('Standard Profiles'!$G$18=$B$10,7,0)+IF('Standard Profiles'!$G$18=$B$17,14,0)+IF('Standard Profiles'!$G$18=$B$24,21,0),0)),0)</f>
        <v>18.060855664658892</v>
      </c>
      <c r="E7275" cm="1">
        <f t="array" ref="E7275">IFERROR(INDEX(Jesper!AI$2:AI$366,ROUNDDOWN($C7275/24,0)+1,1)*INDEX($D$3:$AA$30,INDEX(Jesper!$R$2:$R$366,ROW(INDEX(Jesper!AI$2:AI$366,ROUNDDOWN($C7275/24,0)+1,1))-1)+IF('Standard Profiles'!$G$19=$B$10,7,0)+IF('Standard Profiles'!$G$19=$B$17,14,0)+IF('Standard Profiles'!$G$19=$B$24,21,0),MOD($C7275,24)+1)/SUM(INDEX($D$3:$AA$30,INDEX(Jesper!$R$2:$R$366,ROW(INDEX(Jesper!AI$2:AI$366,ROUNDDOWN($C7275/24,0)+1,1))-1)+IF('Standard Profiles'!$G$19=$B$10,7,0)+IF('Standard Profiles'!$G$19=$B$17,14,0)+IF('Standard Profiles'!$G$19=$B$24,21,0),0)),0)</f>
        <v>0</v>
      </c>
      <c r="F7275" cm="1">
        <f t="array" ref="F7275">IFERROR(INDEX(Jesper!AJ$2:AJ$366,ROUNDDOWN($C7275/24,0)+1,1)*INDEX($D$3:$AA$30,INDEX(Jesper!$R$2:$R$366,ROW(INDEX(Jesper!AJ$2:AJ$366,ROUNDDOWN($C7275/24,0)+1,1))-1)+IF('Standard Profiles'!$G$20=$B$10,7,0)+IF('Standard Profiles'!$G$20=$B$17,14,0)+IF('Standard Profiles'!$G$20=$B$24,21,0),MOD($C7275,24)+1)/SUM(INDEX($D$3:$AA$30,INDEX(Jesper!$R$2:$R$366,ROW(INDEX(Jesper!AJ$2:AJ$366,ROUNDDOWN($C7275/24,0)+1,1))-1)+IF('Standard Profiles'!$G$20=$B$10,7,0)+IF('Standard Profiles'!$G$20=$B$17,14,0)+IF('Standard Profiles'!$G$20=$B$24,21,0),0)),0)</f>
        <v>0</v>
      </c>
      <c r="G7275" cm="1">
        <f t="array" ref="G7275">IFERROR(INDEX(Jesper!AK$2:AK$366,ROUNDDOWN($C7275/24,0)+1,1)*INDEX($D$3:$AA$30,INDEX(Jesper!$R$2:$R$366,ROW(INDEX(Jesper!AK$2:AK$366,ROUNDDOWN($C7275/24,0)+1,1))-1)+IF('Standard Profiles'!$G$21=$B$10,7,0)+IF('Standard Profiles'!$G$21=$B$17,14,0)+IF('Standard Profiles'!$G$21=$B$24,21,0),MOD($C7275,24)+1)/SUM(INDEX($D$3:$AA$30,INDEX(Jesper!$R$2:$R$366,ROW(INDEX(Jesper!AK$2:AK$366,ROUNDDOWN($C7275/24,0)+1,1))-1)+IF('Standard Profiles'!$G$21=$B$10,7,0)+IF('Standard Profiles'!$G$21=$B$17,14,0)+IF('Standard Profiles'!$G$21=$B$24,21,0),0)),0)</f>
        <v>0</v>
      </c>
      <c r="H7275" cm="1">
        <f t="array" ref="H7275">IFERROR(INDEX(Jesper!AL$2:AL$366,ROUNDDOWN($C7275/24,0)+1,1)*INDEX($D$3:$AA$30,INDEX(Jesper!$R$2:$R$366,ROW(INDEX(Jesper!AL$2:AL$366,ROUNDDOWN($C7275/24,0)+1,1))-1)+IF('Standard Profiles'!$G$22=$B$10,7,0)+IF('Standard Profiles'!$G$22=$B$17,14,0)+IF('Standard Profiles'!$G$22=$B$24,21,0),MOD($C7275,24)+1)/SUM(INDEX($D$3:$AA$30,INDEX(Jesper!$R$2:$R$366,ROW(INDEX(Jesper!AL$2:AL$366,ROUNDDOWN($C7275/24,0)+1,1))-1)+IF('Standard Profiles'!$G$22=$B$10,7,0)+IF('Standard Profiles'!$G$22=$B$17,14,0)+IF('Standard Profiles'!$G$22=$B$24,21,0),0)),0)</f>
        <v>0</v>
      </c>
      <c r="I7275">
        <f t="shared" si="811"/>
        <v>0.54182566993976677</v>
      </c>
      <c r="J7275">
        <f t="shared" si="812"/>
        <v>1.8060855664658892</v>
      </c>
      <c r="K7275">
        <f t="shared" si="813"/>
        <v>2.7091283496988336</v>
      </c>
      <c r="L7275">
        <f t="shared" si="814"/>
        <v>13.003816078554401</v>
      </c>
      <c r="M7275">
        <f t="shared" si="815"/>
        <v>0</v>
      </c>
      <c r="N7275" s="46">
        <f t="shared" si="816"/>
        <v>45593.708333315772</v>
      </c>
    </row>
    <row r="7276" spans="2:14" x14ac:dyDescent="0.3">
      <c r="B7276">
        <f t="shared" si="810"/>
        <v>1</v>
      </c>
      <c r="C7276" s="16">
        <v>7242</v>
      </c>
      <c r="D7276" cm="1">
        <f t="array" ref="D7276">IFERROR(INDEX(Jesper!AH$2:AH$366,ROUNDDOWN($C7276/24,0)+1,1)*INDEX($D$3:$AA$30,INDEX(Jesper!$R$2:$R$366,ROW(INDEX(Jesper!AH$2:AH$366,ROUNDDOWN($C7276/24,0)+1,1))-1)+IF('Standard Profiles'!$G$18=$B$10,7,0)+IF('Standard Profiles'!$G$18=$B$17,14,0)+IF('Standard Profiles'!$G$18=$B$24,21,0),MOD($C7276,24)+1)/SUM(INDEX($D$3:$AA$30,INDEX(Jesper!$R$2:$R$366,ROW(INDEX(Jesper!AH$2:AH$366,ROUNDDOWN($C7276/24,0)+1,1))-1)+IF('Standard Profiles'!$G$18=$B$10,7,0)+IF('Standard Profiles'!$G$18=$B$17,14,0)+IF('Standard Profiles'!$G$18=$B$24,21,0),0)),0)</f>
        <v>18.060855664658892</v>
      </c>
      <c r="E7276" cm="1">
        <f t="array" ref="E7276">IFERROR(INDEX(Jesper!AI$2:AI$366,ROUNDDOWN($C7276/24,0)+1,1)*INDEX($D$3:$AA$30,INDEX(Jesper!$R$2:$R$366,ROW(INDEX(Jesper!AI$2:AI$366,ROUNDDOWN($C7276/24,0)+1,1))-1)+IF('Standard Profiles'!$G$19=$B$10,7,0)+IF('Standard Profiles'!$G$19=$B$17,14,0)+IF('Standard Profiles'!$G$19=$B$24,21,0),MOD($C7276,24)+1)/SUM(INDEX($D$3:$AA$30,INDEX(Jesper!$R$2:$R$366,ROW(INDEX(Jesper!AI$2:AI$366,ROUNDDOWN($C7276/24,0)+1,1))-1)+IF('Standard Profiles'!$G$19=$B$10,7,0)+IF('Standard Profiles'!$G$19=$B$17,14,0)+IF('Standard Profiles'!$G$19=$B$24,21,0),0)),0)</f>
        <v>0</v>
      </c>
      <c r="F7276" cm="1">
        <f t="array" ref="F7276">IFERROR(INDEX(Jesper!AJ$2:AJ$366,ROUNDDOWN($C7276/24,0)+1,1)*INDEX($D$3:$AA$30,INDEX(Jesper!$R$2:$R$366,ROW(INDEX(Jesper!AJ$2:AJ$366,ROUNDDOWN($C7276/24,0)+1,1))-1)+IF('Standard Profiles'!$G$20=$B$10,7,0)+IF('Standard Profiles'!$G$20=$B$17,14,0)+IF('Standard Profiles'!$G$20=$B$24,21,0),MOD($C7276,24)+1)/SUM(INDEX($D$3:$AA$30,INDEX(Jesper!$R$2:$R$366,ROW(INDEX(Jesper!AJ$2:AJ$366,ROUNDDOWN($C7276/24,0)+1,1))-1)+IF('Standard Profiles'!$G$20=$B$10,7,0)+IF('Standard Profiles'!$G$20=$B$17,14,0)+IF('Standard Profiles'!$G$20=$B$24,21,0),0)),0)</f>
        <v>0</v>
      </c>
      <c r="G7276" cm="1">
        <f t="array" ref="G7276">IFERROR(INDEX(Jesper!AK$2:AK$366,ROUNDDOWN($C7276/24,0)+1,1)*INDEX($D$3:$AA$30,INDEX(Jesper!$R$2:$R$366,ROW(INDEX(Jesper!AK$2:AK$366,ROUNDDOWN($C7276/24,0)+1,1))-1)+IF('Standard Profiles'!$G$21=$B$10,7,0)+IF('Standard Profiles'!$G$21=$B$17,14,0)+IF('Standard Profiles'!$G$21=$B$24,21,0),MOD($C7276,24)+1)/SUM(INDEX($D$3:$AA$30,INDEX(Jesper!$R$2:$R$366,ROW(INDEX(Jesper!AK$2:AK$366,ROUNDDOWN($C7276/24,0)+1,1))-1)+IF('Standard Profiles'!$G$21=$B$10,7,0)+IF('Standard Profiles'!$G$21=$B$17,14,0)+IF('Standard Profiles'!$G$21=$B$24,21,0),0)),0)</f>
        <v>0</v>
      </c>
      <c r="H7276" cm="1">
        <f t="array" ref="H7276">IFERROR(INDEX(Jesper!AL$2:AL$366,ROUNDDOWN($C7276/24,0)+1,1)*INDEX($D$3:$AA$30,INDEX(Jesper!$R$2:$R$366,ROW(INDEX(Jesper!AL$2:AL$366,ROUNDDOWN($C7276/24,0)+1,1))-1)+IF('Standard Profiles'!$G$22=$B$10,7,0)+IF('Standard Profiles'!$G$22=$B$17,14,0)+IF('Standard Profiles'!$G$22=$B$24,21,0),MOD($C7276,24)+1)/SUM(INDEX($D$3:$AA$30,INDEX(Jesper!$R$2:$R$366,ROW(INDEX(Jesper!AL$2:AL$366,ROUNDDOWN($C7276/24,0)+1,1))-1)+IF('Standard Profiles'!$G$22=$B$10,7,0)+IF('Standard Profiles'!$G$22=$B$17,14,0)+IF('Standard Profiles'!$G$22=$B$24,21,0),0)),0)</f>
        <v>0</v>
      </c>
      <c r="I7276">
        <f t="shared" si="811"/>
        <v>0.54182566993976677</v>
      </c>
      <c r="J7276">
        <f t="shared" si="812"/>
        <v>1.8060855664658892</v>
      </c>
      <c r="K7276">
        <f t="shared" si="813"/>
        <v>2.7091283496988336</v>
      </c>
      <c r="L7276">
        <f t="shared" si="814"/>
        <v>13.003816078554401</v>
      </c>
      <c r="M7276">
        <f t="shared" si="815"/>
        <v>0</v>
      </c>
      <c r="N7276" s="46">
        <f t="shared" si="816"/>
        <v>45593.749999982436</v>
      </c>
    </row>
    <row r="7277" spans="2:14" x14ac:dyDescent="0.3">
      <c r="B7277">
        <f t="shared" si="810"/>
        <v>1</v>
      </c>
      <c r="C7277" s="16">
        <v>7243</v>
      </c>
      <c r="D7277" cm="1">
        <f t="array" ref="D7277">IFERROR(INDEX(Jesper!AH$2:AH$366,ROUNDDOWN($C7277/24,0)+1,1)*INDEX($D$3:$AA$30,INDEX(Jesper!$R$2:$R$366,ROW(INDEX(Jesper!AH$2:AH$366,ROUNDDOWN($C7277/24,0)+1,1))-1)+IF('Standard Profiles'!$G$18=$B$10,7,0)+IF('Standard Profiles'!$G$18=$B$17,14,0)+IF('Standard Profiles'!$G$18=$B$24,21,0),MOD($C7277,24)+1)/SUM(INDEX($D$3:$AA$30,INDEX(Jesper!$R$2:$R$366,ROW(INDEX(Jesper!AH$2:AH$366,ROUNDDOWN($C7277/24,0)+1,1))-1)+IF('Standard Profiles'!$G$18=$B$10,7,0)+IF('Standard Profiles'!$G$18=$B$17,14,0)+IF('Standard Profiles'!$G$18=$B$24,21,0),0)),0)</f>
        <v>15.125966619151823</v>
      </c>
      <c r="E7277" cm="1">
        <f t="array" ref="E7277">IFERROR(INDEX(Jesper!AI$2:AI$366,ROUNDDOWN($C7277/24,0)+1,1)*INDEX($D$3:$AA$30,INDEX(Jesper!$R$2:$R$366,ROW(INDEX(Jesper!AI$2:AI$366,ROUNDDOWN($C7277/24,0)+1,1))-1)+IF('Standard Profiles'!$G$19=$B$10,7,0)+IF('Standard Profiles'!$G$19=$B$17,14,0)+IF('Standard Profiles'!$G$19=$B$24,21,0),MOD($C7277,24)+1)/SUM(INDEX($D$3:$AA$30,INDEX(Jesper!$R$2:$R$366,ROW(INDEX(Jesper!AI$2:AI$366,ROUNDDOWN($C7277/24,0)+1,1))-1)+IF('Standard Profiles'!$G$19=$B$10,7,0)+IF('Standard Profiles'!$G$19=$B$17,14,0)+IF('Standard Profiles'!$G$19=$B$24,21,0),0)),0)</f>
        <v>0</v>
      </c>
      <c r="F7277" cm="1">
        <f t="array" ref="F7277">IFERROR(INDEX(Jesper!AJ$2:AJ$366,ROUNDDOWN($C7277/24,0)+1,1)*INDEX($D$3:$AA$30,INDEX(Jesper!$R$2:$R$366,ROW(INDEX(Jesper!AJ$2:AJ$366,ROUNDDOWN($C7277/24,0)+1,1))-1)+IF('Standard Profiles'!$G$20=$B$10,7,0)+IF('Standard Profiles'!$G$20=$B$17,14,0)+IF('Standard Profiles'!$G$20=$B$24,21,0),MOD($C7277,24)+1)/SUM(INDEX($D$3:$AA$30,INDEX(Jesper!$R$2:$R$366,ROW(INDEX(Jesper!AJ$2:AJ$366,ROUNDDOWN($C7277/24,0)+1,1))-1)+IF('Standard Profiles'!$G$20=$B$10,7,0)+IF('Standard Profiles'!$G$20=$B$17,14,0)+IF('Standard Profiles'!$G$20=$B$24,21,0),0)),0)</f>
        <v>0</v>
      </c>
      <c r="G7277" cm="1">
        <f t="array" ref="G7277">IFERROR(INDEX(Jesper!AK$2:AK$366,ROUNDDOWN($C7277/24,0)+1,1)*INDEX($D$3:$AA$30,INDEX(Jesper!$R$2:$R$366,ROW(INDEX(Jesper!AK$2:AK$366,ROUNDDOWN($C7277/24,0)+1,1))-1)+IF('Standard Profiles'!$G$21=$B$10,7,0)+IF('Standard Profiles'!$G$21=$B$17,14,0)+IF('Standard Profiles'!$G$21=$B$24,21,0),MOD($C7277,24)+1)/SUM(INDEX($D$3:$AA$30,INDEX(Jesper!$R$2:$R$366,ROW(INDEX(Jesper!AK$2:AK$366,ROUNDDOWN($C7277/24,0)+1,1))-1)+IF('Standard Profiles'!$G$21=$B$10,7,0)+IF('Standard Profiles'!$G$21=$B$17,14,0)+IF('Standard Profiles'!$G$21=$B$24,21,0),0)),0)</f>
        <v>0</v>
      </c>
      <c r="H7277" cm="1">
        <f t="array" ref="H7277">IFERROR(INDEX(Jesper!AL$2:AL$366,ROUNDDOWN($C7277/24,0)+1,1)*INDEX($D$3:$AA$30,INDEX(Jesper!$R$2:$R$366,ROW(INDEX(Jesper!AL$2:AL$366,ROUNDDOWN($C7277/24,0)+1,1))-1)+IF('Standard Profiles'!$G$22=$B$10,7,0)+IF('Standard Profiles'!$G$22=$B$17,14,0)+IF('Standard Profiles'!$G$22=$B$24,21,0),MOD($C7277,24)+1)/SUM(INDEX($D$3:$AA$30,INDEX(Jesper!$R$2:$R$366,ROW(INDEX(Jesper!AL$2:AL$366,ROUNDDOWN($C7277/24,0)+1,1))-1)+IF('Standard Profiles'!$G$22=$B$10,7,0)+IF('Standard Profiles'!$G$22=$B$17,14,0)+IF('Standard Profiles'!$G$22=$B$24,21,0),0)),0)</f>
        <v>0</v>
      </c>
      <c r="I7277">
        <f t="shared" si="811"/>
        <v>0.45377899857455467</v>
      </c>
      <c r="J7277">
        <f t="shared" si="812"/>
        <v>1.5125966619151825</v>
      </c>
      <c r="K7277">
        <f t="shared" si="813"/>
        <v>2.2688949928727733</v>
      </c>
      <c r="L7277">
        <f t="shared" si="814"/>
        <v>10.890695965789313</v>
      </c>
      <c r="M7277">
        <f t="shared" si="815"/>
        <v>0</v>
      </c>
      <c r="N7277" s="46">
        <f t="shared" si="816"/>
        <v>45593.7916666491</v>
      </c>
    </row>
    <row r="7278" spans="2:14" x14ac:dyDescent="0.3">
      <c r="B7278">
        <f t="shared" si="810"/>
        <v>1</v>
      </c>
      <c r="C7278" s="16">
        <v>7244</v>
      </c>
      <c r="D7278" cm="1">
        <f t="array" ref="D7278">IFERROR(INDEX(Jesper!AH$2:AH$366,ROUNDDOWN($C7278/24,0)+1,1)*INDEX($D$3:$AA$30,INDEX(Jesper!$R$2:$R$366,ROW(INDEX(Jesper!AH$2:AH$366,ROUNDDOWN($C7278/24,0)+1,1))-1)+IF('Standard Profiles'!$G$18=$B$10,7,0)+IF('Standard Profiles'!$G$18=$B$17,14,0)+IF('Standard Profiles'!$G$18=$B$24,21,0),MOD($C7278,24)+1)/SUM(INDEX($D$3:$AA$30,INDEX(Jesper!$R$2:$R$366,ROW(INDEX(Jesper!AH$2:AH$366,ROUNDDOWN($C7278/24,0)+1,1))-1)+IF('Standard Profiles'!$G$18=$B$10,7,0)+IF('Standard Profiles'!$G$18=$B$17,14,0)+IF('Standard Profiles'!$G$18=$B$24,21,0),0)),0)</f>
        <v>12.416838269452988</v>
      </c>
      <c r="E7278" cm="1">
        <f t="array" ref="E7278">IFERROR(INDEX(Jesper!AI$2:AI$366,ROUNDDOWN($C7278/24,0)+1,1)*INDEX($D$3:$AA$30,INDEX(Jesper!$R$2:$R$366,ROW(INDEX(Jesper!AI$2:AI$366,ROUNDDOWN($C7278/24,0)+1,1))-1)+IF('Standard Profiles'!$G$19=$B$10,7,0)+IF('Standard Profiles'!$G$19=$B$17,14,0)+IF('Standard Profiles'!$G$19=$B$24,21,0),MOD($C7278,24)+1)/SUM(INDEX($D$3:$AA$30,INDEX(Jesper!$R$2:$R$366,ROW(INDEX(Jesper!AI$2:AI$366,ROUNDDOWN($C7278/24,0)+1,1))-1)+IF('Standard Profiles'!$G$19=$B$10,7,0)+IF('Standard Profiles'!$G$19=$B$17,14,0)+IF('Standard Profiles'!$G$19=$B$24,21,0),0)),0)</f>
        <v>0</v>
      </c>
      <c r="F7278" cm="1">
        <f t="array" ref="F7278">IFERROR(INDEX(Jesper!AJ$2:AJ$366,ROUNDDOWN($C7278/24,0)+1,1)*INDEX($D$3:$AA$30,INDEX(Jesper!$R$2:$R$366,ROW(INDEX(Jesper!AJ$2:AJ$366,ROUNDDOWN($C7278/24,0)+1,1))-1)+IF('Standard Profiles'!$G$20=$B$10,7,0)+IF('Standard Profiles'!$G$20=$B$17,14,0)+IF('Standard Profiles'!$G$20=$B$24,21,0),MOD($C7278,24)+1)/SUM(INDEX($D$3:$AA$30,INDEX(Jesper!$R$2:$R$366,ROW(INDEX(Jesper!AJ$2:AJ$366,ROUNDDOWN($C7278/24,0)+1,1))-1)+IF('Standard Profiles'!$G$20=$B$10,7,0)+IF('Standard Profiles'!$G$20=$B$17,14,0)+IF('Standard Profiles'!$G$20=$B$24,21,0),0)),0)</f>
        <v>0</v>
      </c>
      <c r="G7278" cm="1">
        <f t="array" ref="G7278">IFERROR(INDEX(Jesper!AK$2:AK$366,ROUNDDOWN($C7278/24,0)+1,1)*INDEX($D$3:$AA$30,INDEX(Jesper!$R$2:$R$366,ROW(INDEX(Jesper!AK$2:AK$366,ROUNDDOWN($C7278/24,0)+1,1))-1)+IF('Standard Profiles'!$G$21=$B$10,7,0)+IF('Standard Profiles'!$G$21=$B$17,14,0)+IF('Standard Profiles'!$G$21=$B$24,21,0),MOD($C7278,24)+1)/SUM(INDEX($D$3:$AA$30,INDEX(Jesper!$R$2:$R$366,ROW(INDEX(Jesper!AK$2:AK$366,ROUNDDOWN($C7278/24,0)+1,1))-1)+IF('Standard Profiles'!$G$21=$B$10,7,0)+IF('Standard Profiles'!$G$21=$B$17,14,0)+IF('Standard Profiles'!$G$21=$B$24,21,0),0)),0)</f>
        <v>0</v>
      </c>
      <c r="H7278" cm="1">
        <f t="array" ref="H7278">IFERROR(INDEX(Jesper!AL$2:AL$366,ROUNDDOWN($C7278/24,0)+1,1)*INDEX($D$3:$AA$30,INDEX(Jesper!$R$2:$R$366,ROW(INDEX(Jesper!AL$2:AL$366,ROUNDDOWN($C7278/24,0)+1,1))-1)+IF('Standard Profiles'!$G$22=$B$10,7,0)+IF('Standard Profiles'!$G$22=$B$17,14,0)+IF('Standard Profiles'!$G$22=$B$24,21,0),MOD($C7278,24)+1)/SUM(INDEX($D$3:$AA$30,INDEX(Jesper!$R$2:$R$366,ROW(INDEX(Jesper!AL$2:AL$366,ROUNDDOWN($C7278/24,0)+1,1))-1)+IF('Standard Profiles'!$G$22=$B$10,7,0)+IF('Standard Profiles'!$G$22=$B$17,14,0)+IF('Standard Profiles'!$G$22=$B$24,21,0),0)),0)</f>
        <v>0</v>
      </c>
      <c r="I7278">
        <f t="shared" si="811"/>
        <v>0.37250514808358964</v>
      </c>
      <c r="J7278">
        <f t="shared" si="812"/>
        <v>1.241683826945299</v>
      </c>
      <c r="K7278">
        <f t="shared" si="813"/>
        <v>1.8625257404179481</v>
      </c>
      <c r="L7278">
        <f t="shared" si="814"/>
        <v>8.940123554006151</v>
      </c>
      <c r="M7278">
        <f t="shared" si="815"/>
        <v>0</v>
      </c>
      <c r="N7278" s="46">
        <f t="shared" si="816"/>
        <v>45593.833333315764</v>
      </c>
    </row>
    <row r="7279" spans="2:14" x14ac:dyDescent="0.3">
      <c r="B7279">
        <f t="shared" si="810"/>
        <v>1</v>
      </c>
      <c r="C7279" s="16">
        <v>7245</v>
      </c>
      <c r="D7279" cm="1">
        <f t="array" ref="D7279">IFERROR(INDEX(Jesper!AH$2:AH$366,ROUNDDOWN($C7279/24,0)+1,1)*INDEX($D$3:$AA$30,INDEX(Jesper!$R$2:$R$366,ROW(INDEX(Jesper!AH$2:AH$366,ROUNDDOWN($C7279/24,0)+1,1))-1)+IF('Standard Profiles'!$G$18=$B$10,7,0)+IF('Standard Profiles'!$G$18=$B$17,14,0)+IF('Standard Profiles'!$G$18=$B$24,21,0),MOD($C7279,24)+1)/SUM(INDEX($D$3:$AA$30,INDEX(Jesper!$R$2:$R$366,ROW(INDEX(Jesper!AH$2:AH$366,ROUNDDOWN($C7279/24,0)+1,1))-1)+IF('Standard Profiles'!$G$18=$B$10,7,0)+IF('Standard Profiles'!$G$18=$B$17,14,0)+IF('Standard Profiles'!$G$18=$B$24,21,0),0)),0)</f>
        <v>9.0304278323294458</v>
      </c>
      <c r="E7279" cm="1">
        <f t="array" ref="E7279">IFERROR(INDEX(Jesper!AI$2:AI$366,ROUNDDOWN($C7279/24,0)+1,1)*INDEX($D$3:$AA$30,INDEX(Jesper!$R$2:$R$366,ROW(INDEX(Jesper!AI$2:AI$366,ROUNDDOWN($C7279/24,0)+1,1))-1)+IF('Standard Profiles'!$G$19=$B$10,7,0)+IF('Standard Profiles'!$G$19=$B$17,14,0)+IF('Standard Profiles'!$G$19=$B$24,21,0),MOD($C7279,24)+1)/SUM(INDEX($D$3:$AA$30,INDEX(Jesper!$R$2:$R$366,ROW(INDEX(Jesper!AI$2:AI$366,ROUNDDOWN($C7279/24,0)+1,1))-1)+IF('Standard Profiles'!$G$19=$B$10,7,0)+IF('Standard Profiles'!$G$19=$B$17,14,0)+IF('Standard Profiles'!$G$19=$B$24,21,0),0)),0)</f>
        <v>0</v>
      </c>
      <c r="F7279" cm="1">
        <f t="array" ref="F7279">IFERROR(INDEX(Jesper!AJ$2:AJ$366,ROUNDDOWN($C7279/24,0)+1,1)*INDEX($D$3:$AA$30,INDEX(Jesper!$R$2:$R$366,ROW(INDEX(Jesper!AJ$2:AJ$366,ROUNDDOWN($C7279/24,0)+1,1))-1)+IF('Standard Profiles'!$G$20=$B$10,7,0)+IF('Standard Profiles'!$G$20=$B$17,14,0)+IF('Standard Profiles'!$G$20=$B$24,21,0),MOD($C7279,24)+1)/SUM(INDEX($D$3:$AA$30,INDEX(Jesper!$R$2:$R$366,ROW(INDEX(Jesper!AJ$2:AJ$366,ROUNDDOWN($C7279/24,0)+1,1))-1)+IF('Standard Profiles'!$G$20=$B$10,7,0)+IF('Standard Profiles'!$G$20=$B$17,14,0)+IF('Standard Profiles'!$G$20=$B$24,21,0),0)),0)</f>
        <v>0</v>
      </c>
      <c r="G7279" cm="1">
        <f t="array" ref="G7279">IFERROR(INDEX(Jesper!AK$2:AK$366,ROUNDDOWN($C7279/24,0)+1,1)*INDEX($D$3:$AA$30,INDEX(Jesper!$R$2:$R$366,ROW(INDEX(Jesper!AK$2:AK$366,ROUNDDOWN($C7279/24,0)+1,1))-1)+IF('Standard Profiles'!$G$21=$B$10,7,0)+IF('Standard Profiles'!$G$21=$B$17,14,0)+IF('Standard Profiles'!$G$21=$B$24,21,0),MOD($C7279,24)+1)/SUM(INDEX($D$3:$AA$30,INDEX(Jesper!$R$2:$R$366,ROW(INDEX(Jesper!AK$2:AK$366,ROUNDDOWN($C7279/24,0)+1,1))-1)+IF('Standard Profiles'!$G$21=$B$10,7,0)+IF('Standard Profiles'!$G$21=$B$17,14,0)+IF('Standard Profiles'!$G$21=$B$24,21,0),0)),0)</f>
        <v>0</v>
      </c>
      <c r="H7279" cm="1">
        <f t="array" ref="H7279">IFERROR(INDEX(Jesper!AL$2:AL$366,ROUNDDOWN($C7279/24,0)+1,1)*INDEX($D$3:$AA$30,INDEX(Jesper!$R$2:$R$366,ROW(INDEX(Jesper!AL$2:AL$366,ROUNDDOWN($C7279/24,0)+1,1))-1)+IF('Standard Profiles'!$G$22=$B$10,7,0)+IF('Standard Profiles'!$G$22=$B$17,14,0)+IF('Standard Profiles'!$G$22=$B$24,21,0),MOD($C7279,24)+1)/SUM(INDEX($D$3:$AA$30,INDEX(Jesper!$R$2:$R$366,ROW(INDEX(Jesper!AL$2:AL$366,ROUNDDOWN($C7279/24,0)+1,1))-1)+IF('Standard Profiles'!$G$22=$B$10,7,0)+IF('Standard Profiles'!$G$22=$B$17,14,0)+IF('Standard Profiles'!$G$22=$B$24,21,0),0)),0)</f>
        <v>0</v>
      </c>
      <c r="I7279">
        <f t="shared" si="811"/>
        <v>0.27091283496988339</v>
      </c>
      <c r="J7279">
        <f t="shared" si="812"/>
        <v>0.90304278323294462</v>
      </c>
      <c r="K7279">
        <f t="shared" si="813"/>
        <v>1.3545641748494168</v>
      </c>
      <c r="L7279">
        <f t="shared" si="814"/>
        <v>6.5019080392772004</v>
      </c>
      <c r="M7279">
        <f t="shared" si="815"/>
        <v>0</v>
      </c>
      <c r="N7279" s="46">
        <f t="shared" si="816"/>
        <v>45593.874999982429</v>
      </c>
    </row>
    <row r="7280" spans="2:14" x14ac:dyDescent="0.3">
      <c r="B7280">
        <f t="shared" si="810"/>
        <v>1</v>
      </c>
      <c r="C7280" s="16">
        <v>7246</v>
      </c>
      <c r="D7280" cm="1">
        <f t="array" ref="D7280">IFERROR(INDEX(Jesper!AH$2:AH$366,ROUNDDOWN($C7280/24,0)+1,1)*INDEX($D$3:$AA$30,INDEX(Jesper!$R$2:$R$366,ROW(INDEX(Jesper!AH$2:AH$366,ROUNDDOWN($C7280/24,0)+1,1))-1)+IF('Standard Profiles'!$G$18=$B$10,7,0)+IF('Standard Profiles'!$G$18=$B$17,14,0)+IF('Standard Profiles'!$G$18=$B$24,21,0),MOD($C7280,24)+1)/SUM(INDEX($D$3:$AA$30,INDEX(Jesper!$R$2:$R$366,ROW(INDEX(Jesper!AH$2:AH$366,ROUNDDOWN($C7280/24,0)+1,1))-1)+IF('Standard Profiles'!$G$18=$B$10,7,0)+IF('Standard Profiles'!$G$18=$B$17,14,0)+IF('Standard Profiles'!$G$18=$B$24,21,0),0)),0)</f>
        <v>8.5789064407129736</v>
      </c>
      <c r="E7280" cm="1">
        <f t="array" ref="E7280">IFERROR(INDEX(Jesper!AI$2:AI$366,ROUNDDOWN($C7280/24,0)+1,1)*INDEX($D$3:$AA$30,INDEX(Jesper!$R$2:$R$366,ROW(INDEX(Jesper!AI$2:AI$366,ROUNDDOWN($C7280/24,0)+1,1))-1)+IF('Standard Profiles'!$G$19=$B$10,7,0)+IF('Standard Profiles'!$G$19=$B$17,14,0)+IF('Standard Profiles'!$G$19=$B$24,21,0),MOD($C7280,24)+1)/SUM(INDEX($D$3:$AA$30,INDEX(Jesper!$R$2:$R$366,ROW(INDEX(Jesper!AI$2:AI$366,ROUNDDOWN($C7280/24,0)+1,1))-1)+IF('Standard Profiles'!$G$19=$B$10,7,0)+IF('Standard Profiles'!$G$19=$B$17,14,0)+IF('Standard Profiles'!$G$19=$B$24,21,0),0)),0)</f>
        <v>0</v>
      </c>
      <c r="F7280" cm="1">
        <f t="array" ref="F7280">IFERROR(INDEX(Jesper!AJ$2:AJ$366,ROUNDDOWN($C7280/24,0)+1,1)*INDEX($D$3:$AA$30,INDEX(Jesper!$R$2:$R$366,ROW(INDEX(Jesper!AJ$2:AJ$366,ROUNDDOWN($C7280/24,0)+1,1))-1)+IF('Standard Profiles'!$G$20=$B$10,7,0)+IF('Standard Profiles'!$G$20=$B$17,14,0)+IF('Standard Profiles'!$G$20=$B$24,21,0),MOD($C7280,24)+1)/SUM(INDEX($D$3:$AA$30,INDEX(Jesper!$R$2:$R$366,ROW(INDEX(Jesper!AJ$2:AJ$366,ROUNDDOWN($C7280/24,0)+1,1))-1)+IF('Standard Profiles'!$G$20=$B$10,7,0)+IF('Standard Profiles'!$G$20=$B$17,14,0)+IF('Standard Profiles'!$G$20=$B$24,21,0),0)),0)</f>
        <v>0</v>
      </c>
      <c r="G7280" cm="1">
        <f t="array" ref="G7280">IFERROR(INDEX(Jesper!AK$2:AK$366,ROUNDDOWN($C7280/24,0)+1,1)*INDEX($D$3:$AA$30,INDEX(Jesper!$R$2:$R$366,ROW(INDEX(Jesper!AK$2:AK$366,ROUNDDOWN($C7280/24,0)+1,1))-1)+IF('Standard Profiles'!$G$21=$B$10,7,0)+IF('Standard Profiles'!$G$21=$B$17,14,0)+IF('Standard Profiles'!$G$21=$B$24,21,0),MOD($C7280,24)+1)/SUM(INDEX($D$3:$AA$30,INDEX(Jesper!$R$2:$R$366,ROW(INDEX(Jesper!AK$2:AK$366,ROUNDDOWN($C7280/24,0)+1,1))-1)+IF('Standard Profiles'!$G$21=$B$10,7,0)+IF('Standard Profiles'!$G$21=$B$17,14,0)+IF('Standard Profiles'!$G$21=$B$24,21,0),0)),0)</f>
        <v>0</v>
      </c>
      <c r="H7280" cm="1">
        <f t="array" ref="H7280">IFERROR(INDEX(Jesper!AL$2:AL$366,ROUNDDOWN($C7280/24,0)+1,1)*INDEX($D$3:$AA$30,INDEX(Jesper!$R$2:$R$366,ROW(INDEX(Jesper!AL$2:AL$366,ROUNDDOWN($C7280/24,0)+1,1))-1)+IF('Standard Profiles'!$G$22=$B$10,7,0)+IF('Standard Profiles'!$G$22=$B$17,14,0)+IF('Standard Profiles'!$G$22=$B$24,21,0),MOD($C7280,24)+1)/SUM(INDEX($D$3:$AA$30,INDEX(Jesper!$R$2:$R$366,ROW(INDEX(Jesper!AL$2:AL$366,ROUNDDOWN($C7280/24,0)+1,1))-1)+IF('Standard Profiles'!$G$22=$B$10,7,0)+IF('Standard Profiles'!$G$22=$B$17,14,0)+IF('Standard Profiles'!$G$22=$B$24,21,0),0)),0)</f>
        <v>0</v>
      </c>
      <c r="I7280">
        <f t="shared" si="811"/>
        <v>0.25736719322138918</v>
      </c>
      <c r="J7280">
        <f t="shared" si="812"/>
        <v>0.85789064407129745</v>
      </c>
      <c r="K7280">
        <f t="shared" si="813"/>
        <v>1.2868359661069459</v>
      </c>
      <c r="L7280">
        <f t="shared" si="814"/>
        <v>6.1768126373133407</v>
      </c>
      <c r="M7280">
        <f t="shared" si="815"/>
        <v>0</v>
      </c>
      <c r="N7280" s="46">
        <f t="shared" si="816"/>
        <v>45593.916666649093</v>
      </c>
    </row>
    <row r="7281" spans="2:14" x14ac:dyDescent="0.3">
      <c r="B7281">
        <f t="shared" si="810"/>
        <v>1</v>
      </c>
      <c r="C7281" s="16">
        <v>7247</v>
      </c>
      <c r="D7281" cm="1">
        <f t="array" ref="D7281">IFERROR(INDEX(Jesper!AH$2:AH$366,ROUNDDOWN($C7281/24,0)+1,1)*INDEX($D$3:$AA$30,INDEX(Jesper!$R$2:$R$366,ROW(INDEX(Jesper!AH$2:AH$366,ROUNDDOWN($C7281/24,0)+1,1))-1)+IF('Standard Profiles'!$G$18=$B$10,7,0)+IF('Standard Profiles'!$G$18=$B$17,14,0)+IF('Standard Profiles'!$G$18=$B$24,21,0),MOD($C7281,24)+1)/SUM(INDEX($D$3:$AA$30,INDEX(Jesper!$R$2:$R$366,ROW(INDEX(Jesper!AH$2:AH$366,ROUNDDOWN($C7281/24,0)+1,1))-1)+IF('Standard Profiles'!$G$18=$B$10,7,0)+IF('Standard Profiles'!$G$18=$B$17,14,0)+IF('Standard Profiles'!$G$18=$B$24,21,0),0)),0)</f>
        <v>8.5789064407129736</v>
      </c>
      <c r="E7281" cm="1">
        <f t="array" ref="E7281">IFERROR(INDEX(Jesper!AI$2:AI$366,ROUNDDOWN($C7281/24,0)+1,1)*INDEX($D$3:$AA$30,INDEX(Jesper!$R$2:$R$366,ROW(INDEX(Jesper!AI$2:AI$366,ROUNDDOWN($C7281/24,0)+1,1))-1)+IF('Standard Profiles'!$G$19=$B$10,7,0)+IF('Standard Profiles'!$G$19=$B$17,14,0)+IF('Standard Profiles'!$G$19=$B$24,21,0),MOD($C7281,24)+1)/SUM(INDEX($D$3:$AA$30,INDEX(Jesper!$R$2:$R$366,ROW(INDEX(Jesper!AI$2:AI$366,ROUNDDOWN($C7281/24,0)+1,1))-1)+IF('Standard Profiles'!$G$19=$B$10,7,0)+IF('Standard Profiles'!$G$19=$B$17,14,0)+IF('Standard Profiles'!$G$19=$B$24,21,0),0)),0)</f>
        <v>0</v>
      </c>
      <c r="F7281" cm="1">
        <f t="array" ref="F7281">IFERROR(INDEX(Jesper!AJ$2:AJ$366,ROUNDDOWN($C7281/24,0)+1,1)*INDEX($D$3:$AA$30,INDEX(Jesper!$R$2:$R$366,ROW(INDEX(Jesper!AJ$2:AJ$366,ROUNDDOWN($C7281/24,0)+1,1))-1)+IF('Standard Profiles'!$G$20=$B$10,7,0)+IF('Standard Profiles'!$G$20=$B$17,14,0)+IF('Standard Profiles'!$G$20=$B$24,21,0),MOD($C7281,24)+1)/SUM(INDEX($D$3:$AA$30,INDEX(Jesper!$R$2:$R$366,ROW(INDEX(Jesper!AJ$2:AJ$366,ROUNDDOWN($C7281/24,0)+1,1))-1)+IF('Standard Profiles'!$G$20=$B$10,7,0)+IF('Standard Profiles'!$G$20=$B$17,14,0)+IF('Standard Profiles'!$G$20=$B$24,21,0),0)),0)</f>
        <v>0</v>
      </c>
      <c r="G7281" cm="1">
        <f t="array" ref="G7281">IFERROR(INDEX(Jesper!AK$2:AK$366,ROUNDDOWN($C7281/24,0)+1,1)*INDEX($D$3:$AA$30,INDEX(Jesper!$R$2:$R$366,ROW(INDEX(Jesper!AK$2:AK$366,ROUNDDOWN($C7281/24,0)+1,1))-1)+IF('Standard Profiles'!$G$21=$B$10,7,0)+IF('Standard Profiles'!$G$21=$B$17,14,0)+IF('Standard Profiles'!$G$21=$B$24,21,0),MOD($C7281,24)+1)/SUM(INDEX($D$3:$AA$30,INDEX(Jesper!$R$2:$R$366,ROW(INDEX(Jesper!AK$2:AK$366,ROUNDDOWN($C7281/24,0)+1,1))-1)+IF('Standard Profiles'!$G$21=$B$10,7,0)+IF('Standard Profiles'!$G$21=$B$17,14,0)+IF('Standard Profiles'!$G$21=$B$24,21,0),0)),0)</f>
        <v>0</v>
      </c>
      <c r="H7281" cm="1">
        <f t="array" ref="H7281">IFERROR(INDEX(Jesper!AL$2:AL$366,ROUNDDOWN($C7281/24,0)+1,1)*INDEX($D$3:$AA$30,INDEX(Jesper!$R$2:$R$366,ROW(INDEX(Jesper!AL$2:AL$366,ROUNDDOWN($C7281/24,0)+1,1))-1)+IF('Standard Profiles'!$G$22=$B$10,7,0)+IF('Standard Profiles'!$G$22=$B$17,14,0)+IF('Standard Profiles'!$G$22=$B$24,21,0),MOD($C7281,24)+1)/SUM(INDEX($D$3:$AA$30,INDEX(Jesper!$R$2:$R$366,ROW(INDEX(Jesper!AL$2:AL$366,ROUNDDOWN($C7281/24,0)+1,1))-1)+IF('Standard Profiles'!$G$22=$B$10,7,0)+IF('Standard Profiles'!$G$22=$B$17,14,0)+IF('Standard Profiles'!$G$22=$B$24,21,0),0)),0)</f>
        <v>0</v>
      </c>
      <c r="I7281">
        <f t="shared" si="811"/>
        <v>0.25736719322138918</v>
      </c>
      <c r="J7281">
        <f t="shared" si="812"/>
        <v>0.85789064407129745</v>
      </c>
      <c r="K7281">
        <f t="shared" si="813"/>
        <v>1.2868359661069459</v>
      </c>
      <c r="L7281">
        <f t="shared" si="814"/>
        <v>6.1768126373133407</v>
      </c>
      <c r="M7281">
        <f t="shared" si="815"/>
        <v>0</v>
      </c>
      <c r="N7281" s="46">
        <f t="shared" si="816"/>
        <v>45593.958333315757</v>
      </c>
    </row>
    <row r="7282" spans="2:14" x14ac:dyDescent="0.3">
      <c r="B7282">
        <f t="shared" si="810"/>
        <v>2</v>
      </c>
      <c r="C7282" s="16">
        <v>7248</v>
      </c>
      <c r="D7282" cm="1">
        <f t="array" ref="D7282">IFERROR(INDEX(Jesper!AH$2:AH$366,ROUNDDOWN($C7282/24,0)+1,1)*INDEX($D$3:$AA$30,INDEX(Jesper!$R$2:$R$366,ROW(INDEX(Jesper!AH$2:AH$366,ROUNDDOWN($C7282/24,0)+1,1))-1)+IF('Standard Profiles'!$G$18=$B$10,7,0)+IF('Standard Profiles'!$G$18=$B$17,14,0)+IF('Standard Profiles'!$G$18=$B$24,21,0),MOD($C7282,24)+1)/SUM(INDEX($D$3:$AA$30,INDEX(Jesper!$R$2:$R$366,ROW(INDEX(Jesper!AH$2:AH$366,ROUNDDOWN($C7282/24,0)+1,1))-1)+IF('Standard Profiles'!$G$18=$B$10,7,0)+IF('Standard Profiles'!$G$18=$B$17,14,0)+IF('Standard Profiles'!$G$18=$B$24,21,0),0)),0)</f>
        <v>8.1247798598388048</v>
      </c>
      <c r="E7282" cm="1">
        <f t="array" ref="E7282">IFERROR(INDEX(Jesper!AI$2:AI$366,ROUNDDOWN($C7282/24,0)+1,1)*INDEX($D$3:$AA$30,INDEX(Jesper!$R$2:$R$366,ROW(INDEX(Jesper!AI$2:AI$366,ROUNDDOWN($C7282/24,0)+1,1))-1)+IF('Standard Profiles'!$G$19=$B$10,7,0)+IF('Standard Profiles'!$G$19=$B$17,14,0)+IF('Standard Profiles'!$G$19=$B$24,21,0),MOD($C7282,24)+1)/SUM(INDEX($D$3:$AA$30,INDEX(Jesper!$R$2:$R$366,ROW(INDEX(Jesper!AI$2:AI$366,ROUNDDOWN($C7282/24,0)+1,1))-1)+IF('Standard Profiles'!$G$19=$B$10,7,0)+IF('Standard Profiles'!$G$19=$B$17,14,0)+IF('Standard Profiles'!$G$19=$B$24,21,0),0)),0)</f>
        <v>0</v>
      </c>
      <c r="F7282" cm="1">
        <f t="array" ref="F7282">IFERROR(INDEX(Jesper!AJ$2:AJ$366,ROUNDDOWN($C7282/24,0)+1,1)*INDEX($D$3:$AA$30,INDEX(Jesper!$R$2:$R$366,ROW(INDEX(Jesper!AJ$2:AJ$366,ROUNDDOWN($C7282/24,0)+1,1))-1)+IF('Standard Profiles'!$G$20=$B$10,7,0)+IF('Standard Profiles'!$G$20=$B$17,14,0)+IF('Standard Profiles'!$G$20=$B$24,21,0),MOD($C7282,24)+1)/SUM(INDEX($D$3:$AA$30,INDEX(Jesper!$R$2:$R$366,ROW(INDEX(Jesper!AJ$2:AJ$366,ROUNDDOWN($C7282/24,0)+1,1))-1)+IF('Standard Profiles'!$G$20=$B$10,7,0)+IF('Standard Profiles'!$G$20=$B$17,14,0)+IF('Standard Profiles'!$G$20=$B$24,21,0),0)),0)</f>
        <v>0</v>
      </c>
      <c r="G7282" cm="1">
        <f t="array" ref="G7282">IFERROR(INDEX(Jesper!AK$2:AK$366,ROUNDDOWN($C7282/24,0)+1,1)*INDEX($D$3:$AA$30,INDEX(Jesper!$R$2:$R$366,ROW(INDEX(Jesper!AK$2:AK$366,ROUNDDOWN($C7282/24,0)+1,1))-1)+IF('Standard Profiles'!$G$21=$B$10,7,0)+IF('Standard Profiles'!$G$21=$B$17,14,0)+IF('Standard Profiles'!$G$21=$B$24,21,0),MOD($C7282,24)+1)/SUM(INDEX($D$3:$AA$30,INDEX(Jesper!$R$2:$R$366,ROW(INDEX(Jesper!AK$2:AK$366,ROUNDDOWN($C7282/24,0)+1,1))-1)+IF('Standard Profiles'!$G$21=$B$10,7,0)+IF('Standard Profiles'!$G$21=$B$17,14,0)+IF('Standard Profiles'!$G$21=$B$24,21,0),0)),0)</f>
        <v>0</v>
      </c>
      <c r="H7282" cm="1">
        <f t="array" ref="H7282">IFERROR(INDEX(Jesper!AL$2:AL$366,ROUNDDOWN($C7282/24,0)+1,1)*INDEX($D$3:$AA$30,INDEX(Jesper!$R$2:$R$366,ROW(INDEX(Jesper!AL$2:AL$366,ROUNDDOWN($C7282/24,0)+1,1))-1)+IF('Standard Profiles'!$G$22=$B$10,7,0)+IF('Standard Profiles'!$G$22=$B$17,14,0)+IF('Standard Profiles'!$G$22=$B$24,21,0),MOD($C7282,24)+1)/SUM(INDEX($D$3:$AA$30,INDEX(Jesper!$R$2:$R$366,ROW(INDEX(Jesper!AL$2:AL$366,ROUNDDOWN($C7282/24,0)+1,1))-1)+IF('Standard Profiles'!$G$22=$B$10,7,0)+IF('Standard Profiles'!$G$22=$B$17,14,0)+IF('Standard Profiles'!$G$22=$B$24,21,0),0)),0)</f>
        <v>0</v>
      </c>
      <c r="I7282">
        <f t="shared" si="811"/>
        <v>0.24374339579516413</v>
      </c>
      <c r="J7282">
        <f t="shared" si="812"/>
        <v>0.81247798598388055</v>
      </c>
      <c r="K7282">
        <f t="shared" si="813"/>
        <v>1.2187169789758208</v>
      </c>
      <c r="L7282">
        <f t="shared" si="814"/>
        <v>5.8498414990839391</v>
      </c>
      <c r="M7282">
        <f t="shared" si="815"/>
        <v>0</v>
      </c>
      <c r="N7282" s="46">
        <f t="shared" si="816"/>
        <v>45593.999999982421</v>
      </c>
    </row>
    <row r="7283" spans="2:14" x14ac:dyDescent="0.3">
      <c r="B7283">
        <f t="shared" si="810"/>
        <v>2</v>
      </c>
      <c r="C7283" s="16">
        <v>7249</v>
      </c>
      <c r="D7283" cm="1">
        <f t="array" ref="D7283">IFERROR(INDEX(Jesper!AH$2:AH$366,ROUNDDOWN($C7283/24,0)+1,1)*INDEX($D$3:$AA$30,INDEX(Jesper!$R$2:$R$366,ROW(INDEX(Jesper!AH$2:AH$366,ROUNDDOWN($C7283/24,0)+1,1))-1)+IF('Standard Profiles'!$G$18=$B$10,7,0)+IF('Standard Profiles'!$G$18=$B$17,14,0)+IF('Standard Profiles'!$G$18=$B$24,21,0),MOD($C7283,24)+1)/SUM(INDEX($D$3:$AA$30,INDEX(Jesper!$R$2:$R$366,ROW(INDEX(Jesper!AH$2:AH$366,ROUNDDOWN($C7283/24,0)+1,1))-1)+IF('Standard Profiles'!$G$18=$B$10,7,0)+IF('Standard Profiles'!$G$18=$B$17,14,0)+IF('Standard Profiles'!$G$18=$B$24,21,0),0)),0)</f>
        <v>8.1247798598388048</v>
      </c>
      <c r="E7283" cm="1">
        <f t="array" ref="E7283">IFERROR(INDEX(Jesper!AI$2:AI$366,ROUNDDOWN($C7283/24,0)+1,1)*INDEX($D$3:$AA$30,INDEX(Jesper!$R$2:$R$366,ROW(INDEX(Jesper!AI$2:AI$366,ROUNDDOWN($C7283/24,0)+1,1))-1)+IF('Standard Profiles'!$G$19=$B$10,7,0)+IF('Standard Profiles'!$G$19=$B$17,14,0)+IF('Standard Profiles'!$G$19=$B$24,21,0),MOD($C7283,24)+1)/SUM(INDEX($D$3:$AA$30,INDEX(Jesper!$R$2:$R$366,ROW(INDEX(Jesper!AI$2:AI$366,ROUNDDOWN($C7283/24,0)+1,1))-1)+IF('Standard Profiles'!$G$19=$B$10,7,0)+IF('Standard Profiles'!$G$19=$B$17,14,0)+IF('Standard Profiles'!$G$19=$B$24,21,0),0)),0)</f>
        <v>0</v>
      </c>
      <c r="F7283" cm="1">
        <f t="array" ref="F7283">IFERROR(INDEX(Jesper!AJ$2:AJ$366,ROUNDDOWN($C7283/24,0)+1,1)*INDEX($D$3:$AA$30,INDEX(Jesper!$R$2:$R$366,ROW(INDEX(Jesper!AJ$2:AJ$366,ROUNDDOWN($C7283/24,0)+1,1))-1)+IF('Standard Profiles'!$G$20=$B$10,7,0)+IF('Standard Profiles'!$G$20=$B$17,14,0)+IF('Standard Profiles'!$G$20=$B$24,21,0),MOD($C7283,24)+1)/SUM(INDEX($D$3:$AA$30,INDEX(Jesper!$R$2:$R$366,ROW(INDEX(Jesper!AJ$2:AJ$366,ROUNDDOWN($C7283/24,0)+1,1))-1)+IF('Standard Profiles'!$G$20=$B$10,7,0)+IF('Standard Profiles'!$G$20=$B$17,14,0)+IF('Standard Profiles'!$G$20=$B$24,21,0),0)),0)</f>
        <v>0</v>
      </c>
      <c r="G7283" cm="1">
        <f t="array" ref="G7283">IFERROR(INDEX(Jesper!AK$2:AK$366,ROUNDDOWN($C7283/24,0)+1,1)*INDEX($D$3:$AA$30,INDEX(Jesper!$R$2:$R$366,ROW(INDEX(Jesper!AK$2:AK$366,ROUNDDOWN($C7283/24,0)+1,1))-1)+IF('Standard Profiles'!$G$21=$B$10,7,0)+IF('Standard Profiles'!$G$21=$B$17,14,0)+IF('Standard Profiles'!$G$21=$B$24,21,0),MOD($C7283,24)+1)/SUM(INDEX($D$3:$AA$30,INDEX(Jesper!$R$2:$R$366,ROW(INDEX(Jesper!AK$2:AK$366,ROUNDDOWN($C7283/24,0)+1,1))-1)+IF('Standard Profiles'!$G$21=$B$10,7,0)+IF('Standard Profiles'!$G$21=$B$17,14,0)+IF('Standard Profiles'!$G$21=$B$24,21,0),0)),0)</f>
        <v>0</v>
      </c>
      <c r="H7283" cm="1">
        <f t="array" ref="H7283">IFERROR(INDEX(Jesper!AL$2:AL$366,ROUNDDOWN($C7283/24,0)+1,1)*INDEX($D$3:$AA$30,INDEX(Jesper!$R$2:$R$366,ROW(INDEX(Jesper!AL$2:AL$366,ROUNDDOWN($C7283/24,0)+1,1))-1)+IF('Standard Profiles'!$G$22=$B$10,7,0)+IF('Standard Profiles'!$G$22=$B$17,14,0)+IF('Standard Profiles'!$G$22=$B$24,21,0),MOD($C7283,24)+1)/SUM(INDEX($D$3:$AA$30,INDEX(Jesper!$R$2:$R$366,ROW(INDEX(Jesper!AL$2:AL$366,ROUNDDOWN($C7283/24,0)+1,1))-1)+IF('Standard Profiles'!$G$22=$B$10,7,0)+IF('Standard Profiles'!$G$22=$B$17,14,0)+IF('Standard Profiles'!$G$22=$B$24,21,0),0)),0)</f>
        <v>0</v>
      </c>
      <c r="I7283">
        <f t="shared" si="811"/>
        <v>0.24374339579516413</v>
      </c>
      <c r="J7283">
        <f t="shared" si="812"/>
        <v>0.81247798598388055</v>
      </c>
      <c r="K7283">
        <f t="shared" si="813"/>
        <v>1.2187169789758208</v>
      </c>
      <c r="L7283">
        <f t="shared" si="814"/>
        <v>5.8498414990839391</v>
      </c>
      <c r="M7283">
        <f t="shared" si="815"/>
        <v>0</v>
      </c>
      <c r="N7283" s="46">
        <f t="shared" si="816"/>
        <v>45594.041666649086</v>
      </c>
    </row>
    <row r="7284" spans="2:14" x14ac:dyDescent="0.3">
      <c r="B7284">
        <f t="shared" si="810"/>
        <v>2</v>
      </c>
      <c r="C7284" s="16">
        <v>7250</v>
      </c>
      <c r="D7284" cm="1">
        <f t="array" ref="D7284">IFERROR(INDEX(Jesper!AH$2:AH$366,ROUNDDOWN($C7284/24,0)+1,1)*INDEX($D$3:$AA$30,INDEX(Jesper!$R$2:$R$366,ROW(INDEX(Jesper!AH$2:AH$366,ROUNDDOWN($C7284/24,0)+1,1))-1)+IF('Standard Profiles'!$G$18=$B$10,7,0)+IF('Standard Profiles'!$G$18=$B$17,14,0)+IF('Standard Profiles'!$G$18=$B$24,21,0),MOD($C7284,24)+1)/SUM(INDEX($D$3:$AA$30,INDEX(Jesper!$R$2:$R$366,ROW(INDEX(Jesper!AH$2:AH$366,ROUNDDOWN($C7284/24,0)+1,1))-1)+IF('Standard Profiles'!$G$18=$B$10,7,0)+IF('Standard Profiles'!$G$18=$B$17,14,0)+IF('Standard Profiles'!$G$18=$B$24,21,0),0)),0)</f>
        <v>8.1247798598388048</v>
      </c>
      <c r="E7284" cm="1">
        <f t="array" ref="E7284">IFERROR(INDEX(Jesper!AI$2:AI$366,ROUNDDOWN($C7284/24,0)+1,1)*INDEX($D$3:$AA$30,INDEX(Jesper!$R$2:$R$366,ROW(INDEX(Jesper!AI$2:AI$366,ROUNDDOWN($C7284/24,0)+1,1))-1)+IF('Standard Profiles'!$G$19=$B$10,7,0)+IF('Standard Profiles'!$G$19=$B$17,14,0)+IF('Standard Profiles'!$G$19=$B$24,21,0),MOD($C7284,24)+1)/SUM(INDEX($D$3:$AA$30,INDEX(Jesper!$R$2:$R$366,ROW(INDEX(Jesper!AI$2:AI$366,ROUNDDOWN($C7284/24,0)+1,1))-1)+IF('Standard Profiles'!$G$19=$B$10,7,0)+IF('Standard Profiles'!$G$19=$B$17,14,0)+IF('Standard Profiles'!$G$19=$B$24,21,0),0)),0)</f>
        <v>0</v>
      </c>
      <c r="F7284" cm="1">
        <f t="array" ref="F7284">IFERROR(INDEX(Jesper!AJ$2:AJ$366,ROUNDDOWN($C7284/24,0)+1,1)*INDEX($D$3:$AA$30,INDEX(Jesper!$R$2:$R$366,ROW(INDEX(Jesper!AJ$2:AJ$366,ROUNDDOWN($C7284/24,0)+1,1))-1)+IF('Standard Profiles'!$G$20=$B$10,7,0)+IF('Standard Profiles'!$G$20=$B$17,14,0)+IF('Standard Profiles'!$G$20=$B$24,21,0),MOD($C7284,24)+1)/SUM(INDEX($D$3:$AA$30,INDEX(Jesper!$R$2:$R$366,ROW(INDEX(Jesper!AJ$2:AJ$366,ROUNDDOWN($C7284/24,0)+1,1))-1)+IF('Standard Profiles'!$G$20=$B$10,7,0)+IF('Standard Profiles'!$G$20=$B$17,14,0)+IF('Standard Profiles'!$G$20=$B$24,21,0),0)),0)</f>
        <v>0</v>
      </c>
      <c r="G7284" cm="1">
        <f t="array" ref="G7284">IFERROR(INDEX(Jesper!AK$2:AK$366,ROUNDDOWN($C7284/24,0)+1,1)*INDEX($D$3:$AA$30,INDEX(Jesper!$R$2:$R$366,ROW(INDEX(Jesper!AK$2:AK$366,ROUNDDOWN($C7284/24,0)+1,1))-1)+IF('Standard Profiles'!$G$21=$B$10,7,0)+IF('Standard Profiles'!$G$21=$B$17,14,0)+IF('Standard Profiles'!$G$21=$B$24,21,0),MOD($C7284,24)+1)/SUM(INDEX($D$3:$AA$30,INDEX(Jesper!$R$2:$R$366,ROW(INDEX(Jesper!AK$2:AK$366,ROUNDDOWN($C7284/24,0)+1,1))-1)+IF('Standard Profiles'!$G$21=$B$10,7,0)+IF('Standard Profiles'!$G$21=$B$17,14,0)+IF('Standard Profiles'!$G$21=$B$24,21,0),0)),0)</f>
        <v>0</v>
      </c>
      <c r="H7284" cm="1">
        <f t="array" ref="H7284">IFERROR(INDEX(Jesper!AL$2:AL$366,ROUNDDOWN($C7284/24,0)+1,1)*INDEX($D$3:$AA$30,INDEX(Jesper!$R$2:$R$366,ROW(INDEX(Jesper!AL$2:AL$366,ROUNDDOWN($C7284/24,0)+1,1))-1)+IF('Standard Profiles'!$G$22=$B$10,7,0)+IF('Standard Profiles'!$G$22=$B$17,14,0)+IF('Standard Profiles'!$G$22=$B$24,21,0),MOD($C7284,24)+1)/SUM(INDEX($D$3:$AA$30,INDEX(Jesper!$R$2:$R$366,ROW(INDEX(Jesper!AL$2:AL$366,ROUNDDOWN($C7284/24,0)+1,1))-1)+IF('Standard Profiles'!$G$22=$B$10,7,0)+IF('Standard Profiles'!$G$22=$B$17,14,0)+IF('Standard Profiles'!$G$22=$B$24,21,0),0)),0)</f>
        <v>0</v>
      </c>
      <c r="I7284">
        <f t="shared" si="811"/>
        <v>0.24374339579516413</v>
      </c>
      <c r="J7284">
        <f t="shared" si="812"/>
        <v>0.81247798598388055</v>
      </c>
      <c r="K7284">
        <f t="shared" si="813"/>
        <v>1.2187169789758208</v>
      </c>
      <c r="L7284">
        <f t="shared" si="814"/>
        <v>5.8498414990839391</v>
      </c>
      <c r="M7284">
        <f t="shared" si="815"/>
        <v>0</v>
      </c>
      <c r="N7284" s="46">
        <f t="shared" si="816"/>
        <v>45594.08333331575</v>
      </c>
    </row>
    <row r="7285" spans="2:14" x14ac:dyDescent="0.3">
      <c r="B7285">
        <f t="shared" si="810"/>
        <v>2</v>
      </c>
      <c r="C7285" s="16">
        <v>7251</v>
      </c>
      <c r="D7285" cm="1">
        <f t="array" ref="D7285">IFERROR(INDEX(Jesper!AH$2:AH$366,ROUNDDOWN($C7285/24,0)+1,1)*INDEX($D$3:$AA$30,INDEX(Jesper!$R$2:$R$366,ROW(INDEX(Jesper!AH$2:AH$366,ROUNDDOWN($C7285/24,0)+1,1))-1)+IF('Standard Profiles'!$G$18=$B$10,7,0)+IF('Standard Profiles'!$G$18=$B$17,14,0)+IF('Standard Profiles'!$G$18=$B$24,21,0),MOD($C7285,24)+1)/SUM(INDEX($D$3:$AA$30,INDEX(Jesper!$R$2:$R$366,ROW(INDEX(Jesper!AH$2:AH$366,ROUNDDOWN($C7285/24,0)+1,1))-1)+IF('Standard Profiles'!$G$18=$B$10,7,0)+IF('Standard Profiles'!$G$18=$B$17,14,0)+IF('Standard Profiles'!$G$18=$B$24,21,0),0)),0)</f>
        <v>8.1247798598388048</v>
      </c>
      <c r="E7285" cm="1">
        <f t="array" ref="E7285">IFERROR(INDEX(Jesper!AI$2:AI$366,ROUNDDOWN($C7285/24,0)+1,1)*INDEX($D$3:$AA$30,INDEX(Jesper!$R$2:$R$366,ROW(INDEX(Jesper!AI$2:AI$366,ROUNDDOWN($C7285/24,0)+1,1))-1)+IF('Standard Profiles'!$G$19=$B$10,7,0)+IF('Standard Profiles'!$G$19=$B$17,14,0)+IF('Standard Profiles'!$G$19=$B$24,21,0),MOD($C7285,24)+1)/SUM(INDEX($D$3:$AA$30,INDEX(Jesper!$R$2:$R$366,ROW(INDEX(Jesper!AI$2:AI$366,ROUNDDOWN($C7285/24,0)+1,1))-1)+IF('Standard Profiles'!$G$19=$B$10,7,0)+IF('Standard Profiles'!$G$19=$B$17,14,0)+IF('Standard Profiles'!$G$19=$B$24,21,0),0)),0)</f>
        <v>0</v>
      </c>
      <c r="F7285" cm="1">
        <f t="array" ref="F7285">IFERROR(INDEX(Jesper!AJ$2:AJ$366,ROUNDDOWN($C7285/24,0)+1,1)*INDEX($D$3:$AA$30,INDEX(Jesper!$R$2:$R$366,ROW(INDEX(Jesper!AJ$2:AJ$366,ROUNDDOWN($C7285/24,0)+1,1))-1)+IF('Standard Profiles'!$G$20=$B$10,7,0)+IF('Standard Profiles'!$G$20=$B$17,14,0)+IF('Standard Profiles'!$G$20=$B$24,21,0),MOD($C7285,24)+1)/SUM(INDEX($D$3:$AA$30,INDEX(Jesper!$R$2:$R$366,ROW(INDEX(Jesper!AJ$2:AJ$366,ROUNDDOWN($C7285/24,0)+1,1))-1)+IF('Standard Profiles'!$G$20=$B$10,7,0)+IF('Standard Profiles'!$G$20=$B$17,14,0)+IF('Standard Profiles'!$G$20=$B$24,21,0),0)),0)</f>
        <v>0</v>
      </c>
      <c r="G7285" cm="1">
        <f t="array" ref="G7285">IFERROR(INDEX(Jesper!AK$2:AK$366,ROUNDDOWN($C7285/24,0)+1,1)*INDEX($D$3:$AA$30,INDEX(Jesper!$R$2:$R$366,ROW(INDEX(Jesper!AK$2:AK$366,ROUNDDOWN($C7285/24,0)+1,1))-1)+IF('Standard Profiles'!$G$21=$B$10,7,0)+IF('Standard Profiles'!$G$21=$B$17,14,0)+IF('Standard Profiles'!$G$21=$B$24,21,0),MOD($C7285,24)+1)/SUM(INDEX($D$3:$AA$30,INDEX(Jesper!$R$2:$R$366,ROW(INDEX(Jesper!AK$2:AK$366,ROUNDDOWN($C7285/24,0)+1,1))-1)+IF('Standard Profiles'!$G$21=$B$10,7,0)+IF('Standard Profiles'!$G$21=$B$17,14,0)+IF('Standard Profiles'!$G$21=$B$24,21,0),0)),0)</f>
        <v>0</v>
      </c>
      <c r="H7285" cm="1">
        <f t="array" ref="H7285">IFERROR(INDEX(Jesper!AL$2:AL$366,ROUNDDOWN($C7285/24,0)+1,1)*INDEX($D$3:$AA$30,INDEX(Jesper!$R$2:$R$366,ROW(INDEX(Jesper!AL$2:AL$366,ROUNDDOWN($C7285/24,0)+1,1))-1)+IF('Standard Profiles'!$G$22=$B$10,7,0)+IF('Standard Profiles'!$G$22=$B$17,14,0)+IF('Standard Profiles'!$G$22=$B$24,21,0),MOD($C7285,24)+1)/SUM(INDEX($D$3:$AA$30,INDEX(Jesper!$R$2:$R$366,ROW(INDEX(Jesper!AL$2:AL$366,ROUNDDOWN($C7285/24,0)+1,1))-1)+IF('Standard Profiles'!$G$22=$B$10,7,0)+IF('Standard Profiles'!$G$22=$B$17,14,0)+IF('Standard Profiles'!$G$22=$B$24,21,0),0)),0)</f>
        <v>0</v>
      </c>
      <c r="I7285">
        <f t="shared" si="811"/>
        <v>0.24374339579516413</v>
      </c>
      <c r="J7285">
        <f t="shared" si="812"/>
        <v>0.81247798598388055</v>
      </c>
      <c r="K7285">
        <f t="shared" si="813"/>
        <v>1.2187169789758208</v>
      </c>
      <c r="L7285">
        <f t="shared" si="814"/>
        <v>5.8498414990839391</v>
      </c>
      <c r="M7285">
        <f t="shared" si="815"/>
        <v>0</v>
      </c>
      <c r="N7285" s="46">
        <f t="shared" si="816"/>
        <v>45594.124999982414</v>
      </c>
    </row>
    <row r="7286" spans="2:14" x14ac:dyDescent="0.3">
      <c r="B7286">
        <f t="shared" si="810"/>
        <v>2</v>
      </c>
      <c r="C7286" s="16">
        <v>7252</v>
      </c>
      <c r="D7286" cm="1">
        <f t="array" ref="D7286">IFERROR(INDEX(Jesper!AH$2:AH$366,ROUNDDOWN($C7286/24,0)+1,1)*INDEX($D$3:$AA$30,INDEX(Jesper!$R$2:$R$366,ROW(INDEX(Jesper!AH$2:AH$366,ROUNDDOWN($C7286/24,0)+1,1))-1)+IF('Standard Profiles'!$G$18=$B$10,7,0)+IF('Standard Profiles'!$G$18=$B$17,14,0)+IF('Standard Profiles'!$G$18=$B$24,21,0),MOD($C7286,24)+1)/SUM(INDEX($D$3:$AA$30,INDEX(Jesper!$R$2:$R$366,ROW(INDEX(Jesper!AH$2:AH$366,ROUNDDOWN($C7286/24,0)+1,1))-1)+IF('Standard Profiles'!$G$18=$B$10,7,0)+IF('Standard Profiles'!$G$18=$B$17,14,0)+IF('Standard Profiles'!$G$18=$B$24,21,0),0)),0)</f>
        <v>8.1247798598388048</v>
      </c>
      <c r="E7286" cm="1">
        <f t="array" ref="E7286">IFERROR(INDEX(Jesper!AI$2:AI$366,ROUNDDOWN($C7286/24,0)+1,1)*INDEX($D$3:$AA$30,INDEX(Jesper!$R$2:$R$366,ROW(INDEX(Jesper!AI$2:AI$366,ROUNDDOWN($C7286/24,0)+1,1))-1)+IF('Standard Profiles'!$G$19=$B$10,7,0)+IF('Standard Profiles'!$G$19=$B$17,14,0)+IF('Standard Profiles'!$G$19=$B$24,21,0),MOD($C7286,24)+1)/SUM(INDEX($D$3:$AA$30,INDEX(Jesper!$R$2:$R$366,ROW(INDEX(Jesper!AI$2:AI$366,ROUNDDOWN($C7286/24,0)+1,1))-1)+IF('Standard Profiles'!$G$19=$B$10,7,0)+IF('Standard Profiles'!$G$19=$B$17,14,0)+IF('Standard Profiles'!$G$19=$B$24,21,0),0)),0)</f>
        <v>0</v>
      </c>
      <c r="F7286" cm="1">
        <f t="array" ref="F7286">IFERROR(INDEX(Jesper!AJ$2:AJ$366,ROUNDDOWN($C7286/24,0)+1,1)*INDEX($D$3:$AA$30,INDEX(Jesper!$R$2:$R$366,ROW(INDEX(Jesper!AJ$2:AJ$366,ROUNDDOWN($C7286/24,0)+1,1))-1)+IF('Standard Profiles'!$G$20=$B$10,7,0)+IF('Standard Profiles'!$G$20=$B$17,14,0)+IF('Standard Profiles'!$G$20=$B$24,21,0),MOD($C7286,24)+1)/SUM(INDEX($D$3:$AA$30,INDEX(Jesper!$R$2:$R$366,ROW(INDEX(Jesper!AJ$2:AJ$366,ROUNDDOWN($C7286/24,0)+1,1))-1)+IF('Standard Profiles'!$G$20=$B$10,7,0)+IF('Standard Profiles'!$G$20=$B$17,14,0)+IF('Standard Profiles'!$G$20=$B$24,21,0),0)),0)</f>
        <v>0</v>
      </c>
      <c r="G7286" cm="1">
        <f t="array" ref="G7286">IFERROR(INDEX(Jesper!AK$2:AK$366,ROUNDDOWN($C7286/24,0)+1,1)*INDEX($D$3:$AA$30,INDEX(Jesper!$R$2:$R$366,ROW(INDEX(Jesper!AK$2:AK$366,ROUNDDOWN($C7286/24,0)+1,1))-1)+IF('Standard Profiles'!$G$21=$B$10,7,0)+IF('Standard Profiles'!$G$21=$B$17,14,0)+IF('Standard Profiles'!$G$21=$B$24,21,0),MOD($C7286,24)+1)/SUM(INDEX($D$3:$AA$30,INDEX(Jesper!$R$2:$R$366,ROW(INDEX(Jesper!AK$2:AK$366,ROUNDDOWN($C7286/24,0)+1,1))-1)+IF('Standard Profiles'!$G$21=$B$10,7,0)+IF('Standard Profiles'!$G$21=$B$17,14,0)+IF('Standard Profiles'!$G$21=$B$24,21,0),0)),0)</f>
        <v>0</v>
      </c>
      <c r="H7286" cm="1">
        <f t="array" ref="H7286">IFERROR(INDEX(Jesper!AL$2:AL$366,ROUNDDOWN($C7286/24,0)+1,1)*INDEX($D$3:$AA$30,INDEX(Jesper!$R$2:$R$366,ROW(INDEX(Jesper!AL$2:AL$366,ROUNDDOWN($C7286/24,0)+1,1))-1)+IF('Standard Profiles'!$G$22=$B$10,7,0)+IF('Standard Profiles'!$G$22=$B$17,14,0)+IF('Standard Profiles'!$G$22=$B$24,21,0),MOD($C7286,24)+1)/SUM(INDEX($D$3:$AA$30,INDEX(Jesper!$R$2:$R$366,ROW(INDEX(Jesper!AL$2:AL$366,ROUNDDOWN($C7286/24,0)+1,1))-1)+IF('Standard Profiles'!$G$22=$B$10,7,0)+IF('Standard Profiles'!$G$22=$B$17,14,0)+IF('Standard Profiles'!$G$22=$B$24,21,0),0)),0)</f>
        <v>0</v>
      </c>
      <c r="I7286">
        <f t="shared" si="811"/>
        <v>0.24374339579516413</v>
      </c>
      <c r="J7286">
        <f t="shared" si="812"/>
        <v>0.81247798598388055</v>
      </c>
      <c r="K7286">
        <f t="shared" si="813"/>
        <v>1.2187169789758208</v>
      </c>
      <c r="L7286">
        <f t="shared" si="814"/>
        <v>5.8498414990839391</v>
      </c>
      <c r="M7286">
        <f t="shared" si="815"/>
        <v>0</v>
      </c>
      <c r="N7286" s="46">
        <f t="shared" si="816"/>
        <v>45594.166666649078</v>
      </c>
    </row>
    <row r="7287" spans="2:14" x14ac:dyDescent="0.3">
      <c r="B7287">
        <f t="shared" si="810"/>
        <v>2</v>
      </c>
      <c r="C7287" s="16">
        <v>7253</v>
      </c>
      <c r="D7287" cm="1">
        <f t="array" ref="D7287">IFERROR(INDEX(Jesper!AH$2:AH$366,ROUNDDOWN($C7287/24,0)+1,1)*INDEX($D$3:$AA$30,INDEX(Jesper!$R$2:$R$366,ROW(INDEX(Jesper!AH$2:AH$366,ROUNDDOWN($C7287/24,0)+1,1))-1)+IF('Standard Profiles'!$G$18=$B$10,7,0)+IF('Standard Profiles'!$G$18=$B$17,14,0)+IF('Standard Profiles'!$G$18=$B$24,21,0),MOD($C7287,24)+1)/SUM(INDEX($D$3:$AA$30,INDEX(Jesper!$R$2:$R$366,ROW(INDEX(Jesper!AH$2:AH$366,ROUNDDOWN($C7287/24,0)+1,1))-1)+IF('Standard Profiles'!$G$18=$B$10,7,0)+IF('Standard Profiles'!$G$18=$B$17,14,0)+IF('Standard Profiles'!$G$18=$B$24,21,0),0)),0)</f>
        <v>10.562213817790445</v>
      </c>
      <c r="E7287" cm="1">
        <f t="array" ref="E7287">IFERROR(INDEX(Jesper!AI$2:AI$366,ROUNDDOWN($C7287/24,0)+1,1)*INDEX($D$3:$AA$30,INDEX(Jesper!$R$2:$R$366,ROW(INDEX(Jesper!AI$2:AI$366,ROUNDDOWN($C7287/24,0)+1,1))-1)+IF('Standard Profiles'!$G$19=$B$10,7,0)+IF('Standard Profiles'!$G$19=$B$17,14,0)+IF('Standard Profiles'!$G$19=$B$24,21,0),MOD($C7287,24)+1)/SUM(INDEX($D$3:$AA$30,INDEX(Jesper!$R$2:$R$366,ROW(INDEX(Jesper!AI$2:AI$366,ROUNDDOWN($C7287/24,0)+1,1))-1)+IF('Standard Profiles'!$G$19=$B$10,7,0)+IF('Standard Profiles'!$G$19=$B$17,14,0)+IF('Standard Profiles'!$G$19=$B$24,21,0),0)),0)</f>
        <v>0</v>
      </c>
      <c r="F7287" cm="1">
        <f t="array" ref="F7287">IFERROR(INDEX(Jesper!AJ$2:AJ$366,ROUNDDOWN($C7287/24,0)+1,1)*INDEX($D$3:$AA$30,INDEX(Jesper!$R$2:$R$366,ROW(INDEX(Jesper!AJ$2:AJ$366,ROUNDDOWN($C7287/24,0)+1,1))-1)+IF('Standard Profiles'!$G$20=$B$10,7,0)+IF('Standard Profiles'!$G$20=$B$17,14,0)+IF('Standard Profiles'!$G$20=$B$24,21,0),MOD($C7287,24)+1)/SUM(INDEX($D$3:$AA$30,INDEX(Jesper!$R$2:$R$366,ROW(INDEX(Jesper!AJ$2:AJ$366,ROUNDDOWN($C7287/24,0)+1,1))-1)+IF('Standard Profiles'!$G$20=$B$10,7,0)+IF('Standard Profiles'!$G$20=$B$17,14,0)+IF('Standard Profiles'!$G$20=$B$24,21,0),0)),0)</f>
        <v>0</v>
      </c>
      <c r="G7287" cm="1">
        <f t="array" ref="G7287">IFERROR(INDEX(Jesper!AK$2:AK$366,ROUNDDOWN($C7287/24,0)+1,1)*INDEX($D$3:$AA$30,INDEX(Jesper!$R$2:$R$366,ROW(INDEX(Jesper!AK$2:AK$366,ROUNDDOWN($C7287/24,0)+1,1))-1)+IF('Standard Profiles'!$G$21=$B$10,7,0)+IF('Standard Profiles'!$G$21=$B$17,14,0)+IF('Standard Profiles'!$G$21=$B$24,21,0),MOD($C7287,24)+1)/SUM(INDEX($D$3:$AA$30,INDEX(Jesper!$R$2:$R$366,ROW(INDEX(Jesper!AK$2:AK$366,ROUNDDOWN($C7287/24,0)+1,1))-1)+IF('Standard Profiles'!$G$21=$B$10,7,0)+IF('Standard Profiles'!$G$21=$B$17,14,0)+IF('Standard Profiles'!$G$21=$B$24,21,0),0)),0)</f>
        <v>0</v>
      </c>
      <c r="H7287" cm="1">
        <f t="array" ref="H7287">IFERROR(INDEX(Jesper!AL$2:AL$366,ROUNDDOWN($C7287/24,0)+1,1)*INDEX($D$3:$AA$30,INDEX(Jesper!$R$2:$R$366,ROW(INDEX(Jesper!AL$2:AL$366,ROUNDDOWN($C7287/24,0)+1,1))-1)+IF('Standard Profiles'!$G$22=$B$10,7,0)+IF('Standard Profiles'!$G$22=$B$17,14,0)+IF('Standard Profiles'!$G$22=$B$24,21,0),MOD($C7287,24)+1)/SUM(INDEX($D$3:$AA$30,INDEX(Jesper!$R$2:$R$366,ROW(INDEX(Jesper!AL$2:AL$366,ROUNDDOWN($C7287/24,0)+1,1))-1)+IF('Standard Profiles'!$G$22=$B$10,7,0)+IF('Standard Profiles'!$G$22=$B$17,14,0)+IF('Standard Profiles'!$G$22=$B$24,21,0),0)),0)</f>
        <v>0</v>
      </c>
      <c r="I7287">
        <f t="shared" si="811"/>
        <v>0.31686641453371334</v>
      </c>
      <c r="J7287">
        <f t="shared" si="812"/>
        <v>1.0562213817790445</v>
      </c>
      <c r="K7287">
        <f t="shared" si="813"/>
        <v>1.5843320726685668</v>
      </c>
      <c r="L7287">
        <f t="shared" si="814"/>
        <v>7.6047939488091201</v>
      </c>
      <c r="M7287">
        <f t="shared" si="815"/>
        <v>0</v>
      </c>
      <c r="N7287" s="46">
        <f t="shared" si="816"/>
        <v>45594.208333315742</v>
      </c>
    </row>
    <row r="7288" spans="2:14" x14ac:dyDescent="0.3">
      <c r="B7288">
        <f t="shared" si="810"/>
        <v>2</v>
      </c>
      <c r="C7288" s="16">
        <v>7254</v>
      </c>
      <c r="D7288" cm="1">
        <f t="array" ref="D7288">IFERROR(INDEX(Jesper!AH$2:AH$366,ROUNDDOWN($C7288/24,0)+1,1)*INDEX($D$3:$AA$30,INDEX(Jesper!$R$2:$R$366,ROW(INDEX(Jesper!AH$2:AH$366,ROUNDDOWN($C7288/24,0)+1,1))-1)+IF('Standard Profiles'!$G$18=$B$10,7,0)+IF('Standard Profiles'!$G$18=$B$17,14,0)+IF('Standard Profiles'!$G$18=$B$24,21,0),MOD($C7288,24)+1)/SUM(INDEX($D$3:$AA$30,INDEX(Jesper!$R$2:$R$366,ROW(INDEX(Jesper!AH$2:AH$366,ROUNDDOWN($C7288/24,0)+1,1))-1)+IF('Standard Profiles'!$G$18=$B$10,7,0)+IF('Standard Profiles'!$G$18=$B$17,14,0)+IF('Standard Profiles'!$G$18=$B$24,21,0),0)),0)</f>
        <v>11.780930796766265</v>
      </c>
      <c r="E7288" cm="1">
        <f t="array" ref="E7288">IFERROR(INDEX(Jesper!AI$2:AI$366,ROUNDDOWN($C7288/24,0)+1,1)*INDEX($D$3:$AA$30,INDEX(Jesper!$R$2:$R$366,ROW(INDEX(Jesper!AI$2:AI$366,ROUNDDOWN($C7288/24,0)+1,1))-1)+IF('Standard Profiles'!$G$19=$B$10,7,0)+IF('Standard Profiles'!$G$19=$B$17,14,0)+IF('Standard Profiles'!$G$19=$B$24,21,0),MOD($C7288,24)+1)/SUM(INDEX($D$3:$AA$30,INDEX(Jesper!$R$2:$R$366,ROW(INDEX(Jesper!AI$2:AI$366,ROUNDDOWN($C7288/24,0)+1,1))-1)+IF('Standard Profiles'!$G$19=$B$10,7,0)+IF('Standard Profiles'!$G$19=$B$17,14,0)+IF('Standard Profiles'!$G$19=$B$24,21,0),0)),0)</f>
        <v>0</v>
      </c>
      <c r="F7288" cm="1">
        <f t="array" ref="F7288">IFERROR(INDEX(Jesper!AJ$2:AJ$366,ROUNDDOWN($C7288/24,0)+1,1)*INDEX($D$3:$AA$30,INDEX(Jesper!$R$2:$R$366,ROW(INDEX(Jesper!AJ$2:AJ$366,ROUNDDOWN($C7288/24,0)+1,1))-1)+IF('Standard Profiles'!$G$20=$B$10,7,0)+IF('Standard Profiles'!$G$20=$B$17,14,0)+IF('Standard Profiles'!$G$20=$B$24,21,0),MOD($C7288,24)+1)/SUM(INDEX($D$3:$AA$30,INDEX(Jesper!$R$2:$R$366,ROW(INDEX(Jesper!AJ$2:AJ$366,ROUNDDOWN($C7288/24,0)+1,1))-1)+IF('Standard Profiles'!$G$20=$B$10,7,0)+IF('Standard Profiles'!$G$20=$B$17,14,0)+IF('Standard Profiles'!$G$20=$B$24,21,0),0)),0)</f>
        <v>0</v>
      </c>
      <c r="G7288" cm="1">
        <f t="array" ref="G7288">IFERROR(INDEX(Jesper!AK$2:AK$366,ROUNDDOWN($C7288/24,0)+1,1)*INDEX($D$3:$AA$30,INDEX(Jesper!$R$2:$R$366,ROW(INDEX(Jesper!AK$2:AK$366,ROUNDDOWN($C7288/24,0)+1,1))-1)+IF('Standard Profiles'!$G$21=$B$10,7,0)+IF('Standard Profiles'!$G$21=$B$17,14,0)+IF('Standard Profiles'!$G$21=$B$24,21,0),MOD($C7288,24)+1)/SUM(INDEX($D$3:$AA$30,INDEX(Jesper!$R$2:$R$366,ROW(INDEX(Jesper!AK$2:AK$366,ROUNDDOWN($C7288/24,0)+1,1))-1)+IF('Standard Profiles'!$G$21=$B$10,7,0)+IF('Standard Profiles'!$G$21=$B$17,14,0)+IF('Standard Profiles'!$G$21=$B$24,21,0),0)),0)</f>
        <v>0</v>
      </c>
      <c r="H7288" cm="1">
        <f t="array" ref="H7288">IFERROR(INDEX(Jesper!AL$2:AL$366,ROUNDDOWN($C7288/24,0)+1,1)*INDEX($D$3:$AA$30,INDEX(Jesper!$R$2:$R$366,ROW(INDEX(Jesper!AL$2:AL$366,ROUNDDOWN($C7288/24,0)+1,1))-1)+IF('Standard Profiles'!$G$22=$B$10,7,0)+IF('Standard Profiles'!$G$22=$B$17,14,0)+IF('Standard Profiles'!$G$22=$B$24,21,0),MOD($C7288,24)+1)/SUM(INDEX($D$3:$AA$30,INDEX(Jesper!$R$2:$R$366,ROW(INDEX(Jesper!AL$2:AL$366,ROUNDDOWN($C7288/24,0)+1,1))-1)+IF('Standard Profiles'!$G$22=$B$10,7,0)+IF('Standard Profiles'!$G$22=$B$17,14,0)+IF('Standard Profiles'!$G$22=$B$24,21,0),0)),0)</f>
        <v>0</v>
      </c>
      <c r="I7288">
        <f t="shared" si="811"/>
        <v>0.35342792390298794</v>
      </c>
      <c r="J7288">
        <f t="shared" si="812"/>
        <v>1.1780930796766265</v>
      </c>
      <c r="K7288">
        <f t="shared" si="813"/>
        <v>1.7671396195149398</v>
      </c>
      <c r="L7288">
        <f t="shared" si="814"/>
        <v>8.4822701736717114</v>
      </c>
      <c r="M7288">
        <f t="shared" si="815"/>
        <v>0</v>
      </c>
      <c r="N7288" s="46">
        <f t="shared" si="816"/>
        <v>45594.249999982407</v>
      </c>
    </row>
    <row r="7289" spans="2:14" x14ac:dyDescent="0.3">
      <c r="B7289">
        <f t="shared" si="810"/>
        <v>2</v>
      </c>
      <c r="C7289" s="16">
        <v>7255</v>
      </c>
      <c r="D7289" cm="1">
        <f t="array" ref="D7289">IFERROR(INDEX(Jesper!AH$2:AH$366,ROUNDDOWN($C7289/24,0)+1,1)*INDEX($D$3:$AA$30,INDEX(Jesper!$R$2:$R$366,ROW(INDEX(Jesper!AH$2:AH$366,ROUNDDOWN($C7289/24,0)+1,1))-1)+IF('Standard Profiles'!$G$18=$B$10,7,0)+IF('Standard Profiles'!$G$18=$B$17,14,0)+IF('Standard Profiles'!$G$18=$B$24,21,0),MOD($C7289,24)+1)/SUM(INDEX($D$3:$AA$30,INDEX(Jesper!$R$2:$R$366,ROW(INDEX(Jesper!AH$2:AH$366,ROUNDDOWN($C7289/24,0)+1,1))-1)+IF('Standard Profiles'!$G$18=$B$10,7,0)+IF('Standard Profiles'!$G$18=$B$17,14,0)+IF('Standard Profiles'!$G$18=$B$24,21,0),0)),0)</f>
        <v>12.187169789758206</v>
      </c>
      <c r="E7289" cm="1">
        <f t="array" ref="E7289">IFERROR(INDEX(Jesper!AI$2:AI$366,ROUNDDOWN($C7289/24,0)+1,1)*INDEX($D$3:$AA$30,INDEX(Jesper!$R$2:$R$366,ROW(INDEX(Jesper!AI$2:AI$366,ROUNDDOWN($C7289/24,0)+1,1))-1)+IF('Standard Profiles'!$G$19=$B$10,7,0)+IF('Standard Profiles'!$G$19=$B$17,14,0)+IF('Standard Profiles'!$G$19=$B$24,21,0),MOD($C7289,24)+1)/SUM(INDEX($D$3:$AA$30,INDEX(Jesper!$R$2:$R$366,ROW(INDEX(Jesper!AI$2:AI$366,ROUNDDOWN($C7289/24,0)+1,1))-1)+IF('Standard Profiles'!$G$19=$B$10,7,0)+IF('Standard Profiles'!$G$19=$B$17,14,0)+IF('Standard Profiles'!$G$19=$B$24,21,0),0)),0)</f>
        <v>0</v>
      </c>
      <c r="F7289" cm="1">
        <f t="array" ref="F7289">IFERROR(INDEX(Jesper!AJ$2:AJ$366,ROUNDDOWN($C7289/24,0)+1,1)*INDEX($D$3:$AA$30,INDEX(Jesper!$R$2:$R$366,ROW(INDEX(Jesper!AJ$2:AJ$366,ROUNDDOWN($C7289/24,0)+1,1))-1)+IF('Standard Profiles'!$G$20=$B$10,7,0)+IF('Standard Profiles'!$G$20=$B$17,14,0)+IF('Standard Profiles'!$G$20=$B$24,21,0),MOD($C7289,24)+1)/SUM(INDEX($D$3:$AA$30,INDEX(Jesper!$R$2:$R$366,ROW(INDEX(Jesper!AJ$2:AJ$366,ROUNDDOWN($C7289/24,0)+1,1))-1)+IF('Standard Profiles'!$G$20=$B$10,7,0)+IF('Standard Profiles'!$G$20=$B$17,14,0)+IF('Standard Profiles'!$G$20=$B$24,21,0),0)),0)</f>
        <v>0</v>
      </c>
      <c r="G7289" cm="1">
        <f t="array" ref="G7289">IFERROR(INDEX(Jesper!AK$2:AK$366,ROUNDDOWN($C7289/24,0)+1,1)*INDEX($D$3:$AA$30,INDEX(Jesper!$R$2:$R$366,ROW(INDEX(Jesper!AK$2:AK$366,ROUNDDOWN($C7289/24,0)+1,1))-1)+IF('Standard Profiles'!$G$21=$B$10,7,0)+IF('Standard Profiles'!$G$21=$B$17,14,0)+IF('Standard Profiles'!$G$21=$B$24,21,0),MOD($C7289,24)+1)/SUM(INDEX($D$3:$AA$30,INDEX(Jesper!$R$2:$R$366,ROW(INDEX(Jesper!AK$2:AK$366,ROUNDDOWN($C7289/24,0)+1,1))-1)+IF('Standard Profiles'!$G$21=$B$10,7,0)+IF('Standard Profiles'!$G$21=$B$17,14,0)+IF('Standard Profiles'!$G$21=$B$24,21,0),0)),0)</f>
        <v>0</v>
      </c>
      <c r="H7289" cm="1">
        <f t="array" ref="H7289">IFERROR(INDEX(Jesper!AL$2:AL$366,ROUNDDOWN($C7289/24,0)+1,1)*INDEX($D$3:$AA$30,INDEX(Jesper!$R$2:$R$366,ROW(INDEX(Jesper!AL$2:AL$366,ROUNDDOWN($C7289/24,0)+1,1))-1)+IF('Standard Profiles'!$G$22=$B$10,7,0)+IF('Standard Profiles'!$G$22=$B$17,14,0)+IF('Standard Profiles'!$G$22=$B$24,21,0),MOD($C7289,24)+1)/SUM(INDEX($D$3:$AA$30,INDEX(Jesper!$R$2:$R$366,ROW(INDEX(Jesper!AL$2:AL$366,ROUNDDOWN($C7289/24,0)+1,1))-1)+IF('Standard Profiles'!$G$22=$B$10,7,0)+IF('Standard Profiles'!$G$22=$B$17,14,0)+IF('Standard Profiles'!$G$22=$B$24,21,0),0)),0)</f>
        <v>0</v>
      </c>
      <c r="I7289">
        <f t="shared" si="811"/>
        <v>0.3656150936927462</v>
      </c>
      <c r="J7289">
        <f t="shared" si="812"/>
        <v>1.2187169789758208</v>
      </c>
      <c r="K7289">
        <f t="shared" si="813"/>
        <v>1.8280754684637308</v>
      </c>
      <c r="L7289">
        <f t="shared" si="814"/>
        <v>8.7747622486259083</v>
      </c>
      <c r="M7289">
        <f t="shared" si="815"/>
        <v>0</v>
      </c>
      <c r="N7289" s="46">
        <f t="shared" si="816"/>
        <v>45594.291666649071</v>
      </c>
    </row>
    <row r="7290" spans="2:14" x14ac:dyDescent="0.3">
      <c r="B7290">
        <f t="shared" si="810"/>
        <v>2</v>
      </c>
      <c r="C7290" s="16">
        <v>7256</v>
      </c>
      <c r="D7290" cm="1">
        <f t="array" ref="D7290">IFERROR(INDEX(Jesper!AH$2:AH$366,ROUNDDOWN($C7290/24,0)+1,1)*INDEX($D$3:$AA$30,INDEX(Jesper!$R$2:$R$366,ROW(INDEX(Jesper!AH$2:AH$366,ROUNDDOWN($C7290/24,0)+1,1))-1)+IF('Standard Profiles'!$G$18=$B$10,7,0)+IF('Standard Profiles'!$G$18=$B$17,14,0)+IF('Standard Profiles'!$G$18=$B$24,21,0),MOD($C7290,24)+1)/SUM(INDEX($D$3:$AA$30,INDEX(Jesper!$R$2:$R$366,ROW(INDEX(Jesper!AH$2:AH$366,ROUNDDOWN($C7290/24,0)+1,1))-1)+IF('Standard Profiles'!$G$18=$B$10,7,0)+IF('Standard Profiles'!$G$18=$B$17,14,0)+IF('Standard Profiles'!$G$18=$B$24,21,0),0)),0)</f>
        <v>12.187169789758206</v>
      </c>
      <c r="E7290" cm="1">
        <f t="array" ref="E7290">IFERROR(INDEX(Jesper!AI$2:AI$366,ROUNDDOWN($C7290/24,0)+1,1)*INDEX($D$3:$AA$30,INDEX(Jesper!$R$2:$R$366,ROW(INDEX(Jesper!AI$2:AI$366,ROUNDDOWN($C7290/24,0)+1,1))-1)+IF('Standard Profiles'!$G$19=$B$10,7,0)+IF('Standard Profiles'!$G$19=$B$17,14,0)+IF('Standard Profiles'!$G$19=$B$24,21,0),MOD($C7290,24)+1)/SUM(INDEX($D$3:$AA$30,INDEX(Jesper!$R$2:$R$366,ROW(INDEX(Jesper!AI$2:AI$366,ROUNDDOWN($C7290/24,0)+1,1))-1)+IF('Standard Profiles'!$G$19=$B$10,7,0)+IF('Standard Profiles'!$G$19=$B$17,14,0)+IF('Standard Profiles'!$G$19=$B$24,21,0),0)),0)</f>
        <v>0</v>
      </c>
      <c r="F7290" cm="1">
        <f t="array" ref="F7290">IFERROR(INDEX(Jesper!AJ$2:AJ$366,ROUNDDOWN($C7290/24,0)+1,1)*INDEX($D$3:$AA$30,INDEX(Jesper!$R$2:$R$366,ROW(INDEX(Jesper!AJ$2:AJ$366,ROUNDDOWN($C7290/24,0)+1,1))-1)+IF('Standard Profiles'!$G$20=$B$10,7,0)+IF('Standard Profiles'!$G$20=$B$17,14,0)+IF('Standard Profiles'!$G$20=$B$24,21,0),MOD($C7290,24)+1)/SUM(INDEX($D$3:$AA$30,INDEX(Jesper!$R$2:$R$366,ROW(INDEX(Jesper!AJ$2:AJ$366,ROUNDDOWN($C7290/24,0)+1,1))-1)+IF('Standard Profiles'!$G$20=$B$10,7,0)+IF('Standard Profiles'!$G$20=$B$17,14,0)+IF('Standard Profiles'!$G$20=$B$24,21,0),0)),0)</f>
        <v>0</v>
      </c>
      <c r="G7290" cm="1">
        <f t="array" ref="G7290">IFERROR(INDEX(Jesper!AK$2:AK$366,ROUNDDOWN($C7290/24,0)+1,1)*INDEX($D$3:$AA$30,INDEX(Jesper!$R$2:$R$366,ROW(INDEX(Jesper!AK$2:AK$366,ROUNDDOWN($C7290/24,0)+1,1))-1)+IF('Standard Profiles'!$G$21=$B$10,7,0)+IF('Standard Profiles'!$G$21=$B$17,14,0)+IF('Standard Profiles'!$G$21=$B$24,21,0),MOD($C7290,24)+1)/SUM(INDEX($D$3:$AA$30,INDEX(Jesper!$R$2:$R$366,ROW(INDEX(Jesper!AK$2:AK$366,ROUNDDOWN($C7290/24,0)+1,1))-1)+IF('Standard Profiles'!$G$21=$B$10,7,0)+IF('Standard Profiles'!$G$21=$B$17,14,0)+IF('Standard Profiles'!$G$21=$B$24,21,0),0)),0)</f>
        <v>0</v>
      </c>
      <c r="H7290" cm="1">
        <f t="array" ref="H7290">IFERROR(INDEX(Jesper!AL$2:AL$366,ROUNDDOWN($C7290/24,0)+1,1)*INDEX($D$3:$AA$30,INDEX(Jesper!$R$2:$R$366,ROW(INDEX(Jesper!AL$2:AL$366,ROUNDDOWN($C7290/24,0)+1,1))-1)+IF('Standard Profiles'!$G$22=$B$10,7,0)+IF('Standard Profiles'!$G$22=$B$17,14,0)+IF('Standard Profiles'!$G$22=$B$24,21,0),MOD($C7290,24)+1)/SUM(INDEX($D$3:$AA$30,INDEX(Jesper!$R$2:$R$366,ROW(INDEX(Jesper!AL$2:AL$366,ROUNDDOWN($C7290/24,0)+1,1))-1)+IF('Standard Profiles'!$G$22=$B$10,7,0)+IF('Standard Profiles'!$G$22=$B$17,14,0)+IF('Standard Profiles'!$G$22=$B$24,21,0),0)),0)</f>
        <v>0</v>
      </c>
      <c r="I7290">
        <f t="shared" si="811"/>
        <v>0.3656150936927462</v>
      </c>
      <c r="J7290">
        <f t="shared" si="812"/>
        <v>1.2187169789758208</v>
      </c>
      <c r="K7290">
        <f t="shared" si="813"/>
        <v>1.8280754684637308</v>
      </c>
      <c r="L7290">
        <f t="shared" si="814"/>
        <v>8.7747622486259083</v>
      </c>
      <c r="M7290">
        <f t="shared" si="815"/>
        <v>0</v>
      </c>
      <c r="N7290" s="46">
        <f t="shared" si="816"/>
        <v>45594.333333315735</v>
      </c>
    </row>
    <row r="7291" spans="2:14" x14ac:dyDescent="0.3">
      <c r="B7291">
        <f t="shared" si="810"/>
        <v>2</v>
      </c>
      <c r="C7291" s="16">
        <v>7257</v>
      </c>
      <c r="D7291" cm="1">
        <f t="array" ref="D7291">IFERROR(INDEX(Jesper!AH$2:AH$366,ROUNDDOWN($C7291/24,0)+1,1)*INDEX($D$3:$AA$30,INDEX(Jesper!$R$2:$R$366,ROW(INDEX(Jesper!AH$2:AH$366,ROUNDDOWN($C7291/24,0)+1,1))-1)+IF('Standard Profiles'!$G$18=$B$10,7,0)+IF('Standard Profiles'!$G$18=$B$17,14,0)+IF('Standard Profiles'!$G$18=$B$24,21,0),MOD($C7291,24)+1)/SUM(INDEX($D$3:$AA$30,INDEX(Jesper!$R$2:$R$366,ROW(INDEX(Jesper!AH$2:AH$366,ROUNDDOWN($C7291/24,0)+1,1))-1)+IF('Standard Profiles'!$G$18=$B$10,7,0)+IF('Standard Profiles'!$G$18=$B$17,14,0)+IF('Standard Profiles'!$G$18=$B$24,21,0),0)),0)</f>
        <v>13.202767272238056</v>
      </c>
      <c r="E7291" cm="1">
        <f t="array" ref="E7291">IFERROR(INDEX(Jesper!AI$2:AI$366,ROUNDDOWN($C7291/24,0)+1,1)*INDEX($D$3:$AA$30,INDEX(Jesper!$R$2:$R$366,ROW(INDEX(Jesper!AI$2:AI$366,ROUNDDOWN($C7291/24,0)+1,1))-1)+IF('Standard Profiles'!$G$19=$B$10,7,0)+IF('Standard Profiles'!$G$19=$B$17,14,0)+IF('Standard Profiles'!$G$19=$B$24,21,0),MOD($C7291,24)+1)/SUM(INDEX($D$3:$AA$30,INDEX(Jesper!$R$2:$R$366,ROW(INDEX(Jesper!AI$2:AI$366,ROUNDDOWN($C7291/24,0)+1,1))-1)+IF('Standard Profiles'!$G$19=$B$10,7,0)+IF('Standard Profiles'!$G$19=$B$17,14,0)+IF('Standard Profiles'!$G$19=$B$24,21,0),0)),0)</f>
        <v>0</v>
      </c>
      <c r="F7291" cm="1">
        <f t="array" ref="F7291">IFERROR(INDEX(Jesper!AJ$2:AJ$366,ROUNDDOWN($C7291/24,0)+1,1)*INDEX($D$3:$AA$30,INDEX(Jesper!$R$2:$R$366,ROW(INDEX(Jesper!AJ$2:AJ$366,ROUNDDOWN($C7291/24,0)+1,1))-1)+IF('Standard Profiles'!$G$20=$B$10,7,0)+IF('Standard Profiles'!$G$20=$B$17,14,0)+IF('Standard Profiles'!$G$20=$B$24,21,0),MOD($C7291,24)+1)/SUM(INDEX($D$3:$AA$30,INDEX(Jesper!$R$2:$R$366,ROW(INDEX(Jesper!AJ$2:AJ$366,ROUNDDOWN($C7291/24,0)+1,1))-1)+IF('Standard Profiles'!$G$20=$B$10,7,0)+IF('Standard Profiles'!$G$20=$B$17,14,0)+IF('Standard Profiles'!$G$20=$B$24,21,0),0)),0)</f>
        <v>0</v>
      </c>
      <c r="G7291" cm="1">
        <f t="array" ref="G7291">IFERROR(INDEX(Jesper!AK$2:AK$366,ROUNDDOWN($C7291/24,0)+1,1)*INDEX($D$3:$AA$30,INDEX(Jesper!$R$2:$R$366,ROW(INDEX(Jesper!AK$2:AK$366,ROUNDDOWN($C7291/24,0)+1,1))-1)+IF('Standard Profiles'!$G$21=$B$10,7,0)+IF('Standard Profiles'!$G$21=$B$17,14,0)+IF('Standard Profiles'!$G$21=$B$24,21,0),MOD($C7291,24)+1)/SUM(INDEX($D$3:$AA$30,INDEX(Jesper!$R$2:$R$366,ROW(INDEX(Jesper!AK$2:AK$366,ROUNDDOWN($C7291/24,0)+1,1))-1)+IF('Standard Profiles'!$G$21=$B$10,7,0)+IF('Standard Profiles'!$G$21=$B$17,14,0)+IF('Standard Profiles'!$G$21=$B$24,21,0),0)),0)</f>
        <v>0</v>
      </c>
      <c r="H7291" cm="1">
        <f t="array" ref="H7291">IFERROR(INDEX(Jesper!AL$2:AL$366,ROUNDDOWN($C7291/24,0)+1,1)*INDEX($D$3:$AA$30,INDEX(Jesper!$R$2:$R$366,ROW(INDEX(Jesper!AL$2:AL$366,ROUNDDOWN($C7291/24,0)+1,1))-1)+IF('Standard Profiles'!$G$22=$B$10,7,0)+IF('Standard Profiles'!$G$22=$B$17,14,0)+IF('Standard Profiles'!$G$22=$B$24,21,0),MOD($C7291,24)+1)/SUM(INDEX($D$3:$AA$30,INDEX(Jesper!$R$2:$R$366,ROW(INDEX(Jesper!AL$2:AL$366,ROUNDDOWN($C7291/24,0)+1,1))-1)+IF('Standard Profiles'!$G$22=$B$10,7,0)+IF('Standard Profiles'!$G$22=$B$17,14,0)+IF('Standard Profiles'!$G$22=$B$24,21,0),0)),0)</f>
        <v>0</v>
      </c>
      <c r="I7291">
        <f t="shared" si="811"/>
        <v>0.39608301816714164</v>
      </c>
      <c r="J7291">
        <f t="shared" si="812"/>
        <v>1.3202767272238056</v>
      </c>
      <c r="K7291">
        <f t="shared" si="813"/>
        <v>1.9804150908357083</v>
      </c>
      <c r="L7291">
        <f t="shared" si="814"/>
        <v>9.5059924360114003</v>
      </c>
      <c r="M7291">
        <f t="shared" si="815"/>
        <v>0</v>
      </c>
      <c r="N7291" s="46">
        <f t="shared" si="816"/>
        <v>45594.374999982399</v>
      </c>
    </row>
    <row r="7292" spans="2:14" x14ac:dyDescent="0.3">
      <c r="B7292">
        <f t="shared" si="810"/>
        <v>2</v>
      </c>
      <c r="C7292" s="16">
        <v>7258</v>
      </c>
      <c r="D7292" cm="1">
        <f t="array" ref="D7292">IFERROR(INDEX(Jesper!AH$2:AH$366,ROUNDDOWN($C7292/24,0)+1,1)*INDEX($D$3:$AA$30,INDEX(Jesper!$R$2:$R$366,ROW(INDEX(Jesper!AH$2:AH$366,ROUNDDOWN($C7292/24,0)+1,1))-1)+IF('Standard Profiles'!$G$18=$B$10,7,0)+IF('Standard Profiles'!$G$18=$B$17,14,0)+IF('Standard Profiles'!$G$18=$B$24,21,0),MOD($C7292,24)+1)/SUM(INDEX($D$3:$AA$30,INDEX(Jesper!$R$2:$R$366,ROW(INDEX(Jesper!AH$2:AH$366,ROUNDDOWN($C7292/24,0)+1,1))-1)+IF('Standard Profiles'!$G$18=$B$10,7,0)+IF('Standard Profiles'!$G$18=$B$17,14,0)+IF('Standard Profiles'!$G$18=$B$24,21,0),0)),0)</f>
        <v>13.812125761725966</v>
      </c>
      <c r="E7292" cm="1">
        <f t="array" ref="E7292">IFERROR(INDEX(Jesper!AI$2:AI$366,ROUNDDOWN($C7292/24,0)+1,1)*INDEX($D$3:$AA$30,INDEX(Jesper!$R$2:$R$366,ROW(INDEX(Jesper!AI$2:AI$366,ROUNDDOWN($C7292/24,0)+1,1))-1)+IF('Standard Profiles'!$G$19=$B$10,7,0)+IF('Standard Profiles'!$G$19=$B$17,14,0)+IF('Standard Profiles'!$G$19=$B$24,21,0),MOD($C7292,24)+1)/SUM(INDEX($D$3:$AA$30,INDEX(Jesper!$R$2:$R$366,ROW(INDEX(Jesper!AI$2:AI$366,ROUNDDOWN($C7292/24,0)+1,1))-1)+IF('Standard Profiles'!$G$19=$B$10,7,0)+IF('Standard Profiles'!$G$19=$B$17,14,0)+IF('Standard Profiles'!$G$19=$B$24,21,0),0)),0)</f>
        <v>0</v>
      </c>
      <c r="F7292" cm="1">
        <f t="array" ref="F7292">IFERROR(INDEX(Jesper!AJ$2:AJ$366,ROUNDDOWN($C7292/24,0)+1,1)*INDEX($D$3:$AA$30,INDEX(Jesper!$R$2:$R$366,ROW(INDEX(Jesper!AJ$2:AJ$366,ROUNDDOWN($C7292/24,0)+1,1))-1)+IF('Standard Profiles'!$G$20=$B$10,7,0)+IF('Standard Profiles'!$G$20=$B$17,14,0)+IF('Standard Profiles'!$G$20=$B$24,21,0),MOD($C7292,24)+1)/SUM(INDEX($D$3:$AA$30,INDEX(Jesper!$R$2:$R$366,ROW(INDEX(Jesper!AJ$2:AJ$366,ROUNDDOWN($C7292/24,0)+1,1))-1)+IF('Standard Profiles'!$G$20=$B$10,7,0)+IF('Standard Profiles'!$G$20=$B$17,14,0)+IF('Standard Profiles'!$G$20=$B$24,21,0),0)),0)</f>
        <v>0</v>
      </c>
      <c r="G7292" cm="1">
        <f t="array" ref="G7292">IFERROR(INDEX(Jesper!AK$2:AK$366,ROUNDDOWN($C7292/24,0)+1,1)*INDEX($D$3:$AA$30,INDEX(Jesper!$R$2:$R$366,ROW(INDEX(Jesper!AK$2:AK$366,ROUNDDOWN($C7292/24,0)+1,1))-1)+IF('Standard Profiles'!$G$21=$B$10,7,0)+IF('Standard Profiles'!$G$21=$B$17,14,0)+IF('Standard Profiles'!$G$21=$B$24,21,0),MOD($C7292,24)+1)/SUM(INDEX($D$3:$AA$30,INDEX(Jesper!$R$2:$R$366,ROW(INDEX(Jesper!AK$2:AK$366,ROUNDDOWN($C7292/24,0)+1,1))-1)+IF('Standard Profiles'!$G$21=$B$10,7,0)+IF('Standard Profiles'!$G$21=$B$17,14,0)+IF('Standard Profiles'!$G$21=$B$24,21,0),0)),0)</f>
        <v>0</v>
      </c>
      <c r="H7292" cm="1">
        <f t="array" ref="H7292">IFERROR(INDEX(Jesper!AL$2:AL$366,ROUNDDOWN($C7292/24,0)+1,1)*INDEX($D$3:$AA$30,INDEX(Jesper!$R$2:$R$366,ROW(INDEX(Jesper!AL$2:AL$366,ROUNDDOWN($C7292/24,0)+1,1))-1)+IF('Standard Profiles'!$G$22=$B$10,7,0)+IF('Standard Profiles'!$G$22=$B$17,14,0)+IF('Standard Profiles'!$G$22=$B$24,21,0),MOD($C7292,24)+1)/SUM(INDEX($D$3:$AA$30,INDEX(Jesper!$R$2:$R$366,ROW(INDEX(Jesper!AL$2:AL$366,ROUNDDOWN($C7292/24,0)+1,1))-1)+IF('Standard Profiles'!$G$22=$B$10,7,0)+IF('Standard Profiles'!$G$22=$B$17,14,0)+IF('Standard Profiles'!$G$22=$B$24,21,0),0)),0)</f>
        <v>0</v>
      </c>
      <c r="I7292">
        <f t="shared" si="811"/>
        <v>0.41436377285177894</v>
      </c>
      <c r="J7292">
        <f t="shared" si="812"/>
        <v>1.3812125761725966</v>
      </c>
      <c r="K7292">
        <f t="shared" si="813"/>
        <v>2.0718188642588946</v>
      </c>
      <c r="L7292">
        <f t="shared" si="814"/>
        <v>9.9447305484426956</v>
      </c>
      <c r="M7292">
        <f t="shared" si="815"/>
        <v>0</v>
      </c>
      <c r="N7292" s="46">
        <f t="shared" si="816"/>
        <v>45594.416666649064</v>
      </c>
    </row>
    <row r="7293" spans="2:14" x14ac:dyDescent="0.3">
      <c r="B7293">
        <f t="shared" si="810"/>
        <v>2</v>
      </c>
      <c r="C7293" s="16">
        <v>7259</v>
      </c>
      <c r="D7293" cm="1">
        <f t="array" ref="D7293">IFERROR(INDEX(Jesper!AH$2:AH$366,ROUNDDOWN($C7293/24,0)+1,1)*INDEX($D$3:$AA$30,INDEX(Jesper!$R$2:$R$366,ROW(INDEX(Jesper!AH$2:AH$366,ROUNDDOWN($C7293/24,0)+1,1))-1)+IF('Standard Profiles'!$G$18=$B$10,7,0)+IF('Standard Profiles'!$G$18=$B$17,14,0)+IF('Standard Profiles'!$G$18=$B$24,21,0),MOD($C7293,24)+1)/SUM(INDEX($D$3:$AA$30,INDEX(Jesper!$R$2:$R$366,ROW(INDEX(Jesper!AH$2:AH$366,ROUNDDOWN($C7293/24,0)+1,1))-1)+IF('Standard Profiles'!$G$18=$B$10,7,0)+IF('Standard Profiles'!$G$18=$B$17,14,0)+IF('Standard Profiles'!$G$18=$B$24,21,0),0)),0)</f>
        <v>16.24955971967761</v>
      </c>
      <c r="E7293" cm="1">
        <f t="array" ref="E7293">IFERROR(INDEX(Jesper!AI$2:AI$366,ROUNDDOWN($C7293/24,0)+1,1)*INDEX($D$3:$AA$30,INDEX(Jesper!$R$2:$R$366,ROW(INDEX(Jesper!AI$2:AI$366,ROUNDDOWN($C7293/24,0)+1,1))-1)+IF('Standard Profiles'!$G$19=$B$10,7,0)+IF('Standard Profiles'!$G$19=$B$17,14,0)+IF('Standard Profiles'!$G$19=$B$24,21,0),MOD($C7293,24)+1)/SUM(INDEX($D$3:$AA$30,INDEX(Jesper!$R$2:$R$366,ROW(INDEX(Jesper!AI$2:AI$366,ROUNDDOWN($C7293/24,0)+1,1))-1)+IF('Standard Profiles'!$G$19=$B$10,7,0)+IF('Standard Profiles'!$G$19=$B$17,14,0)+IF('Standard Profiles'!$G$19=$B$24,21,0),0)),0)</f>
        <v>0</v>
      </c>
      <c r="F7293" cm="1">
        <f t="array" ref="F7293">IFERROR(INDEX(Jesper!AJ$2:AJ$366,ROUNDDOWN($C7293/24,0)+1,1)*INDEX($D$3:$AA$30,INDEX(Jesper!$R$2:$R$366,ROW(INDEX(Jesper!AJ$2:AJ$366,ROUNDDOWN($C7293/24,0)+1,1))-1)+IF('Standard Profiles'!$G$20=$B$10,7,0)+IF('Standard Profiles'!$G$20=$B$17,14,0)+IF('Standard Profiles'!$G$20=$B$24,21,0),MOD($C7293,24)+1)/SUM(INDEX($D$3:$AA$30,INDEX(Jesper!$R$2:$R$366,ROW(INDEX(Jesper!AJ$2:AJ$366,ROUNDDOWN($C7293/24,0)+1,1))-1)+IF('Standard Profiles'!$G$20=$B$10,7,0)+IF('Standard Profiles'!$G$20=$B$17,14,0)+IF('Standard Profiles'!$G$20=$B$24,21,0),0)),0)</f>
        <v>0</v>
      </c>
      <c r="G7293" cm="1">
        <f t="array" ref="G7293">IFERROR(INDEX(Jesper!AK$2:AK$366,ROUNDDOWN($C7293/24,0)+1,1)*INDEX($D$3:$AA$30,INDEX(Jesper!$R$2:$R$366,ROW(INDEX(Jesper!AK$2:AK$366,ROUNDDOWN($C7293/24,0)+1,1))-1)+IF('Standard Profiles'!$G$21=$B$10,7,0)+IF('Standard Profiles'!$G$21=$B$17,14,0)+IF('Standard Profiles'!$G$21=$B$24,21,0),MOD($C7293,24)+1)/SUM(INDEX($D$3:$AA$30,INDEX(Jesper!$R$2:$R$366,ROW(INDEX(Jesper!AK$2:AK$366,ROUNDDOWN($C7293/24,0)+1,1))-1)+IF('Standard Profiles'!$G$21=$B$10,7,0)+IF('Standard Profiles'!$G$21=$B$17,14,0)+IF('Standard Profiles'!$G$21=$B$24,21,0),0)),0)</f>
        <v>0</v>
      </c>
      <c r="H7293" cm="1">
        <f t="array" ref="H7293">IFERROR(INDEX(Jesper!AL$2:AL$366,ROUNDDOWN($C7293/24,0)+1,1)*INDEX($D$3:$AA$30,INDEX(Jesper!$R$2:$R$366,ROW(INDEX(Jesper!AL$2:AL$366,ROUNDDOWN($C7293/24,0)+1,1))-1)+IF('Standard Profiles'!$G$22=$B$10,7,0)+IF('Standard Profiles'!$G$22=$B$17,14,0)+IF('Standard Profiles'!$G$22=$B$24,21,0),MOD($C7293,24)+1)/SUM(INDEX($D$3:$AA$30,INDEX(Jesper!$R$2:$R$366,ROW(INDEX(Jesper!AL$2:AL$366,ROUNDDOWN($C7293/24,0)+1,1))-1)+IF('Standard Profiles'!$G$22=$B$10,7,0)+IF('Standard Profiles'!$G$22=$B$17,14,0)+IF('Standard Profiles'!$G$22=$B$24,21,0),0)),0)</f>
        <v>0</v>
      </c>
      <c r="I7293">
        <f t="shared" si="811"/>
        <v>0.48748679159032826</v>
      </c>
      <c r="J7293">
        <f t="shared" si="812"/>
        <v>1.6249559719677611</v>
      </c>
      <c r="K7293">
        <f t="shared" si="813"/>
        <v>2.4374339579516415</v>
      </c>
      <c r="L7293">
        <f t="shared" si="814"/>
        <v>11.699682998167878</v>
      </c>
      <c r="M7293">
        <f t="shared" si="815"/>
        <v>0</v>
      </c>
      <c r="N7293" s="46">
        <f t="shared" si="816"/>
        <v>45594.458333315728</v>
      </c>
    </row>
    <row r="7294" spans="2:14" x14ac:dyDescent="0.3">
      <c r="B7294">
        <f t="shared" si="810"/>
        <v>2</v>
      </c>
      <c r="C7294" s="16">
        <v>7260</v>
      </c>
      <c r="D7294" cm="1">
        <f t="array" ref="D7294">IFERROR(INDEX(Jesper!AH$2:AH$366,ROUNDDOWN($C7294/24,0)+1,1)*INDEX($D$3:$AA$30,INDEX(Jesper!$R$2:$R$366,ROW(INDEX(Jesper!AH$2:AH$366,ROUNDDOWN($C7294/24,0)+1,1))-1)+IF('Standard Profiles'!$G$18=$B$10,7,0)+IF('Standard Profiles'!$G$18=$B$17,14,0)+IF('Standard Profiles'!$G$18=$B$24,21,0),MOD($C7294,24)+1)/SUM(INDEX($D$3:$AA$30,INDEX(Jesper!$R$2:$R$366,ROW(INDEX(Jesper!AH$2:AH$366,ROUNDDOWN($C7294/24,0)+1,1))-1)+IF('Standard Profiles'!$G$18=$B$10,7,0)+IF('Standard Profiles'!$G$18=$B$17,14,0)+IF('Standard Profiles'!$G$18=$B$24,21,0),0)),0)</f>
        <v>16.24955971967761</v>
      </c>
      <c r="E7294" cm="1">
        <f t="array" ref="E7294">IFERROR(INDEX(Jesper!AI$2:AI$366,ROUNDDOWN($C7294/24,0)+1,1)*INDEX($D$3:$AA$30,INDEX(Jesper!$R$2:$R$366,ROW(INDEX(Jesper!AI$2:AI$366,ROUNDDOWN($C7294/24,0)+1,1))-1)+IF('Standard Profiles'!$G$19=$B$10,7,0)+IF('Standard Profiles'!$G$19=$B$17,14,0)+IF('Standard Profiles'!$G$19=$B$24,21,0),MOD($C7294,24)+1)/SUM(INDEX($D$3:$AA$30,INDEX(Jesper!$R$2:$R$366,ROW(INDEX(Jesper!AI$2:AI$366,ROUNDDOWN($C7294/24,0)+1,1))-1)+IF('Standard Profiles'!$G$19=$B$10,7,0)+IF('Standard Profiles'!$G$19=$B$17,14,0)+IF('Standard Profiles'!$G$19=$B$24,21,0),0)),0)</f>
        <v>0</v>
      </c>
      <c r="F7294" cm="1">
        <f t="array" ref="F7294">IFERROR(INDEX(Jesper!AJ$2:AJ$366,ROUNDDOWN($C7294/24,0)+1,1)*INDEX($D$3:$AA$30,INDEX(Jesper!$R$2:$R$366,ROW(INDEX(Jesper!AJ$2:AJ$366,ROUNDDOWN($C7294/24,0)+1,1))-1)+IF('Standard Profiles'!$G$20=$B$10,7,0)+IF('Standard Profiles'!$G$20=$B$17,14,0)+IF('Standard Profiles'!$G$20=$B$24,21,0),MOD($C7294,24)+1)/SUM(INDEX($D$3:$AA$30,INDEX(Jesper!$R$2:$R$366,ROW(INDEX(Jesper!AJ$2:AJ$366,ROUNDDOWN($C7294/24,0)+1,1))-1)+IF('Standard Profiles'!$G$20=$B$10,7,0)+IF('Standard Profiles'!$G$20=$B$17,14,0)+IF('Standard Profiles'!$G$20=$B$24,21,0),0)),0)</f>
        <v>0</v>
      </c>
      <c r="G7294" cm="1">
        <f t="array" ref="G7294">IFERROR(INDEX(Jesper!AK$2:AK$366,ROUNDDOWN($C7294/24,0)+1,1)*INDEX($D$3:$AA$30,INDEX(Jesper!$R$2:$R$366,ROW(INDEX(Jesper!AK$2:AK$366,ROUNDDOWN($C7294/24,0)+1,1))-1)+IF('Standard Profiles'!$G$21=$B$10,7,0)+IF('Standard Profiles'!$G$21=$B$17,14,0)+IF('Standard Profiles'!$G$21=$B$24,21,0),MOD($C7294,24)+1)/SUM(INDEX($D$3:$AA$30,INDEX(Jesper!$R$2:$R$366,ROW(INDEX(Jesper!AK$2:AK$366,ROUNDDOWN($C7294/24,0)+1,1))-1)+IF('Standard Profiles'!$G$21=$B$10,7,0)+IF('Standard Profiles'!$G$21=$B$17,14,0)+IF('Standard Profiles'!$G$21=$B$24,21,0),0)),0)</f>
        <v>0</v>
      </c>
      <c r="H7294" cm="1">
        <f t="array" ref="H7294">IFERROR(INDEX(Jesper!AL$2:AL$366,ROUNDDOWN($C7294/24,0)+1,1)*INDEX($D$3:$AA$30,INDEX(Jesper!$R$2:$R$366,ROW(INDEX(Jesper!AL$2:AL$366,ROUNDDOWN($C7294/24,0)+1,1))-1)+IF('Standard Profiles'!$G$22=$B$10,7,0)+IF('Standard Profiles'!$G$22=$B$17,14,0)+IF('Standard Profiles'!$G$22=$B$24,21,0),MOD($C7294,24)+1)/SUM(INDEX($D$3:$AA$30,INDEX(Jesper!$R$2:$R$366,ROW(INDEX(Jesper!AL$2:AL$366,ROUNDDOWN($C7294/24,0)+1,1))-1)+IF('Standard Profiles'!$G$22=$B$10,7,0)+IF('Standard Profiles'!$G$22=$B$17,14,0)+IF('Standard Profiles'!$G$22=$B$24,21,0),0)),0)</f>
        <v>0</v>
      </c>
      <c r="I7294">
        <f t="shared" si="811"/>
        <v>0.48748679159032826</v>
      </c>
      <c r="J7294">
        <f t="shared" si="812"/>
        <v>1.6249559719677611</v>
      </c>
      <c r="K7294">
        <f t="shared" si="813"/>
        <v>2.4374339579516415</v>
      </c>
      <c r="L7294">
        <f t="shared" si="814"/>
        <v>11.699682998167878</v>
      </c>
      <c r="M7294">
        <f t="shared" si="815"/>
        <v>0</v>
      </c>
      <c r="N7294" s="46">
        <f t="shared" si="816"/>
        <v>45594.499999982392</v>
      </c>
    </row>
    <row r="7295" spans="2:14" x14ac:dyDescent="0.3">
      <c r="B7295">
        <f t="shared" si="810"/>
        <v>2</v>
      </c>
      <c r="C7295" s="16">
        <v>7261</v>
      </c>
      <c r="D7295" cm="1">
        <f t="array" ref="D7295">IFERROR(INDEX(Jesper!AH$2:AH$366,ROUNDDOWN($C7295/24,0)+1,1)*INDEX($D$3:$AA$30,INDEX(Jesper!$R$2:$R$366,ROW(INDEX(Jesper!AH$2:AH$366,ROUNDDOWN($C7295/24,0)+1,1))-1)+IF('Standard Profiles'!$G$18=$B$10,7,0)+IF('Standard Profiles'!$G$18=$B$17,14,0)+IF('Standard Profiles'!$G$18=$B$24,21,0),MOD($C7295,24)+1)/SUM(INDEX($D$3:$AA$30,INDEX(Jesper!$R$2:$R$366,ROW(INDEX(Jesper!AH$2:AH$366,ROUNDDOWN($C7295/24,0)+1,1))-1)+IF('Standard Profiles'!$G$18=$B$10,7,0)+IF('Standard Profiles'!$G$18=$B$17,14,0)+IF('Standard Profiles'!$G$18=$B$24,21,0),0)),0)</f>
        <v>16.24955971967761</v>
      </c>
      <c r="E7295" cm="1">
        <f t="array" ref="E7295">IFERROR(INDEX(Jesper!AI$2:AI$366,ROUNDDOWN($C7295/24,0)+1,1)*INDEX($D$3:$AA$30,INDEX(Jesper!$R$2:$R$366,ROW(INDEX(Jesper!AI$2:AI$366,ROUNDDOWN($C7295/24,0)+1,1))-1)+IF('Standard Profiles'!$G$19=$B$10,7,0)+IF('Standard Profiles'!$G$19=$B$17,14,0)+IF('Standard Profiles'!$G$19=$B$24,21,0),MOD($C7295,24)+1)/SUM(INDEX($D$3:$AA$30,INDEX(Jesper!$R$2:$R$366,ROW(INDEX(Jesper!AI$2:AI$366,ROUNDDOWN($C7295/24,0)+1,1))-1)+IF('Standard Profiles'!$G$19=$B$10,7,0)+IF('Standard Profiles'!$G$19=$B$17,14,0)+IF('Standard Profiles'!$G$19=$B$24,21,0),0)),0)</f>
        <v>0</v>
      </c>
      <c r="F7295" cm="1">
        <f t="array" ref="F7295">IFERROR(INDEX(Jesper!AJ$2:AJ$366,ROUNDDOWN($C7295/24,0)+1,1)*INDEX($D$3:$AA$30,INDEX(Jesper!$R$2:$R$366,ROW(INDEX(Jesper!AJ$2:AJ$366,ROUNDDOWN($C7295/24,0)+1,1))-1)+IF('Standard Profiles'!$G$20=$B$10,7,0)+IF('Standard Profiles'!$G$20=$B$17,14,0)+IF('Standard Profiles'!$G$20=$B$24,21,0),MOD($C7295,24)+1)/SUM(INDEX($D$3:$AA$30,INDEX(Jesper!$R$2:$R$366,ROW(INDEX(Jesper!AJ$2:AJ$366,ROUNDDOWN($C7295/24,0)+1,1))-1)+IF('Standard Profiles'!$G$20=$B$10,7,0)+IF('Standard Profiles'!$G$20=$B$17,14,0)+IF('Standard Profiles'!$G$20=$B$24,21,0),0)),0)</f>
        <v>0</v>
      </c>
      <c r="G7295" cm="1">
        <f t="array" ref="G7295">IFERROR(INDEX(Jesper!AK$2:AK$366,ROUNDDOWN($C7295/24,0)+1,1)*INDEX($D$3:$AA$30,INDEX(Jesper!$R$2:$R$366,ROW(INDEX(Jesper!AK$2:AK$366,ROUNDDOWN($C7295/24,0)+1,1))-1)+IF('Standard Profiles'!$G$21=$B$10,7,0)+IF('Standard Profiles'!$G$21=$B$17,14,0)+IF('Standard Profiles'!$G$21=$B$24,21,0),MOD($C7295,24)+1)/SUM(INDEX($D$3:$AA$30,INDEX(Jesper!$R$2:$R$366,ROW(INDEX(Jesper!AK$2:AK$366,ROUNDDOWN($C7295/24,0)+1,1))-1)+IF('Standard Profiles'!$G$21=$B$10,7,0)+IF('Standard Profiles'!$G$21=$B$17,14,0)+IF('Standard Profiles'!$G$21=$B$24,21,0),0)),0)</f>
        <v>0</v>
      </c>
      <c r="H7295" cm="1">
        <f t="array" ref="H7295">IFERROR(INDEX(Jesper!AL$2:AL$366,ROUNDDOWN($C7295/24,0)+1,1)*INDEX($D$3:$AA$30,INDEX(Jesper!$R$2:$R$366,ROW(INDEX(Jesper!AL$2:AL$366,ROUNDDOWN($C7295/24,0)+1,1))-1)+IF('Standard Profiles'!$G$22=$B$10,7,0)+IF('Standard Profiles'!$G$22=$B$17,14,0)+IF('Standard Profiles'!$G$22=$B$24,21,0),MOD($C7295,24)+1)/SUM(INDEX($D$3:$AA$30,INDEX(Jesper!$R$2:$R$366,ROW(INDEX(Jesper!AL$2:AL$366,ROUNDDOWN($C7295/24,0)+1,1))-1)+IF('Standard Profiles'!$G$22=$B$10,7,0)+IF('Standard Profiles'!$G$22=$B$17,14,0)+IF('Standard Profiles'!$G$22=$B$24,21,0),0)),0)</f>
        <v>0</v>
      </c>
      <c r="I7295">
        <f t="shared" si="811"/>
        <v>0.48748679159032826</v>
      </c>
      <c r="J7295">
        <f t="shared" si="812"/>
        <v>1.6249559719677611</v>
      </c>
      <c r="K7295">
        <f t="shared" si="813"/>
        <v>2.4374339579516415</v>
      </c>
      <c r="L7295">
        <f t="shared" si="814"/>
        <v>11.699682998167878</v>
      </c>
      <c r="M7295">
        <f t="shared" si="815"/>
        <v>0</v>
      </c>
      <c r="N7295" s="46">
        <f t="shared" si="816"/>
        <v>45594.541666649056</v>
      </c>
    </row>
    <row r="7296" spans="2:14" x14ac:dyDescent="0.3">
      <c r="B7296">
        <f t="shared" si="810"/>
        <v>2</v>
      </c>
      <c r="C7296" s="16">
        <v>7262</v>
      </c>
      <c r="D7296" cm="1">
        <f t="array" ref="D7296">IFERROR(INDEX(Jesper!AH$2:AH$366,ROUNDDOWN($C7296/24,0)+1,1)*INDEX($D$3:$AA$30,INDEX(Jesper!$R$2:$R$366,ROW(INDEX(Jesper!AH$2:AH$366,ROUNDDOWN($C7296/24,0)+1,1))-1)+IF('Standard Profiles'!$G$18=$B$10,7,0)+IF('Standard Profiles'!$G$18=$B$17,14,0)+IF('Standard Profiles'!$G$18=$B$24,21,0),MOD($C7296,24)+1)/SUM(INDEX($D$3:$AA$30,INDEX(Jesper!$R$2:$R$366,ROW(INDEX(Jesper!AH$2:AH$366,ROUNDDOWN($C7296/24,0)+1,1))-1)+IF('Standard Profiles'!$G$18=$B$10,7,0)+IF('Standard Profiles'!$G$18=$B$17,14,0)+IF('Standard Profiles'!$G$18=$B$24,21,0),0)),0)</f>
        <v>16.24955971967761</v>
      </c>
      <c r="E7296" cm="1">
        <f t="array" ref="E7296">IFERROR(INDEX(Jesper!AI$2:AI$366,ROUNDDOWN($C7296/24,0)+1,1)*INDEX($D$3:$AA$30,INDEX(Jesper!$R$2:$R$366,ROW(INDEX(Jesper!AI$2:AI$366,ROUNDDOWN($C7296/24,0)+1,1))-1)+IF('Standard Profiles'!$G$19=$B$10,7,0)+IF('Standard Profiles'!$G$19=$B$17,14,0)+IF('Standard Profiles'!$G$19=$B$24,21,0),MOD($C7296,24)+1)/SUM(INDEX($D$3:$AA$30,INDEX(Jesper!$R$2:$R$366,ROW(INDEX(Jesper!AI$2:AI$366,ROUNDDOWN($C7296/24,0)+1,1))-1)+IF('Standard Profiles'!$G$19=$B$10,7,0)+IF('Standard Profiles'!$G$19=$B$17,14,0)+IF('Standard Profiles'!$G$19=$B$24,21,0),0)),0)</f>
        <v>0</v>
      </c>
      <c r="F7296" cm="1">
        <f t="array" ref="F7296">IFERROR(INDEX(Jesper!AJ$2:AJ$366,ROUNDDOWN($C7296/24,0)+1,1)*INDEX($D$3:$AA$30,INDEX(Jesper!$R$2:$R$366,ROW(INDEX(Jesper!AJ$2:AJ$366,ROUNDDOWN($C7296/24,0)+1,1))-1)+IF('Standard Profiles'!$G$20=$B$10,7,0)+IF('Standard Profiles'!$G$20=$B$17,14,0)+IF('Standard Profiles'!$G$20=$B$24,21,0),MOD($C7296,24)+1)/SUM(INDEX($D$3:$AA$30,INDEX(Jesper!$R$2:$R$366,ROW(INDEX(Jesper!AJ$2:AJ$366,ROUNDDOWN($C7296/24,0)+1,1))-1)+IF('Standard Profiles'!$G$20=$B$10,7,0)+IF('Standard Profiles'!$G$20=$B$17,14,0)+IF('Standard Profiles'!$G$20=$B$24,21,0),0)),0)</f>
        <v>0</v>
      </c>
      <c r="G7296" cm="1">
        <f t="array" ref="G7296">IFERROR(INDEX(Jesper!AK$2:AK$366,ROUNDDOWN($C7296/24,0)+1,1)*INDEX($D$3:$AA$30,INDEX(Jesper!$R$2:$R$366,ROW(INDEX(Jesper!AK$2:AK$366,ROUNDDOWN($C7296/24,0)+1,1))-1)+IF('Standard Profiles'!$G$21=$B$10,7,0)+IF('Standard Profiles'!$G$21=$B$17,14,0)+IF('Standard Profiles'!$G$21=$B$24,21,0),MOD($C7296,24)+1)/SUM(INDEX($D$3:$AA$30,INDEX(Jesper!$R$2:$R$366,ROW(INDEX(Jesper!AK$2:AK$366,ROUNDDOWN($C7296/24,0)+1,1))-1)+IF('Standard Profiles'!$G$21=$B$10,7,0)+IF('Standard Profiles'!$G$21=$B$17,14,0)+IF('Standard Profiles'!$G$21=$B$24,21,0),0)),0)</f>
        <v>0</v>
      </c>
      <c r="H7296" cm="1">
        <f t="array" ref="H7296">IFERROR(INDEX(Jesper!AL$2:AL$366,ROUNDDOWN($C7296/24,0)+1,1)*INDEX($D$3:$AA$30,INDEX(Jesper!$R$2:$R$366,ROW(INDEX(Jesper!AL$2:AL$366,ROUNDDOWN($C7296/24,0)+1,1))-1)+IF('Standard Profiles'!$G$22=$B$10,7,0)+IF('Standard Profiles'!$G$22=$B$17,14,0)+IF('Standard Profiles'!$G$22=$B$24,21,0),MOD($C7296,24)+1)/SUM(INDEX($D$3:$AA$30,INDEX(Jesper!$R$2:$R$366,ROW(INDEX(Jesper!AL$2:AL$366,ROUNDDOWN($C7296/24,0)+1,1))-1)+IF('Standard Profiles'!$G$22=$B$10,7,0)+IF('Standard Profiles'!$G$22=$B$17,14,0)+IF('Standard Profiles'!$G$22=$B$24,21,0),0)),0)</f>
        <v>0</v>
      </c>
      <c r="I7296">
        <f t="shared" si="811"/>
        <v>0.48748679159032826</v>
      </c>
      <c r="J7296">
        <f t="shared" si="812"/>
        <v>1.6249559719677611</v>
      </c>
      <c r="K7296">
        <f t="shared" si="813"/>
        <v>2.4374339579516415</v>
      </c>
      <c r="L7296">
        <f t="shared" si="814"/>
        <v>11.699682998167878</v>
      </c>
      <c r="M7296">
        <f t="shared" si="815"/>
        <v>0</v>
      </c>
      <c r="N7296" s="46">
        <f t="shared" si="816"/>
        <v>45594.583333315721</v>
      </c>
    </row>
    <row r="7297" spans="2:14" x14ac:dyDescent="0.3">
      <c r="B7297">
        <f t="shared" si="810"/>
        <v>2</v>
      </c>
      <c r="C7297" s="16">
        <v>7263</v>
      </c>
      <c r="D7297" cm="1">
        <f t="array" ref="D7297">IFERROR(INDEX(Jesper!AH$2:AH$366,ROUNDDOWN($C7297/24,0)+1,1)*INDEX($D$3:$AA$30,INDEX(Jesper!$R$2:$R$366,ROW(INDEX(Jesper!AH$2:AH$366,ROUNDDOWN($C7297/24,0)+1,1))-1)+IF('Standard Profiles'!$G$18=$B$10,7,0)+IF('Standard Profiles'!$G$18=$B$17,14,0)+IF('Standard Profiles'!$G$18=$B$24,21,0),MOD($C7297,24)+1)/SUM(INDEX($D$3:$AA$30,INDEX(Jesper!$R$2:$R$366,ROW(INDEX(Jesper!AH$2:AH$366,ROUNDDOWN($C7297/24,0)+1,1))-1)+IF('Standard Profiles'!$G$18=$B$10,7,0)+IF('Standard Profiles'!$G$18=$B$17,14,0)+IF('Standard Profiles'!$G$18=$B$24,21,0),0)),0)</f>
        <v>16.24955971967761</v>
      </c>
      <c r="E7297" cm="1">
        <f t="array" ref="E7297">IFERROR(INDEX(Jesper!AI$2:AI$366,ROUNDDOWN($C7297/24,0)+1,1)*INDEX($D$3:$AA$30,INDEX(Jesper!$R$2:$R$366,ROW(INDEX(Jesper!AI$2:AI$366,ROUNDDOWN($C7297/24,0)+1,1))-1)+IF('Standard Profiles'!$G$19=$B$10,7,0)+IF('Standard Profiles'!$G$19=$B$17,14,0)+IF('Standard Profiles'!$G$19=$B$24,21,0),MOD($C7297,24)+1)/SUM(INDEX($D$3:$AA$30,INDEX(Jesper!$R$2:$R$366,ROW(INDEX(Jesper!AI$2:AI$366,ROUNDDOWN($C7297/24,0)+1,1))-1)+IF('Standard Profiles'!$G$19=$B$10,7,0)+IF('Standard Profiles'!$G$19=$B$17,14,0)+IF('Standard Profiles'!$G$19=$B$24,21,0),0)),0)</f>
        <v>0</v>
      </c>
      <c r="F7297" cm="1">
        <f t="array" ref="F7297">IFERROR(INDEX(Jesper!AJ$2:AJ$366,ROUNDDOWN($C7297/24,0)+1,1)*INDEX($D$3:$AA$30,INDEX(Jesper!$R$2:$R$366,ROW(INDEX(Jesper!AJ$2:AJ$366,ROUNDDOWN($C7297/24,0)+1,1))-1)+IF('Standard Profiles'!$G$20=$B$10,7,0)+IF('Standard Profiles'!$G$20=$B$17,14,0)+IF('Standard Profiles'!$G$20=$B$24,21,0),MOD($C7297,24)+1)/SUM(INDEX($D$3:$AA$30,INDEX(Jesper!$R$2:$R$366,ROW(INDEX(Jesper!AJ$2:AJ$366,ROUNDDOWN($C7297/24,0)+1,1))-1)+IF('Standard Profiles'!$G$20=$B$10,7,0)+IF('Standard Profiles'!$G$20=$B$17,14,0)+IF('Standard Profiles'!$G$20=$B$24,21,0),0)),0)</f>
        <v>0</v>
      </c>
      <c r="G7297" cm="1">
        <f t="array" ref="G7297">IFERROR(INDEX(Jesper!AK$2:AK$366,ROUNDDOWN($C7297/24,0)+1,1)*INDEX($D$3:$AA$30,INDEX(Jesper!$R$2:$R$366,ROW(INDEX(Jesper!AK$2:AK$366,ROUNDDOWN($C7297/24,0)+1,1))-1)+IF('Standard Profiles'!$G$21=$B$10,7,0)+IF('Standard Profiles'!$G$21=$B$17,14,0)+IF('Standard Profiles'!$G$21=$B$24,21,0),MOD($C7297,24)+1)/SUM(INDEX($D$3:$AA$30,INDEX(Jesper!$R$2:$R$366,ROW(INDEX(Jesper!AK$2:AK$366,ROUNDDOWN($C7297/24,0)+1,1))-1)+IF('Standard Profiles'!$G$21=$B$10,7,0)+IF('Standard Profiles'!$G$21=$B$17,14,0)+IF('Standard Profiles'!$G$21=$B$24,21,0),0)),0)</f>
        <v>0</v>
      </c>
      <c r="H7297" cm="1">
        <f t="array" ref="H7297">IFERROR(INDEX(Jesper!AL$2:AL$366,ROUNDDOWN($C7297/24,0)+1,1)*INDEX($D$3:$AA$30,INDEX(Jesper!$R$2:$R$366,ROW(INDEX(Jesper!AL$2:AL$366,ROUNDDOWN($C7297/24,0)+1,1))-1)+IF('Standard Profiles'!$G$22=$B$10,7,0)+IF('Standard Profiles'!$G$22=$B$17,14,0)+IF('Standard Profiles'!$G$22=$B$24,21,0),MOD($C7297,24)+1)/SUM(INDEX($D$3:$AA$30,INDEX(Jesper!$R$2:$R$366,ROW(INDEX(Jesper!AL$2:AL$366,ROUNDDOWN($C7297/24,0)+1,1))-1)+IF('Standard Profiles'!$G$22=$B$10,7,0)+IF('Standard Profiles'!$G$22=$B$17,14,0)+IF('Standard Profiles'!$G$22=$B$24,21,0),0)),0)</f>
        <v>0</v>
      </c>
      <c r="I7297">
        <f t="shared" si="811"/>
        <v>0.48748679159032826</v>
      </c>
      <c r="J7297">
        <f t="shared" si="812"/>
        <v>1.6249559719677611</v>
      </c>
      <c r="K7297">
        <f t="shared" si="813"/>
        <v>2.4374339579516415</v>
      </c>
      <c r="L7297">
        <f t="shared" si="814"/>
        <v>11.699682998167878</v>
      </c>
      <c r="M7297">
        <f t="shared" si="815"/>
        <v>0</v>
      </c>
      <c r="N7297" s="46">
        <f t="shared" si="816"/>
        <v>45594.624999982385</v>
      </c>
    </row>
    <row r="7298" spans="2:14" x14ac:dyDescent="0.3">
      <c r="B7298">
        <f t="shared" si="810"/>
        <v>2</v>
      </c>
      <c r="C7298" s="16">
        <v>7264</v>
      </c>
      <c r="D7298" cm="1">
        <f t="array" ref="D7298">IFERROR(INDEX(Jesper!AH$2:AH$366,ROUNDDOWN($C7298/24,0)+1,1)*INDEX($D$3:$AA$30,INDEX(Jesper!$R$2:$R$366,ROW(INDEX(Jesper!AH$2:AH$366,ROUNDDOWN($C7298/24,0)+1,1))-1)+IF('Standard Profiles'!$G$18=$B$10,7,0)+IF('Standard Profiles'!$G$18=$B$17,14,0)+IF('Standard Profiles'!$G$18=$B$24,21,0),MOD($C7298,24)+1)/SUM(INDEX($D$3:$AA$30,INDEX(Jesper!$R$2:$R$366,ROW(INDEX(Jesper!AH$2:AH$366,ROUNDDOWN($C7298/24,0)+1,1))-1)+IF('Standard Profiles'!$G$18=$B$10,7,0)+IF('Standard Profiles'!$G$18=$B$17,14,0)+IF('Standard Profiles'!$G$18=$B$24,21,0),0)),0)</f>
        <v>16.24955971967761</v>
      </c>
      <c r="E7298" cm="1">
        <f t="array" ref="E7298">IFERROR(INDEX(Jesper!AI$2:AI$366,ROUNDDOWN($C7298/24,0)+1,1)*INDEX($D$3:$AA$30,INDEX(Jesper!$R$2:$R$366,ROW(INDEX(Jesper!AI$2:AI$366,ROUNDDOWN($C7298/24,0)+1,1))-1)+IF('Standard Profiles'!$G$19=$B$10,7,0)+IF('Standard Profiles'!$G$19=$B$17,14,0)+IF('Standard Profiles'!$G$19=$B$24,21,0),MOD($C7298,24)+1)/SUM(INDEX($D$3:$AA$30,INDEX(Jesper!$R$2:$R$366,ROW(INDEX(Jesper!AI$2:AI$366,ROUNDDOWN($C7298/24,0)+1,1))-1)+IF('Standard Profiles'!$G$19=$B$10,7,0)+IF('Standard Profiles'!$G$19=$B$17,14,0)+IF('Standard Profiles'!$G$19=$B$24,21,0),0)),0)</f>
        <v>0</v>
      </c>
      <c r="F7298" cm="1">
        <f t="array" ref="F7298">IFERROR(INDEX(Jesper!AJ$2:AJ$366,ROUNDDOWN($C7298/24,0)+1,1)*INDEX($D$3:$AA$30,INDEX(Jesper!$R$2:$R$366,ROW(INDEX(Jesper!AJ$2:AJ$366,ROUNDDOWN($C7298/24,0)+1,1))-1)+IF('Standard Profiles'!$G$20=$B$10,7,0)+IF('Standard Profiles'!$G$20=$B$17,14,0)+IF('Standard Profiles'!$G$20=$B$24,21,0),MOD($C7298,24)+1)/SUM(INDEX($D$3:$AA$30,INDEX(Jesper!$R$2:$R$366,ROW(INDEX(Jesper!AJ$2:AJ$366,ROUNDDOWN($C7298/24,0)+1,1))-1)+IF('Standard Profiles'!$G$20=$B$10,7,0)+IF('Standard Profiles'!$G$20=$B$17,14,0)+IF('Standard Profiles'!$G$20=$B$24,21,0),0)),0)</f>
        <v>0</v>
      </c>
      <c r="G7298" cm="1">
        <f t="array" ref="G7298">IFERROR(INDEX(Jesper!AK$2:AK$366,ROUNDDOWN($C7298/24,0)+1,1)*INDEX($D$3:$AA$30,INDEX(Jesper!$R$2:$R$366,ROW(INDEX(Jesper!AK$2:AK$366,ROUNDDOWN($C7298/24,0)+1,1))-1)+IF('Standard Profiles'!$G$21=$B$10,7,0)+IF('Standard Profiles'!$G$21=$B$17,14,0)+IF('Standard Profiles'!$G$21=$B$24,21,0),MOD($C7298,24)+1)/SUM(INDEX($D$3:$AA$30,INDEX(Jesper!$R$2:$R$366,ROW(INDEX(Jesper!AK$2:AK$366,ROUNDDOWN($C7298/24,0)+1,1))-1)+IF('Standard Profiles'!$G$21=$B$10,7,0)+IF('Standard Profiles'!$G$21=$B$17,14,0)+IF('Standard Profiles'!$G$21=$B$24,21,0),0)),0)</f>
        <v>0</v>
      </c>
      <c r="H7298" cm="1">
        <f t="array" ref="H7298">IFERROR(INDEX(Jesper!AL$2:AL$366,ROUNDDOWN($C7298/24,0)+1,1)*INDEX($D$3:$AA$30,INDEX(Jesper!$R$2:$R$366,ROW(INDEX(Jesper!AL$2:AL$366,ROUNDDOWN($C7298/24,0)+1,1))-1)+IF('Standard Profiles'!$G$22=$B$10,7,0)+IF('Standard Profiles'!$G$22=$B$17,14,0)+IF('Standard Profiles'!$G$22=$B$24,21,0),MOD($C7298,24)+1)/SUM(INDEX($D$3:$AA$30,INDEX(Jesper!$R$2:$R$366,ROW(INDEX(Jesper!AL$2:AL$366,ROUNDDOWN($C7298/24,0)+1,1))-1)+IF('Standard Profiles'!$G$22=$B$10,7,0)+IF('Standard Profiles'!$G$22=$B$17,14,0)+IF('Standard Profiles'!$G$22=$B$24,21,0),0)),0)</f>
        <v>0</v>
      </c>
      <c r="I7298">
        <f t="shared" si="811"/>
        <v>0.48748679159032826</v>
      </c>
      <c r="J7298">
        <f t="shared" si="812"/>
        <v>1.6249559719677611</v>
      </c>
      <c r="K7298">
        <f t="shared" si="813"/>
        <v>2.4374339579516415</v>
      </c>
      <c r="L7298">
        <f t="shared" si="814"/>
        <v>11.699682998167878</v>
      </c>
      <c r="M7298">
        <f t="shared" si="815"/>
        <v>0</v>
      </c>
      <c r="N7298" s="46">
        <f t="shared" si="816"/>
        <v>45594.666666649049</v>
      </c>
    </row>
    <row r="7299" spans="2:14" x14ac:dyDescent="0.3">
      <c r="B7299">
        <f t="shared" si="810"/>
        <v>2</v>
      </c>
      <c r="C7299" s="16">
        <v>7265</v>
      </c>
      <c r="D7299" cm="1">
        <f t="array" ref="D7299">IFERROR(INDEX(Jesper!AH$2:AH$366,ROUNDDOWN($C7299/24,0)+1,1)*INDEX($D$3:$AA$30,INDEX(Jesper!$R$2:$R$366,ROW(INDEX(Jesper!AH$2:AH$366,ROUNDDOWN($C7299/24,0)+1,1))-1)+IF('Standard Profiles'!$G$18=$B$10,7,0)+IF('Standard Profiles'!$G$18=$B$17,14,0)+IF('Standard Profiles'!$G$18=$B$24,21,0),MOD($C7299,24)+1)/SUM(INDEX($D$3:$AA$30,INDEX(Jesper!$R$2:$R$366,ROW(INDEX(Jesper!AH$2:AH$366,ROUNDDOWN($C7299/24,0)+1,1))-1)+IF('Standard Profiles'!$G$18=$B$10,7,0)+IF('Standard Profiles'!$G$18=$B$17,14,0)+IF('Standard Profiles'!$G$18=$B$24,21,0),0)),0)</f>
        <v>16.24955971967761</v>
      </c>
      <c r="E7299" cm="1">
        <f t="array" ref="E7299">IFERROR(INDEX(Jesper!AI$2:AI$366,ROUNDDOWN($C7299/24,0)+1,1)*INDEX($D$3:$AA$30,INDEX(Jesper!$R$2:$R$366,ROW(INDEX(Jesper!AI$2:AI$366,ROUNDDOWN($C7299/24,0)+1,1))-1)+IF('Standard Profiles'!$G$19=$B$10,7,0)+IF('Standard Profiles'!$G$19=$B$17,14,0)+IF('Standard Profiles'!$G$19=$B$24,21,0),MOD($C7299,24)+1)/SUM(INDEX($D$3:$AA$30,INDEX(Jesper!$R$2:$R$366,ROW(INDEX(Jesper!AI$2:AI$366,ROUNDDOWN($C7299/24,0)+1,1))-1)+IF('Standard Profiles'!$G$19=$B$10,7,0)+IF('Standard Profiles'!$G$19=$B$17,14,0)+IF('Standard Profiles'!$G$19=$B$24,21,0),0)),0)</f>
        <v>0</v>
      </c>
      <c r="F7299" cm="1">
        <f t="array" ref="F7299">IFERROR(INDEX(Jesper!AJ$2:AJ$366,ROUNDDOWN($C7299/24,0)+1,1)*INDEX($D$3:$AA$30,INDEX(Jesper!$R$2:$R$366,ROW(INDEX(Jesper!AJ$2:AJ$366,ROUNDDOWN($C7299/24,0)+1,1))-1)+IF('Standard Profiles'!$G$20=$B$10,7,0)+IF('Standard Profiles'!$G$20=$B$17,14,0)+IF('Standard Profiles'!$G$20=$B$24,21,0),MOD($C7299,24)+1)/SUM(INDEX($D$3:$AA$30,INDEX(Jesper!$R$2:$R$366,ROW(INDEX(Jesper!AJ$2:AJ$366,ROUNDDOWN($C7299/24,0)+1,1))-1)+IF('Standard Profiles'!$G$20=$B$10,7,0)+IF('Standard Profiles'!$G$20=$B$17,14,0)+IF('Standard Profiles'!$G$20=$B$24,21,0),0)),0)</f>
        <v>0</v>
      </c>
      <c r="G7299" cm="1">
        <f t="array" ref="G7299">IFERROR(INDEX(Jesper!AK$2:AK$366,ROUNDDOWN($C7299/24,0)+1,1)*INDEX($D$3:$AA$30,INDEX(Jesper!$R$2:$R$366,ROW(INDEX(Jesper!AK$2:AK$366,ROUNDDOWN($C7299/24,0)+1,1))-1)+IF('Standard Profiles'!$G$21=$B$10,7,0)+IF('Standard Profiles'!$G$21=$B$17,14,0)+IF('Standard Profiles'!$G$21=$B$24,21,0),MOD($C7299,24)+1)/SUM(INDEX($D$3:$AA$30,INDEX(Jesper!$R$2:$R$366,ROW(INDEX(Jesper!AK$2:AK$366,ROUNDDOWN($C7299/24,0)+1,1))-1)+IF('Standard Profiles'!$G$21=$B$10,7,0)+IF('Standard Profiles'!$G$21=$B$17,14,0)+IF('Standard Profiles'!$G$21=$B$24,21,0),0)),0)</f>
        <v>0</v>
      </c>
      <c r="H7299" cm="1">
        <f t="array" ref="H7299">IFERROR(INDEX(Jesper!AL$2:AL$366,ROUNDDOWN($C7299/24,0)+1,1)*INDEX($D$3:$AA$30,INDEX(Jesper!$R$2:$R$366,ROW(INDEX(Jesper!AL$2:AL$366,ROUNDDOWN($C7299/24,0)+1,1))-1)+IF('Standard Profiles'!$G$22=$B$10,7,0)+IF('Standard Profiles'!$G$22=$B$17,14,0)+IF('Standard Profiles'!$G$22=$B$24,21,0),MOD($C7299,24)+1)/SUM(INDEX($D$3:$AA$30,INDEX(Jesper!$R$2:$R$366,ROW(INDEX(Jesper!AL$2:AL$366,ROUNDDOWN($C7299/24,0)+1,1))-1)+IF('Standard Profiles'!$G$22=$B$10,7,0)+IF('Standard Profiles'!$G$22=$B$17,14,0)+IF('Standard Profiles'!$G$22=$B$24,21,0),0)),0)</f>
        <v>0</v>
      </c>
      <c r="I7299">
        <f t="shared" si="811"/>
        <v>0.48748679159032826</v>
      </c>
      <c r="J7299">
        <f t="shared" si="812"/>
        <v>1.6249559719677611</v>
      </c>
      <c r="K7299">
        <f t="shared" si="813"/>
        <v>2.4374339579516415</v>
      </c>
      <c r="L7299">
        <f t="shared" si="814"/>
        <v>11.699682998167878</v>
      </c>
      <c r="M7299">
        <f t="shared" si="815"/>
        <v>0</v>
      </c>
      <c r="N7299" s="46">
        <f t="shared" si="816"/>
        <v>45594.708333315713</v>
      </c>
    </row>
    <row r="7300" spans="2:14" x14ac:dyDescent="0.3">
      <c r="B7300">
        <f t="shared" si="810"/>
        <v>2</v>
      </c>
      <c r="C7300" s="16">
        <v>7266</v>
      </c>
      <c r="D7300" cm="1">
        <f t="array" ref="D7300">IFERROR(INDEX(Jesper!AH$2:AH$366,ROUNDDOWN($C7300/24,0)+1,1)*INDEX($D$3:$AA$30,INDEX(Jesper!$R$2:$R$366,ROW(INDEX(Jesper!AH$2:AH$366,ROUNDDOWN($C7300/24,0)+1,1))-1)+IF('Standard Profiles'!$G$18=$B$10,7,0)+IF('Standard Profiles'!$G$18=$B$17,14,0)+IF('Standard Profiles'!$G$18=$B$24,21,0),MOD($C7300,24)+1)/SUM(INDEX($D$3:$AA$30,INDEX(Jesper!$R$2:$R$366,ROW(INDEX(Jesper!AH$2:AH$366,ROUNDDOWN($C7300/24,0)+1,1))-1)+IF('Standard Profiles'!$G$18=$B$10,7,0)+IF('Standard Profiles'!$G$18=$B$17,14,0)+IF('Standard Profiles'!$G$18=$B$24,21,0),0)),0)</f>
        <v>16.24955971967761</v>
      </c>
      <c r="E7300" cm="1">
        <f t="array" ref="E7300">IFERROR(INDEX(Jesper!AI$2:AI$366,ROUNDDOWN($C7300/24,0)+1,1)*INDEX($D$3:$AA$30,INDEX(Jesper!$R$2:$R$366,ROW(INDEX(Jesper!AI$2:AI$366,ROUNDDOWN($C7300/24,0)+1,1))-1)+IF('Standard Profiles'!$G$19=$B$10,7,0)+IF('Standard Profiles'!$G$19=$B$17,14,0)+IF('Standard Profiles'!$G$19=$B$24,21,0),MOD($C7300,24)+1)/SUM(INDEX($D$3:$AA$30,INDEX(Jesper!$R$2:$R$366,ROW(INDEX(Jesper!AI$2:AI$366,ROUNDDOWN($C7300/24,0)+1,1))-1)+IF('Standard Profiles'!$G$19=$B$10,7,0)+IF('Standard Profiles'!$G$19=$B$17,14,0)+IF('Standard Profiles'!$G$19=$B$24,21,0),0)),0)</f>
        <v>0</v>
      </c>
      <c r="F7300" cm="1">
        <f t="array" ref="F7300">IFERROR(INDEX(Jesper!AJ$2:AJ$366,ROUNDDOWN($C7300/24,0)+1,1)*INDEX($D$3:$AA$30,INDEX(Jesper!$R$2:$R$366,ROW(INDEX(Jesper!AJ$2:AJ$366,ROUNDDOWN($C7300/24,0)+1,1))-1)+IF('Standard Profiles'!$G$20=$B$10,7,0)+IF('Standard Profiles'!$G$20=$B$17,14,0)+IF('Standard Profiles'!$G$20=$B$24,21,0),MOD($C7300,24)+1)/SUM(INDEX($D$3:$AA$30,INDEX(Jesper!$R$2:$R$366,ROW(INDEX(Jesper!AJ$2:AJ$366,ROUNDDOWN($C7300/24,0)+1,1))-1)+IF('Standard Profiles'!$G$20=$B$10,7,0)+IF('Standard Profiles'!$G$20=$B$17,14,0)+IF('Standard Profiles'!$G$20=$B$24,21,0),0)),0)</f>
        <v>0</v>
      </c>
      <c r="G7300" cm="1">
        <f t="array" ref="G7300">IFERROR(INDEX(Jesper!AK$2:AK$366,ROUNDDOWN($C7300/24,0)+1,1)*INDEX($D$3:$AA$30,INDEX(Jesper!$R$2:$R$366,ROW(INDEX(Jesper!AK$2:AK$366,ROUNDDOWN($C7300/24,0)+1,1))-1)+IF('Standard Profiles'!$G$21=$B$10,7,0)+IF('Standard Profiles'!$G$21=$B$17,14,0)+IF('Standard Profiles'!$G$21=$B$24,21,0),MOD($C7300,24)+1)/SUM(INDEX($D$3:$AA$30,INDEX(Jesper!$R$2:$R$366,ROW(INDEX(Jesper!AK$2:AK$366,ROUNDDOWN($C7300/24,0)+1,1))-1)+IF('Standard Profiles'!$G$21=$B$10,7,0)+IF('Standard Profiles'!$G$21=$B$17,14,0)+IF('Standard Profiles'!$G$21=$B$24,21,0),0)),0)</f>
        <v>0</v>
      </c>
      <c r="H7300" cm="1">
        <f t="array" ref="H7300">IFERROR(INDEX(Jesper!AL$2:AL$366,ROUNDDOWN($C7300/24,0)+1,1)*INDEX($D$3:$AA$30,INDEX(Jesper!$R$2:$R$366,ROW(INDEX(Jesper!AL$2:AL$366,ROUNDDOWN($C7300/24,0)+1,1))-1)+IF('Standard Profiles'!$G$22=$B$10,7,0)+IF('Standard Profiles'!$G$22=$B$17,14,0)+IF('Standard Profiles'!$G$22=$B$24,21,0),MOD($C7300,24)+1)/SUM(INDEX($D$3:$AA$30,INDEX(Jesper!$R$2:$R$366,ROW(INDEX(Jesper!AL$2:AL$366,ROUNDDOWN($C7300/24,0)+1,1))-1)+IF('Standard Profiles'!$G$22=$B$10,7,0)+IF('Standard Profiles'!$G$22=$B$17,14,0)+IF('Standard Profiles'!$G$22=$B$24,21,0),0)),0)</f>
        <v>0</v>
      </c>
      <c r="I7300">
        <f t="shared" si="811"/>
        <v>0.48748679159032826</v>
      </c>
      <c r="J7300">
        <f t="shared" si="812"/>
        <v>1.6249559719677611</v>
      </c>
      <c r="K7300">
        <f t="shared" si="813"/>
        <v>2.4374339579516415</v>
      </c>
      <c r="L7300">
        <f t="shared" si="814"/>
        <v>11.699682998167878</v>
      </c>
      <c r="M7300">
        <f t="shared" si="815"/>
        <v>0</v>
      </c>
      <c r="N7300" s="46">
        <f t="shared" si="816"/>
        <v>45594.749999982378</v>
      </c>
    </row>
    <row r="7301" spans="2:14" x14ac:dyDescent="0.3">
      <c r="B7301">
        <f t="shared" si="810"/>
        <v>2</v>
      </c>
      <c r="C7301" s="16">
        <v>7267</v>
      </c>
      <c r="D7301" cm="1">
        <f t="array" ref="D7301">IFERROR(INDEX(Jesper!AH$2:AH$366,ROUNDDOWN($C7301/24,0)+1,1)*INDEX($D$3:$AA$30,INDEX(Jesper!$R$2:$R$366,ROW(INDEX(Jesper!AH$2:AH$366,ROUNDDOWN($C7301/24,0)+1,1))-1)+IF('Standard Profiles'!$G$18=$B$10,7,0)+IF('Standard Profiles'!$G$18=$B$17,14,0)+IF('Standard Profiles'!$G$18=$B$24,21,0),MOD($C7301,24)+1)/SUM(INDEX($D$3:$AA$30,INDEX(Jesper!$R$2:$R$366,ROW(INDEX(Jesper!AH$2:AH$366,ROUNDDOWN($C7301/24,0)+1,1))-1)+IF('Standard Profiles'!$G$18=$B$10,7,0)+IF('Standard Profiles'!$G$18=$B$17,14,0)+IF('Standard Profiles'!$G$18=$B$24,21,0),0)),0)</f>
        <v>13.609006265229999</v>
      </c>
      <c r="E7301" cm="1">
        <f t="array" ref="E7301">IFERROR(INDEX(Jesper!AI$2:AI$366,ROUNDDOWN($C7301/24,0)+1,1)*INDEX($D$3:$AA$30,INDEX(Jesper!$R$2:$R$366,ROW(INDEX(Jesper!AI$2:AI$366,ROUNDDOWN($C7301/24,0)+1,1))-1)+IF('Standard Profiles'!$G$19=$B$10,7,0)+IF('Standard Profiles'!$G$19=$B$17,14,0)+IF('Standard Profiles'!$G$19=$B$24,21,0),MOD($C7301,24)+1)/SUM(INDEX($D$3:$AA$30,INDEX(Jesper!$R$2:$R$366,ROW(INDEX(Jesper!AI$2:AI$366,ROUNDDOWN($C7301/24,0)+1,1))-1)+IF('Standard Profiles'!$G$19=$B$10,7,0)+IF('Standard Profiles'!$G$19=$B$17,14,0)+IF('Standard Profiles'!$G$19=$B$24,21,0),0)),0)</f>
        <v>0</v>
      </c>
      <c r="F7301" cm="1">
        <f t="array" ref="F7301">IFERROR(INDEX(Jesper!AJ$2:AJ$366,ROUNDDOWN($C7301/24,0)+1,1)*INDEX($D$3:$AA$30,INDEX(Jesper!$R$2:$R$366,ROW(INDEX(Jesper!AJ$2:AJ$366,ROUNDDOWN($C7301/24,0)+1,1))-1)+IF('Standard Profiles'!$G$20=$B$10,7,0)+IF('Standard Profiles'!$G$20=$B$17,14,0)+IF('Standard Profiles'!$G$20=$B$24,21,0),MOD($C7301,24)+1)/SUM(INDEX($D$3:$AA$30,INDEX(Jesper!$R$2:$R$366,ROW(INDEX(Jesper!AJ$2:AJ$366,ROUNDDOWN($C7301/24,0)+1,1))-1)+IF('Standard Profiles'!$G$20=$B$10,7,0)+IF('Standard Profiles'!$G$20=$B$17,14,0)+IF('Standard Profiles'!$G$20=$B$24,21,0),0)),0)</f>
        <v>0</v>
      </c>
      <c r="G7301" cm="1">
        <f t="array" ref="G7301">IFERROR(INDEX(Jesper!AK$2:AK$366,ROUNDDOWN($C7301/24,0)+1,1)*INDEX($D$3:$AA$30,INDEX(Jesper!$R$2:$R$366,ROW(INDEX(Jesper!AK$2:AK$366,ROUNDDOWN($C7301/24,0)+1,1))-1)+IF('Standard Profiles'!$G$21=$B$10,7,0)+IF('Standard Profiles'!$G$21=$B$17,14,0)+IF('Standard Profiles'!$G$21=$B$24,21,0),MOD($C7301,24)+1)/SUM(INDEX($D$3:$AA$30,INDEX(Jesper!$R$2:$R$366,ROW(INDEX(Jesper!AK$2:AK$366,ROUNDDOWN($C7301/24,0)+1,1))-1)+IF('Standard Profiles'!$G$21=$B$10,7,0)+IF('Standard Profiles'!$G$21=$B$17,14,0)+IF('Standard Profiles'!$G$21=$B$24,21,0),0)),0)</f>
        <v>0</v>
      </c>
      <c r="H7301" cm="1">
        <f t="array" ref="H7301">IFERROR(INDEX(Jesper!AL$2:AL$366,ROUNDDOWN($C7301/24,0)+1,1)*INDEX($D$3:$AA$30,INDEX(Jesper!$R$2:$R$366,ROW(INDEX(Jesper!AL$2:AL$366,ROUNDDOWN($C7301/24,0)+1,1))-1)+IF('Standard Profiles'!$G$22=$B$10,7,0)+IF('Standard Profiles'!$G$22=$B$17,14,0)+IF('Standard Profiles'!$G$22=$B$24,21,0),MOD($C7301,24)+1)/SUM(INDEX($D$3:$AA$30,INDEX(Jesper!$R$2:$R$366,ROW(INDEX(Jesper!AL$2:AL$366,ROUNDDOWN($C7301/24,0)+1,1))-1)+IF('Standard Profiles'!$G$22=$B$10,7,0)+IF('Standard Profiles'!$G$22=$B$17,14,0)+IF('Standard Profiles'!$G$22=$B$24,21,0),0)),0)</f>
        <v>0</v>
      </c>
      <c r="I7301">
        <f t="shared" si="811"/>
        <v>0.40827018795689995</v>
      </c>
      <c r="J7301">
        <f t="shared" si="812"/>
        <v>1.3609006265229999</v>
      </c>
      <c r="K7301">
        <f t="shared" si="813"/>
        <v>2.0413509397844996</v>
      </c>
      <c r="L7301">
        <f t="shared" si="814"/>
        <v>9.7984845109655989</v>
      </c>
      <c r="M7301">
        <f t="shared" si="815"/>
        <v>0</v>
      </c>
      <c r="N7301" s="46">
        <f t="shared" si="816"/>
        <v>45594.791666649042</v>
      </c>
    </row>
    <row r="7302" spans="2:14" x14ac:dyDescent="0.3">
      <c r="B7302">
        <f t="shared" si="810"/>
        <v>2</v>
      </c>
      <c r="C7302" s="16">
        <v>7268</v>
      </c>
      <c r="D7302" cm="1">
        <f t="array" ref="D7302">IFERROR(INDEX(Jesper!AH$2:AH$366,ROUNDDOWN($C7302/24,0)+1,1)*INDEX($D$3:$AA$30,INDEX(Jesper!$R$2:$R$366,ROW(INDEX(Jesper!AH$2:AH$366,ROUNDDOWN($C7302/24,0)+1,1))-1)+IF('Standard Profiles'!$G$18=$B$10,7,0)+IF('Standard Profiles'!$G$18=$B$17,14,0)+IF('Standard Profiles'!$G$18=$B$24,21,0),MOD($C7302,24)+1)/SUM(INDEX($D$3:$AA$30,INDEX(Jesper!$R$2:$R$366,ROW(INDEX(Jesper!AH$2:AH$366,ROUNDDOWN($C7302/24,0)+1,1))-1)+IF('Standard Profiles'!$G$18=$B$10,7,0)+IF('Standard Profiles'!$G$18=$B$17,14,0)+IF('Standard Profiles'!$G$18=$B$24,21,0),0)),0)</f>
        <v>11.171572307278355</v>
      </c>
      <c r="E7302" cm="1">
        <f t="array" ref="E7302">IFERROR(INDEX(Jesper!AI$2:AI$366,ROUNDDOWN($C7302/24,0)+1,1)*INDEX($D$3:$AA$30,INDEX(Jesper!$R$2:$R$366,ROW(INDEX(Jesper!AI$2:AI$366,ROUNDDOWN($C7302/24,0)+1,1))-1)+IF('Standard Profiles'!$G$19=$B$10,7,0)+IF('Standard Profiles'!$G$19=$B$17,14,0)+IF('Standard Profiles'!$G$19=$B$24,21,0),MOD($C7302,24)+1)/SUM(INDEX($D$3:$AA$30,INDEX(Jesper!$R$2:$R$366,ROW(INDEX(Jesper!AI$2:AI$366,ROUNDDOWN($C7302/24,0)+1,1))-1)+IF('Standard Profiles'!$G$19=$B$10,7,0)+IF('Standard Profiles'!$G$19=$B$17,14,0)+IF('Standard Profiles'!$G$19=$B$24,21,0),0)),0)</f>
        <v>0</v>
      </c>
      <c r="F7302" cm="1">
        <f t="array" ref="F7302">IFERROR(INDEX(Jesper!AJ$2:AJ$366,ROUNDDOWN($C7302/24,0)+1,1)*INDEX($D$3:$AA$30,INDEX(Jesper!$R$2:$R$366,ROW(INDEX(Jesper!AJ$2:AJ$366,ROUNDDOWN($C7302/24,0)+1,1))-1)+IF('Standard Profiles'!$G$20=$B$10,7,0)+IF('Standard Profiles'!$G$20=$B$17,14,0)+IF('Standard Profiles'!$G$20=$B$24,21,0),MOD($C7302,24)+1)/SUM(INDEX($D$3:$AA$30,INDEX(Jesper!$R$2:$R$366,ROW(INDEX(Jesper!AJ$2:AJ$366,ROUNDDOWN($C7302/24,0)+1,1))-1)+IF('Standard Profiles'!$G$20=$B$10,7,0)+IF('Standard Profiles'!$G$20=$B$17,14,0)+IF('Standard Profiles'!$G$20=$B$24,21,0),0)),0)</f>
        <v>0</v>
      </c>
      <c r="G7302" cm="1">
        <f t="array" ref="G7302">IFERROR(INDEX(Jesper!AK$2:AK$366,ROUNDDOWN($C7302/24,0)+1,1)*INDEX($D$3:$AA$30,INDEX(Jesper!$R$2:$R$366,ROW(INDEX(Jesper!AK$2:AK$366,ROUNDDOWN($C7302/24,0)+1,1))-1)+IF('Standard Profiles'!$G$21=$B$10,7,0)+IF('Standard Profiles'!$G$21=$B$17,14,0)+IF('Standard Profiles'!$G$21=$B$24,21,0),MOD($C7302,24)+1)/SUM(INDEX($D$3:$AA$30,INDEX(Jesper!$R$2:$R$366,ROW(INDEX(Jesper!AK$2:AK$366,ROUNDDOWN($C7302/24,0)+1,1))-1)+IF('Standard Profiles'!$G$21=$B$10,7,0)+IF('Standard Profiles'!$G$21=$B$17,14,0)+IF('Standard Profiles'!$G$21=$B$24,21,0),0)),0)</f>
        <v>0</v>
      </c>
      <c r="H7302" cm="1">
        <f t="array" ref="H7302">IFERROR(INDEX(Jesper!AL$2:AL$366,ROUNDDOWN($C7302/24,0)+1,1)*INDEX($D$3:$AA$30,INDEX(Jesper!$R$2:$R$366,ROW(INDEX(Jesper!AL$2:AL$366,ROUNDDOWN($C7302/24,0)+1,1))-1)+IF('Standard Profiles'!$G$22=$B$10,7,0)+IF('Standard Profiles'!$G$22=$B$17,14,0)+IF('Standard Profiles'!$G$22=$B$24,21,0),MOD($C7302,24)+1)/SUM(INDEX($D$3:$AA$30,INDEX(Jesper!$R$2:$R$366,ROW(INDEX(Jesper!AL$2:AL$366,ROUNDDOWN($C7302/24,0)+1,1))-1)+IF('Standard Profiles'!$G$22=$B$10,7,0)+IF('Standard Profiles'!$G$22=$B$17,14,0)+IF('Standard Profiles'!$G$22=$B$24,21,0),0)),0)</f>
        <v>0</v>
      </c>
      <c r="I7302">
        <f t="shared" si="811"/>
        <v>0.33514716921835064</v>
      </c>
      <c r="J7302">
        <f t="shared" si="812"/>
        <v>1.1171572307278355</v>
      </c>
      <c r="K7302">
        <f t="shared" si="813"/>
        <v>1.6757358460917533</v>
      </c>
      <c r="L7302">
        <f t="shared" si="814"/>
        <v>8.0435320612404162</v>
      </c>
      <c r="M7302">
        <f t="shared" si="815"/>
        <v>0</v>
      </c>
      <c r="N7302" s="46">
        <f t="shared" si="816"/>
        <v>45594.833333315706</v>
      </c>
    </row>
    <row r="7303" spans="2:14" x14ac:dyDescent="0.3">
      <c r="B7303">
        <f t="shared" si="810"/>
        <v>2</v>
      </c>
      <c r="C7303" s="16">
        <v>7269</v>
      </c>
      <c r="D7303" cm="1">
        <f t="array" ref="D7303">IFERROR(INDEX(Jesper!AH$2:AH$366,ROUNDDOWN($C7303/24,0)+1,1)*INDEX($D$3:$AA$30,INDEX(Jesper!$R$2:$R$366,ROW(INDEX(Jesper!AH$2:AH$366,ROUNDDOWN($C7303/24,0)+1,1))-1)+IF('Standard Profiles'!$G$18=$B$10,7,0)+IF('Standard Profiles'!$G$18=$B$17,14,0)+IF('Standard Profiles'!$G$18=$B$24,21,0),MOD($C7303,24)+1)/SUM(INDEX($D$3:$AA$30,INDEX(Jesper!$R$2:$R$366,ROW(INDEX(Jesper!AH$2:AH$366,ROUNDDOWN($C7303/24,0)+1,1))-1)+IF('Standard Profiles'!$G$18=$B$10,7,0)+IF('Standard Profiles'!$G$18=$B$17,14,0)+IF('Standard Profiles'!$G$18=$B$24,21,0),0)),0)</f>
        <v>8.1247798598388048</v>
      </c>
      <c r="E7303" cm="1">
        <f t="array" ref="E7303">IFERROR(INDEX(Jesper!AI$2:AI$366,ROUNDDOWN($C7303/24,0)+1,1)*INDEX($D$3:$AA$30,INDEX(Jesper!$R$2:$R$366,ROW(INDEX(Jesper!AI$2:AI$366,ROUNDDOWN($C7303/24,0)+1,1))-1)+IF('Standard Profiles'!$G$19=$B$10,7,0)+IF('Standard Profiles'!$G$19=$B$17,14,0)+IF('Standard Profiles'!$G$19=$B$24,21,0),MOD($C7303,24)+1)/SUM(INDEX($D$3:$AA$30,INDEX(Jesper!$R$2:$R$366,ROW(INDEX(Jesper!AI$2:AI$366,ROUNDDOWN($C7303/24,0)+1,1))-1)+IF('Standard Profiles'!$G$19=$B$10,7,0)+IF('Standard Profiles'!$G$19=$B$17,14,0)+IF('Standard Profiles'!$G$19=$B$24,21,0),0)),0)</f>
        <v>0</v>
      </c>
      <c r="F7303" cm="1">
        <f t="array" ref="F7303">IFERROR(INDEX(Jesper!AJ$2:AJ$366,ROUNDDOWN($C7303/24,0)+1,1)*INDEX($D$3:$AA$30,INDEX(Jesper!$R$2:$R$366,ROW(INDEX(Jesper!AJ$2:AJ$366,ROUNDDOWN($C7303/24,0)+1,1))-1)+IF('Standard Profiles'!$G$20=$B$10,7,0)+IF('Standard Profiles'!$G$20=$B$17,14,0)+IF('Standard Profiles'!$G$20=$B$24,21,0),MOD($C7303,24)+1)/SUM(INDEX($D$3:$AA$30,INDEX(Jesper!$R$2:$R$366,ROW(INDEX(Jesper!AJ$2:AJ$366,ROUNDDOWN($C7303/24,0)+1,1))-1)+IF('Standard Profiles'!$G$20=$B$10,7,0)+IF('Standard Profiles'!$G$20=$B$17,14,0)+IF('Standard Profiles'!$G$20=$B$24,21,0),0)),0)</f>
        <v>0</v>
      </c>
      <c r="G7303" cm="1">
        <f t="array" ref="G7303">IFERROR(INDEX(Jesper!AK$2:AK$366,ROUNDDOWN($C7303/24,0)+1,1)*INDEX($D$3:$AA$30,INDEX(Jesper!$R$2:$R$366,ROW(INDEX(Jesper!AK$2:AK$366,ROUNDDOWN($C7303/24,0)+1,1))-1)+IF('Standard Profiles'!$G$21=$B$10,7,0)+IF('Standard Profiles'!$G$21=$B$17,14,0)+IF('Standard Profiles'!$G$21=$B$24,21,0),MOD($C7303,24)+1)/SUM(INDEX($D$3:$AA$30,INDEX(Jesper!$R$2:$R$366,ROW(INDEX(Jesper!AK$2:AK$366,ROUNDDOWN($C7303/24,0)+1,1))-1)+IF('Standard Profiles'!$G$21=$B$10,7,0)+IF('Standard Profiles'!$G$21=$B$17,14,0)+IF('Standard Profiles'!$G$21=$B$24,21,0),0)),0)</f>
        <v>0</v>
      </c>
      <c r="H7303" cm="1">
        <f t="array" ref="H7303">IFERROR(INDEX(Jesper!AL$2:AL$366,ROUNDDOWN($C7303/24,0)+1,1)*INDEX($D$3:$AA$30,INDEX(Jesper!$R$2:$R$366,ROW(INDEX(Jesper!AL$2:AL$366,ROUNDDOWN($C7303/24,0)+1,1))-1)+IF('Standard Profiles'!$G$22=$B$10,7,0)+IF('Standard Profiles'!$G$22=$B$17,14,0)+IF('Standard Profiles'!$G$22=$B$24,21,0),MOD($C7303,24)+1)/SUM(INDEX($D$3:$AA$30,INDEX(Jesper!$R$2:$R$366,ROW(INDEX(Jesper!AL$2:AL$366,ROUNDDOWN($C7303/24,0)+1,1))-1)+IF('Standard Profiles'!$G$22=$B$10,7,0)+IF('Standard Profiles'!$G$22=$B$17,14,0)+IF('Standard Profiles'!$G$22=$B$24,21,0),0)),0)</f>
        <v>0</v>
      </c>
      <c r="I7303">
        <f t="shared" si="811"/>
        <v>0.24374339579516413</v>
      </c>
      <c r="J7303">
        <f t="shared" si="812"/>
        <v>0.81247798598388055</v>
      </c>
      <c r="K7303">
        <f t="shared" si="813"/>
        <v>1.2187169789758208</v>
      </c>
      <c r="L7303">
        <f t="shared" si="814"/>
        <v>5.8498414990839391</v>
      </c>
      <c r="M7303">
        <f t="shared" si="815"/>
        <v>0</v>
      </c>
      <c r="N7303" s="46">
        <f t="shared" si="816"/>
        <v>45594.87499998237</v>
      </c>
    </row>
    <row r="7304" spans="2:14" x14ac:dyDescent="0.3">
      <c r="B7304">
        <f t="shared" si="810"/>
        <v>2</v>
      </c>
      <c r="C7304" s="16">
        <v>7270</v>
      </c>
      <c r="D7304" cm="1">
        <f t="array" ref="D7304">IFERROR(INDEX(Jesper!AH$2:AH$366,ROUNDDOWN($C7304/24,0)+1,1)*INDEX($D$3:$AA$30,INDEX(Jesper!$R$2:$R$366,ROW(INDEX(Jesper!AH$2:AH$366,ROUNDDOWN($C7304/24,0)+1,1))-1)+IF('Standard Profiles'!$G$18=$B$10,7,0)+IF('Standard Profiles'!$G$18=$B$17,14,0)+IF('Standard Profiles'!$G$18=$B$24,21,0),MOD($C7304,24)+1)/SUM(INDEX($D$3:$AA$30,INDEX(Jesper!$R$2:$R$366,ROW(INDEX(Jesper!AH$2:AH$366,ROUNDDOWN($C7304/24,0)+1,1))-1)+IF('Standard Profiles'!$G$18=$B$10,7,0)+IF('Standard Profiles'!$G$18=$B$17,14,0)+IF('Standard Profiles'!$G$18=$B$24,21,0),0)),0)</f>
        <v>8.1247798598388048</v>
      </c>
      <c r="E7304" cm="1">
        <f t="array" ref="E7304">IFERROR(INDEX(Jesper!AI$2:AI$366,ROUNDDOWN($C7304/24,0)+1,1)*INDEX($D$3:$AA$30,INDEX(Jesper!$R$2:$R$366,ROW(INDEX(Jesper!AI$2:AI$366,ROUNDDOWN($C7304/24,0)+1,1))-1)+IF('Standard Profiles'!$G$19=$B$10,7,0)+IF('Standard Profiles'!$G$19=$B$17,14,0)+IF('Standard Profiles'!$G$19=$B$24,21,0),MOD($C7304,24)+1)/SUM(INDEX($D$3:$AA$30,INDEX(Jesper!$R$2:$R$366,ROW(INDEX(Jesper!AI$2:AI$366,ROUNDDOWN($C7304/24,0)+1,1))-1)+IF('Standard Profiles'!$G$19=$B$10,7,0)+IF('Standard Profiles'!$G$19=$B$17,14,0)+IF('Standard Profiles'!$G$19=$B$24,21,0),0)),0)</f>
        <v>0</v>
      </c>
      <c r="F7304" cm="1">
        <f t="array" ref="F7304">IFERROR(INDEX(Jesper!AJ$2:AJ$366,ROUNDDOWN($C7304/24,0)+1,1)*INDEX($D$3:$AA$30,INDEX(Jesper!$R$2:$R$366,ROW(INDEX(Jesper!AJ$2:AJ$366,ROUNDDOWN($C7304/24,0)+1,1))-1)+IF('Standard Profiles'!$G$20=$B$10,7,0)+IF('Standard Profiles'!$G$20=$B$17,14,0)+IF('Standard Profiles'!$G$20=$B$24,21,0),MOD($C7304,24)+1)/SUM(INDEX($D$3:$AA$30,INDEX(Jesper!$R$2:$R$366,ROW(INDEX(Jesper!AJ$2:AJ$366,ROUNDDOWN($C7304/24,0)+1,1))-1)+IF('Standard Profiles'!$G$20=$B$10,7,0)+IF('Standard Profiles'!$G$20=$B$17,14,0)+IF('Standard Profiles'!$G$20=$B$24,21,0),0)),0)</f>
        <v>0</v>
      </c>
      <c r="G7304" cm="1">
        <f t="array" ref="G7304">IFERROR(INDEX(Jesper!AK$2:AK$366,ROUNDDOWN($C7304/24,0)+1,1)*INDEX($D$3:$AA$30,INDEX(Jesper!$R$2:$R$366,ROW(INDEX(Jesper!AK$2:AK$366,ROUNDDOWN($C7304/24,0)+1,1))-1)+IF('Standard Profiles'!$G$21=$B$10,7,0)+IF('Standard Profiles'!$G$21=$B$17,14,0)+IF('Standard Profiles'!$G$21=$B$24,21,0),MOD($C7304,24)+1)/SUM(INDEX($D$3:$AA$30,INDEX(Jesper!$R$2:$R$366,ROW(INDEX(Jesper!AK$2:AK$366,ROUNDDOWN($C7304/24,0)+1,1))-1)+IF('Standard Profiles'!$G$21=$B$10,7,0)+IF('Standard Profiles'!$G$21=$B$17,14,0)+IF('Standard Profiles'!$G$21=$B$24,21,0),0)),0)</f>
        <v>0</v>
      </c>
      <c r="H7304" cm="1">
        <f t="array" ref="H7304">IFERROR(INDEX(Jesper!AL$2:AL$366,ROUNDDOWN($C7304/24,0)+1,1)*INDEX($D$3:$AA$30,INDEX(Jesper!$R$2:$R$366,ROW(INDEX(Jesper!AL$2:AL$366,ROUNDDOWN($C7304/24,0)+1,1))-1)+IF('Standard Profiles'!$G$22=$B$10,7,0)+IF('Standard Profiles'!$G$22=$B$17,14,0)+IF('Standard Profiles'!$G$22=$B$24,21,0),MOD($C7304,24)+1)/SUM(INDEX($D$3:$AA$30,INDEX(Jesper!$R$2:$R$366,ROW(INDEX(Jesper!AL$2:AL$366,ROUNDDOWN($C7304/24,0)+1,1))-1)+IF('Standard Profiles'!$G$22=$B$10,7,0)+IF('Standard Profiles'!$G$22=$B$17,14,0)+IF('Standard Profiles'!$G$22=$B$24,21,0),0)),0)</f>
        <v>0</v>
      </c>
      <c r="I7304">
        <f t="shared" si="811"/>
        <v>0.24374339579516413</v>
      </c>
      <c r="J7304">
        <f t="shared" si="812"/>
        <v>0.81247798598388055</v>
      </c>
      <c r="K7304">
        <f t="shared" si="813"/>
        <v>1.2187169789758208</v>
      </c>
      <c r="L7304">
        <f t="shared" si="814"/>
        <v>5.8498414990839391</v>
      </c>
      <c r="M7304">
        <f t="shared" si="815"/>
        <v>0</v>
      </c>
      <c r="N7304" s="46">
        <f t="shared" si="816"/>
        <v>45594.916666649035</v>
      </c>
    </row>
    <row r="7305" spans="2:14" x14ac:dyDescent="0.3">
      <c r="B7305">
        <f t="shared" si="810"/>
        <v>2</v>
      </c>
      <c r="C7305" s="16">
        <v>7271</v>
      </c>
      <c r="D7305" cm="1">
        <f t="array" ref="D7305">IFERROR(INDEX(Jesper!AH$2:AH$366,ROUNDDOWN($C7305/24,0)+1,1)*INDEX($D$3:$AA$30,INDEX(Jesper!$R$2:$R$366,ROW(INDEX(Jesper!AH$2:AH$366,ROUNDDOWN($C7305/24,0)+1,1))-1)+IF('Standard Profiles'!$G$18=$B$10,7,0)+IF('Standard Profiles'!$G$18=$B$17,14,0)+IF('Standard Profiles'!$G$18=$B$24,21,0),MOD($C7305,24)+1)/SUM(INDEX($D$3:$AA$30,INDEX(Jesper!$R$2:$R$366,ROW(INDEX(Jesper!AH$2:AH$366,ROUNDDOWN($C7305/24,0)+1,1))-1)+IF('Standard Profiles'!$G$18=$B$10,7,0)+IF('Standard Profiles'!$G$18=$B$17,14,0)+IF('Standard Profiles'!$G$18=$B$24,21,0),0)),0)</f>
        <v>8.1247798598388048</v>
      </c>
      <c r="E7305" cm="1">
        <f t="array" ref="E7305">IFERROR(INDEX(Jesper!AI$2:AI$366,ROUNDDOWN($C7305/24,0)+1,1)*INDEX($D$3:$AA$30,INDEX(Jesper!$R$2:$R$366,ROW(INDEX(Jesper!AI$2:AI$366,ROUNDDOWN($C7305/24,0)+1,1))-1)+IF('Standard Profiles'!$G$19=$B$10,7,0)+IF('Standard Profiles'!$G$19=$B$17,14,0)+IF('Standard Profiles'!$G$19=$B$24,21,0),MOD($C7305,24)+1)/SUM(INDEX($D$3:$AA$30,INDEX(Jesper!$R$2:$R$366,ROW(INDEX(Jesper!AI$2:AI$366,ROUNDDOWN($C7305/24,0)+1,1))-1)+IF('Standard Profiles'!$G$19=$B$10,7,0)+IF('Standard Profiles'!$G$19=$B$17,14,0)+IF('Standard Profiles'!$G$19=$B$24,21,0),0)),0)</f>
        <v>0</v>
      </c>
      <c r="F7305" cm="1">
        <f t="array" ref="F7305">IFERROR(INDEX(Jesper!AJ$2:AJ$366,ROUNDDOWN($C7305/24,0)+1,1)*INDEX($D$3:$AA$30,INDEX(Jesper!$R$2:$R$366,ROW(INDEX(Jesper!AJ$2:AJ$366,ROUNDDOWN($C7305/24,0)+1,1))-1)+IF('Standard Profiles'!$G$20=$B$10,7,0)+IF('Standard Profiles'!$G$20=$B$17,14,0)+IF('Standard Profiles'!$G$20=$B$24,21,0),MOD($C7305,24)+1)/SUM(INDEX($D$3:$AA$30,INDEX(Jesper!$R$2:$R$366,ROW(INDEX(Jesper!AJ$2:AJ$366,ROUNDDOWN($C7305/24,0)+1,1))-1)+IF('Standard Profiles'!$G$20=$B$10,7,0)+IF('Standard Profiles'!$G$20=$B$17,14,0)+IF('Standard Profiles'!$G$20=$B$24,21,0),0)),0)</f>
        <v>0</v>
      </c>
      <c r="G7305" cm="1">
        <f t="array" ref="G7305">IFERROR(INDEX(Jesper!AK$2:AK$366,ROUNDDOWN($C7305/24,0)+1,1)*INDEX($D$3:$AA$30,INDEX(Jesper!$R$2:$R$366,ROW(INDEX(Jesper!AK$2:AK$366,ROUNDDOWN($C7305/24,0)+1,1))-1)+IF('Standard Profiles'!$G$21=$B$10,7,0)+IF('Standard Profiles'!$G$21=$B$17,14,0)+IF('Standard Profiles'!$G$21=$B$24,21,0),MOD($C7305,24)+1)/SUM(INDEX($D$3:$AA$30,INDEX(Jesper!$R$2:$R$366,ROW(INDEX(Jesper!AK$2:AK$366,ROUNDDOWN($C7305/24,0)+1,1))-1)+IF('Standard Profiles'!$G$21=$B$10,7,0)+IF('Standard Profiles'!$G$21=$B$17,14,0)+IF('Standard Profiles'!$G$21=$B$24,21,0),0)),0)</f>
        <v>0</v>
      </c>
      <c r="H7305" cm="1">
        <f t="array" ref="H7305">IFERROR(INDEX(Jesper!AL$2:AL$366,ROUNDDOWN($C7305/24,0)+1,1)*INDEX($D$3:$AA$30,INDEX(Jesper!$R$2:$R$366,ROW(INDEX(Jesper!AL$2:AL$366,ROUNDDOWN($C7305/24,0)+1,1))-1)+IF('Standard Profiles'!$G$22=$B$10,7,0)+IF('Standard Profiles'!$G$22=$B$17,14,0)+IF('Standard Profiles'!$G$22=$B$24,21,0),MOD($C7305,24)+1)/SUM(INDEX($D$3:$AA$30,INDEX(Jesper!$R$2:$R$366,ROW(INDEX(Jesper!AL$2:AL$366,ROUNDDOWN($C7305/24,0)+1,1))-1)+IF('Standard Profiles'!$G$22=$B$10,7,0)+IF('Standard Profiles'!$G$22=$B$17,14,0)+IF('Standard Profiles'!$G$22=$B$24,21,0),0)),0)</f>
        <v>0</v>
      </c>
      <c r="I7305">
        <f t="shared" si="811"/>
        <v>0.24374339579516413</v>
      </c>
      <c r="J7305">
        <f t="shared" si="812"/>
        <v>0.81247798598388055</v>
      </c>
      <c r="K7305">
        <f t="shared" si="813"/>
        <v>1.2187169789758208</v>
      </c>
      <c r="L7305">
        <f t="shared" si="814"/>
        <v>5.8498414990839391</v>
      </c>
      <c r="M7305">
        <f t="shared" si="815"/>
        <v>0</v>
      </c>
      <c r="N7305" s="46">
        <f t="shared" si="816"/>
        <v>45594.958333315699</v>
      </c>
    </row>
    <row r="7306" spans="2:14" x14ac:dyDescent="0.3">
      <c r="B7306">
        <f t="shared" si="810"/>
        <v>3</v>
      </c>
      <c r="C7306" s="16">
        <v>7272</v>
      </c>
      <c r="D7306" cm="1">
        <f t="array" ref="D7306">IFERROR(INDEX(Jesper!AH$2:AH$366,ROUNDDOWN($C7306/24,0)+1,1)*INDEX($D$3:$AA$30,INDEX(Jesper!$R$2:$R$366,ROW(INDEX(Jesper!AH$2:AH$366,ROUNDDOWN($C7306/24,0)+1,1))-1)+IF('Standard Profiles'!$G$18=$B$10,7,0)+IF('Standard Profiles'!$G$18=$B$17,14,0)+IF('Standard Profiles'!$G$18=$B$24,21,0),MOD($C7306,24)+1)/SUM(INDEX($D$3:$AA$30,INDEX(Jesper!$R$2:$R$366,ROW(INDEX(Jesper!AH$2:AH$366,ROUNDDOWN($C7306/24,0)+1,1))-1)+IF('Standard Profiles'!$G$18=$B$10,7,0)+IF('Standard Profiles'!$G$18=$B$17,14,0)+IF('Standard Profiles'!$G$18=$B$24,21,0),0)),0)</f>
        <v>7.2515793066504504</v>
      </c>
      <c r="E7306" cm="1">
        <f t="array" ref="E7306">IFERROR(INDEX(Jesper!AI$2:AI$366,ROUNDDOWN($C7306/24,0)+1,1)*INDEX($D$3:$AA$30,INDEX(Jesper!$R$2:$R$366,ROW(INDEX(Jesper!AI$2:AI$366,ROUNDDOWN($C7306/24,0)+1,1))-1)+IF('Standard Profiles'!$G$19=$B$10,7,0)+IF('Standard Profiles'!$G$19=$B$17,14,0)+IF('Standard Profiles'!$G$19=$B$24,21,0),MOD($C7306,24)+1)/SUM(INDEX($D$3:$AA$30,INDEX(Jesper!$R$2:$R$366,ROW(INDEX(Jesper!AI$2:AI$366,ROUNDDOWN($C7306/24,0)+1,1))-1)+IF('Standard Profiles'!$G$19=$B$10,7,0)+IF('Standard Profiles'!$G$19=$B$17,14,0)+IF('Standard Profiles'!$G$19=$B$24,21,0),0)),0)</f>
        <v>0</v>
      </c>
      <c r="F7306" cm="1">
        <f t="array" ref="F7306">IFERROR(INDEX(Jesper!AJ$2:AJ$366,ROUNDDOWN($C7306/24,0)+1,1)*INDEX($D$3:$AA$30,INDEX(Jesper!$R$2:$R$366,ROW(INDEX(Jesper!AJ$2:AJ$366,ROUNDDOWN($C7306/24,0)+1,1))-1)+IF('Standard Profiles'!$G$20=$B$10,7,0)+IF('Standard Profiles'!$G$20=$B$17,14,0)+IF('Standard Profiles'!$G$20=$B$24,21,0),MOD($C7306,24)+1)/SUM(INDEX($D$3:$AA$30,INDEX(Jesper!$R$2:$R$366,ROW(INDEX(Jesper!AJ$2:AJ$366,ROUNDDOWN($C7306/24,0)+1,1))-1)+IF('Standard Profiles'!$G$20=$B$10,7,0)+IF('Standard Profiles'!$G$20=$B$17,14,0)+IF('Standard Profiles'!$G$20=$B$24,21,0),0)),0)</f>
        <v>0</v>
      </c>
      <c r="G7306" cm="1">
        <f t="array" ref="G7306">IFERROR(INDEX(Jesper!AK$2:AK$366,ROUNDDOWN($C7306/24,0)+1,1)*INDEX($D$3:$AA$30,INDEX(Jesper!$R$2:$R$366,ROW(INDEX(Jesper!AK$2:AK$366,ROUNDDOWN($C7306/24,0)+1,1))-1)+IF('Standard Profiles'!$G$21=$B$10,7,0)+IF('Standard Profiles'!$G$21=$B$17,14,0)+IF('Standard Profiles'!$G$21=$B$24,21,0),MOD($C7306,24)+1)/SUM(INDEX($D$3:$AA$30,INDEX(Jesper!$R$2:$R$366,ROW(INDEX(Jesper!AK$2:AK$366,ROUNDDOWN($C7306/24,0)+1,1))-1)+IF('Standard Profiles'!$G$21=$B$10,7,0)+IF('Standard Profiles'!$G$21=$B$17,14,0)+IF('Standard Profiles'!$G$21=$B$24,21,0),0)),0)</f>
        <v>0</v>
      </c>
      <c r="H7306" cm="1">
        <f t="array" ref="H7306">IFERROR(INDEX(Jesper!AL$2:AL$366,ROUNDDOWN($C7306/24,0)+1,1)*INDEX($D$3:$AA$30,INDEX(Jesper!$R$2:$R$366,ROW(INDEX(Jesper!AL$2:AL$366,ROUNDDOWN($C7306/24,0)+1,1))-1)+IF('Standard Profiles'!$G$22=$B$10,7,0)+IF('Standard Profiles'!$G$22=$B$17,14,0)+IF('Standard Profiles'!$G$22=$B$24,21,0),MOD($C7306,24)+1)/SUM(INDEX($D$3:$AA$30,INDEX(Jesper!$R$2:$R$366,ROW(INDEX(Jesper!AL$2:AL$366,ROUNDDOWN($C7306/24,0)+1,1))-1)+IF('Standard Profiles'!$G$22=$B$10,7,0)+IF('Standard Profiles'!$G$22=$B$17,14,0)+IF('Standard Profiles'!$G$22=$B$24,21,0),0)),0)</f>
        <v>0</v>
      </c>
      <c r="I7306">
        <f t="shared" si="811"/>
        <v>0.2175473791995135</v>
      </c>
      <c r="J7306">
        <f t="shared" si="812"/>
        <v>0.72515793066504508</v>
      </c>
      <c r="K7306">
        <f t="shared" si="813"/>
        <v>1.0877368959975675</v>
      </c>
      <c r="L7306">
        <f t="shared" si="814"/>
        <v>5.221137100788324</v>
      </c>
      <c r="M7306">
        <f t="shared" si="815"/>
        <v>0</v>
      </c>
      <c r="N7306" s="46">
        <f t="shared" si="816"/>
        <v>45594.999999982363</v>
      </c>
    </row>
    <row r="7307" spans="2:14" x14ac:dyDescent="0.3">
      <c r="B7307">
        <f t="shared" si="810"/>
        <v>3</v>
      </c>
      <c r="C7307" s="16">
        <v>7273</v>
      </c>
      <c r="D7307" cm="1">
        <f t="array" ref="D7307">IFERROR(INDEX(Jesper!AH$2:AH$366,ROUNDDOWN($C7307/24,0)+1,1)*INDEX($D$3:$AA$30,INDEX(Jesper!$R$2:$R$366,ROW(INDEX(Jesper!AH$2:AH$366,ROUNDDOWN($C7307/24,0)+1,1))-1)+IF('Standard Profiles'!$G$18=$B$10,7,0)+IF('Standard Profiles'!$G$18=$B$17,14,0)+IF('Standard Profiles'!$G$18=$B$24,21,0),MOD($C7307,24)+1)/SUM(INDEX($D$3:$AA$30,INDEX(Jesper!$R$2:$R$366,ROW(INDEX(Jesper!AH$2:AH$366,ROUNDDOWN($C7307/24,0)+1,1))-1)+IF('Standard Profiles'!$G$18=$B$10,7,0)+IF('Standard Profiles'!$G$18=$B$17,14,0)+IF('Standard Profiles'!$G$18=$B$24,21,0),0)),0)</f>
        <v>8.1580267199817555</v>
      </c>
      <c r="E7307" cm="1">
        <f t="array" ref="E7307">IFERROR(INDEX(Jesper!AI$2:AI$366,ROUNDDOWN($C7307/24,0)+1,1)*INDEX($D$3:$AA$30,INDEX(Jesper!$R$2:$R$366,ROW(INDEX(Jesper!AI$2:AI$366,ROUNDDOWN($C7307/24,0)+1,1))-1)+IF('Standard Profiles'!$G$19=$B$10,7,0)+IF('Standard Profiles'!$G$19=$B$17,14,0)+IF('Standard Profiles'!$G$19=$B$24,21,0),MOD($C7307,24)+1)/SUM(INDEX($D$3:$AA$30,INDEX(Jesper!$R$2:$R$366,ROW(INDEX(Jesper!AI$2:AI$366,ROUNDDOWN($C7307/24,0)+1,1))-1)+IF('Standard Profiles'!$G$19=$B$10,7,0)+IF('Standard Profiles'!$G$19=$B$17,14,0)+IF('Standard Profiles'!$G$19=$B$24,21,0),0)),0)</f>
        <v>0</v>
      </c>
      <c r="F7307" cm="1">
        <f t="array" ref="F7307">IFERROR(INDEX(Jesper!AJ$2:AJ$366,ROUNDDOWN($C7307/24,0)+1,1)*INDEX($D$3:$AA$30,INDEX(Jesper!$R$2:$R$366,ROW(INDEX(Jesper!AJ$2:AJ$366,ROUNDDOWN($C7307/24,0)+1,1))-1)+IF('Standard Profiles'!$G$20=$B$10,7,0)+IF('Standard Profiles'!$G$20=$B$17,14,0)+IF('Standard Profiles'!$G$20=$B$24,21,0),MOD($C7307,24)+1)/SUM(INDEX($D$3:$AA$30,INDEX(Jesper!$R$2:$R$366,ROW(INDEX(Jesper!AJ$2:AJ$366,ROUNDDOWN($C7307/24,0)+1,1))-1)+IF('Standard Profiles'!$G$20=$B$10,7,0)+IF('Standard Profiles'!$G$20=$B$17,14,0)+IF('Standard Profiles'!$G$20=$B$24,21,0),0)),0)</f>
        <v>0</v>
      </c>
      <c r="G7307" cm="1">
        <f t="array" ref="G7307">IFERROR(INDEX(Jesper!AK$2:AK$366,ROUNDDOWN($C7307/24,0)+1,1)*INDEX($D$3:$AA$30,INDEX(Jesper!$R$2:$R$366,ROW(INDEX(Jesper!AK$2:AK$366,ROUNDDOWN($C7307/24,0)+1,1))-1)+IF('Standard Profiles'!$G$21=$B$10,7,0)+IF('Standard Profiles'!$G$21=$B$17,14,0)+IF('Standard Profiles'!$G$21=$B$24,21,0),MOD($C7307,24)+1)/SUM(INDEX($D$3:$AA$30,INDEX(Jesper!$R$2:$R$366,ROW(INDEX(Jesper!AK$2:AK$366,ROUNDDOWN($C7307/24,0)+1,1))-1)+IF('Standard Profiles'!$G$21=$B$10,7,0)+IF('Standard Profiles'!$G$21=$B$17,14,0)+IF('Standard Profiles'!$G$21=$B$24,21,0),0)),0)</f>
        <v>0</v>
      </c>
      <c r="H7307" cm="1">
        <f t="array" ref="H7307">IFERROR(INDEX(Jesper!AL$2:AL$366,ROUNDDOWN($C7307/24,0)+1,1)*INDEX($D$3:$AA$30,INDEX(Jesper!$R$2:$R$366,ROW(INDEX(Jesper!AL$2:AL$366,ROUNDDOWN($C7307/24,0)+1,1))-1)+IF('Standard Profiles'!$G$22=$B$10,7,0)+IF('Standard Profiles'!$G$22=$B$17,14,0)+IF('Standard Profiles'!$G$22=$B$24,21,0),MOD($C7307,24)+1)/SUM(INDEX($D$3:$AA$30,INDEX(Jesper!$R$2:$R$366,ROW(INDEX(Jesper!AL$2:AL$366,ROUNDDOWN($C7307/24,0)+1,1))-1)+IF('Standard Profiles'!$G$22=$B$10,7,0)+IF('Standard Profiles'!$G$22=$B$17,14,0)+IF('Standard Profiles'!$G$22=$B$24,21,0),0)),0)</f>
        <v>0</v>
      </c>
      <c r="I7307">
        <f t="shared" si="811"/>
        <v>0.24474080159945266</v>
      </c>
      <c r="J7307">
        <f t="shared" si="812"/>
        <v>0.81580267199817558</v>
      </c>
      <c r="K7307">
        <f t="shared" si="813"/>
        <v>1.2237040079972632</v>
      </c>
      <c r="L7307">
        <f t="shared" si="814"/>
        <v>5.8737792383868639</v>
      </c>
      <c r="M7307">
        <f t="shared" si="815"/>
        <v>0</v>
      </c>
      <c r="N7307" s="46">
        <f t="shared" si="816"/>
        <v>45595.041666649027</v>
      </c>
    </row>
    <row r="7308" spans="2:14" x14ac:dyDescent="0.3">
      <c r="B7308">
        <f t="shared" si="810"/>
        <v>3</v>
      </c>
      <c r="C7308" s="16">
        <v>7274</v>
      </c>
      <c r="D7308" cm="1">
        <f t="array" ref="D7308">IFERROR(INDEX(Jesper!AH$2:AH$366,ROUNDDOWN($C7308/24,0)+1,1)*INDEX($D$3:$AA$30,INDEX(Jesper!$R$2:$R$366,ROW(INDEX(Jesper!AH$2:AH$366,ROUNDDOWN($C7308/24,0)+1,1))-1)+IF('Standard Profiles'!$G$18=$B$10,7,0)+IF('Standard Profiles'!$G$18=$B$17,14,0)+IF('Standard Profiles'!$G$18=$B$24,21,0),MOD($C7308,24)+1)/SUM(INDEX($D$3:$AA$30,INDEX(Jesper!$R$2:$R$366,ROW(INDEX(Jesper!AH$2:AH$366,ROUNDDOWN($C7308/24,0)+1,1))-1)+IF('Standard Profiles'!$G$18=$B$10,7,0)+IF('Standard Profiles'!$G$18=$B$17,14,0)+IF('Standard Profiles'!$G$18=$B$24,21,0),0)),0)</f>
        <v>8.1580267199817555</v>
      </c>
      <c r="E7308" cm="1">
        <f t="array" ref="E7308">IFERROR(INDEX(Jesper!AI$2:AI$366,ROUNDDOWN($C7308/24,0)+1,1)*INDEX($D$3:$AA$30,INDEX(Jesper!$R$2:$R$366,ROW(INDEX(Jesper!AI$2:AI$366,ROUNDDOWN($C7308/24,0)+1,1))-1)+IF('Standard Profiles'!$G$19=$B$10,7,0)+IF('Standard Profiles'!$G$19=$B$17,14,0)+IF('Standard Profiles'!$G$19=$B$24,21,0),MOD($C7308,24)+1)/SUM(INDEX($D$3:$AA$30,INDEX(Jesper!$R$2:$R$366,ROW(INDEX(Jesper!AI$2:AI$366,ROUNDDOWN($C7308/24,0)+1,1))-1)+IF('Standard Profiles'!$G$19=$B$10,7,0)+IF('Standard Profiles'!$G$19=$B$17,14,0)+IF('Standard Profiles'!$G$19=$B$24,21,0),0)),0)</f>
        <v>0</v>
      </c>
      <c r="F7308" cm="1">
        <f t="array" ref="F7308">IFERROR(INDEX(Jesper!AJ$2:AJ$366,ROUNDDOWN($C7308/24,0)+1,1)*INDEX($D$3:$AA$30,INDEX(Jesper!$R$2:$R$366,ROW(INDEX(Jesper!AJ$2:AJ$366,ROUNDDOWN($C7308/24,0)+1,1))-1)+IF('Standard Profiles'!$G$20=$B$10,7,0)+IF('Standard Profiles'!$G$20=$B$17,14,0)+IF('Standard Profiles'!$G$20=$B$24,21,0),MOD($C7308,24)+1)/SUM(INDEX($D$3:$AA$30,INDEX(Jesper!$R$2:$R$366,ROW(INDEX(Jesper!AJ$2:AJ$366,ROUNDDOWN($C7308/24,0)+1,1))-1)+IF('Standard Profiles'!$G$20=$B$10,7,0)+IF('Standard Profiles'!$G$20=$B$17,14,0)+IF('Standard Profiles'!$G$20=$B$24,21,0),0)),0)</f>
        <v>0</v>
      </c>
      <c r="G7308" cm="1">
        <f t="array" ref="G7308">IFERROR(INDEX(Jesper!AK$2:AK$366,ROUNDDOWN($C7308/24,0)+1,1)*INDEX($D$3:$AA$30,INDEX(Jesper!$R$2:$R$366,ROW(INDEX(Jesper!AK$2:AK$366,ROUNDDOWN($C7308/24,0)+1,1))-1)+IF('Standard Profiles'!$G$21=$B$10,7,0)+IF('Standard Profiles'!$G$21=$B$17,14,0)+IF('Standard Profiles'!$G$21=$B$24,21,0),MOD($C7308,24)+1)/SUM(INDEX($D$3:$AA$30,INDEX(Jesper!$R$2:$R$366,ROW(INDEX(Jesper!AK$2:AK$366,ROUNDDOWN($C7308/24,0)+1,1))-1)+IF('Standard Profiles'!$G$21=$B$10,7,0)+IF('Standard Profiles'!$G$21=$B$17,14,0)+IF('Standard Profiles'!$G$21=$B$24,21,0),0)),0)</f>
        <v>0</v>
      </c>
      <c r="H7308" cm="1">
        <f t="array" ref="H7308">IFERROR(INDEX(Jesper!AL$2:AL$366,ROUNDDOWN($C7308/24,0)+1,1)*INDEX($D$3:$AA$30,INDEX(Jesper!$R$2:$R$366,ROW(INDEX(Jesper!AL$2:AL$366,ROUNDDOWN($C7308/24,0)+1,1))-1)+IF('Standard Profiles'!$G$22=$B$10,7,0)+IF('Standard Profiles'!$G$22=$B$17,14,0)+IF('Standard Profiles'!$G$22=$B$24,21,0),MOD($C7308,24)+1)/SUM(INDEX($D$3:$AA$30,INDEX(Jesper!$R$2:$R$366,ROW(INDEX(Jesper!AL$2:AL$366,ROUNDDOWN($C7308/24,0)+1,1))-1)+IF('Standard Profiles'!$G$22=$B$10,7,0)+IF('Standard Profiles'!$G$22=$B$17,14,0)+IF('Standard Profiles'!$G$22=$B$24,21,0),0)),0)</f>
        <v>0</v>
      </c>
      <c r="I7308">
        <f t="shared" si="811"/>
        <v>0.24474080159945266</v>
      </c>
      <c r="J7308">
        <f t="shared" si="812"/>
        <v>0.81580267199817558</v>
      </c>
      <c r="K7308">
        <f t="shared" si="813"/>
        <v>1.2237040079972632</v>
      </c>
      <c r="L7308">
        <f t="shared" si="814"/>
        <v>5.8737792383868639</v>
      </c>
      <c r="M7308">
        <f t="shared" si="815"/>
        <v>0</v>
      </c>
      <c r="N7308" s="46">
        <f t="shared" si="816"/>
        <v>45595.083333315692</v>
      </c>
    </row>
    <row r="7309" spans="2:14" x14ac:dyDescent="0.3">
      <c r="B7309">
        <f t="shared" si="810"/>
        <v>3</v>
      </c>
      <c r="C7309" s="16">
        <v>7275</v>
      </c>
      <c r="D7309" cm="1">
        <f t="array" ref="D7309">IFERROR(INDEX(Jesper!AH$2:AH$366,ROUNDDOWN($C7309/24,0)+1,1)*INDEX($D$3:$AA$30,INDEX(Jesper!$R$2:$R$366,ROW(INDEX(Jesper!AH$2:AH$366,ROUNDDOWN($C7309/24,0)+1,1))-1)+IF('Standard Profiles'!$G$18=$B$10,7,0)+IF('Standard Profiles'!$G$18=$B$17,14,0)+IF('Standard Profiles'!$G$18=$B$24,21,0),MOD($C7309,24)+1)/SUM(INDEX($D$3:$AA$30,INDEX(Jesper!$R$2:$R$366,ROW(INDEX(Jesper!AH$2:AH$366,ROUNDDOWN($C7309/24,0)+1,1))-1)+IF('Standard Profiles'!$G$18=$B$10,7,0)+IF('Standard Profiles'!$G$18=$B$17,14,0)+IF('Standard Profiles'!$G$18=$B$24,21,0),0)),0)</f>
        <v>8.1580267199817555</v>
      </c>
      <c r="E7309" cm="1">
        <f t="array" ref="E7309">IFERROR(INDEX(Jesper!AI$2:AI$366,ROUNDDOWN($C7309/24,0)+1,1)*INDEX($D$3:$AA$30,INDEX(Jesper!$R$2:$R$366,ROW(INDEX(Jesper!AI$2:AI$366,ROUNDDOWN($C7309/24,0)+1,1))-1)+IF('Standard Profiles'!$G$19=$B$10,7,0)+IF('Standard Profiles'!$G$19=$B$17,14,0)+IF('Standard Profiles'!$G$19=$B$24,21,0),MOD($C7309,24)+1)/SUM(INDEX($D$3:$AA$30,INDEX(Jesper!$R$2:$R$366,ROW(INDEX(Jesper!AI$2:AI$366,ROUNDDOWN($C7309/24,0)+1,1))-1)+IF('Standard Profiles'!$G$19=$B$10,7,0)+IF('Standard Profiles'!$G$19=$B$17,14,0)+IF('Standard Profiles'!$G$19=$B$24,21,0),0)),0)</f>
        <v>0</v>
      </c>
      <c r="F7309" cm="1">
        <f t="array" ref="F7309">IFERROR(INDEX(Jesper!AJ$2:AJ$366,ROUNDDOWN($C7309/24,0)+1,1)*INDEX($D$3:$AA$30,INDEX(Jesper!$R$2:$R$366,ROW(INDEX(Jesper!AJ$2:AJ$366,ROUNDDOWN($C7309/24,0)+1,1))-1)+IF('Standard Profiles'!$G$20=$B$10,7,0)+IF('Standard Profiles'!$G$20=$B$17,14,0)+IF('Standard Profiles'!$G$20=$B$24,21,0),MOD($C7309,24)+1)/SUM(INDEX($D$3:$AA$30,INDEX(Jesper!$R$2:$R$366,ROW(INDEX(Jesper!AJ$2:AJ$366,ROUNDDOWN($C7309/24,0)+1,1))-1)+IF('Standard Profiles'!$G$20=$B$10,7,0)+IF('Standard Profiles'!$G$20=$B$17,14,0)+IF('Standard Profiles'!$G$20=$B$24,21,0),0)),0)</f>
        <v>0</v>
      </c>
      <c r="G7309" cm="1">
        <f t="array" ref="G7309">IFERROR(INDEX(Jesper!AK$2:AK$366,ROUNDDOWN($C7309/24,0)+1,1)*INDEX($D$3:$AA$30,INDEX(Jesper!$R$2:$R$366,ROW(INDEX(Jesper!AK$2:AK$366,ROUNDDOWN($C7309/24,0)+1,1))-1)+IF('Standard Profiles'!$G$21=$B$10,7,0)+IF('Standard Profiles'!$G$21=$B$17,14,0)+IF('Standard Profiles'!$G$21=$B$24,21,0),MOD($C7309,24)+1)/SUM(INDEX($D$3:$AA$30,INDEX(Jesper!$R$2:$R$366,ROW(INDEX(Jesper!AK$2:AK$366,ROUNDDOWN($C7309/24,0)+1,1))-1)+IF('Standard Profiles'!$G$21=$B$10,7,0)+IF('Standard Profiles'!$G$21=$B$17,14,0)+IF('Standard Profiles'!$G$21=$B$24,21,0),0)),0)</f>
        <v>0</v>
      </c>
      <c r="H7309" cm="1">
        <f t="array" ref="H7309">IFERROR(INDEX(Jesper!AL$2:AL$366,ROUNDDOWN($C7309/24,0)+1,1)*INDEX($D$3:$AA$30,INDEX(Jesper!$R$2:$R$366,ROW(INDEX(Jesper!AL$2:AL$366,ROUNDDOWN($C7309/24,0)+1,1))-1)+IF('Standard Profiles'!$G$22=$B$10,7,0)+IF('Standard Profiles'!$G$22=$B$17,14,0)+IF('Standard Profiles'!$G$22=$B$24,21,0),MOD($C7309,24)+1)/SUM(INDEX($D$3:$AA$30,INDEX(Jesper!$R$2:$R$366,ROW(INDEX(Jesper!AL$2:AL$366,ROUNDDOWN($C7309/24,0)+1,1))-1)+IF('Standard Profiles'!$G$22=$B$10,7,0)+IF('Standard Profiles'!$G$22=$B$17,14,0)+IF('Standard Profiles'!$G$22=$B$24,21,0),0)),0)</f>
        <v>0</v>
      </c>
      <c r="I7309">
        <f t="shared" si="811"/>
        <v>0.24474080159945266</v>
      </c>
      <c r="J7309">
        <f t="shared" si="812"/>
        <v>0.81580267199817558</v>
      </c>
      <c r="K7309">
        <f t="shared" si="813"/>
        <v>1.2237040079972632</v>
      </c>
      <c r="L7309">
        <f t="shared" si="814"/>
        <v>5.8737792383868639</v>
      </c>
      <c r="M7309">
        <f t="shared" si="815"/>
        <v>0</v>
      </c>
      <c r="N7309" s="46">
        <f t="shared" si="816"/>
        <v>45595.124999982356</v>
      </c>
    </row>
    <row r="7310" spans="2:14" x14ac:dyDescent="0.3">
      <c r="B7310">
        <f t="shared" si="810"/>
        <v>3</v>
      </c>
      <c r="C7310" s="16">
        <v>7276</v>
      </c>
      <c r="D7310" cm="1">
        <f t="array" ref="D7310">IFERROR(INDEX(Jesper!AH$2:AH$366,ROUNDDOWN($C7310/24,0)+1,1)*INDEX($D$3:$AA$30,INDEX(Jesper!$R$2:$R$366,ROW(INDEX(Jesper!AH$2:AH$366,ROUNDDOWN($C7310/24,0)+1,1))-1)+IF('Standard Profiles'!$G$18=$B$10,7,0)+IF('Standard Profiles'!$G$18=$B$17,14,0)+IF('Standard Profiles'!$G$18=$B$24,21,0),MOD($C7310,24)+1)/SUM(INDEX($D$3:$AA$30,INDEX(Jesper!$R$2:$R$366,ROW(INDEX(Jesper!AH$2:AH$366,ROUNDDOWN($C7310/24,0)+1,1))-1)+IF('Standard Profiles'!$G$18=$B$10,7,0)+IF('Standard Profiles'!$G$18=$B$17,14,0)+IF('Standard Profiles'!$G$18=$B$24,21,0),0)),0)</f>
        <v>8.1580267199817555</v>
      </c>
      <c r="E7310" cm="1">
        <f t="array" ref="E7310">IFERROR(INDEX(Jesper!AI$2:AI$366,ROUNDDOWN($C7310/24,0)+1,1)*INDEX($D$3:$AA$30,INDEX(Jesper!$R$2:$R$366,ROW(INDEX(Jesper!AI$2:AI$366,ROUNDDOWN($C7310/24,0)+1,1))-1)+IF('Standard Profiles'!$G$19=$B$10,7,0)+IF('Standard Profiles'!$G$19=$B$17,14,0)+IF('Standard Profiles'!$G$19=$B$24,21,0),MOD($C7310,24)+1)/SUM(INDEX($D$3:$AA$30,INDEX(Jesper!$R$2:$R$366,ROW(INDEX(Jesper!AI$2:AI$366,ROUNDDOWN($C7310/24,0)+1,1))-1)+IF('Standard Profiles'!$G$19=$B$10,7,0)+IF('Standard Profiles'!$G$19=$B$17,14,0)+IF('Standard Profiles'!$G$19=$B$24,21,0),0)),0)</f>
        <v>0</v>
      </c>
      <c r="F7310" cm="1">
        <f t="array" ref="F7310">IFERROR(INDEX(Jesper!AJ$2:AJ$366,ROUNDDOWN($C7310/24,0)+1,1)*INDEX($D$3:$AA$30,INDEX(Jesper!$R$2:$R$366,ROW(INDEX(Jesper!AJ$2:AJ$366,ROUNDDOWN($C7310/24,0)+1,1))-1)+IF('Standard Profiles'!$G$20=$B$10,7,0)+IF('Standard Profiles'!$G$20=$B$17,14,0)+IF('Standard Profiles'!$G$20=$B$24,21,0),MOD($C7310,24)+1)/SUM(INDEX($D$3:$AA$30,INDEX(Jesper!$R$2:$R$366,ROW(INDEX(Jesper!AJ$2:AJ$366,ROUNDDOWN($C7310/24,0)+1,1))-1)+IF('Standard Profiles'!$G$20=$B$10,7,0)+IF('Standard Profiles'!$G$20=$B$17,14,0)+IF('Standard Profiles'!$G$20=$B$24,21,0),0)),0)</f>
        <v>0</v>
      </c>
      <c r="G7310" cm="1">
        <f t="array" ref="G7310">IFERROR(INDEX(Jesper!AK$2:AK$366,ROUNDDOWN($C7310/24,0)+1,1)*INDEX($D$3:$AA$30,INDEX(Jesper!$R$2:$R$366,ROW(INDEX(Jesper!AK$2:AK$366,ROUNDDOWN($C7310/24,0)+1,1))-1)+IF('Standard Profiles'!$G$21=$B$10,7,0)+IF('Standard Profiles'!$G$21=$B$17,14,0)+IF('Standard Profiles'!$G$21=$B$24,21,0),MOD($C7310,24)+1)/SUM(INDEX($D$3:$AA$30,INDEX(Jesper!$R$2:$R$366,ROW(INDEX(Jesper!AK$2:AK$366,ROUNDDOWN($C7310/24,0)+1,1))-1)+IF('Standard Profiles'!$G$21=$B$10,7,0)+IF('Standard Profiles'!$G$21=$B$17,14,0)+IF('Standard Profiles'!$G$21=$B$24,21,0),0)),0)</f>
        <v>0</v>
      </c>
      <c r="H7310" cm="1">
        <f t="array" ref="H7310">IFERROR(INDEX(Jesper!AL$2:AL$366,ROUNDDOWN($C7310/24,0)+1,1)*INDEX($D$3:$AA$30,INDEX(Jesper!$R$2:$R$366,ROW(INDEX(Jesper!AL$2:AL$366,ROUNDDOWN($C7310/24,0)+1,1))-1)+IF('Standard Profiles'!$G$22=$B$10,7,0)+IF('Standard Profiles'!$G$22=$B$17,14,0)+IF('Standard Profiles'!$G$22=$B$24,21,0),MOD($C7310,24)+1)/SUM(INDEX($D$3:$AA$30,INDEX(Jesper!$R$2:$R$366,ROW(INDEX(Jesper!AL$2:AL$366,ROUNDDOWN($C7310/24,0)+1,1))-1)+IF('Standard Profiles'!$G$22=$B$10,7,0)+IF('Standard Profiles'!$G$22=$B$17,14,0)+IF('Standard Profiles'!$G$22=$B$24,21,0),0)),0)</f>
        <v>0</v>
      </c>
      <c r="I7310">
        <f t="shared" si="811"/>
        <v>0.24474080159945266</v>
      </c>
      <c r="J7310">
        <f t="shared" si="812"/>
        <v>0.81580267199817558</v>
      </c>
      <c r="K7310">
        <f t="shared" si="813"/>
        <v>1.2237040079972632</v>
      </c>
      <c r="L7310">
        <f t="shared" si="814"/>
        <v>5.8737792383868639</v>
      </c>
      <c r="M7310">
        <f t="shared" si="815"/>
        <v>0</v>
      </c>
      <c r="N7310" s="46">
        <f t="shared" si="816"/>
        <v>45595.16666664902</v>
      </c>
    </row>
    <row r="7311" spans="2:14" x14ac:dyDescent="0.3">
      <c r="B7311">
        <f t="shared" si="810"/>
        <v>3</v>
      </c>
      <c r="C7311" s="16">
        <v>7277</v>
      </c>
      <c r="D7311" cm="1">
        <f t="array" ref="D7311">IFERROR(INDEX(Jesper!AH$2:AH$366,ROUNDDOWN($C7311/24,0)+1,1)*INDEX($D$3:$AA$30,INDEX(Jesper!$R$2:$R$366,ROW(INDEX(Jesper!AH$2:AH$366,ROUNDDOWN($C7311/24,0)+1,1))-1)+IF('Standard Profiles'!$G$18=$B$10,7,0)+IF('Standard Profiles'!$G$18=$B$17,14,0)+IF('Standard Profiles'!$G$18=$B$24,21,0),MOD($C7311,24)+1)/SUM(INDEX($D$3:$AA$30,INDEX(Jesper!$R$2:$R$366,ROW(INDEX(Jesper!AH$2:AH$366,ROUNDDOWN($C7311/24,0)+1,1))-1)+IF('Standard Profiles'!$G$18=$B$10,7,0)+IF('Standard Profiles'!$G$18=$B$17,14,0)+IF('Standard Profiles'!$G$18=$B$24,21,0),0)),0)</f>
        <v>10.514789994643152</v>
      </c>
      <c r="E7311" cm="1">
        <f t="array" ref="E7311">IFERROR(INDEX(Jesper!AI$2:AI$366,ROUNDDOWN($C7311/24,0)+1,1)*INDEX($D$3:$AA$30,INDEX(Jesper!$R$2:$R$366,ROW(INDEX(Jesper!AI$2:AI$366,ROUNDDOWN($C7311/24,0)+1,1))-1)+IF('Standard Profiles'!$G$19=$B$10,7,0)+IF('Standard Profiles'!$G$19=$B$17,14,0)+IF('Standard Profiles'!$G$19=$B$24,21,0),MOD($C7311,24)+1)/SUM(INDEX($D$3:$AA$30,INDEX(Jesper!$R$2:$R$366,ROW(INDEX(Jesper!AI$2:AI$366,ROUNDDOWN($C7311/24,0)+1,1))-1)+IF('Standard Profiles'!$G$19=$B$10,7,0)+IF('Standard Profiles'!$G$19=$B$17,14,0)+IF('Standard Profiles'!$G$19=$B$24,21,0),0)),0)</f>
        <v>0</v>
      </c>
      <c r="F7311" cm="1">
        <f t="array" ref="F7311">IFERROR(INDEX(Jesper!AJ$2:AJ$366,ROUNDDOWN($C7311/24,0)+1,1)*INDEX($D$3:$AA$30,INDEX(Jesper!$R$2:$R$366,ROW(INDEX(Jesper!AJ$2:AJ$366,ROUNDDOWN($C7311/24,0)+1,1))-1)+IF('Standard Profiles'!$G$20=$B$10,7,0)+IF('Standard Profiles'!$G$20=$B$17,14,0)+IF('Standard Profiles'!$G$20=$B$24,21,0),MOD($C7311,24)+1)/SUM(INDEX($D$3:$AA$30,INDEX(Jesper!$R$2:$R$366,ROW(INDEX(Jesper!AJ$2:AJ$366,ROUNDDOWN($C7311/24,0)+1,1))-1)+IF('Standard Profiles'!$G$20=$B$10,7,0)+IF('Standard Profiles'!$G$20=$B$17,14,0)+IF('Standard Profiles'!$G$20=$B$24,21,0),0)),0)</f>
        <v>0</v>
      </c>
      <c r="G7311" cm="1">
        <f t="array" ref="G7311">IFERROR(INDEX(Jesper!AK$2:AK$366,ROUNDDOWN($C7311/24,0)+1,1)*INDEX($D$3:$AA$30,INDEX(Jesper!$R$2:$R$366,ROW(INDEX(Jesper!AK$2:AK$366,ROUNDDOWN($C7311/24,0)+1,1))-1)+IF('Standard Profiles'!$G$21=$B$10,7,0)+IF('Standard Profiles'!$G$21=$B$17,14,0)+IF('Standard Profiles'!$G$21=$B$24,21,0),MOD($C7311,24)+1)/SUM(INDEX($D$3:$AA$30,INDEX(Jesper!$R$2:$R$366,ROW(INDEX(Jesper!AK$2:AK$366,ROUNDDOWN($C7311/24,0)+1,1))-1)+IF('Standard Profiles'!$G$21=$B$10,7,0)+IF('Standard Profiles'!$G$21=$B$17,14,0)+IF('Standard Profiles'!$G$21=$B$24,21,0),0)),0)</f>
        <v>0</v>
      </c>
      <c r="H7311" cm="1">
        <f t="array" ref="H7311">IFERROR(INDEX(Jesper!AL$2:AL$366,ROUNDDOWN($C7311/24,0)+1,1)*INDEX($D$3:$AA$30,INDEX(Jesper!$R$2:$R$366,ROW(INDEX(Jesper!AL$2:AL$366,ROUNDDOWN($C7311/24,0)+1,1))-1)+IF('Standard Profiles'!$G$22=$B$10,7,0)+IF('Standard Profiles'!$G$22=$B$17,14,0)+IF('Standard Profiles'!$G$22=$B$24,21,0),MOD($C7311,24)+1)/SUM(INDEX($D$3:$AA$30,INDEX(Jesper!$R$2:$R$366,ROW(INDEX(Jesper!AL$2:AL$366,ROUNDDOWN($C7311/24,0)+1,1))-1)+IF('Standard Profiles'!$G$22=$B$10,7,0)+IF('Standard Profiles'!$G$22=$B$17,14,0)+IF('Standard Profiles'!$G$22=$B$24,21,0),0)),0)</f>
        <v>0</v>
      </c>
      <c r="I7311">
        <f t="shared" si="811"/>
        <v>0.31544369983929454</v>
      </c>
      <c r="J7311">
        <f t="shared" si="812"/>
        <v>1.0514789994643152</v>
      </c>
      <c r="K7311">
        <f t="shared" si="813"/>
        <v>1.5772184991964728</v>
      </c>
      <c r="L7311">
        <f t="shared" si="814"/>
        <v>7.5706487961430691</v>
      </c>
      <c r="M7311">
        <f t="shared" si="815"/>
        <v>0</v>
      </c>
      <c r="N7311" s="46">
        <f t="shared" si="816"/>
        <v>45595.208333315684</v>
      </c>
    </row>
    <row r="7312" spans="2:14" x14ac:dyDescent="0.3">
      <c r="B7312">
        <f t="shared" si="810"/>
        <v>3</v>
      </c>
      <c r="C7312" s="16">
        <v>7278</v>
      </c>
      <c r="D7312" cm="1">
        <f t="array" ref="D7312">IFERROR(INDEX(Jesper!AH$2:AH$366,ROUNDDOWN($C7312/24,0)+1,1)*INDEX($D$3:$AA$30,INDEX(Jesper!$R$2:$R$366,ROW(INDEX(Jesper!AH$2:AH$366,ROUNDDOWN($C7312/24,0)+1,1))-1)+IF('Standard Profiles'!$G$18=$B$10,7,0)+IF('Standard Profiles'!$G$18=$B$17,14,0)+IF('Standard Profiles'!$G$18=$B$24,21,0),MOD($C7312,24)+1)/SUM(INDEX($D$3:$AA$30,INDEX(Jesper!$R$2:$R$366,ROW(INDEX(Jesper!AH$2:AH$366,ROUNDDOWN($C7312/24,0)+1,1))-1)+IF('Standard Profiles'!$G$18=$B$10,7,0)+IF('Standard Profiles'!$G$18=$B$17,14,0)+IF('Standard Profiles'!$G$18=$B$24,21,0),0)),0)</f>
        <v>12.146395338639504</v>
      </c>
      <c r="E7312" cm="1">
        <f t="array" ref="E7312">IFERROR(INDEX(Jesper!AI$2:AI$366,ROUNDDOWN($C7312/24,0)+1,1)*INDEX($D$3:$AA$30,INDEX(Jesper!$R$2:$R$366,ROW(INDEX(Jesper!AI$2:AI$366,ROUNDDOWN($C7312/24,0)+1,1))-1)+IF('Standard Profiles'!$G$19=$B$10,7,0)+IF('Standard Profiles'!$G$19=$B$17,14,0)+IF('Standard Profiles'!$G$19=$B$24,21,0),MOD($C7312,24)+1)/SUM(INDEX($D$3:$AA$30,INDEX(Jesper!$R$2:$R$366,ROW(INDEX(Jesper!AI$2:AI$366,ROUNDDOWN($C7312/24,0)+1,1))-1)+IF('Standard Profiles'!$G$19=$B$10,7,0)+IF('Standard Profiles'!$G$19=$B$17,14,0)+IF('Standard Profiles'!$G$19=$B$24,21,0),0)),0)</f>
        <v>0</v>
      </c>
      <c r="F7312" cm="1">
        <f t="array" ref="F7312">IFERROR(INDEX(Jesper!AJ$2:AJ$366,ROUNDDOWN($C7312/24,0)+1,1)*INDEX($D$3:$AA$30,INDEX(Jesper!$R$2:$R$366,ROW(INDEX(Jesper!AJ$2:AJ$366,ROUNDDOWN($C7312/24,0)+1,1))-1)+IF('Standard Profiles'!$G$20=$B$10,7,0)+IF('Standard Profiles'!$G$20=$B$17,14,0)+IF('Standard Profiles'!$G$20=$B$24,21,0),MOD($C7312,24)+1)/SUM(INDEX($D$3:$AA$30,INDEX(Jesper!$R$2:$R$366,ROW(INDEX(Jesper!AJ$2:AJ$366,ROUNDDOWN($C7312/24,0)+1,1))-1)+IF('Standard Profiles'!$G$20=$B$10,7,0)+IF('Standard Profiles'!$G$20=$B$17,14,0)+IF('Standard Profiles'!$G$20=$B$24,21,0),0)),0)</f>
        <v>0</v>
      </c>
      <c r="G7312" cm="1">
        <f t="array" ref="G7312">IFERROR(INDEX(Jesper!AK$2:AK$366,ROUNDDOWN($C7312/24,0)+1,1)*INDEX($D$3:$AA$30,INDEX(Jesper!$R$2:$R$366,ROW(INDEX(Jesper!AK$2:AK$366,ROUNDDOWN($C7312/24,0)+1,1))-1)+IF('Standard Profiles'!$G$21=$B$10,7,0)+IF('Standard Profiles'!$G$21=$B$17,14,0)+IF('Standard Profiles'!$G$21=$B$24,21,0),MOD($C7312,24)+1)/SUM(INDEX($D$3:$AA$30,INDEX(Jesper!$R$2:$R$366,ROW(INDEX(Jesper!AK$2:AK$366,ROUNDDOWN($C7312/24,0)+1,1))-1)+IF('Standard Profiles'!$G$21=$B$10,7,0)+IF('Standard Profiles'!$G$21=$B$17,14,0)+IF('Standard Profiles'!$G$21=$B$24,21,0),0)),0)</f>
        <v>0</v>
      </c>
      <c r="H7312" cm="1">
        <f t="array" ref="H7312">IFERROR(INDEX(Jesper!AL$2:AL$366,ROUNDDOWN($C7312/24,0)+1,1)*INDEX($D$3:$AA$30,INDEX(Jesper!$R$2:$R$366,ROW(INDEX(Jesper!AL$2:AL$366,ROUNDDOWN($C7312/24,0)+1,1))-1)+IF('Standard Profiles'!$G$22=$B$10,7,0)+IF('Standard Profiles'!$G$22=$B$17,14,0)+IF('Standard Profiles'!$G$22=$B$24,21,0),MOD($C7312,24)+1)/SUM(INDEX($D$3:$AA$30,INDEX(Jesper!$R$2:$R$366,ROW(INDEX(Jesper!AL$2:AL$366,ROUNDDOWN($C7312/24,0)+1,1))-1)+IF('Standard Profiles'!$G$22=$B$10,7,0)+IF('Standard Profiles'!$G$22=$B$17,14,0)+IF('Standard Profiles'!$G$22=$B$24,21,0),0)),0)</f>
        <v>0</v>
      </c>
      <c r="I7312">
        <f t="shared" si="811"/>
        <v>0.36439186015918512</v>
      </c>
      <c r="J7312">
        <f t="shared" si="812"/>
        <v>1.2146395338639504</v>
      </c>
      <c r="K7312">
        <f t="shared" si="813"/>
        <v>1.8219593007959256</v>
      </c>
      <c r="L7312">
        <f t="shared" si="814"/>
        <v>8.7454046438204429</v>
      </c>
      <c r="M7312">
        <f t="shared" si="815"/>
        <v>0</v>
      </c>
      <c r="N7312" s="46">
        <f t="shared" si="816"/>
        <v>45595.249999982349</v>
      </c>
    </row>
    <row r="7313" spans="2:14" x14ac:dyDescent="0.3">
      <c r="B7313">
        <f t="shared" si="810"/>
        <v>3</v>
      </c>
      <c r="C7313" s="16">
        <v>7279</v>
      </c>
      <c r="D7313" cm="1">
        <f t="array" ref="D7313">IFERROR(INDEX(Jesper!AH$2:AH$366,ROUNDDOWN($C7313/24,0)+1,1)*INDEX($D$3:$AA$30,INDEX(Jesper!$R$2:$R$366,ROW(INDEX(Jesper!AH$2:AH$366,ROUNDDOWN($C7313/24,0)+1,1))-1)+IF('Standard Profiles'!$G$18=$B$10,7,0)+IF('Standard Profiles'!$G$18=$B$17,14,0)+IF('Standard Profiles'!$G$18=$B$24,21,0),MOD($C7313,24)+1)/SUM(INDEX($D$3:$AA$30,INDEX(Jesper!$R$2:$R$366,ROW(INDEX(Jesper!AH$2:AH$366,ROUNDDOWN($C7313/24,0)+1,1))-1)+IF('Standard Profiles'!$G$18=$B$10,7,0)+IF('Standard Profiles'!$G$18=$B$17,14,0)+IF('Standard Profiles'!$G$18=$B$24,21,0),0)),0)</f>
        <v>12.146395338639504</v>
      </c>
      <c r="E7313" cm="1">
        <f t="array" ref="E7313">IFERROR(INDEX(Jesper!AI$2:AI$366,ROUNDDOWN($C7313/24,0)+1,1)*INDEX($D$3:$AA$30,INDEX(Jesper!$R$2:$R$366,ROW(INDEX(Jesper!AI$2:AI$366,ROUNDDOWN($C7313/24,0)+1,1))-1)+IF('Standard Profiles'!$G$19=$B$10,7,0)+IF('Standard Profiles'!$G$19=$B$17,14,0)+IF('Standard Profiles'!$G$19=$B$24,21,0),MOD($C7313,24)+1)/SUM(INDEX($D$3:$AA$30,INDEX(Jesper!$R$2:$R$366,ROW(INDEX(Jesper!AI$2:AI$366,ROUNDDOWN($C7313/24,0)+1,1))-1)+IF('Standard Profiles'!$G$19=$B$10,7,0)+IF('Standard Profiles'!$G$19=$B$17,14,0)+IF('Standard Profiles'!$G$19=$B$24,21,0),0)),0)</f>
        <v>0</v>
      </c>
      <c r="F7313" cm="1">
        <f t="array" ref="F7313">IFERROR(INDEX(Jesper!AJ$2:AJ$366,ROUNDDOWN($C7313/24,0)+1,1)*INDEX($D$3:$AA$30,INDEX(Jesper!$R$2:$R$366,ROW(INDEX(Jesper!AJ$2:AJ$366,ROUNDDOWN($C7313/24,0)+1,1))-1)+IF('Standard Profiles'!$G$20=$B$10,7,0)+IF('Standard Profiles'!$G$20=$B$17,14,0)+IF('Standard Profiles'!$G$20=$B$24,21,0),MOD($C7313,24)+1)/SUM(INDEX($D$3:$AA$30,INDEX(Jesper!$R$2:$R$366,ROW(INDEX(Jesper!AJ$2:AJ$366,ROUNDDOWN($C7313/24,0)+1,1))-1)+IF('Standard Profiles'!$G$20=$B$10,7,0)+IF('Standard Profiles'!$G$20=$B$17,14,0)+IF('Standard Profiles'!$G$20=$B$24,21,0),0)),0)</f>
        <v>0</v>
      </c>
      <c r="G7313" cm="1">
        <f t="array" ref="G7313">IFERROR(INDEX(Jesper!AK$2:AK$366,ROUNDDOWN($C7313/24,0)+1,1)*INDEX($D$3:$AA$30,INDEX(Jesper!$R$2:$R$366,ROW(INDEX(Jesper!AK$2:AK$366,ROUNDDOWN($C7313/24,0)+1,1))-1)+IF('Standard Profiles'!$G$21=$B$10,7,0)+IF('Standard Profiles'!$G$21=$B$17,14,0)+IF('Standard Profiles'!$G$21=$B$24,21,0),MOD($C7313,24)+1)/SUM(INDEX($D$3:$AA$30,INDEX(Jesper!$R$2:$R$366,ROW(INDEX(Jesper!AK$2:AK$366,ROUNDDOWN($C7313/24,0)+1,1))-1)+IF('Standard Profiles'!$G$21=$B$10,7,0)+IF('Standard Profiles'!$G$21=$B$17,14,0)+IF('Standard Profiles'!$G$21=$B$24,21,0),0)),0)</f>
        <v>0</v>
      </c>
      <c r="H7313" cm="1">
        <f t="array" ref="H7313">IFERROR(INDEX(Jesper!AL$2:AL$366,ROUNDDOWN($C7313/24,0)+1,1)*INDEX($D$3:$AA$30,INDEX(Jesper!$R$2:$R$366,ROW(INDEX(Jesper!AL$2:AL$366,ROUNDDOWN($C7313/24,0)+1,1))-1)+IF('Standard Profiles'!$G$22=$B$10,7,0)+IF('Standard Profiles'!$G$22=$B$17,14,0)+IF('Standard Profiles'!$G$22=$B$24,21,0),MOD($C7313,24)+1)/SUM(INDEX($D$3:$AA$30,INDEX(Jesper!$R$2:$R$366,ROW(INDEX(Jesper!AL$2:AL$366,ROUNDDOWN($C7313/24,0)+1,1))-1)+IF('Standard Profiles'!$G$22=$B$10,7,0)+IF('Standard Profiles'!$G$22=$B$17,14,0)+IF('Standard Profiles'!$G$22=$B$24,21,0),0)),0)</f>
        <v>0</v>
      </c>
      <c r="I7313">
        <f t="shared" si="811"/>
        <v>0.36439186015918512</v>
      </c>
      <c r="J7313">
        <f t="shared" si="812"/>
        <v>1.2146395338639504</v>
      </c>
      <c r="K7313">
        <f t="shared" si="813"/>
        <v>1.8219593007959256</v>
      </c>
      <c r="L7313">
        <f t="shared" si="814"/>
        <v>8.7454046438204429</v>
      </c>
      <c r="M7313">
        <f t="shared" si="815"/>
        <v>0</v>
      </c>
      <c r="N7313" s="46">
        <f t="shared" si="816"/>
        <v>45595.291666649013</v>
      </c>
    </row>
    <row r="7314" spans="2:14" x14ac:dyDescent="0.3">
      <c r="B7314">
        <f t="shared" si="810"/>
        <v>3</v>
      </c>
      <c r="C7314" s="16">
        <v>7280</v>
      </c>
      <c r="D7314" cm="1">
        <f t="array" ref="D7314">IFERROR(INDEX(Jesper!AH$2:AH$366,ROUNDDOWN($C7314/24,0)+1,1)*INDEX($D$3:$AA$30,INDEX(Jesper!$R$2:$R$366,ROW(INDEX(Jesper!AH$2:AH$366,ROUNDDOWN($C7314/24,0)+1,1))-1)+IF('Standard Profiles'!$G$18=$B$10,7,0)+IF('Standard Profiles'!$G$18=$B$17,14,0)+IF('Standard Profiles'!$G$18=$B$24,21,0),MOD($C7314,24)+1)/SUM(INDEX($D$3:$AA$30,INDEX(Jesper!$R$2:$R$366,ROW(INDEX(Jesper!AH$2:AH$366,ROUNDDOWN($C7314/24,0)+1,1))-1)+IF('Standard Profiles'!$G$18=$B$10,7,0)+IF('Standard Profiles'!$G$18=$B$17,14,0)+IF('Standard Profiles'!$G$18=$B$24,21,0),0)),0)</f>
        <v>12.146395338639504</v>
      </c>
      <c r="E7314" cm="1">
        <f t="array" ref="E7314">IFERROR(INDEX(Jesper!AI$2:AI$366,ROUNDDOWN($C7314/24,0)+1,1)*INDEX($D$3:$AA$30,INDEX(Jesper!$R$2:$R$366,ROW(INDEX(Jesper!AI$2:AI$366,ROUNDDOWN($C7314/24,0)+1,1))-1)+IF('Standard Profiles'!$G$19=$B$10,7,0)+IF('Standard Profiles'!$G$19=$B$17,14,0)+IF('Standard Profiles'!$G$19=$B$24,21,0),MOD($C7314,24)+1)/SUM(INDEX($D$3:$AA$30,INDEX(Jesper!$R$2:$R$366,ROW(INDEX(Jesper!AI$2:AI$366,ROUNDDOWN($C7314/24,0)+1,1))-1)+IF('Standard Profiles'!$G$19=$B$10,7,0)+IF('Standard Profiles'!$G$19=$B$17,14,0)+IF('Standard Profiles'!$G$19=$B$24,21,0),0)),0)</f>
        <v>0</v>
      </c>
      <c r="F7314" cm="1">
        <f t="array" ref="F7314">IFERROR(INDEX(Jesper!AJ$2:AJ$366,ROUNDDOWN($C7314/24,0)+1,1)*INDEX($D$3:$AA$30,INDEX(Jesper!$R$2:$R$366,ROW(INDEX(Jesper!AJ$2:AJ$366,ROUNDDOWN($C7314/24,0)+1,1))-1)+IF('Standard Profiles'!$G$20=$B$10,7,0)+IF('Standard Profiles'!$G$20=$B$17,14,0)+IF('Standard Profiles'!$G$20=$B$24,21,0),MOD($C7314,24)+1)/SUM(INDEX($D$3:$AA$30,INDEX(Jesper!$R$2:$R$366,ROW(INDEX(Jesper!AJ$2:AJ$366,ROUNDDOWN($C7314/24,0)+1,1))-1)+IF('Standard Profiles'!$G$20=$B$10,7,0)+IF('Standard Profiles'!$G$20=$B$17,14,0)+IF('Standard Profiles'!$G$20=$B$24,21,0),0)),0)</f>
        <v>0</v>
      </c>
      <c r="G7314" cm="1">
        <f t="array" ref="G7314">IFERROR(INDEX(Jesper!AK$2:AK$366,ROUNDDOWN($C7314/24,0)+1,1)*INDEX($D$3:$AA$30,INDEX(Jesper!$R$2:$R$366,ROW(INDEX(Jesper!AK$2:AK$366,ROUNDDOWN($C7314/24,0)+1,1))-1)+IF('Standard Profiles'!$G$21=$B$10,7,0)+IF('Standard Profiles'!$G$21=$B$17,14,0)+IF('Standard Profiles'!$G$21=$B$24,21,0),MOD($C7314,24)+1)/SUM(INDEX($D$3:$AA$30,INDEX(Jesper!$R$2:$R$366,ROW(INDEX(Jesper!AK$2:AK$366,ROUNDDOWN($C7314/24,0)+1,1))-1)+IF('Standard Profiles'!$G$21=$B$10,7,0)+IF('Standard Profiles'!$G$21=$B$17,14,0)+IF('Standard Profiles'!$G$21=$B$24,21,0),0)),0)</f>
        <v>0</v>
      </c>
      <c r="H7314" cm="1">
        <f t="array" ref="H7314">IFERROR(INDEX(Jesper!AL$2:AL$366,ROUNDDOWN($C7314/24,0)+1,1)*INDEX($D$3:$AA$30,INDEX(Jesper!$R$2:$R$366,ROW(INDEX(Jesper!AL$2:AL$366,ROUNDDOWN($C7314/24,0)+1,1))-1)+IF('Standard Profiles'!$G$22=$B$10,7,0)+IF('Standard Profiles'!$G$22=$B$17,14,0)+IF('Standard Profiles'!$G$22=$B$24,21,0),MOD($C7314,24)+1)/SUM(INDEX($D$3:$AA$30,INDEX(Jesper!$R$2:$R$366,ROW(INDEX(Jesper!AL$2:AL$366,ROUNDDOWN($C7314/24,0)+1,1))-1)+IF('Standard Profiles'!$G$22=$B$10,7,0)+IF('Standard Profiles'!$G$22=$B$17,14,0)+IF('Standard Profiles'!$G$22=$B$24,21,0),0)),0)</f>
        <v>0</v>
      </c>
      <c r="I7314">
        <f t="shared" si="811"/>
        <v>0.36439186015918512</v>
      </c>
      <c r="J7314">
        <f t="shared" si="812"/>
        <v>1.2146395338639504</v>
      </c>
      <c r="K7314">
        <f t="shared" si="813"/>
        <v>1.8219593007959256</v>
      </c>
      <c r="L7314">
        <f t="shared" si="814"/>
        <v>8.7454046438204429</v>
      </c>
      <c r="M7314">
        <f t="shared" si="815"/>
        <v>0</v>
      </c>
      <c r="N7314" s="46">
        <f t="shared" si="816"/>
        <v>45595.333333315677</v>
      </c>
    </row>
    <row r="7315" spans="2:14" x14ac:dyDescent="0.3">
      <c r="B7315">
        <f t="shared" si="810"/>
        <v>3</v>
      </c>
      <c r="C7315" s="16">
        <v>7281</v>
      </c>
      <c r="D7315" cm="1">
        <f t="array" ref="D7315">IFERROR(INDEX(Jesper!AH$2:AH$366,ROUNDDOWN($C7315/24,0)+1,1)*INDEX($D$3:$AA$30,INDEX(Jesper!$R$2:$R$366,ROW(INDEX(Jesper!AH$2:AH$366,ROUNDDOWN($C7315/24,0)+1,1))-1)+IF('Standard Profiles'!$G$18=$B$10,7,0)+IF('Standard Profiles'!$G$18=$B$17,14,0)+IF('Standard Profiles'!$G$18=$B$24,21,0),MOD($C7315,24)+1)/SUM(INDEX($D$3:$AA$30,INDEX(Jesper!$R$2:$R$366,ROW(INDEX(Jesper!AH$2:AH$366,ROUNDDOWN($C7315/24,0)+1,1))-1)+IF('Standard Profiles'!$G$18=$B$10,7,0)+IF('Standard Profiles'!$G$18=$B$17,14,0)+IF('Standard Profiles'!$G$18=$B$24,21,0),0)),0)</f>
        <v>13.052842751970811</v>
      </c>
      <c r="E7315" cm="1">
        <f t="array" ref="E7315">IFERROR(INDEX(Jesper!AI$2:AI$366,ROUNDDOWN($C7315/24,0)+1,1)*INDEX($D$3:$AA$30,INDEX(Jesper!$R$2:$R$366,ROW(INDEX(Jesper!AI$2:AI$366,ROUNDDOWN($C7315/24,0)+1,1))-1)+IF('Standard Profiles'!$G$19=$B$10,7,0)+IF('Standard Profiles'!$G$19=$B$17,14,0)+IF('Standard Profiles'!$G$19=$B$24,21,0),MOD($C7315,24)+1)/SUM(INDEX($D$3:$AA$30,INDEX(Jesper!$R$2:$R$366,ROW(INDEX(Jesper!AI$2:AI$366,ROUNDDOWN($C7315/24,0)+1,1))-1)+IF('Standard Profiles'!$G$19=$B$10,7,0)+IF('Standard Profiles'!$G$19=$B$17,14,0)+IF('Standard Profiles'!$G$19=$B$24,21,0),0)),0)</f>
        <v>0</v>
      </c>
      <c r="F7315" cm="1">
        <f t="array" ref="F7315">IFERROR(INDEX(Jesper!AJ$2:AJ$366,ROUNDDOWN($C7315/24,0)+1,1)*INDEX($D$3:$AA$30,INDEX(Jesper!$R$2:$R$366,ROW(INDEX(Jesper!AJ$2:AJ$366,ROUNDDOWN($C7315/24,0)+1,1))-1)+IF('Standard Profiles'!$G$20=$B$10,7,0)+IF('Standard Profiles'!$G$20=$B$17,14,0)+IF('Standard Profiles'!$G$20=$B$24,21,0),MOD($C7315,24)+1)/SUM(INDEX($D$3:$AA$30,INDEX(Jesper!$R$2:$R$366,ROW(INDEX(Jesper!AJ$2:AJ$366,ROUNDDOWN($C7315/24,0)+1,1))-1)+IF('Standard Profiles'!$G$20=$B$10,7,0)+IF('Standard Profiles'!$G$20=$B$17,14,0)+IF('Standard Profiles'!$G$20=$B$24,21,0),0)),0)</f>
        <v>0</v>
      </c>
      <c r="G7315" cm="1">
        <f t="array" ref="G7315">IFERROR(INDEX(Jesper!AK$2:AK$366,ROUNDDOWN($C7315/24,0)+1,1)*INDEX($D$3:$AA$30,INDEX(Jesper!$R$2:$R$366,ROW(INDEX(Jesper!AK$2:AK$366,ROUNDDOWN($C7315/24,0)+1,1))-1)+IF('Standard Profiles'!$G$21=$B$10,7,0)+IF('Standard Profiles'!$G$21=$B$17,14,0)+IF('Standard Profiles'!$G$21=$B$24,21,0),MOD($C7315,24)+1)/SUM(INDEX($D$3:$AA$30,INDEX(Jesper!$R$2:$R$366,ROW(INDEX(Jesper!AK$2:AK$366,ROUNDDOWN($C7315/24,0)+1,1))-1)+IF('Standard Profiles'!$G$21=$B$10,7,0)+IF('Standard Profiles'!$G$21=$B$17,14,0)+IF('Standard Profiles'!$G$21=$B$24,21,0),0)),0)</f>
        <v>0</v>
      </c>
      <c r="H7315" cm="1">
        <f t="array" ref="H7315">IFERROR(INDEX(Jesper!AL$2:AL$366,ROUNDDOWN($C7315/24,0)+1,1)*INDEX($D$3:$AA$30,INDEX(Jesper!$R$2:$R$366,ROW(INDEX(Jesper!AL$2:AL$366,ROUNDDOWN($C7315/24,0)+1,1))-1)+IF('Standard Profiles'!$G$22=$B$10,7,0)+IF('Standard Profiles'!$G$22=$B$17,14,0)+IF('Standard Profiles'!$G$22=$B$24,21,0),MOD($C7315,24)+1)/SUM(INDEX($D$3:$AA$30,INDEX(Jesper!$R$2:$R$366,ROW(INDEX(Jesper!AL$2:AL$366,ROUNDDOWN($C7315/24,0)+1,1))-1)+IF('Standard Profiles'!$G$22=$B$10,7,0)+IF('Standard Profiles'!$G$22=$B$17,14,0)+IF('Standard Profiles'!$G$22=$B$24,21,0),0)),0)</f>
        <v>0</v>
      </c>
      <c r="I7315">
        <f t="shared" si="811"/>
        <v>0.39158528255912434</v>
      </c>
      <c r="J7315">
        <f t="shared" si="812"/>
        <v>1.3052842751970812</v>
      </c>
      <c r="K7315">
        <f t="shared" si="813"/>
        <v>1.9579264127956215</v>
      </c>
      <c r="L7315">
        <f t="shared" si="814"/>
        <v>9.3980467814189836</v>
      </c>
      <c r="M7315">
        <f t="shared" si="815"/>
        <v>0</v>
      </c>
      <c r="N7315" s="46">
        <f t="shared" si="816"/>
        <v>45595.374999982341</v>
      </c>
    </row>
    <row r="7316" spans="2:14" x14ac:dyDescent="0.3">
      <c r="B7316">
        <f t="shared" si="810"/>
        <v>3</v>
      </c>
      <c r="C7316" s="16">
        <v>7282</v>
      </c>
      <c r="D7316" cm="1">
        <f t="array" ref="D7316">IFERROR(INDEX(Jesper!AH$2:AH$366,ROUNDDOWN($C7316/24,0)+1,1)*INDEX($D$3:$AA$30,INDEX(Jesper!$R$2:$R$366,ROW(INDEX(Jesper!AH$2:AH$366,ROUNDDOWN($C7316/24,0)+1,1))-1)+IF('Standard Profiles'!$G$18=$B$10,7,0)+IF('Standard Profiles'!$G$18=$B$17,14,0)+IF('Standard Profiles'!$G$18=$B$24,21,0),MOD($C7316,24)+1)/SUM(INDEX($D$3:$AA$30,INDEX(Jesper!$R$2:$R$366,ROW(INDEX(Jesper!AH$2:AH$366,ROUNDDOWN($C7316/24,0)+1,1))-1)+IF('Standard Profiles'!$G$18=$B$10,7,0)+IF('Standard Profiles'!$G$18=$B$17,14,0)+IF('Standard Profiles'!$G$18=$B$24,21,0),0)),0)</f>
        <v>14.140579647968378</v>
      </c>
      <c r="E7316" cm="1">
        <f t="array" ref="E7316">IFERROR(INDEX(Jesper!AI$2:AI$366,ROUNDDOWN($C7316/24,0)+1,1)*INDEX($D$3:$AA$30,INDEX(Jesper!$R$2:$R$366,ROW(INDEX(Jesper!AI$2:AI$366,ROUNDDOWN($C7316/24,0)+1,1))-1)+IF('Standard Profiles'!$G$19=$B$10,7,0)+IF('Standard Profiles'!$G$19=$B$17,14,0)+IF('Standard Profiles'!$G$19=$B$24,21,0),MOD($C7316,24)+1)/SUM(INDEX($D$3:$AA$30,INDEX(Jesper!$R$2:$R$366,ROW(INDEX(Jesper!AI$2:AI$366,ROUNDDOWN($C7316/24,0)+1,1))-1)+IF('Standard Profiles'!$G$19=$B$10,7,0)+IF('Standard Profiles'!$G$19=$B$17,14,0)+IF('Standard Profiles'!$G$19=$B$24,21,0),0)),0)</f>
        <v>0</v>
      </c>
      <c r="F7316" cm="1">
        <f t="array" ref="F7316">IFERROR(INDEX(Jesper!AJ$2:AJ$366,ROUNDDOWN($C7316/24,0)+1,1)*INDEX($D$3:$AA$30,INDEX(Jesper!$R$2:$R$366,ROW(INDEX(Jesper!AJ$2:AJ$366,ROUNDDOWN($C7316/24,0)+1,1))-1)+IF('Standard Profiles'!$G$20=$B$10,7,0)+IF('Standard Profiles'!$G$20=$B$17,14,0)+IF('Standard Profiles'!$G$20=$B$24,21,0),MOD($C7316,24)+1)/SUM(INDEX($D$3:$AA$30,INDEX(Jesper!$R$2:$R$366,ROW(INDEX(Jesper!AJ$2:AJ$366,ROUNDDOWN($C7316/24,0)+1,1))-1)+IF('Standard Profiles'!$G$20=$B$10,7,0)+IF('Standard Profiles'!$G$20=$B$17,14,0)+IF('Standard Profiles'!$G$20=$B$24,21,0),0)),0)</f>
        <v>0</v>
      </c>
      <c r="G7316" cm="1">
        <f t="array" ref="G7316">IFERROR(INDEX(Jesper!AK$2:AK$366,ROUNDDOWN($C7316/24,0)+1,1)*INDEX($D$3:$AA$30,INDEX(Jesper!$R$2:$R$366,ROW(INDEX(Jesper!AK$2:AK$366,ROUNDDOWN($C7316/24,0)+1,1))-1)+IF('Standard Profiles'!$G$21=$B$10,7,0)+IF('Standard Profiles'!$G$21=$B$17,14,0)+IF('Standard Profiles'!$G$21=$B$24,21,0),MOD($C7316,24)+1)/SUM(INDEX($D$3:$AA$30,INDEX(Jesper!$R$2:$R$366,ROW(INDEX(Jesper!AK$2:AK$366,ROUNDDOWN($C7316/24,0)+1,1))-1)+IF('Standard Profiles'!$G$21=$B$10,7,0)+IF('Standard Profiles'!$G$21=$B$17,14,0)+IF('Standard Profiles'!$G$21=$B$24,21,0),0)),0)</f>
        <v>0</v>
      </c>
      <c r="H7316" cm="1">
        <f t="array" ref="H7316">IFERROR(INDEX(Jesper!AL$2:AL$366,ROUNDDOWN($C7316/24,0)+1,1)*INDEX($D$3:$AA$30,INDEX(Jesper!$R$2:$R$366,ROW(INDEX(Jesper!AL$2:AL$366,ROUNDDOWN($C7316/24,0)+1,1))-1)+IF('Standard Profiles'!$G$22=$B$10,7,0)+IF('Standard Profiles'!$G$22=$B$17,14,0)+IF('Standard Profiles'!$G$22=$B$24,21,0),MOD($C7316,24)+1)/SUM(INDEX($D$3:$AA$30,INDEX(Jesper!$R$2:$R$366,ROW(INDEX(Jesper!AL$2:AL$366,ROUNDDOWN($C7316/24,0)+1,1))-1)+IF('Standard Profiles'!$G$22=$B$10,7,0)+IF('Standard Profiles'!$G$22=$B$17,14,0)+IF('Standard Profiles'!$G$22=$B$24,21,0),0)),0)</f>
        <v>0</v>
      </c>
      <c r="I7316">
        <f t="shared" si="811"/>
        <v>0.42421738943905135</v>
      </c>
      <c r="J7316">
        <f t="shared" si="812"/>
        <v>1.4140579647968379</v>
      </c>
      <c r="K7316">
        <f t="shared" si="813"/>
        <v>2.1210869471952565</v>
      </c>
      <c r="L7316">
        <f t="shared" si="814"/>
        <v>10.181217346537233</v>
      </c>
      <c r="M7316">
        <f t="shared" si="815"/>
        <v>0</v>
      </c>
      <c r="N7316" s="46">
        <f t="shared" si="816"/>
        <v>45595.416666649005</v>
      </c>
    </row>
    <row r="7317" spans="2:14" x14ac:dyDescent="0.3">
      <c r="B7317">
        <f t="shared" si="810"/>
        <v>3</v>
      </c>
      <c r="C7317" s="16">
        <v>7283</v>
      </c>
      <c r="D7317" cm="1">
        <f t="array" ref="D7317">IFERROR(INDEX(Jesper!AH$2:AH$366,ROUNDDOWN($C7317/24,0)+1,1)*INDEX($D$3:$AA$30,INDEX(Jesper!$R$2:$R$366,ROW(INDEX(Jesper!AH$2:AH$366,ROUNDDOWN($C7317/24,0)+1,1))-1)+IF('Standard Profiles'!$G$18=$B$10,7,0)+IF('Standard Profiles'!$G$18=$B$17,14,0)+IF('Standard Profiles'!$G$18=$B$24,21,0),MOD($C7317,24)+1)/SUM(INDEX($D$3:$AA$30,INDEX(Jesper!$R$2:$R$366,ROW(INDEX(Jesper!AH$2:AH$366,ROUNDDOWN($C7317/24,0)+1,1))-1)+IF('Standard Profiles'!$G$18=$B$10,7,0)+IF('Standard Profiles'!$G$18=$B$17,14,0)+IF('Standard Profiles'!$G$18=$B$24,21,0),0)),0)</f>
        <v>16.316053439963511</v>
      </c>
      <c r="E7317" cm="1">
        <f t="array" ref="E7317">IFERROR(INDEX(Jesper!AI$2:AI$366,ROUNDDOWN($C7317/24,0)+1,1)*INDEX($D$3:$AA$30,INDEX(Jesper!$R$2:$R$366,ROW(INDEX(Jesper!AI$2:AI$366,ROUNDDOWN($C7317/24,0)+1,1))-1)+IF('Standard Profiles'!$G$19=$B$10,7,0)+IF('Standard Profiles'!$G$19=$B$17,14,0)+IF('Standard Profiles'!$G$19=$B$24,21,0),MOD($C7317,24)+1)/SUM(INDEX($D$3:$AA$30,INDEX(Jesper!$R$2:$R$366,ROW(INDEX(Jesper!AI$2:AI$366,ROUNDDOWN($C7317/24,0)+1,1))-1)+IF('Standard Profiles'!$G$19=$B$10,7,0)+IF('Standard Profiles'!$G$19=$B$17,14,0)+IF('Standard Profiles'!$G$19=$B$24,21,0),0)),0)</f>
        <v>0</v>
      </c>
      <c r="F7317" cm="1">
        <f t="array" ref="F7317">IFERROR(INDEX(Jesper!AJ$2:AJ$366,ROUNDDOWN($C7317/24,0)+1,1)*INDEX($D$3:$AA$30,INDEX(Jesper!$R$2:$R$366,ROW(INDEX(Jesper!AJ$2:AJ$366,ROUNDDOWN($C7317/24,0)+1,1))-1)+IF('Standard Profiles'!$G$20=$B$10,7,0)+IF('Standard Profiles'!$G$20=$B$17,14,0)+IF('Standard Profiles'!$G$20=$B$24,21,0),MOD($C7317,24)+1)/SUM(INDEX($D$3:$AA$30,INDEX(Jesper!$R$2:$R$366,ROW(INDEX(Jesper!AJ$2:AJ$366,ROUNDDOWN($C7317/24,0)+1,1))-1)+IF('Standard Profiles'!$G$20=$B$10,7,0)+IF('Standard Profiles'!$G$20=$B$17,14,0)+IF('Standard Profiles'!$G$20=$B$24,21,0),0)),0)</f>
        <v>0</v>
      </c>
      <c r="G7317" cm="1">
        <f t="array" ref="G7317">IFERROR(INDEX(Jesper!AK$2:AK$366,ROUNDDOWN($C7317/24,0)+1,1)*INDEX($D$3:$AA$30,INDEX(Jesper!$R$2:$R$366,ROW(INDEX(Jesper!AK$2:AK$366,ROUNDDOWN($C7317/24,0)+1,1))-1)+IF('Standard Profiles'!$G$21=$B$10,7,0)+IF('Standard Profiles'!$G$21=$B$17,14,0)+IF('Standard Profiles'!$G$21=$B$24,21,0),MOD($C7317,24)+1)/SUM(INDEX($D$3:$AA$30,INDEX(Jesper!$R$2:$R$366,ROW(INDEX(Jesper!AK$2:AK$366,ROUNDDOWN($C7317/24,0)+1,1))-1)+IF('Standard Profiles'!$G$21=$B$10,7,0)+IF('Standard Profiles'!$G$21=$B$17,14,0)+IF('Standard Profiles'!$G$21=$B$24,21,0),0)),0)</f>
        <v>0</v>
      </c>
      <c r="H7317" cm="1">
        <f t="array" ref="H7317">IFERROR(INDEX(Jesper!AL$2:AL$366,ROUNDDOWN($C7317/24,0)+1,1)*INDEX($D$3:$AA$30,INDEX(Jesper!$R$2:$R$366,ROW(INDEX(Jesper!AL$2:AL$366,ROUNDDOWN($C7317/24,0)+1,1))-1)+IF('Standard Profiles'!$G$22=$B$10,7,0)+IF('Standard Profiles'!$G$22=$B$17,14,0)+IF('Standard Profiles'!$G$22=$B$24,21,0),MOD($C7317,24)+1)/SUM(INDEX($D$3:$AA$30,INDEX(Jesper!$R$2:$R$366,ROW(INDEX(Jesper!AL$2:AL$366,ROUNDDOWN($C7317/24,0)+1,1))-1)+IF('Standard Profiles'!$G$22=$B$10,7,0)+IF('Standard Profiles'!$G$22=$B$17,14,0)+IF('Standard Profiles'!$G$22=$B$24,21,0),0)),0)</f>
        <v>0</v>
      </c>
      <c r="I7317">
        <f t="shared" si="811"/>
        <v>0.48948160319890532</v>
      </c>
      <c r="J7317">
        <f t="shared" si="812"/>
        <v>1.6316053439963512</v>
      </c>
      <c r="K7317">
        <f t="shared" si="813"/>
        <v>2.4474080159945264</v>
      </c>
      <c r="L7317">
        <f t="shared" si="814"/>
        <v>11.747558476773728</v>
      </c>
      <c r="M7317">
        <f t="shared" si="815"/>
        <v>0</v>
      </c>
      <c r="N7317" s="46">
        <f t="shared" si="816"/>
        <v>45595.45833331567</v>
      </c>
    </row>
    <row r="7318" spans="2:14" x14ac:dyDescent="0.3">
      <c r="B7318">
        <f t="shared" si="810"/>
        <v>3</v>
      </c>
      <c r="C7318" s="16">
        <v>7284</v>
      </c>
      <c r="D7318" cm="1">
        <f t="array" ref="D7318">IFERROR(INDEX(Jesper!AH$2:AH$366,ROUNDDOWN($C7318/24,0)+1,1)*INDEX($D$3:$AA$30,INDEX(Jesper!$R$2:$R$366,ROW(INDEX(Jesper!AH$2:AH$366,ROUNDDOWN($C7318/24,0)+1,1))-1)+IF('Standard Profiles'!$G$18=$B$10,7,0)+IF('Standard Profiles'!$G$18=$B$17,14,0)+IF('Standard Profiles'!$G$18=$B$24,21,0),MOD($C7318,24)+1)/SUM(INDEX($D$3:$AA$30,INDEX(Jesper!$R$2:$R$366,ROW(INDEX(Jesper!AH$2:AH$366,ROUNDDOWN($C7318/24,0)+1,1))-1)+IF('Standard Profiles'!$G$18=$B$10,7,0)+IF('Standard Profiles'!$G$18=$B$17,14,0)+IF('Standard Profiles'!$G$18=$B$24,21,0),0)),0)</f>
        <v>16.316053439963511</v>
      </c>
      <c r="E7318" cm="1">
        <f t="array" ref="E7318">IFERROR(INDEX(Jesper!AI$2:AI$366,ROUNDDOWN($C7318/24,0)+1,1)*INDEX($D$3:$AA$30,INDEX(Jesper!$R$2:$R$366,ROW(INDEX(Jesper!AI$2:AI$366,ROUNDDOWN($C7318/24,0)+1,1))-1)+IF('Standard Profiles'!$G$19=$B$10,7,0)+IF('Standard Profiles'!$G$19=$B$17,14,0)+IF('Standard Profiles'!$G$19=$B$24,21,0),MOD($C7318,24)+1)/SUM(INDEX($D$3:$AA$30,INDEX(Jesper!$R$2:$R$366,ROW(INDEX(Jesper!AI$2:AI$366,ROUNDDOWN($C7318/24,0)+1,1))-1)+IF('Standard Profiles'!$G$19=$B$10,7,0)+IF('Standard Profiles'!$G$19=$B$17,14,0)+IF('Standard Profiles'!$G$19=$B$24,21,0),0)),0)</f>
        <v>0</v>
      </c>
      <c r="F7318" cm="1">
        <f t="array" ref="F7318">IFERROR(INDEX(Jesper!AJ$2:AJ$366,ROUNDDOWN($C7318/24,0)+1,1)*INDEX($D$3:$AA$30,INDEX(Jesper!$R$2:$R$366,ROW(INDEX(Jesper!AJ$2:AJ$366,ROUNDDOWN($C7318/24,0)+1,1))-1)+IF('Standard Profiles'!$G$20=$B$10,7,0)+IF('Standard Profiles'!$G$20=$B$17,14,0)+IF('Standard Profiles'!$G$20=$B$24,21,0),MOD($C7318,24)+1)/SUM(INDEX($D$3:$AA$30,INDEX(Jesper!$R$2:$R$366,ROW(INDEX(Jesper!AJ$2:AJ$366,ROUNDDOWN($C7318/24,0)+1,1))-1)+IF('Standard Profiles'!$G$20=$B$10,7,0)+IF('Standard Profiles'!$G$20=$B$17,14,0)+IF('Standard Profiles'!$G$20=$B$24,21,0),0)),0)</f>
        <v>0</v>
      </c>
      <c r="G7318" cm="1">
        <f t="array" ref="G7318">IFERROR(INDEX(Jesper!AK$2:AK$366,ROUNDDOWN($C7318/24,0)+1,1)*INDEX($D$3:$AA$30,INDEX(Jesper!$R$2:$R$366,ROW(INDEX(Jesper!AK$2:AK$366,ROUNDDOWN($C7318/24,0)+1,1))-1)+IF('Standard Profiles'!$G$21=$B$10,7,0)+IF('Standard Profiles'!$G$21=$B$17,14,0)+IF('Standard Profiles'!$G$21=$B$24,21,0),MOD($C7318,24)+1)/SUM(INDEX($D$3:$AA$30,INDEX(Jesper!$R$2:$R$366,ROW(INDEX(Jesper!AK$2:AK$366,ROUNDDOWN($C7318/24,0)+1,1))-1)+IF('Standard Profiles'!$G$21=$B$10,7,0)+IF('Standard Profiles'!$G$21=$B$17,14,0)+IF('Standard Profiles'!$G$21=$B$24,21,0),0)),0)</f>
        <v>0</v>
      </c>
      <c r="H7318" cm="1">
        <f t="array" ref="H7318">IFERROR(INDEX(Jesper!AL$2:AL$366,ROUNDDOWN($C7318/24,0)+1,1)*INDEX($D$3:$AA$30,INDEX(Jesper!$R$2:$R$366,ROW(INDEX(Jesper!AL$2:AL$366,ROUNDDOWN($C7318/24,0)+1,1))-1)+IF('Standard Profiles'!$G$22=$B$10,7,0)+IF('Standard Profiles'!$G$22=$B$17,14,0)+IF('Standard Profiles'!$G$22=$B$24,21,0),MOD($C7318,24)+1)/SUM(INDEX($D$3:$AA$30,INDEX(Jesper!$R$2:$R$366,ROW(INDEX(Jesper!AL$2:AL$366,ROUNDDOWN($C7318/24,0)+1,1))-1)+IF('Standard Profiles'!$G$22=$B$10,7,0)+IF('Standard Profiles'!$G$22=$B$17,14,0)+IF('Standard Profiles'!$G$22=$B$24,21,0),0)),0)</f>
        <v>0</v>
      </c>
      <c r="I7318">
        <f t="shared" si="811"/>
        <v>0.48948160319890532</v>
      </c>
      <c r="J7318">
        <f t="shared" si="812"/>
        <v>1.6316053439963512</v>
      </c>
      <c r="K7318">
        <f t="shared" si="813"/>
        <v>2.4474080159945264</v>
      </c>
      <c r="L7318">
        <f t="shared" si="814"/>
        <v>11.747558476773728</v>
      </c>
      <c r="M7318">
        <f t="shared" si="815"/>
        <v>0</v>
      </c>
      <c r="N7318" s="46">
        <f t="shared" si="816"/>
        <v>45595.499999982334</v>
      </c>
    </row>
    <row r="7319" spans="2:14" x14ac:dyDescent="0.3">
      <c r="B7319">
        <f t="shared" si="810"/>
        <v>3</v>
      </c>
      <c r="C7319" s="16">
        <v>7285</v>
      </c>
      <c r="D7319" cm="1">
        <f t="array" ref="D7319">IFERROR(INDEX(Jesper!AH$2:AH$366,ROUNDDOWN($C7319/24,0)+1,1)*INDEX($D$3:$AA$30,INDEX(Jesper!$R$2:$R$366,ROW(INDEX(Jesper!AH$2:AH$366,ROUNDDOWN($C7319/24,0)+1,1))-1)+IF('Standard Profiles'!$G$18=$B$10,7,0)+IF('Standard Profiles'!$G$18=$B$17,14,0)+IF('Standard Profiles'!$G$18=$B$24,21,0),MOD($C7319,24)+1)/SUM(INDEX($D$3:$AA$30,INDEX(Jesper!$R$2:$R$366,ROW(INDEX(Jesper!AH$2:AH$366,ROUNDDOWN($C7319/24,0)+1,1))-1)+IF('Standard Profiles'!$G$18=$B$10,7,0)+IF('Standard Profiles'!$G$18=$B$17,14,0)+IF('Standard Profiles'!$G$18=$B$24,21,0),0)),0)</f>
        <v>16.316053439963511</v>
      </c>
      <c r="E7319" cm="1">
        <f t="array" ref="E7319">IFERROR(INDEX(Jesper!AI$2:AI$366,ROUNDDOWN($C7319/24,0)+1,1)*INDEX($D$3:$AA$30,INDEX(Jesper!$R$2:$R$366,ROW(INDEX(Jesper!AI$2:AI$366,ROUNDDOWN($C7319/24,0)+1,1))-1)+IF('Standard Profiles'!$G$19=$B$10,7,0)+IF('Standard Profiles'!$G$19=$B$17,14,0)+IF('Standard Profiles'!$G$19=$B$24,21,0),MOD($C7319,24)+1)/SUM(INDEX($D$3:$AA$30,INDEX(Jesper!$R$2:$R$366,ROW(INDEX(Jesper!AI$2:AI$366,ROUNDDOWN($C7319/24,0)+1,1))-1)+IF('Standard Profiles'!$G$19=$B$10,7,0)+IF('Standard Profiles'!$G$19=$B$17,14,0)+IF('Standard Profiles'!$G$19=$B$24,21,0),0)),0)</f>
        <v>0</v>
      </c>
      <c r="F7319" cm="1">
        <f t="array" ref="F7319">IFERROR(INDEX(Jesper!AJ$2:AJ$366,ROUNDDOWN($C7319/24,0)+1,1)*INDEX($D$3:$AA$30,INDEX(Jesper!$R$2:$R$366,ROW(INDEX(Jesper!AJ$2:AJ$366,ROUNDDOWN($C7319/24,0)+1,1))-1)+IF('Standard Profiles'!$G$20=$B$10,7,0)+IF('Standard Profiles'!$G$20=$B$17,14,0)+IF('Standard Profiles'!$G$20=$B$24,21,0),MOD($C7319,24)+1)/SUM(INDEX($D$3:$AA$30,INDEX(Jesper!$R$2:$R$366,ROW(INDEX(Jesper!AJ$2:AJ$366,ROUNDDOWN($C7319/24,0)+1,1))-1)+IF('Standard Profiles'!$G$20=$B$10,7,0)+IF('Standard Profiles'!$G$20=$B$17,14,0)+IF('Standard Profiles'!$G$20=$B$24,21,0),0)),0)</f>
        <v>0</v>
      </c>
      <c r="G7319" cm="1">
        <f t="array" ref="G7319">IFERROR(INDEX(Jesper!AK$2:AK$366,ROUNDDOWN($C7319/24,0)+1,1)*INDEX($D$3:$AA$30,INDEX(Jesper!$R$2:$R$366,ROW(INDEX(Jesper!AK$2:AK$366,ROUNDDOWN($C7319/24,0)+1,1))-1)+IF('Standard Profiles'!$G$21=$B$10,7,0)+IF('Standard Profiles'!$G$21=$B$17,14,0)+IF('Standard Profiles'!$G$21=$B$24,21,0),MOD($C7319,24)+1)/SUM(INDEX($D$3:$AA$30,INDEX(Jesper!$R$2:$R$366,ROW(INDEX(Jesper!AK$2:AK$366,ROUNDDOWN($C7319/24,0)+1,1))-1)+IF('Standard Profiles'!$G$21=$B$10,7,0)+IF('Standard Profiles'!$G$21=$B$17,14,0)+IF('Standard Profiles'!$G$21=$B$24,21,0),0)),0)</f>
        <v>0</v>
      </c>
      <c r="H7319" cm="1">
        <f t="array" ref="H7319">IFERROR(INDEX(Jesper!AL$2:AL$366,ROUNDDOWN($C7319/24,0)+1,1)*INDEX($D$3:$AA$30,INDEX(Jesper!$R$2:$R$366,ROW(INDEX(Jesper!AL$2:AL$366,ROUNDDOWN($C7319/24,0)+1,1))-1)+IF('Standard Profiles'!$G$22=$B$10,7,0)+IF('Standard Profiles'!$G$22=$B$17,14,0)+IF('Standard Profiles'!$G$22=$B$24,21,0),MOD($C7319,24)+1)/SUM(INDEX($D$3:$AA$30,INDEX(Jesper!$R$2:$R$366,ROW(INDEX(Jesper!AL$2:AL$366,ROUNDDOWN($C7319/24,0)+1,1))-1)+IF('Standard Profiles'!$G$22=$B$10,7,0)+IF('Standard Profiles'!$G$22=$B$17,14,0)+IF('Standard Profiles'!$G$22=$B$24,21,0),0)),0)</f>
        <v>0</v>
      </c>
      <c r="I7319">
        <f t="shared" si="811"/>
        <v>0.48948160319890532</v>
      </c>
      <c r="J7319">
        <f t="shared" si="812"/>
        <v>1.6316053439963512</v>
      </c>
      <c r="K7319">
        <f t="shared" si="813"/>
        <v>2.4474080159945264</v>
      </c>
      <c r="L7319">
        <f t="shared" si="814"/>
        <v>11.747558476773728</v>
      </c>
      <c r="M7319">
        <f t="shared" si="815"/>
        <v>0</v>
      </c>
      <c r="N7319" s="46">
        <f t="shared" si="816"/>
        <v>45595.541666648998</v>
      </c>
    </row>
    <row r="7320" spans="2:14" x14ac:dyDescent="0.3">
      <c r="B7320">
        <f t="shared" si="810"/>
        <v>3</v>
      </c>
      <c r="C7320" s="16">
        <v>7286</v>
      </c>
      <c r="D7320" cm="1">
        <f t="array" ref="D7320">IFERROR(INDEX(Jesper!AH$2:AH$366,ROUNDDOWN($C7320/24,0)+1,1)*INDEX($D$3:$AA$30,INDEX(Jesper!$R$2:$R$366,ROW(INDEX(Jesper!AH$2:AH$366,ROUNDDOWN($C7320/24,0)+1,1))-1)+IF('Standard Profiles'!$G$18=$B$10,7,0)+IF('Standard Profiles'!$G$18=$B$17,14,0)+IF('Standard Profiles'!$G$18=$B$24,21,0),MOD($C7320,24)+1)/SUM(INDEX($D$3:$AA$30,INDEX(Jesper!$R$2:$R$366,ROW(INDEX(Jesper!AH$2:AH$366,ROUNDDOWN($C7320/24,0)+1,1))-1)+IF('Standard Profiles'!$G$18=$B$10,7,0)+IF('Standard Profiles'!$G$18=$B$17,14,0)+IF('Standard Profiles'!$G$18=$B$24,21,0),0)),0)</f>
        <v>16.316053439963511</v>
      </c>
      <c r="E7320" cm="1">
        <f t="array" ref="E7320">IFERROR(INDEX(Jesper!AI$2:AI$366,ROUNDDOWN($C7320/24,0)+1,1)*INDEX($D$3:$AA$30,INDEX(Jesper!$R$2:$R$366,ROW(INDEX(Jesper!AI$2:AI$366,ROUNDDOWN($C7320/24,0)+1,1))-1)+IF('Standard Profiles'!$G$19=$B$10,7,0)+IF('Standard Profiles'!$G$19=$B$17,14,0)+IF('Standard Profiles'!$G$19=$B$24,21,0),MOD($C7320,24)+1)/SUM(INDEX($D$3:$AA$30,INDEX(Jesper!$R$2:$R$366,ROW(INDEX(Jesper!AI$2:AI$366,ROUNDDOWN($C7320/24,0)+1,1))-1)+IF('Standard Profiles'!$G$19=$B$10,7,0)+IF('Standard Profiles'!$G$19=$B$17,14,0)+IF('Standard Profiles'!$G$19=$B$24,21,0),0)),0)</f>
        <v>0</v>
      </c>
      <c r="F7320" cm="1">
        <f t="array" ref="F7320">IFERROR(INDEX(Jesper!AJ$2:AJ$366,ROUNDDOWN($C7320/24,0)+1,1)*INDEX($D$3:$AA$30,INDEX(Jesper!$R$2:$R$366,ROW(INDEX(Jesper!AJ$2:AJ$366,ROUNDDOWN($C7320/24,0)+1,1))-1)+IF('Standard Profiles'!$G$20=$B$10,7,0)+IF('Standard Profiles'!$G$20=$B$17,14,0)+IF('Standard Profiles'!$G$20=$B$24,21,0),MOD($C7320,24)+1)/SUM(INDEX($D$3:$AA$30,INDEX(Jesper!$R$2:$R$366,ROW(INDEX(Jesper!AJ$2:AJ$366,ROUNDDOWN($C7320/24,0)+1,1))-1)+IF('Standard Profiles'!$G$20=$B$10,7,0)+IF('Standard Profiles'!$G$20=$B$17,14,0)+IF('Standard Profiles'!$G$20=$B$24,21,0),0)),0)</f>
        <v>0</v>
      </c>
      <c r="G7320" cm="1">
        <f t="array" ref="G7320">IFERROR(INDEX(Jesper!AK$2:AK$366,ROUNDDOWN($C7320/24,0)+1,1)*INDEX($D$3:$AA$30,INDEX(Jesper!$R$2:$R$366,ROW(INDEX(Jesper!AK$2:AK$366,ROUNDDOWN($C7320/24,0)+1,1))-1)+IF('Standard Profiles'!$G$21=$B$10,7,0)+IF('Standard Profiles'!$G$21=$B$17,14,0)+IF('Standard Profiles'!$G$21=$B$24,21,0),MOD($C7320,24)+1)/SUM(INDEX($D$3:$AA$30,INDEX(Jesper!$R$2:$R$366,ROW(INDEX(Jesper!AK$2:AK$366,ROUNDDOWN($C7320/24,0)+1,1))-1)+IF('Standard Profiles'!$G$21=$B$10,7,0)+IF('Standard Profiles'!$G$21=$B$17,14,0)+IF('Standard Profiles'!$G$21=$B$24,21,0),0)),0)</f>
        <v>0</v>
      </c>
      <c r="H7320" cm="1">
        <f t="array" ref="H7320">IFERROR(INDEX(Jesper!AL$2:AL$366,ROUNDDOWN($C7320/24,0)+1,1)*INDEX($D$3:$AA$30,INDEX(Jesper!$R$2:$R$366,ROW(INDEX(Jesper!AL$2:AL$366,ROUNDDOWN($C7320/24,0)+1,1))-1)+IF('Standard Profiles'!$G$22=$B$10,7,0)+IF('Standard Profiles'!$G$22=$B$17,14,0)+IF('Standard Profiles'!$G$22=$B$24,21,0),MOD($C7320,24)+1)/SUM(INDEX($D$3:$AA$30,INDEX(Jesper!$R$2:$R$366,ROW(INDEX(Jesper!AL$2:AL$366,ROUNDDOWN($C7320/24,0)+1,1))-1)+IF('Standard Profiles'!$G$22=$B$10,7,0)+IF('Standard Profiles'!$G$22=$B$17,14,0)+IF('Standard Profiles'!$G$22=$B$24,21,0),0)),0)</f>
        <v>0</v>
      </c>
      <c r="I7320">
        <f t="shared" si="811"/>
        <v>0.48948160319890532</v>
      </c>
      <c r="J7320">
        <f t="shared" si="812"/>
        <v>1.6316053439963512</v>
      </c>
      <c r="K7320">
        <f t="shared" si="813"/>
        <v>2.4474080159945264</v>
      </c>
      <c r="L7320">
        <f t="shared" si="814"/>
        <v>11.747558476773728</v>
      </c>
      <c r="M7320">
        <f t="shared" si="815"/>
        <v>0</v>
      </c>
      <c r="N7320" s="46">
        <f t="shared" si="816"/>
        <v>45595.583333315662</v>
      </c>
    </row>
    <row r="7321" spans="2:14" x14ac:dyDescent="0.3">
      <c r="B7321">
        <f t="shared" si="810"/>
        <v>3</v>
      </c>
      <c r="C7321" s="16">
        <v>7287</v>
      </c>
      <c r="D7321" cm="1">
        <f t="array" ref="D7321">IFERROR(INDEX(Jesper!AH$2:AH$366,ROUNDDOWN($C7321/24,0)+1,1)*INDEX($D$3:$AA$30,INDEX(Jesper!$R$2:$R$366,ROW(INDEX(Jesper!AH$2:AH$366,ROUNDDOWN($C7321/24,0)+1,1))-1)+IF('Standard Profiles'!$G$18=$B$10,7,0)+IF('Standard Profiles'!$G$18=$B$17,14,0)+IF('Standard Profiles'!$G$18=$B$24,21,0),MOD($C7321,24)+1)/SUM(INDEX($D$3:$AA$30,INDEX(Jesper!$R$2:$R$366,ROW(INDEX(Jesper!AH$2:AH$366,ROUNDDOWN($C7321/24,0)+1,1))-1)+IF('Standard Profiles'!$G$18=$B$10,7,0)+IF('Standard Profiles'!$G$18=$B$17,14,0)+IF('Standard Profiles'!$G$18=$B$24,21,0),0)),0)</f>
        <v>16.316053439963511</v>
      </c>
      <c r="E7321" cm="1">
        <f t="array" ref="E7321">IFERROR(INDEX(Jesper!AI$2:AI$366,ROUNDDOWN($C7321/24,0)+1,1)*INDEX($D$3:$AA$30,INDEX(Jesper!$R$2:$R$366,ROW(INDEX(Jesper!AI$2:AI$366,ROUNDDOWN($C7321/24,0)+1,1))-1)+IF('Standard Profiles'!$G$19=$B$10,7,0)+IF('Standard Profiles'!$G$19=$B$17,14,0)+IF('Standard Profiles'!$G$19=$B$24,21,0),MOD($C7321,24)+1)/SUM(INDEX($D$3:$AA$30,INDEX(Jesper!$R$2:$R$366,ROW(INDEX(Jesper!AI$2:AI$366,ROUNDDOWN($C7321/24,0)+1,1))-1)+IF('Standard Profiles'!$G$19=$B$10,7,0)+IF('Standard Profiles'!$G$19=$B$17,14,0)+IF('Standard Profiles'!$G$19=$B$24,21,0),0)),0)</f>
        <v>0</v>
      </c>
      <c r="F7321" cm="1">
        <f t="array" ref="F7321">IFERROR(INDEX(Jesper!AJ$2:AJ$366,ROUNDDOWN($C7321/24,0)+1,1)*INDEX($D$3:$AA$30,INDEX(Jesper!$R$2:$R$366,ROW(INDEX(Jesper!AJ$2:AJ$366,ROUNDDOWN($C7321/24,0)+1,1))-1)+IF('Standard Profiles'!$G$20=$B$10,7,0)+IF('Standard Profiles'!$G$20=$B$17,14,0)+IF('Standard Profiles'!$G$20=$B$24,21,0),MOD($C7321,24)+1)/SUM(INDEX($D$3:$AA$30,INDEX(Jesper!$R$2:$R$366,ROW(INDEX(Jesper!AJ$2:AJ$366,ROUNDDOWN($C7321/24,0)+1,1))-1)+IF('Standard Profiles'!$G$20=$B$10,7,0)+IF('Standard Profiles'!$G$20=$B$17,14,0)+IF('Standard Profiles'!$G$20=$B$24,21,0),0)),0)</f>
        <v>0</v>
      </c>
      <c r="G7321" cm="1">
        <f t="array" ref="G7321">IFERROR(INDEX(Jesper!AK$2:AK$366,ROUNDDOWN($C7321/24,0)+1,1)*INDEX($D$3:$AA$30,INDEX(Jesper!$R$2:$R$366,ROW(INDEX(Jesper!AK$2:AK$366,ROUNDDOWN($C7321/24,0)+1,1))-1)+IF('Standard Profiles'!$G$21=$B$10,7,0)+IF('Standard Profiles'!$G$21=$B$17,14,0)+IF('Standard Profiles'!$G$21=$B$24,21,0),MOD($C7321,24)+1)/SUM(INDEX($D$3:$AA$30,INDEX(Jesper!$R$2:$R$366,ROW(INDEX(Jesper!AK$2:AK$366,ROUNDDOWN($C7321/24,0)+1,1))-1)+IF('Standard Profiles'!$G$21=$B$10,7,0)+IF('Standard Profiles'!$G$21=$B$17,14,0)+IF('Standard Profiles'!$G$21=$B$24,21,0),0)),0)</f>
        <v>0</v>
      </c>
      <c r="H7321" cm="1">
        <f t="array" ref="H7321">IFERROR(INDEX(Jesper!AL$2:AL$366,ROUNDDOWN($C7321/24,0)+1,1)*INDEX($D$3:$AA$30,INDEX(Jesper!$R$2:$R$366,ROW(INDEX(Jesper!AL$2:AL$366,ROUNDDOWN($C7321/24,0)+1,1))-1)+IF('Standard Profiles'!$G$22=$B$10,7,0)+IF('Standard Profiles'!$G$22=$B$17,14,0)+IF('Standard Profiles'!$G$22=$B$24,21,0),MOD($C7321,24)+1)/SUM(INDEX($D$3:$AA$30,INDEX(Jesper!$R$2:$R$366,ROW(INDEX(Jesper!AL$2:AL$366,ROUNDDOWN($C7321/24,0)+1,1))-1)+IF('Standard Profiles'!$G$22=$B$10,7,0)+IF('Standard Profiles'!$G$22=$B$17,14,0)+IF('Standard Profiles'!$G$22=$B$24,21,0),0)),0)</f>
        <v>0</v>
      </c>
      <c r="I7321">
        <f t="shared" si="811"/>
        <v>0.48948160319890532</v>
      </c>
      <c r="J7321">
        <f t="shared" si="812"/>
        <v>1.6316053439963512</v>
      </c>
      <c r="K7321">
        <f t="shared" si="813"/>
        <v>2.4474080159945264</v>
      </c>
      <c r="L7321">
        <f t="shared" si="814"/>
        <v>11.747558476773728</v>
      </c>
      <c r="M7321">
        <f t="shared" si="815"/>
        <v>0</v>
      </c>
      <c r="N7321" s="46">
        <f t="shared" si="816"/>
        <v>45595.624999982327</v>
      </c>
    </row>
    <row r="7322" spans="2:14" x14ac:dyDescent="0.3">
      <c r="B7322">
        <f t="shared" si="810"/>
        <v>3</v>
      </c>
      <c r="C7322" s="16">
        <v>7288</v>
      </c>
      <c r="D7322" cm="1">
        <f t="array" ref="D7322">IFERROR(INDEX(Jesper!AH$2:AH$366,ROUNDDOWN($C7322/24,0)+1,1)*INDEX($D$3:$AA$30,INDEX(Jesper!$R$2:$R$366,ROW(INDEX(Jesper!AH$2:AH$366,ROUNDDOWN($C7322/24,0)+1,1))-1)+IF('Standard Profiles'!$G$18=$B$10,7,0)+IF('Standard Profiles'!$G$18=$B$17,14,0)+IF('Standard Profiles'!$G$18=$B$24,21,0),MOD($C7322,24)+1)/SUM(INDEX($D$3:$AA$30,INDEX(Jesper!$R$2:$R$366,ROW(INDEX(Jesper!AH$2:AH$366,ROUNDDOWN($C7322/24,0)+1,1))-1)+IF('Standard Profiles'!$G$18=$B$10,7,0)+IF('Standard Profiles'!$G$18=$B$17,14,0)+IF('Standard Profiles'!$G$18=$B$24,21,0),0)),0)</f>
        <v>16.316053439963511</v>
      </c>
      <c r="E7322" cm="1">
        <f t="array" ref="E7322">IFERROR(INDEX(Jesper!AI$2:AI$366,ROUNDDOWN($C7322/24,0)+1,1)*INDEX($D$3:$AA$30,INDEX(Jesper!$R$2:$R$366,ROW(INDEX(Jesper!AI$2:AI$366,ROUNDDOWN($C7322/24,0)+1,1))-1)+IF('Standard Profiles'!$G$19=$B$10,7,0)+IF('Standard Profiles'!$G$19=$B$17,14,0)+IF('Standard Profiles'!$G$19=$B$24,21,0),MOD($C7322,24)+1)/SUM(INDEX($D$3:$AA$30,INDEX(Jesper!$R$2:$R$366,ROW(INDEX(Jesper!AI$2:AI$366,ROUNDDOWN($C7322/24,0)+1,1))-1)+IF('Standard Profiles'!$G$19=$B$10,7,0)+IF('Standard Profiles'!$G$19=$B$17,14,0)+IF('Standard Profiles'!$G$19=$B$24,21,0),0)),0)</f>
        <v>0</v>
      </c>
      <c r="F7322" cm="1">
        <f t="array" ref="F7322">IFERROR(INDEX(Jesper!AJ$2:AJ$366,ROUNDDOWN($C7322/24,0)+1,1)*INDEX($D$3:$AA$30,INDEX(Jesper!$R$2:$R$366,ROW(INDEX(Jesper!AJ$2:AJ$366,ROUNDDOWN($C7322/24,0)+1,1))-1)+IF('Standard Profiles'!$G$20=$B$10,7,0)+IF('Standard Profiles'!$G$20=$B$17,14,0)+IF('Standard Profiles'!$G$20=$B$24,21,0),MOD($C7322,24)+1)/SUM(INDEX($D$3:$AA$30,INDEX(Jesper!$R$2:$R$366,ROW(INDEX(Jesper!AJ$2:AJ$366,ROUNDDOWN($C7322/24,0)+1,1))-1)+IF('Standard Profiles'!$G$20=$B$10,7,0)+IF('Standard Profiles'!$G$20=$B$17,14,0)+IF('Standard Profiles'!$G$20=$B$24,21,0),0)),0)</f>
        <v>0</v>
      </c>
      <c r="G7322" cm="1">
        <f t="array" ref="G7322">IFERROR(INDEX(Jesper!AK$2:AK$366,ROUNDDOWN($C7322/24,0)+1,1)*INDEX($D$3:$AA$30,INDEX(Jesper!$R$2:$R$366,ROW(INDEX(Jesper!AK$2:AK$366,ROUNDDOWN($C7322/24,0)+1,1))-1)+IF('Standard Profiles'!$G$21=$B$10,7,0)+IF('Standard Profiles'!$G$21=$B$17,14,0)+IF('Standard Profiles'!$G$21=$B$24,21,0),MOD($C7322,24)+1)/SUM(INDEX($D$3:$AA$30,INDEX(Jesper!$R$2:$R$366,ROW(INDEX(Jesper!AK$2:AK$366,ROUNDDOWN($C7322/24,0)+1,1))-1)+IF('Standard Profiles'!$G$21=$B$10,7,0)+IF('Standard Profiles'!$G$21=$B$17,14,0)+IF('Standard Profiles'!$G$21=$B$24,21,0),0)),0)</f>
        <v>0</v>
      </c>
      <c r="H7322" cm="1">
        <f t="array" ref="H7322">IFERROR(INDEX(Jesper!AL$2:AL$366,ROUNDDOWN($C7322/24,0)+1,1)*INDEX($D$3:$AA$30,INDEX(Jesper!$R$2:$R$366,ROW(INDEX(Jesper!AL$2:AL$366,ROUNDDOWN($C7322/24,0)+1,1))-1)+IF('Standard Profiles'!$G$22=$B$10,7,0)+IF('Standard Profiles'!$G$22=$B$17,14,0)+IF('Standard Profiles'!$G$22=$B$24,21,0),MOD($C7322,24)+1)/SUM(INDEX($D$3:$AA$30,INDEX(Jesper!$R$2:$R$366,ROW(INDEX(Jesper!AL$2:AL$366,ROUNDDOWN($C7322/24,0)+1,1))-1)+IF('Standard Profiles'!$G$22=$B$10,7,0)+IF('Standard Profiles'!$G$22=$B$17,14,0)+IF('Standard Profiles'!$G$22=$B$24,21,0),0)),0)</f>
        <v>0</v>
      </c>
      <c r="I7322">
        <f t="shared" si="811"/>
        <v>0.48948160319890532</v>
      </c>
      <c r="J7322">
        <f t="shared" si="812"/>
        <v>1.6316053439963512</v>
      </c>
      <c r="K7322">
        <f t="shared" si="813"/>
        <v>2.4474080159945264</v>
      </c>
      <c r="L7322">
        <f t="shared" si="814"/>
        <v>11.747558476773728</v>
      </c>
      <c r="M7322">
        <f t="shared" si="815"/>
        <v>0</v>
      </c>
      <c r="N7322" s="46">
        <f t="shared" si="816"/>
        <v>45595.666666648991</v>
      </c>
    </row>
    <row r="7323" spans="2:14" x14ac:dyDescent="0.3">
      <c r="B7323">
        <f t="shared" si="810"/>
        <v>3</v>
      </c>
      <c r="C7323" s="16">
        <v>7289</v>
      </c>
      <c r="D7323" cm="1">
        <f t="array" ref="D7323">IFERROR(INDEX(Jesper!AH$2:AH$366,ROUNDDOWN($C7323/24,0)+1,1)*INDEX($D$3:$AA$30,INDEX(Jesper!$R$2:$R$366,ROW(INDEX(Jesper!AH$2:AH$366,ROUNDDOWN($C7323/24,0)+1,1))-1)+IF('Standard Profiles'!$G$18=$B$10,7,0)+IF('Standard Profiles'!$G$18=$B$17,14,0)+IF('Standard Profiles'!$G$18=$B$24,21,0),MOD($C7323,24)+1)/SUM(INDEX($D$3:$AA$30,INDEX(Jesper!$R$2:$R$366,ROW(INDEX(Jesper!AH$2:AH$366,ROUNDDOWN($C7323/24,0)+1,1))-1)+IF('Standard Profiles'!$G$18=$B$10,7,0)+IF('Standard Profiles'!$G$18=$B$17,14,0)+IF('Standard Profiles'!$G$18=$B$24,21,0),0)),0)</f>
        <v>16.316053439963511</v>
      </c>
      <c r="E7323" cm="1">
        <f t="array" ref="E7323">IFERROR(INDEX(Jesper!AI$2:AI$366,ROUNDDOWN($C7323/24,0)+1,1)*INDEX($D$3:$AA$30,INDEX(Jesper!$R$2:$R$366,ROW(INDEX(Jesper!AI$2:AI$366,ROUNDDOWN($C7323/24,0)+1,1))-1)+IF('Standard Profiles'!$G$19=$B$10,7,0)+IF('Standard Profiles'!$G$19=$B$17,14,0)+IF('Standard Profiles'!$G$19=$B$24,21,0),MOD($C7323,24)+1)/SUM(INDEX($D$3:$AA$30,INDEX(Jesper!$R$2:$R$366,ROW(INDEX(Jesper!AI$2:AI$366,ROUNDDOWN($C7323/24,0)+1,1))-1)+IF('Standard Profiles'!$G$19=$B$10,7,0)+IF('Standard Profiles'!$G$19=$B$17,14,0)+IF('Standard Profiles'!$G$19=$B$24,21,0),0)),0)</f>
        <v>0</v>
      </c>
      <c r="F7323" cm="1">
        <f t="array" ref="F7323">IFERROR(INDEX(Jesper!AJ$2:AJ$366,ROUNDDOWN($C7323/24,0)+1,1)*INDEX($D$3:$AA$30,INDEX(Jesper!$R$2:$R$366,ROW(INDEX(Jesper!AJ$2:AJ$366,ROUNDDOWN($C7323/24,0)+1,1))-1)+IF('Standard Profiles'!$G$20=$B$10,7,0)+IF('Standard Profiles'!$G$20=$B$17,14,0)+IF('Standard Profiles'!$G$20=$B$24,21,0),MOD($C7323,24)+1)/SUM(INDEX($D$3:$AA$30,INDEX(Jesper!$R$2:$R$366,ROW(INDEX(Jesper!AJ$2:AJ$366,ROUNDDOWN($C7323/24,0)+1,1))-1)+IF('Standard Profiles'!$G$20=$B$10,7,0)+IF('Standard Profiles'!$G$20=$B$17,14,0)+IF('Standard Profiles'!$G$20=$B$24,21,0),0)),0)</f>
        <v>0</v>
      </c>
      <c r="G7323" cm="1">
        <f t="array" ref="G7323">IFERROR(INDEX(Jesper!AK$2:AK$366,ROUNDDOWN($C7323/24,0)+1,1)*INDEX($D$3:$AA$30,INDEX(Jesper!$R$2:$R$366,ROW(INDEX(Jesper!AK$2:AK$366,ROUNDDOWN($C7323/24,0)+1,1))-1)+IF('Standard Profiles'!$G$21=$B$10,7,0)+IF('Standard Profiles'!$G$21=$B$17,14,0)+IF('Standard Profiles'!$G$21=$B$24,21,0),MOD($C7323,24)+1)/SUM(INDEX($D$3:$AA$30,INDEX(Jesper!$R$2:$R$366,ROW(INDEX(Jesper!AK$2:AK$366,ROUNDDOWN($C7323/24,0)+1,1))-1)+IF('Standard Profiles'!$G$21=$B$10,7,0)+IF('Standard Profiles'!$G$21=$B$17,14,0)+IF('Standard Profiles'!$G$21=$B$24,21,0),0)),0)</f>
        <v>0</v>
      </c>
      <c r="H7323" cm="1">
        <f t="array" ref="H7323">IFERROR(INDEX(Jesper!AL$2:AL$366,ROUNDDOWN($C7323/24,0)+1,1)*INDEX($D$3:$AA$30,INDEX(Jesper!$R$2:$R$366,ROW(INDEX(Jesper!AL$2:AL$366,ROUNDDOWN($C7323/24,0)+1,1))-1)+IF('Standard Profiles'!$G$22=$B$10,7,0)+IF('Standard Profiles'!$G$22=$B$17,14,0)+IF('Standard Profiles'!$G$22=$B$24,21,0),MOD($C7323,24)+1)/SUM(INDEX($D$3:$AA$30,INDEX(Jesper!$R$2:$R$366,ROW(INDEX(Jesper!AL$2:AL$366,ROUNDDOWN($C7323/24,0)+1,1))-1)+IF('Standard Profiles'!$G$22=$B$10,7,0)+IF('Standard Profiles'!$G$22=$B$17,14,0)+IF('Standard Profiles'!$G$22=$B$24,21,0),0)),0)</f>
        <v>0</v>
      </c>
      <c r="I7323">
        <f t="shared" si="811"/>
        <v>0.48948160319890532</v>
      </c>
      <c r="J7323">
        <f t="shared" si="812"/>
        <v>1.6316053439963512</v>
      </c>
      <c r="K7323">
        <f t="shared" si="813"/>
        <v>2.4474080159945264</v>
      </c>
      <c r="L7323">
        <f t="shared" si="814"/>
        <v>11.747558476773728</v>
      </c>
      <c r="M7323">
        <f t="shared" si="815"/>
        <v>0</v>
      </c>
      <c r="N7323" s="46">
        <f t="shared" si="816"/>
        <v>45595.708333315655</v>
      </c>
    </row>
    <row r="7324" spans="2:14" x14ac:dyDescent="0.3">
      <c r="B7324">
        <f t="shared" si="810"/>
        <v>3</v>
      </c>
      <c r="C7324" s="16">
        <v>7290</v>
      </c>
      <c r="D7324" cm="1">
        <f t="array" ref="D7324">IFERROR(INDEX(Jesper!AH$2:AH$366,ROUNDDOWN($C7324/24,0)+1,1)*INDEX($D$3:$AA$30,INDEX(Jesper!$R$2:$R$366,ROW(INDEX(Jesper!AH$2:AH$366,ROUNDDOWN($C7324/24,0)+1,1))-1)+IF('Standard Profiles'!$G$18=$B$10,7,0)+IF('Standard Profiles'!$G$18=$B$17,14,0)+IF('Standard Profiles'!$G$18=$B$24,21,0),MOD($C7324,24)+1)/SUM(INDEX($D$3:$AA$30,INDEX(Jesper!$R$2:$R$366,ROW(INDEX(Jesper!AH$2:AH$366,ROUNDDOWN($C7324/24,0)+1,1))-1)+IF('Standard Profiles'!$G$18=$B$10,7,0)+IF('Standard Profiles'!$G$18=$B$17,14,0)+IF('Standard Profiles'!$G$18=$B$24,21,0),0)),0)</f>
        <v>16.316053439963511</v>
      </c>
      <c r="E7324" cm="1">
        <f t="array" ref="E7324">IFERROR(INDEX(Jesper!AI$2:AI$366,ROUNDDOWN($C7324/24,0)+1,1)*INDEX($D$3:$AA$30,INDEX(Jesper!$R$2:$R$366,ROW(INDEX(Jesper!AI$2:AI$366,ROUNDDOWN($C7324/24,0)+1,1))-1)+IF('Standard Profiles'!$G$19=$B$10,7,0)+IF('Standard Profiles'!$G$19=$B$17,14,0)+IF('Standard Profiles'!$G$19=$B$24,21,0),MOD($C7324,24)+1)/SUM(INDEX($D$3:$AA$30,INDEX(Jesper!$R$2:$R$366,ROW(INDEX(Jesper!AI$2:AI$366,ROUNDDOWN($C7324/24,0)+1,1))-1)+IF('Standard Profiles'!$G$19=$B$10,7,0)+IF('Standard Profiles'!$G$19=$B$17,14,0)+IF('Standard Profiles'!$G$19=$B$24,21,0),0)),0)</f>
        <v>0</v>
      </c>
      <c r="F7324" cm="1">
        <f t="array" ref="F7324">IFERROR(INDEX(Jesper!AJ$2:AJ$366,ROUNDDOWN($C7324/24,0)+1,1)*INDEX($D$3:$AA$30,INDEX(Jesper!$R$2:$R$366,ROW(INDEX(Jesper!AJ$2:AJ$366,ROUNDDOWN($C7324/24,0)+1,1))-1)+IF('Standard Profiles'!$G$20=$B$10,7,0)+IF('Standard Profiles'!$G$20=$B$17,14,0)+IF('Standard Profiles'!$G$20=$B$24,21,0),MOD($C7324,24)+1)/SUM(INDEX($D$3:$AA$30,INDEX(Jesper!$R$2:$R$366,ROW(INDEX(Jesper!AJ$2:AJ$366,ROUNDDOWN($C7324/24,0)+1,1))-1)+IF('Standard Profiles'!$G$20=$B$10,7,0)+IF('Standard Profiles'!$G$20=$B$17,14,0)+IF('Standard Profiles'!$G$20=$B$24,21,0),0)),0)</f>
        <v>0</v>
      </c>
      <c r="G7324" cm="1">
        <f t="array" ref="G7324">IFERROR(INDEX(Jesper!AK$2:AK$366,ROUNDDOWN($C7324/24,0)+1,1)*INDEX($D$3:$AA$30,INDEX(Jesper!$R$2:$R$366,ROW(INDEX(Jesper!AK$2:AK$366,ROUNDDOWN($C7324/24,0)+1,1))-1)+IF('Standard Profiles'!$G$21=$B$10,7,0)+IF('Standard Profiles'!$G$21=$B$17,14,0)+IF('Standard Profiles'!$G$21=$B$24,21,0),MOD($C7324,24)+1)/SUM(INDEX($D$3:$AA$30,INDEX(Jesper!$R$2:$R$366,ROW(INDEX(Jesper!AK$2:AK$366,ROUNDDOWN($C7324/24,0)+1,1))-1)+IF('Standard Profiles'!$G$21=$B$10,7,0)+IF('Standard Profiles'!$G$21=$B$17,14,0)+IF('Standard Profiles'!$G$21=$B$24,21,0),0)),0)</f>
        <v>0</v>
      </c>
      <c r="H7324" cm="1">
        <f t="array" ref="H7324">IFERROR(INDEX(Jesper!AL$2:AL$366,ROUNDDOWN($C7324/24,0)+1,1)*INDEX($D$3:$AA$30,INDEX(Jesper!$R$2:$R$366,ROW(INDEX(Jesper!AL$2:AL$366,ROUNDDOWN($C7324/24,0)+1,1))-1)+IF('Standard Profiles'!$G$22=$B$10,7,0)+IF('Standard Profiles'!$G$22=$B$17,14,0)+IF('Standard Profiles'!$G$22=$B$24,21,0),MOD($C7324,24)+1)/SUM(INDEX($D$3:$AA$30,INDEX(Jesper!$R$2:$R$366,ROW(INDEX(Jesper!AL$2:AL$366,ROUNDDOWN($C7324/24,0)+1,1))-1)+IF('Standard Profiles'!$G$22=$B$10,7,0)+IF('Standard Profiles'!$G$22=$B$17,14,0)+IF('Standard Profiles'!$G$22=$B$24,21,0),0)),0)</f>
        <v>0</v>
      </c>
      <c r="I7324">
        <f t="shared" si="811"/>
        <v>0.48948160319890532</v>
      </c>
      <c r="J7324">
        <f t="shared" si="812"/>
        <v>1.6316053439963512</v>
      </c>
      <c r="K7324">
        <f t="shared" si="813"/>
        <v>2.4474080159945264</v>
      </c>
      <c r="L7324">
        <f t="shared" si="814"/>
        <v>11.747558476773728</v>
      </c>
      <c r="M7324">
        <f t="shared" si="815"/>
        <v>0</v>
      </c>
      <c r="N7324" s="46">
        <f t="shared" si="816"/>
        <v>45595.749999982319</v>
      </c>
    </row>
    <row r="7325" spans="2:14" x14ac:dyDescent="0.3">
      <c r="B7325">
        <f t="shared" si="810"/>
        <v>3</v>
      </c>
      <c r="C7325" s="16">
        <v>7291</v>
      </c>
      <c r="D7325" cm="1">
        <f t="array" ref="D7325">IFERROR(INDEX(Jesper!AH$2:AH$366,ROUNDDOWN($C7325/24,0)+1,1)*INDEX($D$3:$AA$30,INDEX(Jesper!$R$2:$R$366,ROW(INDEX(Jesper!AH$2:AH$366,ROUNDDOWN($C7325/24,0)+1,1))-1)+IF('Standard Profiles'!$G$18=$B$10,7,0)+IF('Standard Profiles'!$G$18=$B$17,14,0)+IF('Standard Profiles'!$G$18=$B$24,21,0),MOD($C7325,24)+1)/SUM(INDEX($D$3:$AA$30,INDEX(Jesper!$R$2:$R$366,ROW(INDEX(Jesper!AH$2:AH$366,ROUNDDOWN($C7325/24,0)+1,1))-1)+IF('Standard Profiles'!$G$18=$B$10,7,0)+IF('Standard Profiles'!$G$18=$B$17,14,0)+IF('Standard Profiles'!$G$18=$B$24,21,0),0)),0)</f>
        <v>13.596711199969596</v>
      </c>
      <c r="E7325" cm="1">
        <f t="array" ref="E7325">IFERROR(INDEX(Jesper!AI$2:AI$366,ROUNDDOWN($C7325/24,0)+1,1)*INDEX($D$3:$AA$30,INDEX(Jesper!$R$2:$R$366,ROW(INDEX(Jesper!AI$2:AI$366,ROUNDDOWN($C7325/24,0)+1,1))-1)+IF('Standard Profiles'!$G$19=$B$10,7,0)+IF('Standard Profiles'!$G$19=$B$17,14,0)+IF('Standard Profiles'!$G$19=$B$24,21,0),MOD($C7325,24)+1)/SUM(INDEX($D$3:$AA$30,INDEX(Jesper!$R$2:$R$366,ROW(INDEX(Jesper!AI$2:AI$366,ROUNDDOWN($C7325/24,0)+1,1))-1)+IF('Standard Profiles'!$G$19=$B$10,7,0)+IF('Standard Profiles'!$G$19=$B$17,14,0)+IF('Standard Profiles'!$G$19=$B$24,21,0),0)),0)</f>
        <v>0</v>
      </c>
      <c r="F7325" cm="1">
        <f t="array" ref="F7325">IFERROR(INDEX(Jesper!AJ$2:AJ$366,ROUNDDOWN($C7325/24,0)+1,1)*INDEX($D$3:$AA$30,INDEX(Jesper!$R$2:$R$366,ROW(INDEX(Jesper!AJ$2:AJ$366,ROUNDDOWN($C7325/24,0)+1,1))-1)+IF('Standard Profiles'!$G$20=$B$10,7,0)+IF('Standard Profiles'!$G$20=$B$17,14,0)+IF('Standard Profiles'!$G$20=$B$24,21,0),MOD($C7325,24)+1)/SUM(INDEX($D$3:$AA$30,INDEX(Jesper!$R$2:$R$366,ROW(INDEX(Jesper!AJ$2:AJ$366,ROUNDDOWN($C7325/24,0)+1,1))-1)+IF('Standard Profiles'!$G$20=$B$10,7,0)+IF('Standard Profiles'!$G$20=$B$17,14,0)+IF('Standard Profiles'!$G$20=$B$24,21,0),0)),0)</f>
        <v>0</v>
      </c>
      <c r="G7325" cm="1">
        <f t="array" ref="G7325">IFERROR(INDEX(Jesper!AK$2:AK$366,ROUNDDOWN($C7325/24,0)+1,1)*INDEX($D$3:$AA$30,INDEX(Jesper!$R$2:$R$366,ROW(INDEX(Jesper!AK$2:AK$366,ROUNDDOWN($C7325/24,0)+1,1))-1)+IF('Standard Profiles'!$G$21=$B$10,7,0)+IF('Standard Profiles'!$G$21=$B$17,14,0)+IF('Standard Profiles'!$G$21=$B$24,21,0),MOD($C7325,24)+1)/SUM(INDEX($D$3:$AA$30,INDEX(Jesper!$R$2:$R$366,ROW(INDEX(Jesper!AK$2:AK$366,ROUNDDOWN($C7325/24,0)+1,1))-1)+IF('Standard Profiles'!$G$21=$B$10,7,0)+IF('Standard Profiles'!$G$21=$B$17,14,0)+IF('Standard Profiles'!$G$21=$B$24,21,0),0)),0)</f>
        <v>0</v>
      </c>
      <c r="H7325" cm="1">
        <f t="array" ref="H7325">IFERROR(INDEX(Jesper!AL$2:AL$366,ROUNDDOWN($C7325/24,0)+1,1)*INDEX($D$3:$AA$30,INDEX(Jesper!$R$2:$R$366,ROW(INDEX(Jesper!AL$2:AL$366,ROUNDDOWN($C7325/24,0)+1,1))-1)+IF('Standard Profiles'!$G$22=$B$10,7,0)+IF('Standard Profiles'!$G$22=$B$17,14,0)+IF('Standard Profiles'!$G$22=$B$24,21,0),MOD($C7325,24)+1)/SUM(INDEX($D$3:$AA$30,INDEX(Jesper!$R$2:$R$366,ROW(INDEX(Jesper!AL$2:AL$366,ROUNDDOWN($C7325/24,0)+1,1))-1)+IF('Standard Profiles'!$G$22=$B$10,7,0)+IF('Standard Profiles'!$G$22=$B$17,14,0)+IF('Standard Profiles'!$G$22=$B$24,21,0),0)),0)</f>
        <v>0</v>
      </c>
      <c r="I7325">
        <f t="shared" si="811"/>
        <v>0.40790133599908784</v>
      </c>
      <c r="J7325">
        <f t="shared" si="812"/>
        <v>1.3596711199969596</v>
      </c>
      <c r="K7325">
        <f t="shared" si="813"/>
        <v>2.0395066799954393</v>
      </c>
      <c r="L7325">
        <f t="shared" si="814"/>
        <v>9.7896320639781091</v>
      </c>
      <c r="M7325">
        <f t="shared" si="815"/>
        <v>0</v>
      </c>
      <c r="N7325" s="46">
        <f t="shared" si="816"/>
        <v>45595.791666648984</v>
      </c>
    </row>
    <row r="7326" spans="2:14" x14ac:dyDescent="0.3">
      <c r="B7326">
        <f t="shared" si="810"/>
        <v>3</v>
      </c>
      <c r="C7326" s="16">
        <v>7292</v>
      </c>
      <c r="D7326" cm="1">
        <f t="array" ref="D7326">IFERROR(INDEX(Jesper!AH$2:AH$366,ROUNDDOWN($C7326/24,0)+1,1)*INDEX($D$3:$AA$30,INDEX(Jesper!$R$2:$R$366,ROW(INDEX(Jesper!AH$2:AH$366,ROUNDDOWN($C7326/24,0)+1,1))-1)+IF('Standard Profiles'!$G$18=$B$10,7,0)+IF('Standard Profiles'!$G$18=$B$17,14,0)+IF('Standard Profiles'!$G$18=$B$24,21,0),MOD($C7326,24)+1)/SUM(INDEX($D$3:$AA$30,INDEX(Jesper!$R$2:$R$366,ROW(INDEX(Jesper!AH$2:AH$366,ROUNDDOWN($C7326/24,0)+1,1))-1)+IF('Standard Profiles'!$G$18=$B$10,7,0)+IF('Standard Profiles'!$G$18=$B$17,14,0)+IF('Standard Profiles'!$G$18=$B$24,21,0),0)),0)</f>
        <v>10.877368959975676</v>
      </c>
      <c r="E7326" cm="1">
        <f t="array" ref="E7326">IFERROR(INDEX(Jesper!AI$2:AI$366,ROUNDDOWN($C7326/24,0)+1,1)*INDEX($D$3:$AA$30,INDEX(Jesper!$R$2:$R$366,ROW(INDEX(Jesper!AI$2:AI$366,ROUNDDOWN($C7326/24,0)+1,1))-1)+IF('Standard Profiles'!$G$19=$B$10,7,0)+IF('Standard Profiles'!$G$19=$B$17,14,0)+IF('Standard Profiles'!$G$19=$B$24,21,0),MOD($C7326,24)+1)/SUM(INDEX($D$3:$AA$30,INDEX(Jesper!$R$2:$R$366,ROW(INDEX(Jesper!AI$2:AI$366,ROUNDDOWN($C7326/24,0)+1,1))-1)+IF('Standard Profiles'!$G$19=$B$10,7,0)+IF('Standard Profiles'!$G$19=$B$17,14,0)+IF('Standard Profiles'!$G$19=$B$24,21,0),0)),0)</f>
        <v>0</v>
      </c>
      <c r="F7326" cm="1">
        <f t="array" ref="F7326">IFERROR(INDEX(Jesper!AJ$2:AJ$366,ROUNDDOWN($C7326/24,0)+1,1)*INDEX($D$3:$AA$30,INDEX(Jesper!$R$2:$R$366,ROW(INDEX(Jesper!AJ$2:AJ$366,ROUNDDOWN($C7326/24,0)+1,1))-1)+IF('Standard Profiles'!$G$20=$B$10,7,0)+IF('Standard Profiles'!$G$20=$B$17,14,0)+IF('Standard Profiles'!$G$20=$B$24,21,0),MOD($C7326,24)+1)/SUM(INDEX($D$3:$AA$30,INDEX(Jesper!$R$2:$R$366,ROW(INDEX(Jesper!AJ$2:AJ$366,ROUNDDOWN($C7326/24,0)+1,1))-1)+IF('Standard Profiles'!$G$20=$B$10,7,0)+IF('Standard Profiles'!$G$20=$B$17,14,0)+IF('Standard Profiles'!$G$20=$B$24,21,0),0)),0)</f>
        <v>0</v>
      </c>
      <c r="G7326" cm="1">
        <f t="array" ref="G7326">IFERROR(INDEX(Jesper!AK$2:AK$366,ROUNDDOWN($C7326/24,0)+1,1)*INDEX($D$3:$AA$30,INDEX(Jesper!$R$2:$R$366,ROW(INDEX(Jesper!AK$2:AK$366,ROUNDDOWN($C7326/24,0)+1,1))-1)+IF('Standard Profiles'!$G$21=$B$10,7,0)+IF('Standard Profiles'!$G$21=$B$17,14,0)+IF('Standard Profiles'!$G$21=$B$24,21,0),MOD($C7326,24)+1)/SUM(INDEX($D$3:$AA$30,INDEX(Jesper!$R$2:$R$366,ROW(INDEX(Jesper!AK$2:AK$366,ROUNDDOWN($C7326/24,0)+1,1))-1)+IF('Standard Profiles'!$G$21=$B$10,7,0)+IF('Standard Profiles'!$G$21=$B$17,14,0)+IF('Standard Profiles'!$G$21=$B$24,21,0),0)),0)</f>
        <v>0</v>
      </c>
      <c r="H7326" cm="1">
        <f t="array" ref="H7326">IFERROR(INDEX(Jesper!AL$2:AL$366,ROUNDDOWN($C7326/24,0)+1,1)*INDEX($D$3:$AA$30,INDEX(Jesper!$R$2:$R$366,ROW(INDEX(Jesper!AL$2:AL$366,ROUNDDOWN($C7326/24,0)+1,1))-1)+IF('Standard Profiles'!$G$22=$B$10,7,0)+IF('Standard Profiles'!$G$22=$B$17,14,0)+IF('Standard Profiles'!$G$22=$B$24,21,0),MOD($C7326,24)+1)/SUM(INDEX($D$3:$AA$30,INDEX(Jesper!$R$2:$R$366,ROW(INDEX(Jesper!AL$2:AL$366,ROUNDDOWN($C7326/24,0)+1,1))-1)+IF('Standard Profiles'!$G$22=$B$10,7,0)+IF('Standard Profiles'!$G$22=$B$17,14,0)+IF('Standard Profiles'!$G$22=$B$24,21,0),0)),0)</f>
        <v>0</v>
      </c>
      <c r="I7326">
        <f t="shared" si="811"/>
        <v>0.32632106879927031</v>
      </c>
      <c r="J7326">
        <f t="shared" si="812"/>
        <v>1.0877368959975677</v>
      </c>
      <c r="K7326">
        <f t="shared" si="813"/>
        <v>1.6316053439963514</v>
      </c>
      <c r="L7326">
        <f t="shared" si="814"/>
        <v>7.831705651182487</v>
      </c>
      <c r="M7326">
        <f t="shared" si="815"/>
        <v>0</v>
      </c>
      <c r="N7326" s="46">
        <f t="shared" si="816"/>
        <v>45595.833333315648</v>
      </c>
    </row>
    <row r="7327" spans="2:14" x14ac:dyDescent="0.3">
      <c r="B7327">
        <f t="shared" si="810"/>
        <v>3</v>
      </c>
      <c r="C7327" s="16">
        <v>7293</v>
      </c>
      <c r="D7327" cm="1">
        <f t="array" ref="D7327">IFERROR(INDEX(Jesper!AH$2:AH$366,ROUNDDOWN($C7327/24,0)+1,1)*INDEX($D$3:$AA$30,INDEX(Jesper!$R$2:$R$366,ROW(INDEX(Jesper!AH$2:AH$366,ROUNDDOWN($C7327/24,0)+1,1))-1)+IF('Standard Profiles'!$G$18=$B$10,7,0)+IF('Standard Profiles'!$G$18=$B$17,14,0)+IF('Standard Profiles'!$G$18=$B$24,21,0),MOD($C7327,24)+1)/SUM(INDEX($D$3:$AA$30,INDEX(Jesper!$R$2:$R$366,ROW(INDEX(Jesper!AH$2:AH$366,ROUNDDOWN($C7327/24,0)+1,1))-1)+IF('Standard Profiles'!$G$18=$B$10,7,0)+IF('Standard Profiles'!$G$18=$B$17,14,0)+IF('Standard Profiles'!$G$18=$B$24,21,0),0)),0)</f>
        <v>8.1580267199817555</v>
      </c>
      <c r="E7327" cm="1">
        <f t="array" ref="E7327">IFERROR(INDEX(Jesper!AI$2:AI$366,ROUNDDOWN($C7327/24,0)+1,1)*INDEX($D$3:$AA$30,INDEX(Jesper!$R$2:$R$366,ROW(INDEX(Jesper!AI$2:AI$366,ROUNDDOWN($C7327/24,0)+1,1))-1)+IF('Standard Profiles'!$G$19=$B$10,7,0)+IF('Standard Profiles'!$G$19=$B$17,14,0)+IF('Standard Profiles'!$G$19=$B$24,21,0),MOD($C7327,24)+1)/SUM(INDEX($D$3:$AA$30,INDEX(Jesper!$R$2:$R$366,ROW(INDEX(Jesper!AI$2:AI$366,ROUNDDOWN($C7327/24,0)+1,1))-1)+IF('Standard Profiles'!$G$19=$B$10,7,0)+IF('Standard Profiles'!$G$19=$B$17,14,0)+IF('Standard Profiles'!$G$19=$B$24,21,0),0)),0)</f>
        <v>0</v>
      </c>
      <c r="F7327" cm="1">
        <f t="array" ref="F7327">IFERROR(INDEX(Jesper!AJ$2:AJ$366,ROUNDDOWN($C7327/24,0)+1,1)*INDEX($D$3:$AA$30,INDEX(Jesper!$R$2:$R$366,ROW(INDEX(Jesper!AJ$2:AJ$366,ROUNDDOWN($C7327/24,0)+1,1))-1)+IF('Standard Profiles'!$G$20=$B$10,7,0)+IF('Standard Profiles'!$G$20=$B$17,14,0)+IF('Standard Profiles'!$G$20=$B$24,21,0),MOD($C7327,24)+1)/SUM(INDEX($D$3:$AA$30,INDEX(Jesper!$R$2:$R$366,ROW(INDEX(Jesper!AJ$2:AJ$366,ROUNDDOWN($C7327/24,0)+1,1))-1)+IF('Standard Profiles'!$G$20=$B$10,7,0)+IF('Standard Profiles'!$G$20=$B$17,14,0)+IF('Standard Profiles'!$G$20=$B$24,21,0),0)),0)</f>
        <v>0</v>
      </c>
      <c r="G7327" cm="1">
        <f t="array" ref="G7327">IFERROR(INDEX(Jesper!AK$2:AK$366,ROUNDDOWN($C7327/24,0)+1,1)*INDEX($D$3:$AA$30,INDEX(Jesper!$R$2:$R$366,ROW(INDEX(Jesper!AK$2:AK$366,ROUNDDOWN($C7327/24,0)+1,1))-1)+IF('Standard Profiles'!$G$21=$B$10,7,0)+IF('Standard Profiles'!$G$21=$B$17,14,0)+IF('Standard Profiles'!$G$21=$B$24,21,0),MOD($C7327,24)+1)/SUM(INDEX($D$3:$AA$30,INDEX(Jesper!$R$2:$R$366,ROW(INDEX(Jesper!AK$2:AK$366,ROUNDDOWN($C7327/24,0)+1,1))-1)+IF('Standard Profiles'!$G$21=$B$10,7,0)+IF('Standard Profiles'!$G$21=$B$17,14,0)+IF('Standard Profiles'!$G$21=$B$24,21,0),0)),0)</f>
        <v>0</v>
      </c>
      <c r="H7327" cm="1">
        <f t="array" ref="H7327">IFERROR(INDEX(Jesper!AL$2:AL$366,ROUNDDOWN($C7327/24,0)+1,1)*INDEX($D$3:$AA$30,INDEX(Jesper!$R$2:$R$366,ROW(INDEX(Jesper!AL$2:AL$366,ROUNDDOWN($C7327/24,0)+1,1))-1)+IF('Standard Profiles'!$G$22=$B$10,7,0)+IF('Standard Profiles'!$G$22=$B$17,14,0)+IF('Standard Profiles'!$G$22=$B$24,21,0),MOD($C7327,24)+1)/SUM(INDEX($D$3:$AA$30,INDEX(Jesper!$R$2:$R$366,ROW(INDEX(Jesper!AL$2:AL$366,ROUNDDOWN($C7327/24,0)+1,1))-1)+IF('Standard Profiles'!$G$22=$B$10,7,0)+IF('Standard Profiles'!$G$22=$B$17,14,0)+IF('Standard Profiles'!$G$22=$B$24,21,0),0)),0)</f>
        <v>0</v>
      </c>
      <c r="I7327">
        <f t="shared" si="811"/>
        <v>0.24474080159945266</v>
      </c>
      <c r="J7327">
        <f t="shared" si="812"/>
        <v>0.81580267199817558</v>
      </c>
      <c r="K7327">
        <f t="shared" si="813"/>
        <v>1.2237040079972632</v>
      </c>
      <c r="L7327">
        <f t="shared" si="814"/>
        <v>5.8737792383868639</v>
      </c>
      <c r="M7327">
        <f t="shared" si="815"/>
        <v>0</v>
      </c>
      <c r="N7327" s="46">
        <f t="shared" si="816"/>
        <v>45595.874999982312</v>
      </c>
    </row>
    <row r="7328" spans="2:14" x14ac:dyDescent="0.3">
      <c r="B7328">
        <f t="shared" si="810"/>
        <v>3</v>
      </c>
      <c r="C7328" s="16">
        <v>7294</v>
      </c>
      <c r="D7328" cm="1">
        <f t="array" ref="D7328">IFERROR(INDEX(Jesper!AH$2:AH$366,ROUNDDOWN($C7328/24,0)+1,1)*INDEX($D$3:$AA$30,INDEX(Jesper!$R$2:$R$366,ROW(INDEX(Jesper!AH$2:AH$366,ROUNDDOWN($C7328/24,0)+1,1))-1)+IF('Standard Profiles'!$G$18=$B$10,7,0)+IF('Standard Profiles'!$G$18=$B$17,14,0)+IF('Standard Profiles'!$G$18=$B$24,21,0),MOD($C7328,24)+1)/SUM(INDEX($D$3:$AA$30,INDEX(Jesper!$R$2:$R$366,ROW(INDEX(Jesper!AH$2:AH$366,ROUNDDOWN($C7328/24,0)+1,1))-1)+IF('Standard Profiles'!$G$18=$B$10,7,0)+IF('Standard Profiles'!$G$18=$B$17,14,0)+IF('Standard Profiles'!$G$18=$B$24,21,0),0)),0)</f>
        <v>8.1580267199817555</v>
      </c>
      <c r="E7328" cm="1">
        <f t="array" ref="E7328">IFERROR(INDEX(Jesper!AI$2:AI$366,ROUNDDOWN($C7328/24,0)+1,1)*INDEX($D$3:$AA$30,INDEX(Jesper!$R$2:$R$366,ROW(INDEX(Jesper!AI$2:AI$366,ROUNDDOWN($C7328/24,0)+1,1))-1)+IF('Standard Profiles'!$G$19=$B$10,7,0)+IF('Standard Profiles'!$G$19=$B$17,14,0)+IF('Standard Profiles'!$G$19=$B$24,21,0),MOD($C7328,24)+1)/SUM(INDEX($D$3:$AA$30,INDEX(Jesper!$R$2:$R$366,ROW(INDEX(Jesper!AI$2:AI$366,ROUNDDOWN($C7328/24,0)+1,1))-1)+IF('Standard Profiles'!$G$19=$B$10,7,0)+IF('Standard Profiles'!$G$19=$B$17,14,0)+IF('Standard Profiles'!$G$19=$B$24,21,0),0)),0)</f>
        <v>0</v>
      </c>
      <c r="F7328" cm="1">
        <f t="array" ref="F7328">IFERROR(INDEX(Jesper!AJ$2:AJ$366,ROUNDDOWN($C7328/24,0)+1,1)*INDEX($D$3:$AA$30,INDEX(Jesper!$R$2:$R$366,ROW(INDEX(Jesper!AJ$2:AJ$366,ROUNDDOWN($C7328/24,0)+1,1))-1)+IF('Standard Profiles'!$G$20=$B$10,7,0)+IF('Standard Profiles'!$G$20=$B$17,14,0)+IF('Standard Profiles'!$G$20=$B$24,21,0),MOD($C7328,24)+1)/SUM(INDEX($D$3:$AA$30,INDEX(Jesper!$R$2:$R$366,ROW(INDEX(Jesper!AJ$2:AJ$366,ROUNDDOWN($C7328/24,0)+1,1))-1)+IF('Standard Profiles'!$G$20=$B$10,7,0)+IF('Standard Profiles'!$G$20=$B$17,14,0)+IF('Standard Profiles'!$G$20=$B$24,21,0),0)),0)</f>
        <v>0</v>
      </c>
      <c r="G7328" cm="1">
        <f t="array" ref="G7328">IFERROR(INDEX(Jesper!AK$2:AK$366,ROUNDDOWN($C7328/24,0)+1,1)*INDEX($D$3:$AA$30,INDEX(Jesper!$R$2:$R$366,ROW(INDEX(Jesper!AK$2:AK$366,ROUNDDOWN($C7328/24,0)+1,1))-1)+IF('Standard Profiles'!$G$21=$B$10,7,0)+IF('Standard Profiles'!$G$21=$B$17,14,0)+IF('Standard Profiles'!$G$21=$B$24,21,0),MOD($C7328,24)+1)/SUM(INDEX($D$3:$AA$30,INDEX(Jesper!$R$2:$R$366,ROW(INDEX(Jesper!AK$2:AK$366,ROUNDDOWN($C7328/24,0)+1,1))-1)+IF('Standard Profiles'!$G$21=$B$10,7,0)+IF('Standard Profiles'!$G$21=$B$17,14,0)+IF('Standard Profiles'!$G$21=$B$24,21,0),0)),0)</f>
        <v>0</v>
      </c>
      <c r="H7328" cm="1">
        <f t="array" ref="H7328">IFERROR(INDEX(Jesper!AL$2:AL$366,ROUNDDOWN($C7328/24,0)+1,1)*INDEX($D$3:$AA$30,INDEX(Jesper!$R$2:$R$366,ROW(INDEX(Jesper!AL$2:AL$366,ROUNDDOWN($C7328/24,0)+1,1))-1)+IF('Standard Profiles'!$G$22=$B$10,7,0)+IF('Standard Profiles'!$G$22=$B$17,14,0)+IF('Standard Profiles'!$G$22=$B$24,21,0),MOD($C7328,24)+1)/SUM(INDEX($D$3:$AA$30,INDEX(Jesper!$R$2:$R$366,ROW(INDEX(Jesper!AL$2:AL$366,ROUNDDOWN($C7328/24,0)+1,1))-1)+IF('Standard Profiles'!$G$22=$B$10,7,0)+IF('Standard Profiles'!$G$22=$B$17,14,0)+IF('Standard Profiles'!$G$22=$B$24,21,0),0)),0)</f>
        <v>0</v>
      </c>
      <c r="I7328">
        <f t="shared" si="811"/>
        <v>0.24474080159945266</v>
      </c>
      <c r="J7328">
        <f t="shared" si="812"/>
        <v>0.81580267199817558</v>
      </c>
      <c r="K7328">
        <f t="shared" si="813"/>
        <v>1.2237040079972632</v>
      </c>
      <c r="L7328">
        <f t="shared" si="814"/>
        <v>5.8737792383868639</v>
      </c>
      <c r="M7328">
        <f t="shared" si="815"/>
        <v>0</v>
      </c>
      <c r="N7328" s="46">
        <f t="shared" si="816"/>
        <v>45595.916666648976</v>
      </c>
    </row>
    <row r="7329" spans="2:14" x14ac:dyDescent="0.3">
      <c r="B7329">
        <f t="shared" si="810"/>
        <v>3</v>
      </c>
      <c r="C7329" s="16">
        <v>7295</v>
      </c>
      <c r="D7329" cm="1">
        <f t="array" ref="D7329">IFERROR(INDEX(Jesper!AH$2:AH$366,ROUNDDOWN($C7329/24,0)+1,1)*INDEX($D$3:$AA$30,INDEX(Jesper!$R$2:$R$366,ROW(INDEX(Jesper!AH$2:AH$366,ROUNDDOWN($C7329/24,0)+1,1))-1)+IF('Standard Profiles'!$G$18=$B$10,7,0)+IF('Standard Profiles'!$G$18=$B$17,14,0)+IF('Standard Profiles'!$G$18=$B$24,21,0),MOD($C7329,24)+1)/SUM(INDEX($D$3:$AA$30,INDEX(Jesper!$R$2:$R$366,ROW(INDEX(Jesper!AH$2:AH$366,ROUNDDOWN($C7329/24,0)+1,1))-1)+IF('Standard Profiles'!$G$18=$B$10,7,0)+IF('Standard Profiles'!$G$18=$B$17,14,0)+IF('Standard Profiles'!$G$18=$B$24,21,0),0)),0)</f>
        <v>8.1580267199817555</v>
      </c>
      <c r="E7329" cm="1">
        <f t="array" ref="E7329">IFERROR(INDEX(Jesper!AI$2:AI$366,ROUNDDOWN($C7329/24,0)+1,1)*INDEX($D$3:$AA$30,INDEX(Jesper!$R$2:$R$366,ROW(INDEX(Jesper!AI$2:AI$366,ROUNDDOWN($C7329/24,0)+1,1))-1)+IF('Standard Profiles'!$G$19=$B$10,7,0)+IF('Standard Profiles'!$G$19=$B$17,14,0)+IF('Standard Profiles'!$G$19=$B$24,21,0),MOD($C7329,24)+1)/SUM(INDEX($D$3:$AA$30,INDEX(Jesper!$R$2:$R$366,ROW(INDEX(Jesper!AI$2:AI$366,ROUNDDOWN($C7329/24,0)+1,1))-1)+IF('Standard Profiles'!$G$19=$B$10,7,0)+IF('Standard Profiles'!$G$19=$B$17,14,0)+IF('Standard Profiles'!$G$19=$B$24,21,0),0)),0)</f>
        <v>0</v>
      </c>
      <c r="F7329" cm="1">
        <f t="array" ref="F7329">IFERROR(INDEX(Jesper!AJ$2:AJ$366,ROUNDDOWN($C7329/24,0)+1,1)*INDEX($D$3:$AA$30,INDEX(Jesper!$R$2:$R$366,ROW(INDEX(Jesper!AJ$2:AJ$366,ROUNDDOWN($C7329/24,0)+1,1))-1)+IF('Standard Profiles'!$G$20=$B$10,7,0)+IF('Standard Profiles'!$G$20=$B$17,14,0)+IF('Standard Profiles'!$G$20=$B$24,21,0),MOD($C7329,24)+1)/SUM(INDEX($D$3:$AA$30,INDEX(Jesper!$R$2:$R$366,ROW(INDEX(Jesper!AJ$2:AJ$366,ROUNDDOWN($C7329/24,0)+1,1))-1)+IF('Standard Profiles'!$G$20=$B$10,7,0)+IF('Standard Profiles'!$G$20=$B$17,14,0)+IF('Standard Profiles'!$G$20=$B$24,21,0),0)),0)</f>
        <v>0</v>
      </c>
      <c r="G7329" cm="1">
        <f t="array" ref="G7329">IFERROR(INDEX(Jesper!AK$2:AK$366,ROUNDDOWN($C7329/24,0)+1,1)*INDEX($D$3:$AA$30,INDEX(Jesper!$R$2:$R$366,ROW(INDEX(Jesper!AK$2:AK$366,ROUNDDOWN($C7329/24,0)+1,1))-1)+IF('Standard Profiles'!$G$21=$B$10,7,0)+IF('Standard Profiles'!$G$21=$B$17,14,0)+IF('Standard Profiles'!$G$21=$B$24,21,0),MOD($C7329,24)+1)/SUM(INDEX($D$3:$AA$30,INDEX(Jesper!$R$2:$R$366,ROW(INDEX(Jesper!AK$2:AK$366,ROUNDDOWN($C7329/24,0)+1,1))-1)+IF('Standard Profiles'!$G$21=$B$10,7,0)+IF('Standard Profiles'!$G$21=$B$17,14,0)+IF('Standard Profiles'!$G$21=$B$24,21,0),0)),0)</f>
        <v>0</v>
      </c>
      <c r="H7329" cm="1">
        <f t="array" ref="H7329">IFERROR(INDEX(Jesper!AL$2:AL$366,ROUNDDOWN($C7329/24,0)+1,1)*INDEX($D$3:$AA$30,INDEX(Jesper!$R$2:$R$366,ROW(INDEX(Jesper!AL$2:AL$366,ROUNDDOWN($C7329/24,0)+1,1))-1)+IF('Standard Profiles'!$G$22=$B$10,7,0)+IF('Standard Profiles'!$G$22=$B$17,14,0)+IF('Standard Profiles'!$G$22=$B$24,21,0),MOD($C7329,24)+1)/SUM(INDEX($D$3:$AA$30,INDEX(Jesper!$R$2:$R$366,ROW(INDEX(Jesper!AL$2:AL$366,ROUNDDOWN($C7329/24,0)+1,1))-1)+IF('Standard Profiles'!$G$22=$B$10,7,0)+IF('Standard Profiles'!$G$22=$B$17,14,0)+IF('Standard Profiles'!$G$22=$B$24,21,0),0)),0)</f>
        <v>0</v>
      </c>
      <c r="I7329">
        <f t="shared" si="811"/>
        <v>0.24474080159945266</v>
      </c>
      <c r="J7329">
        <f t="shared" si="812"/>
        <v>0.81580267199817558</v>
      </c>
      <c r="K7329">
        <f t="shared" si="813"/>
        <v>1.2237040079972632</v>
      </c>
      <c r="L7329">
        <f t="shared" si="814"/>
        <v>5.8737792383868639</v>
      </c>
      <c r="M7329">
        <f t="shared" si="815"/>
        <v>0</v>
      </c>
      <c r="N7329" s="46">
        <f t="shared" si="816"/>
        <v>45595.958333315641</v>
      </c>
    </row>
    <row r="7330" spans="2:14" x14ac:dyDescent="0.3">
      <c r="B7330">
        <f t="shared" si="810"/>
        <v>4</v>
      </c>
      <c r="C7330" s="16">
        <v>7296</v>
      </c>
      <c r="D7330" cm="1">
        <f t="array" ref="D7330">IFERROR(INDEX(Jesper!AH$2:AH$366,ROUNDDOWN($C7330/24,0)+1,1)*INDEX($D$3:$AA$30,INDEX(Jesper!$R$2:$R$366,ROW(INDEX(Jesper!AH$2:AH$366,ROUNDDOWN($C7330/24,0)+1,1))-1)+IF('Standard Profiles'!$G$18=$B$10,7,0)+IF('Standard Profiles'!$G$18=$B$17,14,0)+IF('Standard Profiles'!$G$18=$B$24,21,0),MOD($C7330,24)+1)/SUM(INDEX($D$3:$AA$30,INDEX(Jesper!$R$2:$R$366,ROW(INDEX(Jesper!AH$2:AH$366,ROUNDDOWN($C7330/24,0)+1,1))-1)+IF('Standard Profiles'!$G$18=$B$10,7,0)+IF('Standard Profiles'!$G$18=$B$17,14,0)+IF('Standard Profiles'!$G$18=$B$24,21,0),0)),0)</f>
        <v>7.9196963301694696</v>
      </c>
      <c r="E7330" cm="1">
        <f t="array" ref="E7330">IFERROR(INDEX(Jesper!AI$2:AI$366,ROUNDDOWN($C7330/24,0)+1,1)*INDEX($D$3:$AA$30,INDEX(Jesper!$R$2:$R$366,ROW(INDEX(Jesper!AI$2:AI$366,ROUNDDOWN($C7330/24,0)+1,1))-1)+IF('Standard Profiles'!$G$19=$B$10,7,0)+IF('Standard Profiles'!$G$19=$B$17,14,0)+IF('Standard Profiles'!$G$19=$B$24,21,0),MOD($C7330,24)+1)/SUM(INDEX($D$3:$AA$30,INDEX(Jesper!$R$2:$R$366,ROW(INDEX(Jesper!AI$2:AI$366,ROUNDDOWN($C7330/24,0)+1,1))-1)+IF('Standard Profiles'!$G$19=$B$10,7,0)+IF('Standard Profiles'!$G$19=$B$17,14,0)+IF('Standard Profiles'!$G$19=$B$24,21,0),0)),0)</f>
        <v>0</v>
      </c>
      <c r="F7330" cm="1">
        <f t="array" ref="F7330">IFERROR(INDEX(Jesper!AJ$2:AJ$366,ROUNDDOWN($C7330/24,0)+1,1)*INDEX($D$3:$AA$30,INDEX(Jesper!$R$2:$R$366,ROW(INDEX(Jesper!AJ$2:AJ$366,ROUNDDOWN($C7330/24,0)+1,1))-1)+IF('Standard Profiles'!$G$20=$B$10,7,0)+IF('Standard Profiles'!$G$20=$B$17,14,0)+IF('Standard Profiles'!$G$20=$B$24,21,0),MOD($C7330,24)+1)/SUM(INDEX($D$3:$AA$30,INDEX(Jesper!$R$2:$R$366,ROW(INDEX(Jesper!AJ$2:AJ$366,ROUNDDOWN($C7330/24,0)+1,1))-1)+IF('Standard Profiles'!$G$20=$B$10,7,0)+IF('Standard Profiles'!$G$20=$B$17,14,0)+IF('Standard Profiles'!$G$20=$B$24,21,0),0)),0)</f>
        <v>0</v>
      </c>
      <c r="G7330" cm="1">
        <f t="array" ref="G7330">IFERROR(INDEX(Jesper!AK$2:AK$366,ROUNDDOWN($C7330/24,0)+1,1)*INDEX($D$3:$AA$30,INDEX(Jesper!$R$2:$R$366,ROW(INDEX(Jesper!AK$2:AK$366,ROUNDDOWN($C7330/24,0)+1,1))-1)+IF('Standard Profiles'!$G$21=$B$10,7,0)+IF('Standard Profiles'!$G$21=$B$17,14,0)+IF('Standard Profiles'!$G$21=$B$24,21,0),MOD($C7330,24)+1)/SUM(INDEX($D$3:$AA$30,INDEX(Jesper!$R$2:$R$366,ROW(INDEX(Jesper!AK$2:AK$366,ROUNDDOWN($C7330/24,0)+1,1))-1)+IF('Standard Profiles'!$G$21=$B$10,7,0)+IF('Standard Profiles'!$G$21=$B$17,14,0)+IF('Standard Profiles'!$G$21=$B$24,21,0),0)),0)</f>
        <v>0</v>
      </c>
      <c r="H7330" cm="1">
        <f t="array" ref="H7330">IFERROR(INDEX(Jesper!AL$2:AL$366,ROUNDDOWN($C7330/24,0)+1,1)*INDEX($D$3:$AA$30,INDEX(Jesper!$R$2:$R$366,ROW(INDEX(Jesper!AL$2:AL$366,ROUNDDOWN($C7330/24,0)+1,1))-1)+IF('Standard Profiles'!$G$22=$B$10,7,0)+IF('Standard Profiles'!$G$22=$B$17,14,0)+IF('Standard Profiles'!$G$22=$B$24,21,0),MOD($C7330,24)+1)/SUM(INDEX($D$3:$AA$30,INDEX(Jesper!$R$2:$R$366,ROW(INDEX(Jesper!AL$2:AL$366,ROUNDDOWN($C7330/24,0)+1,1))-1)+IF('Standard Profiles'!$G$22=$B$10,7,0)+IF('Standard Profiles'!$G$22=$B$17,14,0)+IF('Standard Profiles'!$G$22=$B$24,21,0),0)),0)</f>
        <v>0</v>
      </c>
      <c r="I7330">
        <f t="shared" si="811"/>
        <v>0.23759088990508409</v>
      </c>
      <c r="J7330">
        <f t="shared" si="812"/>
        <v>0.79196963301694701</v>
      </c>
      <c r="K7330">
        <f t="shared" si="813"/>
        <v>1.1879544495254204</v>
      </c>
      <c r="L7330">
        <f t="shared" si="814"/>
        <v>5.7021813577220177</v>
      </c>
      <c r="M7330">
        <f t="shared" si="815"/>
        <v>0</v>
      </c>
      <c r="N7330" s="46">
        <f t="shared" si="816"/>
        <v>45595.999999982305</v>
      </c>
    </row>
    <row r="7331" spans="2:14" x14ac:dyDescent="0.3">
      <c r="B7331">
        <f t="shared" ref="B7331:B7394" si="817">WEEKDAY(N7331,2)</f>
        <v>4</v>
      </c>
      <c r="C7331" s="16">
        <v>7297</v>
      </c>
      <c r="D7331" cm="1">
        <f t="array" ref="D7331">IFERROR(INDEX(Jesper!AH$2:AH$366,ROUNDDOWN($C7331/24,0)+1,1)*INDEX($D$3:$AA$30,INDEX(Jesper!$R$2:$R$366,ROW(INDEX(Jesper!AH$2:AH$366,ROUNDDOWN($C7331/24,0)+1,1))-1)+IF('Standard Profiles'!$G$18=$B$10,7,0)+IF('Standard Profiles'!$G$18=$B$17,14,0)+IF('Standard Profiles'!$G$18=$B$24,21,0),MOD($C7331,24)+1)/SUM(INDEX($D$3:$AA$30,INDEX(Jesper!$R$2:$R$366,ROW(INDEX(Jesper!AH$2:AH$366,ROUNDDOWN($C7331/24,0)+1,1))-1)+IF('Standard Profiles'!$G$18=$B$10,7,0)+IF('Standard Profiles'!$G$18=$B$17,14,0)+IF('Standard Profiles'!$G$18=$B$24,21,0),0)),0)</f>
        <v>7.9196963301694696</v>
      </c>
      <c r="E7331" cm="1">
        <f t="array" ref="E7331">IFERROR(INDEX(Jesper!AI$2:AI$366,ROUNDDOWN($C7331/24,0)+1,1)*INDEX($D$3:$AA$30,INDEX(Jesper!$R$2:$R$366,ROW(INDEX(Jesper!AI$2:AI$366,ROUNDDOWN($C7331/24,0)+1,1))-1)+IF('Standard Profiles'!$G$19=$B$10,7,0)+IF('Standard Profiles'!$G$19=$B$17,14,0)+IF('Standard Profiles'!$G$19=$B$24,21,0),MOD($C7331,24)+1)/SUM(INDEX($D$3:$AA$30,INDEX(Jesper!$R$2:$R$366,ROW(INDEX(Jesper!AI$2:AI$366,ROUNDDOWN($C7331/24,0)+1,1))-1)+IF('Standard Profiles'!$G$19=$B$10,7,0)+IF('Standard Profiles'!$G$19=$B$17,14,0)+IF('Standard Profiles'!$G$19=$B$24,21,0),0)),0)</f>
        <v>0</v>
      </c>
      <c r="F7331" cm="1">
        <f t="array" ref="F7331">IFERROR(INDEX(Jesper!AJ$2:AJ$366,ROUNDDOWN($C7331/24,0)+1,1)*INDEX($D$3:$AA$30,INDEX(Jesper!$R$2:$R$366,ROW(INDEX(Jesper!AJ$2:AJ$366,ROUNDDOWN($C7331/24,0)+1,1))-1)+IF('Standard Profiles'!$G$20=$B$10,7,0)+IF('Standard Profiles'!$G$20=$B$17,14,0)+IF('Standard Profiles'!$G$20=$B$24,21,0),MOD($C7331,24)+1)/SUM(INDEX($D$3:$AA$30,INDEX(Jesper!$R$2:$R$366,ROW(INDEX(Jesper!AJ$2:AJ$366,ROUNDDOWN($C7331/24,0)+1,1))-1)+IF('Standard Profiles'!$G$20=$B$10,7,0)+IF('Standard Profiles'!$G$20=$B$17,14,0)+IF('Standard Profiles'!$G$20=$B$24,21,0),0)),0)</f>
        <v>0</v>
      </c>
      <c r="G7331" cm="1">
        <f t="array" ref="G7331">IFERROR(INDEX(Jesper!AK$2:AK$366,ROUNDDOWN($C7331/24,0)+1,1)*INDEX($D$3:$AA$30,INDEX(Jesper!$R$2:$R$366,ROW(INDEX(Jesper!AK$2:AK$366,ROUNDDOWN($C7331/24,0)+1,1))-1)+IF('Standard Profiles'!$G$21=$B$10,7,0)+IF('Standard Profiles'!$G$21=$B$17,14,0)+IF('Standard Profiles'!$G$21=$B$24,21,0),MOD($C7331,24)+1)/SUM(INDEX($D$3:$AA$30,INDEX(Jesper!$R$2:$R$366,ROW(INDEX(Jesper!AK$2:AK$366,ROUNDDOWN($C7331/24,0)+1,1))-1)+IF('Standard Profiles'!$G$21=$B$10,7,0)+IF('Standard Profiles'!$G$21=$B$17,14,0)+IF('Standard Profiles'!$G$21=$B$24,21,0),0)),0)</f>
        <v>0</v>
      </c>
      <c r="H7331" cm="1">
        <f t="array" ref="H7331">IFERROR(INDEX(Jesper!AL$2:AL$366,ROUNDDOWN($C7331/24,0)+1,1)*INDEX($D$3:$AA$30,INDEX(Jesper!$R$2:$R$366,ROW(INDEX(Jesper!AL$2:AL$366,ROUNDDOWN($C7331/24,0)+1,1))-1)+IF('Standard Profiles'!$G$22=$B$10,7,0)+IF('Standard Profiles'!$G$22=$B$17,14,0)+IF('Standard Profiles'!$G$22=$B$24,21,0),MOD($C7331,24)+1)/SUM(INDEX($D$3:$AA$30,INDEX(Jesper!$R$2:$R$366,ROW(INDEX(Jesper!AL$2:AL$366,ROUNDDOWN($C7331/24,0)+1,1))-1)+IF('Standard Profiles'!$G$22=$B$10,7,0)+IF('Standard Profiles'!$G$22=$B$17,14,0)+IF('Standard Profiles'!$G$22=$B$24,21,0),0)),0)</f>
        <v>0</v>
      </c>
      <c r="I7331">
        <f t="shared" ref="I7331:I7394" si="818">IF($B7331&lt;6,AC$37*$D7331+AC$38*$E7331+AC$39*$F7331+AC$40*$G7331,AC$46*$D7331+AC$47*$E7331+AC$48*$F7331+AC$49*$G7331+AC$50*$H7331)</f>
        <v>0.23759088990508409</v>
      </c>
      <c r="J7331">
        <f t="shared" ref="J7331:J7394" si="819">IF($B7331&lt;6,AD$37*$D7331+AD$38*$E7331+AD$39*$F7331+AD$40*$G7331,AD$46*$D7331+AD$47*$E7331+AD$48*$F7331+AD$49*$G7331+AD$50*$H7331)</f>
        <v>0.79196963301694701</v>
      </c>
      <c r="K7331">
        <f t="shared" ref="K7331:K7394" si="820">IF($B7331&lt;6,AE$37*$D7331+AE$38*$E7331+AE$39*$F7331+AE$40*$G7331,AE$46*$D7331+AE$47*$E7331+AE$48*$F7331+AE$49*$G7331+AE$50*$H7331)</f>
        <v>1.1879544495254204</v>
      </c>
      <c r="L7331">
        <f t="shared" ref="L7331:L7394" si="821">IF($B7331&lt;6,AF$37*$D7331+AF$38*$E7331+AF$39*$F7331+AF$40*$G7331,AF$46*$D7331+AF$47*$E7331+AF$48*$F7331+AF$49*$G7331+AF$50*$H7331)</f>
        <v>5.7021813577220177</v>
      </c>
      <c r="M7331">
        <f t="shared" ref="M7331:M7394" si="822">IF($B7331&lt;6,AG$37*$D7331+AG$38*$E7331+AG$39*$F7331+AG$40*$G7331,AG$46*$D7331+AG$47*$E7331+AG$48*$F7331+AG$49*$G7331+AG$50*$H7331)</f>
        <v>0</v>
      </c>
      <c r="N7331" s="46">
        <f t="shared" si="816"/>
        <v>45596.041666648969</v>
      </c>
    </row>
    <row r="7332" spans="2:14" x14ac:dyDescent="0.3">
      <c r="B7332">
        <f t="shared" si="817"/>
        <v>4</v>
      </c>
      <c r="C7332" s="16">
        <v>7298</v>
      </c>
      <c r="D7332" cm="1">
        <f t="array" ref="D7332">IFERROR(INDEX(Jesper!AH$2:AH$366,ROUNDDOWN($C7332/24,0)+1,1)*INDEX($D$3:$AA$30,INDEX(Jesper!$R$2:$R$366,ROW(INDEX(Jesper!AH$2:AH$366,ROUNDDOWN($C7332/24,0)+1,1))-1)+IF('Standard Profiles'!$G$18=$B$10,7,0)+IF('Standard Profiles'!$G$18=$B$17,14,0)+IF('Standard Profiles'!$G$18=$B$24,21,0),MOD($C7332,24)+1)/SUM(INDEX($D$3:$AA$30,INDEX(Jesper!$R$2:$R$366,ROW(INDEX(Jesper!AH$2:AH$366,ROUNDDOWN($C7332/24,0)+1,1))-1)+IF('Standard Profiles'!$G$18=$B$10,7,0)+IF('Standard Profiles'!$G$18=$B$17,14,0)+IF('Standard Profiles'!$G$18=$B$24,21,0),0)),0)</f>
        <v>7.9196963301694696</v>
      </c>
      <c r="E7332" cm="1">
        <f t="array" ref="E7332">IFERROR(INDEX(Jesper!AI$2:AI$366,ROUNDDOWN($C7332/24,0)+1,1)*INDEX($D$3:$AA$30,INDEX(Jesper!$R$2:$R$366,ROW(INDEX(Jesper!AI$2:AI$366,ROUNDDOWN($C7332/24,0)+1,1))-1)+IF('Standard Profiles'!$G$19=$B$10,7,0)+IF('Standard Profiles'!$G$19=$B$17,14,0)+IF('Standard Profiles'!$G$19=$B$24,21,0),MOD($C7332,24)+1)/SUM(INDEX($D$3:$AA$30,INDEX(Jesper!$R$2:$R$366,ROW(INDEX(Jesper!AI$2:AI$366,ROUNDDOWN($C7332/24,0)+1,1))-1)+IF('Standard Profiles'!$G$19=$B$10,7,0)+IF('Standard Profiles'!$G$19=$B$17,14,0)+IF('Standard Profiles'!$G$19=$B$24,21,0),0)),0)</f>
        <v>0</v>
      </c>
      <c r="F7332" cm="1">
        <f t="array" ref="F7332">IFERROR(INDEX(Jesper!AJ$2:AJ$366,ROUNDDOWN($C7332/24,0)+1,1)*INDEX($D$3:$AA$30,INDEX(Jesper!$R$2:$R$366,ROW(INDEX(Jesper!AJ$2:AJ$366,ROUNDDOWN($C7332/24,0)+1,1))-1)+IF('Standard Profiles'!$G$20=$B$10,7,0)+IF('Standard Profiles'!$G$20=$B$17,14,0)+IF('Standard Profiles'!$G$20=$B$24,21,0),MOD($C7332,24)+1)/SUM(INDEX($D$3:$AA$30,INDEX(Jesper!$R$2:$R$366,ROW(INDEX(Jesper!AJ$2:AJ$366,ROUNDDOWN($C7332/24,0)+1,1))-1)+IF('Standard Profiles'!$G$20=$B$10,7,0)+IF('Standard Profiles'!$G$20=$B$17,14,0)+IF('Standard Profiles'!$G$20=$B$24,21,0),0)),0)</f>
        <v>0</v>
      </c>
      <c r="G7332" cm="1">
        <f t="array" ref="G7332">IFERROR(INDEX(Jesper!AK$2:AK$366,ROUNDDOWN($C7332/24,0)+1,1)*INDEX($D$3:$AA$30,INDEX(Jesper!$R$2:$R$366,ROW(INDEX(Jesper!AK$2:AK$366,ROUNDDOWN($C7332/24,0)+1,1))-1)+IF('Standard Profiles'!$G$21=$B$10,7,0)+IF('Standard Profiles'!$G$21=$B$17,14,0)+IF('Standard Profiles'!$G$21=$B$24,21,0),MOD($C7332,24)+1)/SUM(INDEX($D$3:$AA$30,INDEX(Jesper!$R$2:$R$366,ROW(INDEX(Jesper!AK$2:AK$366,ROUNDDOWN($C7332/24,0)+1,1))-1)+IF('Standard Profiles'!$G$21=$B$10,7,0)+IF('Standard Profiles'!$G$21=$B$17,14,0)+IF('Standard Profiles'!$G$21=$B$24,21,0),0)),0)</f>
        <v>0</v>
      </c>
      <c r="H7332" cm="1">
        <f t="array" ref="H7332">IFERROR(INDEX(Jesper!AL$2:AL$366,ROUNDDOWN($C7332/24,0)+1,1)*INDEX($D$3:$AA$30,INDEX(Jesper!$R$2:$R$366,ROW(INDEX(Jesper!AL$2:AL$366,ROUNDDOWN($C7332/24,0)+1,1))-1)+IF('Standard Profiles'!$G$22=$B$10,7,0)+IF('Standard Profiles'!$G$22=$B$17,14,0)+IF('Standard Profiles'!$G$22=$B$24,21,0),MOD($C7332,24)+1)/SUM(INDEX($D$3:$AA$30,INDEX(Jesper!$R$2:$R$366,ROW(INDEX(Jesper!AL$2:AL$366,ROUNDDOWN($C7332/24,0)+1,1))-1)+IF('Standard Profiles'!$G$22=$B$10,7,0)+IF('Standard Profiles'!$G$22=$B$17,14,0)+IF('Standard Profiles'!$G$22=$B$24,21,0),0)),0)</f>
        <v>0</v>
      </c>
      <c r="I7332">
        <f t="shared" si="818"/>
        <v>0.23759088990508409</v>
      </c>
      <c r="J7332">
        <f t="shared" si="819"/>
        <v>0.79196963301694701</v>
      </c>
      <c r="K7332">
        <f t="shared" si="820"/>
        <v>1.1879544495254204</v>
      </c>
      <c r="L7332">
        <f t="shared" si="821"/>
        <v>5.7021813577220177</v>
      </c>
      <c r="M7332">
        <f t="shared" si="822"/>
        <v>0</v>
      </c>
      <c r="N7332" s="46">
        <f t="shared" ref="N7332:N7395" si="823">N7331+1/24</f>
        <v>45596.083333315633</v>
      </c>
    </row>
    <row r="7333" spans="2:14" x14ac:dyDescent="0.3">
      <c r="B7333">
        <f t="shared" si="817"/>
        <v>4</v>
      </c>
      <c r="C7333" s="16">
        <v>7299</v>
      </c>
      <c r="D7333" cm="1">
        <f t="array" ref="D7333">IFERROR(INDEX(Jesper!AH$2:AH$366,ROUNDDOWN($C7333/24,0)+1,1)*INDEX($D$3:$AA$30,INDEX(Jesper!$R$2:$R$366,ROW(INDEX(Jesper!AH$2:AH$366,ROUNDDOWN($C7333/24,0)+1,1))-1)+IF('Standard Profiles'!$G$18=$B$10,7,0)+IF('Standard Profiles'!$G$18=$B$17,14,0)+IF('Standard Profiles'!$G$18=$B$24,21,0),MOD($C7333,24)+1)/SUM(INDEX($D$3:$AA$30,INDEX(Jesper!$R$2:$R$366,ROW(INDEX(Jesper!AH$2:AH$366,ROUNDDOWN($C7333/24,0)+1,1))-1)+IF('Standard Profiles'!$G$18=$B$10,7,0)+IF('Standard Profiles'!$G$18=$B$17,14,0)+IF('Standard Profiles'!$G$18=$B$24,21,0),0)),0)</f>
        <v>7.9196963301694696</v>
      </c>
      <c r="E7333" cm="1">
        <f t="array" ref="E7333">IFERROR(INDEX(Jesper!AI$2:AI$366,ROUNDDOWN($C7333/24,0)+1,1)*INDEX($D$3:$AA$30,INDEX(Jesper!$R$2:$R$366,ROW(INDEX(Jesper!AI$2:AI$366,ROUNDDOWN($C7333/24,0)+1,1))-1)+IF('Standard Profiles'!$G$19=$B$10,7,0)+IF('Standard Profiles'!$G$19=$B$17,14,0)+IF('Standard Profiles'!$G$19=$B$24,21,0),MOD($C7333,24)+1)/SUM(INDEX($D$3:$AA$30,INDEX(Jesper!$R$2:$R$366,ROW(INDEX(Jesper!AI$2:AI$366,ROUNDDOWN($C7333/24,0)+1,1))-1)+IF('Standard Profiles'!$G$19=$B$10,7,0)+IF('Standard Profiles'!$G$19=$B$17,14,0)+IF('Standard Profiles'!$G$19=$B$24,21,0),0)),0)</f>
        <v>0</v>
      </c>
      <c r="F7333" cm="1">
        <f t="array" ref="F7333">IFERROR(INDEX(Jesper!AJ$2:AJ$366,ROUNDDOWN($C7333/24,0)+1,1)*INDEX($D$3:$AA$30,INDEX(Jesper!$R$2:$R$366,ROW(INDEX(Jesper!AJ$2:AJ$366,ROUNDDOWN($C7333/24,0)+1,1))-1)+IF('Standard Profiles'!$G$20=$B$10,7,0)+IF('Standard Profiles'!$G$20=$B$17,14,0)+IF('Standard Profiles'!$G$20=$B$24,21,0),MOD($C7333,24)+1)/SUM(INDEX($D$3:$AA$30,INDEX(Jesper!$R$2:$R$366,ROW(INDEX(Jesper!AJ$2:AJ$366,ROUNDDOWN($C7333/24,0)+1,1))-1)+IF('Standard Profiles'!$G$20=$B$10,7,0)+IF('Standard Profiles'!$G$20=$B$17,14,0)+IF('Standard Profiles'!$G$20=$B$24,21,0),0)),0)</f>
        <v>0</v>
      </c>
      <c r="G7333" cm="1">
        <f t="array" ref="G7333">IFERROR(INDEX(Jesper!AK$2:AK$366,ROUNDDOWN($C7333/24,0)+1,1)*INDEX($D$3:$AA$30,INDEX(Jesper!$R$2:$R$366,ROW(INDEX(Jesper!AK$2:AK$366,ROUNDDOWN($C7333/24,0)+1,1))-1)+IF('Standard Profiles'!$G$21=$B$10,7,0)+IF('Standard Profiles'!$G$21=$B$17,14,0)+IF('Standard Profiles'!$G$21=$B$24,21,0),MOD($C7333,24)+1)/SUM(INDEX($D$3:$AA$30,INDEX(Jesper!$R$2:$R$366,ROW(INDEX(Jesper!AK$2:AK$366,ROUNDDOWN($C7333/24,0)+1,1))-1)+IF('Standard Profiles'!$G$21=$B$10,7,0)+IF('Standard Profiles'!$G$21=$B$17,14,0)+IF('Standard Profiles'!$G$21=$B$24,21,0),0)),0)</f>
        <v>0</v>
      </c>
      <c r="H7333" cm="1">
        <f t="array" ref="H7333">IFERROR(INDEX(Jesper!AL$2:AL$366,ROUNDDOWN($C7333/24,0)+1,1)*INDEX($D$3:$AA$30,INDEX(Jesper!$R$2:$R$366,ROW(INDEX(Jesper!AL$2:AL$366,ROUNDDOWN($C7333/24,0)+1,1))-1)+IF('Standard Profiles'!$G$22=$B$10,7,0)+IF('Standard Profiles'!$G$22=$B$17,14,0)+IF('Standard Profiles'!$G$22=$B$24,21,0),MOD($C7333,24)+1)/SUM(INDEX($D$3:$AA$30,INDEX(Jesper!$R$2:$R$366,ROW(INDEX(Jesper!AL$2:AL$366,ROUNDDOWN($C7333/24,0)+1,1))-1)+IF('Standard Profiles'!$G$22=$B$10,7,0)+IF('Standard Profiles'!$G$22=$B$17,14,0)+IF('Standard Profiles'!$G$22=$B$24,21,0),0)),0)</f>
        <v>0</v>
      </c>
      <c r="I7333">
        <f t="shared" si="818"/>
        <v>0.23759088990508409</v>
      </c>
      <c r="J7333">
        <f t="shared" si="819"/>
        <v>0.79196963301694701</v>
      </c>
      <c r="K7333">
        <f t="shared" si="820"/>
        <v>1.1879544495254204</v>
      </c>
      <c r="L7333">
        <f t="shared" si="821"/>
        <v>5.7021813577220177</v>
      </c>
      <c r="M7333">
        <f t="shared" si="822"/>
        <v>0</v>
      </c>
      <c r="N7333" s="46">
        <f t="shared" si="823"/>
        <v>45596.124999982298</v>
      </c>
    </row>
    <row r="7334" spans="2:14" x14ac:dyDescent="0.3">
      <c r="B7334">
        <f t="shared" si="817"/>
        <v>4</v>
      </c>
      <c r="C7334" s="16">
        <v>7300</v>
      </c>
      <c r="D7334" cm="1">
        <f t="array" ref="D7334">IFERROR(INDEX(Jesper!AH$2:AH$366,ROUNDDOWN($C7334/24,0)+1,1)*INDEX($D$3:$AA$30,INDEX(Jesper!$R$2:$R$366,ROW(INDEX(Jesper!AH$2:AH$366,ROUNDDOWN($C7334/24,0)+1,1))-1)+IF('Standard Profiles'!$G$18=$B$10,7,0)+IF('Standard Profiles'!$G$18=$B$17,14,0)+IF('Standard Profiles'!$G$18=$B$24,21,0),MOD($C7334,24)+1)/SUM(INDEX($D$3:$AA$30,INDEX(Jesper!$R$2:$R$366,ROW(INDEX(Jesper!AH$2:AH$366,ROUNDDOWN($C7334/24,0)+1,1))-1)+IF('Standard Profiles'!$G$18=$B$10,7,0)+IF('Standard Profiles'!$G$18=$B$17,14,0)+IF('Standard Profiles'!$G$18=$B$24,21,0),0)),0)</f>
        <v>7.9196963301694696</v>
      </c>
      <c r="E7334" cm="1">
        <f t="array" ref="E7334">IFERROR(INDEX(Jesper!AI$2:AI$366,ROUNDDOWN($C7334/24,0)+1,1)*INDEX($D$3:$AA$30,INDEX(Jesper!$R$2:$R$366,ROW(INDEX(Jesper!AI$2:AI$366,ROUNDDOWN($C7334/24,0)+1,1))-1)+IF('Standard Profiles'!$G$19=$B$10,7,0)+IF('Standard Profiles'!$G$19=$B$17,14,0)+IF('Standard Profiles'!$G$19=$B$24,21,0),MOD($C7334,24)+1)/SUM(INDEX($D$3:$AA$30,INDEX(Jesper!$R$2:$R$366,ROW(INDEX(Jesper!AI$2:AI$366,ROUNDDOWN($C7334/24,0)+1,1))-1)+IF('Standard Profiles'!$G$19=$B$10,7,0)+IF('Standard Profiles'!$G$19=$B$17,14,0)+IF('Standard Profiles'!$G$19=$B$24,21,0),0)),0)</f>
        <v>0</v>
      </c>
      <c r="F7334" cm="1">
        <f t="array" ref="F7334">IFERROR(INDEX(Jesper!AJ$2:AJ$366,ROUNDDOWN($C7334/24,0)+1,1)*INDEX($D$3:$AA$30,INDEX(Jesper!$R$2:$R$366,ROW(INDEX(Jesper!AJ$2:AJ$366,ROUNDDOWN($C7334/24,0)+1,1))-1)+IF('Standard Profiles'!$G$20=$B$10,7,0)+IF('Standard Profiles'!$G$20=$B$17,14,0)+IF('Standard Profiles'!$G$20=$B$24,21,0),MOD($C7334,24)+1)/SUM(INDEX($D$3:$AA$30,INDEX(Jesper!$R$2:$R$366,ROW(INDEX(Jesper!AJ$2:AJ$366,ROUNDDOWN($C7334/24,0)+1,1))-1)+IF('Standard Profiles'!$G$20=$B$10,7,0)+IF('Standard Profiles'!$G$20=$B$17,14,0)+IF('Standard Profiles'!$G$20=$B$24,21,0),0)),0)</f>
        <v>0</v>
      </c>
      <c r="G7334" cm="1">
        <f t="array" ref="G7334">IFERROR(INDEX(Jesper!AK$2:AK$366,ROUNDDOWN($C7334/24,0)+1,1)*INDEX($D$3:$AA$30,INDEX(Jesper!$R$2:$R$366,ROW(INDEX(Jesper!AK$2:AK$366,ROUNDDOWN($C7334/24,0)+1,1))-1)+IF('Standard Profiles'!$G$21=$B$10,7,0)+IF('Standard Profiles'!$G$21=$B$17,14,0)+IF('Standard Profiles'!$G$21=$B$24,21,0),MOD($C7334,24)+1)/SUM(INDEX($D$3:$AA$30,INDEX(Jesper!$R$2:$R$366,ROW(INDEX(Jesper!AK$2:AK$366,ROUNDDOWN($C7334/24,0)+1,1))-1)+IF('Standard Profiles'!$G$21=$B$10,7,0)+IF('Standard Profiles'!$G$21=$B$17,14,0)+IF('Standard Profiles'!$G$21=$B$24,21,0),0)),0)</f>
        <v>0</v>
      </c>
      <c r="H7334" cm="1">
        <f t="array" ref="H7334">IFERROR(INDEX(Jesper!AL$2:AL$366,ROUNDDOWN($C7334/24,0)+1,1)*INDEX($D$3:$AA$30,INDEX(Jesper!$R$2:$R$366,ROW(INDEX(Jesper!AL$2:AL$366,ROUNDDOWN($C7334/24,0)+1,1))-1)+IF('Standard Profiles'!$G$22=$B$10,7,0)+IF('Standard Profiles'!$G$22=$B$17,14,0)+IF('Standard Profiles'!$G$22=$B$24,21,0),MOD($C7334,24)+1)/SUM(INDEX($D$3:$AA$30,INDEX(Jesper!$R$2:$R$366,ROW(INDEX(Jesper!AL$2:AL$366,ROUNDDOWN($C7334/24,0)+1,1))-1)+IF('Standard Profiles'!$G$22=$B$10,7,0)+IF('Standard Profiles'!$G$22=$B$17,14,0)+IF('Standard Profiles'!$G$22=$B$24,21,0),0)),0)</f>
        <v>0</v>
      </c>
      <c r="I7334">
        <f t="shared" si="818"/>
        <v>0.23759088990508409</v>
      </c>
      <c r="J7334">
        <f t="shared" si="819"/>
        <v>0.79196963301694701</v>
      </c>
      <c r="K7334">
        <f t="shared" si="820"/>
        <v>1.1879544495254204</v>
      </c>
      <c r="L7334">
        <f t="shared" si="821"/>
        <v>5.7021813577220177</v>
      </c>
      <c r="M7334">
        <f t="shared" si="822"/>
        <v>0</v>
      </c>
      <c r="N7334" s="46">
        <f t="shared" si="823"/>
        <v>45596.166666648962</v>
      </c>
    </row>
    <row r="7335" spans="2:14" x14ac:dyDescent="0.3">
      <c r="B7335">
        <f t="shared" si="817"/>
        <v>4</v>
      </c>
      <c r="C7335" s="16">
        <v>7301</v>
      </c>
      <c r="D7335" cm="1">
        <f t="array" ref="D7335">IFERROR(INDEX(Jesper!AH$2:AH$366,ROUNDDOWN($C7335/24,0)+1,1)*INDEX($D$3:$AA$30,INDEX(Jesper!$R$2:$R$366,ROW(INDEX(Jesper!AH$2:AH$366,ROUNDDOWN($C7335/24,0)+1,1))-1)+IF('Standard Profiles'!$G$18=$B$10,7,0)+IF('Standard Profiles'!$G$18=$B$17,14,0)+IF('Standard Profiles'!$G$18=$B$24,21,0),MOD($C7335,24)+1)/SUM(INDEX($D$3:$AA$30,INDEX(Jesper!$R$2:$R$366,ROW(INDEX(Jesper!AH$2:AH$366,ROUNDDOWN($C7335/24,0)+1,1))-1)+IF('Standard Profiles'!$G$18=$B$10,7,0)+IF('Standard Profiles'!$G$18=$B$17,14,0)+IF('Standard Profiles'!$G$18=$B$24,21,0),0)),0)</f>
        <v>10.207608603329538</v>
      </c>
      <c r="E7335" cm="1">
        <f t="array" ref="E7335">IFERROR(INDEX(Jesper!AI$2:AI$366,ROUNDDOWN($C7335/24,0)+1,1)*INDEX($D$3:$AA$30,INDEX(Jesper!$R$2:$R$366,ROW(INDEX(Jesper!AI$2:AI$366,ROUNDDOWN($C7335/24,0)+1,1))-1)+IF('Standard Profiles'!$G$19=$B$10,7,0)+IF('Standard Profiles'!$G$19=$B$17,14,0)+IF('Standard Profiles'!$G$19=$B$24,21,0),MOD($C7335,24)+1)/SUM(INDEX($D$3:$AA$30,INDEX(Jesper!$R$2:$R$366,ROW(INDEX(Jesper!AI$2:AI$366,ROUNDDOWN($C7335/24,0)+1,1))-1)+IF('Standard Profiles'!$G$19=$B$10,7,0)+IF('Standard Profiles'!$G$19=$B$17,14,0)+IF('Standard Profiles'!$G$19=$B$24,21,0),0)),0)</f>
        <v>0</v>
      </c>
      <c r="F7335" cm="1">
        <f t="array" ref="F7335">IFERROR(INDEX(Jesper!AJ$2:AJ$366,ROUNDDOWN($C7335/24,0)+1,1)*INDEX($D$3:$AA$30,INDEX(Jesper!$R$2:$R$366,ROW(INDEX(Jesper!AJ$2:AJ$366,ROUNDDOWN($C7335/24,0)+1,1))-1)+IF('Standard Profiles'!$G$20=$B$10,7,0)+IF('Standard Profiles'!$G$20=$B$17,14,0)+IF('Standard Profiles'!$G$20=$B$24,21,0),MOD($C7335,24)+1)/SUM(INDEX($D$3:$AA$30,INDEX(Jesper!$R$2:$R$366,ROW(INDEX(Jesper!AJ$2:AJ$366,ROUNDDOWN($C7335/24,0)+1,1))-1)+IF('Standard Profiles'!$G$20=$B$10,7,0)+IF('Standard Profiles'!$G$20=$B$17,14,0)+IF('Standard Profiles'!$G$20=$B$24,21,0),0)),0)</f>
        <v>0</v>
      </c>
      <c r="G7335" cm="1">
        <f t="array" ref="G7335">IFERROR(INDEX(Jesper!AK$2:AK$366,ROUNDDOWN($C7335/24,0)+1,1)*INDEX($D$3:$AA$30,INDEX(Jesper!$R$2:$R$366,ROW(INDEX(Jesper!AK$2:AK$366,ROUNDDOWN($C7335/24,0)+1,1))-1)+IF('Standard Profiles'!$G$21=$B$10,7,0)+IF('Standard Profiles'!$G$21=$B$17,14,0)+IF('Standard Profiles'!$G$21=$B$24,21,0),MOD($C7335,24)+1)/SUM(INDEX($D$3:$AA$30,INDEX(Jesper!$R$2:$R$366,ROW(INDEX(Jesper!AK$2:AK$366,ROUNDDOWN($C7335/24,0)+1,1))-1)+IF('Standard Profiles'!$G$21=$B$10,7,0)+IF('Standard Profiles'!$G$21=$B$17,14,0)+IF('Standard Profiles'!$G$21=$B$24,21,0),0)),0)</f>
        <v>0</v>
      </c>
      <c r="H7335" cm="1">
        <f t="array" ref="H7335">IFERROR(INDEX(Jesper!AL$2:AL$366,ROUNDDOWN($C7335/24,0)+1,1)*INDEX($D$3:$AA$30,INDEX(Jesper!$R$2:$R$366,ROW(INDEX(Jesper!AL$2:AL$366,ROUNDDOWN($C7335/24,0)+1,1))-1)+IF('Standard Profiles'!$G$22=$B$10,7,0)+IF('Standard Profiles'!$G$22=$B$17,14,0)+IF('Standard Profiles'!$G$22=$B$24,21,0),MOD($C7335,24)+1)/SUM(INDEX($D$3:$AA$30,INDEX(Jesper!$R$2:$R$366,ROW(INDEX(Jesper!AL$2:AL$366,ROUNDDOWN($C7335/24,0)+1,1))-1)+IF('Standard Profiles'!$G$22=$B$10,7,0)+IF('Standard Profiles'!$G$22=$B$17,14,0)+IF('Standard Profiles'!$G$22=$B$24,21,0),0)),0)</f>
        <v>0</v>
      </c>
      <c r="I7335">
        <f t="shared" si="818"/>
        <v>0.30622825809988613</v>
      </c>
      <c r="J7335">
        <f t="shared" si="819"/>
        <v>1.0207608603329539</v>
      </c>
      <c r="K7335">
        <f t="shared" si="820"/>
        <v>1.5311412904994306</v>
      </c>
      <c r="L7335">
        <f t="shared" si="821"/>
        <v>7.3494781943972667</v>
      </c>
      <c r="M7335">
        <f t="shared" si="822"/>
        <v>0</v>
      </c>
      <c r="N7335" s="46">
        <f t="shared" si="823"/>
        <v>45596.208333315626</v>
      </c>
    </row>
    <row r="7336" spans="2:14" x14ac:dyDescent="0.3">
      <c r="B7336">
        <f t="shared" si="817"/>
        <v>4</v>
      </c>
      <c r="C7336" s="16">
        <v>7302</v>
      </c>
      <c r="D7336" cm="1">
        <f t="array" ref="D7336">IFERROR(INDEX(Jesper!AH$2:AH$366,ROUNDDOWN($C7336/24,0)+1,1)*INDEX($D$3:$AA$30,INDEX(Jesper!$R$2:$R$366,ROW(INDEX(Jesper!AH$2:AH$366,ROUNDDOWN($C7336/24,0)+1,1))-1)+IF('Standard Profiles'!$G$18=$B$10,7,0)+IF('Standard Profiles'!$G$18=$B$17,14,0)+IF('Standard Profiles'!$G$18=$B$24,21,0),MOD($C7336,24)+1)/SUM(INDEX($D$3:$AA$30,INDEX(Jesper!$R$2:$R$366,ROW(INDEX(Jesper!AH$2:AH$366,ROUNDDOWN($C7336/24,0)+1,1))-1)+IF('Standard Profiles'!$G$18=$B$10,7,0)+IF('Standard Profiles'!$G$18=$B$17,14,0)+IF('Standard Profiles'!$G$18=$B$24,21,0),0)),0)</f>
        <v>11.791547869363434</v>
      </c>
      <c r="E7336" cm="1">
        <f t="array" ref="E7336">IFERROR(INDEX(Jesper!AI$2:AI$366,ROUNDDOWN($C7336/24,0)+1,1)*INDEX($D$3:$AA$30,INDEX(Jesper!$R$2:$R$366,ROW(INDEX(Jesper!AI$2:AI$366,ROUNDDOWN($C7336/24,0)+1,1))-1)+IF('Standard Profiles'!$G$19=$B$10,7,0)+IF('Standard Profiles'!$G$19=$B$17,14,0)+IF('Standard Profiles'!$G$19=$B$24,21,0),MOD($C7336,24)+1)/SUM(INDEX($D$3:$AA$30,INDEX(Jesper!$R$2:$R$366,ROW(INDEX(Jesper!AI$2:AI$366,ROUNDDOWN($C7336/24,0)+1,1))-1)+IF('Standard Profiles'!$G$19=$B$10,7,0)+IF('Standard Profiles'!$G$19=$B$17,14,0)+IF('Standard Profiles'!$G$19=$B$24,21,0),0)),0)</f>
        <v>0</v>
      </c>
      <c r="F7336" cm="1">
        <f t="array" ref="F7336">IFERROR(INDEX(Jesper!AJ$2:AJ$366,ROUNDDOWN($C7336/24,0)+1,1)*INDEX($D$3:$AA$30,INDEX(Jesper!$R$2:$R$366,ROW(INDEX(Jesper!AJ$2:AJ$366,ROUNDDOWN($C7336/24,0)+1,1))-1)+IF('Standard Profiles'!$G$20=$B$10,7,0)+IF('Standard Profiles'!$G$20=$B$17,14,0)+IF('Standard Profiles'!$G$20=$B$24,21,0),MOD($C7336,24)+1)/SUM(INDEX($D$3:$AA$30,INDEX(Jesper!$R$2:$R$366,ROW(INDEX(Jesper!AJ$2:AJ$366,ROUNDDOWN($C7336/24,0)+1,1))-1)+IF('Standard Profiles'!$G$20=$B$10,7,0)+IF('Standard Profiles'!$G$20=$B$17,14,0)+IF('Standard Profiles'!$G$20=$B$24,21,0),0)),0)</f>
        <v>0</v>
      </c>
      <c r="G7336" cm="1">
        <f t="array" ref="G7336">IFERROR(INDEX(Jesper!AK$2:AK$366,ROUNDDOWN($C7336/24,0)+1,1)*INDEX($D$3:$AA$30,INDEX(Jesper!$R$2:$R$366,ROW(INDEX(Jesper!AK$2:AK$366,ROUNDDOWN($C7336/24,0)+1,1))-1)+IF('Standard Profiles'!$G$21=$B$10,7,0)+IF('Standard Profiles'!$G$21=$B$17,14,0)+IF('Standard Profiles'!$G$21=$B$24,21,0),MOD($C7336,24)+1)/SUM(INDEX($D$3:$AA$30,INDEX(Jesper!$R$2:$R$366,ROW(INDEX(Jesper!AK$2:AK$366,ROUNDDOWN($C7336/24,0)+1,1))-1)+IF('Standard Profiles'!$G$21=$B$10,7,0)+IF('Standard Profiles'!$G$21=$B$17,14,0)+IF('Standard Profiles'!$G$21=$B$24,21,0),0)),0)</f>
        <v>0</v>
      </c>
      <c r="H7336" cm="1">
        <f t="array" ref="H7336">IFERROR(INDEX(Jesper!AL$2:AL$366,ROUNDDOWN($C7336/24,0)+1,1)*INDEX($D$3:$AA$30,INDEX(Jesper!$R$2:$R$366,ROW(INDEX(Jesper!AL$2:AL$366,ROUNDDOWN($C7336/24,0)+1,1))-1)+IF('Standard Profiles'!$G$22=$B$10,7,0)+IF('Standard Profiles'!$G$22=$B$17,14,0)+IF('Standard Profiles'!$G$22=$B$24,21,0),MOD($C7336,24)+1)/SUM(INDEX($D$3:$AA$30,INDEX(Jesper!$R$2:$R$366,ROW(INDEX(Jesper!AL$2:AL$366,ROUNDDOWN($C7336/24,0)+1,1))-1)+IF('Standard Profiles'!$G$22=$B$10,7,0)+IF('Standard Profiles'!$G$22=$B$17,14,0)+IF('Standard Profiles'!$G$22=$B$24,21,0),0)),0)</f>
        <v>0</v>
      </c>
      <c r="I7336">
        <f t="shared" si="818"/>
        <v>0.353746436080903</v>
      </c>
      <c r="J7336">
        <f t="shared" si="819"/>
        <v>1.1791547869363435</v>
      </c>
      <c r="K7336">
        <f t="shared" si="820"/>
        <v>1.7687321804045151</v>
      </c>
      <c r="L7336">
        <f t="shared" si="821"/>
        <v>8.4899144659416717</v>
      </c>
      <c r="M7336">
        <f t="shared" si="822"/>
        <v>0</v>
      </c>
      <c r="N7336" s="46">
        <f t="shared" si="823"/>
        <v>45596.24999998229</v>
      </c>
    </row>
    <row r="7337" spans="2:14" x14ac:dyDescent="0.3">
      <c r="B7337">
        <f t="shared" si="817"/>
        <v>4</v>
      </c>
      <c r="C7337" s="16">
        <v>7303</v>
      </c>
      <c r="D7337" cm="1">
        <f t="array" ref="D7337">IFERROR(INDEX(Jesper!AH$2:AH$366,ROUNDDOWN($C7337/24,0)+1,1)*INDEX($D$3:$AA$30,INDEX(Jesper!$R$2:$R$366,ROW(INDEX(Jesper!AH$2:AH$366,ROUNDDOWN($C7337/24,0)+1,1))-1)+IF('Standard Profiles'!$G$18=$B$10,7,0)+IF('Standard Profiles'!$G$18=$B$17,14,0)+IF('Standard Profiles'!$G$18=$B$24,21,0),MOD($C7337,24)+1)/SUM(INDEX($D$3:$AA$30,INDEX(Jesper!$R$2:$R$366,ROW(INDEX(Jesper!AH$2:AH$366,ROUNDDOWN($C7337/24,0)+1,1))-1)+IF('Standard Profiles'!$G$18=$B$10,7,0)+IF('Standard Profiles'!$G$18=$B$17,14,0)+IF('Standard Profiles'!$G$18=$B$24,21,0),0)),0)</f>
        <v>11.791547869363434</v>
      </c>
      <c r="E7337" cm="1">
        <f t="array" ref="E7337">IFERROR(INDEX(Jesper!AI$2:AI$366,ROUNDDOWN($C7337/24,0)+1,1)*INDEX($D$3:$AA$30,INDEX(Jesper!$R$2:$R$366,ROW(INDEX(Jesper!AI$2:AI$366,ROUNDDOWN($C7337/24,0)+1,1))-1)+IF('Standard Profiles'!$G$19=$B$10,7,0)+IF('Standard Profiles'!$G$19=$B$17,14,0)+IF('Standard Profiles'!$G$19=$B$24,21,0),MOD($C7337,24)+1)/SUM(INDEX($D$3:$AA$30,INDEX(Jesper!$R$2:$R$366,ROW(INDEX(Jesper!AI$2:AI$366,ROUNDDOWN($C7337/24,0)+1,1))-1)+IF('Standard Profiles'!$G$19=$B$10,7,0)+IF('Standard Profiles'!$G$19=$B$17,14,0)+IF('Standard Profiles'!$G$19=$B$24,21,0),0)),0)</f>
        <v>0</v>
      </c>
      <c r="F7337" cm="1">
        <f t="array" ref="F7337">IFERROR(INDEX(Jesper!AJ$2:AJ$366,ROUNDDOWN($C7337/24,0)+1,1)*INDEX($D$3:$AA$30,INDEX(Jesper!$R$2:$R$366,ROW(INDEX(Jesper!AJ$2:AJ$366,ROUNDDOWN($C7337/24,0)+1,1))-1)+IF('Standard Profiles'!$G$20=$B$10,7,0)+IF('Standard Profiles'!$G$20=$B$17,14,0)+IF('Standard Profiles'!$G$20=$B$24,21,0),MOD($C7337,24)+1)/SUM(INDEX($D$3:$AA$30,INDEX(Jesper!$R$2:$R$366,ROW(INDEX(Jesper!AJ$2:AJ$366,ROUNDDOWN($C7337/24,0)+1,1))-1)+IF('Standard Profiles'!$G$20=$B$10,7,0)+IF('Standard Profiles'!$G$20=$B$17,14,0)+IF('Standard Profiles'!$G$20=$B$24,21,0),0)),0)</f>
        <v>0</v>
      </c>
      <c r="G7337" cm="1">
        <f t="array" ref="G7337">IFERROR(INDEX(Jesper!AK$2:AK$366,ROUNDDOWN($C7337/24,0)+1,1)*INDEX($D$3:$AA$30,INDEX(Jesper!$R$2:$R$366,ROW(INDEX(Jesper!AK$2:AK$366,ROUNDDOWN($C7337/24,0)+1,1))-1)+IF('Standard Profiles'!$G$21=$B$10,7,0)+IF('Standard Profiles'!$G$21=$B$17,14,0)+IF('Standard Profiles'!$G$21=$B$24,21,0),MOD($C7337,24)+1)/SUM(INDEX($D$3:$AA$30,INDEX(Jesper!$R$2:$R$366,ROW(INDEX(Jesper!AK$2:AK$366,ROUNDDOWN($C7337/24,0)+1,1))-1)+IF('Standard Profiles'!$G$21=$B$10,7,0)+IF('Standard Profiles'!$G$21=$B$17,14,0)+IF('Standard Profiles'!$G$21=$B$24,21,0),0)),0)</f>
        <v>0</v>
      </c>
      <c r="H7337" cm="1">
        <f t="array" ref="H7337">IFERROR(INDEX(Jesper!AL$2:AL$366,ROUNDDOWN($C7337/24,0)+1,1)*INDEX($D$3:$AA$30,INDEX(Jesper!$R$2:$R$366,ROW(INDEX(Jesper!AL$2:AL$366,ROUNDDOWN($C7337/24,0)+1,1))-1)+IF('Standard Profiles'!$G$22=$B$10,7,0)+IF('Standard Profiles'!$G$22=$B$17,14,0)+IF('Standard Profiles'!$G$22=$B$24,21,0),MOD($C7337,24)+1)/SUM(INDEX($D$3:$AA$30,INDEX(Jesper!$R$2:$R$366,ROW(INDEX(Jesper!AL$2:AL$366,ROUNDDOWN($C7337/24,0)+1,1))-1)+IF('Standard Profiles'!$G$22=$B$10,7,0)+IF('Standard Profiles'!$G$22=$B$17,14,0)+IF('Standard Profiles'!$G$22=$B$24,21,0),0)),0)</f>
        <v>0</v>
      </c>
      <c r="I7337">
        <f t="shared" si="818"/>
        <v>0.353746436080903</v>
      </c>
      <c r="J7337">
        <f t="shared" si="819"/>
        <v>1.1791547869363435</v>
      </c>
      <c r="K7337">
        <f t="shared" si="820"/>
        <v>1.7687321804045151</v>
      </c>
      <c r="L7337">
        <f t="shared" si="821"/>
        <v>8.4899144659416717</v>
      </c>
      <c r="M7337">
        <f t="shared" si="822"/>
        <v>0</v>
      </c>
      <c r="N7337" s="46">
        <f t="shared" si="823"/>
        <v>45596.291666648955</v>
      </c>
    </row>
    <row r="7338" spans="2:14" x14ac:dyDescent="0.3">
      <c r="B7338">
        <f t="shared" si="817"/>
        <v>4</v>
      </c>
      <c r="C7338" s="16">
        <v>7304</v>
      </c>
      <c r="D7338" cm="1">
        <f t="array" ref="D7338">IFERROR(INDEX(Jesper!AH$2:AH$366,ROUNDDOWN($C7338/24,0)+1,1)*INDEX($D$3:$AA$30,INDEX(Jesper!$R$2:$R$366,ROW(INDEX(Jesper!AH$2:AH$366,ROUNDDOWN($C7338/24,0)+1,1))-1)+IF('Standard Profiles'!$G$18=$B$10,7,0)+IF('Standard Profiles'!$G$18=$B$17,14,0)+IF('Standard Profiles'!$G$18=$B$24,21,0),MOD($C7338,24)+1)/SUM(INDEX($D$3:$AA$30,INDEX(Jesper!$R$2:$R$366,ROW(INDEX(Jesper!AH$2:AH$366,ROUNDDOWN($C7338/24,0)+1,1))-1)+IF('Standard Profiles'!$G$18=$B$10,7,0)+IF('Standard Profiles'!$G$18=$B$17,14,0)+IF('Standard Profiles'!$G$18=$B$24,21,0),0)),0)</f>
        <v>11.791547869363434</v>
      </c>
      <c r="E7338" cm="1">
        <f t="array" ref="E7338">IFERROR(INDEX(Jesper!AI$2:AI$366,ROUNDDOWN($C7338/24,0)+1,1)*INDEX($D$3:$AA$30,INDEX(Jesper!$R$2:$R$366,ROW(INDEX(Jesper!AI$2:AI$366,ROUNDDOWN($C7338/24,0)+1,1))-1)+IF('Standard Profiles'!$G$19=$B$10,7,0)+IF('Standard Profiles'!$G$19=$B$17,14,0)+IF('Standard Profiles'!$G$19=$B$24,21,0),MOD($C7338,24)+1)/SUM(INDEX($D$3:$AA$30,INDEX(Jesper!$R$2:$R$366,ROW(INDEX(Jesper!AI$2:AI$366,ROUNDDOWN($C7338/24,0)+1,1))-1)+IF('Standard Profiles'!$G$19=$B$10,7,0)+IF('Standard Profiles'!$G$19=$B$17,14,0)+IF('Standard Profiles'!$G$19=$B$24,21,0),0)),0)</f>
        <v>0</v>
      </c>
      <c r="F7338" cm="1">
        <f t="array" ref="F7338">IFERROR(INDEX(Jesper!AJ$2:AJ$366,ROUNDDOWN($C7338/24,0)+1,1)*INDEX($D$3:$AA$30,INDEX(Jesper!$R$2:$R$366,ROW(INDEX(Jesper!AJ$2:AJ$366,ROUNDDOWN($C7338/24,0)+1,1))-1)+IF('Standard Profiles'!$G$20=$B$10,7,0)+IF('Standard Profiles'!$G$20=$B$17,14,0)+IF('Standard Profiles'!$G$20=$B$24,21,0),MOD($C7338,24)+1)/SUM(INDEX($D$3:$AA$30,INDEX(Jesper!$R$2:$R$366,ROW(INDEX(Jesper!AJ$2:AJ$366,ROUNDDOWN($C7338/24,0)+1,1))-1)+IF('Standard Profiles'!$G$20=$B$10,7,0)+IF('Standard Profiles'!$G$20=$B$17,14,0)+IF('Standard Profiles'!$G$20=$B$24,21,0),0)),0)</f>
        <v>0</v>
      </c>
      <c r="G7338" cm="1">
        <f t="array" ref="G7338">IFERROR(INDEX(Jesper!AK$2:AK$366,ROUNDDOWN($C7338/24,0)+1,1)*INDEX($D$3:$AA$30,INDEX(Jesper!$R$2:$R$366,ROW(INDEX(Jesper!AK$2:AK$366,ROUNDDOWN($C7338/24,0)+1,1))-1)+IF('Standard Profiles'!$G$21=$B$10,7,0)+IF('Standard Profiles'!$G$21=$B$17,14,0)+IF('Standard Profiles'!$G$21=$B$24,21,0),MOD($C7338,24)+1)/SUM(INDEX($D$3:$AA$30,INDEX(Jesper!$R$2:$R$366,ROW(INDEX(Jesper!AK$2:AK$366,ROUNDDOWN($C7338/24,0)+1,1))-1)+IF('Standard Profiles'!$G$21=$B$10,7,0)+IF('Standard Profiles'!$G$21=$B$17,14,0)+IF('Standard Profiles'!$G$21=$B$24,21,0),0)),0)</f>
        <v>0</v>
      </c>
      <c r="H7338" cm="1">
        <f t="array" ref="H7338">IFERROR(INDEX(Jesper!AL$2:AL$366,ROUNDDOWN($C7338/24,0)+1,1)*INDEX($D$3:$AA$30,INDEX(Jesper!$R$2:$R$366,ROW(INDEX(Jesper!AL$2:AL$366,ROUNDDOWN($C7338/24,0)+1,1))-1)+IF('Standard Profiles'!$G$22=$B$10,7,0)+IF('Standard Profiles'!$G$22=$B$17,14,0)+IF('Standard Profiles'!$G$22=$B$24,21,0),MOD($C7338,24)+1)/SUM(INDEX($D$3:$AA$30,INDEX(Jesper!$R$2:$R$366,ROW(INDEX(Jesper!AL$2:AL$366,ROUNDDOWN($C7338/24,0)+1,1))-1)+IF('Standard Profiles'!$G$22=$B$10,7,0)+IF('Standard Profiles'!$G$22=$B$17,14,0)+IF('Standard Profiles'!$G$22=$B$24,21,0),0)),0)</f>
        <v>0</v>
      </c>
      <c r="I7338">
        <f t="shared" si="818"/>
        <v>0.353746436080903</v>
      </c>
      <c r="J7338">
        <f t="shared" si="819"/>
        <v>1.1791547869363435</v>
      </c>
      <c r="K7338">
        <f t="shared" si="820"/>
        <v>1.7687321804045151</v>
      </c>
      <c r="L7338">
        <f t="shared" si="821"/>
        <v>8.4899144659416717</v>
      </c>
      <c r="M7338">
        <f t="shared" si="822"/>
        <v>0</v>
      </c>
      <c r="N7338" s="46">
        <f t="shared" si="823"/>
        <v>45596.333333315619</v>
      </c>
    </row>
    <row r="7339" spans="2:14" x14ac:dyDescent="0.3">
      <c r="B7339">
        <f t="shared" si="817"/>
        <v>4</v>
      </c>
      <c r="C7339" s="16">
        <v>7305</v>
      </c>
      <c r="D7339" cm="1">
        <f t="array" ref="D7339">IFERROR(INDEX(Jesper!AH$2:AH$366,ROUNDDOWN($C7339/24,0)+1,1)*INDEX($D$3:$AA$30,INDEX(Jesper!$R$2:$R$366,ROW(INDEX(Jesper!AH$2:AH$366,ROUNDDOWN($C7339/24,0)+1,1))-1)+IF('Standard Profiles'!$G$18=$B$10,7,0)+IF('Standard Profiles'!$G$18=$B$17,14,0)+IF('Standard Profiles'!$G$18=$B$24,21,0),MOD($C7339,24)+1)/SUM(INDEX($D$3:$AA$30,INDEX(Jesper!$R$2:$R$366,ROW(INDEX(Jesper!AH$2:AH$366,ROUNDDOWN($C7339/24,0)+1,1))-1)+IF('Standard Profiles'!$G$18=$B$10,7,0)+IF('Standard Profiles'!$G$18=$B$17,14,0)+IF('Standard Profiles'!$G$18=$B$24,21,0),0)),0)</f>
        <v>12.671514128271152</v>
      </c>
      <c r="E7339" cm="1">
        <f t="array" ref="E7339">IFERROR(INDEX(Jesper!AI$2:AI$366,ROUNDDOWN($C7339/24,0)+1,1)*INDEX($D$3:$AA$30,INDEX(Jesper!$R$2:$R$366,ROW(INDEX(Jesper!AI$2:AI$366,ROUNDDOWN($C7339/24,0)+1,1))-1)+IF('Standard Profiles'!$G$19=$B$10,7,0)+IF('Standard Profiles'!$G$19=$B$17,14,0)+IF('Standard Profiles'!$G$19=$B$24,21,0),MOD($C7339,24)+1)/SUM(INDEX($D$3:$AA$30,INDEX(Jesper!$R$2:$R$366,ROW(INDEX(Jesper!AI$2:AI$366,ROUNDDOWN($C7339/24,0)+1,1))-1)+IF('Standard Profiles'!$G$19=$B$10,7,0)+IF('Standard Profiles'!$G$19=$B$17,14,0)+IF('Standard Profiles'!$G$19=$B$24,21,0),0)),0)</f>
        <v>0</v>
      </c>
      <c r="F7339" cm="1">
        <f t="array" ref="F7339">IFERROR(INDEX(Jesper!AJ$2:AJ$366,ROUNDDOWN($C7339/24,0)+1,1)*INDEX($D$3:$AA$30,INDEX(Jesper!$R$2:$R$366,ROW(INDEX(Jesper!AJ$2:AJ$366,ROUNDDOWN($C7339/24,0)+1,1))-1)+IF('Standard Profiles'!$G$20=$B$10,7,0)+IF('Standard Profiles'!$G$20=$B$17,14,0)+IF('Standard Profiles'!$G$20=$B$24,21,0),MOD($C7339,24)+1)/SUM(INDEX($D$3:$AA$30,INDEX(Jesper!$R$2:$R$366,ROW(INDEX(Jesper!AJ$2:AJ$366,ROUNDDOWN($C7339/24,0)+1,1))-1)+IF('Standard Profiles'!$G$20=$B$10,7,0)+IF('Standard Profiles'!$G$20=$B$17,14,0)+IF('Standard Profiles'!$G$20=$B$24,21,0),0)),0)</f>
        <v>0</v>
      </c>
      <c r="G7339" cm="1">
        <f t="array" ref="G7339">IFERROR(INDEX(Jesper!AK$2:AK$366,ROUNDDOWN($C7339/24,0)+1,1)*INDEX($D$3:$AA$30,INDEX(Jesper!$R$2:$R$366,ROW(INDEX(Jesper!AK$2:AK$366,ROUNDDOWN($C7339/24,0)+1,1))-1)+IF('Standard Profiles'!$G$21=$B$10,7,0)+IF('Standard Profiles'!$G$21=$B$17,14,0)+IF('Standard Profiles'!$G$21=$B$24,21,0),MOD($C7339,24)+1)/SUM(INDEX($D$3:$AA$30,INDEX(Jesper!$R$2:$R$366,ROW(INDEX(Jesper!AK$2:AK$366,ROUNDDOWN($C7339/24,0)+1,1))-1)+IF('Standard Profiles'!$G$21=$B$10,7,0)+IF('Standard Profiles'!$G$21=$B$17,14,0)+IF('Standard Profiles'!$G$21=$B$24,21,0),0)),0)</f>
        <v>0</v>
      </c>
      <c r="H7339" cm="1">
        <f t="array" ref="H7339">IFERROR(INDEX(Jesper!AL$2:AL$366,ROUNDDOWN($C7339/24,0)+1,1)*INDEX($D$3:$AA$30,INDEX(Jesper!$R$2:$R$366,ROW(INDEX(Jesper!AL$2:AL$366,ROUNDDOWN($C7339/24,0)+1,1))-1)+IF('Standard Profiles'!$G$22=$B$10,7,0)+IF('Standard Profiles'!$G$22=$B$17,14,0)+IF('Standard Profiles'!$G$22=$B$24,21,0),MOD($C7339,24)+1)/SUM(INDEX($D$3:$AA$30,INDEX(Jesper!$R$2:$R$366,ROW(INDEX(Jesper!AL$2:AL$366,ROUNDDOWN($C7339/24,0)+1,1))-1)+IF('Standard Profiles'!$G$22=$B$10,7,0)+IF('Standard Profiles'!$G$22=$B$17,14,0)+IF('Standard Profiles'!$G$22=$B$24,21,0),0)),0)</f>
        <v>0</v>
      </c>
      <c r="I7339">
        <f t="shared" si="818"/>
        <v>0.38014542384813454</v>
      </c>
      <c r="J7339">
        <f t="shared" si="819"/>
        <v>1.2671514128271153</v>
      </c>
      <c r="K7339">
        <f t="shared" si="820"/>
        <v>1.9007271192406727</v>
      </c>
      <c r="L7339">
        <f t="shared" si="821"/>
        <v>9.1234901723552291</v>
      </c>
      <c r="M7339">
        <f t="shared" si="822"/>
        <v>0</v>
      </c>
      <c r="N7339" s="46">
        <f t="shared" si="823"/>
        <v>45596.374999982283</v>
      </c>
    </row>
    <row r="7340" spans="2:14" x14ac:dyDescent="0.3">
      <c r="B7340">
        <f t="shared" si="817"/>
        <v>4</v>
      </c>
      <c r="C7340" s="16">
        <v>7306</v>
      </c>
      <c r="D7340" cm="1">
        <f t="array" ref="D7340">IFERROR(INDEX(Jesper!AH$2:AH$366,ROUNDDOWN($C7340/24,0)+1,1)*INDEX($D$3:$AA$30,INDEX(Jesper!$R$2:$R$366,ROW(INDEX(Jesper!AH$2:AH$366,ROUNDDOWN($C7340/24,0)+1,1))-1)+IF('Standard Profiles'!$G$18=$B$10,7,0)+IF('Standard Profiles'!$G$18=$B$17,14,0)+IF('Standard Profiles'!$G$18=$B$24,21,0),MOD($C7340,24)+1)/SUM(INDEX($D$3:$AA$30,INDEX(Jesper!$R$2:$R$366,ROW(INDEX(Jesper!AH$2:AH$366,ROUNDDOWN($C7340/24,0)+1,1))-1)+IF('Standard Profiles'!$G$18=$B$10,7,0)+IF('Standard Profiles'!$G$18=$B$17,14,0)+IF('Standard Profiles'!$G$18=$B$24,21,0),0)),0)</f>
        <v>13.727473638960413</v>
      </c>
      <c r="E7340" cm="1">
        <f t="array" ref="E7340">IFERROR(INDEX(Jesper!AI$2:AI$366,ROUNDDOWN($C7340/24,0)+1,1)*INDEX($D$3:$AA$30,INDEX(Jesper!$R$2:$R$366,ROW(INDEX(Jesper!AI$2:AI$366,ROUNDDOWN($C7340/24,0)+1,1))-1)+IF('Standard Profiles'!$G$19=$B$10,7,0)+IF('Standard Profiles'!$G$19=$B$17,14,0)+IF('Standard Profiles'!$G$19=$B$24,21,0),MOD($C7340,24)+1)/SUM(INDEX($D$3:$AA$30,INDEX(Jesper!$R$2:$R$366,ROW(INDEX(Jesper!AI$2:AI$366,ROUNDDOWN($C7340/24,0)+1,1))-1)+IF('Standard Profiles'!$G$19=$B$10,7,0)+IF('Standard Profiles'!$G$19=$B$17,14,0)+IF('Standard Profiles'!$G$19=$B$24,21,0),0)),0)</f>
        <v>0</v>
      </c>
      <c r="F7340" cm="1">
        <f t="array" ref="F7340">IFERROR(INDEX(Jesper!AJ$2:AJ$366,ROUNDDOWN($C7340/24,0)+1,1)*INDEX($D$3:$AA$30,INDEX(Jesper!$R$2:$R$366,ROW(INDEX(Jesper!AJ$2:AJ$366,ROUNDDOWN($C7340/24,0)+1,1))-1)+IF('Standard Profiles'!$G$20=$B$10,7,0)+IF('Standard Profiles'!$G$20=$B$17,14,0)+IF('Standard Profiles'!$G$20=$B$24,21,0),MOD($C7340,24)+1)/SUM(INDEX($D$3:$AA$30,INDEX(Jesper!$R$2:$R$366,ROW(INDEX(Jesper!AJ$2:AJ$366,ROUNDDOWN($C7340/24,0)+1,1))-1)+IF('Standard Profiles'!$G$20=$B$10,7,0)+IF('Standard Profiles'!$G$20=$B$17,14,0)+IF('Standard Profiles'!$G$20=$B$24,21,0),0)),0)</f>
        <v>0</v>
      </c>
      <c r="G7340" cm="1">
        <f t="array" ref="G7340">IFERROR(INDEX(Jesper!AK$2:AK$366,ROUNDDOWN($C7340/24,0)+1,1)*INDEX($D$3:$AA$30,INDEX(Jesper!$R$2:$R$366,ROW(INDEX(Jesper!AK$2:AK$366,ROUNDDOWN($C7340/24,0)+1,1))-1)+IF('Standard Profiles'!$G$21=$B$10,7,0)+IF('Standard Profiles'!$G$21=$B$17,14,0)+IF('Standard Profiles'!$G$21=$B$24,21,0),MOD($C7340,24)+1)/SUM(INDEX($D$3:$AA$30,INDEX(Jesper!$R$2:$R$366,ROW(INDEX(Jesper!AK$2:AK$366,ROUNDDOWN($C7340/24,0)+1,1))-1)+IF('Standard Profiles'!$G$21=$B$10,7,0)+IF('Standard Profiles'!$G$21=$B$17,14,0)+IF('Standard Profiles'!$G$21=$B$24,21,0),0)),0)</f>
        <v>0</v>
      </c>
      <c r="H7340" cm="1">
        <f t="array" ref="H7340">IFERROR(INDEX(Jesper!AL$2:AL$366,ROUNDDOWN($C7340/24,0)+1,1)*INDEX($D$3:$AA$30,INDEX(Jesper!$R$2:$R$366,ROW(INDEX(Jesper!AL$2:AL$366,ROUNDDOWN($C7340/24,0)+1,1))-1)+IF('Standard Profiles'!$G$22=$B$10,7,0)+IF('Standard Profiles'!$G$22=$B$17,14,0)+IF('Standard Profiles'!$G$22=$B$24,21,0),MOD($C7340,24)+1)/SUM(INDEX($D$3:$AA$30,INDEX(Jesper!$R$2:$R$366,ROW(INDEX(Jesper!AL$2:AL$366,ROUNDDOWN($C7340/24,0)+1,1))-1)+IF('Standard Profiles'!$G$22=$B$10,7,0)+IF('Standard Profiles'!$G$22=$B$17,14,0)+IF('Standard Profiles'!$G$22=$B$24,21,0),0)),0)</f>
        <v>0</v>
      </c>
      <c r="I7340">
        <f t="shared" si="818"/>
        <v>0.41182420916881241</v>
      </c>
      <c r="J7340">
        <f t="shared" si="819"/>
        <v>1.3727473638960415</v>
      </c>
      <c r="K7340">
        <f t="shared" si="820"/>
        <v>2.0591210458440621</v>
      </c>
      <c r="L7340">
        <f t="shared" si="821"/>
        <v>9.8837810200514973</v>
      </c>
      <c r="M7340">
        <f t="shared" si="822"/>
        <v>0</v>
      </c>
      <c r="N7340" s="46">
        <f t="shared" si="823"/>
        <v>45596.416666648947</v>
      </c>
    </row>
    <row r="7341" spans="2:14" x14ac:dyDescent="0.3">
      <c r="B7341">
        <f t="shared" si="817"/>
        <v>4</v>
      </c>
      <c r="C7341" s="16">
        <v>7307</v>
      </c>
      <c r="D7341" cm="1">
        <f t="array" ref="D7341">IFERROR(INDEX(Jesper!AH$2:AH$366,ROUNDDOWN($C7341/24,0)+1,1)*INDEX($D$3:$AA$30,INDEX(Jesper!$R$2:$R$366,ROW(INDEX(Jesper!AH$2:AH$366,ROUNDDOWN($C7341/24,0)+1,1))-1)+IF('Standard Profiles'!$G$18=$B$10,7,0)+IF('Standard Profiles'!$G$18=$B$17,14,0)+IF('Standard Profiles'!$G$18=$B$24,21,0),MOD($C7341,24)+1)/SUM(INDEX($D$3:$AA$30,INDEX(Jesper!$R$2:$R$366,ROW(INDEX(Jesper!AH$2:AH$366,ROUNDDOWN($C7341/24,0)+1,1))-1)+IF('Standard Profiles'!$G$18=$B$10,7,0)+IF('Standard Profiles'!$G$18=$B$17,14,0)+IF('Standard Profiles'!$G$18=$B$24,21,0),0)),0)</f>
        <v>15.839392660338939</v>
      </c>
      <c r="E7341" cm="1">
        <f t="array" ref="E7341">IFERROR(INDEX(Jesper!AI$2:AI$366,ROUNDDOWN($C7341/24,0)+1,1)*INDEX($D$3:$AA$30,INDEX(Jesper!$R$2:$R$366,ROW(INDEX(Jesper!AI$2:AI$366,ROUNDDOWN($C7341/24,0)+1,1))-1)+IF('Standard Profiles'!$G$19=$B$10,7,0)+IF('Standard Profiles'!$G$19=$B$17,14,0)+IF('Standard Profiles'!$G$19=$B$24,21,0),MOD($C7341,24)+1)/SUM(INDEX($D$3:$AA$30,INDEX(Jesper!$R$2:$R$366,ROW(INDEX(Jesper!AI$2:AI$366,ROUNDDOWN($C7341/24,0)+1,1))-1)+IF('Standard Profiles'!$G$19=$B$10,7,0)+IF('Standard Profiles'!$G$19=$B$17,14,0)+IF('Standard Profiles'!$G$19=$B$24,21,0),0)),0)</f>
        <v>0</v>
      </c>
      <c r="F7341" cm="1">
        <f t="array" ref="F7341">IFERROR(INDEX(Jesper!AJ$2:AJ$366,ROUNDDOWN($C7341/24,0)+1,1)*INDEX($D$3:$AA$30,INDEX(Jesper!$R$2:$R$366,ROW(INDEX(Jesper!AJ$2:AJ$366,ROUNDDOWN($C7341/24,0)+1,1))-1)+IF('Standard Profiles'!$G$20=$B$10,7,0)+IF('Standard Profiles'!$G$20=$B$17,14,0)+IF('Standard Profiles'!$G$20=$B$24,21,0),MOD($C7341,24)+1)/SUM(INDEX($D$3:$AA$30,INDEX(Jesper!$R$2:$R$366,ROW(INDEX(Jesper!AJ$2:AJ$366,ROUNDDOWN($C7341/24,0)+1,1))-1)+IF('Standard Profiles'!$G$20=$B$10,7,0)+IF('Standard Profiles'!$G$20=$B$17,14,0)+IF('Standard Profiles'!$G$20=$B$24,21,0),0)),0)</f>
        <v>0</v>
      </c>
      <c r="G7341" cm="1">
        <f t="array" ref="G7341">IFERROR(INDEX(Jesper!AK$2:AK$366,ROUNDDOWN($C7341/24,0)+1,1)*INDEX($D$3:$AA$30,INDEX(Jesper!$R$2:$R$366,ROW(INDEX(Jesper!AK$2:AK$366,ROUNDDOWN($C7341/24,0)+1,1))-1)+IF('Standard Profiles'!$G$21=$B$10,7,0)+IF('Standard Profiles'!$G$21=$B$17,14,0)+IF('Standard Profiles'!$G$21=$B$24,21,0),MOD($C7341,24)+1)/SUM(INDEX($D$3:$AA$30,INDEX(Jesper!$R$2:$R$366,ROW(INDEX(Jesper!AK$2:AK$366,ROUNDDOWN($C7341/24,0)+1,1))-1)+IF('Standard Profiles'!$G$21=$B$10,7,0)+IF('Standard Profiles'!$G$21=$B$17,14,0)+IF('Standard Profiles'!$G$21=$B$24,21,0),0)),0)</f>
        <v>0</v>
      </c>
      <c r="H7341" cm="1">
        <f t="array" ref="H7341">IFERROR(INDEX(Jesper!AL$2:AL$366,ROUNDDOWN($C7341/24,0)+1,1)*INDEX($D$3:$AA$30,INDEX(Jesper!$R$2:$R$366,ROW(INDEX(Jesper!AL$2:AL$366,ROUNDDOWN($C7341/24,0)+1,1))-1)+IF('Standard Profiles'!$G$22=$B$10,7,0)+IF('Standard Profiles'!$G$22=$B$17,14,0)+IF('Standard Profiles'!$G$22=$B$24,21,0),MOD($C7341,24)+1)/SUM(INDEX($D$3:$AA$30,INDEX(Jesper!$R$2:$R$366,ROW(INDEX(Jesper!AL$2:AL$366,ROUNDDOWN($C7341/24,0)+1,1))-1)+IF('Standard Profiles'!$G$22=$B$10,7,0)+IF('Standard Profiles'!$G$22=$B$17,14,0)+IF('Standard Profiles'!$G$22=$B$24,21,0),0)),0)</f>
        <v>0</v>
      </c>
      <c r="I7341">
        <f t="shared" si="818"/>
        <v>0.47518177981016818</v>
      </c>
      <c r="J7341">
        <f t="shared" si="819"/>
        <v>1.583939266033894</v>
      </c>
      <c r="K7341">
        <f t="shared" si="820"/>
        <v>2.3759088990508408</v>
      </c>
      <c r="L7341">
        <f t="shared" si="821"/>
        <v>11.404362715444035</v>
      </c>
      <c r="M7341">
        <f t="shared" si="822"/>
        <v>0</v>
      </c>
      <c r="N7341" s="46">
        <f t="shared" si="823"/>
        <v>45596.458333315612</v>
      </c>
    </row>
    <row r="7342" spans="2:14" x14ac:dyDescent="0.3">
      <c r="B7342">
        <f t="shared" si="817"/>
        <v>4</v>
      </c>
      <c r="C7342" s="16">
        <v>7308</v>
      </c>
      <c r="D7342" cm="1">
        <f t="array" ref="D7342">IFERROR(INDEX(Jesper!AH$2:AH$366,ROUNDDOWN($C7342/24,0)+1,1)*INDEX($D$3:$AA$30,INDEX(Jesper!$R$2:$R$366,ROW(INDEX(Jesper!AH$2:AH$366,ROUNDDOWN($C7342/24,0)+1,1))-1)+IF('Standard Profiles'!$G$18=$B$10,7,0)+IF('Standard Profiles'!$G$18=$B$17,14,0)+IF('Standard Profiles'!$G$18=$B$24,21,0),MOD($C7342,24)+1)/SUM(INDEX($D$3:$AA$30,INDEX(Jesper!$R$2:$R$366,ROW(INDEX(Jesper!AH$2:AH$366,ROUNDDOWN($C7342/24,0)+1,1))-1)+IF('Standard Profiles'!$G$18=$B$10,7,0)+IF('Standard Profiles'!$G$18=$B$17,14,0)+IF('Standard Profiles'!$G$18=$B$24,21,0),0)),0)</f>
        <v>15.839392660338939</v>
      </c>
      <c r="E7342" cm="1">
        <f t="array" ref="E7342">IFERROR(INDEX(Jesper!AI$2:AI$366,ROUNDDOWN($C7342/24,0)+1,1)*INDEX($D$3:$AA$30,INDEX(Jesper!$R$2:$R$366,ROW(INDEX(Jesper!AI$2:AI$366,ROUNDDOWN($C7342/24,0)+1,1))-1)+IF('Standard Profiles'!$G$19=$B$10,7,0)+IF('Standard Profiles'!$G$19=$B$17,14,0)+IF('Standard Profiles'!$G$19=$B$24,21,0),MOD($C7342,24)+1)/SUM(INDEX($D$3:$AA$30,INDEX(Jesper!$R$2:$R$366,ROW(INDEX(Jesper!AI$2:AI$366,ROUNDDOWN($C7342/24,0)+1,1))-1)+IF('Standard Profiles'!$G$19=$B$10,7,0)+IF('Standard Profiles'!$G$19=$B$17,14,0)+IF('Standard Profiles'!$G$19=$B$24,21,0),0)),0)</f>
        <v>0</v>
      </c>
      <c r="F7342" cm="1">
        <f t="array" ref="F7342">IFERROR(INDEX(Jesper!AJ$2:AJ$366,ROUNDDOWN($C7342/24,0)+1,1)*INDEX($D$3:$AA$30,INDEX(Jesper!$R$2:$R$366,ROW(INDEX(Jesper!AJ$2:AJ$366,ROUNDDOWN($C7342/24,0)+1,1))-1)+IF('Standard Profiles'!$G$20=$B$10,7,0)+IF('Standard Profiles'!$G$20=$B$17,14,0)+IF('Standard Profiles'!$G$20=$B$24,21,0),MOD($C7342,24)+1)/SUM(INDEX($D$3:$AA$30,INDEX(Jesper!$R$2:$R$366,ROW(INDEX(Jesper!AJ$2:AJ$366,ROUNDDOWN($C7342/24,0)+1,1))-1)+IF('Standard Profiles'!$G$20=$B$10,7,0)+IF('Standard Profiles'!$G$20=$B$17,14,0)+IF('Standard Profiles'!$G$20=$B$24,21,0),0)),0)</f>
        <v>0</v>
      </c>
      <c r="G7342" cm="1">
        <f t="array" ref="G7342">IFERROR(INDEX(Jesper!AK$2:AK$366,ROUNDDOWN($C7342/24,0)+1,1)*INDEX($D$3:$AA$30,INDEX(Jesper!$R$2:$R$366,ROW(INDEX(Jesper!AK$2:AK$366,ROUNDDOWN($C7342/24,0)+1,1))-1)+IF('Standard Profiles'!$G$21=$B$10,7,0)+IF('Standard Profiles'!$G$21=$B$17,14,0)+IF('Standard Profiles'!$G$21=$B$24,21,0),MOD($C7342,24)+1)/SUM(INDEX($D$3:$AA$30,INDEX(Jesper!$R$2:$R$366,ROW(INDEX(Jesper!AK$2:AK$366,ROUNDDOWN($C7342/24,0)+1,1))-1)+IF('Standard Profiles'!$G$21=$B$10,7,0)+IF('Standard Profiles'!$G$21=$B$17,14,0)+IF('Standard Profiles'!$G$21=$B$24,21,0),0)),0)</f>
        <v>0</v>
      </c>
      <c r="H7342" cm="1">
        <f t="array" ref="H7342">IFERROR(INDEX(Jesper!AL$2:AL$366,ROUNDDOWN($C7342/24,0)+1,1)*INDEX($D$3:$AA$30,INDEX(Jesper!$R$2:$R$366,ROW(INDEX(Jesper!AL$2:AL$366,ROUNDDOWN($C7342/24,0)+1,1))-1)+IF('Standard Profiles'!$G$22=$B$10,7,0)+IF('Standard Profiles'!$G$22=$B$17,14,0)+IF('Standard Profiles'!$G$22=$B$24,21,0),MOD($C7342,24)+1)/SUM(INDEX($D$3:$AA$30,INDEX(Jesper!$R$2:$R$366,ROW(INDEX(Jesper!AL$2:AL$366,ROUNDDOWN($C7342/24,0)+1,1))-1)+IF('Standard Profiles'!$G$22=$B$10,7,0)+IF('Standard Profiles'!$G$22=$B$17,14,0)+IF('Standard Profiles'!$G$22=$B$24,21,0),0)),0)</f>
        <v>0</v>
      </c>
      <c r="I7342">
        <f t="shared" si="818"/>
        <v>0.47518177981016818</v>
      </c>
      <c r="J7342">
        <f t="shared" si="819"/>
        <v>1.583939266033894</v>
      </c>
      <c r="K7342">
        <f t="shared" si="820"/>
        <v>2.3759088990508408</v>
      </c>
      <c r="L7342">
        <f t="shared" si="821"/>
        <v>11.404362715444035</v>
      </c>
      <c r="M7342">
        <f t="shared" si="822"/>
        <v>0</v>
      </c>
      <c r="N7342" s="46">
        <f t="shared" si="823"/>
        <v>45596.499999982276</v>
      </c>
    </row>
    <row r="7343" spans="2:14" x14ac:dyDescent="0.3">
      <c r="B7343">
        <f t="shared" si="817"/>
        <v>4</v>
      </c>
      <c r="C7343" s="16">
        <v>7309</v>
      </c>
      <c r="D7343" cm="1">
        <f t="array" ref="D7343">IFERROR(INDEX(Jesper!AH$2:AH$366,ROUNDDOWN($C7343/24,0)+1,1)*INDEX($D$3:$AA$30,INDEX(Jesper!$R$2:$R$366,ROW(INDEX(Jesper!AH$2:AH$366,ROUNDDOWN($C7343/24,0)+1,1))-1)+IF('Standard Profiles'!$G$18=$B$10,7,0)+IF('Standard Profiles'!$G$18=$B$17,14,0)+IF('Standard Profiles'!$G$18=$B$24,21,0),MOD($C7343,24)+1)/SUM(INDEX($D$3:$AA$30,INDEX(Jesper!$R$2:$R$366,ROW(INDEX(Jesper!AH$2:AH$366,ROUNDDOWN($C7343/24,0)+1,1))-1)+IF('Standard Profiles'!$G$18=$B$10,7,0)+IF('Standard Profiles'!$G$18=$B$17,14,0)+IF('Standard Profiles'!$G$18=$B$24,21,0),0)),0)</f>
        <v>15.839392660338939</v>
      </c>
      <c r="E7343" cm="1">
        <f t="array" ref="E7343">IFERROR(INDEX(Jesper!AI$2:AI$366,ROUNDDOWN($C7343/24,0)+1,1)*INDEX($D$3:$AA$30,INDEX(Jesper!$R$2:$R$366,ROW(INDEX(Jesper!AI$2:AI$366,ROUNDDOWN($C7343/24,0)+1,1))-1)+IF('Standard Profiles'!$G$19=$B$10,7,0)+IF('Standard Profiles'!$G$19=$B$17,14,0)+IF('Standard Profiles'!$G$19=$B$24,21,0),MOD($C7343,24)+1)/SUM(INDEX($D$3:$AA$30,INDEX(Jesper!$R$2:$R$366,ROW(INDEX(Jesper!AI$2:AI$366,ROUNDDOWN($C7343/24,0)+1,1))-1)+IF('Standard Profiles'!$G$19=$B$10,7,0)+IF('Standard Profiles'!$G$19=$B$17,14,0)+IF('Standard Profiles'!$G$19=$B$24,21,0),0)),0)</f>
        <v>0</v>
      </c>
      <c r="F7343" cm="1">
        <f t="array" ref="F7343">IFERROR(INDEX(Jesper!AJ$2:AJ$366,ROUNDDOWN($C7343/24,0)+1,1)*INDEX($D$3:$AA$30,INDEX(Jesper!$R$2:$R$366,ROW(INDEX(Jesper!AJ$2:AJ$366,ROUNDDOWN($C7343/24,0)+1,1))-1)+IF('Standard Profiles'!$G$20=$B$10,7,0)+IF('Standard Profiles'!$G$20=$B$17,14,0)+IF('Standard Profiles'!$G$20=$B$24,21,0),MOD($C7343,24)+1)/SUM(INDEX($D$3:$AA$30,INDEX(Jesper!$R$2:$R$366,ROW(INDEX(Jesper!AJ$2:AJ$366,ROUNDDOWN($C7343/24,0)+1,1))-1)+IF('Standard Profiles'!$G$20=$B$10,7,0)+IF('Standard Profiles'!$G$20=$B$17,14,0)+IF('Standard Profiles'!$G$20=$B$24,21,0),0)),0)</f>
        <v>0</v>
      </c>
      <c r="G7343" cm="1">
        <f t="array" ref="G7343">IFERROR(INDEX(Jesper!AK$2:AK$366,ROUNDDOWN($C7343/24,0)+1,1)*INDEX($D$3:$AA$30,INDEX(Jesper!$R$2:$R$366,ROW(INDEX(Jesper!AK$2:AK$366,ROUNDDOWN($C7343/24,0)+1,1))-1)+IF('Standard Profiles'!$G$21=$B$10,7,0)+IF('Standard Profiles'!$G$21=$B$17,14,0)+IF('Standard Profiles'!$G$21=$B$24,21,0),MOD($C7343,24)+1)/SUM(INDEX($D$3:$AA$30,INDEX(Jesper!$R$2:$R$366,ROW(INDEX(Jesper!AK$2:AK$366,ROUNDDOWN($C7343/24,0)+1,1))-1)+IF('Standard Profiles'!$G$21=$B$10,7,0)+IF('Standard Profiles'!$G$21=$B$17,14,0)+IF('Standard Profiles'!$G$21=$B$24,21,0),0)),0)</f>
        <v>0</v>
      </c>
      <c r="H7343" cm="1">
        <f t="array" ref="H7343">IFERROR(INDEX(Jesper!AL$2:AL$366,ROUNDDOWN($C7343/24,0)+1,1)*INDEX($D$3:$AA$30,INDEX(Jesper!$R$2:$R$366,ROW(INDEX(Jesper!AL$2:AL$366,ROUNDDOWN($C7343/24,0)+1,1))-1)+IF('Standard Profiles'!$G$22=$B$10,7,0)+IF('Standard Profiles'!$G$22=$B$17,14,0)+IF('Standard Profiles'!$G$22=$B$24,21,0),MOD($C7343,24)+1)/SUM(INDEX($D$3:$AA$30,INDEX(Jesper!$R$2:$R$366,ROW(INDEX(Jesper!AL$2:AL$366,ROUNDDOWN($C7343/24,0)+1,1))-1)+IF('Standard Profiles'!$G$22=$B$10,7,0)+IF('Standard Profiles'!$G$22=$B$17,14,0)+IF('Standard Profiles'!$G$22=$B$24,21,0),0)),0)</f>
        <v>0</v>
      </c>
      <c r="I7343">
        <f t="shared" si="818"/>
        <v>0.47518177981016818</v>
      </c>
      <c r="J7343">
        <f t="shared" si="819"/>
        <v>1.583939266033894</v>
      </c>
      <c r="K7343">
        <f t="shared" si="820"/>
        <v>2.3759088990508408</v>
      </c>
      <c r="L7343">
        <f t="shared" si="821"/>
        <v>11.404362715444035</v>
      </c>
      <c r="M7343">
        <f t="shared" si="822"/>
        <v>0</v>
      </c>
      <c r="N7343" s="46">
        <f t="shared" si="823"/>
        <v>45596.54166664894</v>
      </c>
    </row>
    <row r="7344" spans="2:14" x14ac:dyDescent="0.3">
      <c r="B7344">
        <f t="shared" si="817"/>
        <v>4</v>
      </c>
      <c r="C7344" s="16">
        <v>7310</v>
      </c>
      <c r="D7344" cm="1">
        <f t="array" ref="D7344">IFERROR(INDEX(Jesper!AH$2:AH$366,ROUNDDOWN($C7344/24,0)+1,1)*INDEX($D$3:$AA$30,INDEX(Jesper!$R$2:$R$366,ROW(INDEX(Jesper!AH$2:AH$366,ROUNDDOWN($C7344/24,0)+1,1))-1)+IF('Standard Profiles'!$G$18=$B$10,7,0)+IF('Standard Profiles'!$G$18=$B$17,14,0)+IF('Standard Profiles'!$G$18=$B$24,21,0),MOD($C7344,24)+1)/SUM(INDEX($D$3:$AA$30,INDEX(Jesper!$R$2:$R$366,ROW(INDEX(Jesper!AH$2:AH$366,ROUNDDOWN($C7344/24,0)+1,1))-1)+IF('Standard Profiles'!$G$18=$B$10,7,0)+IF('Standard Profiles'!$G$18=$B$17,14,0)+IF('Standard Profiles'!$G$18=$B$24,21,0),0)),0)</f>
        <v>15.839392660338939</v>
      </c>
      <c r="E7344" cm="1">
        <f t="array" ref="E7344">IFERROR(INDEX(Jesper!AI$2:AI$366,ROUNDDOWN($C7344/24,0)+1,1)*INDEX($D$3:$AA$30,INDEX(Jesper!$R$2:$R$366,ROW(INDEX(Jesper!AI$2:AI$366,ROUNDDOWN($C7344/24,0)+1,1))-1)+IF('Standard Profiles'!$G$19=$B$10,7,0)+IF('Standard Profiles'!$G$19=$B$17,14,0)+IF('Standard Profiles'!$G$19=$B$24,21,0),MOD($C7344,24)+1)/SUM(INDEX($D$3:$AA$30,INDEX(Jesper!$R$2:$R$366,ROW(INDEX(Jesper!AI$2:AI$366,ROUNDDOWN($C7344/24,0)+1,1))-1)+IF('Standard Profiles'!$G$19=$B$10,7,0)+IF('Standard Profiles'!$G$19=$B$17,14,0)+IF('Standard Profiles'!$G$19=$B$24,21,0),0)),0)</f>
        <v>0</v>
      </c>
      <c r="F7344" cm="1">
        <f t="array" ref="F7344">IFERROR(INDEX(Jesper!AJ$2:AJ$366,ROUNDDOWN($C7344/24,0)+1,1)*INDEX($D$3:$AA$30,INDEX(Jesper!$R$2:$R$366,ROW(INDEX(Jesper!AJ$2:AJ$366,ROUNDDOWN($C7344/24,0)+1,1))-1)+IF('Standard Profiles'!$G$20=$B$10,7,0)+IF('Standard Profiles'!$G$20=$B$17,14,0)+IF('Standard Profiles'!$G$20=$B$24,21,0),MOD($C7344,24)+1)/SUM(INDEX($D$3:$AA$30,INDEX(Jesper!$R$2:$R$366,ROW(INDEX(Jesper!AJ$2:AJ$366,ROUNDDOWN($C7344/24,0)+1,1))-1)+IF('Standard Profiles'!$G$20=$B$10,7,0)+IF('Standard Profiles'!$G$20=$B$17,14,0)+IF('Standard Profiles'!$G$20=$B$24,21,0),0)),0)</f>
        <v>0</v>
      </c>
      <c r="G7344" cm="1">
        <f t="array" ref="G7344">IFERROR(INDEX(Jesper!AK$2:AK$366,ROUNDDOWN($C7344/24,0)+1,1)*INDEX($D$3:$AA$30,INDEX(Jesper!$R$2:$R$366,ROW(INDEX(Jesper!AK$2:AK$366,ROUNDDOWN($C7344/24,0)+1,1))-1)+IF('Standard Profiles'!$G$21=$B$10,7,0)+IF('Standard Profiles'!$G$21=$B$17,14,0)+IF('Standard Profiles'!$G$21=$B$24,21,0),MOD($C7344,24)+1)/SUM(INDEX($D$3:$AA$30,INDEX(Jesper!$R$2:$R$366,ROW(INDEX(Jesper!AK$2:AK$366,ROUNDDOWN($C7344/24,0)+1,1))-1)+IF('Standard Profiles'!$G$21=$B$10,7,0)+IF('Standard Profiles'!$G$21=$B$17,14,0)+IF('Standard Profiles'!$G$21=$B$24,21,0),0)),0)</f>
        <v>0</v>
      </c>
      <c r="H7344" cm="1">
        <f t="array" ref="H7344">IFERROR(INDEX(Jesper!AL$2:AL$366,ROUNDDOWN($C7344/24,0)+1,1)*INDEX($D$3:$AA$30,INDEX(Jesper!$R$2:$R$366,ROW(INDEX(Jesper!AL$2:AL$366,ROUNDDOWN($C7344/24,0)+1,1))-1)+IF('Standard Profiles'!$G$22=$B$10,7,0)+IF('Standard Profiles'!$G$22=$B$17,14,0)+IF('Standard Profiles'!$G$22=$B$24,21,0),MOD($C7344,24)+1)/SUM(INDEX($D$3:$AA$30,INDEX(Jesper!$R$2:$R$366,ROW(INDEX(Jesper!AL$2:AL$366,ROUNDDOWN($C7344/24,0)+1,1))-1)+IF('Standard Profiles'!$G$22=$B$10,7,0)+IF('Standard Profiles'!$G$22=$B$17,14,0)+IF('Standard Profiles'!$G$22=$B$24,21,0),0)),0)</f>
        <v>0</v>
      </c>
      <c r="I7344">
        <f t="shared" si="818"/>
        <v>0.47518177981016818</v>
      </c>
      <c r="J7344">
        <f t="shared" si="819"/>
        <v>1.583939266033894</v>
      </c>
      <c r="K7344">
        <f t="shared" si="820"/>
        <v>2.3759088990508408</v>
      </c>
      <c r="L7344">
        <f t="shared" si="821"/>
        <v>11.404362715444035</v>
      </c>
      <c r="M7344">
        <f t="shared" si="822"/>
        <v>0</v>
      </c>
      <c r="N7344" s="46">
        <f t="shared" si="823"/>
        <v>45596.583333315604</v>
      </c>
    </row>
    <row r="7345" spans="2:14" x14ac:dyDescent="0.3">
      <c r="B7345">
        <f t="shared" si="817"/>
        <v>4</v>
      </c>
      <c r="C7345" s="16">
        <v>7311</v>
      </c>
      <c r="D7345" cm="1">
        <f t="array" ref="D7345">IFERROR(INDEX(Jesper!AH$2:AH$366,ROUNDDOWN($C7345/24,0)+1,1)*INDEX($D$3:$AA$30,INDEX(Jesper!$R$2:$R$366,ROW(INDEX(Jesper!AH$2:AH$366,ROUNDDOWN($C7345/24,0)+1,1))-1)+IF('Standard Profiles'!$G$18=$B$10,7,0)+IF('Standard Profiles'!$G$18=$B$17,14,0)+IF('Standard Profiles'!$G$18=$B$24,21,0),MOD($C7345,24)+1)/SUM(INDEX($D$3:$AA$30,INDEX(Jesper!$R$2:$R$366,ROW(INDEX(Jesper!AH$2:AH$366,ROUNDDOWN($C7345/24,0)+1,1))-1)+IF('Standard Profiles'!$G$18=$B$10,7,0)+IF('Standard Profiles'!$G$18=$B$17,14,0)+IF('Standard Profiles'!$G$18=$B$24,21,0),0)),0)</f>
        <v>15.839392660338939</v>
      </c>
      <c r="E7345" cm="1">
        <f t="array" ref="E7345">IFERROR(INDEX(Jesper!AI$2:AI$366,ROUNDDOWN($C7345/24,0)+1,1)*INDEX($D$3:$AA$30,INDEX(Jesper!$R$2:$R$366,ROW(INDEX(Jesper!AI$2:AI$366,ROUNDDOWN($C7345/24,0)+1,1))-1)+IF('Standard Profiles'!$G$19=$B$10,7,0)+IF('Standard Profiles'!$G$19=$B$17,14,0)+IF('Standard Profiles'!$G$19=$B$24,21,0),MOD($C7345,24)+1)/SUM(INDEX($D$3:$AA$30,INDEX(Jesper!$R$2:$R$366,ROW(INDEX(Jesper!AI$2:AI$366,ROUNDDOWN($C7345/24,0)+1,1))-1)+IF('Standard Profiles'!$G$19=$B$10,7,0)+IF('Standard Profiles'!$G$19=$B$17,14,0)+IF('Standard Profiles'!$G$19=$B$24,21,0),0)),0)</f>
        <v>0</v>
      </c>
      <c r="F7345" cm="1">
        <f t="array" ref="F7345">IFERROR(INDEX(Jesper!AJ$2:AJ$366,ROUNDDOWN($C7345/24,0)+1,1)*INDEX($D$3:$AA$30,INDEX(Jesper!$R$2:$R$366,ROW(INDEX(Jesper!AJ$2:AJ$366,ROUNDDOWN($C7345/24,0)+1,1))-1)+IF('Standard Profiles'!$G$20=$B$10,7,0)+IF('Standard Profiles'!$G$20=$B$17,14,0)+IF('Standard Profiles'!$G$20=$B$24,21,0),MOD($C7345,24)+1)/SUM(INDEX($D$3:$AA$30,INDEX(Jesper!$R$2:$R$366,ROW(INDEX(Jesper!AJ$2:AJ$366,ROUNDDOWN($C7345/24,0)+1,1))-1)+IF('Standard Profiles'!$G$20=$B$10,7,0)+IF('Standard Profiles'!$G$20=$B$17,14,0)+IF('Standard Profiles'!$G$20=$B$24,21,0),0)),0)</f>
        <v>0</v>
      </c>
      <c r="G7345" cm="1">
        <f t="array" ref="G7345">IFERROR(INDEX(Jesper!AK$2:AK$366,ROUNDDOWN($C7345/24,0)+1,1)*INDEX($D$3:$AA$30,INDEX(Jesper!$R$2:$R$366,ROW(INDEX(Jesper!AK$2:AK$366,ROUNDDOWN($C7345/24,0)+1,1))-1)+IF('Standard Profiles'!$G$21=$B$10,7,0)+IF('Standard Profiles'!$G$21=$B$17,14,0)+IF('Standard Profiles'!$G$21=$B$24,21,0),MOD($C7345,24)+1)/SUM(INDEX($D$3:$AA$30,INDEX(Jesper!$R$2:$R$366,ROW(INDEX(Jesper!AK$2:AK$366,ROUNDDOWN($C7345/24,0)+1,1))-1)+IF('Standard Profiles'!$G$21=$B$10,7,0)+IF('Standard Profiles'!$G$21=$B$17,14,0)+IF('Standard Profiles'!$G$21=$B$24,21,0),0)),0)</f>
        <v>0</v>
      </c>
      <c r="H7345" cm="1">
        <f t="array" ref="H7345">IFERROR(INDEX(Jesper!AL$2:AL$366,ROUNDDOWN($C7345/24,0)+1,1)*INDEX($D$3:$AA$30,INDEX(Jesper!$R$2:$R$366,ROW(INDEX(Jesper!AL$2:AL$366,ROUNDDOWN($C7345/24,0)+1,1))-1)+IF('Standard Profiles'!$G$22=$B$10,7,0)+IF('Standard Profiles'!$G$22=$B$17,14,0)+IF('Standard Profiles'!$G$22=$B$24,21,0),MOD($C7345,24)+1)/SUM(INDEX($D$3:$AA$30,INDEX(Jesper!$R$2:$R$366,ROW(INDEX(Jesper!AL$2:AL$366,ROUNDDOWN($C7345/24,0)+1,1))-1)+IF('Standard Profiles'!$G$22=$B$10,7,0)+IF('Standard Profiles'!$G$22=$B$17,14,0)+IF('Standard Profiles'!$G$22=$B$24,21,0),0)),0)</f>
        <v>0</v>
      </c>
      <c r="I7345">
        <f t="shared" si="818"/>
        <v>0.47518177981016818</v>
      </c>
      <c r="J7345">
        <f t="shared" si="819"/>
        <v>1.583939266033894</v>
      </c>
      <c r="K7345">
        <f t="shared" si="820"/>
        <v>2.3759088990508408</v>
      </c>
      <c r="L7345">
        <f t="shared" si="821"/>
        <v>11.404362715444035</v>
      </c>
      <c r="M7345">
        <f t="shared" si="822"/>
        <v>0</v>
      </c>
      <c r="N7345" s="46">
        <f t="shared" si="823"/>
        <v>45596.624999982268</v>
      </c>
    </row>
    <row r="7346" spans="2:14" x14ac:dyDescent="0.3">
      <c r="B7346">
        <f t="shared" si="817"/>
        <v>4</v>
      </c>
      <c r="C7346" s="16">
        <v>7312</v>
      </c>
      <c r="D7346" cm="1">
        <f t="array" ref="D7346">IFERROR(INDEX(Jesper!AH$2:AH$366,ROUNDDOWN($C7346/24,0)+1,1)*INDEX($D$3:$AA$30,INDEX(Jesper!$R$2:$R$366,ROW(INDEX(Jesper!AH$2:AH$366,ROUNDDOWN($C7346/24,0)+1,1))-1)+IF('Standard Profiles'!$G$18=$B$10,7,0)+IF('Standard Profiles'!$G$18=$B$17,14,0)+IF('Standard Profiles'!$G$18=$B$24,21,0),MOD($C7346,24)+1)/SUM(INDEX($D$3:$AA$30,INDEX(Jesper!$R$2:$R$366,ROW(INDEX(Jesper!AH$2:AH$366,ROUNDDOWN($C7346/24,0)+1,1))-1)+IF('Standard Profiles'!$G$18=$B$10,7,0)+IF('Standard Profiles'!$G$18=$B$17,14,0)+IF('Standard Profiles'!$G$18=$B$24,21,0),0)),0)</f>
        <v>15.839392660338939</v>
      </c>
      <c r="E7346" cm="1">
        <f t="array" ref="E7346">IFERROR(INDEX(Jesper!AI$2:AI$366,ROUNDDOWN($C7346/24,0)+1,1)*INDEX($D$3:$AA$30,INDEX(Jesper!$R$2:$R$366,ROW(INDEX(Jesper!AI$2:AI$366,ROUNDDOWN($C7346/24,0)+1,1))-1)+IF('Standard Profiles'!$G$19=$B$10,7,0)+IF('Standard Profiles'!$G$19=$B$17,14,0)+IF('Standard Profiles'!$G$19=$B$24,21,0),MOD($C7346,24)+1)/SUM(INDEX($D$3:$AA$30,INDEX(Jesper!$R$2:$R$366,ROW(INDEX(Jesper!AI$2:AI$366,ROUNDDOWN($C7346/24,0)+1,1))-1)+IF('Standard Profiles'!$G$19=$B$10,7,0)+IF('Standard Profiles'!$G$19=$B$17,14,0)+IF('Standard Profiles'!$G$19=$B$24,21,0),0)),0)</f>
        <v>0</v>
      </c>
      <c r="F7346" cm="1">
        <f t="array" ref="F7346">IFERROR(INDEX(Jesper!AJ$2:AJ$366,ROUNDDOWN($C7346/24,0)+1,1)*INDEX($D$3:$AA$30,INDEX(Jesper!$R$2:$R$366,ROW(INDEX(Jesper!AJ$2:AJ$366,ROUNDDOWN($C7346/24,0)+1,1))-1)+IF('Standard Profiles'!$G$20=$B$10,7,0)+IF('Standard Profiles'!$G$20=$B$17,14,0)+IF('Standard Profiles'!$G$20=$B$24,21,0),MOD($C7346,24)+1)/SUM(INDEX($D$3:$AA$30,INDEX(Jesper!$R$2:$R$366,ROW(INDEX(Jesper!AJ$2:AJ$366,ROUNDDOWN($C7346/24,0)+1,1))-1)+IF('Standard Profiles'!$G$20=$B$10,7,0)+IF('Standard Profiles'!$G$20=$B$17,14,0)+IF('Standard Profiles'!$G$20=$B$24,21,0),0)),0)</f>
        <v>0</v>
      </c>
      <c r="G7346" cm="1">
        <f t="array" ref="G7346">IFERROR(INDEX(Jesper!AK$2:AK$366,ROUNDDOWN($C7346/24,0)+1,1)*INDEX($D$3:$AA$30,INDEX(Jesper!$R$2:$R$366,ROW(INDEX(Jesper!AK$2:AK$366,ROUNDDOWN($C7346/24,0)+1,1))-1)+IF('Standard Profiles'!$G$21=$B$10,7,0)+IF('Standard Profiles'!$G$21=$B$17,14,0)+IF('Standard Profiles'!$G$21=$B$24,21,0),MOD($C7346,24)+1)/SUM(INDEX($D$3:$AA$30,INDEX(Jesper!$R$2:$R$366,ROW(INDEX(Jesper!AK$2:AK$366,ROUNDDOWN($C7346/24,0)+1,1))-1)+IF('Standard Profiles'!$G$21=$B$10,7,0)+IF('Standard Profiles'!$G$21=$B$17,14,0)+IF('Standard Profiles'!$G$21=$B$24,21,0),0)),0)</f>
        <v>0</v>
      </c>
      <c r="H7346" cm="1">
        <f t="array" ref="H7346">IFERROR(INDEX(Jesper!AL$2:AL$366,ROUNDDOWN($C7346/24,0)+1,1)*INDEX($D$3:$AA$30,INDEX(Jesper!$R$2:$R$366,ROW(INDEX(Jesper!AL$2:AL$366,ROUNDDOWN($C7346/24,0)+1,1))-1)+IF('Standard Profiles'!$G$22=$B$10,7,0)+IF('Standard Profiles'!$G$22=$B$17,14,0)+IF('Standard Profiles'!$G$22=$B$24,21,0),MOD($C7346,24)+1)/SUM(INDEX($D$3:$AA$30,INDEX(Jesper!$R$2:$R$366,ROW(INDEX(Jesper!AL$2:AL$366,ROUNDDOWN($C7346/24,0)+1,1))-1)+IF('Standard Profiles'!$G$22=$B$10,7,0)+IF('Standard Profiles'!$G$22=$B$17,14,0)+IF('Standard Profiles'!$G$22=$B$24,21,0),0)),0)</f>
        <v>0</v>
      </c>
      <c r="I7346">
        <f t="shared" si="818"/>
        <v>0.47518177981016818</v>
      </c>
      <c r="J7346">
        <f t="shared" si="819"/>
        <v>1.583939266033894</v>
      </c>
      <c r="K7346">
        <f t="shared" si="820"/>
        <v>2.3759088990508408</v>
      </c>
      <c r="L7346">
        <f t="shared" si="821"/>
        <v>11.404362715444035</v>
      </c>
      <c r="M7346">
        <f t="shared" si="822"/>
        <v>0</v>
      </c>
      <c r="N7346" s="46">
        <f t="shared" si="823"/>
        <v>45596.666666648933</v>
      </c>
    </row>
    <row r="7347" spans="2:14" x14ac:dyDescent="0.3">
      <c r="B7347">
        <f t="shared" si="817"/>
        <v>4</v>
      </c>
      <c r="C7347" s="16">
        <v>7313</v>
      </c>
      <c r="D7347" cm="1">
        <f t="array" ref="D7347">IFERROR(INDEX(Jesper!AH$2:AH$366,ROUNDDOWN($C7347/24,0)+1,1)*INDEX($D$3:$AA$30,INDEX(Jesper!$R$2:$R$366,ROW(INDEX(Jesper!AH$2:AH$366,ROUNDDOWN($C7347/24,0)+1,1))-1)+IF('Standard Profiles'!$G$18=$B$10,7,0)+IF('Standard Profiles'!$G$18=$B$17,14,0)+IF('Standard Profiles'!$G$18=$B$24,21,0),MOD($C7347,24)+1)/SUM(INDEX($D$3:$AA$30,INDEX(Jesper!$R$2:$R$366,ROW(INDEX(Jesper!AH$2:AH$366,ROUNDDOWN($C7347/24,0)+1,1))-1)+IF('Standard Profiles'!$G$18=$B$10,7,0)+IF('Standard Profiles'!$G$18=$B$17,14,0)+IF('Standard Profiles'!$G$18=$B$24,21,0),0)),0)</f>
        <v>15.839392660338939</v>
      </c>
      <c r="E7347" cm="1">
        <f t="array" ref="E7347">IFERROR(INDEX(Jesper!AI$2:AI$366,ROUNDDOWN($C7347/24,0)+1,1)*INDEX($D$3:$AA$30,INDEX(Jesper!$R$2:$R$366,ROW(INDEX(Jesper!AI$2:AI$366,ROUNDDOWN($C7347/24,0)+1,1))-1)+IF('Standard Profiles'!$G$19=$B$10,7,0)+IF('Standard Profiles'!$G$19=$B$17,14,0)+IF('Standard Profiles'!$G$19=$B$24,21,0),MOD($C7347,24)+1)/SUM(INDEX($D$3:$AA$30,INDEX(Jesper!$R$2:$R$366,ROW(INDEX(Jesper!AI$2:AI$366,ROUNDDOWN($C7347/24,0)+1,1))-1)+IF('Standard Profiles'!$G$19=$B$10,7,0)+IF('Standard Profiles'!$G$19=$B$17,14,0)+IF('Standard Profiles'!$G$19=$B$24,21,0),0)),0)</f>
        <v>0</v>
      </c>
      <c r="F7347" cm="1">
        <f t="array" ref="F7347">IFERROR(INDEX(Jesper!AJ$2:AJ$366,ROUNDDOWN($C7347/24,0)+1,1)*INDEX($D$3:$AA$30,INDEX(Jesper!$R$2:$R$366,ROW(INDEX(Jesper!AJ$2:AJ$366,ROUNDDOWN($C7347/24,0)+1,1))-1)+IF('Standard Profiles'!$G$20=$B$10,7,0)+IF('Standard Profiles'!$G$20=$B$17,14,0)+IF('Standard Profiles'!$G$20=$B$24,21,0),MOD($C7347,24)+1)/SUM(INDEX($D$3:$AA$30,INDEX(Jesper!$R$2:$R$366,ROW(INDEX(Jesper!AJ$2:AJ$366,ROUNDDOWN($C7347/24,0)+1,1))-1)+IF('Standard Profiles'!$G$20=$B$10,7,0)+IF('Standard Profiles'!$G$20=$B$17,14,0)+IF('Standard Profiles'!$G$20=$B$24,21,0),0)),0)</f>
        <v>0</v>
      </c>
      <c r="G7347" cm="1">
        <f t="array" ref="G7347">IFERROR(INDEX(Jesper!AK$2:AK$366,ROUNDDOWN($C7347/24,0)+1,1)*INDEX($D$3:$AA$30,INDEX(Jesper!$R$2:$R$366,ROW(INDEX(Jesper!AK$2:AK$366,ROUNDDOWN($C7347/24,0)+1,1))-1)+IF('Standard Profiles'!$G$21=$B$10,7,0)+IF('Standard Profiles'!$G$21=$B$17,14,0)+IF('Standard Profiles'!$G$21=$B$24,21,0),MOD($C7347,24)+1)/SUM(INDEX($D$3:$AA$30,INDEX(Jesper!$R$2:$R$366,ROW(INDEX(Jesper!AK$2:AK$366,ROUNDDOWN($C7347/24,0)+1,1))-1)+IF('Standard Profiles'!$G$21=$B$10,7,0)+IF('Standard Profiles'!$G$21=$B$17,14,0)+IF('Standard Profiles'!$G$21=$B$24,21,0),0)),0)</f>
        <v>0</v>
      </c>
      <c r="H7347" cm="1">
        <f t="array" ref="H7347">IFERROR(INDEX(Jesper!AL$2:AL$366,ROUNDDOWN($C7347/24,0)+1,1)*INDEX($D$3:$AA$30,INDEX(Jesper!$R$2:$R$366,ROW(INDEX(Jesper!AL$2:AL$366,ROUNDDOWN($C7347/24,0)+1,1))-1)+IF('Standard Profiles'!$G$22=$B$10,7,0)+IF('Standard Profiles'!$G$22=$B$17,14,0)+IF('Standard Profiles'!$G$22=$B$24,21,0),MOD($C7347,24)+1)/SUM(INDEX($D$3:$AA$30,INDEX(Jesper!$R$2:$R$366,ROW(INDEX(Jesper!AL$2:AL$366,ROUNDDOWN($C7347/24,0)+1,1))-1)+IF('Standard Profiles'!$G$22=$B$10,7,0)+IF('Standard Profiles'!$G$22=$B$17,14,0)+IF('Standard Profiles'!$G$22=$B$24,21,0),0)),0)</f>
        <v>0</v>
      </c>
      <c r="I7347">
        <f t="shared" si="818"/>
        <v>0.47518177981016818</v>
      </c>
      <c r="J7347">
        <f t="shared" si="819"/>
        <v>1.583939266033894</v>
      </c>
      <c r="K7347">
        <f t="shared" si="820"/>
        <v>2.3759088990508408</v>
      </c>
      <c r="L7347">
        <f t="shared" si="821"/>
        <v>11.404362715444035</v>
      </c>
      <c r="M7347">
        <f t="shared" si="822"/>
        <v>0</v>
      </c>
      <c r="N7347" s="46">
        <f t="shared" si="823"/>
        <v>45596.708333315597</v>
      </c>
    </row>
    <row r="7348" spans="2:14" x14ac:dyDescent="0.3">
      <c r="B7348">
        <f t="shared" si="817"/>
        <v>4</v>
      </c>
      <c r="C7348" s="16">
        <v>7314</v>
      </c>
      <c r="D7348" cm="1">
        <f t="array" ref="D7348">IFERROR(INDEX(Jesper!AH$2:AH$366,ROUNDDOWN($C7348/24,0)+1,1)*INDEX($D$3:$AA$30,INDEX(Jesper!$R$2:$R$366,ROW(INDEX(Jesper!AH$2:AH$366,ROUNDDOWN($C7348/24,0)+1,1))-1)+IF('Standard Profiles'!$G$18=$B$10,7,0)+IF('Standard Profiles'!$G$18=$B$17,14,0)+IF('Standard Profiles'!$G$18=$B$24,21,0),MOD($C7348,24)+1)/SUM(INDEX($D$3:$AA$30,INDEX(Jesper!$R$2:$R$366,ROW(INDEX(Jesper!AH$2:AH$366,ROUNDDOWN($C7348/24,0)+1,1))-1)+IF('Standard Profiles'!$G$18=$B$10,7,0)+IF('Standard Profiles'!$G$18=$B$17,14,0)+IF('Standard Profiles'!$G$18=$B$24,21,0),0)),0)</f>
        <v>15.839392660338939</v>
      </c>
      <c r="E7348" cm="1">
        <f t="array" ref="E7348">IFERROR(INDEX(Jesper!AI$2:AI$366,ROUNDDOWN($C7348/24,0)+1,1)*INDEX($D$3:$AA$30,INDEX(Jesper!$R$2:$R$366,ROW(INDEX(Jesper!AI$2:AI$366,ROUNDDOWN($C7348/24,0)+1,1))-1)+IF('Standard Profiles'!$G$19=$B$10,7,0)+IF('Standard Profiles'!$G$19=$B$17,14,0)+IF('Standard Profiles'!$G$19=$B$24,21,0),MOD($C7348,24)+1)/SUM(INDEX($D$3:$AA$30,INDEX(Jesper!$R$2:$R$366,ROW(INDEX(Jesper!AI$2:AI$366,ROUNDDOWN($C7348/24,0)+1,1))-1)+IF('Standard Profiles'!$G$19=$B$10,7,0)+IF('Standard Profiles'!$G$19=$B$17,14,0)+IF('Standard Profiles'!$G$19=$B$24,21,0),0)),0)</f>
        <v>0</v>
      </c>
      <c r="F7348" cm="1">
        <f t="array" ref="F7348">IFERROR(INDEX(Jesper!AJ$2:AJ$366,ROUNDDOWN($C7348/24,0)+1,1)*INDEX($D$3:$AA$30,INDEX(Jesper!$R$2:$R$366,ROW(INDEX(Jesper!AJ$2:AJ$366,ROUNDDOWN($C7348/24,0)+1,1))-1)+IF('Standard Profiles'!$G$20=$B$10,7,0)+IF('Standard Profiles'!$G$20=$B$17,14,0)+IF('Standard Profiles'!$G$20=$B$24,21,0),MOD($C7348,24)+1)/SUM(INDEX($D$3:$AA$30,INDEX(Jesper!$R$2:$R$366,ROW(INDEX(Jesper!AJ$2:AJ$366,ROUNDDOWN($C7348/24,0)+1,1))-1)+IF('Standard Profiles'!$G$20=$B$10,7,0)+IF('Standard Profiles'!$G$20=$B$17,14,0)+IF('Standard Profiles'!$G$20=$B$24,21,0),0)),0)</f>
        <v>0</v>
      </c>
      <c r="G7348" cm="1">
        <f t="array" ref="G7348">IFERROR(INDEX(Jesper!AK$2:AK$366,ROUNDDOWN($C7348/24,0)+1,1)*INDEX($D$3:$AA$30,INDEX(Jesper!$R$2:$R$366,ROW(INDEX(Jesper!AK$2:AK$366,ROUNDDOWN($C7348/24,0)+1,1))-1)+IF('Standard Profiles'!$G$21=$B$10,7,0)+IF('Standard Profiles'!$G$21=$B$17,14,0)+IF('Standard Profiles'!$G$21=$B$24,21,0),MOD($C7348,24)+1)/SUM(INDEX($D$3:$AA$30,INDEX(Jesper!$R$2:$R$366,ROW(INDEX(Jesper!AK$2:AK$366,ROUNDDOWN($C7348/24,0)+1,1))-1)+IF('Standard Profiles'!$G$21=$B$10,7,0)+IF('Standard Profiles'!$G$21=$B$17,14,0)+IF('Standard Profiles'!$G$21=$B$24,21,0),0)),0)</f>
        <v>0</v>
      </c>
      <c r="H7348" cm="1">
        <f t="array" ref="H7348">IFERROR(INDEX(Jesper!AL$2:AL$366,ROUNDDOWN($C7348/24,0)+1,1)*INDEX($D$3:$AA$30,INDEX(Jesper!$R$2:$R$366,ROW(INDEX(Jesper!AL$2:AL$366,ROUNDDOWN($C7348/24,0)+1,1))-1)+IF('Standard Profiles'!$G$22=$B$10,7,0)+IF('Standard Profiles'!$G$22=$B$17,14,0)+IF('Standard Profiles'!$G$22=$B$24,21,0),MOD($C7348,24)+1)/SUM(INDEX($D$3:$AA$30,INDEX(Jesper!$R$2:$R$366,ROW(INDEX(Jesper!AL$2:AL$366,ROUNDDOWN($C7348/24,0)+1,1))-1)+IF('Standard Profiles'!$G$22=$B$10,7,0)+IF('Standard Profiles'!$G$22=$B$17,14,0)+IF('Standard Profiles'!$G$22=$B$24,21,0),0)),0)</f>
        <v>0</v>
      </c>
      <c r="I7348">
        <f t="shared" si="818"/>
        <v>0.47518177981016818</v>
      </c>
      <c r="J7348">
        <f t="shared" si="819"/>
        <v>1.583939266033894</v>
      </c>
      <c r="K7348">
        <f t="shared" si="820"/>
        <v>2.3759088990508408</v>
      </c>
      <c r="L7348">
        <f t="shared" si="821"/>
        <v>11.404362715444035</v>
      </c>
      <c r="M7348">
        <f t="shared" si="822"/>
        <v>0</v>
      </c>
      <c r="N7348" s="46">
        <f t="shared" si="823"/>
        <v>45596.749999982261</v>
      </c>
    </row>
    <row r="7349" spans="2:14" x14ac:dyDescent="0.3">
      <c r="B7349">
        <f t="shared" si="817"/>
        <v>4</v>
      </c>
      <c r="C7349" s="16">
        <v>7315</v>
      </c>
      <c r="D7349" cm="1">
        <f t="array" ref="D7349">IFERROR(INDEX(Jesper!AH$2:AH$366,ROUNDDOWN($C7349/24,0)+1,1)*INDEX($D$3:$AA$30,INDEX(Jesper!$R$2:$R$366,ROW(INDEX(Jesper!AH$2:AH$366,ROUNDDOWN($C7349/24,0)+1,1))-1)+IF('Standard Profiles'!$G$18=$B$10,7,0)+IF('Standard Profiles'!$G$18=$B$17,14,0)+IF('Standard Profiles'!$G$18=$B$24,21,0),MOD($C7349,24)+1)/SUM(INDEX($D$3:$AA$30,INDEX(Jesper!$R$2:$R$366,ROW(INDEX(Jesper!AH$2:AH$366,ROUNDDOWN($C7349/24,0)+1,1))-1)+IF('Standard Profiles'!$G$18=$B$10,7,0)+IF('Standard Profiles'!$G$18=$B$17,14,0)+IF('Standard Profiles'!$G$18=$B$24,21,0),0)),0)</f>
        <v>13.199493883615784</v>
      </c>
      <c r="E7349" cm="1">
        <f t="array" ref="E7349">IFERROR(INDEX(Jesper!AI$2:AI$366,ROUNDDOWN($C7349/24,0)+1,1)*INDEX($D$3:$AA$30,INDEX(Jesper!$R$2:$R$366,ROW(INDEX(Jesper!AI$2:AI$366,ROUNDDOWN($C7349/24,0)+1,1))-1)+IF('Standard Profiles'!$G$19=$B$10,7,0)+IF('Standard Profiles'!$G$19=$B$17,14,0)+IF('Standard Profiles'!$G$19=$B$24,21,0),MOD($C7349,24)+1)/SUM(INDEX($D$3:$AA$30,INDEX(Jesper!$R$2:$R$366,ROW(INDEX(Jesper!AI$2:AI$366,ROUNDDOWN($C7349/24,0)+1,1))-1)+IF('Standard Profiles'!$G$19=$B$10,7,0)+IF('Standard Profiles'!$G$19=$B$17,14,0)+IF('Standard Profiles'!$G$19=$B$24,21,0),0)),0)</f>
        <v>0</v>
      </c>
      <c r="F7349" cm="1">
        <f t="array" ref="F7349">IFERROR(INDEX(Jesper!AJ$2:AJ$366,ROUNDDOWN($C7349/24,0)+1,1)*INDEX($D$3:$AA$30,INDEX(Jesper!$R$2:$R$366,ROW(INDEX(Jesper!AJ$2:AJ$366,ROUNDDOWN($C7349/24,0)+1,1))-1)+IF('Standard Profiles'!$G$20=$B$10,7,0)+IF('Standard Profiles'!$G$20=$B$17,14,0)+IF('Standard Profiles'!$G$20=$B$24,21,0),MOD($C7349,24)+1)/SUM(INDEX($D$3:$AA$30,INDEX(Jesper!$R$2:$R$366,ROW(INDEX(Jesper!AJ$2:AJ$366,ROUNDDOWN($C7349/24,0)+1,1))-1)+IF('Standard Profiles'!$G$20=$B$10,7,0)+IF('Standard Profiles'!$G$20=$B$17,14,0)+IF('Standard Profiles'!$G$20=$B$24,21,0),0)),0)</f>
        <v>0</v>
      </c>
      <c r="G7349" cm="1">
        <f t="array" ref="G7349">IFERROR(INDEX(Jesper!AK$2:AK$366,ROUNDDOWN($C7349/24,0)+1,1)*INDEX($D$3:$AA$30,INDEX(Jesper!$R$2:$R$366,ROW(INDEX(Jesper!AK$2:AK$366,ROUNDDOWN($C7349/24,0)+1,1))-1)+IF('Standard Profiles'!$G$21=$B$10,7,0)+IF('Standard Profiles'!$G$21=$B$17,14,0)+IF('Standard Profiles'!$G$21=$B$24,21,0),MOD($C7349,24)+1)/SUM(INDEX($D$3:$AA$30,INDEX(Jesper!$R$2:$R$366,ROW(INDEX(Jesper!AK$2:AK$366,ROUNDDOWN($C7349/24,0)+1,1))-1)+IF('Standard Profiles'!$G$21=$B$10,7,0)+IF('Standard Profiles'!$G$21=$B$17,14,0)+IF('Standard Profiles'!$G$21=$B$24,21,0),0)),0)</f>
        <v>0</v>
      </c>
      <c r="H7349" cm="1">
        <f t="array" ref="H7349">IFERROR(INDEX(Jesper!AL$2:AL$366,ROUNDDOWN($C7349/24,0)+1,1)*INDEX($D$3:$AA$30,INDEX(Jesper!$R$2:$R$366,ROW(INDEX(Jesper!AL$2:AL$366,ROUNDDOWN($C7349/24,0)+1,1))-1)+IF('Standard Profiles'!$G$22=$B$10,7,0)+IF('Standard Profiles'!$G$22=$B$17,14,0)+IF('Standard Profiles'!$G$22=$B$24,21,0),MOD($C7349,24)+1)/SUM(INDEX($D$3:$AA$30,INDEX(Jesper!$R$2:$R$366,ROW(INDEX(Jesper!AL$2:AL$366,ROUNDDOWN($C7349/24,0)+1,1))-1)+IF('Standard Profiles'!$G$22=$B$10,7,0)+IF('Standard Profiles'!$G$22=$B$17,14,0)+IF('Standard Profiles'!$G$22=$B$24,21,0),0)),0)</f>
        <v>0</v>
      </c>
      <c r="I7349">
        <f t="shared" si="818"/>
        <v>0.3959848165084735</v>
      </c>
      <c r="J7349">
        <f t="shared" si="819"/>
        <v>1.3199493883615785</v>
      </c>
      <c r="K7349">
        <f t="shared" si="820"/>
        <v>1.9799240825423674</v>
      </c>
      <c r="L7349">
        <f t="shared" si="821"/>
        <v>9.5036355962033632</v>
      </c>
      <c r="M7349">
        <f t="shared" si="822"/>
        <v>0</v>
      </c>
      <c r="N7349" s="46">
        <f t="shared" si="823"/>
        <v>45596.791666648925</v>
      </c>
    </row>
    <row r="7350" spans="2:14" x14ac:dyDescent="0.3">
      <c r="B7350">
        <f t="shared" si="817"/>
        <v>4</v>
      </c>
      <c r="C7350" s="16">
        <v>7316</v>
      </c>
      <c r="D7350" cm="1">
        <f t="array" ref="D7350">IFERROR(INDEX(Jesper!AH$2:AH$366,ROUNDDOWN($C7350/24,0)+1,1)*INDEX($D$3:$AA$30,INDEX(Jesper!$R$2:$R$366,ROW(INDEX(Jesper!AH$2:AH$366,ROUNDDOWN($C7350/24,0)+1,1))-1)+IF('Standard Profiles'!$G$18=$B$10,7,0)+IF('Standard Profiles'!$G$18=$B$17,14,0)+IF('Standard Profiles'!$G$18=$B$24,21,0),MOD($C7350,24)+1)/SUM(INDEX($D$3:$AA$30,INDEX(Jesper!$R$2:$R$366,ROW(INDEX(Jesper!AH$2:AH$366,ROUNDDOWN($C7350/24,0)+1,1))-1)+IF('Standard Profiles'!$G$18=$B$10,7,0)+IF('Standard Profiles'!$G$18=$B$17,14,0)+IF('Standard Profiles'!$G$18=$B$24,21,0),0)),0)</f>
        <v>10.559595106892626</v>
      </c>
      <c r="E7350" cm="1">
        <f t="array" ref="E7350">IFERROR(INDEX(Jesper!AI$2:AI$366,ROUNDDOWN($C7350/24,0)+1,1)*INDEX($D$3:$AA$30,INDEX(Jesper!$R$2:$R$366,ROW(INDEX(Jesper!AI$2:AI$366,ROUNDDOWN($C7350/24,0)+1,1))-1)+IF('Standard Profiles'!$G$19=$B$10,7,0)+IF('Standard Profiles'!$G$19=$B$17,14,0)+IF('Standard Profiles'!$G$19=$B$24,21,0),MOD($C7350,24)+1)/SUM(INDEX($D$3:$AA$30,INDEX(Jesper!$R$2:$R$366,ROW(INDEX(Jesper!AI$2:AI$366,ROUNDDOWN($C7350/24,0)+1,1))-1)+IF('Standard Profiles'!$G$19=$B$10,7,0)+IF('Standard Profiles'!$G$19=$B$17,14,0)+IF('Standard Profiles'!$G$19=$B$24,21,0),0)),0)</f>
        <v>0</v>
      </c>
      <c r="F7350" cm="1">
        <f t="array" ref="F7350">IFERROR(INDEX(Jesper!AJ$2:AJ$366,ROUNDDOWN($C7350/24,0)+1,1)*INDEX($D$3:$AA$30,INDEX(Jesper!$R$2:$R$366,ROW(INDEX(Jesper!AJ$2:AJ$366,ROUNDDOWN($C7350/24,0)+1,1))-1)+IF('Standard Profiles'!$G$20=$B$10,7,0)+IF('Standard Profiles'!$G$20=$B$17,14,0)+IF('Standard Profiles'!$G$20=$B$24,21,0),MOD($C7350,24)+1)/SUM(INDEX($D$3:$AA$30,INDEX(Jesper!$R$2:$R$366,ROW(INDEX(Jesper!AJ$2:AJ$366,ROUNDDOWN($C7350/24,0)+1,1))-1)+IF('Standard Profiles'!$G$20=$B$10,7,0)+IF('Standard Profiles'!$G$20=$B$17,14,0)+IF('Standard Profiles'!$G$20=$B$24,21,0),0)),0)</f>
        <v>0</v>
      </c>
      <c r="G7350" cm="1">
        <f t="array" ref="G7350">IFERROR(INDEX(Jesper!AK$2:AK$366,ROUNDDOWN($C7350/24,0)+1,1)*INDEX($D$3:$AA$30,INDEX(Jesper!$R$2:$R$366,ROW(INDEX(Jesper!AK$2:AK$366,ROUNDDOWN($C7350/24,0)+1,1))-1)+IF('Standard Profiles'!$G$21=$B$10,7,0)+IF('Standard Profiles'!$G$21=$B$17,14,0)+IF('Standard Profiles'!$G$21=$B$24,21,0),MOD($C7350,24)+1)/SUM(INDEX($D$3:$AA$30,INDEX(Jesper!$R$2:$R$366,ROW(INDEX(Jesper!AK$2:AK$366,ROUNDDOWN($C7350/24,0)+1,1))-1)+IF('Standard Profiles'!$G$21=$B$10,7,0)+IF('Standard Profiles'!$G$21=$B$17,14,0)+IF('Standard Profiles'!$G$21=$B$24,21,0),0)),0)</f>
        <v>0</v>
      </c>
      <c r="H7350" cm="1">
        <f t="array" ref="H7350">IFERROR(INDEX(Jesper!AL$2:AL$366,ROUNDDOWN($C7350/24,0)+1,1)*INDEX($D$3:$AA$30,INDEX(Jesper!$R$2:$R$366,ROW(INDEX(Jesper!AL$2:AL$366,ROUNDDOWN($C7350/24,0)+1,1))-1)+IF('Standard Profiles'!$G$22=$B$10,7,0)+IF('Standard Profiles'!$G$22=$B$17,14,0)+IF('Standard Profiles'!$G$22=$B$24,21,0),MOD($C7350,24)+1)/SUM(INDEX($D$3:$AA$30,INDEX(Jesper!$R$2:$R$366,ROW(INDEX(Jesper!AL$2:AL$366,ROUNDDOWN($C7350/24,0)+1,1))-1)+IF('Standard Profiles'!$G$22=$B$10,7,0)+IF('Standard Profiles'!$G$22=$B$17,14,0)+IF('Standard Profiles'!$G$22=$B$24,21,0),0)),0)</f>
        <v>0</v>
      </c>
      <c r="I7350">
        <f t="shared" si="818"/>
        <v>0.31678785320677877</v>
      </c>
      <c r="J7350">
        <f t="shared" si="819"/>
        <v>1.0559595106892627</v>
      </c>
      <c r="K7350">
        <f t="shared" si="820"/>
        <v>1.5839392660338938</v>
      </c>
      <c r="L7350">
        <f t="shared" si="821"/>
        <v>7.6029084769626909</v>
      </c>
      <c r="M7350">
        <f t="shared" si="822"/>
        <v>0</v>
      </c>
      <c r="N7350" s="46">
        <f t="shared" si="823"/>
        <v>45596.83333331559</v>
      </c>
    </row>
    <row r="7351" spans="2:14" x14ac:dyDescent="0.3">
      <c r="B7351">
        <f t="shared" si="817"/>
        <v>4</v>
      </c>
      <c r="C7351" s="16">
        <v>7317</v>
      </c>
      <c r="D7351" cm="1">
        <f t="array" ref="D7351">IFERROR(INDEX(Jesper!AH$2:AH$366,ROUNDDOWN($C7351/24,0)+1,1)*INDEX($D$3:$AA$30,INDEX(Jesper!$R$2:$R$366,ROW(INDEX(Jesper!AH$2:AH$366,ROUNDDOWN($C7351/24,0)+1,1))-1)+IF('Standard Profiles'!$G$18=$B$10,7,0)+IF('Standard Profiles'!$G$18=$B$17,14,0)+IF('Standard Profiles'!$G$18=$B$24,21,0),MOD($C7351,24)+1)/SUM(INDEX($D$3:$AA$30,INDEX(Jesper!$R$2:$R$366,ROW(INDEX(Jesper!AH$2:AH$366,ROUNDDOWN($C7351/24,0)+1,1))-1)+IF('Standard Profiles'!$G$18=$B$10,7,0)+IF('Standard Profiles'!$G$18=$B$17,14,0)+IF('Standard Profiles'!$G$18=$B$24,21,0),0)),0)</f>
        <v>7.9196963301694696</v>
      </c>
      <c r="E7351" cm="1">
        <f t="array" ref="E7351">IFERROR(INDEX(Jesper!AI$2:AI$366,ROUNDDOWN($C7351/24,0)+1,1)*INDEX($D$3:$AA$30,INDEX(Jesper!$R$2:$R$366,ROW(INDEX(Jesper!AI$2:AI$366,ROUNDDOWN($C7351/24,0)+1,1))-1)+IF('Standard Profiles'!$G$19=$B$10,7,0)+IF('Standard Profiles'!$G$19=$B$17,14,0)+IF('Standard Profiles'!$G$19=$B$24,21,0),MOD($C7351,24)+1)/SUM(INDEX($D$3:$AA$30,INDEX(Jesper!$R$2:$R$366,ROW(INDEX(Jesper!AI$2:AI$366,ROUNDDOWN($C7351/24,0)+1,1))-1)+IF('Standard Profiles'!$G$19=$B$10,7,0)+IF('Standard Profiles'!$G$19=$B$17,14,0)+IF('Standard Profiles'!$G$19=$B$24,21,0),0)),0)</f>
        <v>0</v>
      </c>
      <c r="F7351" cm="1">
        <f t="array" ref="F7351">IFERROR(INDEX(Jesper!AJ$2:AJ$366,ROUNDDOWN($C7351/24,0)+1,1)*INDEX($D$3:$AA$30,INDEX(Jesper!$R$2:$R$366,ROW(INDEX(Jesper!AJ$2:AJ$366,ROUNDDOWN($C7351/24,0)+1,1))-1)+IF('Standard Profiles'!$G$20=$B$10,7,0)+IF('Standard Profiles'!$G$20=$B$17,14,0)+IF('Standard Profiles'!$G$20=$B$24,21,0),MOD($C7351,24)+1)/SUM(INDEX($D$3:$AA$30,INDEX(Jesper!$R$2:$R$366,ROW(INDEX(Jesper!AJ$2:AJ$366,ROUNDDOWN($C7351/24,0)+1,1))-1)+IF('Standard Profiles'!$G$20=$B$10,7,0)+IF('Standard Profiles'!$G$20=$B$17,14,0)+IF('Standard Profiles'!$G$20=$B$24,21,0),0)),0)</f>
        <v>0</v>
      </c>
      <c r="G7351" cm="1">
        <f t="array" ref="G7351">IFERROR(INDEX(Jesper!AK$2:AK$366,ROUNDDOWN($C7351/24,0)+1,1)*INDEX($D$3:$AA$30,INDEX(Jesper!$R$2:$R$366,ROW(INDEX(Jesper!AK$2:AK$366,ROUNDDOWN($C7351/24,0)+1,1))-1)+IF('Standard Profiles'!$G$21=$B$10,7,0)+IF('Standard Profiles'!$G$21=$B$17,14,0)+IF('Standard Profiles'!$G$21=$B$24,21,0),MOD($C7351,24)+1)/SUM(INDEX($D$3:$AA$30,INDEX(Jesper!$R$2:$R$366,ROW(INDEX(Jesper!AK$2:AK$366,ROUNDDOWN($C7351/24,0)+1,1))-1)+IF('Standard Profiles'!$G$21=$B$10,7,0)+IF('Standard Profiles'!$G$21=$B$17,14,0)+IF('Standard Profiles'!$G$21=$B$24,21,0),0)),0)</f>
        <v>0</v>
      </c>
      <c r="H7351" cm="1">
        <f t="array" ref="H7351">IFERROR(INDEX(Jesper!AL$2:AL$366,ROUNDDOWN($C7351/24,0)+1,1)*INDEX($D$3:$AA$30,INDEX(Jesper!$R$2:$R$366,ROW(INDEX(Jesper!AL$2:AL$366,ROUNDDOWN($C7351/24,0)+1,1))-1)+IF('Standard Profiles'!$G$22=$B$10,7,0)+IF('Standard Profiles'!$G$22=$B$17,14,0)+IF('Standard Profiles'!$G$22=$B$24,21,0),MOD($C7351,24)+1)/SUM(INDEX($D$3:$AA$30,INDEX(Jesper!$R$2:$R$366,ROW(INDEX(Jesper!AL$2:AL$366,ROUNDDOWN($C7351/24,0)+1,1))-1)+IF('Standard Profiles'!$G$22=$B$10,7,0)+IF('Standard Profiles'!$G$22=$B$17,14,0)+IF('Standard Profiles'!$G$22=$B$24,21,0),0)),0)</f>
        <v>0</v>
      </c>
      <c r="I7351">
        <f t="shared" si="818"/>
        <v>0.23759088990508409</v>
      </c>
      <c r="J7351">
        <f t="shared" si="819"/>
        <v>0.79196963301694701</v>
      </c>
      <c r="K7351">
        <f t="shared" si="820"/>
        <v>1.1879544495254204</v>
      </c>
      <c r="L7351">
        <f t="shared" si="821"/>
        <v>5.7021813577220177</v>
      </c>
      <c r="M7351">
        <f t="shared" si="822"/>
        <v>0</v>
      </c>
      <c r="N7351" s="46">
        <f t="shared" si="823"/>
        <v>45596.874999982254</v>
      </c>
    </row>
    <row r="7352" spans="2:14" x14ac:dyDescent="0.3">
      <c r="B7352">
        <f t="shared" si="817"/>
        <v>4</v>
      </c>
      <c r="C7352" s="16">
        <v>7318</v>
      </c>
      <c r="D7352" cm="1">
        <f t="array" ref="D7352">IFERROR(INDEX(Jesper!AH$2:AH$366,ROUNDDOWN($C7352/24,0)+1,1)*INDEX($D$3:$AA$30,INDEX(Jesper!$R$2:$R$366,ROW(INDEX(Jesper!AH$2:AH$366,ROUNDDOWN($C7352/24,0)+1,1))-1)+IF('Standard Profiles'!$G$18=$B$10,7,0)+IF('Standard Profiles'!$G$18=$B$17,14,0)+IF('Standard Profiles'!$G$18=$B$24,21,0),MOD($C7352,24)+1)/SUM(INDEX($D$3:$AA$30,INDEX(Jesper!$R$2:$R$366,ROW(INDEX(Jesper!AH$2:AH$366,ROUNDDOWN($C7352/24,0)+1,1))-1)+IF('Standard Profiles'!$G$18=$B$10,7,0)+IF('Standard Profiles'!$G$18=$B$17,14,0)+IF('Standard Profiles'!$G$18=$B$24,21,0),0)),0)</f>
        <v>7.9196963301694696</v>
      </c>
      <c r="E7352" cm="1">
        <f t="array" ref="E7352">IFERROR(INDEX(Jesper!AI$2:AI$366,ROUNDDOWN($C7352/24,0)+1,1)*INDEX($D$3:$AA$30,INDEX(Jesper!$R$2:$R$366,ROW(INDEX(Jesper!AI$2:AI$366,ROUNDDOWN($C7352/24,0)+1,1))-1)+IF('Standard Profiles'!$G$19=$B$10,7,0)+IF('Standard Profiles'!$G$19=$B$17,14,0)+IF('Standard Profiles'!$G$19=$B$24,21,0),MOD($C7352,24)+1)/SUM(INDEX($D$3:$AA$30,INDEX(Jesper!$R$2:$R$366,ROW(INDEX(Jesper!AI$2:AI$366,ROUNDDOWN($C7352/24,0)+1,1))-1)+IF('Standard Profiles'!$G$19=$B$10,7,0)+IF('Standard Profiles'!$G$19=$B$17,14,0)+IF('Standard Profiles'!$G$19=$B$24,21,0),0)),0)</f>
        <v>0</v>
      </c>
      <c r="F7352" cm="1">
        <f t="array" ref="F7352">IFERROR(INDEX(Jesper!AJ$2:AJ$366,ROUNDDOWN($C7352/24,0)+1,1)*INDEX($D$3:$AA$30,INDEX(Jesper!$R$2:$R$366,ROW(INDEX(Jesper!AJ$2:AJ$366,ROUNDDOWN($C7352/24,0)+1,1))-1)+IF('Standard Profiles'!$G$20=$B$10,7,0)+IF('Standard Profiles'!$G$20=$B$17,14,0)+IF('Standard Profiles'!$G$20=$B$24,21,0),MOD($C7352,24)+1)/SUM(INDEX($D$3:$AA$30,INDEX(Jesper!$R$2:$R$366,ROW(INDEX(Jesper!AJ$2:AJ$366,ROUNDDOWN($C7352/24,0)+1,1))-1)+IF('Standard Profiles'!$G$20=$B$10,7,0)+IF('Standard Profiles'!$G$20=$B$17,14,0)+IF('Standard Profiles'!$G$20=$B$24,21,0),0)),0)</f>
        <v>0</v>
      </c>
      <c r="G7352" cm="1">
        <f t="array" ref="G7352">IFERROR(INDEX(Jesper!AK$2:AK$366,ROUNDDOWN($C7352/24,0)+1,1)*INDEX($D$3:$AA$30,INDEX(Jesper!$R$2:$R$366,ROW(INDEX(Jesper!AK$2:AK$366,ROUNDDOWN($C7352/24,0)+1,1))-1)+IF('Standard Profiles'!$G$21=$B$10,7,0)+IF('Standard Profiles'!$G$21=$B$17,14,0)+IF('Standard Profiles'!$G$21=$B$24,21,0),MOD($C7352,24)+1)/SUM(INDEX($D$3:$AA$30,INDEX(Jesper!$R$2:$R$366,ROW(INDEX(Jesper!AK$2:AK$366,ROUNDDOWN($C7352/24,0)+1,1))-1)+IF('Standard Profiles'!$G$21=$B$10,7,0)+IF('Standard Profiles'!$G$21=$B$17,14,0)+IF('Standard Profiles'!$G$21=$B$24,21,0),0)),0)</f>
        <v>0</v>
      </c>
      <c r="H7352" cm="1">
        <f t="array" ref="H7352">IFERROR(INDEX(Jesper!AL$2:AL$366,ROUNDDOWN($C7352/24,0)+1,1)*INDEX($D$3:$AA$30,INDEX(Jesper!$R$2:$R$366,ROW(INDEX(Jesper!AL$2:AL$366,ROUNDDOWN($C7352/24,0)+1,1))-1)+IF('Standard Profiles'!$G$22=$B$10,7,0)+IF('Standard Profiles'!$G$22=$B$17,14,0)+IF('Standard Profiles'!$G$22=$B$24,21,0),MOD($C7352,24)+1)/SUM(INDEX($D$3:$AA$30,INDEX(Jesper!$R$2:$R$366,ROW(INDEX(Jesper!AL$2:AL$366,ROUNDDOWN($C7352/24,0)+1,1))-1)+IF('Standard Profiles'!$G$22=$B$10,7,0)+IF('Standard Profiles'!$G$22=$B$17,14,0)+IF('Standard Profiles'!$G$22=$B$24,21,0),0)),0)</f>
        <v>0</v>
      </c>
      <c r="I7352">
        <f t="shared" si="818"/>
        <v>0.23759088990508409</v>
      </c>
      <c r="J7352">
        <f t="shared" si="819"/>
        <v>0.79196963301694701</v>
      </c>
      <c r="K7352">
        <f t="shared" si="820"/>
        <v>1.1879544495254204</v>
      </c>
      <c r="L7352">
        <f t="shared" si="821"/>
        <v>5.7021813577220177</v>
      </c>
      <c r="M7352">
        <f t="shared" si="822"/>
        <v>0</v>
      </c>
      <c r="N7352" s="46">
        <f t="shared" si="823"/>
        <v>45596.916666648918</v>
      </c>
    </row>
    <row r="7353" spans="2:14" x14ac:dyDescent="0.3">
      <c r="B7353">
        <f t="shared" si="817"/>
        <v>4</v>
      </c>
      <c r="C7353" s="16">
        <v>7319</v>
      </c>
      <c r="D7353" cm="1">
        <f t="array" ref="D7353">IFERROR(INDEX(Jesper!AH$2:AH$366,ROUNDDOWN($C7353/24,0)+1,1)*INDEX($D$3:$AA$30,INDEX(Jesper!$R$2:$R$366,ROW(INDEX(Jesper!AH$2:AH$366,ROUNDDOWN($C7353/24,0)+1,1))-1)+IF('Standard Profiles'!$G$18=$B$10,7,0)+IF('Standard Profiles'!$G$18=$B$17,14,0)+IF('Standard Profiles'!$G$18=$B$24,21,0),MOD($C7353,24)+1)/SUM(INDEX($D$3:$AA$30,INDEX(Jesper!$R$2:$R$366,ROW(INDEX(Jesper!AH$2:AH$366,ROUNDDOWN($C7353/24,0)+1,1))-1)+IF('Standard Profiles'!$G$18=$B$10,7,0)+IF('Standard Profiles'!$G$18=$B$17,14,0)+IF('Standard Profiles'!$G$18=$B$24,21,0),0)),0)</f>
        <v>7.9196963301694696</v>
      </c>
      <c r="E7353" cm="1">
        <f t="array" ref="E7353">IFERROR(INDEX(Jesper!AI$2:AI$366,ROUNDDOWN($C7353/24,0)+1,1)*INDEX($D$3:$AA$30,INDEX(Jesper!$R$2:$R$366,ROW(INDEX(Jesper!AI$2:AI$366,ROUNDDOWN($C7353/24,0)+1,1))-1)+IF('Standard Profiles'!$G$19=$B$10,7,0)+IF('Standard Profiles'!$G$19=$B$17,14,0)+IF('Standard Profiles'!$G$19=$B$24,21,0),MOD($C7353,24)+1)/SUM(INDEX($D$3:$AA$30,INDEX(Jesper!$R$2:$R$366,ROW(INDEX(Jesper!AI$2:AI$366,ROUNDDOWN($C7353/24,0)+1,1))-1)+IF('Standard Profiles'!$G$19=$B$10,7,0)+IF('Standard Profiles'!$G$19=$B$17,14,0)+IF('Standard Profiles'!$G$19=$B$24,21,0),0)),0)</f>
        <v>0</v>
      </c>
      <c r="F7353" cm="1">
        <f t="array" ref="F7353">IFERROR(INDEX(Jesper!AJ$2:AJ$366,ROUNDDOWN($C7353/24,0)+1,1)*INDEX($D$3:$AA$30,INDEX(Jesper!$R$2:$R$366,ROW(INDEX(Jesper!AJ$2:AJ$366,ROUNDDOWN($C7353/24,0)+1,1))-1)+IF('Standard Profiles'!$G$20=$B$10,7,0)+IF('Standard Profiles'!$G$20=$B$17,14,0)+IF('Standard Profiles'!$G$20=$B$24,21,0),MOD($C7353,24)+1)/SUM(INDEX($D$3:$AA$30,INDEX(Jesper!$R$2:$R$366,ROW(INDEX(Jesper!AJ$2:AJ$366,ROUNDDOWN($C7353/24,0)+1,1))-1)+IF('Standard Profiles'!$G$20=$B$10,7,0)+IF('Standard Profiles'!$G$20=$B$17,14,0)+IF('Standard Profiles'!$G$20=$B$24,21,0),0)),0)</f>
        <v>0</v>
      </c>
      <c r="G7353" cm="1">
        <f t="array" ref="G7353">IFERROR(INDEX(Jesper!AK$2:AK$366,ROUNDDOWN($C7353/24,0)+1,1)*INDEX($D$3:$AA$30,INDEX(Jesper!$R$2:$R$366,ROW(INDEX(Jesper!AK$2:AK$366,ROUNDDOWN($C7353/24,0)+1,1))-1)+IF('Standard Profiles'!$G$21=$B$10,7,0)+IF('Standard Profiles'!$G$21=$B$17,14,0)+IF('Standard Profiles'!$G$21=$B$24,21,0),MOD($C7353,24)+1)/SUM(INDEX($D$3:$AA$30,INDEX(Jesper!$R$2:$R$366,ROW(INDEX(Jesper!AK$2:AK$366,ROUNDDOWN($C7353/24,0)+1,1))-1)+IF('Standard Profiles'!$G$21=$B$10,7,0)+IF('Standard Profiles'!$G$21=$B$17,14,0)+IF('Standard Profiles'!$G$21=$B$24,21,0),0)),0)</f>
        <v>0</v>
      </c>
      <c r="H7353" cm="1">
        <f t="array" ref="H7353">IFERROR(INDEX(Jesper!AL$2:AL$366,ROUNDDOWN($C7353/24,0)+1,1)*INDEX($D$3:$AA$30,INDEX(Jesper!$R$2:$R$366,ROW(INDEX(Jesper!AL$2:AL$366,ROUNDDOWN($C7353/24,0)+1,1))-1)+IF('Standard Profiles'!$G$22=$B$10,7,0)+IF('Standard Profiles'!$G$22=$B$17,14,0)+IF('Standard Profiles'!$G$22=$B$24,21,0),MOD($C7353,24)+1)/SUM(INDEX($D$3:$AA$30,INDEX(Jesper!$R$2:$R$366,ROW(INDEX(Jesper!AL$2:AL$366,ROUNDDOWN($C7353/24,0)+1,1))-1)+IF('Standard Profiles'!$G$22=$B$10,7,0)+IF('Standard Profiles'!$G$22=$B$17,14,0)+IF('Standard Profiles'!$G$22=$B$24,21,0),0)),0)</f>
        <v>0</v>
      </c>
      <c r="I7353">
        <f t="shared" si="818"/>
        <v>0.23759088990508409</v>
      </c>
      <c r="J7353">
        <f t="shared" si="819"/>
        <v>0.79196963301694701</v>
      </c>
      <c r="K7353">
        <f t="shared" si="820"/>
        <v>1.1879544495254204</v>
      </c>
      <c r="L7353">
        <f t="shared" si="821"/>
        <v>5.7021813577220177</v>
      </c>
      <c r="M7353">
        <f t="shared" si="822"/>
        <v>0</v>
      </c>
      <c r="N7353" s="46">
        <f t="shared" si="823"/>
        <v>45596.958333315582</v>
      </c>
    </row>
    <row r="7354" spans="2:14" x14ac:dyDescent="0.3">
      <c r="B7354">
        <f t="shared" si="817"/>
        <v>5</v>
      </c>
      <c r="C7354" s="16">
        <v>7320</v>
      </c>
      <c r="D7354" cm="1">
        <f t="array" ref="D7354">IFERROR(INDEX(Jesper!AH$2:AH$366,ROUNDDOWN($C7354/24,0)+1,1)*INDEX($D$3:$AA$30,INDEX(Jesper!$R$2:$R$366,ROW(INDEX(Jesper!AH$2:AH$366,ROUNDDOWN($C7354/24,0)+1,1))-1)+IF('Standard Profiles'!$G$18=$B$10,7,0)+IF('Standard Profiles'!$G$18=$B$17,14,0)+IF('Standard Profiles'!$G$18=$B$24,21,0),MOD($C7354,24)+1)/SUM(INDEX($D$3:$AA$30,INDEX(Jesper!$R$2:$R$366,ROW(INDEX(Jesper!AH$2:AH$366,ROUNDDOWN($C7354/24,0)+1,1))-1)+IF('Standard Profiles'!$G$18=$B$10,7,0)+IF('Standard Profiles'!$G$18=$B$17,14,0)+IF('Standard Profiles'!$G$18=$B$24,21,0),0)),0)</f>
        <v>8.340886987202957</v>
      </c>
      <c r="E7354" cm="1">
        <f t="array" ref="E7354">IFERROR(INDEX(Jesper!AI$2:AI$366,ROUNDDOWN($C7354/24,0)+1,1)*INDEX($D$3:$AA$30,INDEX(Jesper!$R$2:$R$366,ROW(INDEX(Jesper!AI$2:AI$366,ROUNDDOWN($C7354/24,0)+1,1))-1)+IF('Standard Profiles'!$G$19=$B$10,7,0)+IF('Standard Profiles'!$G$19=$B$17,14,0)+IF('Standard Profiles'!$G$19=$B$24,21,0),MOD($C7354,24)+1)/SUM(INDEX($D$3:$AA$30,INDEX(Jesper!$R$2:$R$366,ROW(INDEX(Jesper!AI$2:AI$366,ROUNDDOWN($C7354/24,0)+1,1))-1)+IF('Standard Profiles'!$G$19=$B$10,7,0)+IF('Standard Profiles'!$G$19=$B$17,14,0)+IF('Standard Profiles'!$G$19=$B$24,21,0),0)),0)</f>
        <v>0</v>
      </c>
      <c r="F7354" cm="1">
        <f t="array" ref="F7354">IFERROR(INDEX(Jesper!AJ$2:AJ$366,ROUNDDOWN($C7354/24,0)+1,1)*INDEX($D$3:$AA$30,INDEX(Jesper!$R$2:$R$366,ROW(INDEX(Jesper!AJ$2:AJ$366,ROUNDDOWN($C7354/24,0)+1,1))-1)+IF('Standard Profiles'!$G$20=$B$10,7,0)+IF('Standard Profiles'!$G$20=$B$17,14,0)+IF('Standard Profiles'!$G$20=$B$24,21,0),MOD($C7354,24)+1)/SUM(INDEX($D$3:$AA$30,INDEX(Jesper!$R$2:$R$366,ROW(INDEX(Jesper!AJ$2:AJ$366,ROUNDDOWN($C7354/24,0)+1,1))-1)+IF('Standard Profiles'!$G$20=$B$10,7,0)+IF('Standard Profiles'!$G$20=$B$17,14,0)+IF('Standard Profiles'!$G$20=$B$24,21,0),0)),0)</f>
        <v>0</v>
      </c>
      <c r="G7354" cm="1">
        <f t="array" ref="G7354">IFERROR(INDEX(Jesper!AK$2:AK$366,ROUNDDOWN($C7354/24,0)+1,1)*INDEX($D$3:$AA$30,INDEX(Jesper!$R$2:$R$366,ROW(INDEX(Jesper!AK$2:AK$366,ROUNDDOWN($C7354/24,0)+1,1))-1)+IF('Standard Profiles'!$G$21=$B$10,7,0)+IF('Standard Profiles'!$G$21=$B$17,14,0)+IF('Standard Profiles'!$G$21=$B$24,21,0),MOD($C7354,24)+1)/SUM(INDEX($D$3:$AA$30,INDEX(Jesper!$R$2:$R$366,ROW(INDEX(Jesper!AK$2:AK$366,ROUNDDOWN($C7354/24,0)+1,1))-1)+IF('Standard Profiles'!$G$21=$B$10,7,0)+IF('Standard Profiles'!$G$21=$B$17,14,0)+IF('Standard Profiles'!$G$21=$B$24,21,0),0)),0)</f>
        <v>0</v>
      </c>
      <c r="H7354" cm="1">
        <f t="array" ref="H7354">IFERROR(INDEX(Jesper!AL$2:AL$366,ROUNDDOWN($C7354/24,0)+1,1)*INDEX($D$3:$AA$30,INDEX(Jesper!$R$2:$R$366,ROW(INDEX(Jesper!AL$2:AL$366,ROUNDDOWN($C7354/24,0)+1,1))-1)+IF('Standard Profiles'!$G$22=$B$10,7,0)+IF('Standard Profiles'!$G$22=$B$17,14,0)+IF('Standard Profiles'!$G$22=$B$24,21,0),MOD($C7354,24)+1)/SUM(INDEX($D$3:$AA$30,INDEX(Jesper!$R$2:$R$366,ROW(INDEX(Jesper!AL$2:AL$366,ROUNDDOWN($C7354/24,0)+1,1))-1)+IF('Standard Profiles'!$G$22=$B$10,7,0)+IF('Standard Profiles'!$G$22=$B$17,14,0)+IF('Standard Profiles'!$G$22=$B$24,21,0),0)),0)</f>
        <v>0</v>
      </c>
      <c r="I7354">
        <f t="shared" si="818"/>
        <v>0.25022660961608872</v>
      </c>
      <c r="J7354">
        <f t="shared" si="819"/>
        <v>0.83408869872029578</v>
      </c>
      <c r="K7354">
        <f t="shared" si="820"/>
        <v>1.2511330480804435</v>
      </c>
      <c r="L7354">
        <f t="shared" si="821"/>
        <v>6.0054386307861289</v>
      </c>
      <c r="M7354">
        <f t="shared" si="822"/>
        <v>0</v>
      </c>
      <c r="N7354" s="46">
        <f t="shared" si="823"/>
        <v>45596.999999982247</v>
      </c>
    </row>
    <row r="7355" spans="2:14" x14ac:dyDescent="0.3">
      <c r="B7355">
        <f t="shared" si="817"/>
        <v>5</v>
      </c>
      <c r="C7355" s="16">
        <v>7321</v>
      </c>
      <c r="D7355" cm="1">
        <f t="array" ref="D7355">IFERROR(INDEX(Jesper!AH$2:AH$366,ROUNDDOWN($C7355/24,0)+1,1)*INDEX($D$3:$AA$30,INDEX(Jesper!$R$2:$R$366,ROW(INDEX(Jesper!AH$2:AH$366,ROUNDDOWN($C7355/24,0)+1,1))-1)+IF('Standard Profiles'!$G$18=$B$10,7,0)+IF('Standard Profiles'!$G$18=$B$17,14,0)+IF('Standard Profiles'!$G$18=$B$24,21,0),MOD($C7355,24)+1)/SUM(INDEX($D$3:$AA$30,INDEX(Jesper!$R$2:$R$366,ROW(INDEX(Jesper!AH$2:AH$366,ROUNDDOWN($C7355/24,0)+1,1))-1)+IF('Standard Profiles'!$G$18=$B$10,7,0)+IF('Standard Profiles'!$G$18=$B$17,14,0)+IF('Standard Profiles'!$G$18=$B$24,21,0),0)),0)</f>
        <v>8.340886987202957</v>
      </c>
      <c r="E7355" cm="1">
        <f t="array" ref="E7355">IFERROR(INDEX(Jesper!AI$2:AI$366,ROUNDDOWN($C7355/24,0)+1,1)*INDEX($D$3:$AA$30,INDEX(Jesper!$R$2:$R$366,ROW(INDEX(Jesper!AI$2:AI$366,ROUNDDOWN($C7355/24,0)+1,1))-1)+IF('Standard Profiles'!$G$19=$B$10,7,0)+IF('Standard Profiles'!$G$19=$B$17,14,0)+IF('Standard Profiles'!$G$19=$B$24,21,0),MOD($C7355,24)+1)/SUM(INDEX($D$3:$AA$30,INDEX(Jesper!$R$2:$R$366,ROW(INDEX(Jesper!AI$2:AI$366,ROUNDDOWN($C7355/24,0)+1,1))-1)+IF('Standard Profiles'!$G$19=$B$10,7,0)+IF('Standard Profiles'!$G$19=$B$17,14,0)+IF('Standard Profiles'!$G$19=$B$24,21,0),0)),0)</f>
        <v>0</v>
      </c>
      <c r="F7355" cm="1">
        <f t="array" ref="F7355">IFERROR(INDEX(Jesper!AJ$2:AJ$366,ROUNDDOWN($C7355/24,0)+1,1)*INDEX($D$3:$AA$30,INDEX(Jesper!$R$2:$R$366,ROW(INDEX(Jesper!AJ$2:AJ$366,ROUNDDOWN($C7355/24,0)+1,1))-1)+IF('Standard Profiles'!$G$20=$B$10,7,0)+IF('Standard Profiles'!$G$20=$B$17,14,0)+IF('Standard Profiles'!$G$20=$B$24,21,0),MOD($C7355,24)+1)/SUM(INDEX($D$3:$AA$30,INDEX(Jesper!$R$2:$R$366,ROW(INDEX(Jesper!AJ$2:AJ$366,ROUNDDOWN($C7355/24,0)+1,1))-1)+IF('Standard Profiles'!$G$20=$B$10,7,0)+IF('Standard Profiles'!$G$20=$B$17,14,0)+IF('Standard Profiles'!$G$20=$B$24,21,0),0)),0)</f>
        <v>0</v>
      </c>
      <c r="G7355" cm="1">
        <f t="array" ref="G7355">IFERROR(INDEX(Jesper!AK$2:AK$366,ROUNDDOWN($C7355/24,0)+1,1)*INDEX($D$3:$AA$30,INDEX(Jesper!$R$2:$R$366,ROW(INDEX(Jesper!AK$2:AK$366,ROUNDDOWN($C7355/24,0)+1,1))-1)+IF('Standard Profiles'!$G$21=$B$10,7,0)+IF('Standard Profiles'!$G$21=$B$17,14,0)+IF('Standard Profiles'!$G$21=$B$24,21,0),MOD($C7355,24)+1)/SUM(INDEX($D$3:$AA$30,INDEX(Jesper!$R$2:$R$366,ROW(INDEX(Jesper!AK$2:AK$366,ROUNDDOWN($C7355/24,0)+1,1))-1)+IF('Standard Profiles'!$G$21=$B$10,7,0)+IF('Standard Profiles'!$G$21=$B$17,14,0)+IF('Standard Profiles'!$G$21=$B$24,21,0),0)),0)</f>
        <v>0</v>
      </c>
      <c r="H7355" cm="1">
        <f t="array" ref="H7355">IFERROR(INDEX(Jesper!AL$2:AL$366,ROUNDDOWN($C7355/24,0)+1,1)*INDEX($D$3:$AA$30,INDEX(Jesper!$R$2:$R$366,ROW(INDEX(Jesper!AL$2:AL$366,ROUNDDOWN($C7355/24,0)+1,1))-1)+IF('Standard Profiles'!$G$22=$B$10,7,0)+IF('Standard Profiles'!$G$22=$B$17,14,0)+IF('Standard Profiles'!$G$22=$B$24,21,0),MOD($C7355,24)+1)/SUM(INDEX($D$3:$AA$30,INDEX(Jesper!$R$2:$R$366,ROW(INDEX(Jesper!AL$2:AL$366,ROUNDDOWN($C7355/24,0)+1,1))-1)+IF('Standard Profiles'!$G$22=$B$10,7,0)+IF('Standard Profiles'!$G$22=$B$17,14,0)+IF('Standard Profiles'!$G$22=$B$24,21,0),0)),0)</f>
        <v>0</v>
      </c>
      <c r="I7355">
        <f t="shared" si="818"/>
        <v>0.25022660961608872</v>
      </c>
      <c r="J7355">
        <f t="shared" si="819"/>
        <v>0.83408869872029578</v>
      </c>
      <c r="K7355">
        <f t="shared" si="820"/>
        <v>1.2511330480804435</v>
      </c>
      <c r="L7355">
        <f t="shared" si="821"/>
        <v>6.0054386307861289</v>
      </c>
      <c r="M7355">
        <f t="shared" si="822"/>
        <v>0</v>
      </c>
      <c r="N7355" s="46">
        <f t="shared" si="823"/>
        <v>45597.041666648911</v>
      </c>
    </row>
    <row r="7356" spans="2:14" x14ac:dyDescent="0.3">
      <c r="B7356">
        <f t="shared" si="817"/>
        <v>5</v>
      </c>
      <c r="C7356" s="16">
        <v>7322</v>
      </c>
      <c r="D7356" cm="1">
        <f t="array" ref="D7356">IFERROR(INDEX(Jesper!AH$2:AH$366,ROUNDDOWN($C7356/24,0)+1,1)*INDEX($D$3:$AA$30,INDEX(Jesper!$R$2:$R$366,ROW(INDEX(Jesper!AH$2:AH$366,ROUNDDOWN($C7356/24,0)+1,1))-1)+IF('Standard Profiles'!$G$18=$B$10,7,0)+IF('Standard Profiles'!$G$18=$B$17,14,0)+IF('Standard Profiles'!$G$18=$B$24,21,0),MOD($C7356,24)+1)/SUM(INDEX($D$3:$AA$30,INDEX(Jesper!$R$2:$R$366,ROW(INDEX(Jesper!AH$2:AH$366,ROUNDDOWN($C7356/24,0)+1,1))-1)+IF('Standard Profiles'!$G$18=$B$10,7,0)+IF('Standard Profiles'!$G$18=$B$17,14,0)+IF('Standard Profiles'!$G$18=$B$24,21,0),0)),0)</f>
        <v>8.340886987202957</v>
      </c>
      <c r="E7356" cm="1">
        <f t="array" ref="E7356">IFERROR(INDEX(Jesper!AI$2:AI$366,ROUNDDOWN($C7356/24,0)+1,1)*INDEX($D$3:$AA$30,INDEX(Jesper!$R$2:$R$366,ROW(INDEX(Jesper!AI$2:AI$366,ROUNDDOWN($C7356/24,0)+1,1))-1)+IF('Standard Profiles'!$G$19=$B$10,7,0)+IF('Standard Profiles'!$G$19=$B$17,14,0)+IF('Standard Profiles'!$G$19=$B$24,21,0),MOD($C7356,24)+1)/SUM(INDEX($D$3:$AA$30,INDEX(Jesper!$R$2:$R$366,ROW(INDEX(Jesper!AI$2:AI$366,ROUNDDOWN($C7356/24,0)+1,1))-1)+IF('Standard Profiles'!$G$19=$B$10,7,0)+IF('Standard Profiles'!$G$19=$B$17,14,0)+IF('Standard Profiles'!$G$19=$B$24,21,0),0)),0)</f>
        <v>0</v>
      </c>
      <c r="F7356" cm="1">
        <f t="array" ref="F7356">IFERROR(INDEX(Jesper!AJ$2:AJ$366,ROUNDDOWN($C7356/24,0)+1,1)*INDEX($D$3:$AA$30,INDEX(Jesper!$R$2:$R$366,ROW(INDEX(Jesper!AJ$2:AJ$366,ROUNDDOWN($C7356/24,0)+1,1))-1)+IF('Standard Profiles'!$G$20=$B$10,7,0)+IF('Standard Profiles'!$G$20=$B$17,14,0)+IF('Standard Profiles'!$G$20=$B$24,21,0),MOD($C7356,24)+1)/SUM(INDEX($D$3:$AA$30,INDEX(Jesper!$R$2:$R$366,ROW(INDEX(Jesper!AJ$2:AJ$366,ROUNDDOWN($C7356/24,0)+1,1))-1)+IF('Standard Profiles'!$G$20=$B$10,7,0)+IF('Standard Profiles'!$G$20=$B$17,14,0)+IF('Standard Profiles'!$G$20=$B$24,21,0),0)),0)</f>
        <v>0</v>
      </c>
      <c r="G7356" cm="1">
        <f t="array" ref="G7356">IFERROR(INDEX(Jesper!AK$2:AK$366,ROUNDDOWN($C7356/24,0)+1,1)*INDEX($D$3:$AA$30,INDEX(Jesper!$R$2:$R$366,ROW(INDEX(Jesper!AK$2:AK$366,ROUNDDOWN($C7356/24,0)+1,1))-1)+IF('Standard Profiles'!$G$21=$B$10,7,0)+IF('Standard Profiles'!$G$21=$B$17,14,0)+IF('Standard Profiles'!$G$21=$B$24,21,0),MOD($C7356,24)+1)/SUM(INDEX($D$3:$AA$30,INDEX(Jesper!$R$2:$R$366,ROW(INDEX(Jesper!AK$2:AK$366,ROUNDDOWN($C7356/24,0)+1,1))-1)+IF('Standard Profiles'!$G$21=$B$10,7,0)+IF('Standard Profiles'!$G$21=$B$17,14,0)+IF('Standard Profiles'!$G$21=$B$24,21,0),0)),0)</f>
        <v>0</v>
      </c>
      <c r="H7356" cm="1">
        <f t="array" ref="H7356">IFERROR(INDEX(Jesper!AL$2:AL$366,ROUNDDOWN($C7356/24,0)+1,1)*INDEX($D$3:$AA$30,INDEX(Jesper!$R$2:$R$366,ROW(INDEX(Jesper!AL$2:AL$366,ROUNDDOWN($C7356/24,0)+1,1))-1)+IF('Standard Profiles'!$G$22=$B$10,7,0)+IF('Standard Profiles'!$G$22=$B$17,14,0)+IF('Standard Profiles'!$G$22=$B$24,21,0),MOD($C7356,24)+1)/SUM(INDEX($D$3:$AA$30,INDEX(Jesper!$R$2:$R$366,ROW(INDEX(Jesper!AL$2:AL$366,ROUNDDOWN($C7356/24,0)+1,1))-1)+IF('Standard Profiles'!$G$22=$B$10,7,0)+IF('Standard Profiles'!$G$22=$B$17,14,0)+IF('Standard Profiles'!$G$22=$B$24,21,0),0)),0)</f>
        <v>0</v>
      </c>
      <c r="I7356">
        <f t="shared" si="818"/>
        <v>0.25022660961608872</v>
      </c>
      <c r="J7356">
        <f t="shared" si="819"/>
        <v>0.83408869872029578</v>
      </c>
      <c r="K7356">
        <f t="shared" si="820"/>
        <v>1.2511330480804435</v>
      </c>
      <c r="L7356">
        <f t="shared" si="821"/>
        <v>6.0054386307861289</v>
      </c>
      <c r="M7356">
        <f t="shared" si="822"/>
        <v>0</v>
      </c>
      <c r="N7356" s="46">
        <f t="shared" si="823"/>
        <v>45597.083333315575</v>
      </c>
    </row>
    <row r="7357" spans="2:14" x14ac:dyDescent="0.3">
      <c r="B7357">
        <f t="shared" si="817"/>
        <v>5</v>
      </c>
      <c r="C7357" s="16">
        <v>7323</v>
      </c>
      <c r="D7357" cm="1">
        <f t="array" ref="D7357">IFERROR(INDEX(Jesper!AH$2:AH$366,ROUNDDOWN($C7357/24,0)+1,1)*INDEX($D$3:$AA$30,INDEX(Jesper!$R$2:$R$366,ROW(INDEX(Jesper!AH$2:AH$366,ROUNDDOWN($C7357/24,0)+1,1))-1)+IF('Standard Profiles'!$G$18=$B$10,7,0)+IF('Standard Profiles'!$G$18=$B$17,14,0)+IF('Standard Profiles'!$G$18=$B$24,21,0),MOD($C7357,24)+1)/SUM(INDEX($D$3:$AA$30,INDEX(Jesper!$R$2:$R$366,ROW(INDEX(Jesper!AH$2:AH$366,ROUNDDOWN($C7357/24,0)+1,1))-1)+IF('Standard Profiles'!$G$18=$B$10,7,0)+IF('Standard Profiles'!$G$18=$B$17,14,0)+IF('Standard Profiles'!$G$18=$B$24,21,0),0)),0)</f>
        <v>8.340886987202957</v>
      </c>
      <c r="E7357" cm="1">
        <f t="array" ref="E7357">IFERROR(INDEX(Jesper!AI$2:AI$366,ROUNDDOWN($C7357/24,0)+1,1)*INDEX($D$3:$AA$30,INDEX(Jesper!$R$2:$R$366,ROW(INDEX(Jesper!AI$2:AI$366,ROUNDDOWN($C7357/24,0)+1,1))-1)+IF('Standard Profiles'!$G$19=$B$10,7,0)+IF('Standard Profiles'!$G$19=$B$17,14,0)+IF('Standard Profiles'!$G$19=$B$24,21,0),MOD($C7357,24)+1)/SUM(INDEX($D$3:$AA$30,INDEX(Jesper!$R$2:$R$366,ROW(INDEX(Jesper!AI$2:AI$366,ROUNDDOWN($C7357/24,0)+1,1))-1)+IF('Standard Profiles'!$G$19=$B$10,7,0)+IF('Standard Profiles'!$G$19=$B$17,14,0)+IF('Standard Profiles'!$G$19=$B$24,21,0),0)),0)</f>
        <v>0</v>
      </c>
      <c r="F7357" cm="1">
        <f t="array" ref="F7357">IFERROR(INDEX(Jesper!AJ$2:AJ$366,ROUNDDOWN($C7357/24,0)+1,1)*INDEX($D$3:$AA$30,INDEX(Jesper!$R$2:$R$366,ROW(INDEX(Jesper!AJ$2:AJ$366,ROUNDDOWN($C7357/24,0)+1,1))-1)+IF('Standard Profiles'!$G$20=$B$10,7,0)+IF('Standard Profiles'!$G$20=$B$17,14,0)+IF('Standard Profiles'!$G$20=$B$24,21,0),MOD($C7357,24)+1)/SUM(INDEX($D$3:$AA$30,INDEX(Jesper!$R$2:$R$366,ROW(INDEX(Jesper!AJ$2:AJ$366,ROUNDDOWN($C7357/24,0)+1,1))-1)+IF('Standard Profiles'!$G$20=$B$10,7,0)+IF('Standard Profiles'!$G$20=$B$17,14,0)+IF('Standard Profiles'!$G$20=$B$24,21,0),0)),0)</f>
        <v>0</v>
      </c>
      <c r="G7357" cm="1">
        <f t="array" ref="G7357">IFERROR(INDEX(Jesper!AK$2:AK$366,ROUNDDOWN($C7357/24,0)+1,1)*INDEX($D$3:$AA$30,INDEX(Jesper!$R$2:$R$366,ROW(INDEX(Jesper!AK$2:AK$366,ROUNDDOWN($C7357/24,0)+1,1))-1)+IF('Standard Profiles'!$G$21=$B$10,7,0)+IF('Standard Profiles'!$G$21=$B$17,14,0)+IF('Standard Profiles'!$G$21=$B$24,21,0),MOD($C7357,24)+1)/SUM(INDEX($D$3:$AA$30,INDEX(Jesper!$R$2:$R$366,ROW(INDEX(Jesper!AK$2:AK$366,ROUNDDOWN($C7357/24,0)+1,1))-1)+IF('Standard Profiles'!$G$21=$B$10,7,0)+IF('Standard Profiles'!$G$21=$B$17,14,0)+IF('Standard Profiles'!$G$21=$B$24,21,0),0)),0)</f>
        <v>0</v>
      </c>
      <c r="H7357" cm="1">
        <f t="array" ref="H7357">IFERROR(INDEX(Jesper!AL$2:AL$366,ROUNDDOWN($C7357/24,0)+1,1)*INDEX($D$3:$AA$30,INDEX(Jesper!$R$2:$R$366,ROW(INDEX(Jesper!AL$2:AL$366,ROUNDDOWN($C7357/24,0)+1,1))-1)+IF('Standard Profiles'!$G$22=$B$10,7,0)+IF('Standard Profiles'!$G$22=$B$17,14,0)+IF('Standard Profiles'!$G$22=$B$24,21,0),MOD($C7357,24)+1)/SUM(INDEX($D$3:$AA$30,INDEX(Jesper!$R$2:$R$366,ROW(INDEX(Jesper!AL$2:AL$366,ROUNDDOWN($C7357/24,0)+1,1))-1)+IF('Standard Profiles'!$G$22=$B$10,7,0)+IF('Standard Profiles'!$G$22=$B$17,14,0)+IF('Standard Profiles'!$G$22=$B$24,21,0),0)),0)</f>
        <v>0</v>
      </c>
      <c r="I7357">
        <f t="shared" si="818"/>
        <v>0.25022660961608872</v>
      </c>
      <c r="J7357">
        <f t="shared" si="819"/>
        <v>0.83408869872029578</v>
      </c>
      <c r="K7357">
        <f t="shared" si="820"/>
        <v>1.2511330480804435</v>
      </c>
      <c r="L7357">
        <f t="shared" si="821"/>
        <v>6.0054386307861289</v>
      </c>
      <c r="M7357">
        <f t="shared" si="822"/>
        <v>0</v>
      </c>
      <c r="N7357" s="46">
        <f t="shared" si="823"/>
        <v>45597.124999982239</v>
      </c>
    </row>
    <row r="7358" spans="2:14" x14ac:dyDescent="0.3">
      <c r="B7358">
        <f t="shared" si="817"/>
        <v>5</v>
      </c>
      <c r="C7358" s="16">
        <v>7324</v>
      </c>
      <c r="D7358" cm="1">
        <f t="array" ref="D7358">IFERROR(INDEX(Jesper!AH$2:AH$366,ROUNDDOWN($C7358/24,0)+1,1)*INDEX($D$3:$AA$30,INDEX(Jesper!$R$2:$R$366,ROW(INDEX(Jesper!AH$2:AH$366,ROUNDDOWN($C7358/24,0)+1,1))-1)+IF('Standard Profiles'!$G$18=$B$10,7,0)+IF('Standard Profiles'!$G$18=$B$17,14,0)+IF('Standard Profiles'!$G$18=$B$24,21,0),MOD($C7358,24)+1)/SUM(INDEX($D$3:$AA$30,INDEX(Jesper!$R$2:$R$366,ROW(INDEX(Jesper!AH$2:AH$366,ROUNDDOWN($C7358/24,0)+1,1))-1)+IF('Standard Profiles'!$G$18=$B$10,7,0)+IF('Standard Profiles'!$G$18=$B$17,14,0)+IF('Standard Profiles'!$G$18=$B$24,21,0),0)),0)</f>
        <v>8.340886987202957</v>
      </c>
      <c r="E7358" cm="1">
        <f t="array" ref="E7358">IFERROR(INDEX(Jesper!AI$2:AI$366,ROUNDDOWN($C7358/24,0)+1,1)*INDEX($D$3:$AA$30,INDEX(Jesper!$R$2:$R$366,ROW(INDEX(Jesper!AI$2:AI$366,ROUNDDOWN($C7358/24,0)+1,1))-1)+IF('Standard Profiles'!$G$19=$B$10,7,0)+IF('Standard Profiles'!$G$19=$B$17,14,0)+IF('Standard Profiles'!$G$19=$B$24,21,0),MOD($C7358,24)+1)/SUM(INDEX($D$3:$AA$30,INDEX(Jesper!$R$2:$R$366,ROW(INDEX(Jesper!AI$2:AI$366,ROUNDDOWN($C7358/24,0)+1,1))-1)+IF('Standard Profiles'!$G$19=$B$10,7,0)+IF('Standard Profiles'!$G$19=$B$17,14,0)+IF('Standard Profiles'!$G$19=$B$24,21,0),0)),0)</f>
        <v>0</v>
      </c>
      <c r="F7358" cm="1">
        <f t="array" ref="F7358">IFERROR(INDEX(Jesper!AJ$2:AJ$366,ROUNDDOWN($C7358/24,0)+1,1)*INDEX($D$3:$AA$30,INDEX(Jesper!$R$2:$R$366,ROW(INDEX(Jesper!AJ$2:AJ$366,ROUNDDOWN($C7358/24,0)+1,1))-1)+IF('Standard Profiles'!$G$20=$B$10,7,0)+IF('Standard Profiles'!$G$20=$B$17,14,0)+IF('Standard Profiles'!$G$20=$B$24,21,0),MOD($C7358,24)+1)/SUM(INDEX($D$3:$AA$30,INDEX(Jesper!$R$2:$R$366,ROW(INDEX(Jesper!AJ$2:AJ$366,ROUNDDOWN($C7358/24,0)+1,1))-1)+IF('Standard Profiles'!$G$20=$B$10,7,0)+IF('Standard Profiles'!$G$20=$B$17,14,0)+IF('Standard Profiles'!$G$20=$B$24,21,0),0)),0)</f>
        <v>0</v>
      </c>
      <c r="G7358" cm="1">
        <f t="array" ref="G7358">IFERROR(INDEX(Jesper!AK$2:AK$366,ROUNDDOWN($C7358/24,0)+1,1)*INDEX($D$3:$AA$30,INDEX(Jesper!$R$2:$R$366,ROW(INDEX(Jesper!AK$2:AK$366,ROUNDDOWN($C7358/24,0)+1,1))-1)+IF('Standard Profiles'!$G$21=$B$10,7,0)+IF('Standard Profiles'!$G$21=$B$17,14,0)+IF('Standard Profiles'!$G$21=$B$24,21,0),MOD($C7358,24)+1)/SUM(INDEX($D$3:$AA$30,INDEX(Jesper!$R$2:$R$366,ROW(INDEX(Jesper!AK$2:AK$366,ROUNDDOWN($C7358/24,0)+1,1))-1)+IF('Standard Profiles'!$G$21=$B$10,7,0)+IF('Standard Profiles'!$G$21=$B$17,14,0)+IF('Standard Profiles'!$G$21=$B$24,21,0),0)),0)</f>
        <v>0</v>
      </c>
      <c r="H7358" cm="1">
        <f t="array" ref="H7358">IFERROR(INDEX(Jesper!AL$2:AL$366,ROUNDDOWN($C7358/24,0)+1,1)*INDEX($D$3:$AA$30,INDEX(Jesper!$R$2:$R$366,ROW(INDEX(Jesper!AL$2:AL$366,ROUNDDOWN($C7358/24,0)+1,1))-1)+IF('Standard Profiles'!$G$22=$B$10,7,0)+IF('Standard Profiles'!$G$22=$B$17,14,0)+IF('Standard Profiles'!$G$22=$B$24,21,0),MOD($C7358,24)+1)/SUM(INDEX($D$3:$AA$30,INDEX(Jesper!$R$2:$R$366,ROW(INDEX(Jesper!AL$2:AL$366,ROUNDDOWN($C7358/24,0)+1,1))-1)+IF('Standard Profiles'!$G$22=$B$10,7,0)+IF('Standard Profiles'!$G$22=$B$17,14,0)+IF('Standard Profiles'!$G$22=$B$24,21,0),0)),0)</f>
        <v>0</v>
      </c>
      <c r="I7358">
        <f t="shared" si="818"/>
        <v>0.25022660961608872</v>
      </c>
      <c r="J7358">
        <f t="shared" si="819"/>
        <v>0.83408869872029578</v>
      </c>
      <c r="K7358">
        <f t="shared" si="820"/>
        <v>1.2511330480804435</v>
      </c>
      <c r="L7358">
        <f t="shared" si="821"/>
        <v>6.0054386307861289</v>
      </c>
      <c r="M7358">
        <f t="shared" si="822"/>
        <v>0</v>
      </c>
      <c r="N7358" s="46">
        <f t="shared" si="823"/>
        <v>45597.166666648904</v>
      </c>
    </row>
    <row r="7359" spans="2:14" x14ac:dyDescent="0.3">
      <c r="B7359">
        <f t="shared" si="817"/>
        <v>5</v>
      </c>
      <c r="C7359" s="16">
        <v>7325</v>
      </c>
      <c r="D7359" cm="1">
        <f t="array" ref="D7359">IFERROR(INDEX(Jesper!AH$2:AH$366,ROUNDDOWN($C7359/24,0)+1,1)*INDEX($D$3:$AA$30,INDEX(Jesper!$R$2:$R$366,ROW(INDEX(Jesper!AH$2:AH$366,ROUNDDOWN($C7359/24,0)+1,1))-1)+IF('Standard Profiles'!$G$18=$B$10,7,0)+IF('Standard Profiles'!$G$18=$B$17,14,0)+IF('Standard Profiles'!$G$18=$B$24,21,0),MOD($C7359,24)+1)/SUM(INDEX($D$3:$AA$30,INDEX(Jesper!$R$2:$R$366,ROW(INDEX(Jesper!AH$2:AH$366,ROUNDDOWN($C7359/24,0)+1,1))-1)+IF('Standard Profiles'!$G$18=$B$10,7,0)+IF('Standard Profiles'!$G$18=$B$17,14,0)+IF('Standard Profiles'!$G$18=$B$24,21,0),0)),0)</f>
        <v>10.75047656128381</v>
      </c>
      <c r="E7359" cm="1">
        <f t="array" ref="E7359">IFERROR(INDEX(Jesper!AI$2:AI$366,ROUNDDOWN($C7359/24,0)+1,1)*INDEX($D$3:$AA$30,INDEX(Jesper!$R$2:$R$366,ROW(INDEX(Jesper!AI$2:AI$366,ROUNDDOWN($C7359/24,0)+1,1))-1)+IF('Standard Profiles'!$G$19=$B$10,7,0)+IF('Standard Profiles'!$G$19=$B$17,14,0)+IF('Standard Profiles'!$G$19=$B$24,21,0),MOD($C7359,24)+1)/SUM(INDEX($D$3:$AA$30,INDEX(Jesper!$R$2:$R$366,ROW(INDEX(Jesper!AI$2:AI$366,ROUNDDOWN($C7359/24,0)+1,1))-1)+IF('Standard Profiles'!$G$19=$B$10,7,0)+IF('Standard Profiles'!$G$19=$B$17,14,0)+IF('Standard Profiles'!$G$19=$B$24,21,0),0)),0)</f>
        <v>0</v>
      </c>
      <c r="F7359" cm="1">
        <f t="array" ref="F7359">IFERROR(INDEX(Jesper!AJ$2:AJ$366,ROUNDDOWN($C7359/24,0)+1,1)*INDEX($D$3:$AA$30,INDEX(Jesper!$R$2:$R$366,ROW(INDEX(Jesper!AJ$2:AJ$366,ROUNDDOWN($C7359/24,0)+1,1))-1)+IF('Standard Profiles'!$G$20=$B$10,7,0)+IF('Standard Profiles'!$G$20=$B$17,14,0)+IF('Standard Profiles'!$G$20=$B$24,21,0),MOD($C7359,24)+1)/SUM(INDEX($D$3:$AA$30,INDEX(Jesper!$R$2:$R$366,ROW(INDEX(Jesper!AJ$2:AJ$366,ROUNDDOWN($C7359/24,0)+1,1))-1)+IF('Standard Profiles'!$G$20=$B$10,7,0)+IF('Standard Profiles'!$G$20=$B$17,14,0)+IF('Standard Profiles'!$G$20=$B$24,21,0),0)),0)</f>
        <v>0</v>
      </c>
      <c r="G7359" cm="1">
        <f t="array" ref="G7359">IFERROR(INDEX(Jesper!AK$2:AK$366,ROUNDDOWN($C7359/24,0)+1,1)*INDEX($D$3:$AA$30,INDEX(Jesper!$R$2:$R$366,ROW(INDEX(Jesper!AK$2:AK$366,ROUNDDOWN($C7359/24,0)+1,1))-1)+IF('Standard Profiles'!$G$21=$B$10,7,0)+IF('Standard Profiles'!$G$21=$B$17,14,0)+IF('Standard Profiles'!$G$21=$B$24,21,0),MOD($C7359,24)+1)/SUM(INDEX($D$3:$AA$30,INDEX(Jesper!$R$2:$R$366,ROW(INDEX(Jesper!AK$2:AK$366,ROUNDDOWN($C7359/24,0)+1,1))-1)+IF('Standard Profiles'!$G$21=$B$10,7,0)+IF('Standard Profiles'!$G$21=$B$17,14,0)+IF('Standard Profiles'!$G$21=$B$24,21,0),0)),0)</f>
        <v>0</v>
      </c>
      <c r="H7359" cm="1">
        <f t="array" ref="H7359">IFERROR(INDEX(Jesper!AL$2:AL$366,ROUNDDOWN($C7359/24,0)+1,1)*INDEX($D$3:$AA$30,INDEX(Jesper!$R$2:$R$366,ROW(INDEX(Jesper!AL$2:AL$366,ROUNDDOWN($C7359/24,0)+1,1))-1)+IF('Standard Profiles'!$G$22=$B$10,7,0)+IF('Standard Profiles'!$G$22=$B$17,14,0)+IF('Standard Profiles'!$G$22=$B$24,21,0),MOD($C7359,24)+1)/SUM(INDEX($D$3:$AA$30,INDEX(Jesper!$R$2:$R$366,ROW(INDEX(Jesper!AL$2:AL$366,ROUNDDOWN($C7359/24,0)+1,1))-1)+IF('Standard Profiles'!$G$22=$B$10,7,0)+IF('Standard Profiles'!$G$22=$B$17,14,0)+IF('Standard Profiles'!$G$22=$B$24,21,0),0)),0)</f>
        <v>0</v>
      </c>
      <c r="I7359">
        <f t="shared" si="818"/>
        <v>0.32251429683851429</v>
      </c>
      <c r="J7359">
        <f t="shared" si="819"/>
        <v>1.075047656128381</v>
      </c>
      <c r="K7359">
        <f t="shared" si="820"/>
        <v>1.6125714841925713</v>
      </c>
      <c r="L7359">
        <f t="shared" si="821"/>
        <v>7.740343124124343</v>
      </c>
      <c r="M7359">
        <f t="shared" si="822"/>
        <v>0</v>
      </c>
      <c r="N7359" s="46">
        <f t="shared" si="823"/>
        <v>45597.208333315568</v>
      </c>
    </row>
    <row r="7360" spans="2:14" x14ac:dyDescent="0.3">
      <c r="B7360">
        <f t="shared" si="817"/>
        <v>5</v>
      </c>
      <c r="C7360" s="16">
        <v>7326</v>
      </c>
      <c r="D7360" cm="1">
        <f t="array" ref="D7360">IFERROR(INDEX(Jesper!AH$2:AH$366,ROUNDDOWN($C7360/24,0)+1,1)*INDEX($D$3:$AA$30,INDEX(Jesper!$R$2:$R$366,ROW(INDEX(Jesper!AH$2:AH$366,ROUNDDOWN($C7360/24,0)+1,1))-1)+IF('Standard Profiles'!$G$18=$B$10,7,0)+IF('Standard Profiles'!$G$18=$B$17,14,0)+IF('Standard Profiles'!$G$18=$B$24,21,0),MOD($C7360,24)+1)/SUM(INDEX($D$3:$AA$30,INDEX(Jesper!$R$2:$R$366,ROW(INDEX(Jesper!AH$2:AH$366,ROUNDDOWN($C7360/24,0)+1,1))-1)+IF('Standard Profiles'!$G$18=$B$10,7,0)+IF('Standard Profiles'!$G$18=$B$17,14,0)+IF('Standard Profiles'!$G$18=$B$24,21,0),0)),0)</f>
        <v>12.974713091204601</v>
      </c>
      <c r="E7360" cm="1">
        <f t="array" ref="E7360">IFERROR(INDEX(Jesper!AI$2:AI$366,ROUNDDOWN($C7360/24,0)+1,1)*INDEX($D$3:$AA$30,INDEX(Jesper!$R$2:$R$366,ROW(INDEX(Jesper!AI$2:AI$366,ROUNDDOWN($C7360/24,0)+1,1))-1)+IF('Standard Profiles'!$G$19=$B$10,7,0)+IF('Standard Profiles'!$G$19=$B$17,14,0)+IF('Standard Profiles'!$G$19=$B$24,21,0),MOD($C7360,24)+1)/SUM(INDEX($D$3:$AA$30,INDEX(Jesper!$R$2:$R$366,ROW(INDEX(Jesper!AI$2:AI$366,ROUNDDOWN($C7360/24,0)+1,1))-1)+IF('Standard Profiles'!$G$19=$B$10,7,0)+IF('Standard Profiles'!$G$19=$B$17,14,0)+IF('Standard Profiles'!$G$19=$B$24,21,0),0)),0)</f>
        <v>0</v>
      </c>
      <c r="F7360" cm="1">
        <f t="array" ref="F7360">IFERROR(INDEX(Jesper!AJ$2:AJ$366,ROUNDDOWN($C7360/24,0)+1,1)*INDEX($D$3:$AA$30,INDEX(Jesper!$R$2:$R$366,ROW(INDEX(Jesper!AJ$2:AJ$366,ROUNDDOWN($C7360/24,0)+1,1))-1)+IF('Standard Profiles'!$G$20=$B$10,7,0)+IF('Standard Profiles'!$G$20=$B$17,14,0)+IF('Standard Profiles'!$G$20=$B$24,21,0),MOD($C7360,24)+1)/SUM(INDEX($D$3:$AA$30,INDEX(Jesper!$R$2:$R$366,ROW(INDEX(Jesper!AJ$2:AJ$366,ROUNDDOWN($C7360/24,0)+1,1))-1)+IF('Standard Profiles'!$G$20=$B$10,7,0)+IF('Standard Profiles'!$G$20=$B$17,14,0)+IF('Standard Profiles'!$G$20=$B$24,21,0),0)),0)</f>
        <v>0</v>
      </c>
      <c r="G7360" cm="1">
        <f t="array" ref="G7360">IFERROR(INDEX(Jesper!AK$2:AK$366,ROUNDDOWN($C7360/24,0)+1,1)*INDEX($D$3:$AA$30,INDEX(Jesper!$R$2:$R$366,ROW(INDEX(Jesper!AK$2:AK$366,ROUNDDOWN($C7360/24,0)+1,1))-1)+IF('Standard Profiles'!$G$21=$B$10,7,0)+IF('Standard Profiles'!$G$21=$B$17,14,0)+IF('Standard Profiles'!$G$21=$B$24,21,0),MOD($C7360,24)+1)/SUM(INDEX($D$3:$AA$30,INDEX(Jesper!$R$2:$R$366,ROW(INDEX(Jesper!AK$2:AK$366,ROUNDDOWN($C7360/24,0)+1,1))-1)+IF('Standard Profiles'!$G$21=$B$10,7,0)+IF('Standard Profiles'!$G$21=$B$17,14,0)+IF('Standard Profiles'!$G$21=$B$24,21,0),0)),0)</f>
        <v>0</v>
      </c>
      <c r="H7360" cm="1">
        <f t="array" ref="H7360">IFERROR(INDEX(Jesper!AL$2:AL$366,ROUNDDOWN($C7360/24,0)+1,1)*INDEX($D$3:$AA$30,INDEX(Jesper!$R$2:$R$366,ROW(INDEX(Jesper!AL$2:AL$366,ROUNDDOWN($C7360/24,0)+1,1))-1)+IF('Standard Profiles'!$G$22=$B$10,7,0)+IF('Standard Profiles'!$G$22=$B$17,14,0)+IF('Standard Profiles'!$G$22=$B$24,21,0),MOD($C7360,24)+1)/SUM(INDEX($D$3:$AA$30,INDEX(Jesper!$R$2:$R$366,ROW(INDEX(Jesper!AL$2:AL$366,ROUNDDOWN($C7360/24,0)+1,1))-1)+IF('Standard Profiles'!$G$22=$B$10,7,0)+IF('Standard Profiles'!$G$22=$B$17,14,0)+IF('Standard Profiles'!$G$22=$B$24,21,0),0)),0)</f>
        <v>0</v>
      </c>
      <c r="I7360">
        <f t="shared" si="818"/>
        <v>0.389241392736138</v>
      </c>
      <c r="J7360">
        <f t="shared" si="819"/>
        <v>1.2974713091204602</v>
      </c>
      <c r="K7360">
        <f t="shared" si="820"/>
        <v>1.94620696368069</v>
      </c>
      <c r="L7360">
        <f t="shared" si="821"/>
        <v>9.3417934256673121</v>
      </c>
      <c r="M7360">
        <f t="shared" si="822"/>
        <v>0</v>
      </c>
      <c r="N7360" s="46">
        <f t="shared" si="823"/>
        <v>45597.249999982232</v>
      </c>
    </row>
    <row r="7361" spans="2:14" x14ac:dyDescent="0.3">
      <c r="B7361">
        <f t="shared" si="817"/>
        <v>5</v>
      </c>
      <c r="C7361" s="16">
        <v>7327</v>
      </c>
      <c r="D7361" cm="1">
        <f t="array" ref="D7361">IFERROR(INDEX(Jesper!AH$2:AH$366,ROUNDDOWN($C7361/24,0)+1,1)*INDEX($D$3:$AA$30,INDEX(Jesper!$R$2:$R$366,ROW(INDEX(Jesper!AH$2:AH$366,ROUNDDOWN($C7361/24,0)+1,1))-1)+IF('Standard Profiles'!$G$18=$B$10,7,0)+IF('Standard Profiles'!$G$18=$B$17,14,0)+IF('Standard Profiles'!$G$18=$B$24,21,0),MOD($C7361,24)+1)/SUM(INDEX($D$3:$AA$30,INDEX(Jesper!$R$2:$R$366,ROW(INDEX(Jesper!AH$2:AH$366,ROUNDDOWN($C7361/24,0)+1,1))-1)+IF('Standard Profiles'!$G$18=$B$10,7,0)+IF('Standard Profiles'!$G$18=$B$17,14,0)+IF('Standard Profiles'!$G$18=$B$24,21,0),0)),0)</f>
        <v>12.974713091204601</v>
      </c>
      <c r="E7361" cm="1">
        <f t="array" ref="E7361">IFERROR(INDEX(Jesper!AI$2:AI$366,ROUNDDOWN($C7361/24,0)+1,1)*INDEX($D$3:$AA$30,INDEX(Jesper!$R$2:$R$366,ROW(INDEX(Jesper!AI$2:AI$366,ROUNDDOWN($C7361/24,0)+1,1))-1)+IF('Standard Profiles'!$G$19=$B$10,7,0)+IF('Standard Profiles'!$G$19=$B$17,14,0)+IF('Standard Profiles'!$G$19=$B$24,21,0),MOD($C7361,24)+1)/SUM(INDEX($D$3:$AA$30,INDEX(Jesper!$R$2:$R$366,ROW(INDEX(Jesper!AI$2:AI$366,ROUNDDOWN($C7361/24,0)+1,1))-1)+IF('Standard Profiles'!$G$19=$B$10,7,0)+IF('Standard Profiles'!$G$19=$B$17,14,0)+IF('Standard Profiles'!$G$19=$B$24,21,0),0)),0)</f>
        <v>0</v>
      </c>
      <c r="F7361" cm="1">
        <f t="array" ref="F7361">IFERROR(INDEX(Jesper!AJ$2:AJ$366,ROUNDDOWN($C7361/24,0)+1,1)*INDEX($D$3:$AA$30,INDEX(Jesper!$R$2:$R$366,ROW(INDEX(Jesper!AJ$2:AJ$366,ROUNDDOWN($C7361/24,0)+1,1))-1)+IF('Standard Profiles'!$G$20=$B$10,7,0)+IF('Standard Profiles'!$G$20=$B$17,14,0)+IF('Standard Profiles'!$G$20=$B$24,21,0),MOD($C7361,24)+1)/SUM(INDEX($D$3:$AA$30,INDEX(Jesper!$R$2:$R$366,ROW(INDEX(Jesper!AJ$2:AJ$366,ROUNDDOWN($C7361/24,0)+1,1))-1)+IF('Standard Profiles'!$G$20=$B$10,7,0)+IF('Standard Profiles'!$G$20=$B$17,14,0)+IF('Standard Profiles'!$G$20=$B$24,21,0),0)),0)</f>
        <v>0</v>
      </c>
      <c r="G7361" cm="1">
        <f t="array" ref="G7361">IFERROR(INDEX(Jesper!AK$2:AK$366,ROUNDDOWN($C7361/24,0)+1,1)*INDEX($D$3:$AA$30,INDEX(Jesper!$R$2:$R$366,ROW(INDEX(Jesper!AK$2:AK$366,ROUNDDOWN($C7361/24,0)+1,1))-1)+IF('Standard Profiles'!$G$21=$B$10,7,0)+IF('Standard Profiles'!$G$21=$B$17,14,0)+IF('Standard Profiles'!$G$21=$B$24,21,0),MOD($C7361,24)+1)/SUM(INDEX($D$3:$AA$30,INDEX(Jesper!$R$2:$R$366,ROW(INDEX(Jesper!AK$2:AK$366,ROUNDDOWN($C7361/24,0)+1,1))-1)+IF('Standard Profiles'!$G$21=$B$10,7,0)+IF('Standard Profiles'!$G$21=$B$17,14,0)+IF('Standard Profiles'!$G$21=$B$24,21,0),0)),0)</f>
        <v>0</v>
      </c>
      <c r="H7361" cm="1">
        <f t="array" ref="H7361">IFERROR(INDEX(Jesper!AL$2:AL$366,ROUNDDOWN($C7361/24,0)+1,1)*INDEX($D$3:$AA$30,INDEX(Jesper!$R$2:$R$366,ROW(INDEX(Jesper!AL$2:AL$366,ROUNDDOWN($C7361/24,0)+1,1))-1)+IF('Standard Profiles'!$G$22=$B$10,7,0)+IF('Standard Profiles'!$G$22=$B$17,14,0)+IF('Standard Profiles'!$G$22=$B$24,21,0),MOD($C7361,24)+1)/SUM(INDEX($D$3:$AA$30,INDEX(Jesper!$R$2:$R$366,ROW(INDEX(Jesper!AL$2:AL$366,ROUNDDOWN($C7361/24,0)+1,1))-1)+IF('Standard Profiles'!$G$22=$B$10,7,0)+IF('Standard Profiles'!$G$22=$B$17,14,0)+IF('Standard Profiles'!$G$22=$B$24,21,0),0)),0)</f>
        <v>0</v>
      </c>
      <c r="I7361">
        <f t="shared" si="818"/>
        <v>0.389241392736138</v>
      </c>
      <c r="J7361">
        <f t="shared" si="819"/>
        <v>1.2974713091204602</v>
      </c>
      <c r="K7361">
        <f t="shared" si="820"/>
        <v>1.94620696368069</v>
      </c>
      <c r="L7361">
        <f t="shared" si="821"/>
        <v>9.3417934256673121</v>
      </c>
      <c r="M7361">
        <f t="shared" si="822"/>
        <v>0</v>
      </c>
      <c r="N7361" s="46">
        <f t="shared" si="823"/>
        <v>45597.291666648896</v>
      </c>
    </row>
    <row r="7362" spans="2:14" x14ac:dyDescent="0.3">
      <c r="B7362">
        <f t="shared" si="817"/>
        <v>5</v>
      </c>
      <c r="C7362" s="16">
        <v>7328</v>
      </c>
      <c r="D7362" cm="1">
        <f t="array" ref="D7362">IFERROR(INDEX(Jesper!AH$2:AH$366,ROUNDDOWN($C7362/24,0)+1,1)*INDEX($D$3:$AA$30,INDEX(Jesper!$R$2:$R$366,ROW(INDEX(Jesper!AH$2:AH$366,ROUNDDOWN($C7362/24,0)+1,1))-1)+IF('Standard Profiles'!$G$18=$B$10,7,0)+IF('Standard Profiles'!$G$18=$B$17,14,0)+IF('Standard Profiles'!$G$18=$B$24,21,0),MOD($C7362,24)+1)/SUM(INDEX($D$3:$AA$30,INDEX(Jesper!$R$2:$R$366,ROW(INDEX(Jesper!AH$2:AH$366,ROUNDDOWN($C7362/24,0)+1,1))-1)+IF('Standard Profiles'!$G$18=$B$10,7,0)+IF('Standard Profiles'!$G$18=$B$17,14,0)+IF('Standard Profiles'!$G$18=$B$24,21,0),0)),0)</f>
        <v>12.974713091204601</v>
      </c>
      <c r="E7362" cm="1">
        <f t="array" ref="E7362">IFERROR(INDEX(Jesper!AI$2:AI$366,ROUNDDOWN($C7362/24,0)+1,1)*INDEX($D$3:$AA$30,INDEX(Jesper!$R$2:$R$366,ROW(INDEX(Jesper!AI$2:AI$366,ROUNDDOWN($C7362/24,0)+1,1))-1)+IF('Standard Profiles'!$G$19=$B$10,7,0)+IF('Standard Profiles'!$G$19=$B$17,14,0)+IF('Standard Profiles'!$G$19=$B$24,21,0),MOD($C7362,24)+1)/SUM(INDEX($D$3:$AA$30,INDEX(Jesper!$R$2:$R$366,ROW(INDEX(Jesper!AI$2:AI$366,ROUNDDOWN($C7362/24,0)+1,1))-1)+IF('Standard Profiles'!$G$19=$B$10,7,0)+IF('Standard Profiles'!$G$19=$B$17,14,0)+IF('Standard Profiles'!$G$19=$B$24,21,0),0)),0)</f>
        <v>0</v>
      </c>
      <c r="F7362" cm="1">
        <f t="array" ref="F7362">IFERROR(INDEX(Jesper!AJ$2:AJ$366,ROUNDDOWN($C7362/24,0)+1,1)*INDEX($D$3:$AA$30,INDEX(Jesper!$R$2:$R$366,ROW(INDEX(Jesper!AJ$2:AJ$366,ROUNDDOWN($C7362/24,0)+1,1))-1)+IF('Standard Profiles'!$G$20=$B$10,7,0)+IF('Standard Profiles'!$G$20=$B$17,14,0)+IF('Standard Profiles'!$G$20=$B$24,21,0),MOD($C7362,24)+1)/SUM(INDEX($D$3:$AA$30,INDEX(Jesper!$R$2:$R$366,ROW(INDEX(Jesper!AJ$2:AJ$366,ROUNDDOWN($C7362/24,0)+1,1))-1)+IF('Standard Profiles'!$G$20=$B$10,7,0)+IF('Standard Profiles'!$G$20=$B$17,14,0)+IF('Standard Profiles'!$G$20=$B$24,21,0),0)),0)</f>
        <v>0</v>
      </c>
      <c r="G7362" cm="1">
        <f t="array" ref="G7362">IFERROR(INDEX(Jesper!AK$2:AK$366,ROUNDDOWN($C7362/24,0)+1,1)*INDEX($D$3:$AA$30,INDEX(Jesper!$R$2:$R$366,ROW(INDEX(Jesper!AK$2:AK$366,ROUNDDOWN($C7362/24,0)+1,1))-1)+IF('Standard Profiles'!$G$21=$B$10,7,0)+IF('Standard Profiles'!$G$21=$B$17,14,0)+IF('Standard Profiles'!$G$21=$B$24,21,0),MOD($C7362,24)+1)/SUM(INDEX($D$3:$AA$30,INDEX(Jesper!$R$2:$R$366,ROW(INDEX(Jesper!AK$2:AK$366,ROUNDDOWN($C7362/24,0)+1,1))-1)+IF('Standard Profiles'!$G$21=$B$10,7,0)+IF('Standard Profiles'!$G$21=$B$17,14,0)+IF('Standard Profiles'!$G$21=$B$24,21,0),0)),0)</f>
        <v>0</v>
      </c>
      <c r="H7362" cm="1">
        <f t="array" ref="H7362">IFERROR(INDEX(Jesper!AL$2:AL$366,ROUNDDOWN($C7362/24,0)+1,1)*INDEX($D$3:$AA$30,INDEX(Jesper!$R$2:$R$366,ROW(INDEX(Jesper!AL$2:AL$366,ROUNDDOWN($C7362/24,0)+1,1))-1)+IF('Standard Profiles'!$G$22=$B$10,7,0)+IF('Standard Profiles'!$G$22=$B$17,14,0)+IF('Standard Profiles'!$G$22=$B$24,21,0),MOD($C7362,24)+1)/SUM(INDEX($D$3:$AA$30,INDEX(Jesper!$R$2:$R$366,ROW(INDEX(Jesper!AL$2:AL$366,ROUNDDOWN($C7362/24,0)+1,1))-1)+IF('Standard Profiles'!$G$22=$B$10,7,0)+IF('Standard Profiles'!$G$22=$B$17,14,0)+IF('Standard Profiles'!$G$22=$B$24,21,0),0)),0)</f>
        <v>0</v>
      </c>
      <c r="I7362">
        <f t="shared" si="818"/>
        <v>0.389241392736138</v>
      </c>
      <c r="J7362">
        <f t="shared" si="819"/>
        <v>1.2974713091204602</v>
      </c>
      <c r="K7362">
        <f t="shared" si="820"/>
        <v>1.94620696368069</v>
      </c>
      <c r="L7362">
        <f t="shared" si="821"/>
        <v>9.3417934256673121</v>
      </c>
      <c r="M7362">
        <f t="shared" si="822"/>
        <v>0</v>
      </c>
      <c r="N7362" s="46">
        <f t="shared" si="823"/>
        <v>45597.333333315561</v>
      </c>
    </row>
    <row r="7363" spans="2:14" x14ac:dyDescent="0.3">
      <c r="B7363">
        <f t="shared" si="817"/>
        <v>5</v>
      </c>
      <c r="C7363" s="16">
        <v>7329</v>
      </c>
      <c r="D7363" cm="1">
        <f t="array" ref="D7363">IFERROR(INDEX(Jesper!AH$2:AH$366,ROUNDDOWN($C7363/24,0)+1,1)*INDEX($D$3:$AA$30,INDEX(Jesper!$R$2:$R$366,ROW(INDEX(Jesper!AH$2:AH$366,ROUNDDOWN($C7363/24,0)+1,1))-1)+IF('Standard Profiles'!$G$18=$B$10,7,0)+IF('Standard Profiles'!$G$18=$B$17,14,0)+IF('Standard Profiles'!$G$18=$B$24,21,0),MOD($C7363,24)+1)/SUM(INDEX($D$3:$AA$30,INDEX(Jesper!$R$2:$R$366,ROW(INDEX(Jesper!AH$2:AH$366,ROUNDDOWN($C7363/24,0)+1,1))-1)+IF('Standard Profiles'!$G$18=$B$10,7,0)+IF('Standard Profiles'!$G$18=$B$17,14,0)+IF('Standard Profiles'!$G$18=$B$24,21,0),0)),0)</f>
        <v>13.901478312004928</v>
      </c>
      <c r="E7363" cm="1">
        <f t="array" ref="E7363">IFERROR(INDEX(Jesper!AI$2:AI$366,ROUNDDOWN($C7363/24,0)+1,1)*INDEX($D$3:$AA$30,INDEX(Jesper!$R$2:$R$366,ROW(INDEX(Jesper!AI$2:AI$366,ROUNDDOWN($C7363/24,0)+1,1))-1)+IF('Standard Profiles'!$G$19=$B$10,7,0)+IF('Standard Profiles'!$G$19=$B$17,14,0)+IF('Standard Profiles'!$G$19=$B$24,21,0),MOD($C7363,24)+1)/SUM(INDEX($D$3:$AA$30,INDEX(Jesper!$R$2:$R$366,ROW(INDEX(Jesper!AI$2:AI$366,ROUNDDOWN($C7363/24,0)+1,1))-1)+IF('Standard Profiles'!$G$19=$B$10,7,0)+IF('Standard Profiles'!$G$19=$B$17,14,0)+IF('Standard Profiles'!$G$19=$B$24,21,0),0)),0)</f>
        <v>0</v>
      </c>
      <c r="F7363" cm="1">
        <f t="array" ref="F7363">IFERROR(INDEX(Jesper!AJ$2:AJ$366,ROUNDDOWN($C7363/24,0)+1,1)*INDEX($D$3:$AA$30,INDEX(Jesper!$R$2:$R$366,ROW(INDEX(Jesper!AJ$2:AJ$366,ROUNDDOWN($C7363/24,0)+1,1))-1)+IF('Standard Profiles'!$G$20=$B$10,7,0)+IF('Standard Profiles'!$G$20=$B$17,14,0)+IF('Standard Profiles'!$G$20=$B$24,21,0),MOD($C7363,24)+1)/SUM(INDEX($D$3:$AA$30,INDEX(Jesper!$R$2:$R$366,ROW(INDEX(Jesper!AJ$2:AJ$366,ROUNDDOWN($C7363/24,0)+1,1))-1)+IF('Standard Profiles'!$G$20=$B$10,7,0)+IF('Standard Profiles'!$G$20=$B$17,14,0)+IF('Standard Profiles'!$G$20=$B$24,21,0),0)),0)</f>
        <v>0</v>
      </c>
      <c r="G7363" cm="1">
        <f t="array" ref="G7363">IFERROR(INDEX(Jesper!AK$2:AK$366,ROUNDDOWN($C7363/24,0)+1,1)*INDEX($D$3:$AA$30,INDEX(Jesper!$R$2:$R$366,ROW(INDEX(Jesper!AK$2:AK$366,ROUNDDOWN($C7363/24,0)+1,1))-1)+IF('Standard Profiles'!$G$21=$B$10,7,0)+IF('Standard Profiles'!$G$21=$B$17,14,0)+IF('Standard Profiles'!$G$21=$B$24,21,0),MOD($C7363,24)+1)/SUM(INDEX($D$3:$AA$30,INDEX(Jesper!$R$2:$R$366,ROW(INDEX(Jesper!AK$2:AK$366,ROUNDDOWN($C7363/24,0)+1,1))-1)+IF('Standard Profiles'!$G$21=$B$10,7,0)+IF('Standard Profiles'!$G$21=$B$17,14,0)+IF('Standard Profiles'!$G$21=$B$24,21,0),0)),0)</f>
        <v>0</v>
      </c>
      <c r="H7363" cm="1">
        <f t="array" ref="H7363">IFERROR(INDEX(Jesper!AL$2:AL$366,ROUNDDOWN($C7363/24,0)+1,1)*INDEX($D$3:$AA$30,INDEX(Jesper!$R$2:$R$366,ROW(INDEX(Jesper!AL$2:AL$366,ROUNDDOWN($C7363/24,0)+1,1))-1)+IF('Standard Profiles'!$G$22=$B$10,7,0)+IF('Standard Profiles'!$G$22=$B$17,14,0)+IF('Standard Profiles'!$G$22=$B$24,21,0),MOD($C7363,24)+1)/SUM(INDEX($D$3:$AA$30,INDEX(Jesper!$R$2:$R$366,ROW(INDEX(Jesper!AL$2:AL$366,ROUNDDOWN($C7363/24,0)+1,1))-1)+IF('Standard Profiles'!$G$22=$B$10,7,0)+IF('Standard Profiles'!$G$22=$B$17,14,0)+IF('Standard Profiles'!$G$22=$B$24,21,0),0)),0)</f>
        <v>0</v>
      </c>
      <c r="I7363">
        <f t="shared" si="818"/>
        <v>0.41704434936014784</v>
      </c>
      <c r="J7363">
        <f t="shared" si="819"/>
        <v>1.3901478312004929</v>
      </c>
      <c r="K7363">
        <f t="shared" si="820"/>
        <v>2.0852217468007392</v>
      </c>
      <c r="L7363">
        <f t="shared" si="821"/>
        <v>10.009064384643548</v>
      </c>
      <c r="M7363">
        <f t="shared" si="822"/>
        <v>0</v>
      </c>
      <c r="N7363" s="46">
        <f t="shared" si="823"/>
        <v>45597.374999982225</v>
      </c>
    </row>
    <row r="7364" spans="2:14" x14ac:dyDescent="0.3">
      <c r="B7364">
        <f t="shared" si="817"/>
        <v>5</v>
      </c>
      <c r="C7364" s="16">
        <v>7330</v>
      </c>
      <c r="D7364" cm="1">
        <f t="array" ref="D7364">IFERROR(INDEX(Jesper!AH$2:AH$366,ROUNDDOWN($C7364/24,0)+1,1)*INDEX($D$3:$AA$30,INDEX(Jesper!$R$2:$R$366,ROW(INDEX(Jesper!AH$2:AH$366,ROUNDDOWN($C7364/24,0)+1,1))-1)+IF('Standard Profiles'!$G$18=$B$10,7,0)+IF('Standard Profiles'!$G$18=$B$17,14,0)+IF('Standard Profiles'!$G$18=$B$24,21,0),MOD($C7364,24)+1)/SUM(INDEX($D$3:$AA$30,INDEX(Jesper!$R$2:$R$366,ROW(INDEX(Jesper!AH$2:AH$366,ROUNDDOWN($C7364/24,0)+1,1))-1)+IF('Standard Profiles'!$G$18=$B$10,7,0)+IF('Standard Profiles'!$G$18=$B$17,14,0)+IF('Standard Profiles'!$G$18=$B$24,21,0),0)),0)</f>
        <v>14.457537444485123</v>
      </c>
      <c r="E7364" cm="1">
        <f t="array" ref="E7364">IFERROR(INDEX(Jesper!AI$2:AI$366,ROUNDDOWN($C7364/24,0)+1,1)*INDEX($D$3:$AA$30,INDEX(Jesper!$R$2:$R$366,ROW(INDEX(Jesper!AI$2:AI$366,ROUNDDOWN($C7364/24,0)+1,1))-1)+IF('Standard Profiles'!$G$19=$B$10,7,0)+IF('Standard Profiles'!$G$19=$B$17,14,0)+IF('Standard Profiles'!$G$19=$B$24,21,0),MOD($C7364,24)+1)/SUM(INDEX($D$3:$AA$30,INDEX(Jesper!$R$2:$R$366,ROW(INDEX(Jesper!AI$2:AI$366,ROUNDDOWN($C7364/24,0)+1,1))-1)+IF('Standard Profiles'!$G$19=$B$10,7,0)+IF('Standard Profiles'!$G$19=$B$17,14,0)+IF('Standard Profiles'!$G$19=$B$24,21,0),0)),0)</f>
        <v>0</v>
      </c>
      <c r="F7364" cm="1">
        <f t="array" ref="F7364">IFERROR(INDEX(Jesper!AJ$2:AJ$366,ROUNDDOWN($C7364/24,0)+1,1)*INDEX($D$3:$AA$30,INDEX(Jesper!$R$2:$R$366,ROW(INDEX(Jesper!AJ$2:AJ$366,ROUNDDOWN($C7364/24,0)+1,1))-1)+IF('Standard Profiles'!$G$20=$B$10,7,0)+IF('Standard Profiles'!$G$20=$B$17,14,0)+IF('Standard Profiles'!$G$20=$B$24,21,0),MOD($C7364,24)+1)/SUM(INDEX($D$3:$AA$30,INDEX(Jesper!$R$2:$R$366,ROW(INDEX(Jesper!AJ$2:AJ$366,ROUNDDOWN($C7364/24,0)+1,1))-1)+IF('Standard Profiles'!$G$20=$B$10,7,0)+IF('Standard Profiles'!$G$20=$B$17,14,0)+IF('Standard Profiles'!$G$20=$B$24,21,0),0)),0)</f>
        <v>0</v>
      </c>
      <c r="G7364" cm="1">
        <f t="array" ref="G7364">IFERROR(INDEX(Jesper!AK$2:AK$366,ROUNDDOWN($C7364/24,0)+1,1)*INDEX($D$3:$AA$30,INDEX(Jesper!$R$2:$R$366,ROW(INDEX(Jesper!AK$2:AK$366,ROUNDDOWN($C7364/24,0)+1,1))-1)+IF('Standard Profiles'!$G$21=$B$10,7,0)+IF('Standard Profiles'!$G$21=$B$17,14,0)+IF('Standard Profiles'!$G$21=$B$24,21,0),MOD($C7364,24)+1)/SUM(INDEX($D$3:$AA$30,INDEX(Jesper!$R$2:$R$366,ROW(INDEX(Jesper!AK$2:AK$366,ROUNDDOWN($C7364/24,0)+1,1))-1)+IF('Standard Profiles'!$G$21=$B$10,7,0)+IF('Standard Profiles'!$G$21=$B$17,14,0)+IF('Standard Profiles'!$G$21=$B$24,21,0),0)),0)</f>
        <v>0</v>
      </c>
      <c r="H7364" cm="1">
        <f t="array" ref="H7364">IFERROR(INDEX(Jesper!AL$2:AL$366,ROUNDDOWN($C7364/24,0)+1,1)*INDEX($D$3:$AA$30,INDEX(Jesper!$R$2:$R$366,ROW(INDEX(Jesper!AL$2:AL$366,ROUNDDOWN($C7364/24,0)+1,1))-1)+IF('Standard Profiles'!$G$22=$B$10,7,0)+IF('Standard Profiles'!$G$22=$B$17,14,0)+IF('Standard Profiles'!$G$22=$B$24,21,0),MOD($C7364,24)+1)/SUM(INDEX($D$3:$AA$30,INDEX(Jesper!$R$2:$R$366,ROW(INDEX(Jesper!AL$2:AL$366,ROUNDDOWN($C7364/24,0)+1,1))-1)+IF('Standard Profiles'!$G$22=$B$10,7,0)+IF('Standard Profiles'!$G$22=$B$17,14,0)+IF('Standard Profiles'!$G$22=$B$24,21,0),0)),0)</f>
        <v>0</v>
      </c>
      <c r="I7364">
        <f t="shared" si="818"/>
        <v>0.43372612333455368</v>
      </c>
      <c r="J7364">
        <f t="shared" si="819"/>
        <v>1.4457537444485125</v>
      </c>
      <c r="K7364">
        <f t="shared" si="820"/>
        <v>2.1686306166727682</v>
      </c>
      <c r="L7364">
        <f t="shared" si="821"/>
        <v>10.409426960029288</v>
      </c>
      <c r="M7364">
        <f t="shared" si="822"/>
        <v>0</v>
      </c>
      <c r="N7364" s="46">
        <f t="shared" si="823"/>
        <v>45597.416666648889</v>
      </c>
    </row>
    <row r="7365" spans="2:14" x14ac:dyDescent="0.3">
      <c r="B7365">
        <f t="shared" si="817"/>
        <v>5</v>
      </c>
      <c r="C7365" s="16">
        <v>7331</v>
      </c>
      <c r="D7365" cm="1">
        <f t="array" ref="D7365">IFERROR(INDEX(Jesper!AH$2:AH$366,ROUNDDOWN($C7365/24,0)+1,1)*INDEX($D$3:$AA$30,INDEX(Jesper!$R$2:$R$366,ROW(INDEX(Jesper!AH$2:AH$366,ROUNDDOWN($C7365/24,0)+1,1))-1)+IF('Standard Profiles'!$G$18=$B$10,7,0)+IF('Standard Profiles'!$G$18=$B$17,14,0)+IF('Standard Profiles'!$G$18=$B$24,21,0),MOD($C7365,24)+1)/SUM(INDEX($D$3:$AA$30,INDEX(Jesper!$R$2:$R$366,ROW(INDEX(Jesper!AH$2:AH$366,ROUNDDOWN($C7365/24,0)+1,1))-1)+IF('Standard Profiles'!$G$18=$B$10,7,0)+IF('Standard Profiles'!$G$18=$B$17,14,0)+IF('Standard Profiles'!$G$18=$B$24,21,0),0)),0)</f>
        <v>16.681773974405914</v>
      </c>
      <c r="E7365" cm="1">
        <f t="array" ref="E7365">IFERROR(INDEX(Jesper!AI$2:AI$366,ROUNDDOWN($C7365/24,0)+1,1)*INDEX($D$3:$AA$30,INDEX(Jesper!$R$2:$R$366,ROW(INDEX(Jesper!AI$2:AI$366,ROUNDDOWN($C7365/24,0)+1,1))-1)+IF('Standard Profiles'!$G$19=$B$10,7,0)+IF('Standard Profiles'!$G$19=$B$17,14,0)+IF('Standard Profiles'!$G$19=$B$24,21,0),MOD($C7365,24)+1)/SUM(INDEX($D$3:$AA$30,INDEX(Jesper!$R$2:$R$366,ROW(INDEX(Jesper!AI$2:AI$366,ROUNDDOWN($C7365/24,0)+1,1))-1)+IF('Standard Profiles'!$G$19=$B$10,7,0)+IF('Standard Profiles'!$G$19=$B$17,14,0)+IF('Standard Profiles'!$G$19=$B$24,21,0),0)),0)</f>
        <v>0</v>
      </c>
      <c r="F7365" cm="1">
        <f t="array" ref="F7365">IFERROR(INDEX(Jesper!AJ$2:AJ$366,ROUNDDOWN($C7365/24,0)+1,1)*INDEX($D$3:$AA$30,INDEX(Jesper!$R$2:$R$366,ROW(INDEX(Jesper!AJ$2:AJ$366,ROUNDDOWN($C7365/24,0)+1,1))-1)+IF('Standard Profiles'!$G$20=$B$10,7,0)+IF('Standard Profiles'!$G$20=$B$17,14,0)+IF('Standard Profiles'!$G$20=$B$24,21,0),MOD($C7365,24)+1)/SUM(INDEX($D$3:$AA$30,INDEX(Jesper!$R$2:$R$366,ROW(INDEX(Jesper!AJ$2:AJ$366,ROUNDDOWN($C7365/24,0)+1,1))-1)+IF('Standard Profiles'!$G$20=$B$10,7,0)+IF('Standard Profiles'!$G$20=$B$17,14,0)+IF('Standard Profiles'!$G$20=$B$24,21,0),0)),0)</f>
        <v>0</v>
      </c>
      <c r="G7365" cm="1">
        <f t="array" ref="G7365">IFERROR(INDEX(Jesper!AK$2:AK$366,ROUNDDOWN($C7365/24,0)+1,1)*INDEX($D$3:$AA$30,INDEX(Jesper!$R$2:$R$366,ROW(INDEX(Jesper!AK$2:AK$366,ROUNDDOWN($C7365/24,0)+1,1))-1)+IF('Standard Profiles'!$G$21=$B$10,7,0)+IF('Standard Profiles'!$G$21=$B$17,14,0)+IF('Standard Profiles'!$G$21=$B$24,21,0),MOD($C7365,24)+1)/SUM(INDEX($D$3:$AA$30,INDEX(Jesper!$R$2:$R$366,ROW(INDEX(Jesper!AK$2:AK$366,ROUNDDOWN($C7365/24,0)+1,1))-1)+IF('Standard Profiles'!$G$21=$B$10,7,0)+IF('Standard Profiles'!$G$21=$B$17,14,0)+IF('Standard Profiles'!$G$21=$B$24,21,0),0)),0)</f>
        <v>0</v>
      </c>
      <c r="H7365" cm="1">
        <f t="array" ref="H7365">IFERROR(INDEX(Jesper!AL$2:AL$366,ROUNDDOWN($C7365/24,0)+1,1)*INDEX($D$3:$AA$30,INDEX(Jesper!$R$2:$R$366,ROW(INDEX(Jesper!AL$2:AL$366,ROUNDDOWN($C7365/24,0)+1,1))-1)+IF('Standard Profiles'!$G$22=$B$10,7,0)+IF('Standard Profiles'!$G$22=$B$17,14,0)+IF('Standard Profiles'!$G$22=$B$24,21,0),MOD($C7365,24)+1)/SUM(INDEX($D$3:$AA$30,INDEX(Jesper!$R$2:$R$366,ROW(INDEX(Jesper!AL$2:AL$366,ROUNDDOWN($C7365/24,0)+1,1))-1)+IF('Standard Profiles'!$G$22=$B$10,7,0)+IF('Standard Profiles'!$G$22=$B$17,14,0)+IF('Standard Profiles'!$G$22=$B$24,21,0),0)),0)</f>
        <v>0</v>
      </c>
      <c r="I7365">
        <f t="shared" si="818"/>
        <v>0.50045321923217745</v>
      </c>
      <c r="J7365">
        <f t="shared" si="819"/>
        <v>1.6681773974405916</v>
      </c>
      <c r="K7365">
        <f t="shared" si="820"/>
        <v>2.5022660961608869</v>
      </c>
      <c r="L7365">
        <f t="shared" si="821"/>
        <v>12.010877261572258</v>
      </c>
      <c r="M7365">
        <f t="shared" si="822"/>
        <v>0</v>
      </c>
      <c r="N7365" s="46">
        <f t="shared" si="823"/>
        <v>45597.458333315553</v>
      </c>
    </row>
    <row r="7366" spans="2:14" x14ac:dyDescent="0.3">
      <c r="B7366">
        <f t="shared" si="817"/>
        <v>5</v>
      </c>
      <c r="C7366" s="16">
        <v>7332</v>
      </c>
      <c r="D7366" cm="1">
        <f t="array" ref="D7366">IFERROR(INDEX(Jesper!AH$2:AH$366,ROUNDDOWN($C7366/24,0)+1,1)*INDEX($D$3:$AA$30,INDEX(Jesper!$R$2:$R$366,ROW(INDEX(Jesper!AH$2:AH$366,ROUNDDOWN($C7366/24,0)+1,1))-1)+IF('Standard Profiles'!$G$18=$B$10,7,0)+IF('Standard Profiles'!$G$18=$B$17,14,0)+IF('Standard Profiles'!$G$18=$B$24,21,0),MOD($C7366,24)+1)/SUM(INDEX($D$3:$AA$30,INDEX(Jesper!$R$2:$R$366,ROW(INDEX(Jesper!AH$2:AH$366,ROUNDDOWN($C7366/24,0)+1,1))-1)+IF('Standard Profiles'!$G$18=$B$10,7,0)+IF('Standard Profiles'!$G$18=$B$17,14,0)+IF('Standard Profiles'!$G$18=$B$24,21,0),0)),0)</f>
        <v>16.681773974405914</v>
      </c>
      <c r="E7366" cm="1">
        <f t="array" ref="E7366">IFERROR(INDEX(Jesper!AI$2:AI$366,ROUNDDOWN($C7366/24,0)+1,1)*INDEX($D$3:$AA$30,INDEX(Jesper!$R$2:$R$366,ROW(INDEX(Jesper!AI$2:AI$366,ROUNDDOWN($C7366/24,0)+1,1))-1)+IF('Standard Profiles'!$G$19=$B$10,7,0)+IF('Standard Profiles'!$G$19=$B$17,14,0)+IF('Standard Profiles'!$G$19=$B$24,21,0),MOD($C7366,24)+1)/SUM(INDEX($D$3:$AA$30,INDEX(Jesper!$R$2:$R$366,ROW(INDEX(Jesper!AI$2:AI$366,ROUNDDOWN($C7366/24,0)+1,1))-1)+IF('Standard Profiles'!$G$19=$B$10,7,0)+IF('Standard Profiles'!$G$19=$B$17,14,0)+IF('Standard Profiles'!$G$19=$B$24,21,0),0)),0)</f>
        <v>0</v>
      </c>
      <c r="F7366" cm="1">
        <f t="array" ref="F7366">IFERROR(INDEX(Jesper!AJ$2:AJ$366,ROUNDDOWN($C7366/24,0)+1,1)*INDEX($D$3:$AA$30,INDEX(Jesper!$R$2:$R$366,ROW(INDEX(Jesper!AJ$2:AJ$366,ROUNDDOWN($C7366/24,0)+1,1))-1)+IF('Standard Profiles'!$G$20=$B$10,7,0)+IF('Standard Profiles'!$G$20=$B$17,14,0)+IF('Standard Profiles'!$G$20=$B$24,21,0),MOD($C7366,24)+1)/SUM(INDEX($D$3:$AA$30,INDEX(Jesper!$R$2:$R$366,ROW(INDEX(Jesper!AJ$2:AJ$366,ROUNDDOWN($C7366/24,0)+1,1))-1)+IF('Standard Profiles'!$G$20=$B$10,7,0)+IF('Standard Profiles'!$G$20=$B$17,14,0)+IF('Standard Profiles'!$G$20=$B$24,21,0),0)),0)</f>
        <v>0</v>
      </c>
      <c r="G7366" cm="1">
        <f t="array" ref="G7366">IFERROR(INDEX(Jesper!AK$2:AK$366,ROUNDDOWN($C7366/24,0)+1,1)*INDEX($D$3:$AA$30,INDEX(Jesper!$R$2:$R$366,ROW(INDEX(Jesper!AK$2:AK$366,ROUNDDOWN($C7366/24,0)+1,1))-1)+IF('Standard Profiles'!$G$21=$B$10,7,0)+IF('Standard Profiles'!$G$21=$B$17,14,0)+IF('Standard Profiles'!$G$21=$B$24,21,0),MOD($C7366,24)+1)/SUM(INDEX($D$3:$AA$30,INDEX(Jesper!$R$2:$R$366,ROW(INDEX(Jesper!AK$2:AK$366,ROUNDDOWN($C7366/24,0)+1,1))-1)+IF('Standard Profiles'!$G$21=$B$10,7,0)+IF('Standard Profiles'!$G$21=$B$17,14,0)+IF('Standard Profiles'!$G$21=$B$24,21,0),0)),0)</f>
        <v>0</v>
      </c>
      <c r="H7366" cm="1">
        <f t="array" ref="H7366">IFERROR(INDEX(Jesper!AL$2:AL$366,ROUNDDOWN($C7366/24,0)+1,1)*INDEX($D$3:$AA$30,INDEX(Jesper!$R$2:$R$366,ROW(INDEX(Jesper!AL$2:AL$366,ROUNDDOWN($C7366/24,0)+1,1))-1)+IF('Standard Profiles'!$G$22=$B$10,7,0)+IF('Standard Profiles'!$G$22=$B$17,14,0)+IF('Standard Profiles'!$G$22=$B$24,21,0),MOD($C7366,24)+1)/SUM(INDEX($D$3:$AA$30,INDEX(Jesper!$R$2:$R$366,ROW(INDEX(Jesper!AL$2:AL$366,ROUNDDOWN($C7366/24,0)+1,1))-1)+IF('Standard Profiles'!$G$22=$B$10,7,0)+IF('Standard Profiles'!$G$22=$B$17,14,0)+IF('Standard Profiles'!$G$22=$B$24,21,0),0)),0)</f>
        <v>0</v>
      </c>
      <c r="I7366">
        <f t="shared" si="818"/>
        <v>0.50045321923217745</v>
      </c>
      <c r="J7366">
        <f t="shared" si="819"/>
        <v>1.6681773974405916</v>
      </c>
      <c r="K7366">
        <f t="shared" si="820"/>
        <v>2.5022660961608869</v>
      </c>
      <c r="L7366">
        <f t="shared" si="821"/>
        <v>12.010877261572258</v>
      </c>
      <c r="M7366">
        <f t="shared" si="822"/>
        <v>0</v>
      </c>
      <c r="N7366" s="46">
        <f t="shared" si="823"/>
        <v>45597.499999982218</v>
      </c>
    </row>
    <row r="7367" spans="2:14" x14ac:dyDescent="0.3">
      <c r="B7367">
        <f t="shared" si="817"/>
        <v>5</v>
      </c>
      <c r="C7367" s="16">
        <v>7333</v>
      </c>
      <c r="D7367" cm="1">
        <f t="array" ref="D7367">IFERROR(INDEX(Jesper!AH$2:AH$366,ROUNDDOWN($C7367/24,0)+1,1)*INDEX($D$3:$AA$30,INDEX(Jesper!$R$2:$R$366,ROW(INDEX(Jesper!AH$2:AH$366,ROUNDDOWN($C7367/24,0)+1,1))-1)+IF('Standard Profiles'!$G$18=$B$10,7,0)+IF('Standard Profiles'!$G$18=$B$17,14,0)+IF('Standard Profiles'!$G$18=$B$24,21,0),MOD($C7367,24)+1)/SUM(INDEX($D$3:$AA$30,INDEX(Jesper!$R$2:$R$366,ROW(INDEX(Jesper!AH$2:AH$366,ROUNDDOWN($C7367/24,0)+1,1))-1)+IF('Standard Profiles'!$G$18=$B$10,7,0)+IF('Standard Profiles'!$G$18=$B$17,14,0)+IF('Standard Profiles'!$G$18=$B$24,21,0),0)),0)</f>
        <v>16.681773974405914</v>
      </c>
      <c r="E7367" cm="1">
        <f t="array" ref="E7367">IFERROR(INDEX(Jesper!AI$2:AI$366,ROUNDDOWN($C7367/24,0)+1,1)*INDEX($D$3:$AA$30,INDEX(Jesper!$R$2:$R$366,ROW(INDEX(Jesper!AI$2:AI$366,ROUNDDOWN($C7367/24,0)+1,1))-1)+IF('Standard Profiles'!$G$19=$B$10,7,0)+IF('Standard Profiles'!$G$19=$B$17,14,0)+IF('Standard Profiles'!$G$19=$B$24,21,0),MOD($C7367,24)+1)/SUM(INDEX($D$3:$AA$30,INDEX(Jesper!$R$2:$R$366,ROW(INDEX(Jesper!AI$2:AI$366,ROUNDDOWN($C7367/24,0)+1,1))-1)+IF('Standard Profiles'!$G$19=$B$10,7,0)+IF('Standard Profiles'!$G$19=$B$17,14,0)+IF('Standard Profiles'!$G$19=$B$24,21,0),0)),0)</f>
        <v>0</v>
      </c>
      <c r="F7367" cm="1">
        <f t="array" ref="F7367">IFERROR(INDEX(Jesper!AJ$2:AJ$366,ROUNDDOWN($C7367/24,0)+1,1)*INDEX($D$3:$AA$30,INDEX(Jesper!$R$2:$R$366,ROW(INDEX(Jesper!AJ$2:AJ$366,ROUNDDOWN($C7367/24,0)+1,1))-1)+IF('Standard Profiles'!$G$20=$B$10,7,0)+IF('Standard Profiles'!$G$20=$B$17,14,0)+IF('Standard Profiles'!$G$20=$B$24,21,0),MOD($C7367,24)+1)/SUM(INDEX($D$3:$AA$30,INDEX(Jesper!$R$2:$R$366,ROW(INDEX(Jesper!AJ$2:AJ$366,ROUNDDOWN($C7367/24,0)+1,1))-1)+IF('Standard Profiles'!$G$20=$B$10,7,0)+IF('Standard Profiles'!$G$20=$B$17,14,0)+IF('Standard Profiles'!$G$20=$B$24,21,0),0)),0)</f>
        <v>0</v>
      </c>
      <c r="G7367" cm="1">
        <f t="array" ref="G7367">IFERROR(INDEX(Jesper!AK$2:AK$366,ROUNDDOWN($C7367/24,0)+1,1)*INDEX($D$3:$AA$30,INDEX(Jesper!$R$2:$R$366,ROW(INDEX(Jesper!AK$2:AK$366,ROUNDDOWN($C7367/24,0)+1,1))-1)+IF('Standard Profiles'!$G$21=$B$10,7,0)+IF('Standard Profiles'!$G$21=$B$17,14,0)+IF('Standard Profiles'!$G$21=$B$24,21,0),MOD($C7367,24)+1)/SUM(INDEX($D$3:$AA$30,INDEX(Jesper!$R$2:$R$366,ROW(INDEX(Jesper!AK$2:AK$366,ROUNDDOWN($C7367/24,0)+1,1))-1)+IF('Standard Profiles'!$G$21=$B$10,7,0)+IF('Standard Profiles'!$G$21=$B$17,14,0)+IF('Standard Profiles'!$G$21=$B$24,21,0),0)),0)</f>
        <v>0</v>
      </c>
      <c r="H7367" cm="1">
        <f t="array" ref="H7367">IFERROR(INDEX(Jesper!AL$2:AL$366,ROUNDDOWN($C7367/24,0)+1,1)*INDEX($D$3:$AA$30,INDEX(Jesper!$R$2:$R$366,ROW(INDEX(Jesper!AL$2:AL$366,ROUNDDOWN($C7367/24,0)+1,1))-1)+IF('Standard Profiles'!$G$22=$B$10,7,0)+IF('Standard Profiles'!$G$22=$B$17,14,0)+IF('Standard Profiles'!$G$22=$B$24,21,0),MOD($C7367,24)+1)/SUM(INDEX($D$3:$AA$30,INDEX(Jesper!$R$2:$R$366,ROW(INDEX(Jesper!AL$2:AL$366,ROUNDDOWN($C7367/24,0)+1,1))-1)+IF('Standard Profiles'!$G$22=$B$10,7,0)+IF('Standard Profiles'!$G$22=$B$17,14,0)+IF('Standard Profiles'!$G$22=$B$24,21,0),0)),0)</f>
        <v>0</v>
      </c>
      <c r="I7367">
        <f t="shared" si="818"/>
        <v>0.50045321923217745</v>
      </c>
      <c r="J7367">
        <f t="shared" si="819"/>
        <v>1.6681773974405916</v>
      </c>
      <c r="K7367">
        <f t="shared" si="820"/>
        <v>2.5022660961608869</v>
      </c>
      <c r="L7367">
        <f t="shared" si="821"/>
        <v>12.010877261572258</v>
      </c>
      <c r="M7367">
        <f t="shared" si="822"/>
        <v>0</v>
      </c>
      <c r="N7367" s="46">
        <f t="shared" si="823"/>
        <v>45597.541666648882</v>
      </c>
    </row>
    <row r="7368" spans="2:14" x14ac:dyDescent="0.3">
      <c r="B7368">
        <f t="shared" si="817"/>
        <v>5</v>
      </c>
      <c r="C7368" s="16">
        <v>7334</v>
      </c>
      <c r="D7368" cm="1">
        <f t="array" ref="D7368">IFERROR(INDEX(Jesper!AH$2:AH$366,ROUNDDOWN($C7368/24,0)+1,1)*INDEX($D$3:$AA$30,INDEX(Jesper!$R$2:$R$366,ROW(INDEX(Jesper!AH$2:AH$366,ROUNDDOWN($C7368/24,0)+1,1))-1)+IF('Standard Profiles'!$G$18=$B$10,7,0)+IF('Standard Profiles'!$G$18=$B$17,14,0)+IF('Standard Profiles'!$G$18=$B$24,21,0),MOD($C7368,24)+1)/SUM(INDEX($D$3:$AA$30,INDEX(Jesper!$R$2:$R$366,ROW(INDEX(Jesper!AH$2:AH$366,ROUNDDOWN($C7368/24,0)+1,1))-1)+IF('Standard Profiles'!$G$18=$B$10,7,0)+IF('Standard Profiles'!$G$18=$B$17,14,0)+IF('Standard Profiles'!$G$18=$B$24,21,0),0)),0)</f>
        <v>16.681773974405914</v>
      </c>
      <c r="E7368" cm="1">
        <f t="array" ref="E7368">IFERROR(INDEX(Jesper!AI$2:AI$366,ROUNDDOWN($C7368/24,0)+1,1)*INDEX($D$3:$AA$30,INDEX(Jesper!$R$2:$R$366,ROW(INDEX(Jesper!AI$2:AI$366,ROUNDDOWN($C7368/24,0)+1,1))-1)+IF('Standard Profiles'!$G$19=$B$10,7,0)+IF('Standard Profiles'!$G$19=$B$17,14,0)+IF('Standard Profiles'!$G$19=$B$24,21,0),MOD($C7368,24)+1)/SUM(INDEX($D$3:$AA$30,INDEX(Jesper!$R$2:$R$366,ROW(INDEX(Jesper!AI$2:AI$366,ROUNDDOWN($C7368/24,0)+1,1))-1)+IF('Standard Profiles'!$G$19=$B$10,7,0)+IF('Standard Profiles'!$G$19=$B$17,14,0)+IF('Standard Profiles'!$G$19=$B$24,21,0),0)),0)</f>
        <v>0</v>
      </c>
      <c r="F7368" cm="1">
        <f t="array" ref="F7368">IFERROR(INDEX(Jesper!AJ$2:AJ$366,ROUNDDOWN($C7368/24,0)+1,1)*INDEX($D$3:$AA$30,INDEX(Jesper!$R$2:$R$366,ROW(INDEX(Jesper!AJ$2:AJ$366,ROUNDDOWN($C7368/24,0)+1,1))-1)+IF('Standard Profiles'!$G$20=$B$10,7,0)+IF('Standard Profiles'!$G$20=$B$17,14,0)+IF('Standard Profiles'!$G$20=$B$24,21,0),MOD($C7368,24)+1)/SUM(INDEX($D$3:$AA$30,INDEX(Jesper!$R$2:$R$366,ROW(INDEX(Jesper!AJ$2:AJ$366,ROUNDDOWN($C7368/24,0)+1,1))-1)+IF('Standard Profiles'!$G$20=$B$10,7,0)+IF('Standard Profiles'!$G$20=$B$17,14,0)+IF('Standard Profiles'!$G$20=$B$24,21,0),0)),0)</f>
        <v>0</v>
      </c>
      <c r="G7368" cm="1">
        <f t="array" ref="G7368">IFERROR(INDEX(Jesper!AK$2:AK$366,ROUNDDOWN($C7368/24,0)+1,1)*INDEX($D$3:$AA$30,INDEX(Jesper!$R$2:$R$366,ROW(INDEX(Jesper!AK$2:AK$366,ROUNDDOWN($C7368/24,0)+1,1))-1)+IF('Standard Profiles'!$G$21=$B$10,7,0)+IF('Standard Profiles'!$G$21=$B$17,14,0)+IF('Standard Profiles'!$G$21=$B$24,21,0),MOD($C7368,24)+1)/SUM(INDEX($D$3:$AA$30,INDEX(Jesper!$R$2:$R$366,ROW(INDEX(Jesper!AK$2:AK$366,ROUNDDOWN($C7368/24,0)+1,1))-1)+IF('Standard Profiles'!$G$21=$B$10,7,0)+IF('Standard Profiles'!$G$21=$B$17,14,0)+IF('Standard Profiles'!$G$21=$B$24,21,0),0)),0)</f>
        <v>0</v>
      </c>
      <c r="H7368" cm="1">
        <f t="array" ref="H7368">IFERROR(INDEX(Jesper!AL$2:AL$366,ROUNDDOWN($C7368/24,0)+1,1)*INDEX($D$3:$AA$30,INDEX(Jesper!$R$2:$R$366,ROW(INDEX(Jesper!AL$2:AL$366,ROUNDDOWN($C7368/24,0)+1,1))-1)+IF('Standard Profiles'!$G$22=$B$10,7,0)+IF('Standard Profiles'!$G$22=$B$17,14,0)+IF('Standard Profiles'!$G$22=$B$24,21,0),MOD($C7368,24)+1)/SUM(INDEX($D$3:$AA$30,INDEX(Jesper!$R$2:$R$366,ROW(INDEX(Jesper!AL$2:AL$366,ROUNDDOWN($C7368/24,0)+1,1))-1)+IF('Standard Profiles'!$G$22=$B$10,7,0)+IF('Standard Profiles'!$G$22=$B$17,14,0)+IF('Standard Profiles'!$G$22=$B$24,21,0),0)),0)</f>
        <v>0</v>
      </c>
      <c r="I7368">
        <f t="shared" si="818"/>
        <v>0.50045321923217745</v>
      </c>
      <c r="J7368">
        <f t="shared" si="819"/>
        <v>1.6681773974405916</v>
      </c>
      <c r="K7368">
        <f t="shared" si="820"/>
        <v>2.5022660961608869</v>
      </c>
      <c r="L7368">
        <f t="shared" si="821"/>
        <v>12.010877261572258</v>
      </c>
      <c r="M7368">
        <f t="shared" si="822"/>
        <v>0</v>
      </c>
      <c r="N7368" s="46">
        <f t="shared" si="823"/>
        <v>45597.583333315546</v>
      </c>
    </row>
    <row r="7369" spans="2:14" x14ac:dyDescent="0.3">
      <c r="B7369">
        <f t="shared" si="817"/>
        <v>5</v>
      </c>
      <c r="C7369" s="16">
        <v>7335</v>
      </c>
      <c r="D7369" cm="1">
        <f t="array" ref="D7369">IFERROR(INDEX(Jesper!AH$2:AH$366,ROUNDDOWN($C7369/24,0)+1,1)*INDEX($D$3:$AA$30,INDEX(Jesper!$R$2:$R$366,ROW(INDEX(Jesper!AH$2:AH$366,ROUNDDOWN($C7369/24,0)+1,1))-1)+IF('Standard Profiles'!$G$18=$B$10,7,0)+IF('Standard Profiles'!$G$18=$B$17,14,0)+IF('Standard Profiles'!$G$18=$B$24,21,0),MOD($C7369,24)+1)/SUM(INDEX($D$3:$AA$30,INDEX(Jesper!$R$2:$R$366,ROW(INDEX(Jesper!AH$2:AH$366,ROUNDDOWN($C7369/24,0)+1,1))-1)+IF('Standard Profiles'!$G$18=$B$10,7,0)+IF('Standard Profiles'!$G$18=$B$17,14,0)+IF('Standard Profiles'!$G$18=$B$24,21,0),0)),0)</f>
        <v>13.901478312004928</v>
      </c>
      <c r="E7369" cm="1">
        <f t="array" ref="E7369">IFERROR(INDEX(Jesper!AI$2:AI$366,ROUNDDOWN($C7369/24,0)+1,1)*INDEX($D$3:$AA$30,INDEX(Jesper!$R$2:$R$366,ROW(INDEX(Jesper!AI$2:AI$366,ROUNDDOWN($C7369/24,0)+1,1))-1)+IF('Standard Profiles'!$G$19=$B$10,7,0)+IF('Standard Profiles'!$G$19=$B$17,14,0)+IF('Standard Profiles'!$G$19=$B$24,21,0),MOD($C7369,24)+1)/SUM(INDEX($D$3:$AA$30,INDEX(Jesper!$R$2:$R$366,ROW(INDEX(Jesper!AI$2:AI$366,ROUNDDOWN($C7369/24,0)+1,1))-1)+IF('Standard Profiles'!$G$19=$B$10,7,0)+IF('Standard Profiles'!$G$19=$B$17,14,0)+IF('Standard Profiles'!$G$19=$B$24,21,0),0)),0)</f>
        <v>0</v>
      </c>
      <c r="F7369" cm="1">
        <f t="array" ref="F7369">IFERROR(INDEX(Jesper!AJ$2:AJ$366,ROUNDDOWN($C7369/24,0)+1,1)*INDEX($D$3:$AA$30,INDEX(Jesper!$R$2:$R$366,ROW(INDEX(Jesper!AJ$2:AJ$366,ROUNDDOWN($C7369/24,0)+1,1))-1)+IF('Standard Profiles'!$G$20=$B$10,7,0)+IF('Standard Profiles'!$G$20=$B$17,14,0)+IF('Standard Profiles'!$G$20=$B$24,21,0),MOD($C7369,24)+1)/SUM(INDEX($D$3:$AA$30,INDEX(Jesper!$R$2:$R$366,ROW(INDEX(Jesper!AJ$2:AJ$366,ROUNDDOWN($C7369/24,0)+1,1))-1)+IF('Standard Profiles'!$G$20=$B$10,7,0)+IF('Standard Profiles'!$G$20=$B$17,14,0)+IF('Standard Profiles'!$G$20=$B$24,21,0),0)),0)</f>
        <v>0</v>
      </c>
      <c r="G7369" cm="1">
        <f t="array" ref="G7369">IFERROR(INDEX(Jesper!AK$2:AK$366,ROUNDDOWN($C7369/24,0)+1,1)*INDEX($D$3:$AA$30,INDEX(Jesper!$R$2:$R$366,ROW(INDEX(Jesper!AK$2:AK$366,ROUNDDOWN($C7369/24,0)+1,1))-1)+IF('Standard Profiles'!$G$21=$B$10,7,0)+IF('Standard Profiles'!$G$21=$B$17,14,0)+IF('Standard Profiles'!$G$21=$B$24,21,0),MOD($C7369,24)+1)/SUM(INDEX($D$3:$AA$30,INDEX(Jesper!$R$2:$R$366,ROW(INDEX(Jesper!AK$2:AK$366,ROUNDDOWN($C7369/24,0)+1,1))-1)+IF('Standard Profiles'!$G$21=$B$10,7,0)+IF('Standard Profiles'!$G$21=$B$17,14,0)+IF('Standard Profiles'!$G$21=$B$24,21,0),0)),0)</f>
        <v>0</v>
      </c>
      <c r="H7369" cm="1">
        <f t="array" ref="H7369">IFERROR(INDEX(Jesper!AL$2:AL$366,ROUNDDOWN($C7369/24,0)+1,1)*INDEX($D$3:$AA$30,INDEX(Jesper!$R$2:$R$366,ROW(INDEX(Jesper!AL$2:AL$366,ROUNDDOWN($C7369/24,0)+1,1))-1)+IF('Standard Profiles'!$G$22=$B$10,7,0)+IF('Standard Profiles'!$G$22=$B$17,14,0)+IF('Standard Profiles'!$G$22=$B$24,21,0),MOD($C7369,24)+1)/SUM(INDEX($D$3:$AA$30,INDEX(Jesper!$R$2:$R$366,ROW(INDEX(Jesper!AL$2:AL$366,ROUNDDOWN($C7369/24,0)+1,1))-1)+IF('Standard Profiles'!$G$22=$B$10,7,0)+IF('Standard Profiles'!$G$22=$B$17,14,0)+IF('Standard Profiles'!$G$22=$B$24,21,0),0)),0)</f>
        <v>0</v>
      </c>
      <c r="I7369">
        <f t="shared" si="818"/>
        <v>0.41704434936014784</v>
      </c>
      <c r="J7369">
        <f t="shared" si="819"/>
        <v>1.3901478312004929</v>
      </c>
      <c r="K7369">
        <f t="shared" si="820"/>
        <v>2.0852217468007392</v>
      </c>
      <c r="L7369">
        <f t="shared" si="821"/>
        <v>10.009064384643548</v>
      </c>
      <c r="M7369">
        <f t="shared" si="822"/>
        <v>0</v>
      </c>
      <c r="N7369" s="46">
        <f t="shared" si="823"/>
        <v>45597.62499998221</v>
      </c>
    </row>
    <row r="7370" spans="2:14" x14ac:dyDescent="0.3">
      <c r="B7370">
        <f t="shared" si="817"/>
        <v>5</v>
      </c>
      <c r="C7370" s="16">
        <v>7336</v>
      </c>
      <c r="D7370" cm="1">
        <f t="array" ref="D7370">IFERROR(INDEX(Jesper!AH$2:AH$366,ROUNDDOWN($C7370/24,0)+1,1)*INDEX($D$3:$AA$30,INDEX(Jesper!$R$2:$R$366,ROW(INDEX(Jesper!AH$2:AH$366,ROUNDDOWN($C7370/24,0)+1,1))-1)+IF('Standard Profiles'!$G$18=$B$10,7,0)+IF('Standard Profiles'!$G$18=$B$17,14,0)+IF('Standard Profiles'!$G$18=$B$24,21,0),MOD($C7370,24)+1)/SUM(INDEX($D$3:$AA$30,INDEX(Jesper!$R$2:$R$366,ROW(INDEX(Jesper!AH$2:AH$366,ROUNDDOWN($C7370/24,0)+1,1))-1)+IF('Standard Profiles'!$G$18=$B$10,7,0)+IF('Standard Profiles'!$G$18=$B$17,14,0)+IF('Standard Profiles'!$G$18=$B$24,21,0),0)),0)</f>
        <v>13.160066135364666</v>
      </c>
      <c r="E7370" cm="1">
        <f t="array" ref="E7370">IFERROR(INDEX(Jesper!AI$2:AI$366,ROUNDDOWN($C7370/24,0)+1,1)*INDEX($D$3:$AA$30,INDEX(Jesper!$R$2:$R$366,ROW(INDEX(Jesper!AI$2:AI$366,ROUNDDOWN($C7370/24,0)+1,1))-1)+IF('Standard Profiles'!$G$19=$B$10,7,0)+IF('Standard Profiles'!$G$19=$B$17,14,0)+IF('Standard Profiles'!$G$19=$B$24,21,0),MOD($C7370,24)+1)/SUM(INDEX($D$3:$AA$30,INDEX(Jesper!$R$2:$R$366,ROW(INDEX(Jesper!AI$2:AI$366,ROUNDDOWN($C7370/24,0)+1,1))-1)+IF('Standard Profiles'!$G$19=$B$10,7,0)+IF('Standard Profiles'!$G$19=$B$17,14,0)+IF('Standard Profiles'!$G$19=$B$24,21,0),0)),0)</f>
        <v>0</v>
      </c>
      <c r="F7370" cm="1">
        <f t="array" ref="F7370">IFERROR(INDEX(Jesper!AJ$2:AJ$366,ROUNDDOWN($C7370/24,0)+1,1)*INDEX($D$3:$AA$30,INDEX(Jesper!$R$2:$R$366,ROW(INDEX(Jesper!AJ$2:AJ$366,ROUNDDOWN($C7370/24,0)+1,1))-1)+IF('Standard Profiles'!$G$20=$B$10,7,0)+IF('Standard Profiles'!$G$20=$B$17,14,0)+IF('Standard Profiles'!$G$20=$B$24,21,0),MOD($C7370,24)+1)/SUM(INDEX($D$3:$AA$30,INDEX(Jesper!$R$2:$R$366,ROW(INDEX(Jesper!AJ$2:AJ$366,ROUNDDOWN($C7370/24,0)+1,1))-1)+IF('Standard Profiles'!$G$20=$B$10,7,0)+IF('Standard Profiles'!$G$20=$B$17,14,0)+IF('Standard Profiles'!$G$20=$B$24,21,0),0)),0)</f>
        <v>0</v>
      </c>
      <c r="G7370" cm="1">
        <f t="array" ref="G7370">IFERROR(INDEX(Jesper!AK$2:AK$366,ROUNDDOWN($C7370/24,0)+1,1)*INDEX($D$3:$AA$30,INDEX(Jesper!$R$2:$R$366,ROW(INDEX(Jesper!AK$2:AK$366,ROUNDDOWN($C7370/24,0)+1,1))-1)+IF('Standard Profiles'!$G$21=$B$10,7,0)+IF('Standard Profiles'!$G$21=$B$17,14,0)+IF('Standard Profiles'!$G$21=$B$24,21,0),MOD($C7370,24)+1)/SUM(INDEX($D$3:$AA$30,INDEX(Jesper!$R$2:$R$366,ROW(INDEX(Jesper!AK$2:AK$366,ROUNDDOWN($C7370/24,0)+1,1))-1)+IF('Standard Profiles'!$G$21=$B$10,7,0)+IF('Standard Profiles'!$G$21=$B$17,14,0)+IF('Standard Profiles'!$G$21=$B$24,21,0),0)),0)</f>
        <v>0</v>
      </c>
      <c r="H7370" cm="1">
        <f t="array" ref="H7370">IFERROR(INDEX(Jesper!AL$2:AL$366,ROUNDDOWN($C7370/24,0)+1,1)*INDEX($D$3:$AA$30,INDEX(Jesper!$R$2:$R$366,ROW(INDEX(Jesper!AL$2:AL$366,ROUNDDOWN($C7370/24,0)+1,1))-1)+IF('Standard Profiles'!$G$22=$B$10,7,0)+IF('Standard Profiles'!$G$22=$B$17,14,0)+IF('Standard Profiles'!$G$22=$B$24,21,0),MOD($C7370,24)+1)/SUM(INDEX($D$3:$AA$30,INDEX(Jesper!$R$2:$R$366,ROW(INDEX(Jesper!AL$2:AL$366,ROUNDDOWN($C7370/24,0)+1,1))-1)+IF('Standard Profiles'!$G$22=$B$10,7,0)+IF('Standard Profiles'!$G$22=$B$17,14,0)+IF('Standard Profiles'!$G$22=$B$24,21,0),0)),0)</f>
        <v>0</v>
      </c>
      <c r="I7370">
        <f t="shared" si="818"/>
        <v>0.39480198406093997</v>
      </c>
      <c r="J7370">
        <f t="shared" si="819"/>
        <v>1.3160066135364668</v>
      </c>
      <c r="K7370">
        <f t="shared" si="820"/>
        <v>1.9740099203046997</v>
      </c>
      <c r="L7370">
        <f t="shared" si="821"/>
        <v>9.4752476174625588</v>
      </c>
      <c r="M7370">
        <f t="shared" si="822"/>
        <v>0</v>
      </c>
      <c r="N7370" s="46">
        <f t="shared" si="823"/>
        <v>45597.666666648875</v>
      </c>
    </row>
    <row r="7371" spans="2:14" x14ac:dyDescent="0.3">
      <c r="B7371">
        <f t="shared" si="817"/>
        <v>5</v>
      </c>
      <c r="C7371" s="16">
        <v>7337</v>
      </c>
      <c r="D7371" cm="1">
        <f t="array" ref="D7371">IFERROR(INDEX(Jesper!AH$2:AH$366,ROUNDDOWN($C7371/24,0)+1,1)*INDEX($D$3:$AA$30,INDEX(Jesper!$R$2:$R$366,ROW(INDEX(Jesper!AH$2:AH$366,ROUNDDOWN($C7371/24,0)+1,1))-1)+IF('Standard Profiles'!$G$18=$B$10,7,0)+IF('Standard Profiles'!$G$18=$B$17,14,0)+IF('Standard Profiles'!$G$18=$B$24,21,0),MOD($C7371,24)+1)/SUM(INDEX($D$3:$AA$30,INDEX(Jesper!$R$2:$R$366,ROW(INDEX(Jesper!AH$2:AH$366,ROUNDDOWN($C7371/24,0)+1,1))-1)+IF('Standard Profiles'!$G$18=$B$10,7,0)+IF('Standard Profiles'!$G$18=$B$17,14,0)+IF('Standard Profiles'!$G$18=$B$24,21,0),0)),0)</f>
        <v>13.160066135364666</v>
      </c>
      <c r="E7371" cm="1">
        <f t="array" ref="E7371">IFERROR(INDEX(Jesper!AI$2:AI$366,ROUNDDOWN($C7371/24,0)+1,1)*INDEX($D$3:$AA$30,INDEX(Jesper!$R$2:$R$366,ROW(INDEX(Jesper!AI$2:AI$366,ROUNDDOWN($C7371/24,0)+1,1))-1)+IF('Standard Profiles'!$G$19=$B$10,7,0)+IF('Standard Profiles'!$G$19=$B$17,14,0)+IF('Standard Profiles'!$G$19=$B$24,21,0),MOD($C7371,24)+1)/SUM(INDEX($D$3:$AA$30,INDEX(Jesper!$R$2:$R$366,ROW(INDEX(Jesper!AI$2:AI$366,ROUNDDOWN($C7371/24,0)+1,1))-1)+IF('Standard Profiles'!$G$19=$B$10,7,0)+IF('Standard Profiles'!$G$19=$B$17,14,0)+IF('Standard Profiles'!$G$19=$B$24,21,0),0)),0)</f>
        <v>0</v>
      </c>
      <c r="F7371" cm="1">
        <f t="array" ref="F7371">IFERROR(INDEX(Jesper!AJ$2:AJ$366,ROUNDDOWN($C7371/24,0)+1,1)*INDEX($D$3:$AA$30,INDEX(Jesper!$R$2:$R$366,ROW(INDEX(Jesper!AJ$2:AJ$366,ROUNDDOWN($C7371/24,0)+1,1))-1)+IF('Standard Profiles'!$G$20=$B$10,7,0)+IF('Standard Profiles'!$G$20=$B$17,14,0)+IF('Standard Profiles'!$G$20=$B$24,21,0),MOD($C7371,24)+1)/SUM(INDEX($D$3:$AA$30,INDEX(Jesper!$R$2:$R$366,ROW(INDEX(Jesper!AJ$2:AJ$366,ROUNDDOWN($C7371/24,0)+1,1))-1)+IF('Standard Profiles'!$G$20=$B$10,7,0)+IF('Standard Profiles'!$G$20=$B$17,14,0)+IF('Standard Profiles'!$G$20=$B$24,21,0),0)),0)</f>
        <v>0</v>
      </c>
      <c r="G7371" cm="1">
        <f t="array" ref="G7371">IFERROR(INDEX(Jesper!AK$2:AK$366,ROUNDDOWN($C7371/24,0)+1,1)*INDEX($D$3:$AA$30,INDEX(Jesper!$R$2:$R$366,ROW(INDEX(Jesper!AK$2:AK$366,ROUNDDOWN($C7371/24,0)+1,1))-1)+IF('Standard Profiles'!$G$21=$B$10,7,0)+IF('Standard Profiles'!$G$21=$B$17,14,0)+IF('Standard Profiles'!$G$21=$B$24,21,0),MOD($C7371,24)+1)/SUM(INDEX($D$3:$AA$30,INDEX(Jesper!$R$2:$R$366,ROW(INDEX(Jesper!AK$2:AK$366,ROUNDDOWN($C7371/24,0)+1,1))-1)+IF('Standard Profiles'!$G$21=$B$10,7,0)+IF('Standard Profiles'!$G$21=$B$17,14,0)+IF('Standard Profiles'!$G$21=$B$24,21,0),0)),0)</f>
        <v>0</v>
      </c>
      <c r="H7371" cm="1">
        <f t="array" ref="H7371">IFERROR(INDEX(Jesper!AL$2:AL$366,ROUNDDOWN($C7371/24,0)+1,1)*INDEX($D$3:$AA$30,INDEX(Jesper!$R$2:$R$366,ROW(INDEX(Jesper!AL$2:AL$366,ROUNDDOWN($C7371/24,0)+1,1))-1)+IF('Standard Profiles'!$G$22=$B$10,7,0)+IF('Standard Profiles'!$G$22=$B$17,14,0)+IF('Standard Profiles'!$G$22=$B$24,21,0),MOD($C7371,24)+1)/SUM(INDEX($D$3:$AA$30,INDEX(Jesper!$R$2:$R$366,ROW(INDEX(Jesper!AL$2:AL$366,ROUNDDOWN($C7371/24,0)+1,1))-1)+IF('Standard Profiles'!$G$22=$B$10,7,0)+IF('Standard Profiles'!$G$22=$B$17,14,0)+IF('Standard Profiles'!$G$22=$B$24,21,0),0)),0)</f>
        <v>0</v>
      </c>
      <c r="I7371">
        <f t="shared" si="818"/>
        <v>0.39480198406093997</v>
      </c>
      <c r="J7371">
        <f t="shared" si="819"/>
        <v>1.3160066135364668</v>
      </c>
      <c r="K7371">
        <f t="shared" si="820"/>
        <v>1.9740099203046997</v>
      </c>
      <c r="L7371">
        <f t="shared" si="821"/>
        <v>9.4752476174625588</v>
      </c>
      <c r="M7371">
        <f t="shared" si="822"/>
        <v>0</v>
      </c>
      <c r="N7371" s="46">
        <f t="shared" si="823"/>
        <v>45597.708333315539</v>
      </c>
    </row>
    <row r="7372" spans="2:14" x14ac:dyDescent="0.3">
      <c r="B7372">
        <f t="shared" si="817"/>
        <v>5</v>
      </c>
      <c r="C7372" s="16">
        <v>7338</v>
      </c>
      <c r="D7372" cm="1">
        <f t="array" ref="D7372">IFERROR(INDEX(Jesper!AH$2:AH$366,ROUNDDOWN($C7372/24,0)+1,1)*INDEX($D$3:$AA$30,INDEX(Jesper!$R$2:$R$366,ROW(INDEX(Jesper!AH$2:AH$366,ROUNDDOWN($C7372/24,0)+1,1))-1)+IF('Standard Profiles'!$G$18=$B$10,7,0)+IF('Standard Profiles'!$G$18=$B$17,14,0)+IF('Standard Profiles'!$G$18=$B$24,21,0),MOD($C7372,24)+1)/SUM(INDEX($D$3:$AA$30,INDEX(Jesper!$R$2:$R$366,ROW(INDEX(Jesper!AH$2:AH$366,ROUNDDOWN($C7372/24,0)+1,1))-1)+IF('Standard Profiles'!$G$18=$B$10,7,0)+IF('Standard Profiles'!$G$18=$B$17,14,0)+IF('Standard Profiles'!$G$18=$B$24,21,0),0)),0)</f>
        <v>13.160066135364666</v>
      </c>
      <c r="E7372" cm="1">
        <f t="array" ref="E7372">IFERROR(INDEX(Jesper!AI$2:AI$366,ROUNDDOWN($C7372/24,0)+1,1)*INDEX($D$3:$AA$30,INDEX(Jesper!$R$2:$R$366,ROW(INDEX(Jesper!AI$2:AI$366,ROUNDDOWN($C7372/24,0)+1,1))-1)+IF('Standard Profiles'!$G$19=$B$10,7,0)+IF('Standard Profiles'!$G$19=$B$17,14,0)+IF('Standard Profiles'!$G$19=$B$24,21,0),MOD($C7372,24)+1)/SUM(INDEX($D$3:$AA$30,INDEX(Jesper!$R$2:$R$366,ROW(INDEX(Jesper!AI$2:AI$366,ROUNDDOWN($C7372/24,0)+1,1))-1)+IF('Standard Profiles'!$G$19=$B$10,7,0)+IF('Standard Profiles'!$G$19=$B$17,14,0)+IF('Standard Profiles'!$G$19=$B$24,21,0),0)),0)</f>
        <v>0</v>
      </c>
      <c r="F7372" cm="1">
        <f t="array" ref="F7372">IFERROR(INDEX(Jesper!AJ$2:AJ$366,ROUNDDOWN($C7372/24,0)+1,1)*INDEX($D$3:$AA$30,INDEX(Jesper!$R$2:$R$366,ROW(INDEX(Jesper!AJ$2:AJ$366,ROUNDDOWN($C7372/24,0)+1,1))-1)+IF('Standard Profiles'!$G$20=$B$10,7,0)+IF('Standard Profiles'!$G$20=$B$17,14,0)+IF('Standard Profiles'!$G$20=$B$24,21,0),MOD($C7372,24)+1)/SUM(INDEX($D$3:$AA$30,INDEX(Jesper!$R$2:$R$366,ROW(INDEX(Jesper!AJ$2:AJ$366,ROUNDDOWN($C7372/24,0)+1,1))-1)+IF('Standard Profiles'!$G$20=$B$10,7,0)+IF('Standard Profiles'!$G$20=$B$17,14,0)+IF('Standard Profiles'!$G$20=$B$24,21,0),0)),0)</f>
        <v>0</v>
      </c>
      <c r="G7372" cm="1">
        <f t="array" ref="G7372">IFERROR(INDEX(Jesper!AK$2:AK$366,ROUNDDOWN($C7372/24,0)+1,1)*INDEX($D$3:$AA$30,INDEX(Jesper!$R$2:$R$366,ROW(INDEX(Jesper!AK$2:AK$366,ROUNDDOWN($C7372/24,0)+1,1))-1)+IF('Standard Profiles'!$G$21=$B$10,7,0)+IF('Standard Profiles'!$G$21=$B$17,14,0)+IF('Standard Profiles'!$G$21=$B$24,21,0),MOD($C7372,24)+1)/SUM(INDEX($D$3:$AA$30,INDEX(Jesper!$R$2:$R$366,ROW(INDEX(Jesper!AK$2:AK$366,ROUNDDOWN($C7372/24,0)+1,1))-1)+IF('Standard Profiles'!$G$21=$B$10,7,0)+IF('Standard Profiles'!$G$21=$B$17,14,0)+IF('Standard Profiles'!$G$21=$B$24,21,0),0)),0)</f>
        <v>0</v>
      </c>
      <c r="H7372" cm="1">
        <f t="array" ref="H7372">IFERROR(INDEX(Jesper!AL$2:AL$366,ROUNDDOWN($C7372/24,0)+1,1)*INDEX($D$3:$AA$30,INDEX(Jesper!$R$2:$R$366,ROW(INDEX(Jesper!AL$2:AL$366,ROUNDDOWN($C7372/24,0)+1,1))-1)+IF('Standard Profiles'!$G$22=$B$10,7,0)+IF('Standard Profiles'!$G$22=$B$17,14,0)+IF('Standard Profiles'!$G$22=$B$24,21,0),MOD($C7372,24)+1)/SUM(INDEX($D$3:$AA$30,INDEX(Jesper!$R$2:$R$366,ROW(INDEX(Jesper!AL$2:AL$366,ROUNDDOWN($C7372/24,0)+1,1))-1)+IF('Standard Profiles'!$G$22=$B$10,7,0)+IF('Standard Profiles'!$G$22=$B$17,14,0)+IF('Standard Profiles'!$G$22=$B$24,21,0),0)),0)</f>
        <v>0</v>
      </c>
      <c r="I7372">
        <f t="shared" si="818"/>
        <v>0.39480198406093997</v>
      </c>
      <c r="J7372">
        <f t="shared" si="819"/>
        <v>1.3160066135364668</v>
      </c>
      <c r="K7372">
        <f t="shared" si="820"/>
        <v>1.9740099203046997</v>
      </c>
      <c r="L7372">
        <f t="shared" si="821"/>
        <v>9.4752476174625588</v>
      </c>
      <c r="M7372">
        <f t="shared" si="822"/>
        <v>0</v>
      </c>
      <c r="N7372" s="46">
        <f t="shared" si="823"/>
        <v>45597.749999982203</v>
      </c>
    </row>
    <row r="7373" spans="2:14" x14ac:dyDescent="0.3">
      <c r="B7373">
        <f t="shared" si="817"/>
        <v>5</v>
      </c>
      <c r="C7373" s="16">
        <v>7339</v>
      </c>
      <c r="D7373" cm="1">
        <f t="array" ref="D7373">IFERROR(INDEX(Jesper!AH$2:AH$366,ROUNDDOWN($C7373/24,0)+1,1)*INDEX($D$3:$AA$30,INDEX(Jesper!$R$2:$R$366,ROW(INDEX(Jesper!AH$2:AH$366,ROUNDDOWN($C7373/24,0)+1,1))-1)+IF('Standard Profiles'!$G$18=$B$10,7,0)+IF('Standard Profiles'!$G$18=$B$17,14,0)+IF('Standard Profiles'!$G$18=$B$24,21,0),MOD($C7373,24)+1)/SUM(INDEX($D$3:$AA$30,INDEX(Jesper!$R$2:$R$366,ROW(INDEX(Jesper!AH$2:AH$366,ROUNDDOWN($C7373/24,0)+1,1))-1)+IF('Standard Profiles'!$G$18=$B$10,7,0)+IF('Standard Profiles'!$G$18=$B$17,14,0)+IF('Standard Profiles'!$G$18=$B$24,21,0),0)),0)</f>
        <v>13.160066135364666</v>
      </c>
      <c r="E7373" cm="1">
        <f t="array" ref="E7373">IFERROR(INDEX(Jesper!AI$2:AI$366,ROUNDDOWN($C7373/24,0)+1,1)*INDEX($D$3:$AA$30,INDEX(Jesper!$R$2:$R$366,ROW(INDEX(Jesper!AI$2:AI$366,ROUNDDOWN($C7373/24,0)+1,1))-1)+IF('Standard Profiles'!$G$19=$B$10,7,0)+IF('Standard Profiles'!$G$19=$B$17,14,0)+IF('Standard Profiles'!$G$19=$B$24,21,0),MOD($C7373,24)+1)/SUM(INDEX($D$3:$AA$30,INDEX(Jesper!$R$2:$R$366,ROW(INDEX(Jesper!AI$2:AI$366,ROUNDDOWN($C7373/24,0)+1,1))-1)+IF('Standard Profiles'!$G$19=$B$10,7,0)+IF('Standard Profiles'!$G$19=$B$17,14,0)+IF('Standard Profiles'!$G$19=$B$24,21,0),0)),0)</f>
        <v>0</v>
      </c>
      <c r="F7373" cm="1">
        <f t="array" ref="F7373">IFERROR(INDEX(Jesper!AJ$2:AJ$366,ROUNDDOWN($C7373/24,0)+1,1)*INDEX($D$3:$AA$30,INDEX(Jesper!$R$2:$R$366,ROW(INDEX(Jesper!AJ$2:AJ$366,ROUNDDOWN($C7373/24,0)+1,1))-1)+IF('Standard Profiles'!$G$20=$B$10,7,0)+IF('Standard Profiles'!$G$20=$B$17,14,0)+IF('Standard Profiles'!$G$20=$B$24,21,0),MOD($C7373,24)+1)/SUM(INDEX($D$3:$AA$30,INDEX(Jesper!$R$2:$R$366,ROW(INDEX(Jesper!AJ$2:AJ$366,ROUNDDOWN($C7373/24,0)+1,1))-1)+IF('Standard Profiles'!$G$20=$B$10,7,0)+IF('Standard Profiles'!$G$20=$B$17,14,0)+IF('Standard Profiles'!$G$20=$B$24,21,0),0)),0)</f>
        <v>0</v>
      </c>
      <c r="G7373" cm="1">
        <f t="array" ref="G7373">IFERROR(INDEX(Jesper!AK$2:AK$366,ROUNDDOWN($C7373/24,0)+1,1)*INDEX($D$3:$AA$30,INDEX(Jesper!$R$2:$R$366,ROW(INDEX(Jesper!AK$2:AK$366,ROUNDDOWN($C7373/24,0)+1,1))-1)+IF('Standard Profiles'!$G$21=$B$10,7,0)+IF('Standard Profiles'!$G$21=$B$17,14,0)+IF('Standard Profiles'!$G$21=$B$24,21,0),MOD($C7373,24)+1)/SUM(INDEX($D$3:$AA$30,INDEX(Jesper!$R$2:$R$366,ROW(INDEX(Jesper!AK$2:AK$366,ROUNDDOWN($C7373/24,0)+1,1))-1)+IF('Standard Profiles'!$G$21=$B$10,7,0)+IF('Standard Profiles'!$G$21=$B$17,14,0)+IF('Standard Profiles'!$G$21=$B$24,21,0),0)),0)</f>
        <v>0</v>
      </c>
      <c r="H7373" cm="1">
        <f t="array" ref="H7373">IFERROR(INDEX(Jesper!AL$2:AL$366,ROUNDDOWN($C7373/24,0)+1,1)*INDEX($D$3:$AA$30,INDEX(Jesper!$R$2:$R$366,ROW(INDEX(Jesper!AL$2:AL$366,ROUNDDOWN($C7373/24,0)+1,1))-1)+IF('Standard Profiles'!$G$22=$B$10,7,0)+IF('Standard Profiles'!$G$22=$B$17,14,0)+IF('Standard Profiles'!$G$22=$B$24,21,0),MOD($C7373,24)+1)/SUM(INDEX($D$3:$AA$30,INDEX(Jesper!$R$2:$R$366,ROW(INDEX(Jesper!AL$2:AL$366,ROUNDDOWN($C7373/24,0)+1,1))-1)+IF('Standard Profiles'!$G$22=$B$10,7,0)+IF('Standard Profiles'!$G$22=$B$17,14,0)+IF('Standard Profiles'!$G$22=$B$24,21,0),0)),0)</f>
        <v>0</v>
      </c>
      <c r="I7373">
        <f t="shared" si="818"/>
        <v>0.39480198406093997</v>
      </c>
      <c r="J7373">
        <f t="shared" si="819"/>
        <v>1.3160066135364668</v>
      </c>
      <c r="K7373">
        <f t="shared" si="820"/>
        <v>1.9740099203046997</v>
      </c>
      <c r="L7373">
        <f t="shared" si="821"/>
        <v>9.4752476174625588</v>
      </c>
      <c r="M7373">
        <f t="shared" si="822"/>
        <v>0</v>
      </c>
      <c r="N7373" s="46">
        <f t="shared" si="823"/>
        <v>45597.791666648867</v>
      </c>
    </row>
    <row r="7374" spans="2:14" x14ac:dyDescent="0.3">
      <c r="B7374">
        <f t="shared" si="817"/>
        <v>5</v>
      </c>
      <c r="C7374" s="16">
        <v>7340</v>
      </c>
      <c r="D7374" cm="1">
        <f t="array" ref="D7374">IFERROR(INDEX(Jesper!AH$2:AH$366,ROUNDDOWN($C7374/24,0)+1,1)*INDEX($D$3:$AA$30,INDEX(Jesper!$R$2:$R$366,ROW(INDEX(Jesper!AH$2:AH$366,ROUNDDOWN($C7374/24,0)+1,1))-1)+IF('Standard Profiles'!$G$18=$B$10,7,0)+IF('Standard Profiles'!$G$18=$B$17,14,0)+IF('Standard Profiles'!$G$18=$B$24,21,0),MOD($C7374,24)+1)/SUM(INDEX($D$3:$AA$30,INDEX(Jesper!$R$2:$R$366,ROW(INDEX(Jesper!AH$2:AH$366,ROUNDDOWN($C7374/24,0)+1,1))-1)+IF('Standard Profiles'!$G$18=$B$10,7,0)+IF('Standard Profiles'!$G$18=$B$17,14,0)+IF('Standard Profiles'!$G$18=$B$24,21,0),0)),0)</f>
        <v>10.194417428803613</v>
      </c>
      <c r="E7374" cm="1">
        <f t="array" ref="E7374">IFERROR(INDEX(Jesper!AI$2:AI$366,ROUNDDOWN($C7374/24,0)+1,1)*INDEX($D$3:$AA$30,INDEX(Jesper!$R$2:$R$366,ROW(INDEX(Jesper!AI$2:AI$366,ROUNDDOWN($C7374/24,0)+1,1))-1)+IF('Standard Profiles'!$G$19=$B$10,7,0)+IF('Standard Profiles'!$G$19=$B$17,14,0)+IF('Standard Profiles'!$G$19=$B$24,21,0),MOD($C7374,24)+1)/SUM(INDEX($D$3:$AA$30,INDEX(Jesper!$R$2:$R$366,ROW(INDEX(Jesper!AI$2:AI$366,ROUNDDOWN($C7374/24,0)+1,1))-1)+IF('Standard Profiles'!$G$19=$B$10,7,0)+IF('Standard Profiles'!$G$19=$B$17,14,0)+IF('Standard Profiles'!$G$19=$B$24,21,0),0)),0)</f>
        <v>0</v>
      </c>
      <c r="F7374" cm="1">
        <f t="array" ref="F7374">IFERROR(INDEX(Jesper!AJ$2:AJ$366,ROUNDDOWN($C7374/24,0)+1,1)*INDEX($D$3:$AA$30,INDEX(Jesper!$R$2:$R$366,ROW(INDEX(Jesper!AJ$2:AJ$366,ROUNDDOWN($C7374/24,0)+1,1))-1)+IF('Standard Profiles'!$G$20=$B$10,7,0)+IF('Standard Profiles'!$G$20=$B$17,14,0)+IF('Standard Profiles'!$G$20=$B$24,21,0),MOD($C7374,24)+1)/SUM(INDEX($D$3:$AA$30,INDEX(Jesper!$R$2:$R$366,ROW(INDEX(Jesper!AJ$2:AJ$366,ROUNDDOWN($C7374/24,0)+1,1))-1)+IF('Standard Profiles'!$G$20=$B$10,7,0)+IF('Standard Profiles'!$G$20=$B$17,14,0)+IF('Standard Profiles'!$G$20=$B$24,21,0),0)),0)</f>
        <v>0</v>
      </c>
      <c r="G7374" cm="1">
        <f t="array" ref="G7374">IFERROR(INDEX(Jesper!AK$2:AK$366,ROUNDDOWN($C7374/24,0)+1,1)*INDEX($D$3:$AA$30,INDEX(Jesper!$R$2:$R$366,ROW(INDEX(Jesper!AK$2:AK$366,ROUNDDOWN($C7374/24,0)+1,1))-1)+IF('Standard Profiles'!$G$21=$B$10,7,0)+IF('Standard Profiles'!$G$21=$B$17,14,0)+IF('Standard Profiles'!$G$21=$B$24,21,0),MOD($C7374,24)+1)/SUM(INDEX($D$3:$AA$30,INDEX(Jesper!$R$2:$R$366,ROW(INDEX(Jesper!AK$2:AK$366,ROUNDDOWN($C7374/24,0)+1,1))-1)+IF('Standard Profiles'!$G$21=$B$10,7,0)+IF('Standard Profiles'!$G$21=$B$17,14,0)+IF('Standard Profiles'!$G$21=$B$24,21,0),0)),0)</f>
        <v>0</v>
      </c>
      <c r="H7374" cm="1">
        <f t="array" ref="H7374">IFERROR(INDEX(Jesper!AL$2:AL$366,ROUNDDOWN($C7374/24,0)+1,1)*INDEX($D$3:$AA$30,INDEX(Jesper!$R$2:$R$366,ROW(INDEX(Jesper!AL$2:AL$366,ROUNDDOWN($C7374/24,0)+1,1))-1)+IF('Standard Profiles'!$G$22=$B$10,7,0)+IF('Standard Profiles'!$G$22=$B$17,14,0)+IF('Standard Profiles'!$G$22=$B$24,21,0),MOD($C7374,24)+1)/SUM(INDEX($D$3:$AA$30,INDEX(Jesper!$R$2:$R$366,ROW(INDEX(Jesper!AL$2:AL$366,ROUNDDOWN($C7374/24,0)+1,1))-1)+IF('Standard Profiles'!$G$22=$B$10,7,0)+IF('Standard Profiles'!$G$22=$B$17,14,0)+IF('Standard Profiles'!$G$22=$B$24,21,0),0)),0)</f>
        <v>0</v>
      </c>
      <c r="I7374">
        <f t="shared" si="818"/>
        <v>0.30583252286410839</v>
      </c>
      <c r="J7374">
        <f t="shared" si="819"/>
        <v>1.0194417428803613</v>
      </c>
      <c r="K7374">
        <f t="shared" si="820"/>
        <v>1.5291626143205419</v>
      </c>
      <c r="L7374">
        <f t="shared" si="821"/>
        <v>7.339980548738601</v>
      </c>
      <c r="M7374">
        <f t="shared" si="822"/>
        <v>0</v>
      </c>
      <c r="N7374" s="46">
        <f t="shared" si="823"/>
        <v>45597.833333315531</v>
      </c>
    </row>
    <row r="7375" spans="2:14" x14ac:dyDescent="0.3">
      <c r="B7375">
        <f t="shared" si="817"/>
        <v>5</v>
      </c>
      <c r="C7375" s="16">
        <v>7341</v>
      </c>
      <c r="D7375" cm="1">
        <f t="array" ref="D7375">IFERROR(INDEX(Jesper!AH$2:AH$366,ROUNDDOWN($C7375/24,0)+1,1)*INDEX($D$3:$AA$30,INDEX(Jesper!$R$2:$R$366,ROW(INDEX(Jesper!AH$2:AH$366,ROUNDDOWN($C7375/24,0)+1,1))-1)+IF('Standard Profiles'!$G$18=$B$10,7,0)+IF('Standard Profiles'!$G$18=$B$17,14,0)+IF('Standard Profiles'!$G$18=$B$24,21,0),MOD($C7375,24)+1)/SUM(INDEX($D$3:$AA$30,INDEX(Jesper!$R$2:$R$366,ROW(INDEX(Jesper!AH$2:AH$366,ROUNDDOWN($C7375/24,0)+1,1))-1)+IF('Standard Profiles'!$G$18=$B$10,7,0)+IF('Standard Profiles'!$G$18=$B$17,14,0)+IF('Standard Profiles'!$G$18=$B$24,21,0),0)),0)</f>
        <v>3.8924139273613796</v>
      </c>
      <c r="E7375" cm="1">
        <f t="array" ref="E7375">IFERROR(INDEX(Jesper!AI$2:AI$366,ROUNDDOWN($C7375/24,0)+1,1)*INDEX($D$3:$AA$30,INDEX(Jesper!$R$2:$R$366,ROW(INDEX(Jesper!AI$2:AI$366,ROUNDDOWN($C7375/24,0)+1,1))-1)+IF('Standard Profiles'!$G$19=$B$10,7,0)+IF('Standard Profiles'!$G$19=$B$17,14,0)+IF('Standard Profiles'!$G$19=$B$24,21,0),MOD($C7375,24)+1)/SUM(INDEX($D$3:$AA$30,INDEX(Jesper!$R$2:$R$366,ROW(INDEX(Jesper!AI$2:AI$366,ROUNDDOWN($C7375/24,0)+1,1))-1)+IF('Standard Profiles'!$G$19=$B$10,7,0)+IF('Standard Profiles'!$G$19=$B$17,14,0)+IF('Standard Profiles'!$G$19=$B$24,21,0),0)),0)</f>
        <v>0</v>
      </c>
      <c r="F7375" cm="1">
        <f t="array" ref="F7375">IFERROR(INDEX(Jesper!AJ$2:AJ$366,ROUNDDOWN($C7375/24,0)+1,1)*INDEX($D$3:$AA$30,INDEX(Jesper!$R$2:$R$366,ROW(INDEX(Jesper!AJ$2:AJ$366,ROUNDDOWN($C7375/24,0)+1,1))-1)+IF('Standard Profiles'!$G$20=$B$10,7,0)+IF('Standard Profiles'!$G$20=$B$17,14,0)+IF('Standard Profiles'!$G$20=$B$24,21,0),MOD($C7375,24)+1)/SUM(INDEX($D$3:$AA$30,INDEX(Jesper!$R$2:$R$366,ROW(INDEX(Jesper!AJ$2:AJ$366,ROUNDDOWN($C7375/24,0)+1,1))-1)+IF('Standard Profiles'!$G$20=$B$10,7,0)+IF('Standard Profiles'!$G$20=$B$17,14,0)+IF('Standard Profiles'!$G$20=$B$24,21,0),0)),0)</f>
        <v>0</v>
      </c>
      <c r="G7375" cm="1">
        <f t="array" ref="G7375">IFERROR(INDEX(Jesper!AK$2:AK$366,ROUNDDOWN($C7375/24,0)+1,1)*INDEX($D$3:$AA$30,INDEX(Jesper!$R$2:$R$366,ROW(INDEX(Jesper!AK$2:AK$366,ROUNDDOWN($C7375/24,0)+1,1))-1)+IF('Standard Profiles'!$G$21=$B$10,7,0)+IF('Standard Profiles'!$G$21=$B$17,14,0)+IF('Standard Profiles'!$G$21=$B$24,21,0),MOD($C7375,24)+1)/SUM(INDEX($D$3:$AA$30,INDEX(Jesper!$R$2:$R$366,ROW(INDEX(Jesper!AK$2:AK$366,ROUNDDOWN($C7375/24,0)+1,1))-1)+IF('Standard Profiles'!$G$21=$B$10,7,0)+IF('Standard Profiles'!$G$21=$B$17,14,0)+IF('Standard Profiles'!$G$21=$B$24,21,0),0)),0)</f>
        <v>0</v>
      </c>
      <c r="H7375" cm="1">
        <f t="array" ref="H7375">IFERROR(INDEX(Jesper!AL$2:AL$366,ROUNDDOWN($C7375/24,0)+1,1)*INDEX($D$3:$AA$30,INDEX(Jesper!$R$2:$R$366,ROW(INDEX(Jesper!AL$2:AL$366,ROUNDDOWN($C7375/24,0)+1,1))-1)+IF('Standard Profiles'!$G$22=$B$10,7,0)+IF('Standard Profiles'!$G$22=$B$17,14,0)+IF('Standard Profiles'!$G$22=$B$24,21,0),MOD($C7375,24)+1)/SUM(INDEX($D$3:$AA$30,INDEX(Jesper!$R$2:$R$366,ROW(INDEX(Jesper!AL$2:AL$366,ROUNDDOWN($C7375/24,0)+1,1))-1)+IF('Standard Profiles'!$G$22=$B$10,7,0)+IF('Standard Profiles'!$G$22=$B$17,14,0)+IF('Standard Profiles'!$G$22=$B$24,21,0),0)),0)</f>
        <v>0</v>
      </c>
      <c r="I7375">
        <f t="shared" si="818"/>
        <v>0.11677241782084138</v>
      </c>
      <c r="J7375">
        <f t="shared" si="819"/>
        <v>0.389241392736138</v>
      </c>
      <c r="K7375">
        <f t="shared" si="820"/>
        <v>0.58386208910420689</v>
      </c>
      <c r="L7375">
        <f t="shared" si="821"/>
        <v>2.802538027700193</v>
      </c>
      <c r="M7375">
        <f t="shared" si="822"/>
        <v>0</v>
      </c>
      <c r="N7375" s="46">
        <f t="shared" si="823"/>
        <v>45597.874999982196</v>
      </c>
    </row>
    <row r="7376" spans="2:14" x14ac:dyDescent="0.3">
      <c r="B7376">
        <f t="shared" si="817"/>
        <v>5</v>
      </c>
      <c r="C7376" s="16">
        <v>7342</v>
      </c>
      <c r="D7376" cm="1">
        <f t="array" ref="D7376">IFERROR(INDEX(Jesper!AH$2:AH$366,ROUNDDOWN($C7376/24,0)+1,1)*INDEX($D$3:$AA$30,INDEX(Jesper!$R$2:$R$366,ROW(INDEX(Jesper!AH$2:AH$366,ROUNDDOWN($C7376/24,0)+1,1))-1)+IF('Standard Profiles'!$G$18=$B$10,7,0)+IF('Standard Profiles'!$G$18=$B$17,14,0)+IF('Standard Profiles'!$G$18=$B$24,21,0),MOD($C7376,24)+1)/SUM(INDEX($D$3:$AA$30,INDEX(Jesper!$R$2:$R$366,ROW(INDEX(Jesper!AH$2:AH$366,ROUNDDOWN($C7376/24,0)+1,1))-1)+IF('Standard Profiles'!$G$18=$B$10,7,0)+IF('Standard Profiles'!$G$18=$B$17,14,0)+IF('Standard Profiles'!$G$18=$B$24,21,0),0)),0)</f>
        <v>3.8924139273613796</v>
      </c>
      <c r="E7376" cm="1">
        <f t="array" ref="E7376">IFERROR(INDEX(Jesper!AI$2:AI$366,ROUNDDOWN($C7376/24,0)+1,1)*INDEX($D$3:$AA$30,INDEX(Jesper!$R$2:$R$366,ROW(INDEX(Jesper!AI$2:AI$366,ROUNDDOWN($C7376/24,0)+1,1))-1)+IF('Standard Profiles'!$G$19=$B$10,7,0)+IF('Standard Profiles'!$G$19=$B$17,14,0)+IF('Standard Profiles'!$G$19=$B$24,21,0),MOD($C7376,24)+1)/SUM(INDEX($D$3:$AA$30,INDEX(Jesper!$R$2:$R$366,ROW(INDEX(Jesper!AI$2:AI$366,ROUNDDOWN($C7376/24,0)+1,1))-1)+IF('Standard Profiles'!$G$19=$B$10,7,0)+IF('Standard Profiles'!$G$19=$B$17,14,0)+IF('Standard Profiles'!$G$19=$B$24,21,0),0)),0)</f>
        <v>0</v>
      </c>
      <c r="F7376" cm="1">
        <f t="array" ref="F7376">IFERROR(INDEX(Jesper!AJ$2:AJ$366,ROUNDDOWN($C7376/24,0)+1,1)*INDEX($D$3:$AA$30,INDEX(Jesper!$R$2:$R$366,ROW(INDEX(Jesper!AJ$2:AJ$366,ROUNDDOWN($C7376/24,0)+1,1))-1)+IF('Standard Profiles'!$G$20=$B$10,7,0)+IF('Standard Profiles'!$G$20=$B$17,14,0)+IF('Standard Profiles'!$G$20=$B$24,21,0),MOD($C7376,24)+1)/SUM(INDEX($D$3:$AA$30,INDEX(Jesper!$R$2:$R$366,ROW(INDEX(Jesper!AJ$2:AJ$366,ROUNDDOWN($C7376/24,0)+1,1))-1)+IF('Standard Profiles'!$G$20=$B$10,7,0)+IF('Standard Profiles'!$G$20=$B$17,14,0)+IF('Standard Profiles'!$G$20=$B$24,21,0),0)),0)</f>
        <v>0</v>
      </c>
      <c r="G7376" cm="1">
        <f t="array" ref="G7376">IFERROR(INDEX(Jesper!AK$2:AK$366,ROUNDDOWN($C7376/24,0)+1,1)*INDEX($D$3:$AA$30,INDEX(Jesper!$R$2:$R$366,ROW(INDEX(Jesper!AK$2:AK$366,ROUNDDOWN($C7376/24,0)+1,1))-1)+IF('Standard Profiles'!$G$21=$B$10,7,0)+IF('Standard Profiles'!$G$21=$B$17,14,0)+IF('Standard Profiles'!$G$21=$B$24,21,0),MOD($C7376,24)+1)/SUM(INDEX($D$3:$AA$30,INDEX(Jesper!$R$2:$R$366,ROW(INDEX(Jesper!AK$2:AK$366,ROUNDDOWN($C7376/24,0)+1,1))-1)+IF('Standard Profiles'!$G$21=$B$10,7,0)+IF('Standard Profiles'!$G$21=$B$17,14,0)+IF('Standard Profiles'!$G$21=$B$24,21,0),0)),0)</f>
        <v>0</v>
      </c>
      <c r="H7376" cm="1">
        <f t="array" ref="H7376">IFERROR(INDEX(Jesper!AL$2:AL$366,ROUNDDOWN($C7376/24,0)+1,1)*INDEX($D$3:$AA$30,INDEX(Jesper!$R$2:$R$366,ROW(INDEX(Jesper!AL$2:AL$366,ROUNDDOWN($C7376/24,0)+1,1))-1)+IF('Standard Profiles'!$G$22=$B$10,7,0)+IF('Standard Profiles'!$G$22=$B$17,14,0)+IF('Standard Profiles'!$G$22=$B$24,21,0),MOD($C7376,24)+1)/SUM(INDEX($D$3:$AA$30,INDEX(Jesper!$R$2:$R$366,ROW(INDEX(Jesper!AL$2:AL$366,ROUNDDOWN($C7376/24,0)+1,1))-1)+IF('Standard Profiles'!$G$22=$B$10,7,0)+IF('Standard Profiles'!$G$22=$B$17,14,0)+IF('Standard Profiles'!$G$22=$B$24,21,0),0)),0)</f>
        <v>0</v>
      </c>
      <c r="I7376">
        <f t="shared" si="818"/>
        <v>0.11677241782084138</v>
      </c>
      <c r="J7376">
        <f t="shared" si="819"/>
        <v>0.389241392736138</v>
      </c>
      <c r="K7376">
        <f t="shared" si="820"/>
        <v>0.58386208910420689</v>
      </c>
      <c r="L7376">
        <f t="shared" si="821"/>
        <v>2.802538027700193</v>
      </c>
      <c r="M7376">
        <f t="shared" si="822"/>
        <v>0</v>
      </c>
      <c r="N7376" s="46">
        <f t="shared" si="823"/>
        <v>45597.91666664886</v>
      </c>
    </row>
    <row r="7377" spans="2:14" x14ac:dyDescent="0.3">
      <c r="B7377">
        <f t="shared" si="817"/>
        <v>5</v>
      </c>
      <c r="C7377" s="16">
        <v>7343</v>
      </c>
      <c r="D7377" cm="1">
        <f t="array" ref="D7377">IFERROR(INDEX(Jesper!AH$2:AH$366,ROUNDDOWN($C7377/24,0)+1,1)*INDEX($D$3:$AA$30,INDEX(Jesper!$R$2:$R$366,ROW(INDEX(Jesper!AH$2:AH$366,ROUNDDOWN($C7377/24,0)+1,1))-1)+IF('Standard Profiles'!$G$18=$B$10,7,0)+IF('Standard Profiles'!$G$18=$B$17,14,0)+IF('Standard Profiles'!$G$18=$B$24,21,0),MOD($C7377,24)+1)/SUM(INDEX($D$3:$AA$30,INDEX(Jesper!$R$2:$R$366,ROW(INDEX(Jesper!AH$2:AH$366,ROUNDDOWN($C7377/24,0)+1,1))-1)+IF('Standard Profiles'!$G$18=$B$10,7,0)+IF('Standard Profiles'!$G$18=$B$17,14,0)+IF('Standard Profiles'!$G$18=$B$24,21,0),0)),0)</f>
        <v>3.8924139273613796</v>
      </c>
      <c r="E7377" cm="1">
        <f t="array" ref="E7377">IFERROR(INDEX(Jesper!AI$2:AI$366,ROUNDDOWN($C7377/24,0)+1,1)*INDEX($D$3:$AA$30,INDEX(Jesper!$R$2:$R$366,ROW(INDEX(Jesper!AI$2:AI$366,ROUNDDOWN($C7377/24,0)+1,1))-1)+IF('Standard Profiles'!$G$19=$B$10,7,0)+IF('Standard Profiles'!$G$19=$B$17,14,0)+IF('Standard Profiles'!$G$19=$B$24,21,0),MOD($C7377,24)+1)/SUM(INDEX($D$3:$AA$30,INDEX(Jesper!$R$2:$R$366,ROW(INDEX(Jesper!AI$2:AI$366,ROUNDDOWN($C7377/24,0)+1,1))-1)+IF('Standard Profiles'!$G$19=$B$10,7,0)+IF('Standard Profiles'!$G$19=$B$17,14,0)+IF('Standard Profiles'!$G$19=$B$24,21,0),0)),0)</f>
        <v>0</v>
      </c>
      <c r="F7377" cm="1">
        <f t="array" ref="F7377">IFERROR(INDEX(Jesper!AJ$2:AJ$366,ROUNDDOWN($C7377/24,0)+1,1)*INDEX($D$3:$AA$30,INDEX(Jesper!$R$2:$R$366,ROW(INDEX(Jesper!AJ$2:AJ$366,ROUNDDOWN($C7377/24,0)+1,1))-1)+IF('Standard Profiles'!$G$20=$B$10,7,0)+IF('Standard Profiles'!$G$20=$B$17,14,0)+IF('Standard Profiles'!$G$20=$B$24,21,0),MOD($C7377,24)+1)/SUM(INDEX($D$3:$AA$30,INDEX(Jesper!$R$2:$R$366,ROW(INDEX(Jesper!AJ$2:AJ$366,ROUNDDOWN($C7377/24,0)+1,1))-1)+IF('Standard Profiles'!$G$20=$B$10,7,0)+IF('Standard Profiles'!$G$20=$B$17,14,0)+IF('Standard Profiles'!$G$20=$B$24,21,0),0)),0)</f>
        <v>0</v>
      </c>
      <c r="G7377" cm="1">
        <f t="array" ref="G7377">IFERROR(INDEX(Jesper!AK$2:AK$366,ROUNDDOWN($C7377/24,0)+1,1)*INDEX($D$3:$AA$30,INDEX(Jesper!$R$2:$R$366,ROW(INDEX(Jesper!AK$2:AK$366,ROUNDDOWN($C7377/24,0)+1,1))-1)+IF('Standard Profiles'!$G$21=$B$10,7,0)+IF('Standard Profiles'!$G$21=$B$17,14,0)+IF('Standard Profiles'!$G$21=$B$24,21,0),MOD($C7377,24)+1)/SUM(INDEX($D$3:$AA$30,INDEX(Jesper!$R$2:$R$366,ROW(INDEX(Jesper!AK$2:AK$366,ROUNDDOWN($C7377/24,0)+1,1))-1)+IF('Standard Profiles'!$G$21=$B$10,7,0)+IF('Standard Profiles'!$G$21=$B$17,14,0)+IF('Standard Profiles'!$G$21=$B$24,21,0),0)),0)</f>
        <v>0</v>
      </c>
      <c r="H7377" cm="1">
        <f t="array" ref="H7377">IFERROR(INDEX(Jesper!AL$2:AL$366,ROUNDDOWN($C7377/24,0)+1,1)*INDEX($D$3:$AA$30,INDEX(Jesper!$R$2:$R$366,ROW(INDEX(Jesper!AL$2:AL$366,ROUNDDOWN($C7377/24,0)+1,1))-1)+IF('Standard Profiles'!$G$22=$B$10,7,0)+IF('Standard Profiles'!$G$22=$B$17,14,0)+IF('Standard Profiles'!$G$22=$B$24,21,0),MOD($C7377,24)+1)/SUM(INDEX($D$3:$AA$30,INDEX(Jesper!$R$2:$R$366,ROW(INDEX(Jesper!AL$2:AL$366,ROUNDDOWN($C7377/24,0)+1,1))-1)+IF('Standard Profiles'!$G$22=$B$10,7,0)+IF('Standard Profiles'!$G$22=$B$17,14,0)+IF('Standard Profiles'!$G$22=$B$24,21,0),0)),0)</f>
        <v>0</v>
      </c>
      <c r="I7377">
        <f t="shared" si="818"/>
        <v>0.11677241782084138</v>
      </c>
      <c r="J7377">
        <f t="shared" si="819"/>
        <v>0.389241392736138</v>
      </c>
      <c r="K7377">
        <f t="shared" si="820"/>
        <v>0.58386208910420689</v>
      </c>
      <c r="L7377">
        <f t="shared" si="821"/>
        <v>2.802538027700193</v>
      </c>
      <c r="M7377">
        <f t="shared" si="822"/>
        <v>0</v>
      </c>
      <c r="N7377" s="46">
        <f t="shared" si="823"/>
        <v>45597.958333315524</v>
      </c>
    </row>
    <row r="7378" spans="2:14" x14ac:dyDescent="0.3">
      <c r="B7378">
        <f t="shared" si="817"/>
        <v>6</v>
      </c>
      <c r="C7378" s="16">
        <v>7344</v>
      </c>
      <c r="D7378" cm="1">
        <f t="array" ref="D7378">IFERROR(INDEX(Jesper!AH$2:AH$366,ROUNDDOWN($C7378/24,0)+1,1)*INDEX($D$3:$AA$30,INDEX(Jesper!$R$2:$R$366,ROW(INDEX(Jesper!AH$2:AH$366,ROUNDDOWN($C7378/24,0)+1,1))-1)+IF('Standard Profiles'!$G$18=$B$10,7,0)+IF('Standard Profiles'!$G$18=$B$17,14,0)+IF('Standard Profiles'!$G$18=$B$24,21,0),MOD($C7378,24)+1)/SUM(INDEX($D$3:$AA$30,INDEX(Jesper!$R$2:$R$366,ROW(INDEX(Jesper!AH$2:AH$366,ROUNDDOWN($C7378/24,0)+1,1))-1)+IF('Standard Profiles'!$G$18=$B$10,7,0)+IF('Standard Profiles'!$G$18=$B$17,14,0)+IF('Standard Profiles'!$G$18=$B$24,21,0),0)),0)</f>
        <v>4.0824159926027646</v>
      </c>
      <c r="E7378" cm="1">
        <f t="array" ref="E7378">IFERROR(INDEX(Jesper!AI$2:AI$366,ROUNDDOWN($C7378/24,0)+1,1)*INDEX($D$3:$AA$30,INDEX(Jesper!$R$2:$R$366,ROW(INDEX(Jesper!AI$2:AI$366,ROUNDDOWN($C7378/24,0)+1,1))-1)+IF('Standard Profiles'!$G$19=$B$10,7,0)+IF('Standard Profiles'!$G$19=$B$17,14,0)+IF('Standard Profiles'!$G$19=$B$24,21,0),MOD($C7378,24)+1)/SUM(INDEX($D$3:$AA$30,INDEX(Jesper!$R$2:$R$366,ROW(INDEX(Jesper!AI$2:AI$366,ROUNDDOWN($C7378/24,0)+1,1))-1)+IF('Standard Profiles'!$G$19=$B$10,7,0)+IF('Standard Profiles'!$G$19=$B$17,14,0)+IF('Standard Profiles'!$G$19=$B$24,21,0),0)),0)</f>
        <v>0.87305787235904164</v>
      </c>
      <c r="F7378" cm="1">
        <f t="array" ref="F7378">IFERROR(INDEX(Jesper!AJ$2:AJ$366,ROUNDDOWN($C7378/24,0)+1,1)*INDEX($D$3:$AA$30,INDEX(Jesper!$R$2:$R$366,ROW(INDEX(Jesper!AJ$2:AJ$366,ROUNDDOWN($C7378/24,0)+1,1))-1)+IF('Standard Profiles'!$G$20=$B$10,7,0)+IF('Standard Profiles'!$G$20=$B$17,14,0)+IF('Standard Profiles'!$G$20=$B$24,21,0),MOD($C7378,24)+1)/SUM(INDEX($D$3:$AA$30,INDEX(Jesper!$R$2:$R$366,ROW(INDEX(Jesper!AJ$2:AJ$366,ROUNDDOWN($C7378/24,0)+1,1))-1)+IF('Standard Profiles'!$G$20=$B$10,7,0)+IF('Standard Profiles'!$G$20=$B$17,14,0)+IF('Standard Profiles'!$G$20=$B$24,21,0),0)),0)</f>
        <v>0</v>
      </c>
      <c r="G7378" cm="1">
        <f t="array" ref="G7378">IFERROR(INDEX(Jesper!AK$2:AK$366,ROUNDDOWN($C7378/24,0)+1,1)*INDEX($D$3:$AA$30,INDEX(Jesper!$R$2:$R$366,ROW(INDEX(Jesper!AK$2:AK$366,ROUNDDOWN($C7378/24,0)+1,1))-1)+IF('Standard Profiles'!$G$21=$B$10,7,0)+IF('Standard Profiles'!$G$21=$B$17,14,0)+IF('Standard Profiles'!$G$21=$B$24,21,0),MOD($C7378,24)+1)/SUM(INDEX($D$3:$AA$30,INDEX(Jesper!$R$2:$R$366,ROW(INDEX(Jesper!AK$2:AK$366,ROUNDDOWN($C7378/24,0)+1,1))-1)+IF('Standard Profiles'!$G$21=$B$10,7,0)+IF('Standard Profiles'!$G$21=$B$17,14,0)+IF('Standard Profiles'!$G$21=$B$24,21,0),0)),0)</f>
        <v>0</v>
      </c>
      <c r="H7378" cm="1">
        <f t="array" ref="H7378">IFERROR(INDEX(Jesper!AL$2:AL$366,ROUNDDOWN($C7378/24,0)+1,1)*INDEX($D$3:$AA$30,INDEX(Jesper!$R$2:$R$366,ROW(INDEX(Jesper!AL$2:AL$366,ROUNDDOWN($C7378/24,0)+1,1))-1)+IF('Standard Profiles'!$G$22=$B$10,7,0)+IF('Standard Profiles'!$G$22=$B$17,14,0)+IF('Standard Profiles'!$G$22=$B$24,21,0),MOD($C7378,24)+1)/SUM(INDEX($D$3:$AA$30,INDEX(Jesper!$R$2:$R$366,ROW(INDEX(Jesper!AL$2:AL$366,ROUNDDOWN($C7378/24,0)+1,1))-1)+IF('Standard Profiles'!$G$22=$B$10,7,0)+IF('Standard Profiles'!$G$22=$B$17,14,0)+IF('Standard Profiles'!$G$22=$B$24,21,0),0)),0)</f>
        <v>0</v>
      </c>
      <c r="I7378">
        <f t="shared" si="818"/>
        <v>7.8653862374688452E-2</v>
      </c>
      <c r="J7378">
        <f t="shared" si="819"/>
        <v>0.26217954124896153</v>
      </c>
      <c r="K7378">
        <f t="shared" si="820"/>
        <v>0.39326931187344233</v>
      </c>
      <c r="L7378">
        <f t="shared" si="821"/>
        <v>4.2213711494647139</v>
      </c>
      <c r="M7378">
        <f t="shared" si="822"/>
        <v>0</v>
      </c>
      <c r="N7378" s="46">
        <f t="shared" si="823"/>
        <v>45597.999999982188</v>
      </c>
    </row>
    <row r="7379" spans="2:14" x14ac:dyDescent="0.3">
      <c r="B7379">
        <f t="shared" si="817"/>
        <v>6</v>
      </c>
      <c r="C7379" s="16">
        <v>7345</v>
      </c>
      <c r="D7379" cm="1">
        <f t="array" ref="D7379">IFERROR(INDEX(Jesper!AH$2:AH$366,ROUNDDOWN($C7379/24,0)+1,1)*INDEX($D$3:$AA$30,INDEX(Jesper!$R$2:$R$366,ROW(INDEX(Jesper!AH$2:AH$366,ROUNDDOWN($C7379/24,0)+1,1))-1)+IF('Standard Profiles'!$G$18=$B$10,7,0)+IF('Standard Profiles'!$G$18=$B$17,14,0)+IF('Standard Profiles'!$G$18=$B$24,21,0),MOD($C7379,24)+1)/SUM(INDEX($D$3:$AA$30,INDEX(Jesper!$R$2:$R$366,ROW(INDEX(Jesper!AH$2:AH$366,ROUNDDOWN($C7379/24,0)+1,1))-1)+IF('Standard Profiles'!$G$18=$B$10,7,0)+IF('Standard Profiles'!$G$18=$B$17,14,0)+IF('Standard Profiles'!$G$18=$B$24,21,0),0)),0)</f>
        <v>7.9704312236530175</v>
      </c>
      <c r="E7379" cm="1">
        <f t="array" ref="E7379">IFERROR(INDEX(Jesper!AI$2:AI$366,ROUNDDOWN($C7379/24,0)+1,1)*INDEX($D$3:$AA$30,INDEX(Jesper!$R$2:$R$366,ROW(INDEX(Jesper!AI$2:AI$366,ROUNDDOWN($C7379/24,0)+1,1))-1)+IF('Standard Profiles'!$G$19=$B$10,7,0)+IF('Standard Profiles'!$G$19=$B$17,14,0)+IF('Standard Profiles'!$G$19=$B$24,21,0),MOD($C7379,24)+1)/SUM(INDEX($D$3:$AA$30,INDEX(Jesper!$R$2:$R$366,ROW(INDEX(Jesper!AI$2:AI$366,ROUNDDOWN($C7379/24,0)+1,1))-1)+IF('Standard Profiles'!$G$19=$B$10,7,0)+IF('Standard Profiles'!$G$19=$B$17,14,0)+IF('Standard Profiles'!$G$19=$B$24,21,0),0)),0)</f>
        <v>1.7045415603200338</v>
      </c>
      <c r="F7379" cm="1">
        <f t="array" ref="F7379">IFERROR(INDEX(Jesper!AJ$2:AJ$366,ROUNDDOWN($C7379/24,0)+1,1)*INDEX($D$3:$AA$30,INDEX(Jesper!$R$2:$R$366,ROW(INDEX(Jesper!AJ$2:AJ$366,ROUNDDOWN($C7379/24,0)+1,1))-1)+IF('Standard Profiles'!$G$20=$B$10,7,0)+IF('Standard Profiles'!$G$20=$B$17,14,0)+IF('Standard Profiles'!$G$20=$B$24,21,0),MOD($C7379,24)+1)/SUM(INDEX($D$3:$AA$30,INDEX(Jesper!$R$2:$R$366,ROW(INDEX(Jesper!AJ$2:AJ$366,ROUNDDOWN($C7379/24,0)+1,1))-1)+IF('Standard Profiles'!$G$20=$B$10,7,0)+IF('Standard Profiles'!$G$20=$B$17,14,0)+IF('Standard Profiles'!$G$20=$B$24,21,0),0)),0)</f>
        <v>0</v>
      </c>
      <c r="G7379" cm="1">
        <f t="array" ref="G7379">IFERROR(INDEX(Jesper!AK$2:AK$366,ROUNDDOWN($C7379/24,0)+1,1)*INDEX($D$3:$AA$30,INDEX(Jesper!$R$2:$R$366,ROW(INDEX(Jesper!AK$2:AK$366,ROUNDDOWN($C7379/24,0)+1,1))-1)+IF('Standard Profiles'!$G$21=$B$10,7,0)+IF('Standard Profiles'!$G$21=$B$17,14,0)+IF('Standard Profiles'!$G$21=$B$24,21,0),MOD($C7379,24)+1)/SUM(INDEX($D$3:$AA$30,INDEX(Jesper!$R$2:$R$366,ROW(INDEX(Jesper!AK$2:AK$366,ROUNDDOWN($C7379/24,0)+1,1))-1)+IF('Standard Profiles'!$G$21=$B$10,7,0)+IF('Standard Profiles'!$G$21=$B$17,14,0)+IF('Standard Profiles'!$G$21=$B$24,21,0),0)),0)</f>
        <v>0</v>
      </c>
      <c r="H7379" cm="1">
        <f t="array" ref="H7379">IFERROR(INDEX(Jesper!AL$2:AL$366,ROUNDDOWN($C7379/24,0)+1,1)*INDEX($D$3:$AA$30,INDEX(Jesper!$R$2:$R$366,ROW(INDEX(Jesper!AL$2:AL$366,ROUNDDOWN($C7379/24,0)+1,1))-1)+IF('Standard Profiles'!$G$22=$B$10,7,0)+IF('Standard Profiles'!$G$22=$B$17,14,0)+IF('Standard Profiles'!$G$22=$B$24,21,0),MOD($C7379,24)+1)/SUM(INDEX($D$3:$AA$30,INDEX(Jesper!$R$2:$R$366,ROW(INDEX(Jesper!AL$2:AL$366,ROUNDDOWN($C7379/24,0)+1,1))-1)+IF('Standard Profiles'!$G$22=$B$10,7,0)+IF('Standard Profiles'!$G$22=$B$17,14,0)+IF('Standard Profiles'!$G$22=$B$24,21,0),0)),0)</f>
        <v>0</v>
      </c>
      <c r="I7379">
        <f t="shared" si="818"/>
        <v>0.15356230273153462</v>
      </c>
      <c r="J7379">
        <f t="shared" si="819"/>
        <v>0.51187434243844876</v>
      </c>
      <c r="K7379">
        <f t="shared" si="820"/>
        <v>0.76781151365767319</v>
      </c>
      <c r="L7379">
        <f t="shared" si="821"/>
        <v>8.2417246251453946</v>
      </c>
      <c r="M7379">
        <f t="shared" si="822"/>
        <v>0</v>
      </c>
      <c r="N7379" s="46">
        <f t="shared" si="823"/>
        <v>45598.041666648853</v>
      </c>
    </row>
    <row r="7380" spans="2:14" x14ac:dyDescent="0.3">
      <c r="B7380">
        <f t="shared" si="817"/>
        <v>6</v>
      </c>
      <c r="C7380" s="16">
        <v>7346</v>
      </c>
      <c r="D7380" cm="1">
        <f t="array" ref="D7380">IFERROR(INDEX(Jesper!AH$2:AH$366,ROUNDDOWN($C7380/24,0)+1,1)*INDEX($D$3:$AA$30,INDEX(Jesper!$R$2:$R$366,ROW(INDEX(Jesper!AH$2:AH$366,ROUNDDOWN($C7380/24,0)+1,1))-1)+IF('Standard Profiles'!$G$18=$B$10,7,0)+IF('Standard Profiles'!$G$18=$B$17,14,0)+IF('Standard Profiles'!$G$18=$B$24,21,0),MOD($C7380,24)+1)/SUM(INDEX($D$3:$AA$30,INDEX(Jesper!$R$2:$R$366,ROW(INDEX(Jesper!AH$2:AH$366,ROUNDDOWN($C7380/24,0)+1,1))-1)+IF('Standard Profiles'!$G$18=$B$10,7,0)+IF('Standard Profiles'!$G$18=$B$17,14,0)+IF('Standard Profiles'!$G$18=$B$24,21,0),0)),0)</f>
        <v>7.9704312236530175</v>
      </c>
      <c r="E7380" cm="1">
        <f t="array" ref="E7380">IFERROR(INDEX(Jesper!AI$2:AI$366,ROUNDDOWN($C7380/24,0)+1,1)*INDEX($D$3:$AA$30,INDEX(Jesper!$R$2:$R$366,ROW(INDEX(Jesper!AI$2:AI$366,ROUNDDOWN($C7380/24,0)+1,1))-1)+IF('Standard Profiles'!$G$19=$B$10,7,0)+IF('Standard Profiles'!$G$19=$B$17,14,0)+IF('Standard Profiles'!$G$19=$B$24,21,0),MOD($C7380,24)+1)/SUM(INDEX($D$3:$AA$30,INDEX(Jesper!$R$2:$R$366,ROW(INDEX(Jesper!AI$2:AI$366,ROUNDDOWN($C7380/24,0)+1,1))-1)+IF('Standard Profiles'!$G$19=$B$10,7,0)+IF('Standard Profiles'!$G$19=$B$17,14,0)+IF('Standard Profiles'!$G$19=$B$24,21,0),0)),0)</f>
        <v>1.7045415603200338</v>
      </c>
      <c r="F7380" cm="1">
        <f t="array" ref="F7380">IFERROR(INDEX(Jesper!AJ$2:AJ$366,ROUNDDOWN($C7380/24,0)+1,1)*INDEX($D$3:$AA$30,INDEX(Jesper!$R$2:$R$366,ROW(INDEX(Jesper!AJ$2:AJ$366,ROUNDDOWN($C7380/24,0)+1,1))-1)+IF('Standard Profiles'!$G$20=$B$10,7,0)+IF('Standard Profiles'!$G$20=$B$17,14,0)+IF('Standard Profiles'!$G$20=$B$24,21,0),MOD($C7380,24)+1)/SUM(INDEX($D$3:$AA$30,INDEX(Jesper!$R$2:$R$366,ROW(INDEX(Jesper!AJ$2:AJ$366,ROUNDDOWN($C7380/24,0)+1,1))-1)+IF('Standard Profiles'!$G$20=$B$10,7,0)+IF('Standard Profiles'!$G$20=$B$17,14,0)+IF('Standard Profiles'!$G$20=$B$24,21,0),0)),0)</f>
        <v>0</v>
      </c>
      <c r="G7380" cm="1">
        <f t="array" ref="G7380">IFERROR(INDEX(Jesper!AK$2:AK$366,ROUNDDOWN($C7380/24,0)+1,1)*INDEX($D$3:$AA$30,INDEX(Jesper!$R$2:$R$366,ROW(INDEX(Jesper!AK$2:AK$366,ROUNDDOWN($C7380/24,0)+1,1))-1)+IF('Standard Profiles'!$G$21=$B$10,7,0)+IF('Standard Profiles'!$G$21=$B$17,14,0)+IF('Standard Profiles'!$G$21=$B$24,21,0),MOD($C7380,24)+1)/SUM(INDEX($D$3:$AA$30,INDEX(Jesper!$R$2:$R$366,ROW(INDEX(Jesper!AK$2:AK$366,ROUNDDOWN($C7380/24,0)+1,1))-1)+IF('Standard Profiles'!$G$21=$B$10,7,0)+IF('Standard Profiles'!$G$21=$B$17,14,0)+IF('Standard Profiles'!$G$21=$B$24,21,0),0)),0)</f>
        <v>0</v>
      </c>
      <c r="H7380" cm="1">
        <f t="array" ref="H7380">IFERROR(INDEX(Jesper!AL$2:AL$366,ROUNDDOWN($C7380/24,0)+1,1)*INDEX($D$3:$AA$30,INDEX(Jesper!$R$2:$R$366,ROW(INDEX(Jesper!AL$2:AL$366,ROUNDDOWN($C7380/24,0)+1,1))-1)+IF('Standard Profiles'!$G$22=$B$10,7,0)+IF('Standard Profiles'!$G$22=$B$17,14,0)+IF('Standard Profiles'!$G$22=$B$24,21,0),MOD($C7380,24)+1)/SUM(INDEX($D$3:$AA$30,INDEX(Jesper!$R$2:$R$366,ROW(INDEX(Jesper!AL$2:AL$366,ROUNDDOWN($C7380/24,0)+1,1))-1)+IF('Standard Profiles'!$G$22=$B$10,7,0)+IF('Standard Profiles'!$G$22=$B$17,14,0)+IF('Standard Profiles'!$G$22=$B$24,21,0),0)),0)</f>
        <v>0</v>
      </c>
      <c r="I7380">
        <f t="shared" si="818"/>
        <v>0.15356230273153462</v>
      </c>
      <c r="J7380">
        <f t="shared" si="819"/>
        <v>0.51187434243844876</v>
      </c>
      <c r="K7380">
        <f t="shared" si="820"/>
        <v>0.76781151365767319</v>
      </c>
      <c r="L7380">
        <f t="shared" si="821"/>
        <v>8.2417246251453946</v>
      </c>
      <c r="M7380">
        <f t="shared" si="822"/>
        <v>0</v>
      </c>
      <c r="N7380" s="46">
        <f t="shared" si="823"/>
        <v>45598.083333315517</v>
      </c>
    </row>
    <row r="7381" spans="2:14" x14ac:dyDescent="0.3">
      <c r="B7381">
        <f t="shared" si="817"/>
        <v>6</v>
      </c>
      <c r="C7381" s="16">
        <v>7347</v>
      </c>
      <c r="D7381" cm="1">
        <f t="array" ref="D7381">IFERROR(INDEX(Jesper!AH$2:AH$366,ROUNDDOWN($C7381/24,0)+1,1)*INDEX($D$3:$AA$30,INDEX(Jesper!$R$2:$R$366,ROW(INDEX(Jesper!AH$2:AH$366,ROUNDDOWN($C7381/24,0)+1,1))-1)+IF('Standard Profiles'!$G$18=$B$10,7,0)+IF('Standard Profiles'!$G$18=$B$17,14,0)+IF('Standard Profiles'!$G$18=$B$24,21,0),MOD($C7381,24)+1)/SUM(INDEX($D$3:$AA$30,INDEX(Jesper!$R$2:$R$366,ROW(INDEX(Jesper!AH$2:AH$366,ROUNDDOWN($C7381/24,0)+1,1))-1)+IF('Standard Profiles'!$G$18=$B$10,7,0)+IF('Standard Profiles'!$G$18=$B$17,14,0)+IF('Standard Profiles'!$G$18=$B$24,21,0),0)),0)</f>
        <v>7.9704312236530175</v>
      </c>
      <c r="E7381" cm="1">
        <f t="array" ref="E7381">IFERROR(INDEX(Jesper!AI$2:AI$366,ROUNDDOWN($C7381/24,0)+1,1)*INDEX($D$3:$AA$30,INDEX(Jesper!$R$2:$R$366,ROW(INDEX(Jesper!AI$2:AI$366,ROUNDDOWN($C7381/24,0)+1,1))-1)+IF('Standard Profiles'!$G$19=$B$10,7,0)+IF('Standard Profiles'!$G$19=$B$17,14,0)+IF('Standard Profiles'!$G$19=$B$24,21,0),MOD($C7381,24)+1)/SUM(INDEX($D$3:$AA$30,INDEX(Jesper!$R$2:$R$366,ROW(INDEX(Jesper!AI$2:AI$366,ROUNDDOWN($C7381/24,0)+1,1))-1)+IF('Standard Profiles'!$G$19=$B$10,7,0)+IF('Standard Profiles'!$G$19=$B$17,14,0)+IF('Standard Profiles'!$G$19=$B$24,21,0),0)),0)</f>
        <v>1.7045415603200338</v>
      </c>
      <c r="F7381" cm="1">
        <f t="array" ref="F7381">IFERROR(INDEX(Jesper!AJ$2:AJ$366,ROUNDDOWN($C7381/24,0)+1,1)*INDEX($D$3:$AA$30,INDEX(Jesper!$R$2:$R$366,ROW(INDEX(Jesper!AJ$2:AJ$366,ROUNDDOWN($C7381/24,0)+1,1))-1)+IF('Standard Profiles'!$G$20=$B$10,7,0)+IF('Standard Profiles'!$G$20=$B$17,14,0)+IF('Standard Profiles'!$G$20=$B$24,21,0),MOD($C7381,24)+1)/SUM(INDEX($D$3:$AA$30,INDEX(Jesper!$R$2:$R$366,ROW(INDEX(Jesper!AJ$2:AJ$366,ROUNDDOWN($C7381/24,0)+1,1))-1)+IF('Standard Profiles'!$G$20=$B$10,7,0)+IF('Standard Profiles'!$G$20=$B$17,14,0)+IF('Standard Profiles'!$G$20=$B$24,21,0),0)),0)</f>
        <v>0</v>
      </c>
      <c r="G7381" cm="1">
        <f t="array" ref="G7381">IFERROR(INDEX(Jesper!AK$2:AK$366,ROUNDDOWN($C7381/24,0)+1,1)*INDEX($D$3:$AA$30,INDEX(Jesper!$R$2:$R$366,ROW(INDEX(Jesper!AK$2:AK$366,ROUNDDOWN($C7381/24,0)+1,1))-1)+IF('Standard Profiles'!$G$21=$B$10,7,0)+IF('Standard Profiles'!$G$21=$B$17,14,0)+IF('Standard Profiles'!$G$21=$B$24,21,0),MOD($C7381,24)+1)/SUM(INDEX($D$3:$AA$30,INDEX(Jesper!$R$2:$R$366,ROW(INDEX(Jesper!AK$2:AK$366,ROUNDDOWN($C7381/24,0)+1,1))-1)+IF('Standard Profiles'!$G$21=$B$10,7,0)+IF('Standard Profiles'!$G$21=$B$17,14,0)+IF('Standard Profiles'!$G$21=$B$24,21,0),0)),0)</f>
        <v>0</v>
      </c>
      <c r="H7381" cm="1">
        <f t="array" ref="H7381">IFERROR(INDEX(Jesper!AL$2:AL$366,ROUNDDOWN($C7381/24,0)+1,1)*INDEX($D$3:$AA$30,INDEX(Jesper!$R$2:$R$366,ROW(INDEX(Jesper!AL$2:AL$366,ROUNDDOWN($C7381/24,0)+1,1))-1)+IF('Standard Profiles'!$G$22=$B$10,7,0)+IF('Standard Profiles'!$G$22=$B$17,14,0)+IF('Standard Profiles'!$G$22=$B$24,21,0),MOD($C7381,24)+1)/SUM(INDEX($D$3:$AA$30,INDEX(Jesper!$R$2:$R$366,ROW(INDEX(Jesper!AL$2:AL$366,ROUNDDOWN($C7381/24,0)+1,1))-1)+IF('Standard Profiles'!$G$22=$B$10,7,0)+IF('Standard Profiles'!$G$22=$B$17,14,0)+IF('Standard Profiles'!$G$22=$B$24,21,0),0)),0)</f>
        <v>0</v>
      </c>
      <c r="I7381">
        <f t="shared" si="818"/>
        <v>0.15356230273153462</v>
      </c>
      <c r="J7381">
        <f t="shared" si="819"/>
        <v>0.51187434243844876</v>
      </c>
      <c r="K7381">
        <f t="shared" si="820"/>
        <v>0.76781151365767319</v>
      </c>
      <c r="L7381">
        <f t="shared" si="821"/>
        <v>8.2417246251453946</v>
      </c>
      <c r="M7381">
        <f t="shared" si="822"/>
        <v>0</v>
      </c>
      <c r="N7381" s="46">
        <f t="shared" si="823"/>
        <v>45598.124999982181</v>
      </c>
    </row>
    <row r="7382" spans="2:14" x14ac:dyDescent="0.3">
      <c r="B7382">
        <f t="shared" si="817"/>
        <v>6</v>
      </c>
      <c r="C7382" s="16">
        <v>7348</v>
      </c>
      <c r="D7382" cm="1">
        <f t="array" ref="D7382">IFERROR(INDEX(Jesper!AH$2:AH$366,ROUNDDOWN($C7382/24,0)+1,1)*INDEX($D$3:$AA$30,INDEX(Jesper!$R$2:$R$366,ROW(INDEX(Jesper!AH$2:AH$366,ROUNDDOWN($C7382/24,0)+1,1))-1)+IF('Standard Profiles'!$G$18=$B$10,7,0)+IF('Standard Profiles'!$G$18=$B$17,14,0)+IF('Standard Profiles'!$G$18=$B$24,21,0),MOD($C7382,24)+1)/SUM(INDEX($D$3:$AA$30,INDEX(Jesper!$R$2:$R$366,ROW(INDEX(Jesper!AH$2:AH$366,ROUNDDOWN($C7382/24,0)+1,1))-1)+IF('Standard Profiles'!$G$18=$B$10,7,0)+IF('Standard Profiles'!$G$18=$B$17,14,0)+IF('Standard Profiles'!$G$18=$B$24,21,0),0)),0)</f>
        <v>7.9704312236530175</v>
      </c>
      <c r="E7382" cm="1">
        <f t="array" ref="E7382">IFERROR(INDEX(Jesper!AI$2:AI$366,ROUNDDOWN($C7382/24,0)+1,1)*INDEX($D$3:$AA$30,INDEX(Jesper!$R$2:$R$366,ROW(INDEX(Jesper!AI$2:AI$366,ROUNDDOWN($C7382/24,0)+1,1))-1)+IF('Standard Profiles'!$G$19=$B$10,7,0)+IF('Standard Profiles'!$G$19=$B$17,14,0)+IF('Standard Profiles'!$G$19=$B$24,21,0),MOD($C7382,24)+1)/SUM(INDEX($D$3:$AA$30,INDEX(Jesper!$R$2:$R$366,ROW(INDEX(Jesper!AI$2:AI$366,ROUNDDOWN($C7382/24,0)+1,1))-1)+IF('Standard Profiles'!$G$19=$B$10,7,0)+IF('Standard Profiles'!$G$19=$B$17,14,0)+IF('Standard Profiles'!$G$19=$B$24,21,0),0)),0)</f>
        <v>1.7045415603200338</v>
      </c>
      <c r="F7382" cm="1">
        <f t="array" ref="F7382">IFERROR(INDEX(Jesper!AJ$2:AJ$366,ROUNDDOWN($C7382/24,0)+1,1)*INDEX($D$3:$AA$30,INDEX(Jesper!$R$2:$R$366,ROW(INDEX(Jesper!AJ$2:AJ$366,ROUNDDOWN($C7382/24,0)+1,1))-1)+IF('Standard Profiles'!$G$20=$B$10,7,0)+IF('Standard Profiles'!$G$20=$B$17,14,0)+IF('Standard Profiles'!$G$20=$B$24,21,0),MOD($C7382,24)+1)/SUM(INDEX($D$3:$AA$30,INDEX(Jesper!$R$2:$R$366,ROW(INDEX(Jesper!AJ$2:AJ$366,ROUNDDOWN($C7382/24,0)+1,1))-1)+IF('Standard Profiles'!$G$20=$B$10,7,0)+IF('Standard Profiles'!$G$20=$B$17,14,0)+IF('Standard Profiles'!$G$20=$B$24,21,0),0)),0)</f>
        <v>0</v>
      </c>
      <c r="G7382" cm="1">
        <f t="array" ref="G7382">IFERROR(INDEX(Jesper!AK$2:AK$366,ROUNDDOWN($C7382/24,0)+1,1)*INDEX($D$3:$AA$30,INDEX(Jesper!$R$2:$R$366,ROW(INDEX(Jesper!AK$2:AK$366,ROUNDDOWN($C7382/24,0)+1,1))-1)+IF('Standard Profiles'!$G$21=$B$10,7,0)+IF('Standard Profiles'!$G$21=$B$17,14,0)+IF('Standard Profiles'!$G$21=$B$24,21,0),MOD($C7382,24)+1)/SUM(INDEX($D$3:$AA$30,INDEX(Jesper!$R$2:$R$366,ROW(INDEX(Jesper!AK$2:AK$366,ROUNDDOWN($C7382/24,0)+1,1))-1)+IF('Standard Profiles'!$G$21=$B$10,7,0)+IF('Standard Profiles'!$G$21=$B$17,14,0)+IF('Standard Profiles'!$G$21=$B$24,21,0),0)),0)</f>
        <v>0</v>
      </c>
      <c r="H7382" cm="1">
        <f t="array" ref="H7382">IFERROR(INDEX(Jesper!AL$2:AL$366,ROUNDDOWN($C7382/24,0)+1,1)*INDEX($D$3:$AA$30,INDEX(Jesper!$R$2:$R$366,ROW(INDEX(Jesper!AL$2:AL$366,ROUNDDOWN($C7382/24,0)+1,1))-1)+IF('Standard Profiles'!$G$22=$B$10,7,0)+IF('Standard Profiles'!$G$22=$B$17,14,0)+IF('Standard Profiles'!$G$22=$B$24,21,0),MOD($C7382,24)+1)/SUM(INDEX($D$3:$AA$30,INDEX(Jesper!$R$2:$R$366,ROW(INDEX(Jesper!AL$2:AL$366,ROUNDDOWN($C7382/24,0)+1,1))-1)+IF('Standard Profiles'!$G$22=$B$10,7,0)+IF('Standard Profiles'!$G$22=$B$17,14,0)+IF('Standard Profiles'!$G$22=$B$24,21,0),0)),0)</f>
        <v>0</v>
      </c>
      <c r="I7382">
        <f t="shared" si="818"/>
        <v>0.15356230273153462</v>
      </c>
      <c r="J7382">
        <f t="shared" si="819"/>
        <v>0.51187434243844876</v>
      </c>
      <c r="K7382">
        <f t="shared" si="820"/>
        <v>0.76781151365767319</v>
      </c>
      <c r="L7382">
        <f t="shared" si="821"/>
        <v>8.2417246251453946</v>
      </c>
      <c r="M7382">
        <f t="shared" si="822"/>
        <v>0</v>
      </c>
      <c r="N7382" s="46">
        <f t="shared" si="823"/>
        <v>45598.166666648845</v>
      </c>
    </row>
    <row r="7383" spans="2:14" x14ac:dyDescent="0.3">
      <c r="B7383">
        <f t="shared" si="817"/>
        <v>6</v>
      </c>
      <c r="C7383" s="16">
        <v>7349</v>
      </c>
      <c r="D7383" cm="1">
        <f t="array" ref="D7383">IFERROR(INDEX(Jesper!AH$2:AH$366,ROUNDDOWN($C7383/24,0)+1,1)*INDEX($D$3:$AA$30,INDEX(Jesper!$R$2:$R$366,ROW(INDEX(Jesper!AH$2:AH$366,ROUNDDOWN($C7383/24,0)+1,1))-1)+IF('Standard Profiles'!$G$18=$B$10,7,0)+IF('Standard Profiles'!$G$18=$B$17,14,0)+IF('Standard Profiles'!$G$18=$B$24,21,0),MOD($C7383,24)+1)/SUM(INDEX($D$3:$AA$30,INDEX(Jesper!$R$2:$R$366,ROW(INDEX(Jesper!AH$2:AH$366,ROUNDDOWN($C7383/24,0)+1,1))-1)+IF('Standard Profiles'!$G$18=$B$10,7,0)+IF('Standard Profiles'!$G$18=$B$17,14,0)+IF('Standard Profiles'!$G$18=$B$24,21,0),0)),0)</f>
        <v>9.9144388391781444</v>
      </c>
      <c r="E7383" cm="1">
        <f t="array" ref="E7383">IFERROR(INDEX(Jesper!AI$2:AI$366,ROUNDDOWN($C7383/24,0)+1,1)*INDEX($D$3:$AA$30,INDEX(Jesper!$R$2:$R$366,ROW(INDEX(Jesper!AI$2:AI$366,ROUNDDOWN($C7383/24,0)+1,1))-1)+IF('Standard Profiles'!$G$19=$B$10,7,0)+IF('Standard Profiles'!$G$19=$B$17,14,0)+IF('Standard Profiles'!$G$19=$B$24,21,0),MOD($C7383,24)+1)/SUM(INDEX($D$3:$AA$30,INDEX(Jesper!$R$2:$R$366,ROW(INDEX(Jesper!AI$2:AI$366,ROUNDDOWN($C7383/24,0)+1,1))-1)+IF('Standard Profiles'!$G$19=$B$10,7,0)+IF('Standard Profiles'!$G$19=$B$17,14,0)+IF('Standard Profiles'!$G$19=$B$24,21,0),0)),0)</f>
        <v>2.1202834043005296</v>
      </c>
      <c r="F7383" cm="1">
        <f t="array" ref="F7383">IFERROR(INDEX(Jesper!AJ$2:AJ$366,ROUNDDOWN($C7383/24,0)+1,1)*INDEX($D$3:$AA$30,INDEX(Jesper!$R$2:$R$366,ROW(INDEX(Jesper!AJ$2:AJ$366,ROUNDDOWN($C7383/24,0)+1,1))-1)+IF('Standard Profiles'!$G$20=$B$10,7,0)+IF('Standard Profiles'!$G$20=$B$17,14,0)+IF('Standard Profiles'!$G$20=$B$24,21,0),MOD($C7383,24)+1)/SUM(INDEX($D$3:$AA$30,INDEX(Jesper!$R$2:$R$366,ROW(INDEX(Jesper!AJ$2:AJ$366,ROUNDDOWN($C7383/24,0)+1,1))-1)+IF('Standard Profiles'!$G$20=$B$10,7,0)+IF('Standard Profiles'!$G$20=$B$17,14,0)+IF('Standard Profiles'!$G$20=$B$24,21,0),0)),0)</f>
        <v>0</v>
      </c>
      <c r="G7383" cm="1">
        <f t="array" ref="G7383">IFERROR(INDEX(Jesper!AK$2:AK$366,ROUNDDOWN($C7383/24,0)+1,1)*INDEX($D$3:$AA$30,INDEX(Jesper!$R$2:$R$366,ROW(INDEX(Jesper!AK$2:AK$366,ROUNDDOWN($C7383/24,0)+1,1))-1)+IF('Standard Profiles'!$G$21=$B$10,7,0)+IF('Standard Profiles'!$G$21=$B$17,14,0)+IF('Standard Profiles'!$G$21=$B$24,21,0),MOD($C7383,24)+1)/SUM(INDEX($D$3:$AA$30,INDEX(Jesper!$R$2:$R$366,ROW(INDEX(Jesper!AK$2:AK$366,ROUNDDOWN($C7383/24,0)+1,1))-1)+IF('Standard Profiles'!$G$21=$B$10,7,0)+IF('Standard Profiles'!$G$21=$B$17,14,0)+IF('Standard Profiles'!$G$21=$B$24,21,0),0)),0)</f>
        <v>0</v>
      </c>
      <c r="H7383" cm="1">
        <f t="array" ref="H7383">IFERROR(INDEX(Jesper!AL$2:AL$366,ROUNDDOWN($C7383/24,0)+1,1)*INDEX($D$3:$AA$30,INDEX(Jesper!$R$2:$R$366,ROW(INDEX(Jesper!AL$2:AL$366,ROUNDDOWN($C7383/24,0)+1,1))-1)+IF('Standard Profiles'!$G$22=$B$10,7,0)+IF('Standard Profiles'!$G$22=$B$17,14,0)+IF('Standard Profiles'!$G$22=$B$24,21,0),MOD($C7383,24)+1)/SUM(INDEX($D$3:$AA$30,INDEX(Jesper!$R$2:$R$366,ROW(INDEX(Jesper!AL$2:AL$366,ROUNDDOWN($C7383/24,0)+1,1))-1)+IF('Standard Profiles'!$G$22=$B$10,7,0)+IF('Standard Profiles'!$G$22=$B$17,14,0)+IF('Standard Profiles'!$G$22=$B$24,21,0),0)),0)</f>
        <v>0</v>
      </c>
      <c r="I7383">
        <f t="shared" si="818"/>
        <v>0.19101652290995769</v>
      </c>
      <c r="J7383">
        <f t="shared" si="819"/>
        <v>0.63672174303319229</v>
      </c>
      <c r="K7383">
        <f t="shared" si="820"/>
        <v>0.95508261454978849</v>
      </c>
      <c r="L7383">
        <f t="shared" si="821"/>
        <v>10.251901362985736</v>
      </c>
      <c r="M7383">
        <f t="shared" si="822"/>
        <v>0</v>
      </c>
      <c r="N7383" s="46">
        <f t="shared" si="823"/>
        <v>45598.20833331551</v>
      </c>
    </row>
    <row r="7384" spans="2:14" x14ac:dyDescent="0.3">
      <c r="B7384">
        <f t="shared" si="817"/>
        <v>6</v>
      </c>
      <c r="C7384" s="16">
        <v>7350</v>
      </c>
      <c r="D7384" cm="1">
        <f t="array" ref="D7384">IFERROR(INDEX(Jesper!AH$2:AH$366,ROUNDDOWN($C7384/24,0)+1,1)*INDEX($D$3:$AA$30,INDEX(Jesper!$R$2:$R$366,ROW(INDEX(Jesper!AH$2:AH$366,ROUNDDOWN($C7384/24,0)+1,1))-1)+IF('Standard Profiles'!$G$18=$B$10,7,0)+IF('Standard Profiles'!$G$18=$B$17,14,0)+IF('Standard Profiles'!$G$18=$B$24,21,0),MOD($C7384,24)+1)/SUM(INDEX($D$3:$AA$30,INDEX(Jesper!$R$2:$R$366,ROW(INDEX(Jesper!AH$2:AH$366,ROUNDDOWN($C7384/24,0)+1,1))-1)+IF('Standard Profiles'!$G$18=$B$10,7,0)+IF('Standard Profiles'!$G$18=$B$17,14,0)+IF('Standard Profiles'!$G$18=$B$24,21,0),0)),0)</f>
        <v>12.441648739360808</v>
      </c>
      <c r="E7384" cm="1">
        <f t="array" ref="E7384">IFERROR(INDEX(Jesper!AI$2:AI$366,ROUNDDOWN($C7384/24,0)+1,1)*INDEX($D$3:$AA$30,INDEX(Jesper!$R$2:$R$366,ROW(INDEX(Jesper!AI$2:AI$366,ROUNDDOWN($C7384/24,0)+1,1))-1)+IF('Standard Profiles'!$G$19=$B$10,7,0)+IF('Standard Profiles'!$G$19=$B$17,14,0)+IF('Standard Profiles'!$G$19=$B$24,21,0),MOD($C7384,24)+1)/SUM(INDEX($D$3:$AA$30,INDEX(Jesper!$R$2:$R$366,ROW(INDEX(Jesper!AI$2:AI$366,ROUNDDOWN($C7384/24,0)+1,1))-1)+IF('Standard Profiles'!$G$19=$B$10,7,0)+IF('Standard Profiles'!$G$19=$B$17,14,0)+IF('Standard Profiles'!$G$19=$B$24,21,0),0)),0)</f>
        <v>2.6607478014751749</v>
      </c>
      <c r="F7384" cm="1">
        <f t="array" ref="F7384">IFERROR(INDEX(Jesper!AJ$2:AJ$366,ROUNDDOWN($C7384/24,0)+1,1)*INDEX($D$3:$AA$30,INDEX(Jesper!$R$2:$R$366,ROW(INDEX(Jesper!AJ$2:AJ$366,ROUNDDOWN($C7384/24,0)+1,1))-1)+IF('Standard Profiles'!$G$20=$B$10,7,0)+IF('Standard Profiles'!$G$20=$B$17,14,0)+IF('Standard Profiles'!$G$20=$B$24,21,0),MOD($C7384,24)+1)/SUM(INDEX($D$3:$AA$30,INDEX(Jesper!$R$2:$R$366,ROW(INDEX(Jesper!AJ$2:AJ$366,ROUNDDOWN($C7384/24,0)+1,1))-1)+IF('Standard Profiles'!$G$20=$B$10,7,0)+IF('Standard Profiles'!$G$20=$B$17,14,0)+IF('Standard Profiles'!$G$20=$B$24,21,0),0)),0)</f>
        <v>0</v>
      </c>
      <c r="G7384" cm="1">
        <f t="array" ref="G7384">IFERROR(INDEX(Jesper!AK$2:AK$366,ROUNDDOWN($C7384/24,0)+1,1)*INDEX($D$3:$AA$30,INDEX(Jesper!$R$2:$R$366,ROW(INDEX(Jesper!AK$2:AK$366,ROUNDDOWN($C7384/24,0)+1,1))-1)+IF('Standard Profiles'!$G$21=$B$10,7,0)+IF('Standard Profiles'!$G$21=$B$17,14,0)+IF('Standard Profiles'!$G$21=$B$24,21,0),MOD($C7384,24)+1)/SUM(INDEX($D$3:$AA$30,INDEX(Jesper!$R$2:$R$366,ROW(INDEX(Jesper!AK$2:AK$366,ROUNDDOWN($C7384/24,0)+1,1))-1)+IF('Standard Profiles'!$G$21=$B$10,7,0)+IF('Standard Profiles'!$G$21=$B$17,14,0)+IF('Standard Profiles'!$G$21=$B$24,21,0),0)),0)</f>
        <v>0</v>
      </c>
      <c r="H7384" cm="1">
        <f t="array" ref="H7384">IFERROR(INDEX(Jesper!AL$2:AL$366,ROUNDDOWN($C7384/24,0)+1,1)*INDEX($D$3:$AA$30,INDEX(Jesper!$R$2:$R$366,ROW(INDEX(Jesper!AL$2:AL$366,ROUNDDOWN($C7384/24,0)+1,1))-1)+IF('Standard Profiles'!$G$22=$B$10,7,0)+IF('Standard Profiles'!$G$22=$B$17,14,0)+IF('Standard Profiles'!$G$22=$B$24,21,0),MOD($C7384,24)+1)/SUM(INDEX($D$3:$AA$30,INDEX(Jesper!$R$2:$R$366,ROW(INDEX(Jesper!AL$2:AL$366,ROUNDDOWN($C7384/24,0)+1,1))-1)+IF('Standard Profiles'!$G$22=$B$10,7,0)+IF('Standard Profiles'!$G$22=$B$17,14,0)+IF('Standard Profiles'!$G$22=$B$24,21,0),0)),0)</f>
        <v>0</v>
      </c>
      <c r="I7384">
        <f t="shared" si="818"/>
        <v>0.23970700914190771</v>
      </c>
      <c r="J7384">
        <f t="shared" si="819"/>
        <v>0.79902336380635908</v>
      </c>
      <c r="K7384">
        <f t="shared" si="820"/>
        <v>1.1985350457095387</v>
      </c>
      <c r="L7384">
        <f t="shared" si="821"/>
        <v>12.865131122178177</v>
      </c>
      <c r="M7384">
        <f t="shared" si="822"/>
        <v>0</v>
      </c>
      <c r="N7384" s="46">
        <f t="shared" si="823"/>
        <v>45598.249999982174</v>
      </c>
    </row>
    <row r="7385" spans="2:14" x14ac:dyDescent="0.3">
      <c r="B7385">
        <f t="shared" si="817"/>
        <v>6</v>
      </c>
      <c r="C7385" s="16">
        <v>7351</v>
      </c>
      <c r="D7385" cm="1">
        <f t="array" ref="D7385">IFERROR(INDEX(Jesper!AH$2:AH$366,ROUNDDOWN($C7385/24,0)+1,1)*INDEX($D$3:$AA$30,INDEX(Jesper!$R$2:$R$366,ROW(INDEX(Jesper!AH$2:AH$366,ROUNDDOWN($C7385/24,0)+1,1))-1)+IF('Standard Profiles'!$G$18=$B$10,7,0)+IF('Standard Profiles'!$G$18=$B$17,14,0)+IF('Standard Profiles'!$G$18=$B$24,21,0),MOD($C7385,24)+1)/SUM(INDEX($D$3:$AA$30,INDEX(Jesper!$R$2:$R$366,ROW(INDEX(Jesper!AH$2:AH$366,ROUNDDOWN($C7385/24,0)+1,1))-1)+IF('Standard Profiles'!$G$18=$B$10,7,0)+IF('Standard Profiles'!$G$18=$B$17,14,0)+IF('Standard Profiles'!$G$18=$B$24,21,0),0)),0)</f>
        <v>14.191255593333421</v>
      </c>
      <c r="E7385" cm="1">
        <f t="array" ref="E7385">IFERROR(INDEX(Jesper!AI$2:AI$366,ROUNDDOWN($C7385/24,0)+1,1)*INDEX($D$3:$AA$30,INDEX(Jesper!$R$2:$R$366,ROW(INDEX(Jesper!AI$2:AI$366,ROUNDDOWN($C7385/24,0)+1,1))-1)+IF('Standard Profiles'!$G$19=$B$10,7,0)+IF('Standard Profiles'!$G$19=$B$17,14,0)+IF('Standard Profiles'!$G$19=$B$24,21,0),MOD($C7385,24)+1)/SUM(INDEX($D$3:$AA$30,INDEX(Jesper!$R$2:$R$366,ROW(INDEX(Jesper!AI$2:AI$366,ROUNDDOWN($C7385/24,0)+1,1))-1)+IF('Standard Profiles'!$G$19=$B$10,7,0)+IF('Standard Profiles'!$G$19=$B$17,14,0)+IF('Standard Profiles'!$G$19=$B$24,21,0),0)),0)</f>
        <v>3.0349154610576212</v>
      </c>
      <c r="F7385" cm="1">
        <f t="array" ref="F7385">IFERROR(INDEX(Jesper!AJ$2:AJ$366,ROUNDDOWN($C7385/24,0)+1,1)*INDEX($D$3:$AA$30,INDEX(Jesper!$R$2:$R$366,ROW(INDEX(Jesper!AJ$2:AJ$366,ROUNDDOWN($C7385/24,0)+1,1))-1)+IF('Standard Profiles'!$G$20=$B$10,7,0)+IF('Standard Profiles'!$G$20=$B$17,14,0)+IF('Standard Profiles'!$G$20=$B$24,21,0),MOD($C7385,24)+1)/SUM(INDEX($D$3:$AA$30,INDEX(Jesper!$R$2:$R$366,ROW(INDEX(Jesper!AJ$2:AJ$366,ROUNDDOWN($C7385/24,0)+1,1))-1)+IF('Standard Profiles'!$G$20=$B$10,7,0)+IF('Standard Profiles'!$G$20=$B$17,14,0)+IF('Standard Profiles'!$G$20=$B$24,21,0),0)),0)</f>
        <v>0</v>
      </c>
      <c r="G7385" cm="1">
        <f t="array" ref="G7385">IFERROR(INDEX(Jesper!AK$2:AK$366,ROUNDDOWN($C7385/24,0)+1,1)*INDEX($D$3:$AA$30,INDEX(Jesper!$R$2:$R$366,ROW(INDEX(Jesper!AK$2:AK$366,ROUNDDOWN($C7385/24,0)+1,1))-1)+IF('Standard Profiles'!$G$21=$B$10,7,0)+IF('Standard Profiles'!$G$21=$B$17,14,0)+IF('Standard Profiles'!$G$21=$B$24,21,0),MOD($C7385,24)+1)/SUM(INDEX($D$3:$AA$30,INDEX(Jesper!$R$2:$R$366,ROW(INDEX(Jesper!AK$2:AK$366,ROUNDDOWN($C7385/24,0)+1,1))-1)+IF('Standard Profiles'!$G$21=$B$10,7,0)+IF('Standard Profiles'!$G$21=$B$17,14,0)+IF('Standard Profiles'!$G$21=$B$24,21,0),0)),0)</f>
        <v>0</v>
      </c>
      <c r="H7385" cm="1">
        <f t="array" ref="H7385">IFERROR(INDEX(Jesper!AL$2:AL$366,ROUNDDOWN($C7385/24,0)+1,1)*INDEX($D$3:$AA$30,INDEX(Jesper!$R$2:$R$366,ROW(INDEX(Jesper!AL$2:AL$366,ROUNDDOWN($C7385/24,0)+1,1))-1)+IF('Standard Profiles'!$G$22=$B$10,7,0)+IF('Standard Profiles'!$G$22=$B$17,14,0)+IF('Standard Profiles'!$G$22=$B$24,21,0),MOD($C7385,24)+1)/SUM(INDEX($D$3:$AA$30,INDEX(Jesper!$R$2:$R$366,ROW(INDEX(Jesper!AL$2:AL$366,ROUNDDOWN($C7385/24,0)+1,1))-1)+IF('Standard Profiles'!$G$22=$B$10,7,0)+IF('Standard Profiles'!$G$22=$B$17,14,0)+IF('Standard Profiles'!$G$22=$B$24,21,0),0)),0)</f>
        <v>0</v>
      </c>
      <c r="I7385">
        <f t="shared" si="818"/>
        <v>0.27341580730248849</v>
      </c>
      <c r="J7385">
        <f t="shared" si="819"/>
        <v>0.9113860243416283</v>
      </c>
      <c r="K7385">
        <f t="shared" si="820"/>
        <v>1.3670790365124426</v>
      </c>
      <c r="L7385">
        <f t="shared" si="821"/>
        <v>14.674290186234483</v>
      </c>
      <c r="M7385">
        <f t="shared" si="822"/>
        <v>0</v>
      </c>
      <c r="N7385" s="46">
        <f t="shared" si="823"/>
        <v>45598.291666648838</v>
      </c>
    </row>
    <row r="7386" spans="2:14" x14ac:dyDescent="0.3">
      <c r="B7386">
        <f t="shared" si="817"/>
        <v>6</v>
      </c>
      <c r="C7386" s="16">
        <v>7352</v>
      </c>
      <c r="D7386" cm="1">
        <f t="array" ref="D7386">IFERROR(INDEX(Jesper!AH$2:AH$366,ROUNDDOWN($C7386/24,0)+1,1)*INDEX($D$3:$AA$30,INDEX(Jesper!$R$2:$R$366,ROW(INDEX(Jesper!AH$2:AH$366,ROUNDDOWN($C7386/24,0)+1,1))-1)+IF('Standard Profiles'!$G$18=$B$10,7,0)+IF('Standard Profiles'!$G$18=$B$17,14,0)+IF('Standard Profiles'!$G$18=$B$24,21,0),MOD($C7386,24)+1)/SUM(INDEX($D$3:$AA$30,INDEX(Jesper!$R$2:$R$366,ROW(INDEX(Jesper!AH$2:AH$366,ROUNDDOWN($C7386/24,0)+1,1))-1)+IF('Standard Profiles'!$G$18=$B$10,7,0)+IF('Standard Profiles'!$G$18=$B$17,14,0)+IF('Standard Profiles'!$G$18=$B$24,21,0),0)),0)</f>
        <v>14.191255593333421</v>
      </c>
      <c r="E7386" cm="1">
        <f t="array" ref="E7386">IFERROR(INDEX(Jesper!AI$2:AI$366,ROUNDDOWN($C7386/24,0)+1,1)*INDEX($D$3:$AA$30,INDEX(Jesper!$R$2:$R$366,ROW(INDEX(Jesper!AI$2:AI$366,ROUNDDOWN($C7386/24,0)+1,1))-1)+IF('Standard Profiles'!$G$19=$B$10,7,0)+IF('Standard Profiles'!$G$19=$B$17,14,0)+IF('Standard Profiles'!$G$19=$B$24,21,0),MOD($C7386,24)+1)/SUM(INDEX($D$3:$AA$30,INDEX(Jesper!$R$2:$R$366,ROW(INDEX(Jesper!AI$2:AI$366,ROUNDDOWN($C7386/24,0)+1,1))-1)+IF('Standard Profiles'!$G$19=$B$10,7,0)+IF('Standard Profiles'!$G$19=$B$17,14,0)+IF('Standard Profiles'!$G$19=$B$24,21,0),0)),0)</f>
        <v>3.0349154610576212</v>
      </c>
      <c r="F7386" cm="1">
        <f t="array" ref="F7386">IFERROR(INDEX(Jesper!AJ$2:AJ$366,ROUNDDOWN($C7386/24,0)+1,1)*INDEX($D$3:$AA$30,INDEX(Jesper!$R$2:$R$366,ROW(INDEX(Jesper!AJ$2:AJ$366,ROUNDDOWN($C7386/24,0)+1,1))-1)+IF('Standard Profiles'!$G$20=$B$10,7,0)+IF('Standard Profiles'!$G$20=$B$17,14,0)+IF('Standard Profiles'!$G$20=$B$24,21,0),MOD($C7386,24)+1)/SUM(INDEX($D$3:$AA$30,INDEX(Jesper!$R$2:$R$366,ROW(INDEX(Jesper!AJ$2:AJ$366,ROUNDDOWN($C7386/24,0)+1,1))-1)+IF('Standard Profiles'!$G$20=$B$10,7,0)+IF('Standard Profiles'!$G$20=$B$17,14,0)+IF('Standard Profiles'!$G$20=$B$24,21,0),0)),0)</f>
        <v>0</v>
      </c>
      <c r="G7386" cm="1">
        <f t="array" ref="G7386">IFERROR(INDEX(Jesper!AK$2:AK$366,ROUNDDOWN($C7386/24,0)+1,1)*INDEX($D$3:$AA$30,INDEX(Jesper!$R$2:$R$366,ROW(INDEX(Jesper!AK$2:AK$366,ROUNDDOWN($C7386/24,0)+1,1))-1)+IF('Standard Profiles'!$G$21=$B$10,7,0)+IF('Standard Profiles'!$G$21=$B$17,14,0)+IF('Standard Profiles'!$G$21=$B$24,21,0),MOD($C7386,24)+1)/SUM(INDEX($D$3:$AA$30,INDEX(Jesper!$R$2:$R$366,ROW(INDEX(Jesper!AK$2:AK$366,ROUNDDOWN($C7386/24,0)+1,1))-1)+IF('Standard Profiles'!$G$21=$B$10,7,0)+IF('Standard Profiles'!$G$21=$B$17,14,0)+IF('Standard Profiles'!$G$21=$B$24,21,0),0)),0)</f>
        <v>0</v>
      </c>
      <c r="H7386" cm="1">
        <f t="array" ref="H7386">IFERROR(INDEX(Jesper!AL$2:AL$366,ROUNDDOWN($C7386/24,0)+1,1)*INDEX($D$3:$AA$30,INDEX(Jesper!$R$2:$R$366,ROW(INDEX(Jesper!AL$2:AL$366,ROUNDDOWN($C7386/24,0)+1,1))-1)+IF('Standard Profiles'!$G$22=$B$10,7,0)+IF('Standard Profiles'!$G$22=$B$17,14,0)+IF('Standard Profiles'!$G$22=$B$24,21,0),MOD($C7386,24)+1)/SUM(INDEX($D$3:$AA$30,INDEX(Jesper!$R$2:$R$366,ROW(INDEX(Jesper!AL$2:AL$366,ROUNDDOWN($C7386/24,0)+1,1))-1)+IF('Standard Profiles'!$G$22=$B$10,7,0)+IF('Standard Profiles'!$G$22=$B$17,14,0)+IF('Standard Profiles'!$G$22=$B$24,21,0),0)),0)</f>
        <v>0</v>
      </c>
      <c r="I7386">
        <f t="shared" si="818"/>
        <v>0.27341580730248849</v>
      </c>
      <c r="J7386">
        <f t="shared" si="819"/>
        <v>0.9113860243416283</v>
      </c>
      <c r="K7386">
        <f t="shared" si="820"/>
        <v>1.3670790365124426</v>
      </c>
      <c r="L7386">
        <f t="shared" si="821"/>
        <v>14.674290186234483</v>
      </c>
      <c r="M7386">
        <f t="shared" si="822"/>
        <v>0</v>
      </c>
      <c r="N7386" s="46">
        <f t="shared" si="823"/>
        <v>45598.333333315502</v>
      </c>
    </row>
    <row r="7387" spans="2:14" x14ac:dyDescent="0.3">
      <c r="B7387">
        <f t="shared" si="817"/>
        <v>6</v>
      </c>
      <c r="C7387" s="16">
        <v>7353</v>
      </c>
      <c r="D7387" cm="1">
        <f t="array" ref="D7387">IFERROR(INDEX(Jesper!AH$2:AH$366,ROUNDDOWN($C7387/24,0)+1,1)*INDEX($D$3:$AA$30,INDEX(Jesper!$R$2:$R$366,ROW(INDEX(Jesper!AH$2:AH$366,ROUNDDOWN($C7387/24,0)+1,1))-1)+IF('Standard Profiles'!$G$18=$B$10,7,0)+IF('Standard Profiles'!$G$18=$B$17,14,0)+IF('Standard Profiles'!$G$18=$B$24,21,0),MOD($C7387,24)+1)/SUM(INDEX($D$3:$AA$30,INDEX(Jesper!$R$2:$R$366,ROW(INDEX(Jesper!AH$2:AH$366,ROUNDDOWN($C7387/24,0)+1,1))-1)+IF('Standard Profiles'!$G$18=$B$10,7,0)+IF('Standard Profiles'!$G$18=$B$17,14,0)+IF('Standard Profiles'!$G$18=$B$24,21,0),0)),0)</f>
        <v>14.191255593333421</v>
      </c>
      <c r="E7387" cm="1">
        <f t="array" ref="E7387">IFERROR(INDEX(Jesper!AI$2:AI$366,ROUNDDOWN($C7387/24,0)+1,1)*INDEX($D$3:$AA$30,INDEX(Jesper!$R$2:$R$366,ROW(INDEX(Jesper!AI$2:AI$366,ROUNDDOWN($C7387/24,0)+1,1))-1)+IF('Standard Profiles'!$G$19=$B$10,7,0)+IF('Standard Profiles'!$G$19=$B$17,14,0)+IF('Standard Profiles'!$G$19=$B$24,21,0),MOD($C7387,24)+1)/SUM(INDEX($D$3:$AA$30,INDEX(Jesper!$R$2:$R$366,ROW(INDEX(Jesper!AI$2:AI$366,ROUNDDOWN($C7387/24,0)+1,1))-1)+IF('Standard Profiles'!$G$19=$B$10,7,0)+IF('Standard Profiles'!$G$19=$B$17,14,0)+IF('Standard Profiles'!$G$19=$B$24,21,0),0)),0)</f>
        <v>3.0349154610576212</v>
      </c>
      <c r="F7387" cm="1">
        <f t="array" ref="F7387">IFERROR(INDEX(Jesper!AJ$2:AJ$366,ROUNDDOWN($C7387/24,0)+1,1)*INDEX($D$3:$AA$30,INDEX(Jesper!$R$2:$R$366,ROW(INDEX(Jesper!AJ$2:AJ$366,ROUNDDOWN($C7387/24,0)+1,1))-1)+IF('Standard Profiles'!$G$20=$B$10,7,0)+IF('Standard Profiles'!$G$20=$B$17,14,0)+IF('Standard Profiles'!$G$20=$B$24,21,0),MOD($C7387,24)+1)/SUM(INDEX($D$3:$AA$30,INDEX(Jesper!$R$2:$R$366,ROW(INDEX(Jesper!AJ$2:AJ$366,ROUNDDOWN($C7387/24,0)+1,1))-1)+IF('Standard Profiles'!$G$20=$B$10,7,0)+IF('Standard Profiles'!$G$20=$B$17,14,0)+IF('Standard Profiles'!$G$20=$B$24,21,0),0)),0)</f>
        <v>0</v>
      </c>
      <c r="G7387" cm="1">
        <f t="array" ref="G7387">IFERROR(INDEX(Jesper!AK$2:AK$366,ROUNDDOWN($C7387/24,0)+1,1)*INDEX($D$3:$AA$30,INDEX(Jesper!$R$2:$R$366,ROW(INDEX(Jesper!AK$2:AK$366,ROUNDDOWN($C7387/24,0)+1,1))-1)+IF('Standard Profiles'!$G$21=$B$10,7,0)+IF('Standard Profiles'!$G$21=$B$17,14,0)+IF('Standard Profiles'!$G$21=$B$24,21,0),MOD($C7387,24)+1)/SUM(INDEX($D$3:$AA$30,INDEX(Jesper!$R$2:$R$366,ROW(INDEX(Jesper!AK$2:AK$366,ROUNDDOWN($C7387/24,0)+1,1))-1)+IF('Standard Profiles'!$G$21=$B$10,7,0)+IF('Standard Profiles'!$G$21=$B$17,14,0)+IF('Standard Profiles'!$G$21=$B$24,21,0),0)),0)</f>
        <v>0</v>
      </c>
      <c r="H7387" cm="1">
        <f t="array" ref="H7387">IFERROR(INDEX(Jesper!AL$2:AL$366,ROUNDDOWN($C7387/24,0)+1,1)*INDEX($D$3:$AA$30,INDEX(Jesper!$R$2:$R$366,ROW(INDEX(Jesper!AL$2:AL$366,ROUNDDOWN($C7387/24,0)+1,1))-1)+IF('Standard Profiles'!$G$22=$B$10,7,0)+IF('Standard Profiles'!$G$22=$B$17,14,0)+IF('Standard Profiles'!$G$22=$B$24,21,0),MOD($C7387,24)+1)/SUM(INDEX($D$3:$AA$30,INDEX(Jesper!$R$2:$R$366,ROW(INDEX(Jesper!AL$2:AL$366,ROUNDDOWN($C7387/24,0)+1,1))-1)+IF('Standard Profiles'!$G$22=$B$10,7,0)+IF('Standard Profiles'!$G$22=$B$17,14,0)+IF('Standard Profiles'!$G$22=$B$24,21,0),0)),0)</f>
        <v>0</v>
      </c>
      <c r="I7387">
        <f t="shared" si="818"/>
        <v>0.27341580730248849</v>
      </c>
      <c r="J7387">
        <f t="shared" si="819"/>
        <v>0.9113860243416283</v>
      </c>
      <c r="K7387">
        <f t="shared" si="820"/>
        <v>1.3670790365124426</v>
      </c>
      <c r="L7387">
        <f t="shared" si="821"/>
        <v>14.674290186234483</v>
      </c>
      <c r="M7387">
        <f t="shared" si="822"/>
        <v>0</v>
      </c>
      <c r="N7387" s="46">
        <f t="shared" si="823"/>
        <v>45598.374999982167</v>
      </c>
    </row>
    <row r="7388" spans="2:14" x14ac:dyDescent="0.3">
      <c r="B7388">
        <f t="shared" si="817"/>
        <v>6</v>
      </c>
      <c r="C7388" s="16">
        <v>7354</v>
      </c>
      <c r="D7388" cm="1">
        <f t="array" ref="D7388">IFERROR(INDEX(Jesper!AH$2:AH$366,ROUNDDOWN($C7388/24,0)+1,1)*INDEX($D$3:$AA$30,INDEX(Jesper!$R$2:$R$366,ROW(INDEX(Jesper!AH$2:AH$366,ROUNDDOWN($C7388/24,0)+1,1))-1)+IF('Standard Profiles'!$G$18=$B$10,7,0)+IF('Standard Profiles'!$G$18=$B$17,14,0)+IF('Standard Profiles'!$G$18=$B$24,21,0),MOD($C7388,24)+1)/SUM(INDEX($D$3:$AA$30,INDEX(Jesper!$R$2:$R$366,ROW(INDEX(Jesper!AH$2:AH$366,ROUNDDOWN($C7388/24,0)+1,1))-1)+IF('Standard Profiles'!$G$18=$B$10,7,0)+IF('Standard Profiles'!$G$18=$B$17,14,0)+IF('Standard Profiles'!$G$18=$B$24,21,0),0)),0)</f>
        <v>14.191255593333421</v>
      </c>
      <c r="E7388" cm="1">
        <f t="array" ref="E7388">IFERROR(INDEX(Jesper!AI$2:AI$366,ROUNDDOWN($C7388/24,0)+1,1)*INDEX($D$3:$AA$30,INDEX(Jesper!$R$2:$R$366,ROW(INDEX(Jesper!AI$2:AI$366,ROUNDDOWN($C7388/24,0)+1,1))-1)+IF('Standard Profiles'!$G$19=$B$10,7,0)+IF('Standard Profiles'!$G$19=$B$17,14,0)+IF('Standard Profiles'!$G$19=$B$24,21,0),MOD($C7388,24)+1)/SUM(INDEX($D$3:$AA$30,INDEX(Jesper!$R$2:$R$366,ROW(INDEX(Jesper!AI$2:AI$366,ROUNDDOWN($C7388/24,0)+1,1))-1)+IF('Standard Profiles'!$G$19=$B$10,7,0)+IF('Standard Profiles'!$G$19=$B$17,14,0)+IF('Standard Profiles'!$G$19=$B$24,21,0),0)),0)</f>
        <v>3.0349154610576212</v>
      </c>
      <c r="F7388" cm="1">
        <f t="array" ref="F7388">IFERROR(INDEX(Jesper!AJ$2:AJ$366,ROUNDDOWN($C7388/24,0)+1,1)*INDEX($D$3:$AA$30,INDEX(Jesper!$R$2:$R$366,ROW(INDEX(Jesper!AJ$2:AJ$366,ROUNDDOWN($C7388/24,0)+1,1))-1)+IF('Standard Profiles'!$G$20=$B$10,7,0)+IF('Standard Profiles'!$G$20=$B$17,14,0)+IF('Standard Profiles'!$G$20=$B$24,21,0),MOD($C7388,24)+1)/SUM(INDEX($D$3:$AA$30,INDEX(Jesper!$R$2:$R$366,ROW(INDEX(Jesper!AJ$2:AJ$366,ROUNDDOWN($C7388/24,0)+1,1))-1)+IF('Standard Profiles'!$G$20=$B$10,7,0)+IF('Standard Profiles'!$G$20=$B$17,14,0)+IF('Standard Profiles'!$G$20=$B$24,21,0),0)),0)</f>
        <v>0</v>
      </c>
      <c r="G7388" cm="1">
        <f t="array" ref="G7388">IFERROR(INDEX(Jesper!AK$2:AK$366,ROUNDDOWN($C7388/24,0)+1,1)*INDEX($D$3:$AA$30,INDEX(Jesper!$R$2:$R$366,ROW(INDEX(Jesper!AK$2:AK$366,ROUNDDOWN($C7388/24,0)+1,1))-1)+IF('Standard Profiles'!$G$21=$B$10,7,0)+IF('Standard Profiles'!$G$21=$B$17,14,0)+IF('Standard Profiles'!$G$21=$B$24,21,0),MOD($C7388,24)+1)/SUM(INDEX($D$3:$AA$30,INDEX(Jesper!$R$2:$R$366,ROW(INDEX(Jesper!AK$2:AK$366,ROUNDDOWN($C7388/24,0)+1,1))-1)+IF('Standard Profiles'!$G$21=$B$10,7,0)+IF('Standard Profiles'!$G$21=$B$17,14,0)+IF('Standard Profiles'!$G$21=$B$24,21,0),0)),0)</f>
        <v>0</v>
      </c>
      <c r="H7388" cm="1">
        <f t="array" ref="H7388">IFERROR(INDEX(Jesper!AL$2:AL$366,ROUNDDOWN($C7388/24,0)+1,1)*INDEX($D$3:$AA$30,INDEX(Jesper!$R$2:$R$366,ROW(INDEX(Jesper!AL$2:AL$366,ROUNDDOWN($C7388/24,0)+1,1))-1)+IF('Standard Profiles'!$G$22=$B$10,7,0)+IF('Standard Profiles'!$G$22=$B$17,14,0)+IF('Standard Profiles'!$G$22=$B$24,21,0),MOD($C7388,24)+1)/SUM(INDEX($D$3:$AA$30,INDEX(Jesper!$R$2:$R$366,ROW(INDEX(Jesper!AL$2:AL$366,ROUNDDOWN($C7388/24,0)+1,1))-1)+IF('Standard Profiles'!$G$22=$B$10,7,0)+IF('Standard Profiles'!$G$22=$B$17,14,0)+IF('Standard Profiles'!$G$22=$B$24,21,0),0)),0)</f>
        <v>0</v>
      </c>
      <c r="I7388">
        <f t="shared" si="818"/>
        <v>0.27341580730248849</v>
      </c>
      <c r="J7388">
        <f t="shared" si="819"/>
        <v>0.9113860243416283</v>
      </c>
      <c r="K7388">
        <f t="shared" si="820"/>
        <v>1.3670790365124426</v>
      </c>
      <c r="L7388">
        <f t="shared" si="821"/>
        <v>14.674290186234483</v>
      </c>
      <c r="M7388">
        <f t="shared" si="822"/>
        <v>0</v>
      </c>
      <c r="N7388" s="46">
        <f t="shared" si="823"/>
        <v>45598.416666648831</v>
      </c>
    </row>
    <row r="7389" spans="2:14" x14ac:dyDescent="0.3">
      <c r="B7389">
        <f t="shared" si="817"/>
        <v>6</v>
      </c>
      <c r="C7389" s="16">
        <v>7355</v>
      </c>
      <c r="D7389" cm="1">
        <f t="array" ref="D7389">IFERROR(INDEX(Jesper!AH$2:AH$366,ROUNDDOWN($C7389/24,0)+1,1)*INDEX($D$3:$AA$30,INDEX(Jesper!$R$2:$R$366,ROW(INDEX(Jesper!AH$2:AH$366,ROUNDDOWN($C7389/24,0)+1,1))-1)+IF('Standard Profiles'!$G$18=$B$10,7,0)+IF('Standard Profiles'!$G$18=$B$17,14,0)+IF('Standard Profiles'!$G$18=$B$24,21,0),MOD($C7389,24)+1)/SUM(INDEX($D$3:$AA$30,INDEX(Jesper!$R$2:$R$366,ROW(INDEX(Jesper!AH$2:AH$366,ROUNDDOWN($C7389/24,0)+1,1))-1)+IF('Standard Profiles'!$G$18=$B$10,7,0)+IF('Standard Profiles'!$G$18=$B$17,14,0)+IF('Standard Profiles'!$G$18=$B$24,21,0),0)),0)</f>
        <v>14.191255593333421</v>
      </c>
      <c r="E7389" cm="1">
        <f t="array" ref="E7389">IFERROR(INDEX(Jesper!AI$2:AI$366,ROUNDDOWN($C7389/24,0)+1,1)*INDEX($D$3:$AA$30,INDEX(Jesper!$R$2:$R$366,ROW(INDEX(Jesper!AI$2:AI$366,ROUNDDOWN($C7389/24,0)+1,1))-1)+IF('Standard Profiles'!$G$19=$B$10,7,0)+IF('Standard Profiles'!$G$19=$B$17,14,0)+IF('Standard Profiles'!$G$19=$B$24,21,0),MOD($C7389,24)+1)/SUM(INDEX($D$3:$AA$30,INDEX(Jesper!$R$2:$R$366,ROW(INDEX(Jesper!AI$2:AI$366,ROUNDDOWN($C7389/24,0)+1,1))-1)+IF('Standard Profiles'!$G$19=$B$10,7,0)+IF('Standard Profiles'!$G$19=$B$17,14,0)+IF('Standard Profiles'!$G$19=$B$24,21,0),0)),0)</f>
        <v>3.0349154610576212</v>
      </c>
      <c r="F7389" cm="1">
        <f t="array" ref="F7389">IFERROR(INDEX(Jesper!AJ$2:AJ$366,ROUNDDOWN($C7389/24,0)+1,1)*INDEX($D$3:$AA$30,INDEX(Jesper!$R$2:$R$366,ROW(INDEX(Jesper!AJ$2:AJ$366,ROUNDDOWN($C7389/24,0)+1,1))-1)+IF('Standard Profiles'!$G$20=$B$10,7,0)+IF('Standard Profiles'!$G$20=$B$17,14,0)+IF('Standard Profiles'!$G$20=$B$24,21,0),MOD($C7389,24)+1)/SUM(INDEX($D$3:$AA$30,INDEX(Jesper!$R$2:$R$366,ROW(INDEX(Jesper!AJ$2:AJ$366,ROUNDDOWN($C7389/24,0)+1,1))-1)+IF('Standard Profiles'!$G$20=$B$10,7,0)+IF('Standard Profiles'!$G$20=$B$17,14,0)+IF('Standard Profiles'!$G$20=$B$24,21,0),0)),0)</f>
        <v>0</v>
      </c>
      <c r="G7389" cm="1">
        <f t="array" ref="G7389">IFERROR(INDEX(Jesper!AK$2:AK$366,ROUNDDOWN($C7389/24,0)+1,1)*INDEX($D$3:$AA$30,INDEX(Jesper!$R$2:$R$366,ROW(INDEX(Jesper!AK$2:AK$366,ROUNDDOWN($C7389/24,0)+1,1))-1)+IF('Standard Profiles'!$G$21=$B$10,7,0)+IF('Standard Profiles'!$G$21=$B$17,14,0)+IF('Standard Profiles'!$G$21=$B$24,21,0),MOD($C7389,24)+1)/SUM(INDEX($D$3:$AA$30,INDEX(Jesper!$R$2:$R$366,ROW(INDEX(Jesper!AK$2:AK$366,ROUNDDOWN($C7389/24,0)+1,1))-1)+IF('Standard Profiles'!$G$21=$B$10,7,0)+IF('Standard Profiles'!$G$21=$B$17,14,0)+IF('Standard Profiles'!$G$21=$B$24,21,0),0)),0)</f>
        <v>0</v>
      </c>
      <c r="H7389" cm="1">
        <f t="array" ref="H7389">IFERROR(INDEX(Jesper!AL$2:AL$366,ROUNDDOWN($C7389/24,0)+1,1)*INDEX($D$3:$AA$30,INDEX(Jesper!$R$2:$R$366,ROW(INDEX(Jesper!AL$2:AL$366,ROUNDDOWN($C7389/24,0)+1,1))-1)+IF('Standard Profiles'!$G$22=$B$10,7,0)+IF('Standard Profiles'!$G$22=$B$17,14,0)+IF('Standard Profiles'!$G$22=$B$24,21,0),MOD($C7389,24)+1)/SUM(INDEX($D$3:$AA$30,INDEX(Jesper!$R$2:$R$366,ROW(INDEX(Jesper!AL$2:AL$366,ROUNDDOWN($C7389/24,0)+1,1))-1)+IF('Standard Profiles'!$G$22=$B$10,7,0)+IF('Standard Profiles'!$G$22=$B$17,14,0)+IF('Standard Profiles'!$G$22=$B$24,21,0),0)),0)</f>
        <v>0</v>
      </c>
      <c r="I7389">
        <f t="shared" si="818"/>
        <v>0.27341580730248849</v>
      </c>
      <c r="J7389">
        <f t="shared" si="819"/>
        <v>0.9113860243416283</v>
      </c>
      <c r="K7389">
        <f t="shared" si="820"/>
        <v>1.3670790365124426</v>
      </c>
      <c r="L7389">
        <f t="shared" si="821"/>
        <v>14.674290186234483</v>
      </c>
      <c r="M7389">
        <f t="shared" si="822"/>
        <v>0</v>
      </c>
      <c r="N7389" s="46">
        <f t="shared" si="823"/>
        <v>45598.458333315495</v>
      </c>
    </row>
    <row r="7390" spans="2:14" x14ac:dyDescent="0.3">
      <c r="B7390">
        <f t="shared" si="817"/>
        <v>6</v>
      </c>
      <c r="C7390" s="16">
        <v>7356</v>
      </c>
      <c r="D7390" cm="1">
        <f t="array" ref="D7390">IFERROR(INDEX(Jesper!AH$2:AH$366,ROUNDDOWN($C7390/24,0)+1,1)*INDEX($D$3:$AA$30,INDEX(Jesper!$R$2:$R$366,ROW(INDEX(Jesper!AH$2:AH$366,ROUNDDOWN($C7390/24,0)+1,1))-1)+IF('Standard Profiles'!$G$18=$B$10,7,0)+IF('Standard Profiles'!$G$18=$B$17,14,0)+IF('Standard Profiles'!$G$18=$B$24,21,0),MOD($C7390,24)+1)/SUM(INDEX($D$3:$AA$30,INDEX(Jesper!$R$2:$R$366,ROW(INDEX(Jesper!AH$2:AH$366,ROUNDDOWN($C7390/24,0)+1,1))-1)+IF('Standard Profiles'!$G$18=$B$10,7,0)+IF('Standard Profiles'!$G$18=$B$17,14,0)+IF('Standard Profiles'!$G$18=$B$24,21,0),0)),0)</f>
        <v>14.191255593333421</v>
      </c>
      <c r="E7390" cm="1">
        <f t="array" ref="E7390">IFERROR(INDEX(Jesper!AI$2:AI$366,ROUNDDOWN($C7390/24,0)+1,1)*INDEX($D$3:$AA$30,INDEX(Jesper!$R$2:$R$366,ROW(INDEX(Jesper!AI$2:AI$366,ROUNDDOWN($C7390/24,0)+1,1))-1)+IF('Standard Profiles'!$G$19=$B$10,7,0)+IF('Standard Profiles'!$G$19=$B$17,14,0)+IF('Standard Profiles'!$G$19=$B$24,21,0),MOD($C7390,24)+1)/SUM(INDEX($D$3:$AA$30,INDEX(Jesper!$R$2:$R$366,ROW(INDEX(Jesper!AI$2:AI$366,ROUNDDOWN($C7390/24,0)+1,1))-1)+IF('Standard Profiles'!$G$19=$B$10,7,0)+IF('Standard Profiles'!$G$19=$B$17,14,0)+IF('Standard Profiles'!$G$19=$B$24,21,0),0)),0)</f>
        <v>3.0349154610576212</v>
      </c>
      <c r="F7390" cm="1">
        <f t="array" ref="F7390">IFERROR(INDEX(Jesper!AJ$2:AJ$366,ROUNDDOWN($C7390/24,0)+1,1)*INDEX($D$3:$AA$30,INDEX(Jesper!$R$2:$R$366,ROW(INDEX(Jesper!AJ$2:AJ$366,ROUNDDOWN($C7390/24,0)+1,1))-1)+IF('Standard Profiles'!$G$20=$B$10,7,0)+IF('Standard Profiles'!$G$20=$B$17,14,0)+IF('Standard Profiles'!$G$20=$B$24,21,0),MOD($C7390,24)+1)/SUM(INDEX($D$3:$AA$30,INDEX(Jesper!$R$2:$R$366,ROW(INDEX(Jesper!AJ$2:AJ$366,ROUNDDOWN($C7390/24,0)+1,1))-1)+IF('Standard Profiles'!$G$20=$B$10,7,0)+IF('Standard Profiles'!$G$20=$B$17,14,0)+IF('Standard Profiles'!$G$20=$B$24,21,0),0)),0)</f>
        <v>0</v>
      </c>
      <c r="G7390" cm="1">
        <f t="array" ref="G7390">IFERROR(INDEX(Jesper!AK$2:AK$366,ROUNDDOWN($C7390/24,0)+1,1)*INDEX($D$3:$AA$30,INDEX(Jesper!$R$2:$R$366,ROW(INDEX(Jesper!AK$2:AK$366,ROUNDDOWN($C7390/24,0)+1,1))-1)+IF('Standard Profiles'!$G$21=$B$10,7,0)+IF('Standard Profiles'!$G$21=$B$17,14,0)+IF('Standard Profiles'!$G$21=$B$24,21,0),MOD($C7390,24)+1)/SUM(INDEX($D$3:$AA$30,INDEX(Jesper!$R$2:$R$366,ROW(INDEX(Jesper!AK$2:AK$366,ROUNDDOWN($C7390/24,0)+1,1))-1)+IF('Standard Profiles'!$G$21=$B$10,7,0)+IF('Standard Profiles'!$G$21=$B$17,14,0)+IF('Standard Profiles'!$G$21=$B$24,21,0),0)),0)</f>
        <v>0</v>
      </c>
      <c r="H7390" cm="1">
        <f t="array" ref="H7390">IFERROR(INDEX(Jesper!AL$2:AL$366,ROUNDDOWN($C7390/24,0)+1,1)*INDEX($D$3:$AA$30,INDEX(Jesper!$R$2:$R$366,ROW(INDEX(Jesper!AL$2:AL$366,ROUNDDOWN($C7390/24,0)+1,1))-1)+IF('Standard Profiles'!$G$22=$B$10,7,0)+IF('Standard Profiles'!$G$22=$B$17,14,0)+IF('Standard Profiles'!$G$22=$B$24,21,0),MOD($C7390,24)+1)/SUM(INDEX($D$3:$AA$30,INDEX(Jesper!$R$2:$R$366,ROW(INDEX(Jesper!AL$2:AL$366,ROUNDDOWN($C7390/24,0)+1,1))-1)+IF('Standard Profiles'!$G$22=$B$10,7,0)+IF('Standard Profiles'!$G$22=$B$17,14,0)+IF('Standard Profiles'!$G$22=$B$24,21,0),0)),0)</f>
        <v>0</v>
      </c>
      <c r="I7390">
        <f t="shared" si="818"/>
        <v>0.27341580730248849</v>
      </c>
      <c r="J7390">
        <f t="shared" si="819"/>
        <v>0.9113860243416283</v>
      </c>
      <c r="K7390">
        <f t="shared" si="820"/>
        <v>1.3670790365124426</v>
      </c>
      <c r="L7390">
        <f t="shared" si="821"/>
        <v>14.674290186234483</v>
      </c>
      <c r="M7390">
        <f t="shared" si="822"/>
        <v>0</v>
      </c>
      <c r="N7390" s="46">
        <f t="shared" si="823"/>
        <v>45598.499999982159</v>
      </c>
    </row>
    <row r="7391" spans="2:14" x14ac:dyDescent="0.3">
      <c r="B7391">
        <f t="shared" si="817"/>
        <v>6</v>
      </c>
      <c r="C7391" s="16">
        <v>7357</v>
      </c>
      <c r="D7391" cm="1">
        <f t="array" ref="D7391">IFERROR(INDEX(Jesper!AH$2:AH$366,ROUNDDOWN($C7391/24,0)+1,1)*INDEX($D$3:$AA$30,INDEX(Jesper!$R$2:$R$366,ROW(INDEX(Jesper!AH$2:AH$366,ROUNDDOWN($C7391/24,0)+1,1))-1)+IF('Standard Profiles'!$G$18=$B$10,7,0)+IF('Standard Profiles'!$G$18=$B$17,14,0)+IF('Standard Profiles'!$G$18=$B$24,21,0),MOD($C7391,24)+1)/SUM(INDEX($D$3:$AA$30,INDEX(Jesper!$R$2:$R$366,ROW(INDEX(Jesper!AH$2:AH$366,ROUNDDOWN($C7391/24,0)+1,1))-1)+IF('Standard Profiles'!$G$18=$B$10,7,0)+IF('Standard Profiles'!$G$18=$B$17,14,0)+IF('Standard Profiles'!$G$18=$B$24,21,0),0)),0)</f>
        <v>14.191255593333421</v>
      </c>
      <c r="E7391" cm="1">
        <f t="array" ref="E7391">IFERROR(INDEX(Jesper!AI$2:AI$366,ROUNDDOWN($C7391/24,0)+1,1)*INDEX($D$3:$AA$30,INDEX(Jesper!$R$2:$R$366,ROW(INDEX(Jesper!AI$2:AI$366,ROUNDDOWN($C7391/24,0)+1,1))-1)+IF('Standard Profiles'!$G$19=$B$10,7,0)+IF('Standard Profiles'!$G$19=$B$17,14,0)+IF('Standard Profiles'!$G$19=$B$24,21,0),MOD($C7391,24)+1)/SUM(INDEX($D$3:$AA$30,INDEX(Jesper!$R$2:$R$366,ROW(INDEX(Jesper!AI$2:AI$366,ROUNDDOWN($C7391/24,0)+1,1))-1)+IF('Standard Profiles'!$G$19=$B$10,7,0)+IF('Standard Profiles'!$G$19=$B$17,14,0)+IF('Standard Profiles'!$G$19=$B$24,21,0),0)),0)</f>
        <v>3.0349154610576212</v>
      </c>
      <c r="F7391" cm="1">
        <f t="array" ref="F7391">IFERROR(INDEX(Jesper!AJ$2:AJ$366,ROUNDDOWN($C7391/24,0)+1,1)*INDEX($D$3:$AA$30,INDEX(Jesper!$R$2:$R$366,ROW(INDEX(Jesper!AJ$2:AJ$366,ROUNDDOWN($C7391/24,0)+1,1))-1)+IF('Standard Profiles'!$G$20=$B$10,7,0)+IF('Standard Profiles'!$G$20=$B$17,14,0)+IF('Standard Profiles'!$G$20=$B$24,21,0),MOD($C7391,24)+1)/SUM(INDEX($D$3:$AA$30,INDEX(Jesper!$R$2:$R$366,ROW(INDEX(Jesper!AJ$2:AJ$366,ROUNDDOWN($C7391/24,0)+1,1))-1)+IF('Standard Profiles'!$G$20=$B$10,7,0)+IF('Standard Profiles'!$G$20=$B$17,14,0)+IF('Standard Profiles'!$G$20=$B$24,21,0),0)),0)</f>
        <v>0</v>
      </c>
      <c r="G7391" cm="1">
        <f t="array" ref="G7391">IFERROR(INDEX(Jesper!AK$2:AK$366,ROUNDDOWN($C7391/24,0)+1,1)*INDEX($D$3:$AA$30,INDEX(Jesper!$R$2:$R$366,ROW(INDEX(Jesper!AK$2:AK$366,ROUNDDOWN($C7391/24,0)+1,1))-1)+IF('Standard Profiles'!$G$21=$B$10,7,0)+IF('Standard Profiles'!$G$21=$B$17,14,0)+IF('Standard Profiles'!$G$21=$B$24,21,0),MOD($C7391,24)+1)/SUM(INDEX($D$3:$AA$30,INDEX(Jesper!$R$2:$R$366,ROW(INDEX(Jesper!AK$2:AK$366,ROUNDDOWN($C7391/24,0)+1,1))-1)+IF('Standard Profiles'!$G$21=$B$10,7,0)+IF('Standard Profiles'!$G$21=$B$17,14,0)+IF('Standard Profiles'!$G$21=$B$24,21,0),0)),0)</f>
        <v>0</v>
      </c>
      <c r="H7391" cm="1">
        <f t="array" ref="H7391">IFERROR(INDEX(Jesper!AL$2:AL$366,ROUNDDOWN($C7391/24,0)+1,1)*INDEX($D$3:$AA$30,INDEX(Jesper!$R$2:$R$366,ROW(INDEX(Jesper!AL$2:AL$366,ROUNDDOWN($C7391/24,0)+1,1))-1)+IF('Standard Profiles'!$G$22=$B$10,7,0)+IF('Standard Profiles'!$G$22=$B$17,14,0)+IF('Standard Profiles'!$G$22=$B$24,21,0),MOD($C7391,24)+1)/SUM(INDEX($D$3:$AA$30,INDEX(Jesper!$R$2:$R$366,ROW(INDEX(Jesper!AL$2:AL$366,ROUNDDOWN($C7391/24,0)+1,1))-1)+IF('Standard Profiles'!$G$22=$B$10,7,0)+IF('Standard Profiles'!$G$22=$B$17,14,0)+IF('Standard Profiles'!$G$22=$B$24,21,0),0)),0)</f>
        <v>0</v>
      </c>
      <c r="I7391">
        <f t="shared" si="818"/>
        <v>0.27341580730248849</v>
      </c>
      <c r="J7391">
        <f t="shared" si="819"/>
        <v>0.9113860243416283</v>
      </c>
      <c r="K7391">
        <f t="shared" si="820"/>
        <v>1.3670790365124426</v>
      </c>
      <c r="L7391">
        <f t="shared" si="821"/>
        <v>14.674290186234483</v>
      </c>
      <c r="M7391">
        <f t="shared" si="822"/>
        <v>0</v>
      </c>
      <c r="N7391" s="46">
        <f t="shared" si="823"/>
        <v>45598.541666648824</v>
      </c>
    </row>
    <row r="7392" spans="2:14" x14ac:dyDescent="0.3">
      <c r="B7392">
        <f t="shared" si="817"/>
        <v>6</v>
      </c>
      <c r="C7392" s="16">
        <v>7358</v>
      </c>
      <c r="D7392" cm="1">
        <f t="array" ref="D7392">IFERROR(INDEX(Jesper!AH$2:AH$366,ROUNDDOWN($C7392/24,0)+1,1)*INDEX($D$3:$AA$30,INDEX(Jesper!$R$2:$R$366,ROW(INDEX(Jesper!AH$2:AH$366,ROUNDDOWN($C7392/24,0)+1,1))-1)+IF('Standard Profiles'!$G$18=$B$10,7,0)+IF('Standard Profiles'!$G$18=$B$17,14,0)+IF('Standard Profiles'!$G$18=$B$24,21,0),MOD($C7392,24)+1)/SUM(INDEX($D$3:$AA$30,INDEX(Jesper!$R$2:$R$366,ROW(INDEX(Jesper!AH$2:AH$366,ROUNDDOWN($C7392/24,0)+1,1))-1)+IF('Standard Profiles'!$G$18=$B$10,7,0)+IF('Standard Profiles'!$G$18=$B$17,14,0)+IF('Standard Profiles'!$G$18=$B$24,21,0),0)),0)</f>
        <v>14.191255593333421</v>
      </c>
      <c r="E7392" cm="1">
        <f t="array" ref="E7392">IFERROR(INDEX(Jesper!AI$2:AI$366,ROUNDDOWN($C7392/24,0)+1,1)*INDEX($D$3:$AA$30,INDEX(Jesper!$R$2:$R$366,ROW(INDEX(Jesper!AI$2:AI$366,ROUNDDOWN($C7392/24,0)+1,1))-1)+IF('Standard Profiles'!$G$19=$B$10,7,0)+IF('Standard Profiles'!$G$19=$B$17,14,0)+IF('Standard Profiles'!$G$19=$B$24,21,0),MOD($C7392,24)+1)/SUM(INDEX($D$3:$AA$30,INDEX(Jesper!$R$2:$R$366,ROW(INDEX(Jesper!AI$2:AI$366,ROUNDDOWN($C7392/24,0)+1,1))-1)+IF('Standard Profiles'!$G$19=$B$10,7,0)+IF('Standard Profiles'!$G$19=$B$17,14,0)+IF('Standard Profiles'!$G$19=$B$24,21,0),0)),0)</f>
        <v>3.0349154610576212</v>
      </c>
      <c r="F7392" cm="1">
        <f t="array" ref="F7392">IFERROR(INDEX(Jesper!AJ$2:AJ$366,ROUNDDOWN($C7392/24,0)+1,1)*INDEX($D$3:$AA$30,INDEX(Jesper!$R$2:$R$366,ROW(INDEX(Jesper!AJ$2:AJ$366,ROUNDDOWN($C7392/24,0)+1,1))-1)+IF('Standard Profiles'!$G$20=$B$10,7,0)+IF('Standard Profiles'!$G$20=$B$17,14,0)+IF('Standard Profiles'!$G$20=$B$24,21,0),MOD($C7392,24)+1)/SUM(INDEX($D$3:$AA$30,INDEX(Jesper!$R$2:$R$366,ROW(INDEX(Jesper!AJ$2:AJ$366,ROUNDDOWN($C7392/24,0)+1,1))-1)+IF('Standard Profiles'!$G$20=$B$10,7,0)+IF('Standard Profiles'!$G$20=$B$17,14,0)+IF('Standard Profiles'!$G$20=$B$24,21,0),0)),0)</f>
        <v>0</v>
      </c>
      <c r="G7392" cm="1">
        <f t="array" ref="G7392">IFERROR(INDEX(Jesper!AK$2:AK$366,ROUNDDOWN($C7392/24,0)+1,1)*INDEX($D$3:$AA$30,INDEX(Jesper!$R$2:$R$366,ROW(INDEX(Jesper!AK$2:AK$366,ROUNDDOWN($C7392/24,0)+1,1))-1)+IF('Standard Profiles'!$G$21=$B$10,7,0)+IF('Standard Profiles'!$G$21=$B$17,14,0)+IF('Standard Profiles'!$G$21=$B$24,21,0),MOD($C7392,24)+1)/SUM(INDEX($D$3:$AA$30,INDEX(Jesper!$R$2:$R$366,ROW(INDEX(Jesper!AK$2:AK$366,ROUNDDOWN($C7392/24,0)+1,1))-1)+IF('Standard Profiles'!$G$21=$B$10,7,0)+IF('Standard Profiles'!$G$21=$B$17,14,0)+IF('Standard Profiles'!$G$21=$B$24,21,0),0)),0)</f>
        <v>0</v>
      </c>
      <c r="H7392" cm="1">
        <f t="array" ref="H7392">IFERROR(INDEX(Jesper!AL$2:AL$366,ROUNDDOWN($C7392/24,0)+1,1)*INDEX($D$3:$AA$30,INDEX(Jesper!$R$2:$R$366,ROW(INDEX(Jesper!AL$2:AL$366,ROUNDDOWN($C7392/24,0)+1,1))-1)+IF('Standard Profiles'!$G$22=$B$10,7,0)+IF('Standard Profiles'!$G$22=$B$17,14,0)+IF('Standard Profiles'!$G$22=$B$24,21,0),MOD($C7392,24)+1)/SUM(INDEX($D$3:$AA$30,INDEX(Jesper!$R$2:$R$366,ROW(INDEX(Jesper!AL$2:AL$366,ROUNDDOWN($C7392/24,0)+1,1))-1)+IF('Standard Profiles'!$G$22=$B$10,7,0)+IF('Standard Profiles'!$G$22=$B$17,14,0)+IF('Standard Profiles'!$G$22=$B$24,21,0),0)),0)</f>
        <v>0</v>
      </c>
      <c r="I7392">
        <f t="shared" si="818"/>
        <v>0.27341580730248849</v>
      </c>
      <c r="J7392">
        <f t="shared" si="819"/>
        <v>0.9113860243416283</v>
      </c>
      <c r="K7392">
        <f t="shared" si="820"/>
        <v>1.3670790365124426</v>
      </c>
      <c r="L7392">
        <f t="shared" si="821"/>
        <v>14.674290186234483</v>
      </c>
      <c r="M7392">
        <f t="shared" si="822"/>
        <v>0</v>
      </c>
      <c r="N7392" s="46">
        <f t="shared" si="823"/>
        <v>45598.583333315488</v>
      </c>
    </row>
    <row r="7393" spans="2:14" x14ac:dyDescent="0.3">
      <c r="B7393">
        <f t="shared" si="817"/>
        <v>6</v>
      </c>
      <c r="C7393" s="16">
        <v>7359</v>
      </c>
      <c r="D7393" cm="1">
        <f t="array" ref="D7393">IFERROR(INDEX(Jesper!AH$2:AH$366,ROUNDDOWN($C7393/24,0)+1,1)*INDEX($D$3:$AA$30,INDEX(Jesper!$R$2:$R$366,ROW(INDEX(Jesper!AH$2:AH$366,ROUNDDOWN($C7393/24,0)+1,1))-1)+IF('Standard Profiles'!$G$18=$B$10,7,0)+IF('Standard Profiles'!$G$18=$B$17,14,0)+IF('Standard Profiles'!$G$18=$B$24,21,0),MOD($C7393,24)+1)/SUM(INDEX($D$3:$AA$30,INDEX(Jesper!$R$2:$R$366,ROW(INDEX(Jesper!AH$2:AH$366,ROUNDDOWN($C7393/24,0)+1,1))-1)+IF('Standard Profiles'!$G$18=$B$10,7,0)+IF('Standard Profiles'!$G$18=$B$17,14,0)+IF('Standard Profiles'!$G$18=$B$24,21,0),0)),0)</f>
        <v>12.830450262465833</v>
      </c>
      <c r="E7393" cm="1">
        <f t="array" ref="E7393">IFERROR(INDEX(Jesper!AI$2:AI$366,ROUNDDOWN($C7393/24,0)+1,1)*INDEX($D$3:$AA$30,INDEX(Jesper!$R$2:$R$366,ROW(INDEX(Jesper!AI$2:AI$366,ROUNDDOWN($C7393/24,0)+1,1))-1)+IF('Standard Profiles'!$G$19=$B$10,7,0)+IF('Standard Profiles'!$G$19=$B$17,14,0)+IF('Standard Profiles'!$G$19=$B$24,21,0),MOD($C7393,24)+1)/SUM(INDEX($D$3:$AA$30,INDEX(Jesper!$R$2:$R$366,ROW(INDEX(Jesper!AI$2:AI$366,ROUNDDOWN($C7393/24,0)+1,1))-1)+IF('Standard Profiles'!$G$19=$B$10,7,0)+IF('Standard Profiles'!$G$19=$B$17,14,0)+IF('Standard Profiles'!$G$19=$B$24,21,0),0)),0)</f>
        <v>2.7438961702712734</v>
      </c>
      <c r="F7393" cm="1">
        <f t="array" ref="F7393">IFERROR(INDEX(Jesper!AJ$2:AJ$366,ROUNDDOWN($C7393/24,0)+1,1)*INDEX($D$3:$AA$30,INDEX(Jesper!$R$2:$R$366,ROW(INDEX(Jesper!AJ$2:AJ$366,ROUNDDOWN($C7393/24,0)+1,1))-1)+IF('Standard Profiles'!$G$20=$B$10,7,0)+IF('Standard Profiles'!$G$20=$B$17,14,0)+IF('Standard Profiles'!$G$20=$B$24,21,0),MOD($C7393,24)+1)/SUM(INDEX($D$3:$AA$30,INDEX(Jesper!$R$2:$R$366,ROW(INDEX(Jesper!AJ$2:AJ$366,ROUNDDOWN($C7393/24,0)+1,1))-1)+IF('Standard Profiles'!$G$20=$B$10,7,0)+IF('Standard Profiles'!$G$20=$B$17,14,0)+IF('Standard Profiles'!$G$20=$B$24,21,0),0)),0)</f>
        <v>0</v>
      </c>
      <c r="G7393" cm="1">
        <f t="array" ref="G7393">IFERROR(INDEX(Jesper!AK$2:AK$366,ROUNDDOWN($C7393/24,0)+1,1)*INDEX($D$3:$AA$30,INDEX(Jesper!$R$2:$R$366,ROW(INDEX(Jesper!AK$2:AK$366,ROUNDDOWN($C7393/24,0)+1,1))-1)+IF('Standard Profiles'!$G$21=$B$10,7,0)+IF('Standard Profiles'!$G$21=$B$17,14,0)+IF('Standard Profiles'!$G$21=$B$24,21,0),MOD($C7393,24)+1)/SUM(INDEX($D$3:$AA$30,INDEX(Jesper!$R$2:$R$366,ROW(INDEX(Jesper!AK$2:AK$366,ROUNDDOWN($C7393/24,0)+1,1))-1)+IF('Standard Profiles'!$G$21=$B$10,7,0)+IF('Standard Profiles'!$G$21=$B$17,14,0)+IF('Standard Profiles'!$G$21=$B$24,21,0),0)),0)</f>
        <v>0</v>
      </c>
      <c r="H7393" cm="1">
        <f t="array" ref="H7393">IFERROR(INDEX(Jesper!AL$2:AL$366,ROUNDDOWN($C7393/24,0)+1,1)*INDEX($D$3:$AA$30,INDEX(Jesper!$R$2:$R$366,ROW(INDEX(Jesper!AL$2:AL$366,ROUNDDOWN($C7393/24,0)+1,1))-1)+IF('Standard Profiles'!$G$22=$B$10,7,0)+IF('Standard Profiles'!$G$22=$B$17,14,0)+IF('Standard Profiles'!$G$22=$B$24,21,0),MOD($C7393,24)+1)/SUM(INDEX($D$3:$AA$30,INDEX(Jesper!$R$2:$R$366,ROW(INDEX(Jesper!AL$2:AL$366,ROUNDDOWN($C7393/24,0)+1,1))-1)+IF('Standard Profiles'!$G$22=$B$10,7,0)+IF('Standard Profiles'!$G$22=$B$17,14,0)+IF('Standard Profiles'!$G$22=$B$24,21,0),0)),0)</f>
        <v>0</v>
      </c>
      <c r="I7393">
        <f t="shared" si="818"/>
        <v>0.24719785317759227</v>
      </c>
      <c r="J7393">
        <f t="shared" si="819"/>
        <v>0.82399284392530769</v>
      </c>
      <c r="K7393">
        <f t="shared" si="820"/>
        <v>1.2359892658879614</v>
      </c>
      <c r="L7393">
        <f t="shared" si="821"/>
        <v>13.267166469746245</v>
      </c>
      <c r="M7393">
        <f t="shared" si="822"/>
        <v>0</v>
      </c>
      <c r="N7393" s="46">
        <f t="shared" si="823"/>
        <v>45598.624999982152</v>
      </c>
    </row>
    <row r="7394" spans="2:14" x14ac:dyDescent="0.3">
      <c r="B7394">
        <f t="shared" si="817"/>
        <v>6</v>
      </c>
      <c r="C7394" s="16">
        <v>7360</v>
      </c>
      <c r="D7394" cm="1">
        <f t="array" ref="D7394">IFERROR(INDEX(Jesper!AH$2:AH$366,ROUNDDOWN($C7394/24,0)+1,1)*INDEX($D$3:$AA$30,INDEX(Jesper!$R$2:$R$366,ROW(INDEX(Jesper!AH$2:AH$366,ROUNDDOWN($C7394/24,0)+1,1))-1)+IF('Standard Profiles'!$G$18=$B$10,7,0)+IF('Standard Profiles'!$G$18=$B$17,14,0)+IF('Standard Profiles'!$G$18=$B$24,21,0),MOD($C7394,24)+1)/SUM(INDEX($D$3:$AA$30,INDEX(Jesper!$R$2:$R$366,ROW(INDEX(Jesper!AH$2:AH$366,ROUNDDOWN($C7394/24,0)+1,1))-1)+IF('Standard Profiles'!$G$18=$B$10,7,0)+IF('Standard Profiles'!$G$18=$B$17,14,0)+IF('Standard Profiles'!$G$18=$B$24,21,0),0)),0)</f>
        <v>11.664045693150758</v>
      </c>
      <c r="E7394" cm="1">
        <f t="array" ref="E7394">IFERROR(INDEX(Jesper!AI$2:AI$366,ROUNDDOWN($C7394/24,0)+1,1)*INDEX($D$3:$AA$30,INDEX(Jesper!$R$2:$R$366,ROW(INDEX(Jesper!AI$2:AI$366,ROUNDDOWN($C7394/24,0)+1,1))-1)+IF('Standard Profiles'!$G$19=$B$10,7,0)+IF('Standard Profiles'!$G$19=$B$17,14,0)+IF('Standard Profiles'!$G$19=$B$24,21,0),MOD($C7394,24)+1)/SUM(INDEX($D$3:$AA$30,INDEX(Jesper!$R$2:$R$366,ROW(INDEX(Jesper!AI$2:AI$366,ROUNDDOWN($C7394/24,0)+1,1))-1)+IF('Standard Profiles'!$G$19=$B$10,7,0)+IF('Standard Profiles'!$G$19=$B$17,14,0)+IF('Standard Profiles'!$G$19=$B$24,21,0),0)),0)</f>
        <v>2.494451063882976</v>
      </c>
      <c r="F7394" cm="1">
        <f t="array" ref="F7394">IFERROR(INDEX(Jesper!AJ$2:AJ$366,ROUNDDOWN($C7394/24,0)+1,1)*INDEX($D$3:$AA$30,INDEX(Jesper!$R$2:$R$366,ROW(INDEX(Jesper!AJ$2:AJ$366,ROUNDDOWN($C7394/24,0)+1,1))-1)+IF('Standard Profiles'!$G$20=$B$10,7,0)+IF('Standard Profiles'!$G$20=$B$17,14,0)+IF('Standard Profiles'!$G$20=$B$24,21,0),MOD($C7394,24)+1)/SUM(INDEX($D$3:$AA$30,INDEX(Jesper!$R$2:$R$366,ROW(INDEX(Jesper!AJ$2:AJ$366,ROUNDDOWN($C7394/24,0)+1,1))-1)+IF('Standard Profiles'!$G$20=$B$10,7,0)+IF('Standard Profiles'!$G$20=$B$17,14,0)+IF('Standard Profiles'!$G$20=$B$24,21,0),0)),0)</f>
        <v>0</v>
      </c>
      <c r="G7394" cm="1">
        <f t="array" ref="G7394">IFERROR(INDEX(Jesper!AK$2:AK$366,ROUNDDOWN($C7394/24,0)+1,1)*INDEX($D$3:$AA$30,INDEX(Jesper!$R$2:$R$366,ROW(INDEX(Jesper!AK$2:AK$366,ROUNDDOWN($C7394/24,0)+1,1))-1)+IF('Standard Profiles'!$G$21=$B$10,7,0)+IF('Standard Profiles'!$G$21=$B$17,14,0)+IF('Standard Profiles'!$G$21=$B$24,21,0),MOD($C7394,24)+1)/SUM(INDEX($D$3:$AA$30,INDEX(Jesper!$R$2:$R$366,ROW(INDEX(Jesper!AK$2:AK$366,ROUNDDOWN($C7394/24,0)+1,1))-1)+IF('Standard Profiles'!$G$21=$B$10,7,0)+IF('Standard Profiles'!$G$21=$B$17,14,0)+IF('Standard Profiles'!$G$21=$B$24,21,0),0)),0)</f>
        <v>0</v>
      </c>
      <c r="H7394" cm="1">
        <f t="array" ref="H7394">IFERROR(INDEX(Jesper!AL$2:AL$366,ROUNDDOWN($C7394/24,0)+1,1)*INDEX($D$3:$AA$30,INDEX(Jesper!$R$2:$R$366,ROW(INDEX(Jesper!AL$2:AL$366,ROUNDDOWN($C7394/24,0)+1,1))-1)+IF('Standard Profiles'!$G$22=$B$10,7,0)+IF('Standard Profiles'!$G$22=$B$17,14,0)+IF('Standard Profiles'!$G$22=$B$24,21,0),MOD($C7394,24)+1)/SUM(INDEX($D$3:$AA$30,INDEX(Jesper!$R$2:$R$366,ROW(INDEX(Jesper!AL$2:AL$366,ROUNDDOWN($C7394/24,0)+1,1))-1)+IF('Standard Profiles'!$G$22=$B$10,7,0)+IF('Standard Profiles'!$G$22=$B$17,14,0)+IF('Standard Profiles'!$G$22=$B$24,21,0),0)),0)</f>
        <v>0</v>
      </c>
      <c r="I7394">
        <f t="shared" si="818"/>
        <v>0.22472532107053844</v>
      </c>
      <c r="J7394">
        <f t="shared" si="819"/>
        <v>0.74908440356846151</v>
      </c>
      <c r="K7394">
        <f t="shared" si="820"/>
        <v>1.1236266053526924</v>
      </c>
      <c r="L7394">
        <f t="shared" si="821"/>
        <v>12.061060427042042</v>
      </c>
      <c r="M7394">
        <f t="shared" si="822"/>
        <v>0</v>
      </c>
      <c r="N7394" s="46">
        <f t="shared" si="823"/>
        <v>45598.666666648816</v>
      </c>
    </row>
    <row r="7395" spans="2:14" x14ac:dyDescent="0.3">
      <c r="B7395">
        <f t="shared" ref="B7395:B7458" si="824">WEEKDAY(N7395,2)</f>
        <v>6</v>
      </c>
      <c r="C7395" s="16">
        <v>7361</v>
      </c>
      <c r="D7395" cm="1">
        <f t="array" ref="D7395">IFERROR(INDEX(Jesper!AH$2:AH$366,ROUNDDOWN($C7395/24,0)+1,1)*INDEX($D$3:$AA$30,INDEX(Jesper!$R$2:$R$366,ROW(INDEX(Jesper!AH$2:AH$366,ROUNDDOWN($C7395/24,0)+1,1))-1)+IF('Standard Profiles'!$G$18=$B$10,7,0)+IF('Standard Profiles'!$G$18=$B$17,14,0)+IF('Standard Profiles'!$G$18=$B$24,21,0),MOD($C7395,24)+1)/SUM(INDEX($D$3:$AA$30,INDEX(Jesper!$R$2:$R$366,ROW(INDEX(Jesper!AH$2:AH$366,ROUNDDOWN($C7395/24,0)+1,1))-1)+IF('Standard Profiles'!$G$18=$B$10,7,0)+IF('Standard Profiles'!$G$18=$B$17,14,0)+IF('Standard Profiles'!$G$18=$B$24,21,0),0)),0)</f>
        <v>10.497641123835683</v>
      </c>
      <c r="E7395" cm="1">
        <f t="array" ref="E7395">IFERROR(INDEX(Jesper!AI$2:AI$366,ROUNDDOWN($C7395/24,0)+1,1)*INDEX($D$3:$AA$30,INDEX(Jesper!$R$2:$R$366,ROW(INDEX(Jesper!AI$2:AI$366,ROUNDDOWN($C7395/24,0)+1,1))-1)+IF('Standard Profiles'!$G$19=$B$10,7,0)+IF('Standard Profiles'!$G$19=$B$17,14,0)+IF('Standard Profiles'!$G$19=$B$24,21,0),MOD($C7395,24)+1)/SUM(INDEX($D$3:$AA$30,INDEX(Jesper!$R$2:$R$366,ROW(INDEX(Jesper!AI$2:AI$366,ROUNDDOWN($C7395/24,0)+1,1))-1)+IF('Standard Profiles'!$G$19=$B$10,7,0)+IF('Standard Profiles'!$G$19=$B$17,14,0)+IF('Standard Profiles'!$G$19=$B$24,21,0),0)),0)</f>
        <v>2.2450059574946786</v>
      </c>
      <c r="F7395" cm="1">
        <f t="array" ref="F7395">IFERROR(INDEX(Jesper!AJ$2:AJ$366,ROUNDDOWN($C7395/24,0)+1,1)*INDEX($D$3:$AA$30,INDEX(Jesper!$R$2:$R$366,ROW(INDEX(Jesper!AJ$2:AJ$366,ROUNDDOWN($C7395/24,0)+1,1))-1)+IF('Standard Profiles'!$G$20=$B$10,7,0)+IF('Standard Profiles'!$G$20=$B$17,14,0)+IF('Standard Profiles'!$G$20=$B$24,21,0),MOD($C7395,24)+1)/SUM(INDEX($D$3:$AA$30,INDEX(Jesper!$R$2:$R$366,ROW(INDEX(Jesper!AJ$2:AJ$366,ROUNDDOWN($C7395/24,0)+1,1))-1)+IF('Standard Profiles'!$G$20=$B$10,7,0)+IF('Standard Profiles'!$G$20=$B$17,14,0)+IF('Standard Profiles'!$G$20=$B$24,21,0),0)),0)</f>
        <v>0</v>
      </c>
      <c r="G7395" cm="1">
        <f t="array" ref="G7395">IFERROR(INDEX(Jesper!AK$2:AK$366,ROUNDDOWN($C7395/24,0)+1,1)*INDEX($D$3:$AA$30,INDEX(Jesper!$R$2:$R$366,ROW(INDEX(Jesper!AK$2:AK$366,ROUNDDOWN($C7395/24,0)+1,1))-1)+IF('Standard Profiles'!$G$21=$B$10,7,0)+IF('Standard Profiles'!$G$21=$B$17,14,0)+IF('Standard Profiles'!$G$21=$B$24,21,0),MOD($C7395,24)+1)/SUM(INDEX($D$3:$AA$30,INDEX(Jesper!$R$2:$R$366,ROW(INDEX(Jesper!AK$2:AK$366,ROUNDDOWN($C7395/24,0)+1,1))-1)+IF('Standard Profiles'!$G$21=$B$10,7,0)+IF('Standard Profiles'!$G$21=$B$17,14,0)+IF('Standard Profiles'!$G$21=$B$24,21,0),0)),0)</f>
        <v>0</v>
      </c>
      <c r="H7395" cm="1">
        <f t="array" ref="H7395">IFERROR(INDEX(Jesper!AL$2:AL$366,ROUNDDOWN($C7395/24,0)+1,1)*INDEX($D$3:$AA$30,INDEX(Jesper!$R$2:$R$366,ROW(INDEX(Jesper!AL$2:AL$366,ROUNDDOWN($C7395/24,0)+1,1))-1)+IF('Standard Profiles'!$G$22=$B$10,7,0)+IF('Standard Profiles'!$G$22=$B$17,14,0)+IF('Standard Profiles'!$G$22=$B$24,21,0),MOD($C7395,24)+1)/SUM(INDEX($D$3:$AA$30,INDEX(Jesper!$R$2:$R$366,ROW(INDEX(Jesper!AL$2:AL$366,ROUNDDOWN($C7395/24,0)+1,1))-1)+IF('Standard Profiles'!$G$22=$B$10,7,0)+IF('Standard Profiles'!$G$22=$B$17,14,0)+IF('Standard Profiles'!$G$22=$B$24,21,0),0)),0)</f>
        <v>0</v>
      </c>
      <c r="I7395">
        <f t="shared" ref="I7395:I7458" si="825">IF($B7395&lt;6,AC$37*$D7395+AC$38*$E7395+AC$39*$F7395+AC$40*$G7395,AC$46*$D7395+AC$47*$E7395+AC$48*$F7395+AC$49*$G7395+AC$50*$H7395)</f>
        <v>0.20225278896348461</v>
      </c>
      <c r="J7395">
        <f t="shared" ref="J7395:J7458" si="826">IF($B7395&lt;6,AD$37*$D7395+AD$38*$E7395+AD$39*$F7395+AD$40*$G7395,AD$46*$D7395+AD$47*$E7395+AD$48*$F7395+AD$49*$G7395+AD$50*$H7395)</f>
        <v>0.67417596321161544</v>
      </c>
      <c r="K7395">
        <f t="shared" ref="K7395:K7458" si="827">IF($B7395&lt;6,AE$37*$D7395+AE$38*$E7395+AE$39*$F7395+AE$40*$G7395,AE$46*$D7395+AE$47*$E7395+AE$48*$F7395+AE$49*$G7395+AE$50*$H7395)</f>
        <v>1.0112639448174232</v>
      </c>
      <c r="L7395">
        <f t="shared" ref="L7395:L7458" si="828">IF($B7395&lt;6,AF$37*$D7395+AF$38*$E7395+AF$39*$F7395+AF$40*$G7395,AF$46*$D7395+AF$47*$E7395+AF$48*$F7395+AF$49*$G7395+AF$50*$H7395)</f>
        <v>10.854954384337839</v>
      </c>
      <c r="M7395">
        <f t="shared" ref="M7395:M7458" si="829">IF($B7395&lt;6,AG$37*$D7395+AG$38*$E7395+AG$39*$F7395+AG$40*$G7395,AG$46*$D7395+AG$47*$E7395+AG$48*$F7395+AG$49*$G7395+AG$50*$H7395)</f>
        <v>0</v>
      </c>
      <c r="N7395" s="46">
        <f t="shared" si="823"/>
        <v>45598.708333315481</v>
      </c>
    </row>
    <row r="7396" spans="2:14" x14ac:dyDescent="0.3">
      <c r="B7396">
        <f t="shared" si="824"/>
        <v>6</v>
      </c>
      <c r="C7396" s="16">
        <v>7362</v>
      </c>
      <c r="D7396" cm="1">
        <f t="array" ref="D7396">IFERROR(INDEX(Jesper!AH$2:AH$366,ROUNDDOWN($C7396/24,0)+1,1)*INDEX($D$3:$AA$30,INDEX(Jesper!$R$2:$R$366,ROW(INDEX(Jesper!AH$2:AH$366,ROUNDDOWN($C7396/24,0)+1,1))-1)+IF('Standard Profiles'!$G$18=$B$10,7,0)+IF('Standard Profiles'!$G$18=$B$17,14,0)+IF('Standard Profiles'!$G$18=$B$24,21,0),MOD($C7396,24)+1)/SUM(INDEX($D$3:$AA$30,INDEX(Jesper!$R$2:$R$366,ROW(INDEX(Jesper!AH$2:AH$366,ROUNDDOWN($C7396/24,0)+1,1))-1)+IF('Standard Profiles'!$G$18=$B$10,7,0)+IF('Standard Profiles'!$G$18=$B$17,14,0)+IF('Standard Profiles'!$G$18=$B$24,21,0),0)),0)</f>
        <v>10.108839600730656</v>
      </c>
      <c r="E7396" cm="1">
        <f t="array" ref="E7396">IFERROR(INDEX(Jesper!AI$2:AI$366,ROUNDDOWN($C7396/24,0)+1,1)*INDEX($D$3:$AA$30,INDEX(Jesper!$R$2:$R$366,ROW(INDEX(Jesper!AI$2:AI$366,ROUNDDOWN($C7396/24,0)+1,1))-1)+IF('Standard Profiles'!$G$19=$B$10,7,0)+IF('Standard Profiles'!$G$19=$B$17,14,0)+IF('Standard Profiles'!$G$19=$B$24,21,0),MOD($C7396,24)+1)/SUM(INDEX($D$3:$AA$30,INDEX(Jesper!$R$2:$R$366,ROW(INDEX(Jesper!AI$2:AI$366,ROUNDDOWN($C7396/24,0)+1,1))-1)+IF('Standard Profiles'!$G$19=$B$10,7,0)+IF('Standard Profiles'!$G$19=$B$17,14,0)+IF('Standard Profiles'!$G$19=$B$24,21,0),0)),0)</f>
        <v>2.1618575886985791</v>
      </c>
      <c r="F7396" cm="1">
        <f t="array" ref="F7396">IFERROR(INDEX(Jesper!AJ$2:AJ$366,ROUNDDOWN($C7396/24,0)+1,1)*INDEX($D$3:$AA$30,INDEX(Jesper!$R$2:$R$366,ROW(INDEX(Jesper!AJ$2:AJ$366,ROUNDDOWN($C7396/24,0)+1,1))-1)+IF('Standard Profiles'!$G$20=$B$10,7,0)+IF('Standard Profiles'!$G$20=$B$17,14,0)+IF('Standard Profiles'!$G$20=$B$24,21,0),MOD($C7396,24)+1)/SUM(INDEX($D$3:$AA$30,INDEX(Jesper!$R$2:$R$366,ROW(INDEX(Jesper!AJ$2:AJ$366,ROUNDDOWN($C7396/24,0)+1,1))-1)+IF('Standard Profiles'!$G$20=$B$10,7,0)+IF('Standard Profiles'!$G$20=$B$17,14,0)+IF('Standard Profiles'!$G$20=$B$24,21,0),0)),0)</f>
        <v>0</v>
      </c>
      <c r="G7396" cm="1">
        <f t="array" ref="G7396">IFERROR(INDEX(Jesper!AK$2:AK$366,ROUNDDOWN($C7396/24,0)+1,1)*INDEX($D$3:$AA$30,INDEX(Jesper!$R$2:$R$366,ROW(INDEX(Jesper!AK$2:AK$366,ROUNDDOWN($C7396/24,0)+1,1))-1)+IF('Standard Profiles'!$G$21=$B$10,7,0)+IF('Standard Profiles'!$G$21=$B$17,14,0)+IF('Standard Profiles'!$G$21=$B$24,21,0),MOD($C7396,24)+1)/SUM(INDEX($D$3:$AA$30,INDEX(Jesper!$R$2:$R$366,ROW(INDEX(Jesper!AK$2:AK$366,ROUNDDOWN($C7396/24,0)+1,1))-1)+IF('Standard Profiles'!$G$21=$B$10,7,0)+IF('Standard Profiles'!$G$21=$B$17,14,0)+IF('Standard Profiles'!$G$21=$B$24,21,0),0)),0)</f>
        <v>0</v>
      </c>
      <c r="H7396" cm="1">
        <f t="array" ref="H7396">IFERROR(INDEX(Jesper!AL$2:AL$366,ROUNDDOWN($C7396/24,0)+1,1)*INDEX($D$3:$AA$30,INDEX(Jesper!$R$2:$R$366,ROW(INDEX(Jesper!AL$2:AL$366,ROUNDDOWN($C7396/24,0)+1,1))-1)+IF('Standard Profiles'!$G$22=$B$10,7,0)+IF('Standard Profiles'!$G$22=$B$17,14,0)+IF('Standard Profiles'!$G$22=$B$24,21,0),MOD($C7396,24)+1)/SUM(INDEX($D$3:$AA$30,INDEX(Jesper!$R$2:$R$366,ROW(INDEX(Jesper!AL$2:AL$366,ROUNDDOWN($C7396/24,0)+1,1))-1)+IF('Standard Profiles'!$G$22=$B$10,7,0)+IF('Standard Profiles'!$G$22=$B$17,14,0)+IF('Standard Profiles'!$G$22=$B$24,21,0),0)),0)</f>
        <v>0</v>
      </c>
      <c r="I7396">
        <f t="shared" si="825"/>
        <v>0.19476194492779997</v>
      </c>
      <c r="J7396">
        <f t="shared" si="826"/>
        <v>0.64920648309266671</v>
      </c>
      <c r="K7396">
        <f t="shared" si="827"/>
        <v>0.97380972463899995</v>
      </c>
      <c r="L7396">
        <f t="shared" si="828"/>
        <v>10.452919036769769</v>
      </c>
      <c r="M7396">
        <f t="shared" si="829"/>
        <v>0</v>
      </c>
      <c r="N7396" s="46">
        <f t="shared" ref="N7396:N7459" si="830">N7395+1/24</f>
        <v>45598.749999982145</v>
      </c>
    </row>
    <row r="7397" spans="2:14" x14ac:dyDescent="0.3">
      <c r="B7397">
        <f t="shared" si="824"/>
        <v>6</v>
      </c>
      <c r="C7397" s="16">
        <v>7363</v>
      </c>
      <c r="D7397" cm="1">
        <f t="array" ref="D7397">IFERROR(INDEX(Jesper!AH$2:AH$366,ROUNDDOWN($C7397/24,0)+1,1)*INDEX($D$3:$AA$30,INDEX(Jesper!$R$2:$R$366,ROW(INDEX(Jesper!AH$2:AH$366,ROUNDDOWN($C7397/24,0)+1,1))-1)+IF('Standard Profiles'!$G$18=$B$10,7,0)+IF('Standard Profiles'!$G$18=$B$17,14,0)+IF('Standard Profiles'!$G$18=$B$24,21,0),MOD($C7397,24)+1)/SUM(INDEX($D$3:$AA$30,INDEX(Jesper!$R$2:$R$366,ROW(INDEX(Jesper!AH$2:AH$366,ROUNDDOWN($C7397/24,0)+1,1))-1)+IF('Standard Profiles'!$G$18=$B$10,7,0)+IF('Standard Profiles'!$G$18=$B$17,14,0)+IF('Standard Profiles'!$G$18=$B$24,21,0),0)),0)</f>
        <v>8.1648319852055291</v>
      </c>
      <c r="E7397" cm="1">
        <f t="array" ref="E7397">IFERROR(INDEX(Jesper!AI$2:AI$366,ROUNDDOWN($C7397/24,0)+1,1)*INDEX($D$3:$AA$30,INDEX(Jesper!$R$2:$R$366,ROW(INDEX(Jesper!AI$2:AI$366,ROUNDDOWN($C7397/24,0)+1,1))-1)+IF('Standard Profiles'!$G$19=$B$10,7,0)+IF('Standard Profiles'!$G$19=$B$17,14,0)+IF('Standard Profiles'!$G$19=$B$24,21,0),MOD($C7397,24)+1)/SUM(INDEX($D$3:$AA$30,INDEX(Jesper!$R$2:$R$366,ROW(INDEX(Jesper!AI$2:AI$366,ROUNDDOWN($C7397/24,0)+1,1))-1)+IF('Standard Profiles'!$G$19=$B$10,7,0)+IF('Standard Profiles'!$G$19=$B$17,14,0)+IF('Standard Profiles'!$G$19=$B$24,21,0),0)),0)</f>
        <v>1.7461157447180833</v>
      </c>
      <c r="F7397" cm="1">
        <f t="array" ref="F7397">IFERROR(INDEX(Jesper!AJ$2:AJ$366,ROUNDDOWN($C7397/24,0)+1,1)*INDEX($D$3:$AA$30,INDEX(Jesper!$R$2:$R$366,ROW(INDEX(Jesper!AJ$2:AJ$366,ROUNDDOWN($C7397/24,0)+1,1))-1)+IF('Standard Profiles'!$G$20=$B$10,7,0)+IF('Standard Profiles'!$G$20=$B$17,14,0)+IF('Standard Profiles'!$G$20=$B$24,21,0),MOD($C7397,24)+1)/SUM(INDEX($D$3:$AA$30,INDEX(Jesper!$R$2:$R$366,ROW(INDEX(Jesper!AJ$2:AJ$366,ROUNDDOWN($C7397/24,0)+1,1))-1)+IF('Standard Profiles'!$G$20=$B$10,7,0)+IF('Standard Profiles'!$G$20=$B$17,14,0)+IF('Standard Profiles'!$G$20=$B$24,21,0),0)),0)</f>
        <v>0</v>
      </c>
      <c r="G7397" cm="1">
        <f t="array" ref="G7397">IFERROR(INDEX(Jesper!AK$2:AK$366,ROUNDDOWN($C7397/24,0)+1,1)*INDEX($D$3:$AA$30,INDEX(Jesper!$R$2:$R$366,ROW(INDEX(Jesper!AK$2:AK$366,ROUNDDOWN($C7397/24,0)+1,1))-1)+IF('Standard Profiles'!$G$21=$B$10,7,0)+IF('Standard Profiles'!$G$21=$B$17,14,0)+IF('Standard Profiles'!$G$21=$B$24,21,0),MOD($C7397,24)+1)/SUM(INDEX($D$3:$AA$30,INDEX(Jesper!$R$2:$R$366,ROW(INDEX(Jesper!AK$2:AK$366,ROUNDDOWN($C7397/24,0)+1,1))-1)+IF('Standard Profiles'!$G$21=$B$10,7,0)+IF('Standard Profiles'!$G$21=$B$17,14,0)+IF('Standard Profiles'!$G$21=$B$24,21,0),0)),0)</f>
        <v>0</v>
      </c>
      <c r="H7397" cm="1">
        <f t="array" ref="H7397">IFERROR(INDEX(Jesper!AL$2:AL$366,ROUNDDOWN($C7397/24,0)+1,1)*INDEX($D$3:$AA$30,INDEX(Jesper!$R$2:$R$366,ROW(INDEX(Jesper!AL$2:AL$366,ROUNDDOWN($C7397/24,0)+1,1))-1)+IF('Standard Profiles'!$G$22=$B$10,7,0)+IF('Standard Profiles'!$G$22=$B$17,14,0)+IF('Standard Profiles'!$G$22=$B$24,21,0),MOD($C7397,24)+1)/SUM(INDEX($D$3:$AA$30,INDEX(Jesper!$R$2:$R$366,ROW(INDEX(Jesper!AL$2:AL$366,ROUNDDOWN($C7397/24,0)+1,1))-1)+IF('Standard Profiles'!$G$22=$B$10,7,0)+IF('Standard Profiles'!$G$22=$B$17,14,0)+IF('Standard Profiles'!$G$22=$B$24,21,0),0)),0)</f>
        <v>0</v>
      </c>
      <c r="I7397">
        <f t="shared" si="825"/>
        <v>0.1573077247493769</v>
      </c>
      <c r="J7397">
        <f t="shared" si="826"/>
        <v>0.52435908249792307</v>
      </c>
      <c r="K7397">
        <f t="shared" si="827"/>
        <v>0.78653862374688466</v>
      </c>
      <c r="L7397">
        <f t="shared" si="828"/>
        <v>8.4427422989294278</v>
      </c>
      <c r="M7397">
        <f t="shared" si="829"/>
        <v>0</v>
      </c>
      <c r="N7397" s="46">
        <f t="shared" si="830"/>
        <v>45598.791666648809</v>
      </c>
    </row>
    <row r="7398" spans="2:14" x14ac:dyDescent="0.3">
      <c r="B7398">
        <f t="shared" si="824"/>
        <v>6</v>
      </c>
      <c r="C7398" s="16">
        <v>7364</v>
      </c>
      <c r="D7398" cm="1">
        <f t="array" ref="D7398">IFERROR(INDEX(Jesper!AH$2:AH$366,ROUNDDOWN($C7398/24,0)+1,1)*INDEX($D$3:$AA$30,INDEX(Jesper!$R$2:$R$366,ROW(INDEX(Jesper!AH$2:AH$366,ROUNDDOWN($C7398/24,0)+1,1))-1)+IF('Standard Profiles'!$G$18=$B$10,7,0)+IF('Standard Profiles'!$G$18=$B$17,14,0)+IF('Standard Profiles'!$G$18=$B$24,21,0),MOD($C7398,24)+1)/SUM(INDEX($D$3:$AA$30,INDEX(Jesper!$R$2:$R$366,ROW(INDEX(Jesper!AH$2:AH$366,ROUNDDOWN($C7398/24,0)+1,1))-1)+IF('Standard Profiles'!$G$18=$B$10,7,0)+IF('Standard Profiles'!$G$18=$B$17,14,0)+IF('Standard Profiles'!$G$18=$B$24,21,0),0)),0)</f>
        <v>6.0264236081278915</v>
      </c>
      <c r="E7398" cm="1">
        <f t="array" ref="E7398">IFERROR(INDEX(Jesper!AI$2:AI$366,ROUNDDOWN($C7398/24,0)+1,1)*INDEX($D$3:$AA$30,INDEX(Jesper!$R$2:$R$366,ROW(INDEX(Jesper!AI$2:AI$366,ROUNDDOWN($C7398/24,0)+1,1))-1)+IF('Standard Profiles'!$G$19=$B$10,7,0)+IF('Standard Profiles'!$G$19=$B$17,14,0)+IF('Standard Profiles'!$G$19=$B$24,21,0),MOD($C7398,24)+1)/SUM(INDEX($D$3:$AA$30,INDEX(Jesper!$R$2:$R$366,ROW(INDEX(Jesper!AI$2:AI$366,ROUNDDOWN($C7398/24,0)+1,1))-1)+IF('Standard Profiles'!$G$19=$B$10,7,0)+IF('Standard Profiles'!$G$19=$B$17,14,0)+IF('Standard Profiles'!$G$19=$B$24,21,0),0)),0)</f>
        <v>1.2887997163395377</v>
      </c>
      <c r="F7398" cm="1">
        <f t="array" ref="F7398">IFERROR(INDEX(Jesper!AJ$2:AJ$366,ROUNDDOWN($C7398/24,0)+1,1)*INDEX($D$3:$AA$30,INDEX(Jesper!$R$2:$R$366,ROW(INDEX(Jesper!AJ$2:AJ$366,ROUNDDOWN($C7398/24,0)+1,1))-1)+IF('Standard Profiles'!$G$20=$B$10,7,0)+IF('Standard Profiles'!$G$20=$B$17,14,0)+IF('Standard Profiles'!$G$20=$B$24,21,0),MOD($C7398,24)+1)/SUM(INDEX($D$3:$AA$30,INDEX(Jesper!$R$2:$R$366,ROW(INDEX(Jesper!AJ$2:AJ$366,ROUNDDOWN($C7398/24,0)+1,1))-1)+IF('Standard Profiles'!$G$20=$B$10,7,0)+IF('Standard Profiles'!$G$20=$B$17,14,0)+IF('Standard Profiles'!$G$20=$B$24,21,0),0)),0)</f>
        <v>0</v>
      </c>
      <c r="G7398" cm="1">
        <f t="array" ref="G7398">IFERROR(INDEX(Jesper!AK$2:AK$366,ROUNDDOWN($C7398/24,0)+1,1)*INDEX($D$3:$AA$30,INDEX(Jesper!$R$2:$R$366,ROW(INDEX(Jesper!AK$2:AK$366,ROUNDDOWN($C7398/24,0)+1,1))-1)+IF('Standard Profiles'!$G$21=$B$10,7,0)+IF('Standard Profiles'!$G$21=$B$17,14,0)+IF('Standard Profiles'!$G$21=$B$24,21,0),MOD($C7398,24)+1)/SUM(INDEX($D$3:$AA$30,INDEX(Jesper!$R$2:$R$366,ROW(INDEX(Jesper!AK$2:AK$366,ROUNDDOWN($C7398/24,0)+1,1))-1)+IF('Standard Profiles'!$G$21=$B$10,7,0)+IF('Standard Profiles'!$G$21=$B$17,14,0)+IF('Standard Profiles'!$G$21=$B$24,21,0),0)),0)</f>
        <v>0</v>
      </c>
      <c r="H7398" cm="1">
        <f t="array" ref="H7398">IFERROR(INDEX(Jesper!AL$2:AL$366,ROUNDDOWN($C7398/24,0)+1,1)*INDEX($D$3:$AA$30,INDEX(Jesper!$R$2:$R$366,ROW(INDEX(Jesper!AL$2:AL$366,ROUNDDOWN($C7398/24,0)+1,1))-1)+IF('Standard Profiles'!$G$22=$B$10,7,0)+IF('Standard Profiles'!$G$22=$B$17,14,0)+IF('Standard Profiles'!$G$22=$B$24,21,0),MOD($C7398,24)+1)/SUM(INDEX($D$3:$AA$30,INDEX(Jesper!$R$2:$R$366,ROW(INDEX(Jesper!AL$2:AL$366,ROUNDDOWN($C7398/24,0)+1,1))-1)+IF('Standard Profiles'!$G$22=$B$10,7,0)+IF('Standard Profiles'!$G$22=$B$17,14,0)+IF('Standard Profiles'!$G$22=$B$24,21,0),0)),0)</f>
        <v>0</v>
      </c>
      <c r="I7398">
        <f t="shared" si="825"/>
        <v>0.11610808255311153</v>
      </c>
      <c r="J7398">
        <f t="shared" si="826"/>
        <v>0.38702694184370517</v>
      </c>
      <c r="K7398">
        <f t="shared" si="827"/>
        <v>0.58054041276555779</v>
      </c>
      <c r="L7398">
        <f t="shared" si="828"/>
        <v>6.2315478873050552</v>
      </c>
      <c r="M7398">
        <f t="shared" si="829"/>
        <v>0</v>
      </c>
      <c r="N7398" s="46">
        <f t="shared" si="830"/>
        <v>45598.833333315473</v>
      </c>
    </row>
    <row r="7399" spans="2:14" x14ac:dyDescent="0.3">
      <c r="B7399">
        <f t="shared" si="824"/>
        <v>6</v>
      </c>
      <c r="C7399" s="16">
        <v>7365</v>
      </c>
      <c r="D7399" cm="1">
        <f t="array" ref="D7399">IFERROR(INDEX(Jesper!AH$2:AH$366,ROUNDDOWN($C7399/24,0)+1,1)*INDEX($D$3:$AA$30,INDEX(Jesper!$R$2:$R$366,ROW(INDEX(Jesper!AH$2:AH$366,ROUNDDOWN($C7399/24,0)+1,1))-1)+IF('Standard Profiles'!$G$18=$B$10,7,0)+IF('Standard Profiles'!$G$18=$B$17,14,0)+IF('Standard Profiles'!$G$18=$B$24,21,0),MOD($C7399,24)+1)/SUM(INDEX($D$3:$AA$30,INDEX(Jesper!$R$2:$R$366,ROW(INDEX(Jesper!AH$2:AH$366,ROUNDDOWN($C7399/24,0)+1,1))-1)+IF('Standard Profiles'!$G$18=$B$10,7,0)+IF('Standard Profiles'!$G$18=$B$17,14,0)+IF('Standard Profiles'!$G$18=$B$24,21,0),0)),0)</f>
        <v>6.0264236081278915</v>
      </c>
      <c r="E7399" cm="1">
        <f t="array" ref="E7399">IFERROR(INDEX(Jesper!AI$2:AI$366,ROUNDDOWN($C7399/24,0)+1,1)*INDEX($D$3:$AA$30,INDEX(Jesper!$R$2:$R$366,ROW(INDEX(Jesper!AI$2:AI$366,ROUNDDOWN($C7399/24,0)+1,1))-1)+IF('Standard Profiles'!$G$19=$B$10,7,0)+IF('Standard Profiles'!$G$19=$B$17,14,0)+IF('Standard Profiles'!$G$19=$B$24,21,0),MOD($C7399,24)+1)/SUM(INDEX($D$3:$AA$30,INDEX(Jesper!$R$2:$R$366,ROW(INDEX(Jesper!AI$2:AI$366,ROUNDDOWN($C7399/24,0)+1,1))-1)+IF('Standard Profiles'!$G$19=$B$10,7,0)+IF('Standard Profiles'!$G$19=$B$17,14,0)+IF('Standard Profiles'!$G$19=$B$24,21,0),0)),0)</f>
        <v>1.2887997163395377</v>
      </c>
      <c r="F7399" cm="1">
        <f t="array" ref="F7399">IFERROR(INDEX(Jesper!AJ$2:AJ$366,ROUNDDOWN($C7399/24,0)+1,1)*INDEX($D$3:$AA$30,INDEX(Jesper!$R$2:$R$366,ROW(INDEX(Jesper!AJ$2:AJ$366,ROUNDDOWN($C7399/24,0)+1,1))-1)+IF('Standard Profiles'!$G$20=$B$10,7,0)+IF('Standard Profiles'!$G$20=$B$17,14,0)+IF('Standard Profiles'!$G$20=$B$24,21,0),MOD($C7399,24)+1)/SUM(INDEX($D$3:$AA$30,INDEX(Jesper!$R$2:$R$366,ROW(INDEX(Jesper!AJ$2:AJ$366,ROUNDDOWN($C7399/24,0)+1,1))-1)+IF('Standard Profiles'!$G$20=$B$10,7,0)+IF('Standard Profiles'!$G$20=$B$17,14,0)+IF('Standard Profiles'!$G$20=$B$24,21,0),0)),0)</f>
        <v>0</v>
      </c>
      <c r="G7399" cm="1">
        <f t="array" ref="G7399">IFERROR(INDEX(Jesper!AK$2:AK$366,ROUNDDOWN($C7399/24,0)+1,1)*INDEX($D$3:$AA$30,INDEX(Jesper!$R$2:$R$366,ROW(INDEX(Jesper!AK$2:AK$366,ROUNDDOWN($C7399/24,0)+1,1))-1)+IF('Standard Profiles'!$G$21=$B$10,7,0)+IF('Standard Profiles'!$G$21=$B$17,14,0)+IF('Standard Profiles'!$G$21=$B$24,21,0),MOD($C7399,24)+1)/SUM(INDEX($D$3:$AA$30,INDEX(Jesper!$R$2:$R$366,ROW(INDEX(Jesper!AK$2:AK$366,ROUNDDOWN($C7399/24,0)+1,1))-1)+IF('Standard Profiles'!$G$21=$B$10,7,0)+IF('Standard Profiles'!$G$21=$B$17,14,0)+IF('Standard Profiles'!$G$21=$B$24,21,0),0)),0)</f>
        <v>0</v>
      </c>
      <c r="H7399" cm="1">
        <f t="array" ref="H7399">IFERROR(INDEX(Jesper!AL$2:AL$366,ROUNDDOWN($C7399/24,0)+1,1)*INDEX($D$3:$AA$30,INDEX(Jesper!$R$2:$R$366,ROW(INDEX(Jesper!AL$2:AL$366,ROUNDDOWN($C7399/24,0)+1,1))-1)+IF('Standard Profiles'!$G$22=$B$10,7,0)+IF('Standard Profiles'!$G$22=$B$17,14,0)+IF('Standard Profiles'!$G$22=$B$24,21,0),MOD($C7399,24)+1)/SUM(INDEX($D$3:$AA$30,INDEX(Jesper!$R$2:$R$366,ROW(INDEX(Jesper!AL$2:AL$366,ROUNDDOWN($C7399/24,0)+1,1))-1)+IF('Standard Profiles'!$G$22=$B$10,7,0)+IF('Standard Profiles'!$G$22=$B$17,14,0)+IF('Standard Profiles'!$G$22=$B$24,21,0),0)),0)</f>
        <v>0</v>
      </c>
      <c r="I7399">
        <f t="shared" si="825"/>
        <v>0.11610808255311153</v>
      </c>
      <c r="J7399">
        <f t="shared" si="826"/>
        <v>0.38702694184370517</v>
      </c>
      <c r="K7399">
        <f t="shared" si="827"/>
        <v>0.58054041276555779</v>
      </c>
      <c r="L7399">
        <f t="shared" si="828"/>
        <v>6.2315478873050552</v>
      </c>
      <c r="M7399">
        <f t="shared" si="829"/>
        <v>0</v>
      </c>
      <c r="N7399" s="46">
        <f t="shared" si="830"/>
        <v>45598.874999982138</v>
      </c>
    </row>
    <row r="7400" spans="2:14" x14ac:dyDescent="0.3">
      <c r="B7400">
        <f t="shared" si="824"/>
        <v>6</v>
      </c>
      <c r="C7400" s="16">
        <v>7366</v>
      </c>
      <c r="D7400" cm="1">
        <f t="array" ref="D7400">IFERROR(INDEX(Jesper!AH$2:AH$366,ROUNDDOWN($C7400/24,0)+1,1)*INDEX($D$3:$AA$30,INDEX(Jesper!$R$2:$R$366,ROW(INDEX(Jesper!AH$2:AH$366,ROUNDDOWN($C7400/24,0)+1,1))-1)+IF('Standard Profiles'!$G$18=$B$10,7,0)+IF('Standard Profiles'!$G$18=$B$17,14,0)+IF('Standard Profiles'!$G$18=$B$24,21,0),MOD($C7400,24)+1)/SUM(INDEX($D$3:$AA$30,INDEX(Jesper!$R$2:$R$366,ROW(INDEX(Jesper!AH$2:AH$366,ROUNDDOWN($C7400/24,0)+1,1))-1)+IF('Standard Profiles'!$G$18=$B$10,7,0)+IF('Standard Profiles'!$G$18=$B$17,14,0)+IF('Standard Profiles'!$G$18=$B$24,21,0),0)),0)</f>
        <v>6.0264236081278915</v>
      </c>
      <c r="E7400" cm="1">
        <f t="array" ref="E7400">IFERROR(INDEX(Jesper!AI$2:AI$366,ROUNDDOWN($C7400/24,0)+1,1)*INDEX($D$3:$AA$30,INDEX(Jesper!$R$2:$R$366,ROW(INDEX(Jesper!AI$2:AI$366,ROUNDDOWN($C7400/24,0)+1,1))-1)+IF('Standard Profiles'!$G$19=$B$10,7,0)+IF('Standard Profiles'!$G$19=$B$17,14,0)+IF('Standard Profiles'!$G$19=$B$24,21,0),MOD($C7400,24)+1)/SUM(INDEX($D$3:$AA$30,INDEX(Jesper!$R$2:$R$366,ROW(INDEX(Jesper!AI$2:AI$366,ROUNDDOWN($C7400/24,0)+1,1))-1)+IF('Standard Profiles'!$G$19=$B$10,7,0)+IF('Standard Profiles'!$G$19=$B$17,14,0)+IF('Standard Profiles'!$G$19=$B$24,21,0),0)),0)</f>
        <v>1.2887997163395377</v>
      </c>
      <c r="F7400" cm="1">
        <f t="array" ref="F7400">IFERROR(INDEX(Jesper!AJ$2:AJ$366,ROUNDDOWN($C7400/24,0)+1,1)*INDEX($D$3:$AA$30,INDEX(Jesper!$R$2:$R$366,ROW(INDEX(Jesper!AJ$2:AJ$366,ROUNDDOWN($C7400/24,0)+1,1))-1)+IF('Standard Profiles'!$G$20=$B$10,7,0)+IF('Standard Profiles'!$G$20=$B$17,14,0)+IF('Standard Profiles'!$G$20=$B$24,21,0),MOD($C7400,24)+1)/SUM(INDEX($D$3:$AA$30,INDEX(Jesper!$R$2:$R$366,ROW(INDEX(Jesper!AJ$2:AJ$366,ROUNDDOWN($C7400/24,0)+1,1))-1)+IF('Standard Profiles'!$G$20=$B$10,7,0)+IF('Standard Profiles'!$G$20=$B$17,14,0)+IF('Standard Profiles'!$G$20=$B$24,21,0),0)),0)</f>
        <v>0</v>
      </c>
      <c r="G7400" cm="1">
        <f t="array" ref="G7400">IFERROR(INDEX(Jesper!AK$2:AK$366,ROUNDDOWN($C7400/24,0)+1,1)*INDEX($D$3:$AA$30,INDEX(Jesper!$R$2:$R$366,ROW(INDEX(Jesper!AK$2:AK$366,ROUNDDOWN($C7400/24,0)+1,1))-1)+IF('Standard Profiles'!$G$21=$B$10,7,0)+IF('Standard Profiles'!$G$21=$B$17,14,0)+IF('Standard Profiles'!$G$21=$B$24,21,0),MOD($C7400,24)+1)/SUM(INDEX($D$3:$AA$30,INDEX(Jesper!$R$2:$R$366,ROW(INDEX(Jesper!AK$2:AK$366,ROUNDDOWN($C7400/24,0)+1,1))-1)+IF('Standard Profiles'!$G$21=$B$10,7,0)+IF('Standard Profiles'!$G$21=$B$17,14,0)+IF('Standard Profiles'!$G$21=$B$24,21,0),0)),0)</f>
        <v>0</v>
      </c>
      <c r="H7400" cm="1">
        <f t="array" ref="H7400">IFERROR(INDEX(Jesper!AL$2:AL$366,ROUNDDOWN($C7400/24,0)+1,1)*INDEX($D$3:$AA$30,INDEX(Jesper!$R$2:$R$366,ROW(INDEX(Jesper!AL$2:AL$366,ROUNDDOWN($C7400/24,0)+1,1))-1)+IF('Standard Profiles'!$G$22=$B$10,7,0)+IF('Standard Profiles'!$G$22=$B$17,14,0)+IF('Standard Profiles'!$G$22=$B$24,21,0),MOD($C7400,24)+1)/SUM(INDEX($D$3:$AA$30,INDEX(Jesper!$R$2:$R$366,ROW(INDEX(Jesper!AL$2:AL$366,ROUNDDOWN($C7400/24,0)+1,1))-1)+IF('Standard Profiles'!$G$22=$B$10,7,0)+IF('Standard Profiles'!$G$22=$B$17,14,0)+IF('Standard Profiles'!$G$22=$B$24,21,0),0)),0)</f>
        <v>0</v>
      </c>
      <c r="I7400">
        <f t="shared" si="825"/>
        <v>0.11610808255311153</v>
      </c>
      <c r="J7400">
        <f t="shared" si="826"/>
        <v>0.38702694184370517</v>
      </c>
      <c r="K7400">
        <f t="shared" si="827"/>
        <v>0.58054041276555779</v>
      </c>
      <c r="L7400">
        <f t="shared" si="828"/>
        <v>6.2315478873050552</v>
      </c>
      <c r="M7400">
        <f t="shared" si="829"/>
        <v>0</v>
      </c>
      <c r="N7400" s="46">
        <f t="shared" si="830"/>
        <v>45598.916666648802</v>
      </c>
    </row>
    <row r="7401" spans="2:14" x14ac:dyDescent="0.3">
      <c r="B7401">
        <f t="shared" si="824"/>
        <v>6</v>
      </c>
      <c r="C7401" s="16">
        <v>7367</v>
      </c>
      <c r="D7401" cm="1">
        <f t="array" ref="D7401">IFERROR(INDEX(Jesper!AH$2:AH$366,ROUNDDOWN($C7401/24,0)+1,1)*INDEX($D$3:$AA$30,INDEX(Jesper!$R$2:$R$366,ROW(INDEX(Jesper!AH$2:AH$366,ROUNDDOWN($C7401/24,0)+1,1))-1)+IF('Standard Profiles'!$G$18=$B$10,7,0)+IF('Standard Profiles'!$G$18=$B$17,14,0)+IF('Standard Profiles'!$G$18=$B$24,21,0),MOD($C7401,24)+1)/SUM(INDEX($D$3:$AA$30,INDEX(Jesper!$R$2:$R$366,ROW(INDEX(Jesper!AH$2:AH$366,ROUNDDOWN($C7401/24,0)+1,1))-1)+IF('Standard Profiles'!$G$18=$B$10,7,0)+IF('Standard Profiles'!$G$18=$B$17,14,0)+IF('Standard Profiles'!$G$18=$B$24,21,0),0)),0)</f>
        <v>6.0264236081278915</v>
      </c>
      <c r="E7401" cm="1">
        <f t="array" ref="E7401">IFERROR(INDEX(Jesper!AI$2:AI$366,ROUNDDOWN($C7401/24,0)+1,1)*INDEX($D$3:$AA$30,INDEX(Jesper!$R$2:$R$366,ROW(INDEX(Jesper!AI$2:AI$366,ROUNDDOWN($C7401/24,0)+1,1))-1)+IF('Standard Profiles'!$G$19=$B$10,7,0)+IF('Standard Profiles'!$G$19=$B$17,14,0)+IF('Standard Profiles'!$G$19=$B$24,21,0),MOD($C7401,24)+1)/SUM(INDEX($D$3:$AA$30,INDEX(Jesper!$R$2:$R$366,ROW(INDEX(Jesper!AI$2:AI$366,ROUNDDOWN($C7401/24,0)+1,1))-1)+IF('Standard Profiles'!$G$19=$B$10,7,0)+IF('Standard Profiles'!$G$19=$B$17,14,0)+IF('Standard Profiles'!$G$19=$B$24,21,0),0)),0)</f>
        <v>1.2887997163395377</v>
      </c>
      <c r="F7401" cm="1">
        <f t="array" ref="F7401">IFERROR(INDEX(Jesper!AJ$2:AJ$366,ROUNDDOWN($C7401/24,0)+1,1)*INDEX($D$3:$AA$30,INDEX(Jesper!$R$2:$R$366,ROW(INDEX(Jesper!AJ$2:AJ$366,ROUNDDOWN($C7401/24,0)+1,1))-1)+IF('Standard Profiles'!$G$20=$B$10,7,0)+IF('Standard Profiles'!$G$20=$B$17,14,0)+IF('Standard Profiles'!$G$20=$B$24,21,0),MOD($C7401,24)+1)/SUM(INDEX($D$3:$AA$30,INDEX(Jesper!$R$2:$R$366,ROW(INDEX(Jesper!AJ$2:AJ$366,ROUNDDOWN($C7401/24,0)+1,1))-1)+IF('Standard Profiles'!$G$20=$B$10,7,0)+IF('Standard Profiles'!$G$20=$B$17,14,0)+IF('Standard Profiles'!$G$20=$B$24,21,0),0)),0)</f>
        <v>0</v>
      </c>
      <c r="G7401" cm="1">
        <f t="array" ref="G7401">IFERROR(INDEX(Jesper!AK$2:AK$366,ROUNDDOWN($C7401/24,0)+1,1)*INDEX($D$3:$AA$30,INDEX(Jesper!$R$2:$R$366,ROW(INDEX(Jesper!AK$2:AK$366,ROUNDDOWN($C7401/24,0)+1,1))-1)+IF('Standard Profiles'!$G$21=$B$10,7,0)+IF('Standard Profiles'!$G$21=$B$17,14,0)+IF('Standard Profiles'!$G$21=$B$24,21,0),MOD($C7401,24)+1)/SUM(INDEX($D$3:$AA$30,INDEX(Jesper!$R$2:$R$366,ROW(INDEX(Jesper!AK$2:AK$366,ROUNDDOWN($C7401/24,0)+1,1))-1)+IF('Standard Profiles'!$G$21=$B$10,7,0)+IF('Standard Profiles'!$G$21=$B$17,14,0)+IF('Standard Profiles'!$G$21=$B$24,21,0),0)),0)</f>
        <v>0</v>
      </c>
      <c r="H7401" cm="1">
        <f t="array" ref="H7401">IFERROR(INDEX(Jesper!AL$2:AL$366,ROUNDDOWN($C7401/24,0)+1,1)*INDEX($D$3:$AA$30,INDEX(Jesper!$R$2:$R$366,ROW(INDEX(Jesper!AL$2:AL$366,ROUNDDOWN($C7401/24,0)+1,1))-1)+IF('Standard Profiles'!$G$22=$B$10,7,0)+IF('Standard Profiles'!$G$22=$B$17,14,0)+IF('Standard Profiles'!$G$22=$B$24,21,0),MOD($C7401,24)+1)/SUM(INDEX($D$3:$AA$30,INDEX(Jesper!$R$2:$R$366,ROW(INDEX(Jesper!AL$2:AL$366,ROUNDDOWN($C7401/24,0)+1,1))-1)+IF('Standard Profiles'!$G$22=$B$10,7,0)+IF('Standard Profiles'!$G$22=$B$17,14,0)+IF('Standard Profiles'!$G$22=$B$24,21,0),0)),0)</f>
        <v>0</v>
      </c>
      <c r="I7401">
        <f t="shared" si="825"/>
        <v>0.11610808255311153</v>
      </c>
      <c r="J7401">
        <f t="shared" si="826"/>
        <v>0.38702694184370517</v>
      </c>
      <c r="K7401">
        <f t="shared" si="827"/>
        <v>0.58054041276555779</v>
      </c>
      <c r="L7401">
        <f t="shared" si="828"/>
        <v>6.2315478873050552</v>
      </c>
      <c r="M7401">
        <f t="shared" si="829"/>
        <v>0</v>
      </c>
      <c r="N7401" s="46">
        <f t="shared" si="830"/>
        <v>45598.958333315466</v>
      </c>
    </row>
    <row r="7402" spans="2:14" x14ac:dyDescent="0.3">
      <c r="B7402">
        <f t="shared" si="824"/>
        <v>7</v>
      </c>
      <c r="C7402" s="16">
        <v>7368</v>
      </c>
      <c r="D7402" cm="1">
        <f t="array" ref="D7402">IFERROR(INDEX(Jesper!AH$2:AH$366,ROUNDDOWN($C7402/24,0)+1,1)*INDEX($D$3:$AA$30,INDEX(Jesper!$R$2:$R$366,ROW(INDEX(Jesper!AH$2:AH$366,ROUNDDOWN($C7402/24,0)+1,1))-1)+IF('Standard Profiles'!$G$18=$B$10,7,0)+IF('Standard Profiles'!$G$18=$B$17,14,0)+IF('Standard Profiles'!$G$18=$B$24,21,0),MOD($C7402,24)+1)/SUM(INDEX($D$3:$AA$30,INDEX(Jesper!$R$2:$R$366,ROW(INDEX(Jesper!AH$2:AH$366,ROUNDDOWN($C7402/24,0)+1,1))-1)+IF('Standard Profiles'!$G$18=$B$10,7,0)+IF('Standard Profiles'!$G$18=$B$17,14,0)+IF('Standard Profiles'!$G$18=$B$24,21,0),0)),0)</f>
        <v>6.7986438320533695</v>
      </c>
      <c r="E7402" cm="1">
        <f t="array" ref="E7402">IFERROR(INDEX(Jesper!AI$2:AI$366,ROUNDDOWN($C7402/24,0)+1,1)*INDEX($D$3:$AA$30,INDEX(Jesper!$R$2:$R$366,ROW(INDEX(Jesper!AI$2:AI$366,ROUNDDOWN($C7402/24,0)+1,1))-1)+IF('Standard Profiles'!$G$19=$B$10,7,0)+IF('Standard Profiles'!$G$19=$B$17,14,0)+IF('Standard Profiles'!$G$19=$B$24,21,0),MOD($C7402,24)+1)/SUM(INDEX($D$3:$AA$30,INDEX(Jesper!$R$2:$R$366,ROW(INDEX(Jesper!AI$2:AI$366,ROUNDDOWN($C7402/24,0)+1,1))-1)+IF('Standard Profiles'!$G$19=$B$10,7,0)+IF('Standard Profiles'!$G$19=$B$17,14,0)+IF('Standard Profiles'!$G$19=$B$24,21,0),0)),0)</f>
        <v>1.4377704887291249</v>
      </c>
      <c r="F7402" cm="1">
        <f t="array" ref="F7402">IFERROR(INDEX(Jesper!AJ$2:AJ$366,ROUNDDOWN($C7402/24,0)+1,1)*INDEX($D$3:$AA$30,INDEX(Jesper!$R$2:$R$366,ROW(INDEX(Jesper!AJ$2:AJ$366,ROUNDDOWN($C7402/24,0)+1,1))-1)+IF('Standard Profiles'!$G$20=$B$10,7,0)+IF('Standard Profiles'!$G$20=$B$17,14,0)+IF('Standard Profiles'!$G$20=$B$24,21,0),MOD($C7402,24)+1)/SUM(INDEX($D$3:$AA$30,INDEX(Jesper!$R$2:$R$366,ROW(INDEX(Jesper!AJ$2:AJ$366,ROUNDDOWN($C7402/24,0)+1,1))-1)+IF('Standard Profiles'!$G$20=$B$10,7,0)+IF('Standard Profiles'!$G$20=$B$17,14,0)+IF('Standard Profiles'!$G$20=$B$24,21,0),0)),0)</f>
        <v>0</v>
      </c>
      <c r="G7402" cm="1">
        <f t="array" ref="G7402">IFERROR(INDEX(Jesper!AK$2:AK$366,ROUNDDOWN($C7402/24,0)+1,1)*INDEX($D$3:$AA$30,INDEX(Jesper!$R$2:$R$366,ROW(INDEX(Jesper!AK$2:AK$366,ROUNDDOWN($C7402/24,0)+1,1))-1)+IF('Standard Profiles'!$G$21=$B$10,7,0)+IF('Standard Profiles'!$G$21=$B$17,14,0)+IF('Standard Profiles'!$G$21=$B$24,21,0),MOD($C7402,24)+1)/SUM(INDEX($D$3:$AA$30,INDEX(Jesper!$R$2:$R$366,ROW(INDEX(Jesper!AK$2:AK$366,ROUNDDOWN($C7402/24,0)+1,1))-1)+IF('Standard Profiles'!$G$21=$B$10,7,0)+IF('Standard Profiles'!$G$21=$B$17,14,0)+IF('Standard Profiles'!$G$21=$B$24,21,0),0)),0)</f>
        <v>0</v>
      </c>
      <c r="H7402" cm="1">
        <f t="array" ref="H7402">IFERROR(INDEX(Jesper!AL$2:AL$366,ROUNDDOWN($C7402/24,0)+1,1)*INDEX($D$3:$AA$30,INDEX(Jesper!$R$2:$R$366,ROW(INDEX(Jesper!AL$2:AL$366,ROUNDDOWN($C7402/24,0)+1,1))-1)+IF('Standard Profiles'!$G$22=$B$10,7,0)+IF('Standard Profiles'!$G$22=$B$17,14,0)+IF('Standard Profiles'!$G$22=$B$24,21,0),MOD($C7402,24)+1)/SUM(INDEX($D$3:$AA$30,INDEX(Jesper!$R$2:$R$366,ROW(INDEX(Jesper!AL$2:AL$366,ROUNDDOWN($C7402/24,0)+1,1))-1)+IF('Standard Profiles'!$G$22=$B$10,7,0)+IF('Standard Profiles'!$G$22=$B$17,14,0)+IF('Standard Profiles'!$G$22=$B$24,21,0),0)),0)</f>
        <v>0</v>
      </c>
      <c r="I7402">
        <f t="shared" si="825"/>
        <v>0.12952887285847975</v>
      </c>
      <c r="J7402">
        <f t="shared" si="826"/>
        <v>0.4317629095282659</v>
      </c>
      <c r="K7402">
        <f t="shared" si="827"/>
        <v>0.64764436429239891</v>
      </c>
      <c r="L7402">
        <f t="shared" si="828"/>
        <v>7.0274781741033499</v>
      </c>
      <c r="M7402">
        <f t="shared" si="829"/>
        <v>0</v>
      </c>
      <c r="N7402" s="46">
        <f t="shared" si="830"/>
        <v>45598.99999998213</v>
      </c>
    </row>
    <row r="7403" spans="2:14" x14ac:dyDescent="0.3">
      <c r="B7403">
        <f t="shared" si="824"/>
        <v>7</v>
      </c>
      <c r="C7403" s="16">
        <v>7369</v>
      </c>
      <c r="D7403" cm="1">
        <f t="array" ref="D7403">IFERROR(INDEX(Jesper!AH$2:AH$366,ROUNDDOWN($C7403/24,0)+1,1)*INDEX($D$3:$AA$30,INDEX(Jesper!$R$2:$R$366,ROW(INDEX(Jesper!AH$2:AH$366,ROUNDDOWN($C7403/24,0)+1,1))-1)+IF('Standard Profiles'!$G$18=$B$10,7,0)+IF('Standard Profiles'!$G$18=$B$17,14,0)+IF('Standard Profiles'!$G$18=$B$24,21,0),MOD($C7403,24)+1)/SUM(INDEX($D$3:$AA$30,INDEX(Jesper!$R$2:$R$366,ROW(INDEX(Jesper!AH$2:AH$366,ROUNDDOWN($C7403/24,0)+1,1))-1)+IF('Standard Profiles'!$G$18=$B$10,7,0)+IF('Standard Profiles'!$G$18=$B$17,14,0)+IF('Standard Profiles'!$G$18=$B$24,21,0),0)),0)</f>
        <v>7.8951992888361708</v>
      </c>
      <c r="E7403" cm="1">
        <f t="array" ref="E7403">IFERROR(INDEX(Jesper!AI$2:AI$366,ROUNDDOWN($C7403/24,0)+1,1)*INDEX($D$3:$AA$30,INDEX(Jesper!$R$2:$R$366,ROW(INDEX(Jesper!AI$2:AI$366,ROUNDDOWN($C7403/24,0)+1,1))-1)+IF('Standard Profiles'!$G$19=$B$10,7,0)+IF('Standard Profiles'!$G$19=$B$17,14,0)+IF('Standard Profiles'!$G$19=$B$24,21,0),MOD($C7403,24)+1)/SUM(INDEX($D$3:$AA$30,INDEX(Jesper!$R$2:$R$366,ROW(INDEX(Jesper!AI$2:AI$366,ROUNDDOWN($C7403/24,0)+1,1))-1)+IF('Standard Profiles'!$G$19=$B$10,7,0)+IF('Standard Profiles'!$G$19=$B$17,14,0)+IF('Standard Profiles'!$G$19=$B$24,21,0),0)),0)</f>
        <v>1.6696689546531776</v>
      </c>
      <c r="F7403" cm="1">
        <f t="array" ref="F7403">IFERROR(INDEX(Jesper!AJ$2:AJ$366,ROUNDDOWN($C7403/24,0)+1,1)*INDEX($D$3:$AA$30,INDEX(Jesper!$R$2:$R$366,ROW(INDEX(Jesper!AJ$2:AJ$366,ROUNDDOWN($C7403/24,0)+1,1))-1)+IF('Standard Profiles'!$G$20=$B$10,7,0)+IF('Standard Profiles'!$G$20=$B$17,14,0)+IF('Standard Profiles'!$G$20=$B$24,21,0),MOD($C7403,24)+1)/SUM(INDEX($D$3:$AA$30,INDEX(Jesper!$R$2:$R$366,ROW(INDEX(Jesper!AJ$2:AJ$366,ROUNDDOWN($C7403/24,0)+1,1))-1)+IF('Standard Profiles'!$G$20=$B$10,7,0)+IF('Standard Profiles'!$G$20=$B$17,14,0)+IF('Standard Profiles'!$G$20=$B$24,21,0),0)),0)</f>
        <v>0</v>
      </c>
      <c r="G7403" cm="1">
        <f t="array" ref="G7403">IFERROR(INDEX(Jesper!AK$2:AK$366,ROUNDDOWN($C7403/24,0)+1,1)*INDEX($D$3:$AA$30,INDEX(Jesper!$R$2:$R$366,ROW(INDEX(Jesper!AK$2:AK$366,ROUNDDOWN($C7403/24,0)+1,1))-1)+IF('Standard Profiles'!$G$21=$B$10,7,0)+IF('Standard Profiles'!$G$21=$B$17,14,0)+IF('Standard Profiles'!$G$21=$B$24,21,0),MOD($C7403,24)+1)/SUM(INDEX($D$3:$AA$30,INDEX(Jesper!$R$2:$R$366,ROW(INDEX(Jesper!AK$2:AK$366,ROUNDDOWN($C7403/24,0)+1,1))-1)+IF('Standard Profiles'!$G$21=$B$10,7,0)+IF('Standard Profiles'!$G$21=$B$17,14,0)+IF('Standard Profiles'!$G$21=$B$24,21,0),0)),0)</f>
        <v>0</v>
      </c>
      <c r="H7403" cm="1">
        <f t="array" ref="H7403">IFERROR(INDEX(Jesper!AL$2:AL$366,ROUNDDOWN($C7403/24,0)+1,1)*INDEX($D$3:$AA$30,INDEX(Jesper!$R$2:$R$366,ROW(INDEX(Jesper!AL$2:AL$366,ROUNDDOWN($C7403/24,0)+1,1))-1)+IF('Standard Profiles'!$G$22=$B$10,7,0)+IF('Standard Profiles'!$G$22=$B$17,14,0)+IF('Standard Profiles'!$G$22=$B$24,21,0),MOD($C7403,24)+1)/SUM(INDEX($D$3:$AA$30,INDEX(Jesper!$R$2:$R$366,ROW(INDEX(Jesper!AL$2:AL$366,ROUNDDOWN($C7403/24,0)+1,1))-1)+IF('Standard Profiles'!$G$22=$B$10,7,0)+IF('Standard Profiles'!$G$22=$B$17,14,0)+IF('Standard Profiles'!$G$22=$B$24,21,0),0)),0)</f>
        <v>0</v>
      </c>
      <c r="I7403">
        <f t="shared" si="825"/>
        <v>0.15042062654533134</v>
      </c>
      <c r="J7403">
        <f t="shared" si="826"/>
        <v>0.5014020884844379</v>
      </c>
      <c r="K7403">
        <f t="shared" si="827"/>
        <v>0.75210313272665685</v>
      </c>
      <c r="L7403">
        <f t="shared" si="828"/>
        <v>8.1609423957329223</v>
      </c>
      <c r="M7403">
        <f t="shared" si="829"/>
        <v>0</v>
      </c>
      <c r="N7403" s="46">
        <f t="shared" si="830"/>
        <v>45599.041666648794</v>
      </c>
    </row>
    <row r="7404" spans="2:14" x14ac:dyDescent="0.3">
      <c r="B7404">
        <f t="shared" si="824"/>
        <v>7</v>
      </c>
      <c r="C7404" s="16">
        <v>7370</v>
      </c>
      <c r="D7404" cm="1">
        <f t="array" ref="D7404">IFERROR(INDEX(Jesper!AH$2:AH$366,ROUNDDOWN($C7404/24,0)+1,1)*INDEX($D$3:$AA$30,INDEX(Jesper!$R$2:$R$366,ROW(INDEX(Jesper!AH$2:AH$366,ROUNDDOWN($C7404/24,0)+1,1))-1)+IF('Standard Profiles'!$G$18=$B$10,7,0)+IF('Standard Profiles'!$G$18=$B$17,14,0)+IF('Standard Profiles'!$G$18=$B$24,21,0),MOD($C7404,24)+1)/SUM(INDEX($D$3:$AA$30,INDEX(Jesper!$R$2:$R$366,ROW(INDEX(Jesper!AH$2:AH$366,ROUNDDOWN($C7404/24,0)+1,1))-1)+IF('Standard Profiles'!$G$18=$B$10,7,0)+IF('Standard Profiles'!$G$18=$B$17,14,0)+IF('Standard Profiles'!$G$18=$B$24,21,0),0)),0)</f>
        <v>7.8951992888361708</v>
      </c>
      <c r="E7404" cm="1">
        <f t="array" ref="E7404">IFERROR(INDEX(Jesper!AI$2:AI$366,ROUNDDOWN($C7404/24,0)+1,1)*INDEX($D$3:$AA$30,INDEX(Jesper!$R$2:$R$366,ROW(INDEX(Jesper!AI$2:AI$366,ROUNDDOWN($C7404/24,0)+1,1))-1)+IF('Standard Profiles'!$G$19=$B$10,7,0)+IF('Standard Profiles'!$G$19=$B$17,14,0)+IF('Standard Profiles'!$G$19=$B$24,21,0),MOD($C7404,24)+1)/SUM(INDEX($D$3:$AA$30,INDEX(Jesper!$R$2:$R$366,ROW(INDEX(Jesper!AI$2:AI$366,ROUNDDOWN($C7404/24,0)+1,1))-1)+IF('Standard Profiles'!$G$19=$B$10,7,0)+IF('Standard Profiles'!$G$19=$B$17,14,0)+IF('Standard Profiles'!$G$19=$B$24,21,0),0)),0)</f>
        <v>1.6696689546531776</v>
      </c>
      <c r="F7404" cm="1">
        <f t="array" ref="F7404">IFERROR(INDEX(Jesper!AJ$2:AJ$366,ROUNDDOWN($C7404/24,0)+1,1)*INDEX($D$3:$AA$30,INDEX(Jesper!$R$2:$R$366,ROW(INDEX(Jesper!AJ$2:AJ$366,ROUNDDOWN($C7404/24,0)+1,1))-1)+IF('Standard Profiles'!$G$20=$B$10,7,0)+IF('Standard Profiles'!$G$20=$B$17,14,0)+IF('Standard Profiles'!$G$20=$B$24,21,0),MOD($C7404,24)+1)/SUM(INDEX($D$3:$AA$30,INDEX(Jesper!$R$2:$R$366,ROW(INDEX(Jesper!AJ$2:AJ$366,ROUNDDOWN($C7404/24,0)+1,1))-1)+IF('Standard Profiles'!$G$20=$B$10,7,0)+IF('Standard Profiles'!$G$20=$B$17,14,0)+IF('Standard Profiles'!$G$20=$B$24,21,0),0)),0)</f>
        <v>0</v>
      </c>
      <c r="G7404" cm="1">
        <f t="array" ref="G7404">IFERROR(INDEX(Jesper!AK$2:AK$366,ROUNDDOWN($C7404/24,0)+1,1)*INDEX($D$3:$AA$30,INDEX(Jesper!$R$2:$R$366,ROW(INDEX(Jesper!AK$2:AK$366,ROUNDDOWN($C7404/24,0)+1,1))-1)+IF('Standard Profiles'!$G$21=$B$10,7,0)+IF('Standard Profiles'!$G$21=$B$17,14,0)+IF('Standard Profiles'!$G$21=$B$24,21,0),MOD($C7404,24)+1)/SUM(INDEX($D$3:$AA$30,INDEX(Jesper!$R$2:$R$366,ROW(INDEX(Jesper!AK$2:AK$366,ROUNDDOWN($C7404/24,0)+1,1))-1)+IF('Standard Profiles'!$G$21=$B$10,7,0)+IF('Standard Profiles'!$G$21=$B$17,14,0)+IF('Standard Profiles'!$G$21=$B$24,21,0),0)),0)</f>
        <v>0</v>
      </c>
      <c r="H7404" cm="1">
        <f t="array" ref="H7404">IFERROR(INDEX(Jesper!AL$2:AL$366,ROUNDDOWN($C7404/24,0)+1,1)*INDEX($D$3:$AA$30,INDEX(Jesper!$R$2:$R$366,ROW(INDEX(Jesper!AL$2:AL$366,ROUNDDOWN($C7404/24,0)+1,1))-1)+IF('Standard Profiles'!$G$22=$B$10,7,0)+IF('Standard Profiles'!$G$22=$B$17,14,0)+IF('Standard Profiles'!$G$22=$B$24,21,0),MOD($C7404,24)+1)/SUM(INDEX($D$3:$AA$30,INDEX(Jesper!$R$2:$R$366,ROW(INDEX(Jesper!AL$2:AL$366,ROUNDDOWN($C7404/24,0)+1,1))-1)+IF('Standard Profiles'!$G$22=$B$10,7,0)+IF('Standard Profiles'!$G$22=$B$17,14,0)+IF('Standard Profiles'!$G$22=$B$24,21,0),0)),0)</f>
        <v>0</v>
      </c>
      <c r="I7404">
        <f t="shared" si="825"/>
        <v>0.15042062654533134</v>
      </c>
      <c r="J7404">
        <f t="shared" si="826"/>
        <v>0.5014020884844379</v>
      </c>
      <c r="K7404">
        <f t="shared" si="827"/>
        <v>0.75210313272665685</v>
      </c>
      <c r="L7404">
        <f t="shared" si="828"/>
        <v>8.1609423957329223</v>
      </c>
      <c r="M7404">
        <f t="shared" si="829"/>
        <v>0</v>
      </c>
      <c r="N7404" s="46">
        <f t="shared" si="830"/>
        <v>45599.083333315459</v>
      </c>
    </row>
    <row r="7405" spans="2:14" x14ac:dyDescent="0.3">
      <c r="B7405">
        <f t="shared" si="824"/>
        <v>7</v>
      </c>
      <c r="C7405" s="16">
        <v>7371</v>
      </c>
      <c r="D7405" cm="1">
        <f t="array" ref="D7405">IFERROR(INDEX(Jesper!AH$2:AH$366,ROUNDDOWN($C7405/24,0)+1,1)*INDEX($D$3:$AA$30,INDEX(Jesper!$R$2:$R$366,ROW(INDEX(Jesper!AH$2:AH$366,ROUNDDOWN($C7405/24,0)+1,1))-1)+IF('Standard Profiles'!$G$18=$B$10,7,0)+IF('Standard Profiles'!$G$18=$B$17,14,0)+IF('Standard Profiles'!$G$18=$B$24,21,0),MOD($C7405,24)+1)/SUM(INDEX($D$3:$AA$30,INDEX(Jesper!$R$2:$R$366,ROW(INDEX(Jesper!AH$2:AH$366,ROUNDDOWN($C7405/24,0)+1,1))-1)+IF('Standard Profiles'!$G$18=$B$10,7,0)+IF('Standard Profiles'!$G$18=$B$17,14,0)+IF('Standard Profiles'!$G$18=$B$24,21,0),0)),0)</f>
        <v>7.8951992888361708</v>
      </c>
      <c r="E7405" cm="1">
        <f t="array" ref="E7405">IFERROR(INDEX(Jesper!AI$2:AI$366,ROUNDDOWN($C7405/24,0)+1,1)*INDEX($D$3:$AA$30,INDEX(Jesper!$R$2:$R$366,ROW(INDEX(Jesper!AI$2:AI$366,ROUNDDOWN($C7405/24,0)+1,1))-1)+IF('Standard Profiles'!$G$19=$B$10,7,0)+IF('Standard Profiles'!$G$19=$B$17,14,0)+IF('Standard Profiles'!$G$19=$B$24,21,0),MOD($C7405,24)+1)/SUM(INDEX($D$3:$AA$30,INDEX(Jesper!$R$2:$R$366,ROW(INDEX(Jesper!AI$2:AI$366,ROUNDDOWN($C7405/24,0)+1,1))-1)+IF('Standard Profiles'!$G$19=$B$10,7,0)+IF('Standard Profiles'!$G$19=$B$17,14,0)+IF('Standard Profiles'!$G$19=$B$24,21,0),0)),0)</f>
        <v>1.6696689546531776</v>
      </c>
      <c r="F7405" cm="1">
        <f t="array" ref="F7405">IFERROR(INDEX(Jesper!AJ$2:AJ$366,ROUNDDOWN($C7405/24,0)+1,1)*INDEX($D$3:$AA$30,INDEX(Jesper!$R$2:$R$366,ROW(INDEX(Jesper!AJ$2:AJ$366,ROUNDDOWN($C7405/24,0)+1,1))-1)+IF('Standard Profiles'!$G$20=$B$10,7,0)+IF('Standard Profiles'!$G$20=$B$17,14,0)+IF('Standard Profiles'!$G$20=$B$24,21,0),MOD($C7405,24)+1)/SUM(INDEX($D$3:$AA$30,INDEX(Jesper!$R$2:$R$366,ROW(INDEX(Jesper!AJ$2:AJ$366,ROUNDDOWN($C7405/24,0)+1,1))-1)+IF('Standard Profiles'!$G$20=$B$10,7,0)+IF('Standard Profiles'!$G$20=$B$17,14,0)+IF('Standard Profiles'!$G$20=$B$24,21,0),0)),0)</f>
        <v>0</v>
      </c>
      <c r="G7405" cm="1">
        <f t="array" ref="G7405">IFERROR(INDEX(Jesper!AK$2:AK$366,ROUNDDOWN($C7405/24,0)+1,1)*INDEX($D$3:$AA$30,INDEX(Jesper!$R$2:$R$366,ROW(INDEX(Jesper!AK$2:AK$366,ROUNDDOWN($C7405/24,0)+1,1))-1)+IF('Standard Profiles'!$G$21=$B$10,7,0)+IF('Standard Profiles'!$G$21=$B$17,14,0)+IF('Standard Profiles'!$G$21=$B$24,21,0),MOD($C7405,24)+1)/SUM(INDEX($D$3:$AA$30,INDEX(Jesper!$R$2:$R$366,ROW(INDEX(Jesper!AK$2:AK$366,ROUNDDOWN($C7405/24,0)+1,1))-1)+IF('Standard Profiles'!$G$21=$B$10,7,0)+IF('Standard Profiles'!$G$21=$B$17,14,0)+IF('Standard Profiles'!$G$21=$B$24,21,0),0)),0)</f>
        <v>0</v>
      </c>
      <c r="H7405" cm="1">
        <f t="array" ref="H7405">IFERROR(INDEX(Jesper!AL$2:AL$366,ROUNDDOWN($C7405/24,0)+1,1)*INDEX($D$3:$AA$30,INDEX(Jesper!$R$2:$R$366,ROW(INDEX(Jesper!AL$2:AL$366,ROUNDDOWN($C7405/24,0)+1,1))-1)+IF('Standard Profiles'!$G$22=$B$10,7,0)+IF('Standard Profiles'!$G$22=$B$17,14,0)+IF('Standard Profiles'!$G$22=$B$24,21,0),MOD($C7405,24)+1)/SUM(INDEX($D$3:$AA$30,INDEX(Jesper!$R$2:$R$366,ROW(INDEX(Jesper!AL$2:AL$366,ROUNDDOWN($C7405/24,0)+1,1))-1)+IF('Standard Profiles'!$G$22=$B$10,7,0)+IF('Standard Profiles'!$G$22=$B$17,14,0)+IF('Standard Profiles'!$G$22=$B$24,21,0),0)),0)</f>
        <v>0</v>
      </c>
      <c r="I7405">
        <f t="shared" si="825"/>
        <v>0.15042062654533134</v>
      </c>
      <c r="J7405">
        <f t="shared" si="826"/>
        <v>0.5014020884844379</v>
      </c>
      <c r="K7405">
        <f t="shared" si="827"/>
        <v>0.75210313272665685</v>
      </c>
      <c r="L7405">
        <f t="shared" si="828"/>
        <v>8.1609423957329223</v>
      </c>
      <c r="M7405">
        <f t="shared" si="829"/>
        <v>0</v>
      </c>
      <c r="N7405" s="46">
        <f t="shared" si="830"/>
        <v>45599.124999982123</v>
      </c>
    </row>
    <row r="7406" spans="2:14" x14ac:dyDescent="0.3">
      <c r="B7406">
        <f t="shared" si="824"/>
        <v>7</v>
      </c>
      <c r="C7406" s="16">
        <v>7372</v>
      </c>
      <c r="D7406" cm="1">
        <f t="array" ref="D7406">IFERROR(INDEX(Jesper!AH$2:AH$366,ROUNDDOWN($C7406/24,0)+1,1)*INDEX($D$3:$AA$30,INDEX(Jesper!$R$2:$R$366,ROW(INDEX(Jesper!AH$2:AH$366,ROUNDDOWN($C7406/24,0)+1,1))-1)+IF('Standard Profiles'!$G$18=$B$10,7,0)+IF('Standard Profiles'!$G$18=$B$17,14,0)+IF('Standard Profiles'!$G$18=$B$24,21,0),MOD($C7406,24)+1)/SUM(INDEX($D$3:$AA$30,INDEX(Jesper!$R$2:$R$366,ROW(INDEX(Jesper!AH$2:AH$366,ROUNDDOWN($C7406/24,0)+1,1))-1)+IF('Standard Profiles'!$G$18=$B$10,7,0)+IF('Standard Profiles'!$G$18=$B$17,14,0)+IF('Standard Profiles'!$G$18=$B$24,21,0),0)),0)</f>
        <v>7.8951992888361708</v>
      </c>
      <c r="E7406" cm="1">
        <f t="array" ref="E7406">IFERROR(INDEX(Jesper!AI$2:AI$366,ROUNDDOWN($C7406/24,0)+1,1)*INDEX($D$3:$AA$30,INDEX(Jesper!$R$2:$R$366,ROW(INDEX(Jesper!AI$2:AI$366,ROUNDDOWN($C7406/24,0)+1,1))-1)+IF('Standard Profiles'!$G$19=$B$10,7,0)+IF('Standard Profiles'!$G$19=$B$17,14,0)+IF('Standard Profiles'!$G$19=$B$24,21,0),MOD($C7406,24)+1)/SUM(INDEX($D$3:$AA$30,INDEX(Jesper!$R$2:$R$366,ROW(INDEX(Jesper!AI$2:AI$366,ROUNDDOWN($C7406/24,0)+1,1))-1)+IF('Standard Profiles'!$G$19=$B$10,7,0)+IF('Standard Profiles'!$G$19=$B$17,14,0)+IF('Standard Profiles'!$G$19=$B$24,21,0),0)),0)</f>
        <v>1.6696689546531776</v>
      </c>
      <c r="F7406" cm="1">
        <f t="array" ref="F7406">IFERROR(INDEX(Jesper!AJ$2:AJ$366,ROUNDDOWN($C7406/24,0)+1,1)*INDEX($D$3:$AA$30,INDEX(Jesper!$R$2:$R$366,ROW(INDEX(Jesper!AJ$2:AJ$366,ROUNDDOWN($C7406/24,0)+1,1))-1)+IF('Standard Profiles'!$G$20=$B$10,7,0)+IF('Standard Profiles'!$G$20=$B$17,14,0)+IF('Standard Profiles'!$G$20=$B$24,21,0),MOD($C7406,24)+1)/SUM(INDEX($D$3:$AA$30,INDEX(Jesper!$R$2:$R$366,ROW(INDEX(Jesper!AJ$2:AJ$366,ROUNDDOWN($C7406/24,0)+1,1))-1)+IF('Standard Profiles'!$G$20=$B$10,7,0)+IF('Standard Profiles'!$G$20=$B$17,14,0)+IF('Standard Profiles'!$G$20=$B$24,21,0),0)),0)</f>
        <v>0</v>
      </c>
      <c r="G7406" cm="1">
        <f t="array" ref="G7406">IFERROR(INDEX(Jesper!AK$2:AK$366,ROUNDDOWN($C7406/24,0)+1,1)*INDEX($D$3:$AA$30,INDEX(Jesper!$R$2:$R$366,ROW(INDEX(Jesper!AK$2:AK$366,ROUNDDOWN($C7406/24,0)+1,1))-1)+IF('Standard Profiles'!$G$21=$B$10,7,0)+IF('Standard Profiles'!$G$21=$B$17,14,0)+IF('Standard Profiles'!$G$21=$B$24,21,0),MOD($C7406,24)+1)/SUM(INDEX($D$3:$AA$30,INDEX(Jesper!$R$2:$R$366,ROW(INDEX(Jesper!AK$2:AK$366,ROUNDDOWN($C7406/24,0)+1,1))-1)+IF('Standard Profiles'!$G$21=$B$10,7,0)+IF('Standard Profiles'!$G$21=$B$17,14,0)+IF('Standard Profiles'!$G$21=$B$24,21,0),0)),0)</f>
        <v>0</v>
      </c>
      <c r="H7406" cm="1">
        <f t="array" ref="H7406">IFERROR(INDEX(Jesper!AL$2:AL$366,ROUNDDOWN($C7406/24,0)+1,1)*INDEX($D$3:$AA$30,INDEX(Jesper!$R$2:$R$366,ROW(INDEX(Jesper!AL$2:AL$366,ROUNDDOWN($C7406/24,0)+1,1))-1)+IF('Standard Profiles'!$G$22=$B$10,7,0)+IF('Standard Profiles'!$G$22=$B$17,14,0)+IF('Standard Profiles'!$G$22=$B$24,21,0),MOD($C7406,24)+1)/SUM(INDEX($D$3:$AA$30,INDEX(Jesper!$R$2:$R$366,ROW(INDEX(Jesper!AL$2:AL$366,ROUNDDOWN($C7406/24,0)+1,1))-1)+IF('Standard Profiles'!$G$22=$B$10,7,0)+IF('Standard Profiles'!$G$22=$B$17,14,0)+IF('Standard Profiles'!$G$22=$B$24,21,0),0)),0)</f>
        <v>0</v>
      </c>
      <c r="I7406">
        <f t="shared" si="825"/>
        <v>0.15042062654533134</v>
      </c>
      <c r="J7406">
        <f t="shared" si="826"/>
        <v>0.5014020884844379</v>
      </c>
      <c r="K7406">
        <f t="shared" si="827"/>
        <v>0.75210313272665685</v>
      </c>
      <c r="L7406">
        <f t="shared" si="828"/>
        <v>8.1609423957329223</v>
      </c>
      <c r="M7406">
        <f t="shared" si="829"/>
        <v>0</v>
      </c>
      <c r="N7406" s="46">
        <f t="shared" si="830"/>
        <v>45599.166666648787</v>
      </c>
    </row>
    <row r="7407" spans="2:14" x14ac:dyDescent="0.3">
      <c r="B7407">
        <f t="shared" si="824"/>
        <v>7</v>
      </c>
      <c r="C7407" s="16">
        <v>7373</v>
      </c>
      <c r="D7407" cm="1">
        <f t="array" ref="D7407">IFERROR(INDEX(Jesper!AH$2:AH$366,ROUNDDOWN($C7407/24,0)+1,1)*INDEX($D$3:$AA$30,INDEX(Jesper!$R$2:$R$366,ROW(INDEX(Jesper!AH$2:AH$366,ROUNDDOWN($C7407/24,0)+1,1))-1)+IF('Standard Profiles'!$G$18=$B$10,7,0)+IF('Standard Profiles'!$G$18=$B$17,14,0)+IF('Standard Profiles'!$G$18=$B$24,21,0),MOD($C7407,24)+1)/SUM(INDEX($D$3:$AA$30,INDEX(Jesper!$R$2:$R$366,ROW(INDEX(Jesper!AH$2:AH$366,ROUNDDOWN($C7407/24,0)+1,1))-1)+IF('Standard Profiles'!$G$18=$B$10,7,0)+IF('Standard Profiles'!$G$18=$B$17,14,0)+IF('Standard Profiles'!$G$18=$B$24,21,0),0)),0)</f>
        <v>9.8689991110452127</v>
      </c>
      <c r="E7407" cm="1">
        <f t="array" ref="E7407">IFERROR(INDEX(Jesper!AI$2:AI$366,ROUNDDOWN($C7407/24,0)+1,1)*INDEX($D$3:$AA$30,INDEX(Jesper!$R$2:$R$366,ROW(INDEX(Jesper!AI$2:AI$366,ROUNDDOWN($C7407/24,0)+1,1))-1)+IF('Standard Profiles'!$G$19=$B$10,7,0)+IF('Standard Profiles'!$G$19=$B$17,14,0)+IF('Standard Profiles'!$G$19=$B$24,21,0),MOD($C7407,24)+1)/SUM(INDEX($D$3:$AA$30,INDEX(Jesper!$R$2:$R$366,ROW(INDEX(Jesper!AI$2:AI$366,ROUNDDOWN($C7407/24,0)+1,1))-1)+IF('Standard Profiles'!$G$19=$B$10,7,0)+IF('Standard Profiles'!$G$19=$B$17,14,0)+IF('Standard Profiles'!$G$19=$B$24,21,0),0)),0)</f>
        <v>2.0870861933164715</v>
      </c>
      <c r="F7407" cm="1">
        <f t="array" ref="F7407">IFERROR(INDEX(Jesper!AJ$2:AJ$366,ROUNDDOWN($C7407/24,0)+1,1)*INDEX($D$3:$AA$30,INDEX(Jesper!$R$2:$R$366,ROW(INDEX(Jesper!AJ$2:AJ$366,ROUNDDOWN($C7407/24,0)+1,1))-1)+IF('Standard Profiles'!$G$20=$B$10,7,0)+IF('Standard Profiles'!$G$20=$B$17,14,0)+IF('Standard Profiles'!$G$20=$B$24,21,0),MOD($C7407,24)+1)/SUM(INDEX($D$3:$AA$30,INDEX(Jesper!$R$2:$R$366,ROW(INDEX(Jesper!AJ$2:AJ$366,ROUNDDOWN($C7407/24,0)+1,1))-1)+IF('Standard Profiles'!$G$20=$B$10,7,0)+IF('Standard Profiles'!$G$20=$B$17,14,0)+IF('Standard Profiles'!$G$20=$B$24,21,0),0)),0)</f>
        <v>0</v>
      </c>
      <c r="G7407" cm="1">
        <f t="array" ref="G7407">IFERROR(INDEX(Jesper!AK$2:AK$366,ROUNDDOWN($C7407/24,0)+1,1)*INDEX($D$3:$AA$30,INDEX(Jesper!$R$2:$R$366,ROW(INDEX(Jesper!AK$2:AK$366,ROUNDDOWN($C7407/24,0)+1,1))-1)+IF('Standard Profiles'!$G$21=$B$10,7,0)+IF('Standard Profiles'!$G$21=$B$17,14,0)+IF('Standard Profiles'!$G$21=$B$24,21,0),MOD($C7407,24)+1)/SUM(INDEX($D$3:$AA$30,INDEX(Jesper!$R$2:$R$366,ROW(INDEX(Jesper!AK$2:AK$366,ROUNDDOWN($C7407/24,0)+1,1))-1)+IF('Standard Profiles'!$G$21=$B$10,7,0)+IF('Standard Profiles'!$G$21=$B$17,14,0)+IF('Standard Profiles'!$G$21=$B$24,21,0),0)),0)</f>
        <v>0</v>
      </c>
      <c r="H7407" cm="1">
        <f t="array" ref="H7407">IFERROR(INDEX(Jesper!AL$2:AL$366,ROUNDDOWN($C7407/24,0)+1,1)*INDEX($D$3:$AA$30,INDEX(Jesper!$R$2:$R$366,ROW(INDEX(Jesper!AL$2:AL$366,ROUNDDOWN($C7407/24,0)+1,1))-1)+IF('Standard Profiles'!$G$22=$B$10,7,0)+IF('Standard Profiles'!$G$22=$B$17,14,0)+IF('Standard Profiles'!$G$22=$B$24,21,0),MOD($C7407,24)+1)/SUM(INDEX($D$3:$AA$30,INDEX(Jesper!$R$2:$R$366,ROW(INDEX(Jesper!AL$2:AL$366,ROUNDDOWN($C7407/24,0)+1,1))-1)+IF('Standard Profiles'!$G$22=$B$10,7,0)+IF('Standard Profiles'!$G$22=$B$17,14,0)+IF('Standard Profiles'!$G$22=$B$24,21,0),0)),0)</f>
        <v>0</v>
      </c>
      <c r="I7407">
        <f t="shared" si="825"/>
        <v>0.18802578318166416</v>
      </c>
      <c r="J7407">
        <f t="shared" si="826"/>
        <v>0.62675261060554721</v>
      </c>
      <c r="K7407">
        <f t="shared" si="827"/>
        <v>0.94012891590832082</v>
      </c>
      <c r="L7407">
        <f t="shared" si="828"/>
        <v>10.201177994666152</v>
      </c>
      <c r="M7407">
        <f t="shared" si="829"/>
        <v>0</v>
      </c>
      <c r="N7407" s="46">
        <f t="shared" si="830"/>
        <v>45599.208333315451</v>
      </c>
    </row>
    <row r="7408" spans="2:14" x14ac:dyDescent="0.3">
      <c r="B7408">
        <f t="shared" si="824"/>
        <v>7</v>
      </c>
      <c r="C7408" s="16">
        <v>7374</v>
      </c>
      <c r="D7408" cm="1">
        <f t="array" ref="D7408">IFERROR(INDEX(Jesper!AH$2:AH$366,ROUNDDOWN($C7408/24,0)+1,1)*INDEX($D$3:$AA$30,INDEX(Jesper!$R$2:$R$366,ROW(INDEX(Jesper!AH$2:AH$366,ROUNDDOWN($C7408/24,0)+1,1))-1)+IF('Standard Profiles'!$G$18=$B$10,7,0)+IF('Standard Profiles'!$G$18=$B$17,14,0)+IF('Standard Profiles'!$G$18=$B$24,21,0),MOD($C7408,24)+1)/SUM(INDEX($D$3:$AA$30,INDEX(Jesper!$R$2:$R$366,ROW(INDEX(Jesper!AH$2:AH$366,ROUNDDOWN($C7408/24,0)+1,1))-1)+IF('Standard Profiles'!$G$18=$B$10,7,0)+IF('Standard Profiles'!$G$18=$B$17,14,0)+IF('Standard Profiles'!$G$18=$B$24,21,0),0)),0)</f>
        <v>11.623487841897695</v>
      </c>
      <c r="E7408" cm="1">
        <f t="array" ref="E7408">IFERROR(INDEX(Jesper!AI$2:AI$366,ROUNDDOWN($C7408/24,0)+1,1)*INDEX($D$3:$AA$30,INDEX(Jesper!$R$2:$R$366,ROW(INDEX(Jesper!AI$2:AI$366,ROUNDDOWN($C7408/24,0)+1,1))-1)+IF('Standard Profiles'!$G$19=$B$10,7,0)+IF('Standard Profiles'!$G$19=$B$17,14,0)+IF('Standard Profiles'!$G$19=$B$24,21,0),MOD($C7408,24)+1)/SUM(INDEX($D$3:$AA$30,INDEX(Jesper!$R$2:$R$366,ROW(INDEX(Jesper!AI$2:AI$366,ROUNDDOWN($C7408/24,0)+1,1))-1)+IF('Standard Profiles'!$G$19=$B$10,7,0)+IF('Standard Profiles'!$G$19=$B$17,14,0)+IF('Standard Profiles'!$G$19=$B$24,21,0),0)),0)</f>
        <v>2.4581237387949559</v>
      </c>
      <c r="F7408" cm="1">
        <f t="array" ref="F7408">IFERROR(INDEX(Jesper!AJ$2:AJ$366,ROUNDDOWN($C7408/24,0)+1,1)*INDEX($D$3:$AA$30,INDEX(Jesper!$R$2:$R$366,ROW(INDEX(Jesper!AJ$2:AJ$366,ROUNDDOWN($C7408/24,0)+1,1))-1)+IF('Standard Profiles'!$G$20=$B$10,7,0)+IF('Standard Profiles'!$G$20=$B$17,14,0)+IF('Standard Profiles'!$G$20=$B$24,21,0),MOD($C7408,24)+1)/SUM(INDEX($D$3:$AA$30,INDEX(Jesper!$R$2:$R$366,ROW(INDEX(Jesper!AJ$2:AJ$366,ROUNDDOWN($C7408/24,0)+1,1))-1)+IF('Standard Profiles'!$G$20=$B$10,7,0)+IF('Standard Profiles'!$G$20=$B$17,14,0)+IF('Standard Profiles'!$G$20=$B$24,21,0),0)),0)</f>
        <v>0</v>
      </c>
      <c r="G7408" cm="1">
        <f t="array" ref="G7408">IFERROR(INDEX(Jesper!AK$2:AK$366,ROUNDDOWN($C7408/24,0)+1,1)*INDEX($D$3:$AA$30,INDEX(Jesper!$R$2:$R$366,ROW(INDEX(Jesper!AK$2:AK$366,ROUNDDOWN($C7408/24,0)+1,1))-1)+IF('Standard Profiles'!$G$21=$B$10,7,0)+IF('Standard Profiles'!$G$21=$B$17,14,0)+IF('Standard Profiles'!$G$21=$B$24,21,0),MOD($C7408,24)+1)/SUM(INDEX($D$3:$AA$30,INDEX(Jesper!$R$2:$R$366,ROW(INDEX(Jesper!AK$2:AK$366,ROUNDDOWN($C7408/24,0)+1,1))-1)+IF('Standard Profiles'!$G$21=$B$10,7,0)+IF('Standard Profiles'!$G$21=$B$17,14,0)+IF('Standard Profiles'!$G$21=$B$24,21,0),0)),0)</f>
        <v>0</v>
      </c>
      <c r="H7408" cm="1">
        <f t="array" ref="H7408">IFERROR(INDEX(Jesper!AL$2:AL$366,ROUNDDOWN($C7408/24,0)+1,1)*INDEX($D$3:$AA$30,INDEX(Jesper!$R$2:$R$366,ROW(INDEX(Jesper!AL$2:AL$366,ROUNDDOWN($C7408/24,0)+1,1))-1)+IF('Standard Profiles'!$G$22=$B$10,7,0)+IF('Standard Profiles'!$G$22=$B$17,14,0)+IF('Standard Profiles'!$G$22=$B$24,21,0),MOD($C7408,24)+1)/SUM(INDEX($D$3:$AA$30,INDEX(Jesper!$R$2:$R$366,ROW(INDEX(Jesper!AL$2:AL$366,ROUNDDOWN($C7408/24,0)+1,1))-1)+IF('Standard Profiles'!$G$22=$B$10,7,0)+IF('Standard Profiles'!$G$22=$B$17,14,0)+IF('Standard Profiles'!$G$22=$B$24,21,0),0)),0)</f>
        <v>0</v>
      </c>
      <c r="I7408">
        <f t="shared" si="825"/>
        <v>0.2214525890806267</v>
      </c>
      <c r="J7408">
        <f t="shared" si="826"/>
        <v>0.7381752969354225</v>
      </c>
      <c r="K7408">
        <f t="shared" si="827"/>
        <v>1.1072629454031337</v>
      </c>
      <c r="L7408">
        <f t="shared" si="828"/>
        <v>12.014720749273469</v>
      </c>
      <c r="M7408">
        <f t="shared" si="829"/>
        <v>0</v>
      </c>
      <c r="N7408" s="46">
        <f t="shared" si="830"/>
        <v>45599.249999982116</v>
      </c>
    </row>
    <row r="7409" spans="2:14" x14ac:dyDescent="0.3">
      <c r="B7409">
        <f t="shared" si="824"/>
        <v>7</v>
      </c>
      <c r="C7409" s="16">
        <v>7375</v>
      </c>
      <c r="D7409" cm="1">
        <f t="array" ref="D7409">IFERROR(INDEX(Jesper!AH$2:AH$366,ROUNDDOWN($C7409/24,0)+1,1)*INDEX($D$3:$AA$30,INDEX(Jesper!$R$2:$R$366,ROW(INDEX(Jesper!AH$2:AH$366,ROUNDDOWN($C7409/24,0)+1,1))-1)+IF('Standard Profiles'!$G$18=$B$10,7,0)+IF('Standard Profiles'!$G$18=$B$17,14,0)+IF('Standard Profiles'!$G$18=$B$24,21,0),MOD($C7409,24)+1)/SUM(INDEX($D$3:$AA$30,INDEX(Jesper!$R$2:$R$366,ROW(INDEX(Jesper!AH$2:AH$366,ROUNDDOWN($C7409/24,0)+1,1))-1)+IF('Standard Profiles'!$G$18=$B$10,7,0)+IF('Standard Profiles'!$G$18=$B$17,14,0)+IF('Standard Profiles'!$G$18=$B$24,21,0),0)),0)</f>
        <v>13.816598755463298</v>
      </c>
      <c r="E7409" cm="1">
        <f t="array" ref="E7409">IFERROR(INDEX(Jesper!AI$2:AI$366,ROUNDDOWN($C7409/24,0)+1,1)*INDEX($D$3:$AA$30,INDEX(Jesper!$R$2:$R$366,ROW(INDEX(Jesper!AI$2:AI$366,ROUNDDOWN($C7409/24,0)+1,1))-1)+IF('Standard Profiles'!$G$19=$B$10,7,0)+IF('Standard Profiles'!$G$19=$B$17,14,0)+IF('Standard Profiles'!$G$19=$B$24,21,0),MOD($C7409,24)+1)/SUM(INDEX($D$3:$AA$30,INDEX(Jesper!$R$2:$R$366,ROW(INDEX(Jesper!AI$2:AI$366,ROUNDDOWN($C7409/24,0)+1,1))-1)+IF('Standard Profiles'!$G$19=$B$10,7,0)+IF('Standard Profiles'!$G$19=$B$17,14,0)+IF('Standard Profiles'!$G$19=$B$24,21,0),0)),0)</f>
        <v>2.9219206706430603</v>
      </c>
      <c r="F7409" cm="1">
        <f t="array" ref="F7409">IFERROR(INDEX(Jesper!AJ$2:AJ$366,ROUNDDOWN($C7409/24,0)+1,1)*INDEX($D$3:$AA$30,INDEX(Jesper!$R$2:$R$366,ROW(INDEX(Jesper!AJ$2:AJ$366,ROUNDDOWN($C7409/24,0)+1,1))-1)+IF('Standard Profiles'!$G$20=$B$10,7,0)+IF('Standard Profiles'!$G$20=$B$17,14,0)+IF('Standard Profiles'!$G$20=$B$24,21,0),MOD($C7409,24)+1)/SUM(INDEX($D$3:$AA$30,INDEX(Jesper!$R$2:$R$366,ROW(INDEX(Jesper!AJ$2:AJ$366,ROUNDDOWN($C7409/24,0)+1,1))-1)+IF('Standard Profiles'!$G$20=$B$10,7,0)+IF('Standard Profiles'!$G$20=$B$17,14,0)+IF('Standard Profiles'!$G$20=$B$24,21,0),0)),0)</f>
        <v>0</v>
      </c>
      <c r="G7409" cm="1">
        <f t="array" ref="G7409">IFERROR(INDEX(Jesper!AK$2:AK$366,ROUNDDOWN($C7409/24,0)+1,1)*INDEX($D$3:$AA$30,INDEX(Jesper!$R$2:$R$366,ROW(INDEX(Jesper!AK$2:AK$366,ROUNDDOWN($C7409/24,0)+1,1))-1)+IF('Standard Profiles'!$G$21=$B$10,7,0)+IF('Standard Profiles'!$G$21=$B$17,14,0)+IF('Standard Profiles'!$G$21=$B$24,21,0),MOD($C7409,24)+1)/SUM(INDEX($D$3:$AA$30,INDEX(Jesper!$R$2:$R$366,ROW(INDEX(Jesper!AK$2:AK$366,ROUNDDOWN($C7409/24,0)+1,1))-1)+IF('Standard Profiles'!$G$21=$B$10,7,0)+IF('Standard Profiles'!$G$21=$B$17,14,0)+IF('Standard Profiles'!$G$21=$B$24,21,0),0)),0)</f>
        <v>0</v>
      </c>
      <c r="H7409" cm="1">
        <f t="array" ref="H7409">IFERROR(INDEX(Jesper!AL$2:AL$366,ROUNDDOWN($C7409/24,0)+1,1)*INDEX($D$3:$AA$30,INDEX(Jesper!$R$2:$R$366,ROW(INDEX(Jesper!AL$2:AL$366,ROUNDDOWN($C7409/24,0)+1,1))-1)+IF('Standard Profiles'!$G$22=$B$10,7,0)+IF('Standard Profiles'!$G$22=$B$17,14,0)+IF('Standard Profiles'!$G$22=$B$24,21,0),MOD($C7409,24)+1)/SUM(INDEX($D$3:$AA$30,INDEX(Jesper!$R$2:$R$366,ROW(INDEX(Jesper!AL$2:AL$366,ROUNDDOWN($C7409/24,0)+1,1))-1)+IF('Standard Profiles'!$G$22=$B$10,7,0)+IF('Standard Profiles'!$G$22=$B$17,14,0)+IF('Standard Profiles'!$G$22=$B$24,21,0),0)),0)</f>
        <v>0</v>
      </c>
      <c r="I7409">
        <f t="shared" si="825"/>
        <v>0.26323609645432983</v>
      </c>
      <c r="J7409">
        <f t="shared" si="826"/>
        <v>0.87745365484776616</v>
      </c>
      <c r="K7409">
        <f t="shared" si="827"/>
        <v>1.3161804822716492</v>
      </c>
      <c r="L7409">
        <f t="shared" si="828"/>
        <v>14.281649192532614</v>
      </c>
      <c r="M7409">
        <f t="shared" si="829"/>
        <v>0</v>
      </c>
      <c r="N7409" s="46">
        <f t="shared" si="830"/>
        <v>45599.29166664878</v>
      </c>
    </row>
    <row r="7410" spans="2:14" x14ac:dyDescent="0.3">
      <c r="B7410">
        <f t="shared" si="824"/>
        <v>7</v>
      </c>
      <c r="C7410" s="16">
        <v>7376</v>
      </c>
      <c r="D7410" cm="1">
        <f t="array" ref="D7410">IFERROR(INDEX(Jesper!AH$2:AH$366,ROUNDDOWN($C7410/24,0)+1,1)*INDEX($D$3:$AA$30,INDEX(Jesper!$R$2:$R$366,ROW(INDEX(Jesper!AH$2:AH$366,ROUNDDOWN($C7410/24,0)+1,1))-1)+IF('Standard Profiles'!$G$18=$B$10,7,0)+IF('Standard Profiles'!$G$18=$B$17,14,0)+IF('Standard Profiles'!$G$18=$B$24,21,0),MOD($C7410,24)+1)/SUM(INDEX($D$3:$AA$30,INDEX(Jesper!$R$2:$R$366,ROW(INDEX(Jesper!AH$2:AH$366,ROUNDDOWN($C7410/24,0)+1,1))-1)+IF('Standard Profiles'!$G$18=$B$10,7,0)+IF('Standard Profiles'!$G$18=$B$17,14,0)+IF('Standard Profiles'!$G$18=$B$24,21,0),0)),0)</f>
        <v>13.816598755463298</v>
      </c>
      <c r="E7410" cm="1">
        <f t="array" ref="E7410">IFERROR(INDEX(Jesper!AI$2:AI$366,ROUNDDOWN($C7410/24,0)+1,1)*INDEX($D$3:$AA$30,INDEX(Jesper!$R$2:$R$366,ROW(INDEX(Jesper!AI$2:AI$366,ROUNDDOWN($C7410/24,0)+1,1))-1)+IF('Standard Profiles'!$G$19=$B$10,7,0)+IF('Standard Profiles'!$G$19=$B$17,14,0)+IF('Standard Profiles'!$G$19=$B$24,21,0),MOD($C7410,24)+1)/SUM(INDEX($D$3:$AA$30,INDEX(Jesper!$R$2:$R$366,ROW(INDEX(Jesper!AI$2:AI$366,ROUNDDOWN($C7410/24,0)+1,1))-1)+IF('Standard Profiles'!$G$19=$B$10,7,0)+IF('Standard Profiles'!$G$19=$B$17,14,0)+IF('Standard Profiles'!$G$19=$B$24,21,0),0)),0)</f>
        <v>2.9219206706430603</v>
      </c>
      <c r="F7410" cm="1">
        <f t="array" ref="F7410">IFERROR(INDEX(Jesper!AJ$2:AJ$366,ROUNDDOWN($C7410/24,0)+1,1)*INDEX($D$3:$AA$30,INDEX(Jesper!$R$2:$R$366,ROW(INDEX(Jesper!AJ$2:AJ$366,ROUNDDOWN($C7410/24,0)+1,1))-1)+IF('Standard Profiles'!$G$20=$B$10,7,0)+IF('Standard Profiles'!$G$20=$B$17,14,0)+IF('Standard Profiles'!$G$20=$B$24,21,0),MOD($C7410,24)+1)/SUM(INDEX($D$3:$AA$30,INDEX(Jesper!$R$2:$R$366,ROW(INDEX(Jesper!AJ$2:AJ$366,ROUNDDOWN($C7410/24,0)+1,1))-1)+IF('Standard Profiles'!$G$20=$B$10,7,0)+IF('Standard Profiles'!$G$20=$B$17,14,0)+IF('Standard Profiles'!$G$20=$B$24,21,0),0)),0)</f>
        <v>0</v>
      </c>
      <c r="G7410" cm="1">
        <f t="array" ref="G7410">IFERROR(INDEX(Jesper!AK$2:AK$366,ROUNDDOWN($C7410/24,0)+1,1)*INDEX($D$3:$AA$30,INDEX(Jesper!$R$2:$R$366,ROW(INDEX(Jesper!AK$2:AK$366,ROUNDDOWN($C7410/24,0)+1,1))-1)+IF('Standard Profiles'!$G$21=$B$10,7,0)+IF('Standard Profiles'!$G$21=$B$17,14,0)+IF('Standard Profiles'!$G$21=$B$24,21,0),MOD($C7410,24)+1)/SUM(INDEX($D$3:$AA$30,INDEX(Jesper!$R$2:$R$366,ROW(INDEX(Jesper!AK$2:AK$366,ROUNDDOWN($C7410/24,0)+1,1))-1)+IF('Standard Profiles'!$G$21=$B$10,7,0)+IF('Standard Profiles'!$G$21=$B$17,14,0)+IF('Standard Profiles'!$G$21=$B$24,21,0),0)),0)</f>
        <v>0</v>
      </c>
      <c r="H7410" cm="1">
        <f t="array" ref="H7410">IFERROR(INDEX(Jesper!AL$2:AL$366,ROUNDDOWN($C7410/24,0)+1,1)*INDEX($D$3:$AA$30,INDEX(Jesper!$R$2:$R$366,ROW(INDEX(Jesper!AL$2:AL$366,ROUNDDOWN($C7410/24,0)+1,1))-1)+IF('Standard Profiles'!$G$22=$B$10,7,0)+IF('Standard Profiles'!$G$22=$B$17,14,0)+IF('Standard Profiles'!$G$22=$B$24,21,0),MOD($C7410,24)+1)/SUM(INDEX($D$3:$AA$30,INDEX(Jesper!$R$2:$R$366,ROW(INDEX(Jesper!AL$2:AL$366,ROUNDDOWN($C7410/24,0)+1,1))-1)+IF('Standard Profiles'!$G$22=$B$10,7,0)+IF('Standard Profiles'!$G$22=$B$17,14,0)+IF('Standard Profiles'!$G$22=$B$24,21,0),0)),0)</f>
        <v>0</v>
      </c>
      <c r="I7410">
        <f t="shared" si="825"/>
        <v>0.26323609645432983</v>
      </c>
      <c r="J7410">
        <f t="shared" si="826"/>
        <v>0.87745365484776616</v>
      </c>
      <c r="K7410">
        <f t="shared" si="827"/>
        <v>1.3161804822716492</v>
      </c>
      <c r="L7410">
        <f t="shared" si="828"/>
        <v>14.281649192532614</v>
      </c>
      <c r="M7410">
        <f t="shared" si="829"/>
        <v>0</v>
      </c>
      <c r="N7410" s="46">
        <f t="shared" si="830"/>
        <v>45599.333333315444</v>
      </c>
    </row>
    <row r="7411" spans="2:14" x14ac:dyDescent="0.3">
      <c r="B7411">
        <f t="shared" si="824"/>
        <v>7</v>
      </c>
      <c r="C7411" s="16">
        <v>7377</v>
      </c>
      <c r="D7411" cm="1">
        <f t="array" ref="D7411">IFERROR(INDEX(Jesper!AH$2:AH$366,ROUNDDOWN($C7411/24,0)+1,1)*INDEX($D$3:$AA$30,INDEX(Jesper!$R$2:$R$366,ROW(INDEX(Jesper!AH$2:AH$366,ROUNDDOWN($C7411/24,0)+1,1))-1)+IF('Standard Profiles'!$G$18=$B$10,7,0)+IF('Standard Profiles'!$G$18=$B$17,14,0)+IF('Standard Profiles'!$G$18=$B$24,21,0),MOD($C7411,24)+1)/SUM(INDEX($D$3:$AA$30,INDEX(Jesper!$R$2:$R$366,ROW(INDEX(Jesper!AH$2:AH$366,ROUNDDOWN($C7411/24,0)+1,1))-1)+IF('Standard Profiles'!$G$18=$B$10,7,0)+IF('Standard Profiles'!$G$18=$B$17,14,0)+IF('Standard Profiles'!$G$18=$B$24,21,0),0)),0)</f>
        <v>13.816598755463298</v>
      </c>
      <c r="E7411" cm="1">
        <f t="array" ref="E7411">IFERROR(INDEX(Jesper!AI$2:AI$366,ROUNDDOWN($C7411/24,0)+1,1)*INDEX($D$3:$AA$30,INDEX(Jesper!$R$2:$R$366,ROW(INDEX(Jesper!AI$2:AI$366,ROUNDDOWN($C7411/24,0)+1,1))-1)+IF('Standard Profiles'!$G$19=$B$10,7,0)+IF('Standard Profiles'!$G$19=$B$17,14,0)+IF('Standard Profiles'!$G$19=$B$24,21,0),MOD($C7411,24)+1)/SUM(INDEX($D$3:$AA$30,INDEX(Jesper!$R$2:$R$366,ROW(INDEX(Jesper!AI$2:AI$366,ROUNDDOWN($C7411/24,0)+1,1))-1)+IF('Standard Profiles'!$G$19=$B$10,7,0)+IF('Standard Profiles'!$G$19=$B$17,14,0)+IF('Standard Profiles'!$G$19=$B$24,21,0),0)),0)</f>
        <v>2.9219206706430603</v>
      </c>
      <c r="F7411" cm="1">
        <f t="array" ref="F7411">IFERROR(INDEX(Jesper!AJ$2:AJ$366,ROUNDDOWN($C7411/24,0)+1,1)*INDEX($D$3:$AA$30,INDEX(Jesper!$R$2:$R$366,ROW(INDEX(Jesper!AJ$2:AJ$366,ROUNDDOWN($C7411/24,0)+1,1))-1)+IF('Standard Profiles'!$G$20=$B$10,7,0)+IF('Standard Profiles'!$G$20=$B$17,14,0)+IF('Standard Profiles'!$G$20=$B$24,21,0),MOD($C7411,24)+1)/SUM(INDEX($D$3:$AA$30,INDEX(Jesper!$R$2:$R$366,ROW(INDEX(Jesper!AJ$2:AJ$366,ROUNDDOWN($C7411/24,0)+1,1))-1)+IF('Standard Profiles'!$G$20=$B$10,7,0)+IF('Standard Profiles'!$G$20=$B$17,14,0)+IF('Standard Profiles'!$G$20=$B$24,21,0),0)),0)</f>
        <v>0</v>
      </c>
      <c r="G7411" cm="1">
        <f t="array" ref="G7411">IFERROR(INDEX(Jesper!AK$2:AK$366,ROUNDDOWN($C7411/24,0)+1,1)*INDEX($D$3:$AA$30,INDEX(Jesper!$R$2:$R$366,ROW(INDEX(Jesper!AK$2:AK$366,ROUNDDOWN($C7411/24,0)+1,1))-1)+IF('Standard Profiles'!$G$21=$B$10,7,0)+IF('Standard Profiles'!$G$21=$B$17,14,0)+IF('Standard Profiles'!$G$21=$B$24,21,0),MOD($C7411,24)+1)/SUM(INDEX($D$3:$AA$30,INDEX(Jesper!$R$2:$R$366,ROW(INDEX(Jesper!AK$2:AK$366,ROUNDDOWN($C7411/24,0)+1,1))-1)+IF('Standard Profiles'!$G$21=$B$10,7,0)+IF('Standard Profiles'!$G$21=$B$17,14,0)+IF('Standard Profiles'!$G$21=$B$24,21,0),0)),0)</f>
        <v>0</v>
      </c>
      <c r="H7411" cm="1">
        <f t="array" ref="H7411">IFERROR(INDEX(Jesper!AL$2:AL$366,ROUNDDOWN($C7411/24,0)+1,1)*INDEX($D$3:$AA$30,INDEX(Jesper!$R$2:$R$366,ROW(INDEX(Jesper!AL$2:AL$366,ROUNDDOWN($C7411/24,0)+1,1))-1)+IF('Standard Profiles'!$G$22=$B$10,7,0)+IF('Standard Profiles'!$G$22=$B$17,14,0)+IF('Standard Profiles'!$G$22=$B$24,21,0),MOD($C7411,24)+1)/SUM(INDEX($D$3:$AA$30,INDEX(Jesper!$R$2:$R$366,ROW(INDEX(Jesper!AL$2:AL$366,ROUNDDOWN($C7411/24,0)+1,1))-1)+IF('Standard Profiles'!$G$22=$B$10,7,0)+IF('Standard Profiles'!$G$22=$B$17,14,0)+IF('Standard Profiles'!$G$22=$B$24,21,0),0)),0)</f>
        <v>0</v>
      </c>
      <c r="I7411">
        <f t="shared" si="825"/>
        <v>0.26323609645432983</v>
      </c>
      <c r="J7411">
        <f t="shared" si="826"/>
        <v>0.87745365484776616</v>
      </c>
      <c r="K7411">
        <f t="shared" si="827"/>
        <v>1.3161804822716492</v>
      </c>
      <c r="L7411">
        <f t="shared" si="828"/>
        <v>14.281649192532614</v>
      </c>
      <c r="M7411">
        <f t="shared" si="829"/>
        <v>0</v>
      </c>
      <c r="N7411" s="46">
        <f t="shared" si="830"/>
        <v>45599.374999982108</v>
      </c>
    </row>
    <row r="7412" spans="2:14" x14ac:dyDescent="0.3">
      <c r="B7412">
        <f t="shared" si="824"/>
        <v>7</v>
      </c>
      <c r="C7412" s="16">
        <v>7378</v>
      </c>
      <c r="D7412" cm="1">
        <f t="array" ref="D7412">IFERROR(INDEX(Jesper!AH$2:AH$366,ROUNDDOWN($C7412/24,0)+1,1)*INDEX($D$3:$AA$30,INDEX(Jesper!$R$2:$R$366,ROW(INDEX(Jesper!AH$2:AH$366,ROUNDDOWN($C7412/24,0)+1,1))-1)+IF('Standard Profiles'!$G$18=$B$10,7,0)+IF('Standard Profiles'!$G$18=$B$17,14,0)+IF('Standard Profiles'!$G$18=$B$24,21,0),MOD($C7412,24)+1)/SUM(INDEX($D$3:$AA$30,INDEX(Jesper!$R$2:$R$366,ROW(INDEX(Jesper!AH$2:AH$366,ROUNDDOWN($C7412/24,0)+1,1))-1)+IF('Standard Profiles'!$G$18=$B$10,7,0)+IF('Standard Profiles'!$G$18=$B$17,14,0)+IF('Standard Profiles'!$G$18=$B$24,21,0),0)),0)</f>
        <v>13.816598755463298</v>
      </c>
      <c r="E7412" cm="1">
        <f t="array" ref="E7412">IFERROR(INDEX(Jesper!AI$2:AI$366,ROUNDDOWN($C7412/24,0)+1,1)*INDEX($D$3:$AA$30,INDEX(Jesper!$R$2:$R$366,ROW(INDEX(Jesper!AI$2:AI$366,ROUNDDOWN($C7412/24,0)+1,1))-1)+IF('Standard Profiles'!$G$19=$B$10,7,0)+IF('Standard Profiles'!$G$19=$B$17,14,0)+IF('Standard Profiles'!$G$19=$B$24,21,0),MOD($C7412,24)+1)/SUM(INDEX($D$3:$AA$30,INDEX(Jesper!$R$2:$R$366,ROW(INDEX(Jesper!AI$2:AI$366,ROUNDDOWN($C7412/24,0)+1,1))-1)+IF('Standard Profiles'!$G$19=$B$10,7,0)+IF('Standard Profiles'!$G$19=$B$17,14,0)+IF('Standard Profiles'!$G$19=$B$24,21,0),0)),0)</f>
        <v>2.9219206706430603</v>
      </c>
      <c r="F7412" cm="1">
        <f t="array" ref="F7412">IFERROR(INDEX(Jesper!AJ$2:AJ$366,ROUNDDOWN($C7412/24,0)+1,1)*INDEX($D$3:$AA$30,INDEX(Jesper!$R$2:$R$366,ROW(INDEX(Jesper!AJ$2:AJ$366,ROUNDDOWN($C7412/24,0)+1,1))-1)+IF('Standard Profiles'!$G$20=$B$10,7,0)+IF('Standard Profiles'!$G$20=$B$17,14,0)+IF('Standard Profiles'!$G$20=$B$24,21,0),MOD($C7412,24)+1)/SUM(INDEX($D$3:$AA$30,INDEX(Jesper!$R$2:$R$366,ROW(INDEX(Jesper!AJ$2:AJ$366,ROUNDDOWN($C7412/24,0)+1,1))-1)+IF('Standard Profiles'!$G$20=$B$10,7,0)+IF('Standard Profiles'!$G$20=$B$17,14,0)+IF('Standard Profiles'!$G$20=$B$24,21,0),0)),0)</f>
        <v>0</v>
      </c>
      <c r="G7412" cm="1">
        <f t="array" ref="G7412">IFERROR(INDEX(Jesper!AK$2:AK$366,ROUNDDOWN($C7412/24,0)+1,1)*INDEX($D$3:$AA$30,INDEX(Jesper!$R$2:$R$366,ROW(INDEX(Jesper!AK$2:AK$366,ROUNDDOWN($C7412/24,0)+1,1))-1)+IF('Standard Profiles'!$G$21=$B$10,7,0)+IF('Standard Profiles'!$G$21=$B$17,14,0)+IF('Standard Profiles'!$G$21=$B$24,21,0),MOD($C7412,24)+1)/SUM(INDEX($D$3:$AA$30,INDEX(Jesper!$R$2:$R$366,ROW(INDEX(Jesper!AK$2:AK$366,ROUNDDOWN($C7412/24,0)+1,1))-1)+IF('Standard Profiles'!$G$21=$B$10,7,0)+IF('Standard Profiles'!$G$21=$B$17,14,0)+IF('Standard Profiles'!$G$21=$B$24,21,0),0)),0)</f>
        <v>0</v>
      </c>
      <c r="H7412" cm="1">
        <f t="array" ref="H7412">IFERROR(INDEX(Jesper!AL$2:AL$366,ROUNDDOWN($C7412/24,0)+1,1)*INDEX($D$3:$AA$30,INDEX(Jesper!$R$2:$R$366,ROW(INDEX(Jesper!AL$2:AL$366,ROUNDDOWN($C7412/24,0)+1,1))-1)+IF('Standard Profiles'!$G$22=$B$10,7,0)+IF('Standard Profiles'!$G$22=$B$17,14,0)+IF('Standard Profiles'!$G$22=$B$24,21,0),MOD($C7412,24)+1)/SUM(INDEX($D$3:$AA$30,INDEX(Jesper!$R$2:$R$366,ROW(INDEX(Jesper!AL$2:AL$366,ROUNDDOWN($C7412/24,0)+1,1))-1)+IF('Standard Profiles'!$G$22=$B$10,7,0)+IF('Standard Profiles'!$G$22=$B$17,14,0)+IF('Standard Profiles'!$G$22=$B$24,21,0),0)),0)</f>
        <v>0</v>
      </c>
      <c r="I7412">
        <f t="shared" si="825"/>
        <v>0.26323609645432983</v>
      </c>
      <c r="J7412">
        <f t="shared" si="826"/>
        <v>0.87745365484776616</v>
      </c>
      <c r="K7412">
        <f t="shared" si="827"/>
        <v>1.3161804822716492</v>
      </c>
      <c r="L7412">
        <f t="shared" si="828"/>
        <v>14.281649192532614</v>
      </c>
      <c r="M7412">
        <f t="shared" si="829"/>
        <v>0</v>
      </c>
      <c r="N7412" s="46">
        <f t="shared" si="830"/>
        <v>45599.416666648773</v>
      </c>
    </row>
    <row r="7413" spans="2:14" x14ac:dyDescent="0.3">
      <c r="B7413">
        <f t="shared" si="824"/>
        <v>7</v>
      </c>
      <c r="C7413" s="16">
        <v>7379</v>
      </c>
      <c r="D7413" cm="1">
        <f t="array" ref="D7413">IFERROR(INDEX(Jesper!AH$2:AH$366,ROUNDDOWN($C7413/24,0)+1,1)*INDEX($D$3:$AA$30,INDEX(Jesper!$R$2:$R$366,ROW(INDEX(Jesper!AH$2:AH$366,ROUNDDOWN($C7413/24,0)+1,1))-1)+IF('Standard Profiles'!$G$18=$B$10,7,0)+IF('Standard Profiles'!$G$18=$B$17,14,0)+IF('Standard Profiles'!$G$18=$B$24,21,0),MOD($C7413,24)+1)/SUM(INDEX($D$3:$AA$30,INDEX(Jesper!$R$2:$R$366,ROW(INDEX(Jesper!AH$2:AH$366,ROUNDDOWN($C7413/24,0)+1,1))-1)+IF('Standard Profiles'!$G$18=$B$10,7,0)+IF('Standard Profiles'!$G$18=$B$17,14,0)+IF('Standard Profiles'!$G$18=$B$24,21,0),0)),0)</f>
        <v>13.816598755463298</v>
      </c>
      <c r="E7413" cm="1">
        <f t="array" ref="E7413">IFERROR(INDEX(Jesper!AI$2:AI$366,ROUNDDOWN($C7413/24,0)+1,1)*INDEX($D$3:$AA$30,INDEX(Jesper!$R$2:$R$366,ROW(INDEX(Jesper!AI$2:AI$366,ROUNDDOWN($C7413/24,0)+1,1))-1)+IF('Standard Profiles'!$G$19=$B$10,7,0)+IF('Standard Profiles'!$G$19=$B$17,14,0)+IF('Standard Profiles'!$G$19=$B$24,21,0),MOD($C7413,24)+1)/SUM(INDEX($D$3:$AA$30,INDEX(Jesper!$R$2:$R$366,ROW(INDEX(Jesper!AI$2:AI$366,ROUNDDOWN($C7413/24,0)+1,1))-1)+IF('Standard Profiles'!$G$19=$B$10,7,0)+IF('Standard Profiles'!$G$19=$B$17,14,0)+IF('Standard Profiles'!$G$19=$B$24,21,0),0)),0)</f>
        <v>2.9219206706430603</v>
      </c>
      <c r="F7413" cm="1">
        <f t="array" ref="F7413">IFERROR(INDEX(Jesper!AJ$2:AJ$366,ROUNDDOWN($C7413/24,0)+1,1)*INDEX($D$3:$AA$30,INDEX(Jesper!$R$2:$R$366,ROW(INDEX(Jesper!AJ$2:AJ$366,ROUNDDOWN($C7413/24,0)+1,1))-1)+IF('Standard Profiles'!$G$20=$B$10,7,0)+IF('Standard Profiles'!$G$20=$B$17,14,0)+IF('Standard Profiles'!$G$20=$B$24,21,0),MOD($C7413,24)+1)/SUM(INDEX($D$3:$AA$30,INDEX(Jesper!$R$2:$R$366,ROW(INDEX(Jesper!AJ$2:AJ$366,ROUNDDOWN($C7413/24,0)+1,1))-1)+IF('Standard Profiles'!$G$20=$B$10,7,0)+IF('Standard Profiles'!$G$20=$B$17,14,0)+IF('Standard Profiles'!$G$20=$B$24,21,0),0)),0)</f>
        <v>0</v>
      </c>
      <c r="G7413" cm="1">
        <f t="array" ref="G7413">IFERROR(INDEX(Jesper!AK$2:AK$366,ROUNDDOWN($C7413/24,0)+1,1)*INDEX($D$3:$AA$30,INDEX(Jesper!$R$2:$R$366,ROW(INDEX(Jesper!AK$2:AK$366,ROUNDDOWN($C7413/24,0)+1,1))-1)+IF('Standard Profiles'!$G$21=$B$10,7,0)+IF('Standard Profiles'!$G$21=$B$17,14,0)+IF('Standard Profiles'!$G$21=$B$24,21,0),MOD($C7413,24)+1)/SUM(INDEX($D$3:$AA$30,INDEX(Jesper!$R$2:$R$366,ROW(INDEX(Jesper!AK$2:AK$366,ROUNDDOWN($C7413/24,0)+1,1))-1)+IF('Standard Profiles'!$G$21=$B$10,7,0)+IF('Standard Profiles'!$G$21=$B$17,14,0)+IF('Standard Profiles'!$G$21=$B$24,21,0),0)),0)</f>
        <v>0</v>
      </c>
      <c r="H7413" cm="1">
        <f t="array" ref="H7413">IFERROR(INDEX(Jesper!AL$2:AL$366,ROUNDDOWN($C7413/24,0)+1,1)*INDEX($D$3:$AA$30,INDEX(Jesper!$R$2:$R$366,ROW(INDEX(Jesper!AL$2:AL$366,ROUNDDOWN($C7413/24,0)+1,1))-1)+IF('Standard Profiles'!$G$22=$B$10,7,0)+IF('Standard Profiles'!$G$22=$B$17,14,0)+IF('Standard Profiles'!$G$22=$B$24,21,0),MOD($C7413,24)+1)/SUM(INDEX($D$3:$AA$30,INDEX(Jesper!$R$2:$R$366,ROW(INDEX(Jesper!AL$2:AL$366,ROUNDDOWN($C7413/24,0)+1,1))-1)+IF('Standard Profiles'!$G$22=$B$10,7,0)+IF('Standard Profiles'!$G$22=$B$17,14,0)+IF('Standard Profiles'!$G$22=$B$24,21,0),0)),0)</f>
        <v>0</v>
      </c>
      <c r="I7413">
        <f t="shared" si="825"/>
        <v>0.26323609645432983</v>
      </c>
      <c r="J7413">
        <f t="shared" si="826"/>
        <v>0.87745365484776616</v>
      </c>
      <c r="K7413">
        <f t="shared" si="827"/>
        <v>1.3161804822716492</v>
      </c>
      <c r="L7413">
        <f t="shared" si="828"/>
        <v>14.281649192532614</v>
      </c>
      <c r="M7413">
        <f t="shared" si="829"/>
        <v>0</v>
      </c>
      <c r="N7413" s="46">
        <f t="shared" si="830"/>
        <v>45599.458333315437</v>
      </c>
    </row>
    <row r="7414" spans="2:14" x14ac:dyDescent="0.3">
      <c r="B7414">
        <f t="shared" si="824"/>
        <v>7</v>
      </c>
      <c r="C7414" s="16">
        <v>7380</v>
      </c>
      <c r="D7414" cm="1">
        <f t="array" ref="D7414">IFERROR(INDEX(Jesper!AH$2:AH$366,ROUNDDOWN($C7414/24,0)+1,1)*INDEX($D$3:$AA$30,INDEX(Jesper!$R$2:$R$366,ROW(INDEX(Jesper!AH$2:AH$366,ROUNDDOWN($C7414/24,0)+1,1))-1)+IF('Standard Profiles'!$G$18=$B$10,7,0)+IF('Standard Profiles'!$G$18=$B$17,14,0)+IF('Standard Profiles'!$G$18=$B$24,21,0),MOD($C7414,24)+1)/SUM(INDEX($D$3:$AA$30,INDEX(Jesper!$R$2:$R$366,ROW(INDEX(Jesper!AH$2:AH$366,ROUNDDOWN($C7414/24,0)+1,1))-1)+IF('Standard Profiles'!$G$18=$B$10,7,0)+IF('Standard Profiles'!$G$18=$B$17,14,0)+IF('Standard Profiles'!$G$18=$B$24,21,0),0)),0)</f>
        <v>13.816598755463298</v>
      </c>
      <c r="E7414" cm="1">
        <f t="array" ref="E7414">IFERROR(INDEX(Jesper!AI$2:AI$366,ROUNDDOWN($C7414/24,0)+1,1)*INDEX($D$3:$AA$30,INDEX(Jesper!$R$2:$R$366,ROW(INDEX(Jesper!AI$2:AI$366,ROUNDDOWN($C7414/24,0)+1,1))-1)+IF('Standard Profiles'!$G$19=$B$10,7,0)+IF('Standard Profiles'!$G$19=$B$17,14,0)+IF('Standard Profiles'!$G$19=$B$24,21,0),MOD($C7414,24)+1)/SUM(INDEX($D$3:$AA$30,INDEX(Jesper!$R$2:$R$366,ROW(INDEX(Jesper!AI$2:AI$366,ROUNDDOWN($C7414/24,0)+1,1))-1)+IF('Standard Profiles'!$G$19=$B$10,7,0)+IF('Standard Profiles'!$G$19=$B$17,14,0)+IF('Standard Profiles'!$G$19=$B$24,21,0),0)),0)</f>
        <v>2.9219206706430603</v>
      </c>
      <c r="F7414" cm="1">
        <f t="array" ref="F7414">IFERROR(INDEX(Jesper!AJ$2:AJ$366,ROUNDDOWN($C7414/24,0)+1,1)*INDEX($D$3:$AA$30,INDEX(Jesper!$R$2:$R$366,ROW(INDEX(Jesper!AJ$2:AJ$366,ROUNDDOWN($C7414/24,0)+1,1))-1)+IF('Standard Profiles'!$G$20=$B$10,7,0)+IF('Standard Profiles'!$G$20=$B$17,14,0)+IF('Standard Profiles'!$G$20=$B$24,21,0),MOD($C7414,24)+1)/SUM(INDEX($D$3:$AA$30,INDEX(Jesper!$R$2:$R$366,ROW(INDEX(Jesper!AJ$2:AJ$366,ROUNDDOWN($C7414/24,0)+1,1))-1)+IF('Standard Profiles'!$G$20=$B$10,7,0)+IF('Standard Profiles'!$G$20=$B$17,14,0)+IF('Standard Profiles'!$G$20=$B$24,21,0),0)),0)</f>
        <v>0</v>
      </c>
      <c r="G7414" cm="1">
        <f t="array" ref="G7414">IFERROR(INDEX(Jesper!AK$2:AK$366,ROUNDDOWN($C7414/24,0)+1,1)*INDEX($D$3:$AA$30,INDEX(Jesper!$R$2:$R$366,ROW(INDEX(Jesper!AK$2:AK$366,ROUNDDOWN($C7414/24,0)+1,1))-1)+IF('Standard Profiles'!$G$21=$B$10,7,0)+IF('Standard Profiles'!$G$21=$B$17,14,0)+IF('Standard Profiles'!$G$21=$B$24,21,0),MOD($C7414,24)+1)/SUM(INDEX($D$3:$AA$30,INDEX(Jesper!$R$2:$R$366,ROW(INDEX(Jesper!AK$2:AK$366,ROUNDDOWN($C7414/24,0)+1,1))-1)+IF('Standard Profiles'!$G$21=$B$10,7,0)+IF('Standard Profiles'!$G$21=$B$17,14,0)+IF('Standard Profiles'!$G$21=$B$24,21,0),0)),0)</f>
        <v>0</v>
      </c>
      <c r="H7414" cm="1">
        <f t="array" ref="H7414">IFERROR(INDEX(Jesper!AL$2:AL$366,ROUNDDOWN($C7414/24,0)+1,1)*INDEX($D$3:$AA$30,INDEX(Jesper!$R$2:$R$366,ROW(INDEX(Jesper!AL$2:AL$366,ROUNDDOWN($C7414/24,0)+1,1))-1)+IF('Standard Profiles'!$G$22=$B$10,7,0)+IF('Standard Profiles'!$G$22=$B$17,14,0)+IF('Standard Profiles'!$G$22=$B$24,21,0),MOD($C7414,24)+1)/SUM(INDEX($D$3:$AA$30,INDEX(Jesper!$R$2:$R$366,ROW(INDEX(Jesper!AL$2:AL$366,ROUNDDOWN($C7414/24,0)+1,1))-1)+IF('Standard Profiles'!$G$22=$B$10,7,0)+IF('Standard Profiles'!$G$22=$B$17,14,0)+IF('Standard Profiles'!$G$22=$B$24,21,0),0)),0)</f>
        <v>0</v>
      </c>
      <c r="I7414">
        <f t="shared" si="825"/>
        <v>0.26323609645432983</v>
      </c>
      <c r="J7414">
        <f t="shared" si="826"/>
        <v>0.87745365484776616</v>
      </c>
      <c r="K7414">
        <f t="shared" si="827"/>
        <v>1.3161804822716492</v>
      </c>
      <c r="L7414">
        <f t="shared" si="828"/>
        <v>14.281649192532614</v>
      </c>
      <c r="M7414">
        <f t="shared" si="829"/>
        <v>0</v>
      </c>
      <c r="N7414" s="46">
        <f t="shared" si="830"/>
        <v>45599.499999982101</v>
      </c>
    </row>
    <row r="7415" spans="2:14" x14ac:dyDescent="0.3">
      <c r="B7415">
        <f t="shared" si="824"/>
        <v>7</v>
      </c>
      <c r="C7415" s="16">
        <v>7381</v>
      </c>
      <c r="D7415" cm="1">
        <f t="array" ref="D7415">IFERROR(INDEX(Jesper!AH$2:AH$366,ROUNDDOWN($C7415/24,0)+1,1)*INDEX($D$3:$AA$30,INDEX(Jesper!$R$2:$R$366,ROW(INDEX(Jesper!AH$2:AH$366,ROUNDDOWN($C7415/24,0)+1,1))-1)+IF('Standard Profiles'!$G$18=$B$10,7,0)+IF('Standard Profiles'!$G$18=$B$17,14,0)+IF('Standard Profiles'!$G$18=$B$24,21,0),MOD($C7415,24)+1)/SUM(INDEX($D$3:$AA$30,INDEX(Jesper!$R$2:$R$366,ROW(INDEX(Jesper!AH$2:AH$366,ROUNDDOWN($C7415/24,0)+1,1))-1)+IF('Standard Profiles'!$G$18=$B$10,7,0)+IF('Standard Profiles'!$G$18=$B$17,14,0)+IF('Standard Profiles'!$G$18=$B$24,21,0),0)),0)</f>
        <v>13.816598755463298</v>
      </c>
      <c r="E7415" cm="1">
        <f t="array" ref="E7415">IFERROR(INDEX(Jesper!AI$2:AI$366,ROUNDDOWN($C7415/24,0)+1,1)*INDEX($D$3:$AA$30,INDEX(Jesper!$R$2:$R$366,ROW(INDEX(Jesper!AI$2:AI$366,ROUNDDOWN($C7415/24,0)+1,1))-1)+IF('Standard Profiles'!$G$19=$B$10,7,0)+IF('Standard Profiles'!$G$19=$B$17,14,0)+IF('Standard Profiles'!$G$19=$B$24,21,0),MOD($C7415,24)+1)/SUM(INDEX($D$3:$AA$30,INDEX(Jesper!$R$2:$R$366,ROW(INDEX(Jesper!AI$2:AI$366,ROUNDDOWN($C7415/24,0)+1,1))-1)+IF('Standard Profiles'!$G$19=$B$10,7,0)+IF('Standard Profiles'!$G$19=$B$17,14,0)+IF('Standard Profiles'!$G$19=$B$24,21,0),0)),0)</f>
        <v>2.9219206706430603</v>
      </c>
      <c r="F7415" cm="1">
        <f t="array" ref="F7415">IFERROR(INDEX(Jesper!AJ$2:AJ$366,ROUNDDOWN($C7415/24,0)+1,1)*INDEX($D$3:$AA$30,INDEX(Jesper!$R$2:$R$366,ROW(INDEX(Jesper!AJ$2:AJ$366,ROUNDDOWN($C7415/24,0)+1,1))-1)+IF('Standard Profiles'!$G$20=$B$10,7,0)+IF('Standard Profiles'!$G$20=$B$17,14,0)+IF('Standard Profiles'!$G$20=$B$24,21,0),MOD($C7415,24)+1)/SUM(INDEX($D$3:$AA$30,INDEX(Jesper!$R$2:$R$366,ROW(INDEX(Jesper!AJ$2:AJ$366,ROUNDDOWN($C7415/24,0)+1,1))-1)+IF('Standard Profiles'!$G$20=$B$10,7,0)+IF('Standard Profiles'!$G$20=$B$17,14,0)+IF('Standard Profiles'!$G$20=$B$24,21,0),0)),0)</f>
        <v>0</v>
      </c>
      <c r="G7415" cm="1">
        <f t="array" ref="G7415">IFERROR(INDEX(Jesper!AK$2:AK$366,ROUNDDOWN($C7415/24,0)+1,1)*INDEX($D$3:$AA$30,INDEX(Jesper!$R$2:$R$366,ROW(INDEX(Jesper!AK$2:AK$366,ROUNDDOWN($C7415/24,0)+1,1))-1)+IF('Standard Profiles'!$G$21=$B$10,7,0)+IF('Standard Profiles'!$G$21=$B$17,14,0)+IF('Standard Profiles'!$G$21=$B$24,21,0),MOD($C7415,24)+1)/SUM(INDEX($D$3:$AA$30,INDEX(Jesper!$R$2:$R$366,ROW(INDEX(Jesper!AK$2:AK$366,ROUNDDOWN($C7415/24,0)+1,1))-1)+IF('Standard Profiles'!$G$21=$B$10,7,0)+IF('Standard Profiles'!$G$21=$B$17,14,0)+IF('Standard Profiles'!$G$21=$B$24,21,0),0)),0)</f>
        <v>0</v>
      </c>
      <c r="H7415" cm="1">
        <f t="array" ref="H7415">IFERROR(INDEX(Jesper!AL$2:AL$366,ROUNDDOWN($C7415/24,0)+1,1)*INDEX($D$3:$AA$30,INDEX(Jesper!$R$2:$R$366,ROW(INDEX(Jesper!AL$2:AL$366,ROUNDDOWN($C7415/24,0)+1,1))-1)+IF('Standard Profiles'!$G$22=$B$10,7,0)+IF('Standard Profiles'!$G$22=$B$17,14,0)+IF('Standard Profiles'!$G$22=$B$24,21,0),MOD($C7415,24)+1)/SUM(INDEX($D$3:$AA$30,INDEX(Jesper!$R$2:$R$366,ROW(INDEX(Jesper!AL$2:AL$366,ROUNDDOWN($C7415/24,0)+1,1))-1)+IF('Standard Profiles'!$G$22=$B$10,7,0)+IF('Standard Profiles'!$G$22=$B$17,14,0)+IF('Standard Profiles'!$G$22=$B$24,21,0),0)),0)</f>
        <v>0</v>
      </c>
      <c r="I7415">
        <f t="shared" si="825"/>
        <v>0.26323609645432983</v>
      </c>
      <c r="J7415">
        <f t="shared" si="826"/>
        <v>0.87745365484776616</v>
      </c>
      <c r="K7415">
        <f t="shared" si="827"/>
        <v>1.3161804822716492</v>
      </c>
      <c r="L7415">
        <f t="shared" si="828"/>
        <v>14.281649192532614</v>
      </c>
      <c r="M7415">
        <f t="shared" si="829"/>
        <v>0</v>
      </c>
      <c r="N7415" s="46">
        <f t="shared" si="830"/>
        <v>45599.541666648765</v>
      </c>
    </row>
    <row r="7416" spans="2:14" x14ac:dyDescent="0.3">
      <c r="B7416">
        <f t="shared" si="824"/>
        <v>7</v>
      </c>
      <c r="C7416" s="16">
        <v>7382</v>
      </c>
      <c r="D7416" cm="1">
        <f t="array" ref="D7416">IFERROR(INDEX(Jesper!AH$2:AH$366,ROUNDDOWN($C7416/24,0)+1,1)*INDEX($D$3:$AA$30,INDEX(Jesper!$R$2:$R$366,ROW(INDEX(Jesper!AH$2:AH$366,ROUNDDOWN($C7416/24,0)+1,1))-1)+IF('Standard Profiles'!$G$18=$B$10,7,0)+IF('Standard Profiles'!$G$18=$B$17,14,0)+IF('Standard Profiles'!$G$18=$B$24,21,0),MOD($C7416,24)+1)/SUM(INDEX($D$3:$AA$30,INDEX(Jesper!$R$2:$R$366,ROW(INDEX(Jesper!AH$2:AH$366,ROUNDDOWN($C7416/24,0)+1,1))-1)+IF('Standard Profiles'!$G$18=$B$10,7,0)+IF('Standard Profiles'!$G$18=$B$17,14,0)+IF('Standard Profiles'!$G$18=$B$24,21,0),0)),0)</f>
        <v>13.816598755463298</v>
      </c>
      <c r="E7416" cm="1">
        <f t="array" ref="E7416">IFERROR(INDEX(Jesper!AI$2:AI$366,ROUNDDOWN($C7416/24,0)+1,1)*INDEX($D$3:$AA$30,INDEX(Jesper!$R$2:$R$366,ROW(INDEX(Jesper!AI$2:AI$366,ROUNDDOWN($C7416/24,0)+1,1))-1)+IF('Standard Profiles'!$G$19=$B$10,7,0)+IF('Standard Profiles'!$G$19=$B$17,14,0)+IF('Standard Profiles'!$G$19=$B$24,21,0),MOD($C7416,24)+1)/SUM(INDEX($D$3:$AA$30,INDEX(Jesper!$R$2:$R$366,ROW(INDEX(Jesper!AI$2:AI$366,ROUNDDOWN($C7416/24,0)+1,1))-1)+IF('Standard Profiles'!$G$19=$B$10,7,0)+IF('Standard Profiles'!$G$19=$B$17,14,0)+IF('Standard Profiles'!$G$19=$B$24,21,0),0)),0)</f>
        <v>2.9219206706430603</v>
      </c>
      <c r="F7416" cm="1">
        <f t="array" ref="F7416">IFERROR(INDEX(Jesper!AJ$2:AJ$366,ROUNDDOWN($C7416/24,0)+1,1)*INDEX($D$3:$AA$30,INDEX(Jesper!$R$2:$R$366,ROW(INDEX(Jesper!AJ$2:AJ$366,ROUNDDOWN($C7416/24,0)+1,1))-1)+IF('Standard Profiles'!$G$20=$B$10,7,0)+IF('Standard Profiles'!$G$20=$B$17,14,0)+IF('Standard Profiles'!$G$20=$B$24,21,0),MOD($C7416,24)+1)/SUM(INDEX($D$3:$AA$30,INDEX(Jesper!$R$2:$R$366,ROW(INDEX(Jesper!AJ$2:AJ$366,ROUNDDOWN($C7416/24,0)+1,1))-1)+IF('Standard Profiles'!$G$20=$B$10,7,0)+IF('Standard Profiles'!$G$20=$B$17,14,0)+IF('Standard Profiles'!$G$20=$B$24,21,0),0)),0)</f>
        <v>0</v>
      </c>
      <c r="G7416" cm="1">
        <f t="array" ref="G7416">IFERROR(INDEX(Jesper!AK$2:AK$366,ROUNDDOWN($C7416/24,0)+1,1)*INDEX($D$3:$AA$30,INDEX(Jesper!$R$2:$R$366,ROW(INDEX(Jesper!AK$2:AK$366,ROUNDDOWN($C7416/24,0)+1,1))-1)+IF('Standard Profiles'!$G$21=$B$10,7,0)+IF('Standard Profiles'!$G$21=$B$17,14,0)+IF('Standard Profiles'!$G$21=$B$24,21,0),MOD($C7416,24)+1)/SUM(INDEX($D$3:$AA$30,INDEX(Jesper!$R$2:$R$366,ROW(INDEX(Jesper!AK$2:AK$366,ROUNDDOWN($C7416/24,0)+1,1))-1)+IF('Standard Profiles'!$G$21=$B$10,7,0)+IF('Standard Profiles'!$G$21=$B$17,14,0)+IF('Standard Profiles'!$G$21=$B$24,21,0),0)),0)</f>
        <v>0</v>
      </c>
      <c r="H7416" cm="1">
        <f t="array" ref="H7416">IFERROR(INDEX(Jesper!AL$2:AL$366,ROUNDDOWN($C7416/24,0)+1,1)*INDEX($D$3:$AA$30,INDEX(Jesper!$R$2:$R$366,ROW(INDEX(Jesper!AL$2:AL$366,ROUNDDOWN($C7416/24,0)+1,1))-1)+IF('Standard Profiles'!$G$22=$B$10,7,0)+IF('Standard Profiles'!$G$22=$B$17,14,0)+IF('Standard Profiles'!$G$22=$B$24,21,0),MOD($C7416,24)+1)/SUM(INDEX($D$3:$AA$30,INDEX(Jesper!$R$2:$R$366,ROW(INDEX(Jesper!AL$2:AL$366,ROUNDDOWN($C7416/24,0)+1,1))-1)+IF('Standard Profiles'!$G$22=$B$10,7,0)+IF('Standard Profiles'!$G$22=$B$17,14,0)+IF('Standard Profiles'!$G$22=$B$24,21,0),0)),0)</f>
        <v>0</v>
      </c>
      <c r="I7416">
        <f t="shared" si="825"/>
        <v>0.26323609645432983</v>
      </c>
      <c r="J7416">
        <f t="shared" si="826"/>
        <v>0.87745365484776616</v>
      </c>
      <c r="K7416">
        <f t="shared" si="827"/>
        <v>1.3161804822716492</v>
      </c>
      <c r="L7416">
        <f t="shared" si="828"/>
        <v>14.281649192532614</v>
      </c>
      <c r="M7416">
        <f t="shared" si="829"/>
        <v>0</v>
      </c>
      <c r="N7416" s="46">
        <f t="shared" si="830"/>
        <v>45599.58333331543</v>
      </c>
    </row>
    <row r="7417" spans="2:14" x14ac:dyDescent="0.3">
      <c r="B7417">
        <f t="shared" si="824"/>
        <v>7</v>
      </c>
      <c r="C7417" s="16">
        <v>7383</v>
      </c>
      <c r="D7417" cm="1">
        <f t="array" ref="D7417">IFERROR(INDEX(Jesper!AH$2:AH$366,ROUNDDOWN($C7417/24,0)+1,1)*INDEX($D$3:$AA$30,INDEX(Jesper!$R$2:$R$366,ROW(INDEX(Jesper!AH$2:AH$366,ROUNDDOWN($C7417/24,0)+1,1))-1)+IF('Standard Profiles'!$G$18=$B$10,7,0)+IF('Standard Profiles'!$G$18=$B$17,14,0)+IF('Standard Profiles'!$G$18=$B$24,21,0),MOD($C7417,24)+1)/SUM(INDEX($D$3:$AA$30,INDEX(Jesper!$R$2:$R$366,ROW(INDEX(Jesper!AH$2:AH$366,ROUNDDOWN($C7417/24,0)+1,1))-1)+IF('Standard Profiles'!$G$18=$B$10,7,0)+IF('Standard Profiles'!$G$18=$B$17,14,0)+IF('Standard Profiles'!$G$18=$B$24,21,0),0)),0)</f>
        <v>12.281421115967376</v>
      </c>
      <c r="E7417" cm="1">
        <f t="array" ref="E7417">IFERROR(INDEX(Jesper!AI$2:AI$366,ROUNDDOWN($C7417/24,0)+1,1)*INDEX($D$3:$AA$30,INDEX(Jesper!$R$2:$R$366,ROW(INDEX(Jesper!AI$2:AI$366,ROUNDDOWN($C7417/24,0)+1,1))-1)+IF('Standard Profiles'!$G$19=$B$10,7,0)+IF('Standard Profiles'!$G$19=$B$17,14,0)+IF('Standard Profiles'!$G$19=$B$24,21,0),MOD($C7417,24)+1)/SUM(INDEX($D$3:$AA$30,INDEX(Jesper!$R$2:$R$366,ROW(INDEX(Jesper!AI$2:AI$366,ROUNDDOWN($C7417/24,0)+1,1))-1)+IF('Standard Profiles'!$G$19=$B$10,7,0)+IF('Standard Profiles'!$G$19=$B$17,14,0)+IF('Standard Profiles'!$G$19=$B$24,21,0),0)),0)</f>
        <v>2.5972628183493871</v>
      </c>
      <c r="F7417" cm="1">
        <f t="array" ref="F7417">IFERROR(INDEX(Jesper!AJ$2:AJ$366,ROUNDDOWN($C7417/24,0)+1,1)*INDEX($D$3:$AA$30,INDEX(Jesper!$R$2:$R$366,ROW(INDEX(Jesper!AJ$2:AJ$366,ROUNDDOWN($C7417/24,0)+1,1))-1)+IF('Standard Profiles'!$G$20=$B$10,7,0)+IF('Standard Profiles'!$G$20=$B$17,14,0)+IF('Standard Profiles'!$G$20=$B$24,21,0),MOD($C7417,24)+1)/SUM(INDEX($D$3:$AA$30,INDEX(Jesper!$R$2:$R$366,ROW(INDEX(Jesper!AJ$2:AJ$366,ROUNDDOWN($C7417/24,0)+1,1))-1)+IF('Standard Profiles'!$G$20=$B$10,7,0)+IF('Standard Profiles'!$G$20=$B$17,14,0)+IF('Standard Profiles'!$G$20=$B$24,21,0),0)),0)</f>
        <v>0</v>
      </c>
      <c r="G7417" cm="1">
        <f t="array" ref="G7417">IFERROR(INDEX(Jesper!AK$2:AK$366,ROUNDDOWN($C7417/24,0)+1,1)*INDEX($D$3:$AA$30,INDEX(Jesper!$R$2:$R$366,ROW(INDEX(Jesper!AK$2:AK$366,ROUNDDOWN($C7417/24,0)+1,1))-1)+IF('Standard Profiles'!$G$21=$B$10,7,0)+IF('Standard Profiles'!$G$21=$B$17,14,0)+IF('Standard Profiles'!$G$21=$B$24,21,0),MOD($C7417,24)+1)/SUM(INDEX($D$3:$AA$30,INDEX(Jesper!$R$2:$R$366,ROW(INDEX(Jesper!AK$2:AK$366,ROUNDDOWN($C7417/24,0)+1,1))-1)+IF('Standard Profiles'!$G$21=$B$10,7,0)+IF('Standard Profiles'!$G$21=$B$17,14,0)+IF('Standard Profiles'!$G$21=$B$24,21,0),0)),0)</f>
        <v>0</v>
      </c>
      <c r="H7417" cm="1">
        <f t="array" ref="H7417">IFERROR(INDEX(Jesper!AL$2:AL$366,ROUNDDOWN($C7417/24,0)+1,1)*INDEX($D$3:$AA$30,INDEX(Jesper!$R$2:$R$366,ROW(INDEX(Jesper!AL$2:AL$366,ROUNDDOWN($C7417/24,0)+1,1))-1)+IF('Standard Profiles'!$G$22=$B$10,7,0)+IF('Standard Profiles'!$G$22=$B$17,14,0)+IF('Standard Profiles'!$G$22=$B$24,21,0),MOD($C7417,24)+1)/SUM(INDEX($D$3:$AA$30,INDEX(Jesper!$R$2:$R$366,ROW(INDEX(Jesper!AL$2:AL$366,ROUNDDOWN($C7417/24,0)+1,1))-1)+IF('Standard Profiles'!$G$22=$B$10,7,0)+IF('Standard Profiles'!$G$22=$B$17,14,0)+IF('Standard Profiles'!$G$22=$B$24,21,0),0)),0)</f>
        <v>0</v>
      </c>
      <c r="I7417">
        <f t="shared" si="825"/>
        <v>0.23398764129273764</v>
      </c>
      <c r="J7417">
        <f t="shared" si="826"/>
        <v>0.77995880430912556</v>
      </c>
      <c r="K7417">
        <f t="shared" si="827"/>
        <v>1.1699382064636883</v>
      </c>
      <c r="L7417">
        <f t="shared" si="828"/>
        <v>12.694799282251212</v>
      </c>
      <c r="M7417">
        <f t="shared" si="829"/>
        <v>0</v>
      </c>
      <c r="N7417" s="46">
        <f t="shared" si="830"/>
        <v>45599.624999982094</v>
      </c>
    </row>
    <row r="7418" spans="2:14" x14ac:dyDescent="0.3">
      <c r="B7418">
        <f t="shared" si="824"/>
        <v>7</v>
      </c>
      <c r="C7418" s="16">
        <v>7384</v>
      </c>
      <c r="D7418" cm="1">
        <f t="array" ref="D7418">IFERROR(INDEX(Jesper!AH$2:AH$366,ROUNDDOWN($C7418/24,0)+1,1)*INDEX($D$3:$AA$30,INDEX(Jesper!$R$2:$R$366,ROW(INDEX(Jesper!AH$2:AH$366,ROUNDDOWN($C7418/24,0)+1,1))-1)+IF('Standard Profiles'!$G$18=$B$10,7,0)+IF('Standard Profiles'!$G$18=$B$17,14,0)+IF('Standard Profiles'!$G$18=$B$24,21,0),MOD($C7418,24)+1)/SUM(INDEX($D$3:$AA$30,INDEX(Jesper!$R$2:$R$366,ROW(INDEX(Jesper!AH$2:AH$366,ROUNDDOWN($C7418/24,0)+1,1))-1)+IF('Standard Profiles'!$G$18=$B$10,7,0)+IF('Standard Profiles'!$G$18=$B$17,14,0)+IF('Standard Profiles'!$G$18=$B$24,21,0),0)),0)</f>
        <v>12.062110024610815</v>
      </c>
      <c r="E7418" cm="1">
        <f t="array" ref="E7418">IFERROR(INDEX(Jesper!AI$2:AI$366,ROUNDDOWN($C7418/24,0)+1,1)*INDEX($D$3:$AA$30,INDEX(Jesper!$R$2:$R$366,ROW(INDEX(Jesper!AI$2:AI$366,ROUNDDOWN($C7418/24,0)+1,1))-1)+IF('Standard Profiles'!$G$19=$B$10,7,0)+IF('Standard Profiles'!$G$19=$B$17,14,0)+IF('Standard Profiles'!$G$19=$B$24,21,0),MOD($C7418,24)+1)/SUM(INDEX($D$3:$AA$30,INDEX(Jesper!$R$2:$R$366,ROW(INDEX(Jesper!AI$2:AI$366,ROUNDDOWN($C7418/24,0)+1,1))-1)+IF('Standard Profiles'!$G$19=$B$10,7,0)+IF('Standard Profiles'!$G$19=$B$17,14,0)+IF('Standard Profiles'!$G$19=$B$24,21,0),0)),0)</f>
        <v>2.5508831251645767</v>
      </c>
      <c r="F7418" cm="1">
        <f t="array" ref="F7418">IFERROR(INDEX(Jesper!AJ$2:AJ$366,ROUNDDOWN($C7418/24,0)+1,1)*INDEX($D$3:$AA$30,INDEX(Jesper!$R$2:$R$366,ROW(INDEX(Jesper!AJ$2:AJ$366,ROUNDDOWN($C7418/24,0)+1,1))-1)+IF('Standard Profiles'!$G$20=$B$10,7,0)+IF('Standard Profiles'!$G$20=$B$17,14,0)+IF('Standard Profiles'!$G$20=$B$24,21,0),MOD($C7418,24)+1)/SUM(INDEX($D$3:$AA$30,INDEX(Jesper!$R$2:$R$366,ROW(INDEX(Jesper!AJ$2:AJ$366,ROUNDDOWN($C7418/24,0)+1,1))-1)+IF('Standard Profiles'!$G$20=$B$10,7,0)+IF('Standard Profiles'!$G$20=$B$17,14,0)+IF('Standard Profiles'!$G$20=$B$24,21,0),0)),0)</f>
        <v>0</v>
      </c>
      <c r="G7418" cm="1">
        <f t="array" ref="G7418">IFERROR(INDEX(Jesper!AK$2:AK$366,ROUNDDOWN($C7418/24,0)+1,1)*INDEX($D$3:$AA$30,INDEX(Jesper!$R$2:$R$366,ROW(INDEX(Jesper!AK$2:AK$366,ROUNDDOWN($C7418/24,0)+1,1))-1)+IF('Standard Profiles'!$G$21=$B$10,7,0)+IF('Standard Profiles'!$G$21=$B$17,14,0)+IF('Standard Profiles'!$G$21=$B$24,21,0),MOD($C7418,24)+1)/SUM(INDEX($D$3:$AA$30,INDEX(Jesper!$R$2:$R$366,ROW(INDEX(Jesper!AK$2:AK$366,ROUNDDOWN($C7418/24,0)+1,1))-1)+IF('Standard Profiles'!$G$21=$B$10,7,0)+IF('Standard Profiles'!$G$21=$B$17,14,0)+IF('Standard Profiles'!$G$21=$B$24,21,0),0)),0)</f>
        <v>0</v>
      </c>
      <c r="H7418" cm="1">
        <f t="array" ref="H7418">IFERROR(INDEX(Jesper!AL$2:AL$366,ROUNDDOWN($C7418/24,0)+1,1)*INDEX($D$3:$AA$30,INDEX(Jesper!$R$2:$R$366,ROW(INDEX(Jesper!AL$2:AL$366,ROUNDDOWN($C7418/24,0)+1,1))-1)+IF('Standard Profiles'!$G$22=$B$10,7,0)+IF('Standard Profiles'!$G$22=$B$17,14,0)+IF('Standard Profiles'!$G$22=$B$24,21,0),MOD($C7418,24)+1)/SUM(INDEX($D$3:$AA$30,INDEX(Jesper!$R$2:$R$366,ROW(INDEX(Jesper!AL$2:AL$366,ROUNDDOWN($C7418/24,0)+1,1))-1)+IF('Standard Profiles'!$G$22=$B$10,7,0)+IF('Standard Profiles'!$G$22=$B$17,14,0)+IF('Standard Profiles'!$G$22=$B$24,21,0),0)),0)</f>
        <v>0</v>
      </c>
      <c r="I7418">
        <f t="shared" si="825"/>
        <v>0.22980929055536733</v>
      </c>
      <c r="J7418">
        <f t="shared" si="826"/>
        <v>0.76603096851789121</v>
      </c>
      <c r="K7418">
        <f t="shared" si="827"/>
        <v>1.1490464527768367</v>
      </c>
      <c r="L7418">
        <f t="shared" si="828"/>
        <v>12.468106437925297</v>
      </c>
      <c r="M7418">
        <f t="shared" si="829"/>
        <v>0</v>
      </c>
      <c r="N7418" s="46">
        <f t="shared" si="830"/>
        <v>45599.666666648758</v>
      </c>
    </row>
    <row r="7419" spans="2:14" x14ac:dyDescent="0.3">
      <c r="B7419">
        <f t="shared" si="824"/>
        <v>7</v>
      </c>
      <c r="C7419" s="16">
        <v>7385</v>
      </c>
      <c r="D7419" cm="1">
        <f t="array" ref="D7419">IFERROR(INDEX(Jesper!AH$2:AH$366,ROUNDDOWN($C7419/24,0)+1,1)*INDEX($D$3:$AA$30,INDEX(Jesper!$R$2:$R$366,ROW(INDEX(Jesper!AH$2:AH$366,ROUNDDOWN($C7419/24,0)+1,1))-1)+IF('Standard Profiles'!$G$18=$B$10,7,0)+IF('Standard Profiles'!$G$18=$B$17,14,0)+IF('Standard Profiles'!$G$18=$B$24,21,0),MOD($C7419,24)+1)/SUM(INDEX($D$3:$AA$30,INDEX(Jesper!$R$2:$R$366,ROW(INDEX(Jesper!AH$2:AH$366,ROUNDDOWN($C7419/24,0)+1,1))-1)+IF('Standard Profiles'!$G$18=$B$10,7,0)+IF('Standard Profiles'!$G$18=$B$17,14,0)+IF('Standard Profiles'!$G$18=$B$24,21,0),0)),0)</f>
        <v>10.307621293758332</v>
      </c>
      <c r="E7419" cm="1">
        <f t="array" ref="E7419">IFERROR(INDEX(Jesper!AI$2:AI$366,ROUNDDOWN($C7419/24,0)+1,1)*INDEX($D$3:$AA$30,INDEX(Jesper!$R$2:$R$366,ROW(INDEX(Jesper!AI$2:AI$366,ROUNDDOWN($C7419/24,0)+1,1))-1)+IF('Standard Profiles'!$G$19=$B$10,7,0)+IF('Standard Profiles'!$G$19=$B$17,14,0)+IF('Standard Profiles'!$G$19=$B$24,21,0),MOD($C7419,24)+1)/SUM(INDEX($D$3:$AA$30,INDEX(Jesper!$R$2:$R$366,ROW(INDEX(Jesper!AI$2:AI$366,ROUNDDOWN($C7419/24,0)+1,1))-1)+IF('Standard Profiles'!$G$19=$B$10,7,0)+IF('Standard Profiles'!$G$19=$B$17,14,0)+IF('Standard Profiles'!$G$19=$B$24,21,0),0)),0)</f>
        <v>2.1798455796860927</v>
      </c>
      <c r="F7419" cm="1">
        <f t="array" ref="F7419">IFERROR(INDEX(Jesper!AJ$2:AJ$366,ROUNDDOWN($C7419/24,0)+1,1)*INDEX($D$3:$AA$30,INDEX(Jesper!$R$2:$R$366,ROW(INDEX(Jesper!AJ$2:AJ$366,ROUNDDOWN($C7419/24,0)+1,1))-1)+IF('Standard Profiles'!$G$20=$B$10,7,0)+IF('Standard Profiles'!$G$20=$B$17,14,0)+IF('Standard Profiles'!$G$20=$B$24,21,0),MOD($C7419,24)+1)/SUM(INDEX($D$3:$AA$30,INDEX(Jesper!$R$2:$R$366,ROW(INDEX(Jesper!AJ$2:AJ$366,ROUNDDOWN($C7419/24,0)+1,1))-1)+IF('Standard Profiles'!$G$20=$B$10,7,0)+IF('Standard Profiles'!$G$20=$B$17,14,0)+IF('Standard Profiles'!$G$20=$B$24,21,0),0)),0)</f>
        <v>0</v>
      </c>
      <c r="G7419" cm="1">
        <f t="array" ref="G7419">IFERROR(INDEX(Jesper!AK$2:AK$366,ROUNDDOWN($C7419/24,0)+1,1)*INDEX($D$3:$AA$30,INDEX(Jesper!$R$2:$R$366,ROW(INDEX(Jesper!AK$2:AK$366,ROUNDDOWN($C7419/24,0)+1,1))-1)+IF('Standard Profiles'!$G$21=$B$10,7,0)+IF('Standard Profiles'!$G$21=$B$17,14,0)+IF('Standard Profiles'!$G$21=$B$24,21,0),MOD($C7419,24)+1)/SUM(INDEX($D$3:$AA$30,INDEX(Jesper!$R$2:$R$366,ROW(INDEX(Jesper!AK$2:AK$366,ROUNDDOWN($C7419/24,0)+1,1))-1)+IF('Standard Profiles'!$G$21=$B$10,7,0)+IF('Standard Profiles'!$G$21=$B$17,14,0)+IF('Standard Profiles'!$G$21=$B$24,21,0),0)),0)</f>
        <v>0</v>
      </c>
      <c r="H7419" cm="1">
        <f t="array" ref="H7419">IFERROR(INDEX(Jesper!AL$2:AL$366,ROUNDDOWN($C7419/24,0)+1,1)*INDEX($D$3:$AA$30,INDEX(Jesper!$R$2:$R$366,ROW(INDEX(Jesper!AL$2:AL$366,ROUNDDOWN($C7419/24,0)+1,1))-1)+IF('Standard Profiles'!$G$22=$B$10,7,0)+IF('Standard Profiles'!$G$22=$B$17,14,0)+IF('Standard Profiles'!$G$22=$B$24,21,0),MOD($C7419,24)+1)/SUM(INDEX($D$3:$AA$30,INDEX(Jesper!$R$2:$R$366,ROW(INDEX(Jesper!AL$2:AL$366,ROUNDDOWN($C7419/24,0)+1,1))-1)+IF('Standard Profiles'!$G$22=$B$10,7,0)+IF('Standard Profiles'!$G$22=$B$17,14,0)+IF('Standard Profiles'!$G$22=$B$24,21,0),0)),0)</f>
        <v>0</v>
      </c>
      <c r="I7419">
        <f t="shared" si="825"/>
        <v>0.19638248465640479</v>
      </c>
      <c r="J7419">
        <f t="shared" si="826"/>
        <v>0.65460828218801603</v>
      </c>
      <c r="K7419">
        <f t="shared" si="827"/>
        <v>0.9819124232820241</v>
      </c>
      <c r="L7419">
        <f t="shared" si="828"/>
        <v>10.65456368331798</v>
      </c>
      <c r="M7419">
        <f t="shared" si="829"/>
        <v>0</v>
      </c>
      <c r="N7419" s="46">
        <f t="shared" si="830"/>
        <v>45599.708333315422</v>
      </c>
    </row>
    <row r="7420" spans="2:14" x14ac:dyDescent="0.3">
      <c r="B7420">
        <f t="shared" si="824"/>
        <v>7</v>
      </c>
      <c r="C7420" s="16">
        <v>7386</v>
      </c>
      <c r="D7420" cm="1">
        <f t="array" ref="D7420">IFERROR(INDEX(Jesper!AH$2:AH$366,ROUNDDOWN($C7420/24,0)+1,1)*INDEX($D$3:$AA$30,INDEX(Jesper!$R$2:$R$366,ROW(INDEX(Jesper!AH$2:AH$366,ROUNDDOWN($C7420/24,0)+1,1))-1)+IF('Standard Profiles'!$G$18=$B$10,7,0)+IF('Standard Profiles'!$G$18=$B$17,14,0)+IF('Standard Profiles'!$G$18=$B$24,21,0),MOD($C7420,24)+1)/SUM(INDEX($D$3:$AA$30,INDEX(Jesper!$R$2:$R$366,ROW(INDEX(Jesper!AH$2:AH$366,ROUNDDOWN($C7420/24,0)+1,1))-1)+IF('Standard Profiles'!$G$18=$B$10,7,0)+IF('Standard Profiles'!$G$18=$B$17,14,0)+IF('Standard Profiles'!$G$18=$B$24,21,0),0)),0)</f>
        <v>9.6496880196886536</v>
      </c>
      <c r="E7420" cm="1">
        <f t="array" ref="E7420">IFERROR(INDEX(Jesper!AI$2:AI$366,ROUNDDOWN($C7420/24,0)+1,1)*INDEX($D$3:$AA$30,INDEX(Jesper!$R$2:$R$366,ROW(INDEX(Jesper!AI$2:AI$366,ROUNDDOWN($C7420/24,0)+1,1))-1)+IF('Standard Profiles'!$G$19=$B$10,7,0)+IF('Standard Profiles'!$G$19=$B$17,14,0)+IF('Standard Profiles'!$G$19=$B$24,21,0),MOD($C7420,24)+1)/SUM(INDEX($D$3:$AA$30,INDEX(Jesper!$R$2:$R$366,ROW(INDEX(Jesper!AI$2:AI$366,ROUNDDOWN($C7420/24,0)+1,1))-1)+IF('Standard Profiles'!$G$19=$B$10,7,0)+IF('Standard Profiles'!$G$19=$B$17,14,0)+IF('Standard Profiles'!$G$19=$B$24,21,0),0)),0)</f>
        <v>2.0407065001316615</v>
      </c>
      <c r="F7420" cm="1">
        <f t="array" ref="F7420">IFERROR(INDEX(Jesper!AJ$2:AJ$366,ROUNDDOWN($C7420/24,0)+1,1)*INDEX($D$3:$AA$30,INDEX(Jesper!$R$2:$R$366,ROW(INDEX(Jesper!AJ$2:AJ$366,ROUNDDOWN($C7420/24,0)+1,1))-1)+IF('Standard Profiles'!$G$20=$B$10,7,0)+IF('Standard Profiles'!$G$20=$B$17,14,0)+IF('Standard Profiles'!$G$20=$B$24,21,0),MOD($C7420,24)+1)/SUM(INDEX($D$3:$AA$30,INDEX(Jesper!$R$2:$R$366,ROW(INDEX(Jesper!AJ$2:AJ$366,ROUNDDOWN($C7420/24,0)+1,1))-1)+IF('Standard Profiles'!$G$20=$B$10,7,0)+IF('Standard Profiles'!$G$20=$B$17,14,0)+IF('Standard Profiles'!$G$20=$B$24,21,0),0)),0)</f>
        <v>0</v>
      </c>
      <c r="G7420" cm="1">
        <f t="array" ref="G7420">IFERROR(INDEX(Jesper!AK$2:AK$366,ROUNDDOWN($C7420/24,0)+1,1)*INDEX($D$3:$AA$30,INDEX(Jesper!$R$2:$R$366,ROW(INDEX(Jesper!AK$2:AK$366,ROUNDDOWN($C7420/24,0)+1,1))-1)+IF('Standard Profiles'!$G$21=$B$10,7,0)+IF('Standard Profiles'!$G$21=$B$17,14,0)+IF('Standard Profiles'!$G$21=$B$24,21,0),MOD($C7420,24)+1)/SUM(INDEX($D$3:$AA$30,INDEX(Jesper!$R$2:$R$366,ROW(INDEX(Jesper!AK$2:AK$366,ROUNDDOWN($C7420/24,0)+1,1))-1)+IF('Standard Profiles'!$G$21=$B$10,7,0)+IF('Standard Profiles'!$G$21=$B$17,14,0)+IF('Standard Profiles'!$G$21=$B$24,21,0),0)),0)</f>
        <v>0</v>
      </c>
      <c r="H7420" cm="1">
        <f t="array" ref="H7420">IFERROR(INDEX(Jesper!AL$2:AL$366,ROUNDDOWN($C7420/24,0)+1,1)*INDEX($D$3:$AA$30,INDEX(Jesper!$R$2:$R$366,ROW(INDEX(Jesper!AL$2:AL$366,ROUNDDOWN($C7420/24,0)+1,1))-1)+IF('Standard Profiles'!$G$22=$B$10,7,0)+IF('Standard Profiles'!$G$22=$B$17,14,0)+IF('Standard Profiles'!$G$22=$B$24,21,0),MOD($C7420,24)+1)/SUM(INDEX($D$3:$AA$30,INDEX(Jesper!$R$2:$R$366,ROW(INDEX(Jesper!AL$2:AL$366,ROUNDDOWN($C7420/24,0)+1,1))-1)+IF('Standard Profiles'!$G$22=$B$10,7,0)+IF('Standard Profiles'!$G$22=$B$17,14,0)+IF('Standard Profiles'!$G$22=$B$24,21,0),0)),0)</f>
        <v>0</v>
      </c>
      <c r="I7420">
        <f t="shared" si="825"/>
        <v>0.18384743244429388</v>
      </c>
      <c r="J7420">
        <f t="shared" si="826"/>
        <v>0.61282477481431297</v>
      </c>
      <c r="K7420">
        <f t="shared" si="827"/>
        <v>0.91923716222146956</v>
      </c>
      <c r="L7420">
        <f t="shared" si="828"/>
        <v>9.9744851503402394</v>
      </c>
      <c r="M7420">
        <f t="shared" si="829"/>
        <v>0</v>
      </c>
      <c r="N7420" s="46">
        <f t="shared" si="830"/>
        <v>45599.749999982087</v>
      </c>
    </row>
    <row r="7421" spans="2:14" x14ac:dyDescent="0.3">
      <c r="B7421">
        <f t="shared" si="824"/>
        <v>7</v>
      </c>
      <c r="C7421" s="16">
        <v>7387</v>
      </c>
      <c r="D7421" cm="1">
        <f t="array" ref="D7421">IFERROR(INDEX(Jesper!AH$2:AH$366,ROUNDDOWN($C7421/24,0)+1,1)*INDEX($D$3:$AA$30,INDEX(Jesper!$R$2:$R$366,ROW(INDEX(Jesper!AH$2:AH$366,ROUNDDOWN($C7421/24,0)+1,1))-1)+IF('Standard Profiles'!$G$18=$B$10,7,0)+IF('Standard Profiles'!$G$18=$B$17,14,0)+IF('Standard Profiles'!$G$18=$B$24,21,0),MOD($C7421,24)+1)/SUM(INDEX($D$3:$AA$30,INDEX(Jesper!$R$2:$R$366,ROW(INDEX(Jesper!AH$2:AH$366,ROUNDDOWN($C7421/24,0)+1,1))-1)+IF('Standard Profiles'!$G$18=$B$10,7,0)+IF('Standard Profiles'!$G$18=$B$17,14,0)+IF('Standard Profiles'!$G$18=$B$24,21,0),0)),0)</f>
        <v>8.1145103801927316</v>
      </c>
      <c r="E7421" cm="1">
        <f t="array" ref="E7421">IFERROR(INDEX(Jesper!AI$2:AI$366,ROUNDDOWN($C7421/24,0)+1,1)*INDEX($D$3:$AA$30,INDEX(Jesper!$R$2:$R$366,ROW(INDEX(Jesper!AI$2:AI$366,ROUNDDOWN($C7421/24,0)+1,1))-1)+IF('Standard Profiles'!$G$19=$B$10,7,0)+IF('Standard Profiles'!$G$19=$B$17,14,0)+IF('Standard Profiles'!$G$19=$B$24,21,0),MOD($C7421,24)+1)/SUM(INDEX($D$3:$AA$30,INDEX(Jesper!$R$2:$R$366,ROW(INDEX(Jesper!AI$2:AI$366,ROUNDDOWN($C7421/24,0)+1,1))-1)+IF('Standard Profiles'!$G$19=$B$10,7,0)+IF('Standard Profiles'!$G$19=$B$17,14,0)+IF('Standard Profiles'!$G$19=$B$24,21,0),0)),0)</f>
        <v>1.7160486478379882</v>
      </c>
      <c r="F7421" cm="1">
        <f t="array" ref="F7421">IFERROR(INDEX(Jesper!AJ$2:AJ$366,ROUNDDOWN($C7421/24,0)+1,1)*INDEX($D$3:$AA$30,INDEX(Jesper!$R$2:$R$366,ROW(INDEX(Jesper!AJ$2:AJ$366,ROUNDDOWN($C7421/24,0)+1,1))-1)+IF('Standard Profiles'!$G$20=$B$10,7,0)+IF('Standard Profiles'!$G$20=$B$17,14,0)+IF('Standard Profiles'!$G$20=$B$24,21,0),MOD($C7421,24)+1)/SUM(INDEX($D$3:$AA$30,INDEX(Jesper!$R$2:$R$366,ROW(INDEX(Jesper!AJ$2:AJ$366,ROUNDDOWN($C7421/24,0)+1,1))-1)+IF('Standard Profiles'!$G$20=$B$10,7,0)+IF('Standard Profiles'!$G$20=$B$17,14,0)+IF('Standard Profiles'!$G$20=$B$24,21,0),0)),0)</f>
        <v>0</v>
      </c>
      <c r="G7421" cm="1">
        <f t="array" ref="G7421">IFERROR(INDEX(Jesper!AK$2:AK$366,ROUNDDOWN($C7421/24,0)+1,1)*INDEX($D$3:$AA$30,INDEX(Jesper!$R$2:$R$366,ROW(INDEX(Jesper!AK$2:AK$366,ROUNDDOWN($C7421/24,0)+1,1))-1)+IF('Standard Profiles'!$G$21=$B$10,7,0)+IF('Standard Profiles'!$G$21=$B$17,14,0)+IF('Standard Profiles'!$G$21=$B$24,21,0),MOD($C7421,24)+1)/SUM(INDEX($D$3:$AA$30,INDEX(Jesper!$R$2:$R$366,ROW(INDEX(Jesper!AK$2:AK$366,ROUNDDOWN($C7421/24,0)+1,1))-1)+IF('Standard Profiles'!$G$21=$B$10,7,0)+IF('Standard Profiles'!$G$21=$B$17,14,0)+IF('Standard Profiles'!$G$21=$B$24,21,0),0)),0)</f>
        <v>0</v>
      </c>
      <c r="H7421" cm="1">
        <f t="array" ref="H7421">IFERROR(INDEX(Jesper!AL$2:AL$366,ROUNDDOWN($C7421/24,0)+1,1)*INDEX($D$3:$AA$30,INDEX(Jesper!$R$2:$R$366,ROW(INDEX(Jesper!AL$2:AL$366,ROUNDDOWN($C7421/24,0)+1,1))-1)+IF('Standard Profiles'!$G$22=$B$10,7,0)+IF('Standard Profiles'!$G$22=$B$17,14,0)+IF('Standard Profiles'!$G$22=$B$24,21,0),MOD($C7421,24)+1)/SUM(INDEX($D$3:$AA$30,INDEX(Jesper!$R$2:$R$366,ROW(INDEX(Jesper!AL$2:AL$366,ROUNDDOWN($C7421/24,0)+1,1))-1)+IF('Standard Profiles'!$G$22=$B$10,7,0)+IF('Standard Profiles'!$G$22=$B$17,14,0)+IF('Standard Profiles'!$G$22=$B$24,21,0),0)),0)</f>
        <v>0</v>
      </c>
      <c r="I7421">
        <f t="shared" si="825"/>
        <v>0.15459897728270167</v>
      </c>
      <c r="J7421">
        <f t="shared" si="826"/>
        <v>0.51532992427567237</v>
      </c>
      <c r="K7421">
        <f t="shared" si="827"/>
        <v>0.77299488641350844</v>
      </c>
      <c r="L7421">
        <f t="shared" si="828"/>
        <v>8.3876352400588381</v>
      </c>
      <c r="M7421">
        <f t="shared" si="829"/>
        <v>0</v>
      </c>
      <c r="N7421" s="46">
        <f t="shared" si="830"/>
        <v>45599.791666648751</v>
      </c>
    </row>
    <row r="7422" spans="2:14" x14ac:dyDescent="0.3">
      <c r="B7422">
        <f t="shared" si="824"/>
        <v>7</v>
      </c>
      <c r="C7422" s="16">
        <v>7388</v>
      </c>
      <c r="D7422" cm="1">
        <f t="array" ref="D7422">IFERROR(INDEX(Jesper!AH$2:AH$366,ROUNDDOWN($C7422/24,0)+1,1)*INDEX($D$3:$AA$30,INDEX(Jesper!$R$2:$R$366,ROW(INDEX(Jesper!AH$2:AH$366,ROUNDDOWN($C7422/24,0)+1,1))-1)+IF('Standard Profiles'!$G$18=$B$10,7,0)+IF('Standard Profiles'!$G$18=$B$17,14,0)+IF('Standard Profiles'!$G$18=$B$24,21,0),MOD($C7422,24)+1)/SUM(INDEX($D$3:$AA$30,INDEX(Jesper!$R$2:$R$366,ROW(INDEX(Jesper!AH$2:AH$366,ROUNDDOWN($C7422/24,0)+1,1))-1)+IF('Standard Profiles'!$G$18=$B$10,7,0)+IF('Standard Profiles'!$G$18=$B$17,14,0)+IF('Standard Profiles'!$G$18=$B$24,21,0),0)),0)</f>
        <v>6.7986438320533695</v>
      </c>
      <c r="E7422" cm="1">
        <f t="array" ref="E7422">IFERROR(INDEX(Jesper!AI$2:AI$366,ROUNDDOWN($C7422/24,0)+1,1)*INDEX($D$3:$AA$30,INDEX(Jesper!$R$2:$R$366,ROW(INDEX(Jesper!AI$2:AI$366,ROUNDDOWN($C7422/24,0)+1,1))-1)+IF('Standard Profiles'!$G$19=$B$10,7,0)+IF('Standard Profiles'!$G$19=$B$17,14,0)+IF('Standard Profiles'!$G$19=$B$24,21,0),MOD($C7422,24)+1)/SUM(INDEX($D$3:$AA$30,INDEX(Jesper!$R$2:$R$366,ROW(INDEX(Jesper!AI$2:AI$366,ROUNDDOWN($C7422/24,0)+1,1))-1)+IF('Standard Profiles'!$G$19=$B$10,7,0)+IF('Standard Profiles'!$G$19=$B$17,14,0)+IF('Standard Profiles'!$G$19=$B$24,21,0),0)),0)</f>
        <v>1.4377704887291249</v>
      </c>
      <c r="F7422" cm="1">
        <f t="array" ref="F7422">IFERROR(INDEX(Jesper!AJ$2:AJ$366,ROUNDDOWN($C7422/24,0)+1,1)*INDEX($D$3:$AA$30,INDEX(Jesper!$R$2:$R$366,ROW(INDEX(Jesper!AJ$2:AJ$366,ROUNDDOWN($C7422/24,0)+1,1))-1)+IF('Standard Profiles'!$G$20=$B$10,7,0)+IF('Standard Profiles'!$G$20=$B$17,14,0)+IF('Standard Profiles'!$G$20=$B$24,21,0),MOD($C7422,24)+1)/SUM(INDEX($D$3:$AA$30,INDEX(Jesper!$R$2:$R$366,ROW(INDEX(Jesper!AJ$2:AJ$366,ROUNDDOWN($C7422/24,0)+1,1))-1)+IF('Standard Profiles'!$G$20=$B$10,7,0)+IF('Standard Profiles'!$G$20=$B$17,14,0)+IF('Standard Profiles'!$G$20=$B$24,21,0),0)),0)</f>
        <v>0</v>
      </c>
      <c r="G7422" cm="1">
        <f t="array" ref="G7422">IFERROR(INDEX(Jesper!AK$2:AK$366,ROUNDDOWN($C7422/24,0)+1,1)*INDEX($D$3:$AA$30,INDEX(Jesper!$R$2:$R$366,ROW(INDEX(Jesper!AK$2:AK$366,ROUNDDOWN($C7422/24,0)+1,1))-1)+IF('Standard Profiles'!$G$21=$B$10,7,0)+IF('Standard Profiles'!$G$21=$B$17,14,0)+IF('Standard Profiles'!$G$21=$B$24,21,0),MOD($C7422,24)+1)/SUM(INDEX($D$3:$AA$30,INDEX(Jesper!$R$2:$R$366,ROW(INDEX(Jesper!AK$2:AK$366,ROUNDDOWN($C7422/24,0)+1,1))-1)+IF('Standard Profiles'!$G$21=$B$10,7,0)+IF('Standard Profiles'!$G$21=$B$17,14,0)+IF('Standard Profiles'!$G$21=$B$24,21,0),0)),0)</f>
        <v>0</v>
      </c>
      <c r="H7422" cm="1">
        <f t="array" ref="H7422">IFERROR(INDEX(Jesper!AL$2:AL$366,ROUNDDOWN($C7422/24,0)+1,1)*INDEX($D$3:$AA$30,INDEX(Jesper!$R$2:$R$366,ROW(INDEX(Jesper!AL$2:AL$366,ROUNDDOWN($C7422/24,0)+1,1))-1)+IF('Standard Profiles'!$G$22=$B$10,7,0)+IF('Standard Profiles'!$G$22=$B$17,14,0)+IF('Standard Profiles'!$G$22=$B$24,21,0),MOD($C7422,24)+1)/SUM(INDEX($D$3:$AA$30,INDEX(Jesper!$R$2:$R$366,ROW(INDEX(Jesper!AL$2:AL$366,ROUNDDOWN($C7422/24,0)+1,1))-1)+IF('Standard Profiles'!$G$22=$B$10,7,0)+IF('Standard Profiles'!$G$22=$B$17,14,0)+IF('Standard Profiles'!$G$22=$B$24,21,0),0)),0)</f>
        <v>0</v>
      </c>
      <c r="I7422">
        <f t="shared" si="825"/>
        <v>0.12952887285847975</v>
      </c>
      <c r="J7422">
        <f t="shared" si="826"/>
        <v>0.4317629095282659</v>
      </c>
      <c r="K7422">
        <f t="shared" si="827"/>
        <v>0.64764436429239891</v>
      </c>
      <c r="L7422">
        <f t="shared" si="828"/>
        <v>7.0274781741033499</v>
      </c>
      <c r="M7422">
        <f t="shared" si="829"/>
        <v>0</v>
      </c>
      <c r="N7422" s="46">
        <f t="shared" si="830"/>
        <v>45599.833333315415</v>
      </c>
    </row>
    <row r="7423" spans="2:14" x14ac:dyDescent="0.3">
      <c r="B7423">
        <f t="shared" si="824"/>
        <v>7</v>
      </c>
      <c r="C7423" s="16">
        <v>7389</v>
      </c>
      <c r="D7423" cm="1">
        <f t="array" ref="D7423">IFERROR(INDEX(Jesper!AH$2:AH$366,ROUNDDOWN($C7423/24,0)+1,1)*INDEX($D$3:$AA$30,INDEX(Jesper!$R$2:$R$366,ROW(INDEX(Jesper!AH$2:AH$366,ROUNDDOWN($C7423/24,0)+1,1))-1)+IF('Standard Profiles'!$G$18=$B$10,7,0)+IF('Standard Profiles'!$G$18=$B$17,14,0)+IF('Standard Profiles'!$G$18=$B$24,21,0),MOD($C7423,24)+1)/SUM(INDEX($D$3:$AA$30,INDEX(Jesper!$R$2:$R$366,ROW(INDEX(Jesper!AH$2:AH$366,ROUNDDOWN($C7423/24,0)+1,1))-1)+IF('Standard Profiles'!$G$18=$B$10,7,0)+IF('Standard Profiles'!$G$18=$B$17,14,0)+IF('Standard Profiles'!$G$18=$B$24,21,0),0)),0)</f>
        <v>5.9213994666271281</v>
      </c>
      <c r="E7423" cm="1">
        <f t="array" ref="E7423">IFERROR(INDEX(Jesper!AI$2:AI$366,ROUNDDOWN($C7423/24,0)+1,1)*INDEX($D$3:$AA$30,INDEX(Jesper!$R$2:$R$366,ROW(INDEX(Jesper!AI$2:AI$366,ROUNDDOWN($C7423/24,0)+1,1))-1)+IF('Standard Profiles'!$G$19=$B$10,7,0)+IF('Standard Profiles'!$G$19=$B$17,14,0)+IF('Standard Profiles'!$G$19=$B$24,21,0),MOD($C7423,24)+1)/SUM(INDEX($D$3:$AA$30,INDEX(Jesper!$R$2:$R$366,ROW(INDEX(Jesper!AI$2:AI$366,ROUNDDOWN($C7423/24,0)+1,1))-1)+IF('Standard Profiles'!$G$19=$B$10,7,0)+IF('Standard Profiles'!$G$19=$B$17,14,0)+IF('Standard Profiles'!$G$19=$B$24,21,0),0)),0)</f>
        <v>1.2522517159898832</v>
      </c>
      <c r="F7423" cm="1">
        <f t="array" ref="F7423">IFERROR(INDEX(Jesper!AJ$2:AJ$366,ROUNDDOWN($C7423/24,0)+1,1)*INDEX($D$3:$AA$30,INDEX(Jesper!$R$2:$R$366,ROW(INDEX(Jesper!AJ$2:AJ$366,ROUNDDOWN($C7423/24,0)+1,1))-1)+IF('Standard Profiles'!$G$20=$B$10,7,0)+IF('Standard Profiles'!$G$20=$B$17,14,0)+IF('Standard Profiles'!$G$20=$B$24,21,0),MOD($C7423,24)+1)/SUM(INDEX($D$3:$AA$30,INDEX(Jesper!$R$2:$R$366,ROW(INDEX(Jesper!AJ$2:AJ$366,ROUNDDOWN($C7423/24,0)+1,1))-1)+IF('Standard Profiles'!$G$20=$B$10,7,0)+IF('Standard Profiles'!$G$20=$B$17,14,0)+IF('Standard Profiles'!$G$20=$B$24,21,0),0)),0)</f>
        <v>0</v>
      </c>
      <c r="G7423" cm="1">
        <f t="array" ref="G7423">IFERROR(INDEX(Jesper!AK$2:AK$366,ROUNDDOWN($C7423/24,0)+1,1)*INDEX($D$3:$AA$30,INDEX(Jesper!$R$2:$R$366,ROW(INDEX(Jesper!AK$2:AK$366,ROUNDDOWN($C7423/24,0)+1,1))-1)+IF('Standard Profiles'!$G$21=$B$10,7,0)+IF('Standard Profiles'!$G$21=$B$17,14,0)+IF('Standard Profiles'!$G$21=$B$24,21,0),MOD($C7423,24)+1)/SUM(INDEX($D$3:$AA$30,INDEX(Jesper!$R$2:$R$366,ROW(INDEX(Jesper!AK$2:AK$366,ROUNDDOWN($C7423/24,0)+1,1))-1)+IF('Standard Profiles'!$G$21=$B$10,7,0)+IF('Standard Profiles'!$G$21=$B$17,14,0)+IF('Standard Profiles'!$G$21=$B$24,21,0),0)),0)</f>
        <v>0</v>
      </c>
      <c r="H7423" cm="1">
        <f t="array" ref="H7423">IFERROR(INDEX(Jesper!AL$2:AL$366,ROUNDDOWN($C7423/24,0)+1,1)*INDEX($D$3:$AA$30,INDEX(Jesper!$R$2:$R$366,ROW(INDEX(Jesper!AL$2:AL$366,ROUNDDOWN($C7423/24,0)+1,1))-1)+IF('Standard Profiles'!$G$22=$B$10,7,0)+IF('Standard Profiles'!$G$22=$B$17,14,0)+IF('Standard Profiles'!$G$22=$B$24,21,0),MOD($C7423,24)+1)/SUM(INDEX($D$3:$AA$30,INDEX(Jesper!$R$2:$R$366,ROW(INDEX(Jesper!AL$2:AL$366,ROUNDDOWN($C7423/24,0)+1,1))-1)+IF('Standard Profiles'!$G$22=$B$10,7,0)+IF('Standard Profiles'!$G$22=$B$17,14,0)+IF('Standard Profiles'!$G$22=$B$24,21,0),0)),0)</f>
        <v>0</v>
      </c>
      <c r="I7423">
        <f t="shared" si="825"/>
        <v>0.11281546990899852</v>
      </c>
      <c r="J7423">
        <f t="shared" si="826"/>
        <v>0.37605156636332843</v>
      </c>
      <c r="K7423">
        <f t="shared" si="827"/>
        <v>0.56407734954499267</v>
      </c>
      <c r="L7423">
        <f t="shared" si="828"/>
        <v>6.1207067967996922</v>
      </c>
      <c r="M7423">
        <f t="shared" si="829"/>
        <v>0</v>
      </c>
      <c r="N7423" s="46">
        <f t="shared" si="830"/>
        <v>45599.874999982079</v>
      </c>
    </row>
    <row r="7424" spans="2:14" x14ac:dyDescent="0.3">
      <c r="B7424">
        <f t="shared" si="824"/>
        <v>7</v>
      </c>
      <c r="C7424" s="16">
        <v>7390</v>
      </c>
      <c r="D7424" cm="1">
        <f t="array" ref="D7424">IFERROR(INDEX(Jesper!AH$2:AH$366,ROUNDDOWN($C7424/24,0)+1,1)*INDEX($D$3:$AA$30,INDEX(Jesper!$R$2:$R$366,ROW(INDEX(Jesper!AH$2:AH$366,ROUNDDOWN($C7424/24,0)+1,1))-1)+IF('Standard Profiles'!$G$18=$B$10,7,0)+IF('Standard Profiles'!$G$18=$B$17,14,0)+IF('Standard Profiles'!$G$18=$B$24,21,0),MOD($C7424,24)+1)/SUM(INDEX($D$3:$AA$30,INDEX(Jesper!$R$2:$R$366,ROW(INDEX(Jesper!AH$2:AH$366,ROUNDDOWN($C7424/24,0)+1,1))-1)+IF('Standard Profiles'!$G$18=$B$10,7,0)+IF('Standard Profiles'!$G$18=$B$17,14,0)+IF('Standard Profiles'!$G$18=$B$24,21,0),0)),0)</f>
        <v>5.9213994666271281</v>
      </c>
      <c r="E7424" cm="1">
        <f t="array" ref="E7424">IFERROR(INDEX(Jesper!AI$2:AI$366,ROUNDDOWN($C7424/24,0)+1,1)*INDEX($D$3:$AA$30,INDEX(Jesper!$R$2:$R$366,ROW(INDEX(Jesper!AI$2:AI$366,ROUNDDOWN($C7424/24,0)+1,1))-1)+IF('Standard Profiles'!$G$19=$B$10,7,0)+IF('Standard Profiles'!$G$19=$B$17,14,0)+IF('Standard Profiles'!$G$19=$B$24,21,0),MOD($C7424,24)+1)/SUM(INDEX($D$3:$AA$30,INDEX(Jesper!$R$2:$R$366,ROW(INDEX(Jesper!AI$2:AI$366,ROUNDDOWN($C7424/24,0)+1,1))-1)+IF('Standard Profiles'!$G$19=$B$10,7,0)+IF('Standard Profiles'!$G$19=$B$17,14,0)+IF('Standard Profiles'!$G$19=$B$24,21,0),0)),0)</f>
        <v>1.2522517159898832</v>
      </c>
      <c r="F7424" cm="1">
        <f t="array" ref="F7424">IFERROR(INDEX(Jesper!AJ$2:AJ$366,ROUNDDOWN($C7424/24,0)+1,1)*INDEX($D$3:$AA$30,INDEX(Jesper!$R$2:$R$366,ROW(INDEX(Jesper!AJ$2:AJ$366,ROUNDDOWN($C7424/24,0)+1,1))-1)+IF('Standard Profiles'!$G$20=$B$10,7,0)+IF('Standard Profiles'!$G$20=$B$17,14,0)+IF('Standard Profiles'!$G$20=$B$24,21,0),MOD($C7424,24)+1)/SUM(INDEX($D$3:$AA$30,INDEX(Jesper!$R$2:$R$366,ROW(INDEX(Jesper!AJ$2:AJ$366,ROUNDDOWN($C7424/24,0)+1,1))-1)+IF('Standard Profiles'!$G$20=$B$10,7,0)+IF('Standard Profiles'!$G$20=$B$17,14,0)+IF('Standard Profiles'!$G$20=$B$24,21,0),0)),0)</f>
        <v>0</v>
      </c>
      <c r="G7424" cm="1">
        <f t="array" ref="G7424">IFERROR(INDEX(Jesper!AK$2:AK$366,ROUNDDOWN($C7424/24,0)+1,1)*INDEX($D$3:$AA$30,INDEX(Jesper!$R$2:$R$366,ROW(INDEX(Jesper!AK$2:AK$366,ROUNDDOWN($C7424/24,0)+1,1))-1)+IF('Standard Profiles'!$G$21=$B$10,7,0)+IF('Standard Profiles'!$G$21=$B$17,14,0)+IF('Standard Profiles'!$G$21=$B$24,21,0),MOD($C7424,24)+1)/SUM(INDEX($D$3:$AA$30,INDEX(Jesper!$R$2:$R$366,ROW(INDEX(Jesper!AK$2:AK$366,ROUNDDOWN($C7424/24,0)+1,1))-1)+IF('Standard Profiles'!$G$21=$B$10,7,0)+IF('Standard Profiles'!$G$21=$B$17,14,0)+IF('Standard Profiles'!$G$21=$B$24,21,0),0)),0)</f>
        <v>0</v>
      </c>
      <c r="H7424" cm="1">
        <f t="array" ref="H7424">IFERROR(INDEX(Jesper!AL$2:AL$366,ROUNDDOWN($C7424/24,0)+1,1)*INDEX($D$3:$AA$30,INDEX(Jesper!$R$2:$R$366,ROW(INDEX(Jesper!AL$2:AL$366,ROUNDDOWN($C7424/24,0)+1,1))-1)+IF('Standard Profiles'!$G$22=$B$10,7,0)+IF('Standard Profiles'!$G$22=$B$17,14,0)+IF('Standard Profiles'!$G$22=$B$24,21,0),MOD($C7424,24)+1)/SUM(INDEX($D$3:$AA$30,INDEX(Jesper!$R$2:$R$366,ROW(INDEX(Jesper!AL$2:AL$366,ROUNDDOWN($C7424/24,0)+1,1))-1)+IF('Standard Profiles'!$G$22=$B$10,7,0)+IF('Standard Profiles'!$G$22=$B$17,14,0)+IF('Standard Profiles'!$G$22=$B$24,21,0),0)),0)</f>
        <v>0</v>
      </c>
      <c r="I7424">
        <f t="shared" si="825"/>
        <v>0.11281546990899852</v>
      </c>
      <c r="J7424">
        <f t="shared" si="826"/>
        <v>0.37605156636332843</v>
      </c>
      <c r="K7424">
        <f t="shared" si="827"/>
        <v>0.56407734954499267</v>
      </c>
      <c r="L7424">
        <f t="shared" si="828"/>
        <v>6.1207067967996922</v>
      </c>
      <c r="M7424">
        <f t="shared" si="829"/>
        <v>0</v>
      </c>
      <c r="N7424" s="46">
        <f t="shared" si="830"/>
        <v>45599.916666648744</v>
      </c>
    </row>
    <row r="7425" spans="2:14" x14ac:dyDescent="0.3">
      <c r="B7425">
        <f t="shared" si="824"/>
        <v>7</v>
      </c>
      <c r="C7425" s="16">
        <v>7391</v>
      </c>
      <c r="D7425" cm="1">
        <f t="array" ref="D7425">IFERROR(INDEX(Jesper!AH$2:AH$366,ROUNDDOWN($C7425/24,0)+1,1)*INDEX($D$3:$AA$30,INDEX(Jesper!$R$2:$R$366,ROW(INDEX(Jesper!AH$2:AH$366,ROUNDDOWN($C7425/24,0)+1,1))-1)+IF('Standard Profiles'!$G$18=$B$10,7,0)+IF('Standard Profiles'!$G$18=$B$17,14,0)+IF('Standard Profiles'!$G$18=$B$24,21,0),MOD($C7425,24)+1)/SUM(INDEX($D$3:$AA$30,INDEX(Jesper!$R$2:$R$366,ROW(INDEX(Jesper!AH$2:AH$366,ROUNDDOWN($C7425/24,0)+1,1))-1)+IF('Standard Profiles'!$G$18=$B$10,7,0)+IF('Standard Profiles'!$G$18=$B$17,14,0)+IF('Standard Profiles'!$G$18=$B$24,21,0),0)),0)</f>
        <v>5.9213994666271281</v>
      </c>
      <c r="E7425" cm="1">
        <f t="array" ref="E7425">IFERROR(INDEX(Jesper!AI$2:AI$366,ROUNDDOWN($C7425/24,0)+1,1)*INDEX($D$3:$AA$30,INDEX(Jesper!$R$2:$R$366,ROW(INDEX(Jesper!AI$2:AI$366,ROUNDDOWN($C7425/24,0)+1,1))-1)+IF('Standard Profiles'!$G$19=$B$10,7,0)+IF('Standard Profiles'!$G$19=$B$17,14,0)+IF('Standard Profiles'!$G$19=$B$24,21,0),MOD($C7425,24)+1)/SUM(INDEX($D$3:$AA$30,INDEX(Jesper!$R$2:$R$366,ROW(INDEX(Jesper!AI$2:AI$366,ROUNDDOWN($C7425/24,0)+1,1))-1)+IF('Standard Profiles'!$G$19=$B$10,7,0)+IF('Standard Profiles'!$G$19=$B$17,14,0)+IF('Standard Profiles'!$G$19=$B$24,21,0),0)),0)</f>
        <v>1.2522517159898832</v>
      </c>
      <c r="F7425" cm="1">
        <f t="array" ref="F7425">IFERROR(INDEX(Jesper!AJ$2:AJ$366,ROUNDDOWN($C7425/24,0)+1,1)*INDEX($D$3:$AA$30,INDEX(Jesper!$R$2:$R$366,ROW(INDEX(Jesper!AJ$2:AJ$366,ROUNDDOWN($C7425/24,0)+1,1))-1)+IF('Standard Profiles'!$G$20=$B$10,7,0)+IF('Standard Profiles'!$G$20=$B$17,14,0)+IF('Standard Profiles'!$G$20=$B$24,21,0),MOD($C7425,24)+1)/SUM(INDEX($D$3:$AA$30,INDEX(Jesper!$R$2:$R$366,ROW(INDEX(Jesper!AJ$2:AJ$366,ROUNDDOWN($C7425/24,0)+1,1))-1)+IF('Standard Profiles'!$G$20=$B$10,7,0)+IF('Standard Profiles'!$G$20=$B$17,14,0)+IF('Standard Profiles'!$G$20=$B$24,21,0),0)),0)</f>
        <v>0</v>
      </c>
      <c r="G7425" cm="1">
        <f t="array" ref="G7425">IFERROR(INDEX(Jesper!AK$2:AK$366,ROUNDDOWN($C7425/24,0)+1,1)*INDEX($D$3:$AA$30,INDEX(Jesper!$R$2:$R$366,ROW(INDEX(Jesper!AK$2:AK$366,ROUNDDOWN($C7425/24,0)+1,1))-1)+IF('Standard Profiles'!$G$21=$B$10,7,0)+IF('Standard Profiles'!$G$21=$B$17,14,0)+IF('Standard Profiles'!$G$21=$B$24,21,0),MOD($C7425,24)+1)/SUM(INDEX($D$3:$AA$30,INDEX(Jesper!$R$2:$R$366,ROW(INDEX(Jesper!AK$2:AK$366,ROUNDDOWN($C7425/24,0)+1,1))-1)+IF('Standard Profiles'!$G$21=$B$10,7,0)+IF('Standard Profiles'!$G$21=$B$17,14,0)+IF('Standard Profiles'!$G$21=$B$24,21,0),0)),0)</f>
        <v>0</v>
      </c>
      <c r="H7425" cm="1">
        <f t="array" ref="H7425">IFERROR(INDEX(Jesper!AL$2:AL$366,ROUNDDOWN($C7425/24,0)+1,1)*INDEX($D$3:$AA$30,INDEX(Jesper!$R$2:$R$366,ROW(INDEX(Jesper!AL$2:AL$366,ROUNDDOWN($C7425/24,0)+1,1))-1)+IF('Standard Profiles'!$G$22=$B$10,7,0)+IF('Standard Profiles'!$G$22=$B$17,14,0)+IF('Standard Profiles'!$G$22=$B$24,21,0),MOD($C7425,24)+1)/SUM(INDEX($D$3:$AA$30,INDEX(Jesper!$R$2:$R$366,ROW(INDEX(Jesper!AL$2:AL$366,ROUNDDOWN($C7425/24,0)+1,1))-1)+IF('Standard Profiles'!$G$22=$B$10,7,0)+IF('Standard Profiles'!$G$22=$B$17,14,0)+IF('Standard Profiles'!$G$22=$B$24,21,0),0)),0)</f>
        <v>0</v>
      </c>
      <c r="I7425">
        <f t="shared" si="825"/>
        <v>0.11281546990899852</v>
      </c>
      <c r="J7425">
        <f t="shared" si="826"/>
        <v>0.37605156636332843</v>
      </c>
      <c r="K7425">
        <f t="shared" si="827"/>
        <v>0.56407734954499267</v>
      </c>
      <c r="L7425">
        <f t="shared" si="828"/>
        <v>6.1207067967996922</v>
      </c>
      <c r="M7425">
        <f t="shared" si="829"/>
        <v>0</v>
      </c>
      <c r="N7425" s="46">
        <f t="shared" si="830"/>
        <v>45599.958333315408</v>
      </c>
    </row>
    <row r="7426" spans="2:14" x14ac:dyDescent="0.3">
      <c r="B7426">
        <f t="shared" si="824"/>
        <v>1</v>
      </c>
      <c r="C7426" s="16">
        <v>7392</v>
      </c>
      <c r="D7426" cm="1">
        <f t="array" ref="D7426">IFERROR(INDEX(Jesper!AH$2:AH$366,ROUNDDOWN($C7426/24,0)+1,1)*INDEX($D$3:$AA$30,INDEX(Jesper!$R$2:$R$366,ROW(INDEX(Jesper!AH$2:AH$366,ROUNDDOWN($C7426/24,0)+1,1))-1)+IF('Standard Profiles'!$G$18=$B$10,7,0)+IF('Standard Profiles'!$G$18=$B$17,14,0)+IF('Standard Profiles'!$G$18=$B$24,21,0),MOD($C7426,24)+1)/SUM(INDEX($D$3:$AA$30,INDEX(Jesper!$R$2:$R$366,ROW(INDEX(Jesper!AH$2:AH$366,ROUNDDOWN($C7426/24,0)+1,1))-1)+IF('Standard Profiles'!$G$18=$B$10,7,0)+IF('Standard Profiles'!$G$18=$B$17,14,0)+IF('Standard Profiles'!$G$18=$B$24,21,0),0)),0)</f>
        <v>2.5545425044443189</v>
      </c>
      <c r="E7426" cm="1">
        <f t="array" ref="E7426">IFERROR(INDEX(Jesper!AI$2:AI$366,ROUNDDOWN($C7426/24,0)+1,1)*INDEX($D$3:$AA$30,INDEX(Jesper!$R$2:$R$366,ROW(INDEX(Jesper!AI$2:AI$366,ROUNDDOWN($C7426/24,0)+1,1))-1)+IF('Standard Profiles'!$G$19=$B$10,7,0)+IF('Standard Profiles'!$G$19=$B$17,14,0)+IF('Standard Profiles'!$G$19=$B$24,21,0),MOD($C7426,24)+1)/SUM(INDEX($D$3:$AA$30,INDEX(Jesper!$R$2:$R$366,ROW(INDEX(Jesper!AI$2:AI$366,ROUNDDOWN($C7426/24,0)+1,1))-1)+IF('Standard Profiles'!$G$19=$B$10,7,0)+IF('Standard Profiles'!$G$19=$B$17,14,0)+IF('Standard Profiles'!$G$19=$B$24,21,0),0)),0)</f>
        <v>0</v>
      </c>
      <c r="F7426" cm="1">
        <f t="array" ref="F7426">IFERROR(INDEX(Jesper!AJ$2:AJ$366,ROUNDDOWN($C7426/24,0)+1,1)*INDEX($D$3:$AA$30,INDEX(Jesper!$R$2:$R$366,ROW(INDEX(Jesper!AJ$2:AJ$366,ROUNDDOWN($C7426/24,0)+1,1))-1)+IF('Standard Profiles'!$G$20=$B$10,7,0)+IF('Standard Profiles'!$G$20=$B$17,14,0)+IF('Standard Profiles'!$G$20=$B$24,21,0),MOD($C7426,24)+1)/SUM(INDEX($D$3:$AA$30,INDEX(Jesper!$R$2:$R$366,ROW(INDEX(Jesper!AJ$2:AJ$366,ROUNDDOWN($C7426/24,0)+1,1))-1)+IF('Standard Profiles'!$G$20=$B$10,7,0)+IF('Standard Profiles'!$G$20=$B$17,14,0)+IF('Standard Profiles'!$G$20=$B$24,21,0),0)),0)</f>
        <v>0</v>
      </c>
      <c r="G7426" cm="1">
        <f t="array" ref="G7426">IFERROR(INDEX(Jesper!AK$2:AK$366,ROUNDDOWN($C7426/24,0)+1,1)*INDEX($D$3:$AA$30,INDEX(Jesper!$R$2:$R$366,ROW(INDEX(Jesper!AK$2:AK$366,ROUNDDOWN($C7426/24,0)+1,1))-1)+IF('Standard Profiles'!$G$21=$B$10,7,0)+IF('Standard Profiles'!$G$21=$B$17,14,0)+IF('Standard Profiles'!$G$21=$B$24,21,0),MOD($C7426,24)+1)/SUM(INDEX($D$3:$AA$30,INDEX(Jesper!$R$2:$R$366,ROW(INDEX(Jesper!AK$2:AK$366,ROUNDDOWN($C7426/24,0)+1,1))-1)+IF('Standard Profiles'!$G$21=$B$10,7,0)+IF('Standard Profiles'!$G$21=$B$17,14,0)+IF('Standard Profiles'!$G$21=$B$24,21,0),0)),0)</f>
        <v>0</v>
      </c>
      <c r="H7426" cm="1">
        <f t="array" ref="H7426">IFERROR(INDEX(Jesper!AL$2:AL$366,ROUNDDOWN($C7426/24,0)+1,1)*INDEX($D$3:$AA$30,INDEX(Jesper!$R$2:$R$366,ROW(INDEX(Jesper!AL$2:AL$366,ROUNDDOWN($C7426/24,0)+1,1))-1)+IF('Standard Profiles'!$G$22=$B$10,7,0)+IF('Standard Profiles'!$G$22=$B$17,14,0)+IF('Standard Profiles'!$G$22=$B$24,21,0),MOD($C7426,24)+1)/SUM(INDEX($D$3:$AA$30,INDEX(Jesper!$R$2:$R$366,ROW(INDEX(Jesper!AL$2:AL$366,ROUNDDOWN($C7426/24,0)+1,1))-1)+IF('Standard Profiles'!$G$22=$B$10,7,0)+IF('Standard Profiles'!$G$22=$B$17,14,0)+IF('Standard Profiles'!$G$22=$B$24,21,0),0)),0)</f>
        <v>0</v>
      </c>
      <c r="I7426">
        <f t="shared" si="825"/>
        <v>7.6636275133329559E-2</v>
      </c>
      <c r="J7426">
        <f t="shared" si="826"/>
        <v>0.25545425044443187</v>
      </c>
      <c r="K7426">
        <f t="shared" si="827"/>
        <v>0.38318137566664784</v>
      </c>
      <c r="L7426">
        <f t="shared" si="828"/>
        <v>1.8392706031999095</v>
      </c>
      <c r="M7426">
        <f t="shared" si="829"/>
        <v>0</v>
      </c>
      <c r="N7426" s="46">
        <f t="shared" si="830"/>
        <v>45599.999999982072</v>
      </c>
    </row>
    <row r="7427" spans="2:14" x14ac:dyDescent="0.3">
      <c r="B7427">
        <f t="shared" si="824"/>
        <v>1</v>
      </c>
      <c r="C7427" s="16">
        <v>7393</v>
      </c>
      <c r="D7427" cm="1">
        <f t="array" ref="D7427">IFERROR(INDEX(Jesper!AH$2:AH$366,ROUNDDOWN($C7427/24,0)+1,1)*INDEX($D$3:$AA$30,INDEX(Jesper!$R$2:$R$366,ROW(INDEX(Jesper!AH$2:AH$366,ROUNDDOWN($C7427/24,0)+1,1))-1)+IF('Standard Profiles'!$G$18=$B$10,7,0)+IF('Standard Profiles'!$G$18=$B$17,14,0)+IF('Standard Profiles'!$G$18=$B$24,21,0),MOD($C7427,24)+1)/SUM(INDEX($D$3:$AA$30,INDEX(Jesper!$R$2:$R$366,ROW(INDEX(Jesper!AH$2:AH$366,ROUNDDOWN($C7427/24,0)+1,1))-1)+IF('Standard Profiles'!$G$18=$B$10,7,0)+IF('Standard Profiles'!$G$18=$B$17,14,0)+IF('Standard Profiles'!$G$18=$B$24,21,0),0)),0)</f>
        <v>2.5545425044443189</v>
      </c>
      <c r="E7427" cm="1">
        <f t="array" ref="E7427">IFERROR(INDEX(Jesper!AI$2:AI$366,ROUNDDOWN($C7427/24,0)+1,1)*INDEX($D$3:$AA$30,INDEX(Jesper!$R$2:$R$366,ROW(INDEX(Jesper!AI$2:AI$366,ROUNDDOWN($C7427/24,0)+1,1))-1)+IF('Standard Profiles'!$G$19=$B$10,7,0)+IF('Standard Profiles'!$G$19=$B$17,14,0)+IF('Standard Profiles'!$G$19=$B$24,21,0),MOD($C7427,24)+1)/SUM(INDEX($D$3:$AA$30,INDEX(Jesper!$R$2:$R$366,ROW(INDEX(Jesper!AI$2:AI$366,ROUNDDOWN($C7427/24,0)+1,1))-1)+IF('Standard Profiles'!$G$19=$B$10,7,0)+IF('Standard Profiles'!$G$19=$B$17,14,0)+IF('Standard Profiles'!$G$19=$B$24,21,0),0)),0)</f>
        <v>0</v>
      </c>
      <c r="F7427" cm="1">
        <f t="array" ref="F7427">IFERROR(INDEX(Jesper!AJ$2:AJ$366,ROUNDDOWN($C7427/24,0)+1,1)*INDEX($D$3:$AA$30,INDEX(Jesper!$R$2:$R$366,ROW(INDEX(Jesper!AJ$2:AJ$366,ROUNDDOWN($C7427/24,0)+1,1))-1)+IF('Standard Profiles'!$G$20=$B$10,7,0)+IF('Standard Profiles'!$G$20=$B$17,14,0)+IF('Standard Profiles'!$G$20=$B$24,21,0),MOD($C7427,24)+1)/SUM(INDEX($D$3:$AA$30,INDEX(Jesper!$R$2:$R$366,ROW(INDEX(Jesper!AJ$2:AJ$366,ROUNDDOWN($C7427/24,0)+1,1))-1)+IF('Standard Profiles'!$G$20=$B$10,7,0)+IF('Standard Profiles'!$G$20=$B$17,14,0)+IF('Standard Profiles'!$G$20=$B$24,21,0),0)),0)</f>
        <v>0</v>
      </c>
      <c r="G7427" cm="1">
        <f t="array" ref="G7427">IFERROR(INDEX(Jesper!AK$2:AK$366,ROUNDDOWN($C7427/24,0)+1,1)*INDEX($D$3:$AA$30,INDEX(Jesper!$R$2:$R$366,ROW(INDEX(Jesper!AK$2:AK$366,ROUNDDOWN($C7427/24,0)+1,1))-1)+IF('Standard Profiles'!$G$21=$B$10,7,0)+IF('Standard Profiles'!$G$21=$B$17,14,0)+IF('Standard Profiles'!$G$21=$B$24,21,0),MOD($C7427,24)+1)/SUM(INDEX($D$3:$AA$30,INDEX(Jesper!$R$2:$R$366,ROW(INDEX(Jesper!AK$2:AK$366,ROUNDDOWN($C7427/24,0)+1,1))-1)+IF('Standard Profiles'!$G$21=$B$10,7,0)+IF('Standard Profiles'!$G$21=$B$17,14,0)+IF('Standard Profiles'!$G$21=$B$24,21,0),0)),0)</f>
        <v>0</v>
      </c>
      <c r="H7427" cm="1">
        <f t="array" ref="H7427">IFERROR(INDEX(Jesper!AL$2:AL$366,ROUNDDOWN($C7427/24,0)+1,1)*INDEX($D$3:$AA$30,INDEX(Jesper!$R$2:$R$366,ROW(INDEX(Jesper!AL$2:AL$366,ROUNDDOWN($C7427/24,0)+1,1))-1)+IF('Standard Profiles'!$G$22=$B$10,7,0)+IF('Standard Profiles'!$G$22=$B$17,14,0)+IF('Standard Profiles'!$G$22=$B$24,21,0),MOD($C7427,24)+1)/SUM(INDEX($D$3:$AA$30,INDEX(Jesper!$R$2:$R$366,ROW(INDEX(Jesper!AL$2:AL$366,ROUNDDOWN($C7427/24,0)+1,1))-1)+IF('Standard Profiles'!$G$22=$B$10,7,0)+IF('Standard Profiles'!$G$22=$B$17,14,0)+IF('Standard Profiles'!$G$22=$B$24,21,0),0)),0)</f>
        <v>0</v>
      </c>
      <c r="I7427">
        <f t="shared" si="825"/>
        <v>7.6636275133329559E-2</v>
      </c>
      <c r="J7427">
        <f t="shared" si="826"/>
        <v>0.25545425044443187</v>
      </c>
      <c r="K7427">
        <f t="shared" si="827"/>
        <v>0.38318137566664784</v>
      </c>
      <c r="L7427">
        <f t="shared" si="828"/>
        <v>1.8392706031999095</v>
      </c>
      <c r="M7427">
        <f t="shared" si="829"/>
        <v>0</v>
      </c>
      <c r="N7427" s="46">
        <f t="shared" si="830"/>
        <v>45600.041666648736</v>
      </c>
    </row>
    <row r="7428" spans="2:14" x14ac:dyDescent="0.3">
      <c r="B7428">
        <f t="shared" si="824"/>
        <v>1</v>
      </c>
      <c r="C7428" s="16">
        <v>7394</v>
      </c>
      <c r="D7428" cm="1">
        <f t="array" ref="D7428">IFERROR(INDEX(Jesper!AH$2:AH$366,ROUNDDOWN($C7428/24,0)+1,1)*INDEX($D$3:$AA$30,INDEX(Jesper!$R$2:$R$366,ROW(INDEX(Jesper!AH$2:AH$366,ROUNDDOWN($C7428/24,0)+1,1))-1)+IF('Standard Profiles'!$G$18=$B$10,7,0)+IF('Standard Profiles'!$G$18=$B$17,14,0)+IF('Standard Profiles'!$G$18=$B$24,21,0),MOD($C7428,24)+1)/SUM(INDEX($D$3:$AA$30,INDEX(Jesper!$R$2:$R$366,ROW(INDEX(Jesper!AH$2:AH$366,ROUNDDOWN($C7428/24,0)+1,1))-1)+IF('Standard Profiles'!$G$18=$B$10,7,0)+IF('Standard Profiles'!$G$18=$B$17,14,0)+IF('Standard Profiles'!$G$18=$B$24,21,0),0)),0)</f>
        <v>2.5545425044443189</v>
      </c>
      <c r="E7428" cm="1">
        <f t="array" ref="E7428">IFERROR(INDEX(Jesper!AI$2:AI$366,ROUNDDOWN($C7428/24,0)+1,1)*INDEX($D$3:$AA$30,INDEX(Jesper!$R$2:$R$366,ROW(INDEX(Jesper!AI$2:AI$366,ROUNDDOWN($C7428/24,0)+1,1))-1)+IF('Standard Profiles'!$G$19=$B$10,7,0)+IF('Standard Profiles'!$G$19=$B$17,14,0)+IF('Standard Profiles'!$G$19=$B$24,21,0),MOD($C7428,24)+1)/SUM(INDEX($D$3:$AA$30,INDEX(Jesper!$R$2:$R$366,ROW(INDEX(Jesper!AI$2:AI$366,ROUNDDOWN($C7428/24,0)+1,1))-1)+IF('Standard Profiles'!$G$19=$B$10,7,0)+IF('Standard Profiles'!$G$19=$B$17,14,0)+IF('Standard Profiles'!$G$19=$B$24,21,0),0)),0)</f>
        <v>0</v>
      </c>
      <c r="F7428" cm="1">
        <f t="array" ref="F7428">IFERROR(INDEX(Jesper!AJ$2:AJ$366,ROUNDDOWN($C7428/24,0)+1,1)*INDEX($D$3:$AA$30,INDEX(Jesper!$R$2:$R$366,ROW(INDEX(Jesper!AJ$2:AJ$366,ROUNDDOWN($C7428/24,0)+1,1))-1)+IF('Standard Profiles'!$G$20=$B$10,7,0)+IF('Standard Profiles'!$G$20=$B$17,14,0)+IF('Standard Profiles'!$G$20=$B$24,21,0),MOD($C7428,24)+1)/SUM(INDEX($D$3:$AA$30,INDEX(Jesper!$R$2:$R$366,ROW(INDEX(Jesper!AJ$2:AJ$366,ROUNDDOWN($C7428/24,0)+1,1))-1)+IF('Standard Profiles'!$G$20=$B$10,7,0)+IF('Standard Profiles'!$G$20=$B$17,14,0)+IF('Standard Profiles'!$G$20=$B$24,21,0),0)),0)</f>
        <v>0</v>
      </c>
      <c r="G7428" cm="1">
        <f t="array" ref="G7428">IFERROR(INDEX(Jesper!AK$2:AK$366,ROUNDDOWN($C7428/24,0)+1,1)*INDEX($D$3:$AA$30,INDEX(Jesper!$R$2:$R$366,ROW(INDEX(Jesper!AK$2:AK$366,ROUNDDOWN($C7428/24,0)+1,1))-1)+IF('Standard Profiles'!$G$21=$B$10,7,0)+IF('Standard Profiles'!$G$21=$B$17,14,0)+IF('Standard Profiles'!$G$21=$B$24,21,0),MOD($C7428,24)+1)/SUM(INDEX($D$3:$AA$30,INDEX(Jesper!$R$2:$R$366,ROW(INDEX(Jesper!AK$2:AK$366,ROUNDDOWN($C7428/24,0)+1,1))-1)+IF('Standard Profiles'!$G$21=$B$10,7,0)+IF('Standard Profiles'!$G$21=$B$17,14,0)+IF('Standard Profiles'!$G$21=$B$24,21,0),0)),0)</f>
        <v>0</v>
      </c>
      <c r="H7428" cm="1">
        <f t="array" ref="H7428">IFERROR(INDEX(Jesper!AL$2:AL$366,ROUNDDOWN($C7428/24,0)+1,1)*INDEX($D$3:$AA$30,INDEX(Jesper!$R$2:$R$366,ROW(INDEX(Jesper!AL$2:AL$366,ROUNDDOWN($C7428/24,0)+1,1))-1)+IF('Standard Profiles'!$G$22=$B$10,7,0)+IF('Standard Profiles'!$G$22=$B$17,14,0)+IF('Standard Profiles'!$G$22=$B$24,21,0),MOD($C7428,24)+1)/SUM(INDEX($D$3:$AA$30,INDEX(Jesper!$R$2:$R$366,ROW(INDEX(Jesper!AL$2:AL$366,ROUNDDOWN($C7428/24,0)+1,1))-1)+IF('Standard Profiles'!$G$22=$B$10,7,0)+IF('Standard Profiles'!$G$22=$B$17,14,0)+IF('Standard Profiles'!$G$22=$B$24,21,0),0)),0)</f>
        <v>0</v>
      </c>
      <c r="I7428">
        <f t="shared" si="825"/>
        <v>7.6636275133329559E-2</v>
      </c>
      <c r="J7428">
        <f t="shared" si="826"/>
        <v>0.25545425044443187</v>
      </c>
      <c r="K7428">
        <f t="shared" si="827"/>
        <v>0.38318137566664784</v>
      </c>
      <c r="L7428">
        <f t="shared" si="828"/>
        <v>1.8392706031999095</v>
      </c>
      <c r="M7428">
        <f t="shared" si="829"/>
        <v>0</v>
      </c>
      <c r="N7428" s="46">
        <f t="shared" si="830"/>
        <v>45600.083333315401</v>
      </c>
    </row>
    <row r="7429" spans="2:14" x14ac:dyDescent="0.3">
      <c r="B7429">
        <f t="shared" si="824"/>
        <v>1</v>
      </c>
      <c r="C7429" s="16">
        <v>7395</v>
      </c>
      <c r="D7429" cm="1">
        <f t="array" ref="D7429">IFERROR(INDEX(Jesper!AH$2:AH$366,ROUNDDOWN($C7429/24,0)+1,1)*INDEX($D$3:$AA$30,INDEX(Jesper!$R$2:$R$366,ROW(INDEX(Jesper!AH$2:AH$366,ROUNDDOWN($C7429/24,0)+1,1))-1)+IF('Standard Profiles'!$G$18=$B$10,7,0)+IF('Standard Profiles'!$G$18=$B$17,14,0)+IF('Standard Profiles'!$G$18=$B$24,21,0),MOD($C7429,24)+1)/SUM(INDEX($D$3:$AA$30,INDEX(Jesper!$R$2:$R$366,ROW(INDEX(Jesper!AH$2:AH$366,ROUNDDOWN($C7429/24,0)+1,1))-1)+IF('Standard Profiles'!$G$18=$B$10,7,0)+IF('Standard Profiles'!$G$18=$B$17,14,0)+IF('Standard Profiles'!$G$18=$B$24,21,0),0)),0)</f>
        <v>2.5545425044443189</v>
      </c>
      <c r="E7429" cm="1">
        <f t="array" ref="E7429">IFERROR(INDEX(Jesper!AI$2:AI$366,ROUNDDOWN($C7429/24,0)+1,1)*INDEX($D$3:$AA$30,INDEX(Jesper!$R$2:$R$366,ROW(INDEX(Jesper!AI$2:AI$366,ROUNDDOWN($C7429/24,0)+1,1))-1)+IF('Standard Profiles'!$G$19=$B$10,7,0)+IF('Standard Profiles'!$G$19=$B$17,14,0)+IF('Standard Profiles'!$G$19=$B$24,21,0),MOD($C7429,24)+1)/SUM(INDEX($D$3:$AA$30,INDEX(Jesper!$R$2:$R$366,ROW(INDEX(Jesper!AI$2:AI$366,ROUNDDOWN($C7429/24,0)+1,1))-1)+IF('Standard Profiles'!$G$19=$B$10,7,0)+IF('Standard Profiles'!$G$19=$B$17,14,0)+IF('Standard Profiles'!$G$19=$B$24,21,0),0)),0)</f>
        <v>0</v>
      </c>
      <c r="F7429" cm="1">
        <f t="array" ref="F7429">IFERROR(INDEX(Jesper!AJ$2:AJ$366,ROUNDDOWN($C7429/24,0)+1,1)*INDEX($D$3:$AA$30,INDEX(Jesper!$R$2:$R$366,ROW(INDEX(Jesper!AJ$2:AJ$366,ROUNDDOWN($C7429/24,0)+1,1))-1)+IF('Standard Profiles'!$G$20=$B$10,7,0)+IF('Standard Profiles'!$G$20=$B$17,14,0)+IF('Standard Profiles'!$G$20=$B$24,21,0),MOD($C7429,24)+1)/SUM(INDEX($D$3:$AA$30,INDEX(Jesper!$R$2:$R$366,ROW(INDEX(Jesper!AJ$2:AJ$366,ROUNDDOWN($C7429/24,0)+1,1))-1)+IF('Standard Profiles'!$G$20=$B$10,7,0)+IF('Standard Profiles'!$G$20=$B$17,14,0)+IF('Standard Profiles'!$G$20=$B$24,21,0),0)),0)</f>
        <v>0</v>
      </c>
      <c r="G7429" cm="1">
        <f t="array" ref="G7429">IFERROR(INDEX(Jesper!AK$2:AK$366,ROUNDDOWN($C7429/24,0)+1,1)*INDEX($D$3:$AA$30,INDEX(Jesper!$R$2:$R$366,ROW(INDEX(Jesper!AK$2:AK$366,ROUNDDOWN($C7429/24,0)+1,1))-1)+IF('Standard Profiles'!$G$21=$B$10,7,0)+IF('Standard Profiles'!$G$21=$B$17,14,0)+IF('Standard Profiles'!$G$21=$B$24,21,0),MOD($C7429,24)+1)/SUM(INDEX($D$3:$AA$30,INDEX(Jesper!$R$2:$R$366,ROW(INDEX(Jesper!AK$2:AK$366,ROUNDDOWN($C7429/24,0)+1,1))-1)+IF('Standard Profiles'!$G$21=$B$10,7,0)+IF('Standard Profiles'!$G$21=$B$17,14,0)+IF('Standard Profiles'!$G$21=$B$24,21,0),0)),0)</f>
        <v>0</v>
      </c>
      <c r="H7429" cm="1">
        <f t="array" ref="H7429">IFERROR(INDEX(Jesper!AL$2:AL$366,ROUNDDOWN($C7429/24,0)+1,1)*INDEX($D$3:$AA$30,INDEX(Jesper!$R$2:$R$366,ROW(INDEX(Jesper!AL$2:AL$366,ROUNDDOWN($C7429/24,0)+1,1))-1)+IF('Standard Profiles'!$G$22=$B$10,7,0)+IF('Standard Profiles'!$G$22=$B$17,14,0)+IF('Standard Profiles'!$G$22=$B$24,21,0),MOD($C7429,24)+1)/SUM(INDEX($D$3:$AA$30,INDEX(Jesper!$R$2:$R$366,ROW(INDEX(Jesper!AL$2:AL$366,ROUNDDOWN($C7429/24,0)+1,1))-1)+IF('Standard Profiles'!$G$22=$B$10,7,0)+IF('Standard Profiles'!$G$22=$B$17,14,0)+IF('Standard Profiles'!$G$22=$B$24,21,0),0)),0)</f>
        <v>0</v>
      </c>
      <c r="I7429">
        <f t="shared" si="825"/>
        <v>7.6636275133329559E-2</v>
      </c>
      <c r="J7429">
        <f t="shared" si="826"/>
        <v>0.25545425044443187</v>
      </c>
      <c r="K7429">
        <f t="shared" si="827"/>
        <v>0.38318137566664784</v>
      </c>
      <c r="L7429">
        <f t="shared" si="828"/>
        <v>1.8392706031999095</v>
      </c>
      <c r="M7429">
        <f t="shared" si="829"/>
        <v>0</v>
      </c>
      <c r="N7429" s="46">
        <f t="shared" si="830"/>
        <v>45600.124999982065</v>
      </c>
    </row>
    <row r="7430" spans="2:14" x14ac:dyDescent="0.3">
      <c r="B7430">
        <f t="shared" si="824"/>
        <v>1</v>
      </c>
      <c r="C7430" s="16">
        <v>7396</v>
      </c>
      <c r="D7430" cm="1">
        <f t="array" ref="D7430">IFERROR(INDEX(Jesper!AH$2:AH$366,ROUNDDOWN($C7430/24,0)+1,1)*INDEX($D$3:$AA$30,INDEX(Jesper!$R$2:$R$366,ROW(INDEX(Jesper!AH$2:AH$366,ROUNDDOWN($C7430/24,0)+1,1))-1)+IF('Standard Profiles'!$G$18=$B$10,7,0)+IF('Standard Profiles'!$G$18=$B$17,14,0)+IF('Standard Profiles'!$G$18=$B$24,21,0),MOD($C7430,24)+1)/SUM(INDEX($D$3:$AA$30,INDEX(Jesper!$R$2:$R$366,ROW(INDEX(Jesper!AH$2:AH$366,ROUNDDOWN($C7430/24,0)+1,1))-1)+IF('Standard Profiles'!$G$18=$B$10,7,0)+IF('Standard Profiles'!$G$18=$B$17,14,0)+IF('Standard Profiles'!$G$18=$B$24,21,0),0)),0)</f>
        <v>2.5545425044443189</v>
      </c>
      <c r="E7430" cm="1">
        <f t="array" ref="E7430">IFERROR(INDEX(Jesper!AI$2:AI$366,ROUNDDOWN($C7430/24,0)+1,1)*INDEX($D$3:$AA$30,INDEX(Jesper!$R$2:$R$366,ROW(INDEX(Jesper!AI$2:AI$366,ROUNDDOWN($C7430/24,0)+1,1))-1)+IF('Standard Profiles'!$G$19=$B$10,7,0)+IF('Standard Profiles'!$G$19=$B$17,14,0)+IF('Standard Profiles'!$G$19=$B$24,21,0),MOD($C7430,24)+1)/SUM(INDEX($D$3:$AA$30,INDEX(Jesper!$R$2:$R$366,ROW(INDEX(Jesper!AI$2:AI$366,ROUNDDOWN($C7430/24,0)+1,1))-1)+IF('Standard Profiles'!$G$19=$B$10,7,0)+IF('Standard Profiles'!$G$19=$B$17,14,0)+IF('Standard Profiles'!$G$19=$B$24,21,0),0)),0)</f>
        <v>0</v>
      </c>
      <c r="F7430" cm="1">
        <f t="array" ref="F7430">IFERROR(INDEX(Jesper!AJ$2:AJ$366,ROUNDDOWN($C7430/24,0)+1,1)*INDEX($D$3:$AA$30,INDEX(Jesper!$R$2:$R$366,ROW(INDEX(Jesper!AJ$2:AJ$366,ROUNDDOWN($C7430/24,0)+1,1))-1)+IF('Standard Profiles'!$G$20=$B$10,7,0)+IF('Standard Profiles'!$G$20=$B$17,14,0)+IF('Standard Profiles'!$G$20=$B$24,21,0),MOD($C7430,24)+1)/SUM(INDEX($D$3:$AA$30,INDEX(Jesper!$R$2:$R$366,ROW(INDEX(Jesper!AJ$2:AJ$366,ROUNDDOWN($C7430/24,0)+1,1))-1)+IF('Standard Profiles'!$G$20=$B$10,7,0)+IF('Standard Profiles'!$G$20=$B$17,14,0)+IF('Standard Profiles'!$G$20=$B$24,21,0),0)),0)</f>
        <v>0</v>
      </c>
      <c r="G7430" cm="1">
        <f t="array" ref="G7430">IFERROR(INDEX(Jesper!AK$2:AK$366,ROUNDDOWN($C7430/24,0)+1,1)*INDEX($D$3:$AA$30,INDEX(Jesper!$R$2:$R$366,ROW(INDEX(Jesper!AK$2:AK$366,ROUNDDOWN($C7430/24,0)+1,1))-1)+IF('Standard Profiles'!$G$21=$B$10,7,0)+IF('Standard Profiles'!$G$21=$B$17,14,0)+IF('Standard Profiles'!$G$21=$B$24,21,0),MOD($C7430,24)+1)/SUM(INDEX($D$3:$AA$30,INDEX(Jesper!$R$2:$R$366,ROW(INDEX(Jesper!AK$2:AK$366,ROUNDDOWN($C7430/24,0)+1,1))-1)+IF('Standard Profiles'!$G$21=$B$10,7,0)+IF('Standard Profiles'!$G$21=$B$17,14,0)+IF('Standard Profiles'!$G$21=$B$24,21,0),0)),0)</f>
        <v>0</v>
      </c>
      <c r="H7430" cm="1">
        <f t="array" ref="H7430">IFERROR(INDEX(Jesper!AL$2:AL$366,ROUNDDOWN($C7430/24,0)+1,1)*INDEX($D$3:$AA$30,INDEX(Jesper!$R$2:$R$366,ROW(INDEX(Jesper!AL$2:AL$366,ROUNDDOWN($C7430/24,0)+1,1))-1)+IF('Standard Profiles'!$G$22=$B$10,7,0)+IF('Standard Profiles'!$G$22=$B$17,14,0)+IF('Standard Profiles'!$G$22=$B$24,21,0),MOD($C7430,24)+1)/SUM(INDEX($D$3:$AA$30,INDEX(Jesper!$R$2:$R$366,ROW(INDEX(Jesper!AL$2:AL$366,ROUNDDOWN($C7430/24,0)+1,1))-1)+IF('Standard Profiles'!$G$22=$B$10,7,0)+IF('Standard Profiles'!$G$22=$B$17,14,0)+IF('Standard Profiles'!$G$22=$B$24,21,0),0)),0)</f>
        <v>0</v>
      </c>
      <c r="I7430">
        <f t="shared" si="825"/>
        <v>7.6636275133329559E-2</v>
      </c>
      <c r="J7430">
        <f t="shared" si="826"/>
        <v>0.25545425044443187</v>
      </c>
      <c r="K7430">
        <f t="shared" si="827"/>
        <v>0.38318137566664784</v>
      </c>
      <c r="L7430">
        <f t="shared" si="828"/>
        <v>1.8392706031999095</v>
      </c>
      <c r="M7430">
        <f t="shared" si="829"/>
        <v>0</v>
      </c>
      <c r="N7430" s="46">
        <f t="shared" si="830"/>
        <v>45600.166666648729</v>
      </c>
    </row>
    <row r="7431" spans="2:14" x14ac:dyDescent="0.3">
      <c r="B7431">
        <f t="shared" si="824"/>
        <v>1</v>
      </c>
      <c r="C7431" s="16">
        <v>7397</v>
      </c>
      <c r="D7431" cm="1">
        <f t="array" ref="D7431">IFERROR(INDEX(Jesper!AH$2:AH$366,ROUNDDOWN($C7431/24,0)+1,1)*INDEX($D$3:$AA$30,INDEX(Jesper!$R$2:$R$366,ROW(INDEX(Jesper!AH$2:AH$366,ROUNDDOWN($C7431/24,0)+1,1))-1)+IF('Standard Profiles'!$G$18=$B$10,7,0)+IF('Standard Profiles'!$G$18=$B$17,14,0)+IF('Standard Profiles'!$G$18=$B$24,21,0),MOD($C7431,24)+1)/SUM(INDEX($D$3:$AA$30,INDEX(Jesper!$R$2:$R$366,ROW(INDEX(Jesper!AH$2:AH$366,ROUNDDOWN($C7431/24,0)+1,1))-1)+IF('Standard Profiles'!$G$18=$B$10,7,0)+IF('Standard Profiles'!$G$18=$B$17,14,0)+IF('Standard Profiles'!$G$18=$B$24,21,0),0)),0)</f>
        <v>11.069684185925382</v>
      </c>
      <c r="E7431" cm="1">
        <f t="array" ref="E7431">IFERROR(INDEX(Jesper!AI$2:AI$366,ROUNDDOWN($C7431/24,0)+1,1)*INDEX($D$3:$AA$30,INDEX(Jesper!$R$2:$R$366,ROW(INDEX(Jesper!AI$2:AI$366,ROUNDDOWN($C7431/24,0)+1,1))-1)+IF('Standard Profiles'!$G$19=$B$10,7,0)+IF('Standard Profiles'!$G$19=$B$17,14,0)+IF('Standard Profiles'!$G$19=$B$24,21,0),MOD($C7431,24)+1)/SUM(INDEX($D$3:$AA$30,INDEX(Jesper!$R$2:$R$366,ROW(INDEX(Jesper!AI$2:AI$366,ROUNDDOWN($C7431/24,0)+1,1))-1)+IF('Standard Profiles'!$G$19=$B$10,7,0)+IF('Standard Profiles'!$G$19=$B$17,14,0)+IF('Standard Profiles'!$G$19=$B$24,21,0),0)),0)</f>
        <v>0</v>
      </c>
      <c r="F7431" cm="1">
        <f t="array" ref="F7431">IFERROR(INDEX(Jesper!AJ$2:AJ$366,ROUNDDOWN($C7431/24,0)+1,1)*INDEX($D$3:$AA$30,INDEX(Jesper!$R$2:$R$366,ROW(INDEX(Jesper!AJ$2:AJ$366,ROUNDDOWN($C7431/24,0)+1,1))-1)+IF('Standard Profiles'!$G$20=$B$10,7,0)+IF('Standard Profiles'!$G$20=$B$17,14,0)+IF('Standard Profiles'!$G$20=$B$24,21,0),MOD($C7431,24)+1)/SUM(INDEX($D$3:$AA$30,INDEX(Jesper!$R$2:$R$366,ROW(INDEX(Jesper!AJ$2:AJ$366,ROUNDDOWN($C7431/24,0)+1,1))-1)+IF('Standard Profiles'!$G$20=$B$10,7,0)+IF('Standard Profiles'!$G$20=$B$17,14,0)+IF('Standard Profiles'!$G$20=$B$24,21,0),0)),0)</f>
        <v>0</v>
      </c>
      <c r="G7431" cm="1">
        <f t="array" ref="G7431">IFERROR(INDEX(Jesper!AK$2:AK$366,ROUNDDOWN($C7431/24,0)+1,1)*INDEX($D$3:$AA$30,INDEX(Jesper!$R$2:$R$366,ROW(INDEX(Jesper!AK$2:AK$366,ROUNDDOWN($C7431/24,0)+1,1))-1)+IF('Standard Profiles'!$G$21=$B$10,7,0)+IF('Standard Profiles'!$G$21=$B$17,14,0)+IF('Standard Profiles'!$G$21=$B$24,21,0),MOD($C7431,24)+1)/SUM(INDEX($D$3:$AA$30,INDEX(Jesper!$R$2:$R$366,ROW(INDEX(Jesper!AK$2:AK$366,ROUNDDOWN($C7431/24,0)+1,1))-1)+IF('Standard Profiles'!$G$21=$B$10,7,0)+IF('Standard Profiles'!$G$21=$B$17,14,0)+IF('Standard Profiles'!$G$21=$B$24,21,0),0)),0)</f>
        <v>0</v>
      </c>
      <c r="H7431" cm="1">
        <f t="array" ref="H7431">IFERROR(INDEX(Jesper!AL$2:AL$366,ROUNDDOWN($C7431/24,0)+1,1)*INDEX($D$3:$AA$30,INDEX(Jesper!$R$2:$R$366,ROW(INDEX(Jesper!AL$2:AL$366,ROUNDDOWN($C7431/24,0)+1,1))-1)+IF('Standard Profiles'!$G$22=$B$10,7,0)+IF('Standard Profiles'!$G$22=$B$17,14,0)+IF('Standard Profiles'!$G$22=$B$24,21,0),MOD($C7431,24)+1)/SUM(INDEX($D$3:$AA$30,INDEX(Jesper!$R$2:$R$366,ROW(INDEX(Jesper!AL$2:AL$366,ROUNDDOWN($C7431/24,0)+1,1))-1)+IF('Standard Profiles'!$G$22=$B$10,7,0)+IF('Standard Profiles'!$G$22=$B$17,14,0)+IF('Standard Profiles'!$G$22=$B$24,21,0),0)),0)</f>
        <v>0</v>
      </c>
      <c r="I7431">
        <f t="shared" si="825"/>
        <v>0.33209052557776148</v>
      </c>
      <c r="J7431">
        <f t="shared" si="826"/>
        <v>1.1069684185925384</v>
      </c>
      <c r="K7431">
        <f t="shared" si="827"/>
        <v>1.6604526278888072</v>
      </c>
      <c r="L7431">
        <f t="shared" si="828"/>
        <v>7.970172613866275</v>
      </c>
      <c r="M7431">
        <f t="shared" si="829"/>
        <v>0</v>
      </c>
      <c r="N7431" s="46">
        <f t="shared" si="830"/>
        <v>45600.208333315393</v>
      </c>
    </row>
    <row r="7432" spans="2:14" x14ac:dyDescent="0.3">
      <c r="B7432">
        <f t="shared" si="824"/>
        <v>1</v>
      </c>
      <c r="C7432" s="16">
        <v>7398</v>
      </c>
      <c r="D7432" cm="1">
        <f t="array" ref="D7432">IFERROR(INDEX(Jesper!AH$2:AH$366,ROUNDDOWN($C7432/24,0)+1,1)*INDEX($D$3:$AA$30,INDEX(Jesper!$R$2:$R$366,ROW(INDEX(Jesper!AH$2:AH$366,ROUNDDOWN($C7432/24,0)+1,1))-1)+IF('Standard Profiles'!$G$18=$B$10,7,0)+IF('Standard Profiles'!$G$18=$B$17,14,0)+IF('Standard Profiles'!$G$18=$B$24,21,0),MOD($C7432,24)+1)/SUM(INDEX($D$3:$AA$30,INDEX(Jesper!$R$2:$R$366,ROW(INDEX(Jesper!AH$2:AH$366,ROUNDDOWN($C7432/24,0)+1,1))-1)+IF('Standard Profiles'!$G$18=$B$10,7,0)+IF('Standard Profiles'!$G$18=$B$17,14,0)+IF('Standard Profiles'!$G$18=$B$24,21,0),0)),0)</f>
        <v>12.559833980184568</v>
      </c>
      <c r="E7432" cm="1">
        <f t="array" ref="E7432">IFERROR(INDEX(Jesper!AI$2:AI$366,ROUNDDOWN($C7432/24,0)+1,1)*INDEX($D$3:$AA$30,INDEX(Jesper!$R$2:$R$366,ROW(INDEX(Jesper!AI$2:AI$366,ROUNDDOWN($C7432/24,0)+1,1))-1)+IF('Standard Profiles'!$G$19=$B$10,7,0)+IF('Standard Profiles'!$G$19=$B$17,14,0)+IF('Standard Profiles'!$G$19=$B$24,21,0),MOD($C7432,24)+1)/SUM(INDEX($D$3:$AA$30,INDEX(Jesper!$R$2:$R$366,ROW(INDEX(Jesper!AI$2:AI$366,ROUNDDOWN($C7432/24,0)+1,1))-1)+IF('Standard Profiles'!$G$19=$B$10,7,0)+IF('Standard Profiles'!$G$19=$B$17,14,0)+IF('Standard Profiles'!$G$19=$B$24,21,0),0)),0)</f>
        <v>0</v>
      </c>
      <c r="F7432" cm="1">
        <f t="array" ref="F7432">IFERROR(INDEX(Jesper!AJ$2:AJ$366,ROUNDDOWN($C7432/24,0)+1,1)*INDEX($D$3:$AA$30,INDEX(Jesper!$R$2:$R$366,ROW(INDEX(Jesper!AJ$2:AJ$366,ROUNDDOWN($C7432/24,0)+1,1))-1)+IF('Standard Profiles'!$G$20=$B$10,7,0)+IF('Standard Profiles'!$G$20=$B$17,14,0)+IF('Standard Profiles'!$G$20=$B$24,21,0),MOD($C7432,24)+1)/SUM(INDEX($D$3:$AA$30,INDEX(Jesper!$R$2:$R$366,ROW(INDEX(Jesper!AJ$2:AJ$366,ROUNDDOWN($C7432/24,0)+1,1))-1)+IF('Standard Profiles'!$G$20=$B$10,7,0)+IF('Standard Profiles'!$G$20=$B$17,14,0)+IF('Standard Profiles'!$G$20=$B$24,21,0),0)),0)</f>
        <v>0</v>
      </c>
      <c r="G7432" cm="1">
        <f t="array" ref="G7432">IFERROR(INDEX(Jesper!AK$2:AK$366,ROUNDDOWN($C7432/24,0)+1,1)*INDEX($D$3:$AA$30,INDEX(Jesper!$R$2:$R$366,ROW(INDEX(Jesper!AK$2:AK$366,ROUNDDOWN($C7432/24,0)+1,1))-1)+IF('Standard Profiles'!$G$21=$B$10,7,0)+IF('Standard Profiles'!$G$21=$B$17,14,0)+IF('Standard Profiles'!$G$21=$B$24,21,0),MOD($C7432,24)+1)/SUM(INDEX($D$3:$AA$30,INDEX(Jesper!$R$2:$R$366,ROW(INDEX(Jesper!AK$2:AK$366,ROUNDDOWN($C7432/24,0)+1,1))-1)+IF('Standard Profiles'!$G$21=$B$10,7,0)+IF('Standard Profiles'!$G$21=$B$17,14,0)+IF('Standard Profiles'!$G$21=$B$24,21,0),0)),0)</f>
        <v>0</v>
      </c>
      <c r="H7432" cm="1">
        <f t="array" ref="H7432">IFERROR(INDEX(Jesper!AL$2:AL$366,ROUNDDOWN($C7432/24,0)+1,1)*INDEX($D$3:$AA$30,INDEX(Jesper!$R$2:$R$366,ROW(INDEX(Jesper!AL$2:AL$366,ROUNDDOWN($C7432/24,0)+1,1))-1)+IF('Standard Profiles'!$G$22=$B$10,7,0)+IF('Standard Profiles'!$G$22=$B$17,14,0)+IF('Standard Profiles'!$G$22=$B$24,21,0),MOD($C7432,24)+1)/SUM(INDEX($D$3:$AA$30,INDEX(Jesper!$R$2:$R$366,ROW(INDEX(Jesper!AL$2:AL$366,ROUNDDOWN($C7432/24,0)+1,1))-1)+IF('Standard Profiles'!$G$22=$B$10,7,0)+IF('Standard Profiles'!$G$22=$B$17,14,0)+IF('Standard Profiles'!$G$22=$B$24,21,0),0)),0)</f>
        <v>0</v>
      </c>
      <c r="I7432">
        <f t="shared" si="825"/>
        <v>0.376795019405537</v>
      </c>
      <c r="J7432">
        <f t="shared" si="826"/>
        <v>1.2559833980184569</v>
      </c>
      <c r="K7432">
        <f t="shared" si="827"/>
        <v>1.883975097027685</v>
      </c>
      <c r="L7432">
        <f t="shared" si="828"/>
        <v>9.0430804657328885</v>
      </c>
      <c r="M7432">
        <f t="shared" si="829"/>
        <v>0</v>
      </c>
      <c r="N7432" s="46">
        <f t="shared" si="830"/>
        <v>45600.249999982057</v>
      </c>
    </row>
    <row r="7433" spans="2:14" x14ac:dyDescent="0.3">
      <c r="B7433">
        <f t="shared" si="824"/>
        <v>1</v>
      </c>
      <c r="C7433" s="16">
        <v>7399</v>
      </c>
      <c r="D7433" cm="1">
        <f t="array" ref="D7433">IFERROR(INDEX(Jesper!AH$2:AH$366,ROUNDDOWN($C7433/24,0)+1,1)*INDEX($D$3:$AA$30,INDEX(Jesper!$R$2:$R$366,ROW(INDEX(Jesper!AH$2:AH$366,ROUNDDOWN($C7433/24,0)+1,1))-1)+IF('Standard Profiles'!$G$18=$B$10,7,0)+IF('Standard Profiles'!$G$18=$B$17,14,0)+IF('Standard Profiles'!$G$18=$B$24,21,0),MOD($C7433,24)+1)/SUM(INDEX($D$3:$AA$30,INDEX(Jesper!$R$2:$R$366,ROW(INDEX(Jesper!AH$2:AH$366,ROUNDDOWN($C7433/24,0)+1,1))-1)+IF('Standard Profiles'!$G$18=$B$10,7,0)+IF('Standard Profiles'!$G$18=$B$17,14,0)+IF('Standard Profiles'!$G$18=$B$24,21,0),0)),0)</f>
        <v>12.559833980184568</v>
      </c>
      <c r="E7433" cm="1">
        <f t="array" ref="E7433">IFERROR(INDEX(Jesper!AI$2:AI$366,ROUNDDOWN($C7433/24,0)+1,1)*INDEX($D$3:$AA$30,INDEX(Jesper!$R$2:$R$366,ROW(INDEX(Jesper!AI$2:AI$366,ROUNDDOWN($C7433/24,0)+1,1))-1)+IF('Standard Profiles'!$G$19=$B$10,7,0)+IF('Standard Profiles'!$G$19=$B$17,14,0)+IF('Standard Profiles'!$G$19=$B$24,21,0),MOD($C7433,24)+1)/SUM(INDEX($D$3:$AA$30,INDEX(Jesper!$R$2:$R$366,ROW(INDEX(Jesper!AI$2:AI$366,ROUNDDOWN($C7433/24,0)+1,1))-1)+IF('Standard Profiles'!$G$19=$B$10,7,0)+IF('Standard Profiles'!$G$19=$B$17,14,0)+IF('Standard Profiles'!$G$19=$B$24,21,0),0)),0)</f>
        <v>0</v>
      </c>
      <c r="F7433" cm="1">
        <f t="array" ref="F7433">IFERROR(INDEX(Jesper!AJ$2:AJ$366,ROUNDDOWN($C7433/24,0)+1,1)*INDEX($D$3:$AA$30,INDEX(Jesper!$R$2:$R$366,ROW(INDEX(Jesper!AJ$2:AJ$366,ROUNDDOWN($C7433/24,0)+1,1))-1)+IF('Standard Profiles'!$G$20=$B$10,7,0)+IF('Standard Profiles'!$G$20=$B$17,14,0)+IF('Standard Profiles'!$G$20=$B$24,21,0),MOD($C7433,24)+1)/SUM(INDEX($D$3:$AA$30,INDEX(Jesper!$R$2:$R$366,ROW(INDEX(Jesper!AJ$2:AJ$366,ROUNDDOWN($C7433/24,0)+1,1))-1)+IF('Standard Profiles'!$G$20=$B$10,7,0)+IF('Standard Profiles'!$G$20=$B$17,14,0)+IF('Standard Profiles'!$G$20=$B$24,21,0),0)),0)</f>
        <v>0</v>
      </c>
      <c r="G7433" cm="1">
        <f t="array" ref="G7433">IFERROR(INDEX(Jesper!AK$2:AK$366,ROUNDDOWN($C7433/24,0)+1,1)*INDEX($D$3:$AA$30,INDEX(Jesper!$R$2:$R$366,ROW(INDEX(Jesper!AK$2:AK$366,ROUNDDOWN($C7433/24,0)+1,1))-1)+IF('Standard Profiles'!$G$21=$B$10,7,0)+IF('Standard Profiles'!$G$21=$B$17,14,0)+IF('Standard Profiles'!$G$21=$B$24,21,0),MOD($C7433,24)+1)/SUM(INDEX($D$3:$AA$30,INDEX(Jesper!$R$2:$R$366,ROW(INDEX(Jesper!AK$2:AK$366,ROUNDDOWN($C7433/24,0)+1,1))-1)+IF('Standard Profiles'!$G$21=$B$10,7,0)+IF('Standard Profiles'!$G$21=$B$17,14,0)+IF('Standard Profiles'!$G$21=$B$24,21,0),0)),0)</f>
        <v>0</v>
      </c>
      <c r="H7433" cm="1">
        <f t="array" ref="H7433">IFERROR(INDEX(Jesper!AL$2:AL$366,ROUNDDOWN($C7433/24,0)+1,1)*INDEX($D$3:$AA$30,INDEX(Jesper!$R$2:$R$366,ROW(INDEX(Jesper!AL$2:AL$366,ROUNDDOWN($C7433/24,0)+1,1))-1)+IF('Standard Profiles'!$G$22=$B$10,7,0)+IF('Standard Profiles'!$G$22=$B$17,14,0)+IF('Standard Profiles'!$G$22=$B$24,21,0),MOD($C7433,24)+1)/SUM(INDEX($D$3:$AA$30,INDEX(Jesper!$R$2:$R$366,ROW(INDEX(Jesper!AL$2:AL$366,ROUNDDOWN($C7433/24,0)+1,1))-1)+IF('Standard Profiles'!$G$22=$B$10,7,0)+IF('Standard Profiles'!$G$22=$B$17,14,0)+IF('Standard Profiles'!$G$22=$B$24,21,0),0)),0)</f>
        <v>0</v>
      </c>
      <c r="I7433">
        <f t="shared" si="825"/>
        <v>0.376795019405537</v>
      </c>
      <c r="J7433">
        <f t="shared" si="826"/>
        <v>1.2559833980184569</v>
      </c>
      <c r="K7433">
        <f t="shared" si="827"/>
        <v>1.883975097027685</v>
      </c>
      <c r="L7433">
        <f t="shared" si="828"/>
        <v>9.0430804657328885</v>
      </c>
      <c r="M7433">
        <f t="shared" si="829"/>
        <v>0</v>
      </c>
      <c r="N7433" s="46">
        <f t="shared" si="830"/>
        <v>45600.291666648722</v>
      </c>
    </row>
    <row r="7434" spans="2:14" x14ac:dyDescent="0.3">
      <c r="B7434">
        <f t="shared" si="824"/>
        <v>1</v>
      </c>
      <c r="C7434" s="16">
        <v>7400</v>
      </c>
      <c r="D7434" cm="1">
        <f t="array" ref="D7434">IFERROR(INDEX(Jesper!AH$2:AH$366,ROUNDDOWN($C7434/24,0)+1,1)*INDEX($D$3:$AA$30,INDEX(Jesper!$R$2:$R$366,ROW(INDEX(Jesper!AH$2:AH$366,ROUNDDOWN($C7434/24,0)+1,1))-1)+IF('Standard Profiles'!$G$18=$B$10,7,0)+IF('Standard Profiles'!$G$18=$B$17,14,0)+IF('Standard Profiles'!$G$18=$B$24,21,0),MOD($C7434,24)+1)/SUM(INDEX($D$3:$AA$30,INDEX(Jesper!$R$2:$R$366,ROW(INDEX(Jesper!AH$2:AH$366,ROUNDDOWN($C7434/24,0)+1,1))-1)+IF('Standard Profiles'!$G$18=$B$10,7,0)+IF('Standard Profiles'!$G$18=$B$17,14,0)+IF('Standard Profiles'!$G$18=$B$24,21,0),0)),0)</f>
        <v>12.559833980184568</v>
      </c>
      <c r="E7434" cm="1">
        <f t="array" ref="E7434">IFERROR(INDEX(Jesper!AI$2:AI$366,ROUNDDOWN($C7434/24,0)+1,1)*INDEX($D$3:$AA$30,INDEX(Jesper!$R$2:$R$366,ROW(INDEX(Jesper!AI$2:AI$366,ROUNDDOWN($C7434/24,0)+1,1))-1)+IF('Standard Profiles'!$G$19=$B$10,7,0)+IF('Standard Profiles'!$G$19=$B$17,14,0)+IF('Standard Profiles'!$G$19=$B$24,21,0),MOD($C7434,24)+1)/SUM(INDEX($D$3:$AA$30,INDEX(Jesper!$R$2:$R$366,ROW(INDEX(Jesper!AI$2:AI$366,ROUNDDOWN($C7434/24,0)+1,1))-1)+IF('Standard Profiles'!$G$19=$B$10,7,0)+IF('Standard Profiles'!$G$19=$B$17,14,0)+IF('Standard Profiles'!$G$19=$B$24,21,0),0)),0)</f>
        <v>0</v>
      </c>
      <c r="F7434" cm="1">
        <f t="array" ref="F7434">IFERROR(INDEX(Jesper!AJ$2:AJ$366,ROUNDDOWN($C7434/24,0)+1,1)*INDEX($D$3:$AA$30,INDEX(Jesper!$R$2:$R$366,ROW(INDEX(Jesper!AJ$2:AJ$366,ROUNDDOWN($C7434/24,0)+1,1))-1)+IF('Standard Profiles'!$G$20=$B$10,7,0)+IF('Standard Profiles'!$G$20=$B$17,14,0)+IF('Standard Profiles'!$G$20=$B$24,21,0),MOD($C7434,24)+1)/SUM(INDEX($D$3:$AA$30,INDEX(Jesper!$R$2:$R$366,ROW(INDEX(Jesper!AJ$2:AJ$366,ROUNDDOWN($C7434/24,0)+1,1))-1)+IF('Standard Profiles'!$G$20=$B$10,7,0)+IF('Standard Profiles'!$G$20=$B$17,14,0)+IF('Standard Profiles'!$G$20=$B$24,21,0),0)),0)</f>
        <v>0</v>
      </c>
      <c r="G7434" cm="1">
        <f t="array" ref="G7434">IFERROR(INDEX(Jesper!AK$2:AK$366,ROUNDDOWN($C7434/24,0)+1,1)*INDEX($D$3:$AA$30,INDEX(Jesper!$R$2:$R$366,ROW(INDEX(Jesper!AK$2:AK$366,ROUNDDOWN($C7434/24,0)+1,1))-1)+IF('Standard Profiles'!$G$21=$B$10,7,0)+IF('Standard Profiles'!$G$21=$B$17,14,0)+IF('Standard Profiles'!$G$21=$B$24,21,0),MOD($C7434,24)+1)/SUM(INDEX($D$3:$AA$30,INDEX(Jesper!$R$2:$R$366,ROW(INDEX(Jesper!AK$2:AK$366,ROUNDDOWN($C7434/24,0)+1,1))-1)+IF('Standard Profiles'!$G$21=$B$10,7,0)+IF('Standard Profiles'!$G$21=$B$17,14,0)+IF('Standard Profiles'!$G$21=$B$24,21,0),0)),0)</f>
        <v>0</v>
      </c>
      <c r="H7434" cm="1">
        <f t="array" ref="H7434">IFERROR(INDEX(Jesper!AL$2:AL$366,ROUNDDOWN($C7434/24,0)+1,1)*INDEX($D$3:$AA$30,INDEX(Jesper!$R$2:$R$366,ROW(INDEX(Jesper!AL$2:AL$366,ROUNDDOWN($C7434/24,0)+1,1))-1)+IF('Standard Profiles'!$G$22=$B$10,7,0)+IF('Standard Profiles'!$G$22=$B$17,14,0)+IF('Standard Profiles'!$G$22=$B$24,21,0),MOD($C7434,24)+1)/SUM(INDEX($D$3:$AA$30,INDEX(Jesper!$R$2:$R$366,ROW(INDEX(Jesper!AL$2:AL$366,ROUNDDOWN($C7434/24,0)+1,1))-1)+IF('Standard Profiles'!$G$22=$B$10,7,0)+IF('Standard Profiles'!$G$22=$B$17,14,0)+IF('Standard Profiles'!$G$22=$B$24,21,0),0)),0)</f>
        <v>0</v>
      </c>
      <c r="I7434">
        <f t="shared" si="825"/>
        <v>0.376795019405537</v>
      </c>
      <c r="J7434">
        <f t="shared" si="826"/>
        <v>1.2559833980184569</v>
      </c>
      <c r="K7434">
        <f t="shared" si="827"/>
        <v>1.883975097027685</v>
      </c>
      <c r="L7434">
        <f t="shared" si="828"/>
        <v>9.0430804657328885</v>
      </c>
      <c r="M7434">
        <f t="shared" si="829"/>
        <v>0</v>
      </c>
      <c r="N7434" s="46">
        <f t="shared" si="830"/>
        <v>45600.333333315386</v>
      </c>
    </row>
    <row r="7435" spans="2:14" x14ac:dyDescent="0.3">
      <c r="B7435">
        <f t="shared" si="824"/>
        <v>1</v>
      </c>
      <c r="C7435" s="16">
        <v>7401</v>
      </c>
      <c r="D7435" cm="1">
        <f t="array" ref="D7435">IFERROR(INDEX(Jesper!AH$2:AH$366,ROUNDDOWN($C7435/24,0)+1,1)*INDEX($D$3:$AA$30,INDEX(Jesper!$R$2:$R$366,ROW(INDEX(Jesper!AH$2:AH$366,ROUNDDOWN($C7435/24,0)+1,1))-1)+IF('Standard Profiles'!$G$18=$B$10,7,0)+IF('Standard Profiles'!$G$18=$B$17,14,0)+IF('Standard Profiles'!$G$18=$B$24,21,0),MOD($C7435,24)+1)/SUM(INDEX($D$3:$AA$30,INDEX(Jesper!$R$2:$R$366,ROW(INDEX(Jesper!AH$2:AH$366,ROUNDDOWN($C7435/24,0)+1,1))-1)+IF('Standard Profiles'!$G$18=$B$10,7,0)+IF('Standard Profiles'!$G$18=$B$17,14,0)+IF('Standard Profiles'!$G$18=$B$24,21,0),0)),0)</f>
        <v>13.411348148332674</v>
      </c>
      <c r="E7435" cm="1">
        <f t="array" ref="E7435">IFERROR(INDEX(Jesper!AI$2:AI$366,ROUNDDOWN($C7435/24,0)+1,1)*INDEX($D$3:$AA$30,INDEX(Jesper!$R$2:$R$366,ROW(INDEX(Jesper!AI$2:AI$366,ROUNDDOWN($C7435/24,0)+1,1))-1)+IF('Standard Profiles'!$G$19=$B$10,7,0)+IF('Standard Profiles'!$G$19=$B$17,14,0)+IF('Standard Profiles'!$G$19=$B$24,21,0),MOD($C7435,24)+1)/SUM(INDEX($D$3:$AA$30,INDEX(Jesper!$R$2:$R$366,ROW(INDEX(Jesper!AI$2:AI$366,ROUNDDOWN($C7435/24,0)+1,1))-1)+IF('Standard Profiles'!$G$19=$B$10,7,0)+IF('Standard Profiles'!$G$19=$B$17,14,0)+IF('Standard Profiles'!$G$19=$B$24,21,0),0)),0)</f>
        <v>0</v>
      </c>
      <c r="F7435" cm="1">
        <f t="array" ref="F7435">IFERROR(INDEX(Jesper!AJ$2:AJ$366,ROUNDDOWN($C7435/24,0)+1,1)*INDEX($D$3:$AA$30,INDEX(Jesper!$R$2:$R$366,ROW(INDEX(Jesper!AJ$2:AJ$366,ROUNDDOWN($C7435/24,0)+1,1))-1)+IF('Standard Profiles'!$G$20=$B$10,7,0)+IF('Standard Profiles'!$G$20=$B$17,14,0)+IF('Standard Profiles'!$G$20=$B$24,21,0),MOD($C7435,24)+1)/SUM(INDEX($D$3:$AA$30,INDEX(Jesper!$R$2:$R$366,ROW(INDEX(Jesper!AJ$2:AJ$366,ROUNDDOWN($C7435/24,0)+1,1))-1)+IF('Standard Profiles'!$G$20=$B$10,7,0)+IF('Standard Profiles'!$G$20=$B$17,14,0)+IF('Standard Profiles'!$G$20=$B$24,21,0),0)),0)</f>
        <v>0</v>
      </c>
      <c r="G7435" cm="1">
        <f t="array" ref="G7435">IFERROR(INDEX(Jesper!AK$2:AK$366,ROUNDDOWN($C7435/24,0)+1,1)*INDEX($D$3:$AA$30,INDEX(Jesper!$R$2:$R$366,ROW(INDEX(Jesper!AK$2:AK$366,ROUNDDOWN($C7435/24,0)+1,1))-1)+IF('Standard Profiles'!$G$21=$B$10,7,0)+IF('Standard Profiles'!$G$21=$B$17,14,0)+IF('Standard Profiles'!$G$21=$B$24,21,0),MOD($C7435,24)+1)/SUM(INDEX($D$3:$AA$30,INDEX(Jesper!$R$2:$R$366,ROW(INDEX(Jesper!AK$2:AK$366,ROUNDDOWN($C7435/24,0)+1,1))-1)+IF('Standard Profiles'!$G$21=$B$10,7,0)+IF('Standard Profiles'!$G$21=$B$17,14,0)+IF('Standard Profiles'!$G$21=$B$24,21,0),0)),0)</f>
        <v>0</v>
      </c>
      <c r="H7435" cm="1">
        <f t="array" ref="H7435">IFERROR(INDEX(Jesper!AL$2:AL$366,ROUNDDOWN($C7435/24,0)+1,1)*INDEX($D$3:$AA$30,INDEX(Jesper!$R$2:$R$366,ROW(INDEX(Jesper!AL$2:AL$366,ROUNDDOWN($C7435/24,0)+1,1))-1)+IF('Standard Profiles'!$G$22=$B$10,7,0)+IF('Standard Profiles'!$G$22=$B$17,14,0)+IF('Standard Profiles'!$G$22=$B$24,21,0),MOD($C7435,24)+1)/SUM(INDEX($D$3:$AA$30,INDEX(Jesper!$R$2:$R$366,ROW(INDEX(Jesper!AL$2:AL$366,ROUNDDOWN($C7435/24,0)+1,1))-1)+IF('Standard Profiles'!$G$22=$B$10,7,0)+IF('Standard Profiles'!$G$22=$B$17,14,0)+IF('Standard Profiles'!$G$22=$B$24,21,0),0)),0)</f>
        <v>0</v>
      </c>
      <c r="I7435">
        <f t="shared" si="825"/>
        <v>0.40234044444998024</v>
      </c>
      <c r="J7435">
        <f t="shared" si="826"/>
        <v>1.3411348148332676</v>
      </c>
      <c r="K7435">
        <f t="shared" si="827"/>
        <v>2.0117022222499013</v>
      </c>
      <c r="L7435">
        <f t="shared" si="828"/>
        <v>9.6561706667995253</v>
      </c>
      <c r="M7435">
        <f t="shared" si="829"/>
        <v>0</v>
      </c>
      <c r="N7435" s="46">
        <f t="shared" si="830"/>
        <v>45600.37499998205</v>
      </c>
    </row>
    <row r="7436" spans="2:14" x14ac:dyDescent="0.3">
      <c r="B7436">
        <f t="shared" si="824"/>
        <v>1</v>
      </c>
      <c r="C7436" s="16">
        <v>7402</v>
      </c>
      <c r="D7436" cm="1">
        <f t="array" ref="D7436">IFERROR(INDEX(Jesper!AH$2:AH$366,ROUNDDOWN($C7436/24,0)+1,1)*INDEX($D$3:$AA$30,INDEX(Jesper!$R$2:$R$366,ROW(INDEX(Jesper!AH$2:AH$366,ROUNDDOWN($C7436/24,0)+1,1))-1)+IF('Standard Profiles'!$G$18=$B$10,7,0)+IF('Standard Profiles'!$G$18=$B$17,14,0)+IF('Standard Profiles'!$G$18=$B$24,21,0),MOD($C7436,24)+1)/SUM(INDEX($D$3:$AA$30,INDEX(Jesper!$R$2:$R$366,ROW(INDEX(Jesper!AH$2:AH$366,ROUNDDOWN($C7436/24,0)+1,1))-1)+IF('Standard Profiles'!$G$18=$B$10,7,0)+IF('Standard Profiles'!$G$18=$B$17,14,0)+IF('Standard Profiles'!$G$18=$B$24,21,0),0)),0)</f>
        <v>13.411348148332674</v>
      </c>
      <c r="E7436" cm="1">
        <f t="array" ref="E7436">IFERROR(INDEX(Jesper!AI$2:AI$366,ROUNDDOWN($C7436/24,0)+1,1)*INDEX($D$3:$AA$30,INDEX(Jesper!$R$2:$R$366,ROW(INDEX(Jesper!AI$2:AI$366,ROUNDDOWN($C7436/24,0)+1,1))-1)+IF('Standard Profiles'!$G$19=$B$10,7,0)+IF('Standard Profiles'!$G$19=$B$17,14,0)+IF('Standard Profiles'!$G$19=$B$24,21,0),MOD($C7436,24)+1)/SUM(INDEX($D$3:$AA$30,INDEX(Jesper!$R$2:$R$366,ROW(INDEX(Jesper!AI$2:AI$366,ROUNDDOWN($C7436/24,0)+1,1))-1)+IF('Standard Profiles'!$G$19=$B$10,7,0)+IF('Standard Profiles'!$G$19=$B$17,14,0)+IF('Standard Profiles'!$G$19=$B$24,21,0),0)),0)</f>
        <v>0</v>
      </c>
      <c r="F7436" cm="1">
        <f t="array" ref="F7436">IFERROR(INDEX(Jesper!AJ$2:AJ$366,ROUNDDOWN($C7436/24,0)+1,1)*INDEX($D$3:$AA$30,INDEX(Jesper!$R$2:$R$366,ROW(INDEX(Jesper!AJ$2:AJ$366,ROUNDDOWN($C7436/24,0)+1,1))-1)+IF('Standard Profiles'!$G$20=$B$10,7,0)+IF('Standard Profiles'!$G$20=$B$17,14,0)+IF('Standard Profiles'!$G$20=$B$24,21,0),MOD($C7436,24)+1)/SUM(INDEX($D$3:$AA$30,INDEX(Jesper!$R$2:$R$366,ROW(INDEX(Jesper!AJ$2:AJ$366,ROUNDDOWN($C7436/24,0)+1,1))-1)+IF('Standard Profiles'!$G$20=$B$10,7,0)+IF('Standard Profiles'!$G$20=$B$17,14,0)+IF('Standard Profiles'!$G$20=$B$24,21,0),0)),0)</f>
        <v>0</v>
      </c>
      <c r="G7436" cm="1">
        <f t="array" ref="G7436">IFERROR(INDEX(Jesper!AK$2:AK$366,ROUNDDOWN($C7436/24,0)+1,1)*INDEX($D$3:$AA$30,INDEX(Jesper!$R$2:$R$366,ROW(INDEX(Jesper!AK$2:AK$366,ROUNDDOWN($C7436/24,0)+1,1))-1)+IF('Standard Profiles'!$G$21=$B$10,7,0)+IF('Standard Profiles'!$G$21=$B$17,14,0)+IF('Standard Profiles'!$G$21=$B$24,21,0),MOD($C7436,24)+1)/SUM(INDEX($D$3:$AA$30,INDEX(Jesper!$R$2:$R$366,ROW(INDEX(Jesper!AK$2:AK$366,ROUNDDOWN($C7436/24,0)+1,1))-1)+IF('Standard Profiles'!$G$21=$B$10,7,0)+IF('Standard Profiles'!$G$21=$B$17,14,0)+IF('Standard Profiles'!$G$21=$B$24,21,0),0)),0)</f>
        <v>0</v>
      </c>
      <c r="H7436" cm="1">
        <f t="array" ref="H7436">IFERROR(INDEX(Jesper!AL$2:AL$366,ROUNDDOWN($C7436/24,0)+1,1)*INDEX($D$3:$AA$30,INDEX(Jesper!$R$2:$R$366,ROW(INDEX(Jesper!AL$2:AL$366,ROUNDDOWN($C7436/24,0)+1,1))-1)+IF('Standard Profiles'!$G$22=$B$10,7,0)+IF('Standard Profiles'!$G$22=$B$17,14,0)+IF('Standard Profiles'!$G$22=$B$24,21,0),MOD($C7436,24)+1)/SUM(INDEX($D$3:$AA$30,INDEX(Jesper!$R$2:$R$366,ROW(INDEX(Jesper!AL$2:AL$366,ROUNDDOWN($C7436/24,0)+1,1))-1)+IF('Standard Profiles'!$G$22=$B$10,7,0)+IF('Standard Profiles'!$G$22=$B$17,14,0)+IF('Standard Profiles'!$G$22=$B$24,21,0),0)),0)</f>
        <v>0</v>
      </c>
      <c r="I7436">
        <f t="shared" si="825"/>
        <v>0.40234044444998024</v>
      </c>
      <c r="J7436">
        <f t="shared" si="826"/>
        <v>1.3411348148332676</v>
      </c>
      <c r="K7436">
        <f t="shared" si="827"/>
        <v>2.0117022222499013</v>
      </c>
      <c r="L7436">
        <f t="shared" si="828"/>
        <v>9.6561706667995253</v>
      </c>
      <c r="M7436">
        <f t="shared" si="829"/>
        <v>0</v>
      </c>
      <c r="N7436" s="46">
        <f t="shared" si="830"/>
        <v>45600.416666648714</v>
      </c>
    </row>
    <row r="7437" spans="2:14" x14ac:dyDescent="0.3">
      <c r="B7437">
        <f t="shared" si="824"/>
        <v>1</v>
      </c>
      <c r="C7437" s="16">
        <v>7403</v>
      </c>
      <c r="D7437" cm="1">
        <f t="array" ref="D7437">IFERROR(INDEX(Jesper!AH$2:AH$366,ROUNDDOWN($C7437/24,0)+1,1)*INDEX($D$3:$AA$30,INDEX(Jesper!$R$2:$R$366,ROW(INDEX(Jesper!AH$2:AH$366,ROUNDDOWN($C7437/24,0)+1,1))-1)+IF('Standard Profiles'!$G$18=$B$10,7,0)+IF('Standard Profiles'!$G$18=$B$17,14,0)+IF('Standard Profiles'!$G$18=$B$24,21,0),MOD($C7437,24)+1)/SUM(INDEX($D$3:$AA$30,INDEX(Jesper!$R$2:$R$366,ROW(INDEX(Jesper!AH$2:AH$366,ROUNDDOWN($C7437/24,0)+1,1))-1)+IF('Standard Profiles'!$G$18=$B$10,7,0)+IF('Standard Profiles'!$G$18=$B$17,14,0)+IF('Standard Profiles'!$G$18=$B$24,21,0),0)),0)</f>
        <v>17.030283362962127</v>
      </c>
      <c r="E7437" cm="1">
        <f t="array" ref="E7437">IFERROR(INDEX(Jesper!AI$2:AI$366,ROUNDDOWN($C7437/24,0)+1,1)*INDEX($D$3:$AA$30,INDEX(Jesper!$R$2:$R$366,ROW(INDEX(Jesper!AI$2:AI$366,ROUNDDOWN($C7437/24,0)+1,1))-1)+IF('Standard Profiles'!$G$19=$B$10,7,0)+IF('Standard Profiles'!$G$19=$B$17,14,0)+IF('Standard Profiles'!$G$19=$B$24,21,0),MOD($C7437,24)+1)/SUM(INDEX($D$3:$AA$30,INDEX(Jesper!$R$2:$R$366,ROW(INDEX(Jesper!AI$2:AI$366,ROUNDDOWN($C7437/24,0)+1,1))-1)+IF('Standard Profiles'!$G$19=$B$10,7,0)+IF('Standard Profiles'!$G$19=$B$17,14,0)+IF('Standard Profiles'!$G$19=$B$24,21,0),0)),0)</f>
        <v>0</v>
      </c>
      <c r="F7437" cm="1">
        <f t="array" ref="F7437">IFERROR(INDEX(Jesper!AJ$2:AJ$366,ROUNDDOWN($C7437/24,0)+1,1)*INDEX($D$3:$AA$30,INDEX(Jesper!$R$2:$R$366,ROW(INDEX(Jesper!AJ$2:AJ$366,ROUNDDOWN($C7437/24,0)+1,1))-1)+IF('Standard Profiles'!$G$20=$B$10,7,0)+IF('Standard Profiles'!$G$20=$B$17,14,0)+IF('Standard Profiles'!$G$20=$B$24,21,0),MOD($C7437,24)+1)/SUM(INDEX($D$3:$AA$30,INDEX(Jesper!$R$2:$R$366,ROW(INDEX(Jesper!AJ$2:AJ$366,ROUNDDOWN($C7437/24,0)+1,1))-1)+IF('Standard Profiles'!$G$20=$B$10,7,0)+IF('Standard Profiles'!$G$20=$B$17,14,0)+IF('Standard Profiles'!$G$20=$B$24,21,0),0)),0)</f>
        <v>0</v>
      </c>
      <c r="G7437" cm="1">
        <f t="array" ref="G7437">IFERROR(INDEX(Jesper!AK$2:AK$366,ROUNDDOWN($C7437/24,0)+1,1)*INDEX($D$3:$AA$30,INDEX(Jesper!$R$2:$R$366,ROW(INDEX(Jesper!AK$2:AK$366,ROUNDDOWN($C7437/24,0)+1,1))-1)+IF('Standard Profiles'!$G$21=$B$10,7,0)+IF('Standard Profiles'!$G$21=$B$17,14,0)+IF('Standard Profiles'!$G$21=$B$24,21,0),MOD($C7437,24)+1)/SUM(INDEX($D$3:$AA$30,INDEX(Jesper!$R$2:$R$366,ROW(INDEX(Jesper!AK$2:AK$366,ROUNDDOWN($C7437/24,0)+1,1))-1)+IF('Standard Profiles'!$G$21=$B$10,7,0)+IF('Standard Profiles'!$G$21=$B$17,14,0)+IF('Standard Profiles'!$G$21=$B$24,21,0),0)),0)</f>
        <v>0</v>
      </c>
      <c r="H7437" cm="1">
        <f t="array" ref="H7437">IFERROR(INDEX(Jesper!AL$2:AL$366,ROUNDDOWN($C7437/24,0)+1,1)*INDEX($D$3:$AA$30,INDEX(Jesper!$R$2:$R$366,ROW(INDEX(Jesper!AL$2:AL$366,ROUNDDOWN($C7437/24,0)+1,1))-1)+IF('Standard Profiles'!$G$22=$B$10,7,0)+IF('Standard Profiles'!$G$22=$B$17,14,0)+IF('Standard Profiles'!$G$22=$B$24,21,0),MOD($C7437,24)+1)/SUM(INDEX($D$3:$AA$30,INDEX(Jesper!$R$2:$R$366,ROW(INDEX(Jesper!AL$2:AL$366,ROUNDDOWN($C7437/24,0)+1,1))-1)+IF('Standard Profiles'!$G$22=$B$10,7,0)+IF('Standard Profiles'!$G$22=$B$17,14,0)+IF('Standard Profiles'!$G$22=$B$24,21,0),0)),0)</f>
        <v>0</v>
      </c>
      <c r="I7437">
        <f t="shared" si="825"/>
        <v>0.51090850088886375</v>
      </c>
      <c r="J7437">
        <f t="shared" si="826"/>
        <v>1.7030283362962129</v>
      </c>
      <c r="K7437">
        <f t="shared" si="827"/>
        <v>2.5545425044443189</v>
      </c>
      <c r="L7437">
        <f t="shared" si="828"/>
        <v>12.261804021332731</v>
      </c>
      <c r="M7437">
        <f t="shared" si="829"/>
        <v>0</v>
      </c>
      <c r="N7437" s="46">
        <f t="shared" si="830"/>
        <v>45600.458333315379</v>
      </c>
    </row>
    <row r="7438" spans="2:14" x14ac:dyDescent="0.3">
      <c r="B7438">
        <f t="shared" si="824"/>
        <v>1</v>
      </c>
      <c r="C7438" s="16">
        <v>7404</v>
      </c>
      <c r="D7438" cm="1">
        <f t="array" ref="D7438">IFERROR(INDEX(Jesper!AH$2:AH$366,ROUNDDOWN($C7438/24,0)+1,1)*INDEX($D$3:$AA$30,INDEX(Jesper!$R$2:$R$366,ROW(INDEX(Jesper!AH$2:AH$366,ROUNDDOWN($C7438/24,0)+1,1))-1)+IF('Standard Profiles'!$G$18=$B$10,7,0)+IF('Standard Profiles'!$G$18=$B$17,14,0)+IF('Standard Profiles'!$G$18=$B$24,21,0),MOD($C7438,24)+1)/SUM(INDEX($D$3:$AA$30,INDEX(Jesper!$R$2:$R$366,ROW(INDEX(Jesper!AH$2:AH$366,ROUNDDOWN($C7438/24,0)+1,1))-1)+IF('Standard Profiles'!$G$18=$B$10,7,0)+IF('Standard Profiles'!$G$18=$B$17,14,0)+IF('Standard Profiles'!$G$18=$B$24,21,0),0)),0)</f>
        <v>17.030283362962127</v>
      </c>
      <c r="E7438" cm="1">
        <f t="array" ref="E7438">IFERROR(INDEX(Jesper!AI$2:AI$366,ROUNDDOWN($C7438/24,0)+1,1)*INDEX($D$3:$AA$30,INDEX(Jesper!$R$2:$R$366,ROW(INDEX(Jesper!AI$2:AI$366,ROUNDDOWN($C7438/24,0)+1,1))-1)+IF('Standard Profiles'!$G$19=$B$10,7,0)+IF('Standard Profiles'!$G$19=$B$17,14,0)+IF('Standard Profiles'!$G$19=$B$24,21,0),MOD($C7438,24)+1)/SUM(INDEX($D$3:$AA$30,INDEX(Jesper!$R$2:$R$366,ROW(INDEX(Jesper!AI$2:AI$366,ROUNDDOWN($C7438/24,0)+1,1))-1)+IF('Standard Profiles'!$G$19=$B$10,7,0)+IF('Standard Profiles'!$G$19=$B$17,14,0)+IF('Standard Profiles'!$G$19=$B$24,21,0),0)),0)</f>
        <v>0</v>
      </c>
      <c r="F7438" cm="1">
        <f t="array" ref="F7438">IFERROR(INDEX(Jesper!AJ$2:AJ$366,ROUNDDOWN($C7438/24,0)+1,1)*INDEX($D$3:$AA$30,INDEX(Jesper!$R$2:$R$366,ROW(INDEX(Jesper!AJ$2:AJ$366,ROUNDDOWN($C7438/24,0)+1,1))-1)+IF('Standard Profiles'!$G$20=$B$10,7,0)+IF('Standard Profiles'!$G$20=$B$17,14,0)+IF('Standard Profiles'!$G$20=$B$24,21,0),MOD($C7438,24)+1)/SUM(INDEX($D$3:$AA$30,INDEX(Jesper!$R$2:$R$366,ROW(INDEX(Jesper!AJ$2:AJ$366,ROUNDDOWN($C7438/24,0)+1,1))-1)+IF('Standard Profiles'!$G$20=$B$10,7,0)+IF('Standard Profiles'!$G$20=$B$17,14,0)+IF('Standard Profiles'!$G$20=$B$24,21,0),0)),0)</f>
        <v>0</v>
      </c>
      <c r="G7438" cm="1">
        <f t="array" ref="G7438">IFERROR(INDEX(Jesper!AK$2:AK$366,ROUNDDOWN($C7438/24,0)+1,1)*INDEX($D$3:$AA$30,INDEX(Jesper!$R$2:$R$366,ROW(INDEX(Jesper!AK$2:AK$366,ROUNDDOWN($C7438/24,0)+1,1))-1)+IF('Standard Profiles'!$G$21=$B$10,7,0)+IF('Standard Profiles'!$G$21=$B$17,14,0)+IF('Standard Profiles'!$G$21=$B$24,21,0),MOD($C7438,24)+1)/SUM(INDEX($D$3:$AA$30,INDEX(Jesper!$R$2:$R$366,ROW(INDEX(Jesper!AK$2:AK$366,ROUNDDOWN($C7438/24,0)+1,1))-1)+IF('Standard Profiles'!$G$21=$B$10,7,0)+IF('Standard Profiles'!$G$21=$B$17,14,0)+IF('Standard Profiles'!$G$21=$B$24,21,0),0)),0)</f>
        <v>0</v>
      </c>
      <c r="H7438" cm="1">
        <f t="array" ref="H7438">IFERROR(INDEX(Jesper!AL$2:AL$366,ROUNDDOWN($C7438/24,0)+1,1)*INDEX($D$3:$AA$30,INDEX(Jesper!$R$2:$R$366,ROW(INDEX(Jesper!AL$2:AL$366,ROUNDDOWN($C7438/24,0)+1,1))-1)+IF('Standard Profiles'!$G$22=$B$10,7,0)+IF('Standard Profiles'!$G$22=$B$17,14,0)+IF('Standard Profiles'!$G$22=$B$24,21,0),MOD($C7438,24)+1)/SUM(INDEX($D$3:$AA$30,INDEX(Jesper!$R$2:$R$366,ROW(INDEX(Jesper!AL$2:AL$366,ROUNDDOWN($C7438/24,0)+1,1))-1)+IF('Standard Profiles'!$G$22=$B$10,7,0)+IF('Standard Profiles'!$G$22=$B$17,14,0)+IF('Standard Profiles'!$G$22=$B$24,21,0),0)),0)</f>
        <v>0</v>
      </c>
      <c r="I7438">
        <f t="shared" si="825"/>
        <v>0.51090850088886375</v>
      </c>
      <c r="J7438">
        <f t="shared" si="826"/>
        <v>1.7030283362962129</v>
      </c>
      <c r="K7438">
        <f t="shared" si="827"/>
        <v>2.5545425044443189</v>
      </c>
      <c r="L7438">
        <f t="shared" si="828"/>
        <v>12.261804021332731</v>
      </c>
      <c r="M7438">
        <f t="shared" si="829"/>
        <v>0</v>
      </c>
      <c r="N7438" s="46">
        <f t="shared" si="830"/>
        <v>45600.499999982043</v>
      </c>
    </row>
    <row r="7439" spans="2:14" x14ac:dyDescent="0.3">
      <c r="B7439">
        <f t="shared" si="824"/>
        <v>1</v>
      </c>
      <c r="C7439" s="16">
        <v>7405</v>
      </c>
      <c r="D7439" cm="1">
        <f t="array" ref="D7439">IFERROR(INDEX(Jesper!AH$2:AH$366,ROUNDDOWN($C7439/24,0)+1,1)*INDEX($D$3:$AA$30,INDEX(Jesper!$R$2:$R$366,ROW(INDEX(Jesper!AH$2:AH$366,ROUNDDOWN($C7439/24,0)+1,1))-1)+IF('Standard Profiles'!$G$18=$B$10,7,0)+IF('Standard Profiles'!$G$18=$B$17,14,0)+IF('Standard Profiles'!$G$18=$B$24,21,0),MOD($C7439,24)+1)/SUM(INDEX($D$3:$AA$30,INDEX(Jesper!$R$2:$R$366,ROW(INDEX(Jesper!AH$2:AH$366,ROUNDDOWN($C7439/24,0)+1,1))-1)+IF('Standard Profiles'!$G$18=$B$10,7,0)+IF('Standard Profiles'!$G$18=$B$17,14,0)+IF('Standard Profiles'!$G$18=$B$24,21,0),0)),0)</f>
        <v>11.282562727962409</v>
      </c>
      <c r="E7439" cm="1">
        <f t="array" ref="E7439">IFERROR(INDEX(Jesper!AI$2:AI$366,ROUNDDOWN($C7439/24,0)+1,1)*INDEX($D$3:$AA$30,INDEX(Jesper!$R$2:$R$366,ROW(INDEX(Jesper!AI$2:AI$366,ROUNDDOWN($C7439/24,0)+1,1))-1)+IF('Standard Profiles'!$G$19=$B$10,7,0)+IF('Standard Profiles'!$G$19=$B$17,14,0)+IF('Standard Profiles'!$G$19=$B$24,21,0),MOD($C7439,24)+1)/SUM(INDEX($D$3:$AA$30,INDEX(Jesper!$R$2:$R$366,ROW(INDEX(Jesper!AI$2:AI$366,ROUNDDOWN($C7439/24,0)+1,1))-1)+IF('Standard Profiles'!$G$19=$B$10,7,0)+IF('Standard Profiles'!$G$19=$B$17,14,0)+IF('Standard Profiles'!$G$19=$B$24,21,0),0)),0)</f>
        <v>0</v>
      </c>
      <c r="F7439" cm="1">
        <f t="array" ref="F7439">IFERROR(INDEX(Jesper!AJ$2:AJ$366,ROUNDDOWN($C7439/24,0)+1,1)*INDEX($D$3:$AA$30,INDEX(Jesper!$R$2:$R$366,ROW(INDEX(Jesper!AJ$2:AJ$366,ROUNDDOWN($C7439/24,0)+1,1))-1)+IF('Standard Profiles'!$G$20=$B$10,7,0)+IF('Standard Profiles'!$G$20=$B$17,14,0)+IF('Standard Profiles'!$G$20=$B$24,21,0),MOD($C7439,24)+1)/SUM(INDEX($D$3:$AA$30,INDEX(Jesper!$R$2:$R$366,ROW(INDEX(Jesper!AJ$2:AJ$366,ROUNDDOWN($C7439/24,0)+1,1))-1)+IF('Standard Profiles'!$G$20=$B$10,7,0)+IF('Standard Profiles'!$G$20=$B$17,14,0)+IF('Standard Profiles'!$G$20=$B$24,21,0),0)),0)</f>
        <v>0</v>
      </c>
      <c r="G7439" cm="1">
        <f t="array" ref="G7439">IFERROR(INDEX(Jesper!AK$2:AK$366,ROUNDDOWN($C7439/24,0)+1,1)*INDEX($D$3:$AA$30,INDEX(Jesper!$R$2:$R$366,ROW(INDEX(Jesper!AK$2:AK$366,ROUNDDOWN($C7439/24,0)+1,1))-1)+IF('Standard Profiles'!$G$21=$B$10,7,0)+IF('Standard Profiles'!$G$21=$B$17,14,0)+IF('Standard Profiles'!$G$21=$B$24,21,0),MOD($C7439,24)+1)/SUM(INDEX($D$3:$AA$30,INDEX(Jesper!$R$2:$R$366,ROW(INDEX(Jesper!AK$2:AK$366,ROUNDDOWN($C7439/24,0)+1,1))-1)+IF('Standard Profiles'!$G$21=$B$10,7,0)+IF('Standard Profiles'!$G$21=$B$17,14,0)+IF('Standard Profiles'!$G$21=$B$24,21,0),0)),0)</f>
        <v>0</v>
      </c>
      <c r="H7439" cm="1">
        <f t="array" ref="H7439">IFERROR(INDEX(Jesper!AL$2:AL$366,ROUNDDOWN($C7439/24,0)+1,1)*INDEX($D$3:$AA$30,INDEX(Jesper!$R$2:$R$366,ROW(INDEX(Jesper!AL$2:AL$366,ROUNDDOWN($C7439/24,0)+1,1))-1)+IF('Standard Profiles'!$G$22=$B$10,7,0)+IF('Standard Profiles'!$G$22=$B$17,14,0)+IF('Standard Profiles'!$G$22=$B$24,21,0),MOD($C7439,24)+1)/SUM(INDEX($D$3:$AA$30,INDEX(Jesper!$R$2:$R$366,ROW(INDEX(Jesper!AL$2:AL$366,ROUNDDOWN($C7439/24,0)+1,1))-1)+IF('Standard Profiles'!$G$22=$B$10,7,0)+IF('Standard Profiles'!$G$22=$B$17,14,0)+IF('Standard Profiles'!$G$22=$B$24,21,0),0)),0)</f>
        <v>0</v>
      </c>
      <c r="I7439">
        <f t="shared" si="825"/>
        <v>0.33847688183887226</v>
      </c>
      <c r="J7439">
        <f t="shared" si="826"/>
        <v>1.1282562727962409</v>
      </c>
      <c r="K7439">
        <f t="shared" si="827"/>
        <v>1.6923844091943614</v>
      </c>
      <c r="L7439">
        <f t="shared" si="828"/>
        <v>8.123445164132935</v>
      </c>
      <c r="M7439">
        <f t="shared" si="829"/>
        <v>0</v>
      </c>
      <c r="N7439" s="46">
        <f t="shared" si="830"/>
        <v>45600.541666648707</v>
      </c>
    </row>
    <row r="7440" spans="2:14" x14ac:dyDescent="0.3">
      <c r="B7440">
        <f t="shared" si="824"/>
        <v>1</v>
      </c>
      <c r="C7440" s="16">
        <v>7406</v>
      </c>
      <c r="D7440" cm="1">
        <f t="array" ref="D7440">IFERROR(INDEX(Jesper!AH$2:AH$366,ROUNDDOWN($C7440/24,0)+1,1)*INDEX($D$3:$AA$30,INDEX(Jesper!$R$2:$R$366,ROW(INDEX(Jesper!AH$2:AH$366,ROUNDDOWN($C7440/24,0)+1,1))-1)+IF('Standard Profiles'!$G$18=$B$10,7,0)+IF('Standard Profiles'!$G$18=$B$17,14,0)+IF('Standard Profiles'!$G$18=$B$24,21,0),MOD($C7440,24)+1)/SUM(INDEX($D$3:$AA$30,INDEX(Jesper!$R$2:$R$366,ROW(INDEX(Jesper!AH$2:AH$366,ROUNDDOWN($C7440/24,0)+1,1))-1)+IF('Standard Profiles'!$G$18=$B$10,7,0)+IF('Standard Profiles'!$G$18=$B$17,14,0)+IF('Standard Profiles'!$G$18=$B$24,21,0),0)),0)</f>
        <v>17.030283362962127</v>
      </c>
      <c r="E7440" cm="1">
        <f t="array" ref="E7440">IFERROR(INDEX(Jesper!AI$2:AI$366,ROUNDDOWN($C7440/24,0)+1,1)*INDEX($D$3:$AA$30,INDEX(Jesper!$R$2:$R$366,ROW(INDEX(Jesper!AI$2:AI$366,ROUNDDOWN($C7440/24,0)+1,1))-1)+IF('Standard Profiles'!$G$19=$B$10,7,0)+IF('Standard Profiles'!$G$19=$B$17,14,0)+IF('Standard Profiles'!$G$19=$B$24,21,0),MOD($C7440,24)+1)/SUM(INDEX($D$3:$AA$30,INDEX(Jesper!$R$2:$R$366,ROW(INDEX(Jesper!AI$2:AI$366,ROUNDDOWN($C7440/24,0)+1,1))-1)+IF('Standard Profiles'!$G$19=$B$10,7,0)+IF('Standard Profiles'!$G$19=$B$17,14,0)+IF('Standard Profiles'!$G$19=$B$24,21,0),0)),0)</f>
        <v>0</v>
      </c>
      <c r="F7440" cm="1">
        <f t="array" ref="F7440">IFERROR(INDEX(Jesper!AJ$2:AJ$366,ROUNDDOWN($C7440/24,0)+1,1)*INDEX($D$3:$AA$30,INDEX(Jesper!$R$2:$R$366,ROW(INDEX(Jesper!AJ$2:AJ$366,ROUNDDOWN($C7440/24,0)+1,1))-1)+IF('Standard Profiles'!$G$20=$B$10,7,0)+IF('Standard Profiles'!$G$20=$B$17,14,0)+IF('Standard Profiles'!$G$20=$B$24,21,0),MOD($C7440,24)+1)/SUM(INDEX($D$3:$AA$30,INDEX(Jesper!$R$2:$R$366,ROW(INDEX(Jesper!AJ$2:AJ$366,ROUNDDOWN($C7440/24,0)+1,1))-1)+IF('Standard Profiles'!$G$20=$B$10,7,0)+IF('Standard Profiles'!$G$20=$B$17,14,0)+IF('Standard Profiles'!$G$20=$B$24,21,0),0)),0)</f>
        <v>0</v>
      </c>
      <c r="G7440" cm="1">
        <f t="array" ref="G7440">IFERROR(INDEX(Jesper!AK$2:AK$366,ROUNDDOWN($C7440/24,0)+1,1)*INDEX($D$3:$AA$30,INDEX(Jesper!$R$2:$R$366,ROW(INDEX(Jesper!AK$2:AK$366,ROUNDDOWN($C7440/24,0)+1,1))-1)+IF('Standard Profiles'!$G$21=$B$10,7,0)+IF('Standard Profiles'!$G$21=$B$17,14,0)+IF('Standard Profiles'!$G$21=$B$24,21,0),MOD($C7440,24)+1)/SUM(INDEX($D$3:$AA$30,INDEX(Jesper!$R$2:$R$366,ROW(INDEX(Jesper!AK$2:AK$366,ROUNDDOWN($C7440/24,0)+1,1))-1)+IF('Standard Profiles'!$G$21=$B$10,7,0)+IF('Standard Profiles'!$G$21=$B$17,14,0)+IF('Standard Profiles'!$G$21=$B$24,21,0),0)),0)</f>
        <v>0</v>
      </c>
      <c r="H7440" cm="1">
        <f t="array" ref="H7440">IFERROR(INDEX(Jesper!AL$2:AL$366,ROUNDDOWN($C7440/24,0)+1,1)*INDEX($D$3:$AA$30,INDEX(Jesper!$R$2:$R$366,ROW(INDEX(Jesper!AL$2:AL$366,ROUNDDOWN($C7440/24,0)+1,1))-1)+IF('Standard Profiles'!$G$22=$B$10,7,0)+IF('Standard Profiles'!$G$22=$B$17,14,0)+IF('Standard Profiles'!$G$22=$B$24,21,0),MOD($C7440,24)+1)/SUM(INDEX($D$3:$AA$30,INDEX(Jesper!$R$2:$R$366,ROW(INDEX(Jesper!AL$2:AL$366,ROUNDDOWN($C7440/24,0)+1,1))-1)+IF('Standard Profiles'!$G$22=$B$10,7,0)+IF('Standard Profiles'!$G$22=$B$17,14,0)+IF('Standard Profiles'!$G$22=$B$24,21,0),0)),0)</f>
        <v>0</v>
      </c>
      <c r="I7440">
        <f t="shared" si="825"/>
        <v>0.51090850088886375</v>
      </c>
      <c r="J7440">
        <f t="shared" si="826"/>
        <v>1.7030283362962129</v>
      </c>
      <c r="K7440">
        <f t="shared" si="827"/>
        <v>2.5545425044443189</v>
      </c>
      <c r="L7440">
        <f t="shared" si="828"/>
        <v>12.261804021332731</v>
      </c>
      <c r="M7440">
        <f t="shared" si="829"/>
        <v>0</v>
      </c>
      <c r="N7440" s="46">
        <f t="shared" si="830"/>
        <v>45600.583333315371</v>
      </c>
    </row>
    <row r="7441" spans="2:14" x14ac:dyDescent="0.3">
      <c r="B7441">
        <f t="shared" si="824"/>
        <v>1</v>
      </c>
      <c r="C7441" s="16">
        <v>7407</v>
      </c>
      <c r="D7441" cm="1">
        <f t="array" ref="D7441">IFERROR(INDEX(Jesper!AH$2:AH$366,ROUNDDOWN($C7441/24,0)+1,1)*INDEX($D$3:$AA$30,INDEX(Jesper!$R$2:$R$366,ROW(INDEX(Jesper!AH$2:AH$366,ROUNDDOWN($C7441/24,0)+1,1))-1)+IF('Standard Profiles'!$G$18=$B$10,7,0)+IF('Standard Profiles'!$G$18=$B$17,14,0)+IF('Standard Profiles'!$G$18=$B$24,21,0),MOD($C7441,24)+1)/SUM(INDEX($D$3:$AA$30,INDEX(Jesper!$R$2:$R$366,ROW(INDEX(Jesper!AH$2:AH$366,ROUNDDOWN($C7441/24,0)+1,1))-1)+IF('Standard Profiles'!$G$18=$B$10,7,0)+IF('Standard Profiles'!$G$18=$B$17,14,0)+IF('Standard Profiles'!$G$18=$B$24,21,0),0)),0)</f>
        <v>17.030283362962127</v>
      </c>
      <c r="E7441" cm="1">
        <f t="array" ref="E7441">IFERROR(INDEX(Jesper!AI$2:AI$366,ROUNDDOWN($C7441/24,0)+1,1)*INDEX($D$3:$AA$30,INDEX(Jesper!$R$2:$R$366,ROW(INDEX(Jesper!AI$2:AI$366,ROUNDDOWN($C7441/24,0)+1,1))-1)+IF('Standard Profiles'!$G$19=$B$10,7,0)+IF('Standard Profiles'!$G$19=$B$17,14,0)+IF('Standard Profiles'!$G$19=$B$24,21,0),MOD($C7441,24)+1)/SUM(INDEX($D$3:$AA$30,INDEX(Jesper!$R$2:$R$366,ROW(INDEX(Jesper!AI$2:AI$366,ROUNDDOWN($C7441/24,0)+1,1))-1)+IF('Standard Profiles'!$G$19=$B$10,7,0)+IF('Standard Profiles'!$G$19=$B$17,14,0)+IF('Standard Profiles'!$G$19=$B$24,21,0),0)),0)</f>
        <v>0</v>
      </c>
      <c r="F7441" cm="1">
        <f t="array" ref="F7441">IFERROR(INDEX(Jesper!AJ$2:AJ$366,ROUNDDOWN($C7441/24,0)+1,1)*INDEX($D$3:$AA$30,INDEX(Jesper!$R$2:$R$366,ROW(INDEX(Jesper!AJ$2:AJ$366,ROUNDDOWN($C7441/24,0)+1,1))-1)+IF('Standard Profiles'!$G$20=$B$10,7,0)+IF('Standard Profiles'!$G$20=$B$17,14,0)+IF('Standard Profiles'!$G$20=$B$24,21,0),MOD($C7441,24)+1)/SUM(INDEX($D$3:$AA$30,INDEX(Jesper!$R$2:$R$366,ROW(INDEX(Jesper!AJ$2:AJ$366,ROUNDDOWN($C7441/24,0)+1,1))-1)+IF('Standard Profiles'!$G$20=$B$10,7,0)+IF('Standard Profiles'!$G$20=$B$17,14,0)+IF('Standard Profiles'!$G$20=$B$24,21,0),0)),0)</f>
        <v>0</v>
      </c>
      <c r="G7441" cm="1">
        <f t="array" ref="G7441">IFERROR(INDEX(Jesper!AK$2:AK$366,ROUNDDOWN($C7441/24,0)+1,1)*INDEX($D$3:$AA$30,INDEX(Jesper!$R$2:$R$366,ROW(INDEX(Jesper!AK$2:AK$366,ROUNDDOWN($C7441/24,0)+1,1))-1)+IF('Standard Profiles'!$G$21=$B$10,7,0)+IF('Standard Profiles'!$G$21=$B$17,14,0)+IF('Standard Profiles'!$G$21=$B$24,21,0),MOD($C7441,24)+1)/SUM(INDEX($D$3:$AA$30,INDEX(Jesper!$R$2:$R$366,ROW(INDEX(Jesper!AK$2:AK$366,ROUNDDOWN($C7441/24,0)+1,1))-1)+IF('Standard Profiles'!$G$21=$B$10,7,0)+IF('Standard Profiles'!$G$21=$B$17,14,0)+IF('Standard Profiles'!$G$21=$B$24,21,0),0)),0)</f>
        <v>0</v>
      </c>
      <c r="H7441" cm="1">
        <f t="array" ref="H7441">IFERROR(INDEX(Jesper!AL$2:AL$366,ROUNDDOWN($C7441/24,0)+1,1)*INDEX($D$3:$AA$30,INDEX(Jesper!$R$2:$R$366,ROW(INDEX(Jesper!AL$2:AL$366,ROUNDDOWN($C7441/24,0)+1,1))-1)+IF('Standard Profiles'!$G$22=$B$10,7,0)+IF('Standard Profiles'!$G$22=$B$17,14,0)+IF('Standard Profiles'!$G$22=$B$24,21,0),MOD($C7441,24)+1)/SUM(INDEX($D$3:$AA$30,INDEX(Jesper!$R$2:$R$366,ROW(INDEX(Jesper!AL$2:AL$366,ROUNDDOWN($C7441/24,0)+1,1))-1)+IF('Standard Profiles'!$G$22=$B$10,7,0)+IF('Standard Profiles'!$G$22=$B$17,14,0)+IF('Standard Profiles'!$G$22=$B$24,21,0),0)),0)</f>
        <v>0</v>
      </c>
      <c r="I7441">
        <f t="shared" si="825"/>
        <v>0.51090850088886375</v>
      </c>
      <c r="J7441">
        <f t="shared" si="826"/>
        <v>1.7030283362962129</v>
      </c>
      <c r="K7441">
        <f t="shared" si="827"/>
        <v>2.5545425044443189</v>
      </c>
      <c r="L7441">
        <f t="shared" si="828"/>
        <v>12.261804021332731</v>
      </c>
      <c r="M7441">
        <f t="shared" si="829"/>
        <v>0</v>
      </c>
      <c r="N7441" s="46">
        <f t="shared" si="830"/>
        <v>45600.624999982036</v>
      </c>
    </row>
    <row r="7442" spans="2:14" x14ac:dyDescent="0.3">
      <c r="B7442">
        <f t="shared" si="824"/>
        <v>1</v>
      </c>
      <c r="C7442" s="16">
        <v>7408</v>
      </c>
      <c r="D7442" cm="1">
        <f t="array" ref="D7442">IFERROR(INDEX(Jesper!AH$2:AH$366,ROUNDDOWN($C7442/24,0)+1,1)*INDEX($D$3:$AA$30,INDEX(Jesper!$R$2:$R$366,ROW(INDEX(Jesper!AH$2:AH$366,ROUNDDOWN($C7442/24,0)+1,1))-1)+IF('Standard Profiles'!$G$18=$B$10,7,0)+IF('Standard Profiles'!$G$18=$B$17,14,0)+IF('Standard Profiles'!$G$18=$B$24,21,0),MOD($C7442,24)+1)/SUM(INDEX($D$3:$AA$30,INDEX(Jesper!$R$2:$R$366,ROW(INDEX(Jesper!AH$2:AH$366,ROUNDDOWN($C7442/24,0)+1,1))-1)+IF('Standard Profiles'!$G$18=$B$10,7,0)+IF('Standard Profiles'!$G$18=$B$17,14,0)+IF('Standard Profiles'!$G$18=$B$24,21,0),0)),0)</f>
        <v>17.030283362962127</v>
      </c>
      <c r="E7442" cm="1">
        <f t="array" ref="E7442">IFERROR(INDEX(Jesper!AI$2:AI$366,ROUNDDOWN($C7442/24,0)+1,1)*INDEX($D$3:$AA$30,INDEX(Jesper!$R$2:$R$366,ROW(INDEX(Jesper!AI$2:AI$366,ROUNDDOWN($C7442/24,0)+1,1))-1)+IF('Standard Profiles'!$G$19=$B$10,7,0)+IF('Standard Profiles'!$G$19=$B$17,14,0)+IF('Standard Profiles'!$G$19=$B$24,21,0),MOD($C7442,24)+1)/SUM(INDEX($D$3:$AA$30,INDEX(Jesper!$R$2:$R$366,ROW(INDEX(Jesper!AI$2:AI$366,ROUNDDOWN($C7442/24,0)+1,1))-1)+IF('Standard Profiles'!$G$19=$B$10,7,0)+IF('Standard Profiles'!$G$19=$B$17,14,0)+IF('Standard Profiles'!$G$19=$B$24,21,0),0)),0)</f>
        <v>0</v>
      </c>
      <c r="F7442" cm="1">
        <f t="array" ref="F7442">IFERROR(INDEX(Jesper!AJ$2:AJ$366,ROUNDDOWN($C7442/24,0)+1,1)*INDEX($D$3:$AA$30,INDEX(Jesper!$R$2:$R$366,ROW(INDEX(Jesper!AJ$2:AJ$366,ROUNDDOWN($C7442/24,0)+1,1))-1)+IF('Standard Profiles'!$G$20=$B$10,7,0)+IF('Standard Profiles'!$G$20=$B$17,14,0)+IF('Standard Profiles'!$G$20=$B$24,21,0),MOD($C7442,24)+1)/SUM(INDEX($D$3:$AA$30,INDEX(Jesper!$R$2:$R$366,ROW(INDEX(Jesper!AJ$2:AJ$366,ROUNDDOWN($C7442/24,0)+1,1))-1)+IF('Standard Profiles'!$G$20=$B$10,7,0)+IF('Standard Profiles'!$G$20=$B$17,14,0)+IF('Standard Profiles'!$G$20=$B$24,21,0),0)),0)</f>
        <v>0</v>
      </c>
      <c r="G7442" cm="1">
        <f t="array" ref="G7442">IFERROR(INDEX(Jesper!AK$2:AK$366,ROUNDDOWN($C7442/24,0)+1,1)*INDEX($D$3:$AA$30,INDEX(Jesper!$R$2:$R$366,ROW(INDEX(Jesper!AK$2:AK$366,ROUNDDOWN($C7442/24,0)+1,1))-1)+IF('Standard Profiles'!$G$21=$B$10,7,0)+IF('Standard Profiles'!$G$21=$B$17,14,0)+IF('Standard Profiles'!$G$21=$B$24,21,0),MOD($C7442,24)+1)/SUM(INDEX($D$3:$AA$30,INDEX(Jesper!$R$2:$R$366,ROW(INDEX(Jesper!AK$2:AK$366,ROUNDDOWN($C7442/24,0)+1,1))-1)+IF('Standard Profiles'!$G$21=$B$10,7,0)+IF('Standard Profiles'!$G$21=$B$17,14,0)+IF('Standard Profiles'!$G$21=$B$24,21,0),0)),0)</f>
        <v>0</v>
      </c>
      <c r="H7442" cm="1">
        <f t="array" ref="H7442">IFERROR(INDEX(Jesper!AL$2:AL$366,ROUNDDOWN($C7442/24,0)+1,1)*INDEX($D$3:$AA$30,INDEX(Jesper!$R$2:$R$366,ROW(INDEX(Jesper!AL$2:AL$366,ROUNDDOWN($C7442/24,0)+1,1))-1)+IF('Standard Profiles'!$G$22=$B$10,7,0)+IF('Standard Profiles'!$G$22=$B$17,14,0)+IF('Standard Profiles'!$G$22=$B$24,21,0),MOD($C7442,24)+1)/SUM(INDEX($D$3:$AA$30,INDEX(Jesper!$R$2:$R$366,ROW(INDEX(Jesper!AL$2:AL$366,ROUNDDOWN($C7442/24,0)+1,1))-1)+IF('Standard Profiles'!$G$22=$B$10,7,0)+IF('Standard Profiles'!$G$22=$B$17,14,0)+IF('Standard Profiles'!$G$22=$B$24,21,0),0)),0)</f>
        <v>0</v>
      </c>
      <c r="I7442">
        <f t="shared" si="825"/>
        <v>0.51090850088886375</v>
      </c>
      <c r="J7442">
        <f t="shared" si="826"/>
        <v>1.7030283362962129</v>
      </c>
      <c r="K7442">
        <f t="shared" si="827"/>
        <v>2.5545425044443189</v>
      </c>
      <c r="L7442">
        <f t="shared" si="828"/>
        <v>12.261804021332731</v>
      </c>
      <c r="M7442">
        <f t="shared" si="829"/>
        <v>0</v>
      </c>
      <c r="N7442" s="46">
        <f t="shared" si="830"/>
        <v>45600.6666666487</v>
      </c>
    </row>
    <row r="7443" spans="2:14" x14ac:dyDescent="0.3">
      <c r="B7443">
        <f t="shared" si="824"/>
        <v>1</v>
      </c>
      <c r="C7443" s="16">
        <v>7409</v>
      </c>
      <c r="D7443" cm="1">
        <f t="array" ref="D7443">IFERROR(INDEX(Jesper!AH$2:AH$366,ROUNDDOWN($C7443/24,0)+1,1)*INDEX($D$3:$AA$30,INDEX(Jesper!$R$2:$R$366,ROW(INDEX(Jesper!AH$2:AH$366,ROUNDDOWN($C7443/24,0)+1,1))-1)+IF('Standard Profiles'!$G$18=$B$10,7,0)+IF('Standard Profiles'!$G$18=$B$17,14,0)+IF('Standard Profiles'!$G$18=$B$24,21,0),MOD($C7443,24)+1)/SUM(INDEX($D$3:$AA$30,INDEX(Jesper!$R$2:$R$366,ROW(INDEX(Jesper!AH$2:AH$366,ROUNDDOWN($C7443/24,0)+1,1))-1)+IF('Standard Profiles'!$G$18=$B$10,7,0)+IF('Standard Profiles'!$G$18=$B$17,14,0)+IF('Standard Profiles'!$G$18=$B$24,21,0),0)),0)</f>
        <v>17.030283362962127</v>
      </c>
      <c r="E7443" cm="1">
        <f t="array" ref="E7443">IFERROR(INDEX(Jesper!AI$2:AI$366,ROUNDDOWN($C7443/24,0)+1,1)*INDEX($D$3:$AA$30,INDEX(Jesper!$R$2:$R$366,ROW(INDEX(Jesper!AI$2:AI$366,ROUNDDOWN($C7443/24,0)+1,1))-1)+IF('Standard Profiles'!$G$19=$B$10,7,0)+IF('Standard Profiles'!$G$19=$B$17,14,0)+IF('Standard Profiles'!$G$19=$B$24,21,0),MOD($C7443,24)+1)/SUM(INDEX($D$3:$AA$30,INDEX(Jesper!$R$2:$R$366,ROW(INDEX(Jesper!AI$2:AI$366,ROUNDDOWN($C7443/24,0)+1,1))-1)+IF('Standard Profiles'!$G$19=$B$10,7,0)+IF('Standard Profiles'!$G$19=$B$17,14,0)+IF('Standard Profiles'!$G$19=$B$24,21,0),0)),0)</f>
        <v>0</v>
      </c>
      <c r="F7443" cm="1">
        <f t="array" ref="F7443">IFERROR(INDEX(Jesper!AJ$2:AJ$366,ROUNDDOWN($C7443/24,0)+1,1)*INDEX($D$3:$AA$30,INDEX(Jesper!$R$2:$R$366,ROW(INDEX(Jesper!AJ$2:AJ$366,ROUNDDOWN($C7443/24,0)+1,1))-1)+IF('Standard Profiles'!$G$20=$B$10,7,0)+IF('Standard Profiles'!$G$20=$B$17,14,0)+IF('Standard Profiles'!$G$20=$B$24,21,0),MOD($C7443,24)+1)/SUM(INDEX($D$3:$AA$30,INDEX(Jesper!$R$2:$R$366,ROW(INDEX(Jesper!AJ$2:AJ$366,ROUNDDOWN($C7443/24,0)+1,1))-1)+IF('Standard Profiles'!$G$20=$B$10,7,0)+IF('Standard Profiles'!$G$20=$B$17,14,0)+IF('Standard Profiles'!$G$20=$B$24,21,0),0)),0)</f>
        <v>0</v>
      </c>
      <c r="G7443" cm="1">
        <f t="array" ref="G7443">IFERROR(INDEX(Jesper!AK$2:AK$366,ROUNDDOWN($C7443/24,0)+1,1)*INDEX($D$3:$AA$30,INDEX(Jesper!$R$2:$R$366,ROW(INDEX(Jesper!AK$2:AK$366,ROUNDDOWN($C7443/24,0)+1,1))-1)+IF('Standard Profiles'!$G$21=$B$10,7,0)+IF('Standard Profiles'!$G$21=$B$17,14,0)+IF('Standard Profiles'!$G$21=$B$24,21,0),MOD($C7443,24)+1)/SUM(INDEX($D$3:$AA$30,INDEX(Jesper!$R$2:$R$366,ROW(INDEX(Jesper!AK$2:AK$366,ROUNDDOWN($C7443/24,0)+1,1))-1)+IF('Standard Profiles'!$G$21=$B$10,7,0)+IF('Standard Profiles'!$G$21=$B$17,14,0)+IF('Standard Profiles'!$G$21=$B$24,21,0),0)),0)</f>
        <v>0</v>
      </c>
      <c r="H7443" cm="1">
        <f t="array" ref="H7443">IFERROR(INDEX(Jesper!AL$2:AL$366,ROUNDDOWN($C7443/24,0)+1,1)*INDEX($D$3:$AA$30,INDEX(Jesper!$R$2:$R$366,ROW(INDEX(Jesper!AL$2:AL$366,ROUNDDOWN($C7443/24,0)+1,1))-1)+IF('Standard Profiles'!$G$22=$B$10,7,0)+IF('Standard Profiles'!$G$22=$B$17,14,0)+IF('Standard Profiles'!$G$22=$B$24,21,0),MOD($C7443,24)+1)/SUM(INDEX($D$3:$AA$30,INDEX(Jesper!$R$2:$R$366,ROW(INDEX(Jesper!AL$2:AL$366,ROUNDDOWN($C7443/24,0)+1,1))-1)+IF('Standard Profiles'!$G$22=$B$10,7,0)+IF('Standard Profiles'!$G$22=$B$17,14,0)+IF('Standard Profiles'!$G$22=$B$24,21,0),0)),0)</f>
        <v>0</v>
      </c>
      <c r="I7443">
        <f t="shared" si="825"/>
        <v>0.51090850088886375</v>
      </c>
      <c r="J7443">
        <f t="shared" si="826"/>
        <v>1.7030283362962129</v>
      </c>
      <c r="K7443">
        <f t="shared" si="827"/>
        <v>2.5545425044443189</v>
      </c>
      <c r="L7443">
        <f t="shared" si="828"/>
        <v>12.261804021332731</v>
      </c>
      <c r="M7443">
        <f t="shared" si="829"/>
        <v>0</v>
      </c>
      <c r="N7443" s="46">
        <f t="shared" si="830"/>
        <v>45600.708333315364</v>
      </c>
    </row>
    <row r="7444" spans="2:14" x14ac:dyDescent="0.3">
      <c r="B7444">
        <f t="shared" si="824"/>
        <v>1</v>
      </c>
      <c r="C7444" s="16">
        <v>7410</v>
      </c>
      <c r="D7444" cm="1">
        <f t="array" ref="D7444">IFERROR(INDEX(Jesper!AH$2:AH$366,ROUNDDOWN($C7444/24,0)+1,1)*INDEX($D$3:$AA$30,INDEX(Jesper!$R$2:$R$366,ROW(INDEX(Jesper!AH$2:AH$366,ROUNDDOWN($C7444/24,0)+1,1))-1)+IF('Standard Profiles'!$G$18=$B$10,7,0)+IF('Standard Profiles'!$G$18=$B$17,14,0)+IF('Standard Profiles'!$G$18=$B$24,21,0),MOD($C7444,24)+1)/SUM(INDEX($D$3:$AA$30,INDEX(Jesper!$R$2:$R$366,ROW(INDEX(Jesper!AH$2:AH$366,ROUNDDOWN($C7444/24,0)+1,1))-1)+IF('Standard Profiles'!$G$18=$B$10,7,0)+IF('Standard Profiles'!$G$18=$B$17,14,0)+IF('Standard Profiles'!$G$18=$B$24,21,0),0)),0)</f>
        <v>17.030283362962127</v>
      </c>
      <c r="E7444" cm="1">
        <f t="array" ref="E7444">IFERROR(INDEX(Jesper!AI$2:AI$366,ROUNDDOWN($C7444/24,0)+1,1)*INDEX($D$3:$AA$30,INDEX(Jesper!$R$2:$R$366,ROW(INDEX(Jesper!AI$2:AI$366,ROUNDDOWN($C7444/24,0)+1,1))-1)+IF('Standard Profiles'!$G$19=$B$10,7,0)+IF('Standard Profiles'!$G$19=$B$17,14,0)+IF('Standard Profiles'!$G$19=$B$24,21,0),MOD($C7444,24)+1)/SUM(INDEX($D$3:$AA$30,INDEX(Jesper!$R$2:$R$366,ROW(INDEX(Jesper!AI$2:AI$366,ROUNDDOWN($C7444/24,0)+1,1))-1)+IF('Standard Profiles'!$G$19=$B$10,7,0)+IF('Standard Profiles'!$G$19=$B$17,14,0)+IF('Standard Profiles'!$G$19=$B$24,21,0),0)),0)</f>
        <v>0</v>
      </c>
      <c r="F7444" cm="1">
        <f t="array" ref="F7444">IFERROR(INDEX(Jesper!AJ$2:AJ$366,ROUNDDOWN($C7444/24,0)+1,1)*INDEX($D$3:$AA$30,INDEX(Jesper!$R$2:$R$366,ROW(INDEX(Jesper!AJ$2:AJ$366,ROUNDDOWN($C7444/24,0)+1,1))-1)+IF('Standard Profiles'!$G$20=$B$10,7,0)+IF('Standard Profiles'!$G$20=$B$17,14,0)+IF('Standard Profiles'!$G$20=$B$24,21,0),MOD($C7444,24)+1)/SUM(INDEX($D$3:$AA$30,INDEX(Jesper!$R$2:$R$366,ROW(INDEX(Jesper!AJ$2:AJ$366,ROUNDDOWN($C7444/24,0)+1,1))-1)+IF('Standard Profiles'!$G$20=$B$10,7,0)+IF('Standard Profiles'!$G$20=$B$17,14,0)+IF('Standard Profiles'!$G$20=$B$24,21,0),0)),0)</f>
        <v>0</v>
      </c>
      <c r="G7444" cm="1">
        <f t="array" ref="G7444">IFERROR(INDEX(Jesper!AK$2:AK$366,ROUNDDOWN($C7444/24,0)+1,1)*INDEX($D$3:$AA$30,INDEX(Jesper!$R$2:$R$366,ROW(INDEX(Jesper!AK$2:AK$366,ROUNDDOWN($C7444/24,0)+1,1))-1)+IF('Standard Profiles'!$G$21=$B$10,7,0)+IF('Standard Profiles'!$G$21=$B$17,14,0)+IF('Standard Profiles'!$G$21=$B$24,21,0),MOD($C7444,24)+1)/SUM(INDEX($D$3:$AA$30,INDEX(Jesper!$R$2:$R$366,ROW(INDEX(Jesper!AK$2:AK$366,ROUNDDOWN($C7444/24,0)+1,1))-1)+IF('Standard Profiles'!$G$21=$B$10,7,0)+IF('Standard Profiles'!$G$21=$B$17,14,0)+IF('Standard Profiles'!$G$21=$B$24,21,0),0)),0)</f>
        <v>0</v>
      </c>
      <c r="H7444" cm="1">
        <f t="array" ref="H7444">IFERROR(INDEX(Jesper!AL$2:AL$366,ROUNDDOWN($C7444/24,0)+1,1)*INDEX($D$3:$AA$30,INDEX(Jesper!$R$2:$R$366,ROW(INDEX(Jesper!AL$2:AL$366,ROUNDDOWN($C7444/24,0)+1,1))-1)+IF('Standard Profiles'!$G$22=$B$10,7,0)+IF('Standard Profiles'!$G$22=$B$17,14,0)+IF('Standard Profiles'!$G$22=$B$24,21,0),MOD($C7444,24)+1)/SUM(INDEX($D$3:$AA$30,INDEX(Jesper!$R$2:$R$366,ROW(INDEX(Jesper!AL$2:AL$366,ROUNDDOWN($C7444/24,0)+1,1))-1)+IF('Standard Profiles'!$G$22=$B$10,7,0)+IF('Standard Profiles'!$G$22=$B$17,14,0)+IF('Standard Profiles'!$G$22=$B$24,21,0),0)),0)</f>
        <v>0</v>
      </c>
      <c r="I7444">
        <f t="shared" si="825"/>
        <v>0.51090850088886375</v>
      </c>
      <c r="J7444">
        <f t="shared" si="826"/>
        <v>1.7030283362962129</v>
      </c>
      <c r="K7444">
        <f t="shared" si="827"/>
        <v>2.5545425044443189</v>
      </c>
      <c r="L7444">
        <f t="shared" si="828"/>
        <v>12.261804021332731</v>
      </c>
      <c r="M7444">
        <f t="shared" si="829"/>
        <v>0</v>
      </c>
      <c r="N7444" s="46">
        <f t="shared" si="830"/>
        <v>45600.749999982028</v>
      </c>
    </row>
    <row r="7445" spans="2:14" x14ac:dyDescent="0.3">
      <c r="B7445">
        <f t="shared" si="824"/>
        <v>1</v>
      </c>
      <c r="C7445" s="16">
        <v>7411</v>
      </c>
      <c r="D7445" cm="1">
        <f t="array" ref="D7445">IFERROR(INDEX(Jesper!AH$2:AH$366,ROUNDDOWN($C7445/24,0)+1,1)*INDEX($D$3:$AA$30,INDEX(Jesper!$R$2:$R$366,ROW(INDEX(Jesper!AH$2:AH$366,ROUNDDOWN($C7445/24,0)+1,1))-1)+IF('Standard Profiles'!$G$18=$B$10,7,0)+IF('Standard Profiles'!$G$18=$B$17,14,0)+IF('Standard Profiles'!$G$18=$B$24,21,0),MOD($C7445,24)+1)/SUM(INDEX($D$3:$AA$30,INDEX(Jesper!$R$2:$R$366,ROW(INDEX(Jesper!AH$2:AH$366,ROUNDDOWN($C7445/24,0)+1,1))-1)+IF('Standard Profiles'!$G$18=$B$10,7,0)+IF('Standard Profiles'!$G$18=$B$17,14,0)+IF('Standard Profiles'!$G$18=$B$24,21,0),0)),0)</f>
        <v>14.262862316480781</v>
      </c>
      <c r="E7445" cm="1">
        <f t="array" ref="E7445">IFERROR(INDEX(Jesper!AI$2:AI$366,ROUNDDOWN($C7445/24,0)+1,1)*INDEX($D$3:$AA$30,INDEX(Jesper!$R$2:$R$366,ROW(INDEX(Jesper!AI$2:AI$366,ROUNDDOWN($C7445/24,0)+1,1))-1)+IF('Standard Profiles'!$G$19=$B$10,7,0)+IF('Standard Profiles'!$G$19=$B$17,14,0)+IF('Standard Profiles'!$G$19=$B$24,21,0),MOD($C7445,24)+1)/SUM(INDEX($D$3:$AA$30,INDEX(Jesper!$R$2:$R$366,ROW(INDEX(Jesper!AI$2:AI$366,ROUNDDOWN($C7445/24,0)+1,1))-1)+IF('Standard Profiles'!$G$19=$B$10,7,0)+IF('Standard Profiles'!$G$19=$B$17,14,0)+IF('Standard Profiles'!$G$19=$B$24,21,0),0)),0)</f>
        <v>0</v>
      </c>
      <c r="F7445" cm="1">
        <f t="array" ref="F7445">IFERROR(INDEX(Jesper!AJ$2:AJ$366,ROUNDDOWN($C7445/24,0)+1,1)*INDEX($D$3:$AA$30,INDEX(Jesper!$R$2:$R$366,ROW(INDEX(Jesper!AJ$2:AJ$366,ROUNDDOWN($C7445/24,0)+1,1))-1)+IF('Standard Profiles'!$G$20=$B$10,7,0)+IF('Standard Profiles'!$G$20=$B$17,14,0)+IF('Standard Profiles'!$G$20=$B$24,21,0),MOD($C7445,24)+1)/SUM(INDEX($D$3:$AA$30,INDEX(Jesper!$R$2:$R$366,ROW(INDEX(Jesper!AJ$2:AJ$366,ROUNDDOWN($C7445/24,0)+1,1))-1)+IF('Standard Profiles'!$G$20=$B$10,7,0)+IF('Standard Profiles'!$G$20=$B$17,14,0)+IF('Standard Profiles'!$G$20=$B$24,21,0),0)),0)</f>
        <v>0</v>
      </c>
      <c r="G7445" cm="1">
        <f t="array" ref="G7445">IFERROR(INDEX(Jesper!AK$2:AK$366,ROUNDDOWN($C7445/24,0)+1,1)*INDEX($D$3:$AA$30,INDEX(Jesper!$R$2:$R$366,ROW(INDEX(Jesper!AK$2:AK$366,ROUNDDOWN($C7445/24,0)+1,1))-1)+IF('Standard Profiles'!$G$21=$B$10,7,0)+IF('Standard Profiles'!$G$21=$B$17,14,0)+IF('Standard Profiles'!$G$21=$B$24,21,0),MOD($C7445,24)+1)/SUM(INDEX($D$3:$AA$30,INDEX(Jesper!$R$2:$R$366,ROW(INDEX(Jesper!AK$2:AK$366,ROUNDDOWN($C7445/24,0)+1,1))-1)+IF('Standard Profiles'!$G$21=$B$10,7,0)+IF('Standard Profiles'!$G$21=$B$17,14,0)+IF('Standard Profiles'!$G$21=$B$24,21,0),0)),0)</f>
        <v>0</v>
      </c>
      <c r="H7445" cm="1">
        <f t="array" ref="H7445">IFERROR(INDEX(Jesper!AL$2:AL$366,ROUNDDOWN($C7445/24,0)+1,1)*INDEX($D$3:$AA$30,INDEX(Jesper!$R$2:$R$366,ROW(INDEX(Jesper!AL$2:AL$366,ROUNDDOWN($C7445/24,0)+1,1))-1)+IF('Standard Profiles'!$G$22=$B$10,7,0)+IF('Standard Profiles'!$G$22=$B$17,14,0)+IF('Standard Profiles'!$G$22=$B$24,21,0),MOD($C7445,24)+1)/SUM(INDEX($D$3:$AA$30,INDEX(Jesper!$R$2:$R$366,ROW(INDEX(Jesper!AL$2:AL$366,ROUNDDOWN($C7445/24,0)+1,1))-1)+IF('Standard Profiles'!$G$22=$B$10,7,0)+IF('Standard Profiles'!$G$22=$B$17,14,0)+IF('Standard Profiles'!$G$22=$B$24,21,0),0)),0)</f>
        <v>0</v>
      </c>
      <c r="I7445">
        <f t="shared" si="825"/>
        <v>0.42788586949442342</v>
      </c>
      <c r="J7445">
        <f t="shared" si="826"/>
        <v>1.4262862316480782</v>
      </c>
      <c r="K7445">
        <f t="shared" si="827"/>
        <v>2.1394293474721171</v>
      </c>
      <c r="L7445">
        <f t="shared" si="828"/>
        <v>10.269260867866162</v>
      </c>
      <c r="M7445">
        <f t="shared" si="829"/>
        <v>0</v>
      </c>
      <c r="N7445" s="46">
        <f t="shared" si="830"/>
        <v>45600.791666648693</v>
      </c>
    </row>
    <row r="7446" spans="2:14" x14ac:dyDescent="0.3">
      <c r="B7446">
        <f t="shared" si="824"/>
        <v>1</v>
      </c>
      <c r="C7446" s="16">
        <v>7412</v>
      </c>
      <c r="D7446" cm="1">
        <f t="array" ref="D7446">IFERROR(INDEX(Jesper!AH$2:AH$366,ROUNDDOWN($C7446/24,0)+1,1)*INDEX($D$3:$AA$30,INDEX(Jesper!$R$2:$R$366,ROW(INDEX(Jesper!AH$2:AH$366,ROUNDDOWN($C7446/24,0)+1,1))-1)+IF('Standard Profiles'!$G$18=$B$10,7,0)+IF('Standard Profiles'!$G$18=$B$17,14,0)+IF('Standard Profiles'!$G$18=$B$24,21,0),MOD($C7446,24)+1)/SUM(INDEX($D$3:$AA$30,INDEX(Jesper!$R$2:$R$366,ROW(INDEX(Jesper!AH$2:AH$366,ROUNDDOWN($C7446/24,0)+1,1))-1)+IF('Standard Profiles'!$G$18=$B$10,7,0)+IF('Standard Profiles'!$G$18=$B$17,14,0)+IF('Standard Profiles'!$G$18=$B$24,21,0),0)),0)</f>
        <v>11.708319812036461</v>
      </c>
      <c r="E7446" cm="1">
        <f t="array" ref="E7446">IFERROR(INDEX(Jesper!AI$2:AI$366,ROUNDDOWN($C7446/24,0)+1,1)*INDEX($D$3:$AA$30,INDEX(Jesper!$R$2:$R$366,ROW(INDEX(Jesper!AI$2:AI$366,ROUNDDOWN($C7446/24,0)+1,1))-1)+IF('Standard Profiles'!$G$19=$B$10,7,0)+IF('Standard Profiles'!$G$19=$B$17,14,0)+IF('Standard Profiles'!$G$19=$B$24,21,0),MOD($C7446,24)+1)/SUM(INDEX($D$3:$AA$30,INDEX(Jesper!$R$2:$R$366,ROW(INDEX(Jesper!AI$2:AI$366,ROUNDDOWN($C7446/24,0)+1,1))-1)+IF('Standard Profiles'!$G$19=$B$10,7,0)+IF('Standard Profiles'!$G$19=$B$17,14,0)+IF('Standard Profiles'!$G$19=$B$24,21,0),0)),0)</f>
        <v>0</v>
      </c>
      <c r="F7446" cm="1">
        <f t="array" ref="F7446">IFERROR(INDEX(Jesper!AJ$2:AJ$366,ROUNDDOWN($C7446/24,0)+1,1)*INDEX($D$3:$AA$30,INDEX(Jesper!$R$2:$R$366,ROW(INDEX(Jesper!AJ$2:AJ$366,ROUNDDOWN($C7446/24,0)+1,1))-1)+IF('Standard Profiles'!$G$20=$B$10,7,0)+IF('Standard Profiles'!$G$20=$B$17,14,0)+IF('Standard Profiles'!$G$20=$B$24,21,0),MOD($C7446,24)+1)/SUM(INDEX($D$3:$AA$30,INDEX(Jesper!$R$2:$R$366,ROW(INDEX(Jesper!AJ$2:AJ$366,ROUNDDOWN($C7446/24,0)+1,1))-1)+IF('Standard Profiles'!$G$20=$B$10,7,0)+IF('Standard Profiles'!$G$20=$B$17,14,0)+IF('Standard Profiles'!$G$20=$B$24,21,0),0)),0)</f>
        <v>0</v>
      </c>
      <c r="G7446" cm="1">
        <f t="array" ref="G7446">IFERROR(INDEX(Jesper!AK$2:AK$366,ROUNDDOWN($C7446/24,0)+1,1)*INDEX($D$3:$AA$30,INDEX(Jesper!$R$2:$R$366,ROW(INDEX(Jesper!AK$2:AK$366,ROUNDDOWN($C7446/24,0)+1,1))-1)+IF('Standard Profiles'!$G$21=$B$10,7,0)+IF('Standard Profiles'!$G$21=$B$17,14,0)+IF('Standard Profiles'!$G$21=$B$24,21,0),MOD($C7446,24)+1)/SUM(INDEX($D$3:$AA$30,INDEX(Jesper!$R$2:$R$366,ROW(INDEX(Jesper!AK$2:AK$366,ROUNDDOWN($C7446/24,0)+1,1))-1)+IF('Standard Profiles'!$G$21=$B$10,7,0)+IF('Standard Profiles'!$G$21=$B$17,14,0)+IF('Standard Profiles'!$G$21=$B$24,21,0),0)),0)</f>
        <v>0</v>
      </c>
      <c r="H7446" cm="1">
        <f t="array" ref="H7446">IFERROR(INDEX(Jesper!AL$2:AL$366,ROUNDDOWN($C7446/24,0)+1,1)*INDEX($D$3:$AA$30,INDEX(Jesper!$R$2:$R$366,ROW(INDEX(Jesper!AL$2:AL$366,ROUNDDOWN($C7446/24,0)+1,1))-1)+IF('Standard Profiles'!$G$22=$B$10,7,0)+IF('Standard Profiles'!$G$22=$B$17,14,0)+IF('Standard Profiles'!$G$22=$B$24,21,0),MOD($C7446,24)+1)/SUM(INDEX($D$3:$AA$30,INDEX(Jesper!$R$2:$R$366,ROW(INDEX(Jesper!AL$2:AL$366,ROUNDDOWN($C7446/24,0)+1,1))-1)+IF('Standard Profiles'!$G$22=$B$10,7,0)+IF('Standard Profiles'!$G$22=$B$17,14,0)+IF('Standard Profiles'!$G$22=$B$24,21,0),0)),0)</f>
        <v>0</v>
      </c>
      <c r="I7446">
        <f t="shared" si="825"/>
        <v>0.35124959436109382</v>
      </c>
      <c r="J7446">
        <f t="shared" si="826"/>
        <v>1.1708319812036461</v>
      </c>
      <c r="K7446">
        <f t="shared" si="827"/>
        <v>1.7562479718054691</v>
      </c>
      <c r="L7446">
        <f t="shared" si="828"/>
        <v>8.4299902646662517</v>
      </c>
      <c r="M7446">
        <f t="shared" si="829"/>
        <v>0</v>
      </c>
      <c r="N7446" s="46">
        <f t="shared" si="830"/>
        <v>45600.833333315357</v>
      </c>
    </row>
    <row r="7447" spans="2:14" x14ac:dyDescent="0.3">
      <c r="B7447">
        <f t="shared" si="824"/>
        <v>1</v>
      </c>
      <c r="C7447" s="16">
        <v>7413</v>
      </c>
      <c r="D7447" cm="1">
        <f t="array" ref="D7447">IFERROR(INDEX(Jesper!AH$2:AH$366,ROUNDDOWN($C7447/24,0)+1,1)*INDEX($D$3:$AA$30,INDEX(Jesper!$R$2:$R$366,ROW(INDEX(Jesper!AH$2:AH$366,ROUNDDOWN($C7447/24,0)+1,1))-1)+IF('Standard Profiles'!$G$18=$B$10,7,0)+IF('Standard Profiles'!$G$18=$B$17,14,0)+IF('Standard Profiles'!$G$18=$B$24,21,0),MOD($C7447,24)+1)/SUM(INDEX($D$3:$AA$30,INDEX(Jesper!$R$2:$R$366,ROW(INDEX(Jesper!AH$2:AH$366,ROUNDDOWN($C7447/24,0)+1,1))-1)+IF('Standard Profiles'!$G$18=$B$10,7,0)+IF('Standard Profiles'!$G$18=$B$17,14,0)+IF('Standard Profiles'!$G$18=$B$24,21,0),0)),0)</f>
        <v>8.5151416814810634</v>
      </c>
      <c r="E7447" cm="1">
        <f t="array" ref="E7447">IFERROR(INDEX(Jesper!AI$2:AI$366,ROUNDDOWN($C7447/24,0)+1,1)*INDEX($D$3:$AA$30,INDEX(Jesper!$R$2:$R$366,ROW(INDEX(Jesper!AI$2:AI$366,ROUNDDOWN($C7447/24,0)+1,1))-1)+IF('Standard Profiles'!$G$19=$B$10,7,0)+IF('Standard Profiles'!$G$19=$B$17,14,0)+IF('Standard Profiles'!$G$19=$B$24,21,0),MOD($C7447,24)+1)/SUM(INDEX($D$3:$AA$30,INDEX(Jesper!$R$2:$R$366,ROW(INDEX(Jesper!AI$2:AI$366,ROUNDDOWN($C7447/24,0)+1,1))-1)+IF('Standard Profiles'!$G$19=$B$10,7,0)+IF('Standard Profiles'!$G$19=$B$17,14,0)+IF('Standard Profiles'!$G$19=$B$24,21,0),0)),0)</f>
        <v>0</v>
      </c>
      <c r="F7447" cm="1">
        <f t="array" ref="F7447">IFERROR(INDEX(Jesper!AJ$2:AJ$366,ROUNDDOWN($C7447/24,0)+1,1)*INDEX($D$3:$AA$30,INDEX(Jesper!$R$2:$R$366,ROW(INDEX(Jesper!AJ$2:AJ$366,ROUNDDOWN($C7447/24,0)+1,1))-1)+IF('Standard Profiles'!$G$20=$B$10,7,0)+IF('Standard Profiles'!$G$20=$B$17,14,0)+IF('Standard Profiles'!$G$20=$B$24,21,0),MOD($C7447,24)+1)/SUM(INDEX($D$3:$AA$30,INDEX(Jesper!$R$2:$R$366,ROW(INDEX(Jesper!AJ$2:AJ$366,ROUNDDOWN($C7447/24,0)+1,1))-1)+IF('Standard Profiles'!$G$20=$B$10,7,0)+IF('Standard Profiles'!$G$20=$B$17,14,0)+IF('Standard Profiles'!$G$20=$B$24,21,0),0)),0)</f>
        <v>0</v>
      </c>
      <c r="G7447" cm="1">
        <f t="array" ref="G7447">IFERROR(INDEX(Jesper!AK$2:AK$366,ROUNDDOWN($C7447/24,0)+1,1)*INDEX($D$3:$AA$30,INDEX(Jesper!$R$2:$R$366,ROW(INDEX(Jesper!AK$2:AK$366,ROUNDDOWN($C7447/24,0)+1,1))-1)+IF('Standard Profiles'!$G$21=$B$10,7,0)+IF('Standard Profiles'!$G$21=$B$17,14,0)+IF('Standard Profiles'!$G$21=$B$24,21,0),MOD($C7447,24)+1)/SUM(INDEX($D$3:$AA$30,INDEX(Jesper!$R$2:$R$366,ROW(INDEX(Jesper!AK$2:AK$366,ROUNDDOWN($C7447/24,0)+1,1))-1)+IF('Standard Profiles'!$G$21=$B$10,7,0)+IF('Standard Profiles'!$G$21=$B$17,14,0)+IF('Standard Profiles'!$G$21=$B$24,21,0),0)),0)</f>
        <v>0</v>
      </c>
      <c r="H7447" cm="1">
        <f t="array" ref="H7447">IFERROR(INDEX(Jesper!AL$2:AL$366,ROUNDDOWN($C7447/24,0)+1,1)*INDEX($D$3:$AA$30,INDEX(Jesper!$R$2:$R$366,ROW(INDEX(Jesper!AL$2:AL$366,ROUNDDOWN($C7447/24,0)+1,1))-1)+IF('Standard Profiles'!$G$22=$B$10,7,0)+IF('Standard Profiles'!$G$22=$B$17,14,0)+IF('Standard Profiles'!$G$22=$B$24,21,0),MOD($C7447,24)+1)/SUM(INDEX($D$3:$AA$30,INDEX(Jesper!$R$2:$R$366,ROW(INDEX(Jesper!AL$2:AL$366,ROUNDDOWN($C7447/24,0)+1,1))-1)+IF('Standard Profiles'!$G$22=$B$10,7,0)+IF('Standard Profiles'!$G$22=$B$17,14,0)+IF('Standard Profiles'!$G$22=$B$24,21,0),0)),0)</f>
        <v>0</v>
      </c>
      <c r="I7447">
        <f t="shared" si="825"/>
        <v>0.25545425044443187</v>
      </c>
      <c r="J7447">
        <f t="shared" si="826"/>
        <v>0.85151416814810643</v>
      </c>
      <c r="K7447">
        <f t="shared" si="827"/>
        <v>1.2772712522221594</v>
      </c>
      <c r="L7447">
        <f t="shared" si="828"/>
        <v>6.1309020106663654</v>
      </c>
      <c r="M7447">
        <f t="shared" si="829"/>
        <v>0</v>
      </c>
      <c r="N7447" s="46">
        <f t="shared" si="830"/>
        <v>45600.874999982021</v>
      </c>
    </row>
    <row r="7448" spans="2:14" x14ac:dyDescent="0.3">
      <c r="B7448">
        <f t="shared" si="824"/>
        <v>1</v>
      </c>
      <c r="C7448" s="16">
        <v>7414</v>
      </c>
      <c r="D7448" cm="1">
        <f t="array" ref="D7448">IFERROR(INDEX(Jesper!AH$2:AH$366,ROUNDDOWN($C7448/24,0)+1,1)*INDEX($D$3:$AA$30,INDEX(Jesper!$R$2:$R$366,ROW(INDEX(Jesper!AH$2:AH$366,ROUNDDOWN($C7448/24,0)+1,1))-1)+IF('Standard Profiles'!$G$18=$B$10,7,0)+IF('Standard Profiles'!$G$18=$B$17,14,0)+IF('Standard Profiles'!$G$18=$B$24,21,0),MOD($C7448,24)+1)/SUM(INDEX($D$3:$AA$30,INDEX(Jesper!$R$2:$R$366,ROW(INDEX(Jesper!AH$2:AH$366,ROUNDDOWN($C7448/24,0)+1,1))-1)+IF('Standard Profiles'!$G$18=$B$10,7,0)+IF('Standard Profiles'!$G$18=$B$17,14,0)+IF('Standard Profiles'!$G$18=$B$24,21,0),0)),0)</f>
        <v>8.08938459740701</v>
      </c>
      <c r="E7448" cm="1">
        <f t="array" ref="E7448">IFERROR(INDEX(Jesper!AI$2:AI$366,ROUNDDOWN($C7448/24,0)+1,1)*INDEX($D$3:$AA$30,INDEX(Jesper!$R$2:$R$366,ROW(INDEX(Jesper!AI$2:AI$366,ROUNDDOWN($C7448/24,0)+1,1))-1)+IF('Standard Profiles'!$G$19=$B$10,7,0)+IF('Standard Profiles'!$G$19=$B$17,14,0)+IF('Standard Profiles'!$G$19=$B$24,21,0),MOD($C7448,24)+1)/SUM(INDEX($D$3:$AA$30,INDEX(Jesper!$R$2:$R$366,ROW(INDEX(Jesper!AI$2:AI$366,ROUNDDOWN($C7448/24,0)+1,1))-1)+IF('Standard Profiles'!$G$19=$B$10,7,0)+IF('Standard Profiles'!$G$19=$B$17,14,0)+IF('Standard Profiles'!$G$19=$B$24,21,0),0)),0)</f>
        <v>0</v>
      </c>
      <c r="F7448" cm="1">
        <f t="array" ref="F7448">IFERROR(INDEX(Jesper!AJ$2:AJ$366,ROUNDDOWN($C7448/24,0)+1,1)*INDEX($D$3:$AA$30,INDEX(Jesper!$R$2:$R$366,ROW(INDEX(Jesper!AJ$2:AJ$366,ROUNDDOWN($C7448/24,0)+1,1))-1)+IF('Standard Profiles'!$G$20=$B$10,7,0)+IF('Standard Profiles'!$G$20=$B$17,14,0)+IF('Standard Profiles'!$G$20=$B$24,21,0),MOD($C7448,24)+1)/SUM(INDEX($D$3:$AA$30,INDEX(Jesper!$R$2:$R$366,ROW(INDEX(Jesper!AJ$2:AJ$366,ROUNDDOWN($C7448/24,0)+1,1))-1)+IF('Standard Profiles'!$G$20=$B$10,7,0)+IF('Standard Profiles'!$G$20=$B$17,14,0)+IF('Standard Profiles'!$G$20=$B$24,21,0),0)),0)</f>
        <v>0</v>
      </c>
      <c r="G7448" cm="1">
        <f t="array" ref="G7448">IFERROR(INDEX(Jesper!AK$2:AK$366,ROUNDDOWN($C7448/24,0)+1,1)*INDEX($D$3:$AA$30,INDEX(Jesper!$R$2:$R$366,ROW(INDEX(Jesper!AK$2:AK$366,ROUNDDOWN($C7448/24,0)+1,1))-1)+IF('Standard Profiles'!$G$21=$B$10,7,0)+IF('Standard Profiles'!$G$21=$B$17,14,0)+IF('Standard Profiles'!$G$21=$B$24,21,0),MOD($C7448,24)+1)/SUM(INDEX($D$3:$AA$30,INDEX(Jesper!$R$2:$R$366,ROW(INDEX(Jesper!AK$2:AK$366,ROUNDDOWN($C7448/24,0)+1,1))-1)+IF('Standard Profiles'!$G$21=$B$10,7,0)+IF('Standard Profiles'!$G$21=$B$17,14,0)+IF('Standard Profiles'!$G$21=$B$24,21,0),0)),0)</f>
        <v>0</v>
      </c>
      <c r="H7448" cm="1">
        <f t="array" ref="H7448">IFERROR(INDEX(Jesper!AL$2:AL$366,ROUNDDOWN($C7448/24,0)+1,1)*INDEX($D$3:$AA$30,INDEX(Jesper!$R$2:$R$366,ROW(INDEX(Jesper!AL$2:AL$366,ROUNDDOWN($C7448/24,0)+1,1))-1)+IF('Standard Profiles'!$G$22=$B$10,7,0)+IF('Standard Profiles'!$G$22=$B$17,14,0)+IF('Standard Profiles'!$G$22=$B$24,21,0),MOD($C7448,24)+1)/SUM(INDEX($D$3:$AA$30,INDEX(Jesper!$R$2:$R$366,ROW(INDEX(Jesper!AL$2:AL$366,ROUNDDOWN($C7448/24,0)+1,1))-1)+IF('Standard Profiles'!$G$22=$B$10,7,0)+IF('Standard Profiles'!$G$22=$B$17,14,0)+IF('Standard Profiles'!$G$22=$B$24,21,0),0)),0)</f>
        <v>0</v>
      </c>
      <c r="I7448">
        <f t="shared" si="825"/>
        <v>0.24268153792221028</v>
      </c>
      <c r="J7448">
        <f t="shared" si="826"/>
        <v>0.808938459740701</v>
      </c>
      <c r="K7448">
        <f t="shared" si="827"/>
        <v>1.2134076896110515</v>
      </c>
      <c r="L7448">
        <f t="shared" si="828"/>
        <v>5.824356910133047</v>
      </c>
      <c r="M7448">
        <f t="shared" si="829"/>
        <v>0</v>
      </c>
      <c r="N7448" s="46">
        <f t="shared" si="830"/>
        <v>45600.916666648685</v>
      </c>
    </row>
    <row r="7449" spans="2:14" x14ac:dyDescent="0.3">
      <c r="B7449">
        <f t="shared" si="824"/>
        <v>1</v>
      </c>
      <c r="C7449" s="16">
        <v>7415</v>
      </c>
      <c r="D7449" cm="1">
        <f t="array" ref="D7449">IFERROR(INDEX(Jesper!AH$2:AH$366,ROUNDDOWN($C7449/24,0)+1,1)*INDEX($D$3:$AA$30,INDEX(Jesper!$R$2:$R$366,ROW(INDEX(Jesper!AH$2:AH$366,ROUNDDOWN($C7449/24,0)+1,1))-1)+IF('Standard Profiles'!$G$18=$B$10,7,0)+IF('Standard Profiles'!$G$18=$B$17,14,0)+IF('Standard Profiles'!$G$18=$B$24,21,0),MOD($C7449,24)+1)/SUM(INDEX($D$3:$AA$30,INDEX(Jesper!$R$2:$R$366,ROW(INDEX(Jesper!AH$2:AH$366,ROUNDDOWN($C7449/24,0)+1,1))-1)+IF('Standard Profiles'!$G$18=$B$10,7,0)+IF('Standard Profiles'!$G$18=$B$17,14,0)+IF('Standard Profiles'!$G$18=$B$24,21,0),0)),0)</f>
        <v>8.08938459740701</v>
      </c>
      <c r="E7449" cm="1">
        <f t="array" ref="E7449">IFERROR(INDEX(Jesper!AI$2:AI$366,ROUNDDOWN($C7449/24,0)+1,1)*INDEX($D$3:$AA$30,INDEX(Jesper!$R$2:$R$366,ROW(INDEX(Jesper!AI$2:AI$366,ROUNDDOWN($C7449/24,0)+1,1))-1)+IF('Standard Profiles'!$G$19=$B$10,7,0)+IF('Standard Profiles'!$G$19=$B$17,14,0)+IF('Standard Profiles'!$G$19=$B$24,21,0),MOD($C7449,24)+1)/SUM(INDEX($D$3:$AA$30,INDEX(Jesper!$R$2:$R$366,ROW(INDEX(Jesper!AI$2:AI$366,ROUNDDOWN($C7449/24,0)+1,1))-1)+IF('Standard Profiles'!$G$19=$B$10,7,0)+IF('Standard Profiles'!$G$19=$B$17,14,0)+IF('Standard Profiles'!$G$19=$B$24,21,0),0)),0)</f>
        <v>0</v>
      </c>
      <c r="F7449" cm="1">
        <f t="array" ref="F7449">IFERROR(INDEX(Jesper!AJ$2:AJ$366,ROUNDDOWN($C7449/24,0)+1,1)*INDEX($D$3:$AA$30,INDEX(Jesper!$R$2:$R$366,ROW(INDEX(Jesper!AJ$2:AJ$366,ROUNDDOWN($C7449/24,0)+1,1))-1)+IF('Standard Profiles'!$G$20=$B$10,7,0)+IF('Standard Profiles'!$G$20=$B$17,14,0)+IF('Standard Profiles'!$G$20=$B$24,21,0),MOD($C7449,24)+1)/SUM(INDEX($D$3:$AA$30,INDEX(Jesper!$R$2:$R$366,ROW(INDEX(Jesper!AJ$2:AJ$366,ROUNDDOWN($C7449/24,0)+1,1))-1)+IF('Standard Profiles'!$G$20=$B$10,7,0)+IF('Standard Profiles'!$G$20=$B$17,14,0)+IF('Standard Profiles'!$G$20=$B$24,21,0),0)),0)</f>
        <v>0</v>
      </c>
      <c r="G7449" cm="1">
        <f t="array" ref="G7449">IFERROR(INDEX(Jesper!AK$2:AK$366,ROUNDDOWN($C7449/24,0)+1,1)*INDEX($D$3:$AA$30,INDEX(Jesper!$R$2:$R$366,ROW(INDEX(Jesper!AK$2:AK$366,ROUNDDOWN($C7449/24,0)+1,1))-1)+IF('Standard Profiles'!$G$21=$B$10,7,0)+IF('Standard Profiles'!$G$21=$B$17,14,0)+IF('Standard Profiles'!$G$21=$B$24,21,0),MOD($C7449,24)+1)/SUM(INDEX($D$3:$AA$30,INDEX(Jesper!$R$2:$R$366,ROW(INDEX(Jesper!AK$2:AK$366,ROUNDDOWN($C7449/24,0)+1,1))-1)+IF('Standard Profiles'!$G$21=$B$10,7,0)+IF('Standard Profiles'!$G$21=$B$17,14,0)+IF('Standard Profiles'!$G$21=$B$24,21,0),0)),0)</f>
        <v>0</v>
      </c>
      <c r="H7449" cm="1">
        <f t="array" ref="H7449">IFERROR(INDEX(Jesper!AL$2:AL$366,ROUNDDOWN($C7449/24,0)+1,1)*INDEX($D$3:$AA$30,INDEX(Jesper!$R$2:$R$366,ROW(INDEX(Jesper!AL$2:AL$366,ROUNDDOWN($C7449/24,0)+1,1))-1)+IF('Standard Profiles'!$G$22=$B$10,7,0)+IF('Standard Profiles'!$G$22=$B$17,14,0)+IF('Standard Profiles'!$G$22=$B$24,21,0),MOD($C7449,24)+1)/SUM(INDEX($D$3:$AA$30,INDEX(Jesper!$R$2:$R$366,ROW(INDEX(Jesper!AL$2:AL$366,ROUNDDOWN($C7449/24,0)+1,1))-1)+IF('Standard Profiles'!$G$22=$B$10,7,0)+IF('Standard Profiles'!$G$22=$B$17,14,0)+IF('Standard Profiles'!$G$22=$B$24,21,0),0)),0)</f>
        <v>0</v>
      </c>
      <c r="I7449">
        <f t="shared" si="825"/>
        <v>0.24268153792221028</v>
      </c>
      <c r="J7449">
        <f t="shared" si="826"/>
        <v>0.808938459740701</v>
      </c>
      <c r="K7449">
        <f t="shared" si="827"/>
        <v>1.2134076896110515</v>
      </c>
      <c r="L7449">
        <f t="shared" si="828"/>
        <v>5.824356910133047</v>
      </c>
      <c r="M7449">
        <f t="shared" si="829"/>
        <v>0</v>
      </c>
      <c r="N7449" s="46">
        <f t="shared" si="830"/>
        <v>45600.95833331535</v>
      </c>
    </row>
    <row r="7450" spans="2:14" x14ac:dyDescent="0.3">
      <c r="B7450">
        <f t="shared" si="824"/>
        <v>2</v>
      </c>
      <c r="C7450" s="16">
        <v>7416</v>
      </c>
      <c r="D7450" cm="1">
        <f t="array" ref="D7450">IFERROR(INDEX(Jesper!AH$2:AH$366,ROUNDDOWN($C7450/24,0)+1,1)*INDEX($D$3:$AA$30,INDEX(Jesper!$R$2:$R$366,ROW(INDEX(Jesper!AH$2:AH$366,ROUNDDOWN($C7450/24,0)+1,1))-1)+IF('Standard Profiles'!$G$18=$B$10,7,0)+IF('Standard Profiles'!$G$18=$B$17,14,0)+IF('Standard Profiles'!$G$18=$B$24,21,0),MOD($C7450,24)+1)/SUM(INDEX($D$3:$AA$30,INDEX(Jesper!$R$2:$R$366,ROW(INDEX(Jesper!AH$2:AH$366,ROUNDDOWN($C7450/24,0)+1,1))-1)+IF('Standard Profiles'!$G$18=$B$10,7,0)+IF('Standard Profiles'!$G$18=$B$17,14,0)+IF('Standard Profiles'!$G$18=$B$24,21,0),0)),0)</f>
        <v>7.4757777741453522</v>
      </c>
      <c r="E7450" cm="1">
        <f t="array" ref="E7450">IFERROR(INDEX(Jesper!AI$2:AI$366,ROUNDDOWN($C7450/24,0)+1,1)*INDEX($D$3:$AA$30,INDEX(Jesper!$R$2:$R$366,ROW(INDEX(Jesper!AI$2:AI$366,ROUNDDOWN($C7450/24,0)+1,1))-1)+IF('Standard Profiles'!$G$19=$B$10,7,0)+IF('Standard Profiles'!$G$19=$B$17,14,0)+IF('Standard Profiles'!$G$19=$B$24,21,0),MOD($C7450,24)+1)/SUM(INDEX($D$3:$AA$30,INDEX(Jesper!$R$2:$R$366,ROW(INDEX(Jesper!AI$2:AI$366,ROUNDDOWN($C7450/24,0)+1,1))-1)+IF('Standard Profiles'!$G$19=$B$10,7,0)+IF('Standard Profiles'!$G$19=$B$17,14,0)+IF('Standard Profiles'!$G$19=$B$24,21,0),0)),0)</f>
        <v>0</v>
      </c>
      <c r="F7450" cm="1">
        <f t="array" ref="F7450">IFERROR(INDEX(Jesper!AJ$2:AJ$366,ROUNDDOWN($C7450/24,0)+1,1)*INDEX($D$3:$AA$30,INDEX(Jesper!$R$2:$R$366,ROW(INDEX(Jesper!AJ$2:AJ$366,ROUNDDOWN($C7450/24,0)+1,1))-1)+IF('Standard Profiles'!$G$20=$B$10,7,0)+IF('Standard Profiles'!$G$20=$B$17,14,0)+IF('Standard Profiles'!$G$20=$B$24,21,0),MOD($C7450,24)+1)/SUM(INDEX($D$3:$AA$30,INDEX(Jesper!$R$2:$R$366,ROW(INDEX(Jesper!AJ$2:AJ$366,ROUNDDOWN($C7450/24,0)+1,1))-1)+IF('Standard Profiles'!$G$20=$B$10,7,0)+IF('Standard Profiles'!$G$20=$B$17,14,0)+IF('Standard Profiles'!$G$20=$B$24,21,0),0)),0)</f>
        <v>0</v>
      </c>
      <c r="G7450" cm="1">
        <f t="array" ref="G7450">IFERROR(INDEX(Jesper!AK$2:AK$366,ROUNDDOWN($C7450/24,0)+1,1)*INDEX($D$3:$AA$30,INDEX(Jesper!$R$2:$R$366,ROW(INDEX(Jesper!AK$2:AK$366,ROUNDDOWN($C7450/24,0)+1,1))-1)+IF('Standard Profiles'!$G$21=$B$10,7,0)+IF('Standard Profiles'!$G$21=$B$17,14,0)+IF('Standard Profiles'!$G$21=$B$24,21,0),MOD($C7450,24)+1)/SUM(INDEX($D$3:$AA$30,INDEX(Jesper!$R$2:$R$366,ROW(INDEX(Jesper!AK$2:AK$366,ROUNDDOWN($C7450/24,0)+1,1))-1)+IF('Standard Profiles'!$G$21=$B$10,7,0)+IF('Standard Profiles'!$G$21=$B$17,14,0)+IF('Standard Profiles'!$G$21=$B$24,21,0),0)),0)</f>
        <v>0</v>
      </c>
      <c r="H7450" cm="1">
        <f t="array" ref="H7450">IFERROR(INDEX(Jesper!AL$2:AL$366,ROUNDDOWN($C7450/24,0)+1,1)*INDEX($D$3:$AA$30,INDEX(Jesper!$R$2:$R$366,ROW(INDEX(Jesper!AL$2:AL$366,ROUNDDOWN($C7450/24,0)+1,1))-1)+IF('Standard Profiles'!$G$22=$B$10,7,0)+IF('Standard Profiles'!$G$22=$B$17,14,0)+IF('Standard Profiles'!$G$22=$B$24,21,0),MOD($C7450,24)+1)/SUM(INDEX($D$3:$AA$30,INDEX(Jesper!$R$2:$R$366,ROW(INDEX(Jesper!AL$2:AL$366,ROUNDDOWN($C7450/24,0)+1,1))-1)+IF('Standard Profiles'!$G$22=$B$10,7,0)+IF('Standard Profiles'!$G$22=$B$17,14,0)+IF('Standard Profiles'!$G$22=$B$24,21,0),0)),0)</f>
        <v>0</v>
      </c>
      <c r="I7450">
        <f t="shared" si="825"/>
        <v>0.22427333322436055</v>
      </c>
      <c r="J7450">
        <f t="shared" si="826"/>
        <v>0.74757777741453524</v>
      </c>
      <c r="K7450">
        <f t="shared" si="827"/>
        <v>1.1213666661218027</v>
      </c>
      <c r="L7450">
        <f t="shared" si="828"/>
        <v>5.3825599973846536</v>
      </c>
      <c r="M7450">
        <f t="shared" si="829"/>
        <v>0</v>
      </c>
      <c r="N7450" s="46">
        <f t="shared" si="830"/>
        <v>45600.999999982014</v>
      </c>
    </row>
    <row r="7451" spans="2:14" x14ac:dyDescent="0.3">
      <c r="B7451">
        <f t="shared" si="824"/>
        <v>2</v>
      </c>
      <c r="C7451" s="16">
        <v>7417</v>
      </c>
      <c r="D7451" cm="1">
        <f t="array" ref="D7451">IFERROR(INDEX(Jesper!AH$2:AH$366,ROUNDDOWN($C7451/24,0)+1,1)*INDEX($D$3:$AA$30,INDEX(Jesper!$R$2:$R$366,ROW(INDEX(Jesper!AH$2:AH$366,ROUNDDOWN($C7451/24,0)+1,1))-1)+IF('Standard Profiles'!$G$18=$B$10,7,0)+IF('Standard Profiles'!$G$18=$B$17,14,0)+IF('Standard Profiles'!$G$18=$B$24,21,0),MOD($C7451,24)+1)/SUM(INDEX($D$3:$AA$30,INDEX(Jesper!$R$2:$R$366,ROW(INDEX(Jesper!AH$2:AH$366,ROUNDDOWN($C7451/24,0)+1,1))-1)+IF('Standard Profiles'!$G$18=$B$10,7,0)+IF('Standard Profiles'!$G$18=$B$17,14,0)+IF('Standard Profiles'!$G$18=$B$24,21,0),0)),0)</f>
        <v>7.4757777741453522</v>
      </c>
      <c r="E7451" cm="1">
        <f t="array" ref="E7451">IFERROR(INDEX(Jesper!AI$2:AI$366,ROUNDDOWN($C7451/24,0)+1,1)*INDEX($D$3:$AA$30,INDEX(Jesper!$R$2:$R$366,ROW(INDEX(Jesper!AI$2:AI$366,ROUNDDOWN($C7451/24,0)+1,1))-1)+IF('Standard Profiles'!$G$19=$B$10,7,0)+IF('Standard Profiles'!$G$19=$B$17,14,0)+IF('Standard Profiles'!$G$19=$B$24,21,0),MOD($C7451,24)+1)/SUM(INDEX($D$3:$AA$30,INDEX(Jesper!$R$2:$R$366,ROW(INDEX(Jesper!AI$2:AI$366,ROUNDDOWN($C7451/24,0)+1,1))-1)+IF('Standard Profiles'!$G$19=$B$10,7,0)+IF('Standard Profiles'!$G$19=$B$17,14,0)+IF('Standard Profiles'!$G$19=$B$24,21,0),0)),0)</f>
        <v>0</v>
      </c>
      <c r="F7451" cm="1">
        <f t="array" ref="F7451">IFERROR(INDEX(Jesper!AJ$2:AJ$366,ROUNDDOWN($C7451/24,0)+1,1)*INDEX($D$3:$AA$30,INDEX(Jesper!$R$2:$R$366,ROW(INDEX(Jesper!AJ$2:AJ$366,ROUNDDOWN($C7451/24,0)+1,1))-1)+IF('Standard Profiles'!$G$20=$B$10,7,0)+IF('Standard Profiles'!$G$20=$B$17,14,0)+IF('Standard Profiles'!$G$20=$B$24,21,0),MOD($C7451,24)+1)/SUM(INDEX($D$3:$AA$30,INDEX(Jesper!$R$2:$R$366,ROW(INDEX(Jesper!AJ$2:AJ$366,ROUNDDOWN($C7451/24,0)+1,1))-1)+IF('Standard Profiles'!$G$20=$B$10,7,0)+IF('Standard Profiles'!$G$20=$B$17,14,0)+IF('Standard Profiles'!$G$20=$B$24,21,0),0)),0)</f>
        <v>0</v>
      </c>
      <c r="G7451" cm="1">
        <f t="array" ref="G7451">IFERROR(INDEX(Jesper!AK$2:AK$366,ROUNDDOWN($C7451/24,0)+1,1)*INDEX($D$3:$AA$30,INDEX(Jesper!$R$2:$R$366,ROW(INDEX(Jesper!AK$2:AK$366,ROUNDDOWN($C7451/24,0)+1,1))-1)+IF('Standard Profiles'!$G$21=$B$10,7,0)+IF('Standard Profiles'!$G$21=$B$17,14,0)+IF('Standard Profiles'!$G$21=$B$24,21,0),MOD($C7451,24)+1)/SUM(INDEX($D$3:$AA$30,INDEX(Jesper!$R$2:$R$366,ROW(INDEX(Jesper!AK$2:AK$366,ROUNDDOWN($C7451/24,0)+1,1))-1)+IF('Standard Profiles'!$G$21=$B$10,7,0)+IF('Standard Profiles'!$G$21=$B$17,14,0)+IF('Standard Profiles'!$G$21=$B$24,21,0),0)),0)</f>
        <v>0</v>
      </c>
      <c r="H7451" cm="1">
        <f t="array" ref="H7451">IFERROR(INDEX(Jesper!AL$2:AL$366,ROUNDDOWN($C7451/24,0)+1,1)*INDEX($D$3:$AA$30,INDEX(Jesper!$R$2:$R$366,ROW(INDEX(Jesper!AL$2:AL$366,ROUNDDOWN($C7451/24,0)+1,1))-1)+IF('Standard Profiles'!$G$22=$B$10,7,0)+IF('Standard Profiles'!$G$22=$B$17,14,0)+IF('Standard Profiles'!$G$22=$B$24,21,0),MOD($C7451,24)+1)/SUM(INDEX($D$3:$AA$30,INDEX(Jesper!$R$2:$R$366,ROW(INDEX(Jesper!AL$2:AL$366,ROUNDDOWN($C7451/24,0)+1,1))-1)+IF('Standard Profiles'!$G$22=$B$10,7,0)+IF('Standard Profiles'!$G$22=$B$17,14,0)+IF('Standard Profiles'!$G$22=$B$24,21,0),0)),0)</f>
        <v>0</v>
      </c>
      <c r="I7451">
        <f t="shared" si="825"/>
        <v>0.22427333322436055</v>
      </c>
      <c r="J7451">
        <f t="shared" si="826"/>
        <v>0.74757777741453524</v>
      </c>
      <c r="K7451">
        <f t="shared" si="827"/>
        <v>1.1213666661218027</v>
      </c>
      <c r="L7451">
        <f t="shared" si="828"/>
        <v>5.3825599973846536</v>
      </c>
      <c r="M7451">
        <f t="shared" si="829"/>
        <v>0</v>
      </c>
      <c r="N7451" s="46">
        <f t="shared" si="830"/>
        <v>45601.041666648678</v>
      </c>
    </row>
    <row r="7452" spans="2:14" x14ac:dyDescent="0.3">
      <c r="B7452">
        <f t="shared" si="824"/>
        <v>2</v>
      </c>
      <c r="C7452" s="16">
        <v>7418</v>
      </c>
      <c r="D7452" cm="1">
        <f t="array" ref="D7452">IFERROR(INDEX(Jesper!AH$2:AH$366,ROUNDDOWN($C7452/24,0)+1,1)*INDEX($D$3:$AA$30,INDEX(Jesper!$R$2:$R$366,ROW(INDEX(Jesper!AH$2:AH$366,ROUNDDOWN($C7452/24,0)+1,1))-1)+IF('Standard Profiles'!$G$18=$B$10,7,0)+IF('Standard Profiles'!$G$18=$B$17,14,0)+IF('Standard Profiles'!$G$18=$B$24,21,0),MOD($C7452,24)+1)/SUM(INDEX($D$3:$AA$30,INDEX(Jesper!$R$2:$R$366,ROW(INDEX(Jesper!AH$2:AH$366,ROUNDDOWN($C7452/24,0)+1,1))-1)+IF('Standard Profiles'!$G$18=$B$10,7,0)+IF('Standard Profiles'!$G$18=$B$17,14,0)+IF('Standard Profiles'!$G$18=$B$24,21,0),0)),0)</f>
        <v>7.4757777741453522</v>
      </c>
      <c r="E7452" cm="1">
        <f t="array" ref="E7452">IFERROR(INDEX(Jesper!AI$2:AI$366,ROUNDDOWN($C7452/24,0)+1,1)*INDEX($D$3:$AA$30,INDEX(Jesper!$R$2:$R$366,ROW(INDEX(Jesper!AI$2:AI$366,ROUNDDOWN($C7452/24,0)+1,1))-1)+IF('Standard Profiles'!$G$19=$B$10,7,0)+IF('Standard Profiles'!$G$19=$B$17,14,0)+IF('Standard Profiles'!$G$19=$B$24,21,0),MOD($C7452,24)+1)/SUM(INDEX($D$3:$AA$30,INDEX(Jesper!$R$2:$R$366,ROW(INDEX(Jesper!AI$2:AI$366,ROUNDDOWN($C7452/24,0)+1,1))-1)+IF('Standard Profiles'!$G$19=$B$10,7,0)+IF('Standard Profiles'!$G$19=$B$17,14,0)+IF('Standard Profiles'!$G$19=$B$24,21,0),0)),0)</f>
        <v>0</v>
      </c>
      <c r="F7452" cm="1">
        <f t="array" ref="F7452">IFERROR(INDEX(Jesper!AJ$2:AJ$366,ROUNDDOWN($C7452/24,0)+1,1)*INDEX($D$3:$AA$30,INDEX(Jesper!$R$2:$R$366,ROW(INDEX(Jesper!AJ$2:AJ$366,ROUNDDOWN($C7452/24,0)+1,1))-1)+IF('Standard Profiles'!$G$20=$B$10,7,0)+IF('Standard Profiles'!$G$20=$B$17,14,0)+IF('Standard Profiles'!$G$20=$B$24,21,0),MOD($C7452,24)+1)/SUM(INDEX($D$3:$AA$30,INDEX(Jesper!$R$2:$R$366,ROW(INDEX(Jesper!AJ$2:AJ$366,ROUNDDOWN($C7452/24,0)+1,1))-1)+IF('Standard Profiles'!$G$20=$B$10,7,0)+IF('Standard Profiles'!$G$20=$B$17,14,0)+IF('Standard Profiles'!$G$20=$B$24,21,0),0)),0)</f>
        <v>0</v>
      </c>
      <c r="G7452" cm="1">
        <f t="array" ref="G7452">IFERROR(INDEX(Jesper!AK$2:AK$366,ROUNDDOWN($C7452/24,0)+1,1)*INDEX($D$3:$AA$30,INDEX(Jesper!$R$2:$R$366,ROW(INDEX(Jesper!AK$2:AK$366,ROUNDDOWN($C7452/24,0)+1,1))-1)+IF('Standard Profiles'!$G$21=$B$10,7,0)+IF('Standard Profiles'!$G$21=$B$17,14,0)+IF('Standard Profiles'!$G$21=$B$24,21,0),MOD($C7452,24)+1)/SUM(INDEX($D$3:$AA$30,INDEX(Jesper!$R$2:$R$366,ROW(INDEX(Jesper!AK$2:AK$366,ROUNDDOWN($C7452/24,0)+1,1))-1)+IF('Standard Profiles'!$G$21=$B$10,7,0)+IF('Standard Profiles'!$G$21=$B$17,14,0)+IF('Standard Profiles'!$G$21=$B$24,21,0),0)),0)</f>
        <v>0</v>
      </c>
      <c r="H7452" cm="1">
        <f t="array" ref="H7452">IFERROR(INDEX(Jesper!AL$2:AL$366,ROUNDDOWN($C7452/24,0)+1,1)*INDEX($D$3:$AA$30,INDEX(Jesper!$R$2:$R$366,ROW(INDEX(Jesper!AL$2:AL$366,ROUNDDOWN($C7452/24,0)+1,1))-1)+IF('Standard Profiles'!$G$22=$B$10,7,0)+IF('Standard Profiles'!$G$22=$B$17,14,0)+IF('Standard Profiles'!$G$22=$B$24,21,0),MOD($C7452,24)+1)/SUM(INDEX($D$3:$AA$30,INDEX(Jesper!$R$2:$R$366,ROW(INDEX(Jesper!AL$2:AL$366,ROUNDDOWN($C7452/24,0)+1,1))-1)+IF('Standard Profiles'!$G$22=$B$10,7,0)+IF('Standard Profiles'!$G$22=$B$17,14,0)+IF('Standard Profiles'!$G$22=$B$24,21,0),0)),0)</f>
        <v>0</v>
      </c>
      <c r="I7452">
        <f t="shared" si="825"/>
        <v>0.22427333322436055</v>
      </c>
      <c r="J7452">
        <f t="shared" si="826"/>
        <v>0.74757777741453524</v>
      </c>
      <c r="K7452">
        <f t="shared" si="827"/>
        <v>1.1213666661218027</v>
      </c>
      <c r="L7452">
        <f t="shared" si="828"/>
        <v>5.3825599973846536</v>
      </c>
      <c r="M7452">
        <f t="shared" si="829"/>
        <v>0</v>
      </c>
      <c r="N7452" s="46">
        <f t="shared" si="830"/>
        <v>45601.083333315342</v>
      </c>
    </row>
    <row r="7453" spans="2:14" x14ac:dyDescent="0.3">
      <c r="B7453">
        <f t="shared" si="824"/>
        <v>2</v>
      </c>
      <c r="C7453" s="16">
        <v>7419</v>
      </c>
      <c r="D7453" cm="1">
        <f t="array" ref="D7453">IFERROR(INDEX(Jesper!AH$2:AH$366,ROUNDDOWN($C7453/24,0)+1,1)*INDEX($D$3:$AA$30,INDEX(Jesper!$R$2:$R$366,ROW(INDEX(Jesper!AH$2:AH$366,ROUNDDOWN($C7453/24,0)+1,1))-1)+IF('Standard Profiles'!$G$18=$B$10,7,0)+IF('Standard Profiles'!$G$18=$B$17,14,0)+IF('Standard Profiles'!$G$18=$B$24,21,0),MOD($C7453,24)+1)/SUM(INDEX($D$3:$AA$30,INDEX(Jesper!$R$2:$R$366,ROW(INDEX(Jesper!AH$2:AH$366,ROUNDDOWN($C7453/24,0)+1,1))-1)+IF('Standard Profiles'!$G$18=$B$10,7,0)+IF('Standard Profiles'!$G$18=$B$17,14,0)+IF('Standard Profiles'!$G$18=$B$24,21,0),0)),0)</f>
        <v>7.4757777741453522</v>
      </c>
      <c r="E7453" cm="1">
        <f t="array" ref="E7453">IFERROR(INDEX(Jesper!AI$2:AI$366,ROUNDDOWN($C7453/24,0)+1,1)*INDEX($D$3:$AA$30,INDEX(Jesper!$R$2:$R$366,ROW(INDEX(Jesper!AI$2:AI$366,ROUNDDOWN($C7453/24,0)+1,1))-1)+IF('Standard Profiles'!$G$19=$B$10,7,0)+IF('Standard Profiles'!$G$19=$B$17,14,0)+IF('Standard Profiles'!$G$19=$B$24,21,0),MOD($C7453,24)+1)/SUM(INDEX($D$3:$AA$30,INDEX(Jesper!$R$2:$R$366,ROW(INDEX(Jesper!AI$2:AI$366,ROUNDDOWN($C7453/24,0)+1,1))-1)+IF('Standard Profiles'!$G$19=$B$10,7,0)+IF('Standard Profiles'!$G$19=$B$17,14,0)+IF('Standard Profiles'!$G$19=$B$24,21,0),0)),0)</f>
        <v>0</v>
      </c>
      <c r="F7453" cm="1">
        <f t="array" ref="F7453">IFERROR(INDEX(Jesper!AJ$2:AJ$366,ROUNDDOWN($C7453/24,0)+1,1)*INDEX($D$3:$AA$30,INDEX(Jesper!$R$2:$R$366,ROW(INDEX(Jesper!AJ$2:AJ$366,ROUNDDOWN($C7453/24,0)+1,1))-1)+IF('Standard Profiles'!$G$20=$B$10,7,0)+IF('Standard Profiles'!$G$20=$B$17,14,0)+IF('Standard Profiles'!$G$20=$B$24,21,0),MOD($C7453,24)+1)/SUM(INDEX($D$3:$AA$30,INDEX(Jesper!$R$2:$R$366,ROW(INDEX(Jesper!AJ$2:AJ$366,ROUNDDOWN($C7453/24,0)+1,1))-1)+IF('Standard Profiles'!$G$20=$B$10,7,0)+IF('Standard Profiles'!$G$20=$B$17,14,0)+IF('Standard Profiles'!$G$20=$B$24,21,0),0)),0)</f>
        <v>0</v>
      </c>
      <c r="G7453" cm="1">
        <f t="array" ref="G7453">IFERROR(INDEX(Jesper!AK$2:AK$366,ROUNDDOWN($C7453/24,0)+1,1)*INDEX($D$3:$AA$30,INDEX(Jesper!$R$2:$R$366,ROW(INDEX(Jesper!AK$2:AK$366,ROUNDDOWN($C7453/24,0)+1,1))-1)+IF('Standard Profiles'!$G$21=$B$10,7,0)+IF('Standard Profiles'!$G$21=$B$17,14,0)+IF('Standard Profiles'!$G$21=$B$24,21,0),MOD($C7453,24)+1)/SUM(INDEX($D$3:$AA$30,INDEX(Jesper!$R$2:$R$366,ROW(INDEX(Jesper!AK$2:AK$366,ROUNDDOWN($C7453/24,0)+1,1))-1)+IF('Standard Profiles'!$G$21=$B$10,7,0)+IF('Standard Profiles'!$G$21=$B$17,14,0)+IF('Standard Profiles'!$G$21=$B$24,21,0),0)),0)</f>
        <v>0</v>
      </c>
      <c r="H7453" cm="1">
        <f t="array" ref="H7453">IFERROR(INDEX(Jesper!AL$2:AL$366,ROUNDDOWN($C7453/24,0)+1,1)*INDEX($D$3:$AA$30,INDEX(Jesper!$R$2:$R$366,ROW(INDEX(Jesper!AL$2:AL$366,ROUNDDOWN($C7453/24,0)+1,1))-1)+IF('Standard Profiles'!$G$22=$B$10,7,0)+IF('Standard Profiles'!$G$22=$B$17,14,0)+IF('Standard Profiles'!$G$22=$B$24,21,0),MOD($C7453,24)+1)/SUM(INDEX($D$3:$AA$30,INDEX(Jesper!$R$2:$R$366,ROW(INDEX(Jesper!AL$2:AL$366,ROUNDDOWN($C7453/24,0)+1,1))-1)+IF('Standard Profiles'!$G$22=$B$10,7,0)+IF('Standard Profiles'!$G$22=$B$17,14,0)+IF('Standard Profiles'!$G$22=$B$24,21,0),0)),0)</f>
        <v>0</v>
      </c>
      <c r="I7453">
        <f t="shared" si="825"/>
        <v>0.22427333322436055</v>
      </c>
      <c r="J7453">
        <f t="shared" si="826"/>
        <v>0.74757777741453524</v>
      </c>
      <c r="K7453">
        <f t="shared" si="827"/>
        <v>1.1213666661218027</v>
      </c>
      <c r="L7453">
        <f t="shared" si="828"/>
        <v>5.3825599973846536</v>
      </c>
      <c r="M7453">
        <f t="shared" si="829"/>
        <v>0</v>
      </c>
      <c r="N7453" s="46">
        <f t="shared" si="830"/>
        <v>45601.124999982007</v>
      </c>
    </row>
    <row r="7454" spans="2:14" x14ac:dyDescent="0.3">
      <c r="B7454">
        <f t="shared" si="824"/>
        <v>2</v>
      </c>
      <c r="C7454" s="16">
        <v>7420</v>
      </c>
      <c r="D7454" cm="1">
        <f t="array" ref="D7454">IFERROR(INDEX(Jesper!AH$2:AH$366,ROUNDDOWN($C7454/24,0)+1,1)*INDEX($D$3:$AA$30,INDEX(Jesper!$R$2:$R$366,ROW(INDEX(Jesper!AH$2:AH$366,ROUNDDOWN($C7454/24,0)+1,1))-1)+IF('Standard Profiles'!$G$18=$B$10,7,0)+IF('Standard Profiles'!$G$18=$B$17,14,0)+IF('Standard Profiles'!$G$18=$B$24,21,0),MOD($C7454,24)+1)/SUM(INDEX($D$3:$AA$30,INDEX(Jesper!$R$2:$R$366,ROW(INDEX(Jesper!AH$2:AH$366,ROUNDDOWN($C7454/24,0)+1,1))-1)+IF('Standard Profiles'!$G$18=$B$10,7,0)+IF('Standard Profiles'!$G$18=$B$17,14,0)+IF('Standard Profiles'!$G$18=$B$24,21,0),0)),0)</f>
        <v>7.4757777741453522</v>
      </c>
      <c r="E7454" cm="1">
        <f t="array" ref="E7454">IFERROR(INDEX(Jesper!AI$2:AI$366,ROUNDDOWN($C7454/24,0)+1,1)*INDEX($D$3:$AA$30,INDEX(Jesper!$R$2:$R$366,ROW(INDEX(Jesper!AI$2:AI$366,ROUNDDOWN($C7454/24,0)+1,1))-1)+IF('Standard Profiles'!$G$19=$B$10,7,0)+IF('Standard Profiles'!$G$19=$B$17,14,0)+IF('Standard Profiles'!$G$19=$B$24,21,0),MOD($C7454,24)+1)/SUM(INDEX($D$3:$AA$30,INDEX(Jesper!$R$2:$R$366,ROW(INDEX(Jesper!AI$2:AI$366,ROUNDDOWN($C7454/24,0)+1,1))-1)+IF('Standard Profiles'!$G$19=$B$10,7,0)+IF('Standard Profiles'!$G$19=$B$17,14,0)+IF('Standard Profiles'!$G$19=$B$24,21,0),0)),0)</f>
        <v>0</v>
      </c>
      <c r="F7454" cm="1">
        <f t="array" ref="F7454">IFERROR(INDEX(Jesper!AJ$2:AJ$366,ROUNDDOWN($C7454/24,0)+1,1)*INDEX($D$3:$AA$30,INDEX(Jesper!$R$2:$R$366,ROW(INDEX(Jesper!AJ$2:AJ$366,ROUNDDOWN($C7454/24,0)+1,1))-1)+IF('Standard Profiles'!$G$20=$B$10,7,0)+IF('Standard Profiles'!$G$20=$B$17,14,0)+IF('Standard Profiles'!$G$20=$B$24,21,0),MOD($C7454,24)+1)/SUM(INDEX($D$3:$AA$30,INDEX(Jesper!$R$2:$R$366,ROW(INDEX(Jesper!AJ$2:AJ$366,ROUNDDOWN($C7454/24,0)+1,1))-1)+IF('Standard Profiles'!$G$20=$B$10,7,0)+IF('Standard Profiles'!$G$20=$B$17,14,0)+IF('Standard Profiles'!$G$20=$B$24,21,0),0)),0)</f>
        <v>0</v>
      </c>
      <c r="G7454" cm="1">
        <f t="array" ref="G7454">IFERROR(INDEX(Jesper!AK$2:AK$366,ROUNDDOWN($C7454/24,0)+1,1)*INDEX($D$3:$AA$30,INDEX(Jesper!$R$2:$R$366,ROW(INDEX(Jesper!AK$2:AK$366,ROUNDDOWN($C7454/24,0)+1,1))-1)+IF('Standard Profiles'!$G$21=$B$10,7,0)+IF('Standard Profiles'!$G$21=$B$17,14,0)+IF('Standard Profiles'!$G$21=$B$24,21,0),MOD($C7454,24)+1)/SUM(INDEX($D$3:$AA$30,INDEX(Jesper!$R$2:$R$366,ROW(INDEX(Jesper!AK$2:AK$366,ROUNDDOWN($C7454/24,0)+1,1))-1)+IF('Standard Profiles'!$G$21=$B$10,7,0)+IF('Standard Profiles'!$G$21=$B$17,14,0)+IF('Standard Profiles'!$G$21=$B$24,21,0),0)),0)</f>
        <v>0</v>
      </c>
      <c r="H7454" cm="1">
        <f t="array" ref="H7454">IFERROR(INDEX(Jesper!AL$2:AL$366,ROUNDDOWN($C7454/24,0)+1,1)*INDEX($D$3:$AA$30,INDEX(Jesper!$R$2:$R$366,ROW(INDEX(Jesper!AL$2:AL$366,ROUNDDOWN($C7454/24,0)+1,1))-1)+IF('Standard Profiles'!$G$22=$B$10,7,0)+IF('Standard Profiles'!$G$22=$B$17,14,0)+IF('Standard Profiles'!$G$22=$B$24,21,0),MOD($C7454,24)+1)/SUM(INDEX($D$3:$AA$30,INDEX(Jesper!$R$2:$R$366,ROW(INDEX(Jesper!AL$2:AL$366,ROUNDDOWN($C7454/24,0)+1,1))-1)+IF('Standard Profiles'!$G$22=$B$10,7,0)+IF('Standard Profiles'!$G$22=$B$17,14,0)+IF('Standard Profiles'!$G$22=$B$24,21,0),0)),0)</f>
        <v>0</v>
      </c>
      <c r="I7454">
        <f t="shared" si="825"/>
        <v>0.22427333322436055</v>
      </c>
      <c r="J7454">
        <f t="shared" si="826"/>
        <v>0.74757777741453524</v>
      </c>
      <c r="K7454">
        <f t="shared" si="827"/>
        <v>1.1213666661218027</v>
      </c>
      <c r="L7454">
        <f t="shared" si="828"/>
        <v>5.3825599973846536</v>
      </c>
      <c r="M7454">
        <f t="shared" si="829"/>
        <v>0</v>
      </c>
      <c r="N7454" s="46">
        <f t="shared" si="830"/>
        <v>45601.166666648671</v>
      </c>
    </row>
    <row r="7455" spans="2:14" x14ac:dyDescent="0.3">
      <c r="B7455">
        <f t="shared" si="824"/>
        <v>2</v>
      </c>
      <c r="C7455" s="16">
        <v>7421</v>
      </c>
      <c r="D7455" cm="1">
        <f t="array" ref="D7455">IFERROR(INDEX(Jesper!AH$2:AH$366,ROUNDDOWN($C7455/24,0)+1,1)*INDEX($D$3:$AA$30,INDEX(Jesper!$R$2:$R$366,ROW(INDEX(Jesper!AH$2:AH$366,ROUNDDOWN($C7455/24,0)+1,1))-1)+IF('Standard Profiles'!$G$18=$B$10,7,0)+IF('Standard Profiles'!$G$18=$B$17,14,0)+IF('Standard Profiles'!$G$18=$B$24,21,0),MOD($C7455,24)+1)/SUM(INDEX($D$3:$AA$30,INDEX(Jesper!$R$2:$R$366,ROW(INDEX(Jesper!AH$2:AH$366,ROUNDDOWN($C7455/24,0)+1,1))-1)+IF('Standard Profiles'!$G$18=$B$10,7,0)+IF('Standard Profiles'!$G$18=$B$17,14,0)+IF('Standard Profiles'!$G$18=$B$24,21,0),0)),0)</f>
        <v>9.7185111063889575</v>
      </c>
      <c r="E7455" cm="1">
        <f t="array" ref="E7455">IFERROR(INDEX(Jesper!AI$2:AI$366,ROUNDDOWN($C7455/24,0)+1,1)*INDEX($D$3:$AA$30,INDEX(Jesper!$R$2:$R$366,ROW(INDEX(Jesper!AI$2:AI$366,ROUNDDOWN($C7455/24,0)+1,1))-1)+IF('Standard Profiles'!$G$19=$B$10,7,0)+IF('Standard Profiles'!$G$19=$B$17,14,0)+IF('Standard Profiles'!$G$19=$B$24,21,0),MOD($C7455,24)+1)/SUM(INDEX($D$3:$AA$30,INDEX(Jesper!$R$2:$R$366,ROW(INDEX(Jesper!AI$2:AI$366,ROUNDDOWN($C7455/24,0)+1,1))-1)+IF('Standard Profiles'!$G$19=$B$10,7,0)+IF('Standard Profiles'!$G$19=$B$17,14,0)+IF('Standard Profiles'!$G$19=$B$24,21,0),0)),0)</f>
        <v>0</v>
      </c>
      <c r="F7455" cm="1">
        <f t="array" ref="F7455">IFERROR(INDEX(Jesper!AJ$2:AJ$366,ROUNDDOWN($C7455/24,0)+1,1)*INDEX($D$3:$AA$30,INDEX(Jesper!$R$2:$R$366,ROW(INDEX(Jesper!AJ$2:AJ$366,ROUNDDOWN($C7455/24,0)+1,1))-1)+IF('Standard Profiles'!$G$20=$B$10,7,0)+IF('Standard Profiles'!$G$20=$B$17,14,0)+IF('Standard Profiles'!$G$20=$B$24,21,0),MOD($C7455,24)+1)/SUM(INDEX($D$3:$AA$30,INDEX(Jesper!$R$2:$R$366,ROW(INDEX(Jesper!AJ$2:AJ$366,ROUNDDOWN($C7455/24,0)+1,1))-1)+IF('Standard Profiles'!$G$20=$B$10,7,0)+IF('Standard Profiles'!$G$20=$B$17,14,0)+IF('Standard Profiles'!$G$20=$B$24,21,0),0)),0)</f>
        <v>0</v>
      </c>
      <c r="G7455" cm="1">
        <f t="array" ref="G7455">IFERROR(INDEX(Jesper!AK$2:AK$366,ROUNDDOWN($C7455/24,0)+1,1)*INDEX($D$3:$AA$30,INDEX(Jesper!$R$2:$R$366,ROW(INDEX(Jesper!AK$2:AK$366,ROUNDDOWN($C7455/24,0)+1,1))-1)+IF('Standard Profiles'!$G$21=$B$10,7,0)+IF('Standard Profiles'!$G$21=$B$17,14,0)+IF('Standard Profiles'!$G$21=$B$24,21,0),MOD($C7455,24)+1)/SUM(INDEX($D$3:$AA$30,INDEX(Jesper!$R$2:$R$366,ROW(INDEX(Jesper!AK$2:AK$366,ROUNDDOWN($C7455/24,0)+1,1))-1)+IF('Standard Profiles'!$G$21=$B$10,7,0)+IF('Standard Profiles'!$G$21=$B$17,14,0)+IF('Standard Profiles'!$G$21=$B$24,21,0),0)),0)</f>
        <v>0</v>
      </c>
      <c r="H7455" cm="1">
        <f t="array" ref="H7455">IFERROR(INDEX(Jesper!AL$2:AL$366,ROUNDDOWN($C7455/24,0)+1,1)*INDEX($D$3:$AA$30,INDEX(Jesper!$R$2:$R$366,ROW(INDEX(Jesper!AL$2:AL$366,ROUNDDOWN($C7455/24,0)+1,1))-1)+IF('Standard Profiles'!$G$22=$B$10,7,0)+IF('Standard Profiles'!$G$22=$B$17,14,0)+IF('Standard Profiles'!$G$22=$B$24,21,0),MOD($C7455,24)+1)/SUM(INDEX($D$3:$AA$30,INDEX(Jesper!$R$2:$R$366,ROW(INDEX(Jesper!AL$2:AL$366,ROUNDDOWN($C7455/24,0)+1,1))-1)+IF('Standard Profiles'!$G$22=$B$10,7,0)+IF('Standard Profiles'!$G$22=$B$17,14,0)+IF('Standard Profiles'!$G$22=$B$24,21,0),0)),0)</f>
        <v>0</v>
      </c>
      <c r="I7455">
        <f t="shared" si="825"/>
        <v>0.29155533319166871</v>
      </c>
      <c r="J7455">
        <f t="shared" si="826"/>
        <v>0.97185111063889584</v>
      </c>
      <c r="K7455">
        <f t="shared" si="827"/>
        <v>1.4577766659583435</v>
      </c>
      <c r="L7455">
        <f t="shared" si="828"/>
        <v>6.997327996600049</v>
      </c>
      <c r="M7455">
        <f t="shared" si="829"/>
        <v>0</v>
      </c>
      <c r="N7455" s="46">
        <f t="shared" si="830"/>
        <v>45601.208333315335</v>
      </c>
    </row>
    <row r="7456" spans="2:14" x14ac:dyDescent="0.3">
      <c r="B7456">
        <f t="shared" si="824"/>
        <v>2</v>
      </c>
      <c r="C7456" s="16">
        <v>7422</v>
      </c>
      <c r="D7456" cm="1">
        <f t="array" ref="D7456">IFERROR(INDEX(Jesper!AH$2:AH$366,ROUNDDOWN($C7456/24,0)+1,1)*INDEX($D$3:$AA$30,INDEX(Jesper!$R$2:$R$366,ROW(INDEX(Jesper!AH$2:AH$366,ROUNDDOWN($C7456/24,0)+1,1))-1)+IF('Standard Profiles'!$G$18=$B$10,7,0)+IF('Standard Profiles'!$G$18=$B$17,14,0)+IF('Standard Profiles'!$G$18=$B$24,21,0),MOD($C7456,24)+1)/SUM(INDEX($D$3:$AA$30,INDEX(Jesper!$R$2:$R$366,ROW(INDEX(Jesper!AH$2:AH$366,ROUNDDOWN($C7456/24,0)+1,1))-1)+IF('Standard Profiles'!$G$18=$B$10,7,0)+IF('Standard Profiles'!$G$18=$B$17,14,0)+IF('Standard Profiles'!$G$18=$B$24,21,0),0)),0)</f>
        <v>10.839877772510759</v>
      </c>
      <c r="E7456" cm="1">
        <f t="array" ref="E7456">IFERROR(INDEX(Jesper!AI$2:AI$366,ROUNDDOWN($C7456/24,0)+1,1)*INDEX($D$3:$AA$30,INDEX(Jesper!$R$2:$R$366,ROW(INDEX(Jesper!AI$2:AI$366,ROUNDDOWN($C7456/24,0)+1,1))-1)+IF('Standard Profiles'!$G$19=$B$10,7,0)+IF('Standard Profiles'!$G$19=$B$17,14,0)+IF('Standard Profiles'!$G$19=$B$24,21,0),MOD($C7456,24)+1)/SUM(INDEX($D$3:$AA$30,INDEX(Jesper!$R$2:$R$366,ROW(INDEX(Jesper!AI$2:AI$366,ROUNDDOWN($C7456/24,0)+1,1))-1)+IF('Standard Profiles'!$G$19=$B$10,7,0)+IF('Standard Profiles'!$G$19=$B$17,14,0)+IF('Standard Profiles'!$G$19=$B$24,21,0),0)),0)</f>
        <v>0</v>
      </c>
      <c r="F7456" cm="1">
        <f t="array" ref="F7456">IFERROR(INDEX(Jesper!AJ$2:AJ$366,ROUNDDOWN($C7456/24,0)+1,1)*INDEX($D$3:$AA$30,INDEX(Jesper!$R$2:$R$366,ROW(INDEX(Jesper!AJ$2:AJ$366,ROUNDDOWN($C7456/24,0)+1,1))-1)+IF('Standard Profiles'!$G$20=$B$10,7,0)+IF('Standard Profiles'!$G$20=$B$17,14,0)+IF('Standard Profiles'!$G$20=$B$24,21,0),MOD($C7456,24)+1)/SUM(INDEX($D$3:$AA$30,INDEX(Jesper!$R$2:$R$366,ROW(INDEX(Jesper!AJ$2:AJ$366,ROUNDDOWN($C7456/24,0)+1,1))-1)+IF('Standard Profiles'!$G$20=$B$10,7,0)+IF('Standard Profiles'!$G$20=$B$17,14,0)+IF('Standard Profiles'!$G$20=$B$24,21,0),0)),0)</f>
        <v>0</v>
      </c>
      <c r="G7456" cm="1">
        <f t="array" ref="G7456">IFERROR(INDEX(Jesper!AK$2:AK$366,ROUNDDOWN($C7456/24,0)+1,1)*INDEX($D$3:$AA$30,INDEX(Jesper!$R$2:$R$366,ROW(INDEX(Jesper!AK$2:AK$366,ROUNDDOWN($C7456/24,0)+1,1))-1)+IF('Standard Profiles'!$G$21=$B$10,7,0)+IF('Standard Profiles'!$G$21=$B$17,14,0)+IF('Standard Profiles'!$G$21=$B$24,21,0),MOD($C7456,24)+1)/SUM(INDEX($D$3:$AA$30,INDEX(Jesper!$R$2:$R$366,ROW(INDEX(Jesper!AK$2:AK$366,ROUNDDOWN($C7456/24,0)+1,1))-1)+IF('Standard Profiles'!$G$21=$B$10,7,0)+IF('Standard Profiles'!$G$21=$B$17,14,0)+IF('Standard Profiles'!$G$21=$B$24,21,0),0)),0)</f>
        <v>0</v>
      </c>
      <c r="H7456" cm="1">
        <f t="array" ref="H7456">IFERROR(INDEX(Jesper!AL$2:AL$366,ROUNDDOWN($C7456/24,0)+1,1)*INDEX($D$3:$AA$30,INDEX(Jesper!$R$2:$R$366,ROW(INDEX(Jesper!AL$2:AL$366,ROUNDDOWN($C7456/24,0)+1,1))-1)+IF('Standard Profiles'!$G$22=$B$10,7,0)+IF('Standard Profiles'!$G$22=$B$17,14,0)+IF('Standard Profiles'!$G$22=$B$24,21,0),MOD($C7456,24)+1)/SUM(INDEX($D$3:$AA$30,INDEX(Jesper!$R$2:$R$366,ROW(INDEX(Jesper!AL$2:AL$366,ROUNDDOWN($C7456/24,0)+1,1))-1)+IF('Standard Profiles'!$G$22=$B$10,7,0)+IF('Standard Profiles'!$G$22=$B$17,14,0)+IF('Standard Profiles'!$G$22=$B$24,21,0),0)),0)</f>
        <v>0</v>
      </c>
      <c r="I7456">
        <f t="shared" si="825"/>
        <v>0.32519633317532276</v>
      </c>
      <c r="J7456">
        <f t="shared" si="826"/>
        <v>1.083987777251076</v>
      </c>
      <c r="K7456">
        <f t="shared" si="827"/>
        <v>1.6259816658766137</v>
      </c>
      <c r="L7456">
        <f t="shared" si="828"/>
        <v>7.8047119962077458</v>
      </c>
      <c r="M7456">
        <f t="shared" si="829"/>
        <v>0</v>
      </c>
      <c r="N7456" s="46">
        <f t="shared" si="830"/>
        <v>45601.249999981999</v>
      </c>
    </row>
    <row r="7457" spans="2:14" x14ac:dyDescent="0.3">
      <c r="B7457">
        <f t="shared" si="824"/>
        <v>2</v>
      </c>
      <c r="C7457" s="16">
        <v>7423</v>
      </c>
      <c r="D7457" cm="1">
        <f t="array" ref="D7457">IFERROR(INDEX(Jesper!AH$2:AH$366,ROUNDDOWN($C7457/24,0)+1,1)*INDEX($D$3:$AA$30,INDEX(Jesper!$R$2:$R$366,ROW(INDEX(Jesper!AH$2:AH$366,ROUNDDOWN($C7457/24,0)+1,1))-1)+IF('Standard Profiles'!$G$18=$B$10,7,0)+IF('Standard Profiles'!$G$18=$B$17,14,0)+IF('Standard Profiles'!$G$18=$B$24,21,0),MOD($C7457,24)+1)/SUM(INDEX($D$3:$AA$30,INDEX(Jesper!$R$2:$R$366,ROW(INDEX(Jesper!AH$2:AH$366,ROUNDDOWN($C7457/24,0)+1,1))-1)+IF('Standard Profiles'!$G$18=$B$10,7,0)+IF('Standard Profiles'!$G$18=$B$17,14,0)+IF('Standard Profiles'!$G$18=$B$24,21,0),0)),0)</f>
        <v>11.213666661218028</v>
      </c>
      <c r="E7457" cm="1">
        <f t="array" ref="E7457">IFERROR(INDEX(Jesper!AI$2:AI$366,ROUNDDOWN($C7457/24,0)+1,1)*INDEX($D$3:$AA$30,INDEX(Jesper!$R$2:$R$366,ROW(INDEX(Jesper!AI$2:AI$366,ROUNDDOWN($C7457/24,0)+1,1))-1)+IF('Standard Profiles'!$G$19=$B$10,7,0)+IF('Standard Profiles'!$G$19=$B$17,14,0)+IF('Standard Profiles'!$G$19=$B$24,21,0),MOD($C7457,24)+1)/SUM(INDEX($D$3:$AA$30,INDEX(Jesper!$R$2:$R$366,ROW(INDEX(Jesper!AI$2:AI$366,ROUNDDOWN($C7457/24,0)+1,1))-1)+IF('Standard Profiles'!$G$19=$B$10,7,0)+IF('Standard Profiles'!$G$19=$B$17,14,0)+IF('Standard Profiles'!$G$19=$B$24,21,0),0)),0)</f>
        <v>0</v>
      </c>
      <c r="F7457" cm="1">
        <f t="array" ref="F7457">IFERROR(INDEX(Jesper!AJ$2:AJ$366,ROUNDDOWN($C7457/24,0)+1,1)*INDEX($D$3:$AA$30,INDEX(Jesper!$R$2:$R$366,ROW(INDEX(Jesper!AJ$2:AJ$366,ROUNDDOWN($C7457/24,0)+1,1))-1)+IF('Standard Profiles'!$G$20=$B$10,7,0)+IF('Standard Profiles'!$G$20=$B$17,14,0)+IF('Standard Profiles'!$G$20=$B$24,21,0),MOD($C7457,24)+1)/SUM(INDEX($D$3:$AA$30,INDEX(Jesper!$R$2:$R$366,ROW(INDEX(Jesper!AJ$2:AJ$366,ROUNDDOWN($C7457/24,0)+1,1))-1)+IF('Standard Profiles'!$G$20=$B$10,7,0)+IF('Standard Profiles'!$G$20=$B$17,14,0)+IF('Standard Profiles'!$G$20=$B$24,21,0),0)),0)</f>
        <v>0</v>
      </c>
      <c r="G7457" cm="1">
        <f t="array" ref="G7457">IFERROR(INDEX(Jesper!AK$2:AK$366,ROUNDDOWN($C7457/24,0)+1,1)*INDEX($D$3:$AA$30,INDEX(Jesper!$R$2:$R$366,ROW(INDEX(Jesper!AK$2:AK$366,ROUNDDOWN($C7457/24,0)+1,1))-1)+IF('Standard Profiles'!$G$21=$B$10,7,0)+IF('Standard Profiles'!$G$21=$B$17,14,0)+IF('Standard Profiles'!$G$21=$B$24,21,0),MOD($C7457,24)+1)/SUM(INDEX($D$3:$AA$30,INDEX(Jesper!$R$2:$R$366,ROW(INDEX(Jesper!AK$2:AK$366,ROUNDDOWN($C7457/24,0)+1,1))-1)+IF('Standard Profiles'!$G$21=$B$10,7,0)+IF('Standard Profiles'!$G$21=$B$17,14,0)+IF('Standard Profiles'!$G$21=$B$24,21,0),0)),0)</f>
        <v>0</v>
      </c>
      <c r="H7457" cm="1">
        <f t="array" ref="H7457">IFERROR(INDEX(Jesper!AL$2:AL$366,ROUNDDOWN($C7457/24,0)+1,1)*INDEX($D$3:$AA$30,INDEX(Jesper!$R$2:$R$366,ROW(INDEX(Jesper!AL$2:AL$366,ROUNDDOWN($C7457/24,0)+1,1))-1)+IF('Standard Profiles'!$G$22=$B$10,7,0)+IF('Standard Profiles'!$G$22=$B$17,14,0)+IF('Standard Profiles'!$G$22=$B$24,21,0),MOD($C7457,24)+1)/SUM(INDEX($D$3:$AA$30,INDEX(Jesper!$R$2:$R$366,ROW(INDEX(Jesper!AL$2:AL$366,ROUNDDOWN($C7457/24,0)+1,1))-1)+IF('Standard Profiles'!$G$22=$B$10,7,0)+IF('Standard Profiles'!$G$22=$B$17,14,0)+IF('Standard Profiles'!$G$22=$B$24,21,0),0)),0)</f>
        <v>0</v>
      </c>
      <c r="I7457">
        <f t="shared" si="825"/>
        <v>0.3364099998365408</v>
      </c>
      <c r="J7457">
        <f t="shared" si="826"/>
        <v>1.1213666661218029</v>
      </c>
      <c r="K7457">
        <f t="shared" si="827"/>
        <v>1.682049999182704</v>
      </c>
      <c r="L7457">
        <f t="shared" si="828"/>
        <v>8.0738399960769804</v>
      </c>
      <c r="M7457">
        <f t="shared" si="829"/>
        <v>0</v>
      </c>
      <c r="N7457" s="46">
        <f t="shared" si="830"/>
        <v>45601.291666648664</v>
      </c>
    </row>
    <row r="7458" spans="2:14" x14ac:dyDescent="0.3">
      <c r="B7458">
        <f t="shared" si="824"/>
        <v>2</v>
      </c>
      <c r="C7458" s="16">
        <v>7424</v>
      </c>
      <c r="D7458" cm="1">
        <f t="array" ref="D7458">IFERROR(INDEX(Jesper!AH$2:AH$366,ROUNDDOWN($C7458/24,0)+1,1)*INDEX($D$3:$AA$30,INDEX(Jesper!$R$2:$R$366,ROW(INDEX(Jesper!AH$2:AH$366,ROUNDDOWN($C7458/24,0)+1,1))-1)+IF('Standard Profiles'!$G$18=$B$10,7,0)+IF('Standard Profiles'!$G$18=$B$17,14,0)+IF('Standard Profiles'!$G$18=$B$24,21,0),MOD($C7458,24)+1)/SUM(INDEX($D$3:$AA$30,INDEX(Jesper!$R$2:$R$366,ROW(INDEX(Jesper!AH$2:AH$366,ROUNDDOWN($C7458/24,0)+1,1))-1)+IF('Standard Profiles'!$G$18=$B$10,7,0)+IF('Standard Profiles'!$G$18=$B$17,14,0)+IF('Standard Profiles'!$G$18=$B$24,21,0),0)),0)</f>
        <v>11.213666661218028</v>
      </c>
      <c r="E7458" cm="1">
        <f t="array" ref="E7458">IFERROR(INDEX(Jesper!AI$2:AI$366,ROUNDDOWN($C7458/24,0)+1,1)*INDEX($D$3:$AA$30,INDEX(Jesper!$R$2:$R$366,ROW(INDEX(Jesper!AI$2:AI$366,ROUNDDOWN($C7458/24,0)+1,1))-1)+IF('Standard Profiles'!$G$19=$B$10,7,0)+IF('Standard Profiles'!$G$19=$B$17,14,0)+IF('Standard Profiles'!$G$19=$B$24,21,0),MOD($C7458,24)+1)/SUM(INDEX($D$3:$AA$30,INDEX(Jesper!$R$2:$R$366,ROW(INDEX(Jesper!AI$2:AI$366,ROUNDDOWN($C7458/24,0)+1,1))-1)+IF('Standard Profiles'!$G$19=$B$10,7,0)+IF('Standard Profiles'!$G$19=$B$17,14,0)+IF('Standard Profiles'!$G$19=$B$24,21,0),0)),0)</f>
        <v>0</v>
      </c>
      <c r="F7458" cm="1">
        <f t="array" ref="F7458">IFERROR(INDEX(Jesper!AJ$2:AJ$366,ROUNDDOWN($C7458/24,0)+1,1)*INDEX($D$3:$AA$30,INDEX(Jesper!$R$2:$R$366,ROW(INDEX(Jesper!AJ$2:AJ$366,ROUNDDOWN($C7458/24,0)+1,1))-1)+IF('Standard Profiles'!$G$20=$B$10,7,0)+IF('Standard Profiles'!$G$20=$B$17,14,0)+IF('Standard Profiles'!$G$20=$B$24,21,0),MOD($C7458,24)+1)/SUM(INDEX($D$3:$AA$30,INDEX(Jesper!$R$2:$R$366,ROW(INDEX(Jesper!AJ$2:AJ$366,ROUNDDOWN($C7458/24,0)+1,1))-1)+IF('Standard Profiles'!$G$20=$B$10,7,0)+IF('Standard Profiles'!$G$20=$B$17,14,0)+IF('Standard Profiles'!$G$20=$B$24,21,0),0)),0)</f>
        <v>0</v>
      </c>
      <c r="G7458" cm="1">
        <f t="array" ref="G7458">IFERROR(INDEX(Jesper!AK$2:AK$366,ROUNDDOWN($C7458/24,0)+1,1)*INDEX($D$3:$AA$30,INDEX(Jesper!$R$2:$R$366,ROW(INDEX(Jesper!AK$2:AK$366,ROUNDDOWN($C7458/24,0)+1,1))-1)+IF('Standard Profiles'!$G$21=$B$10,7,0)+IF('Standard Profiles'!$G$21=$B$17,14,0)+IF('Standard Profiles'!$G$21=$B$24,21,0),MOD($C7458,24)+1)/SUM(INDEX($D$3:$AA$30,INDEX(Jesper!$R$2:$R$366,ROW(INDEX(Jesper!AK$2:AK$366,ROUNDDOWN($C7458/24,0)+1,1))-1)+IF('Standard Profiles'!$G$21=$B$10,7,0)+IF('Standard Profiles'!$G$21=$B$17,14,0)+IF('Standard Profiles'!$G$21=$B$24,21,0),0)),0)</f>
        <v>0</v>
      </c>
      <c r="H7458" cm="1">
        <f t="array" ref="H7458">IFERROR(INDEX(Jesper!AL$2:AL$366,ROUNDDOWN($C7458/24,0)+1,1)*INDEX($D$3:$AA$30,INDEX(Jesper!$R$2:$R$366,ROW(INDEX(Jesper!AL$2:AL$366,ROUNDDOWN($C7458/24,0)+1,1))-1)+IF('Standard Profiles'!$G$22=$B$10,7,0)+IF('Standard Profiles'!$G$22=$B$17,14,0)+IF('Standard Profiles'!$G$22=$B$24,21,0),MOD($C7458,24)+1)/SUM(INDEX($D$3:$AA$30,INDEX(Jesper!$R$2:$R$366,ROW(INDEX(Jesper!AL$2:AL$366,ROUNDDOWN($C7458/24,0)+1,1))-1)+IF('Standard Profiles'!$G$22=$B$10,7,0)+IF('Standard Profiles'!$G$22=$B$17,14,0)+IF('Standard Profiles'!$G$22=$B$24,21,0),0)),0)</f>
        <v>0</v>
      </c>
      <c r="I7458">
        <f t="shared" si="825"/>
        <v>0.3364099998365408</v>
      </c>
      <c r="J7458">
        <f t="shared" si="826"/>
        <v>1.1213666661218029</v>
      </c>
      <c r="K7458">
        <f t="shared" si="827"/>
        <v>1.682049999182704</v>
      </c>
      <c r="L7458">
        <f t="shared" si="828"/>
        <v>8.0738399960769804</v>
      </c>
      <c r="M7458">
        <f t="shared" si="829"/>
        <v>0</v>
      </c>
      <c r="N7458" s="46">
        <f t="shared" si="830"/>
        <v>45601.333333315328</v>
      </c>
    </row>
    <row r="7459" spans="2:14" x14ac:dyDescent="0.3">
      <c r="B7459">
        <f t="shared" ref="B7459:B7522" si="831">WEEKDAY(N7459,2)</f>
        <v>2</v>
      </c>
      <c r="C7459" s="16">
        <v>7425</v>
      </c>
      <c r="D7459" cm="1">
        <f t="array" ref="D7459">IFERROR(INDEX(Jesper!AH$2:AH$366,ROUNDDOWN($C7459/24,0)+1,1)*INDEX($D$3:$AA$30,INDEX(Jesper!$R$2:$R$366,ROW(INDEX(Jesper!AH$2:AH$366,ROUNDDOWN($C7459/24,0)+1,1))-1)+IF('Standard Profiles'!$G$18=$B$10,7,0)+IF('Standard Profiles'!$G$18=$B$17,14,0)+IF('Standard Profiles'!$G$18=$B$24,21,0),MOD($C7459,24)+1)/SUM(INDEX($D$3:$AA$30,INDEX(Jesper!$R$2:$R$366,ROW(INDEX(Jesper!AH$2:AH$366,ROUNDDOWN($C7459/24,0)+1,1))-1)+IF('Standard Profiles'!$G$18=$B$10,7,0)+IF('Standard Profiles'!$G$18=$B$17,14,0)+IF('Standard Profiles'!$G$18=$B$24,21,0),0)),0)</f>
        <v>12.148138882986196</v>
      </c>
      <c r="E7459" cm="1">
        <f t="array" ref="E7459">IFERROR(INDEX(Jesper!AI$2:AI$366,ROUNDDOWN($C7459/24,0)+1,1)*INDEX($D$3:$AA$30,INDEX(Jesper!$R$2:$R$366,ROW(INDEX(Jesper!AI$2:AI$366,ROUNDDOWN($C7459/24,0)+1,1))-1)+IF('Standard Profiles'!$G$19=$B$10,7,0)+IF('Standard Profiles'!$G$19=$B$17,14,0)+IF('Standard Profiles'!$G$19=$B$24,21,0),MOD($C7459,24)+1)/SUM(INDEX($D$3:$AA$30,INDEX(Jesper!$R$2:$R$366,ROW(INDEX(Jesper!AI$2:AI$366,ROUNDDOWN($C7459/24,0)+1,1))-1)+IF('Standard Profiles'!$G$19=$B$10,7,0)+IF('Standard Profiles'!$G$19=$B$17,14,0)+IF('Standard Profiles'!$G$19=$B$24,21,0),0)),0)</f>
        <v>0</v>
      </c>
      <c r="F7459" cm="1">
        <f t="array" ref="F7459">IFERROR(INDEX(Jesper!AJ$2:AJ$366,ROUNDDOWN($C7459/24,0)+1,1)*INDEX($D$3:$AA$30,INDEX(Jesper!$R$2:$R$366,ROW(INDEX(Jesper!AJ$2:AJ$366,ROUNDDOWN($C7459/24,0)+1,1))-1)+IF('Standard Profiles'!$G$20=$B$10,7,0)+IF('Standard Profiles'!$G$20=$B$17,14,0)+IF('Standard Profiles'!$G$20=$B$24,21,0),MOD($C7459,24)+1)/SUM(INDEX($D$3:$AA$30,INDEX(Jesper!$R$2:$R$366,ROW(INDEX(Jesper!AJ$2:AJ$366,ROUNDDOWN($C7459/24,0)+1,1))-1)+IF('Standard Profiles'!$G$20=$B$10,7,0)+IF('Standard Profiles'!$G$20=$B$17,14,0)+IF('Standard Profiles'!$G$20=$B$24,21,0),0)),0)</f>
        <v>0</v>
      </c>
      <c r="G7459" cm="1">
        <f t="array" ref="G7459">IFERROR(INDEX(Jesper!AK$2:AK$366,ROUNDDOWN($C7459/24,0)+1,1)*INDEX($D$3:$AA$30,INDEX(Jesper!$R$2:$R$366,ROW(INDEX(Jesper!AK$2:AK$366,ROUNDDOWN($C7459/24,0)+1,1))-1)+IF('Standard Profiles'!$G$21=$B$10,7,0)+IF('Standard Profiles'!$G$21=$B$17,14,0)+IF('Standard Profiles'!$G$21=$B$24,21,0),MOD($C7459,24)+1)/SUM(INDEX($D$3:$AA$30,INDEX(Jesper!$R$2:$R$366,ROW(INDEX(Jesper!AK$2:AK$366,ROUNDDOWN($C7459/24,0)+1,1))-1)+IF('Standard Profiles'!$G$21=$B$10,7,0)+IF('Standard Profiles'!$G$21=$B$17,14,0)+IF('Standard Profiles'!$G$21=$B$24,21,0),0)),0)</f>
        <v>0</v>
      </c>
      <c r="H7459" cm="1">
        <f t="array" ref="H7459">IFERROR(INDEX(Jesper!AL$2:AL$366,ROUNDDOWN($C7459/24,0)+1,1)*INDEX($D$3:$AA$30,INDEX(Jesper!$R$2:$R$366,ROW(INDEX(Jesper!AL$2:AL$366,ROUNDDOWN($C7459/24,0)+1,1))-1)+IF('Standard Profiles'!$G$22=$B$10,7,0)+IF('Standard Profiles'!$G$22=$B$17,14,0)+IF('Standard Profiles'!$G$22=$B$24,21,0),MOD($C7459,24)+1)/SUM(INDEX($D$3:$AA$30,INDEX(Jesper!$R$2:$R$366,ROW(INDEX(Jesper!AL$2:AL$366,ROUNDDOWN($C7459/24,0)+1,1))-1)+IF('Standard Profiles'!$G$22=$B$10,7,0)+IF('Standard Profiles'!$G$22=$B$17,14,0)+IF('Standard Profiles'!$G$22=$B$24,21,0),0)),0)</f>
        <v>0</v>
      </c>
      <c r="I7459">
        <f t="shared" ref="I7459:I7522" si="832">IF($B7459&lt;6,AC$37*$D7459+AC$38*$E7459+AC$39*$F7459+AC$40*$G7459,AC$46*$D7459+AC$47*$E7459+AC$48*$F7459+AC$49*$G7459+AC$50*$H7459)</f>
        <v>0.36444416648958583</v>
      </c>
      <c r="J7459">
        <f t="shared" ref="J7459:J7522" si="833">IF($B7459&lt;6,AD$37*$D7459+AD$38*$E7459+AD$39*$F7459+AD$40*$G7459,AD$46*$D7459+AD$47*$E7459+AD$48*$F7459+AD$49*$G7459+AD$50*$H7459)</f>
        <v>1.2148138882986197</v>
      </c>
      <c r="K7459">
        <f t="shared" ref="K7459:K7522" si="834">IF($B7459&lt;6,AE$37*$D7459+AE$38*$E7459+AE$39*$F7459+AE$40*$G7459,AE$46*$D7459+AE$47*$E7459+AE$48*$F7459+AE$49*$G7459+AE$50*$H7459)</f>
        <v>1.8222208324479292</v>
      </c>
      <c r="L7459">
        <f t="shared" ref="L7459:L7522" si="835">IF($B7459&lt;6,AF$37*$D7459+AF$38*$E7459+AF$39*$F7459+AF$40*$G7459,AF$46*$D7459+AF$47*$E7459+AF$48*$F7459+AF$49*$G7459+AF$50*$H7459)</f>
        <v>8.7466599957500613</v>
      </c>
      <c r="M7459">
        <f t="shared" ref="M7459:M7522" si="836">IF($B7459&lt;6,AG$37*$D7459+AG$38*$E7459+AG$39*$F7459+AG$40*$G7459,AG$46*$D7459+AG$47*$E7459+AG$48*$F7459+AG$49*$G7459+AG$50*$H7459)</f>
        <v>0</v>
      </c>
      <c r="N7459" s="46">
        <f t="shared" si="830"/>
        <v>45601.374999981992</v>
      </c>
    </row>
    <row r="7460" spans="2:14" x14ac:dyDescent="0.3">
      <c r="B7460">
        <f t="shared" si="831"/>
        <v>2</v>
      </c>
      <c r="C7460" s="16">
        <v>7426</v>
      </c>
      <c r="D7460" cm="1">
        <f t="array" ref="D7460">IFERROR(INDEX(Jesper!AH$2:AH$366,ROUNDDOWN($C7460/24,0)+1,1)*INDEX($D$3:$AA$30,INDEX(Jesper!$R$2:$R$366,ROW(INDEX(Jesper!AH$2:AH$366,ROUNDDOWN($C7460/24,0)+1,1))-1)+IF('Standard Profiles'!$G$18=$B$10,7,0)+IF('Standard Profiles'!$G$18=$B$17,14,0)+IF('Standard Profiles'!$G$18=$B$24,21,0),MOD($C7460,24)+1)/SUM(INDEX($D$3:$AA$30,INDEX(Jesper!$R$2:$R$366,ROW(INDEX(Jesper!AH$2:AH$366,ROUNDDOWN($C7460/24,0)+1,1))-1)+IF('Standard Profiles'!$G$18=$B$10,7,0)+IF('Standard Profiles'!$G$18=$B$17,14,0)+IF('Standard Profiles'!$G$18=$B$24,21,0),0)),0)</f>
        <v>12.708822216047098</v>
      </c>
      <c r="E7460" cm="1">
        <f t="array" ref="E7460">IFERROR(INDEX(Jesper!AI$2:AI$366,ROUNDDOWN($C7460/24,0)+1,1)*INDEX($D$3:$AA$30,INDEX(Jesper!$R$2:$R$366,ROW(INDEX(Jesper!AI$2:AI$366,ROUNDDOWN($C7460/24,0)+1,1))-1)+IF('Standard Profiles'!$G$19=$B$10,7,0)+IF('Standard Profiles'!$G$19=$B$17,14,0)+IF('Standard Profiles'!$G$19=$B$24,21,0),MOD($C7460,24)+1)/SUM(INDEX($D$3:$AA$30,INDEX(Jesper!$R$2:$R$366,ROW(INDEX(Jesper!AI$2:AI$366,ROUNDDOWN($C7460/24,0)+1,1))-1)+IF('Standard Profiles'!$G$19=$B$10,7,0)+IF('Standard Profiles'!$G$19=$B$17,14,0)+IF('Standard Profiles'!$G$19=$B$24,21,0),0)),0)</f>
        <v>0</v>
      </c>
      <c r="F7460" cm="1">
        <f t="array" ref="F7460">IFERROR(INDEX(Jesper!AJ$2:AJ$366,ROUNDDOWN($C7460/24,0)+1,1)*INDEX($D$3:$AA$30,INDEX(Jesper!$R$2:$R$366,ROW(INDEX(Jesper!AJ$2:AJ$366,ROUNDDOWN($C7460/24,0)+1,1))-1)+IF('Standard Profiles'!$G$20=$B$10,7,0)+IF('Standard Profiles'!$G$20=$B$17,14,0)+IF('Standard Profiles'!$G$20=$B$24,21,0),MOD($C7460,24)+1)/SUM(INDEX($D$3:$AA$30,INDEX(Jesper!$R$2:$R$366,ROW(INDEX(Jesper!AJ$2:AJ$366,ROUNDDOWN($C7460/24,0)+1,1))-1)+IF('Standard Profiles'!$G$20=$B$10,7,0)+IF('Standard Profiles'!$G$20=$B$17,14,0)+IF('Standard Profiles'!$G$20=$B$24,21,0),0)),0)</f>
        <v>0</v>
      </c>
      <c r="G7460" cm="1">
        <f t="array" ref="G7460">IFERROR(INDEX(Jesper!AK$2:AK$366,ROUNDDOWN($C7460/24,0)+1,1)*INDEX($D$3:$AA$30,INDEX(Jesper!$R$2:$R$366,ROW(INDEX(Jesper!AK$2:AK$366,ROUNDDOWN($C7460/24,0)+1,1))-1)+IF('Standard Profiles'!$G$21=$B$10,7,0)+IF('Standard Profiles'!$G$21=$B$17,14,0)+IF('Standard Profiles'!$G$21=$B$24,21,0),MOD($C7460,24)+1)/SUM(INDEX($D$3:$AA$30,INDEX(Jesper!$R$2:$R$366,ROW(INDEX(Jesper!AK$2:AK$366,ROUNDDOWN($C7460/24,0)+1,1))-1)+IF('Standard Profiles'!$G$21=$B$10,7,0)+IF('Standard Profiles'!$G$21=$B$17,14,0)+IF('Standard Profiles'!$G$21=$B$24,21,0),0)),0)</f>
        <v>0</v>
      </c>
      <c r="H7460" cm="1">
        <f t="array" ref="H7460">IFERROR(INDEX(Jesper!AL$2:AL$366,ROUNDDOWN($C7460/24,0)+1,1)*INDEX($D$3:$AA$30,INDEX(Jesper!$R$2:$R$366,ROW(INDEX(Jesper!AL$2:AL$366,ROUNDDOWN($C7460/24,0)+1,1))-1)+IF('Standard Profiles'!$G$22=$B$10,7,0)+IF('Standard Profiles'!$G$22=$B$17,14,0)+IF('Standard Profiles'!$G$22=$B$24,21,0),MOD($C7460,24)+1)/SUM(INDEX($D$3:$AA$30,INDEX(Jesper!$R$2:$R$366,ROW(INDEX(Jesper!AL$2:AL$366,ROUNDDOWN($C7460/24,0)+1,1))-1)+IF('Standard Profiles'!$G$22=$B$10,7,0)+IF('Standard Profiles'!$G$22=$B$17,14,0)+IF('Standard Profiles'!$G$22=$B$24,21,0),0)),0)</f>
        <v>0</v>
      </c>
      <c r="I7460">
        <f t="shared" si="832"/>
        <v>0.38126466648141294</v>
      </c>
      <c r="J7460">
        <f t="shared" si="833"/>
        <v>1.27088222160471</v>
      </c>
      <c r="K7460">
        <f t="shared" si="834"/>
        <v>1.9063233324070645</v>
      </c>
      <c r="L7460">
        <f t="shared" si="835"/>
        <v>9.1503519955539101</v>
      </c>
      <c r="M7460">
        <f t="shared" si="836"/>
        <v>0</v>
      </c>
      <c r="N7460" s="46">
        <f t="shared" ref="N7460:N7523" si="837">N7459+1/24</f>
        <v>45601.416666648656</v>
      </c>
    </row>
    <row r="7461" spans="2:14" x14ac:dyDescent="0.3">
      <c r="B7461">
        <f t="shared" si="831"/>
        <v>2</v>
      </c>
      <c r="C7461" s="16">
        <v>7427</v>
      </c>
      <c r="D7461" cm="1">
        <f t="array" ref="D7461">IFERROR(INDEX(Jesper!AH$2:AH$366,ROUNDDOWN($C7461/24,0)+1,1)*INDEX($D$3:$AA$30,INDEX(Jesper!$R$2:$R$366,ROW(INDEX(Jesper!AH$2:AH$366,ROUNDDOWN($C7461/24,0)+1,1))-1)+IF('Standard Profiles'!$G$18=$B$10,7,0)+IF('Standard Profiles'!$G$18=$B$17,14,0)+IF('Standard Profiles'!$G$18=$B$24,21,0),MOD($C7461,24)+1)/SUM(INDEX($D$3:$AA$30,INDEX(Jesper!$R$2:$R$366,ROW(INDEX(Jesper!AH$2:AH$366,ROUNDDOWN($C7461/24,0)+1,1))-1)+IF('Standard Profiles'!$G$18=$B$10,7,0)+IF('Standard Profiles'!$G$18=$B$17,14,0)+IF('Standard Profiles'!$G$18=$B$24,21,0),0)),0)</f>
        <v>14.951555548290704</v>
      </c>
      <c r="E7461" cm="1">
        <f t="array" ref="E7461">IFERROR(INDEX(Jesper!AI$2:AI$366,ROUNDDOWN($C7461/24,0)+1,1)*INDEX($D$3:$AA$30,INDEX(Jesper!$R$2:$R$366,ROW(INDEX(Jesper!AI$2:AI$366,ROUNDDOWN($C7461/24,0)+1,1))-1)+IF('Standard Profiles'!$G$19=$B$10,7,0)+IF('Standard Profiles'!$G$19=$B$17,14,0)+IF('Standard Profiles'!$G$19=$B$24,21,0),MOD($C7461,24)+1)/SUM(INDEX($D$3:$AA$30,INDEX(Jesper!$R$2:$R$366,ROW(INDEX(Jesper!AI$2:AI$366,ROUNDDOWN($C7461/24,0)+1,1))-1)+IF('Standard Profiles'!$G$19=$B$10,7,0)+IF('Standard Profiles'!$G$19=$B$17,14,0)+IF('Standard Profiles'!$G$19=$B$24,21,0),0)),0)</f>
        <v>0</v>
      </c>
      <c r="F7461" cm="1">
        <f t="array" ref="F7461">IFERROR(INDEX(Jesper!AJ$2:AJ$366,ROUNDDOWN($C7461/24,0)+1,1)*INDEX($D$3:$AA$30,INDEX(Jesper!$R$2:$R$366,ROW(INDEX(Jesper!AJ$2:AJ$366,ROUNDDOWN($C7461/24,0)+1,1))-1)+IF('Standard Profiles'!$G$20=$B$10,7,0)+IF('Standard Profiles'!$G$20=$B$17,14,0)+IF('Standard Profiles'!$G$20=$B$24,21,0),MOD($C7461,24)+1)/SUM(INDEX($D$3:$AA$30,INDEX(Jesper!$R$2:$R$366,ROW(INDEX(Jesper!AJ$2:AJ$366,ROUNDDOWN($C7461/24,0)+1,1))-1)+IF('Standard Profiles'!$G$20=$B$10,7,0)+IF('Standard Profiles'!$G$20=$B$17,14,0)+IF('Standard Profiles'!$G$20=$B$24,21,0),0)),0)</f>
        <v>0</v>
      </c>
      <c r="G7461" cm="1">
        <f t="array" ref="G7461">IFERROR(INDEX(Jesper!AK$2:AK$366,ROUNDDOWN($C7461/24,0)+1,1)*INDEX($D$3:$AA$30,INDEX(Jesper!$R$2:$R$366,ROW(INDEX(Jesper!AK$2:AK$366,ROUNDDOWN($C7461/24,0)+1,1))-1)+IF('Standard Profiles'!$G$21=$B$10,7,0)+IF('Standard Profiles'!$G$21=$B$17,14,0)+IF('Standard Profiles'!$G$21=$B$24,21,0),MOD($C7461,24)+1)/SUM(INDEX($D$3:$AA$30,INDEX(Jesper!$R$2:$R$366,ROW(INDEX(Jesper!AK$2:AK$366,ROUNDDOWN($C7461/24,0)+1,1))-1)+IF('Standard Profiles'!$G$21=$B$10,7,0)+IF('Standard Profiles'!$G$21=$B$17,14,0)+IF('Standard Profiles'!$G$21=$B$24,21,0),0)),0)</f>
        <v>0</v>
      </c>
      <c r="H7461" cm="1">
        <f t="array" ref="H7461">IFERROR(INDEX(Jesper!AL$2:AL$366,ROUNDDOWN($C7461/24,0)+1,1)*INDEX($D$3:$AA$30,INDEX(Jesper!$R$2:$R$366,ROW(INDEX(Jesper!AL$2:AL$366,ROUNDDOWN($C7461/24,0)+1,1))-1)+IF('Standard Profiles'!$G$22=$B$10,7,0)+IF('Standard Profiles'!$G$22=$B$17,14,0)+IF('Standard Profiles'!$G$22=$B$24,21,0),MOD($C7461,24)+1)/SUM(INDEX($D$3:$AA$30,INDEX(Jesper!$R$2:$R$366,ROW(INDEX(Jesper!AL$2:AL$366,ROUNDDOWN($C7461/24,0)+1,1))-1)+IF('Standard Profiles'!$G$22=$B$10,7,0)+IF('Standard Profiles'!$G$22=$B$17,14,0)+IF('Standard Profiles'!$G$22=$B$24,21,0),0)),0)</f>
        <v>0</v>
      </c>
      <c r="I7461">
        <f t="shared" si="832"/>
        <v>0.4485466664487211</v>
      </c>
      <c r="J7461">
        <f t="shared" si="833"/>
        <v>1.4951555548290705</v>
      </c>
      <c r="K7461">
        <f t="shared" si="834"/>
        <v>2.2427333322436054</v>
      </c>
      <c r="L7461">
        <f t="shared" si="835"/>
        <v>10.765119994769307</v>
      </c>
      <c r="M7461">
        <f t="shared" si="836"/>
        <v>0</v>
      </c>
      <c r="N7461" s="46">
        <f t="shared" si="837"/>
        <v>45601.45833331532</v>
      </c>
    </row>
    <row r="7462" spans="2:14" x14ac:dyDescent="0.3">
      <c r="B7462">
        <f t="shared" si="831"/>
        <v>2</v>
      </c>
      <c r="C7462" s="16">
        <v>7428</v>
      </c>
      <c r="D7462" cm="1">
        <f t="array" ref="D7462">IFERROR(INDEX(Jesper!AH$2:AH$366,ROUNDDOWN($C7462/24,0)+1,1)*INDEX($D$3:$AA$30,INDEX(Jesper!$R$2:$R$366,ROW(INDEX(Jesper!AH$2:AH$366,ROUNDDOWN($C7462/24,0)+1,1))-1)+IF('Standard Profiles'!$G$18=$B$10,7,0)+IF('Standard Profiles'!$G$18=$B$17,14,0)+IF('Standard Profiles'!$G$18=$B$24,21,0),MOD($C7462,24)+1)/SUM(INDEX($D$3:$AA$30,INDEX(Jesper!$R$2:$R$366,ROW(INDEX(Jesper!AH$2:AH$366,ROUNDDOWN($C7462/24,0)+1,1))-1)+IF('Standard Profiles'!$G$18=$B$10,7,0)+IF('Standard Profiles'!$G$18=$B$17,14,0)+IF('Standard Profiles'!$G$18=$B$24,21,0),0)),0)</f>
        <v>14.951555548290704</v>
      </c>
      <c r="E7462" cm="1">
        <f t="array" ref="E7462">IFERROR(INDEX(Jesper!AI$2:AI$366,ROUNDDOWN($C7462/24,0)+1,1)*INDEX($D$3:$AA$30,INDEX(Jesper!$R$2:$R$366,ROW(INDEX(Jesper!AI$2:AI$366,ROUNDDOWN($C7462/24,0)+1,1))-1)+IF('Standard Profiles'!$G$19=$B$10,7,0)+IF('Standard Profiles'!$G$19=$B$17,14,0)+IF('Standard Profiles'!$G$19=$B$24,21,0),MOD($C7462,24)+1)/SUM(INDEX($D$3:$AA$30,INDEX(Jesper!$R$2:$R$366,ROW(INDEX(Jesper!AI$2:AI$366,ROUNDDOWN($C7462/24,0)+1,1))-1)+IF('Standard Profiles'!$G$19=$B$10,7,0)+IF('Standard Profiles'!$G$19=$B$17,14,0)+IF('Standard Profiles'!$G$19=$B$24,21,0),0)),0)</f>
        <v>0</v>
      </c>
      <c r="F7462" cm="1">
        <f t="array" ref="F7462">IFERROR(INDEX(Jesper!AJ$2:AJ$366,ROUNDDOWN($C7462/24,0)+1,1)*INDEX($D$3:$AA$30,INDEX(Jesper!$R$2:$R$366,ROW(INDEX(Jesper!AJ$2:AJ$366,ROUNDDOWN($C7462/24,0)+1,1))-1)+IF('Standard Profiles'!$G$20=$B$10,7,0)+IF('Standard Profiles'!$G$20=$B$17,14,0)+IF('Standard Profiles'!$G$20=$B$24,21,0),MOD($C7462,24)+1)/SUM(INDEX($D$3:$AA$30,INDEX(Jesper!$R$2:$R$366,ROW(INDEX(Jesper!AJ$2:AJ$366,ROUNDDOWN($C7462/24,0)+1,1))-1)+IF('Standard Profiles'!$G$20=$B$10,7,0)+IF('Standard Profiles'!$G$20=$B$17,14,0)+IF('Standard Profiles'!$G$20=$B$24,21,0),0)),0)</f>
        <v>0</v>
      </c>
      <c r="G7462" cm="1">
        <f t="array" ref="G7462">IFERROR(INDEX(Jesper!AK$2:AK$366,ROUNDDOWN($C7462/24,0)+1,1)*INDEX($D$3:$AA$30,INDEX(Jesper!$R$2:$R$366,ROW(INDEX(Jesper!AK$2:AK$366,ROUNDDOWN($C7462/24,0)+1,1))-1)+IF('Standard Profiles'!$G$21=$B$10,7,0)+IF('Standard Profiles'!$G$21=$B$17,14,0)+IF('Standard Profiles'!$G$21=$B$24,21,0),MOD($C7462,24)+1)/SUM(INDEX($D$3:$AA$30,INDEX(Jesper!$R$2:$R$366,ROW(INDEX(Jesper!AK$2:AK$366,ROUNDDOWN($C7462/24,0)+1,1))-1)+IF('Standard Profiles'!$G$21=$B$10,7,0)+IF('Standard Profiles'!$G$21=$B$17,14,0)+IF('Standard Profiles'!$G$21=$B$24,21,0),0)),0)</f>
        <v>0</v>
      </c>
      <c r="H7462" cm="1">
        <f t="array" ref="H7462">IFERROR(INDEX(Jesper!AL$2:AL$366,ROUNDDOWN($C7462/24,0)+1,1)*INDEX($D$3:$AA$30,INDEX(Jesper!$R$2:$R$366,ROW(INDEX(Jesper!AL$2:AL$366,ROUNDDOWN($C7462/24,0)+1,1))-1)+IF('Standard Profiles'!$G$22=$B$10,7,0)+IF('Standard Profiles'!$G$22=$B$17,14,0)+IF('Standard Profiles'!$G$22=$B$24,21,0),MOD($C7462,24)+1)/SUM(INDEX($D$3:$AA$30,INDEX(Jesper!$R$2:$R$366,ROW(INDEX(Jesper!AL$2:AL$366,ROUNDDOWN($C7462/24,0)+1,1))-1)+IF('Standard Profiles'!$G$22=$B$10,7,0)+IF('Standard Profiles'!$G$22=$B$17,14,0)+IF('Standard Profiles'!$G$22=$B$24,21,0),0)),0)</f>
        <v>0</v>
      </c>
      <c r="I7462">
        <f t="shared" si="832"/>
        <v>0.4485466664487211</v>
      </c>
      <c r="J7462">
        <f t="shared" si="833"/>
        <v>1.4951555548290705</v>
      </c>
      <c r="K7462">
        <f t="shared" si="834"/>
        <v>2.2427333322436054</v>
      </c>
      <c r="L7462">
        <f t="shared" si="835"/>
        <v>10.765119994769307</v>
      </c>
      <c r="M7462">
        <f t="shared" si="836"/>
        <v>0</v>
      </c>
      <c r="N7462" s="46">
        <f t="shared" si="837"/>
        <v>45601.499999981985</v>
      </c>
    </row>
    <row r="7463" spans="2:14" x14ac:dyDescent="0.3">
      <c r="B7463">
        <f t="shared" si="831"/>
        <v>2</v>
      </c>
      <c r="C7463" s="16">
        <v>7429</v>
      </c>
      <c r="D7463" cm="1">
        <f t="array" ref="D7463">IFERROR(INDEX(Jesper!AH$2:AH$366,ROUNDDOWN($C7463/24,0)+1,1)*INDEX($D$3:$AA$30,INDEX(Jesper!$R$2:$R$366,ROW(INDEX(Jesper!AH$2:AH$366,ROUNDDOWN($C7463/24,0)+1,1))-1)+IF('Standard Profiles'!$G$18=$B$10,7,0)+IF('Standard Profiles'!$G$18=$B$17,14,0)+IF('Standard Profiles'!$G$18=$B$24,21,0),MOD($C7463,24)+1)/SUM(INDEX($D$3:$AA$30,INDEX(Jesper!$R$2:$R$366,ROW(INDEX(Jesper!AH$2:AH$366,ROUNDDOWN($C7463/24,0)+1,1))-1)+IF('Standard Profiles'!$G$18=$B$10,7,0)+IF('Standard Profiles'!$G$18=$B$17,14,0)+IF('Standard Profiles'!$G$18=$B$24,21,0),0)),0)</f>
        <v>14.951555548290704</v>
      </c>
      <c r="E7463" cm="1">
        <f t="array" ref="E7463">IFERROR(INDEX(Jesper!AI$2:AI$366,ROUNDDOWN($C7463/24,0)+1,1)*INDEX($D$3:$AA$30,INDEX(Jesper!$R$2:$R$366,ROW(INDEX(Jesper!AI$2:AI$366,ROUNDDOWN($C7463/24,0)+1,1))-1)+IF('Standard Profiles'!$G$19=$B$10,7,0)+IF('Standard Profiles'!$G$19=$B$17,14,0)+IF('Standard Profiles'!$G$19=$B$24,21,0),MOD($C7463,24)+1)/SUM(INDEX($D$3:$AA$30,INDEX(Jesper!$R$2:$R$366,ROW(INDEX(Jesper!AI$2:AI$366,ROUNDDOWN($C7463/24,0)+1,1))-1)+IF('Standard Profiles'!$G$19=$B$10,7,0)+IF('Standard Profiles'!$G$19=$B$17,14,0)+IF('Standard Profiles'!$G$19=$B$24,21,0),0)),0)</f>
        <v>0</v>
      </c>
      <c r="F7463" cm="1">
        <f t="array" ref="F7463">IFERROR(INDEX(Jesper!AJ$2:AJ$366,ROUNDDOWN($C7463/24,0)+1,1)*INDEX($D$3:$AA$30,INDEX(Jesper!$R$2:$R$366,ROW(INDEX(Jesper!AJ$2:AJ$366,ROUNDDOWN($C7463/24,0)+1,1))-1)+IF('Standard Profiles'!$G$20=$B$10,7,0)+IF('Standard Profiles'!$G$20=$B$17,14,0)+IF('Standard Profiles'!$G$20=$B$24,21,0),MOD($C7463,24)+1)/SUM(INDEX($D$3:$AA$30,INDEX(Jesper!$R$2:$R$366,ROW(INDEX(Jesper!AJ$2:AJ$366,ROUNDDOWN($C7463/24,0)+1,1))-1)+IF('Standard Profiles'!$G$20=$B$10,7,0)+IF('Standard Profiles'!$G$20=$B$17,14,0)+IF('Standard Profiles'!$G$20=$B$24,21,0),0)),0)</f>
        <v>0</v>
      </c>
      <c r="G7463" cm="1">
        <f t="array" ref="G7463">IFERROR(INDEX(Jesper!AK$2:AK$366,ROUNDDOWN($C7463/24,0)+1,1)*INDEX($D$3:$AA$30,INDEX(Jesper!$R$2:$R$366,ROW(INDEX(Jesper!AK$2:AK$366,ROUNDDOWN($C7463/24,0)+1,1))-1)+IF('Standard Profiles'!$G$21=$B$10,7,0)+IF('Standard Profiles'!$G$21=$B$17,14,0)+IF('Standard Profiles'!$G$21=$B$24,21,0),MOD($C7463,24)+1)/SUM(INDEX($D$3:$AA$30,INDEX(Jesper!$R$2:$R$366,ROW(INDEX(Jesper!AK$2:AK$366,ROUNDDOWN($C7463/24,0)+1,1))-1)+IF('Standard Profiles'!$G$21=$B$10,7,0)+IF('Standard Profiles'!$G$21=$B$17,14,0)+IF('Standard Profiles'!$G$21=$B$24,21,0),0)),0)</f>
        <v>0</v>
      </c>
      <c r="H7463" cm="1">
        <f t="array" ref="H7463">IFERROR(INDEX(Jesper!AL$2:AL$366,ROUNDDOWN($C7463/24,0)+1,1)*INDEX($D$3:$AA$30,INDEX(Jesper!$R$2:$R$366,ROW(INDEX(Jesper!AL$2:AL$366,ROUNDDOWN($C7463/24,0)+1,1))-1)+IF('Standard Profiles'!$G$22=$B$10,7,0)+IF('Standard Profiles'!$G$22=$B$17,14,0)+IF('Standard Profiles'!$G$22=$B$24,21,0),MOD($C7463,24)+1)/SUM(INDEX($D$3:$AA$30,INDEX(Jesper!$R$2:$R$366,ROW(INDEX(Jesper!AL$2:AL$366,ROUNDDOWN($C7463/24,0)+1,1))-1)+IF('Standard Profiles'!$G$22=$B$10,7,0)+IF('Standard Profiles'!$G$22=$B$17,14,0)+IF('Standard Profiles'!$G$22=$B$24,21,0),0)),0)</f>
        <v>0</v>
      </c>
      <c r="I7463">
        <f t="shared" si="832"/>
        <v>0.4485466664487211</v>
      </c>
      <c r="J7463">
        <f t="shared" si="833"/>
        <v>1.4951555548290705</v>
      </c>
      <c r="K7463">
        <f t="shared" si="834"/>
        <v>2.2427333322436054</v>
      </c>
      <c r="L7463">
        <f t="shared" si="835"/>
        <v>10.765119994769307</v>
      </c>
      <c r="M7463">
        <f t="shared" si="836"/>
        <v>0</v>
      </c>
      <c r="N7463" s="46">
        <f t="shared" si="837"/>
        <v>45601.541666648649</v>
      </c>
    </row>
    <row r="7464" spans="2:14" x14ac:dyDescent="0.3">
      <c r="B7464">
        <f t="shared" si="831"/>
        <v>2</v>
      </c>
      <c r="C7464" s="16">
        <v>7430</v>
      </c>
      <c r="D7464" cm="1">
        <f t="array" ref="D7464">IFERROR(INDEX(Jesper!AH$2:AH$366,ROUNDDOWN($C7464/24,0)+1,1)*INDEX($D$3:$AA$30,INDEX(Jesper!$R$2:$R$366,ROW(INDEX(Jesper!AH$2:AH$366,ROUNDDOWN($C7464/24,0)+1,1))-1)+IF('Standard Profiles'!$G$18=$B$10,7,0)+IF('Standard Profiles'!$G$18=$B$17,14,0)+IF('Standard Profiles'!$G$18=$B$24,21,0),MOD($C7464,24)+1)/SUM(INDEX($D$3:$AA$30,INDEX(Jesper!$R$2:$R$366,ROW(INDEX(Jesper!AH$2:AH$366,ROUNDDOWN($C7464/24,0)+1,1))-1)+IF('Standard Profiles'!$G$18=$B$10,7,0)+IF('Standard Profiles'!$G$18=$B$17,14,0)+IF('Standard Profiles'!$G$18=$B$24,21,0),0)),0)</f>
        <v>14.951555548290704</v>
      </c>
      <c r="E7464" cm="1">
        <f t="array" ref="E7464">IFERROR(INDEX(Jesper!AI$2:AI$366,ROUNDDOWN($C7464/24,0)+1,1)*INDEX($D$3:$AA$30,INDEX(Jesper!$R$2:$R$366,ROW(INDEX(Jesper!AI$2:AI$366,ROUNDDOWN($C7464/24,0)+1,1))-1)+IF('Standard Profiles'!$G$19=$B$10,7,0)+IF('Standard Profiles'!$G$19=$B$17,14,0)+IF('Standard Profiles'!$G$19=$B$24,21,0),MOD($C7464,24)+1)/SUM(INDEX($D$3:$AA$30,INDEX(Jesper!$R$2:$R$366,ROW(INDEX(Jesper!AI$2:AI$366,ROUNDDOWN($C7464/24,0)+1,1))-1)+IF('Standard Profiles'!$G$19=$B$10,7,0)+IF('Standard Profiles'!$G$19=$B$17,14,0)+IF('Standard Profiles'!$G$19=$B$24,21,0),0)),0)</f>
        <v>0</v>
      </c>
      <c r="F7464" cm="1">
        <f t="array" ref="F7464">IFERROR(INDEX(Jesper!AJ$2:AJ$366,ROUNDDOWN($C7464/24,0)+1,1)*INDEX($D$3:$AA$30,INDEX(Jesper!$R$2:$R$366,ROW(INDEX(Jesper!AJ$2:AJ$366,ROUNDDOWN($C7464/24,0)+1,1))-1)+IF('Standard Profiles'!$G$20=$B$10,7,0)+IF('Standard Profiles'!$G$20=$B$17,14,0)+IF('Standard Profiles'!$G$20=$B$24,21,0),MOD($C7464,24)+1)/SUM(INDEX($D$3:$AA$30,INDEX(Jesper!$R$2:$R$366,ROW(INDEX(Jesper!AJ$2:AJ$366,ROUNDDOWN($C7464/24,0)+1,1))-1)+IF('Standard Profiles'!$G$20=$B$10,7,0)+IF('Standard Profiles'!$G$20=$B$17,14,0)+IF('Standard Profiles'!$G$20=$B$24,21,0),0)),0)</f>
        <v>0</v>
      </c>
      <c r="G7464" cm="1">
        <f t="array" ref="G7464">IFERROR(INDEX(Jesper!AK$2:AK$366,ROUNDDOWN($C7464/24,0)+1,1)*INDEX($D$3:$AA$30,INDEX(Jesper!$R$2:$R$366,ROW(INDEX(Jesper!AK$2:AK$366,ROUNDDOWN($C7464/24,0)+1,1))-1)+IF('Standard Profiles'!$G$21=$B$10,7,0)+IF('Standard Profiles'!$G$21=$B$17,14,0)+IF('Standard Profiles'!$G$21=$B$24,21,0),MOD($C7464,24)+1)/SUM(INDEX($D$3:$AA$30,INDEX(Jesper!$R$2:$R$366,ROW(INDEX(Jesper!AK$2:AK$366,ROUNDDOWN($C7464/24,0)+1,1))-1)+IF('Standard Profiles'!$G$21=$B$10,7,0)+IF('Standard Profiles'!$G$21=$B$17,14,0)+IF('Standard Profiles'!$G$21=$B$24,21,0),0)),0)</f>
        <v>0</v>
      </c>
      <c r="H7464" cm="1">
        <f t="array" ref="H7464">IFERROR(INDEX(Jesper!AL$2:AL$366,ROUNDDOWN($C7464/24,0)+1,1)*INDEX($D$3:$AA$30,INDEX(Jesper!$R$2:$R$366,ROW(INDEX(Jesper!AL$2:AL$366,ROUNDDOWN($C7464/24,0)+1,1))-1)+IF('Standard Profiles'!$G$22=$B$10,7,0)+IF('Standard Profiles'!$G$22=$B$17,14,0)+IF('Standard Profiles'!$G$22=$B$24,21,0),MOD($C7464,24)+1)/SUM(INDEX($D$3:$AA$30,INDEX(Jesper!$R$2:$R$366,ROW(INDEX(Jesper!AL$2:AL$366,ROUNDDOWN($C7464/24,0)+1,1))-1)+IF('Standard Profiles'!$G$22=$B$10,7,0)+IF('Standard Profiles'!$G$22=$B$17,14,0)+IF('Standard Profiles'!$G$22=$B$24,21,0),0)),0)</f>
        <v>0</v>
      </c>
      <c r="I7464">
        <f t="shared" si="832"/>
        <v>0.4485466664487211</v>
      </c>
      <c r="J7464">
        <f t="shared" si="833"/>
        <v>1.4951555548290705</v>
      </c>
      <c r="K7464">
        <f t="shared" si="834"/>
        <v>2.2427333322436054</v>
      </c>
      <c r="L7464">
        <f t="shared" si="835"/>
        <v>10.765119994769307</v>
      </c>
      <c r="M7464">
        <f t="shared" si="836"/>
        <v>0</v>
      </c>
      <c r="N7464" s="46">
        <f t="shared" si="837"/>
        <v>45601.583333315313</v>
      </c>
    </row>
    <row r="7465" spans="2:14" x14ac:dyDescent="0.3">
      <c r="B7465">
        <f t="shared" si="831"/>
        <v>2</v>
      </c>
      <c r="C7465" s="16">
        <v>7431</v>
      </c>
      <c r="D7465" cm="1">
        <f t="array" ref="D7465">IFERROR(INDEX(Jesper!AH$2:AH$366,ROUNDDOWN($C7465/24,0)+1,1)*INDEX($D$3:$AA$30,INDEX(Jesper!$R$2:$R$366,ROW(INDEX(Jesper!AH$2:AH$366,ROUNDDOWN($C7465/24,0)+1,1))-1)+IF('Standard Profiles'!$G$18=$B$10,7,0)+IF('Standard Profiles'!$G$18=$B$17,14,0)+IF('Standard Profiles'!$G$18=$B$24,21,0),MOD($C7465,24)+1)/SUM(INDEX($D$3:$AA$30,INDEX(Jesper!$R$2:$R$366,ROW(INDEX(Jesper!AH$2:AH$366,ROUNDDOWN($C7465/24,0)+1,1))-1)+IF('Standard Profiles'!$G$18=$B$10,7,0)+IF('Standard Profiles'!$G$18=$B$17,14,0)+IF('Standard Profiles'!$G$18=$B$24,21,0),0)),0)</f>
        <v>14.951555548290704</v>
      </c>
      <c r="E7465" cm="1">
        <f t="array" ref="E7465">IFERROR(INDEX(Jesper!AI$2:AI$366,ROUNDDOWN($C7465/24,0)+1,1)*INDEX($D$3:$AA$30,INDEX(Jesper!$R$2:$R$366,ROW(INDEX(Jesper!AI$2:AI$366,ROUNDDOWN($C7465/24,0)+1,1))-1)+IF('Standard Profiles'!$G$19=$B$10,7,0)+IF('Standard Profiles'!$G$19=$B$17,14,0)+IF('Standard Profiles'!$G$19=$B$24,21,0),MOD($C7465,24)+1)/SUM(INDEX($D$3:$AA$30,INDEX(Jesper!$R$2:$R$366,ROW(INDEX(Jesper!AI$2:AI$366,ROUNDDOWN($C7465/24,0)+1,1))-1)+IF('Standard Profiles'!$G$19=$B$10,7,0)+IF('Standard Profiles'!$G$19=$B$17,14,0)+IF('Standard Profiles'!$G$19=$B$24,21,0),0)),0)</f>
        <v>0</v>
      </c>
      <c r="F7465" cm="1">
        <f t="array" ref="F7465">IFERROR(INDEX(Jesper!AJ$2:AJ$366,ROUNDDOWN($C7465/24,0)+1,1)*INDEX($D$3:$AA$30,INDEX(Jesper!$R$2:$R$366,ROW(INDEX(Jesper!AJ$2:AJ$366,ROUNDDOWN($C7465/24,0)+1,1))-1)+IF('Standard Profiles'!$G$20=$B$10,7,0)+IF('Standard Profiles'!$G$20=$B$17,14,0)+IF('Standard Profiles'!$G$20=$B$24,21,0),MOD($C7465,24)+1)/SUM(INDEX($D$3:$AA$30,INDEX(Jesper!$R$2:$R$366,ROW(INDEX(Jesper!AJ$2:AJ$366,ROUNDDOWN($C7465/24,0)+1,1))-1)+IF('Standard Profiles'!$G$20=$B$10,7,0)+IF('Standard Profiles'!$G$20=$B$17,14,0)+IF('Standard Profiles'!$G$20=$B$24,21,0),0)),0)</f>
        <v>0</v>
      </c>
      <c r="G7465" cm="1">
        <f t="array" ref="G7465">IFERROR(INDEX(Jesper!AK$2:AK$366,ROUNDDOWN($C7465/24,0)+1,1)*INDEX($D$3:$AA$30,INDEX(Jesper!$R$2:$R$366,ROW(INDEX(Jesper!AK$2:AK$366,ROUNDDOWN($C7465/24,0)+1,1))-1)+IF('Standard Profiles'!$G$21=$B$10,7,0)+IF('Standard Profiles'!$G$21=$B$17,14,0)+IF('Standard Profiles'!$G$21=$B$24,21,0),MOD($C7465,24)+1)/SUM(INDEX($D$3:$AA$30,INDEX(Jesper!$R$2:$R$366,ROW(INDEX(Jesper!AK$2:AK$366,ROUNDDOWN($C7465/24,0)+1,1))-1)+IF('Standard Profiles'!$G$21=$B$10,7,0)+IF('Standard Profiles'!$G$21=$B$17,14,0)+IF('Standard Profiles'!$G$21=$B$24,21,0),0)),0)</f>
        <v>0</v>
      </c>
      <c r="H7465" cm="1">
        <f t="array" ref="H7465">IFERROR(INDEX(Jesper!AL$2:AL$366,ROUNDDOWN($C7465/24,0)+1,1)*INDEX($D$3:$AA$30,INDEX(Jesper!$R$2:$R$366,ROW(INDEX(Jesper!AL$2:AL$366,ROUNDDOWN($C7465/24,0)+1,1))-1)+IF('Standard Profiles'!$G$22=$B$10,7,0)+IF('Standard Profiles'!$G$22=$B$17,14,0)+IF('Standard Profiles'!$G$22=$B$24,21,0),MOD($C7465,24)+1)/SUM(INDEX($D$3:$AA$30,INDEX(Jesper!$R$2:$R$366,ROW(INDEX(Jesper!AL$2:AL$366,ROUNDDOWN($C7465/24,0)+1,1))-1)+IF('Standard Profiles'!$G$22=$B$10,7,0)+IF('Standard Profiles'!$G$22=$B$17,14,0)+IF('Standard Profiles'!$G$22=$B$24,21,0),0)),0)</f>
        <v>0</v>
      </c>
      <c r="I7465">
        <f t="shared" si="832"/>
        <v>0.4485466664487211</v>
      </c>
      <c r="J7465">
        <f t="shared" si="833"/>
        <v>1.4951555548290705</v>
      </c>
      <c r="K7465">
        <f t="shared" si="834"/>
        <v>2.2427333322436054</v>
      </c>
      <c r="L7465">
        <f t="shared" si="835"/>
        <v>10.765119994769307</v>
      </c>
      <c r="M7465">
        <f t="shared" si="836"/>
        <v>0</v>
      </c>
      <c r="N7465" s="46">
        <f t="shared" si="837"/>
        <v>45601.624999981977</v>
      </c>
    </row>
    <row r="7466" spans="2:14" x14ac:dyDescent="0.3">
      <c r="B7466">
        <f t="shared" si="831"/>
        <v>2</v>
      </c>
      <c r="C7466" s="16">
        <v>7432</v>
      </c>
      <c r="D7466" cm="1">
        <f t="array" ref="D7466">IFERROR(INDEX(Jesper!AH$2:AH$366,ROUNDDOWN($C7466/24,0)+1,1)*INDEX($D$3:$AA$30,INDEX(Jesper!$R$2:$R$366,ROW(INDEX(Jesper!AH$2:AH$366,ROUNDDOWN($C7466/24,0)+1,1))-1)+IF('Standard Profiles'!$G$18=$B$10,7,0)+IF('Standard Profiles'!$G$18=$B$17,14,0)+IF('Standard Profiles'!$G$18=$B$24,21,0),MOD($C7466,24)+1)/SUM(INDEX($D$3:$AA$30,INDEX(Jesper!$R$2:$R$366,ROW(INDEX(Jesper!AH$2:AH$366,ROUNDDOWN($C7466/24,0)+1,1))-1)+IF('Standard Profiles'!$G$18=$B$10,7,0)+IF('Standard Profiles'!$G$18=$B$17,14,0)+IF('Standard Profiles'!$G$18=$B$24,21,0),0)),0)</f>
        <v>14.951555548290704</v>
      </c>
      <c r="E7466" cm="1">
        <f t="array" ref="E7466">IFERROR(INDEX(Jesper!AI$2:AI$366,ROUNDDOWN($C7466/24,0)+1,1)*INDEX($D$3:$AA$30,INDEX(Jesper!$R$2:$R$366,ROW(INDEX(Jesper!AI$2:AI$366,ROUNDDOWN($C7466/24,0)+1,1))-1)+IF('Standard Profiles'!$G$19=$B$10,7,0)+IF('Standard Profiles'!$G$19=$B$17,14,0)+IF('Standard Profiles'!$G$19=$B$24,21,0),MOD($C7466,24)+1)/SUM(INDEX($D$3:$AA$30,INDEX(Jesper!$R$2:$R$366,ROW(INDEX(Jesper!AI$2:AI$366,ROUNDDOWN($C7466/24,0)+1,1))-1)+IF('Standard Profiles'!$G$19=$B$10,7,0)+IF('Standard Profiles'!$G$19=$B$17,14,0)+IF('Standard Profiles'!$G$19=$B$24,21,0),0)),0)</f>
        <v>0</v>
      </c>
      <c r="F7466" cm="1">
        <f t="array" ref="F7466">IFERROR(INDEX(Jesper!AJ$2:AJ$366,ROUNDDOWN($C7466/24,0)+1,1)*INDEX($D$3:$AA$30,INDEX(Jesper!$R$2:$R$366,ROW(INDEX(Jesper!AJ$2:AJ$366,ROUNDDOWN($C7466/24,0)+1,1))-1)+IF('Standard Profiles'!$G$20=$B$10,7,0)+IF('Standard Profiles'!$G$20=$B$17,14,0)+IF('Standard Profiles'!$G$20=$B$24,21,0),MOD($C7466,24)+1)/SUM(INDEX($D$3:$AA$30,INDEX(Jesper!$R$2:$R$366,ROW(INDEX(Jesper!AJ$2:AJ$366,ROUNDDOWN($C7466/24,0)+1,1))-1)+IF('Standard Profiles'!$G$20=$B$10,7,0)+IF('Standard Profiles'!$G$20=$B$17,14,0)+IF('Standard Profiles'!$G$20=$B$24,21,0),0)),0)</f>
        <v>0</v>
      </c>
      <c r="G7466" cm="1">
        <f t="array" ref="G7466">IFERROR(INDEX(Jesper!AK$2:AK$366,ROUNDDOWN($C7466/24,0)+1,1)*INDEX($D$3:$AA$30,INDEX(Jesper!$R$2:$R$366,ROW(INDEX(Jesper!AK$2:AK$366,ROUNDDOWN($C7466/24,0)+1,1))-1)+IF('Standard Profiles'!$G$21=$B$10,7,0)+IF('Standard Profiles'!$G$21=$B$17,14,0)+IF('Standard Profiles'!$G$21=$B$24,21,0),MOD($C7466,24)+1)/SUM(INDEX($D$3:$AA$30,INDEX(Jesper!$R$2:$R$366,ROW(INDEX(Jesper!AK$2:AK$366,ROUNDDOWN($C7466/24,0)+1,1))-1)+IF('Standard Profiles'!$G$21=$B$10,7,0)+IF('Standard Profiles'!$G$21=$B$17,14,0)+IF('Standard Profiles'!$G$21=$B$24,21,0),0)),0)</f>
        <v>0</v>
      </c>
      <c r="H7466" cm="1">
        <f t="array" ref="H7466">IFERROR(INDEX(Jesper!AL$2:AL$366,ROUNDDOWN($C7466/24,0)+1,1)*INDEX($D$3:$AA$30,INDEX(Jesper!$R$2:$R$366,ROW(INDEX(Jesper!AL$2:AL$366,ROUNDDOWN($C7466/24,0)+1,1))-1)+IF('Standard Profiles'!$G$22=$B$10,7,0)+IF('Standard Profiles'!$G$22=$B$17,14,0)+IF('Standard Profiles'!$G$22=$B$24,21,0),MOD($C7466,24)+1)/SUM(INDEX($D$3:$AA$30,INDEX(Jesper!$R$2:$R$366,ROW(INDEX(Jesper!AL$2:AL$366,ROUNDDOWN($C7466/24,0)+1,1))-1)+IF('Standard Profiles'!$G$22=$B$10,7,0)+IF('Standard Profiles'!$G$22=$B$17,14,0)+IF('Standard Profiles'!$G$22=$B$24,21,0),0)),0)</f>
        <v>0</v>
      </c>
      <c r="I7466">
        <f t="shared" si="832"/>
        <v>0.4485466664487211</v>
      </c>
      <c r="J7466">
        <f t="shared" si="833"/>
        <v>1.4951555548290705</v>
      </c>
      <c r="K7466">
        <f t="shared" si="834"/>
        <v>2.2427333322436054</v>
      </c>
      <c r="L7466">
        <f t="shared" si="835"/>
        <v>10.765119994769307</v>
      </c>
      <c r="M7466">
        <f t="shared" si="836"/>
        <v>0</v>
      </c>
      <c r="N7466" s="46">
        <f t="shared" si="837"/>
        <v>45601.666666648642</v>
      </c>
    </row>
    <row r="7467" spans="2:14" x14ac:dyDescent="0.3">
      <c r="B7467">
        <f t="shared" si="831"/>
        <v>2</v>
      </c>
      <c r="C7467" s="16">
        <v>7433</v>
      </c>
      <c r="D7467" cm="1">
        <f t="array" ref="D7467">IFERROR(INDEX(Jesper!AH$2:AH$366,ROUNDDOWN($C7467/24,0)+1,1)*INDEX($D$3:$AA$30,INDEX(Jesper!$R$2:$R$366,ROW(INDEX(Jesper!AH$2:AH$366,ROUNDDOWN($C7467/24,0)+1,1))-1)+IF('Standard Profiles'!$G$18=$B$10,7,0)+IF('Standard Profiles'!$G$18=$B$17,14,0)+IF('Standard Profiles'!$G$18=$B$24,21,0),MOD($C7467,24)+1)/SUM(INDEX($D$3:$AA$30,INDEX(Jesper!$R$2:$R$366,ROW(INDEX(Jesper!AH$2:AH$366,ROUNDDOWN($C7467/24,0)+1,1))-1)+IF('Standard Profiles'!$G$18=$B$10,7,0)+IF('Standard Profiles'!$G$18=$B$17,14,0)+IF('Standard Profiles'!$G$18=$B$24,21,0),0)),0)</f>
        <v>14.951555548290704</v>
      </c>
      <c r="E7467" cm="1">
        <f t="array" ref="E7467">IFERROR(INDEX(Jesper!AI$2:AI$366,ROUNDDOWN($C7467/24,0)+1,1)*INDEX($D$3:$AA$30,INDEX(Jesper!$R$2:$R$366,ROW(INDEX(Jesper!AI$2:AI$366,ROUNDDOWN($C7467/24,0)+1,1))-1)+IF('Standard Profiles'!$G$19=$B$10,7,0)+IF('Standard Profiles'!$G$19=$B$17,14,0)+IF('Standard Profiles'!$G$19=$B$24,21,0),MOD($C7467,24)+1)/SUM(INDEX($D$3:$AA$30,INDEX(Jesper!$R$2:$R$366,ROW(INDEX(Jesper!AI$2:AI$366,ROUNDDOWN($C7467/24,0)+1,1))-1)+IF('Standard Profiles'!$G$19=$B$10,7,0)+IF('Standard Profiles'!$G$19=$B$17,14,0)+IF('Standard Profiles'!$G$19=$B$24,21,0),0)),0)</f>
        <v>0</v>
      </c>
      <c r="F7467" cm="1">
        <f t="array" ref="F7467">IFERROR(INDEX(Jesper!AJ$2:AJ$366,ROUNDDOWN($C7467/24,0)+1,1)*INDEX($D$3:$AA$30,INDEX(Jesper!$R$2:$R$366,ROW(INDEX(Jesper!AJ$2:AJ$366,ROUNDDOWN($C7467/24,0)+1,1))-1)+IF('Standard Profiles'!$G$20=$B$10,7,0)+IF('Standard Profiles'!$G$20=$B$17,14,0)+IF('Standard Profiles'!$G$20=$B$24,21,0),MOD($C7467,24)+1)/SUM(INDEX($D$3:$AA$30,INDEX(Jesper!$R$2:$R$366,ROW(INDEX(Jesper!AJ$2:AJ$366,ROUNDDOWN($C7467/24,0)+1,1))-1)+IF('Standard Profiles'!$G$20=$B$10,7,0)+IF('Standard Profiles'!$G$20=$B$17,14,0)+IF('Standard Profiles'!$G$20=$B$24,21,0),0)),0)</f>
        <v>0</v>
      </c>
      <c r="G7467" cm="1">
        <f t="array" ref="G7467">IFERROR(INDEX(Jesper!AK$2:AK$366,ROUNDDOWN($C7467/24,0)+1,1)*INDEX($D$3:$AA$30,INDEX(Jesper!$R$2:$R$366,ROW(INDEX(Jesper!AK$2:AK$366,ROUNDDOWN($C7467/24,0)+1,1))-1)+IF('Standard Profiles'!$G$21=$B$10,7,0)+IF('Standard Profiles'!$G$21=$B$17,14,0)+IF('Standard Profiles'!$G$21=$B$24,21,0),MOD($C7467,24)+1)/SUM(INDEX($D$3:$AA$30,INDEX(Jesper!$R$2:$R$366,ROW(INDEX(Jesper!AK$2:AK$366,ROUNDDOWN($C7467/24,0)+1,1))-1)+IF('Standard Profiles'!$G$21=$B$10,7,0)+IF('Standard Profiles'!$G$21=$B$17,14,0)+IF('Standard Profiles'!$G$21=$B$24,21,0),0)),0)</f>
        <v>0</v>
      </c>
      <c r="H7467" cm="1">
        <f t="array" ref="H7467">IFERROR(INDEX(Jesper!AL$2:AL$366,ROUNDDOWN($C7467/24,0)+1,1)*INDEX($D$3:$AA$30,INDEX(Jesper!$R$2:$R$366,ROW(INDEX(Jesper!AL$2:AL$366,ROUNDDOWN($C7467/24,0)+1,1))-1)+IF('Standard Profiles'!$G$22=$B$10,7,0)+IF('Standard Profiles'!$G$22=$B$17,14,0)+IF('Standard Profiles'!$G$22=$B$24,21,0),MOD($C7467,24)+1)/SUM(INDEX($D$3:$AA$30,INDEX(Jesper!$R$2:$R$366,ROW(INDEX(Jesper!AL$2:AL$366,ROUNDDOWN($C7467/24,0)+1,1))-1)+IF('Standard Profiles'!$G$22=$B$10,7,0)+IF('Standard Profiles'!$G$22=$B$17,14,0)+IF('Standard Profiles'!$G$22=$B$24,21,0),0)),0)</f>
        <v>0</v>
      </c>
      <c r="I7467">
        <f t="shared" si="832"/>
        <v>0.4485466664487211</v>
      </c>
      <c r="J7467">
        <f t="shared" si="833"/>
        <v>1.4951555548290705</v>
      </c>
      <c r="K7467">
        <f t="shared" si="834"/>
        <v>2.2427333322436054</v>
      </c>
      <c r="L7467">
        <f t="shared" si="835"/>
        <v>10.765119994769307</v>
      </c>
      <c r="M7467">
        <f t="shared" si="836"/>
        <v>0</v>
      </c>
      <c r="N7467" s="46">
        <f t="shared" si="837"/>
        <v>45601.708333315306</v>
      </c>
    </row>
    <row r="7468" spans="2:14" x14ac:dyDescent="0.3">
      <c r="B7468">
        <f t="shared" si="831"/>
        <v>2</v>
      </c>
      <c r="C7468" s="16">
        <v>7434</v>
      </c>
      <c r="D7468" cm="1">
        <f t="array" ref="D7468">IFERROR(INDEX(Jesper!AH$2:AH$366,ROUNDDOWN($C7468/24,0)+1,1)*INDEX($D$3:$AA$30,INDEX(Jesper!$R$2:$R$366,ROW(INDEX(Jesper!AH$2:AH$366,ROUNDDOWN($C7468/24,0)+1,1))-1)+IF('Standard Profiles'!$G$18=$B$10,7,0)+IF('Standard Profiles'!$G$18=$B$17,14,0)+IF('Standard Profiles'!$G$18=$B$24,21,0),MOD($C7468,24)+1)/SUM(INDEX($D$3:$AA$30,INDEX(Jesper!$R$2:$R$366,ROW(INDEX(Jesper!AH$2:AH$366,ROUNDDOWN($C7468/24,0)+1,1))-1)+IF('Standard Profiles'!$G$18=$B$10,7,0)+IF('Standard Profiles'!$G$18=$B$17,14,0)+IF('Standard Profiles'!$G$18=$B$24,21,0),0)),0)</f>
        <v>14.951555548290704</v>
      </c>
      <c r="E7468" cm="1">
        <f t="array" ref="E7468">IFERROR(INDEX(Jesper!AI$2:AI$366,ROUNDDOWN($C7468/24,0)+1,1)*INDEX($D$3:$AA$30,INDEX(Jesper!$R$2:$R$366,ROW(INDEX(Jesper!AI$2:AI$366,ROUNDDOWN($C7468/24,0)+1,1))-1)+IF('Standard Profiles'!$G$19=$B$10,7,0)+IF('Standard Profiles'!$G$19=$B$17,14,0)+IF('Standard Profiles'!$G$19=$B$24,21,0),MOD($C7468,24)+1)/SUM(INDEX($D$3:$AA$30,INDEX(Jesper!$R$2:$R$366,ROW(INDEX(Jesper!AI$2:AI$366,ROUNDDOWN($C7468/24,0)+1,1))-1)+IF('Standard Profiles'!$G$19=$B$10,7,0)+IF('Standard Profiles'!$G$19=$B$17,14,0)+IF('Standard Profiles'!$G$19=$B$24,21,0),0)),0)</f>
        <v>0</v>
      </c>
      <c r="F7468" cm="1">
        <f t="array" ref="F7468">IFERROR(INDEX(Jesper!AJ$2:AJ$366,ROUNDDOWN($C7468/24,0)+1,1)*INDEX($D$3:$AA$30,INDEX(Jesper!$R$2:$R$366,ROW(INDEX(Jesper!AJ$2:AJ$366,ROUNDDOWN($C7468/24,0)+1,1))-1)+IF('Standard Profiles'!$G$20=$B$10,7,0)+IF('Standard Profiles'!$G$20=$B$17,14,0)+IF('Standard Profiles'!$G$20=$B$24,21,0),MOD($C7468,24)+1)/SUM(INDEX($D$3:$AA$30,INDEX(Jesper!$R$2:$R$366,ROW(INDEX(Jesper!AJ$2:AJ$366,ROUNDDOWN($C7468/24,0)+1,1))-1)+IF('Standard Profiles'!$G$20=$B$10,7,0)+IF('Standard Profiles'!$G$20=$B$17,14,0)+IF('Standard Profiles'!$G$20=$B$24,21,0),0)),0)</f>
        <v>0</v>
      </c>
      <c r="G7468" cm="1">
        <f t="array" ref="G7468">IFERROR(INDEX(Jesper!AK$2:AK$366,ROUNDDOWN($C7468/24,0)+1,1)*INDEX($D$3:$AA$30,INDEX(Jesper!$R$2:$R$366,ROW(INDEX(Jesper!AK$2:AK$366,ROUNDDOWN($C7468/24,0)+1,1))-1)+IF('Standard Profiles'!$G$21=$B$10,7,0)+IF('Standard Profiles'!$G$21=$B$17,14,0)+IF('Standard Profiles'!$G$21=$B$24,21,0),MOD($C7468,24)+1)/SUM(INDEX($D$3:$AA$30,INDEX(Jesper!$R$2:$R$366,ROW(INDEX(Jesper!AK$2:AK$366,ROUNDDOWN($C7468/24,0)+1,1))-1)+IF('Standard Profiles'!$G$21=$B$10,7,0)+IF('Standard Profiles'!$G$21=$B$17,14,0)+IF('Standard Profiles'!$G$21=$B$24,21,0),0)),0)</f>
        <v>0</v>
      </c>
      <c r="H7468" cm="1">
        <f t="array" ref="H7468">IFERROR(INDEX(Jesper!AL$2:AL$366,ROUNDDOWN($C7468/24,0)+1,1)*INDEX($D$3:$AA$30,INDEX(Jesper!$R$2:$R$366,ROW(INDEX(Jesper!AL$2:AL$366,ROUNDDOWN($C7468/24,0)+1,1))-1)+IF('Standard Profiles'!$G$22=$B$10,7,0)+IF('Standard Profiles'!$G$22=$B$17,14,0)+IF('Standard Profiles'!$G$22=$B$24,21,0),MOD($C7468,24)+1)/SUM(INDEX($D$3:$AA$30,INDEX(Jesper!$R$2:$R$366,ROW(INDEX(Jesper!AL$2:AL$366,ROUNDDOWN($C7468/24,0)+1,1))-1)+IF('Standard Profiles'!$G$22=$B$10,7,0)+IF('Standard Profiles'!$G$22=$B$17,14,0)+IF('Standard Profiles'!$G$22=$B$24,21,0),0)),0)</f>
        <v>0</v>
      </c>
      <c r="I7468">
        <f t="shared" si="832"/>
        <v>0.4485466664487211</v>
      </c>
      <c r="J7468">
        <f t="shared" si="833"/>
        <v>1.4951555548290705</v>
      </c>
      <c r="K7468">
        <f t="shared" si="834"/>
        <v>2.2427333322436054</v>
      </c>
      <c r="L7468">
        <f t="shared" si="835"/>
        <v>10.765119994769307</v>
      </c>
      <c r="M7468">
        <f t="shared" si="836"/>
        <v>0</v>
      </c>
      <c r="N7468" s="46">
        <f t="shared" si="837"/>
        <v>45601.74999998197</v>
      </c>
    </row>
    <row r="7469" spans="2:14" x14ac:dyDescent="0.3">
      <c r="B7469">
        <f t="shared" si="831"/>
        <v>2</v>
      </c>
      <c r="C7469" s="16">
        <v>7435</v>
      </c>
      <c r="D7469" cm="1">
        <f t="array" ref="D7469">IFERROR(INDEX(Jesper!AH$2:AH$366,ROUNDDOWN($C7469/24,0)+1,1)*INDEX($D$3:$AA$30,INDEX(Jesper!$R$2:$R$366,ROW(INDEX(Jesper!AH$2:AH$366,ROUNDDOWN($C7469/24,0)+1,1))-1)+IF('Standard Profiles'!$G$18=$B$10,7,0)+IF('Standard Profiles'!$G$18=$B$17,14,0)+IF('Standard Profiles'!$G$18=$B$24,21,0),MOD($C7469,24)+1)/SUM(INDEX($D$3:$AA$30,INDEX(Jesper!$R$2:$R$366,ROW(INDEX(Jesper!AH$2:AH$366,ROUNDDOWN($C7469/24,0)+1,1))-1)+IF('Standard Profiles'!$G$18=$B$10,7,0)+IF('Standard Profiles'!$G$18=$B$17,14,0)+IF('Standard Profiles'!$G$18=$B$24,21,0),0)),0)</f>
        <v>12.521927771693464</v>
      </c>
      <c r="E7469" cm="1">
        <f t="array" ref="E7469">IFERROR(INDEX(Jesper!AI$2:AI$366,ROUNDDOWN($C7469/24,0)+1,1)*INDEX($D$3:$AA$30,INDEX(Jesper!$R$2:$R$366,ROW(INDEX(Jesper!AI$2:AI$366,ROUNDDOWN($C7469/24,0)+1,1))-1)+IF('Standard Profiles'!$G$19=$B$10,7,0)+IF('Standard Profiles'!$G$19=$B$17,14,0)+IF('Standard Profiles'!$G$19=$B$24,21,0),MOD($C7469,24)+1)/SUM(INDEX($D$3:$AA$30,INDEX(Jesper!$R$2:$R$366,ROW(INDEX(Jesper!AI$2:AI$366,ROUNDDOWN($C7469/24,0)+1,1))-1)+IF('Standard Profiles'!$G$19=$B$10,7,0)+IF('Standard Profiles'!$G$19=$B$17,14,0)+IF('Standard Profiles'!$G$19=$B$24,21,0),0)),0)</f>
        <v>0</v>
      </c>
      <c r="F7469" cm="1">
        <f t="array" ref="F7469">IFERROR(INDEX(Jesper!AJ$2:AJ$366,ROUNDDOWN($C7469/24,0)+1,1)*INDEX($D$3:$AA$30,INDEX(Jesper!$R$2:$R$366,ROW(INDEX(Jesper!AJ$2:AJ$366,ROUNDDOWN($C7469/24,0)+1,1))-1)+IF('Standard Profiles'!$G$20=$B$10,7,0)+IF('Standard Profiles'!$G$20=$B$17,14,0)+IF('Standard Profiles'!$G$20=$B$24,21,0),MOD($C7469,24)+1)/SUM(INDEX($D$3:$AA$30,INDEX(Jesper!$R$2:$R$366,ROW(INDEX(Jesper!AJ$2:AJ$366,ROUNDDOWN($C7469/24,0)+1,1))-1)+IF('Standard Profiles'!$G$20=$B$10,7,0)+IF('Standard Profiles'!$G$20=$B$17,14,0)+IF('Standard Profiles'!$G$20=$B$24,21,0),0)),0)</f>
        <v>0</v>
      </c>
      <c r="G7469" cm="1">
        <f t="array" ref="G7469">IFERROR(INDEX(Jesper!AK$2:AK$366,ROUNDDOWN($C7469/24,0)+1,1)*INDEX($D$3:$AA$30,INDEX(Jesper!$R$2:$R$366,ROW(INDEX(Jesper!AK$2:AK$366,ROUNDDOWN($C7469/24,0)+1,1))-1)+IF('Standard Profiles'!$G$21=$B$10,7,0)+IF('Standard Profiles'!$G$21=$B$17,14,0)+IF('Standard Profiles'!$G$21=$B$24,21,0),MOD($C7469,24)+1)/SUM(INDEX($D$3:$AA$30,INDEX(Jesper!$R$2:$R$366,ROW(INDEX(Jesper!AK$2:AK$366,ROUNDDOWN($C7469/24,0)+1,1))-1)+IF('Standard Profiles'!$G$21=$B$10,7,0)+IF('Standard Profiles'!$G$21=$B$17,14,0)+IF('Standard Profiles'!$G$21=$B$24,21,0),0)),0)</f>
        <v>0</v>
      </c>
      <c r="H7469" cm="1">
        <f t="array" ref="H7469">IFERROR(INDEX(Jesper!AL$2:AL$366,ROUNDDOWN($C7469/24,0)+1,1)*INDEX($D$3:$AA$30,INDEX(Jesper!$R$2:$R$366,ROW(INDEX(Jesper!AL$2:AL$366,ROUNDDOWN($C7469/24,0)+1,1))-1)+IF('Standard Profiles'!$G$22=$B$10,7,0)+IF('Standard Profiles'!$G$22=$B$17,14,0)+IF('Standard Profiles'!$G$22=$B$24,21,0),MOD($C7469,24)+1)/SUM(INDEX($D$3:$AA$30,INDEX(Jesper!$R$2:$R$366,ROW(INDEX(Jesper!AL$2:AL$366,ROUNDDOWN($C7469/24,0)+1,1))-1)+IF('Standard Profiles'!$G$22=$B$10,7,0)+IF('Standard Profiles'!$G$22=$B$17,14,0)+IF('Standard Profiles'!$G$22=$B$24,21,0),0)),0)</f>
        <v>0</v>
      </c>
      <c r="I7469">
        <f t="shared" si="832"/>
        <v>0.37565783315080392</v>
      </c>
      <c r="J7469">
        <f t="shared" si="833"/>
        <v>1.2521927771693466</v>
      </c>
      <c r="K7469">
        <f t="shared" si="834"/>
        <v>1.8782891657540195</v>
      </c>
      <c r="L7469">
        <f t="shared" si="835"/>
        <v>9.0157879956192932</v>
      </c>
      <c r="M7469">
        <f t="shared" si="836"/>
        <v>0</v>
      </c>
      <c r="N7469" s="46">
        <f t="shared" si="837"/>
        <v>45601.791666648634</v>
      </c>
    </row>
    <row r="7470" spans="2:14" x14ac:dyDescent="0.3">
      <c r="B7470">
        <f t="shared" si="831"/>
        <v>2</v>
      </c>
      <c r="C7470" s="16">
        <v>7436</v>
      </c>
      <c r="D7470" cm="1">
        <f t="array" ref="D7470">IFERROR(INDEX(Jesper!AH$2:AH$366,ROUNDDOWN($C7470/24,0)+1,1)*INDEX($D$3:$AA$30,INDEX(Jesper!$R$2:$R$366,ROW(INDEX(Jesper!AH$2:AH$366,ROUNDDOWN($C7470/24,0)+1,1))-1)+IF('Standard Profiles'!$G$18=$B$10,7,0)+IF('Standard Profiles'!$G$18=$B$17,14,0)+IF('Standard Profiles'!$G$18=$B$24,21,0),MOD($C7470,24)+1)/SUM(INDEX($D$3:$AA$30,INDEX(Jesper!$R$2:$R$366,ROW(INDEX(Jesper!AH$2:AH$366,ROUNDDOWN($C7470/24,0)+1,1))-1)+IF('Standard Profiles'!$G$18=$B$10,7,0)+IF('Standard Profiles'!$G$18=$B$17,14,0)+IF('Standard Profiles'!$G$18=$B$24,21,0),0)),0)</f>
        <v>10.279194439449858</v>
      </c>
      <c r="E7470" cm="1">
        <f t="array" ref="E7470">IFERROR(INDEX(Jesper!AI$2:AI$366,ROUNDDOWN($C7470/24,0)+1,1)*INDEX($D$3:$AA$30,INDEX(Jesper!$R$2:$R$366,ROW(INDEX(Jesper!AI$2:AI$366,ROUNDDOWN($C7470/24,0)+1,1))-1)+IF('Standard Profiles'!$G$19=$B$10,7,0)+IF('Standard Profiles'!$G$19=$B$17,14,0)+IF('Standard Profiles'!$G$19=$B$24,21,0),MOD($C7470,24)+1)/SUM(INDEX($D$3:$AA$30,INDEX(Jesper!$R$2:$R$366,ROW(INDEX(Jesper!AI$2:AI$366,ROUNDDOWN($C7470/24,0)+1,1))-1)+IF('Standard Profiles'!$G$19=$B$10,7,0)+IF('Standard Profiles'!$G$19=$B$17,14,0)+IF('Standard Profiles'!$G$19=$B$24,21,0),0)),0)</f>
        <v>0</v>
      </c>
      <c r="F7470" cm="1">
        <f t="array" ref="F7470">IFERROR(INDEX(Jesper!AJ$2:AJ$366,ROUNDDOWN($C7470/24,0)+1,1)*INDEX($D$3:$AA$30,INDEX(Jesper!$R$2:$R$366,ROW(INDEX(Jesper!AJ$2:AJ$366,ROUNDDOWN($C7470/24,0)+1,1))-1)+IF('Standard Profiles'!$G$20=$B$10,7,0)+IF('Standard Profiles'!$G$20=$B$17,14,0)+IF('Standard Profiles'!$G$20=$B$24,21,0),MOD($C7470,24)+1)/SUM(INDEX($D$3:$AA$30,INDEX(Jesper!$R$2:$R$366,ROW(INDEX(Jesper!AJ$2:AJ$366,ROUNDDOWN($C7470/24,0)+1,1))-1)+IF('Standard Profiles'!$G$20=$B$10,7,0)+IF('Standard Profiles'!$G$20=$B$17,14,0)+IF('Standard Profiles'!$G$20=$B$24,21,0),0)),0)</f>
        <v>0</v>
      </c>
      <c r="G7470" cm="1">
        <f t="array" ref="G7470">IFERROR(INDEX(Jesper!AK$2:AK$366,ROUNDDOWN($C7470/24,0)+1,1)*INDEX($D$3:$AA$30,INDEX(Jesper!$R$2:$R$366,ROW(INDEX(Jesper!AK$2:AK$366,ROUNDDOWN($C7470/24,0)+1,1))-1)+IF('Standard Profiles'!$G$21=$B$10,7,0)+IF('Standard Profiles'!$G$21=$B$17,14,0)+IF('Standard Profiles'!$G$21=$B$24,21,0),MOD($C7470,24)+1)/SUM(INDEX($D$3:$AA$30,INDEX(Jesper!$R$2:$R$366,ROW(INDEX(Jesper!AK$2:AK$366,ROUNDDOWN($C7470/24,0)+1,1))-1)+IF('Standard Profiles'!$G$21=$B$10,7,0)+IF('Standard Profiles'!$G$21=$B$17,14,0)+IF('Standard Profiles'!$G$21=$B$24,21,0),0)),0)</f>
        <v>0</v>
      </c>
      <c r="H7470" cm="1">
        <f t="array" ref="H7470">IFERROR(INDEX(Jesper!AL$2:AL$366,ROUNDDOWN($C7470/24,0)+1,1)*INDEX($D$3:$AA$30,INDEX(Jesper!$R$2:$R$366,ROW(INDEX(Jesper!AL$2:AL$366,ROUNDDOWN($C7470/24,0)+1,1))-1)+IF('Standard Profiles'!$G$22=$B$10,7,0)+IF('Standard Profiles'!$G$22=$B$17,14,0)+IF('Standard Profiles'!$G$22=$B$24,21,0),MOD($C7470,24)+1)/SUM(INDEX($D$3:$AA$30,INDEX(Jesper!$R$2:$R$366,ROW(INDEX(Jesper!AL$2:AL$366,ROUNDDOWN($C7470/24,0)+1,1))-1)+IF('Standard Profiles'!$G$22=$B$10,7,0)+IF('Standard Profiles'!$G$22=$B$17,14,0)+IF('Standard Profiles'!$G$22=$B$24,21,0),0)),0)</f>
        <v>0</v>
      </c>
      <c r="I7470">
        <f t="shared" si="832"/>
        <v>0.30837583318349576</v>
      </c>
      <c r="J7470">
        <f t="shared" si="833"/>
        <v>1.0279194439449859</v>
      </c>
      <c r="K7470">
        <f t="shared" si="834"/>
        <v>1.5418791659174786</v>
      </c>
      <c r="L7470">
        <f t="shared" si="835"/>
        <v>7.4010199964038978</v>
      </c>
      <c r="M7470">
        <f t="shared" si="836"/>
        <v>0</v>
      </c>
      <c r="N7470" s="46">
        <f t="shared" si="837"/>
        <v>45601.833333315299</v>
      </c>
    </row>
    <row r="7471" spans="2:14" x14ac:dyDescent="0.3">
      <c r="B7471">
        <f t="shared" si="831"/>
        <v>2</v>
      </c>
      <c r="C7471" s="16">
        <v>7437</v>
      </c>
      <c r="D7471" cm="1">
        <f t="array" ref="D7471">IFERROR(INDEX(Jesper!AH$2:AH$366,ROUNDDOWN($C7471/24,0)+1,1)*INDEX($D$3:$AA$30,INDEX(Jesper!$R$2:$R$366,ROW(INDEX(Jesper!AH$2:AH$366,ROUNDDOWN($C7471/24,0)+1,1))-1)+IF('Standard Profiles'!$G$18=$B$10,7,0)+IF('Standard Profiles'!$G$18=$B$17,14,0)+IF('Standard Profiles'!$G$18=$B$24,21,0),MOD($C7471,24)+1)/SUM(INDEX($D$3:$AA$30,INDEX(Jesper!$R$2:$R$366,ROW(INDEX(Jesper!AH$2:AH$366,ROUNDDOWN($C7471/24,0)+1,1))-1)+IF('Standard Profiles'!$G$18=$B$10,7,0)+IF('Standard Profiles'!$G$18=$B$17,14,0)+IF('Standard Profiles'!$G$18=$B$24,21,0),0)),0)</f>
        <v>7.4757777741453522</v>
      </c>
      <c r="E7471" cm="1">
        <f t="array" ref="E7471">IFERROR(INDEX(Jesper!AI$2:AI$366,ROUNDDOWN($C7471/24,0)+1,1)*INDEX($D$3:$AA$30,INDEX(Jesper!$R$2:$R$366,ROW(INDEX(Jesper!AI$2:AI$366,ROUNDDOWN($C7471/24,0)+1,1))-1)+IF('Standard Profiles'!$G$19=$B$10,7,0)+IF('Standard Profiles'!$G$19=$B$17,14,0)+IF('Standard Profiles'!$G$19=$B$24,21,0),MOD($C7471,24)+1)/SUM(INDEX($D$3:$AA$30,INDEX(Jesper!$R$2:$R$366,ROW(INDEX(Jesper!AI$2:AI$366,ROUNDDOWN($C7471/24,0)+1,1))-1)+IF('Standard Profiles'!$G$19=$B$10,7,0)+IF('Standard Profiles'!$G$19=$B$17,14,0)+IF('Standard Profiles'!$G$19=$B$24,21,0),0)),0)</f>
        <v>0</v>
      </c>
      <c r="F7471" cm="1">
        <f t="array" ref="F7471">IFERROR(INDEX(Jesper!AJ$2:AJ$366,ROUNDDOWN($C7471/24,0)+1,1)*INDEX($D$3:$AA$30,INDEX(Jesper!$R$2:$R$366,ROW(INDEX(Jesper!AJ$2:AJ$366,ROUNDDOWN($C7471/24,0)+1,1))-1)+IF('Standard Profiles'!$G$20=$B$10,7,0)+IF('Standard Profiles'!$G$20=$B$17,14,0)+IF('Standard Profiles'!$G$20=$B$24,21,0),MOD($C7471,24)+1)/SUM(INDEX($D$3:$AA$30,INDEX(Jesper!$R$2:$R$366,ROW(INDEX(Jesper!AJ$2:AJ$366,ROUNDDOWN($C7471/24,0)+1,1))-1)+IF('Standard Profiles'!$G$20=$B$10,7,0)+IF('Standard Profiles'!$G$20=$B$17,14,0)+IF('Standard Profiles'!$G$20=$B$24,21,0),0)),0)</f>
        <v>0</v>
      </c>
      <c r="G7471" cm="1">
        <f t="array" ref="G7471">IFERROR(INDEX(Jesper!AK$2:AK$366,ROUNDDOWN($C7471/24,0)+1,1)*INDEX($D$3:$AA$30,INDEX(Jesper!$R$2:$R$366,ROW(INDEX(Jesper!AK$2:AK$366,ROUNDDOWN($C7471/24,0)+1,1))-1)+IF('Standard Profiles'!$G$21=$B$10,7,0)+IF('Standard Profiles'!$G$21=$B$17,14,0)+IF('Standard Profiles'!$G$21=$B$24,21,0),MOD($C7471,24)+1)/SUM(INDEX($D$3:$AA$30,INDEX(Jesper!$R$2:$R$366,ROW(INDEX(Jesper!AK$2:AK$366,ROUNDDOWN($C7471/24,0)+1,1))-1)+IF('Standard Profiles'!$G$21=$B$10,7,0)+IF('Standard Profiles'!$G$21=$B$17,14,0)+IF('Standard Profiles'!$G$21=$B$24,21,0),0)),0)</f>
        <v>0</v>
      </c>
      <c r="H7471" cm="1">
        <f t="array" ref="H7471">IFERROR(INDEX(Jesper!AL$2:AL$366,ROUNDDOWN($C7471/24,0)+1,1)*INDEX($D$3:$AA$30,INDEX(Jesper!$R$2:$R$366,ROW(INDEX(Jesper!AL$2:AL$366,ROUNDDOWN($C7471/24,0)+1,1))-1)+IF('Standard Profiles'!$G$22=$B$10,7,0)+IF('Standard Profiles'!$G$22=$B$17,14,0)+IF('Standard Profiles'!$G$22=$B$24,21,0),MOD($C7471,24)+1)/SUM(INDEX($D$3:$AA$30,INDEX(Jesper!$R$2:$R$366,ROW(INDEX(Jesper!AL$2:AL$366,ROUNDDOWN($C7471/24,0)+1,1))-1)+IF('Standard Profiles'!$G$22=$B$10,7,0)+IF('Standard Profiles'!$G$22=$B$17,14,0)+IF('Standard Profiles'!$G$22=$B$24,21,0),0)),0)</f>
        <v>0</v>
      </c>
      <c r="I7471">
        <f t="shared" si="832"/>
        <v>0.22427333322436055</v>
      </c>
      <c r="J7471">
        <f t="shared" si="833"/>
        <v>0.74757777741453524</v>
      </c>
      <c r="K7471">
        <f t="shared" si="834"/>
        <v>1.1213666661218027</v>
      </c>
      <c r="L7471">
        <f t="shared" si="835"/>
        <v>5.3825599973846536</v>
      </c>
      <c r="M7471">
        <f t="shared" si="836"/>
        <v>0</v>
      </c>
      <c r="N7471" s="46">
        <f t="shared" si="837"/>
        <v>45601.874999981963</v>
      </c>
    </row>
    <row r="7472" spans="2:14" x14ac:dyDescent="0.3">
      <c r="B7472">
        <f t="shared" si="831"/>
        <v>2</v>
      </c>
      <c r="C7472" s="16">
        <v>7438</v>
      </c>
      <c r="D7472" cm="1">
        <f t="array" ref="D7472">IFERROR(INDEX(Jesper!AH$2:AH$366,ROUNDDOWN($C7472/24,0)+1,1)*INDEX($D$3:$AA$30,INDEX(Jesper!$R$2:$R$366,ROW(INDEX(Jesper!AH$2:AH$366,ROUNDDOWN($C7472/24,0)+1,1))-1)+IF('Standard Profiles'!$G$18=$B$10,7,0)+IF('Standard Profiles'!$G$18=$B$17,14,0)+IF('Standard Profiles'!$G$18=$B$24,21,0),MOD($C7472,24)+1)/SUM(INDEX($D$3:$AA$30,INDEX(Jesper!$R$2:$R$366,ROW(INDEX(Jesper!AH$2:AH$366,ROUNDDOWN($C7472/24,0)+1,1))-1)+IF('Standard Profiles'!$G$18=$B$10,7,0)+IF('Standard Profiles'!$G$18=$B$17,14,0)+IF('Standard Profiles'!$G$18=$B$24,21,0),0)),0)</f>
        <v>7.4757777741453522</v>
      </c>
      <c r="E7472" cm="1">
        <f t="array" ref="E7472">IFERROR(INDEX(Jesper!AI$2:AI$366,ROUNDDOWN($C7472/24,0)+1,1)*INDEX($D$3:$AA$30,INDEX(Jesper!$R$2:$R$366,ROW(INDEX(Jesper!AI$2:AI$366,ROUNDDOWN($C7472/24,0)+1,1))-1)+IF('Standard Profiles'!$G$19=$B$10,7,0)+IF('Standard Profiles'!$G$19=$B$17,14,0)+IF('Standard Profiles'!$G$19=$B$24,21,0),MOD($C7472,24)+1)/SUM(INDEX($D$3:$AA$30,INDEX(Jesper!$R$2:$R$366,ROW(INDEX(Jesper!AI$2:AI$366,ROUNDDOWN($C7472/24,0)+1,1))-1)+IF('Standard Profiles'!$G$19=$B$10,7,0)+IF('Standard Profiles'!$G$19=$B$17,14,0)+IF('Standard Profiles'!$G$19=$B$24,21,0),0)),0)</f>
        <v>0</v>
      </c>
      <c r="F7472" cm="1">
        <f t="array" ref="F7472">IFERROR(INDEX(Jesper!AJ$2:AJ$366,ROUNDDOWN($C7472/24,0)+1,1)*INDEX($D$3:$AA$30,INDEX(Jesper!$R$2:$R$366,ROW(INDEX(Jesper!AJ$2:AJ$366,ROUNDDOWN($C7472/24,0)+1,1))-1)+IF('Standard Profiles'!$G$20=$B$10,7,0)+IF('Standard Profiles'!$G$20=$B$17,14,0)+IF('Standard Profiles'!$G$20=$B$24,21,0),MOD($C7472,24)+1)/SUM(INDEX($D$3:$AA$30,INDEX(Jesper!$R$2:$R$366,ROW(INDEX(Jesper!AJ$2:AJ$366,ROUNDDOWN($C7472/24,0)+1,1))-1)+IF('Standard Profiles'!$G$20=$B$10,7,0)+IF('Standard Profiles'!$G$20=$B$17,14,0)+IF('Standard Profiles'!$G$20=$B$24,21,0),0)),0)</f>
        <v>0</v>
      </c>
      <c r="G7472" cm="1">
        <f t="array" ref="G7472">IFERROR(INDEX(Jesper!AK$2:AK$366,ROUNDDOWN($C7472/24,0)+1,1)*INDEX($D$3:$AA$30,INDEX(Jesper!$R$2:$R$366,ROW(INDEX(Jesper!AK$2:AK$366,ROUNDDOWN($C7472/24,0)+1,1))-1)+IF('Standard Profiles'!$G$21=$B$10,7,0)+IF('Standard Profiles'!$G$21=$B$17,14,0)+IF('Standard Profiles'!$G$21=$B$24,21,0),MOD($C7472,24)+1)/SUM(INDEX($D$3:$AA$30,INDEX(Jesper!$R$2:$R$366,ROW(INDEX(Jesper!AK$2:AK$366,ROUNDDOWN($C7472/24,0)+1,1))-1)+IF('Standard Profiles'!$G$21=$B$10,7,0)+IF('Standard Profiles'!$G$21=$B$17,14,0)+IF('Standard Profiles'!$G$21=$B$24,21,0),0)),0)</f>
        <v>0</v>
      </c>
      <c r="H7472" cm="1">
        <f t="array" ref="H7472">IFERROR(INDEX(Jesper!AL$2:AL$366,ROUNDDOWN($C7472/24,0)+1,1)*INDEX($D$3:$AA$30,INDEX(Jesper!$R$2:$R$366,ROW(INDEX(Jesper!AL$2:AL$366,ROUNDDOWN($C7472/24,0)+1,1))-1)+IF('Standard Profiles'!$G$22=$B$10,7,0)+IF('Standard Profiles'!$G$22=$B$17,14,0)+IF('Standard Profiles'!$G$22=$B$24,21,0),MOD($C7472,24)+1)/SUM(INDEX($D$3:$AA$30,INDEX(Jesper!$R$2:$R$366,ROW(INDEX(Jesper!AL$2:AL$366,ROUNDDOWN($C7472/24,0)+1,1))-1)+IF('Standard Profiles'!$G$22=$B$10,7,0)+IF('Standard Profiles'!$G$22=$B$17,14,0)+IF('Standard Profiles'!$G$22=$B$24,21,0),0)),0)</f>
        <v>0</v>
      </c>
      <c r="I7472">
        <f t="shared" si="832"/>
        <v>0.22427333322436055</v>
      </c>
      <c r="J7472">
        <f t="shared" si="833"/>
        <v>0.74757777741453524</v>
      </c>
      <c r="K7472">
        <f t="shared" si="834"/>
        <v>1.1213666661218027</v>
      </c>
      <c r="L7472">
        <f t="shared" si="835"/>
        <v>5.3825599973846536</v>
      </c>
      <c r="M7472">
        <f t="shared" si="836"/>
        <v>0</v>
      </c>
      <c r="N7472" s="46">
        <f t="shared" si="837"/>
        <v>45601.916666648627</v>
      </c>
    </row>
    <row r="7473" spans="2:14" x14ac:dyDescent="0.3">
      <c r="B7473">
        <f t="shared" si="831"/>
        <v>2</v>
      </c>
      <c r="C7473" s="16">
        <v>7439</v>
      </c>
      <c r="D7473" cm="1">
        <f t="array" ref="D7473">IFERROR(INDEX(Jesper!AH$2:AH$366,ROUNDDOWN($C7473/24,0)+1,1)*INDEX($D$3:$AA$30,INDEX(Jesper!$R$2:$R$366,ROW(INDEX(Jesper!AH$2:AH$366,ROUNDDOWN($C7473/24,0)+1,1))-1)+IF('Standard Profiles'!$G$18=$B$10,7,0)+IF('Standard Profiles'!$G$18=$B$17,14,0)+IF('Standard Profiles'!$G$18=$B$24,21,0),MOD($C7473,24)+1)/SUM(INDEX($D$3:$AA$30,INDEX(Jesper!$R$2:$R$366,ROW(INDEX(Jesper!AH$2:AH$366,ROUNDDOWN($C7473/24,0)+1,1))-1)+IF('Standard Profiles'!$G$18=$B$10,7,0)+IF('Standard Profiles'!$G$18=$B$17,14,0)+IF('Standard Profiles'!$G$18=$B$24,21,0),0)),0)</f>
        <v>7.4757777741453522</v>
      </c>
      <c r="E7473" cm="1">
        <f t="array" ref="E7473">IFERROR(INDEX(Jesper!AI$2:AI$366,ROUNDDOWN($C7473/24,0)+1,1)*INDEX($D$3:$AA$30,INDEX(Jesper!$R$2:$R$366,ROW(INDEX(Jesper!AI$2:AI$366,ROUNDDOWN($C7473/24,0)+1,1))-1)+IF('Standard Profiles'!$G$19=$B$10,7,0)+IF('Standard Profiles'!$G$19=$B$17,14,0)+IF('Standard Profiles'!$G$19=$B$24,21,0),MOD($C7473,24)+1)/SUM(INDEX($D$3:$AA$30,INDEX(Jesper!$R$2:$R$366,ROW(INDEX(Jesper!AI$2:AI$366,ROUNDDOWN($C7473/24,0)+1,1))-1)+IF('Standard Profiles'!$G$19=$B$10,7,0)+IF('Standard Profiles'!$G$19=$B$17,14,0)+IF('Standard Profiles'!$G$19=$B$24,21,0),0)),0)</f>
        <v>0</v>
      </c>
      <c r="F7473" cm="1">
        <f t="array" ref="F7473">IFERROR(INDEX(Jesper!AJ$2:AJ$366,ROUNDDOWN($C7473/24,0)+1,1)*INDEX($D$3:$AA$30,INDEX(Jesper!$R$2:$R$366,ROW(INDEX(Jesper!AJ$2:AJ$366,ROUNDDOWN($C7473/24,0)+1,1))-1)+IF('Standard Profiles'!$G$20=$B$10,7,0)+IF('Standard Profiles'!$G$20=$B$17,14,0)+IF('Standard Profiles'!$G$20=$B$24,21,0),MOD($C7473,24)+1)/SUM(INDEX($D$3:$AA$30,INDEX(Jesper!$R$2:$R$366,ROW(INDEX(Jesper!AJ$2:AJ$366,ROUNDDOWN($C7473/24,0)+1,1))-1)+IF('Standard Profiles'!$G$20=$B$10,7,0)+IF('Standard Profiles'!$G$20=$B$17,14,0)+IF('Standard Profiles'!$G$20=$B$24,21,0),0)),0)</f>
        <v>0</v>
      </c>
      <c r="G7473" cm="1">
        <f t="array" ref="G7473">IFERROR(INDEX(Jesper!AK$2:AK$366,ROUNDDOWN($C7473/24,0)+1,1)*INDEX($D$3:$AA$30,INDEX(Jesper!$R$2:$R$366,ROW(INDEX(Jesper!AK$2:AK$366,ROUNDDOWN($C7473/24,0)+1,1))-1)+IF('Standard Profiles'!$G$21=$B$10,7,0)+IF('Standard Profiles'!$G$21=$B$17,14,0)+IF('Standard Profiles'!$G$21=$B$24,21,0),MOD($C7473,24)+1)/SUM(INDEX($D$3:$AA$30,INDEX(Jesper!$R$2:$R$366,ROW(INDEX(Jesper!AK$2:AK$366,ROUNDDOWN($C7473/24,0)+1,1))-1)+IF('Standard Profiles'!$G$21=$B$10,7,0)+IF('Standard Profiles'!$G$21=$B$17,14,0)+IF('Standard Profiles'!$G$21=$B$24,21,0),0)),0)</f>
        <v>0</v>
      </c>
      <c r="H7473" cm="1">
        <f t="array" ref="H7473">IFERROR(INDEX(Jesper!AL$2:AL$366,ROUNDDOWN($C7473/24,0)+1,1)*INDEX($D$3:$AA$30,INDEX(Jesper!$R$2:$R$366,ROW(INDEX(Jesper!AL$2:AL$366,ROUNDDOWN($C7473/24,0)+1,1))-1)+IF('Standard Profiles'!$G$22=$B$10,7,0)+IF('Standard Profiles'!$G$22=$B$17,14,0)+IF('Standard Profiles'!$G$22=$B$24,21,0),MOD($C7473,24)+1)/SUM(INDEX($D$3:$AA$30,INDEX(Jesper!$R$2:$R$366,ROW(INDEX(Jesper!AL$2:AL$366,ROUNDDOWN($C7473/24,0)+1,1))-1)+IF('Standard Profiles'!$G$22=$B$10,7,0)+IF('Standard Profiles'!$G$22=$B$17,14,0)+IF('Standard Profiles'!$G$22=$B$24,21,0),0)),0)</f>
        <v>0</v>
      </c>
      <c r="I7473">
        <f t="shared" si="832"/>
        <v>0.22427333322436055</v>
      </c>
      <c r="J7473">
        <f t="shared" si="833"/>
        <v>0.74757777741453524</v>
      </c>
      <c r="K7473">
        <f t="shared" si="834"/>
        <v>1.1213666661218027</v>
      </c>
      <c r="L7473">
        <f t="shared" si="835"/>
        <v>5.3825599973846536</v>
      </c>
      <c r="M7473">
        <f t="shared" si="836"/>
        <v>0</v>
      </c>
      <c r="N7473" s="46">
        <f t="shared" si="837"/>
        <v>45601.958333315291</v>
      </c>
    </row>
    <row r="7474" spans="2:14" x14ac:dyDescent="0.3">
      <c r="B7474">
        <f t="shared" si="831"/>
        <v>3</v>
      </c>
      <c r="C7474" s="16">
        <v>7440</v>
      </c>
      <c r="D7474" cm="1">
        <f t="array" ref="D7474">IFERROR(INDEX(Jesper!AH$2:AH$366,ROUNDDOWN($C7474/24,0)+1,1)*INDEX($D$3:$AA$30,INDEX(Jesper!$R$2:$R$366,ROW(INDEX(Jesper!AH$2:AH$366,ROUNDDOWN($C7474/24,0)+1,1))-1)+IF('Standard Profiles'!$G$18=$B$10,7,0)+IF('Standard Profiles'!$G$18=$B$17,14,0)+IF('Standard Profiles'!$G$18=$B$24,21,0),MOD($C7474,24)+1)/SUM(INDEX($D$3:$AA$30,INDEX(Jesper!$R$2:$R$366,ROW(INDEX(Jesper!AH$2:AH$366,ROUNDDOWN($C7474/24,0)+1,1))-1)+IF('Standard Profiles'!$G$18=$B$10,7,0)+IF('Standard Profiles'!$G$18=$B$17,14,0)+IF('Standard Profiles'!$G$18=$B$24,21,0),0)),0)</f>
        <v>6.681522684926942</v>
      </c>
      <c r="E7474" cm="1">
        <f t="array" ref="E7474">IFERROR(INDEX(Jesper!AI$2:AI$366,ROUNDDOWN($C7474/24,0)+1,1)*INDEX($D$3:$AA$30,INDEX(Jesper!$R$2:$R$366,ROW(INDEX(Jesper!AI$2:AI$366,ROUNDDOWN($C7474/24,0)+1,1))-1)+IF('Standard Profiles'!$G$19=$B$10,7,0)+IF('Standard Profiles'!$G$19=$B$17,14,0)+IF('Standard Profiles'!$G$19=$B$24,21,0),MOD($C7474,24)+1)/SUM(INDEX($D$3:$AA$30,INDEX(Jesper!$R$2:$R$366,ROW(INDEX(Jesper!AI$2:AI$366,ROUNDDOWN($C7474/24,0)+1,1))-1)+IF('Standard Profiles'!$G$19=$B$10,7,0)+IF('Standard Profiles'!$G$19=$B$17,14,0)+IF('Standard Profiles'!$G$19=$B$24,21,0),0)),0)</f>
        <v>0</v>
      </c>
      <c r="F7474" cm="1">
        <f t="array" ref="F7474">IFERROR(INDEX(Jesper!AJ$2:AJ$366,ROUNDDOWN($C7474/24,0)+1,1)*INDEX($D$3:$AA$30,INDEX(Jesper!$R$2:$R$366,ROW(INDEX(Jesper!AJ$2:AJ$366,ROUNDDOWN($C7474/24,0)+1,1))-1)+IF('Standard Profiles'!$G$20=$B$10,7,0)+IF('Standard Profiles'!$G$20=$B$17,14,0)+IF('Standard Profiles'!$G$20=$B$24,21,0),MOD($C7474,24)+1)/SUM(INDEX($D$3:$AA$30,INDEX(Jesper!$R$2:$R$366,ROW(INDEX(Jesper!AJ$2:AJ$366,ROUNDDOWN($C7474/24,0)+1,1))-1)+IF('Standard Profiles'!$G$20=$B$10,7,0)+IF('Standard Profiles'!$G$20=$B$17,14,0)+IF('Standard Profiles'!$G$20=$B$24,21,0),0)),0)</f>
        <v>0</v>
      </c>
      <c r="G7474" cm="1">
        <f t="array" ref="G7474">IFERROR(INDEX(Jesper!AK$2:AK$366,ROUNDDOWN($C7474/24,0)+1,1)*INDEX($D$3:$AA$30,INDEX(Jesper!$R$2:$R$366,ROW(INDEX(Jesper!AK$2:AK$366,ROUNDDOWN($C7474/24,0)+1,1))-1)+IF('Standard Profiles'!$G$21=$B$10,7,0)+IF('Standard Profiles'!$G$21=$B$17,14,0)+IF('Standard Profiles'!$G$21=$B$24,21,0),MOD($C7474,24)+1)/SUM(INDEX($D$3:$AA$30,INDEX(Jesper!$R$2:$R$366,ROW(INDEX(Jesper!AK$2:AK$366,ROUNDDOWN($C7474/24,0)+1,1))-1)+IF('Standard Profiles'!$G$21=$B$10,7,0)+IF('Standard Profiles'!$G$21=$B$17,14,0)+IF('Standard Profiles'!$G$21=$B$24,21,0),0)),0)</f>
        <v>0</v>
      </c>
      <c r="H7474" cm="1">
        <f t="array" ref="H7474">IFERROR(INDEX(Jesper!AL$2:AL$366,ROUNDDOWN($C7474/24,0)+1,1)*INDEX($D$3:$AA$30,INDEX(Jesper!$R$2:$R$366,ROW(INDEX(Jesper!AL$2:AL$366,ROUNDDOWN($C7474/24,0)+1,1))-1)+IF('Standard Profiles'!$G$22=$B$10,7,0)+IF('Standard Profiles'!$G$22=$B$17,14,0)+IF('Standard Profiles'!$G$22=$B$24,21,0),MOD($C7474,24)+1)/SUM(INDEX($D$3:$AA$30,INDEX(Jesper!$R$2:$R$366,ROW(INDEX(Jesper!AL$2:AL$366,ROUNDDOWN($C7474/24,0)+1,1))-1)+IF('Standard Profiles'!$G$22=$B$10,7,0)+IF('Standard Profiles'!$G$22=$B$17,14,0)+IF('Standard Profiles'!$G$22=$B$24,21,0),0)),0)</f>
        <v>0</v>
      </c>
      <c r="I7474">
        <f t="shared" si="832"/>
        <v>0.20044568054780826</v>
      </c>
      <c r="J7474">
        <f t="shared" si="833"/>
        <v>0.66815226849269427</v>
      </c>
      <c r="K7474">
        <f t="shared" si="834"/>
        <v>1.0022284027390413</v>
      </c>
      <c r="L7474">
        <f t="shared" si="835"/>
        <v>4.8106963331473978</v>
      </c>
      <c r="M7474">
        <f t="shared" si="836"/>
        <v>0</v>
      </c>
      <c r="N7474" s="46">
        <f t="shared" si="837"/>
        <v>45601.999999981956</v>
      </c>
    </row>
    <row r="7475" spans="2:14" x14ac:dyDescent="0.3">
      <c r="B7475">
        <f t="shared" si="831"/>
        <v>3</v>
      </c>
      <c r="C7475" s="16">
        <v>7441</v>
      </c>
      <c r="D7475" cm="1">
        <f t="array" ref="D7475">IFERROR(INDEX(Jesper!AH$2:AH$366,ROUNDDOWN($C7475/24,0)+1,1)*INDEX($D$3:$AA$30,INDEX(Jesper!$R$2:$R$366,ROW(INDEX(Jesper!AH$2:AH$366,ROUNDDOWN($C7475/24,0)+1,1))-1)+IF('Standard Profiles'!$G$18=$B$10,7,0)+IF('Standard Profiles'!$G$18=$B$17,14,0)+IF('Standard Profiles'!$G$18=$B$24,21,0),MOD($C7475,24)+1)/SUM(INDEX($D$3:$AA$30,INDEX(Jesper!$R$2:$R$366,ROW(INDEX(Jesper!AH$2:AH$366,ROUNDDOWN($C7475/24,0)+1,1))-1)+IF('Standard Profiles'!$G$18=$B$10,7,0)+IF('Standard Profiles'!$G$18=$B$17,14,0)+IF('Standard Profiles'!$G$18=$B$24,21,0),0)),0)</f>
        <v>7.5167130205428094</v>
      </c>
      <c r="E7475" cm="1">
        <f t="array" ref="E7475">IFERROR(INDEX(Jesper!AI$2:AI$366,ROUNDDOWN($C7475/24,0)+1,1)*INDEX($D$3:$AA$30,INDEX(Jesper!$R$2:$R$366,ROW(INDEX(Jesper!AI$2:AI$366,ROUNDDOWN($C7475/24,0)+1,1))-1)+IF('Standard Profiles'!$G$19=$B$10,7,0)+IF('Standard Profiles'!$G$19=$B$17,14,0)+IF('Standard Profiles'!$G$19=$B$24,21,0),MOD($C7475,24)+1)/SUM(INDEX($D$3:$AA$30,INDEX(Jesper!$R$2:$R$366,ROW(INDEX(Jesper!AI$2:AI$366,ROUNDDOWN($C7475/24,0)+1,1))-1)+IF('Standard Profiles'!$G$19=$B$10,7,0)+IF('Standard Profiles'!$G$19=$B$17,14,0)+IF('Standard Profiles'!$G$19=$B$24,21,0),0)),0)</f>
        <v>0</v>
      </c>
      <c r="F7475" cm="1">
        <f t="array" ref="F7475">IFERROR(INDEX(Jesper!AJ$2:AJ$366,ROUNDDOWN($C7475/24,0)+1,1)*INDEX($D$3:$AA$30,INDEX(Jesper!$R$2:$R$366,ROW(INDEX(Jesper!AJ$2:AJ$366,ROUNDDOWN($C7475/24,0)+1,1))-1)+IF('Standard Profiles'!$G$20=$B$10,7,0)+IF('Standard Profiles'!$G$20=$B$17,14,0)+IF('Standard Profiles'!$G$20=$B$24,21,0),MOD($C7475,24)+1)/SUM(INDEX($D$3:$AA$30,INDEX(Jesper!$R$2:$R$366,ROW(INDEX(Jesper!AJ$2:AJ$366,ROUNDDOWN($C7475/24,0)+1,1))-1)+IF('Standard Profiles'!$G$20=$B$10,7,0)+IF('Standard Profiles'!$G$20=$B$17,14,0)+IF('Standard Profiles'!$G$20=$B$24,21,0),0)),0)</f>
        <v>0</v>
      </c>
      <c r="G7475" cm="1">
        <f t="array" ref="G7475">IFERROR(INDEX(Jesper!AK$2:AK$366,ROUNDDOWN($C7475/24,0)+1,1)*INDEX($D$3:$AA$30,INDEX(Jesper!$R$2:$R$366,ROW(INDEX(Jesper!AK$2:AK$366,ROUNDDOWN($C7475/24,0)+1,1))-1)+IF('Standard Profiles'!$G$21=$B$10,7,0)+IF('Standard Profiles'!$G$21=$B$17,14,0)+IF('Standard Profiles'!$G$21=$B$24,21,0),MOD($C7475,24)+1)/SUM(INDEX($D$3:$AA$30,INDEX(Jesper!$R$2:$R$366,ROW(INDEX(Jesper!AK$2:AK$366,ROUNDDOWN($C7475/24,0)+1,1))-1)+IF('Standard Profiles'!$G$21=$B$10,7,0)+IF('Standard Profiles'!$G$21=$B$17,14,0)+IF('Standard Profiles'!$G$21=$B$24,21,0),0)),0)</f>
        <v>0</v>
      </c>
      <c r="H7475" cm="1">
        <f t="array" ref="H7475">IFERROR(INDEX(Jesper!AL$2:AL$366,ROUNDDOWN($C7475/24,0)+1,1)*INDEX($D$3:$AA$30,INDEX(Jesper!$R$2:$R$366,ROW(INDEX(Jesper!AL$2:AL$366,ROUNDDOWN($C7475/24,0)+1,1))-1)+IF('Standard Profiles'!$G$22=$B$10,7,0)+IF('Standard Profiles'!$G$22=$B$17,14,0)+IF('Standard Profiles'!$G$22=$B$24,21,0),MOD($C7475,24)+1)/SUM(INDEX($D$3:$AA$30,INDEX(Jesper!$R$2:$R$366,ROW(INDEX(Jesper!AL$2:AL$366,ROUNDDOWN($C7475/24,0)+1,1))-1)+IF('Standard Profiles'!$G$22=$B$10,7,0)+IF('Standard Profiles'!$G$22=$B$17,14,0)+IF('Standard Profiles'!$G$22=$B$24,21,0),0)),0)</f>
        <v>0</v>
      </c>
      <c r="I7475">
        <f t="shared" si="832"/>
        <v>0.22550139061628427</v>
      </c>
      <c r="J7475">
        <f t="shared" si="833"/>
        <v>0.75167130205428101</v>
      </c>
      <c r="K7475">
        <f t="shared" si="834"/>
        <v>1.1275069530814215</v>
      </c>
      <c r="L7475">
        <f t="shared" si="835"/>
        <v>5.4120333747908225</v>
      </c>
      <c r="M7475">
        <f t="shared" si="836"/>
        <v>0</v>
      </c>
      <c r="N7475" s="46">
        <f t="shared" si="837"/>
        <v>45602.04166664862</v>
      </c>
    </row>
    <row r="7476" spans="2:14" x14ac:dyDescent="0.3">
      <c r="B7476">
        <f t="shared" si="831"/>
        <v>3</v>
      </c>
      <c r="C7476" s="16">
        <v>7442</v>
      </c>
      <c r="D7476" cm="1">
        <f t="array" ref="D7476">IFERROR(INDEX(Jesper!AH$2:AH$366,ROUNDDOWN($C7476/24,0)+1,1)*INDEX($D$3:$AA$30,INDEX(Jesper!$R$2:$R$366,ROW(INDEX(Jesper!AH$2:AH$366,ROUNDDOWN($C7476/24,0)+1,1))-1)+IF('Standard Profiles'!$G$18=$B$10,7,0)+IF('Standard Profiles'!$G$18=$B$17,14,0)+IF('Standard Profiles'!$G$18=$B$24,21,0),MOD($C7476,24)+1)/SUM(INDEX($D$3:$AA$30,INDEX(Jesper!$R$2:$R$366,ROW(INDEX(Jesper!AH$2:AH$366,ROUNDDOWN($C7476/24,0)+1,1))-1)+IF('Standard Profiles'!$G$18=$B$10,7,0)+IF('Standard Profiles'!$G$18=$B$17,14,0)+IF('Standard Profiles'!$G$18=$B$24,21,0),0)),0)</f>
        <v>7.5167130205428094</v>
      </c>
      <c r="E7476" cm="1">
        <f t="array" ref="E7476">IFERROR(INDEX(Jesper!AI$2:AI$366,ROUNDDOWN($C7476/24,0)+1,1)*INDEX($D$3:$AA$30,INDEX(Jesper!$R$2:$R$366,ROW(INDEX(Jesper!AI$2:AI$366,ROUNDDOWN($C7476/24,0)+1,1))-1)+IF('Standard Profiles'!$G$19=$B$10,7,0)+IF('Standard Profiles'!$G$19=$B$17,14,0)+IF('Standard Profiles'!$G$19=$B$24,21,0),MOD($C7476,24)+1)/SUM(INDEX($D$3:$AA$30,INDEX(Jesper!$R$2:$R$366,ROW(INDEX(Jesper!AI$2:AI$366,ROUNDDOWN($C7476/24,0)+1,1))-1)+IF('Standard Profiles'!$G$19=$B$10,7,0)+IF('Standard Profiles'!$G$19=$B$17,14,0)+IF('Standard Profiles'!$G$19=$B$24,21,0),0)),0)</f>
        <v>0</v>
      </c>
      <c r="F7476" cm="1">
        <f t="array" ref="F7476">IFERROR(INDEX(Jesper!AJ$2:AJ$366,ROUNDDOWN($C7476/24,0)+1,1)*INDEX($D$3:$AA$30,INDEX(Jesper!$R$2:$R$366,ROW(INDEX(Jesper!AJ$2:AJ$366,ROUNDDOWN($C7476/24,0)+1,1))-1)+IF('Standard Profiles'!$G$20=$B$10,7,0)+IF('Standard Profiles'!$G$20=$B$17,14,0)+IF('Standard Profiles'!$G$20=$B$24,21,0),MOD($C7476,24)+1)/SUM(INDEX($D$3:$AA$30,INDEX(Jesper!$R$2:$R$366,ROW(INDEX(Jesper!AJ$2:AJ$366,ROUNDDOWN($C7476/24,0)+1,1))-1)+IF('Standard Profiles'!$G$20=$B$10,7,0)+IF('Standard Profiles'!$G$20=$B$17,14,0)+IF('Standard Profiles'!$G$20=$B$24,21,0),0)),0)</f>
        <v>0</v>
      </c>
      <c r="G7476" cm="1">
        <f t="array" ref="G7476">IFERROR(INDEX(Jesper!AK$2:AK$366,ROUNDDOWN($C7476/24,0)+1,1)*INDEX($D$3:$AA$30,INDEX(Jesper!$R$2:$R$366,ROW(INDEX(Jesper!AK$2:AK$366,ROUNDDOWN($C7476/24,0)+1,1))-1)+IF('Standard Profiles'!$G$21=$B$10,7,0)+IF('Standard Profiles'!$G$21=$B$17,14,0)+IF('Standard Profiles'!$G$21=$B$24,21,0),MOD($C7476,24)+1)/SUM(INDEX($D$3:$AA$30,INDEX(Jesper!$R$2:$R$366,ROW(INDEX(Jesper!AK$2:AK$366,ROUNDDOWN($C7476/24,0)+1,1))-1)+IF('Standard Profiles'!$G$21=$B$10,7,0)+IF('Standard Profiles'!$G$21=$B$17,14,0)+IF('Standard Profiles'!$G$21=$B$24,21,0),0)),0)</f>
        <v>0</v>
      </c>
      <c r="H7476" cm="1">
        <f t="array" ref="H7476">IFERROR(INDEX(Jesper!AL$2:AL$366,ROUNDDOWN($C7476/24,0)+1,1)*INDEX($D$3:$AA$30,INDEX(Jesper!$R$2:$R$366,ROW(INDEX(Jesper!AL$2:AL$366,ROUNDDOWN($C7476/24,0)+1,1))-1)+IF('Standard Profiles'!$G$22=$B$10,7,0)+IF('Standard Profiles'!$G$22=$B$17,14,0)+IF('Standard Profiles'!$G$22=$B$24,21,0),MOD($C7476,24)+1)/SUM(INDEX($D$3:$AA$30,INDEX(Jesper!$R$2:$R$366,ROW(INDEX(Jesper!AL$2:AL$366,ROUNDDOWN($C7476/24,0)+1,1))-1)+IF('Standard Profiles'!$G$22=$B$10,7,0)+IF('Standard Profiles'!$G$22=$B$17,14,0)+IF('Standard Profiles'!$G$22=$B$24,21,0),0)),0)</f>
        <v>0</v>
      </c>
      <c r="I7476">
        <f t="shared" si="832"/>
        <v>0.22550139061628427</v>
      </c>
      <c r="J7476">
        <f t="shared" si="833"/>
        <v>0.75167130205428101</v>
      </c>
      <c r="K7476">
        <f t="shared" si="834"/>
        <v>1.1275069530814215</v>
      </c>
      <c r="L7476">
        <f t="shared" si="835"/>
        <v>5.4120333747908225</v>
      </c>
      <c r="M7476">
        <f t="shared" si="836"/>
        <v>0</v>
      </c>
      <c r="N7476" s="46">
        <f t="shared" si="837"/>
        <v>45602.083333315284</v>
      </c>
    </row>
    <row r="7477" spans="2:14" x14ac:dyDescent="0.3">
      <c r="B7477">
        <f t="shared" si="831"/>
        <v>3</v>
      </c>
      <c r="C7477" s="16">
        <v>7443</v>
      </c>
      <c r="D7477" cm="1">
        <f t="array" ref="D7477">IFERROR(INDEX(Jesper!AH$2:AH$366,ROUNDDOWN($C7477/24,0)+1,1)*INDEX($D$3:$AA$30,INDEX(Jesper!$R$2:$R$366,ROW(INDEX(Jesper!AH$2:AH$366,ROUNDDOWN($C7477/24,0)+1,1))-1)+IF('Standard Profiles'!$G$18=$B$10,7,0)+IF('Standard Profiles'!$G$18=$B$17,14,0)+IF('Standard Profiles'!$G$18=$B$24,21,0),MOD($C7477,24)+1)/SUM(INDEX($D$3:$AA$30,INDEX(Jesper!$R$2:$R$366,ROW(INDEX(Jesper!AH$2:AH$366,ROUNDDOWN($C7477/24,0)+1,1))-1)+IF('Standard Profiles'!$G$18=$B$10,7,0)+IF('Standard Profiles'!$G$18=$B$17,14,0)+IF('Standard Profiles'!$G$18=$B$24,21,0),0)),0)</f>
        <v>7.5167130205428094</v>
      </c>
      <c r="E7477" cm="1">
        <f t="array" ref="E7477">IFERROR(INDEX(Jesper!AI$2:AI$366,ROUNDDOWN($C7477/24,0)+1,1)*INDEX($D$3:$AA$30,INDEX(Jesper!$R$2:$R$366,ROW(INDEX(Jesper!AI$2:AI$366,ROUNDDOWN($C7477/24,0)+1,1))-1)+IF('Standard Profiles'!$G$19=$B$10,7,0)+IF('Standard Profiles'!$G$19=$B$17,14,0)+IF('Standard Profiles'!$G$19=$B$24,21,0),MOD($C7477,24)+1)/SUM(INDEX($D$3:$AA$30,INDEX(Jesper!$R$2:$R$366,ROW(INDEX(Jesper!AI$2:AI$366,ROUNDDOWN($C7477/24,0)+1,1))-1)+IF('Standard Profiles'!$G$19=$B$10,7,0)+IF('Standard Profiles'!$G$19=$B$17,14,0)+IF('Standard Profiles'!$G$19=$B$24,21,0),0)),0)</f>
        <v>0</v>
      </c>
      <c r="F7477" cm="1">
        <f t="array" ref="F7477">IFERROR(INDEX(Jesper!AJ$2:AJ$366,ROUNDDOWN($C7477/24,0)+1,1)*INDEX($D$3:$AA$30,INDEX(Jesper!$R$2:$R$366,ROW(INDEX(Jesper!AJ$2:AJ$366,ROUNDDOWN($C7477/24,0)+1,1))-1)+IF('Standard Profiles'!$G$20=$B$10,7,0)+IF('Standard Profiles'!$G$20=$B$17,14,0)+IF('Standard Profiles'!$G$20=$B$24,21,0),MOD($C7477,24)+1)/SUM(INDEX($D$3:$AA$30,INDEX(Jesper!$R$2:$R$366,ROW(INDEX(Jesper!AJ$2:AJ$366,ROUNDDOWN($C7477/24,0)+1,1))-1)+IF('Standard Profiles'!$G$20=$B$10,7,0)+IF('Standard Profiles'!$G$20=$B$17,14,0)+IF('Standard Profiles'!$G$20=$B$24,21,0),0)),0)</f>
        <v>0</v>
      </c>
      <c r="G7477" cm="1">
        <f t="array" ref="G7477">IFERROR(INDEX(Jesper!AK$2:AK$366,ROUNDDOWN($C7477/24,0)+1,1)*INDEX($D$3:$AA$30,INDEX(Jesper!$R$2:$R$366,ROW(INDEX(Jesper!AK$2:AK$366,ROUNDDOWN($C7477/24,0)+1,1))-1)+IF('Standard Profiles'!$G$21=$B$10,7,0)+IF('Standard Profiles'!$G$21=$B$17,14,0)+IF('Standard Profiles'!$G$21=$B$24,21,0),MOD($C7477,24)+1)/SUM(INDEX($D$3:$AA$30,INDEX(Jesper!$R$2:$R$366,ROW(INDEX(Jesper!AK$2:AK$366,ROUNDDOWN($C7477/24,0)+1,1))-1)+IF('Standard Profiles'!$G$21=$B$10,7,0)+IF('Standard Profiles'!$G$21=$B$17,14,0)+IF('Standard Profiles'!$G$21=$B$24,21,0),0)),0)</f>
        <v>0</v>
      </c>
      <c r="H7477" cm="1">
        <f t="array" ref="H7477">IFERROR(INDEX(Jesper!AL$2:AL$366,ROUNDDOWN($C7477/24,0)+1,1)*INDEX($D$3:$AA$30,INDEX(Jesper!$R$2:$R$366,ROW(INDEX(Jesper!AL$2:AL$366,ROUNDDOWN($C7477/24,0)+1,1))-1)+IF('Standard Profiles'!$G$22=$B$10,7,0)+IF('Standard Profiles'!$G$22=$B$17,14,0)+IF('Standard Profiles'!$G$22=$B$24,21,0),MOD($C7477,24)+1)/SUM(INDEX($D$3:$AA$30,INDEX(Jesper!$R$2:$R$366,ROW(INDEX(Jesper!AL$2:AL$366,ROUNDDOWN($C7477/24,0)+1,1))-1)+IF('Standard Profiles'!$G$22=$B$10,7,0)+IF('Standard Profiles'!$G$22=$B$17,14,0)+IF('Standard Profiles'!$G$22=$B$24,21,0),0)),0)</f>
        <v>0</v>
      </c>
      <c r="I7477">
        <f t="shared" si="832"/>
        <v>0.22550139061628427</v>
      </c>
      <c r="J7477">
        <f t="shared" si="833"/>
        <v>0.75167130205428101</v>
      </c>
      <c r="K7477">
        <f t="shared" si="834"/>
        <v>1.1275069530814215</v>
      </c>
      <c r="L7477">
        <f t="shared" si="835"/>
        <v>5.4120333747908225</v>
      </c>
      <c r="M7477">
        <f t="shared" si="836"/>
        <v>0</v>
      </c>
      <c r="N7477" s="46">
        <f t="shared" si="837"/>
        <v>45602.124999981948</v>
      </c>
    </row>
    <row r="7478" spans="2:14" x14ac:dyDescent="0.3">
      <c r="B7478">
        <f t="shared" si="831"/>
        <v>3</v>
      </c>
      <c r="C7478" s="16">
        <v>7444</v>
      </c>
      <c r="D7478" cm="1">
        <f t="array" ref="D7478">IFERROR(INDEX(Jesper!AH$2:AH$366,ROUNDDOWN($C7478/24,0)+1,1)*INDEX($D$3:$AA$30,INDEX(Jesper!$R$2:$R$366,ROW(INDEX(Jesper!AH$2:AH$366,ROUNDDOWN($C7478/24,0)+1,1))-1)+IF('Standard Profiles'!$G$18=$B$10,7,0)+IF('Standard Profiles'!$G$18=$B$17,14,0)+IF('Standard Profiles'!$G$18=$B$24,21,0),MOD($C7478,24)+1)/SUM(INDEX($D$3:$AA$30,INDEX(Jesper!$R$2:$R$366,ROW(INDEX(Jesper!AH$2:AH$366,ROUNDDOWN($C7478/24,0)+1,1))-1)+IF('Standard Profiles'!$G$18=$B$10,7,0)+IF('Standard Profiles'!$G$18=$B$17,14,0)+IF('Standard Profiles'!$G$18=$B$24,21,0),0)),0)</f>
        <v>7.5167130205428094</v>
      </c>
      <c r="E7478" cm="1">
        <f t="array" ref="E7478">IFERROR(INDEX(Jesper!AI$2:AI$366,ROUNDDOWN($C7478/24,0)+1,1)*INDEX($D$3:$AA$30,INDEX(Jesper!$R$2:$R$366,ROW(INDEX(Jesper!AI$2:AI$366,ROUNDDOWN($C7478/24,0)+1,1))-1)+IF('Standard Profiles'!$G$19=$B$10,7,0)+IF('Standard Profiles'!$G$19=$B$17,14,0)+IF('Standard Profiles'!$G$19=$B$24,21,0),MOD($C7478,24)+1)/SUM(INDEX($D$3:$AA$30,INDEX(Jesper!$R$2:$R$366,ROW(INDEX(Jesper!AI$2:AI$366,ROUNDDOWN($C7478/24,0)+1,1))-1)+IF('Standard Profiles'!$G$19=$B$10,7,0)+IF('Standard Profiles'!$G$19=$B$17,14,0)+IF('Standard Profiles'!$G$19=$B$24,21,0),0)),0)</f>
        <v>0</v>
      </c>
      <c r="F7478" cm="1">
        <f t="array" ref="F7478">IFERROR(INDEX(Jesper!AJ$2:AJ$366,ROUNDDOWN($C7478/24,0)+1,1)*INDEX($D$3:$AA$30,INDEX(Jesper!$R$2:$R$366,ROW(INDEX(Jesper!AJ$2:AJ$366,ROUNDDOWN($C7478/24,0)+1,1))-1)+IF('Standard Profiles'!$G$20=$B$10,7,0)+IF('Standard Profiles'!$G$20=$B$17,14,0)+IF('Standard Profiles'!$G$20=$B$24,21,0),MOD($C7478,24)+1)/SUM(INDEX($D$3:$AA$30,INDEX(Jesper!$R$2:$R$366,ROW(INDEX(Jesper!AJ$2:AJ$366,ROUNDDOWN($C7478/24,0)+1,1))-1)+IF('Standard Profiles'!$G$20=$B$10,7,0)+IF('Standard Profiles'!$G$20=$B$17,14,0)+IF('Standard Profiles'!$G$20=$B$24,21,0),0)),0)</f>
        <v>0</v>
      </c>
      <c r="G7478" cm="1">
        <f t="array" ref="G7478">IFERROR(INDEX(Jesper!AK$2:AK$366,ROUNDDOWN($C7478/24,0)+1,1)*INDEX($D$3:$AA$30,INDEX(Jesper!$R$2:$R$366,ROW(INDEX(Jesper!AK$2:AK$366,ROUNDDOWN($C7478/24,0)+1,1))-1)+IF('Standard Profiles'!$G$21=$B$10,7,0)+IF('Standard Profiles'!$G$21=$B$17,14,0)+IF('Standard Profiles'!$G$21=$B$24,21,0),MOD($C7478,24)+1)/SUM(INDEX($D$3:$AA$30,INDEX(Jesper!$R$2:$R$366,ROW(INDEX(Jesper!AK$2:AK$366,ROUNDDOWN($C7478/24,0)+1,1))-1)+IF('Standard Profiles'!$G$21=$B$10,7,0)+IF('Standard Profiles'!$G$21=$B$17,14,0)+IF('Standard Profiles'!$G$21=$B$24,21,0),0)),0)</f>
        <v>0</v>
      </c>
      <c r="H7478" cm="1">
        <f t="array" ref="H7478">IFERROR(INDEX(Jesper!AL$2:AL$366,ROUNDDOWN($C7478/24,0)+1,1)*INDEX($D$3:$AA$30,INDEX(Jesper!$R$2:$R$366,ROW(INDEX(Jesper!AL$2:AL$366,ROUNDDOWN($C7478/24,0)+1,1))-1)+IF('Standard Profiles'!$G$22=$B$10,7,0)+IF('Standard Profiles'!$G$22=$B$17,14,0)+IF('Standard Profiles'!$G$22=$B$24,21,0),MOD($C7478,24)+1)/SUM(INDEX($D$3:$AA$30,INDEX(Jesper!$R$2:$R$366,ROW(INDEX(Jesper!AL$2:AL$366,ROUNDDOWN($C7478/24,0)+1,1))-1)+IF('Standard Profiles'!$G$22=$B$10,7,0)+IF('Standard Profiles'!$G$22=$B$17,14,0)+IF('Standard Profiles'!$G$22=$B$24,21,0),0)),0)</f>
        <v>0</v>
      </c>
      <c r="I7478">
        <f t="shared" si="832"/>
        <v>0.22550139061628427</v>
      </c>
      <c r="J7478">
        <f t="shared" si="833"/>
        <v>0.75167130205428101</v>
      </c>
      <c r="K7478">
        <f t="shared" si="834"/>
        <v>1.1275069530814215</v>
      </c>
      <c r="L7478">
        <f t="shared" si="835"/>
        <v>5.4120333747908225</v>
      </c>
      <c r="M7478">
        <f t="shared" si="836"/>
        <v>0</v>
      </c>
      <c r="N7478" s="46">
        <f t="shared" si="837"/>
        <v>45602.166666648613</v>
      </c>
    </row>
    <row r="7479" spans="2:14" x14ac:dyDescent="0.3">
      <c r="B7479">
        <f t="shared" si="831"/>
        <v>3</v>
      </c>
      <c r="C7479" s="16">
        <v>7445</v>
      </c>
      <c r="D7479" cm="1">
        <f t="array" ref="D7479">IFERROR(INDEX(Jesper!AH$2:AH$366,ROUNDDOWN($C7479/24,0)+1,1)*INDEX($D$3:$AA$30,INDEX(Jesper!$R$2:$R$366,ROW(INDEX(Jesper!AH$2:AH$366,ROUNDDOWN($C7479/24,0)+1,1))-1)+IF('Standard Profiles'!$G$18=$B$10,7,0)+IF('Standard Profiles'!$G$18=$B$17,14,0)+IF('Standard Profiles'!$G$18=$B$24,21,0),MOD($C7479,24)+1)/SUM(INDEX($D$3:$AA$30,INDEX(Jesper!$R$2:$R$366,ROW(INDEX(Jesper!AH$2:AH$366,ROUNDDOWN($C7479/24,0)+1,1))-1)+IF('Standard Profiles'!$G$18=$B$10,7,0)+IF('Standard Profiles'!$G$18=$B$17,14,0)+IF('Standard Profiles'!$G$18=$B$24,21,0),0)),0)</f>
        <v>9.6882078931440656</v>
      </c>
      <c r="E7479" cm="1">
        <f t="array" ref="E7479">IFERROR(INDEX(Jesper!AI$2:AI$366,ROUNDDOWN($C7479/24,0)+1,1)*INDEX($D$3:$AA$30,INDEX(Jesper!$R$2:$R$366,ROW(INDEX(Jesper!AI$2:AI$366,ROUNDDOWN($C7479/24,0)+1,1))-1)+IF('Standard Profiles'!$G$19=$B$10,7,0)+IF('Standard Profiles'!$G$19=$B$17,14,0)+IF('Standard Profiles'!$G$19=$B$24,21,0),MOD($C7479,24)+1)/SUM(INDEX($D$3:$AA$30,INDEX(Jesper!$R$2:$R$366,ROW(INDEX(Jesper!AI$2:AI$366,ROUNDDOWN($C7479/24,0)+1,1))-1)+IF('Standard Profiles'!$G$19=$B$10,7,0)+IF('Standard Profiles'!$G$19=$B$17,14,0)+IF('Standard Profiles'!$G$19=$B$24,21,0),0)),0)</f>
        <v>0</v>
      </c>
      <c r="F7479" cm="1">
        <f t="array" ref="F7479">IFERROR(INDEX(Jesper!AJ$2:AJ$366,ROUNDDOWN($C7479/24,0)+1,1)*INDEX($D$3:$AA$30,INDEX(Jesper!$R$2:$R$366,ROW(INDEX(Jesper!AJ$2:AJ$366,ROUNDDOWN($C7479/24,0)+1,1))-1)+IF('Standard Profiles'!$G$20=$B$10,7,0)+IF('Standard Profiles'!$G$20=$B$17,14,0)+IF('Standard Profiles'!$G$20=$B$24,21,0),MOD($C7479,24)+1)/SUM(INDEX($D$3:$AA$30,INDEX(Jesper!$R$2:$R$366,ROW(INDEX(Jesper!AJ$2:AJ$366,ROUNDDOWN($C7479/24,0)+1,1))-1)+IF('Standard Profiles'!$G$20=$B$10,7,0)+IF('Standard Profiles'!$G$20=$B$17,14,0)+IF('Standard Profiles'!$G$20=$B$24,21,0),0)),0)</f>
        <v>0</v>
      </c>
      <c r="G7479" cm="1">
        <f t="array" ref="G7479">IFERROR(INDEX(Jesper!AK$2:AK$366,ROUNDDOWN($C7479/24,0)+1,1)*INDEX($D$3:$AA$30,INDEX(Jesper!$R$2:$R$366,ROW(INDEX(Jesper!AK$2:AK$366,ROUNDDOWN($C7479/24,0)+1,1))-1)+IF('Standard Profiles'!$G$21=$B$10,7,0)+IF('Standard Profiles'!$G$21=$B$17,14,0)+IF('Standard Profiles'!$G$21=$B$24,21,0),MOD($C7479,24)+1)/SUM(INDEX($D$3:$AA$30,INDEX(Jesper!$R$2:$R$366,ROW(INDEX(Jesper!AK$2:AK$366,ROUNDDOWN($C7479/24,0)+1,1))-1)+IF('Standard Profiles'!$G$21=$B$10,7,0)+IF('Standard Profiles'!$G$21=$B$17,14,0)+IF('Standard Profiles'!$G$21=$B$24,21,0),0)),0)</f>
        <v>0</v>
      </c>
      <c r="H7479" cm="1">
        <f t="array" ref="H7479">IFERROR(INDEX(Jesper!AL$2:AL$366,ROUNDDOWN($C7479/24,0)+1,1)*INDEX($D$3:$AA$30,INDEX(Jesper!$R$2:$R$366,ROW(INDEX(Jesper!AL$2:AL$366,ROUNDDOWN($C7479/24,0)+1,1))-1)+IF('Standard Profiles'!$G$22=$B$10,7,0)+IF('Standard Profiles'!$G$22=$B$17,14,0)+IF('Standard Profiles'!$G$22=$B$24,21,0),MOD($C7479,24)+1)/SUM(INDEX($D$3:$AA$30,INDEX(Jesper!$R$2:$R$366,ROW(INDEX(Jesper!AL$2:AL$366,ROUNDDOWN($C7479/24,0)+1,1))-1)+IF('Standard Profiles'!$G$22=$B$10,7,0)+IF('Standard Profiles'!$G$22=$B$17,14,0)+IF('Standard Profiles'!$G$22=$B$24,21,0),0)),0)</f>
        <v>0</v>
      </c>
      <c r="I7479">
        <f t="shared" si="832"/>
        <v>0.29064623679432194</v>
      </c>
      <c r="J7479">
        <f t="shared" si="833"/>
        <v>0.96882078931440663</v>
      </c>
      <c r="K7479">
        <f t="shared" si="834"/>
        <v>1.4532311839716099</v>
      </c>
      <c r="L7479">
        <f t="shared" si="835"/>
        <v>6.9755096830637271</v>
      </c>
      <c r="M7479">
        <f t="shared" si="836"/>
        <v>0</v>
      </c>
      <c r="N7479" s="46">
        <f t="shared" si="837"/>
        <v>45602.208333315277</v>
      </c>
    </row>
    <row r="7480" spans="2:14" x14ac:dyDescent="0.3">
      <c r="B7480">
        <f t="shared" si="831"/>
        <v>3</v>
      </c>
      <c r="C7480" s="16">
        <v>7446</v>
      </c>
      <c r="D7480" cm="1">
        <f t="array" ref="D7480">IFERROR(INDEX(Jesper!AH$2:AH$366,ROUNDDOWN($C7480/24,0)+1,1)*INDEX($D$3:$AA$30,INDEX(Jesper!$R$2:$R$366,ROW(INDEX(Jesper!AH$2:AH$366,ROUNDDOWN($C7480/24,0)+1,1))-1)+IF('Standard Profiles'!$G$18=$B$10,7,0)+IF('Standard Profiles'!$G$18=$B$17,14,0)+IF('Standard Profiles'!$G$18=$B$24,21,0),MOD($C7480,24)+1)/SUM(INDEX($D$3:$AA$30,INDEX(Jesper!$R$2:$R$366,ROW(INDEX(Jesper!AH$2:AH$366,ROUNDDOWN($C7480/24,0)+1,1))-1)+IF('Standard Profiles'!$G$18=$B$10,7,0)+IF('Standard Profiles'!$G$18=$B$17,14,0)+IF('Standard Profiles'!$G$18=$B$24,21,0),0)),0)</f>
        <v>11.191550497252626</v>
      </c>
      <c r="E7480" cm="1">
        <f t="array" ref="E7480">IFERROR(INDEX(Jesper!AI$2:AI$366,ROUNDDOWN($C7480/24,0)+1,1)*INDEX($D$3:$AA$30,INDEX(Jesper!$R$2:$R$366,ROW(INDEX(Jesper!AI$2:AI$366,ROUNDDOWN($C7480/24,0)+1,1))-1)+IF('Standard Profiles'!$G$19=$B$10,7,0)+IF('Standard Profiles'!$G$19=$B$17,14,0)+IF('Standard Profiles'!$G$19=$B$24,21,0),MOD($C7480,24)+1)/SUM(INDEX($D$3:$AA$30,INDEX(Jesper!$R$2:$R$366,ROW(INDEX(Jesper!AI$2:AI$366,ROUNDDOWN($C7480/24,0)+1,1))-1)+IF('Standard Profiles'!$G$19=$B$10,7,0)+IF('Standard Profiles'!$G$19=$B$17,14,0)+IF('Standard Profiles'!$G$19=$B$24,21,0),0)),0)</f>
        <v>0</v>
      </c>
      <c r="F7480" cm="1">
        <f t="array" ref="F7480">IFERROR(INDEX(Jesper!AJ$2:AJ$366,ROUNDDOWN($C7480/24,0)+1,1)*INDEX($D$3:$AA$30,INDEX(Jesper!$R$2:$R$366,ROW(INDEX(Jesper!AJ$2:AJ$366,ROUNDDOWN($C7480/24,0)+1,1))-1)+IF('Standard Profiles'!$G$20=$B$10,7,0)+IF('Standard Profiles'!$G$20=$B$17,14,0)+IF('Standard Profiles'!$G$20=$B$24,21,0),MOD($C7480,24)+1)/SUM(INDEX($D$3:$AA$30,INDEX(Jesper!$R$2:$R$366,ROW(INDEX(Jesper!AJ$2:AJ$366,ROUNDDOWN($C7480/24,0)+1,1))-1)+IF('Standard Profiles'!$G$20=$B$10,7,0)+IF('Standard Profiles'!$G$20=$B$17,14,0)+IF('Standard Profiles'!$G$20=$B$24,21,0),0)),0)</f>
        <v>0</v>
      </c>
      <c r="G7480" cm="1">
        <f t="array" ref="G7480">IFERROR(INDEX(Jesper!AK$2:AK$366,ROUNDDOWN($C7480/24,0)+1,1)*INDEX($D$3:$AA$30,INDEX(Jesper!$R$2:$R$366,ROW(INDEX(Jesper!AK$2:AK$366,ROUNDDOWN($C7480/24,0)+1,1))-1)+IF('Standard Profiles'!$G$21=$B$10,7,0)+IF('Standard Profiles'!$G$21=$B$17,14,0)+IF('Standard Profiles'!$G$21=$B$24,21,0),MOD($C7480,24)+1)/SUM(INDEX($D$3:$AA$30,INDEX(Jesper!$R$2:$R$366,ROW(INDEX(Jesper!AK$2:AK$366,ROUNDDOWN($C7480/24,0)+1,1))-1)+IF('Standard Profiles'!$G$21=$B$10,7,0)+IF('Standard Profiles'!$G$21=$B$17,14,0)+IF('Standard Profiles'!$G$21=$B$24,21,0),0)),0)</f>
        <v>0</v>
      </c>
      <c r="H7480" cm="1">
        <f t="array" ref="H7480">IFERROR(INDEX(Jesper!AL$2:AL$366,ROUNDDOWN($C7480/24,0)+1,1)*INDEX($D$3:$AA$30,INDEX(Jesper!$R$2:$R$366,ROW(INDEX(Jesper!AL$2:AL$366,ROUNDDOWN($C7480/24,0)+1,1))-1)+IF('Standard Profiles'!$G$22=$B$10,7,0)+IF('Standard Profiles'!$G$22=$B$17,14,0)+IF('Standard Profiles'!$G$22=$B$24,21,0),MOD($C7480,24)+1)/SUM(INDEX($D$3:$AA$30,INDEX(Jesper!$R$2:$R$366,ROW(INDEX(Jesper!AL$2:AL$366,ROUNDDOWN($C7480/24,0)+1,1))-1)+IF('Standard Profiles'!$G$22=$B$10,7,0)+IF('Standard Profiles'!$G$22=$B$17,14,0)+IF('Standard Profiles'!$G$22=$B$24,21,0),0)),0)</f>
        <v>0</v>
      </c>
      <c r="I7480">
        <f t="shared" si="832"/>
        <v>0.33574651491757879</v>
      </c>
      <c r="J7480">
        <f t="shared" si="833"/>
        <v>1.1191550497252627</v>
      </c>
      <c r="K7480">
        <f t="shared" si="834"/>
        <v>1.6787325745878938</v>
      </c>
      <c r="L7480">
        <f t="shared" si="835"/>
        <v>8.05791635802189</v>
      </c>
      <c r="M7480">
        <f t="shared" si="836"/>
        <v>0</v>
      </c>
      <c r="N7480" s="46">
        <f t="shared" si="837"/>
        <v>45602.249999981941</v>
      </c>
    </row>
    <row r="7481" spans="2:14" x14ac:dyDescent="0.3">
      <c r="B7481">
        <f t="shared" si="831"/>
        <v>3</v>
      </c>
      <c r="C7481" s="16">
        <v>7447</v>
      </c>
      <c r="D7481" cm="1">
        <f t="array" ref="D7481">IFERROR(INDEX(Jesper!AH$2:AH$366,ROUNDDOWN($C7481/24,0)+1,1)*INDEX($D$3:$AA$30,INDEX(Jesper!$R$2:$R$366,ROW(INDEX(Jesper!AH$2:AH$366,ROUNDDOWN($C7481/24,0)+1,1))-1)+IF('Standard Profiles'!$G$18=$B$10,7,0)+IF('Standard Profiles'!$G$18=$B$17,14,0)+IF('Standard Profiles'!$G$18=$B$24,21,0),MOD($C7481,24)+1)/SUM(INDEX($D$3:$AA$30,INDEX(Jesper!$R$2:$R$366,ROW(INDEX(Jesper!AH$2:AH$366,ROUNDDOWN($C7481/24,0)+1,1))-1)+IF('Standard Profiles'!$G$18=$B$10,7,0)+IF('Standard Profiles'!$G$18=$B$17,14,0)+IF('Standard Profiles'!$G$18=$B$24,21,0),0)),0)</f>
        <v>11.191550497252626</v>
      </c>
      <c r="E7481" cm="1">
        <f t="array" ref="E7481">IFERROR(INDEX(Jesper!AI$2:AI$366,ROUNDDOWN($C7481/24,0)+1,1)*INDEX($D$3:$AA$30,INDEX(Jesper!$R$2:$R$366,ROW(INDEX(Jesper!AI$2:AI$366,ROUNDDOWN($C7481/24,0)+1,1))-1)+IF('Standard Profiles'!$G$19=$B$10,7,0)+IF('Standard Profiles'!$G$19=$B$17,14,0)+IF('Standard Profiles'!$G$19=$B$24,21,0),MOD($C7481,24)+1)/SUM(INDEX($D$3:$AA$30,INDEX(Jesper!$R$2:$R$366,ROW(INDEX(Jesper!AI$2:AI$366,ROUNDDOWN($C7481/24,0)+1,1))-1)+IF('Standard Profiles'!$G$19=$B$10,7,0)+IF('Standard Profiles'!$G$19=$B$17,14,0)+IF('Standard Profiles'!$G$19=$B$24,21,0),0)),0)</f>
        <v>0</v>
      </c>
      <c r="F7481" cm="1">
        <f t="array" ref="F7481">IFERROR(INDEX(Jesper!AJ$2:AJ$366,ROUNDDOWN($C7481/24,0)+1,1)*INDEX($D$3:$AA$30,INDEX(Jesper!$R$2:$R$366,ROW(INDEX(Jesper!AJ$2:AJ$366,ROUNDDOWN($C7481/24,0)+1,1))-1)+IF('Standard Profiles'!$G$20=$B$10,7,0)+IF('Standard Profiles'!$G$20=$B$17,14,0)+IF('Standard Profiles'!$G$20=$B$24,21,0),MOD($C7481,24)+1)/SUM(INDEX($D$3:$AA$30,INDEX(Jesper!$R$2:$R$366,ROW(INDEX(Jesper!AJ$2:AJ$366,ROUNDDOWN($C7481/24,0)+1,1))-1)+IF('Standard Profiles'!$G$20=$B$10,7,0)+IF('Standard Profiles'!$G$20=$B$17,14,0)+IF('Standard Profiles'!$G$20=$B$24,21,0),0)),0)</f>
        <v>0</v>
      </c>
      <c r="G7481" cm="1">
        <f t="array" ref="G7481">IFERROR(INDEX(Jesper!AK$2:AK$366,ROUNDDOWN($C7481/24,0)+1,1)*INDEX($D$3:$AA$30,INDEX(Jesper!$R$2:$R$366,ROW(INDEX(Jesper!AK$2:AK$366,ROUNDDOWN($C7481/24,0)+1,1))-1)+IF('Standard Profiles'!$G$21=$B$10,7,0)+IF('Standard Profiles'!$G$21=$B$17,14,0)+IF('Standard Profiles'!$G$21=$B$24,21,0),MOD($C7481,24)+1)/SUM(INDEX($D$3:$AA$30,INDEX(Jesper!$R$2:$R$366,ROW(INDEX(Jesper!AK$2:AK$366,ROUNDDOWN($C7481/24,0)+1,1))-1)+IF('Standard Profiles'!$G$21=$B$10,7,0)+IF('Standard Profiles'!$G$21=$B$17,14,0)+IF('Standard Profiles'!$G$21=$B$24,21,0),0)),0)</f>
        <v>0</v>
      </c>
      <c r="H7481" cm="1">
        <f t="array" ref="H7481">IFERROR(INDEX(Jesper!AL$2:AL$366,ROUNDDOWN($C7481/24,0)+1,1)*INDEX($D$3:$AA$30,INDEX(Jesper!$R$2:$R$366,ROW(INDEX(Jesper!AL$2:AL$366,ROUNDDOWN($C7481/24,0)+1,1))-1)+IF('Standard Profiles'!$G$22=$B$10,7,0)+IF('Standard Profiles'!$G$22=$B$17,14,0)+IF('Standard Profiles'!$G$22=$B$24,21,0),MOD($C7481,24)+1)/SUM(INDEX($D$3:$AA$30,INDEX(Jesper!$R$2:$R$366,ROW(INDEX(Jesper!AL$2:AL$366,ROUNDDOWN($C7481/24,0)+1,1))-1)+IF('Standard Profiles'!$G$22=$B$10,7,0)+IF('Standard Profiles'!$G$22=$B$17,14,0)+IF('Standard Profiles'!$G$22=$B$24,21,0),0)),0)</f>
        <v>0</v>
      </c>
      <c r="I7481">
        <f t="shared" si="832"/>
        <v>0.33574651491757879</v>
      </c>
      <c r="J7481">
        <f t="shared" si="833"/>
        <v>1.1191550497252627</v>
      </c>
      <c r="K7481">
        <f t="shared" si="834"/>
        <v>1.6787325745878938</v>
      </c>
      <c r="L7481">
        <f t="shared" si="835"/>
        <v>8.05791635802189</v>
      </c>
      <c r="M7481">
        <f t="shared" si="836"/>
        <v>0</v>
      </c>
      <c r="N7481" s="46">
        <f t="shared" si="837"/>
        <v>45602.291666648605</v>
      </c>
    </row>
    <row r="7482" spans="2:14" x14ac:dyDescent="0.3">
      <c r="B7482">
        <f t="shared" si="831"/>
        <v>3</v>
      </c>
      <c r="C7482" s="16">
        <v>7448</v>
      </c>
      <c r="D7482" cm="1">
        <f t="array" ref="D7482">IFERROR(INDEX(Jesper!AH$2:AH$366,ROUNDDOWN($C7482/24,0)+1,1)*INDEX($D$3:$AA$30,INDEX(Jesper!$R$2:$R$366,ROW(INDEX(Jesper!AH$2:AH$366,ROUNDDOWN($C7482/24,0)+1,1))-1)+IF('Standard Profiles'!$G$18=$B$10,7,0)+IF('Standard Profiles'!$G$18=$B$17,14,0)+IF('Standard Profiles'!$G$18=$B$24,21,0),MOD($C7482,24)+1)/SUM(INDEX($D$3:$AA$30,INDEX(Jesper!$R$2:$R$366,ROW(INDEX(Jesper!AH$2:AH$366,ROUNDDOWN($C7482/24,0)+1,1))-1)+IF('Standard Profiles'!$G$18=$B$10,7,0)+IF('Standard Profiles'!$G$18=$B$17,14,0)+IF('Standard Profiles'!$G$18=$B$24,21,0),0)),0)</f>
        <v>11.191550497252626</v>
      </c>
      <c r="E7482" cm="1">
        <f t="array" ref="E7482">IFERROR(INDEX(Jesper!AI$2:AI$366,ROUNDDOWN($C7482/24,0)+1,1)*INDEX($D$3:$AA$30,INDEX(Jesper!$R$2:$R$366,ROW(INDEX(Jesper!AI$2:AI$366,ROUNDDOWN($C7482/24,0)+1,1))-1)+IF('Standard Profiles'!$G$19=$B$10,7,0)+IF('Standard Profiles'!$G$19=$B$17,14,0)+IF('Standard Profiles'!$G$19=$B$24,21,0),MOD($C7482,24)+1)/SUM(INDEX($D$3:$AA$30,INDEX(Jesper!$R$2:$R$366,ROW(INDEX(Jesper!AI$2:AI$366,ROUNDDOWN($C7482/24,0)+1,1))-1)+IF('Standard Profiles'!$G$19=$B$10,7,0)+IF('Standard Profiles'!$G$19=$B$17,14,0)+IF('Standard Profiles'!$G$19=$B$24,21,0),0)),0)</f>
        <v>0</v>
      </c>
      <c r="F7482" cm="1">
        <f t="array" ref="F7482">IFERROR(INDEX(Jesper!AJ$2:AJ$366,ROUNDDOWN($C7482/24,0)+1,1)*INDEX($D$3:$AA$30,INDEX(Jesper!$R$2:$R$366,ROW(INDEX(Jesper!AJ$2:AJ$366,ROUNDDOWN($C7482/24,0)+1,1))-1)+IF('Standard Profiles'!$G$20=$B$10,7,0)+IF('Standard Profiles'!$G$20=$B$17,14,0)+IF('Standard Profiles'!$G$20=$B$24,21,0),MOD($C7482,24)+1)/SUM(INDEX($D$3:$AA$30,INDEX(Jesper!$R$2:$R$366,ROW(INDEX(Jesper!AJ$2:AJ$366,ROUNDDOWN($C7482/24,0)+1,1))-1)+IF('Standard Profiles'!$G$20=$B$10,7,0)+IF('Standard Profiles'!$G$20=$B$17,14,0)+IF('Standard Profiles'!$G$20=$B$24,21,0),0)),0)</f>
        <v>0</v>
      </c>
      <c r="G7482" cm="1">
        <f t="array" ref="G7482">IFERROR(INDEX(Jesper!AK$2:AK$366,ROUNDDOWN($C7482/24,0)+1,1)*INDEX($D$3:$AA$30,INDEX(Jesper!$R$2:$R$366,ROW(INDEX(Jesper!AK$2:AK$366,ROUNDDOWN($C7482/24,0)+1,1))-1)+IF('Standard Profiles'!$G$21=$B$10,7,0)+IF('Standard Profiles'!$G$21=$B$17,14,0)+IF('Standard Profiles'!$G$21=$B$24,21,0),MOD($C7482,24)+1)/SUM(INDEX($D$3:$AA$30,INDEX(Jesper!$R$2:$R$366,ROW(INDEX(Jesper!AK$2:AK$366,ROUNDDOWN($C7482/24,0)+1,1))-1)+IF('Standard Profiles'!$G$21=$B$10,7,0)+IF('Standard Profiles'!$G$21=$B$17,14,0)+IF('Standard Profiles'!$G$21=$B$24,21,0),0)),0)</f>
        <v>0</v>
      </c>
      <c r="H7482" cm="1">
        <f t="array" ref="H7482">IFERROR(INDEX(Jesper!AL$2:AL$366,ROUNDDOWN($C7482/24,0)+1,1)*INDEX($D$3:$AA$30,INDEX(Jesper!$R$2:$R$366,ROW(INDEX(Jesper!AL$2:AL$366,ROUNDDOWN($C7482/24,0)+1,1))-1)+IF('Standard Profiles'!$G$22=$B$10,7,0)+IF('Standard Profiles'!$G$22=$B$17,14,0)+IF('Standard Profiles'!$G$22=$B$24,21,0),MOD($C7482,24)+1)/SUM(INDEX($D$3:$AA$30,INDEX(Jesper!$R$2:$R$366,ROW(INDEX(Jesper!AL$2:AL$366,ROUNDDOWN($C7482/24,0)+1,1))-1)+IF('Standard Profiles'!$G$22=$B$10,7,0)+IF('Standard Profiles'!$G$22=$B$17,14,0)+IF('Standard Profiles'!$G$22=$B$24,21,0),0)),0)</f>
        <v>0</v>
      </c>
      <c r="I7482">
        <f t="shared" si="832"/>
        <v>0.33574651491757879</v>
      </c>
      <c r="J7482">
        <f t="shared" si="833"/>
        <v>1.1191550497252627</v>
      </c>
      <c r="K7482">
        <f t="shared" si="834"/>
        <v>1.6787325745878938</v>
      </c>
      <c r="L7482">
        <f t="shared" si="835"/>
        <v>8.05791635802189</v>
      </c>
      <c r="M7482">
        <f t="shared" si="836"/>
        <v>0</v>
      </c>
      <c r="N7482" s="46">
        <f t="shared" si="837"/>
        <v>45602.33333331527</v>
      </c>
    </row>
    <row r="7483" spans="2:14" x14ac:dyDescent="0.3">
      <c r="B7483">
        <f t="shared" si="831"/>
        <v>3</v>
      </c>
      <c r="C7483" s="16">
        <v>7449</v>
      </c>
      <c r="D7483" cm="1">
        <f t="array" ref="D7483">IFERROR(INDEX(Jesper!AH$2:AH$366,ROUNDDOWN($C7483/24,0)+1,1)*INDEX($D$3:$AA$30,INDEX(Jesper!$R$2:$R$366,ROW(INDEX(Jesper!AH$2:AH$366,ROUNDDOWN($C7483/24,0)+1,1))-1)+IF('Standard Profiles'!$G$18=$B$10,7,0)+IF('Standard Profiles'!$G$18=$B$17,14,0)+IF('Standard Profiles'!$G$18=$B$24,21,0),MOD($C7483,24)+1)/SUM(INDEX($D$3:$AA$30,INDEX(Jesper!$R$2:$R$366,ROW(INDEX(Jesper!AH$2:AH$366,ROUNDDOWN($C7483/24,0)+1,1))-1)+IF('Standard Profiles'!$G$18=$B$10,7,0)+IF('Standard Profiles'!$G$18=$B$17,14,0)+IF('Standard Profiles'!$G$18=$B$24,21,0),0)),0)</f>
        <v>12.026740832868494</v>
      </c>
      <c r="E7483" cm="1">
        <f t="array" ref="E7483">IFERROR(INDEX(Jesper!AI$2:AI$366,ROUNDDOWN($C7483/24,0)+1,1)*INDEX($D$3:$AA$30,INDEX(Jesper!$R$2:$R$366,ROW(INDEX(Jesper!AI$2:AI$366,ROUNDDOWN($C7483/24,0)+1,1))-1)+IF('Standard Profiles'!$G$19=$B$10,7,0)+IF('Standard Profiles'!$G$19=$B$17,14,0)+IF('Standard Profiles'!$G$19=$B$24,21,0),MOD($C7483,24)+1)/SUM(INDEX($D$3:$AA$30,INDEX(Jesper!$R$2:$R$366,ROW(INDEX(Jesper!AI$2:AI$366,ROUNDDOWN($C7483/24,0)+1,1))-1)+IF('Standard Profiles'!$G$19=$B$10,7,0)+IF('Standard Profiles'!$G$19=$B$17,14,0)+IF('Standard Profiles'!$G$19=$B$24,21,0),0)),0)</f>
        <v>0</v>
      </c>
      <c r="F7483" cm="1">
        <f t="array" ref="F7483">IFERROR(INDEX(Jesper!AJ$2:AJ$366,ROUNDDOWN($C7483/24,0)+1,1)*INDEX($D$3:$AA$30,INDEX(Jesper!$R$2:$R$366,ROW(INDEX(Jesper!AJ$2:AJ$366,ROUNDDOWN($C7483/24,0)+1,1))-1)+IF('Standard Profiles'!$G$20=$B$10,7,0)+IF('Standard Profiles'!$G$20=$B$17,14,0)+IF('Standard Profiles'!$G$20=$B$24,21,0),MOD($C7483,24)+1)/SUM(INDEX($D$3:$AA$30,INDEX(Jesper!$R$2:$R$366,ROW(INDEX(Jesper!AJ$2:AJ$366,ROUNDDOWN($C7483/24,0)+1,1))-1)+IF('Standard Profiles'!$G$20=$B$10,7,0)+IF('Standard Profiles'!$G$20=$B$17,14,0)+IF('Standard Profiles'!$G$20=$B$24,21,0),0)),0)</f>
        <v>0</v>
      </c>
      <c r="G7483" cm="1">
        <f t="array" ref="G7483">IFERROR(INDEX(Jesper!AK$2:AK$366,ROUNDDOWN($C7483/24,0)+1,1)*INDEX($D$3:$AA$30,INDEX(Jesper!$R$2:$R$366,ROW(INDEX(Jesper!AK$2:AK$366,ROUNDDOWN($C7483/24,0)+1,1))-1)+IF('Standard Profiles'!$G$21=$B$10,7,0)+IF('Standard Profiles'!$G$21=$B$17,14,0)+IF('Standard Profiles'!$G$21=$B$24,21,0),MOD($C7483,24)+1)/SUM(INDEX($D$3:$AA$30,INDEX(Jesper!$R$2:$R$366,ROW(INDEX(Jesper!AK$2:AK$366,ROUNDDOWN($C7483/24,0)+1,1))-1)+IF('Standard Profiles'!$G$21=$B$10,7,0)+IF('Standard Profiles'!$G$21=$B$17,14,0)+IF('Standard Profiles'!$G$21=$B$24,21,0),0)),0)</f>
        <v>0</v>
      </c>
      <c r="H7483" cm="1">
        <f t="array" ref="H7483">IFERROR(INDEX(Jesper!AL$2:AL$366,ROUNDDOWN($C7483/24,0)+1,1)*INDEX($D$3:$AA$30,INDEX(Jesper!$R$2:$R$366,ROW(INDEX(Jesper!AL$2:AL$366,ROUNDDOWN($C7483/24,0)+1,1))-1)+IF('Standard Profiles'!$G$22=$B$10,7,0)+IF('Standard Profiles'!$G$22=$B$17,14,0)+IF('Standard Profiles'!$G$22=$B$24,21,0),MOD($C7483,24)+1)/SUM(INDEX($D$3:$AA$30,INDEX(Jesper!$R$2:$R$366,ROW(INDEX(Jesper!AL$2:AL$366,ROUNDDOWN($C7483/24,0)+1,1))-1)+IF('Standard Profiles'!$G$22=$B$10,7,0)+IF('Standard Profiles'!$G$22=$B$17,14,0)+IF('Standard Profiles'!$G$22=$B$24,21,0),0)),0)</f>
        <v>0</v>
      </c>
      <c r="I7483">
        <f t="shared" si="832"/>
        <v>0.3608022249860548</v>
      </c>
      <c r="J7483">
        <f t="shared" si="833"/>
        <v>1.2026740832868494</v>
      </c>
      <c r="K7483">
        <f t="shared" si="834"/>
        <v>1.8040111249302742</v>
      </c>
      <c r="L7483">
        <f t="shared" si="835"/>
        <v>8.6592533996653156</v>
      </c>
      <c r="M7483">
        <f t="shared" si="836"/>
        <v>0</v>
      </c>
      <c r="N7483" s="46">
        <f t="shared" si="837"/>
        <v>45602.374999981934</v>
      </c>
    </row>
    <row r="7484" spans="2:14" x14ac:dyDescent="0.3">
      <c r="B7484">
        <f t="shared" si="831"/>
        <v>3</v>
      </c>
      <c r="C7484" s="16">
        <v>7450</v>
      </c>
      <c r="D7484" cm="1">
        <f t="array" ref="D7484">IFERROR(INDEX(Jesper!AH$2:AH$366,ROUNDDOWN($C7484/24,0)+1,1)*INDEX($D$3:$AA$30,INDEX(Jesper!$R$2:$R$366,ROW(INDEX(Jesper!AH$2:AH$366,ROUNDDOWN($C7484/24,0)+1,1))-1)+IF('Standard Profiles'!$G$18=$B$10,7,0)+IF('Standard Profiles'!$G$18=$B$17,14,0)+IF('Standard Profiles'!$G$18=$B$24,21,0),MOD($C7484,24)+1)/SUM(INDEX($D$3:$AA$30,INDEX(Jesper!$R$2:$R$366,ROW(INDEX(Jesper!AH$2:AH$366,ROUNDDOWN($C7484/24,0)+1,1))-1)+IF('Standard Profiles'!$G$18=$B$10,7,0)+IF('Standard Profiles'!$G$18=$B$17,14,0)+IF('Standard Profiles'!$G$18=$B$24,21,0),0)),0)</f>
        <v>13.028969235607534</v>
      </c>
      <c r="E7484" cm="1">
        <f t="array" ref="E7484">IFERROR(INDEX(Jesper!AI$2:AI$366,ROUNDDOWN($C7484/24,0)+1,1)*INDEX($D$3:$AA$30,INDEX(Jesper!$R$2:$R$366,ROW(INDEX(Jesper!AI$2:AI$366,ROUNDDOWN($C7484/24,0)+1,1))-1)+IF('Standard Profiles'!$G$19=$B$10,7,0)+IF('Standard Profiles'!$G$19=$B$17,14,0)+IF('Standard Profiles'!$G$19=$B$24,21,0),MOD($C7484,24)+1)/SUM(INDEX($D$3:$AA$30,INDEX(Jesper!$R$2:$R$366,ROW(INDEX(Jesper!AI$2:AI$366,ROUNDDOWN($C7484/24,0)+1,1))-1)+IF('Standard Profiles'!$G$19=$B$10,7,0)+IF('Standard Profiles'!$G$19=$B$17,14,0)+IF('Standard Profiles'!$G$19=$B$24,21,0),0)),0)</f>
        <v>0</v>
      </c>
      <c r="F7484" cm="1">
        <f t="array" ref="F7484">IFERROR(INDEX(Jesper!AJ$2:AJ$366,ROUNDDOWN($C7484/24,0)+1,1)*INDEX($D$3:$AA$30,INDEX(Jesper!$R$2:$R$366,ROW(INDEX(Jesper!AJ$2:AJ$366,ROUNDDOWN($C7484/24,0)+1,1))-1)+IF('Standard Profiles'!$G$20=$B$10,7,0)+IF('Standard Profiles'!$G$20=$B$17,14,0)+IF('Standard Profiles'!$G$20=$B$24,21,0),MOD($C7484,24)+1)/SUM(INDEX($D$3:$AA$30,INDEX(Jesper!$R$2:$R$366,ROW(INDEX(Jesper!AJ$2:AJ$366,ROUNDDOWN($C7484/24,0)+1,1))-1)+IF('Standard Profiles'!$G$20=$B$10,7,0)+IF('Standard Profiles'!$G$20=$B$17,14,0)+IF('Standard Profiles'!$G$20=$B$24,21,0),0)),0)</f>
        <v>0</v>
      </c>
      <c r="G7484" cm="1">
        <f t="array" ref="G7484">IFERROR(INDEX(Jesper!AK$2:AK$366,ROUNDDOWN($C7484/24,0)+1,1)*INDEX($D$3:$AA$30,INDEX(Jesper!$R$2:$R$366,ROW(INDEX(Jesper!AK$2:AK$366,ROUNDDOWN($C7484/24,0)+1,1))-1)+IF('Standard Profiles'!$G$21=$B$10,7,0)+IF('Standard Profiles'!$G$21=$B$17,14,0)+IF('Standard Profiles'!$G$21=$B$24,21,0),MOD($C7484,24)+1)/SUM(INDEX($D$3:$AA$30,INDEX(Jesper!$R$2:$R$366,ROW(INDEX(Jesper!AK$2:AK$366,ROUNDDOWN($C7484/24,0)+1,1))-1)+IF('Standard Profiles'!$G$21=$B$10,7,0)+IF('Standard Profiles'!$G$21=$B$17,14,0)+IF('Standard Profiles'!$G$21=$B$24,21,0),0)),0)</f>
        <v>0</v>
      </c>
      <c r="H7484" cm="1">
        <f t="array" ref="H7484">IFERROR(INDEX(Jesper!AL$2:AL$366,ROUNDDOWN($C7484/24,0)+1,1)*INDEX($D$3:$AA$30,INDEX(Jesper!$R$2:$R$366,ROW(INDEX(Jesper!AL$2:AL$366,ROUNDDOWN($C7484/24,0)+1,1))-1)+IF('Standard Profiles'!$G$22=$B$10,7,0)+IF('Standard Profiles'!$G$22=$B$17,14,0)+IF('Standard Profiles'!$G$22=$B$24,21,0),MOD($C7484,24)+1)/SUM(INDEX($D$3:$AA$30,INDEX(Jesper!$R$2:$R$366,ROW(INDEX(Jesper!AL$2:AL$366,ROUNDDOWN($C7484/24,0)+1,1))-1)+IF('Standard Profiles'!$G$22=$B$10,7,0)+IF('Standard Profiles'!$G$22=$B$17,14,0)+IF('Standard Profiles'!$G$22=$B$24,21,0),0)),0)</f>
        <v>0</v>
      </c>
      <c r="I7484">
        <f t="shared" si="832"/>
        <v>0.39086907706822599</v>
      </c>
      <c r="J7484">
        <f t="shared" si="833"/>
        <v>1.3028969235607535</v>
      </c>
      <c r="K7484">
        <f t="shared" si="834"/>
        <v>1.9543453853411299</v>
      </c>
      <c r="L7484">
        <f t="shared" si="835"/>
        <v>9.3808578496374242</v>
      </c>
      <c r="M7484">
        <f t="shared" si="836"/>
        <v>0</v>
      </c>
      <c r="N7484" s="46">
        <f t="shared" si="837"/>
        <v>45602.416666648598</v>
      </c>
    </row>
    <row r="7485" spans="2:14" x14ac:dyDescent="0.3">
      <c r="B7485">
        <f t="shared" si="831"/>
        <v>3</v>
      </c>
      <c r="C7485" s="16">
        <v>7451</v>
      </c>
      <c r="D7485" cm="1">
        <f t="array" ref="D7485">IFERROR(INDEX(Jesper!AH$2:AH$366,ROUNDDOWN($C7485/24,0)+1,1)*INDEX($D$3:$AA$30,INDEX(Jesper!$R$2:$R$366,ROW(INDEX(Jesper!AH$2:AH$366,ROUNDDOWN($C7485/24,0)+1,1))-1)+IF('Standard Profiles'!$G$18=$B$10,7,0)+IF('Standard Profiles'!$G$18=$B$17,14,0)+IF('Standard Profiles'!$G$18=$B$24,21,0),MOD($C7485,24)+1)/SUM(INDEX($D$3:$AA$30,INDEX(Jesper!$R$2:$R$366,ROW(INDEX(Jesper!AH$2:AH$366,ROUNDDOWN($C7485/24,0)+1,1))-1)+IF('Standard Profiles'!$G$18=$B$10,7,0)+IF('Standard Profiles'!$G$18=$B$17,14,0)+IF('Standard Profiles'!$G$18=$B$24,21,0),0)),0)</f>
        <v>15.033426041085619</v>
      </c>
      <c r="E7485" cm="1">
        <f t="array" ref="E7485">IFERROR(INDEX(Jesper!AI$2:AI$366,ROUNDDOWN($C7485/24,0)+1,1)*INDEX($D$3:$AA$30,INDEX(Jesper!$R$2:$R$366,ROW(INDEX(Jesper!AI$2:AI$366,ROUNDDOWN($C7485/24,0)+1,1))-1)+IF('Standard Profiles'!$G$19=$B$10,7,0)+IF('Standard Profiles'!$G$19=$B$17,14,0)+IF('Standard Profiles'!$G$19=$B$24,21,0),MOD($C7485,24)+1)/SUM(INDEX($D$3:$AA$30,INDEX(Jesper!$R$2:$R$366,ROW(INDEX(Jesper!AI$2:AI$366,ROUNDDOWN($C7485/24,0)+1,1))-1)+IF('Standard Profiles'!$G$19=$B$10,7,0)+IF('Standard Profiles'!$G$19=$B$17,14,0)+IF('Standard Profiles'!$G$19=$B$24,21,0),0)),0)</f>
        <v>0</v>
      </c>
      <c r="F7485" cm="1">
        <f t="array" ref="F7485">IFERROR(INDEX(Jesper!AJ$2:AJ$366,ROUNDDOWN($C7485/24,0)+1,1)*INDEX($D$3:$AA$30,INDEX(Jesper!$R$2:$R$366,ROW(INDEX(Jesper!AJ$2:AJ$366,ROUNDDOWN($C7485/24,0)+1,1))-1)+IF('Standard Profiles'!$G$20=$B$10,7,0)+IF('Standard Profiles'!$G$20=$B$17,14,0)+IF('Standard Profiles'!$G$20=$B$24,21,0),MOD($C7485,24)+1)/SUM(INDEX($D$3:$AA$30,INDEX(Jesper!$R$2:$R$366,ROW(INDEX(Jesper!AJ$2:AJ$366,ROUNDDOWN($C7485/24,0)+1,1))-1)+IF('Standard Profiles'!$G$20=$B$10,7,0)+IF('Standard Profiles'!$G$20=$B$17,14,0)+IF('Standard Profiles'!$G$20=$B$24,21,0),0)),0)</f>
        <v>0</v>
      </c>
      <c r="G7485" cm="1">
        <f t="array" ref="G7485">IFERROR(INDEX(Jesper!AK$2:AK$366,ROUNDDOWN($C7485/24,0)+1,1)*INDEX($D$3:$AA$30,INDEX(Jesper!$R$2:$R$366,ROW(INDEX(Jesper!AK$2:AK$366,ROUNDDOWN($C7485/24,0)+1,1))-1)+IF('Standard Profiles'!$G$21=$B$10,7,0)+IF('Standard Profiles'!$G$21=$B$17,14,0)+IF('Standard Profiles'!$G$21=$B$24,21,0),MOD($C7485,24)+1)/SUM(INDEX($D$3:$AA$30,INDEX(Jesper!$R$2:$R$366,ROW(INDEX(Jesper!AK$2:AK$366,ROUNDDOWN($C7485/24,0)+1,1))-1)+IF('Standard Profiles'!$G$21=$B$10,7,0)+IF('Standard Profiles'!$G$21=$B$17,14,0)+IF('Standard Profiles'!$G$21=$B$24,21,0),0)),0)</f>
        <v>0</v>
      </c>
      <c r="H7485" cm="1">
        <f t="array" ref="H7485">IFERROR(INDEX(Jesper!AL$2:AL$366,ROUNDDOWN($C7485/24,0)+1,1)*INDEX($D$3:$AA$30,INDEX(Jesper!$R$2:$R$366,ROW(INDEX(Jesper!AL$2:AL$366,ROUNDDOWN($C7485/24,0)+1,1))-1)+IF('Standard Profiles'!$G$22=$B$10,7,0)+IF('Standard Profiles'!$G$22=$B$17,14,0)+IF('Standard Profiles'!$G$22=$B$24,21,0),MOD($C7485,24)+1)/SUM(INDEX($D$3:$AA$30,INDEX(Jesper!$R$2:$R$366,ROW(INDEX(Jesper!AL$2:AL$366,ROUNDDOWN($C7485/24,0)+1,1))-1)+IF('Standard Profiles'!$G$22=$B$10,7,0)+IF('Standard Profiles'!$G$22=$B$17,14,0)+IF('Standard Profiles'!$G$22=$B$24,21,0),0)),0)</f>
        <v>0</v>
      </c>
      <c r="I7485">
        <f t="shared" si="832"/>
        <v>0.45100278123256854</v>
      </c>
      <c r="J7485">
        <f t="shared" si="833"/>
        <v>1.503342604108562</v>
      </c>
      <c r="K7485">
        <f t="shared" si="834"/>
        <v>2.2550139061628429</v>
      </c>
      <c r="L7485">
        <f t="shared" si="835"/>
        <v>10.824066749581645</v>
      </c>
      <c r="M7485">
        <f t="shared" si="836"/>
        <v>0</v>
      </c>
      <c r="N7485" s="46">
        <f t="shared" si="837"/>
        <v>45602.458333315262</v>
      </c>
    </row>
    <row r="7486" spans="2:14" x14ac:dyDescent="0.3">
      <c r="B7486">
        <f t="shared" si="831"/>
        <v>3</v>
      </c>
      <c r="C7486" s="16">
        <v>7452</v>
      </c>
      <c r="D7486" cm="1">
        <f t="array" ref="D7486">IFERROR(INDEX(Jesper!AH$2:AH$366,ROUNDDOWN($C7486/24,0)+1,1)*INDEX($D$3:$AA$30,INDEX(Jesper!$R$2:$R$366,ROW(INDEX(Jesper!AH$2:AH$366,ROUNDDOWN($C7486/24,0)+1,1))-1)+IF('Standard Profiles'!$G$18=$B$10,7,0)+IF('Standard Profiles'!$G$18=$B$17,14,0)+IF('Standard Profiles'!$G$18=$B$24,21,0),MOD($C7486,24)+1)/SUM(INDEX($D$3:$AA$30,INDEX(Jesper!$R$2:$R$366,ROW(INDEX(Jesper!AH$2:AH$366,ROUNDDOWN($C7486/24,0)+1,1))-1)+IF('Standard Profiles'!$G$18=$B$10,7,0)+IF('Standard Profiles'!$G$18=$B$17,14,0)+IF('Standard Profiles'!$G$18=$B$24,21,0),0)),0)</f>
        <v>15.033426041085619</v>
      </c>
      <c r="E7486" cm="1">
        <f t="array" ref="E7486">IFERROR(INDEX(Jesper!AI$2:AI$366,ROUNDDOWN($C7486/24,0)+1,1)*INDEX($D$3:$AA$30,INDEX(Jesper!$R$2:$R$366,ROW(INDEX(Jesper!AI$2:AI$366,ROUNDDOWN($C7486/24,0)+1,1))-1)+IF('Standard Profiles'!$G$19=$B$10,7,0)+IF('Standard Profiles'!$G$19=$B$17,14,0)+IF('Standard Profiles'!$G$19=$B$24,21,0),MOD($C7486,24)+1)/SUM(INDEX($D$3:$AA$30,INDEX(Jesper!$R$2:$R$366,ROW(INDEX(Jesper!AI$2:AI$366,ROUNDDOWN($C7486/24,0)+1,1))-1)+IF('Standard Profiles'!$G$19=$B$10,7,0)+IF('Standard Profiles'!$G$19=$B$17,14,0)+IF('Standard Profiles'!$G$19=$B$24,21,0),0)),0)</f>
        <v>0</v>
      </c>
      <c r="F7486" cm="1">
        <f t="array" ref="F7486">IFERROR(INDEX(Jesper!AJ$2:AJ$366,ROUNDDOWN($C7486/24,0)+1,1)*INDEX($D$3:$AA$30,INDEX(Jesper!$R$2:$R$366,ROW(INDEX(Jesper!AJ$2:AJ$366,ROUNDDOWN($C7486/24,0)+1,1))-1)+IF('Standard Profiles'!$G$20=$B$10,7,0)+IF('Standard Profiles'!$G$20=$B$17,14,0)+IF('Standard Profiles'!$G$20=$B$24,21,0),MOD($C7486,24)+1)/SUM(INDEX($D$3:$AA$30,INDEX(Jesper!$R$2:$R$366,ROW(INDEX(Jesper!AJ$2:AJ$366,ROUNDDOWN($C7486/24,0)+1,1))-1)+IF('Standard Profiles'!$G$20=$B$10,7,0)+IF('Standard Profiles'!$G$20=$B$17,14,0)+IF('Standard Profiles'!$G$20=$B$24,21,0),0)),0)</f>
        <v>0</v>
      </c>
      <c r="G7486" cm="1">
        <f t="array" ref="G7486">IFERROR(INDEX(Jesper!AK$2:AK$366,ROUNDDOWN($C7486/24,0)+1,1)*INDEX($D$3:$AA$30,INDEX(Jesper!$R$2:$R$366,ROW(INDEX(Jesper!AK$2:AK$366,ROUNDDOWN($C7486/24,0)+1,1))-1)+IF('Standard Profiles'!$G$21=$B$10,7,0)+IF('Standard Profiles'!$G$21=$B$17,14,0)+IF('Standard Profiles'!$G$21=$B$24,21,0),MOD($C7486,24)+1)/SUM(INDEX($D$3:$AA$30,INDEX(Jesper!$R$2:$R$366,ROW(INDEX(Jesper!AK$2:AK$366,ROUNDDOWN($C7486/24,0)+1,1))-1)+IF('Standard Profiles'!$G$21=$B$10,7,0)+IF('Standard Profiles'!$G$21=$B$17,14,0)+IF('Standard Profiles'!$G$21=$B$24,21,0),0)),0)</f>
        <v>0</v>
      </c>
      <c r="H7486" cm="1">
        <f t="array" ref="H7486">IFERROR(INDEX(Jesper!AL$2:AL$366,ROUNDDOWN($C7486/24,0)+1,1)*INDEX($D$3:$AA$30,INDEX(Jesper!$R$2:$R$366,ROW(INDEX(Jesper!AL$2:AL$366,ROUNDDOWN($C7486/24,0)+1,1))-1)+IF('Standard Profiles'!$G$22=$B$10,7,0)+IF('Standard Profiles'!$G$22=$B$17,14,0)+IF('Standard Profiles'!$G$22=$B$24,21,0),MOD($C7486,24)+1)/SUM(INDEX($D$3:$AA$30,INDEX(Jesper!$R$2:$R$366,ROW(INDEX(Jesper!AL$2:AL$366,ROUNDDOWN($C7486/24,0)+1,1))-1)+IF('Standard Profiles'!$G$22=$B$10,7,0)+IF('Standard Profiles'!$G$22=$B$17,14,0)+IF('Standard Profiles'!$G$22=$B$24,21,0),0)),0)</f>
        <v>0</v>
      </c>
      <c r="I7486">
        <f t="shared" si="832"/>
        <v>0.45100278123256854</v>
      </c>
      <c r="J7486">
        <f t="shared" si="833"/>
        <v>1.503342604108562</v>
      </c>
      <c r="K7486">
        <f t="shared" si="834"/>
        <v>2.2550139061628429</v>
      </c>
      <c r="L7486">
        <f t="shared" si="835"/>
        <v>10.824066749581645</v>
      </c>
      <c r="M7486">
        <f t="shared" si="836"/>
        <v>0</v>
      </c>
      <c r="N7486" s="46">
        <f t="shared" si="837"/>
        <v>45602.499999981927</v>
      </c>
    </row>
    <row r="7487" spans="2:14" x14ac:dyDescent="0.3">
      <c r="B7487">
        <f t="shared" si="831"/>
        <v>3</v>
      </c>
      <c r="C7487" s="16">
        <v>7453</v>
      </c>
      <c r="D7487" cm="1">
        <f t="array" ref="D7487">IFERROR(INDEX(Jesper!AH$2:AH$366,ROUNDDOWN($C7487/24,0)+1,1)*INDEX($D$3:$AA$30,INDEX(Jesper!$R$2:$R$366,ROW(INDEX(Jesper!AH$2:AH$366,ROUNDDOWN($C7487/24,0)+1,1))-1)+IF('Standard Profiles'!$G$18=$B$10,7,0)+IF('Standard Profiles'!$G$18=$B$17,14,0)+IF('Standard Profiles'!$G$18=$B$24,21,0),MOD($C7487,24)+1)/SUM(INDEX($D$3:$AA$30,INDEX(Jesper!$R$2:$R$366,ROW(INDEX(Jesper!AH$2:AH$366,ROUNDDOWN($C7487/24,0)+1,1))-1)+IF('Standard Profiles'!$G$18=$B$10,7,0)+IF('Standard Profiles'!$G$18=$B$17,14,0)+IF('Standard Profiles'!$G$18=$B$24,21,0),0)),0)</f>
        <v>15.033426041085619</v>
      </c>
      <c r="E7487" cm="1">
        <f t="array" ref="E7487">IFERROR(INDEX(Jesper!AI$2:AI$366,ROUNDDOWN($C7487/24,0)+1,1)*INDEX($D$3:$AA$30,INDEX(Jesper!$R$2:$R$366,ROW(INDEX(Jesper!AI$2:AI$366,ROUNDDOWN($C7487/24,0)+1,1))-1)+IF('Standard Profiles'!$G$19=$B$10,7,0)+IF('Standard Profiles'!$G$19=$B$17,14,0)+IF('Standard Profiles'!$G$19=$B$24,21,0),MOD($C7487,24)+1)/SUM(INDEX($D$3:$AA$30,INDEX(Jesper!$R$2:$R$366,ROW(INDEX(Jesper!AI$2:AI$366,ROUNDDOWN($C7487/24,0)+1,1))-1)+IF('Standard Profiles'!$G$19=$B$10,7,0)+IF('Standard Profiles'!$G$19=$B$17,14,0)+IF('Standard Profiles'!$G$19=$B$24,21,0),0)),0)</f>
        <v>0</v>
      </c>
      <c r="F7487" cm="1">
        <f t="array" ref="F7487">IFERROR(INDEX(Jesper!AJ$2:AJ$366,ROUNDDOWN($C7487/24,0)+1,1)*INDEX($D$3:$AA$30,INDEX(Jesper!$R$2:$R$366,ROW(INDEX(Jesper!AJ$2:AJ$366,ROUNDDOWN($C7487/24,0)+1,1))-1)+IF('Standard Profiles'!$G$20=$B$10,7,0)+IF('Standard Profiles'!$G$20=$B$17,14,0)+IF('Standard Profiles'!$G$20=$B$24,21,0),MOD($C7487,24)+1)/SUM(INDEX($D$3:$AA$30,INDEX(Jesper!$R$2:$R$366,ROW(INDEX(Jesper!AJ$2:AJ$366,ROUNDDOWN($C7487/24,0)+1,1))-1)+IF('Standard Profiles'!$G$20=$B$10,7,0)+IF('Standard Profiles'!$G$20=$B$17,14,0)+IF('Standard Profiles'!$G$20=$B$24,21,0),0)),0)</f>
        <v>0</v>
      </c>
      <c r="G7487" cm="1">
        <f t="array" ref="G7487">IFERROR(INDEX(Jesper!AK$2:AK$366,ROUNDDOWN($C7487/24,0)+1,1)*INDEX($D$3:$AA$30,INDEX(Jesper!$R$2:$R$366,ROW(INDEX(Jesper!AK$2:AK$366,ROUNDDOWN($C7487/24,0)+1,1))-1)+IF('Standard Profiles'!$G$21=$B$10,7,0)+IF('Standard Profiles'!$G$21=$B$17,14,0)+IF('Standard Profiles'!$G$21=$B$24,21,0),MOD($C7487,24)+1)/SUM(INDEX($D$3:$AA$30,INDEX(Jesper!$R$2:$R$366,ROW(INDEX(Jesper!AK$2:AK$366,ROUNDDOWN($C7487/24,0)+1,1))-1)+IF('Standard Profiles'!$G$21=$B$10,7,0)+IF('Standard Profiles'!$G$21=$B$17,14,0)+IF('Standard Profiles'!$G$21=$B$24,21,0),0)),0)</f>
        <v>0</v>
      </c>
      <c r="H7487" cm="1">
        <f t="array" ref="H7487">IFERROR(INDEX(Jesper!AL$2:AL$366,ROUNDDOWN($C7487/24,0)+1,1)*INDEX($D$3:$AA$30,INDEX(Jesper!$R$2:$R$366,ROW(INDEX(Jesper!AL$2:AL$366,ROUNDDOWN($C7487/24,0)+1,1))-1)+IF('Standard Profiles'!$G$22=$B$10,7,0)+IF('Standard Profiles'!$G$22=$B$17,14,0)+IF('Standard Profiles'!$G$22=$B$24,21,0),MOD($C7487,24)+1)/SUM(INDEX($D$3:$AA$30,INDEX(Jesper!$R$2:$R$366,ROW(INDEX(Jesper!AL$2:AL$366,ROUNDDOWN($C7487/24,0)+1,1))-1)+IF('Standard Profiles'!$G$22=$B$10,7,0)+IF('Standard Profiles'!$G$22=$B$17,14,0)+IF('Standard Profiles'!$G$22=$B$24,21,0),0)),0)</f>
        <v>0</v>
      </c>
      <c r="I7487">
        <f t="shared" si="832"/>
        <v>0.45100278123256854</v>
      </c>
      <c r="J7487">
        <f t="shared" si="833"/>
        <v>1.503342604108562</v>
      </c>
      <c r="K7487">
        <f t="shared" si="834"/>
        <v>2.2550139061628429</v>
      </c>
      <c r="L7487">
        <f t="shared" si="835"/>
        <v>10.824066749581645</v>
      </c>
      <c r="M7487">
        <f t="shared" si="836"/>
        <v>0</v>
      </c>
      <c r="N7487" s="46">
        <f t="shared" si="837"/>
        <v>45602.541666648591</v>
      </c>
    </row>
    <row r="7488" spans="2:14" x14ac:dyDescent="0.3">
      <c r="B7488">
        <f t="shared" si="831"/>
        <v>3</v>
      </c>
      <c r="C7488" s="16">
        <v>7454</v>
      </c>
      <c r="D7488" cm="1">
        <f t="array" ref="D7488">IFERROR(INDEX(Jesper!AH$2:AH$366,ROUNDDOWN($C7488/24,0)+1,1)*INDEX($D$3:$AA$30,INDEX(Jesper!$R$2:$R$366,ROW(INDEX(Jesper!AH$2:AH$366,ROUNDDOWN($C7488/24,0)+1,1))-1)+IF('Standard Profiles'!$G$18=$B$10,7,0)+IF('Standard Profiles'!$G$18=$B$17,14,0)+IF('Standard Profiles'!$G$18=$B$24,21,0),MOD($C7488,24)+1)/SUM(INDEX($D$3:$AA$30,INDEX(Jesper!$R$2:$R$366,ROW(INDEX(Jesper!AH$2:AH$366,ROUNDDOWN($C7488/24,0)+1,1))-1)+IF('Standard Profiles'!$G$18=$B$10,7,0)+IF('Standard Profiles'!$G$18=$B$17,14,0)+IF('Standard Profiles'!$G$18=$B$24,21,0),0)),0)</f>
        <v>15.033426041085619</v>
      </c>
      <c r="E7488" cm="1">
        <f t="array" ref="E7488">IFERROR(INDEX(Jesper!AI$2:AI$366,ROUNDDOWN($C7488/24,0)+1,1)*INDEX($D$3:$AA$30,INDEX(Jesper!$R$2:$R$366,ROW(INDEX(Jesper!AI$2:AI$366,ROUNDDOWN($C7488/24,0)+1,1))-1)+IF('Standard Profiles'!$G$19=$B$10,7,0)+IF('Standard Profiles'!$G$19=$B$17,14,0)+IF('Standard Profiles'!$G$19=$B$24,21,0),MOD($C7488,24)+1)/SUM(INDEX($D$3:$AA$30,INDEX(Jesper!$R$2:$R$366,ROW(INDEX(Jesper!AI$2:AI$366,ROUNDDOWN($C7488/24,0)+1,1))-1)+IF('Standard Profiles'!$G$19=$B$10,7,0)+IF('Standard Profiles'!$G$19=$B$17,14,0)+IF('Standard Profiles'!$G$19=$B$24,21,0),0)),0)</f>
        <v>0</v>
      </c>
      <c r="F7488" cm="1">
        <f t="array" ref="F7488">IFERROR(INDEX(Jesper!AJ$2:AJ$366,ROUNDDOWN($C7488/24,0)+1,1)*INDEX($D$3:$AA$30,INDEX(Jesper!$R$2:$R$366,ROW(INDEX(Jesper!AJ$2:AJ$366,ROUNDDOWN($C7488/24,0)+1,1))-1)+IF('Standard Profiles'!$G$20=$B$10,7,0)+IF('Standard Profiles'!$G$20=$B$17,14,0)+IF('Standard Profiles'!$G$20=$B$24,21,0),MOD($C7488,24)+1)/SUM(INDEX($D$3:$AA$30,INDEX(Jesper!$R$2:$R$366,ROW(INDEX(Jesper!AJ$2:AJ$366,ROUNDDOWN($C7488/24,0)+1,1))-1)+IF('Standard Profiles'!$G$20=$B$10,7,0)+IF('Standard Profiles'!$G$20=$B$17,14,0)+IF('Standard Profiles'!$G$20=$B$24,21,0),0)),0)</f>
        <v>0</v>
      </c>
      <c r="G7488" cm="1">
        <f t="array" ref="G7488">IFERROR(INDEX(Jesper!AK$2:AK$366,ROUNDDOWN($C7488/24,0)+1,1)*INDEX($D$3:$AA$30,INDEX(Jesper!$R$2:$R$366,ROW(INDEX(Jesper!AK$2:AK$366,ROUNDDOWN($C7488/24,0)+1,1))-1)+IF('Standard Profiles'!$G$21=$B$10,7,0)+IF('Standard Profiles'!$G$21=$B$17,14,0)+IF('Standard Profiles'!$G$21=$B$24,21,0),MOD($C7488,24)+1)/SUM(INDEX($D$3:$AA$30,INDEX(Jesper!$R$2:$R$366,ROW(INDEX(Jesper!AK$2:AK$366,ROUNDDOWN($C7488/24,0)+1,1))-1)+IF('Standard Profiles'!$G$21=$B$10,7,0)+IF('Standard Profiles'!$G$21=$B$17,14,0)+IF('Standard Profiles'!$G$21=$B$24,21,0),0)),0)</f>
        <v>0</v>
      </c>
      <c r="H7488" cm="1">
        <f t="array" ref="H7488">IFERROR(INDEX(Jesper!AL$2:AL$366,ROUNDDOWN($C7488/24,0)+1,1)*INDEX($D$3:$AA$30,INDEX(Jesper!$R$2:$R$366,ROW(INDEX(Jesper!AL$2:AL$366,ROUNDDOWN($C7488/24,0)+1,1))-1)+IF('Standard Profiles'!$G$22=$B$10,7,0)+IF('Standard Profiles'!$G$22=$B$17,14,0)+IF('Standard Profiles'!$G$22=$B$24,21,0),MOD($C7488,24)+1)/SUM(INDEX($D$3:$AA$30,INDEX(Jesper!$R$2:$R$366,ROW(INDEX(Jesper!AL$2:AL$366,ROUNDDOWN($C7488/24,0)+1,1))-1)+IF('Standard Profiles'!$G$22=$B$10,7,0)+IF('Standard Profiles'!$G$22=$B$17,14,0)+IF('Standard Profiles'!$G$22=$B$24,21,0),0)),0)</f>
        <v>0</v>
      </c>
      <c r="I7488">
        <f t="shared" si="832"/>
        <v>0.45100278123256854</v>
      </c>
      <c r="J7488">
        <f t="shared" si="833"/>
        <v>1.503342604108562</v>
      </c>
      <c r="K7488">
        <f t="shared" si="834"/>
        <v>2.2550139061628429</v>
      </c>
      <c r="L7488">
        <f t="shared" si="835"/>
        <v>10.824066749581645</v>
      </c>
      <c r="M7488">
        <f t="shared" si="836"/>
        <v>0</v>
      </c>
      <c r="N7488" s="46">
        <f t="shared" si="837"/>
        <v>45602.583333315255</v>
      </c>
    </row>
    <row r="7489" spans="2:14" x14ac:dyDescent="0.3">
      <c r="B7489">
        <f t="shared" si="831"/>
        <v>3</v>
      </c>
      <c r="C7489" s="16">
        <v>7455</v>
      </c>
      <c r="D7489" cm="1">
        <f t="array" ref="D7489">IFERROR(INDEX(Jesper!AH$2:AH$366,ROUNDDOWN($C7489/24,0)+1,1)*INDEX($D$3:$AA$30,INDEX(Jesper!$R$2:$R$366,ROW(INDEX(Jesper!AH$2:AH$366,ROUNDDOWN($C7489/24,0)+1,1))-1)+IF('Standard Profiles'!$G$18=$B$10,7,0)+IF('Standard Profiles'!$G$18=$B$17,14,0)+IF('Standard Profiles'!$G$18=$B$24,21,0),MOD($C7489,24)+1)/SUM(INDEX($D$3:$AA$30,INDEX(Jesper!$R$2:$R$366,ROW(INDEX(Jesper!AH$2:AH$366,ROUNDDOWN($C7489/24,0)+1,1))-1)+IF('Standard Profiles'!$G$18=$B$10,7,0)+IF('Standard Profiles'!$G$18=$B$17,14,0)+IF('Standard Profiles'!$G$18=$B$24,21,0),0)),0)</f>
        <v>15.033426041085619</v>
      </c>
      <c r="E7489" cm="1">
        <f t="array" ref="E7489">IFERROR(INDEX(Jesper!AI$2:AI$366,ROUNDDOWN($C7489/24,0)+1,1)*INDEX($D$3:$AA$30,INDEX(Jesper!$R$2:$R$366,ROW(INDEX(Jesper!AI$2:AI$366,ROUNDDOWN($C7489/24,0)+1,1))-1)+IF('Standard Profiles'!$G$19=$B$10,7,0)+IF('Standard Profiles'!$G$19=$B$17,14,0)+IF('Standard Profiles'!$G$19=$B$24,21,0),MOD($C7489,24)+1)/SUM(INDEX($D$3:$AA$30,INDEX(Jesper!$R$2:$R$366,ROW(INDEX(Jesper!AI$2:AI$366,ROUNDDOWN($C7489/24,0)+1,1))-1)+IF('Standard Profiles'!$G$19=$B$10,7,0)+IF('Standard Profiles'!$G$19=$B$17,14,0)+IF('Standard Profiles'!$G$19=$B$24,21,0),0)),0)</f>
        <v>0</v>
      </c>
      <c r="F7489" cm="1">
        <f t="array" ref="F7489">IFERROR(INDEX(Jesper!AJ$2:AJ$366,ROUNDDOWN($C7489/24,0)+1,1)*INDEX($D$3:$AA$30,INDEX(Jesper!$R$2:$R$366,ROW(INDEX(Jesper!AJ$2:AJ$366,ROUNDDOWN($C7489/24,0)+1,1))-1)+IF('Standard Profiles'!$G$20=$B$10,7,0)+IF('Standard Profiles'!$G$20=$B$17,14,0)+IF('Standard Profiles'!$G$20=$B$24,21,0),MOD($C7489,24)+1)/SUM(INDEX($D$3:$AA$30,INDEX(Jesper!$R$2:$R$366,ROW(INDEX(Jesper!AJ$2:AJ$366,ROUNDDOWN($C7489/24,0)+1,1))-1)+IF('Standard Profiles'!$G$20=$B$10,7,0)+IF('Standard Profiles'!$G$20=$B$17,14,0)+IF('Standard Profiles'!$G$20=$B$24,21,0),0)),0)</f>
        <v>0</v>
      </c>
      <c r="G7489" cm="1">
        <f t="array" ref="G7489">IFERROR(INDEX(Jesper!AK$2:AK$366,ROUNDDOWN($C7489/24,0)+1,1)*INDEX($D$3:$AA$30,INDEX(Jesper!$R$2:$R$366,ROW(INDEX(Jesper!AK$2:AK$366,ROUNDDOWN($C7489/24,0)+1,1))-1)+IF('Standard Profiles'!$G$21=$B$10,7,0)+IF('Standard Profiles'!$G$21=$B$17,14,0)+IF('Standard Profiles'!$G$21=$B$24,21,0),MOD($C7489,24)+1)/SUM(INDEX($D$3:$AA$30,INDEX(Jesper!$R$2:$R$366,ROW(INDEX(Jesper!AK$2:AK$366,ROUNDDOWN($C7489/24,0)+1,1))-1)+IF('Standard Profiles'!$G$21=$B$10,7,0)+IF('Standard Profiles'!$G$21=$B$17,14,0)+IF('Standard Profiles'!$G$21=$B$24,21,0),0)),0)</f>
        <v>0</v>
      </c>
      <c r="H7489" cm="1">
        <f t="array" ref="H7489">IFERROR(INDEX(Jesper!AL$2:AL$366,ROUNDDOWN($C7489/24,0)+1,1)*INDEX($D$3:$AA$30,INDEX(Jesper!$R$2:$R$366,ROW(INDEX(Jesper!AL$2:AL$366,ROUNDDOWN($C7489/24,0)+1,1))-1)+IF('Standard Profiles'!$G$22=$B$10,7,0)+IF('Standard Profiles'!$G$22=$B$17,14,0)+IF('Standard Profiles'!$G$22=$B$24,21,0),MOD($C7489,24)+1)/SUM(INDEX($D$3:$AA$30,INDEX(Jesper!$R$2:$R$366,ROW(INDEX(Jesper!AL$2:AL$366,ROUNDDOWN($C7489/24,0)+1,1))-1)+IF('Standard Profiles'!$G$22=$B$10,7,0)+IF('Standard Profiles'!$G$22=$B$17,14,0)+IF('Standard Profiles'!$G$22=$B$24,21,0),0)),0)</f>
        <v>0</v>
      </c>
      <c r="I7489">
        <f t="shared" si="832"/>
        <v>0.45100278123256854</v>
      </c>
      <c r="J7489">
        <f t="shared" si="833"/>
        <v>1.503342604108562</v>
      </c>
      <c r="K7489">
        <f t="shared" si="834"/>
        <v>2.2550139061628429</v>
      </c>
      <c r="L7489">
        <f t="shared" si="835"/>
        <v>10.824066749581645</v>
      </c>
      <c r="M7489">
        <f t="shared" si="836"/>
        <v>0</v>
      </c>
      <c r="N7489" s="46">
        <f t="shared" si="837"/>
        <v>45602.624999981919</v>
      </c>
    </row>
    <row r="7490" spans="2:14" x14ac:dyDescent="0.3">
      <c r="B7490">
        <f t="shared" si="831"/>
        <v>3</v>
      </c>
      <c r="C7490" s="16">
        <v>7456</v>
      </c>
      <c r="D7490" cm="1">
        <f t="array" ref="D7490">IFERROR(INDEX(Jesper!AH$2:AH$366,ROUNDDOWN($C7490/24,0)+1,1)*INDEX($D$3:$AA$30,INDEX(Jesper!$R$2:$R$366,ROW(INDEX(Jesper!AH$2:AH$366,ROUNDDOWN($C7490/24,0)+1,1))-1)+IF('Standard Profiles'!$G$18=$B$10,7,0)+IF('Standard Profiles'!$G$18=$B$17,14,0)+IF('Standard Profiles'!$G$18=$B$24,21,0),MOD($C7490,24)+1)/SUM(INDEX($D$3:$AA$30,INDEX(Jesper!$R$2:$R$366,ROW(INDEX(Jesper!AH$2:AH$366,ROUNDDOWN($C7490/24,0)+1,1))-1)+IF('Standard Profiles'!$G$18=$B$10,7,0)+IF('Standard Profiles'!$G$18=$B$17,14,0)+IF('Standard Profiles'!$G$18=$B$24,21,0),0)),0)</f>
        <v>15.033426041085619</v>
      </c>
      <c r="E7490" cm="1">
        <f t="array" ref="E7490">IFERROR(INDEX(Jesper!AI$2:AI$366,ROUNDDOWN($C7490/24,0)+1,1)*INDEX($D$3:$AA$30,INDEX(Jesper!$R$2:$R$366,ROW(INDEX(Jesper!AI$2:AI$366,ROUNDDOWN($C7490/24,0)+1,1))-1)+IF('Standard Profiles'!$G$19=$B$10,7,0)+IF('Standard Profiles'!$G$19=$B$17,14,0)+IF('Standard Profiles'!$G$19=$B$24,21,0),MOD($C7490,24)+1)/SUM(INDEX($D$3:$AA$30,INDEX(Jesper!$R$2:$R$366,ROW(INDEX(Jesper!AI$2:AI$366,ROUNDDOWN($C7490/24,0)+1,1))-1)+IF('Standard Profiles'!$G$19=$B$10,7,0)+IF('Standard Profiles'!$G$19=$B$17,14,0)+IF('Standard Profiles'!$G$19=$B$24,21,0),0)),0)</f>
        <v>0</v>
      </c>
      <c r="F7490" cm="1">
        <f t="array" ref="F7490">IFERROR(INDEX(Jesper!AJ$2:AJ$366,ROUNDDOWN($C7490/24,0)+1,1)*INDEX($D$3:$AA$30,INDEX(Jesper!$R$2:$R$366,ROW(INDEX(Jesper!AJ$2:AJ$366,ROUNDDOWN($C7490/24,0)+1,1))-1)+IF('Standard Profiles'!$G$20=$B$10,7,0)+IF('Standard Profiles'!$G$20=$B$17,14,0)+IF('Standard Profiles'!$G$20=$B$24,21,0),MOD($C7490,24)+1)/SUM(INDEX($D$3:$AA$30,INDEX(Jesper!$R$2:$R$366,ROW(INDEX(Jesper!AJ$2:AJ$366,ROUNDDOWN($C7490/24,0)+1,1))-1)+IF('Standard Profiles'!$G$20=$B$10,7,0)+IF('Standard Profiles'!$G$20=$B$17,14,0)+IF('Standard Profiles'!$G$20=$B$24,21,0),0)),0)</f>
        <v>0</v>
      </c>
      <c r="G7490" cm="1">
        <f t="array" ref="G7490">IFERROR(INDEX(Jesper!AK$2:AK$366,ROUNDDOWN($C7490/24,0)+1,1)*INDEX($D$3:$AA$30,INDEX(Jesper!$R$2:$R$366,ROW(INDEX(Jesper!AK$2:AK$366,ROUNDDOWN($C7490/24,0)+1,1))-1)+IF('Standard Profiles'!$G$21=$B$10,7,0)+IF('Standard Profiles'!$G$21=$B$17,14,0)+IF('Standard Profiles'!$G$21=$B$24,21,0),MOD($C7490,24)+1)/SUM(INDEX($D$3:$AA$30,INDEX(Jesper!$R$2:$R$366,ROW(INDEX(Jesper!AK$2:AK$366,ROUNDDOWN($C7490/24,0)+1,1))-1)+IF('Standard Profiles'!$G$21=$B$10,7,0)+IF('Standard Profiles'!$G$21=$B$17,14,0)+IF('Standard Profiles'!$G$21=$B$24,21,0),0)),0)</f>
        <v>0</v>
      </c>
      <c r="H7490" cm="1">
        <f t="array" ref="H7490">IFERROR(INDEX(Jesper!AL$2:AL$366,ROUNDDOWN($C7490/24,0)+1,1)*INDEX($D$3:$AA$30,INDEX(Jesper!$R$2:$R$366,ROW(INDEX(Jesper!AL$2:AL$366,ROUNDDOWN($C7490/24,0)+1,1))-1)+IF('Standard Profiles'!$G$22=$B$10,7,0)+IF('Standard Profiles'!$G$22=$B$17,14,0)+IF('Standard Profiles'!$G$22=$B$24,21,0),MOD($C7490,24)+1)/SUM(INDEX($D$3:$AA$30,INDEX(Jesper!$R$2:$R$366,ROW(INDEX(Jesper!AL$2:AL$366,ROUNDDOWN($C7490/24,0)+1,1))-1)+IF('Standard Profiles'!$G$22=$B$10,7,0)+IF('Standard Profiles'!$G$22=$B$17,14,0)+IF('Standard Profiles'!$G$22=$B$24,21,0),0)),0)</f>
        <v>0</v>
      </c>
      <c r="I7490">
        <f t="shared" si="832"/>
        <v>0.45100278123256854</v>
      </c>
      <c r="J7490">
        <f t="shared" si="833"/>
        <v>1.503342604108562</v>
      </c>
      <c r="K7490">
        <f t="shared" si="834"/>
        <v>2.2550139061628429</v>
      </c>
      <c r="L7490">
        <f t="shared" si="835"/>
        <v>10.824066749581645</v>
      </c>
      <c r="M7490">
        <f t="shared" si="836"/>
        <v>0</v>
      </c>
      <c r="N7490" s="46">
        <f t="shared" si="837"/>
        <v>45602.666666648583</v>
      </c>
    </row>
    <row r="7491" spans="2:14" x14ac:dyDescent="0.3">
      <c r="B7491">
        <f t="shared" si="831"/>
        <v>3</v>
      </c>
      <c r="C7491" s="16">
        <v>7457</v>
      </c>
      <c r="D7491" cm="1">
        <f t="array" ref="D7491">IFERROR(INDEX(Jesper!AH$2:AH$366,ROUNDDOWN($C7491/24,0)+1,1)*INDEX($D$3:$AA$30,INDEX(Jesper!$R$2:$R$366,ROW(INDEX(Jesper!AH$2:AH$366,ROUNDDOWN($C7491/24,0)+1,1))-1)+IF('Standard Profiles'!$G$18=$B$10,7,0)+IF('Standard Profiles'!$G$18=$B$17,14,0)+IF('Standard Profiles'!$G$18=$B$24,21,0),MOD($C7491,24)+1)/SUM(INDEX($D$3:$AA$30,INDEX(Jesper!$R$2:$R$366,ROW(INDEX(Jesper!AH$2:AH$366,ROUNDDOWN($C7491/24,0)+1,1))-1)+IF('Standard Profiles'!$G$18=$B$10,7,0)+IF('Standard Profiles'!$G$18=$B$17,14,0)+IF('Standard Profiles'!$G$18=$B$24,21,0),0)),0)</f>
        <v>15.033426041085619</v>
      </c>
      <c r="E7491" cm="1">
        <f t="array" ref="E7491">IFERROR(INDEX(Jesper!AI$2:AI$366,ROUNDDOWN($C7491/24,0)+1,1)*INDEX($D$3:$AA$30,INDEX(Jesper!$R$2:$R$366,ROW(INDEX(Jesper!AI$2:AI$366,ROUNDDOWN($C7491/24,0)+1,1))-1)+IF('Standard Profiles'!$G$19=$B$10,7,0)+IF('Standard Profiles'!$G$19=$B$17,14,0)+IF('Standard Profiles'!$G$19=$B$24,21,0),MOD($C7491,24)+1)/SUM(INDEX($D$3:$AA$30,INDEX(Jesper!$R$2:$R$366,ROW(INDEX(Jesper!AI$2:AI$366,ROUNDDOWN($C7491/24,0)+1,1))-1)+IF('Standard Profiles'!$G$19=$B$10,7,0)+IF('Standard Profiles'!$G$19=$B$17,14,0)+IF('Standard Profiles'!$G$19=$B$24,21,0),0)),0)</f>
        <v>0</v>
      </c>
      <c r="F7491" cm="1">
        <f t="array" ref="F7491">IFERROR(INDEX(Jesper!AJ$2:AJ$366,ROUNDDOWN($C7491/24,0)+1,1)*INDEX($D$3:$AA$30,INDEX(Jesper!$R$2:$R$366,ROW(INDEX(Jesper!AJ$2:AJ$366,ROUNDDOWN($C7491/24,0)+1,1))-1)+IF('Standard Profiles'!$G$20=$B$10,7,0)+IF('Standard Profiles'!$G$20=$B$17,14,0)+IF('Standard Profiles'!$G$20=$B$24,21,0),MOD($C7491,24)+1)/SUM(INDEX($D$3:$AA$30,INDEX(Jesper!$R$2:$R$366,ROW(INDEX(Jesper!AJ$2:AJ$366,ROUNDDOWN($C7491/24,0)+1,1))-1)+IF('Standard Profiles'!$G$20=$B$10,7,0)+IF('Standard Profiles'!$G$20=$B$17,14,0)+IF('Standard Profiles'!$G$20=$B$24,21,0),0)),0)</f>
        <v>0</v>
      </c>
      <c r="G7491" cm="1">
        <f t="array" ref="G7491">IFERROR(INDEX(Jesper!AK$2:AK$366,ROUNDDOWN($C7491/24,0)+1,1)*INDEX($D$3:$AA$30,INDEX(Jesper!$R$2:$R$366,ROW(INDEX(Jesper!AK$2:AK$366,ROUNDDOWN($C7491/24,0)+1,1))-1)+IF('Standard Profiles'!$G$21=$B$10,7,0)+IF('Standard Profiles'!$G$21=$B$17,14,0)+IF('Standard Profiles'!$G$21=$B$24,21,0),MOD($C7491,24)+1)/SUM(INDEX($D$3:$AA$30,INDEX(Jesper!$R$2:$R$366,ROW(INDEX(Jesper!AK$2:AK$366,ROUNDDOWN($C7491/24,0)+1,1))-1)+IF('Standard Profiles'!$G$21=$B$10,7,0)+IF('Standard Profiles'!$G$21=$B$17,14,0)+IF('Standard Profiles'!$G$21=$B$24,21,0),0)),0)</f>
        <v>0</v>
      </c>
      <c r="H7491" cm="1">
        <f t="array" ref="H7491">IFERROR(INDEX(Jesper!AL$2:AL$366,ROUNDDOWN($C7491/24,0)+1,1)*INDEX($D$3:$AA$30,INDEX(Jesper!$R$2:$R$366,ROW(INDEX(Jesper!AL$2:AL$366,ROUNDDOWN($C7491/24,0)+1,1))-1)+IF('Standard Profiles'!$G$22=$B$10,7,0)+IF('Standard Profiles'!$G$22=$B$17,14,0)+IF('Standard Profiles'!$G$22=$B$24,21,0),MOD($C7491,24)+1)/SUM(INDEX($D$3:$AA$30,INDEX(Jesper!$R$2:$R$366,ROW(INDEX(Jesper!AL$2:AL$366,ROUNDDOWN($C7491/24,0)+1,1))-1)+IF('Standard Profiles'!$G$22=$B$10,7,0)+IF('Standard Profiles'!$G$22=$B$17,14,0)+IF('Standard Profiles'!$G$22=$B$24,21,0),0)),0)</f>
        <v>0</v>
      </c>
      <c r="I7491">
        <f t="shared" si="832"/>
        <v>0.45100278123256854</v>
      </c>
      <c r="J7491">
        <f t="shared" si="833"/>
        <v>1.503342604108562</v>
      </c>
      <c r="K7491">
        <f t="shared" si="834"/>
        <v>2.2550139061628429</v>
      </c>
      <c r="L7491">
        <f t="shared" si="835"/>
        <v>10.824066749581645</v>
      </c>
      <c r="M7491">
        <f t="shared" si="836"/>
        <v>0</v>
      </c>
      <c r="N7491" s="46">
        <f t="shared" si="837"/>
        <v>45602.708333315248</v>
      </c>
    </row>
    <row r="7492" spans="2:14" x14ac:dyDescent="0.3">
      <c r="B7492">
        <f t="shared" si="831"/>
        <v>3</v>
      </c>
      <c r="C7492" s="16">
        <v>7458</v>
      </c>
      <c r="D7492" cm="1">
        <f t="array" ref="D7492">IFERROR(INDEX(Jesper!AH$2:AH$366,ROUNDDOWN($C7492/24,0)+1,1)*INDEX($D$3:$AA$30,INDEX(Jesper!$R$2:$R$366,ROW(INDEX(Jesper!AH$2:AH$366,ROUNDDOWN($C7492/24,0)+1,1))-1)+IF('Standard Profiles'!$G$18=$B$10,7,0)+IF('Standard Profiles'!$G$18=$B$17,14,0)+IF('Standard Profiles'!$G$18=$B$24,21,0),MOD($C7492,24)+1)/SUM(INDEX($D$3:$AA$30,INDEX(Jesper!$R$2:$R$366,ROW(INDEX(Jesper!AH$2:AH$366,ROUNDDOWN($C7492/24,0)+1,1))-1)+IF('Standard Profiles'!$G$18=$B$10,7,0)+IF('Standard Profiles'!$G$18=$B$17,14,0)+IF('Standard Profiles'!$G$18=$B$24,21,0),0)),0)</f>
        <v>15.033426041085619</v>
      </c>
      <c r="E7492" cm="1">
        <f t="array" ref="E7492">IFERROR(INDEX(Jesper!AI$2:AI$366,ROUNDDOWN($C7492/24,0)+1,1)*INDEX($D$3:$AA$30,INDEX(Jesper!$R$2:$R$366,ROW(INDEX(Jesper!AI$2:AI$366,ROUNDDOWN($C7492/24,0)+1,1))-1)+IF('Standard Profiles'!$G$19=$B$10,7,0)+IF('Standard Profiles'!$G$19=$B$17,14,0)+IF('Standard Profiles'!$G$19=$B$24,21,0),MOD($C7492,24)+1)/SUM(INDEX($D$3:$AA$30,INDEX(Jesper!$R$2:$R$366,ROW(INDEX(Jesper!AI$2:AI$366,ROUNDDOWN($C7492/24,0)+1,1))-1)+IF('Standard Profiles'!$G$19=$B$10,7,0)+IF('Standard Profiles'!$G$19=$B$17,14,0)+IF('Standard Profiles'!$G$19=$B$24,21,0),0)),0)</f>
        <v>0</v>
      </c>
      <c r="F7492" cm="1">
        <f t="array" ref="F7492">IFERROR(INDEX(Jesper!AJ$2:AJ$366,ROUNDDOWN($C7492/24,0)+1,1)*INDEX($D$3:$AA$30,INDEX(Jesper!$R$2:$R$366,ROW(INDEX(Jesper!AJ$2:AJ$366,ROUNDDOWN($C7492/24,0)+1,1))-1)+IF('Standard Profiles'!$G$20=$B$10,7,0)+IF('Standard Profiles'!$G$20=$B$17,14,0)+IF('Standard Profiles'!$G$20=$B$24,21,0),MOD($C7492,24)+1)/SUM(INDEX($D$3:$AA$30,INDEX(Jesper!$R$2:$R$366,ROW(INDEX(Jesper!AJ$2:AJ$366,ROUNDDOWN($C7492/24,0)+1,1))-1)+IF('Standard Profiles'!$G$20=$B$10,7,0)+IF('Standard Profiles'!$G$20=$B$17,14,0)+IF('Standard Profiles'!$G$20=$B$24,21,0),0)),0)</f>
        <v>0</v>
      </c>
      <c r="G7492" cm="1">
        <f t="array" ref="G7492">IFERROR(INDEX(Jesper!AK$2:AK$366,ROUNDDOWN($C7492/24,0)+1,1)*INDEX($D$3:$AA$30,INDEX(Jesper!$R$2:$R$366,ROW(INDEX(Jesper!AK$2:AK$366,ROUNDDOWN($C7492/24,0)+1,1))-1)+IF('Standard Profiles'!$G$21=$B$10,7,0)+IF('Standard Profiles'!$G$21=$B$17,14,0)+IF('Standard Profiles'!$G$21=$B$24,21,0),MOD($C7492,24)+1)/SUM(INDEX($D$3:$AA$30,INDEX(Jesper!$R$2:$R$366,ROW(INDEX(Jesper!AK$2:AK$366,ROUNDDOWN($C7492/24,0)+1,1))-1)+IF('Standard Profiles'!$G$21=$B$10,7,0)+IF('Standard Profiles'!$G$21=$B$17,14,0)+IF('Standard Profiles'!$G$21=$B$24,21,0),0)),0)</f>
        <v>0</v>
      </c>
      <c r="H7492" cm="1">
        <f t="array" ref="H7492">IFERROR(INDEX(Jesper!AL$2:AL$366,ROUNDDOWN($C7492/24,0)+1,1)*INDEX($D$3:$AA$30,INDEX(Jesper!$R$2:$R$366,ROW(INDEX(Jesper!AL$2:AL$366,ROUNDDOWN($C7492/24,0)+1,1))-1)+IF('Standard Profiles'!$G$22=$B$10,7,0)+IF('Standard Profiles'!$G$22=$B$17,14,0)+IF('Standard Profiles'!$G$22=$B$24,21,0),MOD($C7492,24)+1)/SUM(INDEX($D$3:$AA$30,INDEX(Jesper!$R$2:$R$366,ROW(INDEX(Jesper!AL$2:AL$366,ROUNDDOWN($C7492/24,0)+1,1))-1)+IF('Standard Profiles'!$G$22=$B$10,7,0)+IF('Standard Profiles'!$G$22=$B$17,14,0)+IF('Standard Profiles'!$G$22=$B$24,21,0),0)),0)</f>
        <v>0</v>
      </c>
      <c r="I7492">
        <f t="shared" si="832"/>
        <v>0.45100278123256854</v>
      </c>
      <c r="J7492">
        <f t="shared" si="833"/>
        <v>1.503342604108562</v>
      </c>
      <c r="K7492">
        <f t="shared" si="834"/>
        <v>2.2550139061628429</v>
      </c>
      <c r="L7492">
        <f t="shared" si="835"/>
        <v>10.824066749581645</v>
      </c>
      <c r="M7492">
        <f t="shared" si="836"/>
        <v>0</v>
      </c>
      <c r="N7492" s="46">
        <f t="shared" si="837"/>
        <v>45602.749999981912</v>
      </c>
    </row>
    <row r="7493" spans="2:14" x14ac:dyDescent="0.3">
      <c r="B7493">
        <f t="shared" si="831"/>
        <v>3</v>
      </c>
      <c r="C7493" s="16">
        <v>7459</v>
      </c>
      <c r="D7493" cm="1">
        <f t="array" ref="D7493">IFERROR(INDEX(Jesper!AH$2:AH$366,ROUNDDOWN($C7493/24,0)+1,1)*INDEX($D$3:$AA$30,INDEX(Jesper!$R$2:$R$366,ROW(INDEX(Jesper!AH$2:AH$366,ROUNDDOWN($C7493/24,0)+1,1))-1)+IF('Standard Profiles'!$G$18=$B$10,7,0)+IF('Standard Profiles'!$G$18=$B$17,14,0)+IF('Standard Profiles'!$G$18=$B$24,21,0),MOD($C7493,24)+1)/SUM(INDEX($D$3:$AA$30,INDEX(Jesper!$R$2:$R$366,ROW(INDEX(Jesper!AH$2:AH$366,ROUNDDOWN($C7493/24,0)+1,1))-1)+IF('Standard Profiles'!$G$18=$B$10,7,0)+IF('Standard Profiles'!$G$18=$B$17,14,0)+IF('Standard Profiles'!$G$18=$B$24,21,0),0)),0)</f>
        <v>12.527855034238016</v>
      </c>
      <c r="E7493" cm="1">
        <f t="array" ref="E7493">IFERROR(INDEX(Jesper!AI$2:AI$366,ROUNDDOWN($C7493/24,0)+1,1)*INDEX($D$3:$AA$30,INDEX(Jesper!$R$2:$R$366,ROW(INDEX(Jesper!AI$2:AI$366,ROUNDDOWN($C7493/24,0)+1,1))-1)+IF('Standard Profiles'!$G$19=$B$10,7,0)+IF('Standard Profiles'!$G$19=$B$17,14,0)+IF('Standard Profiles'!$G$19=$B$24,21,0),MOD($C7493,24)+1)/SUM(INDEX($D$3:$AA$30,INDEX(Jesper!$R$2:$R$366,ROW(INDEX(Jesper!AI$2:AI$366,ROUNDDOWN($C7493/24,0)+1,1))-1)+IF('Standard Profiles'!$G$19=$B$10,7,0)+IF('Standard Profiles'!$G$19=$B$17,14,0)+IF('Standard Profiles'!$G$19=$B$24,21,0),0)),0)</f>
        <v>0</v>
      </c>
      <c r="F7493" cm="1">
        <f t="array" ref="F7493">IFERROR(INDEX(Jesper!AJ$2:AJ$366,ROUNDDOWN($C7493/24,0)+1,1)*INDEX($D$3:$AA$30,INDEX(Jesper!$R$2:$R$366,ROW(INDEX(Jesper!AJ$2:AJ$366,ROUNDDOWN($C7493/24,0)+1,1))-1)+IF('Standard Profiles'!$G$20=$B$10,7,0)+IF('Standard Profiles'!$G$20=$B$17,14,0)+IF('Standard Profiles'!$G$20=$B$24,21,0),MOD($C7493,24)+1)/SUM(INDEX($D$3:$AA$30,INDEX(Jesper!$R$2:$R$366,ROW(INDEX(Jesper!AJ$2:AJ$366,ROUNDDOWN($C7493/24,0)+1,1))-1)+IF('Standard Profiles'!$G$20=$B$10,7,0)+IF('Standard Profiles'!$G$20=$B$17,14,0)+IF('Standard Profiles'!$G$20=$B$24,21,0),0)),0)</f>
        <v>0</v>
      </c>
      <c r="G7493" cm="1">
        <f t="array" ref="G7493">IFERROR(INDEX(Jesper!AK$2:AK$366,ROUNDDOWN($C7493/24,0)+1,1)*INDEX($D$3:$AA$30,INDEX(Jesper!$R$2:$R$366,ROW(INDEX(Jesper!AK$2:AK$366,ROUNDDOWN($C7493/24,0)+1,1))-1)+IF('Standard Profiles'!$G$21=$B$10,7,0)+IF('Standard Profiles'!$G$21=$B$17,14,0)+IF('Standard Profiles'!$G$21=$B$24,21,0),MOD($C7493,24)+1)/SUM(INDEX($D$3:$AA$30,INDEX(Jesper!$R$2:$R$366,ROW(INDEX(Jesper!AK$2:AK$366,ROUNDDOWN($C7493/24,0)+1,1))-1)+IF('Standard Profiles'!$G$21=$B$10,7,0)+IF('Standard Profiles'!$G$21=$B$17,14,0)+IF('Standard Profiles'!$G$21=$B$24,21,0),0)),0)</f>
        <v>0</v>
      </c>
      <c r="H7493" cm="1">
        <f t="array" ref="H7493">IFERROR(INDEX(Jesper!AL$2:AL$366,ROUNDDOWN($C7493/24,0)+1,1)*INDEX($D$3:$AA$30,INDEX(Jesper!$R$2:$R$366,ROW(INDEX(Jesper!AL$2:AL$366,ROUNDDOWN($C7493/24,0)+1,1))-1)+IF('Standard Profiles'!$G$22=$B$10,7,0)+IF('Standard Profiles'!$G$22=$B$17,14,0)+IF('Standard Profiles'!$G$22=$B$24,21,0),MOD($C7493,24)+1)/SUM(INDEX($D$3:$AA$30,INDEX(Jesper!$R$2:$R$366,ROW(INDEX(Jesper!AL$2:AL$366,ROUNDDOWN($C7493/24,0)+1,1))-1)+IF('Standard Profiles'!$G$22=$B$10,7,0)+IF('Standard Profiles'!$G$22=$B$17,14,0)+IF('Standard Profiles'!$G$22=$B$24,21,0),0)),0)</f>
        <v>0</v>
      </c>
      <c r="I7493">
        <f t="shared" si="832"/>
        <v>0.37583565102714045</v>
      </c>
      <c r="J7493">
        <f t="shared" si="833"/>
        <v>1.2527855034238016</v>
      </c>
      <c r="K7493">
        <f t="shared" si="834"/>
        <v>1.8791782551357024</v>
      </c>
      <c r="L7493">
        <f t="shared" si="835"/>
        <v>9.0200556246513717</v>
      </c>
      <c r="M7493">
        <f t="shared" si="836"/>
        <v>0</v>
      </c>
      <c r="N7493" s="46">
        <f t="shared" si="837"/>
        <v>45602.791666648576</v>
      </c>
    </row>
    <row r="7494" spans="2:14" x14ac:dyDescent="0.3">
      <c r="B7494">
        <f t="shared" si="831"/>
        <v>3</v>
      </c>
      <c r="C7494" s="16">
        <v>7460</v>
      </c>
      <c r="D7494" cm="1">
        <f t="array" ref="D7494">IFERROR(INDEX(Jesper!AH$2:AH$366,ROUNDDOWN($C7494/24,0)+1,1)*INDEX($D$3:$AA$30,INDEX(Jesper!$R$2:$R$366,ROW(INDEX(Jesper!AH$2:AH$366,ROUNDDOWN($C7494/24,0)+1,1))-1)+IF('Standard Profiles'!$G$18=$B$10,7,0)+IF('Standard Profiles'!$G$18=$B$17,14,0)+IF('Standard Profiles'!$G$18=$B$24,21,0),MOD($C7494,24)+1)/SUM(INDEX($D$3:$AA$30,INDEX(Jesper!$R$2:$R$366,ROW(INDEX(Jesper!AH$2:AH$366,ROUNDDOWN($C7494/24,0)+1,1))-1)+IF('Standard Profiles'!$G$18=$B$10,7,0)+IF('Standard Profiles'!$G$18=$B$17,14,0)+IF('Standard Profiles'!$G$18=$B$24,21,0),0)),0)</f>
        <v>10.022284027390413</v>
      </c>
      <c r="E7494" cm="1">
        <f t="array" ref="E7494">IFERROR(INDEX(Jesper!AI$2:AI$366,ROUNDDOWN($C7494/24,0)+1,1)*INDEX($D$3:$AA$30,INDEX(Jesper!$R$2:$R$366,ROW(INDEX(Jesper!AI$2:AI$366,ROUNDDOWN($C7494/24,0)+1,1))-1)+IF('Standard Profiles'!$G$19=$B$10,7,0)+IF('Standard Profiles'!$G$19=$B$17,14,0)+IF('Standard Profiles'!$G$19=$B$24,21,0),MOD($C7494,24)+1)/SUM(INDEX($D$3:$AA$30,INDEX(Jesper!$R$2:$R$366,ROW(INDEX(Jesper!AI$2:AI$366,ROUNDDOWN($C7494/24,0)+1,1))-1)+IF('Standard Profiles'!$G$19=$B$10,7,0)+IF('Standard Profiles'!$G$19=$B$17,14,0)+IF('Standard Profiles'!$G$19=$B$24,21,0),0)),0)</f>
        <v>0</v>
      </c>
      <c r="F7494" cm="1">
        <f t="array" ref="F7494">IFERROR(INDEX(Jesper!AJ$2:AJ$366,ROUNDDOWN($C7494/24,0)+1,1)*INDEX($D$3:$AA$30,INDEX(Jesper!$R$2:$R$366,ROW(INDEX(Jesper!AJ$2:AJ$366,ROUNDDOWN($C7494/24,0)+1,1))-1)+IF('Standard Profiles'!$G$20=$B$10,7,0)+IF('Standard Profiles'!$G$20=$B$17,14,0)+IF('Standard Profiles'!$G$20=$B$24,21,0),MOD($C7494,24)+1)/SUM(INDEX($D$3:$AA$30,INDEX(Jesper!$R$2:$R$366,ROW(INDEX(Jesper!AJ$2:AJ$366,ROUNDDOWN($C7494/24,0)+1,1))-1)+IF('Standard Profiles'!$G$20=$B$10,7,0)+IF('Standard Profiles'!$G$20=$B$17,14,0)+IF('Standard Profiles'!$G$20=$B$24,21,0),0)),0)</f>
        <v>0</v>
      </c>
      <c r="G7494" cm="1">
        <f t="array" ref="G7494">IFERROR(INDEX(Jesper!AK$2:AK$366,ROUNDDOWN($C7494/24,0)+1,1)*INDEX($D$3:$AA$30,INDEX(Jesper!$R$2:$R$366,ROW(INDEX(Jesper!AK$2:AK$366,ROUNDDOWN($C7494/24,0)+1,1))-1)+IF('Standard Profiles'!$G$21=$B$10,7,0)+IF('Standard Profiles'!$G$21=$B$17,14,0)+IF('Standard Profiles'!$G$21=$B$24,21,0),MOD($C7494,24)+1)/SUM(INDEX($D$3:$AA$30,INDEX(Jesper!$R$2:$R$366,ROW(INDEX(Jesper!AK$2:AK$366,ROUNDDOWN($C7494/24,0)+1,1))-1)+IF('Standard Profiles'!$G$21=$B$10,7,0)+IF('Standard Profiles'!$G$21=$B$17,14,0)+IF('Standard Profiles'!$G$21=$B$24,21,0),0)),0)</f>
        <v>0</v>
      </c>
      <c r="H7494" cm="1">
        <f t="array" ref="H7494">IFERROR(INDEX(Jesper!AL$2:AL$366,ROUNDDOWN($C7494/24,0)+1,1)*INDEX($D$3:$AA$30,INDEX(Jesper!$R$2:$R$366,ROW(INDEX(Jesper!AL$2:AL$366,ROUNDDOWN($C7494/24,0)+1,1))-1)+IF('Standard Profiles'!$G$22=$B$10,7,0)+IF('Standard Profiles'!$G$22=$B$17,14,0)+IF('Standard Profiles'!$G$22=$B$24,21,0),MOD($C7494,24)+1)/SUM(INDEX($D$3:$AA$30,INDEX(Jesper!$R$2:$R$366,ROW(INDEX(Jesper!AL$2:AL$366,ROUNDDOWN($C7494/24,0)+1,1))-1)+IF('Standard Profiles'!$G$22=$B$10,7,0)+IF('Standard Profiles'!$G$22=$B$17,14,0)+IF('Standard Profiles'!$G$22=$B$24,21,0),0)),0)</f>
        <v>0</v>
      </c>
      <c r="I7494">
        <f t="shared" si="832"/>
        <v>0.30066852082171236</v>
      </c>
      <c r="J7494">
        <f t="shared" si="833"/>
        <v>1.0022284027390413</v>
      </c>
      <c r="K7494">
        <f t="shared" si="834"/>
        <v>1.5033426041085618</v>
      </c>
      <c r="L7494">
        <f t="shared" si="835"/>
        <v>7.2160444997210966</v>
      </c>
      <c r="M7494">
        <f t="shared" si="836"/>
        <v>0</v>
      </c>
      <c r="N7494" s="46">
        <f t="shared" si="837"/>
        <v>45602.83333331524</v>
      </c>
    </row>
    <row r="7495" spans="2:14" x14ac:dyDescent="0.3">
      <c r="B7495">
        <f t="shared" si="831"/>
        <v>3</v>
      </c>
      <c r="C7495" s="16">
        <v>7461</v>
      </c>
      <c r="D7495" cm="1">
        <f t="array" ref="D7495">IFERROR(INDEX(Jesper!AH$2:AH$366,ROUNDDOWN($C7495/24,0)+1,1)*INDEX($D$3:$AA$30,INDEX(Jesper!$R$2:$R$366,ROW(INDEX(Jesper!AH$2:AH$366,ROUNDDOWN($C7495/24,0)+1,1))-1)+IF('Standard Profiles'!$G$18=$B$10,7,0)+IF('Standard Profiles'!$G$18=$B$17,14,0)+IF('Standard Profiles'!$G$18=$B$24,21,0),MOD($C7495,24)+1)/SUM(INDEX($D$3:$AA$30,INDEX(Jesper!$R$2:$R$366,ROW(INDEX(Jesper!AH$2:AH$366,ROUNDDOWN($C7495/24,0)+1,1))-1)+IF('Standard Profiles'!$G$18=$B$10,7,0)+IF('Standard Profiles'!$G$18=$B$17,14,0)+IF('Standard Profiles'!$G$18=$B$24,21,0),0)),0)</f>
        <v>7.5167130205428094</v>
      </c>
      <c r="E7495" cm="1">
        <f t="array" ref="E7495">IFERROR(INDEX(Jesper!AI$2:AI$366,ROUNDDOWN($C7495/24,0)+1,1)*INDEX($D$3:$AA$30,INDEX(Jesper!$R$2:$R$366,ROW(INDEX(Jesper!AI$2:AI$366,ROUNDDOWN($C7495/24,0)+1,1))-1)+IF('Standard Profiles'!$G$19=$B$10,7,0)+IF('Standard Profiles'!$G$19=$B$17,14,0)+IF('Standard Profiles'!$G$19=$B$24,21,0),MOD($C7495,24)+1)/SUM(INDEX($D$3:$AA$30,INDEX(Jesper!$R$2:$R$366,ROW(INDEX(Jesper!AI$2:AI$366,ROUNDDOWN($C7495/24,0)+1,1))-1)+IF('Standard Profiles'!$G$19=$B$10,7,0)+IF('Standard Profiles'!$G$19=$B$17,14,0)+IF('Standard Profiles'!$G$19=$B$24,21,0),0)),0)</f>
        <v>0</v>
      </c>
      <c r="F7495" cm="1">
        <f t="array" ref="F7495">IFERROR(INDEX(Jesper!AJ$2:AJ$366,ROUNDDOWN($C7495/24,0)+1,1)*INDEX($D$3:$AA$30,INDEX(Jesper!$R$2:$R$366,ROW(INDEX(Jesper!AJ$2:AJ$366,ROUNDDOWN($C7495/24,0)+1,1))-1)+IF('Standard Profiles'!$G$20=$B$10,7,0)+IF('Standard Profiles'!$G$20=$B$17,14,0)+IF('Standard Profiles'!$G$20=$B$24,21,0),MOD($C7495,24)+1)/SUM(INDEX($D$3:$AA$30,INDEX(Jesper!$R$2:$R$366,ROW(INDEX(Jesper!AJ$2:AJ$366,ROUNDDOWN($C7495/24,0)+1,1))-1)+IF('Standard Profiles'!$G$20=$B$10,7,0)+IF('Standard Profiles'!$G$20=$B$17,14,0)+IF('Standard Profiles'!$G$20=$B$24,21,0),0)),0)</f>
        <v>0</v>
      </c>
      <c r="G7495" cm="1">
        <f t="array" ref="G7495">IFERROR(INDEX(Jesper!AK$2:AK$366,ROUNDDOWN($C7495/24,0)+1,1)*INDEX($D$3:$AA$30,INDEX(Jesper!$R$2:$R$366,ROW(INDEX(Jesper!AK$2:AK$366,ROUNDDOWN($C7495/24,0)+1,1))-1)+IF('Standard Profiles'!$G$21=$B$10,7,0)+IF('Standard Profiles'!$G$21=$B$17,14,0)+IF('Standard Profiles'!$G$21=$B$24,21,0),MOD($C7495,24)+1)/SUM(INDEX($D$3:$AA$30,INDEX(Jesper!$R$2:$R$366,ROW(INDEX(Jesper!AK$2:AK$366,ROUNDDOWN($C7495/24,0)+1,1))-1)+IF('Standard Profiles'!$G$21=$B$10,7,0)+IF('Standard Profiles'!$G$21=$B$17,14,0)+IF('Standard Profiles'!$G$21=$B$24,21,0),0)),0)</f>
        <v>0</v>
      </c>
      <c r="H7495" cm="1">
        <f t="array" ref="H7495">IFERROR(INDEX(Jesper!AL$2:AL$366,ROUNDDOWN($C7495/24,0)+1,1)*INDEX($D$3:$AA$30,INDEX(Jesper!$R$2:$R$366,ROW(INDEX(Jesper!AL$2:AL$366,ROUNDDOWN($C7495/24,0)+1,1))-1)+IF('Standard Profiles'!$G$22=$B$10,7,0)+IF('Standard Profiles'!$G$22=$B$17,14,0)+IF('Standard Profiles'!$G$22=$B$24,21,0),MOD($C7495,24)+1)/SUM(INDEX($D$3:$AA$30,INDEX(Jesper!$R$2:$R$366,ROW(INDEX(Jesper!AL$2:AL$366,ROUNDDOWN($C7495/24,0)+1,1))-1)+IF('Standard Profiles'!$G$22=$B$10,7,0)+IF('Standard Profiles'!$G$22=$B$17,14,0)+IF('Standard Profiles'!$G$22=$B$24,21,0),0)),0)</f>
        <v>0</v>
      </c>
      <c r="I7495">
        <f t="shared" si="832"/>
        <v>0.22550139061628427</v>
      </c>
      <c r="J7495">
        <f t="shared" si="833"/>
        <v>0.75167130205428101</v>
      </c>
      <c r="K7495">
        <f t="shared" si="834"/>
        <v>1.1275069530814215</v>
      </c>
      <c r="L7495">
        <f t="shared" si="835"/>
        <v>5.4120333747908225</v>
      </c>
      <c r="M7495">
        <f t="shared" si="836"/>
        <v>0</v>
      </c>
      <c r="N7495" s="46">
        <f t="shared" si="837"/>
        <v>45602.874999981905</v>
      </c>
    </row>
    <row r="7496" spans="2:14" x14ac:dyDescent="0.3">
      <c r="B7496">
        <f t="shared" si="831"/>
        <v>3</v>
      </c>
      <c r="C7496" s="16">
        <v>7462</v>
      </c>
      <c r="D7496" cm="1">
        <f t="array" ref="D7496">IFERROR(INDEX(Jesper!AH$2:AH$366,ROUNDDOWN($C7496/24,0)+1,1)*INDEX($D$3:$AA$30,INDEX(Jesper!$R$2:$R$366,ROW(INDEX(Jesper!AH$2:AH$366,ROUNDDOWN($C7496/24,0)+1,1))-1)+IF('Standard Profiles'!$G$18=$B$10,7,0)+IF('Standard Profiles'!$G$18=$B$17,14,0)+IF('Standard Profiles'!$G$18=$B$24,21,0),MOD($C7496,24)+1)/SUM(INDEX($D$3:$AA$30,INDEX(Jesper!$R$2:$R$366,ROW(INDEX(Jesper!AH$2:AH$366,ROUNDDOWN($C7496/24,0)+1,1))-1)+IF('Standard Profiles'!$G$18=$B$10,7,0)+IF('Standard Profiles'!$G$18=$B$17,14,0)+IF('Standard Profiles'!$G$18=$B$24,21,0),0)),0)</f>
        <v>7.5167130205428094</v>
      </c>
      <c r="E7496" cm="1">
        <f t="array" ref="E7496">IFERROR(INDEX(Jesper!AI$2:AI$366,ROUNDDOWN($C7496/24,0)+1,1)*INDEX($D$3:$AA$30,INDEX(Jesper!$R$2:$R$366,ROW(INDEX(Jesper!AI$2:AI$366,ROUNDDOWN($C7496/24,0)+1,1))-1)+IF('Standard Profiles'!$G$19=$B$10,7,0)+IF('Standard Profiles'!$G$19=$B$17,14,0)+IF('Standard Profiles'!$G$19=$B$24,21,0),MOD($C7496,24)+1)/SUM(INDEX($D$3:$AA$30,INDEX(Jesper!$R$2:$R$366,ROW(INDEX(Jesper!AI$2:AI$366,ROUNDDOWN($C7496/24,0)+1,1))-1)+IF('Standard Profiles'!$G$19=$B$10,7,0)+IF('Standard Profiles'!$G$19=$B$17,14,0)+IF('Standard Profiles'!$G$19=$B$24,21,0),0)),0)</f>
        <v>0</v>
      </c>
      <c r="F7496" cm="1">
        <f t="array" ref="F7496">IFERROR(INDEX(Jesper!AJ$2:AJ$366,ROUNDDOWN($C7496/24,0)+1,1)*INDEX($D$3:$AA$30,INDEX(Jesper!$R$2:$R$366,ROW(INDEX(Jesper!AJ$2:AJ$366,ROUNDDOWN($C7496/24,0)+1,1))-1)+IF('Standard Profiles'!$G$20=$B$10,7,0)+IF('Standard Profiles'!$G$20=$B$17,14,0)+IF('Standard Profiles'!$G$20=$B$24,21,0),MOD($C7496,24)+1)/SUM(INDEX($D$3:$AA$30,INDEX(Jesper!$R$2:$R$366,ROW(INDEX(Jesper!AJ$2:AJ$366,ROUNDDOWN($C7496/24,0)+1,1))-1)+IF('Standard Profiles'!$G$20=$B$10,7,0)+IF('Standard Profiles'!$G$20=$B$17,14,0)+IF('Standard Profiles'!$G$20=$B$24,21,0),0)),0)</f>
        <v>0</v>
      </c>
      <c r="G7496" cm="1">
        <f t="array" ref="G7496">IFERROR(INDEX(Jesper!AK$2:AK$366,ROUNDDOWN($C7496/24,0)+1,1)*INDEX($D$3:$AA$30,INDEX(Jesper!$R$2:$R$366,ROW(INDEX(Jesper!AK$2:AK$366,ROUNDDOWN($C7496/24,0)+1,1))-1)+IF('Standard Profiles'!$G$21=$B$10,7,0)+IF('Standard Profiles'!$G$21=$B$17,14,0)+IF('Standard Profiles'!$G$21=$B$24,21,0),MOD($C7496,24)+1)/SUM(INDEX($D$3:$AA$30,INDEX(Jesper!$R$2:$R$366,ROW(INDEX(Jesper!AK$2:AK$366,ROUNDDOWN($C7496/24,0)+1,1))-1)+IF('Standard Profiles'!$G$21=$B$10,7,0)+IF('Standard Profiles'!$G$21=$B$17,14,0)+IF('Standard Profiles'!$G$21=$B$24,21,0),0)),0)</f>
        <v>0</v>
      </c>
      <c r="H7496" cm="1">
        <f t="array" ref="H7496">IFERROR(INDEX(Jesper!AL$2:AL$366,ROUNDDOWN($C7496/24,0)+1,1)*INDEX($D$3:$AA$30,INDEX(Jesper!$R$2:$R$366,ROW(INDEX(Jesper!AL$2:AL$366,ROUNDDOWN($C7496/24,0)+1,1))-1)+IF('Standard Profiles'!$G$22=$B$10,7,0)+IF('Standard Profiles'!$G$22=$B$17,14,0)+IF('Standard Profiles'!$G$22=$B$24,21,0),MOD($C7496,24)+1)/SUM(INDEX($D$3:$AA$30,INDEX(Jesper!$R$2:$R$366,ROW(INDEX(Jesper!AL$2:AL$366,ROUNDDOWN($C7496/24,0)+1,1))-1)+IF('Standard Profiles'!$G$22=$B$10,7,0)+IF('Standard Profiles'!$G$22=$B$17,14,0)+IF('Standard Profiles'!$G$22=$B$24,21,0),0)),0)</f>
        <v>0</v>
      </c>
      <c r="I7496">
        <f t="shared" si="832"/>
        <v>0.22550139061628427</v>
      </c>
      <c r="J7496">
        <f t="shared" si="833"/>
        <v>0.75167130205428101</v>
      </c>
      <c r="K7496">
        <f t="shared" si="834"/>
        <v>1.1275069530814215</v>
      </c>
      <c r="L7496">
        <f t="shared" si="835"/>
        <v>5.4120333747908225</v>
      </c>
      <c r="M7496">
        <f t="shared" si="836"/>
        <v>0</v>
      </c>
      <c r="N7496" s="46">
        <f t="shared" si="837"/>
        <v>45602.916666648569</v>
      </c>
    </row>
    <row r="7497" spans="2:14" x14ac:dyDescent="0.3">
      <c r="B7497">
        <f t="shared" si="831"/>
        <v>3</v>
      </c>
      <c r="C7497" s="16">
        <v>7463</v>
      </c>
      <c r="D7497" cm="1">
        <f t="array" ref="D7497">IFERROR(INDEX(Jesper!AH$2:AH$366,ROUNDDOWN($C7497/24,0)+1,1)*INDEX($D$3:$AA$30,INDEX(Jesper!$R$2:$R$366,ROW(INDEX(Jesper!AH$2:AH$366,ROUNDDOWN($C7497/24,0)+1,1))-1)+IF('Standard Profiles'!$G$18=$B$10,7,0)+IF('Standard Profiles'!$G$18=$B$17,14,0)+IF('Standard Profiles'!$G$18=$B$24,21,0),MOD($C7497,24)+1)/SUM(INDEX($D$3:$AA$30,INDEX(Jesper!$R$2:$R$366,ROW(INDEX(Jesper!AH$2:AH$366,ROUNDDOWN($C7497/24,0)+1,1))-1)+IF('Standard Profiles'!$G$18=$B$10,7,0)+IF('Standard Profiles'!$G$18=$B$17,14,0)+IF('Standard Profiles'!$G$18=$B$24,21,0),0)),0)</f>
        <v>7.5167130205428094</v>
      </c>
      <c r="E7497" cm="1">
        <f t="array" ref="E7497">IFERROR(INDEX(Jesper!AI$2:AI$366,ROUNDDOWN($C7497/24,0)+1,1)*INDEX($D$3:$AA$30,INDEX(Jesper!$R$2:$R$366,ROW(INDEX(Jesper!AI$2:AI$366,ROUNDDOWN($C7497/24,0)+1,1))-1)+IF('Standard Profiles'!$G$19=$B$10,7,0)+IF('Standard Profiles'!$G$19=$B$17,14,0)+IF('Standard Profiles'!$G$19=$B$24,21,0),MOD($C7497,24)+1)/SUM(INDEX($D$3:$AA$30,INDEX(Jesper!$R$2:$R$366,ROW(INDEX(Jesper!AI$2:AI$366,ROUNDDOWN($C7497/24,0)+1,1))-1)+IF('Standard Profiles'!$G$19=$B$10,7,0)+IF('Standard Profiles'!$G$19=$B$17,14,0)+IF('Standard Profiles'!$G$19=$B$24,21,0),0)),0)</f>
        <v>0</v>
      </c>
      <c r="F7497" cm="1">
        <f t="array" ref="F7497">IFERROR(INDEX(Jesper!AJ$2:AJ$366,ROUNDDOWN($C7497/24,0)+1,1)*INDEX($D$3:$AA$30,INDEX(Jesper!$R$2:$R$366,ROW(INDEX(Jesper!AJ$2:AJ$366,ROUNDDOWN($C7497/24,0)+1,1))-1)+IF('Standard Profiles'!$G$20=$B$10,7,0)+IF('Standard Profiles'!$G$20=$B$17,14,0)+IF('Standard Profiles'!$G$20=$B$24,21,0),MOD($C7497,24)+1)/SUM(INDEX($D$3:$AA$30,INDEX(Jesper!$R$2:$R$366,ROW(INDEX(Jesper!AJ$2:AJ$366,ROUNDDOWN($C7497/24,0)+1,1))-1)+IF('Standard Profiles'!$G$20=$B$10,7,0)+IF('Standard Profiles'!$G$20=$B$17,14,0)+IF('Standard Profiles'!$G$20=$B$24,21,0),0)),0)</f>
        <v>0</v>
      </c>
      <c r="G7497" cm="1">
        <f t="array" ref="G7497">IFERROR(INDEX(Jesper!AK$2:AK$366,ROUNDDOWN($C7497/24,0)+1,1)*INDEX($D$3:$AA$30,INDEX(Jesper!$R$2:$R$366,ROW(INDEX(Jesper!AK$2:AK$366,ROUNDDOWN($C7497/24,0)+1,1))-1)+IF('Standard Profiles'!$G$21=$B$10,7,0)+IF('Standard Profiles'!$G$21=$B$17,14,0)+IF('Standard Profiles'!$G$21=$B$24,21,0),MOD($C7497,24)+1)/SUM(INDEX($D$3:$AA$30,INDEX(Jesper!$R$2:$R$366,ROW(INDEX(Jesper!AK$2:AK$366,ROUNDDOWN($C7497/24,0)+1,1))-1)+IF('Standard Profiles'!$G$21=$B$10,7,0)+IF('Standard Profiles'!$G$21=$B$17,14,0)+IF('Standard Profiles'!$G$21=$B$24,21,0),0)),0)</f>
        <v>0</v>
      </c>
      <c r="H7497" cm="1">
        <f t="array" ref="H7497">IFERROR(INDEX(Jesper!AL$2:AL$366,ROUNDDOWN($C7497/24,0)+1,1)*INDEX($D$3:$AA$30,INDEX(Jesper!$R$2:$R$366,ROW(INDEX(Jesper!AL$2:AL$366,ROUNDDOWN($C7497/24,0)+1,1))-1)+IF('Standard Profiles'!$G$22=$B$10,7,0)+IF('Standard Profiles'!$G$22=$B$17,14,0)+IF('Standard Profiles'!$G$22=$B$24,21,0),MOD($C7497,24)+1)/SUM(INDEX($D$3:$AA$30,INDEX(Jesper!$R$2:$R$366,ROW(INDEX(Jesper!AL$2:AL$366,ROUNDDOWN($C7497/24,0)+1,1))-1)+IF('Standard Profiles'!$G$22=$B$10,7,0)+IF('Standard Profiles'!$G$22=$B$17,14,0)+IF('Standard Profiles'!$G$22=$B$24,21,0),0)),0)</f>
        <v>0</v>
      </c>
      <c r="I7497">
        <f t="shared" si="832"/>
        <v>0.22550139061628427</v>
      </c>
      <c r="J7497">
        <f t="shared" si="833"/>
        <v>0.75167130205428101</v>
      </c>
      <c r="K7497">
        <f t="shared" si="834"/>
        <v>1.1275069530814215</v>
      </c>
      <c r="L7497">
        <f t="shared" si="835"/>
        <v>5.4120333747908225</v>
      </c>
      <c r="M7497">
        <f t="shared" si="836"/>
        <v>0</v>
      </c>
      <c r="N7497" s="46">
        <f t="shared" si="837"/>
        <v>45602.958333315233</v>
      </c>
    </row>
    <row r="7498" spans="2:14" x14ac:dyDescent="0.3">
      <c r="B7498">
        <f t="shared" si="831"/>
        <v>4</v>
      </c>
      <c r="C7498" s="16">
        <v>7464</v>
      </c>
      <c r="D7498" cm="1">
        <f t="array" ref="D7498">IFERROR(INDEX(Jesper!AH$2:AH$366,ROUNDDOWN($C7498/24,0)+1,1)*INDEX($D$3:$AA$30,INDEX(Jesper!$R$2:$R$366,ROW(INDEX(Jesper!AH$2:AH$366,ROUNDDOWN($C7498/24,0)+1,1))-1)+IF('Standard Profiles'!$G$18=$B$10,7,0)+IF('Standard Profiles'!$G$18=$B$17,14,0)+IF('Standard Profiles'!$G$18=$B$24,21,0),MOD($C7498,24)+1)/SUM(INDEX($D$3:$AA$30,INDEX(Jesper!$R$2:$R$366,ROW(INDEX(Jesper!AH$2:AH$366,ROUNDDOWN($C7498/24,0)+1,1))-1)+IF('Standard Profiles'!$G$18=$B$10,7,0)+IF('Standard Profiles'!$G$18=$B$17,14,0)+IF('Standard Profiles'!$G$18=$B$24,21,0),0)),0)</f>
        <v>7.5399756730269187</v>
      </c>
      <c r="E7498" cm="1">
        <f t="array" ref="E7498">IFERROR(INDEX(Jesper!AI$2:AI$366,ROUNDDOWN($C7498/24,0)+1,1)*INDEX($D$3:$AA$30,INDEX(Jesper!$R$2:$R$366,ROW(INDEX(Jesper!AI$2:AI$366,ROUNDDOWN($C7498/24,0)+1,1))-1)+IF('Standard Profiles'!$G$19=$B$10,7,0)+IF('Standard Profiles'!$G$19=$B$17,14,0)+IF('Standard Profiles'!$G$19=$B$24,21,0),MOD($C7498,24)+1)/SUM(INDEX($D$3:$AA$30,INDEX(Jesper!$R$2:$R$366,ROW(INDEX(Jesper!AI$2:AI$366,ROUNDDOWN($C7498/24,0)+1,1))-1)+IF('Standard Profiles'!$G$19=$B$10,7,0)+IF('Standard Profiles'!$G$19=$B$17,14,0)+IF('Standard Profiles'!$G$19=$B$24,21,0),0)),0)</f>
        <v>0</v>
      </c>
      <c r="F7498" cm="1">
        <f t="array" ref="F7498">IFERROR(INDEX(Jesper!AJ$2:AJ$366,ROUNDDOWN($C7498/24,0)+1,1)*INDEX($D$3:$AA$30,INDEX(Jesper!$R$2:$R$366,ROW(INDEX(Jesper!AJ$2:AJ$366,ROUNDDOWN($C7498/24,0)+1,1))-1)+IF('Standard Profiles'!$G$20=$B$10,7,0)+IF('Standard Profiles'!$G$20=$B$17,14,0)+IF('Standard Profiles'!$G$20=$B$24,21,0),MOD($C7498,24)+1)/SUM(INDEX($D$3:$AA$30,INDEX(Jesper!$R$2:$R$366,ROW(INDEX(Jesper!AJ$2:AJ$366,ROUNDDOWN($C7498/24,0)+1,1))-1)+IF('Standard Profiles'!$G$20=$B$10,7,0)+IF('Standard Profiles'!$G$20=$B$17,14,0)+IF('Standard Profiles'!$G$20=$B$24,21,0),0)),0)</f>
        <v>0</v>
      </c>
      <c r="G7498" cm="1">
        <f t="array" ref="G7498">IFERROR(INDEX(Jesper!AK$2:AK$366,ROUNDDOWN($C7498/24,0)+1,1)*INDEX($D$3:$AA$30,INDEX(Jesper!$R$2:$R$366,ROW(INDEX(Jesper!AK$2:AK$366,ROUNDDOWN($C7498/24,0)+1,1))-1)+IF('Standard Profiles'!$G$21=$B$10,7,0)+IF('Standard Profiles'!$G$21=$B$17,14,0)+IF('Standard Profiles'!$G$21=$B$24,21,0),MOD($C7498,24)+1)/SUM(INDEX($D$3:$AA$30,INDEX(Jesper!$R$2:$R$366,ROW(INDEX(Jesper!AK$2:AK$366,ROUNDDOWN($C7498/24,0)+1,1))-1)+IF('Standard Profiles'!$G$21=$B$10,7,0)+IF('Standard Profiles'!$G$21=$B$17,14,0)+IF('Standard Profiles'!$G$21=$B$24,21,0),0)),0)</f>
        <v>0</v>
      </c>
      <c r="H7498" cm="1">
        <f t="array" ref="H7498">IFERROR(INDEX(Jesper!AL$2:AL$366,ROUNDDOWN($C7498/24,0)+1,1)*INDEX($D$3:$AA$30,INDEX(Jesper!$R$2:$R$366,ROW(INDEX(Jesper!AL$2:AL$366,ROUNDDOWN($C7498/24,0)+1,1))-1)+IF('Standard Profiles'!$G$22=$B$10,7,0)+IF('Standard Profiles'!$G$22=$B$17,14,0)+IF('Standard Profiles'!$G$22=$B$24,21,0),MOD($C7498,24)+1)/SUM(INDEX($D$3:$AA$30,INDEX(Jesper!$R$2:$R$366,ROW(INDEX(Jesper!AL$2:AL$366,ROUNDDOWN($C7498/24,0)+1,1))-1)+IF('Standard Profiles'!$G$22=$B$10,7,0)+IF('Standard Profiles'!$G$22=$B$17,14,0)+IF('Standard Profiles'!$G$22=$B$24,21,0),0)),0)</f>
        <v>0</v>
      </c>
      <c r="I7498">
        <f t="shared" si="832"/>
        <v>0.22619927019080754</v>
      </c>
      <c r="J7498">
        <f t="shared" si="833"/>
        <v>0.75399756730269196</v>
      </c>
      <c r="K7498">
        <f t="shared" si="834"/>
        <v>1.1309963509540377</v>
      </c>
      <c r="L7498">
        <f t="shared" si="835"/>
        <v>5.4287824845793811</v>
      </c>
      <c r="M7498">
        <f t="shared" si="836"/>
        <v>0</v>
      </c>
      <c r="N7498" s="46">
        <f t="shared" si="837"/>
        <v>45602.999999981897</v>
      </c>
    </row>
    <row r="7499" spans="2:14" x14ac:dyDescent="0.3">
      <c r="B7499">
        <f t="shared" si="831"/>
        <v>4</v>
      </c>
      <c r="C7499" s="16">
        <v>7465</v>
      </c>
      <c r="D7499" cm="1">
        <f t="array" ref="D7499">IFERROR(INDEX(Jesper!AH$2:AH$366,ROUNDDOWN($C7499/24,0)+1,1)*INDEX($D$3:$AA$30,INDEX(Jesper!$R$2:$R$366,ROW(INDEX(Jesper!AH$2:AH$366,ROUNDDOWN($C7499/24,0)+1,1))-1)+IF('Standard Profiles'!$G$18=$B$10,7,0)+IF('Standard Profiles'!$G$18=$B$17,14,0)+IF('Standard Profiles'!$G$18=$B$24,21,0),MOD($C7499,24)+1)/SUM(INDEX($D$3:$AA$30,INDEX(Jesper!$R$2:$R$366,ROW(INDEX(Jesper!AH$2:AH$366,ROUNDDOWN($C7499/24,0)+1,1))-1)+IF('Standard Profiles'!$G$18=$B$10,7,0)+IF('Standard Profiles'!$G$18=$B$17,14,0)+IF('Standard Profiles'!$G$18=$B$24,21,0),0)),0)</f>
        <v>7.5399756730269187</v>
      </c>
      <c r="E7499" cm="1">
        <f t="array" ref="E7499">IFERROR(INDEX(Jesper!AI$2:AI$366,ROUNDDOWN($C7499/24,0)+1,1)*INDEX($D$3:$AA$30,INDEX(Jesper!$R$2:$R$366,ROW(INDEX(Jesper!AI$2:AI$366,ROUNDDOWN($C7499/24,0)+1,1))-1)+IF('Standard Profiles'!$G$19=$B$10,7,0)+IF('Standard Profiles'!$G$19=$B$17,14,0)+IF('Standard Profiles'!$G$19=$B$24,21,0),MOD($C7499,24)+1)/SUM(INDEX($D$3:$AA$30,INDEX(Jesper!$R$2:$R$366,ROW(INDEX(Jesper!AI$2:AI$366,ROUNDDOWN($C7499/24,0)+1,1))-1)+IF('Standard Profiles'!$G$19=$B$10,7,0)+IF('Standard Profiles'!$G$19=$B$17,14,0)+IF('Standard Profiles'!$G$19=$B$24,21,0),0)),0)</f>
        <v>0</v>
      </c>
      <c r="F7499" cm="1">
        <f t="array" ref="F7499">IFERROR(INDEX(Jesper!AJ$2:AJ$366,ROUNDDOWN($C7499/24,0)+1,1)*INDEX($D$3:$AA$30,INDEX(Jesper!$R$2:$R$366,ROW(INDEX(Jesper!AJ$2:AJ$366,ROUNDDOWN($C7499/24,0)+1,1))-1)+IF('Standard Profiles'!$G$20=$B$10,7,0)+IF('Standard Profiles'!$G$20=$B$17,14,0)+IF('Standard Profiles'!$G$20=$B$24,21,0),MOD($C7499,24)+1)/SUM(INDEX($D$3:$AA$30,INDEX(Jesper!$R$2:$R$366,ROW(INDEX(Jesper!AJ$2:AJ$366,ROUNDDOWN($C7499/24,0)+1,1))-1)+IF('Standard Profiles'!$G$20=$B$10,7,0)+IF('Standard Profiles'!$G$20=$B$17,14,0)+IF('Standard Profiles'!$G$20=$B$24,21,0),0)),0)</f>
        <v>0</v>
      </c>
      <c r="G7499" cm="1">
        <f t="array" ref="G7499">IFERROR(INDEX(Jesper!AK$2:AK$366,ROUNDDOWN($C7499/24,0)+1,1)*INDEX($D$3:$AA$30,INDEX(Jesper!$R$2:$R$366,ROW(INDEX(Jesper!AK$2:AK$366,ROUNDDOWN($C7499/24,0)+1,1))-1)+IF('Standard Profiles'!$G$21=$B$10,7,0)+IF('Standard Profiles'!$G$21=$B$17,14,0)+IF('Standard Profiles'!$G$21=$B$24,21,0),MOD($C7499,24)+1)/SUM(INDEX($D$3:$AA$30,INDEX(Jesper!$R$2:$R$366,ROW(INDEX(Jesper!AK$2:AK$366,ROUNDDOWN($C7499/24,0)+1,1))-1)+IF('Standard Profiles'!$G$21=$B$10,7,0)+IF('Standard Profiles'!$G$21=$B$17,14,0)+IF('Standard Profiles'!$G$21=$B$24,21,0),0)),0)</f>
        <v>0</v>
      </c>
      <c r="H7499" cm="1">
        <f t="array" ref="H7499">IFERROR(INDEX(Jesper!AL$2:AL$366,ROUNDDOWN($C7499/24,0)+1,1)*INDEX($D$3:$AA$30,INDEX(Jesper!$R$2:$R$366,ROW(INDEX(Jesper!AL$2:AL$366,ROUNDDOWN($C7499/24,0)+1,1))-1)+IF('Standard Profiles'!$G$22=$B$10,7,0)+IF('Standard Profiles'!$G$22=$B$17,14,0)+IF('Standard Profiles'!$G$22=$B$24,21,0),MOD($C7499,24)+1)/SUM(INDEX($D$3:$AA$30,INDEX(Jesper!$R$2:$R$366,ROW(INDEX(Jesper!AL$2:AL$366,ROUNDDOWN($C7499/24,0)+1,1))-1)+IF('Standard Profiles'!$G$22=$B$10,7,0)+IF('Standard Profiles'!$G$22=$B$17,14,0)+IF('Standard Profiles'!$G$22=$B$24,21,0),0)),0)</f>
        <v>0</v>
      </c>
      <c r="I7499">
        <f t="shared" si="832"/>
        <v>0.22619927019080754</v>
      </c>
      <c r="J7499">
        <f t="shared" si="833"/>
        <v>0.75399756730269196</v>
      </c>
      <c r="K7499">
        <f t="shared" si="834"/>
        <v>1.1309963509540377</v>
      </c>
      <c r="L7499">
        <f t="shared" si="835"/>
        <v>5.4287824845793811</v>
      </c>
      <c r="M7499">
        <f t="shared" si="836"/>
        <v>0</v>
      </c>
      <c r="N7499" s="46">
        <f t="shared" si="837"/>
        <v>45603.041666648562</v>
      </c>
    </row>
    <row r="7500" spans="2:14" x14ac:dyDescent="0.3">
      <c r="B7500">
        <f t="shared" si="831"/>
        <v>4</v>
      </c>
      <c r="C7500" s="16">
        <v>7466</v>
      </c>
      <c r="D7500" cm="1">
        <f t="array" ref="D7500">IFERROR(INDEX(Jesper!AH$2:AH$366,ROUNDDOWN($C7500/24,0)+1,1)*INDEX($D$3:$AA$30,INDEX(Jesper!$R$2:$R$366,ROW(INDEX(Jesper!AH$2:AH$366,ROUNDDOWN($C7500/24,0)+1,1))-1)+IF('Standard Profiles'!$G$18=$B$10,7,0)+IF('Standard Profiles'!$G$18=$B$17,14,0)+IF('Standard Profiles'!$G$18=$B$24,21,0),MOD($C7500,24)+1)/SUM(INDEX($D$3:$AA$30,INDEX(Jesper!$R$2:$R$366,ROW(INDEX(Jesper!AH$2:AH$366,ROUNDDOWN($C7500/24,0)+1,1))-1)+IF('Standard Profiles'!$G$18=$B$10,7,0)+IF('Standard Profiles'!$G$18=$B$17,14,0)+IF('Standard Profiles'!$G$18=$B$24,21,0),0)),0)</f>
        <v>7.5399756730269187</v>
      </c>
      <c r="E7500" cm="1">
        <f t="array" ref="E7500">IFERROR(INDEX(Jesper!AI$2:AI$366,ROUNDDOWN($C7500/24,0)+1,1)*INDEX($D$3:$AA$30,INDEX(Jesper!$R$2:$R$366,ROW(INDEX(Jesper!AI$2:AI$366,ROUNDDOWN($C7500/24,0)+1,1))-1)+IF('Standard Profiles'!$G$19=$B$10,7,0)+IF('Standard Profiles'!$G$19=$B$17,14,0)+IF('Standard Profiles'!$G$19=$B$24,21,0),MOD($C7500,24)+1)/SUM(INDEX($D$3:$AA$30,INDEX(Jesper!$R$2:$R$366,ROW(INDEX(Jesper!AI$2:AI$366,ROUNDDOWN($C7500/24,0)+1,1))-1)+IF('Standard Profiles'!$G$19=$B$10,7,0)+IF('Standard Profiles'!$G$19=$B$17,14,0)+IF('Standard Profiles'!$G$19=$B$24,21,0),0)),0)</f>
        <v>0</v>
      </c>
      <c r="F7500" cm="1">
        <f t="array" ref="F7500">IFERROR(INDEX(Jesper!AJ$2:AJ$366,ROUNDDOWN($C7500/24,0)+1,1)*INDEX($D$3:$AA$30,INDEX(Jesper!$R$2:$R$366,ROW(INDEX(Jesper!AJ$2:AJ$366,ROUNDDOWN($C7500/24,0)+1,1))-1)+IF('Standard Profiles'!$G$20=$B$10,7,0)+IF('Standard Profiles'!$G$20=$B$17,14,0)+IF('Standard Profiles'!$G$20=$B$24,21,0),MOD($C7500,24)+1)/SUM(INDEX($D$3:$AA$30,INDEX(Jesper!$R$2:$R$366,ROW(INDEX(Jesper!AJ$2:AJ$366,ROUNDDOWN($C7500/24,0)+1,1))-1)+IF('Standard Profiles'!$G$20=$B$10,7,0)+IF('Standard Profiles'!$G$20=$B$17,14,0)+IF('Standard Profiles'!$G$20=$B$24,21,0),0)),0)</f>
        <v>0</v>
      </c>
      <c r="G7500" cm="1">
        <f t="array" ref="G7500">IFERROR(INDEX(Jesper!AK$2:AK$366,ROUNDDOWN($C7500/24,0)+1,1)*INDEX($D$3:$AA$30,INDEX(Jesper!$R$2:$R$366,ROW(INDEX(Jesper!AK$2:AK$366,ROUNDDOWN($C7500/24,0)+1,1))-1)+IF('Standard Profiles'!$G$21=$B$10,7,0)+IF('Standard Profiles'!$G$21=$B$17,14,0)+IF('Standard Profiles'!$G$21=$B$24,21,0),MOD($C7500,24)+1)/SUM(INDEX($D$3:$AA$30,INDEX(Jesper!$R$2:$R$366,ROW(INDEX(Jesper!AK$2:AK$366,ROUNDDOWN($C7500/24,0)+1,1))-1)+IF('Standard Profiles'!$G$21=$B$10,7,0)+IF('Standard Profiles'!$G$21=$B$17,14,0)+IF('Standard Profiles'!$G$21=$B$24,21,0),0)),0)</f>
        <v>0</v>
      </c>
      <c r="H7500" cm="1">
        <f t="array" ref="H7500">IFERROR(INDEX(Jesper!AL$2:AL$366,ROUNDDOWN($C7500/24,0)+1,1)*INDEX($D$3:$AA$30,INDEX(Jesper!$R$2:$R$366,ROW(INDEX(Jesper!AL$2:AL$366,ROUNDDOWN($C7500/24,0)+1,1))-1)+IF('Standard Profiles'!$G$22=$B$10,7,0)+IF('Standard Profiles'!$G$22=$B$17,14,0)+IF('Standard Profiles'!$G$22=$B$24,21,0),MOD($C7500,24)+1)/SUM(INDEX($D$3:$AA$30,INDEX(Jesper!$R$2:$R$366,ROW(INDEX(Jesper!AL$2:AL$366,ROUNDDOWN($C7500/24,0)+1,1))-1)+IF('Standard Profiles'!$G$22=$B$10,7,0)+IF('Standard Profiles'!$G$22=$B$17,14,0)+IF('Standard Profiles'!$G$22=$B$24,21,0),0)),0)</f>
        <v>0</v>
      </c>
      <c r="I7500">
        <f t="shared" si="832"/>
        <v>0.22619927019080754</v>
      </c>
      <c r="J7500">
        <f t="shared" si="833"/>
        <v>0.75399756730269196</v>
      </c>
      <c r="K7500">
        <f t="shared" si="834"/>
        <v>1.1309963509540377</v>
      </c>
      <c r="L7500">
        <f t="shared" si="835"/>
        <v>5.4287824845793811</v>
      </c>
      <c r="M7500">
        <f t="shared" si="836"/>
        <v>0</v>
      </c>
      <c r="N7500" s="46">
        <f t="shared" si="837"/>
        <v>45603.083333315226</v>
      </c>
    </row>
    <row r="7501" spans="2:14" x14ac:dyDescent="0.3">
      <c r="B7501">
        <f t="shared" si="831"/>
        <v>4</v>
      </c>
      <c r="C7501" s="16">
        <v>7467</v>
      </c>
      <c r="D7501" cm="1">
        <f t="array" ref="D7501">IFERROR(INDEX(Jesper!AH$2:AH$366,ROUNDDOWN($C7501/24,0)+1,1)*INDEX($D$3:$AA$30,INDEX(Jesper!$R$2:$R$366,ROW(INDEX(Jesper!AH$2:AH$366,ROUNDDOWN($C7501/24,0)+1,1))-1)+IF('Standard Profiles'!$G$18=$B$10,7,0)+IF('Standard Profiles'!$G$18=$B$17,14,0)+IF('Standard Profiles'!$G$18=$B$24,21,0),MOD($C7501,24)+1)/SUM(INDEX($D$3:$AA$30,INDEX(Jesper!$R$2:$R$366,ROW(INDEX(Jesper!AH$2:AH$366,ROUNDDOWN($C7501/24,0)+1,1))-1)+IF('Standard Profiles'!$G$18=$B$10,7,0)+IF('Standard Profiles'!$G$18=$B$17,14,0)+IF('Standard Profiles'!$G$18=$B$24,21,0),0)),0)</f>
        <v>7.5399756730269187</v>
      </c>
      <c r="E7501" cm="1">
        <f t="array" ref="E7501">IFERROR(INDEX(Jesper!AI$2:AI$366,ROUNDDOWN($C7501/24,0)+1,1)*INDEX($D$3:$AA$30,INDEX(Jesper!$R$2:$R$366,ROW(INDEX(Jesper!AI$2:AI$366,ROUNDDOWN($C7501/24,0)+1,1))-1)+IF('Standard Profiles'!$G$19=$B$10,7,0)+IF('Standard Profiles'!$G$19=$B$17,14,0)+IF('Standard Profiles'!$G$19=$B$24,21,0),MOD($C7501,24)+1)/SUM(INDEX($D$3:$AA$30,INDEX(Jesper!$R$2:$R$366,ROW(INDEX(Jesper!AI$2:AI$366,ROUNDDOWN($C7501/24,0)+1,1))-1)+IF('Standard Profiles'!$G$19=$B$10,7,0)+IF('Standard Profiles'!$G$19=$B$17,14,0)+IF('Standard Profiles'!$G$19=$B$24,21,0),0)),0)</f>
        <v>0</v>
      </c>
      <c r="F7501" cm="1">
        <f t="array" ref="F7501">IFERROR(INDEX(Jesper!AJ$2:AJ$366,ROUNDDOWN($C7501/24,0)+1,1)*INDEX($D$3:$AA$30,INDEX(Jesper!$R$2:$R$366,ROW(INDEX(Jesper!AJ$2:AJ$366,ROUNDDOWN($C7501/24,0)+1,1))-1)+IF('Standard Profiles'!$G$20=$B$10,7,0)+IF('Standard Profiles'!$G$20=$B$17,14,0)+IF('Standard Profiles'!$G$20=$B$24,21,0),MOD($C7501,24)+1)/SUM(INDEX($D$3:$AA$30,INDEX(Jesper!$R$2:$R$366,ROW(INDEX(Jesper!AJ$2:AJ$366,ROUNDDOWN($C7501/24,0)+1,1))-1)+IF('Standard Profiles'!$G$20=$B$10,7,0)+IF('Standard Profiles'!$G$20=$B$17,14,0)+IF('Standard Profiles'!$G$20=$B$24,21,0),0)),0)</f>
        <v>0</v>
      </c>
      <c r="G7501" cm="1">
        <f t="array" ref="G7501">IFERROR(INDEX(Jesper!AK$2:AK$366,ROUNDDOWN($C7501/24,0)+1,1)*INDEX($D$3:$AA$30,INDEX(Jesper!$R$2:$R$366,ROW(INDEX(Jesper!AK$2:AK$366,ROUNDDOWN($C7501/24,0)+1,1))-1)+IF('Standard Profiles'!$G$21=$B$10,7,0)+IF('Standard Profiles'!$G$21=$B$17,14,0)+IF('Standard Profiles'!$G$21=$B$24,21,0),MOD($C7501,24)+1)/SUM(INDEX($D$3:$AA$30,INDEX(Jesper!$R$2:$R$366,ROW(INDEX(Jesper!AK$2:AK$366,ROUNDDOWN($C7501/24,0)+1,1))-1)+IF('Standard Profiles'!$G$21=$B$10,7,0)+IF('Standard Profiles'!$G$21=$B$17,14,0)+IF('Standard Profiles'!$G$21=$B$24,21,0),0)),0)</f>
        <v>0</v>
      </c>
      <c r="H7501" cm="1">
        <f t="array" ref="H7501">IFERROR(INDEX(Jesper!AL$2:AL$366,ROUNDDOWN($C7501/24,0)+1,1)*INDEX($D$3:$AA$30,INDEX(Jesper!$R$2:$R$366,ROW(INDEX(Jesper!AL$2:AL$366,ROUNDDOWN($C7501/24,0)+1,1))-1)+IF('Standard Profiles'!$G$22=$B$10,7,0)+IF('Standard Profiles'!$G$22=$B$17,14,0)+IF('Standard Profiles'!$G$22=$B$24,21,0),MOD($C7501,24)+1)/SUM(INDEX($D$3:$AA$30,INDEX(Jesper!$R$2:$R$366,ROW(INDEX(Jesper!AL$2:AL$366,ROUNDDOWN($C7501/24,0)+1,1))-1)+IF('Standard Profiles'!$G$22=$B$10,7,0)+IF('Standard Profiles'!$G$22=$B$17,14,0)+IF('Standard Profiles'!$G$22=$B$24,21,0),0)),0)</f>
        <v>0</v>
      </c>
      <c r="I7501">
        <f t="shared" si="832"/>
        <v>0.22619927019080754</v>
      </c>
      <c r="J7501">
        <f t="shared" si="833"/>
        <v>0.75399756730269196</v>
      </c>
      <c r="K7501">
        <f t="shared" si="834"/>
        <v>1.1309963509540377</v>
      </c>
      <c r="L7501">
        <f t="shared" si="835"/>
        <v>5.4287824845793811</v>
      </c>
      <c r="M7501">
        <f t="shared" si="836"/>
        <v>0</v>
      </c>
      <c r="N7501" s="46">
        <f t="shared" si="837"/>
        <v>45603.12499998189</v>
      </c>
    </row>
    <row r="7502" spans="2:14" x14ac:dyDescent="0.3">
      <c r="B7502">
        <f t="shared" si="831"/>
        <v>4</v>
      </c>
      <c r="C7502" s="16">
        <v>7468</v>
      </c>
      <c r="D7502" cm="1">
        <f t="array" ref="D7502">IFERROR(INDEX(Jesper!AH$2:AH$366,ROUNDDOWN($C7502/24,0)+1,1)*INDEX($D$3:$AA$30,INDEX(Jesper!$R$2:$R$366,ROW(INDEX(Jesper!AH$2:AH$366,ROUNDDOWN($C7502/24,0)+1,1))-1)+IF('Standard Profiles'!$G$18=$B$10,7,0)+IF('Standard Profiles'!$G$18=$B$17,14,0)+IF('Standard Profiles'!$G$18=$B$24,21,0),MOD($C7502,24)+1)/SUM(INDEX($D$3:$AA$30,INDEX(Jesper!$R$2:$R$366,ROW(INDEX(Jesper!AH$2:AH$366,ROUNDDOWN($C7502/24,0)+1,1))-1)+IF('Standard Profiles'!$G$18=$B$10,7,0)+IF('Standard Profiles'!$G$18=$B$17,14,0)+IF('Standard Profiles'!$G$18=$B$24,21,0),0)),0)</f>
        <v>7.5399756730269187</v>
      </c>
      <c r="E7502" cm="1">
        <f t="array" ref="E7502">IFERROR(INDEX(Jesper!AI$2:AI$366,ROUNDDOWN($C7502/24,0)+1,1)*INDEX($D$3:$AA$30,INDEX(Jesper!$R$2:$R$366,ROW(INDEX(Jesper!AI$2:AI$366,ROUNDDOWN($C7502/24,0)+1,1))-1)+IF('Standard Profiles'!$G$19=$B$10,7,0)+IF('Standard Profiles'!$G$19=$B$17,14,0)+IF('Standard Profiles'!$G$19=$B$24,21,0),MOD($C7502,24)+1)/SUM(INDEX($D$3:$AA$30,INDEX(Jesper!$R$2:$R$366,ROW(INDEX(Jesper!AI$2:AI$366,ROUNDDOWN($C7502/24,0)+1,1))-1)+IF('Standard Profiles'!$G$19=$B$10,7,0)+IF('Standard Profiles'!$G$19=$B$17,14,0)+IF('Standard Profiles'!$G$19=$B$24,21,0),0)),0)</f>
        <v>0</v>
      </c>
      <c r="F7502" cm="1">
        <f t="array" ref="F7502">IFERROR(INDEX(Jesper!AJ$2:AJ$366,ROUNDDOWN($C7502/24,0)+1,1)*INDEX($D$3:$AA$30,INDEX(Jesper!$R$2:$R$366,ROW(INDEX(Jesper!AJ$2:AJ$366,ROUNDDOWN($C7502/24,0)+1,1))-1)+IF('Standard Profiles'!$G$20=$B$10,7,0)+IF('Standard Profiles'!$G$20=$B$17,14,0)+IF('Standard Profiles'!$G$20=$B$24,21,0),MOD($C7502,24)+1)/SUM(INDEX($D$3:$AA$30,INDEX(Jesper!$R$2:$R$366,ROW(INDEX(Jesper!AJ$2:AJ$366,ROUNDDOWN($C7502/24,0)+1,1))-1)+IF('Standard Profiles'!$G$20=$B$10,7,0)+IF('Standard Profiles'!$G$20=$B$17,14,0)+IF('Standard Profiles'!$G$20=$B$24,21,0),0)),0)</f>
        <v>0</v>
      </c>
      <c r="G7502" cm="1">
        <f t="array" ref="G7502">IFERROR(INDEX(Jesper!AK$2:AK$366,ROUNDDOWN($C7502/24,0)+1,1)*INDEX($D$3:$AA$30,INDEX(Jesper!$R$2:$R$366,ROW(INDEX(Jesper!AK$2:AK$366,ROUNDDOWN($C7502/24,0)+1,1))-1)+IF('Standard Profiles'!$G$21=$B$10,7,0)+IF('Standard Profiles'!$G$21=$B$17,14,0)+IF('Standard Profiles'!$G$21=$B$24,21,0),MOD($C7502,24)+1)/SUM(INDEX($D$3:$AA$30,INDEX(Jesper!$R$2:$R$366,ROW(INDEX(Jesper!AK$2:AK$366,ROUNDDOWN($C7502/24,0)+1,1))-1)+IF('Standard Profiles'!$G$21=$B$10,7,0)+IF('Standard Profiles'!$G$21=$B$17,14,0)+IF('Standard Profiles'!$G$21=$B$24,21,0),0)),0)</f>
        <v>0</v>
      </c>
      <c r="H7502" cm="1">
        <f t="array" ref="H7502">IFERROR(INDEX(Jesper!AL$2:AL$366,ROUNDDOWN($C7502/24,0)+1,1)*INDEX($D$3:$AA$30,INDEX(Jesper!$R$2:$R$366,ROW(INDEX(Jesper!AL$2:AL$366,ROUNDDOWN($C7502/24,0)+1,1))-1)+IF('Standard Profiles'!$G$22=$B$10,7,0)+IF('Standard Profiles'!$G$22=$B$17,14,0)+IF('Standard Profiles'!$G$22=$B$24,21,0),MOD($C7502,24)+1)/SUM(INDEX($D$3:$AA$30,INDEX(Jesper!$R$2:$R$366,ROW(INDEX(Jesper!AL$2:AL$366,ROUNDDOWN($C7502/24,0)+1,1))-1)+IF('Standard Profiles'!$G$22=$B$10,7,0)+IF('Standard Profiles'!$G$22=$B$17,14,0)+IF('Standard Profiles'!$G$22=$B$24,21,0),0)),0)</f>
        <v>0</v>
      </c>
      <c r="I7502">
        <f t="shared" si="832"/>
        <v>0.22619927019080754</v>
      </c>
      <c r="J7502">
        <f t="shared" si="833"/>
        <v>0.75399756730269196</v>
      </c>
      <c r="K7502">
        <f t="shared" si="834"/>
        <v>1.1309963509540377</v>
      </c>
      <c r="L7502">
        <f t="shared" si="835"/>
        <v>5.4287824845793811</v>
      </c>
      <c r="M7502">
        <f t="shared" si="836"/>
        <v>0</v>
      </c>
      <c r="N7502" s="46">
        <f t="shared" si="837"/>
        <v>45603.166666648554</v>
      </c>
    </row>
    <row r="7503" spans="2:14" x14ac:dyDescent="0.3">
      <c r="B7503">
        <f t="shared" si="831"/>
        <v>4</v>
      </c>
      <c r="C7503" s="16">
        <v>7469</v>
      </c>
      <c r="D7503" cm="1">
        <f t="array" ref="D7503">IFERROR(INDEX(Jesper!AH$2:AH$366,ROUNDDOWN($C7503/24,0)+1,1)*INDEX($D$3:$AA$30,INDEX(Jesper!$R$2:$R$366,ROW(INDEX(Jesper!AH$2:AH$366,ROUNDDOWN($C7503/24,0)+1,1))-1)+IF('Standard Profiles'!$G$18=$B$10,7,0)+IF('Standard Profiles'!$G$18=$B$17,14,0)+IF('Standard Profiles'!$G$18=$B$24,21,0),MOD($C7503,24)+1)/SUM(INDEX($D$3:$AA$30,INDEX(Jesper!$R$2:$R$366,ROW(INDEX(Jesper!AH$2:AH$366,ROUNDDOWN($C7503/24,0)+1,1))-1)+IF('Standard Profiles'!$G$18=$B$10,7,0)+IF('Standard Profiles'!$G$18=$B$17,14,0)+IF('Standard Profiles'!$G$18=$B$24,21,0),0)),0)</f>
        <v>9.7181908674569168</v>
      </c>
      <c r="E7503" cm="1">
        <f t="array" ref="E7503">IFERROR(INDEX(Jesper!AI$2:AI$366,ROUNDDOWN($C7503/24,0)+1,1)*INDEX($D$3:$AA$30,INDEX(Jesper!$R$2:$R$366,ROW(INDEX(Jesper!AI$2:AI$366,ROUNDDOWN($C7503/24,0)+1,1))-1)+IF('Standard Profiles'!$G$19=$B$10,7,0)+IF('Standard Profiles'!$G$19=$B$17,14,0)+IF('Standard Profiles'!$G$19=$B$24,21,0),MOD($C7503,24)+1)/SUM(INDEX($D$3:$AA$30,INDEX(Jesper!$R$2:$R$366,ROW(INDEX(Jesper!AI$2:AI$366,ROUNDDOWN($C7503/24,0)+1,1))-1)+IF('Standard Profiles'!$G$19=$B$10,7,0)+IF('Standard Profiles'!$G$19=$B$17,14,0)+IF('Standard Profiles'!$G$19=$B$24,21,0),0)),0)</f>
        <v>0</v>
      </c>
      <c r="F7503" cm="1">
        <f t="array" ref="F7503">IFERROR(INDEX(Jesper!AJ$2:AJ$366,ROUNDDOWN($C7503/24,0)+1,1)*INDEX($D$3:$AA$30,INDEX(Jesper!$R$2:$R$366,ROW(INDEX(Jesper!AJ$2:AJ$366,ROUNDDOWN($C7503/24,0)+1,1))-1)+IF('Standard Profiles'!$G$20=$B$10,7,0)+IF('Standard Profiles'!$G$20=$B$17,14,0)+IF('Standard Profiles'!$G$20=$B$24,21,0),MOD($C7503,24)+1)/SUM(INDEX($D$3:$AA$30,INDEX(Jesper!$R$2:$R$366,ROW(INDEX(Jesper!AJ$2:AJ$366,ROUNDDOWN($C7503/24,0)+1,1))-1)+IF('Standard Profiles'!$G$20=$B$10,7,0)+IF('Standard Profiles'!$G$20=$B$17,14,0)+IF('Standard Profiles'!$G$20=$B$24,21,0),0)),0)</f>
        <v>0</v>
      </c>
      <c r="G7503" cm="1">
        <f t="array" ref="G7503">IFERROR(INDEX(Jesper!AK$2:AK$366,ROUNDDOWN($C7503/24,0)+1,1)*INDEX($D$3:$AA$30,INDEX(Jesper!$R$2:$R$366,ROW(INDEX(Jesper!AK$2:AK$366,ROUNDDOWN($C7503/24,0)+1,1))-1)+IF('Standard Profiles'!$G$21=$B$10,7,0)+IF('Standard Profiles'!$G$21=$B$17,14,0)+IF('Standard Profiles'!$G$21=$B$24,21,0),MOD($C7503,24)+1)/SUM(INDEX($D$3:$AA$30,INDEX(Jesper!$R$2:$R$366,ROW(INDEX(Jesper!AK$2:AK$366,ROUNDDOWN($C7503/24,0)+1,1))-1)+IF('Standard Profiles'!$G$21=$B$10,7,0)+IF('Standard Profiles'!$G$21=$B$17,14,0)+IF('Standard Profiles'!$G$21=$B$24,21,0),0)),0)</f>
        <v>0</v>
      </c>
      <c r="H7503" cm="1">
        <f t="array" ref="H7503">IFERROR(INDEX(Jesper!AL$2:AL$366,ROUNDDOWN($C7503/24,0)+1,1)*INDEX($D$3:$AA$30,INDEX(Jesper!$R$2:$R$366,ROW(INDEX(Jesper!AL$2:AL$366,ROUNDDOWN($C7503/24,0)+1,1))-1)+IF('Standard Profiles'!$G$22=$B$10,7,0)+IF('Standard Profiles'!$G$22=$B$17,14,0)+IF('Standard Profiles'!$G$22=$B$24,21,0),MOD($C7503,24)+1)/SUM(INDEX($D$3:$AA$30,INDEX(Jesper!$R$2:$R$366,ROW(INDEX(Jesper!AL$2:AL$366,ROUNDDOWN($C7503/24,0)+1,1))-1)+IF('Standard Profiles'!$G$22=$B$10,7,0)+IF('Standard Profiles'!$G$22=$B$17,14,0)+IF('Standard Profiles'!$G$22=$B$24,21,0),0)),0)</f>
        <v>0</v>
      </c>
      <c r="I7503">
        <f t="shared" si="832"/>
        <v>0.29154572602370749</v>
      </c>
      <c r="J7503">
        <f t="shared" si="833"/>
        <v>0.97181908674569173</v>
      </c>
      <c r="K7503">
        <f t="shared" si="834"/>
        <v>1.4577286301185375</v>
      </c>
      <c r="L7503">
        <f t="shared" si="835"/>
        <v>6.9970974245689801</v>
      </c>
      <c r="M7503">
        <f t="shared" si="836"/>
        <v>0</v>
      </c>
      <c r="N7503" s="46">
        <f t="shared" si="837"/>
        <v>45603.208333315219</v>
      </c>
    </row>
    <row r="7504" spans="2:14" x14ac:dyDescent="0.3">
      <c r="B7504">
        <f t="shared" si="831"/>
        <v>4</v>
      </c>
      <c r="C7504" s="16">
        <v>7470</v>
      </c>
      <c r="D7504" cm="1">
        <f t="array" ref="D7504">IFERROR(INDEX(Jesper!AH$2:AH$366,ROUNDDOWN($C7504/24,0)+1,1)*INDEX($D$3:$AA$30,INDEX(Jesper!$R$2:$R$366,ROW(INDEX(Jesper!AH$2:AH$366,ROUNDDOWN($C7504/24,0)+1,1))-1)+IF('Standard Profiles'!$G$18=$B$10,7,0)+IF('Standard Profiles'!$G$18=$B$17,14,0)+IF('Standard Profiles'!$G$18=$B$24,21,0),MOD($C7504,24)+1)/SUM(INDEX($D$3:$AA$30,INDEX(Jesper!$R$2:$R$366,ROW(INDEX(Jesper!AH$2:AH$366,ROUNDDOWN($C7504/24,0)+1,1))-1)+IF('Standard Profiles'!$G$18=$B$10,7,0)+IF('Standard Profiles'!$G$18=$B$17,14,0)+IF('Standard Profiles'!$G$18=$B$24,21,0),0)),0)</f>
        <v>11.226186002062303</v>
      </c>
      <c r="E7504" cm="1">
        <f t="array" ref="E7504">IFERROR(INDEX(Jesper!AI$2:AI$366,ROUNDDOWN($C7504/24,0)+1,1)*INDEX($D$3:$AA$30,INDEX(Jesper!$R$2:$R$366,ROW(INDEX(Jesper!AI$2:AI$366,ROUNDDOWN($C7504/24,0)+1,1))-1)+IF('Standard Profiles'!$G$19=$B$10,7,0)+IF('Standard Profiles'!$G$19=$B$17,14,0)+IF('Standard Profiles'!$G$19=$B$24,21,0),MOD($C7504,24)+1)/SUM(INDEX($D$3:$AA$30,INDEX(Jesper!$R$2:$R$366,ROW(INDEX(Jesper!AI$2:AI$366,ROUNDDOWN($C7504/24,0)+1,1))-1)+IF('Standard Profiles'!$G$19=$B$10,7,0)+IF('Standard Profiles'!$G$19=$B$17,14,0)+IF('Standard Profiles'!$G$19=$B$24,21,0),0)),0)</f>
        <v>0</v>
      </c>
      <c r="F7504" cm="1">
        <f t="array" ref="F7504">IFERROR(INDEX(Jesper!AJ$2:AJ$366,ROUNDDOWN($C7504/24,0)+1,1)*INDEX($D$3:$AA$30,INDEX(Jesper!$R$2:$R$366,ROW(INDEX(Jesper!AJ$2:AJ$366,ROUNDDOWN($C7504/24,0)+1,1))-1)+IF('Standard Profiles'!$G$20=$B$10,7,0)+IF('Standard Profiles'!$G$20=$B$17,14,0)+IF('Standard Profiles'!$G$20=$B$24,21,0),MOD($C7504,24)+1)/SUM(INDEX($D$3:$AA$30,INDEX(Jesper!$R$2:$R$366,ROW(INDEX(Jesper!AJ$2:AJ$366,ROUNDDOWN($C7504/24,0)+1,1))-1)+IF('Standard Profiles'!$G$20=$B$10,7,0)+IF('Standard Profiles'!$G$20=$B$17,14,0)+IF('Standard Profiles'!$G$20=$B$24,21,0),0)),0)</f>
        <v>0</v>
      </c>
      <c r="G7504" cm="1">
        <f t="array" ref="G7504">IFERROR(INDEX(Jesper!AK$2:AK$366,ROUNDDOWN($C7504/24,0)+1,1)*INDEX($D$3:$AA$30,INDEX(Jesper!$R$2:$R$366,ROW(INDEX(Jesper!AK$2:AK$366,ROUNDDOWN($C7504/24,0)+1,1))-1)+IF('Standard Profiles'!$G$21=$B$10,7,0)+IF('Standard Profiles'!$G$21=$B$17,14,0)+IF('Standard Profiles'!$G$21=$B$24,21,0),MOD($C7504,24)+1)/SUM(INDEX($D$3:$AA$30,INDEX(Jesper!$R$2:$R$366,ROW(INDEX(Jesper!AK$2:AK$366,ROUNDDOWN($C7504/24,0)+1,1))-1)+IF('Standard Profiles'!$G$21=$B$10,7,0)+IF('Standard Profiles'!$G$21=$B$17,14,0)+IF('Standard Profiles'!$G$21=$B$24,21,0),0)),0)</f>
        <v>0</v>
      </c>
      <c r="H7504" cm="1">
        <f t="array" ref="H7504">IFERROR(INDEX(Jesper!AL$2:AL$366,ROUNDDOWN($C7504/24,0)+1,1)*INDEX($D$3:$AA$30,INDEX(Jesper!$R$2:$R$366,ROW(INDEX(Jesper!AL$2:AL$366,ROUNDDOWN($C7504/24,0)+1,1))-1)+IF('Standard Profiles'!$G$22=$B$10,7,0)+IF('Standard Profiles'!$G$22=$B$17,14,0)+IF('Standard Profiles'!$G$22=$B$24,21,0),MOD($C7504,24)+1)/SUM(INDEX($D$3:$AA$30,INDEX(Jesper!$R$2:$R$366,ROW(INDEX(Jesper!AL$2:AL$366,ROUNDDOWN($C7504/24,0)+1,1))-1)+IF('Standard Profiles'!$G$22=$B$10,7,0)+IF('Standard Profiles'!$G$22=$B$17,14,0)+IF('Standard Profiles'!$G$22=$B$24,21,0),0)),0)</f>
        <v>0</v>
      </c>
      <c r="I7504">
        <f t="shared" si="832"/>
        <v>0.33678558006186904</v>
      </c>
      <c r="J7504">
        <f t="shared" si="833"/>
        <v>1.1226186002062304</v>
      </c>
      <c r="K7504">
        <f t="shared" si="834"/>
        <v>1.6839279003093452</v>
      </c>
      <c r="L7504">
        <f t="shared" si="835"/>
        <v>8.0828539214848583</v>
      </c>
      <c r="M7504">
        <f t="shared" si="836"/>
        <v>0</v>
      </c>
      <c r="N7504" s="46">
        <f t="shared" si="837"/>
        <v>45603.249999981883</v>
      </c>
    </row>
    <row r="7505" spans="2:14" x14ac:dyDescent="0.3">
      <c r="B7505">
        <f t="shared" si="831"/>
        <v>4</v>
      </c>
      <c r="C7505" s="16">
        <v>7471</v>
      </c>
      <c r="D7505" cm="1">
        <f t="array" ref="D7505">IFERROR(INDEX(Jesper!AH$2:AH$366,ROUNDDOWN($C7505/24,0)+1,1)*INDEX($D$3:$AA$30,INDEX(Jesper!$R$2:$R$366,ROW(INDEX(Jesper!AH$2:AH$366,ROUNDDOWN($C7505/24,0)+1,1))-1)+IF('Standard Profiles'!$G$18=$B$10,7,0)+IF('Standard Profiles'!$G$18=$B$17,14,0)+IF('Standard Profiles'!$G$18=$B$24,21,0),MOD($C7505,24)+1)/SUM(INDEX($D$3:$AA$30,INDEX(Jesper!$R$2:$R$366,ROW(INDEX(Jesper!AH$2:AH$366,ROUNDDOWN($C7505/24,0)+1,1))-1)+IF('Standard Profiles'!$G$18=$B$10,7,0)+IF('Standard Profiles'!$G$18=$B$17,14,0)+IF('Standard Profiles'!$G$18=$B$24,21,0),0)),0)</f>
        <v>11.226186002062303</v>
      </c>
      <c r="E7505" cm="1">
        <f t="array" ref="E7505">IFERROR(INDEX(Jesper!AI$2:AI$366,ROUNDDOWN($C7505/24,0)+1,1)*INDEX($D$3:$AA$30,INDEX(Jesper!$R$2:$R$366,ROW(INDEX(Jesper!AI$2:AI$366,ROUNDDOWN($C7505/24,0)+1,1))-1)+IF('Standard Profiles'!$G$19=$B$10,7,0)+IF('Standard Profiles'!$G$19=$B$17,14,0)+IF('Standard Profiles'!$G$19=$B$24,21,0),MOD($C7505,24)+1)/SUM(INDEX($D$3:$AA$30,INDEX(Jesper!$R$2:$R$366,ROW(INDEX(Jesper!AI$2:AI$366,ROUNDDOWN($C7505/24,0)+1,1))-1)+IF('Standard Profiles'!$G$19=$B$10,7,0)+IF('Standard Profiles'!$G$19=$B$17,14,0)+IF('Standard Profiles'!$G$19=$B$24,21,0),0)),0)</f>
        <v>0</v>
      </c>
      <c r="F7505" cm="1">
        <f t="array" ref="F7505">IFERROR(INDEX(Jesper!AJ$2:AJ$366,ROUNDDOWN($C7505/24,0)+1,1)*INDEX($D$3:$AA$30,INDEX(Jesper!$R$2:$R$366,ROW(INDEX(Jesper!AJ$2:AJ$366,ROUNDDOWN($C7505/24,0)+1,1))-1)+IF('Standard Profiles'!$G$20=$B$10,7,0)+IF('Standard Profiles'!$G$20=$B$17,14,0)+IF('Standard Profiles'!$G$20=$B$24,21,0),MOD($C7505,24)+1)/SUM(INDEX($D$3:$AA$30,INDEX(Jesper!$R$2:$R$366,ROW(INDEX(Jesper!AJ$2:AJ$366,ROUNDDOWN($C7505/24,0)+1,1))-1)+IF('Standard Profiles'!$G$20=$B$10,7,0)+IF('Standard Profiles'!$G$20=$B$17,14,0)+IF('Standard Profiles'!$G$20=$B$24,21,0),0)),0)</f>
        <v>0</v>
      </c>
      <c r="G7505" cm="1">
        <f t="array" ref="G7505">IFERROR(INDEX(Jesper!AK$2:AK$366,ROUNDDOWN($C7505/24,0)+1,1)*INDEX($D$3:$AA$30,INDEX(Jesper!$R$2:$R$366,ROW(INDEX(Jesper!AK$2:AK$366,ROUNDDOWN($C7505/24,0)+1,1))-1)+IF('Standard Profiles'!$G$21=$B$10,7,0)+IF('Standard Profiles'!$G$21=$B$17,14,0)+IF('Standard Profiles'!$G$21=$B$24,21,0),MOD($C7505,24)+1)/SUM(INDEX($D$3:$AA$30,INDEX(Jesper!$R$2:$R$366,ROW(INDEX(Jesper!AK$2:AK$366,ROUNDDOWN($C7505/24,0)+1,1))-1)+IF('Standard Profiles'!$G$21=$B$10,7,0)+IF('Standard Profiles'!$G$21=$B$17,14,0)+IF('Standard Profiles'!$G$21=$B$24,21,0),0)),0)</f>
        <v>0</v>
      </c>
      <c r="H7505" cm="1">
        <f t="array" ref="H7505">IFERROR(INDEX(Jesper!AL$2:AL$366,ROUNDDOWN($C7505/24,0)+1,1)*INDEX($D$3:$AA$30,INDEX(Jesper!$R$2:$R$366,ROW(INDEX(Jesper!AL$2:AL$366,ROUNDDOWN($C7505/24,0)+1,1))-1)+IF('Standard Profiles'!$G$22=$B$10,7,0)+IF('Standard Profiles'!$G$22=$B$17,14,0)+IF('Standard Profiles'!$G$22=$B$24,21,0),MOD($C7505,24)+1)/SUM(INDEX($D$3:$AA$30,INDEX(Jesper!$R$2:$R$366,ROW(INDEX(Jesper!AL$2:AL$366,ROUNDDOWN($C7505/24,0)+1,1))-1)+IF('Standard Profiles'!$G$22=$B$10,7,0)+IF('Standard Profiles'!$G$22=$B$17,14,0)+IF('Standard Profiles'!$G$22=$B$24,21,0),0)),0)</f>
        <v>0</v>
      </c>
      <c r="I7505">
        <f t="shared" si="832"/>
        <v>0.33678558006186904</v>
      </c>
      <c r="J7505">
        <f t="shared" si="833"/>
        <v>1.1226186002062304</v>
      </c>
      <c r="K7505">
        <f t="shared" si="834"/>
        <v>1.6839279003093452</v>
      </c>
      <c r="L7505">
        <f t="shared" si="835"/>
        <v>8.0828539214848583</v>
      </c>
      <c r="M7505">
        <f t="shared" si="836"/>
        <v>0</v>
      </c>
      <c r="N7505" s="46">
        <f t="shared" si="837"/>
        <v>45603.291666648547</v>
      </c>
    </row>
    <row r="7506" spans="2:14" x14ac:dyDescent="0.3">
      <c r="B7506">
        <f t="shared" si="831"/>
        <v>4</v>
      </c>
      <c r="C7506" s="16">
        <v>7472</v>
      </c>
      <c r="D7506" cm="1">
        <f t="array" ref="D7506">IFERROR(INDEX(Jesper!AH$2:AH$366,ROUNDDOWN($C7506/24,0)+1,1)*INDEX($D$3:$AA$30,INDEX(Jesper!$R$2:$R$366,ROW(INDEX(Jesper!AH$2:AH$366,ROUNDDOWN($C7506/24,0)+1,1))-1)+IF('Standard Profiles'!$G$18=$B$10,7,0)+IF('Standard Profiles'!$G$18=$B$17,14,0)+IF('Standard Profiles'!$G$18=$B$24,21,0),MOD($C7506,24)+1)/SUM(INDEX($D$3:$AA$30,INDEX(Jesper!$R$2:$R$366,ROW(INDEX(Jesper!AH$2:AH$366,ROUNDDOWN($C7506/24,0)+1,1))-1)+IF('Standard Profiles'!$G$18=$B$10,7,0)+IF('Standard Profiles'!$G$18=$B$17,14,0)+IF('Standard Profiles'!$G$18=$B$24,21,0),0)),0)</f>
        <v>11.226186002062303</v>
      </c>
      <c r="E7506" cm="1">
        <f t="array" ref="E7506">IFERROR(INDEX(Jesper!AI$2:AI$366,ROUNDDOWN($C7506/24,0)+1,1)*INDEX($D$3:$AA$30,INDEX(Jesper!$R$2:$R$366,ROW(INDEX(Jesper!AI$2:AI$366,ROUNDDOWN($C7506/24,0)+1,1))-1)+IF('Standard Profiles'!$G$19=$B$10,7,0)+IF('Standard Profiles'!$G$19=$B$17,14,0)+IF('Standard Profiles'!$G$19=$B$24,21,0),MOD($C7506,24)+1)/SUM(INDEX($D$3:$AA$30,INDEX(Jesper!$R$2:$R$366,ROW(INDEX(Jesper!AI$2:AI$366,ROUNDDOWN($C7506/24,0)+1,1))-1)+IF('Standard Profiles'!$G$19=$B$10,7,0)+IF('Standard Profiles'!$G$19=$B$17,14,0)+IF('Standard Profiles'!$G$19=$B$24,21,0),0)),0)</f>
        <v>0</v>
      </c>
      <c r="F7506" cm="1">
        <f t="array" ref="F7506">IFERROR(INDEX(Jesper!AJ$2:AJ$366,ROUNDDOWN($C7506/24,0)+1,1)*INDEX($D$3:$AA$30,INDEX(Jesper!$R$2:$R$366,ROW(INDEX(Jesper!AJ$2:AJ$366,ROUNDDOWN($C7506/24,0)+1,1))-1)+IF('Standard Profiles'!$G$20=$B$10,7,0)+IF('Standard Profiles'!$G$20=$B$17,14,0)+IF('Standard Profiles'!$G$20=$B$24,21,0),MOD($C7506,24)+1)/SUM(INDEX($D$3:$AA$30,INDEX(Jesper!$R$2:$R$366,ROW(INDEX(Jesper!AJ$2:AJ$366,ROUNDDOWN($C7506/24,0)+1,1))-1)+IF('Standard Profiles'!$G$20=$B$10,7,0)+IF('Standard Profiles'!$G$20=$B$17,14,0)+IF('Standard Profiles'!$G$20=$B$24,21,0),0)),0)</f>
        <v>0</v>
      </c>
      <c r="G7506" cm="1">
        <f t="array" ref="G7506">IFERROR(INDEX(Jesper!AK$2:AK$366,ROUNDDOWN($C7506/24,0)+1,1)*INDEX($D$3:$AA$30,INDEX(Jesper!$R$2:$R$366,ROW(INDEX(Jesper!AK$2:AK$366,ROUNDDOWN($C7506/24,0)+1,1))-1)+IF('Standard Profiles'!$G$21=$B$10,7,0)+IF('Standard Profiles'!$G$21=$B$17,14,0)+IF('Standard Profiles'!$G$21=$B$24,21,0),MOD($C7506,24)+1)/SUM(INDEX($D$3:$AA$30,INDEX(Jesper!$R$2:$R$366,ROW(INDEX(Jesper!AK$2:AK$366,ROUNDDOWN($C7506/24,0)+1,1))-1)+IF('Standard Profiles'!$G$21=$B$10,7,0)+IF('Standard Profiles'!$G$21=$B$17,14,0)+IF('Standard Profiles'!$G$21=$B$24,21,0),0)),0)</f>
        <v>0</v>
      </c>
      <c r="H7506" cm="1">
        <f t="array" ref="H7506">IFERROR(INDEX(Jesper!AL$2:AL$366,ROUNDDOWN($C7506/24,0)+1,1)*INDEX($D$3:$AA$30,INDEX(Jesper!$R$2:$R$366,ROW(INDEX(Jesper!AL$2:AL$366,ROUNDDOWN($C7506/24,0)+1,1))-1)+IF('Standard Profiles'!$G$22=$B$10,7,0)+IF('Standard Profiles'!$G$22=$B$17,14,0)+IF('Standard Profiles'!$G$22=$B$24,21,0),MOD($C7506,24)+1)/SUM(INDEX($D$3:$AA$30,INDEX(Jesper!$R$2:$R$366,ROW(INDEX(Jesper!AL$2:AL$366,ROUNDDOWN($C7506/24,0)+1,1))-1)+IF('Standard Profiles'!$G$22=$B$10,7,0)+IF('Standard Profiles'!$G$22=$B$17,14,0)+IF('Standard Profiles'!$G$22=$B$24,21,0),0)),0)</f>
        <v>0</v>
      </c>
      <c r="I7506">
        <f t="shared" si="832"/>
        <v>0.33678558006186904</v>
      </c>
      <c r="J7506">
        <f t="shared" si="833"/>
        <v>1.1226186002062304</v>
      </c>
      <c r="K7506">
        <f t="shared" si="834"/>
        <v>1.6839279003093452</v>
      </c>
      <c r="L7506">
        <f t="shared" si="835"/>
        <v>8.0828539214848583</v>
      </c>
      <c r="M7506">
        <f t="shared" si="836"/>
        <v>0</v>
      </c>
      <c r="N7506" s="46">
        <f t="shared" si="837"/>
        <v>45603.333333315211</v>
      </c>
    </row>
    <row r="7507" spans="2:14" x14ac:dyDescent="0.3">
      <c r="B7507">
        <f t="shared" si="831"/>
        <v>4</v>
      </c>
      <c r="C7507" s="16">
        <v>7473</v>
      </c>
      <c r="D7507" cm="1">
        <f t="array" ref="D7507">IFERROR(INDEX(Jesper!AH$2:AH$366,ROUNDDOWN($C7507/24,0)+1,1)*INDEX($D$3:$AA$30,INDEX(Jesper!$R$2:$R$366,ROW(INDEX(Jesper!AH$2:AH$366,ROUNDDOWN($C7507/24,0)+1,1))-1)+IF('Standard Profiles'!$G$18=$B$10,7,0)+IF('Standard Profiles'!$G$18=$B$17,14,0)+IF('Standard Profiles'!$G$18=$B$24,21,0),MOD($C7507,24)+1)/SUM(INDEX($D$3:$AA$30,INDEX(Jesper!$R$2:$R$366,ROW(INDEX(Jesper!AH$2:AH$366,ROUNDDOWN($C7507/24,0)+1,1))-1)+IF('Standard Profiles'!$G$18=$B$10,7,0)+IF('Standard Profiles'!$G$18=$B$17,14,0)+IF('Standard Profiles'!$G$18=$B$24,21,0),0)),0)</f>
        <v>12.063961076843071</v>
      </c>
      <c r="E7507" cm="1">
        <f t="array" ref="E7507">IFERROR(INDEX(Jesper!AI$2:AI$366,ROUNDDOWN($C7507/24,0)+1,1)*INDEX($D$3:$AA$30,INDEX(Jesper!$R$2:$R$366,ROW(INDEX(Jesper!AI$2:AI$366,ROUNDDOWN($C7507/24,0)+1,1))-1)+IF('Standard Profiles'!$G$19=$B$10,7,0)+IF('Standard Profiles'!$G$19=$B$17,14,0)+IF('Standard Profiles'!$G$19=$B$24,21,0),MOD($C7507,24)+1)/SUM(INDEX($D$3:$AA$30,INDEX(Jesper!$R$2:$R$366,ROW(INDEX(Jesper!AI$2:AI$366,ROUNDDOWN($C7507/24,0)+1,1))-1)+IF('Standard Profiles'!$G$19=$B$10,7,0)+IF('Standard Profiles'!$G$19=$B$17,14,0)+IF('Standard Profiles'!$G$19=$B$24,21,0),0)),0)</f>
        <v>0</v>
      </c>
      <c r="F7507" cm="1">
        <f t="array" ref="F7507">IFERROR(INDEX(Jesper!AJ$2:AJ$366,ROUNDDOWN($C7507/24,0)+1,1)*INDEX($D$3:$AA$30,INDEX(Jesper!$R$2:$R$366,ROW(INDEX(Jesper!AJ$2:AJ$366,ROUNDDOWN($C7507/24,0)+1,1))-1)+IF('Standard Profiles'!$G$20=$B$10,7,0)+IF('Standard Profiles'!$G$20=$B$17,14,0)+IF('Standard Profiles'!$G$20=$B$24,21,0),MOD($C7507,24)+1)/SUM(INDEX($D$3:$AA$30,INDEX(Jesper!$R$2:$R$366,ROW(INDEX(Jesper!AJ$2:AJ$366,ROUNDDOWN($C7507/24,0)+1,1))-1)+IF('Standard Profiles'!$G$20=$B$10,7,0)+IF('Standard Profiles'!$G$20=$B$17,14,0)+IF('Standard Profiles'!$G$20=$B$24,21,0),0)),0)</f>
        <v>0</v>
      </c>
      <c r="G7507" cm="1">
        <f t="array" ref="G7507">IFERROR(INDEX(Jesper!AK$2:AK$366,ROUNDDOWN($C7507/24,0)+1,1)*INDEX($D$3:$AA$30,INDEX(Jesper!$R$2:$R$366,ROW(INDEX(Jesper!AK$2:AK$366,ROUNDDOWN($C7507/24,0)+1,1))-1)+IF('Standard Profiles'!$G$21=$B$10,7,0)+IF('Standard Profiles'!$G$21=$B$17,14,0)+IF('Standard Profiles'!$G$21=$B$24,21,0),MOD($C7507,24)+1)/SUM(INDEX($D$3:$AA$30,INDEX(Jesper!$R$2:$R$366,ROW(INDEX(Jesper!AK$2:AK$366,ROUNDDOWN($C7507/24,0)+1,1))-1)+IF('Standard Profiles'!$G$21=$B$10,7,0)+IF('Standard Profiles'!$G$21=$B$17,14,0)+IF('Standard Profiles'!$G$21=$B$24,21,0),0)),0)</f>
        <v>0</v>
      </c>
      <c r="H7507" cm="1">
        <f t="array" ref="H7507">IFERROR(INDEX(Jesper!AL$2:AL$366,ROUNDDOWN($C7507/24,0)+1,1)*INDEX($D$3:$AA$30,INDEX(Jesper!$R$2:$R$366,ROW(INDEX(Jesper!AL$2:AL$366,ROUNDDOWN($C7507/24,0)+1,1))-1)+IF('Standard Profiles'!$G$22=$B$10,7,0)+IF('Standard Profiles'!$G$22=$B$17,14,0)+IF('Standard Profiles'!$G$22=$B$24,21,0),MOD($C7507,24)+1)/SUM(INDEX($D$3:$AA$30,INDEX(Jesper!$R$2:$R$366,ROW(INDEX(Jesper!AL$2:AL$366,ROUNDDOWN($C7507/24,0)+1,1))-1)+IF('Standard Profiles'!$G$22=$B$10,7,0)+IF('Standard Profiles'!$G$22=$B$17,14,0)+IF('Standard Profiles'!$G$22=$B$24,21,0),0)),0)</f>
        <v>0</v>
      </c>
      <c r="I7507">
        <f t="shared" si="832"/>
        <v>0.36191883230529215</v>
      </c>
      <c r="J7507">
        <f t="shared" si="833"/>
        <v>1.2063961076843073</v>
      </c>
      <c r="K7507">
        <f t="shared" si="834"/>
        <v>1.8095941615264606</v>
      </c>
      <c r="L7507">
        <f t="shared" si="835"/>
        <v>8.6860519753270111</v>
      </c>
      <c r="M7507">
        <f t="shared" si="836"/>
        <v>0</v>
      </c>
      <c r="N7507" s="46">
        <f t="shared" si="837"/>
        <v>45603.374999981876</v>
      </c>
    </row>
    <row r="7508" spans="2:14" x14ac:dyDescent="0.3">
      <c r="B7508">
        <f t="shared" si="831"/>
        <v>4</v>
      </c>
      <c r="C7508" s="16">
        <v>7474</v>
      </c>
      <c r="D7508" cm="1">
        <f t="array" ref="D7508">IFERROR(INDEX(Jesper!AH$2:AH$366,ROUNDDOWN($C7508/24,0)+1,1)*INDEX($D$3:$AA$30,INDEX(Jesper!$R$2:$R$366,ROW(INDEX(Jesper!AH$2:AH$366,ROUNDDOWN($C7508/24,0)+1,1))-1)+IF('Standard Profiles'!$G$18=$B$10,7,0)+IF('Standard Profiles'!$G$18=$B$17,14,0)+IF('Standard Profiles'!$G$18=$B$24,21,0),MOD($C7508,24)+1)/SUM(INDEX($D$3:$AA$30,INDEX(Jesper!$R$2:$R$366,ROW(INDEX(Jesper!AH$2:AH$366,ROUNDDOWN($C7508/24,0)+1,1))-1)+IF('Standard Profiles'!$G$18=$B$10,7,0)+IF('Standard Profiles'!$G$18=$B$17,14,0)+IF('Standard Profiles'!$G$18=$B$24,21,0),0)),0)</f>
        <v>13.069291166579994</v>
      </c>
      <c r="E7508" cm="1">
        <f t="array" ref="E7508">IFERROR(INDEX(Jesper!AI$2:AI$366,ROUNDDOWN($C7508/24,0)+1,1)*INDEX($D$3:$AA$30,INDEX(Jesper!$R$2:$R$366,ROW(INDEX(Jesper!AI$2:AI$366,ROUNDDOWN($C7508/24,0)+1,1))-1)+IF('Standard Profiles'!$G$19=$B$10,7,0)+IF('Standard Profiles'!$G$19=$B$17,14,0)+IF('Standard Profiles'!$G$19=$B$24,21,0),MOD($C7508,24)+1)/SUM(INDEX($D$3:$AA$30,INDEX(Jesper!$R$2:$R$366,ROW(INDEX(Jesper!AI$2:AI$366,ROUNDDOWN($C7508/24,0)+1,1))-1)+IF('Standard Profiles'!$G$19=$B$10,7,0)+IF('Standard Profiles'!$G$19=$B$17,14,0)+IF('Standard Profiles'!$G$19=$B$24,21,0),0)),0)</f>
        <v>0</v>
      </c>
      <c r="F7508" cm="1">
        <f t="array" ref="F7508">IFERROR(INDEX(Jesper!AJ$2:AJ$366,ROUNDDOWN($C7508/24,0)+1,1)*INDEX($D$3:$AA$30,INDEX(Jesper!$R$2:$R$366,ROW(INDEX(Jesper!AJ$2:AJ$366,ROUNDDOWN($C7508/24,0)+1,1))-1)+IF('Standard Profiles'!$G$20=$B$10,7,0)+IF('Standard Profiles'!$G$20=$B$17,14,0)+IF('Standard Profiles'!$G$20=$B$24,21,0),MOD($C7508,24)+1)/SUM(INDEX($D$3:$AA$30,INDEX(Jesper!$R$2:$R$366,ROW(INDEX(Jesper!AJ$2:AJ$366,ROUNDDOWN($C7508/24,0)+1,1))-1)+IF('Standard Profiles'!$G$20=$B$10,7,0)+IF('Standard Profiles'!$G$20=$B$17,14,0)+IF('Standard Profiles'!$G$20=$B$24,21,0),0)),0)</f>
        <v>0</v>
      </c>
      <c r="G7508" cm="1">
        <f t="array" ref="G7508">IFERROR(INDEX(Jesper!AK$2:AK$366,ROUNDDOWN($C7508/24,0)+1,1)*INDEX($D$3:$AA$30,INDEX(Jesper!$R$2:$R$366,ROW(INDEX(Jesper!AK$2:AK$366,ROUNDDOWN($C7508/24,0)+1,1))-1)+IF('Standard Profiles'!$G$21=$B$10,7,0)+IF('Standard Profiles'!$G$21=$B$17,14,0)+IF('Standard Profiles'!$G$21=$B$24,21,0),MOD($C7508,24)+1)/SUM(INDEX($D$3:$AA$30,INDEX(Jesper!$R$2:$R$366,ROW(INDEX(Jesper!AK$2:AK$366,ROUNDDOWN($C7508/24,0)+1,1))-1)+IF('Standard Profiles'!$G$21=$B$10,7,0)+IF('Standard Profiles'!$G$21=$B$17,14,0)+IF('Standard Profiles'!$G$21=$B$24,21,0),0)),0)</f>
        <v>0</v>
      </c>
      <c r="H7508" cm="1">
        <f t="array" ref="H7508">IFERROR(INDEX(Jesper!AL$2:AL$366,ROUNDDOWN($C7508/24,0)+1,1)*INDEX($D$3:$AA$30,INDEX(Jesper!$R$2:$R$366,ROW(INDEX(Jesper!AL$2:AL$366,ROUNDDOWN($C7508/24,0)+1,1))-1)+IF('Standard Profiles'!$G$22=$B$10,7,0)+IF('Standard Profiles'!$G$22=$B$17,14,0)+IF('Standard Profiles'!$G$22=$B$24,21,0),MOD($C7508,24)+1)/SUM(INDEX($D$3:$AA$30,INDEX(Jesper!$R$2:$R$366,ROW(INDEX(Jesper!AL$2:AL$366,ROUNDDOWN($C7508/24,0)+1,1))-1)+IF('Standard Profiles'!$G$22=$B$10,7,0)+IF('Standard Profiles'!$G$22=$B$17,14,0)+IF('Standard Profiles'!$G$22=$B$24,21,0),0)),0)</f>
        <v>0</v>
      </c>
      <c r="I7508">
        <f t="shared" si="832"/>
        <v>0.39207873499739981</v>
      </c>
      <c r="J7508">
        <f t="shared" si="833"/>
        <v>1.3069291166579995</v>
      </c>
      <c r="K7508">
        <f t="shared" si="834"/>
        <v>1.960393674986999</v>
      </c>
      <c r="L7508">
        <f t="shared" si="835"/>
        <v>9.409889639937596</v>
      </c>
      <c r="M7508">
        <f t="shared" si="836"/>
        <v>0</v>
      </c>
      <c r="N7508" s="46">
        <f t="shared" si="837"/>
        <v>45603.41666664854</v>
      </c>
    </row>
    <row r="7509" spans="2:14" x14ac:dyDescent="0.3">
      <c r="B7509">
        <f t="shared" si="831"/>
        <v>4</v>
      </c>
      <c r="C7509" s="16">
        <v>7475</v>
      </c>
      <c r="D7509" cm="1">
        <f t="array" ref="D7509">IFERROR(INDEX(Jesper!AH$2:AH$366,ROUNDDOWN($C7509/24,0)+1,1)*INDEX($D$3:$AA$30,INDEX(Jesper!$R$2:$R$366,ROW(INDEX(Jesper!AH$2:AH$366,ROUNDDOWN($C7509/24,0)+1,1))-1)+IF('Standard Profiles'!$G$18=$B$10,7,0)+IF('Standard Profiles'!$G$18=$B$17,14,0)+IF('Standard Profiles'!$G$18=$B$24,21,0),MOD($C7509,24)+1)/SUM(INDEX($D$3:$AA$30,INDEX(Jesper!$R$2:$R$366,ROW(INDEX(Jesper!AH$2:AH$366,ROUNDDOWN($C7509/24,0)+1,1))-1)+IF('Standard Profiles'!$G$18=$B$10,7,0)+IF('Standard Profiles'!$G$18=$B$17,14,0)+IF('Standard Profiles'!$G$18=$B$24,21,0),0)),0)</f>
        <v>15.079951346053837</v>
      </c>
      <c r="E7509" cm="1">
        <f t="array" ref="E7509">IFERROR(INDEX(Jesper!AI$2:AI$366,ROUNDDOWN($C7509/24,0)+1,1)*INDEX($D$3:$AA$30,INDEX(Jesper!$R$2:$R$366,ROW(INDEX(Jesper!AI$2:AI$366,ROUNDDOWN($C7509/24,0)+1,1))-1)+IF('Standard Profiles'!$G$19=$B$10,7,0)+IF('Standard Profiles'!$G$19=$B$17,14,0)+IF('Standard Profiles'!$G$19=$B$24,21,0),MOD($C7509,24)+1)/SUM(INDEX($D$3:$AA$30,INDEX(Jesper!$R$2:$R$366,ROW(INDEX(Jesper!AI$2:AI$366,ROUNDDOWN($C7509/24,0)+1,1))-1)+IF('Standard Profiles'!$G$19=$B$10,7,0)+IF('Standard Profiles'!$G$19=$B$17,14,0)+IF('Standard Profiles'!$G$19=$B$24,21,0),0)),0)</f>
        <v>0</v>
      </c>
      <c r="F7509" cm="1">
        <f t="array" ref="F7509">IFERROR(INDEX(Jesper!AJ$2:AJ$366,ROUNDDOWN($C7509/24,0)+1,1)*INDEX($D$3:$AA$30,INDEX(Jesper!$R$2:$R$366,ROW(INDEX(Jesper!AJ$2:AJ$366,ROUNDDOWN($C7509/24,0)+1,1))-1)+IF('Standard Profiles'!$G$20=$B$10,7,0)+IF('Standard Profiles'!$G$20=$B$17,14,0)+IF('Standard Profiles'!$G$20=$B$24,21,0),MOD($C7509,24)+1)/SUM(INDEX($D$3:$AA$30,INDEX(Jesper!$R$2:$R$366,ROW(INDEX(Jesper!AJ$2:AJ$366,ROUNDDOWN($C7509/24,0)+1,1))-1)+IF('Standard Profiles'!$G$20=$B$10,7,0)+IF('Standard Profiles'!$G$20=$B$17,14,0)+IF('Standard Profiles'!$G$20=$B$24,21,0),0)),0)</f>
        <v>0</v>
      </c>
      <c r="G7509" cm="1">
        <f t="array" ref="G7509">IFERROR(INDEX(Jesper!AK$2:AK$366,ROUNDDOWN($C7509/24,0)+1,1)*INDEX($D$3:$AA$30,INDEX(Jesper!$R$2:$R$366,ROW(INDEX(Jesper!AK$2:AK$366,ROUNDDOWN($C7509/24,0)+1,1))-1)+IF('Standard Profiles'!$G$21=$B$10,7,0)+IF('Standard Profiles'!$G$21=$B$17,14,0)+IF('Standard Profiles'!$G$21=$B$24,21,0),MOD($C7509,24)+1)/SUM(INDEX($D$3:$AA$30,INDEX(Jesper!$R$2:$R$366,ROW(INDEX(Jesper!AK$2:AK$366,ROUNDDOWN($C7509/24,0)+1,1))-1)+IF('Standard Profiles'!$G$21=$B$10,7,0)+IF('Standard Profiles'!$G$21=$B$17,14,0)+IF('Standard Profiles'!$G$21=$B$24,21,0),0)),0)</f>
        <v>0</v>
      </c>
      <c r="H7509" cm="1">
        <f t="array" ref="H7509">IFERROR(INDEX(Jesper!AL$2:AL$366,ROUNDDOWN($C7509/24,0)+1,1)*INDEX($D$3:$AA$30,INDEX(Jesper!$R$2:$R$366,ROW(INDEX(Jesper!AL$2:AL$366,ROUNDDOWN($C7509/24,0)+1,1))-1)+IF('Standard Profiles'!$G$22=$B$10,7,0)+IF('Standard Profiles'!$G$22=$B$17,14,0)+IF('Standard Profiles'!$G$22=$B$24,21,0),MOD($C7509,24)+1)/SUM(INDEX($D$3:$AA$30,INDEX(Jesper!$R$2:$R$366,ROW(INDEX(Jesper!AL$2:AL$366,ROUNDDOWN($C7509/24,0)+1,1))-1)+IF('Standard Profiles'!$G$22=$B$10,7,0)+IF('Standard Profiles'!$G$22=$B$17,14,0)+IF('Standard Profiles'!$G$22=$B$24,21,0),0)),0)</f>
        <v>0</v>
      </c>
      <c r="I7509">
        <f t="shared" si="832"/>
        <v>0.45239854038161509</v>
      </c>
      <c r="J7509">
        <f t="shared" si="833"/>
        <v>1.5079951346053839</v>
      </c>
      <c r="K7509">
        <f t="shared" si="834"/>
        <v>2.2619927019080754</v>
      </c>
      <c r="L7509">
        <f t="shared" si="835"/>
        <v>10.857564969158762</v>
      </c>
      <c r="M7509">
        <f t="shared" si="836"/>
        <v>0</v>
      </c>
      <c r="N7509" s="46">
        <f t="shared" si="837"/>
        <v>45603.458333315204</v>
      </c>
    </row>
    <row r="7510" spans="2:14" x14ac:dyDescent="0.3">
      <c r="B7510">
        <f t="shared" si="831"/>
        <v>4</v>
      </c>
      <c r="C7510" s="16">
        <v>7476</v>
      </c>
      <c r="D7510" cm="1">
        <f t="array" ref="D7510">IFERROR(INDEX(Jesper!AH$2:AH$366,ROUNDDOWN($C7510/24,0)+1,1)*INDEX($D$3:$AA$30,INDEX(Jesper!$R$2:$R$366,ROW(INDEX(Jesper!AH$2:AH$366,ROUNDDOWN($C7510/24,0)+1,1))-1)+IF('Standard Profiles'!$G$18=$B$10,7,0)+IF('Standard Profiles'!$G$18=$B$17,14,0)+IF('Standard Profiles'!$G$18=$B$24,21,0),MOD($C7510,24)+1)/SUM(INDEX($D$3:$AA$30,INDEX(Jesper!$R$2:$R$366,ROW(INDEX(Jesper!AH$2:AH$366,ROUNDDOWN($C7510/24,0)+1,1))-1)+IF('Standard Profiles'!$G$18=$B$10,7,0)+IF('Standard Profiles'!$G$18=$B$17,14,0)+IF('Standard Profiles'!$G$18=$B$24,21,0),0)),0)</f>
        <v>15.079951346053837</v>
      </c>
      <c r="E7510" cm="1">
        <f t="array" ref="E7510">IFERROR(INDEX(Jesper!AI$2:AI$366,ROUNDDOWN($C7510/24,0)+1,1)*INDEX($D$3:$AA$30,INDEX(Jesper!$R$2:$R$366,ROW(INDEX(Jesper!AI$2:AI$366,ROUNDDOWN($C7510/24,0)+1,1))-1)+IF('Standard Profiles'!$G$19=$B$10,7,0)+IF('Standard Profiles'!$G$19=$B$17,14,0)+IF('Standard Profiles'!$G$19=$B$24,21,0),MOD($C7510,24)+1)/SUM(INDEX($D$3:$AA$30,INDEX(Jesper!$R$2:$R$366,ROW(INDEX(Jesper!AI$2:AI$366,ROUNDDOWN($C7510/24,0)+1,1))-1)+IF('Standard Profiles'!$G$19=$B$10,7,0)+IF('Standard Profiles'!$G$19=$B$17,14,0)+IF('Standard Profiles'!$G$19=$B$24,21,0),0)),0)</f>
        <v>0</v>
      </c>
      <c r="F7510" cm="1">
        <f t="array" ref="F7510">IFERROR(INDEX(Jesper!AJ$2:AJ$366,ROUNDDOWN($C7510/24,0)+1,1)*INDEX($D$3:$AA$30,INDEX(Jesper!$R$2:$R$366,ROW(INDEX(Jesper!AJ$2:AJ$366,ROUNDDOWN($C7510/24,0)+1,1))-1)+IF('Standard Profiles'!$G$20=$B$10,7,0)+IF('Standard Profiles'!$G$20=$B$17,14,0)+IF('Standard Profiles'!$G$20=$B$24,21,0),MOD($C7510,24)+1)/SUM(INDEX($D$3:$AA$30,INDEX(Jesper!$R$2:$R$366,ROW(INDEX(Jesper!AJ$2:AJ$366,ROUNDDOWN($C7510/24,0)+1,1))-1)+IF('Standard Profiles'!$G$20=$B$10,7,0)+IF('Standard Profiles'!$G$20=$B$17,14,0)+IF('Standard Profiles'!$G$20=$B$24,21,0),0)),0)</f>
        <v>0</v>
      </c>
      <c r="G7510" cm="1">
        <f t="array" ref="G7510">IFERROR(INDEX(Jesper!AK$2:AK$366,ROUNDDOWN($C7510/24,0)+1,1)*INDEX($D$3:$AA$30,INDEX(Jesper!$R$2:$R$366,ROW(INDEX(Jesper!AK$2:AK$366,ROUNDDOWN($C7510/24,0)+1,1))-1)+IF('Standard Profiles'!$G$21=$B$10,7,0)+IF('Standard Profiles'!$G$21=$B$17,14,0)+IF('Standard Profiles'!$G$21=$B$24,21,0),MOD($C7510,24)+1)/SUM(INDEX($D$3:$AA$30,INDEX(Jesper!$R$2:$R$366,ROW(INDEX(Jesper!AK$2:AK$366,ROUNDDOWN($C7510/24,0)+1,1))-1)+IF('Standard Profiles'!$G$21=$B$10,7,0)+IF('Standard Profiles'!$G$21=$B$17,14,0)+IF('Standard Profiles'!$G$21=$B$24,21,0),0)),0)</f>
        <v>0</v>
      </c>
      <c r="H7510" cm="1">
        <f t="array" ref="H7510">IFERROR(INDEX(Jesper!AL$2:AL$366,ROUNDDOWN($C7510/24,0)+1,1)*INDEX($D$3:$AA$30,INDEX(Jesper!$R$2:$R$366,ROW(INDEX(Jesper!AL$2:AL$366,ROUNDDOWN($C7510/24,0)+1,1))-1)+IF('Standard Profiles'!$G$22=$B$10,7,0)+IF('Standard Profiles'!$G$22=$B$17,14,0)+IF('Standard Profiles'!$G$22=$B$24,21,0),MOD($C7510,24)+1)/SUM(INDEX($D$3:$AA$30,INDEX(Jesper!$R$2:$R$366,ROW(INDEX(Jesper!AL$2:AL$366,ROUNDDOWN($C7510/24,0)+1,1))-1)+IF('Standard Profiles'!$G$22=$B$10,7,0)+IF('Standard Profiles'!$G$22=$B$17,14,0)+IF('Standard Profiles'!$G$22=$B$24,21,0),0)),0)</f>
        <v>0</v>
      </c>
      <c r="I7510">
        <f t="shared" si="832"/>
        <v>0.45239854038161509</v>
      </c>
      <c r="J7510">
        <f t="shared" si="833"/>
        <v>1.5079951346053839</v>
      </c>
      <c r="K7510">
        <f t="shared" si="834"/>
        <v>2.2619927019080754</v>
      </c>
      <c r="L7510">
        <f t="shared" si="835"/>
        <v>10.857564969158762</v>
      </c>
      <c r="M7510">
        <f t="shared" si="836"/>
        <v>0</v>
      </c>
      <c r="N7510" s="46">
        <f t="shared" si="837"/>
        <v>45603.499999981868</v>
      </c>
    </row>
    <row r="7511" spans="2:14" x14ac:dyDescent="0.3">
      <c r="B7511">
        <f t="shared" si="831"/>
        <v>4</v>
      </c>
      <c r="C7511" s="16">
        <v>7477</v>
      </c>
      <c r="D7511" cm="1">
        <f t="array" ref="D7511">IFERROR(INDEX(Jesper!AH$2:AH$366,ROUNDDOWN($C7511/24,0)+1,1)*INDEX($D$3:$AA$30,INDEX(Jesper!$R$2:$R$366,ROW(INDEX(Jesper!AH$2:AH$366,ROUNDDOWN($C7511/24,0)+1,1))-1)+IF('Standard Profiles'!$G$18=$B$10,7,0)+IF('Standard Profiles'!$G$18=$B$17,14,0)+IF('Standard Profiles'!$G$18=$B$24,21,0),MOD($C7511,24)+1)/SUM(INDEX($D$3:$AA$30,INDEX(Jesper!$R$2:$R$366,ROW(INDEX(Jesper!AH$2:AH$366,ROUNDDOWN($C7511/24,0)+1,1))-1)+IF('Standard Profiles'!$G$18=$B$10,7,0)+IF('Standard Profiles'!$G$18=$B$17,14,0)+IF('Standard Profiles'!$G$18=$B$24,21,0),0)),0)</f>
        <v>15.079951346053837</v>
      </c>
      <c r="E7511" cm="1">
        <f t="array" ref="E7511">IFERROR(INDEX(Jesper!AI$2:AI$366,ROUNDDOWN($C7511/24,0)+1,1)*INDEX($D$3:$AA$30,INDEX(Jesper!$R$2:$R$366,ROW(INDEX(Jesper!AI$2:AI$366,ROUNDDOWN($C7511/24,0)+1,1))-1)+IF('Standard Profiles'!$G$19=$B$10,7,0)+IF('Standard Profiles'!$G$19=$B$17,14,0)+IF('Standard Profiles'!$G$19=$B$24,21,0),MOD($C7511,24)+1)/SUM(INDEX($D$3:$AA$30,INDEX(Jesper!$R$2:$R$366,ROW(INDEX(Jesper!AI$2:AI$366,ROUNDDOWN($C7511/24,0)+1,1))-1)+IF('Standard Profiles'!$G$19=$B$10,7,0)+IF('Standard Profiles'!$G$19=$B$17,14,0)+IF('Standard Profiles'!$G$19=$B$24,21,0),0)),0)</f>
        <v>0</v>
      </c>
      <c r="F7511" cm="1">
        <f t="array" ref="F7511">IFERROR(INDEX(Jesper!AJ$2:AJ$366,ROUNDDOWN($C7511/24,0)+1,1)*INDEX($D$3:$AA$30,INDEX(Jesper!$R$2:$R$366,ROW(INDEX(Jesper!AJ$2:AJ$366,ROUNDDOWN($C7511/24,0)+1,1))-1)+IF('Standard Profiles'!$G$20=$B$10,7,0)+IF('Standard Profiles'!$G$20=$B$17,14,0)+IF('Standard Profiles'!$G$20=$B$24,21,0),MOD($C7511,24)+1)/SUM(INDEX($D$3:$AA$30,INDEX(Jesper!$R$2:$R$366,ROW(INDEX(Jesper!AJ$2:AJ$366,ROUNDDOWN($C7511/24,0)+1,1))-1)+IF('Standard Profiles'!$G$20=$B$10,7,0)+IF('Standard Profiles'!$G$20=$B$17,14,0)+IF('Standard Profiles'!$G$20=$B$24,21,0),0)),0)</f>
        <v>0</v>
      </c>
      <c r="G7511" cm="1">
        <f t="array" ref="G7511">IFERROR(INDEX(Jesper!AK$2:AK$366,ROUNDDOWN($C7511/24,0)+1,1)*INDEX($D$3:$AA$30,INDEX(Jesper!$R$2:$R$366,ROW(INDEX(Jesper!AK$2:AK$366,ROUNDDOWN($C7511/24,0)+1,1))-1)+IF('Standard Profiles'!$G$21=$B$10,7,0)+IF('Standard Profiles'!$G$21=$B$17,14,0)+IF('Standard Profiles'!$G$21=$B$24,21,0),MOD($C7511,24)+1)/SUM(INDEX($D$3:$AA$30,INDEX(Jesper!$R$2:$R$366,ROW(INDEX(Jesper!AK$2:AK$366,ROUNDDOWN($C7511/24,0)+1,1))-1)+IF('Standard Profiles'!$G$21=$B$10,7,0)+IF('Standard Profiles'!$G$21=$B$17,14,0)+IF('Standard Profiles'!$G$21=$B$24,21,0),0)),0)</f>
        <v>0</v>
      </c>
      <c r="H7511" cm="1">
        <f t="array" ref="H7511">IFERROR(INDEX(Jesper!AL$2:AL$366,ROUNDDOWN($C7511/24,0)+1,1)*INDEX($D$3:$AA$30,INDEX(Jesper!$R$2:$R$366,ROW(INDEX(Jesper!AL$2:AL$366,ROUNDDOWN($C7511/24,0)+1,1))-1)+IF('Standard Profiles'!$G$22=$B$10,7,0)+IF('Standard Profiles'!$G$22=$B$17,14,0)+IF('Standard Profiles'!$G$22=$B$24,21,0),MOD($C7511,24)+1)/SUM(INDEX($D$3:$AA$30,INDEX(Jesper!$R$2:$R$366,ROW(INDEX(Jesper!AL$2:AL$366,ROUNDDOWN($C7511/24,0)+1,1))-1)+IF('Standard Profiles'!$G$22=$B$10,7,0)+IF('Standard Profiles'!$G$22=$B$17,14,0)+IF('Standard Profiles'!$G$22=$B$24,21,0),0)),0)</f>
        <v>0</v>
      </c>
      <c r="I7511">
        <f t="shared" si="832"/>
        <v>0.45239854038161509</v>
      </c>
      <c r="J7511">
        <f t="shared" si="833"/>
        <v>1.5079951346053839</v>
      </c>
      <c r="K7511">
        <f t="shared" si="834"/>
        <v>2.2619927019080754</v>
      </c>
      <c r="L7511">
        <f t="shared" si="835"/>
        <v>10.857564969158762</v>
      </c>
      <c r="M7511">
        <f t="shared" si="836"/>
        <v>0</v>
      </c>
      <c r="N7511" s="46">
        <f t="shared" si="837"/>
        <v>45603.541666648533</v>
      </c>
    </row>
    <row r="7512" spans="2:14" x14ac:dyDescent="0.3">
      <c r="B7512">
        <f t="shared" si="831"/>
        <v>4</v>
      </c>
      <c r="C7512" s="16">
        <v>7478</v>
      </c>
      <c r="D7512" cm="1">
        <f t="array" ref="D7512">IFERROR(INDEX(Jesper!AH$2:AH$366,ROUNDDOWN($C7512/24,0)+1,1)*INDEX($D$3:$AA$30,INDEX(Jesper!$R$2:$R$366,ROW(INDEX(Jesper!AH$2:AH$366,ROUNDDOWN($C7512/24,0)+1,1))-1)+IF('Standard Profiles'!$G$18=$B$10,7,0)+IF('Standard Profiles'!$G$18=$B$17,14,0)+IF('Standard Profiles'!$G$18=$B$24,21,0),MOD($C7512,24)+1)/SUM(INDEX($D$3:$AA$30,INDEX(Jesper!$R$2:$R$366,ROW(INDEX(Jesper!AH$2:AH$366,ROUNDDOWN($C7512/24,0)+1,1))-1)+IF('Standard Profiles'!$G$18=$B$10,7,0)+IF('Standard Profiles'!$G$18=$B$17,14,0)+IF('Standard Profiles'!$G$18=$B$24,21,0),0)),0)</f>
        <v>15.079951346053837</v>
      </c>
      <c r="E7512" cm="1">
        <f t="array" ref="E7512">IFERROR(INDEX(Jesper!AI$2:AI$366,ROUNDDOWN($C7512/24,0)+1,1)*INDEX($D$3:$AA$30,INDEX(Jesper!$R$2:$R$366,ROW(INDEX(Jesper!AI$2:AI$366,ROUNDDOWN($C7512/24,0)+1,1))-1)+IF('Standard Profiles'!$G$19=$B$10,7,0)+IF('Standard Profiles'!$G$19=$B$17,14,0)+IF('Standard Profiles'!$G$19=$B$24,21,0),MOD($C7512,24)+1)/SUM(INDEX($D$3:$AA$30,INDEX(Jesper!$R$2:$R$366,ROW(INDEX(Jesper!AI$2:AI$366,ROUNDDOWN($C7512/24,0)+1,1))-1)+IF('Standard Profiles'!$G$19=$B$10,7,0)+IF('Standard Profiles'!$G$19=$B$17,14,0)+IF('Standard Profiles'!$G$19=$B$24,21,0),0)),0)</f>
        <v>0</v>
      </c>
      <c r="F7512" cm="1">
        <f t="array" ref="F7512">IFERROR(INDEX(Jesper!AJ$2:AJ$366,ROUNDDOWN($C7512/24,0)+1,1)*INDEX($D$3:$AA$30,INDEX(Jesper!$R$2:$R$366,ROW(INDEX(Jesper!AJ$2:AJ$366,ROUNDDOWN($C7512/24,0)+1,1))-1)+IF('Standard Profiles'!$G$20=$B$10,7,0)+IF('Standard Profiles'!$G$20=$B$17,14,0)+IF('Standard Profiles'!$G$20=$B$24,21,0),MOD($C7512,24)+1)/SUM(INDEX($D$3:$AA$30,INDEX(Jesper!$R$2:$R$366,ROW(INDEX(Jesper!AJ$2:AJ$366,ROUNDDOWN($C7512/24,0)+1,1))-1)+IF('Standard Profiles'!$G$20=$B$10,7,0)+IF('Standard Profiles'!$G$20=$B$17,14,0)+IF('Standard Profiles'!$G$20=$B$24,21,0),0)),0)</f>
        <v>0</v>
      </c>
      <c r="G7512" cm="1">
        <f t="array" ref="G7512">IFERROR(INDEX(Jesper!AK$2:AK$366,ROUNDDOWN($C7512/24,0)+1,1)*INDEX($D$3:$AA$30,INDEX(Jesper!$R$2:$R$366,ROW(INDEX(Jesper!AK$2:AK$366,ROUNDDOWN($C7512/24,0)+1,1))-1)+IF('Standard Profiles'!$G$21=$B$10,7,0)+IF('Standard Profiles'!$G$21=$B$17,14,0)+IF('Standard Profiles'!$G$21=$B$24,21,0),MOD($C7512,24)+1)/SUM(INDEX($D$3:$AA$30,INDEX(Jesper!$R$2:$R$366,ROW(INDEX(Jesper!AK$2:AK$366,ROUNDDOWN($C7512/24,0)+1,1))-1)+IF('Standard Profiles'!$G$21=$B$10,7,0)+IF('Standard Profiles'!$G$21=$B$17,14,0)+IF('Standard Profiles'!$G$21=$B$24,21,0),0)),0)</f>
        <v>0</v>
      </c>
      <c r="H7512" cm="1">
        <f t="array" ref="H7512">IFERROR(INDEX(Jesper!AL$2:AL$366,ROUNDDOWN($C7512/24,0)+1,1)*INDEX($D$3:$AA$30,INDEX(Jesper!$R$2:$R$366,ROW(INDEX(Jesper!AL$2:AL$366,ROUNDDOWN($C7512/24,0)+1,1))-1)+IF('Standard Profiles'!$G$22=$B$10,7,0)+IF('Standard Profiles'!$G$22=$B$17,14,0)+IF('Standard Profiles'!$G$22=$B$24,21,0),MOD($C7512,24)+1)/SUM(INDEX($D$3:$AA$30,INDEX(Jesper!$R$2:$R$366,ROW(INDEX(Jesper!AL$2:AL$366,ROUNDDOWN($C7512/24,0)+1,1))-1)+IF('Standard Profiles'!$G$22=$B$10,7,0)+IF('Standard Profiles'!$G$22=$B$17,14,0)+IF('Standard Profiles'!$G$22=$B$24,21,0),0)),0)</f>
        <v>0</v>
      </c>
      <c r="I7512">
        <f t="shared" si="832"/>
        <v>0.45239854038161509</v>
      </c>
      <c r="J7512">
        <f t="shared" si="833"/>
        <v>1.5079951346053839</v>
      </c>
      <c r="K7512">
        <f t="shared" si="834"/>
        <v>2.2619927019080754</v>
      </c>
      <c r="L7512">
        <f t="shared" si="835"/>
        <v>10.857564969158762</v>
      </c>
      <c r="M7512">
        <f t="shared" si="836"/>
        <v>0</v>
      </c>
      <c r="N7512" s="46">
        <f t="shared" si="837"/>
        <v>45603.583333315197</v>
      </c>
    </row>
    <row r="7513" spans="2:14" x14ac:dyDescent="0.3">
      <c r="B7513">
        <f t="shared" si="831"/>
        <v>4</v>
      </c>
      <c r="C7513" s="16">
        <v>7479</v>
      </c>
      <c r="D7513" cm="1">
        <f t="array" ref="D7513">IFERROR(INDEX(Jesper!AH$2:AH$366,ROUNDDOWN($C7513/24,0)+1,1)*INDEX($D$3:$AA$30,INDEX(Jesper!$R$2:$R$366,ROW(INDEX(Jesper!AH$2:AH$366,ROUNDDOWN($C7513/24,0)+1,1))-1)+IF('Standard Profiles'!$G$18=$B$10,7,0)+IF('Standard Profiles'!$G$18=$B$17,14,0)+IF('Standard Profiles'!$G$18=$B$24,21,0),MOD($C7513,24)+1)/SUM(INDEX($D$3:$AA$30,INDEX(Jesper!$R$2:$R$366,ROW(INDEX(Jesper!AH$2:AH$366,ROUNDDOWN($C7513/24,0)+1,1))-1)+IF('Standard Profiles'!$G$18=$B$10,7,0)+IF('Standard Profiles'!$G$18=$B$17,14,0)+IF('Standard Profiles'!$G$18=$B$24,21,0),0)),0)</f>
        <v>15.079951346053837</v>
      </c>
      <c r="E7513" cm="1">
        <f t="array" ref="E7513">IFERROR(INDEX(Jesper!AI$2:AI$366,ROUNDDOWN($C7513/24,0)+1,1)*INDEX($D$3:$AA$30,INDEX(Jesper!$R$2:$R$366,ROW(INDEX(Jesper!AI$2:AI$366,ROUNDDOWN($C7513/24,0)+1,1))-1)+IF('Standard Profiles'!$G$19=$B$10,7,0)+IF('Standard Profiles'!$G$19=$B$17,14,0)+IF('Standard Profiles'!$G$19=$B$24,21,0),MOD($C7513,24)+1)/SUM(INDEX($D$3:$AA$30,INDEX(Jesper!$R$2:$R$366,ROW(INDEX(Jesper!AI$2:AI$366,ROUNDDOWN($C7513/24,0)+1,1))-1)+IF('Standard Profiles'!$G$19=$B$10,7,0)+IF('Standard Profiles'!$G$19=$B$17,14,0)+IF('Standard Profiles'!$G$19=$B$24,21,0),0)),0)</f>
        <v>0</v>
      </c>
      <c r="F7513" cm="1">
        <f t="array" ref="F7513">IFERROR(INDEX(Jesper!AJ$2:AJ$366,ROUNDDOWN($C7513/24,0)+1,1)*INDEX($D$3:$AA$30,INDEX(Jesper!$R$2:$R$366,ROW(INDEX(Jesper!AJ$2:AJ$366,ROUNDDOWN($C7513/24,0)+1,1))-1)+IF('Standard Profiles'!$G$20=$B$10,7,0)+IF('Standard Profiles'!$G$20=$B$17,14,0)+IF('Standard Profiles'!$G$20=$B$24,21,0),MOD($C7513,24)+1)/SUM(INDEX($D$3:$AA$30,INDEX(Jesper!$R$2:$R$366,ROW(INDEX(Jesper!AJ$2:AJ$366,ROUNDDOWN($C7513/24,0)+1,1))-1)+IF('Standard Profiles'!$G$20=$B$10,7,0)+IF('Standard Profiles'!$G$20=$B$17,14,0)+IF('Standard Profiles'!$G$20=$B$24,21,0),0)),0)</f>
        <v>0</v>
      </c>
      <c r="G7513" cm="1">
        <f t="array" ref="G7513">IFERROR(INDEX(Jesper!AK$2:AK$366,ROUNDDOWN($C7513/24,0)+1,1)*INDEX($D$3:$AA$30,INDEX(Jesper!$R$2:$R$366,ROW(INDEX(Jesper!AK$2:AK$366,ROUNDDOWN($C7513/24,0)+1,1))-1)+IF('Standard Profiles'!$G$21=$B$10,7,0)+IF('Standard Profiles'!$G$21=$B$17,14,0)+IF('Standard Profiles'!$G$21=$B$24,21,0),MOD($C7513,24)+1)/SUM(INDEX($D$3:$AA$30,INDEX(Jesper!$R$2:$R$366,ROW(INDEX(Jesper!AK$2:AK$366,ROUNDDOWN($C7513/24,0)+1,1))-1)+IF('Standard Profiles'!$G$21=$B$10,7,0)+IF('Standard Profiles'!$G$21=$B$17,14,0)+IF('Standard Profiles'!$G$21=$B$24,21,0),0)),0)</f>
        <v>0</v>
      </c>
      <c r="H7513" cm="1">
        <f t="array" ref="H7513">IFERROR(INDEX(Jesper!AL$2:AL$366,ROUNDDOWN($C7513/24,0)+1,1)*INDEX($D$3:$AA$30,INDEX(Jesper!$R$2:$R$366,ROW(INDEX(Jesper!AL$2:AL$366,ROUNDDOWN($C7513/24,0)+1,1))-1)+IF('Standard Profiles'!$G$22=$B$10,7,0)+IF('Standard Profiles'!$G$22=$B$17,14,0)+IF('Standard Profiles'!$G$22=$B$24,21,0),MOD($C7513,24)+1)/SUM(INDEX($D$3:$AA$30,INDEX(Jesper!$R$2:$R$366,ROW(INDEX(Jesper!AL$2:AL$366,ROUNDDOWN($C7513/24,0)+1,1))-1)+IF('Standard Profiles'!$G$22=$B$10,7,0)+IF('Standard Profiles'!$G$22=$B$17,14,0)+IF('Standard Profiles'!$G$22=$B$24,21,0),0)),0)</f>
        <v>0</v>
      </c>
      <c r="I7513">
        <f t="shared" si="832"/>
        <v>0.45239854038161509</v>
      </c>
      <c r="J7513">
        <f t="shared" si="833"/>
        <v>1.5079951346053839</v>
      </c>
      <c r="K7513">
        <f t="shared" si="834"/>
        <v>2.2619927019080754</v>
      </c>
      <c r="L7513">
        <f t="shared" si="835"/>
        <v>10.857564969158762</v>
      </c>
      <c r="M7513">
        <f t="shared" si="836"/>
        <v>0</v>
      </c>
      <c r="N7513" s="46">
        <f t="shared" si="837"/>
        <v>45603.624999981861</v>
      </c>
    </row>
    <row r="7514" spans="2:14" x14ac:dyDescent="0.3">
      <c r="B7514">
        <f t="shared" si="831"/>
        <v>4</v>
      </c>
      <c r="C7514" s="16">
        <v>7480</v>
      </c>
      <c r="D7514" cm="1">
        <f t="array" ref="D7514">IFERROR(INDEX(Jesper!AH$2:AH$366,ROUNDDOWN($C7514/24,0)+1,1)*INDEX($D$3:$AA$30,INDEX(Jesper!$R$2:$R$366,ROW(INDEX(Jesper!AH$2:AH$366,ROUNDDOWN($C7514/24,0)+1,1))-1)+IF('Standard Profiles'!$G$18=$B$10,7,0)+IF('Standard Profiles'!$G$18=$B$17,14,0)+IF('Standard Profiles'!$G$18=$B$24,21,0),MOD($C7514,24)+1)/SUM(INDEX($D$3:$AA$30,INDEX(Jesper!$R$2:$R$366,ROW(INDEX(Jesper!AH$2:AH$366,ROUNDDOWN($C7514/24,0)+1,1))-1)+IF('Standard Profiles'!$G$18=$B$10,7,0)+IF('Standard Profiles'!$G$18=$B$17,14,0)+IF('Standard Profiles'!$G$18=$B$24,21,0),0)),0)</f>
        <v>15.079951346053837</v>
      </c>
      <c r="E7514" cm="1">
        <f t="array" ref="E7514">IFERROR(INDEX(Jesper!AI$2:AI$366,ROUNDDOWN($C7514/24,0)+1,1)*INDEX($D$3:$AA$30,INDEX(Jesper!$R$2:$R$366,ROW(INDEX(Jesper!AI$2:AI$366,ROUNDDOWN($C7514/24,0)+1,1))-1)+IF('Standard Profiles'!$G$19=$B$10,7,0)+IF('Standard Profiles'!$G$19=$B$17,14,0)+IF('Standard Profiles'!$G$19=$B$24,21,0),MOD($C7514,24)+1)/SUM(INDEX($D$3:$AA$30,INDEX(Jesper!$R$2:$R$366,ROW(INDEX(Jesper!AI$2:AI$366,ROUNDDOWN($C7514/24,0)+1,1))-1)+IF('Standard Profiles'!$G$19=$B$10,7,0)+IF('Standard Profiles'!$G$19=$B$17,14,0)+IF('Standard Profiles'!$G$19=$B$24,21,0),0)),0)</f>
        <v>0</v>
      </c>
      <c r="F7514" cm="1">
        <f t="array" ref="F7514">IFERROR(INDEX(Jesper!AJ$2:AJ$366,ROUNDDOWN($C7514/24,0)+1,1)*INDEX($D$3:$AA$30,INDEX(Jesper!$R$2:$R$366,ROW(INDEX(Jesper!AJ$2:AJ$366,ROUNDDOWN($C7514/24,0)+1,1))-1)+IF('Standard Profiles'!$G$20=$B$10,7,0)+IF('Standard Profiles'!$G$20=$B$17,14,0)+IF('Standard Profiles'!$G$20=$B$24,21,0),MOD($C7514,24)+1)/SUM(INDEX($D$3:$AA$30,INDEX(Jesper!$R$2:$R$366,ROW(INDEX(Jesper!AJ$2:AJ$366,ROUNDDOWN($C7514/24,0)+1,1))-1)+IF('Standard Profiles'!$G$20=$B$10,7,0)+IF('Standard Profiles'!$G$20=$B$17,14,0)+IF('Standard Profiles'!$G$20=$B$24,21,0),0)),0)</f>
        <v>0</v>
      </c>
      <c r="G7514" cm="1">
        <f t="array" ref="G7514">IFERROR(INDEX(Jesper!AK$2:AK$366,ROUNDDOWN($C7514/24,0)+1,1)*INDEX($D$3:$AA$30,INDEX(Jesper!$R$2:$R$366,ROW(INDEX(Jesper!AK$2:AK$366,ROUNDDOWN($C7514/24,0)+1,1))-1)+IF('Standard Profiles'!$G$21=$B$10,7,0)+IF('Standard Profiles'!$G$21=$B$17,14,0)+IF('Standard Profiles'!$G$21=$B$24,21,0),MOD($C7514,24)+1)/SUM(INDEX($D$3:$AA$30,INDEX(Jesper!$R$2:$R$366,ROW(INDEX(Jesper!AK$2:AK$366,ROUNDDOWN($C7514/24,0)+1,1))-1)+IF('Standard Profiles'!$G$21=$B$10,7,0)+IF('Standard Profiles'!$G$21=$B$17,14,0)+IF('Standard Profiles'!$G$21=$B$24,21,0),0)),0)</f>
        <v>0</v>
      </c>
      <c r="H7514" cm="1">
        <f t="array" ref="H7514">IFERROR(INDEX(Jesper!AL$2:AL$366,ROUNDDOWN($C7514/24,0)+1,1)*INDEX($D$3:$AA$30,INDEX(Jesper!$R$2:$R$366,ROW(INDEX(Jesper!AL$2:AL$366,ROUNDDOWN($C7514/24,0)+1,1))-1)+IF('Standard Profiles'!$G$22=$B$10,7,0)+IF('Standard Profiles'!$G$22=$B$17,14,0)+IF('Standard Profiles'!$G$22=$B$24,21,0),MOD($C7514,24)+1)/SUM(INDEX($D$3:$AA$30,INDEX(Jesper!$R$2:$R$366,ROW(INDEX(Jesper!AL$2:AL$366,ROUNDDOWN($C7514/24,0)+1,1))-1)+IF('Standard Profiles'!$G$22=$B$10,7,0)+IF('Standard Profiles'!$G$22=$B$17,14,0)+IF('Standard Profiles'!$G$22=$B$24,21,0),0)),0)</f>
        <v>0</v>
      </c>
      <c r="I7514">
        <f t="shared" si="832"/>
        <v>0.45239854038161509</v>
      </c>
      <c r="J7514">
        <f t="shared" si="833"/>
        <v>1.5079951346053839</v>
      </c>
      <c r="K7514">
        <f t="shared" si="834"/>
        <v>2.2619927019080754</v>
      </c>
      <c r="L7514">
        <f t="shared" si="835"/>
        <v>10.857564969158762</v>
      </c>
      <c r="M7514">
        <f t="shared" si="836"/>
        <v>0</v>
      </c>
      <c r="N7514" s="46">
        <f t="shared" si="837"/>
        <v>45603.666666648525</v>
      </c>
    </row>
    <row r="7515" spans="2:14" x14ac:dyDescent="0.3">
      <c r="B7515">
        <f t="shared" si="831"/>
        <v>4</v>
      </c>
      <c r="C7515" s="16">
        <v>7481</v>
      </c>
      <c r="D7515" cm="1">
        <f t="array" ref="D7515">IFERROR(INDEX(Jesper!AH$2:AH$366,ROUNDDOWN($C7515/24,0)+1,1)*INDEX($D$3:$AA$30,INDEX(Jesper!$R$2:$R$366,ROW(INDEX(Jesper!AH$2:AH$366,ROUNDDOWN($C7515/24,0)+1,1))-1)+IF('Standard Profiles'!$G$18=$B$10,7,0)+IF('Standard Profiles'!$G$18=$B$17,14,0)+IF('Standard Profiles'!$G$18=$B$24,21,0),MOD($C7515,24)+1)/SUM(INDEX($D$3:$AA$30,INDEX(Jesper!$R$2:$R$366,ROW(INDEX(Jesper!AH$2:AH$366,ROUNDDOWN($C7515/24,0)+1,1))-1)+IF('Standard Profiles'!$G$18=$B$10,7,0)+IF('Standard Profiles'!$G$18=$B$17,14,0)+IF('Standard Profiles'!$G$18=$B$24,21,0),0)),0)</f>
        <v>15.079951346053837</v>
      </c>
      <c r="E7515" cm="1">
        <f t="array" ref="E7515">IFERROR(INDEX(Jesper!AI$2:AI$366,ROUNDDOWN($C7515/24,0)+1,1)*INDEX($D$3:$AA$30,INDEX(Jesper!$R$2:$R$366,ROW(INDEX(Jesper!AI$2:AI$366,ROUNDDOWN($C7515/24,0)+1,1))-1)+IF('Standard Profiles'!$G$19=$B$10,7,0)+IF('Standard Profiles'!$G$19=$B$17,14,0)+IF('Standard Profiles'!$G$19=$B$24,21,0),MOD($C7515,24)+1)/SUM(INDEX($D$3:$AA$30,INDEX(Jesper!$R$2:$R$366,ROW(INDEX(Jesper!AI$2:AI$366,ROUNDDOWN($C7515/24,0)+1,1))-1)+IF('Standard Profiles'!$G$19=$B$10,7,0)+IF('Standard Profiles'!$G$19=$B$17,14,0)+IF('Standard Profiles'!$G$19=$B$24,21,0),0)),0)</f>
        <v>0</v>
      </c>
      <c r="F7515" cm="1">
        <f t="array" ref="F7515">IFERROR(INDEX(Jesper!AJ$2:AJ$366,ROUNDDOWN($C7515/24,0)+1,1)*INDEX($D$3:$AA$30,INDEX(Jesper!$R$2:$R$366,ROW(INDEX(Jesper!AJ$2:AJ$366,ROUNDDOWN($C7515/24,0)+1,1))-1)+IF('Standard Profiles'!$G$20=$B$10,7,0)+IF('Standard Profiles'!$G$20=$B$17,14,0)+IF('Standard Profiles'!$G$20=$B$24,21,0),MOD($C7515,24)+1)/SUM(INDEX($D$3:$AA$30,INDEX(Jesper!$R$2:$R$366,ROW(INDEX(Jesper!AJ$2:AJ$366,ROUNDDOWN($C7515/24,0)+1,1))-1)+IF('Standard Profiles'!$G$20=$B$10,7,0)+IF('Standard Profiles'!$G$20=$B$17,14,0)+IF('Standard Profiles'!$G$20=$B$24,21,0),0)),0)</f>
        <v>0</v>
      </c>
      <c r="G7515" cm="1">
        <f t="array" ref="G7515">IFERROR(INDEX(Jesper!AK$2:AK$366,ROUNDDOWN($C7515/24,0)+1,1)*INDEX($D$3:$AA$30,INDEX(Jesper!$R$2:$R$366,ROW(INDEX(Jesper!AK$2:AK$366,ROUNDDOWN($C7515/24,0)+1,1))-1)+IF('Standard Profiles'!$G$21=$B$10,7,0)+IF('Standard Profiles'!$G$21=$B$17,14,0)+IF('Standard Profiles'!$G$21=$B$24,21,0),MOD($C7515,24)+1)/SUM(INDEX($D$3:$AA$30,INDEX(Jesper!$R$2:$R$366,ROW(INDEX(Jesper!AK$2:AK$366,ROUNDDOWN($C7515/24,0)+1,1))-1)+IF('Standard Profiles'!$G$21=$B$10,7,0)+IF('Standard Profiles'!$G$21=$B$17,14,0)+IF('Standard Profiles'!$G$21=$B$24,21,0),0)),0)</f>
        <v>0</v>
      </c>
      <c r="H7515" cm="1">
        <f t="array" ref="H7515">IFERROR(INDEX(Jesper!AL$2:AL$366,ROUNDDOWN($C7515/24,0)+1,1)*INDEX($D$3:$AA$30,INDEX(Jesper!$R$2:$R$366,ROW(INDEX(Jesper!AL$2:AL$366,ROUNDDOWN($C7515/24,0)+1,1))-1)+IF('Standard Profiles'!$G$22=$B$10,7,0)+IF('Standard Profiles'!$G$22=$B$17,14,0)+IF('Standard Profiles'!$G$22=$B$24,21,0),MOD($C7515,24)+1)/SUM(INDEX($D$3:$AA$30,INDEX(Jesper!$R$2:$R$366,ROW(INDEX(Jesper!AL$2:AL$366,ROUNDDOWN($C7515/24,0)+1,1))-1)+IF('Standard Profiles'!$G$22=$B$10,7,0)+IF('Standard Profiles'!$G$22=$B$17,14,0)+IF('Standard Profiles'!$G$22=$B$24,21,0),0)),0)</f>
        <v>0</v>
      </c>
      <c r="I7515">
        <f t="shared" si="832"/>
        <v>0.45239854038161509</v>
      </c>
      <c r="J7515">
        <f t="shared" si="833"/>
        <v>1.5079951346053839</v>
      </c>
      <c r="K7515">
        <f t="shared" si="834"/>
        <v>2.2619927019080754</v>
      </c>
      <c r="L7515">
        <f t="shared" si="835"/>
        <v>10.857564969158762</v>
      </c>
      <c r="M7515">
        <f t="shared" si="836"/>
        <v>0</v>
      </c>
      <c r="N7515" s="46">
        <f t="shared" si="837"/>
        <v>45603.70833331519</v>
      </c>
    </row>
    <row r="7516" spans="2:14" x14ac:dyDescent="0.3">
      <c r="B7516">
        <f t="shared" si="831"/>
        <v>4</v>
      </c>
      <c r="C7516" s="16">
        <v>7482</v>
      </c>
      <c r="D7516" cm="1">
        <f t="array" ref="D7516">IFERROR(INDEX(Jesper!AH$2:AH$366,ROUNDDOWN($C7516/24,0)+1,1)*INDEX($D$3:$AA$30,INDEX(Jesper!$R$2:$R$366,ROW(INDEX(Jesper!AH$2:AH$366,ROUNDDOWN($C7516/24,0)+1,1))-1)+IF('Standard Profiles'!$G$18=$B$10,7,0)+IF('Standard Profiles'!$G$18=$B$17,14,0)+IF('Standard Profiles'!$G$18=$B$24,21,0),MOD($C7516,24)+1)/SUM(INDEX($D$3:$AA$30,INDEX(Jesper!$R$2:$R$366,ROW(INDEX(Jesper!AH$2:AH$366,ROUNDDOWN($C7516/24,0)+1,1))-1)+IF('Standard Profiles'!$G$18=$B$10,7,0)+IF('Standard Profiles'!$G$18=$B$17,14,0)+IF('Standard Profiles'!$G$18=$B$24,21,0),0)),0)</f>
        <v>15.079951346053837</v>
      </c>
      <c r="E7516" cm="1">
        <f t="array" ref="E7516">IFERROR(INDEX(Jesper!AI$2:AI$366,ROUNDDOWN($C7516/24,0)+1,1)*INDEX($D$3:$AA$30,INDEX(Jesper!$R$2:$R$366,ROW(INDEX(Jesper!AI$2:AI$366,ROUNDDOWN($C7516/24,0)+1,1))-1)+IF('Standard Profiles'!$G$19=$B$10,7,0)+IF('Standard Profiles'!$G$19=$B$17,14,0)+IF('Standard Profiles'!$G$19=$B$24,21,0),MOD($C7516,24)+1)/SUM(INDEX($D$3:$AA$30,INDEX(Jesper!$R$2:$R$366,ROW(INDEX(Jesper!AI$2:AI$366,ROUNDDOWN($C7516/24,0)+1,1))-1)+IF('Standard Profiles'!$G$19=$B$10,7,0)+IF('Standard Profiles'!$G$19=$B$17,14,0)+IF('Standard Profiles'!$G$19=$B$24,21,0),0)),0)</f>
        <v>0</v>
      </c>
      <c r="F7516" cm="1">
        <f t="array" ref="F7516">IFERROR(INDEX(Jesper!AJ$2:AJ$366,ROUNDDOWN($C7516/24,0)+1,1)*INDEX($D$3:$AA$30,INDEX(Jesper!$R$2:$R$366,ROW(INDEX(Jesper!AJ$2:AJ$366,ROUNDDOWN($C7516/24,0)+1,1))-1)+IF('Standard Profiles'!$G$20=$B$10,7,0)+IF('Standard Profiles'!$G$20=$B$17,14,0)+IF('Standard Profiles'!$G$20=$B$24,21,0),MOD($C7516,24)+1)/SUM(INDEX($D$3:$AA$30,INDEX(Jesper!$R$2:$R$366,ROW(INDEX(Jesper!AJ$2:AJ$366,ROUNDDOWN($C7516/24,0)+1,1))-1)+IF('Standard Profiles'!$G$20=$B$10,7,0)+IF('Standard Profiles'!$G$20=$B$17,14,0)+IF('Standard Profiles'!$G$20=$B$24,21,0),0)),0)</f>
        <v>0</v>
      </c>
      <c r="G7516" cm="1">
        <f t="array" ref="G7516">IFERROR(INDEX(Jesper!AK$2:AK$366,ROUNDDOWN($C7516/24,0)+1,1)*INDEX($D$3:$AA$30,INDEX(Jesper!$R$2:$R$366,ROW(INDEX(Jesper!AK$2:AK$366,ROUNDDOWN($C7516/24,0)+1,1))-1)+IF('Standard Profiles'!$G$21=$B$10,7,0)+IF('Standard Profiles'!$G$21=$B$17,14,0)+IF('Standard Profiles'!$G$21=$B$24,21,0),MOD($C7516,24)+1)/SUM(INDEX($D$3:$AA$30,INDEX(Jesper!$R$2:$R$366,ROW(INDEX(Jesper!AK$2:AK$366,ROUNDDOWN($C7516/24,0)+1,1))-1)+IF('Standard Profiles'!$G$21=$B$10,7,0)+IF('Standard Profiles'!$G$21=$B$17,14,0)+IF('Standard Profiles'!$G$21=$B$24,21,0),0)),0)</f>
        <v>0</v>
      </c>
      <c r="H7516" cm="1">
        <f t="array" ref="H7516">IFERROR(INDEX(Jesper!AL$2:AL$366,ROUNDDOWN($C7516/24,0)+1,1)*INDEX($D$3:$AA$30,INDEX(Jesper!$R$2:$R$366,ROW(INDEX(Jesper!AL$2:AL$366,ROUNDDOWN($C7516/24,0)+1,1))-1)+IF('Standard Profiles'!$G$22=$B$10,7,0)+IF('Standard Profiles'!$G$22=$B$17,14,0)+IF('Standard Profiles'!$G$22=$B$24,21,0),MOD($C7516,24)+1)/SUM(INDEX($D$3:$AA$30,INDEX(Jesper!$R$2:$R$366,ROW(INDEX(Jesper!AL$2:AL$366,ROUNDDOWN($C7516/24,0)+1,1))-1)+IF('Standard Profiles'!$G$22=$B$10,7,0)+IF('Standard Profiles'!$G$22=$B$17,14,0)+IF('Standard Profiles'!$G$22=$B$24,21,0),0)),0)</f>
        <v>0</v>
      </c>
      <c r="I7516">
        <f t="shared" si="832"/>
        <v>0.45239854038161509</v>
      </c>
      <c r="J7516">
        <f t="shared" si="833"/>
        <v>1.5079951346053839</v>
      </c>
      <c r="K7516">
        <f t="shared" si="834"/>
        <v>2.2619927019080754</v>
      </c>
      <c r="L7516">
        <f t="shared" si="835"/>
        <v>10.857564969158762</v>
      </c>
      <c r="M7516">
        <f t="shared" si="836"/>
        <v>0</v>
      </c>
      <c r="N7516" s="46">
        <f t="shared" si="837"/>
        <v>45603.749999981854</v>
      </c>
    </row>
    <row r="7517" spans="2:14" x14ac:dyDescent="0.3">
      <c r="B7517">
        <f t="shared" si="831"/>
        <v>4</v>
      </c>
      <c r="C7517" s="16">
        <v>7483</v>
      </c>
      <c r="D7517" cm="1">
        <f t="array" ref="D7517">IFERROR(INDEX(Jesper!AH$2:AH$366,ROUNDDOWN($C7517/24,0)+1,1)*INDEX($D$3:$AA$30,INDEX(Jesper!$R$2:$R$366,ROW(INDEX(Jesper!AH$2:AH$366,ROUNDDOWN($C7517/24,0)+1,1))-1)+IF('Standard Profiles'!$G$18=$B$10,7,0)+IF('Standard Profiles'!$G$18=$B$17,14,0)+IF('Standard Profiles'!$G$18=$B$24,21,0),MOD($C7517,24)+1)/SUM(INDEX($D$3:$AA$30,INDEX(Jesper!$R$2:$R$366,ROW(INDEX(Jesper!AH$2:AH$366,ROUNDDOWN($C7517/24,0)+1,1))-1)+IF('Standard Profiles'!$G$18=$B$10,7,0)+IF('Standard Profiles'!$G$18=$B$17,14,0)+IF('Standard Profiles'!$G$18=$B$24,21,0),0)),0)</f>
        <v>12.566626121711533</v>
      </c>
      <c r="E7517" cm="1">
        <f t="array" ref="E7517">IFERROR(INDEX(Jesper!AI$2:AI$366,ROUNDDOWN($C7517/24,0)+1,1)*INDEX($D$3:$AA$30,INDEX(Jesper!$R$2:$R$366,ROW(INDEX(Jesper!AI$2:AI$366,ROUNDDOWN($C7517/24,0)+1,1))-1)+IF('Standard Profiles'!$G$19=$B$10,7,0)+IF('Standard Profiles'!$G$19=$B$17,14,0)+IF('Standard Profiles'!$G$19=$B$24,21,0),MOD($C7517,24)+1)/SUM(INDEX($D$3:$AA$30,INDEX(Jesper!$R$2:$R$366,ROW(INDEX(Jesper!AI$2:AI$366,ROUNDDOWN($C7517/24,0)+1,1))-1)+IF('Standard Profiles'!$G$19=$B$10,7,0)+IF('Standard Profiles'!$G$19=$B$17,14,0)+IF('Standard Profiles'!$G$19=$B$24,21,0),0)),0)</f>
        <v>0</v>
      </c>
      <c r="F7517" cm="1">
        <f t="array" ref="F7517">IFERROR(INDEX(Jesper!AJ$2:AJ$366,ROUNDDOWN($C7517/24,0)+1,1)*INDEX($D$3:$AA$30,INDEX(Jesper!$R$2:$R$366,ROW(INDEX(Jesper!AJ$2:AJ$366,ROUNDDOWN($C7517/24,0)+1,1))-1)+IF('Standard Profiles'!$G$20=$B$10,7,0)+IF('Standard Profiles'!$G$20=$B$17,14,0)+IF('Standard Profiles'!$G$20=$B$24,21,0),MOD($C7517,24)+1)/SUM(INDEX($D$3:$AA$30,INDEX(Jesper!$R$2:$R$366,ROW(INDEX(Jesper!AJ$2:AJ$366,ROUNDDOWN($C7517/24,0)+1,1))-1)+IF('Standard Profiles'!$G$20=$B$10,7,0)+IF('Standard Profiles'!$G$20=$B$17,14,0)+IF('Standard Profiles'!$G$20=$B$24,21,0),0)),0)</f>
        <v>0</v>
      </c>
      <c r="G7517" cm="1">
        <f t="array" ref="G7517">IFERROR(INDEX(Jesper!AK$2:AK$366,ROUNDDOWN($C7517/24,0)+1,1)*INDEX($D$3:$AA$30,INDEX(Jesper!$R$2:$R$366,ROW(INDEX(Jesper!AK$2:AK$366,ROUNDDOWN($C7517/24,0)+1,1))-1)+IF('Standard Profiles'!$G$21=$B$10,7,0)+IF('Standard Profiles'!$G$21=$B$17,14,0)+IF('Standard Profiles'!$G$21=$B$24,21,0),MOD($C7517,24)+1)/SUM(INDEX($D$3:$AA$30,INDEX(Jesper!$R$2:$R$366,ROW(INDEX(Jesper!AK$2:AK$366,ROUNDDOWN($C7517/24,0)+1,1))-1)+IF('Standard Profiles'!$G$21=$B$10,7,0)+IF('Standard Profiles'!$G$21=$B$17,14,0)+IF('Standard Profiles'!$G$21=$B$24,21,0),0)),0)</f>
        <v>0</v>
      </c>
      <c r="H7517" cm="1">
        <f t="array" ref="H7517">IFERROR(INDEX(Jesper!AL$2:AL$366,ROUNDDOWN($C7517/24,0)+1,1)*INDEX($D$3:$AA$30,INDEX(Jesper!$R$2:$R$366,ROW(INDEX(Jesper!AL$2:AL$366,ROUNDDOWN($C7517/24,0)+1,1))-1)+IF('Standard Profiles'!$G$22=$B$10,7,0)+IF('Standard Profiles'!$G$22=$B$17,14,0)+IF('Standard Profiles'!$G$22=$B$24,21,0),MOD($C7517,24)+1)/SUM(INDEX($D$3:$AA$30,INDEX(Jesper!$R$2:$R$366,ROW(INDEX(Jesper!AL$2:AL$366,ROUNDDOWN($C7517/24,0)+1,1))-1)+IF('Standard Profiles'!$G$22=$B$10,7,0)+IF('Standard Profiles'!$G$22=$B$17,14,0)+IF('Standard Profiles'!$G$22=$B$24,21,0),0)),0)</f>
        <v>0</v>
      </c>
      <c r="I7517">
        <f t="shared" si="832"/>
        <v>0.37699878365134598</v>
      </c>
      <c r="J7517">
        <f t="shared" si="833"/>
        <v>1.2566626121711533</v>
      </c>
      <c r="K7517">
        <f t="shared" si="834"/>
        <v>1.8849939182567299</v>
      </c>
      <c r="L7517">
        <f t="shared" si="835"/>
        <v>9.0479708076323035</v>
      </c>
      <c r="M7517">
        <f t="shared" si="836"/>
        <v>0</v>
      </c>
      <c r="N7517" s="46">
        <f t="shared" si="837"/>
        <v>45603.791666648518</v>
      </c>
    </row>
    <row r="7518" spans="2:14" x14ac:dyDescent="0.3">
      <c r="B7518">
        <f t="shared" si="831"/>
        <v>4</v>
      </c>
      <c r="C7518" s="16">
        <v>7484</v>
      </c>
      <c r="D7518" cm="1">
        <f t="array" ref="D7518">IFERROR(INDEX(Jesper!AH$2:AH$366,ROUNDDOWN($C7518/24,0)+1,1)*INDEX($D$3:$AA$30,INDEX(Jesper!$R$2:$R$366,ROW(INDEX(Jesper!AH$2:AH$366,ROUNDDOWN($C7518/24,0)+1,1))-1)+IF('Standard Profiles'!$G$18=$B$10,7,0)+IF('Standard Profiles'!$G$18=$B$17,14,0)+IF('Standard Profiles'!$G$18=$B$24,21,0),MOD($C7518,24)+1)/SUM(INDEX($D$3:$AA$30,INDEX(Jesper!$R$2:$R$366,ROW(INDEX(Jesper!AH$2:AH$366,ROUNDDOWN($C7518/24,0)+1,1))-1)+IF('Standard Profiles'!$G$18=$B$10,7,0)+IF('Standard Profiles'!$G$18=$B$17,14,0)+IF('Standard Profiles'!$G$18=$B$24,21,0),0)),0)</f>
        <v>10.053300897369226</v>
      </c>
      <c r="E7518" cm="1">
        <f t="array" ref="E7518">IFERROR(INDEX(Jesper!AI$2:AI$366,ROUNDDOWN($C7518/24,0)+1,1)*INDEX($D$3:$AA$30,INDEX(Jesper!$R$2:$R$366,ROW(INDEX(Jesper!AI$2:AI$366,ROUNDDOWN($C7518/24,0)+1,1))-1)+IF('Standard Profiles'!$G$19=$B$10,7,0)+IF('Standard Profiles'!$G$19=$B$17,14,0)+IF('Standard Profiles'!$G$19=$B$24,21,0),MOD($C7518,24)+1)/SUM(INDEX($D$3:$AA$30,INDEX(Jesper!$R$2:$R$366,ROW(INDEX(Jesper!AI$2:AI$366,ROUNDDOWN($C7518/24,0)+1,1))-1)+IF('Standard Profiles'!$G$19=$B$10,7,0)+IF('Standard Profiles'!$G$19=$B$17,14,0)+IF('Standard Profiles'!$G$19=$B$24,21,0),0)),0)</f>
        <v>0</v>
      </c>
      <c r="F7518" cm="1">
        <f t="array" ref="F7518">IFERROR(INDEX(Jesper!AJ$2:AJ$366,ROUNDDOWN($C7518/24,0)+1,1)*INDEX($D$3:$AA$30,INDEX(Jesper!$R$2:$R$366,ROW(INDEX(Jesper!AJ$2:AJ$366,ROUNDDOWN($C7518/24,0)+1,1))-1)+IF('Standard Profiles'!$G$20=$B$10,7,0)+IF('Standard Profiles'!$G$20=$B$17,14,0)+IF('Standard Profiles'!$G$20=$B$24,21,0),MOD($C7518,24)+1)/SUM(INDEX($D$3:$AA$30,INDEX(Jesper!$R$2:$R$366,ROW(INDEX(Jesper!AJ$2:AJ$366,ROUNDDOWN($C7518/24,0)+1,1))-1)+IF('Standard Profiles'!$G$20=$B$10,7,0)+IF('Standard Profiles'!$G$20=$B$17,14,0)+IF('Standard Profiles'!$G$20=$B$24,21,0),0)),0)</f>
        <v>0</v>
      </c>
      <c r="G7518" cm="1">
        <f t="array" ref="G7518">IFERROR(INDEX(Jesper!AK$2:AK$366,ROUNDDOWN($C7518/24,0)+1,1)*INDEX($D$3:$AA$30,INDEX(Jesper!$R$2:$R$366,ROW(INDEX(Jesper!AK$2:AK$366,ROUNDDOWN($C7518/24,0)+1,1))-1)+IF('Standard Profiles'!$G$21=$B$10,7,0)+IF('Standard Profiles'!$G$21=$B$17,14,0)+IF('Standard Profiles'!$G$21=$B$24,21,0),MOD($C7518,24)+1)/SUM(INDEX($D$3:$AA$30,INDEX(Jesper!$R$2:$R$366,ROW(INDEX(Jesper!AK$2:AK$366,ROUNDDOWN($C7518/24,0)+1,1))-1)+IF('Standard Profiles'!$G$21=$B$10,7,0)+IF('Standard Profiles'!$G$21=$B$17,14,0)+IF('Standard Profiles'!$G$21=$B$24,21,0),0)),0)</f>
        <v>0</v>
      </c>
      <c r="H7518" cm="1">
        <f t="array" ref="H7518">IFERROR(INDEX(Jesper!AL$2:AL$366,ROUNDDOWN($C7518/24,0)+1,1)*INDEX($D$3:$AA$30,INDEX(Jesper!$R$2:$R$366,ROW(INDEX(Jesper!AL$2:AL$366,ROUNDDOWN($C7518/24,0)+1,1))-1)+IF('Standard Profiles'!$G$22=$B$10,7,0)+IF('Standard Profiles'!$G$22=$B$17,14,0)+IF('Standard Profiles'!$G$22=$B$24,21,0),MOD($C7518,24)+1)/SUM(INDEX($D$3:$AA$30,INDEX(Jesper!$R$2:$R$366,ROW(INDEX(Jesper!AL$2:AL$366,ROUNDDOWN($C7518/24,0)+1,1))-1)+IF('Standard Profiles'!$G$22=$B$10,7,0)+IF('Standard Profiles'!$G$22=$B$17,14,0)+IF('Standard Profiles'!$G$22=$B$24,21,0),0)),0)</f>
        <v>0</v>
      </c>
      <c r="I7518">
        <f t="shared" si="832"/>
        <v>0.30159902692107676</v>
      </c>
      <c r="J7518">
        <f t="shared" si="833"/>
        <v>1.0053300897369226</v>
      </c>
      <c r="K7518">
        <f t="shared" si="834"/>
        <v>1.5079951346053839</v>
      </c>
      <c r="L7518">
        <f t="shared" si="835"/>
        <v>7.2383766461058423</v>
      </c>
      <c r="M7518">
        <f t="shared" si="836"/>
        <v>0</v>
      </c>
      <c r="N7518" s="46">
        <f t="shared" si="837"/>
        <v>45603.833333315182</v>
      </c>
    </row>
    <row r="7519" spans="2:14" x14ac:dyDescent="0.3">
      <c r="B7519">
        <f t="shared" si="831"/>
        <v>4</v>
      </c>
      <c r="C7519" s="16">
        <v>7485</v>
      </c>
      <c r="D7519" cm="1">
        <f t="array" ref="D7519">IFERROR(INDEX(Jesper!AH$2:AH$366,ROUNDDOWN($C7519/24,0)+1,1)*INDEX($D$3:$AA$30,INDEX(Jesper!$R$2:$R$366,ROW(INDEX(Jesper!AH$2:AH$366,ROUNDDOWN($C7519/24,0)+1,1))-1)+IF('Standard Profiles'!$G$18=$B$10,7,0)+IF('Standard Profiles'!$G$18=$B$17,14,0)+IF('Standard Profiles'!$G$18=$B$24,21,0),MOD($C7519,24)+1)/SUM(INDEX($D$3:$AA$30,INDEX(Jesper!$R$2:$R$366,ROW(INDEX(Jesper!AH$2:AH$366,ROUNDDOWN($C7519/24,0)+1,1))-1)+IF('Standard Profiles'!$G$18=$B$10,7,0)+IF('Standard Profiles'!$G$18=$B$17,14,0)+IF('Standard Profiles'!$G$18=$B$24,21,0),0)),0)</f>
        <v>7.5399756730269187</v>
      </c>
      <c r="E7519" cm="1">
        <f t="array" ref="E7519">IFERROR(INDEX(Jesper!AI$2:AI$366,ROUNDDOWN($C7519/24,0)+1,1)*INDEX($D$3:$AA$30,INDEX(Jesper!$R$2:$R$366,ROW(INDEX(Jesper!AI$2:AI$366,ROUNDDOWN($C7519/24,0)+1,1))-1)+IF('Standard Profiles'!$G$19=$B$10,7,0)+IF('Standard Profiles'!$G$19=$B$17,14,0)+IF('Standard Profiles'!$G$19=$B$24,21,0),MOD($C7519,24)+1)/SUM(INDEX($D$3:$AA$30,INDEX(Jesper!$R$2:$R$366,ROW(INDEX(Jesper!AI$2:AI$366,ROUNDDOWN($C7519/24,0)+1,1))-1)+IF('Standard Profiles'!$G$19=$B$10,7,0)+IF('Standard Profiles'!$G$19=$B$17,14,0)+IF('Standard Profiles'!$G$19=$B$24,21,0),0)),0)</f>
        <v>0</v>
      </c>
      <c r="F7519" cm="1">
        <f t="array" ref="F7519">IFERROR(INDEX(Jesper!AJ$2:AJ$366,ROUNDDOWN($C7519/24,0)+1,1)*INDEX($D$3:$AA$30,INDEX(Jesper!$R$2:$R$366,ROW(INDEX(Jesper!AJ$2:AJ$366,ROUNDDOWN($C7519/24,0)+1,1))-1)+IF('Standard Profiles'!$G$20=$B$10,7,0)+IF('Standard Profiles'!$G$20=$B$17,14,0)+IF('Standard Profiles'!$G$20=$B$24,21,0),MOD($C7519,24)+1)/SUM(INDEX($D$3:$AA$30,INDEX(Jesper!$R$2:$R$366,ROW(INDEX(Jesper!AJ$2:AJ$366,ROUNDDOWN($C7519/24,0)+1,1))-1)+IF('Standard Profiles'!$G$20=$B$10,7,0)+IF('Standard Profiles'!$G$20=$B$17,14,0)+IF('Standard Profiles'!$G$20=$B$24,21,0),0)),0)</f>
        <v>0</v>
      </c>
      <c r="G7519" cm="1">
        <f t="array" ref="G7519">IFERROR(INDEX(Jesper!AK$2:AK$366,ROUNDDOWN($C7519/24,0)+1,1)*INDEX($D$3:$AA$30,INDEX(Jesper!$R$2:$R$366,ROW(INDEX(Jesper!AK$2:AK$366,ROUNDDOWN($C7519/24,0)+1,1))-1)+IF('Standard Profiles'!$G$21=$B$10,7,0)+IF('Standard Profiles'!$G$21=$B$17,14,0)+IF('Standard Profiles'!$G$21=$B$24,21,0),MOD($C7519,24)+1)/SUM(INDEX($D$3:$AA$30,INDEX(Jesper!$R$2:$R$366,ROW(INDEX(Jesper!AK$2:AK$366,ROUNDDOWN($C7519/24,0)+1,1))-1)+IF('Standard Profiles'!$G$21=$B$10,7,0)+IF('Standard Profiles'!$G$21=$B$17,14,0)+IF('Standard Profiles'!$G$21=$B$24,21,0),0)),0)</f>
        <v>0</v>
      </c>
      <c r="H7519" cm="1">
        <f t="array" ref="H7519">IFERROR(INDEX(Jesper!AL$2:AL$366,ROUNDDOWN($C7519/24,0)+1,1)*INDEX($D$3:$AA$30,INDEX(Jesper!$R$2:$R$366,ROW(INDEX(Jesper!AL$2:AL$366,ROUNDDOWN($C7519/24,0)+1,1))-1)+IF('Standard Profiles'!$G$22=$B$10,7,0)+IF('Standard Profiles'!$G$22=$B$17,14,0)+IF('Standard Profiles'!$G$22=$B$24,21,0),MOD($C7519,24)+1)/SUM(INDEX($D$3:$AA$30,INDEX(Jesper!$R$2:$R$366,ROW(INDEX(Jesper!AL$2:AL$366,ROUNDDOWN($C7519/24,0)+1,1))-1)+IF('Standard Profiles'!$G$22=$B$10,7,0)+IF('Standard Profiles'!$G$22=$B$17,14,0)+IF('Standard Profiles'!$G$22=$B$24,21,0),0)),0)</f>
        <v>0</v>
      </c>
      <c r="I7519">
        <f t="shared" si="832"/>
        <v>0.22619927019080754</v>
      </c>
      <c r="J7519">
        <f t="shared" si="833"/>
        <v>0.75399756730269196</v>
      </c>
      <c r="K7519">
        <f t="shared" si="834"/>
        <v>1.1309963509540377</v>
      </c>
      <c r="L7519">
        <f t="shared" si="835"/>
        <v>5.4287824845793811</v>
      </c>
      <c r="M7519">
        <f t="shared" si="836"/>
        <v>0</v>
      </c>
      <c r="N7519" s="46">
        <f t="shared" si="837"/>
        <v>45603.874999981846</v>
      </c>
    </row>
    <row r="7520" spans="2:14" x14ac:dyDescent="0.3">
      <c r="B7520">
        <f t="shared" si="831"/>
        <v>4</v>
      </c>
      <c r="C7520" s="16">
        <v>7486</v>
      </c>
      <c r="D7520" cm="1">
        <f t="array" ref="D7520">IFERROR(INDEX(Jesper!AH$2:AH$366,ROUNDDOWN($C7520/24,0)+1,1)*INDEX($D$3:$AA$30,INDEX(Jesper!$R$2:$R$366,ROW(INDEX(Jesper!AH$2:AH$366,ROUNDDOWN($C7520/24,0)+1,1))-1)+IF('Standard Profiles'!$G$18=$B$10,7,0)+IF('Standard Profiles'!$G$18=$B$17,14,0)+IF('Standard Profiles'!$G$18=$B$24,21,0),MOD($C7520,24)+1)/SUM(INDEX($D$3:$AA$30,INDEX(Jesper!$R$2:$R$366,ROW(INDEX(Jesper!AH$2:AH$366,ROUNDDOWN($C7520/24,0)+1,1))-1)+IF('Standard Profiles'!$G$18=$B$10,7,0)+IF('Standard Profiles'!$G$18=$B$17,14,0)+IF('Standard Profiles'!$G$18=$B$24,21,0),0)),0)</f>
        <v>7.5399756730269187</v>
      </c>
      <c r="E7520" cm="1">
        <f t="array" ref="E7520">IFERROR(INDEX(Jesper!AI$2:AI$366,ROUNDDOWN($C7520/24,0)+1,1)*INDEX($D$3:$AA$30,INDEX(Jesper!$R$2:$R$366,ROW(INDEX(Jesper!AI$2:AI$366,ROUNDDOWN($C7520/24,0)+1,1))-1)+IF('Standard Profiles'!$G$19=$B$10,7,0)+IF('Standard Profiles'!$G$19=$B$17,14,0)+IF('Standard Profiles'!$G$19=$B$24,21,0),MOD($C7520,24)+1)/SUM(INDEX($D$3:$AA$30,INDEX(Jesper!$R$2:$R$366,ROW(INDEX(Jesper!AI$2:AI$366,ROUNDDOWN($C7520/24,0)+1,1))-1)+IF('Standard Profiles'!$G$19=$B$10,7,0)+IF('Standard Profiles'!$G$19=$B$17,14,0)+IF('Standard Profiles'!$G$19=$B$24,21,0),0)),0)</f>
        <v>0</v>
      </c>
      <c r="F7520" cm="1">
        <f t="array" ref="F7520">IFERROR(INDEX(Jesper!AJ$2:AJ$366,ROUNDDOWN($C7520/24,0)+1,1)*INDEX($D$3:$AA$30,INDEX(Jesper!$R$2:$R$366,ROW(INDEX(Jesper!AJ$2:AJ$366,ROUNDDOWN($C7520/24,0)+1,1))-1)+IF('Standard Profiles'!$G$20=$B$10,7,0)+IF('Standard Profiles'!$G$20=$B$17,14,0)+IF('Standard Profiles'!$G$20=$B$24,21,0),MOD($C7520,24)+1)/SUM(INDEX($D$3:$AA$30,INDEX(Jesper!$R$2:$R$366,ROW(INDEX(Jesper!AJ$2:AJ$366,ROUNDDOWN($C7520/24,0)+1,1))-1)+IF('Standard Profiles'!$G$20=$B$10,7,0)+IF('Standard Profiles'!$G$20=$B$17,14,0)+IF('Standard Profiles'!$G$20=$B$24,21,0),0)),0)</f>
        <v>0</v>
      </c>
      <c r="G7520" cm="1">
        <f t="array" ref="G7520">IFERROR(INDEX(Jesper!AK$2:AK$366,ROUNDDOWN($C7520/24,0)+1,1)*INDEX($D$3:$AA$30,INDEX(Jesper!$R$2:$R$366,ROW(INDEX(Jesper!AK$2:AK$366,ROUNDDOWN($C7520/24,0)+1,1))-1)+IF('Standard Profiles'!$G$21=$B$10,7,0)+IF('Standard Profiles'!$G$21=$B$17,14,0)+IF('Standard Profiles'!$G$21=$B$24,21,0),MOD($C7520,24)+1)/SUM(INDEX($D$3:$AA$30,INDEX(Jesper!$R$2:$R$366,ROW(INDEX(Jesper!AK$2:AK$366,ROUNDDOWN($C7520/24,0)+1,1))-1)+IF('Standard Profiles'!$G$21=$B$10,7,0)+IF('Standard Profiles'!$G$21=$B$17,14,0)+IF('Standard Profiles'!$G$21=$B$24,21,0),0)),0)</f>
        <v>0</v>
      </c>
      <c r="H7520" cm="1">
        <f t="array" ref="H7520">IFERROR(INDEX(Jesper!AL$2:AL$366,ROUNDDOWN($C7520/24,0)+1,1)*INDEX($D$3:$AA$30,INDEX(Jesper!$R$2:$R$366,ROW(INDEX(Jesper!AL$2:AL$366,ROUNDDOWN($C7520/24,0)+1,1))-1)+IF('Standard Profiles'!$G$22=$B$10,7,0)+IF('Standard Profiles'!$G$22=$B$17,14,0)+IF('Standard Profiles'!$G$22=$B$24,21,0),MOD($C7520,24)+1)/SUM(INDEX($D$3:$AA$30,INDEX(Jesper!$R$2:$R$366,ROW(INDEX(Jesper!AL$2:AL$366,ROUNDDOWN($C7520/24,0)+1,1))-1)+IF('Standard Profiles'!$G$22=$B$10,7,0)+IF('Standard Profiles'!$G$22=$B$17,14,0)+IF('Standard Profiles'!$G$22=$B$24,21,0),0)),0)</f>
        <v>0</v>
      </c>
      <c r="I7520">
        <f t="shared" si="832"/>
        <v>0.22619927019080754</v>
      </c>
      <c r="J7520">
        <f t="shared" si="833"/>
        <v>0.75399756730269196</v>
      </c>
      <c r="K7520">
        <f t="shared" si="834"/>
        <v>1.1309963509540377</v>
      </c>
      <c r="L7520">
        <f t="shared" si="835"/>
        <v>5.4287824845793811</v>
      </c>
      <c r="M7520">
        <f t="shared" si="836"/>
        <v>0</v>
      </c>
      <c r="N7520" s="46">
        <f t="shared" si="837"/>
        <v>45603.916666648511</v>
      </c>
    </row>
    <row r="7521" spans="2:14" x14ac:dyDescent="0.3">
      <c r="B7521">
        <f t="shared" si="831"/>
        <v>4</v>
      </c>
      <c r="C7521" s="16">
        <v>7487</v>
      </c>
      <c r="D7521" cm="1">
        <f t="array" ref="D7521">IFERROR(INDEX(Jesper!AH$2:AH$366,ROUNDDOWN($C7521/24,0)+1,1)*INDEX($D$3:$AA$30,INDEX(Jesper!$R$2:$R$366,ROW(INDEX(Jesper!AH$2:AH$366,ROUNDDOWN($C7521/24,0)+1,1))-1)+IF('Standard Profiles'!$G$18=$B$10,7,0)+IF('Standard Profiles'!$G$18=$B$17,14,0)+IF('Standard Profiles'!$G$18=$B$24,21,0),MOD($C7521,24)+1)/SUM(INDEX($D$3:$AA$30,INDEX(Jesper!$R$2:$R$366,ROW(INDEX(Jesper!AH$2:AH$366,ROUNDDOWN($C7521/24,0)+1,1))-1)+IF('Standard Profiles'!$G$18=$B$10,7,0)+IF('Standard Profiles'!$G$18=$B$17,14,0)+IF('Standard Profiles'!$G$18=$B$24,21,0),0)),0)</f>
        <v>7.5399756730269187</v>
      </c>
      <c r="E7521" cm="1">
        <f t="array" ref="E7521">IFERROR(INDEX(Jesper!AI$2:AI$366,ROUNDDOWN($C7521/24,0)+1,1)*INDEX($D$3:$AA$30,INDEX(Jesper!$R$2:$R$366,ROW(INDEX(Jesper!AI$2:AI$366,ROUNDDOWN($C7521/24,0)+1,1))-1)+IF('Standard Profiles'!$G$19=$B$10,7,0)+IF('Standard Profiles'!$G$19=$B$17,14,0)+IF('Standard Profiles'!$G$19=$B$24,21,0),MOD($C7521,24)+1)/SUM(INDEX($D$3:$AA$30,INDEX(Jesper!$R$2:$R$366,ROW(INDEX(Jesper!AI$2:AI$366,ROUNDDOWN($C7521/24,0)+1,1))-1)+IF('Standard Profiles'!$G$19=$B$10,7,0)+IF('Standard Profiles'!$G$19=$B$17,14,0)+IF('Standard Profiles'!$G$19=$B$24,21,0),0)),0)</f>
        <v>0</v>
      </c>
      <c r="F7521" cm="1">
        <f t="array" ref="F7521">IFERROR(INDEX(Jesper!AJ$2:AJ$366,ROUNDDOWN($C7521/24,0)+1,1)*INDEX($D$3:$AA$30,INDEX(Jesper!$R$2:$R$366,ROW(INDEX(Jesper!AJ$2:AJ$366,ROUNDDOWN($C7521/24,0)+1,1))-1)+IF('Standard Profiles'!$G$20=$B$10,7,0)+IF('Standard Profiles'!$G$20=$B$17,14,0)+IF('Standard Profiles'!$G$20=$B$24,21,0),MOD($C7521,24)+1)/SUM(INDEX($D$3:$AA$30,INDEX(Jesper!$R$2:$R$366,ROW(INDEX(Jesper!AJ$2:AJ$366,ROUNDDOWN($C7521/24,0)+1,1))-1)+IF('Standard Profiles'!$G$20=$B$10,7,0)+IF('Standard Profiles'!$G$20=$B$17,14,0)+IF('Standard Profiles'!$G$20=$B$24,21,0),0)),0)</f>
        <v>0</v>
      </c>
      <c r="G7521" cm="1">
        <f t="array" ref="G7521">IFERROR(INDEX(Jesper!AK$2:AK$366,ROUNDDOWN($C7521/24,0)+1,1)*INDEX($D$3:$AA$30,INDEX(Jesper!$R$2:$R$366,ROW(INDEX(Jesper!AK$2:AK$366,ROUNDDOWN($C7521/24,0)+1,1))-1)+IF('Standard Profiles'!$G$21=$B$10,7,0)+IF('Standard Profiles'!$G$21=$B$17,14,0)+IF('Standard Profiles'!$G$21=$B$24,21,0),MOD($C7521,24)+1)/SUM(INDEX($D$3:$AA$30,INDEX(Jesper!$R$2:$R$366,ROW(INDEX(Jesper!AK$2:AK$366,ROUNDDOWN($C7521/24,0)+1,1))-1)+IF('Standard Profiles'!$G$21=$B$10,7,0)+IF('Standard Profiles'!$G$21=$B$17,14,0)+IF('Standard Profiles'!$G$21=$B$24,21,0),0)),0)</f>
        <v>0</v>
      </c>
      <c r="H7521" cm="1">
        <f t="array" ref="H7521">IFERROR(INDEX(Jesper!AL$2:AL$366,ROUNDDOWN($C7521/24,0)+1,1)*INDEX($D$3:$AA$30,INDEX(Jesper!$R$2:$R$366,ROW(INDEX(Jesper!AL$2:AL$366,ROUNDDOWN($C7521/24,0)+1,1))-1)+IF('Standard Profiles'!$G$22=$B$10,7,0)+IF('Standard Profiles'!$G$22=$B$17,14,0)+IF('Standard Profiles'!$G$22=$B$24,21,0),MOD($C7521,24)+1)/SUM(INDEX($D$3:$AA$30,INDEX(Jesper!$R$2:$R$366,ROW(INDEX(Jesper!AL$2:AL$366,ROUNDDOWN($C7521/24,0)+1,1))-1)+IF('Standard Profiles'!$G$22=$B$10,7,0)+IF('Standard Profiles'!$G$22=$B$17,14,0)+IF('Standard Profiles'!$G$22=$B$24,21,0),0)),0)</f>
        <v>0</v>
      </c>
      <c r="I7521">
        <f t="shared" si="832"/>
        <v>0.22619927019080754</v>
      </c>
      <c r="J7521">
        <f t="shared" si="833"/>
        <v>0.75399756730269196</v>
      </c>
      <c r="K7521">
        <f t="shared" si="834"/>
        <v>1.1309963509540377</v>
      </c>
      <c r="L7521">
        <f t="shared" si="835"/>
        <v>5.4287824845793811</v>
      </c>
      <c r="M7521">
        <f t="shared" si="836"/>
        <v>0</v>
      </c>
      <c r="N7521" s="46">
        <f t="shared" si="837"/>
        <v>45603.958333315175</v>
      </c>
    </row>
    <row r="7522" spans="2:14" x14ac:dyDescent="0.3">
      <c r="B7522">
        <f t="shared" si="831"/>
        <v>5</v>
      </c>
      <c r="C7522" s="16">
        <v>7488</v>
      </c>
      <c r="D7522" cm="1">
        <f t="array" ref="D7522">IFERROR(INDEX(Jesper!AH$2:AH$366,ROUNDDOWN($C7522/24,0)+1,1)*INDEX($D$3:$AA$30,INDEX(Jesper!$R$2:$R$366,ROW(INDEX(Jesper!AH$2:AH$366,ROUNDDOWN($C7522/24,0)+1,1))-1)+IF('Standard Profiles'!$G$18=$B$10,7,0)+IF('Standard Profiles'!$G$18=$B$17,14,0)+IF('Standard Profiles'!$G$18=$B$24,21,0),MOD($C7522,24)+1)/SUM(INDEX($D$3:$AA$30,INDEX(Jesper!$R$2:$R$366,ROW(INDEX(Jesper!AH$2:AH$366,ROUNDDOWN($C7522/24,0)+1,1))-1)+IF('Standard Profiles'!$G$18=$B$10,7,0)+IF('Standard Profiles'!$G$18=$B$17,14,0)+IF('Standard Profiles'!$G$18=$B$24,21,0),0)),0)</f>
        <v>8.2173334567920211</v>
      </c>
      <c r="E7522" cm="1">
        <f t="array" ref="E7522">IFERROR(INDEX(Jesper!AI$2:AI$366,ROUNDDOWN($C7522/24,0)+1,1)*INDEX($D$3:$AA$30,INDEX(Jesper!$R$2:$R$366,ROW(INDEX(Jesper!AI$2:AI$366,ROUNDDOWN($C7522/24,0)+1,1))-1)+IF('Standard Profiles'!$G$19=$B$10,7,0)+IF('Standard Profiles'!$G$19=$B$17,14,0)+IF('Standard Profiles'!$G$19=$B$24,21,0),MOD($C7522,24)+1)/SUM(INDEX($D$3:$AA$30,INDEX(Jesper!$R$2:$R$366,ROW(INDEX(Jesper!AI$2:AI$366,ROUNDDOWN($C7522/24,0)+1,1))-1)+IF('Standard Profiles'!$G$19=$B$10,7,0)+IF('Standard Profiles'!$G$19=$B$17,14,0)+IF('Standard Profiles'!$G$19=$B$24,21,0),0)),0)</f>
        <v>0</v>
      </c>
      <c r="F7522" cm="1">
        <f t="array" ref="F7522">IFERROR(INDEX(Jesper!AJ$2:AJ$366,ROUNDDOWN($C7522/24,0)+1,1)*INDEX($D$3:$AA$30,INDEX(Jesper!$R$2:$R$366,ROW(INDEX(Jesper!AJ$2:AJ$366,ROUNDDOWN($C7522/24,0)+1,1))-1)+IF('Standard Profiles'!$G$20=$B$10,7,0)+IF('Standard Profiles'!$G$20=$B$17,14,0)+IF('Standard Profiles'!$G$20=$B$24,21,0),MOD($C7522,24)+1)/SUM(INDEX($D$3:$AA$30,INDEX(Jesper!$R$2:$R$366,ROW(INDEX(Jesper!AJ$2:AJ$366,ROUNDDOWN($C7522/24,0)+1,1))-1)+IF('Standard Profiles'!$G$20=$B$10,7,0)+IF('Standard Profiles'!$G$20=$B$17,14,0)+IF('Standard Profiles'!$G$20=$B$24,21,0),0)),0)</f>
        <v>0</v>
      </c>
      <c r="G7522" cm="1">
        <f t="array" ref="G7522">IFERROR(INDEX(Jesper!AK$2:AK$366,ROUNDDOWN($C7522/24,0)+1,1)*INDEX($D$3:$AA$30,INDEX(Jesper!$R$2:$R$366,ROW(INDEX(Jesper!AK$2:AK$366,ROUNDDOWN($C7522/24,0)+1,1))-1)+IF('Standard Profiles'!$G$21=$B$10,7,0)+IF('Standard Profiles'!$G$21=$B$17,14,0)+IF('Standard Profiles'!$G$21=$B$24,21,0),MOD($C7522,24)+1)/SUM(INDEX($D$3:$AA$30,INDEX(Jesper!$R$2:$R$366,ROW(INDEX(Jesper!AK$2:AK$366,ROUNDDOWN($C7522/24,0)+1,1))-1)+IF('Standard Profiles'!$G$21=$B$10,7,0)+IF('Standard Profiles'!$G$21=$B$17,14,0)+IF('Standard Profiles'!$G$21=$B$24,21,0),0)),0)</f>
        <v>0</v>
      </c>
      <c r="H7522" cm="1">
        <f t="array" ref="H7522">IFERROR(INDEX(Jesper!AL$2:AL$366,ROUNDDOWN($C7522/24,0)+1,1)*INDEX($D$3:$AA$30,INDEX(Jesper!$R$2:$R$366,ROW(INDEX(Jesper!AL$2:AL$366,ROUNDDOWN($C7522/24,0)+1,1))-1)+IF('Standard Profiles'!$G$22=$B$10,7,0)+IF('Standard Profiles'!$G$22=$B$17,14,0)+IF('Standard Profiles'!$G$22=$B$24,21,0),MOD($C7522,24)+1)/SUM(INDEX($D$3:$AA$30,INDEX(Jesper!$R$2:$R$366,ROW(INDEX(Jesper!AL$2:AL$366,ROUNDDOWN($C7522/24,0)+1,1))-1)+IF('Standard Profiles'!$G$22=$B$10,7,0)+IF('Standard Profiles'!$G$22=$B$17,14,0)+IF('Standard Profiles'!$G$22=$B$24,21,0),0)),0)</f>
        <v>0</v>
      </c>
      <c r="I7522">
        <f t="shared" si="832"/>
        <v>0.24652000370376062</v>
      </c>
      <c r="J7522">
        <f t="shared" si="833"/>
        <v>0.8217333456792022</v>
      </c>
      <c r="K7522">
        <f t="shared" si="834"/>
        <v>1.2326000185188031</v>
      </c>
      <c r="L7522">
        <f t="shared" si="835"/>
        <v>5.9164800888902551</v>
      </c>
      <c r="M7522">
        <f t="shared" si="836"/>
        <v>0</v>
      </c>
      <c r="N7522" s="46">
        <f t="shared" si="837"/>
        <v>45603.999999981839</v>
      </c>
    </row>
    <row r="7523" spans="2:14" x14ac:dyDescent="0.3">
      <c r="B7523">
        <f t="shared" ref="B7523:B7586" si="838">WEEKDAY(N7523,2)</f>
        <v>5</v>
      </c>
      <c r="C7523" s="16">
        <v>7489</v>
      </c>
      <c r="D7523" cm="1">
        <f t="array" ref="D7523">IFERROR(INDEX(Jesper!AH$2:AH$366,ROUNDDOWN($C7523/24,0)+1,1)*INDEX($D$3:$AA$30,INDEX(Jesper!$R$2:$R$366,ROW(INDEX(Jesper!AH$2:AH$366,ROUNDDOWN($C7523/24,0)+1,1))-1)+IF('Standard Profiles'!$G$18=$B$10,7,0)+IF('Standard Profiles'!$G$18=$B$17,14,0)+IF('Standard Profiles'!$G$18=$B$24,21,0),MOD($C7523,24)+1)/SUM(INDEX($D$3:$AA$30,INDEX(Jesper!$R$2:$R$366,ROW(INDEX(Jesper!AH$2:AH$366,ROUNDDOWN($C7523/24,0)+1,1))-1)+IF('Standard Profiles'!$G$18=$B$10,7,0)+IF('Standard Profiles'!$G$18=$B$17,14,0)+IF('Standard Profiles'!$G$18=$B$24,21,0),0)),0)</f>
        <v>8.2173334567920211</v>
      </c>
      <c r="E7523" cm="1">
        <f t="array" ref="E7523">IFERROR(INDEX(Jesper!AI$2:AI$366,ROUNDDOWN($C7523/24,0)+1,1)*INDEX($D$3:$AA$30,INDEX(Jesper!$R$2:$R$366,ROW(INDEX(Jesper!AI$2:AI$366,ROUNDDOWN($C7523/24,0)+1,1))-1)+IF('Standard Profiles'!$G$19=$B$10,7,0)+IF('Standard Profiles'!$G$19=$B$17,14,0)+IF('Standard Profiles'!$G$19=$B$24,21,0),MOD($C7523,24)+1)/SUM(INDEX($D$3:$AA$30,INDEX(Jesper!$R$2:$R$366,ROW(INDEX(Jesper!AI$2:AI$366,ROUNDDOWN($C7523/24,0)+1,1))-1)+IF('Standard Profiles'!$G$19=$B$10,7,0)+IF('Standard Profiles'!$G$19=$B$17,14,0)+IF('Standard Profiles'!$G$19=$B$24,21,0),0)),0)</f>
        <v>0</v>
      </c>
      <c r="F7523" cm="1">
        <f t="array" ref="F7523">IFERROR(INDEX(Jesper!AJ$2:AJ$366,ROUNDDOWN($C7523/24,0)+1,1)*INDEX($D$3:$AA$30,INDEX(Jesper!$R$2:$R$366,ROW(INDEX(Jesper!AJ$2:AJ$366,ROUNDDOWN($C7523/24,0)+1,1))-1)+IF('Standard Profiles'!$G$20=$B$10,7,0)+IF('Standard Profiles'!$G$20=$B$17,14,0)+IF('Standard Profiles'!$G$20=$B$24,21,0),MOD($C7523,24)+1)/SUM(INDEX($D$3:$AA$30,INDEX(Jesper!$R$2:$R$366,ROW(INDEX(Jesper!AJ$2:AJ$366,ROUNDDOWN($C7523/24,0)+1,1))-1)+IF('Standard Profiles'!$G$20=$B$10,7,0)+IF('Standard Profiles'!$G$20=$B$17,14,0)+IF('Standard Profiles'!$G$20=$B$24,21,0),0)),0)</f>
        <v>0</v>
      </c>
      <c r="G7523" cm="1">
        <f t="array" ref="G7523">IFERROR(INDEX(Jesper!AK$2:AK$366,ROUNDDOWN($C7523/24,0)+1,1)*INDEX($D$3:$AA$30,INDEX(Jesper!$R$2:$R$366,ROW(INDEX(Jesper!AK$2:AK$366,ROUNDDOWN($C7523/24,0)+1,1))-1)+IF('Standard Profiles'!$G$21=$B$10,7,0)+IF('Standard Profiles'!$G$21=$B$17,14,0)+IF('Standard Profiles'!$G$21=$B$24,21,0),MOD($C7523,24)+1)/SUM(INDEX($D$3:$AA$30,INDEX(Jesper!$R$2:$R$366,ROW(INDEX(Jesper!AK$2:AK$366,ROUNDDOWN($C7523/24,0)+1,1))-1)+IF('Standard Profiles'!$G$21=$B$10,7,0)+IF('Standard Profiles'!$G$21=$B$17,14,0)+IF('Standard Profiles'!$G$21=$B$24,21,0),0)),0)</f>
        <v>0</v>
      </c>
      <c r="H7523" cm="1">
        <f t="array" ref="H7523">IFERROR(INDEX(Jesper!AL$2:AL$366,ROUNDDOWN($C7523/24,0)+1,1)*INDEX($D$3:$AA$30,INDEX(Jesper!$R$2:$R$366,ROW(INDEX(Jesper!AL$2:AL$366,ROUNDDOWN($C7523/24,0)+1,1))-1)+IF('Standard Profiles'!$G$22=$B$10,7,0)+IF('Standard Profiles'!$G$22=$B$17,14,0)+IF('Standard Profiles'!$G$22=$B$24,21,0),MOD($C7523,24)+1)/SUM(INDEX($D$3:$AA$30,INDEX(Jesper!$R$2:$R$366,ROW(INDEX(Jesper!AL$2:AL$366,ROUNDDOWN($C7523/24,0)+1,1))-1)+IF('Standard Profiles'!$G$22=$B$10,7,0)+IF('Standard Profiles'!$G$22=$B$17,14,0)+IF('Standard Profiles'!$G$22=$B$24,21,0),0)),0)</f>
        <v>0</v>
      </c>
      <c r="I7523">
        <f t="shared" ref="I7523:I7586" si="839">IF($B7523&lt;6,AC$37*$D7523+AC$38*$E7523+AC$39*$F7523+AC$40*$G7523,AC$46*$D7523+AC$47*$E7523+AC$48*$F7523+AC$49*$G7523+AC$50*$H7523)</f>
        <v>0.24652000370376062</v>
      </c>
      <c r="J7523">
        <f t="shared" ref="J7523:J7586" si="840">IF($B7523&lt;6,AD$37*$D7523+AD$38*$E7523+AD$39*$F7523+AD$40*$G7523,AD$46*$D7523+AD$47*$E7523+AD$48*$F7523+AD$49*$G7523+AD$50*$H7523)</f>
        <v>0.8217333456792022</v>
      </c>
      <c r="K7523">
        <f t="shared" ref="K7523:K7586" si="841">IF($B7523&lt;6,AE$37*$D7523+AE$38*$E7523+AE$39*$F7523+AE$40*$G7523,AE$46*$D7523+AE$47*$E7523+AE$48*$F7523+AE$49*$G7523+AE$50*$H7523)</f>
        <v>1.2326000185188031</v>
      </c>
      <c r="L7523">
        <f t="shared" ref="L7523:L7586" si="842">IF($B7523&lt;6,AF$37*$D7523+AF$38*$E7523+AF$39*$F7523+AF$40*$G7523,AF$46*$D7523+AF$47*$E7523+AF$48*$F7523+AF$49*$G7523+AF$50*$H7523)</f>
        <v>5.9164800888902551</v>
      </c>
      <c r="M7523">
        <f t="shared" ref="M7523:M7586" si="843">IF($B7523&lt;6,AG$37*$D7523+AG$38*$E7523+AG$39*$F7523+AG$40*$G7523,AG$46*$D7523+AG$47*$E7523+AG$48*$F7523+AG$49*$G7523+AG$50*$H7523)</f>
        <v>0</v>
      </c>
      <c r="N7523" s="46">
        <f t="shared" si="837"/>
        <v>45604.041666648503</v>
      </c>
    </row>
    <row r="7524" spans="2:14" x14ac:dyDescent="0.3">
      <c r="B7524">
        <f t="shared" si="838"/>
        <v>5</v>
      </c>
      <c r="C7524" s="16">
        <v>7490</v>
      </c>
      <c r="D7524" cm="1">
        <f t="array" ref="D7524">IFERROR(INDEX(Jesper!AH$2:AH$366,ROUNDDOWN($C7524/24,0)+1,1)*INDEX($D$3:$AA$30,INDEX(Jesper!$R$2:$R$366,ROW(INDEX(Jesper!AH$2:AH$366,ROUNDDOWN($C7524/24,0)+1,1))-1)+IF('Standard Profiles'!$G$18=$B$10,7,0)+IF('Standard Profiles'!$G$18=$B$17,14,0)+IF('Standard Profiles'!$G$18=$B$24,21,0),MOD($C7524,24)+1)/SUM(INDEX($D$3:$AA$30,INDEX(Jesper!$R$2:$R$366,ROW(INDEX(Jesper!AH$2:AH$366,ROUNDDOWN($C7524/24,0)+1,1))-1)+IF('Standard Profiles'!$G$18=$B$10,7,0)+IF('Standard Profiles'!$G$18=$B$17,14,0)+IF('Standard Profiles'!$G$18=$B$24,21,0),0)),0)</f>
        <v>8.2173334567920211</v>
      </c>
      <c r="E7524" cm="1">
        <f t="array" ref="E7524">IFERROR(INDEX(Jesper!AI$2:AI$366,ROUNDDOWN($C7524/24,0)+1,1)*INDEX($D$3:$AA$30,INDEX(Jesper!$R$2:$R$366,ROW(INDEX(Jesper!AI$2:AI$366,ROUNDDOWN($C7524/24,0)+1,1))-1)+IF('Standard Profiles'!$G$19=$B$10,7,0)+IF('Standard Profiles'!$G$19=$B$17,14,0)+IF('Standard Profiles'!$G$19=$B$24,21,0),MOD($C7524,24)+1)/SUM(INDEX($D$3:$AA$30,INDEX(Jesper!$R$2:$R$366,ROW(INDEX(Jesper!AI$2:AI$366,ROUNDDOWN($C7524/24,0)+1,1))-1)+IF('Standard Profiles'!$G$19=$B$10,7,0)+IF('Standard Profiles'!$G$19=$B$17,14,0)+IF('Standard Profiles'!$G$19=$B$24,21,0),0)),0)</f>
        <v>0</v>
      </c>
      <c r="F7524" cm="1">
        <f t="array" ref="F7524">IFERROR(INDEX(Jesper!AJ$2:AJ$366,ROUNDDOWN($C7524/24,0)+1,1)*INDEX($D$3:$AA$30,INDEX(Jesper!$R$2:$R$366,ROW(INDEX(Jesper!AJ$2:AJ$366,ROUNDDOWN($C7524/24,0)+1,1))-1)+IF('Standard Profiles'!$G$20=$B$10,7,0)+IF('Standard Profiles'!$G$20=$B$17,14,0)+IF('Standard Profiles'!$G$20=$B$24,21,0),MOD($C7524,24)+1)/SUM(INDEX($D$3:$AA$30,INDEX(Jesper!$R$2:$R$366,ROW(INDEX(Jesper!AJ$2:AJ$366,ROUNDDOWN($C7524/24,0)+1,1))-1)+IF('Standard Profiles'!$G$20=$B$10,7,0)+IF('Standard Profiles'!$G$20=$B$17,14,0)+IF('Standard Profiles'!$G$20=$B$24,21,0),0)),0)</f>
        <v>0</v>
      </c>
      <c r="G7524" cm="1">
        <f t="array" ref="G7524">IFERROR(INDEX(Jesper!AK$2:AK$366,ROUNDDOWN($C7524/24,0)+1,1)*INDEX($D$3:$AA$30,INDEX(Jesper!$R$2:$R$366,ROW(INDEX(Jesper!AK$2:AK$366,ROUNDDOWN($C7524/24,0)+1,1))-1)+IF('Standard Profiles'!$G$21=$B$10,7,0)+IF('Standard Profiles'!$G$21=$B$17,14,0)+IF('Standard Profiles'!$G$21=$B$24,21,0),MOD($C7524,24)+1)/SUM(INDEX($D$3:$AA$30,INDEX(Jesper!$R$2:$R$366,ROW(INDEX(Jesper!AK$2:AK$366,ROUNDDOWN($C7524/24,0)+1,1))-1)+IF('Standard Profiles'!$G$21=$B$10,7,0)+IF('Standard Profiles'!$G$21=$B$17,14,0)+IF('Standard Profiles'!$G$21=$B$24,21,0),0)),0)</f>
        <v>0</v>
      </c>
      <c r="H7524" cm="1">
        <f t="array" ref="H7524">IFERROR(INDEX(Jesper!AL$2:AL$366,ROUNDDOWN($C7524/24,0)+1,1)*INDEX($D$3:$AA$30,INDEX(Jesper!$R$2:$R$366,ROW(INDEX(Jesper!AL$2:AL$366,ROUNDDOWN($C7524/24,0)+1,1))-1)+IF('Standard Profiles'!$G$22=$B$10,7,0)+IF('Standard Profiles'!$G$22=$B$17,14,0)+IF('Standard Profiles'!$G$22=$B$24,21,0),MOD($C7524,24)+1)/SUM(INDEX($D$3:$AA$30,INDEX(Jesper!$R$2:$R$366,ROW(INDEX(Jesper!AL$2:AL$366,ROUNDDOWN($C7524/24,0)+1,1))-1)+IF('Standard Profiles'!$G$22=$B$10,7,0)+IF('Standard Profiles'!$G$22=$B$17,14,0)+IF('Standard Profiles'!$G$22=$B$24,21,0),0)),0)</f>
        <v>0</v>
      </c>
      <c r="I7524">
        <f t="shared" si="839"/>
        <v>0.24652000370376062</v>
      </c>
      <c r="J7524">
        <f t="shared" si="840"/>
        <v>0.8217333456792022</v>
      </c>
      <c r="K7524">
        <f t="shared" si="841"/>
        <v>1.2326000185188031</v>
      </c>
      <c r="L7524">
        <f t="shared" si="842"/>
        <v>5.9164800888902551</v>
      </c>
      <c r="M7524">
        <f t="shared" si="843"/>
        <v>0</v>
      </c>
      <c r="N7524" s="46">
        <f t="shared" ref="N7524:N7587" si="844">N7523+1/24</f>
        <v>45604.083333315168</v>
      </c>
    </row>
    <row r="7525" spans="2:14" x14ac:dyDescent="0.3">
      <c r="B7525">
        <f t="shared" si="838"/>
        <v>5</v>
      </c>
      <c r="C7525" s="16">
        <v>7491</v>
      </c>
      <c r="D7525" cm="1">
        <f t="array" ref="D7525">IFERROR(INDEX(Jesper!AH$2:AH$366,ROUNDDOWN($C7525/24,0)+1,1)*INDEX($D$3:$AA$30,INDEX(Jesper!$R$2:$R$366,ROW(INDEX(Jesper!AH$2:AH$366,ROUNDDOWN($C7525/24,0)+1,1))-1)+IF('Standard Profiles'!$G$18=$B$10,7,0)+IF('Standard Profiles'!$G$18=$B$17,14,0)+IF('Standard Profiles'!$G$18=$B$24,21,0),MOD($C7525,24)+1)/SUM(INDEX($D$3:$AA$30,INDEX(Jesper!$R$2:$R$366,ROW(INDEX(Jesper!AH$2:AH$366,ROUNDDOWN($C7525/24,0)+1,1))-1)+IF('Standard Profiles'!$G$18=$B$10,7,0)+IF('Standard Profiles'!$G$18=$B$17,14,0)+IF('Standard Profiles'!$G$18=$B$24,21,0),0)),0)</f>
        <v>8.2173334567920211</v>
      </c>
      <c r="E7525" cm="1">
        <f t="array" ref="E7525">IFERROR(INDEX(Jesper!AI$2:AI$366,ROUNDDOWN($C7525/24,0)+1,1)*INDEX($D$3:$AA$30,INDEX(Jesper!$R$2:$R$366,ROW(INDEX(Jesper!AI$2:AI$366,ROUNDDOWN($C7525/24,0)+1,1))-1)+IF('Standard Profiles'!$G$19=$B$10,7,0)+IF('Standard Profiles'!$G$19=$B$17,14,0)+IF('Standard Profiles'!$G$19=$B$24,21,0),MOD($C7525,24)+1)/SUM(INDEX($D$3:$AA$30,INDEX(Jesper!$R$2:$R$366,ROW(INDEX(Jesper!AI$2:AI$366,ROUNDDOWN($C7525/24,0)+1,1))-1)+IF('Standard Profiles'!$G$19=$B$10,7,0)+IF('Standard Profiles'!$G$19=$B$17,14,0)+IF('Standard Profiles'!$G$19=$B$24,21,0),0)),0)</f>
        <v>0</v>
      </c>
      <c r="F7525" cm="1">
        <f t="array" ref="F7525">IFERROR(INDEX(Jesper!AJ$2:AJ$366,ROUNDDOWN($C7525/24,0)+1,1)*INDEX($D$3:$AA$30,INDEX(Jesper!$R$2:$R$366,ROW(INDEX(Jesper!AJ$2:AJ$366,ROUNDDOWN($C7525/24,0)+1,1))-1)+IF('Standard Profiles'!$G$20=$B$10,7,0)+IF('Standard Profiles'!$G$20=$B$17,14,0)+IF('Standard Profiles'!$G$20=$B$24,21,0),MOD($C7525,24)+1)/SUM(INDEX($D$3:$AA$30,INDEX(Jesper!$R$2:$R$366,ROW(INDEX(Jesper!AJ$2:AJ$366,ROUNDDOWN($C7525/24,0)+1,1))-1)+IF('Standard Profiles'!$G$20=$B$10,7,0)+IF('Standard Profiles'!$G$20=$B$17,14,0)+IF('Standard Profiles'!$G$20=$B$24,21,0),0)),0)</f>
        <v>0</v>
      </c>
      <c r="G7525" cm="1">
        <f t="array" ref="G7525">IFERROR(INDEX(Jesper!AK$2:AK$366,ROUNDDOWN($C7525/24,0)+1,1)*INDEX($D$3:$AA$30,INDEX(Jesper!$R$2:$R$366,ROW(INDEX(Jesper!AK$2:AK$366,ROUNDDOWN($C7525/24,0)+1,1))-1)+IF('Standard Profiles'!$G$21=$B$10,7,0)+IF('Standard Profiles'!$G$21=$B$17,14,0)+IF('Standard Profiles'!$G$21=$B$24,21,0),MOD($C7525,24)+1)/SUM(INDEX($D$3:$AA$30,INDEX(Jesper!$R$2:$R$366,ROW(INDEX(Jesper!AK$2:AK$366,ROUNDDOWN($C7525/24,0)+1,1))-1)+IF('Standard Profiles'!$G$21=$B$10,7,0)+IF('Standard Profiles'!$G$21=$B$17,14,0)+IF('Standard Profiles'!$G$21=$B$24,21,0),0)),0)</f>
        <v>0</v>
      </c>
      <c r="H7525" cm="1">
        <f t="array" ref="H7525">IFERROR(INDEX(Jesper!AL$2:AL$366,ROUNDDOWN($C7525/24,0)+1,1)*INDEX($D$3:$AA$30,INDEX(Jesper!$R$2:$R$366,ROW(INDEX(Jesper!AL$2:AL$366,ROUNDDOWN($C7525/24,0)+1,1))-1)+IF('Standard Profiles'!$G$22=$B$10,7,0)+IF('Standard Profiles'!$G$22=$B$17,14,0)+IF('Standard Profiles'!$G$22=$B$24,21,0),MOD($C7525,24)+1)/SUM(INDEX($D$3:$AA$30,INDEX(Jesper!$R$2:$R$366,ROW(INDEX(Jesper!AL$2:AL$366,ROUNDDOWN($C7525/24,0)+1,1))-1)+IF('Standard Profiles'!$G$22=$B$10,7,0)+IF('Standard Profiles'!$G$22=$B$17,14,0)+IF('Standard Profiles'!$G$22=$B$24,21,0),0)),0)</f>
        <v>0</v>
      </c>
      <c r="I7525">
        <f t="shared" si="839"/>
        <v>0.24652000370376062</v>
      </c>
      <c r="J7525">
        <f t="shared" si="840"/>
        <v>0.8217333456792022</v>
      </c>
      <c r="K7525">
        <f t="shared" si="841"/>
        <v>1.2326000185188031</v>
      </c>
      <c r="L7525">
        <f t="shared" si="842"/>
        <v>5.9164800888902551</v>
      </c>
      <c r="M7525">
        <f t="shared" si="843"/>
        <v>0</v>
      </c>
      <c r="N7525" s="46">
        <f t="shared" si="844"/>
        <v>45604.124999981832</v>
      </c>
    </row>
    <row r="7526" spans="2:14" x14ac:dyDescent="0.3">
      <c r="B7526">
        <f t="shared" si="838"/>
        <v>5</v>
      </c>
      <c r="C7526" s="16">
        <v>7492</v>
      </c>
      <c r="D7526" cm="1">
        <f t="array" ref="D7526">IFERROR(INDEX(Jesper!AH$2:AH$366,ROUNDDOWN($C7526/24,0)+1,1)*INDEX($D$3:$AA$30,INDEX(Jesper!$R$2:$R$366,ROW(INDEX(Jesper!AH$2:AH$366,ROUNDDOWN($C7526/24,0)+1,1))-1)+IF('Standard Profiles'!$G$18=$B$10,7,0)+IF('Standard Profiles'!$G$18=$B$17,14,0)+IF('Standard Profiles'!$G$18=$B$24,21,0),MOD($C7526,24)+1)/SUM(INDEX($D$3:$AA$30,INDEX(Jesper!$R$2:$R$366,ROW(INDEX(Jesper!AH$2:AH$366,ROUNDDOWN($C7526/24,0)+1,1))-1)+IF('Standard Profiles'!$G$18=$B$10,7,0)+IF('Standard Profiles'!$G$18=$B$17,14,0)+IF('Standard Profiles'!$G$18=$B$24,21,0),0)),0)</f>
        <v>8.2173334567920211</v>
      </c>
      <c r="E7526" cm="1">
        <f t="array" ref="E7526">IFERROR(INDEX(Jesper!AI$2:AI$366,ROUNDDOWN($C7526/24,0)+1,1)*INDEX($D$3:$AA$30,INDEX(Jesper!$R$2:$R$366,ROW(INDEX(Jesper!AI$2:AI$366,ROUNDDOWN($C7526/24,0)+1,1))-1)+IF('Standard Profiles'!$G$19=$B$10,7,0)+IF('Standard Profiles'!$G$19=$B$17,14,0)+IF('Standard Profiles'!$G$19=$B$24,21,0),MOD($C7526,24)+1)/SUM(INDEX($D$3:$AA$30,INDEX(Jesper!$R$2:$R$366,ROW(INDEX(Jesper!AI$2:AI$366,ROUNDDOWN($C7526/24,0)+1,1))-1)+IF('Standard Profiles'!$G$19=$B$10,7,0)+IF('Standard Profiles'!$G$19=$B$17,14,0)+IF('Standard Profiles'!$G$19=$B$24,21,0),0)),0)</f>
        <v>0</v>
      </c>
      <c r="F7526" cm="1">
        <f t="array" ref="F7526">IFERROR(INDEX(Jesper!AJ$2:AJ$366,ROUNDDOWN($C7526/24,0)+1,1)*INDEX($D$3:$AA$30,INDEX(Jesper!$R$2:$R$366,ROW(INDEX(Jesper!AJ$2:AJ$366,ROUNDDOWN($C7526/24,0)+1,1))-1)+IF('Standard Profiles'!$G$20=$B$10,7,0)+IF('Standard Profiles'!$G$20=$B$17,14,0)+IF('Standard Profiles'!$G$20=$B$24,21,0),MOD($C7526,24)+1)/SUM(INDEX($D$3:$AA$30,INDEX(Jesper!$R$2:$R$366,ROW(INDEX(Jesper!AJ$2:AJ$366,ROUNDDOWN($C7526/24,0)+1,1))-1)+IF('Standard Profiles'!$G$20=$B$10,7,0)+IF('Standard Profiles'!$G$20=$B$17,14,0)+IF('Standard Profiles'!$G$20=$B$24,21,0),0)),0)</f>
        <v>0</v>
      </c>
      <c r="G7526" cm="1">
        <f t="array" ref="G7526">IFERROR(INDEX(Jesper!AK$2:AK$366,ROUNDDOWN($C7526/24,0)+1,1)*INDEX($D$3:$AA$30,INDEX(Jesper!$R$2:$R$366,ROW(INDEX(Jesper!AK$2:AK$366,ROUNDDOWN($C7526/24,0)+1,1))-1)+IF('Standard Profiles'!$G$21=$B$10,7,0)+IF('Standard Profiles'!$G$21=$B$17,14,0)+IF('Standard Profiles'!$G$21=$B$24,21,0),MOD($C7526,24)+1)/SUM(INDEX($D$3:$AA$30,INDEX(Jesper!$R$2:$R$366,ROW(INDEX(Jesper!AK$2:AK$366,ROUNDDOWN($C7526/24,0)+1,1))-1)+IF('Standard Profiles'!$G$21=$B$10,7,0)+IF('Standard Profiles'!$G$21=$B$17,14,0)+IF('Standard Profiles'!$G$21=$B$24,21,0),0)),0)</f>
        <v>0</v>
      </c>
      <c r="H7526" cm="1">
        <f t="array" ref="H7526">IFERROR(INDEX(Jesper!AL$2:AL$366,ROUNDDOWN($C7526/24,0)+1,1)*INDEX($D$3:$AA$30,INDEX(Jesper!$R$2:$R$366,ROW(INDEX(Jesper!AL$2:AL$366,ROUNDDOWN($C7526/24,0)+1,1))-1)+IF('Standard Profiles'!$G$22=$B$10,7,0)+IF('Standard Profiles'!$G$22=$B$17,14,0)+IF('Standard Profiles'!$G$22=$B$24,21,0),MOD($C7526,24)+1)/SUM(INDEX($D$3:$AA$30,INDEX(Jesper!$R$2:$R$366,ROW(INDEX(Jesper!AL$2:AL$366,ROUNDDOWN($C7526/24,0)+1,1))-1)+IF('Standard Profiles'!$G$22=$B$10,7,0)+IF('Standard Profiles'!$G$22=$B$17,14,0)+IF('Standard Profiles'!$G$22=$B$24,21,0),0)),0)</f>
        <v>0</v>
      </c>
      <c r="I7526">
        <f t="shared" si="839"/>
        <v>0.24652000370376062</v>
      </c>
      <c r="J7526">
        <f t="shared" si="840"/>
        <v>0.8217333456792022</v>
      </c>
      <c r="K7526">
        <f t="shared" si="841"/>
        <v>1.2326000185188031</v>
      </c>
      <c r="L7526">
        <f t="shared" si="842"/>
        <v>5.9164800888902551</v>
      </c>
      <c r="M7526">
        <f t="shared" si="843"/>
        <v>0</v>
      </c>
      <c r="N7526" s="46">
        <f t="shared" si="844"/>
        <v>45604.166666648496</v>
      </c>
    </row>
    <row r="7527" spans="2:14" x14ac:dyDescent="0.3">
      <c r="B7527">
        <f t="shared" si="838"/>
        <v>5</v>
      </c>
      <c r="C7527" s="16">
        <v>7493</v>
      </c>
      <c r="D7527" cm="1">
        <f t="array" ref="D7527">IFERROR(INDEX(Jesper!AH$2:AH$366,ROUNDDOWN($C7527/24,0)+1,1)*INDEX($D$3:$AA$30,INDEX(Jesper!$R$2:$R$366,ROW(INDEX(Jesper!AH$2:AH$366,ROUNDDOWN($C7527/24,0)+1,1))-1)+IF('Standard Profiles'!$G$18=$B$10,7,0)+IF('Standard Profiles'!$G$18=$B$17,14,0)+IF('Standard Profiles'!$G$18=$B$24,21,0),MOD($C7527,24)+1)/SUM(INDEX($D$3:$AA$30,INDEX(Jesper!$R$2:$R$366,ROW(INDEX(Jesper!AH$2:AH$366,ROUNDDOWN($C7527/24,0)+1,1))-1)+IF('Standard Profiles'!$G$18=$B$10,7,0)+IF('Standard Profiles'!$G$18=$B$17,14,0)+IF('Standard Profiles'!$G$18=$B$24,21,0),0)),0)</f>
        <v>10.591229788754159</v>
      </c>
      <c r="E7527" cm="1">
        <f t="array" ref="E7527">IFERROR(INDEX(Jesper!AI$2:AI$366,ROUNDDOWN($C7527/24,0)+1,1)*INDEX($D$3:$AA$30,INDEX(Jesper!$R$2:$R$366,ROW(INDEX(Jesper!AI$2:AI$366,ROUNDDOWN($C7527/24,0)+1,1))-1)+IF('Standard Profiles'!$G$19=$B$10,7,0)+IF('Standard Profiles'!$G$19=$B$17,14,0)+IF('Standard Profiles'!$G$19=$B$24,21,0),MOD($C7527,24)+1)/SUM(INDEX($D$3:$AA$30,INDEX(Jesper!$R$2:$R$366,ROW(INDEX(Jesper!AI$2:AI$366,ROUNDDOWN($C7527/24,0)+1,1))-1)+IF('Standard Profiles'!$G$19=$B$10,7,0)+IF('Standard Profiles'!$G$19=$B$17,14,0)+IF('Standard Profiles'!$G$19=$B$24,21,0),0)),0)</f>
        <v>0</v>
      </c>
      <c r="F7527" cm="1">
        <f t="array" ref="F7527">IFERROR(INDEX(Jesper!AJ$2:AJ$366,ROUNDDOWN($C7527/24,0)+1,1)*INDEX($D$3:$AA$30,INDEX(Jesper!$R$2:$R$366,ROW(INDEX(Jesper!AJ$2:AJ$366,ROUNDDOWN($C7527/24,0)+1,1))-1)+IF('Standard Profiles'!$G$20=$B$10,7,0)+IF('Standard Profiles'!$G$20=$B$17,14,0)+IF('Standard Profiles'!$G$20=$B$24,21,0),MOD($C7527,24)+1)/SUM(INDEX($D$3:$AA$30,INDEX(Jesper!$R$2:$R$366,ROW(INDEX(Jesper!AJ$2:AJ$366,ROUNDDOWN($C7527/24,0)+1,1))-1)+IF('Standard Profiles'!$G$20=$B$10,7,0)+IF('Standard Profiles'!$G$20=$B$17,14,0)+IF('Standard Profiles'!$G$20=$B$24,21,0),0)),0)</f>
        <v>0</v>
      </c>
      <c r="G7527" cm="1">
        <f t="array" ref="G7527">IFERROR(INDEX(Jesper!AK$2:AK$366,ROUNDDOWN($C7527/24,0)+1,1)*INDEX($D$3:$AA$30,INDEX(Jesper!$R$2:$R$366,ROW(INDEX(Jesper!AK$2:AK$366,ROUNDDOWN($C7527/24,0)+1,1))-1)+IF('Standard Profiles'!$G$21=$B$10,7,0)+IF('Standard Profiles'!$G$21=$B$17,14,0)+IF('Standard Profiles'!$G$21=$B$24,21,0),MOD($C7527,24)+1)/SUM(INDEX($D$3:$AA$30,INDEX(Jesper!$R$2:$R$366,ROW(INDEX(Jesper!AK$2:AK$366,ROUNDDOWN($C7527/24,0)+1,1))-1)+IF('Standard Profiles'!$G$21=$B$10,7,0)+IF('Standard Profiles'!$G$21=$B$17,14,0)+IF('Standard Profiles'!$G$21=$B$24,21,0),0)),0)</f>
        <v>0</v>
      </c>
      <c r="H7527" cm="1">
        <f t="array" ref="H7527">IFERROR(INDEX(Jesper!AL$2:AL$366,ROUNDDOWN($C7527/24,0)+1,1)*INDEX($D$3:$AA$30,INDEX(Jesper!$R$2:$R$366,ROW(INDEX(Jesper!AL$2:AL$366,ROUNDDOWN($C7527/24,0)+1,1))-1)+IF('Standard Profiles'!$G$22=$B$10,7,0)+IF('Standard Profiles'!$G$22=$B$17,14,0)+IF('Standard Profiles'!$G$22=$B$24,21,0),MOD($C7527,24)+1)/SUM(INDEX($D$3:$AA$30,INDEX(Jesper!$R$2:$R$366,ROW(INDEX(Jesper!AL$2:AL$366,ROUNDDOWN($C7527/24,0)+1,1))-1)+IF('Standard Profiles'!$G$22=$B$10,7,0)+IF('Standard Profiles'!$G$22=$B$17,14,0)+IF('Standard Profiles'!$G$22=$B$24,21,0),0)),0)</f>
        <v>0</v>
      </c>
      <c r="I7527">
        <f t="shared" si="839"/>
        <v>0.31773689366262475</v>
      </c>
      <c r="J7527">
        <f t="shared" si="840"/>
        <v>1.059122978875416</v>
      </c>
      <c r="K7527">
        <f t="shared" si="841"/>
        <v>1.5886844683131238</v>
      </c>
      <c r="L7527">
        <f t="shared" si="842"/>
        <v>7.6256854479029945</v>
      </c>
      <c r="M7527">
        <f t="shared" si="843"/>
        <v>0</v>
      </c>
      <c r="N7527" s="46">
        <f t="shared" si="844"/>
        <v>45604.20833331516</v>
      </c>
    </row>
    <row r="7528" spans="2:14" x14ac:dyDescent="0.3">
      <c r="B7528">
        <f t="shared" si="838"/>
        <v>5</v>
      </c>
      <c r="C7528" s="16">
        <v>7494</v>
      </c>
      <c r="D7528" cm="1">
        <f t="array" ref="D7528">IFERROR(INDEX(Jesper!AH$2:AH$366,ROUNDDOWN($C7528/24,0)+1,1)*INDEX($D$3:$AA$30,INDEX(Jesper!$R$2:$R$366,ROW(INDEX(Jesper!AH$2:AH$366,ROUNDDOWN($C7528/24,0)+1,1))-1)+IF('Standard Profiles'!$G$18=$B$10,7,0)+IF('Standard Profiles'!$G$18=$B$17,14,0)+IF('Standard Profiles'!$G$18=$B$24,21,0),MOD($C7528,24)+1)/SUM(INDEX($D$3:$AA$30,INDEX(Jesper!$R$2:$R$366,ROW(INDEX(Jesper!AH$2:AH$366,ROUNDDOWN($C7528/24,0)+1,1))-1)+IF('Standard Profiles'!$G$18=$B$10,7,0)+IF('Standard Profiles'!$G$18=$B$17,14,0)+IF('Standard Profiles'!$G$18=$B$24,21,0),0)),0)</f>
        <v>12.782518710565368</v>
      </c>
      <c r="E7528" cm="1">
        <f t="array" ref="E7528">IFERROR(INDEX(Jesper!AI$2:AI$366,ROUNDDOWN($C7528/24,0)+1,1)*INDEX($D$3:$AA$30,INDEX(Jesper!$R$2:$R$366,ROW(INDEX(Jesper!AI$2:AI$366,ROUNDDOWN($C7528/24,0)+1,1))-1)+IF('Standard Profiles'!$G$19=$B$10,7,0)+IF('Standard Profiles'!$G$19=$B$17,14,0)+IF('Standard Profiles'!$G$19=$B$24,21,0),MOD($C7528,24)+1)/SUM(INDEX($D$3:$AA$30,INDEX(Jesper!$R$2:$R$366,ROW(INDEX(Jesper!AI$2:AI$366,ROUNDDOWN($C7528/24,0)+1,1))-1)+IF('Standard Profiles'!$G$19=$B$10,7,0)+IF('Standard Profiles'!$G$19=$B$17,14,0)+IF('Standard Profiles'!$G$19=$B$24,21,0),0)),0)</f>
        <v>0</v>
      </c>
      <c r="F7528" cm="1">
        <f t="array" ref="F7528">IFERROR(INDEX(Jesper!AJ$2:AJ$366,ROUNDDOWN($C7528/24,0)+1,1)*INDEX($D$3:$AA$30,INDEX(Jesper!$R$2:$R$366,ROW(INDEX(Jesper!AJ$2:AJ$366,ROUNDDOWN($C7528/24,0)+1,1))-1)+IF('Standard Profiles'!$G$20=$B$10,7,0)+IF('Standard Profiles'!$G$20=$B$17,14,0)+IF('Standard Profiles'!$G$20=$B$24,21,0),MOD($C7528,24)+1)/SUM(INDEX($D$3:$AA$30,INDEX(Jesper!$R$2:$R$366,ROW(INDEX(Jesper!AJ$2:AJ$366,ROUNDDOWN($C7528/24,0)+1,1))-1)+IF('Standard Profiles'!$G$20=$B$10,7,0)+IF('Standard Profiles'!$G$20=$B$17,14,0)+IF('Standard Profiles'!$G$20=$B$24,21,0),0)),0)</f>
        <v>0</v>
      </c>
      <c r="G7528" cm="1">
        <f t="array" ref="G7528">IFERROR(INDEX(Jesper!AK$2:AK$366,ROUNDDOWN($C7528/24,0)+1,1)*INDEX($D$3:$AA$30,INDEX(Jesper!$R$2:$R$366,ROW(INDEX(Jesper!AK$2:AK$366,ROUNDDOWN($C7528/24,0)+1,1))-1)+IF('Standard Profiles'!$G$21=$B$10,7,0)+IF('Standard Profiles'!$G$21=$B$17,14,0)+IF('Standard Profiles'!$G$21=$B$24,21,0),MOD($C7528,24)+1)/SUM(INDEX($D$3:$AA$30,INDEX(Jesper!$R$2:$R$366,ROW(INDEX(Jesper!AK$2:AK$366,ROUNDDOWN($C7528/24,0)+1,1))-1)+IF('Standard Profiles'!$G$21=$B$10,7,0)+IF('Standard Profiles'!$G$21=$B$17,14,0)+IF('Standard Profiles'!$G$21=$B$24,21,0),0)),0)</f>
        <v>0</v>
      </c>
      <c r="H7528" cm="1">
        <f t="array" ref="H7528">IFERROR(INDEX(Jesper!AL$2:AL$366,ROUNDDOWN($C7528/24,0)+1,1)*INDEX($D$3:$AA$30,INDEX(Jesper!$R$2:$R$366,ROW(INDEX(Jesper!AL$2:AL$366,ROUNDDOWN($C7528/24,0)+1,1))-1)+IF('Standard Profiles'!$G$22=$B$10,7,0)+IF('Standard Profiles'!$G$22=$B$17,14,0)+IF('Standard Profiles'!$G$22=$B$24,21,0),MOD($C7528,24)+1)/SUM(INDEX($D$3:$AA$30,INDEX(Jesper!$R$2:$R$366,ROW(INDEX(Jesper!AL$2:AL$366,ROUNDDOWN($C7528/24,0)+1,1))-1)+IF('Standard Profiles'!$G$22=$B$10,7,0)+IF('Standard Profiles'!$G$22=$B$17,14,0)+IF('Standard Profiles'!$G$22=$B$24,21,0),0)),0)</f>
        <v>0</v>
      </c>
      <c r="I7528">
        <f t="shared" si="839"/>
        <v>0.38347556131696103</v>
      </c>
      <c r="J7528">
        <f t="shared" si="840"/>
        <v>1.2782518710565369</v>
      </c>
      <c r="K7528">
        <f t="shared" si="841"/>
        <v>1.9173778065848051</v>
      </c>
      <c r="L7528">
        <f t="shared" si="842"/>
        <v>9.2034134716070639</v>
      </c>
      <c r="M7528">
        <f t="shared" si="843"/>
        <v>0</v>
      </c>
      <c r="N7528" s="46">
        <f t="shared" si="844"/>
        <v>45604.249999981825</v>
      </c>
    </row>
    <row r="7529" spans="2:14" x14ac:dyDescent="0.3">
      <c r="B7529">
        <f t="shared" si="838"/>
        <v>5</v>
      </c>
      <c r="C7529" s="16">
        <v>7495</v>
      </c>
      <c r="D7529" cm="1">
        <f t="array" ref="D7529">IFERROR(INDEX(Jesper!AH$2:AH$366,ROUNDDOWN($C7529/24,0)+1,1)*INDEX($D$3:$AA$30,INDEX(Jesper!$R$2:$R$366,ROW(INDEX(Jesper!AH$2:AH$366,ROUNDDOWN($C7529/24,0)+1,1))-1)+IF('Standard Profiles'!$G$18=$B$10,7,0)+IF('Standard Profiles'!$G$18=$B$17,14,0)+IF('Standard Profiles'!$G$18=$B$24,21,0),MOD($C7529,24)+1)/SUM(INDEX($D$3:$AA$30,INDEX(Jesper!$R$2:$R$366,ROW(INDEX(Jesper!AH$2:AH$366,ROUNDDOWN($C7529/24,0)+1,1))-1)+IF('Standard Profiles'!$G$18=$B$10,7,0)+IF('Standard Profiles'!$G$18=$B$17,14,0)+IF('Standard Profiles'!$G$18=$B$24,21,0),0)),0)</f>
        <v>12.782518710565368</v>
      </c>
      <c r="E7529" cm="1">
        <f t="array" ref="E7529">IFERROR(INDEX(Jesper!AI$2:AI$366,ROUNDDOWN($C7529/24,0)+1,1)*INDEX($D$3:$AA$30,INDEX(Jesper!$R$2:$R$366,ROW(INDEX(Jesper!AI$2:AI$366,ROUNDDOWN($C7529/24,0)+1,1))-1)+IF('Standard Profiles'!$G$19=$B$10,7,0)+IF('Standard Profiles'!$G$19=$B$17,14,0)+IF('Standard Profiles'!$G$19=$B$24,21,0),MOD($C7529,24)+1)/SUM(INDEX($D$3:$AA$30,INDEX(Jesper!$R$2:$R$366,ROW(INDEX(Jesper!AI$2:AI$366,ROUNDDOWN($C7529/24,0)+1,1))-1)+IF('Standard Profiles'!$G$19=$B$10,7,0)+IF('Standard Profiles'!$G$19=$B$17,14,0)+IF('Standard Profiles'!$G$19=$B$24,21,0),0)),0)</f>
        <v>0</v>
      </c>
      <c r="F7529" cm="1">
        <f t="array" ref="F7529">IFERROR(INDEX(Jesper!AJ$2:AJ$366,ROUNDDOWN($C7529/24,0)+1,1)*INDEX($D$3:$AA$30,INDEX(Jesper!$R$2:$R$366,ROW(INDEX(Jesper!AJ$2:AJ$366,ROUNDDOWN($C7529/24,0)+1,1))-1)+IF('Standard Profiles'!$G$20=$B$10,7,0)+IF('Standard Profiles'!$G$20=$B$17,14,0)+IF('Standard Profiles'!$G$20=$B$24,21,0),MOD($C7529,24)+1)/SUM(INDEX($D$3:$AA$30,INDEX(Jesper!$R$2:$R$366,ROW(INDEX(Jesper!AJ$2:AJ$366,ROUNDDOWN($C7529/24,0)+1,1))-1)+IF('Standard Profiles'!$G$20=$B$10,7,0)+IF('Standard Profiles'!$G$20=$B$17,14,0)+IF('Standard Profiles'!$G$20=$B$24,21,0),0)),0)</f>
        <v>0</v>
      </c>
      <c r="G7529" cm="1">
        <f t="array" ref="G7529">IFERROR(INDEX(Jesper!AK$2:AK$366,ROUNDDOWN($C7529/24,0)+1,1)*INDEX($D$3:$AA$30,INDEX(Jesper!$R$2:$R$366,ROW(INDEX(Jesper!AK$2:AK$366,ROUNDDOWN($C7529/24,0)+1,1))-1)+IF('Standard Profiles'!$G$21=$B$10,7,0)+IF('Standard Profiles'!$G$21=$B$17,14,0)+IF('Standard Profiles'!$G$21=$B$24,21,0),MOD($C7529,24)+1)/SUM(INDEX($D$3:$AA$30,INDEX(Jesper!$R$2:$R$366,ROW(INDEX(Jesper!AK$2:AK$366,ROUNDDOWN($C7529/24,0)+1,1))-1)+IF('Standard Profiles'!$G$21=$B$10,7,0)+IF('Standard Profiles'!$G$21=$B$17,14,0)+IF('Standard Profiles'!$G$21=$B$24,21,0),0)),0)</f>
        <v>0</v>
      </c>
      <c r="H7529" cm="1">
        <f t="array" ref="H7529">IFERROR(INDEX(Jesper!AL$2:AL$366,ROUNDDOWN($C7529/24,0)+1,1)*INDEX($D$3:$AA$30,INDEX(Jesper!$R$2:$R$366,ROW(INDEX(Jesper!AL$2:AL$366,ROUNDDOWN($C7529/24,0)+1,1))-1)+IF('Standard Profiles'!$G$22=$B$10,7,0)+IF('Standard Profiles'!$G$22=$B$17,14,0)+IF('Standard Profiles'!$G$22=$B$24,21,0),MOD($C7529,24)+1)/SUM(INDEX($D$3:$AA$30,INDEX(Jesper!$R$2:$R$366,ROW(INDEX(Jesper!AL$2:AL$366,ROUNDDOWN($C7529/24,0)+1,1))-1)+IF('Standard Profiles'!$G$22=$B$10,7,0)+IF('Standard Profiles'!$G$22=$B$17,14,0)+IF('Standard Profiles'!$G$22=$B$24,21,0),0)),0)</f>
        <v>0</v>
      </c>
      <c r="I7529">
        <f t="shared" si="839"/>
        <v>0.38347556131696103</v>
      </c>
      <c r="J7529">
        <f t="shared" si="840"/>
        <v>1.2782518710565369</v>
      </c>
      <c r="K7529">
        <f t="shared" si="841"/>
        <v>1.9173778065848051</v>
      </c>
      <c r="L7529">
        <f t="shared" si="842"/>
        <v>9.2034134716070639</v>
      </c>
      <c r="M7529">
        <f t="shared" si="843"/>
        <v>0</v>
      </c>
      <c r="N7529" s="46">
        <f t="shared" si="844"/>
        <v>45604.291666648489</v>
      </c>
    </row>
    <row r="7530" spans="2:14" x14ac:dyDescent="0.3">
      <c r="B7530">
        <f t="shared" si="838"/>
        <v>5</v>
      </c>
      <c r="C7530" s="16">
        <v>7496</v>
      </c>
      <c r="D7530" cm="1">
        <f t="array" ref="D7530">IFERROR(INDEX(Jesper!AH$2:AH$366,ROUNDDOWN($C7530/24,0)+1,1)*INDEX($D$3:$AA$30,INDEX(Jesper!$R$2:$R$366,ROW(INDEX(Jesper!AH$2:AH$366,ROUNDDOWN($C7530/24,0)+1,1))-1)+IF('Standard Profiles'!$G$18=$B$10,7,0)+IF('Standard Profiles'!$G$18=$B$17,14,0)+IF('Standard Profiles'!$G$18=$B$24,21,0),MOD($C7530,24)+1)/SUM(INDEX($D$3:$AA$30,INDEX(Jesper!$R$2:$R$366,ROW(INDEX(Jesper!AH$2:AH$366,ROUNDDOWN($C7530/24,0)+1,1))-1)+IF('Standard Profiles'!$G$18=$B$10,7,0)+IF('Standard Profiles'!$G$18=$B$17,14,0)+IF('Standard Profiles'!$G$18=$B$24,21,0),0)),0)</f>
        <v>12.782518710565368</v>
      </c>
      <c r="E7530" cm="1">
        <f t="array" ref="E7530">IFERROR(INDEX(Jesper!AI$2:AI$366,ROUNDDOWN($C7530/24,0)+1,1)*INDEX($D$3:$AA$30,INDEX(Jesper!$R$2:$R$366,ROW(INDEX(Jesper!AI$2:AI$366,ROUNDDOWN($C7530/24,0)+1,1))-1)+IF('Standard Profiles'!$G$19=$B$10,7,0)+IF('Standard Profiles'!$G$19=$B$17,14,0)+IF('Standard Profiles'!$G$19=$B$24,21,0),MOD($C7530,24)+1)/SUM(INDEX($D$3:$AA$30,INDEX(Jesper!$R$2:$R$366,ROW(INDEX(Jesper!AI$2:AI$366,ROUNDDOWN($C7530/24,0)+1,1))-1)+IF('Standard Profiles'!$G$19=$B$10,7,0)+IF('Standard Profiles'!$G$19=$B$17,14,0)+IF('Standard Profiles'!$G$19=$B$24,21,0),0)),0)</f>
        <v>0</v>
      </c>
      <c r="F7530" cm="1">
        <f t="array" ref="F7530">IFERROR(INDEX(Jesper!AJ$2:AJ$366,ROUNDDOWN($C7530/24,0)+1,1)*INDEX($D$3:$AA$30,INDEX(Jesper!$R$2:$R$366,ROW(INDEX(Jesper!AJ$2:AJ$366,ROUNDDOWN($C7530/24,0)+1,1))-1)+IF('Standard Profiles'!$G$20=$B$10,7,0)+IF('Standard Profiles'!$G$20=$B$17,14,0)+IF('Standard Profiles'!$G$20=$B$24,21,0),MOD($C7530,24)+1)/SUM(INDEX($D$3:$AA$30,INDEX(Jesper!$R$2:$R$366,ROW(INDEX(Jesper!AJ$2:AJ$366,ROUNDDOWN($C7530/24,0)+1,1))-1)+IF('Standard Profiles'!$G$20=$B$10,7,0)+IF('Standard Profiles'!$G$20=$B$17,14,0)+IF('Standard Profiles'!$G$20=$B$24,21,0),0)),0)</f>
        <v>0</v>
      </c>
      <c r="G7530" cm="1">
        <f t="array" ref="G7530">IFERROR(INDEX(Jesper!AK$2:AK$366,ROUNDDOWN($C7530/24,0)+1,1)*INDEX($D$3:$AA$30,INDEX(Jesper!$R$2:$R$366,ROW(INDEX(Jesper!AK$2:AK$366,ROUNDDOWN($C7530/24,0)+1,1))-1)+IF('Standard Profiles'!$G$21=$B$10,7,0)+IF('Standard Profiles'!$G$21=$B$17,14,0)+IF('Standard Profiles'!$G$21=$B$24,21,0),MOD($C7530,24)+1)/SUM(INDEX($D$3:$AA$30,INDEX(Jesper!$R$2:$R$366,ROW(INDEX(Jesper!AK$2:AK$366,ROUNDDOWN($C7530/24,0)+1,1))-1)+IF('Standard Profiles'!$G$21=$B$10,7,0)+IF('Standard Profiles'!$G$21=$B$17,14,0)+IF('Standard Profiles'!$G$21=$B$24,21,0),0)),0)</f>
        <v>0</v>
      </c>
      <c r="H7530" cm="1">
        <f t="array" ref="H7530">IFERROR(INDEX(Jesper!AL$2:AL$366,ROUNDDOWN($C7530/24,0)+1,1)*INDEX($D$3:$AA$30,INDEX(Jesper!$R$2:$R$366,ROW(INDEX(Jesper!AL$2:AL$366,ROUNDDOWN($C7530/24,0)+1,1))-1)+IF('Standard Profiles'!$G$22=$B$10,7,0)+IF('Standard Profiles'!$G$22=$B$17,14,0)+IF('Standard Profiles'!$G$22=$B$24,21,0),MOD($C7530,24)+1)/SUM(INDEX($D$3:$AA$30,INDEX(Jesper!$R$2:$R$366,ROW(INDEX(Jesper!AL$2:AL$366,ROUNDDOWN($C7530/24,0)+1,1))-1)+IF('Standard Profiles'!$G$22=$B$10,7,0)+IF('Standard Profiles'!$G$22=$B$17,14,0)+IF('Standard Profiles'!$G$22=$B$24,21,0),0)),0)</f>
        <v>0</v>
      </c>
      <c r="I7530">
        <f t="shared" si="839"/>
        <v>0.38347556131696103</v>
      </c>
      <c r="J7530">
        <f t="shared" si="840"/>
        <v>1.2782518710565369</v>
      </c>
      <c r="K7530">
        <f t="shared" si="841"/>
        <v>1.9173778065848051</v>
      </c>
      <c r="L7530">
        <f t="shared" si="842"/>
        <v>9.2034134716070639</v>
      </c>
      <c r="M7530">
        <f t="shared" si="843"/>
        <v>0</v>
      </c>
      <c r="N7530" s="46">
        <f t="shared" si="844"/>
        <v>45604.333333315153</v>
      </c>
    </row>
    <row r="7531" spans="2:14" x14ac:dyDescent="0.3">
      <c r="B7531">
        <f t="shared" si="838"/>
        <v>5</v>
      </c>
      <c r="C7531" s="16">
        <v>7497</v>
      </c>
      <c r="D7531" cm="1">
        <f t="array" ref="D7531">IFERROR(INDEX(Jesper!AH$2:AH$366,ROUNDDOWN($C7531/24,0)+1,1)*INDEX($D$3:$AA$30,INDEX(Jesper!$R$2:$R$366,ROW(INDEX(Jesper!AH$2:AH$366,ROUNDDOWN($C7531/24,0)+1,1))-1)+IF('Standard Profiles'!$G$18=$B$10,7,0)+IF('Standard Profiles'!$G$18=$B$17,14,0)+IF('Standard Profiles'!$G$18=$B$24,21,0),MOD($C7531,24)+1)/SUM(INDEX($D$3:$AA$30,INDEX(Jesper!$R$2:$R$366,ROW(INDEX(Jesper!AH$2:AH$366,ROUNDDOWN($C7531/24,0)+1,1))-1)+IF('Standard Profiles'!$G$18=$B$10,7,0)+IF('Standard Profiles'!$G$18=$B$17,14,0)+IF('Standard Profiles'!$G$18=$B$24,21,0),0)),0)</f>
        <v>13.695555761320035</v>
      </c>
      <c r="E7531" cm="1">
        <f t="array" ref="E7531">IFERROR(INDEX(Jesper!AI$2:AI$366,ROUNDDOWN($C7531/24,0)+1,1)*INDEX($D$3:$AA$30,INDEX(Jesper!$R$2:$R$366,ROW(INDEX(Jesper!AI$2:AI$366,ROUNDDOWN($C7531/24,0)+1,1))-1)+IF('Standard Profiles'!$G$19=$B$10,7,0)+IF('Standard Profiles'!$G$19=$B$17,14,0)+IF('Standard Profiles'!$G$19=$B$24,21,0),MOD($C7531,24)+1)/SUM(INDEX($D$3:$AA$30,INDEX(Jesper!$R$2:$R$366,ROW(INDEX(Jesper!AI$2:AI$366,ROUNDDOWN($C7531/24,0)+1,1))-1)+IF('Standard Profiles'!$G$19=$B$10,7,0)+IF('Standard Profiles'!$G$19=$B$17,14,0)+IF('Standard Profiles'!$G$19=$B$24,21,0),0)),0)</f>
        <v>0</v>
      </c>
      <c r="F7531" cm="1">
        <f t="array" ref="F7531">IFERROR(INDEX(Jesper!AJ$2:AJ$366,ROUNDDOWN($C7531/24,0)+1,1)*INDEX($D$3:$AA$30,INDEX(Jesper!$R$2:$R$366,ROW(INDEX(Jesper!AJ$2:AJ$366,ROUNDDOWN($C7531/24,0)+1,1))-1)+IF('Standard Profiles'!$G$20=$B$10,7,0)+IF('Standard Profiles'!$G$20=$B$17,14,0)+IF('Standard Profiles'!$G$20=$B$24,21,0),MOD($C7531,24)+1)/SUM(INDEX($D$3:$AA$30,INDEX(Jesper!$R$2:$R$366,ROW(INDEX(Jesper!AJ$2:AJ$366,ROUNDDOWN($C7531/24,0)+1,1))-1)+IF('Standard Profiles'!$G$20=$B$10,7,0)+IF('Standard Profiles'!$G$20=$B$17,14,0)+IF('Standard Profiles'!$G$20=$B$24,21,0),0)),0)</f>
        <v>0</v>
      </c>
      <c r="G7531" cm="1">
        <f t="array" ref="G7531">IFERROR(INDEX(Jesper!AK$2:AK$366,ROUNDDOWN($C7531/24,0)+1,1)*INDEX($D$3:$AA$30,INDEX(Jesper!$R$2:$R$366,ROW(INDEX(Jesper!AK$2:AK$366,ROUNDDOWN($C7531/24,0)+1,1))-1)+IF('Standard Profiles'!$G$21=$B$10,7,0)+IF('Standard Profiles'!$G$21=$B$17,14,0)+IF('Standard Profiles'!$G$21=$B$24,21,0),MOD($C7531,24)+1)/SUM(INDEX($D$3:$AA$30,INDEX(Jesper!$R$2:$R$366,ROW(INDEX(Jesper!AK$2:AK$366,ROUNDDOWN($C7531/24,0)+1,1))-1)+IF('Standard Profiles'!$G$21=$B$10,7,0)+IF('Standard Profiles'!$G$21=$B$17,14,0)+IF('Standard Profiles'!$G$21=$B$24,21,0),0)),0)</f>
        <v>0</v>
      </c>
      <c r="H7531" cm="1">
        <f t="array" ref="H7531">IFERROR(INDEX(Jesper!AL$2:AL$366,ROUNDDOWN($C7531/24,0)+1,1)*INDEX($D$3:$AA$30,INDEX(Jesper!$R$2:$R$366,ROW(INDEX(Jesper!AL$2:AL$366,ROUNDDOWN($C7531/24,0)+1,1))-1)+IF('Standard Profiles'!$G$22=$B$10,7,0)+IF('Standard Profiles'!$G$22=$B$17,14,0)+IF('Standard Profiles'!$G$22=$B$24,21,0),MOD($C7531,24)+1)/SUM(INDEX($D$3:$AA$30,INDEX(Jesper!$R$2:$R$366,ROW(INDEX(Jesper!AL$2:AL$366,ROUNDDOWN($C7531/24,0)+1,1))-1)+IF('Standard Profiles'!$G$22=$B$10,7,0)+IF('Standard Profiles'!$G$22=$B$17,14,0)+IF('Standard Profiles'!$G$22=$B$24,21,0),0)),0)</f>
        <v>0</v>
      </c>
      <c r="I7531">
        <f t="shared" si="839"/>
        <v>0.41086667283960104</v>
      </c>
      <c r="J7531">
        <f t="shared" si="840"/>
        <v>1.3695555761320035</v>
      </c>
      <c r="K7531">
        <f t="shared" si="841"/>
        <v>2.0543333641980053</v>
      </c>
      <c r="L7531">
        <f t="shared" si="842"/>
        <v>9.8608001481504246</v>
      </c>
      <c r="M7531">
        <f t="shared" si="843"/>
        <v>0</v>
      </c>
      <c r="N7531" s="46">
        <f t="shared" si="844"/>
        <v>45604.374999981817</v>
      </c>
    </row>
    <row r="7532" spans="2:14" x14ac:dyDescent="0.3">
      <c r="B7532">
        <f t="shared" si="838"/>
        <v>5</v>
      </c>
      <c r="C7532" s="16">
        <v>7498</v>
      </c>
      <c r="D7532" cm="1">
        <f t="array" ref="D7532">IFERROR(INDEX(Jesper!AH$2:AH$366,ROUNDDOWN($C7532/24,0)+1,1)*INDEX($D$3:$AA$30,INDEX(Jesper!$R$2:$R$366,ROW(INDEX(Jesper!AH$2:AH$366,ROUNDDOWN($C7532/24,0)+1,1))-1)+IF('Standard Profiles'!$G$18=$B$10,7,0)+IF('Standard Profiles'!$G$18=$B$17,14,0)+IF('Standard Profiles'!$G$18=$B$24,21,0),MOD($C7532,24)+1)/SUM(INDEX($D$3:$AA$30,INDEX(Jesper!$R$2:$R$366,ROW(INDEX(Jesper!AH$2:AH$366,ROUNDDOWN($C7532/24,0)+1,1))-1)+IF('Standard Profiles'!$G$18=$B$10,7,0)+IF('Standard Profiles'!$G$18=$B$17,14,0)+IF('Standard Profiles'!$G$18=$B$24,21,0),0)),0)</f>
        <v>14.243377991772837</v>
      </c>
      <c r="E7532" cm="1">
        <f t="array" ref="E7532">IFERROR(INDEX(Jesper!AI$2:AI$366,ROUNDDOWN($C7532/24,0)+1,1)*INDEX($D$3:$AA$30,INDEX(Jesper!$R$2:$R$366,ROW(INDEX(Jesper!AI$2:AI$366,ROUNDDOWN($C7532/24,0)+1,1))-1)+IF('Standard Profiles'!$G$19=$B$10,7,0)+IF('Standard Profiles'!$G$19=$B$17,14,0)+IF('Standard Profiles'!$G$19=$B$24,21,0),MOD($C7532,24)+1)/SUM(INDEX($D$3:$AA$30,INDEX(Jesper!$R$2:$R$366,ROW(INDEX(Jesper!AI$2:AI$366,ROUNDDOWN($C7532/24,0)+1,1))-1)+IF('Standard Profiles'!$G$19=$B$10,7,0)+IF('Standard Profiles'!$G$19=$B$17,14,0)+IF('Standard Profiles'!$G$19=$B$24,21,0),0)),0)</f>
        <v>0</v>
      </c>
      <c r="F7532" cm="1">
        <f t="array" ref="F7532">IFERROR(INDEX(Jesper!AJ$2:AJ$366,ROUNDDOWN($C7532/24,0)+1,1)*INDEX($D$3:$AA$30,INDEX(Jesper!$R$2:$R$366,ROW(INDEX(Jesper!AJ$2:AJ$366,ROUNDDOWN($C7532/24,0)+1,1))-1)+IF('Standard Profiles'!$G$20=$B$10,7,0)+IF('Standard Profiles'!$G$20=$B$17,14,0)+IF('Standard Profiles'!$G$20=$B$24,21,0),MOD($C7532,24)+1)/SUM(INDEX($D$3:$AA$30,INDEX(Jesper!$R$2:$R$366,ROW(INDEX(Jesper!AJ$2:AJ$366,ROUNDDOWN($C7532/24,0)+1,1))-1)+IF('Standard Profiles'!$G$20=$B$10,7,0)+IF('Standard Profiles'!$G$20=$B$17,14,0)+IF('Standard Profiles'!$G$20=$B$24,21,0),0)),0)</f>
        <v>0</v>
      </c>
      <c r="G7532" cm="1">
        <f t="array" ref="G7532">IFERROR(INDEX(Jesper!AK$2:AK$366,ROUNDDOWN($C7532/24,0)+1,1)*INDEX($D$3:$AA$30,INDEX(Jesper!$R$2:$R$366,ROW(INDEX(Jesper!AK$2:AK$366,ROUNDDOWN($C7532/24,0)+1,1))-1)+IF('Standard Profiles'!$G$21=$B$10,7,0)+IF('Standard Profiles'!$G$21=$B$17,14,0)+IF('Standard Profiles'!$G$21=$B$24,21,0),MOD($C7532,24)+1)/SUM(INDEX($D$3:$AA$30,INDEX(Jesper!$R$2:$R$366,ROW(INDEX(Jesper!AK$2:AK$366,ROUNDDOWN($C7532/24,0)+1,1))-1)+IF('Standard Profiles'!$G$21=$B$10,7,0)+IF('Standard Profiles'!$G$21=$B$17,14,0)+IF('Standard Profiles'!$G$21=$B$24,21,0),0)),0)</f>
        <v>0</v>
      </c>
      <c r="H7532" cm="1">
        <f t="array" ref="H7532">IFERROR(INDEX(Jesper!AL$2:AL$366,ROUNDDOWN($C7532/24,0)+1,1)*INDEX($D$3:$AA$30,INDEX(Jesper!$R$2:$R$366,ROW(INDEX(Jesper!AL$2:AL$366,ROUNDDOWN($C7532/24,0)+1,1))-1)+IF('Standard Profiles'!$G$22=$B$10,7,0)+IF('Standard Profiles'!$G$22=$B$17,14,0)+IF('Standard Profiles'!$G$22=$B$24,21,0),MOD($C7532,24)+1)/SUM(INDEX($D$3:$AA$30,INDEX(Jesper!$R$2:$R$366,ROW(INDEX(Jesper!AL$2:AL$366,ROUNDDOWN($C7532/24,0)+1,1))-1)+IF('Standard Profiles'!$G$22=$B$10,7,0)+IF('Standard Profiles'!$G$22=$B$17,14,0)+IF('Standard Profiles'!$G$22=$B$24,21,0),0)),0)</f>
        <v>0</v>
      </c>
      <c r="I7532">
        <f t="shared" si="839"/>
        <v>0.42730133975318507</v>
      </c>
      <c r="J7532">
        <f t="shared" si="840"/>
        <v>1.4243377991772839</v>
      </c>
      <c r="K7532">
        <f t="shared" si="841"/>
        <v>2.1365066987659254</v>
      </c>
      <c r="L7532">
        <f t="shared" si="842"/>
        <v>10.255232154076442</v>
      </c>
      <c r="M7532">
        <f t="shared" si="843"/>
        <v>0</v>
      </c>
      <c r="N7532" s="46">
        <f t="shared" si="844"/>
        <v>45604.416666648482</v>
      </c>
    </row>
    <row r="7533" spans="2:14" x14ac:dyDescent="0.3">
      <c r="B7533">
        <f t="shared" si="838"/>
        <v>5</v>
      </c>
      <c r="C7533" s="16">
        <v>7499</v>
      </c>
      <c r="D7533" cm="1">
        <f t="array" ref="D7533">IFERROR(INDEX(Jesper!AH$2:AH$366,ROUNDDOWN($C7533/24,0)+1,1)*INDEX($D$3:$AA$30,INDEX(Jesper!$R$2:$R$366,ROW(INDEX(Jesper!AH$2:AH$366,ROUNDDOWN($C7533/24,0)+1,1))-1)+IF('Standard Profiles'!$G$18=$B$10,7,0)+IF('Standard Profiles'!$G$18=$B$17,14,0)+IF('Standard Profiles'!$G$18=$B$24,21,0),MOD($C7533,24)+1)/SUM(INDEX($D$3:$AA$30,INDEX(Jesper!$R$2:$R$366,ROW(INDEX(Jesper!AH$2:AH$366,ROUNDDOWN($C7533/24,0)+1,1))-1)+IF('Standard Profiles'!$G$18=$B$10,7,0)+IF('Standard Profiles'!$G$18=$B$17,14,0)+IF('Standard Profiles'!$G$18=$B$24,21,0),0)),0)</f>
        <v>16.434666913584042</v>
      </c>
      <c r="E7533" cm="1">
        <f t="array" ref="E7533">IFERROR(INDEX(Jesper!AI$2:AI$366,ROUNDDOWN($C7533/24,0)+1,1)*INDEX($D$3:$AA$30,INDEX(Jesper!$R$2:$R$366,ROW(INDEX(Jesper!AI$2:AI$366,ROUNDDOWN($C7533/24,0)+1,1))-1)+IF('Standard Profiles'!$G$19=$B$10,7,0)+IF('Standard Profiles'!$G$19=$B$17,14,0)+IF('Standard Profiles'!$G$19=$B$24,21,0),MOD($C7533,24)+1)/SUM(INDEX($D$3:$AA$30,INDEX(Jesper!$R$2:$R$366,ROW(INDEX(Jesper!AI$2:AI$366,ROUNDDOWN($C7533/24,0)+1,1))-1)+IF('Standard Profiles'!$G$19=$B$10,7,0)+IF('Standard Profiles'!$G$19=$B$17,14,0)+IF('Standard Profiles'!$G$19=$B$24,21,0),0)),0)</f>
        <v>0</v>
      </c>
      <c r="F7533" cm="1">
        <f t="array" ref="F7533">IFERROR(INDEX(Jesper!AJ$2:AJ$366,ROUNDDOWN($C7533/24,0)+1,1)*INDEX($D$3:$AA$30,INDEX(Jesper!$R$2:$R$366,ROW(INDEX(Jesper!AJ$2:AJ$366,ROUNDDOWN($C7533/24,0)+1,1))-1)+IF('Standard Profiles'!$G$20=$B$10,7,0)+IF('Standard Profiles'!$G$20=$B$17,14,0)+IF('Standard Profiles'!$G$20=$B$24,21,0),MOD($C7533,24)+1)/SUM(INDEX($D$3:$AA$30,INDEX(Jesper!$R$2:$R$366,ROW(INDEX(Jesper!AJ$2:AJ$366,ROUNDDOWN($C7533/24,0)+1,1))-1)+IF('Standard Profiles'!$G$20=$B$10,7,0)+IF('Standard Profiles'!$G$20=$B$17,14,0)+IF('Standard Profiles'!$G$20=$B$24,21,0),0)),0)</f>
        <v>0</v>
      </c>
      <c r="G7533" cm="1">
        <f t="array" ref="G7533">IFERROR(INDEX(Jesper!AK$2:AK$366,ROUNDDOWN($C7533/24,0)+1,1)*INDEX($D$3:$AA$30,INDEX(Jesper!$R$2:$R$366,ROW(INDEX(Jesper!AK$2:AK$366,ROUNDDOWN($C7533/24,0)+1,1))-1)+IF('Standard Profiles'!$G$21=$B$10,7,0)+IF('Standard Profiles'!$G$21=$B$17,14,0)+IF('Standard Profiles'!$G$21=$B$24,21,0),MOD($C7533,24)+1)/SUM(INDEX($D$3:$AA$30,INDEX(Jesper!$R$2:$R$366,ROW(INDEX(Jesper!AK$2:AK$366,ROUNDDOWN($C7533/24,0)+1,1))-1)+IF('Standard Profiles'!$G$21=$B$10,7,0)+IF('Standard Profiles'!$G$21=$B$17,14,0)+IF('Standard Profiles'!$G$21=$B$24,21,0),0)),0)</f>
        <v>0</v>
      </c>
      <c r="H7533" cm="1">
        <f t="array" ref="H7533">IFERROR(INDEX(Jesper!AL$2:AL$366,ROUNDDOWN($C7533/24,0)+1,1)*INDEX($D$3:$AA$30,INDEX(Jesper!$R$2:$R$366,ROW(INDEX(Jesper!AL$2:AL$366,ROUNDDOWN($C7533/24,0)+1,1))-1)+IF('Standard Profiles'!$G$22=$B$10,7,0)+IF('Standard Profiles'!$G$22=$B$17,14,0)+IF('Standard Profiles'!$G$22=$B$24,21,0),MOD($C7533,24)+1)/SUM(INDEX($D$3:$AA$30,INDEX(Jesper!$R$2:$R$366,ROW(INDEX(Jesper!AL$2:AL$366,ROUNDDOWN($C7533/24,0)+1,1))-1)+IF('Standard Profiles'!$G$22=$B$10,7,0)+IF('Standard Profiles'!$G$22=$B$17,14,0)+IF('Standard Profiles'!$G$22=$B$24,21,0),0)),0)</f>
        <v>0</v>
      </c>
      <c r="I7533">
        <f t="shared" si="839"/>
        <v>0.49304000740752124</v>
      </c>
      <c r="J7533">
        <f t="shared" si="840"/>
        <v>1.6434666913584044</v>
      </c>
      <c r="K7533">
        <f t="shared" si="841"/>
        <v>2.4652000370376062</v>
      </c>
      <c r="L7533">
        <f t="shared" si="842"/>
        <v>11.83296017778051</v>
      </c>
      <c r="M7533">
        <f t="shared" si="843"/>
        <v>0</v>
      </c>
      <c r="N7533" s="46">
        <f t="shared" si="844"/>
        <v>45604.458333315146</v>
      </c>
    </row>
    <row r="7534" spans="2:14" x14ac:dyDescent="0.3">
      <c r="B7534">
        <f t="shared" si="838"/>
        <v>5</v>
      </c>
      <c r="C7534" s="16">
        <v>7500</v>
      </c>
      <c r="D7534" cm="1">
        <f t="array" ref="D7534">IFERROR(INDEX(Jesper!AH$2:AH$366,ROUNDDOWN($C7534/24,0)+1,1)*INDEX($D$3:$AA$30,INDEX(Jesper!$R$2:$R$366,ROW(INDEX(Jesper!AH$2:AH$366,ROUNDDOWN($C7534/24,0)+1,1))-1)+IF('Standard Profiles'!$G$18=$B$10,7,0)+IF('Standard Profiles'!$G$18=$B$17,14,0)+IF('Standard Profiles'!$G$18=$B$24,21,0),MOD($C7534,24)+1)/SUM(INDEX($D$3:$AA$30,INDEX(Jesper!$R$2:$R$366,ROW(INDEX(Jesper!AH$2:AH$366,ROUNDDOWN($C7534/24,0)+1,1))-1)+IF('Standard Profiles'!$G$18=$B$10,7,0)+IF('Standard Profiles'!$G$18=$B$17,14,0)+IF('Standard Profiles'!$G$18=$B$24,21,0),0)),0)</f>
        <v>16.434666913584042</v>
      </c>
      <c r="E7534" cm="1">
        <f t="array" ref="E7534">IFERROR(INDEX(Jesper!AI$2:AI$366,ROUNDDOWN($C7534/24,0)+1,1)*INDEX($D$3:$AA$30,INDEX(Jesper!$R$2:$R$366,ROW(INDEX(Jesper!AI$2:AI$366,ROUNDDOWN($C7534/24,0)+1,1))-1)+IF('Standard Profiles'!$G$19=$B$10,7,0)+IF('Standard Profiles'!$G$19=$B$17,14,0)+IF('Standard Profiles'!$G$19=$B$24,21,0),MOD($C7534,24)+1)/SUM(INDEX($D$3:$AA$30,INDEX(Jesper!$R$2:$R$366,ROW(INDEX(Jesper!AI$2:AI$366,ROUNDDOWN($C7534/24,0)+1,1))-1)+IF('Standard Profiles'!$G$19=$B$10,7,0)+IF('Standard Profiles'!$G$19=$B$17,14,0)+IF('Standard Profiles'!$G$19=$B$24,21,0),0)),0)</f>
        <v>0</v>
      </c>
      <c r="F7534" cm="1">
        <f t="array" ref="F7534">IFERROR(INDEX(Jesper!AJ$2:AJ$366,ROUNDDOWN($C7534/24,0)+1,1)*INDEX($D$3:$AA$30,INDEX(Jesper!$R$2:$R$366,ROW(INDEX(Jesper!AJ$2:AJ$366,ROUNDDOWN($C7534/24,0)+1,1))-1)+IF('Standard Profiles'!$G$20=$B$10,7,0)+IF('Standard Profiles'!$G$20=$B$17,14,0)+IF('Standard Profiles'!$G$20=$B$24,21,0),MOD($C7534,24)+1)/SUM(INDEX($D$3:$AA$30,INDEX(Jesper!$R$2:$R$366,ROW(INDEX(Jesper!AJ$2:AJ$366,ROUNDDOWN($C7534/24,0)+1,1))-1)+IF('Standard Profiles'!$G$20=$B$10,7,0)+IF('Standard Profiles'!$G$20=$B$17,14,0)+IF('Standard Profiles'!$G$20=$B$24,21,0),0)),0)</f>
        <v>0</v>
      </c>
      <c r="G7534" cm="1">
        <f t="array" ref="G7534">IFERROR(INDEX(Jesper!AK$2:AK$366,ROUNDDOWN($C7534/24,0)+1,1)*INDEX($D$3:$AA$30,INDEX(Jesper!$R$2:$R$366,ROW(INDEX(Jesper!AK$2:AK$366,ROUNDDOWN($C7534/24,0)+1,1))-1)+IF('Standard Profiles'!$G$21=$B$10,7,0)+IF('Standard Profiles'!$G$21=$B$17,14,0)+IF('Standard Profiles'!$G$21=$B$24,21,0),MOD($C7534,24)+1)/SUM(INDEX($D$3:$AA$30,INDEX(Jesper!$R$2:$R$366,ROW(INDEX(Jesper!AK$2:AK$366,ROUNDDOWN($C7534/24,0)+1,1))-1)+IF('Standard Profiles'!$G$21=$B$10,7,0)+IF('Standard Profiles'!$G$21=$B$17,14,0)+IF('Standard Profiles'!$G$21=$B$24,21,0),0)),0)</f>
        <v>0</v>
      </c>
      <c r="H7534" cm="1">
        <f t="array" ref="H7534">IFERROR(INDEX(Jesper!AL$2:AL$366,ROUNDDOWN($C7534/24,0)+1,1)*INDEX($D$3:$AA$30,INDEX(Jesper!$R$2:$R$366,ROW(INDEX(Jesper!AL$2:AL$366,ROUNDDOWN($C7534/24,0)+1,1))-1)+IF('Standard Profiles'!$G$22=$B$10,7,0)+IF('Standard Profiles'!$G$22=$B$17,14,0)+IF('Standard Profiles'!$G$22=$B$24,21,0),MOD($C7534,24)+1)/SUM(INDEX($D$3:$AA$30,INDEX(Jesper!$R$2:$R$366,ROW(INDEX(Jesper!AL$2:AL$366,ROUNDDOWN($C7534/24,0)+1,1))-1)+IF('Standard Profiles'!$G$22=$B$10,7,0)+IF('Standard Profiles'!$G$22=$B$17,14,0)+IF('Standard Profiles'!$G$22=$B$24,21,0),0)),0)</f>
        <v>0</v>
      </c>
      <c r="I7534">
        <f t="shared" si="839"/>
        <v>0.49304000740752124</v>
      </c>
      <c r="J7534">
        <f t="shared" si="840"/>
        <v>1.6434666913584044</v>
      </c>
      <c r="K7534">
        <f t="shared" si="841"/>
        <v>2.4652000370376062</v>
      </c>
      <c r="L7534">
        <f t="shared" si="842"/>
        <v>11.83296017778051</v>
      </c>
      <c r="M7534">
        <f t="shared" si="843"/>
        <v>0</v>
      </c>
      <c r="N7534" s="46">
        <f t="shared" si="844"/>
        <v>45604.49999998181</v>
      </c>
    </row>
    <row r="7535" spans="2:14" x14ac:dyDescent="0.3">
      <c r="B7535">
        <f t="shared" si="838"/>
        <v>5</v>
      </c>
      <c r="C7535" s="16">
        <v>7501</v>
      </c>
      <c r="D7535" cm="1">
        <f t="array" ref="D7535">IFERROR(INDEX(Jesper!AH$2:AH$366,ROUNDDOWN($C7535/24,0)+1,1)*INDEX($D$3:$AA$30,INDEX(Jesper!$R$2:$R$366,ROW(INDEX(Jesper!AH$2:AH$366,ROUNDDOWN($C7535/24,0)+1,1))-1)+IF('Standard Profiles'!$G$18=$B$10,7,0)+IF('Standard Profiles'!$G$18=$B$17,14,0)+IF('Standard Profiles'!$G$18=$B$24,21,0),MOD($C7535,24)+1)/SUM(INDEX($D$3:$AA$30,INDEX(Jesper!$R$2:$R$366,ROW(INDEX(Jesper!AH$2:AH$366,ROUNDDOWN($C7535/24,0)+1,1))-1)+IF('Standard Profiles'!$G$18=$B$10,7,0)+IF('Standard Profiles'!$G$18=$B$17,14,0)+IF('Standard Profiles'!$G$18=$B$24,21,0),0)),0)</f>
        <v>16.434666913584042</v>
      </c>
      <c r="E7535" cm="1">
        <f t="array" ref="E7535">IFERROR(INDEX(Jesper!AI$2:AI$366,ROUNDDOWN($C7535/24,0)+1,1)*INDEX($D$3:$AA$30,INDEX(Jesper!$R$2:$R$366,ROW(INDEX(Jesper!AI$2:AI$366,ROUNDDOWN($C7535/24,0)+1,1))-1)+IF('Standard Profiles'!$G$19=$B$10,7,0)+IF('Standard Profiles'!$G$19=$B$17,14,0)+IF('Standard Profiles'!$G$19=$B$24,21,0),MOD($C7535,24)+1)/SUM(INDEX($D$3:$AA$30,INDEX(Jesper!$R$2:$R$366,ROW(INDEX(Jesper!AI$2:AI$366,ROUNDDOWN($C7535/24,0)+1,1))-1)+IF('Standard Profiles'!$G$19=$B$10,7,0)+IF('Standard Profiles'!$G$19=$B$17,14,0)+IF('Standard Profiles'!$G$19=$B$24,21,0),0)),0)</f>
        <v>0</v>
      </c>
      <c r="F7535" cm="1">
        <f t="array" ref="F7535">IFERROR(INDEX(Jesper!AJ$2:AJ$366,ROUNDDOWN($C7535/24,0)+1,1)*INDEX($D$3:$AA$30,INDEX(Jesper!$R$2:$R$366,ROW(INDEX(Jesper!AJ$2:AJ$366,ROUNDDOWN($C7535/24,0)+1,1))-1)+IF('Standard Profiles'!$G$20=$B$10,7,0)+IF('Standard Profiles'!$G$20=$B$17,14,0)+IF('Standard Profiles'!$G$20=$B$24,21,0),MOD($C7535,24)+1)/SUM(INDEX($D$3:$AA$30,INDEX(Jesper!$R$2:$R$366,ROW(INDEX(Jesper!AJ$2:AJ$366,ROUNDDOWN($C7535/24,0)+1,1))-1)+IF('Standard Profiles'!$G$20=$B$10,7,0)+IF('Standard Profiles'!$G$20=$B$17,14,0)+IF('Standard Profiles'!$G$20=$B$24,21,0),0)),0)</f>
        <v>0</v>
      </c>
      <c r="G7535" cm="1">
        <f t="array" ref="G7535">IFERROR(INDEX(Jesper!AK$2:AK$366,ROUNDDOWN($C7535/24,0)+1,1)*INDEX($D$3:$AA$30,INDEX(Jesper!$R$2:$R$366,ROW(INDEX(Jesper!AK$2:AK$366,ROUNDDOWN($C7535/24,0)+1,1))-1)+IF('Standard Profiles'!$G$21=$B$10,7,0)+IF('Standard Profiles'!$G$21=$B$17,14,0)+IF('Standard Profiles'!$G$21=$B$24,21,0),MOD($C7535,24)+1)/SUM(INDEX($D$3:$AA$30,INDEX(Jesper!$R$2:$R$366,ROW(INDEX(Jesper!AK$2:AK$366,ROUNDDOWN($C7535/24,0)+1,1))-1)+IF('Standard Profiles'!$G$21=$B$10,7,0)+IF('Standard Profiles'!$G$21=$B$17,14,0)+IF('Standard Profiles'!$G$21=$B$24,21,0),0)),0)</f>
        <v>0</v>
      </c>
      <c r="H7535" cm="1">
        <f t="array" ref="H7535">IFERROR(INDEX(Jesper!AL$2:AL$366,ROUNDDOWN($C7535/24,0)+1,1)*INDEX($D$3:$AA$30,INDEX(Jesper!$R$2:$R$366,ROW(INDEX(Jesper!AL$2:AL$366,ROUNDDOWN($C7535/24,0)+1,1))-1)+IF('Standard Profiles'!$G$22=$B$10,7,0)+IF('Standard Profiles'!$G$22=$B$17,14,0)+IF('Standard Profiles'!$G$22=$B$24,21,0),MOD($C7535,24)+1)/SUM(INDEX($D$3:$AA$30,INDEX(Jesper!$R$2:$R$366,ROW(INDEX(Jesper!AL$2:AL$366,ROUNDDOWN($C7535/24,0)+1,1))-1)+IF('Standard Profiles'!$G$22=$B$10,7,0)+IF('Standard Profiles'!$G$22=$B$17,14,0)+IF('Standard Profiles'!$G$22=$B$24,21,0),0)),0)</f>
        <v>0</v>
      </c>
      <c r="I7535">
        <f t="shared" si="839"/>
        <v>0.49304000740752124</v>
      </c>
      <c r="J7535">
        <f t="shared" si="840"/>
        <v>1.6434666913584044</v>
      </c>
      <c r="K7535">
        <f t="shared" si="841"/>
        <v>2.4652000370376062</v>
      </c>
      <c r="L7535">
        <f t="shared" si="842"/>
        <v>11.83296017778051</v>
      </c>
      <c r="M7535">
        <f t="shared" si="843"/>
        <v>0</v>
      </c>
      <c r="N7535" s="46">
        <f t="shared" si="844"/>
        <v>45604.541666648474</v>
      </c>
    </row>
    <row r="7536" spans="2:14" x14ac:dyDescent="0.3">
      <c r="B7536">
        <f t="shared" si="838"/>
        <v>5</v>
      </c>
      <c r="C7536" s="16">
        <v>7502</v>
      </c>
      <c r="D7536" cm="1">
        <f t="array" ref="D7536">IFERROR(INDEX(Jesper!AH$2:AH$366,ROUNDDOWN($C7536/24,0)+1,1)*INDEX($D$3:$AA$30,INDEX(Jesper!$R$2:$R$366,ROW(INDEX(Jesper!AH$2:AH$366,ROUNDDOWN($C7536/24,0)+1,1))-1)+IF('Standard Profiles'!$G$18=$B$10,7,0)+IF('Standard Profiles'!$G$18=$B$17,14,0)+IF('Standard Profiles'!$G$18=$B$24,21,0),MOD($C7536,24)+1)/SUM(INDEX($D$3:$AA$30,INDEX(Jesper!$R$2:$R$366,ROW(INDEX(Jesper!AH$2:AH$366,ROUNDDOWN($C7536/24,0)+1,1))-1)+IF('Standard Profiles'!$G$18=$B$10,7,0)+IF('Standard Profiles'!$G$18=$B$17,14,0)+IF('Standard Profiles'!$G$18=$B$24,21,0),0)),0)</f>
        <v>16.434666913584042</v>
      </c>
      <c r="E7536" cm="1">
        <f t="array" ref="E7536">IFERROR(INDEX(Jesper!AI$2:AI$366,ROUNDDOWN($C7536/24,0)+1,1)*INDEX($D$3:$AA$30,INDEX(Jesper!$R$2:$R$366,ROW(INDEX(Jesper!AI$2:AI$366,ROUNDDOWN($C7536/24,0)+1,1))-1)+IF('Standard Profiles'!$G$19=$B$10,7,0)+IF('Standard Profiles'!$G$19=$B$17,14,0)+IF('Standard Profiles'!$G$19=$B$24,21,0),MOD($C7536,24)+1)/SUM(INDEX($D$3:$AA$30,INDEX(Jesper!$R$2:$R$366,ROW(INDEX(Jesper!AI$2:AI$366,ROUNDDOWN($C7536/24,0)+1,1))-1)+IF('Standard Profiles'!$G$19=$B$10,7,0)+IF('Standard Profiles'!$G$19=$B$17,14,0)+IF('Standard Profiles'!$G$19=$B$24,21,0),0)),0)</f>
        <v>0</v>
      </c>
      <c r="F7536" cm="1">
        <f t="array" ref="F7536">IFERROR(INDEX(Jesper!AJ$2:AJ$366,ROUNDDOWN($C7536/24,0)+1,1)*INDEX($D$3:$AA$30,INDEX(Jesper!$R$2:$R$366,ROW(INDEX(Jesper!AJ$2:AJ$366,ROUNDDOWN($C7536/24,0)+1,1))-1)+IF('Standard Profiles'!$G$20=$B$10,7,0)+IF('Standard Profiles'!$G$20=$B$17,14,0)+IF('Standard Profiles'!$G$20=$B$24,21,0),MOD($C7536,24)+1)/SUM(INDEX($D$3:$AA$30,INDEX(Jesper!$R$2:$R$366,ROW(INDEX(Jesper!AJ$2:AJ$366,ROUNDDOWN($C7536/24,0)+1,1))-1)+IF('Standard Profiles'!$G$20=$B$10,7,0)+IF('Standard Profiles'!$G$20=$B$17,14,0)+IF('Standard Profiles'!$G$20=$B$24,21,0),0)),0)</f>
        <v>0</v>
      </c>
      <c r="G7536" cm="1">
        <f t="array" ref="G7536">IFERROR(INDEX(Jesper!AK$2:AK$366,ROUNDDOWN($C7536/24,0)+1,1)*INDEX($D$3:$AA$30,INDEX(Jesper!$R$2:$R$366,ROW(INDEX(Jesper!AK$2:AK$366,ROUNDDOWN($C7536/24,0)+1,1))-1)+IF('Standard Profiles'!$G$21=$B$10,7,0)+IF('Standard Profiles'!$G$21=$B$17,14,0)+IF('Standard Profiles'!$G$21=$B$24,21,0),MOD($C7536,24)+1)/SUM(INDEX($D$3:$AA$30,INDEX(Jesper!$R$2:$R$366,ROW(INDEX(Jesper!AK$2:AK$366,ROUNDDOWN($C7536/24,0)+1,1))-1)+IF('Standard Profiles'!$G$21=$B$10,7,0)+IF('Standard Profiles'!$G$21=$B$17,14,0)+IF('Standard Profiles'!$G$21=$B$24,21,0),0)),0)</f>
        <v>0</v>
      </c>
      <c r="H7536" cm="1">
        <f t="array" ref="H7536">IFERROR(INDEX(Jesper!AL$2:AL$366,ROUNDDOWN($C7536/24,0)+1,1)*INDEX($D$3:$AA$30,INDEX(Jesper!$R$2:$R$366,ROW(INDEX(Jesper!AL$2:AL$366,ROUNDDOWN($C7536/24,0)+1,1))-1)+IF('Standard Profiles'!$G$22=$B$10,7,0)+IF('Standard Profiles'!$G$22=$B$17,14,0)+IF('Standard Profiles'!$G$22=$B$24,21,0),MOD($C7536,24)+1)/SUM(INDEX($D$3:$AA$30,INDEX(Jesper!$R$2:$R$366,ROW(INDEX(Jesper!AL$2:AL$366,ROUNDDOWN($C7536/24,0)+1,1))-1)+IF('Standard Profiles'!$G$22=$B$10,7,0)+IF('Standard Profiles'!$G$22=$B$17,14,0)+IF('Standard Profiles'!$G$22=$B$24,21,0),0)),0)</f>
        <v>0</v>
      </c>
      <c r="I7536">
        <f t="shared" si="839"/>
        <v>0.49304000740752124</v>
      </c>
      <c r="J7536">
        <f t="shared" si="840"/>
        <v>1.6434666913584044</v>
      </c>
      <c r="K7536">
        <f t="shared" si="841"/>
        <v>2.4652000370376062</v>
      </c>
      <c r="L7536">
        <f t="shared" si="842"/>
        <v>11.83296017778051</v>
      </c>
      <c r="M7536">
        <f t="shared" si="843"/>
        <v>0</v>
      </c>
      <c r="N7536" s="46">
        <f t="shared" si="844"/>
        <v>45604.583333315139</v>
      </c>
    </row>
    <row r="7537" spans="2:14" x14ac:dyDescent="0.3">
      <c r="B7537">
        <f t="shared" si="838"/>
        <v>5</v>
      </c>
      <c r="C7537" s="16">
        <v>7503</v>
      </c>
      <c r="D7537" cm="1">
        <f t="array" ref="D7537">IFERROR(INDEX(Jesper!AH$2:AH$366,ROUNDDOWN($C7537/24,0)+1,1)*INDEX($D$3:$AA$30,INDEX(Jesper!$R$2:$R$366,ROW(INDEX(Jesper!AH$2:AH$366,ROUNDDOWN($C7537/24,0)+1,1))-1)+IF('Standard Profiles'!$G$18=$B$10,7,0)+IF('Standard Profiles'!$G$18=$B$17,14,0)+IF('Standard Profiles'!$G$18=$B$24,21,0),MOD($C7537,24)+1)/SUM(INDEX($D$3:$AA$30,INDEX(Jesper!$R$2:$R$366,ROW(INDEX(Jesper!AH$2:AH$366,ROUNDDOWN($C7537/24,0)+1,1))-1)+IF('Standard Profiles'!$G$18=$B$10,7,0)+IF('Standard Profiles'!$G$18=$B$17,14,0)+IF('Standard Profiles'!$G$18=$B$24,21,0),0)),0)</f>
        <v>13.695555761320035</v>
      </c>
      <c r="E7537" cm="1">
        <f t="array" ref="E7537">IFERROR(INDEX(Jesper!AI$2:AI$366,ROUNDDOWN($C7537/24,0)+1,1)*INDEX($D$3:$AA$30,INDEX(Jesper!$R$2:$R$366,ROW(INDEX(Jesper!AI$2:AI$366,ROUNDDOWN($C7537/24,0)+1,1))-1)+IF('Standard Profiles'!$G$19=$B$10,7,0)+IF('Standard Profiles'!$G$19=$B$17,14,0)+IF('Standard Profiles'!$G$19=$B$24,21,0),MOD($C7537,24)+1)/SUM(INDEX($D$3:$AA$30,INDEX(Jesper!$R$2:$R$366,ROW(INDEX(Jesper!AI$2:AI$366,ROUNDDOWN($C7537/24,0)+1,1))-1)+IF('Standard Profiles'!$G$19=$B$10,7,0)+IF('Standard Profiles'!$G$19=$B$17,14,0)+IF('Standard Profiles'!$G$19=$B$24,21,0),0)),0)</f>
        <v>0</v>
      </c>
      <c r="F7537" cm="1">
        <f t="array" ref="F7537">IFERROR(INDEX(Jesper!AJ$2:AJ$366,ROUNDDOWN($C7537/24,0)+1,1)*INDEX($D$3:$AA$30,INDEX(Jesper!$R$2:$R$366,ROW(INDEX(Jesper!AJ$2:AJ$366,ROUNDDOWN($C7537/24,0)+1,1))-1)+IF('Standard Profiles'!$G$20=$B$10,7,0)+IF('Standard Profiles'!$G$20=$B$17,14,0)+IF('Standard Profiles'!$G$20=$B$24,21,0),MOD($C7537,24)+1)/SUM(INDEX($D$3:$AA$30,INDEX(Jesper!$R$2:$R$366,ROW(INDEX(Jesper!AJ$2:AJ$366,ROUNDDOWN($C7537/24,0)+1,1))-1)+IF('Standard Profiles'!$G$20=$B$10,7,0)+IF('Standard Profiles'!$G$20=$B$17,14,0)+IF('Standard Profiles'!$G$20=$B$24,21,0),0)),0)</f>
        <v>0</v>
      </c>
      <c r="G7537" cm="1">
        <f t="array" ref="G7537">IFERROR(INDEX(Jesper!AK$2:AK$366,ROUNDDOWN($C7537/24,0)+1,1)*INDEX($D$3:$AA$30,INDEX(Jesper!$R$2:$R$366,ROW(INDEX(Jesper!AK$2:AK$366,ROUNDDOWN($C7537/24,0)+1,1))-1)+IF('Standard Profiles'!$G$21=$B$10,7,0)+IF('Standard Profiles'!$G$21=$B$17,14,0)+IF('Standard Profiles'!$G$21=$B$24,21,0),MOD($C7537,24)+1)/SUM(INDEX($D$3:$AA$30,INDEX(Jesper!$R$2:$R$366,ROW(INDEX(Jesper!AK$2:AK$366,ROUNDDOWN($C7537/24,0)+1,1))-1)+IF('Standard Profiles'!$G$21=$B$10,7,0)+IF('Standard Profiles'!$G$21=$B$17,14,0)+IF('Standard Profiles'!$G$21=$B$24,21,0),0)),0)</f>
        <v>0</v>
      </c>
      <c r="H7537" cm="1">
        <f t="array" ref="H7537">IFERROR(INDEX(Jesper!AL$2:AL$366,ROUNDDOWN($C7537/24,0)+1,1)*INDEX($D$3:$AA$30,INDEX(Jesper!$R$2:$R$366,ROW(INDEX(Jesper!AL$2:AL$366,ROUNDDOWN($C7537/24,0)+1,1))-1)+IF('Standard Profiles'!$G$22=$B$10,7,0)+IF('Standard Profiles'!$G$22=$B$17,14,0)+IF('Standard Profiles'!$G$22=$B$24,21,0),MOD($C7537,24)+1)/SUM(INDEX($D$3:$AA$30,INDEX(Jesper!$R$2:$R$366,ROW(INDEX(Jesper!AL$2:AL$366,ROUNDDOWN($C7537/24,0)+1,1))-1)+IF('Standard Profiles'!$G$22=$B$10,7,0)+IF('Standard Profiles'!$G$22=$B$17,14,0)+IF('Standard Profiles'!$G$22=$B$24,21,0),0)),0)</f>
        <v>0</v>
      </c>
      <c r="I7537">
        <f t="shared" si="839"/>
        <v>0.41086667283960104</v>
      </c>
      <c r="J7537">
        <f t="shared" si="840"/>
        <v>1.3695555761320035</v>
      </c>
      <c r="K7537">
        <f t="shared" si="841"/>
        <v>2.0543333641980053</v>
      </c>
      <c r="L7537">
        <f t="shared" si="842"/>
        <v>9.8608001481504246</v>
      </c>
      <c r="M7537">
        <f t="shared" si="843"/>
        <v>0</v>
      </c>
      <c r="N7537" s="46">
        <f t="shared" si="844"/>
        <v>45604.624999981803</v>
      </c>
    </row>
    <row r="7538" spans="2:14" x14ac:dyDescent="0.3">
      <c r="B7538">
        <f t="shared" si="838"/>
        <v>5</v>
      </c>
      <c r="C7538" s="16">
        <v>7504</v>
      </c>
      <c r="D7538" cm="1">
        <f t="array" ref="D7538">IFERROR(INDEX(Jesper!AH$2:AH$366,ROUNDDOWN($C7538/24,0)+1,1)*INDEX($D$3:$AA$30,INDEX(Jesper!$R$2:$R$366,ROW(INDEX(Jesper!AH$2:AH$366,ROUNDDOWN($C7538/24,0)+1,1))-1)+IF('Standard Profiles'!$G$18=$B$10,7,0)+IF('Standard Profiles'!$G$18=$B$17,14,0)+IF('Standard Profiles'!$G$18=$B$24,21,0),MOD($C7538,24)+1)/SUM(INDEX($D$3:$AA$30,INDEX(Jesper!$R$2:$R$366,ROW(INDEX(Jesper!AH$2:AH$366,ROUNDDOWN($C7538/24,0)+1,1))-1)+IF('Standard Profiles'!$G$18=$B$10,7,0)+IF('Standard Profiles'!$G$18=$B$17,14,0)+IF('Standard Profiles'!$G$18=$B$24,21,0),0)),0)</f>
        <v>12.965126120716301</v>
      </c>
      <c r="E7538" cm="1">
        <f t="array" ref="E7538">IFERROR(INDEX(Jesper!AI$2:AI$366,ROUNDDOWN($C7538/24,0)+1,1)*INDEX($D$3:$AA$30,INDEX(Jesper!$R$2:$R$366,ROW(INDEX(Jesper!AI$2:AI$366,ROUNDDOWN($C7538/24,0)+1,1))-1)+IF('Standard Profiles'!$G$19=$B$10,7,0)+IF('Standard Profiles'!$G$19=$B$17,14,0)+IF('Standard Profiles'!$G$19=$B$24,21,0),MOD($C7538,24)+1)/SUM(INDEX($D$3:$AA$30,INDEX(Jesper!$R$2:$R$366,ROW(INDEX(Jesper!AI$2:AI$366,ROUNDDOWN($C7538/24,0)+1,1))-1)+IF('Standard Profiles'!$G$19=$B$10,7,0)+IF('Standard Profiles'!$G$19=$B$17,14,0)+IF('Standard Profiles'!$G$19=$B$24,21,0),0)),0)</f>
        <v>0</v>
      </c>
      <c r="F7538" cm="1">
        <f t="array" ref="F7538">IFERROR(INDEX(Jesper!AJ$2:AJ$366,ROUNDDOWN($C7538/24,0)+1,1)*INDEX($D$3:$AA$30,INDEX(Jesper!$R$2:$R$366,ROW(INDEX(Jesper!AJ$2:AJ$366,ROUNDDOWN($C7538/24,0)+1,1))-1)+IF('Standard Profiles'!$G$20=$B$10,7,0)+IF('Standard Profiles'!$G$20=$B$17,14,0)+IF('Standard Profiles'!$G$20=$B$24,21,0),MOD($C7538,24)+1)/SUM(INDEX($D$3:$AA$30,INDEX(Jesper!$R$2:$R$366,ROW(INDEX(Jesper!AJ$2:AJ$366,ROUNDDOWN($C7538/24,0)+1,1))-1)+IF('Standard Profiles'!$G$20=$B$10,7,0)+IF('Standard Profiles'!$G$20=$B$17,14,0)+IF('Standard Profiles'!$G$20=$B$24,21,0),0)),0)</f>
        <v>0</v>
      </c>
      <c r="G7538" cm="1">
        <f t="array" ref="G7538">IFERROR(INDEX(Jesper!AK$2:AK$366,ROUNDDOWN($C7538/24,0)+1,1)*INDEX($D$3:$AA$30,INDEX(Jesper!$R$2:$R$366,ROW(INDEX(Jesper!AK$2:AK$366,ROUNDDOWN($C7538/24,0)+1,1))-1)+IF('Standard Profiles'!$G$21=$B$10,7,0)+IF('Standard Profiles'!$G$21=$B$17,14,0)+IF('Standard Profiles'!$G$21=$B$24,21,0),MOD($C7538,24)+1)/SUM(INDEX($D$3:$AA$30,INDEX(Jesper!$R$2:$R$366,ROW(INDEX(Jesper!AK$2:AK$366,ROUNDDOWN($C7538/24,0)+1,1))-1)+IF('Standard Profiles'!$G$21=$B$10,7,0)+IF('Standard Profiles'!$G$21=$B$17,14,0)+IF('Standard Profiles'!$G$21=$B$24,21,0),0)),0)</f>
        <v>0</v>
      </c>
      <c r="H7538" cm="1">
        <f t="array" ref="H7538">IFERROR(INDEX(Jesper!AL$2:AL$366,ROUNDDOWN($C7538/24,0)+1,1)*INDEX($D$3:$AA$30,INDEX(Jesper!$R$2:$R$366,ROW(INDEX(Jesper!AL$2:AL$366,ROUNDDOWN($C7538/24,0)+1,1))-1)+IF('Standard Profiles'!$G$22=$B$10,7,0)+IF('Standard Profiles'!$G$22=$B$17,14,0)+IF('Standard Profiles'!$G$22=$B$24,21,0),MOD($C7538,24)+1)/SUM(INDEX($D$3:$AA$30,INDEX(Jesper!$R$2:$R$366,ROW(INDEX(Jesper!AL$2:AL$366,ROUNDDOWN($C7538/24,0)+1,1))-1)+IF('Standard Profiles'!$G$22=$B$10,7,0)+IF('Standard Profiles'!$G$22=$B$17,14,0)+IF('Standard Profiles'!$G$22=$B$24,21,0),0)),0)</f>
        <v>0</v>
      </c>
      <c r="I7538">
        <f t="shared" si="839"/>
        <v>0.38895378362148902</v>
      </c>
      <c r="J7538">
        <f t="shared" si="840"/>
        <v>1.2965126120716302</v>
      </c>
      <c r="K7538">
        <f t="shared" si="841"/>
        <v>1.944768918107445</v>
      </c>
      <c r="L7538">
        <f t="shared" si="842"/>
        <v>9.3348908069157357</v>
      </c>
      <c r="M7538">
        <f t="shared" si="843"/>
        <v>0</v>
      </c>
      <c r="N7538" s="46">
        <f t="shared" si="844"/>
        <v>45604.666666648467</v>
      </c>
    </row>
    <row r="7539" spans="2:14" x14ac:dyDescent="0.3">
      <c r="B7539">
        <f t="shared" si="838"/>
        <v>5</v>
      </c>
      <c r="C7539" s="16">
        <v>7505</v>
      </c>
      <c r="D7539" cm="1">
        <f t="array" ref="D7539">IFERROR(INDEX(Jesper!AH$2:AH$366,ROUNDDOWN($C7539/24,0)+1,1)*INDEX($D$3:$AA$30,INDEX(Jesper!$R$2:$R$366,ROW(INDEX(Jesper!AH$2:AH$366,ROUNDDOWN($C7539/24,0)+1,1))-1)+IF('Standard Profiles'!$G$18=$B$10,7,0)+IF('Standard Profiles'!$G$18=$B$17,14,0)+IF('Standard Profiles'!$G$18=$B$24,21,0),MOD($C7539,24)+1)/SUM(INDEX($D$3:$AA$30,INDEX(Jesper!$R$2:$R$366,ROW(INDEX(Jesper!AH$2:AH$366,ROUNDDOWN($C7539/24,0)+1,1))-1)+IF('Standard Profiles'!$G$18=$B$10,7,0)+IF('Standard Profiles'!$G$18=$B$17,14,0)+IF('Standard Profiles'!$G$18=$B$24,21,0),0)),0)</f>
        <v>12.965126120716301</v>
      </c>
      <c r="E7539" cm="1">
        <f t="array" ref="E7539">IFERROR(INDEX(Jesper!AI$2:AI$366,ROUNDDOWN($C7539/24,0)+1,1)*INDEX($D$3:$AA$30,INDEX(Jesper!$R$2:$R$366,ROW(INDEX(Jesper!AI$2:AI$366,ROUNDDOWN($C7539/24,0)+1,1))-1)+IF('Standard Profiles'!$G$19=$B$10,7,0)+IF('Standard Profiles'!$G$19=$B$17,14,0)+IF('Standard Profiles'!$G$19=$B$24,21,0),MOD($C7539,24)+1)/SUM(INDEX($D$3:$AA$30,INDEX(Jesper!$R$2:$R$366,ROW(INDEX(Jesper!AI$2:AI$366,ROUNDDOWN($C7539/24,0)+1,1))-1)+IF('Standard Profiles'!$G$19=$B$10,7,0)+IF('Standard Profiles'!$G$19=$B$17,14,0)+IF('Standard Profiles'!$G$19=$B$24,21,0),0)),0)</f>
        <v>0</v>
      </c>
      <c r="F7539" cm="1">
        <f t="array" ref="F7539">IFERROR(INDEX(Jesper!AJ$2:AJ$366,ROUNDDOWN($C7539/24,0)+1,1)*INDEX($D$3:$AA$30,INDEX(Jesper!$R$2:$R$366,ROW(INDEX(Jesper!AJ$2:AJ$366,ROUNDDOWN($C7539/24,0)+1,1))-1)+IF('Standard Profiles'!$G$20=$B$10,7,0)+IF('Standard Profiles'!$G$20=$B$17,14,0)+IF('Standard Profiles'!$G$20=$B$24,21,0),MOD($C7539,24)+1)/SUM(INDEX($D$3:$AA$30,INDEX(Jesper!$R$2:$R$366,ROW(INDEX(Jesper!AJ$2:AJ$366,ROUNDDOWN($C7539/24,0)+1,1))-1)+IF('Standard Profiles'!$G$20=$B$10,7,0)+IF('Standard Profiles'!$G$20=$B$17,14,0)+IF('Standard Profiles'!$G$20=$B$24,21,0),0)),0)</f>
        <v>0</v>
      </c>
      <c r="G7539" cm="1">
        <f t="array" ref="G7539">IFERROR(INDEX(Jesper!AK$2:AK$366,ROUNDDOWN($C7539/24,0)+1,1)*INDEX($D$3:$AA$30,INDEX(Jesper!$R$2:$R$366,ROW(INDEX(Jesper!AK$2:AK$366,ROUNDDOWN($C7539/24,0)+1,1))-1)+IF('Standard Profiles'!$G$21=$B$10,7,0)+IF('Standard Profiles'!$G$21=$B$17,14,0)+IF('Standard Profiles'!$G$21=$B$24,21,0),MOD($C7539,24)+1)/SUM(INDEX($D$3:$AA$30,INDEX(Jesper!$R$2:$R$366,ROW(INDEX(Jesper!AK$2:AK$366,ROUNDDOWN($C7539/24,0)+1,1))-1)+IF('Standard Profiles'!$G$21=$B$10,7,0)+IF('Standard Profiles'!$G$21=$B$17,14,0)+IF('Standard Profiles'!$G$21=$B$24,21,0),0)),0)</f>
        <v>0</v>
      </c>
      <c r="H7539" cm="1">
        <f t="array" ref="H7539">IFERROR(INDEX(Jesper!AL$2:AL$366,ROUNDDOWN($C7539/24,0)+1,1)*INDEX($D$3:$AA$30,INDEX(Jesper!$R$2:$R$366,ROW(INDEX(Jesper!AL$2:AL$366,ROUNDDOWN($C7539/24,0)+1,1))-1)+IF('Standard Profiles'!$G$22=$B$10,7,0)+IF('Standard Profiles'!$G$22=$B$17,14,0)+IF('Standard Profiles'!$G$22=$B$24,21,0),MOD($C7539,24)+1)/SUM(INDEX($D$3:$AA$30,INDEX(Jesper!$R$2:$R$366,ROW(INDEX(Jesper!AL$2:AL$366,ROUNDDOWN($C7539/24,0)+1,1))-1)+IF('Standard Profiles'!$G$22=$B$10,7,0)+IF('Standard Profiles'!$G$22=$B$17,14,0)+IF('Standard Profiles'!$G$22=$B$24,21,0),0)),0)</f>
        <v>0</v>
      </c>
      <c r="I7539">
        <f t="shared" si="839"/>
        <v>0.38895378362148902</v>
      </c>
      <c r="J7539">
        <f t="shared" si="840"/>
        <v>1.2965126120716302</v>
      </c>
      <c r="K7539">
        <f t="shared" si="841"/>
        <v>1.944768918107445</v>
      </c>
      <c r="L7539">
        <f t="shared" si="842"/>
        <v>9.3348908069157357</v>
      </c>
      <c r="M7539">
        <f t="shared" si="843"/>
        <v>0</v>
      </c>
      <c r="N7539" s="46">
        <f t="shared" si="844"/>
        <v>45604.708333315131</v>
      </c>
    </row>
    <row r="7540" spans="2:14" x14ac:dyDescent="0.3">
      <c r="B7540">
        <f t="shared" si="838"/>
        <v>5</v>
      </c>
      <c r="C7540" s="16">
        <v>7506</v>
      </c>
      <c r="D7540" cm="1">
        <f t="array" ref="D7540">IFERROR(INDEX(Jesper!AH$2:AH$366,ROUNDDOWN($C7540/24,0)+1,1)*INDEX($D$3:$AA$30,INDEX(Jesper!$R$2:$R$366,ROW(INDEX(Jesper!AH$2:AH$366,ROUNDDOWN($C7540/24,0)+1,1))-1)+IF('Standard Profiles'!$G$18=$B$10,7,0)+IF('Standard Profiles'!$G$18=$B$17,14,0)+IF('Standard Profiles'!$G$18=$B$24,21,0),MOD($C7540,24)+1)/SUM(INDEX($D$3:$AA$30,INDEX(Jesper!$R$2:$R$366,ROW(INDEX(Jesper!AH$2:AH$366,ROUNDDOWN($C7540/24,0)+1,1))-1)+IF('Standard Profiles'!$G$18=$B$10,7,0)+IF('Standard Profiles'!$G$18=$B$17,14,0)+IF('Standard Profiles'!$G$18=$B$24,21,0),0)),0)</f>
        <v>12.965126120716301</v>
      </c>
      <c r="E7540" cm="1">
        <f t="array" ref="E7540">IFERROR(INDEX(Jesper!AI$2:AI$366,ROUNDDOWN($C7540/24,0)+1,1)*INDEX($D$3:$AA$30,INDEX(Jesper!$R$2:$R$366,ROW(INDEX(Jesper!AI$2:AI$366,ROUNDDOWN($C7540/24,0)+1,1))-1)+IF('Standard Profiles'!$G$19=$B$10,7,0)+IF('Standard Profiles'!$G$19=$B$17,14,0)+IF('Standard Profiles'!$G$19=$B$24,21,0),MOD($C7540,24)+1)/SUM(INDEX($D$3:$AA$30,INDEX(Jesper!$R$2:$R$366,ROW(INDEX(Jesper!AI$2:AI$366,ROUNDDOWN($C7540/24,0)+1,1))-1)+IF('Standard Profiles'!$G$19=$B$10,7,0)+IF('Standard Profiles'!$G$19=$B$17,14,0)+IF('Standard Profiles'!$G$19=$B$24,21,0),0)),0)</f>
        <v>0</v>
      </c>
      <c r="F7540" cm="1">
        <f t="array" ref="F7540">IFERROR(INDEX(Jesper!AJ$2:AJ$366,ROUNDDOWN($C7540/24,0)+1,1)*INDEX($D$3:$AA$30,INDEX(Jesper!$R$2:$R$366,ROW(INDEX(Jesper!AJ$2:AJ$366,ROUNDDOWN($C7540/24,0)+1,1))-1)+IF('Standard Profiles'!$G$20=$B$10,7,0)+IF('Standard Profiles'!$G$20=$B$17,14,0)+IF('Standard Profiles'!$G$20=$B$24,21,0),MOD($C7540,24)+1)/SUM(INDEX($D$3:$AA$30,INDEX(Jesper!$R$2:$R$366,ROW(INDEX(Jesper!AJ$2:AJ$366,ROUNDDOWN($C7540/24,0)+1,1))-1)+IF('Standard Profiles'!$G$20=$B$10,7,0)+IF('Standard Profiles'!$G$20=$B$17,14,0)+IF('Standard Profiles'!$G$20=$B$24,21,0),0)),0)</f>
        <v>0</v>
      </c>
      <c r="G7540" cm="1">
        <f t="array" ref="G7540">IFERROR(INDEX(Jesper!AK$2:AK$366,ROUNDDOWN($C7540/24,0)+1,1)*INDEX($D$3:$AA$30,INDEX(Jesper!$R$2:$R$366,ROW(INDEX(Jesper!AK$2:AK$366,ROUNDDOWN($C7540/24,0)+1,1))-1)+IF('Standard Profiles'!$G$21=$B$10,7,0)+IF('Standard Profiles'!$G$21=$B$17,14,0)+IF('Standard Profiles'!$G$21=$B$24,21,0),MOD($C7540,24)+1)/SUM(INDEX($D$3:$AA$30,INDEX(Jesper!$R$2:$R$366,ROW(INDEX(Jesper!AK$2:AK$366,ROUNDDOWN($C7540/24,0)+1,1))-1)+IF('Standard Profiles'!$G$21=$B$10,7,0)+IF('Standard Profiles'!$G$21=$B$17,14,0)+IF('Standard Profiles'!$G$21=$B$24,21,0),0)),0)</f>
        <v>0</v>
      </c>
      <c r="H7540" cm="1">
        <f t="array" ref="H7540">IFERROR(INDEX(Jesper!AL$2:AL$366,ROUNDDOWN($C7540/24,0)+1,1)*INDEX($D$3:$AA$30,INDEX(Jesper!$R$2:$R$366,ROW(INDEX(Jesper!AL$2:AL$366,ROUNDDOWN($C7540/24,0)+1,1))-1)+IF('Standard Profiles'!$G$22=$B$10,7,0)+IF('Standard Profiles'!$G$22=$B$17,14,0)+IF('Standard Profiles'!$G$22=$B$24,21,0),MOD($C7540,24)+1)/SUM(INDEX($D$3:$AA$30,INDEX(Jesper!$R$2:$R$366,ROW(INDEX(Jesper!AL$2:AL$366,ROUNDDOWN($C7540/24,0)+1,1))-1)+IF('Standard Profiles'!$G$22=$B$10,7,0)+IF('Standard Profiles'!$G$22=$B$17,14,0)+IF('Standard Profiles'!$G$22=$B$24,21,0),0)),0)</f>
        <v>0</v>
      </c>
      <c r="I7540">
        <f t="shared" si="839"/>
        <v>0.38895378362148902</v>
      </c>
      <c r="J7540">
        <f t="shared" si="840"/>
        <v>1.2965126120716302</v>
      </c>
      <c r="K7540">
        <f t="shared" si="841"/>
        <v>1.944768918107445</v>
      </c>
      <c r="L7540">
        <f t="shared" si="842"/>
        <v>9.3348908069157357</v>
      </c>
      <c r="M7540">
        <f t="shared" si="843"/>
        <v>0</v>
      </c>
      <c r="N7540" s="46">
        <f t="shared" si="844"/>
        <v>45604.749999981796</v>
      </c>
    </row>
    <row r="7541" spans="2:14" x14ac:dyDescent="0.3">
      <c r="B7541">
        <f t="shared" si="838"/>
        <v>5</v>
      </c>
      <c r="C7541" s="16">
        <v>7507</v>
      </c>
      <c r="D7541" cm="1">
        <f t="array" ref="D7541">IFERROR(INDEX(Jesper!AH$2:AH$366,ROUNDDOWN($C7541/24,0)+1,1)*INDEX($D$3:$AA$30,INDEX(Jesper!$R$2:$R$366,ROW(INDEX(Jesper!AH$2:AH$366,ROUNDDOWN($C7541/24,0)+1,1))-1)+IF('Standard Profiles'!$G$18=$B$10,7,0)+IF('Standard Profiles'!$G$18=$B$17,14,0)+IF('Standard Profiles'!$G$18=$B$24,21,0),MOD($C7541,24)+1)/SUM(INDEX($D$3:$AA$30,INDEX(Jesper!$R$2:$R$366,ROW(INDEX(Jesper!AH$2:AH$366,ROUNDDOWN($C7541/24,0)+1,1))-1)+IF('Standard Profiles'!$G$18=$B$10,7,0)+IF('Standard Profiles'!$G$18=$B$17,14,0)+IF('Standard Profiles'!$G$18=$B$24,21,0),0)),0)</f>
        <v>12.965126120716301</v>
      </c>
      <c r="E7541" cm="1">
        <f t="array" ref="E7541">IFERROR(INDEX(Jesper!AI$2:AI$366,ROUNDDOWN($C7541/24,0)+1,1)*INDEX($D$3:$AA$30,INDEX(Jesper!$R$2:$R$366,ROW(INDEX(Jesper!AI$2:AI$366,ROUNDDOWN($C7541/24,0)+1,1))-1)+IF('Standard Profiles'!$G$19=$B$10,7,0)+IF('Standard Profiles'!$G$19=$B$17,14,0)+IF('Standard Profiles'!$G$19=$B$24,21,0),MOD($C7541,24)+1)/SUM(INDEX($D$3:$AA$30,INDEX(Jesper!$R$2:$R$366,ROW(INDEX(Jesper!AI$2:AI$366,ROUNDDOWN($C7541/24,0)+1,1))-1)+IF('Standard Profiles'!$G$19=$B$10,7,0)+IF('Standard Profiles'!$G$19=$B$17,14,0)+IF('Standard Profiles'!$G$19=$B$24,21,0),0)),0)</f>
        <v>0</v>
      </c>
      <c r="F7541" cm="1">
        <f t="array" ref="F7541">IFERROR(INDEX(Jesper!AJ$2:AJ$366,ROUNDDOWN($C7541/24,0)+1,1)*INDEX($D$3:$AA$30,INDEX(Jesper!$R$2:$R$366,ROW(INDEX(Jesper!AJ$2:AJ$366,ROUNDDOWN($C7541/24,0)+1,1))-1)+IF('Standard Profiles'!$G$20=$B$10,7,0)+IF('Standard Profiles'!$G$20=$B$17,14,0)+IF('Standard Profiles'!$G$20=$B$24,21,0),MOD($C7541,24)+1)/SUM(INDEX($D$3:$AA$30,INDEX(Jesper!$R$2:$R$366,ROW(INDEX(Jesper!AJ$2:AJ$366,ROUNDDOWN($C7541/24,0)+1,1))-1)+IF('Standard Profiles'!$G$20=$B$10,7,0)+IF('Standard Profiles'!$G$20=$B$17,14,0)+IF('Standard Profiles'!$G$20=$B$24,21,0),0)),0)</f>
        <v>0</v>
      </c>
      <c r="G7541" cm="1">
        <f t="array" ref="G7541">IFERROR(INDEX(Jesper!AK$2:AK$366,ROUNDDOWN($C7541/24,0)+1,1)*INDEX($D$3:$AA$30,INDEX(Jesper!$R$2:$R$366,ROW(INDEX(Jesper!AK$2:AK$366,ROUNDDOWN($C7541/24,0)+1,1))-1)+IF('Standard Profiles'!$G$21=$B$10,7,0)+IF('Standard Profiles'!$G$21=$B$17,14,0)+IF('Standard Profiles'!$G$21=$B$24,21,0),MOD($C7541,24)+1)/SUM(INDEX($D$3:$AA$30,INDEX(Jesper!$R$2:$R$366,ROW(INDEX(Jesper!AK$2:AK$366,ROUNDDOWN($C7541/24,0)+1,1))-1)+IF('Standard Profiles'!$G$21=$B$10,7,0)+IF('Standard Profiles'!$G$21=$B$17,14,0)+IF('Standard Profiles'!$G$21=$B$24,21,0),0)),0)</f>
        <v>0</v>
      </c>
      <c r="H7541" cm="1">
        <f t="array" ref="H7541">IFERROR(INDEX(Jesper!AL$2:AL$366,ROUNDDOWN($C7541/24,0)+1,1)*INDEX($D$3:$AA$30,INDEX(Jesper!$R$2:$R$366,ROW(INDEX(Jesper!AL$2:AL$366,ROUNDDOWN($C7541/24,0)+1,1))-1)+IF('Standard Profiles'!$G$22=$B$10,7,0)+IF('Standard Profiles'!$G$22=$B$17,14,0)+IF('Standard Profiles'!$G$22=$B$24,21,0),MOD($C7541,24)+1)/SUM(INDEX($D$3:$AA$30,INDEX(Jesper!$R$2:$R$366,ROW(INDEX(Jesper!AL$2:AL$366,ROUNDDOWN($C7541/24,0)+1,1))-1)+IF('Standard Profiles'!$G$22=$B$10,7,0)+IF('Standard Profiles'!$G$22=$B$17,14,0)+IF('Standard Profiles'!$G$22=$B$24,21,0),0)),0)</f>
        <v>0</v>
      </c>
      <c r="I7541">
        <f t="shared" si="839"/>
        <v>0.38895378362148902</v>
      </c>
      <c r="J7541">
        <f t="shared" si="840"/>
        <v>1.2965126120716302</v>
      </c>
      <c r="K7541">
        <f t="shared" si="841"/>
        <v>1.944768918107445</v>
      </c>
      <c r="L7541">
        <f t="shared" si="842"/>
        <v>9.3348908069157357</v>
      </c>
      <c r="M7541">
        <f t="shared" si="843"/>
        <v>0</v>
      </c>
      <c r="N7541" s="46">
        <f t="shared" si="844"/>
        <v>45604.79166664846</v>
      </c>
    </row>
    <row r="7542" spans="2:14" x14ac:dyDescent="0.3">
      <c r="B7542">
        <f t="shared" si="838"/>
        <v>5</v>
      </c>
      <c r="C7542" s="16">
        <v>7508</v>
      </c>
      <c r="D7542" cm="1">
        <f t="array" ref="D7542">IFERROR(INDEX(Jesper!AH$2:AH$366,ROUNDDOWN($C7542/24,0)+1,1)*INDEX($D$3:$AA$30,INDEX(Jesper!$R$2:$R$366,ROW(INDEX(Jesper!AH$2:AH$366,ROUNDDOWN($C7542/24,0)+1,1))-1)+IF('Standard Profiles'!$G$18=$B$10,7,0)+IF('Standard Profiles'!$G$18=$B$17,14,0)+IF('Standard Profiles'!$G$18=$B$24,21,0),MOD($C7542,24)+1)/SUM(INDEX($D$3:$AA$30,INDEX(Jesper!$R$2:$R$366,ROW(INDEX(Jesper!AH$2:AH$366,ROUNDDOWN($C7542/24,0)+1,1))-1)+IF('Standard Profiles'!$G$18=$B$10,7,0)+IF('Standard Profiles'!$G$18=$B$17,14,0)+IF('Standard Profiles'!$G$18=$B$24,21,0),0)),0)</f>
        <v>10.043407558301359</v>
      </c>
      <c r="E7542" cm="1">
        <f t="array" ref="E7542">IFERROR(INDEX(Jesper!AI$2:AI$366,ROUNDDOWN($C7542/24,0)+1,1)*INDEX($D$3:$AA$30,INDEX(Jesper!$R$2:$R$366,ROW(INDEX(Jesper!AI$2:AI$366,ROUNDDOWN($C7542/24,0)+1,1))-1)+IF('Standard Profiles'!$G$19=$B$10,7,0)+IF('Standard Profiles'!$G$19=$B$17,14,0)+IF('Standard Profiles'!$G$19=$B$24,21,0),MOD($C7542,24)+1)/SUM(INDEX($D$3:$AA$30,INDEX(Jesper!$R$2:$R$366,ROW(INDEX(Jesper!AI$2:AI$366,ROUNDDOWN($C7542/24,0)+1,1))-1)+IF('Standard Profiles'!$G$19=$B$10,7,0)+IF('Standard Profiles'!$G$19=$B$17,14,0)+IF('Standard Profiles'!$G$19=$B$24,21,0),0)),0)</f>
        <v>0</v>
      </c>
      <c r="F7542" cm="1">
        <f t="array" ref="F7542">IFERROR(INDEX(Jesper!AJ$2:AJ$366,ROUNDDOWN($C7542/24,0)+1,1)*INDEX($D$3:$AA$30,INDEX(Jesper!$R$2:$R$366,ROW(INDEX(Jesper!AJ$2:AJ$366,ROUNDDOWN($C7542/24,0)+1,1))-1)+IF('Standard Profiles'!$G$20=$B$10,7,0)+IF('Standard Profiles'!$G$20=$B$17,14,0)+IF('Standard Profiles'!$G$20=$B$24,21,0),MOD($C7542,24)+1)/SUM(INDEX($D$3:$AA$30,INDEX(Jesper!$R$2:$R$366,ROW(INDEX(Jesper!AJ$2:AJ$366,ROUNDDOWN($C7542/24,0)+1,1))-1)+IF('Standard Profiles'!$G$20=$B$10,7,0)+IF('Standard Profiles'!$G$20=$B$17,14,0)+IF('Standard Profiles'!$G$20=$B$24,21,0),0)),0)</f>
        <v>0</v>
      </c>
      <c r="G7542" cm="1">
        <f t="array" ref="G7542">IFERROR(INDEX(Jesper!AK$2:AK$366,ROUNDDOWN($C7542/24,0)+1,1)*INDEX($D$3:$AA$30,INDEX(Jesper!$R$2:$R$366,ROW(INDEX(Jesper!AK$2:AK$366,ROUNDDOWN($C7542/24,0)+1,1))-1)+IF('Standard Profiles'!$G$21=$B$10,7,0)+IF('Standard Profiles'!$G$21=$B$17,14,0)+IF('Standard Profiles'!$G$21=$B$24,21,0),MOD($C7542,24)+1)/SUM(INDEX($D$3:$AA$30,INDEX(Jesper!$R$2:$R$366,ROW(INDEX(Jesper!AK$2:AK$366,ROUNDDOWN($C7542/24,0)+1,1))-1)+IF('Standard Profiles'!$G$21=$B$10,7,0)+IF('Standard Profiles'!$G$21=$B$17,14,0)+IF('Standard Profiles'!$G$21=$B$24,21,0),0)),0)</f>
        <v>0</v>
      </c>
      <c r="H7542" cm="1">
        <f t="array" ref="H7542">IFERROR(INDEX(Jesper!AL$2:AL$366,ROUNDDOWN($C7542/24,0)+1,1)*INDEX($D$3:$AA$30,INDEX(Jesper!$R$2:$R$366,ROW(INDEX(Jesper!AL$2:AL$366,ROUNDDOWN($C7542/24,0)+1,1))-1)+IF('Standard Profiles'!$G$22=$B$10,7,0)+IF('Standard Profiles'!$G$22=$B$17,14,0)+IF('Standard Profiles'!$G$22=$B$24,21,0),MOD($C7542,24)+1)/SUM(INDEX($D$3:$AA$30,INDEX(Jesper!$R$2:$R$366,ROW(INDEX(Jesper!AL$2:AL$366,ROUNDDOWN($C7542/24,0)+1,1))-1)+IF('Standard Profiles'!$G$22=$B$10,7,0)+IF('Standard Profiles'!$G$22=$B$17,14,0)+IF('Standard Profiles'!$G$22=$B$24,21,0),0)),0)</f>
        <v>0</v>
      </c>
      <c r="I7542">
        <f t="shared" si="839"/>
        <v>0.30130222674904078</v>
      </c>
      <c r="J7542">
        <f t="shared" si="840"/>
        <v>1.004340755830136</v>
      </c>
      <c r="K7542">
        <f t="shared" si="841"/>
        <v>1.5065111337452037</v>
      </c>
      <c r="L7542">
        <f t="shared" si="842"/>
        <v>7.2312534419769783</v>
      </c>
      <c r="M7542">
        <f t="shared" si="843"/>
        <v>0</v>
      </c>
      <c r="N7542" s="46">
        <f t="shared" si="844"/>
        <v>45604.833333315124</v>
      </c>
    </row>
    <row r="7543" spans="2:14" x14ac:dyDescent="0.3">
      <c r="B7543">
        <f t="shared" si="838"/>
        <v>5</v>
      </c>
      <c r="C7543" s="16">
        <v>7509</v>
      </c>
      <c r="D7543" cm="1">
        <f t="array" ref="D7543">IFERROR(INDEX(Jesper!AH$2:AH$366,ROUNDDOWN($C7543/24,0)+1,1)*INDEX($D$3:$AA$30,INDEX(Jesper!$R$2:$R$366,ROW(INDEX(Jesper!AH$2:AH$366,ROUNDDOWN($C7543/24,0)+1,1))-1)+IF('Standard Profiles'!$G$18=$B$10,7,0)+IF('Standard Profiles'!$G$18=$B$17,14,0)+IF('Standard Profiles'!$G$18=$B$24,21,0),MOD($C7543,24)+1)/SUM(INDEX($D$3:$AA$30,INDEX(Jesper!$R$2:$R$366,ROW(INDEX(Jesper!AH$2:AH$366,ROUNDDOWN($C7543/24,0)+1,1))-1)+IF('Standard Profiles'!$G$18=$B$10,7,0)+IF('Standard Profiles'!$G$18=$B$17,14,0)+IF('Standard Profiles'!$G$18=$B$24,21,0),0)),0)</f>
        <v>3.8347556131696101</v>
      </c>
      <c r="E7543" cm="1">
        <f t="array" ref="E7543">IFERROR(INDEX(Jesper!AI$2:AI$366,ROUNDDOWN($C7543/24,0)+1,1)*INDEX($D$3:$AA$30,INDEX(Jesper!$R$2:$R$366,ROW(INDEX(Jesper!AI$2:AI$366,ROUNDDOWN($C7543/24,0)+1,1))-1)+IF('Standard Profiles'!$G$19=$B$10,7,0)+IF('Standard Profiles'!$G$19=$B$17,14,0)+IF('Standard Profiles'!$G$19=$B$24,21,0),MOD($C7543,24)+1)/SUM(INDEX($D$3:$AA$30,INDEX(Jesper!$R$2:$R$366,ROW(INDEX(Jesper!AI$2:AI$366,ROUNDDOWN($C7543/24,0)+1,1))-1)+IF('Standard Profiles'!$G$19=$B$10,7,0)+IF('Standard Profiles'!$G$19=$B$17,14,0)+IF('Standard Profiles'!$G$19=$B$24,21,0),0)),0)</f>
        <v>0</v>
      </c>
      <c r="F7543" cm="1">
        <f t="array" ref="F7543">IFERROR(INDEX(Jesper!AJ$2:AJ$366,ROUNDDOWN($C7543/24,0)+1,1)*INDEX($D$3:$AA$30,INDEX(Jesper!$R$2:$R$366,ROW(INDEX(Jesper!AJ$2:AJ$366,ROUNDDOWN($C7543/24,0)+1,1))-1)+IF('Standard Profiles'!$G$20=$B$10,7,0)+IF('Standard Profiles'!$G$20=$B$17,14,0)+IF('Standard Profiles'!$G$20=$B$24,21,0),MOD($C7543,24)+1)/SUM(INDEX($D$3:$AA$30,INDEX(Jesper!$R$2:$R$366,ROW(INDEX(Jesper!AJ$2:AJ$366,ROUNDDOWN($C7543/24,0)+1,1))-1)+IF('Standard Profiles'!$G$20=$B$10,7,0)+IF('Standard Profiles'!$G$20=$B$17,14,0)+IF('Standard Profiles'!$G$20=$B$24,21,0),0)),0)</f>
        <v>0</v>
      </c>
      <c r="G7543" cm="1">
        <f t="array" ref="G7543">IFERROR(INDEX(Jesper!AK$2:AK$366,ROUNDDOWN($C7543/24,0)+1,1)*INDEX($D$3:$AA$30,INDEX(Jesper!$R$2:$R$366,ROW(INDEX(Jesper!AK$2:AK$366,ROUNDDOWN($C7543/24,0)+1,1))-1)+IF('Standard Profiles'!$G$21=$B$10,7,0)+IF('Standard Profiles'!$G$21=$B$17,14,0)+IF('Standard Profiles'!$G$21=$B$24,21,0),MOD($C7543,24)+1)/SUM(INDEX($D$3:$AA$30,INDEX(Jesper!$R$2:$R$366,ROW(INDEX(Jesper!AK$2:AK$366,ROUNDDOWN($C7543/24,0)+1,1))-1)+IF('Standard Profiles'!$G$21=$B$10,7,0)+IF('Standard Profiles'!$G$21=$B$17,14,0)+IF('Standard Profiles'!$G$21=$B$24,21,0),0)),0)</f>
        <v>0</v>
      </c>
      <c r="H7543" cm="1">
        <f t="array" ref="H7543">IFERROR(INDEX(Jesper!AL$2:AL$366,ROUNDDOWN($C7543/24,0)+1,1)*INDEX($D$3:$AA$30,INDEX(Jesper!$R$2:$R$366,ROW(INDEX(Jesper!AL$2:AL$366,ROUNDDOWN($C7543/24,0)+1,1))-1)+IF('Standard Profiles'!$G$22=$B$10,7,0)+IF('Standard Profiles'!$G$22=$B$17,14,0)+IF('Standard Profiles'!$G$22=$B$24,21,0),MOD($C7543,24)+1)/SUM(INDEX($D$3:$AA$30,INDEX(Jesper!$R$2:$R$366,ROW(INDEX(Jesper!AL$2:AL$366,ROUNDDOWN($C7543/24,0)+1,1))-1)+IF('Standard Profiles'!$G$22=$B$10,7,0)+IF('Standard Profiles'!$G$22=$B$17,14,0)+IF('Standard Profiles'!$G$22=$B$24,21,0),0)),0)</f>
        <v>0</v>
      </c>
      <c r="I7543">
        <f t="shared" si="839"/>
        <v>0.1150426683950883</v>
      </c>
      <c r="J7543">
        <f t="shared" si="840"/>
        <v>0.38347556131696103</v>
      </c>
      <c r="K7543">
        <f t="shared" si="841"/>
        <v>0.57521334197544149</v>
      </c>
      <c r="L7543">
        <f t="shared" si="842"/>
        <v>2.761024041482119</v>
      </c>
      <c r="M7543">
        <f t="shared" si="843"/>
        <v>0</v>
      </c>
      <c r="N7543" s="46">
        <f t="shared" si="844"/>
        <v>45604.874999981788</v>
      </c>
    </row>
    <row r="7544" spans="2:14" x14ac:dyDescent="0.3">
      <c r="B7544">
        <f t="shared" si="838"/>
        <v>5</v>
      </c>
      <c r="C7544" s="16">
        <v>7510</v>
      </c>
      <c r="D7544" cm="1">
        <f t="array" ref="D7544">IFERROR(INDEX(Jesper!AH$2:AH$366,ROUNDDOWN($C7544/24,0)+1,1)*INDEX($D$3:$AA$30,INDEX(Jesper!$R$2:$R$366,ROW(INDEX(Jesper!AH$2:AH$366,ROUNDDOWN($C7544/24,0)+1,1))-1)+IF('Standard Profiles'!$G$18=$B$10,7,0)+IF('Standard Profiles'!$G$18=$B$17,14,0)+IF('Standard Profiles'!$G$18=$B$24,21,0),MOD($C7544,24)+1)/SUM(INDEX($D$3:$AA$30,INDEX(Jesper!$R$2:$R$366,ROW(INDEX(Jesper!AH$2:AH$366,ROUNDDOWN($C7544/24,0)+1,1))-1)+IF('Standard Profiles'!$G$18=$B$10,7,0)+IF('Standard Profiles'!$G$18=$B$17,14,0)+IF('Standard Profiles'!$G$18=$B$24,21,0),0)),0)</f>
        <v>3.8347556131696101</v>
      </c>
      <c r="E7544" cm="1">
        <f t="array" ref="E7544">IFERROR(INDEX(Jesper!AI$2:AI$366,ROUNDDOWN($C7544/24,0)+1,1)*INDEX($D$3:$AA$30,INDEX(Jesper!$R$2:$R$366,ROW(INDEX(Jesper!AI$2:AI$366,ROUNDDOWN($C7544/24,0)+1,1))-1)+IF('Standard Profiles'!$G$19=$B$10,7,0)+IF('Standard Profiles'!$G$19=$B$17,14,0)+IF('Standard Profiles'!$G$19=$B$24,21,0),MOD($C7544,24)+1)/SUM(INDEX($D$3:$AA$30,INDEX(Jesper!$R$2:$R$366,ROW(INDEX(Jesper!AI$2:AI$366,ROUNDDOWN($C7544/24,0)+1,1))-1)+IF('Standard Profiles'!$G$19=$B$10,7,0)+IF('Standard Profiles'!$G$19=$B$17,14,0)+IF('Standard Profiles'!$G$19=$B$24,21,0),0)),0)</f>
        <v>0</v>
      </c>
      <c r="F7544" cm="1">
        <f t="array" ref="F7544">IFERROR(INDEX(Jesper!AJ$2:AJ$366,ROUNDDOWN($C7544/24,0)+1,1)*INDEX($D$3:$AA$30,INDEX(Jesper!$R$2:$R$366,ROW(INDEX(Jesper!AJ$2:AJ$366,ROUNDDOWN($C7544/24,0)+1,1))-1)+IF('Standard Profiles'!$G$20=$B$10,7,0)+IF('Standard Profiles'!$G$20=$B$17,14,0)+IF('Standard Profiles'!$G$20=$B$24,21,0),MOD($C7544,24)+1)/SUM(INDEX($D$3:$AA$30,INDEX(Jesper!$R$2:$R$366,ROW(INDEX(Jesper!AJ$2:AJ$366,ROUNDDOWN($C7544/24,0)+1,1))-1)+IF('Standard Profiles'!$G$20=$B$10,7,0)+IF('Standard Profiles'!$G$20=$B$17,14,0)+IF('Standard Profiles'!$G$20=$B$24,21,0),0)),0)</f>
        <v>0</v>
      </c>
      <c r="G7544" cm="1">
        <f t="array" ref="G7544">IFERROR(INDEX(Jesper!AK$2:AK$366,ROUNDDOWN($C7544/24,0)+1,1)*INDEX($D$3:$AA$30,INDEX(Jesper!$R$2:$R$366,ROW(INDEX(Jesper!AK$2:AK$366,ROUNDDOWN($C7544/24,0)+1,1))-1)+IF('Standard Profiles'!$G$21=$B$10,7,0)+IF('Standard Profiles'!$G$21=$B$17,14,0)+IF('Standard Profiles'!$G$21=$B$24,21,0),MOD($C7544,24)+1)/SUM(INDEX($D$3:$AA$30,INDEX(Jesper!$R$2:$R$366,ROW(INDEX(Jesper!AK$2:AK$366,ROUNDDOWN($C7544/24,0)+1,1))-1)+IF('Standard Profiles'!$G$21=$B$10,7,0)+IF('Standard Profiles'!$G$21=$B$17,14,0)+IF('Standard Profiles'!$G$21=$B$24,21,0),0)),0)</f>
        <v>0</v>
      </c>
      <c r="H7544" cm="1">
        <f t="array" ref="H7544">IFERROR(INDEX(Jesper!AL$2:AL$366,ROUNDDOWN($C7544/24,0)+1,1)*INDEX($D$3:$AA$30,INDEX(Jesper!$R$2:$R$366,ROW(INDEX(Jesper!AL$2:AL$366,ROUNDDOWN($C7544/24,0)+1,1))-1)+IF('Standard Profiles'!$G$22=$B$10,7,0)+IF('Standard Profiles'!$G$22=$B$17,14,0)+IF('Standard Profiles'!$G$22=$B$24,21,0),MOD($C7544,24)+1)/SUM(INDEX($D$3:$AA$30,INDEX(Jesper!$R$2:$R$366,ROW(INDEX(Jesper!AL$2:AL$366,ROUNDDOWN($C7544/24,0)+1,1))-1)+IF('Standard Profiles'!$G$22=$B$10,7,0)+IF('Standard Profiles'!$G$22=$B$17,14,0)+IF('Standard Profiles'!$G$22=$B$24,21,0),0)),0)</f>
        <v>0</v>
      </c>
      <c r="I7544">
        <f t="shared" si="839"/>
        <v>0.1150426683950883</v>
      </c>
      <c r="J7544">
        <f t="shared" si="840"/>
        <v>0.38347556131696103</v>
      </c>
      <c r="K7544">
        <f t="shared" si="841"/>
        <v>0.57521334197544149</v>
      </c>
      <c r="L7544">
        <f t="shared" si="842"/>
        <v>2.761024041482119</v>
      </c>
      <c r="M7544">
        <f t="shared" si="843"/>
        <v>0</v>
      </c>
      <c r="N7544" s="46">
        <f t="shared" si="844"/>
        <v>45604.916666648453</v>
      </c>
    </row>
    <row r="7545" spans="2:14" x14ac:dyDescent="0.3">
      <c r="B7545">
        <f t="shared" si="838"/>
        <v>5</v>
      </c>
      <c r="C7545" s="16">
        <v>7511</v>
      </c>
      <c r="D7545" cm="1">
        <f t="array" ref="D7545">IFERROR(INDEX(Jesper!AH$2:AH$366,ROUNDDOWN($C7545/24,0)+1,1)*INDEX($D$3:$AA$30,INDEX(Jesper!$R$2:$R$366,ROW(INDEX(Jesper!AH$2:AH$366,ROUNDDOWN($C7545/24,0)+1,1))-1)+IF('Standard Profiles'!$G$18=$B$10,7,0)+IF('Standard Profiles'!$G$18=$B$17,14,0)+IF('Standard Profiles'!$G$18=$B$24,21,0),MOD($C7545,24)+1)/SUM(INDEX($D$3:$AA$30,INDEX(Jesper!$R$2:$R$366,ROW(INDEX(Jesper!AH$2:AH$366,ROUNDDOWN($C7545/24,0)+1,1))-1)+IF('Standard Profiles'!$G$18=$B$10,7,0)+IF('Standard Profiles'!$G$18=$B$17,14,0)+IF('Standard Profiles'!$G$18=$B$24,21,0),0)),0)</f>
        <v>3.8347556131696101</v>
      </c>
      <c r="E7545" cm="1">
        <f t="array" ref="E7545">IFERROR(INDEX(Jesper!AI$2:AI$366,ROUNDDOWN($C7545/24,0)+1,1)*INDEX($D$3:$AA$30,INDEX(Jesper!$R$2:$R$366,ROW(INDEX(Jesper!AI$2:AI$366,ROUNDDOWN($C7545/24,0)+1,1))-1)+IF('Standard Profiles'!$G$19=$B$10,7,0)+IF('Standard Profiles'!$G$19=$B$17,14,0)+IF('Standard Profiles'!$G$19=$B$24,21,0),MOD($C7545,24)+1)/SUM(INDEX($D$3:$AA$30,INDEX(Jesper!$R$2:$R$366,ROW(INDEX(Jesper!AI$2:AI$366,ROUNDDOWN($C7545/24,0)+1,1))-1)+IF('Standard Profiles'!$G$19=$B$10,7,0)+IF('Standard Profiles'!$G$19=$B$17,14,0)+IF('Standard Profiles'!$G$19=$B$24,21,0),0)),0)</f>
        <v>0</v>
      </c>
      <c r="F7545" cm="1">
        <f t="array" ref="F7545">IFERROR(INDEX(Jesper!AJ$2:AJ$366,ROUNDDOWN($C7545/24,0)+1,1)*INDEX($D$3:$AA$30,INDEX(Jesper!$R$2:$R$366,ROW(INDEX(Jesper!AJ$2:AJ$366,ROUNDDOWN($C7545/24,0)+1,1))-1)+IF('Standard Profiles'!$G$20=$B$10,7,0)+IF('Standard Profiles'!$G$20=$B$17,14,0)+IF('Standard Profiles'!$G$20=$B$24,21,0),MOD($C7545,24)+1)/SUM(INDEX($D$3:$AA$30,INDEX(Jesper!$R$2:$R$366,ROW(INDEX(Jesper!AJ$2:AJ$366,ROUNDDOWN($C7545/24,0)+1,1))-1)+IF('Standard Profiles'!$G$20=$B$10,7,0)+IF('Standard Profiles'!$G$20=$B$17,14,0)+IF('Standard Profiles'!$G$20=$B$24,21,0),0)),0)</f>
        <v>0</v>
      </c>
      <c r="G7545" cm="1">
        <f t="array" ref="G7545">IFERROR(INDEX(Jesper!AK$2:AK$366,ROUNDDOWN($C7545/24,0)+1,1)*INDEX($D$3:$AA$30,INDEX(Jesper!$R$2:$R$366,ROW(INDEX(Jesper!AK$2:AK$366,ROUNDDOWN($C7545/24,0)+1,1))-1)+IF('Standard Profiles'!$G$21=$B$10,7,0)+IF('Standard Profiles'!$G$21=$B$17,14,0)+IF('Standard Profiles'!$G$21=$B$24,21,0),MOD($C7545,24)+1)/SUM(INDEX($D$3:$AA$30,INDEX(Jesper!$R$2:$R$366,ROW(INDEX(Jesper!AK$2:AK$366,ROUNDDOWN($C7545/24,0)+1,1))-1)+IF('Standard Profiles'!$G$21=$B$10,7,0)+IF('Standard Profiles'!$G$21=$B$17,14,0)+IF('Standard Profiles'!$G$21=$B$24,21,0),0)),0)</f>
        <v>0</v>
      </c>
      <c r="H7545" cm="1">
        <f t="array" ref="H7545">IFERROR(INDEX(Jesper!AL$2:AL$366,ROUNDDOWN($C7545/24,0)+1,1)*INDEX($D$3:$AA$30,INDEX(Jesper!$R$2:$R$366,ROW(INDEX(Jesper!AL$2:AL$366,ROUNDDOWN($C7545/24,0)+1,1))-1)+IF('Standard Profiles'!$G$22=$B$10,7,0)+IF('Standard Profiles'!$G$22=$B$17,14,0)+IF('Standard Profiles'!$G$22=$B$24,21,0),MOD($C7545,24)+1)/SUM(INDEX($D$3:$AA$30,INDEX(Jesper!$R$2:$R$366,ROW(INDEX(Jesper!AL$2:AL$366,ROUNDDOWN($C7545/24,0)+1,1))-1)+IF('Standard Profiles'!$G$22=$B$10,7,0)+IF('Standard Profiles'!$G$22=$B$17,14,0)+IF('Standard Profiles'!$G$22=$B$24,21,0),0)),0)</f>
        <v>0</v>
      </c>
      <c r="I7545">
        <f t="shared" si="839"/>
        <v>0.1150426683950883</v>
      </c>
      <c r="J7545">
        <f t="shared" si="840"/>
        <v>0.38347556131696103</v>
      </c>
      <c r="K7545">
        <f t="shared" si="841"/>
        <v>0.57521334197544149</v>
      </c>
      <c r="L7545">
        <f t="shared" si="842"/>
        <v>2.761024041482119</v>
      </c>
      <c r="M7545">
        <f t="shared" si="843"/>
        <v>0</v>
      </c>
      <c r="N7545" s="46">
        <f t="shared" si="844"/>
        <v>45604.958333315117</v>
      </c>
    </row>
    <row r="7546" spans="2:14" x14ac:dyDescent="0.3">
      <c r="B7546">
        <f t="shared" si="838"/>
        <v>6</v>
      </c>
      <c r="C7546" s="16">
        <v>7512</v>
      </c>
      <c r="D7546" cm="1">
        <f t="array" ref="D7546">IFERROR(INDEX(Jesper!AH$2:AH$366,ROUNDDOWN($C7546/24,0)+1,1)*INDEX($D$3:$AA$30,INDEX(Jesper!$R$2:$R$366,ROW(INDEX(Jesper!AH$2:AH$366,ROUNDDOWN($C7546/24,0)+1,1))-1)+IF('Standard Profiles'!$G$18=$B$10,7,0)+IF('Standard Profiles'!$G$18=$B$17,14,0)+IF('Standard Profiles'!$G$18=$B$24,21,0),MOD($C7546,24)+1)/SUM(INDEX($D$3:$AA$30,INDEX(Jesper!$R$2:$R$366,ROW(INDEX(Jesper!AH$2:AH$366,ROUNDDOWN($C7546/24,0)+1,1))-1)+IF('Standard Profiles'!$G$18=$B$10,7,0)+IF('Standard Profiles'!$G$18=$B$17,14,0)+IF('Standard Profiles'!$G$18=$B$24,21,0),0)),0)</f>
        <v>4.0643429019026645</v>
      </c>
      <c r="E7546" cm="1">
        <f t="array" ref="E7546">IFERROR(INDEX(Jesper!AI$2:AI$366,ROUNDDOWN($C7546/24,0)+1,1)*INDEX($D$3:$AA$30,INDEX(Jesper!$R$2:$R$366,ROW(INDEX(Jesper!AI$2:AI$366,ROUNDDOWN($C7546/24,0)+1,1))-1)+IF('Standard Profiles'!$G$19=$B$10,7,0)+IF('Standard Profiles'!$G$19=$B$17,14,0)+IF('Standard Profiles'!$G$19=$B$24,21,0),MOD($C7546,24)+1)/SUM(INDEX($D$3:$AA$30,INDEX(Jesper!$R$2:$R$366,ROW(INDEX(Jesper!AI$2:AI$366,ROUNDDOWN($C7546/24,0)+1,1))-1)+IF('Standard Profiles'!$G$19=$B$10,7,0)+IF('Standard Profiles'!$G$19=$B$17,14,0)+IF('Standard Profiles'!$G$19=$B$24,21,0),0)),0)</f>
        <v>0.86340825291949352</v>
      </c>
      <c r="F7546" cm="1">
        <f t="array" ref="F7546">IFERROR(INDEX(Jesper!AJ$2:AJ$366,ROUNDDOWN($C7546/24,0)+1,1)*INDEX($D$3:$AA$30,INDEX(Jesper!$R$2:$R$366,ROW(INDEX(Jesper!AJ$2:AJ$366,ROUNDDOWN($C7546/24,0)+1,1))-1)+IF('Standard Profiles'!$G$20=$B$10,7,0)+IF('Standard Profiles'!$G$20=$B$17,14,0)+IF('Standard Profiles'!$G$20=$B$24,21,0),MOD($C7546,24)+1)/SUM(INDEX($D$3:$AA$30,INDEX(Jesper!$R$2:$R$366,ROW(INDEX(Jesper!AJ$2:AJ$366,ROUNDDOWN($C7546/24,0)+1,1))-1)+IF('Standard Profiles'!$G$20=$B$10,7,0)+IF('Standard Profiles'!$G$20=$B$17,14,0)+IF('Standard Profiles'!$G$20=$B$24,21,0),0)),0)</f>
        <v>0</v>
      </c>
      <c r="G7546" cm="1">
        <f t="array" ref="G7546">IFERROR(INDEX(Jesper!AK$2:AK$366,ROUNDDOWN($C7546/24,0)+1,1)*INDEX($D$3:$AA$30,INDEX(Jesper!$R$2:$R$366,ROW(INDEX(Jesper!AK$2:AK$366,ROUNDDOWN($C7546/24,0)+1,1))-1)+IF('Standard Profiles'!$G$21=$B$10,7,0)+IF('Standard Profiles'!$G$21=$B$17,14,0)+IF('Standard Profiles'!$G$21=$B$24,21,0),MOD($C7546,24)+1)/SUM(INDEX($D$3:$AA$30,INDEX(Jesper!$R$2:$R$366,ROW(INDEX(Jesper!AK$2:AK$366,ROUNDDOWN($C7546/24,0)+1,1))-1)+IF('Standard Profiles'!$G$21=$B$10,7,0)+IF('Standard Profiles'!$G$21=$B$17,14,0)+IF('Standard Profiles'!$G$21=$B$24,21,0),0)),0)</f>
        <v>0</v>
      </c>
      <c r="H7546" cm="1">
        <f t="array" ref="H7546">IFERROR(INDEX(Jesper!AL$2:AL$366,ROUNDDOWN($C7546/24,0)+1,1)*INDEX($D$3:$AA$30,INDEX(Jesper!$R$2:$R$366,ROW(INDEX(Jesper!AL$2:AL$366,ROUNDDOWN($C7546/24,0)+1,1))-1)+IF('Standard Profiles'!$G$22=$B$10,7,0)+IF('Standard Profiles'!$G$22=$B$17,14,0)+IF('Standard Profiles'!$G$22=$B$24,21,0),MOD($C7546,24)+1)/SUM(INDEX($D$3:$AA$30,INDEX(Jesper!$R$2:$R$366,ROW(INDEX(Jesper!AL$2:AL$366,ROUNDDOWN($C7546/24,0)+1,1))-1)+IF('Standard Profiles'!$G$22=$B$10,7,0)+IF('Standard Profiles'!$G$22=$B$17,14,0)+IF('Standard Profiles'!$G$22=$B$24,21,0),0)),0)</f>
        <v>0</v>
      </c>
      <c r="I7546">
        <f t="shared" si="839"/>
        <v>7.7784527290044481E-2</v>
      </c>
      <c r="J7546">
        <f t="shared" si="840"/>
        <v>0.25928175763348166</v>
      </c>
      <c r="K7546">
        <f t="shared" si="841"/>
        <v>0.38892263645022246</v>
      </c>
      <c r="L7546">
        <f t="shared" si="842"/>
        <v>4.2017622334484095</v>
      </c>
      <c r="M7546">
        <f t="shared" si="843"/>
        <v>0</v>
      </c>
      <c r="N7546" s="46">
        <f t="shared" si="844"/>
        <v>45604.999999981781</v>
      </c>
    </row>
    <row r="7547" spans="2:14" x14ac:dyDescent="0.3">
      <c r="B7547">
        <f t="shared" si="838"/>
        <v>6</v>
      </c>
      <c r="C7547" s="16">
        <v>7513</v>
      </c>
      <c r="D7547" cm="1">
        <f t="array" ref="D7547">IFERROR(INDEX(Jesper!AH$2:AH$366,ROUNDDOWN($C7547/24,0)+1,1)*INDEX($D$3:$AA$30,INDEX(Jesper!$R$2:$R$366,ROW(INDEX(Jesper!AH$2:AH$366,ROUNDDOWN($C7547/24,0)+1,1))-1)+IF('Standard Profiles'!$G$18=$B$10,7,0)+IF('Standard Profiles'!$G$18=$B$17,14,0)+IF('Standard Profiles'!$G$18=$B$24,21,0),MOD($C7547,24)+1)/SUM(INDEX($D$3:$AA$30,INDEX(Jesper!$R$2:$R$366,ROW(INDEX(Jesper!AH$2:AH$366,ROUNDDOWN($C7547/24,0)+1,1))-1)+IF('Standard Profiles'!$G$18=$B$10,7,0)+IF('Standard Profiles'!$G$18=$B$17,14,0)+IF('Standard Profiles'!$G$18=$B$24,21,0),0)),0)</f>
        <v>7.9351456656194888</v>
      </c>
      <c r="E7547" cm="1">
        <f t="array" ref="E7547">IFERROR(INDEX(Jesper!AI$2:AI$366,ROUNDDOWN($C7547/24,0)+1,1)*INDEX($D$3:$AA$30,INDEX(Jesper!$R$2:$R$366,ROW(INDEX(Jesper!AI$2:AI$366,ROUNDDOWN($C7547/24,0)+1,1))-1)+IF('Standard Profiles'!$G$19=$B$10,7,0)+IF('Standard Profiles'!$G$19=$B$17,14,0)+IF('Standard Profiles'!$G$19=$B$24,21,0),MOD($C7547,24)+1)/SUM(INDEX($D$3:$AA$30,INDEX(Jesper!$R$2:$R$366,ROW(INDEX(Jesper!AI$2:AI$366,ROUNDDOWN($C7547/24,0)+1,1))-1)+IF('Standard Profiles'!$G$19=$B$10,7,0)+IF('Standard Profiles'!$G$19=$B$17,14,0)+IF('Standard Profiles'!$G$19=$B$24,21,0),0)),0)</f>
        <v>1.6857018271285351</v>
      </c>
      <c r="F7547" cm="1">
        <f t="array" ref="F7547">IFERROR(INDEX(Jesper!AJ$2:AJ$366,ROUNDDOWN($C7547/24,0)+1,1)*INDEX($D$3:$AA$30,INDEX(Jesper!$R$2:$R$366,ROW(INDEX(Jesper!AJ$2:AJ$366,ROUNDDOWN($C7547/24,0)+1,1))-1)+IF('Standard Profiles'!$G$20=$B$10,7,0)+IF('Standard Profiles'!$G$20=$B$17,14,0)+IF('Standard Profiles'!$G$20=$B$24,21,0),MOD($C7547,24)+1)/SUM(INDEX($D$3:$AA$30,INDEX(Jesper!$R$2:$R$366,ROW(INDEX(Jesper!AJ$2:AJ$366,ROUNDDOWN($C7547/24,0)+1,1))-1)+IF('Standard Profiles'!$G$20=$B$10,7,0)+IF('Standard Profiles'!$G$20=$B$17,14,0)+IF('Standard Profiles'!$G$20=$B$24,21,0),0)),0)</f>
        <v>0</v>
      </c>
      <c r="G7547" cm="1">
        <f t="array" ref="G7547">IFERROR(INDEX(Jesper!AK$2:AK$366,ROUNDDOWN($C7547/24,0)+1,1)*INDEX($D$3:$AA$30,INDEX(Jesper!$R$2:$R$366,ROW(INDEX(Jesper!AK$2:AK$366,ROUNDDOWN($C7547/24,0)+1,1))-1)+IF('Standard Profiles'!$G$21=$B$10,7,0)+IF('Standard Profiles'!$G$21=$B$17,14,0)+IF('Standard Profiles'!$G$21=$B$24,21,0),MOD($C7547,24)+1)/SUM(INDEX($D$3:$AA$30,INDEX(Jesper!$R$2:$R$366,ROW(INDEX(Jesper!AK$2:AK$366,ROUNDDOWN($C7547/24,0)+1,1))-1)+IF('Standard Profiles'!$G$21=$B$10,7,0)+IF('Standard Profiles'!$G$21=$B$17,14,0)+IF('Standard Profiles'!$G$21=$B$24,21,0),0)),0)</f>
        <v>0</v>
      </c>
      <c r="H7547" cm="1">
        <f t="array" ref="H7547">IFERROR(INDEX(Jesper!AL$2:AL$366,ROUNDDOWN($C7547/24,0)+1,1)*INDEX($D$3:$AA$30,INDEX(Jesper!$R$2:$R$366,ROW(INDEX(Jesper!AL$2:AL$366,ROUNDDOWN($C7547/24,0)+1,1))-1)+IF('Standard Profiles'!$G$22=$B$10,7,0)+IF('Standard Profiles'!$G$22=$B$17,14,0)+IF('Standard Profiles'!$G$22=$B$24,21,0),MOD($C7547,24)+1)/SUM(INDEX($D$3:$AA$30,INDEX(Jesper!$R$2:$R$366,ROW(INDEX(Jesper!AL$2:AL$366,ROUNDDOWN($C7547/24,0)+1,1))-1)+IF('Standard Profiles'!$G$22=$B$10,7,0)+IF('Standard Profiles'!$G$22=$B$17,14,0)+IF('Standard Profiles'!$G$22=$B$24,21,0),0)),0)</f>
        <v>0</v>
      </c>
      <c r="I7547">
        <f t="shared" si="839"/>
        <v>0.15186502947103925</v>
      </c>
      <c r="J7547">
        <f t="shared" si="840"/>
        <v>0.50621676490346423</v>
      </c>
      <c r="K7547">
        <f t="shared" si="841"/>
        <v>0.75932514735519629</v>
      </c>
      <c r="L7547">
        <f t="shared" si="842"/>
        <v>8.2034405510183248</v>
      </c>
      <c r="M7547">
        <f t="shared" si="843"/>
        <v>0</v>
      </c>
      <c r="N7547" s="46">
        <f t="shared" si="844"/>
        <v>45605.041666648445</v>
      </c>
    </row>
    <row r="7548" spans="2:14" x14ac:dyDescent="0.3">
      <c r="B7548">
        <f t="shared" si="838"/>
        <v>6</v>
      </c>
      <c r="C7548" s="16">
        <v>7514</v>
      </c>
      <c r="D7548" cm="1">
        <f t="array" ref="D7548">IFERROR(INDEX(Jesper!AH$2:AH$366,ROUNDDOWN($C7548/24,0)+1,1)*INDEX($D$3:$AA$30,INDEX(Jesper!$R$2:$R$366,ROW(INDEX(Jesper!AH$2:AH$366,ROUNDDOWN($C7548/24,0)+1,1))-1)+IF('Standard Profiles'!$G$18=$B$10,7,0)+IF('Standard Profiles'!$G$18=$B$17,14,0)+IF('Standard Profiles'!$G$18=$B$24,21,0),MOD($C7548,24)+1)/SUM(INDEX($D$3:$AA$30,INDEX(Jesper!$R$2:$R$366,ROW(INDEX(Jesper!AH$2:AH$366,ROUNDDOWN($C7548/24,0)+1,1))-1)+IF('Standard Profiles'!$G$18=$B$10,7,0)+IF('Standard Profiles'!$G$18=$B$17,14,0)+IF('Standard Profiles'!$G$18=$B$24,21,0),0)),0)</f>
        <v>7.9351456656194888</v>
      </c>
      <c r="E7548" cm="1">
        <f t="array" ref="E7548">IFERROR(INDEX(Jesper!AI$2:AI$366,ROUNDDOWN($C7548/24,0)+1,1)*INDEX($D$3:$AA$30,INDEX(Jesper!$R$2:$R$366,ROW(INDEX(Jesper!AI$2:AI$366,ROUNDDOWN($C7548/24,0)+1,1))-1)+IF('Standard Profiles'!$G$19=$B$10,7,0)+IF('Standard Profiles'!$G$19=$B$17,14,0)+IF('Standard Profiles'!$G$19=$B$24,21,0),MOD($C7548,24)+1)/SUM(INDEX($D$3:$AA$30,INDEX(Jesper!$R$2:$R$366,ROW(INDEX(Jesper!AI$2:AI$366,ROUNDDOWN($C7548/24,0)+1,1))-1)+IF('Standard Profiles'!$G$19=$B$10,7,0)+IF('Standard Profiles'!$G$19=$B$17,14,0)+IF('Standard Profiles'!$G$19=$B$24,21,0),0)),0)</f>
        <v>1.6857018271285351</v>
      </c>
      <c r="F7548" cm="1">
        <f t="array" ref="F7548">IFERROR(INDEX(Jesper!AJ$2:AJ$366,ROUNDDOWN($C7548/24,0)+1,1)*INDEX($D$3:$AA$30,INDEX(Jesper!$R$2:$R$366,ROW(INDEX(Jesper!AJ$2:AJ$366,ROUNDDOWN($C7548/24,0)+1,1))-1)+IF('Standard Profiles'!$G$20=$B$10,7,0)+IF('Standard Profiles'!$G$20=$B$17,14,0)+IF('Standard Profiles'!$G$20=$B$24,21,0),MOD($C7548,24)+1)/SUM(INDEX($D$3:$AA$30,INDEX(Jesper!$R$2:$R$366,ROW(INDEX(Jesper!AJ$2:AJ$366,ROUNDDOWN($C7548/24,0)+1,1))-1)+IF('Standard Profiles'!$G$20=$B$10,7,0)+IF('Standard Profiles'!$G$20=$B$17,14,0)+IF('Standard Profiles'!$G$20=$B$24,21,0),0)),0)</f>
        <v>0</v>
      </c>
      <c r="G7548" cm="1">
        <f t="array" ref="G7548">IFERROR(INDEX(Jesper!AK$2:AK$366,ROUNDDOWN($C7548/24,0)+1,1)*INDEX($D$3:$AA$30,INDEX(Jesper!$R$2:$R$366,ROW(INDEX(Jesper!AK$2:AK$366,ROUNDDOWN($C7548/24,0)+1,1))-1)+IF('Standard Profiles'!$G$21=$B$10,7,0)+IF('Standard Profiles'!$G$21=$B$17,14,0)+IF('Standard Profiles'!$G$21=$B$24,21,0),MOD($C7548,24)+1)/SUM(INDEX($D$3:$AA$30,INDEX(Jesper!$R$2:$R$366,ROW(INDEX(Jesper!AK$2:AK$366,ROUNDDOWN($C7548/24,0)+1,1))-1)+IF('Standard Profiles'!$G$21=$B$10,7,0)+IF('Standard Profiles'!$G$21=$B$17,14,0)+IF('Standard Profiles'!$G$21=$B$24,21,0),0)),0)</f>
        <v>0</v>
      </c>
      <c r="H7548" cm="1">
        <f t="array" ref="H7548">IFERROR(INDEX(Jesper!AL$2:AL$366,ROUNDDOWN($C7548/24,0)+1,1)*INDEX($D$3:$AA$30,INDEX(Jesper!$R$2:$R$366,ROW(INDEX(Jesper!AL$2:AL$366,ROUNDDOWN($C7548/24,0)+1,1))-1)+IF('Standard Profiles'!$G$22=$B$10,7,0)+IF('Standard Profiles'!$G$22=$B$17,14,0)+IF('Standard Profiles'!$G$22=$B$24,21,0),MOD($C7548,24)+1)/SUM(INDEX($D$3:$AA$30,INDEX(Jesper!$R$2:$R$366,ROW(INDEX(Jesper!AL$2:AL$366,ROUNDDOWN($C7548/24,0)+1,1))-1)+IF('Standard Profiles'!$G$22=$B$10,7,0)+IF('Standard Profiles'!$G$22=$B$17,14,0)+IF('Standard Profiles'!$G$22=$B$24,21,0),0)),0)</f>
        <v>0</v>
      </c>
      <c r="I7548">
        <f t="shared" si="839"/>
        <v>0.15186502947103925</v>
      </c>
      <c r="J7548">
        <f t="shared" si="840"/>
        <v>0.50621676490346423</v>
      </c>
      <c r="K7548">
        <f t="shared" si="841"/>
        <v>0.75932514735519629</v>
      </c>
      <c r="L7548">
        <f t="shared" si="842"/>
        <v>8.2034405510183248</v>
      </c>
      <c r="M7548">
        <f t="shared" si="843"/>
        <v>0</v>
      </c>
      <c r="N7548" s="46">
        <f t="shared" si="844"/>
        <v>45605.083333315109</v>
      </c>
    </row>
    <row r="7549" spans="2:14" x14ac:dyDescent="0.3">
      <c r="B7549">
        <f t="shared" si="838"/>
        <v>6</v>
      </c>
      <c r="C7549" s="16">
        <v>7515</v>
      </c>
      <c r="D7549" cm="1">
        <f t="array" ref="D7549">IFERROR(INDEX(Jesper!AH$2:AH$366,ROUNDDOWN($C7549/24,0)+1,1)*INDEX($D$3:$AA$30,INDEX(Jesper!$R$2:$R$366,ROW(INDEX(Jesper!AH$2:AH$366,ROUNDDOWN($C7549/24,0)+1,1))-1)+IF('Standard Profiles'!$G$18=$B$10,7,0)+IF('Standard Profiles'!$G$18=$B$17,14,0)+IF('Standard Profiles'!$G$18=$B$24,21,0),MOD($C7549,24)+1)/SUM(INDEX($D$3:$AA$30,INDEX(Jesper!$R$2:$R$366,ROW(INDEX(Jesper!AH$2:AH$366,ROUNDDOWN($C7549/24,0)+1,1))-1)+IF('Standard Profiles'!$G$18=$B$10,7,0)+IF('Standard Profiles'!$G$18=$B$17,14,0)+IF('Standard Profiles'!$G$18=$B$24,21,0),0)),0)</f>
        <v>7.9351456656194888</v>
      </c>
      <c r="E7549" cm="1">
        <f t="array" ref="E7549">IFERROR(INDEX(Jesper!AI$2:AI$366,ROUNDDOWN($C7549/24,0)+1,1)*INDEX($D$3:$AA$30,INDEX(Jesper!$R$2:$R$366,ROW(INDEX(Jesper!AI$2:AI$366,ROUNDDOWN($C7549/24,0)+1,1))-1)+IF('Standard Profiles'!$G$19=$B$10,7,0)+IF('Standard Profiles'!$G$19=$B$17,14,0)+IF('Standard Profiles'!$G$19=$B$24,21,0),MOD($C7549,24)+1)/SUM(INDEX($D$3:$AA$30,INDEX(Jesper!$R$2:$R$366,ROW(INDEX(Jesper!AI$2:AI$366,ROUNDDOWN($C7549/24,0)+1,1))-1)+IF('Standard Profiles'!$G$19=$B$10,7,0)+IF('Standard Profiles'!$G$19=$B$17,14,0)+IF('Standard Profiles'!$G$19=$B$24,21,0),0)),0)</f>
        <v>1.6857018271285351</v>
      </c>
      <c r="F7549" cm="1">
        <f t="array" ref="F7549">IFERROR(INDEX(Jesper!AJ$2:AJ$366,ROUNDDOWN($C7549/24,0)+1,1)*INDEX($D$3:$AA$30,INDEX(Jesper!$R$2:$R$366,ROW(INDEX(Jesper!AJ$2:AJ$366,ROUNDDOWN($C7549/24,0)+1,1))-1)+IF('Standard Profiles'!$G$20=$B$10,7,0)+IF('Standard Profiles'!$G$20=$B$17,14,0)+IF('Standard Profiles'!$G$20=$B$24,21,0),MOD($C7549,24)+1)/SUM(INDEX($D$3:$AA$30,INDEX(Jesper!$R$2:$R$366,ROW(INDEX(Jesper!AJ$2:AJ$366,ROUNDDOWN($C7549/24,0)+1,1))-1)+IF('Standard Profiles'!$G$20=$B$10,7,0)+IF('Standard Profiles'!$G$20=$B$17,14,0)+IF('Standard Profiles'!$G$20=$B$24,21,0),0)),0)</f>
        <v>0</v>
      </c>
      <c r="G7549" cm="1">
        <f t="array" ref="G7549">IFERROR(INDEX(Jesper!AK$2:AK$366,ROUNDDOWN($C7549/24,0)+1,1)*INDEX($D$3:$AA$30,INDEX(Jesper!$R$2:$R$366,ROW(INDEX(Jesper!AK$2:AK$366,ROUNDDOWN($C7549/24,0)+1,1))-1)+IF('Standard Profiles'!$G$21=$B$10,7,0)+IF('Standard Profiles'!$G$21=$B$17,14,0)+IF('Standard Profiles'!$G$21=$B$24,21,0),MOD($C7549,24)+1)/SUM(INDEX($D$3:$AA$30,INDEX(Jesper!$R$2:$R$366,ROW(INDEX(Jesper!AK$2:AK$366,ROUNDDOWN($C7549/24,0)+1,1))-1)+IF('Standard Profiles'!$G$21=$B$10,7,0)+IF('Standard Profiles'!$G$21=$B$17,14,0)+IF('Standard Profiles'!$G$21=$B$24,21,0),0)),0)</f>
        <v>0</v>
      </c>
      <c r="H7549" cm="1">
        <f t="array" ref="H7549">IFERROR(INDEX(Jesper!AL$2:AL$366,ROUNDDOWN($C7549/24,0)+1,1)*INDEX($D$3:$AA$30,INDEX(Jesper!$R$2:$R$366,ROW(INDEX(Jesper!AL$2:AL$366,ROUNDDOWN($C7549/24,0)+1,1))-1)+IF('Standard Profiles'!$G$22=$B$10,7,0)+IF('Standard Profiles'!$G$22=$B$17,14,0)+IF('Standard Profiles'!$G$22=$B$24,21,0),MOD($C7549,24)+1)/SUM(INDEX($D$3:$AA$30,INDEX(Jesper!$R$2:$R$366,ROW(INDEX(Jesper!AL$2:AL$366,ROUNDDOWN($C7549/24,0)+1,1))-1)+IF('Standard Profiles'!$G$22=$B$10,7,0)+IF('Standard Profiles'!$G$22=$B$17,14,0)+IF('Standard Profiles'!$G$22=$B$24,21,0),0)),0)</f>
        <v>0</v>
      </c>
      <c r="I7549">
        <f t="shared" si="839"/>
        <v>0.15186502947103925</v>
      </c>
      <c r="J7549">
        <f t="shared" si="840"/>
        <v>0.50621676490346423</v>
      </c>
      <c r="K7549">
        <f t="shared" si="841"/>
        <v>0.75932514735519629</v>
      </c>
      <c r="L7549">
        <f t="shared" si="842"/>
        <v>8.2034405510183248</v>
      </c>
      <c r="M7549">
        <f t="shared" si="843"/>
        <v>0</v>
      </c>
      <c r="N7549" s="46">
        <f t="shared" si="844"/>
        <v>45605.124999981774</v>
      </c>
    </row>
    <row r="7550" spans="2:14" x14ac:dyDescent="0.3">
      <c r="B7550">
        <f t="shared" si="838"/>
        <v>6</v>
      </c>
      <c r="C7550" s="16">
        <v>7516</v>
      </c>
      <c r="D7550" cm="1">
        <f t="array" ref="D7550">IFERROR(INDEX(Jesper!AH$2:AH$366,ROUNDDOWN($C7550/24,0)+1,1)*INDEX($D$3:$AA$30,INDEX(Jesper!$R$2:$R$366,ROW(INDEX(Jesper!AH$2:AH$366,ROUNDDOWN($C7550/24,0)+1,1))-1)+IF('Standard Profiles'!$G$18=$B$10,7,0)+IF('Standard Profiles'!$G$18=$B$17,14,0)+IF('Standard Profiles'!$G$18=$B$24,21,0),MOD($C7550,24)+1)/SUM(INDEX($D$3:$AA$30,INDEX(Jesper!$R$2:$R$366,ROW(INDEX(Jesper!AH$2:AH$366,ROUNDDOWN($C7550/24,0)+1,1))-1)+IF('Standard Profiles'!$G$18=$B$10,7,0)+IF('Standard Profiles'!$G$18=$B$17,14,0)+IF('Standard Profiles'!$G$18=$B$24,21,0),0)),0)</f>
        <v>7.9351456656194888</v>
      </c>
      <c r="E7550" cm="1">
        <f t="array" ref="E7550">IFERROR(INDEX(Jesper!AI$2:AI$366,ROUNDDOWN($C7550/24,0)+1,1)*INDEX($D$3:$AA$30,INDEX(Jesper!$R$2:$R$366,ROW(INDEX(Jesper!AI$2:AI$366,ROUNDDOWN($C7550/24,0)+1,1))-1)+IF('Standard Profiles'!$G$19=$B$10,7,0)+IF('Standard Profiles'!$G$19=$B$17,14,0)+IF('Standard Profiles'!$G$19=$B$24,21,0),MOD($C7550,24)+1)/SUM(INDEX($D$3:$AA$30,INDEX(Jesper!$R$2:$R$366,ROW(INDEX(Jesper!AI$2:AI$366,ROUNDDOWN($C7550/24,0)+1,1))-1)+IF('Standard Profiles'!$G$19=$B$10,7,0)+IF('Standard Profiles'!$G$19=$B$17,14,0)+IF('Standard Profiles'!$G$19=$B$24,21,0),0)),0)</f>
        <v>1.6857018271285351</v>
      </c>
      <c r="F7550" cm="1">
        <f t="array" ref="F7550">IFERROR(INDEX(Jesper!AJ$2:AJ$366,ROUNDDOWN($C7550/24,0)+1,1)*INDEX($D$3:$AA$30,INDEX(Jesper!$R$2:$R$366,ROW(INDEX(Jesper!AJ$2:AJ$366,ROUNDDOWN($C7550/24,0)+1,1))-1)+IF('Standard Profiles'!$G$20=$B$10,7,0)+IF('Standard Profiles'!$G$20=$B$17,14,0)+IF('Standard Profiles'!$G$20=$B$24,21,0),MOD($C7550,24)+1)/SUM(INDEX($D$3:$AA$30,INDEX(Jesper!$R$2:$R$366,ROW(INDEX(Jesper!AJ$2:AJ$366,ROUNDDOWN($C7550/24,0)+1,1))-1)+IF('Standard Profiles'!$G$20=$B$10,7,0)+IF('Standard Profiles'!$G$20=$B$17,14,0)+IF('Standard Profiles'!$G$20=$B$24,21,0),0)),0)</f>
        <v>0</v>
      </c>
      <c r="G7550" cm="1">
        <f t="array" ref="G7550">IFERROR(INDEX(Jesper!AK$2:AK$366,ROUNDDOWN($C7550/24,0)+1,1)*INDEX($D$3:$AA$30,INDEX(Jesper!$R$2:$R$366,ROW(INDEX(Jesper!AK$2:AK$366,ROUNDDOWN($C7550/24,0)+1,1))-1)+IF('Standard Profiles'!$G$21=$B$10,7,0)+IF('Standard Profiles'!$G$21=$B$17,14,0)+IF('Standard Profiles'!$G$21=$B$24,21,0),MOD($C7550,24)+1)/SUM(INDEX($D$3:$AA$30,INDEX(Jesper!$R$2:$R$366,ROW(INDEX(Jesper!AK$2:AK$366,ROUNDDOWN($C7550/24,0)+1,1))-1)+IF('Standard Profiles'!$G$21=$B$10,7,0)+IF('Standard Profiles'!$G$21=$B$17,14,0)+IF('Standard Profiles'!$G$21=$B$24,21,0),0)),0)</f>
        <v>0</v>
      </c>
      <c r="H7550" cm="1">
        <f t="array" ref="H7550">IFERROR(INDEX(Jesper!AL$2:AL$366,ROUNDDOWN($C7550/24,0)+1,1)*INDEX($D$3:$AA$30,INDEX(Jesper!$R$2:$R$366,ROW(INDEX(Jesper!AL$2:AL$366,ROUNDDOWN($C7550/24,0)+1,1))-1)+IF('Standard Profiles'!$G$22=$B$10,7,0)+IF('Standard Profiles'!$G$22=$B$17,14,0)+IF('Standard Profiles'!$G$22=$B$24,21,0),MOD($C7550,24)+1)/SUM(INDEX($D$3:$AA$30,INDEX(Jesper!$R$2:$R$366,ROW(INDEX(Jesper!AL$2:AL$366,ROUNDDOWN($C7550/24,0)+1,1))-1)+IF('Standard Profiles'!$G$22=$B$10,7,0)+IF('Standard Profiles'!$G$22=$B$17,14,0)+IF('Standard Profiles'!$G$22=$B$24,21,0),0)),0)</f>
        <v>0</v>
      </c>
      <c r="I7550">
        <f t="shared" si="839"/>
        <v>0.15186502947103925</v>
      </c>
      <c r="J7550">
        <f t="shared" si="840"/>
        <v>0.50621676490346423</v>
      </c>
      <c r="K7550">
        <f t="shared" si="841"/>
        <v>0.75932514735519629</v>
      </c>
      <c r="L7550">
        <f t="shared" si="842"/>
        <v>8.2034405510183248</v>
      </c>
      <c r="M7550">
        <f t="shared" si="843"/>
        <v>0</v>
      </c>
      <c r="N7550" s="46">
        <f t="shared" si="844"/>
        <v>45605.166666648438</v>
      </c>
    </row>
    <row r="7551" spans="2:14" x14ac:dyDescent="0.3">
      <c r="B7551">
        <f t="shared" si="838"/>
        <v>6</v>
      </c>
      <c r="C7551" s="16">
        <v>7517</v>
      </c>
      <c r="D7551" cm="1">
        <f t="array" ref="D7551">IFERROR(INDEX(Jesper!AH$2:AH$366,ROUNDDOWN($C7551/24,0)+1,1)*INDEX($D$3:$AA$30,INDEX(Jesper!$R$2:$R$366,ROW(INDEX(Jesper!AH$2:AH$366,ROUNDDOWN($C7551/24,0)+1,1))-1)+IF('Standard Profiles'!$G$18=$B$10,7,0)+IF('Standard Profiles'!$G$18=$B$17,14,0)+IF('Standard Profiles'!$G$18=$B$24,21,0),MOD($C7551,24)+1)/SUM(INDEX($D$3:$AA$30,INDEX(Jesper!$R$2:$R$366,ROW(INDEX(Jesper!AH$2:AH$366,ROUNDDOWN($C7551/24,0)+1,1))-1)+IF('Standard Profiles'!$G$18=$B$10,7,0)+IF('Standard Profiles'!$G$18=$B$17,14,0)+IF('Standard Profiles'!$G$18=$B$24,21,0),0)),0)</f>
        <v>9.8705470474779009</v>
      </c>
      <c r="E7551" cm="1">
        <f t="array" ref="E7551">IFERROR(INDEX(Jesper!AI$2:AI$366,ROUNDDOWN($C7551/24,0)+1,1)*INDEX($D$3:$AA$30,INDEX(Jesper!$R$2:$R$366,ROW(INDEX(Jesper!AI$2:AI$366,ROUNDDOWN($C7551/24,0)+1,1))-1)+IF('Standard Profiles'!$G$19=$B$10,7,0)+IF('Standard Profiles'!$G$19=$B$17,14,0)+IF('Standard Profiles'!$G$19=$B$24,21,0),MOD($C7551,24)+1)/SUM(INDEX($D$3:$AA$30,INDEX(Jesper!$R$2:$R$366,ROW(INDEX(Jesper!AI$2:AI$366,ROUNDDOWN($C7551/24,0)+1,1))-1)+IF('Standard Profiles'!$G$19=$B$10,7,0)+IF('Standard Profiles'!$G$19=$B$17,14,0)+IF('Standard Profiles'!$G$19=$B$24,21,0),0)),0)</f>
        <v>2.096848614233056</v>
      </c>
      <c r="F7551" cm="1">
        <f t="array" ref="F7551">IFERROR(INDEX(Jesper!AJ$2:AJ$366,ROUNDDOWN($C7551/24,0)+1,1)*INDEX($D$3:$AA$30,INDEX(Jesper!$R$2:$R$366,ROW(INDEX(Jesper!AJ$2:AJ$366,ROUNDDOWN($C7551/24,0)+1,1))-1)+IF('Standard Profiles'!$G$20=$B$10,7,0)+IF('Standard Profiles'!$G$20=$B$17,14,0)+IF('Standard Profiles'!$G$20=$B$24,21,0),MOD($C7551,24)+1)/SUM(INDEX($D$3:$AA$30,INDEX(Jesper!$R$2:$R$366,ROW(INDEX(Jesper!AJ$2:AJ$366,ROUNDDOWN($C7551/24,0)+1,1))-1)+IF('Standard Profiles'!$G$20=$B$10,7,0)+IF('Standard Profiles'!$G$20=$B$17,14,0)+IF('Standard Profiles'!$G$20=$B$24,21,0),0)),0)</f>
        <v>0</v>
      </c>
      <c r="G7551" cm="1">
        <f t="array" ref="G7551">IFERROR(INDEX(Jesper!AK$2:AK$366,ROUNDDOWN($C7551/24,0)+1,1)*INDEX($D$3:$AA$30,INDEX(Jesper!$R$2:$R$366,ROW(INDEX(Jesper!AK$2:AK$366,ROUNDDOWN($C7551/24,0)+1,1))-1)+IF('Standard Profiles'!$G$21=$B$10,7,0)+IF('Standard Profiles'!$G$21=$B$17,14,0)+IF('Standard Profiles'!$G$21=$B$24,21,0),MOD($C7551,24)+1)/SUM(INDEX($D$3:$AA$30,INDEX(Jesper!$R$2:$R$366,ROW(INDEX(Jesper!AK$2:AK$366,ROUNDDOWN($C7551/24,0)+1,1))-1)+IF('Standard Profiles'!$G$21=$B$10,7,0)+IF('Standard Profiles'!$G$21=$B$17,14,0)+IF('Standard Profiles'!$G$21=$B$24,21,0),0)),0)</f>
        <v>0</v>
      </c>
      <c r="H7551" cm="1">
        <f t="array" ref="H7551">IFERROR(INDEX(Jesper!AL$2:AL$366,ROUNDDOWN($C7551/24,0)+1,1)*INDEX($D$3:$AA$30,INDEX(Jesper!$R$2:$R$366,ROW(INDEX(Jesper!AL$2:AL$366,ROUNDDOWN($C7551/24,0)+1,1))-1)+IF('Standard Profiles'!$G$22=$B$10,7,0)+IF('Standard Profiles'!$G$22=$B$17,14,0)+IF('Standard Profiles'!$G$22=$B$24,21,0),MOD($C7551,24)+1)/SUM(INDEX($D$3:$AA$30,INDEX(Jesper!$R$2:$R$366,ROW(INDEX(Jesper!AL$2:AL$366,ROUNDDOWN($C7551/24,0)+1,1))-1)+IF('Standard Profiles'!$G$22=$B$10,7,0)+IF('Standard Profiles'!$G$22=$B$17,14,0)+IF('Standard Profiles'!$G$22=$B$24,21,0),0)),0)</f>
        <v>0</v>
      </c>
      <c r="I7551">
        <f t="shared" si="839"/>
        <v>0.18890528056153663</v>
      </c>
      <c r="J7551">
        <f t="shared" si="840"/>
        <v>0.62968426853845549</v>
      </c>
      <c r="K7551">
        <f t="shared" si="841"/>
        <v>0.9445264028076833</v>
      </c>
      <c r="L7551">
        <f t="shared" si="842"/>
        <v>10.204279709803282</v>
      </c>
      <c r="M7551">
        <f t="shared" si="843"/>
        <v>0</v>
      </c>
      <c r="N7551" s="46">
        <f t="shared" si="844"/>
        <v>45605.208333315102</v>
      </c>
    </row>
    <row r="7552" spans="2:14" x14ac:dyDescent="0.3">
      <c r="B7552">
        <f t="shared" si="838"/>
        <v>6</v>
      </c>
      <c r="C7552" s="16">
        <v>7518</v>
      </c>
      <c r="D7552" cm="1">
        <f t="array" ref="D7552">IFERROR(INDEX(Jesper!AH$2:AH$366,ROUNDDOWN($C7552/24,0)+1,1)*INDEX($D$3:$AA$30,INDEX(Jesper!$R$2:$R$366,ROW(INDEX(Jesper!AH$2:AH$366,ROUNDDOWN($C7552/24,0)+1,1))-1)+IF('Standard Profiles'!$G$18=$B$10,7,0)+IF('Standard Profiles'!$G$18=$B$17,14,0)+IF('Standard Profiles'!$G$18=$B$24,21,0),MOD($C7552,24)+1)/SUM(INDEX($D$3:$AA$30,INDEX(Jesper!$R$2:$R$366,ROW(INDEX(Jesper!AH$2:AH$366,ROUNDDOWN($C7552/24,0)+1,1))-1)+IF('Standard Profiles'!$G$18=$B$10,7,0)+IF('Standard Profiles'!$G$18=$B$17,14,0)+IF('Standard Profiles'!$G$18=$B$24,21,0),0)),0)</f>
        <v>12.386568843893837</v>
      </c>
      <c r="E7552" cm="1">
        <f t="array" ref="E7552">IFERROR(INDEX(Jesper!AI$2:AI$366,ROUNDDOWN($C7552/24,0)+1,1)*INDEX($D$3:$AA$30,INDEX(Jesper!$R$2:$R$366,ROW(INDEX(Jesper!AI$2:AI$366,ROUNDDOWN($C7552/24,0)+1,1))-1)+IF('Standard Profiles'!$G$19=$B$10,7,0)+IF('Standard Profiles'!$G$19=$B$17,14,0)+IF('Standard Profiles'!$G$19=$B$24,21,0),MOD($C7552,24)+1)/SUM(INDEX($D$3:$AA$30,INDEX(Jesper!$R$2:$R$366,ROW(INDEX(Jesper!AI$2:AI$366,ROUNDDOWN($C7552/24,0)+1,1))-1)+IF('Standard Profiles'!$G$19=$B$10,7,0)+IF('Standard Profiles'!$G$19=$B$17,14,0)+IF('Standard Profiles'!$G$19=$B$24,21,0),0)),0)</f>
        <v>2.6313394374689327</v>
      </c>
      <c r="F7552" cm="1">
        <f t="array" ref="F7552">IFERROR(INDEX(Jesper!AJ$2:AJ$366,ROUNDDOWN($C7552/24,0)+1,1)*INDEX($D$3:$AA$30,INDEX(Jesper!$R$2:$R$366,ROW(INDEX(Jesper!AJ$2:AJ$366,ROUNDDOWN($C7552/24,0)+1,1))-1)+IF('Standard Profiles'!$G$20=$B$10,7,0)+IF('Standard Profiles'!$G$20=$B$17,14,0)+IF('Standard Profiles'!$G$20=$B$24,21,0),MOD($C7552,24)+1)/SUM(INDEX($D$3:$AA$30,INDEX(Jesper!$R$2:$R$366,ROW(INDEX(Jesper!AJ$2:AJ$366,ROUNDDOWN($C7552/24,0)+1,1))-1)+IF('Standard Profiles'!$G$20=$B$10,7,0)+IF('Standard Profiles'!$G$20=$B$17,14,0)+IF('Standard Profiles'!$G$20=$B$24,21,0),0)),0)</f>
        <v>0</v>
      </c>
      <c r="G7552" cm="1">
        <f t="array" ref="G7552">IFERROR(INDEX(Jesper!AK$2:AK$366,ROUNDDOWN($C7552/24,0)+1,1)*INDEX($D$3:$AA$30,INDEX(Jesper!$R$2:$R$366,ROW(INDEX(Jesper!AK$2:AK$366,ROUNDDOWN($C7552/24,0)+1,1))-1)+IF('Standard Profiles'!$G$21=$B$10,7,0)+IF('Standard Profiles'!$G$21=$B$17,14,0)+IF('Standard Profiles'!$G$21=$B$24,21,0),MOD($C7552,24)+1)/SUM(INDEX($D$3:$AA$30,INDEX(Jesper!$R$2:$R$366,ROW(INDEX(Jesper!AK$2:AK$366,ROUNDDOWN($C7552/24,0)+1,1))-1)+IF('Standard Profiles'!$G$21=$B$10,7,0)+IF('Standard Profiles'!$G$21=$B$17,14,0)+IF('Standard Profiles'!$G$21=$B$24,21,0),0)),0)</f>
        <v>0</v>
      </c>
      <c r="H7552" cm="1">
        <f t="array" ref="H7552">IFERROR(INDEX(Jesper!AL$2:AL$366,ROUNDDOWN($C7552/24,0)+1,1)*INDEX($D$3:$AA$30,INDEX(Jesper!$R$2:$R$366,ROW(INDEX(Jesper!AL$2:AL$366,ROUNDDOWN($C7552/24,0)+1,1))-1)+IF('Standard Profiles'!$G$22=$B$10,7,0)+IF('Standard Profiles'!$G$22=$B$17,14,0)+IF('Standard Profiles'!$G$22=$B$24,21,0),MOD($C7552,24)+1)/SUM(INDEX($D$3:$AA$30,INDEX(Jesper!$R$2:$R$366,ROW(INDEX(Jesper!AL$2:AL$366,ROUNDDOWN($C7552/24,0)+1,1))-1)+IF('Standard Profiles'!$G$22=$B$10,7,0)+IF('Standard Profiles'!$G$22=$B$17,14,0)+IF('Standard Profiles'!$G$22=$B$24,21,0),0)),0)</f>
        <v>0</v>
      </c>
      <c r="I7552">
        <f t="shared" si="839"/>
        <v>0.23705760697918318</v>
      </c>
      <c r="J7552">
        <f t="shared" si="840"/>
        <v>0.79019202326394411</v>
      </c>
      <c r="K7552">
        <f t="shared" si="841"/>
        <v>1.1852880348959161</v>
      </c>
      <c r="L7552">
        <f t="shared" si="842"/>
        <v>12.805370616223726</v>
      </c>
      <c r="M7552">
        <f t="shared" si="843"/>
        <v>0</v>
      </c>
      <c r="N7552" s="46">
        <f t="shared" si="844"/>
        <v>45605.249999981766</v>
      </c>
    </row>
    <row r="7553" spans="2:14" x14ac:dyDescent="0.3">
      <c r="B7553">
        <f t="shared" si="838"/>
        <v>6</v>
      </c>
      <c r="C7553" s="16">
        <v>7519</v>
      </c>
      <c r="D7553" cm="1">
        <f t="array" ref="D7553">IFERROR(INDEX(Jesper!AH$2:AH$366,ROUNDDOWN($C7553/24,0)+1,1)*INDEX($D$3:$AA$30,INDEX(Jesper!$R$2:$R$366,ROW(INDEX(Jesper!AH$2:AH$366,ROUNDDOWN($C7553/24,0)+1,1))-1)+IF('Standard Profiles'!$G$18=$B$10,7,0)+IF('Standard Profiles'!$G$18=$B$17,14,0)+IF('Standard Profiles'!$G$18=$B$24,21,0),MOD($C7553,24)+1)/SUM(INDEX($D$3:$AA$30,INDEX(Jesper!$R$2:$R$366,ROW(INDEX(Jesper!AH$2:AH$366,ROUNDDOWN($C7553/24,0)+1,1))-1)+IF('Standard Profiles'!$G$18=$B$10,7,0)+IF('Standard Profiles'!$G$18=$B$17,14,0)+IF('Standard Profiles'!$G$18=$B$24,21,0),0)),0)</f>
        <v>14.128430087566407</v>
      </c>
      <c r="E7553" cm="1">
        <f t="array" ref="E7553">IFERROR(INDEX(Jesper!AI$2:AI$366,ROUNDDOWN($C7553/24,0)+1,1)*INDEX($D$3:$AA$30,INDEX(Jesper!$R$2:$R$366,ROW(INDEX(Jesper!AI$2:AI$366,ROUNDDOWN($C7553/24,0)+1,1))-1)+IF('Standard Profiles'!$G$19=$B$10,7,0)+IF('Standard Profiles'!$G$19=$B$17,14,0)+IF('Standard Profiles'!$G$19=$B$24,21,0),MOD($C7553,24)+1)/SUM(INDEX($D$3:$AA$30,INDEX(Jesper!$R$2:$R$366,ROW(INDEX(Jesper!AI$2:AI$366,ROUNDDOWN($C7553/24,0)+1,1))-1)+IF('Standard Profiles'!$G$19=$B$10,7,0)+IF('Standard Profiles'!$G$19=$B$17,14,0)+IF('Standard Profiles'!$G$19=$B$24,21,0),0)),0)</f>
        <v>3.0013715458630013</v>
      </c>
      <c r="F7553" cm="1">
        <f t="array" ref="F7553">IFERROR(INDEX(Jesper!AJ$2:AJ$366,ROUNDDOWN($C7553/24,0)+1,1)*INDEX($D$3:$AA$30,INDEX(Jesper!$R$2:$R$366,ROW(INDEX(Jesper!AJ$2:AJ$366,ROUNDDOWN($C7553/24,0)+1,1))-1)+IF('Standard Profiles'!$G$20=$B$10,7,0)+IF('Standard Profiles'!$G$20=$B$17,14,0)+IF('Standard Profiles'!$G$20=$B$24,21,0),MOD($C7553,24)+1)/SUM(INDEX($D$3:$AA$30,INDEX(Jesper!$R$2:$R$366,ROW(INDEX(Jesper!AJ$2:AJ$366,ROUNDDOWN($C7553/24,0)+1,1))-1)+IF('Standard Profiles'!$G$20=$B$10,7,0)+IF('Standard Profiles'!$G$20=$B$17,14,0)+IF('Standard Profiles'!$G$20=$B$24,21,0),0)),0)</f>
        <v>0</v>
      </c>
      <c r="G7553" cm="1">
        <f t="array" ref="G7553">IFERROR(INDEX(Jesper!AK$2:AK$366,ROUNDDOWN($C7553/24,0)+1,1)*INDEX($D$3:$AA$30,INDEX(Jesper!$R$2:$R$366,ROW(INDEX(Jesper!AK$2:AK$366,ROUNDDOWN($C7553/24,0)+1,1))-1)+IF('Standard Profiles'!$G$21=$B$10,7,0)+IF('Standard Profiles'!$G$21=$B$17,14,0)+IF('Standard Profiles'!$G$21=$B$24,21,0),MOD($C7553,24)+1)/SUM(INDEX($D$3:$AA$30,INDEX(Jesper!$R$2:$R$366,ROW(INDEX(Jesper!AK$2:AK$366,ROUNDDOWN($C7553/24,0)+1,1))-1)+IF('Standard Profiles'!$G$21=$B$10,7,0)+IF('Standard Profiles'!$G$21=$B$17,14,0)+IF('Standard Profiles'!$G$21=$B$24,21,0),0)),0)</f>
        <v>0</v>
      </c>
      <c r="H7553" cm="1">
        <f t="array" ref="H7553">IFERROR(INDEX(Jesper!AL$2:AL$366,ROUNDDOWN($C7553/24,0)+1,1)*INDEX($D$3:$AA$30,INDEX(Jesper!$R$2:$R$366,ROW(INDEX(Jesper!AL$2:AL$366,ROUNDDOWN($C7553/24,0)+1,1))-1)+IF('Standard Profiles'!$G$22=$B$10,7,0)+IF('Standard Profiles'!$G$22=$B$17,14,0)+IF('Standard Profiles'!$G$22=$B$24,21,0),MOD($C7553,24)+1)/SUM(INDEX($D$3:$AA$30,INDEX(Jesper!$R$2:$R$366,ROW(INDEX(Jesper!AL$2:AL$366,ROUNDDOWN($C7553/24,0)+1,1))-1)+IF('Standard Profiles'!$G$22=$B$10,7,0)+IF('Standard Profiles'!$G$22=$B$17,14,0)+IF('Standard Profiles'!$G$22=$B$24,21,0),0)),0)</f>
        <v>0</v>
      </c>
      <c r="I7553">
        <f t="shared" si="839"/>
        <v>0.2703938329606308</v>
      </c>
      <c r="J7553">
        <f t="shared" si="840"/>
        <v>0.90131277653543618</v>
      </c>
      <c r="K7553">
        <f t="shared" si="841"/>
        <v>1.3519691648031542</v>
      </c>
      <c r="L7553">
        <f t="shared" si="842"/>
        <v>14.606125859130188</v>
      </c>
      <c r="M7553">
        <f t="shared" si="843"/>
        <v>0</v>
      </c>
      <c r="N7553" s="46">
        <f t="shared" si="844"/>
        <v>45605.291666648431</v>
      </c>
    </row>
    <row r="7554" spans="2:14" x14ac:dyDescent="0.3">
      <c r="B7554">
        <f t="shared" si="838"/>
        <v>6</v>
      </c>
      <c r="C7554" s="16">
        <v>7520</v>
      </c>
      <c r="D7554" cm="1">
        <f t="array" ref="D7554">IFERROR(INDEX(Jesper!AH$2:AH$366,ROUNDDOWN($C7554/24,0)+1,1)*INDEX($D$3:$AA$30,INDEX(Jesper!$R$2:$R$366,ROW(INDEX(Jesper!AH$2:AH$366,ROUNDDOWN($C7554/24,0)+1,1))-1)+IF('Standard Profiles'!$G$18=$B$10,7,0)+IF('Standard Profiles'!$G$18=$B$17,14,0)+IF('Standard Profiles'!$G$18=$B$24,21,0),MOD($C7554,24)+1)/SUM(INDEX($D$3:$AA$30,INDEX(Jesper!$R$2:$R$366,ROW(INDEX(Jesper!AH$2:AH$366,ROUNDDOWN($C7554/24,0)+1,1))-1)+IF('Standard Profiles'!$G$18=$B$10,7,0)+IF('Standard Profiles'!$G$18=$B$17,14,0)+IF('Standard Profiles'!$G$18=$B$24,21,0),0)),0)</f>
        <v>14.128430087566407</v>
      </c>
      <c r="E7554" cm="1">
        <f t="array" ref="E7554">IFERROR(INDEX(Jesper!AI$2:AI$366,ROUNDDOWN($C7554/24,0)+1,1)*INDEX($D$3:$AA$30,INDEX(Jesper!$R$2:$R$366,ROW(INDEX(Jesper!AI$2:AI$366,ROUNDDOWN($C7554/24,0)+1,1))-1)+IF('Standard Profiles'!$G$19=$B$10,7,0)+IF('Standard Profiles'!$G$19=$B$17,14,0)+IF('Standard Profiles'!$G$19=$B$24,21,0),MOD($C7554,24)+1)/SUM(INDEX($D$3:$AA$30,INDEX(Jesper!$R$2:$R$366,ROW(INDEX(Jesper!AI$2:AI$366,ROUNDDOWN($C7554/24,0)+1,1))-1)+IF('Standard Profiles'!$G$19=$B$10,7,0)+IF('Standard Profiles'!$G$19=$B$17,14,0)+IF('Standard Profiles'!$G$19=$B$24,21,0),0)),0)</f>
        <v>3.0013715458630013</v>
      </c>
      <c r="F7554" cm="1">
        <f t="array" ref="F7554">IFERROR(INDEX(Jesper!AJ$2:AJ$366,ROUNDDOWN($C7554/24,0)+1,1)*INDEX($D$3:$AA$30,INDEX(Jesper!$R$2:$R$366,ROW(INDEX(Jesper!AJ$2:AJ$366,ROUNDDOWN($C7554/24,0)+1,1))-1)+IF('Standard Profiles'!$G$20=$B$10,7,0)+IF('Standard Profiles'!$G$20=$B$17,14,0)+IF('Standard Profiles'!$G$20=$B$24,21,0),MOD($C7554,24)+1)/SUM(INDEX($D$3:$AA$30,INDEX(Jesper!$R$2:$R$366,ROW(INDEX(Jesper!AJ$2:AJ$366,ROUNDDOWN($C7554/24,0)+1,1))-1)+IF('Standard Profiles'!$G$20=$B$10,7,0)+IF('Standard Profiles'!$G$20=$B$17,14,0)+IF('Standard Profiles'!$G$20=$B$24,21,0),0)),0)</f>
        <v>0</v>
      </c>
      <c r="G7554" cm="1">
        <f t="array" ref="G7554">IFERROR(INDEX(Jesper!AK$2:AK$366,ROUNDDOWN($C7554/24,0)+1,1)*INDEX($D$3:$AA$30,INDEX(Jesper!$R$2:$R$366,ROW(INDEX(Jesper!AK$2:AK$366,ROUNDDOWN($C7554/24,0)+1,1))-1)+IF('Standard Profiles'!$G$21=$B$10,7,0)+IF('Standard Profiles'!$G$21=$B$17,14,0)+IF('Standard Profiles'!$G$21=$B$24,21,0),MOD($C7554,24)+1)/SUM(INDEX($D$3:$AA$30,INDEX(Jesper!$R$2:$R$366,ROW(INDEX(Jesper!AK$2:AK$366,ROUNDDOWN($C7554/24,0)+1,1))-1)+IF('Standard Profiles'!$G$21=$B$10,7,0)+IF('Standard Profiles'!$G$21=$B$17,14,0)+IF('Standard Profiles'!$G$21=$B$24,21,0),0)),0)</f>
        <v>0</v>
      </c>
      <c r="H7554" cm="1">
        <f t="array" ref="H7554">IFERROR(INDEX(Jesper!AL$2:AL$366,ROUNDDOWN($C7554/24,0)+1,1)*INDEX($D$3:$AA$30,INDEX(Jesper!$R$2:$R$366,ROW(INDEX(Jesper!AL$2:AL$366,ROUNDDOWN($C7554/24,0)+1,1))-1)+IF('Standard Profiles'!$G$22=$B$10,7,0)+IF('Standard Profiles'!$G$22=$B$17,14,0)+IF('Standard Profiles'!$G$22=$B$24,21,0),MOD($C7554,24)+1)/SUM(INDEX($D$3:$AA$30,INDEX(Jesper!$R$2:$R$366,ROW(INDEX(Jesper!AL$2:AL$366,ROUNDDOWN($C7554/24,0)+1,1))-1)+IF('Standard Profiles'!$G$22=$B$10,7,0)+IF('Standard Profiles'!$G$22=$B$17,14,0)+IF('Standard Profiles'!$G$22=$B$24,21,0),0)),0)</f>
        <v>0</v>
      </c>
      <c r="I7554">
        <f t="shared" si="839"/>
        <v>0.2703938329606308</v>
      </c>
      <c r="J7554">
        <f t="shared" si="840"/>
        <v>0.90131277653543618</v>
      </c>
      <c r="K7554">
        <f t="shared" si="841"/>
        <v>1.3519691648031542</v>
      </c>
      <c r="L7554">
        <f t="shared" si="842"/>
        <v>14.606125859130188</v>
      </c>
      <c r="M7554">
        <f t="shared" si="843"/>
        <v>0</v>
      </c>
      <c r="N7554" s="46">
        <f t="shared" si="844"/>
        <v>45605.333333315095</v>
      </c>
    </row>
    <row r="7555" spans="2:14" x14ac:dyDescent="0.3">
      <c r="B7555">
        <f t="shared" si="838"/>
        <v>6</v>
      </c>
      <c r="C7555" s="16">
        <v>7521</v>
      </c>
      <c r="D7555" cm="1">
        <f t="array" ref="D7555">IFERROR(INDEX(Jesper!AH$2:AH$366,ROUNDDOWN($C7555/24,0)+1,1)*INDEX($D$3:$AA$30,INDEX(Jesper!$R$2:$R$366,ROW(INDEX(Jesper!AH$2:AH$366,ROUNDDOWN($C7555/24,0)+1,1))-1)+IF('Standard Profiles'!$G$18=$B$10,7,0)+IF('Standard Profiles'!$G$18=$B$17,14,0)+IF('Standard Profiles'!$G$18=$B$24,21,0),MOD($C7555,24)+1)/SUM(INDEX($D$3:$AA$30,INDEX(Jesper!$R$2:$R$366,ROW(INDEX(Jesper!AH$2:AH$366,ROUNDDOWN($C7555/24,0)+1,1))-1)+IF('Standard Profiles'!$G$18=$B$10,7,0)+IF('Standard Profiles'!$G$18=$B$17,14,0)+IF('Standard Profiles'!$G$18=$B$24,21,0),0)),0)</f>
        <v>14.128430087566407</v>
      </c>
      <c r="E7555" cm="1">
        <f t="array" ref="E7555">IFERROR(INDEX(Jesper!AI$2:AI$366,ROUNDDOWN($C7555/24,0)+1,1)*INDEX($D$3:$AA$30,INDEX(Jesper!$R$2:$R$366,ROW(INDEX(Jesper!AI$2:AI$366,ROUNDDOWN($C7555/24,0)+1,1))-1)+IF('Standard Profiles'!$G$19=$B$10,7,0)+IF('Standard Profiles'!$G$19=$B$17,14,0)+IF('Standard Profiles'!$G$19=$B$24,21,0),MOD($C7555,24)+1)/SUM(INDEX($D$3:$AA$30,INDEX(Jesper!$R$2:$R$366,ROW(INDEX(Jesper!AI$2:AI$366,ROUNDDOWN($C7555/24,0)+1,1))-1)+IF('Standard Profiles'!$G$19=$B$10,7,0)+IF('Standard Profiles'!$G$19=$B$17,14,0)+IF('Standard Profiles'!$G$19=$B$24,21,0),0)),0)</f>
        <v>3.0013715458630013</v>
      </c>
      <c r="F7555" cm="1">
        <f t="array" ref="F7555">IFERROR(INDEX(Jesper!AJ$2:AJ$366,ROUNDDOWN($C7555/24,0)+1,1)*INDEX($D$3:$AA$30,INDEX(Jesper!$R$2:$R$366,ROW(INDEX(Jesper!AJ$2:AJ$366,ROUNDDOWN($C7555/24,0)+1,1))-1)+IF('Standard Profiles'!$G$20=$B$10,7,0)+IF('Standard Profiles'!$G$20=$B$17,14,0)+IF('Standard Profiles'!$G$20=$B$24,21,0),MOD($C7555,24)+1)/SUM(INDEX($D$3:$AA$30,INDEX(Jesper!$R$2:$R$366,ROW(INDEX(Jesper!AJ$2:AJ$366,ROUNDDOWN($C7555/24,0)+1,1))-1)+IF('Standard Profiles'!$G$20=$B$10,7,0)+IF('Standard Profiles'!$G$20=$B$17,14,0)+IF('Standard Profiles'!$G$20=$B$24,21,0),0)),0)</f>
        <v>0</v>
      </c>
      <c r="G7555" cm="1">
        <f t="array" ref="G7555">IFERROR(INDEX(Jesper!AK$2:AK$366,ROUNDDOWN($C7555/24,0)+1,1)*INDEX($D$3:$AA$30,INDEX(Jesper!$R$2:$R$366,ROW(INDEX(Jesper!AK$2:AK$366,ROUNDDOWN($C7555/24,0)+1,1))-1)+IF('Standard Profiles'!$G$21=$B$10,7,0)+IF('Standard Profiles'!$G$21=$B$17,14,0)+IF('Standard Profiles'!$G$21=$B$24,21,0),MOD($C7555,24)+1)/SUM(INDEX($D$3:$AA$30,INDEX(Jesper!$R$2:$R$366,ROW(INDEX(Jesper!AK$2:AK$366,ROUNDDOWN($C7555/24,0)+1,1))-1)+IF('Standard Profiles'!$G$21=$B$10,7,0)+IF('Standard Profiles'!$G$21=$B$17,14,0)+IF('Standard Profiles'!$G$21=$B$24,21,0),0)),0)</f>
        <v>0</v>
      </c>
      <c r="H7555" cm="1">
        <f t="array" ref="H7555">IFERROR(INDEX(Jesper!AL$2:AL$366,ROUNDDOWN($C7555/24,0)+1,1)*INDEX($D$3:$AA$30,INDEX(Jesper!$R$2:$R$366,ROW(INDEX(Jesper!AL$2:AL$366,ROUNDDOWN($C7555/24,0)+1,1))-1)+IF('Standard Profiles'!$G$22=$B$10,7,0)+IF('Standard Profiles'!$G$22=$B$17,14,0)+IF('Standard Profiles'!$G$22=$B$24,21,0),MOD($C7555,24)+1)/SUM(INDEX($D$3:$AA$30,INDEX(Jesper!$R$2:$R$366,ROW(INDEX(Jesper!AL$2:AL$366,ROUNDDOWN($C7555/24,0)+1,1))-1)+IF('Standard Profiles'!$G$22=$B$10,7,0)+IF('Standard Profiles'!$G$22=$B$17,14,0)+IF('Standard Profiles'!$G$22=$B$24,21,0),0)),0)</f>
        <v>0</v>
      </c>
      <c r="I7555">
        <f t="shared" si="839"/>
        <v>0.2703938329606308</v>
      </c>
      <c r="J7555">
        <f t="shared" si="840"/>
        <v>0.90131277653543618</v>
      </c>
      <c r="K7555">
        <f t="shared" si="841"/>
        <v>1.3519691648031542</v>
      </c>
      <c r="L7555">
        <f t="shared" si="842"/>
        <v>14.606125859130188</v>
      </c>
      <c r="M7555">
        <f t="shared" si="843"/>
        <v>0</v>
      </c>
      <c r="N7555" s="46">
        <f t="shared" si="844"/>
        <v>45605.374999981759</v>
      </c>
    </row>
    <row r="7556" spans="2:14" x14ac:dyDescent="0.3">
      <c r="B7556">
        <f t="shared" si="838"/>
        <v>6</v>
      </c>
      <c r="C7556" s="16">
        <v>7522</v>
      </c>
      <c r="D7556" cm="1">
        <f t="array" ref="D7556">IFERROR(INDEX(Jesper!AH$2:AH$366,ROUNDDOWN($C7556/24,0)+1,1)*INDEX($D$3:$AA$30,INDEX(Jesper!$R$2:$R$366,ROW(INDEX(Jesper!AH$2:AH$366,ROUNDDOWN($C7556/24,0)+1,1))-1)+IF('Standard Profiles'!$G$18=$B$10,7,0)+IF('Standard Profiles'!$G$18=$B$17,14,0)+IF('Standard Profiles'!$G$18=$B$24,21,0),MOD($C7556,24)+1)/SUM(INDEX($D$3:$AA$30,INDEX(Jesper!$R$2:$R$366,ROW(INDEX(Jesper!AH$2:AH$366,ROUNDDOWN($C7556/24,0)+1,1))-1)+IF('Standard Profiles'!$G$18=$B$10,7,0)+IF('Standard Profiles'!$G$18=$B$17,14,0)+IF('Standard Profiles'!$G$18=$B$24,21,0),0)),0)</f>
        <v>14.128430087566407</v>
      </c>
      <c r="E7556" cm="1">
        <f t="array" ref="E7556">IFERROR(INDEX(Jesper!AI$2:AI$366,ROUNDDOWN($C7556/24,0)+1,1)*INDEX($D$3:$AA$30,INDEX(Jesper!$R$2:$R$366,ROW(INDEX(Jesper!AI$2:AI$366,ROUNDDOWN($C7556/24,0)+1,1))-1)+IF('Standard Profiles'!$G$19=$B$10,7,0)+IF('Standard Profiles'!$G$19=$B$17,14,0)+IF('Standard Profiles'!$G$19=$B$24,21,0),MOD($C7556,24)+1)/SUM(INDEX($D$3:$AA$30,INDEX(Jesper!$R$2:$R$366,ROW(INDEX(Jesper!AI$2:AI$366,ROUNDDOWN($C7556/24,0)+1,1))-1)+IF('Standard Profiles'!$G$19=$B$10,7,0)+IF('Standard Profiles'!$G$19=$B$17,14,0)+IF('Standard Profiles'!$G$19=$B$24,21,0),0)),0)</f>
        <v>3.0013715458630013</v>
      </c>
      <c r="F7556" cm="1">
        <f t="array" ref="F7556">IFERROR(INDEX(Jesper!AJ$2:AJ$366,ROUNDDOWN($C7556/24,0)+1,1)*INDEX($D$3:$AA$30,INDEX(Jesper!$R$2:$R$366,ROW(INDEX(Jesper!AJ$2:AJ$366,ROUNDDOWN($C7556/24,0)+1,1))-1)+IF('Standard Profiles'!$G$20=$B$10,7,0)+IF('Standard Profiles'!$G$20=$B$17,14,0)+IF('Standard Profiles'!$G$20=$B$24,21,0),MOD($C7556,24)+1)/SUM(INDEX($D$3:$AA$30,INDEX(Jesper!$R$2:$R$366,ROW(INDEX(Jesper!AJ$2:AJ$366,ROUNDDOWN($C7556/24,0)+1,1))-1)+IF('Standard Profiles'!$G$20=$B$10,7,0)+IF('Standard Profiles'!$G$20=$B$17,14,0)+IF('Standard Profiles'!$G$20=$B$24,21,0),0)),0)</f>
        <v>0</v>
      </c>
      <c r="G7556" cm="1">
        <f t="array" ref="G7556">IFERROR(INDEX(Jesper!AK$2:AK$366,ROUNDDOWN($C7556/24,0)+1,1)*INDEX($D$3:$AA$30,INDEX(Jesper!$R$2:$R$366,ROW(INDEX(Jesper!AK$2:AK$366,ROUNDDOWN($C7556/24,0)+1,1))-1)+IF('Standard Profiles'!$G$21=$B$10,7,0)+IF('Standard Profiles'!$G$21=$B$17,14,0)+IF('Standard Profiles'!$G$21=$B$24,21,0),MOD($C7556,24)+1)/SUM(INDEX($D$3:$AA$30,INDEX(Jesper!$R$2:$R$366,ROW(INDEX(Jesper!AK$2:AK$366,ROUNDDOWN($C7556/24,0)+1,1))-1)+IF('Standard Profiles'!$G$21=$B$10,7,0)+IF('Standard Profiles'!$G$21=$B$17,14,0)+IF('Standard Profiles'!$G$21=$B$24,21,0),0)),0)</f>
        <v>0</v>
      </c>
      <c r="H7556" cm="1">
        <f t="array" ref="H7556">IFERROR(INDEX(Jesper!AL$2:AL$366,ROUNDDOWN($C7556/24,0)+1,1)*INDEX($D$3:$AA$30,INDEX(Jesper!$R$2:$R$366,ROW(INDEX(Jesper!AL$2:AL$366,ROUNDDOWN($C7556/24,0)+1,1))-1)+IF('Standard Profiles'!$G$22=$B$10,7,0)+IF('Standard Profiles'!$G$22=$B$17,14,0)+IF('Standard Profiles'!$G$22=$B$24,21,0),MOD($C7556,24)+1)/SUM(INDEX($D$3:$AA$30,INDEX(Jesper!$R$2:$R$366,ROW(INDEX(Jesper!AL$2:AL$366,ROUNDDOWN($C7556/24,0)+1,1))-1)+IF('Standard Profiles'!$G$22=$B$10,7,0)+IF('Standard Profiles'!$G$22=$B$17,14,0)+IF('Standard Profiles'!$G$22=$B$24,21,0),0)),0)</f>
        <v>0</v>
      </c>
      <c r="I7556">
        <f t="shared" si="839"/>
        <v>0.2703938329606308</v>
      </c>
      <c r="J7556">
        <f t="shared" si="840"/>
        <v>0.90131277653543618</v>
      </c>
      <c r="K7556">
        <f t="shared" si="841"/>
        <v>1.3519691648031542</v>
      </c>
      <c r="L7556">
        <f t="shared" si="842"/>
        <v>14.606125859130188</v>
      </c>
      <c r="M7556">
        <f t="shared" si="843"/>
        <v>0</v>
      </c>
      <c r="N7556" s="46">
        <f t="shared" si="844"/>
        <v>45605.416666648423</v>
      </c>
    </row>
    <row r="7557" spans="2:14" x14ac:dyDescent="0.3">
      <c r="B7557">
        <f t="shared" si="838"/>
        <v>6</v>
      </c>
      <c r="C7557" s="16">
        <v>7523</v>
      </c>
      <c r="D7557" cm="1">
        <f t="array" ref="D7557">IFERROR(INDEX(Jesper!AH$2:AH$366,ROUNDDOWN($C7557/24,0)+1,1)*INDEX($D$3:$AA$30,INDEX(Jesper!$R$2:$R$366,ROW(INDEX(Jesper!AH$2:AH$366,ROUNDDOWN($C7557/24,0)+1,1))-1)+IF('Standard Profiles'!$G$18=$B$10,7,0)+IF('Standard Profiles'!$G$18=$B$17,14,0)+IF('Standard Profiles'!$G$18=$B$24,21,0),MOD($C7557,24)+1)/SUM(INDEX($D$3:$AA$30,INDEX(Jesper!$R$2:$R$366,ROW(INDEX(Jesper!AH$2:AH$366,ROUNDDOWN($C7557/24,0)+1,1))-1)+IF('Standard Profiles'!$G$18=$B$10,7,0)+IF('Standard Profiles'!$G$18=$B$17,14,0)+IF('Standard Profiles'!$G$18=$B$24,21,0),0)),0)</f>
        <v>14.128430087566407</v>
      </c>
      <c r="E7557" cm="1">
        <f t="array" ref="E7557">IFERROR(INDEX(Jesper!AI$2:AI$366,ROUNDDOWN($C7557/24,0)+1,1)*INDEX($D$3:$AA$30,INDEX(Jesper!$R$2:$R$366,ROW(INDEX(Jesper!AI$2:AI$366,ROUNDDOWN($C7557/24,0)+1,1))-1)+IF('Standard Profiles'!$G$19=$B$10,7,0)+IF('Standard Profiles'!$G$19=$B$17,14,0)+IF('Standard Profiles'!$G$19=$B$24,21,0),MOD($C7557,24)+1)/SUM(INDEX($D$3:$AA$30,INDEX(Jesper!$R$2:$R$366,ROW(INDEX(Jesper!AI$2:AI$366,ROUNDDOWN($C7557/24,0)+1,1))-1)+IF('Standard Profiles'!$G$19=$B$10,7,0)+IF('Standard Profiles'!$G$19=$B$17,14,0)+IF('Standard Profiles'!$G$19=$B$24,21,0),0)),0)</f>
        <v>3.0013715458630013</v>
      </c>
      <c r="F7557" cm="1">
        <f t="array" ref="F7557">IFERROR(INDEX(Jesper!AJ$2:AJ$366,ROUNDDOWN($C7557/24,0)+1,1)*INDEX($D$3:$AA$30,INDEX(Jesper!$R$2:$R$366,ROW(INDEX(Jesper!AJ$2:AJ$366,ROUNDDOWN($C7557/24,0)+1,1))-1)+IF('Standard Profiles'!$G$20=$B$10,7,0)+IF('Standard Profiles'!$G$20=$B$17,14,0)+IF('Standard Profiles'!$G$20=$B$24,21,0),MOD($C7557,24)+1)/SUM(INDEX($D$3:$AA$30,INDEX(Jesper!$R$2:$R$366,ROW(INDEX(Jesper!AJ$2:AJ$366,ROUNDDOWN($C7557/24,0)+1,1))-1)+IF('Standard Profiles'!$G$20=$B$10,7,0)+IF('Standard Profiles'!$G$20=$B$17,14,0)+IF('Standard Profiles'!$G$20=$B$24,21,0),0)),0)</f>
        <v>0</v>
      </c>
      <c r="G7557" cm="1">
        <f t="array" ref="G7557">IFERROR(INDEX(Jesper!AK$2:AK$366,ROUNDDOWN($C7557/24,0)+1,1)*INDEX($D$3:$AA$30,INDEX(Jesper!$R$2:$R$366,ROW(INDEX(Jesper!AK$2:AK$366,ROUNDDOWN($C7557/24,0)+1,1))-1)+IF('Standard Profiles'!$G$21=$B$10,7,0)+IF('Standard Profiles'!$G$21=$B$17,14,0)+IF('Standard Profiles'!$G$21=$B$24,21,0),MOD($C7557,24)+1)/SUM(INDEX($D$3:$AA$30,INDEX(Jesper!$R$2:$R$366,ROW(INDEX(Jesper!AK$2:AK$366,ROUNDDOWN($C7557/24,0)+1,1))-1)+IF('Standard Profiles'!$G$21=$B$10,7,0)+IF('Standard Profiles'!$G$21=$B$17,14,0)+IF('Standard Profiles'!$G$21=$B$24,21,0),0)),0)</f>
        <v>0</v>
      </c>
      <c r="H7557" cm="1">
        <f t="array" ref="H7557">IFERROR(INDEX(Jesper!AL$2:AL$366,ROUNDDOWN($C7557/24,0)+1,1)*INDEX($D$3:$AA$30,INDEX(Jesper!$R$2:$R$366,ROW(INDEX(Jesper!AL$2:AL$366,ROUNDDOWN($C7557/24,0)+1,1))-1)+IF('Standard Profiles'!$G$22=$B$10,7,0)+IF('Standard Profiles'!$G$22=$B$17,14,0)+IF('Standard Profiles'!$G$22=$B$24,21,0),MOD($C7557,24)+1)/SUM(INDEX($D$3:$AA$30,INDEX(Jesper!$R$2:$R$366,ROW(INDEX(Jesper!AL$2:AL$366,ROUNDDOWN($C7557/24,0)+1,1))-1)+IF('Standard Profiles'!$G$22=$B$10,7,0)+IF('Standard Profiles'!$G$22=$B$17,14,0)+IF('Standard Profiles'!$G$22=$B$24,21,0),0)),0)</f>
        <v>0</v>
      </c>
      <c r="I7557">
        <f t="shared" si="839"/>
        <v>0.2703938329606308</v>
      </c>
      <c r="J7557">
        <f t="shared" si="840"/>
        <v>0.90131277653543618</v>
      </c>
      <c r="K7557">
        <f t="shared" si="841"/>
        <v>1.3519691648031542</v>
      </c>
      <c r="L7557">
        <f t="shared" si="842"/>
        <v>14.606125859130188</v>
      </c>
      <c r="M7557">
        <f t="shared" si="843"/>
        <v>0</v>
      </c>
      <c r="N7557" s="46">
        <f t="shared" si="844"/>
        <v>45605.458333315088</v>
      </c>
    </row>
    <row r="7558" spans="2:14" x14ac:dyDescent="0.3">
      <c r="B7558">
        <f t="shared" si="838"/>
        <v>6</v>
      </c>
      <c r="C7558" s="16">
        <v>7524</v>
      </c>
      <c r="D7558" cm="1">
        <f t="array" ref="D7558">IFERROR(INDEX(Jesper!AH$2:AH$366,ROUNDDOWN($C7558/24,0)+1,1)*INDEX($D$3:$AA$30,INDEX(Jesper!$R$2:$R$366,ROW(INDEX(Jesper!AH$2:AH$366,ROUNDDOWN($C7558/24,0)+1,1))-1)+IF('Standard Profiles'!$G$18=$B$10,7,0)+IF('Standard Profiles'!$G$18=$B$17,14,0)+IF('Standard Profiles'!$G$18=$B$24,21,0),MOD($C7558,24)+1)/SUM(INDEX($D$3:$AA$30,INDEX(Jesper!$R$2:$R$366,ROW(INDEX(Jesper!AH$2:AH$366,ROUNDDOWN($C7558/24,0)+1,1))-1)+IF('Standard Profiles'!$G$18=$B$10,7,0)+IF('Standard Profiles'!$G$18=$B$17,14,0)+IF('Standard Profiles'!$G$18=$B$24,21,0),0)),0)</f>
        <v>14.128430087566407</v>
      </c>
      <c r="E7558" cm="1">
        <f t="array" ref="E7558">IFERROR(INDEX(Jesper!AI$2:AI$366,ROUNDDOWN($C7558/24,0)+1,1)*INDEX($D$3:$AA$30,INDEX(Jesper!$R$2:$R$366,ROW(INDEX(Jesper!AI$2:AI$366,ROUNDDOWN($C7558/24,0)+1,1))-1)+IF('Standard Profiles'!$G$19=$B$10,7,0)+IF('Standard Profiles'!$G$19=$B$17,14,0)+IF('Standard Profiles'!$G$19=$B$24,21,0),MOD($C7558,24)+1)/SUM(INDEX($D$3:$AA$30,INDEX(Jesper!$R$2:$R$366,ROW(INDEX(Jesper!AI$2:AI$366,ROUNDDOWN($C7558/24,0)+1,1))-1)+IF('Standard Profiles'!$G$19=$B$10,7,0)+IF('Standard Profiles'!$G$19=$B$17,14,0)+IF('Standard Profiles'!$G$19=$B$24,21,0),0)),0)</f>
        <v>3.0013715458630013</v>
      </c>
      <c r="F7558" cm="1">
        <f t="array" ref="F7558">IFERROR(INDEX(Jesper!AJ$2:AJ$366,ROUNDDOWN($C7558/24,0)+1,1)*INDEX($D$3:$AA$30,INDEX(Jesper!$R$2:$R$366,ROW(INDEX(Jesper!AJ$2:AJ$366,ROUNDDOWN($C7558/24,0)+1,1))-1)+IF('Standard Profiles'!$G$20=$B$10,7,0)+IF('Standard Profiles'!$G$20=$B$17,14,0)+IF('Standard Profiles'!$G$20=$B$24,21,0),MOD($C7558,24)+1)/SUM(INDEX($D$3:$AA$30,INDEX(Jesper!$R$2:$R$366,ROW(INDEX(Jesper!AJ$2:AJ$366,ROUNDDOWN($C7558/24,0)+1,1))-1)+IF('Standard Profiles'!$G$20=$B$10,7,0)+IF('Standard Profiles'!$G$20=$B$17,14,0)+IF('Standard Profiles'!$G$20=$B$24,21,0),0)),0)</f>
        <v>0</v>
      </c>
      <c r="G7558" cm="1">
        <f t="array" ref="G7558">IFERROR(INDEX(Jesper!AK$2:AK$366,ROUNDDOWN($C7558/24,0)+1,1)*INDEX($D$3:$AA$30,INDEX(Jesper!$R$2:$R$366,ROW(INDEX(Jesper!AK$2:AK$366,ROUNDDOWN($C7558/24,0)+1,1))-1)+IF('Standard Profiles'!$G$21=$B$10,7,0)+IF('Standard Profiles'!$G$21=$B$17,14,0)+IF('Standard Profiles'!$G$21=$B$24,21,0),MOD($C7558,24)+1)/SUM(INDEX($D$3:$AA$30,INDEX(Jesper!$R$2:$R$366,ROW(INDEX(Jesper!AK$2:AK$366,ROUNDDOWN($C7558/24,0)+1,1))-1)+IF('Standard Profiles'!$G$21=$B$10,7,0)+IF('Standard Profiles'!$G$21=$B$17,14,0)+IF('Standard Profiles'!$G$21=$B$24,21,0),0)),0)</f>
        <v>0</v>
      </c>
      <c r="H7558" cm="1">
        <f t="array" ref="H7558">IFERROR(INDEX(Jesper!AL$2:AL$366,ROUNDDOWN($C7558/24,0)+1,1)*INDEX($D$3:$AA$30,INDEX(Jesper!$R$2:$R$366,ROW(INDEX(Jesper!AL$2:AL$366,ROUNDDOWN($C7558/24,0)+1,1))-1)+IF('Standard Profiles'!$G$22=$B$10,7,0)+IF('Standard Profiles'!$G$22=$B$17,14,0)+IF('Standard Profiles'!$G$22=$B$24,21,0),MOD($C7558,24)+1)/SUM(INDEX($D$3:$AA$30,INDEX(Jesper!$R$2:$R$366,ROW(INDEX(Jesper!AL$2:AL$366,ROUNDDOWN($C7558/24,0)+1,1))-1)+IF('Standard Profiles'!$G$22=$B$10,7,0)+IF('Standard Profiles'!$G$22=$B$17,14,0)+IF('Standard Profiles'!$G$22=$B$24,21,0),0)),0)</f>
        <v>0</v>
      </c>
      <c r="I7558">
        <f t="shared" si="839"/>
        <v>0.2703938329606308</v>
      </c>
      <c r="J7558">
        <f t="shared" si="840"/>
        <v>0.90131277653543618</v>
      </c>
      <c r="K7558">
        <f t="shared" si="841"/>
        <v>1.3519691648031542</v>
      </c>
      <c r="L7558">
        <f t="shared" si="842"/>
        <v>14.606125859130188</v>
      </c>
      <c r="M7558">
        <f t="shared" si="843"/>
        <v>0</v>
      </c>
      <c r="N7558" s="46">
        <f t="shared" si="844"/>
        <v>45605.499999981752</v>
      </c>
    </row>
    <row r="7559" spans="2:14" x14ac:dyDescent="0.3">
      <c r="B7559">
        <f t="shared" si="838"/>
        <v>6</v>
      </c>
      <c r="C7559" s="16">
        <v>7525</v>
      </c>
      <c r="D7559" cm="1">
        <f t="array" ref="D7559">IFERROR(INDEX(Jesper!AH$2:AH$366,ROUNDDOWN($C7559/24,0)+1,1)*INDEX($D$3:$AA$30,INDEX(Jesper!$R$2:$R$366,ROW(INDEX(Jesper!AH$2:AH$366,ROUNDDOWN($C7559/24,0)+1,1))-1)+IF('Standard Profiles'!$G$18=$B$10,7,0)+IF('Standard Profiles'!$G$18=$B$17,14,0)+IF('Standard Profiles'!$G$18=$B$24,21,0),MOD($C7559,24)+1)/SUM(INDEX($D$3:$AA$30,INDEX(Jesper!$R$2:$R$366,ROW(INDEX(Jesper!AH$2:AH$366,ROUNDDOWN($C7559/24,0)+1,1))-1)+IF('Standard Profiles'!$G$18=$B$10,7,0)+IF('Standard Profiles'!$G$18=$B$17,14,0)+IF('Standard Profiles'!$G$18=$B$24,21,0),0)),0)</f>
        <v>14.128430087566407</v>
      </c>
      <c r="E7559" cm="1">
        <f t="array" ref="E7559">IFERROR(INDEX(Jesper!AI$2:AI$366,ROUNDDOWN($C7559/24,0)+1,1)*INDEX($D$3:$AA$30,INDEX(Jesper!$R$2:$R$366,ROW(INDEX(Jesper!AI$2:AI$366,ROUNDDOWN($C7559/24,0)+1,1))-1)+IF('Standard Profiles'!$G$19=$B$10,7,0)+IF('Standard Profiles'!$G$19=$B$17,14,0)+IF('Standard Profiles'!$G$19=$B$24,21,0),MOD($C7559,24)+1)/SUM(INDEX($D$3:$AA$30,INDEX(Jesper!$R$2:$R$366,ROW(INDEX(Jesper!AI$2:AI$366,ROUNDDOWN($C7559/24,0)+1,1))-1)+IF('Standard Profiles'!$G$19=$B$10,7,0)+IF('Standard Profiles'!$G$19=$B$17,14,0)+IF('Standard Profiles'!$G$19=$B$24,21,0),0)),0)</f>
        <v>3.0013715458630013</v>
      </c>
      <c r="F7559" cm="1">
        <f t="array" ref="F7559">IFERROR(INDEX(Jesper!AJ$2:AJ$366,ROUNDDOWN($C7559/24,0)+1,1)*INDEX($D$3:$AA$30,INDEX(Jesper!$R$2:$R$366,ROW(INDEX(Jesper!AJ$2:AJ$366,ROUNDDOWN($C7559/24,0)+1,1))-1)+IF('Standard Profiles'!$G$20=$B$10,7,0)+IF('Standard Profiles'!$G$20=$B$17,14,0)+IF('Standard Profiles'!$G$20=$B$24,21,0),MOD($C7559,24)+1)/SUM(INDEX($D$3:$AA$30,INDEX(Jesper!$R$2:$R$366,ROW(INDEX(Jesper!AJ$2:AJ$366,ROUNDDOWN($C7559/24,0)+1,1))-1)+IF('Standard Profiles'!$G$20=$B$10,7,0)+IF('Standard Profiles'!$G$20=$B$17,14,0)+IF('Standard Profiles'!$G$20=$B$24,21,0),0)),0)</f>
        <v>0</v>
      </c>
      <c r="G7559" cm="1">
        <f t="array" ref="G7559">IFERROR(INDEX(Jesper!AK$2:AK$366,ROUNDDOWN($C7559/24,0)+1,1)*INDEX($D$3:$AA$30,INDEX(Jesper!$R$2:$R$366,ROW(INDEX(Jesper!AK$2:AK$366,ROUNDDOWN($C7559/24,0)+1,1))-1)+IF('Standard Profiles'!$G$21=$B$10,7,0)+IF('Standard Profiles'!$G$21=$B$17,14,0)+IF('Standard Profiles'!$G$21=$B$24,21,0),MOD($C7559,24)+1)/SUM(INDEX($D$3:$AA$30,INDEX(Jesper!$R$2:$R$366,ROW(INDEX(Jesper!AK$2:AK$366,ROUNDDOWN($C7559/24,0)+1,1))-1)+IF('Standard Profiles'!$G$21=$B$10,7,0)+IF('Standard Profiles'!$G$21=$B$17,14,0)+IF('Standard Profiles'!$G$21=$B$24,21,0),0)),0)</f>
        <v>0</v>
      </c>
      <c r="H7559" cm="1">
        <f t="array" ref="H7559">IFERROR(INDEX(Jesper!AL$2:AL$366,ROUNDDOWN($C7559/24,0)+1,1)*INDEX($D$3:$AA$30,INDEX(Jesper!$R$2:$R$366,ROW(INDEX(Jesper!AL$2:AL$366,ROUNDDOWN($C7559/24,0)+1,1))-1)+IF('Standard Profiles'!$G$22=$B$10,7,0)+IF('Standard Profiles'!$G$22=$B$17,14,0)+IF('Standard Profiles'!$G$22=$B$24,21,0),MOD($C7559,24)+1)/SUM(INDEX($D$3:$AA$30,INDEX(Jesper!$R$2:$R$366,ROW(INDEX(Jesper!AL$2:AL$366,ROUNDDOWN($C7559/24,0)+1,1))-1)+IF('Standard Profiles'!$G$22=$B$10,7,0)+IF('Standard Profiles'!$G$22=$B$17,14,0)+IF('Standard Profiles'!$G$22=$B$24,21,0),0)),0)</f>
        <v>0</v>
      </c>
      <c r="I7559">
        <f t="shared" si="839"/>
        <v>0.2703938329606308</v>
      </c>
      <c r="J7559">
        <f t="shared" si="840"/>
        <v>0.90131277653543618</v>
      </c>
      <c r="K7559">
        <f t="shared" si="841"/>
        <v>1.3519691648031542</v>
      </c>
      <c r="L7559">
        <f t="shared" si="842"/>
        <v>14.606125859130188</v>
      </c>
      <c r="M7559">
        <f t="shared" si="843"/>
        <v>0</v>
      </c>
      <c r="N7559" s="46">
        <f t="shared" si="844"/>
        <v>45605.541666648416</v>
      </c>
    </row>
    <row r="7560" spans="2:14" x14ac:dyDescent="0.3">
      <c r="B7560">
        <f t="shared" si="838"/>
        <v>6</v>
      </c>
      <c r="C7560" s="16">
        <v>7526</v>
      </c>
      <c r="D7560" cm="1">
        <f t="array" ref="D7560">IFERROR(INDEX(Jesper!AH$2:AH$366,ROUNDDOWN($C7560/24,0)+1,1)*INDEX($D$3:$AA$30,INDEX(Jesper!$R$2:$R$366,ROW(INDEX(Jesper!AH$2:AH$366,ROUNDDOWN($C7560/24,0)+1,1))-1)+IF('Standard Profiles'!$G$18=$B$10,7,0)+IF('Standard Profiles'!$G$18=$B$17,14,0)+IF('Standard Profiles'!$G$18=$B$24,21,0),MOD($C7560,24)+1)/SUM(INDEX($D$3:$AA$30,INDEX(Jesper!$R$2:$R$366,ROW(INDEX(Jesper!AH$2:AH$366,ROUNDDOWN($C7560/24,0)+1,1))-1)+IF('Standard Profiles'!$G$18=$B$10,7,0)+IF('Standard Profiles'!$G$18=$B$17,14,0)+IF('Standard Profiles'!$G$18=$B$24,21,0),0)),0)</f>
        <v>14.128430087566407</v>
      </c>
      <c r="E7560" cm="1">
        <f t="array" ref="E7560">IFERROR(INDEX(Jesper!AI$2:AI$366,ROUNDDOWN($C7560/24,0)+1,1)*INDEX($D$3:$AA$30,INDEX(Jesper!$R$2:$R$366,ROW(INDEX(Jesper!AI$2:AI$366,ROUNDDOWN($C7560/24,0)+1,1))-1)+IF('Standard Profiles'!$G$19=$B$10,7,0)+IF('Standard Profiles'!$G$19=$B$17,14,0)+IF('Standard Profiles'!$G$19=$B$24,21,0),MOD($C7560,24)+1)/SUM(INDEX($D$3:$AA$30,INDEX(Jesper!$R$2:$R$366,ROW(INDEX(Jesper!AI$2:AI$366,ROUNDDOWN($C7560/24,0)+1,1))-1)+IF('Standard Profiles'!$G$19=$B$10,7,0)+IF('Standard Profiles'!$G$19=$B$17,14,0)+IF('Standard Profiles'!$G$19=$B$24,21,0),0)),0)</f>
        <v>3.0013715458630013</v>
      </c>
      <c r="F7560" cm="1">
        <f t="array" ref="F7560">IFERROR(INDEX(Jesper!AJ$2:AJ$366,ROUNDDOWN($C7560/24,0)+1,1)*INDEX($D$3:$AA$30,INDEX(Jesper!$R$2:$R$366,ROW(INDEX(Jesper!AJ$2:AJ$366,ROUNDDOWN($C7560/24,0)+1,1))-1)+IF('Standard Profiles'!$G$20=$B$10,7,0)+IF('Standard Profiles'!$G$20=$B$17,14,0)+IF('Standard Profiles'!$G$20=$B$24,21,0),MOD($C7560,24)+1)/SUM(INDEX($D$3:$AA$30,INDEX(Jesper!$R$2:$R$366,ROW(INDEX(Jesper!AJ$2:AJ$366,ROUNDDOWN($C7560/24,0)+1,1))-1)+IF('Standard Profiles'!$G$20=$B$10,7,0)+IF('Standard Profiles'!$G$20=$B$17,14,0)+IF('Standard Profiles'!$G$20=$B$24,21,0),0)),0)</f>
        <v>0</v>
      </c>
      <c r="G7560" cm="1">
        <f t="array" ref="G7560">IFERROR(INDEX(Jesper!AK$2:AK$366,ROUNDDOWN($C7560/24,0)+1,1)*INDEX($D$3:$AA$30,INDEX(Jesper!$R$2:$R$366,ROW(INDEX(Jesper!AK$2:AK$366,ROUNDDOWN($C7560/24,0)+1,1))-1)+IF('Standard Profiles'!$G$21=$B$10,7,0)+IF('Standard Profiles'!$G$21=$B$17,14,0)+IF('Standard Profiles'!$G$21=$B$24,21,0),MOD($C7560,24)+1)/SUM(INDEX($D$3:$AA$30,INDEX(Jesper!$R$2:$R$366,ROW(INDEX(Jesper!AK$2:AK$366,ROUNDDOWN($C7560/24,0)+1,1))-1)+IF('Standard Profiles'!$G$21=$B$10,7,0)+IF('Standard Profiles'!$G$21=$B$17,14,0)+IF('Standard Profiles'!$G$21=$B$24,21,0),0)),0)</f>
        <v>0</v>
      </c>
      <c r="H7560" cm="1">
        <f t="array" ref="H7560">IFERROR(INDEX(Jesper!AL$2:AL$366,ROUNDDOWN($C7560/24,0)+1,1)*INDEX($D$3:$AA$30,INDEX(Jesper!$R$2:$R$366,ROW(INDEX(Jesper!AL$2:AL$366,ROUNDDOWN($C7560/24,0)+1,1))-1)+IF('Standard Profiles'!$G$22=$B$10,7,0)+IF('Standard Profiles'!$G$22=$B$17,14,0)+IF('Standard Profiles'!$G$22=$B$24,21,0),MOD($C7560,24)+1)/SUM(INDEX($D$3:$AA$30,INDEX(Jesper!$R$2:$R$366,ROW(INDEX(Jesper!AL$2:AL$366,ROUNDDOWN($C7560/24,0)+1,1))-1)+IF('Standard Profiles'!$G$22=$B$10,7,0)+IF('Standard Profiles'!$G$22=$B$17,14,0)+IF('Standard Profiles'!$G$22=$B$24,21,0),0)),0)</f>
        <v>0</v>
      </c>
      <c r="I7560">
        <f t="shared" si="839"/>
        <v>0.2703938329606308</v>
      </c>
      <c r="J7560">
        <f t="shared" si="840"/>
        <v>0.90131277653543618</v>
      </c>
      <c r="K7560">
        <f t="shared" si="841"/>
        <v>1.3519691648031542</v>
      </c>
      <c r="L7560">
        <f t="shared" si="842"/>
        <v>14.606125859130188</v>
      </c>
      <c r="M7560">
        <f t="shared" si="843"/>
        <v>0</v>
      </c>
      <c r="N7560" s="46">
        <f t="shared" si="844"/>
        <v>45605.58333331508</v>
      </c>
    </row>
    <row r="7561" spans="2:14" x14ac:dyDescent="0.3">
      <c r="B7561">
        <f t="shared" si="838"/>
        <v>6</v>
      </c>
      <c r="C7561" s="16">
        <v>7527</v>
      </c>
      <c r="D7561" cm="1">
        <f t="array" ref="D7561">IFERROR(INDEX(Jesper!AH$2:AH$366,ROUNDDOWN($C7561/24,0)+1,1)*INDEX($D$3:$AA$30,INDEX(Jesper!$R$2:$R$366,ROW(INDEX(Jesper!AH$2:AH$366,ROUNDDOWN($C7561/24,0)+1,1))-1)+IF('Standard Profiles'!$G$18=$B$10,7,0)+IF('Standard Profiles'!$G$18=$B$17,14,0)+IF('Standard Profiles'!$G$18=$B$24,21,0),MOD($C7561,24)+1)/SUM(INDEX($D$3:$AA$30,INDEX(Jesper!$R$2:$R$366,ROW(INDEX(Jesper!AH$2:AH$366,ROUNDDOWN($C7561/24,0)+1,1))-1)+IF('Standard Profiles'!$G$18=$B$10,7,0)+IF('Standard Profiles'!$G$18=$B$17,14,0)+IF('Standard Profiles'!$G$18=$B$24,21,0),0)),0)</f>
        <v>12.773649120265519</v>
      </c>
      <c r="E7561" cm="1">
        <f t="array" ref="E7561">IFERROR(INDEX(Jesper!AI$2:AI$366,ROUNDDOWN($C7561/24,0)+1,1)*INDEX($D$3:$AA$30,INDEX(Jesper!$R$2:$R$366,ROW(INDEX(Jesper!AI$2:AI$366,ROUNDDOWN($C7561/24,0)+1,1))-1)+IF('Standard Profiles'!$G$19=$B$10,7,0)+IF('Standard Profiles'!$G$19=$B$17,14,0)+IF('Standard Profiles'!$G$19=$B$24,21,0),MOD($C7561,24)+1)/SUM(INDEX($D$3:$AA$30,INDEX(Jesper!$R$2:$R$366,ROW(INDEX(Jesper!AI$2:AI$366,ROUNDDOWN($C7561/24,0)+1,1))-1)+IF('Standard Profiles'!$G$19=$B$10,7,0)+IF('Standard Profiles'!$G$19=$B$17,14,0)+IF('Standard Profiles'!$G$19=$B$24,21,0),0)),0)</f>
        <v>2.713568794889837</v>
      </c>
      <c r="F7561" cm="1">
        <f t="array" ref="F7561">IFERROR(INDEX(Jesper!AJ$2:AJ$366,ROUNDDOWN($C7561/24,0)+1,1)*INDEX($D$3:$AA$30,INDEX(Jesper!$R$2:$R$366,ROW(INDEX(Jesper!AJ$2:AJ$366,ROUNDDOWN($C7561/24,0)+1,1))-1)+IF('Standard Profiles'!$G$20=$B$10,7,0)+IF('Standard Profiles'!$G$20=$B$17,14,0)+IF('Standard Profiles'!$G$20=$B$24,21,0),MOD($C7561,24)+1)/SUM(INDEX($D$3:$AA$30,INDEX(Jesper!$R$2:$R$366,ROW(INDEX(Jesper!AJ$2:AJ$366,ROUNDDOWN($C7561/24,0)+1,1))-1)+IF('Standard Profiles'!$G$20=$B$10,7,0)+IF('Standard Profiles'!$G$20=$B$17,14,0)+IF('Standard Profiles'!$G$20=$B$24,21,0),0)),0)</f>
        <v>0</v>
      </c>
      <c r="G7561" cm="1">
        <f t="array" ref="G7561">IFERROR(INDEX(Jesper!AK$2:AK$366,ROUNDDOWN($C7561/24,0)+1,1)*INDEX($D$3:$AA$30,INDEX(Jesper!$R$2:$R$366,ROW(INDEX(Jesper!AK$2:AK$366,ROUNDDOWN($C7561/24,0)+1,1))-1)+IF('Standard Profiles'!$G$21=$B$10,7,0)+IF('Standard Profiles'!$G$21=$B$17,14,0)+IF('Standard Profiles'!$G$21=$B$24,21,0),MOD($C7561,24)+1)/SUM(INDEX($D$3:$AA$30,INDEX(Jesper!$R$2:$R$366,ROW(INDEX(Jesper!AK$2:AK$366,ROUNDDOWN($C7561/24,0)+1,1))-1)+IF('Standard Profiles'!$G$21=$B$10,7,0)+IF('Standard Profiles'!$G$21=$B$17,14,0)+IF('Standard Profiles'!$G$21=$B$24,21,0),0)),0)</f>
        <v>0</v>
      </c>
      <c r="H7561" cm="1">
        <f t="array" ref="H7561">IFERROR(INDEX(Jesper!AL$2:AL$366,ROUNDDOWN($C7561/24,0)+1,1)*INDEX($D$3:$AA$30,INDEX(Jesper!$R$2:$R$366,ROW(INDEX(Jesper!AL$2:AL$366,ROUNDDOWN($C7561/24,0)+1,1))-1)+IF('Standard Profiles'!$G$22=$B$10,7,0)+IF('Standard Profiles'!$G$22=$B$17,14,0)+IF('Standard Profiles'!$G$22=$B$24,21,0),MOD($C7561,24)+1)/SUM(INDEX($D$3:$AA$30,INDEX(Jesper!$R$2:$R$366,ROW(INDEX(Jesper!AL$2:AL$366,ROUNDDOWN($C7561/24,0)+1,1))-1)+IF('Standard Profiles'!$G$22=$B$10,7,0)+IF('Standard Profiles'!$G$22=$B$17,14,0)+IF('Standard Profiles'!$G$22=$B$24,21,0),0)),0)</f>
        <v>0</v>
      </c>
      <c r="I7561">
        <f t="shared" si="839"/>
        <v>0.24446565719728269</v>
      </c>
      <c r="J7561">
        <f t="shared" si="840"/>
        <v>0.81488552399094238</v>
      </c>
      <c r="K7561">
        <f t="shared" si="841"/>
        <v>1.2223282859864135</v>
      </c>
      <c r="L7561">
        <f t="shared" si="842"/>
        <v>13.205538447980718</v>
      </c>
      <c r="M7561">
        <f t="shared" si="843"/>
        <v>0</v>
      </c>
      <c r="N7561" s="46">
        <f t="shared" si="844"/>
        <v>45605.624999981745</v>
      </c>
    </row>
    <row r="7562" spans="2:14" x14ac:dyDescent="0.3">
      <c r="B7562">
        <f t="shared" si="838"/>
        <v>6</v>
      </c>
      <c r="C7562" s="16">
        <v>7528</v>
      </c>
      <c r="D7562" cm="1">
        <f t="array" ref="D7562">IFERROR(INDEX(Jesper!AH$2:AH$366,ROUNDDOWN($C7562/24,0)+1,1)*INDEX($D$3:$AA$30,INDEX(Jesper!$R$2:$R$366,ROW(INDEX(Jesper!AH$2:AH$366,ROUNDDOWN($C7562/24,0)+1,1))-1)+IF('Standard Profiles'!$G$18=$B$10,7,0)+IF('Standard Profiles'!$G$18=$B$17,14,0)+IF('Standard Profiles'!$G$18=$B$24,21,0),MOD($C7562,24)+1)/SUM(INDEX($D$3:$AA$30,INDEX(Jesper!$R$2:$R$366,ROW(INDEX(Jesper!AH$2:AH$366,ROUNDDOWN($C7562/24,0)+1,1))-1)+IF('Standard Profiles'!$G$18=$B$10,7,0)+IF('Standard Profiles'!$G$18=$B$17,14,0)+IF('Standard Profiles'!$G$18=$B$24,21,0),0)),0)</f>
        <v>11.612408291150473</v>
      </c>
      <c r="E7562" cm="1">
        <f t="array" ref="E7562">IFERROR(INDEX(Jesper!AI$2:AI$366,ROUNDDOWN($C7562/24,0)+1,1)*INDEX($D$3:$AA$30,INDEX(Jesper!$R$2:$R$366,ROW(INDEX(Jesper!AI$2:AI$366,ROUNDDOWN($C7562/24,0)+1,1))-1)+IF('Standard Profiles'!$G$19=$B$10,7,0)+IF('Standard Profiles'!$G$19=$B$17,14,0)+IF('Standard Profiles'!$G$19=$B$24,21,0),MOD($C7562,24)+1)/SUM(INDEX($D$3:$AA$30,INDEX(Jesper!$R$2:$R$366,ROW(INDEX(Jesper!AI$2:AI$366,ROUNDDOWN($C7562/24,0)+1,1))-1)+IF('Standard Profiles'!$G$19=$B$10,7,0)+IF('Standard Profiles'!$G$19=$B$17,14,0)+IF('Standard Profiles'!$G$19=$B$24,21,0),0)),0)</f>
        <v>2.4668807226271245</v>
      </c>
      <c r="F7562" cm="1">
        <f t="array" ref="F7562">IFERROR(INDEX(Jesper!AJ$2:AJ$366,ROUNDDOWN($C7562/24,0)+1,1)*INDEX($D$3:$AA$30,INDEX(Jesper!$R$2:$R$366,ROW(INDEX(Jesper!AJ$2:AJ$366,ROUNDDOWN($C7562/24,0)+1,1))-1)+IF('Standard Profiles'!$G$20=$B$10,7,0)+IF('Standard Profiles'!$G$20=$B$17,14,0)+IF('Standard Profiles'!$G$20=$B$24,21,0),MOD($C7562,24)+1)/SUM(INDEX($D$3:$AA$30,INDEX(Jesper!$R$2:$R$366,ROW(INDEX(Jesper!AJ$2:AJ$366,ROUNDDOWN($C7562/24,0)+1,1))-1)+IF('Standard Profiles'!$G$20=$B$10,7,0)+IF('Standard Profiles'!$G$20=$B$17,14,0)+IF('Standard Profiles'!$G$20=$B$24,21,0),0)),0)</f>
        <v>0</v>
      </c>
      <c r="G7562" cm="1">
        <f t="array" ref="G7562">IFERROR(INDEX(Jesper!AK$2:AK$366,ROUNDDOWN($C7562/24,0)+1,1)*INDEX($D$3:$AA$30,INDEX(Jesper!$R$2:$R$366,ROW(INDEX(Jesper!AK$2:AK$366,ROUNDDOWN($C7562/24,0)+1,1))-1)+IF('Standard Profiles'!$G$21=$B$10,7,0)+IF('Standard Profiles'!$G$21=$B$17,14,0)+IF('Standard Profiles'!$G$21=$B$24,21,0),MOD($C7562,24)+1)/SUM(INDEX($D$3:$AA$30,INDEX(Jesper!$R$2:$R$366,ROW(INDEX(Jesper!AK$2:AK$366,ROUNDDOWN($C7562/24,0)+1,1))-1)+IF('Standard Profiles'!$G$21=$B$10,7,0)+IF('Standard Profiles'!$G$21=$B$17,14,0)+IF('Standard Profiles'!$G$21=$B$24,21,0),0)),0)</f>
        <v>0</v>
      </c>
      <c r="H7562" cm="1">
        <f t="array" ref="H7562">IFERROR(INDEX(Jesper!AL$2:AL$366,ROUNDDOWN($C7562/24,0)+1,1)*INDEX($D$3:$AA$30,INDEX(Jesper!$R$2:$R$366,ROW(INDEX(Jesper!AL$2:AL$366,ROUNDDOWN($C7562/24,0)+1,1))-1)+IF('Standard Profiles'!$G$22=$B$10,7,0)+IF('Standard Profiles'!$G$22=$B$17,14,0)+IF('Standard Profiles'!$G$22=$B$24,21,0),MOD($C7562,24)+1)/SUM(INDEX($D$3:$AA$30,INDEX(Jesper!$R$2:$R$366,ROW(INDEX(Jesper!AL$2:AL$366,ROUNDDOWN($C7562/24,0)+1,1))-1)+IF('Standard Profiles'!$G$22=$B$10,7,0)+IF('Standard Profiles'!$G$22=$B$17,14,0)+IF('Standard Profiles'!$G$22=$B$24,21,0),0)),0)</f>
        <v>0</v>
      </c>
      <c r="I7562">
        <f t="shared" si="839"/>
        <v>0.22224150654298425</v>
      </c>
      <c r="J7562">
        <f t="shared" si="840"/>
        <v>0.74080502180994756</v>
      </c>
      <c r="K7562">
        <f t="shared" si="841"/>
        <v>1.1112075327149213</v>
      </c>
      <c r="L7562">
        <f t="shared" si="842"/>
        <v>12.005034952709744</v>
      </c>
      <c r="M7562">
        <f t="shared" si="843"/>
        <v>0</v>
      </c>
      <c r="N7562" s="46">
        <f t="shared" si="844"/>
        <v>45605.666666648409</v>
      </c>
    </row>
    <row r="7563" spans="2:14" x14ac:dyDescent="0.3">
      <c r="B7563">
        <f t="shared" si="838"/>
        <v>6</v>
      </c>
      <c r="C7563" s="16">
        <v>7529</v>
      </c>
      <c r="D7563" cm="1">
        <f t="array" ref="D7563">IFERROR(INDEX(Jesper!AH$2:AH$366,ROUNDDOWN($C7563/24,0)+1,1)*INDEX($D$3:$AA$30,INDEX(Jesper!$R$2:$R$366,ROW(INDEX(Jesper!AH$2:AH$366,ROUNDDOWN($C7563/24,0)+1,1))-1)+IF('Standard Profiles'!$G$18=$B$10,7,0)+IF('Standard Profiles'!$G$18=$B$17,14,0)+IF('Standard Profiles'!$G$18=$B$24,21,0),MOD($C7563,24)+1)/SUM(INDEX($D$3:$AA$30,INDEX(Jesper!$R$2:$R$366,ROW(INDEX(Jesper!AH$2:AH$366,ROUNDDOWN($C7563/24,0)+1,1))-1)+IF('Standard Profiles'!$G$18=$B$10,7,0)+IF('Standard Profiles'!$G$18=$B$17,14,0)+IF('Standard Profiles'!$G$18=$B$24,21,0),0)),0)</f>
        <v>10.451167462035427</v>
      </c>
      <c r="E7563" cm="1">
        <f t="array" ref="E7563">IFERROR(INDEX(Jesper!AI$2:AI$366,ROUNDDOWN($C7563/24,0)+1,1)*INDEX($D$3:$AA$30,INDEX(Jesper!$R$2:$R$366,ROW(INDEX(Jesper!AI$2:AI$366,ROUNDDOWN($C7563/24,0)+1,1))-1)+IF('Standard Profiles'!$G$19=$B$10,7,0)+IF('Standard Profiles'!$G$19=$B$17,14,0)+IF('Standard Profiles'!$G$19=$B$24,21,0),MOD($C7563,24)+1)/SUM(INDEX($D$3:$AA$30,INDEX(Jesper!$R$2:$R$366,ROW(INDEX(Jesper!AI$2:AI$366,ROUNDDOWN($C7563/24,0)+1,1))-1)+IF('Standard Profiles'!$G$19=$B$10,7,0)+IF('Standard Profiles'!$G$19=$B$17,14,0)+IF('Standard Profiles'!$G$19=$B$24,21,0),0)),0)</f>
        <v>2.220192650364412</v>
      </c>
      <c r="F7563" cm="1">
        <f t="array" ref="F7563">IFERROR(INDEX(Jesper!AJ$2:AJ$366,ROUNDDOWN($C7563/24,0)+1,1)*INDEX($D$3:$AA$30,INDEX(Jesper!$R$2:$R$366,ROW(INDEX(Jesper!AJ$2:AJ$366,ROUNDDOWN($C7563/24,0)+1,1))-1)+IF('Standard Profiles'!$G$20=$B$10,7,0)+IF('Standard Profiles'!$G$20=$B$17,14,0)+IF('Standard Profiles'!$G$20=$B$24,21,0),MOD($C7563,24)+1)/SUM(INDEX($D$3:$AA$30,INDEX(Jesper!$R$2:$R$366,ROW(INDEX(Jesper!AJ$2:AJ$366,ROUNDDOWN($C7563/24,0)+1,1))-1)+IF('Standard Profiles'!$G$20=$B$10,7,0)+IF('Standard Profiles'!$G$20=$B$17,14,0)+IF('Standard Profiles'!$G$20=$B$24,21,0),0)),0)</f>
        <v>0</v>
      </c>
      <c r="G7563" cm="1">
        <f t="array" ref="G7563">IFERROR(INDEX(Jesper!AK$2:AK$366,ROUNDDOWN($C7563/24,0)+1,1)*INDEX($D$3:$AA$30,INDEX(Jesper!$R$2:$R$366,ROW(INDEX(Jesper!AK$2:AK$366,ROUNDDOWN($C7563/24,0)+1,1))-1)+IF('Standard Profiles'!$G$21=$B$10,7,0)+IF('Standard Profiles'!$G$21=$B$17,14,0)+IF('Standard Profiles'!$G$21=$B$24,21,0),MOD($C7563,24)+1)/SUM(INDEX($D$3:$AA$30,INDEX(Jesper!$R$2:$R$366,ROW(INDEX(Jesper!AK$2:AK$366,ROUNDDOWN($C7563/24,0)+1,1))-1)+IF('Standard Profiles'!$G$21=$B$10,7,0)+IF('Standard Profiles'!$G$21=$B$17,14,0)+IF('Standard Profiles'!$G$21=$B$24,21,0),0)),0)</f>
        <v>0</v>
      </c>
      <c r="H7563" cm="1">
        <f t="array" ref="H7563">IFERROR(INDEX(Jesper!AL$2:AL$366,ROUNDDOWN($C7563/24,0)+1,1)*INDEX($D$3:$AA$30,INDEX(Jesper!$R$2:$R$366,ROW(INDEX(Jesper!AL$2:AL$366,ROUNDDOWN($C7563/24,0)+1,1))-1)+IF('Standard Profiles'!$G$22=$B$10,7,0)+IF('Standard Profiles'!$G$22=$B$17,14,0)+IF('Standard Profiles'!$G$22=$B$24,21,0),MOD($C7563,24)+1)/SUM(INDEX($D$3:$AA$30,INDEX(Jesper!$R$2:$R$366,ROW(INDEX(Jesper!AL$2:AL$366,ROUNDDOWN($C7563/24,0)+1,1))-1)+IF('Standard Profiles'!$G$22=$B$10,7,0)+IF('Standard Profiles'!$G$22=$B$17,14,0)+IF('Standard Profiles'!$G$22=$B$24,21,0),0)),0)</f>
        <v>0</v>
      </c>
      <c r="I7563">
        <f t="shared" si="839"/>
        <v>0.20001735588868583</v>
      </c>
      <c r="J7563">
        <f t="shared" si="840"/>
        <v>0.66672451962895285</v>
      </c>
      <c r="K7563">
        <f t="shared" si="841"/>
        <v>1.0000867794434292</v>
      </c>
      <c r="L7563">
        <f t="shared" si="842"/>
        <v>10.80453145743877</v>
      </c>
      <c r="M7563">
        <f t="shared" si="843"/>
        <v>0</v>
      </c>
      <c r="N7563" s="46">
        <f t="shared" si="844"/>
        <v>45605.708333315073</v>
      </c>
    </row>
    <row r="7564" spans="2:14" x14ac:dyDescent="0.3">
      <c r="B7564">
        <f t="shared" si="838"/>
        <v>6</v>
      </c>
      <c r="C7564" s="16">
        <v>7530</v>
      </c>
      <c r="D7564" cm="1">
        <f t="array" ref="D7564">IFERROR(INDEX(Jesper!AH$2:AH$366,ROUNDDOWN($C7564/24,0)+1,1)*INDEX($D$3:$AA$30,INDEX(Jesper!$R$2:$R$366,ROW(INDEX(Jesper!AH$2:AH$366,ROUNDDOWN($C7564/24,0)+1,1))-1)+IF('Standard Profiles'!$G$18=$B$10,7,0)+IF('Standard Profiles'!$G$18=$B$17,14,0)+IF('Standard Profiles'!$G$18=$B$24,21,0),MOD($C7564,24)+1)/SUM(INDEX($D$3:$AA$30,INDEX(Jesper!$R$2:$R$366,ROW(INDEX(Jesper!AH$2:AH$366,ROUNDDOWN($C7564/24,0)+1,1))-1)+IF('Standard Profiles'!$G$18=$B$10,7,0)+IF('Standard Profiles'!$G$18=$B$17,14,0)+IF('Standard Profiles'!$G$18=$B$24,21,0),0)),0)</f>
        <v>10.064087185663743</v>
      </c>
      <c r="E7564" cm="1">
        <f t="array" ref="E7564">IFERROR(INDEX(Jesper!AI$2:AI$366,ROUNDDOWN($C7564/24,0)+1,1)*INDEX($D$3:$AA$30,INDEX(Jesper!$R$2:$R$366,ROW(INDEX(Jesper!AI$2:AI$366,ROUNDDOWN($C7564/24,0)+1,1))-1)+IF('Standard Profiles'!$G$19=$B$10,7,0)+IF('Standard Profiles'!$G$19=$B$17,14,0)+IF('Standard Profiles'!$G$19=$B$24,21,0),MOD($C7564,24)+1)/SUM(INDEX($D$3:$AA$30,INDEX(Jesper!$R$2:$R$366,ROW(INDEX(Jesper!AI$2:AI$366,ROUNDDOWN($C7564/24,0)+1,1))-1)+IF('Standard Profiles'!$G$19=$B$10,7,0)+IF('Standard Profiles'!$G$19=$B$17,14,0)+IF('Standard Profiles'!$G$19=$B$24,21,0),0)),0)</f>
        <v>2.1379632929435077</v>
      </c>
      <c r="F7564" cm="1">
        <f t="array" ref="F7564">IFERROR(INDEX(Jesper!AJ$2:AJ$366,ROUNDDOWN($C7564/24,0)+1,1)*INDEX($D$3:$AA$30,INDEX(Jesper!$R$2:$R$366,ROW(INDEX(Jesper!AJ$2:AJ$366,ROUNDDOWN($C7564/24,0)+1,1))-1)+IF('Standard Profiles'!$G$20=$B$10,7,0)+IF('Standard Profiles'!$G$20=$B$17,14,0)+IF('Standard Profiles'!$G$20=$B$24,21,0),MOD($C7564,24)+1)/SUM(INDEX($D$3:$AA$30,INDEX(Jesper!$R$2:$R$366,ROW(INDEX(Jesper!AJ$2:AJ$366,ROUNDDOWN($C7564/24,0)+1,1))-1)+IF('Standard Profiles'!$G$20=$B$10,7,0)+IF('Standard Profiles'!$G$20=$B$17,14,0)+IF('Standard Profiles'!$G$20=$B$24,21,0),0)),0)</f>
        <v>0</v>
      </c>
      <c r="G7564" cm="1">
        <f t="array" ref="G7564">IFERROR(INDEX(Jesper!AK$2:AK$366,ROUNDDOWN($C7564/24,0)+1,1)*INDEX($D$3:$AA$30,INDEX(Jesper!$R$2:$R$366,ROW(INDEX(Jesper!AK$2:AK$366,ROUNDDOWN($C7564/24,0)+1,1))-1)+IF('Standard Profiles'!$G$21=$B$10,7,0)+IF('Standard Profiles'!$G$21=$B$17,14,0)+IF('Standard Profiles'!$G$21=$B$24,21,0),MOD($C7564,24)+1)/SUM(INDEX($D$3:$AA$30,INDEX(Jesper!$R$2:$R$366,ROW(INDEX(Jesper!AK$2:AK$366,ROUNDDOWN($C7564/24,0)+1,1))-1)+IF('Standard Profiles'!$G$21=$B$10,7,0)+IF('Standard Profiles'!$G$21=$B$17,14,0)+IF('Standard Profiles'!$G$21=$B$24,21,0),0)),0)</f>
        <v>0</v>
      </c>
      <c r="H7564" cm="1">
        <f t="array" ref="H7564">IFERROR(INDEX(Jesper!AL$2:AL$366,ROUNDDOWN($C7564/24,0)+1,1)*INDEX($D$3:$AA$30,INDEX(Jesper!$R$2:$R$366,ROW(INDEX(Jesper!AL$2:AL$366,ROUNDDOWN($C7564/24,0)+1,1))-1)+IF('Standard Profiles'!$G$22=$B$10,7,0)+IF('Standard Profiles'!$G$22=$B$17,14,0)+IF('Standard Profiles'!$G$22=$B$24,21,0),MOD($C7564,24)+1)/SUM(INDEX($D$3:$AA$30,INDEX(Jesper!$R$2:$R$366,ROW(INDEX(Jesper!AL$2:AL$366,ROUNDDOWN($C7564/24,0)+1,1))-1)+IF('Standard Profiles'!$G$22=$B$10,7,0)+IF('Standard Profiles'!$G$22=$B$17,14,0)+IF('Standard Profiles'!$G$22=$B$24,21,0),0)),0)</f>
        <v>0</v>
      </c>
      <c r="I7564">
        <f t="shared" si="839"/>
        <v>0.19260930567058634</v>
      </c>
      <c r="J7564">
        <f t="shared" si="840"/>
        <v>0.64203101890195458</v>
      </c>
      <c r="K7564">
        <f t="shared" si="841"/>
        <v>0.96304652835293181</v>
      </c>
      <c r="L7564">
        <f t="shared" si="842"/>
        <v>10.404363625681778</v>
      </c>
      <c r="M7564">
        <f t="shared" si="843"/>
        <v>0</v>
      </c>
      <c r="N7564" s="46">
        <f t="shared" si="844"/>
        <v>45605.749999981737</v>
      </c>
    </row>
    <row r="7565" spans="2:14" x14ac:dyDescent="0.3">
      <c r="B7565">
        <f t="shared" si="838"/>
        <v>6</v>
      </c>
      <c r="C7565" s="16">
        <v>7531</v>
      </c>
      <c r="D7565" cm="1">
        <f t="array" ref="D7565">IFERROR(INDEX(Jesper!AH$2:AH$366,ROUNDDOWN($C7565/24,0)+1,1)*INDEX($D$3:$AA$30,INDEX(Jesper!$R$2:$R$366,ROW(INDEX(Jesper!AH$2:AH$366,ROUNDDOWN($C7565/24,0)+1,1))-1)+IF('Standard Profiles'!$G$18=$B$10,7,0)+IF('Standard Profiles'!$G$18=$B$17,14,0)+IF('Standard Profiles'!$G$18=$B$24,21,0),MOD($C7565,24)+1)/SUM(INDEX($D$3:$AA$30,INDEX(Jesper!$R$2:$R$366,ROW(INDEX(Jesper!AH$2:AH$366,ROUNDDOWN($C7565/24,0)+1,1))-1)+IF('Standard Profiles'!$G$18=$B$10,7,0)+IF('Standard Profiles'!$G$18=$B$17,14,0)+IF('Standard Profiles'!$G$18=$B$24,21,0),0)),0)</f>
        <v>8.1286858038053289</v>
      </c>
      <c r="E7565" cm="1">
        <f t="array" ref="E7565">IFERROR(INDEX(Jesper!AI$2:AI$366,ROUNDDOWN($C7565/24,0)+1,1)*INDEX($D$3:$AA$30,INDEX(Jesper!$R$2:$R$366,ROW(INDEX(Jesper!AI$2:AI$366,ROUNDDOWN($C7565/24,0)+1,1))-1)+IF('Standard Profiles'!$G$19=$B$10,7,0)+IF('Standard Profiles'!$G$19=$B$17,14,0)+IF('Standard Profiles'!$G$19=$B$24,21,0),MOD($C7565,24)+1)/SUM(INDEX($D$3:$AA$30,INDEX(Jesper!$R$2:$R$366,ROW(INDEX(Jesper!AI$2:AI$366,ROUNDDOWN($C7565/24,0)+1,1))-1)+IF('Standard Profiles'!$G$19=$B$10,7,0)+IF('Standard Profiles'!$G$19=$B$17,14,0)+IF('Standard Profiles'!$G$19=$B$24,21,0),0)),0)</f>
        <v>1.726816505838987</v>
      </c>
      <c r="F7565" cm="1">
        <f t="array" ref="F7565">IFERROR(INDEX(Jesper!AJ$2:AJ$366,ROUNDDOWN($C7565/24,0)+1,1)*INDEX($D$3:$AA$30,INDEX(Jesper!$R$2:$R$366,ROW(INDEX(Jesper!AJ$2:AJ$366,ROUNDDOWN($C7565/24,0)+1,1))-1)+IF('Standard Profiles'!$G$20=$B$10,7,0)+IF('Standard Profiles'!$G$20=$B$17,14,0)+IF('Standard Profiles'!$G$20=$B$24,21,0),MOD($C7565,24)+1)/SUM(INDEX($D$3:$AA$30,INDEX(Jesper!$R$2:$R$366,ROW(INDEX(Jesper!AJ$2:AJ$366,ROUNDDOWN($C7565/24,0)+1,1))-1)+IF('Standard Profiles'!$G$20=$B$10,7,0)+IF('Standard Profiles'!$G$20=$B$17,14,0)+IF('Standard Profiles'!$G$20=$B$24,21,0),0)),0)</f>
        <v>0</v>
      </c>
      <c r="G7565" cm="1">
        <f t="array" ref="G7565">IFERROR(INDEX(Jesper!AK$2:AK$366,ROUNDDOWN($C7565/24,0)+1,1)*INDEX($D$3:$AA$30,INDEX(Jesper!$R$2:$R$366,ROW(INDEX(Jesper!AK$2:AK$366,ROUNDDOWN($C7565/24,0)+1,1))-1)+IF('Standard Profiles'!$G$21=$B$10,7,0)+IF('Standard Profiles'!$G$21=$B$17,14,0)+IF('Standard Profiles'!$G$21=$B$24,21,0),MOD($C7565,24)+1)/SUM(INDEX($D$3:$AA$30,INDEX(Jesper!$R$2:$R$366,ROW(INDEX(Jesper!AK$2:AK$366,ROUNDDOWN($C7565/24,0)+1,1))-1)+IF('Standard Profiles'!$G$21=$B$10,7,0)+IF('Standard Profiles'!$G$21=$B$17,14,0)+IF('Standard Profiles'!$G$21=$B$24,21,0),0)),0)</f>
        <v>0</v>
      </c>
      <c r="H7565" cm="1">
        <f t="array" ref="H7565">IFERROR(INDEX(Jesper!AL$2:AL$366,ROUNDDOWN($C7565/24,0)+1,1)*INDEX($D$3:$AA$30,INDEX(Jesper!$R$2:$R$366,ROW(INDEX(Jesper!AL$2:AL$366,ROUNDDOWN($C7565/24,0)+1,1))-1)+IF('Standard Profiles'!$G$22=$B$10,7,0)+IF('Standard Profiles'!$G$22=$B$17,14,0)+IF('Standard Profiles'!$G$22=$B$24,21,0),MOD($C7565,24)+1)/SUM(INDEX($D$3:$AA$30,INDEX(Jesper!$R$2:$R$366,ROW(INDEX(Jesper!AL$2:AL$366,ROUNDDOWN($C7565/24,0)+1,1))-1)+IF('Standard Profiles'!$G$22=$B$10,7,0)+IF('Standard Profiles'!$G$22=$B$17,14,0)+IF('Standard Profiles'!$G$22=$B$24,21,0),0)),0)</f>
        <v>0</v>
      </c>
      <c r="I7565">
        <f t="shared" si="839"/>
        <v>0.15556905458008896</v>
      </c>
      <c r="J7565">
        <f t="shared" si="840"/>
        <v>0.51856351526696332</v>
      </c>
      <c r="K7565">
        <f t="shared" si="841"/>
        <v>0.77784527290044492</v>
      </c>
      <c r="L7565">
        <f t="shared" si="842"/>
        <v>8.403524466896819</v>
      </c>
      <c r="M7565">
        <f t="shared" si="843"/>
        <v>0</v>
      </c>
      <c r="N7565" s="46">
        <f t="shared" si="844"/>
        <v>45605.791666648402</v>
      </c>
    </row>
    <row r="7566" spans="2:14" x14ac:dyDescent="0.3">
      <c r="B7566">
        <f t="shared" si="838"/>
        <v>6</v>
      </c>
      <c r="C7566" s="16">
        <v>7532</v>
      </c>
      <c r="D7566" cm="1">
        <f t="array" ref="D7566">IFERROR(INDEX(Jesper!AH$2:AH$366,ROUNDDOWN($C7566/24,0)+1,1)*INDEX($D$3:$AA$30,INDEX(Jesper!$R$2:$R$366,ROW(INDEX(Jesper!AH$2:AH$366,ROUNDDOWN($C7566/24,0)+1,1))-1)+IF('Standard Profiles'!$G$18=$B$10,7,0)+IF('Standard Profiles'!$G$18=$B$17,14,0)+IF('Standard Profiles'!$G$18=$B$24,21,0),MOD($C7566,24)+1)/SUM(INDEX($D$3:$AA$30,INDEX(Jesper!$R$2:$R$366,ROW(INDEX(Jesper!AH$2:AH$366,ROUNDDOWN($C7566/24,0)+1,1))-1)+IF('Standard Profiles'!$G$18=$B$10,7,0)+IF('Standard Profiles'!$G$18=$B$17,14,0)+IF('Standard Profiles'!$G$18=$B$24,21,0),0)),0)</f>
        <v>5.9997442837610775</v>
      </c>
      <c r="E7566" cm="1">
        <f t="array" ref="E7566">IFERROR(INDEX(Jesper!AI$2:AI$366,ROUNDDOWN($C7566/24,0)+1,1)*INDEX($D$3:$AA$30,INDEX(Jesper!$R$2:$R$366,ROW(INDEX(Jesper!AI$2:AI$366,ROUNDDOWN($C7566/24,0)+1,1))-1)+IF('Standard Profiles'!$G$19=$B$10,7,0)+IF('Standard Profiles'!$G$19=$B$17,14,0)+IF('Standard Profiles'!$G$19=$B$24,21,0),MOD($C7566,24)+1)/SUM(INDEX($D$3:$AA$30,INDEX(Jesper!$R$2:$R$366,ROW(INDEX(Jesper!AI$2:AI$366,ROUNDDOWN($C7566/24,0)+1,1))-1)+IF('Standard Profiles'!$G$19=$B$10,7,0)+IF('Standard Profiles'!$G$19=$B$17,14,0)+IF('Standard Profiles'!$G$19=$B$24,21,0),0)),0)</f>
        <v>1.2745550400240142</v>
      </c>
      <c r="F7566" cm="1">
        <f t="array" ref="F7566">IFERROR(INDEX(Jesper!AJ$2:AJ$366,ROUNDDOWN($C7566/24,0)+1,1)*INDEX($D$3:$AA$30,INDEX(Jesper!$R$2:$R$366,ROW(INDEX(Jesper!AJ$2:AJ$366,ROUNDDOWN($C7566/24,0)+1,1))-1)+IF('Standard Profiles'!$G$20=$B$10,7,0)+IF('Standard Profiles'!$G$20=$B$17,14,0)+IF('Standard Profiles'!$G$20=$B$24,21,0),MOD($C7566,24)+1)/SUM(INDEX($D$3:$AA$30,INDEX(Jesper!$R$2:$R$366,ROW(INDEX(Jesper!AJ$2:AJ$366,ROUNDDOWN($C7566/24,0)+1,1))-1)+IF('Standard Profiles'!$G$20=$B$10,7,0)+IF('Standard Profiles'!$G$20=$B$17,14,0)+IF('Standard Profiles'!$G$20=$B$24,21,0),0)),0)</f>
        <v>0</v>
      </c>
      <c r="G7566" cm="1">
        <f t="array" ref="G7566">IFERROR(INDEX(Jesper!AK$2:AK$366,ROUNDDOWN($C7566/24,0)+1,1)*INDEX($D$3:$AA$30,INDEX(Jesper!$R$2:$R$366,ROW(INDEX(Jesper!AK$2:AK$366,ROUNDDOWN($C7566/24,0)+1,1))-1)+IF('Standard Profiles'!$G$21=$B$10,7,0)+IF('Standard Profiles'!$G$21=$B$17,14,0)+IF('Standard Profiles'!$G$21=$B$24,21,0),MOD($C7566,24)+1)/SUM(INDEX($D$3:$AA$30,INDEX(Jesper!$R$2:$R$366,ROW(INDEX(Jesper!AK$2:AK$366,ROUNDDOWN($C7566/24,0)+1,1))-1)+IF('Standard Profiles'!$G$21=$B$10,7,0)+IF('Standard Profiles'!$G$21=$B$17,14,0)+IF('Standard Profiles'!$G$21=$B$24,21,0),0)),0)</f>
        <v>0</v>
      </c>
      <c r="H7566" cm="1">
        <f t="array" ref="H7566">IFERROR(INDEX(Jesper!AL$2:AL$366,ROUNDDOWN($C7566/24,0)+1,1)*INDEX($D$3:$AA$30,INDEX(Jesper!$R$2:$R$366,ROW(INDEX(Jesper!AL$2:AL$366,ROUNDDOWN($C7566/24,0)+1,1))-1)+IF('Standard Profiles'!$G$22=$B$10,7,0)+IF('Standard Profiles'!$G$22=$B$17,14,0)+IF('Standard Profiles'!$G$22=$B$24,21,0),MOD($C7566,24)+1)/SUM(INDEX($D$3:$AA$30,INDEX(Jesper!$R$2:$R$366,ROW(INDEX(Jesper!AL$2:AL$366,ROUNDDOWN($C7566/24,0)+1,1))-1)+IF('Standard Profiles'!$G$22=$B$10,7,0)+IF('Standard Profiles'!$G$22=$B$17,14,0)+IF('Standard Profiles'!$G$22=$B$24,21,0),0)),0)</f>
        <v>0</v>
      </c>
      <c r="I7566">
        <f t="shared" si="839"/>
        <v>0.11482477838054185</v>
      </c>
      <c r="J7566">
        <f t="shared" si="840"/>
        <v>0.38274926126847286</v>
      </c>
      <c r="K7566">
        <f t="shared" si="841"/>
        <v>0.57412389190270929</v>
      </c>
      <c r="L7566">
        <f t="shared" si="842"/>
        <v>6.202601392233368</v>
      </c>
      <c r="M7566">
        <f t="shared" si="843"/>
        <v>0</v>
      </c>
      <c r="N7566" s="46">
        <f t="shared" si="844"/>
        <v>45605.833333315066</v>
      </c>
    </row>
    <row r="7567" spans="2:14" x14ac:dyDescent="0.3">
      <c r="B7567">
        <f t="shared" si="838"/>
        <v>6</v>
      </c>
      <c r="C7567" s="16">
        <v>7533</v>
      </c>
      <c r="D7567" cm="1">
        <f t="array" ref="D7567">IFERROR(INDEX(Jesper!AH$2:AH$366,ROUNDDOWN($C7567/24,0)+1,1)*INDEX($D$3:$AA$30,INDEX(Jesper!$R$2:$R$366,ROW(INDEX(Jesper!AH$2:AH$366,ROUNDDOWN($C7567/24,0)+1,1))-1)+IF('Standard Profiles'!$G$18=$B$10,7,0)+IF('Standard Profiles'!$G$18=$B$17,14,0)+IF('Standard Profiles'!$G$18=$B$24,21,0),MOD($C7567,24)+1)/SUM(INDEX($D$3:$AA$30,INDEX(Jesper!$R$2:$R$366,ROW(INDEX(Jesper!AH$2:AH$366,ROUNDDOWN($C7567/24,0)+1,1))-1)+IF('Standard Profiles'!$G$18=$B$10,7,0)+IF('Standard Profiles'!$G$18=$B$17,14,0)+IF('Standard Profiles'!$G$18=$B$24,21,0),0)),0)</f>
        <v>5.9997442837610775</v>
      </c>
      <c r="E7567" cm="1">
        <f t="array" ref="E7567">IFERROR(INDEX(Jesper!AI$2:AI$366,ROUNDDOWN($C7567/24,0)+1,1)*INDEX($D$3:$AA$30,INDEX(Jesper!$R$2:$R$366,ROW(INDEX(Jesper!AI$2:AI$366,ROUNDDOWN($C7567/24,0)+1,1))-1)+IF('Standard Profiles'!$G$19=$B$10,7,0)+IF('Standard Profiles'!$G$19=$B$17,14,0)+IF('Standard Profiles'!$G$19=$B$24,21,0),MOD($C7567,24)+1)/SUM(INDEX($D$3:$AA$30,INDEX(Jesper!$R$2:$R$366,ROW(INDEX(Jesper!AI$2:AI$366,ROUNDDOWN($C7567/24,0)+1,1))-1)+IF('Standard Profiles'!$G$19=$B$10,7,0)+IF('Standard Profiles'!$G$19=$B$17,14,0)+IF('Standard Profiles'!$G$19=$B$24,21,0),0)),0)</f>
        <v>1.2745550400240142</v>
      </c>
      <c r="F7567" cm="1">
        <f t="array" ref="F7567">IFERROR(INDEX(Jesper!AJ$2:AJ$366,ROUNDDOWN($C7567/24,0)+1,1)*INDEX($D$3:$AA$30,INDEX(Jesper!$R$2:$R$366,ROW(INDEX(Jesper!AJ$2:AJ$366,ROUNDDOWN($C7567/24,0)+1,1))-1)+IF('Standard Profiles'!$G$20=$B$10,7,0)+IF('Standard Profiles'!$G$20=$B$17,14,0)+IF('Standard Profiles'!$G$20=$B$24,21,0),MOD($C7567,24)+1)/SUM(INDEX($D$3:$AA$30,INDEX(Jesper!$R$2:$R$366,ROW(INDEX(Jesper!AJ$2:AJ$366,ROUNDDOWN($C7567/24,0)+1,1))-1)+IF('Standard Profiles'!$G$20=$B$10,7,0)+IF('Standard Profiles'!$G$20=$B$17,14,0)+IF('Standard Profiles'!$G$20=$B$24,21,0),0)),0)</f>
        <v>0</v>
      </c>
      <c r="G7567" cm="1">
        <f t="array" ref="G7567">IFERROR(INDEX(Jesper!AK$2:AK$366,ROUNDDOWN($C7567/24,0)+1,1)*INDEX($D$3:$AA$30,INDEX(Jesper!$R$2:$R$366,ROW(INDEX(Jesper!AK$2:AK$366,ROUNDDOWN($C7567/24,0)+1,1))-1)+IF('Standard Profiles'!$G$21=$B$10,7,0)+IF('Standard Profiles'!$G$21=$B$17,14,0)+IF('Standard Profiles'!$G$21=$B$24,21,0),MOD($C7567,24)+1)/SUM(INDEX($D$3:$AA$30,INDEX(Jesper!$R$2:$R$366,ROW(INDEX(Jesper!AK$2:AK$366,ROUNDDOWN($C7567/24,0)+1,1))-1)+IF('Standard Profiles'!$G$21=$B$10,7,0)+IF('Standard Profiles'!$G$21=$B$17,14,0)+IF('Standard Profiles'!$G$21=$B$24,21,0),0)),0)</f>
        <v>0</v>
      </c>
      <c r="H7567" cm="1">
        <f t="array" ref="H7567">IFERROR(INDEX(Jesper!AL$2:AL$366,ROUNDDOWN($C7567/24,0)+1,1)*INDEX($D$3:$AA$30,INDEX(Jesper!$R$2:$R$366,ROW(INDEX(Jesper!AL$2:AL$366,ROUNDDOWN($C7567/24,0)+1,1))-1)+IF('Standard Profiles'!$G$22=$B$10,7,0)+IF('Standard Profiles'!$G$22=$B$17,14,0)+IF('Standard Profiles'!$G$22=$B$24,21,0),MOD($C7567,24)+1)/SUM(INDEX($D$3:$AA$30,INDEX(Jesper!$R$2:$R$366,ROW(INDEX(Jesper!AL$2:AL$366,ROUNDDOWN($C7567/24,0)+1,1))-1)+IF('Standard Profiles'!$G$22=$B$10,7,0)+IF('Standard Profiles'!$G$22=$B$17,14,0)+IF('Standard Profiles'!$G$22=$B$24,21,0),0)),0)</f>
        <v>0</v>
      </c>
      <c r="I7567">
        <f t="shared" si="839"/>
        <v>0.11482477838054185</v>
      </c>
      <c r="J7567">
        <f t="shared" si="840"/>
        <v>0.38274926126847286</v>
      </c>
      <c r="K7567">
        <f t="shared" si="841"/>
        <v>0.57412389190270929</v>
      </c>
      <c r="L7567">
        <f t="shared" si="842"/>
        <v>6.202601392233368</v>
      </c>
      <c r="M7567">
        <f t="shared" si="843"/>
        <v>0</v>
      </c>
      <c r="N7567" s="46">
        <f t="shared" si="844"/>
        <v>45605.87499998173</v>
      </c>
    </row>
    <row r="7568" spans="2:14" x14ac:dyDescent="0.3">
      <c r="B7568">
        <f t="shared" si="838"/>
        <v>6</v>
      </c>
      <c r="C7568" s="16">
        <v>7534</v>
      </c>
      <c r="D7568" cm="1">
        <f t="array" ref="D7568">IFERROR(INDEX(Jesper!AH$2:AH$366,ROUNDDOWN($C7568/24,0)+1,1)*INDEX($D$3:$AA$30,INDEX(Jesper!$R$2:$R$366,ROW(INDEX(Jesper!AH$2:AH$366,ROUNDDOWN($C7568/24,0)+1,1))-1)+IF('Standard Profiles'!$G$18=$B$10,7,0)+IF('Standard Profiles'!$G$18=$B$17,14,0)+IF('Standard Profiles'!$G$18=$B$24,21,0),MOD($C7568,24)+1)/SUM(INDEX($D$3:$AA$30,INDEX(Jesper!$R$2:$R$366,ROW(INDEX(Jesper!AH$2:AH$366,ROUNDDOWN($C7568/24,0)+1,1))-1)+IF('Standard Profiles'!$G$18=$B$10,7,0)+IF('Standard Profiles'!$G$18=$B$17,14,0)+IF('Standard Profiles'!$G$18=$B$24,21,0),0)),0)</f>
        <v>5.9997442837610775</v>
      </c>
      <c r="E7568" cm="1">
        <f t="array" ref="E7568">IFERROR(INDEX(Jesper!AI$2:AI$366,ROUNDDOWN($C7568/24,0)+1,1)*INDEX($D$3:$AA$30,INDEX(Jesper!$R$2:$R$366,ROW(INDEX(Jesper!AI$2:AI$366,ROUNDDOWN($C7568/24,0)+1,1))-1)+IF('Standard Profiles'!$G$19=$B$10,7,0)+IF('Standard Profiles'!$G$19=$B$17,14,0)+IF('Standard Profiles'!$G$19=$B$24,21,0),MOD($C7568,24)+1)/SUM(INDEX($D$3:$AA$30,INDEX(Jesper!$R$2:$R$366,ROW(INDEX(Jesper!AI$2:AI$366,ROUNDDOWN($C7568/24,0)+1,1))-1)+IF('Standard Profiles'!$G$19=$B$10,7,0)+IF('Standard Profiles'!$G$19=$B$17,14,0)+IF('Standard Profiles'!$G$19=$B$24,21,0),0)),0)</f>
        <v>1.2745550400240142</v>
      </c>
      <c r="F7568" cm="1">
        <f t="array" ref="F7568">IFERROR(INDEX(Jesper!AJ$2:AJ$366,ROUNDDOWN($C7568/24,0)+1,1)*INDEX($D$3:$AA$30,INDEX(Jesper!$R$2:$R$366,ROW(INDEX(Jesper!AJ$2:AJ$366,ROUNDDOWN($C7568/24,0)+1,1))-1)+IF('Standard Profiles'!$G$20=$B$10,7,0)+IF('Standard Profiles'!$G$20=$B$17,14,0)+IF('Standard Profiles'!$G$20=$B$24,21,0),MOD($C7568,24)+1)/SUM(INDEX($D$3:$AA$30,INDEX(Jesper!$R$2:$R$366,ROW(INDEX(Jesper!AJ$2:AJ$366,ROUNDDOWN($C7568/24,0)+1,1))-1)+IF('Standard Profiles'!$G$20=$B$10,7,0)+IF('Standard Profiles'!$G$20=$B$17,14,0)+IF('Standard Profiles'!$G$20=$B$24,21,0),0)),0)</f>
        <v>0</v>
      </c>
      <c r="G7568" cm="1">
        <f t="array" ref="G7568">IFERROR(INDEX(Jesper!AK$2:AK$366,ROUNDDOWN($C7568/24,0)+1,1)*INDEX($D$3:$AA$30,INDEX(Jesper!$R$2:$R$366,ROW(INDEX(Jesper!AK$2:AK$366,ROUNDDOWN($C7568/24,0)+1,1))-1)+IF('Standard Profiles'!$G$21=$B$10,7,0)+IF('Standard Profiles'!$G$21=$B$17,14,0)+IF('Standard Profiles'!$G$21=$B$24,21,0),MOD($C7568,24)+1)/SUM(INDEX($D$3:$AA$30,INDEX(Jesper!$R$2:$R$366,ROW(INDEX(Jesper!AK$2:AK$366,ROUNDDOWN($C7568/24,0)+1,1))-1)+IF('Standard Profiles'!$G$21=$B$10,7,0)+IF('Standard Profiles'!$G$21=$B$17,14,0)+IF('Standard Profiles'!$G$21=$B$24,21,0),0)),0)</f>
        <v>0</v>
      </c>
      <c r="H7568" cm="1">
        <f t="array" ref="H7568">IFERROR(INDEX(Jesper!AL$2:AL$366,ROUNDDOWN($C7568/24,0)+1,1)*INDEX($D$3:$AA$30,INDEX(Jesper!$R$2:$R$366,ROW(INDEX(Jesper!AL$2:AL$366,ROUNDDOWN($C7568/24,0)+1,1))-1)+IF('Standard Profiles'!$G$22=$B$10,7,0)+IF('Standard Profiles'!$G$22=$B$17,14,0)+IF('Standard Profiles'!$G$22=$B$24,21,0),MOD($C7568,24)+1)/SUM(INDEX($D$3:$AA$30,INDEX(Jesper!$R$2:$R$366,ROW(INDEX(Jesper!AL$2:AL$366,ROUNDDOWN($C7568/24,0)+1,1))-1)+IF('Standard Profiles'!$G$22=$B$10,7,0)+IF('Standard Profiles'!$G$22=$B$17,14,0)+IF('Standard Profiles'!$G$22=$B$24,21,0),0)),0)</f>
        <v>0</v>
      </c>
      <c r="I7568">
        <f t="shared" si="839"/>
        <v>0.11482477838054185</v>
      </c>
      <c r="J7568">
        <f t="shared" si="840"/>
        <v>0.38274926126847286</v>
      </c>
      <c r="K7568">
        <f t="shared" si="841"/>
        <v>0.57412389190270929</v>
      </c>
      <c r="L7568">
        <f t="shared" si="842"/>
        <v>6.202601392233368</v>
      </c>
      <c r="M7568">
        <f t="shared" si="843"/>
        <v>0</v>
      </c>
      <c r="N7568" s="46">
        <f t="shared" si="844"/>
        <v>45605.916666648394</v>
      </c>
    </row>
    <row r="7569" spans="2:14" x14ac:dyDescent="0.3">
      <c r="B7569">
        <f t="shared" si="838"/>
        <v>6</v>
      </c>
      <c r="C7569" s="16">
        <v>7535</v>
      </c>
      <c r="D7569" cm="1">
        <f t="array" ref="D7569">IFERROR(INDEX(Jesper!AH$2:AH$366,ROUNDDOWN($C7569/24,0)+1,1)*INDEX($D$3:$AA$30,INDEX(Jesper!$R$2:$R$366,ROW(INDEX(Jesper!AH$2:AH$366,ROUNDDOWN($C7569/24,0)+1,1))-1)+IF('Standard Profiles'!$G$18=$B$10,7,0)+IF('Standard Profiles'!$G$18=$B$17,14,0)+IF('Standard Profiles'!$G$18=$B$24,21,0),MOD($C7569,24)+1)/SUM(INDEX($D$3:$AA$30,INDEX(Jesper!$R$2:$R$366,ROW(INDEX(Jesper!AH$2:AH$366,ROUNDDOWN($C7569/24,0)+1,1))-1)+IF('Standard Profiles'!$G$18=$B$10,7,0)+IF('Standard Profiles'!$G$18=$B$17,14,0)+IF('Standard Profiles'!$G$18=$B$24,21,0),0)),0)</f>
        <v>5.9997442837610775</v>
      </c>
      <c r="E7569" cm="1">
        <f t="array" ref="E7569">IFERROR(INDEX(Jesper!AI$2:AI$366,ROUNDDOWN($C7569/24,0)+1,1)*INDEX($D$3:$AA$30,INDEX(Jesper!$R$2:$R$366,ROW(INDEX(Jesper!AI$2:AI$366,ROUNDDOWN($C7569/24,0)+1,1))-1)+IF('Standard Profiles'!$G$19=$B$10,7,0)+IF('Standard Profiles'!$G$19=$B$17,14,0)+IF('Standard Profiles'!$G$19=$B$24,21,0),MOD($C7569,24)+1)/SUM(INDEX($D$3:$AA$30,INDEX(Jesper!$R$2:$R$366,ROW(INDEX(Jesper!AI$2:AI$366,ROUNDDOWN($C7569/24,0)+1,1))-1)+IF('Standard Profiles'!$G$19=$B$10,7,0)+IF('Standard Profiles'!$G$19=$B$17,14,0)+IF('Standard Profiles'!$G$19=$B$24,21,0),0)),0)</f>
        <v>1.2745550400240142</v>
      </c>
      <c r="F7569" cm="1">
        <f t="array" ref="F7569">IFERROR(INDEX(Jesper!AJ$2:AJ$366,ROUNDDOWN($C7569/24,0)+1,1)*INDEX($D$3:$AA$30,INDEX(Jesper!$R$2:$R$366,ROW(INDEX(Jesper!AJ$2:AJ$366,ROUNDDOWN($C7569/24,0)+1,1))-1)+IF('Standard Profiles'!$G$20=$B$10,7,0)+IF('Standard Profiles'!$G$20=$B$17,14,0)+IF('Standard Profiles'!$G$20=$B$24,21,0),MOD($C7569,24)+1)/SUM(INDEX($D$3:$AA$30,INDEX(Jesper!$R$2:$R$366,ROW(INDEX(Jesper!AJ$2:AJ$366,ROUNDDOWN($C7569/24,0)+1,1))-1)+IF('Standard Profiles'!$G$20=$B$10,7,0)+IF('Standard Profiles'!$G$20=$B$17,14,0)+IF('Standard Profiles'!$G$20=$B$24,21,0),0)),0)</f>
        <v>0</v>
      </c>
      <c r="G7569" cm="1">
        <f t="array" ref="G7569">IFERROR(INDEX(Jesper!AK$2:AK$366,ROUNDDOWN($C7569/24,0)+1,1)*INDEX($D$3:$AA$30,INDEX(Jesper!$R$2:$R$366,ROW(INDEX(Jesper!AK$2:AK$366,ROUNDDOWN($C7569/24,0)+1,1))-1)+IF('Standard Profiles'!$G$21=$B$10,7,0)+IF('Standard Profiles'!$G$21=$B$17,14,0)+IF('Standard Profiles'!$G$21=$B$24,21,0),MOD($C7569,24)+1)/SUM(INDEX($D$3:$AA$30,INDEX(Jesper!$R$2:$R$366,ROW(INDEX(Jesper!AK$2:AK$366,ROUNDDOWN($C7569/24,0)+1,1))-1)+IF('Standard Profiles'!$G$21=$B$10,7,0)+IF('Standard Profiles'!$G$21=$B$17,14,0)+IF('Standard Profiles'!$G$21=$B$24,21,0),0)),0)</f>
        <v>0</v>
      </c>
      <c r="H7569" cm="1">
        <f t="array" ref="H7569">IFERROR(INDEX(Jesper!AL$2:AL$366,ROUNDDOWN($C7569/24,0)+1,1)*INDEX($D$3:$AA$30,INDEX(Jesper!$R$2:$R$366,ROW(INDEX(Jesper!AL$2:AL$366,ROUNDDOWN($C7569/24,0)+1,1))-1)+IF('Standard Profiles'!$G$22=$B$10,7,0)+IF('Standard Profiles'!$G$22=$B$17,14,0)+IF('Standard Profiles'!$G$22=$B$24,21,0),MOD($C7569,24)+1)/SUM(INDEX($D$3:$AA$30,INDEX(Jesper!$R$2:$R$366,ROW(INDEX(Jesper!AL$2:AL$366,ROUNDDOWN($C7569/24,0)+1,1))-1)+IF('Standard Profiles'!$G$22=$B$10,7,0)+IF('Standard Profiles'!$G$22=$B$17,14,0)+IF('Standard Profiles'!$G$22=$B$24,21,0),0)),0)</f>
        <v>0</v>
      </c>
      <c r="I7569">
        <f t="shared" si="839"/>
        <v>0.11482477838054185</v>
      </c>
      <c r="J7569">
        <f t="shared" si="840"/>
        <v>0.38274926126847286</v>
      </c>
      <c r="K7569">
        <f t="shared" si="841"/>
        <v>0.57412389190270929</v>
      </c>
      <c r="L7569">
        <f t="shared" si="842"/>
        <v>6.202601392233368</v>
      </c>
      <c r="M7569">
        <f t="shared" si="843"/>
        <v>0</v>
      </c>
      <c r="N7569" s="46">
        <f t="shared" si="844"/>
        <v>45605.958333315059</v>
      </c>
    </row>
    <row r="7570" spans="2:14" x14ac:dyDescent="0.3">
      <c r="B7570">
        <f t="shared" si="838"/>
        <v>7</v>
      </c>
      <c r="C7570" s="16">
        <v>7536</v>
      </c>
      <c r="D7570" cm="1">
        <f t="array" ref="D7570">IFERROR(INDEX(Jesper!AH$2:AH$366,ROUNDDOWN($C7570/24,0)+1,1)*INDEX($D$3:$AA$30,INDEX(Jesper!$R$2:$R$366,ROW(INDEX(Jesper!AH$2:AH$366,ROUNDDOWN($C7570/24,0)+1,1))-1)+IF('Standard Profiles'!$G$18=$B$10,7,0)+IF('Standard Profiles'!$G$18=$B$17,14,0)+IF('Standard Profiles'!$G$18=$B$24,21,0),MOD($C7570,24)+1)/SUM(INDEX($D$3:$AA$30,INDEX(Jesper!$R$2:$R$366,ROW(INDEX(Jesper!AH$2:AH$366,ROUNDDOWN($C7570/24,0)+1,1))-1)+IF('Standard Profiles'!$G$18=$B$10,7,0)+IF('Standard Profiles'!$G$18=$B$17,14,0)+IF('Standard Profiles'!$G$18=$B$24,21,0),0)),0)</f>
        <v>6.9906813565589401</v>
      </c>
      <c r="E7570" cm="1">
        <f t="array" ref="E7570">IFERROR(INDEX(Jesper!AI$2:AI$366,ROUNDDOWN($C7570/24,0)+1,1)*INDEX($D$3:$AA$30,INDEX(Jesper!$R$2:$R$366,ROW(INDEX(Jesper!AI$2:AI$366,ROUNDDOWN($C7570/24,0)+1,1))-1)+IF('Standard Profiles'!$G$19=$B$10,7,0)+IF('Standard Profiles'!$G$19=$B$17,14,0)+IF('Standard Profiles'!$G$19=$B$24,21,0),MOD($C7570,24)+1)/SUM(INDEX($D$3:$AA$30,INDEX(Jesper!$R$2:$R$366,ROW(INDEX(Jesper!AI$2:AI$366,ROUNDDOWN($C7570/24,0)+1,1))-1)+IF('Standard Profiles'!$G$19=$B$10,7,0)+IF('Standard Profiles'!$G$19=$B$17,14,0)+IF('Standard Profiles'!$G$19=$B$24,21,0),0)),0)</f>
        <v>1.5403035341468312</v>
      </c>
      <c r="F7570" cm="1">
        <f t="array" ref="F7570">IFERROR(INDEX(Jesper!AJ$2:AJ$366,ROUNDDOWN($C7570/24,0)+1,1)*INDEX($D$3:$AA$30,INDEX(Jesper!$R$2:$R$366,ROW(INDEX(Jesper!AJ$2:AJ$366,ROUNDDOWN($C7570/24,0)+1,1))-1)+IF('Standard Profiles'!$G$20=$B$10,7,0)+IF('Standard Profiles'!$G$20=$B$17,14,0)+IF('Standard Profiles'!$G$20=$B$24,21,0),MOD($C7570,24)+1)/SUM(INDEX($D$3:$AA$30,INDEX(Jesper!$R$2:$R$366,ROW(INDEX(Jesper!AJ$2:AJ$366,ROUNDDOWN($C7570/24,0)+1,1))-1)+IF('Standard Profiles'!$G$20=$B$10,7,0)+IF('Standard Profiles'!$G$20=$B$17,14,0)+IF('Standard Profiles'!$G$20=$B$24,21,0),0)),0)</f>
        <v>0</v>
      </c>
      <c r="G7570" cm="1">
        <f t="array" ref="G7570">IFERROR(INDEX(Jesper!AK$2:AK$366,ROUNDDOWN($C7570/24,0)+1,1)*INDEX($D$3:$AA$30,INDEX(Jesper!$R$2:$R$366,ROW(INDEX(Jesper!AK$2:AK$366,ROUNDDOWN($C7570/24,0)+1,1))-1)+IF('Standard Profiles'!$G$21=$B$10,7,0)+IF('Standard Profiles'!$G$21=$B$17,14,0)+IF('Standard Profiles'!$G$21=$B$24,21,0),MOD($C7570,24)+1)/SUM(INDEX($D$3:$AA$30,INDEX(Jesper!$R$2:$R$366,ROW(INDEX(Jesper!AK$2:AK$366,ROUNDDOWN($C7570/24,0)+1,1))-1)+IF('Standard Profiles'!$G$21=$B$10,7,0)+IF('Standard Profiles'!$G$21=$B$17,14,0)+IF('Standard Profiles'!$G$21=$B$24,21,0),0)),0)</f>
        <v>0</v>
      </c>
      <c r="H7570" cm="1">
        <f t="array" ref="H7570">IFERROR(INDEX(Jesper!AL$2:AL$366,ROUNDDOWN($C7570/24,0)+1,1)*INDEX($D$3:$AA$30,INDEX(Jesper!$R$2:$R$366,ROW(INDEX(Jesper!AL$2:AL$366,ROUNDDOWN($C7570/24,0)+1,1))-1)+IF('Standard Profiles'!$G$22=$B$10,7,0)+IF('Standard Profiles'!$G$22=$B$17,14,0)+IF('Standard Profiles'!$G$22=$B$24,21,0),MOD($C7570,24)+1)/SUM(INDEX($D$3:$AA$30,INDEX(Jesper!$R$2:$R$366,ROW(INDEX(Jesper!AL$2:AL$366,ROUNDDOWN($C7570/24,0)+1,1))-1)+IF('Standard Profiles'!$G$22=$B$10,7,0)+IF('Standard Profiles'!$G$22=$B$17,14,0)+IF('Standard Profiles'!$G$22=$B$24,21,0),0)),0)</f>
        <v>0</v>
      </c>
      <c r="I7570">
        <f t="shared" si="839"/>
        <v>0.13876608415737221</v>
      </c>
      <c r="J7570">
        <f t="shared" si="840"/>
        <v>0.46255361385790744</v>
      </c>
      <c r="K7570">
        <f t="shared" si="841"/>
        <v>0.69383042078686119</v>
      </c>
      <c r="L7570">
        <f t="shared" si="842"/>
        <v>7.2358347719036304</v>
      </c>
      <c r="M7570">
        <f t="shared" si="843"/>
        <v>0</v>
      </c>
      <c r="N7570" s="46">
        <f t="shared" si="844"/>
        <v>45605.999999981723</v>
      </c>
    </row>
    <row r="7571" spans="2:14" x14ac:dyDescent="0.3">
      <c r="B7571">
        <f t="shared" si="838"/>
        <v>7</v>
      </c>
      <c r="C7571" s="16">
        <v>7537</v>
      </c>
      <c r="D7571" cm="1">
        <f t="array" ref="D7571">IFERROR(INDEX(Jesper!AH$2:AH$366,ROUNDDOWN($C7571/24,0)+1,1)*INDEX($D$3:$AA$30,INDEX(Jesper!$R$2:$R$366,ROW(INDEX(Jesper!AH$2:AH$366,ROUNDDOWN($C7571/24,0)+1,1))-1)+IF('Standard Profiles'!$G$18=$B$10,7,0)+IF('Standard Profiles'!$G$18=$B$17,14,0)+IF('Standard Profiles'!$G$18=$B$24,21,0),MOD($C7571,24)+1)/SUM(INDEX($D$3:$AA$30,INDEX(Jesper!$R$2:$R$366,ROW(INDEX(Jesper!AH$2:AH$366,ROUNDDOWN($C7571/24,0)+1,1))-1)+IF('Standard Profiles'!$G$18=$B$10,7,0)+IF('Standard Profiles'!$G$18=$B$17,14,0)+IF('Standard Profiles'!$G$18=$B$24,21,0),0)),0)</f>
        <v>8.1182106076168328</v>
      </c>
      <c r="E7571" cm="1">
        <f t="array" ref="E7571">IFERROR(INDEX(Jesper!AI$2:AI$366,ROUNDDOWN($C7571/24,0)+1,1)*INDEX($D$3:$AA$30,INDEX(Jesper!$R$2:$R$366,ROW(INDEX(Jesper!AI$2:AI$366,ROUNDDOWN($C7571/24,0)+1,1))-1)+IF('Standard Profiles'!$G$19=$B$10,7,0)+IF('Standard Profiles'!$G$19=$B$17,14,0)+IF('Standard Profiles'!$G$19=$B$24,21,0),MOD($C7571,24)+1)/SUM(INDEX($D$3:$AA$30,INDEX(Jesper!$R$2:$R$366,ROW(INDEX(Jesper!AI$2:AI$366,ROUNDDOWN($C7571/24,0)+1,1))-1)+IF('Standard Profiles'!$G$19=$B$10,7,0)+IF('Standard Profiles'!$G$19=$B$17,14,0)+IF('Standard Profiles'!$G$19=$B$24,21,0),0)),0)</f>
        <v>1.7887395880414811</v>
      </c>
      <c r="F7571" cm="1">
        <f t="array" ref="F7571">IFERROR(INDEX(Jesper!AJ$2:AJ$366,ROUNDDOWN($C7571/24,0)+1,1)*INDEX($D$3:$AA$30,INDEX(Jesper!$R$2:$R$366,ROW(INDEX(Jesper!AJ$2:AJ$366,ROUNDDOWN($C7571/24,0)+1,1))-1)+IF('Standard Profiles'!$G$20=$B$10,7,0)+IF('Standard Profiles'!$G$20=$B$17,14,0)+IF('Standard Profiles'!$G$20=$B$24,21,0),MOD($C7571,24)+1)/SUM(INDEX($D$3:$AA$30,INDEX(Jesper!$R$2:$R$366,ROW(INDEX(Jesper!AJ$2:AJ$366,ROUNDDOWN($C7571/24,0)+1,1))-1)+IF('Standard Profiles'!$G$20=$B$10,7,0)+IF('Standard Profiles'!$G$20=$B$17,14,0)+IF('Standard Profiles'!$G$20=$B$24,21,0),0)),0)</f>
        <v>0</v>
      </c>
      <c r="G7571" cm="1">
        <f t="array" ref="G7571">IFERROR(INDEX(Jesper!AK$2:AK$366,ROUNDDOWN($C7571/24,0)+1,1)*INDEX($D$3:$AA$30,INDEX(Jesper!$R$2:$R$366,ROW(INDEX(Jesper!AK$2:AK$366,ROUNDDOWN($C7571/24,0)+1,1))-1)+IF('Standard Profiles'!$G$21=$B$10,7,0)+IF('Standard Profiles'!$G$21=$B$17,14,0)+IF('Standard Profiles'!$G$21=$B$24,21,0),MOD($C7571,24)+1)/SUM(INDEX($D$3:$AA$30,INDEX(Jesper!$R$2:$R$366,ROW(INDEX(Jesper!AK$2:AK$366,ROUNDDOWN($C7571/24,0)+1,1))-1)+IF('Standard Profiles'!$G$21=$B$10,7,0)+IF('Standard Profiles'!$G$21=$B$17,14,0)+IF('Standard Profiles'!$G$21=$B$24,21,0),0)),0)</f>
        <v>0</v>
      </c>
      <c r="H7571" cm="1">
        <f t="array" ref="H7571">IFERROR(INDEX(Jesper!AL$2:AL$366,ROUNDDOWN($C7571/24,0)+1,1)*INDEX($D$3:$AA$30,INDEX(Jesper!$R$2:$R$366,ROW(INDEX(Jesper!AL$2:AL$366,ROUNDDOWN($C7571/24,0)+1,1))-1)+IF('Standard Profiles'!$G$22=$B$10,7,0)+IF('Standard Profiles'!$G$22=$B$17,14,0)+IF('Standard Profiles'!$G$22=$B$24,21,0),MOD($C7571,24)+1)/SUM(INDEX($D$3:$AA$30,INDEX(Jesper!$R$2:$R$366,ROW(INDEX(Jesper!AL$2:AL$366,ROUNDDOWN($C7571/24,0)+1,1))-1)+IF('Standard Profiles'!$G$22=$B$10,7,0)+IF('Standard Profiles'!$G$22=$B$17,14,0)+IF('Standard Profiles'!$G$22=$B$24,21,0),0)),0)</f>
        <v>0</v>
      </c>
      <c r="I7571">
        <f t="shared" si="839"/>
        <v>0.16114771063436772</v>
      </c>
      <c r="J7571">
        <f t="shared" si="840"/>
        <v>0.53715903544789245</v>
      </c>
      <c r="K7571">
        <f t="shared" si="841"/>
        <v>0.80573855317183862</v>
      </c>
      <c r="L7571">
        <f t="shared" si="842"/>
        <v>8.4029048964042161</v>
      </c>
      <c r="M7571">
        <f t="shared" si="843"/>
        <v>0</v>
      </c>
      <c r="N7571" s="46">
        <f t="shared" si="844"/>
        <v>45606.041666648387</v>
      </c>
    </row>
    <row r="7572" spans="2:14" x14ac:dyDescent="0.3">
      <c r="B7572">
        <f t="shared" si="838"/>
        <v>7</v>
      </c>
      <c r="C7572" s="16">
        <v>7538</v>
      </c>
      <c r="D7572" cm="1">
        <f t="array" ref="D7572">IFERROR(INDEX(Jesper!AH$2:AH$366,ROUNDDOWN($C7572/24,0)+1,1)*INDEX($D$3:$AA$30,INDEX(Jesper!$R$2:$R$366,ROW(INDEX(Jesper!AH$2:AH$366,ROUNDDOWN($C7572/24,0)+1,1))-1)+IF('Standard Profiles'!$G$18=$B$10,7,0)+IF('Standard Profiles'!$G$18=$B$17,14,0)+IF('Standard Profiles'!$G$18=$B$24,21,0),MOD($C7572,24)+1)/SUM(INDEX($D$3:$AA$30,INDEX(Jesper!$R$2:$R$366,ROW(INDEX(Jesper!AH$2:AH$366,ROUNDDOWN($C7572/24,0)+1,1))-1)+IF('Standard Profiles'!$G$18=$B$10,7,0)+IF('Standard Profiles'!$G$18=$B$17,14,0)+IF('Standard Profiles'!$G$18=$B$24,21,0),0)),0)</f>
        <v>8.1182106076168328</v>
      </c>
      <c r="E7572" cm="1">
        <f t="array" ref="E7572">IFERROR(INDEX(Jesper!AI$2:AI$366,ROUNDDOWN($C7572/24,0)+1,1)*INDEX($D$3:$AA$30,INDEX(Jesper!$R$2:$R$366,ROW(INDEX(Jesper!AI$2:AI$366,ROUNDDOWN($C7572/24,0)+1,1))-1)+IF('Standard Profiles'!$G$19=$B$10,7,0)+IF('Standard Profiles'!$G$19=$B$17,14,0)+IF('Standard Profiles'!$G$19=$B$24,21,0),MOD($C7572,24)+1)/SUM(INDEX($D$3:$AA$30,INDEX(Jesper!$R$2:$R$366,ROW(INDEX(Jesper!AI$2:AI$366,ROUNDDOWN($C7572/24,0)+1,1))-1)+IF('Standard Profiles'!$G$19=$B$10,7,0)+IF('Standard Profiles'!$G$19=$B$17,14,0)+IF('Standard Profiles'!$G$19=$B$24,21,0),0)),0)</f>
        <v>1.7887395880414811</v>
      </c>
      <c r="F7572" cm="1">
        <f t="array" ref="F7572">IFERROR(INDEX(Jesper!AJ$2:AJ$366,ROUNDDOWN($C7572/24,0)+1,1)*INDEX($D$3:$AA$30,INDEX(Jesper!$R$2:$R$366,ROW(INDEX(Jesper!AJ$2:AJ$366,ROUNDDOWN($C7572/24,0)+1,1))-1)+IF('Standard Profiles'!$G$20=$B$10,7,0)+IF('Standard Profiles'!$G$20=$B$17,14,0)+IF('Standard Profiles'!$G$20=$B$24,21,0),MOD($C7572,24)+1)/SUM(INDEX($D$3:$AA$30,INDEX(Jesper!$R$2:$R$366,ROW(INDEX(Jesper!AJ$2:AJ$366,ROUNDDOWN($C7572/24,0)+1,1))-1)+IF('Standard Profiles'!$G$20=$B$10,7,0)+IF('Standard Profiles'!$G$20=$B$17,14,0)+IF('Standard Profiles'!$G$20=$B$24,21,0),0)),0)</f>
        <v>0</v>
      </c>
      <c r="G7572" cm="1">
        <f t="array" ref="G7572">IFERROR(INDEX(Jesper!AK$2:AK$366,ROUNDDOWN($C7572/24,0)+1,1)*INDEX($D$3:$AA$30,INDEX(Jesper!$R$2:$R$366,ROW(INDEX(Jesper!AK$2:AK$366,ROUNDDOWN($C7572/24,0)+1,1))-1)+IF('Standard Profiles'!$G$21=$B$10,7,0)+IF('Standard Profiles'!$G$21=$B$17,14,0)+IF('Standard Profiles'!$G$21=$B$24,21,0),MOD($C7572,24)+1)/SUM(INDEX($D$3:$AA$30,INDEX(Jesper!$R$2:$R$366,ROW(INDEX(Jesper!AK$2:AK$366,ROUNDDOWN($C7572/24,0)+1,1))-1)+IF('Standard Profiles'!$G$21=$B$10,7,0)+IF('Standard Profiles'!$G$21=$B$17,14,0)+IF('Standard Profiles'!$G$21=$B$24,21,0),0)),0)</f>
        <v>0</v>
      </c>
      <c r="H7572" cm="1">
        <f t="array" ref="H7572">IFERROR(INDEX(Jesper!AL$2:AL$366,ROUNDDOWN($C7572/24,0)+1,1)*INDEX($D$3:$AA$30,INDEX(Jesper!$R$2:$R$366,ROW(INDEX(Jesper!AL$2:AL$366,ROUNDDOWN($C7572/24,0)+1,1))-1)+IF('Standard Profiles'!$G$22=$B$10,7,0)+IF('Standard Profiles'!$G$22=$B$17,14,0)+IF('Standard Profiles'!$G$22=$B$24,21,0),MOD($C7572,24)+1)/SUM(INDEX($D$3:$AA$30,INDEX(Jesper!$R$2:$R$366,ROW(INDEX(Jesper!AL$2:AL$366,ROUNDDOWN($C7572/24,0)+1,1))-1)+IF('Standard Profiles'!$G$22=$B$10,7,0)+IF('Standard Profiles'!$G$22=$B$17,14,0)+IF('Standard Profiles'!$G$22=$B$24,21,0),0)),0)</f>
        <v>0</v>
      </c>
      <c r="I7572">
        <f t="shared" si="839"/>
        <v>0.16114771063436772</v>
      </c>
      <c r="J7572">
        <f t="shared" si="840"/>
        <v>0.53715903544789245</v>
      </c>
      <c r="K7572">
        <f t="shared" si="841"/>
        <v>0.80573855317183862</v>
      </c>
      <c r="L7572">
        <f t="shared" si="842"/>
        <v>8.4029048964042161</v>
      </c>
      <c r="M7572">
        <f t="shared" si="843"/>
        <v>0</v>
      </c>
      <c r="N7572" s="46">
        <f t="shared" si="844"/>
        <v>45606.083333315051</v>
      </c>
    </row>
    <row r="7573" spans="2:14" x14ac:dyDescent="0.3">
      <c r="B7573">
        <f t="shared" si="838"/>
        <v>7</v>
      </c>
      <c r="C7573" s="16">
        <v>7539</v>
      </c>
      <c r="D7573" cm="1">
        <f t="array" ref="D7573">IFERROR(INDEX(Jesper!AH$2:AH$366,ROUNDDOWN($C7573/24,0)+1,1)*INDEX($D$3:$AA$30,INDEX(Jesper!$R$2:$R$366,ROW(INDEX(Jesper!AH$2:AH$366,ROUNDDOWN($C7573/24,0)+1,1))-1)+IF('Standard Profiles'!$G$18=$B$10,7,0)+IF('Standard Profiles'!$G$18=$B$17,14,0)+IF('Standard Profiles'!$G$18=$B$24,21,0),MOD($C7573,24)+1)/SUM(INDEX($D$3:$AA$30,INDEX(Jesper!$R$2:$R$366,ROW(INDEX(Jesper!AH$2:AH$366,ROUNDDOWN($C7573/24,0)+1,1))-1)+IF('Standard Profiles'!$G$18=$B$10,7,0)+IF('Standard Profiles'!$G$18=$B$17,14,0)+IF('Standard Profiles'!$G$18=$B$24,21,0),0)),0)</f>
        <v>8.1182106076168328</v>
      </c>
      <c r="E7573" cm="1">
        <f t="array" ref="E7573">IFERROR(INDEX(Jesper!AI$2:AI$366,ROUNDDOWN($C7573/24,0)+1,1)*INDEX($D$3:$AA$30,INDEX(Jesper!$R$2:$R$366,ROW(INDEX(Jesper!AI$2:AI$366,ROUNDDOWN($C7573/24,0)+1,1))-1)+IF('Standard Profiles'!$G$19=$B$10,7,0)+IF('Standard Profiles'!$G$19=$B$17,14,0)+IF('Standard Profiles'!$G$19=$B$24,21,0),MOD($C7573,24)+1)/SUM(INDEX($D$3:$AA$30,INDEX(Jesper!$R$2:$R$366,ROW(INDEX(Jesper!AI$2:AI$366,ROUNDDOWN($C7573/24,0)+1,1))-1)+IF('Standard Profiles'!$G$19=$B$10,7,0)+IF('Standard Profiles'!$G$19=$B$17,14,0)+IF('Standard Profiles'!$G$19=$B$24,21,0),0)),0)</f>
        <v>1.7887395880414811</v>
      </c>
      <c r="F7573" cm="1">
        <f t="array" ref="F7573">IFERROR(INDEX(Jesper!AJ$2:AJ$366,ROUNDDOWN($C7573/24,0)+1,1)*INDEX($D$3:$AA$30,INDEX(Jesper!$R$2:$R$366,ROW(INDEX(Jesper!AJ$2:AJ$366,ROUNDDOWN($C7573/24,0)+1,1))-1)+IF('Standard Profiles'!$G$20=$B$10,7,0)+IF('Standard Profiles'!$G$20=$B$17,14,0)+IF('Standard Profiles'!$G$20=$B$24,21,0),MOD($C7573,24)+1)/SUM(INDEX($D$3:$AA$30,INDEX(Jesper!$R$2:$R$366,ROW(INDEX(Jesper!AJ$2:AJ$366,ROUNDDOWN($C7573/24,0)+1,1))-1)+IF('Standard Profiles'!$G$20=$B$10,7,0)+IF('Standard Profiles'!$G$20=$B$17,14,0)+IF('Standard Profiles'!$G$20=$B$24,21,0),0)),0)</f>
        <v>0</v>
      </c>
      <c r="G7573" cm="1">
        <f t="array" ref="G7573">IFERROR(INDEX(Jesper!AK$2:AK$366,ROUNDDOWN($C7573/24,0)+1,1)*INDEX($D$3:$AA$30,INDEX(Jesper!$R$2:$R$366,ROW(INDEX(Jesper!AK$2:AK$366,ROUNDDOWN($C7573/24,0)+1,1))-1)+IF('Standard Profiles'!$G$21=$B$10,7,0)+IF('Standard Profiles'!$G$21=$B$17,14,0)+IF('Standard Profiles'!$G$21=$B$24,21,0),MOD($C7573,24)+1)/SUM(INDEX($D$3:$AA$30,INDEX(Jesper!$R$2:$R$366,ROW(INDEX(Jesper!AK$2:AK$366,ROUNDDOWN($C7573/24,0)+1,1))-1)+IF('Standard Profiles'!$G$21=$B$10,7,0)+IF('Standard Profiles'!$G$21=$B$17,14,0)+IF('Standard Profiles'!$G$21=$B$24,21,0),0)),0)</f>
        <v>0</v>
      </c>
      <c r="H7573" cm="1">
        <f t="array" ref="H7573">IFERROR(INDEX(Jesper!AL$2:AL$366,ROUNDDOWN($C7573/24,0)+1,1)*INDEX($D$3:$AA$30,INDEX(Jesper!$R$2:$R$366,ROW(INDEX(Jesper!AL$2:AL$366,ROUNDDOWN($C7573/24,0)+1,1))-1)+IF('Standard Profiles'!$G$22=$B$10,7,0)+IF('Standard Profiles'!$G$22=$B$17,14,0)+IF('Standard Profiles'!$G$22=$B$24,21,0),MOD($C7573,24)+1)/SUM(INDEX($D$3:$AA$30,INDEX(Jesper!$R$2:$R$366,ROW(INDEX(Jesper!AL$2:AL$366,ROUNDDOWN($C7573/24,0)+1,1))-1)+IF('Standard Profiles'!$G$22=$B$10,7,0)+IF('Standard Profiles'!$G$22=$B$17,14,0)+IF('Standard Profiles'!$G$22=$B$24,21,0),0)),0)</f>
        <v>0</v>
      </c>
      <c r="I7573">
        <f t="shared" si="839"/>
        <v>0.16114771063436772</v>
      </c>
      <c r="J7573">
        <f t="shared" si="840"/>
        <v>0.53715903544789245</v>
      </c>
      <c r="K7573">
        <f t="shared" si="841"/>
        <v>0.80573855317183862</v>
      </c>
      <c r="L7573">
        <f t="shared" si="842"/>
        <v>8.4029048964042161</v>
      </c>
      <c r="M7573">
        <f t="shared" si="843"/>
        <v>0</v>
      </c>
      <c r="N7573" s="46">
        <f t="shared" si="844"/>
        <v>45606.124999981716</v>
      </c>
    </row>
    <row r="7574" spans="2:14" x14ac:dyDescent="0.3">
      <c r="B7574">
        <f t="shared" si="838"/>
        <v>7</v>
      </c>
      <c r="C7574" s="16">
        <v>7540</v>
      </c>
      <c r="D7574" cm="1">
        <f t="array" ref="D7574">IFERROR(INDEX(Jesper!AH$2:AH$366,ROUNDDOWN($C7574/24,0)+1,1)*INDEX($D$3:$AA$30,INDEX(Jesper!$R$2:$R$366,ROW(INDEX(Jesper!AH$2:AH$366,ROUNDDOWN($C7574/24,0)+1,1))-1)+IF('Standard Profiles'!$G$18=$B$10,7,0)+IF('Standard Profiles'!$G$18=$B$17,14,0)+IF('Standard Profiles'!$G$18=$B$24,21,0),MOD($C7574,24)+1)/SUM(INDEX($D$3:$AA$30,INDEX(Jesper!$R$2:$R$366,ROW(INDEX(Jesper!AH$2:AH$366,ROUNDDOWN($C7574/24,0)+1,1))-1)+IF('Standard Profiles'!$G$18=$B$10,7,0)+IF('Standard Profiles'!$G$18=$B$17,14,0)+IF('Standard Profiles'!$G$18=$B$24,21,0),0)),0)</f>
        <v>8.1182106076168328</v>
      </c>
      <c r="E7574" cm="1">
        <f t="array" ref="E7574">IFERROR(INDEX(Jesper!AI$2:AI$366,ROUNDDOWN($C7574/24,0)+1,1)*INDEX($D$3:$AA$30,INDEX(Jesper!$R$2:$R$366,ROW(INDEX(Jesper!AI$2:AI$366,ROUNDDOWN($C7574/24,0)+1,1))-1)+IF('Standard Profiles'!$G$19=$B$10,7,0)+IF('Standard Profiles'!$G$19=$B$17,14,0)+IF('Standard Profiles'!$G$19=$B$24,21,0),MOD($C7574,24)+1)/SUM(INDEX($D$3:$AA$30,INDEX(Jesper!$R$2:$R$366,ROW(INDEX(Jesper!AI$2:AI$366,ROUNDDOWN($C7574/24,0)+1,1))-1)+IF('Standard Profiles'!$G$19=$B$10,7,0)+IF('Standard Profiles'!$G$19=$B$17,14,0)+IF('Standard Profiles'!$G$19=$B$24,21,0),0)),0)</f>
        <v>1.7887395880414811</v>
      </c>
      <c r="F7574" cm="1">
        <f t="array" ref="F7574">IFERROR(INDEX(Jesper!AJ$2:AJ$366,ROUNDDOWN($C7574/24,0)+1,1)*INDEX($D$3:$AA$30,INDEX(Jesper!$R$2:$R$366,ROW(INDEX(Jesper!AJ$2:AJ$366,ROUNDDOWN($C7574/24,0)+1,1))-1)+IF('Standard Profiles'!$G$20=$B$10,7,0)+IF('Standard Profiles'!$G$20=$B$17,14,0)+IF('Standard Profiles'!$G$20=$B$24,21,0),MOD($C7574,24)+1)/SUM(INDEX($D$3:$AA$30,INDEX(Jesper!$R$2:$R$366,ROW(INDEX(Jesper!AJ$2:AJ$366,ROUNDDOWN($C7574/24,0)+1,1))-1)+IF('Standard Profiles'!$G$20=$B$10,7,0)+IF('Standard Profiles'!$G$20=$B$17,14,0)+IF('Standard Profiles'!$G$20=$B$24,21,0),0)),0)</f>
        <v>0</v>
      </c>
      <c r="G7574" cm="1">
        <f t="array" ref="G7574">IFERROR(INDEX(Jesper!AK$2:AK$366,ROUNDDOWN($C7574/24,0)+1,1)*INDEX($D$3:$AA$30,INDEX(Jesper!$R$2:$R$366,ROW(INDEX(Jesper!AK$2:AK$366,ROUNDDOWN($C7574/24,0)+1,1))-1)+IF('Standard Profiles'!$G$21=$B$10,7,0)+IF('Standard Profiles'!$G$21=$B$17,14,0)+IF('Standard Profiles'!$G$21=$B$24,21,0),MOD($C7574,24)+1)/SUM(INDEX($D$3:$AA$30,INDEX(Jesper!$R$2:$R$366,ROW(INDEX(Jesper!AK$2:AK$366,ROUNDDOWN($C7574/24,0)+1,1))-1)+IF('Standard Profiles'!$G$21=$B$10,7,0)+IF('Standard Profiles'!$G$21=$B$17,14,0)+IF('Standard Profiles'!$G$21=$B$24,21,0),0)),0)</f>
        <v>0</v>
      </c>
      <c r="H7574" cm="1">
        <f t="array" ref="H7574">IFERROR(INDEX(Jesper!AL$2:AL$366,ROUNDDOWN($C7574/24,0)+1,1)*INDEX($D$3:$AA$30,INDEX(Jesper!$R$2:$R$366,ROW(INDEX(Jesper!AL$2:AL$366,ROUNDDOWN($C7574/24,0)+1,1))-1)+IF('Standard Profiles'!$G$22=$B$10,7,0)+IF('Standard Profiles'!$G$22=$B$17,14,0)+IF('Standard Profiles'!$G$22=$B$24,21,0),MOD($C7574,24)+1)/SUM(INDEX($D$3:$AA$30,INDEX(Jesper!$R$2:$R$366,ROW(INDEX(Jesper!AL$2:AL$366,ROUNDDOWN($C7574/24,0)+1,1))-1)+IF('Standard Profiles'!$G$22=$B$10,7,0)+IF('Standard Profiles'!$G$22=$B$17,14,0)+IF('Standard Profiles'!$G$22=$B$24,21,0),0)),0)</f>
        <v>0</v>
      </c>
      <c r="I7574">
        <f t="shared" si="839"/>
        <v>0.16114771063436772</v>
      </c>
      <c r="J7574">
        <f t="shared" si="840"/>
        <v>0.53715903544789245</v>
      </c>
      <c r="K7574">
        <f t="shared" si="841"/>
        <v>0.80573855317183862</v>
      </c>
      <c r="L7574">
        <f t="shared" si="842"/>
        <v>8.4029048964042161</v>
      </c>
      <c r="M7574">
        <f t="shared" si="843"/>
        <v>0</v>
      </c>
      <c r="N7574" s="46">
        <f t="shared" si="844"/>
        <v>45606.16666664838</v>
      </c>
    </row>
    <row r="7575" spans="2:14" x14ac:dyDescent="0.3">
      <c r="B7575">
        <f t="shared" si="838"/>
        <v>7</v>
      </c>
      <c r="C7575" s="16">
        <v>7541</v>
      </c>
      <c r="D7575" cm="1">
        <f t="array" ref="D7575">IFERROR(INDEX(Jesper!AH$2:AH$366,ROUNDDOWN($C7575/24,0)+1,1)*INDEX($D$3:$AA$30,INDEX(Jesper!$R$2:$R$366,ROW(INDEX(Jesper!AH$2:AH$366,ROUNDDOWN($C7575/24,0)+1,1))-1)+IF('Standard Profiles'!$G$18=$B$10,7,0)+IF('Standard Profiles'!$G$18=$B$17,14,0)+IF('Standard Profiles'!$G$18=$B$24,21,0),MOD($C7575,24)+1)/SUM(INDEX($D$3:$AA$30,INDEX(Jesper!$R$2:$R$366,ROW(INDEX(Jesper!AH$2:AH$366,ROUNDDOWN($C7575/24,0)+1,1))-1)+IF('Standard Profiles'!$G$18=$B$10,7,0)+IF('Standard Profiles'!$G$18=$B$17,14,0)+IF('Standard Profiles'!$G$18=$B$24,21,0),0)),0)</f>
        <v>10.147763259521042</v>
      </c>
      <c r="E7575" cm="1">
        <f t="array" ref="E7575">IFERROR(INDEX(Jesper!AI$2:AI$366,ROUNDDOWN($C7575/24,0)+1,1)*INDEX($D$3:$AA$30,INDEX(Jesper!$R$2:$R$366,ROW(INDEX(Jesper!AI$2:AI$366,ROUNDDOWN($C7575/24,0)+1,1))-1)+IF('Standard Profiles'!$G$19=$B$10,7,0)+IF('Standard Profiles'!$G$19=$B$17,14,0)+IF('Standard Profiles'!$G$19=$B$24,21,0),MOD($C7575,24)+1)/SUM(INDEX($D$3:$AA$30,INDEX(Jesper!$R$2:$R$366,ROW(INDEX(Jesper!AI$2:AI$366,ROUNDDOWN($C7575/24,0)+1,1))-1)+IF('Standard Profiles'!$G$19=$B$10,7,0)+IF('Standard Profiles'!$G$19=$B$17,14,0)+IF('Standard Profiles'!$G$19=$B$24,21,0),0)),0)</f>
        <v>2.2359244850518514</v>
      </c>
      <c r="F7575" cm="1">
        <f t="array" ref="F7575">IFERROR(INDEX(Jesper!AJ$2:AJ$366,ROUNDDOWN($C7575/24,0)+1,1)*INDEX($D$3:$AA$30,INDEX(Jesper!$R$2:$R$366,ROW(INDEX(Jesper!AJ$2:AJ$366,ROUNDDOWN($C7575/24,0)+1,1))-1)+IF('Standard Profiles'!$G$20=$B$10,7,0)+IF('Standard Profiles'!$G$20=$B$17,14,0)+IF('Standard Profiles'!$G$20=$B$24,21,0),MOD($C7575,24)+1)/SUM(INDEX($D$3:$AA$30,INDEX(Jesper!$R$2:$R$366,ROW(INDEX(Jesper!AJ$2:AJ$366,ROUNDDOWN($C7575/24,0)+1,1))-1)+IF('Standard Profiles'!$G$20=$B$10,7,0)+IF('Standard Profiles'!$G$20=$B$17,14,0)+IF('Standard Profiles'!$G$20=$B$24,21,0),0)),0)</f>
        <v>0</v>
      </c>
      <c r="G7575" cm="1">
        <f t="array" ref="G7575">IFERROR(INDEX(Jesper!AK$2:AK$366,ROUNDDOWN($C7575/24,0)+1,1)*INDEX($D$3:$AA$30,INDEX(Jesper!$R$2:$R$366,ROW(INDEX(Jesper!AK$2:AK$366,ROUNDDOWN($C7575/24,0)+1,1))-1)+IF('Standard Profiles'!$G$21=$B$10,7,0)+IF('Standard Profiles'!$G$21=$B$17,14,0)+IF('Standard Profiles'!$G$21=$B$24,21,0),MOD($C7575,24)+1)/SUM(INDEX($D$3:$AA$30,INDEX(Jesper!$R$2:$R$366,ROW(INDEX(Jesper!AK$2:AK$366,ROUNDDOWN($C7575/24,0)+1,1))-1)+IF('Standard Profiles'!$G$21=$B$10,7,0)+IF('Standard Profiles'!$G$21=$B$17,14,0)+IF('Standard Profiles'!$G$21=$B$24,21,0),0)),0)</f>
        <v>0</v>
      </c>
      <c r="H7575" cm="1">
        <f t="array" ref="H7575">IFERROR(INDEX(Jesper!AL$2:AL$366,ROUNDDOWN($C7575/24,0)+1,1)*INDEX($D$3:$AA$30,INDEX(Jesper!$R$2:$R$366,ROW(INDEX(Jesper!AL$2:AL$366,ROUNDDOWN($C7575/24,0)+1,1))-1)+IF('Standard Profiles'!$G$22=$B$10,7,0)+IF('Standard Profiles'!$G$22=$B$17,14,0)+IF('Standard Profiles'!$G$22=$B$24,21,0),MOD($C7575,24)+1)/SUM(INDEX($D$3:$AA$30,INDEX(Jesper!$R$2:$R$366,ROW(INDEX(Jesper!AL$2:AL$366,ROUNDDOWN($C7575/24,0)+1,1))-1)+IF('Standard Profiles'!$G$22=$B$10,7,0)+IF('Standard Profiles'!$G$22=$B$17,14,0)+IF('Standard Profiles'!$G$22=$B$24,21,0),0)),0)</f>
        <v>0</v>
      </c>
      <c r="I7575">
        <f t="shared" si="839"/>
        <v>0.20143463829295963</v>
      </c>
      <c r="J7575">
        <f t="shared" si="840"/>
        <v>0.67144879430986548</v>
      </c>
      <c r="K7575">
        <f t="shared" si="841"/>
        <v>1.0071731914647983</v>
      </c>
      <c r="L7575">
        <f t="shared" si="842"/>
        <v>10.50363112050527</v>
      </c>
      <c r="M7575">
        <f t="shared" si="843"/>
        <v>0</v>
      </c>
      <c r="N7575" s="46">
        <f t="shared" si="844"/>
        <v>45606.208333315044</v>
      </c>
    </row>
    <row r="7576" spans="2:14" x14ac:dyDescent="0.3">
      <c r="B7576">
        <f t="shared" si="838"/>
        <v>7</v>
      </c>
      <c r="C7576" s="16">
        <v>7542</v>
      </c>
      <c r="D7576" cm="1">
        <f t="array" ref="D7576">IFERROR(INDEX(Jesper!AH$2:AH$366,ROUNDDOWN($C7576/24,0)+1,1)*INDEX($D$3:$AA$30,INDEX(Jesper!$R$2:$R$366,ROW(INDEX(Jesper!AH$2:AH$366,ROUNDDOWN($C7576/24,0)+1,1))-1)+IF('Standard Profiles'!$G$18=$B$10,7,0)+IF('Standard Profiles'!$G$18=$B$17,14,0)+IF('Standard Profiles'!$G$18=$B$24,21,0),MOD($C7576,24)+1)/SUM(INDEX($D$3:$AA$30,INDEX(Jesper!$R$2:$R$366,ROW(INDEX(Jesper!AH$2:AH$366,ROUNDDOWN($C7576/24,0)+1,1))-1)+IF('Standard Profiles'!$G$18=$B$10,7,0)+IF('Standard Profiles'!$G$18=$B$17,14,0)+IF('Standard Profiles'!$G$18=$B$24,21,0),0)),0)</f>
        <v>11.951810061213672</v>
      </c>
      <c r="E7576" cm="1">
        <f t="array" ref="E7576">IFERROR(INDEX(Jesper!AI$2:AI$366,ROUNDDOWN($C7576/24,0)+1,1)*INDEX($D$3:$AA$30,INDEX(Jesper!$R$2:$R$366,ROW(INDEX(Jesper!AI$2:AI$366,ROUNDDOWN($C7576/24,0)+1,1))-1)+IF('Standard Profiles'!$G$19=$B$10,7,0)+IF('Standard Profiles'!$G$19=$B$17,14,0)+IF('Standard Profiles'!$G$19=$B$24,21,0),MOD($C7576,24)+1)/SUM(INDEX($D$3:$AA$30,INDEX(Jesper!$R$2:$R$366,ROW(INDEX(Jesper!AI$2:AI$366,ROUNDDOWN($C7576/24,0)+1,1))-1)+IF('Standard Profiles'!$G$19=$B$10,7,0)+IF('Standard Profiles'!$G$19=$B$17,14,0)+IF('Standard Profiles'!$G$19=$B$24,21,0),0)),0)</f>
        <v>2.6334221712832915</v>
      </c>
      <c r="F7576" cm="1">
        <f t="array" ref="F7576">IFERROR(INDEX(Jesper!AJ$2:AJ$366,ROUNDDOWN($C7576/24,0)+1,1)*INDEX($D$3:$AA$30,INDEX(Jesper!$R$2:$R$366,ROW(INDEX(Jesper!AJ$2:AJ$366,ROUNDDOWN($C7576/24,0)+1,1))-1)+IF('Standard Profiles'!$G$20=$B$10,7,0)+IF('Standard Profiles'!$G$20=$B$17,14,0)+IF('Standard Profiles'!$G$20=$B$24,21,0),MOD($C7576,24)+1)/SUM(INDEX($D$3:$AA$30,INDEX(Jesper!$R$2:$R$366,ROW(INDEX(Jesper!AJ$2:AJ$366,ROUNDDOWN($C7576/24,0)+1,1))-1)+IF('Standard Profiles'!$G$20=$B$10,7,0)+IF('Standard Profiles'!$G$20=$B$17,14,0)+IF('Standard Profiles'!$G$20=$B$24,21,0),0)),0)</f>
        <v>0</v>
      </c>
      <c r="G7576" cm="1">
        <f t="array" ref="G7576">IFERROR(INDEX(Jesper!AK$2:AK$366,ROUNDDOWN($C7576/24,0)+1,1)*INDEX($D$3:$AA$30,INDEX(Jesper!$R$2:$R$366,ROW(INDEX(Jesper!AK$2:AK$366,ROUNDDOWN($C7576/24,0)+1,1))-1)+IF('Standard Profiles'!$G$21=$B$10,7,0)+IF('Standard Profiles'!$G$21=$B$17,14,0)+IF('Standard Profiles'!$G$21=$B$24,21,0),MOD($C7576,24)+1)/SUM(INDEX($D$3:$AA$30,INDEX(Jesper!$R$2:$R$366,ROW(INDEX(Jesper!AK$2:AK$366,ROUNDDOWN($C7576/24,0)+1,1))-1)+IF('Standard Profiles'!$G$21=$B$10,7,0)+IF('Standard Profiles'!$G$21=$B$17,14,0)+IF('Standard Profiles'!$G$21=$B$24,21,0),0)),0)</f>
        <v>0</v>
      </c>
      <c r="H7576" cm="1">
        <f t="array" ref="H7576">IFERROR(INDEX(Jesper!AL$2:AL$366,ROUNDDOWN($C7576/24,0)+1,1)*INDEX($D$3:$AA$30,INDEX(Jesper!$R$2:$R$366,ROW(INDEX(Jesper!AL$2:AL$366,ROUNDDOWN($C7576/24,0)+1,1))-1)+IF('Standard Profiles'!$G$22=$B$10,7,0)+IF('Standard Profiles'!$G$22=$B$17,14,0)+IF('Standard Profiles'!$G$22=$B$24,21,0),MOD($C7576,24)+1)/SUM(INDEX($D$3:$AA$30,INDEX(Jesper!$R$2:$R$366,ROW(INDEX(Jesper!AL$2:AL$366,ROUNDDOWN($C7576/24,0)+1,1))-1)+IF('Standard Profiles'!$G$22=$B$10,7,0)+IF('Standard Profiles'!$G$22=$B$17,14,0)+IF('Standard Profiles'!$G$22=$B$24,21,0),0)),0)</f>
        <v>0</v>
      </c>
      <c r="I7576">
        <f t="shared" si="839"/>
        <v>0.23724524065615243</v>
      </c>
      <c r="J7576">
        <f t="shared" si="840"/>
        <v>0.79081746885384163</v>
      </c>
      <c r="K7576">
        <f t="shared" si="841"/>
        <v>1.1862262032807624</v>
      </c>
      <c r="L7576">
        <f t="shared" si="842"/>
        <v>12.370943319706207</v>
      </c>
      <c r="M7576">
        <f t="shared" si="843"/>
        <v>0</v>
      </c>
      <c r="N7576" s="46">
        <f t="shared" si="844"/>
        <v>45606.249999981708</v>
      </c>
    </row>
    <row r="7577" spans="2:14" x14ac:dyDescent="0.3">
      <c r="B7577">
        <f t="shared" si="838"/>
        <v>7</v>
      </c>
      <c r="C7577" s="16">
        <v>7543</v>
      </c>
      <c r="D7577" cm="1">
        <f t="array" ref="D7577">IFERROR(INDEX(Jesper!AH$2:AH$366,ROUNDDOWN($C7577/24,0)+1,1)*INDEX($D$3:$AA$30,INDEX(Jesper!$R$2:$R$366,ROW(INDEX(Jesper!AH$2:AH$366,ROUNDDOWN($C7577/24,0)+1,1))-1)+IF('Standard Profiles'!$G$18=$B$10,7,0)+IF('Standard Profiles'!$G$18=$B$17,14,0)+IF('Standard Profiles'!$G$18=$B$24,21,0),MOD($C7577,24)+1)/SUM(INDEX($D$3:$AA$30,INDEX(Jesper!$R$2:$R$366,ROW(INDEX(Jesper!AH$2:AH$366,ROUNDDOWN($C7577/24,0)+1,1))-1)+IF('Standard Profiles'!$G$18=$B$10,7,0)+IF('Standard Profiles'!$G$18=$B$17,14,0)+IF('Standard Profiles'!$G$18=$B$24,21,0),0)),0)</f>
        <v>14.206868563329458</v>
      </c>
      <c r="E7577" cm="1">
        <f t="array" ref="E7577">IFERROR(INDEX(Jesper!AI$2:AI$366,ROUNDDOWN($C7577/24,0)+1,1)*INDEX($D$3:$AA$30,INDEX(Jesper!$R$2:$R$366,ROW(INDEX(Jesper!AI$2:AI$366,ROUNDDOWN($C7577/24,0)+1,1))-1)+IF('Standard Profiles'!$G$19=$B$10,7,0)+IF('Standard Profiles'!$G$19=$B$17,14,0)+IF('Standard Profiles'!$G$19=$B$24,21,0),MOD($C7577,24)+1)/SUM(INDEX($D$3:$AA$30,INDEX(Jesper!$R$2:$R$366,ROW(INDEX(Jesper!AI$2:AI$366,ROUNDDOWN($C7577/24,0)+1,1))-1)+IF('Standard Profiles'!$G$19=$B$10,7,0)+IF('Standard Profiles'!$G$19=$B$17,14,0)+IF('Standard Profiles'!$G$19=$B$24,21,0),0)),0)</f>
        <v>3.1302942790725923</v>
      </c>
      <c r="F7577" cm="1">
        <f t="array" ref="F7577">IFERROR(INDEX(Jesper!AJ$2:AJ$366,ROUNDDOWN($C7577/24,0)+1,1)*INDEX($D$3:$AA$30,INDEX(Jesper!$R$2:$R$366,ROW(INDEX(Jesper!AJ$2:AJ$366,ROUNDDOWN($C7577/24,0)+1,1))-1)+IF('Standard Profiles'!$G$20=$B$10,7,0)+IF('Standard Profiles'!$G$20=$B$17,14,0)+IF('Standard Profiles'!$G$20=$B$24,21,0),MOD($C7577,24)+1)/SUM(INDEX($D$3:$AA$30,INDEX(Jesper!$R$2:$R$366,ROW(INDEX(Jesper!AJ$2:AJ$366,ROUNDDOWN($C7577/24,0)+1,1))-1)+IF('Standard Profiles'!$G$20=$B$10,7,0)+IF('Standard Profiles'!$G$20=$B$17,14,0)+IF('Standard Profiles'!$G$20=$B$24,21,0),0)),0)</f>
        <v>0</v>
      </c>
      <c r="G7577" cm="1">
        <f t="array" ref="G7577">IFERROR(INDEX(Jesper!AK$2:AK$366,ROUNDDOWN($C7577/24,0)+1,1)*INDEX($D$3:$AA$30,INDEX(Jesper!$R$2:$R$366,ROW(INDEX(Jesper!AK$2:AK$366,ROUNDDOWN($C7577/24,0)+1,1))-1)+IF('Standard Profiles'!$G$21=$B$10,7,0)+IF('Standard Profiles'!$G$21=$B$17,14,0)+IF('Standard Profiles'!$G$21=$B$24,21,0),MOD($C7577,24)+1)/SUM(INDEX($D$3:$AA$30,INDEX(Jesper!$R$2:$R$366,ROW(INDEX(Jesper!AK$2:AK$366,ROUNDDOWN($C7577/24,0)+1,1))-1)+IF('Standard Profiles'!$G$21=$B$10,7,0)+IF('Standard Profiles'!$G$21=$B$17,14,0)+IF('Standard Profiles'!$G$21=$B$24,21,0),0)),0)</f>
        <v>0</v>
      </c>
      <c r="H7577" cm="1">
        <f t="array" ref="H7577">IFERROR(INDEX(Jesper!AL$2:AL$366,ROUNDDOWN($C7577/24,0)+1,1)*INDEX($D$3:$AA$30,INDEX(Jesper!$R$2:$R$366,ROW(INDEX(Jesper!AL$2:AL$366,ROUNDDOWN($C7577/24,0)+1,1))-1)+IF('Standard Profiles'!$G$22=$B$10,7,0)+IF('Standard Profiles'!$G$22=$B$17,14,0)+IF('Standard Profiles'!$G$22=$B$24,21,0),MOD($C7577,24)+1)/SUM(INDEX($D$3:$AA$30,INDEX(Jesper!$R$2:$R$366,ROW(INDEX(Jesper!AL$2:AL$366,ROUNDDOWN($C7577/24,0)+1,1))-1)+IF('Standard Profiles'!$G$22=$B$10,7,0)+IF('Standard Profiles'!$G$22=$B$17,14,0)+IF('Standard Profiles'!$G$22=$B$24,21,0),0)),0)</f>
        <v>0</v>
      </c>
      <c r="I7577">
        <f t="shared" si="839"/>
        <v>0.28200849361014352</v>
      </c>
      <c r="J7577">
        <f t="shared" si="840"/>
        <v>0.94002831203381187</v>
      </c>
      <c r="K7577">
        <f t="shared" si="841"/>
        <v>1.4100424680507178</v>
      </c>
      <c r="L7577">
        <f t="shared" si="842"/>
        <v>14.705083568707376</v>
      </c>
      <c r="M7577">
        <f t="shared" si="843"/>
        <v>0</v>
      </c>
      <c r="N7577" s="46">
        <f t="shared" si="844"/>
        <v>45606.291666648372</v>
      </c>
    </row>
    <row r="7578" spans="2:14" x14ac:dyDescent="0.3">
      <c r="B7578">
        <f t="shared" si="838"/>
        <v>7</v>
      </c>
      <c r="C7578" s="16">
        <v>7544</v>
      </c>
      <c r="D7578" cm="1">
        <f t="array" ref="D7578">IFERROR(INDEX(Jesper!AH$2:AH$366,ROUNDDOWN($C7578/24,0)+1,1)*INDEX($D$3:$AA$30,INDEX(Jesper!$R$2:$R$366,ROW(INDEX(Jesper!AH$2:AH$366,ROUNDDOWN($C7578/24,0)+1,1))-1)+IF('Standard Profiles'!$G$18=$B$10,7,0)+IF('Standard Profiles'!$G$18=$B$17,14,0)+IF('Standard Profiles'!$G$18=$B$24,21,0),MOD($C7578,24)+1)/SUM(INDEX($D$3:$AA$30,INDEX(Jesper!$R$2:$R$366,ROW(INDEX(Jesper!AH$2:AH$366,ROUNDDOWN($C7578/24,0)+1,1))-1)+IF('Standard Profiles'!$G$18=$B$10,7,0)+IF('Standard Profiles'!$G$18=$B$17,14,0)+IF('Standard Profiles'!$G$18=$B$24,21,0),0)),0)</f>
        <v>14.206868563329458</v>
      </c>
      <c r="E7578" cm="1">
        <f t="array" ref="E7578">IFERROR(INDEX(Jesper!AI$2:AI$366,ROUNDDOWN($C7578/24,0)+1,1)*INDEX($D$3:$AA$30,INDEX(Jesper!$R$2:$R$366,ROW(INDEX(Jesper!AI$2:AI$366,ROUNDDOWN($C7578/24,0)+1,1))-1)+IF('Standard Profiles'!$G$19=$B$10,7,0)+IF('Standard Profiles'!$G$19=$B$17,14,0)+IF('Standard Profiles'!$G$19=$B$24,21,0),MOD($C7578,24)+1)/SUM(INDEX($D$3:$AA$30,INDEX(Jesper!$R$2:$R$366,ROW(INDEX(Jesper!AI$2:AI$366,ROUNDDOWN($C7578/24,0)+1,1))-1)+IF('Standard Profiles'!$G$19=$B$10,7,0)+IF('Standard Profiles'!$G$19=$B$17,14,0)+IF('Standard Profiles'!$G$19=$B$24,21,0),0)),0)</f>
        <v>3.1302942790725923</v>
      </c>
      <c r="F7578" cm="1">
        <f t="array" ref="F7578">IFERROR(INDEX(Jesper!AJ$2:AJ$366,ROUNDDOWN($C7578/24,0)+1,1)*INDEX($D$3:$AA$30,INDEX(Jesper!$R$2:$R$366,ROW(INDEX(Jesper!AJ$2:AJ$366,ROUNDDOWN($C7578/24,0)+1,1))-1)+IF('Standard Profiles'!$G$20=$B$10,7,0)+IF('Standard Profiles'!$G$20=$B$17,14,0)+IF('Standard Profiles'!$G$20=$B$24,21,0),MOD($C7578,24)+1)/SUM(INDEX($D$3:$AA$30,INDEX(Jesper!$R$2:$R$366,ROW(INDEX(Jesper!AJ$2:AJ$366,ROUNDDOWN($C7578/24,0)+1,1))-1)+IF('Standard Profiles'!$G$20=$B$10,7,0)+IF('Standard Profiles'!$G$20=$B$17,14,0)+IF('Standard Profiles'!$G$20=$B$24,21,0),0)),0)</f>
        <v>0</v>
      </c>
      <c r="G7578" cm="1">
        <f t="array" ref="G7578">IFERROR(INDEX(Jesper!AK$2:AK$366,ROUNDDOWN($C7578/24,0)+1,1)*INDEX($D$3:$AA$30,INDEX(Jesper!$R$2:$R$366,ROW(INDEX(Jesper!AK$2:AK$366,ROUNDDOWN($C7578/24,0)+1,1))-1)+IF('Standard Profiles'!$G$21=$B$10,7,0)+IF('Standard Profiles'!$G$21=$B$17,14,0)+IF('Standard Profiles'!$G$21=$B$24,21,0),MOD($C7578,24)+1)/SUM(INDEX($D$3:$AA$30,INDEX(Jesper!$R$2:$R$366,ROW(INDEX(Jesper!AK$2:AK$366,ROUNDDOWN($C7578/24,0)+1,1))-1)+IF('Standard Profiles'!$G$21=$B$10,7,0)+IF('Standard Profiles'!$G$21=$B$17,14,0)+IF('Standard Profiles'!$G$21=$B$24,21,0),0)),0)</f>
        <v>0</v>
      </c>
      <c r="H7578" cm="1">
        <f t="array" ref="H7578">IFERROR(INDEX(Jesper!AL$2:AL$366,ROUNDDOWN($C7578/24,0)+1,1)*INDEX($D$3:$AA$30,INDEX(Jesper!$R$2:$R$366,ROW(INDEX(Jesper!AL$2:AL$366,ROUNDDOWN($C7578/24,0)+1,1))-1)+IF('Standard Profiles'!$G$22=$B$10,7,0)+IF('Standard Profiles'!$G$22=$B$17,14,0)+IF('Standard Profiles'!$G$22=$B$24,21,0),MOD($C7578,24)+1)/SUM(INDEX($D$3:$AA$30,INDEX(Jesper!$R$2:$R$366,ROW(INDEX(Jesper!AL$2:AL$366,ROUNDDOWN($C7578/24,0)+1,1))-1)+IF('Standard Profiles'!$G$22=$B$10,7,0)+IF('Standard Profiles'!$G$22=$B$17,14,0)+IF('Standard Profiles'!$G$22=$B$24,21,0),0)),0)</f>
        <v>0</v>
      </c>
      <c r="I7578">
        <f t="shared" si="839"/>
        <v>0.28200849361014352</v>
      </c>
      <c r="J7578">
        <f t="shared" si="840"/>
        <v>0.94002831203381187</v>
      </c>
      <c r="K7578">
        <f t="shared" si="841"/>
        <v>1.4100424680507178</v>
      </c>
      <c r="L7578">
        <f t="shared" si="842"/>
        <v>14.705083568707376</v>
      </c>
      <c r="M7578">
        <f t="shared" si="843"/>
        <v>0</v>
      </c>
      <c r="N7578" s="46">
        <f t="shared" si="844"/>
        <v>45606.333333315037</v>
      </c>
    </row>
    <row r="7579" spans="2:14" x14ac:dyDescent="0.3">
      <c r="B7579">
        <f t="shared" si="838"/>
        <v>7</v>
      </c>
      <c r="C7579" s="16">
        <v>7545</v>
      </c>
      <c r="D7579" cm="1">
        <f t="array" ref="D7579">IFERROR(INDEX(Jesper!AH$2:AH$366,ROUNDDOWN($C7579/24,0)+1,1)*INDEX($D$3:$AA$30,INDEX(Jesper!$R$2:$R$366,ROW(INDEX(Jesper!AH$2:AH$366,ROUNDDOWN($C7579/24,0)+1,1))-1)+IF('Standard Profiles'!$G$18=$B$10,7,0)+IF('Standard Profiles'!$G$18=$B$17,14,0)+IF('Standard Profiles'!$G$18=$B$24,21,0),MOD($C7579,24)+1)/SUM(INDEX($D$3:$AA$30,INDEX(Jesper!$R$2:$R$366,ROW(INDEX(Jesper!AH$2:AH$366,ROUNDDOWN($C7579/24,0)+1,1))-1)+IF('Standard Profiles'!$G$18=$B$10,7,0)+IF('Standard Profiles'!$G$18=$B$17,14,0)+IF('Standard Profiles'!$G$18=$B$24,21,0),0)),0)</f>
        <v>14.206868563329458</v>
      </c>
      <c r="E7579" cm="1">
        <f t="array" ref="E7579">IFERROR(INDEX(Jesper!AI$2:AI$366,ROUNDDOWN($C7579/24,0)+1,1)*INDEX($D$3:$AA$30,INDEX(Jesper!$R$2:$R$366,ROW(INDEX(Jesper!AI$2:AI$366,ROUNDDOWN($C7579/24,0)+1,1))-1)+IF('Standard Profiles'!$G$19=$B$10,7,0)+IF('Standard Profiles'!$G$19=$B$17,14,0)+IF('Standard Profiles'!$G$19=$B$24,21,0),MOD($C7579,24)+1)/SUM(INDEX($D$3:$AA$30,INDEX(Jesper!$R$2:$R$366,ROW(INDEX(Jesper!AI$2:AI$366,ROUNDDOWN($C7579/24,0)+1,1))-1)+IF('Standard Profiles'!$G$19=$B$10,7,0)+IF('Standard Profiles'!$G$19=$B$17,14,0)+IF('Standard Profiles'!$G$19=$B$24,21,0),0)),0)</f>
        <v>3.1302942790725923</v>
      </c>
      <c r="F7579" cm="1">
        <f t="array" ref="F7579">IFERROR(INDEX(Jesper!AJ$2:AJ$366,ROUNDDOWN($C7579/24,0)+1,1)*INDEX($D$3:$AA$30,INDEX(Jesper!$R$2:$R$366,ROW(INDEX(Jesper!AJ$2:AJ$366,ROUNDDOWN($C7579/24,0)+1,1))-1)+IF('Standard Profiles'!$G$20=$B$10,7,0)+IF('Standard Profiles'!$G$20=$B$17,14,0)+IF('Standard Profiles'!$G$20=$B$24,21,0),MOD($C7579,24)+1)/SUM(INDEX($D$3:$AA$30,INDEX(Jesper!$R$2:$R$366,ROW(INDEX(Jesper!AJ$2:AJ$366,ROUNDDOWN($C7579/24,0)+1,1))-1)+IF('Standard Profiles'!$G$20=$B$10,7,0)+IF('Standard Profiles'!$G$20=$B$17,14,0)+IF('Standard Profiles'!$G$20=$B$24,21,0),0)),0)</f>
        <v>0</v>
      </c>
      <c r="G7579" cm="1">
        <f t="array" ref="G7579">IFERROR(INDEX(Jesper!AK$2:AK$366,ROUNDDOWN($C7579/24,0)+1,1)*INDEX($D$3:$AA$30,INDEX(Jesper!$R$2:$R$366,ROW(INDEX(Jesper!AK$2:AK$366,ROUNDDOWN($C7579/24,0)+1,1))-1)+IF('Standard Profiles'!$G$21=$B$10,7,0)+IF('Standard Profiles'!$G$21=$B$17,14,0)+IF('Standard Profiles'!$G$21=$B$24,21,0),MOD($C7579,24)+1)/SUM(INDEX($D$3:$AA$30,INDEX(Jesper!$R$2:$R$366,ROW(INDEX(Jesper!AK$2:AK$366,ROUNDDOWN($C7579/24,0)+1,1))-1)+IF('Standard Profiles'!$G$21=$B$10,7,0)+IF('Standard Profiles'!$G$21=$B$17,14,0)+IF('Standard Profiles'!$G$21=$B$24,21,0),0)),0)</f>
        <v>0</v>
      </c>
      <c r="H7579" cm="1">
        <f t="array" ref="H7579">IFERROR(INDEX(Jesper!AL$2:AL$366,ROUNDDOWN($C7579/24,0)+1,1)*INDEX($D$3:$AA$30,INDEX(Jesper!$R$2:$R$366,ROW(INDEX(Jesper!AL$2:AL$366,ROUNDDOWN($C7579/24,0)+1,1))-1)+IF('Standard Profiles'!$G$22=$B$10,7,0)+IF('Standard Profiles'!$G$22=$B$17,14,0)+IF('Standard Profiles'!$G$22=$B$24,21,0),MOD($C7579,24)+1)/SUM(INDEX($D$3:$AA$30,INDEX(Jesper!$R$2:$R$366,ROW(INDEX(Jesper!AL$2:AL$366,ROUNDDOWN($C7579/24,0)+1,1))-1)+IF('Standard Profiles'!$G$22=$B$10,7,0)+IF('Standard Profiles'!$G$22=$B$17,14,0)+IF('Standard Profiles'!$G$22=$B$24,21,0),0)),0)</f>
        <v>0</v>
      </c>
      <c r="I7579">
        <f t="shared" si="839"/>
        <v>0.28200849361014352</v>
      </c>
      <c r="J7579">
        <f t="shared" si="840"/>
        <v>0.94002831203381187</v>
      </c>
      <c r="K7579">
        <f t="shared" si="841"/>
        <v>1.4100424680507178</v>
      </c>
      <c r="L7579">
        <f t="shared" si="842"/>
        <v>14.705083568707376</v>
      </c>
      <c r="M7579">
        <f t="shared" si="843"/>
        <v>0</v>
      </c>
      <c r="N7579" s="46">
        <f t="shared" si="844"/>
        <v>45606.374999981701</v>
      </c>
    </row>
    <row r="7580" spans="2:14" x14ac:dyDescent="0.3">
      <c r="B7580">
        <f t="shared" si="838"/>
        <v>7</v>
      </c>
      <c r="C7580" s="16">
        <v>7546</v>
      </c>
      <c r="D7580" cm="1">
        <f t="array" ref="D7580">IFERROR(INDEX(Jesper!AH$2:AH$366,ROUNDDOWN($C7580/24,0)+1,1)*INDEX($D$3:$AA$30,INDEX(Jesper!$R$2:$R$366,ROW(INDEX(Jesper!AH$2:AH$366,ROUNDDOWN($C7580/24,0)+1,1))-1)+IF('Standard Profiles'!$G$18=$B$10,7,0)+IF('Standard Profiles'!$G$18=$B$17,14,0)+IF('Standard Profiles'!$G$18=$B$24,21,0),MOD($C7580,24)+1)/SUM(INDEX($D$3:$AA$30,INDEX(Jesper!$R$2:$R$366,ROW(INDEX(Jesper!AH$2:AH$366,ROUNDDOWN($C7580/24,0)+1,1))-1)+IF('Standard Profiles'!$G$18=$B$10,7,0)+IF('Standard Profiles'!$G$18=$B$17,14,0)+IF('Standard Profiles'!$G$18=$B$24,21,0),0)),0)</f>
        <v>14.206868563329458</v>
      </c>
      <c r="E7580" cm="1">
        <f t="array" ref="E7580">IFERROR(INDEX(Jesper!AI$2:AI$366,ROUNDDOWN($C7580/24,0)+1,1)*INDEX($D$3:$AA$30,INDEX(Jesper!$R$2:$R$366,ROW(INDEX(Jesper!AI$2:AI$366,ROUNDDOWN($C7580/24,0)+1,1))-1)+IF('Standard Profiles'!$G$19=$B$10,7,0)+IF('Standard Profiles'!$G$19=$B$17,14,0)+IF('Standard Profiles'!$G$19=$B$24,21,0),MOD($C7580,24)+1)/SUM(INDEX($D$3:$AA$30,INDEX(Jesper!$R$2:$R$366,ROW(INDEX(Jesper!AI$2:AI$366,ROUNDDOWN($C7580/24,0)+1,1))-1)+IF('Standard Profiles'!$G$19=$B$10,7,0)+IF('Standard Profiles'!$G$19=$B$17,14,0)+IF('Standard Profiles'!$G$19=$B$24,21,0),0)),0)</f>
        <v>3.1302942790725923</v>
      </c>
      <c r="F7580" cm="1">
        <f t="array" ref="F7580">IFERROR(INDEX(Jesper!AJ$2:AJ$366,ROUNDDOWN($C7580/24,0)+1,1)*INDEX($D$3:$AA$30,INDEX(Jesper!$R$2:$R$366,ROW(INDEX(Jesper!AJ$2:AJ$366,ROUNDDOWN($C7580/24,0)+1,1))-1)+IF('Standard Profiles'!$G$20=$B$10,7,0)+IF('Standard Profiles'!$G$20=$B$17,14,0)+IF('Standard Profiles'!$G$20=$B$24,21,0),MOD($C7580,24)+1)/SUM(INDEX($D$3:$AA$30,INDEX(Jesper!$R$2:$R$366,ROW(INDEX(Jesper!AJ$2:AJ$366,ROUNDDOWN($C7580/24,0)+1,1))-1)+IF('Standard Profiles'!$G$20=$B$10,7,0)+IF('Standard Profiles'!$G$20=$B$17,14,0)+IF('Standard Profiles'!$G$20=$B$24,21,0),0)),0)</f>
        <v>0</v>
      </c>
      <c r="G7580" cm="1">
        <f t="array" ref="G7580">IFERROR(INDEX(Jesper!AK$2:AK$366,ROUNDDOWN($C7580/24,0)+1,1)*INDEX($D$3:$AA$30,INDEX(Jesper!$R$2:$R$366,ROW(INDEX(Jesper!AK$2:AK$366,ROUNDDOWN($C7580/24,0)+1,1))-1)+IF('Standard Profiles'!$G$21=$B$10,7,0)+IF('Standard Profiles'!$G$21=$B$17,14,0)+IF('Standard Profiles'!$G$21=$B$24,21,0),MOD($C7580,24)+1)/SUM(INDEX($D$3:$AA$30,INDEX(Jesper!$R$2:$R$366,ROW(INDEX(Jesper!AK$2:AK$366,ROUNDDOWN($C7580/24,0)+1,1))-1)+IF('Standard Profiles'!$G$21=$B$10,7,0)+IF('Standard Profiles'!$G$21=$B$17,14,0)+IF('Standard Profiles'!$G$21=$B$24,21,0),0)),0)</f>
        <v>0</v>
      </c>
      <c r="H7580" cm="1">
        <f t="array" ref="H7580">IFERROR(INDEX(Jesper!AL$2:AL$366,ROUNDDOWN($C7580/24,0)+1,1)*INDEX($D$3:$AA$30,INDEX(Jesper!$R$2:$R$366,ROW(INDEX(Jesper!AL$2:AL$366,ROUNDDOWN($C7580/24,0)+1,1))-1)+IF('Standard Profiles'!$G$22=$B$10,7,0)+IF('Standard Profiles'!$G$22=$B$17,14,0)+IF('Standard Profiles'!$G$22=$B$24,21,0),MOD($C7580,24)+1)/SUM(INDEX($D$3:$AA$30,INDEX(Jesper!$R$2:$R$366,ROW(INDEX(Jesper!AL$2:AL$366,ROUNDDOWN($C7580/24,0)+1,1))-1)+IF('Standard Profiles'!$G$22=$B$10,7,0)+IF('Standard Profiles'!$G$22=$B$17,14,0)+IF('Standard Profiles'!$G$22=$B$24,21,0),0)),0)</f>
        <v>0</v>
      </c>
      <c r="I7580">
        <f t="shared" si="839"/>
        <v>0.28200849361014352</v>
      </c>
      <c r="J7580">
        <f t="shared" si="840"/>
        <v>0.94002831203381187</v>
      </c>
      <c r="K7580">
        <f t="shared" si="841"/>
        <v>1.4100424680507178</v>
      </c>
      <c r="L7580">
        <f t="shared" si="842"/>
        <v>14.705083568707376</v>
      </c>
      <c r="M7580">
        <f t="shared" si="843"/>
        <v>0</v>
      </c>
      <c r="N7580" s="46">
        <f t="shared" si="844"/>
        <v>45606.416666648365</v>
      </c>
    </row>
    <row r="7581" spans="2:14" x14ac:dyDescent="0.3">
      <c r="B7581">
        <f t="shared" si="838"/>
        <v>7</v>
      </c>
      <c r="C7581" s="16">
        <v>7547</v>
      </c>
      <c r="D7581" cm="1">
        <f t="array" ref="D7581">IFERROR(INDEX(Jesper!AH$2:AH$366,ROUNDDOWN($C7581/24,0)+1,1)*INDEX($D$3:$AA$30,INDEX(Jesper!$R$2:$R$366,ROW(INDEX(Jesper!AH$2:AH$366,ROUNDDOWN($C7581/24,0)+1,1))-1)+IF('Standard Profiles'!$G$18=$B$10,7,0)+IF('Standard Profiles'!$G$18=$B$17,14,0)+IF('Standard Profiles'!$G$18=$B$24,21,0),MOD($C7581,24)+1)/SUM(INDEX($D$3:$AA$30,INDEX(Jesper!$R$2:$R$366,ROW(INDEX(Jesper!AH$2:AH$366,ROUNDDOWN($C7581/24,0)+1,1))-1)+IF('Standard Profiles'!$G$18=$B$10,7,0)+IF('Standard Profiles'!$G$18=$B$17,14,0)+IF('Standard Profiles'!$G$18=$B$24,21,0),0)),0)</f>
        <v>14.206868563329458</v>
      </c>
      <c r="E7581" cm="1">
        <f t="array" ref="E7581">IFERROR(INDEX(Jesper!AI$2:AI$366,ROUNDDOWN($C7581/24,0)+1,1)*INDEX($D$3:$AA$30,INDEX(Jesper!$R$2:$R$366,ROW(INDEX(Jesper!AI$2:AI$366,ROUNDDOWN($C7581/24,0)+1,1))-1)+IF('Standard Profiles'!$G$19=$B$10,7,0)+IF('Standard Profiles'!$G$19=$B$17,14,0)+IF('Standard Profiles'!$G$19=$B$24,21,0),MOD($C7581,24)+1)/SUM(INDEX($D$3:$AA$30,INDEX(Jesper!$R$2:$R$366,ROW(INDEX(Jesper!AI$2:AI$366,ROUNDDOWN($C7581/24,0)+1,1))-1)+IF('Standard Profiles'!$G$19=$B$10,7,0)+IF('Standard Profiles'!$G$19=$B$17,14,0)+IF('Standard Profiles'!$G$19=$B$24,21,0),0)),0)</f>
        <v>3.1302942790725923</v>
      </c>
      <c r="F7581" cm="1">
        <f t="array" ref="F7581">IFERROR(INDEX(Jesper!AJ$2:AJ$366,ROUNDDOWN($C7581/24,0)+1,1)*INDEX($D$3:$AA$30,INDEX(Jesper!$R$2:$R$366,ROW(INDEX(Jesper!AJ$2:AJ$366,ROUNDDOWN($C7581/24,0)+1,1))-1)+IF('Standard Profiles'!$G$20=$B$10,7,0)+IF('Standard Profiles'!$G$20=$B$17,14,0)+IF('Standard Profiles'!$G$20=$B$24,21,0),MOD($C7581,24)+1)/SUM(INDEX($D$3:$AA$30,INDEX(Jesper!$R$2:$R$366,ROW(INDEX(Jesper!AJ$2:AJ$366,ROUNDDOWN($C7581/24,0)+1,1))-1)+IF('Standard Profiles'!$G$20=$B$10,7,0)+IF('Standard Profiles'!$G$20=$B$17,14,0)+IF('Standard Profiles'!$G$20=$B$24,21,0),0)),0)</f>
        <v>0</v>
      </c>
      <c r="G7581" cm="1">
        <f t="array" ref="G7581">IFERROR(INDEX(Jesper!AK$2:AK$366,ROUNDDOWN($C7581/24,0)+1,1)*INDEX($D$3:$AA$30,INDEX(Jesper!$R$2:$R$366,ROW(INDEX(Jesper!AK$2:AK$366,ROUNDDOWN($C7581/24,0)+1,1))-1)+IF('Standard Profiles'!$G$21=$B$10,7,0)+IF('Standard Profiles'!$G$21=$B$17,14,0)+IF('Standard Profiles'!$G$21=$B$24,21,0),MOD($C7581,24)+1)/SUM(INDEX($D$3:$AA$30,INDEX(Jesper!$R$2:$R$366,ROW(INDEX(Jesper!AK$2:AK$366,ROUNDDOWN($C7581/24,0)+1,1))-1)+IF('Standard Profiles'!$G$21=$B$10,7,0)+IF('Standard Profiles'!$G$21=$B$17,14,0)+IF('Standard Profiles'!$G$21=$B$24,21,0),0)),0)</f>
        <v>0</v>
      </c>
      <c r="H7581" cm="1">
        <f t="array" ref="H7581">IFERROR(INDEX(Jesper!AL$2:AL$366,ROUNDDOWN($C7581/24,0)+1,1)*INDEX($D$3:$AA$30,INDEX(Jesper!$R$2:$R$366,ROW(INDEX(Jesper!AL$2:AL$366,ROUNDDOWN($C7581/24,0)+1,1))-1)+IF('Standard Profiles'!$G$22=$B$10,7,0)+IF('Standard Profiles'!$G$22=$B$17,14,0)+IF('Standard Profiles'!$G$22=$B$24,21,0),MOD($C7581,24)+1)/SUM(INDEX($D$3:$AA$30,INDEX(Jesper!$R$2:$R$366,ROW(INDEX(Jesper!AL$2:AL$366,ROUNDDOWN($C7581/24,0)+1,1))-1)+IF('Standard Profiles'!$G$22=$B$10,7,0)+IF('Standard Profiles'!$G$22=$B$17,14,0)+IF('Standard Profiles'!$G$22=$B$24,21,0),0)),0)</f>
        <v>0</v>
      </c>
      <c r="I7581">
        <f t="shared" si="839"/>
        <v>0.28200849361014352</v>
      </c>
      <c r="J7581">
        <f t="shared" si="840"/>
        <v>0.94002831203381187</v>
      </c>
      <c r="K7581">
        <f t="shared" si="841"/>
        <v>1.4100424680507178</v>
      </c>
      <c r="L7581">
        <f t="shared" si="842"/>
        <v>14.705083568707376</v>
      </c>
      <c r="M7581">
        <f t="shared" si="843"/>
        <v>0</v>
      </c>
      <c r="N7581" s="46">
        <f t="shared" si="844"/>
        <v>45606.458333315029</v>
      </c>
    </row>
    <row r="7582" spans="2:14" x14ac:dyDescent="0.3">
      <c r="B7582">
        <f t="shared" si="838"/>
        <v>7</v>
      </c>
      <c r="C7582" s="16">
        <v>7548</v>
      </c>
      <c r="D7582" cm="1">
        <f t="array" ref="D7582">IFERROR(INDEX(Jesper!AH$2:AH$366,ROUNDDOWN($C7582/24,0)+1,1)*INDEX($D$3:$AA$30,INDEX(Jesper!$R$2:$R$366,ROW(INDEX(Jesper!AH$2:AH$366,ROUNDDOWN($C7582/24,0)+1,1))-1)+IF('Standard Profiles'!$G$18=$B$10,7,0)+IF('Standard Profiles'!$G$18=$B$17,14,0)+IF('Standard Profiles'!$G$18=$B$24,21,0),MOD($C7582,24)+1)/SUM(INDEX($D$3:$AA$30,INDEX(Jesper!$R$2:$R$366,ROW(INDEX(Jesper!AH$2:AH$366,ROUNDDOWN($C7582/24,0)+1,1))-1)+IF('Standard Profiles'!$G$18=$B$10,7,0)+IF('Standard Profiles'!$G$18=$B$17,14,0)+IF('Standard Profiles'!$G$18=$B$24,21,0),0)),0)</f>
        <v>14.206868563329458</v>
      </c>
      <c r="E7582" cm="1">
        <f t="array" ref="E7582">IFERROR(INDEX(Jesper!AI$2:AI$366,ROUNDDOWN($C7582/24,0)+1,1)*INDEX($D$3:$AA$30,INDEX(Jesper!$R$2:$R$366,ROW(INDEX(Jesper!AI$2:AI$366,ROUNDDOWN($C7582/24,0)+1,1))-1)+IF('Standard Profiles'!$G$19=$B$10,7,0)+IF('Standard Profiles'!$G$19=$B$17,14,0)+IF('Standard Profiles'!$G$19=$B$24,21,0),MOD($C7582,24)+1)/SUM(INDEX($D$3:$AA$30,INDEX(Jesper!$R$2:$R$366,ROW(INDEX(Jesper!AI$2:AI$366,ROUNDDOWN($C7582/24,0)+1,1))-1)+IF('Standard Profiles'!$G$19=$B$10,7,0)+IF('Standard Profiles'!$G$19=$B$17,14,0)+IF('Standard Profiles'!$G$19=$B$24,21,0),0)),0)</f>
        <v>3.1302942790725923</v>
      </c>
      <c r="F7582" cm="1">
        <f t="array" ref="F7582">IFERROR(INDEX(Jesper!AJ$2:AJ$366,ROUNDDOWN($C7582/24,0)+1,1)*INDEX($D$3:$AA$30,INDEX(Jesper!$R$2:$R$366,ROW(INDEX(Jesper!AJ$2:AJ$366,ROUNDDOWN($C7582/24,0)+1,1))-1)+IF('Standard Profiles'!$G$20=$B$10,7,0)+IF('Standard Profiles'!$G$20=$B$17,14,0)+IF('Standard Profiles'!$G$20=$B$24,21,0),MOD($C7582,24)+1)/SUM(INDEX($D$3:$AA$30,INDEX(Jesper!$R$2:$R$366,ROW(INDEX(Jesper!AJ$2:AJ$366,ROUNDDOWN($C7582/24,0)+1,1))-1)+IF('Standard Profiles'!$G$20=$B$10,7,0)+IF('Standard Profiles'!$G$20=$B$17,14,0)+IF('Standard Profiles'!$G$20=$B$24,21,0),0)),0)</f>
        <v>0</v>
      </c>
      <c r="G7582" cm="1">
        <f t="array" ref="G7582">IFERROR(INDEX(Jesper!AK$2:AK$366,ROUNDDOWN($C7582/24,0)+1,1)*INDEX($D$3:$AA$30,INDEX(Jesper!$R$2:$R$366,ROW(INDEX(Jesper!AK$2:AK$366,ROUNDDOWN($C7582/24,0)+1,1))-1)+IF('Standard Profiles'!$G$21=$B$10,7,0)+IF('Standard Profiles'!$G$21=$B$17,14,0)+IF('Standard Profiles'!$G$21=$B$24,21,0),MOD($C7582,24)+1)/SUM(INDEX($D$3:$AA$30,INDEX(Jesper!$R$2:$R$366,ROW(INDEX(Jesper!AK$2:AK$366,ROUNDDOWN($C7582/24,0)+1,1))-1)+IF('Standard Profiles'!$G$21=$B$10,7,0)+IF('Standard Profiles'!$G$21=$B$17,14,0)+IF('Standard Profiles'!$G$21=$B$24,21,0),0)),0)</f>
        <v>0</v>
      </c>
      <c r="H7582" cm="1">
        <f t="array" ref="H7582">IFERROR(INDEX(Jesper!AL$2:AL$366,ROUNDDOWN($C7582/24,0)+1,1)*INDEX($D$3:$AA$30,INDEX(Jesper!$R$2:$R$366,ROW(INDEX(Jesper!AL$2:AL$366,ROUNDDOWN($C7582/24,0)+1,1))-1)+IF('Standard Profiles'!$G$22=$B$10,7,0)+IF('Standard Profiles'!$G$22=$B$17,14,0)+IF('Standard Profiles'!$G$22=$B$24,21,0),MOD($C7582,24)+1)/SUM(INDEX($D$3:$AA$30,INDEX(Jesper!$R$2:$R$366,ROW(INDEX(Jesper!AL$2:AL$366,ROUNDDOWN($C7582/24,0)+1,1))-1)+IF('Standard Profiles'!$G$22=$B$10,7,0)+IF('Standard Profiles'!$G$22=$B$17,14,0)+IF('Standard Profiles'!$G$22=$B$24,21,0),0)),0)</f>
        <v>0</v>
      </c>
      <c r="I7582">
        <f t="shared" si="839"/>
        <v>0.28200849361014352</v>
      </c>
      <c r="J7582">
        <f t="shared" si="840"/>
        <v>0.94002831203381187</v>
      </c>
      <c r="K7582">
        <f t="shared" si="841"/>
        <v>1.4100424680507178</v>
      </c>
      <c r="L7582">
        <f t="shared" si="842"/>
        <v>14.705083568707376</v>
      </c>
      <c r="M7582">
        <f t="shared" si="843"/>
        <v>0</v>
      </c>
      <c r="N7582" s="46">
        <f t="shared" si="844"/>
        <v>45606.499999981694</v>
      </c>
    </row>
    <row r="7583" spans="2:14" x14ac:dyDescent="0.3">
      <c r="B7583">
        <f t="shared" si="838"/>
        <v>7</v>
      </c>
      <c r="C7583" s="16">
        <v>7549</v>
      </c>
      <c r="D7583" cm="1">
        <f t="array" ref="D7583">IFERROR(INDEX(Jesper!AH$2:AH$366,ROUNDDOWN($C7583/24,0)+1,1)*INDEX($D$3:$AA$30,INDEX(Jesper!$R$2:$R$366,ROW(INDEX(Jesper!AH$2:AH$366,ROUNDDOWN($C7583/24,0)+1,1))-1)+IF('Standard Profiles'!$G$18=$B$10,7,0)+IF('Standard Profiles'!$G$18=$B$17,14,0)+IF('Standard Profiles'!$G$18=$B$24,21,0),MOD($C7583,24)+1)/SUM(INDEX($D$3:$AA$30,INDEX(Jesper!$R$2:$R$366,ROW(INDEX(Jesper!AH$2:AH$366,ROUNDDOWN($C7583/24,0)+1,1))-1)+IF('Standard Profiles'!$G$18=$B$10,7,0)+IF('Standard Profiles'!$G$18=$B$17,14,0)+IF('Standard Profiles'!$G$18=$B$24,21,0),0)),0)</f>
        <v>14.206868563329458</v>
      </c>
      <c r="E7583" cm="1">
        <f t="array" ref="E7583">IFERROR(INDEX(Jesper!AI$2:AI$366,ROUNDDOWN($C7583/24,0)+1,1)*INDEX($D$3:$AA$30,INDEX(Jesper!$R$2:$R$366,ROW(INDEX(Jesper!AI$2:AI$366,ROUNDDOWN($C7583/24,0)+1,1))-1)+IF('Standard Profiles'!$G$19=$B$10,7,0)+IF('Standard Profiles'!$G$19=$B$17,14,0)+IF('Standard Profiles'!$G$19=$B$24,21,0),MOD($C7583,24)+1)/SUM(INDEX($D$3:$AA$30,INDEX(Jesper!$R$2:$R$366,ROW(INDEX(Jesper!AI$2:AI$366,ROUNDDOWN($C7583/24,0)+1,1))-1)+IF('Standard Profiles'!$G$19=$B$10,7,0)+IF('Standard Profiles'!$G$19=$B$17,14,0)+IF('Standard Profiles'!$G$19=$B$24,21,0),0)),0)</f>
        <v>3.1302942790725923</v>
      </c>
      <c r="F7583" cm="1">
        <f t="array" ref="F7583">IFERROR(INDEX(Jesper!AJ$2:AJ$366,ROUNDDOWN($C7583/24,0)+1,1)*INDEX($D$3:$AA$30,INDEX(Jesper!$R$2:$R$366,ROW(INDEX(Jesper!AJ$2:AJ$366,ROUNDDOWN($C7583/24,0)+1,1))-1)+IF('Standard Profiles'!$G$20=$B$10,7,0)+IF('Standard Profiles'!$G$20=$B$17,14,0)+IF('Standard Profiles'!$G$20=$B$24,21,0),MOD($C7583,24)+1)/SUM(INDEX($D$3:$AA$30,INDEX(Jesper!$R$2:$R$366,ROW(INDEX(Jesper!AJ$2:AJ$366,ROUNDDOWN($C7583/24,0)+1,1))-1)+IF('Standard Profiles'!$G$20=$B$10,7,0)+IF('Standard Profiles'!$G$20=$B$17,14,0)+IF('Standard Profiles'!$G$20=$B$24,21,0),0)),0)</f>
        <v>0</v>
      </c>
      <c r="G7583" cm="1">
        <f t="array" ref="G7583">IFERROR(INDEX(Jesper!AK$2:AK$366,ROUNDDOWN($C7583/24,0)+1,1)*INDEX($D$3:$AA$30,INDEX(Jesper!$R$2:$R$366,ROW(INDEX(Jesper!AK$2:AK$366,ROUNDDOWN($C7583/24,0)+1,1))-1)+IF('Standard Profiles'!$G$21=$B$10,7,0)+IF('Standard Profiles'!$G$21=$B$17,14,0)+IF('Standard Profiles'!$G$21=$B$24,21,0),MOD($C7583,24)+1)/SUM(INDEX($D$3:$AA$30,INDEX(Jesper!$R$2:$R$366,ROW(INDEX(Jesper!AK$2:AK$366,ROUNDDOWN($C7583/24,0)+1,1))-1)+IF('Standard Profiles'!$G$21=$B$10,7,0)+IF('Standard Profiles'!$G$21=$B$17,14,0)+IF('Standard Profiles'!$G$21=$B$24,21,0),0)),0)</f>
        <v>0</v>
      </c>
      <c r="H7583" cm="1">
        <f t="array" ref="H7583">IFERROR(INDEX(Jesper!AL$2:AL$366,ROUNDDOWN($C7583/24,0)+1,1)*INDEX($D$3:$AA$30,INDEX(Jesper!$R$2:$R$366,ROW(INDEX(Jesper!AL$2:AL$366,ROUNDDOWN($C7583/24,0)+1,1))-1)+IF('Standard Profiles'!$G$22=$B$10,7,0)+IF('Standard Profiles'!$G$22=$B$17,14,0)+IF('Standard Profiles'!$G$22=$B$24,21,0),MOD($C7583,24)+1)/SUM(INDEX($D$3:$AA$30,INDEX(Jesper!$R$2:$R$366,ROW(INDEX(Jesper!AL$2:AL$366,ROUNDDOWN($C7583/24,0)+1,1))-1)+IF('Standard Profiles'!$G$22=$B$10,7,0)+IF('Standard Profiles'!$G$22=$B$17,14,0)+IF('Standard Profiles'!$G$22=$B$24,21,0),0)),0)</f>
        <v>0</v>
      </c>
      <c r="I7583">
        <f t="shared" si="839"/>
        <v>0.28200849361014352</v>
      </c>
      <c r="J7583">
        <f t="shared" si="840"/>
        <v>0.94002831203381187</v>
      </c>
      <c r="K7583">
        <f t="shared" si="841"/>
        <v>1.4100424680507178</v>
      </c>
      <c r="L7583">
        <f t="shared" si="842"/>
        <v>14.705083568707376</v>
      </c>
      <c r="M7583">
        <f t="shared" si="843"/>
        <v>0</v>
      </c>
      <c r="N7583" s="46">
        <f t="shared" si="844"/>
        <v>45606.541666648358</v>
      </c>
    </row>
    <row r="7584" spans="2:14" x14ac:dyDescent="0.3">
      <c r="B7584">
        <f t="shared" si="838"/>
        <v>7</v>
      </c>
      <c r="C7584" s="16">
        <v>7550</v>
      </c>
      <c r="D7584" cm="1">
        <f t="array" ref="D7584">IFERROR(INDEX(Jesper!AH$2:AH$366,ROUNDDOWN($C7584/24,0)+1,1)*INDEX($D$3:$AA$30,INDEX(Jesper!$R$2:$R$366,ROW(INDEX(Jesper!AH$2:AH$366,ROUNDDOWN($C7584/24,0)+1,1))-1)+IF('Standard Profiles'!$G$18=$B$10,7,0)+IF('Standard Profiles'!$G$18=$B$17,14,0)+IF('Standard Profiles'!$G$18=$B$24,21,0),MOD($C7584,24)+1)/SUM(INDEX($D$3:$AA$30,INDEX(Jesper!$R$2:$R$366,ROW(INDEX(Jesper!AH$2:AH$366,ROUNDDOWN($C7584/24,0)+1,1))-1)+IF('Standard Profiles'!$G$18=$B$10,7,0)+IF('Standard Profiles'!$G$18=$B$17,14,0)+IF('Standard Profiles'!$G$18=$B$24,21,0),0)),0)</f>
        <v>14.206868563329458</v>
      </c>
      <c r="E7584" cm="1">
        <f t="array" ref="E7584">IFERROR(INDEX(Jesper!AI$2:AI$366,ROUNDDOWN($C7584/24,0)+1,1)*INDEX($D$3:$AA$30,INDEX(Jesper!$R$2:$R$366,ROW(INDEX(Jesper!AI$2:AI$366,ROUNDDOWN($C7584/24,0)+1,1))-1)+IF('Standard Profiles'!$G$19=$B$10,7,0)+IF('Standard Profiles'!$G$19=$B$17,14,0)+IF('Standard Profiles'!$G$19=$B$24,21,0),MOD($C7584,24)+1)/SUM(INDEX($D$3:$AA$30,INDEX(Jesper!$R$2:$R$366,ROW(INDEX(Jesper!AI$2:AI$366,ROUNDDOWN($C7584/24,0)+1,1))-1)+IF('Standard Profiles'!$G$19=$B$10,7,0)+IF('Standard Profiles'!$G$19=$B$17,14,0)+IF('Standard Profiles'!$G$19=$B$24,21,0),0)),0)</f>
        <v>3.1302942790725923</v>
      </c>
      <c r="F7584" cm="1">
        <f t="array" ref="F7584">IFERROR(INDEX(Jesper!AJ$2:AJ$366,ROUNDDOWN($C7584/24,0)+1,1)*INDEX($D$3:$AA$30,INDEX(Jesper!$R$2:$R$366,ROW(INDEX(Jesper!AJ$2:AJ$366,ROUNDDOWN($C7584/24,0)+1,1))-1)+IF('Standard Profiles'!$G$20=$B$10,7,0)+IF('Standard Profiles'!$G$20=$B$17,14,0)+IF('Standard Profiles'!$G$20=$B$24,21,0),MOD($C7584,24)+1)/SUM(INDEX($D$3:$AA$30,INDEX(Jesper!$R$2:$R$366,ROW(INDEX(Jesper!AJ$2:AJ$366,ROUNDDOWN($C7584/24,0)+1,1))-1)+IF('Standard Profiles'!$G$20=$B$10,7,0)+IF('Standard Profiles'!$G$20=$B$17,14,0)+IF('Standard Profiles'!$G$20=$B$24,21,0),0)),0)</f>
        <v>0</v>
      </c>
      <c r="G7584" cm="1">
        <f t="array" ref="G7584">IFERROR(INDEX(Jesper!AK$2:AK$366,ROUNDDOWN($C7584/24,0)+1,1)*INDEX($D$3:$AA$30,INDEX(Jesper!$R$2:$R$366,ROW(INDEX(Jesper!AK$2:AK$366,ROUNDDOWN($C7584/24,0)+1,1))-1)+IF('Standard Profiles'!$G$21=$B$10,7,0)+IF('Standard Profiles'!$G$21=$B$17,14,0)+IF('Standard Profiles'!$G$21=$B$24,21,0),MOD($C7584,24)+1)/SUM(INDEX($D$3:$AA$30,INDEX(Jesper!$R$2:$R$366,ROW(INDEX(Jesper!AK$2:AK$366,ROUNDDOWN($C7584/24,0)+1,1))-1)+IF('Standard Profiles'!$G$21=$B$10,7,0)+IF('Standard Profiles'!$G$21=$B$17,14,0)+IF('Standard Profiles'!$G$21=$B$24,21,0),0)),0)</f>
        <v>0</v>
      </c>
      <c r="H7584" cm="1">
        <f t="array" ref="H7584">IFERROR(INDEX(Jesper!AL$2:AL$366,ROUNDDOWN($C7584/24,0)+1,1)*INDEX($D$3:$AA$30,INDEX(Jesper!$R$2:$R$366,ROW(INDEX(Jesper!AL$2:AL$366,ROUNDDOWN($C7584/24,0)+1,1))-1)+IF('Standard Profiles'!$G$22=$B$10,7,0)+IF('Standard Profiles'!$G$22=$B$17,14,0)+IF('Standard Profiles'!$G$22=$B$24,21,0),MOD($C7584,24)+1)/SUM(INDEX($D$3:$AA$30,INDEX(Jesper!$R$2:$R$366,ROW(INDEX(Jesper!AL$2:AL$366,ROUNDDOWN($C7584/24,0)+1,1))-1)+IF('Standard Profiles'!$G$22=$B$10,7,0)+IF('Standard Profiles'!$G$22=$B$17,14,0)+IF('Standard Profiles'!$G$22=$B$24,21,0),0)),0)</f>
        <v>0</v>
      </c>
      <c r="I7584">
        <f t="shared" si="839"/>
        <v>0.28200849361014352</v>
      </c>
      <c r="J7584">
        <f t="shared" si="840"/>
        <v>0.94002831203381187</v>
      </c>
      <c r="K7584">
        <f t="shared" si="841"/>
        <v>1.4100424680507178</v>
      </c>
      <c r="L7584">
        <f t="shared" si="842"/>
        <v>14.705083568707376</v>
      </c>
      <c r="M7584">
        <f t="shared" si="843"/>
        <v>0</v>
      </c>
      <c r="N7584" s="46">
        <f t="shared" si="844"/>
        <v>45606.583333315022</v>
      </c>
    </row>
    <row r="7585" spans="2:14" x14ac:dyDescent="0.3">
      <c r="B7585">
        <f t="shared" si="838"/>
        <v>7</v>
      </c>
      <c r="C7585" s="16">
        <v>7551</v>
      </c>
      <c r="D7585" cm="1">
        <f t="array" ref="D7585">IFERROR(INDEX(Jesper!AH$2:AH$366,ROUNDDOWN($C7585/24,0)+1,1)*INDEX($D$3:$AA$30,INDEX(Jesper!$R$2:$R$366,ROW(INDEX(Jesper!AH$2:AH$366,ROUNDDOWN($C7585/24,0)+1,1))-1)+IF('Standard Profiles'!$G$18=$B$10,7,0)+IF('Standard Profiles'!$G$18=$B$17,14,0)+IF('Standard Profiles'!$G$18=$B$24,21,0),MOD($C7585,24)+1)/SUM(INDEX($D$3:$AA$30,INDEX(Jesper!$R$2:$R$366,ROW(INDEX(Jesper!AH$2:AH$366,ROUNDDOWN($C7585/24,0)+1,1))-1)+IF('Standard Profiles'!$G$18=$B$10,7,0)+IF('Standard Profiles'!$G$18=$B$17,14,0)+IF('Standard Profiles'!$G$18=$B$24,21,0),0)),0)</f>
        <v>12.628327611848407</v>
      </c>
      <c r="E7585" cm="1">
        <f t="array" ref="E7585">IFERROR(INDEX(Jesper!AI$2:AI$366,ROUNDDOWN($C7585/24,0)+1,1)*INDEX($D$3:$AA$30,INDEX(Jesper!$R$2:$R$366,ROW(INDEX(Jesper!AI$2:AI$366,ROUNDDOWN($C7585/24,0)+1,1))-1)+IF('Standard Profiles'!$G$19=$B$10,7,0)+IF('Standard Profiles'!$G$19=$B$17,14,0)+IF('Standard Profiles'!$G$19=$B$24,21,0),MOD($C7585,24)+1)/SUM(INDEX($D$3:$AA$30,INDEX(Jesper!$R$2:$R$366,ROW(INDEX(Jesper!AI$2:AI$366,ROUNDDOWN($C7585/24,0)+1,1))-1)+IF('Standard Profiles'!$G$19=$B$10,7,0)+IF('Standard Profiles'!$G$19=$B$17,14,0)+IF('Standard Profiles'!$G$19=$B$24,21,0),0)),0)</f>
        <v>2.7824838036200821</v>
      </c>
      <c r="F7585" cm="1">
        <f t="array" ref="F7585">IFERROR(INDEX(Jesper!AJ$2:AJ$366,ROUNDDOWN($C7585/24,0)+1,1)*INDEX($D$3:$AA$30,INDEX(Jesper!$R$2:$R$366,ROW(INDEX(Jesper!AJ$2:AJ$366,ROUNDDOWN($C7585/24,0)+1,1))-1)+IF('Standard Profiles'!$G$20=$B$10,7,0)+IF('Standard Profiles'!$G$20=$B$17,14,0)+IF('Standard Profiles'!$G$20=$B$24,21,0),MOD($C7585,24)+1)/SUM(INDEX($D$3:$AA$30,INDEX(Jesper!$R$2:$R$366,ROW(INDEX(Jesper!AJ$2:AJ$366,ROUNDDOWN($C7585/24,0)+1,1))-1)+IF('Standard Profiles'!$G$20=$B$10,7,0)+IF('Standard Profiles'!$G$20=$B$17,14,0)+IF('Standard Profiles'!$G$20=$B$24,21,0),0)),0)</f>
        <v>0</v>
      </c>
      <c r="G7585" cm="1">
        <f t="array" ref="G7585">IFERROR(INDEX(Jesper!AK$2:AK$366,ROUNDDOWN($C7585/24,0)+1,1)*INDEX($D$3:$AA$30,INDEX(Jesper!$R$2:$R$366,ROW(INDEX(Jesper!AK$2:AK$366,ROUNDDOWN($C7585/24,0)+1,1))-1)+IF('Standard Profiles'!$G$21=$B$10,7,0)+IF('Standard Profiles'!$G$21=$B$17,14,0)+IF('Standard Profiles'!$G$21=$B$24,21,0),MOD($C7585,24)+1)/SUM(INDEX($D$3:$AA$30,INDEX(Jesper!$R$2:$R$366,ROW(INDEX(Jesper!AK$2:AK$366,ROUNDDOWN($C7585/24,0)+1,1))-1)+IF('Standard Profiles'!$G$21=$B$10,7,0)+IF('Standard Profiles'!$G$21=$B$17,14,0)+IF('Standard Profiles'!$G$21=$B$24,21,0),0)),0)</f>
        <v>0</v>
      </c>
      <c r="H7585" cm="1">
        <f t="array" ref="H7585">IFERROR(INDEX(Jesper!AL$2:AL$366,ROUNDDOWN($C7585/24,0)+1,1)*INDEX($D$3:$AA$30,INDEX(Jesper!$R$2:$R$366,ROW(INDEX(Jesper!AL$2:AL$366,ROUNDDOWN($C7585/24,0)+1,1))-1)+IF('Standard Profiles'!$G$22=$B$10,7,0)+IF('Standard Profiles'!$G$22=$B$17,14,0)+IF('Standard Profiles'!$G$22=$B$24,21,0),MOD($C7585,24)+1)/SUM(INDEX($D$3:$AA$30,INDEX(Jesper!$R$2:$R$366,ROW(INDEX(Jesper!AL$2:AL$366,ROUNDDOWN($C7585/24,0)+1,1))-1)+IF('Standard Profiles'!$G$22=$B$10,7,0)+IF('Standard Profiles'!$G$22=$B$17,14,0)+IF('Standard Profiles'!$G$22=$B$24,21,0),0)),0)</f>
        <v>0</v>
      </c>
      <c r="I7585">
        <f t="shared" si="839"/>
        <v>0.25067421654234978</v>
      </c>
      <c r="J7585">
        <f t="shared" si="840"/>
        <v>0.83558072180783283</v>
      </c>
      <c r="K7585">
        <f t="shared" si="841"/>
        <v>1.2533710827117492</v>
      </c>
      <c r="L7585">
        <f t="shared" si="842"/>
        <v>13.071185394406557</v>
      </c>
      <c r="M7585">
        <f t="shared" si="843"/>
        <v>0</v>
      </c>
      <c r="N7585" s="46">
        <f t="shared" si="844"/>
        <v>45606.624999981686</v>
      </c>
    </row>
    <row r="7586" spans="2:14" x14ac:dyDescent="0.3">
      <c r="B7586">
        <f t="shared" si="838"/>
        <v>7</v>
      </c>
      <c r="C7586" s="16">
        <v>7552</v>
      </c>
      <c r="D7586" cm="1">
        <f t="array" ref="D7586">IFERROR(INDEX(Jesper!AH$2:AH$366,ROUNDDOWN($C7586/24,0)+1,1)*INDEX($D$3:$AA$30,INDEX(Jesper!$R$2:$R$366,ROW(INDEX(Jesper!AH$2:AH$366,ROUNDDOWN($C7586/24,0)+1,1))-1)+IF('Standard Profiles'!$G$18=$B$10,7,0)+IF('Standard Profiles'!$G$18=$B$17,14,0)+IF('Standard Profiles'!$G$18=$B$24,21,0),MOD($C7586,24)+1)/SUM(INDEX($D$3:$AA$30,INDEX(Jesper!$R$2:$R$366,ROW(INDEX(Jesper!AH$2:AH$366,ROUNDDOWN($C7586/24,0)+1,1))-1)+IF('Standard Profiles'!$G$18=$B$10,7,0)+IF('Standard Profiles'!$G$18=$B$17,14,0)+IF('Standard Profiles'!$G$18=$B$24,21,0),0)),0)</f>
        <v>12.402821761636828</v>
      </c>
      <c r="E7586" cm="1">
        <f t="array" ref="E7586">IFERROR(INDEX(Jesper!AI$2:AI$366,ROUNDDOWN($C7586/24,0)+1,1)*INDEX($D$3:$AA$30,INDEX(Jesper!$R$2:$R$366,ROW(INDEX(Jesper!AI$2:AI$366,ROUNDDOWN($C7586/24,0)+1,1))-1)+IF('Standard Profiles'!$G$19=$B$10,7,0)+IF('Standard Profiles'!$G$19=$B$17,14,0)+IF('Standard Profiles'!$G$19=$B$24,21,0),MOD($C7586,24)+1)/SUM(INDEX($D$3:$AA$30,INDEX(Jesper!$R$2:$R$366,ROW(INDEX(Jesper!AI$2:AI$366,ROUNDDOWN($C7586/24,0)+1,1))-1)+IF('Standard Profiles'!$G$19=$B$10,7,0)+IF('Standard Profiles'!$G$19=$B$17,14,0)+IF('Standard Profiles'!$G$19=$B$24,21,0),0)),0)</f>
        <v>2.7327965928411522</v>
      </c>
      <c r="F7586" cm="1">
        <f t="array" ref="F7586">IFERROR(INDEX(Jesper!AJ$2:AJ$366,ROUNDDOWN($C7586/24,0)+1,1)*INDEX($D$3:$AA$30,INDEX(Jesper!$R$2:$R$366,ROW(INDEX(Jesper!AJ$2:AJ$366,ROUNDDOWN($C7586/24,0)+1,1))-1)+IF('Standard Profiles'!$G$20=$B$10,7,0)+IF('Standard Profiles'!$G$20=$B$17,14,0)+IF('Standard Profiles'!$G$20=$B$24,21,0),MOD($C7586,24)+1)/SUM(INDEX($D$3:$AA$30,INDEX(Jesper!$R$2:$R$366,ROW(INDEX(Jesper!AJ$2:AJ$366,ROUNDDOWN($C7586/24,0)+1,1))-1)+IF('Standard Profiles'!$G$20=$B$10,7,0)+IF('Standard Profiles'!$G$20=$B$17,14,0)+IF('Standard Profiles'!$G$20=$B$24,21,0),0)),0)</f>
        <v>0</v>
      </c>
      <c r="G7586" cm="1">
        <f t="array" ref="G7586">IFERROR(INDEX(Jesper!AK$2:AK$366,ROUNDDOWN($C7586/24,0)+1,1)*INDEX($D$3:$AA$30,INDEX(Jesper!$R$2:$R$366,ROW(INDEX(Jesper!AK$2:AK$366,ROUNDDOWN($C7586/24,0)+1,1))-1)+IF('Standard Profiles'!$G$21=$B$10,7,0)+IF('Standard Profiles'!$G$21=$B$17,14,0)+IF('Standard Profiles'!$G$21=$B$24,21,0),MOD($C7586,24)+1)/SUM(INDEX($D$3:$AA$30,INDEX(Jesper!$R$2:$R$366,ROW(INDEX(Jesper!AK$2:AK$366,ROUNDDOWN($C7586/24,0)+1,1))-1)+IF('Standard Profiles'!$G$21=$B$10,7,0)+IF('Standard Profiles'!$G$21=$B$17,14,0)+IF('Standard Profiles'!$G$21=$B$24,21,0),0)),0)</f>
        <v>0</v>
      </c>
      <c r="H7586" cm="1">
        <f t="array" ref="H7586">IFERROR(INDEX(Jesper!AL$2:AL$366,ROUNDDOWN($C7586/24,0)+1,1)*INDEX($D$3:$AA$30,INDEX(Jesper!$R$2:$R$366,ROW(INDEX(Jesper!AL$2:AL$366,ROUNDDOWN($C7586/24,0)+1,1))-1)+IF('Standard Profiles'!$G$22=$B$10,7,0)+IF('Standard Profiles'!$G$22=$B$17,14,0)+IF('Standard Profiles'!$G$22=$B$24,21,0),MOD($C7586,24)+1)/SUM(INDEX($D$3:$AA$30,INDEX(Jesper!$R$2:$R$366,ROW(INDEX(Jesper!AL$2:AL$366,ROUNDDOWN($C7586/24,0)+1,1))-1)+IF('Standard Profiles'!$G$22=$B$10,7,0)+IF('Standard Profiles'!$G$22=$B$17,14,0)+IF('Standard Profiles'!$G$22=$B$24,21,0),0)),0)</f>
        <v>0</v>
      </c>
      <c r="I7586">
        <f t="shared" si="839"/>
        <v>0.24619789124695071</v>
      </c>
      <c r="J7586">
        <f t="shared" si="840"/>
        <v>0.82065963748983584</v>
      </c>
      <c r="K7586">
        <f t="shared" si="841"/>
        <v>1.2309894562347536</v>
      </c>
      <c r="L7586">
        <f t="shared" si="842"/>
        <v>12.83777136950644</v>
      </c>
      <c r="M7586">
        <f t="shared" si="843"/>
        <v>0</v>
      </c>
      <c r="N7586" s="46">
        <f t="shared" si="844"/>
        <v>45606.666666648351</v>
      </c>
    </row>
    <row r="7587" spans="2:14" x14ac:dyDescent="0.3">
      <c r="B7587">
        <f t="shared" ref="B7587:B7650" si="845">WEEKDAY(N7587,2)</f>
        <v>7</v>
      </c>
      <c r="C7587" s="16">
        <v>7553</v>
      </c>
      <c r="D7587" cm="1">
        <f t="array" ref="D7587">IFERROR(INDEX(Jesper!AH$2:AH$366,ROUNDDOWN($C7587/24,0)+1,1)*INDEX($D$3:$AA$30,INDEX(Jesper!$R$2:$R$366,ROW(INDEX(Jesper!AH$2:AH$366,ROUNDDOWN($C7587/24,0)+1,1))-1)+IF('Standard Profiles'!$G$18=$B$10,7,0)+IF('Standard Profiles'!$G$18=$B$17,14,0)+IF('Standard Profiles'!$G$18=$B$24,21,0),MOD($C7587,24)+1)/SUM(INDEX($D$3:$AA$30,INDEX(Jesper!$R$2:$R$366,ROW(INDEX(Jesper!AH$2:AH$366,ROUNDDOWN($C7587/24,0)+1,1))-1)+IF('Standard Profiles'!$G$18=$B$10,7,0)+IF('Standard Profiles'!$G$18=$B$17,14,0)+IF('Standard Profiles'!$G$18=$B$24,21,0),0)),0)</f>
        <v>10.598774959944199</v>
      </c>
      <c r="E7587" cm="1">
        <f t="array" ref="E7587">IFERROR(INDEX(Jesper!AI$2:AI$366,ROUNDDOWN($C7587/24,0)+1,1)*INDEX($D$3:$AA$30,INDEX(Jesper!$R$2:$R$366,ROW(INDEX(Jesper!AI$2:AI$366,ROUNDDOWN($C7587/24,0)+1,1))-1)+IF('Standard Profiles'!$G$19=$B$10,7,0)+IF('Standard Profiles'!$G$19=$B$17,14,0)+IF('Standard Profiles'!$G$19=$B$24,21,0),MOD($C7587,24)+1)/SUM(INDEX($D$3:$AA$30,INDEX(Jesper!$R$2:$R$366,ROW(INDEX(Jesper!AI$2:AI$366,ROUNDDOWN($C7587/24,0)+1,1))-1)+IF('Standard Profiles'!$G$19=$B$10,7,0)+IF('Standard Profiles'!$G$19=$B$17,14,0)+IF('Standard Profiles'!$G$19=$B$24,21,0),0)),0)</f>
        <v>2.3352989066097116</v>
      </c>
      <c r="F7587" cm="1">
        <f t="array" ref="F7587">IFERROR(INDEX(Jesper!AJ$2:AJ$366,ROUNDDOWN($C7587/24,0)+1,1)*INDEX($D$3:$AA$30,INDEX(Jesper!$R$2:$R$366,ROW(INDEX(Jesper!AJ$2:AJ$366,ROUNDDOWN($C7587/24,0)+1,1))-1)+IF('Standard Profiles'!$G$20=$B$10,7,0)+IF('Standard Profiles'!$G$20=$B$17,14,0)+IF('Standard Profiles'!$G$20=$B$24,21,0),MOD($C7587,24)+1)/SUM(INDEX($D$3:$AA$30,INDEX(Jesper!$R$2:$R$366,ROW(INDEX(Jesper!AJ$2:AJ$366,ROUNDDOWN($C7587/24,0)+1,1))-1)+IF('Standard Profiles'!$G$20=$B$10,7,0)+IF('Standard Profiles'!$G$20=$B$17,14,0)+IF('Standard Profiles'!$G$20=$B$24,21,0),0)),0)</f>
        <v>0</v>
      </c>
      <c r="G7587" cm="1">
        <f t="array" ref="G7587">IFERROR(INDEX(Jesper!AK$2:AK$366,ROUNDDOWN($C7587/24,0)+1,1)*INDEX($D$3:$AA$30,INDEX(Jesper!$R$2:$R$366,ROW(INDEX(Jesper!AK$2:AK$366,ROUNDDOWN($C7587/24,0)+1,1))-1)+IF('Standard Profiles'!$G$21=$B$10,7,0)+IF('Standard Profiles'!$G$21=$B$17,14,0)+IF('Standard Profiles'!$G$21=$B$24,21,0),MOD($C7587,24)+1)/SUM(INDEX($D$3:$AA$30,INDEX(Jesper!$R$2:$R$366,ROW(INDEX(Jesper!AK$2:AK$366,ROUNDDOWN($C7587/24,0)+1,1))-1)+IF('Standard Profiles'!$G$21=$B$10,7,0)+IF('Standard Profiles'!$G$21=$B$17,14,0)+IF('Standard Profiles'!$G$21=$B$24,21,0),0)),0)</f>
        <v>0</v>
      </c>
      <c r="H7587" cm="1">
        <f t="array" ref="H7587">IFERROR(INDEX(Jesper!AL$2:AL$366,ROUNDDOWN($C7587/24,0)+1,1)*INDEX($D$3:$AA$30,INDEX(Jesper!$R$2:$R$366,ROW(INDEX(Jesper!AL$2:AL$366,ROUNDDOWN($C7587/24,0)+1,1))-1)+IF('Standard Profiles'!$G$22=$B$10,7,0)+IF('Standard Profiles'!$G$22=$B$17,14,0)+IF('Standard Profiles'!$G$22=$B$24,21,0),MOD($C7587,24)+1)/SUM(INDEX($D$3:$AA$30,INDEX(Jesper!$R$2:$R$366,ROW(INDEX(Jesper!AL$2:AL$366,ROUNDDOWN($C7587/24,0)+1,1))-1)+IF('Standard Profiles'!$G$22=$B$10,7,0)+IF('Standard Profiles'!$G$22=$B$17,14,0)+IF('Standard Profiles'!$G$22=$B$24,21,0),0)),0)</f>
        <v>0</v>
      </c>
      <c r="I7587">
        <f t="shared" ref="I7587:I7650" si="846">IF($B7587&lt;6,AC$37*$D7587+AC$38*$E7587+AC$39*$F7587+AC$40*$G7587,AC$46*$D7587+AC$47*$E7587+AC$48*$F7587+AC$49*$G7587+AC$50*$H7587)</f>
        <v>0.21038728888375785</v>
      </c>
      <c r="J7587">
        <f t="shared" ref="J7587:J7650" si="847">IF($B7587&lt;6,AD$37*$D7587+AD$38*$E7587+AD$39*$F7587+AD$40*$G7587,AD$46*$D7587+AD$47*$E7587+AD$48*$F7587+AD$49*$G7587+AD$50*$H7587)</f>
        <v>0.70129096294585958</v>
      </c>
      <c r="K7587">
        <f t="shared" ref="K7587:K7650" si="848">IF($B7587&lt;6,AE$37*$D7587+AE$38*$E7587+AE$39*$F7587+AE$40*$G7587,AE$46*$D7587+AE$47*$E7587+AE$48*$F7587+AE$49*$G7587+AE$50*$H7587)</f>
        <v>1.0519364444187895</v>
      </c>
      <c r="L7587">
        <f t="shared" ref="L7587:L7650" si="849">IF($B7587&lt;6,AF$37*$D7587+AF$38*$E7587+AF$39*$F7587+AF$40*$G7587,AF$46*$D7587+AF$47*$E7587+AF$48*$F7587+AF$49*$G7587+AF$50*$H7587)</f>
        <v>10.970459170305505</v>
      </c>
      <c r="M7587">
        <f t="shared" ref="M7587:M7650" si="850">IF($B7587&lt;6,AG$37*$D7587+AG$38*$E7587+AG$39*$F7587+AG$40*$G7587,AG$46*$D7587+AG$47*$E7587+AG$48*$F7587+AG$49*$G7587+AG$50*$H7587)</f>
        <v>0</v>
      </c>
      <c r="N7587" s="46">
        <f t="shared" si="844"/>
        <v>45606.708333315015</v>
      </c>
    </row>
    <row r="7588" spans="2:14" x14ac:dyDescent="0.3">
      <c r="B7588">
        <f t="shared" si="845"/>
        <v>7</v>
      </c>
      <c r="C7588" s="16">
        <v>7554</v>
      </c>
      <c r="D7588" cm="1">
        <f t="array" ref="D7588">IFERROR(INDEX(Jesper!AH$2:AH$366,ROUNDDOWN($C7588/24,0)+1,1)*INDEX($D$3:$AA$30,INDEX(Jesper!$R$2:$R$366,ROW(INDEX(Jesper!AH$2:AH$366,ROUNDDOWN($C7588/24,0)+1,1))-1)+IF('Standard Profiles'!$G$18=$B$10,7,0)+IF('Standard Profiles'!$G$18=$B$17,14,0)+IF('Standard Profiles'!$G$18=$B$24,21,0),MOD($C7588,24)+1)/SUM(INDEX($D$3:$AA$30,INDEX(Jesper!$R$2:$R$366,ROW(INDEX(Jesper!AH$2:AH$366,ROUNDDOWN($C7588/24,0)+1,1))-1)+IF('Standard Profiles'!$G$18=$B$10,7,0)+IF('Standard Profiles'!$G$18=$B$17,14,0)+IF('Standard Profiles'!$G$18=$B$24,21,0),0)),0)</f>
        <v>9.9222574093094629</v>
      </c>
      <c r="E7588" cm="1">
        <f t="array" ref="E7588">IFERROR(INDEX(Jesper!AI$2:AI$366,ROUNDDOWN($C7588/24,0)+1,1)*INDEX($D$3:$AA$30,INDEX(Jesper!$R$2:$R$366,ROW(INDEX(Jesper!AI$2:AI$366,ROUNDDOWN($C7588/24,0)+1,1))-1)+IF('Standard Profiles'!$G$19=$B$10,7,0)+IF('Standard Profiles'!$G$19=$B$17,14,0)+IF('Standard Profiles'!$G$19=$B$24,21,0),MOD($C7588,24)+1)/SUM(INDEX($D$3:$AA$30,INDEX(Jesper!$R$2:$R$366,ROW(INDEX(Jesper!AI$2:AI$366,ROUNDDOWN($C7588/24,0)+1,1))-1)+IF('Standard Profiles'!$G$19=$B$10,7,0)+IF('Standard Profiles'!$G$19=$B$17,14,0)+IF('Standard Profiles'!$G$19=$B$24,21,0),0)),0)</f>
        <v>2.1862372742729215</v>
      </c>
      <c r="F7588" cm="1">
        <f t="array" ref="F7588">IFERROR(INDEX(Jesper!AJ$2:AJ$366,ROUNDDOWN($C7588/24,0)+1,1)*INDEX($D$3:$AA$30,INDEX(Jesper!$R$2:$R$366,ROW(INDEX(Jesper!AJ$2:AJ$366,ROUNDDOWN($C7588/24,0)+1,1))-1)+IF('Standard Profiles'!$G$20=$B$10,7,0)+IF('Standard Profiles'!$G$20=$B$17,14,0)+IF('Standard Profiles'!$G$20=$B$24,21,0),MOD($C7588,24)+1)/SUM(INDEX($D$3:$AA$30,INDEX(Jesper!$R$2:$R$366,ROW(INDEX(Jesper!AJ$2:AJ$366,ROUNDDOWN($C7588/24,0)+1,1))-1)+IF('Standard Profiles'!$G$20=$B$10,7,0)+IF('Standard Profiles'!$G$20=$B$17,14,0)+IF('Standard Profiles'!$G$20=$B$24,21,0),0)),0)</f>
        <v>0</v>
      </c>
      <c r="G7588" cm="1">
        <f t="array" ref="G7588">IFERROR(INDEX(Jesper!AK$2:AK$366,ROUNDDOWN($C7588/24,0)+1,1)*INDEX($D$3:$AA$30,INDEX(Jesper!$R$2:$R$366,ROW(INDEX(Jesper!AK$2:AK$366,ROUNDDOWN($C7588/24,0)+1,1))-1)+IF('Standard Profiles'!$G$21=$B$10,7,0)+IF('Standard Profiles'!$G$21=$B$17,14,0)+IF('Standard Profiles'!$G$21=$B$24,21,0),MOD($C7588,24)+1)/SUM(INDEX($D$3:$AA$30,INDEX(Jesper!$R$2:$R$366,ROW(INDEX(Jesper!AK$2:AK$366,ROUNDDOWN($C7588/24,0)+1,1))-1)+IF('Standard Profiles'!$G$21=$B$10,7,0)+IF('Standard Profiles'!$G$21=$B$17,14,0)+IF('Standard Profiles'!$G$21=$B$24,21,0),0)),0)</f>
        <v>0</v>
      </c>
      <c r="H7588" cm="1">
        <f t="array" ref="H7588">IFERROR(INDEX(Jesper!AL$2:AL$366,ROUNDDOWN($C7588/24,0)+1,1)*INDEX($D$3:$AA$30,INDEX(Jesper!$R$2:$R$366,ROW(INDEX(Jesper!AL$2:AL$366,ROUNDDOWN($C7588/24,0)+1,1))-1)+IF('Standard Profiles'!$G$22=$B$10,7,0)+IF('Standard Profiles'!$G$22=$B$17,14,0)+IF('Standard Profiles'!$G$22=$B$24,21,0),MOD($C7588,24)+1)/SUM(INDEX($D$3:$AA$30,INDEX(Jesper!$R$2:$R$366,ROW(INDEX(Jesper!AL$2:AL$366,ROUNDDOWN($C7588/24,0)+1,1))-1)+IF('Standard Profiles'!$G$22=$B$10,7,0)+IF('Standard Profiles'!$G$22=$B$17,14,0)+IF('Standard Profiles'!$G$22=$B$24,21,0),0)),0)</f>
        <v>0</v>
      </c>
      <c r="I7588">
        <f t="shared" si="846"/>
        <v>0.19695831299756053</v>
      </c>
      <c r="J7588">
        <f t="shared" si="847"/>
        <v>0.6565277099918686</v>
      </c>
      <c r="K7588">
        <f t="shared" si="848"/>
        <v>0.98479156498780285</v>
      </c>
      <c r="L7588">
        <f t="shared" si="849"/>
        <v>10.270217095605153</v>
      </c>
      <c r="M7588">
        <f t="shared" si="850"/>
        <v>0</v>
      </c>
      <c r="N7588" s="46">
        <f t="shared" ref="N7588:N7651" si="851">N7587+1/24</f>
        <v>45606.749999981679</v>
      </c>
    </row>
    <row r="7589" spans="2:14" x14ac:dyDescent="0.3">
      <c r="B7589">
        <f t="shared" si="845"/>
        <v>7</v>
      </c>
      <c r="C7589" s="16">
        <v>7555</v>
      </c>
      <c r="D7589" cm="1">
        <f t="array" ref="D7589">IFERROR(INDEX(Jesper!AH$2:AH$366,ROUNDDOWN($C7589/24,0)+1,1)*INDEX($D$3:$AA$30,INDEX(Jesper!$R$2:$R$366,ROW(INDEX(Jesper!AH$2:AH$366,ROUNDDOWN($C7589/24,0)+1,1))-1)+IF('Standard Profiles'!$G$18=$B$10,7,0)+IF('Standard Profiles'!$G$18=$B$17,14,0)+IF('Standard Profiles'!$G$18=$B$24,21,0),MOD($C7589,24)+1)/SUM(INDEX($D$3:$AA$30,INDEX(Jesper!$R$2:$R$366,ROW(INDEX(Jesper!AH$2:AH$366,ROUNDDOWN($C7589/24,0)+1,1))-1)+IF('Standard Profiles'!$G$18=$B$10,7,0)+IF('Standard Profiles'!$G$18=$B$17,14,0)+IF('Standard Profiles'!$G$18=$B$24,21,0),0)),0)</f>
        <v>8.3437164578284122</v>
      </c>
      <c r="E7589" cm="1">
        <f t="array" ref="E7589">IFERROR(INDEX(Jesper!AI$2:AI$366,ROUNDDOWN($C7589/24,0)+1,1)*INDEX($D$3:$AA$30,INDEX(Jesper!$R$2:$R$366,ROW(INDEX(Jesper!AI$2:AI$366,ROUNDDOWN($C7589/24,0)+1,1))-1)+IF('Standard Profiles'!$G$19=$B$10,7,0)+IF('Standard Profiles'!$G$19=$B$17,14,0)+IF('Standard Profiles'!$G$19=$B$24,21,0),MOD($C7589,24)+1)/SUM(INDEX($D$3:$AA$30,INDEX(Jesper!$R$2:$R$366,ROW(INDEX(Jesper!AI$2:AI$366,ROUNDDOWN($C7589/24,0)+1,1))-1)+IF('Standard Profiles'!$G$19=$B$10,7,0)+IF('Standard Profiles'!$G$19=$B$17,14,0)+IF('Standard Profiles'!$G$19=$B$24,21,0),0)),0)</f>
        <v>1.8384267988204115</v>
      </c>
      <c r="F7589" cm="1">
        <f t="array" ref="F7589">IFERROR(INDEX(Jesper!AJ$2:AJ$366,ROUNDDOWN($C7589/24,0)+1,1)*INDEX($D$3:$AA$30,INDEX(Jesper!$R$2:$R$366,ROW(INDEX(Jesper!AJ$2:AJ$366,ROUNDDOWN($C7589/24,0)+1,1))-1)+IF('Standard Profiles'!$G$20=$B$10,7,0)+IF('Standard Profiles'!$G$20=$B$17,14,0)+IF('Standard Profiles'!$G$20=$B$24,21,0),MOD($C7589,24)+1)/SUM(INDEX($D$3:$AA$30,INDEX(Jesper!$R$2:$R$366,ROW(INDEX(Jesper!AJ$2:AJ$366,ROUNDDOWN($C7589/24,0)+1,1))-1)+IF('Standard Profiles'!$G$20=$B$10,7,0)+IF('Standard Profiles'!$G$20=$B$17,14,0)+IF('Standard Profiles'!$G$20=$B$24,21,0),0)),0)</f>
        <v>0</v>
      </c>
      <c r="G7589" cm="1">
        <f t="array" ref="G7589">IFERROR(INDEX(Jesper!AK$2:AK$366,ROUNDDOWN($C7589/24,0)+1,1)*INDEX($D$3:$AA$30,INDEX(Jesper!$R$2:$R$366,ROW(INDEX(Jesper!AK$2:AK$366,ROUNDDOWN($C7589/24,0)+1,1))-1)+IF('Standard Profiles'!$G$21=$B$10,7,0)+IF('Standard Profiles'!$G$21=$B$17,14,0)+IF('Standard Profiles'!$G$21=$B$24,21,0),MOD($C7589,24)+1)/SUM(INDEX($D$3:$AA$30,INDEX(Jesper!$R$2:$R$366,ROW(INDEX(Jesper!AK$2:AK$366,ROUNDDOWN($C7589/24,0)+1,1))-1)+IF('Standard Profiles'!$G$21=$B$10,7,0)+IF('Standard Profiles'!$G$21=$B$17,14,0)+IF('Standard Profiles'!$G$21=$B$24,21,0),0)),0)</f>
        <v>0</v>
      </c>
      <c r="H7589" cm="1">
        <f t="array" ref="H7589">IFERROR(INDEX(Jesper!AL$2:AL$366,ROUNDDOWN($C7589/24,0)+1,1)*INDEX($D$3:$AA$30,INDEX(Jesper!$R$2:$R$366,ROW(INDEX(Jesper!AL$2:AL$366,ROUNDDOWN($C7589/24,0)+1,1))-1)+IF('Standard Profiles'!$G$22=$B$10,7,0)+IF('Standard Profiles'!$G$22=$B$17,14,0)+IF('Standard Profiles'!$G$22=$B$24,21,0),MOD($C7589,24)+1)/SUM(INDEX($D$3:$AA$30,INDEX(Jesper!$R$2:$R$366,ROW(INDEX(Jesper!AL$2:AL$366,ROUNDDOWN($C7589/24,0)+1,1))-1)+IF('Standard Profiles'!$G$22=$B$10,7,0)+IF('Standard Profiles'!$G$22=$B$17,14,0)+IF('Standard Profiles'!$G$22=$B$24,21,0),0)),0)</f>
        <v>0</v>
      </c>
      <c r="I7589">
        <f t="shared" si="846"/>
        <v>0.16562403592976685</v>
      </c>
      <c r="J7589">
        <f t="shared" si="847"/>
        <v>0.55208011976588955</v>
      </c>
      <c r="K7589">
        <f t="shared" si="848"/>
        <v>0.82812017964883433</v>
      </c>
      <c r="L7589">
        <f t="shared" si="849"/>
        <v>8.6363189213043334</v>
      </c>
      <c r="M7589">
        <f t="shared" si="850"/>
        <v>0</v>
      </c>
      <c r="N7589" s="46">
        <f t="shared" si="851"/>
        <v>45606.791666648343</v>
      </c>
    </row>
    <row r="7590" spans="2:14" x14ac:dyDescent="0.3">
      <c r="B7590">
        <f t="shared" si="845"/>
        <v>7</v>
      </c>
      <c r="C7590" s="16">
        <v>7556</v>
      </c>
      <c r="D7590" cm="1">
        <f t="array" ref="D7590">IFERROR(INDEX(Jesper!AH$2:AH$366,ROUNDDOWN($C7590/24,0)+1,1)*INDEX($D$3:$AA$30,INDEX(Jesper!$R$2:$R$366,ROW(INDEX(Jesper!AH$2:AH$366,ROUNDDOWN($C7590/24,0)+1,1))-1)+IF('Standard Profiles'!$G$18=$B$10,7,0)+IF('Standard Profiles'!$G$18=$B$17,14,0)+IF('Standard Profiles'!$G$18=$B$24,21,0),MOD($C7590,24)+1)/SUM(INDEX($D$3:$AA$30,INDEX(Jesper!$R$2:$R$366,ROW(INDEX(Jesper!AH$2:AH$366,ROUNDDOWN($C7590/24,0)+1,1))-1)+IF('Standard Profiles'!$G$18=$B$10,7,0)+IF('Standard Profiles'!$G$18=$B$17,14,0)+IF('Standard Profiles'!$G$18=$B$24,21,0),0)),0)</f>
        <v>6.9906813565589401</v>
      </c>
      <c r="E7590" cm="1">
        <f t="array" ref="E7590">IFERROR(INDEX(Jesper!AI$2:AI$366,ROUNDDOWN($C7590/24,0)+1,1)*INDEX($D$3:$AA$30,INDEX(Jesper!$R$2:$R$366,ROW(INDEX(Jesper!AI$2:AI$366,ROUNDDOWN($C7590/24,0)+1,1))-1)+IF('Standard Profiles'!$G$19=$B$10,7,0)+IF('Standard Profiles'!$G$19=$B$17,14,0)+IF('Standard Profiles'!$G$19=$B$24,21,0),MOD($C7590,24)+1)/SUM(INDEX($D$3:$AA$30,INDEX(Jesper!$R$2:$R$366,ROW(INDEX(Jesper!AI$2:AI$366,ROUNDDOWN($C7590/24,0)+1,1))-1)+IF('Standard Profiles'!$G$19=$B$10,7,0)+IF('Standard Profiles'!$G$19=$B$17,14,0)+IF('Standard Profiles'!$G$19=$B$24,21,0),0)),0)</f>
        <v>1.5403035341468312</v>
      </c>
      <c r="F7590" cm="1">
        <f t="array" ref="F7590">IFERROR(INDEX(Jesper!AJ$2:AJ$366,ROUNDDOWN($C7590/24,0)+1,1)*INDEX($D$3:$AA$30,INDEX(Jesper!$R$2:$R$366,ROW(INDEX(Jesper!AJ$2:AJ$366,ROUNDDOWN($C7590/24,0)+1,1))-1)+IF('Standard Profiles'!$G$20=$B$10,7,0)+IF('Standard Profiles'!$G$20=$B$17,14,0)+IF('Standard Profiles'!$G$20=$B$24,21,0),MOD($C7590,24)+1)/SUM(INDEX($D$3:$AA$30,INDEX(Jesper!$R$2:$R$366,ROW(INDEX(Jesper!AJ$2:AJ$366,ROUNDDOWN($C7590/24,0)+1,1))-1)+IF('Standard Profiles'!$G$20=$B$10,7,0)+IF('Standard Profiles'!$G$20=$B$17,14,0)+IF('Standard Profiles'!$G$20=$B$24,21,0),0)),0)</f>
        <v>0</v>
      </c>
      <c r="G7590" cm="1">
        <f t="array" ref="G7590">IFERROR(INDEX(Jesper!AK$2:AK$366,ROUNDDOWN($C7590/24,0)+1,1)*INDEX($D$3:$AA$30,INDEX(Jesper!$R$2:$R$366,ROW(INDEX(Jesper!AK$2:AK$366,ROUNDDOWN($C7590/24,0)+1,1))-1)+IF('Standard Profiles'!$G$21=$B$10,7,0)+IF('Standard Profiles'!$G$21=$B$17,14,0)+IF('Standard Profiles'!$G$21=$B$24,21,0),MOD($C7590,24)+1)/SUM(INDEX($D$3:$AA$30,INDEX(Jesper!$R$2:$R$366,ROW(INDEX(Jesper!AK$2:AK$366,ROUNDDOWN($C7590/24,0)+1,1))-1)+IF('Standard Profiles'!$G$21=$B$10,7,0)+IF('Standard Profiles'!$G$21=$B$17,14,0)+IF('Standard Profiles'!$G$21=$B$24,21,0),0)),0)</f>
        <v>0</v>
      </c>
      <c r="H7590" cm="1">
        <f t="array" ref="H7590">IFERROR(INDEX(Jesper!AL$2:AL$366,ROUNDDOWN($C7590/24,0)+1,1)*INDEX($D$3:$AA$30,INDEX(Jesper!$R$2:$R$366,ROW(INDEX(Jesper!AL$2:AL$366,ROUNDDOWN($C7590/24,0)+1,1))-1)+IF('Standard Profiles'!$G$22=$B$10,7,0)+IF('Standard Profiles'!$G$22=$B$17,14,0)+IF('Standard Profiles'!$G$22=$B$24,21,0),MOD($C7590,24)+1)/SUM(INDEX($D$3:$AA$30,INDEX(Jesper!$R$2:$R$366,ROW(INDEX(Jesper!AL$2:AL$366,ROUNDDOWN($C7590/24,0)+1,1))-1)+IF('Standard Profiles'!$G$22=$B$10,7,0)+IF('Standard Profiles'!$G$22=$B$17,14,0)+IF('Standard Profiles'!$G$22=$B$24,21,0),0)),0)</f>
        <v>0</v>
      </c>
      <c r="I7590">
        <f t="shared" si="846"/>
        <v>0.13876608415737221</v>
      </c>
      <c r="J7590">
        <f t="shared" si="847"/>
        <v>0.46255361385790744</v>
      </c>
      <c r="K7590">
        <f t="shared" si="848"/>
        <v>0.69383042078686119</v>
      </c>
      <c r="L7590">
        <f t="shared" si="849"/>
        <v>7.2358347719036304</v>
      </c>
      <c r="M7590">
        <f t="shared" si="850"/>
        <v>0</v>
      </c>
      <c r="N7590" s="46">
        <f t="shared" si="851"/>
        <v>45606.833333315008</v>
      </c>
    </row>
    <row r="7591" spans="2:14" x14ac:dyDescent="0.3">
      <c r="B7591">
        <f t="shared" si="845"/>
        <v>7</v>
      </c>
      <c r="C7591" s="16">
        <v>7557</v>
      </c>
      <c r="D7591" cm="1">
        <f t="array" ref="D7591">IFERROR(INDEX(Jesper!AH$2:AH$366,ROUNDDOWN($C7591/24,0)+1,1)*INDEX($D$3:$AA$30,INDEX(Jesper!$R$2:$R$366,ROW(INDEX(Jesper!AH$2:AH$366,ROUNDDOWN($C7591/24,0)+1,1))-1)+IF('Standard Profiles'!$G$18=$B$10,7,0)+IF('Standard Profiles'!$G$18=$B$17,14,0)+IF('Standard Profiles'!$G$18=$B$24,21,0),MOD($C7591,24)+1)/SUM(INDEX($D$3:$AA$30,INDEX(Jesper!$R$2:$R$366,ROW(INDEX(Jesper!AH$2:AH$366,ROUNDDOWN($C7591/24,0)+1,1))-1)+IF('Standard Profiles'!$G$18=$B$10,7,0)+IF('Standard Profiles'!$G$18=$B$17,14,0)+IF('Standard Profiles'!$G$18=$B$24,21,0),0)),0)</f>
        <v>6.088657955712625</v>
      </c>
      <c r="E7591" cm="1">
        <f t="array" ref="E7591">IFERROR(INDEX(Jesper!AI$2:AI$366,ROUNDDOWN($C7591/24,0)+1,1)*INDEX($D$3:$AA$30,INDEX(Jesper!$R$2:$R$366,ROW(INDEX(Jesper!AI$2:AI$366,ROUNDDOWN($C7591/24,0)+1,1))-1)+IF('Standard Profiles'!$G$19=$B$10,7,0)+IF('Standard Profiles'!$G$19=$B$17,14,0)+IF('Standard Profiles'!$G$19=$B$24,21,0),MOD($C7591,24)+1)/SUM(INDEX($D$3:$AA$30,INDEX(Jesper!$R$2:$R$366,ROW(INDEX(Jesper!AI$2:AI$366,ROUNDDOWN($C7591/24,0)+1,1))-1)+IF('Standard Profiles'!$G$19=$B$10,7,0)+IF('Standard Profiles'!$G$19=$B$17,14,0)+IF('Standard Profiles'!$G$19=$B$24,21,0),0)),0)</f>
        <v>1.3415546910311109</v>
      </c>
      <c r="F7591" cm="1">
        <f t="array" ref="F7591">IFERROR(INDEX(Jesper!AJ$2:AJ$366,ROUNDDOWN($C7591/24,0)+1,1)*INDEX($D$3:$AA$30,INDEX(Jesper!$R$2:$R$366,ROW(INDEX(Jesper!AJ$2:AJ$366,ROUNDDOWN($C7591/24,0)+1,1))-1)+IF('Standard Profiles'!$G$20=$B$10,7,0)+IF('Standard Profiles'!$G$20=$B$17,14,0)+IF('Standard Profiles'!$G$20=$B$24,21,0),MOD($C7591,24)+1)/SUM(INDEX($D$3:$AA$30,INDEX(Jesper!$R$2:$R$366,ROW(INDEX(Jesper!AJ$2:AJ$366,ROUNDDOWN($C7591/24,0)+1,1))-1)+IF('Standard Profiles'!$G$20=$B$10,7,0)+IF('Standard Profiles'!$G$20=$B$17,14,0)+IF('Standard Profiles'!$G$20=$B$24,21,0),0)),0)</f>
        <v>0</v>
      </c>
      <c r="G7591" cm="1">
        <f t="array" ref="G7591">IFERROR(INDEX(Jesper!AK$2:AK$366,ROUNDDOWN($C7591/24,0)+1,1)*INDEX($D$3:$AA$30,INDEX(Jesper!$R$2:$R$366,ROW(INDEX(Jesper!AK$2:AK$366,ROUNDDOWN($C7591/24,0)+1,1))-1)+IF('Standard Profiles'!$G$21=$B$10,7,0)+IF('Standard Profiles'!$G$21=$B$17,14,0)+IF('Standard Profiles'!$G$21=$B$24,21,0),MOD($C7591,24)+1)/SUM(INDEX($D$3:$AA$30,INDEX(Jesper!$R$2:$R$366,ROW(INDEX(Jesper!AK$2:AK$366,ROUNDDOWN($C7591/24,0)+1,1))-1)+IF('Standard Profiles'!$G$21=$B$10,7,0)+IF('Standard Profiles'!$G$21=$B$17,14,0)+IF('Standard Profiles'!$G$21=$B$24,21,0),0)),0)</f>
        <v>0</v>
      </c>
      <c r="H7591" cm="1">
        <f t="array" ref="H7591">IFERROR(INDEX(Jesper!AL$2:AL$366,ROUNDDOWN($C7591/24,0)+1,1)*INDEX($D$3:$AA$30,INDEX(Jesper!$R$2:$R$366,ROW(INDEX(Jesper!AL$2:AL$366,ROUNDDOWN($C7591/24,0)+1,1))-1)+IF('Standard Profiles'!$G$22=$B$10,7,0)+IF('Standard Profiles'!$G$22=$B$17,14,0)+IF('Standard Profiles'!$G$22=$B$24,21,0),MOD($C7591,24)+1)/SUM(INDEX($D$3:$AA$30,INDEX(Jesper!$R$2:$R$366,ROW(INDEX(Jesper!AL$2:AL$366,ROUNDDOWN($C7591/24,0)+1,1))-1)+IF('Standard Profiles'!$G$22=$B$10,7,0)+IF('Standard Profiles'!$G$22=$B$17,14,0)+IF('Standard Profiles'!$G$22=$B$24,21,0),0)),0)</f>
        <v>0</v>
      </c>
      <c r="I7591">
        <f t="shared" si="846"/>
        <v>0.12086078297577579</v>
      </c>
      <c r="J7591">
        <f t="shared" si="847"/>
        <v>0.40286927658591937</v>
      </c>
      <c r="K7591">
        <f t="shared" si="848"/>
        <v>0.60430391487887902</v>
      </c>
      <c r="L7591">
        <f t="shared" si="849"/>
        <v>6.3021786723031621</v>
      </c>
      <c r="M7591">
        <f t="shared" si="850"/>
        <v>0</v>
      </c>
      <c r="N7591" s="46">
        <f t="shared" si="851"/>
        <v>45606.874999981672</v>
      </c>
    </row>
    <row r="7592" spans="2:14" x14ac:dyDescent="0.3">
      <c r="B7592">
        <f t="shared" si="845"/>
        <v>7</v>
      </c>
      <c r="C7592" s="16">
        <v>7558</v>
      </c>
      <c r="D7592" cm="1">
        <f t="array" ref="D7592">IFERROR(INDEX(Jesper!AH$2:AH$366,ROUNDDOWN($C7592/24,0)+1,1)*INDEX($D$3:$AA$30,INDEX(Jesper!$R$2:$R$366,ROW(INDEX(Jesper!AH$2:AH$366,ROUNDDOWN($C7592/24,0)+1,1))-1)+IF('Standard Profiles'!$G$18=$B$10,7,0)+IF('Standard Profiles'!$G$18=$B$17,14,0)+IF('Standard Profiles'!$G$18=$B$24,21,0),MOD($C7592,24)+1)/SUM(INDEX($D$3:$AA$30,INDEX(Jesper!$R$2:$R$366,ROW(INDEX(Jesper!AH$2:AH$366,ROUNDDOWN($C7592/24,0)+1,1))-1)+IF('Standard Profiles'!$G$18=$B$10,7,0)+IF('Standard Profiles'!$G$18=$B$17,14,0)+IF('Standard Profiles'!$G$18=$B$24,21,0),0)),0)</f>
        <v>6.088657955712625</v>
      </c>
      <c r="E7592" cm="1">
        <f t="array" ref="E7592">IFERROR(INDEX(Jesper!AI$2:AI$366,ROUNDDOWN($C7592/24,0)+1,1)*INDEX($D$3:$AA$30,INDEX(Jesper!$R$2:$R$366,ROW(INDEX(Jesper!AI$2:AI$366,ROUNDDOWN($C7592/24,0)+1,1))-1)+IF('Standard Profiles'!$G$19=$B$10,7,0)+IF('Standard Profiles'!$G$19=$B$17,14,0)+IF('Standard Profiles'!$G$19=$B$24,21,0),MOD($C7592,24)+1)/SUM(INDEX($D$3:$AA$30,INDEX(Jesper!$R$2:$R$366,ROW(INDEX(Jesper!AI$2:AI$366,ROUNDDOWN($C7592/24,0)+1,1))-1)+IF('Standard Profiles'!$G$19=$B$10,7,0)+IF('Standard Profiles'!$G$19=$B$17,14,0)+IF('Standard Profiles'!$G$19=$B$24,21,0),0)),0)</f>
        <v>1.3415546910311109</v>
      </c>
      <c r="F7592" cm="1">
        <f t="array" ref="F7592">IFERROR(INDEX(Jesper!AJ$2:AJ$366,ROUNDDOWN($C7592/24,0)+1,1)*INDEX($D$3:$AA$30,INDEX(Jesper!$R$2:$R$366,ROW(INDEX(Jesper!AJ$2:AJ$366,ROUNDDOWN($C7592/24,0)+1,1))-1)+IF('Standard Profiles'!$G$20=$B$10,7,0)+IF('Standard Profiles'!$G$20=$B$17,14,0)+IF('Standard Profiles'!$G$20=$B$24,21,0),MOD($C7592,24)+1)/SUM(INDEX($D$3:$AA$30,INDEX(Jesper!$R$2:$R$366,ROW(INDEX(Jesper!AJ$2:AJ$366,ROUNDDOWN($C7592/24,0)+1,1))-1)+IF('Standard Profiles'!$G$20=$B$10,7,0)+IF('Standard Profiles'!$G$20=$B$17,14,0)+IF('Standard Profiles'!$G$20=$B$24,21,0),0)),0)</f>
        <v>0</v>
      </c>
      <c r="G7592" cm="1">
        <f t="array" ref="G7592">IFERROR(INDEX(Jesper!AK$2:AK$366,ROUNDDOWN($C7592/24,0)+1,1)*INDEX($D$3:$AA$30,INDEX(Jesper!$R$2:$R$366,ROW(INDEX(Jesper!AK$2:AK$366,ROUNDDOWN($C7592/24,0)+1,1))-1)+IF('Standard Profiles'!$G$21=$B$10,7,0)+IF('Standard Profiles'!$G$21=$B$17,14,0)+IF('Standard Profiles'!$G$21=$B$24,21,0),MOD($C7592,24)+1)/SUM(INDEX($D$3:$AA$30,INDEX(Jesper!$R$2:$R$366,ROW(INDEX(Jesper!AK$2:AK$366,ROUNDDOWN($C7592/24,0)+1,1))-1)+IF('Standard Profiles'!$G$21=$B$10,7,0)+IF('Standard Profiles'!$G$21=$B$17,14,0)+IF('Standard Profiles'!$G$21=$B$24,21,0),0)),0)</f>
        <v>0</v>
      </c>
      <c r="H7592" cm="1">
        <f t="array" ref="H7592">IFERROR(INDEX(Jesper!AL$2:AL$366,ROUNDDOWN($C7592/24,0)+1,1)*INDEX($D$3:$AA$30,INDEX(Jesper!$R$2:$R$366,ROW(INDEX(Jesper!AL$2:AL$366,ROUNDDOWN($C7592/24,0)+1,1))-1)+IF('Standard Profiles'!$G$22=$B$10,7,0)+IF('Standard Profiles'!$G$22=$B$17,14,0)+IF('Standard Profiles'!$G$22=$B$24,21,0),MOD($C7592,24)+1)/SUM(INDEX($D$3:$AA$30,INDEX(Jesper!$R$2:$R$366,ROW(INDEX(Jesper!AL$2:AL$366,ROUNDDOWN($C7592/24,0)+1,1))-1)+IF('Standard Profiles'!$G$22=$B$10,7,0)+IF('Standard Profiles'!$G$22=$B$17,14,0)+IF('Standard Profiles'!$G$22=$B$24,21,0),0)),0)</f>
        <v>0</v>
      </c>
      <c r="I7592">
        <f t="shared" si="846"/>
        <v>0.12086078297577579</v>
      </c>
      <c r="J7592">
        <f t="shared" si="847"/>
        <v>0.40286927658591937</v>
      </c>
      <c r="K7592">
        <f t="shared" si="848"/>
        <v>0.60430391487887902</v>
      </c>
      <c r="L7592">
        <f t="shared" si="849"/>
        <v>6.3021786723031621</v>
      </c>
      <c r="M7592">
        <f t="shared" si="850"/>
        <v>0</v>
      </c>
      <c r="N7592" s="46">
        <f t="shared" si="851"/>
        <v>45606.916666648336</v>
      </c>
    </row>
    <row r="7593" spans="2:14" x14ac:dyDescent="0.3">
      <c r="B7593">
        <f t="shared" si="845"/>
        <v>7</v>
      </c>
      <c r="C7593" s="16">
        <v>7559</v>
      </c>
      <c r="D7593" cm="1">
        <f t="array" ref="D7593">IFERROR(INDEX(Jesper!AH$2:AH$366,ROUNDDOWN($C7593/24,0)+1,1)*INDEX($D$3:$AA$30,INDEX(Jesper!$R$2:$R$366,ROW(INDEX(Jesper!AH$2:AH$366,ROUNDDOWN($C7593/24,0)+1,1))-1)+IF('Standard Profiles'!$G$18=$B$10,7,0)+IF('Standard Profiles'!$G$18=$B$17,14,0)+IF('Standard Profiles'!$G$18=$B$24,21,0),MOD($C7593,24)+1)/SUM(INDEX($D$3:$AA$30,INDEX(Jesper!$R$2:$R$366,ROW(INDEX(Jesper!AH$2:AH$366,ROUNDDOWN($C7593/24,0)+1,1))-1)+IF('Standard Profiles'!$G$18=$B$10,7,0)+IF('Standard Profiles'!$G$18=$B$17,14,0)+IF('Standard Profiles'!$G$18=$B$24,21,0),0)),0)</f>
        <v>6.088657955712625</v>
      </c>
      <c r="E7593" cm="1">
        <f t="array" ref="E7593">IFERROR(INDEX(Jesper!AI$2:AI$366,ROUNDDOWN($C7593/24,0)+1,1)*INDEX($D$3:$AA$30,INDEX(Jesper!$R$2:$R$366,ROW(INDEX(Jesper!AI$2:AI$366,ROUNDDOWN($C7593/24,0)+1,1))-1)+IF('Standard Profiles'!$G$19=$B$10,7,0)+IF('Standard Profiles'!$G$19=$B$17,14,0)+IF('Standard Profiles'!$G$19=$B$24,21,0),MOD($C7593,24)+1)/SUM(INDEX($D$3:$AA$30,INDEX(Jesper!$R$2:$R$366,ROW(INDEX(Jesper!AI$2:AI$366,ROUNDDOWN($C7593/24,0)+1,1))-1)+IF('Standard Profiles'!$G$19=$B$10,7,0)+IF('Standard Profiles'!$G$19=$B$17,14,0)+IF('Standard Profiles'!$G$19=$B$24,21,0),0)),0)</f>
        <v>1.3415546910311109</v>
      </c>
      <c r="F7593" cm="1">
        <f t="array" ref="F7593">IFERROR(INDEX(Jesper!AJ$2:AJ$366,ROUNDDOWN($C7593/24,0)+1,1)*INDEX($D$3:$AA$30,INDEX(Jesper!$R$2:$R$366,ROW(INDEX(Jesper!AJ$2:AJ$366,ROUNDDOWN($C7593/24,0)+1,1))-1)+IF('Standard Profiles'!$G$20=$B$10,7,0)+IF('Standard Profiles'!$G$20=$B$17,14,0)+IF('Standard Profiles'!$G$20=$B$24,21,0),MOD($C7593,24)+1)/SUM(INDEX($D$3:$AA$30,INDEX(Jesper!$R$2:$R$366,ROW(INDEX(Jesper!AJ$2:AJ$366,ROUNDDOWN($C7593/24,0)+1,1))-1)+IF('Standard Profiles'!$G$20=$B$10,7,0)+IF('Standard Profiles'!$G$20=$B$17,14,0)+IF('Standard Profiles'!$G$20=$B$24,21,0),0)),0)</f>
        <v>0</v>
      </c>
      <c r="G7593" cm="1">
        <f t="array" ref="G7593">IFERROR(INDEX(Jesper!AK$2:AK$366,ROUNDDOWN($C7593/24,0)+1,1)*INDEX($D$3:$AA$30,INDEX(Jesper!$R$2:$R$366,ROW(INDEX(Jesper!AK$2:AK$366,ROUNDDOWN($C7593/24,0)+1,1))-1)+IF('Standard Profiles'!$G$21=$B$10,7,0)+IF('Standard Profiles'!$G$21=$B$17,14,0)+IF('Standard Profiles'!$G$21=$B$24,21,0),MOD($C7593,24)+1)/SUM(INDEX($D$3:$AA$30,INDEX(Jesper!$R$2:$R$366,ROW(INDEX(Jesper!AK$2:AK$366,ROUNDDOWN($C7593/24,0)+1,1))-1)+IF('Standard Profiles'!$G$21=$B$10,7,0)+IF('Standard Profiles'!$G$21=$B$17,14,0)+IF('Standard Profiles'!$G$21=$B$24,21,0),0)),0)</f>
        <v>0</v>
      </c>
      <c r="H7593" cm="1">
        <f t="array" ref="H7593">IFERROR(INDEX(Jesper!AL$2:AL$366,ROUNDDOWN($C7593/24,0)+1,1)*INDEX($D$3:$AA$30,INDEX(Jesper!$R$2:$R$366,ROW(INDEX(Jesper!AL$2:AL$366,ROUNDDOWN($C7593/24,0)+1,1))-1)+IF('Standard Profiles'!$G$22=$B$10,7,0)+IF('Standard Profiles'!$G$22=$B$17,14,0)+IF('Standard Profiles'!$G$22=$B$24,21,0),MOD($C7593,24)+1)/SUM(INDEX($D$3:$AA$30,INDEX(Jesper!$R$2:$R$366,ROW(INDEX(Jesper!AL$2:AL$366,ROUNDDOWN($C7593/24,0)+1,1))-1)+IF('Standard Profiles'!$G$22=$B$10,7,0)+IF('Standard Profiles'!$G$22=$B$17,14,0)+IF('Standard Profiles'!$G$22=$B$24,21,0),0)),0)</f>
        <v>0</v>
      </c>
      <c r="I7593">
        <f t="shared" si="846"/>
        <v>0.12086078297577579</v>
      </c>
      <c r="J7593">
        <f t="shared" si="847"/>
        <v>0.40286927658591937</v>
      </c>
      <c r="K7593">
        <f t="shared" si="848"/>
        <v>0.60430391487887902</v>
      </c>
      <c r="L7593">
        <f t="shared" si="849"/>
        <v>6.3021786723031621</v>
      </c>
      <c r="M7593">
        <f t="shared" si="850"/>
        <v>0</v>
      </c>
      <c r="N7593" s="46">
        <f t="shared" si="851"/>
        <v>45606.958333315</v>
      </c>
    </row>
    <row r="7594" spans="2:14" x14ac:dyDescent="0.3">
      <c r="B7594">
        <f t="shared" si="845"/>
        <v>1</v>
      </c>
      <c r="C7594" s="16">
        <v>7560</v>
      </c>
      <c r="D7594" cm="1">
        <f t="array" ref="D7594">IFERROR(INDEX(Jesper!AH$2:AH$366,ROUNDDOWN($C7594/24,0)+1,1)*INDEX($D$3:$AA$30,INDEX(Jesper!$R$2:$R$366,ROW(INDEX(Jesper!AH$2:AH$366,ROUNDDOWN($C7594/24,0)+1,1))-1)+IF('Standard Profiles'!$G$18=$B$10,7,0)+IF('Standard Profiles'!$G$18=$B$17,14,0)+IF('Standard Profiles'!$G$18=$B$24,21,0),MOD($C7594,24)+1)/SUM(INDEX($D$3:$AA$30,INDEX(Jesper!$R$2:$R$366,ROW(INDEX(Jesper!AH$2:AH$366,ROUNDDOWN($C7594/24,0)+1,1))-1)+IF('Standard Profiles'!$G$18=$B$10,7,0)+IF('Standard Profiles'!$G$18=$B$17,14,0)+IF('Standard Profiles'!$G$18=$B$24,21,0),0)),0)</f>
        <v>2.6899349559760855</v>
      </c>
      <c r="E7594" cm="1">
        <f t="array" ref="E7594">IFERROR(INDEX(Jesper!AI$2:AI$366,ROUNDDOWN($C7594/24,0)+1,1)*INDEX($D$3:$AA$30,INDEX(Jesper!$R$2:$R$366,ROW(INDEX(Jesper!AI$2:AI$366,ROUNDDOWN($C7594/24,0)+1,1))-1)+IF('Standard Profiles'!$G$19=$B$10,7,0)+IF('Standard Profiles'!$G$19=$B$17,14,0)+IF('Standard Profiles'!$G$19=$B$24,21,0),MOD($C7594,24)+1)/SUM(INDEX($D$3:$AA$30,INDEX(Jesper!$R$2:$R$366,ROW(INDEX(Jesper!AI$2:AI$366,ROUNDDOWN($C7594/24,0)+1,1))-1)+IF('Standard Profiles'!$G$19=$B$10,7,0)+IF('Standard Profiles'!$G$19=$B$17,14,0)+IF('Standard Profiles'!$G$19=$B$24,21,0),0)),0)</f>
        <v>0</v>
      </c>
      <c r="F7594" cm="1">
        <f t="array" ref="F7594">IFERROR(INDEX(Jesper!AJ$2:AJ$366,ROUNDDOWN($C7594/24,0)+1,1)*INDEX($D$3:$AA$30,INDEX(Jesper!$R$2:$R$366,ROW(INDEX(Jesper!AJ$2:AJ$366,ROUNDDOWN($C7594/24,0)+1,1))-1)+IF('Standard Profiles'!$G$20=$B$10,7,0)+IF('Standard Profiles'!$G$20=$B$17,14,0)+IF('Standard Profiles'!$G$20=$B$24,21,0),MOD($C7594,24)+1)/SUM(INDEX($D$3:$AA$30,INDEX(Jesper!$R$2:$R$366,ROW(INDEX(Jesper!AJ$2:AJ$366,ROUNDDOWN($C7594/24,0)+1,1))-1)+IF('Standard Profiles'!$G$20=$B$10,7,0)+IF('Standard Profiles'!$G$20=$B$17,14,0)+IF('Standard Profiles'!$G$20=$B$24,21,0),0)),0)</f>
        <v>0</v>
      </c>
      <c r="G7594" cm="1">
        <f t="array" ref="G7594">IFERROR(INDEX(Jesper!AK$2:AK$366,ROUNDDOWN($C7594/24,0)+1,1)*INDEX($D$3:$AA$30,INDEX(Jesper!$R$2:$R$366,ROW(INDEX(Jesper!AK$2:AK$366,ROUNDDOWN($C7594/24,0)+1,1))-1)+IF('Standard Profiles'!$G$21=$B$10,7,0)+IF('Standard Profiles'!$G$21=$B$17,14,0)+IF('Standard Profiles'!$G$21=$B$24,21,0),MOD($C7594,24)+1)/SUM(INDEX($D$3:$AA$30,INDEX(Jesper!$R$2:$R$366,ROW(INDEX(Jesper!AK$2:AK$366,ROUNDDOWN($C7594/24,0)+1,1))-1)+IF('Standard Profiles'!$G$21=$B$10,7,0)+IF('Standard Profiles'!$G$21=$B$17,14,0)+IF('Standard Profiles'!$G$21=$B$24,21,0),0)),0)</f>
        <v>0</v>
      </c>
      <c r="H7594" cm="1">
        <f t="array" ref="H7594">IFERROR(INDEX(Jesper!AL$2:AL$366,ROUNDDOWN($C7594/24,0)+1,1)*INDEX($D$3:$AA$30,INDEX(Jesper!$R$2:$R$366,ROW(INDEX(Jesper!AL$2:AL$366,ROUNDDOWN($C7594/24,0)+1,1))-1)+IF('Standard Profiles'!$G$22=$B$10,7,0)+IF('Standard Profiles'!$G$22=$B$17,14,0)+IF('Standard Profiles'!$G$22=$B$24,21,0),MOD($C7594,24)+1)/SUM(INDEX($D$3:$AA$30,INDEX(Jesper!$R$2:$R$366,ROW(INDEX(Jesper!AL$2:AL$366,ROUNDDOWN($C7594/24,0)+1,1))-1)+IF('Standard Profiles'!$G$22=$B$10,7,0)+IF('Standard Profiles'!$G$22=$B$17,14,0)+IF('Standard Profiles'!$G$22=$B$24,21,0),0)),0)</f>
        <v>0</v>
      </c>
      <c r="I7594">
        <f t="shared" si="846"/>
        <v>8.0698048679282555E-2</v>
      </c>
      <c r="J7594">
        <f t="shared" si="847"/>
        <v>0.26899349559760855</v>
      </c>
      <c r="K7594">
        <f t="shared" si="848"/>
        <v>0.40349024339641282</v>
      </c>
      <c r="L7594">
        <f t="shared" si="849"/>
        <v>1.9367531683027814</v>
      </c>
      <c r="M7594">
        <f t="shared" si="850"/>
        <v>0</v>
      </c>
      <c r="N7594" s="46">
        <f t="shared" si="851"/>
        <v>45606.999999981665</v>
      </c>
    </row>
    <row r="7595" spans="2:14" x14ac:dyDescent="0.3">
      <c r="B7595">
        <f t="shared" si="845"/>
        <v>1</v>
      </c>
      <c r="C7595" s="16">
        <v>7561</v>
      </c>
      <c r="D7595" cm="1">
        <f t="array" ref="D7595">IFERROR(INDEX(Jesper!AH$2:AH$366,ROUNDDOWN($C7595/24,0)+1,1)*INDEX($D$3:$AA$30,INDEX(Jesper!$R$2:$R$366,ROW(INDEX(Jesper!AH$2:AH$366,ROUNDDOWN($C7595/24,0)+1,1))-1)+IF('Standard Profiles'!$G$18=$B$10,7,0)+IF('Standard Profiles'!$G$18=$B$17,14,0)+IF('Standard Profiles'!$G$18=$B$24,21,0),MOD($C7595,24)+1)/SUM(INDEX($D$3:$AA$30,INDEX(Jesper!$R$2:$R$366,ROW(INDEX(Jesper!AH$2:AH$366,ROUNDDOWN($C7595/24,0)+1,1))-1)+IF('Standard Profiles'!$G$18=$B$10,7,0)+IF('Standard Profiles'!$G$18=$B$17,14,0)+IF('Standard Profiles'!$G$18=$B$24,21,0),0)),0)</f>
        <v>2.6899349559760855</v>
      </c>
      <c r="E7595" cm="1">
        <f t="array" ref="E7595">IFERROR(INDEX(Jesper!AI$2:AI$366,ROUNDDOWN($C7595/24,0)+1,1)*INDEX($D$3:$AA$30,INDEX(Jesper!$R$2:$R$366,ROW(INDEX(Jesper!AI$2:AI$366,ROUNDDOWN($C7595/24,0)+1,1))-1)+IF('Standard Profiles'!$G$19=$B$10,7,0)+IF('Standard Profiles'!$G$19=$B$17,14,0)+IF('Standard Profiles'!$G$19=$B$24,21,0),MOD($C7595,24)+1)/SUM(INDEX($D$3:$AA$30,INDEX(Jesper!$R$2:$R$366,ROW(INDEX(Jesper!AI$2:AI$366,ROUNDDOWN($C7595/24,0)+1,1))-1)+IF('Standard Profiles'!$G$19=$B$10,7,0)+IF('Standard Profiles'!$G$19=$B$17,14,0)+IF('Standard Profiles'!$G$19=$B$24,21,0),0)),0)</f>
        <v>0</v>
      </c>
      <c r="F7595" cm="1">
        <f t="array" ref="F7595">IFERROR(INDEX(Jesper!AJ$2:AJ$366,ROUNDDOWN($C7595/24,0)+1,1)*INDEX($D$3:$AA$30,INDEX(Jesper!$R$2:$R$366,ROW(INDEX(Jesper!AJ$2:AJ$366,ROUNDDOWN($C7595/24,0)+1,1))-1)+IF('Standard Profiles'!$G$20=$B$10,7,0)+IF('Standard Profiles'!$G$20=$B$17,14,0)+IF('Standard Profiles'!$G$20=$B$24,21,0),MOD($C7595,24)+1)/SUM(INDEX($D$3:$AA$30,INDEX(Jesper!$R$2:$R$366,ROW(INDEX(Jesper!AJ$2:AJ$366,ROUNDDOWN($C7595/24,0)+1,1))-1)+IF('Standard Profiles'!$G$20=$B$10,7,0)+IF('Standard Profiles'!$G$20=$B$17,14,0)+IF('Standard Profiles'!$G$20=$B$24,21,0),0)),0)</f>
        <v>0</v>
      </c>
      <c r="G7595" cm="1">
        <f t="array" ref="G7595">IFERROR(INDEX(Jesper!AK$2:AK$366,ROUNDDOWN($C7595/24,0)+1,1)*INDEX($D$3:$AA$30,INDEX(Jesper!$R$2:$R$366,ROW(INDEX(Jesper!AK$2:AK$366,ROUNDDOWN($C7595/24,0)+1,1))-1)+IF('Standard Profiles'!$G$21=$B$10,7,0)+IF('Standard Profiles'!$G$21=$B$17,14,0)+IF('Standard Profiles'!$G$21=$B$24,21,0),MOD($C7595,24)+1)/SUM(INDEX($D$3:$AA$30,INDEX(Jesper!$R$2:$R$366,ROW(INDEX(Jesper!AK$2:AK$366,ROUNDDOWN($C7595/24,0)+1,1))-1)+IF('Standard Profiles'!$G$21=$B$10,7,0)+IF('Standard Profiles'!$G$21=$B$17,14,0)+IF('Standard Profiles'!$G$21=$B$24,21,0),0)),0)</f>
        <v>0</v>
      </c>
      <c r="H7595" cm="1">
        <f t="array" ref="H7595">IFERROR(INDEX(Jesper!AL$2:AL$366,ROUNDDOWN($C7595/24,0)+1,1)*INDEX($D$3:$AA$30,INDEX(Jesper!$R$2:$R$366,ROW(INDEX(Jesper!AL$2:AL$366,ROUNDDOWN($C7595/24,0)+1,1))-1)+IF('Standard Profiles'!$G$22=$B$10,7,0)+IF('Standard Profiles'!$G$22=$B$17,14,0)+IF('Standard Profiles'!$G$22=$B$24,21,0),MOD($C7595,24)+1)/SUM(INDEX($D$3:$AA$30,INDEX(Jesper!$R$2:$R$366,ROW(INDEX(Jesper!AL$2:AL$366,ROUNDDOWN($C7595/24,0)+1,1))-1)+IF('Standard Profiles'!$G$22=$B$10,7,0)+IF('Standard Profiles'!$G$22=$B$17,14,0)+IF('Standard Profiles'!$G$22=$B$24,21,0),0)),0)</f>
        <v>0</v>
      </c>
      <c r="I7595">
        <f t="shared" si="846"/>
        <v>8.0698048679282555E-2</v>
      </c>
      <c r="J7595">
        <f t="shared" si="847"/>
        <v>0.26899349559760855</v>
      </c>
      <c r="K7595">
        <f t="shared" si="848"/>
        <v>0.40349024339641282</v>
      </c>
      <c r="L7595">
        <f t="shared" si="849"/>
        <v>1.9367531683027814</v>
      </c>
      <c r="M7595">
        <f t="shared" si="850"/>
        <v>0</v>
      </c>
      <c r="N7595" s="46">
        <f t="shared" si="851"/>
        <v>45607.041666648329</v>
      </c>
    </row>
    <row r="7596" spans="2:14" x14ac:dyDescent="0.3">
      <c r="B7596">
        <f t="shared" si="845"/>
        <v>1</v>
      </c>
      <c r="C7596" s="16">
        <v>7562</v>
      </c>
      <c r="D7596" cm="1">
        <f t="array" ref="D7596">IFERROR(INDEX(Jesper!AH$2:AH$366,ROUNDDOWN($C7596/24,0)+1,1)*INDEX($D$3:$AA$30,INDEX(Jesper!$R$2:$R$366,ROW(INDEX(Jesper!AH$2:AH$366,ROUNDDOWN($C7596/24,0)+1,1))-1)+IF('Standard Profiles'!$G$18=$B$10,7,0)+IF('Standard Profiles'!$G$18=$B$17,14,0)+IF('Standard Profiles'!$G$18=$B$24,21,0),MOD($C7596,24)+1)/SUM(INDEX($D$3:$AA$30,INDEX(Jesper!$R$2:$R$366,ROW(INDEX(Jesper!AH$2:AH$366,ROUNDDOWN($C7596/24,0)+1,1))-1)+IF('Standard Profiles'!$G$18=$B$10,7,0)+IF('Standard Profiles'!$G$18=$B$17,14,0)+IF('Standard Profiles'!$G$18=$B$24,21,0),0)),0)</f>
        <v>2.6899349559760855</v>
      </c>
      <c r="E7596" cm="1">
        <f t="array" ref="E7596">IFERROR(INDEX(Jesper!AI$2:AI$366,ROUNDDOWN($C7596/24,0)+1,1)*INDEX($D$3:$AA$30,INDEX(Jesper!$R$2:$R$366,ROW(INDEX(Jesper!AI$2:AI$366,ROUNDDOWN($C7596/24,0)+1,1))-1)+IF('Standard Profiles'!$G$19=$B$10,7,0)+IF('Standard Profiles'!$G$19=$B$17,14,0)+IF('Standard Profiles'!$G$19=$B$24,21,0),MOD($C7596,24)+1)/SUM(INDEX($D$3:$AA$30,INDEX(Jesper!$R$2:$R$366,ROW(INDEX(Jesper!AI$2:AI$366,ROUNDDOWN($C7596/24,0)+1,1))-1)+IF('Standard Profiles'!$G$19=$B$10,7,0)+IF('Standard Profiles'!$G$19=$B$17,14,0)+IF('Standard Profiles'!$G$19=$B$24,21,0),0)),0)</f>
        <v>0</v>
      </c>
      <c r="F7596" cm="1">
        <f t="array" ref="F7596">IFERROR(INDEX(Jesper!AJ$2:AJ$366,ROUNDDOWN($C7596/24,0)+1,1)*INDEX($D$3:$AA$30,INDEX(Jesper!$R$2:$R$366,ROW(INDEX(Jesper!AJ$2:AJ$366,ROUNDDOWN($C7596/24,0)+1,1))-1)+IF('Standard Profiles'!$G$20=$B$10,7,0)+IF('Standard Profiles'!$G$20=$B$17,14,0)+IF('Standard Profiles'!$G$20=$B$24,21,0),MOD($C7596,24)+1)/SUM(INDEX($D$3:$AA$30,INDEX(Jesper!$R$2:$R$366,ROW(INDEX(Jesper!AJ$2:AJ$366,ROUNDDOWN($C7596/24,0)+1,1))-1)+IF('Standard Profiles'!$G$20=$B$10,7,0)+IF('Standard Profiles'!$G$20=$B$17,14,0)+IF('Standard Profiles'!$G$20=$B$24,21,0),0)),0)</f>
        <v>0</v>
      </c>
      <c r="G7596" cm="1">
        <f t="array" ref="G7596">IFERROR(INDEX(Jesper!AK$2:AK$366,ROUNDDOWN($C7596/24,0)+1,1)*INDEX($D$3:$AA$30,INDEX(Jesper!$R$2:$R$366,ROW(INDEX(Jesper!AK$2:AK$366,ROUNDDOWN($C7596/24,0)+1,1))-1)+IF('Standard Profiles'!$G$21=$B$10,7,0)+IF('Standard Profiles'!$G$21=$B$17,14,0)+IF('Standard Profiles'!$G$21=$B$24,21,0),MOD($C7596,24)+1)/SUM(INDEX($D$3:$AA$30,INDEX(Jesper!$R$2:$R$366,ROW(INDEX(Jesper!AK$2:AK$366,ROUNDDOWN($C7596/24,0)+1,1))-1)+IF('Standard Profiles'!$G$21=$B$10,7,0)+IF('Standard Profiles'!$G$21=$B$17,14,0)+IF('Standard Profiles'!$G$21=$B$24,21,0),0)),0)</f>
        <v>0</v>
      </c>
      <c r="H7596" cm="1">
        <f t="array" ref="H7596">IFERROR(INDEX(Jesper!AL$2:AL$366,ROUNDDOWN($C7596/24,0)+1,1)*INDEX($D$3:$AA$30,INDEX(Jesper!$R$2:$R$366,ROW(INDEX(Jesper!AL$2:AL$366,ROUNDDOWN($C7596/24,0)+1,1))-1)+IF('Standard Profiles'!$G$22=$B$10,7,0)+IF('Standard Profiles'!$G$22=$B$17,14,0)+IF('Standard Profiles'!$G$22=$B$24,21,0),MOD($C7596,24)+1)/SUM(INDEX($D$3:$AA$30,INDEX(Jesper!$R$2:$R$366,ROW(INDEX(Jesper!AL$2:AL$366,ROUNDDOWN($C7596/24,0)+1,1))-1)+IF('Standard Profiles'!$G$22=$B$10,7,0)+IF('Standard Profiles'!$G$22=$B$17,14,0)+IF('Standard Profiles'!$G$22=$B$24,21,0),0)),0)</f>
        <v>0</v>
      </c>
      <c r="I7596">
        <f t="shared" si="846"/>
        <v>8.0698048679282555E-2</v>
      </c>
      <c r="J7596">
        <f t="shared" si="847"/>
        <v>0.26899349559760855</v>
      </c>
      <c r="K7596">
        <f t="shared" si="848"/>
        <v>0.40349024339641282</v>
      </c>
      <c r="L7596">
        <f t="shared" si="849"/>
        <v>1.9367531683027814</v>
      </c>
      <c r="M7596">
        <f t="shared" si="850"/>
        <v>0</v>
      </c>
      <c r="N7596" s="46">
        <f t="shared" si="851"/>
        <v>45607.083333314993</v>
      </c>
    </row>
    <row r="7597" spans="2:14" x14ac:dyDescent="0.3">
      <c r="B7597">
        <f t="shared" si="845"/>
        <v>1</v>
      </c>
      <c r="C7597" s="16">
        <v>7563</v>
      </c>
      <c r="D7597" cm="1">
        <f t="array" ref="D7597">IFERROR(INDEX(Jesper!AH$2:AH$366,ROUNDDOWN($C7597/24,0)+1,1)*INDEX($D$3:$AA$30,INDEX(Jesper!$R$2:$R$366,ROW(INDEX(Jesper!AH$2:AH$366,ROUNDDOWN($C7597/24,0)+1,1))-1)+IF('Standard Profiles'!$G$18=$B$10,7,0)+IF('Standard Profiles'!$G$18=$B$17,14,0)+IF('Standard Profiles'!$G$18=$B$24,21,0),MOD($C7597,24)+1)/SUM(INDEX($D$3:$AA$30,INDEX(Jesper!$R$2:$R$366,ROW(INDEX(Jesper!AH$2:AH$366,ROUNDDOWN($C7597/24,0)+1,1))-1)+IF('Standard Profiles'!$G$18=$B$10,7,0)+IF('Standard Profiles'!$G$18=$B$17,14,0)+IF('Standard Profiles'!$G$18=$B$24,21,0),0)),0)</f>
        <v>2.6899349559760855</v>
      </c>
      <c r="E7597" cm="1">
        <f t="array" ref="E7597">IFERROR(INDEX(Jesper!AI$2:AI$366,ROUNDDOWN($C7597/24,0)+1,1)*INDEX($D$3:$AA$30,INDEX(Jesper!$R$2:$R$366,ROW(INDEX(Jesper!AI$2:AI$366,ROUNDDOWN($C7597/24,0)+1,1))-1)+IF('Standard Profiles'!$G$19=$B$10,7,0)+IF('Standard Profiles'!$G$19=$B$17,14,0)+IF('Standard Profiles'!$G$19=$B$24,21,0),MOD($C7597,24)+1)/SUM(INDEX($D$3:$AA$30,INDEX(Jesper!$R$2:$R$366,ROW(INDEX(Jesper!AI$2:AI$366,ROUNDDOWN($C7597/24,0)+1,1))-1)+IF('Standard Profiles'!$G$19=$B$10,7,0)+IF('Standard Profiles'!$G$19=$B$17,14,0)+IF('Standard Profiles'!$G$19=$B$24,21,0),0)),0)</f>
        <v>0</v>
      </c>
      <c r="F7597" cm="1">
        <f t="array" ref="F7597">IFERROR(INDEX(Jesper!AJ$2:AJ$366,ROUNDDOWN($C7597/24,0)+1,1)*INDEX($D$3:$AA$30,INDEX(Jesper!$R$2:$R$366,ROW(INDEX(Jesper!AJ$2:AJ$366,ROUNDDOWN($C7597/24,0)+1,1))-1)+IF('Standard Profiles'!$G$20=$B$10,7,0)+IF('Standard Profiles'!$G$20=$B$17,14,0)+IF('Standard Profiles'!$G$20=$B$24,21,0),MOD($C7597,24)+1)/SUM(INDEX($D$3:$AA$30,INDEX(Jesper!$R$2:$R$366,ROW(INDEX(Jesper!AJ$2:AJ$366,ROUNDDOWN($C7597/24,0)+1,1))-1)+IF('Standard Profiles'!$G$20=$B$10,7,0)+IF('Standard Profiles'!$G$20=$B$17,14,0)+IF('Standard Profiles'!$G$20=$B$24,21,0),0)),0)</f>
        <v>0</v>
      </c>
      <c r="G7597" cm="1">
        <f t="array" ref="G7597">IFERROR(INDEX(Jesper!AK$2:AK$366,ROUNDDOWN($C7597/24,0)+1,1)*INDEX($D$3:$AA$30,INDEX(Jesper!$R$2:$R$366,ROW(INDEX(Jesper!AK$2:AK$366,ROUNDDOWN($C7597/24,0)+1,1))-1)+IF('Standard Profiles'!$G$21=$B$10,7,0)+IF('Standard Profiles'!$G$21=$B$17,14,0)+IF('Standard Profiles'!$G$21=$B$24,21,0),MOD($C7597,24)+1)/SUM(INDEX($D$3:$AA$30,INDEX(Jesper!$R$2:$R$366,ROW(INDEX(Jesper!AK$2:AK$366,ROUNDDOWN($C7597/24,0)+1,1))-1)+IF('Standard Profiles'!$G$21=$B$10,7,0)+IF('Standard Profiles'!$G$21=$B$17,14,0)+IF('Standard Profiles'!$G$21=$B$24,21,0),0)),0)</f>
        <v>0</v>
      </c>
      <c r="H7597" cm="1">
        <f t="array" ref="H7597">IFERROR(INDEX(Jesper!AL$2:AL$366,ROUNDDOWN($C7597/24,0)+1,1)*INDEX($D$3:$AA$30,INDEX(Jesper!$R$2:$R$366,ROW(INDEX(Jesper!AL$2:AL$366,ROUNDDOWN($C7597/24,0)+1,1))-1)+IF('Standard Profiles'!$G$22=$B$10,7,0)+IF('Standard Profiles'!$G$22=$B$17,14,0)+IF('Standard Profiles'!$G$22=$B$24,21,0),MOD($C7597,24)+1)/SUM(INDEX($D$3:$AA$30,INDEX(Jesper!$R$2:$R$366,ROW(INDEX(Jesper!AL$2:AL$366,ROUNDDOWN($C7597/24,0)+1,1))-1)+IF('Standard Profiles'!$G$22=$B$10,7,0)+IF('Standard Profiles'!$G$22=$B$17,14,0)+IF('Standard Profiles'!$G$22=$B$24,21,0),0)),0)</f>
        <v>0</v>
      </c>
      <c r="I7597">
        <f t="shared" si="846"/>
        <v>8.0698048679282555E-2</v>
      </c>
      <c r="J7597">
        <f t="shared" si="847"/>
        <v>0.26899349559760855</v>
      </c>
      <c r="K7597">
        <f t="shared" si="848"/>
        <v>0.40349024339641282</v>
      </c>
      <c r="L7597">
        <f t="shared" si="849"/>
        <v>1.9367531683027814</v>
      </c>
      <c r="M7597">
        <f t="shared" si="850"/>
        <v>0</v>
      </c>
      <c r="N7597" s="46">
        <f t="shared" si="851"/>
        <v>45607.124999981657</v>
      </c>
    </row>
    <row r="7598" spans="2:14" x14ac:dyDescent="0.3">
      <c r="B7598">
        <f t="shared" si="845"/>
        <v>1</v>
      </c>
      <c r="C7598" s="16">
        <v>7564</v>
      </c>
      <c r="D7598" cm="1">
        <f t="array" ref="D7598">IFERROR(INDEX(Jesper!AH$2:AH$366,ROUNDDOWN($C7598/24,0)+1,1)*INDEX($D$3:$AA$30,INDEX(Jesper!$R$2:$R$366,ROW(INDEX(Jesper!AH$2:AH$366,ROUNDDOWN($C7598/24,0)+1,1))-1)+IF('Standard Profiles'!$G$18=$B$10,7,0)+IF('Standard Profiles'!$G$18=$B$17,14,0)+IF('Standard Profiles'!$G$18=$B$24,21,0),MOD($C7598,24)+1)/SUM(INDEX($D$3:$AA$30,INDEX(Jesper!$R$2:$R$366,ROW(INDEX(Jesper!AH$2:AH$366,ROUNDDOWN($C7598/24,0)+1,1))-1)+IF('Standard Profiles'!$G$18=$B$10,7,0)+IF('Standard Profiles'!$G$18=$B$17,14,0)+IF('Standard Profiles'!$G$18=$B$24,21,0),0)),0)</f>
        <v>2.6899349559760855</v>
      </c>
      <c r="E7598" cm="1">
        <f t="array" ref="E7598">IFERROR(INDEX(Jesper!AI$2:AI$366,ROUNDDOWN($C7598/24,0)+1,1)*INDEX($D$3:$AA$30,INDEX(Jesper!$R$2:$R$366,ROW(INDEX(Jesper!AI$2:AI$366,ROUNDDOWN($C7598/24,0)+1,1))-1)+IF('Standard Profiles'!$G$19=$B$10,7,0)+IF('Standard Profiles'!$G$19=$B$17,14,0)+IF('Standard Profiles'!$G$19=$B$24,21,0),MOD($C7598,24)+1)/SUM(INDEX($D$3:$AA$30,INDEX(Jesper!$R$2:$R$366,ROW(INDEX(Jesper!AI$2:AI$366,ROUNDDOWN($C7598/24,0)+1,1))-1)+IF('Standard Profiles'!$G$19=$B$10,7,0)+IF('Standard Profiles'!$G$19=$B$17,14,0)+IF('Standard Profiles'!$G$19=$B$24,21,0),0)),0)</f>
        <v>0</v>
      </c>
      <c r="F7598" cm="1">
        <f t="array" ref="F7598">IFERROR(INDEX(Jesper!AJ$2:AJ$366,ROUNDDOWN($C7598/24,0)+1,1)*INDEX($D$3:$AA$30,INDEX(Jesper!$R$2:$R$366,ROW(INDEX(Jesper!AJ$2:AJ$366,ROUNDDOWN($C7598/24,0)+1,1))-1)+IF('Standard Profiles'!$G$20=$B$10,7,0)+IF('Standard Profiles'!$G$20=$B$17,14,0)+IF('Standard Profiles'!$G$20=$B$24,21,0),MOD($C7598,24)+1)/SUM(INDEX($D$3:$AA$30,INDEX(Jesper!$R$2:$R$366,ROW(INDEX(Jesper!AJ$2:AJ$366,ROUNDDOWN($C7598/24,0)+1,1))-1)+IF('Standard Profiles'!$G$20=$B$10,7,0)+IF('Standard Profiles'!$G$20=$B$17,14,0)+IF('Standard Profiles'!$G$20=$B$24,21,0),0)),0)</f>
        <v>0</v>
      </c>
      <c r="G7598" cm="1">
        <f t="array" ref="G7598">IFERROR(INDEX(Jesper!AK$2:AK$366,ROUNDDOWN($C7598/24,0)+1,1)*INDEX($D$3:$AA$30,INDEX(Jesper!$R$2:$R$366,ROW(INDEX(Jesper!AK$2:AK$366,ROUNDDOWN($C7598/24,0)+1,1))-1)+IF('Standard Profiles'!$G$21=$B$10,7,0)+IF('Standard Profiles'!$G$21=$B$17,14,0)+IF('Standard Profiles'!$G$21=$B$24,21,0),MOD($C7598,24)+1)/SUM(INDEX($D$3:$AA$30,INDEX(Jesper!$R$2:$R$366,ROW(INDEX(Jesper!AK$2:AK$366,ROUNDDOWN($C7598/24,0)+1,1))-1)+IF('Standard Profiles'!$G$21=$B$10,7,0)+IF('Standard Profiles'!$G$21=$B$17,14,0)+IF('Standard Profiles'!$G$21=$B$24,21,0),0)),0)</f>
        <v>0</v>
      </c>
      <c r="H7598" cm="1">
        <f t="array" ref="H7598">IFERROR(INDEX(Jesper!AL$2:AL$366,ROUNDDOWN($C7598/24,0)+1,1)*INDEX($D$3:$AA$30,INDEX(Jesper!$R$2:$R$366,ROW(INDEX(Jesper!AL$2:AL$366,ROUNDDOWN($C7598/24,0)+1,1))-1)+IF('Standard Profiles'!$G$22=$B$10,7,0)+IF('Standard Profiles'!$G$22=$B$17,14,0)+IF('Standard Profiles'!$G$22=$B$24,21,0),MOD($C7598,24)+1)/SUM(INDEX($D$3:$AA$30,INDEX(Jesper!$R$2:$R$366,ROW(INDEX(Jesper!AL$2:AL$366,ROUNDDOWN($C7598/24,0)+1,1))-1)+IF('Standard Profiles'!$G$22=$B$10,7,0)+IF('Standard Profiles'!$G$22=$B$17,14,0)+IF('Standard Profiles'!$G$22=$B$24,21,0),0)),0)</f>
        <v>0</v>
      </c>
      <c r="I7598">
        <f t="shared" si="846"/>
        <v>8.0698048679282555E-2</v>
      </c>
      <c r="J7598">
        <f t="shared" si="847"/>
        <v>0.26899349559760855</v>
      </c>
      <c r="K7598">
        <f t="shared" si="848"/>
        <v>0.40349024339641282</v>
      </c>
      <c r="L7598">
        <f t="shared" si="849"/>
        <v>1.9367531683027814</v>
      </c>
      <c r="M7598">
        <f t="shared" si="850"/>
        <v>0</v>
      </c>
      <c r="N7598" s="46">
        <f t="shared" si="851"/>
        <v>45607.166666648322</v>
      </c>
    </row>
    <row r="7599" spans="2:14" x14ac:dyDescent="0.3">
      <c r="B7599">
        <f t="shared" si="845"/>
        <v>1</v>
      </c>
      <c r="C7599" s="16">
        <v>7565</v>
      </c>
      <c r="D7599" cm="1">
        <f t="array" ref="D7599">IFERROR(INDEX(Jesper!AH$2:AH$366,ROUNDDOWN($C7599/24,0)+1,1)*INDEX($D$3:$AA$30,INDEX(Jesper!$R$2:$R$366,ROW(INDEX(Jesper!AH$2:AH$366,ROUNDDOWN($C7599/24,0)+1,1))-1)+IF('Standard Profiles'!$G$18=$B$10,7,0)+IF('Standard Profiles'!$G$18=$B$17,14,0)+IF('Standard Profiles'!$G$18=$B$24,21,0),MOD($C7599,24)+1)/SUM(INDEX($D$3:$AA$30,INDEX(Jesper!$R$2:$R$366,ROW(INDEX(Jesper!AH$2:AH$366,ROUNDDOWN($C7599/24,0)+1,1))-1)+IF('Standard Profiles'!$G$18=$B$10,7,0)+IF('Standard Profiles'!$G$18=$B$17,14,0)+IF('Standard Profiles'!$G$18=$B$24,21,0),0)),0)</f>
        <v>11.656384809229705</v>
      </c>
      <c r="E7599" cm="1">
        <f t="array" ref="E7599">IFERROR(INDEX(Jesper!AI$2:AI$366,ROUNDDOWN($C7599/24,0)+1,1)*INDEX($D$3:$AA$30,INDEX(Jesper!$R$2:$R$366,ROW(INDEX(Jesper!AI$2:AI$366,ROUNDDOWN($C7599/24,0)+1,1))-1)+IF('Standard Profiles'!$G$19=$B$10,7,0)+IF('Standard Profiles'!$G$19=$B$17,14,0)+IF('Standard Profiles'!$G$19=$B$24,21,0),MOD($C7599,24)+1)/SUM(INDEX($D$3:$AA$30,INDEX(Jesper!$R$2:$R$366,ROW(INDEX(Jesper!AI$2:AI$366,ROUNDDOWN($C7599/24,0)+1,1))-1)+IF('Standard Profiles'!$G$19=$B$10,7,0)+IF('Standard Profiles'!$G$19=$B$17,14,0)+IF('Standard Profiles'!$G$19=$B$24,21,0),0)),0)</f>
        <v>0</v>
      </c>
      <c r="F7599" cm="1">
        <f t="array" ref="F7599">IFERROR(INDEX(Jesper!AJ$2:AJ$366,ROUNDDOWN($C7599/24,0)+1,1)*INDEX($D$3:$AA$30,INDEX(Jesper!$R$2:$R$366,ROW(INDEX(Jesper!AJ$2:AJ$366,ROUNDDOWN($C7599/24,0)+1,1))-1)+IF('Standard Profiles'!$G$20=$B$10,7,0)+IF('Standard Profiles'!$G$20=$B$17,14,0)+IF('Standard Profiles'!$G$20=$B$24,21,0),MOD($C7599,24)+1)/SUM(INDEX($D$3:$AA$30,INDEX(Jesper!$R$2:$R$366,ROW(INDEX(Jesper!AJ$2:AJ$366,ROUNDDOWN($C7599/24,0)+1,1))-1)+IF('Standard Profiles'!$G$20=$B$10,7,0)+IF('Standard Profiles'!$G$20=$B$17,14,0)+IF('Standard Profiles'!$G$20=$B$24,21,0),0)),0)</f>
        <v>0</v>
      </c>
      <c r="G7599" cm="1">
        <f t="array" ref="G7599">IFERROR(INDEX(Jesper!AK$2:AK$366,ROUNDDOWN($C7599/24,0)+1,1)*INDEX($D$3:$AA$30,INDEX(Jesper!$R$2:$R$366,ROW(INDEX(Jesper!AK$2:AK$366,ROUNDDOWN($C7599/24,0)+1,1))-1)+IF('Standard Profiles'!$G$21=$B$10,7,0)+IF('Standard Profiles'!$G$21=$B$17,14,0)+IF('Standard Profiles'!$G$21=$B$24,21,0),MOD($C7599,24)+1)/SUM(INDEX($D$3:$AA$30,INDEX(Jesper!$R$2:$R$366,ROW(INDEX(Jesper!AK$2:AK$366,ROUNDDOWN($C7599/24,0)+1,1))-1)+IF('Standard Profiles'!$G$21=$B$10,7,0)+IF('Standard Profiles'!$G$21=$B$17,14,0)+IF('Standard Profiles'!$G$21=$B$24,21,0),0)),0)</f>
        <v>0</v>
      </c>
      <c r="H7599" cm="1">
        <f t="array" ref="H7599">IFERROR(INDEX(Jesper!AL$2:AL$366,ROUNDDOWN($C7599/24,0)+1,1)*INDEX($D$3:$AA$30,INDEX(Jesper!$R$2:$R$366,ROW(INDEX(Jesper!AL$2:AL$366,ROUNDDOWN($C7599/24,0)+1,1))-1)+IF('Standard Profiles'!$G$22=$B$10,7,0)+IF('Standard Profiles'!$G$22=$B$17,14,0)+IF('Standard Profiles'!$G$22=$B$24,21,0),MOD($C7599,24)+1)/SUM(INDEX($D$3:$AA$30,INDEX(Jesper!$R$2:$R$366,ROW(INDEX(Jesper!AL$2:AL$366,ROUNDDOWN($C7599/24,0)+1,1))-1)+IF('Standard Profiles'!$G$22=$B$10,7,0)+IF('Standard Profiles'!$G$22=$B$17,14,0)+IF('Standard Profiles'!$G$22=$B$24,21,0),0)),0)</f>
        <v>0</v>
      </c>
      <c r="I7599">
        <f t="shared" si="846"/>
        <v>0.34969154427689114</v>
      </c>
      <c r="J7599">
        <f t="shared" si="847"/>
        <v>1.1656384809229705</v>
      </c>
      <c r="K7599">
        <f t="shared" si="848"/>
        <v>1.7484577213844557</v>
      </c>
      <c r="L7599">
        <f t="shared" si="849"/>
        <v>8.3925970626453879</v>
      </c>
      <c r="M7599">
        <f t="shared" si="850"/>
        <v>0</v>
      </c>
      <c r="N7599" s="46">
        <f t="shared" si="851"/>
        <v>45607.208333314986</v>
      </c>
    </row>
    <row r="7600" spans="2:14" x14ac:dyDescent="0.3">
      <c r="B7600">
        <f t="shared" si="845"/>
        <v>1</v>
      </c>
      <c r="C7600" s="16">
        <v>7566</v>
      </c>
      <c r="D7600" cm="1">
        <f t="array" ref="D7600">IFERROR(INDEX(Jesper!AH$2:AH$366,ROUNDDOWN($C7600/24,0)+1,1)*INDEX($D$3:$AA$30,INDEX(Jesper!$R$2:$R$366,ROW(INDEX(Jesper!AH$2:AH$366,ROUNDDOWN($C7600/24,0)+1,1))-1)+IF('Standard Profiles'!$G$18=$B$10,7,0)+IF('Standard Profiles'!$G$18=$B$17,14,0)+IF('Standard Profiles'!$G$18=$B$24,21,0),MOD($C7600,24)+1)/SUM(INDEX($D$3:$AA$30,INDEX(Jesper!$R$2:$R$366,ROW(INDEX(Jesper!AH$2:AH$366,ROUNDDOWN($C7600/24,0)+1,1))-1)+IF('Standard Profiles'!$G$18=$B$10,7,0)+IF('Standard Profiles'!$G$18=$B$17,14,0)+IF('Standard Profiles'!$G$18=$B$24,21,0),0)),0)</f>
        <v>13.225513533549087</v>
      </c>
      <c r="E7600" cm="1">
        <f t="array" ref="E7600">IFERROR(INDEX(Jesper!AI$2:AI$366,ROUNDDOWN($C7600/24,0)+1,1)*INDEX($D$3:$AA$30,INDEX(Jesper!$R$2:$R$366,ROW(INDEX(Jesper!AI$2:AI$366,ROUNDDOWN($C7600/24,0)+1,1))-1)+IF('Standard Profiles'!$G$19=$B$10,7,0)+IF('Standard Profiles'!$G$19=$B$17,14,0)+IF('Standard Profiles'!$G$19=$B$24,21,0),MOD($C7600,24)+1)/SUM(INDEX($D$3:$AA$30,INDEX(Jesper!$R$2:$R$366,ROW(INDEX(Jesper!AI$2:AI$366,ROUNDDOWN($C7600/24,0)+1,1))-1)+IF('Standard Profiles'!$G$19=$B$10,7,0)+IF('Standard Profiles'!$G$19=$B$17,14,0)+IF('Standard Profiles'!$G$19=$B$24,21,0),0)),0)</f>
        <v>0</v>
      </c>
      <c r="F7600" cm="1">
        <f t="array" ref="F7600">IFERROR(INDEX(Jesper!AJ$2:AJ$366,ROUNDDOWN($C7600/24,0)+1,1)*INDEX($D$3:$AA$30,INDEX(Jesper!$R$2:$R$366,ROW(INDEX(Jesper!AJ$2:AJ$366,ROUNDDOWN($C7600/24,0)+1,1))-1)+IF('Standard Profiles'!$G$20=$B$10,7,0)+IF('Standard Profiles'!$G$20=$B$17,14,0)+IF('Standard Profiles'!$G$20=$B$24,21,0),MOD($C7600,24)+1)/SUM(INDEX($D$3:$AA$30,INDEX(Jesper!$R$2:$R$366,ROW(INDEX(Jesper!AJ$2:AJ$366,ROUNDDOWN($C7600/24,0)+1,1))-1)+IF('Standard Profiles'!$G$20=$B$10,7,0)+IF('Standard Profiles'!$G$20=$B$17,14,0)+IF('Standard Profiles'!$G$20=$B$24,21,0),0)),0)</f>
        <v>0</v>
      </c>
      <c r="G7600" cm="1">
        <f t="array" ref="G7600">IFERROR(INDEX(Jesper!AK$2:AK$366,ROUNDDOWN($C7600/24,0)+1,1)*INDEX($D$3:$AA$30,INDEX(Jesper!$R$2:$R$366,ROW(INDEX(Jesper!AK$2:AK$366,ROUNDDOWN($C7600/24,0)+1,1))-1)+IF('Standard Profiles'!$G$21=$B$10,7,0)+IF('Standard Profiles'!$G$21=$B$17,14,0)+IF('Standard Profiles'!$G$21=$B$24,21,0),MOD($C7600,24)+1)/SUM(INDEX($D$3:$AA$30,INDEX(Jesper!$R$2:$R$366,ROW(INDEX(Jesper!AK$2:AK$366,ROUNDDOWN($C7600/24,0)+1,1))-1)+IF('Standard Profiles'!$G$21=$B$10,7,0)+IF('Standard Profiles'!$G$21=$B$17,14,0)+IF('Standard Profiles'!$G$21=$B$24,21,0),0)),0)</f>
        <v>0</v>
      </c>
      <c r="H7600" cm="1">
        <f t="array" ref="H7600">IFERROR(INDEX(Jesper!AL$2:AL$366,ROUNDDOWN($C7600/24,0)+1,1)*INDEX($D$3:$AA$30,INDEX(Jesper!$R$2:$R$366,ROW(INDEX(Jesper!AL$2:AL$366,ROUNDDOWN($C7600/24,0)+1,1))-1)+IF('Standard Profiles'!$G$22=$B$10,7,0)+IF('Standard Profiles'!$G$22=$B$17,14,0)+IF('Standard Profiles'!$G$22=$B$24,21,0),MOD($C7600,24)+1)/SUM(INDEX($D$3:$AA$30,INDEX(Jesper!$R$2:$R$366,ROW(INDEX(Jesper!AL$2:AL$366,ROUNDDOWN($C7600/24,0)+1,1))-1)+IF('Standard Profiles'!$G$22=$B$10,7,0)+IF('Standard Profiles'!$G$22=$B$17,14,0)+IF('Standard Profiles'!$G$22=$B$24,21,0),0)),0)</f>
        <v>0</v>
      </c>
      <c r="I7600">
        <f t="shared" si="846"/>
        <v>0.39676540600647259</v>
      </c>
      <c r="J7600">
        <f t="shared" si="847"/>
        <v>1.3225513533549087</v>
      </c>
      <c r="K7600">
        <f t="shared" si="848"/>
        <v>1.983827030032363</v>
      </c>
      <c r="L7600">
        <f t="shared" si="849"/>
        <v>9.522369744155343</v>
      </c>
      <c r="M7600">
        <f t="shared" si="850"/>
        <v>0</v>
      </c>
      <c r="N7600" s="46">
        <f t="shared" si="851"/>
        <v>45607.24999998165</v>
      </c>
    </row>
    <row r="7601" spans="2:14" x14ac:dyDescent="0.3">
      <c r="B7601">
        <f t="shared" si="845"/>
        <v>1</v>
      </c>
      <c r="C7601" s="16">
        <v>7567</v>
      </c>
      <c r="D7601" cm="1">
        <f t="array" ref="D7601">IFERROR(INDEX(Jesper!AH$2:AH$366,ROUNDDOWN($C7601/24,0)+1,1)*INDEX($D$3:$AA$30,INDEX(Jesper!$R$2:$R$366,ROW(INDEX(Jesper!AH$2:AH$366,ROUNDDOWN($C7601/24,0)+1,1))-1)+IF('Standard Profiles'!$G$18=$B$10,7,0)+IF('Standard Profiles'!$G$18=$B$17,14,0)+IF('Standard Profiles'!$G$18=$B$24,21,0),MOD($C7601,24)+1)/SUM(INDEX($D$3:$AA$30,INDEX(Jesper!$R$2:$R$366,ROW(INDEX(Jesper!AH$2:AH$366,ROUNDDOWN($C7601/24,0)+1,1))-1)+IF('Standard Profiles'!$G$18=$B$10,7,0)+IF('Standard Profiles'!$G$18=$B$17,14,0)+IF('Standard Profiles'!$G$18=$B$24,21,0),0)),0)</f>
        <v>13.225513533549087</v>
      </c>
      <c r="E7601" cm="1">
        <f t="array" ref="E7601">IFERROR(INDEX(Jesper!AI$2:AI$366,ROUNDDOWN($C7601/24,0)+1,1)*INDEX($D$3:$AA$30,INDEX(Jesper!$R$2:$R$366,ROW(INDEX(Jesper!AI$2:AI$366,ROUNDDOWN($C7601/24,0)+1,1))-1)+IF('Standard Profiles'!$G$19=$B$10,7,0)+IF('Standard Profiles'!$G$19=$B$17,14,0)+IF('Standard Profiles'!$G$19=$B$24,21,0),MOD($C7601,24)+1)/SUM(INDEX($D$3:$AA$30,INDEX(Jesper!$R$2:$R$366,ROW(INDEX(Jesper!AI$2:AI$366,ROUNDDOWN($C7601/24,0)+1,1))-1)+IF('Standard Profiles'!$G$19=$B$10,7,0)+IF('Standard Profiles'!$G$19=$B$17,14,0)+IF('Standard Profiles'!$G$19=$B$24,21,0),0)),0)</f>
        <v>0</v>
      </c>
      <c r="F7601" cm="1">
        <f t="array" ref="F7601">IFERROR(INDEX(Jesper!AJ$2:AJ$366,ROUNDDOWN($C7601/24,0)+1,1)*INDEX($D$3:$AA$30,INDEX(Jesper!$R$2:$R$366,ROW(INDEX(Jesper!AJ$2:AJ$366,ROUNDDOWN($C7601/24,0)+1,1))-1)+IF('Standard Profiles'!$G$20=$B$10,7,0)+IF('Standard Profiles'!$G$20=$B$17,14,0)+IF('Standard Profiles'!$G$20=$B$24,21,0),MOD($C7601,24)+1)/SUM(INDEX($D$3:$AA$30,INDEX(Jesper!$R$2:$R$366,ROW(INDEX(Jesper!AJ$2:AJ$366,ROUNDDOWN($C7601/24,0)+1,1))-1)+IF('Standard Profiles'!$G$20=$B$10,7,0)+IF('Standard Profiles'!$G$20=$B$17,14,0)+IF('Standard Profiles'!$G$20=$B$24,21,0),0)),0)</f>
        <v>0</v>
      </c>
      <c r="G7601" cm="1">
        <f t="array" ref="G7601">IFERROR(INDEX(Jesper!AK$2:AK$366,ROUNDDOWN($C7601/24,0)+1,1)*INDEX($D$3:$AA$30,INDEX(Jesper!$R$2:$R$366,ROW(INDEX(Jesper!AK$2:AK$366,ROUNDDOWN($C7601/24,0)+1,1))-1)+IF('Standard Profiles'!$G$21=$B$10,7,0)+IF('Standard Profiles'!$G$21=$B$17,14,0)+IF('Standard Profiles'!$G$21=$B$24,21,0),MOD($C7601,24)+1)/SUM(INDEX($D$3:$AA$30,INDEX(Jesper!$R$2:$R$366,ROW(INDEX(Jesper!AK$2:AK$366,ROUNDDOWN($C7601/24,0)+1,1))-1)+IF('Standard Profiles'!$G$21=$B$10,7,0)+IF('Standard Profiles'!$G$21=$B$17,14,0)+IF('Standard Profiles'!$G$21=$B$24,21,0),0)),0)</f>
        <v>0</v>
      </c>
      <c r="H7601" cm="1">
        <f t="array" ref="H7601">IFERROR(INDEX(Jesper!AL$2:AL$366,ROUNDDOWN($C7601/24,0)+1,1)*INDEX($D$3:$AA$30,INDEX(Jesper!$R$2:$R$366,ROW(INDEX(Jesper!AL$2:AL$366,ROUNDDOWN($C7601/24,0)+1,1))-1)+IF('Standard Profiles'!$G$22=$B$10,7,0)+IF('Standard Profiles'!$G$22=$B$17,14,0)+IF('Standard Profiles'!$G$22=$B$24,21,0),MOD($C7601,24)+1)/SUM(INDEX($D$3:$AA$30,INDEX(Jesper!$R$2:$R$366,ROW(INDEX(Jesper!AL$2:AL$366,ROUNDDOWN($C7601/24,0)+1,1))-1)+IF('Standard Profiles'!$G$22=$B$10,7,0)+IF('Standard Profiles'!$G$22=$B$17,14,0)+IF('Standard Profiles'!$G$22=$B$24,21,0),0)),0)</f>
        <v>0</v>
      </c>
      <c r="I7601">
        <f t="shared" si="846"/>
        <v>0.39676540600647259</v>
      </c>
      <c r="J7601">
        <f t="shared" si="847"/>
        <v>1.3225513533549087</v>
      </c>
      <c r="K7601">
        <f t="shared" si="848"/>
        <v>1.983827030032363</v>
      </c>
      <c r="L7601">
        <f t="shared" si="849"/>
        <v>9.522369744155343</v>
      </c>
      <c r="M7601">
        <f t="shared" si="850"/>
        <v>0</v>
      </c>
      <c r="N7601" s="46">
        <f t="shared" si="851"/>
        <v>45607.291666648314</v>
      </c>
    </row>
    <row r="7602" spans="2:14" x14ac:dyDescent="0.3">
      <c r="B7602">
        <f t="shared" si="845"/>
        <v>1</v>
      </c>
      <c r="C7602" s="16">
        <v>7568</v>
      </c>
      <c r="D7602" cm="1">
        <f t="array" ref="D7602">IFERROR(INDEX(Jesper!AH$2:AH$366,ROUNDDOWN($C7602/24,0)+1,1)*INDEX($D$3:$AA$30,INDEX(Jesper!$R$2:$R$366,ROW(INDEX(Jesper!AH$2:AH$366,ROUNDDOWN($C7602/24,0)+1,1))-1)+IF('Standard Profiles'!$G$18=$B$10,7,0)+IF('Standard Profiles'!$G$18=$B$17,14,0)+IF('Standard Profiles'!$G$18=$B$24,21,0),MOD($C7602,24)+1)/SUM(INDEX($D$3:$AA$30,INDEX(Jesper!$R$2:$R$366,ROW(INDEX(Jesper!AH$2:AH$366,ROUNDDOWN($C7602/24,0)+1,1))-1)+IF('Standard Profiles'!$G$18=$B$10,7,0)+IF('Standard Profiles'!$G$18=$B$17,14,0)+IF('Standard Profiles'!$G$18=$B$24,21,0),0)),0)</f>
        <v>13.225513533549087</v>
      </c>
      <c r="E7602" cm="1">
        <f t="array" ref="E7602">IFERROR(INDEX(Jesper!AI$2:AI$366,ROUNDDOWN($C7602/24,0)+1,1)*INDEX($D$3:$AA$30,INDEX(Jesper!$R$2:$R$366,ROW(INDEX(Jesper!AI$2:AI$366,ROUNDDOWN($C7602/24,0)+1,1))-1)+IF('Standard Profiles'!$G$19=$B$10,7,0)+IF('Standard Profiles'!$G$19=$B$17,14,0)+IF('Standard Profiles'!$G$19=$B$24,21,0),MOD($C7602,24)+1)/SUM(INDEX($D$3:$AA$30,INDEX(Jesper!$R$2:$R$366,ROW(INDEX(Jesper!AI$2:AI$366,ROUNDDOWN($C7602/24,0)+1,1))-1)+IF('Standard Profiles'!$G$19=$B$10,7,0)+IF('Standard Profiles'!$G$19=$B$17,14,0)+IF('Standard Profiles'!$G$19=$B$24,21,0),0)),0)</f>
        <v>0</v>
      </c>
      <c r="F7602" cm="1">
        <f t="array" ref="F7602">IFERROR(INDEX(Jesper!AJ$2:AJ$366,ROUNDDOWN($C7602/24,0)+1,1)*INDEX($D$3:$AA$30,INDEX(Jesper!$R$2:$R$366,ROW(INDEX(Jesper!AJ$2:AJ$366,ROUNDDOWN($C7602/24,0)+1,1))-1)+IF('Standard Profiles'!$G$20=$B$10,7,0)+IF('Standard Profiles'!$G$20=$B$17,14,0)+IF('Standard Profiles'!$G$20=$B$24,21,0),MOD($C7602,24)+1)/SUM(INDEX($D$3:$AA$30,INDEX(Jesper!$R$2:$R$366,ROW(INDEX(Jesper!AJ$2:AJ$366,ROUNDDOWN($C7602/24,0)+1,1))-1)+IF('Standard Profiles'!$G$20=$B$10,7,0)+IF('Standard Profiles'!$G$20=$B$17,14,0)+IF('Standard Profiles'!$G$20=$B$24,21,0),0)),0)</f>
        <v>0</v>
      </c>
      <c r="G7602" cm="1">
        <f t="array" ref="G7602">IFERROR(INDEX(Jesper!AK$2:AK$366,ROUNDDOWN($C7602/24,0)+1,1)*INDEX($D$3:$AA$30,INDEX(Jesper!$R$2:$R$366,ROW(INDEX(Jesper!AK$2:AK$366,ROUNDDOWN($C7602/24,0)+1,1))-1)+IF('Standard Profiles'!$G$21=$B$10,7,0)+IF('Standard Profiles'!$G$21=$B$17,14,0)+IF('Standard Profiles'!$G$21=$B$24,21,0),MOD($C7602,24)+1)/SUM(INDEX($D$3:$AA$30,INDEX(Jesper!$R$2:$R$366,ROW(INDEX(Jesper!AK$2:AK$366,ROUNDDOWN($C7602/24,0)+1,1))-1)+IF('Standard Profiles'!$G$21=$B$10,7,0)+IF('Standard Profiles'!$G$21=$B$17,14,0)+IF('Standard Profiles'!$G$21=$B$24,21,0),0)),0)</f>
        <v>0</v>
      </c>
      <c r="H7602" cm="1">
        <f t="array" ref="H7602">IFERROR(INDEX(Jesper!AL$2:AL$366,ROUNDDOWN($C7602/24,0)+1,1)*INDEX($D$3:$AA$30,INDEX(Jesper!$R$2:$R$366,ROW(INDEX(Jesper!AL$2:AL$366,ROUNDDOWN($C7602/24,0)+1,1))-1)+IF('Standard Profiles'!$G$22=$B$10,7,0)+IF('Standard Profiles'!$G$22=$B$17,14,0)+IF('Standard Profiles'!$G$22=$B$24,21,0),MOD($C7602,24)+1)/SUM(INDEX($D$3:$AA$30,INDEX(Jesper!$R$2:$R$366,ROW(INDEX(Jesper!AL$2:AL$366,ROUNDDOWN($C7602/24,0)+1,1))-1)+IF('Standard Profiles'!$G$22=$B$10,7,0)+IF('Standard Profiles'!$G$22=$B$17,14,0)+IF('Standard Profiles'!$G$22=$B$24,21,0),0)),0)</f>
        <v>0</v>
      </c>
      <c r="I7602">
        <f t="shared" si="846"/>
        <v>0.39676540600647259</v>
      </c>
      <c r="J7602">
        <f t="shared" si="847"/>
        <v>1.3225513533549087</v>
      </c>
      <c r="K7602">
        <f t="shared" si="848"/>
        <v>1.983827030032363</v>
      </c>
      <c r="L7602">
        <f t="shared" si="849"/>
        <v>9.522369744155343</v>
      </c>
      <c r="M7602">
        <f t="shared" si="850"/>
        <v>0</v>
      </c>
      <c r="N7602" s="46">
        <f t="shared" si="851"/>
        <v>45607.333333314979</v>
      </c>
    </row>
    <row r="7603" spans="2:14" x14ac:dyDescent="0.3">
      <c r="B7603">
        <f t="shared" si="845"/>
        <v>1</v>
      </c>
      <c r="C7603" s="16">
        <v>7569</v>
      </c>
      <c r="D7603" cm="1">
        <f t="array" ref="D7603">IFERROR(INDEX(Jesper!AH$2:AH$366,ROUNDDOWN($C7603/24,0)+1,1)*INDEX($D$3:$AA$30,INDEX(Jesper!$R$2:$R$366,ROW(INDEX(Jesper!AH$2:AH$366,ROUNDDOWN($C7603/24,0)+1,1))-1)+IF('Standard Profiles'!$G$18=$B$10,7,0)+IF('Standard Profiles'!$G$18=$B$17,14,0)+IF('Standard Profiles'!$G$18=$B$24,21,0),MOD($C7603,24)+1)/SUM(INDEX($D$3:$AA$30,INDEX(Jesper!$R$2:$R$366,ROW(INDEX(Jesper!AH$2:AH$366,ROUNDDOWN($C7603/24,0)+1,1))-1)+IF('Standard Profiles'!$G$18=$B$10,7,0)+IF('Standard Profiles'!$G$18=$B$17,14,0)+IF('Standard Profiles'!$G$18=$B$24,21,0),0)),0)</f>
        <v>14.12215851887445</v>
      </c>
      <c r="E7603" cm="1">
        <f t="array" ref="E7603">IFERROR(INDEX(Jesper!AI$2:AI$366,ROUNDDOWN($C7603/24,0)+1,1)*INDEX($D$3:$AA$30,INDEX(Jesper!$R$2:$R$366,ROW(INDEX(Jesper!AI$2:AI$366,ROUNDDOWN($C7603/24,0)+1,1))-1)+IF('Standard Profiles'!$G$19=$B$10,7,0)+IF('Standard Profiles'!$G$19=$B$17,14,0)+IF('Standard Profiles'!$G$19=$B$24,21,0),MOD($C7603,24)+1)/SUM(INDEX($D$3:$AA$30,INDEX(Jesper!$R$2:$R$366,ROW(INDEX(Jesper!AI$2:AI$366,ROUNDDOWN($C7603/24,0)+1,1))-1)+IF('Standard Profiles'!$G$19=$B$10,7,0)+IF('Standard Profiles'!$G$19=$B$17,14,0)+IF('Standard Profiles'!$G$19=$B$24,21,0),0)),0)</f>
        <v>0</v>
      </c>
      <c r="F7603" cm="1">
        <f t="array" ref="F7603">IFERROR(INDEX(Jesper!AJ$2:AJ$366,ROUNDDOWN($C7603/24,0)+1,1)*INDEX($D$3:$AA$30,INDEX(Jesper!$R$2:$R$366,ROW(INDEX(Jesper!AJ$2:AJ$366,ROUNDDOWN($C7603/24,0)+1,1))-1)+IF('Standard Profiles'!$G$20=$B$10,7,0)+IF('Standard Profiles'!$G$20=$B$17,14,0)+IF('Standard Profiles'!$G$20=$B$24,21,0),MOD($C7603,24)+1)/SUM(INDEX($D$3:$AA$30,INDEX(Jesper!$R$2:$R$366,ROW(INDEX(Jesper!AJ$2:AJ$366,ROUNDDOWN($C7603/24,0)+1,1))-1)+IF('Standard Profiles'!$G$20=$B$10,7,0)+IF('Standard Profiles'!$G$20=$B$17,14,0)+IF('Standard Profiles'!$G$20=$B$24,21,0),0)),0)</f>
        <v>0</v>
      </c>
      <c r="G7603" cm="1">
        <f t="array" ref="G7603">IFERROR(INDEX(Jesper!AK$2:AK$366,ROUNDDOWN($C7603/24,0)+1,1)*INDEX($D$3:$AA$30,INDEX(Jesper!$R$2:$R$366,ROW(INDEX(Jesper!AK$2:AK$366,ROUNDDOWN($C7603/24,0)+1,1))-1)+IF('Standard Profiles'!$G$21=$B$10,7,0)+IF('Standard Profiles'!$G$21=$B$17,14,0)+IF('Standard Profiles'!$G$21=$B$24,21,0),MOD($C7603,24)+1)/SUM(INDEX($D$3:$AA$30,INDEX(Jesper!$R$2:$R$366,ROW(INDEX(Jesper!AK$2:AK$366,ROUNDDOWN($C7603/24,0)+1,1))-1)+IF('Standard Profiles'!$G$21=$B$10,7,0)+IF('Standard Profiles'!$G$21=$B$17,14,0)+IF('Standard Profiles'!$G$21=$B$24,21,0),0)),0)</f>
        <v>0</v>
      </c>
      <c r="H7603" cm="1">
        <f t="array" ref="H7603">IFERROR(INDEX(Jesper!AL$2:AL$366,ROUNDDOWN($C7603/24,0)+1,1)*INDEX($D$3:$AA$30,INDEX(Jesper!$R$2:$R$366,ROW(INDEX(Jesper!AL$2:AL$366,ROUNDDOWN($C7603/24,0)+1,1))-1)+IF('Standard Profiles'!$G$22=$B$10,7,0)+IF('Standard Profiles'!$G$22=$B$17,14,0)+IF('Standard Profiles'!$G$22=$B$24,21,0),MOD($C7603,24)+1)/SUM(INDEX($D$3:$AA$30,INDEX(Jesper!$R$2:$R$366,ROW(INDEX(Jesper!AL$2:AL$366,ROUNDDOWN($C7603/24,0)+1,1))-1)+IF('Standard Profiles'!$G$22=$B$10,7,0)+IF('Standard Profiles'!$G$22=$B$17,14,0)+IF('Standard Profiles'!$G$22=$B$24,21,0),0)),0)</f>
        <v>0</v>
      </c>
      <c r="I7603">
        <f t="shared" si="846"/>
        <v>0.42366475556623345</v>
      </c>
      <c r="J7603">
        <f t="shared" si="847"/>
        <v>1.412215851887445</v>
      </c>
      <c r="K7603">
        <f t="shared" si="848"/>
        <v>2.1183237778311672</v>
      </c>
      <c r="L7603">
        <f t="shared" si="849"/>
        <v>10.167954133589603</v>
      </c>
      <c r="M7603">
        <f t="shared" si="850"/>
        <v>0</v>
      </c>
      <c r="N7603" s="46">
        <f t="shared" si="851"/>
        <v>45607.374999981643</v>
      </c>
    </row>
    <row r="7604" spans="2:14" x14ac:dyDescent="0.3">
      <c r="B7604">
        <f t="shared" si="845"/>
        <v>1</v>
      </c>
      <c r="C7604" s="16">
        <v>7570</v>
      </c>
      <c r="D7604" cm="1">
        <f t="array" ref="D7604">IFERROR(INDEX(Jesper!AH$2:AH$366,ROUNDDOWN($C7604/24,0)+1,1)*INDEX($D$3:$AA$30,INDEX(Jesper!$R$2:$R$366,ROW(INDEX(Jesper!AH$2:AH$366,ROUNDDOWN($C7604/24,0)+1,1))-1)+IF('Standard Profiles'!$G$18=$B$10,7,0)+IF('Standard Profiles'!$G$18=$B$17,14,0)+IF('Standard Profiles'!$G$18=$B$24,21,0),MOD($C7604,24)+1)/SUM(INDEX($D$3:$AA$30,INDEX(Jesper!$R$2:$R$366,ROW(INDEX(Jesper!AH$2:AH$366,ROUNDDOWN($C7604/24,0)+1,1))-1)+IF('Standard Profiles'!$G$18=$B$10,7,0)+IF('Standard Profiles'!$G$18=$B$17,14,0)+IF('Standard Profiles'!$G$18=$B$24,21,0),0)),0)</f>
        <v>14.12215851887445</v>
      </c>
      <c r="E7604" cm="1">
        <f t="array" ref="E7604">IFERROR(INDEX(Jesper!AI$2:AI$366,ROUNDDOWN($C7604/24,0)+1,1)*INDEX($D$3:$AA$30,INDEX(Jesper!$R$2:$R$366,ROW(INDEX(Jesper!AI$2:AI$366,ROUNDDOWN($C7604/24,0)+1,1))-1)+IF('Standard Profiles'!$G$19=$B$10,7,0)+IF('Standard Profiles'!$G$19=$B$17,14,0)+IF('Standard Profiles'!$G$19=$B$24,21,0),MOD($C7604,24)+1)/SUM(INDEX($D$3:$AA$30,INDEX(Jesper!$R$2:$R$366,ROW(INDEX(Jesper!AI$2:AI$366,ROUNDDOWN($C7604/24,0)+1,1))-1)+IF('Standard Profiles'!$G$19=$B$10,7,0)+IF('Standard Profiles'!$G$19=$B$17,14,0)+IF('Standard Profiles'!$G$19=$B$24,21,0),0)),0)</f>
        <v>0</v>
      </c>
      <c r="F7604" cm="1">
        <f t="array" ref="F7604">IFERROR(INDEX(Jesper!AJ$2:AJ$366,ROUNDDOWN($C7604/24,0)+1,1)*INDEX($D$3:$AA$30,INDEX(Jesper!$R$2:$R$366,ROW(INDEX(Jesper!AJ$2:AJ$366,ROUNDDOWN($C7604/24,0)+1,1))-1)+IF('Standard Profiles'!$G$20=$B$10,7,0)+IF('Standard Profiles'!$G$20=$B$17,14,0)+IF('Standard Profiles'!$G$20=$B$24,21,0),MOD($C7604,24)+1)/SUM(INDEX($D$3:$AA$30,INDEX(Jesper!$R$2:$R$366,ROW(INDEX(Jesper!AJ$2:AJ$366,ROUNDDOWN($C7604/24,0)+1,1))-1)+IF('Standard Profiles'!$G$20=$B$10,7,0)+IF('Standard Profiles'!$G$20=$B$17,14,0)+IF('Standard Profiles'!$G$20=$B$24,21,0),0)),0)</f>
        <v>0</v>
      </c>
      <c r="G7604" cm="1">
        <f t="array" ref="G7604">IFERROR(INDEX(Jesper!AK$2:AK$366,ROUNDDOWN($C7604/24,0)+1,1)*INDEX($D$3:$AA$30,INDEX(Jesper!$R$2:$R$366,ROW(INDEX(Jesper!AK$2:AK$366,ROUNDDOWN($C7604/24,0)+1,1))-1)+IF('Standard Profiles'!$G$21=$B$10,7,0)+IF('Standard Profiles'!$G$21=$B$17,14,0)+IF('Standard Profiles'!$G$21=$B$24,21,0),MOD($C7604,24)+1)/SUM(INDEX($D$3:$AA$30,INDEX(Jesper!$R$2:$R$366,ROW(INDEX(Jesper!AK$2:AK$366,ROUNDDOWN($C7604/24,0)+1,1))-1)+IF('Standard Profiles'!$G$21=$B$10,7,0)+IF('Standard Profiles'!$G$21=$B$17,14,0)+IF('Standard Profiles'!$G$21=$B$24,21,0),0)),0)</f>
        <v>0</v>
      </c>
      <c r="H7604" cm="1">
        <f t="array" ref="H7604">IFERROR(INDEX(Jesper!AL$2:AL$366,ROUNDDOWN($C7604/24,0)+1,1)*INDEX($D$3:$AA$30,INDEX(Jesper!$R$2:$R$366,ROW(INDEX(Jesper!AL$2:AL$366,ROUNDDOWN($C7604/24,0)+1,1))-1)+IF('Standard Profiles'!$G$22=$B$10,7,0)+IF('Standard Profiles'!$G$22=$B$17,14,0)+IF('Standard Profiles'!$G$22=$B$24,21,0),MOD($C7604,24)+1)/SUM(INDEX($D$3:$AA$30,INDEX(Jesper!$R$2:$R$366,ROW(INDEX(Jesper!AL$2:AL$366,ROUNDDOWN($C7604/24,0)+1,1))-1)+IF('Standard Profiles'!$G$22=$B$10,7,0)+IF('Standard Profiles'!$G$22=$B$17,14,0)+IF('Standard Profiles'!$G$22=$B$24,21,0),0)),0)</f>
        <v>0</v>
      </c>
      <c r="I7604">
        <f t="shared" si="846"/>
        <v>0.42366475556623345</v>
      </c>
      <c r="J7604">
        <f t="shared" si="847"/>
        <v>1.412215851887445</v>
      </c>
      <c r="K7604">
        <f t="shared" si="848"/>
        <v>2.1183237778311672</v>
      </c>
      <c r="L7604">
        <f t="shared" si="849"/>
        <v>10.167954133589603</v>
      </c>
      <c r="M7604">
        <f t="shared" si="850"/>
        <v>0</v>
      </c>
      <c r="N7604" s="46">
        <f t="shared" si="851"/>
        <v>45607.416666648307</v>
      </c>
    </row>
    <row r="7605" spans="2:14" x14ac:dyDescent="0.3">
      <c r="B7605">
        <f t="shared" si="845"/>
        <v>1</v>
      </c>
      <c r="C7605" s="16">
        <v>7571</v>
      </c>
      <c r="D7605" cm="1">
        <f t="array" ref="D7605">IFERROR(INDEX(Jesper!AH$2:AH$366,ROUNDDOWN($C7605/24,0)+1,1)*INDEX($D$3:$AA$30,INDEX(Jesper!$R$2:$R$366,ROW(INDEX(Jesper!AH$2:AH$366,ROUNDDOWN($C7605/24,0)+1,1))-1)+IF('Standard Profiles'!$G$18=$B$10,7,0)+IF('Standard Profiles'!$G$18=$B$17,14,0)+IF('Standard Profiles'!$G$18=$B$24,21,0),MOD($C7605,24)+1)/SUM(INDEX($D$3:$AA$30,INDEX(Jesper!$R$2:$R$366,ROW(INDEX(Jesper!AH$2:AH$366,ROUNDDOWN($C7605/24,0)+1,1))-1)+IF('Standard Profiles'!$G$18=$B$10,7,0)+IF('Standard Profiles'!$G$18=$B$17,14,0)+IF('Standard Profiles'!$G$18=$B$24,21,0),0)),0)</f>
        <v>17.932899706507236</v>
      </c>
      <c r="E7605" cm="1">
        <f t="array" ref="E7605">IFERROR(INDEX(Jesper!AI$2:AI$366,ROUNDDOWN($C7605/24,0)+1,1)*INDEX($D$3:$AA$30,INDEX(Jesper!$R$2:$R$366,ROW(INDEX(Jesper!AI$2:AI$366,ROUNDDOWN($C7605/24,0)+1,1))-1)+IF('Standard Profiles'!$G$19=$B$10,7,0)+IF('Standard Profiles'!$G$19=$B$17,14,0)+IF('Standard Profiles'!$G$19=$B$24,21,0),MOD($C7605,24)+1)/SUM(INDEX($D$3:$AA$30,INDEX(Jesper!$R$2:$R$366,ROW(INDEX(Jesper!AI$2:AI$366,ROUNDDOWN($C7605/24,0)+1,1))-1)+IF('Standard Profiles'!$G$19=$B$10,7,0)+IF('Standard Profiles'!$G$19=$B$17,14,0)+IF('Standard Profiles'!$G$19=$B$24,21,0),0)),0)</f>
        <v>0</v>
      </c>
      <c r="F7605" cm="1">
        <f t="array" ref="F7605">IFERROR(INDEX(Jesper!AJ$2:AJ$366,ROUNDDOWN($C7605/24,0)+1,1)*INDEX($D$3:$AA$30,INDEX(Jesper!$R$2:$R$366,ROW(INDEX(Jesper!AJ$2:AJ$366,ROUNDDOWN($C7605/24,0)+1,1))-1)+IF('Standard Profiles'!$G$20=$B$10,7,0)+IF('Standard Profiles'!$G$20=$B$17,14,0)+IF('Standard Profiles'!$G$20=$B$24,21,0),MOD($C7605,24)+1)/SUM(INDEX($D$3:$AA$30,INDEX(Jesper!$R$2:$R$366,ROW(INDEX(Jesper!AJ$2:AJ$366,ROUNDDOWN($C7605/24,0)+1,1))-1)+IF('Standard Profiles'!$G$20=$B$10,7,0)+IF('Standard Profiles'!$G$20=$B$17,14,0)+IF('Standard Profiles'!$G$20=$B$24,21,0),0)),0)</f>
        <v>0</v>
      </c>
      <c r="G7605" cm="1">
        <f t="array" ref="G7605">IFERROR(INDEX(Jesper!AK$2:AK$366,ROUNDDOWN($C7605/24,0)+1,1)*INDEX($D$3:$AA$30,INDEX(Jesper!$R$2:$R$366,ROW(INDEX(Jesper!AK$2:AK$366,ROUNDDOWN($C7605/24,0)+1,1))-1)+IF('Standard Profiles'!$G$21=$B$10,7,0)+IF('Standard Profiles'!$G$21=$B$17,14,0)+IF('Standard Profiles'!$G$21=$B$24,21,0),MOD($C7605,24)+1)/SUM(INDEX($D$3:$AA$30,INDEX(Jesper!$R$2:$R$366,ROW(INDEX(Jesper!AK$2:AK$366,ROUNDDOWN($C7605/24,0)+1,1))-1)+IF('Standard Profiles'!$G$21=$B$10,7,0)+IF('Standard Profiles'!$G$21=$B$17,14,0)+IF('Standard Profiles'!$G$21=$B$24,21,0),0)),0)</f>
        <v>0</v>
      </c>
      <c r="H7605" cm="1">
        <f t="array" ref="H7605">IFERROR(INDEX(Jesper!AL$2:AL$366,ROUNDDOWN($C7605/24,0)+1,1)*INDEX($D$3:$AA$30,INDEX(Jesper!$R$2:$R$366,ROW(INDEX(Jesper!AL$2:AL$366,ROUNDDOWN($C7605/24,0)+1,1))-1)+IF('Standard Profiles'!$G$22=$B$10,7,0)+IF('Standard Profiles'!$G$22=$B$17,14,0)+IF('Standard Profiles'!$G$22=$B$24,21,0),MOD($C7605,24)+1)/SUM(INDEX($D$3:$AA$30,INDEX(Jesper!$R$2:$R$366,ROW(INDEX(Jesper!AL$2:AL$366,ROUNDDOWN($C7605/24,0)+1,1))-1)+IF('Standard Profiles'!$G$22=$B$10,7,0)+IF('Standard Profiles'!$G$22=$B$17,14,0)+IF('Standard Profiles'!$G$22=$B$24,21,0),0)),0)</f>
        <v>0</v>
      </c>
      <c r="I7605">
        <f t="shared" si="846"/>
        <v>0.53798699119521709</v>
      </c>
      <c r="J7605">
        <f t="shared" si="847"/>
        <v>1.7932899706507237</v>
      </c>
      <c r="K7605">
        <f t="shared" si="848"/>
        <v>2.6899349559760855</v>
      </c>
      <c r="L7605">
        <f t="shared" si="849"/>
        <v>12.911687788685208</v>
      </c>
      <c r="M7605">
        <f t="shared" si="850"/>
        <v>0</v>
      </c>
      <c r="N7605" s="46">
        <f t="shared" si="851"/>
        <v>45607.458333314971</v>
      </c>
    </row>
    <row r="7606" spans="2:14" x14ac:dyDescent="0.3">
      <c r="B7606">
        <f t="shared" si="845"/>
        <v>1</v>
      </c>
      <c r="C7606" s="16">
        <v>7572</v>
      </c>
      <c r="D7606" cm="1">
        <f t="array" ref="D7606">IFERROR(INDEX(Jesper!AH$2:AH$366,ROUNDDOWN($C7606/24,0)+1,1)*INDEX($D$3:$AA$30,INDEX(Jesper!$R$2:$R$366,ROW(INDEX(Jesper!AH$2:AH$366,ROUNDDOWN($C7606/24,0)+1,1))-1)+IF('Standard Profiles'!$G$18=$B$10,7,0)+IF('Standard Profiles'!$G$18=$B$17,14,0)+IF('Standard Profiles'!$G$18=$B$24,21,0),MOD($C7606,24)+1)/SUM(INDEX($D$3:$AA$30,INDEX(Jesper!$R$2:$R$366,ROW(INDEX(Jesper!AH$2:AH$366,ROUNDDOWN($C7606/24,0)+1,1))-1)+IF('Standard Profiles'!$G$18=$B$10,7,0)+IF('Standard Profiles'!$G$18=$B$17,14,0)+IF('Standard Profiles'!$G$18=$B$24,21,0),0)),0)</f>
        <v>17.932899706507236</v>
      </c>
      <c r="E7606" cm="1">
        <f t="array" ref="E7606">IFERROR(INDEX(Jesper!AI$2:AI$366,ROUNDDOWN($C7606/24,0)+1,1)*INDEX($D$3:$AA$30,INDEX(Jesper!$R$2:$R$366,ROW(INDEX(Jesper!AI$2:AI$366,ROUNDDOWN($C7606/24,0)+1,1))-1)+IF('Standard Profiles'!$G$19=$B$10,7,0)+IF('Standard Profiles'!$G$19=$B$17,14,0)+IF('Standard Profiles'!$G$19=$B$24,21,0),MOD($C7606,24)+1)/SUM(INDEX($D$3:$AA$30,INDEX(Jesper!$R$2:$R$366,ROW(INDEX(Jesper!AI$2:AI$366,ROUNDDOWN($C7606/24,0)+1,1))-1)+IF('Standard Profiles'!$G$19=$B$10,7,0)+IF('Standard Profiles'!$G$19=$B$17,14,0)+IF('Standard Profiles'!$G$19=$B$24,21,0),0)),0)</f>
        <v>0</v>
      </c>
      <c r="F7606" cm="1">
        <f t="array" ref="F7606">IFERROR(INDEX(Jesper!AJ$2:AJ$366,ROUNDDOWN($C7606/24,0)+1,1)*INDEX($D$3:$AA$30,INDEX(Jesper!$R$2:$R$366,ROW(INDEX(Jesper!AJ$2:AJ$366,ROUNDDOWN($C7606/24,0)+1,1))-1)+IF('Standard Profiles'!$G$20=$B$10,7,0)+IF('Standard Profiles'!$G$20=$B$17,14,0)+IF('Standard Profiles'!$G$20=$B$24,21,0),MOD($C7606,24)+1)/SUM(INDEX($D$3:$AA$30,INDEX(Jesper!$R$2:$R$366,ROW(INDEX(Jesper!AJ$2:AJ$366,ROUNDDOWN($C7606/24,0)+1,1))-1)+IF('Standard Profiles'!$G$20=$B$10,7,0)+IF('Standard Profiles'!$G$20=$B$17,14,0)+IF('Standard Profiles'!$G$20=$B$24,21,0),0)),0)</f>
        <v>0</v>
      </c>
      <c r="G7606" cm="1">
        <f t="array" ref="G7606">IFERROR(INDEX(Jesper!AK$2:AK$366,ROUNDDOWN($C7606/24,0)+1,1)*INDEX($D$3:$AA$30,INDEX(Jesper!$R$2:$R$366,ROW(INDEX(Jesper!AK$2:AK$366,ROUNDDOWN($C7606/24,0)+1,1))-1)+IF('Standard Profiles'!$G$21=$B$10,7,0)+IF('Standard Profiles'!$G$21=$B$17,14,0)+IF('Standard Profiles'!$G$21=$B$24,21,0),MOD($C7606,24)+1)/SUM(INDEX($D$3:$AA$30,INDEX(Jesper!$R$2:$R$366,ROW(INDEX(Jesper!AK$2:AK$366,ROUNDDOWN($C7606/24,0)+1,1))-1)+IF('Standard Profiles'!$G$21=$B$10,7,0)+IF('Standard Profiles'!$G$21=$B$17,14,0)+IF('Standard Profiles'!$G$21=$B$24,21,0),0)),0)</f>
        <v>0</v>
      </c>
      <c r="H7606" cm="1">
        <f t="array" ref="H7606">IFERROR(INDEX(Jesper!AL$2:AL$366,ROUNDDOWN($C7606/24,0)+1,1)*INDEX($D$3:$AA$30,INDEX(Jesper!$R$2:$R$366,ROW(INDEX(Jesper!AL$2:AL$366,ROUNDDOWN($C7606/24,0)+1,1))-1)+IF('Standard Profiles'!$G$22=$B$10,7,0)+IF('Standard Profiles'!$G$22=$B$17,14,0)+IF('Standard Profiles'!$G$22=$B$24,21,0),MOD($C7606,24)+1)/SUM(INDEX($D$3:$AA$30,INDEX(Jesper!$R$2:$R$366,ROW(INDEX(Jesper!AL$2:AL$366,ROUNDDOWN($C7606/24,0)+1,1))-1)+IF('Standard Profiles'!$G$22=$B$10,7,0)+IF('Standard Profiles'!$G$22=$B$17,14,0)+IF('Standard Profiles'!$G$22=$B$24,21,0),0)),0)</f>
        <v>0</v>
      </c>
      <c r="I7606">
        <f t="shared" si="846"/>
        <v>0.53798699119521709</v>
      </c>
      <c r="J7606">
        <f t="shared" si="847"/>
        <v>1.7932899706507237</v>
      </c>
      <c r="K7606">
        <f t="shared" si="848"/>
        <v>2.6899349559760855</v>
      </c>
      <c r="L7606">
        <f t="shared" si="849"/>
        <v>12.911687788685208</v>
      </c>
      <c r="M7606">
        <f t="shared" si="850"/>
        <v>0</v>
      </c>
      <c r="N7606" s="46">
        <f t="shared" si="851"/>
        <v>45607.499999981635</v>
      </c>
    </row>
    <row r="7607" spans="2:14" x14ac:dyDescent="0.3">
      <c r="B7607">
        <f t="shared" si="845"/>
        <v>1</v>
      </c>
      <c r="C7607" s="16">
        <v>7573</v>
      </c>
      <c r="D7607" cm="1">
        <f t="array" ref="D7607">IFERROR(INDEX(Jesper!AH$2:AH$366,ROUNDDOWN($C7607/24,0)+1,1)*INDEX($D$3:$AA$30,INDEX(Jesper!$R$2:$R$366,ROW(INDEX(Jesper!AH$2:AH$366,ROUNDDOWN($C7607/24,0)+1,1))-1)+IF('Standard Profiles'!$G$18=$B$10,7,0)+IF('Standard Profiles'!$G$18=$B$17,14,0)+IF('Standard Profiles'!$G$18=$B$24,21,0),MOD($C7607,24)+1)/SUM(INDEX($D$3:$AA$30,INDEX(Jesper!$R$2:$R$366,ROW(INDEX(Jesper!AH$2:AH$366,ROUNDDOWN($C7607/24,0)+1,1))-1)+IF('Standard Profiles'!$G$18=$B$10,7,0)+IF('Standard Profiles'!$G$18=$B$17,14,0)+IF('Standard Profiles'!$G$18=$B$24,21,0),0)),0)</f>
        <v>11.880546055561044</v>
      </c>
      <c r="E7607" cm="1">
        <f t="array" ref="E7607">IFERROR(INDEX(Jesper!AI$2:AI$366,ROUNDDOWN($C7607/24,0)+1,1)*INDEX($D$3:$AA$30,INDEX(Jesper!$R$2:$R$366,ROW(INDEX(Jesper!AI$2:AI$366,ROUNDDOWN($C7607/24,0)+1,1))-1)+IF('Standard Profiles'!$G$19=$B$10,7,0)+IF('Standard Profiles'!$G$19=$B$17,14,0)+IF('Standard Profiles'!$G$19=$B$24,21,0),MOD($C7607,24)+1)/SUM(INDEX($D$3:$AA$30,INDEX(Jesper!$R$2:$R$366,ROW(INDEX(Jesper!AI$2:AI$366,ROUNDDOWN($C7607/24,0)+1,1))-1)+IF('Standard Profiles'!$G$19=$B$10,7,0)+IF('Standard Profiles'!$G$19=$B$17,14,0)+IF('Standard Profiles'!$G$19=$B$24,21,0),0)),0)</f>
        <v>0</v>
      </c>
      <c r="F7607" cm="1">
        <f t="array" ref="F7607">IFERROR(INDEX(Jesper!AJ$2:AJ$366,ROUNDDOWN($C7607/24,0)+1,1)*INDEX($D$3:$AA$30,INDEX(Jesper!$R$2:$R$366,ROW(INDEX(Jesper!AJ$2:AJ$366,ROUNDDOWN($C7607/24,0)+1,1))-1)+IF('Standard Profiles'!$G$20=$B$10,7,0)+IF('Standard Profiles'!$G$20=$B$17,14,0)+IF('Standard Profiles'!$G$20=$B$24,21,0),MOD($C7607,24)+1)/SUM(INDEX($D$3:$AA$30,INDEX(Jesper!$R$2:$R$366,ROW(INDEX(Jesper!AJ$2:AJ$366,ROUNDDOWN($C7607/24,0)+1,1))-1)+IF('Standard Profiles'!$G$20=$B$10,7,0)+IF('Standard Profiles'!$G$20=$B$17,14,0)+IF('Standard Profiles'!$G$20=$B$24,21,0),0)),0)</f>
        <v>0</v>
      </c>
      <c r="G7607" cm="1">
        <f t="array" ref="G7607">IFERROR(INDEX(Jesper!AK$2:AK$366,ROUNDDOWN($C7607/24,0)+1,1)*INDEX($D$3:$AA$30,INDEX(Jesper!$R$2:$R$366,ROW(INDEX(Jesper!AK$2:AK$366,ROUNDDOWN($C7607/24,0)+1,1))-1)+IF('Standard Profiles'!$G$21=$B$10,7,0)+IF('Standard Profiles'!$G$21=$B$17,14,0)+IF('Standard Profiles'!$G$21=$B$24,21,0),MOD($C7607,24)+1)/SUM(INDEX($D$3:$AA$30,INDEX(Jesper!$R$2:$R$366,ROW(INDEX(Jesper!AK$2:AK$366,ROUNDDOWN($C7607/24,0)+1,1))-1)+IF('Standard Profiles'!$G$21=$B$10,7,0)+IF('Standard Profiles'!$G$21=$B$17,14,0)+IF('Standard Profiles'!$G$21=$B$24,21,0),0)),0)</f>
        <v>0</v>
      </c>
      <c r="H7607" cm="1">
        <f t="array" ref="H7607">IFERROR(INDEX(Jesper!AL$2:AL$366,ROUNDDOWN($C7607/24,0)+1,1)*INDEX($D$3:$AA$30,INDEX(Jesper!$R$2:$R$366,ROW(INDEX(Jesper!AL$2:AL$366,ROUNDDOWN($C7607/24,0)+1,1))-1)+IF('Standard Profiles'!$G$22=$B$10,7,0)+IF('Standard Profiles'!$G$22=$B$17,14,0)+IF('Standard Profiles'!$G$22=$B$24,21,0),MOD($C7607,24)+1)/SUM(INDEX($D$3:$AA$30,INDEX(Jesper!$R$2:$R$366,ROW(INDEX(Jesper!AL$2:AL$366,ROUNDDOWN($C7607/24,0)+1,1))-1)+IF('Standard Profiles'!$G$22=$B$10,7,0)+IF('Standard Profiles'!$G$22=$B$17,14,0)+IF('Standard Profiles'!$G$22=$B$24,21,0),0)),0)</f>
        <v>0</v>
      </c>
      <c r="I7607">
        <f t="shared" si="846"/>
        <v>0.35641638166683132</v>
      </c>
      <c r="J7607">
        <f t="shared" si="847"/>
        <v>1.1880546055561045</v>
      </c>
      <c r="K7607">
        <f t="shared" si="848"/>
        <v>1.7820819083341566</v>
      </c>
      <c r="L7607">
        <f t="shared" si="849"/>
        <v>8.5539931600039516</v>
      </c>
      <c r="M7607">
        <f t="shared" si="850"/>
        <v>0</v>
      </c>
      <c r="N7607" s="46">
        <f t="shared" si="851"/>
        <v>45607.5416666483</v>
      </c>
    </row>
    <row r="7608" spans="2:14" x14ac:dyDescent="0.3">
      <c r="B7608">
        <f t="shared" si="845"/>
        <v>1</v>
      </c>
      <c r="C7608" s="16">
        <v>7574</v>
      </c>
      <c r="D7608" cm="1">
        <f t="array" ref="D7608">IFERROR(INDEX(Jesper!AH$2:AH$366,ROUNDDOWN($C7608/24,0)+1,1)*INDEX($D$3:$AA$30,INDEX(Jesper!$R$2:$R$366,ROW(INDEX(Jesper!AH$2:AH$366,ROUNDDOWN($C7608/24,0)+1,1))-1)+IF('Standard Profiles'!$G$18=$B$10,7,0)+IF('Standard Profiles'!$G$18=$B$17,14,0)+IF('Standard Profiles'!$G$18=$B$24,21,0),MOD($C7608,24)+1)/SUM(INDEX($D$3:$AA$30,INDEX(Jesper!$R$2:$R$366,ROW(INDEX(Jesper!AH$2:AH$366,ROUNDDOWN($C7608/24,0)+1,1))-1)+IF('Standard Profiles'!$G$18=$B$10,7,0)+IF('Standard Profiles'!$G$18=$B$17,14,0)+IF('Standard Profiles'!$G$18=$B$24,21,0),0)),0)</f>
        <v>17.932899706507236</v>
      </c>
      <c r="E7608" cm="1">
        <f t="array" ref="E7608">IFERROR(INDEX(Jesper!AI$2:AI$366,ROUNDDOWN($C7608/24,0)+1,1)*INDEX($D$3:$AA$30,INDEX(Jesper!$R$2:$R$366,ROW(INDEX(Jesper!AI$2:AI$366,ROUNDDOWN($C7608/24,0)+1,1))-1)+IF('Standard Profiles'!$G$19=$B$10,7,0)+IF('Standard Profiles'!$G$19=$B$17,14,0)+IF('Standard Profiles'!$G$19=$B$24,21,0),MOD($C7608,24)+1)/SUM(INDEX($D$3:$AA$30,INDEX(Jesper!$R$2:$R$366,ROW(INDEX(Jesper!AI$2:AI$366,ROUNDDOWN($C7608/24,0)+1,1))-1)+IF('Standard Profiles'!$G$19=$B$10,7,0)+IF('Standard Profiles'!$G$19=$B$17,14,0)+IF('Standard Profiles'!$G$19=$B$24,21,0),0)),0)</f>
        <v>0</v>
      </c>
      <c r="F7608" cm="1">
        <f t="array" ref="F7608">IFERROR(INDEX(Jesper!AJ$2:AJ$366,ROUNDDOWN($C7608/24,0)+1,1)*INDEX($D$3:$AA$30,INDEX(Jesper!$R$2:$R$366,ROW(INDEX(Jesper!AJ$2:AJ$366,ROUNDDOWN($C7608/24,0)+1,1))-1)+IF('Standard Profiles'!$G$20=$B$10,7,0)+IF('Standard Profiles'!$G$20=$B$17,14,0)+IF('Standard Profiles'!$G$20=$B$24,21,0),MOD($C7608,24)+1)/SUM(INDEX($D$3:$AA$30,INDEX(Jesper!$R$2:$R$366,ROW(INDEX(Jesper!AJ$2:AJ$366,ROUNDDOWN($C7608/24,0)+1,1))-1)+IF('Standard Profiles'!$G$20=$B$10,7,0)+IF('Standard Profiles'!$G$20=$B$17,14,0)+IF('Standard Profiles'!$G$20=$B$24,21,0),0)),0)</f>
        <v>0</v>
      </c>
      <c r="G7608" cm="1">
        <f t="array" ref="G7608">IFERROR(INDEX(Jesper!AK$2:AK$366,ROUNDDOWN($C7608/24,0)+1,1)*INDEX($D$3:$AA$30,INDEX(Jesper!$R$2:$R$366,ROW(INDEX(Jesper!AK$2:AK$366,ROUNDDOWN($C7608/24,0)+1,1))-1)+IF('Standard Profiles'!$G$21=$B$10,7,0)+IF('Standard Profiles'!$G$21=$B$17,14,0)+IF('Standard Profiles'!$G$21=$B$24,21,0),MOD($C7608,24)+1)/SUM(INDEX($D$3:$AA$30,INDEX(Jesper!$R$2:$R$366,ROW(INDEX(Jesper!AK$2:AK$366,ROUNDDOWN($C7608/24,0)+1,1))-1)+IF('Standard Profiles'!$G$21=$B$10,7,0)+IF('Standard Profiles'!$G$21=$B$17,14,0)+IF('Standard Profiles'!$G$21=$B$24,21,0),0)),0)</f>
        <v>0</v>
      </c>
      <c r="H7608" cm="1">
        <f t="array" ref="H7608">IFERROR(INDEX(Jesper!AL$2:AL$366,ROUNDDOWN($C7608/24,0)+1,1)*INDEX($D$3:$AA$30,INDEX(Jesper!$R$2:$R$366,ROW(INDEX(Jesper!AL$2:AL$366,ROUNDDOWN($C7608/24,0)+1,1))-1)+IF('Standard Profiles'!$G$22=$B$10,7,0)+IF('Standard Profiles'!$G$22=$B$17,14,0)+IF('Standard Profiles'!$G$22=$B$24,21,0),MOD($C7608,24)+1)/SUM(INDEX($D$3:$AA$30,INDEX(Jesper!$R$2:$R$366,ROW(INDEX(Jesper!AL$2:AL$366,ROUNDDOWN($C7608/24,0)+1,1))-1)+IF('Standard Profiles'!$G$22=$B$10,7,0)+IF('Standard Profiles'!$G$22=$B$17,14,0)+IF('Standard Profiles'!$G$22=$B$24,21,0),0)),0)</f>
        <v>0</v>
      </c>
      <c r="I7608">
        <f t="shared" si="846"/>
        <v>0.53798699119521709</v>
      </c>
      <c r="J7608">
        <f t="shared" si="847"/>
        <v>1.7932899706507237</v>
      </c>
      <c r="K7608">
        <f t="shared" si="848"/>
        <v>2.6899349559760855</v>
      </c>
      <c r="L7608">
        <f t="shared" si="849"/>
        <v>12.911687788685208</v>
      </c>
      <c r="M7608">
        <f t="shared" si="850"/>
        <v>0</v>
      </c>
      <c r="N7608" s="46">
        <f t="shared" si="851"/>
        <v>45607.583333314964</v>
      </c>
    </row>
    <row r="7609" spans="2:14" x14ac:dyDescent="0.3">
      <c r="B7609">
        <f t="shared" si="845"/>
        <v>1</v>
      </c>
      <c r="C7609" s="16">
        <v>7575</v>
      </c>
      <c r="D7609" cm="1">
        <f t="array" ref="D7609">IFERROR(INDEX(Jesper!AH$2:AH$366,ROUNDDOWN($C7609/24,0)+1,1)*INDEX($D$3:$AA$30,INDEX(Jesper!$R$2:$R$366,ROW(INDEX(Jesper!AH$2:AH$366,ROUNDDOWN($C7609/24,0)+1,1))-1)+IF('Standard Profiles'!$G$18=$B$10,7,0)+IF('Standard Profiles'!$G$18=$B$17,14,0)+IF('Standard Profiles'!$G$18=$B$24,21,0),MOD($C7609,24)+1)/SUM(INDEX($D$3:$AA$30,INDEX(Jesper!$R$2:$R$366,ROW(INDEX(Jesper!AH$2:AH$366,ROUNDDOWN($C7609/24,0)+1,1))-1)+IF('Standard Profiles'!$G$18=$B$10,7,0)+IF('Standard Profiles'!$G$18=$B$17,14,0)+IF('Standard Profiles'!$G$18=$B$24,21,0),0)),0)</f>
        <v>17.932899706507236</v>
      </c>
      <c r="E7609" cm="1">
        <f t="array" ref="E7609">IFERROR(INDEX(Jesper!AI$2:AI$366,ROUNDDOWN($C7609/24,0)+1,1)*INDEX($D$3:$AA$30,INDEX(Jesper!$R$2:$R$366,ROW(INDEX(Jesper!AI$2:AI$366,ROUNDDOWN($C7609/24,0)+1,1))-1)+IF('Standard Profiles'!$G$19=$B$10,7,0)+IF('Standard Profiles'!$G$19=$B$17,14,0)+IF('Standard Profiles'!$G$19=$B$24,21,0),MOD($C7609,24)+1)/SUM(INDEX($D$3:$AA$30,INDEX(Jesper!$R$2:$R$366,ROW(INDEX(Jesper!AI$2:AI$366,ROUNDDOWN($C7609/24,0)+1,1))-1)+IF('Standard Profiles'!$G$19=$B$10,7,0)+IF('Standard Profiles'!$G$19=$B$17,14,0)+IF('Standard Profiles'!$G$19=$B$24,21,0),0)),0)</f>
        <v>0</v>
      </c>
      <c r="F7609" cm="1">
        <f t="array" ref="F7609">IFERROR(INDEX(Jesper!AJ$2:AJ$366,ROUNDDOWN($C7609/24,0)+1,1)*INDEX($D$3:$AA$30,INDEX(Jesper!$R$2:$R$366,ROW(INDEX(Jesper!AJ$2:AJ$366,ROUNDDOWN($C7609/24,0)+1,1))-1)+IF('Standard Profiles'!$G$20=$B$10,7,0)+IF('Standard Profiles'!$G$20=$B$17,14,0)+IF('Standard Profiles'!$G$20=$B$24,21,0),MOD($C7609,24)+1)/SUM(INDEX($D$3:$AA$30,INDEX(Jesper!$R$2:$R$366,ROW(INDEX(Jesper!AJ$2:AJ$366,ROUNDDOWN($C7609/24,0)+1,1))-1)+IF('Standard Profiles'!$G$20=$B$10,7,0)+IF('Standard Profiles'!$G$20=$B$17,14,0)+IF('Standard Profiles'!$G$20=$B$24,21,0),0)),0)</f>
        <v>0</v>
      </c>
      <c r="G7609" cm="1">
        <f t="array" ref="G7609">IFERROR(INDEX(Jesper!AK$2:AK$366,ROUNDDOWN($C7609/24,0)+1,1)*INDEX($D$3:$AA$30,INDEX(Jesper!$R$2:$R$366,ROW(INDEX(Jesper!AK$2:AK$366,ROUNDDOWN($C7609/24,0)+1,1))-1)+IF('Standard Profiles'!$G$21=$B$10,7,0)+IF('Standard Profiles'!$G$21=$B$17,14,0)+IF('Standard Profiles'!$G$21=$B$24,21,0),MOD($C7609,24)+1)/SUM(INDEX($D$3:$AA$30,INDEX(Jesper!$R$2:$R$366,ROW(INDEX(Jesper!AK$2:AK$366,ROUNDDOWN($C7609/24,0)+1,1))-1)+IF('Standard Profiles'!$G$21=$B$10,7,0)+IF('Standard Profiles'!$G$21=$B$17,14,0)+IF('Standard Profiles'!$G$21=$B$24,21,0),0)),0)</f>
        <v>0</v>
      </c>
      <c r="H7609" cm="1">
        <f t="array" ref="H7609">IFERROR(INDEX(Jesper!AL$2:AL$366,ROUNDDOWN($C7609/24,0)+1,1)*INDEX($D$3:$AA$30,INDEX(Jesper!$R$2:$R$366,ROW(INDEX(Jesper!AL$2:AL$366,ROUNDDOWN($C7609/24,0)+1,1))-1)+IF('Standard Profiles'!$G$22=$B$10,7,0)+IF('Standard Profiles'!$G$22=$B$17,14,0)+IF('Standard Profiles'!$G$22=$B$24,21,0),MOD($C7609,24)+1)/SUM(INDEX($D$3:$AA$30,INDEX(Jesper!$R$2:$R$366,ROW(INDEX(Jesper!AL$2:AL$366,ROUNDDOWN($C7609/24,0)+1,1))-1)+IF('Standard Profiles'!$G$22=$B$10,7,0)+IF('Standard Profiles'!$G$22=$B$17,14,0)+IF('Standard Profiles'!$G$22=$B$24,21,0),0)),0)</f>
        <v>0</v>
      </c>
      <c r="I7609">
        <f t="shared" si="846"/>
        <v>0.53798699119521709</v>
      </c>
      <c r="J7609">
        <f t="shared" si="847"/>
        <v>1.7932899706507237</v>
      </c>
      <c r="K7609">
        <f t="shared" si="848"/>
        <v>2.6899349559760855</v>
      </c>
      <c r="L7609">
        <f t="shared" si="849"/>
        <v>12.911687788685208</v>
      </c>
      <c r="M7609">
        <f t="shared" si="850"/>
        <v>0</v>
      </c>
      <c r="N7609" s="46">
        <f t="shared" si="851"/>
        <v>45607.624999981628</v>
      </c>
    </row>
    <row r="7610" spans="2:14" x14ac:dyDescent="0.3">
      <c r="B7610">
        <f t="shared" si="845"/>
        <v>1</v>
      </c>
      <c r="C7610" s="16">
        <v>7576</v>
      </c>
      <c r="D7610" cm="1">
        <f t="array" ref="D7610">IFERROR(INDEX(Jesper!AH$2:AH$366,ROUNDDOWN($C7610/24,0)+1,1)*INDEX($D$3:$AA$30,INDEX(Jesper!$R$2:$R$366,ROW(INDEX(Jesper!AH$2:AH$366,ROUNDDOWN($C7610/24,0)+1,1))-1)+IF('Standard Profiles'!$G$18=$B$10,7,0)+IF('Standard Profiles'!$G$18=$B$17,14,0)+IF('Standard Profiles'!$G$18=$B$24,21,0),MOD($C7610,24)+1)/SUM(INDEX($D$3:$AA$30,INDEX(Jesper!$R$2:$R$366,ROW(INDEX(Jesper!AH$2:AH$366,ROUNDDOWN($C7610/24,0)+1,1))-1)+IF('Standard Profiles'!$G$18=$B$10,7,0)+IF('Standard Profiles'!$G$18=$B$17,14,0)+IF('Standard Profiles'!$G$18=$B$24,21,0),0)),0)</f>
        <v>17.932899706507236</v>
      </c>
      <c r="E7610" cm="1">
        <f t="array" ref="E7610">IFERROR(INDEX(Jesper!AI$2:AI$366,ROUNDDOWN($C7610/24,0)+1,1)*INDEX($D$3:$AA$30,INDEX(Jesper!$R$2:$R$366,ROW(INDEX(Jesper!AI$2:AI$366,ROUNDDOWN($C7610/24,0)+1,1))-1)+IF('Standard Profiles'!$G$19=$B$10,7,0)+IF('Standard Profiles'!$G$19=$B$17,14,0)+IF('Standard Profiles'!$G$19=$B$24,21,0),MOD($C7610,24)+1)/SUM(INDEX($D$3:$AA$30,INDEX(Jesper!$R$2:$R$366,ROW(INDEX(Jesper!AI$2:AI$366,ROUNDDOWN($C7610/24,0)+1,1))-1)+IF('Standard Profiles'!$G$19=$B$10,7,0)+IF('Standard Profiles'!$G$19=$B$17,14,0)+IF('Standard Profiles'!$G$19=$B$24,21,0),0)),0)</f>
        <v>0</v>
      </c>
      <c r="F7610" cm="1">
        <f t="array" ref="F7610">IFERROR(INDEX(Jesper!AJ$2:AJ$366,ROUNDDOWN($C7610/24,0)+1,1)*INDEX($D$3:$AA$30,INDEX(Jesper!$R$2:$R$366,ROW(INDEX(Jesper!AJ$2:AJ$366,ROUNDDOWN($C7610/24,0)+1,1))-1)+IF('Standard Profiles'!$G$20=$B$10,7,0)+IF('Standard Profiles'!$G$20=$B$17,14,0)+IF('Standard Profiles'!$G$20=$B$24,21,0),MOD($C7610,24)+1)/SUM(INDEX($D$3:$AA$30,INDEX(Jesper!$R$2:$R$366,ROW(INDEX(Jesper!AJ$2:AJ$366,ROUNDDOWN($C7610/24,0)+1,1))-1)+IF('Standard Profiles'!$G$20=$B$10,7,0)+IF('Standard Profiles'!$G$20=$B$17,14,0)+IF('Standard Profiles'!$G$20=$B$24,21,0),0)),0)</f>
        <v>0</v>
      </c>
      <c r="G7610" cm="1">
        <f t="array" ref="G7610">IFERROR(INDEX(Jesper!AK$2:AK$366,ROUNDDOWN($C7610/24,0)+1,1)*INDEX($D$3:$AA$30,INDEX(Jesper!$R$2:$R$366,ROW(INDEX(Jesper!AK$2:AK$366,ROUNDDOWN($C7610/24,0)+1,1))-1)+IF('Standard Profiles'!$G$21=$B$10,7,0)+IF('Standard Profiles'!$G$21=$B$17,14,0)+IF('Standard Profiles'!$G$21=$B$24,21,0),MOD($C7610,24)+1)/SUM(INDEX($D$3:$AA$30,INDEX(Jesper!$R$2:$R$366,ROW(INDEX(Jesper!AK$2:AK$366,ROUNDDOWN($C7610/24,0)+1,1))-1)+IF('Standard Profiles'!$G$21=$B$10,7,0)+IF('Standard Profiles'!$G$21=$B$17,14,0)+IF('Standard Profiles'!$G$21=$B$24,21,0),0)),0)</f>
        <v>0</v>
      </c>
      <c r="H7610" cm="1">
        <f t="array" ref="H7610">IFERROR(INDEX(Jesper!AL$2:AL$366,ROUNDDOWN($C7610/24,0)+1,1)*INDEX($D$3:$AA$30,INDEX(Jesper!$R$2:$R$366,ROW(INDEX(Jesper!AL$2:AL$366,ROUNDDOWN($C7610/24,0)+1,1))-1)+IF('Standard Profiles'!$G$22=$B$10,7,0)+IF('Standard Profiles'!$G$22=$B$17,14,0)+IF('Standard Profiles'!$G$22=$B$24,21,0),MOD($C7610,24)+1)/SUM(INDEX($D$3:$AA$30,INDEX(Jesper!$R$2:$R$366,ROW(INDEX(Jesper!AL$2:AL$366,ROUNDDOWN($C7610/24,0)+1,1))-1)+IF('Standard Profiles'!$G$22=$B$10,7,0)+IF('Standard Profiles'!$G$22=$B$17,14,0)+IF('Standard Profiles'!$G$22=$B$24,21,0),0)),0)</f>
        <v>0</v>
      </c>
      <c r="I7610">
        <f t="shared" si="846"/>
        <v>0.53798699119521709</v>
      </c>
      <c r="J7610">
        <f t="shared" si="847"/>
        <v>1.7932899706507237</v>
      </c>
      <c r="K7610">
        <f t="shared" si="848"/>
        <v>2.6899349559760855</v>
      </c>
      <c r="L7610">
        <f t="shared" si="849"/>
        <v>12.911687788685208</v>
      </c>
      <c r="M7610">
        <f t="shared" si="850"/>
        <v>0</v>
      </c>
      <c r="N7610" s="46">
        <f t="shared" si="851"/>
        <v>45607.666666648292</v>
      </c>
    </row>
    <row r="7611" spans="2:14" x14ac:dyDescent="0.3">
      <c r="B7611">
        <f t="shared" si="845"/>
        <v>1</v>
      </c>
      <c r="C7611" s="16">
        <v>7577</v>
      </c>
      <c r="D7611" cm="1">
        <f t="array" ref="D7611">IFERROR(INDEX(Jesper!AH$2:AH$366,ROUNDDOWN($C7611/24,0)+1,1)*INDEX($D$3:$AA$30,INDEX(Jesper!$R$2:$R$366,ROW(INDEX(Jesper!AH$2:AH$366,ROUNDDOWN($C7611/24,0)+1,1))-1)+IF('Standard Profiles'!$G$18=$B$10,7,0)+IF('Standard Profiles'!$G$18=$B$17,14,0)+IF('Standard Profiles'!$G$18=$B$24,21,0),MOD($C7611,24)+1)/SUM(INDEX($D$3:$AA$30,INDEX(Jesper!$R$2:$R$366,ROW(INDEX(Jesper!AH$2:AH$366,ROUNDDOWN($C7611/24,0)+1,1))-1)+IF('Standard Profiles'!$G$18=$B$10,7,0)+IF('Standard Profiles'!$G$18=$B$17,14,0)+IF('Standard Profiles'!$G$18=$B$24,21,0),0)),0)</f>
        <v>17.932899706507236</v>
      </c>
      <c r="E7611" cm="1">
        <f t="array" ref="E7611">IFERROR(INDEX(Jesper!AI$2:AI$366,ROUNDDOWN($C7611/24,0)+1,1)*INDEX($D$3:$AA$30,INDEX(Jesper!$R$2:$R$366,ROW(INDEX(Jesper!AI$2:AI$366,ROUNDDOWN($C7611/24,0)+1,1))-1)+IF('Standard Profiles'!$G$19=$B$10,7,0)+IF('Standard Profiles'!$G$19=$B$17,14,0)+IF('Standard Profiles'!$G$19=$B$24,21,0),MOD($C7611,24)+1)/SUM(INDEX($D$3:$AA$30,INDEX(Jesper!$R$2:$R$366,ROW(INDEX(Jesper!AI$2:AI$366,ROUNDDOWN($C7611/24,0)+1,1))-1)+IF('Standard Profiles'!$G$19=$B$10,7,0)+IF('Standard Profiles'!$G$19=$B$17,14,0)+IF('Standard Profiles'!$G$19=$B$24,21,0),0)),0)</f>
        <v>0</v>
      </c>
      <c r="F7611" cm="1">
        <f t="array" ref="F7611">IFERROR(INDEX(Jesper!AJ$2:AJ$366,ROUNDDOWN($C7611/24,0)+1,1)*INDEX($D$3:$AA$30,INDEX(Jesper!$R$2:$R$366,ROW(INDEX(Jesper!AJ$2:AJ$366,ROUNDDOWN($C7611/24,0)+1,1))-1)+IF('Standard Profiles'!$G$20=$B$10,7,0)+IF('Standard Profiles'!$G$20=$B$17,14,0)+IF('Standard Profiles'!$G$20=$B$24,21,0),MOD($C7611,24)+1)/SUM(INDEX($D$3:$AA$30,INDEX(Jesper!$R$2:$R$366,ROW(INDEX(Jesper!AJ$2:AJ$366,ROUNDDOWN($C7611/24,0)+1,1))-1)+IF('Standard Profiles'!$G$20=$B$10,7,0)+IF('Standard Profiles'!$G$20=$B$17,14,0)+IF('Standard Profiles'!$G$20=$B$24,21,0),0)),0)</f>
        <v>0</v>
      </c>
      <c r="G7611" cm="1">
        <f t="array" ref="G7611">IFERROR(INDEX(Jesper!AK$2:AK$366,ROUNDDOWN($C7611/24,0)+1,1)*INDEX($D$3:$AA$30,INDEX(Jesper!$R$2:$R$366,ROW(INDEX(Jesper!AK$2:AK$366,ROUNDDOWN($C7611/24,0)+1,1))-1)+IF('Standard Profiles'!$G$21=$B$10,7,0)+IF('Standard Profiles'!$G$21=$B$17,14,0)+IF('Standard Profiles'!$G$21=$B$24,21,0),MOD($C7611,24)+1)/SUM(INDEX($D$3:$AA$30,INDEX(Jesper!$R$2:$R$366,ROW(INDEX(Jesper!AK$2:AK$366,ROUNDDOWN($C7611/24,0)+1,1))-1)+IF('Standard Profiles'!$G$21=$B$10,7,0)+IF('Standard Profiles'!$G$21=$B$17,14,0)+IF('Standard Profiles'!$G$21=$B$24,21,0),0)),0)</f>
        <v>0</v>
      </c>
      <c r="H7611" cm="1">
        <f t="array" ref="H7611">IFERROR(INDEX(Jesper!AL$2:AL$366,ROUNDDOWN($C7611/24,0)+1,1)*INDEX($D$3:$AA$30,INDEX(Jesper!$R$2:$R$366,ROW(INDEX(Jesper!AL$2:AL$366,ROUNDDOWN($C7611/24,0)+1,1))-1)+IF('Standard Profiles'!$G$22=$B$10,7,0)+IF('Standard Profiles'!$G$22=$B$17,14,0)+IF('Standard Profiles'!$G$22=$B$24,21,0),MOD($C7611,24)+1)/SUM(INDEX($D$3:$AA$30,INDEX(Jesper!$R$2:$R$366,ROW(INDEX(Jesper!AL$2:AL$366,ROUNDDOWN($C7611/24,0)+1,1))-1)+IF('Standard Profiles'!$G$22=$B$10,7,0)+IF('Standard Profiles'!$G$22=$B$17,14,0)+IF('Standard Profiles'!$G$22=$B$24,21,0),0)),0)</f>
        <v>0</v>
      </c>
      <c r="I7611">
        <f t="shared" si="846"/>
        <v>0.53798699119521709</v>
      </c>
      <c r="J7611">
        <f t="shared" si="847"/>
        <v>1.7932899706507237</v>
      </c>
      <c r="K7611">
        <f t="shared" si="848"/>
        <v>2.6899349559760855</v>
      </c>
      <c r="L7611">
        <f t="shared" si="849"/>
        <v>12.911687788685208</v>
      </c>
      <c r="M7611">
        <f t="shared" si="850"/>
        <v>0</v>
      </c>
      <c r="N7611" s="46">
        <f t="shared" si="851"/>
        <v>45607.708333314957</v>
      </c>
    </row>
    <row r="7612" spans="2:14" x14ac:dyDescent="0.3">
      <c r="B7612">
        <f t="shared" si="845"/>
        <v>1</v>
      </c>
      <c r="C7612" s="16">
        <v>7578</v>
      </c>
      <c r="D7612" cm="1">
        <f t="array" ref="D7612">IFERROR(INDEX(Jesper!AH$2:AH$366,ROUNDDOWN($C7612/24,0)+1,1)*INDEX($D$3:$AA$30,INDEX(Jesper!$R$2:$R$366,ROW(INDEX(Jesper!AH$2:AH$366,ROUNDDOWN($C7612/24,0)+1,1))-1)+IF('Standard Profiles'!$G$18=$B$10,7,0)+IF('Standard Profiles'!$G$18=$B$17,14,0)+IF('Standard Profiles'!$G$18=$B$24,21,0),MOD($C7612,24)+1)/SUM(INDEX($D$3:$AA$30,INDEX(Jesper!$R$2:$R$366,ROW(INDEX(Jesper!AH$2:AH$366,ROUNDDOWN($C7612/24,0)+1,1))-1)+IF('Standard Profiles'!$G$18=$B$10,7,0)+IF('Standard Profiles'!$G$18=$B$17,14,0)+IF('Standard Profiles'!$G$18=$B$24,21,0),0)),0)</f>
        <v>17.932899706507236</v>
      </c>
      <c r="E7612" cm="1">
        <f t="array" ref="E7612">IFERROR(INDEX(Jesper!AI$2:AI$366,ROUNDDOWN($C7612/24,0)+1,1)*INDEX($D$3:$AA$30,INDEX(Jesper!$R$2:$R$366,ROW(INDEX(Jesper!AI$2:AI$366,ROUNDDOWN($C7612/24,0)+1,1))-1)+IF('Standard Profiles'!$G$19=$B$10,7,0)+IF('Standard Profiles'!$G$19=$B$17,14,0)+IF('Standard Profiles'!$G$19=$B$24,21,0),MOD($C7612,24)+1)/SUM(INDEX($D$3:$AA$30,INDEX(Jesper!$R$2:$R$366,ROW(INDEX(Jesper!AI$2:AI$366,ROUNDDOWN($C7612/24,0)+1,1))-1)+IF('Standard Profiles'!$G$19=$B$10,7,0)+IF('Standard Profiles'!$G$19=$B$17,14,0)+IF('Standard Profiles'!$G$19=$B$24,21,0),0)),0)</f>
        <v>0</v>
      </c>
      <c r="F7612" cm="1">
        <f t="array" ref="F7612">IFERROR(INDEX(Jesper!AJ$2:AJ$366,ROUNDDOWN($C7612/24,0)+1,1)*INDEX($D$3:$AA$30,INDEX(Jesper!$R$2:$R$366,ROW(INDEX(Jesper!AJ$2:AJ$366,ROUNDDOWN($C7612/24,0)+1,1))-1)+IF('Standard Profiles'!$G$20=$B$10,7,0)+IF('Standard Profiles'!$G$20=$B$17,14,0)+IF('Standard Profiles'!$G$20=$B$24,21,0),MOD($C7612,24)+1)/SUM(INDEX($D$3:$AA$30,INDEX(Jesper!$R$2:$R$366,ROW(INDEX(Jesper!AJ$2:AJ$366,ROUNDDOWN($C7612/24,0)+1,1))-1)+IF('Standard Profiles'!$G$20=$B$10,7,0)+IF('Standard Profiles'!$G$20=$B$17,14,0)+IF('Standard Profiles'!$G$20=$B$24,21,0),0)),0)</f>
        <v>0</v>
      </c>
      <c r="G7612" cm="1">
        <f t="array" ref="G7612">IFERROR(INDEX(Jesper!AK$2:AK$366,ROUNDDOWN($C7612/24,0)+1,1)*INDEX($D$3:$AA$30,INDEX(Jesper!$R$2:$R$366,ROW(INDEX(Jesper!AK$2:AK$366,ROUNDDOWN($C7612/24,0)+1,1))-1)+IF('Standard Profiles'!$G$21=$B$10,7,0)+IF('Standard Profiles'!$G$21=$B$17,14,0)+IF('Standard Profiles'!$G$21=$B$24,21,0),MOD($C7612,24)+1)/SUM(INDEX($D$3:$AA$30,INDEX(Jesper!$R$2:$R$366,ROW(INDEX(Jesper!AK$2:AK$366,ROUNDDOWN($C7612/24,0)+1,1))-1)+IF('Standard Profiles'!$G$21=$B$10,7,0)+IF('Standard Profiles'!$G$21=$B$17,14,0)+IF('Standard Profiles'!$G$21=$B$24,21,0),0)),0)</f>
        <v>0</v>
      </c>
      <c r="H7612" cm="1">
        <f t="array" ref="H7612">IFERROR(INDEX(Jesper!AL$2:AL$366,ROUNDDOWN($C7612/24,0)+1,1)*INDEX($D$3:$AA$30,INDEX(Jesper!$R$2:$R$366,ROW(INDEX(Jesper!AL$2:AL$366,ROUNDDOWN($C7612/24,0)+1,1))-1)+IF('Standard Profiles'!$G$22=$B$10,7,0)+IF('Standard Profiles'!$G$22=$B$17,14,0)+IF('Standard Profiles'!$G$22=$B$24,21,0),MOD($C7612,24)+1)/SUM(INDEX($D$3:$AA$30,INDEX(Jesper!$R$2:$R$366,ROW(INDEX(Jesper!AL$2:AL$366,ROUNDDOWN($C7612/24,0)+1,1))-1)+IF('Standard Profiles'!$G$22=$B$10,7,0)+IF('Standard Profiles'!$G$22=$B$17,14,0)+IF('Standard Profiles'!$G$22=$B$24,21,0),0)),0)</f>
        <v>0</v>
      </c>
      <c r="I7612">
        <f t="shared" si="846"/>
        <v>0.53798699119521709</v>
      </c>
      <c r="J7612">
        <f t="shared" si="847"/>
        <v>1.7932899706507237</v>
      </c>
      <c r="K7612">
        <f t="shared" si="848"/>
        <v>2.6899349559760855</v>
      </c>
      <c r="L7612">
        <f t="shared" si="849"/>
        <v>12.911687788685208</v>
      </c>
      <c r="M7612">
        <f t="shared" si="850"/>
        <v>0</v>
      </c>
      <c r="N7612" s="46">
        <f t="shared" si="851"/>
        <v>45607.749999981621</v>
      </c>
    </row>
    <row r="7613" spans="2:14" x14ac:dyDescent="0.3">
      <c r="B7613">
        <f t="shared" si="845"/>
        <v>1</v>
      </c>
      <c r="C7613" s="16">
        <v>7579</v>
      </c>
      <c r="D7613" cm="1">
        <f t="array" ref="D7613">IFERROR(INDEX(Jesper!AH$2:AH$366,ROUNDDOWN($C7613/24,0)+1,1)*INDEX($D$3:$AA$30,INDEX(Jesper!$R$2:$R$366,ROW(INDEX(Jesper!AH$2:AH$366,ROUNDDOWN($C7613/24,0)+1,1))-1)+IF('Standard Profiles'!$G$18=$B$10,7,0)+IF('Standard Profiles'!$G$18=$B$17,14,0)+IF('Standard Profiles'!$G$18=$B$24,21,0),MOD($C7613,24)+1)/SUM(INDEX($D$3:$AA$30,INDEX(Jesper!$R$2:$R$366,ROW(INDEX(Jesper!AH$2:AH$366,ROUNDDOWN($C7613/24,0)+1,1))-1)+IF('Standard Profiles'!$G$18=$B$10,7,0)+IF('Standard Profiles'!$G$18=$B$17,14,0)+IF('Standard Profiles'!$G$18=$B$24,21,0),0)),0)</f>
        <v>15.018803504199813</v>
      </c>
      <c r="E7613" cm="1">
        <f t="array" ref="E7613">IFERROR(INDEX(Jesper!AI$2:AI$366,ROUNDDOWN($C7613/24,0)+1,1)*INDEX($D$3:$AA$30,INDEX(Jesper!$R$2:$R$366,ROW(INDEX(Jesper!AI$2:AI$366,ROUNDDOWN($C7613/24,0)+1,1))-1)+IF('Standard Profiles'!$G$19=$B$10,7,0)+IF('Standard Profiles'!$G$19=$B$17,14,0)+IF('Standard Profiles'!$G$19=$B$24,21,0),MOD($C7613,24)+1)/SUM(INDEX($D$3:$AA$30,INDEX(Jesper!$R$2:$R$366,ROW(INDEX(Jesper!AI$2:AI$366,ROUNDDOWN($C7613/24,0)+1,1))-1)+IF('Standard Profiles'!$G$19=$B$10,7,0)+IF('Standard Profiles'!$G$19=$B$17,14,0)+IF('Standard Profiles'!$G$19=$B$24,21,0),0)),0)</f>
        <v>0</v>
      </c>
      <c r="F7613" cm="1">
        <f t="array" ref="F7613">IFERROR(INDEX(Jesper!AJ$2:AJ$366,ROUNDDOWN($C7613/24,0)+1,1)*INDEX($D$3:$AA$30,INDEX(Jesper!$R$2:$R$366,ROW(INDEX(Jesper!AJ$2:AJ$366,ROUNDDOWN($C7613/24,0)+1,1))-1)+IF('Standard Profiles'!$G$20=$B$10,7,0)+IF('Standard Profiles'!$G$20=$B$17,14,0)+IF('Standard Profiles'!$G$20=$B$24,21,0),MOD($C7613,24)+1)/SUM(INDEX($D$3:$AA$30,INDEX(Jesper!$R$2:$R$366,ROW(INDEX(Jesper!AJ$2:AJ$366,ROUNDDOWN($C7613/24,0)+1,1))-1)+IF('Standard Profiles'!$G$20=$B$10,7,0)+IF('Standard Profiles'!$G$20=$B$17,14,0)+IF('Standard Profiles'!$G$20=$B$24,21,0),0)),0)</f>
        <v>0</v>
      </c>
      <c r="G7613" cm="1">
        <f t="array" ref="G7613">IFERROR(INDEX(Jesper!AK$2:AK$366,ROUNDDOWN($C7613/24,0)+1,1)*INDEX($D$3:$AA$30,INDEX(Jesper!$R$2:$R$366,ROW(INDEX(Jesper!AK$2:AK$366,ROUNDDOWN($C7613/24,0)+1,1))-1)+IF('Standard Profiles'!$G$21=$B$10,7,0)+IF('Standard Profiles'!$G$21=$B$17,14,0)+IF('Standard Profiles'!$G$21=$B$24,21,0),MOD($C7613,24)+1)/SUM(INDEX($D$3:$AA$30,INDEX(Jesper!$R$2:$R$366,ROW(INDEX(Jesper!AK$2:AK$366,ROUNDDOWN($C7613/24,0)+1,1))-1)+IF('Standard Profiles'!$G$21=$B$10,7,0)+IF('Standard Profiles'!$G$21=$B$17,14,0)+IF('Standard Profiles'!$G$21=$B$24,21,0),0)),0)</f>
        <v>0</v>
      </c>
      <c r="H7613" cm="1">
        <f t="array" ref="H7613">IFERROR(INDEX(Jesper!AL$2:AL$366,ROUNDDOWN($C7613/24,0)+1,1)*INDEX($D$3:$AA$30,INDEX(Jesper!$R$2:$R$366,ROW(INDEX(Jesper!AL$2:AL$366,ROUNDDOWN($C7613/24,0)+1,1))-1)+IF('Standard Profiles'!$G$22=$B$10,7,0)+IF('Standard Profiles'!$G$22=$B$17,14,0)+IF('Standard Profiles'!$G$22=$B$24,21,0),MOD($C7613,24)+1)/SUM(INDEX($D$3:$AA$30,INDEX(Jesper!$R$2:$R$366,ROW(INDEX(Jesper!AL$2:AL$366,ROUNDDOWN($C7613/24,0)+1,1))-1)+IF('Standard Profiles'!$G$22=$B$10,7,0)+IF('Standard Profiles'!$G$22=$B$17,14,0)+IF('Standard Profiles'!$G$22=$B$24,21,0),0)),0)</f>
        <v>0</v>
      </c>
      <c r="I7613">
        <f t="shared" si="846"/>
        <v>0.45056410512599437</v>
      </c>
      <c r="J7613">
        <f t="shared" si="847"/>
        <v>1.5018803504199814</v>
      </c>
      <c r="K7613">
        <f t="shared" si="848"/>
        <v>2.2528205256299718</v>
      </c>
      <c r="L7613">
        <f t="shared" si="849"/>
        <v>10.813538523023865</v>
      </c>
      <c r="M7613">
        <f t="shared" si="850"/>
        <v>0</v>
      </c>
      <c r="N7613" s="46">
        <f t="shared" si="851"/>
        <v>45607.791666648285</v>
      </c>
    </row>
    <row r="7614" spans="2:14" x14ac:dyDescent="0.3">
      <c r="B7614">
        <f t="shared" si="845"/>
        <v>1</v>
      </c>
      <c r="C7614" s="16">
        <v>7580</v>
      </c>
      <c r="D7614" cm="1">
        <f t="array" ref="D7614">IFERROR(INDEX(Jesper!AH$2:AH$366,ROUNDDOWN($C7614/24,0)+1,1)*INDEX($D$3:$AA$30,INDEX(Jesper!$R$2:$R$366,ROW(INDEX(Jesper!AH$2:AH$366,ROUNDDOWN($C7614/24,0)+1,1))-1)+IF('Standard Profiles'!$G$18=$B$10,7,0)+IF('Standard Profiles'!$G$18=$B$17,14,0)+IF('Standard Profiles'!$G$18=$B$24,21,0),MOD($C7614,24)+1)/SUM(INDEX($D$3:$AA$30,INDEX(Jesper!$R$2:$R$366,ROW(INDEX(Jesper!AH$2:AH$366,ROUNDDOWN($C7614/24,0)+1,1))-1)+IF('Standard Profiles'!$G$18=$B$10,7,0)+IF('Standard Profiles'!$G$18=$B$17,14,0)+IF('Standard Profiles'!$G$18=$B$24,21,0),0)),0)</f>
        <v>12.328868548223726</v>
      </c>
      <c r="E7614" cm="1">
        <f t="array" ref="E7614">IFERROR(INDEX(Jesper!AI$2:AI$366,ROUNDDOWN($C7614/24,0)+1,1)*INDEX($D$3:$AA$30,INDEX(Jesper!$R$2:$R$366,ROW(INDEX(Jesper!AI$2:AI$366,ROUNDDOWN($C7614/24,0)+1,1))-1)+IF('Standard Profiles'!$G$19=$B$10,7,0)+IF('Standard Profiles'!$G$19=$B$17,14,0)+IF('Standard Profiles'!$G$19=$B$24,21,0),MOD($C7614,24)+1)/SUM(INDEX($D$3:$AA$30,INDEX(Jesper!$R$2:$R$366,ROW(INDEX(Jesper!AI$2:AI$366,ROUNDDOWN($C7614/24,0)+1,1))-1)+IF('Standard Profiles'!$G$19=$B$10,7,0)+IF('Standard Profiles'!$G$19=$B$17,14,0)+IF('Standard Profiles'!$G$19=$B$24,21,0),0)),0)</f>
        <v>0</v>
      </c>
      <c r="F7614" cm="1">
        <f t="array" ref="F7614">IFERROR(INDEX(Jesper!AJ$2:AJ$366,ROUNDDOWN($C7614/24,0)+1,1)*INDEX($D$3:$AA$30,INDEX(Jesper!$R$2:$R$366,ROW(INDEX(Jesper!AJ$2:AJ$366,ROUNDDOWN($C7614/24,0)+1,1))-1)+IF('Standard Profiles'!$G$20=$B$10,7,0)+IF('Standard Profiles'!$G$20=$B$17,14,0)+IF('Standard Profiles'!$G$20=$B$24,21,0),MOD($C7614,24)+1)/SUM(INDEX($D$3:$AA$30,INDEX(Jesper!$R$2:$R$366,ROW(INDEX(Jesper!AJ$2:AJ$366,ROUNDDOWN($C7614/24,0)+1,1))-1)+IF('Standard Profiles'!$G$20=$B$10,7,0)+IF('Standard Profiles'!$G$20=$B$17,14,0)+IF('Standard Profiles'!$G$20=$B$24,21,0),0)),0)</f>
        <v>0</v>
      </c>
      <c r="G7614" cm="1">
        <f t="array" ref="G7614">IFERROR(INDEX(Jesper!AK$2:AK$366,ROUNDDOWN($C7614/24,0)+1,1)*INDEX($D$3:$AA$30,INDEX(Jesper!$R$2:$R$366,ROW(INDEX(Jesper!AK$2:AK$366,ROUNDDOWN($C7614/24,0)+1,1))-1)+IF('Standard Profiles'!$G$21=$B$10,7,0)+IF('Standard Profiles'!$G$21=$B$17,14,0)+IF('Standard Profiles'!$G$21=$B$24,21,0),MOD($C7614,24)+1)/SUM(INDEX($D$3:$AA$30,INDEX(Jesper!$R$2:$R$366,ROW(INDEX(Jesper!AK$2:AK$366,ROUNDDOWN($C7614/24,0)+1,1))-1)+IF('Standard Profiles'!$G$21=$B$10,7,0)+IF('Standard Profiles'!$G$21=$B$17,14,0)+IF('Standard Profiles'!$G$21=$B$24,21,0),0)),0)</f>
        <v>0</v>
      </c>
      <c r="H7614" cm="1">
        <f t="array" ref="H7614">IFERROR(INDEX(Jesper!AL$2:AL$366,ROUNDDOWN($C7614/24,0)+1,1)*INDEX($D$3:$AA$30,INDEX(Jesper!$R$2:$R$366,ROW(INDEX(Jesper!AL$2:AL$366,ROUNDDOWN($C7614/24,0)+1,1))-1)+IF('Standard Profiles'!$G$22=$B$10,7,0)+IF('Standard Profiles'!$G$22=$B$17,14,0)+IF('Standard Profiles'!$G$22=$B$24,21,0),MOD($C7614,24)+1)/SUM(INDEX($D$3:$AA$30,INDEX(Jesper!$R$2:$R$366,ROW(INDEX(Jesper!AL$2:AL$366,ROUNDDOWN($C7614/24,0)+1,1))-1)+IF('Standard Profiles'!$G$22=$B$10,7,0)+IF('Standard Profiles'!$G$22=$B$17,14,0)+IF('Standard Profiles'!$G$22=$B$24,21,0),0)),0)</f>
        <v>0</v>
      </c>
      <c r="I7614">
        <f t="shared" si="846"/>
        <v>0.36986605644671178</v>
      </c>
      <c r="J7614">
        <f t="shared" si="847"/>
        <v>1.2328868548223726</v>
      </c>
      <c r="K7614">
        <f t="shared" si="848"/>
        <v>1.8493302822335589</v>
      </c>
      <c r="L7614">
        <f t="shared" si="849"/>
        <v>8.8767853547210827</v>
      </c>
      <c r="M7614">
        <f t="shared" si="850"/>
        <v>0</v>
      </c>
      <c r="N7614" s="46">
        <f t="shared" si="851"/>
        <v>45607.833333314949</v>
      </c>
    </row>
    <row r="7615" spans="2:14" x14ac:dyDescent="0.3">
      <c r="B7615">
        <f t="shared" si="845"/>
        <v>1</v>
      </c>
      <c r="C7615" s="16">
        <v>7581</v>
      </c>
      <c r="D7615" cm="1">
        <f t="array" ref="D7615">IFERROR(INDEX(Jesper!AH$2:AH$366,ROUNDDOWN($C7615/24,0)+1,1)*INDEX($D$3:$AA$30,INDEX(Jesper!$R$2:$R$366,ROW(INDEX(Jesper!AH$2:AH$366,ROUNDDOWN($C7615/24,0)+1,1))-1)+IF('Standard Profiles'!$G$18=$B$10,7,0)+IF('Standard Profiles'!$G$18=$B$17,14,0)+IF('Standard Profiles'!$G$18=$B$24,21,0),MOD($C7615,24)+1)/SUM(INDEX($D$3:$AA$30,INDEX(Jesper!$R$2:$R$366,ROW(INDEX(Jesper!AH$2:AH$366,ROUNDDOWN($C7615/24,0)+1,1))-1)+IF('Standard Profiles'!$G$18=$B$10,7,0)+IF('Standard Profiles'!$G$18=$B$17,14,0)+IF('Standard Profiles'!$G$18=$B$24,21,0),0)),0)</f>
        <v>8.9664498532536179</v>
      </c>
      <c r="E7615" cm="1">
        <f t="array" ref="E7615">IFERROR(INDEX(Jesper!AI$2:AI$366,ROUNDDOWN($C7615/24,0)+1,1)*INDEX($D$3:$AA$30,INDEX(Jesper!$R$2:$R$366,ROW(INDEX(Jesper!AI$2:AI$366,ROUNDDOWN($C7615/24,0)+1,1))-1)+IF('Standard Profiles'!$G$19=$B$10,7,0)+IF('Standard Profiles'!$G$19=$B$17,14,0)+IF('Standard Profiles'!$G$19=$B$24,21,0),MOD($C7615,24)+1)/SUM(INDEX($D$3:$AA$30,INDEX(Jesper!$R$2:$R$366,ROW(INDEX(Jesper!AI$2:AI$366,ROUNDDOWN($C7615/24,0)+1,1))-1)+IF('Standard Profiles'!$G$19=$B$10,7,0)+IF('Standard Profiles'!$G$19=$B$17,14,0)+IF('Standard Profiles'!$G$19=$B$24,21,0),0)),0)</f>
        <v>0</v>
      </c>
      <c r="F7615" cm="1">
        <f t="array" ref="F7615">IFERROR(INDEX(Jesper!AJ$2:AJ$366,ROUNDDOWN($C7615/24,0)+1,1)*INDEX($D$3:$AA$30,INDEX(Jesper!$R$2:$R$366,ROW(INDEX(Jesper!AJ$2:AJ$366,ROUNDDOWN($C7615/24,0)+1,1))-1)+IF('Standard Profiles'!$G$20=$B$10,7,0)+IF('Standard Profiles'!$G$20=$B$17,14,0)+IF('Standard Profiles'!$G$20=$B$24,21,0),MOD($C7615,24)+1)/SUM(INDEX($D$3:$AA$30,INDEX(Jesper!$R$2:$R$366,ROW(INDEX(Jesper!AJ$2:AJ$366,ROUNDDOWN($C7615/24,0)+1,1))-1)+IF('Standard Profiles'!$G$20=$B$10,7,0)+IF('Standard Profiles'!$G$20=$B$17,14,0)+IF('Standard Profiles'!$G$20=$B$24,21,0),0)),0)</f>
        <v>0</v>
      </c>
      <c r="G7615" cm="1">
        <f t="array" ref="G7615">IFERROR(INDEX(Jesper!AK$2:AK$366,ROUNDDOWN($C7615/24,0)+1,1)*INDEX($D$3:$AA$30,INDEX(Jesper!$R$2:$R$366,ROW(INDEX(Jesper!AK$2:AK$366,ROUNDDOWN($C7615/24,0)+1,1))-1)+IF('Standard Profiles'!$G$21=$B$10,7,0)+IF('Standard Profiles'!$G$21=$B$17,14,0)+IF('Standard Profiles'!$G$21=$B$24,21,0),MOD($C7615,24)+1)/SUM(INDEX($D$3:$AA$30,INDEX(Jesper!$R$2:$R$366,ROW(INDEX(Jesper!AK$2:AK$366,ROUNDDOWN($C7615/24,0)+1,1))-1)+IF('Standard Profiles'!$G$21=$B$10,7,0)+IF('Standard Profiles'!$G$21=$B$17,14,0)+IF('Standard Profiles'!$G$21=$B$24,21,0),0)),0)</f>
        <v>0</v>
      </c>
      <c r="H7615" cm="1">
        <f t="array" ref="H7615">IFERROR(INDEX(Jesper!AL$2:AL$366,ROUNDDOWN($C7615/24,0)+1,1)*INDEX($D$3:$AA$30,INDEX(Jesper!$R$2:$R$366,ROW(INDEX(Jesper!AL$2:AL$366,ROUNDDOWN($C7615/24,0)+1,1))-1)+IF('Standard Profiles'!$G$22=$B$10,7,0)+IF('Standard Profiles'!$G$22=$B$17,14,0)+IF('Standard Profiles'!$G$22=$B$24,21,0),MOD($C7615,24)+1)/SUM(INDEX($D$3:$AA$30,INDEX(Jesper!$R$2:$R$366,ROW(INDEX(Jesper!AL$2:AL$366,ROUNDDOWN($C7615/24,0)+1,1))-1)+IF('Standard Profiles'!$G$22=$B$10,7,0)+IF('Standard Profiles'!$G$22=$B$17,14,0)+IF('Standard Profiles'!$G$22=$B$24,21,0),0)),0)</f>
        <v>0</v>
      </c>
      <c r="I7615">
        <f t="shared" si="846"/>
        <v>0.26899349559760855</v>
      </c>
      <c r="J7615">
        <f t="shared" si="847"/>
        <v>0.89664498532536185</v>
      </c>
      <c r="K7615">
        <f t="shared" si="848"/>
        <v>1.3449674779880427</v>
      </c>
      <c r="L7615">
        <f t="shared" si="849"/>
        <v>6.4558438943426042</v>
      </c>
      <c r="M7615">
        <f t="shared" si="850"/>
        <v>0</v>
      </c>
      <c r="N7615" s="46">
        <f t="shared" si="851"/>
        <v>45607.874999981614</v>
      </c>
    </row>
    <row r="7616" spans="2:14" x14ac:dyDescent="0.3">
      <c r="B7616">
        <f t="shared" si="845"/>
        <v>1</v>
      </c>
      <c r="C7616" s="16">
        <v>7582</v>
      </c>
      <c r="D7616" cm="1">
        <f t="array" ref="D7616">IFERROR(INDEX(Jesper!AH$2:AH$366,ROUNDDOWN($C7616/24,0)+1,1)*INDEX($D$3:$AA$30,INDEX(Jesper!$R$2:$R$366,ROW(INDEX(Jesper!AH$2:AH$366,ROUNDDOWN($C7616/24,0)+1,1))-1)+IF('Standard Profiles'!$G$18=$B$10,7,0)+IF('Standard Profiles'!$G$18=$B$17,14,0)+IF('Standard Profiles'!$G$18=$B$24,21,0),MOD($C7616,24)+1)/SUM(INDEX($D$3:$AA$30,INDEX(Jesper!$R$2:$R$366,ROW(INDEX(Jesper!AH$2:AH$366,ROUNDDOWN($C7616/24,0)+1,1))-1)+IF('Standard Profiles'!$G$18=$B$10,7,0)+IF('Standard Profiles'!$G$18=$B$17,14,0)+IF('Standard Profiles'!$G$18=$B$24,21,0),0)),0)</f>
        <v>8.5181273605909382</v>
      </c>
      <c r="E7616" cm="1">
        <f t="array" ref="E7616">IFERROR(INDEX(Jesper!AI$2:AI$366,ROUNDDOWN($C7616/24,0)+1,1)*INDEX($D$3:$AA$30,INDEX(Jesper!$R$2:$R$366,ROW(INDEX(Jesper!AI$2:AI$366,ROUNDDOWN($C7616/24,0)+1,1))-1)+IF('Standard Profiles'!$G$19=$B$10,7,0)+IF('Standard Profiles'!$G$19=$B$17,14,0)+IF('Standard Profiles'!$G$19=$B$24,21,0),MOD($C7616,24)+1)/SUM(INDEX($D$3:$AA$30,INDEX(Jesper!$R$2:$R$366,ROW(INDEX(Jesper!AI$2:AI$366,ROUNDDOWN($C7616/24,0)+1,1))-1)+IF('Standard Profiles'!$G$19=$B$10,7,0)+IF('Standard Profiles'!$G$19=$B$17,14,0)+IF('Standard Profiles'!$G$19=$B$24,21,0),0)),0)</f>
        <v>0</v>
      </c>
      <c r="F7616" cm="1">
        <f t="array" ref="F7616">IFERROR(INDEX(Jesper!AJ$2:AJ$366,ROUNDDOWN($C7616/24,0)+1,1)*INDEX($D$3:$AA$30,INDEX(Jesper!$R$2:$R$366,ROW(INDEX(Jesper!AJ$2:AJ$366,ROUNDDOWN($C7616/24,0)+1,1))-1)+IF('Standard Profiles'!$G$20=$B$10,7,0)+IF('Standard Profiles'!$G$20=$B$17,14,0)+IF('Standard Profiles'!$G$20=$B$24,21,0),MOD($C7616,24)+1)/SUM(INDEX($D$3:$AA$30,INDEX(Jesper!$R$2:$R$366,ROW(INDEX(Jesper!AJ$2:AJ$366,ROUNDDOWN($C7616/24,0)+1,1))-1)+IF('Standard Profiles'!$G$20=$B$10,7,0)+IF('Standard Profiles'!$G$20=$B$17,14,0)+IF('Standard Profiles'!$G$20=$B$24,21,0),0)),0)</f>
        <v>0</v>
      </c>
      <c r="G7616" cm="1">
        <f t="array" ref="G7616">IFERROR(INDEX(Jesper!AK$2:AK$366,ROUNDDOWN($C7616/24,0)+1,1)*INDEX($D$3:$AA$30,INDEX(Jesper!$R$2:$R$366,ROW(INDEX(Jesper!AK$2:AK$366,ROUNDDOWN($C7616/24,0)+1,1))-1)+IF('Standard Profiles'!$G$21=$B$10,7,0)+IF('Standard Profiles'!$G$21=$B$17,14,0)+IF('Standard Profiles'!$G$21=$B$24,21,0),MOD($C7616,24)+1)/SUM(INDEX($D$3:$AA$30,INDEX(Jesper!$R$2:$R$366,ROW(INDEX(Jesper!AK$2:AK$366,ROUNDDOWN($C7616/24,0)+1,1))-1)+IF('Standard Profiles'!$G$21=$B$10,7,0)+IF('Standard Profiles'!$G$21=$B$17,14,0)+IF('Standard Profiles'!$G$21=$B$24,21,0),0)),0)</f>
        <v>0</v>
      </c>
      <c r="H7616" cm="1">
        <f t="array" ref="H7616">IFERROR(INDEX(Jesper!AL$2:AL$366,ROUNDDOWN($C7616/24,0)+1,1)*INDEX($D$3:$AA$30,INDEX(Jesper!$R$2:$R$366,ROW(INDEX(Jesper!AL$2:AL$366,ROUNDDOWN($C7616/24,0)+1,1))-1)+IF('Standard Profiles'!$G$22=$B$10,7,0)+IF('Standard Profiles'!$G$22=$B$17,14,0)+IF('Standard Profiles'!$G$22=$B$24,21,0),MOD($C7616,24)+1)/SUM(INDEX($D$3:$AA$30,INDEX(Jesper!$R$2:$R$366,ROW(INDEX(Jesper!AL$2:AL$366,ROUNDDOWN($C7616/24,0)+1,1))-1)+IF('Standard Profiles'!$G$22=$B$10,7,0)+IF('Standard Profiles'!$G$22=$B$17,14,0)+IF('Standard Profiles'!$G$22=$B$24,21,0),0)),0)</f>
        <v>0</v>
      </c>
      <c r="I7616">
        <f t="shared" si="846"/>
        <v>0.25554382081772814</v>
      </c>
      <c r="J7616">
        <f t="shared" si="847"/>
        <v>0.85181273605909391</v>
      </c>
      <c r="K7616">
        <f t="shared" si="848"/>
        <v>1.2777191040886406</v>
      </c>
      <c r="L7616">
        <f t="shared" si="849"/>
        <v>6.1330516996254749</v>
      </c>
      <c r="M7616">
        <f t="shared" si="850"/>
        <v>0</v>
      </c>
      <c r="N7616" s="46">
        <f t="shared" si="851"/>
        <v>45607.916666648278</v>
      </c>
    </row>
    <row r="7617" spans="2:14" x14ac:dyDescent="0.3">
      <c r="B7617">
        <f t="shared" si="845"/>
        <v>1</v>
      </c>
      <c r="C7617" s="16">
        <v>7583</v>
      </c>
      <c r="D7617" cm="1">
        <f t="array" ref="D7617">IFERROR(INDEX(Jesper!AH$2:AH$366,ROUNDDOWN($C7617/24,0)+1,1)*INDEX($D$3:$AA$30,INDEX(Jesper!$R$2:$R$366,ROW(INDEX(Jesper!AH$2:AH$366,ROUNDDOWN($C7617/24,0)+1,1))-1)+IF('Standard Profiles'!$G$18=$B$10,7,0)+IF('Standard Profiles'!$G$18=$B$17,14,0)+IF('Standard Profiles'!$G$18=$B$24,21,0),MOD($C7617,24)+1)/SUM(INDEX($D$3:$AA$30,INDEX(Jesper!$R$2:$R$366,ROW(INDEX(Jesper!AH$2:AH$366,ROUNDDOWN($C7617/24,0)+1,1))-1)+IF('Standard Profiles'!$G$18=$B$10,7,0)+IF('Standard Profiles'!$G$18=$B$17,14,0)+IF('Standard Profiles'!$G$18=$B$24,21,0),0)),0)</f>
        <v>8.5181273605909382</v>
      </c>
      <c r="E7617" cm="1">
        <f t="array" ref="E7617">IFERROR(INDEX(Jesper!AI$2:AI$366,ROUNDDOWN($C7617/24,0)+1,1)*INDEX($D$3:$AA$30,INDEX(Jesper!$R$2:$R$366,ROW(INDEX(Jesper!AI$2:AI$366,ROUNDDOWN($C7617/24,0)+1,1))-1)+IF('Standard Profiles'!$G$19=$B$10,7,0)+IF('Standard Profiles'!$G$19=$B$17,14,0)+IF('Standard Profiles'!$G$19=$B$24,21,0),MOD($C7617,24)+1)/SUM(INDEX($D$3:$AA$30,INDEX(Jesper!$R$2:$R$366,ROW(INDEX(Jesper!AI$2:AI$366,ROUNDDOWN($C7617/24,0)+1,1))-1)+IF('Standard Profiles'!$G$19=$B$10,7,0)+IF('Standard Profiles'!$G$19=$B$17,14,0)+IF('Standard Profiles'!$G$19=$B$24,21,0),0)),0)</f>
        <v>0</v>
      </c>
      <c r="F7617" cm="1">
        <f t="array" ref="F7617">IFERROR(INDEX(Jesper!AJ$2:AJ$366,ROUNDDOWN($C7617/24,0)+1,1)*INDEX($D$3:$AA$30,INDEX(Jesper!$R$2:$R$366,ROW(INDEX(Jesper!AJ$2:AJ$366,ROUNDDOWN($C7617/24,0)+1,1))-1)+IF('Standard Profiles'!$G$20=$B$10,7,0)+IF('Standard Profiles'!$G$20=$B$17,14,0)+IF('Standard Profiles'!$G$20=$B$24,21,0),MOD($C7617,24)+1)/SUM(INDEX($D$3:$AA$30,INDEX(Jesper!$R$2:$R$366,ROW(INDEX(Jesper!AJ$2:AJ$366,ROUNDDOWN($C7617/24,0)+1,1))-1)+IF('Standard Profiles'!$G$20=$B$10,7,0)+IF('Standard Profiles'!$G$20=$B$17,14,0)+IF('Standard Profiles'!$G$20=$B$24,21,0),0)),0)</f>
        <v>0</v>
      </c>
      <c r="G7617" cm="1">
        <f t="array" ref="G7617">IFERROR(INDEX(Jesper!AK$2:AK$366,ROUNDDOWN($C7617/24,0)+1,1)*INDEX($D$3:$AA$30,INDEX(Jesper!$R$2:$R$366,ROW(INDEX(Jesper!AK$2:AK$366,ROUNDDOWN($C7617/24,0)+1,1))-1)+IF('Standard Profiles'!$G$21=$B$10,7,0)+IF('Standard Profiles'!$G$21=$B$17,14,0)+IF('Standard Profiles'!$G$21=$B$24,21,0),MOD($C7617,24)+1)/SUM(INDEX($D$3:$AA$30,INDEX(Jesper!$R$2:$R$366,ROW(INDEX(Jesper!AK$2:AK$366,ROUNDDOWN($C7617/24,0)+1,1))-1)+IF('Standard Profiles'!$G$21=$B$10,7,0)+IF('Standard Profiles'!$G$21=$B$17,14,0)+IF('Standard Profiles'!$G$21=$B$24,21,0),0)),0)</f>
        <v>0</v>
      </c>
      <c r="H7617" cm="1">
        <f t="array" ref="H7617">IFERROR(INDEX(Jesper!AL$2:AL$366,ROUNDDOWN($C7617/24,0)+1,1)*INDEX($D$3:$AA$30,INDEX(Jesper!$R$2:$R$366,ROW(INDEX(Jesper!AL$2:AL$366,ROUNDDOWN($C7617/24,0)+1,1))-1)+IF('Standard Profiles'!$G$22=$B$10,7,0)+IF('Standard Profiles'!$G$22=$B$17,14,0)+IF('Standard Profiles'!$G$22=$B$24,21,0),MOD($C7617,24)+1)/SUM(INDEX($D$3:$AA$30,INDEX(Jesper!$R$2:$R$366,ROW(INDEX(Jesper!AL$2:AL$366,ROUNDDOWN($C7617/24,0)+1,1))-1)+IF('Standard Profiles'!$G$22=$B$10,7,0)+IF('Standard Profiles'!$G$22=$B$17,14,0)+IF('Standard Profiles'!$G$22=$B$24,21,0),0)),0)</f>
        <v>0</v>
      </c>
      <c r="I7617">
        <f t="shared" si="846"/>
        <v>0.25554382081772814</v>
      </c>
      <c r="J7617">
        <f t="shared" si="847"/>
        <v>0.85181273605909391</v>
      </c>
      <c r="K7617">
        <f t="shared" si="848"/>
        <v>1.2777191040886406</v>
      </c>
      <c r="L7617">
        <f t="shared" si="849"/>
        <v>6.1330516996254749</v>
      </c>
      <c r="M7617">
        <f t="shared" si="850"/>
        <v>0</v>
      </c>
      <c r="N7617" s="46">
        <f t="shared" si="851"/>
        <v>45607.958333314942</v>
      </c>
    </row>
    <row r="7618" spans="2:14" x14ac:dyDescent="0.3">
      <c r="B7618">
        <f t="shared" si="845"/>
        <v>2</v>
      </c>
      <c r="C7618" s="16">
        <v>7584</v>
      </c>
      <c r="D7618" cm="1">
        <f t="array" ref="D7618">IFERROR(INDEX(Jesper!AH$2:AH$366,ROUNDDOWN($C7618/24,0)+1,1)*INDEX($D$3:$AA$30,INDEX(Jesper!$R$2:$R$366,ROW(INDEX(Jesper!AH$2:AH$366,ROUNDDOWN($C7618/24,0)+1,1))-1)+IF('Standard Profiles'!$G$18=$B$10,7,0)+IF('Standard Profiles'!$G$18=$B$17,14,0)+IF('Standard Profiles'!$G$18=$B$24,21,0),MOD($C7618,24)+1)/SUM(INDEX($D$3:$AA$30,INDEX(Jesper!$R$2:$R$366,ROW(INDEX(Jesper!AH$2:AH$366,ROUNDDOWN($C7618/24,0)+1,1))-1)+IF('Standard Profiles'!$G$18=$B$10,7,0)+IF('Standard Profiles'!$G$18=$B$17,14,0)+IF('Standard Profiles'!$G$18=$B$24,21,0),0)),0)</f>
        <v>8.0350955730457283</v>
      </c>
      <c r="E7618" cm="1">
        <f t="array" ref="E7618">IFERROR(INDEX(Jesper!AI$2:AI$366,ROUNDDOWN($C7618/24,0)+1,1)*INDEX($D$3:$AA$30,INDEX(Jesper!$R$2:$R$366,ROW(INDEX(Jesper!AI$2:AI$366,ROUNDDOWN($C7618/24,0)+1,1))-1)+IF('Standard Profiles'!$G$19=$B$10,7,0)+IF('Standard Profiles'!$G$19=$B$17,14,0)+IF('Standard Profiles'!$G$19=$B$24,21,0),MOD($C7618,24)+1)/SUM(INDEX($D$3:$AA$30,INDEX(Jesper!$R$2:$R$366,ROW(INDEX(Jesper!AI$2:AI$366,ROUNDDOWN($C7618/24,0)+1,1))-1)+IF('Standard Profiles'!$G$19=$B$10,7,0)+IF('Standard Profiles'!$G$19=$B$17,14,0)+IF('Standard Profiles'!$G$19=$B$24,21,0),0)),0)</f>
        <v>0</v>
      </c>
      <c r="F7618" cm="1">
        <f t="array" ref="F7618">IFERROR(INDEX(Jesper!AJ$2:AJ$366,ROUNDDOWN($C7618/24,0)+1,1)*INDEX($D$3:$AA$30,INDEX(Jesper!$R$2:$R$366,ROW(INDEX(Jesper!AJ$2:AJ$366,ROUNDDOWN($C7618/24,0)+1,1))-1)+IF('Standard Profiles'!$G$20=$B$10,7,0)+IF('Standard Profiles'!$G$20=$B$17,14,0)+IF('Standard Profiles'!$G$20=$B$24,21,0),MOD($C7618,24)+1)/SUM(INDEX($D$3:$AA$30,INDEX(Jesper!$R$2:$R$366,ROW(INDEX(Jesper!AJ$2:AJ$366,ROUNDDOWN($C7618/24,0)+1,1))-1)+IF('Standard Profiles'!$G$20=$B$10,7,0)+IF('Standard Profiles'!$G$20=$B$17,14,0)+IF('Standard Profiles'!$G$20=$B$24,21,0),0)),0)</f>
        <v>0</v>
      </c>
      <c r="G7618" cm="1">
        <f t="array" ref="G7618">IFERROR(INDEX(Jesper!AK$2:AK$366,ROUNDDOWN($C7618/24,0)+1,1)*INDEX($D$3:$AA$30,INDEX(Jesper!$R$2:$R$366,ROW(INDEX(Jesper!AK$2:AK$366,ROUNDDOWN($C7618/24,0)+1,1))-1)+IF('Standard Profiles'!$G$21=$B$10,7,0)+IF('Standard Profiles'!$G$21=$B$17,14,0)+IF('Standard Profiles'!$G$21=$B$24,21,0),MOD($C7618,24)+1)/SUM(INDEX($D$3:$AA$30,INDEX(Jesper!$R$2:$R$366,ROW(INDEX(Jesper!AK$2:AK$366,ROUNDDOWN($C7618/24,0)+1,1))-1)+IF('Standard Profiles'!$G$21=$B$10,7,0)+IF('Standard Profiles'!$G$21=$B$17,14,0)+IF('Standard Profiles'!$G$21=$B$24,21,0),0)),0)</f>
        <v>0</v>
      </c>
      <c r="H7618" cm="1">
        <f t="array" ref="H7618">IFERROR(INDEX(Jesper!AL$2:AL$366,ROUNDDOWN($C7618/24,0)+1,1)*INDEX($D$3:$AA$30,INDEX(Jesper!$R$2:$R$366,ROW(INDEX(Jesper!AL$2:AL$366,ROUNDDOWN($C7618/24,0)+1,1))-1)+IF('Standard Profiles'!$G$22=$B$10,7,0)+IF('Standard Profiles'!$G$22=$B$17,14,0)+IF('Standard Profiles'!$G$22=$B$24,21,0),MOD($C7618,24)+1)/SUM(INDEX($D$3:$AA$30,INDEX(Jesper!$R$2:$R$366,ROW(INDEX(Jesper!AL$2:AL$366,ROUNDDOWN($C7618/24,0)+1,1))-1)+IF('Standard Profiles'!$G$22=$B$10,7,0)+IF('Standard Profiles'!$G$22=$B$17,14,0)+IF('Standard Profiles'!$G$22=$B$24,21,0),0)),0)</f>
        <v>0</v>
      </c>
      <c r="I7618">
        <f t="shared" si="846"/>
        <v>0.24105286719137184</v>
      </c>
      <c r="J7618">
        <f t="shared" si="847"/>
        <v>0.80350955730457285</v>
      </c>
      <c r="K7618">
        <f t="shared" si="848"/>
        <v>1.2052643359568591</v>
      </c>
      <c r="L7618">
        <f t="shared" si="849"/>
        <v>5.7852688125929239</v>
      </c>
      <c r="M7618">
        <f t="shared" si="850"/>
        <v>0</v>
      </c>
      <c r="N7618" s="46">
        <f t="shared" si="851"/>
        <v>45607.999999981606</v>
      </c>
    </row>
    <row r="7619" spans="2:14" x14ac:dyDescent="0.3">
      <c r="B7619">
        <f t="shared" si="845"/>
        <v>2</v>
      </c>
      <c r="C7619" s="16">
        <v>7585</v>
      </c>
      <c r="D7619" cm="1">
        <f t="array" ref="D7619">IFERROR(INDEX(Jesper!AH$2:AH$366,ROUNDDOWN($C7619/24,0)+1,1)*INDEX($D$3:$AA$30,INDEX(Jesper!$R$2:$R$366,ROW(INDEX(Jesper!AH$2:AH$366,ROUNDDOWN($C7619/24,0)+1,1))-1)+IF('Standard Profiles'!$G$18=$B$10,7,0)+IF('Standard Profiles'!$G$18=$B$17,14,0)+IF('Standard Profiles'!$G$18=$B$24,21,0),MOD($C7619,24)+1)/SUM(INDEX($D$3:$AA$30,INDEX(Jesper!$R$2:$R$366,ROW(INDEX(Jesper!AH$2:AH$366,ROUNDDOWN($C7619/24,0)+1,1))-1)+IF('Standard Profiles'!$G$18=$B$10,7,0)+IF('Standard Profiles'!$G$18=$B$17,14,0)+IF('Standard Profiles'!$G$18=$B$24,21,0),0)),0)</f>
        <v>8.0350955730457283</v>
      </c>
      <c r="E7619" cm="1">
        <f t="array" ref="E7619">IFERROR(INDEX(Jesper!AI$2:AI$366,ROUNDDOWN($C7619/24,0)+1,1)*INDEX($D$3:$AA$30,INDEX(Jesper!$R$2:$R$366,ROW(INDEX(Jesper!AI$2:AI$366,ROUNDDOWN($C7619/24,0)+1,1))-1)+IF('Standard Profiles'!$G$19=$B$10,7,0)+IF('Standard Profiles'!$G$19=$B$17,14,0)+IF('Standard Profiles'!$G$19=$B$24,21,0),MOD($C7619,24)+1)/SUM(INDEX($D$3:$AA$30,INDEX(Jesper!$R$2:$R$366,ROW(INDEX(Jesper!AI$2:AI$366,ROUNDDOWN($C7619/24,0)+1,1))-1)+IF('Standard Profiles'!$G$19=$B$10,7,0)+IF('Standard Profiles'!$G$19=$B$17,14,0)+IF('Standard Profiles'!$G$19=$B$24,21,0),0)),0)</f>
        <v>0</v>
      </c>
      <c r="F7619" cm="1">
        <f t="array" ref="F7619">IFERROR(INDEX(Jesper!AJ$2:AJ$366,ROUNDDOWN($C7619/24,0)+1,1)*INDEX($D$3:$AA$30,INDEX(Jesper!$R$2:$R$366,ROW(INDEX(Jesper!AJ$2:AJ$366,ROUNDDOWN($C7619/24,0)+1,1))-1)+IF('Standard Profiles'!$G$20=$B$10,7,0)+IF('Standard Profiles'!$G$20=$B$17,14,0)+IF('Standard Profiles'!$G$20=$B$24,21,0),MOD($C7619,24)+1)/SUM(INDEX($D$3:$AA$30,INDEX(Jesper!$R$2:$R$366,ROW(INDEX(Jesper!AJ$2:AJ$366,ROUNDDOWN($C7619/24,0)+1,1))-1)+IF('Standard Profiles'!$G$20=$B$10,7,0)+IF('Standard Profiles'!$G$20=$B$17,14,0)+IF('Standard Profiles'!$G$20=$B$24,21,0),0)),0)</f>
        <v>0</v>
      </c>
      <c r="G7619" cm="1">
        <f t="array" ref="G7619">IFERROR(INDEX(Jesper!AK$2:AK$366,ROUNDDOWN($C7619/24,0)+1,1)*INDEX($D$3:$AA$30,INDEX(Jesper!$R$2:$R$366,ROW(INDEX(Jesper!AK$2:AK$366,ROUNDDOWN($C7619/24,0)+1,1))-1)+IF('Standard Profiles'!$G$21=$B$10,7,0)+IF('Standard Profiles'!$G$21=$B$17,14,0)+IF('Standard Profiles'!$G$21=$B$24,21,0),MOD($C7619,24)+1)/SUM(INDEX($D$3:$AA$30,INDEX(Jesper!$R$2:$R$366,ROW(INDEX(Jesper!AK$2:AK$366,ROUNDDOWN($C7619/24,0)+1,1))-1)+IF('Standard Profiles'!$G$21=$B$10,7,0)+IF('Standard Profiles'!$G$21=$B$17,14,0)+IF('Standard Profiles'!$G$21=$B$24,21,0),0)),0)</f>
        <v>0</v>
      </c>
      <c r="H7619" cm="1">
        <f t="array" ref="H7619">IFERROR(INDEX(Jesper!AL$2:AL$366,ROUNDDOWN($C7619/24,0)+1,1)*INDEX($D$3:$AA$30,INDEX(Jesper!$R$2:$R$366,ROW(INDEX(Jesper!AL$2:AL$366,ROUNDDOWN($C7619/24,0)+1,1))-1)+IF('Standard Profiles'!$G$22=$B$10,7,0)+IF('Standard Profiles'!$G$22=$B$17,14,0)+IF('Standard Profiles'!$G$22=$B$24,21,0),MOD($C7619,24)+1)/SUM(INDEX($D$3:$AA$30,INDEX(Jesper!$R$2:$R$366,ROW(INDEX(Jesper!AL$2:AL$366,ROUNDDOWN($C7619/24,0)+1,1))-1)+IF('Standard Profiles'!$G$22=$B$10,7,0)+IF('Standard Profiles'!$G$22=$B$17,14,0)+IF('Standard Profiles'!$G$22=$B$24,21,0),0)),0)</f>
        <v>0</v>
      </c>
      <c r="I7619">
        <f t="shared" si="846"/>
        <v>0.24105286719137184</v>
      </c>
      <c r="J7619">
        <f t="shared" si="847"/>
        <v>0.80350955730457285</v>
      </c>
      <c r="K7619">
        <f t="shared" si="848"/>
        <v>1.2052643359568591</v>
      </c>
      <c r="L7619">
        <f t="shared" si="849"/>
        <v>5.7852688125929239</v>
      </c>
      <c r="M7619">
        <f t="shared" si="850"/>
        <v>0</v>
      </c>
      <c r="N7619" s="46">
        <f t="shared" si="851"/>
        <v>45608.041666648271</v>
      </c>
    </row>
    <row r="7620" spans="2:14" x14ac:dyDescent="0.3">
      <c r="B7620">
        <f t="shared" si="845"/>
        <v>2</v>
      </c>
      <c r="C7620" s="16">
        <v>7586</v>
      </c>
      <c r="D7620" cm="1">
        <f t="array" ref="D7620">IFERROR(INDEX(Jesper!AH$2:AH$366,ROUNDDOWN($C7620/24,0)+1,1)*INDEX($D$3:$AA$30,INDEX(Jesper!$R$2:$R$366,ROW(INDEX(Jesper!AH$2:AH$366,ROUNDDOWN($C7620/24,0)+1,1))-1)+IF('Standard Profiles'!$G$18=$B$10,7,0)+IF('Standard Profiles'!$G$18=$B$17,14,0)+IF('Standard Profiles'!$G$18=$B$24,21,0),MOD($C7620,24)+1)/SUM(INDEX($D$3:$AA$30,INDEX(Jesper!$R$2:$R$366,ROW(INDEX(Jesper!AH$2:AH$366,ROUNDDOWN($C7620/24,0)+1,1))-1)+IF('Standard Profiles'!$G$18=$B$10,7,0)+IF('Standard Profiles'!$G$18=$B$17,14,0)+IF('Standard Profiles'!$G$18=$B$24,21,0),0)),0)</f>
        <v>8.0350955730457283</v>
      </c>
      <c r="E7620" cm="1">
        <f t="array" ref="E7620">IFERROR(INDEX(Jesper!AI$2:AI$366,ROUNDDOWN($C7620/24,0)+1,1)*INDEX($D$3:$AA$30,INDEX(Jesper!$R$2:$R$366,ROW(INDEX(Jesper!AI$2:AI$366,ROUNDDOWN($C7620/24,0)+1,1))-1)+IF('Standard Profiles'!$G$19=$B$10,7,0)+IF('Standard Profiles'!$G$19=$B$17,14,0)+IF('Standard Profiles'!$G$19=$B$24,21,0),MOD($C7620,24)+1)/SUM(INDEX($D$3:$AA$30,INDEX(Jesper!$R$2:$R$366,ROW(INDEX(Jesper!AI$2:AI$366,ROUNDDOWN($C7620/24,0)+1,1))-1)+IF('Standard Profiles'!$G$19=$B$10,7,0)+IF('Standard Profiles'!$G$19=$B$17,14,0)+IF('Standard Profiles'!$G$19=$B$24,21,0),0)),0)</f>
        <v>0</v>
      </c>
      <c r="F7620" cm="1">
        <f t="array" ref="F7620">IFERROR(INDEX(Jesper!AJ$2:AJ$366,ROUNDDOWN($C7620/24,0)+1,1)*INDEX($D$3:$AA$30,INDEX(Jesper!$R$2:$R$366,ROW(INDEX(Jesper!AJ$2:AJ$366,ROUNDDOWN($C7620/24,0)+1,1))-1)+IF('Standard Profiles'!$G$20=$B$10,7,0)+IF('Standard Profiles'!$G$20=$B$17,14,0)+IF('Standard Profiles'!$G$20=$B$24,21,0),MOD($C7620,24)+1)/SUM(INDEX($D$3:$AA$30,INDEX(Jesper!$R$2:$R$366,ROW(INDEX(Jesper!AJ$2:AJ$366,ROUNDDOWN($C7620/24,0)+1,1))-1)+IF('Standard Profiles'!$G$20=$B$10,7,0)+IF('Standard Profiles'!$G$20=$B$17,14,0)+IF('Standard Profiles'!$G$20=$B$24,21,0),0)),0)</f>
        <v>0</v>
      </c>
      <c r="G7620" cm="1">
        <f t="array" ref="G7620">IFERROR(INDEX(Jesper!AK$2:AK$366,ROUNDDOWN($C7620/24,0)+1,1)*INDEX($D$3:$AA$30,INDEX(Jesper!$R$2:$R$366,ROW(INDEX(Jesper!AK$2:AK$366,ROUNDDOWN($C7620/24,0)+1,1))-1)+IF('Standard Profiles'!$G$21=$B$10,7,0)+IF('Standard Profiles'!$G$21=$B$17,14,0)+IF('Standard Profiles'!$G$21=$B$24,21,0),MOD($C7620,24)+1)/SUM(INDEX($D$3:$AA$30,INDEX(Jesper!$R$2:$R$366,ROW(INDEX(Jesper!AK$2:AK$366,ROUNDDOWN($C7620/24,0)+1,1))-1)+IF('Standard Profiles'!$G$21=$B$10,7,0)+IF('Standard Profiles'!$G$21=$B$17,14,0)+IF('Standard Profiles'!$G$21=$B$24,21,0),0)),0)</f>
        <v>0</v>
      </c>
      <c r="H7620" cm="1">
        <f t="array" ref="H7620">IFERROR(INDEX(Jesper!AL$2:AL$366,ROUNDDOWN($C7620/24,0)+1,1)*INDEX($D$3:$AA$30,INDEX(Jesper!$R$2:$R$366,ROW(INDEX(Jesper!AL$2:AL$366,ROUNDDOWN($C7620/24,0)+1,1))-1)+IF('Standard Profiles'!$G$22=$B$10,7,0)+IF('Standard Profiles'!$G$22=$B$17,14,0)+IF('Standard Profiles'!$G$22=$B$24,21,0),MOD($C7620,24)+1)/SUM(INDEX($D$3:$AA$30,INDEX(Jesper!$R$2:$R$366,ROW(INDEX(Jesper!AL$2:AL$366,ROUNDDOWN($C7620/24,0)+1,1))-1)+IF('Standard Profiles'!$G$22=$B$10,7,0)+IF('Standard Profiles'!$G$22=$B$17,14,0)+IF('Standard Profiles'!$G$22=$B$24,21,0),0)),0)</f>
        <v>0</v>
      </c>
      <c r="I7620">
        <f t="shared" si="846"/>
        <v>0.24105286719137184</v>
      </c>
      <c r="J7620">
        <f t="shared" si="847"/>
        <v>0.80350955730457285</v>
      </c>
      <c r="K7620">
        <f t="shared" si="848"/>
        <v>1.2052643359568591</v>
      </c>
      <c r="L7620">
        <f t="shared" si="849"/>
        <v>5.7852688125929239</v>
      </c>
      <c r="M7620">
        <f t="shared" si="850"/>
        <v>0</v>
      </c>
      <c r="N7620" s="46">
        <f t="shared" si="851"/>
        <v>45608.083333314935</v>
      </c>
    </row>
    <row r="7621" spans="2:14" x14ac:dyDescent="0.3">
      <c r="B7621">
        <f t="shared" si="845"/>
        <v>2</v>
      </c>
      <c r="C7621" s="16">
        <v>7587</v>
      </c>
      <c r="D7621" cm="1">
        <f t="array" ref="D7621">IFERROR(INDEX(Jesper!AH$2:AH$366,ROUNDDOWN($C7621/24,0)+1,1)*INDEX($D$3:$AA$30,INDEX(Jesper!$R$2:$R$366,ROW(INDEX(Jesper!AH$2:AH$366,ROUNDDOWN($C7621/24,0)+1,1))-1)+IF('Standard Profiles'!$G$18=$B$10,7,0)+IF('Standard Profiles'!$G$18=$B$17,14,0)+IF('Standard Profiles'!$G$18=$B$24,21,0),MOD($C7621,24)+1)/SUM(INDEX($D$3:$AA$30,INDEX(Jesper!$R$2:$R$366,ROW(INDEX(Jesper!AH$2:AH$366,ROUNDDOWN($C7621/24,0)+1,1))-1)+IF('Standard Profiles'!$G$18=$B$10,7,0)+IF('Standard Profiles'!$G$18=$B$17,14,0)+IF('Standard Profiles'!$G$18=$B$24,21,0),0)),0)</f>
        <v>8.0350955730457283</v>
      </c>
      <c r="E7621" cm="1">
        <f t="array" ref="E7621">IFERROR(INDEX(Jesper!AI$2:AI$366,ROUNDDOWN($C7621/24,0)+1,1)*INDEX($D$3:$AA$30,INDEX(Jesper!$R$2:$R$366,ROW(INDEX(Jesper!AI$2:AI$366,ROUNDDOWN($C7621/24,0)+1,1))-1)+IF('Standard Profiles'!$G$19=$B$10,7,0)+IF('Standard Profiles'!$G$19=$B$17,14,0)+IF('Standard Profiles'!$G$19=$B$24,21,0),MOD($C7621,24)+1)/SUM(INDEX($D$3:$AA$30,INDEX(Jesper!$R$2:$R$366,ROW(INDEX(Jesper!AI$2:AI$366,ROUNDDOWN($C7621/24,0)+1,1))-1)+IF('Standard Profiles'!$G$19=$B$10,7,0)+IF('Standard Profiles'!$G$19=$B$17,14,0)+IF('Standard Profiles'!$G$19=$B$24,21,0),0)),0)</f>
        <v>0</v>
      </c>
      <c r="F7621" cm="1">
        <f t="array" ref="F7621">IFERROR(INDEX(Jesper!AJ$2:AJ$366,ROUNDDOWN($C7621/24,0)+1,1)*INDEX($D$3:$AA$30,INDEX(Jesper!$R$2:$R$366,ROW(INDEX(Jesper!AJ$2:AJ$366,ROUNDDOWN($C7621/24,0)+1,1))-1)+IF('Standard Profiles'!$G$20=$B$10,7,0)+IF('Standard Profiles'!$G$20=$B$17,14,0)+IF('Standard Profiles'!$G$20=$B$24,21,0),MOD($C7621,24)+1)/SUM(INDEX($D$3:$AA$30,INDEX(Jesper!$R$2:$R$366,ROW(INDEX(Jesper!AJ$2:AJ$366,ROUNDDOWN($C7621/24,0)+1,1))-1)+IF('Standard Profiles'!$G$20=$B$10,7,0)+IF('Standard Profiles'!$G$20=$B$17,14,0)+IF('Standard Profiles'!$G$20=$B$24,21,0),0)),0)</f>
        <v>0</v>
      </c>
      <c r="G7621" cm="1">
        <f t="array" ref="G7621">IFERROR(INDEX(Jesper!AK$2:AK$366,ROUNDDOWN($C7621/24,0)+1,1)*INDEX($D$3:$AA$30,INDEX(Jesper!$R$2:$R$366,ROW(INDEX(Jesper!AK$2:AK$366,ROUNDDOWN($C7621/24,0)+1,1))-1)+IF('Standard Profiles'!$G$21=$B$10,7,0)+IF('Standard Profiles'!$G$21=$B$17,14,0)+IF('Standard Profiles'!$G$21=$B$24,21,0),MOD($C7621,24)+1)/SUM(INDEX($D$3:$AA$30,INDEX(Jesper!$R$2:$R$366,ROW(INDEX(Jesper!AK$2:AK$366,ROUNDDOWN($C7621/24,0)+1,1))-1)+IF('Standard Profiles'!$G$21=$B$10,7,0)+IF('Standard Profiles'!$G$21=$B$17,14,0)+IF('Standard Profiles'!$G$21=$B$24,21,0),0)),0)</f>
        <v>0</v>
      </c>
      <c r="H7621" cm="1">
        <f t="array" ref="H7621">IFERROR(INDEX(Jesper!AL$2:AL$366,ROUNDDOWN($C7621/24,0)+1,1)*INDEX($D$3:$AA$30,INDEX(Jesper!$R$2:$R$366,ROW(INDEX(Jesper!AL$2:AL$366,ROUNDDOWN($C7621/24,0)+1,1))-1)+IF('Standard Profiles'!$G$22=$B$10,7,0)+IF('Standard Profiles'!$G$22=$B$17,14,0)+IF('Standard Profiles'!$G$22=$B$24,21,0),MOD($C7621,24)+1)/SUM(INDEX($D$3:$AA$30,INDEX(Jesper!$R$2:$R$366,ROW(INDEX(Jesper!AL$2:AL$366,ROUNDDOWN($C7621/24,0)+1,1))-1)+IF('Standard Profiles'!$G$22=$B$10,7,0)+IF('Standard Profiles'!$G$22=$B$17,14,0)+IF('Standard Profiles'!$G$22=$B$24,21,0),0)),0)</f>
        <v>0</v>
      </c>
      <c r="I7621">
        <f t="shared" si="846"/>
        <v>0.24105286719137184</v>
      </c>
      <c r="J7621">
        <f t="shared" si="847"/>
        <v>0.80350955730457285</v>
      </c>
      <c r="K7621">
        <f t="shared" si="848"/>
        <v>1.2052643359568591</v>
      </c>
      <c r="L7621">
        <f t="shared" si="849"/>
        <v>5.7852688125929239</v>
      </c>
      <c r="M7621">
        <f t="shared" si="850"/>
        <v>0</v>
      </c>
      <c r="N7621" s="46">
        <f t="shared" si="851"/>
        <v>45608.124999981599</v>
      </c>
    </row>
    <row r="7622" spans="2:14" x14ac:dyDescent="0.3">
      <c r="B7622">
        <f t="shared" si="845"/>
        <v>2</v>
      </c>
      <c r="C7622" s="16">
        <v>7588</v>
      </c>
      <c r="D7622" cm="1">
        <f t="array" ref="D7622">IFERROR(INDEX(Jesper!AH$2:AH$366,ROUNDDOWN($C7622/24,0)+1,1)*INDEX($D$3:$AA$30,INDEX(Jesper!$R$2:$R$366,ROW(INDEX(Jesper!AH$2:AH$366,ROUNDDOWN($C7622/24,0)+1,1))-1)+IF('Standard Profiles'!$G$18=$B$10,7,0)+IF('Standard Profiles'!$G$18=$B$17,14,0)+IF('Standard Profiles'!$G$18=$B$24,21,0),MOD($C7622,24)+1)/SUM(INDEX($D$3:$AA$30,INDEX(Jesper!$R$2:$R$366,ROW(INDEX(Jesper!AH$2:AH$366,ROUNDDOWN($C7622/24,0)+1,1))-1)+IF('Standard Profiles'!$G$18=$B$10,7,0)+IF('Standard Profiles'!$G$18=$B$17,14,0)+IF('Standard Profiles'!$G$18=$B$24,21,0),0)),0)</f>
        <v>8.0350955730457283</v>
      </c>
      <c r="E7622" cm="1">
        <f t="array" ref="E7622">IFERROR(INDEX(Jesper!AI$2:AI$366,ROUNDDOWN($C7622/24,0)+1,1)*INDEX($D$3:$AA$30,INDEX(Jesper!$R$2:$R$366,ROW(INDEX(Jesper!AI$2:AI$366,ROUNDDOWN($C7622/24,0)+1,1))-1)+IF('Standard Profiles'!$G$19=$B$10,7,0)+IF('Standard Profiles'!$G$19=$B$17,14,0)+IF('Standard Profiles'!$G$19=$B$24,21,0),MOD($C7622,24)+1)/SUM(INDEX($D$3:$AA$30,INDEX(Jesper!$R$2:$R$366,ROW(INDEX(Jesper!AI$2:AI$366,ROUNDDOWN($C7622/24,0)+1,1))-1)+IF('Standard Profiles'!$G$19=$B$10,7,0)+IF('Standard Profiles'!$G$19=$B$17,14,0)+IF('Standard Profiles'!$G$19=$B$24,21,0),0)),0)</f>
        <v>0</v>
      </c>
      <c r="F7622" cm="1">
        <f t="array" ref="F7622">IFERROR(INDEX(Jesper!AJ$2:AJ$366,ROUNDDOWN($C7622/24,0)+1,1)*INDEX($D$3:$AA$30,INDEX(Jesper!$R$2:$R$366,ROW(INDEX(Jesper!AJ$2:AJ$366,ROUNDDOWN($C7622/24,0)+1,1))-1)+IF('Standard Profiles'!$G$20=$B$10,7,0)+IF('Standard Profiles'!$G$20=$B$17,14,0)+IF('Standard Profiles'!$G$20=$B$24,21,0),MOD($C7622,24)+1)/SUM(INDEX($D$3:$AA$30,INDEX(Jesper!$R$2:$R$366,ROW(INDEX(Jesper!AJ$2:AJ$366,ROUNDDOWN($C7622/24,0)+1,1))-1)+IF('Standard Profiles'!$G$20=$B$10,7,0)+IF('Standard Profiles'!$G$20=$B$17,14,0)+IF('Standard Profiles'!$G$20=$B$24,21,0),0)),0)</f>
        <v>0</v>
      </c>
      <c r="G7622" cm="1">
        <f t="array" ref="G7622">IFERROR(INDEX(Jesper!AK$2:AK$366,ROUNDDOWN($C7622/24,0)+1,1)*INDEX($D$3:$AA$30,INDEX(Jesper!$R$2:$R$366,ROW(INDEX(Jesper!AK$2:AK$366,ROUNDDOWN($C7622/24,0)+1,1))-1)+IF('Standard Profiles'!$G$21=$B$10,7,0)+IF('Standard Profiles'!$G$21=$B$17,14,0)+IF('Standard Profiles'!$G$21=$B$24,21,0),MOD($C7622,24)+1)/SUM(INDEX($D$3:$AA$30,INDEX(Jesper!$R$2:$R$366,ROW(INDEX(Jesper!AK$2:AK$366,ROUNDDOWN($C7622/24,0)+1,1))-1)+IF('Standard Profiles'!$G$21=$B$10,7,0)+IF('Standard Profiles'!$G$21=$B$17,14,0)+IF('Standard Profiles'!$G$21=$B$24,21,0),0)),0)</f>
        <v>0</v>
      </c>
      <c r="H7622" cm="1">
        <f t="array" ref="H7622">IFERROR(INDEX(Jesper!AL$2:AL$366,ROUNDDOWN($C7622/24,0)+1,1)*INDEX($D$3:$AA$30,INDEX(Jesper!$R$2:$R$366,ROW(INDEX(Jesper!AL$2:AL$366,ROUNDDOWN($C7622/24,0)+1,1))-1)+IF('Standard Profiles'!$G$22=$B$10,7,0)+IF('Standard Profiles'!$G$22=$B$17,14,0)+IF('Standard Profiles'!$G$22=$B$24,21,0),MOD($C7622,24)+1)/SUM(INDEX($D$3:$AA$30,INDEX(Jesper!$R$2:$R$366,ROW(INDEX(Jesper!AL$2:AL$366,ROUNDDOWN($C7622/24,0)+1,1))-1)+IF('Standard Profiles'!$G$22=$B$10,7,0)+IF('Standard Profiles'!$G$22=$B$17,14,0)+IF('Standard Profiles'!$G$22=$B$24,21,0),0)),0)</f>
        <v>0</v>
      </c>
      <c r="I7622">
        <f t="shared" si="846"/>
        <v>0.24105286719137184</v>
      </c>
      <c r="J7622">
        <f t="shared" si="847"/>
        <v>0.80350955730457285</v>
      </c>
      <c r="K7622">
        <f t="shared" si="848"/>
        <v>1.2052643359568591</v>
      </c>
      <c r="L7622">
        <f t="shared" si="849"/>
        <v>5.7852688125929239</v>
      </c>
      <c r="M7622">
        <f t="shared" si="850"/>
        <v>0</v>
      </c>
      <c r="N7622" s="46">
        <f t="shared" si="851"/>
        <v>45608.166666648263</v>
      </c>
    </row>
    <row r="7623" spans="2:14" x14ac:dyDescent="0.3">
      <c r="B7623">
        <f t="shared" si="845"/>
        <v>2</v>
      </c>
      <c r="C7623" s="16">
        <v>7589</v>
      </c>
      <c r="D7623" cm="1">
        <f t="array" ref="D7623">IFERROR(INDEX(Jesper!AH$2:AH$366,ROUNDDOWN($C7623/24,0)+1,1)*INDEX($D$3:$AA$30,INDEX(Jesper!$R$2:$R$366,ROW(INDEX(Jesper!AH$2:AH$366,ROUNDDOWN($C7623/24,0)+1,1))-1)+IF('Standard Profiles'!$G$18=$B$10,7,0)+IF('Standard Profiles'!$G$18=$B$17,14,0)+IF('Standard Profiles'!$G$18=$B$24,21,0),MOD($C7623,24)+1)/SUM(INDEX($D$3:$AA$30,INDEX(Jesper!$R$2:$R$366,ROW(INDEX(Jesper!AH$2:AH$366,ROUNDDOWN($C7623/24,0)+1,1))-1)+IF('Standard Profiles'!$G$18=$B$10,7,0)+IF('Standard Profiles'!$G$18=$B$17,14,0)+IF('Standard Profiles'!$G$18=$B$24,21,0),0)),0)</f>
        <v>10.445624244959445</v>
      </c>
      <c r="E7623" cm="1">
        <f t="array" ref="E7623">IFERROR(INDEX(Jesper!AI$2:AI$366,ROUNDDOWN($C7623/24,0)+1,1)*INDEX($D$3:$AA$30,INDEX(Jesper!$R$2:$R$366,ROW(INDEX(Jesper!AI$2:AI$366,ROUNDDOWN($C7623/24,0)+1,1))-1)+IF('Standard Profiles'!$G$19=$B$10,7,0)+IF('Standard Profiles'!$G$19=$B$17,14,0)+IF('Standard Profiles'!$G$19=$B$24,21,0),MOD($C7623,24)+1)/SUM(INDEX($D$3:$AA$30,INDEX(Jesper!$R$2:$R$366,ROW(INDEX(Jesper!AI$2:AI$366,ROUNDDOWN($C7623/24,0)+1,1))-1)+IF('Standard Profiles'!$G$19=$B$10,7,0)+IF('Standard Profiles'!$G$19=$B$17,14,0)+IF('Standard Profiles'!$G$19=$B$24,21,0),0)),0)</f>
        <v>0</v>
      </c>
      <c r="F7623" cm="1">
        <f t="array" ref="F7623">IFERROR(INDEX(Jesper!AJ$2:AJ$366,ROUNDDOWN($C7623/24,0)+1,1)*INDEX($D$3:$AA$30,INDEX(Jesper!$R$2:$R$366,ROW(INDEX(Jesper!AJ$2:AJ$366,ROUNDDOWN($C7623/24,0)+1,1))-1)+IF('Standard Profiles'!$G$20=$B$10,7,0)+IF('Standard Profiles'!$G$20=$B$17,14,0)+IF('Standard Profiles'!$G$20=$B$24,21,0),MOD($C7623,24)+1)/SUM(INDEX($D$3:$AA$30,INDEX(Jesper!$R$2:$R$366,ROW(INDEX(Jesper!AJ$2:AJ$366,ROUNDDOWN($C7623/24,0)+1,1))-1)+IF('Standard Profiles'!$G$20=$B$10,7,0)+IF('Standard Profiles'!$G$20=$B$17,14,0)+IF('Standard Profiles'!$G$20=$B$24,21,0),0)),0)</f>
        <v>0</v>
      </c>
      <c r="G7623" cm="1">
        <f t="array" ref="G7623">IFERROR(INDEX(Jesper!AK$2:AK$366,ROUNDDOWN($C7623/24,0)+1,1)*INDEX($D$3:$AA$30,INDEX(Jesper!$R$2:$R$366,ROW(INDEX(Jesper!AK$2:AK$366,ROUNDDOWN($C7623/24,0)+1,1))-1)+IF('Standard Profiles'!$G$21=$B$10,7,0)+IF('Standard Profiles'!$G$21=$B$17,14,0)+IF('Standard Profiles'!$G$21=$B$24,21,0),MOD($C7623,24)+1)/SUM(INDEX($D$3:$AA$30,INDEX(Jesper!$R$2:$R$366,ROW(INDEX(Jesper!AK$2:AK$366,ROUNDDOWN($C7623/24,0)+1,1))-1)+IF('Standard Profiles'!$G$21=$B$10,7,0)+IF('Standard Profiles'!$G$21=$B$17,14,0)+IF('Standard Profiles'!$G$21=$B$24,21,0),0)),0)</f>
        <v>0</v>
      </c>
      <c r="H7623" cm="1">
        <f t="array" ref="H7623">IFERROR(INDEX(Jesper!AL$2:AL$366,ROUNDDOWN($C7623/24,0)+1,1)*INDEX($D$3:$AA$30,INDEX(Jesper!$R$2:$R$366,ROW(INDEX(Jesper!AL$2:AL$366,ROUNDDOWN($C7623/24,0)+1,1))-1)+IF('Standard Profiles'!$G$22=$B$10,7,0)+IF('Standard Profiles'!$G$22=$B$17,14,0)+IF('Standard Profiles'!$G$22=$B$24,21,0),MOD($C7623,24)+1)/SUM(INDEX($D$3:$AA$30,INDEX(Jesper!$R$2:$R$366,ROW(INDEX(Jesper!AL$2:AL$366,ROUNDDOWN($C7623/24,0)+1,1))-1)+IF('Standard Profiles'!$G$22=$B$10,7,0)+IF('Standard Profiles'!$G$22=$B$17,14,0)+IF('Standard Profiles'!$G$22=$B$24,21,0),0)),0)</f>
        <v>0</v>
      </c>
      <c r="I7623">
        <f t="shared" si="846"/>
        <v>0.31336872734878335</v>
      </c>
      <c r="J7623">
        <f t="shared" si="847"/>
        <v>1.0445624244959446</v>
      </c>
      <c r="K7623">
        <f t="shared" si="848"/>
        <v>1.5668436367439167</v>
      </c>
      <c r="L7623">
        <f t="shared" si="849"/>
        <v>7.5208494563707999</v>
      </c>
      <c r="M7623">
        <f t="shared" si="850"/>
        <v>0</v>
      </c>
      <c r="N7623" s="46">
        <f t="shared" si="851"/>
        <v>45608.208333314928</v>
      </c>
    </row>
    <row r="7624" spans="2:14" x14ac:dyDescent="0.3">
      <c r="B7624">
        <f t="shared" si="845"/>
        <v>2</v>
      </c>
      <c r="C7624" s="16">
        <v>7590</v>
      </c>
      <c r="D7624" cm="1">
        <f t="array" ref="D7624">IFERROR(INDEX(Jesper!AH$2:AH$366,ROUNDDOWN($C7624/24,0)+1,1)*INDEX($D$3:$AA$30,INDEX(Jesper!$R$2:$R$366,ROW(INDEX(Jesper!AH$2:AH$366,ROUNDDOWN($C7624/24,0)+1,1))-1)+IF('Standard Profiles'!$G$18=$B$10,7,0)+IF('Standard Profiles'!$G$18=$B$17,14,0)+IF('Standard Profiles'!$G$18=$B$24,21,0),MOD($C7624,24)+1)/SUM(INDEX($D$3:$AA$30,INDEX(Jesper!$R$2:$R$366,ROW(INDEX(Jesper!AH$2:AH$366,ROUNDDOWN($C7624/24,0)+1,1))-1)+IF('Standard Profiles'!$G$18=$B$10,7,0)+IF('Standard Profiles'!$G$18=$B$17,14,0)+IF('Standard Profiles'!$G$18=$B$24,21,0),0)),0)</f>
        <v>11.650888580916304</v>
      </c>
      <c r="E7624" cm="1">
        <f t="array" ref="E7624">IFERROR(INDEX(Jesper!AI$2:AI$366,ROUNDDOWN($C7624/24,0)+1,1)*INDEX($D$3:$AA$30,INDEX(Jesper!$R$2:$R$366,ROW(INDEX(Jesper!AI$2:AI$366,ROUNDDOWN($C7624/24,0)+1,1))-1)+IF('Standard Profiles'!$G$19=$B$10,7,0)+IF('Standard Profiles'!$G$19=$B$17,14,0)+IF('Standard Profiles'!$G$19=$B$24,21,0),MOD($C7624,24)+1)/SUM(INDEX($D$3:$AA$30,INDEX(Jesper!$R$2:$R$366,ROW(INDEX(Jesper!AI$2:AI$366,ROUNDDOWN($C7624/24,0)+1,1))-1)+IF('Standard Profiles'!$G$19=$B$10,7,0)+IF('Standard Profiles'!$G$19=$B$17,14,0)+IF('Standard Profiles'!$G$19=$B$24,21,0),0)),0)</f>
        <v>0</v>
      </c>
      <c r="F7624" cm="1">
        <f t="array" ref="F7624">IFERROR(INDEX(Jesper!AJ$2:AJ$366,ROUNDDOWN($C7624/24,0)+1,1)*INDEX($D$3:$AA$30,INDEX(Jesper!$R$2:$R$366,ROW(INDEX(Jesper!AJ$2:AJ$366,ROUNDDOWN($C7624/24,0)+1,1))-1)+IF('Standard Profiles'!$G$20=$B$10,7,0)+IF('Standard Profiles'!$G$20=$B$17,14,0)+IF('Standard Profiles'!$G$20=$B$24,21,0),MOD($C7624,24)+1)/SUM(INDEX($D$3:$AA$30,INDEX(Jesper!$R$2:$R$366,ROW(INDEX(Jesper!AJ$2:AJ$366,ROUNDDOWN($C7624/24,0)+1,1))-1)+IF('Standard Profiles'!$G$20=$B$10,7,0)+IF('Standard Profiles'!$G$20=$B$17,14,0)+IF('Standard Profiles'!$G$20=$B$24,21,0),0)),0)</f>
        <v>0</v>
      </c>
      <c r="G7624" cm="1">
        <f t="array" ref="G7624">IFERROR(INDEX(Jesper!AK$2:AK$366,ROUNDDOWN($C7624/24,0)+1,1)*INDEX($D$3:$AA$30,INDEX(Jesper!$R$2:$R$366,ROW(INDEX(Jesper!AK$2:AK$366,ROUNDDOWN($C7624/24,0)+1,1))-1)+IF('Standard Profiles'!$G$21=$B$10,7,0)+IF('Standard Profiles'!$G$21=$B$17,14,0)+IF('Standard Profiles'!$G$21=$B$24,21,0),MOD($C7624,24)+1)/SUM(INDEX($D$3:$AA$30,INDEX(Jesper!$R$2:$R$366,ROW(INDEX(Jesper!AK$2:AK$366,ROUNDDOWN($C7624/24,0)+1,1))-1)+IF('Standard Profiles'!$G$21=$B$10,7,0)+IF('Standard Profiles'!$G$21=$B$17,14,0)+IF('Standard Profiles'!$G$21=$B$24,21,0),0)),0)</f>
        <v>0</v>
      </c>
      <c r="H7624" cm="1">
        <f t="array" ref="H7624">IFERROR(INDEX(Jesper!AL$2:AL$366,ROUNDDOWN($C7624/24,0)+1,1)*INDEX($D$3:$AA$30,INDEX(Jesper!$R$2:$R$366,ROW(INDEX(Jesper!AL$2:AL$366,ROUNDDOWN($C7624/24,0)+1,1))-1)+IF('Standard Profiles'!$G$22=$B$10,7,0)+IF('Standard Profiles'!$G$22=$B$17,14,0)+IF('Standard Profiles'!$G$22=$B$24,21,0),MOD($C7624,24)+1)/SUM(INDEX($D$3:$AA$30,INDEX(Jesper!$R$2:$R$366,ROW(INDEX(Jesper!AL$2:AL$366,ROUNDDOWN($C7624/24,0)+1,1))-1)+IF('Standard Profiles'!$G$22=$B$10,7,0)+IF('Standard Profiles'!$G$22=$B$17,14,0)+IF('Standard Profiles'!$G$22=$B$24,21,0),0)),0)</f>
        <v>0</v>
      </c>
      <c r="I7624">
        <f t="shared" si="846"/>
        <v>0.34952665742748912</v>
      </c>
      <c r="J7624">
        <f t="shared" si="847"/>
        <v>1.1650888580916303</v>
      </c>
      <c r="K7624">
        <f t="shared" si="848"/>
        <v>1.7476332871374456</v>
      </c>
      <c r="L7624">
        <f t="shared" si="849"/>
        <v>8.3886397782597388</v>
      </c>
      <c r="M7624">
        <f t="shared" si="850"/>
        <v>0</v>
      </c>
      <c r="N7624" s="46">
        <f t="shared" si="851"/>
        <v>45608.249999981592</v>
      </c>
    </row>
    <row r="7625" spans="2:14" x14ac:dyDescent="0.3">
      <c r="B7625">
        <f t="shared" si="845"/>
        <v>2</v>
      </c>
      <c r="C7625" s="16">
        <v>7591</v>
      </c>
      <c r="D7625" cm="1">
        <f t="array" ref="D7625">IFERROR(INDEX(Jesper!AH$2:AH$366,ROUNDDOWN($C7625/24,0)+1,1)*INDEX($D$3:$AA$30,INDEX(Jesper!$R$2:$R$366,ROW(INDEX(Jesper!AH$2:AH$366,ROUNDDOWN($C7625/24,0)+1,1))-1)+IF('Standard Profiles'!$G$18=$B$10,7,0)+IF('Standard Profiles'!$G$18=$B$17,14,0)+IF('Standard Profiles'!$G$18=$B$24,21,0),MOD($C7625,24)+1)/SUM(INDEX($D$3:$AA$30,INDEX(Jesper!$R$2:$R$366,ROW(INDEX(Jesper!AH$2:AH$366,ROUNDDOWN($C7625/24,0)+1,1))-1)+IF('Standard Profiles'!$G$18=$B$10,7,0)+IF('Standard Profiles'!$G$18=$B$17,14,0)+IF('Standard Profiles'!$G$18=$B$24,21,0),0)),0)</f>
        <v>12.052643359568592</v>
      </c>
      <c r="E7625" cm="1">
        <f t="array" ref="E7625">IFERROR(INDEX(Jesper!AI$2:AI$366,ROUNDDOWN($C7625/24,0)+1,1)*INDEX($D$3:$AA$30,INDEX(Jesper!$R$2:$R$366,ROW(INDEX(Jesper!AI$2:AI$366,ROUNDDOWN($C7625/24,0)+1,1))-1)+IF('Standard Profiles'!$G$19=$B$10,7,0)+IF('Standard Profiles'!$G$19=$B$17,14,0)+IF('Standard Profiles'!$G$19=$B$24,21,0),MOD($C7625,24)+1)/SUM(INDEX($D$3:$AA$30,INDEX(Jesper!$R$2:$R$366,ROW(INDEX(Jesper!AI$2:AI$366,ROUNDDOWN($C7625/24,0)+1,1))-1)+IF('Standard Profiles'!$G$19=$B$10,7,0)+IF('Standard Profiles'!$G$19=$B$17,14,0)+IF('Standard Profiles'!$G$19=$B$24,21,0),0)),0)</f>
        <v>0</v>
      </c>
      <c r="F7625" cm="1">
        <f t="array" ref="F7625">IFERROR(INDEX(Jesper!AJ$2:AJ$366,ROUNDDOWN($C7625/24,0)+1,1)*INDEX($D$3:$AA$30,INDEX(Jesper!$R$2:$R$366,ROW(INDEX(Jesper!AJ$2:AJ$366,ROUNDDOWN($C7625/24,0)+1,1))-1)+IF('Standard Profiles'!$G$20=$B$10,7,0)+IF('Standard Profiles'!$G$20=$B$17,14,0)+IF('Standard Profiles'!$G$20=$B$24,21,0),MOD($C7625,24)+1)/SUM(INDEX($D$3:$AA$30,INDEX(Jesper!$R$2:$R$366,ROW(INDEX(Jesper!AJ$2:AJ$366,ROUNDDOWN($C7625/24,0)+1,1))-1)+IF('Standard Profiles'!$G$20=$B$10,7,0)+IF('Standard Profiles'!$G$20=$B$17,14,0)+IF('Standard Profiles'!$G$20=$B$24,21,0),0)),0)</f>
        <v>0</v>
      </c>
      <c r="G7625" cm="1">
        <f t="array" ref="G7625">IFERROR(INDEX(Jesper!AK$2:AK$366,ROUNDDOWN($C7625/24,0)+1,1)*INDEX($D$3:$AA$30,INDEX(Jesper!$R$2:$R$366,ROW(INDEX(Jesper!AK$2:AK$366,ROUNDDOWN($C7625/24,0)+1,1))-1)+IF('Standard Profiles'!$G$21=$B$10,7,0)+IF('Standard Profiles'!$G$21=$B$17,14,0)+IF('Standard Profiles'!$G$21=$B$24,21,0),MOD($C7625,24)+1)/SUM(INDEX($D$3:$AA$30,INDEX(Jesper!$R$2:$R$366,ROW(INDEX(Jesper!AK$2:AK$366,ROUNDDOWN($C7625/24,0)+1,1))-1)+IF('Standard Profiles'!$G$21=$B$10,7,0)+IF('Standard Profiles'!$G$21=$B$17,14,0)+IF('Standard Profiles'!$G$21=$B$24,21,0),0)),0)</f>
        <v>0</v>
      </c>
      <c r="H7625" cm="1">
        <f t="array" ref="H7625">IFERROR(INDEX(Jesper!AL$2:AL$366,ROUNDDOWN($C7625/24,0)+1,1)*INDEX($D$3:$AA$30,INDEX(Jesper!$R$2:$R$366,ROW(INDEX(Jesper!AL$2:AL$366,ROUNDDOWN($C7625/24,0)+1,1))-1)+IF('Standard Profiles'!$G$22=$B$10,7,0)+IF('Standard Profiles'!$G$22=$B$17,14,0)+IF('Standard Profiles'!$G$22=$B$24,21,0),MOD($C7625,24)+1)/SUM(INDEX($D$3:$AA$30,INDEX(Jesper!$R$2:$R$366,ROW(INDEX(Jesper!AL$2:AL$366,ROUNDDOWN($C7625/24,0)+1,1))-1)+IF('Standard Profiles'!$G$22=$B$10,7,0)+IF('Standard Profiles'!$G$22=$B$17,14,0)+IF('Standard Profiles'!$G$22=$B$24,21,0),0)),0)</f>
        <v>0</v>
      </c>
      <c r="I7625">
        <f t="shared" si="846"/>
        <v>0.36157930078705774</v>
      </c>
      <c r="J7625">
        <f t="shared" si="847"/>
        <v>1.2052643359568593</v>
      </c>
      <c r="K7625">
        <f t="shared" si="848"/>
        <v>1.8078965039352886</v>
      </c>
      <c r="L7625">
        <f t="shared" si="849"/>
        <v>8.6779032188893854</v>
      </c>
      <c r="M7625">
        <f t="shared" si="850"/>
        <v>0</v>
      </c>
      <c r="N7625" s="46">
        <f t="shared" si="851"/>
        <v>45608.291666648256</v>
      </c>
    </row>
    <row r="7626" spans="2:14" x14ac:dyDescent="0.3">
      <c r="B7626">
        <f t="shared" si="845"/>
        <v>2</v>
      </c>
      <c r="C7626" s="16">
        <v>7592</v>
      </c>
      <c r="D7626" cm="1">
        <f t="array" ref="D7626">IFERROR(INDEX(Jesper!AH$2:AH$366,ROUNDDOWN($C7626/24,0)+1,1)*INDEX($D$3:$AA$30,INDEX(Jesper!$R$2:$R$366,ROW(INDEX(Jesper!AH$2:AH$366,ROUNDDOWN($C7626/24,0)+1,1))-1)+IF('Standard Profiles'!$G$18=$B$10,7,0)+IF('Standard Profiles'!$G$18=$B$17,14,0)+IF('Standard Profiles'!$G$18=$B$24,21,0),MOD($C7626,24)+1)/SUM(INDEX($D$3:$AA$30,INDEX(Jesper!$R$2:$R$366,ROW(INDEX(Jesper!AH$2:AH$366,ROUNDDOWN($C7626/24,0)+1,1))-1)+IF('Standard Profiles'!$G$18=$B$10,7,0)+IF('Standard Profiles'!$G$18=$B$17,14,0)+IF('Standard Profiles'!$G$18=$B$24,21,0),0)),0)</f>
        <v>12.052643359568592</v>
      </c>
      <c r="E7626" cm="1">
        <f t="array" ref="E7626">IFERROR(INDEX(Jesper!AI$2:AI$366,ROUNDDOWN($C7626/24,0)+1,1)*INDEX($D$3:$AA$30,INDEX(Jesper!$R$2:$R$366,ROW(INDEX(Jesper!AI$2:AI$366,ROUNDDOWN($C7626/24,0)+1,1))-1)+IF('Standard Profiles'!$G$19=$B$10,7,0)+IF('Standard Profiles'!$G$19=$B$17,14,0)+IF('Standard Profiles'!$G$19=$B$24,21,0),MOD($C7626,24)+1)/SUM(INDEX($D$3:$AA$30,INDEX(Jesper!$R$2:$R$366,ROW(INDEX(Jesper!AI$2:AI$366,ROUNDDOWN($C7626/24,0)+1,1))-1)+IF('Standard Profiles'!$G$19=$B$10,7,0)+IF('Standard Profiles'!$G$19=$B$17,14,0)+IF('Standard Profiles'!$G$19=$B$24,21,0),0)),0)</f>
        <v>0</v>
      </c>
      <c r="F7626" cm="1">
        <f t="array" ref="F7626">IFERROR(INDEX(Jesper!AJ$2:AJ$366,ROUNDDOWN($C7626/24,0)+1,1)*INDEX($D$3:$AA$30,INDEX(Jesper!$R$2:$R$366,ROW(INDEX(Jesper!AJ$2:AJ$366,ROUNDDOWN($C7626/24,0)+1,1))-1)+IF('Standard Profiles'!$G$20=$B$10,7,0)+IF('Standard Profiles'!$G$20=$B$17,14,0)+IF('Standard Profiles'!$G$20=$B$24,21,0),MOD($C7626,24)+1)/SUM(INDEX($D$3:$AA$30,INDEX(Jesper!$R$2:$R$366,ROW(INDEX(Jesper!AJ$2:AJ$366,ROUNDDOWN($C7626/24,0)+1,1))-1)+IF('Standard Profiles'!$G$20=$B$10,7,0)+IF('Standard Profiles'!$G$20=$B$17,14,0)+IF('Standard Profiles'!$G$20=$B$24,21,0),0)),0)</f>
        <v>0</v>
      </c>
      <c r="G7626" cm="1">
        <f t="array" ref="G7626">IFERROR(INDEX(Jesper!AK$2:AK$366,ROUNDDOWN($C7626/24,0)+1,1)*INDEX($D$3:$AA$30,INDEX(Jesper!$R$2:$R$366,ROW(INDEX(Jesper!AK$2:AK$366,ROUNDDOWN($C7626/24,0)+1,1))-1)+IF('Standard Profiles'!$G$21=$B$10,7,0)+IF('Standard Profiles'!$G$21=$B$17,14,0)+IF('Standard Profiles'!$G$21=$B$24,21,0),MOD($C7626,24)+1)/SUM(INDEX($D$3:$AA$30,INDEX(Jesper!$R$2:$R$366,ROW(INDEX(Jesper!AK$2:AK$366,ROUNDDOWN($C7626/24,0)+1,1))-1)+IF('Standard Profiles'!$G$21=$B$10,7,0)+IF('Standard Profiles'!$G$21=$B$17,14,0)+IF('Standard Profiles'!$G$21=$B$24,21,0),0)),0)</f>
        <v>0</v>
      </c>
      <c r="H7626" cm="1">
        <f t="array" ref="H7626">IFERROR(INDEX(Jesper!AL$2:AL$366,ROUNDDOWN($C7626/24,0)+1,1)*INDEX($D$3:$AA$30,INDEX(Jesper!$R$2:$R$366,ROW(INDEX(Jesper!AL$2:AL$366,ROUNDDOWN($C7626/24,0)+1,1))-1)+IF('Standard Profiles'!$G$22=$B$10,7,0)+IF('Standard Profiles'!$G$22=$B$17,14,0)+IF('Standard Profiles'!$G$22=$B$24,21,0),MOD($C7626,24)+1)/SUM(INDEX($D$3:$AA$30,INDEX(Jesper!$R$2:$R$366,ROW(INDEX(Jesper!AL$2:AL$366,ROUNDDOWN($C7626/24,0)+1,1))-1)+IF('Standard Profiles'!$G$22=$B$10,7,0)+IF('Standard Profiles'!$G$22=$B$17,14,0)+IF('Standard Profiles'!$G$22=$B$24,21,0),0)),0)</f>
        <v>0</v>
      </c>
      <c r="I7626">
        <f t="shared" si="846"/>
        <v>0.36157930078705774</v>
      </c>
      <c r="J7626">
        <f t="shared" si="847"/>
        <v>1.2052643359568593</v>
      </c>
      <c r="K7626">
        <f t="shared" si="848"/>
        <v>1.8078965039352886</v>
      </c>
      <c r="L7626">
        <f t="shared" si="849"/>
        <v>8.6779032188893854</v>
      </c>
      <c r="M7626">
        <f t="shared" si="850"/>
        <v>0</v>
      </c>
      <c r="N7626" s="46">
        <f t="shared" si="851"/>
        <v>45608.33333331492</v>
      </c>
    </row>
    <row r="7627" spans="2:14" x14ac:dyDescent="0.3">
      <c r="B7627">
        <f t="shared" si="845"/>
        <v>2</v>
      </c>
      <c r="C7627" s="16">
        <v>7593</v>
      </c>
      <c r="D7627" cm="1">
        <f t="array" ref="D7627">IFERROR(INDEX(Jesper!AH$2:AH$366,ROUNDDOWN($C7627/24,0)+1,1)*INDEX($D$3:$AA$30,INDEX(Jesper!$R$2:$R$366,ROW(INDEX(Jesper!AH$2:AH$366,ROUNDDOWN($C7627/24,0)+1,1))-1)+IF('Standard Profiles'!$G$18=$B$10,7,0)+IF('Standard Profiles'!$G$18=$B$17,14,0)+IF('Standard Profiles'!$G$18=$B$24,21,0),MOD($C7627,24)+1)/SUM(INDEX($D$3:$AA$30,INDEX(Jesper!$R$2:$R$366,ROW(INDEX(Jesper!AH$2:AH$366,ROUNDDOWN($C7627/24,0)+1,1))-1)+IF('Standard Profiles'!$G$18=$B$10,7,0)+IF('Standard Profiles'!$G$18=$B$17,14,0)+IF('Standard Profiles'!$G$18=$B$24,21,0),0)),0)</f>
        <v>13.057030306199307</v>
      </c>
      <c r="E7627" cm="1">
        <f t="array" ref="E7627">IFERROR(INDEX(Jesper!AI$2:AI$366,ROUNDDOWN($C7627/24,0)+1,1)*INDEX($D$3:$AA$30,INDEX(Jesper!$R$2:$R$366,ROW(INDEX(Jesper!AI$2:AI$366,ROUNDDOWN($C7627/24,0)+1,1))-1)+IF('Standard Profiles'!$G$19=$B$10,7,0)+IF('Standard Profiles'!$G$19=$B$17,14,0)+IF('Standard Profiles'!$G$19=$B$24,21,0),MOD($C7627,24)+1)/SUM(INDEX($D$3:$AA$30,INDEX(Jesper!$R$2:$R$366,ROW(INDEX(Jesper!AI$2:AI$366,ROUNDDOWN($C7627/24,0)+1,1))-1)+IF('Standard Profiles'!$G$19=$B$10,7,0)+IF('Standard Profiles'!$G$19=$B$17,14,0)+IF('Standard Profiles'!$G$19=$B$24,21,0),0)),0)</f>
        <v>0</v>
      </c>
      <c r="F7627" cm="1">
        <f t="array" ref="F7627">IFERROR(INDEX(Jesper!AJ$2:AJ$366,ROUNDDOWN($C7627/24,0)+1,1)*INDEX($D$3:$AA$30,INDEX(Jesper!$R$2:$R$366,ROW(INDEX(Jesper!AJ$2:AJ$366,ROUNDDOWN($C7627/24,0)+1,1))-1)+IF('Standard Profiles'!$G$20=$B$10,7,0)+IF('Standard Profiles'!$G$20=$B$17,14,0)+IF('Standard Profiles'!$G$20=$B$24,21,0),MOD($C7627,24)+1)/SUM(INDEX($D$3:$AA$30,INDEX(Jesper!$R$2:$R$366,ROW(INDEX(Jesper!AJ$2:AJ$366,ROUNDDOWN($C7627/24,0)+1,1))-1)+IF('Standard Profiles'!$G$20=$B$10,7,0)+IF('Standard Profiles'!$G$20=$B$17,14,0)+IF('Standard Profiles'!$G$20=$B$24,21,0),0)),0)</f>
        <v>0</v>
      </c>
      <c r="G7627" cm="1">
        <f t="array" ref="G7627">IFERROR(INDEX(Jesper!AK$2:AK$366,ROUNDDOWN($C7627/24,0)+1,1)*INDEX($D$3:$AA$30,INDEX(Jesper!$R$2:$R$366,ROW(INDEX(Jesper!AK$2:AK$366,ROUNDDOWN($C7627/24,0)+1,1))-1)+IF('Standard Profiles'!$G$21=$B$10,7,0)+IF('Standard Profiles'!$G$21=$B$17,14,0)+IF('Standard Profiles'!$G$21=$B$24,21,0),MOD($C7627,24)+1)/SUM(INDEX($D$3:$AA$30,INDEX(Jesper!$R$2:$R$366,ROW(INDEX(Jesper!AK$2:AK$366,ROUNDDOWN($C7627/24,0)+1,1))-1)+IF('Standard Profiles'!$G$21=$B$10,7,0)+IF('Standard Profiles'!$G$21=$B$17,14,0)+IF('Standard Profiles'!$G$21=$B$24,21,0),0)),0)</f>
        <v>0</v>
      </c>
      <c r="H7627" cm="1">
        <f t="array" ref="H7627">IFERROR(INDEX(Jesper!AL$2:AL$366,ROUNDDOWN($C7627/24,0)+1,1)*INDEX($D$3:$AA$30,INDEX(Jesper!$R$2:$R$366,ROW(INDEX(Jesper!AL$2:AL$366,ROUNDDOWN($C7627/24,0)+1,1))-1)+IF('Standard Profiles'!$G$22=$B$10,7,0)+IF('Standard Profiles'!$G$22=$B$17,14,0)+IF('Standard Profiles'!$G$22=$B$24,21,0),MOD($C7627,24)+1)/SUM(INDEX($D$3:$AA$30,INDEX(Jesper!$R$2:$R$366,ROW(INDEX(Jesper!AL$2:AL$366,ROUNDDOWN($C7627/24,0)+1,1))-1)+IF('Standard Profiles'!$G$22=$B$10,7,0)+IF('Standard Profiles'!$G$22=$B$17,14,0)+IF('Standard Profiles'!$G$22=$B$24,21,0),0)),0)</f>
        <v>0</v>
      </c>
      <c r="I7627">
        <f t="shared" si="846"/>
        <v>0.39171090918597917</v>
      </c>
      <c r="J7627">
        <f t="shared" si="847"/>
        <v>1.3057030306199309</v>
      </c>
      <c r="K7627">
        <f t="shared" si="848"/>
        <v>1.9585545459298959</v>
      </c>
      <c r="L7627">
        <f t="shared" si="849"/>
        <v>9.4010618204635001</v>
      </c>
      <c r="M7627">
        <f t="shared" si="850"/>
        <v>0</v>
      </c>
      <c r="N7627" s="46">
        <f t="shared" si="851"/>
        <v>45608.374999981585</v>
      </c>
    </row>
    <row r="7628" spans="2:14" x14ac:dyDescent="0.3">
      <c r="B7628">
        <f t="shared" si="845"/>
        <v>2</v>
      </c>
      <c r="C7628" s="16">
        <v>7594</v>
      </c>
      <c r="D7628" cm="1">
        <f t="array" ref="D7628">IFERROR(INDEX(Jesper!AH$2:AH$366,ROUNDDOWN($C7628/24,0)+1,1)*INDEX($D$3:$AA$30,INDEX(Jesper!$R$2:$R$366,ROW(INDEX(Jesper!AH$2:AH$366,ROUNDDOWN($C7628/24,0)+1,1))-1)+IF('Standard Profiles'!$G$18=$B$10,7,0)+IF('Standard Profiles'!$G$18=$B$17,14,0)+IF('Standard Profiles'!$G$18=$B$24,21,0),MOD($C7628,24)+1)/SUM(INDEX($D$3:$AA$30,INDEX(Jesper!$R$2:$R$366,ROW(INDEX(Jesper!AH$2:AH$366,ROUNDDOWN($C7628/24,0)+1,1))-1)+IF('Standard Profiles'!$G$18=$B$10,7,0)+IF('Standard Profiles'!$G$18=$B$17,14,0)+IF('Standard Profiles'!$G$18=$B$24,21,0),0)),0)</f>
        <v>13.659662474177736</v>
      </c>
      <c r="E7628" cm="1">
        <f t="array" ref="E7628">IFERROR(INDEX(Jesper!AI$2:AI$366,ROUNDDOWN($C7628/24,0)+1,1)*INDEX($D$3:$AA$30,INDEX(Jesper!$R$2:$R$366,ROW(INDEX(Jesper!AI$2:AI$366,ROUNDDOWN($C7628/24,0)+1,1))-1)+IF('Standard Profiles'!$G$19=$B$10,7,0)+IF('Standard Profiles'!$G$19=$B$17,14,0)+IF('Standard Profiles'!$G$19=$B$24,21,0),MOD($C7628,24)+1)/SUM(INDEX($D$3:$AA$30,INDEX(Jesper!$R$2:$R$366,ROW(INDEX(Jesper!AI$2:AI$366,ROUNDDOWN($C7628/24,0)+1,1))-1)+IF('Standard Profiles'!$G$19=$B$10,7,0)+IF('Standard Profiles'!$G$19=$B$17,14,0)+IF('Standard Profiles'!$G$19=$B$24,21,0),0)),0)</f>
        <v>0</v>
      </c>
      <c r="F7628" cm="1">
        <f t="array" ref="F7628">IFERROR(INDEX(Jesper!AJ$2:AJ$366,ROUNDDOWN($C7628/24,0)+1,1)*INDEX($D$3:$AA$30,INDEX(Jesper!$R$2:$R$366,ROW(INDEX(Jesper!AJ$2:AJ$366,ROUNDDOWN($C7628/24,0)+1,1))-1)+IF('Standard Profiles'!$G$20=$B$10,7,0)+IF('Standard Profiles'!$G$20=$B$17,14,0)+IF('Standard Profiles'!$G$20=$B$24,21,0),MOD($C7628,24)+1)/SUM(INDEX($D$3:$AA$30,INDEX(Jesper!$R$2:$R$366,ROW(INDEX(Jesper!AJ$2:AJ$366,ROUNDDOWN($C7628/24,0)+1,1))-1)+IF('Standard Profiles'!$G$20=$B$10,7,0)+IF('Standard Profiles'!$G$20=$B$17,14,0)+IF('Standard Profiles'!$G$20=$B$24,21,0),0)),0)</f>
        <v>0</v>
      </c>
      <c r="G7628" cm="1">
        <f t="array" ref="G7628">IFERROR(INDEX(Jesper!AK$2:AK$366,ROUNDDOWN($C7628/24,0)+1,1)*INDEX($D$3:$AA$30,INDEX(Jesper!$R$2:$R$366,ROW(INDEX(Jesper!AK$2:AK$366,ROUNDDOWN($C7628/24,0)+1,1))-1)+IF('Standard Profiles'!$G$21=$B$10,7,0)+IF('Standard Profiles'!$G$21=$B$17,14,0)+IF('Standard Profiles'!$G$21=$B$24,21,0),MOD($C7628,24)+1)/SUM(INDEX($D$3:$AA$30,INDEX(Jesper!$R$2:$R$366,ROW(INDEX(Jesper!AK$2:AK$366,ROUNDDOWN($C7628/24,0)+1,1))-1)+IF('Standard Profiles'!$G$21=$B$10,7,0)+IF('Standard Profiles'!$G$21=$B$17,14,0)+IF('Standard Profiles'!$G$21=$B$24,21,0),0)),0)</f>
        <v>0</v>
      </c>
      <c r="H7628" cm="1">
        <f t="array" ref="H7628">IFERROR(INDEX(Jesper!AL$2:AL$366,ROUNDDOWN($C7628/24,0)+1,1)*INDEX($D$3:$AA$30,INDEX(Jesper!$R$2:$R$366,ROW(INDEX(Jesper!AL$2:AL$366,ROUNDDOWN($C7628/24,0)+1,1))-1)+IF('Standard Profiles'!$G$22=$B$10,7,0)+IF('Standard Profiles'!$G$22=$B$17,14,0)+IF('Standard Profiles'!$G$22=$B$24,21,0),MOD($C7628,24)+1)/SUM(INDEX($D$3:$AA$30,INDEX(Jesper!$R$2:$R$366,ROW(INDEX(Jesper!AL$2:AL$366,ROUNDDOWN($C7628/24,0)+1,1))-1)+IF('Standard Profiles'!$G$22=$B$10,7,0)+IF('Standard Profiles'!$G$22=$B$17,14,0)+IF('Standard Profiles'!$G$22=$B$24,21,0),0)),0)</f>
        <v>0</v>
      </c>
      <c r="I7628">
        <f t="shared" si="846"/>
        <v>0.40978987422533208</v>
      </c>
      <c r="J7628">
        <f t="shared" si="847"/>
        <v>1.3659662474177736</v>
      </c>
      <c r="K7628">
        <f t="shared" si="848"/>
        <v>2.0489493711266604</v>
      </c>
      <c r="L7628">
        <f t="shared" si="849"/>
        <v>9.83495698140797</v>
      </c>
      <c r="M7628">
        <f t="shared" si="850"/>
        <v>0</v>
      </c>
      <c r="N7628" s="46">
        <f t="shared" si="851"/>
        <v>45608.416666648249</v>
      </c>
    </row>
    <row r="7629" spans="2:14" x14ac:dyDescent="0.3">
      <c r="B7629">
        <f t="shared" si="845"/>
        <v>2</v>
      </c>
      <c r="C7629" s="16">
        <v>7595</v>
      </c>
      <c r="D7629" cm="1">
        <f t="array" ref="D7629">IFERROR(INDEX(Jesper!AH$2:AH$366,ROUNDDOWN($C7629/24,0)+1,1)*INDEX($D$3:$AA$30,INDEX(Jesper!$R$2:$R$366,ROW(INDEX(Jesper!AH$2:AH$366,ROUNDDOWN($C7629/24,0)+1,1))-1)+IF('Standard Profiles'!$G$18=$B$10,7,0)+IF('Standard Profiles'!$G$18=$B$17,14,0)+IF('Standard Profiles'!$G$18=$B$24,21,0),MOD($C7629,24)+1)/SUM(INDEX($D$3:$AA$30,INDEX(Jesper!$R$2:$R$366,ROW(INDEX(Jesper!AH$2:AH$366,ROUNDDOWN($C7629/24,0)+1,1))-1)+IF('Standard Profiles'!$G$18=$B$10,7,0)+IF('Standard Profiles'!$G$18=$B$17,14,0)+IF('Standard Profiles'!$G$18=$B$24,21,0),0)),0)</f>
        <v>16.070191146091457</v>
      </c>
      <c r="E7629" cm="1">
        <f t="array" ref="E7629">IFERROR(INDEX(Jesper!AI$2:AI$366,ROUNDDOWN($C7629/24,0)+1,1)*INDEX($D$3:$AA$30,INDEX(Jesper!$R$2:$R$366,ROW(INDEX(Jesper!AI$2:AI$366,ROUNDDOWN($C7629/24,0)+1,1))-1)+IF('Standard Profiles'!$G$19=$B$10,7,0)+IF('Standard Profiles'!$G$19=$B$17,14,0)+IF('Standard Profiles'!$G$19=$B$24,21,0),MOD($C7629,24)+1)/SUM(INDEX($D$3:$AA$30,INDEX(Jesper!$R$2:$R$366,ROW(INDEX(Jesper!AI$2:AI$366,ROUNDDOWN($C7629/24,0)+1,1))-1)+IF('Standard Profiles'!$G$19=$B$10,7,0)+IF('Standard Profiles'!$G$19=$B$17,14,0)+IF('Standard Profiles'!$G$19=$B$24,21,0),0)),0)</f>
        <v>0</v>
      </c>
      <c r="F7629" cm="1">
        <f t="array" ref="F7629">IFERROR(INDEX(Jesper!AJ$2:AJ$366,ROUNDDOWN($C7629/24,0)+1,1)*INDEX($D$3:$AA$30,INDEX(Jesper!$R$2:$R$366,ROW(INDEX(Jesper!AJ$2:AJ$366,ROUNDDOWN($C7629/24,0)+1,1))-1)+IF('Standard Profiles'!$G$20=$B$10,7,0)+IF('Standard Profiles'!$G$20=$B$17,14,0)+IF('Standard Profiles'!$G$20=$B$24,21,0),MOD($C7629,24)+1)/SUM(INDEX($D$3:$AA$30,INDEX(Jesper!$R$2:$R$366,ROW(INDEX(Jesper!AJ$2:AJ$366,ROUNDDOWN($C7629/24,0)+1,1))-1)+IF('Standard Profiles'!$G$20=$B$10,7,0)+IF('Standard Profiles'!$G$20=$B$17,14,0)+IF('Standard Profiles'!$G$20=$B$24,21,0),0)),0)</f>
        <v>0</v>
      </c>
      <c r="G7629" cm="1">
        <f t="array" ref="G7629">IFERROR(INDEX(Jesper!AK$2:AK$366,ROUNDDOWN($C7629/24,0)+1,1)*INDEX($D$3:$AA$30,INDEX(Jesper!$R$2:$R$366,ROW(INDEX(Jesper!AK$2:AK$366,ROUNDDOWN($C7629/24,0)+1,1))-1)+IF('Standard Profiles'!$G$21=$B$10,7,0)+IF('Standard Profiles'!$G$21=$B$17,14,0)+IF('Standard Profiles'!$G$21=$B$24,21,0),MOD($C7629,24)+1)/SUM(INDEX($D$3:$AA$30,INDEX(Jesper!$R$2:$R$366,ROW(INDEX(Jesper!AK$2:AK$366,ROUNDDOWN($C7629/24,0)+1,1))-1)+IF('Standard Profiles'!$G$21=$B$10,7,0)+IF('Standard Profiles'!$G$21=$B$17,14,0)+IF('Standard Profiles'!$G$21=$B$24,21,0),0)),0)</f>
        <v>0</v>
      </c>
      <c r="H7629" cm="1">
        <f t="array" ref="H7629">IFERROR(INDEX(Jesper!AL$2:AL$366,ROUNDDOWN($C7629/24,0)+1,1)*INDEX($D$3:$AA$30,INDEX(Jesper!$R$2:$R$366,ROW(INDEX(Jesper!AL$2:AL$366,ROUNDDOWN($C7629/24,0)+1,1))-1)+IF('Standard Profiles'!$G$22=$B$10,7,0)+IF('Standard Profiles'!$G$22=$B$17,14,0)+IF('Standard Profiles'!$G$22=$B$24,21,0),MOD($C7629,24)+1)/SUM(INDEX($D$3:$AA$30,INDEX(Jesper!$R$2:$R$366,ROW(INDEX(Jesper!AL$2:AL$366,ROUNDDOWN($C7629/24,0)+1,1))-1)+IF('Standard Profiles'!$G$22=$B$10,7,0)+IF('Standard Profiles'!$G$22=$B$17,14,0)+IF('Standard Profiles'!$G$22=$B$24,21,0),0)),0)</f>
        <v>0</v>
      </c>
      <c r="I7629">
        <f t="shared" si="846"/>
        <v>0.48210573438274368</v>
      </c>
      <c r="J7629">
        <f t="shared" si="847"/>
        <v>1.6070191146091457</v>
      </c>
      <c r="K7629">
        <f t="shared" si="848"/>
        <v>2.4105286719137182</v>
      </c>
      <c r="L7629">
        <f t="shared" si="849"/>
        <v>11.570537625185848</v>
      </c>
      <c r="M7629">
        <f t="shared" si="850"/>
        <v>0</v>
      </c>
      <c r="N7629" s="46">
        <f t="shared" si="851"/>
        <v>45608.458333314913</v>
      </c>
    </row>
    <row r="7630" spans="2:14" x14ac:dyDescent="0.3">
      <c r="B7630">
        <f t="shared" si="845"/>
        <v>2</v>
      </c>
      <c r="C7630" s="16">
        <v>7596</v>
      </c>
      <c r="D7630" cm="1">
        <f t="array" ref="D7630">IFERROR(INDEX(Jesper!AH$2:AH$366,ROUNDDOWN($C7630/24,0)+1,1)*INDEX($D$3:$AA$30,INDEX(Jesper!$R$2:$R$366,ROW(INDEX(Jesper!AH$2:AH$366,ROUNDDOWN($C7630/24,0)+1,1))-1)+IF('Standard Profiles'!$G$18=$B$10,7,0)+IF('Standard Profiles'!$G$18=$B$17,14,0)+IF('Standard Profiles'!$G$18=$B$24,21,0),MOD($C7630,24)+1)/SUM(INDEX($D$3:$AA$30,INDEX(Jesper!$R$2:$R$366,ROW(INDEX(Jesper!AH$2:AH$366,ROUNDDOWN($C7630/24,0)+1,1))-1)+IF('Standard Profiles'!$G$18=$B$10,7,0)+IF('Standard Profiles'!$G$18=$B$17,14,0)+IF('Standard Profiles'!$G$18=$B$24,21,0),0)),0)</f>
        <v>16.070191146091457</v>
      </c>
      <c r="E7630" cm="1">
        <f t="array" ref="E7630">IFERROR(INDEX(Jesper!AI$2:AI$366,ROUNDDOWN($C7630/24,0)+1,1)*INDEX($D$3:$AA$30,INDEX(Jesper!$R$2:$R$366,ROW(INDEX(Jesper!AI$2:AI$366,ROUNDDOWN($C7630/24,0)+1,1))-1)+IF('Standard Profiles'!$G$19=$B$10,7,0)+IF('Standard Profiles'!$G$19=$B$17,14,0)+IF('Standard Profiles'!$G$19=$B$24,21,0),MOD($C7630,24)+1)/SUM(INDEX($D$3:$AA$30,INDEX(Jesper!$R$2:$R$366,ROW(INDEX(Jesper!AI$2:AI$366,ROUNDDOWN($C7630/24,0)+1,1))-1)+IF('Standard Profiles'!$G$19=$B$10,7,0)+IF('Standard Profiles'!$G$19=$B$17,14,0)+IF('Standard Profiles'!$G$19=$B$24,21,0),0)),0)</f>
        <v>0</v>
      </c>
      <c r="F7630" cm="1">
        <f t="array" ref="F7630">IFERROR(INDEX(Jesper!AJ$2:AJ$366,ROUNDDOWN($C7630/24,0)+1,1)*INDEX($D$3:$AA$30,INDEX(Jesper!$R$2:$R$366,ROW(INDEX(Jesper!AJ$2:AJ$366,ROUNDDOWN($C7630/24,0)+1,1))-1)+IF('Standard Profiles'!$G$20=$B$10,7,0)+IF('Standard Profiles'!$G$20=$B$17,14,0)+IF('Standard Profiles'!$G$20=$B$24,21,0),MOD($C7630,24)+1)/SUM(INDEX($D$3:$AA$30,INDEX(Jesper!$R$2:$R$366,ROW(INDEX(Jesper!AJ$2:AJ$366,ROUNDDOWN($C7630/24,0)+1,1))-1)+IF('Standard Profiles'!$G$20=$B$10,7,0)+IF('Standard Profiles'!$G$20=$B$17,14,0)+IF('Standard Profiles'!$G$20=$B$24,21,0),0)),0)</f>
        <v>0</v>
      </c>
      <c r="G7630" cm="1">
        <f t="array" ref="G7630">IFERROR(INDEX(Jesper!AK$2:AK$366,ROUNDDOWN($C7630/24,0)+1,1)*INDEX($D$3:$AA$30,INDEX(Jesper!$R$2:$R$366,ROW(INDEX(Jesper!AK$2:AK$366,ROUNDDOWN($C7630/24,0)+1,1))-1)+IF('Standard Profiles'!$G$21=$B$10,7,0)+IF('Standard Profiles'!$G$21=$B$17,14,0)+IF('Standard Profiles'!$G$21=$B$24,21,0),MOD($C7630,24)+1)/SUM(INDEX($D$3:$AA$30,INDEX(Jesper!$R$2:$R$366,ROW(INDEX(Jesper!AK$2:AK$366,ROUNDDOWN($C7630/24,0)+1,1))-1)+IF('Standard Profiles'!$G$21=$B$10,7,0)+IF('Standard Profiles'!$G$21=$B$17,14,0)+IF('Standard Profiles'!$G$21=$B$24,21,0),0)),0)</f>
        <v>0</v>
      </c>
      <c r="H7630" cm="1">
        <f t="array" ref="H7630">IFERROR(INDEX(Jesper!AL$2:AL$366,ROUNDDOWN($C7630/24,0)+1,1)*INDEX($D$3:$AA$30,INDEX(Jesper!$R$2:$R$366,ROW(INDEX(Jesper!AL$2:AL$366,ROUNDDOWN($C7630/24,0)+1,1))-1)+IF('Standard Profiles'!$G$22=$B$10,7,0)+IF('Standard Profiles'!$G$22=$B$17,14,0)+IF('Standard Profiles'!$G$22=$B$24,21,0),MOD($C7630,24)+1)/SUM(INDEX($D$3:$AA$30,INDEX(Jesper!$R$2:$R$366,ROW(INDEX(Jesper!AL$2:AL$366,ROUNDDOWN($C7630/24,0)+1,1))-1)+IF('Standard Profiles'!$G$22=$B$10,7,0)+IF('Standard Profiles'!$G$22=$B$17,14,0)+IF('Standard Profiles'!$G$22=$B$24,21,0),0)),0)</f>
        <v>0</v>
      </c>
      <c r="I7630">
        <f t="shared" si="846"/>
        <v>0.48210573438274368</v>
      </c>
      <c r="J7630">
        <f t="shared" si="847"/>
        <v>1.6070191146091457</v>
      </c>
      <c r="K7630">
        <f t="shared" si="848"/>
        <v>2.4105286719137182</v>
      </c>
      <c r="L7630">
        <f t="shared" si="849"/>
        <v>11.570537625185848</v>
      </c>
      <c r="M7630">
        <f t="shared" si="850"/>
        <v>0</v>
      </c>
      <c r="N7630" s="46">
        <f t="shared" si="851"/>
        <v>45608.499999981577</v>
      </c>
    </row>
    <row r="7631" spans="2:14" x14ac:dyDescent="0.3">
      <c r="B7631">
        <f t="shared" si="845"/>
        <v>2</v>
      </c>
      <c r="C7631" s="16">
        <v>7597</v>
      </c>
      <c r="D7631" cm="1">
        <f t="array" ref="D7631">IFERROR(INDEX(Jesper!AH$2:AH$366,ROUNDDOWN($C7631/24,0)+1,1)*INDEX($D$3:$AA$30,INDEX(Jesper!$R$2:$R$366,ROW(INDEX(Jesper!AH$2:AH$366,ROUNDDOWN($C7631/24,0)+1,1))-1)+IF('Standard Profiles'!$G$18=$B$10,7,0)+IF('Standard Profiles'!$G$18=$B$17,14,0)+IF('Standard Profiles'!$G$18=$B$24,21,0),MOD($C7631,24)+1)/SUM(INDEX($D$3:$AA$30,INDEX(Jesper!$R$2:$R$366,ROW(INDEX(Jesper!AH$2:AH$366,ROUNDDOWN($C7631/24,0)+1,1))-1)+IF('Standard Profiles'!$G$18=$B$10,7,0)+IF('Standard Profiles'!$G$18=$B$17,14,0)+IF('Standard Profiles'!$G$18=$B$24,21,0),0)),0)</f>
        <v>16.070191146091457</v>
      </c>
      <c r="E7631" cm="1">
        <f t="array" ref="E7631">IFERROR(INDEX(Jesper!AI$2:AI$366,ROUNDDOWN($C7631/24,0)+1,1)*INDEX($D$3:$AA$30,INDEX(Jesper!$R$2:$R$366,ROW(INDEX(Jesper!AI$2:AI$366,ROUNDDOWN($C7631/24,0)+1,1))-1)+IF('Standard Profiles'!$G$19=$B$10,7,0)+IF('Standard Profiles'!$G$19=$B$17,14,0)+IF('Standard Profiles'!$G$19=$B$24,21,0),MOD($C7631,24)+1)/SUM(INDEX($D$3:$AA$30,INDEX(Jesper!$R$2:$R$366,ROW(INDEX(Jesper!AI$2:AI$366,ROUNDDOWN($C7631/24,0)+1,1))-1)+IF('Standard Profiles'!$G$19=$B$10,7,0)+IF('Standard Profiles'!$G$19=$B$17,14,0)+IF('Standard Profiles'!$G$19=$B$24,21,0),0)),0)</f>
        <v>0</v>
      </c>
      <c r="F7631" cm="1">
        <f t="array" ref="F7631">IFERROR(INDEX(Jesper!AJ$2:AJ$366,ROUNDDOWN($C7631/24,0)+1,1)*INDEX($D$3:$AA$30,INDEX(Jesper!$R$2:$R$366,ROW(INDEX(Jesper!AJ$2:AJ$366,ROUNDDOWN($C7631/24,0)+1,1))-1)+IF('Standard Profiles'!$G$20=$B$10,7,0)+IF('Standard Profiles'!$G$20=$B$17,14,0)+IF('Standard Profiles'!$G$20=$B$24,21,0),MOD($C7631,24)+1)/SUM(INDEX($D$3:$AA$30,INDEX(Jesper!$R$2:$R$366,ROW(INDEX(Jesper!AJ$2:AJ$366,ROUNDDOWN($C7631/24,0)+1,1))-1)+IF('Standard Profiles'!$G$20=$B$10,7,0)+IF('Standard Profiles'!$G$20=$B$17,14,0)+IF('Standard Profiles'!$G$20=$B$24,21,0),0)),0)</f>
        <v>0</v>
      </c>
      <c r="G7631" cm="1">
        <f t="array" ref="G7631">IFERROR(INDEX(Jesper!AK$2:AK$366,ROUNDDOWN($C7631/24,0)+1,1)*INDEX($D$3:$AA$30,INDEX(Jesper!$R$2:$R$366,ROW(INDEX(Jesper!AK$2:AK$366,ROUNDDOWN($C7631/24,0)+1,1))-1)+IF('Standard Profiles'!$G$21=$B$10,7,0)+IF('Standard Profiles'!$G$21=$B$17,14,0)+IF('Standard Profiles'!$G$21=$B$24,21,0),MOD($C7631,24)+1)/SUM(INDEX($D$3:$AA$30,INDEX(Jesper!$R$2:$R$366,ROW(INDEX(Jesper!AK$2:AK$366,ROUNDDOWN($C7631/24,0)+1,1))-1)+IF('Standard Profiles'!$G$21=$B$10,7,0)+IF('Standard Profiles'!$G$21=$B$17,14,0)+IF('Standard Profiles'!$G$21=$B$24,21,0),0)),0)</f>
        <v>0</v>
      </c>
      <c r="H7631" cm="1">
        <f t="array" ref="H7631">IFERROR(INDEX(Jesper!AL$2:AL$366,ROUNDDOWN($C7631/24,0)+1,1)*INDEX($D$3:$AA$30,INDEX(Jesper!$R$2:$R$366,ROW(INDEX(Jesper!AL$2:AL$366,ROUNDDOWN($C7631/24,0)+1,1))-1)+IF('Standard Profiles'!$G$22=$B$10,7,0)+IF('Standard Profiles'!$G$22=$B$17,14,0)+IF('Standard Profiles'!$G$22=$B$24,21,0),MOD($C7631,24)+1)/SUM(INDEX($D$3:$AA$30,INDEX(Jesper!$R$2:$R$366,ROW(INDEX(Jesper!AL$2:AL$366,ROUNDDOWN($C7631/24,0)+1,1))-1)+IF('Standard Profiles'!$G$22=$B$10,7,0)+IF('Standard Profiles'!$G$22=$B$17,14,0)+IF('Standard Profiles'!$G$22=$B$24,21,0),0)),0)</f>
        <v>0</v>
      </c>
      <c r="I7631">
        <f t="shared" si="846"/>
        <v>0.48210573438274368</v>
      </c>
      <c r="J7631">
        <f t="shared" si="847"/>
        <v>1.6070191146091457</v>
      </c>
      <c r="K7631">
        <f t="shared" si="848"/>
        <v>2.4105286719137182</v>
      </c>
      <c r="L7631">
        <f t="shared" si="849"/>
        <v>11.570537625185848</v>
      </c>
      <c r="M7631">
        <f t="shared" si="850"/>
        <v>0</v>
      </c>
      <c r="N7631" s="46">
        <f t="shared" si="851"/>
        <v>45608.541666648242</v>
      </c>
    </row>
    <row r="7632" spans="2:14" x14ac:dyDescent="0.3">
      <c r="B7632">
        <f t="shared" si="845"/>
        <v>2</v>
      </c>
      <c r="C7632" s="16">
        <v>7598</v>
      </c>
      <c r="D7632" cm="1">
        <f t="array" ref="D7632">IFERROR(INDEX(Jesper!AH$2:AH$366,ROUNDDOWN($C7632/24,0)+1,1)*INDEX($D$3:$AA$30,INDEX(Jesper!$R$2:$R$366,ROW(INDEX(Jesper!AH$2:AH$366,ROUNDDOWN($C7632/24,0)+1,1))-1)+IF('Standard Profiles'!$G$18=$B$10,7,0)+IF('Standard Profiles'!$G$18=$B$17,14,0)+IF('Standard Profiles'!$G$18=$B$24,21,0),MOD($C7632,24)+1)/SUM(INDEX($D$3:$AA$30,INDEX(Jesper!$R$2:$R$366,ROW(INDEX(Jesper!AH$2:AH$366,ROUNDDOWN($C7632/24,0)+1,1))-1)+IF('Standard Profiles'!$G$18=$B$10,7,0)+IF('Standard Profiles'!$G$18=$B$17,14,0)+IF('Standard Profiles'!$G$18=$B$24,21,0),0)),0)</f>
        <v>16.070191146091457</v>
      </c>
      <c r="E7632" cm="1">
        <f t="array" ref="E7632">IFERROR(INDEX(Jesper!AI$2:AI$366,ROUNDDOWN($C7632/24,0)+1,1)*INDEX($D$3:$AA$30,INDEX(Jesper!$R$2:$R$366,ROW(INDEX(Jesper!AI$2:AI$366,ROUNDDOWN($C7632/24,0)+1,1))-1)+IF('Standard Profiles'!$G$19=$B$10,7,0)+IF('Standard Profiles'!$G$19=$B$17,14,0)+IF('Standard Profiles'!$G$19=$B$24,21,0),MOD($C7632,24)+1)/SUM(INDEX($D$3:$AA$30,INDEX(Jesper!$R$2:$R$366,ROW(INDEX(Jesper!AI$2:AI$366,ROUNDDOWN($C7632/24,0)+1,1))-1)+IF('Standard Profiles'!$G$19=$B$10,7,0)+IF('Standard Profiles'!$G$19=$B$17,14,0)+IF('Standard Profiles'!$G$19=$B$24,21,0),0)),0)</f>
        <v>0</v>
      </c>
      <c r="F7632" cm="1">
        <f t="array" ref="F7632">IFERROR(INDEX(Jesper!AJ$2:AJ$366,ROUNDDOWN($C7632/24,0)+1,1)*INDEX($D$3:$AA$30,INDEX(Jesper!$R$2:$R$366,ROW(INDEX(Jesper!AJ$2:AJ$366,ROUNDDOWN($C7632/24,0)+1,1))-1)+IF('Standard Profiles'!$G$20=$B$10,7,0)+IF('Standard Profiles'!$G$20=$B$17,14,0)+IF('Standard Profiles'!$G$20=$B$24,21,0),MOD($C7632,24)+1)/SUM(INDEX($D$3:$AA$30,INDEX(Jesper!$R$2:$R$366,ROW(INDEX(Jesper!AJ$2:AJ$366,ROUNDDOWN($C7632/24,0)+1,1))-1)+IF('Standard Profiles'!$G$20=$B$10,7,0)+IF('Standard Profiles'!$G$20=$B$17,14,0)+IF('Standard Profiles'!$G$20=$B$24,21,0),0)),0)</f>
        <v>0</v>
      </c>
      <c r="G7632" cm="1">
        <f t="array" ref="G7632">IFERROR(INDEX(Jesper!AK$2:AK$366,ROUNDDOWN($C7632/24,0)+1,1)*INDEX($D$3:$AA$30,INDEX(Jesper!$R$2:$R$366,ROW(INDEX(Jesper!AK$2:AK$366,ROUNDDOWN($C7632/24,0)+1,1))-1)+IF('Standard Profiles'!$G$21=$B$10,7,0)+IF('Standard Profiles'!$G$21=$B$17,14,0)+IF('Standard Profiles'!$G$21=$B$24,21,0),MOD($C7632,24)+1)/SUM(INDEX($D$3:$AA$30,INDEX(Jesper!$R$2:$R$366,ROW(INDEX(Jesper!AK$2:AK$366,ROUNDDOWN($C7632/24,0)+1,1))-1)+IF('Standard Profiles'!$G$21=$B$10,7,0)+IF('Standard Profiles'!$G$21=$B$17,14,0)+IF('Standard Profiles'!$G$21=$B$24,21,0),0)),0)</f>
        <v>0</v>
      </c>
      <c r="H7632" cm="1">
        <f t="array" ref="H7632">IFERROR(INDEX(Jesper!AL$2:AL$366,ROUNDDOWN($C7632/24,0)+1,1)*INDEX($D$3:$AA$30,INDEX(Jesper!$R$2:$R$366,ROW(INDEX(Jesper!AL$2:AL$366,ROUNDDOWN($C7632/24,0)+1,1))-1)+IF('Standard Profiles'!$G$22=$B$10,7,0)+IF('Standard Profiles'!$G$22=$B$17,14,0)+IF('Standard Profiles'!$G$22=$B$24,21,0),MOD($C7632,24)+1)/SUM(INDEX($D$3:$AA$30,INDEX(Jesper!$R$2:$R$366,ROW(INDEX(Jesper!AL$2:AL$366,ROUNDDOWN($C7632/24,0)+1,1))-1)+IF('Standard Profiles'!$G$22=$B$10,7,0)+IF('Standard Profiles'!$G$22=$B$17,14,0)+IF('Standard Profiles'!$G$22=$B$24,21,0),0)),0)</f>
        <v>0</v>
      </c>
      <c r="I7632">
        <f t="shared" si="846"/>
        <v>0.48210573438274368</v>
      </c>
      <c r="J7632">
        <f t="shared" si="847"/>
        <v>1.6070191146091457</v>
      </c>
      <c r="K7632">
        <f t="shared" si="848"/>
        <v>2.4105286719137182</v>
      </c>
      <c r="L7632">
        <f t="shared" si="849"/>
        <v>11.570537625185848</v>
      </c>
      <c r="M7632">
        <f t="shared" si="850"/>
        <v>0</v>
      </c>
      <c r="N7632" s="46">
        <f t="shared" si="851"/>
        <v>45608.583333314906</v>
      </c>
    </row>
    <row r="7633" spans="2:14" x14ac:dyDescent="0.3">
      <c r="B7633">
        <f t="shared" si="845"/>
        <v>2</v>
      </c>
      <c r="C7633" s="16">
        <v>7599</v>
      </c>
      <c r="D7633" cm="1">
        <f t="array" ref="D7633">IFERROR(INDEX(Jesper!AH$2:AH$366,ROUNDDOWN($C7633/24,0)+1,1)*INDEX($D$3:$AA$30,INDEX(Jesper!$R$2:$R$366,ROW(INDEX(Jesper!AH$2:AH$366,ROUNDDOWN($C7633/24,0)+1,1))-1)+IF('Standard Profiles'!$G$18=$B$10,7,0)+IF('Standard Profiles'!$G$18=$B$17,14,0)+IF('Standard Profiles'!$G$18=$B$24,21,0),MOD($C7633,24)+1)/SUM(INDEX($D$3:$AA$30,INDEX(Jesper!$R$2:$R$366,ROW(INDEX(Jesper!AH$2:AH$366,ROUNDDOWN($C7633/24,0)+1,1))-1)+IF('Standard Profiles'!$G$18=$B$10,7,0)+IF('Standard Profiles'!$G$18=$B$17,14,0)+IF('Standard Profiles'!$G$18=$B$24,21,0),0)),0)</f>
        <v>16.070191146091457</v>
      </c>
      <c r="E7633" cm="1">
        <f t="array" ref="E7633">IFERROR(INDEX(Jesper!AI$2:AI$366,ROUNDDOWN($C7633/24,0)+1,1)*INDEX($D$3:$AA$30,INDEX(Jesper!$R$2:$R$366,ROW(INDEX(Jesper!AI$2:AI$366,ROUNDDOWN($C7633/24,0)+1,1))-1)+IF('Standard Profiles'!$G$19=$B$10,7,0)+IF('Standard Profiles'!$G$19=$B$17,14,0)+IF('Standard Profiles'!$G$19=$B$24,21,0),MOD($C7633,24)+1)/SUM(INDEX($D$3:$AA$30,INDEX(Jesper!$R$2:$R$366,ROW(INDEX(Jesper!AI$2:AI$366,ROUNDDOWN($C7633/24,0)+1,1))-1)+IF('Standard Profiles'!$G$19=$B$10,7,0)+IF('Standard Profiles'!$G$19=$B$17,14,0)+IF('Standard Profiles'!$G$19=$B$24,21,0),0)),0)</f>
        <v>0</v>
      </c>
      <c r="F7633" cm="1">
        <f t="array" ref="F7633">IFERROR(INDEX(Jesper!AJ$2:AJ$366,ROUNDDOWN($C7633/24,0)+1,1)*INDEX($D$3:$AA$30,INDEX(Jesper!$R$2:$R$366,ROW(INDEX(Jesper!AJ$2:AJ$366,ROUNDDOWN($C7633/24,0)+1,1))-1)+IF('Standard Profiles'!$G$20=$B$10,7,0)+IF('Standard Profiles'!$G$20=$B$17,14,0)+IF('Standard Profiles'!$G$20=$B$24,21,0),MOD($C7633,24)+1)/SUM(INDEX($D$3:$AA$30,INDEX(Jesper!$R$2:$R$366,ROW(INDEX(Jesper!AJ$2:AJ$366,ROUNDDOWN($C7633/24,0)+1,1))-1)+IF('Standard Profiles'!$G$20=$B$10,7,0)+IF('Standard Profiles'!$G$20=$B$17,14,0)+IF('Standard Profiles'!$G$20=$B$24,21,0),0)),0)</f>
        <v>0</v>
      </c>
      <c r="G7633" cm="1">
        <f t="array" ref="G7633">IFERROR(INDEX(Jesper!AK$2:AK$366,ROUNDDOWN($C7633/24,0)+1,1)*INDEX($D$3:$AA$30,INDEX(Jesper!$R$2:$R$366,ROW(INDEX(Jesper!AK$2:AK$366,ROUNDDOWN($C7633/24,0)+1,1))-1)+IF('Standard Profiles'!$G$21=$B$10,7,0)+IF('Standard Profiles'!$G$21=$B$17,14,0)+IF('Standard Profiles'!$G$21=$B$24,21,0),MOD($C7633,24)+1)/SUM(INDEX($D$3:$AA$30,INDEX(Jesper!$R$2:$R$366,ROW(INDEX(Jesper!AK$2:AK$366,ROUNDDOWN($C7633/24,0)+1,1))-1)+IF('Standard Profiles'!$G$21=$B$10,7,0)+IF('Standard Profiles'!$G$21=$B$17,14,0)+IF('Standard Profiles'!$G$21=$B$24,21,0),0)),0)</f>
        <v>0</v>
      </c>
      <c r="H7633" cm="1">
        <f t="array" ref="H7633">IFERROR(INDEX(Jesper!AL$2:AL$366,ROUNDDOWN($C7633/24,0)+1,1)*INDEX($D$3:$AA$30,INDEX(Jesper!$R$2:$R$366,ROW(INDEX(Jesper!AL$2:AL$366,ROUNDDOWN($C7633/24,0)+1,1))-1)+IF('Standard Profiles'!$G$22=$B$10,7,0)+IF('Standard Profiles'!$G$22=$B$17,14,0)+IF('Standard Profiles'!$G$22=$B$24,21,0),MOD($C7633,24)+1)/SUM(INDEX($D$3:$AA$30,INDEX(Jesper!$R$2:$R$366,ROW(INDEX(Jesper!AL$2:AL$366,ROUNDDOWN($C7633/24,0)+1,1))-1)+IF('Standard Profiles'!$G$22=$B$10,7,0)+IF('Standard Profiles'!$G$22=$B$17,14,0)+IF('Standard Profiles'!$G$22=$B$24,21,0),0)),0)</f>
        <v>0</v>
      </c>
      <c r="I7633">
        <f t="shared" si="846"/>
        <v>0.48210573438274368</v>
      </c>
      <c r="J7633">
        <f t="shared" si="847"/>
        <v>1.6070191146091457</v>
      </c>
      <c r="K7633">
        <f t="shared" si="848"/>
        <v>2.4105286719137182</v>
      </c>
      <c r="L7633">
        <f t="shared" si="849"/>
        <v>11.570537625185848</v>
      </c>
      <c r="M7633">
        <f t="shared" si="850"/>
        <v>0</v>
      </c>
      <c r="N7633" s="46">
        <f t="shared" si="851"/>
        <v>45608.62499998157</v>
      </c>
    </row>
    <row r="7634" spans="2:14" x14ac:dyDescent="0.3">
      <c r="B7634">
        <f t="shared" si="845"/>
        <v>2</v>
      </c>
      <c r="C7634" s="16">
        <v>7600</v>
      </c>
      <c r="D7634" cm="1">
        <f t="array" ref="D7634">IFERROR(INDEX(Jesper!AH$2:AH$366,ROUNDDOWN($C7634/24,0)+1,1)*INDEX($D$3:$AA$30,INDEX(Jesper!$R$2:$R$366,ROW(INDEX(Jesper!AH$2:AH$366,ROUNDDOWN($C7634/24,0)+1,1))-1)+IF('Standard Profiles'!$G$18=$B$10,7,0)+IF('Standard Profiles'!$G$18=$B$17,14,0)+IF('Standard Profiles'!$G$18=$B$24,21,0),MOD($C7634,24)+1)/SUM(INDEX($D$3:$AA$30,INDEX(Jesper!$R$2:$R$366,ROW(INDEX(Jesper!AH$2:AH$366,ROUNDDOWN($C7634/24,0)+1,1))-1)+IF('Standard Profiles'!$G$18=$B$10,7,0)+IF('Standard Profiles'!$G$18=$B$17,14,0)+IF('Standard Profiles'!$G$18=$B$24,21,0),0)),0)</f>
        <v>16.070191146091457</v>
      </c>
      <c r="E7634" cm="1">
        <f t="array" ref="E7634">IFERROR(INDEX(Jesper!AI$2:AI$366,ROUNDDOWN($C7634/24,0)+1,1)*INDEX($D$3:$AA$30,INDEX(Jesper!$R$2:$R$366,ROW(INDEX(Jesper!AI$2:AI$366,ROUNDDOWN($C7634/24,0)+1,1))-1)+IF('Standard Profiles'!$G$19=$B$10,7,0)+IF('Standard Profiles'!$G$19=$B$17,14,0)+IF('Standard Profiles'!$G$19=$B$24,21,0),MOD($C7634,24)+1)/SUM(INDEX($D$3:$AA$30,INDEX(Jesper!$R$2:$R$366,ROW(INDEX(Jesper!AI$2:AI$366,ROUNDDOWN($C7634/24,0)+1,1))-1)+IF('Standard Profiles'!$G$19=$B$10,7,0)+IF('Standard Profiles'!$G$19=$B$17,14,0)+IF('Standard Profiles'!$G$19=$B$24,21,0),0)),0)</f>
        <v>0</v>
      </c>
      <c r="F7634" cm="1">
        <f t="array" ref="F7634">IFERROR(INDEX(Jesper!AJ$2:AJ$366,ROUNDDOWN($C7634/24,0)+1,1)*INDEX($D$3:$AA$30,INDEX(Jesper!$R$2:$R$366,ROW(INDEX(Jesper!AJ$2:AJ$366,ROUNDDOWN($C7634/24,0)+1,1))-1)+IF('Standard Profiles'!$G$20=$B$10,7,0)+IF('Standard Profiles'!$G$20=$B$17,14,0)+IF('Standard Profiles'!$G$20=$B$24,21,0),MOD($C7634,24)+1)/SUM(INDEX($D$3:$AA$30,INDEX(Jesper!$R$2:$R$366,ROW(INDEX(Jesper!AJ$2:AJ$366,ROUNDDOWN($C7634/24,0)+1,1))-1)+IF('Standard Profiles'!$G$20=$B$10,7,0)+IF('Standard Profiles'!$G$20=$B$17,14,0)+IF('Standard Profiles'!$G$20=$B$24,21,0),0)),0)</f>
        <v>0</v>
      </c>
      <c r="G7634" cm="1">
        <f t="array" ref="G7634">IFERROR(INDEX(Jesper!AK$2:AK$366,ROUNDDOWN($C7634/24,0)+1,1)*INDEX($D$3:$AA$30,INDEX(Jesper!$R$2:$R$366,ROW(INDEX(Jesper!AK$2:AK$366,ROUNDDOWN($C7634/24,0)+1,1))-1)+IF('Standard Profiles'!$G$21=$B$10,7,0)+IF('Standard Profiles'!$G$21=$B$17,14,0)+IF('Standard Profiles'!$G$21=$B$24,21,0),MOD($C7634,24)+1)/SUM(INDEX($D$3:$AA$30,INDEX(Jesper!$R$2:$R$366,ROW(INDEX(Jesper!AK$2:AK$366,ROUNDDOWN($C7634/24,0)+1,1))-1)+IF('Standard Profiles'!$G$21=$B$10,7,0)+IF('Standard Profiles'!$G$21=$B$17,14,0)+IF('Standard Profiles'!$G$21=$B$24,21,0),0)),0)</f>
        <v>0</v>
      </c>
      <c r="H7634" cm="1">
        <f t="array" ref="H7634">IFERROR(INDEX(Jesper!AL$2:AL$366,ROUNDDOWN($C7634/24,0)+1,1)*INDEX($D$3:$AA$30,INDEX(Jesper!$R$2:$R$366,ROW(INDEX(Jesper!AL$2:AL$366,ROUNDDOWN($C7634/24,0)+1,1))-1)+IF('Standard Profiles'!$G$22=$B$10,7,0)+IF('Standard Profiles'!$G$22=$B$17,14,0)+IF('Standard Profiles'!$G$22=$B$24,21,0),MOD($C7634,24)+1)/SUM(INDEX($D$3:$AA$30,INDEX(Jesper!$R$2:$R$366,ROW(INDEX(Jesper!AL$2:AL$366,ROUNDDOWN($C7634/24,0)+1,1))-1)+IF('Standard Profiles'!$G$22=$B$10,7,0)+IF('Standard Profiles'!$G$22=$B$17,14,0)+IF('Standard Profiles'!$G$22=$B$24,21,0),0)),0)</f>
        <v>0</v>
      </c>
      <c r="I7634">
        <f t="shared" si="846"/>
        <v>0.48210573438274368</v>
      </c>
      <c r="J7634">
        <f t="shared" si="847"/>
        <v>1.6070191146091457</v>
      </c>
      <c r="K7634">
        <f t="shared" si="848"/>
        <v>2.4105286719137182</v>
      </c>
      <c r="L7634">
        <f t="shared" si="849"/>
        <v>11.570537625185848</v>
      </c>
      <c r="M7634">
        <f t="shared" si="850"/>
        <v>0</v>
      </c>
      <c r="N7634" s="46">
        <f t="shared" si="851"/>
        <v>45608.666666648234</v>
      </c>
    </row>
    <row r="7635" spans="2:14" x14ac:dyDescent="0.3">
      <c r="B7635">
        <f t="shared" si="845"/>
        <v>2</v>
      </c>
      <c r="C7635" s="16">
        <v>7601</v>
      </c>
      <c r="D7635" cm="1">
        <f t="array" ref="D7635">IFERROR(INDEX(Jesper!AH$2:AH$366,ROUNDDOWN($C7635/24,0)+1,1)*INDEX($D$3:$AA$30,INDEX(Jesper!$R$2:$R$366,ROW(INDEX(Jesper!AH$2:AH$366,ROUNDDOWN($C7635/24,0)+1,1))-1)+IF('Standard Profiles'!$G$18=$B$10,7,0)+IF('Standard Profiles'!$G$18=$B$17,14,0)+IF('Standard Profiles'!$G$18=$B$24,21,0),MOD($C7635,24)+1)/SUM(INDEX($D$3:$AA$30,INDEX(Jesper!$R$2:$R$366,ROW(INDEX(Jesper!AH$2:AH$366,ROUNDDOWN($C7635/24,0)+1,1))-1)+IF('Standard Profiles'!$G$18=$B$10,7,0)+IF('Standard Profiles'!$G$18=$B$17,14,0)+IF('Standard Profiles'!$G$18=$B$24,21,0),0)),0)</f>
        <v>16.070191146091457</v>
      </c>
      <c r="E7635" cm="1">
        <f t="array" ref="E7635">IFERROR(INDEX(Jesper!AI$2:AI$366,ROUNDDOWN($C7635/24,0)+1,1)*INDEX($D$3:$AA$30,INDEX(Jesper!$R$2:$R$366,ROW(INDEX(Jesper!AI$2:AI$366,ROUNDDOWN($C7635/24,0)+1,1))-1)+IF('Standard Profiles'!$G$19=$B$10,7,0)+IF('Standard Profiles'!$G$19=$B$17,14,0)+IF('Standard Profiles'!$G$19=$B$24,21,0),MOD($C7635,24)+1)/SUM(INDEX($D$3:$AA$30,INDEX(Jesper!$R$2:$R$366,ROW(INDEX(Jesper!AI$2:AI$366,ROUNDDOWN($C7635/24,0)+1,1))-1)+IF('Standard Profiles'!$G$19=$B$10,7,0)+IF('Standard Profiles'!$G$19=$B$17,14,0)+IF('Standard Profiles'!$G$19=$B$24,21,0),0)),0)</f>
        <v>0</v>
      </c>
      <c r="F7635" cm="1">
        <f t="array" ref="F7635">IFERROR(INDEX(Jesper!AJ$2:AJ$366,ROUNDDOWN($C7635/24,0)+1,1)*INDEX($D$3:$AA$30,INDEX(Jesper!$R$2:$R$366,ROW(INDEX(Jesper!AJ$2:AJ$366,ROUNDDOWN($C7635/24,0)+1,1))-1)+IF('Standard Profiles'!$G$20=$B$10,7,0)+IF('Standard Profiles'!$G$20=$B$17,14,0)+IF('Standard Profiles'!$G$20=$B$24,21,0),MOD($C7635,24)+1)/SUM(INDEX($D$3:$AA$30,INDEX(Jesper!$R$2:$R$366,ROW(INDEX(Jesper!AJ$2:AJ$366,ROUNDDOWN($C7635/24,0)+1,1))-1)+IF('Standard Profiles'!$G$20=$B$10,7,0)+IF('Standard Profiles'!$G$20=$B$17,14,0)+IF('Standard Profiles'!$G$20=$B$24,21,0),0)),0)</f>
        <v>0</v>
      </c>
      <c r="G7635" cm="1">
        <f t="array" ref="G7635">IFERROR(INDEX(Jesper!AK$2:AK$366,ROUNDDOWN($C7635/24,0)+1,1)*INDEX($D$3:$AA$30,INDEX(Jesper!$R$2:$R$366,ROW(INDEX(Jesper!AK$2:AK$366,ROUNDDOWN($C7635/24,0)+1,1))-1)+IF('Standard Profiles'!$G$21=$B$10,7,0)+IF('Standard Profiles'!$G$21=$B$17,14,0)+IF('Standard Profiles'!$G$21=$B$24,21,0),MOD($C7635,24)+1)/SUM(INDEX($D$3:$AA$30,INDEX(Jesper!$R$2:$R$366,ROW(INDEX(Jesper!AK$2:AK$366,ROUNDDOWN($C7635/24,0)+1,1))-1)+IF('Standard Profiles'!$G$21=$B$10,7,0)+IF('Standard Profiles'!$G$21=$B$17,14,0)+IF('Standard Profiles'!$G$21=$B$24,21,0),0)),0)</f>
        <v>0</v>
      </c>
      <c r="H7635" cm="1">
        <f t="array" ref="H7635">IFERROR(INDEX(Jesper!AL$2:AL$366,ROUNDDOWN($C7635/24,0)+1,1)*INDEX($D$3:$AA$30,INDEX(Jesper!$R$2:$R$366,ROW(INDEX(Jesper!AL$2:AL$366,ROUNDDOWN($C7635/24,0)+1,1))-1)+IF('Standard Profiles'!$G$22=$B$10,7,0)+IF('Standard Profiles'!$G$22=$B$17,14,0)+IF('Standard Profiles'!$G$22=$B$24,21,0),MOD($C7635,24)+1)/SUM(INDEX($D$3:$AA$30,INDEX(Jesper!$R$2:$R$366,ROW(INDEX(Jesper!AL$2:AL$366,ROUNDDOWN($C7635/24,0)+1,1))-1)+IF('Standard Profiles'!$G$22=$B$10,7,0)+IF('Standard Profiles'!$G$22=$B$17,14,0)+IF('Standard Profiles'!$G$22=$B$24,21,0),0)),0)</f>
        <v>0</v>
      </c>
      <c r="I7635">
        <f t="shared" si="846"/>
        <v>0.48210573438274368</v>
      </c>
      <c r="J7635">
        <f t="shared" si="847"/>
        <v>1.6070191146091457</v>
      </c>
      <c r="K7635">
        <f t="shared" si="848"/>
        <v>2.4105286719137182</v>
      </c>
      <c r="L7635">
        <f t="shared" si="849"/>
        <v>11.570537625185848</v>
      </c>
      <c r="M7635">
        <f t="shared" si="850"/>
        <v>0</v>
      </c>
      <c r="N7635" s="46">
        <f t="shared" si="851"/>
        <v>45608.708333314898</v>
      </c>
    </row>
    <row r="7636" spans="2:14" x14ac:dyDescent="0.3">
      <c r="B7636">
        <f t="shared" si="845"/>
        <v>2</v>
      </c>
      <c r="C7636" s="16">
        <v>7602</v>
      </c>
      <c r="D7636" cm="1">
        <f t="array" ref="D7636">IFERROR(INDEX(Jesper!AH$2:AH$366,ROUNDDOWN($C7636/24,0)+1,1)*INDEX($D$3:$AA$30,INDEX(Jesper!$R$2:$R$366,ROW(INDEX(Jesper!AH$2:AH$366,ROUNDDOWN($C7636/24,0)+1,1))-1)+IF('Standard Profiles'!$G$18=$B$10,7,0)+IF('Standard Profiles'!$G$18=$B$17,14,0)+IF('Standard Profiles'!$G$18=$B$24,21,0),MOD($C7636,24)+1)/SUM(INDEX($D$3:$AA$30,INDEX(Jesper!$R$2:$R$366,ROW(INDEX(Jesper!AH$2:AH$366,ROUNDDOWN($C7636/24,0)+1,1))-1)+IF('Standard Profiles'!$G$18=$B$10,7,0)+IF('Standard Profiles'!$G$18=$B$17,14,0)+IF('Standard Profiles'!$G$18=$B$24,21,0),0)),0)</f>
        <v>16.070191146091457</v>
      </c>
      <c r="E7636" cm="1">
        <f t="array" ref="E7636">IFERROR(INDEX(Jesper!AI$2:AI$366,ROUNDDOWN($C7636/24,0)+1,1)*INDEX($D$3:$AA$30,INDEX(Jesper!$R$2:$R$366,ROW(INDEX(Jesper!AI$2:AI$366,ROUNDDOWN($C7636/24,0)+1,1))-1)+IF('Standard Profiles'!$G$19=$B$10,7,0)+IF('Standard Profiles'!$G$19=$B$17,14,0)+IF('Standard Profiles'!$G$19=$B$24,21,0),MOD($C7636,24)+1)/SUM(INDEX($D$3:$AA$30,INDEX(Jesper!$R$2:$R$366,ROW(INDEX(Jesper!AI$2:AI$366,ROUNDDOWN($C7636/24,0)+1,1))-1)+IF('Standard Profiles'!$G$19=$B$10,7,0)+IF('Standard Profiles'!$G$19=$B$17,14,0)+IF('Standard Profiles'!$G$19=$B$24,21,0),0)),0)</f>
        <v>0</v>
      </c>
      <c r="F7636" cm="1">
        <f t="array" ref="F7636">IFERROR(INDEX(Jesper!AJ$2:AJ$366,ROUNDDOWN($C7636/24,0)+1,1)*INDEX($D$3:$AA$30,INDEX(Jesper!$R$2:$R$366,ROW(INDEX(Jesper!AJ$2:AJ$366,ROUNDDOWN($C7636/24,0)+1,1))-1)+IF('Standard Profiles'!$G$20=$B$10,7,0)+IF('Standard Profiles'!$G$20=$B$17,14,0)+IF('Standard Profiles'!$G$20=$B$24,21,0),MOD($C7636,24)+1)/SUM(INDEX($D$3:$AA$30,INDEX(Jesper!$R$2:$R$366,ROW(INDEX(Jesper!AJ$2:AJ$366,ROUNDDOWN($C7636/24,0)+1,1))-1)+IF('Standard Profiles'!$G$20=$B$10,7,0)+IF('Standard Profiles'!$G$20=$B$17,14,0)+IF('Standard Profiles'!$G$20=$B$24,21,0),0)),0)</f>
        <v>0</v>
      </c>
      <c r="G7636" cm="1">
        <f t="array" ref="G7636">IFERROR(INDEX(Jesper!AK$2:AK$366,ROUNDDOWN($C7636/24,0)+1,1)*INDEX($D$3:$AA$30,INDEX(Jesper!$R$2:$R$366,ROW(INDEX(Jesper!AK$2:AK$366,ROUNDDOWN($C7636/24,0)+1,1))-1)+IF('Standard Profiles'!$G$21=$B$10,7,0)+IF('Standard Profiles'!$G$21=$B$17,14,0)+IF('Standard Profiles'!$G$21=$B$24,21,0),MOD($C7636,24)+1)/SUM(INDEX($D$3:$AA$30,INDEX(Jesper!$R$2:$R$366,ROW(INDEX(Jesper!AK$2:AK$366,ROUNDDOWN($C7636/24,0)+1,1))-1)+IF('Standard Profiles'!$G$21=$B$10,7,0)+IF('Standard Profiles'!$G$21=$B$17,14,0)+IF('Standard Profiles'!$G$21=$B$24,21,0),0)),0)</f>
        <v>0</v>
      </c>
      <c r="H7636" cm="1">
        <f t="array" ref="H7636">IFERROR(INDEX(Jesper!AL$2:AL$366,ROUNDDOWN($C7636/24,0)+1,1)*INDEX($D$3:$AA$30,INDEX(Jesper!$R$2:$R$366,ROW(INDEX(Jesper!AL$2:AL$366,ROUNDDOWN($C7636/24,0)+1,1))-1)+IF('Standard Profiles'!$G$22=$B$10,7,0)+IF('Standard Profiles'!$G$22=$B$17,14,0)+IF('Standard Profiles'!$G$22=$B$24,21,0),MOD($C7636,24)+1)/SUM(INDEX($D$3:$AA$30,INDEX(Jesper!$R$2:$R$366,ROW(INDEX(Jesper!AL$2:AL$366,ROUNDDOWN($C7636/24,0)+1,1))-1)+IF('Standard Profiles'!$G$22=$B$10,7,0)+IF('Standard Profiles'!$G$22=$B$17,14,0)+IF('Standard Profiles'!$G$22=$B$24,21,0),0)),0)</f>
        <v>0</v>
      </c>
      <c r="I7636">
        <f t="shared" si="846"/>
        <v>0.48210573438274368</v>
      </c>
      <c r="J7636">
        <f t="shared" si="847"/>
        <v>1.6070191146091457</v>
      </c>
      <c r="K7636">
        <f t="shared" si="848"/>
        <v>2.4105286719137182</v>
      </c>
      <c r="L7636">
        <f t="shared" si="849"/>
        <v>11.570537625185848</v>
      </c>
      <c r="M7636">
        <f t="shared" si="850"/>
        <v>0</v>
      </c>
      <c r="N7636" s="46">
        <f t="shared" si="851"/>
        <v>45608.749999981563</v>
      </c>
    </row>
    <row r="7637" spans="2:14" x14ac:dyDescent="0.3">
      <c r="B7637">
        <f t="shared" si="845"/>
        <v>2</v>
      </c>
      <c r="C7637" s="16">
        <v>7603</v>
      </c>
      <c r="D7637" cm="1">
        <f t="array" ref="D7637">IFERROR(INDEX(Jesper!AH$2:AH$366,ROUNDDOWN($C7637/24,0)+1,1)*INDEX($D$3:$AA$30,INDEX(Jesper!$R$2:$R$366,ROW(INDEX(Jesper!AH$2:AH$366,ROUNDDOWN($C7637/24,0)+1,1))-1)+IF('Standard Profiles'!$G$18=$B$10,7,0)+IF('Standard Profiles'!$G$18=$B$17,14,0)+IF('Standard Profiles'!$G$18=$B$24,21,0),MOD($C7637,24)+1)/SUM(INDEX($D$3:$AA$30,INDEX(Jesper!$R$2:$R$366,ROW(INDEX(Jesper!AH$2:AH$366,ROUNDDOWN($C7637/24,0)+1,1))-1)+IF('Standard Profiles'!$G$18=$B$10,7,0)+IF('Standard Profiles'!$G$18=$B$17,14,0)+IF('Standard Profiles'!$G$18=$B$24,21,0),0)),0)</f>
        <v>13.458785084851595</v>
      </c>
      <c r="E7637" cm="1">
        <f t="array" ref="E7637">IFERROR(INDEX(Jesper!AI$2:AI$366,ROUNDDOWN($C7637/24,0)+1,1)*INDEX($D$3:$AA$30,INDEX(Jesper!$R$2:$R$366,ROW(INDEX(Jesper!AI$2:AI$366,ROUNDDOWN($C7637/24,0)+1,1))-1)+IF('Standard Profiles'!$G$19=$B$10,7,0)+IF('Standard Profiles'!$G$19=$B$17,14,0)+IF('Standard Profiles'!$G$19=$B$24,21,0),MOD($C7637,24)+1)/SUM(INDEX($D$3:$AA$30,INDEX(Jesper!$R$2:$R$366,ROW(INDEX(Jesper!AI$2:AI$366,ROUNDDOWN($C7637/24,0)+1,1))-1)+IF('Standard Profiles'!$G$19=$B$10,7,0)+IF('Standard Profiles'!$G$19=$B$17,14,0)+IF('Standard Profiles'!$G$19=$B$24,21,0),0)),0)</f>
        <v>0</v>
      </c>
      <c r="F7637" cm="1">
        <f t="array" ref="F7637">IFERROR(INDEX(Jesper!AJ$2:AJ$366,ROUNDDOWN($C7637/24,0)+1,1)*INDEX($D$3:$AA$30,INDEX(Jesper!$R$2:$R$366,ROW(INDEX(Jesper!AJ$2:AJ$366,ROUNDDOWN($C7637/24,0)+1,1))-1)+IF('Standard Profiles'!$G$20=$B$10,7,0)+IF('Standard Profiles'!$G$20=$B$17,14,0)+IF('Standard Profiles'!$G$20=$B$24,21,0),MOD($C7637,24)+1)/SUM(INDEX($D$3:$AA$30,INDEX(Jesper!$R$2:$R$366,ROW(INDEX(Jesper!AJ$2:AJ$366,ROUNDDOWN($C7637/24,0)+1,1))-1)+IF('Standard Profiles'!$G$20=$B$10,7,0)+IF('Standard Profiles'!$G$20=$B$17,14,0)+IF('Standard Profiles'!$G$20=$B$24,21,0),0)),0)</f>
        <v>0</v>
      </c>
      <c r="G7637" cm="1">
        <f t="array" ref="G7637">IFERROR(INDEX(Jesper!AK$2:AK$366,ROUNDDOWN($C7637/24,0)+1,1)*INDEX($D$3:$AA$30,INDEX(Jesper!$R$2:$R$366,ROW(INDEX(Jesper!AK$2:AK$366,ROUNDDOWN($C7637/24,0)+1,1))-1)+IF('Standard Profiles'!$G$21=$B$10,7,0)+IF('Standard Profiles'!$G$21=$B$17,14,0)+IF('Standard Profiles'!$G$21=$B$24,21,0),MOD($C7637,24)+1)/SUM(INDEX($D$3:$AA$30,INDEX(Jesper!$R$2:$R$366,ROW(INDEX(Jesper!AK$2:AK$366,ROUNDDOWN($C7637/24,0)+1,1))-1)+IF('Standard Profiles'!$G$21=$B$10,7,0)+IF('Standard Profiles'!$G$21=$B$17,14,0)+IF('Standard Profiles'!$G$21=$B$24,21,0),0)),0)</f>
        <v>0</v>
      </c>
      <c r="H7637" cm="1">
        <f t="array" ref="H7637">IFERROR(INDEX(Jesper!AL$2:AL$366,ROUNDDOWN($C7637/24,0)+1,1)*INDEX($D$3:$AA$30,INDEX(Jesper!$R$2:$R$366,ROW(INDEX(Jesper!AL$2:AL$366,ROUNDDOWN($C7637/24,0)+1,1))-1)+IF('Standard Profiles'!$G$22=$B$10,7,0)+IF('Standard Profiles'!$G$22=$B$17,14,0)+IF('Standard Profiles'!$G$22=$B$24,21,0),MOD($C7637,24)+1)/SUM(INDEX($D$3:$AA$30,INDEX(Jesper!$R$2:$R$366,ROW(INDEX(Jesper!AL$2:AL$366,ROUNDDOWN($C7637/24,0)+1,1))-1)+IF('Standard Profiles'!$G$22=$B$10,7,0)+IF('Standard Profiles'!$G$22=$B$17,14,0)+IF('Standard Profiles'!$G$22=$B$24,21,0),0)),0)</f>
        <v>0</v>
      </c>
      <c r="I7637">
        <f t="shared" si="846"/>
        <v>0.40376355254554785</v>
      </c>
      <c r="J7637">
        <f t="shared" si="847"/>
        <v>1.3458785084851597</v>
      </c>
      <c r="K7637">
        <f t="shared" si="848"/>
        <v>2.0188177627277391</v>
      </c>
      <c r="L7637">
        <f t="shared" si="849"/>
        <v>9.6903252610931485</v>
      </c>
      <c r="M7637">
        <f t="shared" si="850"/>
        <v>0</v>
      </c>
      <c r="N7637" s="46">
        <f t="shared" si="851"/>
        <v>45608.791666648227</v>
      </c>
    </row>
    <row r="7638" spans="2:14" x14ac:dyDescent="0.3">
      <c r="B7638">
        <f t="shared" si="845"/>
        <v>2</v>
      </c>
      <c r="C7638" s="16">
        <v>7604</v>
      </c>
      <c r="D7638" cm="1">
        <f t="array" ref="D7638">IFERROR(INDEX(Jesper!AH$2:AH$366,ROUNDDOWN($C7638/24,0)+1,1)*INDEX($D$3:$AA$30,INDEX(Jesper!$R$2:$R$366,ROW(INDEX(Jesper!AH$2:AH$366,ROUNDDOWN($C7638/24,0)+1,1))-1)+IF('Standard Profiles'!$G$18=$B$10,7,0)+IF('Standard Profiles'!$G$18=$B$17,14,0)+IF('Standard Profiles'!$G$18=$B$24,21,0),MOD($C7638,24)+1)/SUM(INDEX($D$3:$AA$30,INDEX(Jesper!$R$2:$R$366,ROW(INDEX(Jesper!AH$2:AH$366,ROUNDDOWN($C7638/24,0)+1,1))-1)+IF('Standard Profiles'!$G$18=$B$10,7,0)+IF('Standard Profiles'!$G$18=$B$17,14,0)+IF('Standard Profiles'!$G$18=$B$24,21,0),0)),0)</f>
        <v>11.048256412937876</v>
      </c>
      <c r="E7638" cm="1">
        <f t="array" ref="E7638">IFERROR(INDEX(Jesper!AI$2:AI$366,ROUNDDOWN($C7638/24,0)+1,1)*INDEX($D$3:$AA$30,INDEX(Jesper!$R$2:$R$366,ROW(INDEX(Jesper!AI$2:AI$366,ROUNDDOWN($C7638/24,0)+1,1))-1)+IF('Standard Profiles'!$G$19=$B$10,7,0)+IF('Standard Profiles'!$G$19=$B$17,14,0)+IF('Standard Profiles'!$G$19=$B$24,21,0),MOD($C7638,24)+1)/SUM(INDEX($D$3:$AA$30,INDEX(Jesper!$R$2:$R$366,ROW(INDEX(Jesper!AI$2:AI$366,ROUNDDOWN($C7638/24,0)+1,1))-1)+IF('Standard Profiles'!$G$19=$B$10,7,0)+IF('Standard Profiles'!$G$19=$B$17,14,0)+IF('Standard Profiles'!$G$19=$B$24,21,0),0)),0)</f>
        <v>0</v>
      </c>
      <c r="F7638" cm="1">
        <f t="array" ref="F7638">IFERROR(INDEX(Jesper!AJ$2:AJ$366,ROUNDDOWN($C7638/24,0)+1,1)*INDEX($D$3:$AA$30,INDEX(Jesper!$R$2:$R$366,ROW(INDEX(Jesper!AJ$2:AJ$366,ROUNDDOWN($C7638/24,0)+1,1))-1)+IF('Standard Profiles'!$G$20=$B$10,7,0)+IF('Standard Profiles'!$G$20=$B$17,14,0)+IF('Standard Profiles'!$G$20=$B$24,21,0),MOD($C7638,24)+1)/SUM(INDEX($D$3:$AA$30,INDEX(Jesper!$R$2:$R$366,ROW(INDEX(Jesper!AJ$2:AJ$366,ROUNDDOWN($C7638/24,0)+1,1))-1)+IF('Standard Profiles'!$G$20=$B$10,7,0)+IF('Standard Profiles'!$G$20=$B$17,14,0)+IF('Standard Profiles'!$G$20=$B$24,21,0),0)),0)</f>
        <v>0</v>
      </c>
      <c r="G7638" cm="1">
        <f t="array" ref="G7638">IFERROR(INDEX(Jesper!AK$2:AK$366,ROUNDDOWN($C7638/24,0)+1,1)*INDEX($D$3:$AA$30,INDEX(Jesper!$R$2:$R$366,ROW(INDEX(Jesper!AK$2:AK$366,ROUNDDOWN($C7638/24,0)+1,1))-1)+IF('Standard Profiles'!$G$21=$B$10,7,0)+IF('Standard Profiles'!$G$21=$B$17,14,0)+IF('Standard Profiles'!$G$21=$B$24,21,0),MOD($C7638,24)+1)/SUM(INDEX($D$3:$AA$30,INDEX(Jesper!$R$2:$R$366,ROW(INDEX(Jesper!AK$2:AK$366,ROUNDDOWN($C7638/24,0)+1,1))-1)+IF('Standard Profiles'!$G$21=$B$10,7,0)+IF('Standard Profiles'!$G$21=$B$17,14,0)+IF('Standard Profiles'!$G$21=$B$24,21,0),0)),0)</f>
        <v>0</v>
      </c>
      <c r="H7638" cm="1">
        <f t="array" ref="H7638">IFERROR(INDEX(Jesper!AL$2:AL$366,ROUNDDOWN($C7638/24,0)+1,1)*INDEX($D$3:$AA$30,INDEX(Jesper!$R$2:$R$366,ROW(INDEX(Jesper!AL$2:AL$366,ROUNDDOWN($C7638/24,0)+1,1))-1)+IF('Standard Profiles'!$G$22=$B$10,7,0)+IF('Standard Profiles'!$G$22=$B$17,14,0)+IF('Standard Profiles'!$G$22=$B$24,21,0),MOD($C7638,24)+1)/SUM(INDEX($D$3:$AA$30,INDEX(Jesper!$R$2:$R$366,ROW(INDEX(Jesper!AL$2:AL$366,ROUNDDOWN($C7638/24,0)+1,1))-1)+IF('Standard Profiles'!$G$22=$B$10,7,0)+IF('Standard Profiles'!$G$22=$B$17,14,0)+IF('Standard Profiles'!$G$22=$B$24,21,0),0)),0)</f>
        <v>0</v>
      </c>
      <c r="I7638">
        <f t="shared" si="846"/>
        <v>0.33144769238813626</v>
      </c>
      <c r="J7638">
        <f t="shared" si="847"/>
        <v>1.1048256412937876</v>
      </c>
      <c r="K7638">
        <f t="shared" si="848"/>
        <v>1.6572384619406815</v>
      </c>
      <c r="L7638">
        <f t="shared" si="849"/>
        <v>7.9547446173152707</v>
      </c>
      <c r="M7638">
        <f t="shared" si="850"/>
        <v>0</v>
      </c>
      <c r="N7638" s="46">
        <f t="shared" si="851"/>
        <v>45608.833333314891</v>
      </c>
    </row>
    <row r="7639" spans="2:14" x14ac:dyDescent="0.3">
      <c r="B7639">
        <f t="shared" si="845"/>
        <v>2</v>
      </c>
      <c r="C7639" s="16">
        <v>7605</v>
      </c>
      <c r="D7639" cm="1">
        <f t="array" ref="D7639">IFERROR(INDEX(Jesper!AH$2:AH$366,ROUNDDOWN($C7639/24,0)+1,1)*INDEX($D$3:$AA$30,INDEX(Jesper!$R$2:$R$366,ROW(INDEX(Jesper!AH$2:AH$366,ROUNDDOWN($C7639/24,0)+1,1))-1)+IF('Standard Profiles'!$G$18=$B$10,7,0)+IF('Standard Profiles'!$G$18=$B$17,14,0)+IF('Standard Profiles'!$G$18=$B$24,21,0),MOD($C7639,24)+1)/SUM(INDEX($D$3:$AA$30,INDEX(Jesper!$R$2:$R$366,ROW(INDEX(Jesper!AH$2:AH$366,ROUNDDOWN($C7639/24,0)+1,1))-1)+IF('Standard Profiles'!$G$18=$B$10,7,0)+IF('Standard Profiles'!$G$18=$B$17,14,0)+IF('Standard Profiles'!$G$18=$B$24,21,0),0)),0)</f>
        <v>8.0350955730457283</v>
      </c>
      <c r="E7639" cm="1">
        <f t="array" ref="E7639">IFERROR(INDEX(Jesper!AI$2:AI$366,ROUNDDOWN($C7639/24,0)+1,1)*INDEX($D$3:$AA$30,INDEX(Jesper!$R$2:$R$366,ROW(INDEX(Jesper!AI$2:AI$366,ROUNDDOWN($C7639/24,0)+1,1))-1)+IF('Standard Profiles'!$G$19=$B$10,7,0)+IF('Standard Profiles'!$G$19=$B$17,14,0)+IF('Standard Profiles'!$G$19=$B$24,21,0),MOD($C7639,24)+1)/SUM(INDEX($D$3:$AA$30,INDEX(Jesper!$R$2:$R$366,ROW(INDEX(Jesper!AI$2:AI$366,ROUNDDOWN($C7639/24,0)+1,1))-1)+IF('Standard Profiles'!$G$19=$B$10,7,0)+IF('Standard Profiles'!$G$19=$B$17,14,0)+IF('Standard Profiles'!$G$19=$B$24,21,0),0)),0)</f>
        <v>0</v>
      </c>
      <c r="F7639" cm="1">
        <f t="array" ref="F7639">IFERROR(INDEX(Jesper!AJ$2:AJ$366,ROUNDDOWN($C7639/24,0)+1,1)*INDEX($D$3:$AA$30,INDEX(Jesper!$R$2:$R$366,ROW(INDEX(Jesper!AJ$2:AJ$366,ROUNDDOWN($C7639/24,0)+1,1))-1)+IF('Standard Profiles'!$G$20=$B$10,7,0)+IF('Standard Profiles'!$G$20=$B$17,14,0)+IF('Standard Profiles'!$G$20=$B$24,21,0),MOD($C7639,24)+1)/SUM(INDEX($D$3:$AA$30,INDEX(Jesper!$R$2:$R$366,ROW(INDEX(Jesper!AJ$2:AJ$366,ROUNDDOWN($C7639/24,0)+1,1))-1)+IF('Standard Profiles'!$G$20=$B$10,7,0)+IF('Standard Profiles'!$G$20=$B$17,14,0)+IF('Standard Profiles'!$G$20=$B$24,21,0),0)),0)</f>
        <v>0</v>
      </c>
      <c r="G7639" cm="1">
        <f t="array" ref="G7639">IFERROR(INDEX(Jesper!AK$2:AK$366,ROUNDDOWN($C7639/24,0)+1,1)*INDEX($D$3:$AA$30,INDEX(Jesper!$R$2:$R$366,ROW(INDEX(Jesper!AK$2:AK$366,ROUNDDOWN($C7639/24,0)+1,1))-1)+IF('Standard Profiles'!$G$21=$B$10,7,0)+IF('Standard Profiles'!$G$21=$B$17,14,0)+IF('Standard Profiles'!$G$21=$B$24,21,0),MOD($C7639,24)+1)/SUM(INDEX($D$3:$AA$30,INDEX(Jesper!$R$2:$R$366,ROW(INDEX(Jesper!AK$2:AK$366,ROUNDDOWN($C7639/24,0)+1,1))-1)+IF('Standard Profiles'!$G$21=$B$10,7,0)+IF('Standard Profiles'!$G$21=$B$17,14,0)+IF('Standard Profiles'!$G$21=$B$24,21,0),0)),0)</f>
        <v>0</v>
      </c>
      <c r="H7639" cm="1">
        <f t="array" ref="H7639">IFERROR(INDEX(Jesper!AL$2:AL$366,ROUNDDOWN($C7639/24,0)+1,1)*INDEX($D$3:$AA$30,INDEX(Jesper!$R$2:$R$366,ROW(INDEX(Jesper!AL$2:AL$366,ROUNDDOWN($C7639/24,0)+1,1))-1)+IF('Standard Profiles'!$G$22=$B$10,7,0)+IF('Standard Profiles'!$G$22=$B$17,14,0)+IF('Standard Profiles'!$G$22=$B$24,21,0),MOD($C7639,24)+1)/SUM(INDEX($D$3:$AA$30,INDEX(Jesper!$R$2:$R$366,ROW(INDEX(Jesper!AL$2:AL$366,ROUNDDOWN($C7639/24,0)+1,1))-1)+IF('Standard Profiles'!$G$22=$B$10,7,0)+IF('Standard Profiles'!$G$22=$B$17,14,0)+IF('Standard Profiles'!$G$22=$B$24,21,0),0)),0)</f>
        <v>0</v>
      </c>
      <c r="I7639">
        <f t="shared" si="846"/>
        <v>0.24105286719137184</v>
      </c>
      <c r="J7639">
        <f t="shared" si="847"/>
        <v>0.80350955730457285</v>
      </c>
      <c r="K7639">
        <f t="shared" si="848"/>
        <v>1.2052643359568591</v>
      </c>
      <c r="L7639">
        <f t="shared" si="849"/>
        <v>5.7852688125929239</v>
      </c>
      <c r="M7639">
        <f t="shared" si="850"/>
        <v>0</v>
      </c>
      <c r="N7639" s="46">
        <f t="shared" si="851"/>
        <v>45608.874999981555</v>
      </c>
    </row>
    <row r="7640" spans="2:14" x14ac:dyDescent="0.3">
      <c r="B7640">
        <f t="shared" si="845"/>
        <v>2</v>
      </c>
      <c r="C7640" s="16">
        <v>7606</v>
      </c>
      <c r="D7640" cm="1">
        <f t="array" ref="D7640">IFERROR(INDEX(Jesper!AH$2:AH$366,ROUNDDOWN($C7640/24,0)+1,1)*INDEX($D$3:$AA$30,INDEX(Jesper!$R$2:$R$366,ROW(INDEX(Jesper!AH$2:AH$366,ROUNDDOWN($C7640/24,0)+1,1))-1)+IF('Standard Profiles'!$G$18=$B$10,7,0)+IF('Standard Profiles'!$G$18=$B$17,14,0)+IF('Standard Profiles'!$G$18=$B$24,21,0),MOD($C7640,24)+1)/SUM(INDEX($D$3:$AA$30,INDEX(Jesper!$R$2:$R$366,ROW(INDEX(Jesper!AH$2:AH$366,ROUNDDOWN($C7640/24,0)+1,1))-1)+IF('Standard Profiles'!$G$18=$B$10,7,0)+IF('Standard Profiles'!$G$18=$B$17,14,0)+IF('Standard Profiles'!$G$18=$B$24,21,0),0)),0)</f>
        <v>8.0350955730457283</v>
      </c>
      <c r="E7640" cm="1">
        <f t="array" ref="E7640">IFERROR(INDEX(Jesper!AI$2:AI$366,ROUNDDOWN($C7640/24,0)+1,1)*INDEX($D$3:$AA$30,INDEX(Jesper!$R$2:$R$366,ROW(INDEX(Jesper!AI$2:AI$366,ROUNDDOWN($C7640/24,0)+1,1))-1)+IF('Standard Profiles'!$G$19=$B$10,7,0)+IF('Standard Profiles'!$G$19=$B$17,14,0)+IF('Standard Profiles'!$G$19=$B$24,21,0),MOD($C7640,24)+1)/SUM(INDEX($D$3:$AA$30,INDEX(Jesper!$R$2:$R$366,ROW(INDEX(Jesper!AI$2:AI$366,ROUNDDOWN($C7640/24,0)+1,1))-1)+IF('Standard Profiles'!$G$19=$B$10,7,0)+IF('Standard Profiles'!$G$19=$B$17,14,0)+IF('Standard Profiles'!$G$19=$B$24,21,0),0)),0)</f>
        <v>0</v>
      </c>
      <c r="F7640" cm="1">
        <f t="array" ref="F7640">IFERROR(INDEX(Jesper!AJ$2:AJ$366,ROUNDDOWN($C7640/24,0)+1,1)*INDEX($D$3:$AA$30,INDEX(Jesper!$R$2:$R$366,ROW(INDEX(Jesper!AJ$2:AJ$366,ROUNDDOWN($C7640/24,0)+1,1))-1)+IF('Standard Profiles'!$G$20=$B$10,7,0)+IF('Standard Profiles'!$G$20=$B$17,14,0)+IF('Standard Profiles'!$G$20=$B$24,21,0),MOD($C7640,24)+1)/SUM(INDEX($D$3:$AA$30,INDEX(Jesper!$R$2:$R$366,ROW(INDEX(Jesper!AJ$2:AJ$366,ROUNDDOWN($C7640/24,0)+1,1))-1)+IF('Standard Profiles'!$G$20=$B$10,7,0)+IF('Standard Profiles'!$G$20=$B$17,14,0)+IF('Standard Profiles'!$G$20=$B$24,21,0),0)),0)</f>
        <v>0</v>
      </c>
      <c r="G7640" cm="1">
        <f t="array" ref="G7640">IFERROR(INDEX(Jesper!AK$2:AK$366,ROUNDDOWN($C7640/24,0)+1,1)*INDEX($D$3:$AA$30,INDEX(Jesper!$R$2:$R$366,ROW(INDEX(Jesper!AK$2:AK$366,ROUNDDOWN($C7640/24,0)+1,1))-1)+IF('Standard Profiles'!$G$21=$B$10,7,0)+IF('Standard Profiles'!$G$21=$B$17,14,0)+IF('Standard Profiles'!$G$21=$B$24,21,0),MOD($C7640,24)+1)/SUM(INDEX($D$3:$AA$30,INDEX(Jesper!$R$2:$R$366,ROW(INDEX(Jesper!AK$2:AK$366,ROUNDDOWN($C7640/24,0)+1,1))-1)+IF('Standard Profiles'!$G$21=$B$10,7,0)+IF('Standard Profiles'!$G$21=$B$17,14,0)+IF('Standard Profiles'!$G$21=$B$24,21,0),0)),0)</f>
        <v>0</v>
      </c>
      <c r="H7640" cm="1">
        <f t="array" ref="H7640">IFERROR(INDEX(Jesper!AL$2:AL$366,ROUNDDOWN($C7640/24,0)+1,1)*INDEX($D$3:$AA$30,INDEX(Jesper!$R$2:$R$366,ROW(INDEX(Jesper!AL$2:AL$366,ROUNDDOWN($C7640/24,0)+1,1))-1)+IF('Standard Profiles'!$G$22=$B$10,7,0)+IF('Standard Profiles'!$G$22=$B$17,14,0)+IF('Standard Profiles'!$G$22=$B$24,21,0),MOD($C7640,24)+1)/SUM(INDEX($D$3:$AA$30,INDEX(Jesper!$R$2:$R$366,ROW(INDEX(Jesper!AL$2:AL$366,ROUNDDOWN($C7640/24,0)+1,1))-1)+IF('Standard Profiles'!$G$22=$B$10,7,0)+IF('Standard Profiles'!$G$22=$B$17,14,0)+IF('Standard Profiles'!$G$22=$B$24,21,0),0)),0)</f>
        <v>0</v>
      </c>
      <c r="I7640">
        <f t="shared" si="846"/>
        <v>0.24105286719137184</v>
      </c>
      <c r="J7640">
        <f t="shared" si="847"/>
        <v>0.80350955730457285</v>
      </c>
      <c r="K7640">
        <f t="shared" si="848"/>
        <v>1.2052643359568591</v>
      </c>
      <c r="L7640">
        <f t="shared" si="849"/>
        <v>5.7852688125929239</v>
      </c>
      <c r="M7640">
        <f t="shared" si="850"/>
        <v>0</v>
      </c>
      <c r="N7640" s="46">
        <f t="shared" si="851"/>
        <v>45608.91666664822</v>
      </c>
    </row>
    <row r="7641" spans="2:14" x14ac:dyDescent="0.3">
      <c r="B7641">
        <f t="shared" si="845"/>
        <v>2</v>
      </c>
      <c r="C7641" s="16">
        <v>7607</v>
      </c>
      <c r="D7641" cm="1">
        <f t="array" ref="D7641">IFERROR(INDEX(Jesper!AH$2:AH$366,ROUNDDOWN($C7641/24,0)+1,1)*INDEX($D$3:$AA$30,INDEX(Jesper!$R$2:$R$366,ROW(INDEX(Jesper!AH$2:AH$366,ROUNDDOWN($C7641/24,0)+1,1))-1)+IF('Standard Profiles'!$G$18=$B$10,7,0)+IF('Standard Profiles'!$G$18=$B$17,14,0)+IF('Standard Profiles'!$G$18=$B$24,21,0),MOD($C7641,24)+1)/SUM(INDEX($D$3:$AA$30,INDEX(Jesper!$R$2:$R$366,ROW(INDEX(Jesper!AH$2:AH$366,ROUNDDOWN($C7641/24,0)+1,1))-1)+IF('Standard Profiles'!$G$18=$B$10,7,0)+IF('Standard Profiles'!$G$18=$B$17,14,0)+IF('Standard Profiles'!$G$18=$B$24,21,0),0)),0)</f>
        <v>8.0350955730457283</v>
      </c>
      <c r="E7641" cm="1">
        <f t="array" ref="E7641">IFERROR(INDEX(Jesper!AI$2:AI$366,ROUNDDOWN($C7641/24,0)+1,1)*INDEX($D$3:$AA$30,INDEX(Jesper!$R$2:$R$366,ROW(INDEX(Jesper!AI$2:AI$366,ROUNDDOWN($C7641/24,0)+1,1))-1)+IF('Standard Profiles'!$G$19=$B$10,7,0)+IF('Standard Profiles'!$G$19=$B$17,14,0)+IF('Standard Profiles'!$G$19=$B$24,21,0),MOD($C7641,24)+1)/SUM(INDEX($D$3:$AA$30,INDEX(Jesper!$R$2:$R$366,ROW(INDEX(Jesper!AI$2:AI$366,ROUNDDOWN($C7641/24,0)+1,1))-1)+IF('Standard Profiles'!$G$19=$B$10,7,0)+IF('Standard Profiles'!$G$19=$B$17,14,0)+IF('Standard Profiles'!$G$19=$B$24,21,0),0)),0)</f>
        <v>0</v>
      </c>
      <c r="F7641" cm="1">
        <f t="array" ref="F7641">IFERROR(INDEX(Jesper!AJ$2:AJ$366,ROUNDDOWN($C7641/24,0)+1,1)*INDEX($D$3:$AA$30,INDEX(Jesper!$R$2:$R$366,ROW(INDEX(Jesper!AJ$2:AJ$366,ROUNDDOWN($C7641/24,0)+1,1))-1)+IF('Standard Profiles'!$G$20=$B$10,7,0)+IF('Standard Profiles'!$G$20=$B$17,14,0)+IF('Standard Profiles'!$G$20=$B$24,21,0),MOD($C7641,24)+1)/SUM(INDEX($D$3:$AA$30,INDEX(Jesper!$R$2:$R$366,ROW(INDEX(Jesper!AJ$2:AJ$366,ROUNDDOWN($C7641/24,0)+1,1))-1)+IF('Standard Profiles'!$G$20=$B$10,7,0)+IF('Standard Profiles'!$G$20=$B$17,14,0)+IF('Standard Profiles'!$G$20=$B$24,21,0),0)),0)</f>
        <v>0</v>
      </c>
      <c r="G7641" cm="1">
        <f t="array" ref="G7641">IFERROR(INDEX(Jesper!AK$2:AK$366,ROUNDDOWN($C7641/24,0)+1,1)*INDEX($D$3:$AA$30,INDEX(Jesper!$R$2:$R$366,ROW(INDEX(Jesper!AK$2:AK$366,ROUNDDOWN($C7641/24,0)+1,1))-1)+IF('Standard Profiles'!$G$21=$B$10,7,0)+IF('Standard Profiles'!$G$21=$B$17,14,0)+IF('Standard Profiles'!$G$21=$B$24,21,0),MOD($C7641,24)+1)/SUM(INDEX($D$3:$AA$30,INDEX(Jesper!$R$2:$R$366,ROW(INDEX(Jesper!AK$2:AK$366,ROUNDDOWN($C7641/24,0)+1,1))-1)+IF('Standard Profiles'!$G$21=$B$10,7,0)+IF('Standard Profiles'!$G$21=$B$17,14,0)+IF('Standard Profiles'!$G$21=$B$24,21,0),0)),0)</f>
        <v>0</v>
      </c>
      <c r="H7641" cm="1">
        <f t="array" ref="H7641">IFERROR(INDEX(Jesper!AL$2:AL$366,ROUNDDOWN($C7641/24,0)+1,1)*INDEX($D$3:$AA$30,INDEX(Jesper!$R$2:$R$366,ROW(INDEX(Jesper!AL$2:AL$366,ROUNDDOWN($C7641/24,0)+1,1))-1)+IF('Standard Profiles'!$G$22=$B$10,7,0)+IF('Standard Profiles'!$G$22=$B$17,14,0)+IF('Standard Profiles'!$G$22=$B$24,21,0),MOD($C7641,24)+1)/SUM(INDEX($D$3:$AA$30,INDEX(Jesper!$R$2:$R$366,ROW(INDEX(Jesper!AL$2:AL$366,ROUNDDOWN($C7641/24,0)+1,1))-1)+IF('Standard Profiles'!$G$22=$B$10,7,0)+IF('Standard Profiles'!$G$22=$B$17,14,0)+IF('Standard Profiles'!$G$22=$B$24,21,0),0)),0)</f>
        <v>0</v>
      </c>
      <c r="I7641">
        <f t="shared" si="846"/>
        <v>0.24105286719137184</v>
      </c>
      <c r="J7641">
        <f t="shared" si="847"/>
        <v>0.80350955730457285</v>
      </c>
      <c r="K7641">
        <f t="shared" si="848"/>
        <v>1.2052643359568591</v>
      </c>
      <c r="L7641">
        <f t="shared" si="849"/>
        <v>5.7852688125929239</v>
      </c>
      <c r="M7641">
        <f t="shared" si="850"/>
        <v>0</v>
      </c>
      <c r="N7641" s="46">
        <f t="shared" si="851"/>
        <v>45608.958333314884</v>
      </c>
    </row>
    <row r="7642" spans="2:14" x14ac:dyDescent="0.3">
      <c r="B7642">
        <f t="shared" si="845"/>
        <v>3</v>
      </c>
      <c r="C7642" s="16">
        <v>7608</v>
      </c>
      <c r="D7642" cm="1">
        <f t="array" ref="D7642">IFERROR(INDEX(Jesper!AH$2:AH$366,ROUNDDOWN($C7642/24,0)+1,1)*INDEX($D$3:$AA$30,INDEX(Jesper!$R$2:$R$366,ROW(INDEX(Jesper!AH$2:AH$366,ROUNDDOWN($C7642/24,0)+1,1))-1)+IF('Standard Profiles'!$G$18=$B$10,7,0)+IF('Standard Profiles'!$G$18=$B$17,14,0)+IF('Standard Profiles'!$G$18=$B$24,21,0),MOD($C7642,24)+1)/SUM(INDEX($D$3:$AA$30,INDEX(Jesper!$R$2:$R$366,ROW(INDEX(Jesper!AH$2:AH$366,ROUNDDOWN($C7642/24,0)+1,1))-1)+IF('Standard Profiles'!$G$18=$B$10,7,0)+IF('Standard Profiles'!$G$18=$B$17,14,0)+IF('Standard Profiles'!$G$18=$B$24,21,0),0)),0)</f>
        <v>7.0814824486306893</v>
      </c>
      <c r="E7642" cm="1">
        <f t="array" ref="E7642">IFERROR(INDEX(Jesper!AI$2:AI$366,ROUNDDOWN($C7642/24,0)+1,1)*INDEX($D$3:$AA$30,INDEX(Jesper!$R$2:$R$366,ROW(INDEX(Jesper!AI$2:AI$366,ROUNDDOWN($C7642/24,0)+1,1))-1)+IF('Standard Profiles'!$G$19=$B$10,7,0)+IF('Standard Profiles'!$G$19=$B$17,14,0)+IF('Standard Profiles'!$G$19=$B$24,21,0),MOD($C7642,24)+1)/SUM(INDEX($D$3:$AA$30,INDEX(Jesper!$R$2:$R$366,ROW(INDEX(Jesper!AI$2:AI$366,ROUNDDOWN($C7642/24,0)+1,1))-1)+IF('Standard Profiles'!$G$19=$B$10,7,0)+IF('Standard Profiles'!$G$19=$B$17,14,0)+IF('Standard Profiles'!$G$19=$B$24,21,0),0)),0)</f>
        <v>0</v>
      </c>
      <c r="F7642" cm="1">
        <f t="array" ref="F7642">IFERROR(INDEX(Jesper!AJ$2:AJ$366,ROUNDDOWN($C7642/24,0)+1,1)*INDEX($D$3:$AA$30,INDEX(Jesper!$R$2:$R$366,ROW(INDEX(Jesper!AJ$2:AJ$366,ROUNDDOWN($C7642/24,0)+1,1))-1)+IF('Standard Profiles'!$G$20=$B$10,7,0)+IF('Standard Profiles'!$G$20=$B$17,14,0)+IF('Standard Profiles'!$G$20=$B$24,21,0),MOD($C7642,24)+1)/SUM(INDEX($D$3:$AA$30,INDEX(Jesper!$R$2:$R$366,ROW(INDEX(Jesper!AJ$2:AJ$366,ROUNDDOWN($C7642/24,0)+1,1))-1)+IF('Standard Profiles'!$G$20=$B$10,7,0)+IF('Standard Profiles'!$G$20=$B$17,14,0)+IF('Standard Profiles'!$G$20=$B$24,21,0),0)),0)</f>
        <v>0</v>
      </c>
      <c r="G7642" cm="1">
        <f t="array" ref="G7642">IFERROR(INDEX(Jesper!AK$2:AK$366,ROUNDDOWN($C7642/24,0)+1,1)*INDEX($D$3:$AA$30,INDEX(Jesper!$R$2:$R$366,ROW(INDEX(Jesper!AK$2:AK$366,ROUNDDOWN($C7642/24,0)+1,1))-1)+IF('Standard Profiles'!$G$21=$B$10,7,0)+IF('Standard Profiles'!$G$21=$B$17,14,0)+IF('Standard Profiles'!$G$21=$B$24,21,0),MOD($C7642,24)+1)/SUM(INDEX($D$3:$AA$30,INDEX(Jesper!$R$2:$R$366,ROW(INDEX(Jesper!AK$2:AK$366,ROUNDDOWN($C7642/24,0)+1,1))-1)+IF('Standard Profiles'!$G$21=$B$10,7,0)+IF('Standard Profiles'!$G$21=$B$17,14,0)+IF('Standard Profiles'!$G$21=$B$24,21,0),0)),0)</f>
        <v>0</v>
      </c>
      <c r="H7642" cm="1">
        <f t="array" ref="H7642">IFERROR(INDEX(Jesper!AL$2:AL$366,ROUNDDOWN($C7642/24,0)+1,1)*INDEX($D$3:$AA$30,INDEX(Jesper!$R$2:$R$366,ROW(INDEX(Jesper!AL$2:AL$366,ROUNDDOWN($C7642/24,0)+1,1))-1)+IF('Standard Profiles'!$G$22=$B$10,7,0)+IF('Standard Profiles'!$G$22=$B$17,14,0)+IF('Standard Profiles'!$G$22=$B$24,21,0),MOD($C7642,24)+1)/SUM(INDEX($D$3:$AA$30,INDEX(Jesper!$R$2:$R$366,ROW(INDEX(Jesper!AL$2:AL$366,ROUNDDOWN($C7642/24,0)+1,1))-1)+IF('Standard Profiles'!$G$22=$B$10,7,0)+IF('Standard Profiles'!$G$22=$B$17,14,0)+IF('Standard Profiles'!$G$22=$B$24,21,0),0)),0)</f>
        <v>0</v>
      </c>
      <c r="I7642">
        <f t="shared" si="846"/>
        <v>0.21244447345892067</v>
      </c>
      <c r="J7642">
        <f t="shared" si="847"/>
        <v>0.70814824486306893</v>
      </c>
      <c r="K7642">
        <f t="shared" si="848"/>
        <v>1.0622223672946034</v>
      </c>
      <c r="L7642">
        <f t="shared" si="849"/>
        <v>5.098667363014096</v>
      </c>
      <c r="M7642">
        <f t="shared" si="850"/>
        <v>0</v>
      </c>
      <c r="N7642" s="46">
        <f t="shared" si="851"/>
        <v>45608.999999981548</v>
      </c>
    </row>
    <row r="7643" spans="2:14" x14ac:dyDescent="0.3">
      <c r="B7643">
        <f t="shared" si="845"/>
        <v>3</v>
      </c>
      <c r="C7643" s="16">
        <v>7609</v>
      </c>
      <c r="D7643" cm="1">
        <f t="array" ref="D7643">IFERROR(INDEX(Jesper!AH$2:AH$366,ROUNDDOWN($C7643/24,0)+1,1)*INDEX($D$3:$AA$30,INDEX(Jesper!$R$2:$R$366,ROW(INDEX(Jesper!AH$2:AH$366,ROUNDDOWN($C7643/24,0)+1,1))-1)+IF('Standard Profiles'!$G$18=$B$10,7,0)+IF('Standard Profiles'!$G$18=$B$17,14,0)+IF('Standard Profiles'!$G$18=$B$24,21,0),MOD($C7643,24)+1)/SUM(INDEX($D$3:$AA$30,INDEX(Jesper!$R$2:$R$366,ROW(INDEX(Jesper!AH$2:AH$366,ROUNDDOWN($C7643/24,0)+1,1))-1)+IF('Standard Profiles'!$G$18=$B$10,7,0)+IF('Standard Profiles'!$G$18=$B$17,14,0)+IF('Standard Profiles'!$G$18=$B$24,21,0),0)),0)</f>
        <v>7.9666677547095253</v>
      </c>
      <c r="E7643" cm="1">
        <f t="array" ref="E7643">IFERROR(INDEX(Jesper!AI$2:AI$366,ROUNDDOWN($C7643/24,0)+1,1)*INDEX($D$3:$AA$30,INDEX(Jesper!$R$2:$R$366,ROW(INDEX(Jesper!AI$2:AI$366,ROUNDDOWN($C7643/24,0)+1,1))-1)+IF('Standard Profiles'!$G$19=$B$10,7,0)+IF('Standard Profiles'!$G$19=$B$17,14,0)+IF('Standard Profiles'!$G$19=$B$24,21,0),MOD($C7643,24)+1)/SUM(INDEX($D$3:$AA$30,INDEX(Jesper!$R$2:$R$366,ROW(INDEX(Jesper!AI$2:AI$366,ROUNDDOWN($C7643/24,0)+1,1))-1)+IF('Standard Profiles'!$G$19=$B$10,7,0)+IF('Standard Profiles'!$G$19=$B$17,14,0)+IF('Standard Profiles'!$G$19=$B$24,21,0),0)),0)</f>
        <v>0</v>
      </c>
      <c r="F7643" cm="1">
        <f t="array" ref="F7643">IFERROR(INDEX(Jesper!AJ$2:AJ$366,ROUNDDOWN($C7643/24,0)+1,1)*INDEX($D$3:$AA$30,INDEX(Jesper!$R$2:$R$366,ROW(INDEX(Jesper!AJ$2:AJ$366,ROUNDDOWN($C7643/24,0)+1,1))-1)+IF('Standard Profiles'!$G$20=$B$10,7,0)+IF('Standard Profiles'!$G$20=$B$17,14,0)+IF('Standard Profiles'!$G$20=$B$24,21,0),MOD($C7643,24)+1)/SUM(INDEX($D$3:$AA$30,INDEX(Jesper!$R$2:$R$366,ROW(INDEX(Jesper!AJ$2:AJ$366,ROUNDDOWN($C7643/24,0)+1,1))-1)+IF('Standard Profiles'!$G$20=$B$10,7,0)+IF('Standard Profiles'!$G$20=$B$17,14,0)+IF('Standard Profiles'!$G$20=$B$24,21,0),0)),0)</f>
        <v>0</v>
      </c>
      <c r="G7643" cm="1">
        <f t="array" ref="G7643">IFERROR(INDEX(Jesper!AK$2:AK$366,ROUNDDOWN($C7643/24,0)+1,1)*INDEX($D$3:$AA$30,INDEX(Jesper!$R$2:$R$366,ROW(INDEX(Jesper!AK$2:AK$366,ROUNDDOWN($C7643/24,0)+1,1))-1)+IF('Standard Profiles'!$G$21=$B$10,7,0)+IF('Standard Profiles'!$G$21=$B$17,14,0)+IF('Standard Profiles'!$G$21=$B$24,21,0),MOD($C7643,24)+1)/SUM(INDEX($D$3:$AA$30,INDEX(Jesper!$R$2:$R$366,ROW(INDEX(Jesper!AK$2:AK$366,ROUNDDOWN($C7643/24,0)+1,1))-1)+IF('Standard Profiles'!$G$21=$B$10,7,0)+IF('Standard Profiles'!$G$21=$B$17,14,0)+IF('Standard Profiles'!$G$21=$B$24,21,0),0)),0)</f>
        <v>0</v>
      </c>
      <c r="H7643" cm="1">
        <f t="array" ref="H7643">IFERROR(INDEX(Jesper!AL$2:AL$366,ROUNDDOWN($C7643/24,0)+1,1)*INDEX($D$3:$AA$30,INDEX(Jesper!$R$2:$R$366,ROW(INDEX(Jesper!AL$2:AL$366,ROUNDDOWN($C7643/24,0)+1,1))-1)+IF('Standard Profiles'!$G$22=$B$10,7,0)+IF('Standard Profiles'!$G$22=$B$17,14,0)+IF('Standard Profiles'!$G$22=$B$24,21,0),MOD($C7643,24)+1)/SUM(INDEX($D$3:$AA$30,INDEX(Jesper!$R$2:$R$366,ROW(INDEX(Jesper!AL$2:AL$366,ROUNDDOWN($C7643/24,0)+1,1))-1)+IF('Standard Profiles'!$G$22=$B$10,7,0)+IF('Standard Profiles'!$G$22=$B$17,14,0)+IF('Standard Profiles'!$G$22=$B$24,21,0),0)),0)</f>
        <v>0</v>
      </c>
      <c r="I7643">
        <f t="shared" si="846"/>
        <v>0.23900003264128575</v>
      </c>
      <c r="J7643">
        <f t="shared" si="847"/>
        <v>0.79666677547095255</v>
      </c>
      <c r="K7643">
        <f t="shared" si="848"/>
        <v>1.1950001632064287</v>
      </c>
      <c r="L7643">
        <f t="shared" si="849"/>
        <v>5.7360007833908577</v>
      </c>
      <c r="M7643">
        <f t="shared" si="850"/>
        <v>0</v>
      </c>
      <c r="N7643" s="46">
        <f t="shared" si="851"/>
        <v>45609.041666648212</v>
      </c>
    </row>
    <row r="7644" spans="2:14" x14ac:dyDescent="0.3">
      <c r="B7644">
        <f t="shared" si="845"/>
        <v>3</v>
      </c>
      <c r="C7644" s="16">
        <v>7610</v>
      </c>
      <c r="D7644" cm="1">
        <f t="array" ref="D7644">IFERROR(INDEX(Jesper!AH$2:AH$366,ROUNDDOWN($C7644/24,0)+1,1)*INDEX($D$3:$AA$30,INDEX(Jesper!$R$2:$R$366,ROW(INDEX(Jesper!AH$2:AH$366,ROUNDDOWN($C7644/24,0)+1,1))-1)+IF('Standard Profiles'!$G$18=$B$10,7,0)+IF('Standard Profiles'!$G$18=$B$17,14,0)+IF('Standard Profiles'!$G$18=$B$24,21,0),MOD($C7644,24)+1)/SUM(INDEX($D$3:$AA$30,INDEX(Jesper!$R$2:$R$366,ROW(INDEX(Jesper!AH$2:AH$366,ROUNDDOWN($C7644/24,0)+1,1))-1)+IF('Standard Profiles'!$G$18=$B$10,7,0)+IF('Standard Profiles'!$G$18=$B$17,14,0)+IF('Standard Profiles'!$G$18=$B$24,21,0),0)),0)</f>
        <v>7.9666677547095253</v>
      </c>
      <c r="E7644" cm="1">
        <f t="array" ref="E7644">IFERROR(INDEX(Jesper!AI$2:AI$366,ROUNDDOWN($C7644/24,0)+1,1)*INDEX($D$3:$AA$30,INDEX(Jesper!$R$2:$R$366,ROW(INDEX(Jesper!AI$2:AI$366,ROUNDDOWN($C7644/24,0)+1,1))-1)+IF('Standard Profiles'!$G$19=$B$10,7,0)+IF('Standard Profiles'!$G$19=$B$17,14,0)+IF('Standard Profiles'!$G$19=$B$24,21,0),MOD($C7644,24)+1)/SUM(INDEX($D$3:$AA$30,INDEX(Jesper!$R$2:$R$366,ROW(INDEX(Jesper!AI$2:AI$366,ROUNDDOWN($C7644/24,0)+1,1))-1)+IF('Standard Profiles'!$G$19=$B$10,7,0)+IF('Standard Profiles'!$G$19=$B$17,14,0)+IF('Standard Profiles'!$G$19=$B$24,21,0),0)),0)</f>
        <v>0</v>
      </c>
      <c r="F7644" cm="1">
        <f t="array" ref="F7644">IFERROR(INDEX(Jesper!AJ$2:AJ$366,ROUNDDOWN($C7644/24,0)+1,1)*INDEX($D$3:$AA$30,INDEX(Jesper!$R$2:$R$366,ROW(INDEX(Jesper!AJ$2:AJ$366,ROUNDDOWN($C7644/24,0)+1,1))-1)+IF('Standard Profiles'!$G$20=$B$10,7,0)+IF('Standard Profiles'!$G$20=$B$17,14,0)+IF('Standard Profiles'!$G$20=$B$24,21,0),MOD($C7644,24)+1)/SUM(INDEX($D$3:$AA$30,INDEX(Jesper!$R$2:$R$366,ROW(INDEX(Jesper!AJ$2:AJ$366,ROUNDDOWN($C7644/24,0)+1,1))-1)+IF('Standard Profiles'!$G$20=$B$10,7,0)+IF('Standard Profiles'!$G$20=$B$17,14,0)+IF('Standard Profiles'!$G$20=$B$24,21,0),0)),0)</f>
        <v>0</v>
      </c>
      <c r="G7644" cm="1">
        <f t="array" ref="G7644">IFERROR(INDEX(Jesper!AK$2:AK$366,ROUNDDOWN($C7644/24,0)+1,1)*INDEX($D$3:$AA$30,INDEX(Jesper!$R$2:$R$366,ROW(INDEX(Jesper!AK$2:AK$366,ROUNDDOWN($C7644/24,0)+1,1))-1)+IF('Standard Profiles'!$G$21=$B$10,7,0)+IF('Standard Profiles'!$G$21=$B$17,14,0)+IF('Standard Profiles'!$G$21=$B$24,21,0),MOD($C7644,24)+1)/SUM(INDEX($D$3:$AA$30,INDEX(Jesper!$R$2:$R$366,ROW(INDEX(Jesper!AK$2:AK$366,ROUNDDOWN($C7644/24,0)+1,1))-1)+IF('Standard Profiles'!$G$21=$B$10,7,0)+IF('Standard Profiles'!$G$21=$B$17,14,0)+IF('Standard Profiles'!$G$21=$B$24,21,0),0)),0)</f>
        <v>0</v>
      </c>
      <c r="H7644" cm="1">
        <f t="array" ref="H7644">IFERROR(INDEX(Jesper!AL$2:AL$366,ROUNDDOWN($C7644/24,0)+1,1)*INDEX($D$3:$AA$30,INDEX(Jesper!$R$2:$R$366,ROW(INDEX(Jesper!AL$2:AL$366,ROUNDDOWN($C7644/24,0)+1,1))-1)+IF('Standard Profiles'!$G$22=$B$10,7,0)+IF('Standard Profiles'!$G$22=$B$17,14,0)+IF('Standard Profiles'!$G$22=$B$24,21,0),MOD($C7644,24)+1)/SUM(INDEX($D$3:$AA$30,INDEX(Jesper!$R$2:$R$366,ROW(INDEX(Jesper!AL$2:AL$366,ROUNDDOWN($C7644/24,0)+1,1))-1)+IF('Standard Profiles'!$G$22=$B$10,7,0)+IF('Standard Profiles'!$G$22=$B$17,14,0)+IF('Standard Profiles'!$G$22=$B$24,21,0),0)),0)</f>
        <v>0</v>
      </c>
      <c r="I7644">
        <f t="shared" si="846"/>
        <v>0.23900003264128575</v>
      </c>
      <c r="J7644">
        <f t="shared" si="847"/>
        <v>0.79666677547095255</v>
      </c>
      <c r="K7644">
        <f t="shared" si="848"/>
        <v>1.1950001632064287</v>
      </c>
      <c r="L7644">
        <f t="shared" si="849"/>
        <v>5.7360007833908577</v>
      </c>
      <c r="M7644">
        <f t="shared" si="850"/>
        <v>0</v>
      </c>
      <c r="N7644" s="46">
        <f t="shared" si="851"/>
        <v>45609.083333314877</v>
      </c>
    </row>
    <row r="7645" spans="2:14" x14ac:dyDescent="0.3">
      <c r="B7645">
        <f t="shared" si="845"/>
        <v>3</v>
      </c>
      <c r="C7645" s="16">
        <v>7611</v>
      </c>
      <c r="D7645" cm="1">
        <f t="array" ref="D7645">IFERROR(INDEX(Jesper!AH$2:AH$366,ROUNDDOWN($C7645/24,0)+1,1)*INDEX($D$3:$AA$30,INDEX(Jesper!$R$2:$R$366,ROW(INDEX(Jesper!AH$2:AH$366,ROUNDDOWN($C7645/24,0)+1,1))-1)+IF('Standard Profiles'!$G$18=$B$10,7,0)+IF('Standard Profiles'!$G$18=$B$17,14,0)+IF('Standard Profiles'!$G$18=$B$24,21,0),MOD($C7645,24)+1)/SUM(INDEX($D$3:$AA$30,INDEX(Jesper!$R$2:$R$366,ROW(INDEX(Jesper!AH$2:AH$366,ROUNDDOWN($C7645/24,0)+1,1))-1)+IF('Standard Profiles'!$G$18=$B$10,7,0)+IF('Standard Profiles'!$G$18=$B$17,14,0)+IF('Standard Profiles'!$G$18=$B$24,21,0),0)),0)</f>
        <v>7.9666677547095253</v>
      </c>
      <c r="E7645" cm="1">
        <f t="array" ref="E7645">IFERROR(INDEX(Jesper!AI$2:AI$366,ROUNDDOWN($C7645/24,0)+1,1)*INDEX($D$3:$AA$30,INDEX(Jesper!$R$2:$R$366,ROW(INDEX(Jesper!AI$2:AI$366,ROUNDDOWN($C7645/24,0)+1,1))-1)+IF('Standard Profiles'!$G$19=$B$10,7,0)+IF('Standard Profiles'!$G$19=$B$17,14,0)+IF('Standard Profiles'!$G$19=$B$24,21,0),MOD($C7645,24)+1)/SUM(INDEX($D$3:$AA$30,INDEX(Jesper!$R$2:$R$366,ROW(INDEX(Jesper!AI$2:AI$366,ROUNDDOWN($C7645/24,0)+1,1))-1)+IF('Standard Profiles'!$G$19=$B$10,7,0)+IF('Standard Profiles'!$G$19=$B$17,14,0)+IF('Standard Profiles'!$G$19=$B$24,21,0),0)),0)</f>
        <v>0</v>
      </c>
      <c r="F7645" cm="1">
        <f t="array" ref="F7645">IFERROR(INDEX(Jesper!AJ$2:AJ$366,ROUNDDOWN($C7645/24,0)+1,1)*INDEX($D$3:$AA$30,INDEX(Jesper!$R$2:$R$366,ROW(INDEX(Jesper!AJ$2:AJ$366,ROUNDDOWN($C7645/24,0)+1,1))-1)+IF('Standard Profiles'!$G$20=$B$10,7,0)+IF('Standard Profiles'!$G$20=$B$17,14,0)+IF('Standard Profiles'!$G$20=$B$24,21,0),MOD($C7645,24)+1)/SUM(INDEX($D$3:$AA$30,INDEX(Jesper!$R$2:$R$366,ROW(INDEX(Jesper!AJ$2:AJ$366,ROUNDDOWN($C7645/24,0)+1,1))-1)+IF('Standard Profiles'!$G$20=$B$10,7,0)+IF('Standard Profiles'!$G$20=$B$17,14,0)+IF('Standard Profiles'!$G$20=$B$24,21,0),0)),0)</f>
        <v>0</v>
      </c>
      <c r="G7645" cm="1">
        <f t="array" ref="G7645">IFERROR(INDEX(Jesper!AK$2:AK$366,ROUNDDOWN($C7645/24,0)+1,1)*INDEX($D$3:$AA$30,INDEX(Jesper!$R$2:$R$366,ROW(INDEX(Jesper!AK$2:AK$366,ROUNDDOWN($C7645/24,0)+1,1))-1)+IF('Standard Profiles'!$G$21=$B$10,7,0)+IF('Standard Profiles'!$G$21=$B$17,14,0)+IF('Standard Profiles'!$G$21=$B$24,21,0),MOD($C7645,24)+1)/SUM(INDEX($D$3:$AA$30,INDEX(Jesper!$R$2:$R$366,ROW(INDEX(Jesper!AK$2:AK$366,ROUNDDOWN($C7645/24,0)+1,1))-1)+IF('Standard Profiles'!$G$21=$B$10,7,0)+IF('Standard Profiles'!$G$21=$B$17,14,0)+IF('Standard Profiles'!$G$21=$B$24,21,0),0)),0)</f>
        <v>0</v>
      </c>
      <c r="H7645" cm="1">
        <f t="array" ref="H7645">IFERROR(INDEX(Jesper!AL$2:AL$366,ROUNDDOWN($C7645/24,0)+1,1)*INDEX($D$3:$AA$30,INDEX(Jesper!$R$2:$R$366,ROW(INDEX(Jesper!AL$2:AL$366,ROUNDDOWN($C7645/24,0)+1,1))-1)+IF('Standard Profiles'!$G$22=$B$10,7,0)+IF('Standard Profiles'!$G$22=$B$17,14,0)+IF('Standard Profiles'!$G$22=$B$24,21,0),MOD($C7645,24)+1)/SUM(INDEX($D$3:$AA$30,INDEX(Jesper!$R$2:$R$366,ROW(INDEX(Jesper!AL$2:AL$366,ROUNDDOWN($C7645/24,0)+1,1))-1)+IF('Standard Profiles'!$G$22=$B$10,7,0)+IF('Standard Profiles'!$G$22=$B$17,14,0)+IF('Standard Profiles'!$G$22=$B$24,21,0),0)),0)</f>
        <v>0</v>
      </c>
      <c r="I7645">
        <f t="shared" si="846"/>
        <v>0.23900003264128575</v>
      </c>
      <c r="J7645">
        <f t="shared" si="847"/>
        <v>0.79666677547095255</v>
      </c>
      <c r="K7645">
        <f t="shared" si="848"/>
        <v>1.1950001632064287</v>
      </c>
      <c r="L7645">
        <f t="shared" si="849"/>
        <v>5.7360007833908577</v>
      </c>
      <c r="M7645">
        <f t="shared" si="850"/>
        <v>0</v>
      </c>
      <c r="N7645" s="46">
        <f t="shared" si="851"/>
        <v>45609.124999981541</v>
      </c>
    </row>
    <row r="7646" spans="2:14" x14ac:dyDescent="0.3">
      <c r="B7646">
        <f t="shared" si="845"/>
        <v>3</v>
      </c>
      <c r="C7646" s="16">
        <v>7612</v>
      </c>
      <c r="D7646" cm="1">
        <f t="array" ref="D7646">IFERROR(INDEX(Jesper!AH$2:AH$366,ROUNDDOWN($C7646/24,0)+1,1)*INDEX($D$3:$AA$30,INDEX(Jesper!$R$2:$R$366,ROW(INDEX(Jesper!AH$2:AH$366,ROUNDDOWN($C7646/24,0)+1,1))-1)+IF('Standard Profiles'!$G$18=$B$10,7,0)+IF('Standard Profiles'!$G$18=$B$17,14,0)+IF('Standard Profiles'!$G$18=$B$24,21,0),MOD($C7646,24)+1)/SUM(INDEX($D$3:$AA$30,INDEX(Jesper!$R$2:$R$366,ROW(INDEX(Jesper!AH$2:AH$366,ROUNDDOWN($C7646/24,0)+1,1))-1)+IF('Standard Profiles'!$G$18=$B$10,7,0)+IF('Standard Profiles'!$G$18=$B$17,14,0)+IF('Standard Profiles'!$G$18=$B$24,21,0),0)),0)</f>
        <v>7.9666677547095253</v>
      </c>
      <c r="E7646" cm="1">
        <f t="array" ref="E7646">IFERROR(INDEX(Jesper!AI$2:AI$366,ROUNDDOWN($C7646/24,0)+1,1)*INDEX($D$3:$AA$30,INDEX(Jesper!$R$2:$R$366,ROW(INDEX(Jesper!AI$2:AI$366,ROUNDDOWN($C7646/24,0)+1,1))-1)+IF('Standard Profiles'!$G$19=$B$10,7,0)+IF('Standard Profiles'!$G$19=$B$17,14,0)+IF('Standard Profiles'!$G$19=$B$24,21,0),MOD($C7646,24)+1)/SUM(INDEX($D$3:$AA$30,INDEX(Jesper!$R$2:$R$366,ROW(INDEX(Jesper!AI$2:AI$366,ROUNDDOWN($C7646/24,0)+1,1))-1)+IF('Standard Profiles'!$G$19=$B$10,7,0)+IF('Standard Profiles'!$G$19=$B$17,14,0)+IF('Standard Profiles'!$G$19=$B$24,21,0),0)),0)</f>
        <v>0</v>
      </c>
      <c r="F7646" cm="1">
        <f t="array" ref="F7646">IFERROR(INDEX(Jesper!AJ$2:AJ$366,ROUNDDOWN($C7646/24,0)+1,1)*INDEX($D$3:$AA$30,INDEX(Jesper!$R$2:$R$366,ROW(INDEX(Jesper!AJ$2:AJ$366,ROUNDDOWN($C7646/24,0)+1,1))-1)+IF('Standard Profiles'!$G$20=$B$10,7,0)+IF('Standard Profiles'!$G$20=$B$17,14,0)+IF('Standard Profiles'!$G$20=$B$24,21,0),MOD($C7646,24)+1)/SUM(INDEX($D$3:$AA$30,INDEX(Jesper!$R$2:$R$366,ROW(INDEX(Jesper!AJ$2:AJ$366,ROUNDDOWN($C7646/24,0)+1,1))-1)+IF('Standard Profiles'!$G$20=$B$10,7,0)+IF('Standard Profiles'!$G$20=$B$17,14,0)+IF('Standard Profiles'!$G$20=$B$24,21,0),0)),0)</f>
        <v>0</v>
      </c>
      <c r="G7646" cm="1">
        <f t="array" ref="G7646">IFERROR(INDEX(Jesper!AK$2:AK$366,ROUNDDOWN($C7646/24,0)+1,1)*INDEX($D$3:$AA$30,INDEX(Jesper!$R$2:$R$366,ROW(INDEX(Jesper!AK$2:AK$366,ROUNDDOWN($C7646/24,0)+1,1))-1)+IF('Standard Profiles'!$G$21=$B$10,7,0)+IF('Standard Profiles'!$G$21=$B$17,14,0)+IF('Standard Profiles'!$G$21=$B$24,21,0),MOD($C7646,24)+1)/SUM(INDEX($D$3:$AA$30,INDEX(Jesper!$R$2:$R$366,ROW(INDEX(Jesper!AK$2:AK$366,ROUNDDOWN($C7646/24,0)+1,1))-1)+IF('Standard Profiles'!$G$21=$B$10,7,0)+IF('Standard Profiles'!$G$21=$B$17,14,0)+IF('Standard Profiles'!$G$21=$B$24,21,0),0)),0)</f>
        <v>0</v>
      </c>
      <c r="H7646" cm="1">
        <f t="array" ref="H7646">IFERROR(INDEX(Jesper!AL$2:AL$366,ROUNDDOWN($C7646/24,0)+1,1)*INDEX($D$3:$AA$30,INDEX(Jesper!$R$2:$R$366,ROW(INDEX(Jesper!AL$2:AL$366,ROUNDDOWN($C7646/24,0)+1,1))-1)+IF('Standard Profiles'!$G$22=$B$10,7,0)+IF('Standard Profiles'!$G$22=$B$17,14,0)+IF('Standard Profiles'!$G$22=$B$24,21,0),MOD($C7646,24)+1)/SUM(INDEX($D$3:$AA$30,INDEX(Jesper!$R$2:$R$366,ROW(INDEX(Jesper!AL$2:AL$366,ROUNDDOWN($C7646/24,0)+1,1))-1)+IF('Standard Profiles'!$G$22=$B$10,7,0)+IF('Standard Profiles'!$G$22=$B$17,14,0)+IF('Standard Profiles'!$G$22=$B$24,21,0),0)),0)</f>
        <v>0</v>
      </c>
      <c r="I7646">
        <f t="shared" si="846"/>
        <v>0.23900003264128575</v>
      </c>
      <c r="J7646">
        <f t="shared" si="847"/>
        <v>0.79666677547095255</v>
      </c>
      <c r="K7646">
        <f t="shared" si="848"/>
        <v>1.1950001632064287</v>
      </c>
      <c r="L7646">
        <f t="shared" si="849"/>
        <v>5.7360007833908577</v>
      </c>
      <c r="M7646">
        <f t="shared" si="850"/>
        <v>0</v>
      </c>
      <c r="N7646" s="46">
        <f t="shared" si="851"/>
        <v>45609.166666648205</v>
      </c>
    </row>
    <row r="7647" spans="2:14" x14ac:dyDescent="0.3">
      <c r="B7647">
        <f t="shared" si="845"/>
        <v>3</v>
      </c>
      <c r="C7647" s="16">
        <v>7613</v>
      </c>
      <c r="D7647" cm="1">
        <f t="array" ref="D7647">IFERROR(INDEX(Jesper!AH$2:AH$366,ROUNDDOWN($C7647/24,0)+1,1)*INDEX($D$3:$AA$30,INDEX(Jesper!$R$2:$R$366,ROW(INDEX(Jesper!AH$2:AH$366,ROUNDDOWN($C7647/24,0)+1,1))-1)+IF('Standard Profiles'!$G$18=$B$10,7,0)+IF('Standard Profiles'!$G$18=$B$17,14,0)+IF('Standard Profiles'!$G$18=$B$24,21,0),MOD($C7647,24)+1)/SUM(INDEX($D$3:$AA$30,INDEX(Jesper!$R$2:$R$366,ROW(INDEX(Jesper!AH$2:AH$366,ROUNDDOWN($C7647/24,0)+1,1))-1)+IF('Standard Profiles'!$G$18=$B$10,7,0)+IF('Standard Profiles'!$G$18=$B$17,14,0)+IF('Standard Profiles'!$G$18=$B$24,21,0),0)),0)</f>
        <v>10.268149550514499</v>
      </c>
      <c r="E7647" cm="1">
        <f t="array" ref="E7647">IFERROR(INDEX(Jesper!AI$2:AI$366,ROUNDDOWN($C7647/24,0)+1,1)*INDEX($D$3:$AA$30,INDEX(Jesper!$R$2:$R$366,ROW(INDEX(Jesper!AI$2:AI$366,ROUNDDOWN($C7647/24,0)+1,1))-1)+IF('Standard Profiles'!$G$19=$B$10,7,0)+IF('Standard Profiles'!$G$19=$B$17,14,0)+IF('Standard Profiles'!$G$19=$B$24,21,0),MOD($C7647,24)+1)/SUM(INDEX($D$3:$AA$30,INDEX(Jesper!$R$2:$R$366,ROW(INDEX(Jesper!AI$2:AI$366,ROUNDDOWN($C7647/24,0)+1,1))-1)+IF('Standard Profiles'!$G$19=$B$10,7,0)+IF('Standard Profiles'!$G$19=$B$17,14,0)+IF('Standard Profiles'!$G$19=$B$24,21,0),0)),0)</f>
        <v>0</v>
      </c>
      <c r="F7647" cm="1">
        <f t="array" ref="F7647">IFERROR(INDEX(Jesper!AJ$2:AJ$366,ROUNDDOWN($C7647/24,0)+1,1)*INDEX($D$3:$AA$30,INDEX(Jesper!$R$2:$R$366,ROW(INDEX(Jesper!AJ$2:AJ$366,ROUNDDOWN($C7647/24,0)+1,1))-1)+IF('Standard Profiles'!$G$20=$B$10,7,0)+IF('Standard Profiles'!$G$20=$B$17,14,0)+IF('Standard Profiles'!$G$20=$B$24,21,0),MOD($C7647,24)+1)/SUM(INDEX($D$3:$AA$30,INDEX(Jesper!$R$2:$R$366,ROW(INDEX(Jesper!AJ$2:AJ$366,ROUNDDOWN($C7647/24,0)+1,1))-1)+IF('Standard Profiles'!$G$20=$B$10,7,0)+IF('Standard Profiles'!$G$20=$B$17,14,0)+IF('Standard Profiles'!$G$20=$B$24,21,0),0)),0)</f>
        <v>0</v>
      </c>
      <c r="G7647" cm="1">
        <f t="array" ref="G7647">IFERROR(INDEX(Jesper!AK$2:AK$366,ROUNDDOWN($C7647/24,0)+1,1)*INDEX($D$3:$AA$30,INDEX(Jesper!$R$2:$R$366,ROW(INDEX(Jesper!AK$2:AK$366,ROUNDDOWN($C7647/24,0)+1,1))-1)+IF('Standard Profiles'!$G$21=$B$10,7,0)+IF('Standard Profiles'!$G$21=$B$17,14,0)+IF('Standard Profiles'!$G$21=$B$24,21,0),MOD($C7647,24)+1)/SUM(INDEX($D$3:$AA$30,INDEX(Jesper!$R$2:$R$366,ROW(INDEX(Jesper!AK$2:AK$366,ROUNDDOWN($C7647/24,0)+1,1))-1)+IF('Standard Profiles'!$G$21=$B$10,7,0)+IF('Standard Profiles'!$G$21=$B$17,14,0)+IF('Standard Profiles'!$G$21=$B$24,21,0),0)),0)</f>
        <v>0</v>
      </c>
      <c r="H7647" cm="1">
        <f t="array" ref="H7647">IFERROR(INDEX(Jesper!AL$2:AL$366,ROUNDDOWN($C7647/24,0)+1,1)*INDEX($D$3:$AA$30,INDEX(Jesper!$R$2:$R$366,ROW(INDEX(Jesper!AL$2:AL$366,ROUNDDOWN($C7647/24,0)+1,1))-1)+IF('Standard Profiles'!$G$22=$B$10,7,0)+IF('Standard Profiles'!$G$22=$B$17,14,0)+IF('Standard Profiles'!$G$22=$B$24,21,0),MOD($C7647,24)+1)/SUM(INDEX($D$3:$AA$30,INDEX(Jesper!$R$2:$R$366,ROW(INDEX(Jesper!AL$2:AL$366,ROUNDDOWN($C7647/24,0)+1,1))-1)+IF('Standard Profiles'!$G$22=$B$10,7,0)+IF('Standard Profiles'!$G$22=$B$17,14,0)+IF('Standard Profiles'!$G$22=$B$24,21,0),0)),0)</f>
        <v>0</v>
      </c>
      <c r="I7647">
        <f t="shared" si="846"/>
        <v>0.30804448651543498</v>
      </c>
      <c r="J7647">
        <f t="shared" si="847"/>
        <v>1.02681495505145</v>
      </c>
      <c r="K7647">
        <f t="shared" si="848"/>
        <v>1.5402224325771747</v>
      </c>
      <c r="L7647">
        <f t="shared" si="849"/>
        <v>7.393067676370439</v>
      </c>
      <c r="M7647">
        <f t="shared" si="850"/>
        <v>0</v>
      </c>
      <c r="N7647" s="46">
        <f t="shared" si="851"/>
        <v>45609.208333314869</v>
      </c>
    </row>
    <row r="7648" spans="2:14" x14ac:dyDescent="0.3">
      <c r="B7648">
        <f t="shared" si="845"/>
        <v>3</v>
      </c>
      <c r="C7648" s="16">
        <v>7614</v>
      </c>
      <c r="D7648" cm="1">
        <f t="array" ref="D7648">IFERROR(INDEX(Jesper!AH$2:AH$366,ROUNDDOWN($C7648/24,0)+1,1)*INDEX($D$3:$AA$30,INDEX(Jesper!$R$2:$R$366,ROW(INDEX(Jesper!AH$2:AH$366,ROUNDDOWN($C7648/24,0)+1,1))-1)+IF('Standard Profiles'!$G$18=$B$10,7,0)+IF('Standard Profiles'!$G$18=$B$17,14,0)+IF('Standard Profiles'!$G$18=$B$24,21,0),MOD($C7648,24)+1)/SUM(INDEX($D$3:$AA$30,INDEX(Jesper!$R$2:$R$366,ROW(INDEX(Jesper!AH$2:AH$366,ROUNDDOWN($C7648/24,0)+1,1))-1)+IF('Standard Profiles'!$G$18=$B$10,7,0)+IF('Standard Profiles'!$G$18=$B$17,14,0)+IF('Standard Profiles'!$G$18=$B$24,21,0),0)),0)</f>
        <v>11.861483101456404</v>
      </c>
      <c r="E7648" cm="1">
        <f t="array" ref="E7648">IFERROR(INDEX(Jesper!AI$2:AI$366,ROUNDDOWN($C7648/24,0)+1,1)*INDEX($D$3:$AA$30,INDEX(Jesper!$R$2:$R$366,ROW(INDEX(Jesper!AI$2:AI$366,ROUNDDOWN($C7648/24,0)+1,1))-1)+IF('Standard Profiles'!$G$19=$B$10,7,0)+IF('Standard Profiles'!$G$19=$B$17,14,0)+IF('Standard Profiles'!$G$19=$B$24,21,0),MOD($C7648,24)+1)/SUM(INDEX($D$3:$AA$30,INDEX(Jesper!$R$2:$R$366,ROW(INDEX(Jesper!AI$2:AI$366,ROUNDDOWN($C7648/24,0)+1,1))-1)+IF('Standard Profiles'!$G$19=$B$10,7,0)+IF('Standard Profiles'!$G$19=$B$17,14,0)+IF('Standard Profiles'!$G$19=$B$24,21,0),0)),0)</f>
        <v>0</v>
      </c>
      <c r="F7648" cm="1">
        <f t="array" ref="F7648">IFERROR(INDEX(Jesper!AJ$2:AJ$366,ROUNDDOWN($C7648/24,0)+1,1)*INDEX($D$3:$AA$30,INDEX(Jesper!$R$2:$R$366,ROW(INDEX(Jesper!AJ$2:AJ$366,ROUNDDOWN($C7648/24,0)+1,1))-1)+IF('Standard Profiles'!$G$20=$B$10,7,0)+IF('Standard Profiles'!$G$20=$B$17,14,0)+IF('Standard Profiles'!$G$20=$B$24,21,0),MOD($C7648,24)+1)/SUM(INDEX($D$3:$AA$30,INDEX(Jesper!$R$2:$R$366,ROW(INDEX(Jesper!AJ$2:AJ$366,ROUNDDOWN($C7648/24,0)+1,1))-1)+IF('Standard Profiles'!$G$20=$B$10,7,0)+IF('Standard Profiles'!$G$20=$B$17,14,0)+IF('Standard Profiles'!$G$20=$B$24,21,0),0)),0)</f>
        <v>0</v>
      </c>
      <c r="G7648" cm="1">
        <f t="array" ref="G7648">IFERROR(INDEX(Jesper!AK$2:AK$366,ROUNDDOWN($C7648/24,0)+1,1)*INDEX($D$3:$AA$30,INDEX(Jesper!$R$2:$R$366,ROW(INDEX(Jesper!AK$2:AK$366,ROUNDDOWN($C7648/24,0)+1,1))-1)+IF('Standard Profiles'!$G$21=$B$10,7,0)+IF('Standard Profiles'!$G$21=$B$17,14,0)+IF('Standard Profiles'!$G$21=$B$24,21,0),MOD($C7648,24)+1)/SUM(INDEX($D$3:$AA$30,INDEX(Jesper!$R$2:$R$366,ROW(INDEX(Jesper!AK$2:AK$366,ROUNDDOWN($C7648/24,0)+1,1))-1)+IF('Standard Profiles'!$G$21=$B$10,7,0)+IF('Standard Profiles'!$G$21=$B$17,14,0)+IF('Standard Profiles'!$G$21=$B$24,21,0),0)),0)</f>
        <v>0</v>
      </c>
      <c r="H7648" cm="1">
        <f t="array" ref="H7648">IFERROR(INDEX(Jesper!AL$2:AL$366,ROUNDDOWN($C7648/24,0)+1,1)*INDEX($D$3:$AA$30,INDEX(Jesper!$R$2:$R$366,ROW(INDEX(Jesper!AL$2:AL$366,ROUNDDOWN($C7648/24,0)+1,1))-1)+IF('Standard Profiles'!$G$22=$B$10,7,0)+IF('Standard Profiles'!$G$22=$B$17,14,0)+IF('Standard Profiles'!$G$22=$B$24,21,0),MOD($C7648,24)+1)/SUM(INDEX($D$3:$AA$30,INDEX(Jesper!$R$2:$R$366,ROW(INDEX(Jesper!AL$2:AL$366,ROUNDDOWN($C7648/24,0)+1,1))-1)+IF('Standard Profiles'!$G$22=$B$10,7,0)+IF('Standard Profiles'!$G$22=$B$17,14,0)+IF('Standard Profiles'!$G$22=$B$24,21,0),0)),0)</f>
        <v>0</v>
      </c>
      <c r="I7648">
        <f t="shared" si="846"/>
        <v>0.35584449304369209</v>
      </c>
      <c r="J7648">
        <f t="shared" si="847"/>
        <v>1.1861483101456405</v>
      </c>
      <c r="K7648">
        <f t="shared" si="848"/>
        <v>1.7792224652184605</v>
      </c>
      <c r="L7648">
        <f t="shared" si="849"/>
        <v>8.5402678330486097</v>
      </c>
      <c r="M7648">
        <f t="shared" si="850"/>
        <v>0</v>
      </c>
      <c r="N7648" s="46">
        <f t="shared" si="851"/>
        <v>45609.249999981534</v>
      </c>
    </row>
    <row r="7649" spans="2:14" x14ac:dyDescent="0.3">
      <c r="B7649">
        <f t="shared" si="845"/>
        <v>3</v>
      </c>
      <c r="C7649" s="16">
        <v>7615</v>
      </c>
      <c r="D7649" cm="1">
        <f t="array" ref="D7649">IFERROR(INDEX(Jesper!AH$2:AH$366,ROUNDDOWN($C7649/24,0)+1,1)*INDEX($D$3:$AA$30,INDEX(Jesper!$R$2:$R$366,ROW(INDEX(Jesper!AH$2:AH$366,ROUNDDOWN($C7649/24,0)+1,1))-1)+IF('Standard Profiles'!$G$18=$B$10,7,0)+IF('Standard Profiles'!$G$18=$B$17,14,0)+IF('Standard Profiles'!$G$18=$B$24,21,0),MOD($C7649,24)+1)/SUM(INDEX($D$3:$AA$30,INDEX(Jesper!$R$2:$R$366,ROW(INDEX(Jesper!AH$2:AH$366,ROUNDDOWN($C7649/24,0)+1,1))-1)+IF('Standard Profiles'!$G$18=$B$10,7,0)+IF('Standard Profiles'!$G$18=$B$17,14,0)+IF('Standard Profiles'!$G$18=$B$24,21,0),0)),0)</f>
        <v>11.861483101456404</v>
      </c>
      <c r="E7649" cm="1">
        <f t="array" ref="E7649">IFERROR(INDEX(Jesper!AI$2:AI$366,ROUNDDOWN($C7649/24,0)+1,1)*INDEX($D$3:$AA$30,INDEX(Jesper!$R$2:$R$366,ROW(INDEX(Jesper!AI$2:AI$366,ROUNDDOWN($C7649/24,0)+1,1))-1)+IF('Standard Profiles'!$G$19=$B$10,7,0)+IF('Standard Profiles'!$G$19=$B$17,14,0)+IF('Standard Profiles'!$G$19=$B$24,21,0),MOD($C7649,24)+1)/SUM(INDEX($D$3:$AA$30,INDEX(Jesper!$R$2:$R$366,ROW(INDEX(Jesper!AI$2:AI$366,ROUNDDOWN($C7649/24,0)+1,1))-1)+IF('Standard Profiles'!$G$19=$B$10,7,0)+IF('Standard Profiles'!$G$19=$B$17,14,0)+IF('Standard Profiles'!$G$19=$B$24,21,0),0)),0)</f>
        <v>0</v>
      </c>
      <c r="F7649" cm="1">
        <f t="array" ref="F7649">IFERROR(INDEX(Jesper!AJ$2:AJ$366,ROUNDDOWN($C7649/24,0)+1,1)*INDEX($D$3:$AA$30,INDEX(Jesper!$R$2:$R$366,ROW(INDEX(Jesper!AJ$2:AJ$366,ROUNDDOWN($C7649/24,0)+1,1))-1)+IF('Standard Profiles'!$G$20=$B$10,7,0)+IF('Standard Profiles'!$G$20=$B$17,14,0)+IF('Standard Profiles'!$G$20=$B$24,21,0),MOD($C7649,24)+1)/SUM(INDEX($D$3:$AA$30,INDEX(Jesper!$R$2:$R$366,ROW(INDEX(Jesper!AJ$2:AJ$366,ROUNDDOWN($C7649/24,0)+1,1))-1)+IF('Standard Profiles'!$G$20=$B$10,7,0)+IF('Standard Profiles'!$G$20=$B$17,14,0)+IF('Standard Profiles'!$G$20=$B$24,21,0),0)),0)</f>
        <v>0</v>
      </c>
      <c r="G7649" cm="1">
        <f t="array" ref="G7649">IFERROR(INDEX(Jesper!AK$2:AK$366,ROUNDDOWN($C7649/24,0)+1,1)*INDEX($D$3:$AA$30,INDEX(Jesper!$R$2:$R$366,ROW(INDEX(Jesper!AK$2:AK$366,ROUNDDOWN($C7649/24,0)+1,1))-1)+IF('Standard Profiles'!$G$21=$B$10,7,0)+IF('Standard Profiles'!$G$21=$B$17,14,0)+IF('Standard Profiles'!$G$21=$B$24,21,0),MOD($C7649,24)+1)/SUM(INDEX($D$3:$AA$30,INDEX(Jesper!$R$2:$R$366,ROW(INDEX(Jesper!AK$2:AK$366,ROUNDDOWN($C7649/24,0)+1,1))-1)+IF('Standard Profiles'!$G$21=$B$10,7,0)+IF('Standard Profiles'!$G$21=$B$17,14,0)+IF('Standard Profiles'!$G$21=$B$24,21,0),0)),0)</f>
        <v>0</v>
      </c>
      <c r="H7649" cm="1">
        <f t="array" ref="H7649">IFERROR(INDEX(Jesper!AL$2:AL$366,ROUNDDOWN($C7649/24,0)+1,1)*INDEX($D$3:$AA$30,INDEX(Jesper!$R$2:$R$366,ROW(INDEX(Jesper!AL$2:AL$366,ROUNDDOWN($C7649/24,0)+1,1))-1)+IF('Standard Profiles'!$G$22=$B$10,7,0)+IF('Standard Profiles'!$G$22=$B$17,14,0)+IF('Standard Profiles'!$G$22=$B$24,21,0),MOD($C7649,24)+1)/SUM(INDEX($D$3:$AA$30,INDEX(Jesper!$R$2:$R$366,ROW(INDEX(Jesper!AL$2:AL$366,ROUNDDOWN($C7649/24,0)+1,1))-1)+IF('Standard Profiles'!$G$22=$B$10,7,0)+IF('Standard Profiles'!$G$22=$B$17,14,0)+IF('Standard Profiles'!$G$22=$B$24,21,0),0)),0)</f>
        <v>0</v>
      </c>
      <c r="I7649">
        <f t="shared" si="846"/>
        <v>0.35584449304369209</v>
      </c>
      <c r="J7649">
        <f t="shared" si="847"/>
        <v>1.1861483101456405</v>
      </c>
      <c r="K7649">
        <f t="shared" si="848"/>
        <v>1.7792224652184605</v>
      </c>
      <c r="L7649">
        <f t="shared" si="849"/>
        <v>8.5402678330486097</v>
      </c>
      <c r="M7649">
        <f t="shared" si="850"/>
        <v>0</v>
      </c>
      <c r="N7649" s="46">
        <f t="shared" si="851"/>
        <v>45609.291666648198</v>
      </c>
    </row>
    <row r="7650" spans="2:14" x14ac:dyDescent="0.3">
      <c r="B7650">
        <f t="shared" si="845"/>
        <v>3</v>
      </c>
      <c r="C7650" s="16">
        <v>7616</v>
      </c>
      <c r="D7650" cm="1">
        <f t="array" ref="D7650">IFERROR(INDEX(Jesper!AH$2:AH$366,ROUNDDOWN($C7650/24,0)+1,1)*INDEX($D$3:$AA$30,INDEX(Jesper!$R$2:$R$366,ROW(INDEX(Jesper!AH$2:AH$366,ROUNDDOWN($C7650/24,0)+1,1))-1)+IF('Standard Profiles'!$G$18=$B$10,7,0)+IF('Standard Profiles'!$G$18=$B$17,14,0)+IF('Standard Profiles'!$G$18=$B$24,21,0),MOD($C7650,24)+1)/SUM(INDEX($D$3:$AA$30,INDEX(Jesper!$R$2:$R$366,ROW(INDEX(Jesper!AH$2:AH$366,ROUNDDOWN($C7650/24,0)+1,1))-1)+IF('Standard Profiles'!$G$18=$B$10,7,0)+IF('Standard Profiles'!$G$18=$B$17,14,0)+IF('Standard Profiles'!$G$18=$B$24,21,0),0)),0)</f>
        <v>11.861483101456404</v>
      </c>
      <c r="E7650" cm="1">
        <f t="array" ref="E7650">IFERROR(INDEX(Jesper!AI$2:AI$366,ROUNDDOWN($C7650/24,0)+1,1)*INDEX($D$3:$AA$30,INDEX(Jesper!$R$2:$R$366,ROW(INDEX(Jesper!AI$2:AI$366,ROUNDDOWN($C7650/24,0)+1,1))-1)+IF('Standard Profiles'!$G$19=$B$10,7,0)+IF('Standard Profiles'!$G$19=$B$17,14,0)+IF('Standard Profiles'!$G$19=$B$24,21,0),MOD($C7650,24)+1)/SUM(INDEX($D$3:$AA$30,INDEX(Jesper!$R$2:$R$366,ROW(INDEX(Jesper!AI$2:AI$366,ROUNDDOWN($C7650/24,0)+1,1))-1)+IF('Standard Profiles'!$G$19=$B$10,7,0)+IF('Standard Profiles'!$G$19=$B$17,14,0)+IF('Standard Profiles'!$G$19=$B$24,21,0),0)),0)</f>
        <v>0</v>
      </c>
      <c r="F7650" cm="1">
        <f t="array" ref="F7650">IFERROR(INDEX(Jesper!AJ$2:AJ$366,ROUNDDOWN($C7650/24,0)+1,1)*INDEX($D$3:$AA$30,INDEX(Jesper!$R$2:$R$366,ROW(INDEX(Jesper!AJ$2:AJ$366,ROUNDDOWN($C7650/24,0)+1,1))-1)+IF('Standard Profiles'!$G$20=$B$10,7,0)+IF('Standard Profiles'!$G$20=$B$17,14,0)+IF('Standard Profiles'!$G$20=$B$24,21,0),MOD($C7650,24)+1)/SUM(INDEX($D$3:$AA$30,INDEX(Jesper!$R$2:$R$366,ROW(INDEX(Jesper!AJ$2:AJ$366,ROUNDDOWN($C7650/24,0)+1,1))-1)+IF('Standard Profiles'!$G$20=$B$10,7,0)+IF('Standard Profiles'!$G$20=$B$17,14,0)+IF('Standard Profiles'!$G$20=$B$24,21,0),0)),0)</f>
        <v>0</v>
      </c>
      <c r="G7650" cm="1">
        <f t="array" ref="G7650">IFERROR(INDEX(Jesper!AK$2:AK$366,ROUNDDOWN($C7650/24,0)+1,1)*INDEX($D$3:$AA$30,INDEX(Jesper!$R$2:$R$366,ROW(INDEX(Jesper!AK$2:AK$366,ROUNDDOWN($C7650/24,0)+1,1))-1)+IF('Standard Profiles'!$G$21=$B$10,7,0)+IF('Standard Profiles'!$G$21=$B$17,14,0)+IF('Standard Profiles'!$G$21=$B$24,21,0),MOD($C7650,24)+1)/SUM(INDEX($D$3:$AA$30,INDEX(Jesper!$R$2:$R$366,ROW(INDEX(Jesper!AK$2:AK$366,ROUNDDOWN($C7650/24,0)+1,1))-1)+IF('Standard Profiles'!$G$21=$B$10,7,0)+IF('Standard Profiles'!$G$21=$B$17,14,0)+IF('Standard Profiles'!$G$21=$B$24,21,0),0)),0)</f>
        <v>0</v>
      </c>
      <c r="H7650" cm="1">
        <f t="array" ref="H7650">IFERROR(INDEX(Jesper!AL$2:AL$366,ROUNDDOWN($C7650/24,0)+1,1)*INDEX($D$3:$AA$30,INDEX(Jesper!$R$2:$R$366,ROW(INDEX(Jesper!AL$2:AL$366,ROUNDDOWN($C7650/24,0)+1,1))-1)+IF('Standard Profiles'!$G$22=$B$10,7,0)+IF('Standard Profiles'!$G$22=$B$17,14,0)+IF('Standard Profiles'!$G$22=$B$24,21,0),MOD($C7650,24)+1)/SUM(INDEX($D$3:$AA$30,INDEX(Jesper!$R$2:$R$366,ROW(INDEX(Jesper!AL$2:AL$366,ROUNDDOWN($C7650/24,0)+1,1))-1)+IF('Standard Profiles'!$G$22=$B$10,7,0)+IF('Standard Profiles'!$G$22=$B$17,14,0)+IF('Standard Profiles'!$G$22=$B$24,21,0),0)),0)</f>
        <v>0</v>
      </c>
      <c r="I7650">
        <f t="shared" si="846"/>
        <v>0.35584449304369209</v>
      </c>
      <c r="J7650">
        <f t="shared" si="847"/>
        <v>1.1861483101456405</v>
      </c>
      <c r="K7650">
        <f t="shared" si="848"/>
        <v>1.7792224652184605</v>
      </c>
      <c r="L7650">
        <f t="shared" si="849"/>
        <v>8.5402678330486097</v>
      </c>
      <c r="M7650">
        <f t="shared" si="850"/>
        <v>0</v>
      </c>
      <c r="N7650" s="46">
        <f t="shared" si="851"/>
        <v>45609.333333314862</v>
      </c>
    </row>
    <row r="7651" spans="2:14" x14ac:dyDescent="0.3">
      <c r="B7651">
        <f t="shared" ref="B7651:B7714" si="852">WEEKDAY(N7651,2)</f>
        <v>3</v>
      </c>
      <c r="C7651" s="16">
        <v>7617</v>
      </c>
      <c r="D7651" cm="1">
        <f t="array" ref="D7651">IFERROR(INDEX(Jesper!AH$2:AH$366,ROUNDDOWN($C7651/24,0)+1,1)*INDEX($D$3:$AA$30,INDEX(Jesper!$R$2:$R$366,ROW(INDEX(Jesper!AH$2:AH$366,ROUNDDOWN($C7651/24,0)+1,1))-1)+IF('Standard Profiles'!$G$18=$B$10,7,0)+IF('Standard Profiles'!$G$18=$B$17,14,0)+IF('Standard Profiles'!$G$18=$B$24,21,0),MOD($C7651,24)+1)/SUM(INDEX($D$3:$AA$30,INDEX(Jesper!$R$2:$R$366,ROW(INDEX(Jesper!AH$2:AH$366,ROUNDDOWN($C7651/24,0)+1,1))-1)+IF('Standard Profiles'!$G$18=$B$10,7,0)+IF('Standard Profiles'!$G$18=$B$17,14,0)+IF('Standard Profiles'!$G$18=$B$24,21,0),0)),0)</f>
        <v>12.746668407535239</v>
      </c>
      <c r="E7651" cm="1">
        <f t="array" ref="E7651">IFERROR(INDEX(Jesper!AI$2:AI$366,ROUNDDOWN($C7651/24,0)+1,1)*INDEX($D$3:$AA$30,INDEX(Jesper!$R$2:$R$366,ROW(INDEX(Jesper!AI$2:AI$366,ROUNDDOWN($C7651/24,0)+1,1))-1)+IF('Standard Profiles'!$G$19=$B$10,7,0)+IF('Standard Profiles'!$G$19=$B$17,14,0)+IF('Standard Profiles'!$G$19=$B$24,21,0),MOD($C7651,24)+1)/SUM(INDEX($D$3:$AA$30,INDEX(Jesper!$R$2:$R$366,ROW(INDEX(Jesper!AI$2:AI$366,ROUNDDOWN($C7651/24,0)+1,1))-1)+IF('Standard Profiles'!$G$19=$B$10,7,0)+IF('Standard Profiles'!$G$19=$B$17,14,0)+IF('Standard Profiles'!$G$19=$B$24,21,0),0)),0)</f>
        <v>0</v>
      </c>
      <c r="F7651" cm="1">
        <f t="array" ref="F7651">IFERROR(INDEX(Jesper!AJ$2:AJ$366,ROUNDDOWN($C7651/24,0)+1,1)*INDEX($D$3:$AA$30,INDEX(Jesper!$R$2:$R$366,ROW(INDEX(Jesper!AJ$2:AJ$366,ROUNDDOWN($C7651/24,0)+1,1))-1)+IF('Standard Profiles'!$G$20=$B$10,7,0)+IF('Standard Profiles'!$G$20=$B$17,14,0)+IF('Standard Profiles'!$G$20=$B$24,21,0),MOD($C7651,24)+1)/SUM(INDEX($D$3:$AA$30,INDEX(Jesper!$R$2:$R$366,ROW(INDEX(Jesper!AJ$2:AJ$366,ROUNDDOWN($C7651/24,0)+1,1))-1)+IF('Standard Profiles'!$G$20=$B$10,7,0)+IF('Standard Profiles'!$G$20=$B$17,14,0)+IF('Standard Profiles'!$G$20=$B$24,21,0),0)),0)</f>
        <v>0</v>
      </c>
      <c r="G7651" cm="1">
        <f t="array" ref="G7651">IFERROR(INDEX(Jesper!AK$2:AK$366,ROUNDDOWN($C7651/24,0)+1,1)*INDEX($D$3:$AA$30,INDEX(Jesper!$R$2:$R$366,ROW(INDEX(Jesper!AK$2:AK$366,ROUNDDOWN($C7651/24,0)+1,1))-1)+IF('Standard Profiles'!$G$21=$B$10,7,0)+IF('Standard Profiles'!$G$21=$B$17,14,0)+IF('Standard Profiles'!$G$21=$B$24,21,0),MOD($C7651,24)+1)/SUM(INDEX($D$3:$AA$30,INDEX(Jesper!$R$2:$R$366,ROW(INDEX(Jesper!AK$2:AK$366,ROUNDDOWN($C7651/24,0)+1,1))-1)+IF('Standard Profiles'!$G$21=$B$10,7,0)+IF('Standard Profiles'!$G$21=$B$17,14,0)+IF('Standard Profiles'!$G$21=$B$24,21,0),0)),0)</f>
        <v>0</v>
      </c>
      <c r="H7651" cm="1">
        <f t="array" ref="H7651">IFERROR(INDEX(Jesper!AL$2:AL$366,ROUNDDOWN($C7651/24,0)+1,1)*INDEX($D$3:$AA$30,INDEX(Jesper!$R$2:$R$366,ROW(INDEX(Jesper!AL$2:AL$366,ROUNDDOWN($C7651/24,0)+1,1))-1)+IF('Standard Profiles'!$G$22=$B$10,7,0)+IF('Standard Profiles'!$G$22=$B$17,14,0)+IF('Standard Profiles'!$G$22=$B$24,21,0),MOD($C7651,24)+1)/SUM(INDEX($D$3:$AA$30,INDEX(Jesper!$R$2:$R$366,ROW(INDEX(Jesper!AL$2:AL$366,ROUNDDOWN($C7651/24,0)+1,1))-1)+IF('Standard Profiles'!$G$22=$B$10,7,0)+IF('Standard Profiles'!$G$22=$B$17,14,0)+IF('Standard Profiles'!$G$22=$B$24,21,0),0)),0)</f>
        <v>0</v>
      </c>
      <c r="I7651">
        <f t="shared" ref="I7651:I7714" si="853">IF($B7651&lt;6,AC$37*$D7651+AC$38*$E7651+AC$39*$F7651+AC$40*$G7651,AC$46*$D7651+AC$47*$E7651+AC$48*$F7651+AC$49*$G7651+AC$50*$H7651)</f>
        <v>0.38240005222605716</v>
      </c>
      <c r="J7651">
        <f t="shared" ref="J7651:J7714" si="854">IF($B7651&lt;6,AD$37*$D7651+AD$38*$E7651+AD$39*$F7651+AD$40*$G7651,AD$46*$D7651+AD$47*$E7651+AD$48*$F7651+AD$49*$G7651+AD$50*$H7651)</f>
        <v>1.274666840753524</v>
      </c>
      <c r="K7651">
        <f t="shared" ref="K7651:K7714" si="855">IF($B7651&lt;6,AE$37*$D7651+AE$38*$E7651+AE$39*$F7651+AE$40*$G7651,AE$46*$D7651+AE$47*$E7651+AE$48*$F7651+AE$49*$G7651+AE$50*$H7651)</f>
        <v>1.9120002611302858</v>
      </c>
      <c r="L7651">
        <f t="shared" ref="L7651:L7714" si="856">IF($B7651&lt;6,AF$37*$D7651+AF$38*$E7651+AF$39*$F7651+AF$40*$G7651,AF$46*$D7651+AF$47*$E7651+AF$48*$F7651+AF$49*$G7651+AF$50*$H7651)</f>
        <v>9.1776012534253724</v>
      </c>
      <c r="M7651">
        <f t="shared" ref="M7651:M7714" si="857">IF($B7651&lt;6,AG$37*$D7651+AG$38*$E7651+AG$39*$F7651+AG$40*$G7651,AG$46*$D7651+AG$47*$E7651+AG$48*$F7651+AG$49*$G7651+AG$50*$H7651)</f>
        <v>0</v>
      </c>
      <c r="N7651" s="46">
        <f t="shared" si="851"/>
        <v>45609.374999981526</v>
      </c>
    </row>
    <row r="7652" spans="2:14" x14ac:dyDescent="0.3">
      <c r="B7652">
        <f t="shared" si="852"/>
        <v>3</v>
      </c>
      <c r="C7652" s="16">
        <v>7618</v>
      </c>
      <c r="D7652" cm="1">
        <f t="array" ref="D7652">IFERROR(INDEX(Jesper!AH$2:AH$366,ROUNDDOWN($C7652/24,0)+1,1)*INDEX($D$3:$AA$30,INDEX(Jesper!$R$2:$R$366,ROW(INDEX(Jesper!AH$2:AH$366,ROUNDDOWN($C7652/24,0)+1,1))-1)+IF('Standard Profiles'!$G$18=$B$10,7,0)+IF('Standard Profiles'!$G$18=$B$17,14,0)+IF('Standard Profiles'!$G$18=$B$24,21,0),MOD($C7652,24)+1)/SUM(INDEX($D$3:$AA$30,INDEX(Jesper!$R$2:$R$366,ROW(INDEX(Jesper!AH$2:AH$366,ROUNDDOWN($C7652/24,0)+1,1))-1)+IF('Standard Profiles'!$G$18=$B$10,7,0)+IF('Standard Profiles'!$G$18=$B$17,14,0)+IF('Standard Profiles'!$G$18=$B$24,21,0),0)),0)</f>
        <v>13.808890774829843</v>
      </c>
      <c r="E7652" cm="1">
        <f t="array" ref="E7652">IFERROR(INDEX(Jesper!AI$2:AI$366,ROUNDDOWN($C7652/24,0)+1,1)*INDEX($D$3:$AA$30,INDEX(Jesper!$R$2:$R$366,ROW(INDEX(Jesper!AI$2:AI$366,ROUNDDOWN($C7652/24,0)+1,1))-1)+IF('Standard Profiles'!$G$19=$B$10,7,0)+IF('Standard Profiles'!$G$19=$B$17,14,0)+IF('Standard Profiles'!$G$19=$B$24,21,0),MOD($C7652,24)+1)/SUM(INDEX($D$3:$AA$30,INDEX(Jesper!$R$2:$R$366,ROW(INDEX(Jesper!AI$2:AI$366,ROUNDDOWN($C7652/24,0)+1,1))-1)+IF('Standard Profiles'!$G$19=$B$10,7,0)+IF('Standard Profiles'!$G$19=$B$17,14,0)+IF('Standard Profiles'!$G$19=$B$24,21,0),0)),0)</f>
        <v>0</v>
      </c>
      <c r="F7652" cm="1">
        <f t="array" ref="F7652">IFERROR(INDEX(Jesper!AJ$2:AJ$366,ROUNDDOWN($C7652/24,0)+1,1)*INDEX($D$3:$AA$30,INDEX(Jesper!$R$2:$R$366,ROW(INDEX(Jesper!AJ$2:AJ$366,ROUNDDOWN($C7652/24,0)+1,1))-1)+IF('Standard Profiles'!$G$20=$B$10,7,0)+IF('Standard Profiles'!$G$20=$B$17,14,0)+IF('Standard Profiles'!$G$20=$B$24,21,0),MOD($C7652,24)+1)/SUM(INDEX($D$3:$AA$30,INDEX(Jesper!$R$2:$R$366,ROW(INDEX(Jesper!AJ$2:AJ$366,ROUNDDOWN($C7652/24,0)+1,1))-1)+IF('Standard Profiles'!$G$20=$B$10,7,0)+IF('Standard Profiles'!$G$20=$B$17,14,0)+IF('Standard Profiles'!$G$20=$B$24,21,0),0)),0)</f>
        <v>0</v>
      </c>
      <c r="G7652" cm="1">
        <f t="array" ref="G7652">IFERROR(INDEX(Jesper!AK$2:AK$366,ROUNDDOWN($C7652/24,0)+1,1)*INDEX($D$3:$AA$30,INDEX(Jesper!$R$2:$R$366,ROW(INDEX(Jesper!AK$2:AK$366,ROUNDDOWN($C7652/24,0)+1,1))-1)+IF('Standard Profiles'!$G$21=$B$10,7,0)+IF('Standard Profiles'!$G$21=$B$17,14,0)+IF('Standard Profiles'!$G$21=$B$24,21,0),MOD($C7652,24)+1)/SUM(INDEX($D$3:$AA$30,INDEX(Jesper!$R$2:$R$366,ROW(INDEX(Jesper!AK$2:AK$366,ROUNDDOWN($C7652/24,0)+1,1))-1)+IF('Standard Profiles'!$G$21=$B$10,7,0)+IF('Standard Profiles'!$G$21=$B$17,14,0)+IF('Standard Profiles'!$G$21=$B$24,21,0),0)),0)</f>
        <v>0</v>
      </c>
      <c r="H7652" cm="1">
        <f t="array" ref="H7652">IFERROR(INDEX(Jesper!AL$2:AL$366,ROUNDDOWN($C7652/24,0)+1,1)*INDEX($D$3:$AA$30,INDEX(Jesper!$R$2:$R$366,ROW(INDEX(Jesper!AL$2:AL$366,ROUNDDOWN($C7652/24,0)+1,1))-1)+IF('Standard Profiles'!$G$22=$B$10,7,0)+IF('Standard Profiles'!$G$22=$B$17,14,0)+IF('Standard Profiles'!$G$22=$B$24,21,0),MOD($C7652,24)+1)/SUM(INDEX($D$3:$AA$30,INDEX(Jesper!$R$2:$R$366,ROW(INDEX(Jesper!AL$2:AL$366,ROUNDDOWN($C7652/24,0)+1,1))-1)+IF('Standard Profiles'!$G$22=$B$10,7,0)+IF('Standard Profiles'!$G$22=$B$17,14,0)+IF('Standard Profiles'!$G$22=$B$24,21,0),0)),0)</f>
        <v>0</v>
      </c>
      <c r="I7652">
        <f t="shared" si="853"/>
        <v>0.41426672324489527</v>
      </c>
      <c r="J7652">
        <f t="shared" si="854"/>
        <v>1.3808890774829843</v>
      </c>
      <c r="K7652">
        <f t="shared" si="855"/>
        <v>2.0713336162244764</v>
      </c>
      <c r="L7652">
        <f t="shared" si="856"/>
        <v>9.9424013578774861</v>
      </c>
      <c r="M7652">
        <f t="shared" si="857"/>
        <v>0</v>
      </c>
      <c r="N7652" s="46">
        <f t="shared" ref="N7652:N7715" si="858">N7651+1/24</f>
        <v>45609.416666648191</v>
      </c>
    </row>
    <row r="7653" spans="2:14" x14ac:dyDescent="0.3">
      <c r="B7653">
        <f t="shared" si="852"/>
        <v>3</v>
      </c>
      <c r="C7653" s="16">
        <v>7619</v>
      </c>
      <c r="D7653" cm="1">
        <f t="array" ref="D7653">IFERROR(INDEX(Jesper!AH$2:AH$366,ROUNDDOWN($C7653/24,0)+1,1)*INDEX($D$3:$AA$30,INDEX(Jesper!$R$2:$R$366,ROW(INDEX(Jesper!AH$2:AH$366,ROUNDDOWN($C7653/24,0)+1,1))-1)+IF('Standard Profiles'!$G$18=$B$10,7,0)+IF('Standard Profiles'!$G$18=$B$17,14,0)+IF('Standard Profiles'!$G$18=$B$24,21,0),MOD($C7653,24)+1)/SUM(INDEX($D$3:$AA$30,INDEX(Jesper!$R$2:$R$366,ROW(INDEX(Jesper!AH$2:AH$366,ROUNDDOWN($C7653/24,0)+1,1))-1)+IF('Standard Profiles'!$G$18=$B$10,7,0)+IF('Standard Profiles'!$G$18=$B$17,14,0)+IF('Standard Profiles'!$G$18=$B$24,21,0),0)),0)</f>
        <v>15.933335509419051</v>
      </c>
      <c r="E7653" cm="1">
        <f t="array" ref="E7653">IFERROR(INDEX(Jesper!AI$2:AI$366,ROUNDDOWN($C7653/24,0)+1,1)*INDEX($D$3:$AA$30,INDEX(Jesper!$R$2:$R$366,ROW(INDEX(Jesper!AI$2:AI$366,ROUNDDOWN($C7653/24,0)+1,1))-1)+IF('Standard Profiles'!$G$19=$B$10,7,0)+IF('Standard Profiles'!$G$19=$B$17,14,0)+IF('Standard Profiles'!$G$19=$B$24,21,0),MOD($C7653,24)+1)/SUM(INDEX($D$3:$AA$30,INDEX(Jesper!$R$2:$R$366,ROW(INDEX(Jesper!AI$2:AI$366,ROUNDDOWN($C7653/24,0)+1,1))-1)+IF('Standard Profiles'!$G$19=$B$10,7,0)+IF('Standard Profiles'!$G$19=$B$17,14,0)+IF('Standard Profiles'!$G$19=$B$24,21,0),0)),0)</f>
        <v>0</v>
      </c>
      <c r="F7653" cm="1">
        <f t="array" ref="F7653">IFERROR(INDEX(Jesper!AJ$2:AJ$366,ROUNDDOWN($C7653/24,0)+1,1)*INDEX($D$3:$AA$30,INDEX(Jesper!$R$2:$R$366,ROW(INDEX(Jesper!AJ$2:AJ$366,ROUNDDOWN($C7653/24,0)+1,1))-1)+IF('Standard Profiles'!$G$20=$B$10,7,0)+IF('Standard Profiles'!$G$20=$B$17,14,0)+IF('Standard Profiles'!$G$20=$B$24,21,0),MOD($C7653,24)+1)/SUM(INDEX($D$3:$AA$30,INDEX(Jesper!$R$2:$R$366,ROW(INDEX(Jesper!AJ$2:AJ$366,ROUNDDOWN($C7653/24,0)+1,1))-1)+IF('Standard Profiles'!$G$20=$B$10,7,0)+IF('Standard Profiles'!$G$20=$B$17,14,0)+IF('Standard Profiles'!$G$20=$B$24,21,0),0)),0)</f>
        <v>0</v>
      </c>
      <c r="G7653" cm="1">
        <f t="array" ref="G7653">IFERROR(INDEX(Jesper!AK$2:AK$366,ROUNDDOWN($C7653/24,0)+1,1)*INDEX($D$3:$AA$30,INDEX(Jesper!$R$2:$R$366,ROW(INDEX(Jesper!AK$2:AK$366,ROUNDDOWN($C7653/24,0)+1,1))-1)+IF('Standard Profiles'!$G$21=$B$10,7,0)+IF('Standard Profiles'!$G$21=$B$17,14,0)+IF('Standard Profiles'!$G$21=$B$24,21,0),MOD($C7653,24)+1)/SUM(INDEX($D$3:$AA$30,INDEX(Jesper!$R$2:$R$366,ROW(INDEX(Jesper!AK$2:AK$366,ROUNDDOWN($C7653/24,0)+1,1))-1)+IF('Standard Profiles'!$G$21=$B$10,7,0)+IF('Standard Profiles'!$G$21=$B$17,14,0)+IF('Standard Profiles'!$G$21=$B$24,21,0),0)),0)</f>
        <v>0</v>
      </c>
      <c r="H7653" cm="1">
        <f t="array" ref="H7653">IFERROR(INDEX(Jesper!AL$2:AL$366,ROUNDDOWN($C7653/24,0)+1,1)*INDEX($D$3:$AA$30,INDEX(Jesper!$R$2:$R$366,ROW(INDEX(Jesper!AL$2:AL$366,ROUNDDOWN($C7653/24,0)+1,1))-1)+IF('Standard Profiles'!$G$22=$B$10,7,0)+IF('Standard Profiles'!$G$22=$B$17,14,0)+IF('Standard Profiles'!$G$22=$B$24,21,0),MOD($C7653,24)+1)/SUM(INDEX($D$3:$AA$30,INDEX(Jesper!$R$2:$R$366,ROW(INDEX(Jesper!AL$2:AL$366,ROUNDDOWN($C7653/24,0)+1,1))-1)+IF('Standard Profiles'!$G$22=$B$10,7,0)+IF('Standard Profiles'!$G$22=$B$17,14,0)+IF('Standard Profiles'!$G$22=$B$24,21,0),0)),0)</f>
        <v>0</v>
      </c>
      <c r="I7653">
        <f t="shared" si="853"/>
        <v>0.4780000652825715</v>
      </c>
      <c r="J7653">
        <f t="shared" si="854"/>
        <v>1.5933335509419051</v>
      </c>
      <c r="K7653">
        <f t="shared" si="855"/>
        <v>2.3900003264128573</v>
      </c>
      <c r="L7653">
        <f t="shared" si="856"/>
        <v>11.472001566781715</v>
      </c>
      <c r="M7653">
        <f t="shared" si="857"/>
        <v>0</v>
      </c>
      <c r="N7653" s="46">
        <f t="shared" si="858"/>
        <v>45609.458333314855</v>
      </c>
    </row>
    <row r="7654" spans="2:14" x14ac:dyDescent="0.3">
      <c r="B7654">
        <f t="shared" si="852"/>
        <v>3</v>
      </c>
      <c r="C7654" s="16">
        <v>7620</v>
      </c>
      <c r="D7654" cm="1">
        <f t="array" ref="D7654">IFERROR(INDEX(Jesper!AH$2:AH$366,ROUNDDOWN($C7654/24,0)+1,1)*INDEX($D$3:$AA$30,INDEX(Jesper!$R$2:$R$366,ROW(INDEX(Jesper!AH$2:AH$366,ROUNDDOWN($C7654/24,0)+1,1))-1)+IF('Standard Profiles'!$G$18=$B$10,7,0)+IF('Standard Profiles'!$G$18=$B$17,14,0)+IF('Standard Profiles'!$G$18=$B$24,21,0),MOD($C7654,24)+1)/SUM(INDEX($D$3:$AA$30,INDEX(Jesper!$R$2:$R$366,ROW(INDEX(Jesper!AH$2:AH$366,ROUNDDOWN($C7654/24,0)+1,1))-1)+IF('Standard Profiles'!$G$18=$B$10,7,0)+IF('Standard Profiles'!$G$18=$B$17,14,0)+IF('Standard Profiles'!$G$18=$B$24,21,0),0)),0)</f>
        <v>15.933335509419051</v>
      </c>
      <c r="E7654" cm="1">
        <f t="array" ref="E7654">IFERROR(INDEX(Jesper!AI$2:AI$366,ROUNDDOWN($C7654/24,0)+1,1)*INDEX($D$3:$AA$30,INDEX(Jesper!$R$2:$R$366,ROW(INDEX(Jesper!AI$2:AI$366,ROUNDDOWN($C7654/24,0)+1,1))-1)+IF('Standard Profiles'!$G$19=$B$10,7,0)+IF('Standard Profiles'!$G$19=$B$17,14,0)+IF('Standard Profiles'!$G$19=$B$24,21,0),MOD($C7654,24)+1)/SUM(INDEX($D$3:$AA$30,INDEX(Jesper!$R$2:$R$366,ROW(INDEX(Jesper!AI$2:AI$366,ROUNDDOWN($C7654/24,0)+1,1))-1)+IF('Standard Profiles'!$G$19=$B$10,7,0)+IF('Standard Profiles'!$G$19=$B$17,14,0)+IF('Standard Profiles'!$G$19=$B$24,21,0),0)),0)</f>
        <v>0</v>
      </c>
      <c r="F7654" cm="1">
        <f t="array" ref="F7654">IFERROR(INDEX(Jesper!AJ$2:AJ$366,ROUNDDOWN($C7654/24,0)+1,1)*INDEX($D$3:$AA$30,INDEX(Jesper!$R$2:$R$366,ROW(INDEX(Jesper!AJ$2:AJ$366,ROUNDDOWN($C7654/24,0)+1,1))-1)+IF('Standard Profiles'!$G$20=$B$10,7,0)+IF('Standard Profiles'!$G$20=$B$17,14,0)+IF('Standard Profiles'!$G$20=$B$24,21,0),MOD($C7654,24)+1)/SUM(INDEX($D$3:$AA$30,INDEX(Jesper!$R$2:$R$366,ROW(INDEX(Jesper!AJ$2:AJ$366,ROUNDDOWN($C7654/24,0)+1,1))-1)+IF('Standard Profiles'!$G$20=$B$10,7,0)+IF('Standard Profiles'!$G$20=$B$17,14,0)+IF('Standard Profiles'!$G$20=$B$24,21,0),0)),0)</f>
        <v>0</v>
      </c>
      <c r="G7654" cm="1">
        <f t="array" ref="G7654">IFERROR(INDEX(Jesper!AK$2:AK$366,ROUNDDOWN($C7654/24,0)+1,1)*INDEX($D$3:$AA$30,INDEX(Jesper!$R$2:$R$366,ROW(INDEX(Jesper!AK$2:AK$366,ROUNDDOWN($C7654/24,0)+1,1))-1)+IF('Standard Profiles'!$G$21=$B$10,7,0)+IF('Standard Profiles'!$G$21=$B$17,14,0)+IF('Standard Profiles'!$G$21=$B$24,21,0),MOD($C7654,24)+1)/SUM(INDEX($D$3:$AA$30,INDEX(Jesper!$R$2:$R$366,ROW(INDEX(Jesper!AK$2:AK$366,ROUNDDOWN($C7654/24,0)+1,1))-1)+IF('Standard Profiles'!$G$21=$B$10,7,0)+IF('Standard Profiles'!$G$21=$B$17,14,0)+IF('Standard Profiles'!$G$21=$B$24,21,0),0)),0)</f>
        <v>0</v>
      </c>
      <c r="H7654" cm="1">
        <f t="array" ref="H7654">IFERROR(INDEX(Jesper!AL$2:AL$366,ROUNDDOWN($C7654/24,0)+1,1)*INDEX($D$3:$AA$30,INDEX(Jesper!$R$2:$R$366,ROW(INDEX(Jesper!AL$2:AL$366,ROUNDDOWN($C7654/24,0)+1,1))-1)+IF('Standard Profiles'!$G$22=$B$10,7,0)+IF('Standard Profiles'!$G$22=$B$17,14,0)+IF('Standard Profiles'!$G$22=$B$24,21,0),MOD($C7654,24)+1)/SUM(INDEX($D$3:$AA$30,INDEX(Jesper!$R$2:$R$366,ROW(INDEX(Jesper!AL$2:AL$366,ROUNDDOWN($C7654/24,0)+1,1))-1)+IF('Standard Profiles'!$G$22=$B$10,7,0)+IF('Standard Profiles'!$G$22=$B$17,14,0)+IF('Standard Profiles'!$G$22=$B$24,21,0),0)),0)</f>
        <v>0</v>
      </c>
      <c r="I7654">
        <f t="shared" si="853"/>
        <v>0.4780000652825715</v>
      </c>
      <c r="J7654">
        <f t="shared" si="854"/>
        <v>1.5933335509419051</v>
      </c>
      <c r="K7654">
        <f t="shared" si="855"/>
        <v>2.3900003264128573</v>
      </c>
      <c r="L7654">
        <f t="shared" si="856"/>
        <v>11.472001566781715</v>
      </c>
      <c r="M7654">
        <f t="shared" si="857"/>
        <v>0</v>
      </c>
      <c r="N7654" s="46">
        <f t="shared" si="858"/>
        <v>45609.499999981519</v>
      </c>
    </row>
    <row r="7655" spans="2:14" x14ac:dyDescent="0.3">
      <c r="B7655">
        <f t="shared" si="852"/>
        <v>3</v>
      </c>
      <c r="C7655" s="16">
        <v>7621</v>
      </c>
      <c r="D7655" cm="1">
        <f t="array" ref="D7655">IFERROR(INDEX(Jesper!AH$2:AH$366,ROUNDDOWN($C7655/24,0)+1,1)*INDEX($D$3:$AA$30,INDEX(Jesper!$R$2:$R$366,ROW(INDEX(Jesper!AH$2:AH$366,ROUNDDOWN($C7655/24,0)+1,1))-1)+IF('Standard Profiles'!$G$18=$B$10,7,0)+IF('Standard Profiles'!$G$18=$B$17,14,0)+IF('Standard Profiles'!$G$18=$B$24,21,0),MOD($C7655,24)+1)/SUM(INDEX($D$3:$AA$30,INDEX(Jesper!$R$2:$R$366,ROW(INDEX(Jesper!AH$2:AH$366,ROUNDDOWN($C7655/24,0)+1,1))-1)+IF('Standard Profiles'!$G$18=$B$10,7,0)+IF('Standard Profiles'!$G$18=$B$17,14,0)+IF('Standard Profiles'!$G$18=$B$24,21,0),0)),0)</f>
        <v>15.933335509419051</v>
      </c>
      <c r="E7655" cm="1">
        <f t="array" ref="E7655">IFERROR(INDEX(Jesper!AI$2:AI$366,ROUNDDOWN($C7655/24,0)+1,1)*INDEX($D$3:$AA$30,INDEX(Jesper!$R$2:$R$366,ROW(INDEX(Jesper!AI$2:AI$366,ROUNDDOWN($C7655/24,0)+1,1))-1)+IF('Standard Profiles'!$G$19=$B$10,7,0)+IF('Standard Profiles'!$G$19=$B$17,14,0)+IF('Standard Profiles'!$G$19=$B$24,21,0),MOD($C7655,24)+1)/SUM(INDEX($D$3:$AA$30,INDEX(Jesper!$R$2:$R$366,ROW(INDEX(Jesper!AI$2:AI$366,ROUNDDOWN($C7655/24,0)+1,1))-1)+IF('Standard Profiles'!$G$19=$B$10,7,0)+IF('Standard Profiles'!$G$19=$B$17,14,0)+IF('Standard Profiles'!$G$19=$B$24,21,0),0)),0)</f>
        <v>0</v>
      </c>
      <c r="F7655" cm="1">
        <f t="array" ref="F7655">IFERROR(INDEX(Jesper!AJ$2:AJ$366,ROUNDDOWN($C7655/24,0)+1,1)*INDEX($D$3:$AA$30,INDEX(Jesper!$R$2:$R$366,ROW(INDEX(Jesper!AJ$2:AJ$366,ROUNDDOWN($C7655/24,0)+1,1))-1)+IF('Standard Profiles'!$G$20=$B$10,7,0)+IF('Standard Profiles'!$G$20=$B$17,14,0)+IF('Standard Profiles'!$G$20=$B$24,21,0),MOD($C7655,24)+1)/SUM(INDEX($D$3:$AA$30,INDEX(Jesper!$R$2:$R$366,ROW(INDEX(Jesper!AJ$2:AJ$366,ROUNDDOWN($C7655/24,0)+1,1))-1)+IF('Standard Profiles'!$G$20=$B$10,7,0)+IF('Standard Profiles'!$G$20=$B$17,14,0)+IF('Standard Profiles'!$G$20=$B$24,21,0),0)),0)</f>
        <v>0</v>
      </c>
      <c r="G7655" cm="1">
        <f t="array" ref="G7655">IFERROR(INDEX(Jesper!AK$2:AK$366,ROUNDDOWN($C7655/24,0)+1,1)*INDEX($D$3:$AA$30,INDEX(Jesper!$R$2:$R$366,ROW(INDEX(Jesper!AK$2:AK$366,ROUNDDOWN($C7655/24,0)+1,1))-1)+IF('Standard Profiles'!$G$21=$B$10,7,0)+IF('Standard Profiles'!$G$21=$B$17,14,0)+IF('Standard Profiles'!$G$21=$B$24,21,0),MOD($C7655,24)+1)/SUM(INDEX($D$3:$AA$30,INDEX(Jesper!$R$2:$R$366,ROW(INDEX(Jesper!AK$2:AK$366,ROUNDDOWN($C7655/24,0)+1,1))-1)+IF('Standard Profiles'!$G$21=$B$10,7,0)+IF('Standard Profiles'!$G$21=$B$17,14,0)+IF('Standard Profiles'!$G$21=$B$24,21,0),0)),0)</f>
        <v>0</v>
      </c>
      <c r="H7655" cm="1">
        <f t="array" ref="H7655">IFERROR(INDEX(Jesper!AL$2:AL$366,ROUNDDOWN($C7655/24,0)+1,1)*INDEX($D$3:$AA$30,INDEX(Jesper!$R$2:$R$366,ROW(INDEX(Jesper!AL$2:AL$366,ROUNDDOWN($C7655/24,0)+1,1))-1)+IF('Standard Profiles'!$G$22=$B$10,7,0)+IF('Standard Profiles'!$G$22=$B$17,14,0)+IF('Standard Profiles'!$G$22=$B$24,21,0),MOD($C7655,24)+1)/SUM(INDEX($D$3:$AA$30,INDEX(Jesper!$R$2:$R$366,ROW(INDEX(Jesper!AL$2:AL$366,ROUNDDOWN($C7655/24,0)+1,1))-1)+IF('Standard Profiles'!$G$22=$B$10,7,0)+IF('Standard Profiles'!$G$22=$B$17,14,0)+IF('Standard Profiles'!$G$22=$B$24,21,0),0)),0)</f>
        <v>0</v>
      </c>
      <c r="I7655">
        <f t="shared" si="853"/>
        <v>0.4780000652825715</v>
      </c>
      <c r="J7655">
        <f t="shared" si="854"/>
        <v>1.5933335509419051</v>
      </c>
      <c r="K7655">
        <f t="shared" si="855"/>
        <v>2.3900003264128573</v>
      </c>
      <c r="L7655">
        <f t="shared" si="856"/>
        <v>11.472001566781715</v>
      </c>
      <c r="M7655">
        <f t="shared" si="857"/>
        <v>0</v>
      </c>
      <c r="N7655" s="46">
        <f t="shared" si="858"/>
        <v>45609.541666648183</v>
      </c>
    </row>
    <row r="7656" spans="2:14" x14ac:dyDescent="0.3">
      <c r="B7656">
        <f t="shared" si="852"/>
        <v>3</v>
      </c>
      <c r="C7656" s="16">
        <v>7622</v>
      </c>
      <c r="D7656" cm="1">
        <f t="array" ref="D7656">IFERROR(INDEX(Jesper!AH$2:AH$366,ROUNDDOWN($C7656/24,0)+1,1)*INDEX($D$3:$AA$30,INDEX(Jesper!$R$2:$R$366,ROW(INDEX(Jesper!AH$2:AH$366,ROUNDDOWN($C7656/24,0)+1,1))-1)+IF('Standard Profiles'!$G$18=$B$10,7,0)+IF('Standard Profiles'!$G$18=$B$17,14,0)+IF('Standard Profiles'!$G$18=$B$24,21,0),MOD($C7656,24)+1)/SUM(INDEX($D$3:$AA$30,INDEX(Jesper!$R$2:$R$366,ROW(INDEX(Jesper!AH$2:AH$366,ROUNDDOWN($C7656/24,0)+1,1))-1)+IF('Standard Profiles'!$G$18=$B$10,7,0)+IF('Standard Profiles'!$G$18=$B$17,14,0)+IF('Standard Profiles'!$G$18=$B$24,21,0),0)),0)</f>
        <v>15.933335509419051</v>
      </c>
      <c r="E7656" cm="1">
        <f t="array" ref="E7656">IFERROR(INDEX(Jesper!AI$2:AI$366,ROUNDDOWN($C7656/24,0)+1,1)*INDEX($D$3:$AA$30,INDEX(Jesper!$R$2:$R$366,ROW(INDEX(Jesper!AI$2:AI$366,ROUNDDOWN($C7656/24,0)+1,1))-1)+IF('Standard Profiles'!$G$19=$B$10,7,0)+IF('Standard Profiles'!$G$19=$B$17,14,0)+IF('Standard Profiles'!$G$19=$B$24,21,0),MOD($C7656,24)+1)/SUM(INDEX($D$3:$AA$30,INDEX(Jesper!$R$2:$R$366,ROW(INDEX(Jesper!AI$2:AI$366,ROUNDDOWN($C7656/24,0)+1,1))-1)+IF('Standard Profiles'!$G$19=$B$10,7,0)+IF('Standard Profiles'!$G$19=$B$17,14,0)+IF('Standard Profiles'!$G$19=$B$24,21,0),0)),0)</f>
        <v>0</v>
      </c>
      <c r="F7656" cm="1">
        <f t="array" ref="F7656">IFERROR(INDEX(Jesper!AJ$2:AJ$366,ROUNDDOWN($C7656/24,0)+1,1)*INDEX($D$3:$AA$30,INDEX(Jesper!$R$2:$R$366,ROW(INDEX(Jesper!AJ$2:AJ$366,ROUNDDOWN($C7656/24,0)+1,1))-1)+IF('Standard Profiles'!$G$20=$B$10,7,0)+IF('Standard Profiles'!$G$20=$B$17,14,0)+IF('Standard Profiles'!$G$20=$B$24,21,0),MOD($C7656,24)+1)/SUM(INDEX($D$3:$AA$30,INDEX(Jesper!$R$2:$R$366,ROW(INDEX(Jesper!AJ$2:AJ$366,ROUNDDOWN($C7656/24,0)+1,1))-1)+IF('Standard Profiles'!$G$20=$B$10,7,0)+IF('Standard Profiles'!$G$20=$B$17,14,0)+IF('Standard Profiles'!$G$20=$B$24,21,0),0)),0)</f>
        <v>0</v>
      </c>
      <c r="G7656" cm="1">
        <f t="array" ref="G7656">IFERROR(INDEX(Jesper!AK$2:AK$366,ROUNDDOWN($C7656/24,0)+1,1)*INDEX($D$3:$AA$30,INDEX(Jesper!$R$2:$R$366,ROW(INDEX(Jesper!AK$2:AK$366,ROUNDDOWN($C7656/24,0)+1,1))-1)+IF('Standard Profiles'!$G$21=$B$10,7,0)+IF('Standard Profiles'!$G$21=$B$17,14,0)+IF('Standard Profiles'!$G$21=$B$24,21,0),MOD($C7656,24)+1)/SUM(INDEX($D$3:$AA$30,INDEX(Jesper!$R$2:$R$366,ROW(INDEX(Jesper!AK$2:AK$366,ROUNDDOWN($C7656/24,0)+1,1))-1)+IF('Standard Profiles'!$G$21=$B$10,7,0)+IF('Standard Profiles'!$G$21=$B$17,14,0)+IF('Standard Profiles'!$G$21=$B$24,21,0),0)),0)</f>
        <v>0</v>
      </c>
      <c r="H7656" cm="1">
        <f t="array" ref="H7656">IFERROR(INDEX(Jesper!AL$2:AL$366,ROUNDDOWN($C7656/24,0)+1,1)*INDEX($D$3:$AA$30,INDEX(Jesper!$R$2:$R$366,ROW(INDEX(Jesper!AL$2:AL$366,ROUNDDOWN($C7656/24,0)+1,1))-1)+IF('Standard Profiles'!$G$22=$B$10,7,0)+IF('Standard Profiles'!$G$22=$B$17,14,0)+IF('Standard Profiles'!$G$22=$B$24,21,0),MOD($C7656,24)+1)/SUM(INDEX($D$3:$AA$30,INDEX(Jesper!$R$2:$R$366,ROW(INDEX(Jesper!AL$2:AL$366,ROUNDDOWN($C7656/24,0)+1,1))-1)+IF('Standard Profiles'!$G$22=$B$10,7,0)+IF('Standard Profiles'!$G$22=$B$17,14,0)+IF('Standard Profiles'!$G$22=$B$24,21,0),0)),0)</f>
        <v>0</v>
      </c>
      <c r="I7656">
        <f t="shared" si="853"/>
        <v>0.4780000652825715</v>
      </c>
      <c r="J7656">
        <f t="shared" si="854"/>
        <v>1.5933335509419051</v>
      </c>
      <c r="K7656">
        <f t="shared" si="855"/>
        <v>2.3900003264128573</v>
      </c>
      <c r="L7656">
        <f t="shared" si="856"/>
        <v>11.472001566781715</v>
      </c>
      <c r="M7656">
        <f t="shared" si="857"/>
        <v>0</v>
      </c>
      <c r="N7656" s="46">
        <f t="shared" si="858"/>
        <v>45609.583333314848</v>
      </c>
    </row>
    <row r="7657" spans="2:14" x14ac:dyDescent="0.3">
      <c r="B7657">
        <f t="shared" si="852"/>
        <v>3</v>
      </c>
      <c r="C7657" s="16">
        <v>7623</v>
      </c>
      <c r="D7657" cm="1">
        <f t="array" ref="D7657">IFERROR(INDEX(Jesper!AH$2:AH$366,ROUNDDOWN($C7657/24,0)+1,1)*INDEX($D$3:$AA$30,INDEX(Jesper!$R$2:$R$366,ROW(INDEX(Jesper!AH$2:AH$366,ROUNDDOWN($C7657/24,0)+1,1))-1)+IF('Standard Profiles'!$G$18=$B$10,7,0)+IF('Standard Profiles'!$G$18=$B$17,14,0)+IF('Standard Profiles'!$G$18=$B$24,21,0),MOD($C7657,24)+1)/SUM(INDEX($D$3:$AA$30,INDEX(Jesper!$R$2:$R$366,ROW(INDEX(Jesper!AH$2:AH$366,ROUNDDOWN($C7657/24,0)+1,1))-1)+IF('Standard Profiles'!$G$18=$B$10,7,0)+IF('Standard Profiles'!$G$18=$B$17,14,0)+IF('Standard Profiles'!$G$18=$B$24,21,0),0)),0)</f>
        <v>15.933335509419051</v>
      </c>
      <c r="E7657" cm="1">
        <f t="array" ref="E7657">IFERROR(INDEX(Jesper!AI$2:AI$366,ROUNDDOWN($C7657/24,0)+1,1)*INDEX($D$3:$AA$30,INDEX(Jesper!$R$2:$R$366,ROW(INDEX(Jesper!AI$2:AI$366,ROUNDDOWN($C7657/24,0)+1,1))-1)+IF('Standard Profiles'!$G$19=$B$10,7,0)+IF('Standard Profiles'!$G$19=$B$17,14,0)+IF('Standard Profiles'!$G$19=$B$24,21,0),MOD($C7657,24)+1)/SUM(INDEX($D$3:$AA$30,INDEX(Jesper!$R$2:$R$366,ROW(INDEX(Jesper!AI$2:AI$366,ROUNDDOWN($C7657/24,0)+1,1))-1)+IF('Standard Profiles'!$G$19=$B$10,7,0)+IF('Standard Profiles'!$G$19=$B$17,14,0)+IF('Standard Profiles'!$G$19=$B$24,21,0),0)),0)</f>
        <v>0</v>
      </c>
      <c r="F7657" cm="1">
        <f t="array" ref="F7657">IFERROR(INDEX(Jesper!AJ$2:AJ$366,ROUNDDOWN($C7657/24,0)+1,1)*INDEX($D$3:$AA$30,INDEX(Jesper!$R$2:$R$366,ROW(INDEX(Jesper!AJ$2:AJ$366,ROUNDDOWN($C7657/24,0)+1,1))-1)+IF('Standard Profiles'!$G$20=$B$10,7,0)+IF('Standard Profiles'!$G$20=$B$17,14,0)+IF('Standard Profiles'!$G$20=$B$24,21,0),MOD($C7657,24)+1)/SUM(INDEX($D$3:$AA$30,INDEX(Jesper!$R$2:$R$366,ROW(INDEX(Jesper!AJ$2:AJ$366,ROUNDDOWN($C7657/24,0)+1,1))-1)+IF('Standard Profiles'!$G$20=$B$10,7,0)+IF('Standard Profiles'!$G$20=$B$17,14,0)+IF('Standard Profiles'!$G$20=$B$24,21,0),0)),0)</f>
        <v>0</v>
      </c>
      <c r="G7657" cm="1">
        <f t="array" ref="G7657">IFERROR(INDEX(Jesper!AK$2:AK$366,ROUNDDOWN($C7657/24,0)+1,1)*INDEX($D$3:$AA$30,INDEX(Jesper!$R$2:$R$366,ROW(INDEX(Jesper!AK$2:AK$366,ROUNDDOWN($C7657/24,0)+1,1))-1)+IF('Standard Profiles'!$G$21=$B$10,7,0)+IF('Standard Profiles'!$G$21=$B$17,14,0)+IF('Standard Profiles'!$G$21=$B$24,21,0),MOD($C7657,24)+1)/SUM(INDEX($D$3:$AA$30,INDEX(Jesper!$R$2:$R$366,ROW(INDEX(Jesper!AK$2:AK$366,ROUNDDOWN($C7657/24,0)+1,1))-1)+IF('Standard Profiles'!$G$21=$B$10,7,0)+IF('Standard Profiles'!$G$21=$B$17,14,0)+IF('Standard Profiles'!$G$21=$B$24,21,0),0)),0)</f>
        <v>0</v>
      </c>
      <c r="H7657" cm="1">
        <f t="array" ref="H7657">IFERROR(INDEX(Jesper!AL$2:AL$366,ROUNDDOWN($C7657/24,0)+1,1)*INDEX($D$3:$AA$30,INDEX(Jesper!$R$2:$R$366,ROW(INDEX(Jesper!AL$2:AL$366,ROUNDDOWN($C7657/24,0)+1,1))-1)+IF('Standard Profiles'!$G$22=$B$10,7,0)+IF('Standard Profiles'!$G$22=$B$17,14,0)+IF('Standard Profiles'!$G$22=$B$24,21,0),MOD($C7657,24)+1)/SUM(INDEX($D$3:$AA$30,INDEX(Jesper!$R$2:$R$366,ROW(INDEX(Jesper!AL$2:AL$366,ROUNDDOWN($C7657/24,0)+1,1))-1)+IF('Standard Profiles'!$G$22=$B$10,7,0)+IF('Standard Profiles'!$G$22=$B$17,14,0)+IF('Standard Profiles'!$G$22=$B$24,21,0),0)),0)</f>
        <v>0</v>
      </c>
      <c r="I7657">
        <f t="shared" si="853"/>
        <v>0.4780000652825715</v>
      </c>
      <c r="J7657">
        <f t="shared" si="854"/>
        <v>1.5933335509419051</v>
      </c>
      <c r="K7657">
        <f t="shared" si="855"/>
        <v>2.3900003264128573</v>
      </c>
      <c r="L7657">
        <f t="shared" si="856"/>
        <v>11.472001566781715</v>
      </c>
      <c r="M7657">
        <f t="shared" si="857"/>
        <v>0</v>
      </c>
      <c r="N7657" s="46">
        <f t="shared" si="858"/>
        <v>45609.624999981512</v>
      </c>
    </row>
    <row r="7658" spans="2:14" x14ac:dyDescent="0.3">
      <c r="B7658">
        <f t="shared" si="852"/>
        <v>3</v>
      </c>
      <c r="C7658" s="16">
        <v>7624</v>
      </c>
      <c r="D7658" cm="1">
        <f t="array" ref="D7658">IFERROR(INDEX(Jesper!AH$2:AH$366,ROUNDDOWN($C7658/24,0)+1,1)*INDEX($D$3:$AA$30,INDEX(Jesper!$R$2:$R$366,ROW(INDEX(Jesper!AH$2:AH$366,ROUNDDOWN($C7658/24,0)+1,1))-1)+IF('Standard Profiles'!$G$18=$B$10,7,0)+IF('Standard Profiles'!$G$18=$B$17,14,0)+IF('Standard Profiles'!$G$18=$B$24,21,0),MOD($C7658,24)+1)/SUM(INDEX($D$3:$AA$30,INDEX(Jesper!$R$2:$R$366,ROW(INDEX(Jesper!AH$2:AH$366,ROUNDDOWN($C7658/24,0)+1,1))-1)+IF('Standard Profiles'!$G$18=$B$10,7,0)+IF('Standard Profiles'!$G$18=$B$17,14,0)+IF('Standard Profiles'!$G$18=$B$24,21,0),0)),0)</f>
        <v>15.933335509419051</v>
      </c>
      <c r="E7658" cm="1">
        <f t="array" ref="E7658">IFERROR(INDEX(Jesper!AI$2:AI$366,ROUNDDOWN($C7658/24,0)+1,1)*INDEX($D$3:$AA$30,INDEX(Jesper!$R$2:$R$366,ROW(INDEX(Jesper!AI$2:AI$366,ROUNDDOWN($C7658/24,0)+1,1))-1)+IF('Standard Profiles'!$G$19=$B$10,7,0)+IF('Standard Profiles'!$G$19=$B$17,14,0)+IF('Standard Profiles'!$G$19=$B$24,21,0),MOD($C7658,24)+1)/SUM(INDEX($D$3:$AA$30,INDEX(Jesper!$R$2:$R$366,ROW(INDEX(Jesper!AI$2:AI$366,ROUNDDOWN($C7658/24,0)+1,1))-1)+IF('Standard Profiles'!$G$19=$B$10,7,0)+IF('Standard Profiles'!$G$19=$B$17,14,0)+IF('Standard Profiles'!$G$19=$B$24,21,0),0)),0)</f>
        <v>0</v>
      </c>
      <c r="F7658" cm="1">
        <f t="array" ref="F7658">IFERROR(INDEX(Jesper!AJ$2:AJ$366,ROUNDDOWN($C7658/24,0)+1,1)*INDEX($D$3:$AA$30,INDEX(Jesper!$R$2:$R$366,ROW(INDEX(Jesper!AJ$2:AJ$366,ROUNDDOWN($C7658/24,0)+1,1))-1)+IF('Standard Profiles'!$G$20=$B$10,7,0)+IF('Standard Profiles'!$G$20=$B$17,14,0)+IF('Standard Profiles'!$G$20=$B$24,21,0),MOD($C7658,24)+1)/SUM(INDEX($D$3:$AA$30,INDEX(Jesper!$R$2:$R$366,ROW(INDEX(Jesper!AJ$2:AJ$366,ROUNDDOWN($C7658/24,0)+1,1))-1)+IF('Standard Profiles'!$G$20=$B$10,7,0)+IF('Standard Profiles'!$G$20=$B$17,14,0)+IF('Standard Profiles'!$G$20=$B$24,21,0),0)),0)</f>
        <v>0</v>
      </c>
      <c r="G7658" cm="1">
        <f t="array" ref="G7658">IFERROR(INDEX(Jesper!AK$2:AK$366,ROUNDDOWN($C7658/24,0)+1,1)*INDEX($D$3:$AA$30,INDEX(Jesper!$R$2:$R$366,ROW(INDEX(Jesper!AK$2:AK$366,ROUNDDOWN($C7658/24,0)+1,1))-1)+IF('Standard Profiles'!$G$21=$B$10,7,0)+IF('Standard Profiles'!$G$21=$B$17,14,0)+IF('Standard Profiles'!$G$21=$B$24,21,0),MOD($C7658,24)+1)/SUM(INDEX($D$3:$AA$30,INDEX(Jesper!$R$2:$R$366,ROW(INDEX(Jesper!AK$2:AK$366,ROUNDDOWN($C7658/24,0)+1,1))-1)+IF('Standard Profiles'!$G$21=$B$10,7,0)+IF('Standard Profiles'!$G$21=$B$17,14,0)+IF('Standard Profiles'!$G$21=$B$24,21,0),0)),0)</f>
        <v>0</v>
      </c>
      <c r="H7658" cm="1">
        <f t="array" ref="H7658">IFERROR(INDEX(Jesper!AL$2:AL$366,ROUNDDOWN($C7658/24,0)+1,1)*INDEX($D$3:$AA$30,INDEX(Jesper!$R$2:$R$366,ROW(INDEX(Jesper!AL$2:AL$366,ROUNDDOWN($C7658/24,0)+1,1))-1)+IF('Standard Profiles'!$G$22=$B$10,7,0)+IF('Standard Profiles'!$G$22=$B$17,14,0)+IF('Standard Profiles'!$G$22=$B$24,21,0),MOD($C7658,24)+1)/SUM(INDEX($D$3:$AA$30,INDEX(Jesper!$R$2:$R$366,ROW(INDEX(Jesper!AL$2:AL$366,ROUNDDOWN($C7658/24,0)+1,1))-1)+IF('Standard Profiles'!$G$22=$B$10,7,0)+IF('Standard Profiles'!$G$22=$B$17,14,0)+IF('Standard Profiles'!$G$22=$B$24,21,0),0)),0)</f>
        <v>0</v>
      </c>
      <c r="I7658">
        <f t="shared" si="853"/>
        <v>0.4780000652825715</v>
      </c>
      <c r="J7658">
        <f t="shared" si="854"/>
        <v>1.5933335509419051</v>
      </c>
      <c r="K7658">
        <f t="shared" si="855"/>
        <v>2.3900003264128573</v>
      </c>
      <c r="L7658">
        <f t="shared" si="856"/>
        <v>11.472001566781715</v>
      </c>
      <c r="M7658">
        <f t="shared" si="857"/>
        <v>0</v>
      </c>
      <c r="N7658" s="46">
        <f t="shared" si="858"/>
        <v>45609.666666648176</v>
      </c>
    </row>
    <row r="7659" spans="2:14" x14ac:dyDescent="0.3">
      <c r="B7659">
        <f t="shared" si="852"/>
        <v>3</v>
      </c>
      <c r="C7659" s="16">
        <v>7625</v>
      </c>
      <c r="D7659" cm="1">
        <f t="array" ref="D7659">IFERROR(INDEX(Jesper!AH$2:AH$366,ROUNDDOWN($C7659/24,0)+1,1)*INDEX($D$3:$AA$30,INDEX(Jesper!$R$2:$R$366,ROW(INDEX(Jesper!AH$2:AH$366,ROUNDDOWN($C7659/24,0)+1,1))-1)+IF('Standard Profiles'!$G$18=$B$10,7,0)+IF('Standard Profiles'!$G$18=$B$17,14,0)+IF('Standard Profiles'!$G$18=$B$24,21,0),MOD($C7659,24)+1)/SUM(INDEX($D$3:$AA$30,INDEX(Jesper!$R$2:$R$366,ROW(INDEX(Jesper!AH$2:AH$366,ROUNDDOWN($C7659/24,0)+1,1))-1)+IF('Standard Profiles'!$G$18=$B$10,7,0)+IF('Standard Profiles'!$G$18=$B$17,14,0)+IF('Standard Profiles'!$G$18=$B$24,21,0),0)),0)</f>
        <v>15.933335509419051</v>
      </c>
      <c r="E7659" cm="1">
        <f t="array" ref="E7659">IFERROR(INDEX(Jesper!AI$2:AI$366,ROUNDDOWN($C7659/24,0)+1,1)*INDEX($D$3:$AA$30,INDEX(Jesper!$R$2:$R$366,ROW(INDEX(Jesper!AI$2:AI$366,ROUNDDOWN($C7659/24,0)+1,1))-1)+IF('Standard Profiles'!$G$19=$B$10,7,0)+IF('Standard Profiles'!$G$19=$B$17,14,0)+IF('Standard Profiles'!$G$19=$B$24,21,0),MOD($C7659,24)+1)/SUM(INDEX($D$3:$AA$30,INDEX(Jesper!$R$2:$R$366,ROW(INDEX(Jesper!AI$2:AI$366,ROUNDDOWN($C7659/24,0)+1,1))-1)+IF('Standard Profiles'!$G$19=$B$10,7,0)+IF('Standard Profiles'!$G$19=$B$17,14,0)+IF('Standard Profiles'!$G$19=$B$24,21,0),0)),0)</f>
        <v>0</v>
      </c>
      <c r="F7659" cm="1">
        <f t="array" ref="F7659">IFERROR(INDEX(Jesper!AJ$2:AJ$366,ROUNDDOWN($C7659/24,0)+1,1)*INDEX($D$3:$AA$30,INDEX(Jesper!$R$2:$R$366,ROW(INDEX(Jesper!AJ$2:AJ$366,ROUNDDOWN($C7659/24,0)+1,1))-1)+IF('Standard Profiles'!$G$20=$B$10,7,0)+IF('Standard Profiles'!$G$20=$B$17,14,0)+IF('Standard Profiles'!$G$20=$B$24,21,0),MOD($C7659,24)+1)/SUM(INDEX($D$3:$AA$30,INDEX(Jesper!$R$2:$R$366,ROW(INDEX(Jesper!AJ$2:AJ$366,ROUNDDOWN($C7659/24,0)+1,1))-1)+IF('Standard Profiles'!$G$20=$B$10,7,0)+IF('Standard Profiles'!$G$20=$B$17,14,0)+IF('Standard Profiles'!$G$20=$B$24,21,0),0)),0)</f>
        <v>0</v>
      </c>
      <c r="G7659" cm="1">
        <f t="array" ref="G7659">IFERROR(INDEX(Jesper!AK$2:AK$366,ROUNDDOWN($C7659/24,0)+1,1)*INDEX($D$3:$AA$30,INDEX(Jesper!$R$2:$R$366,ROW(INDEX(Jesper!AK$2:AK$366,ROUNDDOWN($C7659/24,0)+1,1))-1)+IF('Standard Profiles'!$G$21=$B$10,7,0)+IF('Standard Profiles'!$G$21=$B$17,14,0)+IF('Standard Profiles'!$G$21=$B$24,21,0),MOD($C7659,24)+1)/SUM(INDEX($D$3:$AA$30,INDEX(Jesper!$R$2:$R$366,ROW(INDEX(Jesper!AK$2:AK$366,ROUNDDOWN($C7659/24,0)+1,1))-1)+IF('Standard Profiles'!$G$21=$B$10,7,0)+IF('Standard Profiles'!$G$21=$B$17,14,0)+IF('Standard Profiles'!$G$21=$B$24,21,0),0)),0)</f>
        <v>0</v>
      </c>
      <c r="H7659" cm="1">
        <f t="array" ref="H7659">IFERROR(INDEX(Jesper!AL$2:AL$366,ROUNDDOWN($C7659/24,0)+1,1)*INDEX($D$3:$AA$30,INDEX(Jesper!$R$2:$R$366,ROW(INDEX(Jesper!AL$2:AL$366,ROUNDDOWN($C7659/24,0)+1,1))-1)+IF('Standard Profiles'!$G$22=$B$10,7,0)+IF('Standard Profiles'!$G$22=$B$17,14,0)+IF('Standard Profiles'!$G$22=$B$24,21,0),MOD($C7659,24)+1)/SUM(INDEX($D$3:$AA$30,INDEX(Jesper!$R$2:$R$366,ROW(INDEX(Jesper!AL$2:AL$366,ROUNDDOWN($C7659/24,0)+1,1))-1)+IF('Standard Profiles'!$G$22=$B$10,7,0)+IF('Standard Profiles'!$G$22=$B$17,14,0)+IF('Standard Profiles'!$G$22=$B$24,21,0),0)),0)</f>
        <v>0</v>
      </c>
      <c r="I7659">
        <f t="shared" si="853"/>
        <v>0.4780000652825715</v>
      </c>
      <c r="J7659">
        <f t="shared" si="854"/>
        <v>1.5933335509419051</v>
      </c>
      <c r="K7659">
        <f t="shared" si="855"/>
        <v>2.3900003264128573</v>
      </c>
      <c r="L7659">
        <f t="shared" si="856"/>
        <v>11.472001566781715</v>
      </c>
      <c r="M7659">
        <f t="shared" si="857"/>
        <v>0</v>
      </c>
      <c r="N7659" s="46">
        <f t="shared" si="858"/>
        <v>45609.70833331484</v>
      </c>
    </row>
    <row r="7660" spans="2:14" x14ac:dyDescent="0.3">
      <c r="B7660">
        <f t="shared" si="852"/>
        <v>3</v>
      </c>
      <c r="C7660" s="16">
        <v>7626</v>
      </c>
      <c r="D7660" cm="1">
        <f t="array" ref="D7660">IFERROR(INDEX(Jesper!AH$2:AH$366,ROUNDDOWN($C7660/24,0)+1,1)*INDEX($D$3:$AA$30,INDEX(Jesper!$R$2:$R$366,ROW(INDEX(Jesper!AH$2:AH$366,ROUNDDOWN($C7660/24,0)+1,1))-1)+IF('Standard Profiles'!$G$18=$B$10,7,0)+IF('Standard Profiles'!$G$18=$B$17,14,0)+IF('Standard Profiles'!$G$18=$B$24,21,0),MOD($C7660,24)+1)/SUM(INDEX($D$3:$AA$30,INDEX(Jesper!$R$2:$R$366,ROW(INDEX(Jesper!AH$2:AH$366,ROUNDDOWN($C7660/24,0)+1,1))-1)+IF('Standard Profiles'!$G$18=$B$10,7,0)+IF('Standard Profiles'!$G$18=$B$17,14,0)+IF('Standard Profiles'!$G$18=$B$24,21,0),0)),0)</f>
        <v>15.933335509419051</v>
      </c>
      <c r="E7660" cm="1">
        <f t="array" ref="E7660">IFERROR(INDEX(Jesper!AI$2:AI$366,ROUNDDOWN($C7660/24,0)+1,1)*INDEX($D$3:$AA$30,INDEX(Jesper!$R$2:$R$366,ROW(INDEX(Jesper!AI$2:AI$366,ROUNDDOWN($C7660/24,0)+1,1))-1)+IF('Standard Profiles'!$G$19=$B$10,7,0)+IF('Standard Profiles'!$G$19=$B$17,14,0)+IF('Standard Profiles'!$G$19=$B$24,21,0),MOD($C7660,24)+1)/SUM(INDEX($D$3:$AA$30,INDEX(Jesper!$R$2:$R$366,ROW(INDEX(Jesper!AI$2:AI$366,ROUNDDOWN($C7660/24,0)+1,1))-1)+IF('Standard Profiles'!$G$19=$B$10,7,0)+IF('Standard Profiles'!$G$19=$B$17,14,0)+IF('Standard Profiles'!$G$19=$B$24,21,0),0)),0)</f>
        <v>0</v>
      </c>
      <c r="F7660" cm="1">
        <f t="array" ref="F7660">IFERROR(INDEX(Jesper!AJ$2:AJ$366,ROUNDDOWN($C7660/24,0)+1,1)*INDEX($D$3:$AA$30,INDEX(Jesper!$R$2:$R$366,ROW(INDEX(Jesper!AJ$2:AJ$366,ROUNDDOWN($C7660/24,0)+1,1))-1)+IF('Standard Profiles'!$G$20=$B$10,7,0)+IF('Standard Profiles'!$G$20=$B$17,14,0)+IF('Standard Profiles'!$G$20=$B$24,21,0),MOD($C7660,24)+1)/SUM(INDEX($D$3:$AA$30,INDEX(Jesper!$R$2:$R$366,ROW(INDEX(Jesper!AJ$2:AJ$366,ROUNDDOWN($C7660/24,0)+1,1))-1)+IF('Standard Profiles'!$G$20=$B$10,7,0)+IF('Standard Profiles'!$G$20=$B$17,14,0)+IF('Standard Profiles'!$G$20=$B$24,21,0),0)),0)</f>
        <v>0</v>
      </c>
      <c r="G7660" cm="1">
        <f t="array" ref="G7660">IFERROR(INDEX(Jesper!AK$2:AK$366,ROUNDDOWN($C7660/24,0)+1,1)*INDEX($D$3:$AA$30,INDEX(Jesper!$R$2:$R$366,ROW(INDEX(Jesper!AK$2:AK$366,ROUNDDOWN($C7660/24,0)+1,1))-1)+IF('Standard Profiles'!$G$21=$B$10,7,0)+IF('Standard Profiles'!$G$21=$B$17,14,0)+IF('Standard Profiles'!$G$21=$B$24,21,0),MOD($C7660,24)+1)/SUM(INDEX($D$3:$AA$30,INDEX(Jesper!$R$2:$R$366,ROW(INDEX(Jesper!AK$2:AK$366,ROUNDDOWN($C7660/24,0)+1,1))-1)+IF('Standard Profiles'!$G$21=$B$10,7,0)+IF('Standard Profiles'!$G$21=$B$17,14,0)+IF('Standard Profiles'!$G$21=$B$24,21,0),0)),0)</f>
        <v>0</v>
      </c>
      <c r="H7660" cm="1">
        <f t="array" ref="H7660">IFERROR(INDEX(Jesper!AL$2:AL$366,ROUNDDOWN($C7660/24,0)+1,1)*INDEX($D$3:$AA$30,INDEX(Jesper!$R$2:$R$366,ROW(INDEX(Jesper!AL$2:AL$366,ROUNDDOWN($C7660/24,0)+1,1))-1)+IF('Standard Profiles'!$G$22=$B$10,7,0)+IF('Standard Profiles'!$G$22=$B$17,14,0)+IF('Standard Profiles'!$G$22=$B$24,21,0),MOD($C7660,24)+1)/SUM(INDEX($D$3:$AA$30,INDEX(Jesper!$R$2:$R$366,ROW(INDEX(Jesper!AL$2:AL$366,ROUNDDOWN($C7660/24,0)+1,1))-1)+IF('Standard Profiles'!$G$22=$B$10,7,0)+IF('Standard Profiles'!$G$22=$B$17,14,0)+IF('Standard Profiles'!$G$22=$B$24,21,0),0)),0)</f>
        <v>0</v>
      </c>
      <c r="I7660">
        <f t="shared" si="853"/>
        <v>0.4780000652825715</v>
      </c>
      <c r="J7660">
        <f t="shared" si="854"/>
        <v>1.5933335509419051</v>
      </c>
      <c r="K7660">
        <f t="shared" si="855"/>
        <v>2.3900003264128573</v>
      </c>
      <c r="L7660">
        <f t="shared" si="856"/>
        <v>11.472001566781715</v>
      </c>
      <c r="M7660">
        <f t="shared" si="857"/>
        <v>0</v>
      </c>
      <c r="N7660" s="46">
        <f t="shared" si="858"/>
        <v>45609.749999981505</v>
      </c>
    </row>
    <row r="7661" spans="2:14" x14ac:dyDescent="0.3">
      <c r="B7661">
        <f t="shared" si="852"/>
        <v>3</v>
      </c>
      <c r="C7661" s="16">
        <v>7627</v>
      </c>
      <c r="D7661" cm="1">
        <f t="array" ref="D7661">IFERROR(INDEX(Jesper!AH$2:AH$366,ROUNDDOWN($C7661/24,0)+1,1)*INDEX($D$3:$AA$30,INDEX(Jesper!$R$2:$R$366,ROW(INDEX(Jesper!AH$2:AH$366,ROUNDDOWN($C7661/24,0)+1,1))-1)+IF('Standard Profiles'!$G$18=$B$10,7,0)+IF('Standard Profiles'!$G$18=$B$17,14,0)+IF('Standard Profiles'!$G$18=$B$24,21,0),MOD($C7661,24)+1)/SUM(INDEX($D$3:$AA$30,INDEX(Jesper!$R$2:$R$366,ROW(INDEX(Jesper!AH$2:AH$366,ROUNDDOWN($C7661/24,0)+1,1))-1)+IF('Standard Profiles'!$G$18=$B$10,7,0)+IF('Standard Profiles'!$G$18=$B$17,14,0)+IF('Standard Profiles'!$G$18=$B$24,21,0),0)),0)</f>
        <v>13.277779591182542</v>
      </c>
      <c r="E7661" cm="1">
        <f t="array" ref="E7661">IFERROR(INDEX(Jesper!AI$2:AI$366,ROUNDDOWN($C7661/24,0)+1,1)*INDEX($D$3:$AA$30,INDEX(Jesper!$R$2:$R$366,ROW(INDEX(Jesper!AI$2:AI$366,ROUNDDOWN($C7661/24,0)+1,1))-1)+IF('Standard Profiles'!$G$19=$B$10,7,0)+IF('Standard Profiles'!$G$19=$B$17,14,0)+IF('Standard Profiles'!$G$19=$B$24,21,0),MOD($C7661,24)+1)/SUM(INDEX($D$3:$AA$30,INDEX(Jesper!$R$2:$R$366,ROW(INDEX(Jesper!AI$2:AI$366,ROUNDDOWN($C7661/24,0)+1,1))-1)+IF('Standard Profiles'!$G$19=$B$10,7,0)+IF('Standard Profiles'!$G$19=$B$17,14,0)+IF('Standard Profiles'!$G$19=$B$24,21,0),0)),0)</f>
        <v>0</v>
      </c>
      <c r="F7661" cm="1">
        <f t="array" ref="F7661">IFERROR(INDEX(Jesper!AJ$2:AJ$366,ROUNDDOWN($C7661/24,0)+1,1)*INDEX($D$3:$AA$30,INDEX(Jesper!$R$2:$R$366,ROW(INDEX(Jesper!AJ$2:AJ$366,ROUNDDOWN($C7661/24,0)+1,1))-1)+IF('Standard Profiles'!$G$20=$B$10,7,0)+IF('Standard Profiles'!$G$20=$B$17,14,0)+IF('Standard Profiles'!$G$20=$B$24,21,0),MOD($C7661,24)+1)/SUM(INDEX($D$3:$AA$30,INDEX(Jesper!$R$2:$R$366,ROW(INDEX(Jesper!AJ$2:AJ$366,ROUNDDOWN($C7661/24,0)+1,1))-1)+IF('Standard Profiles'!$G$20=$B$10,7,0)+IF('Standard Profiles'!$G$20=$B$17,14,0)+IF('Standard Profiles'!$G$20=$B$24,21,0),0)),0)</f>
        <v>0</v>
      </c>
      <c r="G7661" cm="1">
        <f t="array" ref="G7661">IFERROR(INDEX(Jesper!AK$2:AK$366,ROUNDDOWN($C7661/24,0)+1,1)*INDEX($D$3:$AA$30,INDEX(Jesper!$R$2:$R$366,ROW(INDEX(Jesper!AK$2:AK$366,ROUNDDOWN($C7661/24,0)+1,1))-1)+IF('Standard Profiles'!$G$21=$B$10,7,0)+IF('Standard Profiles'!$G$21=$B$17,14,0)+IF('Standard Profiles'!$G$21=$B$24,21,0),MOD($C7661,24)+1)/SUM(INDEX($D$3:$AA$30,INDEX(Jesper!$R$2:$R$366,ROW(INDEX(Jesper!AK$2:AK$366,ROUNDDOWN($C7661/24,0)+1,1))-1)+IF('Standard Profiles'!$G$21=$B$10,7,0)+IF('Standard Profiles'!$G$21=$B$17,14,0)+IF('Standard Profiles'!$G$21=$B$24,21,0),0)),0)</f>
        <v>0</v>
      </c>
      <c r="H7661" cm="1">
        <f t="array" ref="H7661">IFERROR(INDEX(Jesper!AL$2:AL$366,ROUNDDOWN($C7661/24,0)+1,1)*INDEX($D$3:$AA$30,INDEX(Jesper!$R$2:$R$366,ROW(INDEX(Jesper!AL$2:AL$366,ROUNDDOWN($C7661/24,0)+1,1))-1)+IF('Standard Profiles'!$G$22=$B$10,7,0)+IF('Standard Profiles'!$G$22=$B$17,14,0)+IF('Standard Profiles'!$G$22=$B$24,21,0),MOD($C7661,24)+1)/SUM(INDEX($D$3:$AA$30,INDEX(Jesper!$R$2:$R$366,ROW(INDEX(Jesper!AL$2:AL$366,ROUNDDOWN($C7661/24,0)+1,1))-1)+IF('Standard Profiles'!$G$22=$B$10,7,0)+IF('Standard Profiles'!$G$22=$B$17,14,0)+IF('Standard Profiles'!$G$22=$B$24,21,0),0)),0)</f>
        <v>0</v>
      </c>
      <c r="I7661">
        <f t="shared" si="853"/>
        <v>0.39833338773547622</v>
      </c>
      <c r="J7661">
        <f t="shared" si="854"/>
        <v>1.3277779591182544</v>
      </c>
      <c r="K7661">
        <f t="shared" si="855"/>
        <v>1.9916669386773811</v>
      </c>
      <c r="L7661">
        <f t="shared" si="856"/>
        <v>9.5600013056514292</v>
      </c>
      <c r="M7661">
        <f t="shared" si="857"/>
        <v>0</v>
      </c>
      <c r="N7661" s="46">
        <f t="shared" si="858"/>
        <v>45609.791666648169</v>
      </c>
    </row>
    <row r="7662" spans="2:14" x14ac:dyDescent="0.3">
      <c r="B7662">
        <f t="shared" si="852"/>
        <v>3</v>
      </c>
      <c r="C7662" s="16">
        <v>7628</v>
      </c>
      <c r="D7662" cm="1">
        <f t="array" ref="D7662">IFERROR(INDEX(Jesper!AH$2:AH$366,ROUNDDOWN($C7662/24,0)+1,1)*INDEX($D$3:$AA$30,INDEX(Jesper!$R$2:$R$366,ROW(INDEX(Jesper!AH$2:AH$366,ROUNDDOWN($C7662/24,0)+1,1))-1)+IF('Standard Profiles'!$G$18=$B$10,7,0)+IF('Standard Profiles'!$G$18=$B$17,14,0)+IF('Standard Profiles'!$G$18=$B$24,21,0),MOD($C7662,24)+1)/SUM(INDEX($D$3:$AA$30,INDEX(Jesper!$R$2:$R$366,ROW(INDEX(Jesper!AH$2:AH$366,ROUNDDOWN($C7662/24,0)+1,1))-1)+IF('Standard Profiles'!$G$18=$B$10,7,0)+IF('Standard Profiles'!$G$18=$B$17,14,0)+IF('Standard Profiles'!$G$18=$B$24,21,0),0)),0)</f>
        <v>10.622223672946033</v>
      </c>
      <c r="E7662" cm="1">
        <f t="array" ref="E7662">IFERROR(INDEX(Jesper!AI$2:AI$366,ROUNDDOWN($C7662/24,0)+1,1)*INDEX($D$3:$AA$30,INDEX(Jesper!$R$2:$R$366,ROW(INDEX(Jesper!AI$2:AI$366,ROUNDDOWN($C7662/24,0)+1,1))-1)+IF('Standard Profiles'!$G$19=$B$10,7,0)+IF('Standard Profiles'!$G$19=$B$17,14,0)+IF('Standard Profiles'!$G$19=$B$24,21,0),MOD($C7662,24)+1)/SUM(INDEX($D$3:$AA$30,INDEX(Jesper!$R$2:$R$366,ROW(INDEX(Jesper!AI$2:AI$366,ROUNDDOWN($C7662/24,0)+1,1))-1)+IF('Standard Profiles'!$G$19=$B$10,7,0)+IF('Standard Profiles'!$G$19=$B$17,14,0)+IF('Standard Profiles'!$G$19=$B$24,21,0),0)),0)</f>
        <v>0</v>
      </c>
      <c r="F7662" cm="1">
        <f t="array" ref="F7662">IFERROR(INDEX(Jesper!AJ$2:AJ$366,ROUNDDOWN($C7662/24,0)+1,1)*INDEX($D$3:$AA$30,INDEX(Jesper!$R$2:$R$366,ROW(INDEX(Jesper!AJ$2:AJ$366,ROUNDDOWN($C7662/24,0)+1,1))-1)+IF('Standard Profiles'!$G$20=$B$10,7,0)+IF('Standard Profiles'!$G$20=$B$17,14,0)+IF('Standard Profiles'!$G$20=$B$24,21,0),MOD($C7662,24)+1)/SUM(INDEX($D$3:$AA$30,INDEX(Jesper!$R$2:$R$366,ROW(INDEX(Jesper!AJ$2:AJ$366,ROUNDDOWN($C7662/24,0)+1,1))-1)+IF('Standard Profiles'!$G$20=$B$10,7,0)+IF('Standard Profiles'!$G$20=$B$17,14,0)+IF('Standard Profiles'!$G$20=$B$24,21,0),0)),0)</f>
        <v>0</v>
      </c>
      <c r="G7662" cm="1">
        <f t="array" ref="G7662">IFERROR(INDEX(Jesper!AK$2:AK$366,ROUNDDOWN($C7662/24,0)+1,1)*INDEX($D$3:$AA$30,INDEX(Jesper!$R$2:$R$366,ROW(INDEX(Jesper!AK$2:AK$366,ROUNDDOWN($C7662/24,0)+1,1))-1)+IF('Standard Profiles'!$G$21=$B$10,7,0)+IF('Standard Profiles'!$G$21=$B$17,14,0)+IF('Standard Profiles'!$G$21=$B$24,21,0),MOD($C7662,24)+1)/SUM(INDEX($D$3:$AA$30,INDEX(Jesper!$R$2:$R$366,ROW(INDEX(Jesper!AK$2:AK$366,ROUNDDOWN($C7662/24,0)+1,1))-1)+IF('Standard Profiles'!$G$21=$B$10,7,0)+IF('Standard Profiles'!$G$21=$B$17,14,0)+IF('Standard Profiles'!$G$21=$B$24,21,0),0)),0)</f>
        <v>0</v>
      </c>
      <c r="H7662" cm="1">
        <f t="array" ref="H7662">IFERROR(INDEX(Jesper!AL$2:AL$366,ROUNDDOWN($C7662/24,0)+1,1)*INDEX($D$3:$AA$30,INDEX(Jesper!$R$2:$R$366,ROW(INDEX(Jesper!AL$2:AL$366,ROUNDDOWN($C7662/24,0)+1,1))-1)+IF('Standard Profiles'!$G$22=$B$10,7,0)+IF('Standard Profiles'!$G$22=$B$17,14,0)+IF('Standard Profiles'!$G$22=$B$24,21,0),MOD($C7662,24)+1)/SUM(INDEX($D$3:$AA$30,INDEX(Jesper!$R$2:$R$366,ROW(INDEX(Jesper!AL$2:AL$366,ROUNDDOWN($C7662/24,0)+1,1))-1)+IF('Standard Profiles'!$G$22=$B$10,7,0)+IF('Standard Profiles'!$G$22=$B$17,14,0)+IF('Standard Profiles'!$G$22=$B$24,21,0),0)),0)</f>
        <v>0</v>
      </c>
      <c r="I7662">
        <f t="shared" si="853"/>
        <v>0.318666710188381</v>
      </c>
      <c r="J7662">
        <f t="shared" si="854"/>
        <v>1.0622223672946034</v>
      </c>
      <c r="K7662">
        <f t="shared" si="855"/>
        <v>1.5933335509419049</v>
      </c>
      <c r="L7662">
        <f t="shared" si="856"/>
        <v>7.6480010445211439</v>
      </c>
      <c r="M7662">
        <f t="shared" si="857"/>
        <v>0</v>
      </c>
      <c r="N7662" s="46">
        <f t="shared" si="858"/>
        <v>45609.833333314833</v>
      </c>
    </row>
    <row r="7663" spans="2:14" x14ac:dyDescent="0.3">
      <c r="B7663">
        <f t="shared" si="852"/>
        <v>3</v>
      </c>
      <c r="C7663" s="16">
        <v>7629</v>
      </c>
      <c r="D7663" cm="1">
        <f t="array" ref="D7663">IFERROR(INDEX(Jesper!AH$2:AH$366,ROUNDDOWN($C7663/24,0)+1,1)*INDEX($D$3:$AA$30,INDEX(Jesper!$R$2:$R$366,ROW(INDEX(Jesper!AH$2:AH$366,ROUNDDOWN($C7663/24,0)+1,1))-1)+IF('Standard Profiles'!$G$18=$B$10,7,0)+IF('Standard Profiles'!$G$18=$B$17,14,0)+IF('Standard Profiles'!$G$18=$B$24,21,0),MOD($C7663,24)+1)/SUM(INDEX($D$3:$AA$30,INDEX(Jesper!$R$2:$R$366,ROW(INDEX(Jesper!AH$2:AH$366,ROUNDDOWN($C7663/24,0)+1,1))-1)+IF('Standard Profiles'!$G$18=$B$10,7,0)+IF('Standard Profiles'!$G$18=$B$17,14,0)+IF('Standard Profiles'!$G$18=$B$24,21,0),0)),0)</f>
        <v>7.9666677547095253</v>
      </c>
      <c r="E7663" cm="1">
        <f t="array" ref="E7663">IFERROR(INDEX(Jesper!AI$2:AI$366,ROUNDDOWN($C7663/24,0)+1,1)*INDEX($D$3:$AA$30,INDEX(Jesper!$R$2:$R$366,ROW(INDEX(Jesper!AI$2:AI$366,ROUNDDOWN($C7663/24,0)+1,1))-1)+IF('Standard Profiles'!$G$19=$B$10,7,0)+IF('Standard Profiles'!$G$19=$B$17,14,0)+IF('Standard Profiles'!$G$19=$B$24,21,0),MOD($C7663,24)+1)/SUM(INDEX($D$3:$AA$30,INDEX(Jesper!$R$2:$R$366,ROW(INDEX(Jesper!AI$2:AI$366,ROUNDDOWN($C7663/24,0)+1,1))-1)+IF('Standard Profiles'!$G$19=$B$10,7,0)+IF('Standard Profiles'!$G$19=$B$17,14,0)+IF('Standard Profiles'!$G$19=$B$24,21,0),0)),0)</f>
        <v>0</v>
      </c>
      <c r="F7663" cm="1">
        <f t="array" ref="F7663">IFERROR(INDEX(Jesper!AJ$2:AJ$366,ROUNDDOWN($C7663/24,0)+1,1)*INDEX($D$3:$AA$30,INDEX(Jesper!$R$2:$R$366,ROW(INDEX(Jesper!AJ$2:AJ$366,ROUNDDOWN($C7663/24,0)+1,1))-1)+IF('Standard Profiles'!$G$20=$B$10,7,0)+IF('Standard Profiles'!$G$20=$B$17,14,0)+IF('Standard Profiles'!$G$20=$B$24,21,0),MOD($C7663,24)+1)/SUM(INDEX($D$3:$AA$30,INDEX(Jesper!$R$2:$R$366,ROW(INDEX(Jesper!AJ$2:AJ$366,ROUNDDOWN($C7663/24,0)+1,1))-1)+IF('Standard Profiles'!$G$20=$B$10,7,0)+IF('Standard Profiles'!$G$20=$B$17,14,0)+IF('Standard Profiles'!$G$20=$B$24,21,0),0)),0)</f>
        <v>0</v>
      </c>
      <c r="G7663" cm="1">
        <f t="array" ref="G7663">IFERROR(INDEX(Jesper!AK$2:AK$366,ROUNDDOWN($C7663/24,0)+1,1)*INDEX($D$3:$AA$30,INDEX(Jesper!$R$2:$R$366,ROW(INDEX(Jesper!AK$2:AK$366,ROUNDDOWN($C7663/24,0)+1,1))-1)+IF('Standard Profiles'!$G$21=$B$10,7,0)+IF('Standard Profiles'!$G$21=$B$17,14,0)+IF('Standard Profiles'!$G$21=$B$24,21,0),MOD($C7663,24)+1)/SUM(INDEX($D$3:$AA$30,INDEX(Jesper!$R$2:$R$366,ROW(INDEX(Jesper!AK$2:AK$366,ROUNDDOWN($C7663/24,0)+1,1))-1)+IF('Standard Profiles'!$G$21=$B$10,7,0)+IF('Standard Profiles'!$G$21=$B$17,14,0)+IF('Standard Profiles'!$G$21=$B$24,21,0),0)),0)</f>
        <v>0</v>
      </c>
      <c r="H7663" cm="1">
        <f t="array" ref="H7663">IFERROR(INDEX(Jesper!AL$2:AL$366,ROUNDDOWN($C7663/24,0)+1,1)*INDEX($D$3:$AA$30,INDEX(Jesper!$R$2:$R$366,ROW(INDEX(Jesper!AL$2:AL$366,ROUNDDOWN($C7663/24,0)+1,1))-1)+IF('Standard Profiles'!$G$22=$B$10,7,0)+IF('Standard Profiles'!$G$22=$B$17,14,0)+IF('Standard Profiles'!$G$22=$B$24,21,0),MOD($C7663,24)+1)/SUM(INDEX($D$3:$AA$30,INDEX(Jesper!$R$2:$R$366,ROW(INDEX(Jesper!AL$2:AL$366,ROUNDDOWN($C7663/24,0)+1,1))-1)+IF('Standard Profiles'!$G$22=$B$10,7,0)+IF('Standard Profiles'!$G$22=$B$17,14,0)+IF('Standard Profiles'!$G$22=$B$24,21,0),0)),0)</f>
        <v>0</v>
      </c>
      <c r="I7663">
        <f t="shared" si="853"/>
        <v>0.23900003264128575</v>
      </c>
      <c r="J7663">
        <f t="shared" si="854"/>
        <v>0.79666677547095255</v>
      </c>
      <c r="K7663">
        <f t="shared" si="855"/>
        <v>1.1950001632064287</v>
      </c>
      <c r="L7663">
        <f t="shared" si="856"/>
        <v>5.7360007833908577</v>
      </c>
      <c r="M7663">
        <f t="shared" si="857"/>
        <v>0</v>
      </c>
      <c r="N7663" s="46">
        <f t="shared" si="858"/>
        <v>45609.874999981497</v>
      </c>
    </row>
    <row r="7664" spans="2:14" x14ac:dyDescent="0.3">
      <c r="B7664">
        <f t="shared" si="852"/>
        <v>3</v>
      </c>
      <c r="C7664" s="16">
        <v>7630</v>
      </c>
      <c r="D7664" cm="1">
        <f t="array" ref="D7664">IFERROR(INDEX(Jesper!AH$2:AH$366,ROUNDDOWN($C7664/24,0)+1,1)*INDEX($D$3:$AA$30,INDEX(Jesper!$R$2:$R$366,ROW(INDEX(Jesper!AH$2:AH$366,ROUNDDOWN($C7664/24,0)+1,1))-1)+IF('Standard Profiles'!$G$18=$B$10,7,0)+IF('Standard Profiles'!$G$18=$B$17,14,0)+IF('Standard Profiles'!$G$18=$B$24,21,0),MOD($C7664,24)+1)/SUM(INDEX($D$3:$AA$30,INDEX(Jesper!$R$2:$R$366,ROW(INDEX(Jesper!AH$2:AH$366,ROUNDDOWN($C7664/24,0)+1,1))-1)+IF('Standard Profiles'!$G$18=$B$10,7,0)+IF('Standard Profiles'!$G$18=$B$17,14,0)+IF('Standard Profiles'!$G$18=$B$24,21,0),0)),0)</f>
        <v>7.9666677547095253</v>
      </c>
      <c r="E7664" cm="1">
        <f t="array" ref="E7664">IFERROR(INDEX(Jesper!AI$2:AI$366,ROUNDDOWN($C7664/24,0)+1,1)*INDEX($D$3:$AA$30,INDEX(Jesper!$R$2:$R$366,ROW(INDEX(Jesper!AI$2:AI$366,ROUNDDOWN($C7664/24,0)+1,1))-1)+IF('Standard Profiles'!$G$19=$B$10,7,0)+IF('Standard Profiles'!$G$19=$B$17,14,0)+IF('Standard Profiles'!$G$19=$B$24,21,0),MOD($C7664,24)+1)/SUM(INDEX($D$3:$AA$30,INDEX(Jesper!$R$2:$R$366,ROW(INDEX(Jesper!AI$2:AI$366,ROUNDDOWN($C7664/24,0)+1,1))-1)+IF('Standard Profiles'!$G$19=$B$10,7,0)+IF('Standard Profiles'!$G$19=$B$17,14,0)+IF('Standard Profiles'!$G$19=$B$24,21,0),0)),0)</f>
        <v>0</v>
      </c>
      <c r="F7664" cm="1">
        <f t="array" ref="F7664">IFERROR(INDEX(Jesper!AJ$2:AJ$366,ROUNDDOWN($C7664/24,0)+1,1)*INDEX($D$3:$AA$30,INDEX(Jesper!$R$2:$R$366,ROW(INDEX(Jesper!AJ$2:AJ$366,ROUNDDOWN($C7664/24,0)+1,1))-1)+IF('Standard Profiles'!$G$20=$B$10,7,0)+IF('Standard Profiles'!$G$20=$B$17,14,0)+IF('Standard Profiles'!$G$20=$B$24,21,0),MOD($C7664,24)+1)/SUM(INDEX($D$3:$AA$30,INDEX(Jesper!$R$2:$R$366,ROW(INDEX(Jesper!AJ$2:AJ$366,ROUNDDOWN($C7664/24,0)+1,1))-1)+IF('Standard Profiles'!$G$20=$B$10,7,0)+IF('Standard Profiles'!$G$20=$B$17,14,0)+IF('Standard Profiles'!$G$20=$B$24,21,0),0)),0)</f>
        <v>0</v>
      </c>
      <c r="G7664" cm="1">
        <f t="array" ref="G7664">IFERROR(INDEX(Jesper!AK$2:AK$366,ROUNDDOWN($C7664/24,0)+1,1)*INDEX($D$3:$AA$30,INDEX(Jesper!$R$2:$R$366,ROW(INDEX(Jesper!AK$2:AK$366,ROUNDDOWN($C7664/24,0)+1,1))-1)+IF('Standard Profiles'!$G$21=$B$10,7,0)+IF('Standard Profiles'!$G$21=$B$17,14,0)+IF('Standard Profiles'!$G$21=$B$24,21,0),MOD($C7664,24)+1)/SUM(INDEX($D$3:$AA$30,INDEX(Jesper!$R$2:$R$366,ROW(INDEX(Jesper!AK$2:AK$366,ROUNDDOWN($C7664/24,0)+1,1))-1)+IF('Standard Profiles'!$G$21=$B$10,7,0)+IF('Standard Profiles'!$G$21=$B$17,14,0)+IF('Standard Profiles'!$G$21=$B$24,21,0),0)),0)</f>
        <v>0</v>
      </c>
      <c r="H7664" cm="1">
        <f t="array" ref="H7664">IFERROR(INDEX(Jesper!AL$2:AL$366,ROUNDDOWN($C7664/24,0)+1,1)*INDEX($D$3:$AA$30,INDEX(Jesper!$R$2:$R$366,ROW(INDEX(Jesper!AL$2:AL$366,ROUNDDOWN($C7664/24,0)+1,1))-1)+IF('Standard Profiles'!$G$22=$B$10,7,0)+IF('Standard Profiles'!$G$22=$B$17,14,0)+IF('Standard Profiles'!$G$22=$B$24,21,0),MOD($C7664,24)+1)/SUM(INDEX($D$3:$AA$30,INDEX(Jesper!$R$2:$R$366,ROW(INDEX(Jesper!AL$2:AL$366,ROUNDDOWN($C7664/24,0)+1,1))-1)+IF('Standard Profiles'!$G$22=$B$10,7,0)+IF('Standard Profiles'!$G$22=$B$17,14,0)+IF('Standard Profiles'!$G$22=$B$24,21,0),0)),0)</f>
        <v>0</v>
      </c>
      <c r="I7664">
        <f t="shared" si="853"/>
        <v>0.23900003264128575</v>
      </c>
      <c r="J7664">
        <f t="shared" si="854"/>
        <v>0.79666677547095255</v>
      </c>
      <c r="K7664">
        <f t="shared" si="855"/>
        <v>1.1950001632064287</v>
      </c>
      <c r="L7664">
        <f t="shared" si="856"/>
        <v>5.7360007833908577</v>
      </c>
      <c r="M7664">
        <f t="shared" si="857"/>
        <v>0</v>
      </c>
      <c r="N7664" s="46">
        <f t="shared" si="858"/>
        <v>45609.916666648161</v>
      </c>
    </row>
    <row r="7665" spans="2:14" x14ac:dyDescent="0.3">
      <c r="B7665">
        <f t="shared" si="852"/>
        <v>3</v>
      </c>
      <c r="C7665" s="16">
        <v>7631</v>
      </c>
      <c r="D7665" cm="1">
        <f t="array" ref="D7665">IFERROR(INDEX(Jesper!AH$2:AH$366,ROUNDDOWN($C7665/24,0)+1,1)*INDEX($D$3:$AA$30,INDEX(Jesper!$R$2:$R$366,ROW(INDEX(Jesper!AH$2:AH$366,ROUNDDOWN($C7665/24,0)+1,1))-1)+IF('Standard Profiles'!$G$18=$B$10,7,0)+IF('Standard Profiles'!$G$18=$B$17,14,0)+IF('Standard Profiles'!$G$18=$B$24,21,0),MOD($C7665,24)+1)/SUM(INDEX($D$3:$AA$30,INDEX(Jesper!$R$2:$R$366,ROW(INDEX(Jesper!AH$2:AH$366,ROUNDDOWN($C7665/24,0)+1,1))-1)+IF('Standard Profiles'!$G$18=$B$10,7,0)+IF('Standard Profiles'!$G$18=$B$17,14,0)+IF('Standard Profiles'!$G$18=$B$24,21,0),0)),0)</f>
        <v>7.9666677547095253</v>
      </c>
      <c r="E7665" cm="1">
        <f t="array" ref="E7665">IFERROR(INDEX(Jesper!AI$2:AI$366,ROUNDDOWN($C7665/24,0)+1,1)*INDEX($D$3:$AA$30,INDEX(Jesper!$R$2:$R$366,ROW(INDEX(Jesper!AI$2:AI$366,ROUNDDOWN($C7665/24,0)+1,1))-1)+IF('Standard Profiles'!$G$19=$B$10,7,0)+IF('Standard Profiles'!$G$19=$B$17,14,0)+IF('Standard Profiles'!$G$19=$B$24,21,0),MOD($C7665,24)+1)/SUM(INDEX($D$3:$AA$30,INDEX(Jesper!$R$2:$R$366,ROW(INDEX(Jesper!AI$2:AI$366,ROUNDDOWN($C7665/24,0)+1,1))-1)+IF('Standard Profiles'!$G$19=$B$10,7,0)+IF('Standard Profiles'!$G$19=$B$17,14,0)+IF('Standard Profiles'!$G$19=$B$24,21,0),0)),0)</f>
        <v>0</v>
      </c>
      <c r="F7665" cm="1">
        <f t="array" ref="F7665">IFERROR(INDEX(Jesper!AJ$2:AJ$366,ROUNDDOWN($C7665/24,0)+1,1)*INDEX($D$3:$AA$30,INDEX(Jesper!$R$2:$R$366,ROW(INDEX(Jesper!AJ$2:AJ$366,ROUNDDOWN($C7665/24,0)+1,1))-1)+IF('Standard Profiles'!$G$20=$B$10,7,0)+IF('Standard Profiles'!$G$20=$B$17,14,0)+IF('Standard Profiles'!$G$20=$B$24,21,0),MOD($C7665,24)+1)/SUM(INDEX($D$3:$AA$30,INDEX(Jesper!$R$2:$R$366,ROW(INDEX(Jesper!AJ$2:AJ$366,ROUNDDOWN($C7665/24,0)+1,1))-1)+IF('Standard Profiles'!$G$20=$B$10,7,0)+IF('Standard Profiles'!$G$20=$B$17,14,0)+IF('Standard Profiles'!$G$20=$B$24,21,0),0)),0)</f>
        <v>0</v>
      </c>
      <c r="G7665" cm="1">
        <f t="array" ref="G7665">IFERROR(INDEX(Jesper!AK$2:AK$366,ROUNDDOWN($C7665/24,0)+1,1)*INDEX($D$3:$AA$30,INDEX(Jesper!$R$2:$R$366,ROW(INDEX(Jesper!AK$2:AK$366,ROUNDDOWN($C7665/24,0)+1,1))-1)+IF('Standard Profiles'!$G$21=$B$10,7,0)+IF('Standard Profiles'!$G$21=$B$17,14,0)+IF('Standard Profiles'!$G$21=$B$24,21,0),MOD($C7665,24)+1)/SUM(INDEX($D$3:$AA$30,INDEX(Jesper!$R$2:$R$366,ROW(INDEX(Jesper!AK$2:AK$366,ROUNDDOWN($C7665/24,0)+1,1))-1)+IF('Standard Profiles'!$G$21=$B$10,7,0)+IF('Standard Profiles'!$G$21=$B$17,14,0)+IF('Standard Profiles'!$G$21=$B$24,21,0),0)),0)</f>
        <v>0</v>
      </c>
      <c r="H7665" cm="1">
        <f t="array" ref="H7665">IFERROR(INDEX(Jesper!AL$2:AL$366,ROUNDDOWN($C7665/24,0)+1,1)*INDEX($D$3:$AA$30,INDEX(Jesper!$R$2:$R$366,ROW(INDEX(Jesper!AL$2:AL$366,ROUNDDOWN($C7665/24,0)+1,1))-1)+IF('Standard Profiles'!$G$22=$B$10,7,0)+IF('Standard Profiles'!$G$22=$B$17,14,0)+IF('Standard Profiles'!$G$22=$B$24,21,0),MOD($C7665,24)+1)/SUM(INDEX($D$3:$AA$30,INDEX(Jesper!$R$2:$R$366,ROW(INDEX(Jesper!AL$2:AL$366,ROUNDDOWN($C7665/24,0)+1,1))-1)+IF('Standard Profiles'!$G$22=$B$10,7,0)+IF('Standard Profiles'!$G$22=$B$17,14,0)+IF('Standard Profiles'!$G$22=$B$24,21,0),0)),0)</f>
        <v>0</v>
      </c>
      <c r="I7665">
        <f t="shared" si="853"/>
        <v>0.23900003264128575</v>
      </c>
      <c r="J7665">
        <f t="shared" si="854"/>
        <v>0.79666677547095255</v>
      </c>
      <c r="K7665">
        <f t="shared" si="855"/>
        <v>1.1950001632064287</v>
      </c>
      <c r="L7665">
        <f t="shared" si="856"/>
        <v>5.7360007833908577</v>
      </c>
      <c r="M7665">
        <f t="shared" si="857"/>
        <v>0</v>
      </c>
      <c r="N7665" s="46">
        <f t="shared" si="858"/>
        <v>45609.958333314826</v>
      </c>
    </row>
    <row r="7666" spans="2:14" x14ac:dyDescent="0.3">
      <c r="B7666">
        <f t="shared" si="852"/>
        <v>4</v>
      </c>
      <c r="C7666" s="16">
        <v>7632</v>
      </c>
      <c r="D7666" cm="1">
        <f t="array" ref="D7666">IFERROR(INDEX(Jesper!AH$2:AH$366,ROUNDDOWN($C7666/24,0)+1,1)*INDEX($D$3:$AA$30,INDEX(Jesper!$R$2:$R$366,ROW(INDEX(Jesper!AH$2:AH$366,ROUNDDOWN($C7666/24,0)+1,1))-1)+IF('Standard Profiles'!$G$18=$B$10,7,0)+IF('Standard Profiles'!$G$18=$B$17,14,0)+IF('Standard Profiles'!$G$18=$B$24,21,0),MOD($C7666,24)+1)/SUM(INDEX($D$3:$AA$30,INDEX(Jesper!$R$2:$R$366,ROW(INDEX(Jesper!AH$2:AH$366,ROUNDDOWN($C7666/24,0)+1,1))-1)+IF('Standard Profiles'!$G$18=$B$10,7,0)+IF('Standard Profiles'!$G$18=$B$17,14,0)+IF('Standard Profiles'!$G$18=$B$24,21,0),0)),0)</f>
        <v>8.2787924353862117</v>
      </c>
      <c r="E7666" cm="1">
        <f t="array" ref="E7666">IFERROR(INDEX(Jesper!AI$2:AI$366,ROUNDDOWN($C7666/24,0)+1,1)*INDEX($D$3:$AA$30,INDEX(Jesper!$R$2:$R$366,ROW(INDEX(Jesper!AI$2:AI$366,ROUNDDOWN($C7666/24,0)+1,1))-1)+IF('Standard Profiles'!$G$19=$B$10,7,0)+IF('Standard Profiles'!$G$19=$B$17,14,0)+IF('Standard Profiles'!$G$19=$B$24,21,0),MOD($C7666,24)+1)/SUM(INDEX($D$3:$AA$30,INDEX(Jesper!$R$2:$R$366,ROW(INDEX(Jesper!AI$2:AI$366,ROUNDDOWN($C7666/24,0)+1,1))-1)+IF('Standard Profiles'!$G$19=$B$10,7,0)+IF('Standard Profiles'!$G$19=$B$17,14,0)+IF('Standard Profiles'!$G$19=$B$24,21,0),0)),0)</f>
        <v>0</v>
      </c>
      <c r="F7666" cm="1">
        <f t="array" ref="F7666">IFERROR(INDEX(Jesper!AJ$2:AJ$366,ROUNDDOWN($C7666/24,0)+1,1)*INDEX($D$3:$AA$30,INDEX(Jesper!$R$2:$R$366,ROW(INDEX(Jesper!AJ$2:AJ$366,ROUNDDOWN($C7666/24,0)+1,1))-1)+IF('Standard Profiles'!$G$20=$B$10,7,0)+IF('Standard Profiles'!$G$20=$B$17,14,0)+IF('Standard Profiles'!$G$20=$B$24,21,0),MOD($C7666,24)+1)/SUM(INDEX($D$3:$AA$30,INDEX(Jesper!$R$2:$R$366,ROW(INDEX(Jesper!AJ$2:AJ$366,ROUNDDOWN($C7666/24,0)+1,1))-1)+IF('Standard Profiles'!$G$20=$B$10,7,0)+IF('Standard Profiles'!$G$20=$B$17,14,0)+IF('Standard Profiles'!$G$20=$B$24,21,0),0)),0)</f>
        <v>0</v>
      </c>
      <c r="G7666" cm="1">
        <f t="array" ref="G7666">IFERROR(INDEX(Jesper!AK$2:AK$366,ROUNDDOWN($C7666/24,0)+1,1)*INDEX($D$3:$AA$30,INDEX(Jesper!$R$2:$R$366,ROW(INDEX(Jesper!AK$2:AK$366,ROUNDDOWN($C7666/24,0)+1,1))-1)+IF('Standard Profiles'!$G$21=$B$10,7,0)+IF('Standard Profiles'!$G$21=$B$17,14,0)+IF('Standard Profiles'!$G$21=$B$24,21,0),MOD($C7666,24)+1)/SUM(INDEX($D$3:$AA$30,INDEX(Jesper!$R$2:$R$366,ROW(INDEX(Jesper!AK$2:AK$366,ROUNDDOWN($C7666/24,0)+1,1))-1)+IF('Standard Profiles'!$G$21=$B$10,7,0)+IF('Standard Profiles'!$G$21=$B$17,14,0)+IF('Standard Profiles'!$G$21=$B$24,21,0),0)),0)</f>
        <v>0</v>
      </c>
      <c r="H7666" cm="1">
        <f t="array" ref="H7666">IFERROR(INDEX(Jesper!AL$2:AL$366,ROUNDDOWN($C7666/24,0)+1,1)*INDEX($D$3:$AA$30,INDEX(Jesper!$R$2:$R$366,ROW(INDEX(Jesper!AL$2:AL$366,ROUNDDOWN($C7666/24,0)+1,1))-1)+IF('Standard Profiles'!$G$22=$B$10,7,0)+IF('Standard Profiles'!$G$22=$B$17,14,0)+IF('Standard Profiles'!$G$22=$B$24,21,0),MOD($C7666,24)+1)/SUM(INDEX($D$3:$AA$30,INDEX(Jesper!$R$2:$R$366,ROW(INDEX(Jesper!AL$2:AL$366,ROUNDDOWN($C7666/24,0)+1,1))-1)+IF('Standard Profiles'!$G$22=$B$10,7,0)+IF('Standard Profiles'!$G$22=$B$17,14,0)+IF('Standard Profiles'!$G$22=$B$24,21,0),0)),0)</f>
        <v>0</v>
      </c>
      <c r="I7666">
        <f t="shared" si="853"/>
        <v>0.24836377306158633</v>
      </c>
      <c r="J7666">
        <f t="shared" si="854"/>
        <v>0.82787924353862119</v>
      </c>
      <c r="K7666">
        <f t="shared" si="855"/>
        <v>1.2418188653079316</v>
      </c>
      <c r="L7666">
        <f t="shared" si="856"/>
        <v>5.9607305534780721</v>
      </c>
      <c r="M7666">
        <f t="shared" si="857"/>
        <v>0</v>
      </c>
      <c r="N7666" s="46">
        <f t="shared" si="858"/>
        <v>45609.99999998149</v>
      </c>
    </row>
    <row r="7667" spans="2:14" x14ac:dyDescent="0.3">
      <c r="B7667">
        <f t="shared" si="852"/>
        <v>4</v>
      </c>
      <c r="C7667" s="16">
        <v>7633</v>
      </c>
      <c r="D7667" cm="1">
        <f t="array" ref="D7667">IFERROR(INDEX(Jesper!AH$2:AH$366,ROUNDDOWN($C7667/24,0)+1,1)*INDEX($D$3:$AA$30,INDEX(Jesper!$R$2:$R$366,ROW(INDEX(Jesper!AH$2:AH$366,ROUNDDOWN($C7667/24,0)+1,1))-1)+IF('Standard Profiles'!$G$18=$B$10,7,0)+IF('Standard Profiles'!$G$18=$B$17,14,0)+IF('Standard Profiles'!$G$18=$B$24,21,0),MOD($C7667,24)+1)/SUM(INDEX($D$3:$AA$30,INDEX(Jesper!$R$2:$R$366,ROW(INDEX(Jesper!AH$2:AH$366,ROUNDDOWN($C7667/24,0)+1,1))-1)+IF('Standard Profiles'!$G$18=$B$10,7,0)+IF('Standard Profiles'!$G$18=$B$17,14,0)+IF('Standard Profiles'!$G$18=$B$24,21,0),0)),0)</f>
        <v>8.2787924353862117</v>
      </c>
      <c r="E7667" cm="1">
        <f t="array" ref="E7667">IFERROR(INDEX(Jesper!AI$2:AI$366,ROUNDDOWN($C7667/24,0)+1,1)*INDEX($D$3:$AA$30,INDEX(Jesper!$R$2:$R$366,ROW(INDEX(Jesper!AI$2:AI$366,ROUNDDOWN($C7667/24,0)+1,1))-1)+IF('Standard Profiles'!$G$19=$B$10,7,0)+IF('Standard Profiles'!$G$19=$B$17,14,0)+IF('Standard Profiles'!$G$19=$B$24,21,0),MOD($C7667,24)+1)/SUM(INDEX($D$3:$AA$30,INDEX(Jesper!$R$2:$R$366,ROW(INDEX(Jesper!AI$2:AI$366,ROUNDDOWN($C7667/24,0)+1,1))-1)+IF('Standard Profiles'!$G$19=$B$10,7,0)+IF('Standard Profiles'!$G$19=$B$17,14,0)+IF('Standard Profiles'!$G$19=$B$24,21,0),0)),0)</f>
        <v>0</v>
      </c>
      <c r="F7667" cm="1">
        <f t="array" ref="F7667">IFERROR(INDEX(Jesper!AJ$2:AJ$366,ROUNDDOWN($C7667/24,0)+1,1)*INDEX($D$3:$AA$30,INDEX(Jesper!$R$2:$R$366,ROW(INDEX(Jesper!AJ$2:AJ$366,ROUNDDOWN($C7667/24,0)+1,1))-1)+IF('Standard Profiles'!$G$20=$B$10,7,0)+IF('Standard Profiles'!$G$20=$B$17,14,0)+IF('Standard Profiles'!$G$20=$B$24,21,0),MOD($C7667,24)+1)/SUM(INDEX($D$3:$AA$30,INDEX(Jesper!$R$2:$R$366,ROW(INDEX(Jesper!AJ$2:AJ$366,ROUNDDOWN($C7667/24,0)+1,1))-1)+IF('Standard Profiles'!$G$20=$B$10,7,0)+IF('Standard Profiles'!$G$20=$B$17,14,0)+IF('Standard Profiles'!$G$20=$B$24,21,0),0)),0)</f>
        <v>0</v>
      </c>
      <c r="G7667" cm="1">
        <f t="array" ref="G7667">IFERROR(INDEX(Jesper!AK$2:AK$366,ROUNDDOWN($C7667/24,0)+1,1)*INDEX($D$3:$AA$30,INDEX(Jesper!$R$2:$R$366,ROW(INDEX(Jesper!AK$2:AK$366,ROUNDDOWN($C7667/24,0)+1,1))-1)+IF('Standard Profiles'!$G$21=$B$10,7,0)+IF('Standard Profiles'!$G$21=$B$17,14,0)+IF('Standard Profiles'!$G$21=$B$24,21,0),MOD($C7667,24)+1)/SUM(INDEX($D$3:$AA$30,INDEX(Jesper!$R$2:$R$366,ROW(INDEX(Jesper!AK$2:AK$366,ROUNDDOWN($C7667/24,0)+1,1))-1)+IF('Standard Profiles'!$G$21=$B$10,7,0)+IF('Standard Profiles'!$G$21=$B$17,14,0)+IF('Standard Profiles'!$G$21=$B$24,21,0),0)),0)</f>
        <v>0</v>
      </c>
      <c r="H7667" cm="1">
        <f t="array" ref="H7667">IFERROR(INDEX(Jesper!AL$2:AL$366,ROUNDDOWN($C7667/24,0)+1,1)*INDEX($D$3:$AA$30,INDEX(Jesper!$R$2:$R$366,ROW(INDEX(Jesper!AL$2:AL$366,ROUNDDOWN($C7667/24,0)+1,1))-1)+IF('Standard Profiles'!$G$22=$B$10,7,0)+IF('Standard Profiles'!$G$22=$B$17,14,0)+IF('Standard Profiles'!$G$22=$B$24,21,0),MOD($C7667,24)+1)/SUM(INDEX($D$3:$AA$30,INDEX(Jesper!$R$2:$R$366,ROW(INDEX(Jesper!AL$2:AL$366,ROUNDDOWN($C7667/24,0)+1,1))-1)+IF('Standard Profiles'!$G$22=$B$10,7,0)+IF('Standard Profiles'!$G$22=$B$17,14,0)+IF('Standard Profiles'!$G$22=$B$24,21,0),0)),0)</f>
        <v>0</v>
      </c>
      <c r="I7667">
        <f t="shared" si="853"/>
        <v>0.24836377306158633</v>
      </c>
      <c r="J7667">
        <f t="shared" si="854"/>
        <v>0.82787924353862119</v>
      </c>
      <c r="K7667">
        <f t="shared" si="855"/>
        <v>1.2418188653079316</v>
      </c>
      <c r="L7667">
        <f t="shared" si="856"/>
        <v>5.9607305534780721</v>
      </c>
      <c r="M7667">
        <f t="shared" si="857"/>
        <v>0</v>
      </c>
      <c r="N7667" s="46">
        <f t="shared" si="858"/>
        <v>45610.041666648154</v>
      </c>
    </row>
    <row r="7668" spans="2:14" x14ac:dyDescent="0.3">
      <c r="B7668">
        <f t="shared" si="852"/>
        <v>4</v>
      </c>
      <c r="C7668" s="16">
        <v>7634</v>
      </c>
      <c r="D7668" cm="1">
        <f t="array" ref="D7668">IFERROR(INDEX(Jesper!AH$2:AH$366,ROUNDDOWN($C7668/24,0)+1,1)*INDEX($D$3:$AA$30,INDEX(Jesper!$R$2:$R$366,ROW(INDEX(Jesper!AH$2:AH$366,ROUNDDOWN($C7668/24,0)+1,1))-1)+IF('Standard Profiles'!$G$18=$B$10,7,0)+IF('Standard Profiles'!$G$18=$B$17,14,0)+IF('Standard Profiles'!$G$18=$B$24,21,0),MOD($C7668,24)+1)/SUM(INDEX($D$3:$AA$30,INDEX(Jesper!$R$2:$R$366,ROW(INDEX(Jesper!AH$2:AH$366,ROUNDDOWN($C7668/24,0)+1,1))-1)+IF('Standard Profiles'!$G$18=$B$10,7,0)+IF('Standard Profiles'!$G$18=$B$17,14,0)+IF('Standard Profiles'!$G$18=$B$24,21,0),0)),0)</f>
        <v>8.2787924353862117</v>
      </c>
      <c r="E7668" cm="1">
        <f t="array" ref="E7668">IFERROR(INDEX(Jesper!AI$2:AI$366,ROUNDDOWN($C7668/24,0)+1,1)*INDEX($D$3:$AA$30,INDEX(Jesper!$R$2:$R$366,ROW(INDEX(Jesper!AI$2:AI$366,ROUNDDOWN($C7668/24,0)+1,1))-1)+IF('Standard Profiles'!$G$19=$B$10,7,0)+IF('Standard Profiles'!$G$19=$B$17,14,0)+IF('Standard Profiles'!$G$19=$B$24,21,0),MOD($C7668,24)+1)/SUM(INDEX($D$3:$AA$30,INDEX(Jesper!$R$2:$R$366,ROW(INDEX(Jesper!AI$2:AI$366,ROUNDDOWN($C7668/24,0)+1,1))-1)+IF('Standard Profiles'!$G$19=$B$10,7,0)+IF('Standard Profiles'!$G$19=$B$17,14,0)+IF('Standard Profiles'!$G$19=$B$24,21,0),0)),0)</f>
        <v>0</v>
      </c>
      <c r="F7668" cm="1">
        <f t="array" ref="F7668">IFERROR(INDEX(Jesper!AJ$2:AJ$366,ROUNDDOWN($C7668/24,0)+1,1)*INDEX($D$3:$AA$30,INDEX(Jesper!$R$2:$R$366,ROW(INDEX(Jesper!AJ$2:AJ$366,ROUNDDOWN($C7668/24,0)+1,1))-1)+IF('Standard Profiles'!$G$20=$B$10,7,0)+IF('Standard Profiles'!$G$20=$B$17,14,0)+IF('Standard Profiles'!$G$20=$B$24,21,0),MOD($C7668,24)+1)/SUM(INDEX($D$3:$AA$30,INDEX(Jesper!$R$2:$R$366,ROW(INDEX(Jesper!AJ$2:AJ$366,ROUNDDOWN($C7668/24,0)+1,1))-1)+IF('Standard Profiles'!$G$20=$B$10,7,0)+IF('Standard Profiles'!$G$20=$B$17,14,0)+IF('Standard Profiles'!$G$20=$B$24,21,0),0)),0)</f>
        <v>0</v>
      </c>
      <c r="G7668" cm="1">
        <f t="array" ref="G7668">IFERROR(INDEX(Jesper!AK$2:AK$366,ROUNDDOWN($C7668/24,0)+1,1)*INDEX($D$3:$AA$30,INDEX(Jesper!$R$2:$R$366,ROW(INDEX(Jesper!AK$2:AK$366,ROUNDDOWN($C7668/24,0)+1,1))-1)+IF('Standard Profiles'!$G$21=$B$10,7,0)+IF('Standard Profiles'!$G$21=$B$17,14,0)+IF('Standard Profiles'!$G$21=$B$24,21,0),MOD($C7668,24)+1)/SUM(INDEX($D$3:$AA$30,INDEX(Jesper!$R$2:$R$366,ROW(INDEX(Jesper!AK$2:AK$366,ROUNDDOWN($C7668/24,0)+1,1))-1)+IF('Standard Profiles'!$G$21=$B$10,7,0)+IF('Standard Profiles'!$G$21=$B$17,14,0)+IF('Standard Profiles'!$G$21=$B$24,21,0),0)),0)</f>
        <v>0</v>
      </c>
      <c r="H7668" cm="1">
        <f t="array" ref="H7668">IFERROR(INDEX(Jesper!AL$2:AL$366,ROUNDDOWN($C7668/24,0)+1,1)*INDEX($D$3:$AA$30,INDEX(Jesper!$R$2:$R$366,ROW(INDEX(Jesper!AL$2:AL$366,ROUNDDOWN($C7668/24,0)+1,1))-1)+IF('Standard Profiles'!$G$22=$B$10,7,0)+IF('Standard Profiles'!$G$22=$B$17,14,0)+IF('Standard Profiles'!$G$22=$B$24,21,0),MOD($C7668,24)+1)/SUM(INDEX($D$3:$AA$30,INDEX(Jesper!$R$2:$R$366,ROW(INDEX(Jesper!AL$2:AL$366,ROUNDDOWN($C7668/24,0)+1,1))-1)+IF('Standard Profiles'!$G$22=$B$10,7,0)+IF('Standard Profiles'!$G$22=$B$17,14,0)+IF('Standard Profiles'!$G$22=$B$24,21,0),0)),0)</f>
        <v>0</v>
      </c>
      <c r="I7668">
        <f t="shared" si="853"/>
        <v>0.24836377306158633</v>
      </c>
      <c r="J7668">
        <f t="shared" si="854"/>
        <v>0.82787924353862119</v>
      </c>
      <c r="K7668">
        <f t="shared" si="855"/>
        <v>1.2418188653079316</v>
      </c>
      <c r="L7668">
        <f t="shared" si="856"/>
        <v>5.9607305534780721</v>
      </c>
      <c r="M7668">
        <f t="shared" si="857"/>
        <v>0</v>
      </c>
      <c r="N7668" s="46">
        <f t="shared" si="858"/>
        <v>45610.083333314818</v>
      </c>
    </row>
    <row r="7669" spans="2:14" x14ac:dyDescent="0.3">
      <c r="B7669">
        <f t="shared" si="852"/>
        <v>4</v>
      </c>
      <c r="C7669" s="16">
        <v>7635</v>
      </c>
      <c r="D7669" cm="1">
        <f t="array" ref="D7669">IFERROR(INDEX(Jesper!AH$2:AH$366,ROUNDDOWN($C7669/24,0)+1,1)*INDEX($D$3:$AA$30,INDEX(Jesper!$R$2:$R$366,ROW(INDEX(Jesper!AH$2:AH$366,ROUNDDOWN($C7669/24,0)+1,1))-1)+IF('Standard Profiles'!$G$18=$B$10,7,0)+IF('Standard Profiles'!$G$18=$B$17,14,0)+IF('Standard Profiles'!$G$18=$B$24,21,0),MOD($C7669,24)+1)/SUM(INDEX($D$3:$AA$30,INDEX(Jesper!$R$2:$R$366,ROW(INDEX(Jesper!AH$2:AH$366,ROUNDDOWN($C7669/24,0)+1,1))-1)+IF('Standard Profiles'!$G$18=$B$10,7,0)+IF('Standard Profiles'!$G$18=$B$17,14,0)+IF('Standard Profiles'!$G$18=$B$24,21,0),0)),0)</f>
        <v>8.2787924353862117</v>
      </c>
      <c r="E7669" cm="1">
        <f t="array" ref="E7669">IFERROR(INDEX(Jesper!AI$2:AI$366,ROUNDDOWN($C7669/24,0)+1,1)*INDEX($D$3:$AA$30,INDEX(Jesper!$R$2:$R$366,ROW(INDEX(Jesper!AI$2:AI$366,ROUNDDOWN($C7669/24,0)+1,1))-1)+IF('Standard Profiles'!$G$19=$B$10,7,0)+IF('Standard Profiles'!$G$19=$B$17,14,0)+IF('Standard Profiles'!$G$19=$B$24,21,0),MOD($C7669,24)+1)/SUM(INDEX($D$3:$AA$30,INDEX(Jesper!$R$2:$R$366,ROW(INDEX(Jesper!AI$2:AI$366,ROUNDDOWN($C7669/24,0)+1,1))-1)+IF('Standard Profiles'!$G$19=$B$10,7,0)+IF('Standard Profiles'!$G$19=$B$17,14,0)+IF('Standard Profiles'!$G$19=$B$24,21,0),0)),0)</f>
        <v>0</v>
      </c>
      <c r="F7669" cm="1">
        <f t="array" ref="F7669">IFERROR(INDEX(Jesper!AJ$2:AJ$366,ROUNDDOWN($C7669/24,0)+1,1)*INDEX($D$3:$AA$30,INDEX(Jesper!$R$2:$R$366,ROW(INDEX(Jesper!AJ$2:AJ$366,ROUNDDOWN($C7669/24,0)+1,1))-1)+IF('Standard Profiles'!$G$20=$B$10,7,0)+IF('Standard Profiles'!$G$20=$B$17,14,0)+IF('Standard Profiles'!$G$20=$B$24,21,0),MOD($C7669,24)+1)/SUM(INDEX($D$3:$AA$30,INDEX(Jesper!$R$2:$R$366,ROW(INDEX(Jesper!AJ$2:AJ$366,ROUNDDOWN($C7669/24,0)+1,1))-1)+IF('Standard Profiles'!$G$20=$B$10,7,0)+IF('Standard Profiles'!$G$20=$B$17,14,0)+IF('Standard Profiles'!$G$20=$B$24,21,0),0)),0)</f>
        <v>0</v>
      </c>
      <c r="G7669" cm="1">
        <f t="array" ref="G7669">IFERROR(INDEX(Jesper!AK$2:AK$366,ROUNDDOWN($C7669/24,0)+1,1)*INDEX($D$3:$AA$30,INDEX(Jesper!$R$2:$R$366,ROW(INDEX(Jesper!AK$2:AK$366,ROUNDDOWN($C7669/24,0)+1,1))-1)+IF('Standard Profiles'!$G$21=$B$10,7,0)+IF('Standard Profiles'!$G$21=$B$17,14,0)+IF('Standard Profiles'!$G$21=$B$24,21,0),MOD($C7669,24)+1)/SUM(INDEX($D$3:$AA$30,INDEX(Jesper!$R$2:$R$366,ROW(INDEX(Jesper!AK$2:AK$366,ROUNDDOWN($C7669/24,0)+1,1))-1)+IF('Standard Profiles'!$G$21=$B$10,7,0)+IF('Standard Profiles'!$G$21=$B$17,14,0)+IF('Standard Profiles'!$G$21=$B$24,21,0),0)),0)</f>
        <v>0</v>
      </c>
      <c r="H7669" cm="1">
        <f t="array" ref="H7669">IFERROR(INDEX(Jesper!AL$2:AL$366,ROUNDDOWN($C7669/24,0)+1,1)*INDEX($D$3:$AA$30,INDEX(Jesper!$R$2:$R$366,ROW(INDEX(Jesper!AL$2:AL$366,ROUNDDOWN($C7669/24,0)+1,1))-1)+IF('Standard Profiles'!$G$22=$B$10,7,0)+IF('Standard Profiles'!$G$22=$B$17,14,0)+IF('Standard Profiles'!$G$22=$B$24,21,0),MOD($C7669,24)+1)/SUM(INDEX($D$3:$AA$30,INDEX(Jesper!$R$2:$R$366,ROW(INDEX(Jesper!AL$2:AL$366,ROUNDDOWN($C7669/24,0)+1,1))-1)+IF('Standard Profiles'!$G$22=$B$10,7,0)+IF('Standard Profiles'!$G$22=$B$17,14,0)+IF('Standard Profiles'!$G$22=$B$24,21,0),0)),0)</f>
        <v>0</v>
      </c>
      <c r="I7669">
        <f t="shared" si="853"/>
        <v>0.24836377306158633</v>
      </c>
      <c r="J7669">
        <f t="shared" si="854"/>
        <v>0.82787924353862119</v>
      </c>
      <c r="K7669">
        <f t="shared" si="855"/>
        <v>1.2418188653079316</v>
      </c>
      <c r="L7669">
        <f t="shared" si="856"/>
        <v>5.9607305534780721</v>
      </c>
      <c r="M7669">
        <f t="shared" si="857"/>
        <v>0</v>
      </c>
      <c r="N7669" s="46">
        <f t="shared" si="858"/>
        <v>45610.124999981483</v>
      </c>
    </row>
    <row r="7670" spans="2:14" x14ac:dyDescent="0.3">
      <c r="B7670">
        <f t="shared" si="852"/>
        <v>4</v>
      </c>
      <c r="C7670" s="16">
        <v>7636</v>
      </c>
      <c r="D7670" cm="1">
        <f t="array" ref="D7670">IFERROR(INDEX(Jesper!AH$2:AH$366,ROUNDDOWN($C7670/24,0)+1,1)*INDEX($D$3:$AA$30,INDEX(Jesper!$R$2:$R$366,ROW(INDEX(Jesper!AH$2:AH$366,ROUNDDOWN($C7670/24,0)+1,1))-1)+IF('Standard Profiles'!$G$18=$B$10,7,0)+IF('Standard Profiles'!$G$18=$B$17,14,0)+IF('Standard Profiles'!$G$18=$B$24,21,0),MOD($C7670,24)+1)/SUM(INDEX($D$3:$AA$30,INDEX(Jesper!$R$2:$R$366,ROW(INDEX(Jesper!AH$2:AH$366,ROUNDDOWN($C7670/24,0)+1,1))-1)+IF('Standard Profiles'!$G$18=$B$10,7,0)+IF('Standard Profiles'!$G$18=$B$17,14,0)+IF('Standard Profiles'!$G$18=$B$24,21,0),0)),0)</f>
        <v>8.2787924353862117</v>
      </c>
      <c r="E7670" cm="1">
        <f t="array" ref="E7670">IFERROR(INDEX(Jesper!AI$2:AI$366,ROUNDDOWN($C7670/24,0)+1,1)*INDEX($D$3:$AA$30,INDEX(Jesper!$R$2:$R$366,ROW(INDEX(Jesper!AI$2:AI$366,ROUNDDOWN($C7670/24,0)+1,1))-1)+IF('Standard Profiles'!$G$19=$B$10,7,0)+IF('Standard Profiles'!$G$19=$B$17,14,0)+IF('Standard Profiles'!$G$19=$B$24,21,0),MOD($C7670,24)+1)/SUM(INDEX($D$3:$AA$30,INDEX(Jesper!$R$2:$R$366,ROW(INDEX(Jesper!AI$2:AI$366,ROUNDDOWN($C7670/24,0)+1,1))-1)+IF('Standard Profiles'!$G$19=$B$10,7,0)+IF('Standard Profiles'!$G$19=$B$17,14,0)+IF('Standard Profiles'!$G$19=$B$24,21,0),0)),0)</f>
        <v>0</v>
      </c>
      <c r="F7670" cm="1">
        <f t="array" ref="F7670">IFERROR(INDEX(Jesper!AJ$2:AJ$366,ROUNDDOWN($C7670/24,0)+1,1)*INDEX($D$3:$AA$30,INDEX(Jesper!$R$2:$R$366,ROW(INDEX(Jesper!AJ$2:AJ$366,ROUNDDOWN($C7670/24,0)+1,1))-1)+IF('Standard Profiles'!$G$20=$B$10,7,0)+IF('Standard Profiles'!$G$20=$B$17,14,0)+IF('Standard Profiles'!$G$20=$B$24,21,0),MOD($C7670,24)+1)/SUM(INDEX($D$3:$AA$30,INDEX(Jesper!$R$2:$R$366,ROW(INDEX(Jesper!AJ$2:AJ$366,ROUNDDOWN($C7670/24,0)+1,1))-1)+IF('Standard Profiles'!$G$20=$B$10,7,0)+IF('Standard Profiles'!$G$20=$B$17,14,0)+IF('Standard Profiles'!$G$20=$B$24,21,0),0)),0)</f>
        <v>0</v>
      </c>
      <c r="G7670" cm="1">
        <f t="array" ref="G7670">IFERROR(INDEX(Jesper!AK$2:AK$366,ROUNDDOWN($C7670/24,0)+1,1)*INDEX($D$3:$AA$30,INDEX(Jesper!$R$2:$R$366,ROW(INDEX(Jesper!AK$2:AK$366,ROUNDDOWN($C7670/24,0)+1,1))-1)+IF('Standard Profiles'!$G$21=$B$10,7,0)+IF('Standard Profiles'!$G$21=$B$17,14,0)+IF('Standard Profiles'!$G$21=$B$24,21,0),MOD($C7670,24)+1)/SUM(INDEX($D$3:$AA$30,INDEX(Jesper!$R$2:$R$366,ROW(INDEX(Jesper!AK$2:AK$366,ROUNDDOWN($C7670/24,0)+1,1))-1)+IF('Standard Profiles'!$G$21=$B$10,7,0)+IF('Standard Profiles'!$G$21=$B$17,14,0)+IF('Standard Profiles'!$G$21=$B$24,21,0),0)),0)</f>
        <v>0</v>
      </c>
      <c r="H7670" cm="1">
        <f t="array" ref="H7670">IFERROR(INDEX(Jesper!AL$2:AL$366,ROUNDDOWN($C7670/24,0)+1,1)*INDEX($D$3:$AA$30,INDEX(Jesper!$R$2:$R$366,ROW(INDEX(Jesper!AL$2:AL$366,ROUNDDOWN($C7670/24,0)+1,1))-1)+IF('Standard Profiles'!$G$22=$B$10,7,0)+IF('Standard Profiles'!$G$22=$B$17,14,0)+IF('Standard Profiles'!$G$22=$B$24,21,0),MOD($C7670,24)+1)/SUM(INDEX($D$3:$AA$30,INDEX(Jesper!$R$2:$R$366,ROW(INDEX(Jesper!AL$2:AL$366,ROUNDDOWN($C7670/24,0)+1,1))-1)+IF('Standard Profiles'!$G$22=$B$10,7,0)+IF('Standard Profiles'!$G$22=$B$17,14,0)+IF('Standard Profiles'!$G$22=$B$24,21,0),0)),0)</f>
        <v>0</v>
      </c>
      <c r="I7670">
        <f t="shared" si="853"/>
        <v>0.24836377306158633</v>
      </c>
      <c r="J7670">
        <f t="shared" si="854"/>
        <v>0.82787924353862119</v>
      </c>
      <c r="K7670">
        <f t="shared" si="855"/>
        <v>1.2418188653079316</v>
      </c>
      <c r="L7670">
        <f t="shared" si="856"/>
        <v>5.9607305534780721</v>
      </c>
      <c r="M7670">
        <f t="shared" si="857"/>
        <v>0</v>
      </c>
      <c r="N7670" s="46">
        <f t="shared" si="858"/>
        <v>45610.166666648147</v>
      </c>
    </row>
    <row r="7671" spans="2:14" x14ac:dyDescent="0.3">
      <c r="B7671">
        <f t="shared" si="852"/>
        <v>4</v>
      </c>
      <c r="C7671" s="16">
        <v>7637</v>
      </c>
      <c r="D7671" cm="1">
        <f t="array" ref="D7671">IFERROR(INDEX(Jesper!AH$2:AH$366,ROUNDDOWN($C7671/24,0)+1,1)*INDEX($D$3:$AA$30,INDEX(Jesper!$R$2:$R$366,ROW(INDEX(Jesper!AH$2:AH$366,ROUNDDOWN($C7671/24,0)+1,1))-1)+IF('Standard Profiles'!$G$18=$B$10,7,0)+IF('Standard Profiles'!$G$18=$B$17,14,0)+IF('Standard Profiles'!$G$18=$B$24,21,0),MOD($C7671,24)+1)/SUM(INDEX($D$3:$AA$30,INDEX(Jesper!$R$2:$R$366,ROW(INDEX(Jesper!AH$2:AH$366,ROUNDDOWN($C7671/24,0)+1,1))-1)+IF('Standard Profiles'!$G$18=$B$10,7,0)+IF('Standard Profiles'!$G$18=$B$17,14,0)+IF('Standard Profiles'!$G$18=$B$24,21,0),0)),0)</f>
        <v>10.670443583386673</v>
      </c>
      <c r="E7671" cm="1">
        <f t="array" ref="E7671">IFERROR(INDEX(Jesper!AI$2:AI$366,ROUNDDOWN($C7671/24,0)+1,1)*INDEX($D$3:$AA$30,INDEX(Jesper!$R$2:$R$366,ROW(INDEX(Jesper!AI$2:AI$366,ROUNDDOWN($C7671/24,0)+1,1))-1)+IF('Standard Profiles'!$G$19=$B$10,7,0)+IF('Standard Profiles'!$G$19=$B$17,14,0)+IF('Standard Profiles'!$G$19=$B$24,21,0),MOD($C7671,24)+1)/SUM(INDEX($D$3:$AA$30,INDEX(Jesper!$R$2:$R$366,ROW(INDEX(Jesper!AI$2:AI$366,ROUNDDOWN($C7671/24,0)+1,1))-1)+IF('Standard Profiles'!$G$19=$B$10,7,0)+IF('Standard Profiles'!$G$19=$B$17,14,0)+IF('Standard Profiles'!$G$19=$B$24,21,0),0)),0)</f>
        <v>0</v>
      </c>
      <c r="F7671" cm="1">
        <f t="array" ref="F7671">IFERROR(INDEX(Jesper!AJ$2:AJ$366,ROUNDDOWN($C7671/24,0)+1,1)*INDEX($D$3:$AA$30,INDEX(Jesper!$R$2:$R$366,ROW(INDEX(Jesper!AJ$2:AJ$366,ROUNDDOWN($C7671/24,0)+1,1))-1)+IF('Standard Profiles'!$G$20=$B$10,7,0)+IF('Standard Profiles'!$G$20=$B$17,14,0)+IF('Standard Profiles'!$G$20=$B$24,21,0),MOD($C7671,24)+1)/SUM(INDEX($D$3:$AA$30,INDEX(Jesper!$R$2:$R$366,ROW(INDEX(Jesper!AJ$2:AJ$366,ROUNDDOWN($C7671/24,0)+1,1))-1)+IF('Standard Profiles'!$G$20=$B$10,7,0)+IF('Standard Profiles'!$G$20=$B$17,14,0)+IF('Standard Profiles'!$G$20=$B$24,21,0),0)),0)</f>
        <v>0</v>
      </c>
      <c r="G7671" cm="1">
        <f t="array" ref="G7671">IFERROR(INDEX(Jesper!AK$2:AK$366,ROUNDDOWN($C7671/24,0)+1,1)*INDEX($D$3:$AA$30,INDEX(Jesper!$R$2:$R$366,ROW(INDEX(Jesper!AK$2:AK$366,ROUNDDOWN($C7671/24,0)+1,1))-1)+IF('Standard Profiles'!$G$21=$B$10,7,0)+IF('Standard Profiles'!$G$21=$B$17,14,0)+IF('Standard Profiles'!$G$21=$B$24,21,0),MOD($C7671,24)+1)/SUM(INDEX($D$3:$AA$30,INDEX(Jesper!$R$2:$R$366,ROW(INDEX(Jesper!AK$2:AK$366,ROUNDDOWN($C7671/24,0)+1,1))-1)+IF('Standard Profiles'!$G$21=$B$10,7,0)+IF('Standard Profiles'!$G$21=$B$17,14,0)+IF('Standard Profiles'!$G$21=$B$24,21,0),0)),0)</f>
        <v>0</v>
      </c>
      <c r="H7671" cm="1">
        <f t="array" ref="H7671">IFERROR(INDEX(Jesper!AL$2:AL$366,ROUNDDOWN($C7671/24,0)+1,1)*INDEX($D$3:$AA$30,INDEX(Jesper!$R$2:$R$366,ROW(INDEX(Jesper!AL$2:AL$366,ROUNDDOWN($C7671/24,0)+1,1))-1)+IF('Standard Profiles'!$G$22=$B$10,7,0)+IF('Standard Profiles'!$G$22=$B$17,14,0)+IF('Standard Profiles'!$G$22=$B$24,21,0),MOD($C7671,24)+1)/SUM(INDEX($D$3:$AA$30,INDEX(Jesper!$R$2:$R$366,ROW(INDEX(Jesper!AL$2:AL$366,ROUNDDOWN($C7671/24,0)+1,1))-1)+IF('Standard Profiles'!$G$22=$B$10,7,0)+IF('Standard Profiles'!$G$22=$B$17,14,0)+IF('Standard Profiles'!$G$22=$B$24,21,0),0)),0)</f>
        <v>0</v>
      </c>
      <c r="I7671">
        <f t="shared" si="853"/>
        <v>0.32011330750160016</v>
      </c>
      <c r="J7671">
        <f t="shared" si="854"/>
        <v>1.0670443583386673</v>
      </c>
      <c r="K7671">
        <f t="shared" si="855"/>
        <v>1.6005665375080009</v>
      </c>
      <c r="L7671">
        <f t="shared" si="856"/>
        <v>7.6827193800384039</v>
      </c>
      <c r="M7671">
        <f t="shared" si="857"/>
        <v>0</v>
      </c>
      <c r="N7671" s="46">
        <f t="shared" si="858"/>
        <v>45610.208333314811</v>
      </c>
    </row>
    <row r="7672" spans="2:14" x14ac:dyDescent="0.3">
      <c r="B7672">
        <f t="shared" si="852"/>
        <v>4</v>
      </c>
      <c r="C7672" s="16">
        <v>7638</v>
      </c>
      <c r="D7672" cm="1">
        <f t="array" ref="D7672">IFERROR(INDEX(Jesper!AH$2:AH$366,ROUNDDOWN($C7672/24,0)+1,1)*INDEX($D$3:$AA$30,INDEX(Jesper!$R$2:$R$366,ROW(INDEX(Jesper!AH$2:AH$366,ROUNDDOWN($C7672/24,0)+1,1))-1)+IF('Standard Profiles'!$G$18=$B$10,7,0)+IF('Standard Profiles'!$G$18=$B$17,14,0)+IF('Standard Profiles'!$G$18=$B$24,21,0),MOD($C7672,24)+1)/SUM(INDEX($D$3:$AA$30,INDEX(Jesper!$R$2:$R$366,ROW(INDEX(Jesper!AH$2:AH$366,ROUNDDOWN($C7672/24,0)+1,1))-1)+IF('Standard Profiles'!$G$18=$B$10,7,0)+IF('Standard Profiles'!$G$18=$B$17,14,0)+IF('Standard Profiles'!$G$18=$B$24,21,0),0)),0)</f>
        <v>12.326202070463918</v>
      </c>
      <c r="E7672" cm="1">
        <f t="array" ref="E7672">IFERROR(INDEX(Jesper!AI$2:AI$366,ROUNDDOWN($C7672/24,0)+1,1)*INDEX($D$3:$AA$30,INDEX(Jesper!$R$2:$R$366,ROW(INDEX(Jesper!AI$2:AI$366,ROUNDDOWN($C7672/24,0)+1,1))-1)+IF('Standard Profiles'!$G$19=$B$10,7,0)+IF('Standard Profiles'!$G$19=$B$17,14,0)+IF('Standard Profiles'!$G$19=$B$24,21,0),MOD($C7672,24)+1)/SUM(INDEX($D$3:$AA$30,INDEX(Jesper!$R$2:$R$366,ROW(INDEX(Jesper!AI$2:AI$366,ROUNDDOWN($C7672/24,0)+1,1))-1)+IF('Standard Profiles'!$G$19=$B$10,7,0)+IF('Standard Profiles'!$G$19=$B$17,14,0)+IF('Standard Profiles'!$G$19=$B$24,21,0),0)),0)</f>
        <v>0</v>
      </c>
      <c r="F7672" cm="1">
        <f t="array" ref="F7672">IFERROR(INDEX(Jesper!AJ$2:AJ$366,ROUNDDOWN($C7672/24,0)+1,1)*INDEX($D$3:$AA$30,INDEX(Jesper!$R$2:$R$366,ROW(INDEX(Jesper!AJ$2:AJ$366,ROUNDDOWN($C7672/24,0)+1,1))-1)+IF('Standard Profiles'!$G$20=$B$10,7,0)+IF('Standard Profiles'!$G$20=$B$17,14,0)+IF('Standard Profiles'!$G$20=$B$24,21,0),MOD($C7672,24)+1)/SUM(INDEX($D$3:$AA$30,INDEX(Jesper!$R$2:$R$366,ROW(INDEX(Jesper!AJ$2:AJ$366,ROUNDDOWN($C7672/24,0)+1,1))-1)+IF('Standard Profiles'!$G$20=$B$10,7,0)+IF('Standard Profiles'!$G$20=$B$17,14,0)+IF('Standard Profiles'!$G$20=$B$24,21,0),0)),0)</f>
        <v>0</v>
      </c>
      <c r="G7672" cm="1">
        <f t="array" ref="G7672">IFERROR(INDEX(Jesper!AK$2:AK$366,ROUNDDOWN($C7672/24,0)+1,1)*INDEX($D$3:$AA$30,INDEX(Jesper!$R$2:$R$366,ROW(INDEX(Jesper!AK$2:AK$366,ROUNDDOWN($C7672/24,0)+1,1))-1)+IF('Standard Profiles'!$G$21=$B$10,7,0)+IF('Standard Profiles'!$G$21=$B$17,14,0)+IF('Standard Profiles'!$G$21=$B$24,21,0),MOD($C7672,24)+1)/SUM(INDEX($D$3:$AA$30,INDEX(Jesper!$R$2:$R$366,ROW(INDEX(Jesper!AK$2:AK$366,ROUNDDOWN($C7672/24,0)+1,1))-1)+IF('Standard Profiles'!$G$21=$B$10,7,0)+IF('Standard Profiles'!$G$21=$B$17,14,0)+IF('Standard Profiles'!$G$21=$B$24,21,0),0)),0)</f>
        <v>0</v>
      </c>
      <c r="H7672" cm="1">
        <f t="array" ref="H7672">IFERROR(INDEX(Jesper!AL$2:AL$366,ROUNDDOWN($C7672/24,0)+1,1)*INDEX($D$3:$AA$30,INDEX(Jesper!$R$2:$R$366,ROW(INDEX(Jesper!AL$2:AL$366,ROUNDDOWN($C7672/24,0)+1,1))-1)+IF('Standard Profiles'!$G$22=$B$10,7,0)+IF('Standard Profiles'!$G$22=$B$17,14,0)+IF('Standard Profiles'!$G$22=$B$24,21,0),MOD($C7672,24)+1)/SUM(INDEX($D$3:$AA$30,INDEX(Jesper!$R$2:$R$366,ROW(INDEX(Jesper!AL$2:AL$366,ROUNDDOWN($C7672/24,0)+1,1))-1)+IF('Standard Profiles'!$G$22=$B$10,7,0)+IF('Standard Profiles'!$G$22=$B$17,14,0)+IF('Standard Profiles'!$G$22=$B$24,21,0),0)),0)</f>
        <v>0</v>
      </c>
      <c r="I7672">
        <f t="shared" si="853"/>
        <v>0.36978606211391751</v>
      </c>
      <c r="J7672">
        <f t="shared" si="854"/>
        <v>1.2326202070463919</v>
      </c>
      <c r="K7672">
        <f t="shared" si="855"/>
        <v>1.8489303105695876</v>
      </c>
      <c r="L7672">
        <f t="shared" si="856"/>
        <v>8.8748654907340203</v>
      </c>
      <c r="M7672">
        <f t="shared" si="857"/>
        <v>0</v>
      </c>
      <c r="N7672" s="46">
        <f t="shared" si="858"/>
        <v>45610.249999981475</v>
      </c>
    </row>
    <row r="7673" spans="2:14" x14ac:dyDescent="0.3">
      <c r="B7673">
        <f t="shared" si="852"/>
        <v>4</v>
      </c>
      <c r="C7673" s="16">
        <v>7639</v>
      </c>
      <c r="D7673" cm="1">
        <f t="array" ref="D7673">IFERROR(INDEX(Jesper!AH$2:AH$366,ROUNDDOWN($C7673/24,0)+1,1)*INDEX($D$3:$AA$30,INDEX(Jesper!$R$2:$R$366,ROW(INDEX(Jesper!AH$2:AH$366,ROUNDDOWN($C7673/24,0)+1,1))-1)+IF('Standard Profiles'!$G$18=$B$10,7,0)+IF('Standard Profiles'!$G$18=$B$17,14,0)+IF('Standard Profiles'!$G$18=$B$24,21,0),MOD($C7673,24)+1)/SUM(INDEX($D$3:$AA$30,INDEX(Jesper!$R$2:$R$366,ROW(INDEX(Jesper!AH$2:AH$366,ROUNDDOWN($C7673/24,0)+1,1))-1)+IF('Standard Profiles'!$G$18=$B$10,7,0)+IF('Standard Profiles'!$G$18=$B$17,14,0)+IF('Standard Profiles'!$G$18=$B$24,21,0),0)),0)</f>
        <v>12.326202070463918</v>
      </c>
      <c r="E7673" cm="1">
        <f t="array" ref="E7673">IFERROR(INDEX(Jesper!AI$2:AI$366,ROUNDDOWN($C7673/24,0)+1,1)*INDEX($D$3:$AA$30,INDEX(Jesper!$R$2:$R$366,ROW(INDEX(Jesper!AI$2:AI$366,ROUNDDOWN($C7673/24,0)+1,1))-1)+IF('Standard Profiles'!$G$19=$B$10,7,0)+IF('Standard Profiles'!$G$19=$B$17,14,0)+IF('Standard Profiles'!$G$19=$B$24,21,0),MOD($C7673,24)+1)/SUM(INDEX($D$3:$AA$30,INDEX(Jesper!$R$2:$R$366,ROW(INDEX(Jesper!AI$2:AI$366,ROUNDDOWN($C7673/24,0)+1,1))-1)+IF('Standard Profiles'!$G$19=$B$10,7,0)+IF('Standard Profiles'!$G$19=$B$17,14,0)+IF('Standard Profiles'!$G$19=$B$24,21,0),0)),0)</f>
        <v>0</v>
      </c>
      <c r="F7673" cm="1">
        <f t="array" ref="F7673">IFERROR(INDEX(Jesper!AJ$2:AJ$366,ROUNDDOWN($C7673/24,0)+1,1)*INDEX($D$3:$AA$30,INDEX(Jesper!$R$2:$R$366,ROW(INDEX(Jesper!AJ$2:AJ$366,ROUNDDOWN($C7673/24,0)+1,1))-1)+IF('Standard Profiles'!$G$20=$B$10,7,0)+IF('Standard Profiles'!$G$20=$B$17,14,0)+IF('Standard Profiles'!$G$20=$B$24,21,0),MOD($C7673,24)+1)/SUM(INDEX($D$3:$AA$30,INDEX(Jesper!$R$2:$R$366,ROW(INDEX(Jesper!AJ$2:AJ$366,ROUNDDOWN($C7673/24,0)+1,1))-1)+IF('Standard Profiles'!$G$20=$B$10,7,0)+IF('Standard Profiles'!$G$20=$B$17,14,0)+IF('Standard Profiles'!$G$20=$B$24,21,0),0)),0)</f>
        <v>0</v>
      </c>
      <c r="G7673" cm="1">
        <f t="array" ref="G7673">IFERROR(INDEX(Jesper!AK$2:AK$366,ROUNDDOWN($C7673/24,0)+1,1)*INDEX($D$3:$AA$30,INDEX(Jesper!$R$2:$R$366,ROW(INDEX(Jesper!AK$2:AK$366,ROUNDDOWN($C7673/24,0)+1,1))-1)+IF('Standard Profiles'!$G$21=$B$10,7,0)+IF('Standard Profiles'!$G$21=$B$17,14,0)+IF('Standard Profiles'!$G$21=$B$24,21,0),MOD($C7673,24)+1)/SUM(INDEX($D$3:$AA$30,INDEX(Jesper!$R$2:$R$366,ROW(INDEX(Jesper!AK$2:AK$366,ROUNDDOWN($C7673/24,0)+1,1))-1)+IF('Standard Profiles'!$G$21=$B$10,7,0)+IF('Standard Profiles'!$G$21=$B$17,14,0)+IF('Standard Profiles'!$G$21=$B$24,21,0),0)),0)</f>
        <v>0</v>
      </c>
      <c r="H7673" cm="1">
        <f t="array" ref="H7673">IFERROR(INDEX(Jesper!AL$2:AL$366,ROUNDDOWN($C7673/24,0)+1,1)*INDEX($D$3:$AA$30,INDEX(Jesper!$R$2:$R$366,ROW(INDEX(Jesper!AL$2:AL$366,ROUNDDOWN($C7673/24,0)+1,1))-1)+IF('Standard Profiles'!$G$22=$B$10,7,0)+IF('Standard Profiles'!$G$22=$B$17,14,0)+IF('Standard Profiles'!$G$22=$B$24,21,0),MOD($C7673,24)+1)/SUM(INDEX($D$3:$AA$30,INDEX(Jesper!$R$2:$R$366,ROW(INDEX(Jesper!AL$2:AL$366,ROUNDDOWN($C7673/24,0)+1,1))-1)+IF('Standard Profiles'!$G$22=$B$10,7,0)+IF('Standard Profiles'!$G$22=$B$17,14,0)+IF('Standard Profiles'!$G$22=$B$24,21,0),0)),0)</f>
        <v>0</v>
      </c>
      <c r="I7673">
        <f t="shared" si="853"/>
        <v>0.36978606211391751</v>
      </c>
      <c r="J7673">
        <f t="shared" si="854"/>
        <v>1.2326202070463919</v>
      </c>
      <c r="K7673">
        <f t="shared" si="855"/>
        <v>1.8489303105695876</v>
      </c>
      <c r="L7673">
        <f t="shared" si="856"/>
        <v>8.8748654907340203</v>
      </c>
      <c r="M7673">
        <f t="shared" si="857"/>
        <v>0</v>
      </c>
      <c r="N7673" s="46">
        <f t="shared" si="858"/>
        <v>45610.29166664814</v>
      </c>
    </row>
    <row r="7674" spans="2:14" x14ac:dyDescent="0.3">
      <c r="B7674">
        <f t="shared" si="852"/>
        <v>4</v>
      </c>
      <c r="C7674" s="16">
        <v>7640</v>
      </c>
      <c r="D7674" cm="1">
        <f t="array" ref="D7674">IFERROR(INDEX(Jesper!AH$2:AH$366,ROUNDDOWN($C7674/24,0)+1,1)*INDEX($D$3:$AA$30,INDEX(Jesper!$R$2:$R$366,ROW(INDEX(Jesper!AH$2:AH$366,ROUNDDOWN($C7674/24,0)+1,1))-1)+IF('Standard Profiles'!$G$18=$B$10,7,0)+IF('Standard Profiles'!$G$18=$B$17,14,0)+IF('Standard Profiles'!$G$18=$B$24,21,0),MOD($C7674,24)+1)/SUM(INDEX($D$3:$AA$30,INDEX(Jesper!$R$2:$R$366,ROW(INDEX(Jesper!AH$2:AH$366,ROUNDDOWN($C7674/24,0)+1,1))-1)+IF('Standard Profiles'!$G$18=$B$10,7,0)+IF('Standard Profiles'!$G$18=$B$17,14,0)+IF('Standard Profiles'!$G$18=$B$24,21,0),0)),0)</f>
        <v>12.326202070463918</v>
      </c>
      <c r="E7674" cm="1">
        <f t="array" ref="E7674">IFERROR(INDEX(Jesper!AI$2:AI$366,ROUNDDOWN($C7674/24,0)+1,1)*INDEX($D$3:$AA$30,INDEX(Jesper!$R$2:$R$366,ROW(INDEX(Jesper!AI$2:AI$366,ROUNDDOWN($C7674/24,0)+1,1))-1)+IF('Standard Profiles'!$G$19=$B$10,7,0)+IF('Standard Profiles'!$G$19=$B$17,14,0)+IF('Standard Profiles'!$G$19=$B$24,21,0),MOD($C7674,24)+1)/SUM(INDEX($D$3:$AA$30,INDEX(Jesper!$R$2:$R$366,ROW(INDEX(Jesper!AI$2:AI$366,ROUNDDOWN($C7674/24,0)+1,1))-1)+IF('Standard Profiles'!$G$19=$B$10,7,0)+IF('Standard Profiles'!$G$19=$B$17,14,0)+IF('Standard Profiles'!$G$19=$B$24,21,0),0)),0)</f>
        <v>0</v>
      </c>
      <c r="F7674" cm="1">
        <f t="array" ref="F7674">IFERROR(INDEX(Jesper!AJ$2:AJ$366,ROUNDDOWN($C7674/24,0)+1,1)*INDEX($D$3:$AA$30,INDEX(Jesper!$R$2:$R$366,ROW(INDEX(Jesper!AJ$2:AJ$366,ROUNDDOWN($C7674/24,0)+1,1))-1)+IF('Standard Profiles'!$G$20=$B$10,7,0)+IF('Standard Profiles'!$G$20=$B$17,14,0)+IF('Standard Profiles'!$G$20=$B$24,21,0),MOD($C7674,24)+1)/SUM(INDEX($D$3:$AA$30,INDEX(Jesper!$R$2:$R$366,ROW(INDEX(Jesper!AJ$2:AJ$366,ROUNDDOWN($C7674/24,0)+1,1))-1)+IF('Standard Profiles'!$G$20=$B$10,7,0)+IF('Standard Profiles'!$G$20=$B$17,14,0)+IF('Standard Profiles'!$G$20=$B$24,21,0),0)),0)</f>
        <v>0</v>
      </c>
      <c r="G7674" cm="1">
        <f t="array" ref="G7674">IFERROR(INDEX(Jesper!AK$2:AK$366,ROUNDDOWN($C7674/24,0)+1,1)*INDEX($D$3:$AA$30,INDEX(Jesper!$R$2:$R$366,ROW(INDEX(Jesper!AK$2:AK$366,ROUNDDOWN($C7674/24,0)+1,1))-1)+IF('Standard Profiles'!$G$21=$B$10,7,0)+IF('Standard Profiles'!$G$21=$B$17,14,0)+IF('Standard Profiles'!$G$21=$B$24,21,0),MOD($C7674,24)+1)/SUM(INDEX($D$3:$AA$30,INDEX(Jesper!$R$2:$R$366,ROW(INDEX(Jesper!AK$2:AK$366,ROUNDDOWN($C7674/24,0)+1,1))-1)+IF('Standard Profiles'!$G$21=$B$10,7,0)+IF('Standard Profiles'!$G$21=$B$17,14,0)+IF('Standard Profiles'!$G$21=$B$24,21,0),0)),0)</f>
        <v>0</v>
      </c>
      <c r="H7674" cm="1">
        <f t="array" ref="H7674">IFERROR(INDEX(Jesper!AL$2:AL$366,ROUNDDOWN($C7674/24,0)+1,1)*INDEX($D$3:$AA$30,INDEX(Jesper!$R$2:$R$366,ROW(INDEX(Jesper!AL$2:AL$366,ROUNDDOWN($C7674/24,0)+1,1))-1)+IF('Standard Profiles'!$G$22=$B$10,7,0)+IF('Standard Profiles'!$G$22=$B$17,14,0)+IF('Standard Profiles'!$G$22=$B$24,21,0),MOD($C7674,24)+1)/SUM(INDEX($D$3:$AA$30,INDEX(Jesper!$R$2:$R$366,ROW(INDEX(Jesper!AL$2:AL$366,ROUNDDOWN($C7674/24,0)+1,1))-1)+IF('Standard Profiles'!$G$22=$B$10,7,0)+IF('Standard Profiles'!$G$22=$B$17,14,0)+IF('Standard Profiles'!$G$22=$B$24,21,0),0)),0)</f>
        <v>0</v>
      </c>
      <c r="I7674">
        <f t="shared" si="853"/>
        <v>0.36978606211391751</v>
      </c>
      <c r="J7674">
        <f t="shared" si="854"/>
        <v>1.2326202070463919</v>
      </c>
      <c r="K7674">
        <f t="shared" si="855"/>
        <v>1.8489303105695876</v>
      </c>
      <c r="L7674">
        <f t="shared" si="856"/>
        <v>8.8748654907340203</v>
      </c>
      <c r="M7674">
        <f t="shared" si="857"/>
        <v>0</v>
      </c>
      <c r="N7674" s="46">
        <f t="shared" si="858"/>
        <v>45610.333333314804</v>
      </c>
    </row>
    <row r="7675" spans="2:14" x14ac:dyDescent="0.3">
      <c r="B7675">
        <f t="shared" si="852"/>
        <v>4</v>
      </c>
      <c r="C7675" s="16">
        <v>7641</v>
      </c>
      <c r="D7675" cm="1">
        <f t="array" ref="D7675">IFERROR(INDEX(Jesper!AH$2:AH$366,ROUNDDOWN($C7675/24,0)+1,1)*INDEX($D$3:$AA$30,INDEX(Jesper!$R$2:$R$366,ROW(INDEX(Jesper!AH$2:AH$366,ROUNDDOWN($C7675/24,0)+1,1))-1)+IF('Standard Profiles'!$G$18=$B$10,7,0)+IF('Standard Profiles'!$G$18=$B$17,14,0)+IF('Standard Profiles'!$G$18=$B$24,21,0),MOD($C7675,24)+1)/SUM(INDEX($D$3:$AA$30,INDEX(Jesper!$R$2:$R$366,ROW(INDEX(Jesper!AH$2:AH$366,ROUNDDOWN($C7675/24,0)+1,1))-1)+IF('Standard Profiles'!$G$18=$B$10,7,0)+IF('Standard Profiles'!$G$18=$B$17,14,0)+IF('Standard Profiles'!$G$18=$B$24,21,0),0)),0)</f>
        <v>13.246067896617939</v>
      </c>
      <c r="E7675" cm="1">
        <f t="array" ref="E7675">IFERROR(INDEX(Jesper!AI$2:AI$366,ROUNDDOWN($C7675/24,0)+1,1)*INDEX($D$3:$AA$30,INDEX(Jesper!$R$2:$R$366,ROW(INDEX(Jesper!AI$2:AI$366,ROUNDDOWN($C7675/24,0)+1,1))-1)+IF('Standard Profiles'!$G$19=$B$10,7,0)+IF('Standard Profiles'!$G$19=$B$17,14,0)+IF('Standard Profiles'!$G$19=$B$24,21,0),MOD($C7675,24)+1)/SUM(INDEX($D$3:$AA$30,INDEX(Jesper!$R$2:$R$366,ROW(INDEX(Jesper!AI$2:AI$366,ROUNDDOWN($C7675/24,0)+1,1))-1)+IF('Standard Profiles'!$G$19=$B$10,7,0)+IF('Standard Profiles'!$G$19=$B$17,14,0)+IF('Standard Profiles'!$G$19=$B$24,21,0),0)),0)</f>
        <v>0</v>
      </c>
      <c r="F7675" cm="1">
        <f t="array" ref="F7675">IFERROR(INDEX(Jesper!AJ$2:AJ$366,ROUNDDOWN($C7675/24,0)+1,1)*INDEX($D$3:$AA$30,INDEX(Jesper!$R$2:$R$366,ROW(INDEX(Jesper!AJ$2:AJ$366,ROUNDDOWN($C7675/24,0)+1,1))-1)+IF('Standard Profiles'!$G$20=$B$10,7,0)+IF('Standard Profiles'!$G$20=$B$17,14,0)+IF('Standard Profiles'!$G$20=$B$24,21,0),MOD($C7675,24)+1)/SUM(INDEX($D$3:$AA$30,INDEX(Jesper!$R$2:$R$366,ROW(INDEX(Jesper!AJ$2:AJ$366,ROUNDDOWN($C7675/24,0)+1,1))-1)+IF('Standard Profiles'!$G$20=$B$10,7,0)+IF('Standard Profiles'!$G$20=$B$17,14,0)+IF('Standard Profiles'!$G$20=$B$24,21,0),0)),0)</f>
        <v>0</v>
      </c>
      <c r="G7675" cm="1">
        <f t="array" ref="G7675">IFERROR(INDEX(Jesper!AK$2:AK$366,ROUNDDOWN($C7675/24,0)+1,1)*INDEX($D$3:$AA$30,INDEX(Jesper!$R$2:$R$366,ROW(INDEX(Jesper!AK$2:AK$366,ROUNDDOWN($C7675/24,0)+1,1))-1)+IF('Standard Profiles'!$G$21=$B$10,7,0)+IF('Standard Profiles'!$G$21=$B$17,14,0)+IF('Standard Profiles'!$G$21=$B$24,21,0),MOD($C7675,24)+1)/SUM(INDEX($D$3:$AA$30,INDEX(Jesper!$R$2:$R$366,ROW(INDEX(Jesper!AK$2:AK$366,ROUNDDOWN($C7675/24,0)+1,1))-1)+IF('Standard Profiles'!$G$21=$B$10,7,0)+IF('Standard Profiles'!$G$21=$B$17,14,0)+IF('Standard Profiles'!$G$21=$B$24,21,0),0)),0)</f>
        <v>0</v>
      </c>
      <c r="H7675" cm="1">
        <f t="array" ref="H7675">IFERROR(INDEX(Jesper!AL$2:AL$366,ROUNDDOWN($C7675/24,0)+1,1)*INDEX($D$3:$AA$30,INDEX(Jesper!$R$2:$R$366,ROW(INDEX(Jesper!AL$2:AL$366,ROUNDDOWN($C7675/24,0)+1,1))-1)+IF('Standard Profiles'!$G$22=$B$10,7,0)+IF('Standard Profiles'!$G$22=$B$17,14,0)+IF('Standard Profiles'!$G$22=$B$24,21,0),MOD($C7675,24)+1)/SUM(INDEX($D$3:$AA$30,INDEX(Jesper!$R$2:$R$366,ROW(INDEX(Jesper!AL$2:AL$366,ROUNDDOWN($C7675/24,0)+1,1))-1)+IF('Standard Profiles'!$G$22=$B$10,7,0)+IF('Standard Profiles'!$G$22=$B$17,14,0)+IF('Standard Profiles'!$G$22=$B$24,21,0),0)),0)</f>
        <v>0</v>
      </c>
      <c r="I7675">
        <f t="shared" si="853"/>
        <v>0.39738203689853818</v>
      </c>
      <c r="J7675">
        <f t="shared" si="854"/>
        <v>1.3246067896617939</v>
      </c>
      <c r="K7675">
        <f t="shared" si="855"/>
        <v>1.9869101844926909</v>
      </c>
      <c r="L7675">
        <f t="shared" si="856"/>
        <v>9.537168885564915</v>
      </c>
      <c r="M7675">
        <f t="shared" si="857"/>
        <v>0</v>
      </c>
      <c r="N7675" s="46">
        <f t="shared" si="858"/>
        <v>45610.374999981468</v>
      </c>
    </row>
    <row r="7676" spans="2:14" x14ac:dyDescent="0.3">
      <c r="B7676">
        <f t="shared" si="852"/>
        <v>4</v>
      </c>
      <c r="C7676" s="16">
        <v>7642</v>
      </c>
      <c r="D7676" cm="1">
        <f t="array" ref="D7676">IFERROR(INDEX(Jesper!AH$2:AH$366,ROUNDDOWN($C7676/24,0)+1,1)*INDEX($D$3:$AA$30,INDEX(Jesper!$R$2:$R$366,ROW(INDEX(Jesper!AH$2:AH$366,ROUNDDOWN($C7676/24,0)+1,1))-1)+IF('Standard Profiles'!$G$18=$B$10,7,0)+IF('Standard Profiles'!$G$18=$B$17,14,0)+IF('Standard Profiles'!$G$18=$B$24,21,0),MOD($C7676,24)+1)/SUM(INDEX($D$3:$AA$30,INDEX(Jesper!$R$2:$R$366,ROW(INDEX(Jesper!AH$2:AH$366,ROUNDDOWN($C7676/24,0)+1,1))-1)+IF('Standard Profiles'!$G$18=$B$10,7,0)+IF('Standard Profiles'!$G$18=$B$17,14,0)+IF('Standard Profiles'!$G$18=$B$24,21,0),0)),0)</f>
        <v>14.349906888002769</v>
      </c>
      <c r="E7676" cm="1">
        <f t="array" ref="E7676">IFERROR(INDEX(Jesper!AI$2:AI$366,ROUNDDOWN($C7676/24,0)+1,1)*INDEX($D$3:$AA$30,INDEX(Jesper!$R$2:$R$366,ROW(INDEX(Jesper!AI$2:AI$366,ROUNDDOWN($C7676/24,0)+1,1))-1)+IF('Standard Profiles'!$G$19=$B$10,7,0)+IF('Standard Profiles'!$G$19=$B$17,14,0)+IF('Standard Profiles'!$G$19=$B$24,21,0),MOD($C7676,24)+1)/SUM(INDEX($D$3:$AA$30,INDEX(Jesper!$R$2:$R$366,ROW(INDEX(Jesper!AI$2:AI$366,ROUNDDOWN($C7676/24,0)+1,1))-1)+IF('Standard Profiles'!$G$19=$B$10,7,0)+IF('Standard Profiles'!$G$19=$B$17,14,0)+IF('Standard Profiles'!$G$19=$B$24,21,0),0)),0)</f>
        <v>0</v>
      </c>
      <c r="F7676" cm="1">
        <f t="array" ref="F7676">IFERROR(INDEX(Jesper!AJ$2:AJ$366,ROUNDDOWN($C7676/24,0)+1,1)*INDEX($D$3:$AA$30,INDEX(Jesper!$R$2:$R$366,ROW(INDEX(Jesper!AJ$2:AJ$366,ROUNDDOWN($C7676/24,0)+1,1))-1)+IF('Standard Profiles'!$G$20=$B$10,7,0)+IF('Standard Profiles'!$G$20=$B$17,14,0)+IF('Standard Profiles'!$G$20=$B$24,21,0),MOD($C7676,24)+1)/SUM(INDEX($D$3:$AA$30,INDEX(Jesper!$R$2:$R$366,ROW(INDEX(Jesper!AJ$2:AJ$366,ROUNDDOWN($C7676/24,0)+1,1))-1)+IF('Standard Profiles'!$G$20=$B$10,7,0)+IF('Standard Profiles'!$G$20=$B$17,14,0)+IF('Standard Profiles'!$G$20=$B$24,21,0),0)),0)</f>
        <v>0</v>
      </c>
      <c r="G7676" cm="1">
        <f t="array" ref="G7676">IFERROR(INDEX(Jesper!AK$2:AK$366,ROUNDDOWN($C7676/24,0)+1,1)*INDEX($D$3:$AA$30,INDEX(Jesper!$R$2:$R$366,ROW(INDEX(Jesper!AK$2:AK$366,ROUNDDOWN($C7676/24,0)+1,1))-1)+IF('Standard Profiles'!$G$21=$B$10,7,0)+IF('Standard Profiles'!$G$21=$B$17,14,0)+IF('Standard Profiles'!$G$21=$B$24,21,0),MOD($C7676,24)+1)/SUM(INDEX($D$3:$AA$30,INDEX(Jesper!$R$2:$R$366,ROW(INDEX(Jesper!AK$2:AK$366,ROUNDDOWN($C7676/24,0)+1,1))-1)+IF('Standard Profiles'!$G$21=$B$10,7,0)+IF('Standard Profiles'!$G$21=$B$17,14,0)+IF('Standard Profiles'!$G$21=$B$24,21,0),0)),0)</f>
        <v>0</v>
      </c>
      <c r="H7676" cm="1">
        <f t="array" ref="H7676">IFERROR(INDEX(Jesper!AL$2:AL$366,ROUNDDOWN($C7676/24,0)+1,1)*INDEX($D$3:$AA$30,INDEX(Jesper!$R$2:$R$366,ROW(INDEX(Jesper!AL$2:AL$366,ROUNDDOWN($C7676/24,0)+1,1))-1)+IF('Standard Profiles'!$G$22=$B$10,7,0)+IF('Standard Profiles'!$G$22=$B$17,14,0)+IF('Standard Profiles'!$G$22=$B$24,21,0),MOD($C7676,24)+1)/SUM(INDEX($D$3:$AA$30,INDEX(Jesper!$R$2:$R$366,ROW(INDEX(Jesper!AL$2:AL$366,ROUNDDOWN($C7676/24,0)+1,1))-1)+IF('Standard Profiles'!$G$22=$B$10,7,0)+IF('Standard Profiles'!$G$22=$B$17,14,0)+IF('Standard Profiles'!$G$22=$B$24,21,0),0)),0)</f>
        <v>0</v>
      </c>
      <c r="I7676">
        <f t="shared" si="853"/>
        <v>0.43049720664008306</v>
      </c>
      <c r="J7676">
        <f t="shared" si="854"/>
        <v>1.434990688800277</v>
      </c>
      <c r="K7676">
        <f t="shared" si="855"/>
        <v>2.1524860332004154</v>
      </c>
      <c r="L7676">
        <f t="shared" si="856"/>
        <v>10.331932959361993</v>
      </c>
      <c r="M7676">
        <f t="shared" si="857"/>
        <v>0</v>
      </c>
      <c r="N7676" s="46">
        <f t="shared" si="858"/>
        <v>45610.416666648132</v>
      </c>
    </row>
    <row r="7677" spans="2:14" x14ac:dyDescent="0.3">
      <c r="B7677">
        <f t="shared" si="852"/>
        <v>4</v>
      </c>
      <c r="C7677" s="16">
        <v>7643</v>
      </c>
      <c r="D7677" cm="1">
        <f t="array" ref="D7677">IFERROR(INDEX(Jesper!AH$2:AH$366,ROUNDDOWN($C7677/24,0)+1,1)*INDEX($D$3:$AA$30,INDEX(Jesper!$R$2:$R$366,ROW(INDEX(Jesper!AH$2:AH$366,ROUNDDOWN($C7677/24,0)+1,1))-1)+IF('Standard Profiles'!$G$18=$B$10,7,0)+IF('Standard Profiles'!$G$18=$B$17,14,0)+IF('Standard Profiles'!$G$18=$B$24,21,0),MOD($C7677,24)+1)/SUM(INDEX($D$3:$AA$30,INDEX(Jesper!$R$2:$R$366,ROW(INDEX(Jesper!AH$2:AH$366,ROUNDDOWN($C7677/24,0)+1,1))-1)+IF('Standard Profiles'!$G$18=$B$10,7,0)+IF('Standard Profiles'!$G$18=$B$17,14,0)+IF('Standard Profiles'!$G$18=$B$24,21,0),0)),0)</f>
        <v>16.557584870772423</v>
      </c>
      <c r="E7677" cm="1">
        <f t="array" ref="E7677">IFERROR(INDEX(Jesper!AI$2:AI$366,ROUNDDOWN($C7677/24,0)+1,1)*INDEX($D$3:$AA$30,INDEX(Jesper!$R$2:$R$366,ROW(INDEX(Jesper!AI$2:AI$366,ROUNDDOWN($C7677/24,0)+1,1))-1)+IF('Standard Profiles'!$G$19=$B$10,7,0)+IF('Standard Profiles'!$G$19=$B$17,14,0)+IF('Standard Profiles'!$G$19=$B$24,21,0),MOD($C7677,24)+1)/SUM(INDEX($D$3:$AA$30,INDEX(Jesper!$R$2:$R$366,ROW(INDEX(Jesper!AI$2:AI$366,ROUNDDOWN($C7677/24,0)+1,1))-1)+IF('Standard Profiles'!$G$19=$B$10,7,0)+IF('Standard Profiles'!$G$19=$B$17,14,0)+IF('Standard Profiles'!$G$19=$B$24,21,0),0)),0)</f>
        <v>0</v>
      </c>
      <c r="F7677" cm="1">
        <f t="array" ref="F7677">IFERROR(INDEX(Jesper!AJ$2:AJ$366,ROUNDDOWN($C7677/24,0)+1,1)*INDEX($D$3:$AA$30,INDEX(Jesper!$R$2:$R$366,ROW(INDEX(Jesper!AJ$2:AJ$366,ROUNDDOWN($C7677/24,0)+1,1))-1)+IF('Standard Profiles'!$G$20=$B$10,7,0)+IF('Standard Profiles'!$G$20=$B$17,14,0)+IF('Standard Profiles'!$G$20=$B$24,21,0),MOD($C7677,24)+1)/SUM(INDEX($D$3:$AA$30,INDEX(Jesper!$R$2:$R$366,ROW(INDEX(Jesper!AJ$2:AJ$366,ROUNDDOWN($C7677/24,0)+1,1))-1)+IF('Standard Profiles'!$G$20=$B$10,7,0)+IF('Standard Profiles'!$G$20=$B$17,14,0)+IF('Standard Profiles'!$G$20=$B$24,21,0),0)),0)</f>
        <v>0</v>
      </c>
      <c r="G7677" cm="1">
        <f t="array" ref="G7677">IFERROR(INDEX(Jesper!AK$2:AK$366,ROUNDDOWN($C7677/24,0)+1,1)*INDEX($D$3:$AA$30,INDEX(Jesper!$R$2:$R$366,ROW(INDEX(Jesper!AK$2:AK$366,ROUNDDOWN($C7677/24,0)+1,1))-1)+IF('Standard Profiles'!$G$21=$B$10,7,0)+IF('Standard Profiles'!$G$21=$B$17,14,0)+IF('Standard Profiles'!$G$21=$B$24,21,0),MOD($C7677,24)+1)/SUM(INDEX($D$3:$AA$30,INDEX(Jesper!$R$2:$R$366,ROW(INDEX(Jesper!AK$2:AK$366,ROUNDDOWN($C7677/24,0)+1,1))-1)+IF('Standard Profiles'!$G$21=$B$10,7,0)+IF('Standard Profiles'!$G$21=$B$17,14,0)+IF('Standard Profiles'!$G$21=$B$24,21,0),0)),0)</f>
        <v>0</v>
      </c>
      <c r="H7677" cm="1">
        <f t="array" ref="H7677">IFERROR(INDEX(Jesper!AL$2:AL$366,ROUNDDOWN($C7677/24,0)+1,1)*INDEX($D$3:$AA$30,INDEX(Jesper!$R$2:$R$366,ROW(INDEX(Jesper!AL$2:AL$366,ROUNDDOWN($C7677/24,0)+1,1))-1)+IF('Standard Profiles'!$G$22=$B$10,7,0)+IF('Standard Profiles'!$G$22=$B$17,14,0)+IF('Standard Profiles'!$G$22=$B$24,21,0),MOD($C7677,24)+1)/SUM(INDEX($D$3:$AA$30,INDEX(Jesper!$R$2:$R$366,ROW(INDEX(Jesper!AL$2:AL$366,ROUNDDOWN($C7677/24,0)+1,1))-1)+IF('Standard Profiles'!$G$22=$B$10,7,0)+IF('Standard Profiles'!$G$22=$B$17,14,0)+IF('Standard Profiles'!$G$22=$B$24,21,0),0)),0)</f>
        <v>0</v>
      </c>
      <c r="I7677">
        <f t="shared" si="853"/>
        <v>0.49672754612317266</v>
      </c>
      <c r="J7677">
        <f t="shared" si="854"/>
        <v>1.6557584870772424</v>
      </c>
      <c r="K7677">
        <f t="shared" si="855"/>
        <v>2.4836377306158632</v>
      </c>
      <c r="L7677">
        <f t="shared" si="856"/>
        <v>11.921461106956144</v>
      </c>
      <c r="M7677">
        <f t="shared" si="857"/>
        <v>0</v>
      </c>
      <c r="N7677" s="46">
        <f t="shared" si="858"/>
        <v>45610.458333314797</v>
      </c>
    </row>
    <row r="7678" spans="2:14" x14ac:dyDescent="0.3">
      <c r="B7678">
        <f t="shared" si="852"/>
        <v>4</v>
      </c>
      <c r="C7678" s="16">
        <v>7644</v>
      </c>
      <c r="D7678" cm="1">
        <f t="array" ref="D7678">IFERROR(INDEX(Jesper!AH$2:AH$366,ROUNDDOWN($C7678/24,0)+1,1)*INDEX($D$3:$AA$30,INDEX(Jesper!$R$2:$R$366,ROW(INDEX(Jesper!AH$2:AH$366,ROUNDDOWN($C7678/24,0)+1,1))-1)+IF('Standard Profiles'!$G$18=$B$10,7,0)+IF('Standard Profiles'!$G$18=$B$17,14,0)+IF('Standard Profiles'!$G$18=$B$24,21,0),MOD($C7678,24)+1)/SUM(INDEX($D$3:$AA$30,INDEX(Jesper!$R$2:$R$366,ROW(INDEX(Jesper!AH$2:AH$366,ROUNDDOWN($C7678/24,0)+1,1))-1)+IF('Standard Profiles'!$G$18=$B$10,7,0)+IF('Standard Profiles'!$G$18=$B$17,14,0)+IF('Standard Profiles'!$G$18=$B$24,21,0),0)),0)</f>
        <v>16.557584870772423</v>
      </c>
      <c r="E7678" cm="1">
        <f t="array" ref="E7678">IFERROR(INDEX(Jesper!AI$2:AI$366,ROUNDDOWN($C7678/24,0)+1,1)*INDEX($D$3:$AA$30,INDEX(Jesper!$R$2:$R$366,ROW(INDEX(Jesper!AI$2:AI$366,ROUNDDOWN($C7678/24,0)+1,1))-1)+IF('Standard Profiles'!$G$19=$B$10,7,0)+IF('Standard Profiles'!$G$19=$B$17,14,0)+IF('Standard Profiles'!$G$19=$B$24,21,0),MOD($C7678,24)+1)/SUM(INDEX($D$3:$AA$30,INDEX(Jesper!$R$2:$R$366,ROW(INDEX(Jesper!AI$2:AI$366,ROUNDDOWN($C7678/24,0)+1,1))-1)+IF('Standard Profiles'!$G$19=$B$10,7,0)+IF('Standard Profiles'!$G$19=$B$17,14,0)+IF('Standard Profiles'!$G$19=$B$24,21,0),0)),0)</f>
        <v>0</v>
      </c>
      <c r="F7678" cm="1">
        <f t="array" ref="F7678">IFERROR(INDEX(Jesper!AJ$2:AJ$366,ROUNDDOWN($C7678/24,0)+1,1)*INDEX($D$3:$AA$30,INDEX(Jesper!$R$2:$R$366,ROW(INDEX(Jesper!AJ$2:AJ$366,ROUNDDOWN($C7678/24,0)+1,1))-1)+IF('Standard Profiles'!$G$20=$B$10,7,0)+IF('Standard Profiles'!$G$20=$B$17,14,0)+IF('Standard Profiles'!$G$20=$B$24,21,0),MOD($C7678,24)+1)/SUM(INDEX($D$3:$AA$30,INDEX(Jesper!$R$2:$R$366,ROW(INDEX(Jesper!AJ$2:AJ$366,ROUNDDOWN($C7678/24,0)+1,1))-1)+IF('Standard Profiles'!$G$20=$B$10,7,0)+IF('Standard Profiles'!$G$20=$B$17,14,0)+IF('Standard Profiles'!$G$20=$B$24,21,0),0)),0)</f>
        <v>0</v>
      </c>
      <c r="G7678" cm="1">
        <f t="array" ref="G7678">IFERROR(INDEX(Jesper!AK$2:AK$366,ROUNDDOWN($C7678/24,0)+1,1)*INDEX($D$3:$AA$30,INDEX(Jesper!$R$2:$R$366,ROW(INDEX(Jesper!AK$2:AK$366,ROUNDDOWN($C7678/24,0)+1,1))-1)+IF('Standard Profiles'!$G$21=$B$10,7,0)+IF('Standard Profiles'!$G$21=$B$17,14,0)+IF('Standard Profiles'!$G$21=$B$24,21,0),MOD($C7678,24)+1)/SUM(INDEX($D$3:$AA$30,INDEX(Jesper!$R$2:$R$366,ROW(INDEX(Jesper!AK$2:AK$366,ROUNDDOWN($C7678/24,0)+1,1))-1)+IF('Standard Profiles'!$G$21=$B$10,7,0)+IF('Standard Profiles'!$G$21=$B$17,14,0)+IF('Standard Profiles'!$G$21=$B$24,21,0),0)),0)</f>
        <v>0</v>
      </c>
      <c r="H7678" cm="1">
        <f t="array" ref="H7678">IFERROR(INDEX(Jesper!AL$2:AL$366,ROUNDDOWN($C7678/24,0)+1,1)*INDEX($D$3:$AA$30,INDEX(Jesper!$R$2:$R$366,ROW(INDEX(Jesper!AL$2:AL$366,ROUNDDOWN($C7678/24,0)+1,1))-1)+IF('Standard Profiles'!$G$22=$B$10,7,0)+IF('Standard Profiles'!$G$22=$B$17,14,0)+IF('Standard Profiles'!$G$22=$B$24,21,0),MOD($C7678,24)+1)/SUM(INDEX($D$3:$AA$30,INDEX(Jesper!$R$2:$R$366,ROW(INDEX(Jesper!AL$2:AL$366,ROUNDDOWN($C7678/24,0)+1,1))-1)+IF('Standard Profiles'!$G$22=$B$10,7,0)+IF('Standard Profiles'!$G$22=$B$17,14,0)+IF('Standard Profiles'!$G$22=$B$24,21,0),0)),0)</f>
        <v>0</v>
      </c>
      <c r="I7678">
        <f t="shared" si="853"/>
        <v>0.49672754612317266</v>
      </c>
      <c r="J7678">
        <f t="shared" si="854"/>
        <v>1.6557584870772424</v>
      </c>
      <c r="K7678">
        <f t="shared" si="855"/>
        <v>2.4836377306158632</v>
      </c>
      <c r="L7678">
        <f t="shared" si="856"/>
        <v>11.921461106956144</v>
      </c>
      <c r="M7678">
        <f t="shared" si="857"/>
        <v>0</v>
      </c>
      <c r="N7678" s="46">
        <f t="shared" si="858"/>
        <v>45610.499999981461</v>
      </c>
    </row>
    <row r="7679" spans="2:14" x14ac:dyDescent="0.3">
      <c r="B7679">
        <f t="shared" si="852"/>
        <v>4</v>
      </c>
      <c r="C7679" s="16">
        <v>7645</v>
      </c>
      <c r="D7679" cm="1">
        <f t="array" ref="D7679">IFERROR(INDEX(Jesper!AH$2:AH$366,ROUNDDOWN($C7679/24,0)+1,1)*INDEX($D$3:$AA$30,INDEX(Jesper!$R$2:$R$366,ROW(INDEX(Jesper!AH$2:AH$366,ROUNDDOWN($C7679/24,0)+1,1))-1)+IF('Standard Profiles'!$G$18=$B$10,7,0)+IF('Standard Profiles'!$G$18=$B$17,14,0)+IF('Standard Profiles'!$G$18=$B$24,21,0),MOD($C7679,24)+1)/SUM(INDEX($D$3:$AA$30,INDEX(Jesper!$R$2:$R$366,ROW(INDEX(Jesper!AH$2:AH$366,ROUNDDOWN($C7679/24,0)+1,1))-1)+IF('Standard Profiles'!$G$18=$B$10,7,0)+IF('Standard Profiles'!$G$18=$B$17,14,0)+IF('Standard Profiles'!$G$18=$B$24,21,0),0)),0)</f>
        <v>16.557584870772423</v>
      </c>
      <c r="E7679" cm="1">
        <f t="array" ref="E7679">IFERROR(INDEX(Jesper!AI$2:AI$366,ROUNDDOWN($C7679/24,0)+1,1)*INDEX($D$3:$AA$30,INDEX(Jesper!$R$2:$R$366,ROW(INDEX(Jesper!AI$2:AI$366,ROUNDDOWN($C7679/24,0)+1,1))-1)+IF('Standard Profiles'!$G$19=$B$10,7,0)+IF('Standard Profiles'!$G$19=$B$17,14,0)+IF('Standard Profiles'!$G$19=$B$24,21,0),MOD($C7679,24)+1)/SUM(INDEX($D$3:$AA$30,INDEX(Jesper!$R$2:$R$366,ROW(INDEX(Jesper!AI$2:AI$366,ROUNDDOWN($C7679/24,0)+1,1))-1)+IF('Standard Profiles'!$G$19=$B$10,7,0)+IF('Standard Profiles'!$G$19=$B$17,14,0)+IF('Standard Profiles'!$G$19=$B$24,21,0),0)),0)</f>
        <v>0</v>
      </c>
      <c r="F7679" cm="1">
        <f t="array" ref="F7679">IFERROR(INDEX(Jesper!AJ$2:AJ$366,ROUNDDOWN($C7679/24,0)+1,1)*INDEX($D$3:$AA$30,INDEX(Jesper!$R$2:$R$366,ROW(INDEX(Jesper!AJ$2:AJ$366,ROUNDDOWN($C7679/24,0)+1,1))-1)+IF('Standard Profiles'!$G$20=$B$10,7,0)+IF('Standard Profiles'!$G$20=$B$17,14,0)+IF('Standard Profiles'!$G$20=$B$24,21,0),MOD($C7679,24)+1)/SUM(INDEX($D$3:$AA$30,INDEX(Jesper!$R$2:$R$366,ROW(INDEX(Jesper!AJ$2:AJ$366,ROUNDDOWN($C7679/24,0)+1,1))-1)+IF('Standard Profiles'!$G$20=$B$10,7,0)+IF('Standard Profiles'!$G$20=$B$17,14,0)+IF('Standard Profiles'!$G$20=$B$24,21,0),0)),0)</f>
        <v>0</v>
      </c>
      <c r="G7679" cm="1">
        <f t="array" ref="G7679">IFERROR(INDEX(Jesper!AK$2:AK$366,ROUNDDOWN($C7679/24,0)+1,1)*INDEX($D$3:$AA$30,INDEX(Jesper!$R$2:$R$366,ROW(INDEX(Jesper!AK$2:AK$366,ROUNDDOWN($C7679/24,0)+1,1))-1)+IF('Standard Profiles'!$G$21=$B$10,7,0)+IF('Standard Profiles'!$G$21=$B$17,14,0)+IF('Standard Profiles'!$G$21=$B$24,21,0),MOD($C7679,24)+1)/SUM(INDEX($D$3:$AA$30,INDEX(Jesper!$R$2:$R$366,ROW(INDEX(Jesper!AK$2:AK$366,ROUNDDOWN($C7679/24,0)+1,1))-1)+IF('Standard Profiles'!$G$21=$B$10,7,0)+IF('Standard Profiles'!$G$21=$B$17,14,0)+IF('Standard Profiles'!$G$21=$B$24,21,0),0)),0)</f>
        <v>0</v>
      </c>
      <c r="H7679" cm="1">
        <f t="array" ref="H7679">IFERROR(INDEX(Jesper!AL$2:AL$366,ROUNDDOWN($C7679/24,0)+1,1)*INDEX($D$3:$AA$30,INDEX(Jesper!$R$2:$R$366,ROW(INDEX(Jesper!AL$2:AL$366,ROUNDDOWN($C7679/24,0)+1,1))-1)+IF('Standard Profiles'!$G$22=$B$10,7,0)+IF('Standard Profiles'!$G$22=$B$17,14,0)+IF('Standard Profiles'!$G$22=$B$24,21,0),MOD($C7679,24)+1)/SUM(INDEX($D$3:$AA$30,INDEX(Jesper!$R$2:$R$366,ROW(INDEX(Jesper!AL$2:AL$366,ROUNDDOWN($C7679/24,0)+1,1))-1)+IF('Standard Profiles'!$G$22=$B$10,7,0)+IF('Standard Profiles'!$G$22=$B$17,14,0)+IF('Standard Profiles'!$G$22=$B$24,21,0),0)),0)</f>
        <v>0</v>
      </c>
      <c r="I7679">
        <f t="shared" si="853"/>
        <v>0.49672754612317266</v>
      </c>
      <c r="J7679">
        <f t="shared" si="854"/>
        <v>1.6557584870772424</v>
      </c>
      <c r="K7679">
        <f t="shared" si="855"/>
        <v>2.4836377306158632</v>
      </c>
      <c r="L7679">
        <f t="shared" si="856"/>
        <v>11.921461106956144</v>
      </c>
      <c r="M7679">
        <f t="shared" si="857"/>
        <v>0</v>
      </c>
      <c r="N7679" s="46">
        <f t="shared" si="858"/>
        <v>45610.541666648125</v>
      </c>
    </row>
    <row r="7680" spans="2:14" x14ac:dyDescent="0.3">
      <c r="B7680">
        <f t="shared" si="852"/>
        <v>4</v>
      </c>
      <c r="C7680" s="16">
        <v>7646</v>
      </c>
      <c r="D7680" cm="1">
        <f t="array" ref="D7680">IFERROR(INDEX(Jesper!AH$2:AH$366,ROUNDDOWN($C7680/24,0)+1,1)*INDEX($D$3:$AA$30,INDEX(Jesper!$R$2:$R$366,ROW(INDEX(Jesper!AH$2:AH$366,ROUNDDOWN($C7680/24,0)+1,1))-1)+IF('Standard Profiles'!$G$18=$B$10,7,0)+IF('Standard Profiles'!$G$18=$B$17,14,0)+IF('Standard Profiles'!$G$18=$B$24,21,0),MOD($C7680,24)+1)/SUM(INDEX($D$3:$AA$30,INDEX(Jesper!$R$2:$R$366,ROW(INDEX(Jesper!AH$2:AH$366,ROUNDDOWN($C7680/24,0)+1,1))-1)+IF('Standard Profiles'!$G$18=$B$10,7,0)+IF('Standard Profiles'!$G$18=$B$17,14,0)+IF('Standard Profiles'!$G$18=$B$24,21,0),0)),0)</f>
        <v>16.557584870772423</v>
      </c>
      <c r="E7680" cm="1">
        <f t="array" ref="E7680">IFERROR(INDEX(Jesper!AI$2:AI$366,ROUNDDOWN($C7680/24,0)+1,1)*INDEX($D$3:$AA$30,INDEX(Jesper!$R$2:$R$366,ROW(INDEX(Jesper!AI$2:AI$366,ROUNDDOWN($C7680/24,0)+1,1))-1)+IF('Standard Profiles'!$G$19=$B$10,7,0)+IF('Standard Profiles'!$G$19=$B$17,14,0)+IF('Standard Profiles'!$G$19=$B$24,21,0),MOD($C7680,24)+1)/SUM(INDEX($D$3:$AA$30,INDEX(Jesper!$R$2:$R$366,ROW(INDEX(Jesper!AI$2:AI$366,ROUNDDOWN($C7680/24,0)+1,1))-1)+IF('Standard Profiles'!$G$19=$B$10,7,0)+IF('Standard Profiles'!$G$19=$B$17,14,0)+IF('Standard Profiles'!$G$19=$B$24,21,0),0)),0)</f>
        <v>0</v>
      </c>
      <c r="F7680" cm="1">
        <f t="array" ref="F7680">IFERROR(INDEX(Jesper!AJ$2:AJ$366,ROUNDDOWN($C7680/24,0)+1,1)*INDEX($D$3:$AA$30,INDEX(Jesper!$R$2:$R$366,ROW(INDEX(Jesper!AJ$2:AJ$366,ROUNDDOWN($C7680/24,0)+1,1))-1)+IF('Standard Profiles'!$G$20=$B$10,7,0)+IF('Standard Profiles'!$G$20=$B$17,14,0)+IF('Standard Profiles'!$G$20=$B$24,21,0),MOD($C7680,24)+1)/SUM(INDEX($D$3:$AA$30,INDEX(Jesper!$R$2:$R$366,ROW(INDEX(Jesper!AJ$2:AJ$366,ROUNDDOWN($C7680/24,0)+1,1))-1)+IF('Standard Profiles'!$G$20=$B$10,7,0)+IF('Standard Profiles'!$G$20=$B$17,14,0)+IF('Standard Profiles'!$G$20=$B$24,21,0),0)),0)</f>
        <v>0</v>
      </c>
      <c r="G7680" cm="1">
        <f t="array" ref="G7680">IFERROR(INDEX(Jesper!AK$2:AK$366,ROUNDDOWN($C7680/24,0)+1,1)*INDEX($D$3:$AA$30,INDEX(Jesper!$R$2:$R$366,ROW(INDEX(Jesper!AK$2:AK$366,ROUNDDOWN($C7680/24,0)+1,1))-1)+IF('Standard Profiles'!$G$21=$B$10,7,0)+IF('Standard Profiles'!$G$21=$B$17,14,0)+IF('Standard Profiles'!$G$21=$B$24,21,0),MOD($C7680,24)+1)/SUM(INDEX($D$3:$AA$30,INDEX(Jesper!$R$2:$R$366,ROW(INDEX(Jesper!AK$2:AK$366,ROUNDDOWN($C7680/24,0)+1,1))-1)+IF('Standard Profiles'!$G$21=$B$10,7,0)+IF('Standard Profiles'!$G$21=$B$17,14,0)+IF('Standard Profiles'!$G$21=$B$24,21,0),0)),0)</f>
        <v>0</v>
      </c>
      <c r="H7680" cm="1">
        <f t="array" ref="H7680">IFERROR(INDEX(Jesper!AL$2:AL$366,ROUNDDOWN($C7680/24,0)+1,1)*INDEX($D$3:$AA$30,INDEX(Jesper!$R$2:$R$366,ROW(INDEX(Jesper!AL$2:AL$366,ROUNDDOWN($C7680/24,0)+1,1))-1)+IF('Standard Profiles'!$G$22=$B$10,7,0)+IF('Standard Profiles'!$G$22=$B$17,14,0)+IF('Standard Profiles'!$G$22=$B$24,21,0),MOD($C7680,24)+1)/SUM(INDEX($D$3:$AA$30,INDEX(Jesper!$R$2:$R$366,ROW(INDEX(Jesper!AL$2:AL$366,ROUNDDOWN($C7680/24,0)+1,1))-1)+IF('Standard Profiles'!$G$22=$B$10,7,0)+IF('Standard Profiles'!$G$22=$B$17,14,0)+IF('Standard Profiles'!$G$22=$B$24,21,0),0)),0)</f>
        <v>0</v>
      </c>
      <c r="I7680">
        <f t="shared" si="853"/>
        <v>0.49672754612317266</v>
      </c>
      <c r="J7680">
        <f t="shared" si="854"/>
        <v>1.6557584870772424</v>
      </c>
      <c r="K7680">
        <f t="shared" si="855"/>
        <v>2.4836377306158632</v>
      </c>
      <c r="L7680">
        <f t="shared" si="856"/>
        <v>11.921461106956144</v>
      </c>
      <c r="M7680">
        <f t="shared" si="857"/>
        <v>0</v>
      </c>
      <c r="N7680" s="46">
        <f t="shared" si="858"/>
        <v>45610.583333314789</v>
      </c>
    </row>
    <row r="7681" spans="2:14" x14ac:dyDescent="0.3">
      <c r="B7681">
        <f t="shared" si="852"/>
        <v>4</v>
      </c>
      <c r="C7681" s="16">
        <v>7647</v>
      </c>
      <c r="D7681" cm="1">
        <f t="array" ref="D7681">IFERROR(INDEX(Jesper!AH$2:AH$366,ROUNDDOWN($C7681/24,0)+1,1)*INDEX($D$3:$AA$30,INDEX(Jesper!$R$2:$R$366,ROW(INDEX(Jesper!AH$2:AH$366,ROUNDDOWN($C7681/24,0)+1,1))-1)+IF('Standard Profiles'!$G$18=$B$10,7,0)+IF('Standard Profiles'!$G$18=$B$17,14,0)+IF('Standard Profiles'!$G$18=$B$24,21,0),MOD($C7681,24)+1)/SUM(INDEX($D$3:$AA$30,INDEX(Jesper!$R$2:$R$366,ROW(INDEX(Jesper!AH$2:AH$366,ROUNDDOWN($C7681/24,0)+1,1))-1)+IF('Standard Profiles'!$G$18=$B$10,7,0)+IF('Standard Profiles'!$G$18=$B$17,14,0)+IF('Standard Profiles'!$G$18=$B$24,21,0),0)),0)</f>
        <v>16.557584870772423</v>
      </c>
      <c r="E7681" cm="1">
        <f t="array" ref="E7681">IFERROR(INDEX(Jesper!AI$2:AI$366,ROUNDDOWN($C7681/24,0)+1,1)*INDEX($D$3:$AA$30,INDEX(Jesper!$R$2:$R$366,ROW(INDEX(Jesper!AI$2:AI$366,ROUNDDOWN($C7681/24,0)+1,1))-1)+IF('Standard Profiles'!$G$19=$B$10,7,0)+IF('Standard Profiles'!$G$19=$B$17,14,0)+IF('Standard Profiles'!$G$19=$B$24,21,0),MOD($C7681,24)+1)/SUM(INDEX($D$3:$AA$30,INDEX(Jesper!$R$2:$R$366,ROW(INDEX(Jesper!AI$2:AI$366,ROUNDDOWN($C7681/24,0)+1,1))-1)+IF('Standard Profiles'!$G$19=$B$10,7,0)+IF('Standard Profiles'!$G$19=$B$17,14,0)+IF('Standard Profiles'!$G$19=$B$24,21,0),0)),0)</f>
        <v>0</v>
      </c>
      <c r="F7681" cm="1">
        <f t="array" ref="F7681">IFERROR(INDEX(Jesper!AJ$2:AJ$366,ROUNDDOWN($C7681/24,0)+1,1)*INDEX($D$3:$AA$30,INDEX(Jesper!$R$2:$R$366,ROW(INDEX(Jesper!AJ$2:AJ$366,ROUNDDOWN($C7681/24,0)+1,1))-1)+IF('Standard Profiles'!$G$20=$B$10,7,0)+IF('Standard Profiles'!$G$20=$B$17,14,0)+IF('Standard Profiles'!$G$20=$B$24,21,0),MOD($C7681,24)+1)/SUM(INDEX($D$3:$AA$30,INDEX(Jesper!$R$2:$R$366,ROW(INDEX(Jesper!AJ$2:AJ$366,ROUNDDOWN($C7681/24,0)+1,1))-1)+IF('Standard Profiles'!$G$20=$B$10,7,0)+IF('Standard Profiles'!$G$20=$B$17,14,0)+IF('Standard Profiles'!$G$20=$B$24,21,0),0)),0)</f>
        <v>0</v>
      </c>
      <c r="G7681" cm="1">
        <f t="array" ref="G7681">IFERROR(INDEX(Jesper!AK$2:AK$366,ROUNDDOWN($C7681/24,0)+1,1)*INDEX($D$3:$AA$30,INDEX(Jesper!$R$2:$R$366,ROW(INDEX(Jesper!AK$2:AK$366,ROUNDDOWN($C7681/24,0)+1,1))-1)+IF('Standard Profiles'!$G$21=$B$10,7,0)+IF('Standard Profiles'!$G$21=$B$17,14,0)+IF('Standard Profiles'!$G$21=$B$24,21,0),MOD($C7681,24)+1)/SUM(INDEX($D$3:$AA$30,INDEX(Jesper!$R$2:$R$366,ROW(INDEX(Jesper!AK$2:AK$366,ROUNDDOWN($C7681/24,0)+1,1))-1)+IF('Standard Profiles'!$G$21=$B$10,7,0)+IF('Standard Profiles'!$G$21=$B$17,14,0)+IF('Standard Profiles'!$G$21=$B$24,21,0),0)),0)</f>
        <v>0</v>
      </c>
      <c r="H7681" cm="1">
        <f t="array" ref="H7681">IFERROR(INDEX(Jesper!AL$2:AL$366,ROUNDDOWN($C7681/24,0)+1,1)*INDEX($D$3:$AA$30,INDEX(Jesper!$R$2:$R$366,ROW(INDEX(Jesper!AL$2:AL$366,ROUNDDOWN($C7681/24,0)+1,1))-1)+IF('Standard Profiles'!$G$22=$B$10,7,0)+IF('Standard Profiles'!$G$22=$B$17,14,0)+IF('Standard Profiles'!$G$22=$B$24,21,0),MOD($C7681,24)+1)/SUM(INDEX($D$3:$AA$30,INDEX(Jesper!$R$2:$R$366,ROW(INDEX(Jesper!AL$2:AL$366,ROUNDDOWN($C7681/24,0)+1,1))-1)+IF('Standard Profiles'!$G$22=$B$10,7,0)+IF('Standard Profiles'!$G$22=$B$17,14,0)+IF('Standard Profiles'!$G$22=$B$24,21,0),0)),0)</f>
        <v>0</v>
      </c>
      <c r="I7681">
        <f t="shared" si="853"/>
        <v>0.49672754612317266</v>
      </c>
      <c r="J7681">
        <f t="shared" si="854"/>
        <v>1.6557584870772424</v>
      </c>
      <c r="K7681">
        <f t="shared" si="855"/>
        <v>2.4836377306158632</v>
      </c>
      <c r="L7681">
        <f t="shared" si="856"/>
        <v>11.921461106956144</v>
      </c>
      <c r="M7681">
        <f t="shared" si="857"/>
        <v>0</v>
      </c>
      <c r="N7681" s="46">
        <f t="shared" si="858"/>
        <v>45610.624999981454</v>
      </c>
    </row>
    <row r="7682" spans="2:14" x14ac:dyDescent="0.3">
      <c r="B7682">
        <f t="shared" si="852"/>
        <v>4</v>
      </c>
      <c r="C7682" s="16">
        <v>7648</v>
      </c>
      <c r="D7682" cm="1">
        <f t="array" ref="D7682">IFERROR(INDEX(Jesper!AH$2:AH$366,ROUNDDOWN($C7682/24,0)+1,1)*INDEX($D$3:$AA$30,INDEX(Jesper!$R$2:$R$366,ROW(INDEX(Jesper!AH$2:AH$366,ROUNDDOWN($C7682/24,0)+1,1))-1)+IF('Standard Profiles'!$G$18=$B$10,7,0)+IF('Standard Profiles'!$G$18=$B$17,14,0)+IF('Standard Profiles'!$G$18=$B$24,21,0),MOD($C7682,24)+1)/SUM(INDEX($D$3:$AA$30,INDEX(Jesper!$R$2:$R$366,ROW(INDEX(Jesper!AH$2:AH$366,ROUNDDOWN($C7682/24,0)+1,1))-1)+IF('Standard Profiles'!$G$18=$B$10,7,0)+IF('Standard Profiles'!$G$18=$B$17,14,0)+IF('Standard Profiles'!$G$18=$B$24,21,0),0)),0)</f>
        <v>16.557584870772423</v>
      </c>
      <c r="E7682" cm="1">
        <f t="array" ref="E7682">IFERROR(INDEX(Jesper!AI$2:AI$366,ROUNDDOWN($C7682/24,0)+1,1)*INDEX($D$3:$AA$30,INDEX(Jesper!$R$2:$R$366,ROW(INDEX(Jesper!AI$2:AI$366,ROUNDDOWN($C7682/24,0)+1,1))-1)+IF('Standard Profiles'!$G$19=$B$10,7,0)+IF('Standard Profiles'!$G$19=$B$17,14,0)+IF('Standard Profiles'!$G$19=$B$24,21,0),MOD($C7682,24)+1)/SUM(INDEX($D$3:$AA$30,INDEX(Jesper!$R$2:$R$366,ROW(INDEX(Jesper!AI$2:AI$366,ROUNDDOWN($C7682/24,0)+1,1))-1)+IF('Standard Profiles'!$G$19=$B$10,7,0)+IF('Standard Profiles'!$G$19=$B$17,14,0)+IF('Standard Profiles'!$G$19=$B$24,21,0),0)),0)</f>
        <v>0</v>
      </c>
      <c r="F7682" cm="1">
        <f t="array" ref="F7682">IFERROR(INDEX(Jesper!AJ$2:AJ$366,ROUNDDOWN($C7682/24,0)+1,1)*INDEX($D$3:$AA$30,INDEX(Jesper!$R$2:$R$366,ROW(INDEX(Jesper!AJ$2:AJ$366,ROUNDDOWN($C7682/24,0)+1,1))-1)+IF('Standard Profiles'!$G$20=$B$10,7,0)+IF('Standard Profiles'!$G$20=$B$17,14,0)+IF('Standard Profiles'!$G$20=$B$24,21,0),MOD($C7682,24)+1)/SUM(INDEX($D$3:$AA$30,INDEX(Jesper!$R$2:$R$366,ROW(INDEX(Jesper!AJ$2:AJ$366,ROUNDDOWN($C7682/24,0)+1,1))-1)+IF('Standard Profiles'!$G$20=$B$10,7,0)+IF('Standard Profiles'!$G$20=$B$17,14,0)+IF('Standard Profiles'!$G$20=$B$24,21,0),0)),0)</f>
        <v>0</v>
      </c>
      <c r="G7682" cm="1">
        <f t="array" ref="G7682">IFERROR(INDEX(Jesper!AK$2:AK$366,ROUNDDOWN($C7682/24,0)+1,1)*INDEX($D$3:$AA$30,INDEX(Jesper!$R$2:$R$366,ROW(INDEX(Jesper!AK$2:AK$366,ROUNDDOWN($C7682/24,0)+1,1))-1)+IF('Standard Profiles'!$G$21=$B$10,7,0)+IF('Standard Profiles'!$G$21=$B$17,14,0)+IF('Standard Profiles'!$G$21=$B$24,21,0),MOD($C7682,24)+1)/SUM(INDEX($D$3:$AA$30,INDEX(Jesper!$R$2:$R$366,ROW(INDEX(Jesper!AK$2:AK$366,ROUNDDOWN($C7682/24,0)+1,1))-1)+IF('Standard Profiles'!$G$21=$B$10,7,0)+IF('Standard Profiles'!$G$21=$B$17,14,0)+IF('Standard Profiles'!$G$21=$B$24,21,0),0)),0)</f>
        <v>0</v>
      </c>
      <c r="H7682" cm="1">
        <f t="array" ref="H7682">IFERROR(INDEX(Jesper!AL$2:AL$366,ROUNDDOWN($C7682/24,0)+1,1)*INDEX($D$3:$AA$30,INDEX(Jesper!$R$2:$R$366,ROW(INDEX(Jesper!AL$2:AL$366,ROUNDDOWN($C7682/24,0)+1,1))-1)+IF('Standard Profiles'!$G$22=$B$10,7,0)+IF('Standard Profiles'!$G$22=$B$17,14,0)+IF('Standard Profiles'!$G$22=$B$24,21,0),MOD($C7682,24)+1)/SUM(INDEX($D$3:$AA$30,INDEX(Jesper!$R$2:$R$366,ROW(INDEX(Jesper!AL$2:AL$366,ROUNDDOWN($C7682/24,0)+1,1))-1)+IF('Standard Profiles'!$G$22=$B$10,7,0)+IF('Standard Profiles'!$G$22=$B$17,14,0)+IF('Standard Profiles'!$G$22=$B$24,21,0),0)),0)</f>
        <v>0</v>
      </c>
      <c r="I7682">
        <f t="shared" si="853"/>
        <v>0.49672754612317266</v>
      </c>
      <c r="J7682">
        <f t="shared" si="854"/>
        <v>1.6557584870772424</v>
      </c>
      <c r="K7682">
        <f t="shared" si="855"/>
        <v>2.4836377306158632</v>
      </c>
      <c r="L7682">
        <f t="shared" si="856"/>
        <v>11.921461106956144</v>
      </c>
      <c r="M7682">
        <f t="shared" si="857"/>
        <v>0</v>
      </c>
      <c r="N7682" s="46">
        <f t="shared" si="858"/>
        <v>45610.666666648118</v>
      </c>
    </row>
    <row r="7683" spans="2:14" x14ac:dyDescent="0.3">
      <c r="B7683">
        <f t="shared" si="852"/>
        <v>4</v>
      </c>
      <c r="C7683" s="16">
        <v>7649</v>
      </c>
      <c r="D7683" cm="1">
        <f t="array" ref="D7683">IFERROR(INDEX(Jesper!AH$2:AH$366,ROUNDDOWN($C7683/24,0)+1,1)*INDEX($D$3:$AA$30,INDEX(Jesper!$R$2:$R$366,ROW(INDEX(Jesper!AH$2:AH$366,ROUNDDOWN($C7683/24,0)+1,1))-1)+IF('Standard Profiles'!$G$18=$B$10,7,0)+IF('Standard Profiles'!$G$18=$B$17,14,0)+IF('Standard Profiles'!$G$18=$B$24,21,0),MOD($C7683,24)+1)/SUM(INDEX($D$3:$AA$30,INDEX(Jesper!$R$2:$R$366,ROW(INDEX(Jesper!AH$2:AH$366,ROUNDDOWN($C7683/24,0)+1,1))-1)+IF('Standard Profiles'!$G$18=$B$10,7,0)+IF('Standard Profiles'!$G$18=$B$17,14,0)+IF('Standard Profiles'!$G$18=$B$24,21,0),0)),0)</f>
        <v>16.557584870772423</v>
      </c>
      <c r="E7683" cm="1">
        <f t="array" ref="E7683">IFERROR(INDEX(Jesper!AI$2:AI$366,ROUNDDOWN($C7683/24,0)+1,1)*INDEX($D$3:$AA$30,INDEX(Jesper!$R$2:$R$366,ROW(INDEX(Jesper!AI$2:AI$366,ROUNDDOWN($C7683/24,0)+1,1))-1)+IF('Standard Profiles'!$G$19=$B$10,7,0)+IF('Standard Profiles'!$G$19=$B$17,14,0)+IF('Standard Profiles'!$G$19=$B$24,21,0),MOD($C7683,24)+1)/SUM(INDEX($D$3:$AA$30,INDEX(Jesper!$R$2:$R$366,ROW(INDEX(Jesper!AI$2:AI$366,ROUNDDOWN($C7683/24,0)+1,1))-1)+IF('Standard Profiles'!$G$19=$B$10,7,0)+IF('Standard Profiles'!$G$19=$B$17,14,0)+IF('Standard Profiles'!$G$19=$B$24,21,0),0)),0)</f>
        <v>0</v>
      </c>
      <c r="F7683" cm="1">
        <f t="array" ref="F7683">IFERROR(INDEX(Jesper!AJ$2:AJ$366,ROUNDDOWN($C7683/24,0)+1,1)*INDEX($D$3:$AA$30,INDEX(Jesper!$R$2:$R$366,ROW(INDEX(Jesper!AJ$2:AJ$366,ROUNDDOWN($C7683/24,0)+1,1))-1)+IF('Standard Profiles'!$G$20=$B$10,7,0)+IF('Standard Profiles'!$G$20=$B$17,14,0)+IF('Standard Profiles'!$G$20=$B$24,21,0),MOD($C7683,24)+1)/SUM(INDEX($D$3:$AA$30,INDEX(Jesper!$R$2:$R$366,ROW(INDEX(Jesper!AJ$2:AJ$366,ROUNDDOWN($C7683/24,0)+1,1))-1)+IF('Standard Profiles'!$G$20=$B$10,7,0)+IF('Standard Profiles'!$G$20=$B$17,14,0)+IF('Standard Profiles'!$G$20=$B$24,21,0),0)),0)</f>
        <v>0</v>
      </c>
      <c r="G7683" cm="1">
        <f t="array" ref="G7683">IFERROR(INDEX(Jesper!AK$2:AK$366,ROUNDDOWN($C7683/24,0)+1,1)*INDEX($D$3:$AA$30,INDEX(Jesper!$R$2:$R$366,ROW(INDEX(Jesper!AK$2:AK$366,ROUNDDOWN($C7683/24,0)+1,1))-1)+IF('Standard Profiles'!$G$21=$B$10,7,0)+IF('Standard Profiles'!$G$21=$B$17,14,0)+IF('Standard Profiles'!$G$21=$B$24,21,0),MOD($C7683,24)+1)/SUM(INDEX($D$3:$AA$30,INDEX(Jesper!$R$2:$R$366,ROW(INDEX(Jesper!AK$2:AK$366,ROUNDDOWN($C7683/24,0)+1,1))-1)+IF('Standard Profiles'!$G$21=$B$10,7,0)+IF('Standard Profiles'!$G$21=$B$17,14,0)+IF('Standard Profiles'!$G$21=$B$24,21,0),0)),0)</f>
        <v>0</v>
      </c>
      <c r="H7683" cm="1">
        <f t="array" ref="H7683">IFERROR(INDEX(Jesper!AL$2:AL$366,ROUNDDOWN($C7683/24,0)+1,1)*INDEX($D$3:$AA$30,INDEX(Jesper!$R$2:$R$366,ROW(INDEX(Jesper!AL$2:AL$366,ROUNDDOWN($C7683/24,0)+1,1))-1)+IF('Standard Profiles'!$G$22=$B$10,7,0)+IF('Standard Profiles'!$G$22=$B$17,14,0)+IF('Standard Profiles'!$G$22=$B$24,21,0),MOD($C7683,24)+1)/SUM(INDEX($D$3:$AA$30,INDEX(Jesper!$R$2:$R$366,ROW(INDEX(Jesper!AL$2:AL$366,ROUNDDOWN($C7683/24,0)+1,1))-1)+IF('Standard Profiles'!$G$22=$B$10,7,0)+IF('Standard Profiles'!$G$22=$B$17,14,0)+IF('Standard Profiles'!$G$22=$B$24,21,0),0)),0)</f>
        <v>0</v>
      </c>
      <c r="I7683">
        <f t="shared" si="853"/>
        <v>0.49672754612317266</v>
      </c>
      <c r="J7683">
        <f t="shared" si="854"/>
        <v>1.6557584870772424</v>
      </c>
      <c r="K7683">
        <f t="shared" si="855"/>
        <v>2.4836377306158632</v>
      </c>
      <c r="L7683">
        <f t="shared" si="856"/>
        <v>11.921461106956144</v>
      </c>
      <c r="M7683">
        <f t="shared" si="857"/>
        <v>0</v>
      </c>
      <c r="N7683" s="46">
        <f t="shared" si="858"/>
        <v>45610.708333314782</v>
      </c>
    </row>
    <row r="7684" spans="2:14" x14ac:dyDescent="0.3">
      <c r="B7684">
        <f t="shared" si="852"/>
        <v>4</v>
      </c>
      <c r="C7684" s="16">
        <v>7650</v>
      </c>
      <c r="D7684" cm="1">
        <f t="array" ref="D7684">IFERROR(INDEX(Jesper!AH$2:AH$366,ROUNDDOWN($C7684/24,0)+1,1)*INDEX($D$3:$AA$30,INDEX(Jesper!$R$2:$R$366,ROW(INDEX(Jesper!AH$2:AH$366,ROUNDDOWN($C7684/24,0)+1,1))-1)+IF('Standard Profiles'!$G$18=$B$10,7,0)+IF('Standard Profiles'!$G$18=$B$17,14,0)+IF('Standard Profiles'!$G$18=$B$24,21,0),MOD($C7684,24)+1)/SUM(INDEX($D$3:$AA$30,INDEX(Jesper!$R$2:$R$366,ROW(INDEX(Jesper!AH$2:AH$366,ROUNDDOWN($C7684/24,0)+1,1))-1)+IF('Standard Profiles'!$G$18=$B$10,7,0)+IF('Standard Profiles'!$G$18=$B$17,14,0)+IF('Standard Profiles'!$G$18=$B$24,21,0),0)),0)</f>
        <v>16.557584870772423</v>
      </c>
      <c r="E7684" cm="1">
        <f t="array" ref="E7684">IFERROR(INDEX(Jesper!AI$2:AI$366,ROUNDDOWN($C7684/24,0)+1,1)*INDEX($D$3:$AA$30,INDEX(Jesper!$R$2:$R$366,ROW(INDEX(Jesper!AI$2:AI$366,ROUNDDOWN($C7684/24,0)+1,1))-1)+IF('Standard Profiles'!$G$19=$B$10,7,0)+IF('Standard Profiles'!$G$19=$B$17,14,0)+IF('Standard Profiles'!$G$19=$B$24,21,0),MOD($C7684,24)+1)/SUM(INDEX($D$3:$AA$30,INDEX(Jesper!$R$2:$R$366,ROW(INDEX(Jesper!AI$2:AI$366,ROUNDDOWN($C7684/24,0)+1,1))-1)+IF('Standard Profiles'!$G$19=$B$10,7,0)+IF('Standard Profiles'!$G$19=$B$17,14,0)+IF('Standard Profiles'!$G$19=$B$24,21,0),0)),0)</f>
        <v>0</v>
      </c>
      <c r="F7684" cm="1">
        <f t="array" ref="F7684">IFERROR(INDEX(Jesper!AJ$2:AJ$366,ROUNDDOWN($C7684/24,0)+1,1)*INDEX($D$3:$AA$30,INDEX(Jesper!$R$2:$R$366,ROW(INDEX(Jesper!AJ$2:AJ$366,ROUNDDOWN($C7684/24,0)+1,1))-1)+IF('Standard Profiles'!$G$20=$B$10,7,0)+IF('Standard Profiles'!$G$20=$B$17,14,0)+IF('Standard Profiles'!$G$20=$B$24,21,0),MOD($C7684,24)+1)/SUM(INDEX($D$3:$AA$30,INDEX(Jesper!$R$2:$R$366,ROW(INDEX(Jesper!AJ$2:AJ$366,ROUNDDOWN($C7684/24,0)+1,1))-1)+IF('Standard Profiles'!$G$20=$B$10,7,0)+IF('Standard Profiles'!$G$20=$B$17,14,0)+IF('Standard Profiles'!$G$20=$B$24,21,0),0)),0)</f>
        <v>0</v>
      </c>
      <c r="G7684" cm="1">
        <f t="array" ref="G7684">IFERROR(INDEX(Jesper!AK$2:AK$366,ROUNDDOWN($C7684/24,0)+1,1)*INDEX($D$3:$AA$30,INDEX(Jesper!$R$2:$R$366,ROW(INDEX(Jesper!AK$2:AK$366,ROUNDDOWN($C7684/24,0)+1,1))-1)+IF('Standard Profiles'!$G$21=$B$10,7,0)+IF('Standard Profiles'!$G$21=$B$17,14,0)+IF('Standard Profiles'!$G$21=$B$24,21,0),MOD($C7684,24)+1)/SUM(INDEX($D$3:$AA$30,INDEX(Jesper!$R$2:$R$366,ROW(INDEX(Jesper!AK$2:AK$366,ROUNDDOWN($C7684/24,0)+1,1))-1)+IF('Standard Profiles'!$G$21=$B$10,7,0)+IF('Standard Profiles'!$G$21=$B$17,14,0)+IF('Standard Profiles'!$G$21=$B$24,21,0),0)),0)</f>
        <v>0</v>
      </c>
      <c r="H7684" cm="1">
        <f t="array" ref="H7684">IFERROR(INDEX(Jesper!AL$2:AL$366,ROUNDDOWN($C7684/24,0)+1,1)*INDEX($D$3:$AA$30,INDEX(Jesper!$R$2:$R$366,ROW(INDEX(Jesper!AL$2:AL$366,ROUNDDOWN($C7684/24,0)+1,1))-1)+IF('Standard Profiles'!$G$22=$B$10,7,0)+IF('Standard Profiles'!$G$22=$B$17,14,0)+IF('Standard Profiles'!$G$22=$B$24,21,0),MOD($C7684,24)+1)/SUM(INDEX($D$3:$AA$30,INDEX(Jesper!$R$2:$R$366,ROW(INDEX(Jesper!AL$2:AL$366,ROUNDDOWN($C7684/24,0)+1,1))-1)+IF('Standard Profiles'!$G$22=$B$10,7,0)+IF('Standard Profiles'!$G$22=$B$17,14,0)+IF('Standard Profiles'!$G$22=$B$24,21,0),0)),0)</f>
        <v>0</v>
      </c>
      <c r="I7684">
        <f t="shared" si="853"/>
        <v>0.49672754612317266</v>
      </c>
      <c r="J7684">
        <f t="shared" si="854"/>
        <v>1.6557584870772424</v>
      </c>
      <c r="K7684">
        <f t="shared" si="855"/>
        <v>2.4836377306158632</v>
      </c>
      <c r="L7684">
        <f t="shared" si="856"/>
        <v>11.921461106956144</v>
      </c>
      <c r="M7684">
        <f t="shared" si="857"/>
        <v>0</v>
      </c>
      <c r="N7684" s="46">
        <f t="shared" si="858"/>
        <v>45610.749999981446</v>
      </c>
    </row>
    <row r="7685" spans="2:14" x14ac:dyDescent="0.3">
      <c r="B7685">
        <f t="shared" si="852"/>
        <v>4</v>
      </c>
      <c r="C7685" s="16">
        <v>7651</v>
      </c>
      <c r="D7685" cm="1">
        <f t="array" ref="D7685">IFERROR(INDEX(Jesper!AH$2:AH$366,ROUNDDOWN($C7685/24,0)+1,1)*INDEX($D$3:$AA$30,INDEX(Jesper!$R$2:$R$366,ROW(INDEX(Jesper!AH$2:AH$366,ROUNDDOWN($C7685/24,0)+1,1))-1)+IF('Standard Profiles'!$G$18=$B$10,7,0)+IF('Standard Profiles'!$G$18=$B$17,14,0)+IF('Standard Profiles'!$G$18=$B$24,21,0),MOD($C7685,24)+1)/SUM(INDEX($D$3:$AA$30,INDEX(Jesper!$R$2:$R$366,ROW(INDEX(Jesper!AH$2:AH$366,ROUNDDOWN($C7685/24,0)+1,1))-1)+IF('Standard Profiles'!$G$18=$B$10,7,0)+IF('Standard Profiles'!$G$18=$B$17,14,0)+IF('Standard Profiles'!$G$18=$B$24,21,0),0)),0)</f>
        <v>13.797987392310356</v>
      </c>
      <c r="E7685" cm="1">
        <f t="array" ref="E7685">IFERROR(INDEX(Jesper!AI$2:AI$366,ROUNDDOWN($C7685/24,0)+1,1)*INDEX($D$3:$AA$30,INDEX(Jesper!$R$2:$R$366,ROW(INDEX(Jesper!AI$2:AI$366,ROUNDDOWN($C7685/24,0)+1,1))-1)+IF('Standard Profiles'!$G$19=$B$10,7,0)+IF('Standard Profiles'!$G$19=$B$17,14,0)+IF('Standard Profiles'!$G$19=$B$24,21,0),MOD($C7685,24)+1)/SUM(INDEX($D$3:$AA$30,INDEX(Jesper!$R$2:$R$366,ROW(INDEX(Jesper!AI$2:AI$366,ROUNDDOWN($C7685/24,0)+1,1))-1)+IF('Standard Profiles'!$G$19=$B$10,7,0)+IF('Standard Profiles'!$G$19=$B$17,14,0)+IF('Standard Profiles'!$G$19=$B$24,21,0),0)),0)</f>
        <v>0</v>
      </c>
      <c r="F7685" cm="1">
        <f t="array" ref="F7685">IFERROR(INDEX(Jesper!AJ$2:AJ$366,ROUNDDOWN($C7685/24,0)+1,1)*INDEX($D$3:$AA$30,INDEX(Jesper!$R$2:$R$366,ROW(INDEX(Jesper!AJ$2:AJ$366,ROUNDDOWN($C7685/24,0)+1,1))-1)+IF('Standard Profiles'!$G$20=$B$10,7,0)+IF('Standard Profiles'!$G$20=$B$17,14,0)+IF('Standard Profiles'!$G$20=$B$24,21,0),MOD($C7685,24)+1)/SUM(INDEX($D$3:$AA$30,INDEX(Jesper!$R$2:$R$366,ROW(INDEX(Jesper!AJ$2:AJ$366,ROUNDDOWN($C7685/24,0)+1,1))-1)+IF('Standard Profiles'!$G$20=$B$10,7,0)+IF('Standard Profiles'!$G$20=$B$17,14,0)+IF('Standard Profiles'!$G$20=$B$24,21,0),0)),0)</f>
        <v>0</v>
      </c>
      <c r="G7685" cm="1">
        <f t="array" ref="G7685">IFERROR(INDEX(Jesper!AK$2:AK$366,ROUNDDOWN($C7685/24,0)+1,1)*INDEX($D$3:$AA$30,INDEX(Jesper!$R$2:$R$366,ROW(INDEX(Jesper!AK$2:AK$366,ROUNDDOWN($C7685/24,0)+1,1))-1)+IF('Standard Profiles'!$G$21=$B$10,7,0)+IF('Standard Profiles'!$G$21=$B$17,14,0)+IF('Standard Profiles'!$G$21=$B$24,21,0),MOD($C7685,24)+1)/SUM(INDEX($D$3:$AA$30,INDEX(Jesper!$R$2:$R$366,ROW(INDEX(Jesper!AK$2:AK$366,ROUNDDOWN($C7685/24,0)+1,1))-1)+IF('Standard Profiles'!$G$21=$B$10,7,0)+IF('Standard Profiles'!$G$21=$B$17,14,0)+IF('Standard Profiles'!$G$21=$B$24,21,0),0)),0)</f>
        <v>0</v>
      </c>
      <c r="H7685" cm="1">
        <f t="array" ref="H7685">IFERROR(INDEX(Jesper!AL$2:AL$366,ROUNDDOWN($C7685/24,0)+1,1)*INDEX($D$3:$AA$30,INDEX(Jesper!$R$2:$R$366,ROW(INDEX(Jesper!AL$2:AL$366,ROUNDDOWN($C7685/24,0)+1,1))-1)+IF('Standard Profiles'!$G$22=$B$10,7,0)+IF('Standard Profiles'!$G$22=$B$17,14,0)+IF('Standard Profiles'!$G$22=$B$24,21,0),MOD($C7685,24)+1)/SUM(INDEX($D$3:$AA$30,INDEX(Jesper!$R$2:$R$366,ROW(INDEX(Jesper!AL$2:AL$366,ROUNDDOWN($C7685/24,0)+1,1))-1)+IF('Standard Profiles'!$G$22=$B$10,7,0)+IF('Standard Profiles'!$G$22=$B$17,14,0)+IF('Standard Profiles'!$G$22=$B$24,21,0),0)),0)</f>
        <v>0</v>
      </c>
      <c r="I7685">
        <f t="shared" si="853"/>
        <v>0.41393962176931065</v>
      </c>
      <c r="J7685">
        <f t="shared" si="854"/>
        <v>1.3797987392310356</v>
      </c>
      <c r="K7685">
        <f t="shared" si="855"/>
        <v>2.0696981088465534</v>
      </c>
      <c r="L7685">
        <f t="shared" si="856"/>
        <v>9.9345509224634565</v>
      </c>
      <c r="M7685">
        <f t="shared" si="857"/>
        <v>0</v>
      </c>
      <c r="N7685" s="46">
        <f t="shared" si="858"/>
        <v>45610.791666648111</v>
      </c>
    </row>
    <row r="7686" spans="2:14" x14ac:dyDescent="0.3">
      <c r="B7686">
        <f t="shared" si="852"/>
        <v>4</v>
      </c>
      <c r="C7686" s="16">
        <v>7652</v>
      </c>
      <c r="D7686" cm="1">
        <f t="array" ref="D7686">IFERROR(INDEX(Jesper!AH$2:AH$366,ROUNDDOWN($C7686/24,0)+1,1)*INDEX($D$3:$AA$30,INDEX(Jesper!$R$2:$R$366,ROW(INDEX(Jesper!AH$2:AH$366,ROUNDDOWN($C7686/24,0)+1,1))-1)+IF('Standard Profiles'!$G$18=$B$10,7,0)+IF('Standard Profiles'!$G$18=$B$17,14,0)+IF('Standard Profiles'!$G$18=$B$24,21,0),MOD($C7686,24)+1)/SUM(INDEX($D$3:$AA$30,INDEX(Jesper!$R$2:$R$366,ROW(INDEX(Jesper!AH$2:AH$366,ROUNDDOWN($C7686/24,0)+1,1))-1)+IF('Standard Profiles'!$G$18=$B$10,7,0)+IF('Standard Profiles'!$G$18=$B$17,14,0)+IF('Standard Profiles'!$G$18=$B$24,21,0),0)),0)</f>
        <v>11.038389913848285</v>
      </c>
      <c r="E7686" cm="1">
        <f t="array" ref="E7686">IFERROR(INDEX(Jesper!AI$2:AI$366,ROUNDDOWN($C7686/24,0)+1,1)*INDEX($D$3:$AA$30,INDEX(Jesper!$R$2:$R$366,ROW(INDEX(Jesper!AI$2:AI$366,ROUNDDOWN($C7686/24,0)+1,1))-1)+IF('Standard Profiles'!$G$19=$B$10,7,0)+IF('Standard Profiles'!$G$19=$B$17,14,0)+IF('Standard Profiles'!$G$19=$B$24,21,0),MOD($C7686,24)+1)/SUM(INDEX($D$3:$AA$30,INDEX(Jesper!$R$2:$R$366,ROW(INDEX(Jesper!AI$2:AI$366,ROUNDDOWN($C7686/24,0)+1,1))-1)+IF('Standard Profiles'!$G$19=$B$10,7,0)+IF('Standard Profiles'!$G$19=$B$17,14,0)+IF('Standard Profiles'!$G$19=$B$24,21,0),0)),0)</f>
        <v>0</v>
      </c>
      <c r="F7686" cm="1">
        <f t="array" ref="F7686">IFERROR(INDEX(Jesper!AJ$2:AJ$366,ROUNDDOWN($C7686/24,0)+1,1)*INDEX($D$3:$AA$30,INDEX(Jesper!$R$2:$R$366,ROW(INDEX(Jesper!AJ$2:AJ$366,ROUNDDOWN($C7686/24,0)+1,1))-1)+IF('Standard Profiles'!$G$20=$B$10,7,0)+IF('Standard Profiles'!$G$20=$B$17,14,0)+IF('Standard Profiles'!$G$20=$B$24,21,0),MOD($C7686,24)+1)/SUM(INDEX($D$3:$AA$30,INDEX(Jesper!$R$2:$R$366,ROW(INDEX(Jesper!AJ$2:AJ$366,ROUNDDOWN($C7686/24,0)+1,1))-1)+IF('Standard Profiles'!$G$20=$B$10,7,0)+IF('Standard Profiles'!$G$20=$B$17,14,0)+IF('Standard Profiles'!$G$20=$B$24,21,0),0)),0)</f>
        <v>0</v>
      </c>
      <c r="G7686" cm="1">
        <f t="array" ref="G7686">IFERROR(INDEX(Jesper!AK$2:AK$366,ROUNDDOWN($C7686/24,0)+1,1)*INDEX($D$3:$AA$30,INDEX(Jesper!$R$2:$R$366,ROW(INDEX(Jesper!AK$2:AK$366,ROUNDDOWN($C7686/24,0)+1,1))-1)+IF('Standard Profiles'!$G$21=$B$10,7,0)+IF('Standard Profiles'!$G$21=$B$17,14,0)+IF('Standard Profiles'!$G$21=$B$24,21,0),MOD($C7686,24)+1)/SUM(INDEX($D$3:$AA$30,INDEX(Jesper!$R$2:$R$366,ROW(INDEX(Jesper!AK$2:AK$366,ROUNDDOWN($C7686/24,0)+1,1))-1)+IF('Standard Profiles'!$G$21=$B$10,7,0)+IF('Standard Profiles'!$G$21=$B$17,14,0)+IF('Standard Profiles'!$G$21=$B$24,21,0),0)),0)</f>
        <v>0</v>
      </c>
      <c r="H7686" cm="1">
        <f t="array" ref="H7686">IFERROR(INDEX(Jesper!AL$2:AL$366,ROUNDDOWN($C7686/24,0)+1,1)*INDEX($D$3:$AA$30,INDEX(Jesper!$R$2:$R$366,ROW(INDEX(Jesper!AL$2:AL$366,ROUNDDOWN($C7686/24,0)+1,1))-1)+IF('Standard Profiles'!$G$22=$B$10,7,0)+IF('Standard Profiles'!$G$22=$B$17,14,0)+IF('Standard Profiles'!$G$22=$B$24,21,0),MOD($C7686,24)+1)/SUM(INDEX($D$3:$AA$30,INDEX(Jesper!$R$2:$R$366,ROW(INDEX(Jesper!AL$2:AL$366,ROUNDDOWN($C7686/24,0)+1,1))-1)+IF('Standard Profiles'!$G$22=$B$10,7,0)+IF('Standard Profiles'!$G$22=$B$17,14,0)+IF('Standard Profiles'!$G$22=$B$24,21,0),0)),0)</f>
        <v>0</v>
      </c>
      <c r="I7686">
        <f t="shared" si="853"/>
        <v>0.33115169741544853</v>
      </c>
      <c r="J7686">
        <f t="shared" si="854"/>
        <v>1.1038389913848285</v>
      </c>
      <c r="K7686">
        <f t="shared" si="855"/>
        <v>1.6557584870772426</v>
      </c>
      <c r="L7686">
        <f t="shared" si="856"/>
        <v>7.9476407379707643</v>
      </c>
      <c r="M7686">
        <f t="shared" si="857"/>
        <v>0</v>
      </c>
      <c r="N7686" s="46">
        <f t="shared" si="858"/>
        <v>45610.833333314775</v>
      </c>
    </row>
    <row r="7687" spans="2:14" x14ac:dyDescent="0.3">
      <c r="B7687">
        <f t="shared" si="852"/>
        <v>4</v>
      </c>
      <c r="C7687" s="16">
        <v>7653</v>
      </c>
      <c r="D7687" cm="1">
        <f t="array" ref="D7687">IFERROR(INDEX(Jesper!AH$2:AH$366,ROUNDDOWN($C7687/24,0)+1,1)*INDEX($D$3:$AA$30,INDEX(Jesper!$R$2:$R$366,ROW(INDEX(Jesper!AH$2:AH$366,ROUNDDOWN($C7687/24,0)+1,1))-1)+IF('Standard Profiles'!$G$18=$B$10,7,0)+IF('Standard Profiles'!$G$18=$B$17,14,0)+IF('Standard Profiles'!$G$18=$B$24,21,0),MOD($C7687,24)+1)/SUM(INDEX($D$3:$AA$30,INDEX(Jesper!$R$2:$R$366,ROW(INDEX(Jesper!AH$2:AH$366,ROUNDDOWN($C7687/24,0)+1,1))-1)+IF('Standard Profiles'!$G$18=$B$10,7,0)+IF('Standard Profiles'!$G$18=$B$17,14,0)+IF('Standard Profiles'!$G$18=$B$24,21,0),0)),0)</f>
        <v>8.2787924353862117</v>
      </c>
      <c r="E7687" cm="1">
        <f t="array" ref="E7687">IFERROR(INDEX(Jesper!AI$2:AI$366,ROUNDDOWN($C7687/24,0)+1,1)*INDEX($D$3:$AA$30,INDEX(Jesper!$R$2:$R$366,ROW(INDEX(Jesper!AI$2:AI$366,ROUNDDOWN($C7687/24,0)+1,1))-1)+IF('Standard Profiles'!$G$19=$B$10,7,0)+IF('Standard Profiles'!$G$19=$B$17,14,0)+IF('Standard Profiles'!$G$19=$B$24,21,0),MOD($C7687,24)+1)/SUM(INDEX($D$3:$AA$30,INDEX(Jesper!$R$2:$R$366,ROW(INDEX(Jesper!AI$2:AI$366,ROUNDDOWN($C7687/24,0)+1,1))-1)+IF('Standard Profiles'!$G$19=$B$10,7,0)+IF('Standard Profiles'!$G$19=$B$17,14,0)+IF('Standard Profiles'!$G$19=$B$24,21,0),0)),0)</f>
        <v>0</v>
      </c>
      <c r="F7687" cm="1">
        <f t="array" ref="F7687">IFERROR(INDEX(Jesper!AJ$2:AJ$366,ROUNDDOWN($C7687/24,0)+1,1)*INDEX($D$3:$AA$30,INDEX(Jesper!$R$2:$R$366,ROW(INDEX(Jesper!AJ$2:AJ$366,ROUNDDOWN($C7687/24,0)+1,1))-1)+IF('Standard Profiles'!$G$20=$B$10,7,0)+IF('Standard Profiles'!$G$20=$B$17,14,0)+IF('Standard Profiles'!$G$20=$B$24,21,0),MOD($C7687,24)+1)/SUM(INDEX($D$3:$AA$30,INDEX(Jesper!$R$2:$R$366,ROW(INDEX(Jesper!AJ$2:AJ$366,ROUNDDOWN($C7687/24,0)+1,1))-1)+IF('Standard Profiles'!$G$20=$B$10,7,0)+IF('Standard Profiles'!$G$20=$B$17,14,0)+IF('Standard Profiles'!$G$20=$B$24,21,0),0)),0)</f>
        <v>0</v>
      </c>
      <c r="G7687" cm="1">
        <f t="array" ref="G7687">IFERROR(INDEX(Jesper!AK$2:AK$366,ROUNDDOWN($C7687/24,0)+1,1)*INDEX($D$3:$AA$30,INDEX(Jesper!$R$2:$R$366,ROW(INDEX(Jesper!AK$2:AK$366,ROUNDDOWN($C7687/24,0)+1,1))-1)+IF('Standard Profiles'!$G$21=$B$10,7,0)+IF('Standard Profiles'!$G$21=$B$17,14,0)+IF('Standard Profiles'!$G$21=$B$24,21,0),MOD($C7687,24)+1)/SUM(INDEX($D$3:$AA$30,INDEX(Jesper!$R$2:$R$366,ROW(INDEX(Jesper!AK$2:AK$366,ROUNDDOWN($C7687/24,0)+1,1))-1)+IF('Standard Profiles'!$G$21=$B$10,7,0)+IF('Standard Profiles'!$G$21=$B$17,14,0)+IF('Standard Profiles'!$G$21=$B$24,21,0),0)),0)</f>
        <v>0</v>
      </c>
      <c r="H7687" cm="1">
        <f t="array" ref="H7687">IFERROR(INDEX(Jesper!AL$2:AL$366,ROUNDDOWN($C7687/24,0)+1,1)*INDEX($D$3:$AA$30,INDEX(Jesper!$R$2:$R$366,ROW(INDEX(Jesper!AL$2:AL$366,ROUNDDOWN($C7687/24,0)+1,1))-1)+IF('Standard Profiles'!$G$22=$B$10,7,0)+IF('Standard Profiles'!$G$22=$B$17,14,0)+IF('Standard Profiles'!$G$22=$B$24,21,0),MOD($C7687,24)+1)/SUM(INDEX($D$3:$AA$30,INDEX(Jesper!$R$2:$R$366,ROW(INDEX(Jesper!AL$2:AL$366,ROUNDDOWN($C7687/24,0)+1,1))-1)+IF('Standard Profiles'!$G$22=$B$10,7,0)+IF('Standard Profiles'!$G$22=$B$17,14,0)+IF('Standard Profiles'!$G$22=$B$24,21,0),0)),0)</f>
        <v>0</v>
      </c>
      <c r="I7687">
        <f t="shared" si="853"/>
        <v>0.24836377306158633</v>
      </c>
      <c r="J7687">
        <f t="shared" si="854"/>
        <v>0.82787924353862119</v>
      </c>
      <c r="K7687">
        <f t="shared" si="855"/>
        <v>1.2418188653079316</v>
      </c>
      <c r="L7687">
        <f t="shared" si="856"/>
        <v>5.9607305534780721</v>
      </c>
      <c r="M7687">
        <f t="shared" si="857"/>
        <v>0</v>
      </c>
      <c r="N7687" s="46">
        <f t="shared" si="858"/>
        <v>45610.874999981439</v>
      </c>
    </row>
    <row r="7688" spans="2:14" x14ac:dyDescent="0.3">
      <c r="B7688">
        <f t="shared" si="852"/>
        <v>4</v>
      </c>
      <c r="C7688" s="16">
        <v>7654</v>
      </c>
      <c r="D7688" cm="1">
        <f t="array" ref="D7688">IFERROR(INDEX(Jesper!AH$2:AH$366,ROUNDDOWN($C7688/24,0)+1,1)*INDEX($D$3:$AA$30,INDEX(Jesper!$R$2:$R$366,ROW(INDEX(Jesper!AH$2:AH$366,ROUNDDOWN($C7688/24,0)+1,1))-1)+IF('Standard Profiles'!$G$18=$B$10,7,0)+IF('Standard Profiles'!$G$18=$B$17,14,0)+IF('Standard Profiles'!$G$18=$B$24,21,0),MOD($C7688,24)+1)/SUM(INDEX($D$3:$AA$30,INDEX(Jesper!$R$2:$R$366,ROW(INDEX(Jesper!AH$2:AH$366,ROUNDDOWN($C7688/24,0)+1,1))-1)+IF('Standard Profiles'!$G$18=$B$10,7,0)+IF('Standard Profiles'!$G$18=$B$17,14,0)+IF('Standard Profiles'!$G$18=$B$24,21,0),0)),0)</f>
        <v>8.2787924353862117</v>
      </c>
      <c r="E7688" cm="1">
        <f t="array" ref="E7688">IFERROR(INDEX(Jesper!AI$2:AI$366,ROUNDDOWN($C7688/24,0)+1,1)*INDEX($D$3:$AA$30,INDEX(Jesper!$R$2:$R$366,ROW(INDEX(Jesper!AI$2:AI$366,ROUNDDOWN($C7688/24,0)+1,1))-1)+IF('Standard Profiles'!$G$19=$B$10,7,0)+IF('Standard Profiles'!$G$19=$B$17,14,0)+IF('Standard Profiles'!$G$19=$B$24,21,0),MOD($C7688,24)+1)/SUM(INDEX($D$3:$AA$30,INDEX(Jesper!$R$2:$R$366,ROW(INDEX(Jesper!AI$2:AI$366,ROUNDDOWN($C7688/24,0)+1,1))-1)+IF('Standard Profiles'!$G$19=$B$10,7,0)+IF('Standard Profiles'!$G$19=$B$17,14,0)+IF('Standard Profiles'!$G$19=$B$24,21,0),0)),0)</f>
        <v>0</v>
      </c>
      <c r="F7688" cm="1">
        <f t="array" ref="F7688">IFERROR(INDEX(Jesper!AJ$2:AJ$366,ROUNDDOWN($C7688/24,0)+1,1)*INDEX($D$3:$AA$30,INDEX(Jesper!$R$2:$R$366,ROW(INDEX(Jesper!AJ$2:AJ$366,ROUNDDOWN($C7688/24,0)+1,1))-1)+IF('Standard Profiles'!$G$20=$B$10,7,0)+IF('Standard Profiles'!$G$20=$B$17,14,0)+IF('Standard Profiles'!$G$20=$B$24,21,0),MOD($C7688,24)+1)/SUM(INDEX($D$3:$AA$30,INDEX(Jesper!$R$2:$R$366,ROW(INDEX(Jesper!AJ$2:AJ$366,ROUNDDOWN($C7688/24,0)+1,1))-1)+IF('Standard Profiles'!$G$20=$B$10,7,0)+IF('Standard Profiles'!$G$20=$B$17,14,0)+IF('Standard Profiles'!$G$20=$B$24,21,0),0)),0)</f>
        <v>0</v>
      </c>
      <c r="G7688" cm="1">
        <f t="array" ref="G7688">IFERROR(INDEX(Jesper!AK$2:AK$366,ROUNDDOWN($C7688/24,0)+1,1)*INDEX($D$3:$AA$30,INDEX(Jesper!$R$2:$R$366,ROW(INDEX(Jesper!AK$2:AK$366,ROUNDDOWN($C7688/24,0)+1,1))-1)+IF('Standard Profiles'!$G$21=$B$10,7,0)+IF('Standard Profiles'!$G$21=$B$17,14,0)+IF('Standard Profiles'!$G$21=$B$24,21,0),MOD($C7688,24)+1)/SUM(INDEX($D$3:$AA$30,INDEX(Jesper!$R$2:$R$366,ROW(INDEX(Jesper!AK$2:AK$366,ROUNDDOWN($C7688/24,0)+1,1))-1)+IF('Standard Profiles'!$G$21=$B$10,7,0)+IF('Standard Profiles'!$G$21=$B$17,14,0)+IF('Standard Profiles'!$G$21=$B$24,21,0),0)),0)</f>
        <v>0</v>
      </c>
      <c r="H7688" cm="1">
        <f t="array" ref="H7688">IFERROR(INDEX(Jesper!AL$2:AL$366,ROUNDDOWN($C7688/24,0)+1,1)*INDEX($D$3:$AA$30,INDEX(Jesper!$R$2:$R$366,ROW(INDEX(Jesper!AL$2:AL$366,ROUNDDOWN($C7688/24,0)+1,1))-1)+IF('Standard Profiles'!$G$22=$B$10,7,0)+IF('Standard Profiles'!$G$22=$B$17,14,0)+IF('Standard Profiles'!$G$22=$B$24,21,0),MOD($C7688,24)+1)/SUM(INDEX($D$3:$AA$30,INDEX(Jesper!$R$2:$R$366,ROW(INDEX(Jesper!AL$2:AL$366,ROUNDDOWN($C7688/24,0)+1,1))-1)+IF('Standard Profiles'!$G$22=$B$10,7,0)+IF('Standard Profiles'!$G$22=$B$17,14,0)+IF('Standard Profiles'!$G$22=$B$24,21,0),0)),0)</f>
        <v>0</v>
      </c>
      <c r="I7688">
        <f t="shared" si="853"/>
        <v>0.24836377306158633</v>
      </c>
      <c r="J7688">
        <f t="shared" si="854"/>
        <v>0.82787924353862119</v>
      </c>
      <c r="K7688">
        <f t="shared" si="855"/>
        <v>1.2418188653079316</v>
      </c>
      <c r="L7688">
        <f t="shared" si="856"/>
        <v>5.9607305534780721</v>
      </c>
      <c r="M7688">
        <f t="shared" si="857"/>
        <v>0</v>
      </c>
      <c r="N7688" s="46">
        <f t="shared" si="858"/>
        <v>45610.916666648103</v>
      </c>
    </row>
    <row r="7689" spans="2:14" x14ac:dyDescent="0.3">
      <c r="B7689">
        <f t="shared" si="852"/>
        <v>4</v>
      </c>
      <c r="C7689" s="16">
        <v>7655</v>
      </c>
      <c r="D7689" cm="1">
        <f t="array" ref="D7689">IFERROR(INDEX(Jesper!AH$2:AH$366,ROUNDDOWN($C7689/24,0)+1,1)*INDEX($D$3:$AA$30,INDEX(Jesper!$R$2:$R$366,ROW(INDEX(Jesper!AH$2:AH$366,ROUNDDOWN($C7689/24,0)+1,1))-1)+IF('Standard Profiles'!$G$18=$B$10,7,0)+IF('Standard Profiles'!$G$18=$B$17,14,0)+IF('Standard Profiles'!$G$18=$B$24,21,0),MOD($C7689,24)+1)/SUM(INDEX($D$3:$AA$30,INDEX(Jesper!$R$2:$R$366,ROW(INDEX(Jesper!AH$2:AH$366,ROUNDDOWN($C7689/24,0)+1,1))-1)+IF('Standard Profiles'!$G$18=$B$10,7,0)+IF('Standard Profiles'!$G$18=$B$17,14,0)+IF('Standard Profiles'!$G$18=$B$24,21,0),0)),0)</f>
        <v>8.2787924353862117</v>
      </c>
      <c r="E7689" cm="1">
        <f t="array" ref="E7689">IFERROR(INDEX(Jesper!AI$2:AI$366,ROUNDDOWN($C7689/24,0)+1,1)*INDEX($D$3:$AA$30,INDEX(Jesper!$R$2:$R$366,ROW(INDEX(Jesper!AI$2:AI$366,ROUNDDOWN($C7689/24,0)+1,1))-1)+IF('Standard Profiles'!$G$19=$B$10,7,0)+IF('Standard Profiles'!$G$19=$B$17,14,0)+IF('Standard Profiles'!$G$19=$B$24,21,0),MOD($C7689,24)+1)/SUM(INDEX($D$3:$AA$30,INDEX(Jesper!$R$2:$R$366,ROW(INDEX(Jesper!AI$2:AI$366,ROUNDDOWN($C7689/24,0)+1,1))-1)+IF('Standard Profiles'!$G$19=$B$10,7,0)+IF('Standard Profiles'!$G$19=$B$17,14,0)+IF('Standard Profiles'!$G$19=$B$24,21,0),0)),0)</f>
        <v>0</v>
      </c>
      <c r="F7689" cm="1">
        <f t="array" ref="F7689">IFERROR(INDEX(Jesper!AJ$2:AJ$366,ROUNDDOWN($C7689/24,0)+1,1)*INDEX($D$3:$AA$30,INDEX(Jesper!$R$2:$R$366,ROW(INDEX(Jesper!AJ$2:AJ$366,ROUNDDOWN($C7689/24,0)+1,1))-1)+IF('Standard Profiles'!$G$20=$B$10,7,0)+IF('Standard Profiles'!$G$20=$B$17,14,0)+IF('Standard Profiles'!$G$20=$B$24,21,0),MOD($C7689,24)+1)/SUM(INDEX($D$3:$AA$30,INDEX(Jesper!$R$2:$R$366,ROW(INDEX(Jesper!AJ$2:AJ$366,ROUNDDOWN($C7689/24,0)+1,1))-1)+IF('Standard Profiles'!$G$20=$B$10,7,0)+IF('Standard Profiles'!$G$20=$B$17,14,0)+IF('Standard Profiles'!$G$20=$B$24,21,0),0)),0)</f>
        <v>0</v>
      </c>
      <c r="G7689" cm="1">
        <f t="array" ref="G7689">IFERROR(INDEX(Jesper!AK$2:AK$366,ROUNDDOWN($C7689/24,0)+1,1)*INDEX($D$3:$AA$30,INDEX(Jesper!$R$2:$R$366,ROW(INDEX(Jesper!AK$2:AK$366,ROUNDDOWN($C7689/24,0)+1,1))-1)+IF('Standard Profiles'!$G$21=$B$10,7,0)+IF('Standard Profiles'!$G$21=$B$17,14,0)+IF('Standard Profiles'!$G$21=$B$24,21,0),MOD($C7689,24)+1)/SUM(INDEX($D$3:$AA$30,INDEX(Jesper!$R$2:$R$366,ROW(INDEX(Jesper!AK$2:AK$366,ROUNDDOWN($C7689/24,0)+1,1))-1)+IF('Standard Profiles'!$G$21=$B$10,7,0)+IF('Standard Profiles'!$G$21=$B$17,14,0)+IF('Standard Profiles'!$G$21=$B$24,21,0),0)),0)</f>
        <v>0</v>
      </c>
      <c r="H7689" cm="1">
        <f t="array" ref="H7689">IFERROR(INDEX(Jesper!AL$2:AL$366,ROUNDDOWN($C7689/24,0)+1,1)*INDEX($D$3:$AA$30,INDEX(Jesper!$R$2:$R$366,ROW(INDEX(Jesper!AL$2:AL$366,ROUNDDOWN($C7689/24,0)+1,1))-1)+IF('Standard Profiles'!$G$22=$B$10,7,0)+IF('Standard Profiles'!$G$22=$B$17,14,0)+IF('Standard Profiles'!$G$22=$B$24,21,0),MOD($C7689,24)+1)/SUM(INDEX($D$3:$AA$30,INDEX(Jesper!$R$2:$R$366,ROW(INDEX(Jesper!AL$2:AL$366,ROUNDDOWN($C7689/24,0)+1,1))-1)+IF('Standard Profiles'!$G$22=$B$10,7,0)+IF('Standard Profiles'!$G$22=$B$17,14,0)+IF('Standard Profiles'!$G$22=$B$24,21,0),0)),0)</f>
        <v>0</v>
      </c>
      <c r="I7689">
        <f t="shared" si="853"/>
        <v>0.24836377306158633</v>
      </c>
      <c r="J7689">
        <f t="shared" si="854"/>
        <v>0.82787924353862119</v>
      </c>
      <c r="K7689">
        <f t="shared" si="855"/>
        <v>1.2418188653079316</v>
      </c>
      <c r="L7689">
        <f t="shared" si="856"/>
        <v>5.9607305534780721</v>
      </c>
      <c r="M7689">
        <f t="shared" si="857"/>
        <v>0</v>
      </c>
      <c r="N7689" s="46">
        <f t="shared" si="858"/>
        <v>45610.958333314768</v>
      </c>
    </row>
    <row r="7690" spans="2:14" x14ac:dyDescent="0.3">
      <c r="B7690">
        <f t="shared" si="852"/>
        <v>5</v>
      </c>
      <c r="C7690" s="16">
        <v>7656</v>
      </c>
      <c r="D7690" cm="1">
        <f t="array" ref="D7690">IFERROR(INDEX(Jesper!AH$2:AH$366,ROUNDDOWN($C7690/24,0)+1,1)*INDEX($D$3:$AA$30,INDEX(Jesper!$R$2:$R$366,ROW(INDEX(Jesper!AH$2:AH$366,ROUNDDOWN($C7690/24,0)+1,1))-1)+IF('Standard Profiles'!$G$18=$B$10,7,0)+IF('Standard Profiles'!$G$18=$B$17,14,0)+IF('Standard Profiles'!$G$18=$B$24,21,0),MOD($C7690,24)+1)/SUM(INDEX($D$3:$AA$30,INDEX(Jesper!$R$2:$R$366,ROW(INDEX(Jesper!AH$2:AH$366,ROUNDDOWN($C7690/24,0)+1,1))-1)+IF('Standard Profiles'!$G$18=$B$10,7,0)+IF('Standard Profiles'!$G$18=$B$17,14,0)+IF('Standard Profiles'!$G$18=$B$24,21,0),0)),0)</f>
        <v>9.1765179104011878</v>
      </c>
      <c r="E7690" cm="1">
        <f t="array" ref="E7690">IFERROR(INDEX(Jesper!AI$2:AI$366,ROUNDDOWN($C7690/24,0)+1,1)*INDEX($D$3:$AA$30,INDEX(Jesper!$R$2:$R$366,ROW(INDEX(Jesper!AI$2:AI$366,ROUNDDOWN($C7690/24,0)+1,1))-1)+IF('Standard Profiles'!$G$19=$B$10,7,0)+IF('Standard Profiles'!$G$19=$B$17,14,0)+IF('Standard Profiles'!$G$19=$B$24,21,0),MOD($C7690,24)+1)/SUM(INDEX($D$3:$AA$30,INDEX(Jesper!$R$2:$R$366,ROW(INDEX(Jesper!AI$2:AI$366,ROUNDDOWN($C7690/24,0)+1,1))-1)+IF('Standard Profiles'!$G$19=$B$10,7,0)+IF('Standard Profiles'!$G$19=$B$17,14,0)+IF('Standard Profiles'!$G$19=$B$24,21,0),0)),0)</f>
        <v>0</v>
      </c>
      <c r="F7690" cm="1">
        <f t="array" ref="F7690">IFERROR(INDEX(Jesper!AJ$2:AJ$366,ROUNDDOWN($C7690/24,0)+1,1)*INDEX($D$3:$AA$30,INDEX(Jesper!$R$2:$R$366,ROW(INDEX(Jesper!AJ$2:AJ$366,ROUNDDOWN($C7690/24,0)+1,1))-1)+IF('Standard Profiles'!$G$20=$B$10,7,0)+IF('Standard Profiles'!$G$20=$B$17,14,0)+IF('Standard Profiles'!$G$20=$B$24,21,0),MOD($C7690,24)+1)/SUM(INDEX($D$3:$AA$30,INDEX(Jesper!$R$2:$R$366,ROW(INDEX(Jesper!AJ$2:AJ$366,ROUNDDOWN($C7690/24,0)+1,1))-1)+IF('Standard Profiles'!$G$20=$B$10,7,0)+IF('Standard Profiles'!$G$20=$B$17,14,0)+IF('Standard Profiles'!$G$20=$B$24,21,0),0)),0)</f>
        <v>0</v>
      </c>
      <c r="G7690" cm="1">
        <f t="array" ref="G7690">IFERROR(INDEX(Jesper!AK$2:AK$366,ROUNDDOWN($C7690/24,0)+1,1)*INDEX($D$3:$AA$30,INDEX(Jesper!$R$2:$R$366,ROW(INDEX(Jesper!AK$2:AK$366,ROUNDDOWN($C7690/24,0)+1,1))-1)+IF('Standard Profiles'!$G$21=$B$10,7,0)+IF('Standard Profiles'!$G$21=$B$17,14,0)+IF('Standard Profiles'!$G$21=$B$24,21,0),MOD($C7690,24)+1)/SUM(INDEX($D$3:$AA$30,INDEX(Jesper!$R$2:$R$366,ROW(INDEX(Jesper!AK$2:AK$366,ROUNDDOWN($C7690/24,0)+1,1))-1)+IF('Standard Profiles'!$G$21=$B$10,7,0)+IF('Standard Profiles'!$G$21=$B$17,14,0)+IF('Standard Profiles'!$G$21=$B$24,21,0),0)),0)</f>
        <v>0</v>
      </c>
      <c r="H7690" cm="1">
        <f t="array" ref="H7690">IFERROR(INDEX(Jesper!AL$2:AL$366,ROUNDDOWN($C7690/24,0)+1,1)*INDEX($D$3:$AA$30,INDEX(Jesper!$R$2:$R$366,ROW(INDEX(Jesper!AL$2:AL$366,ROUNDDOWN($C7690/24,0)+1,1))-1)+IF('Standard Profiles'!$G$22=$B$10,7,0)+IF('Standard Profiles'!$G$22=$B$17,14,0)+IF('Standard Profiles'!$G$22=$B$24,21,0),MOD($C7690,24)+1)/SUM(INDEX($D$3:$AA$30,INDEX(Jesper!$R$2:$R$366,ROW(INDEX(Jesper!AL$2:AL$366,ROUNDDOWN($C7690/24,0)+1,1))-1)+IF('Standard Profiles'!$G$22=$B$10,7,0)+IF('Standard Profiles'!$G$22=$B$17,14,0)+IF('Standard Profiles'!$G$22=$B$24,21,0),0)),0)</f>
        <v>0</v>
      </c>
      <c r="I7690">
        <f t="shared" si="853"/>
        <v>0.2752955373120356</v>
      </c>
      <c r="J7690">
        <f t="shared" si="854"/>
        <v>0.91765179104011885</v>
      </c>
      <c r="K7690">
        <f t="shared" si="855"/>
        <v>1.3764776865601782</v>
      </c>
      <c r="L7690">
        <f t="shared" si="856"/>
        <v>6.6070928954888553</v>
      </c>
      <c r="M7690">
        <f t="shared" si="857"/>
        <v>0</v>
      </c>
      <c r="N7690" s="46">
        <f t="shared" si="858"/>
        <v>45610.999999981432</v>
      </c>
    </row>
    <row r="7691" spans="2:14" x14ac:dyDescent="0.3">
      <c r="B7691">
        <f t="shared" si="852"/>
        <v>5</v>
      </c>
      <c r="C7691" s="16">
        <v>7657</v>
      </c>
      <c r="D7691" cm="1">
        <f t="array" ref="D7691">IFERROR(INDEX(Jesper!AH$2:AH$366,ROUNDDOWN($C7691/24,0)+1,1)*INDEX($D$3:$AA$30,INDEX(Jesper!$R$2:$R$366,ROW(INDEX(Jesper!AH$2:AH$366,ROUNDDOWN($C7691/24,0)+1,1))-1)+IF('Standard Profiles'!$G$18=$B$10,7,0)+IF('Standard Profiles'!$G$18=$B$17,14,0)+IF('Standard Profiles'!$G$18=$B$24,21,0),MOD($C7691,24)+1)/SUM(INDEX($D$3:$AA$30,INDEX(Jesper!$R$2:$R$366,ROW(INDEX(Jesper!AH$2:AH$366,ROUNDDOWN($C7691/24,0)+1,1))-1)+IF('Standard Profiles'!$G$18=$B$10,7,0)+IF('Standard Profiles'!$G$18=$B$17,14,0)+IF('Standard Profiles'!$G$18=$B$24,21,0),0)),0)</f>
        <v>9.1765179104011878</v>
      </c>
      <c r="E7691" cm="1">
        <f t="array" ref="E7691">IFERROR(INDEX(Jesper!AI$2:AI$366,ROUNDDOWN($C7691/24,0)+1,1)*INDEX($D$3:$AA$30,INDEX(Jesper!$R$2:$R$366,ROW(INDEX(Jesper!AI$2:AI$366,ROUNDDOWN($C7691/24,0)+1,1))-1)+IF('Standard Profiles'!$G$19=$B$10,7,0)+IF('Standard Profiles'!$G$19=$B$17,14,0)+IF('Standard Profiles'!$G$19=$B$24,21,0),MOD($C7691,24)+1)/SUM(INDEX($D$3:$AA$30,INDEX(Jesper!$R$2:$R$366,ROW(INDEX(Jesper!AI$2:AI$366,ROUNDDOWN($C7691/24,0)+1,1))-1)+IF('Standard Profiles'!$G$19=$B$10,7,0)+IF('Standard Profiles'!$G$19=$B$17,14,0)+IF('Standard Profiles'!$G$19=$B$24,21,0),0)),0)</f>
        <v>0</v>
      </c>
      <c r="F7691" cm="1">
        <f t="array" ref="F7691">IFERROR(INDEX(Jesper!AJ$2:AJ$366,ROUNDDOWN($C7691/24,0)+1,1)*INDEX($D$3:$AA$30,INDEX(Jesper!$R$2:$R$366,ROW(INDEX(Jesper!AJ$2:AJ$366,ROUNDDOWN($C7691/24,0)+1,1))-1)+IF('Standard Profiles'!$G$20=$B$10,7,0)+IF('Standard Profiles'!$G$20=$B$17,14,0)+IF('Standard Profiles'!$G$20=$B$24,21,0),MOD($C7691,24)+1)/SUM(INDEX($D$3:$AA$30,INDEX(Jesper!$R$2:$R$366,ROW(INDEX(Jesper!AJ$2:AJ$366,ROUNDDOWN($C7691/24,0)+1,1))-1)+IF('Standard Profiles'!$G$20=$B$10,7,0)+IF('Standard Profiles'!$G$20=$B$17,14,0)+IF('Standard Profiles'!$G$20=$B$24,21,0),0)),0)</f>
        <v>0</v>
      </c>
      <c r="G7691" cm="1">
        <f t="array" ref="G7691">IFERROR(INDEX(Jesper!AK$2:AK$366,ROUNDDOWN($C7691/24,0)+1,1)*INDEX($D$3:$AA$30,INDEX(Jesper!$R$2:$R$366,ROW(INDEX(Jesper!AK$2:AK$366,ROUNDDOWN($C7691/24,0)+1,1))-1)+IF('Standard Profiles'!$G$21=$B$10,7,0)+IF('Standard Profiles'!$G$21=$B$17,14,0)+IF('Standard Profiles'!$G$21=$B$24,21,0),MOD($C7691,24)+1)/SUM(INDEX($D$3:$AA$30,INDEX(Jesper!$R$2:$R$366,ROW(INDEX(Jesper!AK$2:AK$366,ROUNDDOWN($C7691/24,0)+1,1))-1)+IF('Standard Profiles'!$G$21=$B$10,7,0)+IF('Standard Profiles'!$G$21=$B$17,14,0)+IF('Standard Profiles'!$G$21=$B$24,21,0),0)),0)</f>
        <v>0</v>
      </c>
      <c r="H7691" cm="1">
        <f t="array" ref="H7691">IFERROR(INDEX(Jesper!AL$2:AL$366,ROUNDDOWN($C7691/24,0)+1,1)*INDEX($D$3:$AA$30,INDEX(Jesper!$R$2:$R$366,ROW(INDEX(Jesper!AL$2:AL$366,ROUNDDOWN($C7691/24,0)+1,1))-1)+IF('Standard Profiles'!$G$22=$B$10,7,0)+IF('Standard Profiles'!$G$22=$B$17,14,0)+IF('Standard Profiles'!$G$22=$B$24,21,0),MOD($C7691,24)+1)/SUM(INDEX($D$3:$AA$30,INDEX(Jesper!$R$2:$R$366,ROW(INDEX(Jesper!AL$2:AL$366,ROUNDDOWN($C7691/24,0)+1,1))-1)+IF('Standard Profiles'!$G$22=$B$10,7,0)+IF('Standard Profiles'!$G$22=$B$17,14,0)+IF('Standard Profiles'!$G$22=$B$24,21,0),0)),0)</f>
        <v>0</v>
      </c>
      <c r="I7691">
        <f t="shared" si="853"/>
        <v>0.2752955373120356</v>
      </c>
      <c r="J7691">
        <f t="shared" si="854"/>
        <v>0.91765179104011885</v>
      </c>
      <c r="K7691">
        <f t="shared" si="855"/>
        <v>1.3764776865601782</v>
      </c>
      <c r="L7691">
        <f t="shared" si="856"/>
        <v>6.6070928954888553</v>
      </c>
      <c r="M7691">
        <f t="shared" si="857"/>
        <v>0</v>
      </c>
      <c r="N7691" s="46">
        <f t="shared" si="858"/>
        <v>45611.041666648096</v>
      </c>
    </row>
    <row r="7692" spans="2:14" x14ac:dyDescent="0.3">
      <c r="B7692">
        <f t="shared" si="852"/>
        <v>5</v>
      </c>
      <c r="C7692" s="16">
        <v>7658</v>
      </c>
      <c r="D7692" cm="1">
        <f t="array" ref="D7692">IFERROR(INDEX(Jesper!AH$2:AH$366,ROUNDDOWN($C7692/24,0)+1,1)*INDEX($D$3:$AA$30,INDEX(Jesper!$R$2:$R$366,ROW(INDEX(Jesper!AH$2:AH$366,ROUNDDOWN($C7692/24,0)+1,1))-1)+IF('Standard Profiles'!$G$18=$B$10,7,0)+IF('Standard Profiles'!$G$18=$B$17,14,0)+IF('Standard Profiles'!$G$18=$B$24,21,0),MOD($C7692,24)+1)/SUM(INDEX($D$3:$AA$30,INDEX(Jesper!$R$2:$R$366,ROW(INDEX(Jesper!AH$2:AH$366,ROUNDDOWN($C7692/24,0)+1,1))-1)+IF('Standard Profiles'!$G$18=$B$10,7,0)+IF('Standard Profiles'!$G$18=$B$17,14,0)+IF('Standard Profiles'!$G$18=$B$24,21,0),0)),0)</f>
        <v>9.1765179104011878</v>
      </c>
      <c r="E7692" cm="1">
        <f t="array" ref="E7692">IFERROR(INDEX(Jesper!AI$2:AI$366,ROUNDDOWN($C7692/24,0)+1,1)*INDEX($D$3:$AA$30,INDEX(Jesper!$R$2:$R$366,ROW(INDEX(Jesper!AI$2:AI$366,ROUNDDOWN($C7692/24,0)+1,1))-1)+IF('Standard Profiles'!$G$19=$B$10,7,0)+IF('Standard Profiles'!$G$19=$B$17,14,0)+IF('Standard Profiles'!$G$19=$B$24,21,0),MOD($C7692,24)+1)/SUM(INDEX($D$3:$AA$30,INDEX(Jesper!$R$2:$R$366,ROW(INDEX(Jesper!AI$2:AI$366,ROUNDDOWN($C7692/24,0)+1,1))-1)+IF('Standard Profiles'!$G$19=$B$10,7,0)+IF('Standard Profiles'!$G$19=$B$17,14,0)+IF('Standard Profiles'!$G$19=$B$24,21,0),0)),0)</f>
        <v>0</v>
      </c>
      <c r="F7692" cm="1">
        <f t="array" ref="F7692">IFERROR(INDEX(Jesper!AJ$2:AJ$366,ROUNDDOWN($C7692/24,0)+1,1)*INDEX($D$3:$AA$30,INDEX(Jesper!$R$2:$R$366,ROW(INDEX(Jesper!AJ$2:AJ$366,ROUNDDOWN($C7692/24,0)+1,1))-1)+IF('Standard Profiles'!$G$20=$B$10,7,0)+IF('Standard Profiles'!$G$20=$B$17,14,0)+IF('Standard Profiles'!$G$20=$B$24,21,0),MOD($C7692,24)+1)/SUM(INDEX($D$3:$AA$30,INDEX(Jesper!$R$2:$R$366,ROW(INDEX(Jesper!AJ$2:AJ$366,ROUNDDOWN($C7692/24,0)+1,1))-1)+IF('Standard Profiles'!$G$20=$B$10,7,0)+IF('Standard Profiles'!$G$20=$B$17,14,0)+IF('Standard Profiles'!$G$20=$B$24,21,0),0)),0)</f>
        <v>0</v>
      </c>
      <c r="G7692" cm="1">
        <f t="array" ref="G7692">IFERROR(INDEX(Jesper!AK$2:AK$366,ROUNDDOWN($C7692/24,0)+1,1)*INDEX($D$3:$AA$30,INDEX(Jesper!$R$2:$R$366,ROW(INDEX(Jesper!AK$2:AK$366,ROUNDDOWN($C7692/24,0)+1,1))-1)+IF('Standard Profiles'!$G$21=$B$10,7,0)+IF('Standard Profiles'!$G$21=$B$17,14,0)+IF('Standard Profiles'!$G$21=$B$24,21,0),MOD($C7692,24)+1)/SUM(INDEX($D$3:$AA$30,INDEX(Jesper!$R$2:$R$366,ROW(INDEX(Jesper!AK$2:AK$366,ROUNDDOWN($C7692/24,0)+1,1))-1)+IF('Standard Profiles'!$G$21=$B$10,7,0)+IF('Standard Profiles'!$G$21=$B$17,14,0)+IF('Standard Profiles'!$G$21=$B$24,21,0),0)),0)</f>
        <v>0</v>
      </c>
      <c r="H7692" cm="1">
        <f t="array" ref="H7692">IFERROR(INDEX(Jesper!AL$2:AL$366,ROUNDDOWN($C7692/24,0)+1,1)*INDEX($D$3:$AA$30,INDEX(Jesper!$R$2:$R$366,ROW(INDEX(Jesper!AL$2:AL$366,ROUNDDOWN($C7692/24,0)+1,1))-1)+IF('Standard Profiles'!$G$22=$B$10,7,0)+IF('Standard Profiles'!$G$22=$B$17,14,0)+IF('Standard Profiles'!$G$22=$B$24,21,0),MOD($C7692,24)+1)/SUM(INDEX($D$3:$AA$30,INDEX(Jesper!$R$2:$R$366,ROW(INDEX(Jesper!AL$2:AL$366,ROUNDDOWN($C7692/24,0)+1,1))-1)+IF('Standard Profiles'!$G$22=$B$10,7,0)+IF('Standard Profiles'!$G$22=$B$17,14,0)+IF('Standard Profiles'!$G$22=$B$24,21,0),0)),0)</f>
        <v>0</v>
      </c>
      <c r="I7692">
        <f t="shared" si="853"/>
        <v>0.2752955373120356</v>
      </c>
      <c r="J7692">
        <f t="shared" si="854"/>
        <v>0.91765179104011885</v>
      </c>
      <c r="K7692">
        <f t="shared" si="855"/>
        <v>1.3764776865601782</v>
      </c>
      <c r="L7692">
        <f t="shared" si="856"/>
        <v>6.6070928954888553</v>
      </c>
      <c r="M7692">
        <f t="shared" si="857"/>
        <v>0</v>
      </c>
      <c r="N7692" s="46">
        <f t="shared" si="858"/>
        <v>45611.08333331476</v>
      </c>
    </row>
    <row r="7693" spans="2:14" x14ac:dyDescent="0.3">
      <c r="B7693">
        <f t="shared" si="852"/>
        <v>5</v>
      </c>
      <c r="C7693" s="16">
        <v>7659</v>
      </c>
      <c r="D7693" cm="1">
        <f t="array" ref="D7693">IFERROR(INDEX(Jesper!AH$2:AH$366,ROUNDDOWN($C7693/24,0)+1,1)*INDEX($D$3:$AA$30,INDEX(Jesper!$R$2:$R$366,ROW(INDEX(Jesper!AH$2:AH$366,ROUNDDOWN($C7693/24,0)+1,1))-1)+IF('Standard Profiles'!$G$18=$B$10,7,0)+IF('Standard Profiles'!$G$18=$B$17,14,0)+IF('Standard Profiles'!$G$18=$B$24,21,0),MOD($C7693,24)+1)/SUM(INDEX($D$3:$AA$30,INDEX(Jesper!$R$2:$R$366,ROW(INDEX(Jesper!AH$2:AH$366,ROUNDDOWN($C7693/24,0)+1,1))-1)+IF('Standard Profiles'!$G$18=$B$10,7,0)+IF('Standard Profiles'!$G$18=$B$17,14,0)+IF('Standard Profiles'!$G$18=$B$24,21,0),0)),0)</f>
        <v>9.1765179104011878</v>
      </c>
      <c r="E7693" cm="1">
        <f t="array" ref="E7693">IFERROR(INDEX(Jesper!AI$2:AI$366,ROUNDDOWN($C7693/24,0)+1,1)*INDEX($D$3:$AA$30,INDEX(Jesper!$R$2:$R$366,ROW(INDEX(Jesper!AI$2:AI$366,ROUNDDOWN($C7693/24,0)+1,1))-1)+IF('Standard Profiles'!$G$19=$B$10,7,0)+IF('Standard Profiles'!$G$19=$B$17,14,0)+IF('Standard Profiles'!$G$19=$B$24,21,0),MOD($C7693,24)+1)/SUM(INDEX($D$3:$AA$30,INDEX(Jesper!$R$2:$R$366,ROW(INDEX(Jesper!AI$2:AI$366,ROUNDDOWN($C7693/24,0)+1,1))-1)+IF('Standard Profiles'!$G$19=$B$10,7,0)+IF('Standard Profiles'!$G$19=$B$17,14,0)+IF('Standard Profiles'!$G$19=$B$24,21,0),0)),0)</f>
        <v>0</v>
      </c>
      <c r="F7693" cm="1">
        <f t="array" ref="F7693">IFERROR(INDEX(Jesper!AJ$2:AJ$366,ROUNDDOWN($C7693/24,0)+1,1)*INDEX($D$3:$AA$30,INDEX(Jesper!$R$2:$R$366,ROW(INDEX(Jesper!AJ$2:AJ$366,ROUNDDOWN($C7693/24,0)+1,1))-1)+IF('Standard Profiles'!$G$20=$B$10,7,0)+IF('Standard Profiles'!$G$20=$B$17,14,0)+IF('Standard Profiles'!$G$20=$B$24,21,0),MOD($C7693,24)+1)/SUM(INDEX($D$3:$AA$30,INDEX(Jesper!$R$2:$R$366,ROW(INDEX(Jesper!AJ$2:AJ$366,ROUNDDOWN($C7693/24,0)+1,1))-1)+IF('Standard Profiles'!$G$20=$B$10,7,0)+IF('Standard Profiles'!$G$20=$B$17,14,0)+IF('Standard Profiles'!$G$20=$B$24,21,0),0)),0)</f>
        <v>0</v>
      </c>
      <c r="G7693" cm="1">
        <f t="array" ref="G7693">IFERROR(INDEX(Jesper!AK$2:AK$366,ROUNDDOWN($C7693/24,0)+1,1)*INDEX($D$3:$AA$30,INDEX(Jesper!$R$2:$R$366,ROW(INDEX(Jesper!AK$2:AK$366,ROUNDDOWN($C7693/24,0)+1,1))-1)+IF('Standard Profiles'!$G$21=$B$10,7,0)+IF('Standard Profiles'!$G$21=$B$17,14,0)+IF('Standard Profiles'!$G$21=$B$24,21,0),MOD($C7693,24)+1)/SUM(INDEX($D$3:$AA$30,INDEX(Jesper!$R$2:$R$366,ROW(INDEX(Jesper!AK$2:AK$366,ROUNDDOWN($C7693/24,0)+1,1))-1)+IF('Standard Profiles'!$G$21=$B$10,7,0)+IF('Standard Profiles'!$G$21=$B$17,14,0)+IF('Standard Profiles'!$G$21=$B$24,21,0),0)),0)</f>
        <v>0</v>
      </c>
      <c r="H7693" cm="1">
        <f t="array" ref="H7693">IFERROR(INDEX(Jesper!AL$2:AL$366,ROUNDDOWN($C7693/24,0)+1,1)*INDEX($D$3:$AA$30,INDEX(Jesper!$R$2:$R$366,ROW(INDEX(Jesper!AL$2:AL$366,ROUNDDOWN($C7693/24,0)+1,1))-1)+IF('Standard Profiles'!$G$22=$B$10,7,0)+IF('Standard Profiles'!$G$22=$B$17,14,0)+IF('Standard Profiles'!$G$22=$B$24,21,0),MOD($C7693,24)+1)/SUM(INDEX($D$3:$AA$30,INDEX(Jesper!$R$2:$R$366,ROW(INDEX(Jesper!AL$2:AL$366,ROUNDDOWN($C7693/24,0)+1,1))-1)+IF('Standard Profiles'!$G$22=$B$10,7,0)+IF('Standard Profiles'!$G$22=$B$17,14,0)+IF('Standard Profiles'!$G$22=$B$24,21,0),0)),0)</f>
        <v>0</v>
      </c>
      <c r="I7693">
        <f t="shared" si="853"/>
        <v>0.2752955373120356</v>
      </c>
      <c r="J7693">
        <f t="shared" si="854"/>
        <v>0.91765179104011885</v>
      </c>
      <c r="K7693">
        <f t="shared" si="855"/>
        <v>1.3764776865601782</v>
      </c>
      <c r="L7693">
        <f t="shared" si="856"/>
        <v>6.6070928954888553</v>
      </c>
      <c r="M7693">
        <f t="shared" si="857"/>
        <v>0</v>
      </c>
      <c r="N7693" s="46">
        <f t="shared" si="858"/>
        <v>45611.124999981424</v>
      </c>
    </row>
    <row r="7694" spans="2:14" x14ac:dyDescent="0.3">
      <c r="B7694">
        <f t="shared" si="852"/>
        <v>5</v>
      </c>
      <c r="C7694" s="16">
        <v>7660</v>
      </c>
      <c r="D7694" cm="1">
        <f t="array" ref="D7694">IFERROR(INDEX(Jesper!AH$2:AH$366,ROUNDDOWN($C7694/24,0)+1,1)*INDEX($D$3:$AA$30,INDEX(Jesper!$R$2:$R$366,ROW(INDEX(Jesper!AH$2:AH$366,ROUNDDOWN($C7694/24,0)+1,1))-1)+IF('Standard Profiles'!$G$18=$B$10,7,0)+IF('Standard Profiles'!$G$18=$B$17,14,0)+IF('Standard Profiles'!$G$18=$B$24,21,0),MOD($C7694,24)+1)/SUM(INDEX($D$3:$AA$30,INDEX(Jesper!$R$2:$R$366,ROW(INDEX(Jesper!AH$2:AH$366,ROUNDDOWN($C7694/24,0)+1,1))-1)+IF('Standard Profiles'!$G$18=$B$10,7,0)+IF('Standard Profiles'!$G$18=$B$17,14,0)+IF('Standard Profiles'!$G$18=$B$24,21,0),0)),0)</f>
        <v>9.1765179104011878</v>
      </c>
      <c r="E7694" cm="1">
        <f t="array" ref="E7694">IFERROR(INDEX(Jesper!AI$2:AI$366,ROUNDDOWN($C7694/24,0)+1,1)*INDEX($D$3:$AA$30,INDEX(Jesper!$R$2:$R$366,ROW(INDEX(Jesper!AI$2:AI$366,ROUNDDOWN($C7694/24,0)+1,1))-1)+IF('Standard Profiles'!$G$19=$B$10,7,0)+IF('Standard Profiles'!$G$19=$B$17,14,0)+IF('Standard Profiles'!$G$19=$B$24,21,0),MOD($C7694,24)+1)/SUM(INDEX($D$3:$AA$30,INDEX(Jesper!$R$2:$R$366,ROW(INDEX(Jesper!AI$2:AI$366,ROUNDDOWN($C7694/24,0)+1,1))-1)+IF('Standard Profiles'!$G$19=$B$10,7,0)+IF('Standard Profiles'!$G$19=$B$17,14,0)+IF('Standard Profiles'!$G$19=$B$24,21,0),0)),0)</f>
        <v>0</v>
      </c>
      <c r="F7694" cm="1">
        <f t="array" ref="F7694">IFERROR(INDEX(Jesper!AJ$2:AJ$366,ROUNDDOWN($C7694/24,0)+1,1)*INDEX($D$3:$AA$30,INDEX(Jesper!$R$2:$R$366,ROW(INDEX(Jesper!AJ$2:AJ$366,ROUNDDOWN($C7694/24,0)+1,1))-1)+IF('Standard Profiles'!$G$20=$B$10,7,0)+IF('Standard Profiles'!$G$20=$B$17,14,0)+IF('Standard Profiles'!$G$20=$B$24,21,0),MOD($C7694,24)+1)/SUM(INDEX($D$3:$AA$30,INDEX(Jesper!$R$2:$R$366,ROW(INDEX(Jesper!AJ$2:AJ$366,ROUNDDOWN($C7694/24,0)+1,1))-1)+IF('Standard Profiles'!$G$20=$B$10,7,0)+IF('Standard Profiles'!$G$20=$B$17,14,0)+IF('Standard Profiles'!$G$20=$B$24,21,0),0)),0)</f>
        <v>0</v>
      </c>
      <c r="G7694" cm="1">
        <f t="array" ref="G7694">IFERROR(INDEX(Jesper!AK$2:AK$366,ROUNDDOWN($C7694/24,0)+1,1)*INDEX($D$3:$AA$30,INDEX(Jesper!$R$2:$R$366,ROW(INDEX(Jesper!AK$2:AK$366,ROUNDDOWN($C7694/24,0)+1,1))-1)+IF('Standard Profiles'!$G$21=$B$10,7,0)+IF('Standard Profiles'!$G$21=$B$17,14,0)+IF('Standard Profiles'!$G$21=$B$24,21,0),MOD($C7694,24)+1)/SUM(INDEX($D$3:$AA$30,INDEX(Jesper!$R$2:$R$366,ROW(INDEX(Jesper!AK$2:AK$366,ROUNDDOWN($C7694/24,0)+1,1))-1)+IF('Standard Profiles'!$G$21=$B$10,7,0)+IF('Standard Profiles'!$G$21=$B$17,14,0)+IF('Standard Profiles'!$G$21=$B$24,21,0),0)),0)</f>
        <v>0</v>
      </c>
      <c r="H7694" cm="1">
        <f t="array" ref="H7694">IFERROR(INDEX(Jesper!AL$2:AL$366,ROUNDDOWN($C7694/24,0)+1,1)*INDEX($D$3:$AA$30,INDEX(Jesper!$R$2:$R$366,ROW(INDEX(Jesper!AL$2:AL$366,ROUNDDOWN($C7694/24,0)+1,1))-1)+IF('Standard Profiles'!$G$22=$B$10,7,0)+IF('Standard Profiles'!$G$22=$B$17,14,0)+IF('Standard Profiles'!$G$22=$B$24,21,0),MOD($C7694,24)+1)/SUM(INDEX($D$3:$AA$30,INDEX(Jesper!$R$2:$R$366,ROW(INDEX(Jesper!AL$2:AL$366,ROUNDDOWN($C7694/24,0)+1,1))-1)+IF('Standard Profiles'!$G$22=$B$10,7,0)+IF('Standard Profiles'!$G$22=$B$17,14,0)+IF('Standard Profiles'!$G$22=$B$24,21,0),0)),0)</f>
        <v>0</v>
      </c>
      <c r="I7694">
        <f t="shared" si="853"/>
        <v>0.2752955373120356</v>
      </c>
      <c r="J7694">
        <f t="shared" si="854"/>
        <v>0.91765179104011885</v>
      </c>
      <c r="K7694">
        <f t="shared" si="855"/>
        <v>1.3764776865601782</v>
      </c>
      <c r="L7694">
        <f t="shared" si="856"/>
        <v>6.6070928954888553</v>
      </c>
      <c r="M7694">
        <f t="shared" si="857"/>
        <v>0</v>
      </c>
      <c r="N7694" s="46">
        <f t="shared" si="858"/>
        <v>45611.166666648089</v>
      </c>
    </row>
    <row r="7695" spans="2:14" x14ac:dyDescent="0.3">
      <c r="B7695">
        <f t="shared" si="852"/>
        <v>5</v>
      </c>
      <c r="C7695" s="16">
        <v>7661</v>
      </c>
      <c r="D7695" cm="1">
        <f t="array" ref="D7695">IFERROR(INDEX(Jesper!AH$2:AH$366,ROUNDDOWN($C7695/24,0)+1,1)*INDEX($D$3:$AA$30,INDEX(Jesper!$R$2:$R$366,ROW(INDEX(Jesper!AH$2:AH$366,ROUNDDOWN($C7695/24,0)+1,1))-1)+IF('Standard Profiles'!$G$18=$B$10,7,0)+IF('Standard Profiles'!$G$18=$B$17,14,0)+IF('Standard Profiles'!$G$18=$B$24,21,0),MOD($C7695,24)+1)/SUM(INDEX($D$3:$AA$30,INDEX(Jesper!$R$2:$R$366,ROW(INDEX(Jesper!AH$2:AH$366,ROUNDDOWN($C7695/24,0)+1,1))-1)+IF('Standard Profiles'!$G$18=$B$10,7,0)+IF('Standard Profiles'!$G$18=$B$17,14,0)+IF('Standard Profiles'!$G$18=$B$24,21,0),0)),0)</f>
        <v>11.827511973405974</v>
      </c>
      <c r="E7695" cm="1">
        <f t="array" ref="E7695">IFERROR(INDEX(Jesper!AI$2:AI$366,ROUNDDOWN($C7695/24,0)+1,1)*INDEX($D$3:$AA$30,INDEX(Jesper!$R$2:$R$366,ROW(INDEX(Jesper!AI$2:AI$366,ROUNDDOWN($C7695/24,0)+1,1))-1)+IF('Standard Profiles'!$G$19=$B$10,7,0)+IF('Standard Profiles'!$G$19=$B$17,14,0)+IF('Standard Profiles'!$G$19=$B$24,21,0),MOD($C7695,24)+1)/SUM(INDEX($D$3:$AA$30,INDEX(Jesper!$R$2:$R$366,ROW(INDEX(Jesper!AI$2:AI$366,ROUNDDOWN($C7695/24,0)+1,1))-1)+IF('Standard Profiles'!$G$19=$B$10,7,0)+IF('Standard Profiles'!$G$19=$B$17,14,0)+IF('Standard Profiles'!$G$19=$B$24,21,0),0)),0)</f>
        <v>0</v>
      </c>
      <c r="F7695" cm="1">
        <f t="array" ref="F7695">IFERROR(INDEX(Jesper!AJ$2:AJ$366,ROUNDDOWN($C7695/24,0)+1,1)*INDEX($D$3:$AA$30,INDEX(Jesper!$R$2:$R$366,ROW(INDEX(Jesper!AJ$2:AJ$366,ROUNDDOWN($C7695/24,0)+1,1))-1)+IF('Standard Profiles'!$G$20=$B$10,7,0)+IF('Standard Profiles'!$G$20=$B$17,14,0)+IF('Standard Profiles'!$G$20=$B$24,21,0),MOD($C7695,24)+1)/SUM(INDEX($D$3:$AA$30,INDEX(Jesper!$R$2:$R$366,ROW(INDEX(Jesper!AJ$2:AJ$366,ROUNDDOWN($C7695/24,0)+1,1))-1)+IF('Standard Profiles'!$G$20=$B$10,7,0)+IF('Standard Profiles'!$G$20=$B$17,14,0)+IF('Standard Profiles'!$G$20=$B$24,21,0),0)),0)</f>
        <v>0</v>
      </c>
      <c r="G7695" cm="1">
        <f t="array" ref="G7695">IFERROR(INDEX(Jesper!AK$2:AK$366,ROUNDDOWN($C7695/24,0)+1,1)*INDEX($D$3:$AA$30,INDEX(Jesper!$R$2:$R$366,ROW(INDEX(Jesper!AK$2:AK$366,ROUNDDOWN($C7695/24,0)+1,1))-1)+IF('Standard Profiles'!$G$21=$B$10,7,0)+IF('Standard Profiles'!$G$21=$B$17,14,0)+IF('Standard Profiles'!$G$21=$B$24,21,0),MOD($C7695,24)+1)/SUM(INDEX($D$3:$AA$30,INDEX(Jesper!$R$2:$R$366,ROW(INDEX(Jesper!AK$2:AK$366,ROUNDDOWN($C7695/24,0)+1,1))-1)+IF('Standard Profiles'!$G$21=$B$10,7,0)+IF('Standard Profiles'!$G$21=$B$17,14,0)+IF('Standard Profiles'!$G$21=$B$24,21,0),0)),0)</f>
        <v>0</v>
      </c>
      <c r="H7695" cm="1">
        <f t="array" ref="H7695">IFERROR(INDEX(Jesper!AL$2:AL$366,ROUNDDOWN($C7695/24,0)+1,1)*INDEX($D$3:$AA$30,INDEX(Jesper!$R$2:$R$366,ROW(INDEX(Jesper!AL$2:AL$366,ROUNDDOWN($C7695/24,0)+1,1))-1)+IF('Standard Profiles'!$G$22=$B$10,7,0)+IF('Standard Profiles'!$G$22=$B$17,14,0)+IF('Standard Profiles'!$G$22=$B$24,21,0),MOD($C7695,24)+1)/SUM(INDEX($D$3:$AA$30,INDEX(Jesper!$R$2:$R$366,ROW(INDEX(Jesper!AL$2:AL$366,ROUNDDOWN($C7695/24,0)+1,1))-1)+IF('Standard Profiles'!$G$22=$B$10,7,0)+IF('Standard Profiles'!$G$22=$B$17,14,0)+IF('Standard Profiles'!$G$22=$B$24,21,0),0)),0)</f>
        <v>0</v>
      </c>
      <c r="I7695">
        <f t="shared" si="853"/>
        <v>0.35482535920217922</v>
      </c>
      <c r="J7695">
        <f t="shared" si="854"/>
        <v>1.1827511973405975</v>
      </c>
      <c r="K7695">
        <f t="shared" si="855"/>
        <v>1.774126796010896</v>
      </c>
      <c r="L7695">
        <f t="shared" si="856"/>
        <v>8.5158086208523009</v>
      </c>
      <c r="M7695">
        <f t="shared" si="857"/>
        <v>0</v>
      </c>
      <c r="N7695" s="46">
        <f t="shared" si="858"/>
        <v>45611.208333314753</v>
      </c>
    </row>
    <row r="7696" spans="2:14" x14ac:dyDescent="0.3">
      <c r="B7696">
        <f t="shared" si="852"/>
        <v>5</v>
      </c>
      <c r="C7696" s="16">
        <v>7662</v>
      </c>
      <c r="D7696" cm="1">
        <f t="array" ref="D7696">IFERROR(INDEX(Jesper!AH$2:AH$366,ROUNDDOWN($C7696/24,0)+1,1)*INDEX($D$3:$AA$30,INDEX(Jesper!$R$2:$R$366,ROW(INDEX(Jesper!AH$2:AH$366,ROUNDDOWN($C7696/24,0)+1,1))-1)+IF('Standard Profiles'!$G$18=$B$10,7,0)+IF('Standard Profiles'!$G$18=$B$17,14,0)+IF('Standard Profiles'!$G$18=$B$24,21,0),MOD($C7696,24)+1)/SUM(INDEX($D$3:$AA$30,INDEX(Jesper!$R$2:$R$366,ROW(INDEX(Jesper!AH$2:AH$366,ROUNDDOWN($C7696/24,0)+1,1))-1)+IF('Standard Profiles'!$G$18=$B$10,7,0)+IF('Standard Profiles'!$G$18=$B$17,14,0)+IF('Standard Profiles'!$G$18=$B$24,21,0),0)),0)</f>
        <v>14.274583416179624</v>
      </c>
      <c r="E7696" cm="1">
        <f t="array" ref="E7696">IFERROR(INDEX(Jesper!AI$2:AI$366,ROUNDDOWN($C7696/24,0)+1,1)*INDEX($D$3:$AA$30,INDEX(Jesper!$R$2:$R$366,ROW(INDEX(Jesper!AI$2:AI$366,ROUNDDOWN($C7696/24,0)+1,1))-1)+IF('Standard Profiles'!$G$19=$B$10,7,0)+IF('Standard Profiles'!$G$19=$B$17,14,0)+IF('Standard Profiles'!$G$19=$B$24,21,0),MOD($C7696,24)+1)/SUM(INDEX($D$3:$AA$30,INDEX(Jesper!$R$2:$R$366,ROW(INDEX(Jesper!AI$2:AI$366,ROUNDDOWN($C7696/24,0)+1,1))-1)+IF('Standard Profiles'!$G$19=$B$10,7,0)+IF('Standard Profiles'!$G$19=$B$17,14,0)+IF('Standard Profiles'!$G$19=$B$24,21,0),0)),0)</f>
        <v>0</v>
      </c>
      <c r="F7696" cm="1">
        <f t="array" ref="F7696">IFERROR(INDEX(Jesper!AJ$2:AJ$366,ROUNDDOWN($C7696/24,0)+1,1)*INDEX($D$3:$AA$30,INDEX(Jesper!$R$2:$R$366,ROW(INDEX(Jesper!AJ$2:AJ$366,ROUNDDOWN($C7696/24,0)+1,1))-1)+IF('Standard Profiles'!$G$20=$B$10,7,0)+IF('Standard Profiles'!$G$20=$B$17,14,0)+IF('Standard Profiles'!$G$20=$B$24,21,0),MOD($C7696,24)+1)/SUM(INDEX($D$3:$AA$30,INDEX(Jesper!$R$2:$R$366,ROW(INDEX(Jesper!AJ$2:AJ$366,ROUNDDOWN($C7696/24,0)+1,1))-1)+IF('Standard Profiles'!$G$20=$B$10,7,0)+IF('Standard Profiles'!$G$20=$B$17,14,0)+IF('Standard Profiles'!$G$20=$B$24,21,0),0)),0)</f>
        <v>0</v>
      </c>
      <c r="G7696" cm="1">
        <f t="array" ref="G7696">IFERROR(INDEX(Jesper!AK$2:AK$366,ROUNDDOWN($C7696/24,0)+1,1)*INDEX($D$3:$AA$30,INDEX(Jesper!$R$2:$R$366,ROW(INDEX(Jesper!AK$2:AK$366,ROUNDDOWN($C7696/24,0)+1,1))-1)+IF('Standard Profiles'!$G$21=$B$10,7,0)+IF('Standard Profiles'!$G$21=$B$17,14,0)+IF('Standard Profiles'!$G$21=$B$24,21,0),MOD($C7696,24)+1)/SUM(INDEX($D$3:$AA$30,INDEX(Jesper!$R$2:$R$366,ROW(INDEX(Jesper!AK$2:AK$366,ROUNDDOWN($C7696/24,0)+1,1))-1)+IF('Standard Profiles'!$G$21=$B$10,7,0)+IF('Standard Profiles'!$G$21=$B$17,14,0)+IF('Standard Profiles'!$G$21=$B$24,21,0),0)),0)</f>
        <v>0</v>
      </c>
      <c r="H7696" cm="1">
        <f t="array" ref="H7696">IFERROR(INDEX(Jesper!AL$2:AL$366,ROUNDDOWN($C7696/24,0)+1,1)*INDEX($D$3:$AA$30,INDEX(Jesper!$R$2:$R$366,ROW(INDEX(Jesper!AL$2:AL$366,ROUNDDOWN($C7696/24,0)+1,1))-1)+IF('Standard Profiles'!$G$22=$B$10,7,0)+IF('Standard Profiles'!$G$22=$B$17,14,0)+IF('Standard Profiles'!$G$22=$B$24,21,0),MOD($C7696,24)+1)/SUM(INDEX($D$3:$AA$30,INDEX(Jesper!$R$2:$R$366,ROW(INDEX(Jesper!AL$2:AL$366,ROUNDDOWN($C7696/24,0)+1,1))-1)+IF('Standard Profiles'!$G$22=$B$10,7,0)+IF('Standard Profiles'!$G$22=$B$17,14,0)+IF('Standard Profiles'!$G$22=$B$24,21,0),0)),0)</f>
        <v>0</v>
      </c>
      <c r="I7696">
        <f t="shared" si="853"/>
        <v>0.42823750248538872</v>
      </c>
      <c r="J7696">
        <f t="shared" si="854"/>
        <v>1.4274583416179625</v>
      </c>
      <c r="K7696">
        <f t="shared" si="855"/>
        <v>2.1411875124269435</v>
      </c>
      <c r="L7696">
        <f t="shared" si="856"/>
        <v>10.277700059649328</v>
      </c>
      <c r="M7696">
        <f t="shared" si="857"/>
        <v>0</v>
      </c>
      <c r="N7696" s="46">
        <f t="shared" si="858"/>
        <v>45611.249999981417</v>
      </c>
    </row>
    <row r="7697" spans="2:14" x14ac:dyDescent="0.3">
      <c r="B7697">
        <f t="shared" si="852"/>
        <v>5</v>
      </c>
      <c r="C7697" s="16">
        <v>7663</v>
      </c>
      <c r="D7697" cm="1">
        <f t="array" ref="D7697">IFERROR(INDEX(Jesper!AH$2:AH$366,ROUNDDOWN($C7697/24,0)+1,1)*INDEX($D$3:$AA$30,INDEX(Jesper!$R$2:$R$366,ROW(INDEX(Jesper!AH$2:AH$366,ROUNDDOWN($C7697/24,0)+1,1))-1)+IF('Standard Profiles'!$G$18=$B$10,7,0)+IF('Standard Profiles'!$G$18=$B$17,14,0)+IF('Standard Profiles'!$G$18=$B$24,21,0),MOD($C7697,24)+1)/SUM(INDEX($D$3:$AA$30,INDEX(Jesper!$R$2:$R$366,ROW(INDEX(Jesper!AH$2:AH$366,ROUNDDOWN($C7697/24,0)+1,1))-1)+IF('Standard Profiles'!$G$18=$B$10,7,0)+IF('Standard Profiles'!$G$18=$B$17,14,0)+IF('Standard Profiles'!$G$18=$B$24,21,0),0)),0)</f>
        <v>14.274583416179624</v>
      </c>
      <c r="E7697" cm="1">
        <f t="array" ref="E7697">IFERROR(INDEX(Jesper!AI$2:AI$366,ROUNDDOWN($C7697/24,0)+1,1)*INDEX($D$3:$AA$30,INDEX(Jesper!$R$2:$R$366,ROW(INDEX(Jesper!AI$2:AI$366,ROUNDDOWN($C7697/24,0)+1,1))-1)+IF('Standard Profiles'!$G$19=$B$10,7,0)+IF('Standard Profiles'!$G$19=$B$17,14,0)+IF('Standard Profiles'!$G$19=$B$24,21,0),MOD($C7697,24)+1)/SUM(INDEX($D$3:$AA$30,INDEX(Jesper!$R$2:$R$366,ROW(INDEX(Jesper!AI$2:AI$366,ROUNDDOWN($C7697/24,0)+1,1))-1)+IF('Standard Profiles'!$G$19=$B$10,7,0)+IF('Standard Profiles'!$G$19=$B$17,14,0)+IF('Standard Profiles'!$G$19=$B$24,21,0),0)),0)</f>
        <v>0</v>
      </c>
      <c r="F7697" cm="1">
        <f t="array" ref="F7697">IFERROR(INDEX(Jesper!AJ$2:AJ$366,ROUNDDOWN($C7697/24,0)+1,1)*INDEX($D$3:$AA$30,INDEX(Jesper!$R$2:$R$366,ROW(INDEX(Jesper!AJ$2:AJ$366,ROUNDDOWN($C7697/24,0)+1,1))-1)+IF('Standard Profiles'!$G$20=$B$10,7,0)+IF('Standard Profiles'!$G$20=$B$17,14,0)+IF('Standard Profiles'!$G$20=$B$24,21,0),MOD($C7697,24)+1)/SUM(INDEX($D$3:$AA$30,INDEX(Jesper!$R$2:$R$366,ROW(INDEX(Jesper!AJ$2:AJ$366,ROUNDDOWN($C7697/24,0)+1,1))-1)+IF('Standard Profiles'!$G$20=$B$10,7,0)+IF('Standard Profiles'!$G$20=$B$17,14,0)+IF('Standard Profiles'!$G$20=$B$24,21,0),0)),0)</f>
        <v>0</v>
      </c>
      <c r="G7697" cm="1">
        <f t="array" ref="G7697">IFERROR(INDEX(Jesper!AK$2:AK$366,ROUNDDOWN($C7697/24,0)+1,1)*INDEX($D$3:$AA$30,INDEX(Jesper!$R$2:$R$366,ROW(INDEX(Jesper!AK$2:AK$366,ROUNDDOWN($C7697/24,0)+1,1))-1)+IF('Standard Profiles'!$G$21=$B$10,7,0)+IF('Standard Profiles'!$G$21=$B$17,14,0)+IF('Standard Profiles'!$G$21=$B$24,21,0),MOD($C7697,24)+1)/SUM(INDEX($D$3:$AA$30,INDEX(Jesper!$R$2:$R$366,ROW(INDEX(Jesper!AK$2:AK$366,ROUNDDOWN($C7697/24,0)+1,1))-1)+IF('Standard Profiles'!$G$21=$B$10,7,0)+IF('Standard Profiles'!$G$21=$B$17,14,0)+IF('Standard Profiles'!$G$21=$B$24,21,0),0)),0)</f>
        <v>0</v>
      </c>
      <c r="H7697" cm="1">
        <f t="array" ref="H7697">IFERROR(INDEX(Jesper!AL$2:AL$366,ROUNDDOWN($C7697/24,0)+1,1)*INDEX($D$3:$AA$30,INDEX(Jesper!$R$2:$R$366,ROW(INDEX(Jesper!AL$2:AL$366,ROUNDDOWN($C7697/24,0)+1,1))-1)+IF('Standard Profiles'!$G$22=$B$10,7,0)+IF('Standard Profiles'!$G$22=$B$17,14,0)+IF('Standard Profiles'!$G$22=$B$24,21,0),MOD($C7697,24)+1)/SUM(INDEX($D$3:$AA$30,INDEX(Jesper!$R$2:$R$366,ROW(INDEX(Jesper!AL$2:AL$366,ROUNDDOWN($C7697/24,0)+1,1))-1)+IF('Standard Profiles'!$G$22=$B$10,7,0)+IF('Standard Profiles'!$G$22=$B$17,14,0)+IF('Standard Profiles'!$G$22=$B$24,21,0),0)),0)</f>
        <v>0</v>
      </c>
      <c r="I7697">
        <f t="shared" si="853"/>
        <v>0.42823750248538872</v>
      </c>
      <c r="J7697">
        <f t="shared" si="854"/>
        <v>1.4274583416179625</v>
      </c>
      <c r="K7697">
        <f t="shared" si="855"/>
        <v>2.1411875124269435</v>
      </c>
      <c r="L7697">
        <f t="shared" si="856"/>
        <v>10.277700059649328</v>
      </c>
      <c r="M7697">
        <f t="shared" si="857"/>
        <v>0</v>
      </c>
      <c r="N7697" s="46">
        <f t="shared" si="858"/>
        <v>45611.291666648081</v>
      </c>
    </row>
    <row r="7698" spans="2:14" x14ac:dyDescent="0.3">
      <c r="B7698">
        <f t="shared" si="852"/>
        <v>5</v>
      </c>
      <c r="C7698" s="16">
        <v>7664</v>
      </c>
      <c r="D7698" cm="1">
        <f t="array" ref="D7698">IFERROR(INDEX(Jesper!AH$2:AH$366,ROUNDDOWN($C7698/24,0)+1,1)*INDEX($D$3:$AA$30,INDEX(Jesper!$R$2:$R$366,ROW(INDEX(Jesper!AH$2:AH$366,ROUNDDOWN($C7698/24,0)+1,1))-1)+IF('Standard Profiles'!$G$18=$B$10,7,0)+IF('Standard Profiles'!$G$18=$B$17,14,0)+IF('Standard Profiles'!$G$18=$B$24,21,0),MOD($C7698,24)+1)/SUM(INDEX($D$3:$AA$30,INDEX(Jesper!$R$2:$R$366,ROW(INDEX(Jesper!AH$2:AH$366,ROUNDDOWN($C7698/24,0)+1,1))-1)+IF('Standard Profiles'!$G$18=$B$10,7,0)+IF('Standard Profiles'!$G$18=$B$17,14,0)+IF('Standard Profiles'!$G$18=$B$24,21,0),0)),0)</f>
        <v>14.274583416179624</v>
      </c>
      <c r="E7698" cm="1">
        <f t="array" ref="E7698">IFERROR(INDEX(Jesper!AI$2:AI$366,ROUNDDOWN($C7698/24,0)+1,1)*INDEX($D$3:$AA$30,INDEX(Jesper!$R$2:$R$366,ROW(INDEX(Jesper!AI$2:AI$366,ROUNDDOWN($C7698/24,0)+1,1))-1)+IF('Standard Profiles'!$G$19=$B$10,7,0)+IF('Standard Profiles'!$G$19=$B$17,14,0)+IF('Standard Profiles'!$G$19=$B$24,21,0),MOD($C7698,24)+1)/SUM(INDEX($D$3:$AA$30,INDEX(Jesper!$R$2:$R$366,ROW(INDEX(Jesper!AI$2:AI$366,ROUNDDOWN($C7698/24,0)+1,1))-1)+IF('Standard Profiles'!$G$19=$B$10,7,0)+IF('Standard Profiles'!$G$19=$B$17,14,0)+IF('Standard Profiles'!$G$19=$B$24,21,0),0)),0)</f>
        <v>0</v>
      </c>
      <c r="F7698" cm="1">
        <f t="array" ref="F7698">IFERROR(INDEX(Jesper!AJ$2:AJ$366,ROUNDDOWN($C7698/24,0)+1,1)*INDEX($D$3:$AA$30,INDEX(Jesper!$R$2:$R$366,ROW(INDEX(Jesper!AJ$2:AJ$366,ROUNDDOWN($C7698/24,0)+1,1))-1)+IF('Standard Profiles'!$G$20=$B$10,7,0)+IF('Standard Profiles'!$G$20=$B$17,14,0)+IF('Standard Profiles'!$G$20=$B$24,21,0),MOD($C7698,24)+1)/SUM(INDEX($D$3:$AA$30,INDEX(Jesper!$R$2:$R$366,ROW(INDEX(Jesper!AJ$2:AJ$366,ROUNDDOWN($C7698/24,0)+1,1))-1)+IF('Standard Profiles'!$G$20=$B$10,7,0)+IF('Standard Profiles'!$G$20=$B$17,14,0)+IF('Standard Profiles'!$G$20=$B$24,21,0),0)),0)</f>
        <v>0</v>
      </c>
      <c r="G7698" cm="1">
        <f t="array" ref="G7698">IFERROR(INDEX(Jesper!AK$2:AK$366,ROUNDDOWN($C7698/24,0)+1,1)*INDEX($D$3:$AA$30,INDEX(Jesper!$R$2:$R$366,ROW(INDEX(Jesper!AK$2:AK$366,ROUNDDOWN($C7698/24,0)+1,1))-1)+IF('Standard Profiles'!$G$21=$B$10,7,0)+IF('Standard Profiles'!$G$21=$B$17,14,0)+IF('Standard Profiles'!$G$21=$B$24,21,0),MOD($C7698,24)+1)/SUM(INDEX($D$3:$AA$30,INDEX(Jesper!$R$2:$R$366,ROW(INDEX(Jesper!AK$2:AK$366,ROUNDDOWN($C7698/24,0)+1,1))-1)+IF('Standard Profiles'!$G$21=$B$10,7,0)+IF('Standard Profiles'!$G$21=$B$17,14,0)+IF('Standard Profiles'!$G$21=$B$24,21,0),0)),0)</f>
        <v>0</v>
      </c>
      <c r="H7698" cm="1">
        <f t="array" ref="H7698">IFERROR(INDEX(Jesper!AL$2:AL$366,ROUNDDOWN($C7698/24,0)+1,1)*INDEX($D$3:$AA$30,INDEX(Jesper!$R$2:$R$366,ROW(INDEX(Jesper!AL$2:AL$366,ROUNDDOWN($C7698/24,0)+1,1))-1)+IF('Standard Profiles'!$G$22=$B$10,7,0)+IF('Standard Profiles'!$G$22=$B$17,14,0)+IF('Standard Profiles'!$G$22=$B$24,21,0),MOD($C7698,24)+1)/SUM(INDEX($D$3:$AA$30,INDEX(Jesper!$R$2:$R$366,ROW(INDEX(Jesper!AL$2:AL$366,ROUNDDOWN($C7698/24,0)+1,1))-1)+IF('Standard Profiles'!$G$22=$B$10,7,0)+IF('Standard Profiles'!$G$22=$B$17,14,0)+IF('Standard Profiles'!$G$22=$B$24,21,0),0)),0)</f>
        <v>0</v>
      </c>
      <c r="I7698">
        <f t="shared" si="853"/>
        <v>0.42823750248538872</v>
      </c>
      <c r="J7698">
        <f t="shared" si="854"/>
        <v>1.4274583416179625</v>
      </c>
      <c r="K7698">
        <f t="shared" si="855"/>
        <v>2.1411875124269435</v>
      </c>
      <c r="L7698">
        <f t="shared" si="856"/>
        <v>10.277700059649328</v>
      </c>
      <c r="M7698">
        <f t="shared" si="857"/>
        <v>0</v>
      </c>
      <c r="N7698" s="46">
        <f t="shared" si="858"/>
        <v>45611.333333314746</v>
      </c>
    </row>
    <row r="7699" spans="2:14" x14ac:dyDescent="0.3">
      <c r="B7699">
        <f t="shared" si="852"/>
        <v>5</v>
      </c>
      <c r="C7699" s="16">
        <v>7665</v>
      </c>
      <c r="D7699" cm="1">
        <f t="array" ref="D7699">IFERROR(INDEX(Jesper!AH$2:AH$366,ROUNDDOWN($C7699/24,0)+1,1)*INDEX($D$3:$AA$30,INDEX(Jesper!$R$2:$R$366,ROW(INDEX(Jesper!AH$2:AH$366,ROUNDDOWN($C7699/24,0)+1,1))-1)+IF('Standard Profiles'!$G$18=$B$10,7,0)+IF('Standard Profiles'!$G$18=$B$17,14,0)+IF('Standard Profiles'!$G$18=$B$24,21,0),MOD($C7699,24)+1)/SUM(INDEX($D$3:$AA$30,INDEX(Jesper!$R$2:$R$366,ROW(INDEX(Jesper!AH$2:AH$366,ROUNDDOWN($C7699/24,0)+1,1))-1)+IF('Standard Profiles'!$G$18=$B$10,7,0)+IF('Standard Profiles'!$G$18=$B$17,14,0)+IF('Standard Profiles'!$G$18=$B$24,21,0),0)),0)</f>
        <v>15.294196517335312</v>
      </c>
      <c r="E7699" cm="1">
        <f t="array" ref="E7699">IFERROR(INDEX(Jesper!AI$2:AI$366,ROUNDDOWN($C7699/24,0)+1,1)*INDEX($D$3:$AA$30,INDEX(Jesper!$R$2:$R$366,ROW(INDEX(Jesper!AI$2:AI$366,ROUNDDOWN($C7699/24,0)+1,1))-1)+IF('Standard Profiles'!$G$19=$B$10,7,0)+IF('Standard Profiles'!$G$19=$B$17,14,0)+IF('Standard Profiles'!$G$19=$B$24,21,0),MOD($C7699,24)+1)/SUM(INDEX($D$3:$AA$30,INDEX(Jesper!$R$2:$R$366,ROW(INDEX(Jesper!AI$2:AI$366,ROUNDDOWN($C7699/24,0)+1,1))-1)+IF('Standard Profiles'!$G$19=$B$10,7,0)+IF('Standard Profiles'!$G$19=$B$17,14,0)+IF('Standard Profiles'!$G$19=$B$24,21,0),0)),0)</f>
        <v>0</v>
      </c>
      <c r="F7699" cm="1">
        <f t="array" ref="F7699">IFERROR(INDEX(Jesper!AJ$2:AJ$366,ROUNDDOWN($C7699/24,0)+1,1)*INDEX($D$3:$AA$30,INDEX(Jesper!$R$2:$R$366,ROW(INDEX(Jesper!AJ$2:AJ$366,ROUNDDOWN($C7699/24,0)+1,1))-1)+IF('Standard Profiles'!$G$20=$B$10,7,0)+IF('Standard Profiles'!$G$20=$B$17,14,0)+IF('Standard Profiles'!$G$20=$B$24,21,0),MOD($C7699,24)+1)/SUM(INDEX($D$3:$AA$30,INDEX(Jesper!$R$2:$R$366,ROW(INDEX(Jesper!AJ$2:AJ$366,ROUNDDOWN($C7699/24,0)+1,1))-1)+IF('Standard Profiles'!$G$20=$B$10,7,0)+IF('Standard Profiles'!$G$20=$B$17,14,0)+IF('Standard Profiles'!$G$20=$B$24,21,0),0)),0)</f>
        <v>0</v>
      </c>
      <c r="G7699" cm="1">
        <f t="array" ref="G7699">IFERROR(INDEX(Jesper!AK$2:AK$366,ROUNDDOWN($C7699/24,0)+1,1)*INDEX($D$3:$AA$30,INDEX(Jesper!$R$2:$R$366,ROW(INDEX(Jesper!AK$2:AK$366,ROUNDDOWN($C7699/24,0)+1,1))-1)+IF('Standard Profiles'!$G$21=$B$10,7,0)+IF('Standard Profiles'!$G$21=$B$17,14,0)+IF('Standard Profiles'!$G$21=$B$24,21,0),MOD($C7699,24)+1)/SUM(INDEX($D$3:$AA$30,INDEX(Jesper!$R$2:$R$366,ROW(INDEX(Jesper!AK$2:AK$366,ROUNDDOWN($C7699/24,0)+1,1))-1)+IF('Standard Profiles'!$G$21=$B$10,7,0)+IF('Standard Profiles'!$G$21=$B$17,14,0)+IF('Standard Profiles'!$G$21=$B$24,21,0),0)),0)</f>
        <v>0</v>
      </c>
      <c r="H7699" cm="1">
        <f t="array" ref="H7699">IFERROR(INDEX(Jesper!AL$2:AL$366,ROUNDDOWN($C7699/24,0)+1,1)*INDEX($D$3:$AA$30,INDEX(Jesper!$R$2:$R$366,ROW(INDEX(Jesper!AL$2:AL$366,ROUNDDOWN($C7699/24,0)+1,1))-1)+IF('Standard Profiles'!$G$22=$B$10,7,0)+IF('Standard Profiles'!$G$22=$B$17,14,0)+IF('Standard Profiles'!$G$22=$B$24,21,0),MOD($C7699,24)+1)/SUM(INDEX($D$3:$AA$30,INDEX(Jesper!$R$2:$R$366,ROW(INDEX(Jesper!AL$2:AL$366,ROUNDDOWN($C7699/24,0)+1,1))-1)+IF('Standard Profiles'!$G$22=$B$10,7,0)+IF('Standard Profiles'!$G$22=$B$17,14,0)+IF('Standard Profiles'!$G$22=$B$24,21,0),0)),0)</f>
        <v>0</v>
      </c>
      <c r="I7699">
        <f t="shared" si="853"/>
        <v>0.45882589552005931</v>
      </c>
      <c r="J7699">
        <f t="shared" si="854"/>
        <v>1.5294196517335312</v>
      </c>
      <c r="K7699">
        <f t="shared" si="855"/>
        <v>2.2941294776002965</v>
      </c>
      <c r="L7699">
        <f t="shared" si="856"/>
        <v>11.011821492481424</v>
      </c>
      <c r="M7699">
        <f t="shared" si="857"/>
        <v>0</v>
      </c>
      <c r="N7699" s="46">
        <f t="shared" si="858"/>
        <v>45611.37499998141</v>
      </c>
    </row>
    <row r="7700" spans="2:14" x14ac:dyDescent="0.3">
      <c r="B7700">
        <f t="shared" si="852"/>
        <v>5</v>
      </c>
      <c r="C7700" s="16">
        <v>7666</v>
      </c>
      <c r="D7700" cm="1">
        <f t="array" ref="D7700">IFERROR(INDEX(Jesper!AH$2:AH$366,ROUNDDOWN($C7700/24,0)+1,1)*INDEX($D$3:$AA$30,INDEX(Jesper!$R$2:$R$366,ROW(INDEX(Jesper!AH$2:AH$366,ROUNDDOWN($C7700/24,0)+1,1))-1)+IF('Standard Profiles'!$G$18=$B$10,7,0)+IF('Standard Profiles'!$G$18=$B$17,14,0)+IF('Standard Profiles'!$G$18=$B$24,21,0),MOD($C7700,24)+1)/SUM(INDEX($D$3:$AA$30,INDEX(Jesper!$R$2:$R$366,ROW(INDEX(Jesper!AH$2:AH$366,ROUNDDOWN($C7700/24,0)+1,1))-1)+IF('Standard Profiles'!$G$18=$B$10,7,0)+IF('Standard Profiles'!$G$18=$B$17,14,0)+IF('Standard Profiles'!$G$18=$B$24,21,0),0)),0)</f>
        <v>15.905964378028726</v>
      </c>
      <c r="E7700" cm="1">
        <f t="array" ref="E7700">IFERROR(INDEX(Jesper!AI$2:AI$366,ROUNDDOWN($C7700/24,0)+1,1)*INDEX($D$3:$AA$30,INDEX(Jesper!$R$2:$R$366,ROW(INDEX(Jesper!AI$2:AI$366,ROUNDDOWN($C7700/24,0)+1,1))-1)+IF('Standard Profiles'!$G$19=$B$10,7,0)+IF('Standard Profiles'!$G$19=$B$17,14,0)+IF('Standard Profiles'!$G$19=$B$24,21,0),MOD($C7700,24)+1)/SUM(INDEX($D$3:$AA$30,INDEX(Jesper!$R$2:$R$366,ROW(INDEX(Jesper!AI$2:AI$366,ROUNDDOWN($C7700/24,0)+1,1))-1)+IF('Standard Profiles'!$G$19=$B$10,7,0)+IF('Standard Profiles'!$G$19=$B$17,14,0)+IF('Standard Profiles'!$G$19=$B$24,21,0),0)),0)</f>
        <v>0</v>
      </c>
      <c r="F7700" cm="1">
        <f t="array" ref="F7700">IFERROR(INDEX(Jesper!AJ$2:AJ$366,ROUNDDOWN($C7700/24,0)+1,1)*INDEX($D$3:$AA$30,INDEX(Jesper!$R$2:$R$366,ROW(INDEX(Jesper!AJ$2:AJ$366,ROUNDDOWN($C7700/24,0)+1,1))-1)+IF('Standard Profiles'!$G$20=$B$10,7,0)+IF('Standard Profiles'!$G$20=$B$17,14,0)+IF('Standard Profiles'!$G$20=$B$24,21,0),MOD($C7700,24)+1)/SUM(INDEX($D$3:$AA$30,INDEX(Jesper!$R$2:$R$366,ROW(INDEX(Jesper!AJ$2:AJ$366,ROUNDDOWN($C7700/24,0)+1,1))-1)+IF('Standard Profiles'!$G$20=$B$10,7,0)+IF('Standard Profiles'!$G$20=$B$17,14,0)+IF('Standard Profiles'!$G$20=$B$24,21,0),0)),0)</f>
        <v>0</v>
      </c>
      <c r="G7700" cm="1">
        <f t="array" ref="G7700">IFERROR(INDEX(Jesper!AK$2:AK$366,ROUNDDOWN($C7700/24,0)+1,1)*INDEX($D$3:$AA$30,INDEX(Jesper!$R$2:$R$366,ROW(INDEX(Jesper!AK$2:AK$366,ROUNDDOWN($C7700/24,0)+1,1))-1)+IF('Standard Profiles'!$G$21=$B$10,7,0)+IF('Standard Profiles'!$G$21=$B$17,14,0)+IF('Standard Profiles'!$G$21=$B$24,21,0),MOD($C7700,24)+1)/SUM(INDEX($D$3:$AA$30,INDEX(Jesper!$R$2:$R$366,ROW(INDEX(Jesper!AK$2:AK$366,ROUNDDOWN($C7700/24,0)+1,1))-1)+IF('Standard Profiles'!$G$21=$B$10,7,0)+IF('Standard Profiles'!$G$21=$B$17,14,0)+IF('Standard Profiles'!$G$21=$B$24,21,0),0)),0)</f>
        <v>0</v>
      </c>
      <c r="H7700" cm="1">
        <f t="array" ref="H7700">IFERROR(INDEX(Jesper!AL$2:AL$366,ROUNDDOWN($C7700/24,0)+1,1)*INDEX($D$3:$AA$30,INDEX(Jesper!$R$2:$R$366,ROW(INDEX(Jesper!AL$2:AL$366,ROUNDDOWN($C7700/24,0)+1,1))-1)+IF('Standard Profiles'!$G$22=$B$10,7,0)+IF('Standard Profiles'!$G$22=$B$17,14,0)+IF('Standard Profiles'!$G$22=$B$24,21,0),MOD($C7700,24)+1)/SUM(INDEX($D$3:$AA$30,INDEX(Jesper!$R$2:$R$366,ROW(INDEX(Jesper!AL$2:AL$366,ROUNDDOWN($C7700/24,0)+1,1))-1)+IF('Standard Profiles'!$G$22=$B$10,7,0)+IF('Standard Profiles'!$G$22=$B$17,14,0)+IF('Standard Profiles'!$G$22=$B$24,21,0),0)),0)</f>
        <v>0</v>
      </c>
      <c r="I7700">
        <f t="shared" si="853"/>
        <v>0.47717893134086176</v>
      </c>
      <c r="J7700">
        <f t="shared" si="854"/>
        <v>1.5905964378028727</v>
      </c>
      <c r="K7700">
        <f t="shared" si="855"/>
        <v>2.3858946567043087</v>
      </c>
      <c r="L7700">
        <f t="shared" si="856"/>
        <v>11.452294352180681</v>
      </c>
      <c r="M7700">
        <f t="shared" si="857"/>
        <v>0</v>
      </c>
      <c r="N7700" s="46">
        <f t="shared" si="858"/>
        <v>45611.416666648074</v>
      </c>
    </row>
    <row r="7701" spans="2:14" x14ac:dyDescent="0.3">
      <c r="B7701">
        <f t="shared" si="852"/>
        <v>5</v>
      </c>
      <c r="C7701" s="16">
        <v>7667</v>
      </c>
      <c r="D7701" cm="1">
        <f t="array" ref="D7701">IFERROR(INDEX(Jesper!AH$2:AH$366,ROUNDDOWN($C7701/24,0)+1,1)*INDEX($D$3:$AA$30,INDEX(Jesper!$R$2:$R$366,ROW(INDEX(Jesper!AH$2:AH$366,ROUNDDOWN($C7701/24,0)+1,1))-1)+IF('Standard Profiles'!$G$18=$B$10,7,0)+IF('Standard Profiles'!$G$18=$B$17,14,0)+IF('Standard Profiles'!$G$18=$B$24,21,0),MOD($C7701,24)+1)/SUM(INDEX($D$3:$AA$30,INDEX(Jesper!$R$2:$R$366,ROW(INDEX(Jesper!AH$2:AH$366,ROUNDDOWN($C7701/24,0)+1,1))-1)+IF('Standard Profiles'!$G$18=$B$10,7,0)+IF('Standard Profiles'!$G$18=$B$17,14,0)+IF('Standard Profiles'!$G$18=$B$24,21,0),0)),0)</f>
        <v>18.353035820802376</v>
      </c>
      <c r="E7701" cm="1">
        <f t="array" ref="E7701">IFERROR(INDEX(Jesper!AI$2:AI$366,ROUNDDOWN($C7701/24,0)+1,1)*INDEX($D$3:$AA$30,INDEX(Jesper!$R$2:$R$366,ROW(INDEX(Jesper!AI$2:AI$366,ROUNDDOWN($C7701/24,0)+1,1))-1)+IF('Standard Profiles'!$G$19=$B$10,7,0)+IF('Standard Profiles'!$G$19=$B$17,14,0)+IF('Standard Profiles'!$G$19=$B$24,21,0),MOD($C7701,24)+1)/SUM(INDEX($D$3:$AA$30,INDEX(Jesper!$R$2:$R$366,ROW(INDEX(Jesper!AI$2:AI$366,ROUNDDOWN($C7701/24,0)+1,1))-1)+IF('Standard Profiles'!$G$19=$B$10,7,0)+IF('Standard Profiles'!$G$19=$B$17,14,0)+IF('Standard Profiles'!$G$19=$B$24,21,0),0)),0)</f>
        <v>0</v>
      </c>
      <c r="F7701" cm="1">
        <f t="array" ref="F7701">IFERROR(INDEX(Jesper!AJ$2:AJ$366,ROUNDDOWN($C7701/24,0)+1,1)*INDEX($D$3:$AA$30,INDEX(Jesper!$R$2:$R$366,ROW(INDEX(Jesper!AJ$2:AJ$366,ROUNDDOWN($C7701/24,0)+1,1))-1)+IF('Standard Profiles'!$G$20=$B$10,7,0)+IF('Standard Profiles'!$G$20=$B$17,14,0)+IF('Standard Profiles'!$G$20=$B$24,21,0),MOD($C7701,24)+1)/SUM(INDEX($D$3:$AA$30,INDEX(Jesper!$R$2:$R$366,ROW(INDEX(Jesper!AJ$2:AJ$366,ROUNDDOWN($C7701/24,0)+1,1))-1)+IF('Standard Profiles'!$G$20=$B$10,7,0)+IF('Standard Profiles'!$G$20=$B$17,14,0)+IF('Standard Profiles'!$G$20=$B$24,21,0),0)),0)</f>
        <v>0</v>
      </c>
      <c r="G7701" cm="1">
        <f t="array" ref="G7701">IFERROR(INDEX(Jesper!AK$2:AK$366,ROUNDDOWN($C7701/24,0)+1,1)*INDEX($D$3:$AA$30,INDEX(Jesper!$R$2:$R$366,ROW(INDEX(Jesper!AK$2:AK$366,ROUNDDOWN($C7701/24,0)+1,1))-1)+IF('Standard Profiles'!$G$21=$B$10,7,0)+IF('Standard Profiles'!$G$21=$B$17,14,0)+IF('Standard Profiles'!$G$21=$B$24,21,0),MOD($C7701,24)+1)/SUM(INDEX($D$3:$AA$30,INDEX(Jesper!$R$2:$R$366,ROW(INDEX(Jesper!AK$2:AK$366,ROUNDDOWN($C7701/24,0)+1,1))-1)+IF('Standard Profiles'!$G$21=$B$10,7,0)+IF('Standard Profiles'!$G$21=$B$17,14,0)+IF('Standard Profiles'!$G$21=$B$24,21,0),0)),0)</f>
        <v>0</v>
      </c>
      <c r="H7701" cm="1">
        <f t="array" ref="H7701">IFERROR(INDEX(Jesper!AL$2:AL$366,ROUNDDOWN($C7701/24,0)+1,1)*INDEX($D$3:$AA$30,INDEX(Jesper!$R$2:$R$366,ROW(INDEX(Jesper!AL$2:AL$366,ROUNDDOWN($C7701/24,0)+1,1))-1)+IF('Standard Profiles'!$G$22=$B$10,7,0)+IF('Standard Profiles'!$G$22=$B$17,14,0)+IF('Standard Profiles'!$G$22=$B$24,21,0),MOD($C7701,24)+1)/SUM(INDEX($D$3:$AA$30,INDEX(Jesper!$R$2:$R$366,ROW(INDEX(Jesper!AL$2:AL$366,ROUNDDOWN($C7701/24,0)+1,1))-1)+IF('Standard Profiles'!$G$22=$B$10,7,0)+IF('Standard Profiles'!$G$22=$B$17,14,0)+IF('Standard Profiles'!$G$22=$B$24,21,0),0)),0)</f>
        <v>0</v>
      </c>
      <c r="I7701">
        <f t="shared" si="853"/>
        <v>0.5505910746240712</v>
      </c>
      <c r="J7701">
        <f t="shared" si="854"/>
        <v>1.8353035820802377</v>
      </c>
      <c r="K7701">
        <f t="shared" si="855"/>
        <v>2.7529553731203564</v>
      </c>
      <c r="L7701">
        <f t="shared" si="856"/>
        <v>13.214185790977711</v>
      </c>
      <c r="M7701">
        <f t="shared" si="857"/>
        <v>0</v>
      </c>
      <c r="N7701" s="46">
        <f t="shared" si="858"/>
        <v>45611.458333314738</v>
      </c>
    </row>
    <row r="7702" spans="2:14" x14ac:dyDescent="0.3">
      <c r="B7702">
        <f t="shared" si="852"/>
        <v>5</v>
      </c>
      <c r="C7702" s="16">
        <v>7668</v>
      </c>
      <c r="D7702" cm="1">
        <f t="array" ref="D7702">IFERROR(INDEX(Jesper!AH$2:AH$366,ROUNDDOWN($C7702/24,0)+1,1)*INDEX($D$3:$AA$30,INDEX(Jesper!$R$2:$R$366,ROW(INDEX(Jesper!AH$2:AH$366,ROUNDDOWN($C7702/24,0)+1,1))-1)+IF('Standard Profiles'!$G$18=$B$10,7,0)+IF('Standard Profiles'!$G$18=$B$17,14,0)+IF('Standard Profiles'!$G$18=$B$24,21,0),MOD($C7702,24)+1)/SUM(INDEX($D$3:$AA$30,INDEX(Jesper!$R$2:$R$366,ROW(INDEX(Jesper!AH$2:AH$366,ROUNDDOWN($C7702/24,0)+1,1))-1)+IF('Standard Profiles'!$G$18=$B$10,7,0)+IF('Standard Profiles'!$G$18=$B$17,14,0)+IF('Standard Profiles'!$G$18=$B$24,21,0),0)),0)</f>
        <v>18.353035820802376</v>
      </c>
      <c r="E7702" cm="1">
        <f t="array" ref="E7702">IFERROR(INDEX(Jesper!AI$2:AI$366,ROUNDDOWN($C7702/24,0)+1,1)*INDEX($D$3:$AA$30,INDEX(Jesper!$R$2:$R$366,ROW(INDEX(Jesper!AI$2:AI$366,ROUNDDOWN($C7702/24,0)+1,1))-1)+IF('Standard Profiles'!$G$19=$B$10,7,0)+IF('Standard Profiles'!$G$19=$B$17,14,0)+IF('Standard Profiles'!$G$19=$B$24,21,0),MOD($C7702,24)+1)/SUM(INDEX($D$3:$AA$30,INDEX(Jesper!$R$2:$R$366,ROW(INDEX(Jesper!AI$2:AI$366,ROUNDDOWN($C7702/24,0)+1,1))-1)+IF('Standard Profiles'!$G$19=$B$10,7,0)+IF('Standard Profiles'!$G$19=$B$17,14,0)+IF('Standard Profiles'!$G$19=$B$24,21,0),0)),0)</f>
        <v>0</v>
      </c>
      <c r="F7702" cm="1">
        <f t="array" ref="F7702">IFERROR(INDEX(Jesper!AJ$2:AJ$366,ROUNDDOWN($C7702/24,0)+1,1)*INDEX($D$3:$AA$30,INDEX(Jesper!$R$2:$R$366,ROW(INDEX(Jesper!AJ$2:AJ$366,ROUNDDOWN($C7702/24,0)+1,1))-1)+IF('Standard Profiles'!$G$20=$B$10,7,0)+IF('Standard Profiles'!$G$20=$B$17,14,0)+IF('Standard Profiles'!$G$20=$B$24,21,0),MOD($C7702,24)+1)/SUM(INDEX($D$3:$AA$30,INDEX(Jesper!$R$2:$R$366,ROW(INDEX(Jesper!AJ$2:AJ$366,ROUNDDOWN($C7702/24,0)+1,1))-1)+IF('Standard Profiles'!$G$20=$B$10,7,0)+IF('Standard Profiles'!$G$20=$B$17,14,0)+IF('Standard Profiles'!$G$20=$B$24,21,0),0)),0)</f>
        <v>0</v>
      </c>
      <c r="G7702" cm="1">
        <f t="array" ref="G7702">IFERROR(INDEX(Jesper!AK$2:AK$366,ROUNDDOWN($C7702/24,0)+1,1)*INDEX($D$3:$AA$30,INDEX(Jesper!$R$2:$R$366,ROW(INDEX(Jesper!AK$2:AK$366,ROUNDDOWN($C7702/24,0)+1,1))-1)+IF('Standard Profiles'!$G$21=$B$10,7,0)+IF('Standard Profiles'!$G$21=$B$17,14,0)+IF('Standard Profiles'!$G$21=$B$24,21,0),MOD($C7702,24)+1)/SUM(INDEX($D$3:$AA$30,INDEX(Jesper!$R$2:$R$366,ROW(INDEX(Jesper!AK$2:AK$366,ROUNDDOWN($C7702/24,0)+1,1))-1)+IF('Standard Profiles'!$G$21=$B$10,7,0)+IF('Standard Profiles'!$G$21=$B$17,14,0)+IF('Standard Profiles'!$G$21=$B$24,21,0),0)),0)</f>
        <v>0</v>
      </c>
      <c r="H7702" cm="1">
        <f t="array" ref="H7702">IFERROR(INDEX(Jesper!AL$2:AL$366,ROUNDDOWN($C7702/24,0)+1,1)*INDEX($D$3:$AA$30,INDEX(Jesper!$R$2:$R$366,ROW(INDEX(Jesper!AL$2:AL$366,ROUNDDOWN($C7702/24,0)+1,1))-1)+IF('Standard Profiles'!$G$22=$B$10,7,0)+IF('Standard Profiles'!$G$22=$B$17,14,0)+IF('Standard Profiles'!$G$22=$B$24,21,0),MOD($C7702,24)+1)/SUM(INDEX($D$3:$AA$30,INDEX(Jesper!$R$2:$R$366,ROW(INDEX(Jesper!AL$2:AL$366,ROUNDDOWN($C7702/24,0)+1,1))-1)+IF('Standard Profiles'!$G$22=$B$10,7,0)+IF('Standard Profiles'!$G$22=$B$17,14,0)+IF('Standard Profiles'!$G$22=$B$24,21,0),0)),0)</f>
        <v>0</v>
      </c>
      <c r="I7702">
        <f t="shared" si="853"/>
        <v>0.5505910746240712</v>
      </c>
      <c r="J7702">
        <f t="shared" si="854"/>
        <v>1.8353035820802377</v>
      </c>
      <c r="K7702">
        <f t="shared" si="855"/>
        <v>2.7529553731203564</v>
      </c>
      <c r="L7702">
        <f t="shared" si="856"/>
        <v>13.214185790977711</v>
      </c>
      <c r="M7702">
        <f t="shared" si="857"/>
        <v>0</v>
      </c>
      <c r="N7702" s="46">
        <f t="shared" si="858"/>
        <v>45611.499999981403</v>
      </c>
    </row>
    <row r="7703" spans="2:14" x14ac:dyDescent="0.3">
      <c r="B7703">
        <f t="shared" si="852"/>
        <v>5</v>
      </c>
      <c r="C7703" s="16">
        <v>7669</v>
      </c>
      <c r="D7703" cm="1">
        <f t="array" ref="D7703">IFERROR(INDEX(Jesper!AH$2:AH$366,ROUNDDOWN($C7703/24,0)+1,1)*INDEX($D$3:$AA$30,INDEX(Jesper!$R$2:$R$366,ROW(INDEX(Jesper!AH$2:AH$366,ROUNDDOWN($C7703/24,0)+1,1))-1)+IF('Standard Profiles'!$G$18=$B$10,7,0)+IF('Standard Profiles'!$G$18=$B$17,14,0)+IF('Standard Profiles'!$G$18=$B$24,21,0),MOD($C7703,24)+1)/SUM(INDEX($D$3:$AA$30,INDEX(Jesper!$R$2:$R$366,ROW(INDEX(Jesper!AH$2:AH$366,ROUNDDOWN($C7703/24,0)+1,1))-1)+IF('Standard Profiles'!$G$18=$B$10,7,0)+IF('Standard Profiles'!$G$18=$B$17,14,0)+IF('Standard Profiles'!$G$18=$B$24,21,0),0)),0)</f>
        <v>18.353035820802376</v>
      </c>
      <c r="E7703" cm="1">
        <f t="array" ref="E7703">IFERROR(INDEX(Jesper!AI$2:AI$366,ROUNDDOWN($C7703/24,0)+1,1)*INDEX($D$3:$AA$30,INDEX(Jesper!$R$2:$R$366,ROW(INDEX(Jesper!AI$2:AI$366,ROUNDDOWN($C7703/24,0)+1,1))-1)+IF('Standard Profiles'!$G$19=$B$10,7,0)+IF('Standard Profiles'!$G$19=$B$17,14,0)+IF('Standard Profiles'!$G$19=$B$24,21,0),MOD($C7703,24)+1)/SUM(INDEX($D$3:$AA$30,INDEX(Jesper!$R$2:$R$366,ROW(INDEX(Jesper!AI$2:AI$366,ROUNDDOWN($C7703/24,0)+1,1))-1)+IF('Standard Profiles'!$G$19=$B$10,7,0)+IF('Standard Profiles'!$G$19=$B$17,14,0)+IF('Standard Profiles'!$G$19=$B$24,21,0),0)),0)</f>
        <v>0</v>
      </c>
      <c r="F7703" cm="1">
        <f t="array" ref="F7703">IFERROR(INDEX(Jesper!AJ$2:AJ$366,ROUNDDOWN($C7703/24,0)+1,1)*INDEX($D$3:$AA$30,INDEX(Jesper!$R$2:$R$366,ROW(INDEX(Jesper!AJ$2:AJ$366,ROUNDDOWN($C7703/24,0)+1,1))-1)+IF('Standard Profiles'!$G$20=$B$10,7,0)+IF('Standard Profiles'!$G$20=$B$17,14,0)+IF('Standard Profiles'!$G$20=$B$24,21,0),MOD($C7703,24)+1)/SUM(INDEX($D$3:$AA$30,INDEX(Jesper!$R$2:$R$366,ROW(INDEX(Jesper!AJ$2:AJ$366,ROUNDDOWN($C7703/24,0)+1,1))-1)+IF('Standard Profiles'!$G$20=$B$10,7,0)+IF('Standard Profiles'!$G$20=$B$17,14,0)+IF('Standard Profiles'!$G$20=$B$24,21,0),0)),0)</f>
        <v>0</v>
      </c>
      <c r="G7703" cm="1">
        <f t="array" ref="G7703">IFERROR(INDEX(Jesper!AK$2:AK$366,ROUNDDOWN($C7703/24,0)+1,1)*INDEX($D$3:$AA$30,INDEX(Jesper!$R$2:$R$366,ROW(INDEX(Jesper!AK$2:AK$366,ROUNDDOWN($C7703/24,0)+1,1))-1)+IF('Standard Profiles'!$G$21=$B$10,7,0)+IF('Standard Profiles'!$G$21=$B$17,14,0)+IF('Standard Profiles'!$G$21=$B$24,21,0),MOD($C7703,24)+1)/SUM(INDEX($D$3:$AA$30,INDEX(Jesper!$R$2:$R$366,ROW(INDEX(Jesper!AK$2:AK$366,ROUNDDOWN($C7703/24,0)+1,1))-1)+IF('Standard Profiles'!$G$21=$B$10,7,0)+IF('Standard Profiles'!$G$21=$B$17,14,0)+IF('Standard Profiles'!$G$21=$B$24,21,0),0)),0)</f>
        <v>0</v>
      </c>
      <c r="H7703" cm="1">
        <f t="array" ref="H7703">IFERROR(INDEX(Jesper!AL$2:AL$366,ROUNDDOWN($C7703/24,0)+1,1)*INDEX($D$3:$AA$30,INDEX(Jesper!$R$2:$R$366,ROW(INDEX(Jesper!AL$2:AL$366,ROUNDDOWN($C7703/24,0)+1,1))-1)+IF('Standard Profiles'!$G$22=$B$10,7,0)+IF('Standard Profiles'!$G$22=$B$17,14,0)+IF('Standard Profiles'!$G$22=$B$24,21,0),MOD($C7703,24)+1)/SUM(INDEX($D$3:$AA$30,INDEX(Jesper!$R$2:$R$366,ROW(INDEX(Jesper!AL$2:AL$366,ROUNDDOWN($C7703/24,0)+1,1))-1)+IF('Standard Profiles'!$G$22=$B$10,7,0)+IF('Standard Profiles'!$G$22=$B$17,14,0)+IF('Standard Profiles'!$G$22=$B$24,21,0),0)),0)</f>
        <v>0</v>
      </c>
      <c r="I7703">
        <f t="shared" si="853"/>
        <v>0.5505910746240712</v>
      </c>
      <c r="J7703">
        <f t="shared" si="854"/>
        <v>1.8353035820802377</v>
      </c>
      <c r="K7703">
        <f t="shared" si="855"/>
        <v>2.7529553731203564</v>
      </c>
      <c r="L7703">
        <f t="shared" si="856"/>
        <v>13.214185790977711</v>
      </c>
      <c r="M7703">
        <f t="shared" si="857"/>
        <v>0</v>
      </c>
      <c r="N7703" s="46">
        <f t="shared" si="858"/>
        <v>45611.541666648067</v>
      </c>
    </row>
    <row r="7704" spans="2:14" x14ac:dyDescent="0.3">
      <c r="B7704">
        <f t="shared" si="852"/>
        <v>5</v>
      </c>
      <c r="C7704" s="16">
        <v>7670</v>
      </c>
      <c r="D7704" cm="1">
        <f t="array" ref="D7704">IFERROR(INDEX(Jesper!AH$2:AH$366,ROUNDDOWN($C7704/24,0)+1,1)*INDEX($D$3:$AA$30,INDEX(Jesper!$R$2:$R$366,ROW(INDEX(Jesper!AH$2:AH$366,ROUNDDOWN($C7704/24,0)+1,1))-1)+IF('Standard Profiles'!$G$18=$B$10,7,0)+IF('Standard Profiles'!$G$18=$B$17,14,0)+IF('Standard Profiles'!$G$18=$B$24,21,0),MOD($C7704,24)+1)/SUM(INDEX($D$3:$AA$30,INDEX(Jesper!$R$2:$R$366,ROW(INDEX(Jesper!AH$2:AH$366,ROUNDDOWN($C7704/24,0)+1,1))-1)+IF('Standard Profiles'!$G$18=$B$10,7,0)+IF('Standard Profiles'!$G$18=$B$17,14,0)+IF('Standard Profiles'!$G$18=$B$24,21,0),0)),0)</f>
        <v>18.353035820802376</v>
      </c>
      <c r="E7704" cm="1">
        <f t="array" ref="E7704">IFERROR(INDEX(Jesper!AI$2:AI$366,ROUNDDOWN($C7704/24,0)+1,1)*INDEX($D$3:$AA$30,INDEX(Jesper!$R$2:$R$366,ROW(INDEX(Jesper!AI$2:AI$366,ROUNDDOWN($C7704/24,0)+1,1))-1)+IF('Standard Profiles'!$G$19=$B$10,7,0)+IF('Standard Profiles'!$G$19=$B$17,14,0)+IF('Standard Profiles'!$G$19=$B$24,21,0),MOD($C7704,24)+1)/SUM(INDEX($D$3:$AA$30,INDEX(Jesper!$R$2:$R$366,ROW(INDEX(Jesper!AI$2:AI$366,ROUNDDOWN($C7704/24,0)+1,1))-1)+IF('Standard Profiles'!$G$19=$B$10,7,0)+IF('Standard Profiles'!$G$19=$B$17,14,0)+IF('Standard Profiles'!$G$19=$B$24,21,0),0)),0)</f>
        <v>0</v>
      </c>
      <c r="F7704" cm="1">
        <f t="array" ref="F7704">IFERROR(INDEX(Jesper!AJ$2:AJ$366,ROUNDDOWN($C7704/24,0)+1,1)*INDEX($D$3:$AA$30,INDEX(Jesper!$R$2:$R$366,ROW(INDEX(Jesper!AJ$2:AJ$366,ROUNDDOWN($C7704/24,0)+1,1))-1)+IF('Standard Profiles'!$G$20=$B$10,7,0)+IF('Standard Profiles'!$G$20=$B$17,14,0)+IF('Standard Profiles'!$G$20=$B$24,21,0),MOD($C7704,24)+1)/SUM(INDEX($D$3:$AA$30,INDEX(Jesper!$R$2:$R$366,ROW(INDEX(Jesper!AJ$2:AJ$366,ROUNDDOWN($C7704/24,0)+1,1))-1)+IF('Standard Profiles'!$G$20=$B$10,7,0)+IF('Standard Profiles'!$G$20=$B$17,14,0)+IF('Standard Profiles'!$G$20=$B$24,21,0),0)),0)</f>
        <v>0</v>
      </c>
      <c r="G7704" cm="1">
        <f t="array" ref="G7704">IFERROR(INDEX(Jesper!AK$2:AK$366,ROUNDDOWN($C7704/24,0)+1,1)*INDEX($D$3:$AA$30,INDEX(Jesper!$R$2:$R$366,ROW(INDEX(Jesper!AK$2:AK$366,ROUNDDOWN($C7704/24,0)+1,1))-1)+IF('Standard Profiles'!$G$21=$B$10,7,0)+IF('Standard Profiles'!$G$21=$B$17,14,0)+IF('Standard Profiles'!$G$21=$B$24,21,0),MOD($C7704,24)+1)/SUM(INDEX($D$3:$AA$30,INDEX(Jesper!$R$2:$R$366,ROW(INDEX(Jesper!AK$2:AK$366,ROUNDDOWN($C7704/24,0)+1,1))-1)+IF('Standard Profiles'!$G$21=$B$10,7,0)+IF('Standard Profiles'!$G$21=$B$17,14,0)+IF('Standard Profiles'!$G$21=$B$24,21,0),0)),0)</f>
        <v>0</v>
      </c>
      <c r="H7704" cm="1">
        <f t="array" ref="H7704">IFERROR(INDEX(Jesper!AL$2:AL$366,ROUNDDOWN($C7704/24,0)+1,1)*INDEX($D$3:$AA$30,INDEX(Jesper!$R$2:$R$366,ROW(INDEX(Jesper!AL$2:AL$366,ROUNDDOWN($C7704/24,0)+1,1))-1)+IF('Standard Profiles'!$G$22=$B$10,7,0)+IF('Standard Profiles'!$G$22=$B$17,14,0)+IF('Standard Profiles'!$G$22=$B$24,21,0),MOD($C7704,24)+1)/SUM(INDEX($D$3:$AA$30,INDEX(Jesper!$R$2:$R$366,ROW(INDEX(Jesper!AL$2:AL$366,ROUNDDOWN($C7704/24,0)+1,1))-1)+IF('Standard Profiles'!$G$22=$B$10,7,0)+IF('Standard Profiles'!$G$22=$B$17,14,0)+IF('Standard Profiles'!$G$22=$B$24,21,0),0)),0)</f>
        <v>0</v>
      </c>
      <c r="I7704">
        <f t="shared" si="853"/>
        <v>0.5505910746240712</v>
      </c>
      <c r="J7704">
        <f t="shared" si="854"/>
        <v>1.8353035820802377</v>
      </c>
      <c r="K7704">
        <f t="shared" si="855"/>
        <v>2.7529553731203564</v>
      </c>
      <c r="L7704">
        <f t="shared" si="856"/>
        <v>13.214185790977711</v>
      </c>
      <c r="M7704">
        <f t="shared" si="857"/>
        <v>0</v>
      </c>
      <c r="N7704" s="46">
        <f t="shared" si="858"/>
        <v>45611.583333314731</v>
      </c>
    </row>
    <row r="7705" spans="2:14" x14ac:dyDescent="0.3">
      <c r="B7705">
        <f t="shared" si="852"/>
        <v>5</v>
      </c>
      <c r="C7705" s="16">
        <v>7671</v>
      </c>
      <c r="D7705" cm="1">
        <f t="array" ref="D7705">IFERROR(INDEX(Jesper!AH$2:AH$366,ROUNDDOWN($C7705/24,0)+1,1)*INDEX($D$3:$AA$30,INDEX(Jesper!$R$2:$R$366,ROW(INDEX(Jesper!AH$2:AH$366,ROUNDDOWN($C7705/24,0)+1,1))-1)+IF('Standard Profiles'!$G$18=$B$10,7,0)+IF('Standard Profiles'!$G$18=$B$17,14,0)+IF('Standard Profiles'!$G$18=$B$24,21,0),MOD($C7705,24)+1)/SUM(INDEX($D$3:$AA$30,INDEX(Jesper!$R$2:$R$366,ROW(INDEX(Jesper!AH$2:AH$366,ROUNDDOWN($C7705/24,0)+1,1))-1)+IF('Standard Profiles'!$G$18=$B$10,7,0)+IF('Standard Profiles'!$G$18=$B$17,14,0)+IF('Standard Profiles'!$G$18=$B$24,21,0),0)),0)</f>
        <v>15.294196517335312</v>
      </c>
      <c r="E7705" cm="1">
        <f t="array" ref="E7705">IFERROR(INDEX(Jesper!AI$2:AI$366,ROUNDDOWN($C7705/24,0)+1,1)*INDEX($D$3:$AA$30,INDEX(Jesper!$R$2:$R$366,ROW(INDEX(Jesper!AI$2:AI$366,ROUNDDOWN($C7705/24,0)+1,1))-1)+IF('Standard Profiles'!$G$19=$B$10,7,0)+IF('Standard Profiles'!$G$19=$B$17,14,0)+IF('Standard Profiles'!$G$19=$B$24,21,0),MOD($C7705,24)+1)/SUM(INDEX($D$3:$AA$30,INDEX(Jesper!$R$2:$R$366,ROW(INDEX(Jesper!AI$2:AI$366,ROUNDDOWN($C7705/24,0)+1,1))-1)+IF('Standard Profiles'!$G$19=$B$10,7,0)+IF('Standard Profiles'!$G$19=$B$17,14,0)+IF('Standard Profiles'!$G$19=$B$24,21,0),0)),0)</f>
        <v>0</v>
      </c>
      <c r="F7705" cm="1">
        <f t="array" ref="F7705">IFERROR(INDEX(Jesper!AJ$2:AJ$366,ROUNDDOWN($C7705/24,0)+1,1)*INDEX($D$3:$AA$30,INDEX(Jesper!$R$2:$R$366,ROW(INDEX(Jesper!AJ$2:AJ$366,ROUNDDOWN($C7705/24,0)+1,1))-1)+IF('Standard Profiles'!$G$20=$B$10,7,0)+IF('Standard Profiles'!$G$20=$B$17,14,0)+IF('Standard Profiles'!$G$20=$B$24,21,0),MOD($C7705,24)+1)/SUM(INDEX($D$3:$AA$30,INDEX(Jesper!$R$2:$R$366,ROW(INDEX(Jesper!AJ$2:AJ$366,ROUNDDOWN($C7705/24,0)+1,1))-1)+IF('Standard Profiles'!$G$20=$B$10,7,0)+IF('Standard Profiles'!$G$20=$B$17,14,0)+IF('Standard Profiles'!$G$20=$B$24,21,0),0)),0)</f>
        <v>0</v>
      </c>
      <c r="G7705" cm="1">
        <f t="array" ref="G7705">IFERROR(INDEX(Jesper!AK$2:AK$366,ROUNDDOWN($C7705/24,0)+1,1)*INDEX($D$3:$AA$30,INDEX(Jesper!$R$2:$R$366,ROW(INDEX(Jesper!AK$2:AK$366,ROUNDDOWN($C7705/24,0)+1,1))-1)+IF('Standard Profiles'!$G$21=$B$10,7,0)+IF('Standard Profiles'!$G$21=$B$17,14,0)+IF('Standard Profiles'!$G$21=$B$24,21,0),MOD($C7705,24)+1)/SUM(INDEX($D$3:$AA$30,INDEX(Jesper!$R$2:$R$366,ROW(INDEX(Jesper!AK$2:AK$366,ROUNDDOWN($C7705/24,0)+1,1))-1)+IF('Standard Profiles'!$G$21=$B$10,7,0)+IF('Standard Profiles'!$G$21=$B$17,14,0)+IF('Standard Profiles'!$G$21=$B$24,21,0),0)),0)</f>
        <v>0</v>
      </c>
      <c r="H7705" cm="1">
        <f t="array" ref="H7705">IFERROR(INDEX(Jesper!AL$2:AL$366,ROUNDDOWN($C7705/24,0)+1,1)*INDEX($D$3:$AA$30,INDEX(Jesper!$R$2:$R$366,ROW(INDEX(Jesper!AL$2:AL$366,ROUNDDOWN($C7705/24,0)+1,1))-1)+IF('Standard Profiles'!$G$22=$B$10,7,0)+IF('Standard Profiles'!$G$22=$B$17,14,0)+IF('Standard Profiles'!$G$22=$B$24,21,0),MOD($C7705,24)+1)/SUM(INDEX($D$3:$AA$30,INDEX(Jesper!$R$2:$R$366,ROW(INDEX(Jesper!AL$2:AL$366,ROUNDDOWN($C7705/24,0)+1,1))-1)+IF('Standard Profiles'!$G$22=$B$10,7,0)+IF('Standard Profiles'!$G$22=$B$17,14,0)+IF('Standard Profiles'!$G$22=$B$24,21,0),0)),0)</f>
        <v>0</v>
      </c>
      <c r="I7705">
        <f t="shared" si="853"/>
        <v>0.45882589552005931</v>
      </c>
      <c r="J7705">
        <f t="shared" si="854"/>
        <v>1.5294196517335312</v>
      </c>
      <c r="K7705">
        <f t="shared" si="855"/>
        <v>2.2941294776002965</v>
      </c>
      <c r="L7705">
        <f t="shared" si="856"/>
        <v>11.011821492481424</v>
      </c>
      <c r="M7705">
        <f t="shared" si="857"/>
        <v>0</v>
      </c>
      <c r="N7705" s="46">
        <f t="shared" si="858"/>
        <v>45611.624999981395</v>
      </c>
    </row>
    <row r="7706" spans="2:14" x14ac:dyDescent="0.3">
      <c r="B7706">
        <f t="shared" si="852"/>
        <v>5</v>
      </c>
      <c r="C7706" s="16">
        <v>7672</v>
      </c>
      <c r="D7706" cm="1">
        <f t="array" ref="D7706">IFERROR(INDEX(Jesper!AH$2:AH$366,ROUNDDOWN($C7706/24,0)+1,1)*INDEX($D$3:$AA$30,INDEX(Jesper!$R$2:$R$366,ROW(INDEX(Jesper!AH$2:AH$366,ROUNDDOWN($C7706/24,0)+1,1))-1)+IF('Standard Profiles'!$G$18=$B$10,7,0)+IF('Standard Profiles'!$G$18=$B$17,14,0)+IF('Standard Profiles'!$G$18=$B$24,21,0),MOD($C7706,24)+1)/SUM(INDEX($D$3:$AA$30,INDEX(Jesper!$R$2:$R$366,ROW(INDEX(Jesper!AH$2:AH$366,ROUNDDOWN($C7706/24,0)+1,1))-1)+IF('Standard Profiles'!$G$18=$B$10,7,0)+IF('Standard Profiles'!$G$18=$B$17,14,0)+IF('Standard Profiles'!$G$18=$B$24,21,0),0)),0)</f>
        <v>14.478506036410765</v>
      </c>
      <c r="E7706" cm="1">
        <f t="array" ref="E7706">IFERROR(INDEX(Jesper!AI$2:AI$366,ROUNDDOWN($C7706/24,0)+1,1)*INDEX($D$3:$AA$30,INDEX(Jesper!$R$2:$R$366,ROW(INDEX(Jesper!AI$2:AI$366,ROUNDDOWN($C7706/24,0)+1,1))-1)+IF('Standard Profiles'!$G$19=$B$10,7,0)+IF('Standard Profiles'!$G$19=$B$17,14,0)+IF('Standard Profiles'!$G$19=$B$24,21,0),MOD($C7706,24)+1)/SUM(INDEX($D$3:$AA$30,INDEX(Jesper!$R$2:$R$366,ROW(INDEX(Jesper!AI$2:AI$366,ROUNDDOWN($C7706/24,0)+1,1))-1)+IF('Standard Profiles'!$G$19=$B$10,7,0)+IF('Standard Profiles'!$G$19=$B$17,14,0)+IF('Standard Profiles'!$G$19=$B$24,21,0),0)),0)</f>
        <v>0</v>
      </c>
      <c r="F7706" cm="1">
        <f t="array" ref="F7706">IFERROR(INDEX(Jesper!AJ$2:AJ$366,ROUNDDOWN($C7706/24,0)+1,1)*INDEX($D$3:$AA$30,INDEX(Jesper!$R$2:$R$366,ROW(INDEX(Jesper!AJ$2:AJ$366,ROUNDDOWN($C7706/24,0)+1,1))-1)+IF('Standard Profiles'!$G$20=$B$10,7,0)+IF('Standard Profiles'!$G$20=$B$17,14,0)+IF('Standard Profiles'!$G$20=$B$24,21,0),MOD($C7706,24)+1)/SUM(INDEX($D$3:$AA$30,INDEX(Jesper!$R$2:$R$366,ROW(INDEX(Jesper!AJ$2:AJ$366,ROUNDDOWN($C7706/24,0)+1,1))-1)+IF('Standard Profiles'!$G$20=$B$10,7,0)+IF('Standard Profiles'!$G$20=$B$17,14,0)+IF('Standard Profiles'!$G$20=$B$24,21,0),0)),0)</f>
        <v>0</v>
      </c>
      <c r="G7706" cm="1">
        <f t="array" ref="G7706">IFERROR(INDEX(Jesper!AK$2:AK$366,ROUNDDOWN($C7706/24,0)+1,1)*INDEX($D$3:$AA$30,INDEX(Jesper!$R$2:$R$366,ROW(INDEX(Jesper!AK$2:AK$366,ROUNDDOWN($C7706/24,0)+1,1))-1)+IF('Standard Profiles'!$G$21=$B$10,7,0)+IF('Standard Profiles'!$G$21=$B$17,14,0)+IF('Standard Profiles'!$G$21=$B$24,21,0),MOD($C7706,24)+1)/SUM(INDEX($D$3:$AA$30,INDEX(Jesper!$R$2:$R$366,ROW(INDEX(Jesper!AK$2:AK$366,ROUNDDOWN($C7706/24,0)+1,1))-1)+IF('Standard Profiles'!$G$21=$B$10,7,0)+IF('Standard Profiles'!$G$21=$B$17,14,0)+IF('Standard Profiles'!$G$21=$B$24,21,0),0)),0)</f>
        <v>0</v>
      </c>
      <c r="H7706" cm="1">
        <f t="array" ref="H7706">IFERROR(INDEX(Jesper!AL$2:AL$366,ROUNDDOWN($C7706/24,0)+1,1)*INDEX($D$3:$AA$30,INDEX(Jesper!$R$2:$R$366,ROW(INDEX(Jesper!AL$2:AL$366,ROUNDDOWN($C7706/24,0)+1,1))-1)+IF('Standard Profiles'!$G$22=$B$10,7,0)+IF('Standard Profiles'!$G$22=$B$17,14,0)+IF('Standard Profiles'!$G$22=$B$24,21,0),MOD($C7706,24)+1)/SUM(INDEX($D$3:$AA$30,INDEX(Jesper!$R$2:$R$366,ROW(INDEX(Jesper!AL$2:AL$366,ROUNDDOWN($C7706/24,0)+1,1))-1)+IF('Standard Profiles'!$G$22=$B$10,7,0)+IF('Standard Profiles'!$G$22=$B$17,14,0)+IF('Standard Profiles'!$G$22=$B$24,21,0),0)),0)</f>
        <v>0</v>
      </c>
      <c r="I7706">
        <f t="shared" si="853"/>
        <v>0.43435518109232296</v>
      </c>
      <c r="J7706">
        <f t="shared" si="854"/>
        <v>1.4478506036410765</v>
      </c>
      <c r="K7706">
        <f t="shared" si="855"/>
        <v>2.1717759054616148</v>
      </c>
      <c r="L7706">
        <f t="shared" si="856"/>
        <v>10.424524346215751</v>
      </c>
      <c r="M7706">
        <f t="shared" si="857"/>
        <v>0</v>
      </c>
      <c r="N7706" s="46">
        <f t="shared" si="858"/>
        <v>45611.66666664806</v>
      </c>
    </row>
    <row r="7707" spans="2:14" x14ac:dyDescent="0.3">
      <c r="B7707">
        <f t="shared" si="852"/>
        <v>5</v>
      </c>
      <c r="C7707" s="16">
        <v>7673</v>
      </c>
      <c r="D7707" cm="1">
        <f t="array" ref="D7707">IFERROR(INDEX(Jesper!AH$2:AH$366,ROUNDDOWN($C7707/24,0)+1,1)*INDEX($D$3:$AA$30,INDEX(Jesper!$R$2:$R$366,ROW(INDEX(Jesper!AH$2:AH$366,ROUNDDOWN($C7707/24,0)+1,1))-1)+IF('Standard Profiles'!$G$18=$B$10,7,0)+IF('Standard Profiles'!$G$18=$B$17,14,0)+IF('Standard Profiles'!$G$18=$B$24,21,0),MOD($C7707,24)+1)/SUM(INDEX($D$3:$AA$30,INDEX(Jesper!$R$2:$R$366,ROW(INDEX(Jesper!AH$2:AH$366,ROUNDDOWN($C7707/24,0)+1,1))-1)+IF('Standard Profiles'!$G$18=$B$10,7,0)+IF('Standard Profiles'!$G$18=$B$17,14,0)+IF('Standard Profiles'!$G$18=$B$24,21,0),0)),0)</f>
        <v>14.478506036410765</v>
      </c>
      <c r="E7707" cm="1">
        <f t="array" ref="E7707">IFERROR(INDEX(Jesper!AI$2:AI$366,ROUNDDOWN($C7707/24,0)+1,1)*INDEX($D$3:$AA$30,INDEX(Jesper!$R$2:$R$366,ROW(INDEX(Jesper!AI$2:AI$366,ROUNDDOWN($C7707/24,0)+1,1))-1)+IF('Standard Profiles'!$G$19=$B$10,7,0)+IF('Standard Profiles'!$G$19=$B$17,14,0)+IF('Standard Profiles'!$G$19=$B$24,21,0),MOD($C7707,24)+1)/SUM(INDEX($D$3:$AA$30,INDEX(Jesper!$R$2:$R$366,ROW(INDEX(Jesper!AI$2:AI$366,ROUNDDOWN($C7707/24,0)+1,1))-1)+IF('Standard Profiles'!$G$19=$B$10,7,0)+IF('Standard Profiles'!$G$19=$B$17,14,0)+IF('Standard Profiles'!$G$19=$B$24,21,0),0)),0)</f>
        <v>0</v>
      </c>
      <c r="F7707" cm="1">
        <f t="array" ref="F7707">IFERROR(INDEX(Jesper!AJ$2:AJ$366,ROUNDDOWN($C7707/24,0)+1,1)*INDEX($D$3:$AA$30,INDEX(Jesper!$R$2:$R$366,ROW(INDEX(Jesper!AJ$2:AJ$366,ROUNDDOWN($C7707/24,0)+1,1))-1)+IF('Standard Profiles'!$G$20=$B$10,7,0)+IF('Standard Profiles'!$G$20=$B$17,14,0)+IF('Standard Profiles'!$G$20=$B$24,21,0),MOD($C7707,24)+1)/SUM(INDEX($D$3:$AA$30,INDEX(Jesper!$R$2:$R$366,ROW(INDEX(Jesper!AJ$2:AJ$366,ROUNDDOWN($C7707/24,0)+1,1))-1)+IF('Standard Profiles'!$G$20=$B$10,7,0)+IF('Standard Profiles'!$G$20=$B$17,14,0)+IF('Standard Profiles'!$G$20=$B$24,21,0),0)),0)</f>
        <v>0</v>
      </c>
      <c r="G7707" cm="1">
        <f t="array" ref="G7707">IFERROR(INDEX(Jesper!AK$2:AK$366,ROUNDDOWN($C7707/24,0)+1,1)*INDEX($D$3:$AA$30,INDEX(Jesper!$R$2:$R$366,ROW(INDEX(Jesper!AK$2:AK$366,ROUNDDOWN($C7707/24,0)+1,1))-1)+IF('Standard Profiles'!$G$21=$B$10,7,0)+IF('Standard Profiles'!$G$21=$B$17,14,0)+IF('Standard Profiles'!$G$21=$B$24,21,0),MOD($C7707,24)+1)/SUM(INDEX($D$3:$AA$30,INDEX(Jesper!$R$2:$R$366,ROW(INDEX(Jesper!AK$2:AK$366,ROUNDDOWN($C7707/24,0)+1,1))-1)+IF('Standard Profiles'!$G$21=$B$10,7,0)+IF('Standard Profiles'!$G$21=$B$17,14,0)+IF('Standard Profiles'!$G$21=$B$24,21,0),0)),0)</f>
        <v>0</v>
      </c>
      <c r="H7707" cm="1">
        <f t="array" ref="H7707">IFERROR(INDEX(Jesper!AL$2:AL$366,ROUNDDOWN($C7707/24,0)+1,1)*INDEX($D$3:$AA$30,INDEX(Jesper!$R$2:$R$366,ROW(INDEX(Jesper!AL$2:AL$366,ROUNDDOWN($C7707/24,0)+1,1))-1)+IF('Standard Profiles'!$G$22=$B$10,7,0)+IF('Standard Profiles'!$G$22=$B$17,14,0)+IF('Standard Profiles'!$G$22=$B$24,21,0),MOD($C7707,24)+1)/SUM(INDEX($D$3:$AA$30,INDEX(Jesper!$R$2:$R$366,ROW(INDEX(Jesper!AL$2:AL$366,ROUNDDOWN($C7707/24,0)+1,1))-1)+IF('Standard Profiles'!$G$22=$B$10,7,0)+IF('Standard Profiles'!$G$22=$B$17,14,0)+IF('Standard Profiles'!$G$22=$B$24,21,0),0)),0)</f>
        <v>0</v>
      </c>
      <c r="I7707">
        <f t="shared" si="853"/>
        <v>0.43435518109232296</v>
      </c>
      <c r="J7707">
        <f t="shared" si="854"/>
        <v>1.4478506036410765</v>
      </c>
      <c r="K7707">
        <f t="shared" si="855"/>
        <v>2.1717759054616148</v>
      </c>
      <c r="L7707">
        <f t="shared" si="856"/>
        <v>10.424524346215751</v>
      </c>
      <c r="M7707">
        <f t="shared" si="857"/>
        <v>0</v>
      </c>
      <c r="N7707" s="46">
        <f t="shared" si="858"/>
        <v>45611.708333314724</v>
      </c>
    </row>
    <row r="7708" spans="2:14" x14ac:dyDescent="0.3">
      <c r="B7708">
        <f t="shared" si="852"/>
        <v>5</v>
      </c>
      <c r="C7708" s="16">
        <v>7674</v>
      </c>
      <c r="D7708" cm="1">
        <f t="array" ref="D7708">IFERROR(INDEX(Jesper!AH$2:AH$366,ROUNDDOWN($C7708/24,0)+1,1)*INDEX($D$3:$AA$30,INDEX(Jesper!$R$2:$R$366,ROW(INDEX(Jesper!AH$2:AH$366,ROUNDDOWN($C7708/24,0)+1,1))-1)+IF('Standard Profiles'!$G$18=$B$10,7,0)+IF('Standard Profiles'!$G$18=$B$17,14,0)+IF('Standard Profiles'!$G$18=$B$24,21,0),MOD($C7708,24)+1)/SUM(INDEX($D$3:$AA$30,INDEX(Jesper!$R$2:$R$366,ROW(INDEX(Jesper!AH$2:AH$366,ROUNDDOWN($C7708/24,0)+1,1))-1)+IF('Standard Profiles'!$G$18=$B$10,7,0)+IF('Standard Profiles'!$G$18=$B$17,14,0)+IF('Standard Profiles'!$G$18=$B$24,21,0),0)),0)</f>
        <v>14.478506036410765</v>
      </c>
      <c r="E7708" cm="1">
        <f t="array" ref="E7708">IFERROR(INDEX(Jesper!AI$2:AI$366,ROUNDDOWN($C7708/24,0)+1,1)*INDEX($D$3:$AA$30,INDEX(Jesper!$R$2:$R$366,ROW(INDEX(Jesper!AI$2:AI$366,ROUNDDOWN($C7708/24,0)+1,1))-1)+IF('Standard Profiles'!$G$19=$B$10,7,0)+IF('Standard Profiles'!$G$19=$B$17,14,0)+IF('Standard Profiles'!$G$19=$B$24,21,0),MOD($C7708,24)+1)/SUM(INDEX($D$3:$AA$30,INDEX(Jesper!$R$2:$R$366,ROW(INDEX(Jesper!AI$2:AI$366,ROUNDDOWN($C7708/24,0)+1,1))-1)+IF('Standard Profiles'!$G$19=$B$10,7,0)+IF('Standard Profiles'!$G$19=$B$17,14,0)+IF('Standard Profiles'!$G$19=$B$24,21,0),0)),0)</f>
        <v>0</v>
      </c>
      <c r="F7708" cm="1">
        <f t="array" ref="F7708">IFERROR(INDEX(Jesper!AJ$2:AJ$366,ROUNDDOWN($C7708/24,0)+1,1)*INDEX($D$3:$AA$30,INDEX(Jesper!$R$2:$R$366,ROW(INDEX(Jesper!AJ$2:AJ$366,ROUNDDOWN($C7708/24,0)+1,1))-1)+IF('Standard Profiles'!$G$20=$B$10,7,0)+IF('Standard Profiles'!$G$20=$B$17,14,0)+IF('Standard Profiles'!$G$20=$B$24,21,0),MOD($C7708,24)+1)/SUM(INDEX($D$3:$AA$30,INDEX(Jesper!$R$2:$R$366,ROW(INDEX(Jesper!AJ$2:AJ$366,ROUNDDOWN($C7708/24,0)+1,1))-1)+IF('Standard Profiles'!$G$20=$B$10,7,0)+IF('Standard Profiles'!$G$20=$B$17,14,0)+IF('Standard Profiles'!$G$20=$B$24,21,0),0)),0)</f>
        <v>0</v>
      </c>
      <c r="G7708" cm="1">
        <f t="array" ref="G7708">IFERROR(INDEX(Jesper!AK$2:AK$366,ROUNDDOWN($C7708/24,0)+1,1)*INDEX($D$3:$AA$30,INDEX(Jesper!$R$2:$R$366,ROW(INDEX(Jesper!AK$2:AK$366,ROUNDDOWN($C7708/24,0)+1,1))-1)+IF('Standard Profiles'!$G$21=$B$10,7,0)+IF('Standard Profiles'!$G$21=$B$17,14,0)+IF('Standard Profiles'!$G$21=$B$24,21,0),MOD($C7708,24)+1)/SUM(INDEX($D$3:$AA$30,INDEX(Jesper!$R$2:$R$366,ROW(INDEX(Jesper!AK$2:AK$366,ROUNDDOWN($C7708/24,0)+1,1))-1)+IF('Standard Profiles'!$G$21=$B$10,7,0)+IF('Standard Profiles'!$G$21=$B$17,14,0)+IF('Standard Profiles'!$G$21=$B$24,21,0),0)),0)</f>
        <v>0</v>
      </c>
      <c r="H7708" cm="1">
        <f t="array" ref="H7708">IFERROR(INDEX(Jesper!AL$2:AL$366,ROUNDDOWN($C7708/24,0)+1,1)*INDEX($D$3:$AA$30,INDEX(Jesper!$R$2:$R$366,ROW(INDEX(Jesper!AL$2:AL$366,ROUNDDOWN($C7708/24,0)+1,1))-1)+IF('Standard Profiles'!$G$22=$B$10,7,0)+IF('Standard Profiles'!$G$22=$B$17,14,0)+IF('Standard Profiles'!$G$22=$B$24,21,0),MOD($C7708,24)+1)/SUM(INDEX($D$3:$AA$30,INDEX(Jesper!$R$2:$R$366,ROW(INDEX(Jesper!AL$2:AL$366,ROUNDDOWN($C7708/24,0)+1,1))-1)+IF('Standard Profiles'!$G$22=$B$10,7,0)+IF('Standard Profiles'!$G$22=$B$17,14,0)+IF('Standard Profiles'!$G$22=$B$24,21,0),0)),0)</f>
        <v>0</v>
      </c>
      <c r="I7708">
        <f t="shared" si="853"/>
        <v>0.43435518109232296</v>
      </c>
      <c r="J7708">
        <f t="shared" si="854"/>
        <v>1.4478506036410765</v>
      </c>
      <c r="K7708">
        <f t="shared" si="855"/>
        <v>2.1717759054616148</v>
      </c>
      <c r="L7708">
        <f t="shared" si="856"/>
        <v>10.424524346215751</v>
      </c>
      <c r="M7708">
        <f t="shared" si="857"/>
        <v>0</v>
      </c>
      <c r="N7708" s="46">
        <f t="shared" si="858"/>
        <v>45611.749999981388</v>
      </c>
    </row>
    <row r="7709" spans="2:14" x14ac:dyDescent="0.3">
      <c r="B7709">
        <f t="shared" si="852"/>
        <v>5</v>
      </c>
      <c r="C7709" s="16">
        <v>7675</v>
      </c>
      <c r="D7709" cm="1">
        <f t="array" ref="D7709">IFERROR(INDEX(Jesper!AH$2:AH$366,ROUNDDOWN($C7709/24,0)+1,1)*INDEX($D$3:$AA$30,INDEX(Jesper!$R$2:$R$366,ROW(INDEX(Jesper!AH$2:AH$366,ROUNDDOWN($C7709/24,0)+1,1))-1)+IF('Standard Profiles'!$G$18=$B$10,7,0)+IF('Standard Profiles'!$G$18=$B$17,14,0)+IF('Standard Profiles'!$G$18=$B$24,21,0),MOD($C7709,24)+1)/SUM(INDEX($D$3:$AA$30,INDEX(Jesper!$R$2:$R$366,ROW(INDEX(Jesper!AH$2:AH$366,ROUNDDOWN($C7709/24,0)+1,1))-1)+IF('Standard Profiles'!$G$18=$B$10,7,0)+IF('Standard Profiles'!$G$18=$B$17,14,0)+IF('Standard Profiles'!$G$18=$B$24,21,0),0)),0)</f>
        <v>14.478506036410765</v>
      </c>
      <c r="E7709" cm="1">
        <f t="array" ref="E7709">IFERROR(INDEX(Jesper!AI$2:AI$366,ROUNDDOWN($C7709/24,0)+1,1)*INDEX($D$3:$AA$30,INDEX(Jesper!$R$2:$R$366,ROW(INDEX(Jesper!AI$2:AI$366,ROUNDDOWN($C7709/24,0)+1,1))-1)+IF('Standard Profiles'!$G$19=$B$10,7,0)+IF('Standard Profiles'!$G$19=$B$17,14,0)+IF('Standard Profiles'!$G$19=$B$24,21,0),MOD($C7709,24)+1)/SUM(INDEX($D$3:$AA$30,INDEX(Jesper!$R$2:$R$366,ROW(INDEX(Jesper!AI$2:AI$366,ROUNDDOWN($C7709/24,0)+1,1))-1)+IF('Standard Profiles'!$G$19=$B$10,7,0)+IF('Standard Profiles'!$G$19=$B$17,14,0)+IF('Standard Profiles'!$G$19=$B$24,21,0),0)),0)</f>
        <v>0</v>
      </c>
      <c r="F7709" cm="1">
        <f t="array" ref="F7709">IFERROR(INDEX(Jesper!AJ$2:AJ$366,ROUNDDOWN($C7709/24,0)+1,1)*INDEX($D$3:$AA$30,INDEX(Jesper!$R$2:$R$366,ROW(INDEX(Jesper!AJ$2:AJ$366,ROUNDDOWN($C7709/24,0)+1,1))-1)+IF('Standard Profiles'!$G$20=$B$10,7,0)+IF('Standard Profiles'!$G$20=$B$17,14,0)+IF('Standard Profiles'!$G$20=$B$24,21,0),MOD($C7709,24)+1)/SUM(INDEX($D$3:$AA$30,INDEX(Jesper!$R$2:$R$366,ROW(INDEX(Jesper!AJ$2:AJ$366,ROUNDDOWN($C7709/24,0)+1,1))-1)+IF('Standard Profiles'!$G$20=$B$10,7,0)+IF('Standard Profiles'!$G$20=$B$17,14,0)+IF('Standard Profiles'!$G$20=$B$24,21,0),0)),0)</f>
        <v>0</v>
      </c>
      <c r="G7709" cm="1">
        <f t="array" ref="G7709">IFERROR(INDEX(Jesper!AK$2:AK$366,ROUNDDOWN($C7709/24,0)+1,1)*INDEX($D$3:$AA$30,INDEX(Jesper!$R$2:$R$366,ROW(INDEX(Jesper!AK$2:AK$366,ROUNDDOWN($C7709/24,0)+1,1))-1)+IF('Standard Profiles'!$G$21=$B$10,7,0)+IF('Standard Profiles'!$G$21=$B$17,14,0)+IF('Standard Profiles'!$G$21=$B$24,21,0),MOD($C7709,24)+1)/SUM(INDEX($D$3:$AA$30,INDEX(Jesper!$R$2:$R$366,ROW(INDEX(Jesper!AK$2:AK$366,ROUNDDOWN($C7709/24,0)+1,1))-1)+IF('Standard Profiles'!$G$21=$B$10,7,0)+IF('Standard Profiles'!$G$21=$B$17,14,0)+IF('Standard Profiles'!$G$21=$B$24,21,0),0)),0)</f>
        <v>0</v>
      </c>
      <c r="H7709" cm="1">
        <f t="array" ref="H7709">IFERROR(INDEX(Jesper!AL$2:AL$366,ROUNDDOWN($C7709/24,0)+1,1)*INDEX($D$3:$AA$30,INDEX(Jesper!$R$2:$R$366,ROW(INDEX(Jesper!AL$2:AL$366,ROUNDDOWN($C7709/24,0)+1,1))-1)+IF('Standard Profiles'!$G$22=$B$10,7,0)+IF('Standard Profiles'!$G$22=$B$17,14,0)+IF('Standard Profiles'!$G$22=$B$24,21,0),MOD($C7709,24)+1)/SUM(INDEX($D$3:$AA$30,INDEX(Jesper!$R$2:$R$366,ROW(INDEX(Jesper!AL$2:AL$366,ROUNDDOWN($C7709/24,0)+1,1))-1)+IF('Standard Profiles'!$G$22=$B$10,7,0)+IF('Standard Profiles'!$G$22=$B$17,14,0)+IF('Standard Profiles'!$G$22=$B$24,21,0),0)),0)</f>
        <v>0</v>
      </c>
      <c r="I7709">
        <f t="shared" si="853"/>
        <v>0.43435518109232296</v>
      </c>
      <c r="J7709">
        <f t="shared" si="854"/>
        <v>1.4478506036410765</v>
      </c>
      <c r="K7709">
        <f t="shared" si="855"/>
        <v>2.1717759054616148</v>
      </c>
      <c r="L7709">
        <f t="shared" si="856"/>
        <v>10.424524346215751</v>
      </c>
      <c r="M7709">
        <f t="shared" si="857"/>
        <v>0</v>
      </c>
      <c r="N7709" s="46">
        <f t="shared" si="858"/>
        <v>45611.791666648052</v>
      </c>
    </row>
    <row r="7710" spans="2:14" x14ac:dyDescent="0.3">
      <c r="B7710">
        <f t="shared" si="852"/>
        <v>5</v>
      </c>
      <c r="C7710" s="16">
        <v>7676</v>
      </c>
      <c r="D7710" cm="1">
        <f t="array" ref="D7710">IFERROR(INDEX(Jesper!AH$2:AH$366,ROUNDDOWN($C7710/24,0)+1,1)*INDEX($D$3:$AA$30,INDEX(Jesper!$R$2:$R$366,ROW(INDEX(Jesper!AH$2:AH$366,ROUNDDOWN($C7710/24,0)+1,1))-1)+IF('Standard Profiles'!$G$18=$B$10,7,0)+IF('Standard Profiles'!$G$18=$B$17,14,0)+IF('Standard Profiles'!$G$18=$B$24,21,0),MOD($C7710,24)+1)/SUM(INDEX($D$3:$AA$30,INDEX(Jesper!$R$2:$R$366,ROW(INDEX(Jesper!AH$2:AH$366,ROUNDDOWN($C7710/24,0)+1,1))-1)+IF('Standard Profiles'!$G$18=$B$10,7,0)+IF('Standard Profiles'!$G$18=$B$17,14,0)+IF('Standard Profiles'!$G$18=$B$24,21,0),0)),0)</f>
        <v>11.215744112712562</v>
      </c>
      <c r="E7710" cm="1">
        <f t="array" ref="E7710">IFERROR(INDEX(Jesper!AI$2:AI$366,ROUNDDOWN($C7710/24,0)+1,1)*INDEX($D$3:$AA$30,INDEX(Jesper!$R$2:$R$366,ROW(INDEX(Jesper!AI$2:AI$366,ROUNDDOWN($C7710/24,0)+1,1))-1)+IF('Standard Profiles'!$G$19=$B$10,7,0)+IF('Standard Profiles'!$G$19=$B$17,14,0)+IF('Standard Profiles'!$G$19=$B$24,21,0),MOD($C7710,24)+1)/SUM(INDEX($D$3:$AA$30,INDEX(Jesper!$R$2:$R$366,ROW(INDEX(Jesper!AI$2:AI$366,ROUNDDOWN($C7710/24,0)+1,1))-1)+IF('Standard Profiles'!$G$19=$B$10,7,0)+IF('Standard Profiles'!$G$19=$B$17,14,0)+IF('Standard Profiles'!$G$19=$B$24,21,0),0)),0)</f>
        <v>0</v>
      </c>
      <c r="F7710" cm="1">
        <f t="array" ref="F7710">IFERROR(INDEX(Jesper!AJ$2:AJ$366,ROUNDDOWN($C7710/24,0)+1,1)*INDEX($D$3:$AA$30,INDEX(Jesper!$R$2:$R$366,ROW(INDEX(Jesper!AJ$2:AJ$366,ROUNDDOWN($C7710/24,0)+1,1))-1)+IF('Standard Profiles'!$G$20=$B$10,7,0)+IF('Standard Profiles'!$G$20=$B$17,14,0)+IF('Standard Profiles'!$G$20=$B$24,21,0),MOD($C7710,24)+1)/SUM(INDEX($D$3:$AA$30,INDEX(Jesper!$R$2:$R$366,ROW(INDEX(Jesper!AJ$2:AJ$366,ROUNDDOWN($C7710/24,0)+1,1))-1)+IF('Standard Profiles'!$G$20=$B$10,7,0)+IF('Standard Profiles'!$G$20=$B$17,14,0)+IF('Standard Profiles'!$G$20=$B$24,21,0),0)),0)</f>
        <v>0</v>
      </c>
      <c r="G7710" cm="1">
        <f t="array" ref="G7710">IFERROR(INDEX(Jesper!AK$2:AK$366,ROUNDDOWN($C7710/24,0)+1,1)*INDEX($D$3:$AA$30,INDEX(Jesper!$R$2:$R$366,ROW(INDEX(Jesper!AK$2:AK$366,ROUNDDOWN($C7710/24,0)+1,1))-1)+IF('Standard Profiles'!$G$21=$B$10,7,0)+IF('Standard Profiles'!$G$21=$B$17,14,0)+IF('Standard Profiles'!$G$21=$B$24,21,0),MOD($C7710,24)+1)/SUM(INDEX($D$3:$AA$30,INDEX(Jesper!$R$2:$R$366,ROW(INDEX(Jesper!AK$2:AK$366,ROUNDDOWN($C7710/24,0)+1,1))-1)+IF('Standard Profiles'!$G$21=$B$10,7,0)+IF('Standard Profiles'!$G$21=$B$17,14,0)+IF('Standard Profiles'!$G$21=$B$24,21,0),0)),0)</f>
        <v>0</v>
      </c>
      <c r="H7710" cm="1">
        <f t="array" ref="H7710">IFERROR(INDEX(Jesper!AL$2:AL$366,ROUNDDOWN($C7710/24,0)+1,1)*INDEX($D$3:$AA$30,INDEX(Jesper!$R$2:$R$366,ROW(INDEX(Jesper!AL$2:AL$366,ROUNDDOWN($C7710/24,0)+1,1))-1)+IF('Standard Profiles'!$G$22=$B$10,7,0)+IF('Standard Profiles'!$G$22=$B$17,14,0)+IF('Standard Profiles'!$G$22=$B$24,21,0),MOD($C7710,24)+1)/SUM(INDEX($D$3:$AA$30,INDEX(Jesper!$R$2:$R$366,ROW(INDEX(Jesper!AL$2:AL$366,ROUNDDOWN($C7710/24,0)+1,1))-1)+IF('Standard Profiles'!$G$22=$B$10,7,0)+IF('Standard Profiles'!$G$22=$B$17,14,0)+IF('Standard Profiles'!$G$22=$B$24,21,0),0)),0)</f>
        <v>0</v>
      </c>
      <c r="I7710">
        <f t="shared" si="853"/>
        <v>0.33647232338137684</v>
      </c>
      <c r="J7710">
        <f t="shared" si="854"/>
        <v>1.1215744112712562</v>
      </c>
      <c r="K7710">
        <f t="shared" si="855"/>
        <v>1.6823616169068842</v>
      </c>
      <c r="L7710">
        <f t="shared" si="856"/>
        <v>8.0753357611530436</v>
      </c>
      <c r="M7710">
        <f t="shared" si="857"/>
        <v>0</v>
      </c>
      <c r="N7710" s="46">
        <f t="shared" si="858"/>
        <v>45611.833333314717</v>
      </c>
    </row>
    <row r="7711" spans="2:14" x14ac:dyDescent="0.3">
      <c r="B7711">
        <f t="shared" si="852"/>
        <v>5</v>
      </c>
      <c r="C7711" s="16">
        <v>7677</v>
      </c>
      <c r="D7711" cm="1">
        <f t="array" ref="D7711">IFERROR(INDEX(Jesper!AH$2:AH$366,ROUNDDOWN($C7711/24,0)+1,1)*INDEX($D$3:$AA$30,INDEX(Jesper!$R$2:$R$366,ROW(INDEX(Jesper!AH$2:AH$366,ROUNDDOWN($C7711/24,0)+1,1))-1)+IF('Standard Profiles'!$G$18=$B$10,7,0)+IF('Standard Profiles'!$G$18=$B$17,14,0)+IF('Standard Profiles'!$G$18=$B$24,21,0),MOD($C7711,24)+1)/SUM(INDEX($D$3:$AA$30,INDEX(Jesper!$R$2:$R$366,ROW(INDEX(Jesper!AH$2:AH$366,ROUNDDOWN($C7711/24,0)+1,1))-1)+IF('Standard Profiles'!$G$18=$B$10,7,0)+IF('Standard Profiles'!$G$18=$B$17,14,0)+IF('Standard Profiles'!$G$18=$B$24,21,0),0)),0)</f>
        <v>4.282375024853887</v>
      </c>
      <c r="E7711" cm="1">
        <f t="array" ref="E7711">IFERROR(INDEX(Jesper!AI$2:AI$366,ROUNDDOWN($C7711/24,0)+1,1)*INDEX($D$3:$AA$30,INDEX(Jesper!$R$2:$R$366,ROW(INDEX(Jesper!AI$2:AI$366,ROUNDDOWN($C7711/24,0)+1,1))-1)+IF('Standard Profiles'!$G$19=$B$10,7,0)+IF('Standard Profiles'!$G$19=$B$17,14,0)+IF('Standard Profiles'!$G$19=$B$24,21,0),MOD($C7711,24)+1)/SUM(INDEX($D$3:$AA$30,INDEX(Jesper!$R$2:$R$366,ROW(INDEX(Jesper!AI$2:AI$366,ROUNDDOWN($C7711/24,0)+1,1))-1)+IF('Standard Profiles'!$G$19=$B$10,7,0)+IF('Standard Profiles'!$G$19=$B$17,14,0)+IF('Standard Profiles'!$G$19=$B$24,21,0),0)),0)</f>
        <v>0</v>
      </c>
      <c r="F7711" cm="1">
        <f t="array" ref="F7711">IFERROR(INDEX(Jesper!AJ$2:AJ$366,ROUNDDOWN($C7711/24,0)+1,1)*INDEX($D$3:$AA$30,INDEX(Jesper!$R$2:$R$366,ROW(INDEX(Jesper!AJ$2:AJ$366,ROUNDDOWN($C7711/24,0)+1,1))-1)+IF('Standard Profiles'!$G$20=$B$10,7,0)+IF('Standard Profiles'!$G$20=$B$17,14,0)+IF('Standard Profiles'!$G$20=$B$24,21,0),MOD($C7711,24)+1)/SUM(INDEX($D$3:$AA$30,INDEX(Jesper!$R$2:$R$366,ROW(INDEX(Jesper!AJ$2:AJ$366,ROUNDDOWN($C7711/24,0)+1,1))-1)+IF('Standard Profiles'!$G$20=$B$10,7,0)+IF('Standard Profiles'!$G$20=$B$17,14,0)+IF('Standard Profiles'!$G$20=$B$24,21,0),0)),0)</f>
        <v>0</v>
      </c>
      <c r="G7711" cm="1">
        <f t="array" ref="G7711">IFERROR(INDEX(Jesper!AK$2:AK$366,ROUNDDOWN($C7711/24,0)+1,1)*INDEX($D$3:$AA$30,INDEX(Jesper!$R$2:$R$366,ROW(INDEX(Jesper!AK$2:AK$366,ROUNDDOWN($C7711/24,0)+1,1))-1)+IF('Standard Profiles'!$G$21=$B$10,7,0)+IF('Standard Profiles'!$G$21=$B$17,14,0)+IF('Standard Profiles'!$G$21=$B$24,21,0),MOD($C7711,24)+1)/SUM(INDEX($D$3:$AA$30,INDEX(Jesper!$R$2:$R$366,ROW(INDEX(Jesper!AK$2:AK$366,ROUNDDOWN($C7711/24,0)+1,1))-1)+IF('Standard Profiles'!$G$21=$B$10,7,0)+IF('Standard Profiles'!$G$21=$B$17,14,0)+IF('Standard Profiles'!$G$21=$B$24,21,0),0)),0)</f>
        <v>0</v>
      </c>
      <c r="H7711" cm="1">
        <f t="array" ref="H7711">IFERROR(INDEX(Jesper!AL$2:AL$366,ROUNDDOWN($C7711/24,0)+1,1)*INDEX($D$3:$AA$30,INDEX(Jesper!$R$2:$R$366,ROW(INDEX(Jesper!AL$2:AL$366,ROUNDDOWN($C7711/24,0)+1,1))-1)+IF('Standard Profiles'!$G$22=$B$10,7,0)+IF('Standard Profiles'!$G$22=$B$17,14,0)+IF('Standard Profiles'!$G$22=$B$24,21,0),MOD($C7711,24)+1)/SUM(INDEX($D$3:$AA$30,INDEX(Jesper!$R$2:$R$366,ROW(INDEX(Jesper!AL$2:AL$366,ROUNDDOWN($C7711/24,0)+1,1))-1)+IF('Standard Profiles'!$G$22=$B$10,7,0)+IF('Standard Profiles'!$G$22=$B$17,14,0)+IF('Standard Profiles'!$G$22=$B$24,21,0),0)),0)</f>
        <v>0</v>
      </c>
      <c r="I7711">
        <f t="shared" si="853"/>
        <v>0.12847125074561661</v>
      </c>
      <c r="J7711">
        <f t="shared" si="854"/>
        <v>0.42823750248538872</v>
      </c>
      <c r="K7711">
        <f t="shared" si="855"/>
        <v>0.64235625372808303</v>
      </c>
      <c r="L7711">
        <f t="shared" si="856"/>
        <v>3.0833100178947985</v>
      </c>
      <c r="M7711">
        <f t="shared" si="857"/>
        <v>0</v>
      </c>
      <c r="N7711" s="46">
        <f t="shared" si="858"/>
        <v>45611.874999981381</v>
      </c>
    </row>
    <row r="7712" spans="2:14" x14ac:dyDescent="0.3">
      <c r="B7712">
        <f t="shared" si="852"/>
        <v>5</v>
      </c>
      <c r="C7712" s="16">
        <v>7678</v>
      </c>
      <c r="D7712" cm="1">
        <f t="array" ref="D7712">IFERROR(INDEX(Jesper!AH$2:AH$366,ROUNDDOWN($C7712/24,0)+1,1)*INDEX($D$3:$AA$30,INDEX(Jesper!$R$2:$R$366,ROW(INDEX(Jesper!AH$2:AH$366,ROUNDDOWN($C7712/24,0)+1,1))-1)+IF('Standard Profiles'!$G$18=$B$10,7,0)+IF('Standard Profiles'!$G$18=$B$17,14,0)+IF('Standard Profiles'!$G$18=$B$24,21,0),MOD($C7712,24)+1)/SUM(INDEX($D$3:$AA$30,INDEX(Jesper!$R$2:$R$366,ROW(INDEX(Jesper!AH$2:AH$366,ROUNDDOWN($C7712/24,0)+1,1))-1)+IF('Standard Profiles'!$G$18=$B$10,7,0)+IF('Standard Profiles'!$G$18=$B$17,14,0)+IF('Standard Profiles'!$G$18=$B$24,21,0),0)),0)</f>
        <v>4.282375024853887</v>
      </c>
      <c r="E7712" cm="1">
        <f t="array" ref="E7712">IFERROR(INDEX(Jesper!AI$2:AI$366,ROUNDDOWN($C7712/24,0)+1,1)*INDEX($D$3:$AA$30,INDEX(Jesper!$R$2:$R$366,ROW(INDEX(Jesper!AI$2:AI$366,ROUNDDOWN($C7712/24,0)+1,1))-1)+IF('Standard Profiles'!$G$19=$B$10,7,0)+IF('Standard Profiles'!$G$19=$B$17,14,0)+IF('Standard Profiles'!$G$19=$B$24,21,0),MOD($C7712,24)+1)/SUM(INDEX($D$3:$AA$30,INDEX(Jesper!$R$2:$R$366,ROW(INDEX(Jesper!AI$2:AI$366,ROUNDDOWN($C7712/24,0)+1,1))-1)+IF('Standard Profiles'!$G$19=$B$10,7,0)+IF('Standard Profiles'!$G$19=$B$17,14,0)+IF('Standard Profiles'!$G$19=$B$24,21,0),0)),0)</f>
        <v>0</v>
      </c>
      <c r="F7712" cm="1">
        <f t="array" ref="F7712">IFERROR(INDEX(Jesper!AJ$2:AJ$366,ROUNDDOWN($C7712/24,0)+1,1)*INDEX($D$3:$AA$30,INDEX(Jesper!$R$2:$R$366,ROW(INDEX(Jesper!AJ$2:AJ$366,ROUNDDOWN($C7712/24,0)+1,1))-1)+IF('Standard Profiles'!$G$20=$B$10,7,0)+IF('Standard Profiles'!$G$20=$B$17,14,0)+IF('Standard Profiles'!$G$20=$B$24,21,0),MOD($C7712,24)+1)/SUM(INDEX($D$3:$AA$30,INDEX(Jesper!$R$2:$R$366,ROW(INDEX(Jesper!AJ$2:AJ$366,ROUNDDOWN($C7712/24,0)+1,1))-1)+IF('Standard Profiles'!$G$20=$B$10,7,0)+IF('Standard Profiles'!$G$20=$B$17,14,0)+IF('Standard Profiles'!$G$20=$B$24,21,0),0)),0)</f>
        <v>0</v>
      </c>
      <c r="G7712" cm="1">
        <f t="array" ref="G7712">IFERROR(INDEX(Jesper!AK$2:AK$366,ROUNDDOWN($C7712/24,0)+1,1)*INDEX($D$3:$AA$30,INDEX(Jesper!$R$2:$R$366,ROW(INDEX(Jesper!AK$2:AK$366,ROUNDDOWN($C7712/24,0)+1,1))-1)+IF('Standard Profiles'!$G$21=$B$10,7,0)+IF('Standard Profiles'!$G$21=$B$17,14,0)+IF('Standard Profiles'!$G$21=$B$24,21,0),MOD($C7712,24)+1)/SUM(INDEX($D$3:$AA$30,INDEX(Jesper!$R$2:$R$366,ROW(INDEX(Jesper!AK$2:AK$366,ROUNDDOWN($C7712/24,0)+1,1))-1)+IF('Standard Profiles'!$G$21=$B$10,7,0)+IF('Standard Profiles'!$G$21=$B$17,14,0)+IF('Standard Profiles'!$G$21=$B$24,21,0),0)),0)</f>
        <v>0</v>
      </c>
      <c r="H7712" cm="1">
        <f t="array" ref="H7712">IFERROR(INDEX(Jesper!AL$2:AL$366,ROUNDDOWN($C7712/24,0)+1,1)*INDEX($D$3:$AA$30,INDEX(Jesper!$R$2:$R$366,ROW(INDEX(Jesper!AL$2:AL$366,ROUNDDOWN($C7712/24,0)+1,1))-1)+IF('Standard Profiles'!$G$22=$B$10,7,0)+IF('Standard Profiles'!$G$22=$B$17,14,0)+IF('Standard Profiles'!$G$22=$B$24,21,0),MOD($C7712,24)+1)/SUM(INDEX($D$3:$AA$30,INDEX(Jesper!$R$2:$R$366,ROW(INDEX(Jesper!AL$2:AL$366,ROUNDDOWN($C7712/24,0)+1,1))-1)+IF('Standard Profiles'!$G$22=$B$10,7,0)+IF('Standard Profiles'!$G$22=$B$17,14,0)+IF('Standard Profiles'!$G$22=$B$24,21,0),0)),0)</f>
        <v>0</v>
      </c>
      <c r="I7712">
        <f t="shared" si="853"/>
        <v>0.12847125074561661</v>
      </c>
      <c r="J7712">
        <f t="shared" si="854"/>
        <v>0.42823750248538872</v>
      </c>
      <c r="K7712">
        <f t="shared" si="855"/>
        <v>0.64235625372808303</v>
      </c>
      <c r="L7712">
        <f t="shared" si="856"/>
        <v>3.0833100178947985</v>
      </c>
      <c r="M7712">
        <f t="shared" si="857"/>
        <v>0</v>
      </c>
      <c r="N7712" s="46">
        <f t="shared" si="858"/>
        <v>45611.916666648045</v>
      </c>
    </row>
    <row r="7713" spans="2:14" x14ac:dyDescent="0.3">
      <c r="B7713">
        <f t="shared" si="852"/>
        <v>5</v>
      </c>
      <c r="C7713" s="16">
        <v>7679</v>
      </c>
      <c r="D7713" cm="1">
        <f t="array" ref="D7713">IFERROR(INDEX(Jesper!AH$2:AH$366,ROUNDDOWN($C7713/24,0)+1,1)*INDEX($D$3:$AA$30,INDEX(Jesper!$R$2:$R$366,ROW(INDEX(Jesper!AH$2:AH$366,ROUNDDOWN($C7713/24,0)+1,1))-1)+IF('Standard Profiles'!$G$18=$B$10,7,0)+IF('Standard Profiles'!$G$18=$B$17,14,0)+IF('Standard Profiles'!$G$18=$B$24,21,0),MOD($C7713,24)+1)/SUM(INDEX($D$3:$AA$30,INDEX(Jesper!$R$2:$R$366,ROW(INDEX(Jesper!AH$2:AH$366,ROUNDDOWN($C7713/24,0)+1,1))-1)+IF('Standard Profiles'!$G$18=$B$10,7,0)+IF('Standard Profiles'!$G$18=$B$17,14,0)+IF('Standard Profiles'!$G$18=$B$24,21,0),0)),0)</f>
        <v>4.282375024853887</v>
      </c>
      <c r="E7713" cm="1">
        <f t="array" ref="E7713">IFERROR(INDEX(Jesper!AI$2:AI$366,ROUNDDOWN($C7713/24,0)+1,1)*INDEX($D$3:$AA$30,INDEX(Jesper!$R$2:$R$366,ROW(INDEX(Jesper!AI$2:AI$366,ROUNDDOWN($C7713/24,0)+1,1))-1)+IF('Standard Profiles'!$G$19=$B$10,7,0)+IF('Standard Profiles'!$G$19=$B$17,14,0)+IF('Standard Profiles'!$G$19=$B$24,21,0),MOD($C7713,24)+1)/SUM(INDEX($D$3:$AA$30,INDEX(Jesper!$R$2:$R$366,ROW(INDEX(Jesper!AI$2:AI$366,ROUNDDOWN($C7713/24,0)+1,1))-1)+IF('Standard Profiles'!$G$19=$B$10,7,0)+IF('Standard Profiles'!$G$19=$B$17,14,0)+IF('Standard Profiles'!$G$19=$B$24,21,0),0)),0)</f>
        <v>0</v>
      </c>
      <c r="F7713" cm="1">
        <f t="array" ref="F7713">IFERROR(INDEX(Jesper!AJ$2:AJ$366,ROUNDDOWN($C7713/24,0)+1,1)*INDEX($D$3:$AA$30,INDEX(Jesper!$R$2:$R$366,ROW(INDEX(Jesper!AJ$2:AJ$366,ROUNDDOWN($C7713/24,0)+1,1))-1)+IF('Standard Profiles'!$G$20=$B$10,7,0)+IF('Standard Profiles'!$G$20=$B$17,14,0)+IF('Standard Profiles'!$G$20=$B$24,21,0),MOD($C7713,24)+1)/SUM(INDEX($D$3:$AA$30,INDEX(Jesper!$R$2:$R$366,ROW(INDEX(Jesper!AJ$2:AJ$366,ROUNDDOWN($C7713/24,0)+1,1))-1)+IF('Standard Profiles'!$G$20=$B$10,7,0)+IF('Standard Profiles'!$G$20=$B$17,14,0)+IF('Standard Profiles'!$G$20=$B$24,21,0),0)),0)</f>
        <v>0</v>
      </c>
      <c r="G7713" cm="1">
        <f t="array" ref="G7713">IFERROR(INDEX(Jesper!AK$2:AK$366,ROUNDDOWN($C7713/24,0)+1,1)*INDEX($D$3:$AA$30,INDEX(Jesper!$R$2:$R$366,ROW(INDEX(Jesper!AK$2:AK$366,ROUNDDOWN($C7713/24,0)+1,1))-1)+IF('Standard Profiles'!$G$21=$B$10,7,0)+IF('Standard Profiles'!$G$21=$B$17,14,0)+IF('Standard Profiles'!$G$21=$B$24,21,0),MOD($C7713,24)+1)/SUM(INDEX($D$3:$AA$30,INDEX(Jesper!$R$2:$R$366,ROW(INDEX(Jesper!AK$2:AK$366,ROUNDDOWN($C7713/24,0)+1,1))-1)+IF('Standard Profiles'!$G$21=$B$10,7,0)+IF('Standard Profiles'!$G$21=$B$17,14,0)+IF('Standard Profiles'!$G$21=$B$24,21,0),0)),0)</f>
        <v>0</v>
      </c>
      <c r="H7713" cm="1">
        <f t="array" ref="H7713">IFERROR(INDEX(Jesper!AL$2:AL$366,ROUNDDOWN($C7713/24,0)+1,1)*INDEX($D$3:$AA$30,INDEX(Jesper!$R$2:$R$366,ROW(INDEX(Jesper!AL$2:AL$366,ROUNDDOWN($C7713/24,0)+1,1))-1)+IF('Standard Profiles'!$G$22=$B$10,7,0)+IF('Standard Profiles'!$G$22=$B$17,14,0)+IF('Standard Profiles'!$G$22=$B$24,21,0),MOD($C7713,24)+1)/SUM(INDEX($D$3:$AA$30,INDEX(Jesper!$R$2:$R$366,ROW(INDEX(Jesper!AL$2:AL$366,ROUNDDOWN($C7713/24,0)+1,1))-1)+IF('Standard Profiles'!$G$22=$B$10,7,0)+IF('Standard Profiles'!$G$22=$B$17,14,0)+IF('Standard Profiles'!$G$22=$B$24,21,0),0)),0)</f>
        <v>0</v>
      </c>
      <c r="I7713">
        <f t="shared" si="853"/>
        <v>0.12847125074561661</v>
      </c>
      <c r="J7713">
        <f t="shared" si="854"/>
        <v>0.42823750248538872</v>
      </c>
      <c r="K7713">
        <f t="shared" si="855"/>
        <v>0.64235625372808303</v>
      </c>
      <c r="L7713">
        <f t="shared" si="856"/>
        <v>3.0833100178947985</v>
      </c>
      <c r="M7713">
        <f t="shared" si="857"/>
        <v>0</v>
      </c>
      <c r="N7713" s="46">
        <f t="shared" si="858"/>
        <v>45611.958333314709</v>
      </c>
    </row>
    <row r="7714" spans="2:14" x14ac:dyDescent="0.3">
      <c r="B7714">
        <f t="shared" si="852"/>
        <v>6</v>
      </c>
      <c r="C7714" s="16">
        <v>7680</v>
      </c>
      <c r="D7714" cm="1">
        <f t="array" ref="D7714">IFERROR(INDEX(Jesper!AH$2:AH$366,ROUNDDOWN($C7714/24,0)+1,1)*INDEX($D$3:$AA$30,INDEX(Jesper!$R$2:$R$366,ROW(INDEX(Jesper!AH$2:AH$366,ROUNDDOWN($C7714/24,0)+1,1))-1)+IF('Standard Profiles'!$G$18=$B$10,7,0)+IF('Standard Profiles'!$G$18=$B$17,14,0)+IF('Standard Profiles'!$G$18=$B$24,21,0),MOD($C7714,24)+1)/SUM(INDEX($D$3:$AA$30,INDEX(Jesper!$R$2:$R$366,ROW(INDEX(Jesper!AH$2:AH$366,ROUNDDOWN($C7714/24,0)+1,1))-1)+IF('Standard Profiles'!$G$18=$B$10,7,0)+IF('Standard Profiles'!$G$18=$B$17,14,0)+IF('Standard Profiles'!$G$18=$B$24,21,0),0)),0)</f>
        <v>4.41978035233796</v>
      </c>
      <c r="E7714" cm="1">
        <f t="array" ref="E7714">IFERROR(INDEX(Jesper!AI$2:AI$366,ROUNDDOWN($C7714/24,0)+1,1)*INDEX($D$3:$AA$30,INDEX(Jesper!$R$2:$R$366,ROW(INDEX(Jesper!AI$2:AI$366,ROUNDDOWN($C7714/24,0)+1,1))-1)+IF('Standard Profiles'!$G$19=$B$10,7,0)+IF('Standard Profiles'!$G$19=$B$17,14,0)+IF('Standard Profiles'!$G$19=$B$24,21,0),MOD($C7714,24)+1)/SUM(INDEX($D$3:$AA$30,INDEX(Jesper!$R$2:$R$366,ROW(INDEX(Jesper!AI$2:AI$366,ROUNDDOWN($C7714/24,0)+1,1))-1)+IF('Standard Profiles'!$G$19=$B$10,7,0)+IF('Standard Profiles'!$G$19=$B$17,14,0)+IF('Standard Profiles'!$G$19=$B$24,21,0),0)),0)</f>
        <v>1.0531841018972721</v>
      </c>
      <c r="F7714" cm="1">
        <f t="array" ref="F7714">IFERROR(INDEX(Jesper!AJ$2:AJ$366,ROUNDDOWN($C7714/24,0)+1,1)*INDEX($D$3:$AA$30,INDEX(Jesper!$R$2:$R$366,ROW(INDEX(Jesper!AJ$2:AJ$366,ROUNDDOWN($C7714/24,0)+1,1))-1)+IF('Standard Profiles'!$G$20=$B$10,7,0)+IF('Standard Profiles'!$G$20=$B$17,14,0)+IF('Standard Profiles'!$G$20=$B$24,21,0),MOD($C7714,24)+1)/SUM(INDEX($D$3:$AA$30,INDEX(Jesper!$R$2:$R$366,ROW(INDEX(Jesper!AJ$2:AJ$366,ROUNDDOWN($C7714/24,0)+1,1))-1)+IF('Standard Profiles'!$G$20=$B$10,7,0)+IF('Standard Profiles'!$G$20=$B$17,14,0)+IF('Standard Profiles'!$G$20=$B$24,21,0),0)),0)</f>
        <v>0</v>
      </c>
      <c r="G7714" cm="1">
        <f t="array" ref="G7714">IFERROR(INDEX(Jesper!AK$2:AK$366,ROUNDDOWN($C7714/24,0)+1,1)*INDEX($D$3:$AA$30,INDEX(Jesper!$R$2:$R$366,ROW(INDEX(Jesper!AK$2:AK$366,ROUNDDOWN($C7714/24,0)+1,1))-1)+IF('Standard Profiles'!$G$21=$B$10,7,0)+IF('Standard Profiles'!$G$21=$B$17,14,0)+IF('Standard Profiles'!$G$21=$B$24,21,0),MOD($C7714,24)+1)/SUM(INDEX($D$3:$AA$30,INDEX(Jesper!$R$2:$R$366,ROW(INDEX(Jesper!AK$2:AK$366,ROUNDDOWN($C7714/24,0)+1,1))-1)+IF('Standard Profiles'!$G$21=$B$10,7,0)+IF('Standard Profiles'!$G$21=$B$17,14,0)+IF('Standard Profiles'!$G$21=$B$24,21,0),0)),0)</f>
        <v>0</v>
      </c>
      <c r="H7714" cm="1">
        <f t="array" ref="H7714">IFERROR(INDEX(Jesper!AL$2:AL$366,ROUNDDOWN($C7714/24,0)+1,1)*INDEX($D$3:$AA$30,INDEX(Jesper!$R$2:$R$366,ROW(INDEX(Jesper!AL$2:AL$366,ROUNDDOWN($C7714/24,0)+1,1))-1)+IF('Standard Profiles'!$G$22=$B$10,7,0)+IF('Standard Profiles'!$G$22=$B$17,14,0)+IF('Standard Profiles'!$G$22=$B$24,21,0),MOD($C7714,24)+1)/SUM(INDEX($D$3:$AA$30,INDEX(Jesper!$R$2:$R$366,ROW(INDEX(Jesper!AL$2:AL$366,ROUNDDOWN($C7714/24,0)+1,1))-1)+IF('Standard Profiles'!$G$22=$B$10,7,0)+IF('Standard Profiles'!$G$22=$B$17,14,0)+IF('Standard Profiles'!$G$22=$B$24,21,0),0)),0)</f>
        <v>0</v>
      </c>
      <c r="I7714">
        <f t="shared" si="853"/>
        <v>9.4881450621375887E-2</v>
      </c>
      <c r="J7714">
        <f t="shared" si="854"/>
        <v>0.31627150207125299</v>
      </c>
      <c r="K7714">
        <f t="shared" si="855"/>
        <v>0.47440725310687948</v>
      </c>
      <c r="L7714">
        <f t="shared" si="856"/>
        <v>4.5874042484357238</v>
      </c>
      <c r="M7714">
        <f t="shared" si="857"/>
        <v>0</v>
      </c>
      <c r="N7714" s="46">
        <f t="shared" si="858"/>
        <v>45611.999999981374</v>
      </c>
    </row>
    <row r="7715" spans="2:14" x14ac:dyDescent="0.3">
      <c r="B7715">
        <f t="shared" ref="B7715:B7778" si="859">WEEKDAY(N7715,2)</f>
        <v>6</v>
      </c>
      <c r="C7715" s="16">
        <v>7681</v>
      </c>
      <c r="D7715" cm="1">
        <f t="array" ref="D7715">IFERROR(INDEX(Jesper!AH$2:AH$366,ROUNDDOWN($C7715/24,0)+1,1)*INDEX($D$3:$AA$30,INDEX(Jesper!$R$2:$R$366,ROW(INDEX(Jesper!AH$2:AH$366,ROUNDDOWN($C7715/24,0)+1,1))-1)+IF('Standard Profiles'!$G$18=$B$10,7,0)+IF('Standard Profiles'!$G$18=$B$17,14,0)+IF('Standard Profiles'!$G$18=$B$24,21,0),MOD($C7715,24)+1)/SUM(INDEX($D$3:$AA$30,INDEX(Jesper!$R$2:$R$366,ROW(INDEX(Jesper!AH$2:AH$366,ROUNDDOWN($C7715/24,0)+1,1))-1)+IF('Standard Profiles'!$G$18=$B$10,7,0)+IF('Standard Profiles'!$G$18=$B$17,14,0)+IF('Standard Profiles'!$G$18=$B$24,21,0),0)),0)</f>
        <v>8.6290949736122098</v>
      </c>
      <c r="E7715" cm="1">
        <f t="array" ref="E7715">IFERROR(INDEX(Jesper!AI$2:AI$366,ROUNDDOWN($C7715/24,0)+1,1)*INDEX($D$3:$AA$30,INDEX(Jesper!$R$2:$R$366,ROW(INDEX(Jesper!AI$2:AI$366,ROUNDDOWN($C7715/24,0)+1,1))-1)+IF('Standard Profiles'!$G$19=$B$10,7,0)+IF('Standard Profiles'!$G$19=$B$17,14,0)+IF('Standard Profiles'!$G$19=$B$24,21,0),MOD($C7715,24)+1)/SUM(INDEX($D$3:$AA$30,INDEX(Jesper!$R$2:$R$366,ROW(INDEX(Jesper!AI$2:AI$366,ROUNDDOWN($C7715/24,0)+1,1))-1)+IF('Standard Profiles'!$G$19=$B$10,7,0)+IF('Standard Profiles'!$G$19=$B$17,14,0)+IF('Standard Profiles'!$G$19=$B$24,21,0),0)),0)</f>
        <v>2.0562165798946741</v>
      </c>
      <c r="F7715" cm="1">
        <f t="array" ref="F7715">IFERROR(INDEX(Jesper!AJ$2:AJ$366,ROUNDDOWN($C7715/24,0)+1,1)*INDEX($D$3:$AA$30,INDEX(Jesper!$R$2:$R$366,ROW(INDEX(Jesper!AJ$2:AJ$366,ROUNDDOWN($C7715/24,0)+1,1))-1)+IF('Standard Profiles'!$G$20=$B$10,7,0)+IF('Standard Profiles'!$G$20=$B$17,14,0)+IF('Standard Profiles'!$G$20=$B$24,21,0),MOD($C7715,24)+1)/SUM(INDEX($D$3:$AA$30,INDEX(Jesper!$R$2:$R$366,ROW(INDEX(Jesper!AJ$2:AJ$366,ROUNDDOWN($C7715/24,0)+1,1))-1)+IF('Standard Profiles'!$G$20=$B$10,7,0)+IF('Standard Profiles'!$G$20=$B$17,14,0)+IF('Standard Profiles'!$G$20=$B$24,21,0),0)),0)</f>
        <v>0</v>
      </c>
      <c r="G7715" cm="1">
        <f t="array" ref="G7715">IFERROR(INDEX(Jesper!AK$2:AK$366,ROUNDDOWN($C7715/24,0)+1,1)*INDEX($D$3:$AA$30,INDEX(Jesper!$R$2:$R$366,ROW(INDEX(Jesper!AK$2:AK$366,ROUNDDOWN($C7715/24,0)+1,1))-1)+IF('Standard Profiles'!$G$21=$B$10,7,0)+IF('Standard Profiles'!$G$21=$B$17,14,0)+IF('Standard Profiles'!$G$21=$B$24,21,0),MOD($C7715,24)+1)/SUM(INDEX($D$3:$AA$30,INDEX(Jesper!$R$2:$R$366,ROW(INDEX(Jesper!AK$2:AK$366,ROUNDDOWN($C7715/24,0)+1,1))-1)+IF('Standard Profiles'!$G$21=$B$10,7,0)+IF('Standard Profiles'!$G$21=$B$17,14,0)+IF('Standard Profiles'!$G$21=$B$24,21,0),0)),0)</f>
        <v>0</v>
      </c>
      <c r="H7715" cm="1">
        <f t="array" ref="H7715">IFERROR(INDEX(Jesper!AL$2:AL$366,ROUNDDOWN($C7715/24,0)+1,1)*INDEX($D$3:$AA$30,INDEX(Jesper!$R$2:$R$366,ROW(INDEX(Jesper!AL$2:AL$366,ROUNDDOWN($C7715/24,0)+1,1))-1)+IF('Standard Profiles'!$G$22=$B$10,7,0)+IF('Standard Profiles'!$G$22=$B$17,14,0)+IF('Standard Profiles'!$G$22=$B$24,21,0),MOD($C7715,24)+1)/SUM(INDEX($D$3:$AA$30,INDEX(Jesper!$R$2:$R$366,ROW(INDEX(Jesper!AL$2:AL$366,ROUNDDOWN($C7715/24,0)+1,1))-1)+IF('Standard Profiles'!$G$22=$B$10,7,0)+IF('Standard Profiles'!$G$22=$B$17,14,0)+IF('Standard Profiles'!$G$22=$B$24,21,0),0)),0)</f>
        <v>0</v>
      </c>
      <c r="I7715">
        <f t="shared" ref="I7715:I7778" si="860">IF($B7715&lt;6,AC$37*$D7715+AC$38*$E7715+AC$39*$F7715+AC$40*$G7715,AC$46*$D7715+AC$47*$E7715+AC$48*$F7715+AC$49*$G7715+AC$50*$H7715)</f>
        <v>0.18524473692744817</v>
      </c>
      <c r="J7715">
        <f t="shared" ref="J7715:J7778" si="861">IF($B7715&lt;6,AD$37*$D7715+AD$38*$E7715+AD$39*$F7715+AD$40*$G7715,AD$46*$D7715+AD$47*$E7715+AD$48*$F7715+AD$49*$G7715+AD$50*$H7715)</f>
        <v>0.61748245642482724</v>
      </c>
      <c r="K7715">
        <f t="shared" ref="K7715:K7778" si="862">IF($B7715&lt;6,AE$37*$D7715+AE$38*$E7715+AE$39*$F7715+AE$40*$G7715,AE$46*$D7715+AE$47*$E7715+AE$48*$F7715+AE$49*$G7715+AE$50*$H7715)</f>
        <v>0.92622368463724092</v>
      </c>
      <c r="L7715">
        <f t="shared" ref="L7715:L7778" si="863">IF($B7715&lt;6,AF$37*$D7715+AF$38*$E7715+AF$39*$F7715+AF$40*$G7715,AF$46*$D7715+AF$47*$E7715+AF$48*$F7715+AF$49*$G7715+AF$50*$H7715)</f>
        <v>8.9563606755173684</v>
      </c>
      <c r="M7715">
        <f t="shared" ref="M7715:M7778" si="864">IF($B7715&lt;6,AG$37*$D7715+AG$38*$E7715+AG$39*$F7715+AG$40*$G7715,AG$46*$D7715+AG$47*$E7715+AG$48*$F7715+AG$49*$G7715+AG$50*$H7715)</f>
        <v>0</v>
      </c>
      <c r="N7715" s="46">
        <f t="shared" si="858"/>
        <v>45612.041666648038</v>
      </c>
    </row>
    <row r="7716" spans="2:14" x14ac:dyDescent="0.3">
      <c r="B7716">
        <f t="shared" si="859"/>
        <v>6</v>
      </c>
      <c r="C7716" s="16">
        <v>7682</v>
      </c>
      <c r="D7716" cm="1">
        <f t="array" ref="D7716">IFERROR(INDEX(Jesper!AH$2:AH$366,ROUNDDOWN($C7716/24,0)+1,1)*INDEX($D$3:$AA$30,INDEX(Jesper!$R$2:$R$366,ROW(INDEX(Jesper!AH$2:AH$366,ROUNDDOWN($C7716/24,0)+1,1))-1)+IF('Standard Profiles'!$G$18=$B$10,7,0)+IF('Standard Profiles'!$G$18=$B$17,14,0)+IF('Standard Profiles'!$G$18=$B$24,21,0),MOD($C7716,24)+1)/SUM(INDEX($D$3:$AA$30,INDEX(Jesper!$R$2:$R$366,ROW(INDEX(Jesper!AH$2:AH$366,ROUNDDOWN($C7716/24,0)+1,1))-1)+IF('Standard Profiles'!$G$18=$B$10,7,0)+IF('Standard Profiles'!$G$18=$B$17,14,0)+IF('Standard Profiles'!$G$18=$B$24,21,0),0)),0)</f>
        <v>8.6290949736122098</v>
      </c>
      <c r="E7716" cm="1">
        <f t="array" ref="E7716">IFERROR(INDEX(Jesper!AI$2:AI$366,ROUNDDOWN($C7716/24,0)+1,1)*INDEX($D$3:$AA$30,INDEX(Jesper!$R$2:$R$366,ROW(INDEX(Jesper!AI$2:AI$366,ROUNDDOWN($C7716/24,0)+1,1))-1)+IF('Standard Profiles'!$G$19=$B$10,7,0)+IF('Standard Profiles'!$G$19=$B$17,14,0)+IF('Standard Profiles'!$G$19=$B$24,21,0),MOD($C7716,24)+1)/SUM(INDEX($D$3:$AA$30,INDEX(Jesper!$R$2:$R$366,ROW(INDEX(Jesper!AI$2:AI$366,ROUNDDOWN($C7716/24,0)+1,1))-1)+IF('Standard Profiles'!$G$19=$B$10,7,0)+IF('Standard Profiles'!$G$19=$B$17,14,0)+IF('Standard Profiles'!$G$19=$B$24,21,0),0)),0)</f>
        <v>2.0562165798946741</v>
      </c>
      <c r="F7716" cm="1">
        <f t="array" ref="F7716">IFERROR(INDEX(Jesper!AJ$2:AJ$366,ROUNDDOWN($C7716/24,0)+1,1)*INDEX($D$3:$AA$30,INDEX(Jesper!$R$2:$R$366,ROW(INDEX(Jesper!AJ$2:AJ$366,ROUNDDOWN($C7716/24,0)+1,1))-1)+IF('Standard Profiles'!$G$20=$B$10,7,0)+IF('Standard Profiles'!$G$20=$B$17,14,0)+IF('Standard Profiles'!$G$20=$B$24,21,0),MOD($C7716,24)+1)/SUM(INDEX($D$3:$AA$30,INDEX(Jesper!$R$2:$R$366,ROW(INDEX(Jesper!AJ$2:AJ$366,ROUNDDOWN($C7716/24,0)+1,1))-1)+IF('Standard Profiles'!$G$20=$B$10,7,0)+IF('Standard Profiles'!$G$20=$B$17,14,0)+IF('Standard Profiles'!$G$20=$B$24,21,0),0)),0)</f>
        <v>0</v>
      </c>
      <c r="G7716" cm="1">
        <f t="array" ref="G7716">IFERROR(INDEX(Jesper!AK$2:AK$366,ROUNDDOWN($C7716/24,0)+1,1)*INDEX($D$3:$AA$30,INDEX(Jesper!$R$2:$R$366,ROW(INDEX(Jesper!AK$2:AK$366,ROUNDDOWN($C7716/24,0)+1,1))-1)+IF('Standard Profiles'!$G$21=$B$10,7,0)+IF('Standard Profiles'!$G$21=$B$17,14,0)+IF('Standard Profiles'!$G$21=$B$24,21,0),MOD($C7716,24)+1)/SUM(INDEX($D$3:$AA$30,INDEX(Jesper!$R$2:$R$366,ROW(INDEX(Jesper!AK$2:AK$366,ROUNDDOWN($C7716/24,0)+1,1))-1)+IF('Standard Profiles'!$G$21=$B$10,7,0)+IF('Standard Profiles'!$G$21=$B$17,14,0)+IF('Standard Profiles'!$G$21=$B$24,21,0),0)),0)</f>
        <v>0</v>
      </c>
      <c r="H7716" cm="1">
        <f t="array" ref="H7716">IFERROR(INDEX(Jesper!AL$2:AL$366,ROUNDDOWN($C7716/24,0)+1,1)*INDEX($D$3:$AA$30,INDEX(Jesper!$R$2:$R$366,ROW(INDEX(Jesper!AL$2:AL$366,ROUNDDOWN($C7716/24,0)+1,1))-1)+IF('Standard Profiles'!$G$22=$B$10,7,0)+IF('Standard Profiles'!$G$22=$B$17,14,0)+IF('Standard Profiles'!$G$22=$B$24,21,0),MOD($C7716,24)+1)/SUM(INDEX($D$3:$AA$30,INDEX(Jesper!$R$2:$R$366,ROW(INDEX(Jesper!AL$2:AL$366,ROUNDDOWN($C7716/24,0)+1,1))-1)+IF('Standard Profiles'!$G$22=$B$10,7,0)+IF('Standard Profiles'!$G$22=$B$17,14,0)+IF('Standard Profiles'!$G$22=$B$24,21,0),0)),0)</f>
        <v>0</v>
      </c>
      <c r="I7716">
        <f t="shared" si="860"/>
        <v>0.18524473692744817</v>
      </c>
      <c r="J7716">
        <f t="shared" si="861"/>
        <v>0.61748245642482724</v>
      </c>
      <c r="K7716">
        <f t="shared" si="862"/>
        <v>0.92622368463724092</v>
      </c>
      <c r="L7716">
        <f t="shared" si="863"/>
        <v>8.9563606755173684</v>
      </c>
      <c r="M7716">
        <f t="shared" si="864"/>
        <v>0</v>
      </c>
      <c r="N7716" s="46">
        <f t="shared" ref="N7716:N7779" si="865">N7715+1/24</f>
        <v>45612.083333314702</v>
      </c>
    </row>
    <row r="7717" spans="2:14" x14ac:dyDescent="0.3">
      <c r="B7717">
        <f t="shared" si="859"/>
        <v>6</v>
      </c>
      <c r="C7717" s="16">
        <v>7683</v>
      </c>
      <c r="D7717" cm="1">
        <f t="array" ref="D7717">IFERROR(INDEX(Jesper!AH$2:AH$366,ROUNDDOWN($C7717/24,0)+1,1)*INDEX($D$3:$AA$30,INDEX(Jesper!$R$2:$R$366,ROW(INDEX(Jesper!AH$2:AH$366,ROUNDDOWN($C7717/24,0)+1,1))-1)+IF('Standard Profiles'!$G$18=$B$10,7,0)+IF('Standard Profiles'!$G$18=$B$17,14,0)+IF('Standard Profiles'!$G$18=$B$24,21,0),MOD($C7717,24)+1)/SUM(INDEX($D$3:$AA$30,INDEX(Jesper!$R$2:$R$366,ROW(INDEX(Jesper!AH$2:AH$366,ROUNDDOWN($C7717/24,0)+1,1))-1)+IF('Standard Profiles'!$G$18=$B$10,7,0)+IF('Standard Profiles'!$G$18=$B$17,14,0)+IF('Standard Profiles'!$G$18=$B$24,21,0),0)),0)</f>
        <v>8.6290949736122098</v>
      </c>
      <c r="E7717" cm="1">
        <f t="array" ref="E7717">IFERROR(INDEX(Jesper!AI$2:AI$366,ROUNDDOWN($C7717/24,0)+1,1)*INDEX($D$3:$AA$30,INDEX(Jesper!$R$2:$R$366,ROW(INDEX(Jesper!AI$2:AI$366,ROUNDDOWN($C7717/24,0)+1,1))-1)+IF('Standard Profiles'!$G$19=$B$10,7,0)+IF('Standard Profiles'!$G$19=$B$17,14,0)+IF('Standard Profiles'!$G$19=$B$24,21,0),MOD($C7717,24)+1)/SUM(INDEX($D$3:$AA$30,INDEX(Jesper!$R$2:$R$366,ROW(INDEX(Jesper!AI$2:AI$366,ROUNDDOWN($C7717/24,0)+1,1))-1)+IF('Standard Profiles'!$G$19=$B$10,7,0)+IF('Standard Profiles'!$G$19=$B$17,14,0)+IF('Standard Profiles'!$G$19=$B$24,21,0),0)),0)</f>
        <v>2.0562165798946741</v>
      </c>
      <c r="F7717" cm="1">
        <f t="array" ref="F7717">IFERROR(INDEX(Jesper!AJ$2:AJ$366,ROUNDDOWN($C7717/24,0)+1,1)*INDEX($D$3:$AA$30,INDEX(Jesper!$R$2:$R$366,ROW(INDEX(Jesper!AJ$2:AJ$366,ROUNDDOWN($C7717/24,0)+1,1))-1)+IF('Standard Profiles'!$G$20=$B$10,7,0)+IF('Standard Profiles'!$G$20=$B$17,14,0)+IF('Standard Profiles'!$G$20=$B$24,21,0),MOD($C7717,24)+1)/SUM(INDEX($D$3:$AA$30,INDEX(Jesper!$R$2:$R$366,ROW(INDEX(Jesper!AJ$2:AJ$366,ROUNDDOWN($C7717/24,0)+1,1))-1)+IF('Standard Profiles'!$G$20=$B$10,7,0)+IF('Standard Profiles'!$G$20=$B$17,14,0)+IF('Standard Profiles'!$G$20=$B$24,21,0),0)),0)</f>
        <v>0</v>
      </c>
      <c r="G7717" cm="1">
        <f t="array" ref="G7717">IFERROR(INDEX(Jesper!AK$2:AK$366,ROUNDDOWN($C7717/24,0)+1,1)*INDEX($D$3:$AA$30,INDEX(Jesper!$R$2:$R$366,ROW(INDEX(Jesper!AK$2:AK$366,ROUNDDOWN($C7717/24,0)+1,1))-1)+IF('Standard Profiles'!$G$21=$B$10,7,0)+IF('Standard Profiles'!$G$21=$B$17,14,0)+IF('Standard Profiles'!$G$21=$B$24,21,0),MOD($C7717,24)+1)/SUM(INDEX($D$3:$AA$30,INDEX(Jesper!$R$2:$R$366,ROW(INDEX(Jesper!AK$2:AK$366,ROUNDDOWN($C7717/24,0)+1,1))-1)+IF('Standard Profiles'!$G$21=$B$10,7,0)+IF('Standard Profiles'!$G$21=$B$17,14,0)+IF('Standard Profiles'!$G$21=$B$24,21,0),0)),0)</f>
        <v>0</v>
      </c>
      <c r="H7717" cm="1">
        <f t="array" ref="H7717">IFERROR(INDEX(Jesper!AL$2:AL$366,ROUNDDOWN($C7717/24,0)+1,1)*INDEX($D$3:$AA$30,INDEX(Jesper!$R$2:$R$366,ROW(INDEX(Jesper!AL$2:AL$366,ROUNDDOWN($C7717/24,0)+1,1))-1)+IF('Standard Profiles'!$G$22=$B$10,7,0)+IF('Standard Profiles'!$G$22=$B$17,14,0)+IF('Standard Profiles'!$G$22=$B$24,21,0),MOD($C7717,24)+1)/SUM(INDEX($D$3:$AA$30,INDEX(Jesper!$R$2:$R$366,ROW(INDEX(Jesper!AL$2:AL$366,ROUNDDOWN($C7717/24,0)+1,1))-1)+IF('Standard Profiles'!$G$22=$B$10,7,0)+IF('Standard Profiles'!$G$22=$B$17,14,0)+IF('Standard Profiles'!$G$22=$B$24,21,0),0)),0)</f>
        <v>0</v>
      </c>
      <c r="I7717">
        <f t="shared" si="860"/>
        <v>0.18524473692744817</v>
      </c>
      <c r="J7717">
        <f t="shared" si="861"/>
        <v>0.61748245642482724</v>
      </c>
      <c r="K7717">
        <f t="shared" si="862"/>
        <v>0.92622368463724092</v>
      </c>
      <c r="L7717">
        <f t="shared" si="863"/>
        <v>8.9563606755173684</v>
      </c>
      <c r="M7717">
        <f t="shared" si="864"/>
        <v>0</v>
      </c>
      <c r="N7717" s="46">
        <f t="shared" si="865"/>
        <v>45612.124999981366</v>
      </c>
    </row>
    <row r="7718" spans="2:14" x14ac:dyDescent="0.3">
      <c r="B7718">
        <f t="shared" si="859"/>
        <v>6</v>
      </c>
      <c r="C7718" s="16">
        <v>7684</v>
      </c>
      <c r="D7718" cm="1">
        <f t="array" ref="D7718">IFERROR(INDEX(Jesper!AH$2:AH$366,ROUNDDOWN($C7718/24,0)+1,1)*INDEX($D$3:$AA$30,INDEX(Jesper!$R$2:$R$366,ROW(INDEX(Jesper!AH$2:AH$366,ROUNDDOWN($C7718/24,0)+1,1))-1)+IF('Standard Profiles'!$G$18=$B$10,7,0)+IF('Standard Profiles'!$G$18=$B$17,14,0)+IF('Standard Profiles'!$G$18=$B$24,21,0),MOD($C7718,24)+1)/SUM(INDEX($D$3:$AA$30,INDEX(Jesper!$R$2:$R$366,ROW(INDEX(Jesper!AH$2:AH$366,ROUNDDOWN($C7718/24,0)+1,1))-1)+IF('Standard Profiles'!$G$18=$B$10,7,0)+IF('Standard Profiles'!$G$18=$B$17,14,0)+IF('Standard Profiles'!$G$18=$B$24,21,0),0)),0)</f>
        <v>8.6290949736122098</v>
      </c>
      <c r="E7718" cm="1">
        <f t="array" ref="E7718">IFERROR(INDEX(Jesper!AI$2:AI$366,ROUNDDOWN($C7718/24,0)+1,1)*INDEX($D$3:$AA$30,INDEX(Jesper!$R$2:$R$366,ROW(INDEX(Jesper!AI$2:AI$366,ROUNDDOWN($C7718/24,0)+1,1))-1)+IF('Standard Profiles'!$G$19=$B$10,7,0)+IF('Standard Profiles'!$G$19=$B$17,14,0)+IF('Standard Profiles'!$G$19=$B$24,21,0),MOD($C7718,24)+1)/SUM(INDEX($D$3:$AA$30,INDEX(Jesper!$R$2:$R$366,ROW(INDEX(Jesper!AI$2:AI$366,ROUNDDOWN($C7718/24,0)+1,1))-1)+IF('Standard Profiles'!$G$19=$B$10,7,0)+IF('Standard Profiles'!$G$19=$B$17,14,0)+IF('Standard Profiles'!$G$19=$B$24,21,0),0)),0)</f>
        <v>2.0562165798946741</v>
      </c>
      <c r="F7718" cm="1">
        <f t="array" ref="F7718">IFERROR(INDEX(Jesper!AJ$2:AJ$366,ROUNDDOWN($C7718/24,0)+1,1)*INDEX($D$3:$AA$30,INDEX(Jesper!$R$2:$R$366,ROW(INDEX(Jesper!AJ$2:AJ$366,ROUNDDOWN($C7718/24,0)+1,1))-1)+IF('Standard Profiles'!$G$20=$B$10,7,0)+IF('Standard Profiles'!$G$20=$B$17,14,0)+IF('Standard Profiles'!$G$20=$B$24,21,0),MOD($C7718,24)+1)/SUM(INDEX($D$3:$AA$30,INDEX(Jesper!$R$2:$R$366,ROW(INDEX(Jesper!AJ$2:AJ$366,ROUNDDOWN($C7718/24,0)+1,1))-1)+IF('Standard Profiles'!$G$20=$B$10,7,0)+IF('Standard Profiles'!$G$20=$B$17,14,0)+IF('Standard Profiles'!$G$20=$B$24,21,0),0)),0)</f>
        <v>0</v>
      </c>
      <c r="G7718" cm="1">
        <f t="array" ref="G7718">IFERROR(INDEX(Jesper!AK$2:AK$366,ROUNDDOWN($C7718/24,0)+1,1)*INDEX($D$3:$AA$30,INDEX(Jesper!$R$2:$R$366,ROW(INDEX(Jesper!AK$2:AK$366,ROUNDDOWN($C7718/24,0)+1,1))-1)+IF('Standard Profiles'!$G$21=$B$10,7,0)+IF('Standard Profiles'!$G$21=$B$17,14,0)+IF('Standard Profiles'!$G$21=$B$24,21,0),MOD($C7718,24)+1)/SUM(INDEX($D$3:$AA$30,INDEX(Jesper!$R$2:$R$366,ROW(INDEX(Jesper!AK$2:AK$366,ROUNDDOWN($C7718/24,0)+1,1))-1)+IF('Standard Profiles'!$G$21=$B$10,7,0)+IF('Standard Profiles'!$G$21=$B$17,14,0)+IF('Standard Profiles'!$G$21=$B$24,21,0),0)),0)</f>
        <v>0</v>
      </c>
      <c r="H7718" cm="1">
        <f t="array" ref="H7718">IFERROR(INDEX(Jesper!AL$2:AL$366,ROUNDDOWN($C7718/24,0)+1,1)*INDEX($D$3:$AA$30,INDEX(Jesper!$R$2:$R$366,ROW(INDEX(Jesper!AL$2:AL$366,ROUNDDOWN($C7718/24,0)+1,1))-1)+IF('Standard Profiles'!$G$22=$B$10,7,0)+IF('Standard Profiles'!$G$22=$B$17,14,0)+IF('Standard Profiles'!$G$22=$B$24,21,0),MOD($C7718,24)+1)/SUM(INDEX($D$3:$AA$30,INDEX(Jesper!$R$2:$R$366,ROW(INDEX(Jesper!AL$2:AL$366,ROUNDDOWN($C7718/24,0)+1,1))-1)+IF('Standard Profiles'!$G$22=$B$10,7,0)+IF('Standard Profiles'!$G$22=$B$17,14,0)+IF('Standard Profiles'!$G$22=$B$24,21,0),0)),0)</f>
        <v>0</v>
      </c>
      <c r="I7718">
        <f t="shared" si="860"/>
        <v>0.18524473692744817</v>
      </c>
      <c r="J7718">
        <f t="shared" si="861"/>
        <v>0.61748245642482724</v>
      </c>
      <c r="K7718">
        <f t="shared" si="862"/>
        <v>0.92622368463724092</v>
      </c>
      <c r="L7718">
        <f t="shared" si="863"/>
        <v>8.9563606755173684</v>
      </c>
      <c r="M7718">
        <f t="shared" si="864"/>
        <v>0</v>
      </c>
      <c r="N7718" s="46">
        <f t="shared" si="865"/>
        <v>45612.166666648031</v>
      </c>
    </row>
    <row r="7719" spans="2:14" x14ac:dyDescent="0.3">
      <c r="B7719">
        <f t="shared" si="859"/>
        <v>6</v>
      </c>
      <c r="C7719" s="16">
        <v>7685</v>
      </c>
      <c r="D7719" cm="1">
        <f t="array" ref="D7719">IFERROR(INDEX(Jesper!AH$2:AH$366,ROUNDDOWN($C7719/24,0)+1,1)*INDEX($D$3:$AA$30,INDEX(Jesper!$R$2:$R$366,ROW(INDEX(Jesper!AH$2:AH$366,ROUNDDOWN($C7719/24,0)+1,1))-1)+IF('Standard Profiles'!$G$18=$B$10,7,0)+IF('Standard Profiles'!$G$18=$B$17,14,0)+IF('Standard Profiles'!$G$18=$B$24,21,0),MOD($C7719,24)+1)/SUM(INDEX($D$3:$AA$30,INDEX(Jesper!$R$2:$R$366,ROW(INDEX(Jesper!AH$2:AH$366,ROUNDDOWN($C7719/24,0)+1,1))-1)+IF('Standard Profiles'!$G$18=$B$10,7,0)+IF('Standard Profiles'!$G$18=$B$17,14,0)+IF('Standard Profiles'!$G$18=$B$24,21,0),0)),0)</f>
        <v>10.733752284249334</v>
      </c>
      <c r="E7719" cm="1">
        <f t="array" ref="E7719">IFERROR(INDEX(Jesper!AI$2:AI$366,ROUNDDOWN($C7719/24,0)+1,1)*INDEX($D$3:$AA$30,INDEX(Jesper!$R$2:$R$366,ROW(INDEX(Jesper!AI$2:AI$366,ROUNDDOWN($C7719/24,0)+1,1))-1)+IF('Standard Profiles'!$G$19=$B$10,7,0)+IF('Standard Profiles'!$G$19=$B$17,14,0)+IF('Standard Profiles'!$G$19=$B$24,21,0),MOD($C7719,24)+1)/SUM(INDEX($D$3:$AA$30,INDEX(Jesper!$R$2:$R$366,ROW(INDEX(Jesper!AI$2:AI$366,ROUNDDOWN($C7719/24,0)+1,1))-1)+IF('Standard Profiles'!$G$19=$B$10,7,0)+IF('Standard Profiles'!$G$19=$B$17,14,0)+IF('Standard Profiles'!$G$19=$B$24,21,0),0)),0)</f>
        <v>2.5577328188933754</v>
      </c>
      <c r="F7719" cm="1">
        <f t="array" ref="F7719">IFERROR(INDEX(Jesper!AJ$2:AJ$366,ROUNDDOWN($C7719/24,0)+1,1)*INDEX($D$3:$AA$30,INDEX(Jesper!$R$2:$R$366,ROW(INDEX(Jesper!AJ$2:AJ$366,ROUNDDOWN($C7719/24,0)+1,1))-1)+IF('Standard Profiles'!$G$20=$B$10,7,0)+IF('Standard Profiles'!$G$20=$B$17,14,0)+IF('Standard Profiles'!$G$20=$B$24,21,0),MOD($C7719,24)+1)/SUM(INDEX($D$3:$AA$30,INDEX(Jesper!$R$2:$R$366,ROW(INDEX(Jesper!AJ$2:AJ$366,ROUNDDOWN($C7719/24,0)+1,1))-1)+IF('Standard Profiles'!$G$20=$B$10,7,0)+IF('Standard Profiles'!$G$20=$B$17,14,0)+IF('Standard Profiles'!$G$20=$B$24,21,0),0)),0)</f>
        <v>0</v>
      </c>
      <c r="G7719" cm="1">
        <f t="array" ref="G7719">IFERROR(INDEX(Jesper!AK$2:AK$366,ROUNDDOWN($C7719/24,0)+1,1)*INDEX($D$3:$AA$30,INDEX(Jesper!$R$2:$R$366,ROW(INDEX(Jesper!AK$2:AK$366,ROUNDDOWN($C7719/24,0)+1,1))-1)+IF('Standard Profiles'!$G$21=$B$10,7,0)+IF('Standard Profiles'!$G$21=$B$17,14,0)+IF('Standard Profiles'!$G$21=$B$24,21,0),MOD($C7719,24)+1)/SUM(INDEX($D$3:$AA$30,INDEX(Jesper!$R$2:$R$366,ROW(INDEX(Jesper!AK$2:AK$366,ROUNDDOWN($C7719/24,0)+1,1))-1)+IF('Standard Profiles'!$G$21=$B$10,7,0)+IF('Standard Profiles'!$G$21=$B$17,14,0)+IF('Standard Profiles'!$G$21=$B$24,21,0),0)),0)</f>
        <v>0</v>
      </c>
      <c r="H7719" cm="1">
        <f t="array" ref="H7719">IFERROR(INDEX(Jesper!AL$2:AL$366,ROUNDDOWN($C7719/24,0)+1,1)*INDEX($D$3:$AA$30,INDEX(Jesper!$R$2:$R$366,ROW(INDEX(Jesper!AL$2:AL$366,ROUNDDOWN($C7719/24,0)+1,1))-1)+IF('Standard Profiles'!$G$22=$B$10,7,0)+IF('Standard Profiles'!$G$22=$B$17,14,0)+IF('Standard Profiles'!$G$22=$B$24,21,0),MOD($C7719,24)+1)/SUM(INDEX($D$3:$AA$30,INDEX(Jesper!$R$2:$R$366,ROW(INDEX(Jesper!AL$2:AL$366,ROUNDDOWN($C7719/24,0)+1,1))-1)+IF('Standard Profiles'!$G$22=$B$10,7,0)+IF('Standard Profiles'!$G$22=$B$17,14,0)+IF('Standard Profiles'!$G$22=$B$24,21,0),0)),0)</f>
        <v>0</v>
      </c>
      <c r="I7719">
        <f t="shared" si="860"/>
        <v>0.23042638008048433</v>
      </c>
      <c r="J7719">
        <f t="shared" si="861"/>
        <v>0.76808793360161454</v>
      </c>
      <c r="K7719">
        <f t="shared" si="862"/>
        <v>1.1521319004024217</v>
      </c>
      <c r="L7719">
        <f t="shared" si="863"/>
        <v>11.140838889058189</v>
      </c>
      <c r="M7719">
        <f t="shared" si="864"/>
        <v>0</v>
      </c>
      <c r="N7719" s="46">
        <f t="shared" si="865"/>
        <v>45612.208333314695</v>
      </c>
    </row>
    <row r="7720" spans="2:14" x14ac:dyDescent="0.3">
      <c r="B7720">
        <f t="shared" si="859"/>
        <v>6</v>
      </c>
      <c r="C7720" s="16">
        <v>7686</v>
      </c>
      <c r="D7720" cm="1">
        <f t="array" ref="D7720">IFERROR(INDEX(Jesper!AH$2:AH$366,ROUNDDOWN($C7720/24,0)+1,1)*INDEX($D$3:$AA$30,INDEX(Jesper!$R$2:$R$366,ROW(INDEX(Jesper!AH$2:AH$366,ROUNDDOWN($C7720/24,0)+1,1))-1)+IF('Standard Profiles'!$G$18=$B$10,7,0)+IF('Standard Profiles'!$G$18=$B$17,14,0)+IF('Standard Profiles'!$G$18=$B$24,21,0),MOD($C7720,24)+1)/SUM(INDEX($D$3:$AA$30,INDEX(Jesper!$R$2:$R$366,ROW(INDEX(Jesper!AH$2:AH$366,ROUNDDOWN($C7720/24,0)+1,1))-1)+IF('Standard Profiles'!$G$18=$B$10,7,0)+IF('Standard Profiles'!$G$18=$B$17,14,0)+IF('Standard Profiles'!$G$18=$B$24,21,0),0)),0)</f>
        <v>13.469806788077594</v>
      </c>
      <c r="E7720" cm="1">
        <f t="array" ref="E7720">IFERROR(INDEX(Jesper!AI$2:AI$366,ROUNDDOWN($C7720/24,0)+1,1)*INDEX($D$3:$AA$30,INDEX(Jesper!$R$2:$R$366,ROW(INDEX(Jesper!AI$2:AI$366,ROUNDDOWN($C7720/24,0)+1,1))-1)+IF('Standard Profiles'!$G$19=$B$10,7,0)+IF('Standard Profiles'!$G$19=$B$17,14,0)+IF('Standard Profiles'!$G$19=$B$24,21,0),MOD($C7720,24)+1)/SUM(INDEX($D$3:$AA$30,INDEX(Jesper!$R$2:$R$366,ROW(INDEX(Jesper!AI$2:AI$366,ROUNDDOWN($C7720/24,0)+1,1))-1)+IF('Standard Profiles'!$G$19=$B$10,7,0)+IF('Standard Profiles'!$G$19=$B$17,14,0)+IF('Standard Profiles'!$G$19=$B$24,21,0),0)),0)</f>
        <v>3.2097039295916869</v>
      </c>
      <c r="F7720" cm="1">
        <f t="array" ref="F7720">IFERROR(INDEX(Jesper!AJ$2:AJ$366,ROUNDDOWN($C7720/24,0)+1,1)*INDEX($D$3:$AA$30,INDEX(Jesper!$R$2:$R$366,ROW(INDEX(Jesper!AJ$2:AJ$366,ROUNDDOWN($C7720/24,0)+1,1))-1)+IF('Standard Profiles'!$G$20=$B$10,7,0)+IF('Standard Profiles'!$G$20=$B$17,14,0)+IF('Standard Profiles'!$G$20=$B$24,21,0),MOD($C7720,24)+1)/SUM(INDEX($D$3:$AA$30,INDEX(Jesper!$R$2:$R$366,ROW(INDEX(Jesper!AJ$2:AJ$366,ROUNDDOWN($C7720/24,0)+1,1))-1)+IF('Standard Profiles'!$G$20=$B$10,7,0)+IF('Standard Profiles'!$G$20=$B$17,14,0)+IF('Standard Profiles'!$G$20=$B$24,21,0),0)),0)</f>
        <v>0</v>
      </c>
      <c r="G7720" cm="1">
        <f t="array" ref="G7720">IFERROR(INDEX(Jesper!AK$2:AK$366,ROUNDDOWN($C7720/24,0)+1,1)*INDEX($D$3:$AA$30,INDEX(Jesper!$R$2:$R$366,ROW(INDEX(Jesper!AK$2:AK$366,ROUNDDOWN($C7720/24,0)+1,1))-1)+IF('Standard Profiles'!$G$21=$B$10,7,0)+IF('Standard Profiles'!$G$21=$B$17,14,0)+IF('Standard Profiles'!$G$21=$B$24,21,0),MOD($C7720,24)+1)/SUM(INDEX($D$3:$AA$30,INDEX(Jesper!$R$2:$R$366,ROW(INDEX(Jesper!AK$2:AK$366,ROUNDDOWN($C7720/24,0)+1,1))-1)+IF('Standard Profiles'!$G$21=$B$10,7,0)+IF('Standard Profiles'!$G$21=$B$17,14,0)+IF('Standard Profiles'!$G$21=$B$24,21,0),0)),0)</f>
        <v>0</v>
      </c>
      <c r="H7720" cm="1">
        <f t="array" ref="H7720">IFERROR(INDEX(Jesper!AL$2:AL$366,ROUNDDOWN($C7720/24,0)+1,1)*INDEX($D$3:$AA$30,INDEX(Jesper!$R$2:$R$366,ROW(INDEX(Jesper!AL$2:AL$366,ROUNDDOWN($C7720/24,0)+1,1))-1)+IF('Standard Profiles'!$G$22=$B$10,7,0)+IF('Standard Profiles'!$G$22=$B$17,14,0)+IF('Standard Profiles'!$G$22=$B$24,21,0),MOD($C7720,24)+1)/SUM(INDEX($D$3:$AA$30,INDEX(Jesper!$R$2:$R$366,ROW(INDEX(Jesper!AL$2:AL$366,ROUNDDOWN($C7720/24,0)+1,1))-1)+IF('Standard Profiles'!$G$22=$B$10,7,0)+IF('Standard Profiles'!$G$22=$B$17,14,0)+IF('Standard Profiles'!$G$22=$B$24,21,0),0)),0)</f>
        <v>0</v>
      </c>
      <c r="I7720">
        <f t="shared" si="860"/>
        <v>0.28916251617943134</v>
      </c>
      <c r="J7720">
        <f t="shared" si="861"/>
        <v>0.96387505393143791</v>
      </c>
      <c r="K7720">
        <f t="shared" si="862"/>
        <v>1.4458125808971569</v>
      </c>
      <c r="L7720">
        <f t="shared" si="863"/>
        <v>13.980660566661255</v>
      </c>
      <c r="M7720">
        <f t="shared" si="864"/>
        <v>0</v>
      </c>
      <c r="N7720" s="46">
        <f t="shared" si="865"/>
        <v>45612.249999981359</v>
      </c>
    </row>
    <row r="7721" spans="2:14" x14ac:dyDescent="0.3">
      <c r="B7721">
        <f t="shared" si="859"/>
        <v>6</v>
      </c>
      <c r="C7721" s="16">
        <v>7687</v>
      </c>
      <c r="D7721" cm="1">
        <f t="array" ref="D7721">IFERROR(INDEX(Jesper!AH$2:AH$366,ROUNDDOWN($C7721/24,0)+1,1)*INDEX($D$3:$AA$30,INDEX(Jesper!$R$2:$R$366,ROW(INDEX(Jesper!AH$2:AH$366,ROUNDDOWN($C7721/24,0)+1,1))-1)+IF('Standard Profiles'!$G$18=$B$10,7,0)+IF('Standard Profiles'!$G$18=$B$17,14,0)+IF('Standard Profiles'!$G$18=$B$24,21,0),MOD($C7721,24)+1)/SUM(INDEX($D$3:$AA$30,INDEX(Jesper!$R$2:$R$366,ROW(INDEX(Jesper!AH$2:AH$366,ROUNDDOWN($C7721/24,0)+1,1))-1)+IF('Standard Profiles'!$G$18=$B$10,7,0)+IF('Standard Profiles'!$G$18=$B$17,14,0)+IF('Standard Profiles'!$G$18=$B$24,21,0),0)),0)</f>
        <v>15.363998367651005</v>
      </c>
      <c r="E7721" cm="1">
        <f t="array" ref="E7721">IFERROR(INDEX(Jesper!AI$2:AI$366,ROUNDDOWN($C7721/24,0)+1,1)*INDEX($D$3:$AA$30,INDEX(Jesper!$R$2:$R$366,ROW(INDEX(Jesper!AI$2:AI$366,ROUNDDOWN($C7721/24,0)+1,1))-1)+IF('Standard Profiles'!$G$19=$B$10,7,0)+IF('Standard Profiles'!$G$19=$B$17,14,0)+IF('Standard Profiles'!$G$19=$B$24,21,0),MOD($C7721,24)+1)/SUM(INDEX($D$3:$AA$30,INDEX(Jesper!$R$2:$R$366,ROW(INDEX(Jesper!AI$2:AI$366,ROUNDDOWN($C7721/24,0)+1,1))-1)+IF('Standard Profiles'!$G$19=$B$10,7,0)+IF('Standard Profiles'!$G$19=$B$17,14,0)+IF('Standard Profiles'!$G$19=$B$24,21,0),0)),0)</f>
        <v>3.6610685446905173</v>
      </c>
      <c r="F7721" cm="1">
        <f t="array" ref="F7721">IFERROR(INDEX(Jesper!AJ$2:AJ$366,ROUNDDOWN($C7721/24,0)+1,1)*INDEX($D$3:$AA$30,INDEX(Jesper!$R$2:$R$366,ROW(INDEX(Jesper!AJ$2:AJ$366,ROUNDDOWN($C7721/24,0)+1,1))-1)+IF('Standard Profiles'!$G$20=$B$10,7,0)+IF('Standard Profiles'!$G$20=$B$17,14,0)+IF('Standard Profiles'!$G$20=$B$24,21,0),MOD($C7721,24)+1)/SUM(INDEX($D$3:$AA$30,INDEX(Jesper!$R$2:$R$366,ROW(INDEX(Jesper!AJ$2:AJ$366,ROUNDDOWN($C7721/24,0)+1,1))-1)+IF('Standard Profiles'!$G$20=$B$10,7,0)+IF('Standard Profiles'!$G$20=$B$17,14,0)+IF('Standard Profiles'!$G$20=$B$24,21,0),0)),0)</f>
        <v>0</v>
      </c>
      <c r="G7721" cm="1">
        <f t="array" ref="G7721">IFERROR(INDEX(Jesper!AK$2:AK$366,ROUNDDOWN($C7721/24,0)+1,1)*INDEX($D$3:$AA$30,INDEX(Jesper!$R$2:$R$366,ROW(INDEX(Jesper!AK$2:AK$366,ROUNDDOWN($C7721/24,0)+1,1))-1)+IF('Standard Profiles'!$G$21=$B$10,7,0)+IF('Standard Profiles'!$G$21=$B$17,14,0)+IF('Standard Profiles'!$G$21=$B$24,21,0),MOD($C7721,24)+1)/SUM(INDEX($D$3:$AA$30,INDEX(Jesper!$R$2:$R$366,ROW(INDEX(Jesper!AK$2:AK$366,ROUNDDOWN($C7721/24,0)+1,1))-1)+IF('Standard Profiles'!$G$21=$B$10,7,0)+IF('Standard Profiles'!$G$21=$B$17,14,0)+IF('Standard Profiles'!$G$21=$B$24,21,0),0)),0)</f>
        <v>0</v>
      </c>
      <c r="H7721" cm="1">
        <f t="array" ref="H7721">IFERROR(INDEX(Jesper!AL$2:AL$366,ROUNDDOWN($C7721/24,0)+1,1)*INDEX($D$3:$AA$30,INDEX(Jesper!$R$2:$R$366,ROW(INDEX(Jesper!AL$2:AL$366,ROUNDDOWN($C7721/24,0)+1,1))-1)+IF('Standard Profiles'!$G$22=$B$10,7,0)+IF('Standard Profiles'!$G$22=$B$17,14,0)+IF('Standard Profiles'!$G$22=$B$24,21,0),MOD($C7721,24)+1)/SUM(INDEX($D$3:$AA$30,INDEX(Jesper!$R$2:$R$366,ROW(INDEX(Jesper!AL$2:AL$366,ROUNDDOWN($C7721/24,0)+1,1))-1)+IF('Standard Profiles'!$G$22=$B$10,7,0)+IF('Standard Profiles'!$G$22=$B$17,14,0)+IF('Standard Profiles'!$G$22=$B$24,21,0),0)),0)</f>
        <v>0</v>
      </c>
      <c r="I7721">
        <f t="shared" si="860"/>
        <v>0.32982599501716381</v>
      </c>
      <c r="J7721">
        <f t="shared" si="861"/>
        <v>1.0994199833905463</v>
      </c>
      <c r="K7721">
        <f t="shared" si="862"/>
        <v>1.6491299750858193</v>
      </c>
      <c r="L7721">
        <f t="shared" si="863"/>
        <v>15.946690958847993</v>
      </c>
      <c r="M7721">
        <f t="shared" si="864"/>
        <v>0</v>
      </c>
      <c r="N7721" s="46">
        <f t="shared" si="865"/>
        <v>45612.291666648023</v>
      </c>
    </row>
    <row r="7722" spans="2:14" x14ac:dyDescent="0.3">
      <c r="B7722">
        <f t="shared" si="859"/>
        <v>6</v>
      </c>
      <c r="C7722" s="16">
        <v>7688</v>
      </c>
      <c r="D7722" cm="1">
        <f t="array" ref="D7722">IFERROR(INDEX(Jesper!AH$2:AH$366,ROUNDDOWN($C7722/24,0)+1,1)*INDEX($D$3:$AA$30,INDEX(Jesper!$R$2:$R$366,ROW(INDEX(Jesper!AH$2:AH$366,ROUNDDOWN($C7722/24,0)+1,1))-1)+IF('Standard Profiles'!$G$18=$B$10,7,0)+IF('Standard Profiles'!$G$18=$B$17,14,0)+IF('Standard Profiles'!$G$18=$B$24,21,0),MOD($C7722,24)+1)/SUM(INDEX($D$3:$AA$30,INDEX(Jesper!$R$2:$R$366,ROW(INDEX(Jesper!AH$2:AH$366,ROUNDDOWN($C7722/24,0)+1,1))-1)+IF('Standard Profiles'!$G$18=$B$10,7,0)+IF('Standard Profiles'!$G$18=$B$17,14,0)+IF('Standard Profiles'!$G$18=$B$24,21,0),0)),0)</f>
        <v>15.363998367651005</v>
      </c>
      <c r="E7722" cm="1">
        <f t="array" ref="E7722">IFERROR(INDEX(Jesper!AI$2:AI$366,ROUNDDOWN($C7722/24,0)+1,1)*INDEX($D$3:$AA$30,INDEX(Jesper!$R$2:$R$366,ROW(INDEX(Jesper!AI$2:AI$366,ROUNDDOWN($C7722/24,0)+1,1))-1)+IF('Standard Profiles'!$G$19=$B$10,7,0)+IF('Standard Profiles'!$G$19=$B$17,14,0)+IF('Standard Profiles'!$G$19=$B$24,21,0),MOD($C7722,24)+1)/SUM(INDEX($D$3:$AA$30,INDEX(Jesper!$R$2:$R$366,ROW(INDEX(Jesper!AI$2:AI$366,ROUNDDOWN($C7722/24,0)+1,1))-1)+IF('Standard Profiles'!$G$19=$B$10,7,0)+IF('Standard Profiles'!$G$19=$B$17,14,0)+IF('Standard Profiles'!$G$19=$B$24,21,0),0)),0)</f>
        <v>3.6610685446905173</v>
      </c>
      <c r="F7722" cm="1">
        <f t="array" ref="F7722">IFERROR(INDEX(Jesper!AJ$2:AJ$366,ROUNDDOWN($C7722/24,0)+1,1)*INDEX($D$3:$AA$30,INDEX(Jesper!$R$2:$R$366,ROW(INDEX(Jesper!AJ$2:AJ$366,ROUNDDOWN($C7722/24,0)+1,1))-1)+IF('Standard Profiles'!$G$20=$B$10,7,0)+IF('Standard Profiles'!$G$20=$B$17,14,0)+IF('Standard Profiles'!$G$20=$B$24,21,0),MOD($C7722,24)+1)/SUM(INDEX($D$3:$AA$30,INDEX(Jesper!$R$2:$R$366,ROW(INDEX(Jesper!AJ$2:AJ$366,ROUNDDOWN($C7722/24,0)+1,1))-1)+IF('Standard Profiles'!$G$20=$B$10,7,0)+IF('Standard Profiles'!$G$20=$B$17,14,0)+IF('Standard Profiles'!$G$20=$B$24,21,0),0)),0)</f>
        <v>0</v>
      </c>
      <c r="G7722" cm="1">
        <f t="array" ref="G7722">IFERROR(INDEX(Jesper!AK$2:AK$366,ROUNDDOWN($C7722/24,0)+1,1)*INDEX($D$3:$AA$30,INDEX(Jesper!$R$2:$R$366,ROW(INDEX(Jesper!AK$2:AK$366,ROUNDDOWN($C7722/24,0)+1,1))-1)+IF('Standard Profiles'!$G$21=$B$10,7,0)+IF('Standard Profiles'!$G$21=$B$17,14,0)+IF('Standard Profiles'!$G$21=$B$24,21,0),MOD($C7722,24)+1)/SUM(INDEX($D$3:$AA$30,INDEX(Jesper!$R$2:$R$366,ROW(INDEX(Jesper!AK$2:AK$366,ROUNDDOWN($C7722/24,0)+1,1))-1)+IF('Standard Profiles'!$G$21=$B$10,7,0)+IF('Standard Profiles'!$G$21=$B$17,14,0)+IF('Standard Profiles'!$G$21=$B$24,21,0),0)),0)</f>
        <v>0</v>
      </c>
      <c r="H7722" cm="1">
        <f t="array" ref="H7722">IFERROR(INDEX(Jesper!AL$2:AL$366,ROUNDDOWN($C7722/24,0)+1,1)*INDEX($D$3:$AA$30,INDEX(Jesper!$R$2:$R$366,ROW(INDEX(Jesper!AL$2:AL$366,ROUNDDOWN($C7722/24,0)+1,1))-1)+IF('Standard Profiles'!$G$22=$B$10,7,0)+IF('Standard Profiles'!$G$22=$B$17,14,0)+IF('Standard Profiles'!$G$22=$B$24,21,0),MOD($C7722,24)+1)/SUM(INDEX($D$3:$AA$30,INDEX(Jesper!$R$2:$R$366,ROW(INDEX(Jesper!AL$2:AL$366,ROUNDDOWN($C7722/24,0)+1,1))-1)+IF('Standard Profiles'!$G$22=$B$10,7,0)+IF('Standard Profiles'!$G$22=$B$17,14,0)+IF('Standard Profiles'!$G$22=$B$24,21,0),0)),0)</f>
        <v>0</v>
      </c>
      <c r="I7722">
        <f t="shared" si="860"/>
        <v>0.32982599501716381</v>
      </c>
      <c r="J7722">
        <f t="shared" si="861"/>
        <v>1.0994199833905463</v>
      </c>
      <c r="K7722">
        <f t="shared" si="862"/>
        <v>1.6491299750858193</v>
      </c>
      <c r="L7722">
        <f t="shared" si="863"/>
        <v>15.946690958847993</v>
      </c>
      <c r="M7722">
        <f t="shared" si="864"/>
        <v>0</v>
      </c>
      <c r="N7722" s="46">
        <f t="shared" si="865"/>
        <v>45612.333333314687</v>
      </c>
    </row>
    <row r="7723" spans="2:14" x14ac:dyDescent="0.3">
      <c r="B7723">
        <f t="shared" si="859"/>
        <v>6</v>
      </c>
      <c r="C7723" s="16">
        <v>7689</v>
      </c>
      <c r="D7723" cm="1">
        <f t="array" ref="D7723">IFERROR(INDEX(Jesper!AH$2:AH$366,ROUNDDOWN($C7723/24,0)+1,1)*INDEX($D$3:$AA$30,INDEX(Jesper!$R$2:$R$366,ROW(INDEX(Jesper!AH$2:AH$366,ROUNDDOWN($C7723/24,0)+1,1))-1)+IF('Standard Profiles'!$G$18=$B$10,7,0)+IF('Standard Profiles'!$G$18=$B$17,14,0)+IF('Standard Profiles'!$G$18=$B$24,21,0),MOD($C7723,24)+1)/SUM(INDEX($D$3:$AA$30,INDEX(Jesper!$R$2:$R$366,ROW(INDEX(Jesper!AH$2:AH$366,ROUNDDOWN($C7723/24,0)+1,1))-1)+IF('Standard Profiles'!$G$18=$B$10,7,0)+IF('Standard Profiles'!$G$18=$B$17,14,0)+IF('Standard Profiles'!$G$18=$B$24,21,0),0)),0)</f>
        <v>15.363998367651005</v>
      </c>
      <c r="E7723" cm="1">
        <f t="array" ref="E7723">IFERROR(INDEX(Jesper!AI$2:AI$366,ROUNDDOWN($C7723/24,0)+1,1)*INDEX($D$3:$AA$30,INDEX(Jesper!$R$2:$R$366,ROW(INDEX(Jesper!AI$2:AI$366,ROUNDDOWN($C7723/24,0)+1,1))-1)+IF('Standard Profiles'!$G$19=$B$10,7,0)+IF('Standard Profiles'!$G$19=$B$17,14,0)+IF('Standard Profiles'!$G$19=$B$24,21,0),MOD($C7723,24)+1)/SUM(INDEX($D$3:$AA$30,INDEX(Jesper!$R$2:$R$366,ROW(INDEX(Jesper!AI$2:AI$366,ROUNDDOWN($C7723/24,0)+1,1))-1)+IF('Standard Profiles'!$G$19=$B$10,7,0)+IF('Standard Profiles'!$G$19=$B$17,14,0)+IF('Standard Profiles'!$G$19=$B$24,21,0),0)),0)</f>
        <v>3.6610685446905173</v>
      </c>
      <c r="F7723" cm="1">
        <f t="array" ref="F7723">IFERROR(INDEX(Jesper!AJ$2:AJ$366,ROUNDDOWN($C7723/24,0)+1,1)*INDEX($D$3:$AA$30,INDEX(Jesper!$R$2:$R$366,ROW(INDEX(Jesper!AJ$2:AJ$366,ROUNDDOWN($C7723/24,0)+1,1))-1)+IF('Standard Profiles'!$G$20=$B$10,7,0)+IF('Standard Profiles'!$G$20=$B$17,14,0)+IF('Standard Profiles'!$G$20=$B$24,21,0),MOD($C7723,24)+1)/SUM(INDEX($D$3:$AA$30,INDEX(Jesper!$R$2:$R$366,ROW(INDEX(Jesper!AJ$2:AJ$366,ROUNDDOWN($C7723/24,0)+1,1))-1)+IF('Standard Profiles'!$G$20=$B$10,7,0)+IF('Standard Profiles'!$G$20=$B$17,14,0)+IF('Standard Profiles'!$G$20=$B$24,21,0),0)),0)</f>
        <v>0</v>
      </c>
      <c r="G7723" cm="1">
        <f t="array" ref="G7723">IFERROR(INDEX(Jesper!AK$2:AK$366,ROUNDDOWN($C7723/24,0)+1,1)*INDEX($D$3:$AA$30,INDEX(Jesper!$R$2:$R$366,ROW(INDEX(Jesper!AK$2:AK$366,ROUNDDOWN($C7723/24,0)+1,1))-1)+IF('Standard Profiles'!$G$21=$B$10,7,0)+IF('Standard Profiles'!$G$21=$B$17,14,0)+IF('Standard Profiles'!$G$21=$B$24,21,0),MOD($C7723,24)+1)/SUM(INDEX($D$3:$AA$30,INDEX(Jesper!$R$2:$R$366,ROW(INDEX(Jesper!AK$2:AK$366,ROUNDDOWN($C7723/24,0)+1,1))-1)+IF('Standard Profiles'!$G$21=$B$10,7,0)+IF('Standard Profiles'!$G$21=$B$17,14,0)+IF('Standard Profiles'!$G$21=$B$24,21,0),0)),0)</f>
        <v>0</v>
      </c>
      <c r="H7723" cm="1">
        <f t="array" ref="H7723">IFERROR(INDEX(Jesper!AL$2:AL$366,ROUNDDOWN($C7723/24,0)+1,1)*INDEX($D$3:$AA$30,INDEX(Jesper!$R$2:$R$366,ROW(INDEX(Jesper!AL$2:AL$366,ROUNDDOWN($C7723/24,0)+1,1))-1)+IF('Standard Profiles'!$G$22=$B$10,7,0)+IF('Standard Profiles'!$G$22=$B$17,14,0)+IF('Standard Profiles'!$G$22=$B$24,21,0),MOD($C7723,24)+1)/SUM(INDEX($D$3:$AA$30,INDEX(Jesper!$R$2:$R$366,ROW(INDEX(Jesper!AL$2:AL$366,ROUNDDOWN($C7723/24,0)+1,1))-1)+IF('Standard Profiles'!$G$22=$B$10,7,0)+IF('Standard Profiles'!$G$22=$B$17,14,0)+IF('Standard Profiles'!$G$22=$B$24,21,0),0)),0)</f>
        <v>0</v>
      </c>
      <c r="I7723">
        <f t="shared" si="860"/>
        <v>0.32982599501716381</v>
      </c>
      <c r="J7723">
        <f t="shared" si="861"/>
        <v>1.0994199833905463</v>
      </c>
      <c r="K7723">
        <f t="shared" si="862"/>
        <v>1.6491299750858193</v>
      </c>
      <c r="L7723">
        <f t="shared" si="863"/>
        <v>15.946690958847993</v>
      </c>
      <c r="M7723">
        <f t="shared" si="864"/>
        <v>0</v>
      </c>
      <c r="N7723" s="46">
        <f t="shared" si="865"/>
        <v>45612.374999981352</v>
      </c>
    </row>
    <row r="7724" spans="2:14" x14ac:dyDescent="0.3">
      <c r="B7724">
        <f t="shared" si="859"/>
        <v>6</v>
      </c>
      <c r="C7724" s="16">
        <v>7690</v>
      </c>
      <c r="D7724" cm="1">
        <f t="array" ref="D7724">IFERROR(INDEX(Jesper!AH$2:AH$366,ROUNDDOWN($C7724/24,0)+1,1)*INDEX($D$3:$AA$30,INDEX(Jesper!$R$2:$R$366,ROW(INDEX(Jesper!AH$2:AH$366,ROUNDDOWN($C7724/24,0)+1,1))-1)+IF('Standard Profiles'!$G$18=$B$10,7,0)+IF('Standard Profiles'!$G$18=$B$17,14,0)+IF('Standard Profiles'!$G$18=$B$24,21,0),MOD($C7724,24)+1)/SUM(INDEX($D$3:$AA$30,INDEX(Jesper!$R$2:$R$366,ROW(INDEX(Jesper!AH$2:AH$366,ROUNDDOWN($C7724/24,0)+1,1))-1)+IF('Standard Profiles'!$G$18=$B$10,7,0)+IF('Standard Profiles'!$G$18=$B$17,14,0)+IF('Standard Profiles'!$G$18=$B$24,21,0),0)),0)</f>
        <v>15.363998367651005</v>
      </c>
      <c r="E7724" cm="1">
        <f t="array" ref="E7724">IFERROR(INDEX(Jesper!AI$2:AI$366,ROUNDDOWN($C7724/24,0)+1,1)*INDEX($D$3:$AA$30,INDEX(Jesper!$R$2:$R$366,ROW(INDEX(Jesper!AI$2:AI$366,ROUNDDOWN($C7724/24,0)+1,1))-1)+IF('Standard Profiles'!$G$19=$B$10,7,0)+IF('Standard Profiles'!$G$19=$B$17,14,0)+IF('Standard Profiles'!$G$19=$B$24,21,0),MOD($C7724,24)+1)/SUM(INDEX($D$3:$AA$30,INDEX(Jesper!$R$2:$R$366,ROW(INDEX(Jesper!AI$2:AI$366,ROUNDDOWN($C7724/24,0)+1,1))-1)+IF('Standard Profiles'!$G$19=$B$10,7,0)+IF('Standard Profiles'!$G$19=$B$17,14,0)+IF('Standard Profiles'!$G$19=$B$24,21,0),0)),0)</f>
        <v>3.6610685446905173</v>
      </c>
      <c r="F7724" cm="1">
        <f t="array" ref="F7724">IFERROR(INDEX(Jesper!AJ$2:AJ$366,ROUNDDOWN($C7724/24,0)+1,1)*INDEX($D$3:$AA$30,INDEX(Jesper!$R$2:$R$366,ROW(INDEX(Jesper!AJ$2:AJ$366,ROUNDDOWN($C7724/24,0)+1,1))-1)+IF('Standard Profiles'!$G$20=$B$10,7,0)+IF('Standard Profiles'!$G$20=$B$17,14,0)+IF('Standard Profiles'!$G$20=$B$24,21,0),MOD($C7724,24)+1)/SUM(INDEX($D$3:$AA$30,INDEX(Jesper!$R$2:$R$366,ROW(INDEX(Jesper!AJ$2:AJ$366,ROUNDDOWN($C7724/24,0)+1,1))-1)+IF('Standard Profiles'!$G$20=$B$10,7,0)+IF('Standard Profiles'!$G$20=$B$17,14,0)+IF('Standard Profiles'!$G$20=$B$24,21,0),0)),0)</f>
        <v>0</v>
      </c>
      <c r="G7724" cm="1">
        <f t="array" ref="G7724">IFERROR(INDEX(Jesper!AK$2:AK$366,ROUNDDOWN($C7724/24,0)+1,1)*INDEX($D$3:$AA$30,INDEX(Jesper!$R$2:$R$366,ROW(INDEX(Jesper!AK$2:AK$366,ROUNDDOWN($C7724/24,0)+1,1))-1)+IF('Standard Profiles'!$G$21=$B$10,7,0)+IF('Standard Profiles'!$G$21=$B$17,14,0)+IF('Standard Profiles'!$G$21=$B$24,21,0),MOD($C7724,24)+1)/SUM(INDEX($D$3:$AA$30,INDEX(Jesper!$R$2:$R$366,ROW(INDEX(Jesper!AK$2:AK$366,ROUNDDOWN($C7724/24,0)+1,1))-1)+IF('Standard Profiles'!$G$21=$B$10,7,0)+IF('Standard Profiles'!$G$21=$B$17,14,0)+IF('Standard Profiles'!$G$21=$B$24,21,0),0)),0)</f>
        <v>0</v>
      </c>
      <c r="H7724" cm="1">
        <f t="array" ref="H7724">IFERROR(INDEX(Jesper!AL$2:AL$366,ROUNDDOWN($C7724/24,0)+1,1)*INDEX($D$3:$AA$30,INDEX(Jesper!$R$2:$R$366,ROW(INDEX(Jesper!AL$2:AL$366,ROUNDDOWN($C7724/24,0)+1,1))-1)+IF('Standard Profiles'!$G$22=$B$10,7,0)+IF('Standard Profiles'!$G$22=$B$17,14,0)+IF('Standard Profiles'!$G$22=$B$24,21,0),MOD($C7724,24)+1)/SUM(INDEX($D$3:$AA$30,INDEX(Jesper!$R$2:$R$366,ROW(INDEX(Jesper!AL$2:AL$366,ROUNDDOWN($C7724/24,0)+1,1))-1)+IF('Standard Profiles'!$G$22=$B$10,7,0)+IF('Standard Profiles'!$G$22=$B$17,14,0)+IF('Standard Profiles'!$G$22=$B$24,21,0),0)),0)</f>
        <v>0</v>
      </c>
      <c r="I7724">
        <f t="shared" si="860"/>
        <v>0.32982599501716381</v>
      </c>
      <c r="J7724">
        <f t="shared" si="861"/>
        <v>1.0994199833905463</v>
      </c>
      <c r="K7724">
        <f t="shared" si="862"/>
        <v>1.6491299750858193</v>
      </c>
      <c r="L7724">
        <f t="shared" si="863"/>
        <v>15.946690958847993</v>
      </c>
      <c r="M7724">
        <f t="shared" si="864"/>
        <v>0</v>
      </c>
      <c r="N7724" s="46">
        <f t="shared" si="865"/>
        <v>45612.416666648016</v>
      </c>
    </row>
    <row r="7725" spans="2:14" x14ac:dyDescent="0.3">
      <c r="B7725">
        <f t="shared" si="859"/>
        <v>6</v>
      </c>
      <c r="C7725" s="16">
        <v>7691</v>
      </c>
      <c r="D7725" cm="1">
        <f t="array" ref="D7725">IFERROR(INDEX(Jesper!AH$2:AH$366,ROUNDDOWN($C7725/24,0)+1,1)*INDEX($D$3:$AA$30,INDEX(Jesper!$R$2:$R$366,ROW(INDEX(Jesper!AH$2:AH$366,ROUNDDOWN($C7725/24,0)+1,1))-1)+IF('Standard Profiles'!$G$18=$B$10,7,0)+IF('Standard Profiles'!$G$18=$B$17,14,0)+IF('Standard Profiles'!$G$18=$B$24,21,0),MOD($C7725,24)+1)/SUM(INDEX($D$3:$AA$30,INDEX(Jesper!$R$2:$R$366,ROW(INDEX(Jesper!AH$2:AH$366,ROUNDDOWN($C7725/24,0)+1,1))-1)+IF('Standard Profiles'!$G$18=$B$10,7,0)+IF('Standard Profiles'!$G$18=$B$17,14,0)+IF('Standard Profiles'!$G$18=$B$24,21,0),0)),0)</f>
        <v>15.363998367651005</v>
      </c>
      <c r="E7725" cm="1">
        <f t="array" ref="E7725">IFERROR(INDEX(Jesper!AI$2:AI$366,ROUNDDOWN($C7725/24,0)+1,1)*INDEX($D$3:$AA$30,INDEX(Jesper!$R$2:$R$366,ROW(INDEX(Jesper!AI$2:AI$366,ROUNDDOWN($C7725/24,0)+1,1))-1)+IF('Standard Profiles'!$G$19=$B$10,7,0)+IF('Standard Profiles'!$G$19=$B$17,14,0)+IF('Standard Profiles'!$G$19=$B$24,21,0),MOD($C7725,24)+1)/SUM(INDEX($D$3:$AA$30,INDEX(Jesper!$R$2:$R$366,ROW(INDEX(Jesper!AI$2:AI$366,ROUNDDOWN($C7725/24,0)+1,1))-1)+IF('Standard Profiles'!$G$19=$B$10,7,0)+IF('Standard Profiles'!$G$19=$B$17,14,0)+IF('Standard Profiles'!$G$19=$B$24,21,0),0)),0)</f>
        <v>3.6610685446905173</v>
      </c>
      <c r="F7725" cm="1">
        <f t="array" ref="F7725">IFERROR(INDEX(Jesper!AJ$2:AJ$366,ROUNDDOWN($C7725/24,0)+1,1)*INDEX($D$3:$AA$30,INDEX(Jesper!$R$2:$R$366,ROW(INDEX(Jesper!AJ$2:AJ$366,ROUNDDOWN($C7725/24,0)+1,1))-1)+IF('Standard Profiles'!$G$20=$B$10,7,0)+IF('Standard Profiles'!$G$20=$B$17,14,0)+IF('Standard Profiles'!$G$20=$B$24,21,0),MOD($C7725,24)+1)/SUM(INDEX($D$3:$AA$30,INDEX(Jesper!$R$2:$R$366,ROW(INDEX(Jesper!AJ$2:AJ$366,ROUNDDOWN($C7725/24,0)+1,1))-1)+IF('Standard Profiles'!$G$20=$B$10,7,0)+IF('Standard Profiles'!$G$20=$B$17,14,0)+IF('Standard Profiles'!$G$20=$B$24,21,0),0)),0)</f>
        <v>0</v>
      </c>
      <c r="G7725" cm="1">
        <f t="array" ref="G7725">IFERROR(INDEX(Jesper!AK$2:AK$366,ROUNDDOWN($C7725/24,0)+1,1)*INDEX($D$3:$AA$30,INDEX(Jesper!$R$2:$R$366,ROW(INDEX(Jesper!AK$2:AK$366,ROUNDDOWN($C7725/24,0)+1,1))-1)+IF('Standard Profiles'!$G$21=$B$10,7,0)+IF('Standard Profiles'!$G$21=$B$17,14,0)+IF('Standard Profiles'!$G$21=$B$24,21,0),MOD($C7725,24)+1)/SUM(INDEX($D$3:$AA$30,INDEX(Jesper!$R$2:$R$366,ROW(INDEX(Jesper!AK$2:AK$366,ROUNDDOWN($C7725/24,0)+1,1))-1)+IF('Standard Profiles'!$G$21=$B$10,7,0)+IF('Standard Profiles'!$G$21=$B$17,14,0)+IF('Standard Profiles'!$G$21=$B$24,21,0),0)),0)</f>
        <v>0</v>
      </c>
      <c r="H7725" cm="1">
        <f t="array" ref="H7725">IFERROR(INDEX(Jesper!AL$2:AL$366,ROUNDDOWN($C7725/24,0)+1,1)*INDEX($D$3:$AA$30,INDEX(Jesper!$R$2:$R$366,ROW(INDEX(Jesper!AL$2:AL$366,ROUNDDOWN($C7725/24,0)+1,1))-1)+IF('Standard Profiles'!$G$22=$B$10,7,0)+IF('Standard Profiles'!$G$22=$B$17,14,0)+IF('Standard Profiles'!$G$22=$B$24,21,0),MOD($C7725,24)+1)/SUM(INDEX($D$3:$AA$30,INDEX(Jesper!$R$2:$R$366,ROW(INDEX(Jesper!AL$2:AL$366,ROUNDDOWN($C7725/24,0)+1,1))-1)+IF('Standard Profiles'!$G$22=$B$10,7,0)+IF('Standard Profiles'!$G$22=$B$17,14,0)+IF('Standard Profiles'!$G$22=$B$24,21,0),0)),0)</f>
        <v>0</v>
      </c>
      <c r="I7725">
        <f t="shared" si="860"/>
        <v>0.32982599501716381</v>
      </c>
      <c r="J7725">
        <f t="shared" si="861"/>
        <v>1.0994199833905463</v>
      </c>
      <c r="K7725">
        <f t="shared" si="862"/>
        <v>1.6491299750858193</v>
      </c>
      <c r="L7725">
        <f t="shared" si="863"/>
        <v>15.946690958847993</v>
      </c>
      <c r="M7725">
        <f t="shared" si="864"/>
        <v>0</v>
      </c>
      <c r="N7725" s="46">
        <f t="shared" si="865"/>
        <v>45612.45833331468</v>
      </c>
    </row>
    <row r="7726" spans="2:14" x14ac:dyDescent="0.3">
      <c r="B7726">
        <f t="shared" si="859"/>
        <v>6</v>
      </c>
      <c r="C7726" s="16">
        <v>7692</v>
      </c>
      <c r="D7726" cm="1">
        <f t="array" ref="D7726">IFERROR(INDEX(Jesper!AH$2:AH$366,ROUNDDOWN($C7726/24,0)+1,1)*INDEX($D$3:$AA$30,INDEX(Jesper!$R$2:$R$366,ROW(INDEX(Jesper!AH$2:AH$366,ROUNDDOWN($C7726/24,0)+1,1))-1)+IF('Standard Profiles'!$G$18=$B$10,7,0)+IF('Standard Profiles'!$G$18=$B$17,14,0)+IF('Standard Profiles'!$G$18=$B$24,21,0),MOD($C7726,24)+1)/SUM(INDEX($D$3:$AA$30,INDEX(Jesper!$R$2:$R$366,ROW(INDEX(Jesper!AH$2:AH$366,ROUNDDOWN($C7726/24,0)+1,1))-1)+IF('Standard Profiles'!$G$18=$B$10,7,0)+IF('Standard Profiles'!$G$18=$B$17,14,0)+IF('Standard Profiles'!$G$18=$B$24,21,0),0)),0)</f>
        <v>15.363998367651005</v>
      </c>
      <c r="E7726" cm="1">
        <f t="array" ref="E7726">IFERROR(INDEX(Jesper!AI$2:AI$366,ROUNDDOWN($C7726/24,0)+1,1)*INDEX($D$3:$AA$30,INDEX(Jesper!$R$2:$R$366,ROW(INDEX(Jesper!AI$2:AI$366,ROUNDDOWN($C7726/24,0)+1,1))-1)+IF('Standard Profiles'!$G$19=$B$10,7,0)+IF('Standard Profiles'!$G$19=$B$17,14,0)+IF('Standard Profiles'!$G$19=$B$24,21,0),MOD($C7726,24)+1)/SUM(INDEX($D$3:$AA$30,INDEX(Jesper!$R$2:$R$366,ROW(INDEX(Jesper!AI$2:AI$366,ROUNDDOWN($C7726/24,0)+1,1))-1)+IF('Standard Profiles'!$G$19=$B$10,7,0)+IF('Standard Profiles'!$G$19=$B$17,14,0)+IF('Standard Profiles'!$G$19=$B$24,21,0),0)),0)</f>
        <v>3.6610685446905173</v>
      </c>
      <c r="F7726" cm="1">
        <f t="array" ref="F7726">IFERROR(INDEX(Jesper!AJ$2:AJ$366,ROUNDDOWN($C7726/24,0)+1,1)*INDEX($D$3:$AA$30,INDEX(Jesper!$R$2:$R$366,ROW(INDEX(Jesper!AJ$2:AJ$366,ROUNDDOWN($C7726/24,0)+1,1))-1)+IF('Standard Profiles'!$G$20=$B$10,7,0)+IF('Standard Profiles'!$G$20=$B$17,14,0)+IF('Standard Profiles'!$G$20=$B$24,21,0),MOD($C7726,24)+1)/SUM(INDEX($D$3:$AA$30,INDEX(Jesper!$R$2:$R$366,ROW(INDEX(Jesper!AJ$2:AJ$366,ROUNDDOWN($C7726/24,0)+1,1))-1)+IF('Standard Profiles'!$G$20=$B$10,7,0)+IF('Standard Profiles'!$G$20=$B$17,14,0)+IF('Standard Profiles'!$G$20=$B$24,21,0),0)),0)</f>
        <v>0</v>
      </c>
      <c r="G7726" cm="1">
        <f t="array" ref="G7726">IFERROR(INDEX(Jesper!AK$2:AK$366,ROUNDDOWN($C7726/24,0)+1,1)*INDEX($D$3:$AA$30,INDEX(Jesper!$R$2:$R$366,ROW(INDEX(Jesper!AK$2:AK$366,ROUNDDOWN($C7726/24,0)+1,1))-1)+IF('Standard Profiles'!$G$21=$B$10,7,0)+IF('Standard Profiles'!$G$21=$B$17,14,0)+IF('Standard Profiles'!$G$21=$B$24,21,0),MOD($C7726,24)+1)/SUM(INDEX($D$3:$AA$30,INDEX(Jesper!$R$2:$R$366,ROW(INDEX(Jesper!AK$2:AK$366,ROUNDDOWN($C7726/24,0)+1,1))-1)+IF('Standard Profiles'!$G$21=$B$10,7,0)+IF('Standard Profiles'!$G$21=$B$17,14,0)+IF('Standard Profiles'!$G$21=$B$24,21,0),0)),0)</f>
        <v>0</v>
      </c>
      <c r="H7726" cm="1">
        <f t="array" ref="H7726">IFERROR(INDEX(Jesper!AL$2:AL$366,ROUNDDOWN($C7726/24,0)+1,1)*INDEX($D$3:$AA$30,INDEX(Jesper!$R$2:$R$366,ROW(INDEX(Jesper!AL$2:AL$366,ROUNDDOWN($C7726/24,0)+1,1))-1)+IF('Standard Profiles'!$G$22=$B$10,7,0)+IF('Standard Profiles'!$G$22=$B$17,14,0)+IF('Standard Profiles'!$G$22=$B$24,21,0),MOD($C7726,24)+1)/SUM(INDEX($D$3:$AA$30,INDEX(Jesper!$R$2:$R$366,ROW(INDEX(Jesper!AL$2:AL$366,ROUNDDOWN($C7726/24,0)+1,1))-1)+IF('Standard Profiles'!$G$22=$B$10,7,0)+IF('Standard Profiles'!$G$22=$B$17,14,0)+IF('Standard Profiles'!$G$22=$B$24,21,0),0)),0)</f>
        <v>0</v>
      </c>
      <c r="I7726">
        <f t="shared" si="860"/>
        <v>0.32982599501716381</v>
      </c>
      <c r="J7726">
        <f t="shared" si="861"/>
        <v>1.0994199833905463</v>
      </c>
      <c r="K7726">
        <f t="shared" si="862"/>
        <v>1.6491299750858193</v>
      </c>
      <c r="L7726">
        <f t="shared" si="863"/>
        <v>15.946690958847993</v>
      </c>
      <c r="M7726">
        <f t="shared" si="864"/>
        <v>0</v>
      </c>
      <c r="N7726" s="46">
        <f t="shared" si="865"/>
        <v>45612.499999981344</v>
      </c>
    </row>
    <row r="7727" spans="2:14" x14ac:dyDescent="0.3">
      <c r="B7727">
        <f t="shared" si="859"/>
        <v>6</v>
      </c>
      <c r="C7727" s="16">
        <v>7693</v>
      </c>
      <c r="D7727" cm="1">
        <f t="array" ref="D7727">IFERROR(INDEX(Jesper!AH$2:AH$366,ROUNDDOWN($C7727/24,0)+1,1)*INDEX($D$3:$AA$30,INDEX(Jesper!$R$2:$R$366,ROW(INDEX(Jesper!AH$2:AH$366,ROUNDDOWN($C7727/24,0)+1,1))-1)+IF('Standard Profiles'!$G$18=$B$10,7,0)+IF('Standard Profiles'!$G$18=$B$17,14,0)+IF('Standard Profiles'!$G$18=$B$24,21,0),MOD($C7727,24)+1)/SUM(INDEX($D$3:$AA$30,INDEX(Jesper!$R$2:$R$366,ROW(INDEX(Jesper!AH$2:AH$366,ROUNDDOWN($C7727/24,0)+1,1))-1)+IF('Standard Profiles'!$G$18=$B$10,7,0)+IF('Standard Profiles'!$G$18=$B$17,14,0)+IF('Standard Profiles'!$G$18=$B$24,21,0),0)),0)</f>
        <v>15.363998367651005</v>
      </c>
      <c r="E7727" cm="1">
        <f t="array" ref="E7727">IFERROR(INDEX(Jesper!AI$2:AI$366,ROUNDDOWN($C7727/24,0)+1,1)*INDEX($D$3:$AA$30,INDEX(Jesper!$R$2:$R$366,ROW(INDEX(Jesper!AI$2:AI$366,ROUNDDOWN($C7727/24,0)+1,1))-1)+IF('Standard Profiles'!$G$19=$B$10,7,0)+IF('Standard Profiles'!$G$19=$B$17,14,0)+IF('Standard Profiles'!$G$19=$B$24,21,0),MOD($C7727,24)+1)/SUM(INDEX($D$3:$AA$30,INDEX(Jesper!$R$2:$R$366,ROW(INDEX(Jesper!AI$2:AI$366,ROUNDDOWN($C7727/24,0)+1,1))-1)+IF('Standard Profiles'!$G$19=$B$10,7,0)+IF('Standard Profiles'!$G$19=$B$17,14,0)+IF('Standard Profiles'!$G$19=$B$24,21,0),0)),0)</f>
        <v>3.6610685446905173</v>
      </c>
      <c r="F7727" cm="1">
        <f t="array" ref="F7727">IFERROR(INDEX(Jesper!AJ$2:AJ$366,ROUNDDOWN($C7727/24,0)+1,1)*INDEX($D$3:$AA$30,INDEX(Jesper!$R$2:$R$366,ROW(INDEX(Jesper!AJ$2:AJ$366,ROUNDDOWN($C7727/24,0)+1,1))-1)+IF('Standard Profiles'!$G$20=$B$10,7,0)+IF('Standard Profiles'!$G$20=$B$17,14,0)+IF('Standard Profiles'!$G$20=$B$24,21,0),MOD($C7727,24)+1)/SUM(INDEX($D$3:$AA$30,INDEX(Jesper!$R$2:$R$366,ROW(INDEX(Jesper!AJ$2:AJ$366,ROUNDDOWN($C7727/24,0)+1,1))-1)+IF('Standard Profiles'!$G$20=$B$10,7,0)+IF('Standard Profiles'!$G$20=$B$17,14,0)+IF('Standard Profiles'!$G$20=$B$24,21,0),0)),0)</f>
        <v>0</v>
      </c>
      <c r="G7727" cm="1">
        <f t="array" ref="G7727">IFERROR(INDEX(Jesper!AK$2:AK$366,ROUNDDOWN($C7727/24,0)+1,1)*INDEX($D$3:$AA$30,INDEX(Jesper!$R$2:$R$366,ROW(INDEX(Jesper!AK$2:AK$366,ROUNDDOWN($C7727/24,0)+1,1))-1)+IF('Standard Profiles'!$G$21=$B$10,7,0)+IF('Standard Profiles'!$G$21=$B$17,14,0)+IF('Standard Profiles'!$G$21=$B$24,21,0),MOD($C7727,24)+1)/SUM(INDEX($D$3:$AA$30,INDEX(Jesper!$R$2:$R$366,ROW(INDEX(Jesper!AK$2:AK$366,ROUNDDOWN($C7727/24,0)+1,1))-1)+IF('Standard Profiles'!$G$21=$B$10,7,0)+IF('Standard Profiles'!$G$21=$B$17,14,0)+IF('Standard Profiles'!$G$21=$B$24,21,0),0)),0)</f>
        <v>0</v>
      </c>
      <c r="H7727" cm="1">
        <f t="array" ref="H7727">IFERROR(INDEX(Jesper!AL$2:AL$366,ROUNDDOWN($C7727/24,0)+1,1)*INDEX($D$3:$AA$30,INDEX(Jesper!$R$2:$R$366,ROW(INDEX(Jesper!AL$2:AL$366,ROUNDDOWN($C7727/24,0)+1,1))-1)+IF('Standard Profiles'!$G$22=$B$10,7,0)+IF('Standard Profiles'!$G$22=$B$17,14,0)+IF('Standard Profiles'!$G$22=$B$24,21,0),MOD($C7727,24)+1)/SUM(INDEX($D$3:$AA$30,INDEX(Jesper!$R$2:$R$366,ROW(INDEX(Jesper!AL$2:AL$366,ROUNDDOWN($C7727/24,0)+1,1))-1)+IF('Standard Profiles'!$G$22=$B$10,7,0)+IF('Standard Profiles'!$G$22=$B$17,14,0)+IF('Standard Profiles'!$G$22=$B$24,21,0),0)),0)</f>
        <v>0</v>
      </c>
      <c r="I7727">
        <f t="shared" si="860"/>
        <v>0.32982599501716381</v>
      </c>
      <c r="J7727">
        <f t="shared" si="861"/>
        <v>1.0994199833905463</v>
      </c>
      <c r="K7727">
        <f t="shared" si="862"/>
        <v>1.6491299750858193</v>
      </c>
      <c r="L7727">
        <f t="shared" si="863"/>
        <v>15.946690958847993</v>
      </c>
      <c r="M7727">
        <f t="shared" si="864"/>
        <v>0</v>
      </c>
      <c r="N7727" s="46">
        <f t="shared" si="865"/>
        <v>45612.541666648009</v>
      </c>
    </row>
    <row r="7728" spans="2:14" x14ac:dyDescent="0.3">
      <c r="B7728">
        <f t="shared" si="859"/>
        <v>6</v>
      </c>
      <c r="C7728" s="16">
        <v>7694</v>
      </c>
      <c r="D7728" cm="1">
        <f t="array" ref="D7728">IFERROR(INDEX(Jesper!AH$2:AH$366,ROUNDDOWN($C7728/24,0)+1,1)*INDEX($D$3:$AA$30,INDEX(Jesper!$R$2:$R$366,ROW(INDEX(Jesper!AH$2:AH$366,ROUNDDOWN($C7728/24,0)+1,1))-1)+IF('Standard Profiles'!$G$18=$B$10,7,0)+IF('Standard Profiles'!$G$18=$B$17,14,0)+IF('Standard Profiles'!$G$18=$B$24,21,0),MOD($C7728,24)+1)/SUM(INDEX($D$3:$AA$30,INDEX(Jesper!$R$2:$R$366,ROW(INDEX(Jesper!AH$2:AH$366,ROUNDDOWN($C7728/24,0)+1,1))-1)+IF('Standard Profiles'!$G$18=$B$10,7,0)+IF('Standard Profiles'!$G$18=$B$17,14,0)+IF('Standard Profiles'!$G$18=$B$24,21,0),0)),0)</f>
        <v>15.363998367651005</v>
      </c>
      <c r="E7728" cm="1">
        <f t="array" ref="E7728">IFERROR(INDEX(Jesper!AI$2:AI$366,ROUNDDOWN($C7728/24,0)+1,1)*INDEX($D$3:$AA$30,INDEX(Jesper!$R$2:$R$366,ROW(INDEX(Jesper!AI$2:AI$366,ROUNDDOWN($C7728/24,0)+1,1))-1)+IF('Standard Profiles'!$G$19=$B$10,7,0)+IF('Standard Profiles'!$G$19=$B$17,14,0)+IF('Standard Profiles'!$G$19=$B$24,21,0),MOD($C7728,24)+1)/SUM(INDEX($D$3:$AA$30,INDEX(Jesper!$R$2:$R$366,ROW(INDEX(Jesper!AI$2:AI$366,ROUNDDOWN($C7728/24,0)+1,1))-1)+IF('Standard Profiles'!$G$19=$B$10,7,0)+IF('Standard Profiles'!$G$19=$B$17,14,0)+IF('Standard Profiles'!$G$19=$B$24,21,0),0)),0)</f>
        <v>3.6610685446905173</v>
      </c>
      <c r="F7728" cm="1">
        <f t="array" ref="F7728">IFERROR(INDEX(Jesper!AJ$2:AJ$366,ROUNDDOWN($C7728/24,0)+1,1)*INDEX($D$3:$AA$30,INDEX(Jesper!$R$2:$R$366,ROW(INDEX(Jesper!AJ$2:AJ$366,ROUNDDOWN($C7728/24,0)+1,1))-1)+IF('Standard Profiles'!$G$20=$B$10,7,0)+IF('Standard Profiles'!$G$20=$B$17,14,0)+IF('Standard Profiles'!$G$20=$B$24,21,0),MOD($C7728,24)+1)/SUM(INDEX($D$3:$AA$30,INDEX(Jesper!$R$2:$R$366,ROW(INDEX(Jesper!AJ$2:AJ$366,ROUNDDOWN($C7728/24,0)+1,1))-1)+IF('Standard Profiles'!$G$20=$B$10,7,0)+IF('Standard Profiles'!$G$20=$B$17,14,0)+IF('Standard Profiles'!$G$20=$B$24,21,0),0)),0)</f>
        <v>0</v>
      </c>
      <c r="G7728" cm="1">
        <f t="array" ref="G7728">IFERROR(INDEX(Jesper!AK$2:AK$366,ROUNDDOWN($C7728/24,0)+1,1)*INDEX($D$3:$AA$30,INDEX(Jesper!$R$2:$R$366,ROW(INDEX(Jesper!AK$2:AK$366,ROUNDDOWN($C7728/24,0)+1,1))-1)+IF('Standard Profiles'!$G$21=$B$10,7,0)+IF('Standard Profiles'!$G$21=$B$17,14,0)+IF('Standard Profiles'!$G$21=$B$24,21,0),MOD($C7728,24)+1)/SUM(INDEX($D$3:$AA$30,INDEX(Jesper!$R$2:$R$366,ROW(INDEX(Jesper!AK$2:AK$366,ROUNDDOWN($C7728/24,0)+1,1))-1)+IF('Standard Profiles'!$G$21=$B$10,7,0)+IF('Standard Profiles'!$G$21=$B$17,14,0)+IF('Standard Profiles'!$G$21=$B$24,21,0),0)),0)</f>
        <v>0</v>
      </c>
      <c r="H7728" cm="1">
        <f t="array" ref="H7728">IFERROR(INDEX(Jesper!AL$2:AL$366,ROUNDDOWN($C7728/24,0)+1,1)*INDEX($D$3:$AA$30,INDEX(Jesper!$R$2:$R$366,ROW(INDEX(Jesper!AL$2:AL$366,ROUNDDOWN($C7728/24,0)+1,1))-1)+IF('Standard Profiles'!$G$22=$B$10,7,0)+IF('Standard Profiles'!$G$22=$B$17,14,0)+IF('Standard Profiles'!$G$22=$B$24,21,0),MOD($C7728,24)+1)/SUM(INDEX($D$3:$AA$30,INDEX(Jesper!$R$2:$R$366,ROW(INDEX(Jesper!AL$2:AL$366,ROUNDDOWN($C7728/24,0)+1,1))-1)+IF('Standard Profiles'!$G$22=$B$10,7,0)+IF('Standard Profiles'!$G$22=$B$17,14,0)+IF('Standard Profiles'!$G$22=$B$24,21,0),0)),0)</f>
        <v>0</v>
      </c>
      <c r="I7728">
        <f t="shared" si="860"/>
        <v>0.32982599501716381</v>
      </c>
      <c r="J7728">
        <f t="shared" si="861"/>
        <v>1.0994199833905463</v>
      </c>
      <c r="K7728">
        <f t="shared" si="862"/>
        <v>1.6491299750858193</v>
      </c>
      <c r="L7728">
        <f t="shared" si="863"/>
        <v>15.946690958847993</v>
      </c>
      <c r="M7728">
        <f t="shared" si="864"/>
        <v>0</v>
      </c>
      <c r="N7728" s="46">
        <f t="shared" si="865"/>
        <v>45612.583333314673</v>
      </c>
    </row>
    <row r="7729" spans="2:14" x14ac:dyDescent="0.3">
      <c r="B7729">
        <f t="shared" si="859"/>
        <v>6</v>
      </c>
      <c r="C7729" s="16">
        <v>7695</v>
      </c>
      <c r="D7729" cm="1">
        <f t="array" ref="D7729">IFERROR(INDEX(Jesper!AH$2:AH$366,ROUNDDOWN($C7729/24,0)+1,1)*INDEX($D$3:$AA$30,INDEX(Jesper!$R$2:$R$366,ROW(INDEX(Jesper!AH$2:AH$366,ROUNDDOWN($C7729/24,0)+1,1))-1)+IF('Standard Profiles'!$G$18=$B$10,7,0)+IF('Standard Profiles'!$G$18=$B$17,14,0)+IF('Standard Profiles'!$G$18=$B$24,21,0),MOD($C7729,24)+1)/SUM(INDEX($D$3:$AA$30,INDEX(Jesper!$R$2:$R$366,ROW(INDEX(Jesper!AH$2:AH$366,ROUNDDOWN($C7729/24,0)+1,1))-1)+IF('Standard Profiles'!$G$18=$B$10,7,0)+IF('Standard Profiles'!$G$18=$B$17,14,0)+IF('Standard Profiles'!$G$18=$B$24,21,0),0)),0)</f>
        <v>13.890738250205018</v>
      </c>
      <c r="E7729" cm="1">
        <f t="array" ref="E7729">IFERROR(INDEX(Jesper!AI$2:AI$366,ROUNDDOWN($C7729/24,0)+1,1)*INDEX($D$3:$AA$30,INDEX(Jesper!$R$2:$R$366,ROW(INDEX(Jesper!AI$2:AI$366,ROUNDDOWN($C7729/24,0)+1,1))-1)+IF('Standard Profiles'!$G$19=$B$10,7,0)+IF('Standard Profiles'!$G$19=$B$17,14,0)+IF('Standard Profiles'!$G$19=$B$24,21,0),MOD($C7729,24)+1)/SUM(INDEX($D$3:$AA$30,INDEX(Jesper!$R$2:$R$366,ROW(INDEX(Jesper!AI$2:AI$366,ROUNDDOWN($C7729/24,0)+1,1))-1)+IF('Standard Profiles'!$G$19=$B$10,7,0)+IF('Standard Profiles'!$G$19=$B$17,14,0)+IF('Standard Profiles'!$G$19=$B$24,21,0),0)),0)</f>
        <v>3.3100071773914266</v>
      </c>
      <c r="F7729" cm="1">
        <f t="array" ref="F7729">IFERROR(INDEX(Jesper!AJ$2:AJ$366,ROUNDDOWN($C7729/24,0)+1,1)*INDEX($D$3:$AA$30,INDEX(Jesper!$R$2:$R$366,ROW(INDEX(Jesper!AJ$2:AJ$366,ROUNDDOWN($C7729/24,0)+1,1))-1)+IF('Standard Profiles'!$G$20=$B$10,7,0)+IF('Standard Profiles'!$G$20=$B$17,14,0)+IF('Standard Profiles'!$G$20=$B$24,21,0),MOD($C7729,24)+1)/SUM(INDEX($D$3:$AA$30,INDEX(Jesper!$R$2:$R$366,ROW(INDEX(Jesper!AJ$2:AJ$366,ROUNDDOWN($C7729/24,0)+1,1))-1)+IF('Standard Profiles'!$G$20=$B$10,7,0)+IF('Standard Profiles'!$G$20=$B$17,14,0)+IF('Standard Profiles'!$G$20=$B$24,21,0),0)),0)</f>
        <v>0</v>
      </c>
      <c r="G7729" cm="1">
        <f t="array" ref="G7729">IFERROR(INDEX(Jesper!AK$2:AK$366,ROUNDDOWN($C7729/24,0)+1,1)*INDEX($D$3:$AA$30,INDEX(Jesper!$R$2:$R$366,ROW(INDEX(Jesper!AK$2:AK$366,ROUNDDOWN($C7729/24,0)+1,1))-1)+IF('Standard Profiles'!$G$21=$B$10,7,0)+IF('Standard Profiles'!$G$21=$B$17,14,0)+IF('Standard Profiles'!$G$21=$B$24,21,0),MOD($C7729,24)+1)/SUM(INDEX($D$3:$AA$30,INDEX(Jesper!$R$2:$R$366,ROW(INDEX(Jesper!AK$2:AK$366,ROUNDDOWN($C7729/24,0)+1,1))-1)+IF('Standard Profiles'!$G$21=$B$10,7,0)+IF('Standard Profiles'!$G$21=$B$17,14,0)+IF('Standard Profiles'!$G$21=$B$24,21,0),0)),0)</f>
        <v>0</v>
      </c>
      <c r="H7729" cm="1">
        <f t="array" ref="H7729">IFERROR(INDEX(Jesper!AL$2:AL$366,ROUNDDOWN($C7729/24,0)+1,1)*INDEX($D$3:$AA$30,INDEX(Jesper!$R$2:$R$366,ROW(INDEX(Jesper!AL$2:AL$366,ROUNDDOWN($C7729/24,0)+1,1))-1)+IF('Standard Profiles'!$G$22=$B$10,7,0)+IF('Standard Profiles'!$G$22=$B$17,14,0)+IF('Standard Profiles'!$G$22=$B$24,21,0),MOD($C7729,24)+1)/SUM(INDEX($D$3:$AA$30,INDEX(Jesper!$R$2:$R$366,ROW(INDEX(Jesper!AL$2:AL$366,ROUNDDOWN($C7729/24,0)+1,1))-1)+IF('Standard Profiles'!$G$22=$B$10,7,0)+IF('Standard Profiles'!$G$22=$B$17,14,0)+IF('Standard Profiles'!$G$22=$B$24,21,0),0)),0)</f>
        <v>0</v>
      </c>
      <c r="I7729">
        <f t="shared" si="860"/>
        <v>0.2981988448100385</v>
      </c>
      <c r="J7729">
        <f t="shared" si="861"/>
        <v>0.99399614936679515</v>
      </c>
      <c r="K7729">
        <f t="shared" si="862"/>
        <v>1.4909942240501928</v>
      </c>
      <c r="L7729">
        <f t="shared" si="863"/>
        <v>14.417556209369419</v>
      </c>
      <c r="M7729">
        <f t="shared" si="864"/>
        <v>0</v>
      </c>
      <c r="N7729" s="46">
        <f t="shared" si="865"/>
        <v>45612.624999981337</v>
      </c>
    </row>
    <row r="7730" spans="2:14" x14ac:dyDescent="0.3">
      <c r="B7730">
        <f t="shared" si="859"/>
        <v>6</v>
      </c>
      <c r="C7730" s="16">
        <v>7696</v>
      </c>
      <c r="D7730" cm="1">
        <f t="array" ref="D7730">IFERROR(INDEX(Jesper!AH$2:AH$366,ROUNDDOWN($C7730/24,0)+1,1)*INDEX($D$3:$AA$30,INDEX(Jesper!$R$2:$R$366,ROW(INDEX(Jesper!AH$2:AH$366,ROUNDDOWN($C7730/24,0)+1,1))-1)+IF('Standard Profiles'!$G$18=$B$10,7,0)+IF('Standard Profiles'!$G$18=$B$17,14,0)+IF('Standard Profiles'!$G$18=$B$24,21,0),MOD($C7730,24)+1)/SUM(INDEX($D$3:$AA$30,INDEX(Jesper!$R$2:$R$366,ROW(INDEX(Jesper!AH$2:AH$366,ROUNDDOWN($C7730/24,0)+1,1))-1)+IF('Standard Profiles'!$G$18=$B$10,7,0)+IF('Standard Profiles'!$G$18=$B$17,14,0)+IF('Standard Profiles'!$G$18=$B$24,21,0),0)),0)</f>
        <v>12.627943863822745</v>
      </c>
      <c r="E7730" cm="1">
        <f t="array" ref="E7730">IFERROR(INDEX(Jesper!AI$2:AI$366,ROUNDDOWN($C7730/24,0)+1,1)*INDEX($D$3:$AA$30,INDEX(Jesper!$R$2:$R$366,ROW(INDEX(Jesper!AI$2:AI$366,ROUNDDOWN($C7730/24,0)+1,1))-1)+IF('Standard Profiles'!$G$19=$B$10,7,0)+IF('Standard Profiles'!$G$19=$B$17,14,0)+IF('Standard Profiles'!$G$19=$B$24,21,0),MOD($C7730,24)+1)/SUM(INDEX($D$3:$AA$30,INDEX(Jesper!$R$2:$R$366,ROW(INDEX(Jesper!AI$2:AI$366,ROUNDDOWN($C7730/24,0)+1,1))-1)+IF('Standard Profiles'!$G$19=$B$10,7,0)+IF('Standard Profiles'!$G$19=$B$17,14,0)+IF('Standard Profiles'!$G$19=$B$24,21,0),0)),0)</f>
        <v>3.0090974339922063</v>
      </c>
      <c r="F7730" cm="1">
        <f t="array" ref="F7730">IFERROR(INDEX(Jesper!AJ$2:AJ$366,ROUNDDOWN($C7730/24,0)+1,1)*INDEX($D$3:$AA$30,INDEX(Jesper!$R$2:$R$366,ROW(INDEX(Jesper!AJ$2:AJ$366,ROUNDDOWN($C7730/24,0)+1,1))-1)+IF('Standard Profiles'!$G$20=$B$10,7,0)+IF('Standard Profiles'!$G$20=$B$17,14,0)+IF('Standard Profiles'!$G$20=$B$24,21,0),MOD($C7730,24)+1)/SUM(INDEX($D$3:$AA$30,INDEX(Jesper!$R$2:$R$366,ROW(INDEX(Jesper!AJ$2:AJ$366,ROUNDDOWN($C7730/24,0)+1,1))-1)+IF('Standard Profiles'!$G$20=$B$10,7,0)+IF('Standard Profiles'!$G$20=$B$17,14,0)+IF('Standard Profiles'!$G$20=$B$24,21,0),0)),0)</f>
        <v>0</v>
      </c>
      <c r="G7730" cm="1">
        <f t="array" ref="G7730">IFERROR(INDEX(Jesper!AK$2:AK$366,ROUNDDOWN($C7730/24,0)+1,1)*INDEX($D$3:$AA$30,INDEX(Jesper!$R$2:$R$366,ROW(INDEX(Jesper!AK$2:AK$366,ROUNDDOWN($C7730/24,0)+1,1))-1)+IF('Standard Profiles'!$G$21=$B$10,7,0)+IF('Standard Profiles'!$G$21=$B$17,14,0)+IF('Standard Profiles'!$G$21=$B$24,21,0),MOD($C7730,24)+1)/SUM(INDEX($D$3:$AA$30,INDEX(Jesper!$R$2:$R$366,ROW(INDEX(Jesper!AK$2:AK$366,ROUNDDOWN($C7730/24,0)+1,1))-1)+IF('Standard Profiles'!$G$21=$B$10,7,0)+IF('Standard Profiles'!$G$21=$B$17,14,0)+IF('Standard Profiles'!$G$21=$B$24,21,0),0)),0)</f>
        <v>0</v>
      </c>
      <c r="H7730" cm="1">
        <f t="array" ref="H7730">IFERROR(INDEX(Jesper!AL$2:AL$366,ROUNDDOWN($C7730/24,0)+1,1)*INDEX($D$3:$AA$30,INDEX(Jesper!$R$2:$R$366,ROW(INDEX(Jesper!AL$2:AL$366,ROUNDDOWN($C7730/24,0)+1,1))-1)+IF('Standard Profiles'!$G$22=$B$10,7,0)+IF('Standard Profiles'!$G$22=$B$17,14,0)+IF('Standard Profiles'!$G$22=$B$24,21,0),MOD($C7730,24)+1)/SUM(INDEX($D$3:$AA$30,INDEX(Jesper!$R$2:$R$366,ROW(INDEX(Jesper!AL$2:AL$366,ROUNDDOWN($C7730/24,0)+1,1))-1)+IF('Standard Profiles'!$G$22=$B$10,7,0)+IF('Standard Profiles'!$G$22=$B$17,14,0)+IF('Standard Profiles'!$G$22=$B$24,21,0),0)),0)</f>
        <v>0</v>
      </c>
      <c r="I7730">
        <f t="shared" si="860"/>
        <v>0.27108985891821685</v>
      </c>
      <c r="J7730">
        <f t="shared" si="861"/>
        <v>0.90363286306072299</v>
      </c>
      <c r="K7730">
        <f t="shared" si="862"/>
        <v>1.3554492945910845</v>
      </c>
      <c r="L7730">
        <f t="shared" si="863"/>
        <v>13.106869281244927</v>
      </c>
      <c r="M7730">
        <f t="shared" si="864"/>
        <v>0</v>
      </c>
      <c r="N7730" s="46">
        <f t="shared" si="865"/>
        <v>45612.666666648001</v>
      </c>
    </row>
    <row r="7731" spans="2:14" x14ac:dyDescent="0.3">
      <c r="B7731">
        <f t="shared" si="859"/>
        <v>6</v>
      </c>
      <c r="C7731" s="16">
        <v>7697</v>
      </c>
      <c r="D7731" cm="1">
        <f t="array" ref="D7731">IFERROR(INDEX(Jesper!AH$2:AH$366,ROUNDDOWN($C7731/24,0)+1,1)*INDEX($D$3:$AA$30,INDEX(Jesper!$R$2:$R$366,ROW(INDEX(Jesper!AH$2:AH$366,ROUNDDOWN($C7731/24,0)+1,1))-1)+IF('Standard Profiles'!$G$18=$B$10,7,0)+IF('Standard Profiles'!$G$18=$B$17,14,0)+IF('Standard Profiles'!$G$18=$B$24,21,0),MOD($C7731,24)+1)/SUM(INDEX($D$3:$AA$30,INDEX(Jesper!$R$2:$R$366,ROW(INDEX(Jesper!AH$2:AH$366,ROUNDDOWN($C7731/24,0)+1,1))-1)+IF('Standard Profiles'!$G$18=$B$10,7,0)+IF('Standard Profiles'!$G$18=$B$17,14,0)+IF('Standard Profiles'!$G$18=$B$24,21,0),0)),0)</f>
        <v>11.36514947744047</v>
      </c>
      <c r="E7731" cm="1">
        <f t="array" ref="E7731">IFERROR(INDEX(Jesper!AI$2:AI$366,ROUNDDOWN($C7731/24,0)+1,1)*INDEX($D$3:$AA$30,INDEX(Jesper!$R$2:$R$366,ROW(INDEX(Jesper!AI$2:AI$366,ROUNDDOWN($C7731/24,0)+1,1))-1)+IF('Standard Profiles'!$G$19=$B$10,7,0)+IF('Standard Profiles'!$G$19=$B$17,14,0)+IF('Standard Profiles'!$G$19=$B$24,21,0),MOD($C7731,24)+1)/SUM(INDEX($D$3:$AA$30,INDEX(Jesper!$R$2:$R$366,ROW(INDEX(Jesper!AI$2:AI$366,ROUNDDOWN($C7731/24,0)+1,1))-1)+IF('Standard Profiles'!$G$19=$B$10,7,0)+IF('Standard Profiles'!$G$19=$B$17,14,0)+IF('Standard Profiles'!$G$19=$B$24,21,0),0)),0)</f>
        <v>2.7081876905929856</v>
      </c>
      <c r="F7731" cm="1">
        <f t="array" ref="F7731">IFERROR(INDEX(Jesper!AJ$2:AJ$366,ROUNDDOWN($C7731/24,0)+1,1)*INDEX($D$3:$AA$30,INDEX(Jesper!$R$2:$R$366,ROW(INDEX(Jesper!AJ$2:AJ$366,ROUNDDOWN($C7731/24,0)+1,1))-1)+IF('Standard Profiles'!$G$20=$B$10,7,0)+IF('Standard Profiles'!$G$20=$B$17,14,0)+IF('Standard Profiles'!$G$20=$B$24,21,0),MOD($C7731,24)+1)/SUM(INDEX($D$3:$AA$30,INDEX(Jesper!$R$2:$R$366,ROW(INDEX(Jesper!AJ$2:AJ$366,ROUNDDOWN($C7731/24,0)+1,1))-1)+IF('Standard Profiles'!$G$20=$B$10,7,0)+IF('Standard Profiles'!$G$20=$B$17,14,0)+IF('Standard Profiles'!$G$20=$B$24,21,0),0)),0)</f>
        <v>0</v>
      </c>
      <c r="G7731" cm="1">
        <f t="array" ref="G7731">IFERROR(INDEX(Jesper!AK$2:AK$366,ROUNDDOWN($C7731/24,0)+1,1)*INDEX($D$3:$AA$30,INDEX(Jesper!$R$2:$R$366,ROW(INDEX(Jesper!AK$2:AK$366,ROUNDDOWN($C7731/24,0)+1,1))-1)+IF('Standard Profiles'!$G$21=$B$10,7,0)+IF('Standard Profiles'!$G$21=$B$17,14,0)+IF('Standard Profiles'!$G$21=$B$24,21,0),MOD($C7731,24)+1)/SUM(INDEX($D$3:$AA$30,INDEX(Jesper!$R$2:$R$366,ROW(INDEX(Jesper!AK$2:AK$366,ROUNDDOWN($C7731/24,0)+1,1))-1)+IF('Standard Profiles'!$G$21=$B$10,7,0)+IF('Standard Profiles'!$G$21=$B$17,14,0)+IF('Standard Profiles'!$G$21=$B$24,21,0),0)),0)</f>
        <v>0</v>
      </c>
      <c r="H7731" cm="1">
        <f t="array" ref="H7731">IFERROR(INDEX(Jesper!AL$2:AL$366,ROUNDDOWN($C7731/24,0)+1,1)*INDEX($D$3:$AA$30,INDEX(Jesper!$R$2:$R$366,ROW(INDEX(Jesper!AL$2:AL$366,ROUNDDOWN($C7731/24,0)+1,1))-1)+IF('Standard Profiles'!$G$22=$B$10,7,0)+IF('Standard Profiles'!$G$22=$B$17,14,0)+IF('Standard Profiles'!$G$22=$B$24,21,0),MOD($C7731,24)+1)/SUM(INDEX($D$3:$AA$30,INDEX(Jesper!$R$2:$R$366,ROW(INDEX(Jesper!AL$2:AL$366,ROUNDDOWN($C7731/24,0)+1,1))-1)+IF('Standard Profiles'!$G$22=$B$10,7,0)+IF('Standard Profiles'!$G$22=$B$17,14,0)+IF('Standard Profiles'!$G$22=$B$24,21,0),0)),0)</f>
        <v>0</v>
      </c>
      <c r="I7731">
        <f t="shared" si="860"/>
        <v>0.24398087302639515</v>
      </c>
      <c r="J7731">
        <f t="shared" si="861"/>
        <v>0.81326957675465061</v>
      </c>
      <c r="K7731">
        <f t="shared" si="862"/>
        <v>1.2199043651319759</v>
      </c>
      <c r="L7731">
        <f t="shared" si="863"/>
        <v>11.796182353120434</v>
      </c>
      <c r="M7731">
        <f t="shared" si="864"/>
        <v>0</v>
      </c>
      <c r="N7731" s="46">
        <f t="shared" si="865"/>
        <v>45612.708333314666</v>
      </c>
    </row>
    <row r="7732" spans="2:14" x14ac:dyDescent="0.3">
      <c r="B7732">
        <f t="shared" si="859"/>
        <v>6</v>
      </c>
      <c r="C7732" s="16">
        <v>7698</v>
      </c>
      <c r="D7732" cm="1">
        <f t="array" ref="D7732">IFERROR(INDEX(Jesper!AH$2:AH$366,ROUNDDOWN($C7732/24,0)+1,1)*INDEX($D$3:$AA$30,INDEX(Jesper!$R$2:$R$366,ROW(INDEX(Jesper!AH$2:AH$366,ROUNDDOWN($C7732/24,0)+1,1))-1)+IF('Standard Profiles'!$G$18=$B$10,7,0)+IF('Standard Profiles'!$G$18=$B$17,14,0)+IF('Standard Profiles'!$G$18=$B$24,21,0),MOD($C7732,24)+1)/SUM(INDEX($D$3:$AA$30,INDEX(Jesper!$R$2:$R$366,ROW(INDEX(Jesper!AH$2:AH$366,ROUNDDOWN($C7732/24,0)+1,1))-1)+IF('Standard Profiles'!$G$18=$B$10,7,0)+IF('Standard Profiles'!$G$18=$B$17,14,0)+IF('Standard Profiles'!$G$18=$B$24,21,0),0)),0)</f>
        <v>10.944218015313044</v>
      </c>
      <c r="E7732" cm="1">
        <f t="array" ref="E7732">IFERROR(INDEX(Jesper!AI$2:AI$366,ROUNDDOWN($C7732/24,0)+1,1)*INDEX($D$3:$AA$30,INDEX(Jesper!$R$2:$R$366,ROW(INDEX(Jesper!AI$2:AI$366,ROUNDDOWN($C7732/24,0)+1,1))-1)+IF('Standard Profiles'!$G$19=$B$10,7,0)+IF('Standard Profiles'!$G$19=$B$17,14,0)+IF('Standard Profiles'!$G$19=$B$24,21,0),MOD($C7732,24)+1)/SUM(INDEX($D$3:$AA$30,INDEX(Jesper!$R$2:$R$366,ROW(INDEX(Jesper!AI$2:AI$366,ROUNDDOWN($C7732/24,0)+1,1))-1)+IF('Standard Profiles'!$G$19=$B$10,7,0)+IF('Standard Profiles'!$G$19=$B$17,14,0)+IF('Standard Profiles'!$G$19=$B$24,21,0),0)),0)</f>
        <v>2.6078844427932451</v>
      </c>
      <c r="F7732" cm="1">
        <f t="array" ref="F7732">IFERROR(INDEX(Jesper!AJ$2:AJ$366,ROUNDDOWN($C7732/24,0)+1,1)*INDEX($D$3:$AA$30,INDEX(Jesper!$R$2:$R$366,ROW(INDEX(Jesper!AJ$2:AJ$366,ROUNDDOWN($C7732/24,0)+1,1))-1)+IF('Standard Profiles'!$G$20=$B$10,7,0)+IF('Standard Profiles'!$G$20=$B$17,14,0)+IF('Standard Profiles'!$G$20=$B$24,21,0),MOD($C7732,24)+1)/SUM(INDEX($D$3:$AA$30,INDEX(Jesper!$R$2:$R$366,ROW(INDEX(Jesper!AJ$2:AJ$366,ROUNDDOWN($C7732/24,0)+1,1))-1)+IF('Standard Profiles'!$G$20=$B$10,7,0)+IF('Standard Profiles'!$G$20=$B$17,14,0)+IF('Standard Profiles'!$G$20=$B$24,21,0),0)),0)</f>
        <v>0</v>
      </c>
      <c r="G7732" cm="1">
        <f t="array" ref="G7732">IFERROR(INDEX(Jesper!AK$2:AK$366,ROUNDDOWN($C7732/24,0)+1,1)*INDEX($D$3:$AA$30,INDEX(Jesper!$R$2:$R$366,ROW(INDEX(Jesper!AK$2:AK$366,ROUNDDOWN($C7732/24,0)+1,1))-1)+IF('Standard Profiles'!$G$21=$B$10,7,0)+IF('Standard Profiles'!$G$21=$B$17,14,0)+IF('Standard Profiles'!$G$21=$B$24,21,0),MOD($C7732,24)+1)/SUM(INDEX($D$3:$AA$30,INDEX(Jesper!$R$2:$R$366,ROW(INDEX(Jesper!AK$2:AK$366,ROUNDDOWN($C7732/24,0)+1,1))-1)+IF('Standard Profiles'!$G$21=$B$10,7,0)+IF('Standard Profiles'!$G$21=$B$17,14,0)+IF('Standard Profiles'!$G$21=$B$24,21,0),0)),0)</f>
        <v>0</v>
      </c>
      <c r="H7732" cm="1">
        <f t="array" ref="H7732">IFERROR(INDEX(Jesper!AL$2:AL$366,ROUNDDOWN($C7732/24,0)+1,1)*INDEX($D$3:$AA$30,INDEX(Jesper!$R$2:$R$366,ROW(INDEX(Jesper!AL$2:AL$366,ROUNDDOWN($C7732/24,0)+1,1))-1)+IF('Standard Profiles'!$G$22=$B$10,7,0)+IF('Standard Profiles'!$G$22=$B$17,14,0)+IF('Standard Profiles'!$G$22=$B$24,21,0),MOD($C7732,24)+1)/SUM(INDEX($D$3:$AA$30,INDEX(Jesper!$R$2:$R$366,ROW(INDEX(Jesper!AL$2:AL$366,ROUNDDOWN($C7732/24,0)+1,1))-1)+IF('Standard Profiles'!$G$22=$B$10,7,0)+IF('Standard Profiles'!$G$22=$B$17,14,0)+IF('Standard Profiles'!$G$22=$B$24,21,0),0)),0)</f>
        <v>0</v>
      </c>
      <c r="I7732">
        <f t="shared" si="860"/>
        <v>0.23494454439578791</v>
      </c>
      <c r="J7732">
        <f t="shared" si="861"/>
        <v>0.78314848131929315</v>
      </c>
      <c r="K7732">
        <f t="shared" si="862"/>
        <v>1.1747227219789396</v>
      </c>
      <c r="L7732">
        <f t="shared" si="863"/>
        <v>11.359286710412269</v>
      </c>
      <c r="M7732">
        <f t="shared" si="864"/>
        <v>0</v>
      </c>
      <c r="N7732" s="46">
        <f t="shared" si="865"/>
        <v>45612.74999998133</v>
      </c>
    </row>
    <row r="7733" spans="2:14" x14ac:dyDescent="0.3">
      <c r="B7733">
        <f t="shared" si="859"/>
        <v>6</v>
      </c>
      <c r="C7733" s="16">
        <v>7699</v>
      </c>
      <c r="D7733" cm="1">
        <f t="array" ref="D7733">IFERROR(INDEX(Jesper!AH$2:AH$366,ROUNDDOWN($C7733/24,0)+1,1)*INDEX($D$3:$AA$30,INDEX(Jesper!$R$2:$R$366,ROW(INDEX(Jesper!AH$2:AH$366,ROUNDDOWN($C7733/24,0)+1,1))-1)+IF('Standard Profiles'!$G$18=$B$10,7,0)+IF('Standard Profiles'!$G$18=$B$17,14,0)+IF('Standard Profiles'!$G$18=$B$24,21,0),MOD($C7733,24)+1)/SUM(INDEX($D$3:$AA$30,INDEX(Jesper!$R$2:$R$366,ROW(INDEX(Jesper!AH$2:AH$366,ROUNDDOWN($C7733/24,0)+1,1))-1)+IF('Standard Profiles'!$G$18=$B$10,7,0)+IF('Standard Profiles'!$G$18=$B$17,14,0)+IF('Standard Profiles'!$G$18=$B$24,21,0),0)),0)</f>
        <v>8.8395607046759199</v>
      </c>
      <c r="E7733" cm="1">
        <f t="array" ref="E7733">IFERROR(INDEX(Jesper!AI$2:AI$366,ROUNDDOWN($C7733/24,0)+1,1)*INDEX($D$3:$AA$30,INDEX(Jesper!$R$2:$R$366,ROW(INDEX(Jesper!AI$2:AI$366,ROUNDDOWN($C7733/24,0)+1,1))-1)+IF('Standard Profiles'!$G$19=$B$10,7,0)+IF('Standard Profiles'!$G$19=$B$17,14,0)+IF('Standard Profiles'!$G$19=$B$24,21,0),MOD($C7733,24)+1)/SUM(INDEX($D$3:$AA$30,INDEX(Jesper!$R$2:$R$366,ROW(INDEX(Jesper!AI$2:AI$366,ROUNDDOWN($C7733/24,0)+1,1))-1)+IF('Standard Profiles'!$G$19=$B$10,7,0)+IF('Standard Profiles'!$G$19=$B$17,14,0)+IF('Standard Profiles'!$G$19=$B$24,21,0),0)),0)</f>
        <v>2.1063682037945441</v>
      </c>
      <c r="F7733" cm="1">
        <f t="array" ref="F7733">IFERROR(INDEX(Jesper!AJ$2:AJ$366,ROUNDDOWN($C7733/24,0)+1,1)*INDEX($D$3:$AA$30,INDEX(Jesper!$R$2:$R$366,ROW(INDEX(Jesper!AJ$2:AJ$366,ROUNDDOWN($C7733/24,0)+1,1))-1)+IF('Standard Profiles'!$G$20=$B$10,7,0)+IF('Standard Profiles'!$G$20=$B$17,14,0)+IF('Standard Profiles'!$G$20=$B$24,21,0),MOD($C7733,24)+1)/SUM(INDEX($D$3:$AA$30,INDEX(Jesper!$R$2:$R$366,ROW(INDEX(Jesper!AJ$2:AJ$366,ROUNDDOWN($C7733/24,0)+1,1))-1)+IF('Standard Profiles'!$G$20=$B$10,7,0)+IF('Standard Profiles'!$G$20=$B$17,14,0)+IF('Standard Profiles'!$G$20=$B$24,21,0),0)),0)</f>
        <v>0</v>
      </c>
      <c r="G7733" cm="1">
        <f t="array" ref="G7733">IFERROR(INDEX(Jesper!AK$2:AK$366,ROUNDDOWN($C7733/24,0)+1,1)*INDEX($D$3:$AA$30,INDEX(Jesper!$R$2:$R$366,ROW(INDEX(Jesper!AK$2:AK$366,ROUNDDOWN($C7733/24,0)+1,1))-1)+IF('Standard Profiles'!$G$21=$B$10,7,0)+IF('Standard Profiles'!$G$21=$B$17,14,0)+IF('Standard Profiles'!$G$21=$B$24,21,0),MOD($C7733,24)+1)/SUM(INDEX($D$3:$AA$30,INDEX(Jesper!$R$2:$R$366,ROW(INDEX(Jesper!AK$2:AK$366,ROUNDDOWN($C7733/24,0)+1,1))-1)+IF('Standard Profiles'!$G$21=$B$10,7,0)+IF('Standard Profiles'!$G$21=$B$17,14,0)+IF('Standard Profiles'!$G$21=$B$24,21,0),0)),0)</f>
        <v>0</v>
      </c>
      <c r="H7733" cm="1">
        <f t="array" ref="H7733">IFERROR(INDEX(Jesper!AL$2:AL$366,ROUNDDOWN($C7733/24,0)+1,1)*INDEX($D$3:$AA$30,INDEX(Jesper!$R$2:$R$366,ROW(INDEX(Jesper!AL$2:AL$366,ROUNDDOWN($C7733/24,0)+1,1))-1)+IF('Standard Profiles'!$G$22=$B$10,7,0)+IF('Standard Profiles'!$G$22=$B$17,14,0)+IF('Standard Profiles'!$G$22=$B$24,21,0),MOD($C7733,24)+1)/SUM(INDEX($D$3:$AA$30,INDEX(Jesper!$R$2:$R$366,ROW(INDEX(Jesper!AL$2:AL$366,ROUNDDOWN($C7733/24,0)+1,1))-1)+IF('Standard Profiles'!$G$22=$B$10,7,0)+IF('Standard Profiles'!$G$22=$B$17,14,0)+IF('Standard Profiles'!$G$22=$B$24,21,0),0)),0)</f>
        <v>0</v>
      </c>
      <c r="I7733">
        <f t="shared" si="860"/>
        <v>0.18976290124275177</v>
      </c>
      <c r="J7733">
        <f t="shared" si="861"/>
        <v>0.63254300414250597</v>
      </c>
      <c r="K7733">
        <f t="shared" si="862"/>
        <v>0.94881450621375896</v>
      </c>
      <c r="L7733">
        <f t="shared" si="863"/>
        <v>9.1748084968714476</v>
      </c>
      <c r="M7733">
        <f t="shared" si="864"/>
        <v>0</v>
      </c>
      <c r="N7733" s="46">
        <f t="shared" si="865"/>
        <v>45612.791666647994</v>
      </c>
    </row>
    <row r="7734" spans="2:14" x14ac:dyDescent="0.3">
      <c r="B7734">
        <f t="shared" si="859"/>
        <v>6</v>
      </c>
      <c r="C7734" s="16">
        <v>7700</v>
      </c>
      <c r="D7734" cm="1">
        <f t="array" ref="D7734">IFERROR(INDEX(Jesper!AH$2:AH$366,ROUNDDOWN($C7734/24,0)+1,1)*INDEX($D$3:$AA$30,INDEX(Jesper!$R$2:$R$366,ROW(INDEX(Jesper!AH$2:AH$366,ROUNDDOWN($C7734/24,0)+1,1))-1)+IF('Standard Profiles'!$G$18=$B$10,7,0)+IF('Standard Profiles'!$G$18=$B$17,14,0)+IF('Standard Profiles'!$G$18=$B$24,21,0),MOD($C7734,24)+1)/SUM(INDEX($D$3:$AA$30,INDEX(Jesper!$R$2:$R$366,ROW(INDEX(Jesper!AH$2:AH$366,ROUNDDOWN($C7734/24,0)+1,1))-1)+IF('Standard Profiles'!$G$18=$B$10,7,0)+IF('Standard Profiles'!$G$18=$B$17,14,0)+IF('Standard Profiles'!$G$18=$B$24,21,0),0)),0)</f>
        <v>6.5244376629750844</v>
      </c>
      <c r="E7734" cm="1">
        <f t="array" ref="E7734">IFERROR(INDEX(Jesper!AI$2:AI$366,ROUNDDOWN($C7734/24,0)+1,1)*INDEX($D$3:$AA$30,INDEX(Jesper!$R$2:$R$366,ROW(INDEX(Jesper!AI$2:AI$366,ROUNDDOWN($C7734/24,0)+1,1))-1)+IF('Standard Profiles'!$G$19=$B$10,7,0)+IF('Standard Profiles'!$G$19=$B$17,14,0)+IF('Standard Profiles'!$G$19=$B$24,21,0),MOD($C7734,24)+1)/SUM(INDEX($D$3:$AA$30,INDEX(Jesper!$R$2:$R$366,ROW(INDEX(Jesper!AI$2:AI$366,ROUNDDOWN($C7734/24,0)+1,1))-1)+IF('Standard Profiles'!$G$19=$B$10,7,0)+IF('Standard Profiles'!$G$19=$B$17,14,0)+IF('Standard Profiles'!$G$19=$B$24,21,0),0)),0)</f>
        <v>1.554700340895973</v>
      </c>
      <c r="F7734" cm="1">
        <f t="array" ref="F7734">IFERROR(INDEX(Jesper!AJ$2:AJ$366,ROUNDDOWN($C7734/24,0)+1,1)*INDEX($D$3:$AA$30,INDEX(Jesper!$R$2:$R$366,ROW(INDEX(Jesper!AJ$2:AJ$366,ROUNDDOWN($C7734/24,0)+1,1))-1)+IF('Standard Profiles'!$G$20=$B$10,7,0)+IF('Standard Profiles'!$G$20=$B$17,14,0)+IF('Standard Profiles'!$G$20=$B$24,21,0),MOD($C7734,24)+1)/SUM(INDEX($D$3:$AA$30,INDEX(Jesper!$R$2:$R$366,ROW(INDEX(Jesper!AJ$2:AJ$366,ROUNDDOWN($C7734/24,0)+1,1))-1)+IF('Standard Profiles'!$G$20=$B$10,7,0)+IF('Standard Profiles'!$G$20=$B$17,14,0)+IF('Standard Profiles'!$G$20=$B$24,21,0),0)),0)</f>
        <v>0</v>
      </c>
      <c r="G7734" cm="1">
        <f t="array" ref="G7734">IFERROR(INDEX(Jesper!AK$2:AK$366,ROUNDDOWN($C7734/24,0)+1,1)*INDEX($D$3:$AA$30,INDEX(Jesper!$R$2:$R$366,ROW(INDEX(Jesper!AK$2:AK$366,ROUNDDOWN($C7734/24,0)+1,1))-1)+IF('Standard Profiles'!$G$21=$B$10,7,0)+IF('Standard Profiles'!$G$21=$B$17,14,0)+IF('Standard Profiles'!$G$21=$B$24,21,0),MOD($C7734,24)+1)/SUM(INDEX($D$3:$AA$30,INDEX(Jesper!$R$2:$R$366,ROW(INDEX(Jesper!AK$2:AK$366,ROUNDDOWN($C7734/24,0)+1,1))-1)+IF('Standard Profiles'!$G$21=$B$10,7,0)+IF('Standard Profiles'!$G$21=$B$17,14,0)+IF('Standard Profiles'!$G$21=$B$24,21,0),0)),0)</f>
        <v>0</v>
      </c>
      <c r="H7734" cm="1">
        <f t="array" ref="H7734">IFERROR(INDEX(Jesper!AL$2:AL$366,ROUNDDOWN($C7734/24,0)+1,1)*INDEX($D$3:$AA$30,INDEX(Jesper!$R$2:$R$366,ROW(INDEX(Jesper!AL$2:AL$366,ROUNDDOWN($C7734/24,0)+1,1))-1)+IF('Standard Profiles'!$G$22=$B$10,7,0)+IF('Standard Profiles'!$G$22=$B$17,14,0)+IF('Standard Profiles'!$G$22=$B$24,21,0),MOD($C7734,24)+1)/SUM(INDEX($D$3:$AA$30,INDEX(Jesper!$R$2:$R$366,ROW(INDEX(Jesper!AL$2:AL$366,ROUNDDOWN($C7734/24,0)+1,1))-1)+IF('Standard Profiles'!$G$22=$B$10,7,0)+IF('Standard Profiles'!$G$22=$B$17,14,0)+IF('Standard Profiles'!$G$22=$B$24,21,0),0)),0)</f>
        <v>0</v>
      </c>
      <c r="I7734">
        <f t="shared" si="860"/>
        <v>0.14006309377441201</v>
      </c>
      <c r="J7734">
        <f t="shared" si="861"/>
        <v>0.46687697924804011</v>
      </c>
      <c r="K7734">
        <f t="shared" si="862"/>
        <v>0.7003154688720602</v>
      </c>
      <c r="L7734">
        <f t="shared" si="863"/>
        <v>6.7718824619765456</v>
      </c>
      <c r="M7734">
        <f t="shared" si="864"/>
        <v>0</v>
      </c>
      <c r="N7734" s="46">
        <f t="shared" si="865"/>
        <v>45612.833333314658</v>
      </c>
    </row>
    <row r="7735" spans="2:14" x14ac:dyDescent="0.3">
      <c r="B7735">
        <f t="shared" si="859"/>
        <v>6</v>
      </c>
      <c r="C7735" s="16">
        <v>7701</v>
      </c>
      <c r="D7735" cm="1">
        <f t="array" ref="D7735">IFERROR(INDEX(Jesper!AH$2:AH$366,ROUNDDOWN($C7735/24,0)+1,1)*INDEX($D$3:$AA$30,INDEX(Jesper!$R$2:$R$366,ROW(INDEX(Jesper!AH$2:AH$366,ROUNDDOWN($C7735/24,0)+1,1))-1)+IF('Standard Profiles'!$G$18=$B$10,7,0)+IF('Standard Profiles'!$G$18=$B$17,14,0)+IF('Standard Profiles'!$G$18=$B$24,21,0),MOD($C7735,24)+1)/SUM(INDEX($D$3:$AA$30,INDEX(Jesper!$R$2:$R$366,ROW(INDEX(Jesper!AH$2:AH$366,ROUNDDOWN($C7735/24,0)+1,1))-1)+IF('Standard Profiles'!$G$18=$B$10,7,0)+IF('Standard Profiles'!$G$18=$B$17,14,0)+IF('Standard Profiles'!$G$18=$B$24,21,0),0)),0)</f>
        <v>6.5244376629750844</v>
      </c>
      <c r="E7735" cm="1">
        <f t="array" ref="E7735">IFERROR(INDEX(Jesper!AI$2:AI$366,ROUNDDOWN($C7735/24,0)+1,1)*INDEX($D$3:$AA$30,INDEX(Jesper!$R$2:$R$366,ROW(INDEX(Jesper!AI$2:AI$366,ROUNDDOWN($C7735/24,0)+1,1))-1)+IF('Standard Profiles'!$G$19=$B$10,7,0)+IF('Standard Profiles'!$G$19=$B$17,14,0)+IF('Standard Profiles'!$G$19=$B$24,21,0),MOD($C7735,24)+1)/SUM(INDEX($D$3:$AA$30,INDEX(Jesper!$R$2:$R$366,ROW(INDEX(Jesper!AI$2:AI$366,ROUNDDOWN($C7735/24,0)+1,1))-1)+IF('Standard Profiles'!$G$19=$B$10,7,0)+IF('Standard Profiles'!$G$19=$B$17,14,0)+IF('Standard Profiles'!$G$19=$B$24,21,0),0)),0)</f>
        <v>1.554700340895973</v>
      </c>
      <c r="F7735" cm="1">
        <f t="array" ref="F7735">IFERROR(INDEX(Jesper!AJ$2:AJ$366,ROUNDDOWN($C7735/24,0)+1,1)*INDEX($D$3:$AA$30,INDEX(Jesper!$R$2:$R$366,ROW(INDEX(Jesper!AJ$2:AJ$366,ROUNDDOWN($C7735/24,0)+1,1))-1)+IF('Standard Profiles'!$G$20=$B$10,7,0)+IF('Standard Profiles'!$G$20=$B$17,14,0)+IF('Standard Profiles'!$G$20=$B$24,21,0),MOD($C7735,24)+1)/SUM(INDEX($D$3:$AA$30,INDEX(Jesper!$R$2:$R$366,ROW(INDEX(Jesper!AJ$2:AJ$366,ROUNDDOWN($C7735/24,0)+1,1))-1)+IF('Standard Profiles'!$G$20=$B$10,7,0)+IF('Standard Profiles'!$G$20=$B$17,14,0)+IF('Standard Profiles'!$G$20=$B$24,21,0),0)),0)</f>
        <v>0</v>
      </c>
      <c r="G7735" cm="1">
        <f t="array" ref="G7735">IFERROR(INDEX(Jesper!AK$2:AK$366,ROUNDDOWN($C7735/24,0)+1,1)*INDEX($D$3:$AA$30,INDEX(Jesper!$R$2:$R$366,ROW(INDEX(Jesper!AK$2:AK$366,ROUNDDOWN($C7735/24,0)+1,1))-1)+IF('Standard Profiles'!$G$21=$B$10,7,0)+IF('Standard Profiles'!$G$21=$B$17,14,0)+IF('Standard Profiles'!$G$21=$B$24,21,0),MOD($C7735,24)+1)/SUM(INDEX($D$3:$AA$30,INDEX(Jesper!$R$2:$R$366,ROW(INDEX(Jesper!AK$2:AK$366,ROUNDDOWN($C7735/24,0)+1,1))-1)+IF('Standard Profiles'!$G$21=$B$10,7,0)+IF('Standard Profiles'!$G$21=$B$17,14,0)+IF('Standard Profiles'!$G$21=$B$24,21,0),0)),0)</f>
        <v>0</v>
      </c>
      <c r="H7735" cm="1">
        <f t="array" ref="H7735">IFERROR(INDEX(Jesper!AL$2:AL$366,ROUNDDOWN($C7735/24,0)+1,1)*INDEX($D$3:$AA$30,INDEX(Jesper!$R$2:$R$366,ROW(INDEX(Jesper!AL$2:AL$366,ROUNDDOWN($C7735/24,0)+1,1))-1)+IF('Standard Profiles'!$G$22=$B$10,7,0)+IF('Standard Profiles'!$G$22=$B$17,14,0)+IF('Standard Profiles'!$G$22=$B$24,21,0),MOD($C7735,24)+1)/SUM(INDEX($D$3:$AA$30,INDEX(Jesper!$R$2:$R$366,ROW(INDEX(Jesper!AL$2:AL$366,ROUNDDOWN($C7735/24,0)+1,1))-1)+IF('Standard Profiles'!$G$22=$B$10,7,0)+IF('Standard Profiles'!$G$22=$B$17,14,0)+IF('Standard Profiles'!$G$22=$B$24,21,0),0)),0)</f>
        <v>0</v>
      </c>
      <c r="I7735">
        <f t="shared" si="860"/>
        <v>0.14006309377441201</v>
      </c>
      <c r="J7735">
        <f t="shared" si="861"/>
        <v>0.46687697924804011</v>
      </c>
      <c r="K7735">
        <f t="shared" si="862"/>
        <v>0.7003154688720602</v>
      </c>
      <c r="L7735">
        <f t="shared" si="863"/>
        <v>6.7718824619765456</v>
      </c>
      <c r="M7735">
        <f t="shared" si="864"/>
        <v>0</v>
      </c>
      <c r="N7735" s="46">
        <f t="shared" si="865"/>
        <v>45612.874999981323</v>
      </c>
    </row>
    <row r="7736" spans="2:14" x14ac:dyDescent="0.3">
      <c r="B7736">
        <f t="shared" si="859"/>
        <v>6</v>
      </c>
      <c r="C7736" s="16">
        <v>7702</v>
      </c>
      <c r="D7736" cm="1">
        <f t="array" ref="D7736">IFERROR(INDEX(Jesper!AH$2:AH$366,ROUNDDOWN($C7736/24,0)+1,1)*INDEX($D$3:$AA$30,INDEX(Jesper!$R$2:$R$366,ROW(INDEX(Jesper!AH$2:AH$366,ROUNDDOWN($C7736/24,0)+1,1))-1)+IF('Standard Profiles'!$G$18=$B$10,7,0)+IF('Standard Profiles'!$G$18=$B$17,14,0)+IF('Standard Profiles'!$G$18=$B$24,21,0),MOD($C7736,24)+1)/SUM(INDEX($D$3:$AA$30,INDEX(Jesper!$R$2:$R$366,ROW(INDEX(Jesper!AH$2:AH$366,ROUNDDOWN($C7736/24,0)+1,1))-1)+IF('Standard Profiles'!$G$18=$B$10,7,0)+IF('Standard Profiles'!$G$18=$B$17,14,0)+IF('Standard Profiles'!$G$18=$B$24,21,0),0)),0)</f>
        <v>6.5244376629750844</v>
      </c>
      <c r="E7736" cm="1">
        <f t="array" ref="E7736">IFERROR(INDEX(Jesper!AI$2:AI$366,ROUNDDOWN($C7736/24,0)+1,1)*INDEX($D$3:$AA$30,INDEX(Jesper!$R$2:$R$366,ROW(INDEX(Jesper!AI$2:AI$366,ROUNDDOWN($C7736/24,0)+1,1))-1)+IF('Standard Profiles'!$G$19=$B$10,7,0)+IF('Standard Profiles'!$G$19=$B$17,14,0)+IF('Standard Profiles'!$G$19=$B$24,21,0),MOD($C7736,24)+1)/SUM(INDEX($D$3:$AA$30,INDEX(Jesper!$R$2:$R$366,ROW(INDEX(Jesper!AI$2:AI$366,ROUNDDOWN($C7736/24,0)+1,1))-1)+IF('Standard Profiles'!$G$19=$B$10,7,0)+IF('Standard Profiles'!$G$19=$B$17,14,0)+IF('Standard Profiles'!$G$19=$B$24,21,0),0)),0)</f>
        <v>1.554700340895973</v>
      </c>
      <c r="F7736" cm="1">
        <f t="array" ref="F7736">IFERROR(INDEX(Jesper!AJ$2:AJ$366,ROUNDDOWN($C7736/24,0)+1,1)*INDEX($D$3:$AA$30,INDEX(Jesper!$R$2:$R$366,ROW(INDEX(Jesper!AJ$2:AJ$366,ROUNDDOWN($C7736/24,0)+1,1))-1)+IF('Standard Profiles'!$G$20=$B$10,7,0)+IF('Standard Profiles'!$G$20=$B$17,14,0)+IF('Standard Profiles'!$G$20=$B$24,21,0),MOD($C7736,24)+1)/SUM(INDEX($D$3:$AA$30,INDEX(Jesper!$R$2:$R$366,ROW(INDEX(Jesper!AJ$2:AJ$366,ROUNDDOWN($C7736/24,0)+1,1))-1)+IF('Standard Profiles'!$G$20=$B$10,7,0)+IF('Standard Profiles'!$G$20=$B$17,14,0)+IF('Standard Profiles'!$G$20=$B$24,21,0),0)),0)</f>
        <v>0</v>
      </c>
      <c r="G7736" cm="1">
        <f t="array" ref="G7736">IFERROR(INDEX(Jesper!AK$2:AK$366,ROUNDDOWN($C7736/24,0)+1,1)*INDEX($D$3:$AA$30,INDEX(Jesper!$R$2:$R$366,ROW(INDEX(Jesper!AK$2:AK$366,ROUNDDOWN($C7736/24,0)+1,1))-1)+IF('Standard Profiles'!$G$21=$B$10,7,0)+IF('Standard Profiles'!$G$21=$B$17,14,0)+IF('Standard Profiles'!$G$21=$B$24,21,0),MOD($C7736,24)+1)/SUM(INDEX($D$3:$AA$30,INDEX(Jesper!$R$2:$R$366,ROW(INDEX(Jesper!AK$2:AK$366,ROUNDDOWN($C7736/24,0)+1,1))-1)+IF('Standard Profiles'!$G$21=$B$10,7,0)+IF('Standard Profiles'!$G$21=$B$17,14,0)+IF('Standard Profiles'!$G$21=$B$24,21,0),0)),0)</f>
        <v>0</v>
      </c>
      <c r="H7736" cm="1">
        <f t="array" ref="H7736">IFERROR(INDEX(Jesper!AL$2:AL$366,ROUNDDOWN($C7736/24,0)+1,1)*INDEX($D$3:$AA$30,INDEX(Jesper!$R$2:$R$366,ROW(INDEX(Jesper!AL$2:AL$366,ROUNDDOWN($C7736/24,0)+1,1))-1)+IF('Standard Profiles'!$G$22=$B$10,7,0)+IF('Standard Profiles'!$G$22=$B$17,14,0)+IF('Standard Profiles'!$G$22=$B$24,21,0),MOD($C7736,24)+1)/SUM(INDEX($D$3:$AA$30,INDEX(Jesper!$R$2:$R$366,ROW(INDEX(Jesper!AL$2:AL$366,ROUNDDOWN($C7736/24,0)+1,1))-1)+IF('Standard Profiles'!$G$22=$B$10,7,0)+IF('Standard Profiles'!$G$22=$B$17,14,0)+IF('Standard Profiles'!$G$22=$B$24,21,0),0)),0)</f>
        <v>0</v>
      </c>
      <c r="I7736">
        <f t="shared" si="860"/>
        <v>0.14006309377441201</v>
      </c>
      <c r="J7736">
        <f t="shared" si="861"/>
        <v>0.46687697924804011</v>
      </c>
      <c r="K7736">
        <f t="shared" si="862"/>
        <v>0.7003154688720602</v>
      </c>
      <c r="L7736">
        <f t="shared" si="863"/>
        <v>6.7718824619765456</v>
      </c>
      <c r="M7736">
        <f t="shared" si="864"/>
        <v>0</v>
      </c>
      <c r="N7736" s="46">
        <f t="shared" si="865"/>
        <v>45612.916666647987</v>
      </c>
    </row>
    <row r="7737" spans="2:14" x14ac:dyDescent="0.3">
      <c r="B7737">
        <f t="shared" si="859"/>
        <v>6</v>
      </c>
      <c r="C7737" s="16">
        <v>7703</v>
      </c>
      <c r="D7737" cm="1">
        <f t="array" ref="D7737">IFERROR(INDEX(Jesper!AH$2:AH$366,ROUNDDOWN($C7737/24,0)+1,1)*INDEX($D$3:$AA$30,INDEX(Jesper!$R$2:$R$366,ROW(INDEX(Jesper!AH$2:AH$366,ROUNDDOWN($C7737/24,0)+1,1))-1)+IF('Standard Profiles'!$G$18=$B$10,7,0)+IF('Standard Profiles'!$G$18=$B$17,14,0)+IF('Standard Profiles'!$G$18=$B$24,21,0),MOD($C7737,24)+1)/SUM(INDEX($D$3:$AA$30,INDEX(Jesper!$R$2:$R$366,ROW(INDEX(Jesper!AH$2:AH$366,ROUNDDOWN($C7737/24,0)+1,1))-1)+IF('Standard Profiles'!$G$18=$B$10,7,0)+IF('Standard Profiles'!$G$18=$B$17,14,0)+IF('Standard Profiles'!$G$18=$B$24,21,0),0)),0)</f>
        <v>6.5244376629750844</v>
      </c>
      <c r="E7737" cm="1">
        <f t="array" ref="E7737">IFERROR(INDEX(Jesper!AI$2:AI$366,ROUNDDOWN($C7737/24,0)+1,1)*INDEX($D$3:$AA$30,INDEX(Jesper!$R$2:$R$366,ROW(INDEX(Jesper!AI$2:AI$366,ROUNDDOWN($C7737/24,0)+1,1))-1)+IF('Standard Profiles'!$G$19=$B$10,7,0)+IF('Standard Profiles'!$G$19=$B$17,14,0)+IF('Standard Profiles'!$G$19=$B$24,21,0),MOD($C7737,24)+1)/SUM(INDEX($D$3:$AA$30,INDEX(Jesper!$R$2:$R$366,ROW(INDEX(Jesper!AI$2:AI$366,ROUNDDOWN($C7737/24,0)+1,1))-1)+IF('Standard Profiles'!$G$19=$B$10,7,0)+IF('Standard Profiles'!$G$19=$B$17,14,0)+IF('Standard Profiles'!$G$19=$B$24,21,0),0)),0)</f>
        <v>1.554700340895973</v>
      </c>
      <c r="F7737" cm="1">
        <f t="array" ref="F7737">IFERROR(INDEX(Jesper!AJ$2:AJ$366,ROUNDDOWN($C7737/24,0)+1,1)*INDEX($D$3:$AA$30,INDEX(Jesper!$R$2:$R$366,ROW(INDEX(Jesper!AJ$2:AJ$366,ROUNDDOWN($C7737/24,0)+1,1))-1)+IF('Standard Profiles'!$G$20=$B$10,7,0)+IF('Standard Profiles'!$G$20=$B$17,14,0)+IF('Standard Profiles'!$G$20=$B$24,21,0),MOD($C7737,24)+1)/SUM(INDEX($D$3:$AA$30,INDEX(Jesper!$R$2:$R$366,ROW(INDEX(Jesper!AJ$2:AJ$366,ROUNDDOWN($C7737/24,0)+1,1))-1)+IF('Standard Profiles'!$G$20=$B$10,7,0)+IF('Standard Profiles'!$G$20=$B$17,14,0)+IF('Standard Profiles'!$G$20=$B$24,21,0),0)),0)</f>
        <v>0</v>
      </c>
      <c r="G7737" cm="1">
        <f t="array" ref="G7737">IFERROR(INDEX(Jesper!AK$2:AK$366,ROUNDDOWN($C7737/24,0)+1,1)*INDEX($D$3:$AA$30,INDEX(Jesper!$R$2:$R$366,ROW(INDEX(Jesper!AK$2:AK$366,ROUNDDOWN($C7737/24,0)+1,1))-1)+IF('Standard Profiles'!$G$21=$B$10,7,0)+IF('Standard Profiles'!$G$21=$B$17,14,0)+IF('Standard Profiles'!$G$21=$B$24,21,0),MOD($C7737,24)+1)/SUM(INDEX($D$3:$AA$30,INDEX(Jesper!$R$2:$R$366,ROW(INDEX(Jesper!AK$2:AK$366,ROUNDDOWN($C7737/24,0)+1,1))-1)+IF('Standard Profiles'!$G$21=$B$10,7,0)+IF('Standard Profiles'!$G$21=$B$17,14,0)+IF('Standard Profiles'!$G$21=$B$24,21,0),0)),0)</f>
        <v>0</v>
      </c>
      <c r="H7737" cm="1">
        <f t="array" ref="H7737">IFERROR(INDEX(Jesper!AL$2:AL$366,ROUNDDOWN($C7737/24,0)+1,1)*INDEX($D$3:$AA$30,INDEX(Jesper!$R$2:$R$366,ROW(INDEX(Jesper!AL$2:AL$366,ROUNDDOWN($C7737/24,0)+1,1))-1)+IF('Standard Profiles'!$G$22=$B$10,7,0)+IF('Standard Profiles'!$G$22=$B$17,14,0)+IF('Standard Profiles'!$G$22=$B$24,21,0),MOD($C7737,24)+1)/SUM(INDEX($D$3:$AA$30,INDEX(Jesper!$R$2:$R$366,ROW(INDEX(Jesper!AL$2:AL$366,ROUNDDOWN($C7737/24,0)+1,1))-1)+IF('Standard Profiles'!$G$22=$B$10,7,0)+IF('Standard Profiles'!$G$22=$B$17,14,0)+IF('Standard Profiles'!$G$22=$B$24,21,0),0)),0)</f>
        <v>0</v>
      </c>
      <c r="I7737">
        <f t="shared" si="860"/>
        <v>0.14006309377441201</v>
      </c>
      <c r="J7737">
        <f t="shared" si="861"/>
        <v>0.46687697924804011</v>
      </c>
      <c r="K7737">
        <f t="shared" si="862"/>
        <v>0.7003154688720602</v>
      </c>
      <c r="L7737">
        <f t="shared" si="863"/>
        <v>6.7718824619765456</v>
      </c>
      <c r="M7737">
        <f t="shared" si="864"/>
        <v>0</v>
      </c>
      <c r="N7737" s="46">
        <f t="shared" si="865"/>
        <v>45612.958333314651</v>
      </c>
    </row>
    <row r="7738" spans="2:14" x14ac:dyDescent="0.3">
      <c r="B7738">
        <f t="shared" si="859"/>
        <v>7</v>
      </c>
      <c r="C7738" s="16">
        <v>7704</v>
      </c>
      <c r="D7738" cm="1">
        <f t="array" ref="D7738">IFERROR(INDEX(Jesper!AH$2:AH$366,ROUNDDOWN($C7738/24,0)+1,1)*INDEX($D$3:$AA$30,INDEX(Jesper!$R$2:$R$366,ROW(INDEX(Jesper!AH$2:AH$366,ROUNDDOWN($C7738/24,0)+1,1))-1)+IF('Standard Profiles'!$G$18=$B$10,7,0)+IF('Standard Profiles'!$G$18=$B$17,14,0)+IF('Standard Profiles'!$G$18=$B$24,21,0),MOD($C7738,24)+1)/SUM(INDEX($D$3:$AA$30,INDEX(Jesper!$R$2:$R$366,ROW(INDEX(Jesper!AH$2:AH$366,ROUNDDOWN($C7738/24,0)+1,1))-1)+IF('Standard Profiles'!$G$18=$B$10,7,0)+IF('Standard Profiles'!$G$18=$B$17,14,0)+IF('Standard Profiles'!$G$18=$B$24,21,0),0)),0)</f>
        <v>7.4556143106250614</v>
      </c>
      <c r="E7738" cm="1">
        <f t="array" ref="E7738">IFERROR(INDEX(Jesper!AI$2:AI$366,ROUNDDOWN($C7738/24,0)+1,1)*INDEX($D$3:$AA$30,INDEX(Jesper!$R$2:$R$366,ROW(INDEX(Jesper!AI$2:AI$366,ROUNDDOWN($C7738/24,0)+1,1))-1)+IF('Standard Profiles'!$G$19=$B$10,7,0)+IF('Standard Profiles'!$G$19=$B$17,14,0)+IF('Standard Profiles'!$G$19=$B$24,21,0),MOD($C7738,24)+1)/SUM(INDEX($D$3:$AA$30,INDEX(Jesper!$R$2:$R$366,ROW(INDEX(Jesper!AI$2:AI$366,ROUNDDOWN($C7738/24,0)+1,1))-1)+IF('Standard Profiles'!$G$19=$B$10,7,0)+IF('Standard Profiles'!$G$19=$B$17,14,0)+IF('Standard Profiles'!$G$19=$B$24,21,0),0)),0)</f>
        <v>1.7885414335791721</v>
      </c>
      <c r="F7738" cm="1">
        <f t="array" ref="F7738">IFERROR(INDEX(Jesper!AJ$2:AJ$366,ROUNDDOWN($C7738/24,0)+1,1)*INDEX($D$3:$AA$30,INDEX(Jesper!$R$2:$R$366,ROW(INDEX(Jesper!AJ$2:AJ$366,ROUNDDOWN($C7738/24,0)+1,1))-1)+IF('Standard Profiles'!$G$20=$B$10,7,0)+IF('Standard Profiles'!$G$20=$B$17,14,0)+IF('Standard Profiles'!$G$20=$B$24,21,0),MOD($C7738,24)+1)/SUM(INDEX($D$3:$AA$30,INDEX(Jesper!$R$2:$R$366,ROW(INDEX(Jesper!AJ$2:AJ$366,ROUNDDOWN($C7738/24,0)+1,1))-1)+IF('Standard Profiles'!$G$20=$B$10,7,0)+IF('Standard Profiles'!$G$20=$B$17,14,0)+IF('Standard Profiles'!$G$20=$B$24,21,0),0)),0)</f>
        <v>0</v>
      </c>
      <c r="G7738" cm="1">
        <f t="array" ref="G7738">IFERROR(INDEX(Jesper!AK$2:AK$366,ROUNDDOWN($C7738/24,0)+1,1)*INDEX($D$3:$AA$30,INDEX(Jesper!$R$2:$R$366,ROW(INDEX(Jesper!AK$2:AK$366,ROUNDDOWN($C7738/24,0)+1,1))-1)+IF('Standard Profiles'!$G$21=$B$10,7,0)+IF('Standard Profiles'!$G$21=$B$17,14,0)+IF('Standard Profiles'!$G$21=$B$24,21,0),MOD($C7738,24)+1)/SUM(INDEX($D$3:$AA$30,INDEX(Jesper!$R$2:$R$366,ROW(INDEX(Jesper!AK$2:AK$366,ROUNDDOWN($C7738/24,0)+1,1))-1)+IF('Standard Profiles'!$G$21=$B$10,7,0)+IF('Standard Profiles'!$G$21=$B$17,14,0)+IF('Standard Profiles'!$G$21=$B$24,21,0),0)),0)</f>
        <v>0</v>
      </c>
      <c r="H7738" cm="1">
        <f t="array" ref="H7738">IFERROR(INDEX(Jesper!AL$2:AL$366,ROUNDDOWN($C7738/24,0)+1,1)*INDEX($D$3:$AA$30,INDEX(Jesper!$R$2:$R$366,ROW(INDEX(Jesper!AL$2:AL$366,ROUNDDOWN($C7738/24,0)+1,1))-1)+IF('Standard Profiles'!$G$22=$B$10,7,0)+IF('Standard Profiles'!$G$22=$B$17,14,0)+IF('Standard Profiles'!$G$22=$B$24,21,0),MOD($C7738,24)+1)/SUM(INDEX($D$3:$AA$30,INDEX(Jesper!$R$2:$R$366,ROW(INDEX(Jesper!AL$2:AL$366,ROUNDDOWN($C7738/24,0)+1,1))-1)+IF('Standard Profiles'!$G$22=$B$10,7,0)+IF('Standard Profiles'!$G$22=$B$17,14,0)+IF('Standard Profiles'!$G$22=$B$24,21,0),0)),0)</f>
        <v>0</v>
      </c>
      <c r="I7738">
        <f t="shared" si="860"/>
        <v>0.16112985888100653</v>
      </c>
      <c r="J7738">
        <f t="shared" si="861"/>
        <v>0.53709952960335516</v>
      </c>
      <c r="K7738">
        <f t="shared" si="862"/>
        <v>0.80564929440503275</v>
      </c>
      <c r="L7738">
        <f t="shared" si="863"/>
        <v>7.7402770613148393</v>
      </c>
      <c r="M7738">
        <f t="shared" si="864"/>
        <v>0</v>
      </c>
      <c r="N7738" s="46">
        <f t="shared" si="865"/>
        <v>45612.999999981315</v>
      </c>
    </row>
    <row r="7739" spans="2:14" x14ac:dyDescent="0.3">
      <c r="B7739">
        <f t="shared" si="859"/>
        <v>7</v>
      </c>
      <c r="C7739" s="16">
        <v>7705</v>
      </c>
      <c r="D7739" cm="1">
        <f t="array" ref="D7739">IFERROR(INDEX(Jesper!AH$2:AH$366,ROUNDDOWN($C7739/24,0)+1,1)*INDEX($D$3:$AA$30,INDEX(Jesper!$R$2:$R$366,ROW(INDEX(Jesper!AH$2:AH$366,ROUNDDOWN($C7739/24,0)+1,1))-1)+IF('Standard Profiles'!$G$18=$B$10,7,0)+IF('Standard Profiles'!$G$18=$B$17,14,0)+IF('Standard Profiles'!$G$18=$B$24,21,0),MOD($C7739,24)+1)/SUM(INDEX($D$3:$AA$30,INDEX(Jesper!$R$2:$R$366,ROW(INDEX(Jesper!AH$2:AH$366,ROUNDDOWN($C7739/24,0)+1,1))-1)+IF('Standard Profiles'!$G$18=$B$10,7,0)+IF('Standard Profiles'!$G$18=$B$17,14,0)+IF('Standard Profiles'!$G$18=$B$24,21,0),0)),0)</f>
        <v>8.658132747822652</v>
      </c>
      <c r="E7739" cm="1">
        <f t="array" ref="E7739">IFERROR(INDEX(Jesper!AI$2:AI$366,ROUNDDOWN($C7739/24,0)+1,1)*INDEX($D$3:$AA$30,INDEX(Jesper!$R$2:$R$366,ROW(INDEX(Jesper!AI$2:AI$366,ROUNDDOWN($C7739/24,0)+1,1))-1)+IF('Standard Profiles'!$G$19=$B$10,7,0)+IF('Standard Profiles'!$G$19=$B$17,14,0)+IF('Standard Profiles'!$G$19=$B$24,21,0),MOD($C7739,24)+1)/SUM(INDEX($D$3:$AA$30,INDEX(Jesper!$R$2:$R$366,ROW(INDEX(Jesper!AI$2:AI$366,ROUNDDOWN($C7739/24,0)+1,1))-1)+IF('Standard Profiles'!$G$19=$B$10,7,0)+IF('Standard Profiles'!$G$19=$B$17,14,0)+IF('Standard Profiles'!$G$19=$B$24,21,0),0)),0)</f>
        <v>2.0770158583500065</v>
      </c>
      <c r="F7739" cm="1">
        <f t="array" ref="F7739">IFERROR(INDEX(Jesper!AJ$2:AJ$366,ROUNDDOWN($C7739/24,0)+1,1)*INDEX($D$3:$AA$30,INDEX(Jesper!$R$2:$R$366,ROW(INDEX(Jesper!AJ$2:AJ$366,ROUNDDOWN($C7739/24,0)+1,1))-1)+IF('Standard Profiles'!$G$20=$B$10,7,0)+IF('Standard Profiles'!$G$20=$B$17,14,0)+IF('Standard Profiles'!$G$20=$B$24,21,0),MOD($C7739,24)+1)/SUM(INDEX($D$3:$AA$30,INDEX(Jesper!$R$2:$R$366,ROW(INDEX(Jesper!AJ$2:AJ$366,ROUNDDOWN($C7739/24,0)+1,1))-1)+IF('Standard Profiles'!$G$20=$B$10,7,0)+IF('Standard Profiles'!$G$20=$B$17,14,0)+IF('Standard Profiles'!$G$20=$B$24,21,0),0)),0)</f>
        <v>0</v>
      </c>
      <c r="G7739" cm="1">
        <f t="array" ref="G7739">IFERROR(INDEX(Jesper!AK$2:AK$366,ROUNDDOWN($C7739/24,0)+1,1)*INDEX($D$3:$AA$30,INDEX(Jesper!$R$2:$R$366,ROW(INDEX(Jesper!AK$2:AK$366,ROUNDDOWN($C7739/24,0)+1,1))-1)+IF('Standard Profiles'!$G$21=$B$10,7,0)+IF('Standard Profiles'!$G$21=$B$17,14,0)+IF('Standard Profiles'!$G$21=$B$24,21,0),MOD($C7739,24)+1)/SUM(INDEX($D$3:$AA$30,INDEX(Jesper!$R$2:$R$366,ROW(INDEX(Jesper!AK$2:AK$366,ROUNDDOWN($C7739/24,0)+1,1))-1)+IF('Standard Profiles'!$G$21=$B$10,7,0)+IF('Standard Profiles'!$G$21=$B$17,14,0)+IF('Standard Profiles'!$G$21=$B$24,21,0),0)),0)</f>
        <v>0</v>
      </c>
      <c r="H7739" cm="1">
        <f t="array" ref="H7739">IFERROR(INDEX(Jesper!AL$2:AL$366,ROUNDDOWN($C7739/24,0)+1,1)*INDEX($D$3:$AA$30,INDEX(Jesper!$R$2:$R$366,ROW(INDEX(Jesper!AL$2:AL$366,ROUNDDOWN($C7739/24,0)+1,1))-1)+IF('Standard Profiles'!$G$22=$B$10,7,0)+IF('Standard Profiles'!$G$22=$B$17,14,0)+IF('Standard Profiles'!$G$22=$B$24,21,0),MOD($C7739,24)+1)/SUM(INDEX($D$3:$AA$30,INDEX(Jesper!$R$2:$R$366,ROW(INDEX(Jesper!AL$2:AL$366,ROUNDDOWN($C7739/24,0)+1,1))-1)+IF('Standard Profiles'!$G$22=$B$10,7,0)+IF('Standard Profiles'!$G$22=$B$17,14,0)+IF('Standard Profiles'!$G$22=$B$24,21,0),0)),0)</f>
        <v>0</v>
      </c>
      <c r="I7739">
        <f t="shared" si="860"/>
        <v>0.18711854579729792</v>
      </c>
      <c r="J7739">
        <f t="shared" si="861"/>
        <v>0.62372848599099318</v>
      </c>
      <c r="K7739">
        <f t="shared" si="862"/>
        <v>0.93559272898648971</v>
      </c>
      <c r="L7739">
        <f t="shared" si="863"/>
        <v>8.988708845397877</v>
      </c>
      <c r="M7739">
        <f t="shared" si="864"/>
        <v>0</v>
      </c>
      <c r="N7739" s="46">
        <f t="shared" si="865"/>
        <v>45613.04166664798</v>
      </c>
    </row>
    <row r="7740" spans="2:14" x14ac:dyDescent="0.3">
      <c r="B7740">
        <f t="shared" si="859"/>
        <v>7</v>
      </c>
      <c r="C7740" s="16">
        <v>7706</v>
      </c>
      <c r="D7740" cm="1">
        <f t="array" ref="D7740">IFERROR(INDEX(Jesper!AH$2:AH$366,ROUNDDOWN($C7740/24,0)+1,1)*INDEX($D$3:$AA$30,INDEX(Jesper!$R$2:$R$366,ROW(INDEX(Jesper!AH$2:AH$366,ROUNDDOWN($C7740/24,0)+1,1))-1)+IF('Standard Profiles'!$G$18=$B$10,7,0)+IF('Standard Profiles'!$G$18=$B$17,14,0)+IF('Standard Profiles'!$G$18=$B$24,21,0),MOD($C7740,24)+1)/SUM(INDEX($D$3:$AA$30,INDEX(Jesper!$R$2:$R$366,ROW(INDEX(Jesper!AH$2:AH$366,ROUNDDOWN($C7740/24,0)+1,1))-1)+IF('Standard Profiles'!$G$18=$B$10,7,0)+IF('Standard Profiles'!$G$18=$B$17,14,0)+IF('Standard Profiles'!$G$18=$B$24,21,0),0)),0)</f>
        <v>8.658132747822652</v>
      </c>
      <c r="E7740" cm="1">
        <f t="array" ref="E7740">IFERROR(INDEX(Jesper!AI$2:AI$366,ROUNDDOWN($C7740/24,0)+1,1)*INDEX($D$3:$AA$30,INDEX(Jesper!$R$2:$R$366,ROW(INDEX(Jesper!AI$2:AI$366,ROUNDDOWN($C7740/24,0)+1,1))-1)+IF('Standard Profiles'!$G$19=$B$10,7,0)+IF('Standard Profiles'!$G$19=$B$17,14,0)+IF('Standard Profiles'!$G$19=$B$24,21,0),MOD($C7740,24)+1)/SUM(INDEX($D$3:$AA$30,INDEX(Jesper!$R$2:$R$366,ROW(INDEX(Jesper!AI$2:AI$366,ROUNDDOWN($C7740/24,0)+1,1))-1)+IF('Standard Profiles'!$G$19=$B$10,7,0)+IF('Standard Profiles'!$G$19=$B$17,14,0)+IF('Standard Profiles'!$G$19=$B$24,21,0),0)),0)</f>
        <v>2.0770158583500065</v>
      </c>
      <c r="F7740" cm="1">
        <f t="array" ref="F7740">IFERROR(INDEX(Jesper!AJ$2:AJ$366,ROUNDDOWN($C7740/24,0)+1,1)*INDEX($D$3:$AA$30,INDEX(Jesper!$R$2:$R$366,ROW(INDEX(Jesper!AJ$2:AJ$366,ROUNDDOWN($C7740/24,0)+1,1))-1)+IF('Standard Profiles'!$G$20=$B$10,7,0)+IF('Standard Profiles'!$G$20=$B$17,14,0)+IF('Standard Profiles'!$G$20=$B$24,21,0),MOD($C7740,24)+1)/SUM(INDEX($D$3:$AA$30,INDEX(Jesper!$R$2:$R$366,ROW(INDEX(Jesper!AJ$2:AJ$366,ROUNDDOWN($C7740/24,0)+1,1))-1)+IF('Standard Profiles'!$G$20=$B$10,7,0)+IF('Standard Profiles'!$G$20=$B$17,14,0)+IF('Standard Profiles'!$G$20=$B$24,21,0),0)),0)</f>
        <v>0</v>
      </c>
      <c r="G7740" cm="1">
        <f t="array" ref="G7740">IFERROR(INDEX(Jesper!AK$2:AK$366,ROUNDDOWN($C7740/24,0)+1,1)*INDEX($D$3:$AA$30,INDEX(Jesper!$R$2:$R$366,ROW(INDEX(Jesper!AK$2:AK$366,ROUNDDOWN($C7740/24,0)+1,1))-1)+IF('Standard Profiles'!$G$21=$B$10,7,0)+IF('Standard Profiles'!$G$21=$B$17,14,0)+IF('Standard Profiles'!$G$21=$B$24,21,0),MOD($C7740,24)+1)/SUM(INDEX($D$3:$AA$30,INDEX(Jesper!$R$2:$R$366,ROW(INDEX(Jesper!AK$2:AK$366,ROUNDDOWN($C7740/24,0)+1,1))-1)+IF('Standard Profiles'!$G$21=$B$10,7,0)+IF('Standard Profiles'!$G$21=$B$17,14,0)+IF('Standard Profiles'!$G$21=$B$24,21,0),0)),0)</f>
        <v>0</v>
      </c>
      <c r="H7740" cm="1">
        <f t="array" ref="H7740">IFERROR(INDEX(Jesper!AL$2:AL$366,ROUNDDOWN($C7740/24,0)+1,1)*INDEX($D$3:$AA$30,INDEX(Jesper!$R$2:$R$366,ROW(INDEX(Jesper!AL$2:AL$366,ROUNDDOWN($C7740/24,0)+1,1))-1)+IF('Standard Profiles'!$G$22=$B$10,7,0)+IF('Standard Profiles'!$G$22=$B$17,14,0)+IF('Standard Profiles'!$G$22=$B$24,21,0),MOD($C7740,24)+1)/SUM(INDEX($D$3:$AA$30,INDEX(Jesper!$R$2:$R$366,ROW(INDEX(Jesper!AL$2:AL$366,ROUNDDOWN($C7740/24,0)+1,1))-1)+IF('Standard Profiles'!$G$22=$B$10,7,0)+IF('Standard Profiles'!$G$22=$B$17,14,0)+IF('Standard Profiles'!$G$22=$B$24,21,0),0)),0)</f>
        <v>0</v>
      </c>
      <c r="I7740">
        <f t="shared" si="860"/>
        <v>0.18711854579729792</v>
      </c>
      <c r="J7740">
        <f t="shared" si="861"/>
        <v>0.62372848599099318</v>
      </c>
      <c r="K7740">
        <f t="shared" si="862"/>
        <v>0.93559272898648971</v>
      </c>
      <c r="L7740">
        <f t="shared" si="863"/>
        <v>8.988708845397877</v>
      </c>
      <c r="M7740">
        <f t="shared" si="864"/>
        <v>0</v>
      </c>
      <c r="N7740" s="46">
        <f t="shared" si="865"/>
        <v>45613.083333314644</v>
      </c>
    </row>
    <row r="7741" spans="2:14" x14ac:dyDescent="0.3">
      <c r="B7741">
        <f t="shared" si="859"/>
        <v>7</v>
      </c>
      <c r="C7741" s="16">
        <v>7707</v>
      </c>
      <c r="D7741" cm="1">
        <f t="array" ref="D7741">IFERROR(INDEX(Jesper!AH$2:AH$366,ROUNDDOWN($C7741/24,0)+1,1)*INDEX($D$3:$AA$30,INDEX(Jesper!$R$2:$R$366,ROW(INDEX(Jesper!AH$2:AH$366,ROUNDDOWN($C7741/24,0)+1,1))-1)+IF('Standard Profiles'!$G$18=$B$10,7,0)+IF('Standard Profiles'!$G$18=$B$17,14,0)+IF('Standard Profiles'!$G$18=$B$24,21,0),MOD($C7741,24)+1)/SUM(INDEX($D$3:$AA$30,INDEX(Jesper!$R$2:$R$366,ROW(INDEX(Jesper!AH$2:AH$366,ROUNDDOWN($C7741/24,0)+1,1))-1)+IF('Standard Profiles'!$G$18=$B$10,7,0)+IF('Standard Profiles'!$G$18=$B$17,14,0)+IF('Standard Profiles'!$G$18=$B$24,21,0),0)),0)</f>
        <v>8.658132747822652</v>
      </c>
      <c r="E7741" cm="1">
        <f t="array" ref="E7741">IFERROR(INDEX(Jesper!AI$2:AI$366,ROUNDDOWN($C7741/24,0)+1,1)*INDEX($D$3:$AA$30,INDEX(Jesper!$R$2:$R$366,ROW(INDEX(Jesper!AI$2:AI$366,ROUNDDOWN($C7741/24,0)+1,1))-1)+IF('Standard Profiles'!$G$19=$B$10,7,0)+IF('Standard Profiles'!$G$19=$B$17,14,0)+IF('Standard Profiles'!$G$19=$B$24,21,0),MOD($C7741,24)+1)/SUM(INDEX($D$3:$AA$30,INDEX(Jesper!$R$2:$R$366,ROW(INDEX(Jesper!AI$2:AI$366,ROUNDDOWN($C7741/24,0)+1,1))-1)+IF('Standard Profiles'!$G$19=$B$10,7,0)+IF('Standard Profiles'!$G$19=$B$17,14,0)+IF('Standard Profiles'!$G$19=$B$24,21,0),0)),0)</f>
        <v>2.0770158583500065</v>
      </c>
      <c r="F7741" cm="1">
        <f t="array" ref="F7741">IFERROR(INDEX(Jesper!AJ$2:AJ$366,ROUNDDOWN($C7741/24,0)+1,1)*INDEX($D$3:$AA$30,INDEX(Jesper!$R$2:$R$366,ROW(INDEX(Jesper!AJ$2:AJ$366,ROUNDDOWN($C7741/24,0)+1,1))-1)+IF('Standard Profiles'!$G$20=$B$10,7,0)+IF('Standard Profiles'!$G$20=$B$17,14,0)+IF('Standard Profiles'!$G$20=$B$24,21,0),MOD($C7741,24)+1)/SUM(INDEX($D$3:$AA$30,INDEX(Jesper!$R$2:$R$366,ROW(INDEX(Jesper!AJ$2:AJ$366,ROUNDDOWN($C7741/24,0)+1,1))-1)+IF('Standard Profiles'!$G$20=$B$10,7,0)+IF('Standard Profiles'!$G$20=$B$17,14,0)+IF('Standard Profiles'!$G$20=$B$24,21,0),0)),0)</f>
        <v>0</v>
      </c>
      <c r="G7741" cm="1">
        <f t="array" ref="G7741">IFERROR(INDEX(Jesper!AK$2:AK$366,ROUNDDOWN($C7741/24,0)+1,1)*INDEX($D$3:$AA$30,INDEX(Jesper!$R$2:$R$366,ROW(INDEX(Jesper!AK$2:AK$366,ROUNDDOWN($C7741/24,0)+1,1))-1)+IF('Standard Profiles'!$G$21=$B$10,7,0)+IF('Standard Profiles'!$G$21=$B$17,14,0)+IF('Standard Profiles'!$G$21=$B$24,21,0),MOD($C7741,24)+1)/SUM(INDEX($D$3:$AA$30,INDEX(Jesper!$R$2:$R$366,ROW(INDEX(Jesper!AK$2:AK$366,ROUNDDOWN($C7741/24,0)+1,1))-1)+IF('Standard Profiles'!$G$21=$B$10,7,0)+IF('Standard Profiles'!$G$21=$B$17,14,0)+IF('Standard Profiles'!$G$21=$B$24,21,0),0)),0)</f>
        <v>0</v>
      </c>
      <c r="H7741" cm="1">
        <f t="array" ref="H7741">IFERROR(INDEX(Jesper!AL$2:AL$366,ROUNDDOWN($C7741/24,0)+1,1)*INDEX($D$3:$AA$30,INDEX(Jesper!$R$2:$R$366,ROW(INDEX(Jesper!AL$2:AL$366,ROUNDDOWN($C7741/24,0)+1,1))-1)+IF('Standard Profiles'!$G$22=$B$10,7,0)+IF('Standard Profiles'!$G$22=$B$17,14,0)+IF('Standard Profiles'!$G$22=$B$24,21,0),MOD($C7741,24)+1)/SUM(INDEX($D$3:$AA$30,INDEX(Jesper!$R$2:$R$366,ROW(INDEX(Jesper!AL$2:AL$366,ROUNDDOWN($C7741/24,0)+1,1))-1)+IF('Standard Profiles'!$G$22=$B$10,7,0)+IF('Standard Profiles'!$G$22=$B$17,14,0)+IF('Standard Profiles'!$G$22=$B$24,21,0),0)),0)</f>
        <v>0</v>
      </c>
      <c r="I7741">
        <f t="shared" si="860"/>
        <v>0.18711854579729792</v>
      </c>
      <c r="J7741">
        <f t="shared" si="861"/>
        <v>0.62372848599099318</v>
      </c>
      <c r="K7741">
        <f t="shared" si="862"/>
        <v>0.93559272898648971</v>
      </c>
      <c r="L7741">
        <f t="shared" si="863"/>
        <v>8.988708845397877</v>
      </c>
      <c r="M7741">
        <f t="shared" si="864"/>
        <v>0</v>
      </c>
      <c r="N7741" s="46">
        <f t="shared" si="865"/>
        <v>45613.124999981308</v>
      </c>
    </row>
    <row r="7742" spans="2:14" x14ac:dyDescent="0.3">
      <c r="B7742">
        <f t="shared" si="859"/>
        <v>7</v>
      </c>
      <c r="C7742" s="16">
        <v>7708</v>
      </c>
      <c r="D7742" cm="1">
        <f t="array" ref="D7742">IFERROR(INDEX(Jesper!AH$2:AH$366,ROUNDDOWN($C7742/24,0)+1,1)*INDEX($D$3:$AA$30,INDEX(Jesper!$R$2:$R$366,ROW(INDEX(Jesper!AH$2:AH$366,ROUNDDOWN($C7742/24,0)+1,1))-1)+IF('Standard Profiles'!$G$18=$B$10,7,0)+IF('Standard Profiles'!$G$18=$B$17,14,0)+IF('Standard Profiles'!$G$18=$B$24,21,0),MOD($C7742,24)+1)/SUM(INDEX($D$3:$AA$30,INDEX(Jesper!$R$2:$R$366,ROW(INDEX(Jesper!AH$2:AH$366,ROUNDDOWN($C7742/24,0)+1,1))-1)+IF('Standard Profiles'!$G$18=$B$10,7,0)+IF('Standard Profiles'!$G$18=$B$17,14,0)+IF('Standard Profiles'!$G$18=$B$24,21,0),0)),0)</f>
        <v>8.658132747822652</v>
      </c>
      <c r="E7742" cm="1">
        <f t="array" ref="E7742">IFERROR(INDEX(Jesper!AI$2:AI$366,ROUNDDOWN($C7742/24,0)+1,1)*INDEX($D$3:$AA$30,INDEX(Jesper!$R$2:$R$366,ROW(INDEX(Jesper!AI$2:AI$366,ROUNDDOWN($C7742/24,0)+1,1))-1)+IF('Standard Profiles'!$G$19=$B$10,7,0)+IF('Standard Profiles'!$G$19=$B$17,14,0)+IF('Standard Profiles'!$G$19=$B$24,21,0),MOD($C7742,24)+1)/SUM(INDEX($D$3:$AA$30,INDEX(Jesper!$R$2:$R$366,ROW(INDEX(Jesper!AI$2:AI$366,ROUNDDOWN($C7742/24,0)+1,1))-1)+IF('Standard Profiles'!$G$19=$B$10,7,0)+IF('Standard Profiles'!$G$19=$B$17,14,0)+IF('Standard Profiles'!$G$19=$B$24,21,0),0)),0)</f>
        <v>2.0770158583500065</v>
      </c>
      <c r="F7742" cm="1">
        <f t="array" ref="F7742">IFERROR(INDEX(Jesper!AJ$2:AJ$366,ROUNDDOWN($C7742/24,0)+1,1)*INDEX($D$3:$AA$30,INDEX(Jesper!$R$2:$R$366,ROW(INDEX(Jesper!AJ$2:AJ$366,ROUNDDOWN($C7742/24,0)+1,1))-1)+IF('Standard Profiles'!$G$20=$B$10,7,0)+IF('Standard Profiles'!$G$20=$B$17,14,0)+IF('Standard Profiles'!$G$20=$B$24,21,0),MOD($C7742,24)+1)/SUM(INDEX($D$3:$AA$30,INDEX(Jesper!$R$2:$R$366,ROW(INDEX(Jesper!AJ$2:AJ$366,ROUNDDOWN($C7742/24,0)+1,1))-1)+IF('Standard Profiles'!$G$20=$B$10,7,0)+IF('Standard Profiles'!$G$20=$B$17,14,0)+IF('Standard Profiles'!$G$20=$B$24,21,0),0)),0)</f>
        <v>0</v>
      </c>
      <c r="G7742" cm="1">
        <f t="array" ref="G7742">IFERROR(INDEX(Jesper!AK$2:AK$366,ROUNDDOWN($C7742/24,0)+1,1)*INDEX($D$3:$AA$30,INDEX(Jesper!$R$2:$R$366,ROW(INDEX(Jesper!AK$2:AK$366,ROUNDDOWN($C7742/24,0)+1,1))-1)+IF('Standard Profiles'!$G$21=$B$10,7,0)+IF('Standard Profiles'!$G$21=$B$17,14,0)+IF('Standard Profiles'!$G$21=$B$24,21,0),MOD($C7742,24)+1)/SUM(INDEX($D$3:$AA$30,INDEX(Jesper!$R$2:$R$366,ROW(INDEX(Jesper!AK$2:AK$366,ROUNDDOWN($C7742/24,0)+1,1))-1)+IF('Standard Profiles'!$G$21=$B$10,7,0)+IF('Standard Profiles'!$G$21=$B$17,14,0)+IF('Standard Profiles'!$G$21=$B$24,21,0),0)),0)</f>
        <v>0</v>
      </c>
      <c r="H7742" cm="1">
        <f t="array" ref="H7742">IFERROR(INDEX(Jesper!AL$2:AL$366,ROUNDDOWN($C7742/24,0)+1,1)*INDEX($D$3:$AA$30,INDEX(Jesper!$R$2:$R$366,ROW(INDEX(Jesper!AL$2:AL$366,ROUNDDOWN($C7742/24,0)+1,1))-1)+IF('Standard Profiles'!$G$22=$B$10,7,0)+IF('Standard Profiles'!$G$22=$B$17,14,0)+IF('Standard Profiles'!$G$22=$B$24,21,0),MOD($C7742,24)+1)/SUM(INDEX($D$3:$AA$30,INDEX(Jesper!$R$2:$R$366,ROW(INDEX(Jesper!AL$2:AL$366,ROUNDDOWN($C7742/24,0)+1,1))-1)+IF('Standard Profiles'!$G$22=$B$10,7,0)+IF('Standard Profiles'!$G$22=$B$17,14,0)+IF('Standard Profiles'!$G$22=$B$24,21,0),0)),0)</f>
        <v>0</v>
      </c>
      <c r="I7742">
        <f t="shared" si="860"/>
        <v>0.18711854579729792</v>
      </c>
      <c r="J7742">
        <f t="shared" si="861"/>
        <v>0.62372848599099318</v>
      </c>
      <c r="K7742">
        <f t="shared" si="862"/>
        <v>0.93559272898648971</v>
      </c>
      <c r="L7742">
        <f t="shared" si="863"/>
        <v>8.988708845397877</v>
      </c>
      <c r="M7742">
        <f t="shared" si="864"/>
        <v>0</v>
      </c>
      <c r="N7742" s="46">
        <f t="shared" si="865"/>
        <v>45613.166666647972</v>
      </c>
    </row>
    <row r="7743" spans="2:14" x14ac:dyDescent="0.3">
      <c r="B7743">
        <f t="shared" si="859"/>
        <v>7</v>
      </c>
      <c r="C7743" s="16">
        <v>7709</v>
      </c>
      <c r="D7743" cm="1">
        <f t="array" ref="D7743">IFERROR(INDEX(Jesper!AH$2:AH$366,ROUNDDOWN($C7743/24,0)+1,1)*INDEX($D$3:$AA$30,INDEX(Jesper!$R$2:$R$366,ROW(INDEX(Jesper!AH$2:AH$366,ROUNDDOWN($C7743/24,0)+1,1))-1)+IF('Standard Profiles'!$G$18=$B$10,7,0)+IF('Standard Profiles'!$G$18=$B$17,14,0)+IF('Standard Profiles'!$G$18=$B$24,21,0),MOD($C7743,24)+1)/SUM(INDEX($D$3:$AA$30,INDEX(Jesper!$R$2:$R$366,ROW(INDEX(Jesper!AH$2:AH$366,ROUNDDOWN($C7743/24,0)+1,1))-1)+IF('Standard Profiles'!$G$18=$B$10,7,0)+IF('Standard Profiles'!$G$18=$B$17,14,0)+IF('Standard Profiles'!$G$18=$B$24,21,0),0)),0)</f>
        <v>10.822665934778314</v>
      </c>
      <c r="E7743" cm="1">
        <f t="array" ref="E7743">IFERROR(INDEX(Jesper!AI$2:AI$366,ROUNDDOWN($C7743/24,0)+1,1)*INDEX($D$3:$AA$30,INDEX(Jesper!$R$2:$R$366,ROW(INDEX(Jesper!AI$2:AI$366,ROUNDDOWN($C7743/24,0)+1,1))-1)+IF('Standard Profiles'!$G$19=$B$10,7,0)+IF('Standard Profiles'!$G$19=$B$17,14,0)+IF('Standard Profiles'!$G$19=$B$24,21,0),MOD($C7743,24)+1)/SUM(INDEX($D$3:$AA$30,INDEX(Jesper!$R$2:$R$366,ROW(INDEX(Jesper!AI$2:AI$366,ROUNDDOWN($C7743/24,0)+1,1))-1)+IF('Standard Profiles'!$G$19=$B$10,7,0)+IF('Standard Profiles'!$G$19=$B$17,14,0)+IF('Standard Profiles'!$G$19=$B$24,21,0),0)),0)</f>
        <v>2.5962698229375079</v>
      </c>
      <c r="F7743" cm="1">
        <f t="array" ref="F7743">IFERROR(INDEX(Jesper!AJ$2:AJ$366,ROUNDDOWN($C7743/24,0)+1,1)*INDEX($D$3:$AA$30,INDEX(Jesper!$R$2:$R$366,ROW(INDEX(Jesper!AJ$2:AJ$366,ROUNDDOWN($C7743/24,0)+1,1))-1)+IF('Standard Profiles'!$G$20=$B$10,7,0)+IF('Standard Profiles'!$G$20=$B$17,14,0)+IF('Standard Profiles'!$G$20=$B$24,21,0),MOD($C7743,24)+1)/SUM(INDEX($D$3:$AA$30,INDEX(Jesper!$R$2:$R$366,ROW(INDEX(Jesper!AJ$2:AJ$366,ROUNDDOWN($C7743/24,0)+1,1))-1)+IF('Standard Profiles'!$G$20=$B$10,7,0)+IF('Standard Profiles'!$G$20=$B$17,14,0)+IF('Standard Profiles'!$G$20=$B$24,21,0),0)),0)</f>
        <v>0</v>
      </c>
      <c r="G7743" cm="1">
        <f t="array" ref="G7743">IFERROR(INDEX(Jesper!AK$2:AK$366,ROUNDDOWN($C7743/24,0)+1,1)*INDEX($D$3:$AA$30,INDEX(Jesper!$R$2:$R$366,ROW(INDEX(Jesper!AK$2:AK$366,ROUNDDOWN($C7743/24,0)+1,1))-1)+IF('Standard Profiles'!$G$21=$B$10,7,0)+IF('Standard Profiles'!$G$21=$B$17,14,0)+IF('Standard Profiles'!$G$21=$B$24,21,0),MOD($C7743,24)+1)/SUM(INDEX($D$3:$AA$30,INDEX(Jesper!$R$2:$R$366,ROW(INDEX(Jesper!AK$2:AK$366,ROUNDDOWN($C7743/24,0)+1,1))-1)+IF('Standard Profiles'!$G$21=$B$10,7,0)+IF('Standard Profiles'!$G$21=$B$17,14,0)+IF('Standard Profiles'!$G$21=$B$24,21,0),0)),0)</f>
        <v>0</v>
      </c>
      <c r="H7743" cm="1">
        <f t="array" ref="H7743">IFERROR(INDEX(Jesper!AL$2:AL$366,ROUNDDOWN($C7743/24,0)+1,1)*INDEX($D$3:$AA$30,INDEX(Jesper!$R$2:$R$366,ROW(INDEX(Jesper!AL$2:AL$366,ROUNDDOWN($C7743/24,0)+1,1))-1)+IF('Standard Profiles'!$G$22=$B$10,7,0)+IF('Standard Profiles'!$G$22=$B$17,14,0)+IF('Standard Profiles'!$G$22=$B$24,21,0),MOD($C7743,24)+1)/SUM(INDEX($D$3:$AA$30,INDEX(Jesper!$R$2:$R$366,ROW(INDEX(Jesper!AL$2:AL$366,ROUNDDOWN($C7743/24,0)+1,1))-1)+IF('Standard Profiles'!$G$22=$B$10,7,0)+IF('Standard Profiles'!$G$22=$B$17,14,0)+IF('Standard Profiles'!$G$22=$B$24,21,0),0)),0)</f>
        <v>0</v>
      </c>
      <c r="I7743">
        <f t="shared" si="860"/>
        <v>0.2338981822466224</v>
      </c>
      <c r="J7743">
        <f t="shared" si="861"/>
        <v>0.77966060748874144</v>
      </c>
      <c r="K7743">
        <f t="shared" si="862"/>
        <v>1.169490911233112</v>
      </c>
      <c r="L7743">
        <f t="shared" si="863"/>
        <v>11.235886056747347</v>
      </c>
      <c r="M7743">
        <f t="shared" si="864"/>
        <v>0</v>
      </c>
      <c r="N7743" s="46">
        <f t="shared" si="865"/>
        <v>45613.208333314637</v>
      </c>
    </row>
    <row r="7744" spans="2:14" x14ac:dyDescent="0.3">
      <c r="B7744">
        <f t="shared" si="859"/>
        <v>7</v>
      </c>
      <c r="C7744" s="16">
        <v>7710</v>
      </c>
      <c r="D7744" cm="1">
        <f t="array" ref="D7744">IFERROR(INDEX(Jesper!AH$2:AH$366,ROUNDDOWN($C7744/24,0)+1,1)*INDEX($D$3:$AA$30,INDEX(Jesper!$R$2:$R$366,ROW(INDEX(Jesper!AH$2:AH$366,ROUNDDOWN($C7744/24,0)+1,1))-1)+IF('Standard Profiles'!$G$18=$B$10,7,0)+IF('Standard Profiles'!$G$18=$B$17,14,0)+IF('Standard Profiles'!$G$18=$B$24,21,0),MOD($C7744,24)+1)/SUM(INDEX($D$3:$AA$30,INDEX(Jesper!$R$2:$R$366,ROW(INDEX(Jesper!AH$2:AH$366,ROUNDDOWN($C7744/24,0)+1,1))-1)+IF('Standard Profiles'!$G$18=$B$10,7,0)+IF('Standard Profiles'!$G$18=$B$17,14,0)+IF('Standard Profiles'!$G$18=$B$24,21,0),0)),0)</f>
        <v>12.746695434294459</v>
      </c>
      <c r="E7744" cm="1">
        <f t="array" ref="E7744">IFERROR(INDEX(Jesper!AI$2:AI$366,ROUNDDOWN($C7744/24,0)+1,1)*INDEX($D$3:$AA$30,INDEX(Jesper!$R$2:$R$366,ROW(INDEX(Jesper!AI$2:AI$366,ROUNDDOWN($C7744/24,0)+1,1))-1)+IF('Standard Profiles'!$G$19=$B$10,7,0)+IF('Standard Profiles'!$G$19=$B$17,14,0)+IF('Standard Profiles'!$G$19=$B$24,21,0),MOD($C7744,24)+1)/SUM(INDEX($D$3:$AA$30,INDEX(Jesper!$R$2:$R$366,ROW(INDEX(Jesper!AI$2:AI$366,ROUNDDOWN($C7744/24,0)+1,1))-1)+IF('Standard Profiles'!$G$19=$B$10,7,0)+IF('Standard Profiles'!$G$19=$B$17,14,0)+IF('Standard Profiles'!$G$19=$B$24,21,0),0)),0)</f>
        <v>3.0578289025708427</v>
      </c>
      <c r="F7744" cm="1">
        <f t="array" ref="F7744">IFERROR(INDEX(Jesper!AJ$2:AJ$366,ROUNDDOWN($C7744/24,0)+1,1)*INDEX($D$3:$AA$30,INDEX(Jesper!$R$2:$R$366,ROW(INDEX(Jesper!AJ$2:AJ$366,ROUNDDOWN($C7744/24,0)+1,1))-1)+IF('Standard Profiles'!$G$20=$B$10,7,0)+IF('Standard Profiles'!$G$20=$B$17,14,0)+IF('Standard Profiles'!$G$20=$B$24,21,0),MOD($C7744,24)+1)/SUM(INDEX($D$3:$AA$30,INDEX(Jesper!$R$2:$R$366,ROW(INDEX(Jesper!AJ$2:AJ$366,ROUNDDOWN($C7744/24,0)+1,1))-1)+IF('Standard Profiles'!$G$20=$B$10,7,0)+IF('Standard Profiles'!$G$20=$B$17,14,0)+IF('Standard Profiles'!$G$20=$B$24,21,0),0)),0)</f>
        <v>0</v>
      </c>
      <c r="G7744" cm="1">
        <f t="array" ref="G7744">IFERROR(INDEX(Jesper!AK$2:AK$366,ROUNDDOWN($C7744/24,0)+1,1)*INDEX($D$3:$AA$30,INDEX(Jesper!$R$2:$R$366,ROW(INDEX(Jesper!AK$2:AK$366,ROUNDDOWN($C7744/24,0)+1,1))-1)+IF('Standard Profiles'!$G$21=$B$10,7,0)+IF('Standard Profiles'!$G$21=$B$17,14,0)+IF('Standard Profiles'!$G$21=$B$24,21,0),MOD($C7744,24)+1)/SUM(INDEX($D$3:$AA$30,INDEX(Jesper!$R$2:$R$366,ROW(INDEX(Jesper!AK$2:AK$366,ROUNDDOWN($C7744/24,0)+1,1))-1)+IF('Standard Profiles'!$G$21=$B$10,7,0)+IF('Standard Profiles'!$G$21=$B$17,14,0)+IF('Standard Profiles'!$G$21=$B$24,21,0),0)),0)</f>
        <v>0</v>
      </c>
      <c r="H7744" cm="1">
        <f t="array" ref="H7744">IFERROR(INDEX(Jesper!AL$2:AL$366,ROUNDDOWN($C7744/24,0)+1,1)*INDEX($D$3:$AA$30,INDEX(Jesper!$R$2:$R$366,ROW(INDEX(Jesper!AL$2:AL$366,ROUNDDOWN($C7744/24,0)+1,1))-1)+IF('Standard Profiles'!$G$22=$B$10,7,0)+IF('Standard Profiles'!$G$22=$B$17,14,0)+IF('Standard Profiles'!$G$22=$B$24,21,0),MOD($C7744,24)+1)/SUM(INDEX($D$3:$AA$30,INDEX(Jesper!$R$2:$R$366,ROW(INDEX(Jesper!AL$2:AL$366,ROUNDDOWN($C7744/24,0)+1,1))-1)+IF('Standard Profiles'!$G$22=$B$10,7,0)+IF('Standard Profiles'!$G$22=$B$17,14,0)+IF('Standard Profiles'!$G$22=$B$24,21,0),0)),0)</f>
        <v>0</v>
      </c>
      <c r="I7744">
        <f t="shared" si="860"/>
        <v>0.27548008131268859</v>
      </c>
      <c r="J7744">
        <f t="shared" si="861"/>
        <v>0.91826693770896217</v>
      </c>
      <c r="K7744">
        <f t="shared" si="862"/>
        <v>1.3774004065634431</v>
      </c>
      <c r="L7744">
        <f t="shared" si="863"/>
        <v>13.233376911280208</v>
      </c>
      <c r="M7744">
        <f t="shared" si="864"/>
        <v>0</v>
      </c>
      <c r="N7744" s="46">
        <f t="shared" si="865"/>
        <v>45613.249999981301</v>
      </c>
    </row>
    <row r="7745" spans="2:14" x14ac:dyDescent="0.3">
      <c r="B7745">
        <f t="shared" si="859"/>
        <v>7</v>
      </c>
      <c r="C7745" s="16">
        <v>7711</v>
      </c>
      <c r="D7745" cm="1">
        <f t="array" ref="D7745">IFERROR(INDEX(Jesper!AH$2:AH$366,ROUNDDOWN($C7745/24,0)+1,1)*INDEX($D$3:$AA$30,INDEX(Jesper!$R$2:$R$366,ROW(INDEX(Jesper!AH$2:AH$366,ROUNDDOWN($C7745/24,0)+1,1))-1)+IF('Standard Profiles'!$G$18=$B$10,7,0)+IF('Standard Profiles'!$G$18=$B$17,14,0)+IF('Standard Profiles'!$G$18=$B$24,21,0),MOD($C7745,24)+1)/SUM(INDEX($D$3:$AA$30,INDEX(Jesper!$R$2:$R$366,ROW(INDEX(Jesper!AH$2:AH$366,ROUNDDOWN($C7745/24,0)+1,1))-1)+IF('Standard Profiles'!$G$18=$B$10,7,0)+IF('Standard Profiles'!$G$18=$B$17,14,0)+IF('Standard Profiles'!$G$18=$B$24,21,0),0)),0)</f>
        <v>15.151732308689642</v>
      </c>
      <c r="E7745" cm="1">
        <f t="array" ref="E7745">IFERROR(INDEX(Jesper!AI$2:AI$366,ROUNDDOWN($C7745/24,0)+1,1)*INDEX($D$3:$AA$30,INDEX(Jesper!$R$2:$R$366,ROW(INDEX(Jesper!AI$2:AI$366,ROUNDDOWN($C7745/24,0)+1,1))-1)+IF('Standard Profiles'!$G$19=$B$10,7,0)+IF('Standard Profiles'!$G$19=$B$17,14,0)+IF('Standard Profiles'!$G$19=$B$24,21,0),MOD($C7745,24)+1)/SUM(INDEX($D$3:$AA$30,INDEX(Jesper!$R$2:$R$366,ROW(INDEX(Jesper!AI$2:AI$366,ROUNDDOWN($C7745/24,0)+1,1))-1)+IF('Standard Profiles'!$G$19=$B$10,7,0)+IF('Standard Profiles'!$G$19=$B$17,14,0)+IF('Standard Profiles'!$G$19=$B$24,21,0),0)),0)</f>
        <v>3.6347777521125115</v>
      </c>
      <c r="F7745" cm="1">
        <f t="array" ref="F7745">IFERROR(INDEX(Jesper!AJ$2:AJ$366,ROUNDDOWN($C7745/24,0)+1,1)*INDEX($D$3:$AA$30,INDEX(Jesper!$R$2:$R$366,ROW(INDEX(Jesper!AJ$2:AJ$366,ROUNDDOWN($C7745/24,0)+1,1))-1)+IF('Standard Profiles'!$G$20=$B$10,7,0)+IF('Standard Profiles'!$G$20=$B$17,14,0)+IF('Standard Profiles'!$G$20=$B$24,21,0),MOD($C7745,24)+1)/SUM(INDEX($D$3:$AA$30,INDEX(Jesper!$R$2:$R$366,ROW(INDEX(Jesper!AJ$2:AJ$366,ROUNDDOWN($C7745/24,0)+1,1))-1)+IF('Standard Profiles'!$G$20=$B$10,7,0)+IF('Standard Profiles'!$G$20=$B$17,14,0)+IF('Standard Profiles'!$G$20=$B$24,21,0),0)),0)</f>
        <v>0</v>
      </c>
      <c r="G7745" cm="1">
        <f t="array" ref="G7745">IFERROR(INDEX(Jesper!AK$2:AK$366,ROUNDDOWN($C7745/24,0)+1,1)*INDEX($D$3:$AA$30,INDEX(Jesper!$R$2:$R$366,ROW(INDEX(Jesper!AK$2:AK$366,ROUNDDOWN($C7745/24,0)+1,1))-1)+IF('Standard Profiles'!$G$21=$B$10,7,0)+IF('Standard Profiles'!$G$21=$B$17,14,0)+IF('Standard Profiles'!$G$21=$B$24,21,0),MOD($C7745,24)+1)/SUM(INDEX($D$3:$AA$30,INDEX(Jesper!$R$2:$R$366,ROW(INDEX(Jesper!AK$2:AK$366,ROUNDDOWN($C7745/24,0)+1,1))-1)+IF('Standard Profiles'!$G$21=$B$10,7,0)+IF('Standard Profiles'!$G$21=$B$17,14,0)+IF('Standard Profiles'!$G$21=$B$24,21,0),0)),0)</f>
        <v>0</v>
      </c>
      <c r="H7745" cm="1">
        <f t="array" ref="H7745">IFERROR(INDEX(Jesper!AL$2:AL$366,ROUNDDOWN($C7745/24,0)+1,1)*INDEX($D$3:$AA$30,INDEX(Jesper!$R$2:$R$366,ROW(INDEX(Jesper!AL$2:AL$366,ROUNDDOWN($C7745/24,0)+1,1))-1)+IF('Standard Profiles'!$G$22=$B$10,7,0)+IF('Standard Profiles'!$G$22=$B$17,14,0)+IF('Standard Profiles'!$G$22=$B$24,21,0),MOD($C7745,24)+1)/SUM(INDEX($D$3:$AA$30,INDEX(Jesper!$R$2:$R$366,ROW(INDEX(Jesper!AL$2:AL$366,ROUNDDOWN($C7745/24,0)+1,1))-1)+IF('Standard Profiles'!$G$22=$B$10,7,0)+IF('Standard Profiles'!$G$22=$B$17,14,0)+IF('Standard Profiles'!$G$22=$B$24,21,0),0)),0)</f>
        <v>0</v>
      </c>
      <c r="I7745">
        <f t="shared" si="860"/>
        <v>0.32745745514527141</v>
      </c>
      <c r="J7745">
        <f t="shared" si="861"/>
        <v>1.0915248504842381</v>
      </c>
      <c r="K7745">
        <f t="shared" si="862"/>
        <v>1.6372872757263572</v>
      </c>
      <c r="L7745">
        <f t="shared" si="863"/>
        <v>15.730240479446287</v>
      </c>
      <c r="M7745">
        <f t="shared" si="864"/>
        <v>0</v>
      </c>
      <c r="N7745" s="46">
        <f t="shared" si="865"/>
        <v>45613.291666647965</v>
      </c>
    </row>
    <row r="7746" spans="2:14" x14ac:dyDescent="0.3">
      <c r="B7746">
        <f t="shared" si="859"/>
        <v>7</v>
      </c>
      <c r="C7746" s="16">
        <v>7712</v>
      </c>
      <c r="D7746" cm="1">
        <f t="array" ref="D7746">IFERROR(INDEX(Jesper!AH$2:AH$366,ROUNDDOWN($C7746/24,0)+1,1)*INDEX($D$3:$AA$30,INDEX(Jesper!$R$2:$R$366,ROW(INDEX(Jesper!AH$2:AH$366,ROUNDDOWN($C7746/24,0)+1,1))-1)+IF('Standard Profiles'!$G$18=$B$10,7,0)+IF('Standard Profiles'!$G$18=$B$17,14,0)+IF('Standard Profiles'!$G$18=$B$24,21,0),MOD($C7746,24)+1)/SUM(INDEX($D$3:$AA$30,INDEX(Jesper!$R$2:$R$366,ROW(INDEX(Jesper!AH$2:AH$366,ROUNDDOWN($C7746/24,0)+1,1))-1)+IF('Standard Profiles'!$G$18=$B$10,7,0)+IF('Standard Profiles'!$G$18=$B$17,14,0)+IF('Standard Profiles'!$G$18=$B$24,21,0),0)),0)</f>
        <v>15.151732308689642</v>
      </c>
      <c r="E7746" cm="1">
        <f t="array" ref="E7746">IFERROR(INDEX(Jesper!AI$2:AI$366,ROUNDDOWN($C7746/24,0)+1,1)*INDEX($D$3:$AA$30,INDEX(Jesper!$R$2:$R$366,ROW(INDEX(Jesper!AI$2:AI$366,ROUNDDOWN($C7746/24,0)+1,1))-1)+IF('Standard Profiles'!$G$19=$B$10,7,0)+IF('Standard Profiles'!$G$19=$B$17,14,0)+IF('Standard Profiles'!$G$19=$B$24,21,0),MOD($C7746,24)+1)/SUM(INDEX($D$3:$AA$30,INDEX(Jesper!$R$2:$R$366,ROW(INDEX(Jesper!AI$2:AI$366,ROUNDDOWN($C7746/24,0)+1,1))-1)+IF('Standard Profiles'!$G$19=$B$10,7,0)+IF('Standard Profiles'!$G$19=$B$17,14,0)+IF('Standard Profiles'!$G$19=$B$24,21,0),0)),0)</f>
        <v>3.6347777521125115</v>
      </c>
      <c r="F7746" cm="1">
        <f t="array" ref="F7746">IFERROR(INDEX(Jesper!AJ$2:AJ$366,ROUNDDOWN($C7746/24,0)+1,1)*INDEX($D$3:$AA$30,INDEX(Jesper!$R$2:$R$366,ROW(INDEX(Jesper!AJ$2:AJ$366,ROUNDDOWN($C7746/24,0)+1,1))-1)+IF('Standard Profiles'!$G$20=$B$10,7,0)+IF('Standard Profiles'!$G$20=$B$17,14,0)+IF('Standard Profiles'!$G$20=$B$24,21,0),MOD($C7746,24)+1)/SUM(INDEX($D$3:$AA$30,INDEX(Jesper!$R$2:$R$366,ROW(INDEX(Jesper!AJ$2:AJ$366,ROUNDDOWN($C7746/24,0)+1,1))-1)+IF('Standard Profiles'!$G$20=$B$10,7,0)+IF('Standard Profiles'!$G$20=$B$17,14,0)+IF('Standard Profiles'!$G$20=$B$24,21,0),0)),0)</f>
        <v>0</v>
      </c>
      <c r="G7746" cm="1">
        <f t="array" ref="G7746">IFERROR(INDEX(Jesper!AK$2:AK$366,ROUNDDOWN($C7746/24,0)+1,1)*INDEX($D$3:$AA$30,INDEX(Jesper!$R$2:$R$366,ROW(INDEX(Jesper!AK$2:AK$366,ROUNDDOWN($C7746/24,0)+1,1))-1)+IF('Standard Profiles'!$G$21=$B$10,7,0)+IF('Standard Profiles'!$G$21=$B$17,14,0)+IF('Standard Profiles'!$G$21=$B$24,21,0),MOD($C7746,24)+1)/SUM(INDEX($D$3:$AA$30,INDEX(Jesper!$R$2:$R$366,ROW(INDEX(Jesper!AK$2:AK$366,ROUNDDOWN($C7746/24,0)+1,1))-1)+IF('Standard Profiles'!$G$21=$B$10,7,0)+IF('Standard Profiles'!$G$21=$B$17,14,0)+IF('Standard Profiles'!$G$21=$B$24,21,0),0)),0)</f>
        <v>0</v>
      </c>
      <c r="H7746" cm="1">
        <f t="array" ref="H7746">IFERROR(INDEX(Jesper!AL$2:AL$366,ROUNDDOWN($C7746/24,0)+1,1)*INDEX($D$3:$AA$30,INDEX(Jesper!$R$2:$R$366,ROW(INDEX(Jesper!AL$2:AL$366,ROUNDDOWN($C7746/24,0)+1,1))-1)+IF('Standard Profiles'!$G$22=$B$10,7,0)+IF('Standard Profiles'!$G$22=$B$17,14,0)+IF('Standard Profiles'!$G$22=$B$24,21,0),MOD($C7746,24)+1)/SUM(INDEX($D$3:$AA$30,INDEX(Jesper!$R$2:$R$366,ROW(INDEX(Jesper!AL$2:AL$366,ROUNDDOWN($C7746/24,0)+1,1))-1)+IF('Standard Profiles'!$G$22=$B$10,7,0)+IF('Standard Profiles'!$G$22=$B$17,14,0)+IF('Standard Profiles'!$G$22=$B$24,21,0),0)),0)</f>
        <v>0</v>
      </c>
      <c r="I7746">
        <f t="shared" si="860"/>
        <v>0.32745745514527141</v>
      </c>
      <c r="J7746">
        <f t="shared" si="861"/>
        <v>1.0915248504842381</v>
      </c>
      <c r="K7746">
        <f t="shared" si="862"/>
        <v>1.6372872757263572</v>
      </c>
      <c r="L7746">
        <f t="shared" si="863"/>
        <v>15.730240479446287</v>
      </c>
      <c r="M7746">
        <f t="shared" si="864"/>
        <v>0</v>
      </c>
      <c r="N7746" s="46">
        <f t="shared" si="865"/>
        <v>45613.333333314629</v>
      </c>
    </row>
    <row r="7747" spans="2:14" x14ac:dyDescent="0.3">
      <c r="B7747">
        <f t="shared" si="859"/>
        <v>7</v>
      </c>
      <c r="C7747" s="16">
        <v>7713</v>
      </c>
      <c r="D7747" cm="1">
        <f t="array" ref="D7747">IFERROR(INDEX(Jesper!AH$2:AH$366,ROUNDDOWN($C7747/24,0)+1,1)*INDEX($D$3:$AA$30,INDEX(Jesper!$R$2:$R$366,ROW(INDEX(Jesper!AH$2:AH$366,ROUNDDOWN($C7747/24,0)+1,1))-1)+IF('Standard Profiles'!$G$18=$B$10,7,0)+IF('Standard Profiles'!$G$18=$B$17,14,0)+IF('Standard Profiles'!$G$18=$B$24,21,0),MOD($C7747,24)+1)/SUM(INDEX($D$3:$AA$30,INDEX(Jesper!$R$2:$R$366,ROW(INDEX(Jesper!AH$2:AH$366,ROUNDDOWN($C7747/24,0)+1,1))-1)+IF('Standard Profiles'!$G$18=$B$10,7,0)+IF('Standard Profiles'!$G$18=$B$17,14,0)+IF('Standard Profiles'!$G$18=$B$24,21,0),0)),0)</f>
        <v>15.151732308689642</v>
      </c>
      <c r="E7747" cm="1">
        <f t="array" ref="E7747">IFERROR(INDEX(Jesper!AI$2:AI$366,ROUNDDOWN($C7747/24,0)+1,1)*INDEX($D$3:$AA$30,INDEX(Jesper!$R$2:$R$366,ROW(INDEX(Jesper!AI$2:AI$366,ROUNDDOWN($C7747/24,0)+1,1))-1)+IF('Standard Profiles'!$G$19=$B$10,7,0)+IF('Standard Profiles'!$G$19=$B$17,14,0)+IF('Standard Profiles'!$G$19=$B$24,21,0),MOD($C7747,24)+1)/SUM(INDEX($D$3:$AA$30,INDEX(Jesper!$R$2:$R$366,ROW(INDEX(Jesper!AI$2:AI$366,ROUNDDOWN($C7747/24,0)+1,1))-1)+IF('Standard Profiles'!$G$19=$B$10,7,0)+IF('Standard Profiles'!$G$19=$B$17,14,0)+IF('Standard Profiles'!$G$19=$B$24,21,0),0)),0)</f>
        <v>3.6347777521125115</v>
      </c>
      <c r="F7747" cm="1">
        <f t="array" ref="F7747">IFERROR(INDEX(Jesper!AJ$2:AJ$366,ROUNDDOWN($C7747/24,0)+1,1)*INDEX($D$3:$AA$30,INDEX(Jesper!$R$2:$R$366,ROW(INDEX(Jesper!AJ$2:AJ$366,ROUNDDOWN($C7747/24,0)+1,1))-1)+IF('Standard Profiles'!$G$20=$B$10,7,0)+IF('Standard Profiles'!$G$20=$B$17,14,0)+IF('Standard Profiles'!$G$20=$B$24,21,0),MOD($C7747,24)+1)/SUM(INDEX($D$3:$AA$30,INDEX(Jesper!$R$2:$R$366,ROW(INDEX(Jesper!AJ$2:AJ$366,ROUNDDOWN($C7747/24,0)+1,1))-1)+IF('Standard Profiles'!$G$20=$B$10,7,0)+IF('Standard Profiles'!$G$20=$B$17,14,0)+IF('Standard Profiles'!$G$20=$B$24,21,0),0)),0)</f>
        <v>0</v>
      </c>
      <c r="G7747" cm="1">
        <f t="array" ref="G7747">IFERROR(INDEX(Jesper!AK$2:AK$366,ROUNDDOWN($C7747/24,0)+1,1)*INDEX($D$3:$AA$30,INDEX(Jesper!$R$2:$R$366,ROW(INDEX(Jesper!AK$2:AK$366,ROUNDDOWN($C7747/24,0)+1,1))-1)+IF('Standard Profiles'!$G$21=$B$10,7,0)+IF('Standard Profiles'!$G$21=$B$17,14,0)+IF('Standard Profiles'!$G$21=$B$24,21,0),MOD($C7747,24)+1)/SUM(INDEX($D$3:$AA$30,INDEX(Jesper!$R$2:$R$366,ROW(INDEX(Jesper!AK$2:AK$366,ROUNDDOWN($C7747/24,0)+1,1))-1)+IF('Standard Profiles'!$G$21=$B$10,7,0)+IF('Standard Profiles'!$G$21=$B$17,14,0)+IF('Standard Profiles'!$G$21=$B$24,21,0),0)),0)</f>
        <v>0</v>
      </c>
      <c r="H7747" cm="1">
        <f t="array" ref="H7747">IFERROR(INDEX(Jesper!AL$2:AL$366,ROUNDDOWN($C7747/24,0)+1,1)*INDEX($D$3:$AA$30,INDEX(Jesper!$R$2:$R$366,ROW(INDEX(Jesper!AL$2:AL$366,ROUNDDOWN($C7747/24,0)+1,1))-1)+IF('Standard Profiles'!$G$22=$B$10,7,0)+IF('Standard Profiles'!$G$22=$B$17,14,0)+IF('Standard Profiles'!$G$22=$B$24,21,0),MOD($C7747,24)+1)/SUM(INDEX($D$3:$AA$30,INDEX(Jesper!$R$2:$R$366,ROW(INDEX(Jesper!AL$2:AL$366,ROUNDDOWN($C7747/24,0)+1,1))-1)+IF('Standard Profiles'!$G$22=$B$10,7,0)+IF('Standard Profiles'!$G$22=$B$17,14,0)+IF('Standard Profiles'!$G$22=$B$24,21,0),0)),0)</f>
        <v>0</v>
      </c>
      <c r="I7747">
        <f t="shared" si="860"/>
        <v>0.32745745514527141</v>
      </c>
      <c r="J7747">
        <f t="shared" si="861"/>
        <v>1.0915248504842381</v>
      </c>
      <c r="K7747">
        <f t="shared" si="862"/>
        <v>1.6372872757263572</v>
      </c>
      <c r="L7747">
        <f t="shared" si="863"/>
        <v>15.730240479446287</v>
      </c>
      <c r="M7747">
        <f t="shared" si="864"/>
        <v>0</v>
      </c>
      <c r="N7747" s="46">
        <f t="shared" si="865"/>
        <v>45613.374999981294</v>
      </c>
    </row>
    <row r="7748" spans="2:14" x14ac:dyDescent="0.3">
      <c r="B7748">
        <f t="shared" si="859"/>
        <v>7</v>
      </c>
      <c r="C7748" s="16">
        <v>7714</v>
      </c>
      <c r="D7748" cm="1">
        <f t="array" ref="D7748">IFERROR(INDEX(Jesper!AH$2:AH$366,ROUNDDOWN($C7748/24,0)+1,1)*INDEX($D$3:$AA$30,INDEX(Jesper!$R$2:$R$366,ROW(INDEX(Jesper!AH$2:AH$366,ROUNDDOWN($C7748/24,0)+1,1))-1)+IF('Standard Profiles'!$G$18=$B$10,7,0)+IF('Standard Profiles'!$G$18=$B$17,14,0)+IF('Standard Profiles'!$G$18=$B$24,21,0),MOD($C7748,24)+1)/SUM(INDEX($D$3:$AA$30,INDEX(Jesper!$R$2:$R$366,ROW(INDEX(Jesper!AH$2:AH$366,ROUNDDOWN($C7748/24,0)+1,1))-1)+IF('Standard Profiles'!$G$18=$B$10,7,0)+IF('Standard Profiles'!$G$18=$B$17,14,0)+IF('Standard Profiles'!$G$18=$B$24,21,0),0)),0)</f>
        <v>15.151732308689642</v>
      </c>
      <c r="E7748" cm="1">
        <f t="array" ref="E7748">IFERROR(INDEX(Jesper!AI$2:AI$366,ROUNDDOWN($C7748/24,0)+1,1)*INDEX($D$3:$AA$30,INDEX(Jesper!$R$2:$R$366,ROW(INDEX(Jesper!AI$2:AI$366,ROUNDDOWN($C7748/24,0)+1,1))-1)+IF('Standard Profiles'!$G$19=$B$10,7,0)+IF('Standard Profiles'!$G$19=$B$17,14,0)+IF('Standard Profiles'!$G$19=$B$24,21,0),MOD($C7748,24)+1)/SUM(INDEX($D$3:$AA$30,INDEX(Jesper!$R$2:$R$366,ROW(INDEX(Jesper!AI$2:AI$366,ROUNDDOWN($C7748/24,0)+1,1))-1)+IF('Standard Profiles'!$G$19=$B$10,7,0)+IF('Standard Profiles'!$G$19=$B$17,14,0)+IF('Standard Profiles'!$G$19=$B$24,21,0),0)),0)</f>
        <v>3.6347777521125115</v>
      </c>
      <c r="F7748" cm="1">
        <f t="array" ref="F7748">IFERROR(INDEX(Jesper!AJ$2:AJ$366,ROUNDDOWN($C7748/24,0)+1,1)*INDEX($D$3:$AA$30,INDEX(Jesper!$R$2:$R$366,ROW(INDEX(Jesper!AJ$2:AJ$366,ROUNDDOWN($C7748/24,0)+1,1))-1)+IF('Standard Profiles'!$G$20=$B$10,7,0)+IF('Standard Profiles'!$G$20=$B$17,14,0)+IF('Standard Profiles'!$G$20=$B$24,21,0),MOD($C7748,24)+1)/SUM(INDEX($D$3:$AA$30,INDEX(Jesper!$R$2:$R$366,ROW(INDEX(Jesper!AJ$2:AJ$366,ROUNDDOWN($C7748/24,0)+1,1))-1)+IF('Standard Profiles'!$G$20=$B$10,7,0)+IF('Standard Profiles'!$G$20=$B$17,14,0)+IF('Standard Profiles'!$G$20=$B$24,21,0),0)),0)</f>
        <v>0</v>
      </c>
      <c r="G7748" cm="1">
        <f t="array" ref="G7748">IFERROR(INDEX(Jesper!AK$2:AK$366,ROUNDDOWN($C7748/24,0)+1,1)*INDEX($D$3:$AA$30,INDEX(Jesper!$R$2:$R$366,ROW(INDEX(Jesper!AK$2:AK$366,ROUNDDOWN($C7748/24,0)+1,1))-1)+IF('Standard Profiles'!$G$21=$B$10,7,0)+IF('Standard Profiles'!$G$21=$B$17,14,0)+IF('Standard Profiles'!$G$21=$B$24,21,0),MOD($C7748,24)+1)/SUM(INDEX($D$3:$AA$30,INDEX(Jesper!$R$2:$R$366,ROW(INDEX(Jesper!AK$2:AK$366,ROUNDDOWN($C7748/24,0)+1,1))-1)+IF('Standard Profiles'!$G$21=$B$10,7,0)+IF('Standard Profiles'!$G$21=$B$17,14,0)+IF('Standard Profiles'!$G$21=$B$24,21,0),0)),0)</f>
        <v>0</v>
      </c>
      <c r="H7748" cm="1">
        <f t="array" ref="H7748">IFERROR(INDEX(Jesper!AL$2:AL$366,ROUNDDOWN($C7748/24,0)+1,1)*INDEX($D$3:$AA$30,INDEX(Jesper!$R$2:$R$366,ROW(INDEX(Jesper!AL$2:AL$366,ROUNDDOWN($C7748/24,0)+1,1))-1)+IF('Standard Profiles'!$G$22=$B$10,7,0)+IF('Standard Profiles'!$G$22=$B$17,14,0)+IF('Standard Profiles'!$G$22=$B$24,21,0),MOD($C7748,24)+1)/SUM(INDEX($D$3:$AA$30,INDEX(Jesper!$R$2:$R$366,ROW(INDEX(Jesper!AL$2:AL$366,ROUNDDOWN($C7748/24,0)+1,1))-1)+IF('Standard Profiles'!$G$22=$B$10,7,0)+IF('Standard Profiles'!$G$22=$B$17,14,0)+IF('Standard Profiles'!$G$22=$B$24,21,0),0)),0)</f>
        <v>0</v>
      </c>
      <c r="I7748">
        <f t="shared" si="860"/>
        <v>0.32745745514527141</v>
      </c>
      <c r="J7748">
        <f t="shared" si="861"/>
        <v>1.0915248504842381</v>
      </c>
      <c r="K7748">
        <f t="shared" si="862"/>
        <v>1.6372872757263572</v>
      </c>
      <c r="L7748">
        <f t="shared" si="863"/>
        <v>15.730240479446287</v>
      </c>
      <c r="M7748">
        <f t="shared" si="864"/>
        <v>0</v>
      </c>
      <c r="N7748" s="46">
        <f t="shared" si="865"/>
        <v>45613.416666647958</v>
      </c>
    </row>
    <row r="7749" spans="2:14" x14ac:dyDescent="0.3">
      <c r="B7749">
        <f t="shared" si="859"/>
        <v>7</v>
      </c>
      <c r="C7749" s="16">
        <v>7715</v>
      </c>
      <c r="D7749" cm="1">
        <f t="array" ref="D7749">IFERROR(INDEX(Jesper!AH$2:AH$366,ROUNDDOWN($C7749/24,0)+1,1)*INDEX($D$3:$AA$30,INDEX(Jesper!$R$2:$R$366,ROW(INDEX(Jesper!AH$2:AH$366,ROUNDDOWN($C7749/24,0)+1,1))-1)+IF('Standard Profiles'!$G$18=$B$10,7,0)+IF('Standard Profiles'!$G$18=$B$17,14,0)+IF('Standard Profiles'!$G$18=$B$24,21,0),MOD($C7749,24)+1)/SUM(INDEX($D$3:$AA$30,INDEX(Jesper!$R$2:$R$366,ROW(INDEX(Jesper!AH$2:AH$366,ROUNDDOWN($C7749/24,0)+1,1))-1)+IF('Standard Profiles'!$G$18=$B$10,7,0)+IF('Standard Profiles'!$G$18=$B$17,14,0)+IF('Standard Profiles'!$G$18=$B$24,21,0),0)),0)</f>
        <v>15.151732308689642</v>
      </c>
      <c r="E7749" cm="1">
        <f t="array" ref="E7749">IFERROR(INDEX(Jesper!AI$2:AI$366,ROUNDDOWN($C7749/24,0)+1,1)*INDEX($D$3:$AA$30,INDEX(Jesper!$R$2:$R$366,ROW(INDEX(Jesper!AI$2:AI$366,ROUNDDOWN($C7749/24,0)+1,1))-1)+IF('Standard Profiles'!$G$19=$B$10,7,0)+IF('Standard Profiles'!$G$19=$B$17,14,0)+IF('Standard Profiles'!$G$19=$B$24,21,0),MOD($C7749,24)+1)/SUM(INDEX($D$3:$AA$30,INDEX(Jesper!$R$2:$R$366,ROW(INDEX(Jesper!AI$2:AI$366,ROUNDDOWN($C7749/24,0)+1,1))-1)+IF('Standard Profiles'!$G$19=$B$10,7,0)+IF('Standard Profiles'!$G$19=$B$17,14,0)+IF('Standard Profiles'!$G$19=$B$24,21,0),0)),0)</f>
        <v>3.6347777521125115</v>
      </c>
      <c r="F7749" cm="1">
        <f t="array" ref="F7749">IFERROR(INDEX(Jesper!AJ$2:AJ$366,ROUNDDOWN($C7749/24,0)+1,1)*INDEX($D$3:$AA$30,INDEX(Jesper!$R$2:$R$366,ROW(INDEX(Jesper!AJ$2:AJ$366,ROUNDDOWN($C7749/24,0)+1,1))-1)+IF('Standard Profiles'!$G$20=$B$10,7,0)+IF('Standard Profiles'!$G$20=$B$17,14,0)+IF('Standard Profiles'!$G$20=$B$24,21,0),MOD($C7749,24)+1)/SUM(INDEX($D$3:$AA$30,INDEX(Jesper!$R$2:$R$366,ROW(INDEX(Jesper!AJ$2:AJ$366,ROUNDDOWN($C7749/24,0)+1,1))-1)+IF('Standard Profiles'!$G$20=$B$10,7,0)+IF('Standard Profiles'!$G$20=$B$17,14,0)+IF('Standard Profiles'!$G$20=$B$24,21,0),0)),0)</f>
        <v>0</v>
      </c>
      <c r="G7749" cm="1">
        <f t="array" ref="G7749">IFERROR(INDEX(Jesper!AK$2:AK$366,ROUNDDOWN($C7749/24,0)+1,1)*INDEX($D$3:$AA$30,INDEX(Jesper!$R$2:$R$366,ROW(INDEX(Jesper!AK$2:AK$366,ROUNDDOWN($C7749/24,0)+1,1))-1)+IF('Standard Profiles'!$G$21=$B$10,7,0)+IF('Standard Profiles'!$G$21=$B$17,14,0)+IF('Standard Profiles'!$G$21=$B$24,21,0),MOD($C7749,24)+1)/SUM(INDEX($D$3:$AA$30,INDEX(Jesper!$R$2:$R$366,ROW(INDEX(Jesper!AK$2:AK$366,ROUNDDOWN($C7749/24,0)+1,1))-1)+IF('Standard Profiles'!$G$21=$B$10,7,0)+IF('Standard Profiles'!$G$21=$B$17,14,0)+IF('Standard Profiles'!$G$21=$B$24,21,0),0)),0)</f>
        <v>0</v>
      </c>
      <c r="H7749" cm="1">
        <f t="array" ref="H7749">IFERROR(INDEX(Jesper!AL$2:AL$366,ROUNDDOWN($C7749/24,0)+1,1)*INDEX($D$3:$AA$30,INDEX(Jesper!$R$2:$R$366,ROW(INDEX(Jesper!AL$2:AL$366,ROUNDDOWN($C7749/24,0)+1,1))-1)+IF('Standard Profiles'!$G$22=$B$10,7,0)+IF('Standard Profiles'!$G$22=$B$17,14,0)+IF('Standard Profiles'!$G$22=$B$24,21,0),MOD($C7749,24)+1)/SUM(INDEX($D$3:$AA$30,INDEX(Jesper!$R$2:$R$366,ROW(INDEX(Jesper!AL$2:AL$366,ROUNDDOWN($C7749/24,0)+1,1))-1)+IF('Standard Profiles'!$G$22=$B$10,7,0)+IF('Standard Profiles'!$G$22=$B$17,14,0)+IF('Standard Profiles'!$G$22=$B$24,21,0),0)),0)</f>
        <v>0</v>
      </c>
      <c r="I7749">
        <f t="shared" si="860"/>
        <v>0.32745745514527141</v>
      </c>
      <c r="J7749">
        <f t="shared" si="861"/>
        <v>1.0915248504842381</v>
      </c>
      <c r="K7749">
        <f t="shared" si="862"/>
        <v>1.6372872757263572</v>
      </c>
      <c r="L7749">
        <f t="shared" si="863"/>
        <v>15.730240479446287</v>
      </c>
      <c r="M7749">
        <f t="shared" si="864"/>
        <v>0</v>
      </c>
      <c r="N7749" s="46">
        <f t="shared" si="865"/>
        <v>45613.458333314622</v>
      </c>
    </row>
    <row r="7750" spans="2:14" x14ac:dyDescent="0.3">
      <c r="B7750">
        <f t="shared" si="859"/>
        <v>7</v>
      </c>
      <c r="C7750" s="16">
        <v>7716</v>
      </c>
      <c r="D7750" cm="1">
        <f t="array" ref="D7750">IFERROR(INDEX(Jesper!AH$2:AH$366,ROUNDDOWN($C7750/24,0)+1,1)*INDEX($D$3:$AA$30,INDEX(Jesper!$R$2:$R$366,ROW(INDEX(Jesper!AH$2:AH$366,ROUNDDOWN($C7750/24,0)+1,1))-1)+IF('Standard Profiles'!$G$18=$B$10,7,0)+IF('Standard Profiles'!$G$18=$B$17,14,0)+IF('Standard Profiles'!$G$18=$B$24,21,0),MOD($C7750,24)+1)/SUM(INDEX($D$3:$AA$30,INDEX(Jesper!$R$2:$R$366,ROW(INDEX(Jesper!AH$2:AH$366,ROUNDDOWN($C7750/24,0)+1,1))-1)+IF('Standard Profiles'!$G$18=$B$10,7,0)+IF('Standard Profiles'!$G$18=$B$17,14,0)+IF('Standard Profiles'!$G$18=$B$24,21,0),0)),0)</f>
        <v>15.151732308689642</v>
      </c>
      <c r="E7750" cm="1">
        <f t="array" ref="E7750">IFERROR(INDEX(Jesper!AI$2:AI$366,ROUNDDOWN($C7750/24,0)+1,1)*INDEX($D$3:$AA$30,INDEX(Jesper!$R$2:$R$366,ROW(INDEX(Jesper!AI$2:AI$366,ROUNDDOWN($C7750/24,0)+1,1))-1)+IF('Standard Profiles'!$G$19=$B$10,7,0)+IF('Standard Profiles'!$G$19=$B$17,14,0)+IF('Standard Profiles'!$G$19=$B$24,21,0),MOD($C7750,24)+1)/SUM(INDEX($D$3:$AA$30,INDEX(Jesper!$R$2:$R$366,ROW(INDEX(Jesper!AI$2:AI$366,ROUNDDOWN($C7750/24,0)+1,1))-1)+IF('Standard Profiles'!$G$19=$B$10,7,0)+IF('Standard Profiles'!$G$19=$B$17,14,0)+IF('Standard Profiles'!$G$19=$B$24,21,0),0)),0)</f>
        <v>3.6347777521125115</v>
      </c>
      <c r="F7750" cm="1">
        <f t="array" ref="F7750">IFERROR(INDEX(Jesper!AJ$2:AJ$366,ROUNDDOWN($C7750/24,0)+1,1)*INDEX($D$3:$AA$30,INDEX(Jesper!$R$2:$R$366,ROW(INDEX(Jesper!AJ$2:AJ$366,ROUNDDOWN($C7750/24,0)+1,1))-1)+IF('Standard Profiles'!$G$20=$B$10,7,0)+IF('Standard Profiles'!$G$20=$B$17,14,0)+IF('Standard Profiles'!$G$20=$B$24,21,0),MOD($C7750,24)+1)/SUM(INDEX($D$3:$AA$30,INDEX(Jesper!$R$2:$R$366,ROW(INDEX(Jesper!AJ$2:AJ$366,ROUNDDOWN($C7750/24,0)+1,1))-1)+IF('Standard Profiles'!$G$20=$B$10,7,0)+IF('Standard Profiles'!$G$20=$B$17,14,0)+IF('Standard Profiles'!$G$20=$B$24,21,0),0)),0)</f>
        <v>0</v>
      </c>
      <c r="G7750" cm="1">
        <f t="array" ref="G7750">IFERROR(INDEX(Jesper!AK$2:AK$366,ROUNDDOWN($C7750/24,0)+1,1)*INDEX($D$3:$AA$30,INDEX(Jesper!$R$2:$R$366,ROW(INDEX(Jesper!AK$2:AK$366,ROUNDDOWN($C7750/24,0)+1,1))-1)+IF('Standard Profiles'!$G$21=$B$10,7,0)+IF('Standard Profiles'!$G$21=$B$17,14,0)+IF('Standard Profiles'!$G$21=$B$24,21,0),MOD($C7750,24)+1)/SUM(INDEX($D$3:$AA$30,INDEX(Jesper!$R$2:$R$366,ROW(INDEX(Jesper!AK$2:AK$366,ROUNDDOWN($C7750/24,0)+1,1))-1)+IF('Standard Profiles'!$G$21=$B$10,7,0)+IF('Standard Profiles'!$G$21=$B$17,14,0)+IF('Standard Profiles'!$G$21=$B$24,21,0),0)),0)</f>
        <v>0</v>
      </c>
      <c r="H7750" cm="1">
        <f t="array" ref="H7750">IFERROR(INDEX(Jesper!AL$2:AL$366,ROUNDDOWN($C7750/24,0)+1,1)*INDEX($D$3:$AA$30,INDEX(Jesper!$R$2:$R$366,ROW(INDEX(Jesper!AL$2:AL$366,ROUNDDOWN($C7750/24,0)+1,1))-1)+IF('Standard Profiles'!$G$22=$B$10,7,0)+IF('Standard Profiles'!$G$22=$B$17,14,0)+IF('Standard Profiles'!$G$22=$B$24,21,0),MOD($C7750,24)+1)/SUM(INDEX($D$3:$AA$30,INDEX(Jesper!$R$2:$R$366,ROW(INDEX(Jesper!AL$2:AL$366,ROUNDDOWN($C7750/24,0)+1,1))-1)+IF('Standard Profiles'!$G$22=$B$10,7,0)+IF('Standard Profiles'!$G$22=$B$17,14,0)+IF('Standard Profiles'!$G$22=$B$24,21,0),0)),0)</f>
        <v>0</v>
      </c>
      <c r="I7750">
        <f t="shared" si="860"/>
        <v>0.32745745514527141</v>
      </c>
      <c r="J7750">
        <f t="shared" si="861"/>
        <v>1.0915248504842381</v>
      </c>
      <c r="K7750">
        <f t="shared" si="862"/>
        <v>1.6372872757263572</v>
      </c>
      <c r="L7750">
        <f t="shared" si="863"/>
        <v>15.730240479446287</v>
      </c>
      <c r="M7750">
        <f t="shared" si="864"/>
        <v>0</v>
      </c>
      <c r="N7750" s="46">
        <f t="shared" si="865"/>
        <v>45613.499999981286</v>
      </c>
    </row>
    <row r="7751" spans="2:14" x14ac:dyDescent="0.3">
      <c r="B7751">
        <f t="shared" si="859"/>
        <v>7</v>
      </c>
      <c r="C7751" s="16">
        <v>7717</v>
      </c>
      <c r="D7751" cm="1">
        <f t="array" ref="D7751">IFERROR(INDEX(Jesper!AH$2:AH$366,ROUNDDOWN($C7751/24,0)+1,1)*INDEX($D$3:$AA$30,INDEX(Jesper!$R$2:$R$366,ROW(INDEX(Jesper!AH$2:AH$366,ROUNDDOWN($C7751/24,0)+1,1))-1)+IF('Standard Profiles'!$G$18=$B$10,7,0)+IF('Standard Profiles'!$G$18=$B$17,14,0)+IF('Standard Profiles'!$G$18=$B$24,21,0),MOD($C7751,24)+1)/SUM(INDEX($D$3:$AA$30,INDEX(Jesper!$R$2:$R$366,ROW(INDEX(Jesper!AH$2:AH$366,ROUNDDOWN($C7751/24,0)+1,1))-1)+IF('Standard Profiles'!$G$18=$B$10,7,0)+IF('Standard Profiles'!$G$18=$B$17,14,0)+IF('Standard Profiles'!$G$18=$B$24,21,0),0)),0)</f>
        <v>15.151732308689642</v>
      </c>
      <c r="E7751" cm="1">
        <f t="array" ref="E7751">IFERROR(INDEX(Jesper!AI$2:AI$366,ROUNDDOWN($C7751/24,0)+1,1)*INDEX($D$3:$AA$30,INDEX(Jesper!$R$2:$R$366,ROW(INDEX(Jesper!AI$2:AI$366,ROUNDDOWN($C7751/24,0)+1,1))-1)+IF('Standard Profiles'!$G$19=$B$10,7,0)+IF('Standard Profiles'!$G$19=$B$17,14,0)+IF('Standard Profiles'!$G$19=$B$24,21,0),MOD($C7751,24)+1)/SUM(INDEX($D$3:$AA$30,INDEX(Jesper!$R$2:$R$366,ROW(INDEX(Jesper!AI$2:AI$366,ROUNDDOWN($C7751/24,0)+1,1))-1)+IF('Standard Profiles'!$G$19=$B$10,7,0)+IF('Standard Profiles'!$G$19=$B$17,14,0)+IF('Standard Profiles'!$G$19=$B$24,21,0),0)),0)</f>
        <v>3.6347777521125115</v>
      </c>
      <c r="F7751" cm="1">
        <f t="array" ref="F7751">IFERROR(INDEX(Jesper!AJ$2:AJ$366,ROUNDDOWN($C7751/24,0)+1,1)*INDEX($D$3:$AA$30,INDEX(Jesper!$R$2:$R$366,ROW(INDEX(Jesper!AJ$2:AJ$366,ROUNDDOWN($C7751/24,0)+1,1))-1)+IF('Standard Profiles'!$G$20=$B$10,7,0)+IF('Standard Profiles'!$G$20=$B$17,14,0)+IF('Standard Profiles'!$G$20=$B$24,21,0),MOD($C7751,24)+1)/SUM(INDEX($D$3:$AA$30,INDEX(Jesper!$R$2:$R$366,ROW(INDEX(Jesper!AJ$2:AJ$366,ROUNDDOWN($C7751/24,0)+1,1))-1)+IF('Standard Profiles'!$G$20=$B$10,7,0)+IF('Standard Profiles'!$G$20=$B$17,14,0)+IF('Standard Profiles'!$G$20=$B$24,21,0),0)),0)</f>
        <v>0</v>
      </c>
      <c r="G7751" cm="1">
        <f t="array" ref="G7751">IFERROR(INDEX(Jesper!AK$2:AK$366,ROUNDDOWN($C7751/24,0)+1,1)*INDEX($D$3:$AA$30,INDEX(Jesper!$R$2:$R$366,ROW(INDEX(Jesper!AK$2:AK$366,ROUNDDOWN($C7751/24,0)+1,1))-1)+IF('Standard Profiles'!$G$21=$B$10,7,0)+IF('Standard Profiles'!$G$21=$B$17,14,0)+IF('Standard Profiles'!$G$21=$B$24,21,0),MOD($C7751,24)+1)/SUM(INDEX($D$3:$AA$30,INDEX(Jesper!$R$2:$R$366,ROW(INDEX(Jesper!AK$2:AK$366,ROUNDDOWN($C7751/24,0)+1,1))-1)+IF('Standard Profiles'!$G$21=$B$10,7,0)+IF('Standard Profiles'!$G$21=$B$17,14,0)+IF('Standard Profiles'!$G$21=$B$24,21,0),0)),0)</f>
        <v>0</v>
      </c>
      <c r="H7751" cm="1">
        <f t="array" ref="H7751">IFERROR(INDEX(Jesper!AL$2:AL$366,ROUNDDOWN($C7751/24,0)+1,1)*INDEX($D$3:$AA$30,INDEX(Jesper!$R$2:$R$366,ROW(INDEX(Jesper!AL$2:AL$366,ROUNDDOWN($C7751/24,0)+1,1))-1)+IF('Standard Profiles'!$G$22=$B$10,7,0)+IF('Standard Profiles'!$G$22=$B$17,14,0)+IF('Standard Profiles'!$G$22=$B$24,21,0),MOD($C7751,24)+1)/SUM(INDEX($D$3:$AA$30,INDEX(Jesper!$R$2:$R$366,ROW(INDEX(Jesper!AL$2:AL$366,ROUNDDOWN($C7751/24,0)+1,1))-1)+IF('Standard Profiles'!$G$22=$B$10,7,0)+IF('Standard Profiles'!$G$22=$B$17,14,0)+IF('Standard Profiles'!$G$22=$B$24,21,0),0)),0)</f>
        <v>0</v>
      </c>
      <c r="I7751">
        <f t="shared" si="860"/>
        <v>0.32745745514527141</v>
      </c>
      <c r="J7751">
        <f t="shared" si="861"/>
        <v>1.0915248504842381</v>
      </c>
      <c r="K7751">
        <f t="shared" si="862"/>
        <v>1.6372872757263572</v>
      </c>
      <c r="L7751">
        <f t="shared" si="863"/>
        <v>15.730240479446287</v>
      </c>
      <c r="M7751">
        <f t="shared" si="864"/>
        <v>0</v>
      </c>
      <c r="N7751" s="46">
        <f t="shared" si="865"/>
        <v>45613.54166664795</v>
      </c>
    </row>
    <row r="7752" spans="2:14" x14ac:dyDescent="0.3">
      <c r="B7752">
        <f t="shared" si="859"/>
        <v>7</v>
      </c>
      <c r="C7752" s="16">
        <v>7718</v>
      </c>
      <c r="D7752" cm="1">
        <f t="array" ref="D7752">IFERROR(INDEX(Jesper!AH$2:AH$366,ROUNDDOWN($C7752/24,0)+1,1)*INDEX($D$3:$AA$30,INDEX(Jesper!$R$2:$R$366,ROW(INDEX(Jesper!AH$2:AH$366,ROUNDDOWN($C7752/24,0)+1,1))-1)+IF('Standard Profiles'!$G$18=$B$10,7,0)+IF('Standard Profiles'!$G$18=$B$17,14,0)+IF('Standard Profiles'!$G$18=$B$24,21,0),MOD($C7752,24)+1)/SUM(INDEX($D$3:$AA$30,INDEX(Jesper!$R$2:$R$366,ROW(INDEX(Jesper!AH$2:AH$366,ROUNDDOWN($C7752/24,0)+1,1))-1)+IF('Standard Profiles'!$G$18=$B$10,7,0)+IF('Standard Profiles'!$G$18=$B$17,14,0)+IF('Standard Profiles'!$G$18=$B$24,21,0),0)),0)</f>
        <v>15.151732308689642</v>
      </c>
      <c r="E7752" cm="1">
        <f t="array" ref="E7752">IFERROR(INDEX(Jesper!AI$2:AI$366,ROUNDDOWN($C7752/24,0)+1,1)*INDEX($D$3:$AA$30,INDEX(Jesper!$R$2:$R$366,ROW(INDEX(Jesper!AI$2:AI$366,ROUNDDOWN($C7752/24,0)+1,1))-1)+IF('Standard Profiles'!$G$19=$B$10,7,0)+IF('Standard Profiles'!$G$19=$B$17,14,0)+IF('Standard Profiles'!$G$19=$B$24,21,0),MOD($C7752,24)+1)/SUM(INDEX($D$3:$AA$30,INDEX(Jesper!$R$2:$R$366,ROW(INDEX(Jesper!AI$2:AI$366,ROUNDDOWN($C7752/24,0)+1,1))-1)+IF('Standard Profiles'!$G$19=$B$10,7,0)+IF('Standard Profiles'!$G$19=$B$17,14,0)+IF('Standard Profiles'!$G$19=$B$24,21,0),0)),0)</f>
        <v>3.6347777521125115</v>
      </c>
      <c r="F7752" cm="1">
        <f t="array" ref="F7752">IFERROR(INDEX(Jesper!AJ$2:AJ$366,ROUNDDOWN($C7752/24,0)+1,1)*INDEX($D$3:$AA$30,INDEX(Jesper!$R$2:$R$366,ROW(INDEX(Jesper!AJ$2:AJ$366,ROUNDDOWN($C7752/24,0)+1,1))-1)+IF('Standard Profiles'!$G$20=$B$10,7,0)+IF('Standard Profiles'!$G$20=$B$17,14,0)+IF('Standard Profiles'!$G$20=$B$24,21,0),MOD($C7752,24)+1)/SUM(INDEX($D$3:$AA$30,INDEX(Jesper!$R$2:$R$366,ROW(INDEX(Jesper!AJ$2:AJ$366,ROUNDDOWN($C7752/24,0)+1,1))-1)+IF('Standard Profiles'!$G$20=$B$10,7,0)+IF('Standard Profiles'!$G$20=$B$17,14,0)+IF('Standard Profiles'!$G$20=$B$24,21,0),0)),0)</f>
        <v>0</v>
      </c>
      <c r="G7752" cm="1">
        <f t="array" ref="G7752">IFERROR(INDEX(Jesper!AK$2:AK$366,ROUNDDOWN($C7752/24,0)+1,1)*INDEX($D$3:$AA$30,INDEX(Jesper!$R$2:$R$366,ROW(INDEX(Jesper!AK$2:AK$366,ROUNDDOWN($C7752/24,0)+1,1))-1)+IF('Standard Profiles'!$G$21=$B$10,7,0)+IF('Standard Profiles'!$G$21=$B$17,14,0)+IF('Standard Profiles'!$G$21=$B$24,21,0),MOD($C7752,24)+1)/SUM(INDEX($D$3:$AA$30,INDEX(Jesper!$R$2:$R$366,ROW(INDEX(Jesper!AK$2:AK$366,ROUNDDOWN($C7752/24,0)+1,1))-1)+IF('Standard Profiles'!$G$21=$B$10,7,0)+IF('Standard Profiles'!$G$21=$B$17,14,0)+IF('Standard Profiles'!$G$21=$B$24,21,0),0)),0)</f>
        <v>0</v>
      </c>
      <c r="H7752" cm="1">
        <f t="array" ref="H7752">IFERROR(INDEX(Jesper!AL$2:AL$366,ROUNDDOWN($C7752/24,0)+1,1)*INDEX($D$3:$AA$30,INDEX(Jesper!$R$2:$R$366,ROW(INDEX(Jesper!AL$2:AL$366,ROUNDDOWN($C7752/24,0)+1,1))-1)+IF('Standard Profiles'!$G$22=$B$10,7,0)+IF('Standard Profiles'!$G$22=$B$17,14,0)+IF('Standard Profiles'!$G$22=$B$24,21,0),MOD($C7752,24)+1)/SUM(INDEX($D$3:$AA$30,INDEX(Jesper!$R$2:$R$366,ROW(INDEX(Jesper!AL$2:AL$366,ROUNDDOWN($C7752/24,0)+1,1))-1)+IF('Standard Profiles'!$G$22=$B$10,7,0)+IF('Standard Profiles'!$G$22=$B$17,14,0)+IF('Standard Profiles'!$G$22=$B$24,21,0),0)),0)</f>
        <v>0</v>
      </c>
      <c r="I7752">
        <f t="shared" si="860"/>
        <v>0.32745745514527141</v>
      </c>
      <c r="J7752">
        <f t="shared" si="861"/>
        <v>1.0915248504842381</v>
      </c>
      <c r="K7752">
        <f t="shared" si="862"/>
        <v>1.6372872757263572</v>
      </c>
      <c r="L7752">
        <f t="shared" si="863"/>
        <v>15.730240479446287</v>
      </c>
      <c r="M7752">
        <f t="shared" si="864"/>
        <v>0</v>
      </c>
      <c r="N7752" s="46">
        <f t="shared" si="865"/>
        <v>45613.583333314615</v>
      </c>
    </row>
    <row r="7753" spans="2:14" x14ac:dyDescent="0.3">
      <c r="B7753">
        <f t="shared" si="859"/>
        <v>7</v>
      </c>
      <c r="C7753" s="16">
        <v>7719</v>
      </c>
      <c r="D7753" cm="1">
        <f t="array" ref="D7753">IFERROR(INDEX(Jesper!AH$2:AH$366,ROUNDDOWN($C7753/24,0)+1,1)*INDEX($D$3:$AA$30,INDEX(Jesper!$R$2:$R$366,ROW(INDEX(Jesper!AH$2:AH$366,ROUNDDOWN($C7753/24,0)+1,1))-1)+IF('Standard Profiles'!$G$18=$B$10,7,0)+IF('Standard Profiles'!$G$18=$B$17,14,0)+IF('Standard Profiles'!$G$18=$B$24,21,0),MOD($C7753,24)+1)/SUM(INDEX($D$3:$AA$30,INDEX(Jesper!$R$2:$R$366,ROW(INDEX(Jesper!AH$2:AH$366,ROUNDDOWN($C7753/24,0)+1,1))-1)+IF('Standard Profiles'!$G$18=$B$10,7,0)+IF('Standard Profiles'!$G$18=$B$17,14,0)+IF('Standard Profiles'!$G$18=$B$24,21,0),0)),0)</f>
        <v>13.468206496613014</v>
      </c>
      <c r="E7753" cm="1">
        <f t="array" ref="E7753">IFERROR(INDEX(Jesper!AI$2:AI$366,ROUNDDOWN($C7753/24,0)+1,1)*INDEX($D$3:$AA$30,INDEX(Jesper!$R$2:$R$366,ROW(INDEX(Jesper!AI$2:AI$366,ROUNDDOWN($C7753/24,0)+1,1))-1)+IF('Standard Profiles'!$G$19=$B$10,7,0)+IF('Standard Profiles'!$G$19=$B$17,14,0)+IF('Standard Profiles'!$G$19=$B$24,21,0),MOD($C7753,24)+1)/SUM(INDEX($D$3:$AA$30,INDEX(Jesper!$R$2:$R$366,ROW(INDEX(Jesper!AI$2:AI$366,ROUNDDOWN($C7753/24,0)+1,1))-1)+IF('Standard Profiles'!$G$19=$B$10,7,0)+IF('Standard Profiles'!$G$19=$B$17,14,0)+IF('Standard Profiles'!$G$19=$B$24,21,0),0)),0)</f>
        <v>3.2309135574333436</v>
      </c>
      <c r="F7753" cm="1">
        <f t="array" ref="F7753">IFERROR(INDEX(Jesper!AJ$2:AJ$366,ROUNDDOWN($C7753/24,0)+1,1)*INDEX($D$3:$AA$30,INDEX(Jesper!$R$2:$R$366,ROW(INDEX(Jesper!AJ$2:AJ$366,ROUNDDOWN($C7753/24,0)+1,1))-1)+IF('Standard Profiles'!$G$20=$B$10,7,0)+IF('Standard Profiles'!$G$20=$B$17,14,0)+IF('Standard Profiles'!$G$20=$B$24,21,0),MOD($C7753,24)+1)/SUM(INDEX($D$3:$AA$30,INDEX(Jesper!$R$2:$R$366,ROW(INDEX(Jesper!AJ$2:AJ$366,ROUNDDOWN($C7753/24,0)+1,1))-1)+IF('Standard Profiles'!$G$20=$B$10,7,0)+IF('Standard Profiles'!$G$20=$B$17,14,0)+IF('Standard Profiles'!$G$20=$B$24,21,0),0)),0)</f>
        <v>0</v>
      </c>
      <c r="G7753" cm="1">
        <f t="array" ref="G7753">IFERROR(INDEX(Jesper!AK$2:AK$366,ROUNDDOWN($C7753/24,0)+1,1)*INDEX($D$3:$AA$30,INDEX(Jesper!$R$2:$R$366,ROW(INDEX(Jesper!AK$2:AK$366,ROUNDDOWN($C7753/24,0)+1,1))-1)+IF('Standard Profiles'!$G$21=$B$10,7,0)+IF('Standard Profiles'!$G$21=$B$17,14,0)+IF('Standard Profiles'!$G$21=$B$24,21,0),MOD($C7753,24)+1)/SUM(INDEX($D$3:$AA$30,INDEX(Jesper!$R$2:$R$366,ROW(INDEX(Jesper!AK$2:AK$366,ROUNDDOWN($C7753/24,0)+1,1))-1)+IF('Standard Profiles'!$G$21=$B$10,7,0)+IF('Standard Profiles'!$G$21=$B$17,14,0)+IF('Standard Profiles'!$G$21=$B$24,21,0),0)),0)</f>
        <v>0</v>
      </c>
      <c r="H7753" cm="1">
        <f t="array" ref="H7753">IFERROR(INDEX(Jesper!AL$2:AL$366,ROUNDDOWN($C7753/24,0)+1,1)*INDEX($D$3:$AA$30,INDEX(Jesper!$R$2:$R$366,ROW(INDEX(Jesper!AL$2:AL$366,ROUNDDOWN($C7753/24,0)+1,1))-1)+IF('Standard Profiles'!$G$22=$B$10,7,0)+IF('Standard Profiles'!$G$22=$B$17,14,0)+IF('Standard Profiles'!$G$22=$B$24,21,0),MOD($C7753,24)+1)/SUM(INDEX($D$3:$AA$30,INDEX(Jesper!$R$2:$R$366,ROW(INDEX(Jesper!AL$2:AL$366,ROUNDDOWN($C7753/24,0)+1,1))-1)+IF('Standard Profiles'!$G$22=$B$10,7,0)+IF('Standard Profiles'!$G$22=$B$17,14,0)+IF('Standard Profiles'!$G$22=$B$24,21,0),0)),0)</f>
        <v>0</v>
      </c>
      <c r="I7753">
        <f t="shared" si="860"/>
        <v>0.29107329346246347</v>
      </c>
      <c r="J7753">
        <f t="shared" si="861"/>
        <v>0.970244311541545</v>
      </c>
      <c r="K7753">
        <f t="shared" si="862"/>
        <v>1.4553664673123174</v>
      </c>
      <c r="L7753">
        <f t="shared" si="863"/>
        <v>13.982435981730031</v>
      </c>
      <c r="M7753">
        <f t="shared" si="864"/>
        <v>0</v>
      </c>
      <c r="N7753" s="46">
        <f t="shared" si="865"/>
        <v>45613.624999981279</v>
      </c>
    </row>
    <row r="7754" spans="2:14" x14ac:dyDescent="0.3">
      <c r="B7754">
        <f t="shared" si="859"/>
        <v>7</v>
      </c>
      <c r="C7754" s="16">
        <v>7720</v>
      </c>
      <c r="D7754" cm="1">
        <f t="array" ref="D7754">IFERROR(INDEX(Jesper!AH$2:AH$366,ROUNDDOWN($C7754/24,0)+1,1)*INDEX($D$3:$AA$30,INDEX(Jesper!$R$2:$R$366,ROW(INDEX(Jesper!AH$2:AH$366,ROUNDDOWN($C7754/24,0)+1,1))-1)+IF('Standard Profiles'!$G$18=$B$10,7,0)+IF('Standard Profiles'!$G$18=$B$17,14,0)+IF('Standard Profiles'!$G$18=$B$24,21,0),MOD($C7754,24)+1)/SUM(INDEX($D$3:$AA$30,INDEX(Jesper!$R$2:$R$366,ROW(INDEX(Jesper!AH$2:AH$366,ROUNDDOWN($C7754/24,0)+1,1))-1)+IF('Standard Profiles'!$G$18=$B$10,7,0)+IF('Standard Profiles'!$G$18=$B$17,14,0)+IF('Standard Profiles'!$G$18=$B$24,21,0),0)),0)</f>
        <v>13.227702809173495</v>
      </c>
      <c r="E7754" cm="1">
        <f t="array" ref="E7754">IFERROR(INDEX(Jesper!AI$2:AI$366,ROUNDDOWN($C7754/24,0)+1,1)*INDEX($D$3:$AA$30,INDEX(Jesper!$R$2:$R$366,ROW(INDEX(Jesper!AI$2:AI$366,ROUNDDOWN($C7754/24,0)+1,1))-1)+IF('Standard Profiles'!$G$19=$B$10,7,0)+IF('Standard Profiles'!$G$19=$B$17,14,0)+IF('Standard Profiles'!$G$19=$B$24,21,0),MOD($C7754,24)+1)/SUM(INDEX($D$3:$AA$30,INDEX(Jesper!$R$2:$R$366,ROW(INDEX(Jesper!AI$2:AI$366,ROUNDDOWN($C7754/24,0)+1,1))-1)+IF('Standard Profiles'!$G$19=$B$10,7,0)+IF('Standard Profiles'!$G$19=$B$17,14,0)+IF('Standard Profiles'!$G$19=$B$24,21,0),0)),0)</f>
        <v>3.1732186724791762</v>
      </c>
      <c r="F7754" cm="1">
        <f t="array" ref="F7754">IFERROR(INDEX(Jesper!AJ$2:AJ$366,ROUNDDOWN($C7754/24,0)+1,1)*INDEX($D$3:$AA$30,INDEX(Jesper!$R$2:$R$366,ROW(INDEX(Jesper!AJ$2:AJ$366,ROUNDDOWN($C7754/24,0)+1,1))-1)+IF('Standard Profiles'!$G$20=$B$10,7,0)+IF('Standard Profiles'!$G$20=$B$17,14,0)+IF('Standard Profiles'!$G$20=$B$24,21,0),MOD($C7754,24)+1)/SUM(INDEX($D$3:$AA$30,INDEX(Jesper!$R$2:$R$366,ROW(INDEX(Jesper!AJ$2:AJ$366,ROUNDDOWN($C7754/24,0)+1,1))-1)+IF('Standard Profiles'!$G$20=$B$10,7,0)+IF('Standard Profiles'!$G$20=$B$17,14,0)+IF('Standard Profiles'!$G$20=$B$24,21,0),0)),0)</f>
        <v>0</v>
      </c>
      <c r="G7754" cm="1">
        <f t="array" ref="G7754">IFERROR(INDEX(Jesper!AK$2:AK$366,ROUNDDOWN($C7754/24,0)+1,1)*INDEX($D$3:$AA$30,INDEX(Jesper!$R$2:$R$366,ROW(INDEX(Jesper!AK$2:AK$366,ROUNDDOWN($C7754/24,0)+1,1))-1)+IF('Standard Profiles'!$G$21=$B$10,7,0)+IF('Standard Profiles'!$G$21=$B$17,14,0)+IF('Standard Profiles'!$G$21=$B$24,21,0),MOD($C7754,24)+1)/SUM(INDEX($D$3:$AA$30,INDEX(Jesper!$R$2:$R$366,ROW(INDEX(Jesper!AK$2:AK$366,ROUNDDOWN($C7754/24,0)+1,1))-1)+IF('Standard Profiles'!$G$21=$B$10,7,0)+IF('Standard Profiles'!$G$21=$B$17,14,0)+IF('Standard Profiles'!$G$21=$B$24,21,0),0)),0)</f>
        <v>0</v>
      </c>
      <c r="H7754" cm="1">
        <f t="array" ref="H7754">IFERROR(INDEX(Jesper!AL$2:AL$366,ROUNDDOWN($C7754/24,0)+1,1)*INDEX($D$3:$AA$30,INDEX(Jesper!$R$2:$R$366,ROW(INDEX(Jesper!AL$2:AL$366,ROUNDDOWN($C7754/24,0)+1,1))-1)+IF('Standard Profiles'!$G$22=$B$10,7,0)+IF('Standard Profiles'!$G$22=$B$17,14,0)+IF('Standard Profiles'!$G$22=$B$24,21,0),MOD($C7754,24)+1)/SUM(INDEX($D$3:$AA$30,INDEX(Jesper!$R$2:$R$366,ROW(INDEX(Jesper!AL$2:AL$366,ROUNDDOWN($C7754/24,0)+1,1))-1)+IF('Standard Profiles'!$G$22=$B$10,7,0)+IF('Standard Profiles'!$G$22=$B$17,14,0)+IF('Standard Profiles'!$G$22=$B$24,21,0),0)),0)</f>
        <v>0</v>
      </c>
      <c r="I7754">
        <f t="shared" si="860"/>
        <v>0.28587555607920512</v>
      </c>
      <c r="J7754">
        <f t="shared" si="861"/>
        <v>0.95291852026401724</v>
      </c>
      <c r="K7754">
        <f t="shared" si="862"/>
        <v>1.4293777803960259</v>
      </c>
      <c r="L7754">
        <f t="shared" si="863"/>
        <v>13.732749624913424</v>
      </c>
      <c r="M7754">
        <f t="shared" si="864"/>
        <v>0</v>
      </c>
      <c r="N7754" s="46">
        <f t="shared" si="865"/>
        <v>45613.666666647943</v>
      </c>
    </row>
    <row r="7755" spans="2:14" x14ac:dyDescent="0.3">
      <c r="B7755">
        <f t="shared" si="859"/>
        <v>7</v>
      </c>
      <c r="C7755" s="16">
        <v>7721</v>
      </c>
      <c r="D7755" cm="1">
        <f t="array" ref="D7755">IFERROR(INDEX(Jesper!AH$2:AH$366,ROUNDDOWN($C7755/24,0)+1,1)*INDEX($D$3:$AA$30,INDEX(Jesper!$R$2:$R$366,ROW(INDEX(Jesper!AH$2:AH$366,ROUNDDOWN($C7755/24,0)+1,1))-1)+IF('Standard Profiles'!$G$18=$B$10,7,0)+IF('Standard Profiles'!$G$18=$B$17,14,0)+IF('Standard Profiles'!$G$18=$B$24,21,0),MOD($C7755,24)+1)/SUM(INDEX($D$3:$AA$30,INDEX(Jesper!$R$2:$R$366,ROW(INDEX(Jesper!AH$2:AH$366,ROUNDDOWN($C7755/24,0)+1,1))-1)+IF('Standard Profiles'!$G$18=$B$10,7,0)+IF('Standard Profiles'!$G$18=$B$17,14,0)+IF('Standard Profiles'!$G$18=$B$24,21,0),0)),0)</f>
        <v>11.303673309657352</v>
      </c>
      <c r="E7755" cm="1">
        <f t="array" ref="E7755">IFERROR(INDEX(Jesper!AI$2:AI$366,ROUNDDOWN($C7755/24,0)+1,1)*INDEX($D$3:$AA$30,INDEX(Jesper!$R$2:$R$366,ROW(INDEX(Jesper!AI$2:AI$366,ROUNDDOWN($C7755/24,0)+1,1))-1)+IF('Standard Profiles'!$G$19=$B$10,7,0)+IF('Standard Profiles'!$G$19=$B$17,14,0)+IF('Standard Profiles'!$G$19=$B$24,21,0),MOD($C7755,24)+1)/SUM(INDEX($D$3:$AA$30,INDEX(Jesper!$R$2:$R$366,ROW(INDEX(Jesper!AI$2:AI$366,ROUNDDOWN($C7755/24,0)+1,1))-1)+IF('Standard Profiles'!$G$19=$B$10,7,0)+IF('Standard Profiles'!$G$19=$B$17,14,0)+IF('Standard Profiles'!$G$19=$B$24,21,0),0)),0)</f>
        <v>2.7116595928458418</v>
      </c>
      <c r="F7755" cm="1">
        <f t="array" ref="F7755">IFERROR(INDEX(Jesper!AJ$2:AJ$366,ROUNDDOWN($C7755/24,0)+1,1)*INDEX($D$3:$AA$30,INDEX(Jesper!$R$2:$R$366,ROW(INDEX(Jesper!AJ$2:AJ$366,ROUNDDOWN($C7755/24,0)+1,1))-1)+IF('Standard Profiles'!$G$20=$B$10,7,0)+IF('Standard Profiles'!$G$20=$B$17,14,0)+IF('Standard Profiles'!$G$20=$B$24,21,0),MOD($C7755,24)+1)/SUM(INDEX($D$3:$AA$30,INDEX(Jesper!$R$2:$R$366,ROW(INDEX(Jesper!AJ$2:AJ$366,ROUNDDOWN($C7755/24,0)+1,1))-1)+IF('Standard Profiles'!$G$20=$B$10,7,0)+IF('Standard Profiles'!$G$20=$B$17,14,0)+IF('Standard Profiles'!$G$20=$B$24,21,0),0)),0)</f>
        <v>0</v>
      </c>
      <c r="G7755" cm="1">
        <f t="array" ref="G7755">IFERROR(INDEX(Jesper!AK$2:AK$366,ROUNDDOWN($C7755/24,0)+1,1)*INDEX($D$3:$AA$30,INDEX(Jesper!$R$2:$R$366,ROW(INDEX(Jesper!AK$2:AK$366,ROUNDDOWN($C7755/24,0)+1,1))-1)+IF('Standard Profiles'!$G$21=$B$10,7,0)+IF('Standard Profiles'!$G$21=$B$17,14,0)+IF('Standard Profiles'!$G$21=$B$24,21,0),MOD($C7755,24)+1)/SUM(INDEX($D$3:$AA$30,INDEX(Jesper!$R$2:$R$366,ROW(INDEX(Jesper!AK$2:AK$366,ROUNDDOWN($C7755/24,0)+1,1))-1)+IF('Standard Profiles'!$G$21=$B$10,7,0)+IF('Standard Profiles'!$G$21=$B$17,14,0)+IF('Standard Profiles'!$G$21=$B$24,21,0),0)),0)</f>
        <v>0</v>
      </c>
      <c r="H7755" cm="1">
        <f t="array" ref="H7755">IFERROR(INDEX(Jesper!AL$2:AL$366,ROUNDDOWN($C7755/24,0)+1,1)*INDEX($D$3:$AA$30,INDEX(Jesper!$R$2:$R$366,ROW(INDEX(Jesper!AL$2:AL$366,ROUNDDOWN($C7755/24,0)+1,1))-1)+IF('Standard Profiles'!$G$22=$B$10,7,0)+IF('Standard Profiles'!$G$22=$B$17,14,0)+IF('Standard Profiles'!$G$22=$B$24,21,0),MOD($C7755,24)+1)/SUM(INDEX($D$3:$AA$30,INDEX(Jesper!$R$2:$R$366,ROW(INDEX(Jesper!AL$2:AL$366,ROUNDDOWN($C7755/24,0)+1,1))-1)+IF('Standard Profiles'!$G$22=$B$10,7,0)+IF('Standard Profiles'!$G$22=$B$17,14,0)+IF('Standard Profiles'!$G$22=$B$24,21,0),0)),0)</f>
        <v>0</v>
      </c>
      <c r="I7755">
        <f t="shared" si="860"/>
        <v>0.24429365701313896</v>
      </c>
      <c r="J7755">
        <f t="shared" si="861"/>
        <v>0.81431219004379662</v>
      </c>
      <c r="K7755">
        <f t="shared" si="862"/>
        <v>1.221468285065695</v>
      </c>
      <c r="L7755">
        <f t="shared" si="863"/>
        <v>11.735258770380563</v>
      </c>
      <c r="M7755">
        <f t="shared" si="864"/>
        <v>0</v>
      </c>
      <c r="N7755" s="46">
        <f t="shared" si="865"/>
        <v>45613.708333314607</v>
      </c>
    </row>
    <row r="7756" spans="2:14" x14ac:dyDescent="0.3">
      <c r="B7756">
        <f t="shared" si="859"/>
        <v>7</v>
      </c>
      <c r="C7756" s="16">
        <v>7722</v>
      </c>
      <c r="D7756" cm="1">
        <f t="array" ref="D7756">IFERROR(INDEX(Jesper!AH$2:AH$366,ROUNDDOWN($C7756/24,0)+1,1)*INDEX($D$3:$AA$30,INDEX(Jesper!$R$2:$R$366,ROW(INDEX(Jesper!AH$2:AH$366,ROUNDDOWN($C7756/24,0)+1,1))-1)+IF('Standard Profiles'!$G$18=$B$10,7,0)+IF('Standard Profiles'!$G$18=$B$17,14,0)+IF('Standard Profiles'!$G$18=$B$24,21,0),MOD($C7756,24)+1)/SUM(INDEX($D$3:$AA$30,INDEX(Jesper!$R$2:$R$366,ROW(INDEX(Jesper!AH$2:AH$366,ROUNDDOWN($C7756/24,0)+1,1))-1)+IF('Standard Profiles'!$G$18=$B$10,7,0)+IF('Standard Profiles'!$G$18=$B$17,14,0)+IF('Standard Profiles'!$G$18=$B$24,21,0),0)),0)</f>
        <v>10.582162247338799</v>
      </c>
      <c r="E7756" cm="1">
        <f t="array" ref="E7756">IFERROR(INDEX(Jesper!AI$2:AI$366,ROUNDDOWN($C7756/24,0)+1,1)*INDEX($D$3:$AA$30,INDEX(Jesper!$R$2:$R$366,ROW(INDEX(Jesper!AI$2:AI$366,ROUNDDOWN($C7756/24,0)+1,1))-1)+IF('Standard Profiles'!$G$19=$B$10,7,0)+IF('Standard Profiles'!$G$19=$B$17,14,0)+IF('Standard Profiles'!$G$19=$B$24,21,0),MOD($C7756,24)+1)/SUM(INDEX($D$3:$AA$30,INDEX(Jesper!$R$2:$R$366,ROW(INDEX(Jesper!AI$2:AI$366,ROUNDDOWN($C7756/24,0)+1,1))-1)+IF('Standard Profiles'!$G$19=$B$10,7,0)+IF('Standard Profiles'!$G$19=$B$17,14,0)+IF('Standard Profiles'!$G$19=$B$24,21,0),0)),0)</f>
        <v>2.5385749379833413</v>
      </c>
      <c r="F7756" cm="1">
        <f t="array" ref="F7756">IFERROR(INDEX(Jesper!AJ$2:AJ$366,ROUNDDOWN($C7756/24,0)+1,1)*INDEX($D$3:$AA$30,INDEX(Jesper!$R$2:$R$366,ROW(INDEX(Jesper!AJ$2:AJ$366,ROUNDDOWN($C7756/24,0)+1,1))-1)+IF('Standard Profiles'!$G$20=$B$10,7,0)+IF('Standard Profiles'!$G$20=$B$17,14,0)+IF('Standard Profiles'!$G$20=$B$24,21,0),MOD($C7756,24)+1)/SUM(INDEX($D$3:$AA$30,INDEX(Jesper!$R$2:$R$366,ROW(INDEX(Jesper!AJ$2:AJ$366,ROUNDDOWN($C7756/24,0)+1,1))-1)+IF('Standard Profiles'!$G$20=$B$10,7,0)+IF('Standard Profiles'!$G$20=$B$17,14,0)+IF('Standard Profiles'!$G$20=$B$24,21,0),0)),0)</f>
        <v>0</v>
      </c>
      <c r="G7756" cm="1">
        <f t="array" ref="G7756">IFERROR(INDEX(Jesper!AK$2:AK$366,ROUNDDOWN($C7756/24,0)+1,1)*INDEX($D$3:$AA$30,INDEX(Jesper!$R$2:$R$366,ROW(INDEX(Jesper!AK$2:AK$366,ROUNDDOWN($C7756/24,0)+1,1))-1)+IF('Standard Profiles'!$G$21=$B$10,7,0)+IF('Standard Profiles'!$G$21=$B$17,14,0)+IF('Standard Profiles'!$G$21=$B$24,21,0),MOD($C7756,24)+1)/SUM(INDEX($D$3:$AA$30,INDEX(Jesper!$R$2:$R$366,ROW(INDEX(Jesper!AK$2:AK$366,ROUNDDOWN($C7756/24,0)+1,1))-1)+IF('Standard Profiles'!$G$21=$B$10,7,0)+IF('Standard Profiles'!$G$21=$B$17,14,0)+IF('Standard Profiles'!$G$21=$B$24,21,0),0)),0)</f>
        <v>0</v>
      </c>
      <c r="H7756" cm="1">
        <f t="array" ref="H7756">IFERROR(INDEX(Jesper!AL$2:AL$366,ROUNDDOWN($C7756/24,0)+1,1)*INDEX($D$3:$AA$30,INDEX(Jesper!$R$2:$R$366,ROW(INDEX(Jesper!AL$2:AL$366,ROUNDDOWN($C7756/24,0)+1,1))-1)+IF('Standard Profiles'!$G$22=$B$10,7,0)+IF('Standard Profiles'!$G$22=$B$17,14,0)+IF('Standard Profiles'!$G$22=$B$24,21,0),MOD($C7756,24)+1)/SUM(INDEX($D$3:$AA$30,INDEX(Jesper!$R$2:$R$366,ROW(INDEX(Jesper!AL$2:AL$366,ROUNDDOWN($C7756/24,0)+1,1))-1)+IF('Standard Profiles'!$G$22=$B$10,7,0)+IF('Standard Profiles'!$G$22=$B$17,14,0)+IF('Standard Profiles'!$G$22=$B$24,21,0),0)),0)</f>
        <v>0</v>
      </c>
      <c r="I7756">
        <f t="shared" si="860"/>
        <v>0.22870044486336413</v>
      </c>
      <c r="J7756">
        <f t="shared" si="861"/>
        <v>0.76233481621121391</v>
      </c>
      <c r="K7756">
        <f t="shared" si="862"/>
        <v>1.1435022243168209</v>
      </c>
      <c r="L7756">
        <f t="shared" si="863"/>
        <v>10.986199699930742</v>
      </c>
      <c r="M7756">
        <f t="shared" si="864"/>
        <v>0</v>
      </c>
      <c r="N7756" s="46">
        <f t="shared" si="865"/>
        <v>45613.749999981272</v>
      </c>
    </row>
    <row r="7757" spans="2:14" x14ac:dyDescent="0.3">
      <c r="B7757">
        <f t="shared" si="859"/>
        <v>7</v>
      </c>
      <c r="C7757" s="16">
        <v>7723</v>
      </c>
      <c r="D7757" cm="1">
        <f t="array" ref="D7757">IFERROR(INDEX(Jesper!AH$2:AH$366,ROUNDDOWN($C7757/24,0)+1,1)*INDEX($D$3:$AA$30,INDEX(Jesper!$R$2:$R$366,ROW(INDEX(Jesper!AH$2:AH$366,ROUNDDOWN($C7757/24,0)+1,1))-1)+IF('Standard Profiles'!$G$18=$B$10,7,0)+IF('Standard Profiles'!$G$18=$B$17,14,0)+IF('Standard Profiles'!$G$18=$B$24,21,0),MOD($C7757,24)+1)/SUM(INDEX($D$3:$AA$30,INDEX(Jesper!$R$2:$R$366,ROW(INDEX(Jesper!AH$2:AH$366,ROUNDDOWN($C7757/24,0)+1,1))-1)+IF('Standard Profiles'!$G$18=$B$10,7,0)+IF('Standard Profiles'!$G$18=$B$17,14,0)+IF('Standard Profiles'!$G$18=$B$24,21,0),0)),0)</f>
        <v>8.8986364352621692</v>
      </c>
      <c r="E7757" cm="1">
        <f t="array" ref="E7757">IFERROR(INDEX(Jesper!AI$2:AI$366,ROUNDDOWN($C7757/24,0)+1,1)*INDEX($D$3:$AA$30,INDEX(Jesper!$R$2:$R$366,ROW(INDEX(Jesper!AI$2:AI$366,ROUNDDOWN($C7757/24,0)+1,1))-1)+IF('Standard Profiles'!$G$19=$B$10,7,0)+IF('Standard Profiles'!$G$19=$B$17,14,0)+IF('Standard Profiles'!$G$19=$B$24,21,0),MOD($C7757,24)+1)/SUM(INDEX($D$3:$AA$30,INDEX(Jesper!$R$2:$R$366,ROW(INDEX(Jesper!AI$2:AI$366,ROUNDDOWN($C7757/24,0)+1,1))-1)+IF('Standard Profiles'!$G$19=$B$10,7,0)+IF('Standard Profiles'!$G$19=$B$17,14,0)+IF('Standard Profiles'!$G$19=$B$24,21,0),0)),0)</f>
        <v>2.134710743304173</v>
      </c>
      <c r="F7757" cm="1">
        <f t="array" ref="F7757">IFERROR(INDEX(Jesper!AJ$2:AJ$366,ROUNDDOWN($C7757/24,0)+1,1)*INDEX($D$3:$AA$30,INDEX(Jesper!$R$2:$R$366,ROW(INDEX(Jesper!AJ$2:AJ$366,ROUNDDOWN($C7757/24,0)+1,1))-1)+IF('Standard Profiles'!$G$20=$B$10,7,0)+IF('Standard Profiles'!$G$20=$B$17,14,0)+IF('Standard Profiles'!$G$20=$B$24,21,0),MOD($C7757,24)+1)/SUM(INDEX($D$3:$AA$30,INDEX(Jesper!$R$2:$R$366,ROW(INDEX(Jesper!AJ$2:AJ$366,ROUNDDOWN($C7757/24,0)+1,1))-1)+IF('Standard Profiles'!$G$20=$B$10,7,0)+IF('Standard Profiles'!$G$20=$B$17,14,0)+IF('Standard Profiles'!$G$20=$B$24,21,0),0)),0)</f>
        <v>0</v>
      </c>
      <c r="G7757" cm="1">
        <f t="array" ref="G7757">IFERROR(INDEX(Jesper!AK$2:AK$366,ROUNDDOWN($C7757/24,0)+1,1)*INDEX($D$3:$AA$30,INDEX(Jesper!$R$2:$R$366,ROW(INDEX(Jesper!AK$2:AK$366,ROUNDDOWN($C7757/24,0)+1,1))-1)+IF('Standard Profiles'!$G$21=$B$10,7,0)+IF('Standard Profiles'!$G$21=$B$17,14,0)+IF('Standard Profiles'!$G$21=$B$24,21,0),MOD($C7757,24)+1)/SUM(INDEX($D$3:$AA$30,INDEX(Jesper!$R$2:$R$366,ROW(INDEX(Jesper!AK$2:AK$366,ROUNDDOWN($C7757/24,0)+1,1))-1)+IF('Standard Profiles'!$G$21=$B$10,7,0)+IF('Standard Profiles'!$G$21=$B$17,14,0)+IF('Standard Profiles'!$G$21=$B$24,21,0),0)),0)</f>
        <v>0</v>
      </c>
      <c r="H7757" cm="1">
        <f t="array" ref="H7757">IFERROR(INDEX(Jesper!AL$2:AL$366,ROUNDDOWN($C7757/24,0)+1,1)*INDEX($D$3:$AA$30,INDEX(Jesper!$R$2:$R$366,ROW(INDEX(Jesper!AL$2:AL$366,ROUNDDOWN($C7757/24,0)+1,1))-1)+IF('Standard Profiles'!$G$22=$B$10,7,0)+IF('Standard Profiles'!$G$22=$B$17,14,0)+IF('Standard Profiles'!$G$22=$B$24,21,0),MOD($C7757,24)+1)/SUM(INDEX($D$3:$AA$30,INDEX(Jesper!$R$2:$R$366,ROW(INDEX(Jesper!AL$2:AL$366,ROUNDDOWN($C7757/24,0)+1,1))-1)+IF('Standard Profiles'!$G$22=$B$10,7,0)+IF('Standard Profiles'!$G$22=$B$17,14,0)+IF('Standard Profiles'!$G$22=$B$24,21,0),0)),0)</f>
        <v>0</v>
      </c>
      <c r="I7757">
        <f t="shared" si="860"/>
        <v>0.19231628318055619</v>
      </c>
      <c r="J7757">
        <f t="shared" si="861"/>
        <v>0.64105427726852071</v>
      </c>
      <c r="K7757">
        <f t="shared" si="862"/>
        <v>0.96158141590278101</v>
      </c>
      <c r="L7757">
        <f t="shared" si="863"/>
        <v>9.238395202214484</v>
      </c>
      <c r="M7757">
        <f t="shared" si="864"/>
        <v>0</v>
      </c>
      <c r="N7757" s="46">
        <f t="shared" si="865"/>
        <v>45613.791666647936</v>
      </c>
    </row>
    <row r="7758" spans="2:14" x14ac:dyDescent="0.3">
      <c r="B7758">
        <f t="shared" si="859"/>
        <v>7</v>
      </c>
      <c r="C7758" s="16">
        <v>7724</v>
      </c>
      <c r="D7758" cm="1">
        <f t="array" ref="D7758">IFERROR(INDEX(Jesper!AH$2:AH$366,ROUNDDOWN($C7758/24,0)+1,1)*INDEX($D$3:$AA$30,INDEX(Jesper!$R$2:$R$366,ROW(INDEX(Jesper!AH$2:AH$366,ROUNDDOWN($C7758/24,0)+1,1))-1)+IF('Standard Profiles'!$G$18=$B$10,7,0)+IF('Standard Profiles'!$G$18=$B$17,14,0)+IF('Standard Profiles'!$G$18=$B$24,21,0),MOD($C7758,24)+1)/SUM(INDEX($D$3:$AA$30,INDEX(Jesper!$R$2:$R$366,ROW(INDEX(Jesper!AH$2:AH$366,ROUNDDOWN($C7758/24,0)+1,1))-1)+IF('Standard Profiles'!$G$18=$B$10,7,0)+IF('Standard Profiles'!$G$18=$B$17,14,0)+IF('Standard Profiles'!$G$18=$B$24,21,0),0)),0)</f>
        <v>7.4556143106250614</v>
      </c>
      <c r="E7758" cm="1">
        <f t="array" ref="E7758">IFERROR(INDEX(Jesper!AI$2:AI$366,ROUNDDOWN($C7758/24,0)+1,1)*INDEX($D$3:$AA$30,INDEX(Jesper!$R$2:$R$366,ROW(INDEX(Jesper!AI$2:AI$366,ROUNDDOWN($C7758/24,0)+1,1))-1)+IF('Standard Profiles'!$G$19=$B$10,7,0)+IF('Standard Profiles'!$G$19=$B$17,14,0)+IF('Standard Profiles'!$G$19=$B$24,21,0),MOD($C7758,24)+1)/SUM(INDEX($D$3:$AA$30,INDEX(Jesper!$R$2:$R$366,ROW(INDEX(Jesper!AI$2:AI$366,ROUNDDOWN($C7758/24,0)+1,1))-1)+IF('Standard Profiles'!$G$19=$B$10,7,0)+IF('Standard Profiles'!$G$19=$B$17,14,0)+IF('Standard Profiles'!$G$19=$B$24,21,0),0)),0)</f>
        <v>1.7885414335791721</v>
      </c>
      <c r="F7758" cm="1">
        <f t="array" ref="F7758">IFERROR(INDEX(Jesper!AJ$2:AJ$366,ROUNDDOWN($C7758/24,0)+1,1)*INDEX($D$3:$AA$30,INDEX(Jesper!$R$2:$R$366,ROW(INDEX(Jesper!AJ$2:AJ$366,ROUNDDOWN($C7758/24,0)+1,1))-1)+IF('Standard Profiles'!$G$20=$B$10,7,0)+IF('Standard Profiles'!$G$20=$B$17,14,0)+IF('Standard Profiles'!$G$20=$B$24,21,0),MOD($C7758,24)+1)/SUM(INDEX($D$3:$AA$30,INDEX(Jesper!$R$2:$R$366,ROW(INDEX(Jesper!AJ$2:AJ$366,ROUNDDOWN($C7758/24,0)+1,1))-1)+IF('Standard Profiles'!$G$20=$B$10,7,0)+IF('Standard Profiles'!$G$20=$B$17,14,0)+IF('Standard Profiles'!$G$20=$B$24,21,0),0)),0)</f>
        <v>0</v>
      </c>
      <c r="G7758" cm="1">
        <f t="array" ref="G7758">IFERROR(INDEX(Jesper!AK$2:AK$366,ROUNDDOWN($C7758/24,0)+1,1)*INDEX($D$3:$AA$30,INDEX(Jesper!$R$2:$R$366,ROW(INDEX(Jesper!AK$2:AK$366,ROUNDDOWN($C7758/24,0)+1,1))-1)+IF('Standard Profiles'!$G$21=$B$10,7,0)+IF('Standard Profiles'!$G$21=$B$17,14,0)+IF('Standard Profiles'!$G$21=$B$24,21,0),MOD($C7758,24)+1)/SUM(INDEX($D$3:$AA$30,INDEX(Jesper!$R$2:$R$366,ROW(INDEX(Jesper!AK$2:AK$366,ROUNDDOWN($C7758/24,0)+1,1))-1)+IF('Standard Profiles'!$G$21=$B$10,7,0)+IF('Standard Profiles'!$G$21=$B$17,14,0)+IF('Standard Profiles'!$G$21=$B$24,21,0),0)),0)</f>
        <v>0</v>
      </c>
      <c r="H7758" cm="1">
        <f t="array" ref="H7758">IFERROR(INDEX(Jesper!AL$2:AL$366,ROUNDDOWN($C7758/24,0)+1,1)*INDEX($D$3:$AA$30,INDEX(Jesper!$R$2:$R$366,ROW(INDEX(Jesper!AL$2:AL$366,ROUNDDOWN($C7758/24,0)+1,1))-1)+IF('Standard Profiles'!$G$22=$B$10,7,0)+IF('Standard Profiles'!$G$22=$B$17,14,0)+IF('Standard Profiles'!$G$22=$B$24,21,0),MOD($C7758,24)+1)/SUM(INDEX($D$3:$AA$30,INDEX(Jesper!$R$2:$R$366,ROW(INDEX(Jesper!AL$2:AL$366,ROUNDDOWN($C7758/24,0)+1,1))-1)+IF('Standard Profiles'!$G$22=$B$10,7,0)+IF('Standard Profiles'!$G$22=$B$17,14,0)+IF('Standard Profiles'!$G$22=$B$24,21,0),0)),0)</f>
        <v>0</v>
      </c>
      <c r="I7758">
        <f t="shared" si="860"/>
        <v>0.16112985888100653</v>
      </c>
      <c r="J7758">
        <f t="shared" si="861"/>
        <v>0.53709952960335516</v>
      </c>
      <c r="K7758">
        <f t="shared" si="862"/>
        <v>0.80564929440503275</v>
      </c>
      <c r="L7758">
        <f t="shared" si="863"/>
        <v>7.7402770613148393</v>
      </c>
      <c r="M7758">
        <f t="shared" si="864"/>
        <v>0</v>
      </c>
      <c r="N7758" s="46">
        <f t="shared" si="865"/>
        <v>45613.8333333146</v>
      </c>
    </row>
    <row r="7759" spans="2:14" x14ac:dyDescent="0.3">
      <c r="B7759">
        <f t="shared" si="859"/>
        <v>7</v>
      </c>
      <c r="C7759" s="16">
        <v>7725</v>
      </c>
      <c r="D7759" cm="1">
        <f t="array" ref="D7759">IFERROR(INDEX(Jesper!AH$2:AH$366,ROUNDDOWN($C7759/24,0)+1,1)*INDEX($D$3:$AA$30,INDEX(Jesper!$R$2:$R$366,ROW(INDEX(Jesper!AH$2:AH$366,ROUNDDOWN($C7759/24,0)+1,1))-1)+IF('Standard Profiles'!$G$18=$B$10,7,0)+IF('Standard Profiles'!$G$18=$B$17,14,0)+IF('Standard Profiles'!$G$18=$B$24,21,0),MOD($C7759,24)+1)/SUM(INDEX($D$3:$AA$30,INDEX(Jesper!$R$2:$R$366,ROW(INDEX(Jesper!AH$2:AH$366,ROUNDDOWN($C7759/24,0)+1,1))-1)+IF('Standard Profiles'!$G$18=$B$10,7,0)+IF('Standard Profiles'!$G$18=$B$17,14,0)+IF('Standard Profiles'!$G$18=$B$24,21,0),0)),0)</f>
        <v>6.493599560866989</v>
      </c>
      <c r="E7759" cm="1">
        <f t="array" ref="E7759">IFERROR(INDEX(Jesper!AI$2:AI$366,ROUNDDOWN($C7759/24,0)+1,1)*INDEX($D$3:$AA$30,INDEX(Jesper!$R$2:$R$366,ROW(INDEX(Jesper!AI$2:AI$366,ROUNDDOWN($C7759/24,0)+1,1))-1)+IF('Standard Profiles'!$G$19=$B$10,7,0)+IF('Standard Profiles'!$G$19=$B$17,14,0)+IF('Standard Profiles'!$G$19=$B$24,21,0),MOD($C7759,24)+1)/SUM(INDEX($D$3:$AA$30,INDEX(Jesper!$R$2:$R$366,ROW(INDEX(Jesper!AI$2:AI$366,ROUNDDOWN($C7759/24,0)+1,1))-1)+IF('Standard Profiles'!$G$19=$B$10,7,0)+IF('Standard Profiles'!$G$19=$B$17,14,0)+IF('Standard Profiles'!$G$19=$B$24,21,0),0)),0)</f>
        <v>1.5577618937625048</v>
      </c>
      <c r="F7759" cm="1">
        <f t="array" ref="F7759">IFERROR(INDEX(Jesper!AJ$2:AJ$366,ROUNDDOWN($C7759/24,0)+1,1)*INDEX($D$3:$AA$30,INDEX(Jesper!$R$2:$R$366,ROW(INDEX(Jesper!AJ$2:AJ$366,ROUNDDOWN($C7759/24,0)+1,1))-1)+IF('Standard Profiles'!$G$20=$B$10,7,0)+IF('Standard Profiles'!$G$20=$B$17,14,0)+IF('Standard Profiles'!$G$20=$B$24,21,0),MOD($C7759,24)+1)/SUM(INDEX($D$3:$AA$30,INDEX(Jesper!$R$2:$R$366,ROW(INDEX(Jesper!AJ$2:AJ$366,ROUNDDOWN($C7759/24,0)+1,1))-1)+IF('Standard Profiles'!$G$20=$B$10,7,0)+IF('Standard Profiles'!$G$20=$B$17,14,0)+IF('Standard Profiles'!$G$20=$B$24,21,0),0)),0)</f>
        <v>0</v>
      </c>
      <c r="G7759" cm="1">
        <f t="array" ref="G7759">IFERROR(INDEX(Jesper!AK$2:AK$366,ROUNDDOWN($C7759/24,0)+1,1)*INDEX($D$3:$AA$30,INDEX(Jesper!$R$2:$R$366,ROW(INDEX(Jesper!AK$2:AK$366,ROUNDDOWN($C7759/24,0)+1,1))-1)+IF('Standard Profiles'!$G$21=$B$10,7,0)+IF('Standard Profiles'!$G$21=$B$17,14,0)+IF('Standard Profiles'!$G$21=$B$24,21,0),MOD($C7759,24)+1)/SUM(INDEX($D$3:$AA$30,INDEX(Jesper!$R$2:$R$366,ROW(INDEX(Jesper!AK$2:AK$366,ROUNDDOWN($C7759/24,0)+1,1))-1)+IF('Standard Profiles'!$G$21=$B$10,7,0)+IF('Standard Profiles'!$G$21=$B$17,14,0)+IF('Standard Profiles'!$G$21=$B$24,21,0),0)),0)</f>
        <v>0</v>
      </c>
      <c r="H7759" cm="1">
        <f t="array" ref="H7759">IFERROR(INDEX(Jesper!AL$2:AL$366,ROUNDDOWN($C7759/24,0)+1,1)*INDEX($D$3:$AA$30,INDEX(Jesper!$R$2:$R$366,ROW(INDEX(Jesper!AL$2:AL$366,ROUNDDOWN($C7759/24,0)+1,1))-1)+IF('Standard Profiles'!$G$22=$B$10,7,0)+IF('Standard Profiles'!$G$22=$B$17,14,0)+IF('Standard Profiles'!$G$22=$B$24,21,0),MOD($C7759,24)+1)/SUM(INDEX($D$3:$AA$30,INDEX(Jesper!$R$2:$R$366,ROW(INDEX(Jesper!AL$2:AL$366,ROUNDDOWN($C7759/24,0)+1,1))-1)+IF('Standard Profiles'!$G$22=$B$10,7,0)+IF('Standard Profiles'!$G$22=$B$17,14,0)+IF('Standard Profiles'!$G$22=$B$24,21,0),0)),0)</f>
        <v>0</v>
      </c>
      <c r="I7759">
        <f t="shared" si="860"/>
        <v>0.14033890934797344</v>
      </c>
      <c r="J7759">
        <f t="shared" si="861"/>
        <v>0.46779636449324485</v>
      </c>
      <c r="K7759">
        <f t="shared" si="862"/>
        <v>0.70169454673986731</v>
      </c>
      <c r="L7759">
        <f t="shared" si="863"/>
        <v>6.7415316340484086</v>
      </c>
      <c r="M7759">
        <f t="shared" si="864"/>
        <v>0</v>
      </c>
      <c r="N7759" s="46">
        <f t="shared" si="865"/>
        <v>45613.874999981264</v>
      </c>
    </row>
    <row r="7760" spans="2:14" x14ac:dyDescent="0.3">
      <c r="B7760">
        <f t="shared" si="859"/>
        <v>7</v>
      </c>
      <c r="C7760" s="16">
        <v>7726</v>
      </c>
      <c r="D7760" cm="1">
        <f t="array" ref="D7760">IFERROR(INDEX(Jesper!AH$2:AH$366,ROUNDDOWN($C7760/24,0)+1,1)*INDEX($D$3:$AA$30,INDEX(Jesper!$R$2:$R$366,ROW(INDEX(Jesper!AH$2:AH$366,ROUNDDOWN($C7760/24,0)+1,1))-1)+IF('Standard Profiles'!$G$18=$B$10,7,0)+IF('Standard Profiles'!$G$18=$B$17,14,0)+IF('Standard Profiles'!$G$18=$B$24,21,0),MOD($C7760,24)+1)/SUM(INDEX($D$3:$AA$30,INDEX(Jesper!$R$2:$R$366,ROW(INDEX(Jesper!AH$2:AH$366,ROUNDDOWN($C7760/24,0)+1,1))-1)+IF('Standard Profiles'!$G$18=$B$10,7,0)+IF('Standard Profiles'!$G$18=$B$17,14,0)+IF('Standard Profiles'!$G$18=$B$24,21,0),0)),0)</f>
        <v>6.493599560866989</v>
      </c>
      <c r="E7760" cm="1">
        <f t="array" ref="E7760">IFERROR(INDEX(Jesper!AI$2:AI$366,ROUNDDOWN($C7760/24,0)+1,1)*INDEX($D$3:$AA$30,INDEX(Jesper!$R$2:$R$366,ROW(INDEX(Jesper!AI$2:AI$366,ROUNDDOWN($C7760/24,0)+1,1))-1)+IF('Standard Profiles'!$G$19=$B$10,7,0)+IF('Standard Profiles'!$G$19=$B$17,14,0)+IF('Standard Profiles'!$G$19=$B$24,21,0),MOD($C7760,24)+1)/SUM(INDEX($D$3:$AA$30,INDEX(Jesper!$R$2:$R$366,ROW(INDEX(Jesper!AI$2:AI$366,ROUNDDOWN($C7760/24,0)+1,1))-1)+IF('Standard Profiles'!$G$19=$B$10,7,0)+IF('Standard Profiles'!$G$19=$B$17,14,0)+IF('Standard Profiles'!$G$19=$B$24,21,0),0)),0)</f>
        <v>1.5577618937625048</v>
      </c>
      <c r="F7760" cm="1">
        <f t="array" ref="F7760">IFERROR(INDEX(Jesper!AJ$2:AJ$366,ROUNDDOWN($C7760/24,0)+1,1)*INDEX($D$3:$AA$30,INDEX(Jesper!$R$2:$R$366,ROW(INDEX(Jesper!AJ$2:AJ$366,ROUNDDOWN($C7760/24,0)+1,1))-1)+IF('Standard Profiles'!$G$20=$B$10,7,0)+IF('Standard Profiles'!$G$20=$B$17,14,0)+IF('Standard Profiles'!$G$20=$B$24,21,0),MOD($C7760,24)+1)/SUM(INDEX($D$3:$AA$30,INDEX(Jesper!$R$2:$R$366,ROW(INDEX(Jesper!AJ$2:AJ$366,ROUNDDOWN($C7760/24,0)+1,1))-1)+IF('Standard Profiles'!$G$20=$B$10,7,0)+IF('Standard Profiles'!$G$20=$B$17,14,0)+IF('Standard Profiles'!$G$20=$B$24,21,0),0)),0)</f>
        <v>0</v>
      </c>
      <c r="G7760" cm="1">
        <f t="array" ref="G7760">IFERROR(INDEX(Jesper!AK$2:AK$366,ROUNDDOWN($C7760/24,0)+1,1)*INDEX($D$3:$AA$30,INDEX(Jesper!$R$2:$R$366,ROW(INDEX(Jesper!AK$2:AK$366,ROUNDDOWN($C7760/24,0)+1,1))-1)+IF('Standard Profiles'!$G$21=$B$10,7,0)+IF('Standard Profiles'!$G$21=$B$17,14,0)+IF('Standard Profiles'!$G$21=$B$24,21,0),MOD($C7760,24)+1)/SUM(INDEX($D$3:$AA$30,INDEX(Jesper!$R$2:$R$366,ROW(INDEX(Jesper!AK$2:AK$366,ROUNDDOWN($C7760/24,0)+1,1))-1)+IF('Standard Profiles'!$G$21=$B$10,7,0)+IF('Standard Profiles'!$G$21=$B$17,14,0)+IF('Standard Profiles'!$G$21=$B$24,21,0),0)),0)</f>
        <v>0</v>
      </c>
      <c r="H7760" cm="1">
        <f t="array" ref="H7760">IFERROR(INDEX(Jesper!AL$2:AL$366,ROUNDDOWN($C7760/24,0)+1,1)*INDEX($D$3:$AA$30,INDEX(Jesper!$R$2:$R$366,ROW(INDEX(Jesper!AL$2:AL$366,ROUNDDOWN($C7760/24,0)+1,1))-1)+IF('Standard Profiles'!$G$22=$B$10,7,0)+IF('Standard Profiles'!$G$22=$B$17,14,0)+IF('Standard Profiles'!$G$22=$B$24,21,0),MOD($C7760,24)+1)/SUM(INDEX($D$3:$AA$30,INDEX(Jesper!$R$2:$R$366,ROW(INDEX(Jesper!AL$2:AL$366,ROUNDDOWN($C7760/24,0)+1,1))-1)+IF('Standard Profiles'!$G$22=$B$10,7,0)+IF('Standard Profiles'!$G$22=$B$17,14,0)+IF('Standard Profiles'!$G$22=$B$24,21,0),0)),0)</f>
        <v>0</v>
      </c>
      <c r="I7760">
        <f t="shared" si="860"/>
        <v>0.14033890934797344</v>
      </c>
      <c r="J7760">
        <f t="shared" si="861"/>
        <v>0.46779636449324485</v>
      </c>
      <c r="K7760">
        <f t="shared" si="862"/>
        <v>0.70169454673986731</v>
      </c>
      <c r="L7760">
        <f t="shared" si="863"/>
        <v>6.7415316340484086</v>
      </c>
      <c r="M7760">
        <f t="shared" si="864"/>
        <v>0</v>
      </c>
      <c r="N7760" s="46">
        <f t="shared" si="865"/>
        <v>45613.916666647929</v>
      </c>
    </row>
    <row r="7761" spans="2:14" x14ac:dyDescent="0.3">
      <c r="B7761">
        <f t="shared" si="859"/>
        <v>7</v>
      </c>
      <c r="C7761" s="16">
        <v>7727</v>
      </c>
      <c r="D7761" cm="1">
        <f t="array" ref="D7761">IFERROR(INDEX(Jesper!AH$2:AH$366,ROUNDDOWN($C7761/24,0)+1,1)*INDEX($D$3:$AA$30,INDEX(Jesper!$R$2:$R$366,ROW(INDEX(Jesper!AH$2:AH$366,ROUNDDOWN($C7761/24,0)+1,1))-1)+IF('Standard Profiles'!$G$18=$B$10,7,0)+IF('Standard Profiles'!$G$18=$B$17,14,0)+IF('Standard Profiles'!$G$18=$B$24,21,0),MOD($C7761,24)+1)/SUM(INDEX($D$3:$AA$30,INDEX(Jesper!$R$2:$R$366,ROW(INDEX(Jesper!AH$2:AH$366,ROUNDDOWN($C7761/24,0)+1,1))-1)+IF('Standard Profiles'!$G$18=$B$10,7,0)+IF('Standard Profiles'!$G$18=$B$17,14,0)+IF('Standard Profiles'!$G$18=$B$24,21,0),0)),0)</f>
        <v>6.493599560866989</v>
      </c>
      <c r="E7761" cm="1">
        <f t="array" ref="E7761">IFERROR(INDEX(Jesper!AI$2:AI$366,ROUNDDOWN($C7761/24,0)+1,1)*INDEX($D$3:$AA$30,INDEX(Jesper!$R$2:$R$366,ROW(INDEX(Jesper!AI$2:AI$366,ROUNDDOWN($C7761/24,0)+1,1))-1)+IF('Standard Profiles'!$G$19=$B$10,7,0)+IF('Standard Profiles'!$G$19=$B$17,14,0)+IF('Standard Profiles'!$G$19=$B$24,21,0),MOD($C7761,24)+1)/SUM(INDEX($D$3:$AA$30,INDEX(Jesper!$R$2:$R$366,ROW(INDEX(Jesper!AI$2:AI$366,ROUNDDOWN($C7761/24,0)+1,1))-1)+IF('Standard Profiles'!$G$19=$B$10,7,0)+IF('Standard Profiles'!$G$19=$B$17,14,0)+IF('Standard Profiles'!$G$19=$B$24,21,0),0)),0)</f>
        <v>1.5577618937625048</v>
      </c>
      <c r="F7761" cm="1">
        <f t="array" ref="F7761">IFERROR(INDEX(Jesper!AJ$2:AJ$366,ROUNDDOWN($C7761/24,0)+1,1)*INDEX($D$3:$AA$30,INDEX(Jesper!$R$2:$R$366,ROW(INDEX(Jesper!AJ$2:AJ$366,ROUNDDOWN($C7761/24,0)+1,1))-1)+IF('Standard Profiles'!$G$20=$B$10,7,0)+IF('Standard Profiles'!$G$20=$B$17,14,0)+IF('Standard Profiles'!$G$20=$B$24,21,0),MOD($C7761,24)+1)/SUM(INDEX($D$3:$AA$30,INDEX(Jesper!$R$2:$R$366,ROW(INDEX(Jesper!AJ$2:AJ$366,ROUNDDOWN($C7761/24,0)+1,1))-1)+IF('Standard Profiles'!$G$20=$B$10,7,0)+IF('Standard Profiles'!$G$20=$B$17,14,0)+IF('Standard Profiles'!$G$20=$B$24,21,0),0)),0)</f>
        <v>0</v>
      </c>
      <c r="G7761" cm="1">
        <f t="array" ref="G7761">IFERROR(INDEX(Jesper!AK$2:AK$366,ROUNDDOWN($C7761/24,0)+1,1)*INDEX($D$3:$AA$30,INDEX(Jesper!$R$2:$R$366,ROW(INDEX(Jesper!AK$2:AK$366,ROUNDDOWN($C7761/24,0)+1,1))-1)+IF('Standard Profiles'!$G$21=$B$10,7,0)+IF('Standard Profiles'!$G$21=$B$17,14,0)+IF('Standard Profiles'!$G$21=$B$24,21,0),MOD($C7761,24)+1)/SUM(INDEX($D$3:$AA$30,INDEX(Jesper!$R$2:$R$366,ROW(INDEX(Jesper!AK$2:AK$366,ROUNDDOWN($C7761/24,0)+1,1))-1)+IF('Standard Profiles'!$G$21=$B$10,7,0)+IF('Standard Profiles'!$G$21=$B$17,14,0)+IF('Standard Profiles'!$G$21=$B$24,21,0),0)),0)</f>
        <v>0</v>
      </c>
      <c r="H7761" cm="1">
        <f t="array" ref="H7761">IFERROR(INDEX(Jesper!AL$2:AL$366,ROUNDDOWN($C7761/24,0)+1,1)*INDEX($D$3:$AA$30,INDEX(Jesper!$R$2:$R$366,ROW(INDEX(Jesper!AL$2:AL$366,ROUNDDOWN($C7761/24,0)+1,1))-1)+IF('Standard Profiles'!$G$22=$B$10,7,0)+IF('Standard Profiles'!$G$22=$B$17,14,0)+IF('Standard Profiles'!$G$22=$B$24,21,0),MOD($C7761,24)+1)/SUM(INDEX($D$3:$AA$30,INDEX(Jesper!$R$2:$R$366,ROW(INDEX(Jesper!AL$2:AL$366,ROUNDDOWN($C7761/24,0)+1,1))-1)+IF('Standard Profiles'!$G$22=$B$10,7,0)+IF('Standard Profiles'!$G$22=$B$17,14,0)+IF('Standard Profiles'!$G$22=$B$24,21,0),0)),0)</f>
        <v>0</v>
      </c>
      <c r="I7761">
        <f t="shared" si="860"/>
        <v>0.14033890934797344</v>
      </c>
      <c r="J7761">
        <f t="shared" si="861"/>
        <v>0.46779636449324485</v>
      </c>
      <c r="K7761">
        <f t="shared" si="862"/>
        <v>0.70169454673986731</v>
      </c>
      <c r="L7761">
        <f t="shared" si="863"/>
        <v>6.7415316340484086</v>
      </c>
      <c r="M7761">
        <f t="shared" si="864"/>
        <v>0</v>
      </c>
      <c r="N7761" s="46">
        <f t="shared" si="865"/>
        <v>45613.958333314593</v>
      </c>
    </row>
    <row r="7762" spans="2:14" x14ac:dyDescent="0.3">
      <c r="B7762">
        <f t="shared" si="859"/>
        <v>1</v>
      </c>
      <c r="C7762" s="16">
        <v>7728</v>
      </c>
      <c r="D7762" cm="1">
        <f t="array" ref="D7762">IFERROR(INDEX(Jesper!AH$2:AH$366,ROUNDDOWN($C7762/24,0)+1,1)*INDEX($D$3:$AA$30,INDEX(Jesper!$R$2:$R$366,ROW(INDEX(Jesper!AH$2:AH$366,ROUNDDOWN($C7762/24,0)+1,1))-1)+IF('Standard Profiles'!$G$18=$B$10,7,0)+IF('Standard Profiles'!$G$18=$B$17,14,0)+IF('Standard Profiles'!$G$18=$B$24,21,0),MOD($C7762,24)+1)/SUM(INDEX($D$3:$AA$30,INDEX(Jesper!$R$2:$R$366,ROW(INDEX(Jesper!AH$2:AH$366,ROUNDDOWN($C7762/24,0)+1,1))-1)+IF('Standard Profiles'!$G$18=$B$10,7,0)+IF('Standard Profiles'!$G$18=$B$17,14,0)+IF('Standard Profiles'!$G$18=$B$24,21,0),0)),0)</f>
        <v>2.831966069524424</v>
      </c>
      <c r="E7762" cm="1">
        <f t="array" ref="E7762">IFERROR(INDEX(Jesper!AI$2:AI$366,ROUNDDOWN($C7762/24,0)+1,1)*INDEX($D$3:$AA$30,INDEX(Jesper!$R$2:$R$366,ROW(INDEX(Jesper!AI$2:AI$366,ROUNDDOWN($C7762/24,0)+1,1))-1)+IF('Standard Profiles'!$G$19=$B$10,7,0)+IF('Standard Profiles'!$G$19=$B$17,14,0)+IF('Standard Profiles'!$G$19=$B$24,21,0),MOD($C7762,24)+1)/SUM(INDEX($D$3:$AA$30,INDEX(Jesper!$R$2:$R$366,ROW(INDEX(Jesper!AI$2:AI$366,ROUNDDOWN($C7762/24,0)+1,1))-1)+IF('Standard Profiles'!$G$19=$B$10,7,0)+IF('Standard Profiles'!$G$19=$B$17,14,0)+IF('Standard Profiles'!$G$19=$B$24,21,0),0)),0)</f>
        <v>0</v>
      </c>
      <c r="F7762" cm="1">
        <f t="array" ref="F7762">IFERROR(INDEX(Jesper!AJ$2:AJ$366,ROUNDDOWN($C7762/24,0)+1,1)*INDEX($D$3:$AA$30,INDEX(Jesper!$R$2:$R$366,ROW(INDEX(Jesper!AJ$2:AJ$366,ROUNDDOWN($C7762/24,0)+1,1))-1)+IF('Standard Profiles'!$G$20=$B$10,7,0)+IF('Standard Profiles'!$G$20=$B$17,14,0)+IF('Standard Profiles'!$G$20=$B$24,21,0),MOD($C7762,24)+1)/SUM(INDEX($D$3:$AA$30,INDEX(Jesper!$R$2:$R$366,ROW(INDEX(Jesper!AJ$2:AJ$366,ROUNDDOWN($C7762/24,0)+1,1))-1)+IF('Standard Profiles'!$G$20=$B$10,7,0)+IF('Standard Profiles'!$G$20=$B$17,14,0)+IF('Standard Profiles'!$G$20=$B$24,21,0),0)),0)</f>
        <v>0</v>
      </c>
      <c r="G7762" cm="1">
        <f t="array" ref="G7762">IFERROR(INDEX(Jesper!AK$2:AK$366,ROUNDDOWN($C7762/24,0)+1,1)*INDEX($D$3:$AA$30,INDEX(Jesper!$R$2:$R$366,ROW(INDEX(Jesper!AK$2:AK$366,ROUNDDOWN($C7762/24,0)+1,1))-1)+IF('Standard Profiles'!$G$21=$B$10,7,0)+IF('Standard Profiles'!$G$21=$B$17,14,0)+IF('Standard Profiles'!$G$21=$B$24,21,0),MOD($C7762,24)+1)/SUM(INDEX($D$3:$AA$30,INDEX(Jesper!$R$2:$R$366,ROW(INDEX(Jesper!AK$2:AK$366,ROUNDDOWN($C7762/24,0)+1,1))-1)+IF('Standard Profiles'!$G$21=$B$10,7,0)+IF('Standard Profiles'!$G$21=$B$17,14,0)+IF('Standard Profiles'!$G$21=$B$24,21,0),0)),0)</f>
        <v>0</v>
      </c>
      <c r="H7762" cm="1">
        <f t="array" ref="H7762">IFERROR(INDEX(Jesper!AL$2:AL$366,ROUNDDOWN($C7762/24,0)+1,1)*INDEX($D$3:$AA$30,INDEX(Jesper!$R$2:$R$366,ROW(INDEX(Jesper!AL$2:AL$366,ROUNDDOWN($C7762/24,0)+1,1))-1)+IF('Standard Profiles'!$G$22=$B$10,7,0)+IF('Standard Profiles'!$G$22=$B$17,14,0)+IF('Standard Profiles'!$G$22=$B$24,21,0),MOD($C7762,24)+1)/SUM(INDEX($D$3:$AA$30,INDEX(Jesper!$R$2:$R$366,ROW(INDEX(Jesper!AL$2:AL$366,ROUNDDOWN($C7762/24,0)+1,1))-1)+IF('Standard Profiles'!$G$22=$B$10,7,0)+IF('Standard Profiles'!$G$22=$B$17,14,0)+IF('Standard Profiles'!$G$22=$B$24,21,0),0)),0)</f>
        <v>0</v>
      </c>
      <c r="I7762">
        <f t="shared" si="860"/>
        <v>8.4958982085732715E-2</v>
      </c>
      <c r="J7762">
        <f t="shared" si="861"/>
        <v>0.28319660695244242</v>
      </c>
      <c r="K7762">
        <f t="shared" si="862"/>
        <v>0.42479491042866357</v>
      </c>
      <c r="L7762">
        <f t="shared" si="863"/>
        <v>2.0390155700575852</v>
      </c>
      <c r="M7762">
        <f t="shared" si="864"/>
        <v>0</v>
      </c>
      <c r="N7762" s="46">
        <f t="shared" si="865"/>
        <v>45613.999999981257</v>
      </c>
    </row>
    <row r="7763" spans="2:14" x14ac:dyDescent="0.3">
      <c r="B7763">
        <f t="shared" si="859"/>
        <v>1</v>
      </c>
      <c r="C7763" s="16">
        <v>7729</v>
      </c>
      <c r="D7763" cm="1">
        <f t="array" ref="D7763">IFERROR(INDEX(Jesper!AH$2:AH$366,ROUNDDOWN($C7763/24,0)+1,1)*INDEX($D$3:$AA$30,INDEX(Jesper!$R$2:$R$366,ROW(INDEX(Jesper!AH$2:AH$366,ROUNDDOWN($C7763/24,0)+1,1))-1)+IF('Standard Profiles'!$G$18=$B$10,7,0)+IF('Standard Profiles'!$G$18=$B$17,14,0)+IF('Standard Profiles'!$G$18=$B$24,21,0),MOD($C7763,24)+1)/SUM(INDEX($D$3:$AA$30,INDEX(Jesper!$R$2:$R$366,ROW(INDEX(Jesper!AH$2:AH$366,ROUNDDOWN($C7763/24,0)+1,1))-1)+IF('Standard Profiles'!$G$18=$B$10,7,0)+IF('Standard Profiles'!$G$18=$B$17,14,0)+IF('Standard Profiles'!$G$18=$B$24,21,0),0)),0)</f>
        <v>2.831966069524424</v>
      </c>
      <c r="E7763" cm="1">
        <f t="array" ref="E7763">IFERROR(INDEX(Jesper!AI$2:AI$366,ROUNDDOWN($C7763/24,0)+1,1)*INDEX($D$3:$AA$30,INDEX(Jesper!$R$2:$R$366,ROW(INDEX(Jesper!AI$2:AI$366,ROUNDDOWN($C7763/24,0)+1,1))-1)+IF('Standard Profiles'!$G$19=$B$10,7,0)+IF('Standard Profiles'!$G$19=$B$17,14,0)+IF('Standard Profiles'!$G$19=$B$24,21,0),MOD($C7763,24)+1)/SUM(INDEX($D$3:$AA$30,INDEX(Jesper!$R$2:$R$366,ROW(INDEX(Jesper!AI$2:AI$366,ROUNDDOWN($C7763/24,0)+1,1))-1)+IF('Standard Profiles'!$G$19=$B$10,7,0)+IF('Standard Profiles'!$G$19=$B$17,14,0)+IF('Standard Profiles'!$G$19=$B$24,21,0),0)),0)</f>
        <v>0</v>
      </c>
      <c r="F7763" cm="1">
        <f t="array" ref="F7763">IFERROR(INDEX(Jesper!AJ$2:AJ$366,ROUNDDOWN($C7763/24,0)+1,1)*INDEX($D$3:$AA$30,INDEX(Jesper!$R$2:$R$366,ROW(INDEX(Jesper!AJ$2:AJ$366,ROUNDDOWN($C7763/24,0)+1,1))-1)+IF('Standard Profiles'!$G$20=$B$10,7,0)+IF('Standard Profiles'!$G$20=$B$17,14,0)+IF('Standard Profiles'!$G$20=$B$24,21,0),MOD($C7763,24)+1)/SUM(INDEX($D$3:$AA$30,INDEX(Jesper!$R$2:$R$366,ROW(INDEX(Jesper!AJ$2:AJ$366,ROUNDDOWN($C7763/24,0)+1,1))-1)+IF('Standard Profiles'!$G$20=$B$10,7,0)+IF('Standard Profiles'!$G$20=$B$17,14,0)+IF('Standard Profiles'!$G$20=$B$24,21,0),0)),0)</f>
        <v>0</v>
      </c>
      <c r="G7763" cm="1">
        <f t="array" ref="G7763">IFERROR(INDEX(Jesper!AK$2:AK$366,ROUNDDOWN($C7763/24,0)+1,1)*INDEX($D$3:$AA$30,INDEX(Jesper!$R$2:$R$366,ROW(INDEX(Jesper!AK$2:AK$366,ROUNDDOWN($C7763/24,0)+1,1))-1)+IF('Standard Profiles'!$G$21=$B$10,7,0)+IF('Standard Profiles'!$G$21=$B$17,14,0)+IF('Standard Profiles'!$G$21=$B$24,21,0),MOD($C7763,24)+1)/SUM(INDEX($D$3:$AA$30,INDEX(Jesper!$R$2:$R$366,ROW(INDEX(Jesper!AK$2:AK$366,ROUNDDOWN($C7763/24,0)+1,1))-1)+IF('Standard Profiles'!$G$21=$B$10,7,0)+IF('Standard Profiles'!$G$21=$B$17,14,0)+IF('Standard Profiles'!$G$21=$B$24,21,0),0)),0)</f>
        <v>0</v>
      </c>
      <c r="H7763" cm="1">
        <f t="array" ref="H7763">IFERROR(INDEX(Jesper!AL$2:AL$366,ROUNDDOWN($C7763/24,0)+1,1)*INDEX($D$3:$AA$30,INDEX(Jesper!$R$2:$R$366,ROW(INDEX(Jesper!AL$2:AL$366,ROUNDDOWN($C7763/24,0)+1,1))-1)+IF('Standard Profiles'!$G$22=$B$10,7,0)+IF('Standard Profiles'!$G$22=$B$17,14,0)+IF('Standard Profiles'!$G$22=$B$24,21,0),MOD($C7763,24)+1)/SUM(INDEX($D$3:$AA$30,INDEX(Jesper!$R$2:$R$366,ROW(INDEX(Jesper!AL$2:AL$366,ROUNDDOWN($C7763/24,0)+1,1))-1)+IF('Standard Profiles'!$G$22=$B$10,7,0)+IF('Standard Profiles'!$G$22=$B$17,14,0)+IF('Standard Profiles'!$G$22=$B$24,21,0),0)),0)</f>
        <v>0</v>
      </c>
      <c r="I7763">
        <f t="shared" si="860"/>
        <v>8.4958982085732715E-2</v>
      </c>
      <c r="J7763">
        <f t="shared" si="861"/>
        <v>0.28319660695244242</v>
      </c>
      <c r="K7763">
        <f t="shared" si="862"/>
        <v>0.42479491042866357</v>
      </c>
      <c r="L7763">
        <f t="shared" si="863"/>
        <v>2.0390155700575852</v>
      </c>
      <c r="M7763">
        <f t="shared" si="864"/>
        <v>0</v>
      </c>
      <c r="N7763" s="46">
        <f t="shared" si="865"/>
        <v>45614.041666647921</v>
      </c>
    </row>
    <row r="7764" spans="2:14" x14ac:dyDescent="0.3">
      <c r="B7764">
        <f t="shared" si="859"/>
        <v>1</v>
      </c>
      <c r="C7764" s="16">
        <v>7730</v>
      </c>
      <c r="D7764" cm="1">
        <f t="array" ref="D7764">IFERROR(INDEX(Jesper!AH$2:AH$366,ROUNDDOWN($C7764/24,0)+1,1)*INDEX($D$3:$AA$30,INDEX(Jesper!$R$2:$R$366,ROW(INDEX(Jesper!AH$2:AH$366,ROUNDDOWN($C7764/24,0)+1,1))-1)+IF('Standard Profiles'!$G$18=$B$10,7,0)+IF('Standard Profiles'!$G$18=$B$17,14,0)+IF('Standard Profiles'!$G$18=$B$24,21,0),MOD($C7764,24)+1)/SUM(INDEX($D$3:$AA$30,INDEX(Jesper!$R$2:$R$366,ROW(INDEX(Jesper!AH$2:AH$366,ROUNDDOWN($C7764/24,0)+1,1))-1)+IF('Standard Profiles'!$G$18=$B$10,7,0)+IF('Standard Profiles'!$G$18=$B$17,14,0)+IF('Standard Profiles'!$G$18=$B$24,21,0),0)),0)</f>
        <v>2.831966069524424</v>
      </c>
      <c r="E7764" cm="1">
        <f t="array" ref="E7764">IFERROR(INDEX(Jesper!AI$2:AI$366,ROUNDDOWN($C7764/24,0)+1,1)*INDEX($D$3:$AA$30,INDEX(Jesper!$R$2:$R$366,ROW(INDEX(Jesper!AI$2:AI$366,ROUNDDOWN($C7764/24,0)+1,1))-1)+IF('Standard Profiles'!$G$19=$B$10,7,0)+IF('Standard Profiles'!$G$19=$B$17,14,0)+IF('Standard Profiles'!$G$19=$B$24,21,0),MOD($C7764,24)+1)/SUM(INDEX($D$3:$AA$30,INDEX(Jesper!$R$2:$R$366,ROW(INDEX(Jesper!AI$2:AI$366,ROUNDDOWN($C7764/24,0)+1,1))-1)+IF('Standard Profiles'!$G$19=$B$10,7,0)+IF('Standard Profiles'!$G$19=$B$17,14,0)+IF('Standard Profiles'!$G$19=$B$24,21,0),0)),0)</f>
        <v>0</v>
      </c>
      <c r="F7764" cm="1">
        <f t="array" ref="F7764">IFERROR(INDEX(Jesper!AJ$2:AJ$366,ROUNDDOWN($C7764/24,0)+1,1)*INDEX($D$3:$AA$30,INDEX(Jesper!$R$2:$R$366,ROW(INDEX(Jesper!AJ$2:AJ$366,ROUNDDOWN($C7764/24,0)+1,1))-1)+IF('Standard Profiles'!$G$20=$B$10,7,0)+IF('Standard Profiles'!$G$20=$B$17,14,0)+IF('Standard Profiles'!$G$20=$B$24,21,0),MOD($C7764,24)+1)/SUM(INDEX($D$3:$AA$30,INDEX(Jesper!$R$2:$R$366,ROW(INDEX(Jesper!AJ$2:AJ$366,ROUNDDOWN($C7764/24,0)+1,1))-1)+IF('Standard Profiles'!$G$20=$B$10,7,0)+IF('Standard Profiles'!$G$20=$B$17,14,0)+IF('Standard Profiles'!$G$20=$B$24,21,0),0)),0)</f>
        <v>0</v>
      </c>
      <c r="G7764" cm="1">
        <f t="array" ref="G7764">IFERROR(INDEX(Jesper!AK$2:AK$366,ROUNDDOWN($C7764/24,0)+1,1)*INDEX($D$3:$AA$30,INDEX(Jesper!$R$2:$R$366,ROW(INDEX(Jesper!AK$2:AK$366,ROUNDDOWN($C7764/24,0)+1,1))-1)+IF('Standard Profiles'!$G$21=$B$10,7,0)+IF('Standard Profiles'!$G$21=$B$17,14,0)+IF('Standard Profiles'!$G$21=$B$24,21,0),MOD($C7764,24)+1)/SUM(INDEX($D$3:$AA$30,INDEX(Jesper!$R$2:$R$366,ROW(INDEX(Jesper!AK$2:AK$366,ROUNDDOWN($C7764/24,0)+1,1))-1)+IF('Standard Profiles'!$G$21=$B$10,7,0)+IF('Standard Profiles'!$G$21=$B$17,14,0)+IF('Standard Profiles'!$G$21=$B$24,21,0),0)),0)</f>
        <v>0</v>
      </c>
      <c r="H7764" cm="1">
        <f t="array" ref="H7764">IFERROR(INDEX(Jesper!AL$2:AL$366,ROUNDDOWN($C7764/24,0)+1,1)*INDEX($D$3:$AA$30,INDEX(Jesper!$R$2:$R$366,ROW(INDEX(Jesper!AL$2:AL$366,ROUNDDOWN($C7764/24,0)+1,1))-1)+IF('Standard Profiles'!$G$22=$B$10,7,0)+IF('Standard Profiles'!$G$22=$B$17,14,0)+IF('Standard Profiles'!$G$22=$B$24,21,0),MOD($C7764,24)+1)/SUM(INDEX($D$3:$AA$30,INDEX(Jesper!$R$2:$R$366,ROW(INDEX(Jesper!AL$2:AL$366,ROUNDDOWN($C7764/24,0)+1,1))-1)+IF('Standard Profiles'!$G$22=$B$10,7,0)+IF('Standard Profiles'!$G$22=$B$17,14,0)+IF('Standard Profiles'!$G$22=$B$24,21,0),0)),0)</f>
        <v>0</v>
      </c>
      <c r="I7764">
        <f t="shared" si="860"/>
        <v>8.4958982085732715E-2</v>
      </c>
      <c r="J7764">
        <f t="shared" si="861"/>
        <v>0.28319660695244242</v>
      </c>
      <c r="K7764">
        <f t="shared" si="862"/>
        <v>0.42479491042866357</v>
      </c>
      <c r="L7764">
        <f t="shared" si="863"/>
        <v>2.0390155700575852</v>
      </c>
      <c r="M7764">
        <f t="shared" si="864"/>
        <v>0</v>
      </c>
      <c r="N7764" s="46">
        <f t="shared" si="865"/>
        <v>45614.083333314586</v>
      </c>
    </row>
    <row r="7765" spans="2:14" x14ac:dyDescent="0.3">
      <c r="B7765">
        <f t="shared" si="859"/>
        <v>1</v>
      </c>
      <c r="C7765" s="16">
        <v>7731</v>
      </c>
      <c r="D7765" cm="1">
        <f t="array" ref="D7765">IFERROR(INDEX(Jesper!AH$2:AH$366,ROUNDDOWN($C7765/24,0)+1,1)*INDEX($D$3:$AA$30,INDEX(Jesper!$R$2:$R$366,ROW(INDEX(Jesper!AH$2:AH$366,ROUNDDOWN($C7765/24,0)+1,1))-1)+IF('Standard Profiles'!$G$18=$B$10,7,0)+IF('Standard Profiles'!$G$18=$B$17,14,0)+IF('Standard Profiles'!$G$18=$B$24,21,0),MOD($C7765,24)+1)/SUM(INDEX($D$3:$AA$30,INDEX(Jesper!$R$2:$R$366,ROW(INDEX(Jesper!AH$2:AH$366,ROUNDDOWN($C7765/24,0)+1,1))-1)+IF('Standard Profiles'!$G$18=$B$10,7,0)+IF('Standard Profiles'!$G$18=$B$17,14,0)+IF('Standard Profiles'!$G$18=$B$24,21,0),0)),0)</f>
        <v>2.831966069524424</v>
      </c>
      <c r="E7765" cm="1">
        <f t="array" ref="E7765">IFERROR(INDEX(Jesper!AI$2:AI$366,ROUNDDOWN($C7765/24,0)+1,1)*INDEX($D$3:$AA$30,INDEX(Jesper!$R$2:$R$366,ROW(INDEX(Jesper!AI$2:AI$366,ROUNDDOWN($C7765/24,0)+1,1))-1)+IF('Standard Profiles'!$G$19=$B$10,7,0)+IF('Standard Profiles'!$G$19=$B$17,14,0)+IF('Standard Profiles'!$G$19=$B$24,21,0),MOD($C7765,24)+1)/SUM(INDEX($D$3:$AA$30,INDEX(Jesper!$R$2:$R$366,ROW(INDEX(Jesper!AI$2:AI$366,ROUNDDOWN($C7765/24,0)+1,1))-1)+IF('Standard Profiles'!$G$19=$B$10,7,0)+IF('Standard Profiles'!$G$19=$B$17,14,0)+IF('Standard Profiles'!$G$19=$B$24,21,0),0)),0)</f>
        <v>0</v>
      </c>
      <c r="F7765" cm="1">
        <f t="array" ref="F7765">IFERROR(INDEX(Jesper!AJ$2:AJ$366,ROUNDDOWN($C7765/24,0)+1,1)*INDEX($D$3:$AA$30,INDEX(Jesper!$R$2:$R$366,ROW(INDEX(Jesper!AJ$2:AJ$366,ROUNDDOWN($C7765/24,0)+1,1))-1)+IF('Standard Profiles'!$G$20=$B$10,7,0)+IF('Standard Profiles'!$G$20=$B$17,14,0)+IF('Standard Profiles'!$G$20=$B$24,21,0),MOD($C7765,24)+1)/SUM(INDEX($D$3:$AA$30,INDEX(Jesper!$R$2:$R$366,ROW(INDEX(Jesper!AJ$2:AJ$366,ROUNDDOWN($C7765/24,0)+1,1))-1)+IF('Standard Profiles'!$G$20=$B$10,7,0)+IF('Standard Profiles'!$G$20=$B$17,14,0)+IF('Standard Profiles'!$G$20=$B$24,21,0),0)),0)</f>
        <v>0</v>
      </c>
      <c r="G7765" cm="1">
        <f t="array" ref="G7765">IFERROR(INDEX(Jesper!AK$2:AK$366,ROUNDDOWN($C7765/24,0)+1,1)*INDEX($D$3:$AA$30,INDEX(Jesper!$R$2:$R$366,ROW(INDEX(Jesper!AK$2:AK$366,ROUNDDOWN($C7765/24,0)+1,1))-1)+IF('Standard Profiles'!$G$21=$B$10,7,0)+IF('Standard Profiles'!$G$21=$B$17,14,0)+IF('Standard Profiles'!$G$21=$B$24,21,0),MOD($C7765,24)+1)/SUM(INDEX($D$3:$AA$30,INDEX(Jesper!$R$2:$R$366,ROW(INDEX(Jesper!AK$2:AK$366,ROUNDDOWN($C7765/24,0)+1,1))-1)+IF('Standard Profiles'!$G$21=$B$10,7,0)+IF('Standard Profiles'!$G$21=$B$17,14,0)+IF('Standard Profiles'!$G$21=$B$24,21,0),0)),0)</f>
        <v>0</v>
      </c>
      <c r="H7765" cm="1">
        <f t="array" ref="H7765">IFERROR(INDEX(Jesper!AL$2:AL$366,ROUNDDOWN($C7765/24,0)+1,1)*INDEX($D$3:$AA$30,INDEX(Jesper!$R$2:$R$366,ROW(INDEX(Jesper!AL$2:AL$366,ROUNDDOWN($C7765/24,0)+1,1))-1)+IF('Standard Profiles'!$G$22=$B$10,7,0)+IF('Standard Profiles'!$G$22=$B$17,14,0)+IF('Standard Profiles'!$G$22=$B$24,21,0),MOD($C7765,24)+1)/SUM(INDEX($D$3:$AA$30,INDEX(Jesper!$R$2:$R$366,ROW(INDEX(Jesper!AL$2:AL$366,ROUNDDOWN($C7765/24,0)+1,1))-1)+IF('Standard Profiles'!$G$22=$B$10,7,0)+IF('Standard Profiles'!$G$22=$B$17,14,0)+IF('Standard Profiles'!$G$22=$B$24,21,0),0)),0)</f>
        <v>0</v>
      </c>
      <c r="I7765">
        <f t="shared" si="860"/>
        <v>8.4958982085732715E-2</v>
      </c>
      <c r="J7765">
        <f t="shared" si="861"/>
        <v>0.28319660695244242</v>
      </c>
      <c r="K7765">
        <f t="shared" si="862"/>
        <v>0.42479491042866357</v>
      </c>
      <c r="L7765">
        <f t="shared" si="863"/>
        <v>2.0390155700575852</v>
      </c>
      <c r="M7765">
        <f t="shared" si="864"/>
        <v>0</v>
      </c>
      <c r="N7765" s="46">
        <f t="shared" si="865"/>
        <v>45614.12499998125</v>
      </c>
    </row>
    <row r="7766" spans="2:14" x14ac:dyDescent="0.3">
      <c r="B7766">
        <f t="shared" si="859"/>
        <v>1</v>
      </c>
      <c r="C7766" s="16">
        <v>7732</v>
      </c>
      <c r="D7766" cm="1">
        <f t="array" ref="D7766">IFERROR(INDEX(Jesper!AH$2:AH$366,ROUNDDOWN($C7766/24,0)+1,1)*INDEX($D$3:$AA$30,INDEX(Jesper!$R$2:$R$366,ROW(INDEX(Jesper!AH$2:AH$366,ROUNDDOWN($C7766/24,0)+1,1))-1)+IF('Standard Profiles'!$G$18=$B$10,7,0)+IF('Standard Profiles'!$G$18=$B$17,14,0)+IF('Standard Profiles'!$G$18=$B$24,21,0),MOD($C7766,24)+1)/SUM(INDEX($D$3:$AA$30,INDEX(Jesper!$R$2:$R$366,ROW(INDEX(Jesper!AH$2:AH$366,ROUNDDOWN($C7766/24,0)+1,1))-1)+IF('Standard Profiles'!$G$18=$B$10,7,0)+IF('Standard Profiles'!$G$18=$B$17,14,0)+IF('Standard Profiles'!$G$18=$B$24,21,0),0)),0)</f>
        <v>2.831966069524424</v>
      </c>
      <c r="E7766" cm="1">
        <f t="array" ref="E7766">IFERROR(INDEX(Jesper!AI$2:AI$366,ROUNDDOWN($C7766/24,0)+1,1)*INDEX($D$3:$AA$30,INDEX(Jesper!$R$2:$R$366,ROW(INDEX(Jesper!AI$2:AI$366,ROUNDDOWN($C7766/24,0)+1,1))-1)+IF('Standard Profiles'!$G$19=$B$10,7,0)+IF('Standard Profiles'!$G$19=$B$17,14,0)+IF('Standard Profiles'!$G$19=$B$24,21,0),MOD($C7766,24)+1)/SUM(INDEX($D$3:$AA$30,INDEX(Jesper!$R$2:$R$366,ROW(INDEX(Jesper!AI$2:AI$366,ROUNDDOWN($C7766/24,0)+1,1))-1)+IF('Standard Profiles'!$G$19=$B$10,7,0)+IF('Standard Profiles'!$G$19=$B$17,14,0)+IF('Standard Profiles'!$G$19=$B$24,21,0),0)),0)</f>
        <v>0</v>
      </c>
      <c r="F7766" cm="1">
        <f t="array" ref="F7766">IFERROR(INDEX(Jesper!AJ$2:AJ$366,ROUNDDOWN($C7766/24,0)+1,1)*INDEX($D$3:$AA$30,INDEX(Jesper!$R$2:$R$366,ROW(INDEX(Jesper!AJ$2:AJ$366,ROUNDDOWN($C7766/24,0)+1,1))-1)+IF('Standard Profiles'!$G$20=$B$10,7,0)+IF('Standard Profiles'!$G$20=$B$17,14,0)+IF('Standard Profiles'!$G$20=$B$24,21,0),MOD($C7766,24)+1)/SUM(INDEX($D$3:$AA$30,INDEX(Jesper!$R$2:$R$366,ROW(INDEX(Jesper!AJ$2:AJ$366,ROUNDDOWN($C7766/24,0)+1,1))-1)+IF('Standard Profiles'!$G$20=$B$10,7,0)+IF('Standard Profiles'!$G$20=$B$17,14,0)+IF('Standard Profiles'!$G$20=$B$24,21,0),0)),0)</f>
        <v>0</v>
      </c>
      <c r="G7766" cm="1">
        <f t="array" ref="G7766">IFERROR(INDEX(Jesper!AK$2:AK$366,ROUNDDOWN($C7766/24,0)+1,1)*INDEX($D$3:$AA$30,INDEX(Jesper!$R$2:$R$366,ROW(INDEX(Jesper!AK$2:AK$366,ROUNDDOWN($C7766/24,0)+1,1))-1)+IF('Standard Profiles'!$G$21=$B$10,7,0)+IF('Standard Profiles'!$G$21=$B$17,14,0)+IF('Standard Profiles'!$G$21=$B$24,21,0),MOD($C7766,24)+1)/SUM(INDEX($D$3:$AA$30,INDEX(Jesper!$R$2:$R$366,ROW(INDEX(Jesper!AK$2:AK$366,ROUNDDOWN($C7766/24,0)+1,1))-1)+IF('Standard Profiles'!$G$21=$B$10,7,0)+IF('Standard Profiles'!$G$21=$B$17,14,0)+IF('Standard Profiles'!$G$21=$B$24,21,0),0)),0)</f>
        <v>0</v>
      </c>
      <c r="H7766" cm="1">
        <f t="array" ref="H7766">IFERROR(INDEX(Jesper!AL$2:AL$366,ROUNDDOWN($C7766/24,0)+1,1)*INDEX($D$3:$AA$30,INDEX(Jesper!$R$2:$R$366,ROW(INDEX(Jesper!AL$2:AL$366,ROUNDDOWN($C7766/24,0)+1,1))-1)+IF('Standard Profiles'!$G$22=$B$10,7,0)+IF('Standard Profiles'!$G$22=$B$17,14,0)+IF('Standard Profiles'!$G$22=$B$24,21,0),MOD($C7766,24)+1)/SUM(INDEX($D$3:$AA$30,INDEX(Jesper!$R$2:$R$366,ROW(INDEX(Jesper!AL$2:AL$366,ROUNDDOWN($C7766/24,0)+1,1))-1)+IF('Standard Profiles'!$G$22=$B$10,7,0)+IF('Standard Profiles'!$G$22=$B$17,14,0)+IF('Standard Profiles'!$G$22=$B$24,21,0),0)),0)</f>
        <v>0</v>
      </c>
      <c r="I7766">
        <f t="shared" si="860"/>
        <v>8.4958982085732715E-2</v>
      </c>
      <c r="J7766">
        <f t="shared" si="861"/>
        <v>0.28319660695244242</v>
      </c>
      <c r="K7766">
        <f t="shared" si="862"/>
        <v>0.42479491042866357</v>
      </c>
      <c r="L7766">
        <f t="shared" si="863"/>
        <v>2.0390155700575852</v>
      </c>
      <c r="M7766">
        <f t="shared" si="864"/>
        <v>0</v>
      </c>
      <c r="N7766" s="46">
        <f t="shared" si="865"/>
        <v>45614.166666647914</v>
      </c>
    </row>
    <row r="7767" spans="2:14" x14ac:dyDescent="0.3">
      <c r="B7767">
        <f t="shared" si="859"/>
        <v>1</v>
      </c>
      <c r="C7767" s="16">
        <v>7733</v>
      </c>
      <c r="D7767" cm="1">
        <f t="array" ref="D7767">IFERROR(INDEX(Jesper!AH$2:AH$366,ROUNDDOWN($C7767/24,0)+1,1)*INDEX($D$3:$AA$30,INDEX(Jesper!$R$2:$R$366,ROW(INDEX(Jesper!AH$2:AH$366,ROUNDDOWN($C7767/24,0)+1,1))-1)+IF('Standard Profiles'!$G$18=$B$10,7,0)+IF('Standard Profiles'!$G$18=$B$17,14,0)+IF('Standard Profiles'!$G$18=$B$24,21,0),MOD($C7767,24)+1)/SUM(INDEX($D$3:$AA$30,INDEX(Jesper!$R$2:$R$366,ROW(INDEX(Jesper!AH$2:AH$366,ROUNDDOWN($C7767/24,0)+1,1))-1)+IF('Standard Profiles'!$G$18=$B$10,7,0)+IF('Standard Profiles'!$G$18=$B$17,14,0)+IF('Standard Profiles'!$G$18=$B$24,21,0),0)),0)</f>
        <v>12.27185296793917</v>
      </c>
      <c r="E7767" cm="1">
        <f t="array" ref="E7767">IFERROR(INDEX(Jesper!AI$2:AI$366,ROUNDDOWN($C7767/24,0)+1,1)*INDEX($D$3:$AA$30,INDEX(Jesper!$R$2:$R$366,ROW(INDEX(Jesper!AI$2:AI$366,ROUNDDOWN($C7767/24,0)+1,1))-1)+IF('Standard Profiles'!$G$19=$B$10,7,0)+IF('Standard Profiles'!$G$19=$B$17,14,0)+IF('Standard Profiles'!$G$19=$B$24,21,0),MOD($C7767,24)+1)/SUM(INDEX($D$3:$AA$30,INDEX(Jesper!$R$2:$R$366,ROW(INDEX(Jesper!AI$2:AI$366,ROUNDDOWN($C7767/24,0)+1,1))-1)+IF('Standard Profiles'!$G$19=$B$10,7,0)+IF('Standard Profiles'!$G$19=$B$17,14,0)+IF('Standard Profiles'!$G$19=$B$24,21,0),0)),0)</f>
        <v>0</v>
      </c>
      <c r="F7767" cm="1">
        <f t="array" ref="F7767">IFERROR(INDEX(Jesper!AJ$2:AJ$366,ROUNDDOWN($C7767/24,0)+1,1)*INDEX($D$3:$AA$30,INDEX(Jesper!$R$2:$R$366,ROW(INDEX(Jesper!AJ$2:AJ$366,ROUNDDOWN($C7767/24,0)+1,1))-1)+IF('Standard Profiles'!$G$20=$B$10,7,0)+IF('Standard Profiles'!$G$20=$B$17,14,0)+IF('Standard Profiles'!$G$20=$B$24,21,0),MOD($C7767,24)+1)/SUM(INDEX($D$3:$AA$30,INDEX(Jesper!$R$2:$R$366,ROW(INDEX(Jesper!AJ$2:AJ$366,ROUNDDOWN($C7767/24,0)+1,1))-1)+IF('Standard Profiles'!$G$20=$B$10,7,0)+IF('Standard Profiles'!$G$20=$B$17,14,0)+IF('Standard Profiles'!$G$20=$B$24,21,0),0)),0)</f>
        <v>0</v>
      </c>
      <c r="G7767" cm="1">
        <f t="array" ref="G7767">IFERROR(INDEX(Jesper!AK$2:AK$366,ROUNDDOWN($C7767/24,0)+1,1)*INDEX($D$3:$AA$30,INDEX(Jesper!$R$2:$R$366,ROW(INDEX(Jesper!AK$2:AK$366,ROUNDDOWN($C7767/24,0)+1,1))-1)+IF('Standard Profiles'!$G$21=$B$10,7,0)+IF('Standard Profiles'!$G$21=$B$17,14,0)+IF('Standard Profiles'!$G$21=$B$24,21,0),MOD($C7767,24)+1)/SUM(INDEX($D$3:$AA$30,INDEX(Jesper!$R$2:$R$366,ROW(INDEX(Jesper!AK$2:AK$366,ROUNDDOWN($C7767/24,0)+1,1))-1)+IF('Standard Profiles'!$G$21=$B$10,7,0)+IF('Standard Profiles'!$G$21=$B$17,14,0)+IF('Standard Profiles'!$G$21=$B$24,21,0),0)),0)</f>
        <v>0</v>
      </c>
      <c r="H7767" cm="1">
        <f t="array" ref="H7767">IFERROR(INDEX(Jesper!AL$2:AL$366,ROUNDDOWN($C7767/24,0)+1,1)*INDEX($D$3:$AA$30,INDEX(Jesper!$R$2:$R$366,ROW(INDEX(Jesper!AL$2:AL$366,ROUNDDOWN($C7767/24,0)+1,1))-1)+IF('Standard Profiles'!$G$22=$B$10,7,0)+IF('Standard Profiles'!$G$22=$B$17,14,0)+IF('Standard Profiles'!$G$22=$B$24,21,0),MOD($C7767,24)+1)/SUM(INDEX($D$3:$AA$30,INDEX(Jesper!$R$2:$R$366,ROW(INDEX(Jesper!AL$2:AL$366,ROUNDDOWN($C7767/24,0)+1,1))-1)+IF('Standard Profiles'!$G$22=$B$10,7,0)+IF('Standard Profiles'!$G$22=$B$17,14,0)+IF('Standard Profiles'!$G$22=$B$24,21,0),0)),0)</f>
        <v>0</v>
      </c>
      <c r="I7767">
        <f t="shared" si="860"/>
        <v>0.36815558903817508</v>
      </c>
      <c r="J7767">
        <f t="shared" si="861"/>
        <v>1.227185296793917</v>
      </c>
      <c r="K7767">
        <f t="shared" si="862"/>
        <v>1.8407779451908755</v>
      </c>
      <c r="L7767">
        <f t="shared" si="863"/>
        <v>8.8357341369162015</v>
      </c>
      <c r="M7767">
        <f t="shared" si="864"/>
        <v>0</v>
      </c>
      <c r="N7767" s="46">
        <f t="shared" si="865"/>
        <v>45614.208333314578</v>
      </c>
    </row>
    <row r="7768" spans="2:14" x14ac:dyDescent="0.3">
      <c r="B7768">
        <f t="shared" si="859"/>
        <v>1</v>
      </c>
      <c r="C7768" s="16">
        <v>7734</v>
      </c>
      <c r="D7768" cm="1">
        <f t="array" ref="D7768">IFERROR(INDEX(Jesper!AH$2:AH$366,ROUNDDOWN($C7768/24,0)+1,1)*INDEX($D$3:$AA$30,INDEX(Jesper!$R$2:$R$366,ROW(INDEX(Jesper!AH$2:AH$366,ROUNDDOWN($C7768/24,0)+1,1))-1)+IF('Standard Profiles'!$G$18=$B$10,7,0)+IF('Standard Profiles'!$G$18=$B$17,14,0)+IF('Standard Profiles'!$G$18=$B$24,21,0),MOD($C7768,24)+1)/SUM(INDEX($D$3:$AA$30,INDEX(Jesper!$R$2:$R$366,ROW(INDEX(Jesper!AH$2:AH$366,ROUNDDOWN($C7768/24,0)+1,1))-1)+IF('Standard Profiles'!$G$18=$B$10,7,0)+IF('Standard Profiles'!$G$18=$B$17,14,0)+IF('Standard Profiles'!$G$18=$B$24,21,0),0)),0)</f>
        <v>13.92383317516175</v>
      </c>
      <c r="E7768" cm="1">
        <f t="array" ref="E7768">IFERROR(INDEX(Jesper!AI$2:AI$366,ROUNDDOWN($C7768/24,0)+1,1)*INDEX($D$3:$AA$30,INDEX(Jesper!$R$2:$R$366,ROW(INDEX(Jesper!AI$2:AI$366,ROUNDDOWN($C7768/24,0)+1,1))-1)+IF('Standard Profiles'!$G$19=$B$10,7,0)+IF('Standard Profiles'!$G$19=$B$17,14,0)+IF('Standard Profiles'!$G$19=$B$24,21,0),MOD($C7768,24)+1)/SUM(INDEX($D$3:$AA$30,INDEX(Jesper!$R$2:$R$366,ROW(INDEX(Jesper!AI$2:AI$366,ROUNDDOWN($C7768/24,0)+1,1))-1)+IF('Standard Profiles'!$G$19=$B$10,7,0)+IF('Standard Profiles'!$G$19=$B$17,14,0)+IF('Standard Profiles'!$G$19=$B$24,21,0),0)),0)</f>
        <v>0</v>
      </c>
      <c r="F7768" cm="1">
        <f t="array" ref="F7768">IFERROR(INDEX(Jesper!AJ$2:AJ$366,ROUNDDOWN($C7768/24,0)+1,1)*INDEX($D$3:$AA$30,INDEX(Jesper!$R$2:$R$366,ROW(INDEX(Jesper!AJ$2:AJ$366,ROUNDDOWN($C7768/24,0)+1,1))-1)+IF('Standard Profiles'!$G$20=$B$10,7,0)+IF('Standard Profiles'!$G$20=$B$17,14,0)+IF('Standard Profiles'!$G$20=$B$24,21,0),MOD($C7768,24)+1)/SUM(INDEX($D$3:$AA$30,INDEX(Jesper!$R$2:$R$366,ROW(INDEX(Jesper!AJ$2:AJ$366,ROUNDDOWN($C7768/24,0)+1,1))-1)+IF('Standard Profiles'!$G$20=$B$10,7,0)+IF('Standard Profiles'!$G$20=$B$17,14,0)+IF('Standard Profiles'!$G$20=$B$24,21,0),0)),0)</f>
        <v>0</v>
      </c>
      <c r="G7768" cm="1">
        <f t="array" ref="G7768">IFERROR(INDEX(Jesper!AK$2:AK$366,ROUNDDOWN($C7768/24,0)+1,1)*INDEX($D$3:$AA$30,INDEX(Jesper!$R$2:$R$366,ROW(INDEX(Jesper!AK$2:AK$366,ROUNDDOWN($C7768/24,0)+1,1))-1)+IF('Standard Profiles'!$G$21=$B$10,7,0)+IF('Standard Profiles'!$G$21=$B$17,14,0)+IF('Standard Profiles'!$G$21=$B$24,21,0),MOD($C7768,24)+1)/SUM(INDEX($D$3:$AA$30,INDEX(Jesper!$R$2:$R$366,ROW(INDEX(Jesper!AK$2:AK$366,ROUNDDOWN($C7768/24,0)+1,1))-1)+IF('Standard Profiles'!$G$21=$B$10,7,0)+IF('Standard Profiles'!$G$21=$B$17,14,0)+IF('Standard Profiles'!$G$21=$B$24,21,0),0)),0)</f>
        <v>0</v>
      </c>
      <c r="H7768" cm="1">
        <f t="array" ref="H7768">IFERROR(INDEX(Jesper!AL$2:AL$366,ROUNDDOWN($C7768/24,0)+1,1)*INDEX($D$3:$AA$30,INDEX(Jesper!$R$2:$R$366,ROW(INDEX(Jesper!AL$2:AL$366,ROUNDDOWN($C7768/24,0)+1,1))-1)+IF('Standard Profiles'!$G$22=$B$10,7,0)+IF('Standard Profiles'!$G$22=$B$17,14,0)+IF('Standard Profiles'!$G$22=$B$24,21,0),MOD($C7768,24)+1)/SUM(INDEX($D$3:$AA$30,INDEX(Jesper!$R$2:$R$366,ROW(INDEX(Jesper!AL$2:AL$366,ROUNDDOWN($C7768/24,0)+1,1))-1)+IF('Standard Profiles'!$G$22=$B$10,7,0)+IF('Standard Profiles'!$G$22=$B$17,14,0)+IF('Standard Profiles'!$G$22=$B$24,21,0),0)),0)</f>
        <v>0</v>
      </c>
      <c r="I7768">
        <f t="shared" si="860"/>
        <v>0.41771499525485251</v>
      </c>
      <c r="J7768">
        <f t="shared" si="861"/>
        <v>1.3923833175161751</v>
      </c>
      <c r="K7768">
        <f t="shared" si="862"/>
        <v>2.0885749762742623</v>
      </c>
      <c r="L7768">
        <f t="shared" si="863"/>
        <v>10.025159886116461</v>
      </c>
      <c r="M7768">
        <f t="shared" si="864"/>
        <v>0</v>
      </c>
      <c r="N7768" s="46">
        <f t="shared" si="865"/>
        <v>45614.249999981243</v>
      </c>
    </row>
    <row r="7769" spans="2:14" x14ac:dyDescent="0.3">
      <c r="B7769">
        <f t="shared" si="859"/>
        <v>1</v>
      </c>
      <c r="C7769" s="16">
        <v>7735</v>
      </c>
      <c r="D7769" cm="1">
        <f t="array" ref="D7769">IFERROR(INDEX(Jesper!AH$2:AH$366,ROUNDDOWN($C7769/24,0)+1,1)*INDEX($D$3:$AA$30,INDEX(Jesper!$R$2:$R$366,ROW(INDEX(Jesper!AH$2:AH$366,ROUNDDOWN($C7769/24,0)+1,1))-1)+IF('Standard Profiles'!$G$18=$B$10,7,0)+IF('Standard Profiles'!$G$18=$B$17,14,0)+IF('Standard Profiles'!$G$18=$B$24,21,0),MOD($C7769,24)+1)/SUM(INDEX($D$3:$AA$30,INDEX(Jesper!$R$2:$R$366,ROW(INDEX(Jesper!AH$2:AH$366,ROUNDDOWN($C7769/24,0)+1,1))-1)+IF('Standard Profiles'!$G$18=$B$10,7,0)+IF('Standard Profiles'!$G$18=$B$17,14,0)+IF('Standard Profiles'!$G$18=$B$24,21,0),0)),0)</f>
        <v>13.92383317516175</v>
      </c>
      <c r="E7769" cm="1">
        <f t="array" ref="E7769">IFERROR(INDEX(Jesper!AI$2:AI$366,ROUNDDOWN($C7769/24,0)+1,1)*INDEX($D$3:$AA$30,INDEX(Jesper!$R$2:$R$366,ROW(INDEX(Jesper!AI$2:AI$366,ROUNDDOWN($C7769/24,0)+1,1))-1)+IF('Standard Profiles'!$G$19=$B$10,7,0)+IF('Standard Profiles'!$G$19=$B$17,14,0)+IF('Standard Profiles'!$G$19=$B$24,21,0),MOD($C7769,24)+1)/SUM(INDEX($D$3:$AA$30,INDEX(Jesper!$R$2:$R$366,ROW(INDEX(Jesper!AI$2:AI$366,ROUNDDOWN($C7769/24,0)+1,1))-1)+IF('Standard Profiles'!$G$19=$B$10,7,0)+IF('Standard Profiles'!$G$19=$B$17,14,0)+IF('Standard Profiles'!$G$19=$B$24,21,0),0)),0)</f>
        <v>0</v>
      </c>
      <c r="F7769" cm="1">
        <f t="array" ref="F7769">IFERROR(INDEX(Jesper!AJ$2:AJ$366,ROUNDDOWN($C7769/24,0)+1,1)*INDEX($D$3:$AA$30,INDEX(Jesper!$R$2:$R$366,ROW(INDEX(Jesper!AJ$2:AJ$366,ROUNDDOWN($C7769/24,0)+1,1))-1)+IF('Standard Profiles'!$G$20=$B$10,7,0)+IF('Standard Profiles'!$G$20=$B$17,14,0)+IF('Standard Profiles'!$G$20=$B$24,21,0),MOD($C7769,24)+1)/SUM(INDEX($D$3:$AA$30,INDEX(Jesper!$R$2:$R$366,ROW(INDEX(Jesper!AJ$2:AJ$366,ROUNDDOWN($C7769/24,0)+1,1))-1)+IF('Standard Profiles'!$G$20=$B$10,7,0)+IF('Standard Profiles'!$G$20=$B$17,14,0)+IF('Standard Profiles'!$G$20=$B$24,21,0),0)),0)</f>
        <v>0</v>
      </c>
      <c r="G7769" cm="1">
        <f t="array" ref="G7769">IFERROR(INDEX(Jesper!AK$2:AK$366,ROUNDDOWN($C7769/24,0)+1,1)*INDEX($D$3:$AA$30,INDEX(Jesper!$R$2:$R$366,ROW(INDEX(Jesper!AK$2:AK$366,ROUNDDOWN($C7769/24,0)+1,1))-1)+IF('Standard Profiles'!$G$21=$B$10,7,0)+IF('Standard Profiles'!$G$21=$B$17,14,0)+IF('Standard Profiles'!$G$21=$B$24,21,0),MOD($C7769,24)+1)/SUM(INDEX($D$3:$AA$30,INDEX(Jesper!$R$2:$R$366,ROW(INDEX(Jesper!AK$2:AK$366,ROUNDDOWN($C7769/24,0)+1,1))-1)+IF('Standard Profiles'!$G$21=$B$10,7,0)+IF('Standard Profiles'!$G$21=$B$17,14,0)+IF('Standard Profiles'!$G$21=$B$24,21,0),0)),0)</f>
        <v>0</v>
      </c>
      <c r="H7769" cm="1">
        <f t="array" ref="H7769">IFERROR(INDEX(Jesper!AL$2:AL$366,ROUNDDOWN($C7769/24,0)+1,1)*INDEX($D$3:$AA$30,INDEX(Jesper!$R$2:$R$366,ROW(INDEX(Jesper!AL$2:AL$366,ROUNDDOWN($C7769/24,0)+1,1))-1)+IF('Standard Profiles'!$G$22=$B$10,7,0)+IF('Standard Profiles'!$G$22=$B$17,14,0)+IF('Standard Profiles'!$G$22=$B$24,21,0),MOD($C7769,24)+1)/SUM(INDEX($D$3:$AA$30,INDEX(Jesper!$R$2:$R$366,ROW(INDEX(Jesper!AL$2:AL$366,ROUNDDOWN($C7769/24,0)+1,1))-1)+IF('Standard Profiles'!$G$22=$B$10,7,0)+IF('Standard Profiles'!$G$22=$B$17,14,0)+IF('Standard Profiles'!$G$22=$B$24,21,0),0)),0)</f>
        <v>0</v>
      </c>
      <c r="I7769">
        <f t="shared" si="860"/>
        <v>0.41771499525485251</v>
      </c>
      <c r="J7769">
        <f t="shared" si="861"/>
        <v>1.3923833175161751</v>
      </c>
      <c r="K7769">
        <f t="shared" si="862"/>
        <v>2.0885749762742623</v>
      </c>
      <c r="L7769">
        <f t="shared" si="863"/>
        <v>10.025159886116461</v>
      </c>
      <c r="M7769">
        <f t="shared" si="864"/>
        <v>0</v>
      </c>
      <c r="N7769" s="46">
        <f t="shared" si="865"/>
        <v>45614.291666647907</v>
      </c>
    </row>
    <row r="7770" spans="2:14" x14ac:dyDescent="0.3">
      <c r="B7770">
        <f t="shared" si="859"/>
        <v>1</v>
      </c>
      <c r="C7770" s="16">
        <v>7736</v>
      </c>
      <c r="D7770" cm="1">
        <f t="array" ref="D7770">IFERROR(INDEX(Jesper!AH$2:AH$366,ROUNDDOWN($C7770/24,0)+1,1)*INDEX($D$3:$AA$30,INDEX(Jesper!$R$2:$R$366,ROW(INDEX(Jesper!AH$2:AH$366,ROUNDDOWN($C7770/24,0)+1,1))-1)+IF('Standard Profiles'!$G$18=$B$10,7,0)+IF('Standard Profiles'!$G$18=$B$17,14,0)+IF('Standard Profiles'!$G$18=$B$24,21,0),MOD($C7770,24)+1)/SUM(INDEX($D$3:$AA$30,INDEX(Jesper!$R$2:$R$366,ROW(INDEX(Jesper!AH$2:AH$366,ROUNDDOWN($C7770/24,0)+1,1))-1)+IF('Standard Profiles'!$G$18=$B$10,7,0)+IF('Standard Profiles'!$G$18=$B$17,14,0)+IF('Standard Profiles'!$G$18=$B$24,21,0),0)),0)</f>
        <v>13.92383317516175</v>
      </c>
      <c r="E7770" cm="1">
        <f t="array" ref="E7770">IFERROR(INDEX(Jesper!AI$2:AI$366,ROUNDDOWN($C7770/24,0)+1,1)*INDEX($D$3:$AA$30,INDEX(Jesper!$R$2:$R$366,ROW(INDEX(Jesper!AI$2:AI$366,ROUNDDOWN($C7770/24,0)+1,1))-1)+IF('Standard Profiles'!$G$19=$B$10,7,0)+IF('Standard Profiles'!$G$19=$B$17,14,0)+IF('Standard Profiles'!$G$19=$B$24,21,0),MOD($C7770,24)+1)/SUM(INDEX($D$3:$AA$30,INDEX(Jesper!$R$2:$R$366,ROW(INDEX(Jesper!AI$2:AI$366,ROUNDDOWN($C7770/24,0)+1,1))-1)+IF('Standard Profiles'!$G$19=$B$10,7,0)+IF('Standard Profiles'!$G$19=$B$17,14,0)+IF('Standard Profiles'!$G$19=$B$24,21,0),0)),0)</f>
        <v>0</v>
      </c>
      <c r="F7770" cm="1">
        <f t="array" ref="F7770">IFERROR(INDEX(Jesper!AJ$2:AJ$366,ROUNDDOWN($C7770/24,0)+1,1)*INDEX($D$3:$AA$30,INDEX(Jesper!$R$2:$R$366,ROW(INDEX(Jesper!AJ$2:AJ$366,ROUNDDOWN($C7770/24,0)+1,1))-1)+IF('Standard Profiles'!$G$20=$B$10,7,0)+IF('Standard Profiles'!$G$20=$B$17,14,0)+IF('Standard Profiles'!$G$20=$B$24,21,0),MOD($C7770,24)+1)/SUM(INDEX($D$3:$AA$30,INDEX(Jesper!$R$2:$R$366,ROW(INDEX(Jesper!AJ$2:AJ$366,ROUNDDOWN($C7770/24,0)+1,1))-1)+IF('Standard Profiles'!$G$20=$B$10,7,0)+IF('Standard Profiles'!$G$20=$B$17,14,0)+IF('Standard Profiles'!$G$20=$B$24,21,0),0)),0)</f>
        <v>0</v>
      </c>
      <c r="G7770" cm="1">
        <f t="array" ref="G7770">IFERROR(INDEX(Jesper!AK$2:AK$366,ROUNDDOWN($C7770/24,0)+1,1)*INDEX($D$3:$AA$30,INDEX(Jesper!$R$2:$R$366,ROW(INDEX(Jesper!AK$2:AK$366,ROUNDDOWN($C7770/24,0)+1,1))-1)+IF('Standard Profiles'!$G$21=$B$10,7,0)+IF('Standard Profiles'!$G$21=$B$17,14,0)+IF('Standard Profiles'!$G$21=$B$24,21,0),MOD($C7770,24)+1)/SUM(INDEX($D$3:$AA$30,INDEX(Jesper!$R$2:$R$366,ROW(INDEX(Jesper!AK$2:AK$366,ROUNDDOWN($C7770/24,0)+1,1))-1)+IF('Standard Profiles'!$G$21=$B$10,7,0)+IF('Standard Profiles'!$G$21=$B$17,14,0)+IF('Standard Profiles'!$G$21=$B$24,21,0),0)),0)</f>
        <v>0</v>
      </c>
      <c r="H7770" cm="1">
        <f t="array" ref="H7770">IFERROR(INDEX(Jesper!AL$2:AL$366,ROUNDDOWN($C7770/24,0)+1,1)*INDEX($D$3:$AA$30,INDEX(Jesper!$R$2:$R$366,ROW(INDEX(Jesper!AL$2:AL$366,ROUNDDOWN($C7770/24,0)+1,1))-1)+IF('Standard Profiles'!$G$22=$B$10,7,0)+IF('Standard Profiles'!$G$22=$B$17,14,0)+IF('Standard Profiles'!$G$22=$B$24,21,0),MOD($C7770,24)+1)/SUM(INDEX($D$3:$AA$30,INDEX(Jesper!$R$2:$R$366,ROW(INDEX(Jesper!AL$2:AL$366,ROUNDDOWN($C7770/24,0)+1,1))-1)+IF('Standard Profiles'!$G$22=$B$10,7,0)+IF('Standard Profiles'!$G$22=$B$17,14,0)+IF('Standard Profiles'!$G$22=$B$24,21,0),0)),0)</f>
        <v>0</v>
      </c>
      <c r="I7770">
        <f t="shared" si="860"/>
        <v>0.41771499525485251</v>
      </c>
      <c r="J7770">
        <f t="shared" si="861"/>
        <v>1.3923833175161751</v>
      </c>
      <c r="K7770">
        <f t="shared" si="862"/>
        <v>2.0885749762742623</v>
      </c>
      <c r="L7770">
        <f t="shared" si="863"/>
        <v>10.025159886116461</v>
      </c>
      <c r="M7770">
        <f t="shared" si="864"/>
        <v>0</v>
      </c>
      <c r="N7770" s="46">
        <f t="shared" si="865"/>
        <v>45614.333333314571</v>
      </c>
    </row>
    <row r="7771" spans="2:14" x14ac:dyDescent="0.3">
      <c r="B7771">
        <f t="shared" si="859"/>
        <v>1</v>
      </c>
      <c r="C7771" s="16">
        <v>7737</v>
      </c>
      <c r="D7771" cm="1">
        <f t="array" ref="D7771">IFERROR(INDEX(Jesper!AH$2:AH$366,ROUNDDOWN($C7771/24,0)+1,1)*INDEX($D$3:$AA$30,INDEX(Jesper!$R$2:$R$366,ROW(INDEX(Jesper!AH$2:AH$366,ROUNDDOWN($C7771/24,0)+1,1))-1)+IF('Standard Profiles'!$G$18=$B$10,7,0)+IF('Standard Profiles'!$G$18=$B$17,14,0)+IF('Standard Profiles'!$G$18=$B$24,21,0),MOD($C7771,24)+1)/SUM(INDEX($D$3:$AA$30,INDEX(Jesper!$R$2:$R$366,ROW(INDEX(Jesper!AH$2:AH$366,ROUNDDOWN($C7771/24,0)+1,1))-1)+IF('Standard Profiles'!$G$18=$B$10,7,0)+IF('Standard Profiles'!$G$18=$B$17,14,0)+IF('Standard Profiles'!$G$18=$B$24,21,0),0)),0)</f>
        <v>14.867821865003227</v>
      </c>
      <c r="E7771" cm="1">
        <f t="array" ref="E7771">IFERROR(INDEX(Jesper!AI$2:AI$366,ROUNDDOWN($C7771/24,0)+1,1)*INDEX($D$3:$AA$30,INDEX(Jesper!$R$2:$R$366,ROW(INDEX(Jesper!AI$2:AI$366,ROUNDDOWN($C7771/24,0)+1,1))-1)+IF('Standard Profiles'!$G$19=$B$10,7,0)+IF('Standard Profiles'!$G$19=$B$17,14,0)+IF('Standard Profiles'!$G$19=$B$24,21,0),MOD($C7771,24)+1)/SUM(INDEX($D$3:$AA$30,INDEX(Jesper!$R$2:$R$366,ROW(INDEX(Jesper!AI$2:AI$366,ROUNDDOWN($C7771/24,0)+1,1))-1)+IF('Standard Profiles'!$G$19=$B$10,7,0)+IF('Standard Profiles'!$G$19=$B$17,14,0)+IF('Standard Profiles'!$G$19=$B$24,21,0),0)),0)</f>
        <v>0</v>
      </c>
      <c r="F7771" cm="1">
        <f t="array" ref="F7771">IFERROR(INDEX(Jesper!AJ$2:AJ$366,ROUNDDOWN($C7771/24,0)+1,1)*INDEX($D$3:$AA$30,INDEX(Jesper!$R$2:$R$366,ROW(INDEX(Jesper!AJ$2:AJ$366,ROUNDDOWN($C7771/24,0)+1,1))-1)+IF('Standard Profiles'!$G$20=$B$10,7,0)+IF('Standard Profiles'!$G$20=$B$17,14,0)+IF('Standard Profiles'!$G$20=$B$24,21,0),MOD($C7771,24)+1)/SUM(INDEX($D$3:$AA$30,INDEX(Jesper!$R$2:$R$366,ROW(INDEX(Jesper!AJ$2:AJ$366,ROUNDDOWN($C7771/24,0)+1,1))-1)+IF('Standard Profiles'!$G$20=$B$10,7,0)+IF('Standard Profiles'!$G$20=$B$17,14,0)+IF('Standard Profiles'!$G$20=$B$24,21,0),0)),0)</f>
        <v>0</v>
      </c>
      <c r="G7771" cm="1">
        <f t="array" ref="G7771">IFERROR(INDEX(Jesper!AK$2:AK$366,ROUNDDOWN($C7771/24,0)+1,1)*INDEX($D$3:$AA$30,INDEX(Jesper!$R$2:$R$366,ROW(INDEX(Jesper!AK$2:AK$366,ROUNDDOWN($C7771/24,0)+1,1))-1)+IF('Standard Profiles'!$G$21=$B$10,7,0)+IF('Standard Profiles'!$G$21=$B$17,14,0)+IF('Standard Profiles'!$G$21=$B$24,21,0),MOD($C7771,24)+1)/SUM(INDEX($D$3:$AA$30,INDEX(Jesper!$R$2:$R$366,ROW(INDEX(Jesper!AK$2:AK$366,ROUNDDOWN($C7771/24,0)+1,1))-1)+IF('Standard Profiles'!$G$21=$B$10,7,0)+IF('Standard Profiles'!$G$21=$B$17,14,0)+IF('Standard Profiles'!$G$21=$B$24,21,0),0)),0)</f>
        <v>0</v>
      </c>
      <c r="H7771" cm="1">
        <f t="array" ref="H7771">IFERROR(INDEX(Jesper!AL$2:AL$366,ROUNDDOWN($C7771/24,0)+1,1)*INDEX($D$3:$AA$30,INDEX(Jesper!$R$2:$R$366,ROW(INDEX(Jesper!AL$2:AL$366,ROUNDDOWN($C7771/24,0)+1,1))-1)+IF('Standard Profiles'!$G$22=$B$10,7,0)+IF('Standard Profiles'!$G$22=$B$17,14,0)+IF('Standard Profiles'!$G$22=$B$24,21,0),MOD($C7771,24)+1)/SUM(INDEX($D$3:$AA$30,INDEX(Jesper!$R$2:$R$366,ROW(INDEX(Jesper!AL$2:AL$366,ROUNDDOWN($C7771/24,0)+1,1))-1)+IF('Standard Profiles'!$G$22=$B$10,7,0)+IF('Standard Profiles'!$G$22=$B$17,14,0)+IF('Standard Profiles'!$G$22=$B$24,21,0),0)),0)</f>
        <v>0</v>
      </c>
      <c r="I7771">
        <f t="shared" si="860"/>
        <v>0.44603465595009678</v>
      </c>
      <c r="J7771">
        <f t="shared" si="861"/>
        <v>1.4867821865003228</v>
      </c>
      <c r="K7771">
        <f t="shared" si="862"/>
        <v>2.2301732797504839</v>
      </c>
      <c r="L7771">
        <f t="shared" si="863"/>
        <v>10.704831742802323</v>
      </c>
      <c r="M7771">
        <f t="shared" si="864"/>
        <v>0</v>
      </c>
      <c r="N7771" s="46">
        <f t="shared" si="865"/>
        <v>45614.374999981235</v>
      </c>
    </row>
    <row r="7772" spans="2:14" x14ac:dyDescent="0.3">
      <c r="B7772">
        <f t="shared" si="859"/>
        <v>1</v>
      </c>
      <c r="C7772" s="16">
        <v>7738</v>
      </c>
      <c r="D7772" cm="1">
        <f t="array" ref="D7772">IFERROR(INDEX(Jesper!AH$2:AH$366,ROUNDDOWN($C7772/24,0)+1,1)*INDEX($D$3:$AA$30,INDEX(Jesper!$R$2:$R$366,ROW(INDEX(Jesper!AH$2:AH$366,ROUNDDOWN($C7772/24,0)+1,1))-1)+IF('Standard Profiles'!$G$18=$B$10,7,0)+IF('Standard Profiles'!$G$18=$B$17,14,0)+IF('Standard Profiles'!$G$18=$B$24,21,0),MOD($C7772,24)+1)/SUM(INDEX($D$3:$AA$30,INDEX(Jesper!$R$2:$R$366,ROW(INDEX(Jesper!AH$2:AH$366,ROUNDDOWN($C7772/24,0)+1,1))-1)+IF('Standard Profiles'!$G$18=$B$10,7,0)+IF('Standard Profiles'!$G$18=$B$17,14,0)+IF('Standard Profiles'!$G$18=$B$24,21,0),0)),0)</f>
        <v>14.867821865003227</v>
      </c>
      <c r="E7772" cm="1">
        <f t="array" ref="E7772">IFERROR(INDEX(Jesper!AI$2:AI$366,ROUNDDOWN($C7772/24,0)+1,1)*INDEX($D$3:$AA$30,INDEX(Jesper!$R$2:$R$366,ROW(INDEX(Jesper!AI$2:AI$366,ROUNDDOWN($C7772/24,0)+1,1))-1)+IF('Standard Profiles'!$G$19=$B$10,7,0)+IF('Standard Profiles'!$G$19=$B$17,14,0)+IF('Standard Profiles'!$G$19=$B$24,21,0),MOD($C7772,24)+1)/SUM(INDEX($D$3:$AA$30,INDEX(Jesper!$R$2:$R$366,ROW(INDEX(Jesper!AI$2:AI$366,ROUNDDOWN($C7772/24,0)+1,1))-1)+IF('Standard Profiles'!$G$19=$B$10,7,0)+IF('Standard Profiles'!$G$19=$B$17,14,0)+IF('Standard Profiles'!$G$19=$B$24,21,0),0)),0)</f>
        <v>0</v>
      </c>
      <c r="F7772" cm="1">
        <f t="array" ref="F7772">IFERROR(INDEX(Jesper!AJ$2:AJ$366,ROUNDDOWN($C7772/24,0)+1,1)*INDEX($D$3:$AA$30,INDEX(Jesper!$R$2:$R$366,ROW(INDEX(Jesper!AJ$2:AJ$366,ROUNDDOWN($C7772/24,0)+1,1))-1)+IF('Standard Profiles'!$G$20=$B$10,7,0)+IF('Standard Profiles'!$G$20=$B$17,14,0)+IF('Standard Profiles'!$G$20=$B$24,21,0),MOD($C7772,24)+1)/SUM(INDEX($D$3:$AA$30,INDEX(Jesper!$R$2:$R$366,ROW(INDEX(Jesper!AJ$2:AJ$366,ROUNDDOWN($C7772/24,0)+1,1))-1)+IF('Standard Profiles'!$G$20=$B$10,7,0)+IF('Standard Profiles'!$G$20=$B$17,14,0)+IF('Standard Profiles'!$G$20=$B$24,21,0),0)),0)</f>
        <v>0</v>
      </c>
      <c r="G7772" cm="1">
        <f t="array" ref="G7772">IFERROR(INDEX(Jesper!AK$2:AK$366,ROUNDDOWN($C7772/24,0)+1,1)*INDEX($D$3:$AA$30,INDEX(Jesper!$R$2:$R$366,ROW(INDEX(Jesper!AK$2:AK$366,ROUNDDOWN($C7772/24,0)+1,1))-1)+IF('Standard Profiles'!$G$21=$B$10,7,0)+IF('Standard Profiles'!$G$21=$B$17,14,0)+IF('Standard Profiles'!$G$21=$B$24,21,0),MOD($C7772,24)+1)/SUM(INDEX($D$3:$AA$30,INDEX(Jesper!$R$2:$R$366,ROW(INDEX(Jesper!AK$2:AK$366,ROUNDDOWN($C7772/24,0)+1,1))-1)+IF('Standard Profiles'!$G$21=$B$10,7,0)+IF('Standard Profiles'!$G$21=$B$17,14,0)+IF('Standard Profiles'!$G$21=$B$24,21,0),0)),0)</f>
        <v>0</v>
      </c>
      <c r="H7772" cm="1">
        <f t="array" ref="H7772">IFERROR(INDEX(Jesper!AL$2:AL$366,ROUNDDOWN($C7772/24,0)+1,1)*INDEX($D$3:$AA$30,INDEX(Jesper!$R$2:$R$366,ROW(INDEX(Jesper!AL$2:AL$366,ROUNDDOWN($C7772/24,0)+1,1))-1)+IF('Standard Profiles'!$G$22=$B$10,7,0)+IF('Standard Profiles'!$G$22=$B$17,14,0)+IF('Standard Profiles'!$G$22=$B$24,21,0),MOD($C7772,24)+1)/SUM(INDEX($D$3:$AA$30,INDEX(Jesper!$R$2:$R$366,ROW(INDEX(Jesper!AL$2:AL$366,ROUNDDOWN($C7772/24,0)+1,1))-1)+IF('Standard Profiles'!$G$22=$B$10,7,0)+IF('Standard Profiles'!$G$22=$B$17,14,0)+IF('Standard Profiles'!$G$22=$B$24,21,0),0)),0)</f>
        <v>0</v>
      </c>
      <c r="I7772">
        <f t="shared" si="860"/>
        <v>0.44603465595009678</v>
      </c>
      <c r="J7772">
        <f t="shared" si="861"/>
        <v>1.4867821865003228</v>
      </c>
      <c r="K7772">
        <f t="shared" si="862"/>
        <v>2.2301732797504839</v>
      </c>
      <c r="L7772">
        <f t="shared" si="863"/>
        <v>10.704831742802323</v>
      </c>
      <c r="M7772">
        <f t="shared" si="864"/>
        <v>0</v>
      </c>
      <c r="N7772" s="46">
        <f t="shared" si="865"/>
        <v>45614.4166666479</v>
      </c>
    </row>
    <row r="7773" spans="2:14" x14ac:dyDescent="0.3">
      <c r="B7773">
        <f t="shared" si="859"/>
        <v>1</v>
      </c>
      <c r="C7773" s="16">
        <v>7739</v>
      </c>
      <c r="D7773" cm="1">
        <f t="array" ref="D7773">IFERROR(INDEX(Jesper!AH$2:AH$366,ROUNDDOWN($C7773/24,0)+1,1)*INDEX($D$3:$AA$30,INDEX(Jesper!$R$2:$R$366,ROW(INDEX(Jesper!AH$2:AH$366,ROUNDDOWN($C7773/24,0)+1,1))-1)+IF('Standard Profiles'!$G$18=$B$10,7,0)+IF('Standard Profiles'!$G$18=$B$17,14,0)+IF('Standard Profiles'!$G$18=$B$24,21,0),MOD($C7773,24)+1)/SUM(INDEX($D$3:$AA$30,INDEX(Jesper!$R$2:$R$366,ROW(INDEX(Jesper!AH$2:AH$366,ROUNDDOWN($C7773/24,0)+1,1))-1)+IF('Standard Profiles'!$G$18=$B$10,7,0)+IF('Standard Profiles'!$G$18=$B$17,14,0)+IF('Standard Profiles'!$G$18=$B$24,21,0),0)),0)</f>
        <v>18.879773796829497</v>
      </c>
      <c r="E7773" cm="1">
        <f t="array" ref="E7773">IFERROR(INDEX(Jesper!AI$2:AI$366,ROUNDDOWN($C7773/24,0)+1,1)*INDEX($D$3:$AA$30,INDEX(Jesper!$R$2:$R$366,ROW(INDEX(Jesper!AI$2:AI$366,ROUNDDOWN($C7773/24,0)+1,1))-1)+IF('Standard Profiles'!$G$19=$B$10,7,0)+IF('Standard Profiles'!$G$19=$B$17,14,0)+IF('Standard Profiles'!$G$19=$B$24,21,0),MOD($C7773,24)+1)/SUM(INDEX($D$3:$AA$30,INDEX(Jesper!$R$2:$R$366,ROW(INDEX(Jesper!AI$2:AI$366,ROUNDDOWN($C7773/24,0)+1,1))-1)+IF('Standard Profiles'!$G$19=$B$10,7,0)+IF('Standard Profiles'!$G$19=$B$17,14,0)+IF('Standard Profiles'!$G$19=$B$24,21,0),0)),0)</f>
        <v>0</v>
      </c>
      <c r="F7773" cm="1">
        <f t="array" ref="F7773">IFERROR(INDEX(Jesper!AJ$2:AJ$366,ROUNDDOWN($C7773/24,0)+1,1)*INDEX($D$3:$AA$30,INDEX(Jesper!$R$2:$R$366,ROW(INDEX(Jesper!AJ$2:AJ$366,ROUNDDOWN($C7773/24,0)+1,1))-1)+IF('Standard Profiles'!$G$20=$B$10,7,0)+IF('Standard Profiles'!$G$20=$B$17,14,0)+IF('Standard Profiles'!$G$20=$B$24,21,0),MOD($C7773,24)+1)/SUM(INDEX($D$3:$AA$30,INDEX(Jesper!$R$2:$R$366,ROW(INDEX(Jesper!AJ$2:AJ$366,ROUNDDOWN($C7773/24,0)+1,1))-1)+IF('Standard Profiles'!$G$20=$B$10,7,0)+IF('Standard Profiles'!$G$20=$B$17,14,0)+IF('Standard Profiles'!$G$20=$B$24,21,0),0)),0)</f>
        <v>0</v>
      </c>
      <c r="G7773" cm="1">
        <f t="array" ref="G7773">IFERROR(INDEX(Jesper!AK$2:AK$366,ROUNDDOWN($C7773/24,0)+1,1)*INDEX($D$3:$AA$30,INDEX(Jesper!$R$2:$R$366,ROW(INDEX(Jesper!AK$2:AK$366,ROUNDDOWN($C7773/24,0)+1,1))-1)+IF('Standard Profiles'!$G$21=$B$10,7,0)+IF('Standard Profiles'!$G$21=$B$17,14,0)+IF('Standard Profiles'!$G$21=$B$24,21,0),MOD($C7773,24)+1)/SUM(INDEX($D$3:$AA$30,INDEX(Jesper!$R$2:$R$366,ROW(INDEX(Jesper!AK$2:AK$366,ROUNDDOWN($C7773/24,0)+1,1))-1)+IF('Standard Profiles'!$G$21=$B$10,7,0)+IF('Standard Profiles'!$G$21=$B$17,14,0)+IF('Standard Profiles'!$G$21=$B$24,21,0),0)),0)</f>
        <v>0</v>
      </c>
      <c r="H7773" cm="1">
        <f t="array" ref="H7773">IFERROR(INDEX(Jesper!AL$2:AL$366,ROUNDDOWN($C7773/24,0)+1,1)*INDEX($D$3:$AA$30,INDEX(Jesper!$R$2:$R$366,ROW(INDEX(Jesper!AL$2:AL$366,ROUNDDOWN($C7773/24,0)+1,1))-1)+IF('Standard Profiles'!$G$22=$B$10,7,0)+IF('Standard Profiles'!$G$22=$B$17,14,0)+IF('Standard Profiles'!$G$22=$B$24,21,0),MOD($C7773,24)+1)/SUM(INDEX($D$3:$AA$30,INDEX(Jesper!$R$2:$R$366,ROW(INDEX(Jesper!AL$2:AL$366,ROUNDDOWN($C7773/24,0)+1,1))-1)+IF('Standard Profiles'!$G$22=$B$10,7,0)+IF('Standard Profiles'!$G$22=$B$17,14,0)+IF('Standard Profiles'!$G$22=$B$24,21,0),0)),0)</f>
        <v>0</v>
      </c>
      <c r="I7773">
        <f t="shared" si="860"/>
        <v>0.56639321390488484</v>
      </c>
      <c r="J7773">
        <f t="shared" si="861"/>
        <v>1.8879773796829498</v>
      </c>
      <c r="K7773">
        <f t="shared" si="862"/>
        <v>2.8319660695244244</v>
      </c>
      <c r="L7773">
        <f t="shared" si="863"/>
        <v>13.593437133717238</v>
      </c>
      <c r="M7773">
        <f t="shared" si="864"/>
        <v>0</v>
      </c>
      <c r="N7773" s="46">
        <f t="shared" si="865"/>
        <v>45614.458333314564</v>
      </c>
    </row>
    <row r="7774" spans="2:14" x14ac:dyDescent="0.3">
      <c r="B7774">
        <f t="shared" si="859"/>
        <v>1</v>
      </c>
      <c r="C7774" s="16">
        <v>7740</v>
      </c>
      <c r="D7774" cm="1">
        <f t="array" ref="D7774">IFERROR(INDEX(Jesper!AH$2:AH$366,ROUNDDOWN($C7774/24,0)+1,1)*INDEX($D$3:$AA$30,INDEX(Jesper!$R$2:$R$366,ROW(INDEX(Jesper!AH$2:AH$366,ROUNDDOWN($C7774/24,0)+1,1))-1)+IF('Standard Profiles'!$G$18=$B$10,7,0)+IF('Standard Profiles'!$G$18=$B$17,14,0)+IF('Standard Profiles'!$G$18=$B$24,21,0),MOD($C7774,24)+1)/SUM(INDEX($D$3:$AA$30,INDEX(Jesper!$R$2:$R$366,ROW(INDEX(Jesper!AH$2:AH$366,ROUNDDOWN($C7774/24,0)+1,1))-1)+IF('Standard Profiles'!$G$18=$B$10,7,0)+IF('Standard Profiles'!$G$18=$B$17,14,0)+IF('Standard Profiles'!$G$18=$B$24,21,0),0)),0)</f>
        <v>18.879773796829497</v>
      </c>
      <c r="E7774" cm="1">
        <f t="array" ref="E7774">IFERROR(INDEX(Jesper!AI$2:AI$366,ROUNDDOWN($C7774/24,0)+1,1)*INDEX($D$3:$AA$30,INDEX(Jesper!$R$2:$R$366,ROW(INDEX(Jesper!AI$2:AI$366,ROUNDDOWN($C7774/24,0)+1,1))-1)+IF('Standard Profiles'!$G$19=$B$10,7,0)+IF('Standard Profiles'!$G$19=$B$17,14,0)+IF('Standard Profiles'!$G$19=$B$24,21,0),MOD($C7774,24)+1)/SUM(INDEX($D$3:$AA$30,INDEX(Jesper!$R$2:$R$366,ROW(INDEX(Jesper!AI$2:AI$366,ROUNDDOWN($C7774/24,0)+1,1))-1)+IF('Standard Profiles'!$G$19=$B$10,7,0)+IF('Standard Profiles'!$G$19=$B$17,14,0)+IF('Standard Profiles'!$G$19=$B$24,21,0),0)),0)</f>
        <v>0</v>
      </c>
      <c r="F7774" cm="1">
        <f t="array" ref="F7774">IFERROR(INDEX(Jesper!AJ$2:AJ$366,ROUNDDOWN($C7774/24,0)+1,1)*INDEX($D$3:$AA$30,INDEX(Jesper!$R$2:$R$366,ROW(INDEX(Jesper!AJ$2:AJ$366,ROUNDDOWN($C7774/24,0)+1,1))-1)+IF('Standard Profiles'!$G$20=$B$10,7,0)+IF('Standard Profiles'!$G$20=$B$17,14,0)+IF('Standard Profiles'!$G$20=$B$24,21,0),MOD($C7774,24)+1)/SUM(INDEX($D$3:$AA$30,INDEX(Jesper!$R$2:$R$366,ROW(INDEX(Jesper!AJ$2:AJ$366,ROUNDDOWN($C7774/24,0)+1,1))-1)+IF('Standard Profiles'!$G$20=$B$10,7,0)+IF('Standard Profiles'!$G$20=$B$17,14,0)+IF('Standard Profiles'!$G$20=$B$24,21,0),0)),0)</f>
        <v>0</v>
      </c>
      <c r="G7774" cm="1">
        <f t="array" ref="G7774">IFERROR(INDEX(Jesper!AK$2:AK$366,ROUNDDOWN($C7774/24,0)+1,1)*INDEX($D$3:$AA$30,INDEX(Jesper!$R$2:$R$366,ROW(INDEX(Jesper!AK$2:AK$366,ROUNDDOWN($C7774/24,0)+1,1))-1)+IF('Standard Profiles'!$G$21=$B$10,7,0)+IF('Standard Profiles'!$G$21=$B$17,14,0)+IF('Standard Profiles'!$G$21=$B$24,21,0),MOD($C7774,24)+1)/SUM(INDEX($D$3:$AA$30,INDEX(Jesper!$R$2:$R$366,ROW(INDEX(Jesper!AK$2:AK$366,ROUNDDOWN($C7774/24,0)+1,1))-1)+IF('Standard Profiles'!$G$21=$B$10,7,0)+IF('Standard Profiles'!$G$21=$B$17,14,0)+IF('Standard Profiles'!$G$21=$B$24,21,0),0)),0)</f>
        <v>0</v>
      </c>
      <c r="H7774" cm="1">
        <f t="array" ref="H7774">IFERROR(INDEX(Jesper!AL$2:AL$366,ROUNDDOWN($C7774/24,0)+1,1)*INDEX($D$3:$AA$30,INDEX(Jesper!$R$2:$R$366,ROW(INDEX(Jesper!AL$2:AL$366,ROUNDDOWN($C7774/24,0)+1,1))-1)+IF('Standard Profiles'!$G$22=$B$10,7,0)+IF('Standard Profiles'!$G$22=$B$17,14,0)+IF('Standard Profiles'!$G$22=$B$24,21,0),MOD($C7774,24)+1)/SUM(INDEX($D$3:$AA$30,INDEX(Jesper!$R$2:$R$366,ROW(INDEX(Jesper!AL$2:AL$366,ROUNDDOWN($C7774/24,0)+1,1))-1)+IF('Standard Profiles'!$G$22=$B$10,7,0)+IF('Standard Profiles'!$G$22=$B$17,14,0)+IF('Standard Profiles'!$G$22=$B$24,21,0),0)),0)</f>
        <v>0</v>
      </c>
      <c r="I7774">
        <f t="shared" si="860"/>
        <v>0.56639321390488484</v>
      </c>
      <c r="J7774">
        <f t="shared" si="861"/>
        <v>1.8879773796829498</v>
      </c>
      <c r="K7774">
        <f t="shared" si="862"/>
        <v>2.8319660695244244</v>
      </c>
      <c r="L7774">
        <f t="shared" si="863"/>
        <v>13.593437133717238</v>
      </c>
      <c r="M7774">
        <f t="shared" si="864"/>
        <v>0</v>
      </c>
      <c r="N7774" s="46">
        <f t="shared" si="865"/>
        <v>45614.499999981228</v>
      </c>
    </row>
    <row r="7775" spans="2:14" x14ac:dyDescent="0.3">
      <c r="B7775">
        <f t="shared" si="859"/>
        <v>1</v>
      </c>
      <c r="C7775" s="16">
        <v>7741</v>
      </c>
      <c r="D7775" cm="1">
        <f t="array" ref="D7775">IFERROR(INDEX(Jesper!AH$2:AH$366,ROUNDDOWN($C7775/24,0)+1,1)*INDEX($D$3:$AA$30,INDEX(Jesper!$R$2:$R$366,ROW(INDEX(Jesper!AH$2:AH$366,ROUNDDOWN($C7775/24,0)+1,1))-1)+IF('Standard Profiles'!$G$18=$B$10,7,0)+IF('Standard Profiles'!$G$18=$B$17,14,0)+IF('Standard Profiles'!$G$18=$B$24,21,0),MOD($C7775,24)+1)/SUM(INDEX($D$3:$AA$30,INDEX(Jesper!$R$2:$R$366,ROW(INDEX(Jesper!AH$2:AH$366,ROUNDDOWN($C7775/24,0)+1,1))-1)+IF('Standard Profiles'!$G$18=$B$10,7,0)+IF('Standard Profiles'!$G$18=$B$17,14,0)+IF('Standard Profiles'!$G$18=$B$24,21,0),0)),0)</f>
        <v>12.507850140399539</v>
      </c>
      <c r="E7775" cm="1">
        <f t="array" ref="E7775">IFERROR(INDEX(Jesper!AI$2:AI$366,ROUNDDOWN($C7775/24,0)+1,1)*INDEX($D$3:$AA$30,INDEX(Jesper!$R$2:$R$366,ROW(INDEX(Jesper!AI$2:AI$366,ROUNDDOWN($C7775/24,0)+1,1))-1)+IF('Standard Profiles'!$G$19=$B$10,7,0)+IF('Standard Profiles'!$G$19=$B$17,14,0)+IF('Standard Profiles'!$G$19=$B$24,21,0),MOD($C7775,24)+1)/SUM(INDEX($D$3:$AA$30,INDEX(Jesper!$R$2:$R$366,ROW(INDEX(Jesper!AI$2:AI$366,ROUNDDOWN($C7775/24,0)+1,1))-1)+IF('Standard Profiles'!$G$19=$B$10,7,0)+IF('Standard Profiles'!$G$19=$B$17,14,0)+IF('Standard Profiles'!$G$19=$B$24,21,0),0)),0)</f>
        <v>0</v>
      </c>
      <c r="F7775" cm="1">
        <f t="array" ref="F7775">IFERROR(INDEX(Jesper!AJ$2:AJ$366,ROUNDDOWN($C7775/24,0)+1,1)*INDEX($D$3:$AA$30,INDEX(Jesper!$R$2:$R$366,ROW(INDEX(Jesper!AJ$2:AJ$366,ROUNDDOWN($C7775/24,0)+1,1))-1)+IF('Standard Profiles'!$G$20=$B$10,7,0)+IF('Standard Profiles'!$G$20=$B$17,14,0)+IF('Standard Profiles'!$G$20=$B$24,21,0),MOD($C7775,24)+1)/SUM(INDEX($D$3:$AA$30,INDEX(Jesper!$R$2:$R$366,ROW(INDEX(Jesper!AJ$2:AJ$366,ROUNDDOWN($C7775/24,0)+1,1))-1)+IF('Standard Profiles'!$G$20=$B$10,7,0)+IF('Standard Profiles'!$G$20=$B$17,14,0)+IF('Standard Profiles'!$G$20=$B$24,21,0),0)),0)</f>
        <v>0</v>
      </c>
      <c r="G7775" cm="1">
        <f t="array" ref="G7775">IFERROR(INDEX(Jesper!AK$2:AK$366,ROUNDDOWN($C7775/24,0)+1,1)*INDEX($D$3:$AA$30,INDEX(Jesper!$R$2:$R$366,ROW(INDEX(Jesper!AK$2:AK$366,ROUNDDOWN($C7775/24,0)+1,1))-1)+IF('Standard Profiles'!$G$21=$B$10,7,0)+IF('Standard Profiles'!$G$21=$B$17,14,0)+IF('Standard Profiles'!$G$21=$B$24,21,0),MOD($C7775,24)+1)/SUM(INDEX($D$3:$AA$30,INDEX(Jesper!$R$2:$R$366,ROW(INDEX(Jesper!AK$2:AK$366,ROUNDDOWN($C7775/24,0)+1,1))-1)+IF('Standard Profiles'!$G$21=$B$10,7,0)+IF('Standard Profiles'!$G$21=$B$17,14,0)+IF('Standard Profiles'!$G$21=$B$24,21,0),0)),0)</f>
        <v>0</v>
      </c>
      <c r="H7775" cm="1">
        <f t="array" ref="H7775">IFERROR(INDEX(Jesper!AL$2:AL$366,ROUNDDOWN($C7775/24,0)+1,1)*INDEX($D$3:$AA$30,INDEX(Jesper!$R$2:$R$366,ROW(INDEX(Jesper!AL$2:AL$366,ROUNDDOWN($C7775/24,0)+1,1))-1)+IF('Standard Profiles'!$G$22=$B$10,7,0)+IF('Standard Profiles'!$G$22=$B$17,14,0)+IF('Standard Profiles'!$G$22=$B$24,21,0),MOD($C7775,24)+1)/SUM(INDEX($D$3:$AA$30,INDEX(Jesper!$R$2:$R$366,ROW(INDEX(Jesper!AL$2:AL$366,ROUNDDOWN($C7775/24,0)+1,1))-1)+IF('Standard Profiles'!$G$22=$B$10,7,0)+IF('Standard Profiles'!$G$22=$B$17,14,0)+IF('Standard Profiles'!$G$22=$B$24,21,0),0)),0)</f>
        <v>0</v>
      </c>
      <c r="I7775">
        <f t="shared" si="860"/>
        <v>0.37523550421198615</v>
      </c>
      <c r="J7775">
        <f t="shared" si="861"/>
        <v>1.2507850140399539</v>
      </c>
      <c r="K7775">
        <f t="shared" si="862"/>
        <v>1.8761775210599307</v>
      </c>
      <c r="L7775">
        <f t="shared" si="863"/>
        <v>9.0056521010876676</v>
      </c>
      <c r="M7775">
        <f t="shared" si="864"/>
        <v>0</v>
      </c>
      <c r="N7775" s="46">
        <f t="shared" si="865"/>
        <v>45614.541666647892</v>
      </c>
    </row>
    <row r="7776" spans="2:14" x14ac:dyDescent="0.3">
      <c r="B7776">
        <f t="shared" si="859"/>
        <v>1</v>
      </c>
      <c r="C7776" s="16">
        <v>7742</v>
      </c>
      <c r="D7776" cm="1">
        <f t="array" ref="D7776">IFERROR(INDEX(Jesper!AH$2:AH$366,ROUNDDOWN($C7776/24,0)+1,1)*INDEX($D$3:$AA$30,INDEX(Jesper!$R$2:$R$366,ROW(INDEX(Jesper!AH$2:AH$366,ROUNDDOWN($C7776/24,0)+1,1))-1)+IF('Standard Profiles'!$G$18=$B$10,7,0)+IF('Standard Profiles'!$G$18=$B$17,14,0)+IF('Standard Profiles'!$G$18=$B$24,21,0),MOD($C7776,24)+1)/SUM(INDEX($D$3:$AA$30,INDEX(Jesper!$R$2:$R$366,ROW(INDEX(Jesper!AH$2:AH$366,ROUNDDOWN($C7776/24,0)+1,1))-1)+IF('Standard Profiles'!$G$18=$B$10,7,0)+IF('Standard Profiles'!$G$18=$B$17,14,0)+IF('Standard Profiles'!$G$18=$B$24,21,0),0)),0)</f>
        <v>18.879773796829497</v>
      </c>
      <c r="E7776" cm="1">
        <f t="array" ref="E7776">IFERROR(INDEX(Jesper!AI$2:AI$366,ROUNDDOWN($C7776/24,0)+1,1)*INDEX($D$3:$AA$30,INDEX(Jesper!$R$2:$R$366,ROW(INDEX(Jesper!AI$2:AI$366,ROUNDDOWN($C7776/24,0)+1,1))-1)+IF('Standard Profiles'!$G$19=$B$10,7,0)+IF('Standard Profiles'!$G$19=$B$17,14,0)+IF('Standard Profiles'!$G$19=$B$24,21,0),MOD($C7776,24)+1)/SUM(INDEX($D$3:$AA$30,INDEX(Jesper!$R$2:$R$366,ROW(INDEX(Jesper!AI$2:AI$366,ROUNDDOWN($C7776/24,0)+1,1))-1)+IF('Standard Profiles'!$G$19=$B$10,7,0)+IF('Standard Profiles'!$G$19=$B$17,14,0)+IF('Standard Profiles'!$G$19=$B$24,21,0),0)),0)</f>
        <v>0</v>
      </c>
      <c r="F7776" cm="1">
        <f t="array" ref="F7776">IFERROR(INDEX(Jesper!AJ$2:AJ$366,ROUNDDOWN($C7776/24,0)+1,1)*INDEX($D$3:$AA$30,INDEX(Jesper!$R$2:$R$366,ROW(INDEX(Jesper!AJ$2:AJ$366,ROUNDDOWN($C7776/24,0)+1,1))-1)+IF('Standard Profiles'!$G$20=$B$10,7,0)+IF('Standard Profiles'!$G$20=$B$17,14,0)+IF('Standard Profiles'!$G$20=$B$24,21,0),MOD($C7776,24)+1)/SUM(INDEX($D$3:$AA$30,INDEX(Jesper!$R$2:$R$366,ROW(INDEX(Jesper!AJ$2:AJ$366,ROUNDDOWN($C7776/24,0)+1,1))-1)+IF('Standard Profiles'!$G$20=$B$10,7,0)+IF('Standard Profiles'!$G$20=$B$17,14,0)+IF('Standard Profiles'!$G$20=$B$24,21,0),0)),0)</f>
        <v>0</v>
      </c>
      <c r="G7776" cm="1">
        <f t="array" ref="G7776">IFERROR(INDEX(Jesper!AK$2:AK$366,ROUNDDOWN($C7776/24,0)+1,1)*INDEX($D$3:$AA$30,INDEX(Jesper!$R$2:$R$366,ROW(INDEX(Jesper!AK$2:AK$366,ROUNDDOWN($C7776/24,0)+1,1))-1)+IF('Standard Profiles'!$G$21=$B$10,7,0)+IF('Standard Profiles'!$G$21=$B$17,14,0)+IF('Standard Profiles'!$G$21=$B$24,21,0),MOD($C7776,24)+1)/SUM(INDEX($D$3:$AA$30,INDEX(Jesper!$R$2:$R$366,ROW(INDEX(Jesper!AK$2:AK$366,ROUNDDOWN($C7776/24,0)+1,1))-1)+IF('Standard Profiles'!$G$21=$B$10,7,0)+IF('Standard Profiles'!$G$21=$B$17,14,0)+IF('Standard Profiles'!$G$21=$B$24,21,0),0)),0)</f>
        <v>0</v>
      </c>
      <c r="H7776" cm="1">
        <f t="array" ref="H7776">IFERROR(INDEX(Jesper!AL$2:AL$366,ROUNDDOWN($C7776/24,0)+1,1)*INDEX($D$3:$AA$30,INDEX(Jesper!$R$2:$R$366,ROW(INDEX(Jesper!AL$2:AL$366,ROUNDDOWN($C7776/24,0)+1,1))-1)+IF('Standard Profiles'!$G$22=$B$10,7,0)+IF('Standard Profiles'!$G$22=$B$17,14,0)+IF('Standard Profiles'!$G$22=$B$24,21,0),MOD($C7776,24)+1)/SUM(INDEX($D$3:$AA$30,INDEX(Jesper!$R$2:$R$366,ROW(INDEX(Jesper!AL$2:AL$366,ROUNDDOWN($C7776/24,0)+1,1))-1)+IF('Standard Profiles'!$G$22=$B$10,7,0)+IF('Standard Profiles'!$G$22=$B$17,14,0)+IF('Standard Profiles'!$G$22=$B$24,21,0),0)),0)</f>
        <v>0</v>
      </c>
      <c r="I7776">
        <f t="shared" si="860"/>
        <v>0.56639321390488484</v>
      </c>
      <c r="J7776">
        <f t="shared" si="861"/>
        <v>1.8879773796829498</v>
      </c>
      <c r="K7776">
        <f t="shared" si="862"/>
        <v>2.8319660695244244</v>
      </c>
      <c r="L7776">
        <f t="shared" si="863"/>
        <v>13.593437133717238</v>
      </c>
      <c r="M7776">
        <f t="shared" si="864"/>
        <v>0</v>
      </c>
      <c r="N7776" s="46">
        <f t="shared" si="865"/>
        <v>45614.583333314557</v>
      </c>
    </row>
    <row r="7777" spans="2:14" x14ac:dyDescent="0.3">
      <c r="B7777">
        <f t="shared" si="859"/>
        <v>1</v>
      </c>
      <c r="C7777" s="16">
        <v>7743</v>
      </c>
      <c r="D7777" cm="1">
        <f t="array" ref="D7777">IFERROR(INDEX(Jesper!AH$2:AH$366,ROUNDDOWN($C7777/24,0)+1,1)*INDEX($D$3:$AA$30,INDEX(Jesper!$R$2:$R$366,ROW(INDEX(Jesper!AH$2:AH$366,ROUNDDOWN($C7777/24,0)+1,1))-1)+IF('Standard Profiles'!$G$18=$B$10,7,0)+IF('Standard Profiles'!$G$18=$B$17,14,0)+IF('Standard Profiles'!$G$18=$B$24,21,0),MOD($C7777,24)+1)/SUM(INDEX($D$3:$AA$30,INDEX(Jesper!$R$2:$R$366,ROW(INDEX(Jesper!AH$2:AH$366,ROUNDDOWN($C7777/24,0)+1,1))-1)+IF('Standard Profiles'!$G$18=$B$10,7,0)+IF('Standard Profiles'!$G$18=$B$17,14,0)+IF('Standard Profiles'!$G$18=$B$24,21,0),0)),0)</f>
        <v>18.879773796829497</v>
      </c>
      <c r="E7777" cm="1">
        <f t="array" ref="E7777">IFERROR(INDEX(Jesper!AI$2:AI$366,ROUNDDOWN($C7777/24,0)+1,1)*INDEX($D$3:$AA$30,INDEX(Jesper!$R$2:$R$366,ROW(INDEX(Jesper!AI$2:AI$366,ROUNDDOWN($C7777/24,0)+1,1))-1)+IF('Standard Profiles'!$G$19=$B$10,7,0)+IF('Standard Profiles'!$G$19=$B$17,14,0)+IF('Standard Profiles'!$G$19=$B$24,21,0),MOD($C7777,24)+1)/SUM(INDEX($D$3:$AA$30,INDEX(Jesper!$R$2:$R$366,ROW(INDEX(Jesper!AI$2:AI$366,ROUNDDOWN($C7777/24,0)+1,1))-1)+IF('Standard Profiles'!$G$19=$B$10,7,0)+IF('Standard Profiles'!$G$19=$B$17,14,0)+IF('Standard Profiles'!$G$19=$B$24,21,0),0)),0)</f>
        <v>0</v>
      </c>
      <c r="F7777" cm="1">
        <f t="array" ref="F7777">IFERROR(INDEX(Jesper!AJ$2:AJ$366,ROUNDDOWN($C7777/24,0)+1,1)*INDEX($D$3:$AA$30,INDEX(Jesper!$R$2:$R$366,ROW(INDEX(Jesper!AJ$2:AJ$366,ROUNDDOWN($C7777/24,0)+1,1))-1)+IF('Standard Profiles'!$G$20=$B$10,7,0)+IF('Standard Profiles'!$G$20=$B$17,14,0)+IF('Standard Profiles'!$G$20=$B$24,21,0),MOD($C7777,24)+1)/SUM(INDEX($D$3:$AA$30,INDEX(Jesper!$R$2:$R$366,ROW(INDEX(Jesper!AJ$2:AJ$366,ROUNDDOWN($C7777/24,0)+1,1))-1)+IF('Standard Profiles'!$G$20=$B$10,7,0)+IF('Standard Profiles'!$G$20=$B$17,14,0)+IF('Standard Profiles'!$G$20=$B$24,21,0),0)),0)</f>
        <v>0</v>
      </c>
      <c r="G7777" cm="1">
        <f t="array" ref="G7777">IFERROR(INDEX(Jesper!AK$2:AK$366,ROUNDDOWN($C7777/24,0)+1,1)*INDEX($D$3:$AA$30,INDEX(Jesper!$R$2:$R$366,ROW(INDEX(Jesper!AK$2:AK$366,ROUNDDOWN($C7777/24,0)+1,1))-1)+IF('Standard Profiles'!$G$21=$B$10,7,0)+IF('Standard Profiles'!$G$21=$B$17,14,0)+IF('Standard Profiles'!$G$21=$B$24,21,0),MOD($C7777,24)+1)/SUM(INDEX($D$3:$AA$30,INDEX(Jesper!$R$2:$R$366,ROW(INDEX(Jesper!AK$2:AK$366,ROUNDDOWN($C7777/24,0)+1,1))-1)+IF('Standard Profiles'!$G$21=$B$10,7,0)+IF('Standard Profiles'!$G$21=$B$17,14,0)+IF('Standard Profiles'!$G$21=$B$24,21,0),0)),0)</f>
        <v>0</v>
      </c>
      <c r="H7777" cm="1">
        <f t="array" ref="H7777">IFERROR(INDEX(Jesper!AL$2:AL$366,ROUNDDOWN($C7777/24,0)+1,1)*INDEX($D$3:$AA$30,INDEX(Jesper!$R$2:$R$366,ROW(INDEX(Jesper!AL$2:AL$366,ROUNDDOWN($C7777/24,0)+1,1))-1)+IF('Standard Profiles'!$G$22=$B$10,7,0)+IF('Standard Profiles'!$G$22=$B$17,14,0)+IF('Standard Profiles'!$G$22=$B$24,21,0),MOD($C7777,24)+1)/SUM(INDEX($D$3:$AA$30,INDEX(Jesper!$R$2:$R$366,ROW(INDEX(Jesper!AL$2:AL$366,ROUNDDOWN($C7777/24,0)+1,1))-1)+IF('Standard Profiles'!$G$22=$B$10,7,0)+IF('Standard Profiles'!$G$22=$B$17,14,0)+IF('Standard Profiles'!$G$22=$B$24,21,0),0)),0)</f>
        <v>0</v>
      </c>
      <c r="I7777">
        <f t="shared" si="860"/>
        <v>0.56639321390488484</v>
      </c>
      <c r="J7777">
        <f t="shared" si="861"/>
        <v>1.8879773796829498</v>
      </c>
      <c r="K7777">
        <f t="shared" si="862"/>
        <v>2.8319660695244244</v>
      </c>
      <c r="L7777">
        <f t="shared" si="863"/>
        <v>13.593437133717238</v>
      </c>
      <c r="M7777">
        <f t="shared" si="864"/>
        <v>0</v>
      </c>
      <c r="N7777" s="46">
        <f t="shared" si="865"/>
        <v>45614.624999981221</v>
      </c>
    </row>
    <row r="7778" spans="2:14" x14ac:dyDescent="0.3">
      <c r="B7778">
        <f t="shared" si="859"/>
        <v>1</v>
      </c>
      <c r="C7778" s="16">
        <v>7744</v>
      </c>
      <c r="D7778" cm="1">
        <f t="array" ref="D7778">IFERROR(INDEX(Jesper!AH$2:AH$366,ROUNDDOWN($C7778/24,0)+1,1)*INDEX($D$3:$AA$30,INDEX(Jesper!$R$2:$R$366,ROW(INDEX(Jesper!AH$2:AH$366,ROUNDDOWN($C7778/24,0)+1,1))-1)+IF('Standard Profiles'!$G$18=$B$10,7,0)+IF('Standard Profiles'!$G$18=$B$17,14,0)+IF('Standard Profiles'!$G$18=$B$24,21,0),MOD($C7778,24)+1)/SUM(INDEX($D$3:$AA$30,INDEX(Jesper!$R$2:$R$366,ROW(INDEX(Jesper!AH$2:AH$366,ROUNDDOWN($C7778/24,0)+1,1))-1)+IF('Standard Profiles'!$G$18=$B$10,7,0)+IF('Standard Profiles'!$G$18=$B$17,14,0)+IF('Standard Profiles'!$G$18=$B$24,21,0),0)),0)</f>
        <v>18.879773796829497</v>
      </c>
      <c r="E7778" cm="1">
        <f t="array" ref="E7778">IFERROR(INDEX(Jesper!AI$2:AI$366,ROUNDDOWN($C7778/24,0)+1,1)*INDEX($D$3:$AA$30,INDEX(Jesper!$R$2:$R$366,ROW(INDEX(Jesper!AI$2:AI$366,ROUNDDOWN($C7778/24,0)+1,1))-1)+IF('Standard Profiles'!$G$19=$B$10,7,0)+IF('Standard Profiles'!$G$19=$B$17,14,0)+IF('Standard Profiles'!$G$19=$B$24,21,0),MOD($C7778,24)+1)/SUM(INDEX($D$3:$AA$30,INDEX(Jesper!$R$2:$R$366,ROW(INDEX(Jesper!AI$2:AI$366,ROUNDDOWN($C7778/24,0)+1,1))-1)+IF('Standard Profiles'!$G$19=$B$10,7,0)+IF('Standard Profiles'!$G$19=$B$17,14,0)+IF('Standard Profiles'!$G$19=$B$24,21,0),0)),0)</f>
        <v>0</v>
      </c>
      <c r="F7778" cm="1">
        <f t="array" ref="F7778">IFERROR(INDEX(Jesper!AJ$2:AJ$366,ROUNDDOWN($C7778/24,0)+1,1)*INDEX($D$3:$AA$30,INDEX(Jesper!$R$2:$R$366,ROW(INDEX(Jesper!AJ$2:AJ$366,ROUNDDOWN($C7778/24,0)+1,1))-1)+IF('Standard Profiles'!$G$20=$B$10,7,0)+IF('Standard Profiles'!$G$20=$B$17,14,0)+IF('Standard Profiles'!$G$20=$B$24,21,0),MOD($C7778,24)+1)/SUM(INDEX($D$3:$AA$30,INDEX(Jesper!$R$2:$R$366,ROW(INDEX(Jesper!AJ$2:AJ$366,ROUNDDOWN($C7778/24,0)+1,1))-1)+IF('Standard Profiles'!$G$20=$B$10,7,0)+IF('Standard Profiles'!$G$20=$B$17,14,0)+IF('Standard Profiles'!$G$20=$B$24,21,0),0)),0)</f>
        <v>0</v>
      </c>
      <c r="G7778" cm="1">
        <f t="array" ref="G7778">IFERROR(INDEX(Jesper!AK$2:AK$366,ROUNDDOWN($C7778/24,0)+1,1)*INDEX($D$3:$AA$30,INDEX(Jesper!$R$2:$R$366,ROW(INDEX(Jesper!AK$2:AK$366,ROUNDDOWN($C7778/24,0)+1,1))-1)+IF('Standard Profiles'!$G$21=$B$10,7,0)+IF('Standard Profiles'!$G$21=$B$17,14,0)+IF('Standard Profiles'!$G$21=$B$24,21,0),MOD($C7778,24)+1)/SUM(INDEX($D$3:$AA$30,INDEX(Jesper!$R$2:$R$366,ROW(INDEX(Jesper!AK$2:AK$366,ROUNDDOWN($C7778/24,0)+1,1))-1)+IF('Standard Profiles'!$G$21=$B$10,7,0)+IF('Standard Profiles'!$G$21=$B$17,14,0)+IF('Standard Profiles'!$G$21=$B$24,21,0),0)),0)</f>
        <v>0</v>
      </c>
      <c r="H7778" cm="1">
        <f t="array" ref="H7778">IFERROR(INDEX(Jesper!AL$2:AL$366,ROUNDDOWN($C7778/24,0)+1,1)*INDEX($D$3:$AA$30,INDEX(Jesper!$R$2:$R$366,ROW(INDEX(Jesper!AL$2:AL$366,ROUNDDOWN($C7778/24,0)+1,1))-1)+IF('Standard Profiles'!$G$22=$B$10,7,0)+IF('Standard Profiles'!$G$22=$B$17,14,0)+IF('Standard Profiles'!$G$22=$B$24,21,0),MOD($C7778,24)+1)/SUM(INDEX($D$3:$AA$30,INDEX(Jesper!$R$2:$R$366,ROW(INDEX(Jesper!AL$2:AL$366,ROUNDDOWN($C7778/24,0)+1,1))-1)+IF('Standard Profiles'!$G$22=$B$10,7,0)+IF('Standard Profiles'!$G$22=$B$17,14,0)+IF('Standard Profiles'!$G$22=$B$24,21,0),0)),0)</f>
        <v>0</v>
      </c>
      <c r="I7778">
        <f t="shared" si="860"/>
        <v>0.56639321390488484</v>
      </c>
      <c r="J7778">
        <f t="shared" si="861"/>
        <v>1.8879773796829498</v>
      </c>
      <c r="K7778">
        <f t="shared" si="862"/>
        <v>2.8319660695244244</v>
      </c>
      <c r="L7778">
        <f t="shared" si="863"/>
        <v>13.593437133717238</v>
      </c>
      <c r="M7778">
        <f t="shared" si="864"/>
        <v>0</v>
      </c>
      <c r="N7778" s="46">
        <f t="shared" si="865"/>
        <v>45614.666666647885</v>
      </c>
    </row>
    <row r="7779" spans="2:14" x14ac:dyDescent="0.3">
      <c r="B7779">
        <f t="shared" ref="B7779:B7842" si="866">WEEKDAY(N7779,2)</f>
        <v>1</v>
      </c>
      <c r="C7779" s="16">
        <v>7745</v>
      </c>
      <c r="D7779" cm="1">
        <f t="array" ref="D7779">IFERROR(INDEX(Jesper!AH$2:AH$366,ROUNDDOWN($C7779/24,0)+1,1)*INDEX($D$3:$AA$30,INDEX(Jesper!$R$2:$R$366,ROW(INDEX(Jesper!AH$2:AH$366,ROUNDDOWN($C7779/24,0)+1,1))-1)+IF('Standard Profiles'!$G$18=$B$10,7,0)+IF('Standard Profiles'!$G$18=$B$17,14,0)+IF('Standard Profiles'!$G$18=$B$24,21,0),MOD($C7779,24)+1)/SUM(INDEX($D$3:$AA$30,INDEX(Jesper!$R$2:$R$366,ROW(INDEX(Jesper!AH$2:AH$366,ROUNDDOWN($C7779/24,0)+1,1))-1)+IF('Standard Profiles'!$G$18=$B$10,7,0)+IF('Standard Profiles'!$G$18=$B$17,14,0)+IF('Standard Profiles'!$G$18=$B$24,21,0),0)),0)</f>
        <v>18.879773796829497</v>
      </c>
      <c r="E7779" cm="1">
        <f t="array" ref="E7779">IFERROR(INDEX(Jesper!AI$2:AI$366,ROUNDDOWN($C7779/24,0)+1,1)*INDEX($D$3:$AA$30,INDEX(Jesper!$R$2:$R$366,ROW(INDEX(Jesper!AI$2:AI$366,ROUNDDOWN($C7779/24,0)+1,1))-1)+IF('Standard Profiles'!$G$19=$B$10,7,0)+IF('Standard Profiles'!$G$19=$B$17,14,0)+IF('Standard Profiles'!$G$19=$B$24,21,0),MOD($C7779,24)+1)/SUM(INDEX($D$3:$AA$30,INDEX(Jesper!$R$2:$R$366,ROW(INDEX(Jesper!AI$2:AI$366,ROUNDDOWN($C7779/24,0)+1,1))-1)+IF('Standard Profiles'!$G$19=$B$10,7,0)+IF('Standard Profiles'!$G$19=$B$17,14,0)+IF('Standard Profiles'!$G$19=$B$24,21,0),0)),0)</f>
        <v>0</v>
      </c>
      <c r="F7779" cm="1">
        <f t="array" ref="F7779">IFERROR(INDEX(Jesper!AJ$2:AJ$366,ROUNDDOWN($C7779/24,0)+1,1)*INDEX($D$3:$AA$30,INDEX(Jesper!$R$2:$R$366,ROW(INDEX(Jesper!AJ$2:AJ$366,ROUNDDOWN($C7779/24,0)+1,1))-1)+IF('Standard Profiles'!$G$20=$B$10,7,0)+IF('Standard Profiles'!$G$20=$B$17,14,0)+IF('Standard Profiles'!$G$20=$B$24,21,0),MOD($C7779,24)+1)/SUM(INDEX($D$3:$AA$30,INDEX(Jesper!$R$2:$R$366,ROW(INDEX(Jesper!AJ$2:AJ$366,ROUNDDOWN($C7779/24,0)+1,1))-1)+IF('Standard Profiles'!$G$20=$B$10,7,0)+IF('Standard Profiles'!$G$20=$B$17,14,0)+IF('Standard Profiles'!$G$20=$B$24,21,0),0)),0)</f>
        <v>0</v>
      </c>
      <c r="G7779" cm="1">
        <f t="array" ref="G7779">IFERROR(INDEX(Jesper!AK$2:AK$366,ROUNDDOWN($C7779/24,0)+1,1)*INDEX($D$3:$AA$30,INDEX(Jesper!$R$2:$R$366,ROW(INDEX(Jesper!AK$2:AK$366,ROUNDDOWN($C7779/24,0)+1,1))-1)+IF('Standard Profiles'!$G$21=$B$10,7,0)+IF('Standard Profiles'!$G$21=$B$17,14,0)+IF('Standard Profiles'!$G$21=$B$24,21,0),MOD($C7779,24)+1)/SUM(INDEX($D$3:$AA$30,INDEX(Jesper!$R$2:$R$366,ROW(INDEX(Jesper!AK$2:AK$366,ROUNDDOWN($C7779/24,0)+1,1))-1)+IF('Standard Profiles'!$G$21=$B$10,7,0)+IF('Standard Profiles'!$G$21=$B$17,14,0)+IF('Standard Profiles'!$G$21=$B$24,21,0),0)),0)</f>
        <v>0</v>
      </c>
      <c r="H7779" cm="1">
        <f t="array" ref="H7779">IFERROR(INDEX(Jesper!AL$2:AL$366,ROUNDDOWN($C7779/24,0)+1,1)*INDEX($D$3:$AA$30,INDEX(Jesper!$R$2:$R$366,ROW(INDEX(Jesper!AL$2:AL$366,ROUNDDOWN($C7779/24,0)+1,1))-1)+IF('Standard Profiles'!$G$22=$B$10,7,0)+IF('Standard Profiles'!$G$22=$B$17,14,0)+IF('Standard Profiles'!$G$22=$B$24,21,0),MOD($C7779,24)+1)/SUM(INDEX($D$3:$AA$30,INDEX(Jesper!$R$2:$R$366,ROW(INDEX(Jesper!AL$2:AL$366,ROUNDDOWN($C7779/24,0)+1,1))-1)+IF('Standard Profiles'!$G$22=$B$10,7,0)+IF('Standard Profiles'!$G$22=$B$17,14,0)+IF('Standard Profiles'!$G$22=$B$24,21,0),0)),0)</f>
        <v>0</v>
      </c>
      <c r="I7779">
        <f t="shared" ref="I7779:I7842" si="867">IF($B7779&lt;6,AC$37*$D7779+AC$38*$E7779+AC$39*$F7779+AC$40*$G7779,AC$46*$D7779+AC$47*$E7779+AC$48*$F7779+AC$49*$G7779+AC$50*$H7779)</f>
        <v>0.56639321390488484</v>
      </c>
      <c r="J7779">
        <f t="shared" ref="J7779:J7842" si="868">IF($B7779&lt;6,AD$37*$D7779+AD$38*$E7779+AD$39*$F7779+AD$40*$G7779,AD$46*$D7779+AD$47*$E7779+AD$48*$F7779+AD$49*$G7779+AD$50*$H7779)</f>
        <v>1.8879773796829498</v>
      </c>
      <c r="K7779">
        <f t="shared" ref="K7779:K7842" si="869">IF($B7779&lt;6,AE$37*$D7779+AE$38*$E7779+AE$39*$F7779+AE$40*$G7779,AE$46*$D7779+AE$47*$E7779+AE$48*$F7779+AE$49*$G7779+AE$50*$H7779)</f>
        <v>2.8319660695244244</v>
      </c>
      <c r="L7779">
        <f t="shared" ref="L7779:L7842" si="870">IF($B7779&lt;6,AF$37*$D7779+AF$38*$E7779+AF$39*$F7779+AF$40*$G7779,AF$46*$D7779+AF$47*$E7779+AF$48*$F7779+AF$49*$G7779+AF$50*$H7779)</f>
        <v>13.593437133717238</v>
      </c>
      <c r="M7779">
        <f t="shared" ref="M7779:M7842" si="871">IF($B7779&lt;6,AG$37*$D7779+AG$38*$E7779+AG$39*$F7779+AG$40*$G7779,AG$46*$D7779+AG$47*$E7779+AG$48*$F7779+AG$49*$G7779+AG$50*$H7779)</f>
        <v>0</v>
      </c>
      <c r="N7779" s="46">
        <f t="shared" si="865"/>
        <v>45614.708333314549</v>
      </c>
    </row>
    <row r="7780" spans="2:14" x14ac:dyDescent="0.3">
      <c r="B7780">
        <f t="shared" si="866"/>
        <v>1</v>
      </c>
      <c r="C7780" s="16">
        <v>7746</v>
      </c>
      <c r="D7780" cm="1">
        <f t="array" ref="D7780">IFERROR(INDEX(Jesper!AH$2:AH$366,ROUNDDOWN($C7780/24,0)+1,1)*INDEX($D$3:$AA$30,INDEX(Jesper!$R$2:$R$366,ROW(INDEX(Jesper!AH$2:AH$366,ROUNDDOWN($C7780/24,0)+1,1))-1)+IF('Standard Profiles'!$G$18=$B$10,7,0)+IF('Standard Profiles'!$G$18=$B$17,14,0)+IF('Standard Profiles'!$G$18=$B$24,21,0),MOD($C7780,24)+1)/SUM(INDEX($D$3:$AA$30,INDEX(Jesper!$R$2:$R$366,ROW(INDEX(Jesper!AH$2:AH$366,ROUNDDOWN($C7780/24,0)+1,1))-1)+IF('Standard Profiles'!$G$18=$B$10,7,0)+IF('Standard Profiles'!$G$18=$B$17,14,0)+IF('Standard Profiles'!$G$18=$B$24,21,0),0)),0)</f>
        <v>18.879773796829497</v>
      </c>
      <c r="E7780" cm="1">
        <f t="array" ref="E7780">IFERROR(INDEX(Jesper!AI$2:AI$366,ROUNDDOWN($C7780/24,0)+1,1)*INDEX($D$3:$AA$30,INDEX(Jesper!$R$2:$R$366,ROW(INDEX(Jesper!AI$2:AI$366,ROUNDDOWN($C7780/24,0)+1,1))-1)+IF('Standard Profiles'!$G$19=$B$10,7,0)+IF('Standard Profiles'!$G$19=$B$17,14,0)+IF('Standard Profiles'!$G$19=$B$24,21,0),MOD($C7780,24)+1)/SUM(INDEX($D$3:$AA$30,INDEX(Jesper!$R$2:$R$366,ROW(INDEX(Jesper!AI$2:AI$366,ROUNDDOWN($C7780/24,0)+1,1))-1)+IF('Standard Profiles'!$G$19=$B$10,7,0)+IF('Standard Profiles'!$G$19=$B$17,14,0)+IF('Standard Profiles'!$G$19=$B$24,21,0),0)),0)</f>
        <v>0</v>
      </c>
      <c r="F7780" cm="1">
        <f t="array" ref="F7780">IFERROR(INDEX(Jesper!AJ$2:AJ$366,ROUNDDOWN($C7780/24,0)+1,1)*INDEX($D$3:$AA$30,INDEX(Jesper!$R$2:$R$366,ROW(INDEX(Jesper!AJ$2:AJ$366,ROUNDDOWN($C7780/24,0)+1,1))-1)+IF('Standard Profiles'!$G$20=$B$10,7,0)+IF('Standard Profiles'!$G$20=$B$17,14,0)+IF('Standard Profiles'!$G$20=$B$24,21,0),MOD($C7780,24)+1)/SUM(INDEX($D$3:$AA$30,INDEX(Jesper!$R$2:$R$366,ROW(INDEX(Jesper!AJ$2:AJ$366,ROUNDDOWN($C7780/24,0)+1,1))-1)+IF('Standard Profiles'!$G$20=$B$10,7,0)+IF('Standard Profiles'!$G$20=$B$17,14,0)+IF('Standard Profiles'!$G$20=$B$24,21,0),0)),0)</f>
        <v>0</v>
      </c>
      <c r="G7780" cm="1">
        <f t="array" ref="G7780">IFERROR(INDEX(Jesper!AK$2:AK$366,ROUNDDOWN($C7780/24,0)+1,1)*INDEX($D$3:$AA$30,INDEX(Jesper!$R$2:$R$366,ROW(INDEX(Jesper!AK$2:AK$366,ROUNDDOWN($C7780/24,0)+1,1))-1)+IF('Standard Profiles'!$G$21=$B$10,7,0)+IF('Standard Profiles'!$G$21=$B$17,14,0)+IF('Standard Profiles'!$G$21=$B$24,21,0),MOD($C7780,24)+1)/SUM(INDEX($D$3:$AA$30,INDEX(Jesper!$R$2:$R$366,ROW(INDEX(Jesper!AK$2:AK$366,ROUNDDOWN($C7780/24,0)+1,1))-1)+IF('Standard Profiles'!$G$21=$B$10,7,0)+IF('Standard Profiles'!$G$21=$B$17,14,0)+IF('Standard Profiles'!$G$21=$B$24,21,0),0)),0)</f>
        <v>0</v>
      </c>
      <c r="H7780" cm="1">
        <f t="array" ref="H7780">IFERROR(INDEX(Jesper!AL$2:AL$366,ROUNDDOWN($C7780/24,0)+1,1)*INDEX($D$3:$AA$30,INDEX(Jesper!$R$2:$R$366,ROW(INDEX(Jesper!AL$2:AL$366,ROUNDDOWN($C7780/24,0)+1,1))-1)+IF('Standard Profiles'!$G$22=$B$10,7,0)+IF('Standard Profiles'!$G$22=$B$17,14,0)+IF('Standard Profiles'!$G$22=$B$24,21,0),MOD($C7780,24)+1)/SUM(INDEX($D$3:$AA$30,INDEX(Jesper!$R$2:$R$366,ROW(INDEX(Jesper!AL$2:AL$366,ROUNDDOWN($C7780/24,0)+1,1))-1)+IF('Standard Profiles'!$G$22=$B$10,7,0)+IF('Standard Profiles'!$G$22=$B$17,14,0)+IF('Standard Profiles'!$G$22=$B$24,21,0),0)),0)</f>
        <v>0</v>
      </c>
      <c r="I7780">
        <f t="shared" si="867"/>
        <v>0.56639321390488484</v>
      </c>
      <c r="J7780">
        <f t="shared" si="868"/>
        <v>1.8879773796829498</v>
      </c>
      <c r="K7780">
        <f t="shared" si="869"/>
        <v>2.8319660695244244</v>
      </c>
      <c r="L7780">
        <f t="shared" si="870"/>
        <v>13.593437133717238</v>
      </c>
      <c r="M7780">
        <f t="shared" si="871"/>
        <v>0</v>
      </c>
      <c r="N7780" s="46">
        <f t="shared" ref="N7780:N7843" si="872">N7779+1/24</f>
        <v>45614.749999981213</v>
      </c>
    </row>
    <row r="7781" spans="2:14" x14ac:dyDescent="0.3">
      <c r="B7781">
        <f t="shared" si="866"/>
        <v>1</v>
      </c>
      <c r="C7781" s="16">
        <v>7747</v>
      </c>
      <c r="D7781" cm="1">
        <f t="array" ref="D7781">IFERROR(INDEX(Jesper!AH$2:AH$366,ROUNDDOWN($C7781/24,0)+1,1)*INDEX($D$3:$AA$30,INDEX(Jesper!$R$2:$R$366,ROW(INDEX(Jesper!AH$2:AH$366,ROUNDDOWN($C7781/24,0)+1,1))-1)+IF('Standard Profiles'!$G$18=$B$10,7,0)+IF('Standard Profiles'!$G$18=$B$17,14,0)+IF('Standard Profiles'!$G$18=$B$24,21,0),MOD($C7781,24)+1)/SUM(INDEX($D$3:$AA$30,INDEX(Jesper!$R$2:$R$366,ROW(INDEX(Jesper!AH$2:AH$366,ROUNDDOWN($C7781/24,0)+1,1))-1)+IF('Standard Profiles'!$G$18=$B$10,7,0)+IF('Standard Profiles'!$G$18=$B$17,14,0)+IF('Standard Profiles'!$G$18=$B$24,21,0),0)),0)</f>
        <v>15.811810554844701</v>
      </c>
      <c r="E7781" cm="1">
        <f t="array" ref="E7781">IFERROR(INDEX(Jesper!AI$2:AI$366,ROUNDDOWN($C7781/24,0)+1,1)*INDEX($D$3:$AA$30,INDEX(Jesper!$R$2:$R$366,ROW(INDEX(Jesper!AI$2:AI$366,ROUNDDOWN($C7781/24,0)+1,1))-1)+IF('Standard Profiles'!$G$19=$B$10,7,0)+IF('Standard Profiles'!$G$19=$B$17,14,0)+IF('Standard Profiles'!$G$19=$B$24,21,0),MOD($C7781,24)+1)/SUM(INDEX($D$3:$AA$30,INDEX(Jesper!$R$2:$R$366,ROW(INDEX(Jesper!AI$2:AI$366,ROUNDDOWN($C7781/24,0)+1,1))-1)+IF('Standard Profiles'!$G$19=$B$10,7,0)+IF('Standard Profiles'!$G$19=$B$17,14,0)+IF('Standard Profiles'!$G$19=$B$24,21,0),0)),0)</f>
        <v>0</v>
      </c>
      <c r="F7781" cm="1">
        <f t="array" ref="F7781">IFERROR(INDEX(Jesper!AJ$2:AJ$366,ROUNDDOWN($C7781/24,0)+1,1)*INDEX($D$3:$AA$30,INDEX(Jesper!$R$2:$R$366,ROW(INDEX(Jesper!AJ$2:AJ$366,ROUNDDOWN($C7781/24,0)+1,1))-1)+IF('Standard Profiles'!$G$20=$B$10,7,0)+IF('Standard Profiles'!$G$20=$B$17,14,0)+IF('Standard Profiles'!$G$20=$B$24,21,0),MOD($C7781,24)+1)/SUM(INDEX($D$3:$AA$30,INDEX(Jesper!$R$2:$R$366,ROW(INDEX(Jesper!AJ$2:AJ$366,ROUNDDOWN($C7781/24,0)+1,1))-1)+IF('Standard Profiles'!$G$20=$B$10,7,0)+IF('Standard Profiles'!$G$20=$B$17,14,0)+IF('Standard Profiles'!$G$20=$B$24,21,0),0)),0)</f>
        <v>0</v>
      </c>
      <c r="G7781" cm="1">
        <f t="array" ref="G7781">IFERROR(INDEX(Jesper!AK$2:AK$366,ROUNDDOWN($C7781/24,0)+1,1)*INDEX($D$3:$AA$30,INDEX(Jesper!$R$2:$R$366,ROW(INDEX(Jesper!AK$2:AK$366,ROUNDDOWN($C7781/24,0)+1,1))-1)+IF('Standard Profiles'!$G$21=$B$10,7,0)+IF('Standard Profiles'!$G$21=$B$17,14,0)+IF('Standard Profiles'!$G$21=$B$24,21,0),MOD($C7781,24)+1)/SUM(INDEX($D$3:$AA$30,INDEX(Jesper!$R$2:$R$366,ROW(INDEX(Jesper!AK$2:AK$366,ROUNDDOWN($C7781/24,0)+1,1))-1)+IF('Standard Profiles'!$G$21=$B$10,7,0)+IF('Standard Profiles'!$G$21=$B$17,14,0)+IF('Standard Profiles'!$G$21=$B$24,21,0),0)),0)</f>
        <v>0</v>
      </c>
      <c r="H7781" cm="1">
        <f t="array" ref="H7781">IFERROR(INDEX(Jesper!AL$2:AL$366,ROUNDDOWN($C7781/24,0)+1,1)*INDEX($D$3:$AA$30,INDEX(Jesper!$R$2:$R$366,ROW(INDEX(Jesper!AL$2:AL$366,ROUNDDOWN($C7781/24,0)+1,1))-1)+IF('Standard Profiles'!$G$22=$B$10,7,0)+IF('Standard Profiles'!$G$22=$B$17,14,0)+IF('Standard Profiles'!$G$22=$B$24,21,0),MOD($C7781,24)+1)/SUM(INDEX($D$3:$AA$30,INDEX(Jesper!$R$2:$R$366,ROW(INDEX(Jesper!AL$2:AL$366,ROUNDDOWN($C7781/24,0)+1,1))-1)+IF('Standard Profiles'!$G$22=$B$10,7,0)+IF('Standard Profiles'!$G$22=$B$17,14,0)+IF('Standard Profiles'!$G$22=$B$24,21,0),0)),0)</f>
        <v>0</v>
      </c>
      <c r="I7781">
        <f t="shared" si="867"/>
        <v>0.474354316645341</v>
      </c>
      <c r="J7781">
        <f t="shared" si="868"/>
        <v>1.5811810554844703</v>
      </c>
      <c r="K7781">
        <f t="shared" si="869"/>
        <v>2.371771583226705</v>
      </c>
      <c r="L7781">
        <f t="shared" si="870"/>
        <v>11.384503599488184</v>
      </c>
      <c r="M7781">
        <f t="shared" si="871"/>
        <v>0</v>
      </c>
      <c r="N7781" s="46">
        <f t="shared" si="872"/>
        <v>45614.791666647878</v>
      </c>
    </row>
    <row r="7782" spans="2:14" x14ac:dyDescent="0.3">
      <c r="B7782">
        <f t="shared" si="866"/>
        <v>1</v>
      </c>
      <c r="C7782" s="16">
        <v>7748</v>
      </c>
      <c r="D7782" cm="1">
        <f t="array" ref="D7782">IFERROR(INDEX(Jesper!AH$2:AH$366,ROUNDDOWN($C7782/24,0)+1,1)*INDEX($D$3:$AA$30,INDEX(Jesper!$R$2:$R$366,ROW(INDEX(Jesper!AH$2:AH$366,ROUNDDOWN($C7782/24,0)+1,1))-1)+IF('Standard Profiles'!$G$18=$B$10,7,0)+IF('Standard Profiles'!$G$18=$B$17,14,0)+IF('Standard Profiles'!$G$18=$B$24,21,0),MOD($C7782,24)+1)/SUM(INDEX($D$3:$AA$30,INDEX(Jesper!$R$2:$R$366,ROW(INDEX(Jesper!AH$2:AH$366,ROUNDDOWN($C7782/24,0)+1,1))-1)+IF('Standard Profiles'!$G$18=$B$10,7,0)+IF('Standard Profiles'!$G$18=$B$17,14,0)+IF('Standard Profiles'!$G$18=$B$24,21,0),0)),0)</f>
        <v>12.979844485320276</v>
      </c>
      <c r="E7782" cm="1">
        <f t="array" ref="E7782">IFERROR(INDEX(Jesper!AI$2:AI$366,ROUNDDOWN($C7782/24,0)+1,1)*INDEX($D$3:$AA$30,INDEX(Jesper!$R$2:$R$366,ROW(INDEX(Jesper!AI$2:AI$366,ROUNDDOWN($C7782/24,0)+1,1))-1)+IF('Standard Profiles'!$G$19=$B$10,7,0)+IF('Standard Profiles'!$G$19=$B$17,14,0)+IF('Standard Profiles'!$G$19=$B$24,21,0),MOD($C7782,24)+1)/SUM(INDEX($D$3:$AA$30,INDEX(Jesper!$R$2:$R$366,ROW(INDEX(Jesper!AI$2:AI$366,ROUNDDOWN($C7782/24,0)+1,1))-1)+IF('Standard Profiles'!$G$19=$B$10,7,0)+IF('Standard Profiles'!$G$19=$B$17,14,0)+IF('Standard Profiles'!$G$19=$B$24,21,0),0)),0)</f>
        <v>0</v>
      </c>
      <c r="F7782" cm="1">
        <f t="array" ref="F7782">IFERROR(INDEX(Jesper!AJ$2:AJ$366,ROUNDDOWN($C7782/24,0)+1,1)*INDEX($D$3:$AA$30,INDEX(Jesper!$R$2:$R$366,ROW(INDEX(Jesper!AJ$2:AJ$366,ROUNDDOWN($C7782/24,0)+1,1))-1)+IF('Standard Profiles'!$G$20=$B$10,7,0)+IF('Standard Profiles'!$G$20=$B$17,14,0)+IF('Standard Profiles'!$G$20=$B$24,21,0),MOD($C7782,24)+1)/SUM(INDEX($D$3:$AA$30,INDEX(Jesper!$R$2:$R$366,ROW(INDEX(Jesper!AJ$2:AJ$366,ROUNDDOWN($C7782/24,0)+1,1))-1)+IF('Standard Profiles'!$G$20=$B$10,7,0)+IF('Standard Profiles'!$G$20=$B$17,14,0)+IF('Standard Profiles'!$G$20=$B$24,21,0),0)),0)</f>
        <v>0</v>
      </c>
      <c r="G7782" cm="1">
        <f t="array" ref="G7782">IFERROR(INDEX(Jesper!AK$2:AK$366,ROUNDDOWN($C7782/24,0)+1,1)*INDEX($D$3:$AA$30,INDEX(Jesper!$R$2:$R$366,ROW(INDEX(Jesper!AK$2:AK$366,ROUNDDOWN($C7782/24,0)+1,1))-1)+IF('Standard Profiles'!$G$21=$B$10,7,0)+IF('Standard Profiles'!$G$21=$B$17,14,0)+IF('Standard Profiles'!$G$21=$B$24,21,0),MOD($C7782,24)+1)/SUM(INDEX($D$3:$AA$30,INDEX(Jesper!$R$2:$R$366,ROW(INDEX(Jesper!AK$2:AK$366,ROUNDDOWN($C7782/24,0)+1,1))-1)+IF('Standard Profiles'!$G$21=$B$10,7,0)+IF('Standard Profiles'!$G$21=$B$17,14,0)+IF('Standard Profiles'!$G$21=$B$24,21,0),0)),0)</f>
        <v>0</v>
      </c>
      <c r="H7782" cm="1">
        <f t="array" ref="H7782">IFERROR(INDEX(Jesper!AL$2:AL$366,ROUNDDOWN($C7782/24,0)+1,1)*INDEX($D$3:$AA$30,INDEX(Jesper!$R$2:$R$366,ROW(INDEX(Jesper!AL$2:AL$366,ROUNDDOWN($C7782/24,0)+1,1))-1)+IF('Standard Profiles'!$G$22=$B$10,7,0)+IF('Standard Profiles'!$G$22=$B$17,14,0)+IF('Standard Profiles'!$G$22=$B$24,21,0),MOD($C7782,24)+1)/SUM(INDEX($D$3:$AA$30,INDEX(Jesper!$R$2:$R$366,ROW(INDEX(Jesper!AL$2:AL$366,ROUNDDOWN($C7782/24,0)+1,1))-1)+IF('Standard Profiles'!$G$22=$B$10,7,0)+IF('Standard Profiles'!$G$22=$B$17,14,0)+IF('Standard Profiles'!$G$22=$B$24,21,0),0)),0)</f>
        <v>0</v>
      </c>
      <c r="I7782">
        <f t="shared" si="867"/>
        <v>0.38939533455960829</v>
      </c>
      <c r="J7782">
        <f t="shared" si="868"/>
        <v>1.2979844485320278</v>
      </c>
      <c r="K7782">
        <f t="shared" si="869"/>
        <v>1.9469766727980413</v>
      </c>
      <c r="L7782">
        <f t="shared" si="870"/>
        <v>9.345488029430598</v>
      </c>
      <c r="M7782">
        <f t="shared" si="871"/>
        <v>0</v>
      </c>
      <c r="N7782" s="46">
        <f t="shared" si="872"/>
        <v>45614.833333314542</v>
      </c>
    </row>
    <row r="7783" spans="2:14" x14ac:dyDescent="0.3">
      <c r="B7783">
        <f t="shared" si="866"/>
        <v>1</v>
      </c>
      <c r="C7783" s="16">
        <v>7749</v>
      </c>
      <c r="D7783" cm="1">
        <f t="array" ref="D7783">IFERROR(INDEX(Jesper!AH$2:AH$366,ROUNDDOWN($C7783/24,0)+1,1)*INDEX($D$3:$AA$30,INDEX(Jesper!$R$2:$R$366,ROW(INDEX(Jesper!AH$2:AH$366,ROUNDDOWN($C7783/24,0)+1,1))-1)+IF('Standard Profiles'!$G$18=$B$10,7,0)+IF('Standard Profiles'!$G$18=$B$17,14,0)+IF('Standard Profiles'!$G$18=$B$24,21,0),MOD($C7783,24)+1)/SUM(INDEX($D$3:$AA$30,INDEX(Jesper!$R$2:$R$366,ROW(INDEX(Jesper!AH$2:AH$366,ROUNDDOWN($C7783/24,0)+1,1))-1)+IF('Standard Profiles'!$G$18=$B$10,7,0)+IF('Standard Profiles'!$G$18=$B$17,14,0)+IF('Standard Profiles'!$G$18=$B$24,21,0),0)),0)</f>
        <v>9.4398868984147484</v>
      </c>
      <c r="E7783" cm="1">
        <f t="array" ref="E7783">IFERROR(INDEX(Jesper!AI$2:AI$366,ROUNDDOWN($C7783/24,0)+1,1)*INDEX($D$3:$AA$30,INDEX(Jesper!$R$2:$R$366,ROW(INDEX(Jesper!AI$2:AI$366,ROUNDDOWN($C7783/24,0)+1,1))-1)+IF('Standard Profiles'!$G$19=$B$10,7,0)+IF('Standard Profiles'!$G$19=$B$17,14,0)+IF('Standard Profiles'!$G$19=$B$24,21,0),MOD($C7783,24)+1)/SUM(INDEX($D$3:$AA$30,INDEX(Jesper!$R$2:$R$366,ROW(INDEX(Jesper!AI$2:AI$366,ROUNDDOWN($C7783/24,0)+1,1))-1)+IF('Standard Profiles'!$G$19=$B$10,7,0)+IF('Standard Profiles'!$G$19=$B$17,14,0)+IF('Standard Profiles'!$G$19=$B$24,21,0),0)),0)</f>
        <v>0</v>
      </c>
      <c r="F7783" cm="1">
        <f t="array" ref="F7783">IFERROR(INDEX(Jesper!AJ$2:AJ$366,ROUNDDOWN($C7783/24,0)+1,1)*INDEX($D$3:$AA$30,INDEX(Jesper!$R$2:$R$366,ROW(INDEX(Jesper!AJ$2:AJ$366,ROUNDDOWN($C7783/24,0)+1,1))-1)+IF('Standard Profiles'!$G$20=$B$10,7,0)+IF('Standard Profiles'!$G$20=$B$17,14,0)+IF('Standard Profiles'!$G$20=$B$24,21,0),MOD($C7783,24)+1)/SUM(INDEX($D$3:$AA$30,INDEX(Jesper!$R$2:$R$366,ROW(INDEX(Jesper!AJ$2:AJ$366,ROUNDDOWN($C7783/24,0)+1,1))-1)+IF('Standard Profiles'!$G$20=$B$10,7,0)+IF('Standard Profiles'!$G$20=$B$17,14,0)+IF('Standard Profiles'!$G$20=$B$24,21,0),0)),0)</f>
        <v>0</v>
      </c>
      <c r="G7783" cm="1">
        <f t="array" ref="G7783">IFERROR(INDEX(Jesper!AK$2:AK$366,ROUNDDOWN($C7783/24,0)+1,1)*INDEX($D$3:$AA$30,INDEX(Jesper!$R$2:$R$366,ROW(INDEX(Jesper!AK$2:AK$366,ROUNDDOWN($C7783/24,0)+1,1))-1)+IF('Standard Profiles'!$G$21=$B$10,7,0)+IF('Standard Profiles'!$G$21=$B$17,14,0)+IF('Standard Profiles'!$G$21=$B$24,21,0),MOD($C7783,24)+1)/SUM(INDEX($D$3:$AA$30,INDEX(Jesper!$R$2:$R$366,ROW(INDEX(Jesper!AK$2:AK$366,ROUNDDOWN($C7783/24,0)+1,1))-1)+IF('Standard Profiles'!$G$21=$B$10,7,0)+IF('Standard Profiles'!$G$21=$B$17,14,0)+IF('Standard Profiles'!$G$21=$B$24,21,0),0)),0)</f>
        <v>0</v>
      </c>
      <c r="H7783" cm="1">
        <f t="array" ref="H7783">IFERROR(INDEX(Jesper!AL$2:AL$366,ROUNDDOWN($C7783/24,0)+1,1)*INDEX($D$3:$AA$30,INDEX(Jesper!$R$2:$R$366,ROW(INDEX(Jesper!AL$2:AL$366,ROUNDDOWN($C7783/24,0)+1,1))-1)+IF('Standard Profiles'!$G$22=$B$10,7,0)+IF('Standard Profiles'!$G$22=$B$17,14,0)+IF('Standard Profiles'!$G$22=$B$24,21,0),MOD($C7783,24)+1)/SUM(INDEX($D$3:$AA$30,INDEX(Jesper!$R$2:$R$366,ROW(INDEX(Jesper!AL$2:AL$366,ROUNDDOWN($C7783/24,0)+1,1))-1)+IF('Standard Profiles'!$G$22=$B$10,7,0)+IF('Standard Profiles'!$G$22=$B$17,14,0)+IF('Standard Profiles'!$G$22=$B$24,21,0),0)),0)</f>
        <v>0</v>
      </c>
      <c r="I7783">
        <f t="shared" si="867"/>
        <v>0.28319660695244242</v>
      </c>
      <c r="J7783">
        <f t="shared" si="868"/>
        <v>0.94398868984147488</v>
      </c>
      <c r="K7783">
        <f t="shared" si="869"/>
        <v>1.4159830347622122</v>
      </c>
      <c r="L7783">
        <f t="shared" si="870"/>
        <v>6.796718566858619</v>
      </c>
      <c r="M7783">
        <f t="shared" si="871"/>
        <v>0</v>
      </c>
      <c r="N7783" s="46">
        <f t="shared" si="872"/>
        <v>45614.874999981206</v>
      </c>
    </row>
    <row r="7784" spans="2:14" x14ac:dyDescent="0.3">
      <c r="B7784">
        <f t="shared" si="866"/>
        <v>1</v>
      </c>
      <c r="C7784" s="16">
        <v>7750</v>
      </c>
      <c r="D7784" cm="1">
        <f t="array" ref="D7784">IFERROR(INDEX(Jesper!AH$2:AH$366,ROUNDDOWN($C7784/24,0)+1,1)*INDEX($D$3:$AA$30,INDEX(Jesper!$R$2:$R$366,ROW(INDEX(Jesper!AH$2:AH$366,ROUNDDOWN($C7784/24,0)+1,1))-1)+IF('Standard Profiles'!$G$18=$B$10,7,0)+IF('Standard Profiles'!$G$18=$B$17,14,0)+IF('Standard Profiles'!$G$18=$B$24,21,0),MOD($C7784,24)+1)/SUM(INDEX($D$3:$AA$30,INDEX(Jesper!$R$2:$R$366,ROW(INDEX(Jesper!AH$2:AH$366,ROUNDDOWN($C7784/24,0)+1,1))-1)+IF('Standard Profiles'!$G$18=$B$10,7,0)+IF('Standard Profiles'!$G$18=$B$17,14,0)+IF('Standard Profiles'!$G$18=$B$24,21,0),0)),0)</f>
        <v>8.9678925534940088</v>
      </c>
      <c r="E7784" cm="1">
        <f t="array" ref="E7784">IFERROR(INDEX(Jesper!AI$2:AI$366,ROUNDDOWN($C7784/24,0)+1,1)*INDEX($D$3:$AA$30,INDEX(Jesper!$R$2:$R$366,ROW(INDEX(Jesper!AI$2:AI$366,ROUNDDOWN($C7784/24,0)+1,1))-1)+IF('Standard Profiles'!$G$19=$B$10,7,0)+IF('Standard Profiles'!$G$19=$B$17,14,0)+IF('Standard Profiles'!$G$19=$B$24,21,0),MOD($C7784,24)+1)/SUM(INDEX($D$3:$AA$30,INDEX(Jesper!$R$2:$R$366,ROW(INDEX(Jesper!AI$2:AI$366,ROUNDDOWN($C7784/24,0)+1,1))-1)+IF('Standard Profiles'!$G$19=$B$10,7,0)+IF('Standard Profiles'!$G$19=$B$17,14,0)+IF('Standard Profiles'!$G$19=$B$24,21,0),0)),0)</f>
        <v>0</v>
      </c>
      <c r="F7784" cm="1">
        <f t="array" ref="F7784">IFERROR(INDEX(Jesper!AJ$2:AJ$366,ROUNDDOWN($C7784/24,0)+1,1)*INDEX($D$3:$AA$30,INDEX(Jesper!$R$2:$R$366,ROW(INDEX(Jesper!AJ$2:AJ$366,ROUNDDOWN($C7784/24,0)+1,1))-1)+IF('Standard Profiles'!$G$20=$B$10,7,0)+IF('Standard Profiles'!$G$20=$B$17,14,0)+IF('Standard Profiles'!$G$20=$B$24,21,0),MOD($C7784,24)+1)/SUM(INDEX($D$3:$AA$30,INDEX(Jesper!$R$2:$R$366,ROW(INDEX(Jesper!AJ$2:AJ$366,ROUNDDOWN($C7784/24,0)+1,1))-1)+IF('Standard Profiles'!$G$20=$B$10,7,0)+IF('Standard Profiles'!$G$20=$B$17,14,0)+IF('Standard Profiles'!$G$20=$B$24,21,0),0)),0)</f>
        <v>0</v>
      </c>
      <c r="G7784" cm="1">
        <f t="array" ref="G7784">IFERROR(INDEX(Jesper!AK$2:AK$366,ROUNDDOWN($C7784/24,0)+1,1)*INDEX($D$3:$AA$30,INDEX(Jesper!$R$2:$R$366,ROW(INDEX(Jesper!AK$2:AK$366,ROUNDDOWN($C7784/24,0)+1,1))-1)+IF('Standard Profiles'!$G$21=$B$10,7,0)+IF('Standard Profiles'!$G$21=$B$17,14,0)+IF('Standard Profiles'!$G$21=$B$24,21,0),MOD($C7784,24)+1)/SUM(INDEX($D$3:$AA$30,INDEX(Jesper!$R$2:$R$366,ROW(INDEX(Jesper!AK$2:AK$366,ROUNDDOWN($C7784/24,0)+1,1))-1)+IF('Standard Profiles'!$G$21=$B$10,7,0)+IF('Standard Profiles'!$G$21=$B$17,14,0)+IF('Standard Profiles'!$G$21=$B$24,21,0),0)),0)</f>
        <v>0</v>
      </c>
      <c r="H7784" cm="1">
        <f t="array" ref="H7784">IFERROR(INDEX(Jesper!AL$2:AL$366,ROUNDDOWN($C7784/24,0)+1,1)*INDEX($D$3:$AA$30,INDEX(Jesper!$R$2:$R$366,ROW(INDEX(Jesper!AL$2:AL$366,ROUNDDOWN($C7784/24,0)+1,1))-1)+IF('Standard Profiles'!$G$22=$B$10,7,0)+IF('Standard Profiles'!$G$22=$B$17,14,0)+IF('Standard Profiles'!$G$22=$B$24,21,0),MOD($C7784,24)+1)/SUM(INDEX($D$3:$AA$30,INDEX(Jesper!$R$2:$R$366,ROW(INDEX(Jesper!AL$2:AL$366,ROUNDDOWN($C7784/24,0)+1,1))-1)+IF('Standard Profiles'!$G$22=$B$10,7,0)+IF('Standard Profiles'!$G$22=$B$17,14,0)+IF('Standard Profiles'!$G$22=$B$24,21,0),0)),0)</f>
        <v>0</v>
      </c>
      <c r="I7784">
        <f t="shared" si="867"/>
        <v>0.26903677660482028</v>
      </c>
      <c r="J7784">
        <f t="shared" si="868"/>
        <v>0.8967892553494009</v>
      </c>
      <c r="K7784">
        <f t="shared" si="869"/>
        <v>1.3451838830241012</v>
      </c>
      <c r="L7784">
        <f t="shared" si="870"/>
        <v>6.4568826385156859</v>
      </c>
      <c r="M7784">
        <f t="shared" si="871"/>
        <v>0</v>
      </c>
      <c r="N7784" s="46">
        <f t="shared" si="872"/>
        <v>45614.91666664787</v>
      </c>
    </row>
    <row r="7785" spans="2:14" x14ac:dyDescent="0.3">
      <c r="B7785">
        <f t="shared" si="866"/>
        <v>1</v>
      </c>
      <c r="C7785" s="16">
        <v>7751</v>
      </c>
      <c r="D7785" cm="1">
        <f t="array" ref="D7785">IFERROR(INDEX(Jesper!AH$2:AH$366,ROUNDDOWN($C7785/24,0)+1,1)*INDEX($D$3:$AA$30,INDEX(Jesper!$R$2:$R$366,ROW(INDEX(Jesper!AH$2:AH$366,ROUNDDOWN($C7785/24,0)+1,1))-1)+IF('Standard Profiles'!$G$18=$B$10,7,0)+IF('Standard Profiles'!$G$18=$B$17,14,0)+IF('Standard Profiles'!$G$18=$B$24,21,0),MOD($C7785,24)+1)/SUM(INDEX($D$3:$AA$30,INDEX(Jesper!$R$2:$R$366,ROW(INDEX(Jesper!AH$2:AH$366,ROUNDDOWN($C7785/24,0)+1,1))-1)+IF('Standard Profiles'!$G$18=$B$10,7,0)+IF('Standard Profiles'!$G$18=$B$17,14,0)+IF('Standard Profiles'!$G$18=$B$24,21,0),0)),0)</f>
        <v>8.9678925534940088</v>
      </c>
      <c r="E7785" cm="1">
        <f t="array" ref="E7785">IFERROR(INDEX(Jesper!AI$2:AI$366,ROUNDDOWN($C7785/24,0)+1,1)*INDEX($D$3:$AA$30,INDEX(Jesper!$R$2:$R$366,ROW(INDEX(Jesper!AI$2:AI$366,ROUNDDOWN($C7785/24,0)+1,1))-1)+IF('Standard Profiles'!$G$19=$B$10,7,0)+IF('Standard Profiles'!$G$19=$B$17,14,0)+IF('Standard Profiles'!$G$19=$B$24,21,0),MOD($C7785,24)+1)/SUM(INDEX($D$3:$AA$30,INDEX(Jesper!$R$2:$R$366,ROW(INDEX(Jesper!AI$2:AI$366,ROUNDDOWN($C7785/24,0)+1,1))-1)+IF('Standard Profiles'!$G$19=$B$10,7,0)+IF('Standard Profiles'!$G$19=$B$17,14,0)+IF('Standard Profiles'!$G$19=$B$24,21,0),0)),0)</f>
        <v>0</v>
      </c>
      <c r="F7785" cm="1">
        <f t="array" ref="F7785">IFERROR(INDEX(Jesper!AJ$2:AJ$366,ROUNDDOWN($C7785/24,0)+1,1)*INDEX($D$3:$AA$30,INDEX(Jesper!$R$2:$R$366,ROW(INDEX(Jesper!AJ$2:AJ$366,ROUNDDOWN($C7785/24,0)+1,1))-1)+IF('Standard Profiles'!$G$20=$B$10,7,0)+IF('Standard Profiles'!$G$20=$B$17,14,0)+IF('Standard Profiles'!$G$20=$B$24,21,0),MOD($C7785,24)+1)/SUM(INDEX($D$3:$AA$30,INDEX(Jesper!$R$2:$R$366,ROW(INDEX(Jesper!AJ$2:AJ$366,ROUNDDOWN($C7785/24,0)+1,1))-1)+IF('Standard Profiles'!$G$20=$B$10,7,0)+IF('Standard Profiles'!$G$20=$B$17,14,0)+IF('Standard Profiles'!$G$20=$B$24,21,0),0)),0)</f>
        <v>0</v>
      </c>
      <c r="G7785" cm="1">
        <f t="array" ref="G7785">IFERROR(INDEX(Jesper!AK$2:AK$366,ROUNDDOWN($C7785/24,0)+1,1)*INDEX($D$3:$AA$30,INDEX(Jesper!$R$2:$R$366,ROW(INDEX(Jesper!AK$2:AK$366,ROUNDDOWN($C7785/24,0)+1,1))-1)+IF('Standard Profiles'!$G$21=$B$10,7,0)+IF('Standard Profiles'!$G$21=$B$17,14,0)+IF('Standard Profiles'!$G$21=$B$24,21,0),MOD($C7785,24)+1)/SUM(INDEX($D$3:$AA$30,INDEX(Jesper!$R$2:$R$366,ROW(INDEX(Jesper!AK$2:AK$366,ROUNDDOWN($C7785/24,0)+1,1))-1)+IF('Standard Profiles'!$G$21=$B$10,7,0)+IF('Standard Profiles'!$G$21=$B$17,14,0)+IF('Standard Profiles'!$G$21=$B$24,21,0),0)),0)</f>
        <v>0</v>
      </c>
      <c r="H7785" cm="1">
        <f t="array" ref="H7785">IFERROR(INDEX(Jesper!AL$2:AL$366,ROUNDDOWN($C7785/24,0)+1,1)*INDEX($D$3:$AA$30,INDEX(Jesper!$R$2:$R$366,ROW(INDEX(Jesper!AL$2:AL$366,ROUNDDOWN($C7785/24,0)+1,1))-1)+IF('Standard Profiles'!$G$22=$B$10,7,0)+IF('Standard Profiles'!$G$22=$B$17,14,0)+IF('Standard Profiles'!$G$22=$B$24,21,0),MOD($C7785,24)+1)/SUM(INDEX($D$3:$AA$30,INDEX(Jesper!$R$2:$R$366,ROW(INDEX(Jesper!AL$2:AL$366,ROUNDDOWN($C7785/24,0)+1,1))-1)+IF('Standard Profiles'!$G$22=$B$10,7,0)+IF('Standard Profiles'!$G$22=$B$17,14,0)+IF('Standard Profiles'!$G$22=$B$24,21,0),0)),0)</f>
        <v>0</v>
      </c>
      <c r="I7785">
        <f t="shared" si="867"/>
        <v>0.26903677660482028</v>
      </c>
      <c r="J7785">
        <f t="shared" si="868"/>
        <v>0.8967892553494009</v>
      </c>
      <c r="K7785">
        <f t="shared" si="869"/>
        <v>1.3451838830241012</v>
      </c>
      <c r="L7785">
        <f t="shared" si="870"/>
        <v>6.4568826385156859</v>
      </c>
      <c r="M7785">
        <f t="shared" si="871"/>
        <v>0</v>
      </c>
      <c r="N7785" s="46">
        <f t="shared" si="872"/>
        <v>45614.958333314535</v>
      </c>
    </row>
    <row r="7786" spans="2:14" x14ac:dyDescent="0.3">
      <c r="B7786">
        <f t="shared" si="866"/>
        <v>2</v>
      </c>
      <c r="C7786" s="16">
        <v>7752</v>
      </c>
      <c r="D7786" cm="1">
        <f t="array" ref="D7786">IFERROR(INDEX(Jesper!AH$2:AH$366,ROUNDDOWN($C7786/24,0)+1,1)*INDEX($D$3:$AA$30,INDEX(Jesper!$R$2:$R$366,ROW(INDEX(Jesper!AH$2:AH$366,ROUNDDOWN($C7786/24,0)+1,1))-1)+IF('Standard Profiles'!$G$18=$B$10,7,0)+IF('Standard Profiles'!$G$18=$B$17,14,0)+IF('Standard Profiles'!$G$18=$B$24,21,0),MOD($C7786,24)+1)/SUM(INDEX($D$3:$AA$30,INDEX(Jesper!$R$2:$R$366,ROW(INDEX(Jesper!AH$2:AH$366,ROUNDDOWN($C7786/24,0)+1,1))-1)+IF('Standard Profiles'!$G$18=$B$10,7,0)+IF('Standard Profiles'!$G$18=$B$17,14,0)+IF('Standard Profiles'!$G$18=$B$24,21,0),0)),0)</f>
        <v>8.517148614558522</v>
      </c>
      <c r="E7786" cm="1">
        <f t="array" ref="E7786">IFERROR(INDEX(Jesper!AI$2:AI$366,ROUNDDOWN($C7786/24,0)+1,1)*INDEX($D$3:$AA$30,INDEX(Jesper!$R$2:$R$366,ROW(INDEX(Jesper!AI$2:AI$366,ROUNDDOWN($C7786/24,0)+1,1))-1)+IF('Standard Profiles'!$G$19=$B$10,7,0)+IF('Standard Profiles'!$G$19=$B$17,14,0)+IF('Standard Profiles'!$G$19=$B$24,21,0),MOD($C7786,24)+1)/SUM(INDEX($D$3:$AA$30,INDEX(Jesper!$R$2:$R$366,ROW(INDEX(Jesper!AI$2:AI$366,ROUNDDOWN($C7786/24,0)+1,1))-1)+IF('Standard Profiles'!$G$19=$B$10,7,0)+IF('Standard Profiles'!$G$19=$B$17,14,0)+IF('Standard Profiles'!$G$19=$B$24,21,0),0)),0)</f>
        <v>0</v>
      </c>
      <c r="F7786" cm="1">
        <f t="array" ref="F7786">IFERROR(INDEX(Jesper!AJ$2:AJ$366,ROUNDDOWN($C7786/24,0)+1,1)*INDEX($D$3:$AA$30,INDEX(Jesper!$R$2:$R$366,ROW(INDEX(Jesper!AJ$2:AJ$366,ROUNDDOWN($C7786/24,0)+1,1))-1)+IF('Standard Profiles'!$G$20=$B$10,7,0)+IF('Standard Profiles'!$G$20=$B$17,14,0)+IF('Standard Profiles'!$G$20=$B$24,21,0),MOD($C7786,24)+1)/SUM(INDEX($D$3:$AA$30,INDEX(Jesper!$R$2:$R$366,ROW(INDEX(Jesper!AJ$2:AJ$366,ROUNDDOWN($C7786/24,0)+1,1))-1)+IF('Standard Profiles'!$G$20=$B$10,7,0)+IF('Standard Profiles'!$G$20=$B$17,14,0)+IF('Standard Profiles'!$G$20=$B$24,21,0),0)),0)</f>
        <v>0</v>
      </c>
      <c r="G7786" cm="1">
        <f t="array" ref="G7786">IFERROR(INDEX(Jesper!AK$2:AK$366,ROUNDDOWN($C7786/24,0)+1,1)*INDEX($D$3:$AA$30,INDEX(Jesper!$R$2:$R$366,ROW(INDEX(Jesper!AK$2:AK$366,ROUNDDOWN($C7786/24,0)+1,1))-1)+IF('Standard Profiles'!$G$21=$B$10,7,0)+IF('Standard Profiles'!$G$21=$B$17,14,0)+IF('Standard Profiles'!$G$21=$B$24,21,0),MOD($C7786,24)+1)/SUM(INDEX($D$3:$AA$30,INDEX(Jesper!$R$2:$R$366,ROW(INDEX(Jesper!AK$2:AK$366,ROUNDDOWN($C7786/24,0)+1,1))-1)+IF('Standard Profiles'!$G$21=$B$10,7,0)+IF('Standard Profiles'!$G$21=$B$17,14,0)+IF('Standard Profiles'!$G$21=$B$24,21,0),0)),0)</f>
        <v>0</v>
      </c>
      <c r="H7786" cm="1">
        <f t="array" ref="H7786">IFERROR(INDEX(Jesper!AL$2:AL$366,ROUNDDOWN($C7786/24,0)+1,1)*INDEX($D$3:$AA$30,INDEX(Jesper!$R$2:$R$366,ROW(INDEX(Jesper!AL$2:AL$366,ROUNDDOWN($C7786/24,0)+1,1))-1)+IF('Standard Profiles'!$G$22=$B$10,7,0)+IF('Standard Profiles'!$G$22=$B$17,14,0)+IF('Standard Profiles'!$G$22=$B$24,21,0),MOD($C7786,24)+1)/SUM(INDEX($D$3:$AA$30,INDEX(Jesper!$R$2:$R$366,ROW(INDEX(Jesper!AL$2:AL$366,ROUNDDOWN($C7786/24,0)+1,1))-1)+IF('Standard Profiles'!$G$22=$B$10,7,0)+IF('Standard Profiles'!$G$22=$B$17,14,0)+IF('Standard Profiles'!$G$22=$B$24,21,0),0)),0)</f>
        <v>0</v>
      </c>
      <c r="I7786">
        <f t="shared" si="867"/>
        <v>0.25551445843675563</v>
      </c>
      <c r="J7786">
        <f t="shared" si="868"/>
        <v>0.85171486145585229</v>
      </c>
      <c r="K7786">
        <f t="shared" si="869"/>
        <v>1.2775722921837782</v>
      </c>
      <c r="L7786">
        <f t="shared" si="870"/>
        <v>6.1323470024821356</v>
      </c>
      <c r="M7786">
        <f t="shared" si="871"/>
        <v>0</v>
      </c>
      <c r="N7786" s="46">
        <f t="shared" si="872"/>
        <v>45614.999999981199</v>
      </c>
    </row>
    <row r="7787" spans="2:14" x14ac:dyDescent="0.3">
      <c r="B7787">
        <f t="shared" si="866"/>
        <v>2</v>
      </c>
      <c r="C7787" s="16">
        <v>7753</v>
      </c>
      <c r="D7787" cm="1">
        <f t="array" ref="D7787">IFERROR(INDEX(Jesper!AH$2:AH$366,ROUNDDOWN($C7787/24,0)+1,1)*INDEX($D$3:$AA$30,INDEX(Jesper!$R$2:$R$366,ROW(INDEX(Jesper!AH$2:AH$366,ROUNDDOWN($C7787/24,0)+1,1))-1)+IF('Standard Profiles'!$G$18=$B$10,7,0)+IF('Standard Profiles'!$G$18=$B$17,14,0)+IF('Standard Profiles'!$G$18=$B$24,21,0),MOD($C7787,24)+1)/SUM(INDEX($D$3:$AA$30,INDEX(Jesper!$R$2:$R$366,ROW(INDEX(Jesper!AH$2:AH$366,ROUNDDOWN($C7787/24,0)+1,1))-1)+IF('Standard Profiles'!$G$18=$B$10,7,0)+IF('Standard Profiles'!$G$18=$B$17,14,0)+IF('Standard Profiles'!$G$18=$B$24,21,0),0)),0)</f>
        <v>8.517148614558522</v>
      </c>
      <c r="E7787" cm="1">
        <f t="array" ref="E7787">IFERROR(INDEX(Jesper!AI$2:AI$366,ROUNDDOWN($C7787/24,0)+1,1)*INDEX($D$3:$AA$30,INDEX(Jesper!$R$2:$R$366,ROW(INDEX(Jesper!AI$2:AI$366,ROUNDDOWN($C7787/24,0)+1,1))-1)+IF('Standard Profiles'!$G$19=$B$10,7,0)+IF('Standard Profiles'!$G$19=$B$17,14,0)+IF('Standard Profiles'!$G$19=$B$24,21,0),MOD($C7787,24)+1)/SUM(INDEX($D$3:$AA$30,INDEX(Jesper!$R$2:$R$366,ROW(INDEX(Jesper!AI$2:AI$366,ROUNDDOWN($C7787/24,0)+1,1))-1)+IF('Standard Profiles'!$G$19=$B$10,7,0)+IF('Standard Profiles'!$G$19=$B$17,14,0)+IF('Standard Profiles'!$G$19=$B$24,21,0),0)),0)</f>
        <v>0</v>
      </c>
      <c r="F7787" cm="1">
        <f t="array" ref="F7787">IFERROR(INDEX(Jesper!AJ$2:AJ$366,ROUNDDOWN($C7787/24,0)+1,1)*INDEX($D$3:$AA$30,INDEX(Jesper!$R$2:$R$366,ROW(INDEX(Jesper!AJ$2:AJ$366,ROUNDDOWN($C7787/24,0)+1,1))-1)+IF('Standard Profiles'!$G$20=$B$10,7,0)+IF('Standard Profiles'!$G$20=$B$17,14,0)+IF('Standard Profiles'!$G$20=$B$24,21,0),MOD($C7787,24)+1)/SUM(INDEX($D$3:$AA$30,INDEX(Jesper!$R$2:$R$366,ROW(INDEX(Jesper!AJ$2:AJ$366,ROUNDDOWN($C7787/24,0)+1,1))-1)+IF('Standard Profiles'!$G$20=$B$10,7,0)+IF('Standard Profiles'!$G$20=$B$17,14,0)+IF('Standard Profiles'!$G$20=$B$24,21,0),0)),0)</f>
        <v>0</v>
      </c>
      <c r="G7787" cm="1">
        <f t="array" ref="G7787">IFERROR(INDEX(Jesper!AK$2:AK$366,ROUNDDOWN($C7787/24,0)+1,1)*INDEX($D$3:$AA$30,INDEX(Jesper!$R$2:$R$366,ROW(INDEX(Jesper!AK$2:AK$366,ROUNDDOWN($C7787/24,0)+1,1))-1)+IF('Standard Profiles'!$G$21=$B$10,7,0)+IF('Standard Profiles'!$G$21=$B$17,14,0)+IF('Standard Profiles'!$G$21=$B$24,21,0),MOD($C7787,24)+1)/SUM(INDEX($D$3:$AA$30,INDEX(Jesper!$R$2:$R$366,ROW(INDEX(Jesper!AK$2:AK$366,ROUNDDOWN($C7787/24,0)+1,1))-1)+IF('Standard Profiles'!$G$21=$B$10,7,0)+IF('Standard Profiles'!$G$21=$B$17,14,0)+IF('Standard Profiles'!$G$21=$B$24,21,0),0)),0)</f>
        <v>0</v>
      </c>
      <c r="H7787" cm="1">
        <f t="array" ref="H7787">IFERROR(INDEX(Jesper!AL$2:AL$366,ROUNDDOWN($C7787/24,0)+1,1)*INDEX($D$3:$AA$30,INDEX(Jesper!$R$2:$R$366,ROW(INDEX(Jesper!AL$2:AL$366,ROUNDDOWN($C7787/24,0)+1,1))-1)+IF('Standard Profiles'!$G$22=$B$10,7,0)+IF('Standard Profiles'!$G$22=$B$17,14,0)+IF('Standard Profiles'!$G$22=$B$24,21,0),MOD($C7787,24)+1)/SUM(INDEX($D$3:$AA$30,INDEX(Jesper!$R$2:$R$366,ROW(INDEX(Jesper!AL$2:AL$366,ROUNDDOWN($C7787/24,0)+1,1))-1)+IF('Standard Profiles'!$G$22=$B$10,7,0)+IF('Standard Profiles'!$G$22=$B$17,14,0)+IF('Standard Profiles'!$G$22=$B$24,21,0),0)),0)</f>
        <v>0</v>
      </c>
      <c r="I7787">
        <f t="shared" si="867"/>
        <v>0.25551445843675563</v>
      </c>
      <c r="J7787">
        <f t="shared" si="868"/>
        <v>0.85171486145585229</v>
      </c>
      <c r="K7787">
        <f t="shared" si="869"/>
        <v>1.2775722921837782</v>
      </c>
      <c r="L7787">
        <f t="shared" si="870"/>
        <v>6.1323470024821356</v>
      </c>
      <c r="M7787">
        <f t="shared" si="871"/>
        <v>0</v>
      </c>
      <c r="N7787" s="46">
        <f t="shared" si="872"/>
        <v>45615.041666647863</v>
      </c>
    </row>
    <row r="7788" spans="2:14" x14ac:dyDescent="0.3">
      <c r="B7788">
        <f t="shared" si="866"/>
        <v>2</v>
      </c>
      <c r="C7788" s="16">
        <v>7754</v>
      </c>
      <c r="D7788" cm="1">
        <f t="array" ref="D7788">IFERROR(INDEX(Jesper!AH$2:AH$366,ROUNDDOWN($C7788/24,0)+1,1)*INDEX($D$3:$AA$30,INDEX(Jesper!$R$2:$R$366,ROW(INDEX(Jesper!AH$2:AH$366,ROUNDDOWN($C7788/24,0)+1,1))-1)+IF('Standard Profiles'!$G$18=$B$10,7,0)+IF('Standard Profiles'!$G$18=$B$17,14,0)+IF('Standard Profiles'!$G$18=$B$24,21,0),MOD($C7788,24)+1)/SUM(INDEX($D$3:$AA$30,INDEX(Jesper!$R$2:$R$366,ROW(INDEX(Jesper!AH$2:AH$366,ROUNDDOWN($C7788/24,0)+1,1))-1)+IF('Standard Profiles'!$G$18=$B$10,7,0)+IF('Standard Profiles'!$G$18=$B$17,14,0)+IF('Standard Profiles'!$G$18=$B$24,21,0),0)),0)</f>
        <v>8.517148614558522</v>
      </c>
      <c r="E7788" cm="1">
        <f t="array" ref="E7788">IFERROR(INDEX(Jesper!AI$2:AI$366,ROUNDDOWN($C7788/24,0)+1,1)*INDEX($D$3:$AA$30,INDEX(Jesper!$R$2:$R$366,ROW(INDEX(Jesper!AI$2:AI$366,ROUNDDOWN($C7788/24,0)+1,1))-1)+IF('Standard Profiles'!$G$19=$B$10,7,0)+IF('Standard Profiles'!$G$19=$B$17,14,0)+IF('Standard Profiles'!$G$19=$B$24,21,0),MOD($C7788,24)+1)/SUM(INDEX($D$3:$AA$30,INDEX(Jesper!$R$2:$R$366,ROW(INDEX(Jesper!AI$2:AI$366,ROUNDDOWN($C7788/24,0)+1,1))-1)+IF('Standard Profiles'!$G$19=$B$10,7,0)+IF('Standard Profiles'!$G$19=$B$17,14,0)+IF('Standard Profiles'!$G$19=$B$24,21,0),0)),0)</f>
        <v>0</v>
      </c>
      <c r="F7788" cm="1">
        <f t="array" ref="F7788">IFERROR(INDEX(Jesper!AJ$2:AJ$366,ROUNDDOWN($C7788/24,0)+1,1)*INDEX($D$3:$AA$30,INDEX(Jesper!$R$2:$R$366,ROW(INDEX(Jesper!AJ$2:AJ$366,ROUNDDOWN($C7788/24,0)+1,1))-1)+IF('Standard Profiles'!$G$20=$B$10,7,0)+IF('Standard Profiles'!$G$20=$B$17,14,0)+IF('Standard Profiles'!$G$20=$B$24,21,0),MOD($C7788,24)+1)/SUM(INDEX($D$3:$AA$30,INDEX(Jesper!$R$2:$R$366,ROW(INDEX(Jesper!AJ$2:AJ$366,ROUNDDOWN($C7788/24,0)+1,1))-1)+IF('Standard Profiles'!$G$20=$B$10,7,0)+IF('Standard Profiles'!$G$20=$B$17,14,0)+IF('Standard Profiles'!$G$20=$B$24,21,0),0)),0)</f>
        <v>0</v>
      </c>
      <c r="G7788" cm="1">
        <f t="array" ref="G7788">IFERROR(INDEX(Jesper!AK$2:AK$366,ROUNDDOWN($C7788/24,0)+1,1)*INDEX($D$3:$AA$30,INDEX(Jesper!$R$2:$R$366,ROW(INDEX(Jesper!AK$2:AK$366,ROUNDDOWN($C7788/24,0)+1,1))-1)+IF('Standard Profiles'!$G$21=$B$10,7,0)+IF('Standard Profiles'!$G$21=$B$17,14,0)+IF('Standard Profiles'!$G$21=$B$24,21,0),MOD($C7788,24)+1)/SUM(INDEX($D$3:$AA$30,INDEX(Jesper!$R$2:$R$366,ROW(INDEX(Jesper!AK$2:AK$366,ROUNDDOWN($C7788/24,0)+1,1))-1)+IF('Standard Profiles'!$G$21=$B$10,7,0)+IF('Standard Profiles'!$G$21=$B$17,14,0)+IF('Standard Profiles'!$G$21=$B$24,21,0),0)),0)</f>
        <v>0</v>
      </c>
      <c r="H7788" cm="1">
        <f t="array" ref="H7788">IFERROR(INDEX(Jesper!AL$2:AL$366,ROUNDDOWN($C7788/24,0)+1,1)*INDEX($D$3:$AA$30,INDEX(Jesper!$R$2:$R$366,ROW(INDEX(Jesper!AL$2:AL$366,ROUNDDOWN($C7788/24,0)+1,1))-1)+IF('Standard Profiles'!$G$22=$B$10,7,0)+IF('Standard Profiles'!$G$22=$B$17,14,0)+IF('Standard Profiles'!$G$22=$B$24,21,0),MOD($C7788,24)+1)/SUM(INDEX($D$3:$AA$30,INDEX(Jesper!$R$2:$R$366,ROW(INDEX(Jesper!AL$2:AL$366,ROUNDDOWN($C7788/24,0)+1,1))-1)+IF('Standard Profiles'!$G$22=$B$10,7,0)+IF('Standard Profiles'!$G$22=$B$17,14,0)+IF('Standard Profiles'!$G$22=$B$24,21,0),0)),0)</f>
        <v>0</v>
      </c>
      <c r="I7788">
        <f t="shared" si="867"/>
        <v>0.25551445843675563</v>
      </c>
      <c r="J7788">
        <f t="shared" si="868"/>
        <v>0.85171486145585229</v>
      </c>
      <c r="K7788">
        <f t="shared" si="869"/>
        <v>1.2775722921837782</v>
      </c>
      <c r="L7788">
        <f t="shared" si="870"/>
        <v>6.1323470024821356</v>
      </c>
      <c r="M7788">
        <f t="shared" si="871"/>
        <v>0</v>
      </c>
      <c r="N7788" s="46">
        <f t="shared" si="872"/>
        <v>45615.083333314527</v>
      </c>
    </row>
    <row r="7789" spans="2:14" x14ac:dyDescent="0.3">
      <c r="B7789">
        <f t="shared" si="866"/>
        <v>2</v>
      </c>
      <c r="C7789" s="16">
        <v>7755</v>
      </c>
      <c r="D7789" cm="1">
        <f t="array" ref="D7789">IFERROR(INDEX(Jesper!AH$2:AH$366,ROUNDDOWN($C7789/24,0)+1,1)*INDEX($D$3:$AA$30,INDEX(Jesper!$R$2:$R$366,ROW(INDEX(Jesper!AH$2:AH$366,ROUNDDOWN($C7789/24,0)+1,1))-1)+IF('Standard Profiles'!$G$18=$B$10,7,0)+IF('Standard Profiles'!$G$18=$B$17,14,0)+IF('Standard Profiles'!$G$18=$B$24,21,0),MOD($C7789,24)+1)/SUM(INDEX($D$3:$AA$30,INDEX(Jesper!$R$2:$R$366,ROW(INDEX(Jesper!AH$2:AH$366,ROUNDDOWN($C7789/24,0)+1,1))-1)+IF('Standard Profiles'!$G$18=$B$10,7,0)+IF('Standard Profiles'!$G$18=$B$17,14,0)+IF('Standard Profiles'!$G$18=$B$24,21,0),0)),0)</f>
        <v>8.517148614558522</v>
      </c>
      <c r="E7789" cm="1">
        <f t="array" ref="E7789">IFERROR(INDEX(Jesper!AI$2:AI$366,ROUNDDOWN($C7789/24,0)+1,1)*INDEX($D$3:$AA$30,INDEX(Jesper!$R$2:$R$366,ROW(INDEX(Jesper!AI$2:AI$366,ROUNDDOWN($C7789/24,0)+1,1))-1)+IF('Standard Profiles'!$G$19=$B$10,7,0)+IF('Standard Profiles'!$G$19=$B$17,14,0)+IF('Standard Profiles'!$G$19=$B$24,21,0),MOD($C7789,24)+1)/SUM(INDEX($D$3:$AA$30,INDEX(Jesper!$R$2:$R$366,ROW(INDEX(Jesper!AI$2:AI$366,ROUNDDOWN($C7789/24,0)+1,1))-1)+IF('Standard Profiles'!$G$19=$B$10,7,0)+IF('Standard Profiles'!$G$19=$B$17,14,0)+IF('Standard Profiles'!$G$19=$B$24,21,0),0)),0)</f>
        <v>0</v>
      </c>
      <c r="F7789" cm="1">
        <f t="array" ref="F7789">IFERROR(INDEX(Jesper!AJ$2:AJ$366,ROUNDDOWN($C7789/24,0)+1,1)*INDEX($D$3:$AA$30,INDEX(Jesper!$R$2:$R$366,ROW(INDEX(Jesper!AJ$2:AJ$366,ROUNDDOWN($C7789/24,0)+1,1))-1)+IF('Standard Profiles'!$G$20=$B$10,7,0)+IF('Standard Profiles'!$G$20=$B$17,14,0)+IF('Standard Profiles'!$G$20=$B$24,21,0),MOD($C7789,24)+1)/SUM(INDEX($D$3:$AA$30,INDEX(Jesper!$R$2:$R$366,ROW(INDEX(Jesper!AJ$2:AJ$366,ROUNDDOWN($C7789/24,0)+1,1))-1)+IF('Standard Profiles'!$G$20=$B$10,7,0)+IF('Standard Profiles'!$G$20=$B$17,14,0)+IF('Standard Profiles'!$G$20=$B$24,21,0),0)),0)</f>
        <v>0</v>
      </c>
      <c r="G7789" cm="1">
        <f t="array" ref="G7789">IFERROR(INDEX(Jesper!AK$2:AK$366,ROUNDDOWN($C7789/24,0)+1,1)*INDEX($D$3:$AA$30,INDEX(Jesper!$R$2:$R$366,ROW(INDEX(Jesper!AK$2:AK$366,ROUNDDOWN($C7789/24,0)+1,1))-1)+IF('Standard Profiles'!$G$21=$B$10,7,0)+IF('Standard Profiles'!$G$21=$B$17,14,0)+IF('Standard Profiles'!$G$21=$B$24,21,0),MOD($C7789,24)+1)/SUM(INDEX($D$3:$AA$30,INDEX(Jesper!$R$2:$R$366,ROW(INDEX(Jesper!AK$2:AK$366,ROUNDDOWN($C7789/24,0)+1,1))-1)+IF('Standard Profiles'!$G$21=$B$10,7,0)+IF('Standard Profiles'!$G$21=$B$17,14,0)+IF('Standard Profiles'!$G$21=$B$24,21,0),0)),0)</f>
        <v>0</v>
      </c>
      <c r="H7789" cm="1">
        <f t="array" ref="H7789">IFERROR(INDEX(Jesper!AL$2:AL$366,ROUNDDOWN($C7789/24,0)+1,1)*INDEX($D$3:$AA$30,INDEX(Jesper!$R$2:$R$366,ROW(INDEX(Jesper!AL$2:AL$366,ROUNDDOWN($C7789/24,0)+1,1))-1)+IF('Standard Profiles'!$G$22=$B$10,7,0)+IF('Standard Profiles'!$G$22=$B$17,14,0)+IF('Standard Profiles'!$G$22=$B$24,21,0),MOD($C7789,24)+1)/SUM(INDEX($D$3:$AA$30,INDEX(Jesper!$R$2:$R$366,ROW(INDEX(Jesper!AL$2:AL$366,ROUNDDOWN($C7789/24,0)+1,1))-1)+IF('Standard Profiles'!$G$22=$B$10,7,0)+IF('Standard Profiles'!$G$22=$B$17,14,0)+IF('Standard Profiles'!$G$22=$B$24,21,0),0)),0)</f>
        <v>0</v>
      </c>
      <c r="I7789">
        <f t="shared" si="867"/>
        <v>0.25551445843675563</v>
      </c>
      <c r="J7789">
        <f t="shared" si="868"/>
        <v>0.85171486145585229</v>
      </c>
      <c r="K7789">
        <f t="shared" si="869"/>
        <v>1.2775722921837782</v>
      </c>
      <c r="L7789">
        <f t="shared" si="870"/>
        <v>6.1323470024821356</v>
      </c>
      <c r="M7789">
        <f t="shared" si="871"/>
        <v>0</v>
      </c>
      <c r="N7789" s="46">
        <f t="shared" si="872"/>
        <v>45615.124999981192</v>
      </c>
    </row>
    <row r="7790" spans="2:14" x14ac:dyDescent="0.3">
      <c r="B7790">
        <f t="shared" si="866"/>
        <v>2</v>
      </c>
      <c r="C7790" s="16">
        <v>7756</v>
      </c>
      <c r="D7790" cm="1">
        <f t="array" ref="D7790">IFERROR(INDEX(Jesper!AH$2:AH$366,ROUNDDOWN($C7790/24,0)+1,1)*INDEX($D$3:$AA$30,INDEX(Jesper!$R$2:$R$366,ROW(INDEX(Jesper!AH$2:AH$366,ROUNDDOWN($C7790/24,0)+1,1))-1)+IF('Standard Profiles'!$G$18=$B$10,7,0)+IF('Standard Profiles'!$G$18=$B$17,14,0)+IF('Standard Profiles'!$G$18=$B$24,21,0),MOD($C7790,24)+1)/SUM(INDEX($D$3:$AA$30,INDEX(Jesper!$R$2:$R$366,ROW(INDEX(Jesper!AH$2:AH$366,ROUNDDOWN($C7790/24,0)+1,1))-1)+IF('Standard Profiles'!$G$18=$B$10,7,0)+IF('Standard Profiles'!$G$18=$B$17,14,0)+IF('Standard Profiles'!$G$18=$B$24,21,0),0)),0)</f>
        <v>8.517148614558522</v>
      </c>
      <c r="E7790" cm="1">
        <f t="array" ref="E7790">IFERROR(INDEX(Jesper!AI$2:AI$366,ROUNDDOWN($C7790/24,0)+1,1)*INDEX($D$3:$AA$30,INDEX(Jesper!$R$2:$R$366,ROW(INDEX(Jesper!AI$2:AI$366,ROUNDDOWN($C7790/24,0)+1,1))-1)+IF('Standard Profiles'!$G$19=$B$10,7,0)+IF('Standard Profiles'!$G$19=$B$17,14,0)+IF('Standard Profiles'!$G$19=$B$24,21,0),MOD($C7790,24)+1)/SUM(INDEX($D$3:$AA$30,INDEX(Jesper!$R$2:$R$366,ROW(INDEX(Jesper!AI$2:AI$366,ROUNDDOWN($C7790/24,0)+1,1))-1)+IF('Standard Profiles'!$G$19=$B$10,7,0)+IF('Standard Profiles'!$G$19=$B$17,14,0)+IF('Standard Profiles'!$G$19=$B$24,21,0),0)),0)</f>
        <v>0</v>
      </c>
      <c r="F7790" cm="1">
        <f t="array" ref="F7790">IFERROR(INDEX(Jesper!AJ$2:AJ$366,ROUNDDOWN($C7790/24,0)+1,1)*INDEX($D$3:$AA$30,INDEX(Jesper!$R$2:$R$366,ROW(INDEX(Jesper!AJ$2:AJ$366,ROUNDDOWN($C7790/24,0)+1,1))-1)+IF('Standard Profiles'!$G$20=$B$10,7,0)+IF('Standard Profiles'!$G$20=$B$17,14,0)+IF('Standard Profiles'!$G$20=$B$24,21,0),MOD($C7790,24)+1)/SUM(INDEX($D$3:$AA$30,INDEX(Jesper!$R$2:$R$366,ROW(INDEX(Jesper!AJ$2:AJ$366,ROUNDDOWN($C7790/24,0)+1,1))-1)+IF('Standard Profiles'!$G$20=$B$10,7,0)+IF('Standard Profiles'!$G$20=$B$17,14,0)+IF('Standard Profiles'!$G$20=$B$24,21,0),0)),0)</f>
        <v>0</v>
      </c>
      <c r="G7790" cm="1">
        <f t="array" ref="G7790">IFERROR(INDEX(Jesper!AK$2:AK$366,ROUNDDOWN($C7790/24,0)+1,1)*INDEX($D$3:$AA$30,INDEX(Jesper!$R$2:$R$366,ROW(INDEX(Jesper!AK$2:AK$366,ROUNDDOWN($C7790/24,0)+1,1))-1)+IF('Standard Profiles'!$G$21=$B$10,7,0)+IF('Standard Profiles'!$G$21=$B$17,14,0)+IF('Standard Profiles'!$G$21=$B$24,21,0),MOD($C7790,24)+1)/SUM(INDEX($D$3:$AA$30,INDEX(Jesper!$R$2:$R$366,ROW(INDEX(Jesper!AK$2:AK$366,ROUNDDOWN($C7790/24,0)+1,1))-1)+IF('Standard Profiles'!$G$21=$B$10,7,0)+IF('Standard Profiles'!$G$21=$B$17,14,0)+IF('Standard Profiles'!$G$21=$B$24,21,0),0)),0)</f>
        <v>0</v>
      </c>
      <c r="H7790" cm="1">
        <f t="array" ref="H7790">IFERROR(INDEX(Jesper!AL$2:AL$366,ROUNDDOWN($C7790/24,0)+1,1)*INDEX($D$3:$AA$30,INDEX(Jesper!$R$2:$R$366,ROW(INDEX(Jesper!AL$2:AL$366,ROUNDDOWN($C7790/24,0)+1,1))-1)+IF('Standard Profiles'!$G$22=$B$10,7,0)+IF('Standard Profiles'!$G$22=$B$17,14,0)+IF('Standard Profiles'!$G$22=$B$24,21,0),MOD($C7790,24)+1)/SUM(INDEX($D$3:$AA$30,INDEX(Jesper!$R$2:$R$366,ROW(INDEX(Jesper!AL$2:AL$366,ROUNDDOWN($C7790/24,0)+1,1))-1)+IF('Standard Profiles'!$G$22=$B$10,7,0)+IF('Standard Profiles'!$G$22=$B$17,14,0)+IF('Standard Profiles'!$G$22=$B$24,21,0),0)),0)</f>
        <v>0</v>
      </c>
      <c r="I7790">
        <f t="shared" si="867"/>
        <v>0.25551445843675563</v>
      </c>
      <c r="J7790">
        <f t="shared" si="868"/>
        <v>0.85171486145585229</v>
      </c>
      <c r="K7790">
        <f t="shared" si="869"/>
        <v>1.2775722921837782</v>
      </c>
      <c r="L7790">
        <f t="shared" si="870"/>
        <v>6.1323470024821356</v>
      </c>
      <c r="M7790">
        <f t="shared" si="871"/>
        <v>0</v>
      </c>
      <c r="N7790" s="46">
        <f t="shared" si="872"/>
        <v>45615.166666647856</v>
      </c>
    </row>
    <row r="7791" spans="2:14" x14ac:dyDescent="0.3">
      <c r="B7791">
        <f t="shared" si="866"/>
        <v>2</v>
      </c>
      <c r="C7791" s="16">
        <v>7757</v>
      </c>
      <c r="D7791" cm="1">
        <f t="array" ref="D7791">IFERROR(INDEX(Jesper!AH$2:AH$366,ROUNDDOWN($C7791/24,0)+1,1)*INDEX($D$3:$AA$30,INDEX(Jesper!$R$2:$R$366,ROW(INDEX(Jesper!AH$2:AH$366,ROUNDDOWN($C7791/24,0)+1,1))-1)+IF('Standard Profiles'!$G$18=$B$10,7,0)+IF('Standard Profiles'!$G$18=$B$17,14,0)+IF('Standard Profiles'!$G$18=$B$24,21,0),MOD($C7791,24)+1)/SUM(INDEX($D$3:$AA$30,INDEX(Jesper!$R$2:$R$366,ROW(INDEX(Jesper!AH$2:AH$366,ROUNDDOWN($C7791/24,0)+1,1))-1)+IF('Standard Profiles'!$G$18=$B$10,7,0)+IF('Standard Profiles'!$G$18=$B$17,14,0)+IF('Standard Profiles'!$G$18=$B$24,21,0),0)),0)</f>
        <v>11.072293198926076</v>
      </c>
      <c r="E7791" cm="1">
        <f t="array" ref="E7791">IFERROR(INDEX(Jesper!AI$2:AI$366,ROUNDDOWN($C7791/24,0)+1,1)*INDEX($D$3:$AA$30,INDEX(Jesper!$R$2:$R$366,ROW(INDEX(Jesper!AI$2:AI$366,ROUNDDOWN($C7791/24,0)+1,1))-1)+IF('Standard Profiles'!$G$19=$B$10,7,0)+IF('Standard Profiles'!$G$19=$B$17,14,0)+IF('Standard Profiles'!$G$19=$B$24,21,0),MOD($C7791,24)+1)/SUM(INDEX($D$3:$AA$30,INDEX(Jesper!$R$2:$R$366,ROW(INDEX(Jesper!AI$2:AI$366,ROUNDDOWN($C7791/24,0)+1,1))-1)+IF('Standard Profiles'!$G$19=$B$10,7,0)+IF('Standard Profiles'!$G$19=$B$17,14,0)+IF('Standard Profiles'!$G$19=$B$24,21,0),0)),0)</f>
        <v>0</v>
      </c>
      <c r="F7791" cm="1">
        <f t="array" ref="F7791">IFERROR(INDEX(Jesper!AJ$2:AJ$366,ROUNDDOWN($C7791/24,0)+1,1)*INDEX($D$3:$AA$30,INDEX(Jesper!$R$2:$R$366,ROW(INDEX(Jesper!AJ$2:AJ$366,ROUNDDOWN($C7791/24,0)+1,1))-1)+IF('Standard Profiles'!$G$20=$B$10,7,0)+IF('Standard Profiles'!$G$20=$B$17,14,0)+IF('Standard Profiles'!$G$20=$B$24,21,0),MOD($C7791,24)+1)/SUM(INDEX($D$3:$AA$30,INDEX(Jesper!$R$2:$R$366,ROW(INDEX(Jesper!AJ$2:AJ$366,ROUNDDOWN($C7791/24,0)+1,1))-1)+IF('Standard Profiles'!$G$20=$B$10,7,0)+IF('Standard Profiles'!$G$20=$B$17,14,0)+IF('Standard Profiles'!$G$20=$B$24,21,0),0)),0)</f>
        <v>0</v>
      </c>
      <c r="G7791" cm="1">
        <f t="array" ref="G7791">IFERROR(INDEX(Jesper!AK$2:AK$366,ROUNDDOWN($C7791/24,0)+1,1)*INDEX($D$3:$AA$30,INDEX(Jesper!$R$2:$R$366,ROW(INDEX(Jesper!AK$2:AK$366,ROUNDDOWN($C7791/24,0)+1,1))-1)+IF('Standard Profiles'!$G$21=$B$10,7,0)+IF('Standard Profiles'!$G$21=$B$17,14,0)+IF('Standard Profiles'!$G$21=$B$24,21,0),MOD($C7791,24)+1)/SUM(INDEX($D$3:$AA$30,INDEX(Jesper!$R$2:$R$366,ROW(INDEX(Jesper!AK$2:AK$366,ROUNDDOWN($C7791/24,0)+1,1))-1)+IF('Standard Profiles'!$G$21=$B$10,7,0)+IF('Standard Profiles'!$G$21=$B$17,14,0)+IF('Standard Profiles'!$G$21=$B$24,21,0),0)),0)</f>
        <v>0</v>
      </c>
      <c r="H7791" cm="1">
        <f t="array" ref="H7791">IFERROR(INDEX(Jesper!AL$2:AL$366,ROUNDDOWN($C7791/24,0)+1,1)*INDEX($D$3:$AA$30,INDEX(Jesper!$R$2:$R$366,ROW(INDEX(Jesper!AL$2:AL$366,ROUNDDOWN($C7791/24,0)+1,1))-1)+IF('Standard Profiles'!$G$22=$B$10,7,0)+IF('Standard Profiles'!$G$22=$B$17,14,0)+IF('Standard Profiles'!$G$22=$B$24,21,0),MOD($C7791,24)+1)/SUM(INDEX($D$3:$AA$30,INDEX(Jesper!$R$2:$R$366,ROW(INDEX(Jesper!AL$2:AL$366,ROUNDDOWN($C7791/24,0)+1,1))-1)+IF('Standard Profiles'!$G$22=$B$10,7,0)+IF('Standard Profiles'!$G$22=$B$17,14,0)+IF('Standard Profiles'!$G$22=$B$24,21,0),0)),0)</f>
        <v>0</v>
      </c>
      <c r="I7791">
        <f t="shared" si="867"/>
        <v>0.33216879596778226</v>
      </c>
      <c r="J7791">
        <f t="shared" si="868"/>
        <v>1.1072293198926075</v>
      </c>
      <c r="K7791">
        <f t="shared" si="869"/>
        <v>1.6608439798389114</v>
      </c>
      <c r="L7791">
        <f t="shared" si="870"/>
        <v>7.9720511032267742</v>
      </c>
      <c r="M7791">
        <f t="shared" si="871"/>
        <v>0</v>
      </c>
      <c r="N7791" s="46">
        <f t="shared" si="872"/>
        <v>45615.20833331452</v>
      </c>
    </row>
    <row r="7792" spans="2:14" x14ac:dyDescent="0.3">
      <c r="B7792">
        <f t="shared" si="866"/>
        <v>2</v>
      </c>
      <c r="C7792" s="16">
        <v>7758</v>
      </c>
      <c r="D7792" cm="1">
        <f t="array" ref="D7792">IFERROR(INDEX(Jesper!AH$2:AH$366,ROUNDDOWN($C7792/24,0)+1,1)*INDEX($D$3:$AA$30,INDEX(Jesper!$R$2:$R$366,ROW(INDEX(Jesper!AH$2:AH$366,ROUNDDOWN($C7792/24,0)+1,1))-1)+IF('Standard Profiles'!$G$18=$B$10,7,0)+IF('Standard Profiles'!$G$18=$B$17,14,0)+IF('Standard Profiles'!$G$18=$B$24,21,0),MOD($C7792,24)+1)/SUM(INDEX($D$3:$AA$30,INDEX(Jesper!$R$2:$R$366,ROW(INDEX(Jesper!AH$2:AH$366,ROUNDDOWN($C7792/24,0)+1,1))-1)+IF('Standard Profiles'!$G$18=$B$10,7,0)+IF('Standard Profiles'!$G$18=$B$17,14,0)+IF('Standard Profiles'!$G$18=$B$24,21,0),0)),0)</f>
        <v>12.349865491109854</v>
      </c>
      <c r="E7792" cm="1">
        <f t="array" ref="E7792">IFERROR(INDEX(Jesper!AI$2:AI$366,ROUNDDOWN($C7792/24,0)+1,1)*INDEX($D$3:$AA$30,INDEX(Jesper!$R$2:$R$366,ROW(INDEX(Jesper!AI$2:AI$366,ROUNDDOWN($C7792/24,0)+1,1))-1)+IF('Standard Profiles'!$G$19=$B$10,7,0)+IF('Standard Profiles'!$G$19=$B$17,14,0)+IF('Standard Profiles'!$G$19=$B$24,21,0),MOD($C7792,24)+1)/SUM(INDEX($D$3:$AA$30,INDEX(Jesper!$R$2:$R$366,ROW(INDEX(Jesper!AI$2:AI$366,ROUNDDOWN($C7792/24,0)+1,1))-1)+IF('Standard Profiles'!$G$19=$B$10,7,0)+IF('Standard Profiles'!$G$19=$B$17,14,0)+IF('Standard Profiles'!$G$19=$B$24,21,0),0)),0)</f>
        <v>0</v>
      </c>
      <c r="F7792" cm="1">
        <f t="array" ref="F7792">IFERROR(INDEX(Jesper!AJ$2:AJ$366,ROUNDDOWN($C7792/24,0)+1,1)*INDEX($D$3:$AA$30,INDEX(Jesper!$R$2:$R$366,ROW(INDEX(Jesper!AJ$2:AJ$366,ROUNDDOWN($C7792/24,0)+1,1))-1)+IF('Standard Profiles'!$G$20=$B$10,7,0)+IF('Standard Profiles'!$G$20=$B$17,14,0)+IF('Standard Profiles'!$G$20=$B$24,21,0),MOD($C7792,24)+1)/SUM(INDEX($D$3:$AA$30,INDEX(Jesper!$R$2:$R$366,ROW(INDEX(Jesper!AJ$2:AJ$366,ROUNDDOWN($C7792/24,0)+1,1))-1)+IF('Standard Profiles'!$G$20=$B$10,7,0)+IF('Standard Profiles'!$G$20=$B$17,14,0)+IF('Standard Profiles'!$G$20=$B$24,21,0),0)),0)</f>
        <v>0</v>
      </c>
      <c r="G7792" cm="1">
        <f t="array" ref="G7792">IFERROR(INDEX(Jesper!AK$2:AK$366,ROUNDDOWN($C7792/24,0)+1,1)*INDEX($D$3:$AA$30,INDEX(Jesper!$R$2:$R$366,ROW(INDEX(Jesper!AK$2:AK$366,ROUNDDOWN($C7792/24,0)+1,1))-1)+IF('Standard Profiles'!$G$21=$B$10,7,0)+IF('Standard Profiles'!$G$21=$B$17,14,0)+IF('Standard Profiles'!$G$21=$B$24,21,0),MOD($C7792,24)+1)/SUM(INDEX($D$3:$AA$30,INDEX(Jesper!$R$2:$R$366,ROW(INDEX(Jesper!AK$2:AK$366,ROUNDDOWN($C7792/24,0)+1,1))-1)+IF('Standard Profiles'!$G$21=$B$10,7,0)+IF('Standard Profiles'!$G$21=$B$17,14,0)+IF('Standard Profiles'!$G$21=$B$24,21,0),0)),0)</f>
        <v>0</v>
      </c>
      <c r="H7792" cm="1">
        <f t="array" ref="H7792">IFERROR(INDEX(Jesper!AL$2:AL$366,ROUNDDOWN($C7792/24,0)+1,1)*INDEX($D$3:$AA$30,INDEX(Jesper!$R$2:$R$366,ROW(INDEX(Jesper!AL$2:AL$366,ROUNDDOWN($C7792/24,0)+1,1))-1)+IF('Standard Profiles'!$G$22=$B$10,7,0)+IF('Standard Profiles'!$G$22=$B$17,14,0)+IF('Standard Profiles'!$G$22=$B$24,21,0),MOD($C7792,24)+1)/SUM(INDEX($D$3:$AA$30,INDEX(Jesper!$R$2:$R$366,ROW(INDEX(Jesper!AL$2:AL$366,ROUNDDOWN($C7792/24,0)+1,1))-1)+IF('Standard Profiles'!$G$22=$B$10,7,0)+IF('Standard Profiles'!$G$22=$B$17,14,0)+IF('Standard Profiles'!$G$22=$B$24,21,0),0)),0)</f>
        <v>0</v>
      </c>
      <c r="I7792">
        <f t="shared" si="867"/>
        <v>0.3704959647332956</v>
      </c>
      <c r="J7792">
        <f t="shared" si="868"/>
        <v>1.2349865491109855</v>
      </c>
      <c r="K7792">
        <f t="shared" si="869"/>
        <v>1.8524798236664781</v>
      </c>
      <c r="L7792">
        <f t="shared" si="870"/>
        <v>8.8919031535990953</v>
      </c>
      <c r="M7792">
        <f t="shared" si="871"/>
        <v>0</v>
      </c>
      <c r="N7792" s="46">
        <f t="shared" si="872"/>
        <v>45615.249999981184</v>
      </c>
    </row>
    <row r="7793" spans="2:14" x14ac:dyDescent="0.3">
      <c r="B7793">
        <f t="shared" si="866"/>
        <v>2</v>
      </c>
      <c r="C7793" s="16">
        <v>7759</v>
      </c>
      <c r="D7793" cm="1">
        <f t="array" ref="D7793">IFERROR(INDEX(Jesper!AH$2:AH$366,ROUNDDOWN($C7793/24,0)+1,1)*INDEX($D$3:$AA$30,INDEX(Jesper!$R$2:$R$366,ROW(INDEX(Jesper!AH$2:AH$366,ROUNDDOWN($C7793/24,0)+1,1))-1)+IF('Standard Profiles'!$G$18=$B$10,7,0)+IF('Standard Profiles'!$G$18=$B$17,14,0)+IF('Standard Profiles'!$G$18=$B$24,21,0),MOD($C7793,24)+1)/SUM(INDEX($D$3:$AA$30,INDEX(Jesper!$R$2:$R$366,ROW(INDEX(Jesper!AH$2:AH$366,ROUNDDOWN($C7793/24,0)+1,1))-1)+IF('Standard Profiles'!$G$18=$B$10,7,0)+IF('Standard Profiles'!$G$18=$B$17,14,0)+IF('Standard Profiles'!$G$18=$B$24,21,0),0)),0)</f>
        <v>12.775722921837783</v>
      </c>
      <c r="E7793" cm="1">
        <f t="array" ref="E7793">IFERROR(INDEX(Jesper!AI$2:AI$366,ROUNDDOWN($C7793/24,0)+1,1)*INDEX($D$3:$AA$30,INDEX(Jesper!$R$2:$R$366,ROW(INDEX(Jesper!AI$2:AI$366,ROUNDDOWN($C7793/24,0)+1,1))-1)+IF('Standard Profiles'!$G$19=$B$10,7,0)+IF('Standard Profiles'!$G$19=$B$17,14,0)+IF('Standard Profiles'!$G$19=$B$24,21,0),MOD($C7793,24)+1)/SUM(INDEX($D$3:$AA$30,INDEX(Jesper!$R$2:$R$366,ROW(INDEX(Jesper!AI$2:AI$366,ROUNDDOWN($C7793/24,0)+1,1))-1)+IF('Standard Profiles'!$G$19=$B$10,7,0)+IF('Standard Profiles'!$G$19=$B$17,14,0)+IF('Standard Profiles'!$G$19=$B$24,21,0),0)),0)</f>
        <v>0</v>
      </c>
      <c r="F7793" cm="1">
        <f t="array" ref="F7793">IFERROR(INDEX(Jesper!AJ$2:AJ$366,ROUNDDOWN($C7793/24,0)+1,1)*INDEX($D$3:$AA$30,INDEX(Jesper!$R$2:$R$366,ROW(INDEX(Jesper!AJ$2:AJ$366,ROUNDDOWN($C7793/24,0)+1,1))-1)+IF('Standard Profiles'!$G$20=$B$10,7,0)+IF('Standard Profiles'!$G$20=$B$17,14,0)+IF('Standard Profiles'!$G$20=$B$24,21,0),MOD($C7793,24)+1)/SUM(INDEX($D$3:$AA$30,INDEX(Jesper!$R$2:$R$366,ROW(INDEX(Jesper!AJ$2:AJ$366,ROUNDDOWN($C7793/24,0)+1,1))-1)+IF('Standard Profiles'!$G$20=$B$10,7,0)+IF('Standard Profiles'!$G$20=$B$17,14,0)+IF('Standard Profiles'!$G$20=$B$24,21,0),0)),0)</f>
        <v>0</v>
      </c>
      <c r="G7793" cm="1">
        <f t="array" ref="G7793">IFERROR(INDEX(Jesper!AK$2:AK$366,ROUNDDOWN($C7793/24,0)+1,1)*INDEX($D$3:$AA$30,INDEX(Jesper!$R$2:$R$366,ROW(INDEX(Jesper!AK$2:AK$366,ROUNDDOWN($C7793/24,0)+1,1))-1)+IF('Standard Profiles'!$G$21=$B$10,7,0)+IF('Standard Profiles'!$G$21=$B$17,14,0)+IF('Standard Profiles'!$G$21=$B$24,21,0),MOD($C7793,24)+1)/SUM(INDEX($D$3:$AA$30,INDEX(Jesper!$R$2:$R$366,ROW(INDEX(Jesper!AK$2:AK$366,ROUNDDOWN($C7793/24,0)+1,1))-1)+IF('Standard Profiles'!$G$21=$B$10,7,0)+IF('Standard Profiles'!$G$21=$B$17,14,0)+IF('Standard Profiles'!$G$21=$B$24,21,0),0)),0)</f>
        <v>0</v>
      </c>
      <c r="H7793" cm="1">
        <f t="array" ref="H7793">IFERROR(INDEX(Jesper!AL$2:AL$366,ROUNDDOWN($C7793/24,0)+1,1)*INDEX($D$3:$AA$30,INDEX(Jesper!$R$2:$R$366,ROW(INDEX(Jesper!AL$2:AL$366,ROUNDDOWN($C7793/24,0)+1,1))-1)+IF('Standard Profiles'!$G$22=$B$10,7,0)+IF('Standard Profiles'!$G$22=$B$17,14,0)+IF('Standard Profiles'!$G$22=$B$24,21,0),MOD($C7793,24)+1)/SUM(INDEX($D$3:$AA$30,INDEX(Jesper!$R$2:$R$366,ROW(INDEX(Jesper!AL$2:AL$366,ROUNDDOWN($C7793/24,0)+1,1))-1)+IF('Standard Profiles'!$G$22=$B$10,7,0)+IF('Standard Profiles'!$G$22=$B$17,14,0)+IF('Standard Profiles'!$G$22=$B$24,21,0),0)),0)</f>
        <v>0</v>
      </c>
      <c r="I7793">
        <f t="shared" si="867"/>
        <v>0.38327168765513348</v>
      </c>
      <c r="J7793">
        <f t="shared" si="868"/>
        <v>1.2775722921837784</v>
      </c>
      <c r="K7793">
        <f t="shared" si="869"/>
        <v>1.9163584382756673</v>
      </c>
      <c r="L7793">
        <f t="shared" si="870"/>
        <v>9.1985205037232038</v>
      </c>
      <c r="M7793">
        <f t="shared" si="871"/>
        <v>0</v>
      </c>
      <c r="N7793" s="46">
        <f t="shared" si="872"/>
        <v>45615.291666647849</v>
      </c>
    </row>
    <row r="7794" spans="2:14" x14ac:dyDescent="0.3">
      <c r="B7794">
        <f t="shared" si="866"/>
        <v>2</v>
      </c>
      <c r="C7794" s="16">
        <v>7760</v>
      </c>
      <c r="D7794" cm="1">
        <f t="array" ref="D7794">IFERROR(INDEX(Jesper!AH$2:AH$366,ROUNDDOWN($C7794/24,0)+1,1)*INDEX($D$3:$AA$30,INDEX(Jesper!$R$2:$R$366,ROW(INDEX(Jesper!AH$2:AH$366,ROUNDDOWN($C7794/24,0)+1,1))-1)+IF('Standard Profiles'!$G$18=$B$10,7,0)+IF('Standard Profiles'!$G$18=$B$17,14,0)+IF('Standard Profiles'!$G$18=$B$24,21,0),MOD($C7794,24)+1)/SUM(INDEX($D$3:$AA$30,INDEX(Jesper!$R$2:$R$366,ROW(INDEX(Jesper!AH$2:AH$366,ROUNDDOWN($C7794/24,0)+1,1))-1)+IF('Standard Profiles'!$G$18=$B$10,7,0)+IF('Standard Profiles'!$G$18=$B$17,14,0)+IF('Standard Profiles'!$G$18=$B$24,21,0),0)),0)</f>
        <v>12.775722921837783</v>
      </c>
      <c r="E7794" cm="1">
        <f t="array" ref="E7794">IFERROR(INDEX(Jesper!AI$2:AI$366,ROUNDDOWN($C7794/24,0)+1,1)*INDEX($D$3:$AA$30,INDEX(Jesper!$R$2:$R$366,ROW(INDEX(Jesper!AI$2:AI$366,ROUNDDOWN($C7794/24,0)+1,1))-1)+IF('Standard Profiles'!$G$19=$B$10,7,0)+IF('Standard Profiles'!$G$19=$B$17,14,0)+IF('Standard Profiles'!$G$19=$B$24,21,0),MOD($C7794,24)+1)/SUM(INDEX($D$3:$AA$30,INDEX(Jesper!$R$2:$R$366,ROW(INDEX(Jesper!AI$2:AI$366,ROUNDDOWN($C7794/24,0)+1,1))-1)+IF('Standard Profiles'!$G$19=$B$10,7,0)+IF('Standard Profiles'!$G$19=$B$17,14,0)+IF('Standard Profiles'!$G$19=$B$24,21,0),0)),0)</f>
        <v>0</v>
      </c>
      <c r="F7794" cm="1">
        <f t="array" ref="F7794">IFERROR(INDEX(Jesper!AJ$2:AJ$366,ROUNDDOWN($C7794/24,0)+1,1)*INDEX($D$3:$AA$30,INDEX(Jesper!$R$2:$R$366,ROW(INDEX(Jesper!AJ$2:AJ$366,ROUNDDOWN($C7794/24,0)+1,1))-1)+IF('Standard Profiles'!$G$20=$B$10,7,0)+IF('Standard Profiles'!$G$20=$B$17,14,0)+IF('Standard Profiles'!$G$20=$B$24,21,0),MOD($C7794,24)+1)/SUM(INDEX($D$3:$AA$30,INDEX(Jesper!$R$2:$R$366,ROW(INDEX(Jesper!AJ$2:AJ$366,ROUNDDOWN($C7794/24,0)+1,1))-1)+IF('Standard Profiles'!$G$20=$B$10,7,0)+IF('Standard Profiles'!$G$20=$B$17,14,0)+IF('Standard Profiles'!$G$20=$B$24,21,0),0)),0)</f>
        <v>0</v>
      </c>
      <c r="G7794" cm="1">
        <f t="array" ref="G7794">IFERROR(INDEX(Jesper!AK$2:AK$366,ROUNDDOWN($C7794/24,0)+1,1)*INDEX($D$3:$AA$30,INDEX(Jesper!$R$2:$R$366,ROW(INDEX(Jesper!AK$2:AK$366,ROUNDDOWN($C7794/24,0)+1,1))-1)+IF('Standard Profiles'!$G$21=$B$10,7,0)+IF('Standard Profiles'!$G$21=$B$17,14,0)+IF('Standard Profiles'!$G$21=$B$24,21,0),MOD($C7794,24)+1)/SUM(INDEX($D$3:$AA$30,INDEX(Jesper!$R$2:$R$366,ROW(INDEX(Jesper!AK$2:AK$366,ROUNDDOWN($C7794/24,0)+1,1))-1)+IF('Standard Profiles'!$G$21=$B$10,7,0)+IF('Standard Profiles'!$G$21=$B$17,14,0)+IF('Standard Profiles'!$G$21=$B$24,21,0),0)),0)</f>
        <v>0</v>
      </c>
      <c r="H7794" cm="1">
        <f t="array" ref="H7794">IFERROR(INDEX(Jesper!AL$2:AL$366,ROUNDDOWN($C7794/24,0)+1,1)*INDEX($D$3:$AA$30,INDEX(Jesper!$R$2:$R$366,ROW(INDEX(Jesper!AL$2:AL$366,ROUNDDOWN($C7794/24,0)+1,1))-1)+IF('Standard Profiles'!$G$22=$B$10,7,0)+IF('Standard Profiles'!$G$22=$B$17,14,0)+IF('Standard Profiles'!$G$22=$B$24,21,0),MOD($C7794,24)+1)/SUM(INDEX($D$3:$AA$30,INDEX(Jesper!$R$2:$R$366,ROW(INDEX(Jesper!AL$2:AL$366,ROUNDDOWN($C7794/24,0)+1,1))-1)+IF('Standard Profiles'!$G$22=$B$10,7,0)+IF('Standard Profiles'!$G$22=$B$17,14,0)+IF('Standard Profiles'!$G$22=$B$24,21,0),0)),0)</f>
        <v>0</v>
      </c>
      <c r="I7794">
        <f t="shared" si="867"/>
        <v>0.38327168765513348</v>
      </c>
      <c r="J7794">
        <f t="shared" si="868"/>
        <v>1.2775722921837784</v>
      </c>
      <c r="K7794">
        <f t="shared" si="869"/>
        <v>1.9163584382756673</v>
      </c>
      <c r="L7794">
        <f t="shared" si="870"/>
        <v>9.1985205037232038</v>
      </c>
      <c r="M7794">
        <f t="shared" si="871"/>
        <v>0</v>
      </c>
      <c r="N7794" s="46">
        <f t="shared" si="872"/>
        <v>45615.333333314513</v>
      </c>
    </row>
    <row r="7795" spans="2:14" x14ac:dyDescent="0.3">
      <c r="B7795">
        <f t="shared" si="866"/>
        <v>2</v>
      </c>
      <c r="C7795" s="16">
        <v>7761</v>
      </c>
      <c r="D7795" cm="1">
        <f t="array" ref="D7795">IFERROR(INDEX(Jesper!AH$2:AH$366,ROUNDDOWN($C7795/24,0)+1,1)*INDEX($D$3:$AA$30,INDEX(Jesper!$R$2:$R$366,ROW(INDEX(Jesper!AH$2:AH$366,ROUNDDOWN($C7795/24,0)+1,1))-1)+IF('Standard Profiles'!$G$18=$B$10,7,0)+IF('Standard Profiles'!$G$18=$B$17,14,0)+IF('Standard Profiles'!$G$18=$B$24,21,0),MOD($C7795,24)+1)/SUM(INDEX($D$3:$AA$30,INDEX(Jesper!$R$2:$R$366,ROW(INDEX(Jesper!AH$2:AH$366,ROUNDDOWN($C7795/24,0)+1,1))-1)+IF('Standard Profiles'!$G$18=$B$10,7,0)+IF('Standard Profiles'!$G$18=$B$17,14,0)+IF('Standard Profiles'!$G$18=$B$24,21,0),0)),0)</f>
        <v>13.840366498657596</v>
      </c>
      <c r="E7795" cm="1">
        <f t="array" ref="E7795">IFERROR(INDEX(Jesper!AI$2:AI$366,ROUNDDOWN($C7795/24,0)+1,1)*INDEX($D$3:$AA$30,INDEX(Jesper!$R$2:$R$366,ROW(INDEX(Jesper!AI$2:AI$366,ROUNDDOWN($C7795/24,0)+1,1))-1)+IF('Standard Profiles'!$G$19=$B$10,7,0)+IF('Standard Profiles'!$G$19=$B$17,14,0)+IF('Standard Profiles'!$G$19=$B$24,21,0),MOD($C7795,24)+1)/SUM(INDEX($D$3:$AA$30,INDEX(Jesper!$R$2:$R$366,ROW(INDEX(Jesper!AI$2:AI$366,ROUNDDOWN($C7795/24,0)+1,1))-1)+IF('Standard Profiles'!$G$19=$B$10,7,0)+IF('Standard Profiles'!$G$19=$B$17,14,0)+IF('Standard Profiles'!$G$19=$B$24,21,0),0)),0)</f>
        <v>0</v>
      </c>
      <c r="F7795" cm="1">
        <f t="array" ref="F7795">IFERROR(INDEX(Jesper!AJ$2:AJ$366,ROUNDDOWN($C7795/24,0)+1,1)*INDEX($D$3:$AA$30,INDEX(Jesper!$R$2:$R$366,ROW(INDEX(Jesper!AJ$2:AJ$366,ROUNDDOWN($C7795/24,0)+1,1))-1)+IF('Standard Profiles'!$G$20=$B$10,7,0)+IF('Standard Profiles'!$G$20=$B$17,14,0)+IF('Standard Profiles'!$G$20=$B$24,21,0),MOD($C7795,24)+1)/SUM(INDEX($D$3:$AA$30,INDEX(Jesper!$R$2:$R$366,ROW(INDEX(Jesper!AJ$2:AJ$366,ROUNDDOWN($C7795/24,0)+1,1))-1)+IF('Standard Profiles'!$G$20=$B$10,7,0)+IF('Standard Profiles'!$G$20=$B$17,14,0)+IF('Standard Profiles'!$G$20=$B$24,21,0),0)),0)</f>
        <v>0</v>
      </c>
      <c r="G7795" cm="1">
        <f t="array" ref="G7795">IFERROR(INDEX(Jesper!AK$2:AK$366,ROUNDDOWN($C7795/24,0)+1,1)*INDEX($D$3:$AA$30,INDEX(Jesper!$R$2:$R$366,ROW(INDEX(Jesper!AK$2:AK$366,ROUNDDOWN($C7795/24,0)+1,1))-1)+IF('Standard Profiles'!$G$21=$B$10,7,0)+IF('Standard Profiles'!$G$21=$B$17,14,0)+IF('Standard Profiles'!$G$21=$B$24,21,0),MOD($C7795,24)+1)/SUM(INDEX($D$3:$AA$30,INDEX(Jesper!$R$2:$R$366,ROW(INDEX(Jesper!AK$2:AK$366,ROUNDDOWN($C7795/24,0)+1,1))-1)+IF('Standard Profiles'!$G$21=$B$10,7,0)+IF('Standard Profiles'!$G$21=$B$17,14,0)+IF('Standard Profiles'!$G$21=$B$24,21,0),0)),0)</f>
        <v>0</v>
      </c>
      <c r="H7795" cm="1">
        <f t="array" ref="H7795">IFERROR(INDEX(Jesper!AL$2:AL$366,ROUNDDOWN($C7795/24,0)+1,1)*INDEX($D$3:$AA$30,INDEX(Jesper!$R$2:$R$366,ROW(INDEX(Jesper!AL$2:AL$366,ROUNDDOWN($C7795/24,0)+1,1))-1)+IF('Standard Profiles'!$G$22=$B$10,7,0)+IF('Standard Profiles'!$G$22=$B$17,14,0)+IF('Standard Profiles'!$G$22=$B$24,21,0),MOD($C7795,24)+1)/SUM(INDEX($D$3:$AA$30,INDEX(Jesper!$R$2:$R$366,ROW(INDEX(Jesper!AL$2:AL$366,ROUNDDOWN($C7795/24,0)+1,1))-1)+IF('Standard Profiles'!$G$22=$B$10,7,0)+IF('Standard Profiles'!$G$22=$B$17,14,0)+IF('Standard Profiles'!$G$22=$B$24,21,0),0)),0)</f>
        <v>0</v>
      </c>
      <c r="I7795">
        <f t="shared" si="867"/>
        <v>0.41521099495972785</v>
      </c>
      <c r="J7795">
        <f t="shared" si="868"/>
        <v>1.3840366498657597</v>
      </c>
      <c r="K7795">
        <f t="shared" si="869"/>
        <v>2.0760549747986392</v>
      </c>
      <c r="L7795">
        <f t="shared" si="870"/>
        <v>9.9650638790334689</v>
      </c>
      <c r="M7795">
        <f t="shared" si="871"/>
        <v>0</v>
      </c>
      <c r="N7795" s="46">
        <f t="shared" si="872"/>
        <v>45615.374999981177</v>
      </c>
    </row>
    <row r="7796" spans="2:14" x14ac:dyDescent="0.3">
      <c r="B7796">
        <f t="shared" si="866"/>
        <v>2</v>
      </c>
      <c r="C7796" s="16">
        <v>7762</v>
      </c>
      <c r="D7796" cm="1">
        <f t="array" ref="D7796">IFERROR(INDEX(Jesper!AH$2:AH$366,ROUNDDOWN($C7796/24,0)+1,1)*INDEX($D$3:$AA$30,INDEX(Jesper!$R$2:$R$366,ROW(INDEX(Jesper!AH$2:AH$366,ROUNDDOWN($C7796/24,0)+1,1))-1)+IF('Standard Profiles'!$G$18=$B$10,7,0)+IF('Standard Profiles'!$G$18=$B$17,14,0)+IF('Standard Profiles'!$G$18=$B$24,21,0),MOD($C7796,24)+1)/SUM(INDEX($D$3:$AA$30,INDEX(Jesper!$R$2:$R$366,ROW(INDEX(Jesper!AH$2:AH$366,ROUNDDOWN($C7796/24,0)+1,1))-1)+IF('Standard Profiles'!$G$18=$B$10,7,0)+IF('Standard Profiles'!$G$18=$B$17,14,0)+IF('Standard Profiles'!$G$18=$B$24,21,0),0)),0)</f>
        <v>14.479152644749487</v>
      </c>
      <c r="E7796" cm="1">
        <f t="array" ref="E7796">IFERROR(INDEX(Jesper!AI$2:AI$366,ROUNDDOWN($C7796/24,0)+1,1)*INDEX($D$3:$AA$30,INDEX(Jesper!$R$2:$R$366,ROW(INDEX(Jesper!AI$2:AI$366,ROUNDDOWN($C7796/24,0)+1,1))-1)+IF('Standard Profiles'!$G$19=$B$10,7,0)+IF('Standard Profiles'!$G$19=$B$17,14,0)+IF('Standard Profiles'!$G$19=$B$24,21,0),MOD($C7796,24)+1)/SUM(INDEX($D$3:$AA$30,INDEX(Jesper!$R$2:$R$366,ROW(INDEX(Jesper!AI$2:AI$366,ROUNDDOWN($C7796/24,0)+1,1))-1)+IF('Standard Profiles'!$G$19=$B$10,7,0)+IF('Standard Profiles'!$G$19=$B$17,14,0)+IF('Standard Profiles'!$G$19=$B$24,21,0),0)),0)</f>
        <v>0</v>
      </c>
      <c r="F7796" cm="1">
        <f t="array" ref="F7796">IFERROR(INDEX(Jesper!AJ$2:AJ$366,ROUNDDOWN($C7796/24,0)+1,1)*INDEX($D$3:$AA$30,INDEX(Jesper!$R$2:$R$366,ROW(INDEX(Jesper!AJ$2:AJ$366,ROUNDDOWN($C7796/24,0)+1,1))-1)+IF('Standard Profiles'!$G$20=$B$10,7,0)+IF('Standard Profiles'!$G$20=$B$17,14,0)+IF('Standard Profiles'!$G$20=$B$24,21,0),MOD($C7796,24)+1)/SUM(INDEX($D$3:$AA$30,INDEX(Jesper!$R$2:$R$366,ROW(INDEX(Jesper!AJ$2:AJ$366,ROUNDDOWN($C7796/24,0)+1,1))-1)+IF('Standard Profiles'!$G$20=$B$10,7,0)+IF('Standard Profiles'!$G$20=$B$17,14,0)+IF('Standard Profiles'!$G$20=$B$24,21,0),0)),0)</f>
        <v>0</v>
      </c>
      <c r="G7796" cm="1">
        <f t="array" ref="G7796">IFERROR(INDEX(Jesper!AK$2:AK$366,ROUNDDOWN($C7796/24,0)+1,1)*INDEX($D$3:$AA$30,INDEX(Jesper!$R$2:$R$366,ROW(INDEX(Jesper!AK$2:AK$366,ROUNDDOWN($C7796/24,0)+1,1))-1)+IF('Standard Profiles'!$G$21=$B$10,7,0)+IF('Standard Profiles'!$G$21=$B$17,14,0)+IF('Standard Profiles'!$G$21=$B$24,21,0),MOD($C7796,24)+1)/SUM(INDEX($D$3:$AA$30,INDEX(Jesper!$R$2:$R$366,ROW(INDEX(Jesper!AK$2:AK$366,ROUNDDOWN($C7796/24,0)+1,1))-1)+IF('Standard Profiles'!$G$21=$B$10,7,0)+IF('Standard Profiles'!$G$21=$B$17,14,0)+IF('Standard Profiles'!$G$21=$B$24,21,0),0)),0)</f>
        <v>0</v>
      </c>
      <c r="H7796" cm="1">
        <f t="array" ref="H7796">IFERROR(INDEX(Jesper!AL$2:AL$366,ROUNDDOWN($C7796/24,0)+1,1)*INDEX($D$3:$AA$30,INDEX(Jesper!$R$2:$R$366,ROW(INDEX(Jesper!AL$2:AL$366,ROUNDDOWN($C7796/24,0)+1,1))-1)+IF('Standard Profiles'!$G$22=$B$10,7,0)+IF('Standard Profiles'!$G$22=$B$17,14,0)+IF('Standard Profiles'!$G$22=$B$24,21,0),MOD($C7796,24)+1)/SUM(INDEX($D$3:$AA$30,INDEX(Jesper!$R$2:$R$366,ROW(INDEX(Jesper!AL$2:AL$366,ROUNDDOWN($C7796/24,0)+1,1))-1)+IF('Standard Profiles'!$G$22=$B$10,7,0)+IF('Standard Profiles'!$G$22=$B$17,14,0)+IF('Standard Profiles'!$G$22=$B$24,21,0),0)),0)</f>
        <v>0</v>
      </c>
      <c r="I7796">
        <f t="shared" si="867"/>
        <v>0.43437457934248458</v>
      </c>
      <c r="J7796">
        <f t="shared" si="868"/>
        <v>1.4479152644749487</v>
      </c>
      <c r="K7796">
        <f t="shared" si="869"/>
        <v>2.171872896712423</v>
      </c>
      <c r="L7796">
        <f t="shared" si="870"/>
        <v>10.424989904219631</v>
      </c>
      <c r="M7796">
        <f t="shared" si="871"/>
        <v>0</v>
      </c>
      <c r="N7796" s="46">
        <f t="shared" si="872"/>
        <v>45615.416666647841</v>
      </c>
    </row>
    <row r="7797" spans="2:14" x14ac:dyDescent="0.3">
      <c r="B7797">
        <f t="shared" si="866"/>
        <v>2</v>
      </c>
      <c r="C7797" s="16">
        <v>7763</v>
      </c>
      <c r="D7797" cm="1">
        <f t="array" ref="D7797">IFERROR(INDEX(Jesper!AH$2:AH$366,ROUNDDOWN($C7797/24,0)+1,1)*INDEX($D$3:$AA$30,INDEX(Jesper!$R$2:$R$366,ROW(INDEX(Jesper!AH$2:AH$366,ROUNDDOWN($C7797/24,0)+1,1))-1)+IF('Standard Profiles'!$G$18=$B$10,7,0)+IF('Standard Profiles'!$G$18=$B$17,14,0)+IF('Standard Profiles'!$G$18=$B$24,21,0),MOD($C7797,24)+1)/SUM(INDEX($D$3:$AA$30,INDEX(Jesper!$R$2:$R$366,ROW(INDEX(Jesper!AH$2:AH$366,ROUNDDOWN($C7797/24,0)+1,1))-1)+IF('Standard Profiles'!$G$18=$B$10,7,0)+IF('Standard Profiles'!$G$18=$B$17,14,0)+IF('Standard Profiles'!$G$18=$B$24,21,0),0)),0)</f>
        <v>17.034297229117044</v>
      </c>
      <c r="E7797" cm="1">
        <f t="array" ref="E7797">IFERROR(INDEX(Jesper!AI$2:AI$366,ROUNDDOWN($C7797/24,0)+1,1)*INDEX($D$3:$AA$30,INDEX(Jesper!$R$2:$R$366,ROW(INDEX(Jesper!AI$2:AI$366,ROUNDDOWN($C7797/24,0)+1,1))-1)+IF('Standard Profiles'!$G$19=$B$10,7,0)+IF('Standard Profiles'!$G$19=$B$17,14,0)+IF('Standard Profiles'!$G$19=$B$24,21,0),MOD($C7797,24)+1)/SUM(INDEX($D$3:$AA$30,INDEX(Jesper!$R$2:$R$366,ROW(INDEX(Jesper!AI$2:AI$366,ROUNDDOWN($C7797/24,0)+1,1))-1)+IF('Standard Profiles'!$G$19=$B$10,7,0)+IF('Standard Profiles'!$G$19=$B$17,14,0)+IF('Standard Profiles'!$G$19=$B$24,21,0),0)),0)</f>
        <v>0</v>
      </c>
      <c r="F7797" cm="1">
        <f t="array" ref="F7797">IFERROR(INDEX(Jesper!AJ$2:AJ$366,ROUNDDOWN($C7797/24,0)+1,1)*INDEX($D$3:$AA$30,INDEX(Jesper!$R$2:$R$366,ROW(INDEX(Jesper!AJ$2:AJ$366,ROUNDDOWN($C7797/24,0)+1,1))-1)+IF('Standard Profiles'!$G$20=$B$10,7,0)+IF('Standard Profiles'!$G$20=$B$17,14,0)+IF('Standard Profiles'!$G$20=$B$24,21,0),MOD($C7797,24)+1)/SUM(INDEX($D$3:$AA$30,INDEX(Jesper!$R$2:$R$366,ROW(INDEX(Jesper!AJ$2:AJ$366,ROUNDDOWN($C7797/24,0)+1,1))-1)+IF('Standard Profiles'!$G$20=$B$10,7,0)+IF('Standard Profiles'!$G$20=$B$17,14,0)+IF('Standard Profiles'!$G$20=$B$24,21,0),0)),0)</f>
        <v>0</v>
      </c>
      <c r="G7797" cm="1">
        <f t="array" ref="G7797">IFERROR(INDEX(Jesper!AK$2:AK$366,ROUNDDOWN($C7797/24,0)+1,1)*INDEX($D$3:$AA$30,INDEX(Jesper!$R$2:$R$366,ROW(INDEX(Jesper!AK$2:AK$366,ROUNDDOWN($C7797/24,0)+1,1))-1)+IF('Standard Profiles'!$G$21=$B$10,7,0)+IF('Standard Profiles'!$G$21=$B$17,14,0)+IF('Standard Profiles'!$G$21=$B$24,21,0),MOD($C7797,24)+1)/SUM(INDEX($D$3:$AA$30,INDEX(Jesper!$R$2:$R$366,ROW(INDEX(Jesper!AK$2:AK$366,ROUNDDOWN($C7797/24,0)+1,1))-1)+IF('Standard Profiles'!$G$21=$B$10,7,0)+IF('Standard Profiles'!$G$21=$B$17,14,0)+IF('Standard Profiles'!$G$21=$B$24,21,0),0)),0)</f>
        <v>0</v>
      </c>
      <c r="H7797" cm="1">
        <f t="array" ref="H7797">IFERROR(INDEX(Jesper!AL$2:AL$366,ROUNDDOWN($C7797/24,0)+1,1)*INDEX($D$3:$AA$30,INDEX(Jesper!$R$2:$R$366,ROW(INDEX(Jesper!AL$2:AL$366,ROUNDDOWN($C7797/24,0)+1,1))-1)+IF('Standard Profiles'!$G$22=$B$10,7,0)+IF('Standard Profiles'!$G$22=$B$17,14,0)+IF('Standard Profiles'!$G$22=$B$24,21,0),MOD($C7797,24)+1)/SUM(INDEX($D$3:$AA$30,INDEX(Jesper!$R$2:$R$366,ROW(INDEX(Jesper!AL$2:AL$366,ROUNDDOWN($C7797/24,0)+1,1))-1)+IF('Standard Profiles'!$G$22=$B$10,7,0)+IF('Standard Profiles'!$G$22=$B$17,14,0)+IF('Standard Profiles'!$G$22=$B$24,21,0),0)),0)</f>
        <v>0</v>
      </c>
      <c r="I7797">
        <f t="shared" si="867"/>
        <v>0.51102891687351126</v>
      </c>
      <c r="J7797">
        <f t="shared" si="868"/>
        <v>1.7034297229117046</v>
      </c>
      <c r="K7797">
        <f t="shared" si="869"/>
        <v>2.5551445843675564</v>
      </c>
      <c r="L7797">
        <f t="shared" si="870"/>
        <v>12.264694004964271</v>
      </c>
      <c r="M7797">
        <f t="shared" si="871"/>
        <v>0</v>
      </c>
      <c r="N7797" s="46">
        <f t="shared" si="872"/>
        <v>45615.458333314506</v>
      </c>
    </row>
    <row r="7798" spans="2:14" x14ac:dyDescent="0.3">
      <c r="B7798">
        <f t="shared" si="866"/>
        <v>2</v>
      </c>
      <c r="C7798" s="16">
        <v>7764</v>
      </c>
      <c r="D7798" cm="1">
        <f t="array" ref="D7798">IFERROR(INDEX(Jesper!AH$2:AH$366,ROUNDDOWN($C7798/24,0)+1,1)*INDEX($D$3:$AA$30,INDEX(Jesper!$R$2:$R$366,ROW(INDEX(Jesper!AH$2:AH$366,ROUNDDOWN($C7798/24,0)+1,1))-1)+IF('Standard Profiles'!$G$18=$B$10,7,0)+IF('Standard Profiles'!$G$18=$B$17,14,0)+IF('Standard Profiles'!$G$18=$B$24,21,0),MOD($C7798,24)+1)/SUM(INDEX($D$3:$AA$30,INDEX(Jesper!$R$2:$R$366,ROW(INDEX(Jesper!AH$2:AH$366,ROUNDDOWN($C7798/24,0)+1,1))-1)+IF('Standard Profiles'!$G$18=$B$10,7,0)+IF('Standard Profiles'!$G$18=$B$17,14,0)+IF('Standard Profiles'!$G$18=$B$24,21,0),0)),0)</f>
        <v>17.034297229117044</v>
      </c>
      <c r="E7798" cm="1">
        <f t="array" ref="E7798">IFERROR(INDEX(Jesper!AI$2:AI$366,ROUNDDOWN($C7798/24,0)+1,1)*INDEX($D$3:$AA$30,INDEX(Jesper!$R$2:$R$366,ROW(INDEX(Jesper!AI$2:AI$366,ROUNDDOWN($C7798/24,0)+1,1))-1)+IF('Standard Profiles'!$G$19=$B$10,7,0)+IF('Standard Profiles'!$G$19=$B$17,14,0)+IF('Standard Profiles'!$G$19=$B$24,21,0),MOD($C7798,24)+1)/SUM(INDEX($D$3:$AA$30,INDEX(Jesper!$R$2:$R$366,ROW(INDEX(Jesper!AI$2:AI$366,ROUNDDOWN($C7798/24,0)+1,1))-1)+IF('Standard Profiles'!$G$19=$B$10,7,0)+IF('Standard Profiles'!$G$19=$B$17,14,0)+IF('Standard Profiles'!$G$19=$B$24,21,0),0)),0)</f>
        <v>0</v>
      </c>
      <c r="F7798" cm="1">
        <f t="array" ref="F7798">IFERROR(INDEX(Jesper!AJ$2:AJ$366,ROUNDDOWN($C7798/24,0)+1,1)*INDEX($D$3:$AA$30,INDEX(Jesper!$R$2:$R$366,ROW(INDEX(Jesper!AJ$2:AJ$366,ROUNDDOWN($C7798/24,0)+1,1))-1)+IF('Standard Profiles'!$G$20=$B$10,7,0)+IF('Standard Profiles'!$G$20=$B$17,14,0)+IF('Standard Profiles'!$G$20=$B$24,21,0),MOD($C7798,24)+1)/SUM(INDEX($D$3:$AA$30,INDEX(Jesper!$R$2:$R$366,ROW(INDEX(Jesper!AJ$2:AJ$366,ROUNDDOWN($C7798/24,0)+1,1))-1)+IF('Standard Profiles'!$G$20=$B$10,7,0)+IF('Standard Profiles'!$G$20=$B$17,14,0)+IF('Standard Profiles'!$G$20=$B$24,21,0),0)),0)</f>
        <v>0</v>
      </c>
      <c r="G7798" cm="1">
        <f t="array" ref="G7798">IFERROR(INDEX(Jesper!AK$2:AK$366,ROUNDDOWN($C7798/24,0)+1,1)*INDEX($D$3:$AA$30,INDEX(Jesper!$R$2:$R$366,ROW(INDEX(Jesper!AK$2:AK$366,ROUNDDOWN($C7798/24,0)+1,1))-1)+IF('Standard Profiles'!$G$21=$B$10,7,0)+IF('Standard Profiles'!$G$21=$B$17,14,0)+IF('Standard Profiles'!$G$21=$B$24,21,0),MOD($C7798,24)+1)/SUM(INDEX($D$3:$AA$30,INDEX(Jesper!$R$2:$R$366,ROW(INDEX(Jesper!AK$2:AK$366,ROUNDDOWN($C7798/24,0)+1,1))-1)+IF('Standard Profiles'!$G$21=$B$10,7,0)+IF('Standard Profiles'!$G$21=$B$17,14,0)+IF('Standard Profiles'!$G$21=$B$24,21,0),0)),0)</f>
        <v>0</v>
      </c>
      <c r="H7798" cm="1">
        <f t="array" ref="H7798">IFERROR(INDEX(Jesper!AL$2:AL$366,ROUNDDOWN($C7798/24,0)+1,1)*INDEX($D$3:$AA$30,INDEX(Jesper!$R$2:$R$366,ROW(INDEX(Jesper!AL$2:AL$366,ROUNDDOWN($C7798/24,0)+1,1))-1)+IF('Standard Profiles'!$G$22=$B$10,7,0)+IF('Standard Profiles'!$G$22=$B$17,14,0)+IF('Standard Profiles'!$G$22=$B$24,21,0),MOD($C7798,24)+1)/SUM(INDEX($D$3:$AA$30,INDEX(Jesper!$R$2:$R$366,ROW(INDEX(Jesper!AL$2:AL$366,ROUNDDOWN($C7798/24,0)+1,1))-1)+IF('Standard Profiles'!$G$22=$B$10,7,0)+IF('Standard Profiles'!$G$22=$B$17,14,0)+IF('Standard Profiles'!$G$22=$B$24,21,0),0)),0)</f>
        <v>0</v>
      </c>
      <c r="I7798">
        <f t="shared" si="867"/>
        <v>0.51102891687351126</v>
      </c>
      <c r="J7798">
        <f t="shared" si="868"/>
        <v>1.7034297229117046</v>
      </c>
      <c r="K7798">
        <f t="shared" si="869"/>
        <v>2.5551445843675564</v>
      </c>
      <c r="L7798">
        <f t="shared" si="870"/>
        <v>12.264694004964271</v>
      </c>
      <c r="M7798">
        <f t="shared" si="871"/>
        <v>0</v>
      </c>
      <c r="N7798" s="46">
        <f t="shared" si="872"/>
        <v>45615.49999998117</v>
      </c>
    </row>
    <row r="7799" spans="2:14" x14ac:dyDescent="0.3">
      <c r="B7799">
        <f t="shared" si="866"/>
        <v>2</v>
      </c>
      <c r="C7799" s="16">
        <v>7765</v>
      </c>
      <c r="D7799" cm="1">
        <f t="array" ref="D7799">IFERROR(INDEX(Jesper!AH$2:AH$366,ROUNDDOWN($C7799/24,0)+1,1)*INDEX($D$3:$AA$30,INDEX(Jesper!$R$2:$R$366,ROW(INDEX(Jesper!AH$2:AH$366,ROUNDDOWN($C7799/24,0)+1,1))-1)+IF('Standard Profiles'!$G$18=$B$10,7,0)+IF('Standard Profiles'!$G$18=$B$17,14,0)+IF('Standard Profiles'!$G$18=$B$24,21,0),MOD($C7799,24)+1)/SUM(INDEX($D$3:$AA$30,INDEX(Jesper!$R$2:$R$366,ROW(INDEX(Jesper!AH$2:AH$366,ROUNDDOWN($C7799/24,0)+1,1))-1)+IF('Standard Profiles'!$G$18=$B$10,7,0)+IF('Standard Profiles'!$G$18=$B$17,14,0)+IF('Standard Profiles'!$G$18=$B$24,21,0),0)),0)</f>
        <v>17.034297229117044</v>
      </c>
      <c r="E7799" cm="1">
        <f t="array" ref="E7799">IFERROR(INDEX(Jesper!AI$2:AI$366,ROUNDDOWN($C7799/24,0)+1,1)*INDEX($D$3:$AA$30,INDEX(Jesper!$R$2:$R$366,ROW(INDEX(Jesper!AI$2:AI$366,ROUNDDOWN($C7799/24,0)+1,1))-1)+IF('Standard Profiles'!$G$19=$B$10,7,0)+IF('Standard Profiles'!$G$19=$B$17,14,0)+IF('Standard Profiles'!$G$19=$B$24,21,0),MOD($C7799,24)+1)/SUM(INDEX($D$3:$AA$30,INDEX(Jesper!$R$2:$R$366,ROW(INDEX(Jesper!AI$2:AI$366,ROUNDDOWN($C7799/24,0)+1,1))-1)+IF('Standard Profiles'!$G$19=$B$10,7,0)+IF('Standard Profiles'!$G$19=$B$17,14,0)+IF('Standard Profiles'!$G$19=$B$24,21,0),0)),0)</f>
        <v>0</v>
      </c>
      <c r="F7799" cm="1">
        <f t="array" ref="F7799">IFERROR(INDEX(Jesper!AJ$2:AJ$366,ROUNDDOWN($C7799/24,0)+1,1)*INDEX($D$3:$AA$30,INDEX(Jesper!$R$2:$R$366,ROW(INDEX(Jesper!AJ$2:AJ$366,ROUNDDOWN($C7799/24,0)+1,1))-1)+IF('Standard Profiles'!$G$20=$B$10,7,0)+IF('Standard Profiles'!$G$20=$B$17,14,0)+IF('Standard Profiles'!$G$20=$B$24,21,0),MOD($C7799,24)+1)/SUM(INDEX($D$3:$AA$30,INDEX(Jesper!$R$2:$R$366,ROW(INDEX(Jesper!AJ$2:AJ$366,ROUNDDOWN($C7799/24,0)+1,1))-1)+IF('Standard Profiles'!$G$20=$B$10,7,0)+IF('Standard Profiles'!$G$20=$B$17,14,0)+IF('Standard Profiles'!$G$20=$B$24,21,0),0)),0)</f>
        <v>0</v>
      </c>
      <c r="G7799" cm="1">
        <f t="array" ref="G7799">IFERROR(INDEX(Jesper!AK$2:AK$366,ROUNDDOWN($C7799/24,0)+1,1)*INDEX($D$3:$AA$30,INDEX(Jesper!$R$2:$R$366,ROW(INDEX(Jesper!AK$2:AK$366,ROUNDDOWN($C7799/24,0)+1,1))-1)+IF('Standard Profiles'!$G$21=$B$10,7,0)+IF('Standard Profiles'!$G$21=$B$17,14,0)+IF('Standard Profiles'!$G$21=$B$24,21,0),MOD($C7799,24)+1)/SUM(INDEX($D$3:$AA$30,INDEX(Jesper!$R$2:$R$366,ROW(INDEX(Jesper!AK$2:AK$366,ROUNDDOWN($C7799/24,0)+1,1))-1)+IF('Standard Profiles'!$G$21=$B$10,7,0)+IF('Standard Profiles'!$G$21=$B$17,14,0)+IF('Standard Profiles'!$G$21=$B$24,21,0),0)),0)</f>
        <v>0</v>
      </c>
      <c r="H7799" cm="1">
        <f t="array" ref="H7799">IFERROR(INDEX(Jesper!AL$2:AL$366,ROUNDDOWN($C7799/24,0)+1,1)*INDEX($D$3:$AA$30,INDEX(Jesper!$R$2:$R$366,ROW(INDEX(Jesper!AL$2:AL$366,ROUNDDOWN($C7799/24,0)+1,1))-1)+IF('Standard Profiles'!$G$22=$B$10,7,0)+IF('Standard Profiles'!$G$22=$B$17,14,0)+IF('Standard Profiles'!$G$22=$B$24,21,0),MOD($C7799,24)+1)/SUM(INDEX($D$3:$AA$30,INDEX(Jesper!$R$2:$R$366,ROW(INDEX(Jesper!AL$2:AL$366,ROUNDDOWN($C7799/24,0)+1,1))-1)+IF('Standard Profiles'!$G$22=$B$10,7,0)+IF('Standard Profiles'!$G$22=$B$17,14,0)+IF('Standard Profiles'!$G$22=$B$24,21,0),0)),0)</f>
        <v>0</v>
      </c>
      <c r="I7799">
        <f t="shared" si="867"/>
        <v>0.51102891687351126</v>
      </c>
      <c r="J7799">
        <f t="shared" si="868"/>
        <v>1.7034297229117046</v>
      </c>
      <c r="K7799">
        <f t="shared" si="869"/>
        <v>2.5551445843675564</v>
      </c>
      <c r="L7799">
        <f t="shared" si="870"/>
        <v>12.264694004964271</v>
      </c>
      <c r="M7799">
        <f t="shared" si="871"/>
        <v>0</v>
      </c>
      <c r="N7799" s="46">
        <f t="shared" si="872"/>
        <v>45615.541666647834</v>
      </c>
    </row>
    <row r="7800" spans="2:14" x14ac:dyDescent="0.3">
      <c r="B7800">
        <f t="shared" si="866"/>
        <v>2</v>
      </c>
      <c r="C7800" s="16">
        <v>7766</v>
      </c>
      <c r="D7800" cm="1">
        <f t="array" ref="D7800">IFERROR(INDEX(Jesper!AH$2:AH$366,ROUNDDOWN($C7800/24,0)+1,1)*INDEX($D$3:$AA$30,INDEX(Jesper!$R$2:$R$366,ROW(INDEX(Jesper!AH$2:AH$366,ROUNDDOWN($C7800/24,0)+1,1))-1)+IF('Standard Profiles'!$G$18=$B$10,7,0)+IF('Standard Profiles'!$G$18=$B$17,14,0)+IF('Standard Profiles'!$G$18=$B$24,21,0),MOD($C7800,24)+1)/SUM(INDEX($D$3:$AA$30,INDEX(Jesper!$R$2:$R$366,ROW(INDEX(Jesper!AH$2:AH$366,ROUNDDOWN($C7800/24,0)+1,1))-1)+IF('Standard Profiles'!$G$18=$B$10,7,0)+IF('Standard Profiles'!$G$18=$B$17,14,0)+IF('Standard Profiles'!$G$18=$B$24,21,0),0)),0)</f>
        <v>17.034297229117044</v>
      </c>
      <c r="E7800" cm="1">
        <f t="array" ref="E7800">IFERROR(INDEX(Jesper!AI$2:AI$366,ROUNDDOWN($C7800/24,0)+1,1)*INDEX($D$3:$AA$30,INDEX(Jesper!$R$2:$R$366,ROW(INDEX(Jesper!AI$2:AI$366,ROUNDDOWN($C7800/24,0)+1,1))-1)+IF('Standard Profiles'!$G$19=$B$10,7,0)+IF('Standard Profiles'!$G$19=$B$17,14,0)+IF('Standard Profiles'!$G$19=$B$24,21,0),MOD($C7800,24)+1)/SUM(INDEX($D$3:$AA$30,INDEX(Jesper!$R$2:$R$366,ROW(INDEX(Jesper!AI$2:AI$366,ROUNDDOWN($C7800/24,0)+1,1))-1)+IF('Standard Profiles'!$G$19=$B$10,7,0)+IF('Standard Profiles'!$G$19=$B$17,14,0)+IF('Standard Profiles'!$G$19=$B$24,21,0),0)),0)</f>
        <v>0</v>
      </c>
      <c r="F7800" cm="1">
        <f t="array" ref="F7800">IFERROR(INDEX(Jesper!AJ$2:AJ$366,ROUNDDOWN($C7800/24,0)+1,1)*INDEX($D$3:$AA$30,INDEX(Jesper!$R$2:$R$366,ROW(INDEX(Jesper!AJ$2:AJ$366,ROUNDDOWN($C7800/24,0)+1,1))-1)+IF('Standard Profiles'!$G$20=$B$10,7,0)+IF('Standard Profiles'!$G$20=$B$17,14,0)+IF('Standard Profiles'!$G$20=$B$24,21,0),MOD($C7800,24)+1)/SUM(INDEX($D$3:$AA$30,INDEX(Jesper!$R$2:$R$366,ROW(INDEX(Jesper!AJ$2:AJ$366,ROUNDDOWN($C7800/24,0)+1,1))-1)+IF('Standard Profiles'!$G$20=$B$10,7,0)+IF('Standard Profiles'!$G$20=$B$17,14,0)+IF('Standard Profiles'!$G$20=$B$24,21,0),0)),0)</f>
        <v>0</v>
      </c>
      <c r="G7800" cm="1">
        <f t="array" ref="G7800">IFERROR(INDEX(Jesper!AK$2:AK$366,ROUNDDOWN($C7800/24,0)+1,1)*INDEX($D$3:$AA$30,INDEX(Jesper!$R$2:$R$366,ROW(INDEX(Jesper!AK$2:AK$366,ROUNDDOWN($C7800/24,0)+1,1))-1)+IF('Standard Profiles'!$G$21=$B$10,7,0)+IF('Standard Profiles'!$G$21=$B$17,14,0)+IF('Standard Profiles'!$G$21=$B$24,21,0),MOD($C7800,24)+1)/SUM(INDEX($D$3:$AA$30,INDEX(Jesper!$R$2:$R$366,ROW(INDEX(Jesper!AK$2:AK$366,ROUNDDOWN($C7800/24,0)+1,1))-1)+IF('Standard Profiles'!$G$21=$B$10,7,0)+IF('Standard Profiles'!$G$21=$B$17,14,0)+IF('Standard Profiles'!$G$21=$B$24,21,0),0)),0)</f>
        <v>0</v>
      </c>
      <c r="H7800" cm="1">
        <f t="array" ref="H7800">IFERROR(INDEX(Jesper!AL$2:AL$366,ROUNDDOWN($C7800/24,0)+1,1)*INDEX($D$3:$AA$30,INDEX(Jesper!$R$2:$R$366,ROW(INDEX(Jesper!AL$2:AL$366,ROUNDDOWN($C7800/24,0)+1,1))-1)+IF('Standard Profiles'!$G$22=$B$10,7,0)+IF('Standard Profiles'!$G$22=$B$17,14,0)+IF('Standard Profiles'!$G$22=$B$24,21,0),MOD($C7800,24)+1)/SUM(INDEX($D$3:$AA$30,INDEX(Jesper!$R$2:$R$366,ROW(INDEX(Jesper!AL$2:AL$366,ROUNDDOWN($C7800/24,0)+1,1))-1)+IF('Standard Profiles'!$G$22=$B$10,7,0)+IF('Standard Profiles'!$G$22=$B$17,14,0)+IF('Standard Profiles'!$G$22=$B$24,21,0),0)),0)</f>
        <v>0</v>
      </c>
      <c r="I7800">
        <f t="shared" si="867"/>
        <v>0.51102891687351126</v>
      </c>
      <c r="J7800">
        <f t="shared" si="868"/>
        <v>1.7034297229117046</v>
      </c>
      <c r="K7800">
        <f t="shared" si="869"/>
        <v>2.5551445843675564</v>
      </c>
      <c r="L7800">
        <f t="shared" si="870"/>
        <v>12.264694004964271</v>
      </c>
      <c r="M7800">
        <f t="shared" si="871"/>
        <v>0</v>
      </c>
      <c r="N7800" s="46">
        <f t="shared" si="872"/>
        <v>45615.583333314498</v>
      </c>
    </row>
    <row r="7801" spans="2:14" x14ac:dyDescent="0.3">
      <c r="B7801">
        <f t="shared" si="866"/>
        <v>2</v>
      </c>
      <c r="C7801" s="16">
        <v>7767</v>
      </c>
      <c r="D7801" cm="1">
        <f t="array" ref="D7801">IFERROR(INDEX(Jesper!AH$2:AH$366,ROUNDDOWN($C7801/24,0)+1,1)*INDEX($D$3:$AA$30,INDEX(Jesper!$R$2:$R$366,ROW(INDEX(Jesper!AH$2:AH$366,ROUNDDOWN($C7801/24,0)+1,1))-1)+IF('Standard Profiles'!$G$18=$B$10,7,0)+IF('Standard Profiles'!$G$18=$B$17,14,0)+IF('Standard Profiles'!$G$18=$B$24,21,0),MOD($C7801,24)+1)/SUM(INDEX($D$3:$AA$30,INDEX(Jesper!$R$2:$R$366,ROW(INDEX(Jesper!AH$2:AH$366,ROUNDDOWN($C7801/24,0)+1,1))-1)+IF('Standard Profiles'!$G$18=$B$10,7,0)+IF('Standard Profiles'!$G$18=$B$17,14,0)+IF('Standard Profiles'!$G$18=$B$24,21,0),0)),0)</f>
        <v>17.034297229117044</v>
      </c>
      <c r="E7801" cm="1">
        <f t="array" ref="E7801">IFERROR(INDEX(Jesper!AI$2:AI$366,ROUNDDOWN($C7801/24,0)+1,1)*INDEX($D$3:$AA$30,INDEX(Jesper!$R$2:$R$366,ROW(INDEX(Jesper!AI$2:AI$366,ROUNDDOWN($C7801/24,0)+1,1))-1)+IF('Standard Profiles'!$G$19=$B$10,7,0)+IF('Standard Profiles'!$G$19=$B$17,14,0)+IF('Standard Profiles'!$G$19=$B$24,21,0),MOD($C7801,24)+1)/SUM(INDEX($D$3:$AA$30,INDEX(Jesper!$R$2:$R$366,ROW(INDEX(Jesper!AI$2:AI$366,ROUNDDOWN($C7801/24,0)+1,1))-1)+IF('Standard Profiles'!$G$19=$B$10,7,0)+IF('Standard Profiles'!$G$19=$B$17,14,0)+IF('Standard Profiles'!$G$19=$B$24,21,0),0)),0)</f>
        <v>0</v>
      </c>
      <c r="F7801" cm="1">
        <f t="array" ref="F7801">IFERROR(INDEX(Jesper!AJ$2:AJ$366,ROUNDDOWN($C7801/24,0)+1,1)*INDEX($D$3:$AA$30,INDEX(Jesper!$R$2:$R$366,ROW(INDEX(Jesper!AJ$2:AJ$366,ROUNDDOWN($C7801/24,0)+1,1))-1)+IF('Standard Profiles'!$G$20=$B$10,7,0)+IF('Standard Profiles'!$G$20=$B$17,14,0)+IF('Standard Profiles'!$G$20=$B$24,21,0),MOD($C7801,24)+1)/SUM(INDEX($D$3:$AA$30,INDEX(Jesper!$R$2:$R$366,ROW(INDEX(Jesper!AJ$2:AJ$366,ROUNDDOWN($C7801/24,0)+1,1))-1)+IF('Standard Profiles'!$G$20=$B$10,7,0)+IF('Standard Profiles'!$G$20=$B$17,14,0)+IF('Standard Profiles'!$G$20=$B$24,21,0),0)),0)</f>
        <v>0</v>
      </c>
      <c r="G7801" cm="1">
        <f t="array" ref="G7801">IFERROR(INDEX(Jesper!AK$2:AK$366,ROUNDDOWN($C7801/24,0)+1,1)*INDEX($D$3:$AA$30,INDEX(Jesper!$R$2:$R$366,ROW(INDEX(Jesper!AK$2:AK$366,ROUNDDOWN($C7801/24,0)+1,1))-1)+IF('Standard Profiles'!$G$21=$B$10,7,0)+IF('Standard Profiles'!$G$21=$B$17,14,0)+IF('Standard Profiles'!$G$21=$B$24,21,0),MOD($C7801,24)+1)/SUM(INDEX($D$3:$AA$30,INDEX(Jesper!$R$2:$R$366,ROW(INDEX(Jesper!AK$2:AK$366,ROUNDDOWN($C7801/24,0)+1,1))-1)+IF('Standard Profiles'!$G$21=$B$10,7,0)+IF('Standard Profiles'!$G$21=$B$17,14,0)+IF('Standard Profiles'!$G$21=$B$24,21,0),0)),0)</f>
        <v>0</v>
      </c>
      <c r="H7801" cm="1">
        <f t="array" ref="H7801">IFERROR(INDEX(Jesper!AL$2:AL$366,ROUNDDOWN($C7801/24,0)+1,1)*INDEX($D$3:$AA$30,INDEX(Jesper!$R$2:$R$366,ROW(INDEX(Jesper!AL$2:AL$366,ROUNDDOWN($C7801/24,0)+1,1))-1)+IF('Standard Profiles'!$G$22=$B$10,7,0)+IF('Standard Profiles'!$G$22=$B$17,14,0)+IF('Standard Profiles'!$G$22=$B$24,21,0),MOD($C7801,24)+1)/SUM(INDEX($D$3:$AA$30,INDEX(Jesper!$R$2:$R$366,ROW(INDEX(Jesper!AL$2:AL$366,ROUNDDOWN($C7801/24,0)+1,1))-1)+IF('Standard Profiles'!$G$22=$B$10,7,0)+IF('Standard Profiles'!$G$22=$B$17,14,0)+IF('Standard Profiles'!$G$22=$B$24,21,0),0)),0)</f>
        <v>0</v>
      </c>
      <c r="I7801">
        <f t="shared" si="867"/>
        <v>0.51102891687351126</v>
      </c>
      <c r="J7801">
        <f t="shared" si="868"/>
        <v>1.7034297229117046</v>
      </c>
      <c r="K7801">
        <f t="shared" si="869"/>
        <v>2.5551445843675564</v>
      </c>
      <c r="L7801">
        <f t="shared" si="870"/>
        <v>12.264694004964271</v>
      </c>
      <c r="M7801">
        <f t="shared" si="871"/>
        <v>0</v>
      </c>
      <c r="N7801" s="46">
        <f t="shared" si="872"/>
        <v>45615.624999981163</v>
      </c>
    </row>
    <row r="7802" spans="2:14" x14ac:dyDescent="0.3">
      <c r="B7802">
        <f t="shared" si="866"/>
        <v>2</v>
      </c>
      <c r="C7802" s="16">
        <v>7768</v>
      </c>
      <c r="D7802" cm="1">
        <f t="array" ref="D7802">IFERROR(INDEX(Jesper!AH$2:AH$366,ROUNDDOWN($C7802/24,0)+1,1)*INDEX($D$3:$AA$30,INDEX(Jesper!$R$2:$R$366,ROW(INDEX(Jesper!AH$2:AH$366,ROUNDDOWN($C7802/24,0)+1,1))-1)+IF('Standard Profiles'!$G$18=$B$10,7,0)+IF('Standard Profiles'!$G$18=$B$17,14,0)+IF('Standard Profiles'!$G$18=$B$24,21,0),MOD($C7802,24)+1)/SUM(INDEX($D$3:$AA$30,INDEX(Jesper!$R$2:$R$366,ROW(INDEX(Jesper!AH$2:AH$366,ROUNDDOWN($C7802/24,0)+1,1))-1)+IF('Standard Profiles'!$G$18=$B$10,7,0)+IF('Standard Profiles'!$G$18=$B$17,14,0)+IF('Standard Profiles'!$G$18=$B$24,21,0),0)),0)</f>
        <v>17.034297229117044</v>
      </c>
      <c r="E7802" cm="1">
        <f t="array" ref="E7802">IFERROR(INDEX(Jesper!AI$2:AI$366,ROUNDDOWN($C7802/24,0)+1,1)*INDEX($D$3:$AA$30,INDEX(Jesper!$R$2:$R$366,ROW(INDEX(Jesper!AI$2:AI$366,ROUNDDOWN($C7802/24,0)+1,1))-1)+IF('Standard Profiles'!$G$19=$B$10,7,0)+IF('Standard Profiles'!$G$19=$B$17,14,0)+IF('Standard Profiles'!$G$19=$B$24,21,0),MOD($C7802,24)+1)/SUM(INDEX($D$3:$AA$30,INDEX(Jesper!$R$2:$R$366,ROW(INDEX(Jesper!AI$2:AI$366,ROUNDDOWN($C7802/24,0)+1,1))-1)+IF('Standard Profiles'!$G$19=$B$10,7,0)+IF('Standard Profiles'!$G$19=$B$17,14,0)+IF('Standard Profiles'!$G$19=$B$24,21,0),0)),0)</f>
        <v>0</v>
      </c>
      <c r="F7802" cm="1">
        <f t="array" ref="F7802">IFERROR(INDEX(Jesper!AJ$2:AJ$366,ROUNDDOWN($C7802/24,0)+1,1)*INDEX($D$3:$AA$30,INDEX(Jesper!$R$2:$R$366,ROW(INDEX(Jesper!AJ$2:AJ$366,ROUNDDOWN($C7802/24,0)+1,1))-1)+IF('Standard Profiles'!$G$20=$B$10,7,0)+IF('Standard Profiles'!$G$20=$B$17,14,0)+IF('Standard Profiles'!$G$20=$B$24,21,0),MOD($C7802,24)+1)/SUM(INDEX($D$3:$AA$30,INDEX(Jesper!$R$2:$R$366,ROW(INDEX(Jesper!AJ$2:AJ$366,ROUNDDOWN($C7802/24,0)+1,1))-1)+IF('Standard Profiles'!$G$20=$B$10,7,0)+IF('Standard Profiles'!$G$20=$B$17,14,0)+IF('Standard Profiles'!$G$20=$B$24,21,0),0)),0)</f>
        <v>0</v>
      </c>
      <c r="G7802" cm="1">
        <f t="array" ref="G7802">IFERROR(INDEX(Jesper!AK$2:AK$366,ROUNDDOWN($C7802/24,0)+1,1)*INDEX($D$3:$AA$30,INDEX(Jesper!$R$2:$R$366,ROW(INDEX(Jesper!AK$2:AK$366,ROUNDDOWN($C7802/24,0)+1,1))-1)+IF('Standard Profiles'!$G$21=$B$10,7,0)+IF('Standard Profiles'!$G$21=$B$17,14,0)+IF('Standard Profiles'!$G$21=$B$24,21,0),MOD($C7802,24)+1)/SUM(INDEX($D$3:$AA$30,INDEX(Jesper!$R$2:$R$366,ROW(INDEX(Jesper!AK$2:AK$366,ROUNDDOWN($C7802/24,0)+1,1))-1)+IF('Standard Profiles'!$G$21=$B$10,7,0)+IF('Standard Profiles'!$G$21=$B$17,14,0)+IF('Standard Profiles'!$G$21=$B$24,21,0),0)),0)</f>
        <v>0</v>
      </c>
      <c r="H7802" cm="1">
        <f t="array" ref="H7802">IFERROR(INDEX(Jesper!AL$2:AL$366,ROUNDDOWN($C7802/24,0)+1,1)*INDEX($D$3:$AA$30,INDEX(Jesper!$R$2:$R$366,ROW(INDEX(Jesper!AL$2:AL$366,ROUNDDOWN($C7802/24,0)+1,1))-1)+IF('Standard Profiles'!$G$22=$B$10,7,0)+IF('Standard Profiles'!$G$22=$B$17,14,0)+IF('Standard Profiles'!$G$22=$B$24,21,0),MOD($C7802,24)+1)/SUM(INDEX($D$3:$AA$30,INDEX(Jesper!$R$2:$R$366,ROW(INDEX(Jesper!AL$2:AL$366,ROUNDDOWN($C7802/24,0)+1,1))-1)+IF('Standard Profiles'!$G$22=$B$10,7,0)+IF('Standard Profiles'!$G$22=$B$17,14,0)+IF('Standard Profiles'!$G$22=$B$24,21,0),0)),0)</f>
        <v>0</v>
      </c>
      <c r="I7802">
        <f t="shared" si="867"/>
        <v>0.51102891687351126</v>
      </c>
      <c r="J7802">
        <f t="shared" si="868"/>
        <v>1.7034297229117046</v>
      </c>
      <c r="K7802">
        <f t="shared" si="869"/>
        <v>2.5551445843675564</v>
      </c>
      <c r="L7802">
        <f t="shared" si="870"/>
        <v>12.264694004964271</v>
      </c>
      <c r="M7802">
        <f t="shared" si="871"/>
        <v>0</v>
      </c>
      <c r="N7802" s="46">
        <f t="shared" si="872"/>
        <v>45615.666666647827</v>
      </c>
    </row>
    <row r="7803" spans="2:14" x14ac:dyDescent="0.3">
      <c r="B7803">
        <f t="shared" si="866"/>
        <v>2</v>
      </c>
      <c r="C7803" s="16">
        <v>7769</v>
      </c>
      <c r="D7803" cm="1">
        <f t="array" ref="D7803">IFERROR(INDEX(Jesper!AH$2:AH$366,ROUNDDOWN($C7803/24,0)+1,1)*INDEX($D$3:$AA$30,INDEX(Jesper!$R$2:$R$366,ROW(INDEX(Jesper!AH$2:AH$366,ROUNDDOWN($C7803/24,0)+1,1))-1)+IF('Standard Profiles'!$G$18=$B$10,7,0)+IF('Standard Profiles'!$G$18=$B$17,14,0)+IF('Standard Profiles'!$G$18=$B$24,21,0),MOD($C7803,24)+1)/SUM(INDEX($D$3:$AA$30,INDEX(Jesper!$R$2:$R$366,ROW(INDEX(Jesper!AH$2:AH$366,ROUNDDOWN($C7803/24,0)+1,1))-1)+IF('Standard Profiles'!$G$18=$B$10,7,0)+IF('Standard Profiles'!$G$18=$B$17,14,0)+IF('Standard Profiles'!$G$18=$B$24,21,0),0)),0)</f>
        <v>17.034297229117044</v>
      </c>
      <c r="E7803" cm="1">
        <f t="array" ref="E7803">IFERROR(INDEX(Jesper!AI$2:AI$366,ROUNDDOWN($C7803/24,0)+1,1)*INDEX($D$3:$AA$30,INDEX(Jesper!$R$2:$R$366,ROW(INDEX(Jesper!AI$2:AI$366,ROUNDDOWN($C7803/24,0)+1,1))-1)+IF('Standard Profiles'!$G$19=$B$10,7,0)+IF('Standard Profiles'!$G$19=$B$17,14,0)+IF('Standard Profiles'!$G$19=$B$24,21,0),MOD($C7803,24)+1)/SUM(INDEX($D$3:$AA$30,INDEX(Jesper!$R$2:$R$366,ROW(INDEX(Jesper!AI$2:AI$366,ROUNDDOWN($C7803/24,0)+1,1))-1)+IF('Standard Profiles'!$G$19=$B$10,7,0)+IF('Standard Profiles'!$G$19=$B$17,14,0)+IF('Standard Profiles'!$G$19=$B$24,21,0),0)),0)</f>
        <v>0</v>
      </c>
      <c r="F7803" cm="1">
        <f t="array" ref="F7803">IFERROR(INDEX(Jesper!AJ$2:AJ$366,ROUNDDOWN($C7803/24,0)+1,1)*INDEX($D$3:$AA$30,INDEX(Jesper!$R$2:$R$366,ROW(INDEX(Jesper!AJ$2:AJ$366,ROUNDDOWN($C7803/24,0)+1,1))-1)+IF('Standard Profiles'!$G$20=$B$10,7,0)+IF('Standard Profiles'!$G$20=$B$17,14,0)+IF('Standard Profiles'!$G$20=$B$24,21,0),MOD($C7803,24)+1)/SUM(INDEX($D$3:$AA$30,INDEX(Jesper!$R$2:$R$366,ROW(INDEX(Jesper!AJ$2:AJ$366,ROUNDDOWN($C7803/24,0)+1,1))-1)+IF('Standard Profiles'!$G$20=$B$10,7,0)+IF('Standard Profiles'!$G$20=$B$17,14,0)+IF('Standard Profiles'!$G$20=$B$24,21,0),0)),0)</f>
        <v>0</v>
      </c>
      <c r="G7803" cm="1">
        <f t="array" ref="G7803">IFERROR(INDEX(Jesper!AK$2:AK$366,ROUNDDOWN($C7803/24,0)+1,1)*INDEX($D$3:$AA$30,INDEX(Jesper!$R$2:$R$366,ROW(INDEX(Jesper!AK$2:AK$366,ROUNDDOWN($C7803/24,0)+1,1))-1)+IF('Standard Profiles'!$G$21=$B$10,7,0)+IF('Standard Profiles'!$G$21=$B$17,14,0)+IF('Standard Profiles'!$G$21=$B$24,21,0),MOD($C7803,24)+1)/SUM(INDEX($D$3:$AA$30,INDEX(Jesper!$R$2:$R$366,ROW(INDEX(Jesper!AK$2:AK$366,ROUNDDOWN($C7803/24,0)+1,1))-1)+IF('Standard Profiles'!$G$21=$B$10,7,0)+IF('Standard Profiles'!$G$21=$B$17,14,0)+IF('Standard Profiles'!$G$21=$B$24,21,0),0)),0)</f>
        <v>0</v>
      </c>
      <c r="H7803" cm="1">
        <f t="array" ref="H7803">IFERROR(INDEX(Jesper!AL$2:AL$366,ROUNDDOWN($C7803/24,0)+1,1)*INDEX($D$3:$AA$30,INDEX(Jesper!$R$2:$R$366,ROW(INDEX(Jesper!AL$2:AL$366,ROUNDDOWN($C7803/24,0)+1,1))-1)+IF('Standard Profiles'!$G$22=$B$10,7,0)+IF('Standard Profiles'!$G$22=$B$17,14,0)+IF('Standard Profiles'!$G$22=$B$24,21,0),MOD($C7803,24)+1)/SUM(INDEX($D$3:$AA$30,INDEX(Jesper!$R$2:$R$366,ROW(INDEX(Jesper!AL$2:AL$366,ROUNDDOWN($C7803/24,0)+1,1))-1)+IF('Standard Profiles'!$G$22=$B$10,7,0)+IF('Standard Profiles'!$G$22=$B$17,14,0)+IF('Standard Profiles'!$G$22=$B$24,21,0),0)),0)</f>
        <v>0</v>
      </c>
      <c r="I7803">
        <f t="shared" si="867"/>
        <v>0.51102891687351126</v>
      </c>
      <c r="J7803">
        <f t="shared" si="868"/>
        <v>1.7034297229117046</v>
      </c>
      <c r="K7803">
        <f t="shared" si="869"/>
        <v>2.5551445843675564</v>
      </c>
      <c r="L7803">
        <f t="shared" si="870"/>
        <v>12.264694004964271</v>
      </c>
      <c r="M7803">
        <f t="shared" si="871"/>
        <v>0</v>
      </c>
      <c r="N7803" s="46">
        <f t="shared" si="872"/>
        <v>45615.708333314491</v>
      </c>
    </row>
    <row r="7804" spans="2:14" x14ac:dyDescent="0.3">
      <c r="B7804">
        <f t="shared" si="866"/>
        <v>2</v>
      </c>
      <c r="C7804" s="16">
        <v>7770</v>
      </c>
      <c r="D7804" cm="1">
        <f t="array" ref="D7804">IFERROR(INDEX(Jesper!AH$2:AH$366,ROUNDDOWN($C7804/24,0)+1,1)*INDEX($D$3:$AA$30,INDEX(Jesper!$R$2:$R$366,ROW(INDEX(Jesper!AH$2:AH$366,ROUNDDOWN($C7804/24,0)+1,1))-1)+IF('Standard Profiles'!$G$18=$B$10,7,0)+IF('Standard Profiles'!$G$18=$B$17,14,0)+IF('Standard Profiles'!$G$18=$B$24,21,0),MOD($C7804,24)+1)/SUM(INDEX($D$3:$AA$30,INDEX(Jesper!$R$2:$R$366,ROW(INDEX(Jesper!AH$2:AH$366,ROUNDDOWN($C7804/24,0)+1,1))-1)+IF('Standard Profiles'!$G$18=$B$10,7,0)+IF('Standard Profiles'!$G$18=$B$17,14,0)+IF('Standard Profiles'!$G$18=$B$24,21,0),0)),0)</f>
        <v>17.034297229117044</v>
      </c>
      <c r="E7804" cm="1">
        <f t="array" ref="E7804">IFERROR(INDEX(Jesper!AI$2:AI$366,ROUNDDOWN($C7804/24,0)+1,1)*INDEX($D$3:$AA$30,INDEX(Jesper!$R$2:$R$366,ROW(INDEX(Jesper!AI$2:AI$366,ROUNDDOWN($C7804/24,0)+1,1))-1)+IF('Standard Profiles'!$G$19=$B$10,7,0)+IF('Standard Profiles'!$G$19=$B$17,14,0)+IF('Standard Profiles'!$G$19=$B$24,21,0),MOD($C7804,24)+1)/SUM(INDEX($D$3:$AA$30,INDEX(Jesper!$R$2:$R$366,ROW(INDEX(Jesper!AI$2:AI$366,ROUNDDOWN($C7804/24,0)+1,1))-1)+IF('Standard Profiles'!$G$19=$B$10,7,0)+IF('Standard Profiles'!$G$19=$B$17,14,0)+IF('Standard Profiles'!$G$19=$B$24,21,0),0)),0)</f>
        <v>0</v>
      </c>
      <c r="F7804" cm="1">
        <f t="array" ref="F7804">IFERROR(INDEX(Jesper!AJ$2:AJ$366,ROUNDDOWN($C7804/24,0)+1,1)*INDEX($D$3:$AA$30,INDEX(Jesper!$R$2:$R$366,ROW(INDEX(Jesper!AJ$2:AJ$366,ROUNDDOWN($C7804/24,0)+1,1))-1)+IF('Standard Profiles'!$G$20=$B$10,7,0)+IF('Standard Profiles'!$G$20=$B$17,14,0)+IF('Standard Profiles'!$G$20=$B$24,21,0),MOD($C7804,24)+1)/SUM(INDEX($D$3:$AA$30,INDEX(Jesper!$R$2:$R$366,ROW(INDEX(Jesper!AJ$2:AJ$366,ROUNDDOWN($C7804/24,0)+1,1))-1)+IF('Standard Profiles'!$G$20=$B$10,7,0)+IF('Standard Profiles'!$G$20=$B$17,14,0)+IF('Standard Profiles'!$G$20=$B$24,21,0),0)),0)</f>
        <v>0</v>
      </c>
      <c r="G7804" cm="1">
        <f t="array" ref="G7804">IFERROR(INDEX(Jesper!AK$2:AK$366,ROUNDDOWN($C7804/24,0)+1,1)*INDEX($D$3:$AA$30,INDEX(Jesper!$R$2:$R$366,ROW(INDEX(Jesper!AK$2:AK$366,ROUNDDOWN($C7804/24,0)+1,1))-1)+IF('Standard Profiles'!$G$21=$B$10,7,0)+IF('Standard Profiles'!$G$21=$B$17,14,0)+IF('Standard Profiles'!$G$21=$B$24,21,0),MOD($C7804,24)+1)/SUM(INDEX($D$3:$AA$30,INDEX(Jesper!$R$2:$R$366,ROW(INDEX(Jesper!AK$2:AK$366,ROUNDDOWN($C7804/24,0)+1,1))-1)+IF('Standard Profiles'!$G$21=$B$10,7,0)+IF('Standard Profiles'!$G$21=$B$17,14,0)+IF('Standard Profiles'!$G$21=$B$24,21,0),0)),0)</f>
        <v>0</v>
      </c>
      <c r="H7804" cm="1">
        <f t="array" ref="H7804">IFERROR(INDEX(Jesper!AL$2:AL$366,ROUNDDOWN($C7804/24,0)+1,1)*INDEX($D$3:$AA$30,INDEX(Jesper!$R$2:$R$366,ROW(INDEX(Jesper!AL$2:AL$366,ROUNDDOWN($C7804/24,0)+1,1))-1)+IF('Standard Profiles'!$G$22=$B$10,7,0)+IF('Standard Profiles'!$G$22=$B$17,14,0)+IF('Standard Profiles'!$G$22=$B$24,21,0),MOD($C7804,24)+1)/SUM(INDEX($D$3:$AA$30,INDEX(Jesper!$R$2:$R$366,ROW(INDEX(Jesper!AL$2:AL$366,ROUNDDOWN($C7804/24,0)+1,1))-1)+IF('Standard Profiles'!$G$22=$B$10,7,0)+IF('Standard Profiles'!$G$22=$B$17,14,0)+IF('Standard Profiles'!$G$22=$B$24,21,0),0)),0)</f>
        <v>0</v>
      </c>
      <c r="I7804">
        <f t="shared" si="867"/>
        <v>0.51102891687351126</v>
      </c>
      <c r="J7804">
        <f t="shared" si="868"/>
        <v>1.7034297229117046</v>
      </c>
      <c r="K7804">
        <f t="shared" si="869"/>
        <v>2.5551445843675564</v>
      </c>
      <c r="L7804">
        <f t="shared" si="870"/>
        <v>12.264694004964271</v>
      </c>
      <c r="M7804">
        <f t="shared" si="871"/>
        <v>0</v>
      </c>
      <c r="N7804" s="46">
        <f t="shared" si="872"/>
        <v>45615.749999981155</v>
      </c>
    </row>
    <row r="7805" spans="2:14" x14ac:dyDescent="0.3">
      <c r="B7805">
        <f t="shared" si="866"/>
        <v>2</v>
      </c>
      <c r="C7805" s="16">
        <v>7771</v>
      </c>
      <c r="D7805" cm="1">
        <f t="array" ref="D7805">IFERROR(INDEX(Jesper!AH$2:AH$366,ROUNDDOWN($C7805/24,0)+1,1)*INDEX($D$3:$AA$30,INDEX(Jesper!$R$2:$R$366,ROW(INDEX(Jesper!AH$2:AH$366,ROUNDDOWN($C7805/24,0)+1,1))-1)+IF('Standard Profiles'!$G$18=$B$10,7,0)+IF('Standard Profiles'!$G$18=$B$17,14,0)+IF('Standard Profiles'!$G$18=$B$24,21,0),MOD($C7805,24)+1)/SUM(INDEX($D$3:$AA$30,INDEX(Jesper!$R$2:$R$366,ROW(INDEX(Jesper!AH$2:AH$366,ROUNDDOWN($C7805/24,0)+1,1))-1)+IF('Standard Profiles'!$G$18=$B$10,7,0)+IF('Standard Profiles'!$G$18=$B$17,14,0)+IF('Standard Profiles'!$G$18=$B$24,21,0),0)),0)</f>
        <v>14.266223929385525</v>
      </c>
      <c r="E7805" cm="1">
        <f t="array" ref="E7805">IFERROR(INDEX(Jesper!AI$2:AI$366,ROUNDDOWN($C7805/24,0)+1,1)*INDEX($D$3:$AA$30,INDEX(Jesper!$R$2:$R$366,ROW(INDEX(Jesper!AI$2:AI$366,ROUNDDOWN($C7805/24,0)+1,1))-1)+IF('Standard Profiles'!$G$19=$B$10,7,0)+IF('Standard Profiles'!$G$19=$B$17,14,0)+IF('Standard Profiles'!$G$19=$B$24,21,0),MOD($C7805,24)+1)/SUM(INDEX($D$3:$AA$30,INDEX(Jesper!$R$2:$R$366,ROW(INDEX(Jesper!AI$2:AI$366,ROUNDDOWN($C7805/24,0)+1,1))-1)+IF('Standard Profiles'!$G$19=$B$10,7,0)+IF('Standard Profiles'!$G$19=$B$17,14,0)+IF('Standard Profiles'!$G$19=$B$24,21,0),0)),0)</f>
        <v>0</v>
      </c>
      <c r="F7805" cm="1">
        <f t="array" ref="F7805">IFERROR(INDEX(Jesper!AJ$2:AJ$366,ROUNDDOWN($C7805/24,0)+1,1)*INDEX($D$3:$AA$30,INDEX(Jesper!$R$2:$R$366,ROW(INDEX(Jesper!AJ$2:AJ$366,ROUNDDOWN($C7805/24,0)+1,1))-1)+IF('Standard Profiles'!$G$20=$B$10,7,0)+IF('Standard Profiles'!$G$20=$B$17,14,0)+IF('Standard Profiles'!$G$20=$B$24,21,0),MOD($C7805,24)+1)/SUM(INDEX($D$3:$AA$30,INDEX(Jesper!$R$2:$R$366,ROW(INDEX(Jesper!AJ$2:AJ$366,ROUNDDOWN($C7805/24,0)+1,1))-1)+IF('Standard Profiles'!$G$20=$B$10,7,0)+IF('Standard Profiles'!$G$20=$B$17,14,0)+IF('Standard Profiles'!$G$20=$B$24,21,0),0)),0)</f>
        <v>0</v>
      </c>
      <c r="G7805" cm="1">
        <f t="array" ref="G7805">IFERROR(INDEX(Jesper!AK$2:AK$366,ROUNDDOWN($C7805/24,0)+1,1)*INDEX($D$3:$AA$30,INDEX(Jesper!$R$2:$R$366,ROW(INDEX(Jesper!AK$2:AK$366,ROUNDDOWN($C7805/24,0)+1,1))-1)+IF('Standard Profiles'!$G$21=$B$10,7,0)+IF('Standard Profiles'!$G$21=$B$17,14,0)+IF('Standard Profiles'!$G$21=$B$24,21,0),MOD($C7805,24)+1)/SUM(INDEX($D$3:$AA$30,INDEX(Jesper!$R$2:$R$366,ROW(INDEX(Jesper!AK$2:AK$366,ROUNDDOWN($C7805/24,0)+1,1))-1)+IF('Standard Profiles'!$G$21=$B$10,7,0)+IF('Standard Profiles'!$G$21=$B$17,14,0)+IF('Standard Profiles'!$G$21=$B$24,21,0),0)),0)</f>
        <v>0</v>
      </c>
      <c r="H7805" cm="1">
        <f t="array" ref="H7805">IFERROR(INDEX(Jesper!AL$2:AL$366,ROUNDDOWN($C7805/24,0)+1,1)*INDEX($D$3:$AA$30,INDEX(Jesper!$R$2:$R$366,ROW(INDEX(Jesper!AL$2:AL$366,ROUNDDOWN($C7805/24,0)+1,1))-1)+IF('Standard Profiles'!$G$22=$B$10,7,0)+IF('Standard Profiles'!$G$22=$B$17,14,0)+IF('Standard Profiles'!$G$22=$B$24,21,0),MOD($C7805,24)+1)/SUM(INDEX($D$3:$AA$30,INDEX(Jesper!$R$2:$R$366,ROW(INDEX(Jesper!AL$2:AL$366,ROUNDDOWN($C7805/24,0)+1,1))-1)+IF('Standard Profiles'!$G$22=$B$10,7,0)+IF('Standard Profiles'!$G$22=$B$17,14,0)+IF('Standard Profiles'!$G$22=$B$24,21,0),0)),0)</f>
        <v>0</v>
      </c>
      <c r="I7805">
        <f t="shared" si="867"/>
        <v>0.42798671788156573</v>
      </c>
      <c r="J7805">
        <f t="shared" si="868"/>
        <v>1.4266223929385526</v>
      </c>
      <c r="K7805">
        <f t="shared" si="869"/>
        <v>2.1399335894078289</v>
      </c>
      <c r="L7805">
        <f t="shared" si="870"/>
        <v>10.271681229157577</v>
      </c>
      <c r="M7805">
        <f t="shared" si="871"/>
        <v>0</v>
      </c>
      <c r="N7805" s="46">
        <f t="shared" si="872"/>
        <v>45615.79166664782</v>
      </c>
    </row>
    <row r="7806" spans="2:14" x14ac:dyDescent="0.3">
      <c r="B7806">
        <f t="shared" si="866"/>
        <v>2</v>
      </c>
      <c r="C7806" s="16">
        <v>7772</v>
      </c>
      <c r="D7806" cm="1">
        <f t="array" ref="D7806">IFERROR(INDEX(Jesper!AH$2:AH$366,ROUNDDOWN($C7806/24,0)+1,1)*INDEX($D$3:$AA$30,INDEX(Jesper!$R$2:$R$366,ROW(INDEX(Jesper!AH$2:AH$366,ROUNDDOWN($C7806/24,0)+1,1))-1)+IF('Standard Profiles'!$G$18=$B$10,7,0)+IF('Standard Profiles'!$G$18=$B$17,14,0)+IF('Standard Profiles'!$G$18=$B$24,21,0),MOD($C7806,24)+1)/SUM(INDEX($D$3:$AA$30,INDEX(Jesper!$R$2:$R$366,ROW(INDEX(Jesper!AH$2:AH$366,ROUNDDOWN($C7806/24,0)+1,1))-1)+IF('Standard Profiles'!$G$18=$B$10,7,0)+IF('Standard Profiles'!$G$18=$B$17,14,0)+IF('Standard Profiles'!$G$18=$B$24,21,0),0)),0)</f>
        <v>11.711079345017966</v>
      </c>
      <c r="E7806" cm="1">
        <f t="array" ref="E7806">IFERROR(INDEX(Jesper!AI$2:AI$366,ROUNDDOWN($C7806/24,0)+1,1)*INDEX($D$3:$AA$30,INDEX(Jesper!$R$2:$R$366,ROW(INDEX(Jesper!AI$2:AI$366,ROUNDDOWN($C7806/24,0)+1,1))-1)+IF('Standard Profiles'!$G$19=$B$10,7,0)+IF('Standard Profiles'!$G$19=$B$17,14,0)+IF('Standard Profiles'!$G$19=$B$24,21,0),MOD($C7806,24)+1)/SUM(INDEX($D$3:$AA$30,INDEX(Jesper!$R$2:$R$366,ROW(INDEX(Jesper!AI$2:AI$366,ROUNDDOWN($C7806/24,0)+1,1))-1)+IF('Standard Profiles'!$G$19=$B$10,7,0)+IF('Standard Profiles'!$G$19=$B$17,14,0)+IF('Standard Profiles'!$G$19=$B$24,21,0),0)),0)</f>
        <v>0</v>
      </c>
      <c r="F7806" cm="1">
        <f t="array" ref="F7806">IFERROR(INDEX(Jesper!AJ$2:AJ$366,ROUNDDOWN($C7806/24,0)+1,1)*INDEX($D$3:$AA$30,INDEX(Jesper!$R$2:$R$366,ROW(INDEX(Jesper!AJ$2:AJ$366,ROUNDDOWN($C7806/24,0)+1,1))-1)+IF('Standard Profiles'!$G$20=$B$10,7,0)+IF('Standard Profiles'!$G$20=$B$17,14,0)+IF('Standard Profiles'!$G$20=$B$24,21,0),MOD($C7806,24)+1)/SUM(INDEX($D$3:$AA$30,INDEX(Jesper!$R$2:$R$366,ROW(INDEX(Jesper!AJ$2:AJ$366,ROUNDDOWN($C7806/24,0)+1,1))-1)+IF('Standard Profiles'!$G$20=$B$10,7,0)+IF('Standard Profiles'!$G$20=$B$17,14,0)+IF('Standard Profiles'!$G$20=$B$24,21,0),0)),0)</f>
        <v>0</v>
      </c>
      <c r="G7806" cm="1">
        <f t="array" ref="G7806">IFERROR(INDEX(Jesper!AK$2:AK$366,ROUNDDOWN($C7806/24,0)+1,1)*INDEX($D$3:$AA$30,INDEX(Jesper!$R$2:$R$366,ROW(INDEX(Jesper!AK$2:AK$366,ROUNDDOWN($C7806/24,0)+1,1))-1)+IF('Standard Profiles'!$G$21=$B$10,7,0)+IF('Standard Profiles'!$G$21=$B$17,14,0)+IF('Standard Profiles'!$G$21=$B$24,21,0),MOD($C7806,24)+1)/SUM(INDEX($D$3:$AA$30,INDEX(Jesper!$R$2:$R$366,ROW(INDEX(Jesper!AK$2:AK$366,ROUNDDOWN($C7806/24,0)+1,1))-1)+IF('Standard Profiles'!$G$21=$B$10,7,0)+IF('Standard Profiles'!$G$21=$B$17,14,0)+IF('Standard Profiles'!$G$21=$B$24,21,0),0)),0)</f>
        <v>0</v>
      </c>
      <c r="H7806" cm="1">
        <f t="array" ref="H7806">IFERROR(INDEX(Jesper!AL$2:AL$366,ROUNDDOWN($C7806/24,0)+1,1)*INDEX($D$3:$AA$30,INDEX(Jesper!$R$2:$R$366,ROW(INDEX(Jesper!AL$2:AL$366,ROUNDDOWN($C7806/24,0)+1,1))-1)+IF('Standard Profiles'!$G$22=$B$10,7,0)+IF('Standard Profiles'!$G$22=$B$17,14,0)+IF('Standard Profiles'!$G$22=$B$24,21,0),MOD($C7806,24)+1)/SUM(INDEX($D$3:$AA$30,INDEX(Jesper!$R$2:$R$366,ROW(INDEX(Jesper!AL$2:AL$366,ROUNDDOWN($C7806/24,0)+1,1))-1)+IF('Standard Profiles'!$G$22=$B$10,7,0)+IF('Standard Profiles'!$G$22=$B$17,14,0)+IF('Standard Profiles'!$G$22=$B$24,21,0),0)),0)</f>
        <v>0</v>
      </c>
      <c r="I7806">
        <f t="shared" si="867"/>
        <v>0.35133238035053899</v>
      </c>
      <c r="J7806">
        <f t="shared" si="868"/>
        <v>1.1711079345017967</v>
      </c>
      <c r="K7806">
        <f t="shared" si="869"/>
        <v>1.7566619017526948</v>
      </c>
      <c r="L7806">
        <f t="shared" si="870"/>
        <v>8.4319771284129352</v>
      </c>
      <c r="M7806">
        <f t="shared" si="871"/>
        <v>0</v>
      </c>
      <c r="N7806" s="46">
        <f t="shared" si="872"/>
        <v>45615.833333314484</v>
      </c>
    </row>
    <row r="7807" spans="2:14" x14ac:dyDescent="0.3">
      <c r="B7807">
        <f t="shared" si="866"/>
        <v>2</v>
      </c>
      <c r="C7807" s="16">
        <v>7773</v>
      </c>
      <c r="D7807" cm="1">
        <f t="array" ref="D7807">IFERROR(INDEX(Jesper!AH$2:AH$366,ROUNDDOWN($C7807/24,0)+1,1)*INDEX($D$3:$AA$30,INDEX(Jesper!$R$2:$R$366,ROW(INDEX(Jesper!AH$2:AH$366,ROUNDDOWN($C7807/24,0)+1,1))-1)+IF('Standard Profiles'!$G$18=$B$10,7,0)+IF('Standard Profiles'!$G$18=$B$17,14,0)+IF('Standard Profiles'!$G$18=$B$24,21,0),MOD($C7807,24)+1)/SUM(INDEX($D$3:$AA$30,INDEX(Jesper!$R$2:$R$366,ROW(INDEX(Jesper!AH$2:AH$366,ROUNDDOWN($C7807/24,0)+1,1))-1)+IF('Standard Profiles'!$G$18=$B$10,7,0)+IF('Standard Profiles'!$G$18=$B$17,14,0)+IF('Standard Profiles'!$G$18=$B$24,21,0),0)),0)</f>
        <v>8.517148614558522</v>
      </c>
      <c r="E7807" cm="1">
        <f t="array" ref="E7807">IFERROR(INDEX(Jesper!AI$2:AI$366,ROUNDDOWN($C7807/24,0)+1,1)*INDEX($D$3:$AA$30,INDEX(Jesper!$R$2:$R$366,ROW(INDEX(Jesper!AI$2:AI$366,ROUNDDOWN($C7807/24,0)+1,1))-1)+IF('Standard Profiles'!$G$19=$B$10,7,0)+IF('Standard Profiles'!$G$19=$B$17,14,0)+IF('Standard Profiles'!$G$19=$B$24,21,0),MOD($C7807,24)+1)/SUM(INDEX($D$3:$AA$30,INDEX(Jesper!$R$2:$R$366,ROW(INDEX(Jesper!AI$2:AI$366,ROUNDDOWN($C7807/24,0)+1,1))-1)+IF('Standard Profiles'!$G$19=$B$10,7,0)+IF('Standard Profiles'!$G$19=$B$17,14,0)+IF('Standard Profiles'!$G$19=$B$24,21,0),0)),0)</f>
        <v>0</v>
      </c>
      <c r="F7807" cm="1">
        <f t="array" ref="F7807">IFERROR(INDEX(Jesper!AJ$2:AJ$366,ROUNDDOWN($C7807/24,0)+1,1)*INDEX($D$3:$AA$30,INDEX(Jesper!$R$2:$R$366,ROW(INDEX(Jesper!AJ$2:AJ$366,ROUNDDOWN($C7807/24,0)+1,1))-1)+IF('Standard Profiles'!$G$20=$B$10,7,0)+IF('Standard Profiles'!$G$20=$B$17,14,0)+IF('Standard Profiles'!$G$20=$B$24,21,0),MOD($C7807,24)+1)/SUM(INDEX($D$3:$AA$30,INDEX(Jesper!$R$2:$R$366,ROW(INDEX(Jesper!AJ$2:AJ$366,ROUNDDOWN($C7807/24,0)+1,1))-1)+IF('Standard Profiles'!$G$20=$B$10,7,0)+IF('Standard Profiles'!$G$20=$B$17,14,0)+IF('Standard Profiles'!$G$20=$B$24,21,0),0)),0)</f>
        <v>0</v>
      </c>
      <c r="G7807" cm="1">
        <f t="array" ref="G7807">IFERROR(INDEX(Jesper!AK$2:AK$366,ROUNDDOWN($C7807/24,0)+1,1)*INDEX($D$3:$AA$30,INDEX(Jesper!$R$2:$R$366,ROW(INDEX(Jesper!AK$2:AK$366,ROUNDDOWN($C7807/24,0)+1,1))-1)+IF('Standard Profiles'!$G$21=$B$10,7,0)+IF('Standard Profiles'!$G$21=$B$17,14,0)+IF('Standard Profiles'!$G$21=$B$24,21,0),MOD($C7807,24)+1)/SUM(INDEX($D$3:$AA$30,INDEX(Jesper!$R$2:$R$366,ROW(INDEX(Jesper!AK$2:AK$366,ROUNDDOWN($C7807/24,0)+1,1))-1)+IF('Standard Profiles'!$G$21=$B$10,7,0)+IF('Standard Profiles'!$G$21=$B$17,14,0)+IF('Standard Profiles'!$G$21=$B$24,21,0),0)),0)</f>
        <v>0</v>
      </c>
      <c r="H7807" cm="1">
        <f t="array" ref="H7807">IFERROR(INDEX(Jesper!AL$2:AL$366,ROUNDDOWN($C7807/24,0)+1,1)*INDEX($D$3:$AA$30,INDEX(Jesper!$R$2:$R$366,ROW(INDEX(Jesper!AL$2:AL$366,ROUNDDOWN($C7807/24,0)+1,1))-1)+IF('Standard Profiles'!$G$22=$B$10,7,0)+IF('Standard Profiles'!$G$22=$B$17,14,0)+IF('Standard Profiles'!$G$22=$B$24,21,0),MOD($C7807,24)+1)/SUM(INDEX($D$3:$AA$30,INDEX(Jesper!$R$2:$R$366,ROW(INDEX(Jesper!AL$2:AL$366,ROUNDDOWN($C7807/24,0)+1,1))-1)+IF('Standard Profiles'!$G$22=$B$10,7,0)+IF('Standard Profiles'!$G$22=$B$17,14,0)+IF('Standard Profiles'!$G$22=$B$24,21,0),0)),0)</f>
        <v>0</v>
      </c>
      <c r="I7807">
        <f t="shared" si="867"/>
        <v>0.25551445843675563</v>
      </c>
      <c r="J7807">
        <f t="shared" si="868"/>
        <v>0.85171486145585229</v>
      </c>
      <c r="K7807">
        <f t="shared" si="869"/>
        <v>1.2775722921837782</v>
      </c>
      <c r="L7807">
        <f t="shared" si="870"/>
        <v>6.1323470024821356</v>
      </c>
      <c r="M7807">
        <f t="shared" si="871"/>
        <v>0</v>
      </c>
      <c r="N7807" s="46">
        <f t="shared" si="872"/>
        <v>45615.874999981148</v>
      </c>
    </row>
    <row r="7808" spans="2:14" x14ac:dyDescent="0.3">
      <c r="B7808">
        <f t="shared" si="866"/>
        <v>2</v>
      </c>
      <c r="C7808" s="16">
        <v>7774</v>
      </c>
      <c r="D7808" cm="1">
        <f t="array" ref="D7808">IFERROR(INDEX(Jesper!AH$2:AH$366,ROUNDDOWN($C7808/24,0)+1,1)*INDEX($D$3:$AA$30,INDEX(Jesper!$R$2:$R$366,ROW(INDEX(Jesper!AH$2:AH$366,ROUNDDOWN($C7808/24,0)+1,1))-1)+IF('Standard Profiles'!$G$18=$B$10,7,0)+IF('Standard Profiles'!$G$18=$B$17,14,0)+IF('Standard Profiles'!$G$18=$B$24,21,0),MOD($C7808,24)+1)/SUM(INDEX($D$3:$AA$30,INDEX(Jesper!$R$2:$R$366,ROW(INDEX(Jesper!AH$2:AH$366,ROUNDDOWN($C7808/24,0)+1,1))-1)+IF('Standard Profiles'!$G$18=$B$10,7,0)+IF('Standard Profiles'!$G$18=$B$17,14,0)+IF('Standard Profiles'!$G$18=$B$24,21,0),0)),0)</f>
        <v>8.517148614558522</v>
      </c>
      <c r="E7808" cm="1">
        <f t="array" ref="E7808">IFERROR(INDEX(Jesper!AI$2:AI$366,ROUNDDOWN($C7808/24,0)+1,1)*INDEX($D$3:$AA$30,INDEX(Jesper!$R$2:$R$366,ROW(INDEX(Jesper!AI$2:AI$366,ROUNDDOWN($C7808/24,0)+1,1))-1)+IF('Standard Profiles'!$G$19=$B$10,7,0)+IF('Standard Profiles'!$G$19=$B$17,14,0)+IF('Standard Profiles'!$G$19=$B$24,21,0),MOD($C7808,24)+1)/SUM(INDEX($D$3:$AA$30,INDEX(Jesper!$R$2:$R$366,ROW(INDEX(Jesper!AI$2:AI$366,ROUNDDOWN($C7808/24,0)+1,1))-1)+IF('Standard Profiles'!$G$19=$B$10,7,0)+IF('Standard Profiles'!$G$19=$B$17,14,0)+IF('Standard Profiles'!$G$19=$B$24,21,0),0)),0)</f>
        <v>0</v>
      </c>
      <c r="F7808" cm="1">
        <f t="array" ref="F7808">IFERROR(INDEX(Jesper!AJ$2:AJ$366,ROUNDDOWN($C7808/24,0)+1,1)*INDEX($D$3:$AA$30,INDEX(Jesper!$R$2:$R$366,ROW(INDEX(Jesper!AJ$2:AJ$366,ROUNDDOWN($C7808/24,0)+1,1))-1)+IF('Standard Profiles'!$G$20=$B$10,7,0)+IF('Standard Profiles'!$G$20=$B$17,14,0)+IF('Standard Profiles'!$G$20=$B$24,21,0),MOD($C7808,24)+1)/SUM(INDEX($D$3:$AA$30,INDEX(Jesper!$R$2:$R$366,ROW(INDEX(Jesper!AJ$2:AJ$366,ROUNDDOWN($C7808/24,0)+1,1))-1)+IF('Standard Profiles'!$G$20=$B$10,7,0)+IF('Standard Profiles'!$G$20=$B$17,14,0)+IF('Standard Profiles'!$G$20=$B$24,21,0),0)),0)</f>
        <v>0</v>
      </c>
      <c r="G7808" cm="1">
        <f t="array" ref="G7808">IFERROR(INDEX(Jesper!AK$2:AK$366,ROUNDDOWN($C7808/24,0)+1,1)*INDEX($D$3:$AA$30,INDEX(Jesper!$R$2:$R$366,ROW(INDEX(Jesper!AK$2:AK$366,ROUNDDOWN($C7808/24,0)+1,1))-1)+IF('Standard Profiles'!$G$21=$B$10,7,0)+IF('Standard Profiles'!$G$21=$B$17,14,0)+IF('Standard Profiles'!$G$21=$B$24,21,0),MOD($C7808,24)+1)/SUM(INDEX($D$3:$AA$30,INDEX(Jesper!$R$2:$R$366,ROW(INDEX(Jesper!AK$2:AK$366,ROUNDDOWN($C7808/24,0)+1,1))-1)+IF('Standard Profiles'!$G$21=$B$10,7,0)+IF('Standard Profiles'!$G$21=$B$17,14,0)+IF('Standard Profiles'!$G$21=$B$24,21,0),0)),0)</f>
        <v>0</v>
      </c>
      <c r="H7808" cm="1">
        <f t="array" ref="H7808">IFERROR(INDEX(Jesper!AL$2:AL$366,ROUNDDOWN($C7808/24,0)+1,1)*INDEX($D$3:$AA$30,INDEX(Jesper!$R$2:$R$366,ROW(INDEX(Jesper!AL$2:AL$366,ROUNDDOWN($C7808/24,0)+1,1))-1)+IF('Standard Profiles'!$G$22=$B$10,7,0)+IF('Standard Profiles'!$G$22=$B$17,14,0)+IF('Standard Profiles'!$G$22=$B$24,21,0),MOD($C7808,24)+1)/SUM(INDEX($D$3:$AA$30,INDEX(Jesper!$R$2:$R$366,ROW(INDEX(Jesper!AL$2:AL$366,ROUNDDOWN($C7808/24,0)+1,1))-1)+IF('Standard Profiles'!$G$22=$B$10,7,0)+IF('Standard Profiles'!$G$22=$B$17,14,0)+IF('Standard Profiles'!$G$22=$B$24,21,0),0)),0)</f>
        <v>0</v>
      </c>
      <c r="I7808">
        <f t="shared" si="867"/>
        <v>0.25551445843675563</v>
      </c>
      <c r="J7808">
        <f t="shared" si="868"/>
        <v>0.85171486145585229</v>
      </c>
      <c r="K7808">
        <f t="shared" si="869"/>
        <v>1.2775722921837782</v>
      </c>
      <c r="L7808">
        <f t="shared" si="870"/>
        <v>6.1323470024821356</v>
      </c>
      <c r="M7808">
        <f t="shared" si="871"/>
        <v>0</v>
      </c>
      <c r="N7808" s="46">
        <f t="shared" si="872"/>
        <v>45615.916666647812</v>
      </c>
    </row>
    <row r="7809" spans="2:14" x14ac:dyDescent="0.3">
      <c r="B7809">
        <f t="shared" si="866"/>
        <v>2</v>
      </c>
      <c r="C7809" s="16">
        <v>7775</v>
      </c>
      <c r="D7809" cm="1">
        <f t="array" ref="D7809">IFERROR(INDEX(Jesper!AH$2:AH$366,ROUNDDOWN($C7809/24,0)+1,1)*INDEX($D$3:$AA$30,INDEX(Jesper!$R$2:$R$366,ROW(INDEX(Jesper!AH$2:AH$366,ROUNDDOWN($C7809/24,0)+1,1))-1)+IF('Standard Profiles'!$G$18=$B$10,7,0)+IF('Standard Profiles'!$G$18=$B$17,14,0)+IF('Standard Profiles'!$G$18=$B$24,21,0),MOD($C7809,24)+1)/SUM(INDEX($D$3:$AA$30,INDEX(Jesper!$R$2:$R$366,ROW(INDEX(Jesper!AH$2:AH$366,ROUNDDOWN($C7809/24,0)+1,1))-1)+IF('Standard Profiles'!$G$18=$B$10,7,0)+IF('Standard Profiles'!$G$18=$B$17,14,0)+IF('Standard Profiles'!$G$18=$B$24,21,0),0)),0)</f>
        <v>8.517148614558522</v>
      </c>
      <c r="E7809" cm="1">
        <f t="array" ref="E7809">IFERROR(INDEX(Jesper!AI$2:AI$366,ROUNDDOWN($C7809/24,0)+1,1)*INDEX($D$3:$AA$30,INDEX(Jesper!$R$2:$R$366,ROW(INDEX(Jesper!AI$2:AI$366,ROUNDDOWN($C7809/24,0)+1,1))-1)+IF('Standard Profiles'!$G$19=$B$10,7,0)+IF('Standard Profiles'!$G$19=$B$17,14,0)+IF('Standard Profiles'!$G$19=$B$24,21,0),MOD($C7809,24)+1)/SUM(INDEX($D$3:$AA$30,INDEX(Jesper!$R$2:$R$366,ROW(INDEX(Jesper!AI$2:AI$366,ROUNDDOWN($C7809/24,0)+1,1))-1)+IF('Standard Profiles'!$G$19=$B$10,7,0)+IF('Standard Profiles'!$G$19=$B$17,14,0)+IF('Standard Profiles'!$G$19=$B$24,21,0),0)),0)</f>
        <v>0</v>
      </c>
      <c r="F7809" cm="1">
        <f t="array" ref="F7809">IFERROR(INDEX(Jesper!AJ$2:AJ$366,ROUNDDOWN($C7809/24,0)+1,1)*INDEX($D$3:$AA$30,INDEX(Jesper!$R$2:$R$366,ROW(INDEX(Jesper!AJ$2:AJ$366,ROUNDDOWN($C7809/24,0)+1,1))-1)+IF('Standard Profiles'!$G$20=$B$10,7,0)+IF('Standard Profiles'!$G$20=$B$17,14,0)+IF('Standard Profiles'!$G$20=$B$24,21,0),MOD($C7809,24)+1)/SUM(INDEX($D$3:$AA$30,INDEX(Jesper!$R$2:$R$366,ROW(INDEX(Jesper!AJ$2:AJ$366,ROUNDDOWN($C7809/24,0)+1,1))-1)+IF('Standard Profiles'!$G$20=$B$10,7,0)+IF('Standard Profiles'!$G$20=$B$17,14,0)+IF('Standard Profiles'!$G$20=$B$24,21,0),0)),0)</f>
        <v>0</v>
      </c>
      <c r="G7809" cm="1">
        <f t="array" ref="G7809">IFERROR(INDEX(Jesper!AK$2:AK$366,ROUNDDOWN($C7809/24,0)+1,1)*INDEX($D$3:$AA$30,INDEX(Jesper!$R$2:$R$366,ROW(INDEX(Jesper!AK$2:AK$366,ROUNDDOWN($C7809/24,0)+1,1))-1)+IF('Standard Profiles'!$G$21=$B$10,7,0)+IF('Standard Profiles'!$G$21=$B$17,14,0)+IF('Standard Profiles'!$G$21=$B$24,21,0),MOD($C7809,24)+1)/SUM(INDEX($D$3:$AA$30,INDEX(Jesper!$R$2:$R$366,ROW(INDEX(Jesper!AK$2:AK$366,ROUNDDOWN($C7809/24,0)+1,1))-1)+IF('Standard Profiles'!$G$21=$B$10,7,0)+IF('Standard Profiles'!$G$21=$B$17,14,0)+IF('Standard Profiles'!$G$21=$B$24,21,0),0)),0)</f>
        <v>0</v>
      </c>
      <c r="H7809" cm="1">
        <f t="array" ref="H7809">IFERROR(INDEX(Jesper!AL$2:AL$366,ROUNDDOWN($C7809/24,0)+1,1)*INDEX($D$3:$AA$30,INDEX(Jesper!$R$2:$R$366,ROW(INDEX(Jesper!AL$2:AL$366,ROUNDDOWN($C7809/24,0)+1,1))-1)+IF('Standard Profiles'!$G$22=$B$10,7,0)+IF('Standard Profiles'!$G$22=$B$17,14,0)+IF('Standard Profiles'!$G$22=$B$24,21,0),MOD($C7809,24)+1)/SUM(INDEX($D$3:$AA$30,INDEX(Jesper!$R$2:$R$366,ROW(INDEX(Jesper!AL$2:AL$366,ROUNDDOWN($C7809/24,0)+1,1))-1)+IF('Standard Profiles'!$G$22=$B$10,7,0)+IF('Standard Profiles'!$G$22=$B$17,14,0)+IF('Standard Profiles'!$G$22=$B$24,21,0),0)),0)</f>
        <v>0</v>
      </c>
      <c r="I7809">
        <f t="shared" si="867"/>
        <v>0.25551445843675563</v>
      </c>
      <c r="J7809">
        <f t="shared" si="868"/>
        <v>0.85171486145585229</v>
      </c>
      <c r="K7809">
        <f t="shared" si="869"/>
        <v>1.2775722921837782</v>
      </c>
      <c r="L7809">
        <f t="shared" si="870"/>
        <v>6.1323470024821356</v>
      </c>
      <c r="M7809">
        <f t="shared" si="871"/>
        <v>0</v>
      </c>
      <c r="N7809" s="46">
        <f t="shared" si="872"/>
        <v>45615.958333314476</v>
      </c>
    </row>
    <row r="7810" spans="2:14" x14ac:dyDescent="0.3">
      <c r="B7810">
        <f t="shared" si="866"/>
        <v>3</v>
      </c>
      <c r="C7810" s="16">
        <v>7776</v>
      </c>
      <c r="D7810" cm="1">
        <f t="array" ref="D7810">IFERROR(INDEX(Jesper!AH$2:AH$366,ROUNDDOWN($C7810/24,0)+1,1)*INDEX($D$3:$AA$30,INDEX(Jesper!$R$2:$R$366,ROW(INDEX(Jesper!AH$2:AH$366,ROUNDDOWN($C7810/24,0)+1,1))-1)+IF('Standard Profiles'!$G$18=$B$10,7,0)+IF('Standard Profiles'!$G$18=$B$17,14,0)+IF('Standard Profiles'!$G$18=$B$24,21,0),MOD($C7810,24)+1)/SUM(INDEX($D$3:$AA$30,INDEX(Jesper!$R$2:$R$366,ROW(INDEX(Jesper!AH$2:AH$366,ROUNDDOWN($C7810/24,0)+1,1))-1)+IF('Standard Profiles'!$G$18=$B$10,7,0)+IF('Standard Profiles'!$G$18=$B$17,14,0)+IF('Standard Profiles'!$G$18=$B$24,21,0),0)),0)</f>
        <v>7.671818602934569</v>
      </c>
      <c r="E7810" cm="1">
        <f t="array" ref="E7810">IFERROR(INDEX(Jesper!AI$2:AI$366,ROUNDDOWN($C7810/24,0)+1,1)*INDEX($D$3:$AA$30,INDEX(Jesper!$R$2:$R$366,ROW(INDEX(Jesper!AI$2:AI$366,ROUNDDOWN($C7810/24,0)+1,1))-1)+IF('Standard Profiles'!$G$19=$B$10,7,0)+IF('Standard Profiles'!$G$19=$B$17,14,0)+IF('Standard Profiles'!$G$19=$B$24,21,0),MOD($C7810,24)+1)/SUM(INDEX($D$3:$AA$30,INDEX(Jesper!$R$2:$R$366,ROW(INDEX(Jesper!AI$2:AI$366,ROUNDDOWN($C7810/24,0)+1,1))-1)+IF('Standard Profiles'!$G$19=$B$10,7,0)+IF('Standard Profiles'!$G$19=$B$17,14,0)+IF('Standard Profiles'!$G$19=$B$24,21,0),0)),0)</f>
        <v>0</v>
      </c>
      <c r="F7810" cm="1">
        <f t="array" ref="F7810">IFERROR(INDEX(Jesper!AJ$2:AJ$366,ROUNDDOWN($C7810/24,0)+1,1)*INDEX($D$3:$AA$30,INDEX(Jesper!$R$2:$R$366,ROW(INDEX(Jesper!AJ$2:AJ$366,ROUNDDOWN($C7810/24,0)+1,1))-1)+IF('Standard Profiles'!$G$20=$B$10,7,0)+IF('Standard Profiles'!$G$20=$B$17,14,0)+IF('Standard Profiles'!$G$20=$B$24,21,0),MOD($C7810,24)+1)/SUM(INDEX($D$3:$AA$30,INDEX(Jesper!$R$2:$R$366,ROW(INDEX(Jesper!AJ$2:AJ$366,ROUNDDOWN($C7810/24,0)+1,1))-1)+IF('Standard Profiles'!$G$20=$B$10,7,0)+IF('Standard Profiles'!$G$20=$B$17,14,0)+IF('Standard Profiles'!$G$20=$B$24,21,0),0)),0)</f>
        <v>0</v>
      </c>
      <c r="G7810" cm="1">
        <f t="array" ref="G7810">IFERROR(INDEX(Jesper!AK$2:AK$366,ROUNDDOWN($C7810/24,0)+1,1)*INDEX($D$3:$AA$30,INDEX(Jesper!$R$2:$R$366,ROW(INDEX(Jesper!AK$2:AK$366,ROUNDDOWN($C7810/24,0)+1,1))-1)+IF('Standard Profiles'!$G$21=$B$10,7,0)+IF('Standard Profiles'!$G$21=$B$17,14,0)+IF('Standard Profiles'!$G$21=$B$24,21,0),MOD($C7810,24)+1)/SUM(INDEX($D$3:$AA$30,INDEX(Jesper!$R$2:$R$366,ROW(INDEX(Jesper!AK$2:AK$366,ROUNDDOWN($C7810/24,0)+1,1))-1)+IF('Standard Profiles'!$G$21=$B$10,7,0)+IF('Standard Profiles'!$G$21=$B$17,14,0)+IF('Standard Profiles'!$G$21=$B$24,21,0),0)),0)</f>
        <v>0</v>
      </c>
      <c r="H7810" cm="1">
        <f t="array" ref="H7810">IFERROR(INDEX(Jesper!AL$2:AL$366,ROUNDDOWN($C7810/24,0)+1,1)*INDEX($D$3:$AA$30,INDEX(Jesper!$R$2:$R$366,ROW(INDEX(Jesper!AL$2:AL$366,ROUNDDOWN($C7810/24,0)+1,1))-1)+IF('Standard Profiles'!$G$22=$B$10,7,0)+IF('Standard Profiles'!$G$22=$B$17,14,0)+IF('Standard Profiles'!$G$22=$B$24,21,0),MOD($C7810,24)+1)/SUM(INDEX($D$3:$AA$30,INDEX(Jesper!$R$2:$R$366,ROW(INDEX(Jesper!AL$2:AL$366,ROUNDDOWN($C7810/24,0)+1,1))-1)+IF('Standard Profiles'!$G$22=$B$10,7,0)+IF('Standard Profiles'!$G$22=$B$17,14,0)+IF('Standard Profiles'!$G$22=$B$24,21,0),0)),0)</f>
        <v>0</v>
      </c>
      <c r="I7810">
        <f t="shared" si="867"/>
        <v>0.23015455808803706</v>
      </c>
      <c r="J7810">
        <f t="shared" si="868"/>
        <v>0.76718186029345692</v>
      </c>
      <c r="K7810">
        <f t="shared" si="869"/>
        <v>1.1507727904401852</v>
      </c>
      <c r="L7810">
        <f t="shared" si="870"/>
        <v>5.5237093941128892</v>
      </c>
      <c r="M7810">
        <f t="shared" si="871"/>
        <v>0</v>
      </c>
      <c r="N7810" s="46">
        <f t="shared" si="872"/>
        <v>45615.999999981141</v>
      </c>
    </row>
    <row r="7811" spans="2:14" x14ac:dyDescent="0.3">
      <c r="B7811">
        <f t="shared" si="866"/>
        <v>3</v>
      </c>
      <c r="C7811" s="16">
        <v>7777</v>
      </c>
      <c r="D7811" cm="1">
        <f t="array" ref="D7811">IFERROR(INDEX(Jesper!AH$2:AH$366,ROUNDDOWN($C7811/24,0)+1,1)*INDEX($D$3:$AA$30,INDEX(Jesper!$R$2:$R$366,ROW(INDEX(Jesper!AH$2:AH$366,ROUNDDOWN($C7811/24,0)+1,1))-1)+IF('Standard Profiles'!$G$18=$B$10,7,0)+IF('Standard Profiles'!$G$18=$B$17,14,0)+IF('Standard Profiles'!$G$18=$B$24,21,0),MOD($C7811,24)+1)/SUM(INDEX($D$3:$AA$30,INDEX(Jesper!$R$2:$R$366,ROW(INDEX(Jesper!AH$2:AH$366,ROUNDDOWN($C7811/24,0)+1,1))-1)+IF('Standard Profiles'!$G$18=$B$10,7,0)+IF('Standard Profiles'!$G$18=$B$17,14,0)+IF('Standard Profiles'!$G$18=$B$24,21,0),0)),0)</f>
        <v>8.6307959283013886</v>
      </c>
      <c r="E7811" cm="1">
        <f t="array" ref="E7811">IFERROR(INDEX(Jesper!AI$2:AI$366,ROUNDDOWN($C7811/24,0)+1,1)*INDEX($D$3:$AA$30,INDEX(Jesper!$R$2:$R$366,ROW(INDEX(Jesper!AI$2:AI$366,ROUNDDOWN($C7811/24,0)+1,1))-1)+IF('Standard Profiles'!$G$19=$B$10,7,0)+IF('Standard Profiles'!$G$19=$B$17,14,0)+IF('Standard Profiles'!$G$19=$B$24,21,0),MOD($C7811,24)+1)/SUM(INDEX($D$3:$AA$30,INDEX(Jesper!$R$2:$R$366,ROW(INDEX(Jesper!AI$2:AI$366,ROUNDDOWN($C7811/24,0)+1,1))-1)+IF('Standard Profiles'!$G$19=$B$10,7,0)+IF('Standard Profiles'!$G$19=$B$17,14,0)+IF('Standard Profiles'!$G$19=$B$24,21,0),0)),0)</f>
        <v>0</v>
      </c>
      <c r="F7811" cm="1">
        <f t="array" ref="F7811">IFERROR(INDEX(Jesper!AJ$2:AJ$366,ROUNDDOWN($C7811/24,0)+1,1)*INDEX($D$3:$AA$30,INDEX(Jesper!$R$2:$R$366,ROW(INDEX(Jesper!AJ$2:AJ$366,ROUNDDOWN($C7811/24,0)+1,1))-1)+IF('Standard Profiles'!$G$20=$B$10,7,0)+IF('Standard Profiles'!$G$20=$B$17,14,0)+IF('Standard Profiles'!$G$20=$B$24,21,0),MOD($C7811,24)+1)/SUM(INDEX($D$3:$AA$30,INDEX(Jesper!$R$2:$R$366,ROW(INDEX(Jesper!AJ$2:AJ$366,ROUNDDOWN($C7811/24,0)+1,1))-1)+IF('Standard Profiles'!$G$20=$B$10,7,0)+IF('Standard Profiles'!$G$20=$B$17,14,0)+IF('Standard Profiles'!$G$20=$B$24,21,0),0)),0)</f>
        <v>0</v>
      </c>
      <c r="G7811" cm="1">
        <f t="array" ref="G7811">IFERROR(INDEX(Jesper!AK$2:AK$366,ROUNDDOWN($C7811/24,0)+1,1)*INDEX($D$3:$AA$30,INDEX(Jesper!$R$2:$R$366,ROW(INDEX(Jesper!AK$2:AK$366,ROUNDDOWN($C7811/24,0)+1,1))-1)+IF('Standard Profiles'!$G$21=$B$10,7,0)+IF('Standard Profiles'!$G$21=$B$17,14,0)+IF('Standard Profiles'!$G$21=$B$24,21,0),MOD($C7811,24)+1)/SUM(INDEX($D$3:$AA$30,INDEX(Jesper!$R$2:$R$366,ROW(INDEX(Jesper!AK$2:AK$366,ROUNDDOWN($C7811/24,0)+1,1))-1)+IF('Standard Profiles'!$G$21=$B$10,7,0)+IF('Standard Profiles'!$G$21=$B$17,14,0)+IF('Standard Profiles'!$G$21=$B$24,21,0),0)),0)</f>
        <v>0</v>
      </c>
      <c r="H7811" cm="1">
        <f t="array" ref="H7811">IFERROR(INDEX(Jesper!AL$2:AL$366,ROUNDDOWN($C7811/24,0)+1,1)*INDEX($D$3:$AA$30,INDEX(Jesper!$R$2:$R$366,ROW(INDEX(Jesper!AL$2:AL$366,ROUNDDOWN($C7811/24,0)+1,1))-1)+IF('Standard Profiles'!$G$22=$B$10,7,0)+IF('Standard Profiles'!$G$22=$B$17,14,0)+IF('Standard Profiles'!$G$22=$B$24,21,0),MOD($C7811,24)+1)/SUM(INDEX($D$3:$AA$30,INDEX(Jesper!$R$2:$R$366,ROW(INDEX(Jesper!AL$2:AL$366,ROUNDDOWN($C7811/24,0)+1,1))-1)+IF('Standard Profiles'!$G$22=$B$10,7,0)+IF('Standard Profiles'!$G$22=$B$17,14,0)+IF('Standard Profiles'!$G$22=$B$24,21,0),0)),0)</f>
        <v>0</v>
      </c>
      <c r="I7811">
        <f t="shared" si="867"/>
        <v>0.25892387784904164</v>
      </c>
      <c r="J7811">
        <f t="shared" si="868"/>
        <v>0.86307959283013891</v>
      </c>
      <c r="K7811">
        <f t="shared" si="869"/>
        <v>1.2946193892452083</v>
      </c>
      <c r="L7811">
        <f t="shared" si="870"/>
        <v>6.2141730683769998</v>
      </c>
      <c r="M7811">
        <f t="shared" si="871"/>
        <v>0</v>
      </c>
      <c r="N7811" s="46">
        <f t="shared" si="872"/>
        <v>45616.041666647805</v>
      </c>
    </row>
    <row r="7812" spans="2:14" x14ac:dyDescent="0.3">
      <c r="B7812">
        <f t="shared" si="866"/>
        <v>3</v>
      </c>
      <c r="C7812" s="16">
        <v>7778</v>
      </c>
      <c r="D7812" cm="1">
        <f t="array" ref="D7812">IFERROR(INDEX(Jesper!AH$2:AH$366,ROUNDDOWN($C7812/24,0)+1,1)*INDEX($D$3:$AA$30,INDEX(Jesper!$R$2:$R$366,ROW(INDEX(Jesper!AH$2:AH$366,ROUNDDOWN($C7812/24,0)+1,1))-1)+IF('Standard Profiles'!$G$18=$B$10,7,0)+IF('Standard Profiles'!$G$18=$B$17,14,0)+IF('Standard Profiles'!$G$18=$B$24,21,0),MOD($C7812,24)+1)/SUM(INDEX($D$3:$AA$30,INDEX(Jesper!$R$2:$R$366,ROW(INDEX(Jesper!AH$2:AH$366,ROUNDDOWN($C7812/24,0)+1,1))-1)+IF('Standard Profiles'!$G$18=$B$10,7,0)+IF('Standard Profiles'!$G$18=$B$17,14,0)+IF('Standard Profiles'!$G$18=$B$24,21,0),0)),0)</f>
        <v>8.6307959283013886</v>
      </c>
      <c r="E7812" cm="1">
        <f t="array" ref="E7812">IFERROR(INDEX(Jesper!AI$2:AI$366,ROUNDDOWN($C7812/24,0)+1,1)*INDEX($D$3:$AA$30,INDEX(Jesper!$R$2:$R$366,ROW(INDEX(Jesper!AI$2:AI$366,ROUNDDOWN($C7812/24,0)+1,1))-1)+IF('Standard Profiles'!$G$19=$B$10,7,0)+IF('Standard Profiles'!$G$19=$B$17,14,0)+IF('Standard Profiles'!$G$19=$B$24,21,0),MOD($C7812,24)+1)/SUM(INDEX($D$3:$AA$30,INDEX(Jesper!$R$2:$R$366,ROW(INDEX(Jesper!AI$2:AI$366,ROUNDDOWN($C7812/24,0)+1,1))-1)+IF('Standard Profiles'!$G$19=$B$10,7,0)+IF('Standard Profiles'!$G$19=$B$17,14,0)+IF('Standard Profiles'!$G$19=$B$24,21,0),0)),0)</f>
        <v>0</v>
      </c>
      <c r="F7812" cm="1">
        <f t="array" ref="F7812">IFERROR(INDEX(Jesper!AJ$2:AJ$366,ROUNDDOWN($C7812/24,0)+1,1)*INDEX($D$3:$AA$30,INDEX(Jesper!$R$2:$R$366,ROW(INDEX(Jesper!AJ$2:AJ$366,ROUNDDOWN($C7812/24,0)+1,1))-1)+IF('Standard Profiles'!$G$20=$B$10,7,0)+IF('Standard Profiles'!$G$20=$B$17,14,0)+IF('Standard Profiles'!$G$20=$B$24,21,0),MOD($C7812,24)+1)/SUM(INDEX($D$3:$AA$30,INDEX(Jesper!$R$2:$R$366,ROW(INDEX(Jesper!AJ$2:AJ$366,ROUNDDOWN($C7812/24,0)+1,1))-1)+IF('Standard Profiles'!$G$20=$B$10,7,0)+IF('Standard Profiles'!$G$20=$B$17,14,0)+IF('Standard Profiles'!$G$20=$B$24,21,0),0)),0)</f>
        <v>0</v>
      </c>
      <c r="G7812" cm="1">
        <f t="array" ref="G7812">IFERROR(INDEX(Jesper!AK$2:AK$366,ROUNDDOWN($C7812/24,0)+1,1)*INDEX($D$3:$AA$30,INDEX(Jesper!$R$2:$R$366,ROW(INDEX(Jesper!AK$2:AK$366,ROUNDDOWN($C7812/24,0)+1,1))-1)+IF('Standard Profiles'!$G$21=$B$10,7,0)+IF('Standard Profiles'!$G$21=$B$17,14,0)+IF('Standard Profiles'!$G$21=$B$24,21,0),MOD($C7812,24)+1)/SUM(INDEX($D$3:$AA$30,INDEX(Jesper!$R$2:$R$366,ROW(INDEX(Jesper!AK$2:AK$366,ROUNDDOWN($C7812/24,0)+1,1))-1)+IF('Standard Profiles'!$G$21=$B$10,7,0)+IF('Standard Profiles'!$G$21=$B$17,14,0)+IF('Standard Profiles'!$G$21=$B$24,21,0),0)),0)</f>
        <v>0</v>
      </c>
      <c r="H7812" cm="1">
        <f t="array" ref="H7812">IFERROR(INDEX(Jesper!AL$2:AL$366,ROUNDDOWN($C7812/24,0)+1,1)*INDEX($D$3:$AA$30,INDEX(Jesper!$R$2:$R$366,ROW(INDEX(Jesper!AL$2:AL$366,ROUNDDOWN($C7812/24,0)+1,1))-1)+IF('Standard Profiles'!$G$22=$B$10,7,0)+IF('Standard Profiles'!$G$22=$B$17,14,0)+IF('Standard Profiles'!$G$22=$B$24,21,0),MOD($C7812,24)+1)/SUM(INDEX($D$3:$AA$30,INDEX(Jesper!$R$2:$R$366,ROW(INDEX(Jesper!AL$2:AL$366,ROUNDDOWN($C7812/24,0)+1,1))-1)+IF('Standard Profiles'!$G$22=$B$10,7,0)+IF('Standard Profiles'!$G$22=$B$17,14,0)+IF('Standard Profiles'!$G$22=$B$24,21,0),0)),0)</f>
        <v>0</v>
      </c>
      <c r="I7812">
        <f t="shared" si="867"/>
        <v>0.25892387784904164</v>
      </c>
      <c r="J7812">
        <f t="shared" si="868"/>
        <v>0.86307959283013891</v>
      </c>
      <c r="K7812">
        <f t="shared" si="869"/>
        <v>1.2946193892452083</v>
      </c>
      <c r="L7812">
        <f t="shared" si="870"/>
        <v>6.2141730683769998</v>
      </c>
      <c r="M7812">
        <f t="shared" si="871"/>
        <v>0</v>
      </c>
      <c r="N7812" s="46">
        <f t="shared" si="872"/>
        <v>45616.083333314469</v>
      </c>
    </row>
    <row r="7813" spans="2:14" x14ac:dyDescent="0.3">
      <c r="B7813">
        <f t="shared" si="866"/>
        <v>3</v>
      </c>
      <c r="C7813" s="16">
        <v>7779</v>
      </c>
      <c r="D7813" cm="1">
        <f t="array" ref="D7813">IFERROR(INDEX(Jesper!AH$2:AH$366,ROUNDDOWN($C7813/24,0)+1,1)*INDEX($D$3:$AA$30,INDEX(Jesper!$R$2:$R$366,ROW(INDEX(Jesper!AH$2:AH$366,ROUNDDOWN($C7813/24,0)+1,1))-1)+IF('Standard Profiles'!$G$18=$B$10,7,0)+IF('Standard Profiles'!$G$18=$B$17,14,0)+IF('Standard Profiles'!$G$18=$B$24,21,0),MOD($C7813,24)+1)/SUM(INDEX($D$3:$AA$30,INDEX(Jesper!$R$2:$R$366,ROW(INDEX(Jesper!AH$2:AH$366,ROUNDDOWN($C7813/24,0)+1,1))-1)+IF('Standard Profiles'!$G$18=$B$10,7,0)+IF('Standard Profiles'!$G$18=$B$17,14,0)+IF('Standard Profiles'!$G$18=$B$24,21,0),0)),0)</f>
        <v>8.6307959283013886</v>
      </c>
      <c r="E7813" cm="1">
        <f t="array" ref="E7813">IFERROR(INDEX(Jesper!AI$2:AI$366,ROUNDDOWN($C7813/24,0)+1,1)*INDEX($D$3:$AA$30,INDEX(Jesper!$R$2:$R$366,ROW(INDEX(Jesper!AI$2:AI$366,ROUNDDOWN($C7813/24,0)+1,1))-1)+IF('Standard Profiles'!$G$19=$B$10,7,0)+IF('Standard Profiles'!$G$19=$B$17,14,0)+IF('Standard Profiles'!$G$19=$B$24,21,0),MOD($C7813,24)+1)/SUM(INDEX($D$3:$AA$30,INDEX(Jesper!$R$2:$R$366,ROW(INDEX(Jesper!AI$2:AI$366,ROUNDDOWN($C7813/24,0)+1,1))-1)+IF('Standard Profiles'!$G$19=$B$10,7,0)+IF('Standard Profiles'!$G$19=$B$17,14,0)+IF('Standard Profiles'!$G$19=$B$24,21,0),0)),0)</f>
        <v>0</v>
      </c>
      <c r="F7813" cm="1">
        <f t="array" ref="F7813">IFERROR(INDEX(Jesper!AJ$2:AJ$366,ROUNDDOWN($C7813/24,0)+1,1)*INDEX($D$3:$AA$30,INDEX(Jesper!$R$2:$R$366,ROW(INDEX(Jesper!AJ$2:AJ$366,ROUNDDOWN($C7813/24,0)+1,1))-1)+IF('Standard Profiles'!$G$20=$B$10,7,0)+IF('Standard Profiles'!$G$20=$B$17,14,0)+IF('Standard Profiles'!$G$20=$B$24,21,0),MOD($C7813,24)+1)/SUM(INDEX($D$3:$AA$30,INDEX(Jesper!$R$2:$R$366,ROW(INDEX(Jesper!AJ$2:AJ$366,ROUNDDOWN($C7813/24,0)+1,1))-1)+IF('Standard Profiles'!$G$20=$B$10,7,0)+IF('Standard Profiles'!$G$20=$B$17,14,0)+IF('Standard Profiles'!$G$20=$B$24,21,0),0)),0)</f>
        <v>0</v>
      </c>
      <c r="G7813" cm="1">
        <f t="array" ref="G7813">IFERROR(INDEX(Jesper!AK$2:AK$366,ROUNDDOWN($C7813/24,0)+1,1)*INDEX($D$3:$AA$30,INDEX(Jesper!$R$2:$R$366,ROW(INDEX(Jesper!AK$2:AK$366,ROUNDDOWN($C7813/24,0)+1,1))-1)+IF('Standard Profiles'!$G$21=$B$10,7,0)+IF('Standard Profiles'!$G$21=$B$17,14,0)+IF('Standard Profiles'!$G$21=$B$24,21,0),MOD($C7813,24)+1)/SUM(INDEX($D$3:$AA$30,INDEX(Jesper!$R$2:$R$366,ROW(INDEX(Jesper!AK$2:AK$366,ROUNDDOWN($C7813/24,0)+1,1))-1)+IF('Standard Profiles'!$G$21=$B$10,7,0)+IF('Standard Profiles'!$G$21=$B$17,14,0)+IF('Standard Profiles'!$G$21=$B$24,21,0),0)),0)</f>
        <v>0</v>
      </c>
      <c r="H7813" cm="1">
        <f t="array" ref="H7813">IFERROR(INDEX(Jesper!AL$2:AL$366,ROUNDDOWN($C7813/24,0)+1,1)*INDEX($D$3:$AA$30,INDEX(Jesper!$R$2:$R$366,ROW(INDEX(Jesper!AL$2:AL$366,ROUNDDOWN($C7813/24,0)+1,1))-1)+IF('Standard Profiles'!$G$22=$B$10,7,0)+IF('Standard Profiles'!$G$22=$B$17,14,0)+IF('Standard Profiles'!$G$22=$B$24,21,0),MOD($C7813,24)+1)/SUM(INDEX($D$3:$AA$30,INDEX(Jesper!$R$2:$R$366,ROW(INDEX(Jesper!AL$2:AL$366,ROUNDDOWN($C7813/24,0)+1,1))-1)+IF('Standard Profiles'!$G$22=$B$10,7,0)+IF('Standard Profiles'!$G$22=$B$17,14,0)+IF('Standard Profiles'!$G$22=$B$24,21,0),0)),0)</f>
        <v>0</v>
      </c>
      <c r="I7813">
        <f t="shared" si="867"/>
        <v>0.25892387784904164</v>
      </c>
      <c r="J7813">
        <f t="shared" si="868"/>
        <v>0.86307959283013891</v>
      </c>
      <c r="K7813">
        <f t="shared" si="869"/>
        <v>1.2946193892452083</v>
      </c>
      <c r="L7813">
        <f t="shared" si="870"/>
        <v>6.2141730683769998</v>
      </c>
      <c r="M7813">
        <f t="shared" si="871"/>
        <v>0</v>
      </c>
      <c r="N7813" s="46">
        <f t="shared" si="872"/>
        <v>45616.124999981133</v>
      </c>
    </row>
    <row r="7814" spans="2:14" x14ac:dyDescent="0.3">
      <c r="B7814">
        <f t="shared" si="866"/>
        <v>3</v>
      </c>
      <c r="C7814" s="16">
        <v>7780</v>
      </c>
      <c r="D7814" cm="1">
        <f t="array" ref="D7814">IFERROR(INDEX(Jesper!AH$2:AH$366,ROUNDDOWN($C7814/24,0)+1,1)*INDEX($D$3:$AA$30,INDEX(Jesper!$R$2:$R$366,ROW(INDEX(Jesper!AH$2:AH$366,ROUNDDOWN($C7814/24,0)+1,1))-1)+IF('Standard Profiles'!$G$18=$B$10,7,0)+IF('Standard Profiles'!$G$18=$B$17,14,0)+IF('Standard Profiles'!$G$18=$B$24,21,0),MOD($C7814,24)+1)/SUM(INDEX($D$3:$AA$30,INDEX(Jesper!$R$2:$R$366,ROW(INDEX(Jesper!AH$2:AH$366,ROUNDDOWN($C7814/24,0)+1,1))-1)+IF('Standard Profiles'!$G$18=$B$10,7,0)+IF('Standard Profiles'!$G$18=$B$17,14,0)+IF('Standard Profiles'!$G$18=$B$24,21,0),0)),0)</f>
        <v>8.6307959283013886</v>
      </c>
      <c r="E7814" cm="1">
        <f t="array" ref="E7814">IFERROR(INDEX(Jesper!AI$2:AI$366,ROUNDDOWN($C7814/24,0)+1,1)*INDEX($D$3:$AA$30,INDEX(Jesper!$R$2:$R$366,ROW(INDEX(Jesper!AI$2:AI$366,ROUNDDOWN($C7814/24,0)+1,1))-1)+IF('Standard Profiles'!$G$19=$B$10,7,0)+IF('Standard Profiles'!$G$19=$B$17,14,0)+IF('Standard Profiles'!$G$19=$B$24,21,0),MOD($C7814,24)+1)/SUM(INDEX($D$3:$AA$30,INDEX(Jesper!$R$2:$R$366,ROW(INDEX(Jesper!AI$2:AI$366,ROUNDDOWN($C7814/24,0)+1,1))-1)+IF('Standard Profiles'!$G$19=$B$10,7,0)+IF('Standard Profiles'!$G$19=$B$17,14,0)+IF('Standard Profiles'!$G$19=$B$24,21,0),0)),0)</f>
        <v>0</v>
      </c>
      <c r="F7814" cm="1">
        <f t="array" ref="F7814">IFERROR(INDEX(Jesper!AJ$2:AJ$366,ROUNDDOWN($C7814/24,0)+1,1)*INDEX($D$3:$AA$30,INDEX(Jesper!$R$2:$R$366,ROW(INDEX(Jesper!AJ$2:AJ$366,ROUNDDOWN($C7814/24,0)+1,1))-1)+IF('Standard Profiles'!$G$20=$B$10,7,0)+IF('Standard Profiles'!$G$20=$B$17,14,0)+IF('Standard Profiles'!$G$20=$B$24,21,0),MOD($C7814,24)+1)/SUM(INDEX($D$3:$AA$30,INDEX(Jesper!$R$2:$R$366,ROW(INDEX(Jesper!AJ$2:AJ$366,ROUNDDOWN($C7814/24,0)+1,1))-1)+IF('Standard Profiles'!$G$20=$B$10,7,0)+IF('Standard Profiles'!$G$20=$B$17,14,0)+IF('Standard Profiles'!$G$20=$B$24,21,0),0)),0)</f>
        <v>0</v>
      </c>
      <c r="G7814" cm="1">
        <f t="array" ref="G7814">IFERROR(INDEX(Jesper!AK$2:AK$366,ROUNDDOWN($C7814/24,0)+1,1)*INDEX($D$3:$AA$30,INDEX(Jesper!$R$2:$R$366,ROW(INDEX(Jesper!AK$2:AK$366,ROUNDDOWN($C7814/24,0)+1,1))-1)+IF('Standard Profiles'!$G$21=$B$10,7,0)+IF('Standard Profiles'!$G$21=$B$17,14,0)+IF('Standard Profiles'!$G$21=$B$24,21,0),MOD($C7814,24)+1)/SUM(INDEX($D$3:$AA$30,INDEX(Jesper!$R$2:$R$366,ROW(INDEX(Jesper!AK$2:AK$366,ROUNDDOWN($C7814/24,0)+1,1))-1)+IF('Standard Profiles'!$G$21=$B$10,7,0)+IF('Standard Profiles'!$G$21=$B$17,14,0)+IF('Standard Profiles'!$G$21=$B$24,21,0),0)),0)</f>
        <v>0</v>
      </c>
      <c r="H7814" cm="1">
        <f t="array" ref="H7814">IFERROR(INDEX(Jesper!AL$2:AL$366,ROUNDDOWN($C7814/24,0)+1,1)*INDEX($D$3:$AA$30,INDEX(Jesper!$R$2:$R$366,ROW(INDEX(Jesper!AL$2:AL$366,ROUNDDOWN($C7814/24,0)+1,1))-1)+IF('Standard Profiles'!$G$22=$B$10,7,0)+IF('Standard Profiles'!$G$22=$B$17,14,0)+IF('Standard Profiles'!$G$22=$B$24,21,0),MOD($C7814,24)+1)/SUM(INDEX($D$3:$AA$30,INDEX(Jesper!$R$2:$R$366,ROW(INDEX(Jesper!AL$2:AL$366,ROUNDDOWN($C7814/24,0)+1,1))-1)+IF('Standard Profiles'!$G$22=$B$10,7,0)+IF('Standard Profiles'!$G$22=$B$17,14,0)+IF('Standard Profiles'!$G$22=$B$24,21,0),0)),0)</f>
        <v>0</v>
      </c>
      <c r="I7814">
        <f t="shared" si="867"/>
        <v>0.25892387784904164</v>
      </c>
      <c r="J7814">
        <f t="shared" si="868"/>
        <v>0.86307959283013891</v>
      </c>
      <c r="K7814">
        <f t="shared" si="869"/>
        <v>1.2946193892452083</v>
      </c>
      <c r="L7814">
        <f t="shared" si="870"/>
        <v>6.2141730683769998</v>
      </c>
      <c r="M7814">
        <f t="shared" si="871"/>
        <v>0</v>
      </c>
      <c r="N7814" s="46">
        <f t="shared" si="872"/>
        <v>45616.166666647798</v>
      </c>
    </row>
    <row r="7815" spans="2:14" x14ac:dyDescent="0.3">
      <c r="B7815">
        <f t="shared" si="866"/>
        <v>3</v>
      </c>
      <c r="C7815" s="16">
        <v>7781</v>
      </c>
      <c r="D7815" cm="1">
        <f t="array" ref="D7815">IFERROR(INDEX(Jesper!AH$2:AH$366,ROUNDDOWN($C7815/24,0)+1,1)*INDEX($D$3:$AA$30,INDEX(Jesper!$R$2:$R$366,ROW(INDEX(Jesper!AH$2:AH$366,ROUNDDOWN($C7815/24,0)+1,1))-1)+IF('Standard Profiles'!$G$18=$B$10,7,0)+IF('Standard Profiles'!$G$18=$B$17,14,0)+IF('Standard Profiles'!$G$18=$B$24,21,0),MOD($C7815,24)+1)/SUM(INDEX($D$3:$AA$30,INDEX(Jesper!$R$2:$R$366,ROW(INDEX(Jesper!AH$2:AH$366,ROUNDDOWN($C7815/24,0)+1,1))-1)+IF('Standard Profiles'!$G$18=$B$10,7,0)+IF('Standard Profiles'!$G$18=$B$17,14,0)+IF('Standard Profiles'!$G$18=$B$24,21,0),0)),0)</f>
        <v>11.124136974255125</v>
      </c>
      <c r="E7815" cm="1">
        <f t="array" ref="E7815">IFERROR(INDEX(Jesper!AI$2:AI$366,ROUNDDOWN($C7815/24,0)+1,1)*INDEX($D$3:$AA$30,INDEX(Jesper!$R$2:$R$366,ROW(INDEX(Jesper!AI$2:AI$366,ROUNDDOWN($C7815/24,0)+1,1))-1)+IF('Standard Profiles'!$G$19=$B$10,7,0)+IF('Standard Profiles'!$G$19=$B$17,14,0)+IF('Standard Profiles'!$G$19=$B$24,21,0),MOD($C7815,24)+1)/SUM(INDEX($D$3:$AA$30,INDEX(Jesper!$R$2:$R$366,ROW(INDEX(Jesper!AI$2:AI$366,ROUNDDOWN($C7815/24,0)+1,1))-1)+IF('Standard Profiles'!$G$19=$B$10,7,0)+IF('Standard Profiles'!$G$19=$B$17,14,0)+IF('Standard Profiles'!$G$19=$B$24,21,0),0)),0)</f>
        <v>0</v>
      </c>
      <c r="F7815" cm="1">
        <f t="array" ref="F7815">IFERROR(INDEX(Jesper!AJ$2:AJ$366,ROUNDDOWN($C7815/24,0)+1,1)*INDEX($D$3:$AA$30,INDEX(Jesper!$R$2:$R$366,ROW(INDEX(Jesper!AJ$2:AJ$366,ROUNDDOWN($C7815/24,0)+1,1))-1)+IF('Standard Profiles'!$G$20=$B$10,7,0)+IF('Standard Profiles'!$G$20=$B$17,14,0)+IF('Standard Profiles'!$G$20=$B$24,21,0),MOD($C7815,24)+1)/SUM(INDEX($D$3:$AA$30,INDEX(Jesper!$R$2:$R$366,ROW(INDEX(Jesper!AJ$2:AJ$366,ROUNDDOWN($C7815/24,0)+1,1))-1)+IF('Standard Profiles'!$G$20=$B$10,7,0)+IF('Standard Profiles'!$G$20=$B$17,14,0)+IF('Standard Profiles'!$G$20=$B$24,21,0),0)),0)</f>
        <v>0</v>
      </c>
      <c r="G7815" cm="1">
        <f t="array" ref="G7815">IFERROR(INDEX(Jesper!AK$2:AK$366,ROUNDDOWN($C7815/24,0)+1,1)*INDEX($D$3:$AA$30,INDEX(Jesper!$R$2:$R$366,ROW(INDEX(Jesper!AK$2:AK$366,ROUNDDOWN($C7815/24,0)+1,1))-1)+IF('Standard Profiles'!$G$21=$B$10,7,0)+IF('Standard Profiles'!$G$21=$B$17,14,0)+IF('Standard Profiles'!$G$21=$B$24,21,0),MOD($C7815,24)+1)/SUM(INDEX($D$3:$AA$30,INDEX(Jesper!$R$2:$R$366,ROW(INDEX(Jesper!AK$2:AK$366,ROUNDDOWN($C7815/24,0)+1,1))-1)+IF('Standard Profiles'!$G$21=$B$10,7,0)+IF('Standard Profiles'!$G$21=$B$17,14,0)+IF('Standard Profiles'!$G$21=$B$24,21,0),0)),0)</f>
        <v>0</v>
      </c>
      <c r="H7815" cm="1">
        <f t="array" ref="H7815">IFERROR(INDEX(Jesper!AL$2:AL$366,ROUNDDOWN($C7815/24,0)+1,1)*INDEX($D$3:$AA$30,INDEX(Jesper!$R$2:$R$366,ROW(INDEX(Jesper!AL$2:AL$366,ROUNDDOWN($C7815/24,0)+1,1))-1)+IF('Standard Profiles'!$G$22=$B$10,7,0)+IF('Standard Profiles'!$G$22=$B$17,14,0)+IF('Standard Profiles'!$G$22=$B$24,21,0),MOD($C7815,24)+1)/SUM(INDEX($D$3:$AA$30,INDEX(Jesper!$R$2:$R$366,ROW(INDEX(Jesper!AL$2:AL$366,ROUNDDOWN($C7815/24,0)+1,1))-1)+IF('Standard Profiles'!$G$22=$B$10,7,0)+IF('Standard Profiles'!$G$22=$B$17,14,0)+IF('Standard Profiles'!$G$22=$B$24,21,0),0)),0)</f>
        <v>0</v>
      </c>
      <c r="I7815">
        <f t="shared" si="867"/>
        <v>0.33372410922765372</v>
      </c>
      <c r="J7815">
        <f t="shared" si="868"/>
        <v>1.1124136974255125</v>
      </c>
      <c r="K7815">
        <f t="shared" si="869"/>
        <v>1.6686205461382686</v>
      </c>
      <c r="L7815">
        <f t="shared" si="870"/>
        <v>8.0093786214636893</v>
      </c>
      <c r="M7815">
        <f t="shared" si="871"/>
        <v>0</v>
      </c>
      <c r="N7815" s="46">
        <f t="shared" si="872"/>
        <v>45616.208333314462</v>
      </c>
    </row>
    <row r="7816" spans="2:14" x14ac:dyDescent="0.3">
      <c r="B7816">
        <f t="shared" si="866"/>
        <v>3</v>
      </c>
      <c r="C7816" s="16">
        <v>7782</v>
      </c>
      <c r="D7816" cm="1">
        <f t="array" ref="D7816">IFERROR(INDEX(Jesper!AH$2:AH$366,ROUNDDOWN($C7816/24,0)+1,1)*INDEX($D$3:$AA$30,INDEX(Jesper!$R$2:$R$366,ROW(INDEX(Jesper!AH$2:AH$366,ROUNDDOWN($C7816/24,0)+1,1))-1)+IF('Standard Profiles'!$G$18=$B$10,7,0)+IF('Standard Profiles'!$G$18=$B$17,14,0)+IF('Standard Profiles'!$G$18=$B$24,21,0),MOD($C7816,24)+1)/SUM(INDEX($D$3:$AA$30,INDEX(Jesper!$R$2:$R$366,ROW(INDEX(Jesper!AH$2:AH$366,ROUNDDOWN($C7816/24,0)+1,1))-1)+IF('Standard Profiles'!$G$18=$B$10,7,0)+IF('Standard Profiles'!$G$18=$B$17,14,0)+IF('Standard Profiles'!$G$18=$B$24,21,0),0)),0)</f>
        <v>12.850296159915402</v>
      </c>
      <c r="E7816" cm="1">
        <f t="array" ref="E7816">IFERROR(INDEX(Jesper!AI$2:AI$366,ROUNDDOWN($C7816/24,0)+1,1)*INDEX($D$3:$AA$30,INDEX(Jesper!$R$2:$R$366,ROW(INDEX(Jesper!AI$2:AI$366,ROUNDDOWN($C7816/24,0)+1,1))-1)+IF('Standard Profiles'!$G$19=$B$10,7,0)+IF('Standard Profiles'!$G$19=$B$17,14,0)+IF('Standard Profiles'!$G$19=$B$24,21,0),MOD($C7816,24)+1)/SUM(INDEX($D$3:$AA$30,INDEX(Jesper!$R$2:$R$366,ROW(INDEX(Jesper!AI$2:AI$366,ROUNDDOWN($C7816/24,0)+1,1))-1)+IF('Standard Profiles'!$G$19=$B$10,7,0)+IF('Standard Profiles'!$G$19=$B$17,14,0)+IF('Standard Profiles'!$G$19=$B$24,21,0),0)),0)</f>
        <v>0</v>
      </c>
      <c r="F7816" cm="1">
        <f t="array" ref="F7816">IFERROR(INDEX(Jesper!AJ$2:AJ$366,ROUNDDOWN($C7816/24,0)+1,1)*INDEX($D$3:$AA$30,INDEX(Jesper!$R$2:$R$366,ROW(INDEX(Jesper!AJ$2:AJ$366,ROUNDDOWN($C7816/24,0)+1,1))-1)+IF('Standard Profiles'!$G$20=$B$10,7,0)+IF('Standard Profiles'!$G$20=$B$17,14,0)+IF('Standard Profiles'!$G$20=$B$24,21,0),MOD($C7816,24)+1)/SUM(INDEX($D$3:$AA$30,INDEX(Jesper!$R$2:$R$366,ROW(INDEX(Jesper!AJ$2:AJ$366,ROUNDDOWN($C7816/24,0)+1,1))-1)+IF('Standard Profiles'!$G$20=$B$10,7,0)+IF('Standard Profiles'!$G$20=$B$17,14,0)+IF('Standard Profiles'!$G$20=$B$24,21,0),0)),0)</f>
        <v>0</v>
      </c>
      <c r="G7816" cm="1">
        <f t="array" ref="G7816">IFERROR(INDEX(Jesper!AK$2:AK$366,ROUNDDOWN($C7816/24,0)+1,1)*INDEX($D$3:$AA$30,INDEX(Jesper!$R$2:$R$366,ROW(INDEX(Jesper!AK$2:AK$366,ROUNDDOWN($C7816/24,0)+1,1))-1)+IF('Standard Profiles'!$G$21=$B$10,7,0)+IF('Standard Profiles'!$G$21=$B$17,14,0)+IF('Standard Profiles'!$G$21=$B$24,21,0),MOD($C7816,24)+1)/SUM(INDEX($D$3:$AA$30,INDEX(Jesper!$R$2:$R$366,ROW(INDEX(Jesper!AK$2:AK$366,ROUNDDOWN($C7816/24,0)+1,1))-1)+IF('Standard Profiles'!$G$21=$B$10,7,0)+IF('Standard Profiles'!$G$21=$B$17,14,0)+IF('Standard Profiles'!$G$21=$B$24,21,0),0)),0)</f>
        <v>0</v>
      </c>
      <c r="H7816" cm="1">
        <f t="array" ref="H7816">IFERROR(INDEX(Jesper!AL$2:AL$366,ROUNDDOWN($C7816/24,0)+1,1)*INDEX($D$3:$AA$30,INDEX(Jesper!$R$2:$R$366,ROW(INDEX(Jesper!AL$2:AL$366,ROUNDDOWN($C7816/24,0)+1,1))-1)+IF('Standard Profiles'!$G$22=$B$10,7,0)+IF('Standard Profiles'!$G$22=$B$17,14,0)+IF('Standard Profiles'!$G$22=$B$24,21,0),MOD($C7816,24)+1)/SUM(INDEX($D$3:$AA$30,INDEX(Jesper!$R$2:$R$366,ROW(INDEX(Jesper!AL$2:AL$366,ROUNDDOWN($C7816/24,0)+1,1))-1)+IF('Standard Profiles'!$G$22=$B$10,7,0)+IF('Standard Profiles'!$G$22=$B$17,14,0)+IF('Standard Profiles'!$G$22=$B$24,21,0),0)),0)</f>
        <v>0</v>
      </c>
      <c r="I7816">
        <f t="shared" si="867"/>
        <v>0.38550888479746204</v>
      </c>
      <c r="J7816">
        <f t="shared" si="868"/>
        <v>1.2850296159915402</v>
      </c>
      <c r="K7816">
        <f t="shared" si="869"/>
        <v>1.9275444239873103</v>
      </c>
      <c r="L7816">
        <f t="shared" si="870"/>
        <v>9.2522132351390898</v>
      </c>
      <c r="M7816">
        <f t="shared" si="871"/>
        <v>0</v>
      </c>
      <c r="N7816" s="46">
        <f t="shared" si="872"/>
        <v>45616.249999981126</v>
      </c>
    </row>
    <row r="7817" spans="2:14" x14ac:dyDescent="0.3">
      <c r="B7817">
        <f t="shared" si="866"/>
        <v>3</v>
      </c>
      <c r="C7817" s="16">
        <v>7783</v>
      </c>
      <c r="D7817" cm="1">
        <f t="array" ref="D7817">IFERROR(INDEX(Jesper!AH$2:AH$366,ROUNDDOWN($C7817/24,0)+1,1)*INDEX($D$3:$AA$30,INDEX(Jesper!$R$2:$R$366,ROW(INDEX(Jesper!AH$2:AH$366,ROUNDDOWN($C7817/24,0)+1,1))-1)+IF('Standard Profiles'!$G$18=$B$10,7,0)+IF('Standard Profiles'!$G$18=$B$17,14,0)+IF('Standard Profiles'!$G$18=$B$24,21,0),MOD($C7817,24)+1)/SUM(INDEX($D$3:$AA$30,INDEX(Jesper!$R$2:$R$366,ROW(INDEX(Jesper!AH$2:AH$366,ROUNDDOWN($C7817/24,0)+1,1))-1)+IF('Standard Profiles'!$G$18=$B$10,7,0)+IF('Standard Profiles'!$G$18=$B$17,14,0)+IF('Standard Profiles'!$G$18=$B$24,21,0),0)),0)</f>
        <v>12.850296159915402</v>
      </c>
      <c r="E7817" cm="1">
        <f t="array" ref="E7817">IFERROR(INDEX(Jesper!AI$2:AI$366,ROUNDDOWN($C7817/24,0)+1,1)*INDEX($D$3:$AA$30,INDEX(Jesper!$R$2:$R$366,ROW(INDEX(Jesper!AI$2:AI$366,ROUNDDOWN($C7817/24,0)+1,1))-1)+IF('Standard Profiles'!$G$19=$B$10,7,0)+IF('Standard Profiles'!$G$19=$B$17,14,0)+IF('Standard Profiles'!$G$19=$B$24,21,0),MOD($C7817,24)+1)/SUM(INDEX($D$3:$AA$30,INDEX(Jesper!$R$2:$R$366,ROW(INDEX(Jesper!AI$2:AI$366,ROUNDDOWN($C7817/24,0)+1,1))-1)+IF('Standard Profiles'!$G$19=$B$10,7,0)+IF('Standard Profiles'!$G$19=$B$17,14,0)+IF('Standard Profiles'!$G$19=$B$24,21,0),0)),0)</f>
        <v>0</v>
      </c>
      <c r="F7817" cm="1">
        <f t="array" ref="F7817">IFERROR(INDEX(Jesper!AJ$2:AJ$366,ROUNDDOWN($C7817/24,0)+1,1)*INDEX($D$3:$AA$30,INDEX(Jesper!$R$2:$R$366,ROW(INDEX(Jesper!AJ$2:AJ$366,ROUNDDOWN($C7817/24,0)+1,1))-1)+IF('Standard Profiles'!$G$20=$B$10,7,0)+IF('Standard Profiles'!$G$20=$B$17,14,0)+IF('Standard Profiles'!$G$20=$B$24,21,0),MOD($C7817,24)+1)/SUM(INDEX($D$3:$AA$30,INDEX(Jesper!$R$2:$R$366,ROW(INDEX(Jesper!AJ$2:AJ$366,ROUNDDOWN($C7817/24,0)+1,1))-1)+IF('Standard Profiles'!$G$20=$B$10,7,0)+IF('Standard Profiles'!$G$20=$B$17,14,0)+IF('Standard Profiles'!$G$20=$B$24,21,0),0)),0)</f>
        <v>0</v>
      </c>
      <c r="G7817" cm="1">
        <f t="array" ref="G7817">IFERROR(INDEX(Jesper!AK$2:AK$366,ROUNDDOWN($C7817/24,0)+1,1)*INDEX($D$3:$AA$30,INDEX(Jesper!$R$2:$R$366,ROW(INDEX(Jesper!AK$2:AK$366,ROUNDDOWN($C7817/24,0)+1,1))-1)+IF('Standard Profiles'!$G$21=$B$10,7,0)+IF('Standard Profiles'!$G$21=$B$17,14,0)+IF('Standard Profiles'!$G$21=$B$24,21,0),MOD($C7817,24)+1)/SUM(INDEX($D$3:$AA$30,INDEX(Jesper!$R$2:$R$366,ROW(INDEX(Jesper!AK$2:AK$366,ROUNDDOWN($C7817/24,0)+1,1))-1)+IF('Standard Profiles'!$G$21=$B$10,7,0)+IF('Standard Profiles'!$G$21=$B$17,14,0)+IF('Standard Profiles'!$G$21=$B$24,21,0),0)),0)</f>
        <v>0</v>
      </c>
      <c r="H7817" cm="1">
        <f t="array" ref="H7817">IFERROR(INDEX(Jesper!AL$2:AL$366,ROUNDDOWN($C7817/24,0)+1,1)*INDEX($D$3:$AA$30,INDEX(Jesper!$R$2:$R$366,ROW(INDEX(Jesper!AL$2:AL$366,ROUNDDOWN($C7817/24,0)+1,1))-1)+IF('Standard Profiles'!$G$22=$B$10,7,0)+IF('Standard Profiles'!$G$22=$B$17,14,0)+IF('Standard Profiles'!$G$22=$B$24,21,0),MOD($C7817,24)+1)/SUM(INDEX($D$3:$AA$30,INDEX(Jesper!$R$2:$R$366,ROW(INDEX(Jesper!AL$2:AL$366,ROUNDDOWN($C7817/24,0)+1,1))-1)+IF('Standard Profiles'!$G$22=$B$10,7,0)+IF('Standard Profiles'!$G$22=$B$17,14,0)+IF('Standard Profiles'!$G$22=$B$24,21,0),0)),0)</f>
        <v>0</v>
      </c>
      <c r="I7817">
        <f t="shared" si="867"/>
        <v>0.38550888479746204</v>
      </c>
      <c r="J7817">
        <f t="shared" si="868"/>
        <v>1.2850296159915402</v>
      </c>
      <c r="K7817">
        <f t="shared" si="869"/>
        <v>1.9275444239873103</v>
      </c>
      <c r="L7817">
        <f t="shared" si="870"/>
        <v>9.2522132351390898</v>
      </c>
      <c r="M7817">
        <f t="shared" si="871"/>
        <v>0</v>
      </c>
      <c r="N7817" s="46">
        <f t="shared" si="872"/>
        <v>45616.29166664779</v>
      </c>
    </row>
    <row r="7818" spans="2:14" x14ac:dyDescent="0.3">
      <c r="B7818">
        <f t="shared" si="866"/>
        <v>3</v>
      </c>
      <c r="C7818" s="16">
        <v>7784</v>
      </c>
      <c r="D7818" cm="1">
        <f t="array" ref="D7818">IFERROR(INDEX(Jesper!AH$2:AH$366,ROUNDDOWN($C7818/24,0)+1,1)*INDEX($D$3:$AA$30,INDEX(Jesper!$R$2:$R$366,ROW(INDEX(Jesper!AH$2:AH$366,ROUNDDOWN($C7818/24,0)+1,1))-1)+IF('Standard Profiles'!$G$18=$B$10,7,0)+IF('Standard Profiles'!$G$18=$B$17,14,0)+IF('Standard Profiles'!$G$18=$B$24,21,0),MOD($C7818,24)+1)/SUM(INDEX($D$3:$AA$30,INDEX(Jesper!$R$2:$R$366,ROW(INDEX(Jesper!AH$2:AH$366,ROUNDDOWN($C7818/24,0)+1,1))-1)+IF('Standard Profiles'!$G$18=$B$10,7,0)+IF('Standard Profiles'!$G$18=$B$17,14,0)+IF('Standard Profiles'!$G$18=$B$24,21,0),0)),0)</f>
        <v>12.850296159915402</v>
      </c>
      <c r="E7818" cm="1">
        <f t="array" ref="E7818">IFERROR(INDEX(Jesper!AI$2:AI$366,ROUNDDOWN($C7818/24,0)+1,1)*INDEX($D$3:$AA$30,INDEX(Jesper!$R$2:$R$366,ROW(INDEX(Jesper!AI$2:AI$366,ROUNDDOWN($C7818/24,0)+1,1))-1)+IF('Standard Profiles'!$G$19=$B$10,7,0)+IF('Standard Profiles'!$G$19=$B$17,14,0)+IF('Standard Profiles'!$G$19=$B$24,21,0),MOD($C7818,24)+1)/SUM(INDEX($D$3:$AA$30,INDEX(Jesper!$R$2:$R$366,ROW(INDEX(Jesper!AI$2:AI$366,ROUNDDOWN($C7818/24,0)+1,1))-1)+IF('Standard Profiles'!$G$19=$B$10,7,0)+IF('Standard Profiles'!$G$19=$B$17,14,0)+IF('Standard Profiles'!$G$19=$B$24,21,0),0)),0)</f>
        <v>0</v>
      </c>
      <c r="F7818" cm="1">
        <f t="array" ref="F7818">IFERROR(INDEX(Jesper!AJ$2:AJ$366,ROUNDDOWN($C7818/24,0)+1,1)*INDEX($D$3:$AA$30,INDEX(Jesper!$R$2:$R$366,ROW(INDEX(Jesper!AJ$2:AJ$366,ROUNDDOWN($C7818/24,0)+1,1))-1)+IF('Standard Profiles'!$G$20=$B$10,7,0)+IF('Standard Profiles'!$G$20=$B$17,14,0)+IF('Standard Profiles'!$G$20=$B$24,21,0),MOD($C7818,24)+1)/SUM(INDEX($D$3:$AA$30,INDEX(Jesper!$R$2:$R$366,ROW(INDEX(Jesper!AJ$2:AJ$366,ROUNDDOWN($C7818/24,0)+1,1))-1)+IF('Standard Profiles'!$G$20=$B$10,7,0)+IF('Standard Profiles'!$G$20=$B$17,14,0)+IF('Standard Profiles'!$G$20=$B$24,21,0),0)),0)</f>
        <v>0</v>
      </c>
      <c r="G7818" cm="1">
        <f t="array" ref="G7818">IFERROR(INDEX(Jesper!AK$2:AK$366,ROUNDDOWN($C7818/24,0)+1,1)*INDEX($D$3:$AA$30,INDEX(Jesper!$R$2:$R$366,ROW(INDEX(Jesper!AK$2:AK$366,ROUNDDOWN($C7818/24,0)+1,1))-1)+IF('Standard Profiles'!$G$21=$B$10,7,0)+IF('Standard Profiles'!$G$21=$B$17,14,0)+IF('Standard Profiles'!$G$21=$B$24,21,0),MOD($C7818,24)+1)/SUM(INDEX($D$3:$AA$30,INDEX(Jesper!$R$2:$R$366,ROW(INDEX(Jesper!AK$2:AK$366,ROUNDDOWN($C7818/24,0)+1,1))-1)+IF('Standard Profiles'!$G$21=$B$10,7,0)+IF('Standard Profiles'!$G$21=$B$17,14,0)+IF('Standard Profiles'!$G$21=$B$24,21,0),0)),0)</f>
        <v>0</v>
      </c>
      <c r="H7818" cm="1">
        <f t="array" ref="H7818">IFERROR(INDEX(Jesper!AL$2:AL$366,ROUNDDOWN($C7818/24,0)+1,1)*INDEX($D$3:$AA$30,INDEX(Jesper!$R$2:$R$366,ROW(INDEX(Jesper!AL$2:AL$366,ROUNDDOWN($C7818/24,0)+1,1))-1)+IF('Standard Profiles'!$G$22=$B$10,7,0)+IF('Standard Profiles'!$G$22=$B$17,14,0)+IF('Standard Profiles'!$G$22=$B$24,21,0),MOD($C7818,24)+1)/SUM(INDEX($D$3:$AA$30,INDEX(Jesper!$R$2:$R$366,ROW(INDEX(Jesper!AL$2:AL$366,ROUNDDOWN($C7818/24,0)+1,1))-1)+IF('Standard Profiles'!$G$22=$B$10,7,0)+IF('Standard Profiles'!$G$22=$B$17,14,0)+IF('Standard Profiles'!$G$22=$B$24,21,0),0)),0)</f>
        <v>0</v>
      </c>
      <c r="I7818">
        <f t="shared" si="867"/>
        <v>0.38550888479746204</v>
      </c>
      <c r="J7818">
        <f t="shared" si="868"/>
        <v>1.2850296159915402</v>
      </c>
      <c r="K7818">
        <f t="shared" si="869"/>
        <v>1.9275444239873103</v>
      </c>
      <c r="L7818">
        <f t="shared" si="870"/>
        <v>9.2522132351390898</v>
      </c>
      <c r="M7818">
        <f t="shared" si="871"/>
        <v>0</v>
      </c>
      <c r="N7818" s="46">
        <f t="shared" si="872"/>
        <v>45616.333333314455</v>
      </c>
    </row>
    <row r="7819" spans="2:14" x14ac:dyDescent="0.3">
      <c r="B7819">
        <f t="shared" si="866"/>
        <v>3</v>
      </c>
      <c r="C7819" s="16">
        <v>7785</v>
      </c>
      <c r="D7819" cm="1">
        <f t="array" ref="D7819">IFERROR(INDEX(Jesper!AH$2:AH$366,ROUNDDOWN($C7819/24,0)+1,1)*INDEX($D$3:$AA$30,INDEX(Jesper!$R$2:$R$366,ROW(INDEX(Jesper!AH$2:AH$366,ROUNDDOWN($C7819/24,0)+1,1))-1)+IF('Standard Profiles'!$G$18=$B$10,7,0)+IF('Standard Profiles'!$G$18=$B$17,14,0)+IF('Standard Profiles'!$G$18=$B$24,21,0),MOD($C7819,24)+1)/SUM(INDEX($D$3:$AA$30,INDEX(Jesper!$R$2:$R$366,ROW(INDEX(Jesper!AH$2:AH$366,ROUNDDOWN($C7819/24,0)+1,1))-1)+IF('Standard Profiles'!$G$18=$B$10,7,0)+IF('Standard Profiles'!$G$18=$B$17,14,0)+IF('Standard Profiles'!$G$18=$B$24,21,0),0)),0)</f>
        <v>13.809273485282224</v>
      </c>
      <c r="E7819" cm="1">
        <f t="array" ref="E7819">IFERROR(INDEX(Jesper!AI$2:AI$366,ROUNDDOWN($C7819/24,0)+1,1)*INDEX($D$3:$AA$30,INDEX(Jesper!$R$2:$R$366,ROW(INDEX(Jesper!AI$2:AI$366,ROUNDDOWN($C7819/24,0)+1,1))-1)+IF('Standard Profiles'!$G$19=$B$10,7,0)+IF('Standard Profiles'!$G$19=$B$17,14,0)+IF('Standard Profiles'!$G$19=$B$24,21,0),MOD($C7819,24)+1)/SUM(INDEX($D$3:$AA$30,INDEX(Jesper!$R$2:$R$366,ROW(INDEX(Jesper!AI$2:AI$366,ROUNDDOWN($C7819/24,0)+1,1))-1)+IF('Standard Profiles'!$G$19=$B$10,7,0)+IF('Standard Profiles'!$G$19=$B$17,14,0)+IF('Standard Profiles'!$G$19=$B$24,21,0),0)),0)</f>
        <v>0</v>
      </c>
      <c r="F7819" cm="1">
        <f t="array" ref="F7819">IFERROR(INDEX(Jesper!AJ$2:AJ$366,ROUNDDOWN($C7819/24,0)+1,1)*INDEX($D$3:$AA$30,INDEX(Jesper!$R$2:$R$366,ROW(INDEX(Jesper!AJ$2:AJ$366,ROUNDDOWN($C7819/24,0)+1,1))-1)+IF('Standard Profiles'!$G$20=$B$10,7,0)+IF('Standard Profiles'!$G$20=$B$17,14,0)+IF('Standard Profiles'!$G$20=$B$24,21,0),MOD($C7819,24)+1)/SUM(INDEX($D$3:$AA$30,INDEX(Jesper!$R$2:$R$366,ROW(INDEX(Jesper!AJ$2:AJ$366,ROUNDDOWN($C7819/24,0)+1,1))-1)+IF('Standard Profiles'!$G$20=$B$10,7,0)+IF('Standard Profiles'!$G$20=$B$17,14,0)+IF('Standard Profiles'!$G$20=$B$24,21,0),0)),0)</f>
        <v>0</v>
      </c>
      <c r="G7819" cm="1">
        <f t="array" ref="G7819">IFERROR(INDEX(Jesper!AK$2:AK$366,ROUNDDOWN($C7819/24,0)+1,1)*INDEX($D$3:$AA$30,INDEX(Jesper!$R$2:$R$366,ROW(INDEX(Jesper!AK$2:AK$366,ROUNDDOWN($C7819/24,0)+1,1))-1)+IF('Standard Profiles'!$G$21=$B$10,7,0)+IF('Standard Profiles'!$G$21=$B$17,14,0)+IF('Standard Profiles'!$G$21=$B$24,21,0),MOD($C7819,24)+1)/SUM(INDEX($D$3:$AA$30,INDEX(Jesper!$R$2:$R$366,ROW(INDEX(Jesper!AK$2:AK$366,ROUNDDOWN($C7819/24,0)+1,1))-1)+IF('Standard Profiles'!$G$21=$B$10,7,0)+IF('Standard Profiles'!$G$21=$B$17,14,0)+IF('Standard Profiles'!$G$21=$B$24,21,0),0)),0)</f>
        <v>0</v>
      </c>
      <c r="H7819" cm="1">
        <f t="array" ref="H7819">IFERROR(INDEX(Jesper!AL$2:AL$366,ROUNDDOWN($C7819/24,0)+1,1)*INDEX($D$3:$AA$30,INDEX(Jesper!$R$2:$R$366,ROW(INDEX(Jesper!AL$2:AL$366,ROUNDDOWN($C7819/24,0)+1,1))-1)+IF('Standard Profiles'!$G$22=$B$10,7,0)+IF('Standard Profiles'!$G$22=$B$17,14,0)+IF('Standard Profiles'!$G$22=$B$24,21,0),MOD($C7819,24)+1)/SUM(INDEX($D$3:$AA$30,INDEX(Jesper!$R$2:$R$366,ROW(INDEX(Jesper!AL$2:AL$366,ROUNDDOWN($C7819/24,0)+1,1))-1)+IF('Standard Profiles'!$G$22=$B$10,7,0)+IF('Standard Profiles'!$G$22=$B$17,14,0)+IF('Standard Profiles'!$G$22=$B$24,21,0),0)),0)</f>
        <v>0</v>
      </c>
      <c r="I7819">
        <f t="shared" si="867"/>
        <v>0.4142782045584667</v>
      </c>
      <c r="J7819">
        <f t="shared" si="868"/>
        <v>1.3809273485282225</v>
      </c>
      <c r="K7819">
        <f t="shared" si="869"/>
        <v>2.0713910227923336</v>
      </c>
      <c r="L7819">
        <f t="shared" si="870"/>
        <v>9.9426769094032004</v>
      </c>
      <c r="M7819">
        <f t="shared" si="871"/>
        <v>0</v>
      </c>
      <c r="N7819" s="46">
        <f t="shared" si="872"/>
        <v>45616.374999981119</v>
      </c>
    </row>
    <row r="7820" spans="2:14" x14ac:dyDescent="0.3">
      <c r="B7820">
        <f t="shared" si="866"/>
        <v>3</v>
      </c>
      <c r="C7820" s="16">
        <v>7786</v>
      </c>
      <c r="D7820" cm="1">
        <f t="array" ref="D7820">IFERROR(INDEX(Jesper!AH$2:AH$366,ROUNDDOWN($C7820/24,0)+1,1)*INDEX($D$3:$AA$30,INDEX(Jesper!$R$2:$R$366,ROW(INDEX(Jesper!AH$2:AH$366,ROUNDDOWN($C7820/24,0)+1,1))-1)+IF('Standard Profiles'!$G$18=$B$10,7,0)+IF('Standard Profiles'!$G$18=$B$17,14,0)+IF('Standard Profiles'!$G$18=$B$24,21,0),MOD($C7820,24)+1)/SUM(INDEX($D$3:$AA$30,INDEX(Jesper!$R$2:$R$366,ROW(INDEX(Jesper!AH$2:AH$366,ROUNDDOWN($C7820/24,0)+1,1))-1)+IF('Standard Profiles'!$G$18=$B$10,7,0)+IF('Standard Profiles'!$G$18=$B$17,14,0)+IF('Standard Profiles'!$G$18=$B$24,21,0),0)),0)</f>
        <v>14.960046275722409</v>
      </c>
      <c r="E7820" cm="1">
        <f t="array" ref="E7820">IFERROR(INDEX(Jesper!AI$2:AI$366,ROUNDDOWN($C7820/24,0)+1,1)*INDEX($D$3:$AA$30,INDEX(Jesper!$R$2:$R$366,ROW(INDEX(Jesper!AI$2:AI$366,ROUNDDOWN($C7820/24,0)+1,1))-1)+IF('Standard Profiles'!$G$19=$B$10,7,0)+IF('Standard Profiles'!$G$19=$B$17,14,0)+IF('Standard Profiles'!$G$19=$B$24,21,0),MOD($C7820,24)+1)/SUM(INDEX($D$3:$AA$30,INDEX(Jesper!$R$2:$R$366,ROW(INDEX(Jesper!AI$2:AI$366,ROUNDDOWN($C7820/24,0)+1,1))-1)+IF('Standard Profiles'!$G$19=$B$10,7,0)+IF('Standard Profiles'!$G$19=$B$17,14,0)+IF('Standard Profiles'!$G$19=$B$24,21,0),0)),0)</f>
        <v>0</v>
      </c>
      <c r="F7820" cm="1">
        <f t="array" ref="F7820">IFERROR(INDEX(Jesper!AJ$2:AJ$366,ROUNDDOWN($C7820/24,0)+1,1)*INDEX($D$3:$AA$30,INDEX(Jesper!$R$2:$R$366,ROW(INDEX(Jesper!AJ$2:AJ$366,ROUNDDOWN($C7820/24,0)+1,1))-1)+IF('Standard Profiles'!$G$20=$B$10,7,0)+IF('Standard Profiles'!$G$20=$B$17,14,0)+IF('Standard Profiles'!$G$20=$B$24,21,0),MOD($C7820,24)+1)/SUM(INDEX($D$3:$AA$30,INDEX(Jesper!$R$2:$R$366,ROW(INDEX(Jesper!AJ$2:AJ$366,ROUNDDOWN($C7820/24,0)+1,1))-1)+IF('Standard Profiles'!$G$20=$B$10,7,0)+IF('Standard Profiles'!$G$20=$B$17,14,0)+IF('Standard Profiles'!$G$20=$B$24,21,0),0)),0)</f>
        <v>0</v>
      </c>
      <c r="G7820" cm="1">
        <f t="array" ref="G7820">IFERROR(INDEX(Jesper!AK$2:AK$366,ROUNDDOWN($C7820/24,0)+1,1)*INDEX($D$3:$AA$30,INDEX(Jesper!$R$2:$R$366,ROW(INDEX(Jesper!AK$2:AK$366,ROUNDDOWN($C7820/24,0)+1,1))-1)+IF('Standard Profiles'!$G$21=$B$10,7,0)+IF('Standard Profiles'!$G$21=$B$17,14,0)+IF('Standard Profiles'!$G$21=$B$24,21,0),MOD($C7820,24)+1)/SUM(INDEX($D$3:$AA$30,INDEX(Jesper!$R$2:$R$366,ROW(INDEX(Jesper!AK$2:AK$366,ROUNDDOWN($C7820/24,0)+1,1))-1)+IF('Standard Profiles'!$G$21=$B$10,7,0)+IF('Standard Profiles'!$G$21=$B$17,14,0)+IF('Standard Profiles'!$G$21=$B$24,21,0),0)),0)</f>
        <v>0</v>
      </c>
      <c r="H7820" cm="1">
        <f t="array" ref="H7820">IFERROR(INDEX(Jesper!AL$2:AL$366,ROUNDDOWN($C7820/24,0)+1,1)*INDEX($D$3:$AA$30,INDEX(Jesper!$R$2:$R$366,ROW(INDEX(Jesper!AL$2:AL$366,ROUNDDOWN($C7820/24,0)+1,1))-1)+IF('Standard Profiles'!$G$22=$B$10,7,0)+IF('Standard Profiles'!$G$22=$B$17,14,0)+IF('Standard Profiles'!$G$22=$B$24,21,0),MOD($C7820,24)+1)/SUM(INDEX($D$3:$AA$30,INDEX(Jesper!$R$2:$R$366,ROW(INDEX(Jesper!AL$2:AL$366,ROUNDDOWN($C7820/24,0)+1,1))-1)+IF('Standard Profiles'!$G$22=$B$10,7,0)+IF('Standard Profiles'!$G$22=$B$17,14,0)+IF('Standard Profiles'!$G$22=$B$24,21,0),0)),0)</f>
        <v>0</v>
      </c>
      <c r="I7820">
        <f t="shared" si="867"/>
        <v>0.44880138827167226</v>
      </c>
      <c r="J7820">
        <f t="shared" si="868"/>
        <v>1.496004627572241</v>
      </c>
      <c r="K7820">
        <f t="shared" si="869"/>
        <v>2.2440069413583612</v>
      </c>
      <c r="L7820">
        <f t="shared" si="870"/>
        <v>10.771233318520133</v>
      </c>
      <c r="M7820">
        <f t="shared" si="871"/>
        <v>0</v>
      </c>
      <c r="N7820" s="46">
        <f t="shared" si="872"/>
        <v>45616.416666647783</v>
      </c>
    </row>
    <row r="7821" spans="2:14" x14ac:dyDescent="0.3">
      <c r="B7821">
        <f t="shared" si="866"/>
        <v>3</v>
      </c>
      <c r="C7821" s="16">
        <v>7787</v>
      </c>
      <c r="D7821" cm="1">
        <f t="array" ref="D7821">IFERROR(INDEX(Jesper!AH$2:AH$366,ROUNDDOWN($C7821/24,0)+1,1)*INDEX($D$3:$AA$30,INDEX(Jesper!$R$2:$R$366,ROW(INDEX(Jesper!AH$2:AH$366,ROUNDDOWN($C7821/24,0)+1,1))-1)+IF('Standard Profiles'!$G$18=$B$10,7,0)+IF('Standard Profiles'!$G$18=$B$17,14,0)+IF('Standard Profiles'!$G$18=$B$24,21,0),MOD($C7821,24)+1)/SUM(INDEX($D$3:$AA$30,INDEX(Jesper!$R$2:$R$366,ROW(INDEX(Jesper!AH$2:AH$366,ROUNDDOWN($C7821/24,0)+1,1))-1)+IF('Standard Profiles'!$G$18=$B$10,7,0)+IF('Standard Profiles'!$G$18=$B$17,14,0)+IF('Standard Profiles'!$G$18=$B$24,21,0),0)),0)</f>
        <v>17.261591856602777</v>
      </c>
      <c r="E7821" cm="1">
        <f t="array" ref="E7821">IFERROR(INDEX(Jesper!AI$2:AI$366,ROUNDDOWN($C7821/24,0)+1,1)*INDEX($D$3:$AA$30,INDEX(Jesper!$R$2:$R$366,ROW(INDEX(Jesper!AI$2:AI$366,ROUNDDOWN($C7821/24,0)+1,1))-1)+IF('Standard Profiles'!$G$19=$B$10,7,0)+IF('Standard Profiles'!$G$19=$B$17,14,0)+IF('Standard Profiles'!$G$19=$B$24,21,0),MOD($C7821,24)+1)/SUM(INDEX($D$3:$AA$30,INDEX(Jesper!$R$2:$R$366,ROW(INDEX(Jesper!AI$2:AI$366,ROUNDDOWN($C7821/24,0)+1,1))-1)+IF('Standard Profiles'!$G$19=$B$10,7,0)+IF('Standard Profiles'!$G$19=$B$17,14,0)+IF('Standard Profiles'!$G$19=$B$24,21,0),0)),0)</f>
        <v>0</v>
      </c>
      <c r="F7821" cm="1">
        <f t="array" ref="F7821">IFERROR(INDEX(Jesper!AJ$2:AJ$366,ROUNDDOWN($C7821/24,0)+1,1)*INDEX($D$3:$AA$30,INDEX(Jesper!$R$2:$R$366,ROW(INDEX(Jesper!AJ$2:AJ$366,ROUNDDOWN($C7821/24,0)+1,1))-1)+IF('Standard Profiles'!$G$20=$B$10,7,0)+IF('Standard Profiles'!$G$20=$B$17,14,0)+IF('Standard Profiles'!$G$20=$B$24,21,0),MOD($C7821,24)+1)/SUM(INDEX($D$3:$AA$30,INDEX(Jesper!$R$2:$R$366,ROW(INDEX(Jesper!AJ$2:AJ$366,ROUNDDOWN($C7821/24,0)+1,1))-1)+IF('Standard Profiles'!$G$20=$B$10,7,0)+IF('Standard Profiles'!$G$20=$B$17,14,0)+IF('Standard Profiles'!$G$20=$B$24,21,0),0)),0)</f>
        <v>0</v>
      </c>
      <c r="G7821" cm="1">
        <f t="array" ref="G7821">IFERROR(INDEX(Jesper!AK$2:AK$366,ROUNDDOWN($C7821/24,0)+1,1)*INDEX($D$3:$AA$30,INDEX(Jesper!$R$2:$R$366,ROW(INDEX(Jesper!AK$2:AK$366,ROUNDDOWN($C7821/24,0)+1,1))-1)+IF('Standard Profiles'!$G$21=$B$10,7,0)+IF('Standard Profiles'!$G$21=$B$17,14,0)+IF('Standard Profiles'!$G$21=$B$24,21,0),MOD($C7821,24)+1)/SUM(INDEX($D$3:$AA$30,INDEX(Jesper!$R$2:$R$366,ROW(INDEX(Jesper!AK$2:AK$366,ROUNDDOWN($C7821/24,0)+1,1))-1)+IF('Standard Profiles'!$G$21=$B$10,7,0)+IF('Standard Profiles'!$G$21=$B$17,14,0)+IF('Standard Profiles'!$G$21=$B$24,21,0),0)),0)</f>
        <v>0</v>
      </c>
      <c r="H7821" cm="1">
        <f t="array" ref="H7821">IFERROR(INDEX(Jesper!AL$2:AL$366,ROUNDDOWN($C7821/24,0)+1,1)*INDEX($D$3:$AA$30,INDEX(Jesper!$R$2:$R$366,ROW(INDEX(Jesper!AL$2:AL$366,ROUNDDOWN($C7821/24,0)+1,1))-1)+IF('Standard Profiles'!$G$22=$B$10,7,0)+IF('Standard Profiles'!$G$22=$B$17,14,0)+IF('Standard Profiles'!$G$22=$B$24,21,0),MOD($C7821,24)+1)/SUM(INDEX($D$3:$AA$30,INDEX(Jesper!$R$2:$R$366,ROW(INDEX(Jesper!AL$2:AL$366,ROUNDDOWN($C7821/24,0)+1,1))-1)+IF('Standard Profiles'!$G$22=$B$10,7,0)+IF('Standard Profiles'!$G$22=$B$17,14,0)+IF('Standard Profiles'!$G$22=$B$24,21,0),0)),0)</f>
        <v>0</v>
      </c>
      <c r="I7821">
        <f t="shared" si="867"/>
        <v>0.51784775569808328</v>
      </c>
      <c r="J7821">
        <f t="shared" si="868"/>
        <v>1.7261591856602778</v>
      </c>
      <c r="K7821">
        <f t="shared" si="869"/>
        <v>2.5892387784904165</v>
      </c>
      <c r="L7821">
        <f t="shared" si="870"/>
        <v>12.428346136754</v>
      </c>
      <c r="M7821">
        <f t="shared" si="871"/>
        <v>0</v>
      </c>
      <c r="N7821" s="46">
        <f t="shared" si="872"/>
        <v>45616.458333314447</v>
      </c>
    </row>
    <row r="7822" spans="2:14" x14ac:dyDescent="0.3">
      <c r="B7822">
        <f t="shared" si="866"/>
        <v>3</v>
      </c>
      <c r="C7822" s="16">
        <v>7788</v>
      </c>
      <c r="D7822" cm="1">
        <f t="array" ref="D7822">IFERROR(INDEX(Jesper!AH$2:AH$366,ROUNDDOWN($C7822/24,0)+1,1)*INDEX($D$3:$AA$30,INDEX(Jesper!$R$2:$R$366,ROW(INDEX(Jesper!AH$2:AH$366,ROUNDDOWN($C7822/24,0)+1,1))-1)+IF('Standard Profiles'!$G$18=$B$10,7,0)+IF('Standard Profiles'!$G$18=$B$17,14,0)+IF('Standard Profiles'!$G$18=$B$24,21,0),MOD($C7822,24)+1)/SUM(INDEX($D$3:$AA$30,INDEX(Jesper!$R$2:$R$366,ROW(INDEX(Jesper!AH$2:AH$366,ROUNDDOWN($C7822/24,0)+1,1))-1)+IF('Standard Profiles'!$G$18=$B$10,7,0)+IF('Standard Profiles'!$G$18=$B$17,14,0)+IF('Standard Profiles'!$G$18=$B$24,21,0),0)),0)</f>
        <v>17.261591856602777</v>
      </c>
      <c r="E7822" cm="1">
        <f t="array" ref="E7822">IFERROR(INDEX(Jesper!AI$2:AI$366,ROUNDDOWN($C7822/24,0)+1,1)*INDEX($D$3:$AA$30,INDEX(Jesper!$R$2:$R$366,ROW(INDEX(Jesper!AI$2:AI$366,ROUNDDOWN($C7822/24,0)+1,1))-1)+IF('Standard Profiles'!$G$19=$B$10,7,0)+IF('Standard Profiles'!$G$19=$B$17,14,0)+IF('Standard Profiles'!$G$19=$B$24,21,0),MOD($C7822,24)+1)/SUM(INDEX($D$3:$AA$30,INDEX(Jesper!$R$2:$R$366,ROW(INDEX(Jesper!AI$2:AI$366,ROUNDDOWN($C7822/24,0)+1,1))-1)+IF('Standard Profiles'!$G$19=$B$10,7,0)+IF('Standard Profiles'!$G$19=$B$17,14,0)+IF('Standard Profiles'!$G$19=$B$24,21,0),0)),0)</f>
        <v>0</v>
      </c>
      <c r="F7822" cm="1">
        <f t="array" ref="F7822">IFERROR(INDEX(Jesper!AJ$2:AJ$366,ROUNDDOWN($C7822/24,0)+1,1)*INDEX($D$3:$AA$30,INDEX(Jesper!$R$2:$R$366,ROW(INDEX(Jesper!AJ$2:AJ$366,ROUNDDOWN($C7822/24,0)+1,1))-1)+IF('Standard Profiles'!$G$20=$B$10,7,0)+IF('Standard Profiles'!$G$20=$B$17,14,0)+IF('Standard Profiles'!$G$20=$B$24,21,0),MOD($C7822,24)+1)/SUM(INDEX($D$3:$AA$30,INDEX(Jesper!$R$2:$R$366,ROW(INDEX(Jesper!AJ$2:AJ$366,ROUNDDOWN($C7822/24,0)+1,1))-1)+IF('Standard Profiles'!$G$20=$B$10,7,0)+IF('Standard Profiles'!$G$20=$B$17,14,0)+IF('Standard Profiles'!$G$20=$B$24,21,0),0)),0)</f>
        <v>0</v>
      </c>
      <c r="G7822" cm="1">
        <f t="array" ref="G7822">IFERROR(INDEX(Jesper!AK$2:AK$366,ROUNDDOWN($C7822/24,0)+1,1)*INDEX($D$3:$AA$30,INDEX(Jesper!$R$2:$R$366,ROW(INDEX(Jesper!AK$2:AK$366,ROUNDDOWN($C7822/24,0)+1,1))-1)+IF('Standard Profiles'!$G$21=$B$10,7,0)+IF('Standard Profiles'!$G$21=$B$17,14,0)+IF('Standard Profiles'!$G$21=$B$24,21,0),MOD($C7822,24)+1)/SUM(INDEX($D$3:$AA$30,INDEX(Jesper!$R$2:$R$366,ROW(INDEX(Jesper!AK$2:AK$366,ROUNDDOWN($C7822/24,0)+1,1))-1)+IF('Standard Profiles'!$G$21=$B$10,7,0)+IF('Standard Profiles'!$G$21=$B$17,14,0)+IF('Standard Profiles'!$G$21=$B$24,21,0),0)),0)</f>
        <v>0</v>
      </c>
      <c r="H7822" cm="1">
        <f t="array" ref="H7822">IFERROR(INDEX(Jesper!AL$2:AL$366,ROUNDDOWN($C7822/24,0)+1,1)*INDEX($D$3:$AA$30,INDEX(Jesper!$R$2:$R$366,ROW(INDEX(Jesper!AL$2:AL$366,ROUNDDOWN($C7822/24,0)+1,1))-1)+IF('Standard Profiles'!$G$22=$B$10,7,0)+IF('Standard Profiles'!$G$22=$B$17,14,0)+IF('Standard Profiles'!$G$22=$B$24,21,0),MOD($C7822,24)+1)/SUM(INDEX($D$3:$AA$30,INDEX(Jesper!$R$2:$R$366,ROW(INDEX(Jesper!AL$2:AL$366,ROUNDDOWN($C7822/24,0)+1,1))-1)+IF('Standard Profiles'!$G$22=$B$10,7,0)+IF('Standard Profiles'!$G$22=$B$17,14,0)+IF('Standard Profiles'!$G$22=$B$24,21,0),0)),0)</f>
        <v>0</v>
      </c>
      <c r="I7822">
        <f t="shared" si="867"/>
        <v>0.51784775569808328</v>
      </c>
      <c r="J7822">
        <f t="shared" si="868"/>
        <v>1.7261591856602778</v>
      </c>
      <c r="K7822">
        <f t="shared" si="869"/>
        <v>2.5892387784904165</v>
      </c>
      <c r="L7822">
        <f t="shared" si="870"/>
        <v>12.428346136754</v>
      </c>
      <c r="M7822">
        <f t="shared" si="871"/>
        <v>0</v>
      </c>
      <c r="N7822" s="46">
        <f t="shared" si="872"/>
        <v>45616.499999981112</v>
      </c>
    </row>
    <row r="7823" spans="2:14" x14ac:dyDescent="0.3">
      <c r="B7823">
        <f t="shared" si="866"/>
        <v>3</v>
      </c>
      <c r="C7823" s="16">
        <v>7789</v>
      </c>
      <c r="D7823" cm="1">
        <f t="array" ref="D7823">IFERROR(INDEX(Jesper!AH$2:AH$366,ROUNDDOWN($C7823/24,0)+1,1)*INDEX($D$3:$AA$30,INDEX(Jesper!$R$2:$R$366,ROW(INDEX(Jesper!AH$2:AH$366,ROUNDDOWN($C7823/24,0)+1,1))-1)+IF('Standard Profiles'!$G$18=$B$10,7,0)+IF('Standard Profiles'!$G$18=$B$17,14,0)+IF('Standard Profiles'!$G$18=$B$24,21,0),MOD($C7823,24)+1)/SUM(INDEX($D$3:$AA$30,INDEX(Jesper!$R$2:$R$366,ROW(INDEX(Jesper!AH$2:AH$366,ROUNDDOWN($C7823/24,0)+1,1))-1)+IF('Standard Profiles'!$G$18=$B$10,7,0)+IF('Standard Profiles'!$G$18=$B$17,14,0)+IF('Standard Profiles'!$G$18=$B$24,21,0),0)),0)</f>
        <v>17.261591856602777</v>
      </c>
      <c r="E7823" cm="1">
        <f t="array" ref="E7823">IFERROR(INDEX(Jesper!AI$2:AI$366,ROUNDDOWN($C7823/24,0)+1,1)*INDEX($D$3:$AA$30,INDEX(Jesper!$R$2:$R$366,ROW(INDEX(Jesper!AI$2:AI$366,ROUNDDOWN($C7823/24,0)+1,1))-1)+IF('Standard Profiles'!$G$19=$B$10,7,0)+IF('Standard Profiles'!$G$19=$B$17,14,0)+IF('Standard Profiles'!$G$19=$B$24,21,0),MOD($C7823,24)+1)/SUM(INDEX($D$3:$AA$30,INDEX(Jesper!$R$2:$R$366,ROW(INDEX(Jesper!AI$2:AI$366,ROUNDDOWN($C7823/24,0)+1,1))-1)+IF('Standard Profiles'!$G$19=$B$10,7,0)+IF('Standard Profiles'!$G$19=$B$17,14,0)+IF('Standard Profiles'!$G$19=$B$24,21,0),0)),0)</f>
        <v>0</v>
      </c>
      <c r="F7823" cm="1">
        <f t="array" ref="F7823">IFERROR(INDEX(Jesper!AJ$2:AJ$366,ROUNDDOWN($C7823/24,0)+1,1)*INDEX($D$3:$AA$30,INDEX(Jesper!$R$2:$R$366,ROW(INDEX(Jesper!AJ$2:AJ$366,ROUNDDOWN($C7823/24,0)+1,1))-1)+IF('Standard Profiles'!$G$20=$B$10,7,0)+IF('Standard Profiles'!$G$20=$B$17,14,0)+IF('Standard Profiles'!$G$20=$B$24,21,0),MOD($C7823,24)+1)/SUM(INDEX($D$3:$AA$30,INDEX(Jesper!$R$2:$R$366,ROW(INDEX(Jesper!AJ$2:AJ$366,ROUNDDOWN($C7823/24,0)+1,1))-1)+IF('Standard Profiles'!$G$20=$B$10,7,0)+IF('Standard Profiles'!$G$20=$B$17,14,0)+IF('Standard Profiles'!$G$20=$B$24,21,0),0)),0)</f>
        <v>0</v>
      </c>
      <c r="G7823" cm="1">
        <f t="array" ref="G7823">IFERROR(INDEX(Jesper!AK$2:AK$366,ROUNDDOWN($C7823/24,0)+1,1)*INDEX($D$3:$AA$30,INDEX(Jesper!$R$2:$R$366,ROW(INDEX(Jesper!AK$2:AK$366,ROUNDDOWN($C7823/24,0)+1,1))-1)+IF('Standard Profiles'!$G$21=$B$10,7,0)+IF('Standard Profiles'!$G$21=$B$17,14,0)+IF('Standard Profiles'!$G$21=$B$24,21,0),MOD($C7823,24)+1)/SUM(INDEX($D$3:$AA$30,INDEX(Jesper!$R$2:$R$366,ROW(INDEX(Jesper!AK$2:AK$366,ROUNDDOWN($C7823/24,0)+1,1))-1)+IF('Standard Profiles'!$G$21=$B$10,7,0)+IF('Standard Profiles'!$G$21=$B$17,14,0)+IF('Standard Profiles'!$G$21=$B$24,21,0),0)),0)</f>
        <v>0</v>
      </c>
      <c r="H7823" cm="1">
        <f t="array" ref="H7823">IFERROR(INDEX(Jesper!AL$2:AL$366,ROUNDDOWN($C7823/24,0)+1,1)*INDEX($D$3:$AA$30,INDEX(Jesper!$R$2:$R$366,ROW(INDEX(Jesper!AL$2:AL$366,ROUNDDOWN($C7823/24,0)+1,1))-1)+IF('Standard Profiles'!$G$22=$B$10,7,0)+IF('Standard Profiles'!$G$22=$B$17,14,0)+IF('Standard Profiles'!$G$22=$B$24,21,0),MOD($C7823,24)+1)/SUM(INDEX($D$3:$AA$30,INDEX(Jesper!$R$2:$R$366,ROW(INDEX(Jesper!AL$2:AL$366,ROUNDDOWN($C7823/24,0)+1,1))-1)+IF('Standard Profiles'!$G$22=$B$10,7,0)+IF('Standard Profiles'!$G$22=$B$17,14,0)+IF('Standard Profiles'!$G$22=$B$24,21,0),0)),0)</f>
        <v>0</v>
      </c>
      <c r="I7823">
        <f t="shared" si="867"/>
        <v>0.51784775569808328</v>
      </c>
      <c r="J7823">
        <f t="shared" si="868"/>
        <v>1.7261591856602778</v>
      </c>
      <c r="K7823">
        <f t="shared" si="869"/>
        <v>2.5892387784904165</v>
      </c>
      <c r="L7823">
        <f t="shared" si="870"/>
        <v>12.428346136754</v>
      </c>
      <c r="M7823">
        <f t="shared" si="871"/>
        <v>0</v>
      </c>
      <c r="N7823" s="46">
        <f t="shared" si="872"/>
        <v>45616.541666647776</v>
      </c>
    </row>
    <row r="7824" spans="2:14" x14ac:dyDescent="0.3">
      <c r="B7824">
        <f t="shared" si="866"/>
        <v>3</v>
      </c>
      <c r="C7824" s="16">
        <v>7790</v>
      </c>
      <c r="D7824" cm="1">
        <f t="array" ref="D7824">IFERROR(INDEX(Jesper!AH$2:AH$366,ROUNDDOWN($C7824/24,0)+1,1)*INDEX($D$3:$AA$30,INDEX(Jesper!$R$2:$R$366,ROW(INDEX(Jesper!AH$2:AH$366,ROUNDDOWN($C7824/24,0)+1,1))-1)+IF('Standard Profiles'!$G$18=$B$10,7,0)+IF('Standard Profiles'!$G$18=$B$17,14,0)+IF('Standard Profiles'!$G$18=$B$24,21,0),MOD($C7824,24)+1)/SUM(INDEX($D$3:$AA$30,INDEX(Jesper!$R$2:$R$366,ROW(INDEX(Jesper!AH$2:AH$366,ROUNDDOWN($C7824/24,0)+1,1))-1)+IF('Standard Profiles'!$G$18=$B$10,7,0)+IF('Standard Profiles'!$G$18=$B$17,14,0)+IF('Standard Profiles'!$G$18=$B$24,21,0),0)),0)</f>
        <v>17.261591856602777</v>
      </c>
      <c r="E7824" cm="1">
        <f t="array" ref="E7824">IFERROR(INDEX(Jesper!AI$2:AI$366,ROUNDDOWN($C7824/24,0)+1,1)*INDEX($D$3:$AA$30,INDEX(Jesper!$R$2:$R$366,ROW(INDEX(Jesper!AI$2:AI$366,ROUNDDOWN($C7824/24,0)+1,1))-1)+IF('Standard Profiles'!$G$19=$B$10,7,0)+IF('Standard Profiles'!$G$19=$B$17,14,0)+IF('Standard Profiles'!$G$19=$B$24,21,0),MOD($C7824,24)+1)/SUM(INDEX($D$3:$AA$30,INDEX(Jesper!$R$2:$R$366,ROW(INDEX(Jesper!AI$2:AI$366,ROUNDDOWN($C7824/24,0)+1,1))-1)+IF('Standard Profiles'!$G$19=$B$10,7,0)+IF('Standard Profiles'!$G$19=$B$17,14,0)+IF('Standard Profiles'!$G$19=$B$24,21,0),0)),0)</f>
        <v>0</v>
      </c>
      <c r="F7824" cm="1">
        <f t="array" ref="F7824">IFERROR(INDEX(Jesper!AJ$2:AJ$366,ROUNDDOWN($C7824/24,0)+1,1)*INDEX($D$3:$AA$30,INDEX(Jesper!$R$2:$R$366,ROW(INDEX(Jesper!AJ$2:AJ$366,ROUNDDOWN($C7824/24,0)+1,1))-1)+IF('Standard Profiles'!$G$20=$B$10,7,0)+IF('Standard Profiles'!$G$20=$B$17,14,0)+IF('Standard Profiles'!$G$20=$B$24,21,0),MOD($C7824,24)+1)/SUM(INDEX($D$3:$AA$30,INDEX(Jesper!$R$2:$R$366,ROW(INDEX(Jesper!AJ$2:AJ$366,ROUNDDOWN($C7824/24,0)+1,1))-1)+IF('Standard Profiles'!$G$20=$B$10,7,0)+IF('Standard Profiles'!$G$20=$B$17,14,0)+IF('Standard Profiles'!$G$20=$B$24,21,0),0)),0)</f>
        <v>0</v>
      </c>
      <c r="G7824" cm="1">
        <f t="array" ref="G7824">IFERROR(INDEX(Jesper!AK$2:AK$366,ROUNDDOWN($C7824/24,0)+1,1)*INDEX($D$3:$AA$30,INDEX(Jesper!$R$2:$R$366,ROW(INDEX(Jesper!AK$2:AK$366,ROUNDDOWN($C7824/24,0)+1,1))-1)+IF('Standard Profiles'!$G$21=$B$10,7,0)+IF('Standard Profiles'!$G$21=$B$17,14,0)+IF('Standard Profiles'!$G$21=$B$24,21,0),MOD($C7824,24)+1)/SUM(INDEX($D$3:$AA$30,INDEX(Jesper!$R$2:$R$366,ROW(INDEX(Jesper!AK$2:AK$366,ROUNDDOWN($C7824/24,0)+1,1))-1)+IF('Standard Profiles'!$G$21=$B$10,7,0)+IF('Standard Profiles'!$G$21=$B$17,14,0)+IF('Standard Profiles'!$G$21=$B$24,21,0),0)),0)</f>
        <v>0</v>
      </c>
      <c r="H7824" cm="1">
        <f t="array" ref="H7824">IFERROR(INDEX(Jesper!AL$2:AL$366,ROUNDDOWN($C7824/24,0)+1,1)*INDEX($D$3:$AA$30,INDEX(Jesper!$R$2:$R$366,ROW(INDEX(Jesper!AL$2:AL$366,ROUNDDOWN($C7824/24,0)+1,1))-1)+IF('Standard Profiles'!$G$22=$B$10,7,0)+IF('Standard Profiles'!$G$22=$B$17,14,0)+IF('Standard Profiles'!$G$22=$B$24,21,0),MOD($C7824,24)+1)/SUM(INDEX($D$3:$AA$30,INDEX(Jesper!$R$2:$R$366,ROW(INDEX(Jesper!AL$2:AL$366,ROUNDDOWN($C7824/24,0)+1,1))-1)+IF('Standard Profiles'!$G$22=$B$10,7,0)+IF('Standard Profiles'!$G$22=$B$17,14,0)+IF('Standard Profiles'!$G$22=$B$24,21,0),0)),0)</f>
        <v>0</v>
      </c>
      <c r="I7824">
        <f t="shared" si="867"/>
        <v>0.51784775569808328</v>
      </c>
      <c r="J7824">
        <f t="shared" si="868"/>
        <v>1.7261591856602778</v>
      </c>
      <c r="K7824">
        <f t="shared" si="869"/>
        <v>2.5892387784904165</v>
      </c>
      <c r="L7824">
        <f t="shared" si="870"/>
        <v>12.428346136754</v>
      </c>
      <c r="M7824">
        <f t="shared" si="871"/>
        <v>0</v>
      </c>
      <c r="N7824" s="46">
        <f t="shared" si="872"/>
        <v>45616.58333331444</v>
      </c>
    </row>
    <row r="7825" spans="2:14" x14ac:dyDescent="0.3">
      <c r="B7825">
        <f t="shared" si="866"/>
        <v>3</v>
      </c>
      <c r="C7825" s="16">
        <v>7791</v>
      </c>
      <c r="D7825" cm="1">
        <f t="array" ref="D7825">IFERROR(INDEX(Jesper!AH$2:AH$366,ROUNDDOWN($C7825/24,0)+1,1)*INDEX($D$3:$AA$30,INDEX(Jesper!$R$2:$R$366,ROW(INDEX(Jesper!AH$2:AH$366,ROUNDDOWN($C7825/24,0)+1,1))-1)+IF('Standard Profiles'!$G$18=$B$10,7,0)+IF('Standard Profiles'!$G$18=$B$17,14,0)+IF('Standard Profiles'!$G$18=$B$24,21,0),MOD($C7825,24)+1)/SUM(INDEX($D$3:$AA$30,INDEX(Jesper!$R$2:$R$366,ROW(INDEX(Jesper!AH$2:AH$366,ROUNDDOWN($C7825/24,0)+1,1))-1)+IF('Standard Profiles'!$G$18=$B$10,7,0)+IF('Standard Profiles'!$G$18=$B$17,14,0)+IF('Standard Profiles'!$G$18=$B$24,21,0),0)),0)</f>
        <v>17.261591856602777</v>
      </c>
      <c r="E7825" cm="1">
        <f t="array" ref="E7825">IFERROR(INDEX(Jesper!AI$2:AI$366,ROUNDDOWN($C7825/24,0)+1,1)*INDEX($D$3:$AA$30,INDEX(Jesper!$R$2:$R$366,ROW(INDEX(Jesper!AI$2:AI$366,ROUNDDOWN($C7825/24,0)+1,1))-1)+IF('Standard Profiles'!$G$19=$B$10,7,0)+IF('Standard Profiles'!$G$19=$B$17,14,0)+IF('Standard Profiles'!$G$19=$B$24,21,0),MOD($C7825,24)+1)/SUM(INDEX($D$3:$AA$30,INDEX(Jesper!$R$2:$R$366,ROW(INDEX(Jesper!AI$2:AI$366,ROUNDDOWN($C7825/24,0)+1,1))-1)+IF('Standard Profiles'!$G$19=$B$10,7,0)+IF('Standard Profiles'!$G$19=$B$17,14,0)+IF('Standard Profiles'!$G$19=$B$24,21,0),0)),0)</f>
        <v>0</v>
      </c>
      <c r="F7825" cm="1">
        <f t="array" ref="F7825">IFERROR(INDEX(Jesper!AJ$2:AJ$366,ROUNDDOWN($C7825/24,0)+1,1)*INDEX($D$3:$AA$30,INDEX(Jesper!$R$2:$R$366,ROW(INDEX(Jesper!AJ$2:AJ$366,ROUNDDOWN($C7825/24,0)+1,1))-1)+IF('Standard Profiles'!$G$20=$B$10,7,0)+IF('Standard Profiles'!$G$20=$B$17,14,0)+IF('Standard Profiles'!$G$20=$B$24,21,0),MOD($C7825,24)+1)/SUM(INDEX($D$3:$AA$30,INDEX(Jesper!$R$2:$R$366,ROW(INDEX(Jesper!AJ$2:AJ$366,ROUNDDOWN($C7825/24,0)+1,1))-1)+IF('Standard Profiles'!$G$20=$B$10,7,0)+IF('Standard Profiles'!$G$20=$B$17,14,0)+IF('Standard Profiles'!$G$20=$B$24,21,0),0)),0)</f>
        <v>0</v>
      </c>
      <c r="G7825" cm="1">
        <f t="array" ref="G7825">IFERROR(INDEX(Jesper!AK$2:AK$366,ROUNDDOWN($C7825/24,0)+1,1)*INDEX($D$3:$AA$30,INDEX(Jesper!$R$2:$R$366,ROW(INDEX(Jesper!AK$2:AK$366,ROUNDDOWN($C7825/24,0)+1,1))-1)+IF('Standard Profiles'!$G$21=$B$10,7,0)+IF('Standard Profiles'!$G$21=$B$17,14,0)+IF('Standard Profiles'!$G$21=$B$24,21,0),MOD($C7825,24)+1)/SUM(INDEX($D$3:$AA$30,INDEX(Jesper!$R$2:$R$366,ROW(INDEX(Jesper!AK$2:AK$366,ROUNDDOWN($C7825/24,0)+1,1))-1)+IF('Standard Profiles'!$G$21=$B$10,7,0)+IF('Standard Profiles'!$G$21=$B$17,14,0)+IF('Standard Profiles'!$G$21=$B$24,21,0),0)),0)</f>
        <v>0</v>
      </c>
      <c r="H7825" cm="1">
        <f t="array" ref="H7825">IFERROR(INDEX(Jesper!AL$2:AL$366,ROUNDDOWN($C7825/24,0)+1,1)*INDEX($D$3:$AA$30,INDEX(Jesper!$R$2:$R$366,ROW(INDEX(Jesper!AL$2:AL$366,ROUNDDOWN($C7825/24,0)+1,1))-1)+IF('Standard Profiles'!$G$22=$B$10,7,0)+IF('Standard Profiles'!$G$22=$B$17,14,0)+IF('Standard Profiles'!$G$22=$B$24,21,0),MOD($C7825,24)+1)/SUM(INDEX($D$3:$AA$30,INDEX(Jesper!$R$2:$R$366,ROW(INDEX(Jesper!AL$2:AL$366,ROUNDDOWN($C7825/24,0)+1,1))-1)+IF('Standard Profiles'!$G$22=$B$10,7,0)+IF('Standard Profiles'!$G$22=$B$17,14,0)+IF('Standard Profiles'!$G$22=$B$24,21,0),0)),0)</f>
        <v>0</v>
      </c>
      <c r="I7825">
        <f t="shared" si="867"/>
        <v>0.51784775569808328</v>
      </c>
      <c r="J7825">
        <f t="shared" si="868"/>
        <v>1.7261591856602778</v>
      </c>
      <c r="K7825">
        <f t="shared" si="869"/>
        <v>2.5892387784904165</v>
      </c>
      <c r="L7825">
        <f t="shared" si="870"/>
        <v>12.428346136754</v>
      </c>
      <c r="M7825">
        <f t="shared" si="871"/>
        <v>0</v>
      </c>
      <c r="N7825" s="46">
        <f t="shared" si="872"/>
        <v>45616.624999981104</v>
      </c>
    </row>
    <row r="7826" spans="2:14" x14ac:dyDescent="0.3">
      <c r="B7826">
        <f t="shared" si="866"/>
        <v>3</v>
      </c>
      <c r="C7826" s="16">
        <v>7792</v>
      </c>
      <c r="D7826" cm="1">
        <f t="array" ref="D7826">IFERROR(INDEX(Jesper!AH$2:AH$366,ROUNDDOWN($C7826/24,0)+1,1)*INDEX($D$3:$AA$30,INDEX(Jesper!$R$2:$R$366,ROW(INDEX(Jesper!AH$2:AH$366,ROUNDDOWN($C7826/24,0)+1,1))-1)+IF('Standard Profiles'!$G$18=$B$10,7,0)+IF('Standard Profiles'!$G$18=$B$17,14,0)+IF('Standard Profiles'!$G$18=$B$24,21,0),MOD($C7826,24)+1)/SUM(INDEX($D$3:$AA$30,INDEX(Jesper!$R$2:$R$366,ROW(INDEX(Jesper!AH$2:AH$366,ROUNDDOWN($C7826/24,0)+1,1))-1)+IF('Standard Profiles'!$G$18=$B$10,7,0)+IF('Standard Profiles'!$G$18=$B$17,14,0)+IF('Standard Profiles'!$G$18=$B$24,21,0),0)),0)</f>
        <v>17.261591856602777</v>
      </c>
      <c r="E7826" cm="1">
        <f t="array" ref="E7826">IFERROR(INDEX(Jesper!AI$2:AI$366,ROUNDDOWN($C7826/24,0)+1,1)*INDEX($D$3:$AA$30,INDEX(Jesper!$R$2:$R$366,ROW(INDEX(Jesper!AI$2:AI$366,ROUNDDOWN($C7826/24,0)+1,1))-1)+IF('Standard Profiles'!$G$19=$B$10,7,0)+IF('Standard Profiles'!$G$19=$B$17,14,0)+IF('Standard Profiles'!$G$19=$B$24,21,0),MOD($C7826,24)+1)/SUM(INDEX($D$3:$AA$30,INDEX(Jesper!$R$2:$R$366,ROW(INDEX(Jesper!AI$2:AI$366,ROUNDDOWN($C7826/24,0)+1,1))-1)+IF('Standard Profiles'!$G$19=$B$10,7,0)+IF('Standard Profiles'!$G$19=$B$17,14,0)+IF('Standard Profiles'!$G$19=$B$24,21,0),0)),0)</f>
        <v>0</v>
      </c>
      <c r="F7826" cm="1">
        <f t="array" ref="F7826">IFERROR(INDEX(Jesper!AJ$2:AJ$366,ROUNDDOWN($C7826/24,0)+1,1)*INDEX($D$3:$AA$30,INDEX(Jesper!$R$2:$R$366,ROW(INDEX(Jesper!AJ$2:AJ$366,ROUNDDOWN($C7826/24,0)+1,1))-1)+IF('Standard Profiles'!$G$20=$B$10,7,0)+IF('Standard Profiles'!$G$20=$B$17,14,0)+IF('Standard Profiles'!$G$20=$B$24,21,0),MOD($C7826,24)+1)/SUM(INDEX($D$3:$AA$30,INDEX(Jesper!$R$2:$R$366,ROW(INDEX(Jesper!AJ$2:AJ$366,ROUNDDOWN($C7826/24,0)+1,1))-1)+IF('Standard Profiles'!$G$20=$B$10,7,0)+IF('Standard Profiles'!$G$20=$B$17,14,0)+IF('Standard Profiles'!$G$20=$B$24,21,0),0)),0)</f>
        <v>0</v>
      </c>
      <c r="G7826" cm="1">
        <f t="array" ref="G7826">IFERROR(INDEX(Jesper!AK$2:AK$366,ROUNDDOWN($C7826/24,0)+1,1)*INDEX($D$3:$AA$30,INDEX(Jesper!$R$2:$R$366,ROW(INDEX(Jesper!AK$2:AK$366,ROUNDDOWN($C7826/24,0)+1,1))-1)+IF('Standard Profiles'!$G$21=$B$10,7,0)+IF('Standard Profiles'!$G$21=$B$17,14,0)+IF('Standard Profiles'!$G$21=$B$24,21,0),MOD($C7826,24)+1)/SUM(INDEX($D$3:$AA$30,INDEX(Jesper!$R$2:$R$366,ROW(INDEX(Jesper!AK$2:AK$366,ROUNDDOWN($C7826/24,0)+1,1))-1)+IF('Standard Profiles'!$G$21=$B$10,7,0)+IF('Standard Profiles'!$G$21=$B$17,14,0)+IF('Standard Profiles'!$G$21=$B$24,21,0),0)),0)</f>
        <v>0</v>
      </c>
      <c r="H7826" cm="1">
        <f t="array" ref="H7826">IFERROR(INDEX(Jesper!AL$2:AL$366,ROUNDDOWN($C7826/24,0)+1,1)*INDEX($D$3:$AA$30,INDEX(Jesper!$R$2:$R$366,ROW(INDEX(Jesper!AL$2:AL$366,ROUNDDOWN($C7826/24,0)+1,1))-1)+IF('Standard Profiles'!$G$22=$B$10,7,0)+IF('Standard Profiles'!$G$22=$B$17,14,0)+IF('Standard Profiles'!$G$22=$B$24,21,0),MOD($C7826,24)+1)/SUM(INDEX($D$3:$AA$30,INDEX(Jesper!$R$2:$R$366,ROW(INDEX(Jesper!AL$2:AL$366,ROUNDDOWN($C7826/24,0)+1,1))-1)+IF('Standard Profiles'!$G$22=$B$10,7,0)+IF('Standard Profiles'!$G$22=$B$17,14,0)+IF('Standard Profiles'!$G$22=$B$24,21,0),0)),0)</f>
        <v>0</v>
      </c>
      <c r="I7826">
        <f t="shared" si="867"/>
        <v>0.51784775569808328</v>
      </c>
      <c r="J7826">
        <f t="shared" si="868"/>
        <v>1.7261591856602778</v>
      </c>
      <c r="K7826">
        <f t="shared" si="869"/>
        <v>2.5892387784904165</v>
      </c>
      <c r="L7826">
        <f t="shared" si="870"/>
        <v>12.428346136754</v>
      </c>
      <c r="M7826">
        <f t="shared" si="871"/>
        <v>0</v>
      </c>
      <c r="N7826" s="46">
        <f t="shared" si="872"/>
        <v>45616.666666647769</v>
      </c>
    </row>
    <row r="7827" spans="2:14" x14ac:dyDescent="0.3">
      <c r="B7827">
        <f t="shared" si="866"/>
        <v>3</v>
      </c>
      <c r="C7827" s="16">
        <v>7793</v>
      </c>
      <c r="D7827" cm="1">
        <f t="array" ref="D7827">IFERROR(INDEX(Jesper!AH$2:AH$366,ROUNDDOWN($C7827/24,0)+1,1)*INDEX($D$3:$AA$30,INDEX(Jesper!$R$2:$R$366,ROW(INDEX(Jesper!AH$2:AH$366,ROUNDDOWN($C7827/24,0)+1,1))-1)+IF('Standard Profiles'!$G$18=$B$10,7,0)+IF('Standard Profiles'!$G$18=$B$17,14,0)+IF('Standard Profiles'!$G$18=$B$24,21,0),MOD($C7827,24)+1)/SUM(INDEX($D$3:$AA$30,INDEX(Jesper!$R$2:$R$366,ROW(INDEX(Jesper!AH$2:AH$366,ROUNDDOWN($C7827/24,0)+1,1))-1)+IF('Standard Profiles'!$G$18=$B$10,7,0)+IF('Standard Profiles'!$G$18=$B$17,14,0)+IF('Standard Profiles'!$G$18=$B$24,21,0),0)),0)</f>
        <v>17.261591856602777</v>
      </c>
      <c r="E7827" cm="1">
        <f t="array" ref="E7827">IFERROR(INDEX(Jesper!AI$2:AI$366,ROUNDDOWN($C7827/24,0)+1,1)*INDEX($D$3:$AA$30,INDEX(Jesper!$R$2:$R$366,ROW(INDEX(Jesper!AI$2:AI$366,ROUNDDOWN($C7827/24,0)+1,1))-1)+IF('Standard Profiles'!$G$19=$B$10,7,0)+IF('Standard Profiles'!$G$19=$B$17,14,0)+IF('Standard Profiles'!$G$19=$B$24,21,0),MOD($C7827,24)+1)/SUM(INDEX($D$3:$AA$30,INDEX(Jesper!$R$2:$R$366,ROW(INDEX(Jesper!AI$2:AI$366,ROUNDDOWN($C7827/24,0)+1,1))-1)+IF('Standard Profiles'!$G$19=$B$10,7,0)+IF('Standard Profiles'!$G$19=$B$17,14,0)+IF('Standard Profiles'!$G$19=$B$24,21,0),0)),0)</f>
        <v>0</v>
      </c>
      <c r="F7827" cm="1">
        <f t="array" ref="F7827">IFERROR(INDEX(Jesper!AJ$2:AJ$366,ROUNDDOWN($C7827/24,0)+1,1)*INDEX($D$3:$AA$30,INDEX(Jesper!$R$2:$R$366,ROW(INDEX(Jesper!AJ$2:AJ$366,ROUNDDOWN($C7827/24,0)+1,1))-1)+IF('Standard Profiles'!$G$20=$B$10,7,0)+IF('Standard Profiles'!$G$20=$B$17,14,0)+IF('Standard Profiles'!$G$20=$B$24,21,0),MOD($C7827,24)+1)/SUM(INDEX($D$3:$AA$30,INDEX(Jesper!$R$2:$R$366,ROW(INDEX(Jesper!AJ$2:AJ$366,ROUNDDOWN($C7827/24,0)+1,1))-1)+IF('Standard Profiles'!$G$20=$B$10,7,0)+IF('Standard Profiles'!$G$20=$B$17,14,0)+IF('Standard Profiles'!$G$20=$B$24,21,0),0)),0)</f>
        <v>0</v>
      </c>
      <c r="G7827" cm="1">
        <f t="array" ref="G7827">IFERROR(INDEX(Jesper!AK$2:AK$366,ROUNDDOWN($C7827/24,0)+1,1)*INDEX($D$3:$AA$30,INDEX(Jesper!$R$2:$R$366,ROW(INDEX(Jesper!AK$2:AK$366,ROUNDDOWN($C7827/24,0)+1,1))-1)+IF('Standard Profiles'!$G$21=$B$10,7,0)+IF('Standard Profiles'!$G$21=$B$17,14,0)+IF('Standard Profiles'!$G$21=$B$24,21,0),MOD($C7827,24)+1)/SUM(INDEX($D$3:$AA$30,INDEX(Jesper!$R$2:$R$366,ROW(INDEX(Jesper!AK$2:AK$366,ROUNDDOWN($C7827/24,0)+1,1))-1)+IF('Standard Profiles'!$G$21=$B$10,7,0)+IF('Standard Profiles'!$G$21=$B$17,14,0)+IF('Standard Profiles'!$G$21=$B$24,21,0),0)),0)</f>
        <v>0</v>
      </c>
      <c r="H7827" cm="1">
        <f t="array" ref="H7827">IFERROR(INDEX(Jesper!AL$2:AL$366,ROUNDDOWN($C7827/24,0)+1,1)*INDEX($D$3:$AA$30,INDEX(Jesper!$R$2:$R$366,ROW(INDEX(Jesper!AL$2:AL$366,ROUNDDOWN($C7827/24,0)+1,1))-1)+IF('Standard Profiles'!$G$22=$B$10,7,0)+IF('Standard Profiles'!$G$22=$B$17,14,0)+IF('Standard Profiles'!$G$22=$B$24,21,0),MOD($C7827,24)+1)/SUM(INDEX($D$3:$AA$30,INDEX(Jesper!$R$2:$R$366,ROW(INDEX(Jesper!AL$2:AL$366,ROUNDDOWN($C7827/24,0)+1,1))-1)+IF('Standard Profiles'!$G$22=$B$10,7,0)+IF('Standard Profiles'!$G$22=$B$17,14,0)+IF('Standard Profiles'!$G$22=$B$24,21,0),0)),0)</f>
        <v>0</v>
      </c>
      <c r="I7827">
        <f t="shared" si="867"/>
        <v>0.51784775569808328</v>
      </c>
      <c r="J7827">
        <f t="shared" si="868"/>
        <v>1.7261591856602778</v>
      </c>
      <c r="K7827">
        <f t="shared" si="869"/>
        <v>2.5892387784904165</v>
      </c>
      <c r="L7827">
        <f t="shared" si="870"/>
        <v>12.428346136754</v>
      </c>
      <c r="M7827">
        <f t="shared" si="871"/>
        <v>0</v>
      </c>
      <c r="N7827" s="46">
        <f t="shared" si="872"/>
        <v>45616.708333314433</v>
      </c>
    </row>
    <row r="7828" spans="2:14" x14ac:dyDescent="0.3">
      <c r="B7828">
        <f t="shared" si="866"/>
        <v>3</v>
      </c>
      <c r="C7828" s="16">
        <v>7794</v>
      </c>
      <c r="D7828" cm="1">
        <f t="array" ref="D7828">IFERROR(INDEX(Jesper!AH$2:AH$366,ROUNDDOWN($C7828/24,0)+1,1)*INDEX($D$3:$AA$30,INDEX(Jesper!$R$2:$R$366,ROW(INDEX(Jesper!AH$2:AH$366,ROUNDDOWN($C7828/24,0)+1,1))-1)+IF('Standard Profiles'!$G$18=$B$10,7,0)+IF('Standard Profiles'!$G$18=$B$17,14,0)+IF('Standard Profiles'!$G$18=$B$24,21,0),MOD($C7828,24)+1)/SUM(INDEX($D$3:$AA$30,INDEX(Jesper!$R$2:$R$366,ROW(INDEX(Jesper!AH$2:AH$366,ROUNDDOWN($C7828/24,0)+1,1))-1)+IF('Standard Profiles'!$G$18=$B$10,7,0)+IF('Standard Profiles'!$G$18=$B$17,14,0)+IF('Standard Profiles'!$G$18=$B$24,21,0),0)),0)</f>
        <v>17.261591856602777</v>
      </c>
      <c r="E7828" cm="1">
        <f t="array" ref="E7828">IFERROR(INDEX(Jesper!AI$2:AI$366,ROUNDDOWN($C7828/24,0)+1,1)*INDEX($D$3:$AA$30,INDEX(Jesper!$R$2:$R$366,ROW(INDEX(Jesper!AI$2:AI$366,ROUNDDOWN($C7828/24,0)+1,1))-1)+IF('Standard Profiles'!$G$19=$B$10,7,0)+IF('Standard Profiles'!$G$19=$B$17,14,0)+IF('Standard Profiles'!$G$19=$B$24,21,0),MOD($C7828,24)+1)/SUM(INDEX($D$3:$AA$30,INDEX(Jesper!$R$2:$R$366,ROW(INDEX(Jesper!AI$2:AI$366,ROUNDDOWN($C7828/24,0)+1,1))-1)+IF('Standard Profiles'!$G$19=$B$10,7,0)+IF('Standard Profiles'!$G$19=$B$17,14,0)+IF('Standard Profiles'!$G$19=$B$24,21,0),0)),0)</f>
        <v>0</v>
      </c>
      <c r="F7828" cm="1">
        <f t="array" ref="F7828">IFERROR(INDEX(Jesper!AJ$2:AJ$366,ROUNDDOWN($C7828/24,0)+1,1)*INDEX($D$3:$AA$30,INDEX(Jesper!$R$2:$R$366,ROW(INDEX(Jesper!AJ$2:AJ$366,ROUNDDOWN($C7828/24,0)+1,1))-1)+IF('Standard Profiles'!$G$20=$B$10,7,0)+IF('Standard Profiles'!$G$20=$B$17,14,0)+IF('Standard Profiles'!$G$20=$B$24,21,0),MOD($C7828,24)+1)/SUM(INDEX($D$3:$AA$30,INDEX(Jesper!$R$2:$R$366,ROW(INDEX(Jesper!AJ$2:AJ$366,ROUNDDOWN($C7828/24,0)+1,1))-1)+IF('Standard Profiles'!$G$20=$B$10,7,0)+IF('Standard Profiles'!$G$20=$B$17,14,0)+IF('Standard Profiles'!$G$20=$B$24,21,0),0)),0)</f>
        <v>0</v>
      </c>
      <c r="G7828" cm="1">
        <f t="array" ref="G7828">IFERROR(INDEX(Jesper!AK$2:AK$366,ROUNDDOWN($C7828/24,0)+1,1)*INDEX($D$3:$AA$30,INDEX(Jesper!$R$2:$R$366,ROW(INDEX(Jesper!AK$2:AK$366,ROUNDDOWN($C7828/24,0)+1,1))-1)+IF('Standard Profiles'!$G$21=$B$10,7,0)+IF('Standard Profiles'!$G$21=$B$17,14,0)+IF('Standard Profiles'!$G$21=$B$24,21,0),MOD($C7828,24)+1)/SUM(INDEX($D$3:$AA$30,INDEX(Jesper!$R$2:$R$366,ROW(INDEX(Jesper!AK$2:AK$366,ROUNDDOWN($C7828/24,0)+1,1))-1)+IF('Standard Profiles'!$G$21=$B$10,7,0)+IF('Standard Profiles'!$G$21=$B$17,14,0)+IF('Standard Profiles'!$G$21=$B$24,21,0),0)),0)</f>
        <v>0</v>
      </c>
      <c r="H7828" cm="1">
        <f t="array" ref="H7828">IFERROR(INDEX(Jesper!AL$2:AL$366,ROUNDDOWN($C7828/24,0)+1,1)*INDEX($D$3:$AA$30,INDEX(Jesper!$R$2:$R$366,ROW(INDEX(Jesper!AL$2:AL$366,ROUNDDOWN($C7828/24,0)+1,1))-1)+IF('Standard Profiles'!$G$22=$B$10,7,0)+IF('Standard Profiles'!$G$22=$B$17,14,0)+IF('Standard Profiles'!$G$22=$B$24,21,0),MOD($C7828,24)+1)/SUM(INDEX($D$3:$AA$30,INDEX(Jesper!$R$2:$R$366,ROW(INDEX(Jesper!AL$2:AL$366,ROUNDDOWN($C7828/24,0)+1,1))-1)+IF('Standard Profiles'!$G$22=$B$10,7,0)+IF('Standard Profiles'!$G$22=$B$17,14,0)+IF('Standard Profiles'!$G$22=$B$24,21,0),0)),0)</f>
        <v>0</v>
      </c>
      <c r="I7828">
        <f t="shared" si="867"/>
        <v>0.51784775569808328</v>
      </c>
      <c r="J7828">
        <f t="shared" si="868"/>
        <v>1.7261591856602778</v>
      </c>
      <c r="K7828">
        <f t="shared" si="869"/>
        <v>2.5892387784904165</v>
      </c>
      <c r="L7828">
        <f t="shared" si="870"/>
        <v>12.428346136754</v>
      </c>
      <c r="M7828">
        <f t="shared" si="871"/>
        <v>0</v>
      </c>
      <c r="N7828" s="46">
        <f t="shared" si="872"/>
        <v>45616.749999981097</v>
      </c>
    </row>
    <row r="7829" spans="2:14" x14ac:dyDescent="0.3">
      <c r="B7829">
        <f t="shared" si="866"/>
        <v>3</v>
      </c>
      <c r="C7829" s="16">
        <v>7795</v>
      </c>
      <c r="D7829" cm="1">
        <f t="array" ref="D7829">IFERROR(INDEX(Jesper!AH$2:AH$366,ROUNDDOWN($C7829/24,0)+1,1)*INDEX($D$3:$AA$30,INDEX(Jesper!$R$2:$R$366,ROW(INDEX(Jesper!AH$2:AH$366,ROUNDDOWN($C7829/24,0)+1,1))-1)+IF('Standard Profiles'!$G$18=$B$10,7,0)+IF('Standard Profiles'!$G$18=$B$17,14,0)+IF('Standard Profiles'!$G$18=$B$24,21,0),MOD($C7829,24)+1)/SUM(INDEX($D$3:$AA$30,INDEX(Jesper!$R$2:$R$366,ROW(INDEX(Jesper!AH$2:AH$366,ROUNDDOWN($C7829/24,0)+1,1))-1)+IF('Standard Profiles'!$G$18=$B$10,7,0)+IF('Standard Profiles'!$G$18=$B$17,14,0)+IF('Standard Profiles'!$G$18=$B$24,21,0),0)),0)</f>
        <v>14.384659880502316</v>
      </c>
      <c r="E7829" cm="1">
        <f t="array" ref="E7829">IFERROR(INDEX(Jesper!AI$2:AI$366,ROUNDDOWN($C7829/24,0)+1,1)*INDEX($D$3:$AA$30,INDEX(Jesper!$R$2:$R$366,ROW(INDEX(Jesper!AI$2:AI$366,ROUNDDOWN($C7829/24,0)+1,1))-1)+IF('Standard Profiles'!$G$19=$B$10,7,0)+IF('Standard Profiles'!$G$19=$B$17,14,0)+IF('Standard Profiles'!$G$19=$B$24,21,0),MOD($C7829,24)+1)/SUM(INDEX($D$3:$AA$30,INDEX(Jesper!$R$2:$R$366,ROW(INDEX(Jesper!AI$2:AI$366,ROUNDDOWN($C7829/24,0)+1,1))-1)+IF('Standard Profiles'!$G$19=$B$10,7,0)+IF('Standard Profiles'!$G$19=$B$17,14,0)+IF('Standard Profiles'!$G$19=$B$24,21,0),0)),0)</f>
        <v>0</v>
      </c>
      <c r="F7829" cm="1">
        <f t="array" ref="F7829">IFERROR(INDEX(Jesper!AJ$2:AJ$366,ROUNDDOWN($C7829/24,0)+1,1)*INDEX($D$3:$AA$30,INDEX(Jesper!$R$2:$R$366,ROW(INDEX(Jesper!AJ$2:AJ$366,ROUNDDOWN($C7829/24,0)+1,1))-1)+IF('Standard Profiles'!$G$20=$B$10,7,0)+IF('Standard Profiles'!$G$20=$B$17,14,0)+IF('Standard Profiles'!$G$20=$B$24,21,0),MOD($C7829,24)+1)/SUM(INDEX($D$3:$AA$30,INDEX(Jesper!$R$2:$R$366,ROW(INDEX(Jesper!AJ$2:AJ$366,ROUNDDOWN($C7829/24,0)+1,1))-1)+IF('Standard Profiles'!$G$20=$B$10,7,0)+IF('Standard Profiles'!$G$20=$B$17,14,0)+IF('Standard Profiles'!$G$20=$B$24,21,0),0)),0)</f>
        <v>0</v>
      </c>
      <c r="G7829" cm="1">
        <f t="array" ref="G7829">IFERROR(INDEX(Jesper!AK$2:AK$366,ROUNDDOWN($C7829/24,0)+1,1)*INDEX($D$3:$AA$30,INDEX(Jesper!$R$2:$R$366,ROW(INDEX(Jesper!AK$2:AK$366,ROUNDDOWN($C7829/24,0)+1,1))-1)+IF('Standard Profiles'!$G$21=$B$10,7,0)+IF('Standard Profiles'!$G$21=$B$17,14,0)+IF('Standard Profiles'!$G$21=$B$24,21,0),MOD($C7829,24)+1)/SUM(INDEX($D$3:$AA$30,INDEX(Jesper!$R$2:$R$366,ROW(INDEX(Jesper!AK$2:AK$366,ROUNDDOWN($C7829/24,0)+1,1))-1)+IF('Standard Profiles'!$G$21=$B$10,7,0)+IF('Standard Profiles'!$G$21=$B$17,14,0)+IF('Standard Profiles'!$G$21=$B$24,21,0),0)),0)</f>
        <v>0</v>
      </c>
      <c r="H7829" cm="1">
        <f t="array" ref="H7829">IFERROR(INDEX(Jesper!AL$2:AL$366,ROUNDDOWN($C7829/24,0)+1,1)*INDEX($D$3:$AA$30,INDEX(Jesper!$R$2:$R$366,ROW(INDEX(Jesper!AL$2:AL$366,ROUNDDOWN($C7829/24,0)+1,1))-1)+IF('Standard Profiles'!$G$22=$B$10,7,0)+IF('Standard Profiles'!$G$22=$B$17,14,0)+IF('Standard Profiles'!$G$22=$B$24,21,0),MOD($C7829,24)+1)/SUM(INDEX($D$3:$AA$30,INDEX(Jesper!$R$2:$R$366,ROW(INDEX(Jesper!AL$2:AL$366,ROUNDDOWN($C7829/24,0)+1,1))-1)+IF('Standard Profiles'!$G$22=$B$10,7,0)+IF('Standard Profiles'!$G$22=$B$17,14,0)+IF('Standard Profiles'!$G$22=$B$24,21,0),0)),0)</f>
        <v>0</v>
      </c>
      <c r="I7829">
        <f t="shared" si="867"/>
        <v>0.43153979641506945</v>
      </c>
      <c r="J7829">
        <f t="shared" si="868"/>
        <v>1.4384659880502317</v>
      </c>
      <c r="K7829">
        <f t="shared" si="869"/>
        <v>2.1576989820753472</v>
      </c>
      <c r="L7829">
        <f t="shared" si="870"/>
        <v>10.356955113961666</v>
      </c>
      <c r="M7829">
        <f t="shared" si="871"/>
        <v>0</v>
      </c>
      <c r="N7829" s="46">
        <f t="shared" si="872"/>
        <v>45616.791666647761</v>
      </c>
    </row>
    <row r="7830" spans="2:14" x14ac:dyDescent="0.3">
      <c r="B7830">
        <f t="shared" si="866"/>
        <v>3</v>
      </c>
      <c r="C7830" s="16">
        <v>7796</v>
      </c>
      <c r="D7830" cm="1">
        <f t="array" ref="D7830">IFERROR(INDEX(Jesper!AH$2:AH$366,ROUNDDOWN($C7830/24,0)+1,1)*INDEX($D$3:$AA$30,INDEX(Jesper!$R$2:$R$366,ROW(INDEX(Jesper!AH$2:AH$366,ROUNDDOWN($C7830/24,0)+1,1))-1)+IF('Standard Profiles'!$G$18=$B$10,7,0)+IF('Standard Profiles'!$G$18=$B$17,14,0)+IF('Standard Profiles'!$G$18=$B$24,21,0),MOD($C7830,24)+1)/SUM(INDEX($D$3:$AA$30,INDEX(Jesper!$R$2:$R$366,ROW(INDEX(Jesper!AH$2:AH$366,ROUNDDOWN($C7830/24,0)+1,1))-1)+IF('Standard Profiles'!$G$18=$B$10,7,0)+IF('Standard Profiles'!$G$18=$B$17,14,0)+IF('Standard Profiles'!$G$18=$B$24,21,0),0)),0)</f>
        <v>11.507727904401854</v>
      </c>
      <c r="E7830" cm="1">
        <f t="array" ref="E7830">IFERROR(INDEX(Jesper!AI$2:AI$366,ROUNDDOWN($C7830/24,0)+1,1)*INDEX($D$3:$AA$30,INDEX(Jesper!$R$2:$R$366,ROW(INDEX(Jesper!AI$2:AI$366,ROUNDDOWN($C7830/24,0)+1,1))-1)+IF('Standard Profiles'!$G$19=$B$10,7,0)+IF('Standard Profiles'!$G$19=$B$17,14,0)+IF('Standard Profiles'!$G$19=$B$24,21,0),MOD($C7830,24)+1)/SUM(INDEX($D$3:$AA$30,INDEX(Jesper!$R$2:$R$366,ROW(INDEX(Jesper!AI$2:AI$366,ROUNDDOWN($C7830/24,0)+1,1))-1)+IF('Standard Profiles'!$G$19=$B$10,7,0)+IF('Standard Profiles'!$G$19=$B$17,14,0)+IF('Standard Profiles'!$G$19=$B$24,21,0),0)),0)</f>
        <v>0</v>
      </c>
      <c r="F7830" cm="1">
        <f t="array" ref="F7830">IFERROR(INDEX(Jesper!AJ$2:AJ$366,ROUNDDOWN($C7830/24,0)+1,1)*INDEX($D$3:$AA$30,INDEX(Jesper!$R$2:$R$366,ROW(INDEX(Jesper!AJ$2:AJ$366,ROUNDDOWN($C7830/24,0)+1,1))-1)+IF('Standard Profiles'!$G$20=$B$10,7,0)+IF('Standard Profiles'!$G$20=$B$17,14,0)+IF('Standard Profiles'!$G$20=$B$24,21,0),MOD($C7830,24)+1)/SUM(INDEX($D$3:$AA$30,INDEX(Jesper!$R$2:$R$366,ROW(INDEX(Jesper!AJ$2:AJ$366,ROUNDDOWN($C7830/24,0)+1,1))-1)+IF('Standard Profiles'!$G$20=$B$10,7,0)+IF('Standard Profiles'!$G$20=$B$17,14,0)+IF('Standard Profiles'!$G$20=$B$24,21,0),0)),0)</f>
        <v>0</v>
      </c>
      <c r="G7830" cm="1">
        <f t="array" ref="G7830">IFERROR(INDEX(Jesper!AK$2:AK$366,ROUNDDOWN($C7830/24,0)+1,1)*INDEX($D$3:$AA$30,INDEX(Jesper!$R$2:$R$366,ROW(INDEX(Jesper!AK$2:AK$366,ROUNDDOWN($C7830/24,0)+1,1))-1)+IF('Standard Profiles'!$G$21=$B$10,7,0)+IF('Standard Profiles'!$G$21=$B$17,14,0)+IF('Standard Profiles'!$G$21=$B$24,21,0),MOD($C7830,24)+1)/SUM(INDEX($D$3:$AA$30,INDEX(Jesper!$R$2:$R$366,ROW(INDEX(Jesper!AK$2:AK$366,ROUNDDOWN($C7830/24,0)+1,1))-1)+IF('Standard Profiles'!$G$21=$B$10,7,0)+IF('Standard Profiles'!$G$21=$B$17,14,0)+IF('Standard Profiles'!$G$21=$B$24,21,0),0)),0)</f>
        <v>0</v>
      </c>
      <c r="H7830" cm="1">
        <f t="array" ref="H7830">IFERROR(INDEX(Jesper!AL$2:AL$366,ROUNDDOWN($C7830/24,0)+1,1)*INDEX($D$3:$AA$30,INDEX(Jesper!$R$2:$R$366,ROW(INDEX(Jesper!AL$2:AL$366,ROUNDDOWN($C7830/24,0)+1,1))-1)+IF('Standard Profiles'!$G$22=$B$10,7,0)+IF('Standard Profiles'!$G$22=$B$17,14,0)+IF('Standard Profiles'!$G$22=$B$24,21,0),MOD($C7830,24)+1)/SUM(INDEX($D$3:$AA$30,INDEX(Jesper!$R$2:$R$366,ROW(INDEX(Jesper!AL$2:AL$366,ROUNDDOWN($C7830/24,0)+1,1))-1)+IF('Standard Profiles'!$G$22=$B$10,7,0)+IF('Standard Profiles'!$G$22=$B$17,14,0)+IF('Standard Profiles'!$G$22=$B$24,21,0),0)),0)</f>
        <v>0</v>
      </c>
      <c r="I7830">
        <f t="shared" si="867"/>
        <v>0.34523183713205563</v>
      </c>
      <c r="J7830">
        <f t="shared" si="868"/>
        <v>1.1507727904401854</v>
      </c>
      <c r="K7830">
        <f t="shared" si="869"/>
        <v>1.726159185660278</v>
      </c>
      <c r="L7830">
        <f t="shared" si="870"/>
        <v>8.2855640911693342</v>
      </c>
      <c r="M7830">
        <f t="shared" si="871"/>
        <v>0</v>
      </c>
      <c r="N7830" s="46">
        <f t="shared" si="872"/>
        <v>45616.833333314426</v>
      </c>
    </row>
    <row r="7831" spans="2:14" x14ac:dyDescent="0.3">
      <c r="B7831">
        <f t="shared" si="866"/>
        <v>3</v>
      </c>
      <c r="C7831" s="16">
        <v>7797</v>
      </c>
      <c r="D7831" cm="1">
        <f t="array" ref="D7831">IFERROR(INDEX(Jesper!AH$2:AH$366,ROUNDDOWN($C7831/24,0)+1,1)*INDEX($D$3:$AA$30,INDEX(Jesper!$R$2:$R$366,ROW(INDEX(Jesper!AH$2:AH$366,ROUNDDOWN($C7831/24,0)+1,1))-1)+IF('Standard Profiles'!$G$18=$B$10,7,0)+IF('Standard Profiles'!$G$18=$B$17,14,0)+IF('Standard Profiles'!$G$18=$B$24,21,0),MOD($C7831,24)+1)/SUM(INDEX($D$3:$AA$30,INDEX(Jesper!$R$2:$R$366,ROW(INDEX(Jesper!AH$2:AH$366,ROUNDDOWN($C7831/24,0)+1,1))-1)+IF('Standard Profiles'!$G$18=$B$10,7,0)+IF('Standard Profiles'!$G$18=$B$17,14,0)+IF('Standard Profiles'!$G$18=$B$24,21,0),0)),0)</f>
        <v>8.6307959283013886</v>
      </c>
      <c r="E7831" cm="1">
        <f t="array" ref="E7831">IFERROR(INDEX(Jesper!AI$2:AI$366,ROUNDDOWN($C7831/24,0)+1,1)*INDEX($D$3:$AA$30,INDEX(Jesper!$R$2:$R$366,ROW(INDEX(Jesper!AI$2:AI$366,ROUNDDOWN($C7831/24,0)+1,1))-1)+IF('Standard Profiles'!$G$19=$B$10,7,0)+IF('Standard Profiles'!$G$19=$B$17,14,0)+IF('Standard Profiles'!$G$19=$B$24,21,0),MOD($C7831,24)+1)/SUM(INDEX($D$3:$AA$30,INDEX(Jesper!$R$2:$R$366,ROW(INDEX(Jesper!AI$2:AI$366,ROUNDDOWN($C7831/24,0)+1,1))-1)+IF('Standard Profiles'!$G$19=$B$10,7,0)+IF('Standard Profiles'!$G$19=$B$17,14,0)+IF('Standard Profiles'!$G$19=$B$24,21,0),0)),0)</f>
        <v>0</v>
      </c>
      <c r="F7831" cm="1">
        <f t="array" ref="F7831">IFERROR(INDEX(Jesper!AJ$2:AJ$366,ROUNDDOWN($C7831/24,0)+1,1)*INDEX($D$3:$AA$30,INDEX(Jesper!$R$2:$R$366,ROW(INDEX(Jesper!AJ$2:AJ$366,ROUNDDOWN($C7831/24,0)+1,1))-1)+IF('Standard Profiles'!$G$20=$B$10,7,0)+IF('Standard Profiles'!$G$20=$B$17,14,0)+IF('Standard Profiles'!$G$20=$B$24,21,0),MOD($C7831,24)+1)/SUM(INDEX($D$3:$AA$30,INDEX(Jesper!$R$2:$R$366,ROW(INDEX(Jesper!AJ$2:AJ$366,ROUNDDOWN($C7831/24,0)+1,1))-1)+IF('Standard Profiles'!$G$20=$B$10,7,0)+IF('Standard Profiles'!$G$20=$B$17,14,0)+IF('Standard Profiles'!$G$20=$B$24,21,0),0)),0)</f>
        <v>0</v>
      </c>
      <c r="G7831" cm="1">
        <f t="array" ref="G7831">IFERROR(INDEX(Jesper!AK$2:AK$366,ROUNDDOWN($C7831/24,0)+1,1)*INDEX($D$3:$AA$30,INDEX(Jesper!$R$2:$R$366,ROW(INDEX(Jesper!AK$2:AK$366,ROUNDDOWN($C7831/24,0)+1,1))-1)+IF('Standard Profiles'!$G$21=$B$10,7,0)+IF('Standard Profiles'!$G$21=$B$17,14,0)+IF('Standard Profiles'!$G$21=$B$24,21,0),MOD($C7831,24)+1)/SUM(INDEX($D$3:$AA$30,INDEX(Jesper!$R$2:$R$366,ROW(INDEX(Jesper!AK$2:AK$366,ROUNDDOWN($C7831/24,0)+1,1))-1)+IF('Standard Profiles'!$G$21=$B$10,7,0)+IF('Standard Profiles'!$G$21=$B$17,14,0)+IF('Standard Profiles'!$G$21=$B$24,21,0),0)),0)</f>
        <v>0</v>
      </c>
      <c r="H7831" cm="1">
        <f t="array" ref="H7831">IFERROR(INDEX(Jesper!AL$2:AL$366,ROUNDDOWN($C7831/24,0)+1,1)*INDEX($D$3:$AA$30,INDEX(Jesper!$R$2:$R$366,ROW(INDEX(Jesper!AL$2:AL$366,ROUNDDOWN($C7831/24,0)+1,1))-1)+IF('Standard Profiles'!$G$22=$B$10,7,0)+IF('Standard Profiles'!$G$22=$B$17,14,0)+IF('Standard Profiles'!$G$22=$B$24,21,0),MOD($C7831,24)+1)/SUM(INDEX($D$3:$AA$30,INDEX(Jesper!$R$2:$R$366,ROW(INDEX(Jesper!AL$2:AL$366,ROUNDDOWN($C7831/24,0)+1,1))-1)+IF('Standard Profiles'!$G$22=$B$10,7,0)+IF('Standard Profiles'!$G$22=$B$17,14,0)+IF('Standard Profiles'!$G$22=$B$24,21,0),0)),0)</f>
        <v>0</v>
      </c>
      <c r="I7831">
        <f t="shared" si="867"/>
        <v>0.25892387784904164</v>
      </c>
      <c r="J7831">
        <f t="shared" si="868"/>
        <v>0.86307959283013891</v>
      </c>
      <c r="K7831">
        <f t="shared" si="869"/>
        <v>1.2946193892452083</v>
      </c>
      <c r="L7831">
        <f t="shared" si="870"/>
        <v>6.2141730683769998</v>
      </c>
      <c r="M7831">
        <f t="shared" si="871"/>
        <v>0</v>
      </c>
      <c r="N7831" s="46">
        <f t="shared" si="872"/>
        <v>45616.87499998109</v>
      </c>
    </row>
    <row r="7832" spans="2:14" x14ac:dyDescent="0.3">
      <c r="B7832">
        <f t="shared" si="866"/>
        <v>3</v>
      </c>
      <c r="C7832" s="16">
        <v>7798</v>
      </c>
      <c r="D7832" cm="1">
        <f t="array" ref="D7832">IFERROR(INDEX(Jesper!AH$2:AH$366,ROUNDDOWN($C7832/24,0)+1,1)*INDEX($D$3:$AA$30,INDEX(Jesper!$R$2:$R$366,ROW(INDEX(Jesper!AH$2:AH$366,ROUNDDOWN($C7832/24,0)+1,1))-1)+IF('Standard Profiles'!$G$18=$B$10,7,0)+IF('Standard Profiles'!$G$18=$B$17,14,0)+IF('Standard Profiles'!$G$18=$B$24,21,0),MOD($C7832,24)+1)/SUM(INDEX($D$3:$AA$30,INDEX(Jesper!$R$2:$R$366,ROW(INDEX(Jesper!AH$2:AH$366,ROUNDDOWN($C7832/24,0)+1,1))-1)+IF('Standard Profiles'!$G$18=$B$10,7,0)+IF('Standard Profiles'!$G$18=$B$17,14,0)+IF('Standard Profiles'!$G$18=$B$24,21,0),0)),0)</f>
        <v>8.6307959283013886</v>
      </c>
      <c r="E7832" cm="1">
        <f t="array" ref="E7832">IFERROR(INDEX(Jesper!AI$2:AI$366,ROUNDDOWN($C7832/24,0)+1,1)*INDEX($D$3:$AA$30,INDEX(Jesper!$R$2:$R$366,ROW(INDEX(Jesper!AI$2:AI$366,ROUNDDOWN($C7832/24,0)+1,1))-1)+IF('Standard Profiles'!$G$19=$B$10,7,0)+IF('Standard Profiles'!$G$19=$B$17,14,0)+IF('Standard Profiles'!$G$19=$B$24,21,0),MOD($C7832,24)+1)/SUM(INDEX($D$3:$AA$30,INDEX(Jesper!$R$2:$R$366,ROW(INDEX(Jesper!AI$2:AI$366,ROUNDDOWN($C7832/24,0)+1,1))-1)+IF('Standard Profiles'!$G$19=$B$10,7,0)+IF('Standard Profiles'!$G$19=$B$17,14,0)+IF('Standard Profiles'!$G$19=$B$24,21,0),0)),0)</f>
        <v>0</v>
      </c>
      <c r="F7832" cm="1">
        <f t="array" ref="F7832">IFERROR(INDEX(Jesper!AJ$2:AJ$366,ROUNDDOWN($C7832/24,0)+1,1)*INDEX($D$3:$AA$30,INDEX(Jesper!$R$2:$R$366,ROW(INDEX(Jesper!AJ$2:AJ$366,ROUNDDOWN($C7832/24,0)+1,1))-1)+IF('Standard Profiles'!$G$20=$B$10,7,0)+IF('Standard Profiles'!$G$20=$B$17,14,0)+IF('Standard Profiles'!$G$20=$B$24,21,0),MOD($C7832,24)+1)/SUM(INDEX($D$3:$AA$30,INDEX(Jesper!$R$2:$R$366,ROW(INDEX(Jesper!AJ$2:AJ$366,ROUNDDOWN($C7832/24,0)+1,1))-1)+IF('Standard Profiles'!$G$20=$B$10,7,0)+IF('Standard Profiles'!$G$20=$B$17,14,0)+IF('Standard Profiles'!$G$20=$B$24,21,0),0)),0)</f>
        <v>0</v>
      </c>
      <c r="G7832" cm="1">
        <f t="array" ref="G7832">IFERROR(INDEX(Jesper!AK$2:AK$366,ROUNDDOWN($C7832/24,0)+1,1)*INDEX($D$3:$AA$30,INDEX(Jesper!$R$2:$R$366,ROW(INDEX(Jesper!AK$2:AK$366,ROUNDDOWN($C7832/24,0)+1,1))-1)+IF('Standard Profiles'!$G$21=$B$10,7,0)+IF('Standard Profiles'!$G$21=$B$17,14,0)+IF('Standard Profiles'!$G$21=$B$24,21,0),MOD($C7832,24)+1)/SUM(INDEX($D$3:$AA$30,INDEX(Jesper!$R$2:$R$366,ROW(INDEX(Jesper!AK$2:AK$366,ROUNDDOWN($C7832/24,0)+1,1))-1)+IF('Standard Profiles'!$G$21=$B$10,7,0)+IF('Standard Profiles'!$G$21=$B$17,14,0)+IF('Standard Profiles'!$G$21=$B$24,21,0),0)),0)</f>
        <v>0</v>
      </c>
      <c r="H7832" cm="1">
        <f t="array" ref="H7832">IFERROR(INDEX(Jesper!AL$2:AL$366,ROUNDDOWN($C7832/24,0)+1,1)*INDEX($D$3:$AA$30,INDEX(Jesper!$R$2:$R$366,ROW(INDEX(Jesper!AL$2:AL$366,ROUNDDOWN($C7832/24,0)+1,1))-1)+IF('Standard Profiles'!$G$22=$B$10,7,0)+IF('Standard Profiles'!$G$22=$B$17,14,0)+IF('Standard Profiles'!$G$22=$B$24,21,0),MOD($C7832,24)+1)/SUM(INDEX($D$3:$AA$30,INDEX(Jesper!$R$2:$R$366,ROW(INDEX(Jesper!AL$2:AL$366,ROUNDDOWN($C7832/24,0)+1,1))-1)+IF('Standard Profiles'!$G$22=$B$10,7,0)+IF('Standard Profiles'!$G$22=$B$17,14,0)+IF('Standard Profiles'!$G$22=$B$24,21,0),0)),0)</f>
        <v>0</v>
      </c>
      <c r="I7832">
        <f t="shared" si="867"/>
        <v>0.25892387784904164</v>
      </c>
      <c r="J7832">
        <f t="shared" si="868"/>
        <v>0.86307959283013891</v>
      </c>
      <c r="K7832">
        <f t="shared" si="869"/>
        <v>1.2946193892452083</v>
      </c>
      <c r="L7832">
        <f t="shared" si="870"/>
        <v>6.2141730683769998</v>
      </c>
      <c r="M7832">
        <f t="shared" si="871"/>
        <v>0</v>
      </c>
      <c r="N7832" s="46">
        <f t="shared" si="872"/>
        <v>45616.916666647754</v>
      </c>
    </row>
    <row r="7833" spans="2:14" x14ac:dyDescent="0.3">
      <c r="B7833">
        <f t="shared" si="866"/>
        <v>3</v>
      </c>
      <c r="C7833" s="16">
        <v>7799</v>
      </c>
      <c r="D7833" cm="1">
        <f t="array" ref="D7833">IFERROR(INDEX(Jesper!AH$2:AH$366,ROUNDDOWN($C7833/24,0)+1,1)*INDEX($D$3:$AA$30,INDEX(Jesper!$R$2:$R$366,ROW(INDEX(Jesper!AH$2:AH$366,ROUNDDOWN($C7833/24,0)+1,1))-1)+IF('Standard Profiles'!$G$18=$B$10,7,0)+IF('Standard Profiles'!$G$18=$B$17,14,0)+IF('Standard Profiles'!$G$18=$B$24,21,0),MOD($C7833,24)+1)/SUM(INDEX($D$3:$AA$30,INDEX(Jesper!$R$2:$R$366,ROW(INDEX(Jesper!AH$2:AH$366,ROUNDDOWN($C7833/24,0)+1,1))-1)+IF('Standard Profiles'!$G$18=$B$10,7,0)+IF('Standard Profiles'!$G$18=$B$17,14,0)+IF('Standard Profiles'!$G$18=$B$24,21,0),0)),0)</f>
        <v>8.6307959283013886</v>
      </c>
      <c r="E7833" cm="1">
        <f t="array" ref="E7833">IFERROR(INDEX(Jesper!AI$2:AI$366,ROUNDDOWN($C7833/24,0)+1,1)*INDEX($D$3:$AA$30,INDEX(Jesper!$R$2:$R$366,ROW(INDEX(Jesper!AI$2:AI$366,ROUNDDOWN($C7833/24,0)+1,1))-1)+IF('Standard Profiles'!$G$19=$B$10,7,0)+IF('Standard Profiles'!$G$19=$B$17,14,0)+IF('Standard Profiles'!$G$19=$B$24,21,0),MOD($C7833,24)+1)/SUM(INDEX($D$3:$AA$30,INDEX(Jesper!$R$2:$R$366,ROW(INDEX(Jesper!AI$2:AI$366,ROUNDDOWN($C7833/24,0)+1,1))-1)+IF('Standard Profiles'!$G$19=$B$10,7,0)+IF('Standard Profiles'!$G$19=$B$17,14,0)+IF('Standard Profiles'!$G$19=$B$24,21,0),0)),0)</f>
        <v>0</v>
      </c>
      <c r="F7833" cm="1">
        <f t="array" ref="F7833">IFERROR(INDEX(Jesper!AJ$2:AJ$366,ROUNDDOWN($C7833/24,0)+1,1)*INDEX($D$3:$AA$30,INDEX(Jesper!$R$2:$R$366,ROW(INDEX(Jesper!AJ$2:AJ$366,ROUNDDOWN($C7833/24,0)+1,1))-1)+IF('Standard Profiles'!$G$20=$B$10,7,0)+IF('Standard Profiles'!$G$20=$B$17,14,0)+IF('Standard Profiles'!$G$20=$B$24,21,0),MOD($C7833,24)+1)/SUM(INDEX($D$3:$AA$30,INDEX(Jesper!$R$2:$R$366,ROW(INDEX(Jesper!AJ$2:AJ$366,ROUNDDOWN($C7833/24,0)+1,1))-1)+IF('Standard Profiles'!$G$20=$B$10,7,0)+IF('Standard Profiles'!$G$20=$B$17,14,0)+IF('Standard Profiles'!$G$20=$B$24,21,0),0)),0)</f>
        <v>0</v>
      </c>
      <c r="G7833" cm="1">
        <f t="array" ref="G7833">IFERROR(INDEX(Jesper!AK$2:AK$366,ROUNDDOWN($C7833/24,0)+1,1)*INDEX($D$3:$AA$30,INDEX(Jesper!$R$2:$R$366,ROW(INDEX(Jesper!AK$2:AK$366,ROUNDDOWN($C7833/24,0)+1,1))-1)+IF('Standard Profiles'!$G$21=$B$10,7,0)+IF('Standard Profiles'!$G$21=$B$17,14,0)+IF('Standard Profiles'!$G$21=$B$24,21,0),MOD($C7833,24)+1)/SUM(INDEX($D$3:$AA$30,INDEX(Jesper!$R$2:$R$366,ROW(INDEX(Jesper!AK$2:AK$366,ROUNDDOWN($C7833/24,0)+1,1))-1)+IF('Standard Profiles'!$G$21=$B$10,7,0)+IF('Standard Profiles'!$G$21=$B$17,14,0)+IF('Standard Profiles'!$G$21=$B$24,21,0),0)),0)</f>
        <v>0</v>
      </c>
      <c r="H7833" cm="1">
        <f t="array" ref="H7833">IFERROR(INDEX(Jesper!AL$2:AL$366,ROUNDDOWN($C7833/24,0)+1,1)*INDEX($D$3:$AA$30,INDEX(Jesper!$R$2:$R$366,ROW(INDEX(Jesper!AL$2:AL$366,ROUNDDOWN($C7833/24,0)+1,1))-1)+IF('Standard Profiles'!$G$22=$B$10,7,0)+IF('Standard Profiles'!$G$22=$B$17,14,0)+IF('Standard Profiles'!$G$22=$B$24,21,0),MOD($C7833,24)+1)/SUM(INDEX($D$3:$AA$30,INDEX(Jesper!$R$2:$R$366,ROW(INDEX(Jesper!AL$2:AL$366,ROUNDDOWN($C7833/24,0)+1,1))-1)+IF('Standard Profiles'!$G$22=$B$10,7,0)+IF('Standard Profiles'!$G$22=$B$17,14,0)+IF('Standard Profiles'!$G$22=$B$24,21,0),0)),0)</f>
        <v>0</v>
      </c>
      <c r="I7833">
        <f t="shared" si="867"/>
        <v>0.25892387784904164</v>
      </c>
      <c r="J7833">
        <f t="shared" si="868"/>
        <v>0.86307959283013891</v>
      </c>
      <c r="K7833">
        <f t="shared" si="869"/>
        <v>1.2946193892452083</v>
      </c>
      <c r="L7833">
        <f t="shared" si="870"/>
        <v>6.2141730683769998</v>
      </c>
      <c r="M7833">
        <f t="shared" si="871"/>
        <v>0</v>
      </c>
      <c r="N7833" s="46">
        <f t="shared" si="872"/>
        <v>45616.958333314418</v>
      </c>
    </row>
    <row r="7834" spans="2:14" x14ac:dyDescent="0.3">
      <c r="B7834">
        <f t="shared" si="866"/>
        <v>4</v>
      </c>
      <c r="C7834" s="16">
        <v>7800</v>
      </c>
      <c r="D7834" cm="1">
        <f t="array" ref="D7834">IFERROR(INDEX(Jesper!AH$2:AH$366,ROUNDDOWN($C7834/24,0)+1,1)*INDEX($D$3:$AA$30,INDEX(Jesper!$R$2:$R$366,ROW(INDEX(Jesper!AH$2:AH$366,ROUNDDOWN($C7834/24,0)+1,1))-1)+IF('Standard Profiles'!$G$18=$B$10,7,0)+IF('Standard Profiles'!$G$18=$B$17,14,0)+IF('Standard Profiles'!$G$18=$B$24,21,0),MOD($C7834,24)+1)/SUM(INDEX($D$3:$AA$30,INDEX(Jesper!$R$2:$R$366,ROW(INDEX(Jesper!AH$2:AH$366,ROUNDDOWN($C7834/24,0)+1,1))-1)+IF('Standard Profiles'!$G$18=$B$10,7,0)+IF('Standard Profiles'!$G$18=$B$17,14,0)+IF('Standard Profiles'!$G$18=$B$24,21,0),0)),0)</f>
        <v>7.785035290713191</v>
      </c>
      <c r="E7834" cm="1">
        <f t="array" ref="E7834">IFERROR(INDEX(Jesper!AI$2:AI$366,ROUNDDOWN($C7834/24,0)+1,1)*INDEX($D$3:$AA$30,INDEX(Jesper!$R$2:$R$366,ROW(INDEX(Jesper!AI$2:AI$366,ROUNDDOWN($C7834/24,0)+1,1))-1)+IF('Standard Profiles'!$G$19=$B$10,7,0)+IF('Standard Profiles'!$G$19=$B$17,14,0)+IF('Standard Profiles'!$G$19=$B$24,21,0),MOD($C7834,24)+1)/SUM(INDEX($D$3:$AA$30,INDEX(Jesper!$R$2:$R$366,ROW(INDEX(Jesper!AI$2:AI$366,ROUNDDOWN($C7834/24,0)+1,1))-1)+IF('Standard Profiles'!$G$19=$B$10,7,0)+IF('Standard Profiles'!$G$19=$B$17,14,0)+IF('Standard Profiles'!$G$19=$B$24,21,0),0)),0)</f>
        <v>0</v>
      </c>
      <c r="F7834" cm="1">
        <f t="array" ref="F7834">IFERROR(INDEX(Jesper!AJ$2:AJ$366,ROUNDDOWN($C7834/24,0)+1,1)*INDEX($D$3:$AA$30,INDEX(Jesper!$R$2:$R$366,ROW(INDEX(Jesper!AJ$2:AJ$366,ROUNDDOWN($C7834/24,0)+1,1))-1)+IF('Standard Profiles'!$G$20=$B$10,7,0)+IF('Standard Profiles'!$G$20=$B$17,14,0)+IF('Standard Profiles'!$G$20=$B$24,21,0),MOD($C7834,24)+1)/SUM(INDEX($D$3:$AA$30,INDEX(Jesper!$R$2:$R$366,ROW(INDEX(Jesper!AJ$2:AJ$366,ROUNDDOWN($C7834/24,0)+1,1))-1)+IF('Standard Profiles'!$G$20=$B$10,7,0)+IF('Standard Profiles'!$G$20=$B$17,14,0)+IF('Standard Profiles'!$G$20=$B$24,21,0),0)),0)</f>
        <v>0</v>
      </c>
      <c r="G7834" cm="1">
        <f t="array" ref="G7834">IFERROR(INDEX(Jesper!AK$2:AK$366,ROUNDDOWN($C7834/24,0)+1,1)*INDEX($D$3:$AA$30,INDEX(Jesper!$R$2:$R$366,ROW(INDEX(Jesper!AK$2:AK$366,ROUNDDOWN($C7834/24,0)+1,1))-1)+IF('Standard Profiles'!$G$21=$B$10,7,0)+IF('Standard Profiles'!$G$21=$B$17,14,0)+IF('Standard Profiles'!$G$21=$B$24,21,0),MOD($C7834,24)+1)/SUM(INDEX($D$3:$AA$30,INDEX(Jesper!$R$2:$R$366,ROW(INDEX(Jesper!AK$2:AK$366,ROUNDDOWN($C7834/24,0)+1,1))-1)+IF('Standard Profiles'!$G$21=$B$10,7,0)+IF('Standard Profiles'!$G$21=$B$17,14,0)+IF('Standard Profiles'!$G$21=$B$24,21,0),0)),0)</f>
        <v>0</v>
      </c>
      <c r="H7834" cm="1">
        <f t="array" ref="H7834">IFERROR(INDEX(Jesper!AL$2:AL$366,ROUNDDOWN($C7834/24,0)+1,1)*INDEX($D$3:$AA$30,INDEX(Jesper!$R$2:$R$366,ROW(INDEX(Jesper!AL$2:AL$366,ROUNDDOWN($C7834/24,0)+1,1))-1)+IF('Standard Profiles'!$G$22=$B$10,7,0)+IF('Standard Profiles'!$G$22=$B$17,14,0)+IF('Standard Profiles'!$G$22=$B$24,21,0),MOD($C7834,24)+1)/SUM(INDEX($D$3:$AA$30,INDEX(Jesper!$R$2:$R$366,ROW(INDEX(Jesper!AL$2:AL$366,ROUNDDOWN($C7834/24,0)+1,1))-1)+IF('Standard Profiles'!$G$22=$B$10,7,0)+IF('Standard Profiles'!$G$22=$B$17,14,0)+IF('Standard Profiles'!$G$22=$B$24,21,0),0)),0)</f>
        <v>0</v>
      </c>
      <c r="I7834">
        <f t="shared" si="867"/>
        <v>0.23355105872139573</v>
      </c>
      <c r="J7834">
        <f t="shared" si="868"/>
        <v>0.77850352907131914</v>
      </c>
      <c r="K7834">
        <f t="shared" si="869"/>
        <v>1.1677552936069786</v>
      </c>
      <c r="L7834">
        <f t="shared" si="870"/>
        <v>5.6052254093134977</v>
      </c>
      <c r="M7834">
        <f t="shared" si="871"/>
        <v>0</v>
      </c>
      <c r="N7834" s="46">
        <f t="shared" si="872"/>
        <v>45616.999999981083</v>
      </c>
    </row>
    <row r="7835" spans="2:14" x14ac:dyDescent="0.3">
      <c r="B7835">
        <f t="shared" si="866"/>
        <v>4</v>
      </c>
      <c r="C7835" s="16">
        <v>7801</v>
      </c>
      <c r="D7835" cm="1">
        <f t="array" ref="D7835">IFERROR(INDEX(Jesper!AH$2:AH$366,ROUNDDOWN($C7835/24,0)+1,1)*INDEX($D$3:$AA$30,INDEX(Jesper!$R$2:$R$366,ROW(INDEX(Jesper!AH$2:AH$366,ROUNDDOWN($C7835/24,0)+1,1))-1)+IF('Standard Profiles'!$G$18=$B$10,7,0)+IF('Standard Profiles'!$G$18=$B$17,14,0)+IF('Standard Profiles'!$G$18=$B$24,21,0),MOD($C7835,24)+1)/SUM(INDEX($D$3:$AA$30,INDEX(Jesper!$R$2:$R$366,ROW(INDEX(Jesper!AH$2:AH$366,ROUNDDOWN($C7835/24,0)+1,1))-1)+IF('Standard Profiles'!$G$18=$B$10,7,0)+IF('Standard Profiles'!$G$18=$B$17,14,0)+IF('Standard Profiles'!$G$18=$B$24,21,0),0)),0)</f>
        <v>7.785035290713191</v>
      </c>
      <c r="E7835" cm="1">
        <f t="array" ref="E7835">IFERROR(INDEX(Jesper!AI$2:AI$366,ROUNDDOWN($C7835/24,0)+1,1)*INDEX($D$3:$AA$30,INDEX(Jesper!$R$2:$R$366,ROW(INDEX(Jesper!AI$2:AI$366,ROUNDDOWN($C7835/24,0)+1,1))-1)+IF('Standard Profiles'!$G$19=$B$10,7,0)+IF('Standard Profiles'!$G$19=$B$17,14,0)+IF('Standard Profiles'!$G$19=$B$24,21,0),MOD($C7835,24)+1)/SUM(INDEX($D$3:$AA$30,INDEX(Jesper!$R$2:$R$366,ROW(INDEX(Jesper!AI$2:AI$366,ROUNDDOWN($C7835/24,0)+1,1))-1)+IF('Standard Profiles'!$G$19=$B$10,7,0)+IF('Standard Profiles'!$G$19=$B$17,14,0)+IF('Standard Profiles'!$G$19=$B$24,21,0),0)),0)</f>
        <v>0</v>
      </c>
      <c r="F7835" cm="1">
        <f t="array" ref="F7835">IFERROR(INDEX(Jesper!AJ$2:AJ$366,ROUNDDOWN($C7835/24,0)+1,1)*INDEX($D$3:$AA$30,INDEX(Jesper!$R$2:$R$366,ROW(INDEX(Jesper!AJ$2:AJ$366,ROUNDDOWN($C7835/24,0)+1,1))-1)+IF('Standard Profiles'!$G$20=$B$10,7,0)+IF('Standard Profiles'!$G$20=$B$17,14,0)+IF('Standard Profiles'!$G$20=$B$24,21,0),MOD($C7835,24)+1)/SUM(INDEX($D$3:$AA$30,INDEX(Jesper!$R$2:$R$366,ROW(INDEX(Jesper!AJ$2:AJ$366,ROUNDDOWN($C7835/24,0)+1,1))-1)+IF('Standard Profiles'!$G$20=$B$10,7,0)+IF('Standard Profiles'!$G$20=$B$17,14,0)+IF('Standard Profiles'!$G$20=$B$24,21,0),0)),0)</f>
        <v>0</v>
      </c>
      <c r="G7835" cm="1">
        <f t="array" ref="G7835">IFERROR(INDEX(Jesper!AK$2:AK$366,ROUNDDOWN($C7835/24,0)+1,1)*INDEX($D$3:$AA$30,INDEX(Jesper!$R$2:$R$366,ROW(INDEX(Jesper!AK$2:AK$366,ROUNDDOWN($C7835/24,0)+1,1))-1)+IF('Standard Profiles'!$G$21=$B$10,7,0)+IF('Standard Profiles'!$G$21=$B$17,14,0)+IF('Standard Profiles'!$G$21=$B$24,21,0),MOD($C7835,24)+1)/SUM(INDEX($D$3:$AA$30,INDEX(Jesper!$R$2:$R$366,ROW(INDEX(Jesper!AK$2:AK$366,ROUNDDOWN($C7835/24,0)+1,1))-1)+IF('Standard Profiles'!$G$21=$B$10,7,0)+IF('Standard Profiles'!$G$21=$B$17,14,0)+IF('Standard Profiles'!$G$21=$B$24,21,0),0)),0)</f>
        <v>0</v>
      </c>
      <c r="H7835" cm="1">
        <f t="array" ref="H7835">IFERROR(INDEX(Jesper!AL$2:AL$366,ROUNDDOWN($C7835/24,0)+1,1)*INDEX($D$3:$AA$30,INDEX(Jesper!$R$2:$R$366,ROW(INDEX(Jesper!AL$2:AL$366,ROUNDDOWN($C7835/24,0)+1,1))-1)+IF('Standard Profiles'!$G$22=$B$10,7,0)+IF('Standard Profiles'!$G$22=$B$17,14,0)+IF('Standard Profiles'!$G$22=$B$24,21,0),MOD($C7835,24)+1)/SUM(INDEX($D$3:$AA$30,INDEX(Jesper!$R$2:$R$366,ROW(INDEX(Jesper!AL$2:AL$366,ROUNDDOWN($C7835/24,0)+1,1))-1)+IF('Standard Profiles'!$G$22=$B$10,7,0)+IF('Standard Profiles'!$G$22=$B$17,14,0)+IF('Standard Profiles'!$G$22=$B$24,21,0),0)),0)</f>
        <v>0</v>
      </c>
      <c r="I7835">
        <f t="shared" si="867"/>
        <v>0.23355105872139573</v>
      </c>
      <c r="J7835">
        <f t="shared" si="868"/>
        <v>0.77850352907131914</v>
      </c>
      <c r="K7835">
        <f t="shared" si="869"/>
        <v>1.1677552936069786</v>
      </c>
      <c r="L7835">
        <f t="shared" si="870"/>
        <v>5.6052254093134977</v>
      </c>
      <c r="M7835">
        <f t="shared" si="871"/>
        <v>0</v>
      </c>
      <c r="N7835" s="46">
        <f t="shared" si="872"/>
        <v>45617.041666647747</v>
      </c>
    </row>
    <row r="7836" spans="2:14" x14ac:dyDescent="0.3">
      <c r="B7836">
        <f t="shared" si="866"/>
        <v>4</v>
      </c>
      <c r="C7836" s="16">
        <v>7802</v>
      </c>
      <c r="D7836" cm="1">
        <f t="array" ref="D7836">IFERROR(INDEX(Jesper!AH$2:AH$366,ROUNDDOWN($C7836/24,0)+1,1)*INDEX($D$3:$AA$30,INDEX(Jesper!$R$2:$R$366,ROW(INDEX(Jesper!AH$2:AH$366,ROUNDDOWN($C7836/24,0)+1,1))-1)+IF('Standard Profiles'!$G$18=$B$10,7,0)+IF('Standard Profiles'!$G$18=$B$17,14,0)+IF('Standard Profiles'!$G$18=$B$24,21,0),MOD($C7836,24)+1)/SUM(INDEX($D$3:$AA$30,INDEX(Jesper!$R$2:$R$366,ROW(INDEX(Jesper!AH$2:AH$366,ROUNDDOWN($C7836/24,0)+1,1))-1)+IF('Standard Profiles'!$G$18=$B$10,7,0)+IF('Standard Profiles'!$G$18=$B$17,14,0)+IF('Standard Profiles'!$G$18=$B$24,21,0),0)),0)</f>
        <v>7.785035290713191</v>
      </c>
      <c r="E7836" cm="1">
        <f t="array" ref="E7836">IFERROR(INDEX(Jesper!AI$2:AI$366,ROUNDDOWN($C7836/24,0)+1,1)*INDEX($D$3:$AA$30,INDEX(Jesper!$R$2:$R$366,ROW(INDEX(Jesper!AI$2:AI$366,ROUNDDOWN($C7836/24,0)+1,1))-1)+IF('Standard Profiles'!$G$19=$B$10,7,0)+IF('Standard Profiles'!$G$19=$B$17,14,0)+IF('Standard Profiles'!$G$19=$B$24,21,0),MOD($C7836,24)+1)/SUM(INDEX($D$3:$AA$30,INDEX(Jesper!$R$2:$R$366,ROW(INDEX(Jesper!AI$2:AI$366,ROUNDDOWN($C7836/24,0)+1,1))-1)+IF('Standard Profiles'!$G$19=$B$10,7,0)+IF('Standard Profiles'!$G$19=$B$17,14,0)+IF('Standard Profiles'!$G$19=$B$24,21,0),0)),0)</f>
        <v>0</v>
      </c>
      <c r="F7836" cm="1">
        <f t="array" ref="F7836">IFERROR(INDEX(Jesper!AJ$2:AJ$366,ROUNDDOWN($C7836/24,0)+1,1)*INDEX($D$3:$AA$30,INDEX(Jesper!$R$2:$R$366,ROW(INDEX(Jesper!AJ$2:AJ$366,ROUNDDOWN($C7836/24,0)+1,1))-1)+IF('Standard Profiles'!$G$20=$B$10,7,0)+IF('Standard Profiles'!$G$20=$B$17,14,0)+IF('Standard Profiles'!$G$20=$B$24,21,0),MOD($C7836,24)+1)/SUM(INDEX($D$3:$AA$30,INDEX(Jesper!$R$2:$R$366,ROW(INDEX(Jesper!AJ$2:AJ$366,ROUNDDOWN($C7836/24,0)+1,1))-1)+IF('Standard Profiles'!$G$20=$B$10,7,0)+IF('Standard Profiles'!$G$20=$B$17,14,0)+IF('Standard Profiles'!$G$20=$B$24,21,0),0)),0)</f>
        <v>0</v>
      </c>
      <c r="G7836" cm="1">
        <f t="array" ref="G7836">IFERROR(INDEX(Jesper!AK$2:AK$366,ROUNDDOWN($C7836/24,0)+1,1)*INDEX($D$3:$AA$30,INDEX(Jesper!$R$2:$R$366,ROW(INDEX(Jesper!AK$2:AK$366,ROUNDDOWN($C7836/24,0)+1,1))-1)+IF('Standard Profiles'!$G$21=$B$10,7,0)+IF('Standard Profiles'!$G$21=$B$17,14,0)+IF('Standard Profiles'!$G$21=$B$24,21,0),MOD($C7836,24)+1)/SUM(INDEX($D$3:$AA$30,INDEX(Jesper!$R$2:$R$366,ROW(INDEX(Jesper!AK$2:AK$366,ROUNDDOWN($C7836/24,0)+1,1))-1)+IF('Standard Profiles'!$G$21=$B$10,7,0)+IF('Standard Profiles'!$G$21=$B$17,14,0)+IF('Standard Profiles'!$G$21=$B$24,21,0),0)),0)</f>
        <v>0</v>
      </c>
      <c r="H7836" cm="1">
        <f t="array" ref="H7836">IFERROR(INDEX(Jesper!AL$2:AL$366,ROUNDDOWN($C7836/24,0)+1,1)*INDEX($D$3:$AA$30,INDEX(Jesper!$R$2:$R$366,ROW(INDEX(Jesper!AL$2:AL$366,ROUNDDOWN($C7836/24,0)+1,1))-1)+IF('Standard Profiles'!$G$22=$B$10,7,0)+IF('Standard Profiles'!$G$22=$B$17,14,0)+IF('Standard Profiles'!$G$22=$B$24,21,0),MOD($C7836,24)+1)/SUM(INDEX($D$3:$AA$30,INDEX(Jesper!$R$2:$R$366,ROW(INDEX(Jesper!AL$2:AL$366,ROUNDDOWN($C7836/24,0)+1,1))-1)+IF('Standard Profiles'!$G$22=$B$10,7,0)+IF('Standard Profiles'!$G$22=$B$17,14,0)+IF('Standard Profiles'!$G$22=$B$24,21,0),0)),0)</f>
        <v>0</v>
      </c>
      <c r="I7836">
        <f t="shared" si="867"/>
        <v>0.23355105872139573</v>
      </c>
      <c r="J7836">
        <f t="shared" si="868"/>
        <v>0.77850352907131914</v>
      </c>
      <c r="K7836">
        <f t="shared" si="869"/>
        <v>1.1677552936069786</v>
      </c>
      <c r="L7836">
        <f t="shared" si="870"/>
        <v>5.6052254093134977</v>
      </c>
      <c r="M7836">
        <f t="shared" si="871"/>
        <v>0</v>
      </c>
      <c r="N7836" s="46">
        <f t="shared" si="872"/>
        <v>45617.083333314411</v>
      </c>
    </row>
    <row r="7837" spans="2:14" x14ac:dyDescent="0.3">
      <c r="B7837">
        <f t="shared" si="866"/>
        <v>4</v>
      </c>
      <c r="C7837" s="16">
        <v>7803</v>
      </c>
      <c r="D7837" cm="1">
        <f t="array" ref="D7837">IFERROR(INDEX(Jesper!AH$2:AH$366,ROUNDDOWN($C7837/24,0)+1,1)*INDEX($D$3:$AA$30,INDEX(Jesper!$R$2:$R$366,ROW(INDEX(Jesper!AH$2:AH$366,ROUNDDOWN($C7837/24,0)+1,1))-1)+IF('Standard Profiles'!$G$18=$B$10,7,0)+IF('Standard Profiles'!$G$18=$B$17,14,0)+IF('Standard Profiles'!$G$18=$B$24,21,0),MOD($C7837,24)+1)/SUM(INDEX($D$3:$AA$30,INDEX(Jesper!$R$2:$R$366,ROW(INDEX(Jesper!AH$2:AH$366,ROUNDDOWN($C7837/24,0)+1,1))-1)+IF('Standard Profiles'!$G$18=$B$10,7,0)+IF('Standard Profiles'!$G$18=$B$17,14,0)+IF('Standard Profiles'!$G$18=$B$24,21,0),0)),0)</f>
        <v>7.785035290713191</v>
      </c>
      <c r="E7837" cm="1">
        <f t="array" ref="E7837">IFERROR(INDEX(Jesper!AI$2:AI$366,ROUNDDOWN($C7837/24,0)+1,1)*INDEX($D$3:$AA$30,INDEX(Jesper!$R$2:$R$366,ROW(INDEX(Jesper!AI$2:AI$366,ROUNDDOWN($C7837/24,0)+1,1))-1)+IF('Standard Profiles'!$G$19=$B$10,7,0)+IF('Standard Profiles'!$G$19=$B$17,14,0)+IF('Standard Profiles'!$G$19=$B$24,21,0),MOD($C7837,24)+1)/SUM(INDEX($D$3:$AA$30,INDEX(Jesper!$R$2:$R$366,ROW(INDEX(Jesper!AI$2:AI$366,ROUNDDOWN($C7837/24,0)+1,1))-1)+IF('Standard Profiles'!$G$19=$B$10,7,0)+IF('Standard Profiles'!$G$19=$B$17,14,0)+IF('Standard Profiles'!$G$19=$B$24,21,0),0)),0)</f>
        <v>0</v>
      </c>
      <c r="F7837" cm="1">
        <f t="array" ref="F7837">IFERROR(INDEX(Jesper!AJ$2:AJ$366,ROUNDDOWN($C7837/24,0)+1,1)*INDEX($D$3:$AA$30,INDEX(Jesper!$R$2:$R$366,ROW(INDEX(Jesper!AJ$2:AJ$366,ROUNDDOWN($C7837/24,0)+1,1))-1)+IF('Standard Profiles'!$G$20=$B$10,7,0)+IF('Standard Profiles'!$G$20=$B$17,14,0)+IF('Standard Profiles'!$G$20=$B$24,21,0),MOD($C7837,24)+1)/SUM(INDEX($D$3:$AA$30,INDEX(Jesper!$R$2:$R$366,ROW(INDEX(Jesper!AJ$2:AJ$366,ROUNDDOWN($C7837/24,0)+1,1))-1)+IF('Standard Profiles'!$G$20=$B$10,7,0)+IF('Standard Profiles'!$G$20=$B$17,14,0)+IF('Standard Profiles'!$G$20=$B$24,21,0),0)),0)</f>
        <v>0</v>
      </c>
      <c r="G7837" cm="1">
        <f t="array" ref="G7837">IFERROR(INDEX(Jesper!AK$2:AK$366,ROUNDDOWN($C7837/24,0)+1,1)*INDEX($D$3:$AA$30,INDEX(Jesper!$R$2:$R$366,ROW(INDEX(Jesper!AK$2:AK$366,ROUNDDOWN($C7837/24,0)+1,1))-1)+IF('Standard Profiles'!$G$21=$B$10,7,0)+IF('Standard Profiles'!$G$21=$B$17,14,0)+IF('Standard Profiles'!$G$21=$B$24,21,0),MOD($C7837,24)+1)/SUM(INDEX($D$3:$AA$30,INDEX(Jesper!$R$2:$R$366,ROW(INDEX(Jesper!AK$2:AK$366,ROUNDDOWN($C7837/24,0)+1,1))-1)+IF('Standard Profiles'!$G$21=$B$10,7,0)+IF('Standard Profiles'!$G$21=$B$17,14,0)+IF('Standard Profiles'!$G$21=$B$24,21,0),0)),0)</f>
        <v>0</v>
      </c>
      <c r="H7837" cm="1">
        <f t="array" ref="H7837">IFERROR(INDEX(Jesper!AL$2:AL$366,ROUNDDOWN($C7837/24,0)+1,1)*INDEX($D$3:$AA$30,INDEX(Jesper!$R$2:$R$366,ROW(INDEX(Jesper!AL$2:AL$366,ROUNDDOWN($C7837/24,0)+1,1))-1)+IF('Standard Profiles'!$G$22=$B$10,7,0)+IF('Standard Profiles'!$G$22=$B$17,14,0)+IF('Standard Profiles'!$G$22=$B$24,21,0),MOD($C7837,24)+1)/SUM(INDEX($D$3:$AA$30,INDEX(Jesper!$R$2:$R$366,ROW(INDEX(Jesper!AL$2:AL$366,ROUNDDOWN($C7837/24,0)+1,1))-1)+IF('Standard Profiles'!$G$22=$B$10,7,0)+IF('Standard Profiles'!$G$22=$B$17,14,0)+IF('Standard Profiles'!$G$22=$B$24,21,0),0)),0)</f>
        <v>0</v>
      </c>
      <c r="I7837">
        <f t="shared" si="867"/>
        <v>0.23355105872139573</v>
      </c>
      <c r="J7837">
        <f t="shared" si="868"/>
        <v>0.77850352907131914</v>
      </c>
      <c r="K7837">
        <f t="shared" si="869"/>
        <v>1.1677552936069786</v>
      </c>
      <c r="L7837">
        <f t="shared" si="870"/>
        <v>5.6052254093134977</v>
      </c>
      <c r="M7837">
        <f t="shared" si="871"/>
        <v>0</v>
      </c>
      <c r="N7837" s="46">
        <f t="shared" si="872"/>
        <v>45617.124999981075</v>
      </c>
    </row>
    <row r="7838" spans="2:14" x14ac:dyDescent="0.3">
      <c r="B7838">
        <f t="shared" si="866"/>
        <v>4</v>
      </c>
      <c r="C7838" s="16">
        <v>7804</v>
      </c>
      <c r="D7838" cm="1">
        <f t="array" ref="D7838">IFERROR(INDEX(Jesper!AH$2:AH$366,ROUNDDOWN($C7838/24,0)+1,1)*INDEX($D$3:$AA$30,INDEX(Jesper!$R$2:$R$366,ROW(INDEX(Jesper!AH$2:AH$366,ROUNDDOWN($C7838/24,0)+1,1))-1)+IF('Standard Profiles'!$G$18=$B$10,7,0)+IF('Standard Profiles'!$G$18=$B$17,14,0)+IF('Standard Profiles'!$G$18=$B$24,21,0),MOD($C7838,24)+1)/SUM(INDEX($D$3:$AA$30,INDEX(Jesper!$R$2:$R$366,ROW(INDEX(Jesper!AH$2:AH$366,ROUNDDOWN($C7838/24,0)+1,1))-1)+IF('Standard Profiles'!$G$18=$B$10,7,0)+IF('Standard Profiles'!$G$18=$B$17,14,0)+IF('Standard Profiles'!$G$18=$B$24,21,0),0)),0)</f>
        <v>7.785035290713191</v>
      </c>
      <c r="E7838" cm="1">
        <f t="array" ref="E7838">IFERROR(INDEX(Jesper!AI$2:AI$366,ROUNDDOWN($C7838/24,0)+1,1)*INDEX($D$3:$AA$30,INDEX(Jesper!$R$2:$R$366,ROW(INDEX(Jesper!AI$2:AI$366,ROUNDDOWN($C7838/24,0)+1,1))-1)+IF('Standard Profiles'!$G$19=$B$10,7,0)+IF('Standard Profiles'!$G$19=$B$17,14,0)+IF('Standard Profiles'!$G$19=$B$24,21,0),MOD($C7838,24)+1)/SUM(INDEX($D$3:$AA$30,INDEX(Jesper!$R$2:$R$366,ROW(INDEX(Jesper!AI$2:AI$366,ROUNDDOWN($C7838/24,0)+1,1))-1)+IF('Standard Profiles'!$G$19=$B$10,7,0)+IF('Standard Profiles'!$G$19=$B$17,14,0)+IF('Standard Profiles'!$G$19=$B$24,21,0),0)),0)</f>
        <v>0</v>
      </c>
      <c r="F7838" cm="1">
        <f t="array" ref="F7838">IFERROR(INDEX(Jesper!AJ$2:AJ$366,ROUNDDOWN($C7838/24,0)+1,1)*INDEX($D$3:$AA$30,INDEX(Jesper!$R$2:$R$366,ROW(INDEX(Jesper!AJ$2:AJ$366,ROUNDDOWN($C7838/24,0)+1,1))-1)+IF('Standard Profiles'!$G$20=$B$10,7,0)+IF('Standard Profiles'!$G$20=$B$17,14,0)+IF('Standard Profiles'!$G$20=$B$24,21,0),MOD($C7838,24)+1)/SUM(INDEX($D$3:$AA$30,INDEX(Jesper!$R$2:$R$366,ROW(INDEX(Jesper!AJ$2:AJ$366,ROUNDDOWN($C7838/24,0)+1,1))-1)+IF('Standard Profiles'!$G$20=$B$10,7,0)+IF('Standard Profiles'!$G$20=$B$17,14,0)+IF('Standard Profiles'!$G$20=$B$24,21,0),0)),0)</f>
        <v>0</v>
      </c>
      <c r="G7838" cm="1">
        <f t="array" ref="G7838">IFERROR(INDEX(Jesper!AK$2:AK$366,ROUNDDOWN($C7838/24,0)+1,1)*INDEX($D$3:$AA$30,INDEX(Jesper!$R$2:$R$366,ROW(INDEX(Jesper!AK$2:AK$366,ROUNDDOWN($C7838/24,0)+1,1))-1)+IF('Standard Profiles'!$G$21=$B$10,7,0)+IF('Standard Profiles'!$G$21=$B$17,14,0)+IF('Standard Profiles'!$G$21=$B$24,21,0),MOD($C7838,24)+1)/SUM(INDEX($D$3:$AA$30,INDEX(Jesper!$R$2:$R$366,ROW(INDEX(Jesper!AK$2:AK$366,ROUNDDOWN($C7838/24,0)+1,1))-1)+IF('Standard Profiles'!$G$21=$B$10,7,0)+IF('Standard Profiles'!$G$21=$B$17,14,0)+IF('Standard Profiles'!$G$21=$B$24,21,0),0)),0)</f>
        <v>0</v>
      </c>
      <c r="H7838" cm="1">
        <f t="array" ref="H7838">IFERROR(INDEX(Jesper!AL$2:AL$366,ROUNDDOWN($C7838/24,0)+1,1)*INDEX($D$3:$AA$30,INDEX(Jesper!$R$2:$R$366,ROW(INDEX(Jesper!AL$2:AL$366,ROUNDDOWN($C7838/24,0)+1,1))-1)+IF('Standard Profiles'!$G$22=$B$10,7,0)+IF('Standard Profiles'!$G$22=$B$17,14,0)+IF('Standard Profiles'!$G$22=$B$24,21,0),MOD($C7838,24)+1)/SUM(INDEX($D$3:$AA$30,INDEX(Jesper!$R$2:$R$366,ROW(INDEX(Jesper!AL$2:AL$366,ROUNDDOWN($C7838/24,0)+1,1))-1)+IF('Standard Profiles'!$G$22=$B$10,7,0)+IF('Standard Profiles'!$G$22=$B$17,14,0)+IF('Standard Profiles'!$G$22=$B$24,21,0),0)),0)</f>
        <v>0</v>
      </c>
      <c r="I7838">
        <f t="shared" si="867"/>
        <v>0.23355105872139573</v>
      </c>
      <c r="J7838">
        <f t="shared" si="868"/>
        <v>0.77850352907131914</v>
      </c>
      <c r="K7838">
        <f t="shared" si="869"/>
        <v>1.1677552936069786</v>
      </c>
      <c r="L7838">
        <f t="shared" si="870"/>
        <v>5.6052254093134977</v>
      </c>
      <c r="M7838">
        <f t="shared" si="871"/>
        <v>0</v>
      </c>
      <c r="N7838" s="46">
        <f t="shared" si="872"/>
        <v>45617.166666647739</v>
      </c>
    </row>
    <row r="7839" spans="2:14" x14ac:dyDescent="0.3">
      <c r="B7839">
        <f t="shared" si="866"/>
        <v>4</v>
      </c>
      <c r="C7839" s="16">
        <v>7805</v>
      </c>
      <c r="D7839" cm="1">
        <f t="array" ref="D7839">IFERROR(INDEX(Jesper!AH$2:AH$366,ROUNDDOWN($C7839/24,0)+1,1)*INDEX($D$3:$AA$30,INDEX(Jesper!$R$2:$R$366,ROW(INDEX(Jesper!AH$2:AH$366,ROUNDDOWN($C7839/24,0)+1,1))-1)+IF('Standard Profiles'!$G$18=$B$10,7,0)+IF('Standard Profiles'!$G$18=$B$17,14,0)+IF('Standard Profiles'!$G$18=$B$24,21,0),MOD($C7839,24)+1)/SUM(INDEX($D$3:$AA$30,INDEX(Jesper!$R$2:$R$366,ROW(INDEX(Jesper!AH$2:AH$366,ROUNDDOWN($C7839/24,0)+1,1))-1)+IF('Standard Profiles'!$G$18=$B$10,7,0)+IF('Standard Profiles'!$G$18=$B$17,14,0)+IF('Standard Profiles'!$G$18=$B$24,21,0),0)),0)</f>
        <v>10.034045485808115</v>
      </c>
      <c r="E7839" cm="1">
        <f t="array" ref="E7839">IFERROR(INDEX(Jesper!AI$2:AI$366,ROUNDDOWN($C7839/24,0)+1,1)*INDEX($D$3:$AA$30,INDEX(Jesper!$R$2:$R$366,ROW(INDEX(Jesper!AI$2:AI$366,ROUNDDOWN($C7839/24,0)+1,1))-1)+IF('Standard Profiles'!$G$19=$B$10,7,0)+IF('Standard Profiles'!$G$19=$B$17,14,0)+IF('Standard Profiles'!$G$19=$B$24,21,0),MOD($C7839,24)+1)/SUM(INDEX($D$3:$AA$30,INDEX(Jesper!$R$2:$R$366,ROW(INDEX(Jesper!AI$2:AI$366,ROUNDDOWN($C7839/24,0)+1,1))-1)+IF('Standard Profiles'!$G$19=$B$10,7,0)+IF('Standard Profiles'!$G$19=$B$17,14,0)+IF('Standard Profiles'!$G$19=$B$24,21,0),0)),0)</f>
        <v>0</v>
      </c>
      <c r="F7839" cm="1">
        <f t="array" ref="F7839">IFERROR(INDEX(Jesper!AJ$2:AJ$366,ROUNDDOWN($C7839/24,0)+1,1)*INDEX($D$3:$AA$30,INDEX(Jesper!$R$2:$R$366,ROW(INDEX(Jesper!AJ$2:AJ$366,ROUNDDOWN($C7839/24,0)+1,1))-1)+IF('Standard Profiles'!$G$20=$B$10,7,0)+IF('Standard Profiles'!$G$20=$B$17,14,0)+IF('Standard Profiles'!$G$20=$B$24,21,0),MOD($C7839,24)+1)/SUM(INDEX($D$3:$AA$30,INDEX(Jesper!$R$2:$R$366,ROW(INDEX(Jesper!AJ$2:AJ$366,ROUNDDOWN($C7839/24,0)+1,1))-1)+IF('Standard Profiles'!$G$20=$B$10,7,0)+IF('Standard Profiles'!$G$20=$B$17,14,0)+IF('Standard Profiles'!$G$20=$B$24,21,0),0)),0)</f>
        <v>0</v>
      </c>
      <c r="G7839" cm="1">
        <f t="array" ref="G7839">IFERROR(INDEX(Jesper!AK$2:AK$366,ROUNDDOWN($C7839/24,0)+1,1)*INDEX($D$3:$AA$30,INDEX(Jesper!$R$2:$R$366,ROW(INDEX(Jesper!AK$2:AK$366,ROUNDDOWN($C7839/24,0)+1,1))-1)+IF('Standard Profiles'!$G$21=$B$10,7,0)+IF('Standard Profiles'!$G$21=$B$17,14,0)+IF('Standard Profiles'!$G$21=$B$24,21,0),MOD($C7839,24)+1)/SUM(INDEX($D$3:$AA$30,INDEX(Jesper!$R$2:$R$366,ROW(INDEX(Jesper!AK$2:AK$366,ROUNDDOWN($C7839/24,0)+1,1))-1)+IF('Standard Profiles'!$G$21=$B$10,7,0)+IF('Standard Profiles'!$G$21=$B$17,14,0)+IF('Standard Profiles'!$G$21=$B$24,21,0),0)),0)</f>
        <v>0</v>
      </c>
      <c r="H7839" cm="1">
        <f t="array" ref="H7839">IFERROR(INDEX(Jesper!AL$2:AL$366,ROUNDDOWN($C7839/24,0)+1,1)*INDEX($D$3:$AA$30,INDEX(Jesper!$R$2:$R$366,ROW(INDEX(Jesper!AL$2:AL$366,ROUNDDOWN($C7839/24,0)+1,1))-1)+IF('Standard Profiles'!$G$22=$B$10,7,0)+IF('Standard Profiles'!$G$22=$B$17,14,0)+IF('Standard Profiles'!$G$22=$B$24,21,0),MOD($C7839,24)+1)/SUM(INDEX($D$3:$AA$30,INDEX(Jesper!$R$2:$R$366,ROW(INDEX(Jesper!AL$2:AL$366,ROUNDDOWN($C7839/24,0)+1,1))-1)+IF('Standard Profiles'!$G$22=$B$10,7,0)+IF('Standard Profiles'!$G$22=$B$17,14,0)+IF('Standard Profiles'!$G$22=$B$24,21,0),0)),0)</f>
        <v>0</v>
      </c>
      <c r="I7839">
        <f t="shared" si="867"/>
        <v>0.30102136457424344</v>
      </c>
      <c r="J7839">
        <f t="shared" si="868"/>
        <v>1.0034045485808114</v>
      </c>
      <c r="K7839">
        <f t="shared" si="869"/>
        <v>1.5051068228712172</v>
      </c>
      <c r="L7839">
        <f t="shared" si="870"/>
        <v>7.2245127497818418</v>
      </c>
      <c r="M7839">
        <f t="shared" si="871"/>
        <v>0</v>
      </c>
      <c r="N7839" s="46">
        <f t="shared" si="872"/>
        <v>45617.208333314404</v>
      </c>
    </row>
    <row r="7840" spans="2:14" x14ac:dyDescent="0.3">
      <c r="B7840">
        <f t="shared" si="866"/>
        <v>4</v>
      </c>
      <c r="C7840" s="16">
        <v>7806</v>
      </c>
      <c r="D7840" cm="1">
        <f t="array" ref="D7840">IFERROR(INDEX(Jesper!AH$2:AH$366,ROUNDDOWN($C7840/24,0)+1,1)*INDEX($D$3:$AA$30,INDEX(Jesper!$R$2:$R$366,ROW(INDEX(Jesper!AH$2:AH$366,ROUNDDOWN($C7840/24,0)+1,1))-1)+IF('Standard Profiles'!$G$18=$B$10,7,0)+IF('Standard Profiles'!$G$18=$B$17,14,0)+IF('Standard Profiles'!$G$18=$B$24,21,0),MOD($C7840,24)+1)/SUM(INDEX($D$3:$AA$30,INDEX(Jesper!$R$2:$R$366,ROW(INDEX(Jesper!AH$2:AH$366,ROUNDDOWN($C7840/24,0)+1,1))-1)+IF('Standard Profiles'!$G$18=$B$10,7,0)+IF('Standard Profiles'!$G$18=$B$17,14,0)+IF('Standard Profiles'!$G$18=$B$24,21,0),0)),0)</f>
        <v>11.591052543950752</v>
      </c>
      <c r="E7840" cm="1">
        <f t="array" ref="E7840">IFERROR(INDEX(Jesper!AI$2:AI$366,ROUNDDOWN($C7840/24,0)+1,1)*INDEX($D$3:$AA$30,INDEX(Jesper!$R$2:$R$366,ROW(INDEX(Jesper!AI$2:AI$366,ROUNDDOWN($C7840/24,0)+1,1))-1)+IF('Standard Profiles'!$G$19=$B$10,7,0)+IF('Standard Profiles'!$G$19=$B$17,14,0)+IF('Standard Profiles'!$G$19=$B$24,21,0),MOD($C7840,24)+1)/SUM(INDEX($D$3:$AA$30,INDEX(Jesper!$R$2:$R$366,ROW(INDEX(Jesper!AI$2:AI$366,ROUNDDOWN($C7840/24,0)+1,1))-1)+IF('Standard Profiles'!$G$19=$B$10,7,0)+IF('Standard Profiles'!$G$19=$B$17,14,0)+IF('Standard Profiles'!$G$19=$B$24,21,0),0)),0)</f>
        <v>0</v>
      </c>
      <c r="F7840" cm="1">
        <f t="array" ref="F7840">IFERROR(INDEX(Jesper!AJ$2:AJ$366,ROUNDDOWN($C7840/24,0)+1,1)*INDEX($D$3:$AA$30,INDEX(Jesper!$R$2:$R$366,ROW(INDEX(Jesper!AJ$2:AJ$366,ROUNDDOWN($C7840/24,0)+1,1))-1)+IF('Standard Profiles'!$G$20=$B$10,7,0)+IF('Standard Profiles'!$G$20=$B$17,14,0)+IF('Standard Profiles'!$G$20=$B$24,21,0),MOD($C7840,24)+1)/SUM(INDEX($D$3:$AA$30,INDEX(Jesper!$R$2:$R$366,ROW(INDEX(Jesper!AJ$2:AJ$366,ROUNDDOWN($C7840/24,0)+1,1))-1)+IF('Standard Profiles'!$G$20=$B$10,7,0)+IF('Standard Profiles'!$G$20=$B$17,14,0)+IF('Standard Profiles'!$G$20=$B$24,21,0),0)),0)</f>
        <v>0</v>
      </c>
      <c r="G7840" cm="1">
        <f t="array" ref="G7840">IFERROR(INDEX(Jesper!AK$2:AK$366,ROUNDDOWN($C7840/24,0)+1,1)*INDEX($D$3:$AA$30,INDEX(Jesper!$R$2:$R$366,ROW(INDEX(Jesper!AK$2:AK$366,ROUNDDOWN($C7840/24,0)+1,1))-1)+IF('Standard Profiles'!$G$21=$B$10,7,0)+IF('Standard Profiles'!$G$21=$B$17,14,0)+IF('Standard Profiles'!$G$21=$B$24,21,0),MOD($C7840,24)+1)/SUM(INDEX($D$3:$AA$30,INDEX(Jesper!$R$2:$R$366,ROW(INDEX(Jesper!AK$2:AK$366,ROUNDDOWN($C7840/24,0)+1,1))-1)+IF('Standard Profiles'!$G$21=$B$10,7,0)+IF('Standard Profiles'!$G$21=$B$17,14,0)+IF('Standard Profiles'!$G$21=$B$24,21,0),0)),0)</f>
        <v>0</v>
      </c>
      <c r="H7840" cm="1">
        <f t="array" ref="H7840">IFERROR(INDEX(Jesper!AL$2:AL$366,ROUNDDOWN($C7840/24,0)+1,1)*INDEX($D$3:$AA$30,INDEX(Jesper!$R$2:$R$366,ROW(INDEX(Jesper!AL$2:AL$366,ROUNDDOWN($C7840/24,0)+1,1))-1)+IF('Standard Profiles'!$G$22=$B$10,7,0)+IF('Standard Profiles'!$G$22=$B$17,14,0)+IF('Standard Profiles'!$G$22=$B$24,21,0),MOD($C7840,24)+1)/SUM(INDEX($D$3:$AA$30,INDEX(Jesper!$R$2:$R$366,ROW(INDEX(Jesper!AL$2:AL$366,ROUNDDOWN($C7840/24,0)+1,1))-1)+IF('Standard Profiles'!$G$22=$B$10,7,0)+IF('Standard Profiles'!$G$22=$B$17,14,0)+IF('Standard Profiles'!$G$22=$B$24,21,0),0)),0)</f>
        <v>0</v>
      </c>
      <c r="I7840">
        <f t="shared" si="867"/>
        <v>0.34773157631852258</v>
      </c>
      <c r="J7840">
        <f t="shared" si="868"/>
        <v>1.1591052543950753</v>
      </c>
      <c r="K7840">
        <f t="shared" si="869"/>
        <v>1.7386578815926128</v>
      </c>
      <c r="L7840">
        <f t="shared" si="870"/>
        <v>8.3455578316445411</v>
      </c>
      <c r="M7840">
        <f t="shared" si="871"/>
        <v>0</v>
      </c>
      <c r="N7840" s="46">
        <f t="shared" si="872"/>
        <v>45617.249999981068</v>
      </c>
    </row>
    <row r="7841" spans="2:14" x14ac:dyDescent="0.3">
      <c r="B7841">
        <f t="shared" si="866"/>
        <v>4</v>
      </c>
      <c r="C7841" s="16">
        <v>7807</v>
      </c>
      <c r="D7841" cm="1">
        <f t="array" ref="D7841">IFERROR(INDEX(Jesper!AH$2:AH$366,ROUNDDOWN($C7841/24,0)+1,1)*INDEX($D$3:$AA$30,INDEX(Jesper!$R$2:$R$366,ROW(INDEX(Jesper!AH$2:AH$366,ROUNDDOWN($C7841/24,0)+1,1))-1)+IF('Standard Profiles'!$G$18=$B$10,7,0)+IF('Standard Profiles'!$G$18=$B$17,14,0)+IF('Standard Profiles'!$G$18=$B$24,21,0),MOD($C7841,24)+1)/SUM(INDEX($D$3:$AA$30,INDEX(Jesper!$R$2:$R$366,ROW(INDEX(Jesper!AH$2:AH$366,ROUNDDOWN($C7841/24,0)+1,1))-1)+IF('Standard Profiles'!$G$18=$B$10,7,0)+IF('Standard Profiles'!$G$18=$B$17,14,0)+IF('Standard Profiles'!$G$18=$B$24,21,0),0)),0)</f>
        <v>11.591052543950752</v>
      </c>
      <c r="E7841" cm="1">
        <f t="array" ref="E7841">IFERROR(INDEX(Jesper!AI$2:AI$366,ROUNDDOWN($C7841/24,0)+1,1)*INDEX($D$3:$AA$30,INDEX(Jesper!$R$2:$R$366,ROW(INDEX(Jesper!AI$2:AI$366,ROUNDDOWN($C7841/24,0)+1,1))-1)+IF('Standard Profiles'!$G$19=$B$10,7,0)+IF('Standard Profiles'!$G$19=$B$17,14,0)+IF('Standard Profiles'!$G$19=$B$24,21,0),MOD($C7841,24)+1)/SUM(INDEX($D$3:$AA$30,INDEX(Jesper!$R$2:$R$366,ROW(INDEX(Jesper!AI$2:AI$366,ROUNDDOWN($C7841/24,0)+1,1))-1)+IF('Standard Profiles'!$G$19=$B$10,7,0)+IF('Standard Profiles'!$G$19=$B$17,14,0)+IF('Standard Profiles'!$G$19=$B$24,21,0),0)),0)</f>
        <v>0</v>
      </c>
      <c r="F7841" cm="1">
        <f t="array" ref="F7841">IFERROR(INDEX(Jesper!AJ$2:AJ$366,ROUNDDOWN($C7841/24,0)+1,1)*INDEX($D$3:$AA$30,INDEX(Jesper!$R$2:$R$366,ROW(INDEX(Jesper!AJ$2:AJ$366,ROUNDDOWN($C7841/24,0)+1,1))-1)+IF('Standard Profiles'!$G$20=$B$10,7,0)+IF('Standard Profiles'!$G$20=$B$17,14,0)+IF('Standard Profiles'!$G$20=$B$24,21,0),MOD($C7841,24)+1)/SUM(INDEX($D$3:$AA$30,INDEX(Jesper!$R$2:$R$366,ROW(INDEX(Jesper!AJ$2:AJ$366,ROUNDDOWN($C7841/24,0)+1,1))-1)+IF('Standard Profiles'!$G$20=$B$10,7,0)+IF('Standard Profiles'!$G$20=$B$17,14,0)+IF('Standard Profiles'!$G$20=$B$24,21,0),0)),0)</f>
        <v>0</v>
      </c>
      <c r="G7841" cm="1">
        <f t="array" ref="G7841">IFERROR(INDEX(Jesper!AK$2:AK$366,ROUNDDOWN($C7841/24,0)+1,1)*INDEX($D$3:$AA$30,INDEX(Jesper!$R$2:$R$366,ROW(INDEX(Jesper!AK$2:AK$366,ROUNDDOWN($C7841/24,0)+1,1))-1)+IF('Standard Profiles'!$G$21=$B$10,7,0)+IF('Standard Profiles'!$G$21=$B$17,14,0)+IF('Standard Profiles'!$G$21=$B$24,21,0),MOD($C7841,24)+1)/SUM(INDEX($D$3:$AA$30,INDEX(Jesper!$R$2:$R$366,ROW(INDEX(Jesper!AK$2:AK$366,ROUNDDOWN($C7841/24,0)+1,1))-1)+IF('Standard Profiles'!$G$21=$B$10,7,0)+IF('Standard Profiles'!$G$21=$B$17,14,0)+IF('Standard Profiles'!$G$21=$B$24,21,0),0)),0)</f>
        <v>0</v>
      </c>
      <c r="H7841" cm="1">
        <f t="array" ref="H7841">IFERROR(INDEX(Jesper!AL$2:AL$366,ROUNDDOWN($C7841/24,0)+1,1)*INDEX($D$3:$AA$30,INDEX(Jesper!$R$2:$R$366,ROW(INDEX(Jesper!AL$2:AL$366,ROUNDDOWN($C7841/24,0)+1,1))-1)+IF('Standard Profiles'!$G$22=$B$10,7,0)+IF('Standard Profiles'!$G$22=$B$17,14,0)+IF('Standard Profiles'!$G$22=$B$24,21,0),MOD($C7841,24)+1)/SUM(INDEX($D$3:$AA$30,INDEX(Jesper!$R$2:$R$366,ROW(INDEX(Jesper!AL$2:AL$366,ROUNDDOWN($C7841/24,0)+1,1))-1)+IF('Standard Profiles'!$G$22=$B$10,7,0)+IF('Standard Profiles'!$G$22=$B$17,14,0)+IF('Standard Profiles'!$G$22=$B$24,21,0),0)),0)</f>
        <v>0</v>
      </c>
      <c r="I7841">
        <f t="shared" si="867"/>
        <v>0.34773157631852258</v>
      </c>
      <c r="J7841">
        <f t="shared" si="868"/>
        <v>1.1591052543950753</v>
      </c>
      <c r="K7841">
        <f t="shared" si="869"/>
        <v>1.7386578815926128</v>
      </c>
      <c r="L7841">
        <f t="shared" si="870"/>
        <v>8.3455578316445411</v>
      </c>
      <c r="M7841">
        <f t="shared" si="871"/>
        <v>0</v>
      </c>
      <c r="N7841" s="46">
        <f t="shared" si="872"/>
        <v>45617.291666647732</v>
      </c>
    </row>
    <row r="7842" spans="2:14" x14ac:dyDescent="0.3">
      <c r="B7842">
        <f t="shared" si="866"/>
        <v>4</v>
      </c>
      <c r="C7842" s="16">
        <v>7808</v>
      </c>
      <c r="D7842" cm="1">
        <f t="array" ref="D7842">IFERROR(INDEX(Jesper!AH$2:AH$366,ROUNDDOWN($C7842/24,0)+1,1)*INDEX($D$3:$AA$30,INDEX(Jesper!$R$2:$R$366,ROW(INDEX(Jesper!AH$2:AH$366,ROUNDDOWN($C7842/24,0)+1,1))-1)+IF('Standard Profiles'!$G$18=$B$10,7,0)+IF('Standard Profiles'!$G$18=$B$17,14,0)+IF('Standard Profiles'!$G$18=$B$24,21,0),MOD($C7842,24)+1)/SUM(INDEX($D$3:$AA$30,INDEX(Jesper!$R$2:$R$366,ROW(INDEX(Jesper!AH$2:AH$366,ROUNDDOWN($C7842/24,0)+1,1))-1)+IF('Standard Profiles'!$G$18=$B$10,7,0)+IF('Standard Profiles'!$G$18=$B$17,14,0)+IF('Standard Profiles'!$G$18=$B$24,21,0),0)),0)</f>
        <v>11.591052543950752</v>
      </c>
      <c r="E7842" cm="1">
        <f t="array" ref="E7842">IFERROR(INDEX(Jesper!AI$2:AI$366,ROUNDDOWN($C7842/24,0)+1,1)*INDEX($D$3:$AA$30,INDEX(Jesper!$R$2:$R$366,ROW(INDEX(Jesper!AI$2:AI$366,ROUNDDOWN($C7842/24,0)+1,1))-1)+IF('Standard Profiles'!$G$19=$B$10,7,0)+IF('Standard Profiles'!$G$19=$B$17,14,0)+IF('Standard Profiles'!$G$19=$B$24,21,0),MOD($C7842,24)+1)/SUM(INDEX($D$3:$AA$30,INDEX(Jesper!$R$2:$R$366,ROW(INDEX(Jesper!AI$2:AI$366,ROUNDDOWN($C7842/24,0)+1,1))-1)+IF('Standard Profiles'!$G$19=$B$10,7,0)+IF('Standard Profiles'!$G$19=$B$17,14,0)+IF('Standard Profiles'!$G$19=$B$24,21,0),0)),0)</f>
        <v>0</v>
      </c>
      <c r="F7842" cm="1">
        <f t="array" ref="F7842">IFERROR(INDEX(Jesper!AJ$2:AJ$366,ROUNDDOWN($C7842/24,0)+1,1)*INDEX($D$3:$AA$30,INDEX(Jesper!$R$2:$R$366,ROW(INDEX(Jesper!AJ$2:AJ$366,ROUNDDOWN($C7842/24,0)+1,1))-1)+IF('Standard Profiles'!$G$20=$B$10,7,0)+IF('Standard Profiles'!$G$20=$B$17,14,0)+IF('Standard Profiles'!$G$20=$B$24,21,0),MOD($C7842,24)+1)/SUM(INDEX($D$3:$AA$30,INDEX(Jesper!$R$2:$R$366,ROW(INDEX(Jesper!AJ$2:AJ$366,ROUNDDOWN($C7842/24,0)+1,1))-1)+IF('Standard Profiles'!$G$20=$B$10,7,0)+IF('Standard Profiles'!$G$20=$B$17,14,0)+IF('Standard Profiles'!$G$20=$B$24,21,0),0)),0)</f>
        <v>0</v>
      </c>
      <c r="G7842" cm="1">
        <f t="array" ref="G7842">IFERROR(INDEX(Jesper!AK$2:AK$366,ROUNDDOWN($C7842/24,0)+1,1)*INDEX($D$3:$AA$30,INDEX(Jesper!$R$2:$R$366,ROW(INDEX(Jesper!AK$2:AK$366,ROUNDDOWN($C7842/24,0)+1,1))-1)+IF('Standard Profiles'!$G$21=$B$10,7,0)+IF('Standard Profiles'!$G$21=$B$17,14,0)+IF('Standard Profiles'!$G$21=$B$24,21,0),MOD($C7842,24)+1)/SUM(INDEX($D$3:$AA$30,INDEX(Jesper!$R$2:$R$366,ROW(INDEX(Jesper!AK$2:AK$366,ROUNDDOWN($C7842/24,0)+1,1))-1)+IF('Standard Profiles'!$G$21=$B$10,7,0)+IF('Standard Profiles'!$G$21=$B$17,14,0)+IF('Standard Profiles'!$G$21=$B$24,21,0),0)),0)</f>
        <v>0</v>
      </c>
      <c r="H7842" cm="1">
        <f t="array" ref="H7842">IFERROR(INDEX(Jesper!AL$2:AL$366,ROUNDDOWN($C7842/24,0)+1,1)*INDEX($D$3:$AA$30,INDEX(Jesper!$R$2:$R$366,ROW(INDEX(Jesper!AL$2:AL$366,ROUNDDOWN($C7842/24,0)+1,1))-1)+IF('Standard Profiles'!$G$22=$B$10,7,0)+IF('Standard Profiles'!$G$22=$B$17,14,0)+IF('Standard Profiles'!$G$22=$B$24,21,0),MOD($C7842,24)+1)/SUM(INDEX($D$3:$AA$30,INDEX(Jesper!$R$2:$R$366,ROW(INDEX(Jesper!AL$2:AL$366,ROUNDDOWN($C7842/24,0)+1,1))-1)+IF('Standard Profiles'!$G$22=$B$10,7,0)+IF('Standard Profiles'!$G$22=$B$17,14,0)+IF('Standard Profiles'!$G$22=$B$24,21,0),0)),0)</f>
        <v>0</v>
      </c>
      <c r="I7842">
        <f t="shared" si="867"/>
        <v>0.34773157631852258</v>
      </c>
      <c r="J7842">
        <f t="shared" si="868"/>
        <v>1.1591052543950753</v>
      </c>
      <c r="K7842">
        <f t="shared" si="869"/>
        <v>1.7386578815926128</v>
      </c>
      <c r="L7842">
        <f t="shared" si="870"/>
        <v>8.3455578316445411</v>
      </c>
      <c r="M7842">
        <f t="shared" si="871"/>
        <v>0</v>
      </c>
      <c r="N7842" s="46">
        <f t="shared" si="872"/>
        <v>45617.333333314396</v>
      </c>
    </row>
    <row r="7843" spans="2:14" x14ac:dyDescent="0.3">
      <c r="B7843">
        <f t="shared" ref="B7843:B7906" si="873">WEEKDAY(N7843,2)</f>
        <v>4</v>
      </c>
      <c r="C7843" s="16">
        <v>7809</v>
      </c>
      <c r="D7843" cm="1">
        <f t="array" ref="D7843">IFERROR(INDEX(Jesper!AH$2:AH$366,ROUNDDOWN($C7843/24,0)+1,1)*INDEX($D$3:$AA$30,INDEX(Jesper!$R$2:$R$366,ROW(INDEX(Jesper!AH$2:AH$366,ROUNDDOWN($C7843/24,0)+1,1))-1)+IF('Standard Profiles'!$G$18=$B$10,7,0)+IF('Standard Profiles'!$G$18=$B$17,14,0)+IF('Standard Profiles'!$G$18=$B$24,21,0),MOD($C7843,24)+1)/SUM(INDEX($D$3:$AA$30,INDEX(Jesper!$R$2:$R$366,ROW(INDEX(Jesper!AH$2:AH$366,ROUNDDOWN($C7843/24,0)+1,1))-1)+IF('Standard Profiles'!$G$18=$B$10,7,0)+IF('Standard Profiles'!$G$18=$B$17,14,0)+IF('Standard Profiles'!$G$18=$B$24,21,0),0)),0)</f>
        <v>12.456056465141108</v>
      </c>
      <c r="E7843" cm="1">
        <f t="array" ref="E7843">IFERROR(INDEX(Jesper!AI$2:AI$366,ROUNDDOWN($C7843/24,0)+1,1)*INDEX($D$3:$AA$30,INDEX(Jesper!$R$2:$R$366,ROW(INDEX(Jesper!AI$2:AI$366,ROUNDDOWN($C7843/24,0)+1,1))-1)+IF('Standard Profiles'!$G$19=$B$10,7,0)+IF('Standard Profiles'!$G$19=$B$17,14,0)+IF('Standard Profiles'!$G$19=$B$24,21,0),MOD($C7843,24)+1)/SUM(INDEX($D$3:$AA$30,INDEX(Jesper!$R$2:$R$366,ROW(INDEX(Jesper!AI$2:AI$366,ROUNDDOWN($C7843/24,0)+1,1))-1)+IF('Standard Profiles'!$G$19=$B$10,7,0)+IF('Standard Profiles'!$G$19=$B$17,14,0)+IF('Standard Profiles'!$G$19=$B$24,21,0),0)),0)</f>
        <v>0</v>
      </c>
      <c r="F7843" cm="1">
        <f t="array" ref="F7843">IFERROR(INDEX(Jesper!AJ$2:AJ$366,ROUNDDOWN($C7843/24,0)+1,1)*INDEX($D$3:$AA$30,INDEX(Jesper!$R$2:$R$366,ROW(INDEX(Jesper!AJ$2:AJ$366,ROUNDDOWN($C7843/24,0)+1,1))-1)+IF('Standard Profiles'!$G$20=$B$10,7,0)+IF('Standard Profiles'!$G$20=$B$17,14,0)+IF('Standard Profiles'!$G$20=$B$24,21,0),MOD($C7843,24)+1)/SUM(INDEX($D$3:$AA$30,INDEX(Jesper!$R$2:$R$366,ROW(INDEX(Jesper!AJ$2:AJ$366,ROUNDDOWN($C7843/24,0)+1,1))-1)+IF('Standard Profiles'!$G$20=$B$10,7,0)+IF('Standard Profiles'!$G$20=$B$17,14,0)+IF('Standard Profiles'!$G$20=$B$24,21,0),0)),0)</f>
        <v>0</v>
      </c>
      <c r="G7843" cm="1">
        <f t="array" ref="G7843">IFERROR(INDEX(Jesper!AK$2:AK$366,ROUNDDOWN($C7843/24,0)+1,1)*INDEX($D$3:$AA$30,INDEX(Jesper!$R$2:$R$366,ROW(INDEX(Jesper!AK$2:AK$366,ROUNDDOWN($C7843/24,0)+1,1))-1)+IF('Standard Profiles'!$G$21=$B$10,7,0)+IF('Standard Profiles'!$G$21=$B$17,14,0)+IF('Standard Profiles'!$G$21=$B$24,21,0),MOD($C7843,24)+1)/SUM(INDEX($D$3:$AA$30,INDEX(Jesper!$R$2:$R$366,ROW(INDEX(Jesper!AK$2:AK$366,ROUNDDOWN($C7843/24,0)+1,1))-1)+IF('Standard Profiles'!$G$21=$B$10,7,0)+IF('Standard Profiles'!$G$21=$B$17,14,0)+IF('Standard Profiles'!$G$21=$B$24,21,0),0)),0)</f>
        <v>0</v>
      </c>
      <c r="H7843" cm="1">
        <f t="array" ref="H7843">IFERROR(INDEX(Jesper!AL$2:AL$366,ROUNDDOWN($C7843/24,0)+1,1)*INDEX($D$3:$AA$30,INDEX(Jesper!$R$2:$R$366,ROW(INDEX(Jesper!AL$2:AL$366,ROUNDDOWN($C7843/24,0)+1,1))-1)+IF('Standard Profiles'!$G$22=$B$10,7,0)+IF('Standard Profiles'!$G$22=$B$17,14,0)+IF('Standard Profiles'!$G$22=$B$24,21,0),MOD($C7843,24)+1)/SUM(INDEX($D$3:$AA$30,INDEX(Jesper!$R$2:$R$366,ROW(INDEX(Jesper!AL$2:AL$366,ROUNDDOWN($C7843/24,0)+1,1))-1)+IF('Standard Profiles'!$G$22=$B$10,7,0)+IF('Standard Profiles'!$G$22=$B$17,14,0)+IF('Standard Profiles'!$G$22=$B$24,21,0),0)),0)</f>
        <v>0</v>
      </c>
      <c r="I7843">
        <f t="shared" ref="I7843:I7906" si="874">IF($B7843&lt;6,AC$37*$D7843+AC$38*$E7843+AC$39*$F7843+AC$40*$G7843,AC$46*$D7843+AC$47*$E7843+AC$48*$F7843+AC$49*$G7843+AC$50*$H7843)</f>
        <v>0.37368169395423323</v>
      </c>
      <c r="J7843">
        <f t="shared" ref="J7843:J7906" si="875">IF($B7843&lt;6,AD$37*$D7843+AD$38*$E7843+AD$39*$F7843+AD$40*$G7843,AD$46*$D7843+AD$47*$E7843+AD$48*$F7843+AD$49*$G7843+AD$50*$H7843)</f>
        <v>1.245605646514111</v>
      </c>
      <c r="K7843">
        <f t="shared" ref="K7843:K7906" si="876">IF($B7843&lt;6,AE$37*$D7843+AE$38*$E7843+AE$39*$F7843+AE$40*$G7843,AE$46*$D7843+AE$47*$E7843+AE$48*$F7843+AE$49*$G7843+AE$50*$H7843)</f>
        <v>1.868408469771166</v>
      </c>
      <c r="L7843">
        <f t="shared" ref="L7843:L7906" si="877">IF($B7843&lt;6,AF$37*$D7843+AF$38*$E7843+AF$39*$F7843+AF$40*$G7843,AF$46*$D7843+AF$47*$E7843+AF$48*$F7843+AF$49*$G7843+AF$50*$H7843)</f>
        <v>8.9683606549015966</v>
      </c>
      <c r="M7843">
        <f t="shared" ref="M7843:M7906" si="878">IF($B7843&lt;6,AG$37*$D7843+AG$38*$E7843+AG$39*$F7843+AG$40*$G7843,AG$46*$D7843+AG$47*$E7843+AG$48*$F7843+AG$49*$G7843+AG$50*$H7843)</f>
        <v>0</v>
      </c>
      <c r="N7843" s="46">
        <f t="shared" si="872"/>
        <v>45617.374999981061</v>
      </c>
    </row>
    <row r="7844" spans="2:14" x14ac:dyDescent="0.3">
      <c r="B7844">
        <f t="shared" si="873"/>
        <v>4</v>
      </c>
      <c r="C7844" s="16">
        <v>7810</v>
      </c>
      <c r="D7844" cm="1">
        <f t="array" ref="D7844">IFERROR(INDEX(Jesper!AH$2:AH$366,ROUNDDOWN($C7844/24,0)+1,1)*INDEX($D$3:$AA$30,INDEX(Jesper!$R$2:$R$366,ROW(INDEX(Jesper!AH$2:AH$366,ROUNDDOWN($C7844/24,0)+1,1))-1)+IF('Standard Profiles'!$G$18=$B$10,7,0)+IF('Standard Profiles'!$G$18=$B$17,14,0)+IF('Standard Profiles'!$G$18=$B$24,21,0),MOD($C7844,24)+1)/SUM(INDEX($D$3:$AA$30,INDEX(Jesper!$R$2:$R$366,ROW(INDEX(Jesper!AH$2:AH$366,ROUNDDOWN($C7844/24,0)+1,1))-1)+IF('Standard Profiles'!$G$18=$B$10,7,0)+IF('Standard Profiles'!$G$18=$B$17,14,0)+IF('Standard Profiles'!$G$18=$B$24,21,0),0)),0)</f>
        <v>13.494061170569534</v>
      </c>
      <c r="E7844" cm="1">
        <f t="array" ref="E7844">IFERROR(INDEX(Jesper!AI$2:AI$366,ROUNDDOWN($C7844/24,0)+1,1)*INDEX($D$3:$AA$30,INDEX(Jesper!$R$2:$R$366,ROW(INDEX(Jesper!AI$2:AI$366,ROUNDDOWN($C7844/24,0)+1,1))-1)+IF('Standard Profiles'!$G$19=$B$10,7,0)+IF('Standard Profiles'!$G$19=$B$17,14,0)+IF('Standard Profiles'!$G$19=$B$24,21,0),MOD($C7844,24)+1)/SUM(INDEX($D$3:$AA$30,INDEX(Jesper!$R$2:$R$366,ROW(INDEX(Jesper!AI$2:AI$366,ROUNDDOWN($C7844/24,0)+1,1))-1)+IF('Standard Profiles'!$G$19=$B$10,7,0)+IF('Standard Profiles'!$G$19=$B$17,14,0)+IF('Standard Profiles'!$G$19=$B$24,21,0),0)),0)</f>
        <v>0</v>
      </c>
      <c r="F7844" cm="1">
        <f t="array" ref="F7844">IFERROR(INDEX(Jesper!AJ$2:AJ$366,ROUNDDOWN($C7844/24,0)+1,1)*INDEX($D$3:$AA$30,INDEX(Jesper!$R$2:$R$366,ROW(INDEX(Jesper!AJ$2:AJ$366,ROUNDDOWN($C7844/24,0)+1,1))-1)+IF('Standard Profiles'!$G$20=$B$10,7,0)+IF('Standard Profiles'!$G$20=$B$17,14,0)+IF('Standard Profiles'!$G$20=$B$24,21,0),MOD($C7844,24)+1)/SUM(INDEX($D$3:$AA$30,INDEX(Jesper!$R$2:$R$366,ROW(INDEX(Jesper!AJ$2:AJ$366,ROUNDDOWN($C7844/24,0)+1,1))-1)+IF('Standard Profiles'!$G$20=$B$10,7,0)+IF('Standard Profiles'!$G$20=$B$17,14,0)+IF('Standard Profiles'!$G$20=$B$24,21,0),0)),0)</f>
        <v>0</v>
      </c>
      <c r="G7844" cm="1">
        <f t="array" ref="G7844">IFERROR(INDEX(Jesper!AK$2:AK$366,ROUNDDOWN($C7844/24,0)+1,1)*INDEX($D$3:$AA$30,INDEX(Jesper!$R$2:$R$366,ROW(INDEX(Jesper!AK$2:AK$366,ROUNDDOWN($C7844/24,0)+1,1))-1)+IF('Standard Profiles'!$G$21=$B$10,7,0)+IF('Standard Profiles'!$G$21=$B$17,14,0)+IF('Standard Profiles'!$G$21=$B$24,21,0),MOD($C7844,24)+1)/SUM(INDEX($D$3:$AA$30,INDEX(Jesper!$R$2:$R$366,ROW(INDEX(Jesper!AK$2:AK$366,ROUNDDOWN($C7844/24,0)+1,1))-1)+IF('Standard Profiles'!$G$21=$B$10,7,0)+IF('Standard Profiles'!$G$21=$B$17,14,0)+IF('Standard Profiles'!$G$21=$B$24,21,0),0)),0)</f>
        <v>0</v>
      </c>
      <c r="H7844" cm="1">
        <f t="array" ref="H7844">IFERROR(INDEX(Jesper!AL$2:AL$366,ROUNDDOWN($C7844/24,0)+1,1)*INDEX($D$3:$AA$30,INDEX(Jesper!$R$2:$R$366,ROW(INDEX(Jesper!AL$2:AL$366,ROUNDDOWN($C7844/24,0)+1,1))-1)+IF('Standard Profiles'!$G$22=$B$10,7,0)+IF('Standard Profiles'!$G$22=$B$17,14,0)+IF('Standard Profiles'!$G$22=$B$24,21,0),MOD($C7844,24)+1)/SUM(INDEX($D$3:$AA$30,INDEX(Jesper!$R$2:$R$366,ROW(INDEX(Jesper!AL$2:AL$366,ROUNDDOWN($C7844/24,0)+1,1))-1)+IF('Standard Profiles'!$G$22=$B$10,7,0)+IF('Standard Profiles'!$G$22=$B$17,14,0)+IF('Standard Profiles'!$G$22=$B$24,21,0),0)),0)</f>
        <v>0</v>
      </c>
      <c r="I7844">
        <f t="shared" si="874"/>
        <v>0.40482183511708603</v>
      </c>
      <c r="J7844">
        <f t="shared" si="875"/>
        <v>1.3494061170569536</v>
      </c>
      <c r="K7844">
        <f t="shared" si="876"/>
        <v>2.0241091755854299</v>
      </c>
      <c r="L7844">
        <f t="shared" si="877"/>
        <v>9.7157240428100646</v>
      </c>
      <c r="M7844">
        <f t="shared" si="878"/>
        <v>0</v>
      </c>
      <c r="N7844" s="46">
        <f t="shared" ref="N7844:N7907" si="879">N7843+1/24</f>
        <v>45617.416666647725</v>
      </c>
    </row>
    <row r="7845" spans="2:14" x14ac:dyDescent="0.3">
      <c r="B7845">
        <f t="shared" si="873"/>
        <v>4</v>
      </c>
      <c r="C7845" s="16">
        <v>7811</v>
      </c>
      <c r="D7845" cm="1">
        <f t="array" ref="D7845">IFERROR(INDEX(Jesper!AH$2:AH$366,ROUNDDOWN($C7845/24,0)+1,1)*INDEX($D$3:$AA$30,INDEX(Jesper!$R$2:$R$366,ROW(INDEX(Jesper!AH$2:AH$366,ROUNDDOWN($C7845/24,0)+1,1))-1)+IF('Standard Profiles'!$G$18=$B$10,7,0)+IF('Standard Profiles'!$G$18=$B$17,14,0)+IF('Standard Profiles'!$G$18=$B$24,21,0),MOD($C7845,24)+1)/SUM(INDEX($D$3:$AA$30,INDEX(Jesper!$R$2:$R$366,ROW(INDEX(Jesper!AH$2:AH$366,ROUNDDOWN($C7845/24,0)+1,1))-1)+IF('Standard Profiles'!$G$18=$B$10,7,0)+IF('Standard Profiles'!$G$18=$B$17,14,0)+IF('Standard Profiles'!$G$18=$B$24,21,0),0)),0)</f>
        <v>15.570070581426382</v>
      </c>
      <c r="E7845" cm="1">
        <f t="array" ref="E7845">IFERROR(INDEX(Jesper!AI$2:AI$366,ROUNDDOWN($C7845/24,0)+1,1)*INDEX($D$3:$AA$30,INDEX(Jesper!$R$2:$R$366,ROW(INDEX(Jesper!AI$2:AI$366,ROUNDDOWN($C7845/24,0)+1,1))-1)+IF('Standard Profiles'!$G$19=$B$10,7,0)+IF('Standard Profiles'!$G$19=$B$17,14,0)+IF('Standard Profiles'!$G$19=$B$24,21,0),MOD($C7845,24)+1)/SUM(INDEX($D$3:$AA$30,INDEX(Jesper!$R$2:$R$366,ROW(INDEX(Jesper!AI$2:AI$366,ROUNDDOWN($C7845/24,0)+1,1))-1)+IF('Standard Profiles'!$G$19=$B$10,7,0)+IF('Standard Profiles'!$G$19=$B$17,14,0)+IF('Standard Profiles'!$G$19=$B$24,21,0),0)),0)</f>
        <v>0</v>
      </c>
      <c r="F7845" cm="1">
        <f t="array" ref="F7845">IFERROR(INDEX(Jesper!AJ$2:AJ$366,ROUNDDOWN($C7845/24,0)+1,1)*INDEX($D$3:$AA$30,INDEX(Jesper!$R$2:$R$366,ROW(INDEX(Jesper!AJ$2:AJ$366,ROUNDDOWN($C7845/24,0)+1,1))-1)+IF('Standard Profiles'!$G$20=$B$10,7,0)+IF('Standard Profiles'!$G$20=$B$17,14,0)+IF('Standard Profiles'!$G$20=$B$24,21,0),MOD($C7845,24)+1)/SUM(INDEX($D$3:$AA$30,INDEX(Jesper!$R$2:$R$366,ROW(INDEX(Jesper!AJ$2:AJ$366,ROUNDDOWN($C7845/24,0)+1,1))-1)+IF('Standard Profiles'!$G$20=$B$10,7,0)+IF('Standard Profiles'!$G$20=$B$17,14,0)+IF('Standard Profiles'!$G$20=$B$24,21,0),0)),0)</f>
        <v>0</v>
      </c>
      <c r="G7845" cm="1">
        <f t="array" ref="G7845">IFERROR(INDEX(Jesper!AK$2:AK$366,ROUNDDOWN($C7845/24,0)+1,1)*INDEX($D$3:$AA$30,INDEX(Jesper!$R$2:$R$366,ROW(INDEX(Jesper!AK$2:AK$366,ROUNDDOWN($C7845/24,0)+1,1))-1)+IF('Standard Profiles'!$G$21=$B$10,7,0)+IF('Standard Profiles'!$G$21=$B$17,14,0)+IF('Standard Profiles'!$G$21=$B$24,21,0),MOD($C7845,24)+1)/SUM(INDEX($D$3:$AA$30,INDEX(Jesper!$R$2:$R$366,ROW(INDEX(Jesper!AK$2:AK$366,ROUNDDOWN($C7845/24,0)+1,1))-1)+IF('Standard Profiles'!$G$21=$B$10,7,0)+IF('Standard Profiles'!$G$21=$B$17,14,0)+IF('Standard Profiles'!$G$21=$B$24,21,0),0)),0)</f>
        <v>0</v>
      </c>
      <c r="H7845" cm="1">
        <f t="array" ref="H7845">IFERROR(INDEX(Jesper!AL$2:AL$366,ROUNDDOWN($C7845/24,0)+1,1)*INDEX($D$3:$AA$30,INDEX(Jesper!$R$2:$R$366,ROW(INDEX(Jesper!AL$2:AL$366,ROUNDDOWN($C7845/24,0)+1,1))-1)+IF('Standard Profiles'!$G$22=$B$10,7,0)+IF('Standard Profiles'!$G$22=$B$17,14,0)+IF('Standard Profiles'!$G$22=$B$24,21,0),MOD($C7845,24)+1)/SUM(INDEX($D$3:$AA$30,INDEX(Jesper!$R$2:$R$366,ROW(INDEX(Jesper!AL$2:AL$366,ROUNDDOWN($C7845/24,0)+1,1))-1)+IF('Standard Profiles'!$G$22=$B$10,7,0)+IF('Standard Profiles'!$G$22=$B$17,14,0)+IF('Standard Profiles'!$G$22=$B$24,21,0),0)),0)</f>
        <v>0</v>
      </c>
      <c r="I7845">
        <f t="shared" si="874"/>
        <v>0.46710211744279145</v>
      </c>
      <c r="J7845">
        <f t="shared" si="875"/>
        <v>1.5570070581426383</v>
      </c>
      <c r="K7845">
        <f t="shared" si="876"/>
        <v>2.3355105872139572</v>
      </c>
      <c r="L7845">
        <f t="shared" si="877"/>
        <v>11.210450818626995</v>
      </c>
      <c r="M7845">
        <f t="shared" si="878"/>
        <v>0</v>
      </c>
      <c r="N7845" s="46">
        <f t="shared" si="879"/>
        <v>45617.458333314389</v>
      </c>
    </row>
    <row r="7846" spans="2:14" x14ac:dyDescent="0.3">
      <c r="B7846">
        <f t="shared" si="873"/>
        <v>4</v>
      </c>
      <c r="C7846" s="16">
        <v>7812</v>
      </c>
      <c r="D7846" cm="1">
        <f t="array" ref="D7846">IFERROR(INDEX(Jesper!AH$2:AH$366,ROUNDDOWN($C7846/24,0)+1,1)*INDEX($D$3:$AA$30,INDEX(Jesper!$R$2:$R$366,ROW(INDEX(Jesper!AH$2:AH$366,ROUNDDOWN($C7846/24,0)+1,1))-1)+IF('Standard Profiles'!$G$18=$B$10,7,0)+IF('Standard Profiles'!$G$18=$B$17,14,0)+IF('Standard Profiles'!$G$18=$B$24,21,0),MOD($C7846,24)+1)/SUM(INDEX($D$3:$AA$30,INDEX(Jesper!$R$2:$R$366,ROW(INDEX(Jesper!AH$2:AH$366,ROUNDDOWN($C7846/24,0)+1,1))-1)+IF('Standard Profiles'!$G$18=$B$10,7,0)+IF('Standard Profiles'!$G$18=$B$17,14,0)+IF('Standard Profiles'!$G$18=$B$24,21,0),0)),0)</f>
        <v>15.570070581426382</v>
      </c>
      <c r="E7846" cm="1">
        <f t="array" ref="E7846">IFERROR(INDEX(Jesper!AI$2:AI$366,ROUNDDOWN($C7846/24,0)+1,1)*INDEX($D$3:$AA$30,INDEX(Jesper!$R$2:$R$366,ROW(INDEX(Jesper!AI$2:AI$366,ROUNDDOWN($C7846/24,0)+1,1))-1)+IF('Standard Profiles'!$G$19=$B$10,7,0)+IF('Standard Profiles'!$G$19=$B$17,14,0)+IF('Standard Profiles'!$G$19=$B$24,21,0),MOD($C7846,24)+1)/SUM(INDEX($D$3:$AA$30,INDEX(Jesper!$R$2:$R$366,ROW(INDEX(Jesper!AI$2:AI$366,ROUNDDOWN($C7846/24,0)+1,1))-1)+IF('Standard Profiles'!$G$19=$B$10,7,0)+IF('Standard Profiles'!$G$19=$B$17,14,0)+IF('Standard Profiles'!$G$19=$B$24,21,0),0)),0)</f>
        <v>0</v>
      </c>
      <c r="F7846" cm="1">
        <f t="array" ref="F7846">IFERROR(INDEX(Jesper!AJ$2:AJ$366,ROUNDDOWN($C7846/24,0)+1,1)*INDEX($D$3:$AA$30,INDEX(Jesper!$R$2:$R$366,ROW(INDEX(Jesper!AJ$2:AJ$366,ROUNDDOWN($C7846/24,0)+1,1))-1)+IF('Standard Profiles'!$G$20=$B$10,7,0)+IF('Standard Profiles'!$G$20=$B$17,14,0)+IF('Standard Profiles'!$G$20=$B$24,21,0),MOD($C7846,24)+1)/SUM(INDEX($D$3:$AA$30,INDEX(Jesper!$R$2:$R$366,ROW(INDEX(Jesper!AJ$2:AJ$366,ROUNDDOWN($C7846/24,0)+1,1))-1)+IF('Standard Profiles'!$G$20=$B$10,7,0)+IF('Standard Profiles'!$G$20=$B$17,14,0)+IF('Standard Profiles'!$G$20=$B$24,21,0),0)),0)</f>
        <v>0</v>
      </c>
      <c r="G7846" cm="1">
        <f t="array" ref="G7846">IFERROR(INDEX(Jesper!AK$2:AK$366,ROUNDDOWN($C7846/24,0)+1,1)*INDEX($D$3:$AA$30,INDEX(Jesper!$R$2:$R$366,ROW(INDEX(Jesper!AK$2:AK$366,ROUNDDOWN($C7846/24,0)+1,1))-1)+IF('Standard Profiles'!$G$21=$B$10,7,0)+IF('Standard Profiles'!$G$21=$B$17,14,0)+IF('Standard Profiles'!$G$21=$B$24,21,0),MOD($C7846,24)+1)/SUM(INDEX($D$3:$AA$30,INDEX(Jesper!$R$2:$R$366,ROW(INDEX(Jesper!AK$2:AK$366,ROUNDDOWN($C7846/24,0)+1,1))-1)+IF('Standard Profiles'!$G$21=$B$10,7,0)+IF('Standard Profiles'!$G$21=$B$17,14,0)+IF('Standard Profiles'!$G$21=$B$24,21,0),0)),0)</f>
        <v>0</v>
      </c>
      <c r="H7846" cm="1">
        <f t="array" ref="H7846">IFERROR(INDEX(Jesper!AL$2:AL$366,ROUNDDOWN($C7846/24,0)+1,1)*INDEX($D$3:$AA$30,INDEX(Jesper!$R$2:$R$366,ROW(INDEX(Jesper!AL$2:AL$366,ROUNDDOWN($C7846/24,0)+1,1))-1)+IF('Standard Profiles'!$G$22=$B$10,7,0)+IF('Standard Profiles'!$G$22=$B$17,14,0)+IF('Standard Profiles'!$G$22=$B$24,21,0),MOD($C7846,24)+1)/SUM(INDEX($D$3:$AA$30,INDEX(Jesper!$R$2:$R$366,ROW(INDEX(Jesper!AL$2:AL$366,ROUNDDOWN($C7846/24,0)+1,1))-1)+IF('Standard Profiles'!$G$22=$B$10,7,0)+IF('Standard Profiles'!$G$22=$B$17,14,0)+IF('Standard Profiles'!$G$22=$B$24,21,0),0)),0)</f>
        <v>0</v>
      </c>
      <c r="I7846">
        <f t="shared" si="874"/>
        <v>0.46710211744279145</v>
      </c>
      <c r="J7846">
        <f t="shared" si="875"/>
        <v>1.5570070581426383</v>
      </c>
      <c r="K7846">
        <f t="shared" si="876"/>
        <v>2.3355105872139572</v>
      </c>
      <c r="L7846">
        <f t="shared" si="877"/>
        <v>11.210450818626995</v>
      </c>
      <c r="M7846">
        <f t="shared" si="878"/>
        <v>0</v>
      </c>
      <c r="N7846" s="46">
        <f t="shared" si="879"/>
        <v>45617.499999981053</v>
      </c>
    </row>
    <row r="7847" spans="2:14" x14ac:dyDescent="0.3">
      <c r="B7847">
        <f t="shared" si="873"/>
        <v>4</v>
      </c>
      <c r="C7847" s="16">
        <v>7813</v>
      </c>
      <c r="D7847" cm="1">
        <f t="array" ref="D7847">IFERROR(INDEX(Jesper!AH$2:AH$366,ROUNDDOWN($C7847/24,0)+1,1)*INDEX($D$3:$AA$30,INDEX(Jesper!$R$2:$R$366,ROW(INDEX(Jesper!AH$2:AH$366,ROUNDDOWN($C7847/24,0)+1,1))-1)+IF('Standard Profiles'!$G$18=$B$10,7,0)+IF('Standard Profiles'!$G$18=$B$17,14,0)+IF('Standard Profiles'!$G$18=$B$24,21,0),MOD($C7847,24)+1)/SUM(INDEX($D$3:$AA$30,INDEX(Jesper!$R$2:$R$366,ROW(INDEX(Jesper!AH$2:AH$366,ROUNDDOWN($C7847/24,0)+1,1))-1)+IF('Standard Profiles'!$G$18=$B$10,7,0)+IF('Standard Profiles'!$G$18=$B$17,14,0)+IF('Standard Profiles'!$G$18=$B$24,21,0),0)),0)</f>
        <v>15.570070581426382</v>
      </c>
      <c r="E7847" cm="1">
        <f t="array" ref="E7847">IFERROR(INDEX(Jesper!AI$2:AI$366,ROUNDDOWN($C7847/24,0)+1,1)*INDEX($D$3:$AA$30,INDEX(Jesper!$R$2:$R$366,ROW(INDEX(Jesper!AI$2:AI$366,ROUNDDOWN($C7847/24,0)+1,1))-1)+IF('Standard Profiles'!$G$19=$B$10,7,0)+IF('Standard Profiles'!$G$19=$B$17,14,0)+IF('Standard Profiles'!$G$19=$B$24,21,0),MOD($C7847,24)+1)/SUM(INDEX($D$3:$AA$30,INDEX(Jesper!$R$2:$R$366,ROW(INDEX(Jesper!AI$2:AI$366,ROUNDDOWN($C7847/24,0)+1,1))-1)+IF('Standard Profiles'!$G$19=$B$10,7,0)+IF('Standard Profiles'!$G$19=$B$17,14,0)+IF('Standard Profiles'!$G$19=$B$24,21,0),0)),0)</f>
        <v>0</v>
      </c>
      <c r="F7847" cm="1">
        <f t="array" ref="F7847">IFERROR(INDEX(Jesper!AJ$2:AJ$366,ROUNDDOWN($C7847/24,0)+1,1)*INDEX($D$3:$AA$30,INDEX(Jesper!$R$2:$R$366,ROW(INDEX(Jesper!AJ$2:AJ$366,ROUNDDOWN($C7847/24,0)+1,1))-1)+IF('Standard Profiles'!$G$20=$B$10,7,0)+IF('Standard Profiles'!$G$20=$B$17,14,0)+IF('Standard Profiles'!$G$20=$B$24,21,0),MOD($C7847,24)+1)/SUM(INDEX($D$3:$AA$30,INDEX(Jesper!$R$2:$R$366,ROW(INDEX(Jesper!AJ$2:AJ$366,ROUNDDOWN($C7847/24,0)+1,1))-1)+IF('Standard Profiles'!$G$20=$B$10,7,0)+IF('Standard Profiles'!$G$20=$B$17,14,0)+IF('Standard Profiles'!$G$20=$B$24,21,0),0)),0)</f>
        <v>0</v>
      </c>
      <c r="G7847" cm="1">
        <f t="array" ref="G7847">IFERROR(INDEX(Jesper!AK$2:AK$366,ROUNDDOWN($C7847/24,0)+1,1)*INDEX($D$3:$AA$30,INDEX(Jesper!$R$2:$R$366,ROW(INDEX(Jesper!AK$2:AK$366,ROUNDDOWN($C7847/24,0)+1,1))-1)+IF('Standard Profiles'!$G$21=$B$10,7,0)+IF('Standard Profiles'!$G$21=$B$17,14,0)+IF('Standard Profiles'!$G$21=$B$24,21,0),MOD($C7847,24)+1)/SUM(INDEX($D$3:$AA$30,INDEX(Jesper!$R$2:$R$366,ROW(INDEX(Jesper!AK$2:AK$366,ROUNDDOWN($C7847/24,0)+1,1))-1)+IF('Standard Profiles'!$G$21=$B$10,7,0)+IF('Standard Profiles'!$G$21=$B$17,14,0)+IF('Standard Profiles'!$G$21=$B$24,21,0),0)),0)</f>
        <v>0</v>
      </c>
      <c r="H7847" cm="1">
        <f t="array" ref="H7847">IFERROR(INDEX(Jesper!AL$2:AL$366,ROUNDDOWN($C7847/24,0)+1,1)*INDEX($D$3:$AA$30,INDEX(Jesper!$R$2:$R$366,ROW(INDEX(Jesper!AL$2:AL$366,ROUNDDOWN($C7847/24,0)+1,1))-1)+IF('Standard Profiles'!$G$22=$B$10,7,0)+IF('Standard Profiles'!$G$22=$B$17,14,0)+IF('Standard Profiles'!$G$22=$B$24,21,0),MOD($C7847,24)+1)/SUM(INDEX($D$3:$AA$30,INDEX(Jesper!$R$2:$R$366,ROW(INDEX(Jesper!AL$2:AL$366,ROUNDDOWN($C7847/24,0)+1,1))-1)+IF('Standard Profiles'!$G$22=$B$10,7,0)+IF('Standard Profiles'!$G$22=$B$17,14,0)+IF('Standard Profiles'!$G$22=$B$24,21,0),0)),0)</f>
        <v>0</v>
      </c>
      <c r="I7847">
        <f t="shared" si="874"/>
        <v>0.46710211744279145</v>
      </c>
      <c r="J7847">
        <f t="shared" si="875"/>
        <v>1.5570070581426383</v>
      </c>
      <c r="K7847">
        <f t="shared" si="876"/>
        <v>2.3355105872139572</v>
      </c>
      <c r="L7847">
        <f t="shared" si="877"/>
        <v>11.210450818626995</v>
      </c>
      <c r="M7847">
        <f t="shared" si="878"/>
        <v>0</v>
      </c>
      <c r="N7847" s="46">
        <f t="shared" si="879"/>
        <v>45617.541666647718</v>
      </c>
    </row>
    <row r="7848" spans="2:14" x14ac:dyDescent="0.3">
      <c r="B7848">
        <f t="shared" si="873"/>
        <v>4</v>
      </c>
      <c r="C7848" s="16">
        <v>7814</v>
      </c>
      <c r="D7848" cm="1">
        <f t="array" ref="D7848">IFERROR(INDEX(Jesper!AH$2:AH$366,ROUNDDOWN($C7848/24,0)+1,1)*INDEX($D$3:$AA$30,INDEX(Jesper!$R$2:$R$366,ROW(INDEX(Jesper!AH$2:AH$366,ROUNDDOWN($C7848/24,0)+1,1))-1)+IF('Standard Profiles'!$G$18=$B$10,7,0)+IF('Standard Profiles'!$G$18=$B$17,14,0)+IF('Standard Profiles'!$G$18=$B$24,21,0),MOD($C7848,24)+1)/SUM(INDEX($D$3:$AA$30,INDEX(Jesper!$R$2:$R$366,ROW(INDEX(Jesper!AH$2:AH$366,ROUNDDOWN($C7848/24,0)+1,1))-1)+IF('Standard Profiles'!$G$18=$B$10,7,0)+IF('Standard Profiles'!$G$18=$B$17,14,0)+IF('Standard Profiles'!$G$18=$B$24,21,0),0)),0)</f>
        <v>15.570070581426382</v>
      </c>
      <c r="E7848" cm="1">
        <f t="array" ref="E7848">IFERROR(INDEX(Jesper!AI$2:AI$366,ROUNDDOWN($C7848/24,0)+1,1)*INDEX($D$3:$AA$30,INDEX(Jesper!$R$2:$R$366,ROW(INDEX(Jesper!AI$2:AI$366,ROUNDDOWN($C7848/24,0)+1,1))-1)+IF('Standard Profiles'!$G$19=$B$10,7,0)+IF('Standard Profiles'!$G$19=$B$17,14,0)+IF('Standard Profiles'!$G$19=$B$24,21,0),MOD($C7848,24)+1)/SUM(INDEX($D$3:$AA$30,INDEX(Jesper!$R$2:$R$366,ROW(INDEX(Jesper!AI$2:AI$366,ROUNDDOWN($C7848/24,0)+1,1))-1)+IF('Standard Profiles'!$G$19=$B$10,7,0)+IF('Standard Profiles'!$G$19=$B$17,14,0)+IF('Standard Profiles'!$G$19=$B$24,21,0),0)),0)</f>
        <v>0</v>
      </c>
      <c r="F7848" cm="1">
        <f t="array" ref="F7848">IFERROR(INDEX(Jesper!AJ$2:AJ$366,ROUNDDOWN($C7848/24,0)+1,1)*INDEX($D$3:$AA$30,INDEX(Jesper!$R$2:$R$366,ROW(INDEX(Jesper!AJ$2:AJ$366,ROUNDDOWN($C7848/24,0)+1,1))-1)+IF('Standard Profiles'!$G$20=$B$10,7,0)+IF('Standard Profiles'!$G$20=$B$17,14,0)+IF('Standard Profiles'!$G$20=$B$24,21,0),MOD($C7848,24)+1)/SUM(INDEX($D$3:$AA$30,INDEX(Jesper!$R$2:$R$366,ROW(INDEX(Jesper!AJ$2:AJ$366,ROUNDDOWN($C7848/24,0)+1,1))-1)+IF('Standard Profiles'!$G$20=$B$10,7,0)+IF('Standard Profiles'!$G$20=$B$17,14,0)+IF('Standard Profiles'!$G$20=$B$24,21,0),0)),0)</f>
        <v>0</v>
      </c>
      <c r="G7848" cm="1">
        <f t="array" ref="G7848">IFERROR(INDEX(Jesper!AK$2:AK$366,ROUNDDOWN($C7848/24,0)+1,1)*INDEX($D$3:$AA$30,INDEX(Jesper!$R$2:$R$366,ROW(INDEX(Jesper!AK$2:AK$366,ROUNDDOWN($C7848/24,0)+1,1))-1)+IF('Standard Profiles'!$G$21=$B$10,7,0)+IF('Standard Profiles'!$G$21=$B$17,14,0)+IF('Standard Profiles'!$G$21=$B$24,21,0),MOD($C7848,24)+1)/SUM(INDEX($D$3:$AA$30,INDEX(Jesper!$R$2:$R$366,ROW(INDEX(Jesper!AK$2:AK$366,ROUNDDOWN($C7848/24,0)+1,1))-1)+IF('Standard Profiles'!$G$21=$B$10,7,0)+IF('Standard Profiles'!$G$21=$B$17,14,0)+IF('Standard Profiles'!$G$21=$B$24,21,0),0)),0)</f>
        <v>0</v>
      </c>
      <c r="H7848" cm="1">
        <f t="array" ref="H7848">IFERROR(INDEX(Jesper!AL$2:AL$366,ROUNDDOWN($C7848/24,0)+1,1)*INDEX($D$3:$AA$30,INDEX(Jesper!$R$2:$R$366,ROW(INDEX(Jesper!AL$2:AL$366,ROUNDDOWN($C7848/24,0)+1,1))-1)+IF('Standard Profiles'!$G$22=$B$10,7,0)+IF('Standard Profiles'!$G$22=$B$17,14,0)+IF('Standard Profiles'!$G$22=$B$24,21,0),MOD($C7848,24)+1)/SUM(INDEX($D$3:$AA$30,INDEX(Jesper!$R$2:$R$366,ROW(INDEX(Jesper!AL$2:AL$366,ROUNDDOWN($C7848/24,0)+1,1))-1)+IF('Standard Profiles'!$G$22=$B$10,7,0)+IF('Standard Profiles'!$G$22=$B$17,14,0)+IF('Standard Profiles'!$G$22=$B$24,21,0),0)),0)</f>
        <v>0</v>
      </c>
      <c r="I7848">
        <f t="shared" si="874"/>
        <v>0.46710211744279145</v>
      </c>
      <c r="J7848">
        <f t="shared" si="875"/>
        <v>1.5570070581426383</v>
      </c>
      <c r="K7848">
        <f t="shared" si="876"/>
        <v>2.3355105872139572</v>
      </c>
      <c r="L7848">
        <f t="shared" si="877"/>
        <v>11.210450818626995</v>
      </c>
      <c r="M7848">
        <f t="shared" si="878"/>
        <v>0</v>
      </c>
      <c r="N7848" s="46">
        <f t="shared" si="879"/>
        <v>45617.583333314382</v>
      </c>
    </row>
    <row r="7849" spans="2:14" x14ac:dyDescent="0.3">
      <c r="B7849">
        <f t="shared" si="873"/>
        <v>4</v>
      </c>
      <c r="C7849" s="16">
        <v>7815</v>
      </c>
      <c r="D7849" cm="1">
        <f t="array" ref="D7849">IFERROR(INDEX(Jesper!AH$2:AH$366,ROUNDDOWN($C7849/24,0)+1,1)*INDEX($D$3:$AA$30,INDEX(Jesper!$R$2:$R$366,ROW(INDEX(Jesper!AH$2:AH$366,ROUNDDOWN($C7849/24,0)+1,1))-1)+IF('Standard Profiles'!$G$18=$B$10,7,0)+IF('Standard Profiles'!$G$18=$B$17,14,0)+IF('Standard Profiles'!$G$18=$B$24,21,0),MOD($C7849,24)+1)/SUM(INDEX($D$3:$AA$30,INDEX(Jesper!$R$2:$R$366,ROW(INDEX(Jesper!AH$2:AH$366,ROUNDDOWN($C7849/24,0)+1,1))-1)+IF('Standard Profiles'!$G$18=$B$10,7,0)+IF('Standard Profiles'!$G$18=$B$17,14,0)+IF('Standard Profiles'!$G$18=$B$24,21,0),0)),0)</f>
        <v>15.570070581426382</v>
      </c>
      <c r="E7849" cm="1">
        <f t="array" ref="E7849">IFERROR(INDEX(Jesper!AI$2:AI$366,ROUNDDOWN($C7849/24,0)+1,1)*INDEX($D$3:$AA$30,INDEX(Jesper!$R$2:$R$366,ROW(INDEX(Jesper!AI$2:AI$366,ROUNDDOWN($C7849/24,0)+1,1))-1)+IF('Standard Profiles'!$G$19=$B$10,7,0)+IF('Standard Profiles'!$G$19=$B$17,14,0)+IF('Standard Profiles'!$G$19=$B$24,21,0),MOD($C7849,24)+1)/SUM(INDEX($D$3:$AA$30,INDEX(Jesper!$R$2:$R$366,ROW(INDEX(Jesper!AI$2:AI$366,ROUNDDOWN($C7849/24,0)+1,1))-1)+IF('Standard Profiles'!$G$19=$B$10,7,0)+IF('Standard Profiles'!$G$19=$B$17,14,0)+IF('Standard Profiles'!$G$19=$B$24,21,0),0)),0)</f>
        <v>0</v>
      </c>
      <c r="F7849" cm="1">
        <f t="array" ref="F7849">IFERROR(INDEX(Jesper!AJ$2:AJ$366,ROUNDDOWN($C7849/24,0)+1,1)*INDEX($D$3:$AA$30,INDEX(Jesper!$R$2:$R$366,ROW(INDEX(Jesper!AJ$2:AJ$366,ROUNDDOWN($C7849/24,0)+1,1))-1)+IF('Standard Profiles'!$G$20=$B$10,7,0)+IF('Standard Profiles'!$G$20=$B$17,14,0)+IF('Standard Profiles'!$G$20=$B$24,21,0),MOD($C7849,24)+1)/SUM(INDEX($D$3:$AA$30,INDEX(Jesper!$R$2:$R$366,ROW(INDEX(Jesper!AJ$2:AJ$366,ROUNDDOWN($C7849/24,0)+1,1))-1)+IF('Standard Profiles'!$G$20=$B$10,7,0)+IF('Standard Profiles'!$G$20=$B$17,14,0)+IF('Standard Profiles'!$G$20=$B$24,21,0),0)),0)</f>
        <v>0</v>
      </c>
      <c r="G7849" cm="1">
        <f t="array" ref="G7849">IFERROR(INDEX(Jesper!AK$2:AK$366,ROUNDDOWN($C7849/24,0)+1,1)*INDEX($D$3:$AA$30,INDEX(Jesper!$R$2:$R$366,ROW(INDEX(Jesper!AK$2:AK$366,ROUNDDOWN($C7849/24,0)+1,1))-1)+IF('Standard Profiles'!$G$21=$B$10,7,0)+IF('Standard Profiles'!$G$21=$B$17,14,0)+IF('Standard Profiles'!$G$21=$B$24,21,0),MOD($C7849,24)+1)/SUM(INDEX($D$3:$AA$30,INDEX(Jesper!$R$2:$R$366,ROW(INDEX(Jesper!AK$2:AK$366,ROUNDDOWN($C7849/24,0)+1,1))-1)+IF('Standard Profiles'!$G$21=$B$10,7,0)+IF('Standard Profiles'!$G$21=$B$17,14,0)+IF('Standard Profiles'!$G$21=$B$24,21,0),0)),0)</f>
        <v>0</v>
      </c>
      <c r="H7849" cm="1">
        <f t="array" ref="H7849">IFERROR(INDEX(Jesper!AL$2:AL$366,ROUNDDOWN($C7849/24,0)+1,1)*INDEX($D$3:$AA$30,INDEX(Jesper!$R$2:$R$366,ROW(INDEX(Jesper!AL$2:AL$366,ROUNDDOWN($C7849/24,0)+1,1))-1)+IF('Standard Profiles'!$G$22=$B$10,7,0)+IF('Standard Profiles'!$G$22=$B$17,14,0)+IF('Standard Profiles'!$G$22=$B$24,21,0),MOD($C7849,24)+1)/SUM(INDEX($D$3:$AA$30,INDEX(Jesper!$R$2:$R$366,ROW(INDEX(Jesper!AL$2:AL$366,ROUNDDOWN($C7849/24,0)+1,1))-1)+IF('Standard Profiles'!$G$22=$B$10,7,0)+IF('Standard Profiles'!$G$22=$B$17,14,0)+IF('Standard Profiles'!$G$22=$B$24,21,0),0)),0)</f>
        <v>0</v>
      </c>
      <c r="I7849">
        <f t="shared" si="874"/>
        <v>0.46710211744279145</v>
      </c>
      <c r="J7849">
        <f t="shared" si="875"/>
        <v>1.5570070581426383</v>
      </c>
      <c r="K7849">
        <f t="shared" si="876"/>
        <v>2.3355105872139572</v>
      </c>
      <c r="L7849">
        <f t="shared" si="877"/>
        <v>11.210450818626995</v>
      </c>
      <c r="M7849">
        <f t="shared" si="878"/>
        <v>0</v>
      </c>
      <c r="N7849" s="46">
        <f t="shared" si="879"/>
        <v>45617.624999981046</v>
      </c>
    </row>
    <row r="7850" spans="2:14" x14ac:dyDescent="0.3">
      <c r="B7850">
        <f t="shared" si="873"/>
        <v>4</v>
      </c>
      <c r="C7850" s="16">
        <v>7816</v>
      </c>
      <c r="D7850" cm="1">
        <f t="array" ref="D7850">IFERROR(INDEX(Jesper!AH$2:AH$366,ROUNDDOWN($C7850/24,0)+1,1)*INDEX($D$3:$AA$30,INDEX(Jesper!$R$2:$R$366,ROW(INDEX(Jesper!AH$2:AH$366,ROUNDDOWN($C7850/24,0)+1,1))-1)+IF('Standard Profiles'!$G$18=$B$10,7,0)+IF('Standard Profiles'!$G$18=$B$17,14,0)+IF('Standard Profiles'!$G$18=$B$24,21,0),MOD($C7850,24)+1)/SUM(INDEX($D$3:$AA$30,INDEX(Jesper!$R$2:$R$366,ROW(INDEX(Jesper!AH$2:AH$366,ROUNDDOWN($C7850/24,0)+1,1))-1)+IF('Standard Profiles'!$G$18=$B$10,7,0)+IF('Standard Profiles'!$G$18=$B$17,14,0)+IF('Standard Profiles'!$G$18=$B$24,21,0),0)),0)</f>
        <v>15.570070581426382</v>
      </c>
      <c r="E7850" cm="1">
        <f t="array" ref="E7850">IFERROR(INDEX(Jesper!AI$2:AI$366,ROUNDDOWN($C7850/24,0)+1,1)*INDEX($D$3:$AA$30,INDEX(Jesper!$R$2:$R$366,ROW(INDEX(Jesper!AI$2:AI$366,ROUNDDOWN($C7850/24,0)+1,1))-1)+IF('Standard Profiles'!$G$19=$B$10,7,0)+IF('Standard Profiles'!$G$19=$B$17,14,0)+IF('Standard Profiles'!$G$19=$B$24,21,0),MOD($C7850,24)+1)/SUM(INDEX($D$3:$AA$30,INDEX(Jesper!$R$2:$R$366,ROW(INDEX(Jesper!AI$2:AI$366,ROUNDDOWN($C7850/24,0)+1,1))-1)+IF('Standard Profiles'!$G$19=$B$10,7,0)+IF('Standard Profiles'!$G$19=$B$17,14,0)+IF('Standard Profiles'!$G$19=$B$24,21,0),0)),0)</f>
        <v>0</v>
      </c>
      <c r="F7850" cm="1">
        <f t="array" ref="F7850">IFERROR(INDEX(Jesper!AJ$2:AJ$366,ROUNDDOWN($C7850/24,0)+1,1)*INDEX($D$3:$AA$30,INDEX(Jesper!$R$2:$R$366,ROW(INDEX(Jesper!AJ$2:AJ$366,ROUNDDOWN($C7850/24,0)+1,1))-1)+IF('Standard Profiles'!$G$20=$B$10,7,0)+IF('Standard Profiles'!$G$20=$B$17,14,0)+IF('Standard Profiles'!$G$20=$B$24,21,0),MOD($C7850,24)+1)/SUM(INDEX($D$3:$AA$30,INDEX(Jesper!$R$2:$R$366,ROW(INDEX(Jesper!AJ$2:AJ$366,ROUNDDOWN($C7850/24,0)+1,1))-1)+IF('Standard Profiles'!$G$20=$B$10,7,0)+IF('Standard Profiles'!$G$20=$B$17,14,0)+IF('Standard Profiles'!$G$20=$B$24,21,0),0)),0)</f>
        <v>0</v>
      </c>
      <c r="G7850" cm="1">
        <f t="array" ref="G7850">IFERROR(INDEX(Jesper!AK$2:AK$366,ROUNDDOWN($C7850/24,0)+1,1)*INDEX($D$3:$AA$30,INDEX(Jesper!$R$2:$R$366,ROW(INDEX(Jesper!AK$2:AK$366,ROUNDDOWN($C7850/24,0)+1,1))-1)+IF('Standard Profiles'!$G$21=$B$10,7,0)+IF('Standard Profiles'!$G$21=$B$17,14,0)+IF('Standard Profiles'!$G$21=$B$24,21,0),MOD($C7850,24)+1)/SUM(INDEX($D$3:$AA$30,INDEX(Jesper!$R$2:$R$366,ROW(INDEX(Jesper!AK$2:AK$366,ROUNDDOWN($C7850/24,0)+1,1))-1)+IF('Standard Profiles'!$G$21=$B$10,7,0)+IF('Standard Profiles'!$G$21=$B$17,14,0)+IF('Standard Profiles'!$G$21=$B$24,21,0),0)),0)</f>
        <v>0</v>
      </c>
      <c r="H7850" cm="1">
        <f t="array" ref="H7850">IFERROR(INDEX(Jesper!AL$2:AL$366,ROUNDDOWN($C7850/24,0)+1,1)*INDEX($D$3:$AA$30,INDEX(Jesper!$R$2:$R$366,ROW(INDEX(Jesper!AL$2:AL$366,ROUNDDOWN($C7850/24,0)+1,1))-1)+IF('Standard Profiles'!$G$22=$B$10,7,0)+IF('Standard Profiles'!$G$22=$B$17,14,0)+IF('Standard Profiles'!$G$22=$B$24,21,0),MOD($C7850,24)+1)/SUM(INDEX($D$3:$AA$30,INDEX(Jesper!$R$2:$R$366,ROW(INDEX(Jesper!AL$2:AL$366,ROUNDDOWN($C7850/24,0)+1,1))-1)+IF('Standard Profiles'!$G$22=$B$10,7,0)+IF('Standard Profiles'!$G$22=$B$17,14,0)+IF('Standard Profiles'!$G$22=$B$24,21,0),0)),0)</f>
        <v>0</v>
      </c>
      <c r="I7850">
        <f t="shared" si="874"/>
        <v>0.46710211744279145</v>
      </c>
      <c r="J7850">
        <f t="shared" si="875"/>
        <v>1.5570070581426383</v>
      </c>
      <c r="K7850">
        <f t="shared" si="876"/>
        <v>2.3355105872139572</v>
      </c>
      <c r="L7850">
        <f t="shared" si="877"/>
        <v>11.210450818626995</v>
      </c>
      <c r="M7850">
        <f t="shared" si="878"/>
        <v>0</v>
      </c>
      <c r="N7850" s="46">
        <f t="shared" si="879"/>
        <v>45617.66666664771</v>
      </c>
    </row>
    <row r="7851" spans="2:14" x14ac:dyDescent="0.3">
      <c r="B7851">
        <f t="shared" si="873"/>
        <v>4</v>
      </c>
      <c r="C7851" s="16">
        <v>7817</v>
      </c>
      <c r="D7851" cm="1">
        <f t="array" ref="D7851">IFERROR(INDEX(Jesper!AH$2:AH$366,ROUNDDOWN($C7851/24,0)+1,1)*INDEX($D$3:$AA$30,INDEX(Jesper!$R$2:$R$366,ROW(INDEX(Jesper!AH$2:AH$366,ROUNDDOWN($C7851/24,0)+1,1))-1)+IF('Standard Profiles'!$G$18=$B$10,7,0)+IF('Standard Profiles'!$G$18=$B$17,14,0)+IF('Standard Profiles'!$G$18=$B$24,21,0),MOD($C7851,24)+1)/SUM(INDEX($D$3:$AA$30,INDEX(Jesper!$R$2:$R$366,ROW(INDEX(Jesper!AH$2:AH$366,ROUNDDOWN($C7851/24,0)+1,1))-1)+IF('Standard Profiles'!$G$18=$B$10,7,0)+IF('Standard Profiles'!$G$18=$B$17,14,0)+IF('Standard Profiles'!$G$18=$B$24,21,0),0)),0)</f>
        <v>15.570070581426382</v>
      </c>
      <c r="E7851" cm="1">
        <f t="array" ref="E7851">IFERROR(INDEX(Jesper!AI$2:AI$366,ROUNDDOWN($C7851/24,0)+1,1)*INDEX($D$3:$AA$30,INDEX(Jesper!$R$2:$R$366,ROW(INDEX(Jesper!AI$2:AI$366,ROUNDDOWN($C7851/24,0)+1,1))-1)+IF('Standard Profiles'!$G$19=$B$10,7,0)+IF('Standard Profiles'!$G$19=$B$17,14,0)+IF('Standard Profiles'!$G$19=$B$24,21,0),MOD($C7851,24)+1)/SUM(INDEX($D$3:$AA$30,INDEX(Jesper!$R$2:$R$366,ROW(INDEX(Jesper!AI$2:AI$366,ROUNDDOWN($C7851/24,0)+1,1))-1)+IF('Standard Profiles'!$G$19=$B$10,7,0)+IF('Standard Profiles'!$G$19=$B$17,14,0)+IF('Standard Profiles'!$G$19=$B$24,21,0),0)),0)</f>
        <v>0</v>
      </c>
      <c r="F7851" cm="1">
        <f t="array" ref="F7851">IFERROR(INDEX(Jesper!AJ$2:AJ$366,ROUNDDOWN($C7851/24,0)+1,1)*INDEX($D$3:$AA$30,INDEX(Jesper!$R$2:$R$366,ROW(INDEX(Jesper!AJ$2:AJ$366,ROUNDDOWN($C7851/24,0)+1,1))-1)+IF('Standard Profiles'!$G$20=$B$10,7,0)+IF('Standard Profiles'!$G$20=$B$17,14,0)+IF('Standard Profiles'!$G$20=$B$24,21,0),MOD($C7851,24)+1)/SUM(INDEX($D$3:$AA$30,INDEX(Jesper!$R$2:$R$366,ROW(INDEX(Jesper!AJ$2:AJ$366,ROUNDDOWN($C7851/24,0)+1,1))-1)+IF('Standard Profiles'!$G$20=$B$10,7,0)+IF('Standard Profiles'!$G$20=$B$17,14,0)+IF('Standard Profiles'!$G$20=$B$24,21,0),0)),0)</f>
        <v>0</v>
      </c>
      <c r="G7851" cm="1">
        <f t="array" ref="G7851">IFERROR(INDEX(Jesper!AK$2:AK$366,ROUNDDOWN($C7851/24,0)+1,1)*INDEX($D$3:$AA$30,INDEX(Jesper!$R$2:$R$366,ROW(INDEX(Jesper!AK$2:AK$366,ROUNDDOWN($C7851/24,0)+1,1))-1)+IF('Standard Profiles'!$G$21=$B$10,7,0)+IF('Standard Profiles'!$G$21=$B$17,14,0)+IF('Standard Profiles'!$G$21=$B$24,21,0),MOD($C7851,24)+1)/SUM(INDEX($D$3:$AA$30,INDEX(Jesper!$R$2:$R$366,ROW(INDEX(Jesper!AK$2:AK$366,ROUNDDOWN($C7851/24,0)+1,1))-1)+IF('Standard Profiles'!$G$21=$B$10,7,0)+IF('Standard Profiles'!$G$21=$B$17,14,0)+IF('Standard Profiles'!$G$21=$B$24,21,0),0)),0)</f>
        <v>0</v>
      </c>
      <c r="H7851" cm="1">
        <f t="array" ref="H7851">IFERROR(INDEX(Jesper!AL$2:AL$366,ROUNDDOWN($C7851/24,0)+1,1)*INDEX($D$3:$AA$30,INDEX(Jesper!$R$2:$R$366,ROW(INDEX(Jesper!AL$2:AL$366,ROUNDDOWN($C7851/24,0)+1,1))-1)+IF('Standard Profiles'!$G$22=$B$10,7,0)+IF('Standard Profiles'!$G$22=$B$17,14,0)+IF('Standard Profiles'!$G$22=$B$24,21,0),MOD($C7851,24)+1)/SUM(INDEX($D$3:$AA$30,INDEX(Jesper!$R$2:$R$366,ROW(INDEX(Jesper!AL$2:AL$366,ROUNDDOWN($C7851/24,0)+1,1))-1)+IF('Standard Profiles'!$G$22=$B$10,7,0)+IF('Standard Profiles'!$G$22=$B$17,14,0)+IF('Standard Profiles'!$G$22=$B$24,21,0),0)),0)</f>
        <v>0</v>
      </c>
      <c r="I7851">
        <f t="shared" si="874"/>
        <v>0.46710211744279145</v>
      </c>
      <c r="J7851">
        <f t="shared" si="875"/>
        <v>1.5570070581426383</v>
      </c>
      <c r="K7851">
        <f t="shared" si="876"/>
        <v>2.3355105872139572</v>
      </c>
      <c r="L7851">
        <f t="shared" si="877"/>
        <v>11.210450818626995</v>
      </c>
      <c r="M7851">
        <f t="shared" si="878"/>
        <v>0</v>
      </c>
      <c r="N7851" s="46">
        <f t="shared" si="879"/>
        <v>45617.708333314375</v>
      </c>
    </row>
    <row r="7852" spans="2:14" x14ac:dyDescent="0.3">
      <c r="B7852">
        <f t="shared" si="873"/>
        <v>4</v>
      </c>
      <c r="C7852" s="16">
        <v>7818</v>
      </c>
      <c r="D7852" cm="1">
        <f t="array" ref="D7852">IFERROR(INDEX(Jesper!AH$2:AH$366,ROUNDDOWN($C7852/24,0)+1,1)*INDEX($D$3:$AA$30,INDEX(Jesper!$R$2:$R$366,ROW(INDEX(Jesper!AH$2:AH$366,ROUNDDOWN($C7852/24,0)+1,1))-1)+IF('Standard Profiles'!$G$18=$B$10,7,0)+IF('Standard Profiles'!$G$18=$B$17,14,0)+IF('Standard Profiles'!$G$18=$B$24,21,0),MOD($C7852,24)+1)/SUM(INDEX($D$3:$AA$30,INDEX(Jesper!$R$2:$R$366,ROW(INDEX(Jesper!AH$2:AH$366,ROUNDDOWN($C7852/24,0)+1,1))-1)+IF('Standard Profiles'!$G$18=$B$10,7,0)+IF('Standard Profiles'!$G$18=$B$17,14,0)+IF('Standard Profiles'!$G$18=$B$24,21,0),0)),0)</f>
        <v>15.570070581426382</v>
      </c>
      <c r="E7852" cm="1">
        <f t="array" ref="E7852">IFERROR(INDEX(Jesper!AI$2:AI$366,ROUNDDOWN($C7852/24,0)+1,1)*INDEX($D$3:$AA$30,INDEX(Jesper!$R$2:$R$366,ROW(INDEX(Jesper!AI$2:AI$366,ROUNDDOWN($C7852/24,0)+1,1))-1)+IF('Standard Profiles'!$G$19=$B$10,7,0)+IF('Standard Profiles'!$G$19=$B$17,14,0)+IF('Standard Profiles'!$G$19=$B$24,21,0),MOD($C7852,24)+1)/SUM(INDEX($D$3:$AA$30,INDEX(Jesper!$R$2:$R$366,ROW(INDEX(Jesper!AI$2:AI$366,ROUNDDOWN($C7852/24,0)+1,1))-1)+IF('Standard Profiles'!$G$19=$B$10,7,0)+IF('Standard Profiles'!$G$19=$B$17,14,0)+IF('Standard Profiles'!$G$19=$B$24,21,0),0)),0)</f>
        <v>0</v>
      </c>
      <c r="F7852" cm="1">
        <f t="array" ref="F7852">IFERROR(INDEX(Jesper!AJ$2:AJ$366,ROUNDDOWN($C7852/24,0)+1,1)*INDEX($D$3:$AA$30,INDEX(Jesper!$R$2:$R$366,ROW(INDEX(Jesper!AJ$2:AJ$366,ROUNDDOWN($C7852/24,0)+1,1))-1)+IF('Standard Profiles'!$G$20=$B$10,7,0)+IF('Standard Profiles'!$G$20=$B$17,14,0)+IF('Standard Profiles'!$G$20=$B$24,21,0),MOD($C7852,24)+1)/SUM(INDEX($D$3:$AA$30,INDEX(Jesper!$R$2:$R$366,ROW(INDEX(Jesper!AJ$2:AJ$366,ROUNDDOWN($C7852/24,0)+1,1))-1)+IF('Standard Profiles'!$G$20=$B$10,7,0)+IF('Standard Profiles'!$G$20=$B$17,14,0)+IF('Standard Profiles'!$G$20=$B$24,21,0),0)),0)</f>
        <v>0</v>
      </c>
      <c r="G7852" cm="1">
        <f t="array" ref="G7852">IFERROR(INDEX(Jesper!AK$2:AK$366,ROUNDDOWN($C7852/24,0)+1,1)*INDEX($D$3:$AA$30,INDEX(Jesper!$R$2:$R$366,ROW(INDEX(Jesper!AK$2:AK$366,ROUNDDOWN($C7852/24,0)+1,1))-1)+IF('Standard Profiles'!$G$21=$B$10,7,0)+IF('Standard Profiles'!$G$21=$B$17,14,0)+IF('Standard Profiles'!$G$21=$B$24,21,0),MOD($C7852,24)+1)/SUM(INDEX($D$3:$AA$30,INDEX(Jesper!$R$2:$R$366,ROW(INDEX(Jesper!AK$2:AK$366,ROUNDDOWN($C7852/24,0)+1,1))-1)+IF('Standard Profiles'!$G$21=$B$10,7,0)+IF('Standard Profiles'!$G$21=$B$17,14,0)+IF('Standard Profiles'!$G$21=$B$24,21,0),0)),0)</f>
        <v>0</v>
      </c>
      <c r="H7852" cm="1">
        <f t="array" ref="H7852">IFERROR(INDEX(Jesper!AL$2:AL$366,ROUNDDOWN($C7852/24,0)+1,1)*INDEX($D$3:$AA$30,INDEX(Jesper!$R$2:$R$366,ROW(INDEX(Jesper!AL$2:AL$366,ROUNDDOWN($C7852/24,0)+1,1))-1)+IF('Standard Profiles'!$G$22=$B$10,7,0)+IF('Standard Profiles'!$G$22=$B$17,14,0)+IF('Standard Profiles'!$G$22=$B$24,21,0),MOD($C7852,24)+1)/SUM(INDEX($D$3:$AA$30,INDEX(Jesper!$R$2:$R$366,ROW(INDEX(Jesper!AL$2:AL$366,ROUNDDOWN($C7852/24,0)+1,1))-1)+IF('Standard Profiles'!$G$22=$B$10,7,0)+IF('Standard Profiles'!$G$22=$B$17,14,0)+IF('Standard Profiles'!$G$22=$B$24,21,0),0)),0)</f>
        <v>0</v>
      </c>
      <c r="I7852">
        <f t="shared" si="874"/>
        <v>0.46710211744279145</v>
      </c>
      <c r="J7852">
        <f t="shared" si="875"/>
        <v>1.5570070581426383</v>
      </c>
      <c r="K7852">
        <f t="shared" si="876"/>
        <v>2.3355105872139572</v>
      </c>
      <c r="L7852">
        <f t="shared" si="877"/>
        <v>11.210450818626995</v>
      </c>
      <c r="M7852">
        <f t="shared" si="878"/>
        <v>0</v>
      </c>
      <c r="N7852" s="46">
        <f t="shared" si="879"/>
        <v>45617.749999981039</v>
      </c>
    </row>
    <row r="7853" spans="2:14" x14ac:dyDescent="0.3">
      <c r="B7853">
        <f t="shared" si="873"/>
        <v>4</v>
      </c>
      <c r="C7853" s="16">
        <v>7819</v>
      </c>
      <c r="D7853" cm="1">
        <f t="array" ref="D7853">IFERROR(INDEX(Jesper!AH$2:AH$366,ROUNDDOWN($C7853/24,0)+1,1)*INDEX($D$3:$AA$30,INDEX(Jesper!$R$2:$R$366,ROW(INDEX(Jesper!AH$2:AH$366,ROUNDDOWN($C7853/24,0)+1,1))-1)+IF('Standard Profiles'!$G$18=$B$10,7,0)+IF('Standard Profiles'!$G$18=$B$17,14,0)+IF('Standard Profiles'!$G$18=$B$24,21,0),MOD($C7853,24)+1)/SUM(INDEX($D$3:$AA$30,INDEX(Jesper!$R$2:$R$366,ROW(INDEX(Jesper!AH$2:AH$366,ROUNDDOWN($C7853/24,0)+1,1))-1)+IF('Standard Profiles'!$G$18=$B$10,7,0)+IF('Standard Profiles'!$G$18=$B$17,14,0)+IF('Standard Profiles'!$G$18=$B$24,21,0),0)),0)</f>
        <v>12.97505881785532</v>
      </c>
      <c r="E7853" cm="1">
        <f t="array" ref="E7853">IFERROR(INDEX(Jesper!AI$2:AI$366,ROUNDDOWN($C7853/24,0)+1,1)*INDEX($D$3:$AA$30,INDEX(Jesper!$R$2:$R$366,ROW(INDEX(Jesper!AI$2:AI$366,ROUNDDOWN($C7853/24,0)+1,1))-1)+IF('Standard Profiles'!$G$19=$B$10,7,0)+IF('Standard Profiles'!$G$19=$B$17,14,0)+IF('Standard Profiles'!$G$19=$B$24,21,0),MOD($C7853,24)+1)/SUM(INDEX($D$3:$AA$30,INDEX(Jesper!$R$2:$R$366,ROW(INDEX(Jesper!AI$2:AI$366,ROUNDDOWN($C7853/24,0)+1,1))-1)+IF('Standard Profiles'!$G$19=$B$10,7,0)+IF('Standard Profiles'!$G$19=$B$17,14,0)+IF('Standard Profiles'!$G$19=$B$24,21,0),0)),0)</f>
        <v>0</v>
      </c>
      <c r="F7853" cm="1">
        <f t="array" ref="F7853">IFERROR(INDEX(Jesper!AJ$2:AJ$366,ROUNDDOWN($C7853/24,0)+1,1)*INDEX($D$3:$AA$30,INDEX(Jesper!$R$2:$R$366,ROW(INDEX(Jesper!AJ$2:AJ$366,ROUNDDOWN($C7853/24,0)+1,1))-1)+IF('Standard Profiles'!$G$20=$B$10,7,0)+IF('Standard Profiles'!$G$20=$B$17,14,0)+IF('Standard Profiles'!$G$20=$B$24,21,0),MOD($C7853,24)+1)/SUM(INDEX($D$3:$AA$30,INDEX(Jesper!$R$2:$R$366,ROW(INDEX(Jesper!AJ$2:AJ$366,ROUNDDOWN($C7853/24,0)+1,1))-1)+IF('Standard Profiles'!$G$20=$B$10,7,0)+IF('Standard Profiles'!$G$20=$B$17,14,0)+IF('Standard Profiles'!$G$20=$B$24,21,0),0)),0)</f>
        <v>0</v>
      </c>
      <c r="G7853" cm="1">
        <f t="array" ref="G7853">IFERROR(INDEX(Jesper!AK$2:AK$366,ROUNDDOWN($C7853/24,0)+1,1)*INDEX($D$3:$AA$30,INDEX(Jesper!$R$2:$R$366,ROW(INDEX(Jesper!AK$2:AK$366,ROUNDDOWN($C7853/24,0)+1,1))-1)+IF('Standard Profiles'!$G$21=$B$10,7,0)+IF('Standard Profiles'!$G$21=$B$17,14,0)+IF('Standard Profiles'!$G$21=$B$24,21,0),MOD($C7853,24)+1)/SUM(INDEX($D$3:$AA$30,INDEX(Jesper!$R$2:$R$366,ROW(INDEX(Jesper!AK$2:AK$366,ROUNDDOWN($C7853/24,0)+1,1))-1)+IF('Standard Profiles'!$G$21=$B$10,7,0)+IF('Standard Profiles'!$G$21=$B$17,14,0)+IF('Standard Profiles'!$G$21=$B$24,21,0),0)),0)</f>
        <v>0</v>
      </c>
      <c r="H7853" cm="1">
        <f t="array" ref="H7853">IFERROR(INDEX(Jesper!AL$2:AL$366,ROUNDDOWN($C7853/24,0)+1,1)*INDEX($D$3:$AA$30,INDEX(Jesper!$R$2:$R$366,ROW(INDEX(Jesper!AL$2:AL$366,ROUNDDOWN($C7853/24,0)+1,1))-1)+IF('Standard Profiles'!$G$22=$B$10,7,0)+IF('Standard Profiles'!$G$22=$B$17,14,0)+IF('Standard Profiles'!$G$22=$B$24,21,0),MOD($C7853,24)+1)/SUM(INDEX($D$3:$AA$30,INDEX(Jesper!$R$2:$R$366,ROW(INDEX(Jesper!AL$2:AL$366,ROUNDDOWN($C7853/24,0)+1,1))-1)+IF('Standard Profiles'!$G$22=$B$10,7,0)+IF('Standard Profiles'!$G$22=$B$17,14,0)+IF('Standard Profiles'!$G$22=$B$24,21,0),0)),0)</f>
        <v>0</v>
      </c>
      <c r="I7853">
        <f t="shared" si="874"/>
        <v>0.38925176453565957</v>
      </c>
      <c r="J7853">
        <f t="shared" si="875"/>
        <v>1.2975058817855321</v>
      </c>
      <c r="K7853">
        <f t="shared" si="876"/>
        <v>1.946258822678298</v>
      </c>
      <c r="L7853">
        <f t="shared" si="877"/>
        <v>9.3420423488558306</v>
      </c>
      <c r="M7853">
        <f t="shared" si="878"/>
        <v>0</v>
      </c>
      <c r="N7853" s="46">
        <f t="shared" si="879"/>
        <v>45617.791666647703</v>
      </c>
    </row>
    <row r="7854" spans="2:14" x14ac:dyDescent="0.3">
      <c r="B7854">
        <f t="shared" si="873"/>
        <v>4</v>
      </c>
      <c r="C7854" s="16">
        <v>7820</v>
      </c>
      <c r="D7854" cm="1">
        <f t="array" ref="D7854">IFERROR(INDEX(Jesper!AH$2:AH$366,ROUNDDOWN($C7854/24,0)+1,1)*INDEX($D$3:$AA$30,INDEX(Jesper!$R$2:$R$366,ROW(INDEX(Jesper!AH$2:AH$366,ROUNDDOWN($C7854/24,0)+1,1))-1)+IF('Standard Profiles'!$G$18=$B$10,7,0)+IF('Standard Profiles'!$G$18=$B$17,14,0)+IF('Standard Profiles'!$G$18=$B$24,21,0),MOD($C7854,24)+1)/SUM(INDEX($D$3:$AA$30,INDEX(Jesper!$R$2:$R$366,ROW(INDEX(Jesper!AH$2:AH$366,ROUNDDOWN($C7854/24,0)+1,1))-1)+IF('Standard Profiles'!$G$18=$B$10,7,0)+IF('Standard Profiles'!$G$18=$B$17,14,0)+IF('Standard Profiles'!$G$18=$B$24,21,0),0)),0)</f>
        <v>10.380047054284256</v>
      </c>
      <c r="E7854" cm="1">
        <f t="array" ref="E7854">IFERROR(INDEX(Jesper!AI$2:AI$366,ROUNDDOWN($C7854/24,0)+1,1)*INDEX($D$3:$AA$30,INDEX(Jesper!$R$2:$R$366,ROW(INDEX(Jesper!AI$2:AI$366,ROUNDDOWN($C7854/24,0)+1,1))-1)+IF('Standard Profiles'!$G$19=$B$10,7,0)+IF('Standard Profiles'!$G$19=$B$17,14,0)+IF('Standard Profiles'!$G$19=$B$24,21,0),MOD($C7854,24)+1)/SUM(INDEX($D$3:$AA$30,INDEX(Jesper!$R$2:$R$366,ROW(INDEX(Jesper!AI$2:AI$366,ROUNDDOWN($C7854/24,0)+1,1))-1)+IF('Standard Profiles'!$G$19=$B$10,7,0)+IF('Standard Profiles'!$G$19=$B$17,14,0)+IF('Standard Profiles'!$G$19=$B$24,21,0),0)),0)</f>
        <v>0</v>
      </c>
      <c r="F7854" cm="1">
        <f t="array" ref="F7854">IFERROR(INDEX(Jesper!AJ$2:AJ$366,ROUNDDOWN($C7854/24,0)+1,1)*INDEX($D$3:$AA$30,INDEX(Jesper!$R$2:$R$366,ROW(INDEX(Jesper!AJ$2:AJ$366,ROUNDDOWN($C7854/24,0)+1,1))-1)+IF('Standard Profiles'!$G$20=$B$10,7,0)+IF('Standard Profiles'!$G$20=$B$17,14,0)+IF('Standard Profiles'!$G$20=$B$24,21,0),MOD($C7854,24)+1)/SUM(INDEX($D$3:$AA$30,INDEX(Jesper!$R$2:$R$366,ROW(INDEX(Jesper!AJ$2:AJ$366,ROUNDDOWN($C7854/24,0)+1,1))-1)+IF('Standard Profiles'!$G$20=$B$10,7,0)+IF('Standard Profiles'!$G$20=$B$17,14,0)+IF('Standard Profiles'!$G$20=$B$24,21,0),0)),0)</f>
        <v>0</v>
      </c>
      <c r="G7854" cm="1">
        <f t="array" ref="G7854">IFERROR(INDEX(Jesper!AK$2:AK$366,ROUNDDOWN($C7854/24,0)+1,1)*INDEX($D$3:$AA$30,INDEX(Jesper!$R$2:$R$366,ROW(INDEX(Jesper!AK$2:AK$366,ROUNDDOWN($C7854/24,0)+1,1))-1)+IF('Standard Profiles'!$G$21=$B$10,7,0)+IF('Standard Profiles'!$G$21=$B$17,14,0)+IF('Standard Profiles'!$G$21=$B$24,21,0),MOD($C7854,24)+1)/SUM(INDEX($D$3:$AA$30,INDEX(Jesper!$R$2:$R$366,ROW(INDEX(Jesper!AK$2:AK$366,ROUNDDOWN($C7854/24,0)+1,1))-1)+IF('Standard Profiles'!$G$21=$B$10,7,0)+IF('Standard Profiles'!$G$21=$B$17,14,0)+IF('Standard Profiles'!$G$21=$B$24,21,0),0)),0)</f>
        <v>0</v>
      </c>
      <c r="H7854" cm="1">
        <f t="array" ref="H7854">IFERROR(INDEX(Jesper!AL$2:AL$366,ROUNDDOWN($C7854/24,0)+1,1)*INDEX($D$3:$AA$30,INDEX(Jesper!$R$2:$R$366,ROW(INDEX(Jesper!AL$2:AL$366,ROUNDDOWN($C7854/24,0)+1,1))-1)+IF('Standard Profiles'!$G$22=$B$10,7,0)+IF('Standard Profiles'!$G$22=$B$17,14,0)+IF('Standard Profiles'!$G$22=$B$24,21,0),MOD($C7854,24)+1)/SUM(INDEX($D$3:$AA$30,INDEX(Jesper!$R$2:$R$366,ROW(INDEX(Jesper!AL$2:AL$366,ROUNDDOWN($C7854/24,0)+1,1))-1)+IF('Standard Profiles'!$G$22=$B$10,7,0)+IF('Standard Profiles'!$G$22=$B$17,14,0)+IF('Standard Profiles'!$G$22=$B$24,21,0),0)),0)</f>
        <v>0</v>
      </c>
      <c r="I7854">
        <f t="shared" si="874"/>
        <v>0.31140141162852769</v>
      </c>
      <c r="J7854">
        <f t="shared" si="875"/>
        <v>1.0380047054284256</v>
      </c>
      <c r="K7854">
        <f t="shared" si="876"/>
        <v>1.5570070581426385</v>
      </c>
      <c r="L7854">
        <f t="shared" si="877"/>
        <v>7.4736338790846641</v>
      </c>
      <c r="M7854">
        <f t="shared" si="878"/>
        <v>0</v>
      </c>
      <c r="N7854" s="46">
        <f t="shared" si="879"/>
        <v>45617.833333314367</v>
      </c>
    </row>
    <row r="7855" spans="2:14" x14ac:dyDescent="0.3">
      <c r="B7855">
        <f t="shared" si="873"/>
        <v>4</v>
      </c>
      <c r="C7855" s="16">
        <v>7821</v>
      </c>
      <c r="D7855" cm="1">
        <f t="array" ref="D7855">IFERROR(INDEX(Jesper!AH$2:AH$366,ROUNDDOWN($C7855/24,0)+1,1)*INDEX($D$3:$AA$30,INDEX(Jesper!$R$2:$R$366,ROW(INDEX(Jesper!AH$2:AH$366,ROUNDDOWN($C7855/24,0)+1,1))-1)+IF('Standard Profiles'!$G$18=$B$10,7,0)+IF('Standard Profiles'!$G$18=$B$17,14,0)+IF('Standard Profiles'!$G$18=$B$24,21,0),MOD($C7855,24)+1)/SUM(INDEX($D$3:$AA$30,INDEX(Jesper!$R$2:$R$366,ROW(INDEX(Jesper!AH$2:AH$366,ROUNDDOWN($C7855/24,0)+1,1))-1)+IF('Standard Profiles'!$G$18=$B$10,7,0)+IF('Standard Profiles'!$G$18=$B$17,14,0)+IF('Standard Profiles'!$G$18=$B$24,21,0),0)),0)</f>
        <v>7.785035290713191</v>
      </c>
      <c r="E7855" cm="1">
        <f t="array" ref="E7855">IFERROR(INDEX(Jesper!AI$2:AI$366,ROUNDDOWN($C7855/24,0)+1,1)*INDEX($D$3:$AA$30,INDEX(Jesper!$R$2:$R$366,ROW(INDEX(Jesper!AI$2:AI$366,ROUNDDOWN($C7855/24,0)+1,1))-1)+IF('Standard Profiles'!$G$19=$B$10,7,0)+IF('Standard Profiles'!$G$19=$B$17,14,0)+IF('Standard Profiles'!$G$19=$B$24,21,0),MOD($C7855,24)+1)/SUM(INDEX($D$3:$AA$30,INDEX(Jesper!$R$2:$R$366,ROW(INDEX(Jesper!AI$2:AI$366,ROUNDDOWN($C7855/24,0)+1,1))-1)+IF('Standard Profiles'!$G$19=$B$10,7,0)+IF('Standard Profiles'!$G$19=$B$17,14,0)+IF('Standard Profiles'!$G$19=$B$24,21,0),0)),0)</f>
        <v>0</v>
      </c>
      <c r="F7855" cm="1">
        <f t="array" ref="F7855">IFERROR(INDEX(Jesper!AJ$2:AJ$366,ROUNDDOWN($C7855/24,0)+1,1)*INDEX($D$3:$AA$30,INDEX(Jesper!$R$2:$R$366,ROW(INDEX(Jesper!AJ$2:AJ$366,ROUNDDOWN($C7855/24,0)+1,1))-1)+IF('Standard Profiles'!$G$20=$B$10,7,0)+IF('Standard Profiles'!$G$20=$B$17,14,0)+IF('Standard Profiles'!$G$20=$B$24,21,0),MOD($C7855,24)+1)/SUM(INDEX($D$3:$AA$30,INDEX(Jesper!$R$2:$R$366,ROW(INDEX(Jesper!AJ$2:AJ$366,ROUNDDOWN($C7855/24,0)+1,1))-1)+IF('Standard Profiles'!$G$20=$B$10,7,0)+IF('Standard Profiles'!$G$20=$B$17,14,0)+IF('Standard Profiles'!$G$20=$B$24,21,0),0)),0)</f>
        <v>0</v>
      </c>
      <c r="G7855" cm="1">
        <f t="array" ref="G7855">IFERROR(INDEX(Jesper!AK$2:AK$366,ROUNDDOWN($C7855/24,0)+1,1)*INDEX($D$3:$AA$30,INDEX(Jesper!$R$2:$R$366,ROW(INDEX(Jesper!AK$2:AK$366,ROUNDDOWN($C7855/24,0)+1,1))-1)+IF('Standard Profiles'!$G$21=$B$10,7,0)+IF('Standard Profiles'!$G$21=$B$17,14,0)+IF('Standard Profiles'!$G$21=$B$24,21,0),MOD($C7855,24)+1)/SUM(INDEX($D$3:$AA$30,INDEX(Jesper!$R$2:$R$366,ROW(INDEX(Jesper!AK$2:AK$366,ROUNDDOWN($C7855/24,0)+1,1))-1)+IF('Standard Profiles'!$G$21=$B$10,7,0)+IF('Standard Profiles'!$G$21=$B$17,14,0)+IF('Standard Profiles'!$G$21=$B$24,21,0),0)),0)</f>
        <v>0</v>
      </c>
      <c r="H7855" cm="1">
        <f t="array" ref="H7855">IFERROR(INDEX(Jesper!AL$2:AL$366,ROUNDDOWN($C7855/24,0)+1,1)*INDEX($D$3:$AA$30,INDEX(Jesper!$R$2:$R$366,ROW(INDEX(Jesper!AL$2:AL$366,ROUNDDOWN($C7855/24,0)+1,1))-1)+IF('Standard Profiles'!$G$22=$B$10,7,0)+IF('Standard Profiles'!$G$22=$B$17,14,0)+IF('Standard Profiles'!$G$22=$B$24,21,0),MOD($C7855,24)+1)/SUM(INDEX($D$3:$AA$30,INDEX(Jesper!$R$2:$R$366,ROW(INDEX(Jesper!AL$2:AL$366,ROUNDDOWN($C7855/24,0)+1,1))-1)+IF('Standard Profiles'!$G$22=$B$10,7,0)+IF('Standard Profiles'!$G$22=$B$17,14,0)+IF('Standard Profiles'!$G$22=$B$24,21,0),0)),0)</f>
        <v>0</v>
      </c>
      <c r="I7855">
        <f t="shared" si="874"/>
        <v>0.23355105872139573</v>
      </c>
      <c r="J7855">
        <f t="shared" si="875"/>
        <v>0.77850352907131914</v>
      </c>
      <c r="K7855">
        <f t="shared" si="876"/>
        <v>1.1677552936069786</v>
      </c>
      <c r="L7855">
        <f t="shared" si="877"/>
        <v>5.6052254093134977</v>
      </c>
      <c r="M7855">
        <f t="shared" si="878"/>
        <v>0</v>
      </c>
      <c r="N7855" s="46">
        <f t="shared" si="879"/>
        <v>45617.874999981032</v>
      </c>
    </row>
    <row r="7856" spans="2:14" x14ac:dyDescent="0.3">
      <c r="B7856">
        <f t="shared" si="873"/>
        <v>4</v>
      </c>
      <c r="C7856" s="16">
        <v>7822</v>
      </c>
      <c r="D7856" cm="1">
        <f t="array" ref="D7856">IFERROR(INDEX(Jesper!AH$2:AH$366,ROUNDDOWN($C7856/24,0)+1,1)*INDEX($D$3:$AA$30,INDEX(Jesper!$R$2:$R$366,ROW(INDEX(Jesper!AH$2:AH$366,ROUNDDOWN($C7856/24,0)+1,1))-1)+IF('Standard Profiles'!$G$18=$B$10,7,0)+IF('Standard Profiles'!$G$18=$B$17,14,0)+IF('Standard Profiles'!$G$18=$B$24,21,0),MOD($C7856,24)+1)/SUM(INDEX($D$3:$AA$30,INDEX(Jesper!$R$2:$R$366,ROW(INDEX(Jesper!AH$2:AH$366,ROUNDDOWN($C7856/24,0)+1,1))-1)+IF('Standard Profiles'!$G$18=$B$10,7,0)+IF('Standard Profiles'!$G$18=$B$17,14,0)+IF('Standard Profiles'!$G$18=$B$24,21,0),0)),0)</f>
        <v>7.785035290713191</v>
      </c>
      <c r="E7856" cm="1">
        <f t="array" ref="E7856">IFERROR(INDEX(Jesper!AI$2:AI$366,ROUNDDOWN($C7856/24,0)+1,1)*INDEX($D$3:$AA$30,INDEX(Jesper!$R$2:$R$366,ROW(INDEX(Jesper!AI$2:AI$366,ROUNDDOWN($C7856/24,0)+1,1))-1)+IF('Standard Profiles'!$G$19=$B$10,7,0)+IF('Standard Profiles'!$G$19=$B$17,14,0)+IF('Standard Profiles'!$G$19=$B$24,21,0),MOD($C7856,24)+1)/SUM(INDEX($D$3:$AA$30,INDEX(Jesper!$R$2:$R$366,ROW(INDEX(Jesper!AI$2:AI$366,ROUNDDOWN($C7856/24,0)+1,1))-1)+IF('Standard Profiles'!$G$19=$B$10,7,0)+IF('Standard Profiles'!$G$19=$B$17,14,0)+IF('Standard Profiles'!$G$19=$B$24,21,0),0)),0)</f>
        <v>0</v>
      </c>
      <c r="F7856" cm="1">
        <f t="array" ref="F7856">IFERROR(INDEX(Jesper!AJ$2:AJ$366,ROUNDDOWN($C7856/24,0)+1,1)*INDEX($D$3:$AA$30,INDEX(Jesper!$R$2:$R$366,ROW(INDEX(Jesper!AJ$2:AJ$366,ROUNDDOWN($C7856/24,0)+1,1))-1)+IF('Standard Profiles'!$G$20=$B$10,7,0)+IF('Standard Profiles'!$G$20=$B$17,14,0)+IF('Standard Profiles'!$G$20=$B$24,21,0),MOD($C7856,24)+1)/SUM(INDEX($D$3:$AA$30,INDEX(Jesper!$R$2:$R$366,ROW(INDEX(Jesper!AJ$2:AJ$366,ROUNDDOWN($C7856/24,0)+1,1))-1)+IF('Standard Profiles'!$G$20=$B$10,7,0)+IF('Standard Profiles'!$G$20=$B$17,14,0)+IF('Standard Profiles'!$G$20=$B$24,21,0),0)),0)</f>
        <v>0</v>
      </c>
      <c r="G7856" cm="1">
        <f t="array" ref="G7856">IFERROR(INDEX(Jesper!AK$2:AK$366,ROUNDDOWN($C7856/24,0)+1,1)*INDEX($D$3:$AA$30,INDEX(Jesper!$R$2:$R$366,ROW(INDEX(Jesper!AK$2:AK$366,ROUNDDOWN($C7856/24,0)+1,1))-1)+IF('Standard Profiles'!$G$21=$B$10,7,0)+IF('Standard Profiles'!$G$21=$B$17,14,0)+IF('Standard Profiles'!$G$21=$B$24,21,0),MOD($C7856,24)+1)/SUM(INDEX($D$3:$AA$30,INDEX(Jesper!$R$2:$R$366,ROW(INDEX(Jesper!AK$2:AK$366,ROUNDDOWN($C7856/24,0)+1,1))-1)+IF('Standard Profiles'!$G$21=$B$10,7,0)+IF('Standard Profiles'!$G$21=$B$17,14,0)+IF('Standard Profiles'!$G$21=$B$24,21,0),0)),0)</f>
        <v>0</v>
      </c>
      <c r="H7856" cm="1">
        <f t="array" ref="H7856">IFERROR(INDEX(Jesper!AL$2:AL$366,ROUNDDOWN($C7856/24,0)+1,1)*INDEX($D$3:$AA$30,INDEX(Jesper!$R$2:$R$366,ROW(INDEX(Jesper!AL$2:AL$366,ROUNDDOWN($C7856/24,0)+1,1))-1)+IF('Standard Profiles'!$G$22=$B$10,7,0)+IF('Standard Profiles'!$G$22=$B$17,14,0)+IF('Standard Profiles'!$G$22=$B$24,21,0),MOD($C7856,24)+1)/SUM(INDEX($D$3:$AA$30,INDEX(Jesper!$R$2:$R$366,ROW(INDEX(Jesper!AL$2:AL$366,ROUNDDOWN($C7856/24,0)+1,1))-1)+IF('Standard Profiles'!$G$22=$B$10,7,0)+IF('Standard Profiles'!$G$22=$B$17,14,0)+IF('Standard Profiles'!$G$22=$B$24,21,0),0)),0)</f>
        <v>0</v>
      </c>
      <c r="I7856">
        <f t="shared" si="874"/>
        <v>0.23355105872139573</v>
      </c>
      <c r="J7856">
        <f t="shared" si="875"/>
        <v>0.77850352907131914</v>
      </c>
      <c r="K7856">
        <f t="shared" si="876"/>
        <v>1.1677552936069786</v>
      </c>
      <c r="L7856">
        <f t="shared" si="877"/>
        <v>5.6052254093134977</v>
      </c>
      <c r="M7856">
        <f t="shared" si="878"/>
        <v>0</v>
      </c>
      <c r="N7856" s="46">
        <f t="shared" si="879"/>
        <v>45617.916666647696</v>
      </c>
    </row>
    <row r="7857" spans="2:14" x14ac:dyDescent="0.3">
      <c r="B7857">
        <f t="shared" si="873"/>
        <v>4</v>
      </c>
      <c r="C7857" s="16">
        <v>7823</v>
      </c>
      <c r="D7857" cm="1">
        <f t="array" ref="D7857">IFERROR(INDEX(Jesper!AH$2:AH$366,ROUNDDOWN($C7857/24,0)+1,1)*INDEX($D$3:$AA$30,INDEX(Jesper!$R$2:$R$366,ROW(INDEX(Jesper!AH$2:AH$366,ROUNDDOWN($C7857/24,0)+1,1))-1)+IF('Standard Profiles'!$G$18=$B$10,7,0)+IF('Standard Profiles'!$G$18=$B$17,14,0)+IF('Standard Profiles'!$G$18=$B$24,21,0),MOD($C7857,24)+1)/SUM(INDEX($D$3:$AA$30,INDEX(Jesper!$R$2:$R$366,ROW(INDEX(Jesper!AH$2:AH$366,ROUNDDOWN($C7857/24,0)+1,1))-1)+IF('Standard Profiles'!$G$18=$B$10,7,0)+IF('Standard Profiles'!$G$18=$B$17,14,0)+IF('Standard Profiles'!$G$18=$B$24,21,0),0)),0)</f>
        <v>7.785035290713191</v>
      </c>
      <c r="E7857" cm="1">
        <f t="array" ref="E7857">IFERROR(INDEX(Jesper!AI$2:AI$366,ROUNDDOWN($C7857/24,0)+1,1)*INDEX($D$3:$AA$30,INDEX(Jesper!$R$2:$R$366,ROW(INDEX(Jesper!AI$2:AI$366,ROUNDDOWN($C7857/24,0)+1,1))-1)+IF('Standard Profiles'!$G$19=$B$10,7,0)+IF('Standard Profiles'!$G$19=$B$17,14,0)+IF('Standard Profiles'!$G$19=$B$24,21,0),MOD($C7857,24)+1)/SUM(INDEX($D$3:$AA$30,INDEX(Jesper!$R$2:$R$366,ROW(INDEX(Jesper!AI$2:AI$366,ROUNDDOWN($C7857/24,0)+1,1))-1)+IF('Standard Profiles'!$G$19=$B$10,7,0)+IF('Standard Profiles'!$G$19=$B$17,14,0)+IF('Standard Profiles'!$G$19=$B$24,21,0),0)),0)</f>
        <v>0</v>
      </c>
      <c r="F7857" cm="1">
        <f t="array" ref="F7857">IFERROR(INDEX(Jesper!AJ$2:AJ$366,ROUNDDOWN($C7857/24,0)+1,1)*INDEX($D$3:$AA$30,INDEX(Jesper!$R$2:$R$366,ROW(INDEX(Jesper!AJ$2:AJ$366,ROUNDDOWN($C7857/24,0)+1,1))-1)+IF('Standard Profiles'!$G$20=$B$10,7,0)+IF('Standard Profiles'!$G$20=$B$17,14,0)+IF('Standard Profiles'!$G$20=$B$24,21,0),MOD($C7857,24)+1)/SUM(INDEX($D$3:$AA$30,INDEX(Jesper!$R$2:$R$366,ROW(INDEX(Jesper!AJ$2:AJ$366,ROUNDDOWN($C7857/24,0)+1,1))-1)+IF('Standard Profiles'!$G$20=$B$10,7,0)+IF('Standard Profiles'!$G$20=$B$17,14,0)+IF('Standard Profiles'!$G$20=$B$24,21,0),0)),0)</f>
        <v>0</v>
      </c>
      <c r="G7857" cm="1">
        <f t="array" ref="G7857">IFERROR(INDEX(Jesper!AK$2:AK$366,ROUNDDOWN($C7857/24,0)+1,1)*INDEX($D$3:$AA$30,INDEX(Jesper!$R$2:$R$366,ROW(INDEX(Jesper!AK$2:AK$366,ROUNDDOWN($C7857/24,0)+1,1))-1)+IF('Standard Profiles'!$G$21=$B$10,7,0)+IF('Standard Profiles'!$G$21=$B$17,14,0)+IF('Standard Profiles'!$G$21=$B$24,21,0),MOD($C7857,24)+1)/SUM(INDEX($D$3:$AA$30,INDEX(Jesper!$R$2:$R$366,ROW(INDEX(Jesper!AK$2:AK$366,ROUNDDOWN($C7857/24,0)+1,1))-1)+IF('Standard Profiles'!$G$21=$B$10,7,0)+IF('Standard Profiles'!$G$21=$B$17,14,0)+IF('Standard Profiles'!$G$21=$B$24,21,0),0)),0)</f>
        <v>0</v>
      </c>
      <c r="H7857" cm="1">
        <f t="array" ref="H7857">IFERROR(INDEX(Jesper!AL$2:AL$366,ROUNDDOWN($C7857/24,0)+1,1)*INDEX($D$3:$AA$30,INDEX(Jesper!$R$2:$R$366,ROW(INDEX(Jesper!AL$2:AL$366,ROUNDDOWN($C7857/24,0)+1,1))-1)+IF('Standard Profiles'!$G$22=$B$10,7,0)+IF('Standard Profiles'!$G$22=$B$17,14,0)+IF('Standard Profiles'!$G$22=$B$24,21,0),MOD($C7857,24)+1)/SUM(INDEX($D$3:$AA$30,INDEX(Jesper!$R$2:$R$366,ROW(INDEX(Jesper!AL$2:AL$366,ROUNDDOWN($C7857/24,0)+1,1))-1)+IF('Standard Profiles'!$G$22=$B$10,7,0)+IF('Standard Profiles'!$G$22=$B$17,14,0)+IF('Standard Profiles'!$G$22=$B$24,21,0),0)),0)</f>
        <v>0</v>
      </c>
      <c r="I7857">
        <f t="shared" si="874"/>
        <v>0.23355105872139573</v>
      </c>
      <c r="J7857">
        <f t="shared" si="875"/>
        <v>0.77850352907131914</v>
      </c>
      <c r="K7857">
        <f t="shared" si="876"/>
        <v>1.1677552936069786</v>
      </c>
      <c r="L7857">
        <f t="shared" si="877"/>
        <v>5.6052254093134977</v>
      </c>
      <c r="M7857">
        <f t="shared" si="878"/>
        <v>0</v>
      </c>
      <c r="N7857" s="46">
        <f t="shared" si="879"/>
        <v>45617.95833331436</v>
      </c>
    </row>
    <row r="7858" spans="2:14" x14ac:dyDescent="0.3">
      <c r="B7858">
        <f t="shared" si="873"/>
        <v>5</v>
      </c>
      <c r="C7858" s="16">
        <v>7824</v>
      </c>
      <c r="D7858" cm="1">
        <f t="array" ref="D7858">IFERROR(INDEX(Jesper!AH$2:AH$366,ROUNDDOWN($C7858/24,0)+1,1)*INDEX($D$3:$AA$30,INDEX(Jesper!$R$2:$R$366,ROW(INDEX(Jesper!AH$2:AH$366,ROUNDDOWN($C7858/24,0)+1,1))-1)+IF('Standard Profiles'!$G$18=$B$10,7,0)+IF('Standard Profiles'!$G$18=$B$17,14,0)+IF('Standard Profiles'!$G$18=$B$24,21,0),MOD($C7858,24)+1)/SUM(INDEX($D$3:$AA$30,INDEX(Jesper!$R$2:$R$366,ROW(INDEX(Jesper!AH$2:AH$366,ROUNDDOWN($C7858/24,0)+1,1))-1)+IF('Standard Profiles'!$G$18=$B$10,7,0)+IF('Standard Profiles'!$G$18=$B$17,14,0)+IF('Standard Profiles'!$G$18=$B$24,21,0),0)),0)</f>
        <v>8.4760625777203167</v>
      </c>
      <c r="E7858" cm="1">
        <f t="array" ref="E7858">IFERROR(INDEX(Jesper!AI$2:AI$366,ROUNDDOWN($C7858/24,0)+1,1)*INDEX($D$3:$AA$30,INDEX(Jesper!$R$2:$R$366,ROW(INDEX(Jesper!AI$2:AI$366,ROUNDDOWN($C7858/24,0)+1,1))-1)+IF('Standard Profiles'!$G$19=$B$10,7,0)+IF('Standard Profiles'!$G$19=$B$17,14,0)+IF('Standard Profiles'!$G$19=$B$24,21,0),MOD($C7858,24)+1)/SUM(INDEX($D$3:$AA$30,INDEX(Jesper!$R$2:$R$366,ROW(INDEX(Jesper!AI$2:AI$366,ROUNDDOWN($C7858/24,0)+1,1))-1)+IF('Standard Profiles'!$G$19=$B$10,7,0)+IF('Standard Profiles'!$G$19=$B$17,14,0)+IF('Standard Profiles'!$G$19=$B$24,21,0),0)),0)</f>
        <v>0</v>
      </c>
      <c r="F7858" cm="1">
        <f t="array" ref="F7858">IFERROR(INDEX(Jesper!AJ$2:AJ$366,ROUNDDOWN($C7858/24,0)+1,1)*INDEX($D$3:$AA$30,INDEX(Jesper!$R$2:$R$366,ROW(INDEX(Jesper!AJ$2:AJ$366,ROUNDDOWN($C7858/24,0)+1,1))-1)+IF('Standard Profiles'!$G$20=$B$10,7,0)+IF('Standard Profiles'!$G$20=$B$17,14,0)+IF('Standard Profiles'!$G$20=$B$24,21,0),MOD($C7858,24)+1)/SUM(INDEX($D$3:$AA$30,INDEX(Jesper!$R$2:$R$366,ROW(INDEX(Jesper!AJ$2:AJ$366,ROUNDDOWN($C7858/24,0)+1,1))-1)+IF('Standard Profiles'!$G$20=$B$10,7,0)+IF('Standard Profiles'!$G$20=$B$17,14,0)+IF('Standard Profiles'!$G$20=$B$24,21,0),0)),0)</f>
        <v>0</v>
      </c>
      <c r="G7858" cm="1">
        <f t="array" ref="G7858">IFERROR(INDEX(Jesper!AK$2:AK$366,ROUNDDOWN($C7858/24,0)+1,1)*INDEX($D$3:$AA$30,INDEX(Jesper!$R$2:$R$366,ROW(INDEX(Jesper!AK$2:AK$366,ROUNDDOWN($C7858/24,0)+1,1))-1)+IF('Standard Profiles'!$G$21=$B$10,7,0)+IF('Standard Profiles'!$G$21=$B$17,14,0)+IF('Standard Profiles'!$G$21=$B$24,21,0),MOD($C7858,24)+1)/SUM(INDEX($D$3:$AA$30,INDEX(Jesper!$R$2:$R$366,ROW(INDEX(Jesper!AK$2:AK$366,ROUNDDOWN($C7858/24,0)+1,1))-1)+IF('Standard Profiles'!$G$21=$B$10,7,0)+IF('Standard Profiles'!$G$21=$B$17,14,0)+IF('Standard Profiles'!$G$21=$B$24,21,0),0)),0)</f>
        <v>0</v>
      </c>
      <c r="H7858" cm="1">
        <f t="array" ref="H7858">IFERROR(INDEX(Jesper!AL$2:AL$366,ROUNDDOWN($C7858/24,0)+1,1)*INDEX($D$3:$AA$30,INDEX(Jesper!$R$2:$R$366,ROW(INDEX(Jesper!AL$2:AL$366,ROUNDDOWN($C7858/24,0)+1,1))-1)+IF('Standard Profiles'!$G$22=$B$10,7,0)+IF('Standard Profiles'!$G$22=$B$17,14,0)+IF('Standard Profiles'!$G$22=$B$24,21,0),MOD($C7858,24)+1)/SUM(INDEX($D$3:$AA$30,INDEX(Jesper!$R$2:$R$366,ROW(INDEX(Jesper!AL$2:AL$366,ROUNDDOWN($C7858/24,0)+1,1))-1)+IF('Standard Profiles'!$G$22=$B$10,7,0)+IF('Standard Profiles'!$G$22=$B$17,14,0)+IF('Standard Profiles'!$G$22=$B$24,21,0),0)),0)</f>
        <v>0</v>
      </c>
      <c r="I7858">
        <f t="shared" si="874"/>
        <v>0.25428187733160951</v>
      </c>
      <c r="J7858">
        <f t="shared" si="875"/>
        <v>0.84760625777203169</v>
      </c>
      <c r="K7858">
        <f t="shared" si="876"/>
        <v>1.2714093866580474</v>
      </c>
      <c r="L7858">
        <f t="shared" si="877"/>
        <v>6.1027650559586277</v>
      </c>
      <c r="M7858">
        <f t="shared" si="878"/>
        <v>0</v>
      </c>
      <c r="N7858" s="46">
        <f t="shared" si="879"/>
        <v>45617.999999981024</v>
      </c>
    </row>
    <row r="7859" spans="2:14" x14ac:dyDescent="0.3">
      <c r="B7859">
        <f t="shared" si="873"/>
        <v>5</v>
      </c>
      <c r="C7859" s="16">
        <v>7825</v>
      </c>
      <c r="D7859" cm="1">
        <f t="array" ref="D7859">IFERROR(INDEX(Jesper!AH$2:AH$366,ROUNDDOWN($C7859/24,0)+1,1)*INDEX($D$3:$AA$30,INDEX(Jesper!$R$2:$R$366,ROW(INDEX(Jesper!AH$2:AH$366,ROUNDDOWN($C7859/24,0)+1,1))-1)+IF('Standard Profiles'!$G$18=$B$10,7,0)+IF('Standard Profiles'!$G$18=$B$17,14,0)+IF('Standard Profiles'!$G$18=$B$24,21,0),MOD($C7859,24)+1)/SUM(INDEX($D$3:$AA$30,INDEX(Jesper!$R$2:$R$366,ROW(INDEX(Jesper!AH$2:AH$366,ROUNDDOWN($C7859/24,0)+1,1))-1)+IF('Standard Profiles'!$G$18=$B$10,7,0)+IF('Standard Profiles'!$G$18=$B$17,14,0)+IF('Standard Profiles'!$G$18=$B$24,21,0),0)),0)</f>
        <v>8.4760625777203167</v>
      </c>
      <c r="E7859" cm="1">
        <f t="array" ref="E7859">IFERROR(INDEX(Jesper!AI$2:AI$366,ROUNDDOWN($C7859/24,0)+1,1)*INDEX($D$3:$AA$30,INDEX(Jesper!$R$2:$R$366,ROW(INDEX(Jesper!AI$2:AI$366,ROUNDDOWN($C7859/24,0)+1,1))-1)+IF('Standard Profiles'!$G$19=$B$10,7,0)+IF('Standard Profiles'!$G$19=$B$17,14,0)+IF('Standard Profiles'!$G$19=$B$24,21,0),MOD($C7859,24)+1)/SUM(INDEX($D$3:$AA$30,INDEX(Jesper!$R$2:$R$366,ROW(INDEX(Jesper!AI$2:AI$366,ROUNDDOWN($C7859/24,0)+1,1))-1)+IF('Standard Profiles'!$G$19=$B$10,7,0)+IF('Standard Profiles'!$G$19=$B$17,14,0)+IF('Standard Profiles'!$G$19=$B$24,21,0),0)),0)</f>
        <v>0</v>
      </c>
      <c r="F7859" cm="1">
        <f t="array" ref="F7859">IFERROR(INDEX(Jesper!AJ$2:AJ$366,ROUNDDOWN($C7859/24,0)+1,1)*INDEX($D$3:$AA$30,INDEX(Jesper!$R$2:$R$366,ROW(INDEX(Jesper!AJ$2:AJ$366,ROUNDDOWN($C7859/24,0)+1,1))-1)+IF('Standard Profiles'!$G$20=$B$10,7,0)+IF('Standard Profiles'!$G$20=$B$17,14,0)+IF('Standard Profiles'!$G$20=$B$24,21,0),MOD($C7859,24)+1)/SUM(INDEX($D$3:$AA$30,INDEX(Jesper!$R$2:$R$366,ROW(INDEX(Jesper!AJ$2:AJ$366,ROUNDDOWN($C7859/24,0)+1,1))-1)+IF('Standard Profiles'!$G$20=$B$10,7,0)+IF('Standard Profiles'!$G$20=$B$17,14,0)+IF('Standard Profiles'!$G$20=$B$24,21,0),0)),0)</f>
        <v>0</v>
      </c>
      <c r="G7859" cm="1">
        <f t="array" ref="G7859">IFERROR(INDEX(Jesper!AK$2:AK$366,ROUNDDOWN($C7859/24,0)+1,1)*INDEX($D$3:$AA$30,INDEX(Jesper!$R$2:$R$366,ROW(INDEX(Jesper!AK$2:AK$366,ROUNDDOWN($C7859/24,0)+1,1))-1)+IF('Standard Profiles'!$G$21=$B$10,7,0)+IF('Standard Profiles'!$G$21=$B$17,14,0)+IF('Standard Profiles'!$G$21=$B$24,21,0),MOD($C7859,24)+1)/SUM(INDEX($D$3:$AA$30,INDEX(Jesper!$R$2:$R$366,ROW(INDEX(Jesper!AK$2:AK$366,ROUNDDOWN($C7859/24,0)+1,1))-1)+IF('Standard Profiles'!$G$21=$B$10,7,0)+IF('Standard Profiles'!$G$21=$B$17,14,0)+IF('Standard Profiles'!$G$21=$B$24,21,0),0)),0)</f>
        <v>0</v>
      </c>
      <c r="H7859" cm="1">
        <f t="array" ref="H7859">IFERROR(INDEX(Jesper!AL$2:AL$366,ROUNDDOWN($C7859/24,0)+1,1)*INDEX($D$3:$AA$30,INDEX(Jesper!$R$2:$R$366,ROW(INDEX(Jesper!AL$2:AL$366,ROUNDDOWN($C7859/24,0)+1,1))-1)+IF('Standard Profiles'!$G$22=$B$10,7,0)+IF('Standard Profiles'!$G$22=$B$17,14,0)+IF('Standard Profiles'!$G$22=$B$24,21,0),MOD($C7859,24)+1)/SUM(INDEX($D$3:$AA$30,INDEX(Jesper!$R$2:$R$366,ROW(INDEX(Jesper!AL$2:AL$366,ROUNDDOWN($C7859/24,0)+1,1))-1)+IF('Standard Profiles'!$G$22=$B$10,7,0)+IF('Standard Profiles'!$G$22=$B$17,14,0)+IF('Standard Profiles'!$G$22=$B$24,21,0),0)),0)</f>
        <v>0</v>
      </c>
      <c r="I7859">
        <f t="shared" si="874"/>
        <v>0.25428187733160951</v>
      </c>
      <c r="J7859">
        <f t="shared" si="875"/>
        <v>0.84760625777203169</v>
      </c>
      <c r="K7859">
        <f t="shared" si="876"/>
        <v>1.2714093866580474</v>
      </c>
      <c r="L7859">
        <f t="shared" si="877"/>
        <v>6.1027650559586277</v>
      </c>
      <c r="M7859">
        <f t="shared" si="878"/>
        <v>0</v>
      </c>
      <c r="N7859" s="46">
        <f t="shared" si="879"/>
        <v>45618.041666647689</v>
      </c>
    </row>
    <row r="7860" spans="2:14" x14ac:dyDescent="0.3">
      <c r="B7860">
        <f t="shared" si="873"/>
        <v>5</v>
      </c>
      <c r="C7860" s="16">
        <v>7826</v>
      </c>
      <c r="D7860" cm="1">
        <f t="array" ref="D7860">IFERROR(INDEX(Jesper!AH$2:AH$366,ROUNDDOWN($C7860/24,0)+1,1)*INDEX($D$3:$AA$30,INDEX(Jesper!$R$2:$R$366,ROW(INDEX(Jesper!AH$2:AH$366,ROUNDDOWN($C7860/24,0)+1,1))-1)+IF('Standard Profiles'!$G$18=$B$10,7,0)+IF('Standard Profiles'!$G$18=$B$17,14,0)+IF('Standard Profiles'!$G$18=$B$24,21,0),MOD($C7860,24)+1)/SUM(INDEX($D$3:$AA$30,INDEX(Jesper!$R$2:$R$366,ROW(INDEX(Jesper!AH$2:AH$366,ROUNDDOWN($C7860/24,0)+1,1))-1)+IF('Standard Profiles'!$G$18=$B$10,7,0)+IF('Standard Profiles'!$G$18=$B$17,14,0)+IF('Standard Profiles'!$G$18=$B$24,21,0),0)),0)</f>
        <v>8.4760625777203167</v>
      </c>
      <c r="E7860" cm="1">
        <f t="array" ref="E7860">IFERROR(INDEX(Jesper!AI$2:AI$366,ROUNDDOWN($C7860/24,0)+1,1)*INDEX($D$3:$AA$30,INDEX(Jesper!$R$2:$R$366,ROW(INDEX(Jesper!AI$2:AI$366,ROUNDDOWN($C7860/24,0)+1,1))-1)+IF('Standard Profiles'!$G$19=$B$10,7,0)+IF('Standard Profiles'!$G$19=$B$17,14,0)+IF('Standard Profiles'!$G$19=$B$24,21,0),MOD($C7860,24)+1)/SUM(INDEX($D$3:$AA$30,INDEX(Jesper!$R$2:$R$366,ROW(INDEX(Jesper!AI$2:AI$366,ROUNDDOWN($C7860/24,0)+1,1))-1)+IF('Standard Profiles'!$G$19=$B$10,7,0)+IF('Standard Profiles'!$G$19=$B$17,14,0)+IF('Standard Profiles'!$G$19=$B$24,21,0),0)),0)</f>
        <v>0</v>
      </c>
      <c r="F7860" cm="1">
        <f t="array" ref="F7860">IFERROR(INDEX(Jesper!AJ$2:AJ$366,ROUNDDOWN($C7860/24,0)+1,1)*INDEX($D$3:$AA$30,INDEX(Jesper!$R$2:$R$366,ROW(INDEX(Jesper!AJ$2:AJ$366,ROUNDDOWN($C7860/24,0)+1,1))-1)+IF('Standard Profiles'!$G$20=$B$10,7,0)+IF('Standard Profiles'!$G$20=$B$17,14,0)+IF('Standard Profiles'!$G$20=$B$24,21,0),MOD($C7860,24)+1)/SUM(INDEX($D$3:$AA$30,INDEX(Jesper!$R$2:$R$366,ROW(INDEX(Jesper!AJ$2:AJ$366,ROUNDDOWN($C7860/24,0)+1,1))-1)+IF('Standard Profiles'!$G$20=$B$10,7,0)+IF('Standard Profiles'!$G$20=$B$17,14,0)+IF('Standard Profiles'!$G$20=$B$24,21,0),0)),0)</f>
        <v>0</v>
      </c>
      <c r="G7860" cm="1">
        <f t="array" ref="G7860">IFERROR(INDEX(Jesper!AK$2:AK$366,ROUNDDOWN($C7860/24,0)+1,1)*INDEX($D$3:$AA$30,INDEX(Jesper!$R$2:$R$366,ROW(INDEX(Jesper!AK$2:AK$366,ROUNDDOWN($C7860/24,0)+1,1))-1)+IF('Standard Profiles'!$G$21=$B$10,7,0)+IF('Standard Profiles'!$G$21=$B$17,14,0)+IF('Standard Profiles'!$G$21=$B$24,21,0),MOD($C7860,24)+1)/SUM(INDEX($D$3:$AA$30,INDEX(Jesper!$R$2:$R$366,ROW(INDEX(Jesper!AK$2:AK$366,ROUNDDOWN($C7860/24,0)+1,1))-1)+IF('Standard Profiles'!$G$21=$B$10,7,0)+IF('Standard Profiles'!$G$21=$B$17,14,0)+IF('Standard Profiles'!$G$21=$B$24,21,0),0)),0)</f>
        <v>0</v>
      </c>
      <c r="H7860" cm="1">
        <f t="array" ref="H7860">IFERROR(INDEX(Jesper!AL$2:AL$366,ROUNDDOWN($C7860/24,0)+1,1)*INDEX($D$3:$AA$30,INDEX(Jesper!$R$2:$R$366,ROW(INDEX(Jesper!AL$2:AL$366,ROUNDDOWN($C7860/24,0)+1,1))-1)+IF('Standard Profiles'!$G$22=$B$10,7,0)+IF('Standard Profiles'!$G$22=$B$17,14,0)+IF('Standard Profiles'!$G$22=$B$24,21,0),MOD($C7860,24)+1)/SUM(INDEX($D$3:$AA$30,INDEX(Jesper!$R$2:$R$366,ROW(INDEX(Jesper!AL$2:AL$366,ROUNDDOWN($C7860/24,0)+1,1))-1)+IF('Standard Profiles'!$G$22=$B$10,7,0)+IF('Standard Profiles'!$G$22=$B$17,14,0)+IF('Standard Profiles'!$G$22=$B$24,21,0),0)),0)</f>
        <v>0</v>
      </c>
      <c r="I7860">
        <f t="shared" si="874"/>
        <v>0.25428187733160951</v>
      </c>
      <c r="J7860">
        <f t="shared" si="875"/>
        <v>0.84760625777203169</v>
      </c>
      <c r="K7860">
        <f t="shared" si="876"/>
        <v>1.2714093866580474</v>
      </c>
      <c r="L7860">
        <f t="shared" si="877"/>
        <v>6.1027650559586277</v>
      </c>
      <c r="M7860">
        <f t="shared" si="878"/>
        <v>0</v>
      </c>
      <c r="N7860" s="46">
        <f t="shared" si="879"/>
        <v>45618.083333314353</v>
      </c>
    </row>
    <row r="7861" spans="2:14" x14ac:dyDescent="0.3">
      <c r="B7861">
        <f t="shared" si="873"/>
        <v>5</v>
      </c>
      <c r="C7861" s="16">
        <v>7827</v>
      </c>
      <c r="D7861" cm="1">
        <f t="array" ref="D7861">IFERROR(INDEX(Jesper!AH$2:AH$366,ROUNDDOWN($C7861/24,0)+1,1)*INDEX($D$3:$AA$30,INDEX(Jesper!$R$2:$R$366,ROW(INDEX(Jesper!AH$2:AH$366,ROUNDDOWN($C7861/24,0)+1,1))-1)+IF('Standard Profiles'!$G$18=$B$10,7,0)+IF('Standard Profiles'!$G$18=$B$17,14,0)+IF('Standard Profiles'!$G$18=$B$24,21,0),MOD($C7861,24)+1)/SUM(INDEX($D$3:$AA$30,INDEX(Jesper!$R$2:$R$366,ROW(INDEX(Jesper!AH$2:AH$366,ROUNDDOWN($C7861/24,0)+1,1))-1)+IF('Standard Profiles'!$G$18=$B$10,7,0)+IF('Standard Profiles'!$G$18=$B$17,14,0)+IF('Standard Profiles'!$G$18=$B$24,21,0),0)),0)</f>
        <v>8.4760625777203167</v>
      </c>
      <c r="E7861" cm="1">
        <f t="array" ref="E7861">IFERROR(INDEX(Jesper!AI$2:AI$366,ROUNDDOWN($C7861/24,0)+1,1)*INDEX($D$3:$AA$30,INDEX(Jesper!$R$2:$R$366,ROW(INDEX(Jesper!AI$2:AI$366,ROUNDDOWN($C7861/24,0)+1,1))-1)+IF('Standard Profiles'!$G$19=$B$10,7,0)+IF('Standard Profiles'!$G$19=$B$17,14,0)+IF('Standard Profiles'!$G$19=$B$24,21,0),MOD($C7861,24)+1)/SUM(INDEX($D$3:$AA$30,INDEX(Jesper!$R$2:$R$366,ROW(INDEX(Jesper!AI$2:AI$366,ROUNDDOWN($C7861/24,0)+1,1))-1)+IF('Standard Profiles'!$G$19=$B$10,7,0)+IF('Standard Profiles'!$G$19=$B$17,14,0)+IF('Standard Profiles'!$G$19=$B$24,21,0),0)),0)</f>
        <v>0</v>
      </c>
      <c r="F7861" cm="1">
        <f t="array" ref="F7861">IFERROR(INDEX(Jesper!AJ$2:AJ$366,ROUNDDOWN($C7861/24,0)+1,1)*INDEX($D$3:$AA$30,INDEX(Jesper!$R$2:$R$366,ROW(INDEX(Jesper!AJ$2:AJ$366,ROUNDDOWN($C7861/24,0)+1,1))-1)+IF('Standard Profiles'!$G$20=$B$10,7,0)+IF('Standard Profiles'!$G$20=$B$17,14,0)+IF('Standard Profiles'!$G$20=$B$24,21,0),MOD($C7861,24)+1)/SUM(INDEX($D$3:$AA$30,INDEX(Jesper!$R$2:$R$366,ROW(INDEX(Jesper!AJ$2:AJ$366,ROUNDDOWN($C7861/24,0)+1,1))-1)+IF('Standard Profiles'!$G$20=$B$10,7,0)+IF('Standard Profiles'!$G$20=$B$17,14,0)+IF('Standard Profiles'!$G$20=$B$24,21,0),0)),0)</f>
        <v>0</v>
      </c>
      <c r="G7861" cm="1">
        <f t="array" ref="G7861">IFERROR(INDEX(Jesper!AK$2:AK$366,ROUNDDOWN($C7861/24,0)+1,1)*INDEX($D$3:$AA$30,INDEX(Jesper!$R$2:$R$366,ROW(INDEX(Jesper!AK$2:AK$366,ROUNDDOWN($C7861/24,0)+1,1))-1)+IF('Standard Profiles'!$G$21=$B$10,7,0)+IF('Standard Profiles'!$G$21=$B$17,14,0)+IF('Standard Profiles'!$G$21=$B$24,21,0),MOD($C7861,24)+1)/SUM(INDEX($D$3:$AA$30,INDEX(Jesper!$R$2:$R$366,ROW(INDEX(Jesper!AK$2:AK$366,ROUNDDOWN($C7861/24,0)+1,1))-1)+IF('Standard Profiles'!$G$21=$B$10,7,0)+IF('Standard Profiles'!$G$21=$B$17,14,0)+IF('Standard Profiles'!$G$21=$B$24,21,0),0)),0)</f>
        <v>0</v>
      </c>
      <c r="H7861" cm="1">
        <f t="array" ref="H7861">IFERROR(INDEX(Jesper!AL$2:AL$366,ROUNDDOWN($C7861/24,0)+1,1)*INDEX($D$3:$AA$30,INDEX(Jesper!$R$2:$R$366,ROW(INDEX(Jesper!AL$2:AL$366,ROUNDDOWN($C7861/24,0)+1,1))-1)+IF('Standard Profiles'!$G$22=$B$10,7,0)+IF('Standard Profiles'!$G$22=$B$17,14,0)+IF('Standard Profiles'!$G$22=$B$24,21,0),MOD($C7861,24)+1)/SUM(INDEX($D$3:$AA$30,INDEX(Jesper!$R$2:$R$366,ROW(INDEX(Jesper!AL$2:AL$366,ROUNDDOWN($C7861/24,0)+1,1))-1)+IF('Standard Profiles'!$G$22=$B$10,7,0)+IF('Standard Profiles'!$G$22=$B$17,14,0)+IF('Standard Profiles'!$G$22=$B$24,21,0),0)),0)</f>
        <v>0</v>
      </c>
      <c r="I7861">
        <f t="shared" si="874"/>
        <v>0.25428187733160951</v>
      </c>
      <c r="J7861">
        <f t="shared" si="875"/>
        <v>0.84760625777203169</v>
      </c>
      <c r="K7861">
        <f t="shared" si="876"/>
        <v>1.2714093866580474</v>
      </c>
      <c r="L7861">
        <f t="shared" si="877"/>
        <v>6.1027650559586277</v>
      </c>
      <c r="M7861">
        <f t="shared" si="878"/>
        <v>0</v>
      </c>
      <c r="N7861" s="46">
        <f t="shared" si="879"/>
        <v>45618.124999981017</v>
      </c>
    </row>
    <row r="7862" spans="2:14" x14ac:dyDescent="0.3">
      <c r="B7862">
        <f t="shared" si="873"/>
        <v>5</v>
      </c>
      <c r="C7862" s="16">
        <v>7828</v>
      </c>
      <c r="D7862" cm="1">
        <f t="array" ref="D7862">IFERROR(INDEX(Jesper!AH$2:AH$366,ROUNDDOWN($C7862/24,0)+1,1)*INDEX($D$3:$AA$30,INDEX(Jesper!$R$2:$R$366,ROW(INDEX(Jesper!AH$2:AH$366,ROUNDDOWN($C7862/24,0)+1,1))-1)+IF('Standard Profiles'!$G$18=$B$10,7,0)+IF('Standard Profiles'!$G$18=$B$17,14,0)+IF('Standard Profiles'!$G$18=$B$24,21,0),MOD($C7862,24)+1)/SUM(INDEX($D$3:$AA$30,INDEX(Jesper!$R$2:$R$366,ROW(INDEX(Jesper!AH$2:AH$366,ROUNDDOWN($C7862/24,0)+1,1))-1)+IF('Standard Profiles'!$G$18=$B$10,7,0)+IF('Standard Profiles'!$G$18=$B$17,14,0)+IF('Standard Profiles'!$G$18=$B$24,21,0),0)),0)</f>
        <v>8.4760625777203167</v>
      </c>
      <c r="E7862" cm="1">
        <f t="array" ref="E7862">IFERROR(INDEX(Jesper!AI$2:AI$366,ROUNDDOWN($C7862/24,0)+1,1)*INDEX($D$3:$AA$30,INDEX(Jesper!$R$2:$R$366,ROW(INDEX(Jesper!AI$2:AI$366,ROUNDDOWN($C7862/24,0)+1,1))-1)+IF('Standard Profiles'!$G$19=$B$10,7,0)+IF('Standard Profiles'!$G$19=$B$17,14,0)+IF('Standard Profiles'!$G$19=$B$24,21,0),MOD($C7862,24)+1)/SUM(INDEX($D$3:$AA$30,INDEX(Jesper!$R$2:$R$366,ROW(INDEX(Jesper!AI$2:AI$366,ROUNDDOWN($C7862/24,0)+1,1))-1)+IF('Standard Profiles'!$G$19=$B$10,7,0)+IF('Standard Profiles'!$G$19=$B$17,14,0)+IF('Standard Profiles'!$G$19=$B$24,21,0),0)),0)</f>
        <v>0</v>
      </c>
      <c r="F7862" cm="1">
        <f t="array" ref="F7862">IFERROR(INDEX(Jesper!AJ$2:AJ$366,ROUNDDOWN($C7862/24,0)+1,1)*INDEX($D$3:$AA$30,INDEX(Jesper!$R$2:$R$366,ROW(INDEX(Jesper!AJ$2:AJ$366,ROUNDDOWN($C7862/24,0)+1,1))-1)+IF('Standard Profiles'!$G$20=$B$10,7,0)+IF('Standard Profiles'!$G$20=$B$17,14,0)+IF('Standard Profiles'!$G$20=$B$24,21,0),MOD($C7862,24)+1)/SUM(INDEX($D$3:$AA$30,INDEX(Jesper!$R$2:$R$366,ROW(INDEX(Jesper!AJ$2:AJ$366,ROUNDDOWN($C7862/24,0)+1,1))-1)+IF('Standard Profiles'!$G$20=$B$10,7,0)+IF('Standard Profiles'!$G$20=$B$17,14,0)+IF('Standard Profiles'!$G$20=$B$24,21,0),0)),0)</f>
        <v>0</v>
      </c>
      <c r="G7862" cm="1">
        <f t="array" ref="G7862">IFERROR(INDEX(Jesper!AK$2:AK$366,ROUNDDOWN($C7862/24,0)+1,1)*INDEX($D$3:$AA$30,INDEX(Jesper!$R$2:$R$366,ROW(INDEX(Jesper!AK$2:AK$366,ROUNDDOWN($C7862/24,0)+1,1))-1)+IF('Standard Profiles'!$G$21=$B$10,7,0)+IF('Standard Profiles'!$G$21=$B$17,14,0)+IF('Standard Profiles'!$G$21=$B$24,21,0),MOD($C7862,24)+1)/SUM(INDEX($D$3:$AA$30,INDEX(Jesper!$R$2:$R$366,ROW(INDEX(Jesper!AK$2:AK$366,ROUNDDOWN($C7862/24,0)+1,1))-1)+IF('Standard Profiles'!$G$21=$B$10,7,0)+IF('Standard Profiles'!$G$21=$B$17,14,0)+IF('Standard Profiles'!$G$21=$B$24,21,0),0)),0)</f>
        <v>0</v>
      </c>
      <c r="H7862" cm="1">
        <f t="array" ref="H7862">IFERROR(INDEX(Jesper!AL$2:AL$366,ROUNDDOWN($C7862/24,0)+1,1)*INDEX($D$3:$AA$30,INDEX(Jesper!$R$2:$R$366,ROW(INDEX(Jesper!AL$2:AL$366,ROUNDDOWN($C7862/24,0)+1,1))-1)+IF('Standard Profiles'!$G$22=$B$10,7,0)+IF('Standard Profiles'!$G$22=$B$17,14,0)+IF('Standard Profiles'!$G$22=$B$24,21,0),MOD($C7862,24)+1)/SUM(INDEX($D$3:$AA$30,INDEX(Jesper!$R$2:$R$366,ROW(INDEX(Jesper!AL$2:AL$366,ROUNDDOWN($C7862/24,0)+1,1))-1)+IF('Standard Profiles'!$G$22=$B$10,7,0)+IF('Standard Profiles'!$G$22=$B$17,14,0)+IF('Standard Profiles'!$G$22=$B$24,21,0),0)),0)</f>
        <v>0</v>
      </c>
      <c r="I7862">
        <f t="shared" si="874"/>
        <v>0.25428187733160951</v>
      </c>
      <c r="J7862">
        <f t="shared" si="875"/>
        <v>0.84760625777203169</v>
      </c>
      <c r="K7862">
        <f t="shared" si="876"/>
        <v>1.2714093866580474</v>
      </c>
      <c r="L7862">
        <f t="shared" si="877"/>
        <v>6.1027650559586277</v>
      </c>
      <c r="M7862">
        <f t="shared" si="878"/>
        <v>0</v>
      </c>
      <c r="N7862" s="46">
        <f t="shared" si="879"/>
        <v>45618.166666647681</v>
      </c>
    </row>
    <row r="7863" spans="2:14" x14ac:dyDescent="0.3">
      <c r="B7863">
        <f t="shared" si="873"/>
        <v>5</v>
      </c>
      <c r="C7863" s="16">
        <v>7829</v>
      </c>
      <c r="D7863" cm="1">
        <f t="array" ref="D7863">IFERROR(INDEX(Jesper!AH$2:AH$366,ROUNDDOWN($C7863/24,0)+1,1)*INDEX($D$3:$AA$30,INDEX(Jesper!$R$2:$R$366,ROW(INDEX(Jesper!AH$2:AH$366,ROUNDDOWN($C7863/24,0)+1,1))-1)+IF('Standard Profiles'!$G$18=$B$10,7,0)+IF('Standard Profiles'!$G$18=$B$17,14,0)+IF('Standard Profiles'!$G$18=$B$24,21,0),MOD($C7863,24)+1)/SUM(INDEX($D$3:$AA$30,INDEX(Jesper!$R$2:$R$366,ROW(INDEX(Jesper!AH$2:AH$366,ROUNDDOWN($C7863/24,0)+1,1))-1)+IF('Standard Profiles'!$G$18=$B$10,7,0)+IF('Standard Profiles'!$G$18=$B$17,14,0)+IF('Standard Profiles'!$G$18=$B$24,21,0),0)),0)</f>
        <v>10.924702877950629</v>
      </c>
      <c r="E7863" cm="1">
        <f t="array" ref="E7863">IFERROR(INDEX(Jesper!AI$2:AI$366,ROUNDDOWN($C7863/24,0)+1,1)*INDEX($D$3:$AA$30,INDEX(Jesper!$R$2:$R$366,ROW(INDEX(Jesper!AI$2:AI$366,ROUNDDOWN($C7863/24,0)+1,1))-1)+IF('Standard Profiles'!$G$19=$B$10,7,0)+IF('Standard Profiles'!$G$19=$B$17,14,0)+IF('Standard Profiles'!$G$19=$B$24,21,0),MOD($C7863,24)+1)/SUM(INDEX($D$3:$AA$30,INDEX(Jesper!$R$2:$R$366,ROW(INDEX(Jesper!AI$2:AI$366,ROUNDDOWN($C7863/24,0)+1,1))-1)+IF('Standard Profiles'!$G$19=$B$10,7,0)+IF('Standard Profiles'!$G$19=$B$17,14,0)+IF('Standard Profiles'!$G$19=$B$24,21,0),0)),0)</f>
        <v>0</v>
      </c>
      <c r="F7863" cm="1">
        <f t="array" ref="F7863">IFERROR(INDEX(Jesper!AJ$2:AJ$366,ROUNDDOWN($C7863/24,0)+1,1)*INDEX($D$3:$AA$30,INDEX(Jesper!$R$2:$R$366,ROW(INDEX(Jesper!AJ$2:AJ$366,ROUNDDOWN($C7863/24,0)+1,1))-1)+IF('Standard Profiles'!$G$20=$B$10,7,0)+IF('Standard Profiles'!$G$20=$B$17,14,0)+IF('Standard Profiles'!$G$20=$B$24,21,0),MOD($C7863,24)+1)/SUM(INDEX($D$3:$AA$30,INDEX(Jesper!$R$2:$R$366,ROW(INDEX(Jesper!AJ$2:AJ$366,ROUNDDOWN($C7863/24,0)+1,1))-1)+IF('Standard Profiles'!$G$20=$B$10,7,0)+IF('Standard Profiles'!$G$20=$B$17,14,0)+IF('Standard Profiles'!$G$20=$B$24,21,0),0)),0)</f>
        <v>0</v>
      </c>
      <c r="G7863" cm="1">
        <f t="array" ref="G7863">IFERROR(INDEX(Jesper!AK$2:AK$366,ROUNDDOWN($C7863/24,0)+1,1)*INDEX($D$3:$AA$30,INDEX(Jesper!$R$2:$R$366,ROW(INDEX(Jesper!AK$2:AK$366,ROUNDDOWN($C7863/24,0)+1,1))-1)+IF('Standard Profiles'!$G$21=$B$10,7,0)+IF('Standard Profiles'!$G$21=$B$17,14,0)+IF('Standard Profiles'!$G$21=$B$24,21,0),MOD($C7863,24)+1)/SUM(INDEX($D$3:$AA$30,INDEX(Jesper!$R$2:$R$366,ROW(INDEX(Jesper!AK$2:AK$366,ROUNDDOWN($C7863/24,0)+1,1))-1)+IF('Standard Profiles'!$G$21=$B$10,7,0)+IF('Standard Profiles'!$G$21=$B$17,14,0)+IF('Standard Profiles'!$G$21=$B$24,21,0),0)),0)</f>
        <v>0</v>
      </c>
      <c r="H7863" cm="1">
        <f t="array" ref="H7863">IFERROR(INDEX(Jesper!AL$2:AL$366,ROUNDDOWN($C7863/24,0)+1,1)*INDEX($D$3:$AA$30,INDEX(Jesper!$R$2:$R$366,ROW(INDEX(Jesper!AL$2:AL$366,ROUNDDOWN($C7863/24,0)+1,1))-1)+IF('Standard Profiles'!$G$22=$B$10,7,0)+IF('Standard Profiles'!$G$22=$B$17,14,0)+IF('Standard Profiles'!$G$22=$B$24,21,0),MOD($C7863,24)+1)/SUM(INDEX($D$3:$AA$30,INDEX(Jesper!$R$2:$R$366,ROW(INDEX(Jesper!AL$2:AL$366,ROUNDDOWN($C7863/24,0)+1,1))-1)+IF('Standard Profiles'!$G$22=$B$10,7,0)+IF('Standard Profiles'!$G$22=$B$17,14,0)+IF('Standard Profiles'!$G$22=$B$24,21,0),0)),0)</f>
        <v>0</v>
      </c>
      <c r="I7863">
        <f t="shared" si="874"/>
        <v>0.32774108633851889</v>
      </c>
      <c r="J7863">
        <f t="shared" si="875"/>
        <v>1.0924702877950629</v>
      </c>
      <c r="K7863">
        <f t="shared" si="876"/>
        <v>1.6387054316925944</v>
      </c>
      <c r="L7863">
        <f t="shared" si="877"/>
        <v>7.865786072124453</v>
      </c>
      <c r="M7863">
        <f t="shared" si="878"/>
        <v>0</v>
      </c>
      <c r="N7863" s="46">
        <f t="shared" si="879"/>
        <v>45618.208333314346</v>
      </c>
    </row>
    <row r="7864" spans="2:14" x14ac:dyDescent="0.3">
      <c r="B7864">
        <f t="shared" si="873"/>
        <v>5</v>
      </c>
      <c r="C7864" s="16">
        <v>7830</v>
      </c>
      <c r="D7864" cm="1">
        <f t="array" ref="D7864">IFERROR(INDEX(Jesper!AH$2:AH$366,ROUNDDOWN($C7864/24,0)+1,1)*INDEX($D$3:$AA$30,INDEX(Jesper!$R$2:$R$366,ROW(INDEX(Jesper!AH$2:AH$366,ROUNDDOWN($C7864/24,0)+1,1))-1)+IF('Standard Profiles'!$G$18=$B$10,7,0)+IF('Standard Profiles'!$G$18=$B$17,14,0)+IF('Standard Profiles'!$G$18=$B$24,21,0),MOD($C7864,24)+1)/SUM(INDEX($D$3:$AA$30,INDEX(Jesper!$R$2:$R$366,ROW(INDEX(Jesper!AH$2:AH$366,ROUNDDOWN($C7864/24,0)+1,1))-1)+IF('Standard Profiles'!$G$18=$B$10,7,0)+IF('Standard Profiles'!$G$18=$B$17,14,0)+IF('Standard Profiles'!$G$18=$B$24,21,0),0)),0)</f>
        <v>13.184986232009383</v>
      </c>
      <c r="E7864" cm="1">
        <f t="array" ref="E7864">IFERROR(INDEX(Jesper!AI$2:AI$366,ROUNDDOWN($C7864/24,0)+1,1)*INDEX($D$3:$AA$30,INDEX(Jesper!$R$2:$R$366,ROW(INDEX(Jesper!AI$2:AI$366,ROUNDDOWN($C7864/24,0)+1,1))-1)+IF('Standard Profiles'!$G$19=$B$10,7,0)+IF('Standard Profiles'!$G$19=$B$17,14,0)+IF('Standard Profiles'!$G$19=$B$24,21,0),MOD($C7864,24)+1)/SUM(INDEX($D$3:$AA$30,INDEX(Jesper!$R$2:$R$366,ROW(INDEX(Jesper!AI$2:AI$366,ROUNDDOWN($C7864/24,0)+1,1))-1)+IF('Standard Profiles'!$G$19=$B$10,7,0)+IF('Standard Profiles'!$G$19=$B$17,14,0)+IF('Standard Profiles'!$G$19=$B$24,21,0),0)),0)</f>
        <v>0</v>
      </c>
      <c r="F7864" cm="1">
        <f t="array" ref="F7864">IFERROR(INDEX(Jesper!AJ$2:AJ$366,ROUNDDOWN($C7864/24,0)+1,1)*INDEX($D$3:$AA$30,INDEX(Jesper!$R$2:$R$366,ROW(INDEX(Jesper!AJ$2:AJ$366,ROUNDDOWN($C7864/24,0)+1,1))-1)+IF('Standard Profiles'!$G$20=$B$10,7,0)+IF('Standard Profiles'!$G$20=$B$17,14,0)+IF('Standard Profiles'!$G$20=$B$24,21,0),MOD($C7864,24)+1)/SUM(INDEX($D$3:$AA$30,INDEX(Jesper!$R$2:$R$366,ROW(INDEX(Jesper!AJ$2:AJ$366,ROUNDDOWN($C7864/24,0)+1,1))-1)+IF('Standard Profiles'!$G$20=$B$10,7,0)+IF('Standard Profiles'!$G$20=$B$17,14,0)+IF('Standard Profiles'!$G$20=$B$24,21,0),0)),0)</f>
        <v>0</v>
      </c>
      <c r="G7864" cm="1">
        <f t="array" ref="G7864">IFERROR(INDEX(Jesper!AK$2:AK$366,ROUNDDOWN($C7864/24,0)+1,1)*INDEX($D$3:$AA$30,INDEX(Jesper!$R$2:$R$366,ROW(INDEX(Jesper!AK$2:AK$366,ROUNDDOWN($C7864/24,0)+1,1))-1)+IF('Standard Profiles'!$G$21=$B$10,7,0)+IF('Standard Profiles'!$G$21=$B$17,14,0)+IF('Standard Profiles'!$G$21=$B$24,21,0),MOD($C7864,24)+1)/SUM(INDEX($D$3:$AA$30,INDEX(Jesper!$R$2:$R$366,ROW(INDEX(Jesper!AK$2:AK$366,ROUNDDOWN($C7864/24,0)+1,1))-1)+IF('Standard Profiles'!$G$21=$B$10,7,0)+IF('Standard Profiles'!$G$21=$B$17,14,0)+IF('Standard Profiles'!$G$21=$B$24,21,0),0)),0)</f>
        <v>0</v>
      </c>
      <c r="H7864" cm="1">
        <f t="array" ref="H7864">IFERROR(INDEX(Jesper!AL$2:AL$366,ROUNDDOWN($C7864/24,0)+1,1)*INDEX($D$3:$AA$30,INDEX(Jesper!$R$2:$R$366,ROW(INDEX(Jesper!AL$2:AL$366,ROUNDDOWN($C7864/24,0)+1,1))-1)+IF('Standard Profiles'!$G$22=$B$10,7,0)+IF('Standard Profiles'!$G$22=$B$17,14,0)+IF('Standard Profiles'!$G$22=$B$24,21,0),MOD($C7864,24)+1)/SUM(INDEX($D$3:$AA$30,INDEX(Jesper!$R$2:$R$366,ROW(INDEX(Jesper!AL$2:AL$366,ROUNDDOWN($C7864/24,0)+1,1))-1)+IF('Standard Profiles'!$G$22=$B$10,7,0)+IF('Standard Profiles'!$G$22=$B$17,14,0)+IF('Standard Profiles'!$G$22=$B$24,21,0),0)),0)</f>
        <v>0</v>
      </c>
      <c r="I7864">
        <f t="shared" si="874"/>
        <v>0.39554958696028147</v>
      </c>
      <c r="J7864">
        <f t="shared" si="875"/>
        <v>1.3184986232009384</v>
      </c>
      <c r="K7864">
        <f t="shared" si="876"/>
        <v>1.9777479348014073</v>
      </c>
      <c r="L7864">
        <f t="shared" si="877"/>
        <v>9.4931900870467558</v>
      </c>
      <c r="M7864">
        <f t="shared" si="878"/>
        <v>0</v>
      </c>
      <c r="N7864" s="46">
        <f t="shared" si="879"/>
        <v>45618.24999998101</v>
      </c>
    </row>
    <row r="7865" spans="2:14" x14ac:dyDescent="0.3">
      <c r="B7865">
        <f t="shared" si="873"/>
        <v>5</v>
      </c>
      <c r="C7865" s="16">
        <v>7831</v>
      </c>
      <c r="D7865" cm="1">
        <f t="array" ref="D7865">IFERROR(INDEX(Jesper!AH$2:AH$366,ROUNDDOWN($C7865/24,0)+1,1)*INDEX($D$3:$AA$30,INDEX(Jesper!$R$2:$R$366,ROW(INDEX(Jesper!AH$2:AH$366,ROUNDDOWN($C7865/24,0)+1,1))-1)+IF('Standard Profiles'!$G$18=$B$10,7,0)+IF('Standard Profiles'!$G$18=$B$17,14,0)+IF('Standard Profiles'!$G$18=$B$24,21,0),MOD($C7865,24)+1)/SUM(INDEX($D$3:$AA$30,INDEX(Jesper!$R$2:$R$366,ROW(INDEX(Jesper!AH$2:AH$366,ROUNDDOWN($C7865/24,0)+1,1))-1)+IF('Standard Profiles'!$G$18=$B$10,7,0)+IF('Standard Profiles'!$G$18=$B$17,14,0)+IF('Standard Profiles'!$G$18=$B$24,21,0),0)),0)</f>
        <v>13.184986232009383</v>
      </c>
      <c r="E7865" cm="1">
        <f t="array" ref="E7865">IFERROR(INDEX(Jesper!AI$2:AI$366,ROUNDDOWN($C7865/24,0)+1,1)*INDEX($D$3:$AA$30,INDEX(Jesper!$R$2:$R$366,ROW(INDEX(Jesper!AI$2:AI$366,ROUNDDOWN($C7865/24,0)+1,1))-1)+IF('Standard Profiles'!$G$19=$B$10,7,0)+IF('Standard Profiles'!$G$19=$B$17,14,0)+IF('Standard Profiles'!$G$19=$B$24,21,0),MOD($C7865,24)+1)/SUM(INDEX($D$3:$AA$30,INDEX(Jesper!$R$2:$R$366,ROW(INDEX(Jesper!AI$2:AI$366,ROUNDDOWN($C7865/24,0)+1,1))-1)+IF('Standard Profiles'!$G$19=$B$10,7,0)+IF('Standard Profiles'!$G$19=$B$17,14,0)+IF('Standard Profiles'!$G$19=$B$24,21,0),0)),0)</f>
        <v>0</v>
      </c>
      <c r="F7865" cm="1">
        <f t="array" ref="F7865">IFERROR(INDEX(Jesper!AJ$2:AJ$366,ROUNDDOWN($C7865/24,0)+1,1)*INDEX($D$3:$AA$30,INDEX(Jesper!$R$2:$R$366,ROW(INDEX(Jesper!AJ$2:AJ$366,ROUNDDOWN($C7865/24,0)+1,1))-1)+IF('Standard Profiles'!$G$20=$B$10,7,0)+IF('Standard Profiles'!$G$20=$B$17,14,0)+IF('Standard Profiles'!$G$20=$B$24,21,0),MOD($C7865,24)+1)/SUM(INDEX($D$3:$AA$30,INDEX(Jesper!$R$2:$R$366,ROW(INDEX(Jesper!AJ$2:AJ$366,ROUNDDOWN($C7865/24,0)+1,1))-1)+IF('Standard Profiles'!$G$20=$B$10,7,0)+IF('Standard Profiles'!$G$20=$B$17,14,0)+IF('Standard Profiles'!$G$20=$B$24,21,0),0)),0)</f>
        <v>0</v>
      </c>
      <c r="G7865" cm="1">
        <f t="array" ref="G7865">IFERROR(INDEX(Jesper!AK$2:AK$366,ROUNDDOWN($C7865/24,0)+1,1)*INDEX($D$3:$AA$30,INDEX(Jesper!$R$2:$R$366,ROW(INDEX(Jesper!AK$2:AK$366,ROUNDDOWN($C7865/24,0)+1,1))-1)+IF('Standard Profiles'!$G$21=$B$10,7,0)+IF('Standard Profiles'!$G$21=$B$17,14,0)+IF('Standard Profiles'!$G$21=$B$24,21,0),MOD($C7865,24)+1)/SUM(INDEX($D$3:$AA$30,INDEX(Jesper!$R$2:$R$366,ROW(INDEX(Jesper!AK$2:AK$366,ROUNDDOWN($C7865/24,0)+1,1))-1)+IF('Standard Profiles'!$G$21=$B$10,7,0)+IF('Standard Profiles'!$G$21=$B$17,14,0)+IF('Standard Profiles'!$G$21=$B$24,21,0),0)),0)</f>
        <v>0</v>
      </c>
      <c r="H7865" cm="1">
        <f t="array" ref="H7865">IFERROR(INDEX(Jesper!AL$2:AL$366,ROUNDDOWN($C7865/24,0)+1,1)*INDEX($D$3:$AA$30,INDEX(Jesper!$R$2:$R$366,ROW(INDEX(Jesper!AL$2:AL$366,ROUNDDOWN($C7865/24,0)+1,1))-1)+IF('Standard Profiles'!$G$22=$B$10,7,0)+IF('Standard Profiles'!$G$22=$B$17,14,0)+IF('Standard Profiles'!$G$22=$B$24,21,0),MOD($C7865,24)+1)/SUM(INDEX($D$3:$AA$30,INDEX(Jesper!$R$2:$R$366,ROW(INDEX(Jesper!AL$2:AL$366,ROUNDDOWN($C7865/24,0)+1,1))-1)+IF('Standard Profiles'!$G$22=$B$10,7,0)+IF('Standard Profiles'!$G$22=$B$17,14,0)+IF('Standard Profiles'!$G$22=$B$24,21,0),0)),0)</f>
        <v>0</v>
      </c>
      <c r="I7865">
        <f t="shared" si="874"/>
        <v>0.39554958696028147</v>
      </c>
      <c r="J7865">
        <f t="shared" si="875"/>
        <v>1.3184986232009384</v>
      </c>
      <c r="K7865">
        <f t="shared" si="876"/>
        <v>1.9777479348014073</v>
      </c>
      <c r="L7865">
        <f t="shared" si="877"/>
        <v>9.4931900870467558</v>
      </c>
      <c r="M7865">
        <f t="shared" si="878"/>
        <v>0</v>
      </c>
      <c r="N7865" s="46">
        <f t="shared" si="879"/>
        <v>45618.291666647674</v>
      </c>
    </row>
    <row r="7866" spans="2:14" x14ac:dyDescent="0.3">
      <c r="B7866">
        <f t="shared" si="873"/>
        <v>5</v>
      </c>
      <c r="C7866" s="16">
        <v>7832</v>
      </c>
      <c r="D7866" cm="1">
        <f t="array" ref="D7866">IFERROR(INDEX(Jesper!AH$2:AH$366,ROUNDDOWN($C7866/24,0)+1,1)*INDEX($D$3:$AA$30,INDEX(Jesper!$R$2:$R$366,ROW(INDEX(Jesper!AH$2:AH$366,ROUNDDOWN($C7866/24,0)+1,1))-1)+IF('Standard Profiles'!$G$18=$B$10,7,0)+IF('Standard Profiles'!$G$18=$B$17,14,0)+IF('Standard Profiles'!$G$18=$B$24,21,0),MOD($C7866,24)+1)/SUM(INDEX($D$3:$AA$30,INDEX(Jesper!$R$2:$R$366,ROW(INDEX(Jesper!AH$2:AH$366,ROUNDDOWN($C7866/24,0)+1,1))-1)+IF('Standard Profiles'!$G$18=$B$10,7,0)+IF('Standard Profiles'!$G$18=$B$17,14,0)+IF('Standard Profiles'!$G$18=$B$24,21,0),0)),0)</f>
        <v>13.184986232009383</v>
      </c>
      <c r="E7866" cm="1">
        <f t="array" ref="E7866">IFERROR(INDEX(Jesper!AI$2:AI$366,ROUNDDOWN($C7866/24,0)+1,1)*INDEX($D$3:$AA$30,INDEX(Jesper!$R$2:$R$366,ROW(INDEX(Jesper!AI$2:AI$366,ROUNDDOWN($C7866/24,0)+1,1))-1)+IF('Standard Profiles'!$G$19=$B$10,7,0)+IF('Standard Profiles'!$G$19=$B$17,14,0)+IF('Standard Profiles'!$G$19=$B$24,21,0),MOD($C7866,24)+1)/SUM(INDEX($D$3:$AA$30,INDEX(Jesper!$R$2:$R$366,ROW(INDEX(Jesper!AI$2:AI$366,ROUNDDOWN($C7866/24,0)+1,1))-1)+IF('Standard Profiles'!$G$19=$B$10,7,0)+IF('Standard Profiles'!$G$19=$B$17,14,0)+IF('Standard Profiles'!$G$19=$B$24,21,0),0)),0)</f>
        <v>0</v>
      </c>
      <c r="F7866" cm="1">
        <f t="array" ref="F7866">IFERROR(INDEX(Jesper!AJ$2:AJ$366,ROUNDDOWN($C7866/24,0)+1,1)*INDEX($D$3:$AA$30,INDEX(Jesper!$R$2:$R$366,ROW(INDEX(Jesper!AJ$2:AJ$366,ROUNDDOWN($C7866/24,0)+1,1))-1)+IF('Standard Profiles'!$G$20=$B$10,7,0)+IF('Standard Profiles'!$G$20=$B$17,14,0)+IF('Standard Profiles'!$G$20=$B$24,21,0),MOD($C7866,24)+1)/SUM(INDEX($D$3:$AA$30,INDEX(Jesper!$R$2:$R$366,ROW(INDEX(Jesper!AJ$2:AJ$366,ROUNDDOWN($C7866/24,0)+1,1))-1)+IF('Standard Profiles'!$G$20=$B$10,7,0)+IF('Standard Profiles'!$G$20=$B$17,14,0)+IF('Standard Profiles'!$G$20=$B$24,21,0),0)),0)</f>
        <v>0</v>
      </c>
      <c r="G7866" cm="1">
        <f t="array" ref="G7866">IFERROR(INDEX(Jesper!AK$2:AK$366,ROUNDDOWN($C7866/24,0)+1,1)*INDEX($D$3:$AA$30,INDEX(Jesper!$R$2:$R$366,ROW(INDEX(Jesper!AK$2:AK$366,ROUNDDOWN($C7866/24,0)+1,1))-1)+IF('Standard Profiles'!$G$21=$B$10,7,0)+IF('Standard Profiles'!$G$21=$B$17,14,0)+IF('Standard Profiles'!$G$21=$B$24,21,0),MOD($C7866,24)+1)/SUM(INDEX($D$3:$AA$30,INDEX(Jesper!$R$2:$R$366,ROW(INDEX(Jesper!AK$2:AK$366,ROUNDDOWN($C7866/24,0)+1,1))-1)+IF('Standard Profiles'!$G$21=$B$10,7,0)+IF('Standard Profiles'!$G$21=$B$17,14,0)+IF('Standard Profiles'!$G$21=$B$24,21,0),0)),0)</f>
        <v>0</v>
      </c>
      <c r="H7866" cm="1">
        <f t="array" ref="H7866">IFERROR(INDEX(Jesper!AL$2:AL$366,ROUNDDOWN($C7866/24,0)+1,1)*INDEX($D$3:$AA$30,INDEX(Jesper!$R$2:$R$366,ROW(INDEX(Jesper!AL$2:AL$366,ROUNDDOWN($C7866/24,0)+1,1))-1)+IF('Standard Profiles'!$G$22=$B$10,7,0)+IF('Standard Profiles'!$G$22=$B$17,14,0)+IF('Standard Profiles'!$G$22=$B$24,21,0),MOD($C7866,24)+1)/SUM(INDEX($D$3:$AA$30,INDEX(Jesper!$R$2:$R$366,ROW(INDEX(Jesper!AL$2:AL$366,ROUNDDOWN($C7866/24,0)+1,1))-1)+IF('Standard Profiles'!$G$22=$B$10,7,0)+IF('Standard Profiles'!$G$22=$B$17,14,0)+IF('Standard Profiles'!$G$22=$B$24,21,0),0)),0)</f>
        <v>0</v>
      </c>
      <c r="I7866">
        <f t="shared" si="874"/>
        <v>0.39554958696028147</v>
      </c>
      <c r="J7866">
        <f t="shared" si="875"/>
        <v>1.3184986232009384</v>
      </c>
      <c r="K7866">
        <f t="shared" si="876"/>
        <v>1.9777479348014073</v>
      </c>
      <c r="L7866">
        <f t="shared" si="877"/>
        <v>9.4931900870467558</v>
      </c>
      <c r="M7866">
        <f t="shared" si="878"/>
        <v>0</v>
      </c>
      <c r="N7866" s="46">
        <f t="shared" si="879"/>
        <v>45618.333333314338</v>
      </c>
    </row>
    <row r="7867" spans="2:14" x14ac:dyDescent="0.3">
      <c r="B7867">
        <f t="shared" si="873"/>
        <v>5</v>
      </c>
      <c r="C7867" s="16">
        <v>7833</v>
      </c>
      <c r="D7867" cm="1">
        <f t="array" ref="D7867">IFERROR(INDEX(Jesper!AH$2:AH$366,ROUNDDOWN($C7867/24,0)+1,1)*INDEX($D$3:$AA$30,INDEX(Jesper!$R$2:$R$366,ROW(INDEX(Jesper!AH$2:AH$366,ROUNDDOWN($C7867/24,0)+1,1))-1)+IF('Standard Profiles'!$G$18=$B$10,7,0)+IF('Standard Profiles'!$G$18=$B$17,14,0)+IF('Standard Profiles'!$G$18=$B$24,21,0),MOD($C7867,24)+1)/SUM(INDEX($D$3:$AA$30,INDEX(Jesper!$R$2:$R$366,ROW(INDEX(Jesper!AH$2:AH$366,ROUNDDOWN($C7867/24,0)+1,1))-1)+IF('Standard Profiles'!$G$18=$B$10,7,0)+IF('Standard Profiles'!$G$18=$B$17,14,0)+IF('Standard Profiles'!$G$18=$B$24,21,0),0)),0)</f>
        <v>14.126770962867196</v>
      </c>
      <c r="E7867" cm="1">
        <f t="array" ref="E7867">IFERROR(INDEX(Jesper!AI$2:AI$366,ROUNDDOWN($C7867/24,0)+1,1)*INDEX($D$3:$AA$30,INDEX(Jesper!$R$2:$R$366,ROW(INDEX(Jesper!AI$2:AI$366,ROUNDDOWN($C7867/24,0)+1,1))-1)+IF('Standard Profiles'!$G$19=$B$10,7,0)+IF('Standard Profiles'!$G$19=$B$17,14,0)+IF('Standard Profiles'!$G$19=$B$24,21,0),MOD($C7867,24)+1)/SUM(INDEX($D$3:$AA$30,INDEX(Jesper!$R$2:$R$366,ROW(INDEX(Jesper!AI$2:AI$366,ROUNDDOWN($C7867/24,0)+1,1))-1)+IF('Standard Profiles'!$G$19=$B$10,7,0)+IF('Standard Profiles'!$G$19=$B$17,14,0)+IF('Standard Profiles'!$G$19=$B$24,21,0),0)),0)</f>
        <v>0</v>
      </c>
      <c r="F7867" cm="1">
        <f t="array" ref="F7867">IFERROR(INDEX(Jesper!AJ$2:AJ$366,ROUNDDOWN($C7867/24,0)+1,1)*INDEX($D$3:$AA$30,INDEX(Jesper!$R$2:$R$366,ROW(INDEX(Jesper!AJ$2:AJ$366,ROUNDDOWN($C7867/24,0)+1,1))-1)+IF('Standard Profiles'!$G$20=$B$10,7,0)+IF('Standard Profiles'!$G$20=$B$17,14,0)+IF('Standard Profiles'!$G$20=$B$24,21,0),MOD($C7867,24)+1)/SUM(INDEX($D$3:$AA$30,INDEX(Jesper!$R$2:$R$366,ROW(INDEX(Jesper!AJ$2:AJ$366,ROUNDDOWN($C7867/24,0)+1,1))-1)+IF('Standard Profiles'!$G$20=$B$10,7,0)+IF('Standard Profiles'!$G$20=$B$17,14,0)+IF('Standard Profiles'!$G$20=$B$24,21,0),0)),0)</f>
        <v>0</v>
      </c>
      <c r="G7867" cm="1">
        <f t="array" ref="G7867">IFERROR(INDEX(Jesper!AK$2:AK$366,ROUNDDOWN($C7867/24,0)+1,1)*INDEX($D$3:$AA$30,INDEX(Jesper!$R$2:$R$366,ROW(INDEX(Jesper!AK$2:AK$366,ROUNDDOWN($C7867/24,0)+1,1))-1)+IF('Standard Profiles'!$G$21=$B$10,7,0)+IF('Standard Profiles'!$G$21=$B$17,14,0)+IF('Standard Profiles'!$G$21=$B$24,21,0),MOD($C7867,24)+1)/SUM(INDEX($D$3:$AA$30,INDEX(Jesper!$R$2:$R$366,ROW(INDEX(Jesper!AK$2:AK$366,ROUNDDOWN($C7867/24,0)+1,1))-1)+IF('Standard Profiles'!$G$21=$B$10,7,0)+IF('Standard Profiles'!$G$21=$B$17,14,0)+IF('Standard Profiles'!$G$21=$B$24,21,0),0)),0)</f>
        <v>0</v>
      </c>
      <c r="H7867" cm="1">
        <f t="array" ref="H7867">IFERROR(INDEX(Jesper!AL$2:AL$366,ROUNDDOWN($C7867/24,0)+1,1)*INDEX($D$3:$AA$30,INDEX(Jesper!$R$2:$R$366,ROW(INDEX(Jesper!AL$2:AL$366,ROUNDDOWN($C7867/24,0)+1,1))-1)+IF('Standard Profiles'!$G$22=$B$10,7,0)+IF('Standard Profiles'!$G$22=$B$17,14,0)+IF('Standard Profiles'!$G$22=$B$24,21,0),MOD($C7867,24)+1)/SUM(INDEX($D$3:$AA$30,INDEX(Jesper!$R$2:$R$366,ROW(INDEX(Jesper!AL$2:AL$366,ROUNDDOWN($C7867/24,0)+1,1))-1)+IF('Standard Profiles'!$G$22=$B$10,7,0)+IF('Standard Profiles'!$G$22=$B$17,14,0)+IF('Standard Profiles'!$G$22=$B$24,21,0),0)),0)</f>
        <v>0</v>
      </c>
      <c r="I7867">
        <f t="shared" si="874"/>
        <v>0.42380312888601585</v>
      </c>
      <c r="J7867">
        <f t="shared" si="875"/>
        <v>1.4126770962867197</v>
      </c>
      <c r="K7867">
        <f t="shared" si="876"/>
        <v>2.1190156444300792</v>
      </c>
      <c r="L7867">
        <f t="shared" si="877"/>
        <v>10.171275093264381</v>
      </c>
      <c r="M7867">
        <f t="shared" si="878"/>
        <v>0</v>
      </c>
      <c r="N7867" s="46">
        <f t="shared" si="879"/>
        <v>45618.374999981002</v>
      </c>
    </row>
    <row r="7868" spans="2:14" x14ac:dyDescent="0.3">
      <c r="B7868">
        <f t="shared" si="873"/>
        <v>5</v>
      </c>
      <c r="C7868" s="16">
        <v>7834</v>
      </c>
      <c r="D7868" cm="1">
        <f t="array" ref="D7868">IFERROR(INDEX(Jesper!AH$2:AH$366,ROUNDDOWN($C7868/24,0)+1,1)*INDEX($D$3:$AA$30,INDEX(Jesper!$R$2:$R$366,ROW(INDEX(Jesper!AH$2:AH$366,ROUNDDOWN($C7868/24,0)+1,1))-1)+IF('Standard Profiles'!$G$18=$B$10,7,0)+IF('Standard Profiles'!$G$18=$B$17,14,0)+IF('Standard Profiles'!$G$18=$B$24,21,0),MOD($C7868,24)+1)/SUM(INDEX($D$3:$AA$30,INDEX(Jesper!$R$2:$R$366,ROW(INDEX(Jesper!AH$2:AH$366,ROUNDDOWN($C7868/24,0)+1,1))-1)+IF('Standard Profiles'!$G$18=$B$10,7,0)+IF('Standard Profiles'!$G$18=$B$17,14,0)+IF('Standard Profiles'!$G$18=$B$24,21,0),0)),0)</f>
        <v>14.691841801381884</v>
      </c>
      <c r="E7868" cm="1">
        <f t="array" ref="E7868">IFERROR(INDEX(Jesper!AI$2:AI$366,ROUNDDOWN($C7868/24,0)+1,1)*INDEX($D$3:$AA$30,INDEX(Jesper!$R$2:$R$366,ROW(INDEX(Jesper!AI$2:AI$366,ROUNDDOWN($C7868/24,0)+1,1))-1)+IF('Standard Profiles'!$G$19=$B$10,7,0)+IF('Standard Profiles'!$G$19=$B$17,14,0)+IF('Standard Profiles'!$G$19=$B$24,21,0),MOD($C7868,24)+1)/SUM(INDEX($D$3:$AA$30,INDEX(Jesper!$R$2:$R$366,ROW(INDEX(Jesper!AI$2:AI$366,ROUNDDOWN($C7868/24,0)+1,1))-1)+IF('Standard Profiles'!$G$19=$B$10,7,0)+IF('Standard Profiles'!$G$19=$B$17,14,0)+IF('Standard Profiles'!$G$19=$B$24,21,0),0)),0)</f>
        <v>0</v>
      </c>
      <c r="F7868" cm="1">
        <f t="array" ref="F7868">IFERROR(INDEX(Jesper!AJ$2:AJ$366,ROUNDDOWN($C7868/24,0)+1,1)*INDEX($D$3:$AA$30,INDEX(Jesper!$R$2:$R$366,ROW(INDEX(Jesper!AJ$2:AJ$366,ROUNDDOWN($C7868/24,0)+1,1))-1)+IF('Standard Profiles'!$G$20=$B$10,7,0)+IF('Standard Profiles'!$G$20=$B$17,14,0)+IF('Standard Profiles'!$G$20=$B$24,21,0),MOD($C7868,24)+1)/SUM(INDEX($D$3:$AA$30,INDEX(Jesper!$R$2:$R$366,ROW(INDEX(Jesper!AJ$2:AJ$366,ROUNDDOWN($C7868/24,0)+1,1))-1)+IF('Standard Profiles'!$G$20=$B$10,7,0)+IF('Standard Profiles'!$G$20=$B$17,14,0)+IF('Standard Profiles'!$G$20=$B$24,21,0),0)),0)</f>
        <v>0</v>
      </c>
      <c r="G7868" cm="1">
        <f t="array" ref="G7868">IFERROR(INDEX(Jesper!AK$2:AK$366,ROUNDDOWN($C7868/24,0)+1,1)*INDEX($D$3:$AA$30,INDEX(Jesper!$R$2:$R$366,ROW(INDEX(Jesper!AK$2:AK$366,ROUNDDOWN($C7868/24,0)+1,1))-1)+IF('Standard Profiles'!$G$21=$B$10,7,0)+IF('Standard Profiles'!$G$21=$B$17,14,0)+IF('Standard Profiles'!$G$21=$B$24,21,0),MOD($C7868,24)+1)/SUM(INDEX($D$3:$AA$30,INDEX(Jesper!$R$2:$R$366,ROW(INDEX(Jesper!AK$2:AK$366,ROUNDDOWN($C7868/24,0)+1,1))-1)+IF('Standard Profiles'!$G$21=$B$10,7,0)+IF('Standard Profiles'!$G$21=$B$17,14,0)+IF('Standard Profiles'!$G$21=$B$24,21,0),0)),0)</f>
        <v>0</v>
      </c>
      <c r="H7868" cm="1">
        <f t="array" ref="H7868">IFERROR(INDEX(Jesper!AL$2:AL$366,ROUNDDOWN($C7868/24,0)+1,1)*INDEX($D$3:$AA$30,INDEX(Jesper!$R$2:$R$366,ROW(INDEX(Jesper!AL$2:AL$366,ROUNDDOWN($C7868/24,0)+1,1))-1)+IF('Standard Profiles'!$G$22=$B$10,7,0)+IF('Standard Profiles'!$G$22=$B$17,14,0)+IF('Standard Profiles'!$G$22=$B$24,21,0),MOD($C7868,24)+1)/SUM(INDEX($D$3:$AA$30,INDEX(Jesper!$R$2:$R$366,ROW(INDEX(Jesper!AL$2:AL$366,ROUNDDOWN($C7868/24,0)+1,1))-1)+IF('Standard Profiles'!$G$22=$B$10,7,0)+IF('Standard Profiles'!$G$22=$B$17,14,0)+IF('Standard Profiles'!$G$22=$B$24,21,0),0)),0)</f>
        <v>0</v>
      </c>
      <c r="I7868">
        <f t="shared" si="874"/>
        <v>0.44075525404145649</v>
      </c>
      <c r="J7868">
        <f t="shared" si="875"/>
        <v>1.4691841801381884</v>
      </c>
      <c r="K7868">
        <f t="shared" si="876"/>
        <v>2.2037762702072823</v>
      </c>
      <c r="L7868">
        <f t="shared" si="877"/>
        <v>10.578126096994955</v>
      </c>
      <c r="M7868">
        <f t="shared" si="878"/>
        <v>0</v>
      </c>
      <c r="N7868" s="46">
        <f t="shared" si="879"/>
        <v>45618.416666647667</v>
      </c>
    </row>
    <row r="7869" spans="2:14" x14ac:dyDescent="0.3">
      <c r="B7869">
        <f t="shared" si="873"/>
        <v>5</v>
      </c>
      <c r="C7869" s="16">
        <v>7835</v>
      </c>
      <c r="D7869" cm="1">
        <f t="array" ref="D7869">IFERROR(INDEX(Jesper!AH$2:AH$366,ROUNDDOWN($C7869/24,0)+1,1)*INDEX($D$3:$AA$30,INDEX(Jesper!$R$2:$R$366,ROW(INDEX(Jesper!AH$2:AH$366,ROUNDDOWN($C7869/24,0)+1,1))-1)+IF('Standard Profiles'!$G$18=$B$10,7,0)+IF('Standard Profiles'!$G$18=$B$17,14,0)+IF('Standard Profiles'!$G$18=$B$24,21,0),MOD($C7869,24)+1)/SUM(INDEX($D$3:$AA$30,INDEX(Jesper!$R$2:$R$366,ROW(INDEX(Jesper!AH$2:AH$366,ROUNDDOWN($C7869/24,0)+1,1))-1)+IF('Standard Profiles'!$G$18=$B$10,7,0)+IF('Standard Profiles'!$G$18=$B$17,14,0)+IF('Standard Profiles'!$G$18=$B$24,21,0),0)),0)</f>
        <v>16.952125155440633</v>
      </c>
      <c r="E7869" cm="1">
        <f t="array" ref="E7869">IFERROR(INDEX(Jesper!AI$2:AI$366,ROUNDDOWN($C7869/24,0)+1,1)*INDEX($D$3:$AA$30,INDEX(Jesper!$R$2:$R$366,ROW(INDEX(Jesper!AI$2:AI$366,ROUNDDOWN($C7869/24,0)+1,1))-1)+IF('Standard Profiles'!$G$19=$B$10,7,0)+IF('Standard Profiles'!$G$19=$B$17,14,0)+IF('Standard Profiles'!$G$19=$B$24,21,0),MOD($C7869,24)+1)/SUM(INDEX($D$3:$AA$30,INDEX(Jesper!$R$2:$R$366,ROW(INDEX(Jesper!AI$2:AI$366,ROUNDDOWN($C7869/24,0)+1,1))-1)+IF('Standard Profiles'!$G$19=$B$10,7,0)+IF('Standard Profiles'!$G$19=$B$17,14,0)+IF('Standard Profiles'!$G$19=$B$24,21,0),0)),0)</f>
        <v>0</v>
      </c>
      <c r="F7869" cm="1">
        <f t="array" ref="F7869">IFERROR(INDEX(Jesper!AJ$2:AJ$366,ROUNDDOWN($C7869/24,0)+1,1)*INDEX($D$3:$AA$30,INDEX(Jesper!$R$2:$R$366,ROW(INDEX(Jesper!AJ$2:AJ$366,ROUNDDOWN($C7869/24,0)+1,1))-1)+IF('Standard Profiles'!$G$20=$B$10,7,0)+IF('Standard Profiles'!$G$20=$B$17,14,0)+IF('Standard Profiles'!$G$20=$B$24,21,0),MOD($C7869,24)+1)/SUM(INDEX($D$3:$AA$30,INDEX(Jesper!$R$2:$R$366,ROW(INDEX(Jesper!AJ$2:AJ$366,ROUNDDOWN($C7869/24,0)+1,1))-1)+IF('Standard Profiles'!$G$20=$B$10,7,0)+IF('Standard Profiles'!$G$20=$B$17,14,0)+IF('Standard Profiles'!$G$20=$B$24,21,0),0)),0)</f>
        <v>0</v>
      </c>
      <c r="G7869" cm="1">
        <f t="array" ref="G7869">IFERROR(INDEX(Jesper!AK$2:AK$366,ROUNDDOWN($C7869/24,0)+1,1)*INDEX($D$3:$AA$30,INDEX(Jesper!$R$2:$R$366,ROW(INDEX(Jesper!AK$2:AK$366,ROUNDDOWN($C7869/24,0)+1,1))-1)+IF('Standard Profiles'!$G$21=$B$10,7,0)+IF('Standard Profiles'!$G$21=$B$17,14,0)+IF('Standard Profiles'!$G$21=$B$24,21,0),MOD($C7869,24)+1)/SUM(INDEX($D$3:$AA$30,INDEX(Jesper!$R$2:$R$366,ROW(INDEX(Jesper!AK$2:AK$366,ROUNDDOWN($C7869/24,0)+1,1))-1)+IF('Standard Profiles'!$G$21=$B$10,7,0)+IF('Standard Profiles'!$G$21=$B$17,14,0)+IF('Standard Profiles'!$G$21=$B$24,21,0),0)),0)</f>
        <v>0</v>
      </c>
      <c r="H7869" cm="1">
        <f t="array" ref="H7869">IFERROR(INDEX(Jesper!AL$2:AL$366,ROUNDDOWN($C7869/24,0)+1,1)*INDEX($D$3:$AA$30,INDEX(Jesper!$R$2:$R$366,ROW(INDEX(Jesper!AL$2:AL$366,ROUNDDOWN($C7869/24,0)+1,1))-1)+IF('Standard Profiles'!$G$22=$B$10,7,0)+IF('Standard Profiles'!$G$22=$B$17,14,0)+IF('Standard Profiles'!$G$22=$B$24,21,0),MOD($C7869,24)+1)/SUM(INDEX($D$3:$AA$30,INDEX(Jesper!$R$2:$R$366,ROW(INDEX(Jesper!AL$2:AL$366,ROUNDDOWN($C7869/24,0)+1,1))-1)+IF('Standard Profiles'!$G$22=$B$10,7,0)+IF('Standard Profiles'!$G$22=$B$17,14,0)+IF('Standard Profiles'!$G$22=$B$24,21,0),0)),0)</f>
        <v>0</v>
      </c>
      <c r="I7869">
        <f t="shared" si="874"/>
        <v>0.50856375466321901</v>
      </c>
      <c r="J7869">
        <f t="shared" si="875"/>
        <v>1.6952125155440634</v>
      </c>
      <c r="K7869">
        <f t="shared" si="876"/>
        <v>2.5428187733160947</v>
      </c>
      <c r="L7869">
        <f t="shared" si="877"/>
        <v>12.205530111917255</v>
      </c>
      <c r="M7869">
        <f t="shared" si="878"/>
        <v>0</v>
      </c>
      <c r="N7869" s="46">
        <f t="shared" si="879"/>
        <v>45618.458333314331</v>
      </c>
    </row>
    <row r="7870" spans="2:14" x14ac:dyDescent="0.3">
      <c r="B7870">
        <f t="shared" si="873"/>
        <v>5</v>
      </c>
      <c r="C7870" s="16">
        <v>7836</v>
      </c>
      <c r="D7870" cm="1">
        <f t="array" ref="D7870">IFERROR(INDEX(Jesper!AH$2:AH$366,ROUNDDOWN($C7870/24,0)+1,1)*INDEX($D$3:$AA$30,INDEX(Jesper!$R$2:$R$366,ROW(INDEX(Jesper!AH$2:AH$366,ROUNDDOWN($C7870/24,0)+1,1))-1)+IF('Standard Profiles'!$G$18=$B$10,7,0)+IF('Standard Profiles'!$G$18=$B$17,14,0)+IF('Standard Profiles'!$G$18=$B$24,21,0),MOD($C7870,24)+1)/SUM(INDEX($D$3:$AA$30,INDEX(Jesper!$R$2:$R$366,ROW(INDEX(Jesper!AH$2:AH$366,ROUNDDOWN($C7870/24,0)+1,1))-1)+IF('Standard Profiles'!$G$18=$B$10,7,0)+IF('Standard Profiles'!$G$18=$B$17,14,0)+IF('Standard Profiles'!$G$18=$B$24,21,0),0)),0)</f>
        <v>16.952125155440633</v>
      </c>
      <c r="E7870" cm="1">
        <f t="array" ref="E7870">IFERROR(INDEX(Jesper!AI$2:AI$366,ROUNDDOWN($C7870/24,0)+1,1)*INDEX($D$3:$AA$30,INDEX(Jesper!$R$2:$R$366,ROW(INDEX(Jesper!AI$2:AI$366,ROUNDDOWN($C7870/24,0)+1,1))-1)+IF('Standard Profiles'!$G$19=$B$10,7,0)+IF('Standard Profiles'!$G$19=$B$17,14,0)+IF('Standard Profiles'!$G$19=$B$24,21,0),MOD($C7870,24)+1)/SUM(INDEX($D$3:$AA$30,INDEX(Jesper!$R$2:$R$366,ROW(INDEX(Jesper!AI$2:AI$366,ROUNDDOWN($C7870/24,0)+1,1))-1)+IF('Standard Profiles'!$G$19=$B$10,7,0)+IF('Standard Profiles'!$G$19=$B$17,14,0)+IF('Standard Profiles'!$G$19=$B$24,21,0),0)),0)</f>
        <v>0</v>
      </c>
      <c r="F7870" cm="1">
        <f t="array" ref="F7870">IFERROR(INDEX(Jesper!AJ$2:AJ$366,ROUNDDOWN($C7870/24,0)+1,1)*INDEX($D$3:$AA$30,INDEX(Jesper!$R$2:$R$366,ROW(INDEX(Jesper!AJ$2:AJ$366,ROUNDDOWN($C7870/24,0)+1,1))-1)+IF('Standard Profiles'!$G$20=$B$10,7,0)+IF('Standard Profiles'!$G$20=$B$17,14,0)+IF('Standard Profiles'!$G$20=$B$24,21,0),MOD($C7870,24)+1)/SUM(INDEX($D$3:$AA$30,INDEX(Jesper!$R$2:$R$366,ROW(INDEX(Jesper!AJ$2:AJ$366,ROUNDDOWN($C7870/24,0)+1,1))-1)+IF('Standard Profiles'!$G$20=$B$10,7,0)+IF('Standard Profiles'!$G$20=$B$17,14,0)+IF('Standard Profiles'!$G$20=$B$24,21,0),0)),0)</f>
        <v>0</v>
      </c>
      <c r="G7870" cm="1">
        <f t="array" ref="G7870">IFERROR(INDEX(Jesper!AK$2:AK$366,ROUNDDOWN($C7870/24,0)+1,1)*INDEX($D$3:$AA$30,INDEX(Jesper!$R$2:$R$366,ROW(INDEX(Jesper!AK$2:AK$366,ROUNDDOWN($C7870/24,0)+1,1))-1)+IF('Standard Profiles'!$G$21=$B$10,7,0)+IF('Standard Profiles'!$G$21=$B$17,14,0)+IF('Standard Profiles'!$G$21=$B$24,21,0),MOD($C7870,24)+1)/SUM(INDEX($D$3:$AA$30,INDEX(Jesper!$R$2:$R$366,ROW(INDEX(Jesper!AK$2:AK$366,ROUNDDOWN($C7870/24,0)+1,1))-1)+IF('Standard Profiles'!$G$21=$B$10,7,0)+IF('Standard Profiles'!$G$21=$B$17,14,0)+IF('Standard Profiles'!$G$21=$B$24,21,0),0)),0)</f>
        <v>0</v>
      </c>
      <c r="H7870" cm="1">
        <f t="array" ref="H7870">IFERROR(INDEX(Jesper!AL$2:AL$366,ROUNDDOWN($C7870/24,0)+1,1)*INDEX($D$3:$AA$30,INDEX(Jesper!$R$2:$R$366,ROW(INDEX(Jesper!AL$2:AL$366,ROUNDDOWN($C7870/24,0)+1,1))-1)+IF('Standard Profiles'!$G$22=$B$10,7,0)+IF('Standard Profiles'!$G$22=$B$17,14,0)+IF('Standard Profiles'!$G$22=$B$24,21,0),MOD($C7870,24)+1)/SUM(INDEX($D$3:$AA$30,INDEX(Jesper!$R$2:$R$366,ROW(INDEX(Jesper!AL$2:AL$366,ROUNDDOWN($C7870/24,0)+1,1))-1)+IF('Standard Profiles'!$G$22=$B$10,7,0)+IF('Standard Profiles'!$G$22=$B$17,14,0)+IF('Standard Profiles'!$G$22=$B$24,21,0),0)),0)</f>
        <v>0</v>
      </c>
      <c r="I7870">
        <f t="shared" si="874"/>
        <v>0.50856375466321901</v>
      </c>
      <c r="J7870">
        <f t="shared" si="875"/>
        <v>1.6952125155440634</v>
      </c>
      <c r="K7870">
        <f t="shared" si="876"/>
        <v>2.5428187733160947</v>
      </c>
      <c r="L7870">
        <f t="shared" si="877"/>
        <v>12.205530111917255</v>
      </c>
      <c r="M7870">
        <f t="shared" si="878"/>
        <v>0</v>
      </c>
      <c r="N7870" s="46">
        <f t="shared" si="879"/>
        <v>45618.499999980995</v>
      </c>
    </row>
    <row r="7871" spans="2:14" x14ac:dyDescent="0.3">
      <c r="B7871">
        <f t="shared" si="873"/>
        <v>5</v>
      </c>
      <c r="C7871" s="16">
        <v>7837</v>
      </c>
      <c r="D7871" cm="1">
        <f t="array" ref="D7871">IFERROR(INDEX(Jesper!AH$2:AH$366,ROUNDDOWN($C7871/24,0)+1,1)*INDEX($D$3:$AA$30,INDEX(Jesper!$R$2:$R$366,ROW(INDEX(Jesper!AH$2:AH$366,ROUNDDOWN($C7871/24,0)+1,1))-1)+IF('Standard Profiles'!$G$18=$B$10,7,0)+IF('Standard Profiles'!$G$18=$B$17,14,0)+IF('Standard Profiles'!$G$18=$B$24,21,0),MOD($C7871,24)+1)/SUM(INDEX($D$3:$AA$30,INDEX(Jesper!$R$2:$R$366,ROW(INDEX(Jesper!AH$2:AH$366,ROUNDDOWN($C7871/24,0)+1,1))-1)+IF('Standard Profiles'!$G$18=$B$10,7,0)+IF('Standard Profiles'!$G$18=$B$17,14,0)+IF('Standard Profiles'!$G$18=$B$24,21,0),0)),0)</f>
        <v>16.952125155440633</v>
      </c>
      <c r="E7871" cm="1">
        <f t="array" ref="E7871">IFERROR(INDEX(Jesper!AI$2:AI$366,ROUNDDOWN($C7871/24,0)+1,1)*INDEX($D$3:$AA$30,INDEX(Jesper!$R$2:$R$366,ROW(INDEX(Jesper!AI$2:AI$366,ROUNDDOWN($C7871/24,0)+1,1))-1)+IF('Standard Profiles'!$G$19=$B$10,7,0)+IF('Standard Profiles'!$G$19=$B$17,14,0)+IF('Standard Profiles'!$G$19=$B$24,21,0),MOD($C7871,24)+1)/SUM(INDEX($D$3:$AA$30,INDEX(Jesper!$R$2:$R$366,ROW(INDEX(Jesper!AI$2:AI$366,ROUNDDOWN($C7871/24,0)+1,1))-1)+IF('Standard Profiles'!$G$19=$B$10,7,0)+IF('Standard Profiles'!$G$19=$B$17,14,0)+IF('Standard Profiles'!$G$19=$B$24,21,0),0)),0)</f>
        <v>0</v>
      </c>
      <c r="F7871" cm="1">
        <f t="array" ref="F7871">IFERROR(INDEX(Jesper!AJ$2:AJ$366,ROUNDDOWN($C7871/24,0)+1,1)*INDEX($D$3:$AA$30,INDEX(Jesper!$R$2:$R$366,ROW(INDEX(Jesper!AJ$2:AJ$366,ROUNDDOWN($C7871/24,0)+1,1))-1)+IF('Standard Profiles'!$G$20=$B$10,7,0)+IF('Standard Profiles'!$G$20=$B$17,14,0)+IF('Standard Profiles'!$G$20=$B$24,21,0),MOD($C7871,24)+1)/SUM(INDEX($D$3:$AA$30,INDEX(Jesper!$R$2:$R$366,ROW(INDEX(Jesper!AJ$2:AJ$366,ROUNDDOWN($C7871/24,0)+1,1))-1)+IF('Standard Profiles'!$G$20=$B$10,7,0)+IF('Standard Profiles'!$G$20=$B$17,14,0)+IF('Standard Profiles'!$G$20=$B$24,21,0),0)),0)</f>
        <v>0</v>
      </c>
      <c r="G7871" cm="1">
        <f t="array" ref="G7871">IFERROR(INDEX(Jesper!AK$2:AK$366,ROUNDDOWN($C7871/24,0)+1,1)*INDEX($D$3:$AA$30,INDEX(Jesper!$R$2:$R$366,ROW(INDEX(Jesper!AK$2:AK$366,ROUNDDOWN($C7871/24,0)+1,1))-1)+IF('Standard Profiles'!$G$21=$B$10,7,0)+IF('Standard Profiles'!$G$21=$B$17,14,0)+IF('Standard Profiles'!$G$21=$B$24,21,0),MOD($C7871,24)+1)/SUM(INDEX($D$3:$AA$30,INDEX(Jesper!$R$2:$R$366,ROW(INDEX(Jesper!AK$2:AK$366,ROUNDDOWN($C7871/24,0)+1,1))-1)+IF('Standard Profiles'!$G$21=$B$10,7,0)+IF('Standard Profiles'!$G$21=$B$17,14,0)+IF('Standard Profiles'!$G$21=$B$24,21,0),0)),0)</f>
        <v>0</v>
      </c>
      <c r="H7871" cm="1">
        <f t="array" ref="H7871">IFERROR(INDEX(Jesper!AL$2:AL$366,ROUNDDOWN($C7871/24,0)+1,1)*INDEX($D$3:$AA$30,INDEX(Jesper!$R$2:$R$366,ROW(INDEX(Jesper!AL$2:AL$366,ROUNDDOWN($C7871/24,0)+1,1))-1)+IF('Standard Profiles'!$G$22=$B$10,7,0)+IF('Standard Profiles'!$G$22=$B$17,14,0)+IF('Standard Profiles'!$G$22=$B$24,21,0),MOD($C7871,24)+1)/SUM(INDEX($D$3:$AA$30,INDEX(Jesper!$R$2:$R$366,ROW(INDEX(Jesper!AL$2:AL$366,ROUNDDOWN($C7871/24,0)+1,1))-1)+IF('Standard Profiles'!$G$22=$B$10,7,0)+IF('Standard Profiles'!$G$22=$B$17,14,0)+IF('Standard Profiles'!$G$22=$B$24,21,0),0)),0)</f>
        <v>0</v>
      </c>
      <c r="I7871">
        <f t="shared" si="874"/>
        <v>0.50856375466321901</v>
      </c>
      <c r="J7871">
        <f t="shared" si="875"/>
        <v>1.6952125155440634</v>
      </c>
      <c r="K7871">
        <f t="shared" si="876"/>
        <v>2.5428187733160947</v>
      </c>
      <c r="L7871">
        <f t="shared" si="877"/>
        <v>12.205530111917255</v>
      </c>
      <c r="M7871">
        <f t="shared" si="878"/>
        <v>0</v>
      </c>
      <c r="N7871" s="46">
        <f t="shared" si="879"/>
        <v>45618.541666647659</v>
      </c>
    </row>
    <row r="7872" spans="2:14" x14ac:dyDescent="0.3">
      <c r="B7872">
        <f t="shared" si="873"/>
        <v>5</v>
      </c>
      <c r="C7872" s="16">
        <v>7838</v>
      </c>
      <c r="D7872" cm="1">
        <f t="array" ref="D7872">IFERROR(INDEX(Jesper!AH$2:AH$366,ROUNDDOWN($C7872/24,0)+1,1)*INDEX($D$3:$AA$30,INDEX(Jesper!$R$2:$R$366,ROW(INDEX(Jesper!AH$2:AH$366,ROUNDDOWN($C7872/24,0)+1,1))-1)+IF('Standard Profiles'!$G$18=$B$10,7,0)+IF('Standard Profiles'!$G$18=$B$17,14,0)+IF('Standard Profiles'!$G$18=$B$24,21,0),MOD($C7872,24)+1)/SUM(INDEX($D$3:$AA$30,INDEX(Jesper!$R$2:$R$366,ROW(INDEX(Jesper!AH$2:AH$366,ROUNDDOWN($C7872/24,0)+1,1))-1)+IF('Standard Profiles'!$G$18=$B$10,7,0)+IF('Standard Profiles'!$G$18=$B$17,14,0)+IF('Standard Profiles'!$G$18=$B$24,21,0),0)),0)</f>
        <v>16.952125155440633</v>
      </c>
      <c r="E7872" cm="1">
        <f t="array" ref="E7872">IFERROR(INDEX(Jesper!AI$2:AI$366,ROUNDDOWN($C7872/24,0)+1,1)*INDEX($D$3:$AA$30,INDEX(Jesper!$R$2:$R$366,ROW(INDEX(Jesper!AI$2:AI$366,ROUNDDOWN($C7872/24,0)+1,1))-1)+IF('Standard Profiles'!$G$19=$B$10,7,0)+IF('Standard Profiles'!$G$19=$B$17,14,0)+IF('Standard Profiles'!$G$19=$B$24,21,0),MOD($C7872,24)+1)/SUM(INDEX($D$3:$AA$30,INDEX(Jesper!$R$2:$R$366,ROW(INDEX(Jesper!AI$2:AI$366,ROUNDDOWN($C7872/24,0)+1,1))-1)+IF('Standard Profiles'!$G$19=$B$10,7,0)+IF('Standard Profiles'!$G$19=$B$17,14,0)+IF('Standard Profiles'!$G$19=$B$24,21,0),0)),0)</f>
        <v>0</v>
      </c>
      <c r="F7872" cm="1">
        <f t="array" ref="F7872">IFERROR(INDEX(Jesper!AJ$2:AJ$366,ROUNDDOWN($C7872/24,0)+1,1)*INDEX($D$3:$AA$30,INDEX(Jesper!$R$2:$R$366,ROW(INDEX(Jesper!AJ$2:AJ$366,ROUNDDOWN($C7872/24,0)+1,1))-1)+IF('Standard Profiles'!$G$20=$B$10,7,0)+IF('Standard Profiles'!$G$20=$B$17,14,0)+IF('Standard Profiles'!$G$20=$B$24,21,0),MOD($C7872,24)+1)/SUM(INDEX($D$3:$AA$30,INDEX(Jesper!$R$2:$R$366,ROW(INDEX(Jesper!AJ$2:AJ$366,ROUNDDOWN($C7872/24,0)+1,1))-1)+IF('Standard Profiles'!$G$20=$B$10,7,0)+IF('Standard Profiles'!$G$20=$B$17,14,0)+IF('Standard Profiles'!$G$20=$B$24,21,0),0)),0)</f>
        <v>0</v>
      </c>
      <c r="G7872" cm="1">
        <f t="array" ref="G7872">IFERROR(INDEX(Jesper!AK$2:AK$366,ROUNDDOWN($C7872/24,0)+1,1)*INDEX($D$3:$AA$30,INDEX(Jesper!$R$2:$R$366,ROW(INDEX(Jesper!AK$2:AK$366,ROUNDDOWN($C7872/24,0)+1,1))-1)+IF('Standard Profiles'!$G$21=$B$10,7,0)+IF('Standard Profiles'!$G$21=$B$17,14,0)+IF('Standard Profiles'!$G$21=$B$24,21,0),MOD($C7872,24)+1)/SUM(INDEX($D$3:$AA$30,INDEX(Jesper!$R$2:$R$366,ROW(INDEX(Jesper!AK$2:AK$366,ROUNDDOWN($C7872/24,0)+1,1))-1)+IF('Standard Profiles'!$G$21=$B$10,7,0)+IF('Standard Profiles'!$G$21=$B$17,14,0)+IF('Standard Profiles'!$G$21=$B$24,21,0),0)),0)</f>
        <v>0</v>
      </c>
      <c r="H7872" cm="1">
        <f t="array" ref="H7872">IFERROR(INDEX(Jesper!AL$2:AL$366,ROUNDDOWN($C7872/24,0)+1,1)*INDEX($D$3:$AA$30,INDEX(Jesper!$R$2:$R$366,ROW(INDEX(Jesper!AL$2:AL$366,ROUNDDOWN($C7872/24,0)+1,1))-1)+IF('Standard Profiles'!$G$22=$B$10,7,0)+IF('Standard Profiles'!$G$22=$B$17,14,0)+IF('Standard Profiles'!$G$22=$B$24,21,0),MOD($C7872,24)+1)/SUM(INDEX($D$3:$AA$30,INDEX(Jesper!$R$2:$R$366,ROW(INDEX(Jesper!AL$2:AL$366,ROUNDDOWN($C7872/24,0)+1,1))-1)+IF('Standard Profiles'!$G$22=$B$10,7,0)+IF('Standard Profiles'!$G$22=$B$17,14,0)+IF('Standard Profiles'!$G$22=$B$24,21,0),0)),0)</f>
        <v>0</v>
      </c>
      <c r="I7872">
        <f t="shared" si="874"/>
        <v>0.50856375466321901</v>
      </c>
      <c r="J7872">
        <f t="shared" si="875"/>
        <v>1.6952125155440634</v>
      </c>
      <c r="K7872">
        <f t="shared" si="876"/>
        <v>2.5428187733160947</v>
      </c>
      <c r="L7872">
        <f t="shared" si="877"/>
        <v>12.205530111917255</v>
      </c>
      <c r="M7872">
        <f t="shared" si="878"/>
        <v>0</v>
      </c>
      <c r="N7872" s="46">
        <f t="shared" si="879"/>
        <v>45618.583333314324</v>
      </c>
    </row>
    <row r="7873" spans="2:14" x14ac:dyDescent="0.3">
      <c r="B7873">
        <f t="shared" si="873"/>
        <v>5</v>
      </c>
      <c r="C7873" s="16">
        <v>7839</v>
      </c>
      <c r="D7873" cm="1">
        <f t="array" ref="D7873">IFERROR(INDEX(Jesper!AH$2:AH$366,ROUNDDOWN($C7873/24,0)+1,1)*INDEX($D$3:$AA$30,INDEX(Jesper!$R$2:$R$366,ROW(INDEX(Jesper!AH$2:AH$366,ROUNDDOWN($C7873/24,0)+1,1))-1)+IF('Standard Profiles'!$G$18=$B$10,7,0)+IF('Standard Profiles'!$G$18=$B$17,14,0)+IF('Standard Profiles'!$G$18=$B$24,21,0),MOD($C7873,24)+1)/SUM(INDEX($D$3:$AA$30,INDEX(Jesper!$R$2:$R$366,ROW(INDEX(Jesper!AH$2:AH$366,ROUNDDOWN($C7873/24,0)+1,1))-1)+IF('Standard Profiles'!$G$18=$B$10,7,0)+IF('Standard Profiles'!$G$18=$B$17,14,0)+IF('Standard Profiles'!$G$18=$B$24,21,0),0)),0)</f>
        <v>14.126770962867196</v>
      </c>
      <c r="E7873" cm="1">
        <f t="array" ref="E7873">IFERROR(INDEX(Jesper!AI$2:AI$366,ROUNDDOWN($C7873/24,0)+1,1)*INDEX($D$3:$AA$30,INDEX(Jesper!$R$2:$R$366,ROW(INDEX(Jesper!AI$2:AI$366,ROUNDDOWN($C7873/24,0)+1,1))-1)+IF('Standard Profiles'!$G$19=$B$10,7,0)+IF('Standard Profiles'!$G$19=$B$17,14,0)+IF('Standard Profiles'!$G$19=$B$24,21,0),MOD($C7873,24)+1)/SUM(INDEX($D$3:$AA$30,INDEX(Jesper!$R$2:$R$366,ROW(INDEX(Jesper!AI$2:AI$366,ROUNDDOWN($C7873/24,0)+1,1))-1)+IF('Standard Profiles'!$G$19=$B$10,7,0)+IF('Standard Profiles'!$G$19=$B$17,14,0)+IF('Standard Profiles'!$G$19=$B$24,21,0),0)),0)</f>
        <v>0</v>
      </c>
      <c r="F7873" cm="1">
        <f t="array" ref="F7873">IFERROR(INDEX(Jesper!AJ$2:AJ$366,ROUNDDOWN($C7873/24,0)+1,1)*INDEX($D$3:$AA$30,INDEX(Jesper!$R$2:$R$366,ROW(INDEX(Jesper!AJ$2:AJ$366,ROUNDDOWN($C7873/24,0)+1,1))-1)+IF('Standard Profiles'!$G$20=$B$10,7,0)+IF('Standard Profiles'!$G$20=$B$17,14,0)+IF('Standard Profiles'!$G$20=$B$24,21,0),MOD($C7873,24)+1)/SUM(INDEX($D$3:$AA$30,INDEX(Jesper!$R$2:$R$366,ROW(INDEX(Jesper!AJ$2:AJ$366,ROUNDDOWN($C7873/24,0)+1,1))-1)+IF('Standard Profiles'!$G$20=$B$10,7,0)+IF('Standard Profiles'!$G$20=$B$17,14,0)+IF('Standard Profiles'!$G$20=$B$24,21,0),0)),0)</f>
        <v>0</v>
      </c>
      <c r="G7873" cm="1">
        <f t="array" ref="G7873">IFERROR(INDEX(Jesper!AK$2:AK$366,ROUNDDOWN($C7873/24,0)+1,1)*INDEX($D$3:$AA$30,INDEX(Jesper!$R$2:$R$366,ROW(INDEX(Jesper!AK$2:AK$366,ROUNDDOWN($C7873/24,0)+1,1))-1)+IF('Standard Profiles'!$G$21=$B$10,7,0)+IF('Standard Profiles'!$G$21=$B$17,14,0)+IF('Standard Profiles'!$G$21=$B$24,21,0),MOD($C7873,24)+1)/SUM(INDEX($D$3:$AA$30,INDEX(Jesper!$R$2:$R$366,ROW(INDEX(Jesper!AK$2:AK$366,ROUNDDOWN($C7873/24,0)+1,1))-1)+IF('Standard Profiles'!$G$21=$B$10,7,0)+IF('Standard Profiles'!$G$21=$B$17,14,0)+IF('Standard Profiles'!$G$21=$B$24,21,0),0)),0)</f>
        <v>0</v>
      </c>
      <c r="H7873" cm="1">
        <f t="array" ref="H7873">IFERROR(INDEX(Jesper!AL$2:AL$366,ROUNDDOWN($C7873/24,0)+1,1)*INDEX($D$3:$AA$30,INDEX(Jesper!$R$2:$R$366,ROW(INDEX(Jesper!AL$2:AL$366,ROUNDDOWN($C7873/24,0)+1,1))-1)+IF('Standard Profiles'!$G$22=$B$10,7,0)+IF('Standard Profiles'!$G$22=$B$17,14,0)+IF('Standard Profiles'!$G$22=$B$24,21,0),MOD($C7873,24)+1)/SUM(INDEX($D$3:$AA$30,INDEX(Jesper!$R$2:$R$366,ROW(INDEX(Jesper!AL$2:AL$366,ROUNDDOWN($C7873/24,0)+1,1))-1)+IF('Standard Profiles'!$G$22=$B$10,7,0)+IF('Standard Profiles'!$G$22=$B$17,14,0)+IF('Standard Profiles'!$G$22=$B$24,21,0),0)),0)</f>
        <v>0</v>
      </c>
      <c r="I7873">
        <f t="shared" si="874"/>
        <v>0.42380312888601585</v>
      </c>
      <c r="J7873">
        <f t="shared" si="875"/>
        <v>1.4126770962867197</v>
      </c>
      <c r="K7873">
        <f t="shared" si="876"/>
        <v>2.1190156444300792</v>
      </c>
      <c r="L7873">
        <f t="shared" si="877"/>
        <v>10.171275093264381</v>
      </c>
      <c r="M7873">
        <f t="shared" si="878"/>
        <v>0</v>
      </c>
      <c r="N7873" s="46">
        <f t="shared" si="879"/>
        <v>45618.624999980988</v>
      </c>
    </row>
    <row r="7874" spans="2:14" x14ac:dyDescent="0.3">
      <c r="B7874">
        <f t="shared" si="873"/>
        <v>5</v>
      </c>
      <c r="C7874" s="16">
        <v>7840</v>
      </c>
      <c r="D7874" cm="1">
        <f t="array" ref="D7874">IFERROR(INDEX(Jesper!AH$2:AH$366,ROUNDDOWN($C7874/24,0)+1,1)*INDEX($D$3:$AA$30,INDEX(Jesper!$R$2:$R$366,ROW(INDEX(Jesper!AH$2:AH$366,ROUNDDOWN($C7874/24,0)+1,1))-1)+IF('Standard Profiles'!$G$18=$B$10,7,0)+IF('Standard Profiles'!$G$18=$B$17,14,0)+IF('Standard Profiles'!$G$18=$B$24,21,0),MOD($C7874,24)+1)/SUM(INDEX($D$3:$AA$30,INDEX(Jesper!$R$2:$R$366,ROW(INDEX(Jesper!AH$2:AH$366,ROUNDDOWN($C7874/24,0)+1,1))-1)+IF('Standard Profiles'!$G$18=$B$10,7,0)+IF('Standard Profiles'!$G$18=$B$17,14,0)+IF('Standard Profiles'!$G$18=$B$24,21,0),0)),0)</f>
        <v>13.373343178180946</v>
      </c>
      <c r="E7874" cm="1">
        <f t="array" ref="E7874">IFERROR(INDEX(Jesper!AI$2:AI$366,ROUNDDOWN($C7874/24,0)+1,1)*INDEX($D$3:$AA$30,INDEX(Jesper!$R$2:$R$366,ROW(INDEX(Jesper!AI$2:AI$366,ROUNDDOWN($C7874/24,0)+1,1))-1)+IF('Standard Profiles'!$G$19=$B$10,7,0)+IF('Standard Profiles'!$G$19=$B$17,14,0)+IF('Standard Profiles'!$G$19=$B$24,21,0),MOD($C7874,24)+1)/SUM(INDEX($D$3:$AA$30,INDEX(Jesper!$R$2:$R$366,ROW(INDEX(Jesper!AI$2:AI$366,ROUNDDOWN($C7874/24,0)+1,1))-1)+IF('Standard Profiles'!$G$19=$B$10,7,0)+IF('Standard Profiles'!$G$19=$B$17,14,0)+IF('Standard Profiles'!$G$19=$B$24,21,0),0)),0)</f>
        <v>0</v>
      </c>
      <c r="F7874" cm="1">
        <f t="array" ref="F7874">IFERROR(INDEX(Jesper!AJ$2:AJ$366,ROUNDDOWN($C7874/24,0)+1,1)*INDEX($D$3:$AA$30,INDEX(Jesper!$R$2:$R$366,ROW(INDEX(Jesper!AJ$2:AJ$366,ROUNDDOWN($C7874/24,0)+1,1))-1)+IF('Standard Profiles'!$G$20=$B$10,7,0)+IF('Standard Profiles'!$G$20=$B$17,14,0)+IF('Standard Profiles'!$G$20=$B$24,21,0),MOD($C7874,24)+1)/SUM(INDEX($D$3:$AA$30,INDEX(Jesper!$R$2:$R$366,ROW(INDEX(Jesper!AJ$2:AJ$366,ROUNDDOWN($C7874/24,0)+1,1))-1)+IF('Standard Profiles'!$G$20=$B$10,7,0)+IF('Standard Profiles'!$G$20=$B$17,14,0)+IF('Standard Profiles'!$G$20=$B$24,21,0),0)),0)</f>
        <v>0</v>
      </c>
      <c r="G7874" cm="1">
        <f t="array" ref="G7874">IFERROR(INDEX(Jesper!AK$2:AK$366,ROUNDDOWN($C7874/24,0)+1,1)*INDEX($D$3:$AA$30,INDEX(Jesper!$R$2:$R$366,ROW(INDEX(Jesper!AK$2:AK$366,ROUNDDOWN($C7874/24,0)+1,1))-1)+IF('Standard Profiles'!$G$21=$B$10,7,0)+IF('Standard Profiles'!$G$21=$B$17,14,0)+IF('Standard Profiles'!$G$21=$B$24,21,0),MOD($C7874,24)+1)/SUM(INDEX($D$3:$AA$30,INDEX(Jesper!$R$2:$R$366,ROW(INDEX(Jesper!AK$2:AK$366,ROUNDDOWN($C7874/24,0)+1,1))-1)+IF('Standard Profiles'!$G$21=$B$10,7,0)+IF('Standard Profiles'!$G$21=$B$17,14,0)+IF('Standard Profiles'!$G$21=$B$24,21,0),0)),0)</f>
        <v>0</v>
      </c>
      <c r="H7874" cm="1">
        <f t="array" ref="H7874">IFERROR(INDEX(Jesper!AL$2:AL$366,ROUNDDOWN($C7874/24,0)+1,1)*INDEX($D$3:$AA$30,INDEX(Jesper!$R$2:$R$366,ROW(INDEX(Jesper!AL$2:AL$366,ROUNDDOWN($C7874/24,0)+1,1))-1)+IF('Standard Profiles'!$G$22=$B$10,7,0)+IF('Standard Profiles'!$G$22=$B$17,14,0)+IF('Standard Profiles'!$G$22=$B$24,21,0),MOD($C7874,24)+1)/SUM(INDEX($D$3:$AA$30,INDEX(Jesper!$R$2:$R$366,ROW(INDEX(Jesper!AL$2:AL$366,ROUNDDOWN($C7874/24,0)+1,1))-1)+IF('Standard Profiles'!$G$22=$B$10,7,0)+IF('Standard Profiles'!$G$22=$B$17,14,0)+IF('Standard Profiles'!$G$22=$B$24,21,0),0)),0)</f>
        <v>0</v>
      </c>
      <c r="I7874">
        <f t="shared" si="874"/>
        <v>0.40120029534542834</v>
      </c>
      <c r="J7874">
        <f t="shared" si="875"/>
        <v>1.3373343178180948</v>
      </c>
      <c r="K7874">
        <f t="shared" si="876"/>
        <v>2.0060014767271417</v>
      </c>
      <c r="L7874">
        <f t="shared" si="877"/>
        <v>9.6288070882902801</v>
      </c>
      <c r="M7874">
        <f t="shared" si="878"/>
        <v>0</v>
      </c>
      <c r="N7874" s="46">
        <f t="shared" si="879"/>
        <v>45618.666666647652</v>
      </c>
    </row>
    <row r="7875" spans="2:14" x14ac:dyDescent="0.3">
      <c r="B7875">
        <f t="shared" si="873"/>
        <v>5</v>
      </c>
      <c r="C7875" s="16">
        <v>7841</v>
      </c>
      <c r="D7875" cm="1">
        <f t="array" ref="D7875">IFERROR(INDEX(Jesper!AH$2:AH$366,ROUNDDOWN($C7875/24,0)+1,1)*INDEX($D$3:$AA$30,INDEX(Jesper!$R$2:$R$366,ROW(INDEX(Jesper!AH$2:AH$366,ROUNDDOWN($C7875/24,0)+1,1))-1)+IF('Standard Profiles'!$G$18=$B$10,7,0)+IF('Standard Profiles'!$G$18=$B$17,14,0)+IF('Standard Profiles'!$G$18=$B$24,21,0),MOD($C7875,24)+1)/SUM(INDEX($D$3:$AA$30,INDEX(Jesper!$R$2:$R$366,ROW(INDEX(Jesper!AH$2:AH$366,ROUNDDOWN($C7875/24,0)+1,1))-1)+IF('Standard Profiles'!$G$18=$B$10,7,0)+IF('Standard Profiles'!$G$18=$B$17,14,0)+IF('Standard Profiles'!$G$18=$B$24,21,0),0)),0)</f>
        <v>13.373343178180946</v>
      </c>
      <c r="E7875" cm="1">
        <f t="array" ref="E7875">IFERROR(INDEX(Jesper!AI$2:AI$366,ROUNDDOWN($C7875/24,0)+1,1)*INDEX($D$3:$AA$30,INDEX(Jesper!$R$2:$R$366,ROW(INDEX(Jesper!AI$2:AI$366,ROUNDDOWN($C7875/24,0)+1,1))-1)+IF('Standard Profiles'!$G$19=$B$10,7,0)+IF('Standard Profiles'!$G$19=$B$17,14,0)+IF('Standard Profiles'!$G$19=$B$24,21,0),MOD($C7875,24)+1)/SUM(INDEX($D$3:$AA$30,INDEX(Jesper!$R$2:$R$366,ROW(INDEX(Jesper!AI$2:AI$366,ROUNDDOWN($C7875/24,0)+1,1))-1)+IF('Standard Profiles'!$G$19=$B$10,7,0)+IF('Standard Profiles'!$G$19=$B$17,14,0)+IF('Standard Profiles'!$G$19=$B$24,21,0),0)),0)</f>
        <v>0</v>
      </c>
      <c r="F7875" cm="1">
        <f t="array" ref="F7875">IFERROR(INDEX(Jesper!AJ$2:AJ$366,ROUNDDOWN($C7875/24,0)+1,1)*INDEX($D$3:$AA$30,INDEX(Jesper!$R$2:$R$366,ROW(INDEX(Jesper!AJ$2:AJ$366,ROUNDDOWN($C7875/24,0)+1,1))-1)+IF('Standard Profiles'!$G$20=$B$10,7,0)+IF('Standard Profiles'!$G$20=$B$17,14,0)+IF('Standard Profiles'!$G$20=$B$24,21,0),MOD($C7875,24)+1)/SUM(INDEX($D$3:$AA$30,INDEX(Jesper!$R$2:$R$366,ROW(INDEX(Jesper!AJ$2:AJ$366,ROUNDDOWN($C7875/24,0)+1,1))-1)+IF('Standard Profiles'!$G$20=$B$10,7,0)+IF('Standard Profiles'!$G$20=$B$17,14,0)+IF('Standard Profiles'!$G$20=$B$24,21,0),0)),0)</f>
        <v>0</v>
      </c>
      <c r="G7875" cm="1">
        <f t="array" ref="G7875">IFERROR(INDEX(Jesper!AK$2:AK$366,ROUNDDOWN($C7875/24,0)+1,1)*INDEX($D$3:$AA$30,INDEX(Jesper!$R$2:$R$366,ROW(INDEX(Jesper!AK$2:AK$366,ROUNDDOWN($C7875/24,0)+1,1))-1)+IF('Standard Profiles'!$G$21=$B$10,7,0)+IF('Standard Profiles'!$G$21=$B$17,14,0)+IF('Standard Profiles'!$G$21=$B$24,21,0),MOD($C7875,24)+1)/SUM(INDEX($D$3:$AA$30,INDEX(Jesper!$R$2:$R$366,ROW(INDEX(Jesper!AK$2:AK$366,ROUNDDOWN($C7875/24,0)+1,1))-1)+IF('Standard Profiles'!$G$21=$B$10,7,0)+IF('Standard Profiles'!$G$21=$B$17,14,0)+IF('Standard Profiles'!$G$21=$B$24,21,0),0)),0)</f>
        <v>0</v>
      </c>
      <c r="H7875" cm="1">
        <f t="array" ref="H7875">IFERROR(INDEX(Jesper!AL$2:AL$366,ROUNDDOWN($C7875/24,0)+1,1)*INDEX($D$3:$AA$30,INDEX(Jesper!$R$2:$R$366,ROW(INDEX(Jesper!AL$2:AL$366,ROUNDDOWN($C7875/24,0)+1,1))-1)+IF('Standard Profiles'!$G$22=$B$10,7,0)+IF('Standard Profiles'!$G$22=$B$17,14,0)+IF('Standard Profiles'!$G$22=$B$24,21,0),MOD($C7875,24)+1)/SUM(INDEX($D$3:$AA$30,INDEX(Jesper!$R$2:$R$366,ROW(INDEX(Jesper!AL$2:AL$366,ROUNDDOWN($C7875/24,0)+1,1))-1)+IF('Standard Profiles'!$G$22=$B$10,7,0)+IF('Standard Profiles'!$G$22=$B$17,14,0)+IF('Standard Profiles'!$G$22=$B$24,21,0),0)),0)</f>
        <v>0</v>
      </c>
      <c r="I7875">
        <f t="shared" si="874"/>
        <v>0.40120029534542834</v>
      </c>
      <c r="J7875">
        <f t="shared" si="875"/>
        <v>1.3373343178180948</v>
      </c>
      <c r="K7875">
        <f t="shared" si="876"/>
        <v>2.0060014767271417</v>
      </c>
      <c r="L7875">
        <f t="shared" si="877"/>
        <v>9.6288070882902801</v>
      </c>
      <c r="M7875">
        <f t="shared" si="878"/>
        <v>0</v>
      </c>
      <c r="N7875" s="46">
        <f t="shared" si="879"/>
        <v>45618.708333314316</v>
      </c>
    </row>
    <row r="7876" spans="2:14" x14ac:dyDescent="0.3">
      <c r="B7876">
        <f t="shared" si="873"/>
        <v>5</v>
      </c>
      <c r="C7876" s="16">
        <v>7842</v>
      </c>
      <c r="D7876" cm="1">
        <f t="array" ref="D7876">IFERROR(INDEX(Jesper!AH$2:AH$366,ROUNDDOWN($C7876/24,0)+1,1)*INDEX($D$3:$AA$30,INDEX(Jesper!$R$2:$R$366,ROW(INDEX(Jesper!AH$2:AH$366,ROUNDDOWN($C7876/24,0)+1,1))-1)+IF('Standard Profiles'!$G$18=$B$10,7,0)+IF('Standard Profiles'!$G$18=$B$17,14,0)+IF('Standard Profiles'!$G$18=$B$24,21,0),MOD($C7876,24)+1)/SUM(INDEX($D$3:$AA$30,INDEX(Jesper!$R$2:$R$366,ROW(INDEX(Jesper!AH$2:AH$366,ROUNDDOWN($C7876/24,0)+1,1))-1)+IF('Standard Profiles'!$G$18=$B$10,7,0)+IF('Standard Profiles'!$G$18=$B$17,14,0)+IF('Standard Profiles'!$G$18=$B$24,21,0),0)),0)</f>
        <v>13.373343178180946</v>
      </c>
      <c r="E7876" cm="1">
        <f t="array" ref="E7876">IFERROR(INDEX(Jesper!AI$2:AI$366,ROUNDDOWN($C7876/24,0)+1,1)*INDEX($D$3:$AA$30,INDEX(Jesper!$R$2:$R$366,ROW(INDEX(Jesper!AI$2:AI$366,ROUNDDOWN($C7876/24,0)+1,1))-1)+IF('Standard Profiles'!$G$19=$B$10,7,0)+IF('Standard Profiles'!$G$19=$B$17,14,0)+IF('Standard Profiles'!$G$19=$B$24,21,0),MOD($C7876,24)+1)/SUM(INDEX($D$3:$AA$30,INDEX(Jesper!$R$2:$R$366,ROW(INDEX(Jesper!AI$2:AI$366,ROUNDDOWN($C7876/24,0)+1,1))-1)+IF('Standard Profiles'!$G$19=$B$10,7,0)+IF('Standard Profiles'!$G$19=$B$17,14,0)+IF('Standard Profiles'!$G$19=$B$24,21,0),0)),0)</f>
        <v>0</v>
      </c>
      <c r="F7876" cm="1">
        <f t="array" ref="F7876">IFERROR(INDEX(Jesper!AJ$2:AJ$366,ROUNDDOWN($C7876/24,0)+1,1)*INDEX($D$3:$AA$30,INDEX(Jesper!$R$2:$R$366,ROW(INDEX(Jesper!AJ$2:AJ$366,ROUNDDOWN($C7876/24,0)+1,1))-1)+IF('Standard Profiles'!$G$20=$B$10,7,0)+IF('Standard Profiles'!$G$20=$B$17,14,0)+IF('Standard Profiles'!$G$20=$B$24,21,0),MOD($C7876,24)+1)/SUM(INDEX($D$3:$AA$30,INDEX(Jesper!$R$2:$R$366,ROW(INDEX(Jesper!AJ$2:AJ$366,ROUNDDOWN($C7876/24,0)+1,1))-1)+IF('Standard Profiles'!$G$20=$B$10,7,0)+IF('Standard Profiles'!$G$20=$B$17,14,0)+IF('Standard Profiles'!$G$20=$B$24,21,0),0)),0)</f>
        <v>0</v>
      </c>
      <c r="G7876" cm="1">
        <f t="array" ref="G7876">IFERROR(INDEX(Jesper!AK$2:AK$366,ROUNDDOWN($C7876/24,0)+1,1)*INDEX($D$3:$AA$30,INDEX(Jesper!$R$2:$R$366,ROW(INDEX(Jesper!AK$2:AK$366,ROUNDDOWN($C7876/24,0)+1,1))-1)+IF('Standard Profiles'!$G$21=$B$10,7,0)+IF('Standard Profiles'!$G$21=$B$17,14,0)+IF('Standard Profiles'!$G$21=$B$24,21,0),MOD($C7876,24)+1)/SUM(INDEX($D$3:$AA$30,INDEX(Jesper!$R$2:$R$366,ROW(INDEX(Jesper!AK$2:AK$366,ROUNDDOWN($C7876/24,0)+1,1))-1)+IF('Standard Profiles'!$G$21=$B$10,7,0)+IF('Standard Profiles'!$G$21=$B$17,14,0)+IF('Standard Profiles'!$G$21=$B$24,21,0),0)),0)</f>
        <v>0</v>
      </c>
      <c r="H7876" cm="1">
        <f t="array" ref="H7876">IFERROR(INDEX(Jesper!AL$2:AL$366,ROUNDDOWN($C7876/24,0)+1,1)*INDEX($D$3:$AA$30,INDEX(Jesper!$R$2:$R$366,ROW(INDEX(Jesper!AL$2:AL$366,ROUNDDOWN($C7876/24,0)+1,1))-1)+IF('Standard Profiles'!$G$22=$B$10,7,0)+IF('Standard Profiles'!$G$22=$B$17,14,0)+IF('Standard Profiles'!$G$22=$B$24,21,0),MOD($C7876,24)+1)/SUM(INDEX($D$3:$AA$30,INDEX(Jesper!$R$2:$R$366,ROW(INDEX(Jesper!AL$2:AL$366,ROUNDDOWN($C7876/24,0)+1,1))-1)+IF('Standard Profiles'!$G$22=$B$10,7,0)+IF('Standard Profiles'!$G$22=$B$17,14,0)+IF('Standard Profiles'!$G$22=$B$24,21,0),0)),0)</f>
        <v>0</v>
      </c>
      <c r="I7876">
        <f t="shared" si="874"/>
        <v>0.40120029534542834</v>
      </c>
      <c r="J7876">
        <f t="shared" si="875"/>
        <v>1.3373343178180948</v>
      </c>
      <c r="K7876">
        <f t="shared" si="876"/>
        <v>2.0060014767271417</v>
      </c>
      <c r="L7876">
        <f t="shared" si="877"/>
        <v>9.6288070882902801</v>
      </c>
      <c r="M7876">
        <f t="shared" si="878"/>
        <v>0</v>
      </c>
      <c r="N7876" s="46">
        <f t="shared" si="879"/>
        <v>45618.749999980981</v>
      </c>
    </row>
    <row r="7877" spans="2:14" x14ac:dyDescent="0.3">
      <c r="B7877">
        <f t="shared" si="873"/>
        <v>5</v>
      </c>
      <c r="C7877" s="16">
        <v>7843</v>
      </c>
      <c r="D7877" cm="1">
        <f t="array" ref="D7877">IFERROR(INDEX(Jesper!AH$2:AH$366,ROUNDDOWN($C7877/24,0)+1,1)*INDEX($D$3:$AA$30,INDEX(Jesper!$R$2:$R$366,ROW(INDEX(Jesper!AH$2:AH$366,ROUNDDOWN($C7877/24,0)+1,1))-1)+IF('Standard Profiles'!$G$18=$B$10,7,0)+IF('Standard Profiles'!$G$18=$B$17,14,0)+IF('Standard Profiles'!$G$18=$B$24,21,0),MOD($C7877,24)+1)/SUM(INDEX($D$3:$AA$30,INDEX(Jesper!$R$2:$R$366,ROW(INDEX(Jesper!AH$2:AH$366,ROUNDDOWN($C7877/24,0)+1,1))-1)+IF('Standard Profiles'!$G$18=$B$10,7,0)+IF('Standard Profiles'!$G$18=$B$17,14,0)+IF('Standard Profiles'!$G$18=$B$24,21,0),0)),0)</f>
        <v>13.373343178180946</v>
      </c>
      <c r="E7877" cm="1">
        <f t="array" ref="E7877">IFERROR(INDEX(Jesper!AI$2:AI$366,ROUNDDOWN($C7877/24,0)+1,1)*INDEX($D$3:$AA$30,INDEX(Jesper!$R$2:$R$366,ROW(INDEX(Jesper!AI$2:AI$366,ROUNDDOWN($C7877/24,0)+1,1))-1)+IF('Standard Profiles'!$G$19=$B$10,7,0)+IF('Standard Profiles'!$G$19=$B$17,14,0)+IF('Standard Profiles'!$G$19=$B$24,21,0),MOD($C7877,24)+1)/SUM(INDEX($D$3:$AA$30,INDEX(Jesper!$R$2:$R$366,ROW(INDEX(Jesper!AI$2:AI$366,ROUNDDOWN($C7877/24,0)+1,1))-1)+IF('Standard Profiles'!$G$19=$B$10,7,0)+IF('Standard Profiles'!$G$19=$B$17,14,0)+IF('Standard Profiles'!$G$19=$B$24,21,0),0)),0)</f>
        <v>0</v>
      </c>
      <c r="F7877" cm="1">
        <f t="array" ref="F7877">IFERROR(INDEX(Jesper!AJ$2:AJ$366,ROUNDDOWN($C7877/24,0)+1,1)*INDEX($D$3:$AA$30,INDEX(Jesper!$R$2:$R$366,ROW(INDEX(Jesper!AJ$2:AJ$366,ROUNDDOWN($C7877/24,0)+1,1))-1)+IF('Standard Profiles'!$G$20=$B$10,7,0)+IF('Standard Profiles'!$G$20=$B$17,14,0)+IF('Standard Profiles'!$G$20=$B$24,21,0),MOD($C7877,24)+1)/SUM(INDEX($D$3:$AA$30,INDEX(Jesper!$R$2:$R$366,ROW(INDEX(Jesper!AJ$2:AJ$366,ROUNDDOWN($C7877/24,0)+1,1))-1)+IF('Standard Profiles'!$G$20=$B$10,7,0)+IF('Standard Profiles'!$G$20=$B$17,14,0)+IF('Standard Profiles'!$G$20=$B$24,21,0),0)),0)</f>
        <v>0</v>
      </c>
      <c r="G7877" cm="1">
        <f t="array" ref="G7877">IFERROR(INDEX(Jesper!AK$2:AK$366,ROUNDDOWN($C7877/24,0)+1,1)*INDEX($D$3:$AA$30,INDEX(Jesper!$R$2:$R$366,ROW(INDEX(Jesper!AK$2:AK$366,ROUNDDOWN($C7877/24,0)+1,1))-1)+IF('Standard Profiles'!$G$21=$B$10,7,0)+IF('Standard Profiles'!$G$21=$B$17,14,0)+IF('Standard Profiles'!$G$21=$B$24,21,0),MOD($C7877,24)+1)/SUM(INDEX($D$3:$AA$30,INDEX(Jesper!$R$2:$R$366,ROW(INDEX(Jesper!AK$2:AK$366,ROUNDDOWN($C7877/24,0)+1,1))-1)+IF('Standard Profiles'!$G$21=$B$10,7,0)+IF('Standard Profiles'!$G$21=$B$17,14,0)+IF('Standard Profiles'!$G$21=$B$24,21,0),0)),0)</f>
        <v>0</v>
      </c>
      <c r="H7877" cm="1">
        <f t="array" ref="H7877">IFERROR(INDEX(Jesper!AL$2:AL$366,ROUNDDOWN($C7877/24,0)+1,1)*INDEX($D$3:$AA$30,INDEX(Jesper!$R$2:$R$366,ROW(INDEX(Jesper!AL$2:AL$366,ROUNDDOWN($C7877/24,0)+1,1))-1)+IF('Standard Profiles'!$G$22=$B$10,7,0)+IF('Standard Profiles'!$G$22=$B$17,14,0)+IF('Standard Profiles'!$G$22=$B$24,21,0),MOD($C7877,24)+1)/SUM(INDEX($D$3:$AA$30,INDEX(Jesper!$R$2:$R$366,ROW(INDEX(Jesper!AL$2:AL$366,ROUNDDOWN($C7877/24,0)+1,1))-1)+IF('Standard Profiles'!$G$22=$B$10,7,0)+IF('Standard Profiles'!$G$22=$B$17,14,0)+IF('Standard Profiles'!$G$22=$B$24,21,0),0)),0)</f>
        <v>0</v>
      </c>
      <c r="I7877">
        <f t="shared" si="874"/>
        <v>0.40120029534542834</v>
      </c>
      <c r="J7877">
        <f t="shared" si="875"/>
        <v>1.3373343178180948</v>
      </c>
      <c r="K7877">
        <f t="shared" si="876"/>
        <v>2.0060014767271417</v>
      </c>
      <c r="L7877">
        <f t="shared" si="877"/>
        <v>9.6288070882902801</v>
      </c>
      <c r="M7877">
        <f t="shared" si="878"/>
        <v>0</v>
      </c>
      <c r="N7877" s="46">
        <f t="shared" si="879"/>
        <v>45618.791666647645</v>
      </c>
    </row>
    <row r="7878" spans="2:14" x14ac:dyDescent="0.3">
      <c r="B7878">
        <f t="shared" si="873"/>
        <v>5</v>
      </c>
      <c r="C7878" s="16">
        <v>7844</v>
      </c>
      <c r="D7878" cm="1">
        <f t="array" ref="D7878">IFERROR(INDEX(Jesper!AH$2:AH$366,ROUNDDOWN($C7878/24,0)+1,1)*INDEX($D$3:$AA$30,INDEX(Jesper!$R$2:$R$366,ROW(INDEX(Jesper!AH$2:AH$366,ROUNDDOWN($C7878/24,0)+1,1))-1)+IF('Standard Profiles'!$G$18=$B$10,7,0)+IF('Standard Profiles'!$G$18=$B$17,14,0)+IF('Standard Profiles'!$G$18=$B$24,21,0),MOD($C7878,24)+1)/SUM(INDEX($D$3:$AA$30,INDEX(Jesper!$R$2:$R$366,ROW(INDEX(Jesper!AH$2:AH$366,ROUNDDOWN($C7878/24,0)+1,1))-1)+IF('Standard Profiles'!$G$18=$B$10,7,0)+IF('Standard Profiles'!$G$18=$B$17,14,0)+IF('Standard Profiles'!$G$18=$B$24,21,0),0)),0)</f>
        <v>10.359632039435944</v>
      </c>
      <c r="E7878" cm="1">
        <f t="array" ref="E7878">IFERROR(INDEX(Jesper!AI$2:AI$366,ROUNDDOWN($C7878/24,0)+1,1)*INDEX($D$3:$AA$30,INDEX(Jesper!$R$2:$R$366,ROW(INDEX(Jesper!AI$2:AI$366,ROUNDDOWN($C7878/24,0)+1,1))-1)+IF('Standard Profiles'!$G$19=$B$10,7,0)+IF('Standard Profiles'!$G$19=$B$17,14,0)+IF('Standard Profiles'!$G$19=$B$24,21,0),MOD($C7878,24)+1)/SUM(INDEX($D$3:$AA$30,INDEX(Jesper!$R$2:$R$366,ROW(INDEX(Jesper!AI$2:AI$366,ROUNDDOWN($C7878/24,0)+1,1))-1)+IF('Standard Profiles'!$G$19=$B$10,7,0)+IF('Standard Profiles'!$G$19=$B$17,14,0)+IF('Standard Profiles'!$G$19=$B$24,21,0),0)),0)</f>
        <v>0</v>
      </c>
      <c r="F7878" cm="1">
        <f t="array" ref="F7878">IFERROR(INDEX(Jesper!AJ$2:AJ$366,ROUNDDOWN($C7878/24,0)+1,1)*INDEX($D$3:$AA$30,INDEX(Jesper!$R$2:$R$366,ROW(INDEX(Jesper!AJ$2:AJ$366,ROUNDDOWN($C7878/24,0)+1,1))-1)+IF('Standard Profiles'!$G$20=$B$10,7,0)+IF('Standard Profiles'!$G$20=$B$17,14,0)+IF('Standard Profiles'!$G$20=$B$24,21,0),MOD($C7878,24)+1)/SUM(INDEX($D$3:$AA$30,INDEX(Jesper!$R$2:$R$366,ROW(INDEX(Jesper!AJ$2:AJ$366,ROUNDDOWN($C7878/24,0)+1,1))-1)+IF('Standard Profiles'!$G$20=$B$10,7,0)+IF('Standard Profiles'!$G$20=$B$17,14,0)+IF('Standard Profiles'!$G$20=$B$24,21,0),0)),0)</f>
        <v>0</v>
      </c>
      <c r="G7878" cm="1">
        <f t="array" ref="G7878">IFERROR(INDEX(Jesper!AK$2:AK$366,ROUNDDOWN($C7878/24,0)+1,1)*INDEX($D$3:$AA$30,INDEX(Jesper!$R$2:$R$366,ROW(INDEX(Jesper!AK$2:AK$366,ROUNDDOWN($C7878/24,0)+1,1))-1)+IF('Standard Profiles'!$G$21=$B$10,7,0)+IF('Standard Profiles'!$G$21=$B$17,14,0)+IF('Standard Profiles'!$G$21=$B$24,21,0),MOD($C7878,24)+1)/SUM(INDEX($D$3:$AA$30,INDEX(Jesper!$R$2:$R$366,ROW(INDEX(Jesper!AK$2:AK$366,ROUNDDOWN($C7878/24,0)+1,1))-1)+IF('Standard Profiles'!$G$21=$B$10,7,0)+IF('Standard Profiles'!$G$21=$B$17,14,0)+IF('Standard Profiles'!$G$21=$B$24,21,0),0)),0)</f>
        <v>0</v>
      </c>
      <c r="H7878" cm="1">
        <f t="array" ref="H7878">IFERROR(INDEX(Jesper!AL$2:AL$366,ROUNDDOWN($C7878/24,0)+1,1)*INDEX($D$3:$AA$30,INDEX(Jesper!$R$2:$R$366,ROW(INDEX(Jesper!AL$2:AL$366,ROUNDDOWN($C7878/24,0)+1,1))-1)+IF('Standard Profiles'!$G$22=$B$10,7,0)+IF('Standard Profiles'!$G$22=$B$17,14,0)+IF('Standard Profiles'!$G$22=$B$24,21,0),MOD($C7878,24)+1)/SUM(INDEX($D$3:$AA$30,INDEX(Jesper!$R$2:$R$366,ROW(INDEX(Jesper!AL$2:AL$366,ROUNDDOWN($C7878/24,0)+1,1))-1)+IF('Standard Profiles'!$G$22=$B$10,7,0)+IF('Standard Profiles'!$G$22=$B$17,14,0)+IF('Standard Profiles'!$G$22=$B$24,21,0),0)),0)</f>
        <v>0</v>
      </c>
      <c r="I7878">
        <f t="shared" si="874"/>
        <v>0.3107889611830783</v>
      </c>
      <c r="J7878">
        <f t="shared" si="875"/>
        <v>1.0359632039435944</v>
      </c>
      <c r="K7878">
        <f t="shared" si="876"/>
        <v>1.5539448059153915</v>
      </c>
      <c r="L7878">
        <f t="shared" si="877"/>
        <v>7.4589350683938793</v>
      </c>
      <c r="M7878">
        <f t="shared" si="878"/>
        <v>0</v>
      </c>
      <c r="N7878" s="46">
        <f t="shared" si="879"/>
        <v>45618.833333314309</v>
      </c>
    </row>
    <row r="7879" spans="2:14" x14ac:dyDescent="0.3">
      <c r="B7879">
        <f t="shared" si="873"/>
        <v>5</v>
      </c>
      <c r="C7879" s="16">
        <v>7845</v>
      </c>
      <c r="D7879" cm="1">
        <f t="array" ref="D7879">IFERROR(INDEX(Jesper!AH$2:AH$366,ROUNDDOWN($C7879/24,0)+1,1)*INDEX($D$3:$AA$30,INDEX(Jesper!$R$2:$R$366,ROW(INDEX(Jesper!AH$2:AH$366,ROUNDDOWN($C7879/24,0)+1,1))-1)+IF('Standard Profiles'!$G$18=$B$10,7,0)+IF('Standard Profiles'!$G$18=$B$17,14,0)+IF('Standard Profiles'!$G$18=$B$24,21,0),MOD($C7879,24)+1)/SUM(INDEX($D$3:$AA$30,INDEX(Jesper!$R$2:$R$366,ROW(INDEX(Jesper!AH$2:AH$366,ROUNDDOWN($C7879/24,0)+1,1))-1)+IF('Standard Profiles'!$G$18=$B$10,7,0)+IF('Standard Profiles'!$G$18=$B$17,14,0)+IF('Standard Profiles'!$G$18=$B$24,21,0),0)),0)</f>
        <v>3.9554958696028142</v>
      </c>
      <c r="E7879" cm="1">
        <f t="array" ref="E7879">IFERROR(INDEX(Jesper!AI$2:AI$366,ROUNDDOWN($C7879/24,0)+1,1)*INDEX($D$3:$AA$30,INDEX(Jesper!$R$2:$R$366,ROW(INDEX(Jesper!AI$2:AI$366,ROUNDDOWN($C7879/24,0)+1,1))-1)+IF('Standard Profiles'!$G$19=$B$10,7,0)+IF('Standard Profiles'!$G$19=$B$17,14,0)+IF('Standard Profiles'!$G$19=$B$24,21,0),MOD($C7879,24)+1)/SUM(INDEX($D$3:$AA$30,INDEX(Jesper!$R$2:$R$366,ROW(INDEX(Jesper!AI$2:AI$366,ROUNDDOWN($C7879/24,0)+1,1))-1)+IF('Standard Profiles'!$G$19=$B$10,7,0)+IF('Standard Profiles'!$G$19=$B$17,14,0)+IF('Standard Profiles'!$G$19=$B$24,21,0),0)),0)</f>
        <v>0</v>
      </c>
      <c r="F7879" cm="1">
        <f t="array" ref="F7879">IFERROR(INDEX(Jesper!AJ$2:AJ$366,ROUNDDOWN($C7879/24,0)+1,1)*INDEX($D$3:$AA$30,INDEX(Jesper!$R$2:$R$366,ROW(INDEX(Jesper!AJ$2:AJ$366,ROUNDDOWN($C7879/24,0)+1,1))-1)+IF('Standard Profiles'!$G$20=$B$10,7,0)+IF('Standard Profiles'!$G$20=$B$17,14,0)+IF('Standard Profiles'!$G$20=$B$24,21,0),MOD($C7879,24)+1)/SUM(INDEX($D$3:$AA$30,INDEX(Jesper!$R$2:$R$366,ROW(INDEX(Jesper!AJ$2:AJ$366,ROUNDDOWN($C7879/24,0)+1,1))-1)+IF('Standard Profiles'!$G$20=$B$10,7,0)+IF('Standard Profiles'!$G$20=$B$17,14,0)+IF('Standard Profiles'!$G$20=$B$24,21,0),0)),0)</f>
        <v>0</v>
      </c>
      <c r="G7879" cm="1">
        <f t="array" ref="G7879">IFERROR(INDEX(Jesper!AK$2:AK$366,ROUNDDOWN($C7879/24,0)+1,1)*INDEX($D$3:$AA$30,INDEX(Jesper!$R$2:$R$366,ROW(INDEX(Jesper!AK$2:AK$366,ROUNDDOWN($C7879/24,0)+1,1))-1)+IF('Standard Profiles'!$G$21=$B$10,7,0)+IF('Standard Profiles'!$G$21=$B$17,14,0)+IF('Standard Profiles'!$G$21=$B$24,21,0),MOD($C7879,24)+1)/SUM(INDEX($D$3:$AA$30,INDEX(Jesper!$R$2:$R$366,ROW(INDEX(Jesper!AK$2:AK$366,ROUNDDOWN($C7879/24,0)+1,1))-1)+IF('Standard Profiles'!$G$21=$B$10,7,0)+IF('Standard Profiles'!$G$21=$B$17,14,0)+IF('Standard Profiles'!$G$21=$B$24,21,0),0)),0)</f>
        <v>0</v>
      </c>
      <c r="H7879" cm="1">
        <f t="array" ref="H7879">IFERROR(INDEX(Jesper!AL$2:AL$366,ROUNDDOWN($C7879/24,0)+1,1)*INDEX($D$3:$AA$30,INDEX(Jesper!$R$2:$R$366,ROW(INDEX(Jesper!AL$2:AL$366,ROUNDDOWN($C7879/24,0)+1,1))-1)+IF('Standard Profiles'!$G$22=$B$10,7,0)+IF('Standard Profiles'!$G$22=$B$17,14,0)+IF('Standard Profiles'!$G$22=$B$24,21,0),MOD($C7879,24)+1)/SUM(INDEX($D$3:$AA$30,INDEX(Jesper!$R$2:$R$366,ROW(INDEX(Jesper!AL$2:AL$366,ROUNDDOWN($C7879/24,0)+1,1))-1)+IF('Standard Profiles'!$G$22=$B$10,7,0)+IF('Standard Profiles'!$G$22=$B$17,14,0)+IF('Standard Profiles'!$G$22=$B$24,21,0),0)),0)</f>
        <v>0</v>
      </c>
      <c r="I7879">
        <f t="shared" si="874"/>
        <v>0.11866487608808442</v>
      </c>
      <c r="J7879">
        <f t="shared" si="875"/>
        <v>0.39554958696028142</v>
      </c>
      <c r="K7879">
        <f t="shared" si="876"/>
        <v>0.59332438044042213</v>
      </c>
      <c r="L7879">
        <f t="shared" si="877"/>
        <v>2.8479570261140261</v>
      </c>
      <c r="M7879">
        <f t="shared" si="878"/>
        <v>0</v>
      </c>
      <c r="N7879" s="46">
        <f t="shared" si="879"/>
        <v>45618.874999980973</v>
      </c>
    </row>
    <row r="7880" spans="2:14" x14ac:dyDescent="0.3">
      <c r="B7880">
        <f t="shared" si="873"/>
        <v>5</v>
      </c>
      <c r="C7880" s="16">
        <v>7846</v>
      </c>
      <c r="D7880" cm="1">
        <f t="array" ref="D7880">IFERROR(INDEX(Jesper!AH$2:AH$366,ROUNDDOWN($C7880/24,0)+1,1)*INDEX($D$3:$AA$30,INDEX(Jesper!$R$2:$R$366,ROW(INDEX(Jesper!AH$2:AH$366,ROUNDDOWN($C7880/24,0)+1,1))-1)+IF('Standard Profiles'!$G$18=$B$10,7,0)+IF('Standard Profiles'!$G$18=$B$17,14,0)+IF('Standard Profiles'!$G$18=$B$24,21,0),MOD($C7880,24)+1)/SUM(INDEX($D$3:$AA$30,INDEX(Jesper!$R$2:$R$366,ROW(INDEX(Jesper!AH$2:AH$366,ROUNDDOWN($C7880/24,0)+1,1))-1)+IF('Standard Profiles'!$G$18=$B$10,7,0)+IF('Standard Profiles'!$G$18=$B$17,14,0)+IF('Standard Profiles'!$G$18=$B$24,21,0),0)),0)</f>
        <v>3.9554958696028142</v>
      </c>
      <c r="E7880" cm="1">
        <f t="array" ref="E7880">IFERROR(INDEX(Jesper!AI$2:AI$366,ROUNDDOWN($C7880/24,0)+1,1)*INDEX($D$3:$AA$30,INDEX(Jesper!$R$2:$R$366,ROW(INDEX(Jesper!AI$2:AI$366,ROUNDDOWN($C7880/24,0)+1,1))-1)+IF('Standard Profiles'!$G$19=$B$10,7,0)+IF('Standard Profiles'!$G$19=$B$17,14,0)+IF('Standard Profiles'!$G$19=$B$24,21,0),MOD($C7880,24)+1)/SUM(INDEX($D$3:$AA$30,INDEX(Jesper!$R$2:$R$366,ROW(INDEX(Jesper!AI$2:AI$366,ROUNDDOWN($C7880/24,0)+1,1))-1)+IF('Standard Profiles'!$G$19=$B$10,7,0)+IF('Standard Profiles'!$G$19=$B$17,14,0)+IF('Standard Profiles'!$G$19=$B$24,21,0),0)),0)</f>
        <v>0</v>
      </c>
      <c r="F7880" cm="1">
        <f t="array" ref="F7880">IFERROR(INDEX(Jesper!AJ$2:AJ$366,ROUNDDOWN($C7880/24,0)+1,1)*INDEX($D$3:$AA$30,INDEX(Jesper!$R$2:$R$366,ROW(INDEX(Jesper!AJ$2:AJ$366,ROUNDDOWN($C7880/24,0)+1,1))-1)+IF('Standard Profiles'!$G$20=$B$10,7,0)+IF('Standard Profiles'!$G$20=$B$17,14,0)+IF('Standard Profiles'!$G$20=$B$24,21,0),MOD($C7880,24)+1)/SUM(INDEX($D$3:$AA$30,INDEX(Jesper!$R$2:$R$366,ROW(INDEX(Jesper!AJ$2:AJ$366,ROUNDDOWN($C7880/24,0)+1,1))-1)+IF('Standard Profiles'!$G$20=$B$10,7,0)+IF('Standard Profiles'!$G$20=$B$17,14,0)+IF('Standard Profiles'!$G$20=$B$24,21,0),0)),0)</f>
        <v>0</v>
      </c>
      <c r="G7880" cm="1">
        <f t="array" ref="G7880">IFERROR(INDEX(Jesper!AK$2:AK$366,ROUNDDOWN($C7880/24,0)+1,1)*INDEX($D$3:$AA$30,INDEX(Jesper!$R$2:$R$366,ROW(INDEX(Jesper!AK$2:AK$366,ROUNDDOWN($C7880/24,0)+1,1))-1)+IF('Standard Profiles'!$G$21=$B$10,7,0)+IF('Standard Profiles'!$G$21=$B$17,14,0)+IF('Standard Profiles'!$G$21=$B$24,21,0),MOD($C7880,24)+1)/SUM(INDEX($D$3:$AA$30,INDEX(Jesper!$R$2:$R$366,ROW(INDEX(Jesper!AK$2:AK$366,ROUNDDOWN($C7880/24,0)+1,1))-1)+IF('Standard Profiles'!$G$21=$B$10,7,0)+IF('Standard Profiles'!$G$21=$B$17,14,0)+IF('Standard Profiles'!$G$21=$B$24,21,0),0)),0)</f>
        <v>0</v>
      </c>
      <c r="H7880" cm="1">
        <f t="array" ref="H7880">IFERROR(INDEX(Jesper!AL$2:AL$366,ROUNDDOWN($C7880/24,0)+1,1)*INDEX($D$3:$AA$30,INDEX(Jesper!$R$2:$R$366,ROW(INDEX(Jesper!AL$2:AL$366,ROUNDDOWN($C7880/24,0)+1,1))-1)+IF('Standard Profiles'!$G$22=$B$10,7,0)+IF('Standard Profiles'!$G$22=$B$17,14,0)+IF('Standard Profiles'!$G$22=$B$24,21,0),MOD($C7880,24)+1)/SUM(INDEX($D$3:$AA$30,INDEX(Jesper!$R$2:$R$366,ROW(INDEX(Jesper!AL$2:AL$366,ROUNDDOWN($C7880/24,0)+1,1))-1)+IF('Standard Profiles'!$G$22=$B$10,7,0)+IF('Standard Profiles'!$G$22=$B$17,14,0)+IF('Standard Profiles'!$G$22=$B$24,21,0),0)),0)</f>
        <v>0</v>
      </c>
      <c r="I7880">
        <f t="shared" si="874"/>
        <v>0.11866487608808442</v>
      </c>
      <c r="J7880">
        <f t="shared" si="875"/>
        <v>0.39554958696028142</v>
      </c>
      <c r="K7880">
        <f t="shared" si="876"/>
        <v>0.59332438044042213</v>
      </c>
      <c r="L7880">
        <f t="shared" si="877"/>
        <v>2.8479570261140261</v>
      </c>
      <c r="M7880">
        <f t="shared" si="878"/>
        <v>0</v>
      </c>
      <c r="N7880" s="46">
        <f t="shared" si="879"/>
        <v>45618.916666647638</v>
      </c>
    </row>
    <row r="7881" spans="2:14" x14ac:dyDescent="0.3">
      <c r="B7881">
        <f t="shared" si="873"/>
        <v>5</v>
      </c>
      <c r="C7881" s="16">
        <v>7847</v>
      </c>
      <c r="D7881" cm="1">
        <f t="array" ref="D7881">IFERROR(INDEX(Jesper!AH$2:AH$366,ROUNDDOWN($C7881/24,0)+1,1)*INDEX($D$3:$AA$30,INDEX(Jesper!$R$2:$R$366,ROW(INDEX(Jesper!AH$2:AH$366,ROUNDDOWN($C7881/24,0)+1,1))-1)+IF('Standard Profiles'!$G$18=$B$10,7,0)+IF('Standard Profiles'!$G$18=$B$17,14,0)+IF('Standard Profiles'!$G$18=$B$24,21,0),MOD($C7881,24)+1)/SUM(INDEX($D$3:$AA$30,INDEX(Jesper!$R$2:$R$366,ROW(INDEX(Jesper!AH$2:AH$366,ROUNDDOWN($C7881/24,0)+1,1))-1)+IF('Standard Profiles'!$G$18=$B$10,7,0)+IF('Standard Profiles'!$G$18=$B$17,14,0)+IF('Standard Profiles'!$G$18=$B$24,21,0),0)),0)</f>
        <v>3.9554958696028142</v>
      </c>
      <c r="E7881" cm="1">
        <f t="array" ref="E7881">IFERROR(INDEX(Jesper!AI$2:AI$366,ROUNDDOWN($C7881/24,0)+1,1)*INDEX($D$3:$AA$30,INDEX(Jesper!$R$2:$R$366,ROW(INDEX(Jesper!AI$2:AI$366,ROUNDDOWN($C7881/24,0)+1,1))-1)+IF('Standard Profiles'!$G$19=$B$10,7,0)+IF('Standard Profiles'!$G$19=$B$17,14,0)+IF('Standard Profiles'!$G$19=$B$24,21,0),MOD($C7881,24)+1)/SUM(INDEX($D$3:$AA$30,INDEX(Jesper!$R$2:$R$366,ROW(INDEX(Jesper!AI$2:AI$366,ROUNDDOWN($C7881/24,0)+1,1))-1)+IF('Standard Profiles'!$G$19=$B$10,7,0)+IF('Standard Profiles'!$G$19=$B$17,14,0)+IF('Standard Profiles'!$G$19=$B$24,21,0),0)),0)</f>
        <v>0</v>
      </c>
      <c r="F7881" cm="1">
        <f t="array" ref="F7881">IFERROR(INDEX(Jesper!AJ$2:AJ$366,ROUNDDOWN($C7881/24,0)+1,1)*INDEX($D$3:$AA$30,INDEX(Jesper!$R$2:$R$366,ROW(INDEX(Jesper!AJ$2:AJ$366,ROUNDDOWN($C7881/24,0)+1,1))-1)+IF('Standard Profiles'!$G$20=$B$10,7,0)+IF('Standard Profiles'!$G$20=$B$17,14,0)+IF('Standard Profiles'!$G$20=$B$24,21,0),MOD($C7881,24)+1)/SUM(INDEX($D$3:$AA$30,INDEX(Jesper!$R$2:$R$366,ROW(INDEX(Jesper!AJ$2:AJ$366,ROUNDDOWN($C7881/24,0)+1,1))-1)+IF('Standard Profiles'!$G$20=$B$10,7,0)+IF('Standard Profiles'!$G$20=$B$17,14,0)+IF('Standard Profiles'!$G$20=$B$24,21,0),0)),0)</f>
        <v>0</v>
      </c>
      <c r="G7881" cm="1">
        <f t="array" ref="G7881">IFERROR(INDEX(Jesper!AK$2:AK$366,ROUNDDOWN($C7881/24,0)+1,1)*INDEX($D$3:$AA$30,INDEX(Jesper!$R$2:$R$366,ROW(INDEX(Jesper!AK$2:AK$366,ROUNDDOWN($C7881/24,0)+1,1))-1)+IF('Standard Profiles'!$G$21=$B$10,7,0)+IF('Standard Profiles'!$G$21=$B$17,14,0)+IF('Standard Profiles'!$G$21=$B$24,21,0),MOD($C7881,24)+1)/SUM(INDEX($D$3:$AA$30,INDEX(Jesper!$R$2:$R$366,ROW(INDEX(Jesper!AK$2:AK$366,ROUNDDOWN($C7881/24,0)+1,1))-1)+IF('Standard Profiles'!$G$21=$B$10,7,0)+IF('Standard Profiles'!$G$21=$B$17,14,0)+IF('Standard Profiles'!$G$21=$B$24,21,0),0)),0)</f>
        <v>0</v>
      </c>
      <c r="H7881" cm="1">
        <f t="array" ref="H7881">IFERROR(INDEX(Jesper!AL$2:AL$366,ROUNDDOWN($C7881/24,0)+1,1)*INDEX($D$3:$AA$30,INDEX(Jesper!$R$2:$R$366,ROW(INDEX(Jesper!AL$2:AL$366,ROUNDDOWN($C7881/24,0)+1,1))-1)+IF('Standard Profiles'!$G$22=$B$10,7,0)+IF('Standard Profiles'!$G$22=$B$17,14,0)+IF('Standard Profiles'!$G$22=$B$24,21,0),MOD($C7881,24)+1)/SUM(INDEX($D$3:$AA$30,INDEX(Jesper!$R$2:$R$366,ROW(INDEX(Jesper!AL$2:AL$366,ROUNDDOWN($C7881/24,0)+1,1))-1)+IF('Standard Profiles'!$G$22=$B$10,7,0)+IF('Standard Profiles'!$G$22=$B$17,14,0)+IF('Standard Profiles'!$G$22=$B$24,21,0),0)),0)</f>
        <v>0</v>
      </c>
      <c r="I7881">
        <f t="shared" si="874"/>
        <v>0.11866487608808442</v>
      </c>
      <c r="J7881">
        <f t="shared" si="875"/>
        <v>0.39554958696028142</v>
      </c>
      <c r="K7881">
        <f t="shared" si="876"/>
        <v>0.59332438044042213</v>
      </c>
      <c r="L7881">
        <f t="shared" si="877"/>
        <v>2.8479570261140261</v>
      </c>
      <c r="M7881">
        <f t="shared" si="878"/>
        <v>0</v>
      </c>
      <c r="N7881" s="46">
        <f t="shared" si="879"/>
        <v>45618.958333314302</v>
      </c>
    </row>
    <row r="7882" spans="2:14" x14ac:dyDescent="0.3">
      <c r="B7882">
        <f t="shared" si="873"/>
        <v>6</v>
      </c>
      <c r="C7882" s="16">
        <v>7848</v>
      </c>
      <c r="D7882" cm="1">
        <f t="array" ref="D7882">IFERROR(INDEX(Jesper!AH$2:AH$366,ROUNDDOWN($C7882/24,0)+1,1)*INDEX($D$3:$AA$30,INDEX(Jesper!$R$2:$R$366,ROW(INDEX(Jesper!AH$2:AH$366,ROUNDDOWN($C7882/24,0)+1,1))-1)+IF('Standard Profiles'!$G$18=$B$10,7,0)+IF('Standard Profiles'!$G$18=$B$17,14,0)+IF('Standard Profiles'!$G$18=$B$24,21,0),MOD($C7882,24)+1)/SUM(INDEX($D$3:$AA$30,INDEX(Jesper!$R$2:$R$366,ROW(INDEX(Jesper!AH$2:AH$366,ROUNDDOWN($C7882/24,0)+1,1))-1)+IF('Standard Profiles'!$G$18=$B$10,7,0)+IF('Standard Profiles'!$G$18=$B$17,14,0)+IF('Standard Profiles'!$G$18=$B$24,21,0),0)),0)</f>
        <v>4.2270007182035636</v>
      </c>
      <c r="E7882" cm="1">
        <f t="array" ref="E7882">IFERROR(INDEX(Jesper!AI$2:AI$366,ROUNDDOWN($C7882/24,0)+1,1)*INDEX($D$3:$AA$30,INDEX(Jesper!$R$2:$R$366,ROW(INDEX(Jesper!AI$2:AI$366,ROUNDDOWN($C7882/24,0)+1,1))-1)+IF('Standard Profiles'!$G$19=$B$10,7,0)+IF('Standard Profiles'!$G$19=$B$17,14,0)+IF('Standard Profiles'!$G$19=$B$24,21,0),MOD($C7882,24)+1)/SUM(INDEX($D$3:$AA$30,INDEX(Jesper!$R$2:$R$366,ROW(INDEX(Jesper!AI$2:AI$366,ROUNDDOWN($C7882/24,0)+1,1))-1)+IF('Standard Profiles'!$G$19=$B$10,7,0)+IF('Standard Profiles'!$G$19=$B$17,14,0)+IF('Standard Profiles'!$G$19=$B$24,21,0),0)),0)</f>
        <v>0.95025482787542603</v>
      </c>
      <c r="F7882" cm="1">
        <f t="array" ref="F7882">IFERROR(INDEX(Jesper!AJ$2:AJ$366,ROUNDDOWN($C7882/24,0)+1,1)*INDEX($D$3:$AA$30,INDEX(Jesper!$R$2:$R$366,ROW(INDEX(Jesper!AJ$2:AJ$366,ROUNDDOWN($C7882/24,0)+1,1))-1)+IF('Standard Profiles'!$G$20=$B$10,7,0)+IF('Standard Profiles'!$G$20=$B$17,14,0)+IF('Standard Profiles'!$G$20=$B$24,21,0),MOD($C7882,24)+1)/SUM(INDEX($D$3:$AA$30,INDEX(Jesper!$R$2:$R$366,ROW(INDEX(Jesper!AJ$2:AJ$366,ROUNDDOWN($C7882/24,0)+1,1))-1)+IF('Standard Profiles'!$G$20=$B$10,7,0)+IF('Standard Profiles'!$G$20=$B$17,14,0)+IF('Standard Profiles'!$G$20=$B$24,21,0),0)),0)</f>
        <v>0</v>
      </c>
      <c r="G7882" cm="1">
        <f t="array" ref="G7882">IFERROR(INDEX(Jesper!AK$2:AK$366,ROUNDDOWN($C7882/24,0)+1,1)*INDEX($D$3:$AA$30,INDEX(Jesper!$R$2:$R$366,ROW(INDEX(Jesper!AK$2:AK$366,ROUNDDOWN($C7882/24,0)+1,1))-1)+IF('Standard Profiles'!$G$21=$B$10,7,0)+IF('Standard Profiles'!$G$21=$B$17,14,0)+IF('Standard Profiles'!$G$21=$B$24,21,0),MOD($C7882,24)+1)/SUM(INDEX($D$3:$AA$30,INDEX(Jesper!$R$2:$R$366,ROW(INDEX(Jesper!AK$2:AK$366,ROUNDDOWN($C7882/24,0)+1,1))-1)+IF('Standard Profiles'!$G$21=$B$10,7,0)+IF('Standard Profiles'!$G$21=$B$17,14,0)+IF('Standard Profiles'!$G$21=$B$24,21,0),0)),0)</f>
        <v>0</v>
      </c>
      <c r="H7882" cm="1">
        <f t="array" ref="H7882">IFERROR(INDEX(Jesper!AL$2:AL$366,ROUNDDOWN($C7882/24,0)+1,1)*INDEX($D$3:$AA$30,INDEX(Jesper!$R$2:$R$366,ROW(INDEX(Jesper!AL$2:AL$366,ROUNDDOWN($C7882/24,0)+1,1))-1)+IF('Standard Profiles'!$G$22=$B$10,7,0)+IF('Standard Profiles'!$G$22=$B$17,14,0)+IF('Standard Profiles'!$G$22=$B$24,21,0),MOD($C7882,24)+1)/SUM(INDEX($D$3:$AA$30,INDEX(Jesper!$R$2:$R$366,ROW(INDEX(Jesper!AL$2:AL$366,ROUNDDOWN($C7882/24,0)+1,1))-1)+IF('Standard Profiles'!$G$22=$B$10,7,0)+IF('Standard Profiles'!$G$22=$B$17,14,0)+IF('Standard Profiles'!$G$22=$B$24,21,0),0)),0)</f>
        <v>0</v>
      </c>
      <c r="I7882">
        <f t="shared" si="874"/>
        <v>8.5608543051840208E-2</v>
      </c>
      <c r="J7882">
        <f t="shared" si="875"/>
        <v>0.28536181017280071</v>
      </c>
      <c r="K7882">
        <f t="shared" si="876"/>
        <v>0.42804271525920107</v>
      </c>
      <c r="L7882">
        <f t="shared" si="877"/>
        <v>4.3782424775951476</v>
      </c>
      <c r="M7882">
        <f t="shared" si="878"/>
        <v>0</v>
      </c>
      <c r="N7882" s="46">
        <f t="shared" si="879"/>
        <v>45618.999999980966</v>
      </c>
    </row>
    <row r="7883" spans="2:14" x14ac:dyDescent="0.3">
      <c r="B7883">
        <f t="shared" si="873"/>
        <v>6</v>
      </c>
      <c r="C7883" s="16">
        <v>7849</v>
      </c>
      <c r="D7883" cm="1">
        <f t="array" ref="D7883">IFERROR(INDEX(Jesper!AH$2:AH$366,ROUNDDOWN($C7883/24,0)+1,1)*INDEX($D$3:$AA$30,INDEX(Jesper!$R$2:$R$366,ROW(INDEX(Jesper!AH$2:AH$366,ROUNDDOWN($C7883/24,0)+1,1))-1)+IF('Standard Profiles'!$G$18=$B$10,7,0)+IF('Standard Profiles'!$G$18=$B$17,14,0)+IF('Standard Profiles'!$G$18=$B$24,21,0),MOD($C7883,24)+1)/SUM(INDEX($D$3:$AA$30,INDEX(Jesper!$R$2:$R$366,ROW(INDEX(Jesper!AH$2:AH$366,ROUNDDOWN($C7883/24,0)+1,1))-1)+IF('Standard Profiles'!$G$18=$B$10,7,0)+IF('Standard Profiles'!$G$18=$B$17,14,0)+IF('Standard Profiles'!$G$18=$B$24,21,0),0)),0)</f>
        <v>8.2527156879212438</v>
      </c>
      <c r="E7883" cm="1">
        <f t="array" ref="E7883">IFERROR(INDEX(Jesper!AI$2:AI$366,ROUNDDOWN($C7883/24,0)+1,1)*INDEX($D$3:$AA$30,INDEX(Jesper!$R$2:$R$366,ROW(INDEX(Jesper!AI$2:AI$366,ROUNDDOWN($C7883/24,0)+1,1))-1)+IF('Standard Profiles'!$G$19=$B$10,7,0)+IF('Standard Profiles'!$G$19=$B$17,14,0)+IF('Standard Profiles'!$G$19=$B$24,21,0),MOD($C7883,24)+1)/SUM(INDEX($D$3:$AA$30,INDEX(Jesper!$R$2:$R$366,ROW(INDEX(Jesper!AI$2:AI$366,ROUNDDOWN($C7883/24,0)+1,1))-1)+IF('Standard Profiles'!$G$19=$B$10,7,0)+IF('Standard Profiles'!$G$19=$B$17,14,0)+IF('Standard Profiles'!$G$19=$B$24,21,0),0)),0)</f>
        <v>1.8552594258520227</v>
      </c>
      <c r="F7883" cm="1">
        <f t="array" ref="F7883">IFERROR(INDEX(Jesper!AJ$2:AJ$366,ROUNDDOWN($C7883/24,0)+1,1)*INDEX($D$3:$AA$30,INDEX(Jesper!$R$2:$R$366,ROW(INDEX(Jesper!AJ$2:AJ$366,ROUNDDOWN($C7883/24,0)+1,1))-1)+IF('Standard Profiles'!$G$20=$B$10,7,0)+IF('Standard Profiles'!$G$20=$B$17,14,0)+IF('Standard Profiles'!$G$20=$B$24,21,0),MOD($C7883,24)+1)/SUM(INDEX($D$3:$AA$30,INDEX(Jesper!$R$2:$R$366,ROW(INDEX(Jesper!AJ$2:AJ$366,ROUNDDOWN($C7883/24,0)+1,1))-1)+IF('Standard Profiles'!$G$20=$B$10,7,0)+IF('Standard Profiles'!$G$20=$B$17,14,0)+IF('Standard Profiles'!$G$20=$B$24,21,0),0)),0)</f>
        <v>0</v>
      </c>
      <c r="G7883" cm="1">
        <f t="array" ref="G7883">IFERROR(INDEX(Jesper!AK$2:AK$366,ROUNDDOWN($C7883/24,0)+1,1)*INDEX($D$3:$AA$30,INDEX(Jesper!$R$2:$R$366,ROW(INDEX(Jesper!AK$2:AK$366,ROUNDDOWN($C7883/24,0)+1,1))-1)+IF('Standard Profiles'!$G$21=$B$10,7,0)+IF('Standard Profiles'!$G$21=$B$17,14,0)+IF('Standard Profiles'!$G$21=$B$24,21,0),MOD($C7883,24)+1)/SUM(INDEX($D$3:$AA$30,INDEX(Jesper!$R$2:$R$366,ROW(INDEX(Jesper!AK$2:AK$366,ROUNDDOWN($C7883/24,0)+1,1))-1)+IF('Standard Profiles'!$G$21=$B$10,7,0)+IF('Standard Profiles'!$G$21=$B$17,14,0)+IF('Standard Profiles'!$G$21=$B$24,21,0),0)),0)</f>
        <v>0</v>
      </c>
      <c r="H7883" cm="1">
        <f t="array" ref="H7883">IFERROR(INDEX(Jesper!AL$2:AL$366,ROUNDDOWN($C7883/24,0)+1,1)*INDEX($D$3:$AA$30,INDEX(Jesper!$R$2:$R$366,ROW(INDEX(Jesper!AL$2:AL$366,ROUNDDOWN($C7883/24,0)+1,1))-1)+IF('Standard Profiles'!$G$22=$B$10,7,0)+IF('Standard Profiles'!$G$22=$B$17,14,0)+IF('Standard Profiles'!$G$22=$B$24,21,0),MOD($C7883,24)+1)/SUM(INDEX($D$3:$AA$30,INDEX(Jesper!$R$2:$R$366,ROW(INDEX(Jesper!AL$2:AL$366,ROUNDDOWN($C7883/24,0)+1,1))-1)+IF('Standard Profiles'!$G$22=$B$10,7,0)+IF('Standard Profiles'!$G$22=$B$17,14,0)+IF('Standard Profiles'!$G$22=$B$24,21,0),0)),0)</f>
        <v>0</v>
      </c>
      <c r="I7883">
        <f t="shared" si="874"/>
        <v>0.16714048881549759</v>
      </c>
      <c r="J7883">
        <f t="shared" si="875"/>
        <v>0.55713496271832541</v>
      </c>
      <c r="K7883">
        <f t="shared" si="876"/>
        <v>0.83570244407748806</v>
      </c>
      <c r="L7883">
        <f t="shared" si="877"/>
        <v>8.5479972181619566</v>
      </c>
      <c r="M7883">
        <f t="shared" si="878"/>
        <v>0</v>
      </c>
      <c r="N7883" s="46">
        <f t="shared" si="879"/>
        <v>45619.04166664763</v>
      </c>
    </row>
    <row r="7884" spans="2:14" x14ac:dyDescent="0.3">
      <c r="B7884">
        <f t="shared" si="873"/>
        <v>6</v>
      </c>
      <c r="C7884" s="16">
        <v>7850</v>
      </c>
      <c r="D7884" cm="1">
        <f t="array" ref="D7884">IFERROR(INDEX(Jesper!AH$2:AH$366,ROUNDDOWN($C7884/24,0)+1,1)*INDEX($D$3:$AA$30,INDEX(Jesper!$R$2:$R$366,ROW(INDEX(Jesper!AH$2:AH$366,ROUNDDOWN($C7884/24,0)+1,1))-1)+IF('Standard Profiles'!$G$18=$B$10,7,0)+IF('Standard Profiles'!$G$18=$B$17,14,0)+IF('Standard Profiles'!$G$18=$B$24,21,0),MOD($C7884,24)+1)/SUM(INDEX($D$3:$AA$30,INDEX(Jesper!$R$2:$R$366,ROW(INDEX(Jesper!AH$2:AH$366,ROUNDDOWN($C7884/24,0)+1,1))-1)+IF('Standard Profiles'!$G$18=$B$10,7,0)+IF('Standard Profiles'!$G$18=$B$17,14,0)+IF('Standard Profiles'!$G$18=$B$24,21,0),0)),0)</f>
        <v>8.2527156879212438</v>
      </c>
      <c r="E7884" cm="1">
        <f t="array" ref="E7884">IFERROR(INDEX(Jesper!AI$2:AI$366,ROUNDDOWN($C7884/24,0)+1,1)*INDEX($D$3:$AA$30,INDEX(Jesper!$R$2:$R$366,ROW(INDEX(Jesper!AI$2:AI$366,ROUNDDOWN($C7884/24,0)+1,1))-1)+IF('Standard Profiles'!$G$19=$B$10,7,0)+IF('Standard Profiles'!$G$19=$B$17,14,0)+IF('Standard Profiles'!$G$19=$B$24,21,0),MOD($C7884,24)+1)/SUM(INDEX($D$3:$AA$30,INDEX(Jesper!$R$2:$R$366,ROW(INDEX(Jesper!AI$2:AI$366,ROUNDDOWN($C7884/24,0)+1,1))-1)+IF('Standard Profiles'!$G$19=$B$10,7,0)+IF('Standard Profiles'!$G$19=$B$17,14,0)+IF('Standard Profiles'!$G$19=$B$24,21,0),0)),0)</f>
        <v>1.8552594258520227</v>
      </c>
      <c r="F7884" cm="1">
        <f t="array" ref="F7884">IFERROR(INDEX(Jesper!AJ$2:AJ$366,ROUNDDOWN($C7884/24,0)+1,1)*INDEX($D$3:$AA$30,INDEX(Jesper!$R$2:$R$366,ROW(INDEX(Jesper!AJ$2:AJ$366,ROUNDDOWN($C7884/24,0)+1,1))-1)+IF('Standard Profiles'!$G$20=$B$10,7,0)+IF('Standard Profiles'!$G$20=$B$17,14,0)+IF('Standard Profiles'!$G$20=$B$24,21,0),MOD($C7884,24)+1)/SUM(INDEX($D$3:$AA$30,INDEX(Jesper!$R$2:$R$366,ROW(INDEX(Jesper!AJ$2:AJ$366,ROUNDDOWN($C7884/24,0)+1,1))-1)+IF('Standard Profiles'!$G$20=$B$10,7,0)+IF('Standard Profiles'!$G$20=$B$17,14,0)+IF('Standard Profiles'!$G$20=$B$24,21,0),0)),0)</f>
        <v>0</v>
      </c>
      <c r="G7884" cm="1">
        <f t="array" ref="G7884">IFERROR(INDEX(Jesper!AK$2:AK$366,ROUNDDOWN($C7884/24,0)+1,1)*INDEX($D$3:$AA$30,INDEX(Jesper!$R$2:$R$366,ROW(INDEX(Jesper!AK$2:AK$366,ROUNDDOWN($C7884/24,0)+1,1))-1)+IF('Standard Profiles'!$G$21=$B$10,7,0)+IF('Standard Profiles'!$G$21=$B$17,14,0)+IF('Standard Profiles'!$G$21=$B$24,21,0),MOD($C7884,24)+1)/SUM(INDEX($D$3:$AA$30,INDEX(Jesper!$R$2:$R$366,ROW(INDEX(Jesper!AK$2:AK$366,ROUNDDOWN($C7884/24,0)+1,1))-1)+IF('Standard Profiles'!$G$21=$B$10,7,0)+IF('Standard Profiles'!$G$21=$B$17,14,0)+IF('Standard Profiles'!$G$21=$B$24,21,0),0)),0)</f>
        <v>0</v>
      </c>
      <c r="H7884" cm="1">
        <f t="array" ref="H7884">IFERROR(INDEX(Jesper!AL$2:AL$366,ROUNDDOWN($C7884/24,0)+1,1)*INDEX($D$3:$AA$30,INDEX(Jesper!$R$2:$R$366,ROW(INDEX(Jesper!AL$2:AL$366,ROUNDDOWN($C7884/24,0)+1,1))-1)+IF('Standard Profiles'!$G$22=$B$10,7,0)+IF('Standard Profiles'!$G$22=$B$17,14,0)+IF('Standard Profiles'!$G$22=$B$24,21,0),MOD($C7884,24)+1)/SUM(INDEX($D$3:$AA$30,INDEX(Jesper!$R$2:$R$366,ROW(INDEX(Jesper!AL$2:AL$366,ROUNDDOWN($C7884/24,0)+1,1))-1)+IF('Standard Profiles'!$G$22=$B$10,7,0)+IF('Standard Profiles'!$G$22=$B$17,14,0)+IF('Standard Profiles'!$G$22=$B$24,21,0),0)),0)</f>
        <v>0</v>
      </c>
      <c r="I7884">
        <f t="shared" si="874"/>
        <v>0.16714048881549759</v>
      </c>
      <c r="J7884">
        <f t="shared" si="875"/>
        <v>0.55713496271832541</v>
      </c>
      <c r="K7884">
        <f t="shared" si="876"/>
        <v>0.83570244407748806</v>
      </c>
      <c r="L7884">
        <f t="shared" si="877"/>
        <v>8.5479972181619566</v>
      </c>
      <c r="M7884">
        <f t="shared" si="878"/>
        <v>0</v>
      </c>
      <c r="N7884" s="46">
        <f t="shared" si="879"/>
        <v>45619.083333314295</v>
      </c>
    </row>
    <row r="7885" spans="2:14" x14ac:dyDescent="0.3">
      <c r="B7885">
        <f t="shared" si="873"/>
        <v>6</v>
      </c>
      <c r="C7885" s="16">
        <v>7851</v>
      </c>
      <c r="D7885" cm="1">
        <f t="array" ref="D7885">IFERROR(INDEX(Jesper!AH$2:AH$366,ROUNDDOWN($C7885/24,0)+1,1)*INDEX($D$3:$AA$30,INDEX(Jesper!$R$2:$R$366,ROW(INDEX(Jesper!AH$2:AH$366,ROUNDDOWN($C7885/24,0)+1,1))-1)+IF('Standard Profiles'!$G$18=$B$10,7,0)+IF('Standard Profiles'!$G$18=$B$17,14,0)+IF('Standard Profiles'!$G$18=$B$24,21,0),MOD($C7885,24)+1)/SUM(INDEX($D$3:$AA$30,INDEX(Jesper!$R$2:$R$366,ROW(INDEX(Jesper!AH$2:AH$366,ROUNDDOWN($C7885/24,0)+1,1))-1)+IF('Standard Profiles'!$G$18=$B$10,7,0)+IF('Standard Profiles'!$G$18=$B$17,14,0)+IF('Standard Profiles'!$G$18=$B$24,21,0),0)),0)</f>
        <v>8.2527156879212438</v>
      </c>
      <c r="E7885" cm="1">
        <f t="array" ref="E7885">IFERROR(INDEX(Jesper!AI$2:AI$366,ROUNDDOWN($C7885/24,0)+1,1)*INDEX($D$3:$AA$30,INDEX(Jesper!$R$2:$R$366,ROW(INDEX(Jesper!AI$2:AI$366,ROUNDDOWN($C7885/24,0)+1,1))-1)+IF('Standard Profiles'!$G$19=$B$10,7,0)+IF('Standard Profiles'!$G$19=$B$17,14,0)+IF('Standard Profiles'!$G$19=$B$24,21,0),MOD($C7885,24)+1)/SUM(INDEX($D$3:$AA$30,INDEX(Jesper!$R$2:$R$366,ROW(INDEX(Jesper!AI$2:AI$366,ROUNDDOWN($C7885/24,0)+1,1))-1)+IF('Standard Profiles'!$G$19=$B$10,7,0)+IF('Standard Profiles'!$G$19=$B$17,14,0)+IF('Standard Profiles'!$G$19=$B$24,21,0),0)),0)</f>
        <v>1.8552594258520227</v>
      </c>
      <c r="F7885" cm="1">
        <f t="array" ref="F7885">IFERROR(INDEX(Jesper!AJ$2:AJ$366,ROUNDDOWN($C7885/24,0)+1,1)*INDEX($D$3:$AA$30,INDEX(Jesper!$R$2:$R$366,ROW(INDEX(Jesper!AJ$2:AJ$366,ROUNDDOWN($C7885/24,0)+1,1))-1)+IF('Standard Profiles'!$G$20=$B$10,7,0)+IF('Standard Profiles'!$G$20=$B$17,14,0)+IF('Standard Profiles'!$G$20=$B$24,21,0),MOD($C7885,24)+1)/SUM(INDEX($D$3:$AA$30,INDEX(Jesper!$R$2:$R$366,ROW(INDEX(Jesper!AJ$2:AJ$366,ROUNDDOWN($C7885/24,0)+1,1))-1)+IF('Standard Profiles'!$G$20=$B$10,7,0)+IF('Standard Profiles'!$G$20=$B$17,14,0)+IF('Standard Profiles'!$G$20=$B$24,21,0),0)),0)</f>
        <v>0</v>
      </c>
      <c r="G7885" cm="1">
        <f t="array" ref="G7885">IFERROR(INDEX(Jesper!AK$2:AK$366,ROUNDDOWN($C7885/24,0)+1,1)*INDEX($D$3:$AA$30,INDEX(Jesper!$R$2:$R$366,ROW(INDEX(Jesper!AK$2:AK$366,ROUNDDOWN($C7885/24,0)+1,1))-1)+IF('Standard Profiles'!$G$21=$B$10,7,0)+IF('Standard Profiles'!$G$21=$B$17,14,0)+IF('Standard Profiles'!$G$21=$B$24,21,0),MOD($C7885,24)+1)/SUM(INDEX($D$3:$AA$30,INDEX(Jesper!$R$2:$R$366,ROW(INDEX(Jesper!AK$2:AK$366,ROUNDDOWN($C7885/24,0)+1,1))-1)+IF('Standard Profiles'!$G$21=$B$10,7,0)+IF('Standard Profiles'!$G$21=$B$17,14,0)+IF('Standard Profiles'!$G$21=$B$24,21,0),0)),0)</f>
        <v>0</v>
      </c>
      <c r="H7885" cm="1">
        <f t="array" ref="H7885">IFERROR(INDEX(Jesper!AL$2:AL$366,ROUNDDOWN($C7885/24,0)+1,1)*INDEX($D$3:$AA$30,INDEX(Jesper!$R$2:$R$366,ROW(INDEX(Jesper!AL$2:AL$366,ROUNDDOWN($C7885/24,0)+1,1))-1)+IF('Standard Profiles'!$G$22=$B$10,7,0)+IF('Standard Profiles'!$G$22=$B$17,14,0)+IF('Standard Profiles'!$G$22=$B$24,21,0),MOD($C7885,24)+1)/SUM(INDEX($D$3:$AA$30,INDEX(Jesper!$R$2:$R$366,ROW(INDEX(Jesper!AL$2:AL$366,ROUNDDOWN($C7885/24,0)+1,1))-1)+IF('Standard Profiles'!$G$22=$B$10,7,0)+IF('Standard Profiles'!$G$22=$B$17,14,0)+IF('Standard Profiles'!$G$22=$B$24,21,0),0)),0)</f>
        <v>0</v>
      </c>
      <c r="I7885">
        <f t="shared" si="874"/>
        <v>0.16714048881549759</v>
      </c>
      <c r="J7885">
        <f t="shared" si="875"/>
        <v>0.55713496271832541</v>
      </c>
      <c r="K7885">
        <f t="shared" si="876"/>
        <v>0.83570244407748806</v>
      </c>
      <c r="L7885">
        <f t="shared" si="877"/>
        <v>8.5479972181619566</v>
      </c>
      <c r="M7885">
        <f t="shared" si="878"/>
        <v>0</v>
      </c>
      <c r="N7885" s="46">
        <f t="shared" si="879"/>
        <v>45619.124999980959</v>
      </c>
    </row>
    <row r="7886" spans="2:14" x14ac:dyDescent="0.3">
      <c r="B7886">
        <f t="shared" si="873"/>
        <v>6</v>
      </c>
      <c r="C7886" s="16">
        <v>7852</v>
      </c>
      <c r="D7886" cm="1">
        <f t="array" ref="D7886">IFERROR(INDEX(Jesper!AH$2:AH$366,ROUNDDOWN($C7886/24,0)+1,1)*INDEX($D$3:$AA$30,INDEX(Jesper!$R$2:$R$366,ROW(INDEX(Jesper!AH$2:AH$366,ROUNDDOWN($C7886/24,0)+1,1))-1)+IF('Standard Profiles'!$G$18=$B$10,7,0)+IF('Standard Profiles'!$G$18=$B$17,14,0)+IF('Standard Profiles'!$G$18=$B$24,21,0),MOD($C7886,24)+1)/SUM(INDEX($D$3:$AA$30,INDEX(Jesper!$R$2:$R$366,ROW(INDEX(Jesper!AH$2:AH$366,ROUNDDOWN($C7886/24,0)+1,1))-1)+IF('Standard Profiles'!$G$18=$B$10,7,0)+IF('Standard Profiles'!$G$18=$B$17,14,0)+IF('Standard Profiles'!$G$18=$B$24,21,0),0)),0)</f>
        <v>8.2527156879212438</v>
      </c>
      <c r="E7886" cm="1">
        <f t="array" ref="E7886">IFERROR(INDEX(Jesper!AI$2:AI$366,ROUNDDOWN($C7886/24,0)+1,1)*INDEX($D$3:$AA$30,INDEX(Jesper!$R$2:$R$366,ROW(INDEX(Jesper!AI$2:AI$366,ROUNDDOWN($C7886/24,0)+1,1))-1)+IF('Standard Profiles'!$G$19=$B$10,7,0)+IF('Standard Profiles'!$G$19=$B$17,14,0)+IF('Standard Profiles'!$G$19=$B$24,21,0),MOD($C7886,24)+1)/SUM(INDEX($D$3:$AA$30,INDEX(Jesper!$R$2:$R$366,ROW(INDEX(Jesper!AI$2:AI$366,ROUNDDOWN($C7886/24,0)+1,1))-1)+IF('Standard Profiles'!$G$19=$B$10,7,0)+IF('Standard Profiles'!$G$19=$B$17,14,0)+IF('Standard Profiles'!$G$19=$B$24,21,0),0)),0)</f>
        <v>1.8552594258520227</v>
      </c>
      <c r="F7886" cm="1">
        <f t="array" ref="F7886">IFERROR(INDEX(Jesper!AJ$2:AJ$366,ROUNDDOWN($C7886/24,0)+1,1)*INDEX($D$3:$AA$30,INDEX(Jesper!$R$2:$R$366,ROW(INDEX(Jesper!AJ$2:AJ$366,ROUNDDOWN($C7886/24,0)+1,1))-1)+IF('Standard Profiles'!$G$20=$B$10,7,0)+IF('Standard Profiles'!$G$20=$B$17,14,0)+IF('Standard Profiles'!$G$20=$B$24,21,0),MOD($C7886,24)+1)/SUM(INDEX($D$3:$AA$30,INDEX(Jesper!$R$2:$R$366,ROW(INDEX(Jesper!AJ$2:AJ$366,ROUNDDOWN($C7886/24,0)+1,1))-1)+IF('Standard Profiles'!$G$20=$B$10,7,0)+IF('Standard Profiles'!$G$20=$B$17,14,0)+IF('Standard Profiles'!$G$20=$B$24,21,0),0)),0)</f>
        <v>0</v>
      </c>
      <c r="G7886" cm="1">
        <f t="array" ref="G7886">IFERROR(INDEX(Jesper!AK$2:AK$366,ROUNDDOWN($C7886/24,0)+1,1)*INDEX($D$3:$AA$30,INDEX(Jesper!$R$2:$R$366,ROW(INDEX(Jesper!AK$2:AK$366,ROUNDDOWN($C7886/24,0)+1,1))-1)+IF('Standard Profiles'!$G$21=$B$10,7,0)+IF('Standard Profiles'!$G$21=$B$17,14,0)+IF('Standard Profiles'!$G$21=$B$24,21,0),MOD($C7886,24)+1)/SUM(INDEX($D$3:$AA$30,INDEX(Jesper!$R$2:$R$366,ROW(INDEX(Jesper!AK$2:AK$366,ROUNDDOWN($C7886/24,0)+1,1))-1)+IF('Standard Profiles'!$G$21=$B$10,7,0)+IF('Standard Profiles'!$G$21=$B$17,14,0)+IF('Standard Profiles'!$G$21=$B$24,21,0),0)),0)</f>
        <v>0</v>
      </c>
      <c r="H7886" cm="1">
        <f t="array" ref="H7886">IFERROR(INDEX(Jesper!AL$2:AL$366,ROUNDDOWN($C7886/24,0)+1,1)*INDEX($D$3:$AA$30,INDEX(Jesper!$R$2:$R$366,ROW(INDEX(Jesper!AL$2:AL$366,ROUNDDOWN($C7886/24,0)+1,1))-1)+IF('Standard Profiles'!$G$22=$B$10,7,0)+IF('Standard Profiles'!$G$22=$B$17,14,0)+IF('Standard Profiles'!$G$22=$B$24,21,0),MOD($C7886,24)+1)/SUM(INDEX($D$3:$AA$30,INDEX(Jesper!$R$2:$R$366,ROW(INDEX(Jesper!AL$2:AL$366,ROUNDDOWN($C7886/24,0)+1,1))-1)+IF('Standard Profiles'!$G$22=$B$10,7,0)+IF('Standard Profiles'!$G$22=$B$17,14,0)+IF('Standard Profiles'!$G$22=$B$24,21,0),0)),0)</f>
        <v>0</v>
      </c>
      <c r="I7886">
        <f t="shared" si="874"/>
        <v>0.16714048881549759</v>
      </c>
      <c r="J7886">
        <f t="shared" si="875"/>
        <v>0.55713496271832541</v>
      </c>
      <c r="K7886">
        <f t="shared" si="876"/>
        <v>0.83570244407748806</v>
      </c>
      <c r="L7886">
        <f t="shared" si="877"/>
        <v>8.5479972181619566</v>
      </c>
      <c r="M7886">
        <f t="shared" si="878"/>
        <v>0</v>
      </c>
      <c r="N7886" s="46">
        <f t="shared" si="879"/>
        <v>45619.166666647623</v>
      </c>
    </row>
    <row r="7887" spans="2:14" x14ac:dyDescent="0.3">
      <c r="B7887">
        <f t="shared" si="873"/>
        <v>6</v>
      </c>
      <c r="C7887" s="16">
        <v>7853</v>
      </c>
      <c r="D7887" cm="1">
        <f t="array" ref="D7887">IFERROR(INDEX(Jesper!AH$2:AH$366,ROUNDDOWN($C7887/24,0)+1,1)*INDEX($D$3:$AA$30,INDEX(Jesper!$R$2:$R$366,ROW(INDEX(Jesper!AH$2:AH$366,ROUNDDOWN($C7887/24,0)+1,1))-1)+IF('Standard Profiles'!$G$18=$B$10,7,0)+IF('Standard Profiles'!$G$18=$B$17,14,0)+IF('Standard Profiles'!$G$18=$B$24,21,0),MOD($C7887,24)+1)/SUM(INDEX($D$3:$AA$30,INDEX(Jesper!$R$2:$R$366,ROW(INDEX(Jesper!AH$2:AH$366,ROUNDDOWN($C7887/24,0)+1,1))-1)+IF('Standard Profiles'!$G$18=$B$10,7,0)+IF('Standard Profiles'!$G$18=$B$17,14,0)+IF('Standard Profiles'!$G$18=$B$24,21,0),0)),0)</f>
        <v>10.265573172780083</v>
      </c>
      <c r="E7887" cm="1">
        <f t="array" ref="E7887">IFERROR(INDEX(Jesper!AI$2:AI$366,ROUNDDOWN($C7887/24,0)+1,1)*INDEX($D$3:$AA$30,INDEX(Jesper!$R$2:$R$366,ROW(INDEX(Jesper!AI$2:AI$366,ROUNDDOWN($C7887/24,0)+1,1))-1)+IF('Standard Profiles'!$G$19=$B$10,7,0)+IF('Standard Profiles'!$G$19=$B$17,14,0)+IF('Standard Profiles'!$G$19=$B$24,21,0),MOD($C7887,24)+1)/SUM(INDEX($D$3:$AA$30,INDEX(Jesper!$R$2:$R$366,ROW(INDEX(Jesper!AI$2:AI$366,ROUNDDOWN($C7887/24,0)+1,1))-1)+IF('Standard Profiles'!$G$19=$B$10,7,0)+IF('Standard Profiles'!$G$19=$B$17,14,0)+IF('Standard Profiles'!$G$19=$B$24,21,0),0)),0)</f>
        <v>2.3077617248403208</v>
      </c>
      <c r="F7887" cm="1">
        <f t="array" ref="F7887">IFERROR(INDEX(Jesper!AJ$2:AJ$366,ROUNDDOWN($C7887/24,0)+1,1)*INDEX($D$3:$AA$30,INDEX(Jesper!$R$2:$R$366,ROW(INDEX(Jesper!AJ$2:AJ$366,ROUNDDOWN($C7887/24,0)+1,1))-1)+IF('Standard Profiles'!$G$20=$B$10,7,0)+IF('Standard Profiles'!$G$20=$B$17,14,0)+IF('Standard Profiles'!$G$20=$B$24,21,0),MOD($C7887,24)+1)/SUM(INDEX($D$3:$AA$30,INDEX(Jesper!$R$2:$R$366,ROW(INDEX(Jesper!AJ$2:AJ$366,ROUNDDOWN($C7887/24,0)+1,1))-1)+IF('Standard Profiles'!$G$20=$B$10,7,0)+IF('Standard Profiles'!$G$20=$B$17,14,0)+IF('Standard Profiles'!$G$20=$B$24,21,0),0)),0)</f>
        <v>0</v>
      </c>
      <c r="G7887" cm="1">
        <f t="array" ref="G7887">IFERROR(INDEX(Jesper!AK$2:AK$366,ROUNDDOWN($C7887/24,0)+1,1)*INDEX($D$3:$AA$30,INDEX(Jesper!$R$2:$R$366,ROW(INDEX(Jesper!AK$2:AK$366,ROUNDDOWN($C7887/24,0)+1,1))-1)+IF('Standard Profiles'!$G$21=$B$10,7,0)+IF('Standard Profiles'!$G$21=$B$17,14,0)+IF('Standard Profiles'!$G$21=$B$24,21,0),MOD($C7887,24)+1)/SUM(INDEX($D$3:$AA$30,INDEX(Jesper!$R$2:$R$366,ROW(INDEX(Jesper!AK$2:AK$366,ROUNDDOWN($C7887/24,0)+1,1))-1)+IF('Standard Profiles'!$G$21=$B$10,7,0)+IF('Standard Profiles'!$G$21=$B$17,14,0)+IF('Standard Profiles'!$G$21=$B$24,21,0),0)),0)</f>
        <v>0</v>
      </c>
      <c r="H7887" cm="1">
        <f t="array" ref="H7887">IFERROR(INDEX(Jesper!AL$2:AL$366,ROUNDDOWN($C7887/24,0)+1,1)*INDEX($D$3:$AA$30,INDEX(Jesper!$R$2:$R$366,ROW(INDEX(Jesper!AL$2:AL$366,ROUNDDOWN($C7887/24,0)+1,1))-1)+IF('Standard Profiles'!$G$22=$B$10,7,0)+IF('Standard Profiles'!$G$22=$B$17,14,0)+IF('Standard Profiles'!$G$22=$B$24,21,0),MOD($C7887,24)+1)/SUM(INDEX($D$3:$AA$30,INDEX(Jesper!$R$2:$R$366,ROW(INDEX(Jesper!AL$2:AL$366,ROUNDDOWN($C7887/24,0)+1,1))-1)+IF('Standard Profiles'!$G$22=$B$10,7,0)+IF('Standard Profiles'!$G$22=$B$17,14,0)+IF('Standard Profiles'!$G$22=$B$24,21,0),0)),0)</f>
        <v>0</v>
      </c>
      <c r="I7887">
        <f t="shared" si="874"/>
        <v>0.20790646169732627</v>
      </c>
      <c r="J7887">
        <f t="shared" si="875"/>
        <v>0.69302153899108765</v>
      </c>
      <c r="K7887">
        <f t="shared" si="876"/>
        <v>1.0395323084866315</v>
      </c>
      <c r="L7887">
        <f t="shared" si="877"/>
        <v>10.632874588445359</v>
      </c>
      <c r="M7887">
        <f t="shared" si="878"/>
        <v>0</v>
      </c>
      <c r="N7887" s="46">
        <f t="shared" si="879"/>
        <v>45619.208333314287</v>
      </c>
    </row>
    <row r="7888" spans="2:14" x14ac:dyDescent="0.3">
      <c r="B7888">
        <f t="shared" si="873"/>
        <v>6</v>
      </c>
      <c r="C7888" s="16">
        <v>7854</v>
      </c>
      <c r="D7888" cm="1">
        <f t="array" ref="D7888">IFERROR(INDEX(Jesper!AH$2:AH$366,ROUNDDOWN($C7888/24,0)+1,1)*INDEX($D$3:$AA$30,INDEX(Jesper!$R$2:$R$366,ROW(INDEX(Jesper!AH$2:AH$366,ROUNDDOWN($C7888/24,0)+1,1))-1)+IF('Standard Profiles'!$G$18=$B$10,7,0)+IF('Standard Profiles'!$G$18=$B$17,14,0)+IF('Standard Profiles'!$G$18=$B$24,21,0),MOD($C7888,24)+1)/SUM(INDEX($D$3:$AA$30,INDEX(Jesper!$R$2:$R$366,ROW(INDEX(Jesper!AH$2:AH$366,ROUNDDOWN($C7888/24,0)+1,1))-1)+IF('Standard Profiles'!$G$18=$B$10,7,0)+IF('Standard Profiles'!$G$18=$B$17,14,0)+IF('Standard Profiles'!$G$18=$B$24,21,0),0)),0)</f>
        <v>12.882287903096575</v>
      </c>
      <c r="E7888" cm="1">
        <f t="array" ref="E7888">IFERROR(INDEX(Jesper!AI$2:AI$366,ROUNDDOWN($C7888/24,0)+1,1)*INDEX($D$3:$AA$30,INDEX(Jesper!$R$2:$R$366,ROW(INDEX(Jesper!AI$2:AI$366,ROUNDDOWN($C7888/24,0)+1,1))-1)+IF('Standard Profiles'!$G$19=$B$10,7,0)+IF('Standard Profiles'!$G$19=$B$17,14,0)+IF('Standard Profiles'!$G$19=$B$24,21,0),MOD($C7888,24)+1)/SUM(INDEX($D$3:$AA$30,INDEX(Jesper!$R$2:$R$366,ROW(INDEX(Jesper!AI$2:AI$366,ROUNDDOWN($C7888/24,0)+1,1))-1)+IF('Standard Profiles'!$G$19=$B$10,7,0)+IF('Standard Profiles'!$G$19=$B$17,14,0)+IF('Standard Profiles'!$G$19=$B$24,21,0),0)),0)</f>
        <v>2.8960147135251084</v>
      </c>
      <c r="F7888" cm="1">
        <f t="array" ref="F7888">IFERROR(INDEX(Jesper!AJ$2:AJ$366,ROUNDDOWN($C7888/24,0)+1,1)*INDEX($D$3:$AA$30,INDEX(Jesper!$R$2:$R$366,ROW(INDEX(Jesper!AJ$2:AJ$366,ROUNDDOWN($C7888/24,0)+1,1))-1)+IF('Standard Profiles'!$G$20=$B$10,7,0)+IF('Standard Profiles'!$G$20=$B$17,14,0)+IF('Standard Profiles'!$G$20=$B$24,21,0),MOD($C7888,24)+1)/SUM(INDEX($D$3:$AA$30,INDEX(Jesper!$R$2:$R$366,ROW(INDEX(Jesper!AJ$2:AJ$366,ROUNDDOWN($C7888/24,0)+1,1))-1)+IF('Standard Profiles'!$G$20=$B$10,7,0)+IF('Standard Profiles'!$G$20=$B$17,14,0)+IF('Standard Profiles'!$G$20=$B$24,21,0),0)),0)</f>
        <v>0</v>
      </c>
      <c r="G7888" cm="1">
        <f t="array" ref="G7888">IFERROR(INDEX(Jesper!AK$2:AK$366,ROUNDDOWN($C7888/24,0)+1,1)*INDEX($D$3:$AA$30,INDEX(Jesper!$R$2:$R$366,ROW(INDEX(Jesper!AK$2:AK$366,ROUNDDOWN($C7888/24,0)+1,1))-1)+IF('Standard Profiles'!$G$21=$B$10,7,0)+IF('Standard Profiles'!$G$21=$B$17,14,0)+IF('Standard Profiles'!$G$21=$B$24,21,0),MOD($C7888,24)+1)/SUM(INDEX($D$3:$AA$30,INDEX(Jesper!$R$2:$R$366,ROW(INDEX(Jesper!AK$2:AK$366,ROUNDDOWN($C7888/24,0)+1,1))-1)+IF('Standard Profiles'!$G$21=$B$10,7,0)+IF('Standard Profiles'!$G$21=$B$17,14,0)+IF('Standard Profiles'!$G$21=$B$24,21,0),0)),0)</f>
        <v>0</v>
      </c>
      <c r="H7888" cm="1">
        <f t="array" ref="H7888">IFERROR(INDEX(Jesper!AL$2:AL$366,ROUNDDOWN($C7888/24,0)+1,1)*INDEX($D$3:$AA$30,INDEX(Jesper!$R$2:$R$366,ROW(INDEX(Jesper!AL$2:AL$366,ROUNDDOWN($C7888/24,0)+1,1))-1)+IF('Standard Profiles'!$G$22=$B$10,7,0)+IF('Standard Profiles'!$G$22=$B$17,14,0)+IF('Standard Profiles'!$G$22=$B$24,21,0),MOD($C7888,24)+1)/SUM(INDEX($D$3:$AA$30,INDEX(Jesper!$R$2:$R$366,ROW(INDEX(Jesper!AL$2:AL$366,ROUNDDOWN($C7888/24,0)+1,1))-1)+IF('Standard Profiles'!$G$22=$B$10,7,0)+IF('Standard Profiles'!$G$22=$B$17,14,0)+IF('Standard Profiles'!$G$22=$B$24,21,0),0)),0)</f>
        <v>0</v>
      </c>
      <c r="I7888">
        <f t="shared" si="874"/>
        <v>0.26090222644370353</v>
      </c>
      <c r="J7888">
        <f t="shared" si="875"/>
        <v>0.86967408814567859</v>
      </c>
      <c r="K7888">
        <f t="shared" si="876"/>
        <v>1.3045111322185179</v>
      </c>
      <c r="L7888">
        <f t="shared" si="877"/>
        <v>13.343215169813783</v>
      </c>
      <c r="M7888">
        <f t="shared" si="878"/>
        <v>0</v>
      </c>
      <c r="N7888" s="46">
        <f t="shared" si="879"/>
        <v>45619.249999980952</v>
      </c>
    </row>
    <row r="7889" spans="2:14" x14ac:dyDescent="0.3">
      <c r="B7889">
        <f t="shared" si="873"/>
        <v>6</v>
      </c>
      <c r="C7889" s="16">
        <v>7855</v>
      </c>
      <c r="D7889" cm="1">
        <f t="array" ref="D7889">IFERROR(INDEX(Jesper!AH$2:AH$366,ROUNDDOWN($C7889/24,0)+1,1)*INDEX($D$3:$AA$30,INDEX(Jesper!$R$2:$R$366,ROW(INDEX(Jesper!AH$2:AH$366,ROUNDDOWN($C7889/24,0)+1,1))-1)+IF('Standard Profiles'!$G$18=$B$10,7,0)+IF('Standard Profiles'!$G$18=$B$17,14,0)+IF('Standard Profiles'!$G$18=$B$24,21,0),MOD($C7889,24)+1)/SUM(INDEX($D$3:$AA$30,INDEX(Jesper!$R$2:$R$366,ROW(INDEX(Jesper!AH$2:AH$366,ROUNDDOWN($C7889/24,0)+1,1))-1)+IF('Standard Profiles'!$G$18=$B$10,7,0)+IF('Standard Profiles'!$G$18=$B$17,14,0)+IF('Standard Profiles'!$G$18=$B$24,21,0),0)),0)</f>
        <v>14.693859639469531</v>
      </c>
      <c r="E7889" cm="1">
        <f t="array" ref="E7889">IFERROR(INDEX(Jesper!AI$2:AI$366,ROUNDDOWN($C7889/24,0)+1,1)*INDEX($D$3:$AA$30,INDEX(Jesper!$R$2:$R$366,ROW(INDEX(Jesper!AI$2:AI$366,ROUNDDOWN($C7889/24,0)+1,1))-1)+IF('Standard Profiles'!$G$19=$B$10,7,0)+IF('Standard Profiles'!$G$19=$B$17,14,0)+IF('Standard Profiles'!$G$19=$B$24,21,0),MOD($C7889,24)+1)/SUM(INDEX($D$3:$AA$30,INDEX(Jesper!$R$2:$R$366,ROW(INDEX(Jesper!AI$2:AI$366,ROUNDDOWN($C7889/24,0)+1,1))-1)+IF('Standard Profiles'!$G$19=$B$10,7,0)+IF('Standard Profiles'!$G$19=$B$17,14,0)+IF('Standard Profiles'!$G$19=$B$24,21,0),0)),0)</f>
        <v>3.303266782614577</v>
      </c>
      <c r="F7889" cm="1">
        <f t="array" ref="F7889">IFERROR(INDEX(Jesper!AJ$2:AJ$366,ROUNDDOWN($C7889/24,0)+1,1)*INDEX($D$3:$AA$30,INDEX(Jesper!$R$2:$R$366,ROW(INDEX(Jesper!AJ$2:AJ$366,ROUNDDOWN($C7889/24,0)+1,1))-1)+IF('Standard Profiles'!$G$20=$B$10,7,0)+IF('Standard Profiles'!$G$20=$B$17,14,0)+IF('Standard Profiles'!$G$20=$B$24,21,0),MOD($C7889,24)+1)/SUM(INDEX($D$3:$AA$30,INDEX(Jesper!$R$2:$R$366,ROW(INDEX(Jesper!AJ$2:AJ$366,ROUNDDOWN($C7889/24,0)+1,1))-1)+IF('Standard Profiles'!$G$20=$B$10,7,0)+IF('Standard Profiles'!$G$20=$B$17,14,0)+IF('Standard Profiles'!$G$20=$B$24,21,0),0)),0)</f>
        <v>0</v>
      </c>
      <c r="G7889" cm="1">
        <f t="array" ref="G7889">IFERROR(INDEX(Jesper!AK$2:AK$366,ROUNDDOWN($C7889/24,0)+1,1)*INDEX($D$3:$AA$30,INDEX(Jesper!$R$2:$R$366,ROW(INDEX(Jesper!AK$2:AK$366,ROUNDDOWN($C7889/24,0)+1,1))-1)+IF('Standard Profiles'!$G$21=$B$10,7,0)+IF('Standard Profiles'!$G$21=$B$17,14,0)+IF('Standard Profiles'!$G$21=$B$24,21,0),MOD($C7889,24)+1)/SUM(INDEX($D$3:$AA$30,INDEX(Jesper!$R$2:$R$366,ROW(INDEX(Jesper!AK$2:AK$366,ROUNDDOWN($C7889/24,0)+1,1))-1)+IF('Standard Profiles'!$G$21=$B$10,7,0)+IF('Standard Profiles'!$G$21=$B$17,14,0)+IF('Standard Profiles'!$G$21=$B$24,21,0),0)),0)</f>
        <v>0</v>
      </c>
      <c r="H7889" cm="1">
        <f t="array" ref="H7889">IFERROR(INDEX(Jesper!AL$2:AL$366,ROUNDDOWN($C7889/24,0)+1,1)*INDEX($D$3:$AA$30,INDEX(Jesper!$R$2:$R$366,ROW(INDEX(Jesper!AL$2:AL$366,ROUNDDOWN($C7889/24,0)+1,1))-1)+IF('Standard Profiles'!$G$22=$B$10,7,0)+IF('Standard Profiles'!$G$22=$B$17,14,0)+IF('Standard Profiles'!$G$22=$B$24,21,0),MOD($C7889,24)+1)/SUM(INDEX($D$3:$AA$30,INDEX(Jesper!$R$2:$R$366,ROW(INDEX(Jesper!AL$2:AL$366,ROUNDDOWN($C7889/24,0)+1,1))-1)+IF('Standard Profiles'!$G$22=$B$10,7,0)+IF('Standard Profiles'!$G$22=$B$17,14,0)+IF('Standard Profiles'!$G$22=$B$24,21,0),0)),0)</f>
        <v>0</v>
      </c>
      <c r="I7889">
        <f t="shared" si="874"/>
        <v>0.29759160203734936</v>
      </c>
      <c r="J7889">
        <f t="shared" si="875"/>
        <v>0.9919720067911646</v>
      </c>
      <c r="K7889">
        <f t="shared" si="876"/>
        <v>1.4879580101867469</v>
      </c>
      <c r="L7889">
        <f t="shared" si="877"/>
        <v>15.219604803068847</v>
      </c>
      <c r="M7889">
        <f t="shared" si="878"/>
        <v>0</v>
      </c>
      <c r="N7889" s="46">
        <f t="shared" si="879"/>
        <v>45619.291666647616</v>
      </c>
    </row>
    <row r="7890" spans="2:14" x14ac:dyDescent="0.3">
      <c r="B7890">
        <f t="shared" si="873"/>
        <v>6</v>
      </c>
      <c r="C7890" s="16">
        <v>7856</v>
      </c>
      <c r="D7890" cm="1">
        <f t="array" ref="D7890">IFERROR(INDEX(Jesper!AH$2:AH$366,ROUNDDOWN($C7890/24,0)+1,1)*INDEX($D$3:$AA$30,INDEX(Jesper!$R$2:$R$366,ROW(INDEX(Jesper!AH$2:AH$366,ROUNDDOWN($C7890/24,0)+1,1))-1)+IF('Standard Profiles'!$G$18=$B$10,7,0)+IF('Standard Profiles'!$G$18=$B$17,14,0)+IF('Standard Profiles'!$G$18=$B$24,21,0),MOD($C7890,24)+1)/SUM(INDEX($D$3:$AA$30,INDEX(Jesper!$R$2:$R$366,ROW(INDEX(Jesper!AH$2:AH$366,ROUNDDOWN($C7890/24,0)+1,1))-1)+IF('Standard Profiles'!$G$18=$B$10,7,0)+IF('Standard Profiles'!$G$18=$B$17,14,0)+IF('Standard Profiles'!$G$18=$B$24,21,0),0)),0)</f>
        <v>14.693859639469531</v>
      </c>
      <c r="E7890" cm="1">
        <f t="array" ref="E7890">IFERROR(INDEX(Jesper!AI$2:AI$366,ROUNDDOWN($C7890/24,0)+1,1)*INDEX($D$3:$AA$30,INDEX(Jesper!$R$2:$R$366,ROW(INDEX(Jesper!AI$2:AI$366,ROUNDDOWN($C7890/24,0)+1,1))-1)+IF('Standard Profiles'!$G$19=$B$10,7,0)+IF('Standard Profiles'!$G$19=$B$17,14,0)+IF('Standard Profiles'!$G$19=$B$24,21,0),MOD($C7890,24)+1)/SUM(INDEX($D$3:$AA$30,INDEX(Jesper!$R$2:$R$366,ROW(INDEX(Jesper!AI$2:AI$366,ROUNDDOWN($C7890/24,0)+1,1))-1)+IF('Standard Profiles'!$G$19=$B$10,7,0)+IF('Standard Profiles'!$G$19=$B$17,14,0)+IF('Standard Profiles'!$G$19=$B$24,21,0),0)),0)</f>
        <v>3.303266782614577</v>
      </c>
      <c r="F7890" cm="1">
        <f t="array" ref="F7890">IFERROR(INDEX(Jesper!AJ$2:AJ$366,ROUNDDOWN($C7890/24,0)+1,1)*INDEX($D$3:$AA$30,INDEX(Jesper!$R$2:$R$366,ROW(INDEX(Jesper!AJ$2:AJ$366,ROUNDDOWN($C7890/24,0)+1,1))-1)+IF('Standard Profiles'!$G$20=$B$10,7,0)+IF('Standard Profiles'!$G$20=$B$17,14,0)+IF('Standard Profiles'!$G$20=$B$24,21,0),MOD($C7890,24)+1)/SUM(INDEX($D$3:$AA$30,INDEX(Jesper!$R$2:$R$366,ROW(INDEX(Jesper!AJ$2:AJ$366,ROUNDDOWN($C7890/24,0)+1,1))-1)+IF('Standard Profiles'!$G$20=$B$10,7,0)+IF('Standard Profiles'!$G$20=$B$17,14,0)+IF('Standard Profiles'!$G$20=$B$24,21,0),0)),0)</f>
        <v>0</v>
      </c>
      <c r="G7890" cm="1">
        <f t="array" ref="G7890">IFERROR(INDEX(Jesper!AK$2:AK$366,ROUNDDOWN($C7890/24,0)+1,1)*INDEX($D$3:$AA$30,INDEX(Jesper!$R$2:$R$366,ROW(INDEX(Jesper!AK$2:AK$366,ROUNDDOWN($C7890/24,0)+1,1))-1)+IF('Standard Profiles'!$G$21=$B$10,7,0)+IF('Standard Profiles'!$G$21=$B$17,14,0)+IF('Standard Profiles'!$G$21=$B$24,21,0),MOD($C7890,24)+1)/SUM(INDEX($D$3:$AA$30,INDEX(Jesper!$R$2:$R$366,ROW(INDEX(Jesper!AK$2:AK$366,ROUNDDOWN($C7890/24,0)+1,1))-1)+IF('Standard Profiles'!$G$21=$B$10,7,0)+IF('Standard Profiles'!$G$21=$B$17,14,0)+IF('Standard Profiles'!$G$21=$B$24,21,0),0)),0)</f>
        <v>0</v>
      </c>
      <c r="H7890" cm="1">
        <f t="array" ref="H7890">IFERROR(INDEX(Jesper!AL$2:AL$366,ROUNDDOWN($C7890/24,0)+1,1)*INDEX($D$3:$AA$30,INDEX(Jesper!$R$2:$R$366,ROW(INDEX(Jesper!AL$2:AL$366,ROUNDDOWN($C7890/24,0)+1,1))-1)+IF('Standard Profiles'!$G$22=$B$10,7,0)+IF('Standard Profiles'!$G$22=$B$17,14,0)+IF('Standard Profiles'!$G$22=$B$24,21,0),MOD($C7890,24)+1)/SUM(INDEX($D$3:$AA$30,INDEX(Jesper!$R$2:$R$366,ROW(INDEX(Jesper!AL$2:AL$366,ROUNDDOWN($C7890/24,0)+1,1))-1)+IF('Standard Profiles'!$G$22=$B$10,7,0)+IF('Standard Profiles'!$G$22=$B$17,14,0)+IF('Standard Profiles'!$G$22=$B$24,21,0),0)),0)</f>
        <v>0</v>
      </c>
      <c r="I7890">
        <f t="shared" si="874"/>
        <v>0.29759160203734936</v>
      </c>
      <c r="J7890">
        <f t="shared" si="875"/>
        <v>0.9919720067911646</v>
      </c>
      <c r="K7890">
        <f t="shared" si="876"/>
        <v>1.4879580101867469</v>
      </c>
      <c r="L7890">
        <f t="shared" si="877"/>
        <v>15.219604803068847</v>
      </c>
      <c r="M7890">
        <f t="shared" si="878"/>
        <v>0</v>
      </c>
      <c r="N7890" s="46">
        <f t="shared" si="879"/>
        <v>45619.33333331428</v>
      </c>
    </row>
    <row r="7891" spans="2:14" x14ac:dyDescent="0.3">
      <c r="B7891">
        <f t="shared" si="873"/>
        <v>6</v>
      </c>
      <c r="C7891" s="16">
        <v>7857</v>
      </c>
      <c r="D7891" cm="1">
        <f t="array" ref="D7891">IFERROR(INDEX(Jesper!AH$2:AH$366,ROUNDDOWN($C7891/24,0)+1,1)*INDEX($D$3:$AA$30,INDEX(Jesper!$R$2:$R$366,ROW(INDEX(Jesper!AH$2:AH$366,ROUNDDOWN($C7891/24,0)+1,1))-1)+IF('Standard Profiles'!$G$18=$B$10,7,0)+IF('Standard Profiles'!$G$18=$B$17,14,0)+IF('Standard Profiles'!$G$18=$B$24,21,0),MOD($C7891,24)+1)/SUM(INDEX($D$3:$AA$30,INDEX(Jesper!$R$2:$R$366,ROW(INDEX(Jesper!AH$2:AH$366,ROUNDDOWN($C7891/24,0)+1,1))-1)+IF('Standard Profiles'!$G$18=$B$10,7,0)+IF('Standard Profiles'!$G$18=$B$17,14,0)+IF('Standard Profiles'!$G$18=$B$24,21,0),0)),0)</f>
        <v>14.693859639469531</v>
      </c>
      <c r="E7891" cm="1">
        <f t="array" ref="E7891">IFERROR(INDEX(Jesper!AI$2:AI$366,ROUNDDOWN($C7891/24,0)+1,1)*INDEX($D$3:$AA$30,INDEX(Jesper!$R$2:$R$366,ROW(INDEX(Jesper!AI$2:AI$366,ROUNDDOWN($C7891/24,0)+1,1))-1)+IF('Standard Profiles'!$G$19=$B$10,7,0)+IF('Standard Profiles'!$G$19=$B$17,14,0)+IF('Standard Profiles'!$G$19=$B$24,21,0),MOD($C7891,24)+1)/SUM(INDEX($D$3:$AA$30,INDEX(Jesper!$R$2:$R$366,ROW(INDEX(Jesper!AI$2:AI$366,ROUNDDOWN($C7891/24,0)+1,1))-1)+IF('Standard Profiles'!$G$19=$B$10,7,0)+IF('Standard Profiles'!$G$19=$B$17,14,0)+IF('Standard Profiles'!$G$19=$B$24,21,0),0)),0)</f>
        <v>3.303266782614577</v>
      </c>
      <c r="F7891" cm="1">
        <f t="array" ref="F7891">IFERROR(INDEX(Jesper!AJ$2:AJ$366,ROUNDDOWN($C7891/24,0)+1,1)*INDEX($D$3:$AA$30,INDEX(Jesper!$R$2:$R$366,ROW(INDEX(Jesper!AJ$2:AJ$366,ROUNDDOWN($C7891/24,0)+1,1))-1)+IF('Standard Profiles'!$G$20=$B$10,7,0)+IF('Standard Profiles'!$G$20=$B$17,14,0)+IF('Standard Profiles'!$G$20=$B$24,21,0),MOD($C7891,24)+1)/SUM(INDEX($D$3:$AA$30,INDEX(Jesper!$R$2:$R$366,ROW(INDEX(Jesper!AJ$2:AJ$366,ROUNDDOWN($C7891/24,0)+1,1))-1)+IF('Standard Profiles'!$G$20=$B$10,7,0)+IF('Standard Profiles'!$G$20=$B$17,14,0)+IF('Standard Profiles'!$G$20=$B$24,21,0),0)),0)</f>
        <v>0</v>
      </c>
      <c r="G7891" cm="1">
        <f t="array" ref="G7891">IFERROR(INDEX(Jesper!AK$2:AK$366,ROUNDDOWN($C7891/24,0)+1,1)*INDEX($D$3:$AA$30,INDEX(Jesper!$R$2:$R$366,ROW(INDEX(Jesper!AK$2:AK$366,ROUNDDOWN($C7891/24,0)+1,1))-1)+IF('Standard Profiles'!$G$21=$B$10,7,0)+IF('Standard Profiles'!$G$21=$B$17,14,0)+IF('Standard Profiles'!$G$21=$B$24,21,0),MOD($C7891,24)+1)/SUM(INDEX($D$3:$AA$30,INDEX(Jesper!$R$2:$R$366,ROW(INDEX(Jesper!AK$2:AK$366,ROUNDDOWN($C7891/24,0)+1,1))-1)+IF('Standard Profiles'!$G$21=$B$10,7,0)+IF('Standard Profiles'!$G$21=$B$17,14,0)+IF('Standard Profiles'!$G$21=$B$24,21,0),0)),0)</f>
        <v>0</v>
      </c>
      <c r="H7891" cm="1">
        <f t="array" ref="H7891">IFERROR(INDEX(Jesper!AL$2:AL$366,ROUNDDOWN($C7891/24,0)+1,1)*INDEX($D$3:$AA$30,INDEX(Jesper!$R$2:$R$366,ROW(INDEX(Jesper!AL$2:AL$366,ROUNDDOWN($C7891/24,0)+1,1))-1)+IF('Standard Profiles'!$G$22=$B$10,7,0)+IF('Standard Profiles'!$G$22=$B$17,14,0)+IF('Standard Profiles'!$G$22=$B$24,21,0),MOD($C7891,24)+1)/SUM(INDEX($D$3:$AA$30,INDEX(Jesper!$R$2:$R$366,ROW(INDEX(Jesper!AL$2:AL$366,ROUNDDOWN($C7891/24,0)+1,1))-1)+IF('Standard Profiles'!$G$22=$B$10,7,0)+IF('Standard Profiles'!$G$22=$B$17,14,0)+IF('Standard Profiles'!$G$22=$B$24,21,0),0)),0)</f>
        <v>0</v>
      </c>
      <c r="I7891">
        <f t="shared" si="874"/>
        <v>0.29759160203734936</v>
      </c>
      <c r="J7891">
        <f t="shared" si="875"/>
        <v>0.9919720067911646</v>
      </c>
      <c r="K7891">
        <f t="shared" si="876"/>
        <v>1.4879580101867469</v>
      </c>
      <c r="L7891">
        <f t="shared" si="877"/>
        <v>15.219604803068847</v>
      </c>
      <c r="M7891">
        <f t="shared" si="878"/>
        <v>0</v>
      </c>
      <c r="N7891" s="46">
        <f t="shared" si="879"/>
        <v>45619.374999980944</v>
      </c>
    </row>
    <row r="7892" spans="2:14" x14ac:dyDescent="0.3">
      <c r="B7892">
        <f t="shared" si="873"/>
        <v>6</v>
      </c>
      <c r="C7892" s="16">
        <v>7858</v>
      </c>
      <c r="D7892" cm="1">
        <f t="array" ref="D7892">IFERROR(INDEX(Jesper!AH$2:AH$366,ROUNDDOWN($C7892/24,0)+1,1)*INDEX($D$3:$AA$30,INDEX(Jesper!$R$2:$R$366,ROW(INDEX(Jesper!AH$2:AH$366,ROUNDDOWN($C7892/24,0)+1,1))-1)+IF('Standard Profiles'!$G$18=$B$10,7,0)+IF('Standard Profiles'!$G$18=$B$17,14,0)+IF('Standard Profiles'!$G$18=$B$24,21,0),MOD($C7892,24)+1)/SUM(INDEX($D$3:$AA$30,INDEX(Jesper!$R$2:$R$366,ROW(INDEX(Jesper!AH$2:AH$366,ROUNDDOWN($C7892/24,0)+1,1))-1)+IF('Standard Profiles'!$G$18=$B$10,7,0)+IF('Standard Profiles'!$G$18=$B$17,14,0)+IF('Standard Profiles'!$G$18=$B$24,21,0),0)),0)</f>
        <v>14.693859639469531</v>
      </c>
      <c r="E7892" cm="1">
        <f t="array" ref="E7892">IFERROR(INDEX(Jesper!AI$2:AI$366,ROUNDDOWN($C7892/24,0)+1,1)*INDEX($D$3:$AA$30,INDEX(Jesper!$R$2:$R$366,ROW(INDEX(Jesper!AI$2:AI$366,ROUNDDOWN($C7892/24,0)+1,1))-1)+IF('Standard Profiles'!$G$19=$B$10,7,0)+IF('Standard Profiles'!$G$19=$B$17,14,0)+IF('Standard Profiles'!$G$19=$B$24,21,0),MOD($C7892,24)+1)/SUM(INDEX($D$3:$AA$30,INDEX(Jesper!$R$2:$R$366,ROW(INDEX(Jesper!AI$2:AI$366,ROUNDDOWN($C7892/24,0)+1,1))-1)+IF('Standard Profiles'!$G$19=$B$10,7,0)+IF('Standard Profiles'!$G$19=$B$17,14,0)+IF('Standard Profiles'!$G$19=$B$24,21,0),0)),0)</f>
        <v>3.303266782614577</v>
      </c>
      <c r="F7892" cm="1">
        <f t="array" ref="F7892">IFERROR(INDEX(Jesper!AJ$2:AJ$366,ROUNDDOWN($C7892/24,0)+1,1)*INDEX($D$3:$AA$30,INDEX(Jesper!$R$2:$R$366,ROW(INDEX(Jesper!AJ$2:AJ$366,ROUNDDOWN($C7892/24,0)+1,1))-1)+IF('Standard Profiles'!$G$20=$B$10,7,0)+IF('Standard Profiles'!$G$20=$B$17,14,0)+IF('Standard Profiles'!$G$20=$B$24,21,0),MOD($C7892,24)+1)/SUM(INDEX($D$3:$AA$30,INDEX(Jesper!$R$2:$R$366,ROW(INDEX(Jesper!AJ$2:AJ$366,ROUNDDOWN($C7892/24,0)+1,1))-1)+IF('Standard Profiles'!$G$20=$B$10,7,0)+IF('Standard Profiles'!$G$20=$B$17,14,0)+IF('Standard Profiles'!$G$20=$B$24,21,0),0)),0)</f>
        <v>0</v>
      </c>
      <c r="G7892" cm="1">
        <f t="array" ref="G7892">IFERROR(INDEX(Jesper!AK$2:AK$366,ROUNDDOWN($C7892/24,0)+1,1)*INDEX($D$3:$AA$30,INDEX(Jesper!$R$2:$R$366,ROW(INDEX(Jesper!AK$2:AK$366,ROUNDDOWN($C7892/24,0)+1,1))-1)+IF('Standard Profiles'!$G$21=$B$10,7,0)+IF('Standard Profiles'!$G$21=$B$17,14,0)+IF('Standard Profiles'!$G$21=$B$24,21,0),MOD($C7892,24)+1)/SUM(INDEX($D$3:$AA$30,INDEX(Jesper!$R$2:$R$366,ROW(INDEX(Jesper!AK$2:AK$366,ROUNDDOWN($C7892/24,0)+1,1))-1)+IF('Standard Profiles'!$G$21=$B$10,7,0)+IF('Standard Profiles'!$G$21=$B$17,14,0)+IF('Standard Profiles'!$G$21=$B$24,21,0),0)),0)</f>
        <v>0</v>
      </c>
      <c r="H7892" cm="1">
        <f t="array" ref="H7892">IFERROR(INDEX(Jesper!AL$2:AL$366,ROUNDDOWN($C7892/24,0)+1,1)*INDEX($D$3:$AA$30,INDEX(Jesper!$R$2:$R$366,ROW(INDEX(Jesper!AL$2:AL$366,ROUNDDOWN($C7892/24,0)+1,1))-1)+IF('Standard Profiles'!$G$22=$B$10,7,0)+IF('Standard Profiles'!$G$22=$B$17,14,0)+IF('Standard Profiles'!$G$22=$B$24,21,0),MOD($C7892,24)+1)/SUM(INDEX($D$3:$AA$30,INDEX(Jesper!$R$2:$R$366,ROW(INDEX(Jesper!AL$2:AL$366,ROUNDDOWN($C7892/24,0)+1,1))-1)+IF('Standard Profiles'!$G$22=$B$10,7,0)+IF('Standard Profiles'!$G$22=$B$17,14,0)+IF('Standard Profiles'!$G$22=$B$24,21,0),0)),0)</f>
        <v>0</v>
      </c>
      <c r="I7892">
        <f t="shared" si="874"/>
        <v>0.29759160203734936</v>
      </c>
      <c r="J7892">
        <f t="shared" si="875"/>
        <v>0.9919720067911646</v>
      </c>
      <c r="K7892">
        <f t="shared" si="876"/>
        <v>1.4879580101867469</v>
      </c>
      <c r="L7892">
        <f t="shared" si="877"/>
        <v>15.219604803068847</v>
      </c>
      <c r="M7892">
        <f t="shared" si="878"/>
        <v>0</v>
      </c>
      <c r="N7892" s="46">
        <f t="shared" si="879"/>
        <v>45619.416666647609</v>
      </c>
    </row>
    <row r="7893" spans="2:14" x14ac:dyDescent="0.3">
      <c r="B7893">
        <f t="shared" si="873"/>
        <v>6</v>
      </c>
      <c r="C7893" s="16">
        <v>7859</v>
      </c>
      <c r="D7893" cm="1">
        <f t="array" ref="D7893">IFERROR(INDEX(Jesper!AH$2:AH$366,ROUNDDOWN($C7893/24,0)+1,1)*INDEX($D$3:$AA$30,INDEX(Jesper!$R$2:$R$366,ROW(INDEX(Jesper!AH$2:AH$366,ROUNDDOWN($C7893/24,0)+1,1))-1)+IF('Standard Profiles'!$G$18=$B$10,7,0)+IF('Standard Profiles'!$G$18=$B$17,14,0)+IF('Standard Profiles'!$G$18=$B$24,21,0),MOD($C7893,24)+1)/SUM(INDEX($D$3:$AA$30,INDEX(Jesper!$R$2:$R$366,ROW(INDEX(Jesper!AH$2:AH$366,ROUNDDOWN($C7893/24,0)+1,1))-1)+IF('Standard Profiles'!$G$18=$B$10,7,0)+IF('Standard Profiles'!$G$18=$B$17,14,0)+IF('Standard Profiles'!$G$18=$B$24,21,0),0)),0)</f>
        <v>14.693859639469531</v>
      </c>
      <c r="E7893" cm="1">
        <f t="array" ref="E7893">IFERROR(INDEX(Jesper!AI$2:AI$366,ROUNDDOWN($C7893/24,0)+1,1)*INDEX($D$3:$AA$30,INDEX(Jesper!$R$2:$R$366,ROW(INDEX(Jesper!AI$2:AI$366,ROUNDDOWN($C7893/24,0)+1,1))-1)+IF('Standard Profiles'!$G$19=$B$10,7,0)+IF('Standard Profiles'!$G$19=$B$17,14,0)+IF('Standard Profiles'!$G$19=$B$24,21,0),MOD($C7893,24)+1)/SUM(INDEX($D$3:$AA$30,INDEX(Jesper!$R$2:$R$366,ROW(INDEX(Jesper!AI$2:AI$366,ROUNDDOWN($C7893/24,0)+1,1))-1)+IF('Standard Profiles'!$G$19=$B$10,7,0)+IF('Standard Profiles'!$G$19=$B$17,14,0)+IF('Standard Profiles'!$G$19=$B$24,21,0),0)),0)</f>
        <v>3.303266782614577</v>
      </c>
      <c r="F7893" cm="1">
        <f t="array" ref="F7893">IFERROR(INDEX(Jesper!AJ$2:AJ$366,ROUNDDOWN($C7893/24,0)+1,1)*INDEX($D$3:$AA$30,INDEX(Jesper!$R$2:$R$366,ROW(INDEX(Jesper!AJ$2:AJ$366,ROUNDDOWN($C7893/24,0)+1,1))-1)+IF('Standard Profiles'!$G$20=$B$10,7,0)+IF('Standard Profiles'!$G$20=$B$17,14,0)+IF('Standard Profiles'!$G$20=$B$24,21,0),MOD($C7893,24)+1)/SUM(INDEX($D$3:$AA$30,INDEX(Jesper!$R$2:$R$366,ROW(INDEX(Jesper!AJ$2:AJ$366,ROUNDDOWN($C7893/24,0)+1,1))-1)+IF('Standard Profiles'!$G$20=$B$10,7,0)+IF('Standard Profiles'!$G$20=$B$17,14,0)+IF('Standard Profiles'!$G$20=$B$24,21,0),0)),0)</f>
        <v>0</v>
      </c>
      <c r="G7893" cm="1">
        <f t="array" ref="G7893">IFERROR(INDEX(Jesper!AK$2:AK$366,ROUNDDOWN($C7893/24,0)+1,1)*INDEX($D$3:$AA$30,INDEX(Jesper!$R$2:$R$366,ROW(INDEX(Jesper!AK$2:AK$366,ROUNDDOWN($C7893/24,0)+1,1))-1)+IF('Standard Profiles'!$G$21=$B$10,7,0)+IF('Standard Profiles'!$G$21=$B$17,14,0)+IF('Standard Profiles'!$G$21=$B$24,21,0),MOD($C7893,24)+1)/SUM(INDEX($D$3:$AA$30,INDEX(Jesper!$R$2:$R$366,ROW(INDEX(Jesper!AK$2:AK$366,ROUNDDOWN($C7893/24,0)+1,1))-1)+IF('Standard Profiles'!$G$21=$B$10,7,0)+IF('Standard Profiles'!$G$21=$B$17,14,0)+IF('Standard Profiles'!$G$21=$B$24,21,0),0)),0)</f>
        <v>0</v>
      </c>
      <c r="H7893" cm="1">
        <f t="array" ref="H7893">IFERROR(INDEX(Jesper!AL$2:AL$366,ROUNDDOWN($C7893/24,0)+1,1)*INDEX($D$3:$AA$30,INDEX(Jesper!$R$2:$R$366,ROW(INDEX(Jesper!AL$2:AL$366,ROUNDDOWN($C7893/24,0)+1,1))-1)+IF('Standard Profiles'!$G$22=$B$10,7,0)+IF('Standard Profiles'!$G$22=$B$17,14,0)+IF('Standard Profiles'!$G$22=$B$24,21,0),MOD($C7893,24)+1)/SUM(INDEX($D$3:$AA$30,INDEX(Jesper!$R$2:$R$366,ROW(INDEX(Jesper!AL$2:AL$366,ROUNDDOWN($C7893/24,0)+1,1))-1)+IF('Standard Profiles'!$G$22=$B$10,7,0)+IF('Standard Profiles'!$G$22=$B$17,14,0)+IF('Standard Profiles'!$G$22=$B$24,21,0),0)),0)</f>
        <v>0</v>
      </c>
      <c r="I7893">
        <f t="shared" si="874"/>
        <v>0.29759160203734936</v>
      </c>
      <c r="J7893">
        <f t="shared" si="875"/>
        <v>0.9919720067911646</v>
      </c>
      <c r="K7893">
        <f t="shared" si="876"/>
        <v>1.4879580101867469</v>
      </c>
      <c r="L7893">
        <f t="shared" si="877"/>
        <v>15.219604803068847</v>
      </c>
      <c r="M7893">
        <f t="shared" si="878"/>
        <v>0</v>
      </c>
      <c r="N7893" s="46">
        <f t="shared" si="879"/>
        <v>45619.458333314273</v>
      </c>
    </row>
    <row r="7894" spans="2:14" x14ac:dyDescent="0.3">
      <c r="B7894">
        <f t="shared" si="873"/>
        <v>6</v>
      </c>
      <c r="C7894" s="16">
        <v>7860</v>
      </c>
      <c r="D7894" cm="1">
        <f t="array" ref="D7894">IFERROR(INDEX(Jesper!AH$2:AH$366,ROUNDDOWN($C7894/24,0)+1,1)*INDEX($D$3:$AA$30,INDEX(Jesper!$R$2:$R$366,ROW(INDEX(Jesper!AH$2:AH$366,ROUNDDOWN($C7894/24,0)+1,1))-1)+IF('Standard Profiles'!$G$18=$B$10,7,0)+IF('Standard Profiles'!$G$18=$B$17,14,0)+IF('Standard Profiles'!$G$18=$B$24,21,0),MOD($C7894,24)+1)/SUM(INDEX($D$3:$AA$30,INDEX(Jesper!$R$2:$R$366,ROW(INDEX(Jesper!AH$2:AH$366,ROUNDDOWN($C7894/24,0)+1,1))-1)+IF('Standard Profiles'!$G$18=$B$10,7,0)+IF('Standard Profiles'!$G$18=$B$17,14,0)+IF('Standard Profiles'!$G$18=$B$24,21,0),0)),0)</f>
        <v>14.693859639469531</v>
      </c>
      <c r="E7894" cm="1">
        <f t="array" ref="E7894">IFERROR(INDEX(Jesper!AI$2:AI$366,ROUNDDOWN($C7894/24,0)+1,1)*INDEX($D$3:$AA$30,INDEX(Jesper!$R$2:$R$366,ROW(INDEX(Jesper!AI$2:AI$366,ROUNDDOWN($C7894/24,0)+1,1))-1)+IF('Standard Profiles'!$G$19=$B$10,7,0)+IF('Standard Profiles'!$G$19=$B$17,14,0)+IF('Standard Profiles'!$G$19=$B$24,21,0),MOD($C7894,24)+1)/SUM(INDEX($D$3:$AA$30,INDEX(Jesper!$R$2:$R$366,ROW(INDEX(Jesper!AI$2:AI$366,ROUNDDOWN($C7894/24,0)+1,1))-1)+IF('Standard Profiles'!$G$19=$B$10,7,0)+IF('Standard Profiles'!$G$19=$B$17,14,0)+IF('Standard Profiles'!$G$19=$B$24,21,0),0)),0)</f>
        <v>3.303266782614577</v>
      </c>
      <c r="F7894" cm="1">
        <f t="array" ref="F7894">IFERROR(INDEX(Jesper!AJ$2:AJ$366,ROUNDDOWN($C7894/24,0)+1,1)*INDEX($D$3:$AA$30,INDEX(Jesper!$R$2:$R$366,ROW(INDEX(Jesper!AJ$2:AJ$366,ROUNDDOWN($C7894/24,0)+1,1))-1)+IF('Standard Profiles'!$G$20=$B$10,7,0)+IF('Standard Profiles'!$G$20=$B$17,14,0)+IF('Standard Profiles'!$G$20=$B$24,21,0),MOD($C7894,24)+1)/SUM(INDEX($D$3:$AA$30,INDEX(Jesper!$R$2:$R$366,ROW(INDEX(Jesper!AJ$2:AJ$366,ROUNDDOWN($C7894/24,0)+1,1))-1)+IF('Standard Profiles'!$G$20=$B$10,7,0)+IF('Standard Profiles'!$G$20=$B$17,14,0)+IF('Standard Profiles'!$G$20=$B$24,21,0),0)),0)</f>
        <v>0</v>
      </c>
      <c r="G7894" cm="1">
        <f t="array" ref="G7894">IFERROR(INDEX(Jesper!AK$2:AK$366,ROUNDDOWN($C7894/24,0)+1,1)*INDEX($D$3:$AA$30,INDEX(Jesper!$R$2:$R$366,ROW(INDEX(Jesper!AK$2:AK$366,ROUNDDOWN($C7894/24,0)+1,1))-1)+IF('Standard Profiles'!$G$21=$B$10,7,0)+IF('Standard Profiles'!$G$21=$B$17,14,0)+IF('Standard Profiles'!$G$21=$B$24,21,0),MOD($C7894,24)+1)/SUM(INDEX($D$3:$AA$30,INDEX(Jesper!$R$2:$R$366,ROW(INDEX(Jesper!AK$2:AK$366,ROUNDDOWN($C7894/24,0)+1,1))-1)+IF('Standard Profiles'!$G$21=$B$10,7,0)+IF('Standard Profiles'!$G$21=$B$17,14,0)+IF('Standard Profiles'!$G$21=$B$24,21,0),0)),0)</f>
        <v>0</v>
      </c>
      <c r="H7894" cm="1">
        <f t="array" ref="H7894">IFERROR(INDEX(Jesper!AL$2:AL$366,ROUNDDOWN($C7894/24,0)+1,1)*INDEX($D$3:$AA$30,INDEX(Jesper!$R$2:$R$366,ROW(INDEX(Jesper!AL$2:AL$366,ROUNDDOWN($C7894/24,0)+1,1))-1)+IF('Standard Profiles'!$G$22=$B$10,7,0)+IF('Standard Profiles'!$G$22=$B$17,14,0)+IF('Standard Profiles'!$G$22=$B$24,21,0),MOD($C7894,24)+1)/SUM(INDEX($D$3:$AA$30,INDEX(Jesper!$R$2:$R$366,ROW(INDEX(Jesper!AL$2:AL$366,ROUNDDOWN($C7894/24,0)+1,1))-1)+IF('Standard Profiles'!$G$22=$B$10,7,0)+IF('Standard Profiles'!$G$22=$B$17,14,0)+IF('Standard Profiles'!$G$22=$B$24,21,0),0)),0)</f>
        <v>0</v>
      </c>
      <c r="I7894">
        <f t="shared" si="874"/>
        <v>0.29759160203734936</v>
      </c>
      <c r="J7894">
        <f t="shared" si="875"/>
        <v>0.9919720067911646</v>
      </c>
      <c r="K7894">
        <f t="shared" si="876"/>
        <v>1.4879580101867469</v>
      </c>
      <c r="L7894">
        <f t="shared" si="877"/>
        <v>15.219604803068847</v>
      </c>
      <c r="M7894">
        <f t="shared" si="878"/>
        <v>0</v>
      </c>
      <c r="N7894" s="46">
        <f t="shared" si="879"/>
        <v>45619.499999980937</v>
      </c>
    </row>
    <row r="7895" spans="2:14" x14ac:dyDescent="0.3">
      <c r="B7895">
        <f t="shared" si="873"/>
        <v>6</v>
      </c>
      <c r="C7895" s="16">
        <v>7861</v>
      </c>
      <c r="D7895" cm="1">
        <f t="array" ref="D7895">IFERROR(INDEX(Jesper!AH$2:AH$366,ROUNDDOWN($C7895/24,0)+1,1)*INDEX($D$3:$AA$30,INDEX(Jesper!$R$2:$R$366,ROW(INDEX(Jesper!AH$2:AH$366,ROUNDDOWN($C7895/24,0)+1,1))-1)+IF('Standard Profiles'!$G$18=$B$10,7,0)+IF('Standard Profiles'!$G$18=$B$17,14,0)+IF('Standard Profiles'!$G$18=$B$24,21,0),MOD($C7895,24)+1)/SUM(INDEX($D$3:$AA$30,INDEX(Jesper!$R$2:$R$366,ROW(INDEX(Jesper!AH$2:AH$366,ROUNDDOWN($C7895/24,0)+1,1))-1)+IF('Standard Profiles'!$G$18=$B$10,7,0)+IF('Standard Profiles'!$G$18=$B$17,14,0)+IF('Standard Profiles'!$G$18=$B$24,21,0),0)),0)</f>
        <v>14.693859639469531</v>
      </c>
      <c r="E7895" cm="1">
        <f t="array" ref="E7895">IFERROR(INDEX(Jesper!AI$2:AI$366,ROUNDDOWN($C7895/24,0)+1,1)*INDEX($D$3:$AA$30,INDEX(Jesper!$R$2:$R$366,ROW(INDEX(Jesper!AI$2:AI$366,ROUNDDOWN($C7895/24,0)+1,1))-1)+IF('Standard Profiles'!$G$19=$B$10,7,0)+IF('Standard Profiles'!$G$19=$B$17,14,0)+IF('Standard Profiles'!$G$19=$B$24,21,0),MOD($C7895,24)+1)/SUM(INDEX($D$3:$AA$30,INDEX(Jesper!$R$2:$R$366,ROW(INDEX(Jesper!AI$2:AI$366,ROUNDDOWN($C7895/24,0)+1,1))-1)+IF('Standard Profiles'!$G$19=$B$10,7,0)+IF('Standard Profiles'!$G$19=$B$17,14,0)+IF('Standard Profiles'!$G$19=$B$24,21,0),0)),0)</f>
        <v>3.303266782614577</v>
      </c>
      <c r="F7895" cm="1">
        <f t="array" ref="F7895">IFERROR(INDEX(Jesper!AJ$2:AJ$366,ROUNDDOWN($C7895/24,0)+1,1)*INDEX($D$3:$AA$30,INDEX(Jesper!$R$2:$R$366,ROW(INDEX(Jesper!AJ$2:AJ$366,ROUNDDOWN($C7895/24,0)+1,1))-1)+IF('Standard Profiles'!$G$20=$B$10,7,0)+IF('Standard Profiles'!$G$20=$B$17,14,0)+IF('Standard Profiles'!$G$20=$B$24,21,0),MOD($C7895,24)+1)/SUM(INDEX($D$3:$AA$30,INDEX(Jesper!$R$2:$R$366,ROW(INDEX(Jesper!AJ$2:AJ$366,ROUNDDOWN($C7895/24,0)+1,1))-1)+IF('Standard Profiles'!$G$20=$B$10,7,0)+IF('Standard Profiles'!$G$20=$B$17,14,0)+IF('Standard Profiles'!$G$20=$B$24,21,0),0)),0)</f>
        <v>0</v>
      </c>
      <c r="G7895" cm="1">
        <f t="array" ref="G7895">IFERROR(INDEX(Jesper!AK$2:AK$366,ROUNDDOWN($C7895/24,0)+1,1)*INDEX($D$3:$AA$30,INDEX(Jesper!$R$2:$R$366,ROW(INDEX(Jesper!AK$2:AK$366,ROUNDDOWN($C7895/24,0)+1,1))-1)+IF('Standard Profiles'!$G$21=$B$10,7,0)+IF('Standard Profiles'!$G$21=$B$17,14,0)+IF('Standard Profiles'!$G$21=$B$24,21,0),MOD($C7895,24)+1)/SUM(INDEX($D$3:$AA$30,INDEX(Jesper!$R$2:$R$366,ROW(INDEX(Jesper!AK$2:AK$366,ROUNDDOWN($C7895/24,0)+1,1))-1)+IF('Standard Profiles'!$G$21=$B$10,7,0)+IF('Standard Profiles'!$G$21=$B$17,14,0)+IF('Standard Profiles'!$G$21=$B$24,21,0),0)),0)</f>
        <v>0</v>
      </c>
      <c r="H7895" cm="1">
        <f t="array" ref="H7895">IFERROR(INDEX(Jesper!AL$2:AL$366,ROUNDDOWN($C7895/24,0)+1,1)*INDEX($D$3:$AA$30,INDEX(Jesper!$R$2:$R$366,ROW(INDEX(Jesper!AL$2:AL$366,ROUNDDOWN($C7895/24,0)+1,1))-1)+IF('Standard Profiles'!$G$22=$B$10,7,0)+IF('Standard Profiles'!$G$22=$B$17,14,0)+IF('Standard Profiles'!$G$22=$B$24,21,0),MOD($C7895,24)+1)/SUM(INDEX($D$3:$AA$30,INDEX(Jesper!$R$2:$R$366,ROW(INDEX(Jesper!AL$2:AL$366,ROUNDDOWN($C7895/24,0)+1,1))-1)+IF('Standard Profiles'!$G$22=$B$10,7,0)+IF('Standard Profiles'!$G$22=$B$17,14,0)+IF('Standard Profiles'!$G$22=$B$24,21,0),0)),0)</f>
        <v>0</v>
      </c>
      <c r="I7895">
        <f t="shared" si="874"/>
        <v>0.29759160203734936</v>
      </c>
      <c r="J7895">
        <f t="shared" si="875"/>
        <v>0.9919720067911646</v>
      </c>
      <c r="K7895">
        <f t="shared" si="876"/>
        <v>1.4879580101867469</v>
      </c>
      <c r="L7895">
        <f t="shared" si="877"/>
        <v>15.219604803068847</v>
      </c>
      <c r="M7895">
        <f t="shared" si="878"/>
        <v>0</v>
      </c>
      <c r="N7895" s="46">
        <f t="shared" si="879"/>
        <v>45619.541666647601</v>
      </c>
    </row>
    <row r="7896" spans="2:14" x14ac:dyDescent="0.3">
      <c r="B7896">
        <f t="shared" si="873"/>
        <v>6</v>
      </c>
      <c r="C7896" s="16">
        <v>7862</v>
      </c>
      <c r="D7896" cm="1">
        <f t="array" ref="D7896">IFERROR(INDEX(Jesper!AH$2:AH$366,ROUNDDOWN($C7896/24,0)+1,1)*INDEX($D$3:$AA$30,INDEX(Jesper!$R$2:$R$366,ROW(INDEX(Jesper!AH$2:AH$366,ROUNDDOWN($C7896/24,0)+1,1))-1)+IF('Standard Profiles'!$G$18=$B$10,7,0)+IF('Standard Profiles'!$G$18=$B$17,14,0)+IF('Standard Profiles'!$G$18=$B$24,21,0),MOD($C7896,24)+1)/SUM(INDEX($D$3:$AA$30,INDEX(Jesper!$R$2:$R$366,ROW(INDEX(Jesper!AH$2:AH$366,ROUNDDOWN($C7896/24,0)+1,1))-1)+IF('Standard Profiles'!$G$18=$B$10,7,0)+IF('Standard Profiles'!$G$18=$B$17,14,0)+IF('Standard Profiles'!$G$18=$B$24,21,0),0)),0)</f>
        <v>14.693859639469531</v>
      </c>
      <c r="E7896" cm="1">
        <f t="array" ref="E7896">IFERROR(INDEX(Jesper!AI$2:AI$366,ROUNDDOWN($C7896/24,0)+1,1)*INDEX($D$3:$AA$30,INDEX(Jesper!$R$2:$R$366,ROW(INDEX(Jesper!AI$2:AI$366,ROUNDDOWN($C7896/24,0)+1,1))-1)+IF('Standard Profiles'!$G$19=$B$10,7,0)+IF('Standard Profiles'!$G$19=$B$17,14,0)+IF('Standard Profiles'!$G$19=$B$24,21,0),MOD($C7896,24)+1)/SUM(INDEX($D$3:$AA$30,INDEX(Jesper!$R$2:$R$366,ROW(INDEX(Jesper!AI$2:AI$366,ROUNDDOWN($C7896/24,0)+1,1))-1)+IF('Standard Profiles'!$G$19=$B$10,7,0)+IF('Standard Profiles'!$G$19=$B$17,14,0)+IF('Standard Profiles'!$G$19=$B$24,21,0),0)),0)</f>
        <v>3.303266782614577</v>
      </c>
      <c r="F7896" cm="1">
        <f t="array" ref="F7896">IFERROR(INDEX(Jesper!AJ$2:AJ$366,ROUNDDOWN($C7896/24,0)+1,1)*INDEX($D$3:$AA$30,INDEX(Jesper!$R$2:$R$366,ROW(INDEX(Jesper!AJ$2:AJ$366,ROUNDDOWN($C7896/24,0)+1,1))-1)+IF('Standard Profiles'!$G$20=$B$10,7,0)+IF('Standard Profiles'!$G$20=$B$17,14,0)+IF('Standard Profiles'!$G$20=$B$24,21,0),MOD($C7896,24)+1)/SUM(INDEX($D$3:$AA$30,INDEX(Jesper!$R$2:$R$366,ROW(INDEX(Jesper!AJ$2:AJ$366,ROUNDDOWN($C7896/24,0)+1,1))-1)+IF('Standard Profiles'!$G$20=$B$10,7,0)+IF('Standard Profiles'!$G$20=$B$17,14,0)+IF('Standard Profiles'!$G$20=$B$24,21,0),0)),0)</f>
        <v>0</v>
      </c>
      <c r="G7896" cm="1">
        <f t="array" ref="G7896">IFERROR(INDEX(Jesper!AK$2:AK$366,ROUNDDOWN($C7896/24,0)+1,1)*INDEX($D$3:$AA$30,INDEX(Jesper!$R$2:$R$366,ROW(INDEX(Jesper!AK$2:AK$366,ROUNDDOWN($C7896/24,0)+1,1))-1)+IF('Standard Profiles'!$G$21=$B$10,7,0)+IF('Standard Profiles'!$G$21=$B$17,14,0)+IF('Standard Profiles'!$G$21=$B$24,21,0),MOD($C7896,24)+1)/SUM(INDEX($D$3:$AA$30,INDEX(Jesper!$R$2:$R$366,ROW(INDEX(Jesper!AK$2:AK$366,ROUNDDOWN($C7896/24,0)+1,1))-1)+IF('Standard Profiles'!$G$21=$B$10,7,0)+IF('Standard Profiles'!$G$21=$B$17,14,0)+IF('Standard Profiles'!$G$21=$B$24,21,0),0)),0)</f>
        <v>0</v>
      </c>
      <c r="H7896" cm="1">
        <f t="array" ref="H7896">IFERROR(INDEX(Jesper!AL$2:AL$366,ROUNDDOWN($C7896/24,0)+1,1)*INDEX($D$3:$AA$30,INDEX(Jesper!$R$2:$R$366,ROW(INDEX(Jesper!AL$2:AL$366,ROUNDDOWN($C7896/24,0)+1,1))-1)+IF('Standard Profiles'!$G$22=$B$10,7,0)+IF('Standard Profiles'!$G$22=$B$17,14,0)+IF('Standard Profiles'!$G$22=$B$24,21,0),MOD($C7896,24)+1)/SUM(INDEX($D$3:$AA$30,INDEX(Jesper!$R$2:$R$366,ROW(INDEX(Jesper!AL$2:AL$366,ROUNDDOWN($C7896/24,0)+1,1))-1)+IF('Standard Profiles'!$G$22=$B$10,7,0)+IF('Standard Profiles'!$G$22=$B$17,14,0)+IF('Standard Profiles'!$G$22=$B$24,21,0),0)),0)</f>
        <v>0</v>
      </c>
      <c r="I7896">
        <f t="shared" si="874"/>
        <v>0.29759160203734936</v>
      </c>
      <c r="J7896">
        <f t="shared" si="875"/>
        <v>0.9919720067911646</v>
      </c>
      <c r="K7896">
        <f t="shared" si="876"/>
        <v>1.4879580101867469</v>
      </c>
      <c r="L7896">
        <f t="shared" si="877"/>
        <v>15.219604803068847</v>
      </c>
      <c r="M7896">
        <f t="shared" si="878"/>
        <v>0</v>
      </c>
      <c r="N7896" s="46">
        <f t="shared" si="879"/>
        <v>45619.583333314265</v>
      </c>
    </row>
    <row r="7897" spans="2:14" x14ac:dyDescent="0.3">
      <c r="B7897">
        <f t="shared" si="873"/>
        <v>6</v>
      </c>
      <c r="C7897" s="16">
        <v>7863</v>
      </c>
      <c r="D7897" cm="1">
        <f t="array" ref="D7897">IFERROR(INDEX(Jesper!AH$2:AH$366,ROUNDDOWN($C7897/24,0)+1,1)*INDEX($D$3:$AA$30,INDEX(Jesper!$R$2:$R$366,ROW(INDEX(Jesper!AH$2:AH$366,ROUNDDOWN($C7897/24,0)+1,1))-1)+IF('Standard Profiles'!$G$18=$B$10,7,0)+IF('Standard Profiles'!$G$18=$B$17,14,0)+IF('Standard Profiles'!$G$18=$B$24,21,0),MOD($C7897,24)+1)/SUM(INDEX($D$3:$AA$30,INDEX(Jesper!$R$2:$R$366,ROW(INDEX(Jesper!AH$2:AH$366,ROUNDDOWN($C7897/24,0)+1,1))-1)+IF('Standard Profiles'!$G$18=$B$10,7,0)+IF('Standard Profiles'!$G$18=$B$17,14,0)+IF('Standard Profiles'!$G$18=$B$24,21,0),0)),0)</f>
        <v>13.284859400068342</v>
      </c>
      <c r="E7897" cm="1">
        <f t="array" ref="E7897">IFERROR(INDEX(Jesper!AI$2:AI$366,ROUNDDOWN($C7897/24,0)+1,1)*INDEX($D$3:$AA$30,INDEX(Jesper!$R$2:$R$366,ROW(INDEX(Jesper!AI$2:AI$366,ROUNDDOWN($C7897/24,0)+1,1))-1)+IF('Standard Profiles'!$G$19=$B$10,7,0)+IF('Standard Profiles'!$G$19=$B$17,14,0)+IF('Standard Profiles'!$G$19=$B$24,21,0),MOD($C7897,24)+1)/SUM(INDEX($D$3:$AA$30,INDEX(Jesper!$R$2:$R$366,ROW(INDEX(Jesper!AI$2:AI$366,ROUNDDOWN($C7897/24,0)+1,1))-1)+IF('Standard Profiles'!$G$19=$B$10,7,0)+IF('Standard Profiles'!$G$19=$B$17,14,0)+IF('Standard Profiles'!$G$19=$B$24,21,0),0)),0)</f>
        <v>2.9865151733227675</v>
      </c>
      <c r="F7897" cm="1">
        <f t="array" ref="F7897">IFERROR(INDEX(Jesper!AJ$2:AJ$366,ROUNDDOWN($C7897/24,0)+1,1)*INDEX($D$3:$AA$30,INDEX(Jesper!$R$2:$R$366,ROW(INDEX(Jesper!AJ$2:AJ$366,ROUNDDOWN($C7897/24,0)+1,1))-1)+IF('Standard Profiles'!$G$20=$B$10,7,0)+IF('Standard Profiles'!$G$20=$B$17,14,0)+IF('Standard Profiles'!$G$20=$B$24,21,0),MOD($C7897,24)+1)/SUM(INDEX($D$3:$AA$30,INDEX(Jesper!$R$2:$R$366,ROW(INDEX(Jesper!AJ$2:AJ$366,ROUNDDOWN($C7897/24,0)+1,1))-1)+IF('Standard Profiles'!$G$20=$B$10,7,0)+IF('Standard Profiles'!$G$20=$B$17,14,0)+IF('Standard Profiles'!$G$20=$B$24,21,0),0)),0)</f>
        <v>0</v>
      </c>
      <c r="G7897" cm="1">
        <f t="array" ref="G7897">IFERROR(INDEX(Jesper!AK$2:AK$366,ROUNDDOWN($C7897/24,0)+1,1)*INDEX($D$3:$AA$30,INDEX(Jesper!$R$2:$R$366,ROW(INDEX(Jesper!AK$2:AK$366,ROUNDDOWN($C7897/24,0)+1,1))-1)+IF('Standard Profiles'!$G$21=$B$10,7,0)+IF('Standard Profiles'!$G$21=$B$17,14,0)+IF('Standard Profiles'!$G$21=$B$24,21,0),MOD($C7897,24)+1)/SUM(INDEX($D$3:$AA$30,INDEX(Jesper!$R$2:$R$366,ROW(INDEX(Jesper!AK$2:AK$366,ROUNDDOWN($C7897/24,0)+1,1))-1)+IF('Standard Profiles'!$G$21=$B$10,7,0)+IF('Standard Profiles'!$G$21=$B$17,14,0)+IF('Standard Profiles'!$G$21=$B$24,21,0),0)),0)</f>
        <v>0</v>
      </c>
      <c r="H7897" cm="1">
        <f t="array" ref="H7897">IFERROR(INDEX(Jesper!AL$2:AL$366,ROUNDDOWN($C7897/24,0)+1,1)*INDEX($D$3:$AA$30,INDEX(Jesper!$R$2:$R$366,ROW(INDEX(Jesper!AL$2:AL$366,ROUNDDOWN($C7897/24,0)+1,1))-1)+IF('Standard Profiles'!$G$22=$B$10,7,0)+IF('Standard Profiles'!$G$22=$B$17,14,0)+IF('Standard Profiles'!$G$22=$B$24,21,0),MOD($C7897,24)+1)/SUM(INDEX($D$3:$AA$30,INDEX(Jesper!$R$2:$R$366,ROW(INDEX(Jesper!AL$2:AL$366,ROUNDDOWN($C7897/24,0)+1,1))-1)+IF('Standard Profiles'!$G$22=$B$10,7,0)+IF('Standard Profiles'!$G$22=$B$17,14,0)+IF('Standard Profiles'!$G$22=$B$24,21,0),0)),0)</f>
        <v>0</v>
      </c>
      <c r="I7897">
        <f t="shared" si="874"/>
        <v>0.26905542102006924</v>
      </c>
      <c r="J7897">
        <f t="shared" si="875"/>
        <v>0.89685140340023084</v>
      </c>
      <c r="K7897">
        <f t="shared" si="876"/>
        <v>1.3452771051003463</v>
      </c>
      <c r="L7897">
        <f t="shared" si="877"/>
        <v>13.760190643870464</v>
      </c>
      <c r="M7897">
        <f t="shared" si="878"/>
        <v>0</v>
      </c>
      <c r="N7897" s="46">
        <f t="shared" si="879"/>
        <v>45619.62499998093</v>
      </c>
    </row>
    <row r="7898" spans="2:14" x14ac:dyDescent="0.3">
      <c r="B7898">
        <f t="shared" si="873"/>
        <v>6</v>
      </c>
      <c r="C7898" s="16">
        <v>7864</v>
      </c>
      <c r="D7898" cm="1">
        <f t="array" ref="D7898">IFERROR(INDEX(Jesper!AH$2:AH$366,ROUNDDOWN($C7898/24,0)+1,1)*INDEX($D$3:$AA$30,INDEX(Jesper!$R$2:$R$366,ROW(INDEX(Jesper!AH$2:AH$366,ROUNDDOWN($C7898/24,0)+1,1))-1)+IF('Standard Profiles'!$G$18=$B$10,7,0)+IF('Standard Profiles'!$G$18=$B$17,14,0)+IF('Standard Profiles'!$G$18=$B$24,21,0),MOD($C7898,24)+1)/SUM(INDEX($D$3:$AA$30,INDEX(Jesper!$R$2:$R$366,ROW(INDEX(Jesper!AH$2:AH$366,ROUNDDOWN($C7898/24,0)+1,1))-1)+IF('Standard Profiles'!$G$18=$B$10,7,0)+IF('Standard Profiles'!$G$18=$B$17,14,0)+IF('Standard Profiles'!$G$18=$B$24,21,0),0)),0)</f>
        <v>12.07714490915304</v>
      </c>
      <c r="E7898" cm="1">
        <f t="array" ref="E7898">IFERROR(INDEX(Jesper!AI$2:AI$366,ROUNDDOWN($C7898/24,0)+1,1)*INDEX($D$3:$AA$30,INDEX(Jesper!$R$2:$R$366,ROW(INDEX(Jesper!AI$2:AI$366,ROUNDDOWN($C7898/24,0)+1,1))-1)+IF('Standard Profiles'!$G$19=$B$10,7,0)+IF('Standard Profiles'!$G$19=$B$17,14,0)+IF('Standard Profiles'!$G$19=$B$24,21,0),MOD($C7898,24)+1)/SUM(INDEX($D$3:$AA$30,INDEX(Jesper!$R$2:$R$366,ROW(INDEX(Jesper!AI$2:AI$366,ROUNDDOWN($C7898/24,0)+1,1))-1)+IF('Standard Profiles'!$G$19=$B$10,7,0)+IF('Standard Profiles'!$G$19=$B$17,14,0)+IF('Standard Profiles'!$G$19=$B$24,21,0),0)),0)</f>
        <v>2.7150137939297889</v>
      </c>
      <c r="F7898" cm="1">
        <f t="array" ref="F7898">IFERROR(INDEX(Jesper!AJ$2:AJ$366,ROUNDDOWN($C7898/24,0)+1,1)*INDEX($D$3:$AA$30,INDEX(Jesper!$R$2:$R$366,ROW(INDEX(Jesper!AJ$2:AJ$366,ROUNDDOWN($C7898/24,0)+1,1))-1)+IF('Standard Profiles'!$G$20=$B$10,7,0)+IF('Standard Profiles'!$G$20=$B$17,14,0)+IF('Standard Profiles'!$G$20=$B$24,21,0),MOD($C7898,24)+1)/SUM(INDEX($D$3:$AA$30,INDEX(Jesper!$R$2:$R$366,ROW(INDEX(Jesper!AJ$2:AJ$366,ROUNDDOWN($C7898/24,0)+1,1))-1)+IF('Standard Profiles'!$G$20=$B$10,7,0)+IF('Standard Profiles'!$G$20=$B$17,14,0)+IF('Standard Profiles'!$G$20=$B$24,21,0),0)),0)</f>
        <v>0</v>
      </c>
      <c r="G7898" cm="1">
        <f t="array" ref="G7898">IFERROR(INDEX(Jesper!AK$2:AK$366,ROUNDDOWN($C7898/24,0)+1,1)*INDEX($D$3:$AA$30,INDEX(Jesper!$R$2:$R$366,ROW(INDEX(Jesper!AK$2:AK$366,ROUNDDOWN($C7898/24,0)+1,1))-1)+IF('Standard Profiles'!$G$21=$B$10,7,0)+IF('Standard Profiles'!$G$21=$B$17,14,0)+IF('Standard Profiles'!$G$21=$B$24,21,0),MOD($C7898,24)+1)/SUM(INDEX($D$3:$AA$30,INDEX(Jesper!$R$2:$R$366,ROW(INDEX(Jesper!AK$2:AK$366,ROUNDDOWN($C7898/24,0)+1,1))-1)+IF('Standard Profiles'!$G$21=$B$10,7,0)+IF('Standard Profiles'!$G$21=$B$17,14,0)+IF('Standard Profiles'!$G$21=$B$24,21,0),0)),0)</f>
        <v>0</v>
      </c>
      <c r="H7898" cm="1">
        <f t="array" ref="H7898">IFERROR(INDEX(Jesper!AL$2:AL$366,ROUNDDOWN($C7898/24,0)+1,1)*INDEX($D$3:$AA$30,INDEX(Jesper!$R$2:$R$366,ROW(INDEX(Jesper!AL$2:AL$366,ROUNDDOWN($C7898/24,0)+1,1))-1)+IF('Standard Profiles'!$G$22=$B$10,7,0)+IF('Standard Profiles'!$G$22=$B$17,14,0)+IF('Standard Profiles'!$G$22=$B$24,21,0),MOD($C7898,24)+1)/SUM(INDEX($D$3:$AA$30,INDEX(Jesper!$R$2:$R$366,ROW(INDEX(Jesper!AL$2:AL$366,ROUNDDOWN($C7898/24,0)+1,1))-1)+IF('Standard Profiles'!$G$22=$B$10,7,0)+IF('Standard Profiles'!$G$22=$B$17,14,0)+IF('Standard Profiles'!$G$22=$B$24,21,0),0)),0)</f>
        <v>0</v>
      </c>
      <c r="I7898">
        <f t="shared" si="874"/>
        <v>0.24459583729097203</v>
      </c>
      <c r="J7898">
        <f t="shared" si="875"/>
        <v>0.81531945763657354</v>
      </c>
      <c r="K7898">
        <f t="shared" si="876"/>
        <v>1.2229791864548603</v>
      </c>
      <c r="L7898">
        <f t="shared" si="877"/>
        <v>12.509264221700423</v>
      </c>
      <c r="M7898">
        <f t="shared" si="878"/>
        <v>0</v>
      </c>
      <c r="N7898" s="46">
        <f t="shared" si="879"/>
        <v>45619.666666647594</v>
      </c>
    </row>
    <row r="7899" spans="2:14" x14ac:dyDescent="0.3">
      <c r="B7899">
        <f t="shared" si="873"/>
        <v>6</v>
      </c>
      <c r="C7899" s="16">
        <v>7865</v>
      </c>
      <c r="D7899" cm="1">
        <f t="array" ref="D7899">IFERROR(INDEX(Jesper!AH$2:AH$366,ROUNDDOWN($C7899/24,0)+1,1)*INDEX($D$3:$AA$30,INDEX(Jesper!$R$2:$R$366,ROW(INDEX(Jesper!AH$2:AH$366,ROUNDDOWN($C7899/24,0)+1,1))-1)+IF('Standard Profiles'!$G$18=$B$10,7,0)+IF('Standard Profiles'!$G$18=$B$17,14,0)+IF('Standard Profiles'!$G$18=$B$24,21,0),MOD($C7899,24)+1)/SUM(INDEX($D$3:$AA$30,INDEX(Jesper!$R$2:$R$366,ROW(INDEX(Jesper!AH$2:AH$366,ROUNDDOWN($C7899/24,0)+1,1))-1)+IF('Standard Profiles'!$G$18=$B$10,7,0)+IF('Standard Profiles'!$G$18=$B$17,14,0)+IF('Standard Profiles'!$G$18=$B$24,21,0),0)),0)</f>
        <v>10.869430418237735</v>
      </c>
      <c r="E7899" cm="1">
        <f t="array" ref="E7899">IFERROR(INDEX(Jesper!AI$2:AI$366,ROUNDDOWN($C7899/24,0)+1,1)*INDEX($D$3:$AA$30,INDEX(Jesper!$R$2:$R$366,ROW(INDEX(Jesper!AI$2:AI$366,ROUNDDOWN($C7899/24,0)+1,1))-1)+IF('Standard Profiles'!$G$19=$B$10,7,0)+IF('Standard Profiles'!$G$19=$B$17,14,0)+IF('Standard Profiles'!$G$19=$B$24,21,0),MOD($C7899,24)+1)/SUM(INDEX($D$3:$AA$30,INDEX(Jesper!$R$2:$R$366,ROW(INDEX(Jesper!AI$2:AI$366,ROUNDDOWN($C7899/24,0)+1,1))-1)+IF('Standard Profiles'!$G$19=$B$10,7,0)+IF('Standard Profiles'!$G$19=$B$17,14,0)+IF('Standard Profiles'!$G$19=$B$24,21,0),0)),0)</f>
        <v>2.4435124145368103</v>
      </c>
      <c r="F7899" cm="1">
        <f t="array" ref="F7899">IFERROR(INDEX(Jesper!AJ$2:AJ$366,ROUNDDOWN($C7899/24,0)+1,1)*INDEX($D$3:$AA$30,INDEX(Jesper!$R$2:$R$366,ROW(INDEX(Jesper!AJ$2:AJ$366,ROUNDDOWN($C7899/24,0)+1,1))-1)+IF('Standard Profiles'!$G$20=$B$10,7,0)+IF('Standard Profiles'!$G$20=$B$17,14,0)+IF('Standard Profiles'!$G$20=$B$24,21,0),MOD($C7899,24)+1)/SUM(INDEX($D$3:$AA$30,INDEX(Jesper!$R$2:$R$366,ROW(INDEX(Jesper!AJ$2:AJ$366,ROUNDDOWN($C7899/24,0)+1,1))-1)+IF('Standard Profiles'!$G$20=$B$10,7,0)+IF('Standard Profiles'!$G$20=$B$17,14,0)+IF('Standard Profiles'!$G$20=$B$24,21,0),0)),0)</f>
        <v>0</v>
      </c>
      <c r="G7899" cm="1">
        <f t="array" ref="G7899">IFERROR(INDEX(Jesper!AK$2:AK$366,ROUNDDOWN($C7899/24,0)+1,1)*INDEX($D$3:$AA$30,INDEX(Jesper!$R$2:$R$366,ROW(INDEX(Jesper!AK$2:AK$366,ROUNDDOWN($C7899/24,0)+1,1))-1)+IF('Standard Profiles'!$G$21=$B$10,7,0)+IF('Standard Profiles'!$G$21=$B$17,14,0)+IF('Standard Profiles'!$G$21=$B$24,21,0),MOD($C7899,24)+1)/SUM(INDEX($D$3:$AA$30,INDEX(Jesper!$R$2:$R$366,ROW(INDEX(Jesper!AK$2:AK$366,ROUNDDOWN($C7899/24,0)+1,1))-1)+IF('Standard Profiles'!$G$21=$B$10,7,0)+IF('Standard Profiles'!$G$21=$B$17,14,0)+IF('Standard Profiles'!$G$21=$B$24,21,0),0)),0)</f>
        <v>0</v>
      </c>
      <c r="H7899" cm="1">
        <f t="array" ref="H7899">IFERROR(INDEX(Jesper!AL$2:AL$366,ROUNDDOWN($C7899/24,0)+1,1)*INDEX($D$3:$AA$30,INDEX(Jesper!$R$2:$R$366,ROW(INDEX(Jesper!AL$2:AL$366,ROUNDDOWN($C7899/24,0)+1,1))-1)+IF('Standard Profiles'!$G$22=$B$10,7,0)+IF('Standard Profiles'!$G$22=$B$17,14,0)+IF('Standard Profiles'!$G$22=$B$24,21,0),MOD($C7899,24)+1)/SUM(INDEX($D$3:$AA$30,INDEX(Jesper!$R$2:$R$366,ROW(INDEX(Jesper!AL$2:AL$366,ROUNDDOWN($C7899/24,0)+1,1))-1)+IF('Standard Profiles'!$G$22=$B$10,7,0)+IF('Standard Profiles'!$G$22=$B$17,14,0)+IF('Standard Profiles'!$G$22=$B$24,21,0),0)),0)</f>
        <v>0</v>
      </c>
      <c r="I7899">
        <f t="shared" si="874"/>
        <v>0.22013625356187486</v>
      </c>
      <c r="J7899">
        <f t="shared" si="875"/>
        <v>0.73378751187291635</v>
      </c>
      <c r="K7899">
        <f t="shared" si="876"/>
        <v>1.1006812678093745</v>
      </c>
      <c r="L7899">
        <f t="shared" si="877"/>
        <v>11.258337799530381</v>
      </c>
      <c r="M7899">
        <f t="shared" si="878"/>
        <v>0</v>
      </c>
      <c r="N7899" s="46">
        <f t="shared" si="879"/>
        <v>45619.708333314258</v>
      </c>
    </row>
    <row r="7900" spans="2:14" x14ac:dyDescent="0.3">
      <c r="B7900">
        <f t="shared" si="873"/>
        <v>6</v>
      </c>
      <c r="C7900" s="16">
        <v>7866</v>
      </c>
      <c r="D7900" cm="1">
        <f t="array" ref="D7900">IFERROR(INDEX(Jesper!AH$2:AH$366,ROUNDDOWN($C7900/24,0)+1,1)*INDEX($D$3:$AA$30,INDEX(Jesper!$R$2:$R$366,ROW(INDEX(Jesper!AH$2:AH$366,ROUNDDOWN($C7900/24,0)+1,1))-1)+IF('Standard Profiles'!$G$18=$B$10,7,0)+IF('Standard Profiles'!$G$18=$B$17,14,0)+IF('Standard Profiles'!$G$18=$B$24,21,0),MOD($C7900,24)+1)/SUM(INDEX($D$3:$AA$30,INDEX(Jesper!$R$2:$R$366,ROW(INDEX(Jesper!AH$2:AH$366,ROUNDDOWN($C7900/24,0)+1,1))-1)+IF('Standard Profiles'!$G$18=$B$10,7,0)+IF('Standard Profiles'!$G$18=$B$17,14,0)+IF('Standard Profiles'!$G$18=$B$24,21,0),0)),0)</f>
        <v>10.466858921265967</v>
      </c>
      <c r="E7900" cm="1">
        <f t="array" ref="E7900">IFERROR(INDEX(Jesper!AI$2:AI$366,ROUNDDOWN($C7900/24,0)+1,1)*INDEX($D$3:$AA$30,INDEX(Jesper!$R$2:$R$366,ROW(INDEX(Jesper!AI$2:AI$366,ROUNDDOWN($C7900/24,0)+1,1))-1)+IF('Standard Profiles'!$G$19=$B$10,7,0)+IF('Standard Profiles'!$G$19=$B$17,14,0)+IF('Standard Profiles'!$G$19=$B$24,21,0),MOD($C7900,24)+1)/SUM(INDEX($D$3:$AA$30,INDEX(Jesper!$R$2:$R$366,ROW(INDEX(Jesper!AI$2:AI$366,ROUNDDOWN($C7900/24,0)+1,1))-1)+IF('Standard Profiles'!$G$19=$B$10,7,0)+IF('Standard Profiles'!$G$19=$B$17,14,0)+IF('Standard Profiles'!$G$19=$B$24,21,0),0)),0)</f>
        <v>2.3530119547391504</v>
      </c>
      <c r="F7900" cm="1">
        <f t="array" ref="F7900">IFERROR(INDEX(Jesper!AJ$2:AJ$366,ROUNDDOWN($C7900/24,0)+1,1)*INDEX($D$3:$AA$30,INDEX(Jesper!$R$2:$R$366,ROW(INDEX(Jesper!AJ$2:AJ$366,ROUNDDOWN($C7900/24,0)+1,1))-1)+IF('Standard Profiles'!$G$20=$B$10,7,0)+IF('Standard Profiles'!$G$20=$B$17,14,0)+IF('Standard Profiles'!$G$20=$B$24,21,0),MOD($C7900,24)+1)/SUM(INDEX($D$3:$AA$30,INDEX(Jesper!$R$2:$R$366,ROW(INDEX(Jesper!AJ$2:AJ$366,ROUNDDOWN($C7900/24,0)+1,1))-1)+IF('Standard Profiles'!$G$20=$B$10,7,0)+IF('Standard Profiles'!$G$20=$B$17,14,0)+IF('Standard Profiles'!$G$20=$B$24,21,0),0)),0)</f>
        <v>0</v>
      </c>
      <c r="G7900" cm="1">
        <f t="array" ref="G7900">IFERROR(INDEX(Jesper!AK$2:AK$366,ROUNDDOWN($C7900/24,0)+1,1)*INDEX($D$3:$AA$30,INDEX(Jesper!$R$2:$R$366,ROW(INDEX(Jesper!AK$2:AK$366,ROUNDDOWN($C7900/24,0)+1,1))-1)+IF('Standard Profiles'!$G$21=$B$10,7,0)+IF('Standard Profiles'!$G$21=$B$17,14,0)+IF('Standard Profiles'!$G$21=$B$24,21,0),MOD($C7900,24)+1)/SUM(INDEX($D$3:$AA$30,INDEX(Jesper!$R$2:$R$366,ROW(INDEX(Jesper!AK$2:AK$366,ROUNDDOWN($C7900/24,0)+1,1))-1)+IF('Standard Profiles'!$G$21=$B$10,7,0)+IF('Standard Profiles'!$G$21=$B$17,14,0)+IF('Standard Profiles'!$G$21=$B$24,21,0),0)),0)</f>
        <v>0</v>
      </c>
      <c r="H7900" cm="1">
        <f t="array" ref="H7900">IFERROR(INDEX(Jesper!AL$2:AL$366,ROUNDDOWN($C7900/24,0)+1,1)*INDEX($D$3:$AA$30,INDEX(Jesper!$R$2:$R$366,ROW(INDEX(Jesper!AL$2:AL$366,ROUNDDOWN($C7900/24,0)+1,1))-1)+IF('Standard Profiles'!$G$22=$B$10,7,0)+IF('Standard Profiles'!$G$22=$B$17,14,0)+IF('Standard Profiles'!$G$22=$B$24,21,0),MOD($C7900,24)+1)/SUM(INDEX($D$3:$AA$30,INDEX(Jesper!$R$2:$R$366,ROW(INDEX(Jesper!AL$2:AL$366,ROUNDDOWN($C7900/24,0)+1,1))-1)+IF('Standard Profiles'!$G$22=$B$10,7,0)+IF('Standard Profiles'!$G$22=$B$17,14,0)+IF('Standard Profiles'!$G$22=$B$24,21,0),0)),0)</f>
        <v>0</v>
      </c>
      <c r="I7900">
        <f t="shared" si="874"/>
        <v>0.21198305898550909</v>
      </c>
      <c r="J7900">
        <f t="shared" si="875"/>
        <v>0.70661019661836377</v>
      </c>
      <c r="K7900">
        <f t="shared" si="876"/>
        <v>1.0599152949275457</v>
      </c>
      <c r="L7900">
        <f t="shared" si="877"/>
        <v>10.8413623254737</v>
      </c>
      <c r="M7900">
        <f t="shared" si="878"/>
        <v>0</v>
      </c>
      <c r="N7900" s="46">
        <f t="shared" si="879"/>
        <v>45619.749999980922</v>
      </c>
    </row>
    <row r="7901" spans="2:14" x14ac:dyDescent="0.3">
      <c r="B7901">
        <f t="shared" si="873"/>
        <v>6</v>
      </c>
      <c r="C7901" s="16">
        <v>7867</v>
      </c>
      <c r="D7901" cm="1">
        <f t="array" ref="D7901">IFERROR(INDEX(Jesper!AH$2:AH$366,ROUNDDOWN($C7901/24,0)+1,1)*INDEX($D$3:$AA$30,INDEX(Jesper!$R$2:$R$366,ROW(INDEX(Jesper!AH$2:AH$366,ROUNDDOWN($C7901/24,0)+1,1))-1)+IF('Standard Profiles'!$G$18=$B$10,7,0)+IF('Standard Profiles'!$G$18=$B$17,14,0)+IF('Standard Profiles'!$G$18=$B$24,21,0),MOD($C7901,24)+1)/SUM(INDEX($D$3:$AA$30,INDEX(Jesper!$R$2:$R$366,ROW(INDEX(Jesper!AH$2:AH$366,ROUNDDOWN($C7901/24,0)+1,1))-1)+IF('Standard Profiles'!$G$18=$B$10,7,0)+IF('Standard Profiles'!$G$18=$B$17,14,0)+IF('Standard Profiles'!$G$18=$B$24,21,0),0)),0)</f>
        <v>8.4540014364071272</v>
      </c>
      <c r="E7901" cm="1">
        <f t="array" ref="E7901">IFERROR(INDEX(Jesper!AI$2:AI$366,ROUNDDOWN($C7901/24,0)+1,1)*INDEX($D$3:$AA$30,INDEX(Jesper!$R$2:$R$366,ROW(INDEX(Jesper!AI$2:AI$366,ROUNDDOWN($C7901/24,0)+1,1))-1)+IF('Standard Profiles'!$G$19=$B$10,7,0)+IF('Standard Profiles'!$G$19=$B$17,14,0)+IF('Standard Profiles'!$G$19=$B$24,21,0),MOD($C7901,24)+1)/SUM(INDEX($D$3:$AA$30,INDEX(Jesper!$R$2:$R$366,ROW(INDEX(Jesper!AI$2:AI$366,ROUNDDOWN($C7901/24,0)+1,1))-1)+IF('Standard Profiles'!$G$19=$B$10,7,0)+IF('Standard Profiles'!$G$19=$B$17,14,0)+IF('Standard Profiles'!$G$19=$B$24,21,0),0)),0)</f>
        <v>1.9005096557508521</v>
      </c>
      <c r="F7901" cm="1">
        <f t="array" ref="F7901">IFERROR(INDEX(Jesper!AJ$2:AJ$366,ROUNDDOWN($C7901/24,0)+1,1)*INDEX($D$3:$AA$30,INDEX(Jesper!$R$2:$R$366,ROW(INDEX(Jesper!AJ$2:AJ$366,ROUNDDOWN($C7901/24,0)+1,1))-1)+IF('Standard Profiles'!$G$20=$B$10,7,0)+IF('Standard Profiles'!$G$20=$B$17,14,0)+IF('Standard Profiles'!$G$20=$B$24,21,0),MOD($C7901,24)+1)/SUM(INDEX($D$3:$AA$30,INDEX(Jesper!$R$2:$R$366,ROW(INDEX(Jesper!AJ$2:AJ$366,ROUNDDOWN($C7901/24,0)+1,1))-1)+IF('Standard Profiles'!$G$20=$B$10,7,0)+IF('Standard Profiles'!$G$20=$B$17,14,0)+IF('Standard Profiles'!$G$20=$B$24,21,0),0)),0)</f>
        <v>0</v>
      </c>
      <c r="G7901" cm="1">
        <f t="array" ref="G7901">IFERROR(INDEX(Jesper!AK$2:AK$366,ROUNDDOWN($C7901/24,0)+1,1)*INDEX($D$3:$AA$30,INDEX(Jesper!$R$2:$R$366,ROW(INDEX(Jesper!AK$2:AK$366,ROUNDDOWN($C7901/24,0)+1,1))-1)+IF('Standard Profiles'!$G$21=$B$10,7,0)+IF('Standard Profiles'!$G$21=$B$17,14,0)+IF('Standard Profiles'!$G$21=$B$24,21,0),MOD($C7901,24)+1)/SUM(INDEX($D$3:$AA$30,INDEX(Jesper!$R$2:$R$366,ROW(INDEX(Jesper!AK$2:AK$366,ROUNDDOWN($C7901/24,0)+1,1))-1)+IF('Standard Profiles'!$G$21=$B$10,7,0)+IF('Standard Profiles'!$G$21=$B$17,14,0)+IF('Standard Profiles'!$G$21=$B$24,21,0),0)),0)</f>
        <v>0</v>
      </c>
      <c r="H7901" cm="1">
        <f t="array" ref="H7901">IFERROR(INDEX(Jesper!AL$2:AL$366,ROUNDDOWN($C7901/24,0)+1,1)*INDEX($D$3:$AA$30,INDEX(Jesper!$R$2:$R$366,ROW(INDEX(Jesper!AL$2:AL$366,ROUNDDOWN($C7901/24,0)+1,1))-1)+IF('Standard Profiles'!$G$22=$B$10,7,0)+IF('Standard Profiles'!$G$22=$B$17,14,0)+IF('Standard Profiles'!$G$22=$B$24,21,0),MOD($C7901,24)+1)/SUM(INDEX($D$3:$AA$30,INDEX(Jesper!$R$2:$R$366,ROW(INDEX(Jesper!AL$2:AL$366,ROUNDDOWN($C7901/24,0)+1,1))-1)+IF('Standard Profiles'!$G$22=$B$10,7,0)+IF('Standard Profiles'!$G$22=$B$17,14,0)+IF('Standard Profiles'!$G$22=$B$24,21,0),0)),0)</f>
        <v>0</v>
      </c>
      <c r="I7901">
        <f t="shared" si="874"/>
        <v>0.17121708610368042</v>
      </c>
      <c r="J7901">
        <f t="shared" si="875"/>
        <v>0.57072362034560142</v>
      </c>
      <c r="K7901">
        <f t="shared" si="876"/>
        <v>0.85608543051840214</v>
      </c>
      <c r="L7901">
        <f t="shared" si="877"/>
        <v>8.7564849551902952</v>
      </c>
      <c r="M7901">
        <f t="shared" si="878"/>
        <v>0</v>
      </c>
      <c r="N7901" s="46">
        <f t="shared" si="879"/>
        <v>45619.791666647587</v>
      </c>
    </row>
    <row r="7902" spans="2:14" x14ac:dyDescent="0.3">
      <c r="B7902">
        <f t="shared" si="873"/>
        <v>6</v>
      </c>
      <c r="C7902" s="16">
        <v>7868</v>
      </c>
      <c r="D7902" cm="1">
        <f t="array" ref="D7902">IFERROR(INDEX(Jesper!AH$2:AH$366,ROUNDDOWN($C7902/24,0)+1,1)*INDEX($D$3:$AA$30,INDEX(Jesper!$R$2:$R$366,ROW(INDEX(Jesper!AH$2:AH$366,ROUNDDOWN($C7902/24,0)+1,1))-1)+IF('Standard Profiles'!$G$18=$B$10,7,0)+IF('Standard Profiles'!$G$18=$B$17,14,0)+IF('Standard Profiles'!$G$18=$B$24,21,0),MOD($C7902,24)+1)/SUM(INDEX($D$3:$AA$30,INDEX(Jesper!$R$2:$R$366,ROW(INDEX(Jesper!AH$2:AH$366,ROUNDDOWN($C7902/24,0)+1,1))-1)+IF('Standard Profiles'!$G$18=$B$10,7,0)+IF('Standard Profiles'!$G$18=$B$17,14,0)+IF('Standard Profiles'!$G$18=$B$24,21,0),0)),0)</f>
        <v>6.2398582030624024</v>
      </c>
      <c r="E7902" cm="1">
        <f t="array" ref="E7902">IFERROR(INDEX(Jesper!AI$2:AI$366,ROUNDDOWN($C7902/24,0)+1,1)*INDEX($D$3:$AA$30,INDEX(Jesper!$R$2:$R$366,ROW(INDEX(Jesper!AI$2:AI$366,ROUNDDOWN($C7902/24,0)+1,1))-1)+IF('Standard Profiles'!$G$19=$B$10,7,0)+IF('Standard Profiles'!$G$19=$B$17,14,0)+IF('Standard Profiles'!$G$19=$B$24,21,0),MOD($C7902,24)+1)/SUM(INDEX($D$3:$AA$30,INDEX(Jesper!$R$2:$R$366,ROW(INDEX(Jesper!AI$2:AI$366,ROUNDDOWN($C7902/24,0)+1,1))-1)+IF('Standard Profiles'!$G$19=$B$10,7,0)+IF('Standard Profiles'!$G$19=$B$17,14,0)+IF('Standard Profiles'!$G$19=$B$24,21,0),0)),0)</f>
        <v>1.4027571268637242</v>
      </c>
      <c r="F7902" cm="1">
        <f t="array" ref="F7902">IFERROR(INDEX(Jesper!AJ$2:AJ$366,ROUNDDOWN($C7902/24,0)+1,1)*INDEX($D$3:$AA$30,INDEX(Jesper!$R$2:$R$366,ROW(INDEX(Jesper!AJ$2:AJ$366,ROUNDDOWN($C7902/24,0)+1,1))-1)+IF('Standard Profiles'!$G$20=$B$10,7,0)+IF('Standard Profiles'!$G$20=$B$17,14,0)+IF('Standard Profiles'!$G$20=$B$24,21,0),MOD($C7902,24)+1)/SUM(INDEX($D$3:$AA$30,INDEX(Jesper!$R$2:$R$366,ROW(INDEX(Jesper!AJ$2:AJ$366,ROUNDDOWN($C7902/24,0)+1,1))-1)+IF('Standard Profiles'!$G$20=$B$10,7,0)+IF('Standard Profiles'!$G$20=$B$17,14,0)+IF('Standard Profiles'!$G$20=$B$24,21,0),0)),0)</f>
        <v>0</v>
      </c>
      <c r="G7902" cm="1">
        <f t="array" ref="G7902">IFERROR(INDEX(Jesper!AK$2:AK$366,ROUNDDOWN($C7902/24,0)+1,1)*INDEX($D$3:$AA$30,INDEX(Jesper!$R$2:$R$366,ROW(INDEX(Jesper!AK$2:AK$366,ROUNDDOWN($C7902/24,0)+1,1))-1)+IF('Standard Profiles'!$G$21=$B$10,7,0)+IF('Standard Profiles'!$G$21=$B$17,14,0)+IF('Standard Profiles'!$G$21=$B$24,21,0),MOD($C7902,24)+1)/SUM(INDEX($D$3:$AA$30,INDEX(Jesper!$R$2:$R$366,ROW(INDEX(Jesper!AK$2:AK$366,ROUNDDOWN($C7902/24,0)+1,1))-1)+IF('Standard Profiles'!$G$21=$B$10,7,0)+IF('Standard Profiles'!$G$21=$B$17,14,0)+IF('Standard Profiles'!$G$21=$B$24,21,0),0)),0)</f>
        <v>0</v>
      </c>
      <c r="H7902" cm="1">
        <f t="array" ref="H7902">IFERROR(INDEX(Jesper!AL$2:AL$366,ROUNDDOWN($C7902/24,0)+1,1)*INDEX($D$3:$AA$30,INDEX(Jesper!$R$2:$R$366,ROW(INDEX(Jesper!AL$2:AL$366,ROUNDDOWN($C7902/24,0)+1,1))-1)+IF('Standard Profiles'!$G$22=$B$10,7,0)+IF('Standard Profiles'!$G$22=$B$17,14,0)+IF('Standard Profiles'!$G$22=$B$24,21,0),MOD($C7902,24)+1)/SUM(INDEX($D$3:$AA$30,INDEX(Jesper!$R$2:$R$366,ROW(INDEX(Jesper!AL$2:AL$366,ROUNDDOWN($C7902/24,0)+1,1))-1)+IF('Standard Profiles'!$G$22=$B$10,7,0)+IF('Standard Profiles'!$G$22=$B$17,14,0)+IF('Standard Profiles'!$G$22=$B$24,21,0),0)),0)</f>
        <v>0</v>
      </c>
      <c r="I7902">
        <f t="shared" si="874"/>
        <v>0.12637451593366889</v>
      </c>
      <c r="J7902">
        <f t="shared" si="875"/>
        <v>0.42124838644556301</v>
      </c>
      <c r="K7902">
        <f t="shared" si="876"/>
        <v>0.63187257966834454</v>
      </c>
      <c r="L7902">
        <f t="shared" si="877"/>
        <v>6.4631198478785503</v>
      </c>
      <c r="M7902">
        <f t="shared" si="878"/>
        <v>0</v>
      </c>
      <c r="N7902" s="46">
        <f t="shared" si="879"/>
        <v>45619.833333314251</v>
      </c>
    </row>
    <row r="7903" spans="2:14" x14ac:dyDescent="0.3">
      <c r="B7903">
        <f t="shared" si="873"/>
        <v>6</v>
      </c>
      <c r="C7903" s="16">
        <v>7869</v>
      </c>
      <c r="D7903" cm="1">
        <f t="array" ref="D7903">IFERROR(INDEX(Jesper!AH$2:AH$366,ROUNDDOWN($C7903/24,0)+1,1)*INDEX($D$3:$AA$30,INDEX(Jesper!$R$2:$R$366,ROW(INDEX(Jesper!AH$2:AH$366,ROUNDDOWN($C7903/24,0)+1,1))-1)+IF('Standard Profiles'!$G$18=$B$10,7,0)+IF('Standard Profiles'!$G$18=$B$17,14,0)+IF('Standard Profiles'!$G$18=$B$24,21,0),MOD($C7903,24)+1)/SUM(INDEX($D$3:$AA$30,INDEX(Jesper!$R$2:$R$366,ROW(INDEX(Jesper!AH$2:AH$366,ROUNDDOWN($C7903/24,0)+1,1))-1)+IF('Standard Profiles'!$G$18=$B$10,7,0)+IF('Standard Profiles'!$G$18=$B$17,14,0)+IF('Standard Profiles'!$G$18=$B$24,21,0),0)),0)</f>
        <v>6.2398582030624024</v>
      </c>
      <c r="E7903" cm="1">
        <f t="array" ref="E7903">IFERROR(INDEX(Jesper!AI$2:AI$366,ROUNDDOWN($C7903/24,0)+1,1)*INDEX($D$3:$AA$30,INDEX(Jesper!$R$2:$R$366,ROW(INDEX(Jesper!AI$2:AI$366,ROUNDDOWN($C7903/24,0)+1,1))-1)+IF('Standard Profiles'!$G$19=$B$10,7,0)+IF('Standard Profiles'!$G$19=$B$17,14,0)+IF('Standard Profiles'!$G$19=$B$24,21,0),MOD($C7903,24)+1)/SUM(INDEX($D$3:$AA$30,INDEX(Jesper!$R$2:$R$366,ROW(INDEX(Jesper!AI$2:AI$366,ROUNDDOWN($C7903/24,0)+1,1))-1)+IF('Standard Profiles'!$G$19=$B$10,7,0)+IF('Standard Profiles'!$G$19=$B$17,14,0)+IF('Standard Profiles'!$G$19=$B$24,21,0),0)),0)</f>
        <v>1.4027571268637242</v>
      </c>
      <c r="F7903" cm="1">
        <f t="array" ref="F7903">IFERROR(INDEX(Jesper!AJ$2:AJ$366,ROUNDDOWN($C7903/24,0)+1,1)*INDEX($D$3:$AA$30,INDEX(Jesper!$R$2:$R$366,ROW(INDEX(Jesper!AJ$2:AJ$366,ROUNDDOWN($C7903/24,0)+1,1))-1)+IF('Standard Profiles'!$G$20=$B$10,7,0)+IF('Standard Profiles'!$G$20=$B$17,14,0)+IF('Standard Profiles'!$G$20=$B$24,21,0),MOD($C7903,24)+1)/SUM(INDEX($D$3:$AA$30,INDEX(Jesper!$R$2:$R$366,ROW(INDEX(Jesper!AJ$2:AJ$366,ROUNDDOWN($C7903/24,0)+1,1))-1)+IF('Standard Profiles'!$G$20=$B$10,7,0)+IF('Standard Profiles'!$G$20=$B$17,14,0)+IF('Standard Profiles'!$G$20=$B$24,21,0),0)),0)</f>
        <v>0</v>
      </c>
      <c r="G7903" cm="1">
        <f t="array" ref="G7903">IFERROR(INDEX(Jesper!AK$2:AK$366,ROUNDDOWN($C7903/24,0)+1,1)*INDEX($D$3:$AA$30,INDEX(Jesper!$R$2:$R$366,ROW(INDEX(Jesper!AK$2:AK$366,ROUNDDOWN($C7903/24,0)+1,1))-1)+IF('Standard Profiles'!$G$21=$B$10,7,0)+IF('Standard Profiles'!$G$21=$B$17,14,0)+IF('Standard Profiles'!$G$21=$B$24,21,0),MOD($C7903,24)+1)/SUM(INDEX($D$3:$AA$30,INDEX(Jesper!$R$2:$R$366,ROW(INDEX(Jesper!AK$2:AK$366,ROUNDDOWN($C7903/24,0)+1,1))-1)+IF('Standard Profiles'!$G$21=$B$10,7,0)+IF('Standard Profiles'!$G$21=$B$17,14,0)+IF('Standard Profiles'!$G$21=$B$24,21,0),0)),0)</f>
        <v>0</v>
      </c>
      <c r="H7903" cm="1">
        <f t="array" ref="H7903">IFERROR(INDEX(Jesper!AL$2:AL$366,ROUNDDOWN($C7903/24,0)+1,1)*INDEX($D$3:$AA$30,INDEX(Jesper!$R$2:$R$366,ROW(INDEX(Jesper!AL$2:AL$366,ROUNDDOWN($C7903/24,0)+1,1))-1)+IF('Standard Profiles'!$G$22=$B$10,7,0)+IF('Standard Profiles'!$G$22=$B$17,14,0)+IF('Standard Profiles'!$G$22=$B$24,21,0),MOD($C7903,24)+1)/SUM(INDEX($D$3:$AA$30,INDEX(Jesper!$R$2:$R$366,ROW(INDEX(Jesper!AL$2:AL$366,ROUNDDOWN($C7903/24,0)+1,1))-1)+IF('Standard Profiles'!$G$22=$B$10,7,0)+IF('Standard Profiles'!$G$22=$B$17,14,0)+IF('Standard Profiles'!$G$22=$B$24,21,0),0)),0)</f>
        <v>0</v>
      </c>
      <c r="I7903">
        <f t="shared" si="874"/>
        <v>0.12637451593366889</v>
      </c>
      <c r="J7903">
        <f t="shared" si="875"/>
        <v>0.42124838644556301</v>
      </c>
      <c r="K7903">
        <f t="shared" si="876"/>
        <v>0.63187257966834454</v>
      </c>
      <c r="L7903">
        <f t="shared" si="877"/>
        <v>6.4631198478785503</v>
      </c>
      <c r="M7903">
        <f t="shared" si="878"/>
        <v>0</v>
      </c>
      <c r="N7903" s="46">
        <f t="shared" si="879"/>
        <v>45619.874999980915</v>
      </c>
    </row>
    <row r="7904" spans="2:14" x14ac:dyDescent="0.3">
      <c r="B7904">
        <f t="shared" si="873"/>
        <v>6</v>
      </c>
      <c r="C7904" s="16">
        <v>7870</v>
      </c>
      <c r="D7904" cm="1">
        <f t="array" ref="D7904">IFERROR(INDEX(Jesper!AH$2:AH$366,ROUNDDOWN($C7904/24,0)+1,1)*INDEX($D$3:$AA$30,INDEX(Jesper!$R$2:$R$366,ROW(INDEX(Jesper!AH$2:AH$366,ROUNDDOWN($C7904/24,0)+1,1))-1)+IF('Standard Profiles'!$G$18=$B$10,7,0)+IF('Standard Profiles'!$G$18=$B$17,14,0)+IF('Standard Profiles'!$G$18=$B$24,21,0),MOD($C7904,24)+1)/SUM(INDEX($D$3:$AA$30,INDEX(Jesper!$R$2:$R$366,ROW(INDEX(Jesper!AH$2:AH$366,ROUNDDOWN($C7904/24,0)+1,1))-1)+IF('Standard Profiles'!$G$18=$B$10,7,0)+IF('Standard Profiles'!$G$18=$B$17,14,0)+IF('Standard Profiles'!$G$18=$B$24,21,0),0)),0)</f>
        <v>6.2398582030624024</v>
      </c>
      <c r="E7904" cm="1">
        <f t="array" ref="E7904">IFERROR(INDEX(Jesper!AI$2:AI$366,ROUNDDOWN($C7904/24,0)+1,1)*INDEX($D$3:$AA$30,INDEX(Jesper!$R$2:$R$366,ROW(INDEX(Jesper!AI$2:AI$366,ROUNDDOWN($C7904/24,0)+1,1))-1)+IF('Standard Profiles'!$G$19=$B$10,7,0)+IF('Standard Profiles'!$G$19=$B$17,14,0)+IF('Standard Profiles'!$G$19=$B$24,21,0),MOD($C7904,24)+1)/SUM(INDEX($D$3:$AA$30,INDEX(Jesper!$R$2:$R$366,ROW(INDEX(Jesper!AI$2:AI$366,ROUNDDOWN($C7904/24,0)+1,1))-1)+IF('Standard Profiles'!$G$19=$B$10,7,0)+IF('Standard Profiles'!$G$19=$B$17,14,0)+IF('Standard Profiles'!$G$19=$B$24,21,0),0)),0)</f>
        <v>1.4027571268637242</v>
      </c>
      <c r="F7904" cm="1">
        <f t="array" ref="F7904">IFERROR(INDEX(Jesper!AJ$2:AJ$366,ROUNDDOWN($C7904/24,0)+1,1)*INDEX($D$3:$AA$30,INDEX(Jesper!$R$2:$R$366,ROW(INDEX(Jesper!AJ$2:AJ$366,ROUNDDOWN($C7904/24,0)+1,1))-1)+IF('Standard Profiles'!$G$20=$B$10,7,0)+IF('Standard Profiles'!$G$20=$B$17,14,0)+IF('Standard Profiles'!$G$20=$B$24,21,0),MOD($C7904,24)+1)/SUM(INDEX($D$3:$AA$30,INDEX(Jesper!$R$2:$R$366,ROW(INDEX(Jesper!AJ$2:AJ$366,ROUNDDOWN($C7904/24,0)+1,1))-1)+IF('Standard Profiles'!$G$20=$B$10,7,0)+IF('Standard Profiles'!$G$20=$B$17,14,0)+IF('Standard Profiles'!$G$20=$B$24,21,0),0)),0)</f>
        <v>0</v>
      </c>
      <c r="G7904" cm="1">
        <f t="array" ref="G7904">IFERROR(INDEX(Jesper!AK$2:AK$366,ROUNDDOWN($C7904/24,0)+1,1)*INDEX($D$3:$AA$30,INDEX(Jesper!$R$2:$R$366,ROW(INDEX(Jesper!AK$2:AK$366,ROUNDDOWN($C7904/24,0)+1,1))-1)+IF('Standard Profiles'!$G$21=$B$10,7,0)+IF('Standard Profiles'!$G$21=$B$17,14,0)+IF('Standard Profiles'!$G$21=$B$24,21,0),MOD($C7904,24)+1)/SUM(INDEX($D$3:$AA$30,INDEX(Jesper!$R$2:$R$366,ROW(INDEX(Jesper!AK$2:AK$366,ROUNDDOWN($C7904/24,0)+1,1))-1)+IF('Standard Profiles'!$G$21=$B$10,7,0)+IF('Standard Profiles'!$G$21=$B$17,14,0)+IF('Standard Profiles'!$G$21=$B$24,21,0),0)),0)</f>
        <v>0</v>
      </c>
      <c r="H7904" cm="1">
        <f t="array" ref="H7904">IFERROR(INDEX(Jesper!AL$2:AL$366,ROUNDDOWN($C7904/24,0)+1,1)*INDEX($D$3:$AA$30,INDEX(Jesper!$R$2:$R$366,ROW(INDEX(Jesper!AL$2:AL$366,ROUNDDOWN($C7904/24,0)+1,1))-1)+IF('Standard Profiles'!$G$22=$B$10,7,0)+IF('Standard Profiles'!$G$22=$B$17,14,0)+IF('Standard Profiles'!$G$22=$B$24,21,0),MOD($C7904,24)+1)/SUM(INDEX($D$3:$AA$30,INDEX(Jesper!$R$2:$R$366,ROW(INDEX(Jesper!AL$2:AL$366,ROUNDDOWN($C7904/24,0)+1,1))-1)+IF('Standard Profiles'!$G$22=$B$10,7,0)+IF('Standard Profiles'!$G$22=$B$17,14,0)+IF('Standard Profiles'!$G$22=$B$24,21,0),0)),0)</f>
        <v>0</v>
      </c>
      <c r="I7904">
        <f t="shared" si="874"/>
        <v>0.12637451593366889</v>
      </c>
      <c r="J7904">
        <f t="shared" si="875"/>
        <v>0.42124838644556301</v>
      </c>
      <c r="K7904">
        <f t="shared" si="876"/>
        <v>0.63187257966834454</v>
      </c>
      <c r="L7904">
        <f t="shared" si="877"/>
        <v>6.4631198478785503</v>
      </c>
      <c r="M7904">
        <f t="shared" si="878"/>
        <v>0</v>
      </c>
      <c r="N7904" s="46">
        <f t="shared" si="879"/>
        <v>45619.916666647579</v>
      </c>
    </row>
    <row r="7905" spans="2:14" x14ac:dyDescent="0.3">
      <c r="B7905">
        <f t="shared" si="873"/>
        <v>6</v>
      </c>
      <c r="C7905" s="16">
        <v>7871</v>
      </c>
      <c r="D7905" cm="1">
        <f t="array" ref="D7905">IFERROR(INDEX(Jesper!AH$2:AH$366,ROUNDDOWN($C7905/24,0)+1,1)*INDEX($D$3:$AA$30,INDEX(Jesper!$R$2:$R$366,ROW(INDEX(Jesper!AH$2:AH$366,ROUNDDOWN($C7905/24,0)+1,1))-1)+IF('Standard Profiles'!$G$18=$B$10,7,0)+IF('Standard Profiles'!$G$18=$B$17,14,0)+IF('Standard Profiles'!$G$18=$B$24,21,0),MOD($C7905,24)+1)/SUM(INDEX($D$3:$AA$30,INDEX(Jesper!$R$2:$R$366,ROW(INDEX(Jesper!AH$2:AH$366,ROUNDDOWN($C7905/24,0)+1,1))-1)+IF('Standard Profiles'!$G$18=$B$10,7,0)+IF('Standard Profiles'!$G$18=$B$17,14,0)+IF('Standard Profiles'!$G$18=$B$24,21,0),0)),0)</f>
        <v>6.2398582030624024</v>
      </c>
      <c r="E7905" cm="1">
        <f t="array" ref="E7905">IFERROR(INDEX(Jesper!AI$2:AI$366,ROUNDDOWN($C7905/24,0)+1,1)*INDEX($D$3:$AA$30,INDEX(Jesper!$R$2:$R$366,ROW(INDEX(Jesper!AI$2:AI$366,ROUNDDOWN($C7905/24,0)+1,1))-1)+IF('Standard Profiles'!$G$19=$B$10,7,0)+IF('Standard Profiles'!$G$19=$B$17,14,0)+IF('Standard Profiles'!$G$19=$B$24,21,0),MOD($C7905,24)+1)/SUM(INDEX($D$3:$AA$30,INDEX(Jesper!$R$2:$R$366,ROW(INDEX(Jesper!AI$2:AI$366,ROUNDDOWN($C7905/24,0)+1,1))-1)+IF('Standard Profiles'!$G$19=$B$10,7,0)+IF('Standard Profiles'!$G$19=$B$17,14,0)+IF('Standard Profiles'!$G$19=$B$24,21,0),0)),0)</f>
        <v>1.4027571268637242</v>
      </c>
      <c r="F7905" cm="1">
        <f t="array" ref="F7905">IFERROR(INDEX(Jesper!AJ$2:AJ$366,ROUNDDOWN($C7905/24,0)+1,1)*INDEX($D$3:$AA$30,INDEX(Jesper!$R$2:$R$366,ROW(INDEX(Jesper!AJ$2:AJ$366,ROUNDDOWN($C7905/24,0)+1,1))-1)+IF('Standard Profiles'!$G$20=$B$10,7,0)+IF('Standard Profiles'!$G$20=$B$17,14,0)+IF('Standard Profiles'!$G$20=$B$24,21,0),MOD($C7905,24)+1)/SUM(INDEX($D$3:$AA$30,INDEX(Jesper!$R$2:$R$366,ROW(INDEX(Jesper!AJ$2:AJ$366,ROUNDDOWN($C7905/24,0)+1,1))-1)+IF('Standard Profiles'!$G$20=$B$10,7,0)+IF('Standard Profiles'!$G$20=$B$17,14,0)+IF('Standard Profiles'!$G$20=$B$24,21,0),0)),0)</f>
        <v>0</v>
      </c>
      <c r="G7905" cm="1">
        <f t="array" ref="G7905">IFERROR(INDEX(Jesper!AK$2:AK$366,ROUNDDOWN($C7905/24,0)+1,1)*INDEX($D$3:$AA$30,INDEX(Jesper!$R$2:$R$366,ROW(INDEX(Jesper!AK$2:AK$366,ROUNDDOWN($C7905/24,0)+1,1))-1)+IF('Standard Profiles'!$G$21=$B$10,7,0)+IF('Standard Profiles'!$G$21=$B$17,14,0)+IF('Standard Profiles'!$G$21=$B$24,21,0),MOD($C7905,24)+1)/SUM(INDEX($D$3:$AA$30,INDEX(Jesper!$R$2:$R$366,ROW(INDEX(Jesper!AK$2:AK$366,ROUNDDOWN($C7905/24,0)+1,1))-1)+IF('Standard Profiles'!$G$21=$B$10,7,0)+IF('Standard Profiles'!$G$21=$B$17,14,0)+IF('Standard Profiles'!$G$21=$B$24,21,0),0)),0)</f>
        <v>0</v>
      </c>
      <c r="H7905" cm="1">
        <f t="array" ref="H7905">IFERROR(INDEX(Jesper!AL$2:AL$366,ROUNDDOWN($C7905/24,0)+1,1)*INDEX($D$3:$AA$30,INDEX(Jesper!$R$2:$R$366,ROW(INDEX(Jesper!AL$2:AL$366,ROUNDDOWN($C7905/24,0)+1,1))-1)+IF('Standard Profiles'!$G$22=$B$10,7,0)+IF('Standard Profiles'!$G$22=$B$17,14,0)+IF('Standard Profiles'!$G$22=$B$24,21,0),MOD($C7905,24)+1)/SUM(INDEX($D$3:$AA$30,INDEX(Jesper!$R$2:$R$366,ROW(INDEX(Jesper!AL$2:AL$366,ROUNDDOWN($C7905/24,0)+1,1))-1)+IF('Standard Profiles'!$G$22=$B$10,7,0)+IF('Standard Profiles'!$G$22=$B$17,14,0)+IF('Standard Profiles'!$G$22=$B$24,21,0),0)),0)</f>
        <v>0</v>
      </c>
      <c r="I7905">
        <f t="shared" si="874"/>
        <v>0.12637451593366889</v>
      </c>
      <c r="J7905">
        <f t="shared" si="875"/>
        <v>0.42124838644556301</v>
      </c>
      <c r="K7905">
        <f t="shared" si="876"/>
        <v>0.63187257966834454</v>
      </c>
      <c r="L7905">
        <f t="shared" si="877"/>
        <v>6.4631198478785503</v>
      </c>
      <c r="M7905">
        <f t="shared" si="878"/>
        <v>0</v>
      </c>
      <c r="N7905" s="46">
        <f t="shared" si="879"/>
        <v>45619.958333314244</v>
      </c>
    </row>
    <row r="7906" spans="2:14" x14ac:dyDescent="0.3">
      <c r="B7906">
        <f t="shared" si="873"/>
        <v>7</v>
      </c>
      <c r="C7906" s="16">
        <v>7872</v>
      </c>
      <c r="D7906" cm="1">
        <f t="array" ref="D7906">IFERROR(INDEX(Jesper!AH$2:AH$366,ROUNDDOWN($C7906/24,0)+1,1)*INDEX($D$3:$AA$30,INDEX(Jesper!$R$2:$R$366,ROW(INDEX(Jesper!AH$2:AH$366,ROUNDDOWN($C7906/24,0)+1,1))-1)+IF('Standard Profiles'!$G$18=$B$10,7,0)+IF('Standard Profiles'!$G$18=$B$17,14,0)+IF('Standard Profiles'!$G$18=$B$24,21,0),MOD($C7906,24)+1)/SUM(INDEX($D$3:$AA$30,INDEX(Jesper!$R$2:$R$366,ROW(INDEX(Jesper!AH$2:AH$366,ROUNDDOWN($C7906/24,0)+1,1))-1)+IF('Standard Profiles'!$G$18=$B$10,7,0)+IF('Standard Profiles'!$G$18=$B$17,14,0)+IF('Standard Profiles'!$G$18=$B$24,21,0),0)),0)</f>
        <v>7.394970881833828</v>
      </c>
      <c r="E7906" cm="1">
        <f t="array" ref="E7906">IFERROR(INDEX(Jesper!AI$2:AI$366,ROUNDDOWN($C7906/24,0)+1,1)*INDEX($D$3:$AA$30,INDEX(Jesper!$R$2:$R$366,ROW(INDEX(Jesper!AI$2:AI$366,ROUNDDOWN($C7906/24,0)+1,1))-1)+IF('Standard Profiles'!$G$19=$B$10,7,0)+IF('Standard Profiles'!$G$19=$B$17,14,0)+IF('Standard Profiles'!$G$19=$B$24,21,0),MOD($C7906,24)+1)/SUM(INDEX($D$3:$AA$30,INDEX(Jesper!$R$2:$R$366,ROW(INDEX(Jesper!AI$2:AI$366,ROUNDDOWN($C7906/24,0)+1,1))-1)+IF('Standard Profiles'!$G$19=$B$10,7,0)+IF('Standard Profiles'!$G$19=$B$17,14,0)+IF('Standard Profiles'!$G$19=$B$24,21,0),0)),0)</f>
        <v>1.7561625771314755</v>
      </c>
      <c r="F7906" cm="1">
        <f t="array" ref="F7906">IFERROR(INDEX(Jesper!AJ$2:AJ$366,ROUNDDOWN($C7906/24,0)+1,1)*INDEX($D$3:$AA$30,INDEX(Jesper!$R$2:$R$366,ROW(INDEX(Jesper!AJ$2:AJ$366,ROUNDDOWN($C7906/24,0)+1,1))-1)+IF('Standard Profiles'!$G$20=$B$10,7,0)+IF('Standard Profiles'!$G$20=$B$17,14,0)+IF('Standard Profiles'!$G$20=$B$24,21,0),MOD($C7906,24)+1)/SUM(INDEX($D$3:$AA$30,INDEX(Jesper!$R$2:$R$366,ROW(INDEX(Jesper!AJ$2:AJ$366,ROUNDDOWN($C7906/24,0)+1,1))-1)+IF('Standard Profiles'!$G$20=$B$10,7,0)+IF('Standard Profiles'!$G$20=$B$17,14,0)+IF('Standard Profiles'!$G$20=$B$24,21,0),0)),0)</f>
        <v>0</v>
      </c>
      <c r="G7906" cm="1">
        <f t="array" ref="G7906">IFERROR(INDEX(Jesper!AK$2:AK$366,ROUNDDOWN($C7906/24,0)+1,1)*INDEX($D$3:$AA$30,INDEX(Jesper!$R$2:$R$366,ROW(INDEX(Jesper!AK$2:AK$366,ROUNDDOWN($C7906/24,0)+1,1))-1)+IF('Standard Profiles'!$G$21=$B$10,7,0)+IF('Standard Profiles'!$G$21=$B$17,14,0)+IF('Standard Profiles'!$G$21=$B$24,21,0),MOD($C7906,24)+1)/SUM(INDEX($D$3:$AA$30,INDEX(Jesper!$R$2:$R$366,ROW(INDEX(Jesper!AK$2:AK$366,ROUNDDOWN($C7906/24,0)+1,1))-1)+IF('Standard Profiles'!$G$21=$B$10,7,0)+IF('Standard Profiles'!$G$21=$B$17,14,0)+IF('Standard Profiles'!$G$21=$B$24,21,0),0)),0)</f>
        <v>0</v>
      </c>
      <c r="H7906" cm="1">
        <f t="array" ref="H7906">IFERROR(INDEX(Jesper!AL$2:AL$366,ROUNDDOWN($C7906/24,0)+1,1)*INDEX($D$3:$AA$30,INDEX(Jesper!$R$2:$R$366,ROW(INDEX(Jesper!AL$2:AL$366,ROUNDDOWN($C7906/24,0)+1,1))-1)+IF('Standard Profiles'!$G$22=$B$10,7,0)+IF('Standard Profiles'!$G$22=$B$17,14,0)+IF('Standard Profiles'!$G$22=$B$24,21,0),MOD($C7906,24)+1)/SUM(INDEX($D$3:$AA$30,INDEX(Jesper!$R$2:$R$366,ROW(INDEX(Jesper!AL$2:AL$366,ROUNDDOWN($C7906/24,0)+1,1))-1)+IF('Standard Profiles'!$G$22=$B$10,7,0)+IF('Standard Profiles'!$G$22=$B$17,14,0)+IF('Standard Profiles'!$G$22=$B$24,21,0),0)),0)</f>
        <v>0</v>
      </c>
      <c r="I7906">
        <f t="shared" si="874"/>
        <v>0.15821284478661946</v>
      </c>
      <c r="J7906">
        <f t="shared" si="875"/>
        <v>0.52737614928873155</v>
      </c>
      <c r="K7906">
        <f t="shared" si="876"/>
        <v>0.79106422393309739</v>
      </c>
      <c r="L7906">
        <f t="shared" si="877"/>
        <v>7.6744802409568553</v>
      </c>
      <c r="M7906">
        <f t="shared" si="878"/>
        <v>0</v>
      </c>
      <c r="N7906" s="46">
        <f t="shared" si="879"/>
        <v>45619.999999980908</v>
      </c>
    </row>
    <row r="7907" spans="2:14" x14ac:dyDescent="0.3">
      <c r="B7907">
        <f t="shared" ref="B7907:B7970" si="880">WEEKDAY(N7907,2)</f>
        <v>7</v>
      </c>
      <c r="C7907" s="16">
        <v>7873</v>
      </c>
      <c r="D7907" cm="1">
        <f t="array" ref="D7907">IFERROR(INDEX(Jesper!AH$2:AH$366,ROUNDDOWN($C7907/24,0)+1,1)*INDEX($D$3:$AA$30,INDEX(Jesper!$R$2:$R$366,ROW(INDEX(Jesper!AH$2:AH$366,ROUNDDOWN($C7907/24,0)+1,1))-1)+IF('Standard Profiles'!$G$18=$B$10,7,0)+IF('Standard Profiles'!$G$18=$B$17,14,0)+IF('Standard Profiles'!$G$18=$B$24,21,0),MOD($C7907,24)+1)/SUM(INDEX($D$3:$AA$30,INDEX(Jesper!$R$2:$R$366,ROW(INDEX(Jesper!AH$2:AH$366,ROUNDDOWN($C7907/24,0)+1,1))-1)+IF('Standard Profiles'!$G$18=$B$10,7,0)+IF('Standard Profiles'!$G$18=$B$17,14,0)+IF('Standard Profiles'!$G$18=$B$24,21,0),0)),0)</f>
        <v>8.5877081208392845</v>
      </c>
      <c r="E7907" cm="1">
        <f t="array" ref="E7907">IFERROR(INDEX(Jesper!AI$2:AI$366,ROUNDDOWN($C7907/24,0)+1,1)*INDEX($D$3:$AA$30,INDEX(Jesper!$R$2:$R$366,ROW(INDEX(Jesper!AI$2:AI$366,ROUNDDOWN($C7907/24,0)+1,1))-1)+IF('Standard Profiles'!$G$19=$B$10,7,0)+IF('Standard Profiles'!$G$19=$B$17,14,0)+IF('Standard Profiles'!$G$19=$B$24,21,0),MOD($C7907,24)+1)/SUM(INDEX($D$3:$AA$30,INDEX(Jesper!$R$2:$R$366,ROW(INDEX(Jesper!AI$2:AI$366,ROUNDDOWN($C7907/24,0)+1,1))-1)+IF('Standard Profiles'!$G$19=$B$10,7,0)+IF('Standard Profiles'!$G$19=$B$17,14,0)+IF('Standard Profiles'!$G$19=$B$24,21,0),0)),0)</f>
        <v>2.0394146057010683</v>
      </c>
      <c r="F7907" cm="1">
        <f t="array" ref="F7907">IFERROR(INDEX(Jesper!AJ$2:AJ$366,ROUNDDOWN($C7907/24,0)+1,1)*INDEX($D$3:$AA$30,INDEX(Jesper!$R$2:$R$366,ROW(INDEX(Jesper!AJ$2:AJ$366,ROUNDDOWN($C7907/24,0)+1,1))-1)+IF('Standard Profiles'!$G$20=$B$10,7,0)+IF('Standard Profiles'!$G$20=$B$17,14,0)+IF('Standard Profiles'!$G$20=$B$24,21,0),MOD($C7907,24)+1)/SUM(INDEX($D$3:$AA$30,INDEX(Jesper!$R$2:$R$366,ROW(INDEX(Jesper!AJ$2:AJ$366,ROUNDDOWN($C7907/24,0)+1,1))-1)+IF('Standard Profiles'!$G$20=$B$10,7,0)+IF('Standard Profiles'!$G$20=$B$17,14,0)+IF('Standard Profiles'!$G$20=$B$24,21,0),0)),0)</f>
        <v>0</v>
      </c>
      <c r="G7907" cm="1">
        <f t="array" ref="G7907">IFERROR(INDEX(Jesper!AK$2:AK$366,ROUNDDOWN($C7907/24,0)+1,1)*INDEX($D$3:$AA$30,INDEX(Jesper!$R$2:$R$366,ROW(INDEX(Jesper!AK$2:AK$366,ROUNDDOWN($C7907/24,0)+1,1))-1)+IF('Standard Profiles'!$G$21=$B$10,7,0)+IF('Standard Profiles'!$G$21=$B$17,14,0)+IF('Standard Profiles'!$G$21=$B$24,21,0),MOD($C7907,24)+1)/SUM(INDEX($D$3:$AA$30,INDEX(Jesper!$R$2:$R$366,ROW(INDEX(Jesper!AK$2:AK$366,ROUNDDOWN($C7907/24,0)+1,1))-1)+IF('Standard Profiles'!$G$21=$B$10,7,0)+IF('Standard Profiles'!$G$21=$B$17,14,0)+IF('Standard Profiles'!$G$21=$B$24,21,0),0)),0)</f>
        <v>0</v>
      </c>
      <c r="H7907" cm="1">
        <f t="array" ref="H7907">IFERROR(INDEX(Jesper!AL$2:AL$366,ROUNDDOWN($C7907/24,0)+1,1)*INDEX($D$3:$AA$30,INDEX(Jesper!$R$2:$R$366,ROW(INDEX(Jesper!AL$2:AL$366,ROUNDDOWN($C7907/24,0)+1,1))-1)+IF('Standard Profiles'!$G$22=$B$10,7,0)+IF('Standard Profiles'!$G$22=$B$17,14,0)+IF('Standard Profiles'!$G$22=$B$24,21,0),MOD($C7907,24)+1)/SUM(INDEX($D$3:$AA$30,INDEX(Jesper!$R$2:$R$366,ROW(INDEX(Jesper!AL$2:AL$366,ROUNDDOWN($C7907/24,0)+1,1))-1)+IF('Standard Profiles'!$G$22=$B$10,7,0)+IF('Standard Profiles'!$G$22=$B$17,14,0)+IF('Standard Profiles'!$G$22=$B$24,21,0),0)),0)</f>
        <v>0</v>
      </c>
      <c r="I7907">
        <f t="shared" ref="I7907:I7970" si="881">IF($B7907&lt;6,AC$37*$D7907+AC$38*$E7907+AC$39*$F7907+AC$40*$G7907,AC$46*$D7907+AC$47*$E7907+AC$48*$F7907+AC$49*$G7907+AC$50*$H7907)</f>
        <v>0.18373104555865485</v>
      </c>
      <c r="J7907">
        <f t="shared" ref="J7907:J7970" si="882">IF($B7907&lt;6,AD$37*$D7907+AD$38*$E7907+AD$39*$F7907+AD$40*$G7907,AD$46*$D7907+AD$47*$E7907+AD$48*$F7907+AD$49*$G7907+AD$50*$H7907)</f>
        <v>0.61243681852884957</v>
      </c>
      <c r="K7907">
        <f t="shared" ref="K7907:K7970" si="883">IF($B7907&lt;6,AE$37*$D7907+AE$38*$E7907+AE$39*$F7907+AE$40*$G7907,AE$46*$D7907+AE$47*$E7907+AE$48*$F7907+AE$49*$G7907+AE$50*$H7907)</f>
        <v>0.91865522779327435</v>
      </c>
      <c r="L7907">
        <f t="shared" ref="L7907:L7970" si="884">IF($B7907&lt;6,AF$37*$D7907+AF$38*$E7907+AF$39*$F7907+AF$40*$G7907,AF$46*$D7907+AF$47*$E7907+AF$48*$F7907+AF$49*$G7907+AF$50*$H7907)</f>
        <v>8.9122996346595738</v>
      </c>
      <c r="M7907">
        <f t="shared" ref="M7907:M7970" si="885">IF($B7907&lt;6,AG$37*$D7907+AG$38*$E7907+AG$39*$F7907+AG$40*$G7907,AG$46*$D7907+AG$47*$E7907+AG$48*$F7907+AG$49*$G7907+AG$50*$H7907)</f>
        <v>0</v>
      </c>
      <c r="N7907" s="46">
        <f t="shared" si="879"/>
        <v>45620.041666647572</v>
      </c>
    </row>
    <row r="7908" spans="2:14" x14ac:dyDescent="0.3">
      <c r="B7908">
        <f t="shared" si="880"/>
        <v>7</v>
      </c>
      <c r="C7908" s="16">
        <v>7874</v>
      </c>
      <c r="D7908" cm="1">
        <f t="array" ref="D7908">IFERROR(INDEX(Jesper!AH$2:AH$366,ROUNDDOWN($C7908/24,0)+1,1)*INDEX($D$3:$AA$30,INDEX(Jesper!$R$2:$R$366,ROW(INDEX(Jesper!AH$2:AH$366,ROUNDDOWN($C7908/24,0)+1,1))-1)+IF('Standard Profiles'!$G$18=$B$10,7,0)+IF('Standard Profiles'!$G$18=$B$17,14,0)+IF('Standard Profiles'!$G$18=$B$24,21,0),MOD($C7908,24)+1)/SUM(INDEX($D$3:$AA$30,INDEX(Jesper!$R$2:$R$366,ROW(INDEX(Jesper!AH$2:AH$366,ROUNDDOWN($C7908/24,0)+1,1))-1)+IF('Standard Profiles'!$G$18=$B$10,7,0)+IF('Standard Profiles'!$G$18=$B$17,14,0)+IF('Standard Profiles'!$G$18=$B$24,21,0),0)),0)</f>
        <v>8.5877081208392845</v>
      </c>
      <c r="E7908" cm="1">
        <f t="array" ref="E7908">IFERROR(INDEX(Jesper!AI$2:AI$366,ROUNDDOWN($C7908/24,0)+1,1)*INDEX($D$3:$AA$30,INDEX(Jesper!$R$2:$R$366,ROW(INDEX(Jesper!AI$2:AI$366,ROUNDDOWN($C7908/24,0)+1,1))-1)+IF('Standard Profiles'!$G$19=$B$10,7,0)+IF('Standard Profiles'!$G$19=$B$17,14,0)+IF('Standard Profiles'!$G$19=$B$24,21,0),MOD($C7908,24)+1)/SUM(INDEX($D$3:$AA$30,INDEX(Jesper!$R$2:$R$366,ROW(INDEX(Jesper!AI$2:AI$366,ROUNDDOWN($C7908/24,0)+1,1))-1)+IF('Standard Profiles'!$G$19=$B$10,7,0)+IF('Standard Profiles'!$G$19=$B$17,14,0)+IF('Standard Profiles'!$G$19=$B$24,21,0),0)),0)</f>
        <v>2.0394146057010683</v>
      </c>
      <c r="F7908" cm="1">
        <f t="array" ref="F7908">IFERROR(INDEX(Jesper!AJ$2:AJ$366,ROUNDDOWN($C7908/24,0)+1,1)*INDEX($D$3:$AA$30,INDEX(Jesper!$R$2:$R$366,ROW(INDEX(Jesper!AJ$2:AJ$366,ROUNDDOWN($C7908/24,0)+1,1))-1)+IF('Standard Profiles'!$G$20=$B$10,7,0)+IF('Standard Profiles'!$G$20=$B$17,14,0)+IF('Standard Profiles'!$G$20=$B$24,21,0),MOD($C7908,24)+1)/SUM(INDEX($D$3:$AA$30,INDEX(Jesper!$R$2:$R$366,ROW(INDEX(Jesper!AJ$2:AJ$366,ROUNDDOWN($C7908/24,0)+1,1))-1)+IF('Standard Profiles'!$G$20=$B$10,7,0)+IF('Standard Profiles'!$G$20=$B$17,14,0)+IF('Standard Profiles'!$G$20=$B$24,21,0),0)),0)</f>
        <v>0</v>
      </c>
      <c r="G7908" cm="1">
        <f t="array" ref="G7908">IFERROR(INDEX(Jesper!AK$2:AK$366,ROUNDDOWN($C7908/24,0)+1,1)*INDEX($D$3:$AA$30,INDEX(Jesper!$R$2:$R$366,ROW(INDEX(Jesper!AK$2:AK$366,ROUNDDOWN($C7908/24,0)+1,1))-1)+IF('Standard Profiles'!$G$21=$B$10,7,0)+IF('Standard Profiles'!$G$21=$B$17,14,0)+IF('Standard Profiles'!$G$21=$B$24,21,0),MOD($C7908,24)+1)/SUM(INDEX($D$3:$AA$30,INDEX(Jesper!$R$2:$R$366,ROW(INDEX(Jesper!AK$2:AK$366,ROUNDDOWN($C7908/24,0)+1,1))-1)+IF('Standard Profiles'!$G$21=$B$10,7,0)+IF('Standard Profiles'!$G$21=$B$17,14,0)+IF('Standard Profiles'!$G$21=$B$24,21,0),0)),0)</f>
        <v>0</v>
      </c>
      <c r="H7908" cm="1">
        <f t="array" ref="H7908">IFERROR(INDEX(Jesper!AL$2:AL$366,ROUNDDOWN($C7908/24,0)+1,1)*INDEX($D$3:$AA$30,INDEX(Jesper!$R$2:$R$366,ROW(INDEX(Jesper!AL$2:AL$366,ROUNDDOWN($C7908/24,0)+1,1))-1)+IF('Standard Profiles'!$G$22=$B$10,7,0)+IF('Standard Profiles'!$G$22=$B$17,14,0)+IF('Standard Profiles'!$G$22=$B$24,21,0),MOD($C7908,24)+1)/SUM(INDEX($D$3:$AA$30,INDEX(Jesper!$R$2:$R$366,ROW(INDEX(Jesper!AL$2:AL$366,ROUNDDOWN($C7908/24,0)+1,1))-1)+IF('Standard Profiles'!$G$22=$B$10,7,0)+IF('Standard Profiles'!$G$22=$B$17,14,0)+IF('Standard Profiles'!$G$22=$B$24,21,0),0)),0)</f>
        <v>0</v>
      </c>
      <c r="I7908">
        <f t="shared" si="881"/>
        <v>0.18373104555865485</v>
      </c>
      <c r="J7908">
        <f t="shared" si="882"/>
        <v>0.61243681852884957</v>
      </c>
      <c r="K7908">
        <f t="shared" si="883"/>
        <v>0.91865522779327435</v>
      </c>
      <c r="L7908">
        <f t="shared" si="884"/>
        <v>8.9122996346595738</v>
      </c>
      <c r="M7908">
        <f t="shared" si="885"/>
        <v>0</v>
      </c>
      <c r="N7908" s="46">
        <f t="shared" ref="N7908:N7971" si="886">N7907+1/24</f>
        <v>45620.083333314236</v>
      </c>
    </row>
    <row r="7909" spans="2:14" x14ac:dyDescent="0.3">
      <c r="B7909">
        <f t="shared" si="880"/>
        <v>7</v>
      </c>
      <c r="C7909" s="16">
        <v>7875</v>
      </c>
      <c r="D7909" cm="1">
        <f t="array" ref="D7909">IFERROR(INDEX(Jesper!AH$2:AH$366,ROUNDDOWN($C7909/24,0)+1,1)*INDEX($D$3:$AA$30,INDEX(Jesper!$R$2:$R$366,ROW(INDEX(Jesper!AH$2:AH$366,ROUNDDOWN($C7909/24,0)+1,1))-1)+IF('Standard Profiles'!$G$18=$B$10,7,0)+IF('Standard Profiles'!$G$18=$B$17,14,0)+IF('Standard Profiles'!$G$18=$B$24,21,0),MOD($C7909,24)+1)/SUM(INDEX($D$3:$AA$30,INDEX(Jesper!$R$2:$R$366,ROW(INDEX(Jesper!AH$2:AH$366,ROUNDDOWN($C7909/24,0)+1,1))-1)+IF('Standard Profiles'!$G$18=$B$10,7,0)+IF('Standard Profiles'!$G$18=$B$17,14,0)+IF('Standard Profiles'!$G$18=$B$24,21,0),0)),0)</f>
        <v>8.5877081208392845</v>
      </c>
      <c r="E7909" cm="1">
        <f t="array" ref="E7909">IFERROR(INDEX(Jesper!AI$2:AI$366,ROUNDDOWN($C7909/24,0)+1,1)*INDEX($D$3:$AA$30,INDEX(Jesper!$R$2:$R$366,ROW(INDEX(Jesper!AI$2:AI$366,ROUNDDOWN($C7909/24,0)+1,1))-1)+IF('Standard Profiles'!$G$19=$B$10,7,0)+IF('Standard Profiles'!$G$19=$B$17,14,0)+IF('Standard Profiles'!$G$19=$B$24,21,0),MOD($C7909,24)+1)/SUM(INDEX($D$3:$AA$30,INDEX(Jesper!$R$2:$R$366,ROW(INDEX(Jesper!AI$2:AI$366,ROUNDDOWN($C7909/24,0)+1,1))-1)+IF('Standard Profiles'!$G$19=$B$10,7,0)+IF('Standard Profiles'!$G$19=$B$17,14,0)+IF('Standard Profiles'!$G$19=$B$24,21,0),0)),0)</f>
        <v>2.0394146057010683</v>
      </c>
      <c r="F7909" cm="1">
        <f t="array" ref="F7909">IFERROR(INDEX(Jesper!AJ$2:AJ$366,ROUNDDOWN($C7909/24,0)+1,1)*INDEX($D$3:$AA$30,INDEX(Jesper!$R$2:$R$366,ROW(INDEX(Jesper!AJ$2:AJ$366,ROUNDDOWN($C7909/24,0)+1,1))-1)+IF('Standard Profiles'!$G$20=$B$10,7,0)+IF('Standard Profiles'!$G$20=$B$17,14,0)+IF('Standard Profiles'!$G$20=$B$24,21,0),MOD($C7909,24)+1)/SUM(INDEX($D$3:$AA$30,INDEX(Jesper!$R$2:$R$366,ROW(INDEX(Jesper!AJ$2:AJ$366,ROUNDDOWN($C7909/24,0)+1,1))-1)+IF('Standard Profiles'!$G$20=$B$10,7,0)+IF('Standard Profiles'!$G$20=$B$17,14,0)+IF('Standard Profiles'!$G$20=$B$24,21,0),0)),0)</f>
        <v>0</v>
      </c>
      <c r="G7909" cm="1">
        <f t="array" ref="G7909">IFERROR(INDEX(Jesper!AK$2:AK$366,ROUNDDOWN($C7909/24,0)+1,1)*INDEX($D$3:$AA$30,INDEX(Jesper!$R$2:$R$366,ROW(INDEX(Jesper!AK$2:AK$366,ROUNDDOWN($C7909/24,0)+1,1))-1)+IF('Standard Profiles'!$G$21=$B$10,7,0)+IF('Standard Profiles'!$G$21=$B$17,14,0)+IF('Standard Profiles'!$G$21=$B$24,21,0),MOD($C7909,24)+1)/SUM(INDEX($D$3:$AA$30,INDEX(Jesper!$R$2:$R$366,ROW(INDEX(Jesper!AK$2:AK$366,ROUNDDOWN($C7909/24,0)+1,1))-1)+IF('Standard Profiles'!$G$21=$B$10,7,0)+IF('Standard Profiles'!$G$21=$B$17,14,0)+IF('Standard Profiles'!$G$21=$B$24,21,0),0)),0)</f>
        <v>0</v>
      </c>
      <c r="H7909" cm="1">
        <f t="array" ref="H7909">IFERROR(INDEX(Jesper!AL$2:AL$366,ROUNDDOWN($C7909/24,0)+1,1)*INDEX($D$3:$AA$30,INDEX(Jesper!$R$2:$R$366,ROW(INDEX(Jesper!AL$2:AL$366,ROUNDDOWN($C7909/24,0)+1,1))-1)+IF('Standard Profiles'!$G$22=$B$10,7,0)+IF('Standard Profiles'!$G$22=$B$17,14,0)+IF('Standard Profiles'!$G$22=$B$24,21,0),MOD($C7909,24)+1)/SUM(INDEX($D$3:$AA$30,INDEX(Jesper!$R$2:$R$366,ROW(INDEX(Jesper!AL$2:AL$366,ROUNDDOWN($C7909/24,0)+1,1))-1)+IF('Standard Profiles'!$G$22=$B$10,7,0)+IF('Standard Profiles'!$G$22=$B$17,14,0)+IF('Standard Profiles'!$G$22=$B$24,21,0),0)),0)</f>
        <v>0</v>
      </c>
      <c r="I7909">
        <f t="shared" si="881"/>
        <v>0.18373104555865485</v>
      </c>
      <c r="J7909">
        <f t="shared" si="882"/>
        <v>0.61243681852884957</v>
      </c>
      <c r="K7909">
        <f t="shared" si="883"/>
        <v>0.91865522779327435</v>
      </c>
      <c r="L7909">
        <f t="shared" si="884"/>
        <v>8.9122996346595738</v>
      </c>
      <c r="M7909">
        <f t="shared" si="885"/>
        <v>0</v>
      </c>
      <c r="N7909" s="46">
        <f t="shared" si="886"/>
        <v>45620.124999980901</v>
      </c>
    </row>
    <row r="7910" spans="2:14" x14ac:dyDescent="0.3">
      <c r="B7910">
        <f t="shared" si="880"/>
        <v>7</v>
      </c>
      <c r="C7910" s="16">
        <v>7876</v>
      </c>
      <c r="D7910" cm="1">
        <f t="array" ref="D7910">IFERROR(INDEX(Jesper!AH$2:AH$366,ROUNDDOWN($C7910/24,0)+1,1)*INDEX($D$3:$AA$30,INDEX(Jesper!$R$2:$R$366,ROW(INDEX(Jesper!AH$2:AH$366,ROUNDDOWN($C7910/24,0)+1,1))-1)+IF('Standard Profiles'!$G$18=$B$10,7,0)+IF('Standard Profiles'!$G$18=$B$17,14,0)+IF('Standard Profiles'!$G$18=$B$24,21,0),MOD($C7910,24)+1)/SUM(INDEX($D$3:$AA$30,INDEX(Jesper!$R$2:$R$366,ROW(INDEX(Jesper!AH$2:AH$366,ROUNDDOWN($C7910/24,0)+1,1))-1)+IF('Standard Profiles'!$G$18=$B$10,7,0)+IF('Standard Profiles'!$G$18=$B$17,14,0)+IF('Standard Profiles'!$G$18=$B$24,21,0),0)),0)</f>
        <v>8.5877081208392845</v>
      </c>
      <c r="E7910" cm="1">
        <f t="array" ref="E7910">IFERROR(INDEX(Jesper!AI$2:AI$366,ROUNDDOWN($C7910/24,0)+1,1)*INDEX($D$3:$AA$30,INDEX(Jesper!$R$2:$R$366,ROW(INDEX(Jesper!AI$2:AI$366,ROUNDDOWN($C7910/24,0)+1,1))-1)+IF('Standard Profiles'!$G$19=$B$10,7,0)+IF('Standard Profiles'!$G$19=$B$17,14,0)+IF('Standard Profiles'!$G$19=$B$24,21,0),MOD($C7910,24)+1)/SUM(INDEX($D$3:$AA$30,INDEX(Jesper!$R$2:$R$366,ROW(INDEX(Jesper!AI$2:AI$366,ROUNDDOWN($C7910/24,0)+1,1))-1)+IF('Standard Profiles'!$G$19=$B$10,7,0)+IF('Standard Profiles'!$G$19=$B$17,14,0)+IF('Standard Profiles'!$G$19=$B$24,21,0),0)),0)</f>
        <v>2.0394146057010683</v>
      </c>
      <c r="F7910" cm="1">
        <f t="array" ref="F7910">IFERROR(INDEX(Jesper!AJ$2:AJ$366,ROUNDDOWN($C7910/24,0)+1,1)*INDEX($D$3:$AA$30,INDEX(Jesper!$R$2:$R$366,ROW(INDEX(Jesper!AJ$2:AJ$366,ROUNDDOWN($C7910/24,0)+1,1))-1)+IF('Standard Profiles'!$G$20=$B$10,7,0)+IF('Standard Profiles'!$G$20=$B$17,14,0)+IF('Standard Profiles'!$G$20=$B$24,21,0),MOD($C7910,24)+1)/SUM(INDEX($D$3:$AA$30,INDEX(Jesper!$R$2:$R$366,ROW(INDEX(Jesper!AJ$2:AJ$366,ROUNDDOWN($C7910/24,0)+1,1))-1)+IF('Standard Profiles'!$G$20=$B$10,7,0)+IF('Standard Profiles'!$G$20=$B$17,14,0)+IF('Standard Profiles'!$G$20=$B$24,21,0),0)),0)</f>
        <v>0</v>
      </c>
      <c r="G7910" cm="1">
        <f t="array" ref="G7910">IFERROR(INDEX(Jesper!AK$2:AK$366,ROUNDDOWN($C7910/24,0)+1,1)*INDEX($D$3:$AA$30,INDEX(Jesper!$R$2:$R$366,ROW(INDEX(Jesper!AK$2:AK$366,ROUNDDOWN($C7910/24,0)+1,1))-1)+IF('Standard Profiles'!$G$21=$B$10,7,0)+IF('Standard Profiles'!$G$21=$B$17,14,0)+IF('Standard Profiles'!$G$21=$B$24,21,0),MOD($C7910,24)+1)/SUM(INDEX($D$3:$AA$30,INDEX(Jesper!$R$2:$R$366,ROW(INDEX(Jesper!AK$2:AK$366,ROUNDDOWN($C7910/24,0)+1,1))-1)+IF('Standard Profiles'!$G$21=$B$10,7,0)+IF('Standard Profiles'!$G$21=$B$17,14,0)+IF('Standard Profiles'!$G$21=$B$24,21,0),0)),0)</f>
        <v>0</v>
      </c>
      <c r="H7910" cm="1">
        <f t="array" ref="H7910">IFERROR(INDEX(Jesper!AL$2:AL$366,ROUNDDOWN($C7910/24,0)+1,1)*INDEX($D$3:$AA$30,INDEX(Jesper!$R$2:$R$366,ROW(INDEX(Jesper!AL$2:AL$366,ROUNDDOWN($C7910/24,0)+1,1))-1)+IF('Standard Profiles'!$G$22=$B$10,7,0)+IF('Standard Profiles'!$G$22=$B$17,14,0)+IF('Standard Profiles'!$G$22=$B$24,21,0),MOD($C7910,24)+1)/SUM(INDEX($D$3:$AA$30,INDEX(Jesper!$R$2:$R$366,ROW(INDEX(Jesper!AL$2:AL$366,ROUNDDOWN($C7910/24,0)+1,1))-1)+IF('Standard Profiles'!$G$22=$B$10,7,0)+IF('Standard Profiles'!$G$22=$B$17,14,0)+IF('Standard Profiles'!$G$22=$B$24,21,0),0)),0)</f>
        <v>0</v>
      </c>
      <c r="I7910">
        <f t="shared" si="881"/>
        <v>0.18373104555865485</v>
      </c>
      <c r="J7910">
        <f t="shared" si="882"/>
        <v>0.61243681852884957</v>
      </c>
      <c r="K7910">
        <f t="shared" si="883"/>
        <v>0.91865522779327435</v>
      </c>
      <c r="L7910">
        <f t="shared" si="884"/>
        <v>8.9122996346595738</v>
      </c>
      <c r="M7910">
        <f t="shared" si="885"/>
        <v>0</v>
      </c>
      <c r="N7910" s="46">
        <f t="shared" si="886"/>
        <v>45620.166666647565</v>
      </c>
    </row>
    <row r="7911" spans="2:14" x14ac:dyDescent="0.3">
      <c r="B7911">
        <f t="shared" si="880"/>
        <v>7</v>
      </c>
      <c r="C7911" s="16">
        <v>7877</v>
      </c>
      <c r="D7911" cm="1">
        <f t="array" ref="D7911">IFERROR(INDEX(Jesper!AH$2:AH$366,ROUNDDOWN($C7911/24,0)+1,1)*INDEX($D$3:$AA$30,INDEX(Jesper!$R$2:$R$366,ROW(INDEX(Jesper!AH$2:AH$366,ROUNDDOWN($C7911/24,0)+1,1))-1)+IF('Standard Profiles'!$G$18=$B$10,7,0)+IF('Standard Profiles'!$G$18=$B$17,14,0)+IF('Standard Profiles'!$G$18=$B$24,21,0),MOD($C7911,24)+1)/SUM(INDEX($D$3:$AA$30,INDEX(Jesper!$R$2:$R$366,ROW(INDEX(Jesper!AH$2:AH$366,ROUNDDOWN($C7911/24,0)+1,1))-1)+IF('Standard Profiles'!$G$18=$B$10,7,0)+IF('Standard Profiles'!$G$18=$B$17,14,0)+IF('Standard Profiles'!$G$18=$B$24,21,0),0)),0)</f>
        <v>10.734635151049105</v>
      </c>
      <c r="E7911" cm="1">
        <f t="array" ref="E7911">IFERROR(INDEX(Jesper!AI$2:AI$366,ROUNDDOWN($C7911/24,0)+1,1)*INDEX($D$3:$AA$30,INDEX(Jesper!$R$2:$R$366,ROW(INDEX(Jesper!AI$2:AI$366,ROUNDDOWN($C7911/24,0)+1,1))-1)+IF('Standard Profiles'!$G$19=$B$10,7,0)+IF('Standard Profiles'!$G$19=$B$17,14,0)+IF('Standard Profiles'!$G$19=$B$24,21,0),MOD($C7911,24)+1)/SUM(INDEX($D$3:$AA$30,INDEX(Jesper!$R$2:$R$366,ROW(INDEX(Jesper!AI$2:AI$366,ROUNDDOWN($C7911/24,0)+1,1))-1)+IF('Standard Profiles'!$G$19=$B$10,7,0)+IF('Standard Profiles'!$G$19=$B$17,14,0)+IF('Standard Profiles'!$G$19=$B$24,21,0),0)),0)</f>
        <v>2.549268257126335</v>
      </c>
      <c r="F7911" cm="1">
        <f t="array" ref="F7911">IFERROR(INDEX(Jesper!AJ$2:AJ$366,ROUNDDOWN($C7911/24,0)+1,1)*INDEX($D$3:$AA$30,INDEX(Jesper!$R$2:$R$366,ROW(INDEX(Jesper!AJ$2:AJ$366,ROUNDDOWN($C7911/24,0)+1,1))-1)+IF('Standard Profiles'!$G$20=$B$10,7,0)+IF('Standard Profiles'!$G$20=$B$17,14,0)+IF('Standard Profiles'!$G$20=$B$24,21,0),MOD($C7911,24)+1)/SUM(INDEX($D$3:$AA$30,INDEX(Jesper!$R$2:$R$366,ROW(INDEX(Jesper!AJ$2:AJ$366,ROUNDDOWN($C7911/24,0)+1,1))-1)+IF('Standard Profiles'!$G$20=$B$10,7,0)+IF('Standard Profiles'!$G$20=$B$17,14,0)+IF('Standard Profiles'!$G$20=$B$24,21,0),0)),0)</f>
        <v>0</v>
      </c>
      <c r="G7911" cm="1">
        <f t="array" ref="G7911">IFERROR(INDEX(Jesper!AK$2:AK$366,ROUNDDOWN($C7911/24,0)+1,1)*INDEX($D$3:$AA$30,INDEX(Jesper!$R$2:$R$366,ROW(INDEX(Jesper!AK$2:AK$366,ROUNDDOWN($C7911/24,0)+1,1))-1)+IF('Standard Profiles'!$G$21=$B$10,7,0)+IF('Standard Profiles'!$G$21=$B$17,14,0)+IF('Standard Profiles'!$G$21=$B$24,21,0),MOD($C7911,24)+1)/SUM(INDEX($D$3:$AA$30,INDEX(Jesper!$R$2:$R$366,ROW(INDEX(Jesper!AK$2:AK$366,ROUNDDOWN($C7911/24,0)+1,1))-1)+IF('Standard Profiles'!$G$21=$B$10,7,0)+IF('Standard Profiles'!$G$21=$B$17,14,0)+IF('Standard Profiles'!$G$21=$B$24,21,0),0)),0)</f>
        <v>0</v>
      </c>
      <c r="H7911" cm="1">
        <f t="array" ref="H7911">IFERROR(INDEX(Jesper!AL$2:AL$366,ROUNDDOWN($C7911/24,0)+1,1)*INDEX($D$3:$AA$30,INDEX(Jesper!$R$2:$R$366,ROW(INDEX(Jesper!AL$2:AL$366,ROUNDDOWN($C7911/24,0)+1,1))-1)+IF('Standard Profiles'!$G$22=$B$10,7,0)+IF('Standard Profiles'!$G$22=$B$17,14,0)+IF('Standard Profiles'!$G$22=$B$24,21,0),MOD($C7911,24)+1)/SUM(INDEX($D$3:$AA$30,INDEX(Jesper!$R$2:$R$366,ROW(INDEX(Jesper!AL$2:AL$366,ROUNDDOWN($C7911/24,0)+1,1))-1)+IF('Standard Profiles'!$G$22=$B$10,7,0)+IF('Standard Profiles'!$G$22=$B$17,14,0)+IF('Standard Profiles'!$G$22=$B$24,21,0),0)),0)</f>
        <v>0</v>
      </c>
      <c r="I7911">
        <f t="shared" si="881"/>
        <v>0.22966380694831853</v>
      </c>
      <c r="J7911">
        <f t="shared" si="882"/>
        <v>0.76554602316106179</v>
      </c>
      <c r="K7911">
        <f t="shared" si="883"/>
        <v>1.1483190347415928</v>
      </c>
      <c r="L7911">
        <f t="shared" si="884"/>
        <v>11.140374543324466</v>
      </c>
      <c r="M7911">
        <f t="shared" si="885"/>
        <v>0</v>
      </c>
      <c r="N7911" s="46">
        <f t="shared" si="886"/>
        <v>45620.208333314229</v>
      </c>
    </row>
    <row r="7912" spans="2:14" x14ac:dyDescent="0.3">
      <c r="B7912">
        <f t="shared" si="880"/>
        <v>7</v>
      </c>
      <c r="C7912" s="16">
        <v>7878</v>
      </c>
      <c r="D7912" cm="1">
        <f t="array" ref="D7912">IFERROR(INDEX(Jesper!AH$2:AH$366,ROUNDDOWN($C7912/24,0)+1,1)*INDEX($D$3:$AA$30,INDEX(Jesper!$R$2:$R$366,ROW(INDEX(Jesper!AH$2:AH$366,ROUNDDOWN($C7912/24,0)+1,1))-1)+IF('Standard Profiles'!$G$18=$B$10,7,0)+IF('Standard Profiles'!$G$18=$B$17,14,0)+IF('Standard Profiles'!$G$18=$B$24,21,0),MOD($C7912,24)+1)/SUM(INDEX($D$3:$AA$30,INDEX(Jesper!$R$2:$R$366,ROW(INDEX(Jesper!AH$2:AH$366,ROUNDDOWN($C7912/24,0)+1,1))-1)+IF('Standard Profiles'!$G$18=$B$10,7,0)+IF('Standard Profiles'!$G$18=$B$17,14,0)+IF('Standard Profiles'!$G$18=$B$24,21,0),0)),0)</f>
        <v>12.643014733457836</v>
      </c>
      <c r="E7912" cm="1">
        <f t="array" ref="E7912">IFERROR(INDEX(Jesper!AI$2:AI$366,ROUNDDOWN($C7912/24,0)+1,1)*INDEX($D$3:$AA$30,INDEX(Jesper!$R$2:$R$366,ROW(INDEX(Jesper!AI$2:AI$366,ROUNDDOWN($C7912/24,0)+1,1))-1)+IF('Standard Profiles'!$G$19=$B$10,7,0)+IF('Standard Profiles'!$G$19=$B$17,14,0)+IF('Standard Profiles'!$G$19=$B$24,21,0),MOD($C7912,24)+1)/SUM(INDEX($D$3:$AA$30,INDEX(Jesper!$R$2:$R$366,ROW(INDEX(Jesper!AI$2:AI$366,ROUNDDOWN($C7912/24,0)+1,1))-1)+IF('Standard Profiles'!$G$19=$B$10,7,0)+IF('Standard Profiles'!$G$19=$B$17,14,0)+IF('Standard Profiles'!$G$19=$B$24,21,0),0)),0)</f>
        <v>3.0024715028376843</v>
      </c>
      <c r="F7912" cm="1">
        <f t="array" ref="F7912">IFERROR(INDEX(Jesper!AJ$2:AJ$366,ROUNDDOWN($C7912/24,0)+1,1)*INDEX($D$3:$AA$30,INDEX(Jesper!$R$2:$R$366,ROW(INDEX(Jesper!AJ$2:AJ$366,ROUNDDOWN($C7912/24,0)+1,1))-1)+IF('Standard Profiles'!$G$20=$B$10,7,0)+IF('Standard Profiles'!$G$20=$B$17,14,0)+IF('Standard Profiles'!$G$20=$B$24,21,0),MOD($C7912,24)+1)/SUM(INDEX($D$3:$AA$30,INDEX(Jesper!$R$2:$R$366,ROW(INDEX(Jesper!AJ$2:AJ$366,ROUNDDOWN($C7912/24,0)+1,1))-1)+IF('Standard Profiles'!$G$20=$B$10,7,0)+IF('Standard Profiles'!$G$20=$B$17,14,0)+IF('Standard Profiles'!$G$20=$B$24,21,0),0)),0)</f>
        <v>0</v>
      </c>
      <c r="G7912" cm="1">
        <f t="array" ref="G7912">IFERROR(INDEX(Jesper!AK$2:AK$366,ROUNDDOWN($C7912/24,0)+1,1)*INDEX($D$3:$AA$30,INDEX(Jesper!$R$2:$R$366,ROW(INDEX(Jesper!AK$2:AK$366,ROUNDDOWN($C7912/24,0)+1,1))-1)+IF('Standard Profiles'!$G$21=$B$10,7,0)+IF('Standard Profiles'!$G$21=$B$17,14,0)+IF('Standard Profiles'!$G$21=$B$24,21,0),MOD($C7912,24)+1)/SUM(INDEX($D$3:$AA$30,INDEX(Jesper!$R$2:$R$366,ROW(INDEX(Jesper!AK$2:AK$366,ROUNDDOWN($C7912/24,0)+1,1))-1)+IF('Standard Profiles'!$G$21=$B$10,7,0)+IF('Standard Profiles'!$G$21=$B$17,14,0)+IF('Standard Profiles'!$G$21=$B$24,21,0),0)),0)</f>
        <v>0</v>
      </c>
      <c r="H7912" cm="1">
        <f t="array" ref="H7912">IFERROR(INDEX(Jesper!AL$2:AL$366,ROUNDDOWN($C7912/24,0)+1,1)*INDEX($D$3:$AA$30,INDEX(Jesper!$R$2:$R$366,ROW(INDEX(Jesper!AL$2:AL$366,ROUNDDOWN($C7912/24,0)+1,1))-1)+IF('Standard Profiles'!$G$22=$B$10,7,0)+IF('Standard Profiles'!$G$22=$B$17,14,0)+IF('Standard Profiles'!$G$22=$B$24,21,0),MOD($C7912,24)+1)/SUM(INDEX($D$3:$AA$30,INDEX(Jesper!$R$2:$R$366,ROW(INDEX(Jesper!AL$2:AL$366,ROUNDDOWN($C7912/24,0)+1,1))-1)+IF('Standard Profiles'!$G$22=$B$10,7,0)+IF('Standard Profiles'!$G$22=$B$17,14,0)+IF('Standard Profiles'!$G$22=$B$24,21,0),0)),0)</f>
        <v>0</v>
      </c>
      <c r="I7912">
        <f t="shared" si="881"/>
        <v>0.27049292818357523</v>
      </c>
      <c r="J7912">
        <f t="shared" si="882"/>
        <v>0.90164309394525088</v>
      </c>
      <c r="K7912">
        <f t="shared" si="883"/>
        <v>1.3524646409178762</v>
      </c>
      <c r="L7912">
        <f t="shared" si="884"/>
        <v>13.120885573248819</v>
      </c>
      <c r="M7912">
        <f t="shared" si="885"/>
        <v>0</v>
      </c>
      <c r="N7912" s="46">
        <f t="shared" si="886"/>
        <v>45620.249999980893</v>
      </c>
    </row>
    <row r="7913" spans="2:14" x14ac:dyDescent="0.3">
      <c r="B7913">
        <f t="shared" si="880"/>
        <v>7</v>
      </c>
      <c r="C7913" s="16">
        <v>7879</v>
      </c>
      <c r="D7913" cm="1">
        <f t="array" ref="D7913">IFERROR(INDEX(Jesper!AH$2:AH$366,ROUNDDOWN($C7913/24,0)+1,1)*INDEX($D$3:$AA$30,INDEX(Jesper!$R$2:$R$366,ROW(INDEX(Jesper!AH$2:AH$366,ROUNDDOWN($C7913/24,0)+1,1))-1)+IF('Standard Profiles'!$G$18=$B$10,7,0)+IF('Standard Profiles'!$G$18=$B$17,14,0)+IF('Standard Profiles'!$G$18=$B$24,21,0),MOD($C7913,24)+1)/SUM(INDEX($D$3:$AA$30,INDEX(Jesper!$R$2:$R$366,ROW(INDEX(Jesper!AH$2:AH$366,ROUNDDOWN($C7913/24,0)+1,1))-1)+IF('Standard Profiles'!$G$18=$B$10,7,0)+IF('Standard Profiles'!$G$18=$B$17,14,0)+IF('Standard Profiles'!$G$18=$B$24,21,0),0)),0)</f>
        <v>15.028489211468749</v>
      </c>
      <c r="E7913" cm="1">
        <f t="array" ref="E7913">IFERROR(INDEX(Jesper!AI$2:AI$366,ROUNDDOWN($C7913/24,0)+1,1)*INDEX($D$3:$AA$30,INDEX(Jesper!$R$2:$R$366,ROW(INDEX(Jesper!AI$2:AI$366,ROUNDDOWN($C7913/24,0)+1,1))-1)+IF('Standard Profiles'!$G$19=$B$10,7,0)+IF('Standard Profiles'!$G$19=$B$17,14,0)+IF('Standard Profiles'!$G$19=$B$24,21,0),MOD($C7913,24)+1)/SUM(INDEX($D$3:$AA$30,INDEX(Jesper!$R$2:$R$366,ROW(INDEX(Jesper!AI$2:AI$366,ROUNDDOWN($C7913/24,0)+1,1))-1)+IF('Standard Profiles'!$G$19=$B$10,7,0)+IF('Standard Profiles'!$G$19=$B$17,14,0)+IF('Standard Profiles'!$G$19=$B$24,21,0),0)),0)</f>
        <v>3.5689755599768698</v>
      </c>
      <c r="F7913" cm="1">
        <f t="array" ref="F7913">IFERROR(INDEX(Jesper!AJ$2:AJ$366,ROUNDDOWN($C7913/24,0)+1,1)*INDEX($D$3:$AA$30,INDEX(Jesper!$R$2:$R$366,ROW(INDEX(Jesper!AJ$2:AJ$366,ROUNDDOWN($C7913/24,0)+1,1))-1)+IF('Standard Profiles'!$G$20=$B$10,7,0)+IF('Standard Profiles'!$G$20=$B$17,14,0)+IF('Standard Profiles'!$G$20=$B$24,21,0),MOD($C7913,24)+1)/SUM(INDEX($D$3:$AA$30,INDEX(Jesper!$R$2:$R$366,ROW(INDEX(Jesper!AJ$2:AJ$366,ROUNDDOWN($C7913/24,0)+1,1))-1)+IF('Standard Profiles'!$G$20=$B$10,7,0)+IF('Standard Profiles'!$G$20=$B$17,14,0)+IF('Standard Profiles'!$G$20=$B$24,21,0),0)),0)</f>
        <v>0</v>
      </c>
      <c r="G7913" cm="1">
        <f t="array" ref="G7913">IFERROR(INDEX(Jesper!AK$2:AK$366,ROUNDDOWN($C7913/24,0)+1,1)*INDEX($D$3:$AA$30,INDEX(Jesper!$R$2:$R$366,ROW(INDEX(Jesper!AK$2:AK$366,ROUNDDOWN($C7913/24,0)+1,1))-1)+IF('Standard Profiles'!$G$21=$B$10,7,0)+IF('Standard Profiles'!$G$21=$B$17,14,0)+IF('Standard Profiles'!$G$21=$B$24,21,0),MOD($C7913,24)+1)/SUM(INDEX($D$3:$AA$30,INDEX(Jesper!$R$2:$R$366,ROW(INDEX(Jesper!AK$2:AK$366,ROUNDDOWN($C7913/24,0)+1,1))-1)+IF('Standard Profiles'!$G$21=$B$10,7,0)+IF('Standard Profiles'!$G$21=$B$17,14,0)+IF('Standard Profiles'!$G$21=$B$24,21,0),0)),0)</f>
        <v>0</v>
      </c>
      <c r="H7913" cm="1">
        <f t="array" ref="H7913">IFERROR(INDEX(Jesper!AL$2:AL$366,ROUNDDOWN($C7913/24,0)+1,1)*INDEX($D$3:$AA$30,INDEX(Jesper!$R$2:$R$366,ROW(INDEX(Jesper!AL$2:AL$366,ROUNDDOWN($C7913/24,0)+1,1))-1)+IF('Standard Profiles'!$G$22=$B$10,7,0)+IF('Standard Profiles'!$G$22=$B$17,14,0)+IF('Standard Profiles'!$G$22=$B$24,21,0),MOD($C7913,24)+1)/SUM(INDEX($D$3:$AA$30,INDEX(Jesper!$R$2:$R$366,ROW(INDEX(Jesper!AL$2:AL$366,ROUNDDOWN($C7913/24,0)+1,1))-1)+IF('Standard Profiles'!$G$22=$B$10,7,0)+IF('Standard Profiles'!$G$22=$B$17,14,0)+IF('Standard Profiles'!$G$22=$B$24,21,0),0)),0)</f>
        <v>0</v>
      </c>
      <c r="I7913">
        <f t="shared" si="881"/>
        <v>0.32152932972764603</v>
      </c>
      <c r="J7913">
        <f t="shared" si="882"/>
        <v>1.0717644324254869</v>
      </c>
      <c r="K7913">
        <f t="shared" si="883"/>
        <v>1.6076466486382301</v>
      </c>
      <c r="L7913">
        <f t="shared" si="884"/>
        <v>15.596524360654255</v>
      </c>
      <c r="M7913">
        <f t="shared" si="885"/>
        <v>0</v>
      </c>
      <c r="N7913" s="46">
        <f t="shared" si="886"/>
        <v>45620.291666647558</v>
      </c>
    </row>
    <row r="7914" spans="2:14" x14ac:dyDescent="0.3">
      <c r="B7914">
        <f t="shared" si="880"/>
        <v>7</v>
      </c>
      <c r="C7914" s="16">
        <v>7880</v>
      </c>
      <c r="D7914" cm="1">
        <f t="array" ref="D7914">IFERROR(INDEX(Jesper!AH$2:AH$366,ROUNDDOWN($C7914/24,0)+1,1)*INDEX($D$3:$AA$30,INDEX(Jesper!$R$2:$R$366,ROW(INDEX(Jesper!AH$2:AH$366,ROUNDDOWN($C7914/24,0)+1,1))-1)+IF('Standard Profiles'!$G$18=$B$10,7,0)+IF('Standard Profiles'!$G$18=$B$17,14,0)+IF('Standard Profiles'!$G$18=$B$24,21,0),MOD($C7914,24)+1)/SUM(INDEX($D$3:$AA$30,INDEX(Jesper!$R$2:$R$366,ROW(INDEX(Jesper!AH$2:AH$366,ROUNDDOWN($C7914/24,0)+1,1))-1)+IF('Standard Profiles'!$G$18=$B$10,7,0)+IF('Standard Profiles'!$G$18=$B$17,14,0)+IF('Standard Profiles'!$G$18=$B$24,21,0),0)),0)</f>
        <v>15.028489211468749</v>
      </c>
      <c r="E7914" cm="1">
        <f t="array" ref="E7914">IFERROR(INDEX(Jesper!AI$2:AI$366,ROUNDDOWN($C7914/24,0)+1,1)*INDEX($D$3:$AA$30,INDEX(Jesper!$R$2:$R$366,ROW(INDEX(Jesper!AI$2:AI$366,ROUNDDOWN($C7914/24,0)+1,1))-1)+IF('Standard Profiles'!$G$19=$B$10,7,0)+IF('Standard Profiles'!$G$19=$B$17,14,0)+IF('Standard Profiles'!$G$19=$B$24,21,0),MOD($C7914,24)+1)/SUM(INDEX($D$3:$AA$30,INDEX(Jesper!$R$2:$R$366,ROW(INDEX(Jesper!AI$2:AI$366,ROUNDDOWN($C7914/24,0)+1,1))-1)+IF('Standard Profiles'!$G$19=$B$10,7,0)+IF('Standard Profiles'!$G$19=$B$17,14,0)+IF('Standard Profiles'!$G$19=$B$24,21,0),0)),0)</f>
        <v>3.5689755599768698</v>
      </c>
      <c r="F7914" cm="1">
        <f t="array" ref="F7914">IFERROR(INDEX(Jesper!AJ$2:AJ$366,ROUNDDOWN($C7914/24,0)+1,1)*INDEX($D$3:$AA$30,INDEX(Jesper!$R$2:$R$366,ROW(INDEX(Jesper!AJ$2:AJ$366,ROUNDDOWN($C7914/24,0)+1,1))-1)+IF('Standard Profiles'!$G$20=$B$10,7,0)+IF('Standard Profiles'!$G$20=$B$17,14,0)+IF('Standard Profiles'!$G$20=$B$24,21,0),MOD($C7914,24)+1)/SUM(INDEX($D$3:$AA$30,INDEX(Jesper!$R$2:$R$366,ROW(INDEX(Jesper!AJ$2:AJ$366,ROUNDDOWN($C7914/24,0)+1,1))-1)+IF('Standard Profiles'!$G$20=$B$10,7,0)+IF('Standard Profiles'!$G$20=$B$17,14,0)+IF('Standard Profiles'!$G$20=$B$24,21,0),0)),0)</f>
        <v>0</v>
      </c>
      <c r="G7914" cm="1">
        <f t="array" ref="G7914">IFERROR(INDEX(Jesper!AK$2:AK$366,ROUNDDOWN($C7914/24,0)+1,1)*INDEX($D$3:$AA$30,INDEX(Jesper!$R$2:$R$366,ROW(INDEX(Jesper!AK$2:AK$366,ROUNDDOWN($C7914/24,0)+1,1))-1)+IF('Standard Profiles'!$G$21=$B$10,7,0)+IF('Standard Profiles'!$G$21=$B$17,14,0)+IF('Standard Profiles'!$G$21=$B$24,21,0),MOD($C7914,24)+1)/SUM(INDEX($D$3:$AA$30,INDEX(Jesper!$R$2:$R$366,ROW(INDEX(Jesper!AK$2:AK$366,ROUNDDOWN($C7914/24,0)+1,1))-1)+IF('Standard Profiles'!$G$21=$B$10,7,0)+IF('Standard Profiles'!$G$21=$B$17,14,0)+IF('Standard Profiles'!$G$21=$B$24,21,0),0)),0)</f>
        <v>0</v>
      </c>
      <c r="H7914" cm="1">
        <f t="array" ref="H7914">IFERROR(INDEX(Jesper!AL$2:AL$366,ROUNDDOWN($C7914/24,0)+1,1)*INDEX($D$3:$AA$30,INDEX(Jesper!$R$2:$R$366,ROW(INDEX(Jesper!AL$2:AL$366,ROUNDDOWN($C7914/24,0)+1,1))-1)+IF('Standard Profiles'!$G$22=$B$10,7,0)+IF('Standard Profiles'!$G$22=$B$17,14,0)+IF('Standard Profiles'!$G$22=$B$24,21,0),MOD($C7914,24)+1)/SUM(INDEX($D$3:$AA$30,INDEX(Jesper!$R$2:$R$366,ROW(INDEX(Jesper!AL$2:AL$366,ROUNDDOWN($C7914/24,0)+1,1))-1)+IF('Standard Profiles'!$G$22=$B$10,7,0)+IF('Standard Profiles'!$G$22=$B$17,14,0)+IF('Standard Profiles'!$G$22=$B$24,21,0),0)),0)</f>
        <v>0</v>
      </c>
      <c r="I7914">
        <f t="shared" si="881"/>
        <v>0.32152932972764603</v>
      </c>
      <c r="J7914">
        <f t="shared" si="882"/>
        <v>1.0717644324254869</v>
      </c>
      <c r="K7914">
        <f t="shared" si="883"/>
        <v>1.6076466486382301</v>
      </c>
      <c r="L7914">
        <f t="shared" si="884"/>
        <v>15.596524360654255</v>
      </c>
      <c r="M7914">
        <f t="shared" si="885"/>
        <v>0</v>
      </c>
      <c r="N7914" s="46">
        <f t="shared" si="886"/>
        <v>45620.333333314222</v>
      </c>
    </row>
    <row r="7915" spans="2:14" x14ac:dyDescent="0.3">
      <c r="B7915">
        <f t="shared" si="880"/>
        <v>7</v>
      </c>
      <c r="C7915" s="16">
        <v>7881</v>
      </c>
      <c r="D7915" cm="1">
        <f t="array" ref="D7915">IFERROR(INDEX(Jesper!AH$2:AH$366,ROUNDDOWN($C7915/24,0)+1,1)*INDEX($D$3:$AA$30,INDEX(Jesper!$R$2:$R$366,ROW(INDEX(Jesper!AH$2:AH$366,ROUNDDOWN($C7915/24,0)+1,1))-1)+IF('Standard Profiles'!$G$18=$B$10,7,0)+IF('Standard Profiles'!$G$18=$B$17,14,0)+IF('Standard Profiles'!$G$18=$B$24,21,0),MOD($C7915,24)+1)/SUM(INDEX($D$3:$AA$30,INDEX(Jesper!$R$2:$R$366,ROW(INDEX(Jesper!AH$2:AH$366,ROUNDDOWN($C7915/24,0)+1,1))-1)+IF('Standard Profiles'!$G$18=$B$10,7,0)+IF('Standard Profiles'!$G$18=$B$17,14,0)+IF('Standard Profiles'!$G$18=$B$24,21,0),0)),0)</f>
        <v>15.028489211468749</v>
      </c>
      <c r="E7915" cm="1">
        <f t="array" ref="E7915">IFERROR(INDEX(Jesper!AI$2:AI$366,ROUNDDOWN($C7915/24,0)+1,1)*INDEX($D$3:$AA$30,INDEX(Jesper!$R$2:$R$366,ROW(INDEX(Jesper!AI$2:AI$366,ROUNDDOWN($C7915/24,0)+1,1))-1)+IF('Standard Profiles'!$G$19=$B$10,7,0)+IF('Standard Profiles'!$G$19=$B$17,14,0)+IF('Standard Profiles'!$G$19=$B$24,21,0),MOD($C7915,24)+1)/SUM(INDEX($D$3:$AA$30,INDEX(Jesper!$R$2:$R$366,ROW(INDEX(Jesper!AI$2:AI$366,ROUNDDOWN($C7915/24,0)+1,1))-1)+IF('Standard Profiles'!$G$19=$B$10,7,0)+IF('Standard Profiles'!$G$19=$B$17,14,0)+IF('Standard Profiles'!$G$19=$B$24,21,0),0)),0)</f>
        <v>3.5689755599768698</v>
      </c>
      <c r="F7915" cm="1">
        <f t="array" ref="F7915">IFERROR(INDEX(Jesper!AJ$2:AJ$366,ROUNDDOWN($C7915/24,0)+1,1)*INDEX($D$3:$AA$30,INDEX(Jesper!$R$2:$R$366,ROW(INDEX(Jesper!AJ$2:AJ$366,ROUNDDOWN($C7915/24,0)+1,1))-1)+IF('Standard Profiles'!$G$20=$B$10,7,0)+IF('Standard Profiles'!$G$20=$B$17,14,0)+IF('Standard Profiles'!$G$20=$B$24,21,0),MOD($C7915,24)+1)/SUM(INDEX($D$3:$AA$30,INDEX(Jesper!$R$2:$R$366,ROW(INDEX(Jesper!AJ$2:AJ$366,ROUNDDOWN($C7915/24,0)+1,1))-1)+IF('Standard Profiles'!$G$20=$B$10,7,0)+IF('Standard Profiles'!$G$20=$B$17,14,0)+IF('Standard Profiles'!$G$20=$B$24,21,0),0)),0)</f>
        <v>0</v>
      </c>
      <c r="G7915" cm="1">
        <f t="array" ref="G7915">IFERROR(INDEX(Jesper!AK$2:AK$366,ROUNDDOWN($C7915/24,0)+1,1)*INDEX($D$3:$AA$30,INDEX(Jesper!$R$2:$R$366,ROW(INDEX(Jesper!AK$2:AK$366,ROUNDDOWN($C7915/24,0)+1,1))-1)+IF('Standard Profiles'!$G$21=$B$10,7,0)+IF('Standard Profiles'!$G$21=$B$17,14,0)+IF('Standard Profiles'!$G$21=$B$24,21,0),MOD($C7915,24)+1)/SUM(INDEX($D$3:$AA$30,INDEX(Jesper!$R$2:$R$366,ROW(INDEX(Jesper!AK$2:AK$366,ROUNDDOWN($C7915/24,0)+1,1))-1)+IF('Standard Profiles'!$G$21=$B$10,7,0)+IF('Standard Profiles'!$G$21=$B$17,14,0)+IF('Standard Profiles'!$G$21=$B$24,21,0),0)),0)</f>
        <v>0</v>
      </c>
      <c r="H7915" cm="1">
        <f t="array" ref="H7915">IFERROR(INDEX(Jesper!AL$2:AL$366,ROUNDDOWN($C7915/24,0)+1,1)*INDEX($D$3:$AA$30,INDEX(Jesper!$R$2:$R$366,ROW(INDEX(Jesper!AL$2:AL$366,ROUNDDOWN($C7915/24,0)+1,1))-1)+IF('Standard Profiles'!$G$22=$B$10,7,0)+IF('Standard Profiles'!$G$22=$B$17,14,0)+IF('Standard Profiles'!$G$22=$B$24,21,0),MOD($C7915,24)+1)/SUM(INDEX($D$3:$AA$30,INDEX(Jesper!$R$2:$R$366,ROW(INDEX(Jesper!AL$2:AL$366,ROUNDDOWN($C7915/24,0)+1,1))-1)+IF('Standard Profiles'!$G$22=$B$10,7,0)+IF('Standard Profiles'!$G$22=$B$17,14,0)+IF('Standard Profiles'!$G$22=$B$24,21,0),0)),0)</f>
        <v>0</v>
      </c>
      <c r="I7915">
        <f t="shared" si="881"/>
        <v>0.32152932972764603</v>
      </c>
      <c r="J7915">
        <f t="shared" si="882"/>
        <v>1.0717644324254869</v>
      </c>
      <c r="K7915">
        <f t="shared" si="883"/>
        <v>1.6076466486382301</v>
      </c>
      <c r="L7915">
        <f t="shared" si="884"/>
        <v>15.596524360654255</v>
      </c>
      <c r="M7915">
        <f t="shared" si="885"/>
        <v>0</v>
      </c>
      <c r="N7915" s="46">
        <f t="shared" si="886"/>
        <v>45620.374999980886</v>
      </c>
    </row>
    <row r="7916" spans="2:14" x14ac:dyDescent="0.3">
      <c r="B7916">
        <f t="shared" si="880"/>
        <v>7</v>
      </c>
      <c r="C7916" s="16">
        <v>7882</v>
      </c>
      <c r="D7916" cm="1">
        <f t="array" ref="D7916">IFERROR(INDEX(Jesper!AH$2:AH$366,ROUNDDOWN($C7916/24,0)+1,1)*INDEX($D$3:$AA$30,INDEX(Jesper!$R$2:$R$366,ROW(INDEX(Jesper!AH$2:AH$366,ROUNDDOWN($C7916/24,0)+1,1))-1)+IF('Standard Profiles'!$G$18=$B$10,7,0)+IF('Standard Profiles'!$G$18=$B$17,14,0)+IF('Standard Profiles'!$G$18=$B$24,21,0),MOD($C7916,24)+1)/SUM(INDEX($D$3:$AA$30,INDEX(Jesper!$R$2:$R$366,ROW(INDEX(Jesper!AH$2:AH$366,ROUNDDOWN($C7916/24,0)+1,1))-1)+IF('Standard Profiles'!$G$18=$B$10,7,0)+IF('Standard Profiles'!$G$18=$B$17,14,0)+IF('Standard Profiles'!$G$18=$B$24,21,0),0)),0)</f>
        <v>15.028489211468749</v>
      </c>
      <c r="E7916" cm="1">
        <f t="array" ref="E7916">IFERROR(INDEX(Jesper!AI$2:AI$366,ROUNDDOWN($C7916/24,0)+1,1)*INDEX($D$3:$AA$30,INDEX(Jesper!$R$2:$R$366,ROW(INDEX(Jesper!AI$2:AI$366,ROUNDDOWN($C7916/24,0)+1,1))-1)+IF('Standard Profiles'!$G$19=$B$10,7,0)+IF('Standard Profiles'!$G$19=$B$17,14,0)+IF('Standard Profiles'!$G$19=$B$24,21,0),MOD($C7916,24)+1)/SUM(INDEX($D$3:$AA$30,INDEX(Jesper!$R$2:$R$366,ROW(INDEX(Jesper!AI$2:AI$366,ROUNDDOWN($C7916/24,0)+1,1))-1)+IF('Standard Profiles'!$G$19=$B$10,7,0)+IF('Standard Profiles'!$G$19=$B$17,14,0)+IF('Standard Profiles'!$G$19=$B$24,21,0),0)),0)</f>
        <v>3.5689755599768698</v>
      </c>
      <c r="F7916" cm="1">
        <f t="array" ref="F7916">IFERROR(INDEX(Jesper!AJ$2:AJ$366,ROUNDDOWN($C7916/24,0)+1,1)*INDEX($D$3:$AA$30,INDEX(Jesper!$R$2:$R$366,ROW(INDEX(Jesper!AJ$2:AJ$366,ROUNDDOWN($C7916/24,0)+1,1))-1)+IF('Standard Profiles'!$G$20=$B$10,7,0)+IF('Standard Profiles'!$G$20=$B$17,14,0)+IF('Standard Profiles'!$G$20=$B$24,21,0),MOD($C7916,24)+1)/SUM(INDEX($D$3:$AA$30,INDEX(Jesper!$R$2:$R$366,ROW(INDEX(Jesper!AJ$2:AJ$366,ROUNDDOWN($C7916/24,0)+1,1))-1)+IF('Standard Profiles'!$G$20=$B$10,7,0)+IF('Standard Profiles'!$G$20=$B$17,14,0)+IF('Standard Profiles'!$G$20=$B$24,21,0),0)),0)</f>
        <v>0</v>
      </c>
      <c r="G7916" cm="1">
        <f t="array" ref="G7916">IFERROR(INDEX(Jesper!AK$2:AK$366,ROUNDDOWN($C7916/24,0)+1,1)*INDEX($D$3:$AA$30,INDEX(Jesper!$R$2:$R$366,ROW(INDEX(Jesper!AK$2:AK$366,ROUNDDOWN($C7916/24,0)+1,1))-1)+IF('Standard Profiles'!$G$21=$B$10,7,0)+IF('Standard Profiles'!$G$21=$B$17,14,0)+IF('Standard Profiles'!$G$21=$B$24,21,0),MOD($C7916,24)+1)/SUM(INDEX($D$3:$AA$30,INDEX(Jesper!$R$2:$R$366,ROW(INDEX(Jesper!AK$2:AK$366,ROUNDDOWN($C7916/24,0)+1,1))-1)+IF('Standard Profiles'!$G$21=$B$10,7,0)+IF('Standard Profiles'!$G$21=$B$17,14,0)+IF('Standard Profiles'!$G$21=$B$24,21,0),0)),0)</f>
        <v>0</v>
      </c>
      <c r="H7916" cm="1">
        <f t="array" ref="H7916">IFERROR(INDEX(Jesper!AL$2:AL$366,ROUNDDOWN($C7916/24,0)+1,1)*INDEX($D$3:$AA$30,INDEX(Jesper!$R$2:$R$366,ROW(INDEX(Jesper!AL$2:AL$366,ROUNDDOWN($C7916/24,0)+1,1))-1)+IF('Standard Profiles'!$G$22=$B$10,7,0)+IF('Standard Profiles'!$G$22=$B$17,14,0)+IF('Standard Profiles'!$G$22=$B$24,21,0),MOD($C7916,24)+1)/SUM(INDEX($D$3:$AA$30,INDEX(Jesper!$R$2:$R$366,ROW(INDEX(Jesper!AL$2:AL$366,ROUNDDOWN($C7916/24,0)+1,1))-1)+IF('Standard Profiles'!$G$22=$B$10,7,0)+IF('Standard Profiles'!$G$22=$B$17,14,0)+IF('Standard Profiles'!$G$22=$B$24,21,0),0)),0)</f>
        <v>0</v>
      </c>
      <c r="I7916">
        <f t="shared" si="881"/>
        <v>0.32152932972764603</v>
      </c>
      <c r="J7916">
        <f t="shared" si="882"/>
        <v>1.0717644324254869</v>
      </c>
      <c r="K7916">
        <f t="shared" si="883"/>
        <v>1.6076466486382301</v>
      </c>
      <c r="L7916">
        <f t="shared" si="884"/>
        <v>15.596524360654255</v>
      </c>
      <c r="M7916">
        <f t="shared" si="885"/>
        <v>0</v>
      </c>
      <c r="N7916" s="46">
        <f t="shared" si="886"/>
        <v>45620.41666664755</v>
      </c>
    </row>
    <row r="7917" spans="2:14" x14ac:dyDescent="0.3">
      <c r="B7917">
        <f t="shared" si="880"/>
        <v>7</v>
      </c>
      <c r="C7917" s="16">
        <v>7883</v>
      </c>
      <c r="D7917" cm="1">
        <f t="array" ref="D7917">IFERROR(INDEX(Jesper!AH$2:AH$366,ROUNDDOWN($C7917/24,0)+1,1)*INDEX($D$3:$AA$30,INDEX(Jesper!$R$2:$R$366,ROW(INDEX(Jesper!AH$2:AH$366,ROUNDDOWN($C7917/24,0)+1,1))-1)+IF('Standard Profiles'!$G$18=$B$10,7,0)+IF('Standard Profiles'!$G$18=$B$17,14,0)+IF('Standard Profiles'!$G$18=$B$24,21,0),MOD($C7917,24)+1)/SUM(INDEX($D$3:$AA$30,INDEX(Jesper!$R$2:$R$366,ROW(INDEX(Jesper!AH$2:AH$366,ROUNDDOWN($C7917/24,0)+1,1))-1)+IF('Standard Profiles'!$G$18=$B$10,7,0)+IF('Standard Profiles'!$G$18=$B$17,14,0)+IF('Standard Profiles'!$G$18=$B$24,21,0),0)),0)</f>
        <v>15.028489211468749</v>
      </c>
      <c r="E7917" cm="1">
        <f t="array" ref="E7917">IFERROR(INDEX(Jesper!AI$2:AI$366,ROUNDDOWN($C7917/24,0)+1,1)*INDEX($D$3:$AA$30,INDEX(Jesper!$R$2:$R$366,ROW(INDEX(Jesper!AI$2:AI$366,ROUNDDOWN($C7917/24,0)+1,1))-1)+IF('Standard Profiles'!$G$19=$B$10,7,0)+IF('Standard Profiles'!$G$19=$B$17,14,0)+IF('Standard Profiles'!$G$19=$B$24,21,0),MOD($C7917,24)+1)/SUM(INDEX($D$3:$AA$30,INDEX(Jesper!$R$2:$R$366,ROW(INDEX(Jesper!AI$2:AI$366,ROUNDDOWN($C7917/24,0)+1,1))-1)+IF('Standard Profiles'!$G$19=$B$10,7,0)+IF('Standard Profiles'!$G$19=$B$17,14,0)+IF('Standard Profiles'!$G$19=$B$24,21,0),0)),0)</f>
        <v>3.5689755599768698</v>
      </c>
      <c r="F7917" cm="1">
        <f t="array" ref="F7917">IFERROR(INDEX(Jesper!AJ$2:AJ$366,ROUNDDOWN($C7917/24,0)+1,1)*INDEX($D$3:$AA$30,INDEX(Jesper!$R$2:$R$366,ROW(INDEX(Jesper!AJ$2:AJ$366,ROUNDDOWN($C7917/24,0)+1,1))-1)+IF('Standard Profiles'!$G$20=$B$10,7,0)+IF('Standard Profiles'!$G$20=$B$17,14,0)+IF('Standard Profiles'!$G$20=$B$24,21,0),MOD($C7917,24)+1)/SUM(INDEX($D$3:$AA$30,INDEX(Jesper!$R$2:$R$366,ROW(INDEX(Jesper!AJ$2:AJ$366,ROUNDDOWN($C7917/24,0)+1,1))-1)+IF('Standard Profiles'!$G$20=$B$10,7,0)+IF('Standard Profiles'!$G$20=$B$17,14,0)+IF('Standard Profiles'!$G$20=$B$24,21,0),0)),0)</f>
        <v>0</v>
      </c>
      <c r="G7917" cm="1">
        <f t="array" ref="G7917">IFERROR(INDEX(Jesper!AK$2:AK$366,ROUNDDOWN($C7917/24,0)+1,1)*INDEX($D$3:$AA$30,INDEX(Jesper!$R$2:$R$366,ROW(INDEX(Jesper!AK$2:AK$366,ROUNDDOWN($C7917/24,0)+1,1))-1)+IF('Standard Profiles'!$G$21=$B$10,7,0)+IF('Standard Profiles'!$G$21=$B$17,14,0)+IF('Standard Profiles'!$G$21=$B$24,21,0),MOD($C7917,24)+1)/SUM(INDEX($D$3:$AA$30,INDEX(Jesper!$R$2:$R$366,ROW(INDEX(Jesper!AK$2:AK$366,ROUNDDOWN($C7917/24,0)+1,1))-1)+IF('Standard Profiles'!$G$21=$B$10,7,0)+IF('Standard Profiles'!$G$21=$B$17,14,0)+IF('Standard Profiles'!$G$21=$B$24,21,0),0)),0)</f>
        <v>0</v>
      </c>
      <c r="H7917" cm="1">
        <f t="array" ref="H7917">IFERROR(INDEX(Jesper!AL$2:AL$366,ROUNDDOWN($C7917/24,0)+1,1)*INDEX($D$3:$AA$30,INDEX(Jesper!$R$2:$R$366,ROW(INDEX(Jesper!AL$2:AL$366,ROUNDDOWN($C7917/24,0)+1,1))-1)+IF('Standard Profiles'!$G$22=$B$10,7,0)+IF('Standard Profiles'!$G$22=$B$17,14,0)+IF('Standard Profiles'!$G$22=$B$24,21,0),MOD($C7917,24)+1)/SUM(INDEX($D$3:$AA$30,INDEX(Jesper!$R$2:$R$366,ROW(INDEX(Jesper!AL$2:AL$366,ROUNDDOWN($C7917/24,0)+1,1))-1)+IF('Standard Profiles'!$G$22=$B$10,7,0)+IF('Standard Profiles'!$G$22=$B$17,14,0)+IF('Standard Profiles'!$G$22=$B$24,21,0),0)),0)</f>
        <v>0</v>
      </c>
      <c r="I7917">
        <f t="shared" si="881"/>
        <v>0.32152932972764603</v>
      </c>
      <c r="J7917">
        <f t="shared" si="882"/>
        <v>1.0717644324254869</v>
      </c>
      <c r="K7917">
        <f t="shared" si="883"/>
        <v>1.6076466486382301</v>
      </c>
      <c r="L7917">
        <f t="shared" si="884"/>
        <v>15.596524360654255</v>
      </c>
      <c r="M7917">
        <f t="shared" si="885"/>
        <v>0</v>
      </c>
      <c r="N7917" s="46">
        <f t="shared" si="886"/>
        <v>45620.458333314215</v>
      </c>
    </row>
    <row r="7918" spans="2:14" x14ac:dyDescent="0.3">
      <c r="B7918">
        <f t="shared" si="880"/>
        <v>7</v>
      </c>
      <c r="C7918" s="16">
        <v>7884</v>
      </c>
      <c r="D7918" cm="1">
        <f t="array" ref="D7918">IFERROR(INDEX(Jesper!AH$2:AH$366,ROUNDDOWN($C7918/24,0)+1,1)*INDEX($D$3:$AA$30,INDEX(Jesper!$R$2:$R$366,ROW(INDEX(Jesper!AH$2:AH$366,ROUNDDOWN($C7918/24,0)+1,1))-1)+IF('Standard Profiles'!$G$18=$B$10,7,0)+IF('Standard Profiles'!$G$18=$B$17,14,0)+IF('Standard Profiles'!$G$18=$B$24,21,0),MOD($C7918,24)+1)/SUM(INDEX($D$3:$AA$30,INDEX(Jesper!$R$2:$R$366,ROW(INDEX(Jesper!AH$2:AH$366,ROUNDDOWN($C7918/24,0)+1,1))-1)+IF('Standard Profiles'!$G$18=$B$10,7,0)+IF('Standard Profiles'!$G$18=$B$17,14,0)+IF('Standard Profiles'!$G$18=$B$24,21,0),0)),0)</f>
        <v>15.028489211468749</v>
      </c>
      <c r="E7918" cm="1">
        <f t="array" ref="E7918">IFERROR(INDEX(Jesper!AI$2:AI$366,ROUNDDOWN($C7918/24,0)+1,1)*INDEX($D$3:$AA$30,INDEX(Jesper!$R$2:$R$366,ROW(INDEX(Jesper!AI$2:AI$366,ROUNDDOWN($C7918/24,0)+1,1))-1)+IF('Standard Profiles'!$G$19=$B$10,7,0)+IF('Standard Profiles'!$G$19=$B$17,14,0)+IF('Standard Profiles'!$G$19=$B$24,21,0),MOD($C7918,24)+1)/SUM(INDEX($D$3:$AA$30,INDEX(Jesper!$R$2:$R$366,ROW(INDEX(Jesper!AI$2:AI$366,ROUNDDOWN($C7918/24,0)+1,1))-1)+IF('Standard Profiles'!$G$19=$B$10,7,0)+IF('Standard Profiles'!$G$19=$B$17,14,0)+IF('Standard Profiles'!$G$19=$B$24,21,0),0)),0)</f>
        <v>3.5689755599768698</v>
      </c>
      <c r="F7918" cm="1">
        <f t="array" ref="F7918">IFERROR(INDEX(Jesper!AJ$2:AJ$366,ROUNDDOWN($C7918/24,0)+1,1)*INDEX($D$3:$AA$30,INDEX(Jesper!$R$2:$R$366,ROW(INDEX(Jesper!AJ$2:AJ$366,ROUNDDOWN($C7918/24,0)+1,1))-1)+IF('Standard Profiles'!$G$20=$B$10,7,0)+IF('Standard Profiles'!$G$20=$B$17,14,0)+IF('Standard Profiles'!$G$20=$B$24,21,0),MOD($C7918,24)+1)/SUM(INDEX($D$3:$AA$30,INDEX(Jesper!$R$2:$R$366,ROW(INDEX(Jesper!AJ$2:AJ$366,ROUNDDOWN($C7918/24,0)+1,1))-1)+IF('Standard Profiles'!$G$20=$B$10,7,0)+IF('Standard Profiles'!$G$20=$B$17,14,0)+IF('Standard Profiles'!$G$20=$B$24,21,0),0)),0)</f>
        <v>0</v>
      </c>
      <c r="G7918" cm="1">
        <f t="array" ref="G7918">IFERROR(INDEX(Jesper!AK$2:AK$366,ROUNDDOWN($C7918/24,0)+1,1)*INDEX($D$3:$AA$30,INDEX(Jesper!$R$2:$R$366,ROW(INDEX(Jesper!AK$2:AK$366,ROUNDDOWN($C7918/24,0)+1,1))-1)+IF('Standard Profiles'!$G$21=$B$10,7,0)+IF('Standard Profiles'!$G$21=$B$17,14,0)+IF('Standard Profiles'!$G$21=$B$24,21,0),MOD($C7918,24)+1)/SUM(INDEX($D$3:$AA$30,INDEX(Jesper!$R$2:$R$366,ROW(INDEX(Jesper!AK$2:AK$366,ROUNDDOWN($C7918/24,0)+1,1))-1)+IF('Standard Profiles'!$G$21=$B$10,7,0)+IF('Standard Profiles'!$G$21=$B$17,14,0)+IF('Standard Profiles'!$G$21=$B$24,21,0),0)),0)</f>
        <v>0</v>
      </c>
      <c r="H7918" cm="1">
        <f t="array" ref="H7918">IFERROR(INDEX(Jesper!AL$2:AL$366,ROUNDDOWN($C7918/24,0)+1,1)*INDEX($D$3:$AA$30,INDEX(Jesper!$R$2:$R$366,ROW(INDEX(Jesper!AL$2:AL$366,ROUNDDOWN($C7918/24,0)+1,1))-1)+IF('Standard Profiles'!$G$22=$B$10,7,0)+IF('Standard Profiles'!$G$22=$B$17,14,0)+IF('Standard Profiles'!$G$22=$B$24,21,0),MOD($C7918,24)+1)/SUM(INDEX($D$3:$AA$30,INDEX(Jesper!$R$2:$R$366,ROW(INDEX(Jesper!AL$2:AL$366,ROUNDDOWN($C7918/24,0)+1,1))-1)+IF('Standard Profiles'!$G$22=$B$10,7,0)+IF('Standard Profiles'!$G$22=$B$17,14,0)+IF('Standard Profiles'!$G$22=$B$24,21,0),0)),0)</f>
        <v>0</v>
      </c>
      <c r="I7918">
        <f t="shared" si="881"/>
        <v>0.32152932972764603</v>
      </c>
      <c r="J7918">
        <f t="shared" si="882"/>
        <v>1.0717644324254869</v>
      </c>
      <c r="K7918">
        <f t="shared" si="883"/>
        <v>1.6076466486382301</v>
      </c>
      <c r="L7918">
        <f t="shared" si="884"/>
        <v>15.596524360654255</v>
      </c>
      <c r="M7918">
        <f t="shared" si="885"/>
        <v>0</v>
      </c>
      <c r="N7918" s="46">
        <f t="shared" si="886"/>
        <v>45620.499999980879</v>
      </c>
    </row>
    <row r="7919" spans="2:14" x14ac:dyDescent="0.3">
      <c r="B7919">
        <f t="shared" si="880"/>
        <v>7</v>
      </c>
      <c r="C7919" s="16">
        <v>7885</v>
      </c>
      <c r="D7919" cm="1">
        <f t="array" ref="D7919">IFERROR(INDEX(Jesper!AH$2:AH$366,ROUNDDOWN($C7919/24,0)+1,1)*INDEX($D$3:$AA$30,INDEX(Jesper!$R$2:$R$366,ROW(INDEX(Jesper!AH$2:AH$366,ROUNDDOWN($C7919/24,0)+1,1))-1)+IF('Standard Profiles'!$G$18=$B$10,7,0)+IF('Standard Profiles'!$G$18=$B$17,14,0)+IF('Standard Profiles'!$G$18=$B$24,21,0),MOD($C7919,24)+1)/SUM(INDEX($D$3:$AA$30,INDEX(Jesper!$R$2:$R$366,ROW(INDEX(Jesper!AH$2:AH$366,ROUNDDOWN($C7919/24,0)+1,1))-1)+IF('Standard Profiles'!$G$18=$B$10,7,0)+IF('Standard Profiles'!$G$18=$B$17,14,0)+IF('Standard Profiles'!$G$18=$B$24,21,0),0)),0)</f>
        <v>15.028489211468749</v>
      </c>
      <c r="E7919" cm="1">
        <f t="array" ref="E7919">IFERROR(INDEX(Jesper!AI$2:AI$366,ROUNDDOWN($C7919/24,0)+1,1)*INDEX($D$3:$AA$30,INDEX(Jesper!$R$2:$R$366,ROW(INDEX(Jesper!AI$2:AI$366,ROUNDDOWN($C7919/24,0)+1,1))-1)+IF('Standard Profiles'!$G$19=$B$10,7,0)+IF('Standard Profiles'!$G$19=$B$17,14,0)+IF('Standard Profiles'!$G$19=$B$24,21,0),MOD($C7919,24)+1)/SUM(INDEX($D$3:$AA$30,INDEX(Jesper!$R$2:$R$366,ROW(INDEX(Jesper!AI$2:AI$366,ROUNDDOWN($C7919/24,0)+1,1))-1)+IF('Standard Profiles'!$G$19=$B$10,7,0)+IF('Standard Profiles'!$G$19=$B$17,14,0)+IF('Standard Profiles'!$G$19=$B$24,21,0),0)),0)</f>
        <v>3.5689755599768698</v>
      </c>
      <c r="F7919" cm="1">
        <f t="array" ref="F7919">IFERROR(INDEX(Jesper!AJ$2:AJ$366,ROUNDDOWN($C7919/24,0)+1,1)*INDEX($D$3:$AA$30,INDEX(Jesper!$R$2:$R$366,ROW(INDEX(Jesper!AJ$2:AJ$366,ROUNDDOWN($C7919/24,0)+1,1))-1)+IF('Standard Profiles'!$G$20=$B$10,7,0)+IF('Standard Profiles'!$G$20=$B$17,14,0)+IF('Standard Profiles'!$G$20=$B$24,21,0),MOD($C7919,24)+1)/SUM(INDEX($D$3:$AA$30,INDEX(Jesper!$R$2:$R$366,ROW(INDEX(Jesper!AJ$2:AJ$366,ROUNDDOWN($C7919/24,0)+1,1))-1)+IF('Standard Profiles'!$G$20=$B$10,7,0)+IF('Standard Profiles'!$G$20=$B$17,14,0)+IF('Standard Profiles'!$G$20=$B$24,21,0),0)),0)</f>
        <v>0</v>
      </c>
      <c r="G7919" cm="1">
        <f t="array" ref="G7919">IFERROR(INDEX(Jesper!AK$2:AK$366,ROUNDDOWN($C7919/24,0)+1,1)*INDEX($D$3:$AA$30,INDEX(Jesper!$R$2:$R$366,ROW(INDEX(Jesper!AK$2:AK$366,ROUNDDOWN($C7919/24,0)+1,1))-1)+IF('Standard Profiles'!$G$21=$B$10,7,0)+IF('Standard Profiles'!$G$21=$B$17,14,0)+IF('Standard Profiles'!$G$21=$B$24,21,0),MOD($C7919,24)+1)/SUM(INDEX($D$3:$AA$30,INDEX(Jesper!$R$2:$R$366,ROW(INDEX(Jesper!AK$2:AK$366,ROUNDDOWN($C7919/24,0)+1,1))-1)+IF('Standard Profiles'!$G$21=$B$10,7,0)+IF('Standard Profiles'!$G$21=$B$17,14,0)+IF('Standard Profiles'!$G$21=$B$24,21,0),0)),0)</f>
        <v>0</v>
      </c>
      <c r="H7919" cm="1">
        <f t="array" ref="H7919">IFERROR(INDEX(Jesper!AL$2:AL$366,ROUNDDOWN($C7919/24,0)+1,1)*INDEX($D$3:$AA$30,INDEX(Jesper!$R$2:$R$366,ROW(INDEX(Jesper!AL$2:AL$366,ROUNDDOWN($C7919/24,0)+1,1))-1)+IF('Standard Profiles'!$G$22=$B$10,7,0)+IF('Standard Profiles'!$G$22=$B$17,14,0)+IF('Standard Profiles'!$G$22=$B$24,21,0),MOD($C7919,24)+1)/SUM(INDEX($D$3:$AA$30,INDEX(Jesper!$R$2:$R$366,ROW(INDEX(Jesper!AL$2:AL$366,ROUNDDOWN($C7919/24,0)+1,1))-1)+IF('Standard Profiles'!$G$22=$B$10,7,0)+IF('Standard Profiles'!$G$22=$B$17,14,0)+IF('Standard Profiles'!$G$22=$B$24,21,0),0)),0)</f>
        <v>0</v>
      </c>
      <c r="I7919">
        <f t="shared" si="881"/>
        <v>0.32152932972764603</v>
      </c>
      <c r="J7919">
        <f t="shared" si="882"/>
        <v>1.0717644324254869</v>
      </c>
      <c r="K7919">
        <f t="shared" si="883"/>
        <v>1.6076466486382301</v>
      </c>
      <c r="L7919">
        <f t="shared" si="884"/>
        <v>15.596524360654255</v>
      </c>
      <c r="M7919">
        <f t="shared" si="885"/>
        <v>0</v>
      </c>
      <c r="N7919" s="46">
        <f t="shared" si="886"/>
        <v>45620.541666647543</v>
      </c>
    </row>
    <row r="7920" spans="2:14" x14ac:dyDescent="0.3">
      <c r="B7920">
        <f t="shared" si="880"/>
        <v>7</v>
      </c>
      <c r="C7920" s="16">
        <v>7886</v>
      </c>
      <c r="D7920" cm="1">
        <f t="array" ref="D7920">IFERROR(INDEX(Jesper!AH$2:AH$366,ROUNDDOWN($C7920/24,0)+1,1)*INDEX($D$3:$AA$30,INDEX(Jesper!$R$2:$R$366,ROW(INDEX(Jesper!AH$2:AH$366,ROUNDDOWN($C7920/24,0)+1,1))-1)+IF('Standard Profiles'!$G$18=$B$10,7,0)+IF('Standard Profiles'!$G$18=$B$17,14,0)+IF('Standard Profiles'!$G$18=$B$24,21,0),MOD($C7920,24)+1)/SUM(INDEX($D$3:$AA$30,INDEX(Jesper!$R$2:$R$366,ROW(INDEX(Jesper!AH$2:AH$366,ROUNDDOWN($C7920/24,0)+1,1))-1)+IF('Standard Profiles'!$G$18=$B$10,7,0)+IF('Standard Profiles'!$G$18=$B$17,14,0)+IF('Standard Profiles'!$G$18=$B$24,21,0),0)),0)</f>
        <v>15.028489211468749</v>
      </c>
      <c r="E7920" cm="1">
        <f t="array" ref="E7920">IFERROR(INDEX(Jesper!AI$2:AI$366,ROUNDDOWN($C7920/24,0)+1,1)*INDEX($D$3:$AA$30,INDEX(Jesper!$R$2:$R$366,ROW(INDEX(Jesper!AI$2:AI$366,ROUNDDOWN($C7920/24,0)+1,1))-1)+IF('Standard Profiles'!$G$19=$B$10,7,0)+IF('Standard Profiles'!$G$19=$B$17,14,0)+IF('Standard Profiles'!$G$19=$B$24,21,0),MOD($C7920,24)+1)/SUM(INDEX($D$3:$AA$30,INDEX(Jesper!$R$2:$R$366,ROW(INDEX(Jesper!AI$2:AI$366,ROUNDDOWN($C7920/24,0)+1,1))-1)+IF('Standard Profiles'!$G$19=$B$10,7,0)+IF('Standard Profiles'!$G$19=$B$17,14,0)+IF('Standard Profiles'!$G$19=$B$24,21,0),0)),0)</f>
        <v>3.5689755599768698</v>
      </c>
      <c r="F7920" cm="1">
        <f t="array" ref="F7920">IFERROR(INDEX(Jesper!AJ$2:AJ$366,ROUNDDOWN($C7920/24,0)+1,1)*INDEX($D$3:$AA$30,INDEX(Jesper!$R$2:$R$366,ROW(INDEX(Jesper!AJ$2:AJ$366,ROUNDDOWN($C7920/24,0)+1,1))-1)+IF('Standard Profiles'!$G$20=$B$10,7,0)+IF('Standard Profiles'!$G$20=$B$17,14,0)+IF('Standard Profiles'!$G$20=$B$24,21,0),MOD($C7920,24)+1)/SUM(INDEX($D$3:$AA$30,INDEX(Jesper!$R$2:$R$366,ROW(INDEX(Jesper!AJ$2:AJ$366,ROUNDDOWN($C7920/24,0)+1,1))-1)+IF('Standard Profiles'!$G$20=$B$10,7,0)+IF('Standard Profiles'!$G$20=$B$17,14,0)+IF('Standard Profiles'!$G$20=$B$24,21,0),0)),0)</f>
        <v>0</v>
      </c>
      <c r="G7920" cm="1">
        <f t="array" ref="G7920">IFERROR(INDEX(Jesper!AK$2:AK$366,ROUNDDOWN($C7920/24,0)+1,1)*INDEX($D$3:$AA$30,INDEX(Jesper!$R$2:$R$366,ROW(INDEX(Jesper!AK$2:AK$366,ROUNDDOWN($C7920/24,0)+1,1))-1)+IF('Standard Profiles'!$G$21=$B$10,7,0)+IF('Standard Profiles'!$G$21=$B$17,14,0)+IF('Standard Profiles'!$G$21=$B$24,21,0),MOD($C7920,24)+1)/SUM(INDEX($D$3:$AA$30,INDEX(Jesper!$R$2:$R$366,ROW(INDEX(Jesper!AK$2:AK$366,ROUNDDOWN($C7920/24,0)+1,1))-1)+IF('Standard Profiles'!$G$21=$B$10,7,0)+IF('Standard Profiles'!$G$21=$B$17,14,0)+IF('Standard Profiles'!$G$21=$B$24,21,0),0)),0)</f>
        <v>0</v>
      </c>
      <c r="H7920" cm="1">
        <f t="array" ref="H7920">IFERROR(INDEX(Jesper!AL$2:AL$366,ROUNDDOWN($C7920/24,0)+1,1)*INDEX($D$3:$AA$30,INDEX(Jesper!$R$2:$R$366,ROW(INDEX(Jesper!AL$2:AL$366,ROUNDDOWN($C7920/24,0)+1,1))-1)+IF('Standard Profiles'!$G$22=$B$10,7,0)+IF('Standard Profiles'!$G$22=$B$17,14,0)+IF('Standard Profiles'!$G$22=$B$24,21,0),MOD($C7920,24)+1)/SUM(INDEX($D$3:$AA$30,INDEX(Jesper!$R$2:$R$366,ROW(INDEX(Jesper!AL$2:AL$366,ROUNDDOWN($C7920/24,0)+1,1))-1)+IF('Standard Profiles'!$G$22=$B$10,7,0)+IF('Standard Profiles'!$G$22=$B$17,14,0)+IF('Standard Profiles'!$G$22=$B$24,21,0),0)),0)</f>
        <v>0</v>
      </c>
      <c r="I7920">
        <f t="shared" si="881"/>
        <v>0.32152932972764603</v>
      </c>
      <c r="J7920">
        <f t="shared" si="882"/>
        <v>1.0717644324254869</v>
      </c>
      <c r="K7920">
        <f t="shared" si="883"/>
        <v>1.6076466486382301</v>
      </c>
      <c r="L7920">
        <f t="shared" si="884"/>
        <v>15.596524360654255</v>
      </c>
      <c r="M7920">
        <f t="shared" si="885"/>
        <v>0</v>
      </c>
      <c r="N7920" s="46">
        <f t="shared" si="886"/>
        <v>45620.583333314207</v>
      </c>
    </row>
    <row r="7921" spans="2:14" x14ac:dyDescent="0.3">
      <c r="B7921">
        <f t="shared" si="880"/>
        <v>7</v>
      </c>
      <c r="C7921" s="16">
        <v>7887</v>
      </c>
      <c r="D7921" cm="1">
        <f t="array" ref="D7921">IFERROR(INDEX(Jesper!AH$2:AH$366,ROUNDDOWN($C7921/24,0)+1,1)*INDEX($D$3:$AA$30,INDEX(Jesper!$R$2:$R$366,ROW(INDEX(Jesper!AH$2:AH$366,ROUNDDOWN($C7921/24,0)+1,1))-1)+IF('Standard Profiles'!$G$18=$B$10,7,0)+IF('Standard Profiles'!$G$18=$B$17,14,0)+IF('Standard Profiles'!$G$18=$B$24,21,0),MOD($C7921,24)+1)/SUM(INDEX($D$3:$AA$30,INDEX(Jesper!$R$2:$R$366,ROW(INDEX(Jesper!AH$2:AH$366,ROUNDDOWN($C7921/24,0)+1,1))-1)+IF('Standard Profiles'!$G$18=$B$10,7,0)+IF('Standard Profiles'!$G$18=$B$17,14,0)+IF('Standard Profiles'!$G$18=$B$24,21,0),0)),0)</f>
        <v>13.358657076861109</v>
      </c>
      <c r="E7921" cm="1">
        <f t="array" ref="E7921">IFERROR(INDEX(Jesper!AI$2:AI$366,ROUNDDOWN($C7921/24,0)+1,1)*INDEX($D$3:$AA$30,INDEX(Jesper!$R$2:$R$366,ROW(INDEX(Jesper!AI$2:AI$366,ROUNDDOWN($C7921/24,0)+1,1))-1)+IF('Standard Profiles'!$G$19=$B$10,7,0)+IF('Standard Profiles'!$G$19=$B$17,14,0)+IF('Standard Profiles'!$G$19=$B$24,21,0),MOD($C7921,24)+1)/SUM(INDEX($D$3:$AA$30,INDEX(Jesper!$R$2:$R$366,ROW(INDEX(Jesper!AI$2:AI$366,ROUNDDOWN($C7921/24,0)+1,1))-1)+IF('Standard Profiles'!$G$19=$B$10,7,0)+IF('Standard Profiles'!$G$19=$B$17,14,0)+IF('Standard Profiles'!$G$19=$B$24,21,0),0)),0)</f>
        <v>3.1724227199794397</v>
      </c>
      <c r="F7921" cm="1">
        <f t="array" ref="F7921">IFERROR(INDEX(Jesper!AJ$2:AJ$366,ROUNDDOWN($C7921/24,0)+1,1)*INDEX($D$3:$AA$30,INDEX(Jesper!$R$2:$R$366,ROW(INDEX(Jesper!AJ$2:AJ$366,ROUNDDOWN($C7921/24,0)+1,1))-1)+IF('Standard Profiles'!$G$20=$B$10,7,0)+IF('Standard Profiles'!$G$20=$B$17,14,0)+IF('Standard Profiles'!$G$20=$B$24,21,0),MOD($C7921,24)+1)/SUM(INDEX($D$3:$AA$30,INDEX(Jesper!$R$2:$R$366,ROW(INDEX(Jesper!AJ$2:AJ$366,ROUNDDOWN($C7921/24,0)+1,1))-1)+IF('Standard Profiles'!$G$20=$B$10,7,0)+IF('Standard Profiles'!$G$20=$B$17,14,0)+IF('Standard Profiles'!$G$20=$B$24,21,0),0)),0)</f>
        <v>0</v>
      </c>
      <c r="G7921" cm="1">
        <f t="array" ref="G7921">IFERROR(INDEX(Jesper!AK$2:AK$366,ROUNDDOWN($C7921/24,0)+1,1)*INDEX($D$3:$AA$30,INDEX(Jesper!$R$2:$R$366,ROW(INDEX(Jesper!AK$2:AK$366,ROUNDDOWN($C7921/24,0)+1,1))-1)+IF('Standard Profiles'!$G$21=$B$10,7,0)+IF('Standard Profiles'!$G$21=$B$17,14,0)+IF('Standard Profiles'!$G$21=$B$24,21,0),MOD($C7921,24)+1)/SUM(INDEX($D$3:$AA$30,INDEX(Jesper!$R$2:$R$366,ROW(INDEX(Jesper!AK$2:AK$366,ROUNDDOWN($C7921/24,0)+1,1))-1)+IF('Standard Profiles'!$G$21=$B$10,7,0)+IF('Standard Profiles'!$G$21=$B$17,14,0)+IF('Standard Profiles'!$G$21=$B$24,21,0),0)),0)</f>
        <v>0</v>
      </c>
      <c r="H7921" cm="1">
        <f t="array" ref="H7921">IFERROR(INDEX(Jesper!AL$2:AL$366,ROUNDDOWN($C7921/24,0)+1,1)*INDEX($D$3:$AA$30,INDEX(Jesper!$R$2:$R$366,ROW(INDEX(Jesper!AL$2:AL$366,ROUNDDOWN($C7921/24,0)+1,1))-1)+IF('Standard Profiles'!$G$22=$B$10,7,0)+IF('Standard Profiles'!$G$22=$B$17,14,0)+IF('Standard Profiles'!$G$22=$B$24,21,0),MOD($C7921,24)+1)/SUM(INDEX($D$3:$AA$30,INDEX(Jesper!$R$2:$R$366,ROW(INDEX(Jesper!AL$2:AL$366,ROUNDDOWN($C7921/24,0)+1,1))-1)+IF('Standard Profiles'!$G$22=$B$10,7,0)+IF('Standard Profiles'!$G$22=$B$17,14,0)+IF('Standard Profiles'!$G$22=$B$24,21,0),0)),0)</f>
        <v>0</v>
      </c>
      <c r="I7921">
        <f t="shared" si="881"/>
        <v>0.28580384864679642</v>
      </c>
      <c r="J7921">
        <f t="shared" si="882"/>
        <v>0.95267949548932163</v>
      </c>
      <c r="K7921">
        <f t="shared" si="883"/>
        <v>1.4290192432339823</v>
      </c>
      <c r="L7921">
        <f t="shared" si="884"/>
        <v>13.863577209470447</v>
      </c>
      <c r="M7921">
        <f t="shared" si="885"/>
        <v>0</v>
      </c>
      <c r="N7921" s="46">
        <f t="shared" si="886"/>
        <v>45620.624999980872</v>
      </c>
    </row>
    <row r="7922" spans="2:14" x14ac:dyDescent="0.3">
      <c r="B7922">
        <f t="shared" si="880"/>
        <v>7</v>
      </c>
      <c r="C7922" s="16">
        <v>7888</v>
      </c>
      <c r="D7922" cm="1">
        <f t="array" ref="D7922">IFERROR(INDEX(Jesper!AH$2:AH$366,ROUNDDOWN($C7922/24,0)+1,1)*INDEX($D$3:$AA$30,INDEX(Jesper!$R$2:$R$366,ROW(INDEX(Jesper!AH$2:AH$366,ROUNDDOWN($C7922/24,0)+1,1))-1)+IF('Standard Profiles'!$G$18=$B$10,7,0)+IF('Standard Profiles'!$G$18=$B$17,14,0)+IF('Standard Profiles'!$G$18=$B$24,21,0),MOD($C7922,24)+1)/SUM(INDEX($D$3:$AA$30,INDEX(Jesper!$R$2:$R$366,ROW(INDEX(Jesper!AH$2:AH$366,ROUNDDOWN($C7922/24,0)+1,1))-1)+IF('Standard Profiles'!$G$18=$B$10,7,0)+IF('Standard Profiles'!$G$18=$B$17,14,0)+IF('Standard Profiles'!$G$18=$B$24,21,0),0)),0)</f>
        <v>13.120109629060018</v>
      </c>
      <c r="E7922" cm="1">
        <f t="array" ref="E7922">IFERROR(INDEX(Jesper!AI$2:AI$366,ROUNDDOWN($C7922/24,0)+1,1)*INDEX($D$3:$AA$30,INDEX(Jesper!$R$2:$R$366,ROW(INDEX(Jesper!AI$2:AI$366,ROUNDDOWN($C7922/24,0)+1,1))-1)+IF('Standard Profiles'!$G$19=$B$10,7,0)+IF('Standard Profiles'!$G$19=$B$17,14,0)+IF('Standard Profiles'!$G$19=$B$24,21,0),MOD($C7922,24)+1)/SUM(INDEX($D$3:$AA$30,INDEX(Jesper!$R$2:$R$366,ROW(INDEX(Jesper!AI$2:AI$366,ROUNDDOWN($C7922/24,0)+1,1))-1)+IF('Standard Profiles'!$G$19=$B$10,7,0)+IF('Standard Profiles'!$G$19=$B$17,14,0)+IF('Standard Profiles'!$G$19=$B$24,21,0),0)),0)</f>
        <v>3.1157723142655209</v>
      </c>
      <c r="F7922" cm="1">
        <f t="array" ref="F7922">IFERROR(INDEX(Jesper!AJ$2:AJ$366,ROUNDDOWN($C7922/24,0)+1,1)*INDEX($D$3:$AA$30,INDEX(Jesper!$R$2:$R$366,ROW(INDEX(Jesper!AJ$2:AJ$366,ROUNDDOWN($C7922/24,0)+1,1))-1)+IF('Standard Profiles'!$G$20=$B$10,7,0)+IF('Standard Profiles'!$G$20=$B$17,14,0)+IF('Standard Profiles'!$G$20=$B$24,21,0),MOD($C7922,24)+1)/SUM(INDEX($D$3:$AA$30,INDEX(Jesper!$R$2:$R$366,ROW(INDEX(Jesper!AJ$2:AJ$366,ROUNDDOWN($C7922/24,0)+1,1))-1)+IF('Standard Profiles'!$G$20=$B$10,7,0)+IF('Standard Profiles'!$G$20=$B$17,14,0)+IF('Standard Profiles'!$G$20=$B$24,21,0),0)),0)</f>
        <v>0</v>
      </c>
      <c r="G7922" cm="1">
        <f t="array" ref="G7922">IFERROR(INDEX(Jesper!AK$2:AK$366,ROUNDDOWN($C7922/24,0)+1,1)*INDEX($D$3:$AA$30,INDEX(Jesper!$R$2:$R$366,ROW(INDEX(Jesper!AK$2:AK$366,ROUNDDOWN($C7922/24,0)+1,1))-1)+IF('Standard Profiles'!$G$21=$B$10,7,0)+IF('Standard Profiles'!$G$21=$B$17,14,0)+IF('Standard Profiles'!$G$21=$B$24,21,0),MOD($C7922,24)+1)/SUM(INDEX($D$3:$AA$30,INDEX(Jesper!$R$2:$R$366,ROW(INDEX(Jesper!AK$2:AK$366,ROUNDDOWN($C7922/24,0)+1,1))-1)+IF('Standard Profiles'!$G$21=$B$10,7,0)+IF('Standard Profiles'!$G$21=$B$17,14,0)+IF('Standard Profiles'!$G$21=$B$24,21,0),0)),0)</f>
        <v>0</v>
      </c>
      <c r="H7922" cm="1">
        <f t="array" ref="H7922">IFERROR(INDEX(Jesper!AL$2:AL$366,ROUNDDOWN($C7922/24,0)+1,1)*INDEX($D$3:$AA$30,INDEX(Jesper!$R$2:$R$366,ROW(INDEX(Jesper!AL$2:AL$366,ROUNDDOWN($C7922/24,0)+1,1))-1)+IF('Standard Profiles'!$G$22=$B$10,7,0)+IF('Standard Profiles'!$G$22=$B$17,14,0)+IF('Standard Profiles'!$G$22=$B$24,21,0),MOD($C7922,24)+1)/SUM(INDEX($D$3:$AA$30,INDEX(Jesper!$R$2:$R$366,ROW(INDEX(Jesper!AL$2:AL$366,ROUNDDOWN($C7922/24,0)+1,1))-1)+IF('Standard Profiles'!$G$22=$B$10,7,0)+IF('Standard Profiles'!$G$22=$B$17,14,0)+IF('Standard Profiles'!$G$22=$B$24,21,0),0)),0)</f>
        <v>0</v>
      </c>
      <c r="I7922">
        <f t="shared" si="881"/>
        <v>0.28070020849238936</v>
      </c>
      <c r="J7922">
        <f t="shared" si="882"/>
        <v>0.93566736164129793</v>
      </c>
      <c r="K7922">
        <f t="shared" si="883"/>
        <v>1.403501042461947</v>
      </c>
      <c r="L7922">
        <f t="shared" si="884"/>
        <v>13.616013330729904</v>
      </c>
      <c r="M7922">
        <f t="shared" si="885"/>
        <v>0</v>
      </c>
      <c r="N7922" s="46">
        <f t="shared" si="886"/>
        <v>45620.666666647536</v>
      </c>
    </row>
    <row r="7923" spans="2:14" x14ac:dyDescent="0.3">
      <c r="B7923">
        <f t="shared" si="880"/>
        <v>7</v>
      </c>
      <c r="C7923" s="16">
        <v>7889</v>
      </c>
      <c r="D7923" cm="1">
        <f t="array" ref="D7923">IFERROR(INDEX(Jesper!AH$2:AH$366,ROUNDDOWN($C7923/24,0)+1,1)*INDEX($D$3:$AA$30,INDEX(Jesper!$R$2:$R$366,ROW(INDEX(Jesper!AH$2:AH$366,ROUNDDOWN($C7923/24,0)+1,1))-1)+IF('Standard Profiles'!$G$18=$B$10,7,0)+IF('Standard Profiles'!$G$18=$B$17,14,0)+IF('Standard Profiles'!$G$18=$B$24,21,0),MOD($C7923,24)+1)/SUM(INDEX($D$3:$AA$30,INDEX(Jesper!$R$2:$R$366,ROW(INDEX(Jesper!AH$2:AH$366,ROUNDDOWN($C7923/24,0)+1,1))-1)+IF('Standard Profiles'!$G$18=$B$10,7,0)+IF('Standard Profiles'!$G$18=$B$17,14,0)+IF('Standard Profiles'!$G$18=$B$24,21,0),0)),0)</f>
        <v>11.211730046651288</v>
      </c>
      <c r="E7923" cm="1">
        <f t="array" ref="E7923">IFERROR(INDEX(Jesper!AI$2:AI$366,ROUNDDOWN($C7923/24,0)+1,1)*INDEX($D$3:$AA$30,INDEX(Jesper!$R$2:$R$366,ROW(INDEX(Jesper!AI$2:AI$366,ROUNDDOWN($C7923/24,0)+1,1))-1)+IF('Standard Profiles'!$G$19=$B$10,7,0)+IF('Standard Profiles'!$G$19=$B$17,14,0)+IF('Standard Profiles'!$G$19=$B$24,21,0),MOD($C7923,24)+1)/SUM(INDEX($D$3:$AA$30,INDEX(Jesper!$R$2:$R$366,ROW(INDEX(Jesper!AI$2:AI$366,ROUNDDOWN($C7923/24,0)+1,1))-1)+IF('Standard Profiles'!$G$19=$B$10,7,0)+IF('Standard Profiles'!$G$19=$B$17,14,0)+IF('Standard Profiles'!$G$19=$B$24,21,0),0)),0)</f>
        <v>2.662569068554173</v>
      </c>
      <c r="F7923" cm="1">
        <f t="array" ref="F7923">IFERROR(INDEX(Jesper!AJ$2:AJ$366,ROUNDDOWN($C7923/24,0)+1,1)*INDEX($D$3:$AA$30,INDEX(Jesper!$R$2:$R$366,ROW(INDEX(Jesper!AJ$2:AJ$366,ROUNDDOWN($C7923/24,0)+1,1))-1)+IF('Standard Profiles'!$G$20=$B$10,7,0)+IF('Standard Profiles'!$G$20=$B$17,14,0)+IF('Standard Profiles'!$G$20=$B$24,21,0),MOD($C7923,24)+1)/SUM(INDEX($D$3:$AA$30,INDEX(Jesper!$R$2:$R$366,ROW(INDEX(Jesper!AJ$2:AJ$366,ROUNDDOWN($C7923/24,0)+1,1))-1)+IF('Standard Profiles'!$G$20=$B$10,7,0)+IF('Standard Profiles'!$G$20=$B$17,14,0)+IF('Standard Profiles'!$G$20=$B$24,21,0),0)),0)</f>
        <v>0</v>
      </c>
      <c r="G7923" cm="1">
        <f t="array" ref="G7923">IFERROR(INDEX(Jesper!AK$2:AK$366,ROUNDDOWN($C7923/24,0)+1,1)*INDEX($D$3:$AA$30,INDEX(Jesper!$R$2:$R$366,ROW(INDEX(Jesper!AK$2:AK$366,ROUNDDOWN($C7923/24,0)+1,1))-1)+IF('Standard Profiles'!$G$21=$B$10,7,0)+IF('Standard Profiles'!$G$21=$B$17,14,0)+IF('Standard Profiles'!$G$21=$B$24,21,0),MOD($C7923,24)+1)/SUM(INDEX($D$3:$AA$30,INDEX(Jesper!$R$2:$R$366,ROW(INDEX(Jesper!AK$2:AK$366,ROUNDDOWN($C7923/24,0)+1,1))-1)+IF('Standard Profiles'!$G$21=$B$10,7,0)+IF('Standard Profiles'!$G$21=$B$17,14,0)+IF('Standard Profiles'!$G$21=$B$24,21,0),0)),0)</f>
        <v>0</v>
      </c>
      <c r="H7923" cm="1">
        <f t="array" ref="H7923">IFERROR(INDEX(Jesper!AL$2:AL$366,ROUNDDOWN($C7923/24,0)+1,1)*INDEX($D$3:$AA$30,INDEX(Jesper!$R$2:$R$366,ROW(INDEX(Jesper!AL$2:AL$366,ROUNDDOWN($C7923/24,0)+1,1))-1)+IF('Standard Profiles'!$G$22=$B$10,7,0)+IF('Standard Profiles'!$G$22=$B$17,14,0)+IF('Standard Profiles'!$G$22=$B$24,21,0),MOD($C7923,24)+1)/SUM(INDEX($D$3:$AA$30,INDEX(Jesper!$R$2:$R$366,ROW(INDEX(Jesper!AL$2:AL$366,ROUNDDOWN($C7923/24,0)+1,1))-1)+IF('Standard Profiles'!$G$22=$B$10,7,0)+IF('Standard Profiles'!$G$22=$B$17,14,0)+IF('Standard Profiles'!$G$22=$B$24,21,0),0)),0)</f>
        <v>0</v>
      </c>
      <c r="I7923">
        <f t="shared" si="881"/>
        <v>0.23987108725713277</v>
      </c>
      <c r="J7923">
        <f t="shared" si="882"/>
        <v>0.79957029085710929</v>
      </c>
      <c r="K7923">
        <f t="shared" si="883"/>
        <v>1.199355436285664</v>
      </c>
      <c r="L7923">
        <f t="shared" si="884"/>
        <v>11.635502300805555</v>
      </c>
      <c r="M7923">
        <f t="shared" si="885"/>
        <v>0</v>
      </c>
      <c r="N7923" s="46">
        <f t="shared" si="886"/>
        <v>45620.7083333142</v>
      </c>
    </row>
    <row r="7924" spans="2:14" x14ac:dyDescent="0.3">
      <c r="B7924">
        <f t="shared" si="880"/>
        <v>7</v>
      </c>
      <c r="C7924" s="16">
        <v>7890</v>
      </c>
      <c r="D7924" cm="1">
        <f t="array" ref="D7924">IFERROR(INDEX(Jesper!AH$2:AH$366,ROUNDDOWN($C7924/24,0)+1,1)*INDEX($D$3:$AA$30,INDEX(Jesper!$R$2:$R$366,ROW(INDEX(Jesper!AH$2:AH$366,ROUNDDOWN($C7924/24,0)+1,1))-1)+IF('Standard Profiles'!$G$18=$B$10,7,0)+IF('Standard Profiles'!$G$18=$B$17,14,0)+IF('Standard Profiles'!$G$18=$B$24,21,0),MOD($C7924,24)+1)/SUM(INDEX($D$3:$AA$30,INDEX(Jesper!$R$2:$R$366,ROW(INDEX(Jesper!AH$2:AH$366,ROUNDDOWN($C7924/24,0)+1,1))-1)+IF('Standard Profiles'!$G$18=$B$10,7,0)+IF('Standard Profiles'!$G$18=$B$17,14,0)+IF('Standard Profiles'!$G$18=$B$24,21,0),0)),0)</f>
        <v>10.496087703248016</v>
      </c>
      <c r="E7924" cm="1">
        <f t="array" ref="E7924">IFERROR(INDEX(Jesper!AI$2:AI$366,ROUNDDOWN($C7924/24,0)+1,1)*INDEX($D$3:$AA$30,INDEX(Jesper!$R$2:$R$366,ROW(INDEX(Jesper!AI$2:AI$366,ROUNDDOWN($C7924/24,0)+1,1))-1)+IF('Standard Profiles'!$G$19=$B$10,7,0)+IF('Standard Profiles'!$G$19=$B$17,14,0)+IF('Standard Profiles'!$G$19=$B$24,21,0),MOD($C7924,24)+1)/SUM(INDEX($D$3:$AA$30,INDEX(Jesper!$R$2:$R$366,ROW(INDEX(Jesper!AI$2:AI$366,ROUNDDOWN($C7924/24,0)+1,1))-1)+IF('Standard Profiles'!$G$19=$B$10,7,0)+IF('Standard Profiles'!$G$19=$B$17,14,0)+IF('Standard Profiles'!$G$19=$B$24,21,0),0)),0)</f>
        <v>2.4926178514124171</v>
      </c>
      <c r="F7924" cm="1">
        <f t="array" ref="F7924">IFERROR(INDEX(Jesper!AJ$2:AJ$366,ROUNDDOWN($C7924/24,0)+1,1)*INDEX($D$3:$AA$30,INDEX(Jesper!$R$2:$R$366,ROW(INDEX(Jesper!AJ$2:AJ$366,ROUNDDOWN($C7924/24,0)+1,1))-1)+IF('Standard Profiles'!$G$20=$B$10,7,0)+IF('Standard Profiles'!$G$20=$B$17,14,0)+IF('Standard Profiles'!$G$20=$B$24,21,0),MOD($C7924,24)+1)/SUM(INDEX($D$3:$AA$30,INDEX(Jesper!$R$2:$R$366,ROW(INDEX(Jesper!AJ$2:AJ$366,ROUNDDOWN($C7924/24,0)+1,1))-1)+IF('Standard Profiles'!$G$20=$B$10,7,0)+IF('Standard Profiles'!$G$20=$B$17,14,0)+IF('Standard Profiles'!$G$20=$B$24,21,0),0)),0)</f>
        <v>0</v>
      </c>
      <c r="G7924" cm="1">
        <f t="array" ref="G7924">IFERROR(INDEX(Jesper!AK$2:AK$366,ROUNDDOWN($C7924/24,0)+1,1)*INDEX($D$3:$AA$30,INDEX(Jesper!$R$2:$R$366,ROW(INDEX(Jesper!AK$2:AK$366,ROUNDDOWN($C7924/24,0)+1,1))-1)+IF('Standard Profiles'!$G$21=$B$10,7,0)+IF('Standard Profiles'!$G$21=$B$17,14,0)+IF('Standard Profiles'!$G$21=$B$24,21,0),MOD($C7924,24)+1)/SUM(INDEX($D$3:$AA$30,INDEX(Jesper!$R$2:$R$366,ROW(INDEX(Jesper!AK$2:AK$366,ROUNDDOWN($C7924/24,0)+1,1))-1)+IF('Standard Profiles'!$G$21=$B$10,7,0)+IF('Standard Profiles'!$G$21=$B$17,14,0)+IF('Standard Profiles'!$G$21=$B$24,21,0),0)),0)</f>
        <v>0</v>
      </c>
      <c r="H7924" cm="1">
        <f t="array" ref="H7924">IFERROR(INDEX(Jesper!AL$2:AL$366,ROUNDDOWN($C7924/24,0)+1,1)*INDEX($D$3:$AA$30,INDEX(Jesper!$R$2:$R$366,ROW(INDEX(Jesper!AL$2:AL$366,ROUNDDOWN($C7924/24,0)+1,1))-1)+IF('Standard Profiles'!$G$22=$B$10,7,0)+IF('Standard Profiles'!$G$22=$B$17,14,0)+IF('Standard Profiles'!$G$22=$B$24,21,0),MOD($C7924,24)+1)/SUM(INDEX($D$3:$AA$30,INDEX(Jesper!$R$2:$R$366,ROW(INDEX(Jesper!AL$2:AL$366,ROUNDDOWN($C7924/24,0)+1,1))-1)+IF('Standard Profiles'!$G$22=$B$10,7,0)+IF('Standard Profiles'!$G$22=$B$17,14,0)+IF('Standard Profiles'!$G$22=$B$24,21,0),0)),0)</f>
        <v>0</v>
      </c>
      <c r="I7924">
        <f t="shared" si="881"/>
        <v>0.2245601667939115</v>
      </c>
      <c r="J7924">
        <f t="shared" si="882"/>
        <v>0.74853388931303844</v>
      </c>
      <c r="K7924">
        <f t="shared" si="883"/>
        <v>1.1228008339695577</v>
      </c>
      <c r="L7924">
        <f t="shared" si="884"/>
        <v>10.892810664583925</v>
      </c>
      <c r="M7924">
        <f t="shared" si="885"/>
        <v>0</v>
      </c>
      <c r="N7924" s="46">
        <f t="shared" si="886"/>
        <v>45620.749999980864</v>
      </c>
    </row>
    <row r="7925" spans="2:14" x14ac:dyDescent="0.3">
      <c r="B7925">
        <f t="shared" si="880"/>
        <v>7</v>
      </c>
      <c r="C7925" s="16">
        <v>7891</v>
      </c>
      <c r="D7925" cm="1">
        <f t="array" ref="D7925">IFERROR(INDEX(Jesper!AH$2:AH$366,ROUNDDOWN($C7925/24,0)+1,1)*INDEX($D$3:$AA$30,INDEX(Jesper!$R$2:$R$366,ROW(INDEX(Jesper!AH$2:AH$366,ROUNDDOWN($C7925/24,0)+1,1))-1)+IF('Standard Profiles'!$G$18=$B$10,7,0)+IF('Standard Profiles'!$G$18=$B$17,14,0)+IF('Standard Profiles'!$G$18=$B$24,21,0),MOD($C7925,24)+1)/SUM(INDEX($D$3:$AA$30,INDEX(Jesper!$R$2:$R$366,ROW(INDEX(Jesper!AH$2:AH$366,ROUNDDOWN($C7925/24,0)+1,1))-1)+IF('Standard Profiles'!$G$18=$B$10,7,0)+IF('Standard Profiles'!$G$18=$B$17,14,0)+IF('Standard Profiles'!$G$18=$B$24,21,0),0)),0)</f>
        <v>8.8262555686403772</v>
      </c>
      <c r="E7925" cm="1">
        <f t="array" ref="E7925">IFERROR(INDEX(Jesper!AI$2:AI$366,ROUNDDOWN($C7925/24,0)+1,1)*INDEX($D$3:$AA$30,INDEX(Jesper!$R$2:$R$366,ROW(INDEX(Jesper!AI$2:AI$366,ROUNDDOWN($C7925/24,0)+1,1))-1)+IF('Standard Profiles'!$G$19=$B$10,7,0)+IF('Standard Profiles'!$G$19=$B$17,14,0)+IF('Standard Profiles'!$G$19=$B$24,21,0),MOD($C7925,24)+1)/SUM(INDEX($D$3:$AA$30,INDEX(Jesper!$R$2:$R$366,ROW(INDEX(Jesper!AI$2:AI$366,ROUNDDOWN($C7925/24,0)+1,1))-1)+IF('Standard Profiles'!$G$19=$B$10,7,0)+IF('Standard Profiles'!$G$19=$B$17,14,0)+IF('Standard Profiles'!$G$19=$B$24,21,0),0)),0)</f>
        <v>2.096065011414987</v>
      </c>
      <c r="F7925" cm="1">
        <f t="array" ref="F7925">IFERROR(INDEX(Jesper!AJ$2:AJ$366,ROUNDDOWN($C7925/24,0)+1,1)*INDEX($D$3:$AA$30,INDEX(Jesper!$R$2:$R$366,ROW(INDEX(Jesper!AJ$2:AJ$366,ROUNDDOWN($C7925/24,0)+1,1))-1)+IF('Standard Profiles'!$G$20=$B$10,7,0)+IF('Standard Profiles'!$G$20=$B$17,14,0)+IF('Standard Profiles'!$G$20=$B$24,21,0),MOD($C7925,24)+1)/SUM(INDEX($D$3:$AA$30,INDEX(Jesper!$R$2:$R$366,ROW(INDEX(Jesper!AJ$2:AJ$366,ROUNDDOWN($C7925/24,0)+1,1))-1)+IF('Standard Profiles'!$G$20=$B$10,7,0)+IF('Standard Profiles'!$G$20=$B$17,14,0)+IF('Standard Profiles'!$G$20=$B$24,21,0),0)),0)</f>
        <v>0</v>
      </c>
      <c r="G7925" cm="1">
        <f t="array" ref="G7925">IFERROR(INDEX(Jesper!AK$2:AK$366,ROUNDDOWN($C7925/24,0)+1,1)*INDEX($D$3:$AA$30,INDEX(Jesper!$R$2:$R$366,ROW(INDEX(Jesper!AK$2:AK$366,ROUNDDOWN($C7925/24,0)+1,1))-1)+IF('Standard Profiles'!$G$21=$B$10,7,0)+IF('Standard Profiles'!$G$21=$B$17,14,0)+IF('Standard Profiles'!$G$21=$B$24,21,0),MOD($C7925,24)+1)/SUM(INDEX($D$3:$AA$30,INDEX(Jesper!$R$2:$R$366,ROW(INDEX(Jesper!AK$2:AK$366,ROUNDDOWN($C7925/24,0)+1,1))-1)+IF('Standard Profiles'!$G$21=$B$10,7,0)+IF('Standard Profiles'!$G$21=$B$17,14,0)+IF('Standard Profiles'!$G$21=$B$24,21,0),0)),0)</f>
        <v>0</v>
      </c>
      <c r="H7925" cm="1">
        <f t="array" ref="H7925">IFERROR(INDEX(Jesper!AL$2:AL$366,ROUNDDOWN($C7925/24,0)+1,1)*INDEX($D$3:$AA$30,INDEX(Jesper!$R$2:$R$366,ROW(INDEX(Jesper!AL$2:AL$366,ROUNDDOWN($C7925/24,0)+1,1))-1)+IF('Standard Profiles'!$G$22=$B$10,7,0)+IF('Standard Profiles'!$G$22=$B$17,14,0)+IF('Standard Profiles'!$G$22=$B$24,21,0),MOD($C7925,24)+1)/SUM(INDEX($D$3:$AA$30,INDEX(Jesper!$R$2:$R$366,ROW(INDEX(Jesper!AL$2:AL$366,ROUNDDOWN($C7925/24,0)+1,1))-1)+IF('Standard Profiles'!$G$22=$B$10,7,0)+IF('Standard Profiles'!$G$22=$B$17,14,0)+IF('Standard Profiles'!$G$22=$B$24,21,0),0)),0)</f>
        <v>0</v>
      </c>
      <c r="I7925">
        <f t="shared" si="881"/>
        <v>0.18883468571306194</v>
      </c>
      <c r="J7925">
        <f t="shared" si="882"/>
        <v>0.62944895237687326</v>
      </c>
      <c r="K7925">
        <f t="shared" si="883"/>
        <v>0.94417342856530984</v>
      </c>
      <c r="L7925">
        <f t="shared" si="884"/>
        <v>9.1598635134001185</v>
      </c>
      <c r="M7925">
        <f t="shared" si="885"/>
        <v>0</v>
      </c>
      <c r="N7925" s="46">
        <f t="shared" si="886"/>
        <v>45620.791666647528</v>
      </c>
    </row>
    <row r="7926" spans="2:14" x14ac:dyDescent="0.3">
      <c r="B7926">
        <f t="shared" si="880"/>
        <v>7</v>
      </c>
      <c r="C7926" s="16">
        <v>7892</v>
      </c>
      <c r="D7926" cm="1">
        <f t="array" ref="D7926">IFERROR(INDEX(Jesper!AH$2:AH$366,ROUNDDOWN($C7926/24,0)+1,1)*INDEX($D$3:$AA$30,INDEX(Jesper!$R$2:$R$366,ROW(INDEX(Jesper!AH$2:AH$366,ROUNDDOWN($C7926/24,0)+1,1))-1)+IF('Standard Profiles'!$G$18=$B$10,7,0)+IF('Standard Profiles'!$G$18=$B$17,14,0)+IF('Standard Profiles'!$G$18=$B$24,21,0),MOD($C7926,24)+1)/SUM(INDEX($D$3:$AA$30,INDEX(Jesper!$R$2:$R$366,ROW(INDEX(Jesper!AH$2:AH$366,ROUNDDOWN($C7926/24,0)+1,1))-1)+IF('Standard Profiles'!$G$18=$B$10,7,0)+IF('Standard Profiles'!$G$18=$B$17,14,0)+IF('Standard Profiles'!$G$18=$B$24,21,0),0)),0)</f>
        <v>7.394970881833828</v>
      </c>
      <c r="E7926" cm="1">
        <f t="array" ref="E7926">IFERROR(INDEX(Jesper!AI$2:AI$366,ROUNDDOWN($C7926/24,0)+1,1)*INDEX($D$3:$AA$30,INDEX(Jesper!$R$2:$R$366,ROW(INDEX(Jesper!AI$2:AI$366,ROUNDDOWN($C7926/24,0)+1,1))-1)+IF('Standard Profiles'!$G$19=$B$10,7,0)+IF('Standard Profiles'!$G$19=$B$17,14,0)+IF('Standard Profiles'!$G$19=$B$24,21,0),MOD($C7926,24)+1)/SUM(INDEX($D$3:$AA$30,INDEX(Jesper!$R$2:$R$366,ROW(INDEX(Jesper!AI$2:AI$366,ROUNDDOWN($C7926/24,0)+1,1))-1)+IF('Standard Profiles'!$G$19=$B$10,7,0)+IF('Standard Profiles'!$G$19=$B$17,14,0)+IF('Standard Profiles'!$G$19=$B$24,21,0),0)),0)</f>
        <v>1.7561625771314755</v>
      </c>
      <c r="F7926" cm="1">
        <f t="array" ref="F7926">IFERROR(INDEX(Jesper!AJ$2:AJ$366,ROUNDDOWN($C7926/24,0)+1,1)*INDEX($D$3:$AA$30,INDEX(Jesper!$R$2:$R$366,ROW(INDEX(Jesper!AJ$2:AJ$366,ROUNDDOWN($C7926/24,0)+1,1))-1)+IF('Standard Profiles'!$G$20=$B$10,7,0)+IF('Standard Profiles'!$G$20=$B$17,14,0)+IF('Standard Profiles'!$G$20=$B$24,21,0),MOD($C7926,24)+1)/SUM(INDEX($D$3:$AA$30,INDEX(Jesper!$R$2:$R$366,ROW(INDEX(Jesper!AJ$2:AJ$366,ROUNDDOWN($C7926/24,0)+1,1))-1)+IF('Standard Profiles'!$G$20=$B$10,7,0)+IF('Standard Profiles'!$G$20=$B$17,14,0)+IF('Standard Profiles'!$G$20=$B$24,21,0),0)),0)</f>
        <v>0</v>
      </c>
      <c r="G7926" cm="1">
        <f t="array" ref="G7926">IFERROR(INDEX(Jesper!AK$2:AK$366,ROUNDDOWN($C7926/24,0)+1,1)*INDEX($D$3:$AA$30,INDEX(Jesper!$R$2:$R$366,ROW(INDEX(Jesper!AK$2:AK$366,ROUNDDOWN($C7926/24,0)+1,1))-1)+IF('Standard Profiles'!$G$21=$B$10,7,0)+IF('Standard Profiles'!$G$21=$B$17,14,0)+IF('Standard Profiles'!$G$21=$B$24,21,0),MOD($C7926,24)+1)/SUM(INDEX($D$3:$AA$30,INDEX(Jesper!$R$2:$R$366,ROW(INDEX(Jesper!AK$2:AK$366,ROUNDDOWN($C7926/24,0)+1,1))-1)+IF('Standard Profiles'!$G$21=$B$10,7,0)+IF('Standard Profiles'!$G$21=$B$17,14,0)+IF('Standard Profiles'!$G$21=$B$24,21,0),0)),0)</f>
        <v>0</v>
      </c>
      <c r="H7926" cm="1">
        <f t="array" ref="H7926">IFERROR(INDEX(Jesper!AL$2:AL$366,ROUNDDOWN($C7926/24,0)+1,1)*INDEX($D$3:$AA$30,INDEX(Jesper!$R$2:$R$366,ROW(INDEX(Jesper!AL$2:AL$366,ROUNDDOWN($C7926/24,0)+1,1))-1)+IF('Standard Profiles'!$G$22=$B$10,7,0)+IF('Standard Profiles'!$G$22=$B$17,14,0)+IF('Standard Profiles'!$G$22=$B$24,21,0),MOD($C7926,24)+1)/SUM(INDEX($D$3:$AA$30,INDEX(Jesper!$R$2:$R$366,ROW(INDEX(Jesper!AL$2:AL$366,ROUNDDOWN($C7926/24,0)+1,1))-1)+IF('Standard Profiles'!$G$22=$B$10,7,0)+IF('Standard Profiles'!$G$22=$B$17,14,0)+IF('Standard Profiles'!$G$22=$B$24,21,0),0)),0)</f>
        <v>0</v>
      </c>
      <c r="I7926">
        <f t="shared" si="881"/>
        <v>0.15821284478661946</v>
      </c>
      <c r="J7926">
        <f t="shared" si="882"/>
        <v>0.52737614928873155</v>
      </c>
      <c r="K7926">
        <f t="shared" si="883"/>
        <v>0.79106422393309739</v>
      </c>
      <c r="L7926">
        <f t="shared" si="884"/>
        <v>7.6744802409568553</v>
      </c>
      <c r="M7926">
        <f t="shared" si="885"/>
        <v>0</v>
      </c>
      <c r="N7926" s="46">
        <f t="shared" si="886"/>
        <v>45620.833333314193</v>
      </c>
    </row>
    <row r="7927" spans="2:14" x14ac:dyDescent="0.3">
      <c r="B7927">
        <f t="shared" si="880"/>
        <v>7</v>
      </c>
      <c r="C7927" s="16">
        <v>7893</v>
      </c>
      <c r="D7927" cm="1">
        <f t="array" ref="D7927">IFERROR(INDEX(Jesper!AH$2:AH$366,ROUNDDOWN($C7927/24,0)+1,1)*INDEX($D$3:$AA$30,INDEX(Jesper!$R$2:$R$366,ROW(INDEX(Jesper!AH$2:AH$366,ROUNDDOWN($C7927/24,0)+1,1))-1)+IF('Standard Profiles'!$G$18=$B$10,7,0)+IF('Standard Profiles'!$G$18=$B$17,14,0)+IF('Standard Profiles'!$G$18=$B$24,21,0),MOD($C7927,24)+1)/SUM(INDEX($D$3:$AA$30,INDEX(Jesper!$R$2:$R$366,ROW(INDEX(Jesper!AH$2:AH$366,ROUNDDOWN($C7927/24,0)+1,1))-1)+IF('Standard Profiles'!$G$18=$B$10,7,0)+IF('Standard Profiles'!$G$18=$B$17,14,0)+IF('Standard Profiles'!$G$18=$B$24,21,0),0)),0)</f>
        <v>6.4407810906294634</v>
      </c>
      <c r="E7927" cm="1">
        <f t="array" ref="E7927">IFERROR(INDEX(Jesper!AI$2:AI$366,ROUNDDOWN($C7927/24,0)+1,1)*INDEX($D$3:$AA$30,INDEX(Jesper!$R$2:$R$366,ROW(INDEX(Jesper!AI$2:AI$366,ROUNDDOWN($C7927/24,0)+1,1))-1)+IF('Standard Profiles'!$G$19=$B$10,7,0)+IF('Standard Profiles'!$G$19=$B$17,14,0)+IF('Standard Profiles'!$G$19=$B$24,21,0),MOD($C7927,24)+1)/SUM(INDEX($D$3:$AA$30,INDEX(Jesper!$R$2:$R$366,ROW(INDEX(Jesper!AI$2:AI$366,ROUNDDOWN($C7927/24,0)+1,1))-1)+IF('Standard Profiles'!$G$19=$B$10,7,0)+IF('Standard Profiles'!$G$19=$B$17,14,0)+IF('Standard Profiles'!$G$19=$B$24,21,0),0)),0)</f>
        <v>1.5295609542758013</v>
      </c>
      <c r="F7927" cm="1">
        <f t="array" ref="F7927">IFERROR(INDEX(Jesper!AJ$2:AJ$366,ROUNDDOWN($C7927/24,0)+1,1)*INDEX($D$3:$AA$30,INDEX(Jesper!$R$2:$R$366,ROW(INDEX(Jesper!AJ$2:AJ$366,ROUNDDOWN($C7927/24,0)+1,1))-1)+IF('Standard Profiles'!$G$20=$B$10,7,0)+IF('Standard Profiles'!$G$20=$B$17,14,0)+IF('Standard Profiles'!$G$20=$B$24,21,0),MOD($C7927,24)+1)/SUM(INDEX($D$3:$AA$30,INDEX(Jesper!$R$2:$R$366,ROW(INDEX(Jesper!AJ$2:AJ$366,ROUNDDOWN($C7927/24,0)+1,1))-1)+IF('Standard Profiles'!$G$20=$B$10,7,0)+IF('Standard Profiles'!$G$20=$B$17,14,0)+IF('Standard Profiles'!$G$20=$B$24,21,0),0)),0)</f>
        <v>0</v>
      </c>
      <c r="G7927" cm="1">
        <f t="array" ref="G7927">IFERROR(INDEX(Jesper!AK$2:AK$366,ROUNDDOWN($C7927/24,0)+1,1)*INDEX($D$3:$AA$30,INDEX(Jesper!$R$2:$R$366,ROW(INDEX(Jesper!AK$2:AK$366,ROUNDDOWN($C7927/24,0)+1,1))-1)+IF('Standard Profiles'!$G$21=$B$10,7,0)+IF('Standard Profiles'!$G$21=$B$17,14,0)+IF('Standard Profiles'!$G$21=$B$24,21,0),MOD($C7927,24)+1)/SUM(INDEX($D$3:$AA$30,INDEX(Jesper!$R$2:$R$366,ROW(INDEX(Jesper!AK$2:AK$366,ROUNDDOWN($C7927/24,0)+1,1))-1)+IF('Standard Profiles'!$G$21=$B$10,7,0)+IF('Standard Profiles'!$G$21=$B$17,14,0)+IF('Standard Profiles'!$G$21=$B$24,21,0),0)),0)</f>
        <v>0</v>
      </c>
      <c r="H7927" cm="1">
        <f t="array" ref="H7927">IFERROR(INDEX(Jesper!AL$2:AL$366,ROUNDDOWN($C7927/24,0)+1,1)*INDEX($D$3:$AA$30,INDEX(Jesper!$R$2:$R$366,ROW(INDEX(Jesper!AL$2:AL$366,ROUNDDOWN($C7927/24,0)+1,1))-1)+IF('Standard Profiles'!$G$22=$B$10,7,0)+IF('Standard Profiles'!$G$22=$B$17,14,0)+IF('Standard Profiles'!$G$22=$B$24,21,0),MOD($C7927,24)+1)/SUM(INDEX($D$3:$AA$30,INDEX(Jesper!$R$2:$R$366,ROW(INDEX(Jesper!AL$2:AL$366,ROUNDDOWN($C7927/24,0)+1,1))-1)+IF('Standard Profiles'!$G$22=$B$10,7,0)+IF('Standard Profiles'!$G$22=$B$17,14,0)+IF('Standard Profiles'!$G$22=$B$24,21,0),0)),0)</f>
        <v>0</v>
      </c>
      <c r="I7927">
        <f t="shared" si="881"/>
        <v>0.13779828416899115</v>
      </c>
      <c r="J7927">
        <f t="shared" si="882"/>
        <v>0.45932761389663718</v>
      </c>
      <c r="K7927">
        <f t="shared" si="883"/>
        <v>0.68899142084495579</v>
      </c>
      <c r="L7927">
        <f t="shared" si="884"/>
        <v>6.6842247259946808</v>
      </c>
      <c r="M7927">
        <f t="shared" si="885"/>
        <v>0</v>
      </c>
      <c r="N7927" s="46">
        <f t="shared" si="886"/>
        <v>45620.874999980857</v>
      </c>
    </row>
    <row r="7928" spans="2:14" x14ac:dyDescent="0.3">
      <c r="B7928">
        <f t="shared" si="880"/>
        <v>7</v>
      </c>
      <c r="C7928" s="16">
        <v>7894</v>
      </c>
      <c r="D7928" cm="1">
        <f t="array" ref="D7928">IFERROR(INDEX(Jesper!AH$2:AH$366,ROUNDDOWN($C7928/24,0)+1,1)*INDEX($D$3:$AA$30,INDEX(Jesper!$R$2:$R$366,ROW(INDEX(Jesper!AH$2:AH$366,ROUNDDOWN($C7928/24,0)+1,1))-1)+IF('Standard Profiles'!$G$18=$B$10,7,0)+IF('Standard Profiles'!$G$18=$B$17,14,0)+IF('Standard Profiles'!$G$18=$B$24,21,0),MOD($C7928,24)+1)/SUM(INDEX($D$3:$AA$30,INDEX(Jesper!$R$2:$R$366,ROW(INDEX(Jesper!AH$2:AH$366,ROUNDDOWN($C7928/24,0)+1,1))-1)+IF('Standard Profiles'!$G$18=$B$10,7,0)+IF('Standard Profiles'!$G$18=$B$17,14,0)+IF('Standard Profiles'!$G$18=$B$24,21,0),0)),0)</f>
        <v>6.4407810906294634</v>
      </c>
      <c r="E7928" cm="1">
        <f t="array" ref="E7928">IFERROR(INDEX(Jesper!AI$2:AI$366,ROUNDDOWN($C7928/24,0)+1,1)*INDEX($D$3:$AA$30,INDEX(Jesper!$R$2:$R$366,ROW(INDEX(Jesper!AI$2:AI$366,ROUNDDOWN($C7928/24,0)+1,1))-1)+IF('Standard Profiles'!$G$19=$B$10,7,0)+IF('Standard Profiles'!$G$19=$B$17,14,0)+IF('Standard Profiles'!$G$19=$B$24,21,0),MOD($C7928,24)+1)/SUM(INDEX($D$3:$AA$30,INDEX(Jesper!$R$2:$R$366,ROW(INDEX(Jesper!AI$2:AI$366,ROUNDDOWN($C7928/24,0)+1,1))-1)+IF('Standard Profiles'!$G$19=$B$10,7,0)+IF('Standard Profiles'!$G$19=$B$17,14,0)+IF('Standard Profiles'!$G$19=$B$24,21,0),0)),0)</f>
        <v>1.5295609542758013</v>
      </c>
      <c r="F7928" cm="1">
        <f t="array" ref="F7928">IFERROR(INDEX(Jesper!AJ$2:AJ$366,ROUNDDOWN($C7928/24,0)+1,1)*INDEX($D$3:$AA$30,INDEX(Jesper!$R$2:$R$366,ROW(INDEX(Jesper!AJ$2:AJ$366,ROUNDDOWN($C7928/24,0)+1,1))-1)+IF('Standard Profiles'!$G$20=$B$10,7,0)+IF('Standard Profiles'!$G$20=$B$17,14,0)+IF('Standard Profiles'!$G$20=$B$24,21,0),MOD($C7928,24)+1)/SUM(INDEX($D$3:$AA$30,INDEX(Jesper!$R$2:$R$366,ROW(INDEX(Jesper!AJ$2:AJ$366,ROUNDDOWN($C7928/24,0)+1,1))-1)+IF('Standard Profiles'!$G$20=$B$10,7,0)+IF('Standard Profiles'!$G$20=$B$17,14,0)+IF('Standard Profiles'!$G$20=$B$24,21,0),0)),0)</f>
        <v>0</v>
      </c>
      <c r="G7928" cm="1">
        <f t="array" ref="G7928">IFERROR(INDEX(Jesper!AK$2:AK$366,ROUNDDOWN($C7928/24,0)+1,1)*INDEX($D$3:$AA$30,INDEX(Jesper!$R$2:$R$366,ROW(INDEX(Jesper!AK$2:AK$366,ROUNDDOWN($C7928/24,0)+1,1))-1)+IF('Standard Profiles'!$G$21=$B$10,7,0)+IF('Standard Profiles'!$G$21=$B$17,14,0)+IF('Standard Profiles'!$G$21=$B$24,21,0),MOD($C7928,24)+1)/SUM(INDEX($D$3:$AA$30,INDEX(Jesper!$R$2:$R$366,ROW(INDEX(Jesper!AK$2:AK$366,ROUNDDOWN($C7928/24,0)+1,1))-1)+IF('Standard Profiles'!$G$21=$B$10,7,0)+IF('Standard Profiles'!$G$21=$B$17,14,0)+IF('Standard Profiles'!$G$21=$B$24,21,0),0)),0)</f>
        <v>0</v>
      </c>
      <c r="H7928" cm="1">
        <f t="array" ref="H7928">IFERROR(INDEX(Jesper!AL$2:AL$366,ROUNDDOWN($C7928/24,0)+1,1)*INDEX($D$3:$AA$30,INDEX(Jesper!$R$2:$R$366,ROW(INDEX(Jesper!AL$2:AL$366,ROUNDDOWN($C7928/24,0)+1,1))-1)+IF('Standard Profiles'!$G$22=$B$10,7,0)+IF('Standard Profiles'!$G$22=$B$17,14,0)+IF('Standard Profiles'!$G$22=$B$24,21,0),MOD($C7928,24)+1)/SUM(INDEX($D$3:$AA$30,INDEX(Jesper!$R$2:$R$366,ROW(INDEX(Jesper!AL$2:AL$366,ROUNDDOWN($C7928/24,0)+1,1))-1)+IF('Standard Profiles'!$G$22=$B$10,7,0)+IF('Standard Profiles'!$G$22=$B$17,14,0)+IF('Standard Profiles'!$G$22=$B$24,21,0),0)),0)</f>
        <v>0</v>
      </c>
      <c r="I7928">
        <f t="shared" si="881"/>
        <v>0.13779828416899115</v>
      </c>
      <c r="J7928">
        <f t="shared" si="882"/>
        <v>0.45932761389663718</v>
      </c>
      <c r="K7928">
        <f t="shared" si="883"/>
        <v>0.68899142084495579</v>
      </c>
      <c r="L7928">
        <f t="shared" si="884"/>
        <v>6.6842247259946808</v>
      </c>
      <c r="M7928">
        <f t="shared" si="885"/>
        <v>0</v>
      </c>
      <c r="N7928" s="46">
        <f t="shared" si="886"/>
        <v>45620.916666647521</v>
      </c>
    </row>
    <row r="7929" spans="2:14" x14ac:dyDescent="0.3">
      <c r="B7929">
        <f t="shared" si="880"/>
        <v>7</v>
      </c>
      <c r="C7929" s="16">
        <v>7895</v>
      </c>
      <c r="D7929" cm="1">
        <f t="array" ref="D7929">IFERROR(INDEX(Jesper!AH$2:AH$366,ROUNDDOWN($C7929/24,0)+1,1)*INDEX($D$3:$AA$30,INDEX(Jesper!$R$2:$R$366,ROW(INDEX(Jesper!AH$2:AH$366,ROUNDDOWN($C7929/24,0)+1,1))-1)+IF('Standard Profiles'!$G$18=$B$10,7,0)+IF('Standard Profiles'!$G$18=$B$17,14,0)+IF('Standard Profiles'!$G$18=$B$24,21,0),MOD($C7929,24)+1)/SUM(INDEX($D$3:$AA$30,INDEX(Jesper!$R$2:$R$366,ROW(INDEX(Jesper!AH$2:AH$366,ROUNDDOWN($C7929/24,0)+1,1))-1)+IF('Standard Profiles'!$G$18=$B$10,7,0)+IF('Standard Profiles'!$G$18=$B$17,14,0)+IF('Standard Profiles'!$G$18=$B$24,21,0),0)),0)</f>
        <v>6.4407810906294634</v>
      </c>
      <c r="E7929" cm="1">
        <f t="array" ref="E7929">IFERROR(INDEX(Jesper!AI$2:AI$366,ROUNDDOWN($C7929/24,0)+1,1)*INDEX($D$3:$AA$30,INDEX(Jesper!$R$2:$R$366,ROW(INDEX(Jesper!AI$2:AI$366,ROUNDDOWN($C7929/24,0)+1,1))-1)+IF('Standard Profiles'!$G$19=$B$10,7,0)+IF('Standard Profiles'!$G$19=$B$17,14,0)+IF('Standard Profiles'!$G$19=$B$24,21,0),MOD($C7929,24)+1)/SUM(INDEX($D$3:$AA$30,INDEX(Jesper!$R$2:$R$366,ROW(INDEX(Jesper!AI$2:AI$366,ROUNDDOWN($C7929/24,0)+1,1))-1)+IF('Standard Profiles'!$G$19=$B$10,7,0)+IF('Standard Profiles'!$G$19=$B$17,14,0)+IF('Standard Profiles'!$G$19=$B$24,21,0),0)),0)</f>
        <v>1.5295609542758013</v>
      </c>
      <c r="F7929" cm="1">
        <f t="array" ref="F7929">IFERROR(INDEX(Jesper!AJ$2:AJ$366,ROUNDDOWN($C7929/24,0)+1,1)*INDEX($D$3:$AA$30,INDEX(Jesper!$R$2:$R$366,ROW(INDEX(Jesper!AJ$2:AJ$366,ROUNDDOWN($C7929/24,0)+1,1))-1)+IF('Standard Profiles'!$G$20=$B$10,7,0)+IF('Standard Profiles'!$G$20=$B$17,14,0)+IF('Standard Profiles'!$G$20=$B$24,21,0),MOD($C7929,24)+1)/SUM(INDEX($D$3:$AA$30,INDEX(Jesper!$R$2:$R$366,ROW(INDEX(Jesper!AJ$2:AJ$366,ROUNDDOWN($C7929/24,0)+1,1))-1)+IF('Standard Profiles'!$G$20=$B$10,7,0)+IF('Standard Profiles'!$G$20=$B$17,14,0)+IF('Standard Profiles'!$G$20=$B$24,21,0),0)),0)</f>
        <v>0</v>
      </c>
      <c r="G7929" cm="1">
        <f t="array" ref="G7929">IFERROR(INDEX(Jesper!AK$2:AK$366,ROUNDDOWN($C7929/24,0)+1,1)*INDEX($D$3:$AA$30,INDEX(Jesper!$R$2:$R$366,ROW(INDEX(Jesper!AK$2:AK$366,ROUNDDOWN($C7929/24,0)+1,1))-1)+IF('Standard Profiles'!$G$21=$B$10,7,0)+IF('Standard Profiles'!$G$21=$B$17,14,0)+IF('Standard Profiles'!$G$21=$B$24,21,0),MOD($C7929,24)+1)/SUM(INDEX($D$3:$AA$30,INDEX(Jesper!$R$2:$R$366,ROW(INDEX(Jesper!AK$2:AK$366,ROUNDDOWN($C7929/24,0)+1,1))-1)+IF('Standard Profiles'!$G$21=$B$10,7,0)+IF('Standard Profiles'!$G$21=$B$17,14,0)+IF('Standard Profiles'!$G$21=$B$24,21,0),0)),0)</f>
        <v>0</v>
      </c>
      <c r="H7929" cm="1">
        <f t="array" ref="H7929">IFERROR(INDEX(Jesper!AL$2:AL$366,ROUNDDOWN($C7929/24,0)+1,1)*INDEX($D$3:$AA$30,INDEX(Jesper!$R$2:$R$366,ROW(INDEX(Jesper!AL$2:AL$366,ROUNDDOWN($C7929/24,0)+1,1))-1)+IF('Standard Profiles'!$G$22=$B$10,7,0)+IF('Standard Profiles'!$G$22=$B$17,14,0)+IF('Standard Profiles'!$G$22=$B$24,21,0),MOD($C7929,24)+1)/SUM(INDEX($D$3:$AA$30,INDEX(Jesper!$R$2:$R$366,ROW(INDEX(Jesper!AL$2:AL$366,ROUNDDOWN($C7929/24,0)+1,1))-1)+IF('Standard Profiles'!$G$22=$B$10,7,0)+IF('Standard Profiles'!$G$22=$B$17,14,0)+IF('Standard Profiles'!$G$22=$B$24,21,0),0)),0)</f>
        <v>0</v>
      </c>
      <c r="I7929">
        <f t="shared" si="881"/>
        <v>0.13779828416899115</v>
      </c>
      <c r="J7929">
        <f t="shared" si="882"/>
        <v>0.45932761389663718</v>
      </c>
      <c r="K7929">
        <f t="shared" si="883"/>
        <v>0.68899142084495579</v>
      </c>
      <c r="L7929">
        <f t="shared" si="884"/>
        <v>6.6842247259946808</v>
      </c>
      <c r="M7929">
        <f t="shared" si="885"/>
        <v>0</v>
      </c>
      <c r="N7929" s="46">
        <f t="shared" si="886"/>
        <v>45620.958333314185</v>
      </c>
    </row>
    <row r="7930" spans="2:14" x14ac:dyDescent="0.3">
      <c r="B7930">
        <f t="shared" si="880"/>
        <v>1</v>
      </c>
      <c r="C7930" s="16">
        <v>7896</v>
      </c>
      <c r="D7930" cm="1">
        <f t="array" ref="D7930">IFERROR(INDEX(Jesper!AH$2:AH$366,ROUNDDOWN($C7930/24,0)+1,1)*INDEX($D$3:$AA$30,INDEX(Jesper!$R$2:$R$366,ROW(INDEX(Jesper!AH$2:AH$366,ROUNDDOWN($C7930/24,0)+1,1))-1)+IF('Standard Profiles'!$G$18=$B$10,7,0)+IF('Standard Profiles'!$G$18=$B$17,14,0)+IF('Standard Profiles'!$G$18=$B$24,21,0),MOD($C7930,24)+1)/SUM(INDEX($D$3:$AA$30,INDEX(Jesper!$R$2:$R$366,ROW(INDEX(Jesper!AH$2:AH$366,ROUNDDOWN($C7930/24,0)+1,1))-1)+IF('Standard Profiles'!$G$18=$B$10,7,0)+IF('Standard Profiles'!$G$18=$B$17,14,0)+IF('Standard Profiles'!$G$18=$B$24,21,0),0)),0)</f>
        <v>2.8204500332907756</v>
      </c>
      <c r="E7930" cm="1">
        <f t="array" ref="E7930">IFERROR(INDEX(Jesper!AI$2:AI$366,ROUNDDOWN($C7930/24,0)+1,1)*INDEX($D$3:$AA$30,INDEX(Jesper!$R$2:$R$366,ROW(INDEX(Jesper!AI$2:AI$366,ROUNDDOWN($C7930/24,0)+1,1))-1)+IF('Standard Profiles'!$G$19=$B$10,7,0)+IF('Standard Profiles'!$G$19=$B$17,14,0)+IF('Standard Profiles'!$G$19=$B$24,21,0),MOD($C7930,24)+1)/SUM(INDEX($D$3:$AA$30,INDEX(Jesper!$R$2:$R$366,ROW(INDEX(Jesper!AI$2:AI$366,ROUNDDOWN($C7930/24,0)+1,1))-1)+IF('Standard Profiles'!$G$19=$B$10,7,0)+IF('Standard Profiles'!$G$19=$B$17,14,0)+IF('Standard Profiles'!$G$19=$B$24,21,0),0)),0)</f>
        <v>0</v>
      </c>
      <c r="F7930" cm="1">
        <f t="array" ref="F7930">IFERROR(INDEX(Jesper!AJ$2:AJ$366,ROUNDDOWN($C7930/24,0)+1,1)*INDEX($D$3:$AA$30,INDEX(Jesper!$R$2:$R$366,ROW(INDEX(Jesper!AJ$2:AJ$366,ROUNDDOWN($C7930/24,0)+1,1))-1)+IF('Standard Profiles'!$G$20=$B$10,7,0)+IF('Standard Profiles'!$G$20=$B$17,14,0)+IF('Standard Profiles'!$G$20=$B$24,21,0),MOD($C7930,24)+1)/SUM(INDEX($D$3:$AA$30,INDEX(Jesper!$R$2:$R$366,ROW(INDEX(Jesper!AJ$2:AJ$366,ROUNDDOWN($C7930/24,0)+1,1))-1)+IF('Standard Profiles'!$G$20=$B$10,7,0)+IF('Standard Profiles'!$G$20=$B$17,14,0)+IF('Standard Profiles'!$G$20=$B$24,21,0),0)),0)</f>
        <v>0</v>
      </c>
      <c r="G7930" cm="1">
        <f t="array" ref="G7930">IFERROR(INDEX(Jesper!AK$2:AK$366,ROUNDDOWN($C7930/24,0)+1,1)*INDEX($D$3:$AA$30,INDEX(Jesper!$R$2:$R$366,ROW(INDEX(Jesper!AK$2:AK$366,ROUNDDOWN($C7930/24,0)+1,1))-1)+IF('Standard Profiles'!$G$21=$B$10,7,0)+IF('Standard Profiles'!$G$21=$B$17,14,0)+IF('Standard Profiles'!$G$21=$B$24,21,0),MOD($C7930,24)+1)/SUM(INDEX($D$3:$AA$30,INDEX(Jesper!$R$2:$R$366,ROW(INDEX(Jesper!AK$2:AK$366,ROUNDDOWN($C7930/24,0)+1,1))-1)+IF('Standard Profiles'!$G$21=$B$10,7,0)+IF('Standard Profiles'!$G$21=$B$17,14,0)+IF('Standard Profiles'!$G$21=$B$24,21,0),0)),0)</f>
        <v>0</v>
      </c>
      <c r="H7930" cm="1">
        <f t="array" ref="H7930">IFERROR(INDEX(Jesper!AL$2:AL$366,ROUNDDOWN($C7930/24,0)+1,1)*INDEX($D$3:$AA$30,INDEX(Jesper!$R$2:$R$366,ROW(INDEX(Jesper!AL$2:AL$366,ROUNDDOWN($C7930/24,0)+1,1))-1)+IF('Standard Profiles'!$G$22=$B$10,7,0)+IF('Standard Profiles'!$G$22=$B$17,14,0)+IF('Standard Profiles'!$G$22=$B$24,21,0),MOD($C7930,24)+1)/SUM(INDEX($D$3:$AA$30,INDEX(Jesper!$R$2:$R$366,ROW(INDEX(Jesper!AL$2:AL$366,ROUNDDOWN($C7930/24,0)+1,1))-1)+IF('Standard Profiles'!$G$22=$B$10,7,0)+IF('Standard Profiles'!$G$22=$B$17,14,0)+IF('Standard Profiles'!$G$22=$B$24,21,0),0)),0)</f>
        <v>0</v>
      </c>
      <c r="I7930">
        <f t="shared" si="881"/>
        <v>8.4613500998723265E-2</v>
      </c>
      <c r="J7930">
        <f t="shared" si="882"/>
        <v>0.28204500332907756</v>
      </c>
      <c r="K7930">
        <f t="shared" si="883"/>
        <v>0.42306750499361634</v>
      </c>
      <c r="L7930">
        <f t="shared" si="884"/>
        <v>2.0307240239693582</v>
      </c>
      <c r="M7930">
        <f t="shared" si="885"/>
        <v>0</v>
      </c>
      <c r="N7930" s="46">
        <f t="shared" si="886"/>
        <v>45620.99999998085</v>
      </c>
    </row>
    <row r="7931" spans="2:14" x14ac:dyDescent="0.3">
      <c r="B7931">
        <f t="shared" si="880"/>
        <v>1</v>
      </c>
      <c r="C7931" s="16">
        <v>7897</v>
      </c>
      <c r="D7931" cm="1">
        <f t="array" ref="D7931">IFERROR(INDEX(Jesper!AH$2:AH$366,ROUNDDOWN($C7931/24,0)+1,1)*INDEX($D$3:$AA$30,INDEX(Jesper!$R$2:$R$366,ROW(INDEX(Jesper!AH$2:AH$366,ROUNDDOWN($C7931/24,0)+1,1))-1)+IF('Standard Profiles'!$G$18=$B$10,7,0)+IF('Standard Profiles'!$G$18=$B$17,14,0)+IF('Standard Profiles'!$G$18=$B$24,21,0),MOD($C7931,24)+1)/SUM(INDEX($D$3:$AA$30,INDEX(Jesper!$R$2:$R$366,ROW(INDEX(Jesper!AH$2:AH$366,ROUNDDOWN($C7931/24,0)+1,1))-1)+IF('Standard Profiles'!$G$18=$B$10,7,0)+IF('Standard Profiles'!$G$18=$B$17,14,0)+IF('Standard Profiles'!$G$18=$B$24,21,0),0)),0)</f>
        <v>2.8204500332907756</v>
      </c>
      <c r="E7931" cm="1">
        <f t="array" ref="E7931">IFERROR(INDEX(Jesper!AI$2:AI$366,ROUNDDOWN($C7931/24,0)+1,1)*INDEX($D$3:$AA$30,INDEX(Jesper!$R$2:$R$366,ROW(INDEX(Jesper!AI$2:AI$366,ROUNDDOWN($C7931/24,0)+1,1))-1)+IF('Standard Profiles'!$G$19=$B$10,7,0)+IF('Standard Profiles'!$G$19=$B$17,14,0)+IF('Standard Profiles'!$G$19=$B$24,21,0),MOD($C7931,24)+1)/SUM(INDEX($D$3:$AA$30,INDEX(Jesper!$R$2:$R$366,ROW(INDEX(Jesper!AI$2:AI$366,ROUNDDOWN($C7931/24,0)+1,1))-1)+IF('Standard Profiles'!$G$19=$B$10,7,0)+IF('Standard Profiles'!$G$19=$B$17,14,0)+IF('Standard Profiles'!$G$19=$B$24,21,0),0)),0)</f>
        <v>0</v>
      </c>
      <c r="F7931" cm="1">
        <f t="array" ref="F7931">IFERROR(INDEX(Jesper!AJ$2:AJ$366,ROUNDDOWN($C7931/24,0)+1,1)*INDEX($D$3:$AA$30,INDEX(Jesper!$R$2:$R$366,ROW(INDEX(Jesper!AJ$2:AJ$366,ROUNDDOWN($C7931/24,0)+1,1))-1)+IF('Standard Profiles'!$G$20=$B$10,7,0)+IF('Standard Profiles'!$G$20=$B$17,14,0)+IF('Standard Profiles'!$G$20=$B$24,21,0),MOD($C7931,24)+1)/SUM(INDEX($D$3:$AA$30,INDEX(Jesper!$R$2:$R$366,ROW(INDEX(Jesper!AJ$2:AJ$366,ROUNDDOWN($C7931/24,0)+1,1))-1)+IF('Standard Profiles'!$G$20=$B$10,7,0)+IF('Standard Profiles'!$G$20=$B$17,14,0)+IF('Standard Profiles'!$G$20=$B$24,21,0),0)),0)</f>
        <v>0</v>
      </c>
      <c r="G7931" cm="1">
        <f t="array" ref="G7931">IFERROR(INDEX(Jesper!AK$2:AK$366,ROUNDDOWN($C7931/24,0)+1,1)*INDEX($D$3:$AA$30,INDEX(Jesper!$R$2:$R$366,ROW(INDEX(Jesper!AK$2:AK$366,ROUNDDOWN($C7931/24,0)+1,1))-1)+IF('Standard Profiles'!$G$21=$B$10,7,0)+IF('Standard Profiles'!$G$21=$B$17,14,0)+IF('Standard Profiles'!$G$21=$B$24,21,0),MOD($C7931,24)+1)/SUM(INDEX($D$3:$AA$30,INDEX(Jesper!$R$2:$R$366,ROW(INDEX(Jesper!AK$2:AK$366,ROUNDDOWN($C7931/24,0)+1,1))-1)+IF('Standard Profiles'!$G$21=$B$10,7,0)+IF('Standard Profiles'!$G$21=$B$17,14,0)+IF('Standard Profiles'!$G$21=$B$24,21,0),0)),0)</f>
        <v>0</v>
      </c>
      <c r="H7931" cm="1">
        <f t="array" ref="H7931">IFERROR(INDEX(Jesper!AL$2:AL$366,ROUNDDOWN($C7931/24,0)+1,1)*INDEX($D$3:$AA$30,INDEX(Jesper!$R$2:$R$366,ROW(INDEX(Jesper!AL$2:AL$366,ROUNDDOWN($C7931/24,0)+1,1))-1)+IF('Standard Profiles'!$G$22=$B$10,7,0)+IF('Standard Profiles'!$G$22=$B$17,14,0)+IF('Standard Profiles'!$G$22=$B$24,21,0),MOD($C7931,24)+1)/SUM(INDEX($D$3:$AA$30,INDEX(Jesper!$R$2:$R$366,ROW(INDEX(Jesper!AL$2:AL$366,ROUNDDOWN($C7931/24,0)+1,1))-1)+IF('Standard Profiles'!$G$22=$B$10,7,0)+IF('Standard Profiles'!$G$22=$B$17,14,0)+IF('Standard Profiles'!$G$22=$B$24,21,0),0)),0)</f>
        <v>0</v>
      </c>
      <c r="I7931">
        <f t="shared" si="881"/>
        <v>8.4613500998723265E-2</v>
      </c>
      <c r="J7931">
        <f t="shared" si="882"/>
        <v>0.28204500332907756</v>
      </c>
      <c r="K7931">
        <f t="shared" si="883"/>
        <v>0.42306750499361634</v>
      </c>
      <c r="L7931">
        <f t="shared" si="884"/>
        <v>2.0307240239693582</v>
      </c>
      <c r="M7931">
        <f t="shared" si="885"/>
        <v>0</v>
      </c>
      <c r="N7931" s="46">
        <f t="shared" si="886"/>
        <v>45621.041666647514</v>
      </c>
    </row>
    <row r="7932" spans="2:14" x14ac:dyDescent="0.3">
      <c r="B7932">
        <f t="shared" si="880"/>
        <v>1</v>
      </c>
      <c r="C7932" s="16">
        <v>7898</v>
      </c>
      <c r="D7932" cm="1">
        <f t="array" ref="D7932">IFERROR(INDEX(Jesper!AH$2:AH$366,ROUNDDOWN($C7932/24,0)+1,1)*INDEX($D$3:$AA$30,INDEX(Jesper!$R$2:$R$366,ROW(INDEX(Jesper!AH$2:AH$366,ROUNDDOWN($C7932/24,0)+1,1))-1)+IF('Standard Profiles'!$G$18=$B$10,7,0)+IF('Standard Profiles'!$G$18=$B$17,14,0)+IF('Standard Profiles'!$G$18=$B$24,21,0),MOD($C7932,24)+1)/SUM(INDEX($D$3:$AA$30,INDEX(Jesper!$R$2:$R$366,ROW(INDEX(Jesper!AH$2:AH$366,ROUNDDOWN($C7932/24,0)+1,1))-1)+IF('Standard Profiles'!$G$18=$B$10,7,0)+IF('Standard Profiles'!$G$18=$B$17,14,0)+IF('Standard Profiles'!$G$18=$B$24,21,0),0)),0)</f>
        <v>2.8204500332907756</v>
      </c>
      <c r="E7932" cm="1">
        <f t="array" ref="E7932">IFERROR(INDEX(Jesper!AI$2:AI$366,ROUNDDOWN($C7932/24,0)+1,1)*INDEX($D$3:$AA$30,INDEX(Jesper!$R$2:$R$366,ROW(INDEX(Jesper!AI$2:AI$366,ROUNDDOWN($C7932/24,0)+1,1))-1)+IF('Standard Profiles'!$G$19=$B$10,7,0)+IF('Standard Profiles'!$G$19=$B$17,14,0)+IF('Standard Profiles'!$G$19=$B$24,21,0),MOD($C7932,24)+1)/SUM(INDEX($D$3:$AA$30,INDEX(Jesper!$R$2:$R$366,ROW(INDEX(Jesper!AI$2:AI$366,ROUNDDOWN($C7932/24,0)+1,1))-1)+IF('Standard Profiles'!$G$19=$B$10,7,0)+IF('Standard Profiles'!$G$19=$B$17,14,0)+IF('Standard Profiles'!$G$19=$B$24,21,0),0)),0)</f>
        <v>0</v>
      </c>
      <c r="F7932" cm="1">
        <f t="array" ref="F7932">IFERROR(INDEX(Jesper!AJ$2:AJ$366,ROUNDDOWN($C7932/24,0)+1,1)*INDEX($D$3:$AA$30,INDEX(Jesper!$R$2:$R$366,ROW(INDEX(Jesper!AJ$2:AJ$366,ROUNDDOWN($C7932/24,0)+1,1))-1)+IF('Standard Profiles'!$G$20=$B$10,7,0)+IF('Standard Profiles'!$G$20=$B$17,14,0)+IF('Standard Profiles'!$G$20=$B$24,21,0),MOD($C7932,24)+1)/SUM(INDEX($D$3:$AA$30,INDEX(Jesper!$R$2:$R$366,ROW(INDEX(Jesper!AJ$2:AJ$366,ROUNDDOWN($C7932/24,0)+1,1))-1)+IF('Standard Profiles'!$G$20=$B$10,7,0)+IF('Standard Profiles'!$G$20=$B$17,14,0)+IF('Standard Profiles'!$G$20=$B$24,21,0),0)),0)</f>
        <v>0</v>
      </c>
      <c r="G7932" cm="1">
        <f t="array" ref="G7932">IFERROR(INDEX(Jesper!AK$2:AK$366,ROUNDDOWN($C7932/24,0)+1,1)*INDEX($D$3:$AA$30,INDEX(Jesper!$R$2:$R$366,ROW(INDEX(Jesper!AK$2:AK$366,ROUNDDOWN($C7932/24,0)+1,1))-1)+IF('Standard Profiles'!$G$21=$B$10,7,0)+IF('Standard Profiles'!$G$21=$B$17,14,0)+IF('Standard Profiles'!$G$21=$B$24,21,0),MOD($C7932,24)+1)/SUM(INDEX($D$3:$AA$30,INDEX(Jesper!$R$2:$R$366,ROW(INDEX(Jesper!AK$2:AK$366,ROUNDDOWN($C7932/24,0)+1,1))-1)+IF('Standard Profiles'!$G$21=$B$10,7,0)+IF('Standard Profiles'!$G$21=$B$17,14,0)+IF('Standard Profiles'!$G$21=$B$24,21,0),0)),0)</f>
        <v>0</v>
      </c>
      <c r="H7932" cm="1">
        <f t="array" ref="H7932">IFERROR(INDEX(Jesper!AL$2:AL$366,ROUNDDOWN($C7932/24,0)+1,1)*INDEX($D$3:$AA$30,INDEX(Jesper!$R$2:$R$366,ROW(INDEX(Jesper!AL$2:AL$366,ROUNDDOWN($C7932/24,0)+1,1))-1)+IF('Standard Profiles'!$G$22=$B$10,7,0)+IF('Standard Profiles'!$G$22=$B$17,14,0)+IF('Standard Profiles'!$G$22=$B$24,21,0),MOD($C7932,24)+1)/SUM(INDEX($D$3:$AA$30,INDEX(Jesper!$R$2:$R$366,ROW(INDEX(Jesper!AL$2:AL$366,ROUNDDOWN($C7932/24,0)+1,1))-1)+IF('Standard Profiles'!$G$22=$B$10,7,0)+IF('Standard Profiles'!$G$22=$B$17,14,0)+IF('Standard Profiles'!$G$22=$B$24,21,0),0)),0)</f>
        <v>0</v>
      </c>
      <c r="I7932">
        <f t="shared" si="881"/>
        <v>8.4613500998723265E-2</v>
      </c>
      <c r="J7932">
        <f t="shared" si="882"/>
        <v>0.28204500332907756</v>
      </c>
      <c r="K7932">
        <f t="shared" si="883"/>
        <v>0.42306750499361634</v>
      </c>
      <c r="L7932">
        <f t="shared" si="884"/>
        <v>2.0307240239693582</v>
      </c>
      <c r="M7932">
        <f t="shared" si="885"/>
        <v>0</v>
      </c>
      <c r="N7932" s="46">
        <f t="shared" si="886"/>
        <v>45621.083333314178</v>
      </c>
    </row>
    <row r="7933" spans="2:14" x14ac:dyDescent="0.3">
      <c r="B7933">
        <f t="shared" si="880"/>
        <v>1</v>
      </c>
      <c r="C7933" s="16">
        <v>7899</v>
      </c>
      <c r="D7933" cm="1">
        <f t="array" ref="D7933">IFERROR(INDEX(Jesper!AH$2:AH$366,ROUNDDOWN($C7933/24,0)+1,1)*INDEX($D$3:$AA$30,INDEX(Jesper!$R$2:$R$366,ROW(INDEX(Jesper!AH$2:AH$366,ROUNDDOWN($C7933/24,0)+1,1))-1)+IF('Standard Profiles'!$G$18=$B$10,7,0)+IF('Standard Profiles'!$G$18=$B$17,14,0)+IF('Standard Profiles'!$G$18=$B$24,21,0),MOD($C7933,24)+1)/SUM(INDEX($D$3:$AA$30,INDEX(Jesper!$R$2:$R$366,ROW(INDEX(Jesper!AH$2:AH$366,ROUNDDOWN($C7933/24,0)+1,1))-1)+IF('Standard Profiles'!$G$18=$B$10,7,0)+IF('Standard Profiles'!$G$18=$B$17,14,0)+IF('Standard Profiles'!$G$18=$B$24,21,0),0)),0)</f>
        <v>2.8204500332907756</v>
      </c>
      <c r="E7933" cm="1">
        <f t="array" ref="E7933">IFERROR(INDEX(Jesper!AI$2:AI$366,ROUNDDOWN($C7933/24,0)+1,1)*INDEX($D$3:$AA$30,INDEX(Jesper!$R$2:$R$366,ROW(INDEX(Jesper!AI$2:AI$366,ROUNDDOWN($C7933/24,0)+1,1))-1)+IF('Standard Profiles'!$G$19=$B$10,7,0)+IF('Standard Profiles'!$G$19=$B$17,14,0)+IF('Standard Profiles'!$G$19=$B$24,21,0),MOD($C7933,24)+1)/SUM(INDEX($D$3:$AA$30,INDEX(Jesper!$R$2:$R$366,ROW(INDEX(Jesper!AI$2:AI$366,ROUNDDOWN($C7933/24,0)+1,1))-1)+IF('Standard Profiles'!$G$19=$B$10,7,0)+IF('Standard Profiles'!$G$19=$B$17,14,0)+IF('Standard Profiles'!$G$19=$B$24,21,0),0)),0)</f>
        <v>0</v>
      </c>
      <c r="F7933" cm="1">
        <f t="array" ref="F7933">IFERROR(INDEX(Jesper!AJ$2:AJ$366,ROUNDDOWN($C7933/24,0)+1,1)*INDEX($D$3:$AA$30,INDEX(Jesper!$R$2:$R$366,ROW(INDEX(Jesper!AJ$2:AJ$366,ROUNDDOWN($C7933/24,0)+1,1))-1)+IF('Standard Profiles'!$G$20=$B$10,7,0)+IF('Standard Profiles'!$G$20=$B$17,14,0)+IF('Standard Profiles'!$G$20=$B$24,21,0),MOD($C7933,24)+1)/SUM(INDEX($D$3:$AA$30,INDEX(Jesper!$R$2:$R$366,ROW(INDEX(Jesper!AJ$2:AJ$366,ROUNDDOWN($C7933/24,0)+1,1))-1)+IF('Standard Profiles'!$G$20=$B$10,7,0)+IF('Standard Profiles'!$G$20=$B$17,14,0)+IF('Standard Profiles'!$G$20=$B$24,21,0),0)),0)</f>
        <v>0</v>
      </c>
      <c r="G7933" cm="1">
        <f t="array" ref="G7933">IFERROR(INDEX(Jesper!AK$2:AK$366,ROUNDDOWN($C7933/24,0)+1,1)*INDEX($D$3:$AA$30,INDEX(Jesper!$R$2:$R$366,ROW(INDEX(Jesper!AK$2:AK$366,ROUNDDOWN($C7933/24,0)+1,1))-1)+IF('Standard Profiles'!$G$21=$B$10,7,0)+IF('Standard Profiles'!$G$21=$B$17,14,0)+IF('Standard Profiles'!$G$21=$B$24,21,0),MOD($C7933,24)+1)/SUM(INDEX($D$3:$AA$30,INDEX(Jesper!$R$2:$R$366,ROW(INDEX(Jesper!AK$2:AK$366,ROUNDDOWN($C7933/24,0)+1,1))-1)+IF('Standard Profiles'!$G$21=$B$10,7,0)+IF('Standard Profiles'!$G$21=$B$17,14,0)+IF('Standard Profiles'!$G$21=$B$24,21,0),0)),0)</f>
        <v>0</v>
      </c>
      <c r="H7933" cm="1">
        <f t="array" ref="H7933">IFERROR(INDEX(Jesper!AL$2:AL$366,ROUNDDOWN($C7933/24,0)+1,1)*INDEX($D$3:$AA$30,INDEX(Jesper!$R$2:$R$366,ROW(INDEX(Jesper!AL$2:AL$366,ROUNDDOWN($C7933/24,0)+1,1))-1)+IF('Standard Profiles'!$G$22=$B$10,7,0)+IF('Standard Profiles'!$G$22=$B$17,14,0)+IF('Standard Profiles'!$G$22=$B$24,21,0),MOD($C7933,24)+1)/SUM(INDEX($D$3:$AA$30,INDEX(Jesper!$R$2:$R$366,ROW(INDEX(Jesper!AL$2:AL$366,ROUNDDOWN($C7933/24,0)+1,1))-1)+IF('Standard Profiles'!$G$22=$B$10,7,0)+IF('Standard Profiles'!$G$22=$B$17,14,0)+IF('Standard Profiles'!$G$22=$B$24,21,0),0)),0)</f>
        <v>0</v>
      </c>
      <c r="I7933">
        <f t="shared" si="881"/>
        <v>8.4613500998723265E-2</v>
      </c>
      <c r="J7933">
        <f t="shared" si="882"/>
        <v>0.28204500332907756</v>
      </c>
      <c r="K7933">
        <f t="shared" si="883"/>
        <v>0.42306750499361634</v>
      </c>
      <c r="L7933">
        <f t="shared" si="884"/>
        <v>2.0307240239693582</v>
      </c>
      <c r="M7933">
        <f t="shared" si="885"/>
        <v>0</v>
      </c>
      <c r="N7933" s="46">
        <f t="shared" si="886"/>
        <v>45621.124999980842</v>
      </c>
    </row>
    <row r="7934" spans="2:14" x14ac:dyDescent="0.3">
      <c r="B7934">
        <f t="shared" si="880"/>
        <v>1</v>
      </c>
      <c r="C7934" s="16">
        <v>7900</v>
      </c>
      <c r="D7934" cm="1">
        <f t="array" ref="D7934">IFERROR(INDEX(Jesper!AH$2:AH$366,ROUNDDOWN($C7934/24,0)+1,1)*INDEX($D$3:$AA$30,INDEX(Jesper!$R$2:$R$366,ROW(INDEX(Jesper!AH$2:AH$366,ROUNDDOWN($C7934/24,0)+1,1))-1)+IF('Standard Profiles'!$G$18=$B$10,7,0)+IF('Standard Profiles'!$G$18=$B$17,14,0)+IF('Standard Profiles'!$G$18=$B$24,21,0),MOD($C7934,24)+1)/SUM(INDEX($D$3:$AA$30,INDEX(Jesper!$R$2:$R$366,ROW(INDEX(Jesper!AH$2:AH$366,ROUNDDOWN($C7934/24,0)+1,1))-1)+IF('Standard Profiles'!$G$18=$B$10,7,0)+IF('Standard Profiles'!$G$18=$B$17,14,0)+IF('Standard Profiles'!$G$18=$B$24,21,0),0)),0)</f>
        <v>2.8204500332907756</v>
      </c>
      <c r="E7934" cm="1">
        <f t="array" ref="E7934">IFERROR(INDEX(Jesper!AI$2:AI$366,ROUNDDOWN($C7934/24,0)+1,1)*INDEX($D$3:$AA$30,INDEX(Jesper!$R$2:$R$366,ROW(INDEX(Jesper!AI$2:AI$366,ROUNDDOWN($C7934/24,0)+1,1))-1)+IF('Standard Profiles'!$G$19=$B$10,7,0)+IF('Standard Profiles'!$G$19=$B$17,14,0)+IF('Standard Profiles'!$G$19=$B$24,21,0),MOD($C7934,24)+1)/SUM(INDEX($D$3:$AA$30,INDEX(Jesper!$R$2:$R$366,ROW(INDEX(Jesper!AI$2:AI$366,ROUNDDOWN($C7934/24,0)+1,1))-1)+IF('Standard Profiles'!$G$19=$B$10,7,0)+IF('Standard Profiles'!$G$19=$B$17,14,0)+IF('Standard Profiles'!$G$19=$B$24,21,0),0)),0)</f>
        <v>0</v>
      </c>
      <c r="F7934" cm="1">
        <f t="array" ref="F7934">IFERROR(INDEX(Jesper!AJ$2:AJ$366,ROUNDDOWN($C7934/24,0)+1,1)*INDEX($D$3:$AA$30,INDEX(Jesper!$R$2:$R$366,ROW(INDEX(Jesper!AJ$2:AJ$366,ROUNDDOWN($C7934/24,0)+1,1))-1)+IF('Standard Profiles'!$G$20=$B$10,7,0)+IF('Standard Profiles'!$G$20=$B$17,14,0)+IF('Standard Profiles'!$G$20=$B$24,21,0),MOD($C7934,24)+1)/SUM(INDEX($D$3:$AA$30,INDEX(Jesper!$R$2:$R$366,ROW(INDEX(Jesper!AJ$2:AJ$366,ROUNDDOWN($C7934/24,0)+1,1))-1)+IF('Standard Profiles'!$G$20=$B$10,7,0)+IF('Standard Profiles'!$G$20=$B$17,14,0)+IF('Standard Profiles'!$G$20=$B$24,21,0),0)),0)</f>
        <v>0</v>
      </c>
      <c r="G7934" cm="1">
        <f t="array" ref="G7934">IFERROR(INDEX(Jesper!AK$2:AK$366,ROUNDDOWN($C7934/24,0)+1,1)*INDEX($D$3:$AA$30,INDEX(Jesper!$R$2:$R$366,ROW(INDEX(Jesper!AK$2:AK$366,ROUNDDOWN($C7934/24,0)+1,1))-1)+IF('Standard Profiles'!$G$21=$B$10,7,0)+IF('Standard Profiles'!$G$21=$B$17,14,0)+IF('Standard Profiles'!$G$21=$B$24,21,0),MOD($C7934,24)+1)/SUM(INDEX($D$3:$AA$30,INDEX(Jesper!$R$2:$R$366,ROW(INDEX(Jesper!AK$2:AK$366,ROUNDDOWN($C7934/24,0)+1,1))-1)+IF('Standard Profiles'!$G$21=$B$10,7,0)+IF('Standard Profiles'!$G$21=$B$17,14,0)+IF('Standard Profiles'!$G$21=$B$24,21,0),0)),0)</f>
        <v>0</v>
      </c>
      <c r="H7934" cm="1">
        <f t="array" ref="H7934">IFERROR(INDEX(Jesper!AL$2:AL$366,ROUNDDOWN($C7934/24,0)+1,1)*INDEX($D$3:$AA$30,INDEX(Jesper!$R$2:$R$366,ROW(INDEX(Jesper!AL$2:AL$366,ROUNDDOWN($C7934/24,0)+1,1))-1)+IF('Standard Profiles'!$G$22=$B$10,7,0)+IF('Standard Profiles'!$G$22=$B$17,14,0)+IF('Standard Profiles'!$G$22=$B$24,21,0),MOD($C7934,24)+1)/SUM(INDEX($D$3:$AA$30,INDEX(Jesper!$R$2:$R$366,ROW(INDEX(Jesper!AL$2:AL$366,ROUNDDOWN($C7934/24,0)+1,1))-1)+IF('Standard Profiles'!$G$22=$B$10,7,0)+IF('Standard Profiles'!$G$22=$B$17,14,0)+IF('Standard Profiles'!$G$22=$B$24,21,0),0)),0)</f>
        <v>0</v>
      </c>
      <c r="I7934">
        <f t="shared" si="881"/>
        <v>8.4613500998723265E-2</v>
      </c>
      <c r="J7934">
        <f t="shared" si="882"/>
        <v>0.28204500332907756</v>
      </c>
      <c r="K7934">
        <f t="shared" si="883"/>
        <v>0.42306750499361634</v>
      </c>
      <c r="L7934">
        <f t="shared" si="884"/>
        <v>2.0307240239693582</v>
      </c>
      <c r="M7934">
        <f t="shared" si="885"/>
        <v>0</v>
      </c>
      <c r="N7934" s="46">
        <f t="shared" si="886"/>
        <v>45621.166666647507</v>
      </c>
    </row>
    <row r="7935" spans="2:14" x14ac:dyDescent="0.3">
      <c r="B7935">
        <f t="shared" si="880"/>
        <v>1</v>
      </c>
      <c r="C7935" s="16">
        <v>7901</v>
      </c>
      <c r="D7935" cm="1">
        <f t="array" ref="D7935">IFERROR(INDEX(Jesper!AH$2:AH$366,ROUNDDOWN($C7935/24,0)+1,1)*INDEX($D$3:$AA$30,INDEX(Jesper!$R$2:$R$366,ROW(INDEX(Jesper!AH$2:AH$366,ROUNDDOWN($C7935/24,0)+1,1))-1)+IF('Standard Profiles'!$G$18=$B$10,7,0)+IF('Standard Profiles'!$G$18=$B$17,14,0)+IF('Standard Profiles'!$G$18=$B$24,21,0),MOD($C7935,24)+1)/SUM(INDEX($D$3:$AA$30,INDEX(Jesper!$R$2:$R$366,ROW(INDEX(Jesper!AH$2:AH$366,ROUNDDOWN($C7935/24,0)+1,1))-1)+IF('Standard Profiles'!$G$18=$B$10,7,0)+IF('Standard Profiles'!$G$18=$B$17,14,0)+IF('Standard Profiles'!$G$18=$B$24,21,0),0)),0)</f>
        <v>12.221950144260028</v>
      </c>
      <c r="E7935" cm="1">
        <f t="array" ref="E7935">IFERROR(INDEX(Jesper!AI$2:AI$366,ROUNDDOWN($C7935/24,0)+1,1)*INDEX($D$3:$AA$30,INDEX(Jesper!$R$2:$R$366,ROW(INDEX(Jesper!AI$2:AI$366,ROUNDDOWN($C7935/24,0)+1,1))-1)+IF('Standard Profiles'!$G$19=$B$10,7,0)+IF('Standard Profiles'!$G$19=$B$17,14,0)+IF('Standard Profiles'!$G$19=$B$24,21,0),MOD($C7935,24)+1)/SUM(INDEX($D$3:$AA$30,INDEX(Jesper!$R$2:$R$366,ROW(INDEX(Jesper!AI$2:AI$366,ROUNDDOWN($C7935/24,0)+1,1))-1)+IF('Standard Profiles'!$G$19=$B$10,7,0)+IF('Standard Profiles'!$G$19=$B$17,14,0)+IF('Standard Profiles'!$G$19=$B$24,21,0),0)),0)</f>
        <v>0</v>
      </c>
      <c r="F7935" cm="1">
        <f t="array" ref="F7935">IFERROR(INDEX(Jesper!AJ$2:AJ$366,ROUNDDOWN($C7935/24,0)+1,1)*INDEX($D$3:$AA$30,INDEX(Jesper!$R$2:$R$366,ROW(INDEX(Jesper!AJ$2:AJ$366,ROUNDDOWN($C7935/24,0)+1,1))-1)+IF('Standard Profiles'!$G$20=$B$10,7,0)+IF('Standard Profiles'!$G$20=$B$17,14,0)+IF('Standard Profiles'!$G$20=$B$24,21,0),MOD($C7935,24)+1)/SUM(INDEX($D$3:$AA$30,INDEX(Jesper!$R$2:$R$366,ROW(INDEX(Jesper!AJ$2:AJ$366,ROUNDDOWN($C7935/24,0)+1,1))-1)+IF('Standard Profiles'!$G$20=$B$10,7,0)+IF('Standard Profiles'!$G$20=$B$17,14,0)+IF('Standard Profiles'!$G$20=$B$24,21,0),0)),0)</f>
        <v>0</v>
      </c>
      <c r="G7935" cm="1">
        <f t="array" ref="G7935">IFERROR(INDEX(Jesper!AK$2:AK$366,ROUNDDOWN($C7935/24,0)+1,1)*INDEX($D$3:$AA$30,INDEX(Jesper!$R$2:$R$366,ROW(INDEX(Jesper!AK$2:AK$366,ROUNDDOWN($C7935/24,0)+1,1))-1)+IF('Standard Profiles'!$G$21=$B$10,7,0)+IF('Standard Profiles'!$G$21=$B$17,14,0)+IF('Standard Profiles'!$G$21=$B$24,21,0),MOD($C7935,24)+1)/SUM(INDEX($D$3:$AA$30,INDEX(Jesper!$R$2:$R$366,ROW(INDEX(Jesper!AK$2:AK$366,ROUNDDOWN($C7935/24,0)+1,1))-1)+IF('Standard Profiles'!$G$21=$B$10,7,0)+IF('Standard Profiles'!$G$21=$B$17,14,0)+IF('Standard Profiles'!$G$21=$B$24,21,0),0)),0)</f>
        <v>0</v>
      </c>
      <c r="H7935" cm="1">
        <f t="array" ref="H7935">IFERROR(INDEX(Jesper!AL$2:AL$366,ROUNDDOWN($C7935/24,0)+1,1)*INDEX($D$3:$AA$30,INDEX(Jesper!$R$2:$R$366,ROW(INDEX(Jesper!AL$2:AL$366,ROUNDDOWN($C7935/24,0)+1,1))-1)+IF('Standard Profiles'!$G$22=$B$10,7,0)+IF('Standard Profiles'!$G$22=$B$17,14,0)+IF('Standard Profiles'!$G$22=$B$24,21,0),MOD($C7935,24)+1)/SUM(INDEX($D$3:$AA$30,INDEX(Jesper!$R$2:$R$366,ROW(INDEX(Jesper!AL$2:AL$366,ROUNDDOWN($C7935/24,0)+1,1))-1)+IF('Standard Profiles'!$G$22=$B$10,7,0)+IF('Standard Profiles'!$G$22=$B$17,14,0)+IF('Standard Profiles'!$G$22=$B$24,21,0),0)),0)</f>
        <v>0</v>
      </c>
      <c r="I7935">
        <f t="shared" si="881"/>
        <v>0.36665850432780084</v>
      </c>
      <c r="J7935">
        <f t="shared" si="882"/>
        <v>1.2221950144260028</v>
      </c>
      <c r="K7935">
        <f t="shared" si="883"/>
        <v>1.8332925216390041</v>
      </c>
      <c r="L7935">
        <f t="shared" si="884"/>
        <v>8.7998041038672188</v>
      </c>
      <c r="M7935">
        <f t="shared" si="885"/>
        <v>0</v>
      </c>
      <c r="N7935" s="46">
        <f t="shared" si="886"/>
        <v>45621.208333314171</v>
      </c>
    </row>
    <row r="7936" spans="2:14" x14ac:dyDescent="0.3">
      <c r="B7936">
        <f t="shared" si="880"/>
        <v>1</v>
      </c>
      <c r="C7936" s="16">
        <v>7902</v>
      </c>
      <c r="D7936" cm="1">
        <f t="array" ref="D7936">IFERROR(INDEX(Jesper!AH$2:AH$366,ROUNDDOWN($C7936/24,0)+1,1)*INDEX($D$3:$AA$30,INDEX(Jesper!$R$2:$R$366,ROW(INDEX(Jesper!AH$2:AH$366,ROUNDDOWN($C7936/24,0)+1,1))-1)+IF('Standard Profiles'!$G$18=$B$10,7,0)+IF('Standard Profiles'!$G$18=$B$17,14,0)+IF('Standard Profiles'!$G$18=$B$24,21,0),MOD($C7936,24)+1)/SUM(INDEX($D$3:$AA$30,INDEX(Jesper!$R$2:$R$366,ROW(INDEX(Jesper!AH$2:AH$366,ROUNDDOWN($C7936/24,0)+1,1))-1)+IF('Standard Profiles'!$G$18=$B$10,7,0)+IF('Standard Profiles'!$G$18=$B$17,14,0)+IF('Standard Profiles'!$G$18=$B$24,21,0),0)),0)</f>
        <v>13.867212663679647</v>
      </c>
      <c r="E7936" cm="1">
        <f t="array" ref="E7936">IFERROR(INDEX(Jesper!AI$2:AI$366,ROUNDDOWN($C7936/24,0)+1,1)*INDEX($D$3:$AA$30,INDEX(Jesper!$R$2:$R$366,ROW(INDEX(Jesper!AI$2:AI$366,ROUNDDOWN($C7936/24,0)+1,1))-1)+IF('Standard Profiles'!$G$19=$B$10,7,0)+IF('Standard Profiles'!$G$19=$B$17,14,0)+IF('Standard Profiles'!$G$19=$B$24,21,0),MOD($C7936,24)+1)/SUM(INDEX($D$3:$AA$30,INDEX(Jesper!$R$2:$R$366,ROW(INDEX(Jesper!AI$2:AI$366,ROUNDDOWN($C7936/24,0)+1,1))-1)+IF('Standard Profiles'!$G$19=$B$10,7,0)+IF('Standard Profiles'!$G$19=$B$17,14,0)+IF('Standard Profiles'!$G$19=$B$24,21,0),0)),0)</f>
        <v>0</v>
      </c>
      <c r="F7936" cm="1">
        <f t="array" ref="F7936">IFERROR(INDEX(Jesper!AJ$2:AJ$366,ROUNDDOWN($C7936/24,0)+1,1)*INDEX($D$3:$AA$30,INDEX(Jesper!$R$2:$R$366,ROW(INDEX(Jesper!AJ$2:AJ$366,ROUNDDOWN($C7936/24,0)+1,1))-1)+IF('Standard Profiles'!$G$20=$B$10,7,0)+IF('Standard Profiles'!$G$20=$B$17,14,0)+IF('Standard Profiles'!$G$20=$B$24,21,0),MOD($C7936,24)+1)/SUM(INDEX($D$3:$AA$30,INDEX(Jesper!$R$2:$R$366,ROW(INDEX(Jesper!AJ$2:AJ$366,ROUNDDOWN($C7936/24,0)+1,1))-1)+IF('Standard Profiles'!$G$20=$B$10,7,0)+IF('Standard Profiles'!$G$20=$B$17,14,0)+IF('Standard Profiles'!$G$20=$B$24,21,0),0)),0)</f>
        <v>0</v>
      </c>
      <c r="G7936" cm="1">
        <f t="array" ref="G7936">IFERROR(INDEX(Jesper!AK$2:AK$366,ROUNDDOWN($C7936/24,0)+1,1)*INDEX($D$3:$AA$30,INDEX(Jesper!$R$2:$R$366,ROW(INDEX(Jesper!AK$2:AK$366,ROUNDDOWN($C7936/24,0)+1,1))-1)+IF('Standard Profiles'!$G$21=$B$10,7,0)+IF('Standard Profiles'!$G$21=$B$17,14,0)+IF('Standard Profiles'!$G$21=$B$24,21,0),MOD($C7936,24)+1)/SUM(INDEX($D$3:$AA$30,INDEX(Jesper!$R$2:$R$366,ROW(INDEX(Jesper!AK$2:AK$366,ROUNDDOWN($C7936/24,0)+1,1))-1)+IF('Standard Profiles'!$G$21=$B$10,7,0)+IF('Standard Profiles'!$G$21=$B$17,14,0)+IF('Standard Profiles'!$G$21=$B$24,21,0),0)),0)</f>
        <v>0</v>
      </c>
      <c r="H7936" cm="1">
        <f t="array" ref="H7936">IFERROR(INDEX(Jesper!AL$2:AL$366,ROUNDDOWN($C7936/24,0)+1,1)*INDEX($D$3:$AA$30,INDEX(Jesper!$R$2:$R$366,ROW(INDEX(Jesper!AL$2:AL$366,ROUNDDOWN($C7936/24,0)+1,1))-1)+IF('Standard Profiles'!$G$22=$B$10,7,0)+IF('Standard Profiles'!$G$22=$B$17,14,0)+IF('Standard Profiles'!$G$22=$B$24,21,0),MOD($C7936,24)+1)/SUM(INDEX($D$3:$AA$30,INDEX(Jesper!$R$2:$R$366,ROW(INDEX(Jesper!AL$2:AL$366,ROUNDDOWN($C7936/24,0)+1,1))-1)+IF('Standard Profiles'!$G$22=$B$10,7,0)+IF('Standard Profiles'!$G$22=$B$17,14,0)+IF('Standard Profiles'!$G$22=$B$24,21,0),0)),0)</f>
        <v>0</v>
      </c>
      <c r="I7936">
        <f t="shared" si="881"/>
        <v>0.41601637991038937</v>
      </c>
      <c r="J7936">
        <f t="shared" si="882"/>
        <v>1.3867212663679647</v>
      </c>
      <c r="K7936">
        <f t="shared" si="883"/>
        <v>2.080081899551947</v>
      </c>
      <c r="L7936">
        <f t="shared" si="884"/>
        <v>9.9843931178493452</v>
      </c>
      <c r="M7936">
        <f t="shared" si="885"/>
        <v>0</v>
      </c>
      <c r="N7936" s="46">
        <f t="shared" si="886"/>
        <v>45621.249999980835</v>
      </c>
    </row>
    <row r="7937" spans="2:14" x14ac:dyDescent="0.3">
      <c r="B7937">
        <f t="shared" si="880"/>
        <v>1</v>
      </c>
      <c r="C7937" s="16">
        <v>7903</v>
      </c>
      <c r="D7937" cm="1">
        <f t="array" ref="D7937">IFERROR(INDEX(Jesper!AH$2:AH$366,ROUNDDOWN($C7937/24,0)+1,1)*INDEX($D$3:$AA$30,INDEX(Jesper!$R$2:$R$366,ROW(INDEX(Jesper!AH$2:AH$366,ROUNDDOWN($C7937/24,0)+1,1))-1)+IF('Standard Profiles'!$G$18=$B$10,7,0)+IF('Standard Profiles'!$G$18=$B$17,14,0)+IF('Standard Profiles'!$G$18=$B$24,21,0),MOD($C7937,24)+1)/SUM(INDEX($D$3:$AA$30,INDEX(Jesper!$R$2:$R$366,ROW(INDEX(Jesper!AH$2:AH$366,ROUNDDOWN($C7937/24,0)+1,1))-1)+IF('Standard Profiles'!$G$18=$B$10,7,0)+IF('Standard Profiles'!$G$18=$B$17,14,0)+IF('Standard Profiles'!$G$18=$B$24,21,0),0)),0)</f>
        <v>13.867212663679647</v>
      </c>
      <c r="E7937" cm="1">
        <f t="array" ref="E7937">IFERROR(INDEX(Jesper!AI$2:AI$366,ROUNDDOWN($C7937/24,0)+1,1)*INDEX($D$3:$AA$30,INDEX(Jesper!$R$2:$R$366,ROW(INDEX(Jesper!AI$2:AI$366,ROUNDDOWN($C7937/24,0)+1,1))-1)+IF('Standard Profiles'!$G$19=$B$10,7,0)+IF('Standard Profiles'!$G$19=$B$17,14,0)+IF('Standard Profiles'!$G$19=$B$24,21,0),MOD($C7937,24)+1)/SUM(INDEX($D$3:$AA$30,INDEX(Jesper!$R$2:$R$366,ROW(INDEX(Jesper!AI$2:AI$366,ROUNDDOWN($C7937/24,0)+1,1))-1)+IF('Standard Profiles'!$G$19=$B$10,7,0)+IF('Standard Profiles'!$G$19=$B$17,14,0)+IF('Standard Profiles'!$G$19=$B$24,21,0),0)),0)</f>
        <v>0</v>
      </c>
      <c r="F7937" cm="1">
        <f t="array" ref="F7937">IFERROR(INDEX(Jesper!AJ$2:AJ$366,ROUNDDOWN($C7937/24,0)+1,1)*INDEX($D$3:$AA$30,INDEX(Jesper!$R$2:$R$366,ROW(INDEX(Jesper!AJ$2:AJ$366,ROUNDDOWN($C7937/24,0)+1,1))-1)+IF('Standard Profiles'!$G$20=$B$10,7,0)+IF('Standard Profiles'!$G$20=$B$17,14,0)+IF('Standard Profiles'!$G$20=$B$24,21,0),MOD($C7937,24)+1)/SUM(INDEX($D$3:$AA$30,INDEX(Jesper!$R$2:$R$366,ROW(INDEX(Jesper!AJ$2:AJ$366,ROUNDDOWN($C7937/24,0)+1,1))-1)+IF('Standard Profiles'!$G$20=$B$10,7,0)+IF('Standard Profiles'!$G$20=$B$17,14,0)+IF('Standard Profiles'!$G$20=$B$24,21,0),0)),0)</f>
        <v>0</v>
      </c>
      <c r="G7937" cm="1">
        <f t="array" ref="G7937">IFERROR(INDEX(Jesper!AK$2:AK$366,ROUNDDOWN($C7937/24,0)+1,1)*INDEX($D$3:$AA$30,INDEX(Jesper!$R$2:$R$366,ROW(INDEX(Jesper!AK$2:AK$366,ROUNDDOWN($C7937/24,0)+1,1))-1)+IF('Standard Profiles'!$G$21=$B$10,7,0)+IF('Standard Profiles'!$G$21=$B$17,14,0)+IF('Standard Profiles'!$G$21=$B$24,21,0),MOD($C7937,24)+1)/SUM(INDEX($D$3:$AA$30,INDEX(Jesper!$R$2:$R$366,ROW(INDEX(Jesper!AK$2:AK$366,ROUNDDOWN($C7937/24,0)+1,1))-1)+IF('Standard Profiles'!$G$21=$B$10,7,0)+IF('Standard Profiles'!$G$21=$B$17,14,0)+IF('Standard Profiles'!$G$21=$B$24,21,0),0)),0)</f>
        <v>0</v>
      </c>
      <c r="H7937" cm="1">
        <f t="array" ref="H7937">IFERROR(INDEX(Jesper!AL$2:AL$366,ROUNDDOWN($C7937/24,0)+1,1)*INDEX($D$3:$AA$30,INDEX(Jesper!$R$2:$R$366,ROW(INDEX(Jesper!AL$2:AL$366,ROUNDDOWN($C7937/24,0)+1,1))-1)+IF('Standard Profiles'!$G$22=$B$10,7,0)+IF('Standard Profiles'!$G$22=$B$17,14,0)+IF('Standard Profiles'!$G$22=$B$24,21,0),MOD($C7937,24)+1)/SUM(INDEX($D$3:$AA$30,INDEX(Jesper!$R$2:$R$366,ROW(INDEX(Jesper!AL$2:AL$366,ROUNDDOWN($C7937/24,0)+1,1))-1)+IF('Standard Profiles'!$G$22=$B$10,7,0)+IF('Standard Profiles'!$G$22=$B$17,14,0)+IF('Standard Profiles'!$G$22=$B$24,21,0),0)),0)</f>
        <v>0</v>
      </c>
      <c r="I7937">
        <f t="shared" si="881"/>
        <v>0.41601637991038937</v>
      </c>
      <c r="J7937">
        <f t="shared" si="882"/>
        <v>1.3867212663679647</v>
      </c>
      <c r="K7937">
        <f t="shared" si="883"/>
        <v>2.080081899551947</v>
      </c>
      <c r="L7937">
        <f t="shared" si="884"/>
        <v>9.9843931178493452</v>
      </c>
      <c r="M7937">
        <f t="shared" si="885"/>
        <v>0</v>
      </c>
      <c r="N7937" s="46">
        <f t="shared" si="886"/>
        <v>45621.291666647499</v>
      </c>
    </row>
    <row r="7938" spans="2:14" x14ac:dyDescent="0.3">
      <c r="B7938">
        <f t="shared" si="880"/>
        <v>1</v>
      </c>
      <c r="C7938" s="16">
        <v>7904</v>
      </c>
      <c r="D7938" cm="1">
        <f t="array" ref="D7938">IFERROR(INDEX(Jesper!AH$2:AH$366,ROUNDDOWN($C7938/24,0)+1,1)*INDEX($D$3:$AA$30,INDEX(Jesper!$R$2:$R$366,ROW(INDEX(Jesper!AH$2:AH$366,ROUNDDOWN($C7938/24,0)+1,1))-1)+IF('Standard Profiles'!$G$18=$B$10,7,0)+IF('Standard Profiles'!$G$18=$B$17,14,0)+IF('Standard Profiles'!$G$18=$B$24,21,0),MOD($C7938,24)+1)/SUM(INDEX($D$3:$AA$30,INDEX(Jesper!$R$2:$R$366,ROW(INDEX(Jesper!AH$2:AH$366,ROUNDDOWN($C7938/24,0)+1,1))-1)+IF('Standard Profiles'!$G$18=$B$10,7,0)+IF('Standard Profiles'!$G$18=$B$17,14,0)+IF('Standard Profiles'!$G$18=$B$24,21,0),0)),0)</f>
        <v>13.867212663679647</v>
      </c>
      <c r="E7938" cm="1">
        <f t="array" ref="E7938">IFERROR(INDEX(Jesper!AI$2:AI$366,ROUNDDOWN($C7938/24,0)+1,1)*INDEX($D$3:$AA$30,INDEX(Jesper!$R$2:$R$366,ROW(INDEX(Jesper!AI$2:AI$366,ROUNDDOWN($C7938/24,0)+1,1))-1)+IF('Standard Profiles'!$G$19=$B$10,7,0)+IF('Standard Profiles'!$G$19=$B$17,14,0)+IF('Standard Profiles'!$G$19=$B$24,21,0),MOD($C7938,24)+1)/SUM(INDEX($D$3:$AA$30,INDEX(Jesper!$R$2:$R$366,ROW(INDEX(Jesper!AI$2:AI$366,ROUNDDOWN($C7938/24,0)+1,1))-1)+IF('Standard Profiles'!$G$19=$B$10,7,0)+IF('Standard Profiles'!$G$19=$B$17,14,0)+IF('Standard Profiles'!$G$19=$B$24,21,0),0)),0)</f>
        <v>0</v>
      </c>
      <c r="F7938" cm="1">
        <f t="array" ref="F7938">IFERROR(INDEX(Jesper!AJ$2:AJ$366,ROUNDDOWN($C7938/24,0)+1,1)*INDEX($D$3:$AA$30,INDEX(Jesper!$R$2:$R$366,ROW(INDEX(Jesper!AJ$2:AJ$366,ROUNDDOWN($C7938/24,0)+1,1))-1)+IF('Standard Profiles'!$G$20=$B$10,7,0)+IF('Standard Profiles'!$G$20=$B$17,14,0)+IF('Standard Profiles'!$G$20=$B$24,21,0),MOD($C7938,24)+1)/SUM(INDEX($D$3:$AA$30,INDEX(Jesper!$R$2:$R$366,ROW(INDEX(Jesper!AJ$2:AJ$366,ROUNDDOWN($C7938/24,0)+1,1))-1)+IF('Standard Profiles'!$G$20=$B$10,7,0)+IF('Standard Profiles'!$G$20=$B$17,14,0)+IF('Standard Profiles'!$G$20=$B$24,21,0),0)),0)</f>
        <v>0</v>
      </c>
      <c r="G7938" cm="1">
        <f t="array" ref="G7938">IFERROR(INDEX(Jesper!AK$2:AK$366,ROUNDDOWN($C7938/24,0)+1,1)*INDEX($D$3:$AA$30,INDEX(Jesper!$R$2:$R$366,ROW(INDEX(Jesper!AK$2:AK$366,ROUNDDOWN($C7938/24,0)+1,1))-1)+IF('Standard Profiles'!$G$21=$B$10,7,0)+IF('Standard Profiles'!$G$21=$B$17,14,0)+IF('Standard Profiles'!$G$21=$B$24,21,0),MOD($C7938,24)+1)/SUM(INDEX($D$3:$AA$30,INDEX(Jesper!$R$2:$R$366,ROW(INDEX(Jesper!AK$2:AK$366,ROUNDDOWN($C7938/24,0)+1,1))-1)+IF('Standard Profiles'!$G$21=$B$10,7,0)+IF('Standard Profiles'!$G$21=$B$17,14,0)+IF('Standard Profiles'!$G$21=$B$24,21,0),0)),0)</f>
        <v>0</v>
      </c>
      <c r="H7938" cm="1">
        <f t="array" ref="H7938">IFERROR(INDEX(Jesper!AL$2:AL$366,ROUNDDOWN($C7938/24,0)+1,1)*INDEX($D$3:$AA$30,INDEX(Jesper!$R$2:$R$366,ROW(INDEX(Jesper!AL$2:AL$366,ROUNDDOWN($C7938/24,0)+1,1))-1)+IF('Standard Profiles'!$G$22=$B$10,7,0)+IF('Standard Profiles'!$G$22=$B$17,14,0)+IF('Standard Profiles'!$G$22=$B$24,21,0),MOD($C7938,24)+1)/SUM(INDEX($D$3:$AA$30,INDEX(Jesper!$R$2:$R$366,ROW(INDEX(Jesper!AL$2:AL$366,ROUNDDOWN($C7938/24,0)+1,1))-1)+IF('Standard Profiles'!$G$22=$B$10,7,0)+IF('Standard Profiles'!$G$22=$B$17,14,0)+IF('Standard Profiles'!$G$22=$B$24,21,0),0)),0)</f>
        <v>0</v>
      </c>
      <c r="I7938">
        <f t="shared" si="881"/>
        <v>0.41601637991038937</v>
      </c>
      <c r="J7938">
        <f t="shared" si="882"/>
        <v>1.3867212663679647</v>
      </c>
      <c r="K7938">
        <f t="shared" si="883"/>
        <v>2.080081899551947</v>
      </c>
      <c r="L7938">
        <f t="shared" si="884"/>
        <v>9.9843931178493452</v>
      </c>
      <c r="M7938">
        <f t="shared" si="885"/>
        <v>0</v>
      </c>
      <c r="N7938" s="46">
        <f t="shared" si="886"/>
        <v>45621.333333314164</v>
      </c>
    </row>
    <row r="7939" spans="2:14" x14ac:dyDescent="0.3">
      <c r="B7939">
        <f t="shared" si="880"/>
        <v>1</v>
      </c>
      <c r="C7939" s="16">
        <v>7905</v>
      </c>
      <c r="D7939" cm="1">
        <f t="array" ref="D7939">IFERROR(INDEX(Jesper!AH$2:AH$366,ROUNDDOWN($C7939/24,0)+1,1)*INDEX($D$3:$AA$30,INDEX(Jesper!$R$2:$R$366,ROW(INDEX(Jesper!AH$2:AH$366,ROUNDDOWN($C7939/24,0)+1,1))-1)+IF('Standard Profiles'!$G$18=$B$10,7,0)+IF('Standard Profiles'!$G$18=$B$17,14,0)+IF('Standard Profiles'!$G$18=$B$24,21,0),MOD($C7939,24)+1)/SUM(INDEX($D$3:$AA$30,INDEX(Jesper!$R$2:$R$366,ROW(INDEX(Jesper!AH$2:AH$366,ROUNDDOWN($C7939/24,0)+1,1))-1)+IF('Standard Profiles'!$G$18=$B$10,7,0)+IF('Standard Profiles'!$G$18=$B$17,14,0)+IF('Standard Profiles'!$G$18=$B$24,21,0),0)),0)</f>
        <v>14.807362674776572</v>
      </c>
      <c r="E7939" cm="1">
        <f t="array" ref="E7939">IFERROR(INDEX(Jesper!AI$2:AI$366,ROUNDDOWN($C7939/24,0)+1,1)*INDEX($D$3:$AA$30,INDEX(Jesper!$R$2:$R$366,ROW(INDEX(Jesper!AI$2:AI$366,ROUNDDOWN($C7939/24,0)+1,1))-1)+IF('Standard Profiles'!$G$19=$B$10,7,0)+IF('Standard Profiles'!$G$19=$B$17,14,0)+IF('Standard Profiles'!$G$19=$B$24,21,0),MOD($C7939,24)+1)/SUM(INDEX($D$3:$AA$30,INDEX(Jesper!$R$2:$R$366,ROW(INDEX(Jesper!AI$2:AI$366,ROUNDDOWN($C7939/24,0)+1,1))-1)+IF('Standard Profiles'!$G$19=$B$10,7,0)+IF('Standard Profiles'!$G$19=$B$17,14,0)+IF('Standard Profiles'!$G$19=$B$24,21,0),0)),0)</f>
        <v>0</v>
      </c>
      <c r="F7939" cm="1">
        <f t="array" ref="F7939">IFERROR(INDEX(Jesper!AJ$2:AJ$366,ROUNDDOWN($C7939/24,0)+1,1)*INDEX($D$3:$AA$30,INDEX(Jesper!$R$2:$R$366,ROW(INDEX(Jesper!AJ$2:AJ$366,ROUNDDOWN($C7939/24,0)+1,1))-1)+IF('Standard Profiles'!$G$20=$B$10,7,0)+IF('Standard Profiles'!$G$20=$B$17,14,0)+IF('Standard Profiles'!$G$20=$B$24,21,0),MOD($C7939,24)+1)/SUM(INDEX($D$3:$AA$30,INDEX(Jesper!$R$2:$R$366,ROW(INDEX(Jesper!AJ$2:AJ$366,ROUNDDOWN($C7939/24,0)+1,1))-1)+IF('Standard Profiles'!$G$20=$B$10,7,0)+IF('Standard Profiles'!$G$20=$B$17,14,0)+IF('Standard Profiles'!$G$20=$B$24,21,0),0)),0)</f>
        <v>0</v>
      </c>
      <c r="G7939" cm="1">
        <f t="array" ref="G7939">IFERROR(INDEX(Jesper!AK$2:AK$366,ROUNDDOWN($C7939/24,0)+1,1)*INDEX($D$3:$AA$30,INDEX(Jesper!$R$2:$R$366,ROW(INDEX(Jesper!AK$2:AK$366,ROUNDDOWN($C7939/24,0)+1,1))-1)+IF('Standard Profiles'!$G$21=$B$10,7,0)+IF('Standard Profiles'!$G$21=$B$17,14,0)+IF('Standard Profiles'!$G$21=$B$24,21,0),MOD($C7939,24)+1)/SUM(INDEX($D$3:$AA$30,INDEX(Jesper!$R$2:$R$366,ROW(INDEX(Jesper!AK$2:AK$366,ROUNDDOWN($C7939/24,0)+1,1))-1)+IF('Standard Profiles'!$G$21=$B$10,7,0)+IF('Standard Profiles'!$G$21=$B$17,14,0)+IF('Standard Profiles'!$G$21=$B$24,21,0),0)),0)</f>
        <v>0</v>
      </c>
      <c r="H7939" cm="1">
        <f t="array" ref="H7939">IFERROR(INDEX(Jesper!AL$2:AL$366,ROUNDDOWN($C7939/24,0)+1,1)*INDEX($D$3:$AA$30,INDEX(Jesper!$R$2:$R$366,ROW(INDEX(Jesper!AL$2:AL$366,ROUNDDOWN($C7939/24,0)+1,1))-1)+IF('Standard Profiles'!$G$22=$B$10,7,0)+IF('Standard Profiles'!$G$22=$B$17,14,0)+IF('Standard Profiles'!$G$22=$B$24,21,0),MOD($C7939,24)+1)/SUM(INDEX($D$3:$AA$30,INDEX(Jesper!$R$2:$R$366,ROW(INDEX(Jesper!AL$2:AL$366,ROUNDDOWN($C7939/24,0)+1,1))-1)+IF('Standard Profiles'!$G$22=$B$10,7,0)+IF('Standard Profiles'!$G$22=$B$17,14,0)+IF('Standard Profiles'!$G$22=$B$24,21,0),0)),0)</f>
        <v>0</v>
      </c>
      <c r="I7939">
        <f t="shared" si="881"/>
        <v>0.44422088024329714</v>
      </c>
      <c r="J7939">
        <f t="shared" si="882"/>
        <v>1.4807362674776572</v>
      </c>
      <c r="K7939">
        <f t="shared" si="883"/>
        <v>2.2211044012164858</v>
      </c>
      <c r="L7939">
        <f t="shared" si="884"/>
        <v>10.661301125839131</v>
      </c>
      <c r="M7939">
        <f t="shared" si="885"/>
        <v>0</v>
      </c>
      <c r="N7939" s="46">
        <f t="shared" si="886"/>
        <v>45621.374999980828</v>
      </c>
    </row>
    <row r="7940" spans="2:14" x14ac:dyDescent="0.3">
      <c r="B7940">
        <f t="shared" si="880"/>
        <v>1</v>
      </c>
      <c r="C7940" s="16">
        <v>7906</v>
      </c>
      <c r="D7940" cm="1">
        <f t="array" ref="D7940">IFERROR(INDEX(Jesper!AH$2:AH$366,ROUNDDOWN($C7940/24,0)+1,1)*INDEX($D$3:$AA$30,INDEX(Jesper!$R$2:$R$366,ROW(INDEX(Jesper!AH$2:AH$366,ROUNDDOWN($C7940/24,0)+1,1))-1)+IF('Standard Profiles'!$G$18=$B$10,7,0)+IF('Standard Profiles'!$G$18=$B$17,14,0)+IF('Standard Profiles'!$G$18=$B$24,21,0),MOD($C7940,24)+1)/SUM(INDEX($D$3:$AA$30,INDEX(Jesper!$R$2:$R$366,ROW(INDEX(Jesper!AH$2:AH$366,ROUNDDOWN($C7940/24,0)+1,1))-1)+IF('Standard Profiles'!$G$18=$B$10,7,0)+IF('Standard Profiles'!$G$18=$B$17,14,0)+IF('Standard Profiles'!$G$18=$B$24,21,0),0)),0)</f>
        <v>14.807362674776572</v>
      </c>
      <c r="E7940" cm="1">
        <f t="array" ref="E7940">IFERROR(INDEX(Jesper!AI$2:AI$366,ROUNDDOWN($C7940/24,0)+1,1)*INDEX($D$3:$AA$30,INDEX(Jesper!$R$2:$R$366,ROW(INDEX(Jesper!AI$2:AI$366,ROUNDDOWN($C7940/24,0)+1,1))-1)+IF('Standard Profiles'!$G$19=$B$10,7,0)+IF('Standard Profiles'!$G$19=$B$17,14,0)+IF('Standard Profiles'!$G$19=$B$24,21,0),MOD($C7940,24)+1)/SUM(INDEX($D$3:$AA$30,INDEX(Jesper!$R$2:$R$366,ROW(INDEX(Jesper!AI$2:AI$366,ROUNDDOWN($C7940/24,0)+1,1))-1)+IF('Standard Profiles'!$G$19=$B$10,7,0)+IF('Standard Profiles'!$G$19=$B$17,14,0)+IF('Standard Profiles'!$G$19=$B$24,21,0),0)),0)</f>
        <v>0</v>
      </c>
      <c r="F7940" cm="1">
        <f t="array" ref="F7940">IFERROR(INDEX(Jesper!AJ$2:AJ$366,ROUNDDOWN($C7940/24,0)+1,1)*INDEX($D$3:$AA$30,INDEX(Jesper!$R$2:$R$366,ROW(INDEX(Jesper!AJ$2:AJ$366,ROUNDDOWN($C7940/24,0)+1,1))-1)+IF('Standard Profiles'!$G$20=$B$10,7,0)+IF('Standard Profiles'!$G$20=$B$17,14,0)+IF('Standard Profiles'!$G$20=$B$24,21,0),MOD($C7940,24)+1)/SUM(INDEX($D$3:$AA$30,INDEX(Jesper!$R$2:$R$366,ROW(INDEX(Jesper!AJ$2:AJ$366,ROUNDDOWN($C7940/24,0)+1,1))-1)+IF('Standard Profiles'!$G$20=$B$10,7,0)+IF('Standard Profiles'!$G$20=$B$17,14,0)+IF('Standard Profiles'!$G$20=$B$24,21,0),0)),0)</f>
        <v>0</v>
      </c>
      <c r="G7940" cm="1">
        <f t="array" ref="G7940">IFERROR(INDEX(Jesper!AK$2:AK$366,ROUNDDOWN($C7940/24,0)+1,1)*INDEX($D$3:$AA$30,INDEX(Jesper!$R$2:$R$366,ROW(INDEX(Jesper!AK$2:AK$366,ROUNDDOWN($C7940/24,0)+1,1))-1)+IF('Standard Profiles'!$G$21=$B$10,7,0)+IF('Standard Profiles'!$G$21=$B$17,14,0)+IF('Standard Profiles'!$G$21=$B$24,21,0),MOD($C7940,24)+1)/SUM(INDEX($D$3:$AA$30,INDEX(Jesper!$R$2:$R$366,ROW(INDEX(Jesper!AK$2:AK$366,ROUNDDOWN($C7940/24,0)+1,1))-1)+IF('Standard Profiles'!$G$21=$B$10,7,0)+IF('Standard Profiles'!$G$21=$B$17,14,0)+IF('Standard Profiles'!$G$21=$B$24,21,0),0)),0)</f>
        <v>0</v>
      </c>
      <c r="H7940" cm="1">
        <f t="array" ref="H7940">IFERROR(INDEX(Jesper!AL$2:AL$366,ROUNDDOWN($C7940/24,0)+1,1)*INDEX($D$3:$AA$30,INDEX(Jesper!$R$2:$R$366,ROW(INDEX(Jesper!AL$2:AL$366,ROUNDDOWN($C7940/24,0)+1,1))-1)+IF('Standard Profiles'!$G$22=$B$10,7,0)+IF('Standard Profiles'!$G$22=$B$17,14,0)+IF('Standard Profiles'!$G$22=$B$24,21,0),MOD($C7940,24)+1)/SUM(INDEX($D$3:$AA$30,INDEX(Jesper!$R$2:$R$366,ROW(INDEX(Jesper!AL$2:AL$366,ROUNDDOWN($C7940/24,0)+1,1))-1)+IF('Standard Profiles'!$G$22=$B$10,7,0)+IF('Standard Profiles'!$G$22=$B$17,14,0)+IF('Standard Profiles'!$G$22=$B$24,21,0),0)),0)</f>
        <v>0</v>
      </c>
      <c r="I7940">
        <f t="shared" si="881"/>
        <v>0.44422088024329714</v>
      </c>
      <c r="J7940">
        <f t="shared" si="882"/>
        <v>1.4807362674776572</v>
      </c>
      <c r="K7940">
        <f t="shared" si="883"/>
        <v>2.2211044012164858</v>
      </c>
      <c r="L7940">
        <f t="shared" si="884"/>
        <v>10.661301125839131</v>
      </c>
      <c r="M7940">
        <f t="shared" si="885"/>
        <v>0</v>
      </c>
      <c r="N7940" s="46">
        <f t="shared" si="886"/>
        <v>45621.416666647492</v>
      </c>
    </row>
    <row r="7941" spans="2:14" x14ac:dyDescent="0.3">
      <c r="B7941">
        <f t="shared" si="880"/>
        <v>1</v>
      </c>
      <c r="C7941" s="16">
        <v>7907</v>
      </c>
      <c r="D7941" cm="1">
        <f t="array" ref="D7941">IFERROR(INDEX(Jesper!AH$2:AH$366,ROUNDDOWN($C7941/24,0)+1,1)*INDEX($D$3:$AA$30,INDEX(Jesper!$R$2:$R$366,ROW(INDEX(Jesper!AH$2:AH$366,ROUNDDOWN($C7941/24,0)+1,1))-1)+IF('Standard Profiles'!$G$18=$B$10,7,0)+IF('Standard Profiles'!$G$18=$B$17,14,0)+IF('Standard Profiles'!$G$18=$B$24,21,0),MOD($C7941,24)+1)/SUM(INDEX($D$3:$AA$30,INDEX(Jesper!$R$2:$R$366,ROW(INDEX(Jesper!AH$2:AH$366,ROUNDDOWN($C7941/24,0)+1,1))-1)+IF('Standard Profiles'!$G$18=$B$10,7,0)+IF('Standard Profiles'!$G$18=$B$17,14,0)+IF('Standard Profiles'!$G$18=$B$24,21,0),0)),0)</f>
        <v>18.803000221938504</v>
      </c>
      <c r="E7941" cm="1">
        <f t="array" ref="E7941">IFERROR(INDEX(Jesper!AI$2:AI$366,ROUNDDOWN($C7941/24,0)+1,1)*INDEX($D$3:$AA$30,INDEX(Jesper!$R$2:$R$366,ROW(INDEX(Jesper!AI$2:AI$366,ROUNDDOWN($C7941/24,0)+1,1))-1)+IF('Standard Profiles'!$G$19=$B$10,7,0)+IF('Standard Profiles'!$G$19=$B$17,14,0)+IF('Standard Profiles'!$G$19=$B$24,21,0),MOD($C7941,24)+1)/SUM(INDEX($D$3:$AA$30,INDEX(Jesper!$R$2:$R$366,ROW(INDEX(Jesper!AI$2:AI$366,ROUNDDOWN($C7941/24,0)+1,1))-1)+IF('Standard Profiles'!$G$19=$B$10,7,0)+IF('Standard Profiles'!$G$19=$B$17,14,0)+IF('Standard Profiles'!$G$19=$B$24,21,0),0)),0)</f>
        <v>0</v>
      </c>
      <c r="F7941" cm="1">
        <f t="array" ref="F7941">IFERROR(INDEX(Jesper!AJ$2:AJ$366,ROUNDDOWN($C7941/24,0)+1,1)*INDEX($D$3:$AA$30,INDEX(Jesper!$R$2:$R$366,ROW(INDEX(Jesper!AJ$2:AJ$366,ROUNDDOWN($C7941/24,0)+1,1))-1)+IF('Standard Profiles'!$G$20=$B$10,7,0)+IF('Standard Profiles'!$G$20=$B$17,14,0)+IF('Standard Profiles'!$G$20=$B$24,21,0),MOD($C7941,24)+1)/SUM(INDEX($D$3:$AA$30,INDEX(Jesper!$R$2:$R$366,ROW(INDEX(Jesper!AJ$2:AJ$366,ROUNDDOWN($C7941/24,0)+1,1))-1)+IF('Standard Profiles'!$G$20=$B$10,7,0)+IF('Standard Profiles'!$G$20=$B$17,14,0)+IF('Standard Profiles'!$G$20=$B$24,21,0),0)),0)</f>
        <v>0</v>
      </c>
      <c r="G7941" cm="1">
        <f t="array" ref="G7941">IFERROR(INDEX(Jesper!AK$2:AK$366,ROUNDDOWN($C7941/24,0)+1,1)*INDEX($D$3:$AA$30,INDEX(Jesper!$R$2:$R$366,ROW(INDEX(Jesper!AK$2:AK$366,ROUNDDOWN($C7941/24,0)+1,1))-1)+IF('Standard Profiles'!$G$21=$B$10,7,0)+IF('Standard Profiles'!$G$21=$B$17,14,0)+IF('Standard Profiles'!$G$21=$B$24,21,0),MOD($C7941,24)+1)/SUM(INDEX($D$3:$AA$30,INDEX(Jesper!$R$2:$R$366,ROW(INDEX(Jesper!AK$2:AK$366,ROUNDDOWN($C7941/24,0)+1,1))-1)+IF('Standard Profiles'!$G$21=$B$10,7,0)+IF('Standard Profiles'!$G$21=$B$17,14,0)+IF('Standard Profiles'!$G$21=$B$24,21,0),0)),0)</f>
        <v>0</v>
      </c>
      <c r="H7941" cm="1">
        <f t="array" ref="H7941">IFERROR(INDEX(Jesper!AL$2:AL$366,ROUNDDOWN($C7941/24,0)+1,1)*INDEX($D$3:$AA$30,INDEX(Jesper!$R$2:$R$366,ROW(INDEX(Jesper!AL$2:AL$366,ROUNDDOWN($C7941/24,0)+1,1))-1)+IF('Standard Profiles'!$G$22=$B$10,7,0)+IF('Standard Profiles'!$G$22=$B$17,14,0)+IF('Standard Profiles'!$G$22=$B$24,21,0),MOD($C7941,24)+1)/SUM(INDEX($D$3:$AA$30,INDEX(Jesper!$R$2:$R$366,ROW(INDEX(Jesper!AL$2:AL$366,ROUNDDOWN($C7941/24,0)+1,1))-1)+IF('Standard Profiles'!$G$22=$B$10,7,0)+IF('Standard Profiles'!$G$22=$B$17,14,0)+IF('Standard Profiles'!$G$22=$B$24,21,0),0)),0)</f>
        <v>0</v>
      </c>
      <c r="I7941">
        <f t="shared" si="881"/>
        <v>0.56409000665815512</v>
      </c>
      <c r="J7941">
        <f t="shared" si="882"/>
        <v>1.8803000221938504</v>
      </c>
      <c r="K7941">
        <f t="shared" si="883"/>
        <v>2.8204500332907756</v>
      </c>
      <c r="L7941">
        <f t="shared" si="884"/>
        <v>13.538160159795723</v>
      </c>
      <c r="M7941">
        <f t="shared" si="885"/>
        <v>0</v>
      </c>
      <c r="N7941" s="46">
        <f t="shared" si="886"/>
        <v>45621.458333314156</v>
      </c>
    </row>
    <row r="7942" spans="2:14" x14ac:dyDescent="0.3">
      <c r="B7942">
        <f t="shared" si="880"/>
        <v>1</v>
      </c>
      <c r="C7942" s="16">
        <v>7908</v>
      </c>
      <c r="D7942" cm="1">
        <f t="array" ref="D7942">IFERROR(INDEX(Jesper!AH$2:AH$366,ROUNDDOWN($C7942/24,0)+1,1)*INDEX($D$3:$AA$30,INDEX(Jesper!$R$2:$R$366,ROW(INDEX(Jesper!AH$2:AH$366,ROUNDDOWN($C7942/24,0)+1,1))-1)+IF('Standard Profiles'!$G$18=$B$10,7,0)+IF('Standard Profiles'!$G$18=$B$17,14,0)+IF('Standard Profiles'!$G$18=$B$24,21,0),MOD($C7942,24)+1)/SUM(INDEX($D$3:$AA$30,INDEX(Jesper!$R$2:$R$366,ROW(INDEX(Jesper!AH$2:AH$366,ROUNDDOWN($C7942/24,0)+1,1))-1)+IF('Standard Profiles'!$G$18=$B$10,7,0)+IF('Standard Profiles'!$G$18=$B$17,14,0)+IF('Standard Profiles'!$G$18=$B$24,21,0),0)),0)</f>
        <v>18.803000221938504</v>
      </c>
      <c r="E7942" cm="1">
        <f t="array" ref="E7942">IFERROR(INDEX(Jesper!AI$2:AI$366,ROUNDDOWN($C7942/24,0)+1,1)*INDEX($D$3:$AA$30,INDEX(Jesper!$R$2:$R$366,ROW(INDEX(Jesper!AI$2:AI$366,ROUNDDOWN($C7942/24,0)+1,1))-1)+IF('Standard Profiles'!$G$19=$B$10,7,0)+IF('Standard Profiles'!$G$19=$B$17,14,0)+IF('Standard Profiles'!$G$19=$B$24,21,0),MOD($C7942,24)+1)/SUM(INDEX($D$3:$AA$30,INDEX(Jesper!$R$2:$R$366,ROW(INDEX(Jesper!AI$2:AI$366,ROUNDDOWN($C7942/24,0)+1,1))-1)+IF('Standard Profiles'!$G$19=$B$10,7,0)+IF('Standard Profiles'!$G$19=$B$17,14,0)+IF('Standard Profiles'!$G$19=$B$24,21,0),0)),0)</f>
        <v>0</v>
      </c>
      <c r="F7942" cm="1">
        <f t="array" ref="F7942">IFERROR(INDEX(Jesper!AJ$2:AJ$366,ROUNDDOWN($C7942/24,0)+1,1)*INDEX($D$3:$AA$30,INDEX(Jesper!$R$2:$R$366,ROW(INDEX(Jesper!AJ$2:AJ$366,ROUNDDOWN($C7942/24,0)+1,1))-1)+IF('Standard Profiles'!$G$20=$B$10,7,0)+IF('Standard Profiles'!$G$20=$B$17,14,0)+IF('Standard Profiles'!$G$20=$B$24,21,0),MOD($C7942,24)+1)/SUM(INDEX($D$3:$AA$30,INDEX(Jesper!$R$2:$R$366,ROW(INDEX(Jesper!AJ$2:AJ$366,ROUNDDOWN($C7942/24,0)+1,1))-1)+IF('Standard Profiles'!$G$20=$B$10,7,0)+IF('Standard Profiles'!$G$20=$B$17,14,0)+IF('Standard Profiles'!$G$20=$B$24,21,0),0)),0)</f>
        <v>0</v>
      </c>
      <c r="G7942" cm="1">
        <f t="array" ref="G7942">IFERROR(INDEX(Jesper!AK$2:AK$366,ROUNDDOWN($C7942/24,0)+1,1)*INDEX($D$3:$AA$30,INDEX(Jesper!$R$2:$R$366,ROW(INDEX(Jesper!AK$2:AK$366,ROUNDDOWN($C7942/24,0)+1,1))-1)+IF('Standard Profiles'!$G$21=$B$10,7,0)+IF('Standard Profiles'!$G$21=$B$17,14,0)+IF('Standard Profiles'!$G$21=$B$24,21,0),MOD($C7942,24)+1)/SUM(INDEX($D$3:$AA$30,INDEX(Jesper!$R$2:$R$366,ROW(INDEX(Jesper!AK$2:AK$366,ROUNDDOWN($C7942/24,0)+1,1))-1)+IF('Standard Profiles'!$G$21=$B$10,7,0)+IF('Standard Profiles'!$G$21=$B$17,14,0)+IF('Standard Profiles'!$G$21=$B$24,21,0),0)),0)</f>
        <v>0</v>
      </c>
      <c r="H7942" cm="1">
        <f t="array" ref="H7942">IFERROR(INDEX(Jesper!AL$2:AL$366,ROUNDDOWN($C7942/24,0)+1,1)*INDEX($D$3:$AA$30,INDEX(Jesper!$R$2:$R$366,ROW(INDEX(Jesper!AL$2:AL$366,ROUNDDOWN($C7942/24,0)+1,1))-1)+IF('Standard Profiles'!$G$22=$B$10,7,0)+IF('Standard Profiles'!$G$22=$B$17,14,0)+IF('Standard Profiles'!$G$22=$B$24,21,0),MOD($C7942,24)+1)/SUM(INDEX($D$3:$AA$30,INDEX(Jesper!$R$2:$R$366,ROW(INDEX(Jesper!AL$2:AL$366,ROUNDDOWN($C7942/24,0)+1,1))-1)+IF('Standard Profiles'!$G$22=$B$10,7,0)+IF('Standard Profiles'!$G$22=$B$17,14,0)+IF('Standard Profiles'!$G$22=$B$24,21,0),0)),0)</f>
        <v>0</v>
      </c>
      <c r="I7942">
        <f t="shared" si="881"/>
        <v>0.56409000665815512</v>
      </c>
      <c r="J7942">
        <f t="shared" si="882"/>
        <v>1.8803000221938504</v>
      </c>
      <c r="K7942">
        <f t="shared" si="883"/>
        <v>2.8204500332907756</v>
      </c>
      <c r="L7942">
        <f t="shared" si="884"/>
        <v>13.538160159795723</v>
      </c>
      <c r="M7942">
        <f t="shared" si="885"/>
        <v>0</v>
      </c>
      <c r="N7942" s="46">
        <f t="shared" si="886"/>
        <v>45621.499999980821</v>
      </c>
    </row>
    <row r="7943" spans="2:14" x14ac:dyDescent="0.3">
      <c r="B7943">
        <f t="shared" si="880"/>
        <v>1</v>
      </c>
      <c r="C7943" s="16">
        <v>7909</v>
      </c>
      <c r="D7943" cm="1">
        <f t="array" ref="D7943">IFERROR(INDEX(Jesper!AH$2:AH$366,ROUNDDOWN($C7943/24,0)+1,1)*INDEX($D$3:$AA$30,INDEX(Jesper!$R$2:$R$366,ROW(INDEX(Jesper!AH$2:AH$366,ROUNDDOWN($C7943/24,0)+1,1))-1)+IF('Standard Profiles'!$G$18=$B$10,7,0)+IF('Standard Profiles'!$G$18=$B$17,14,0)+IF('Standard Profiles'!$G$18=$B$24,21,0),MOD($C7943,24)+1)/SUM(INDEX($D$3:$AA$30,INDEX(Jesper!$R$2:$R$366,ROW(INDEX(Jesper!AH$2:AH$366,ROUNDDOWN($C7943/24,0)+1,1))-1)+IF('Standard Profiles'!$G$18=$B$10,7,0)+IF('Standard Profiles'!$G$18=$B$17,14,0)+IF('Standard Profiles'!$G$18=$B$24,21,0),0)),0)</f>
        <v>12.456987647034261</v>
      </c>
      <c r="E7943" cm="1">
        <f t="array" ref="E7943">IFERROR(INDEX(Jesper!AI$2:AI$366,ROUNDDOWN($C7943/24,0)+1,1)*INDEX($D$3:$AA$30,INDEX(Jesper!$R$2:$R$366,ROW(INDEX(Jesper!AI$2:AI$366,ROUNDDOWN($C7943/24,0)+1,1))-1)+IF('Standard Profiles'!$G$19=$B$10,7,0)+IF('Standard Profiles'!$G$19=$B$17,14,0)+IF('Standard Profiles'!$G$19=$B$24,21,0),MOD($C7943,24)+1)/SUM(INDEX($D$3:$AA$30,INDEX(Jesper!$R$2:$R$366,ROW(INDEX(Jesper!AI$2:AI$366,ROUNDDOWN($C7943/24,0)+1,1))-1)+IF('Standard Profiles'!$G$19=$B$10,7,0)+IF('Standard Profiles'!$G$19=$B$17,14,0)+IF('Standard Profiles'!$G$19=$B$24,21,0),0)),0)</f>
        <v>0</v>
      </c>
      <c r="F7943" cm="1">
        <f t="array" ref="F7943">IFERROR(INDEX(Jesper!AJ$2:AJ$366,ROUNDDOWN($C7943/24,0)+1,1)*INDEX($D$3:$AA$30,INDEX(Jesper!$R$2:$R$366,ROW(INDEX(Jesper!AJ$2:AJ$366,ROUNDDOWN($C7943/24,0)+1,1))-1)+IF('Standard Profiles'!$G$20=$B$10,7,0)+IF('Standard Profiles'!$G$20=$B$17,14,0)+IF('Standard Profiles'!$G$20=$B$24,21,0),MOD($C7943,24)+1)/SUM(INDEX($D$3:$AA$30,INDEX(Jesper!$R$2:$R$366,ROW(INDEX(Jesper!AJ$2:AJ$366,ROUNDDOWN($C7943/24,0)+1,1))-1)+IF('Standard Profiles'!$G$20=$B$10,7,0)+IF('Standard Profiles'!$G$20=$B$17,14,0)+IF('Standard Profiles'!$G$20=$B$24,21,0),0)),0)</f>
        <v>0</v>
      </c>
      <c r="G7943" cm="1">
        <f t="array" ref="G7943">IFERROR(INDEX(Jesper!AK$2:AK$366,ROUNDDOWN($C7943/24,0)+1,1)*INDEX($D$3:$AA$30,INDEX(Jesper!$R$2:$R$366,ROW(INDEX(Jesper!AK$2:AK$366,ROUNDDOWN($C7943/24,0)+1,1))-1)+IF('Standard Profiles'!$G$21=$B$10,7,0)+IF('Standard Profiles'!$G$21=$B$17,14,0)+IF('Standard Profiles'!$G$21=$B$24,21,0),MOD($C7943,24)+1)/SUM(INDEX($D$3:$AA$30,INDEX(Jesper!$R$2:$R$366,ROW(INDEX(Jesper!AK$2:AK$366,ROUNDDOWN($C7943/24,0)+1,1))-1)+IF('Standard Profiles'!$G$21=$B$10,7,0)+IF('Standard Profiles'!$G$21=$B$17,14,0)+IF('Standard Profiles'!$G$21=$B$24,21,0),0)),0)</f>
        <v>0</v>
      </c>
      <c r="H7943" cm="1">
        <f t="array" ref="H7943">IFERROR(INDEX(Jesper!AL$2:AL$366,ROUNDDOWN($C7943/24,0)+1,1)*INDEX($D$3:$AA$30,INDEX(Jesper!$R$2:$R$366,ROW(INDEX(Jesper!AL$2:AL$366,ROUNDDOWN($C7943/24,0)+1,1))-1)+IF('Standard Profiles'!$G$22=$B$10,7,0)+IF('Standard Profiles'!$G$22=$B$17,14,0)+IF('Standard Profiles'!$G$22=$B$24,21,0),MOD($C7943,24)+1)/SUM(INDEX($D$3:$AA$30,INDEX(Jesper!$R$2:$R$366,ROW(INDEX(Jesper!AL$2:AL$366,ROUNDDOWN($C7943/24,0)+1,1))-1)+IF('Standard Profiles'!$G$22=$B$10,7,0)+IF('Standard Profiles'!$G$22=$B$17,14,0)+IF('Standard Profiles'!$G$22=$B$24,21,0),0)),0)</f>
        <v>0</v>
      </c>
      <c r="I7943">
        <f t="shared" si="881"/>
        <v>0.37370962941102781</v>
      </c>
      <c r="J7943">
        <f t="shared" si="882"/>
        <v>1.2456987647034261</v>
      </c>
      <c r="K7943">
        <f t="shared" si="883"/>
        <v>1.8685481470551391</v>
      </c>
      <c r="L7943">
        <f t="shared" si="884"/>
        <v>8.9690311058646675</v>
      </c>
      <c r="M7943">
        <f t="shared" si="885"/>
        <v>0</v>
      </c>
      <c r="N7943" s="46">
        <f t="shared" si="886"/>
        <v>45621.541666647485</v>
      </c>
    </row>
    <row r="7944" spans="2:14" x14ac:dyDescent="0.3">
      <c r="B7944">
        <f t="shared" si="880"/>
        <v>1</v>
      </c>
      <c r="C7944" s="16">
        <v>7910</v>
      </c>
      <c r="D7944" cm="1">
        <f t="array" ref="D7944">IFERROR(INDEX(Jesper!AH$2:AH$366,ROUNDDOWN($C7944/24,0)+1,1)*INDEX($D$3:$AA$30,INDEX(Jesper!$R$2:$R$366,ROW(INDEX(Jesper!AH$2:AH$366,ROUNDDOWN($C7944/24,0)+1,1))-1)+IF('Standard Profiles'!$G$18=$B$10,7,0)+IF('Standard Profiles'!$G$18=$B$17,14,0)+IF('Standard Profiles'!$G$18=$B$24,21,0),MOD($C7944,24)+1)/SUM(INDEX($D$3:$AA$30,INDEX(Jesper!$R$2:$R$366,ROW(INDEX(Jesper!AH$2:AH$366,ROUNDDOWN($C7944/24,0)+1,1))-1)+IF('Standard Profiles'!$G$18=$B$10,7,0)+IF('Standard Profiles'!$G$18=$B$17,14,0)+IF('Standard Profiles'!$G$18=$B$24,21,0),0)),0)</f>
        <v>18.803000221938504</v>
      </c>
      <c r="E7944" cm="1">
        <f t="array" ref="E7944">IFERROR(INDEX(Jesper!AI$2:AI$366,ROUNDDOWN($C7944/24,0)+1,1)*INDEX($D$3:$AA$30,INDEX(Jesper!$R$2:$R$366,ROW(INDEX(Jesper!AI$2:AI$366,ROUNDDOWN($C7944/24,0)+1,1))-1)+IF('Standard Profiles'!$G$19=$B$10,7,0)+IF('Standard Profiles'!$G$19=$B$17,14,0)+IF('Standard Profiles'!$G$19=$B$24,21,0),MOD($C7944,24)+1)/SUM(INDEX($D$3:$AA$30,INDEX(Jesper!$R$2:$R$366,ROW(INDEX(Jesper!AI$2:AI$366,ROUNDDOWN($C7944/24,0)+1,1))-1)+IF('Standard Profiles'!$G$19=$B$10,7,0)+IF('Standard Profiles'!$G$19=$B$17,14,0)+IF('Standard Profiles'!$G$19=$B$24,21,0),0)),0)</f>
        <v>0</v>
      </c>
      <c r="F7944" cm="1">
        <f t="array" ref="F7944">IFERROR(INDEX(Jesper!AJ$2:AJ$366,ROUNDDOWN($C7944/24,0)+1,1)*INDEX($D$3:$AA$30,INDEX(Jesper!$R$2:$R$366,ROW(INDEX(Jesper!AJ$2:AJ$366,ROUNDDOWN($C7944/24,0)+1,1))-1)+IF('Standard Profiles'!$G$20=$B$10,7,0)+IF('Standard Profiles'!$G$20=$B$17,14,0)+IF('Standard Profiles'!$G$20=$B$24,21,0),MOD($C7944,24)+1)/SUM(INDEX($D$3:$AA$30,INDEX(Jesper!$R$2:$R$366,ROW(INDEX(Jesper!AJ$2:AJ$366,ROUNDDOWN($C7944/24,0)+1,1))-1)+IF('Standard Profiles'!$G$20=$B$10,7,0)+IF('Standard Profiles'!$G$20=$B$17,14,0)+IF('Standard Profiles'!$G$20=$B$24,21,0),0)),0)</f>
        <v>0</v>
      </c>
      <c r="G7944" cm="1">
        <f t="array" ref="G7944">IFERROR(INDEX(Jesper!AK$2:AK$366,ROUNDDOWN($C7944/24,0)+1,1)*INDEX($D$3:$AA$30,INDEX(Jesper!$R$2:$R$366,ROW(INDEX(Jesper!AK$2:AK$366,ROUNDDOWN($C7944/24,0)+1,1))-1)+IF('Standard Profiles'!$G$21=$B$10,7,0)+IF('Standard Profiles'!$G$21=$B$17,14,0)+IF('Standard Profiles'!$G$21=$B$24,21,0),MOD($C7944,24)+1)/SUM(INDEX($D$3:$AA$30,INDEX(Jesper!$R$2:$R$366,ROW(INDEX(Jesper!AK$2:AK$366,ROUNDDOWN($C7944/24,0)+1,1))-1)+IF('Standard Profiles'!$G$21=$B$10,7,0)+IF('Standard Profiles'!$G$21=$B$17,14,0)+IF('Standard Profiles'!$G$21=$B$24,21,0),0)),0)</f>
        <v>0</v>
      </c>
      <c r="H7944" cm="1">
        <f t="array" ref="H7944">IFERROR(INDEX(Jesper!AL$2:AL$366,ROUNDDOWN($C7944/24,0)+1,1)*INDEX($D$3:$AA$30,INDEX(Jesper!$R$2:$R$366,ROW(INDEX(Jesper!AL$2:AL$366,ROUNDDOWN($C7944/24,0)+1,1))-1)+IF('Standard Profiles'!$G$22=$B$10,7,0)+IF('Standard Profiles'!$G$22=$B$17,14,0)+IF('Standard Profiles'!$G$22=$B$24,21,0),MOD($C7944,24)+1)/SUM(INDEX($D$3:$AA$30,INDEX(Jesper!$R$2:$R$366,ROW(INDEX(Jesper!AL$2:AL$366,ROUNDDOWN($C7944/24,0)+1,1))-1)+IF('Standard Profiles'!$G$22=$B$10,7,0)+IF('Standard Profiles'!$G$22=$B$17,14,0)+IF('Standard Profiles'!$G$22=$B$24,21,0),0)),0)</f>
        <v>0</v>
      </c>
      <c r="I7944">
        <f t="shared" si="881"/>
        <v>0.56409000665815512</v>
      </c>
      <c r="J7944">
        <f t="shared" si="882"/>
        <v>1.8803000221938504</v>
      </c>
      <c r="K7944">
        <f t="shared" si="883"/>
        <v>2.8204500332907756</v>
      </c>
      <c r="L7944">
        <f t="shared" si="884"/>
        <v>13.538160159795723</v>
      </c>
      <c r="M7944">
        <f t="shared" si="885"/>
        <v>0</v>
      </c>
      <c r="N7944" s="46">
        <f t="shared" si="886"/>
        <v>45621.583333314149</v>
      </c>
    </row>
    <row r="7945" spans="2:14" x14ac:dyDescent="0.3">
      <c r="B7945">
        <f t="shared" si="880"/>
        <v>1</v>
      </c>
      <c r="C7945" s="16">
        <v>7911</v>
      </c>
      <c r="D7945" cm="1">
        <f t="array" ref="D7945">IFERROR(INDEX(Jesper!AH$2:AH$366,ROUNDDOWN($C7945/24,0)+1,1)*INDEX($D$3:$AA$30,INDEX(Jesper!$R$2:$R$366,ROW(INDEX(Jesper!AH$2:AH$366,ROUNDDOWN($C7945/24,0)+1,1))-1)+IF('Standard Profiles'!$G$18=$B$10,7,0)+IF('Standard Profiles'!$G$18=$B$17,14,0)+IF('Standard Profiles'!$G$18=$B$24,21,0),MOD($C7945,24)+1)/SUM(INDEX($D$3:$AA$30,INDEX(Jesper!$R$2:$R$366,ROW(INDEX(Jesper!AH$2:AH$366,ROUNDDOWN($C7945/24,0)+1,1))-1)+IF('Standard Profiles'!$G$18=$B$10,7,0)+IF('Standard Profiles'!$G$18=$B$17,14,0)+IF('Standard Profiles'!$G$18=$B$24,21,0),0)),0)</f>
        <v>18.803000221938504</v>
      </c>
      <c r="E7945" cm="1">
        <f t="array" ref="E7945">IFERROR(INDEX(Jesper!AI$2:AI$366,ROUNDDOWN($C7945/24,0)+1,1)*INDEX($D$3:$AA$30,INDEX(Jesper!$R$2:$R$366,ROW(INDEX(Jesper!AI$2:AI$366,ROUNDDOWN($C7945/24,0)+1,1))-1)+IF('Standard Profiles'!$G$19=$B$10,7,0)+IF('Standard Profiles'!$G$19=$B$17,14,0)+IF('Standard Profiles'!$G$19=$B$24,21,0),MOD($C7945,24)+1)/SUM(INDEX($D$3:$AA$30,INDEX(Jesper!$R$2:$R$366,ROW(INDEX(Jesper!AI$2:AI$366,ROUNDDOWN($C7945/24,0)+1,1))-1)+IF('Standard Profiles'!$G$19=$B$10,7,0)+IF('Standard Profiles'!$G$19=$B$17,14,0)+IF('Standard Profiles'!$G$19=$B$24,21,0),0)),0)</f>
        <v>0</v>
      </c>
      <c r="F7945" cm="1">
        <f t="array" ref="F7945">IFERROR(INDEX(Jesper!AJ$2:AJ$366,ROUNDDOWN($C7945/24,0)+1,1)*INDEX($D$3:$AA$30,INDEX(Jesper!$R$2:$R$366,ROW(INDEX(Jesper!AJ$2:AJ$366,ROUNDDOWN($C7945/24,0)+1,1))-1)+IF('Standard Profiles'!$G$20=$B$10,7,0)+IF('Standard Profiles'!$G$20=$B$17,14,0)+IF('Standard Profiles'!$G$20=$B$24,21,0),MOD($C7945,24)+1)/SUM(INDEX($D$3:$AA$30,INDEX(Jesper!$R$2:$R$366,ROW(INDEX(Jesper!AJ$2:AJ$366,ROUNDDOWN($C7945/24,0)+1,1))-1)+IF('Standard Profiles'!$G$20=$B$10,7,0)+IF('Standard Profiles'!$G$20=$B$17,14,0)+IF('Standard Profiles'!$G$20=$B$24,21,0),0)),0)</f>
        <v>0</v>
      </c>
      <c r="G7945" cm="1">
        <f t="array" ref="G7945">IFERROR(INDEX(Jesper!AK$2:AK$366,ROUNDDOWN($C7945/24,0)+1,1)*INDEX($D$3:$AA$30,INDEX(Jesper!$R$2:$R$366,ROW(INDEX(Jesper!AK$2:AK$366,ROUNDDOWN($C7945/24,0)+1,1))-1)+IF('Standard Profiles'!$G$21=$B$10,7,0)+IF('Standard Profiles'!$G$21=$B$17,14,0)+IF('Standard Profiles'!$G$21=$B$24,21,0),MOD($C7945,24)+1)/SUM(INDEX($D$3:$AA$30,INDEX(Jesper!$R$2:$R$366,ROW(INDEX(Jesper!AK$2:AK$366,ROUNDDOWN($C7945/24,0)+1,1))-1)+IF('Standard Profiles'!$G$21=$B$10,7,0)+IF('Standard Profiles'!$G$21=$B$17,14,0)+IF('Standard Profiles'!$G$21=$B$24,21,0),0)),0)</f>
        <v>0</v>
      </c>
      <c r="H7945" cm="1">
        <f t="array" ref="H7945">IFERROR(INDEX(Jesper!AL$2:AL$366,ROUNDDOWN($C7945/24,0)+1,1)*INDEX($D$3:$AA$30,INDEX(Jesper!$R$2:$R$366,ROW(INDEX(Jesper!AL$2:AL$366,ROUNDDOWN($C7945/24,0)+1,1))-1)+IF('Standard Profiles'!$G$22=$B$10,7,0)+IF('Standard Profiles'!$G$22=$B$17,14,0)+IF('Standard Profiles'!$G$22=$B$24,21,0),MOD($C7945,24)+1)/SUM(INDEX($D$3:$AA$30,INDEX(Jesper!$R$2:$R$366,ROW(INDEX(Jesper!AL$2:AL$366,ROUNDDOWN($C7945/24,0)+1,1))-1)+IF('Standard Profiles'!$G$22=$B$10,7,0)+IF('Standard Profiles'!$G$22=$B$17,14,0)+IF('Standard Profiles'!$G$22=$B$24,21,0),0)),0)</f>
        <v>0</v>
      </c>
      <c r="I7945">
        <f t="shared" si="881"/>
        <v>0.56409000665815512</v>
      </c>
      <c r="J7945">
        <f t="shared" si="882"/>
        <v>1.8803000221938504</v>
      </c>
      <c r="K7945">
        <f t="shared" si="883"/>
        <v>2.8204500332907756</v>
      </c>
      <c r="L7945">
        <f t="shared" si="884"/>
        <v>13.538160159795723</v>
      </c>
      <c r="M7945">
        <f t="shared" si="885"/>
        <v>0</v>
      </c>
      <c r="N7945" s="46">
        <f t="shared" si="886"/>
        <v>45621.624999980813</v>
      </c>
    </row>
    <row r="7946" spans="2:14" x14ac:dyDescent="0.3">
      <c r="B7946">
        <f t="shared" si="880"/>
        <v>1</v>
      </c>
      <c r="C7946" s="16">
        <v>7912</v>
      </c>
      <c r="D7946" cm="1">
        <f t="array" ref="D7946">IFERROR(INDEX(Jesper!AH$2:AH$366,ROUNDDOWN($C7946/24,0)+1,1)*INDEX($D$3:$AA$30,INDEX(Jesper!$R$2:$R$366,ROW(INDEX(Jesper!AH$2:AH$366,ROUNDDOWN($C7946/24,0)+1,1))-1)+IF('Standard Profiles'!$G$18=$B$10,7,0)+IF('Standard Profiles'!$G$18=$B$17,14,0)+IF('Standard Profiles'!$G$18=$B$24,21,0),MOD($C7946,24)+1)/SUM(INDEX($D$3:$AA$30,INDEX(Jesper!$R$2:$R$366,ROW(INDEX(Jesper!AH$2:AH$366,ROUNDDOWN($C7946/24,0)+1,1))-1)+IF('Standard Profiles'!$G$18=$B$10,7,0)+IF('Standard Profiles'!$G$18=$B$17,14,0)+IF('Standard Profiles'!$G$18=$B$24,21,0),0)),0)</f>
        <v>18.803000221938504</v>
      </c>
      <c r="E7946" cm="1">
        <f t="array" ref="E7946">IFERROR(INDEX(Jesper!AI$2:AI$366,ROUNDDOWN($C7946/24,0)+1,1)*INDEX($D$3:$AA$30,INDEX(Jesper!$R$2:$R$366,ROW(INDEX(Jesper!AI$2:AI$366,ROUNDDOWN($C7946/24,0)+1,1))-1)+IF('Standard Profiles'!$G$19=$B$10,7,0)+IF('Standard Profiles'!$G$19=$B$17,14,0)+IF('Standard Profiles'!$G$19=$B$24,21,0),MOD($C7946,24)+1)/SUM(INDEX($D$3:$AA$30,INDEX(Jesper!$R$2:$R$366,ROW(INDEX(Jesper!AI$2:AI$366,ROUNDDOWN($C7946/24,0)+1,1))-1)+IF('Standard Profiles'!$G$19=$B$10,7,0)+IF('Standard Profiles'!$G$19=$B$17,14,0)+IF('Standard Profiles'!$G$19=$B$24,21,0),0)),0)</f>
        <v>0</v>
      </c>
      <c r="F7946" cm="1">
        <f t="array" ref="F7946">IFERROR(INDEX(Jesper!AJ$2:AJ$366,ROUNDDOWN($C7946/24,0)+1,1)*INDEX($D$3:$AA$30,INDEX(Jesper!$R$2:$R$366,ROW(INDEX(Jesper!AJ$2:AJ$366,ROUNDDOWN($C7946/24,0)+1,1))-1)+IF('Standard Profiles'!$G$20=$B$10,7,0)+IF('Standard Profiles'!$G$20=$B$17,14,0)+IF('Standard Profiles'!$G$20=$B$24,21,0),MOD($C7946,24)+1)/SUM(INDEX($D$3:$AA$30,INDEX(Jesper!$R$2:$R$366,ROW(INDEX(Jesper!AJ$2:AJ$366,ROUNDDOWN($C7946/24,0)+1,1))-1)+IF('Standard Profiles'!$G$20=$B$10,7,0)+IF('Standard Profiles'!$G$20=$B$17,14,0)+IF('Standard Profiles'!$G$20=$B$24,21,0),0)),0)</f>
        <v>0</v>
      </c>
      <c r="G7946" cm="1">
        <f t="array" ref="G7946">IFERROR(INDEX(Jesper!AK$2:AK$366,ROUNDDOWN($C7946/24,0)+1,1)*INDEX($D$3:$AA$30,INDEX(Jesper!$R$2:$R$366,ROW(INDEX(Jesper!AK$2:AK$366,ROUNDDOWN($C7946/24,0)+1,1))-1)+IF('Standard Profiles'!$G$21=$B$10,7,0)+IF('Standard Profiles'!$G$21=$B$17,14,0)+IF('Standard Profiles'!$G$21=$B$24,21,0),MOD($C7946,24)+1)/SUM(INDEX($D$3:$AA$30,INDEX(Jesper!$R$2:$R$366,ROW(INDEX(Jesper!AK$2:AK$366,ROUNDDOWN($C7946/24,0)+1,1))-1)+IF('Standard Profiles'!$G$21=$B$10,7,0)+IF('Standard Profiles'!$G$21=$B$17,14,0)+IF('Standard Profiles'!$G$21=$B$24,21,0),0)),0)</f>
        <v>0</v>
      </c>
      <c r="H7946" cm="1">
        <f t="array" ref="H7946">IFERROR(INDEX(Jesper!AL$2:AL$366,ROUNDDOWN($C7946/24,0)+1,1)*INDEX($D$3:$AA$30,INDEX(Jesper!$R$2:$R$366,ROW(INDEX(Jesper!AL$2:AL$366,ROUNDDOWN($C7946/24,0)+1,1))-1)+IF('Standard Profiles'!$G$22=$B$10,7,0)+IF('Standard Profiles'!$G$22=$B$17,14,0)+IF('Standard Profiles'!$G$22=$B$24,21,0),MOD($C7946,24)+1)/SUM(INDEX($D$3:$AA$30,INDEX(Jesper!$R$2:$R$366,ROW(INDEX(Jesper!AL$2:AL$366,ROUNDDOWN($C7946/24,0)+1,1))-1)+IF('Standard Profiles'!$G$22=$B$10,7,0)+IF('Standard Profiles'!$G$22=$B$17,14,0)+IF('Standard Profiles'!$G$22=$B$24,21,0),0)),0)</f>
        <v>0</v>
      </c>
      <c r="I7946">
        <f t="shared" si="881"/>
        <v>0.56409000665815512</v>
      </c>
      <c r="J7946">
        <f t="shared" si="882"/>
        <v>1.8803000221938504</v>
      </c>
      <c r="K7946">
        <f t="shared" si="883"/>
        <v>2.8204500332907756</v>
      </c>
      <c r="L7946">
        <f t="shared" si="884"/>
        <v>13.538160159795723</v>
      </c>
      <c r="M7946">
        <f t="shared" si="885"/>
        <v>0</v>
      </c>
      <c r="N7946" s="46">
        <f t="shared" si="886"/>
        <v>45621.666666647478</v>
      </c>
    </row>
    <row r="7947" spans="2:14" x14ac:dyDescent="0.3">
      <c r="B7947">
        <f t="shared" si="880"/>
        <v>1</v>
      </c>
      <c r="C7947" s="16">
        <v>7913</v>
      </c>
      <c r="D7947" cm="1">
        <f t="array" ref="D7947">IFERROR(INDEX(Jesper!AH$2:AH$366,ROUNDDOWN($C7947/24,0)+1,1)*INDEX($D$3:$AA$30,INDEX(Jesper!$R$2:$R$366,ROW(INDEX(Jesper!AH$2:AH$366,ROUNDDOWN($C7947/24,0)+1,1))-1)+IF('Standard Profiles'!$G$18=$B$10,7,0)+IF('Standard Profiles'!$G$18=$B$17,14,0)+IF('Standard Profiles'!$G$18=$B$24,21,0),MOD($C7947,24)+1)/SUM(INDEX($D$3:$AA$30,INDEX(Jesper!$R$2:$R$366,ROW(INDEX(Jesper!AH$2:AH$366,ROUNDDOWN($C7947/24,0)+1,1))-1)+IF('Standard Profiles'!$G$18=$B$10,7,0)+IF('Standard Profiles'!$G$18=$B$17,14,0)+IF('Standard Profiles'!$G$18=$B$24,21,0),0)),0)</f>
        <v>18.803000221938504</v>
      </c>
      <c r="E7947" cm="1">
        <f t="array" ref="E7947">IFERROR(INDEX(Jesper!AI$2:AI$366,ROUNDDOWN($C7947/24,0)+1,1)*INDEX($D$3:$AA$30,INDEX(Jesper!$R$2:$R$366,ROW(INDEX(Jesper!AI$2:AI$366,ROUNDDOWN($C7947/24,0)+1,1))-1)+IF('Standard Profiles'!$G$19=$B$10,7,0)+IF('Standard Profiles'!$G$19=$B$17,14,0)+IF('Standard Profiles'!$G$19=$B$24,21,0),MOD($C7947,24)+1)/SUM(INDEX($D$3:$AA$30,INDEX(Jesper!$R$2:$R$366,ROW(INDEX(Jesper!AI$2:AI$366,ROUNDDOWN($C7947/24,0)+1,1))-1)+IF('Standard Profiles'!$G$19=$B$10,7,0)+IF('Standard Profiles'!$G$19=$B$17,14,0)+IF('Standard Profiles'!$G$19=$B$24,21,0),0)),0)</f>
        <v>0</v>
      </c>
      <c r="F7947" cm="1">
        <f t="array" ref="F7947">IFERROR(INDEX(Jesper!AJ$2:AJ$366,ROUNDDOWN($C7947/24,0)+1,1)*INDEX($D$3:$AA$30,INDEX(Jesper!$R$2:$R$366,ROW(INDEX(Jesper!AJ$2:AJ$366,ROUNDDOWN($C7947/24,0)+1,1))-1)+IF('Standard Profiles'!$G$20=$B$10,7,0)+IF('Standard Profiles'!$G$20=$B$17,14,0)+IF('Standard Profiles'!$G$20=$B$24,21,0),MOD($C7947,24)+1)/SUM(INDEX($D$3:$AA$30,INDEX(Jesper!$R$2:$R$366,ROW(INDEX(Jesper!AJ$2:AJ$366,ROUNDDOWN($C7947/24,0)+1,1))-1)+IF('Standard Profiles'!$G$20=$B$10,7,0)+IF('Standard Profiles'!$G$20=$B$17,14,0)+IF('Standard Profiles'!$G$20=$B$24,21,0),0)),0)</f>
        <v>0</v>
      </c>
      <c r="G7947" cm="1">
        <f t="array" ref="G7947">IFERROR(INDEX(Jesper!AK$2:AK$366,ROUNDDOWN($C7947/24,0)+1,1)*INDEX($D$3:$AA$30,INDEX(Jesper!$R$2:$R$366,ROW(INDEX(Jesper!AK$2:AK$366,ROUNDDOWN($C7947/24,0)+1,1))-1)+IF('Standard Profiles'!$G$21=$B$10,7,0)+IF('Standard Profiles'!$G$21=$B$17,14,0)+IF('Standard Profiles'!$G$21=$B$24,21,0),MOD($C7947,24)+1)/SUM(INDEX($D$3:$AA$30,INDEX(Jesper!$R$2:$R$366,ROW(INDEX(Jesper!AK$2:AK$366,ROUNDDOWN($C7947/24,0)+1,1))-1)+IF('Standard Profiles'!$G$21=$B$10,7,0)+IF('Standard Profiles'!$G$21=$B$17,14,0)+IF('Standard Profiles'!$G$21=$B$24,21,0),0)),0)</f>
        <v>0</v>
      </c>
      <c r="H7947" cm="1">
        <f t="array" ref="H7947">IFERROR(INDEX(Jesper!AL$2:AL$366,ROUNDDOWN($C7947/24,0)+1,1)*INDEX($D$3:$AA$30,INDEX(Jesper!$R$2:$R$366,ROW(INDEX(Jesper!AL$2:AL$366,ROUNDDOWN($C7947/24,0)+1,1))-1)+IF('Standard Profiles'!$G$22=$B$10,7,0)+IF('Standard Profiles'!$G$22=$B$17,14,0)+IF('Standard Profiles'!$G$22=$B$24,21,0),MOD($C7947,24)+1)/SUM(INDEX($D$3:$AA$30,INDEX(Jesper!$R$2:$R$366,ROW(INDEX(Jesper!AL$2:AL$366,ROUNDDOWN($C7947/24,0)+1,1))-1)+IF('Standard Profiles'!$G$22=$B$10,7,0)+IF('Standard Profiles'!$G$22=$B$17,14,0)+IF('Standard Profiles'!$G$22=$B$24,21,0),0)),0)</f>
        <v>0</v>
      </c>
      <c r="I7947">
        <f t="shared" si="881"/>
        <v>0.56409000665815512</v>
      </c>
      <c r="J7947">
        <f t="shared" si="882"/>
        <v>1.8803000221938504</v>
      </c>
      <c r="K7947">
        <f t="shared" si="883"/>
        <v>2.8204500332907756</v>
      </c>
      <c r="L7947">
        <f t="shared" si="884"/>
        <v>13.538160159795723</v>
      </c>
      <c r="M7947">
        <f t="shared" si="885"/>
        <v>0</v>
      </c>
      <c r="N7947" s="46">
        <f t="shared" si="886"/>
        <v>45621.708333314142</v>
      </c>
    </row>
    <row r="7948" spans="2:14" x14ac:dyDescent="0.3">
      <c r="B7948">
        <f t="shared" si="880"/>
        <v>1</v>
      </c>
      <c r="C7948" s="16">
        <v>7914</v>
      </c>
      <c r="D7948" cm="1">
        <f t="array" ref="D7948">IFERROR(INDEX(Jesper!AH$2:AH$366,ROUNDDOWN($C7948/24,0)+1,1)*INDEX($D$3:$AA$30,INDEX(Jesper!$R$2:$R$366,ROW(INDEX(Jesper!AH$2:AH$366,ROUNDDOWN($C7948/24,0)+1,1))-1)+IF('Standard Profiles'!$G$18=$B$10,7,0)+IF('Standard Profiles'!$G$18=$B$17,14,0)+IF('Standard Profiles'!$G$18=$B$24,21,0),MOD($C7948,24)+1)/SUM(INDEX($D$3:$AA$30,INDEX(Jesper!$R$2:$R$366,ROW(INDEX(Jesper!AH$2:AH$366,ROUNDDOWN($C7948/24,0)+1,1))-1)+IF('Standard Profiles'!$G$18=$B$10,7,0)+IF('Standard Profiles'!$G$18=$B$17,14,0)+IF('Standard Profiles'!$G$18=$B$24,21,0),0)),0)</f>
        <v>18.803000221938504</v>
      </c>
      <c r="E7948" cm="1">
        <f t="array" ref="E7948">IFERROR(INDEX(Jesper!AI$2:AI$366,ROUNDDOWN($C7948/24,0)+1,1)*INDEX($D$3:$AA$30,INDEX(Jesper!$R$2:$R$366,ROW(INDEX(Jesper!AI$2:AI$366,ROUNDDOWN($C7948/24,0)+1,1))-1)+IF('Standard Profiles'!$G$19=$B$10,7,0)+IF('Standard Profiles'!$G$19=$B$17,14,0)+IF('Standard Profiles'!$G$19=$B$24,21,0),MOD($C7948,24)+1)/SUM(INDEX($D$3:$AA$30,INDEX(Jesper!$R$2:$R$366,ROW(INDEX(Jesper!AI$2:AI$366,ROUNDDOWN($C7948/24,0)+1,1))-1)+IF('Standard Profiles'!$G$19=$B$10,7,0)+IF('Standard Profiles'!$G$19=$B$17,14,0)+IF('Standard Profiles'!$G$19=$B$24,21,0),0)),0)</f>
        <v>0</v>
      </c>
      <c r="F7948" cm="1">
        <f t="array" ref="F7948">IFERROR(INDEX(Jesper!AJ$2:AJ$366,ROUNDDOWN($C7948/24,0)+1,1)*INDEX($D$3:$AA$30,INDEX(Jesper!$R$2:$R$366,ROW(INDEX(Jesper!AJ$2:AJ$366,ROUNDDOWN($C7948/24,0)+1,1))-1)+IF('Standard Profiles'!$G$20=$B$10,7,0)+IF('Standard Profiles'!$G$20=$B$17,14,0)+IF('Standard Profiles'!$G$20=$B$24,21,0),MOD($C7948,24)+1)/SUM(INDEX($D$3:$AA$30,INDEX(Jesper!$R$2:$R$366,ROW(INDEX(Jesper!AJ$2:AJ$366,ROUNDDOWN($C7948/24,0)+1,1))-1)+IF('Standard Profiles'!$G$20=$B$10,7,0)+IF('Standard Profiles'!$G$20=$B$17,14,0)+IF('Standard Profiles'!$G$20=$B$24,21,0),0)),0)</f>
        <v>0</v>
      </c>
      <c r="G7948" cm="1">
        <f t="array" ref="G7948">IFERROR(INDEX(Jesper!AK$2:AK$366,ROUNDDOWN($C7948/24,0)+1,1)*INDEX($D$3:$AA$30,INDEX(Jesper!$R$2:$R$366,ROW(INDEX(Jesper!AK$2:AK$366,ROUNDDOWN($C7948/24,0)+1,1))-1)+IF('Standard Profiles'!$G$21=$B$10,7,0)+IF('Standard Profiles'!$G$21=$B$17,14,0)+IF('Standard Profiles'!$G$21=$B$24,21,0),MOD($C7948,24)+1)/SUM(INDEX($D$3:$AA$30,INDEX(Jesper!$R$2:$R$366,ROW(INDEX(Jesper!AK$2:AK$366,ROUNDDOWN($C7948/24,0)+1,1))-1)+IF('Standard Profiles'!$G$21=$B$10,7,0)+IF('Standard Profiles'!$G$21=$B$17,14,0)+IF('Standard Profiles'!$G$21=$B$24,21,0),0)),0)</f>
        <v>0</v>
      </c>
      <c r="H7948" cm="1">
        <f t="array" ref="H7948">IFERROR(INDEX(Jesper!AL$2:AL$366,ROUNDDOWN($C7948/24,0)+1,1)*INDEX($D$3:$AA$30,INDEX(Jesper!$R$2:$R$366,ROW(INDEX(Jesper!AL$2:AL$366,ROUNDDOWN($C7948/24,0)+1,1))-1)+IF('Standard Profiles'!$G$22=$B$10,7,0)+IF('Standard Profiles'!$G$22=$B$17,14,0)+IF('Standard Profiles'!$G$22=$B$24,21,0),MOD($C7948,24)+1)/SUM(INDEX($D$3:$AA$30,INDEX(Jesper!$R$2:$R$366,ROW(INDEX(Jesper!AL$2:AL$366,ROUNDDOWN($C7948/24,0)+1,1))-1)+IF('Standard Profiles'!$G$22=$B$10,7,0)+IF('Standard Profiles'!$G$22=$B$17,14,0)+IF('Standard Profiles'!$G$22=$B$24,21,0),0)),0)</f>
        <v>0</v>
      </c>
      <c r="I7948">
        <f t="shared" si="881"/>
        <v>0.56409000665815512</v>
      </c>
      <c r="J7948">
        <f t="shared" si="882"/>
        <v>1.8803000221938504</v>
      </c>
      <c r="K7948">
        <f t="shared" si="883"/>
        <v>2.8204500332907756</v>
      </c>
      <c r="L7948">
        <f t="shared" si="884"/>
        <v>13.538160159795723</v>
      </c>
      <c r="M7948">
        <f t="shared" si="885"/>
        <v>0</v>
      </c>
      <c r="N7948" s="46">
        <f t="shared" si="886"/>
        <v>45621.749999980806</v>
      </c>
    </row>
    <row r="7949" spans="2:14" x14ac:dyDescent="0.3">
      <c r="B7949">
        <f t="shared" si="880"/>
        <v>1</v>
      </c>
      <c r="C7949" s="16">
        <v>7915</v>
      </c>
      <c r="D7949" cm="1">
        <f t="array" ref="D7949">IFERROR(INDEX(Jesper!AH$2:AH$366,ROUNDDOWN($C7949/24,0)+1,1)*INDEX($D$3:$AA$30,INDEX(Jesper!$R$2:$R$366,ROW(INDEX(Jesper!AH$2:AH$366,ROUNDDOWN($C7949/24,0)+1,1))-1)+IF('Standard Profiles'!$G$18=$B$10,7,0)+IF('Standard Profiles'!$G$18=$B$17,14,0)+IF('Standard Profiles'!$G$18=$B$24,21,0),MOD($C7949,24)+1)/SUM(INDEX($D$3:$AA$30,INDEX(Jesper!$R$2:$R$366,ROW(INDEX(Jesper!AH$2:AH$366,ROUNDDOWN($C7949/24,0)+1,1))-1)+IF('Standard Profiles'!$G$18=$B$10,7,0)+IF('Standard Profiles'!$G$18=$B$17,14,0)+IF('Standard Profiles'!$G$18=$B$24,21,0),0)),0)</f>
        <v>15.747512685873497</v>
      </c>
      <c r="E7949" cm="1">
        <f t="array" ref="E7949">IFERROR(INDEX(Jesper!AI$2:AI$366,ROUNDDOWN($C7949/24,0)+1,1)*INDEX($D$3:$AA$30,INDEX(Jesper!$R$2:$R$366,ROW(INDEX(Jesper!AI$2:AI$366,ROUNDDOWN($C7949/24,0)+1,1))-1)+IF('Standard Profiles'!$G$19=$B$10,7,0)+IF('Standard Profiles'!$G$19=$B$17,14,0)+IF('Standard Profiles'!$G$19=$B$24,21,0),MOD($C7949,24)+1)/SUM(INDEX($D$3:$AA$30,INDEX(Jesper!$R$2:$R$366,ROW(INDEX(Jesper!AI$2:AI$366,ROUNDDOWN($C7949/24,0)+1,1))-1)+IF('Standard Profiles'!$G$19=$B$10,7,0)+IF('Standard Profiles'!$G$19=$B$17,14,0)+IF('Standard Profiles'!$G$19=$B$24,21,0),0)),0)</f>
        <v>0</v>
      </c>
      <c r="F7949" cm="1">
        <f t="array" ref="F7949">IFERROR(INDEX(Jesper!AJ$2:AJ$366,ROUNDDOWN($C7949/24,0)+1,1)*INDEX($D$3:$AA$30,INDEX(Jesper!$R$2:$R$366,ROW(INDEX(Jesper!AJ$2:AJ$366,ROUNDDOWN($C7949/24,0)+1,1))-1)+IF('Standard Profiles'!$G$20=$B$10,7,0)+IF('Standard Profiles'!$G$20=$B$17,14,0)+IF('Standard Profiles'!$G$20=$B$24,21,0),MOD($C7949,24)+1)/SUM(INDEX($D$3:$AA$30,INDEX(Jesper!$R$2:$R$366,ROW(INDEX(Jesper!AJ$2:AJ$366,ROUNDDOWN($C7949/24,0)+1,1))-1)+IF('Standard Profiles'!$G$20=$B$10,7,0)+IF('Standard Profiles'!$G$20=$B$17,14,0)+IF('Standard Profiles'!$G$20=$B$24,21,0),0)),0)</f>
        <v>0</v>
      </c>
      <c r="G7949" cm="1">
        <f t="array" ref="G7949">IFERROR(INDEX(Jesper!AK$2:AK$366,ROUNDDOWN($C7949/24,0)+1,1)*INDEX($D$3:$AA$30,INDEX(Jesper!$R$2:$R$366,ROW(INDEX(Jesper!AK$2:AK$366,ROUNDDOWN($C7949/24,0)+1,1))-1)+IF('Standard Profiles'!$G$21=$B$10,7,0)+IF('Standard Profiles'!$G$21=$B$17,14,0)+IF('Standard Profiles'!$G$21=$B$24,21,0),MOD($C7949,24)+1)/SUM(INDEX($D$3:$AA$30,INDEX(Jesper!$R$2:$R$366,ROW(INDEX(Jesper!AK$2:AK$366,ROUNDDOWN($C7949/24,0)+1,1))-1)+IF('Standard Profiles'!$G$21=$B$10,7,0)+IF('Standard Profiles'!$G$21=$B$17,14,0)+IF('Standard Profiles'!$G$21=$B$24,21,0),0)),0)</f>
        <v>0</v>
      </c>
      <c r="H7949" cm="1">
        <f t="array" ref="H7949">IFERROR(INDEX(Jesper!AL$2:AL$366,ROUNDDOWN($C7949/24,0)+1,1)*INDEX($D$3:$AA$30,INDEX(Jesper!$R$2:$R$366,ROW(INDEX(Jesper!AL$2:AL$366,ROUNDDOWN($C7949/24,0)+1,1))-1)+IF('Standard Profiles'!$G$22=$B$10,7,0)+IF('Standard Profiles'!$G$22=$B$17,14,0)+IF('Standard Profiles'!$G$22=$B$24,21,0),MOD($C7949,24)+1)/SUM(INDEX($D$3:$AA$30,INDEX(Jesper!$R$2:$R$366,ROW(INDEX(Jesper!AL$2:AL$366,ROUNDDOWN($C7949/24,0)+1,1))-1)+IF('Standard Profiles'!$G$22=$B$10,7,0)+IF('Standard Profiles'!$G$22=$B$17,14,0)+IF('Standard Profiles'!$G$22=$B$24,21,0),0)),0)</f>
        <v>0</v>
      </c>
      <c r="I7949">
        <f t="shared" si="881"/>
        <v>0.47242538057620487</v>
      </c>
      <c r="J7949">
        <f t="shared" si="882"/>
        <v>1.5747512685873497</v>
      </c>
      <c r="K7949">
        <f t="shared" si="883"/>
        <v>2.3621269028810246</v>
      </c>
      <c r="L7949">
        <f t="shared" si="884"/>
        <v>11.338209133828917</v>
      </c>
      <c r="M7949">
        <f t="shared" si="885"/>
        <v>0</v>
      </c>
      <c r="N7949" s="46">
        <f t="shared" si="886"/>
        <v>45621.79166664747</v>
      </c>
    </row>
    <row r="7950" spans="2:14" x14ac:dyDescent="0.3">
      <c r="B7950">
        <f t="shared" si="880"/>
        <v>1</v>
      </c>
      <c r="C7950" s="16">
        <v>7916</v>
      </c>
      <c r="D7950" cm="1">
        <f t="array" ref="D7950">IFERROR(INDEX(Jesper!AH$2:AH$366,ROUNDDOWN($C7950/24,0)+1,1)*INDEX($D$3:$AA$30,INDEX(Jesper!$R$2:$R$366,ROW(INDEX(Jesper!AH$2:AH$366,ROUNDDOWN($C7950/24,0)+1,1))-1)+IF('Standard Profiles'!$G$18=$B$10,7,0)+IF('Standard Profiles'!$G$18=$B$17,14,0)+IF('Standard Profiles'!$G$18=$B$24,21,0),MOD($C7950,24)+1)/SUM(INDEX($D$3:$AA$30,INDEX(Jesper!$R$2:$R$366,ROW(INDEX(Jesper!AH$2:AH$366,ROUNDDOWN($C7950/24,0)+1,1))-1)+IF('Standard Profiles'!$G$18=$B$10,7,0)+IF('Standard Profiles'!$G$18=$B$17,14,0)+IF('Standard Profiles'!$G$18=$B$24,21,0),0)),0)</f>
        <v>12.927062652582721</v>
      </c>
      <c r="E7950" cm="1">
        <f t="array" ref="E7950">IFERROR(INDEX(Jesper!AI$2:AI$366,ROUNDDOWN($C7950/24,0)+1,1)*INDEX($D$3:$AA$30,INDEX(Jesper!$R$2:$R$366,ROW(INDEX(Jesper!AI$2:AI$366,ROUNDDOWN($C7950/24,0)+1,1))-1)+IF('Standard Profiles'!$G$19=$B$10,7,0)+IF('Standard Profiles'!$G$19=$B$17,14,0)+IF('Standard Profiles'!$G$19=$B$24,21,0),MOD($C7950,24)+1)/SUM(INDEX($D$3:$AA$30,INDEX(Jesper!$R$2:$R$366,ROW(INDEX(Jesper!AI$2:AI$366,ROUNDDOWN($C7950/24,0)+1,1))-1)+IF('Standard Profiles'!$G$19=$B$10,7,0)+IF('Standard Profiles'!$G$19=$B$17,14,0)+IF('Standard Profiles'!$G$19=$B$24,21,0),0)),0)</f>
        <v>0</v>
      </c>
      <c r="F7950" cm="1">
        <f t="array" ref="F7950">IFERROR(INDEX(Jesper!AJ$2:AJ$366,ROUNDDOWN($C7950/24,0)+1,1)*INDEX($D$3:$AA$30,INDEX(Jesper!$R$2:$R$366,ROW(INDEX(Jesper!AJ$2:AJ$366,ROUNDDOWN($C7950/24,0)+1,1))-1)+IF('Standard Profiles'!$G$20=$B$10,7,0)+IF('Standard Profiles'!$G$20=$B$17,14,0)+IF('Standard Profiles'!$G$20=$B$24,21,0),MOD($C7950,24)+1)/SUM(INDEX($D$3:$AA$30,INDEX(Jesper!$R$2:$R$366,ROW(INDEX(Jesper!AJ$2:AJ$366,ROUNDDOWN($C7950/24,0)+1,1))-1)+IF('Standard Profiles'!$G$20=$B$10,7,0)+IF('Standard Profiles'!$G$20=$B$17,14,0)+IF('Standard Profiles'!$G$20=$B$24,21,0),0)),0)</f>
        <v>0</v>
      </c>
      <c r="G7950" cm="1">
        <f t="array" ref="G7950">IFERROR(INDEX(Jesper!AK$2:AK$366,ROUNDDOWN($C7950/24,0)+1,1)*INDEX($D$3:$AA$30,INDEX(Jesper!$R$2:$R$366,ROW(INDEX(Jesper!AK$2:AK$366,ROUNDDOWN($C7950/24,0)+1,1))-1)+IF('Standard Profiles'!$G$21=$B$10,7,0)+IF('Standard Profiles'!$G$21=$B$17,14,0)+IF('Standard Profiles'!$G$21=$B$24,21,0),MOD($C7950,24)+1)/SUM(INDEX($D$3:$AA$30,INDEX(Jesper!$R$2:$R$366,ROW(INDEX(Jesper!AK$2:AK$366,ROUNDDOWN($C7950/24,0)+1,1))-1)+IF('Standard Profiles'!$G$21=$B$10,7,0)+IF('Standard Profiles'!$G$21=$B$17,14,0)+IF('Standard Profiles'!$G$21=$B$24,21,0),0)),0)</f>
        <v>0</v>
      </c>
      <c r="H7950" cm="1">
        <f t="array" ref="H7950">IFERROR(INDEX(Jesper!AL$2:AL$366,ROUNDDOWN($C7950/24,0)+1,1)*INDEX($D$3:$AA$30,INDEX(Jesper!$R$2:$R$366,ROW(INDEX(Jesper!AL$2:AL$366,ROUNDDOWN($C7950/24,0)+1,1))-1)+IF('Standard Profiles'!$G$22=$B$10,7,0)+IF('Standard Profiles'!$G$22=$B$17,14,0)+IF('Standard Profiles'!$G$22=$B$24,21,0),MOD($C7950,24)+1)/SUM(INDEX($D$3:$AA$30,INDEX(Jesper!$R$2:$R$366,ROW(INDEX(Jesper!AL$2:AL$366,ROUNDDOWN($C7950/24,0)+1,1))-1)+IF('Standard Profiles'!$G$22=$B$10,7,0)+IF('Standard Profiles'!$G$22=$B$17,14,0)+IF('Standard Profiles'!$G$22=$B$24,21,0),0)),0)</f>
        <v>0</v>
      </c>
      <c r="I7950">
        <f t="shared" si="881"/>
        <v>0.38781187957748164</v>
      </c>
      <c r="J7950">
        <f t="shared" si="882"/>
        <v>1.2927062652582721</v>
      </c>
      <c r="K7950">
        <f t="shared" si="883"/>
        <v>1.9390593978874082</v>
      </c>
      <c r="L7950">
        <f t="shared" si="884"/>
        <v>9.3074851098595595</v>
      </c>
      <c r="M7950">
        <f t="shared" si="885"/>
        <v>0</v>
      </c>
      <c r="N7950" s="46">
        <f t="shared" si="886"/>
        <v>45621.833333314135</v>
      </c>
    </row>
    <row r="7951" spans="2:14" x14ac:dyDescent="0.3">
      <c r="B7951">
        <f t="shared" si="880"/>
        <v>1</v>
      </c>
      <c r="C7951" s="16">
        <v>7917</v>
      </c>
      <c r="D7951" cm="1">
        <f t="array" ref="D7951">IFERROR(INDEX(Jesper!AH$2:AH$366,ROUNDDOWN($C7951/24,0)+1,1)*INDEX($D$3:$AA$30,INDEX(Jesper!$R$2:$R$366,ROW(INDEX(Jesper!AH$2:AH$366,ROUNDDOWN($C7951/24,0)+1,1))-1)+IF('Standard Profiles'!$G$18=$B$10,7,0)+IF('Standard Profiles'!$G$18=$B$17,14,0)+IF('Standard Profiles'!$G$18=$B$24,21,0),MOD($C7951,24)+1)/SUM(INDEX($D$3:$AA$30,INDEX(Jesper!$R$2:$R$366,ROW(INDEX(Jesper!AH$2:AH$366,ROUNDDOWN($C7951/24,0)+1,1))-1)+IF('Standard Profiles'!$G$18=$B$10,7,0)+IF('Standard Profiles'!$G$18=$B$17,14,0)+IF('Standard Profiles'!$G$18=$B$24,21,0),0)),0)</f>
        <v>9.401500110969252</v>
      </c>
      <c r="E7951" cm="1">
        <f t="array" ref="E7951">IFERROR(INDEX(Jesper!AI$2:AI$366,ROUNDDOWN($C7951/24,0)+1,1)*INDEX($D$3:$AA$30,INDEX(Jesper!$R$2:$R$366,ROW(INDEX(Jesper!AI$2:AI$366,ROUNDDOWN($C7951/24,0)+1,1))-1)+IF('Standard Profiles'!$G$19=$B$10,7,0)+IF('Standard Profiles'!$G$19=$B$17,14,0)+IF('Standard Profiles'!$G$19=$B$24,21,0),MOD($C7951,24)+1)/SUM(INDEX($D$3:$AA$30,INDEX(Jesper!$R$2:$R$366,ROW(INDEX(Jesper!AI$2:AI$366,ROUNDDOWN($C7951/24,0)+1,1))-1)+IF('Standard Profiles'!$G$19=$B$10,7,0)+IF('Standard Profiles'!$G$19=$B$17,14,0)+IF('Standard Profiles'!$G$19=$B$24,21,0),0)),0)</f>
        <v>0</v>
      </c>
      <c r="F7951" cm="1">
        <f t="array" ref="F7951">IFERROR(INDEX(Jesper!AJ$2:AJ$366,ROUNDDOWN($C7951/24,0)+1,1)*INDEX($D$3:$AA$30,INDEX(Jesper!$R$2:$R$366,ROW(INDEX(Jesper!AJ$2:AJ$366,ROUNDDOWN($C7951/24,0)+1,1))-1)+IF('Standard Profiles'!$G$20=$B$10,7,0)+IF('Standard Profiles'!$G$20=$B$17,14,0)+IF('Standard Profiles'!$G$20=$B$24,21,0),MOD($C7951,24)+1)/SUM(INDEX($D$3:$AA$30,INDEX(Jesper!$R$2:$R$366,ROW(INDEX(Jesper!AJ$2:AJ$366,ROUNDDOWN($C7951/24,0)+1,1))-1)+IF('Standard Profiles'!$G$20=$B$10,7,0)+IF('Standard Profiles'!$G$20=$B$17,14,0)+IF('Standard Profiles'!$G$20=$B$24,21,0),0)),0)</f>
        <v>0</v>
      </c>
      <c r="G7951" cm="1">
        <f t="array" ref="G7951">IFERROR(INDEX(Jesper!AK$2:AK$366,ROUNDDOWN($C7951/24,0)+1,1)*INDEX($D$3:$AA$30,INDEX(Jesper!$R$2:$R$366,ROW(INDEX(Jesper!AK$2:AK$366,ROUNDDOWN($C7951/24,0)+1,1))-1)+IF('Standard Profiles'!$G$21=$B$10,7,0)+IF('Standard Profiles'!$G$21=$B$17,14,0)+IF('Standard Profiles'!$G$21=$B$24,21,0),MOD($C7951,24)+1)/SUM(INDEX($D$3:$AA$30,INDEX(Jesper!$R$2:$R$366,ROW(INDEX(Jesper!AK$2:AK$366,ROUNDDOWN($C7951/24,0)+1,1))-1)+IF('Standard Profiles'!$G$21=$B$10,7,0)+IF('Standard Profiles'!$G$21=$B$17,14,0)+IF('Standard Profiles'!$G$21=$B$24,21,0),0)),0)</f>
        <v>0</v>
      </c>
      <c r="H7951" cm="1">
        <f t="array" ref="H7951">IFERROR(INDEX(Jesper!AL$2:AL$366,ROUNDDOWN($C7951/24,0)+1,1)*INDEX($D$3:$AA$30,INDEX(Jesper!$R$2:$R$366,ROW(INDEX(Jesper!AL$2:AL$366,ROUNDDOWN($C7951/24,0)+1,1))-1)+IF('Standard Profiles'!$G$22=$B$10,7,0)+IF('Standard Profiles'!$G$22=$B$17,14,0)+IF('Standard Profiles'!$G$22=$B$24,21,0),MOD($C7951,24)+1)/SUM(INDEX($D$3:$AA$30,INDEX(Jesper!$R$2:$R$366,ROW(INDEX(Jesper!AL$2:AL$366,ROUNDDOWN($C7951/24,0)+1,1))-1)+IF('Standard Profiles'!$G$22=$B$10,7,0)+IF('Standard Profiles'!$G$22=$B$17,14,0)+IF('Standard Profiles'!$G$22=$B$24,21,0),0)),0)</f>
        <v>0</v>
      </c>
      <c r="I7951">
        <f t="shared" si="881"/>
        <v>0.28204500332907756</v>
      </c>
      <c r="J7951">
        <f t="shared" si="882"/>
        <v>0.9401500110969252</v>
      </c>
      <c r="K7951">
        <f t="shared" si="883"/>
        <v>1.4102250166453878</v>
      </c>
      <c r="L7951">
        <f t="shared" si="884"/>
        <v>6.7690800798978614</v>
      </c>
      <c r="M7951">
        <f t="shared" si="885"/>
        <v>0</v>
      </c>
      <c r="N7951" s="46">
        <f t="shared" si="886"/>
        <v>45621.874999980799</v>
      </c>
    </row>
    <row r="7952" spans="2:14" x14ac:dyDescent="0.3">
      <c r="B7952">
        <f t="shared" si="880"/>
        <v>1</v>
      </c>
      <c r="C7952" s="16">
        <v>7918</v>
      </c>
      <c r="D7952" cm="1">
        <f t="array" ref="D7952">IFERROR(INDEX(Jesper!AH$2:AH$366,ROUNDDOWN($C7952/24,0)+1,1)*INDEX($D$3:$AA$30,INDEX(Jesper!$R$2:$R$366,ROW(INDEX(Jesper!AH$2:AH$366,ROUNDDOWN($C7952/24,0)+1,1))-1)+IF('Standard Profiles'!$G$18=$B$10,7,0)+IF('Standard Profiles'!$G$18=$B$17,14,0)+IF('Standard Profiles'!$G$18=$B$24,21,0),MOD($C7952,24)+1)/SUM(INDEX($D$3:$AA$30,INDEX(Jesper!$R$2:$R$366,ROW(INDEX(Jesper!AH$2:AH$366,ROUNDDOWN($C7952/24,0)+1,1))-1)+IF('Standard Profiles'!$G$18=$B$10,7,0)+IF('Standard Profiles'!$G$18=$B$17,14,0)+IF('Standard Profiles'!$G$18=$B$24,21,0),0)),0)</f>
        <v>8.9314251054207894</v>
      </c>
      <c r="E7952" cm="1">
        <f t="array" ref="E7952">IFERROR(INDEX(Jesper!AI$2:AI$366,ROUNDDOWN($C7952/24,0)+1,1)*INDEX($D$3:$AA$30,INDEX(Jesper!$R$2:$R$366,ROW(INDEX(Jesper!AI$2:AI$366,ROUNDDOWN($C7952/24,0)+1,1))-1)+IF('Standard Profiles'!$G$19=$B$10,7,0)+IF('Standard Profiles'!$G$19=$B$17,14,0)+IF('Standard Profiles'!$G$19=$B$24,21,0),MOD($C7952,24)+1)/SUM(INDEX($D$3:$AA$30,INDEX(Jesper!$R$2:$R$366,ROW(INDEX(Jesper!AI$2:AI$366,ROUNDDOWN($C7952/24,0)+1,1))-1)+IF('Standard Profiles'!$G$19=$B$10,7,0)+IF('Standard Profiles'!$G$19=$B$17,14,0)+IF('Standard Profiles'!$G$19=$B$24,21,0),0)),0)</f>
        <v>0</v>
      </c>
      <c r="F7952" cm="1">
        <f t="array" ref="F7952">IFERROR(INDEX(Jesper!AJ$2:AJ$366,ROUNDDOWN($C7952/24,0)+1,1)*INDEX($D$3:$AA$30,INDEX(Jesper!$R$2:$R$366,ROW(INDEX(Jesper!AJ$2:AJ$366,ROUNDDOWN($C7952/24,0)+1,1))-1)+IF('Standard Profiles'!$G$20=$B$10,7,0)+IF('Standard Profiles'!$G$20=$B$17,14,0)+IF('Standard Profiles'!$G$20=$B$24,21,0),MOD($C7952,24)+1)/SUM(INDEX($D$3:$AA$30,INDEX(Jesper!$R$2:$R$366,ROW(INDEX(Jesper!AJ$2:AJ$366,ROUNDDOWN($C7952/24,0)+1,1))-1)+IF('Standard Profiles'!$G$20=$B$10,7,0)+IF('Standard Profiles'!$G$20=$B$17,14,0)+IF('Standard Profiles'!$G$20=$B$24,21,0),0)),0)</f>
        <v>0</v>
      </c>
      <c r="G7952" cm="1">
        <f t="array" ref="G7952">IFERROR(INDEX(Jesper!AK$2:AK$366,ROUNDDOWN($C7952/24,0)+1,1)*INDEX($D$3:$AA$30,INDEX(Jesper!$R$2:$R$366,ROW(INDEX(Jesper!AK$2:AK$366,ROUNDDOWN($C7952/24,0)+1,1))-1)+IF('Standard Profiles'!$G$21=$B$10,7,0)+IF('Standard Profiles'!$G$21=$B$17,14,0)+IF('Standard Profiles'!$G$21=$B$24,21,0),MOD($C7952,24)+1)/SUM(INDEX($D$3:$AA$30,INDEX(Jesper!$R$2:$R$366,ROW(INDEX(Jesper!AK$2:AK$366,ROUNDDOWN($C7952/24,0)+1,1))-1)+IF('Standard Profiles'!$G$21=$B$10,7,0)+IF('Standard Profiles'!$G$21=$B$17,14,0)+IF('Standard Profiles'!$G$21=$B$24,21,0),0)),0)</f>
        <v>0</v>
      </c>
      <c r="H7952" cm="1">
        <f t="array" ref="H7952">IFERROR(INDEX(Jesper!AL$2:AL$366,ROUNDDOWN($C7952/24,0)+1,1)*INDEX($D$3:$AA$30,INDEX(Jesper!$R$2:$R$366,ROW(INDEX(Jesper!AL$2:AL$366,ROUNDDOWN($C7952/24,0)+1,1))-1)+IF('Standard Profiles'!$G$22=$B$10,7,0)+IF('Standard Profiles'!$G$22=$B$17,14,0)+IF('Standard Profiles'!$G$22=$B$24,21,0),MOD($C7952,24)+1)/SUM(INDEX($D$3:$AA$30,INDEX(Jesper!$R$2:$R$366,ROW(INDEX(Jesper!AL$2:AL$366,ROUNDDOWN($C7952/24,0)+1,1))-1)+IF('Standard Profiles'!$G$22=$B$10,7,0)+IF('Standard Profiles'!$G$22=$B$17,14,0)+IF('Standard Profiles'!$G$22=$B$24,21,0),0)),0)</f>
        <v>0</v>
      </c>
      <c r="I7952">
        <f t="shared" si="881"/>
        <v>0.26794275316262367</v>
      </c>
      <c r="J7952">
        <f t="shared" si="882"/>
        <v>0.89314251054207894</v>
      </c>
      <c r="K7952">
        <f t="shared" si="883"/>
        <v>1.3397137658131184</v>
      </c>
      <c r="L7952">
        <f t="shared" si="884"/>
        <v>6.4306260759029685</v>
      </c>
      <c r="M7952">
        <f t="shared" si="885"/>
        <v>0</v>
      </c>
      <c r="N7952" s="46">
        <f t="shared" si="886"/>
        <v>45621.916666647463</v>
      </c>
    </row>
    <row r="7953" spans="2:14" x14ac:dyDescent="0.3">
      <c r="B7953">
        <f t="shared" si="880"/>
        <v>1</v>
      </c>
      <c r="C7953" s="16">
        <v>7919</v>
      </c>
      <c r="D7953" cm="1">
        <f t="array" ref="D7953">IFERROR(INDEX(Jesper!AH$2:AH$366,ROUNDDOWN($C7953/24,0)+1,1)*INDEX($D$3:$AA$30,INDEX(Jesper!$R$2:$R$366,ROW(INDEX(Jesper!AH$2:AH$366,ROUNDDOWN($C7953/24,0)+1,1))-1)+IF('Standard Profiles'!$G$18=$B$10,7,0)+IF('Standard Profiles'!$G$18=$B$17,14,0)+IF('Standard Profiles'!$G$18=$B$24,21,0),MOD($C7953,24)+1)/SUM(INDEX($D$3:$AA$30,INDEX(Jesper!$R$2:$R$366,ROW(INDEX(Jesper!AH$2:AH$366,ROUNDDOWN($C7953/24,0)+1,1))-1)+IF('Standard Profiles'!$G$18=$B$10,7,0)+IF('Standard Profiles'!$G$18=$B$17,14,0)+IF('Standard Profiles'!$G$18=$B$24,21,0),0)),0)</f>
        <v>8.9314251054207894</v>
      </c>
      <c r="E7953" cm="1">
        <f t="array" ref="E7953">IFERROR(INDEX(Jesper!AI$2:AI$366,ROUNDDOWN($C7953/24,0)+1,1)*INDEX($D$3:$AA$30,INDEX(Jesper!$R$2:$R$366,ROW(INDEX(Jesper!AI$2:AI$366,ROUNDDOWN($C7953/24,0)+1,1))-1)+IF('Standard Profiles'!$G$19=$B$10,7,0)+IF('Standard Profiles'!$G$19=$B$17,14,0)+IF('Standard Profiles'!$G$19=$B$24,21,0),MOD($C7953,24)+1)/SUM(INDEX($D$3:$AA$30,INDEX(Jesper!$R$2:$R$366,ROW(INDEX(Jesper!AI$2:AI$366,ROUNDDOWN($C7953/24,0)+1,1))-1)+IF('Standard Profiles'!$G$19=$B$10,7,0)+IF('Standard Profiles'!$G$19=$B$17,14,0)+IF('Standard Profiles'!$G$19=$B$24,21,0),0)),0)</f>
        <v>0</v>
      </c>
      <c r="F7953" cm="1">
        <f t="array" ref="F7953">IFERROR(INDEX(Jesper!AJ$2:AJ$366,ROUNDDOWN($C7953/24,0)+1,1)*INDEX($D$3:$AA$30,INDEX(Jesper!$R$2:$R$366,ROW(INDEX(Jesper!AJ$2:AJ$366,ROUNDDOWN($C7953/24,0)+1,1))-1)+IF('Standard Profiles'!$G$20=$B$10,7,0)+IF('Standard Profiles'!$G$20=$B$17,14,0)+IF('Standard Profiles'!$G$20=$B$24,21,0),MOD($C7953,24)+1)/SUM(INDEX($D$3:$AA$30,INDEX(Jesper!$R$2:$R$366,ROW(INDEX(Jesper!AJ$2:AJ$366,ROUNDDOWN($C7953/24,0)+1,1))-1)+IF('Standard Profiles'!$G$20=$B$10,7,0)+IF('Standard Profiles'!$G$20=$B$17,14,0)+IF('Standard Profiles'!$G$20=$B$24,21,0),0)),0)</f>
        <v>0</v>
      </c>
      <c r="G7953" cm="1">
        <f t="array" ref="G7953">IFERROR(INDEX(Jesper!AK$2:AK$366,ROUNDDOWN($C7953/24,0)+1,1)*INDEX($D$3:$AA$30,INDEX(Jesper!$R$2:$R$366,ROW(INDEX(Jesper!AK$2:AK$366,ROUNDDOWN($C7953/24,0)+1,1))-1)+IF('Standard Profiles'!$G$21=$B$10,7,0)+IF('Standard Profiles'!$G$21=$B$17,14,0)+IF('Standard Profiles'!$G$21=$B$24,21,0),MOD($C7953,24)+1)/SUM(INDEX($D$3:$AA$30,INDEX(Jesper!$R$2:$R$366,ROW(INDEX(Jesper!AK$2:AK$366,ROUNDDOWN($C7953/24,0)+1,1))-1)+IF('Standard Profiles'!$G$21=$B$10,7,0)+IF('Standard Profiles'!$G$21=$B$17,14,0)+IF('Standard Profiles'!$G$21=$B$24,21,0),0)),0)</f>
        <v>0</v>
      </c>
      <c r="H7953" cm="1">
        <f t="array" ref="H7953">IFERROR(INDEX(Jesper!AL$2:AL$366,ROUNDDOWN($C7953/24,0)+1,1)*INDEX($D$3:$AA$30,INDEX(Jesper!$R$2:$R$366,ROW(INDEX(Jesper!AL$2:AL$366,ROUNDDOWN($C7953/24,0)+1,1))-1)+IF('Standard Profiles'!$G$22=$B$10,7,0)+IF('Standard Profiles'!$G$22=$B$17,14,0)+IF('Standard Profiles'!$G$22=$B$24,21,0),MOD($C7953,24)+1)/SUM(INDEX($D$3:$AA$30,INDEX(Jesper!$R$2:$R$366,ROW(INDEX(Jesper!AL$2:AL$366,ROUNDDOWN($C7953/24,0)+1,1))-1)+IF('Standard Profiles'!$G$22=$B$10,7,0)+IF('Standard Profiles'!$G$22=$B$17,14,0)+IF('Standard Profiles'!$G$22=$B$24,21,0),0)),0)</f>
        <v>0</v>
      </c>
      <c r="I7953">
        <f t="shared" si="881"/>
        <v>0.26794275316262367</v>
      </c>
      <c r="J7953">
        <f t="shared" si="882"/>
        <v>0.89314251054207894</v>
      </c>
      <c r="K7953">
        <f t="shared" si="883"/>
        <v>1.3397137658131184</v>
      </c>
      <c r="L7953">
        <f t="shared" si="884"/>
        <v>6.4306260759029685</v>
      </c>
      <c r="M7953">
        <f t="shared" si="885"/>
        <v>0</v>
      </c>
      <c r="N7953" s="46">
        <f t="shared" si="886"/>
        <v>45621.958333314127</v>
      </c>
    </row>
    <row r="7954" spans="2:14" x14ac:dyDescent="0.3">
      <c r="B7954">
        <f t="shared" si="880"/>
        <v>2</v>
      </c>
      <c r="C7954" s="16">
        <v>7920</v>
      </c>
      <c r="D7954" cm="1">
        <f t="array" ref="D7954">IFERROR(INDEX(Jesper!AH$2:AH$366,ROUNDDOWN($C7954/24,0)+1,1)*INDEX($D$3:$AA$30,INDEX(Jesper!$R$2:$R$366,ROW(INDEX(Jesper!AH$2:AH$366,ROUNDDOWN($C7954/24,0)+1,1))-1)+IF('Standard Profiles'!$G$18=$B$10,7,0)+IF('Standard Profiles'!$G$18=$B$17,14,0)+IF('Standard Profiles'!$G$18=$B$24,21,0),MOD($C7954,24)+1)/SUM(INDEX($D$3:$AA$30,INDEX(Jesper!$R$2:$R$366,ROW(INDEX(Jesper!AH$2:AH$366,ROUNDDOWN($C7954/24,0)+1,1))-1)+IF('Standard Profiles'!$G$18=$B$10,7,0)+IF('Standard Profiles'!$G$18=$B$17,14,0)+IF('Standard Profiles'!$G$18=$B$24,21,0),0)),0)</f>
        <v>8.5283591504076561</v>
      </c>
      <c r="E7954" cm="1">
        <f t="array" ref="E7954">IFERROR(INDEX(Jesper!AI$2:AI$366,ROUNDDOWN($C7954/24,0)+1,1)*INDEX($D$3:$AA$30,INDEX(Jesper!$R$2:$R$366,ROW(INDEX(Jesper!AI$2:AI$366,ROUNDDOWN($C7954/24,0)+1,1))-1)+IF('Standard Profiles'!$G$19=$B$10,7,0)+IF('Standard Profiles'!$G$19=$B$17,14,0)+IF('Standard Profiles'!$G$19=$B$24,21,0),MOD($C7954,24)+1)/SUM(INDEX($D$3:$AA$30,INDEX(Jesper!$R$2:$R$366,ROW(INDEX(Jesper!AI$2:AI$366,ROUNDDOWN($C7954/24,0)+1,1))-1)+IF('Standard Profiles'!$G$19=$B$10,7,0)+IF('Standard Profiles'!$G$19=$B$17,14,0)+IF('Standard Profiles'!$G$19=$B$24,21,0),0)),0)</f>
        <v>0</v>
      </c>
      <c r="F7954" cm="1">
        <f t="array" ref="F7954">IFERROR(INDEX(Jesper!AJ$2:AJ$366,ROUNDDOWN($C7954/24,0)+1,1)*INDEX($D$3:$AA$30,INDEX(Jesper!$R$2:$R$366,ROW(INDEX(Jesper!AJ$2:AJ$366,ROUNDDOWN($C7954/24,0)+1,1))-1)+IF('Standard Profiles'!$G$20=$B$10,7,0)+IF('Standard Profiles'!$G$20=$B$17,14,0)+IF('Standard Profiles'!$G$20=$B$24,21,0),MOD($C7954,24)+1)/SUM(INDEX($D$3:$AA$30,INDEX(Jesper!$R$2:$R$366,ROW(INDEX(Jesper!AJ$2:AJ$366,ROUNDDOWN($C7954/24,0)+1,1))-1)+IF('Standard Profiles'!$G$20=$B$10,7,0)+IF('Standard Profiles'!$G$20=$B$17,14,0)+IF('Standard Profiles'!$G$20=$B$24,21,0),0)),0)</f>
        <v>0</v>
      </c>
      <c r="G7954" cm="1">
        <f t="array" ref="G7954">IFERROR(INDEX(Jesper!AK$2:AK$366,ROUNDDOWN($C7954/24,0)+1,1)*INDEX($D$3:$AA$30,INDEX(Jesper!$R$2:$R$366,ROW(INDEX(Jesper!AK$2:AK$366,ROUNDDOWN($C7954/24,0)+1,1))-1)+IF('Standard Profiles'!$G$21=$B$10,7,0)+IF('Standard Profiles'!$G$21=$B$17,14,0)+IF('Standard Profiles'!$G$21=$B$24,21,0),MOD($C7954,24)+1)/SUM(INDEX($D$3:$AA$30,INDEX(Jesper!$R$2:$R$366,ROW(INDEX(Jesper!AK$2:AK$366,ROUNDDOWN($C7954/24,0)+1,1))-1)+IF('Standard Profiles'!$G$21=$B$10,7,0)+IF('Standard Profiles'!$G$21=$B$17,14,0)+IF('Standard Profiles'!$G$21=$B$24,21,0),0)),0)</f>
        <v>0</v>
      </c>
      <c r="H7954" cm="1">
        <f t="array" ref="H7954">IFERROR(INDEX(Jesper!AL$2:AL$366,ROUNDDOWN($C7954/24,0)+1,1)*INDEX($D$3:$AA$30,INDEX(Jesper!$R$2:$R$366,ROW(INDEX(Jesper!AL$2:AL$366,ROUNDDOWN($C7954/24,0)+1,1))-1)+IF('Standard Profiles'!$G$22=$B$10,7,0)+IF('Standard Profiles'!$G$22=$B$17,14,0)+IF('Standard Profiles'!$G$22=$B$24,21,0),MOD($C7954,24)+1)/SUM(INDEX($D$3:$AA$30,INDEX(Jesper!$R$2:$R$366,ROW(INDEX(Jesper!AL$2:AL$366,ROUNDDOWN($C7954/24,0)+1,1))-1)+IF('Standard Profiles'!$G$22=$B$10,7,0)+IF('Standard Profiles'!$G$22=$B$17,14,0)+IF('Standard Profiles'!$G$22=$B$24,21,0),0)),0)</f>
        <v>0</v>
      </c>
      <c r="I7954">
        <f t="shared" si="881"/>
        <v>0.25585077451222965</v>
      </c>
      <c r="J7954">
        <f t="shared" si="882"/>
        <v>0.85283591504076561</v>
      </c>
      <c r="K7954">
        <f t="shared" si="883"/>
        <v>1.2792538725611484</v>
      </c>
      <c r="L7954">
        <f t="shared" si="884"/>
        <v>6.1404185882935121</v>
      </c>
      <c r="M7954">
        <f t="shared" si="885"/>
        <v>0</v>
      </c>
      <c r="N7954" s="46">
        <f t="shared" si="886"/>
        <v>45621.999999980791</v>
      </c>
    </row>
    <row r="7955" spans="2:14" x14ac:dyDescent="0.3">
      <c r="B7955">
        <f t="shared" si="880"/>
        <v>2</v>
      </c>
      <c r="C7955" s="16">
        <v>7921</v>
      </c>
      <c r="D7955" cm="1">
        <f t="array" ref="D7955">IFERROR(INDEX(Jesper!AH$2:AH$366,ROUNDDOWN($C7955/24,0)+1,1)*INDEX($D$3:$AA$30,INDEX(Jesper!$R$2:$R$366,ROW(INDEX(Jesper!AH$2:AH$366,ROUNDDOWN($C7955/24,0)+1,1))-1)+IF('Standard Profiles'!$G$18=$B$10,7,0)+IF('Standard Profiles'!$G$18=$B$17,14,0)+IF('Standard Profiles'!$G$18=$B$24,21,0),MOD($C7955,24)+1)/SUM(INDEX($D$3:$AA$30,INDEX(Jesper!$R$2:$R$366,ROW(INDEX(Jesper!AH$2:AH$366,ROUNDDOWN($C7955/24,0)+1,1))-1)+IF('Standard Profiles'!$G$18=$B$10,7,0)+IF('Standard Profiles'!$G$18=$B$17,14,0)+IF('Standard Profiles'!$G$18=$B$24,21,0),0)),0)</f>
        <v>8.5283591504076561</v>
      </c>
      <c r="E7955" cm="1">
        <f t="array" ref="E7955">IFERROR(INDEX(Jesper!AI$2:AI$366,ROUNDDOWN($C7955/24,0)+1,1)*INDEX($D$3:$AA$30,INDEX(Jesper!$R$2:$R$366,ROW(INDEX(Jesper!AI$2:AI$366,ROUNDDOWN($C7955/24,0)+1,1))-1)+IF('Standard Profiles'!$G$19=$B$10,7,0)+IF('Standard Profiles'!$G$19=$B$17,14,0)+IF('Standard Profiles'!$G$19=$B$24,21,0),MOD($C7955,24)+1)/SUM(INDEX($D$3:$AA$30,INDEX(Jesper!$R$2:$R$366,ROW(INDEX(Jesper!AI$2:AI$366,ROUNDDOWN($C7955/24,0)+1,1))-1)+IF('Standard Profiles'!$G$19=$B$10,7,0)+IF('Standard Profiles'!$G$19=$B$17,14,0)+IF('Standard Profiles'!$G$19=$B$24,21,0),0)),0)</f>
        <v>0</v>
      </c>
      <c r="F7955" cm="1">
        <f t="array" ref="F7955">IFERROR(INDEX(Jesper!AJ$2:AJ$366,ROUNDDOWN($C7955/24,0)+1,1)*INDEX($D$3:$AA$30,INDEX(Jesper!$R$2:$R$366,ROW(INDEX(Jesper!AJ$2:AJ$366,ROUNDDOWN($C7955/24,0)+1,1))-1)+IF('Standard Profiles'!$G$20=$B$10,7,0)+IF('Standard Profiles'!$G$20=$B$17,14,0)+IF('Standard Profiles'!$G$20=$B$24,21,0),MOD($C7955,24)+1)/SUM(INDEX($D$3:$AA$30,INDEX(Jesper!$R$2:$R$366,ROW(INDEX(Jesper!AJ$2:AJ$366,ROUNDDOWN($C7955/24,0)+1,1))-1)+IF('Standard Profiles'!$G$20=$B$10,7,0)+IF('Standard Profiles'!$G$20=$B$17,14,0)+IF('Standard Profiles'!$G$20=$B$24,21,0),0)),0)</f>
        <v>0</v>
      </c>
      <c r="G7955" cm="1">
        <f t="array" ref="G7955">IFERROR(INDEX(Jesper!AK$2:AK$366,ROUNDDOWN($C7955/24,0)+1,1)*INDEX($D$3:$AA$30,INDEX(Jesper!$R$2:$R$366,ROW(INDEX(Jesper!AK$2:AK$366,ROUNDDOWN($C7955/24,0)+1,1))-1)+IF('Standard Profiles'!$G$21=$B$10,7,0)+IF('Standard Profiles'!$G$21=$B$17,14,0)+IF('Standard Profiles'!$G$21=$B$24,21,0),MOD($C7955,24)+1)/SUM(INDEX($D$3:$AA$30,INDEX(Jesper!$R$2:$R$366,ROW(INDEX(Jesper!AK$2:AK$366,ROUNDDOWN($C7955/24,0)+1,1))-1)+IF('Standard Profiles'!$G$21=$B$10,7,0)+IF('Standard Profiles'!$G$21=$B$17,14,0)+IF('Standard Profiles'!$G$21=$B$24,21,0),0)),0)</f>
        <v>0</v>
      </c>
      <c r="H7955" cm="1">
        <f t="array" ref="H7955">IFERROR(INDEX(Jesper!AL$2:AL$366,ROUNDDOWN($C7955/24,0)+1,1)*INDEX($D$3:$AA$30,INDEX(Jesper!$R$2:$R$366,ROW(INDEX(Jesper!AL$2:AL$366,ROUNDDOWN($C7955/24,0)+1,1))-1)+IF('Standard Profiles'!$G$22=$B$10,7,0)+IF('Standard Profiles'!$G$22=$B$17,14,0)+IF('Standard Profiles'!$G$22=$B$24,21,0),MOD($C7955,24)+1)/SUM(INDEX($D$3:$AA$30,INDEX(Jesper!$R$2:$R$366,ROW(INDEX(Jesper!AL$2:AL$366,ROUNDDOWN($C7955/24,0)+1,1))-1)+IF('Standard Profiles'!$G$22=$B$10,7,0)+IF('Standard Profiles'!$G$22=$B$17,14,0)+IF('Standard Profiles'!$G$22=$B$24,21,0),0)),0)</f>
        <v>0</v>
      </c>
      <c r="I7955">
        <f t="shared" si="881"/>
        <v>0.25585077451222965</v>
      </c>
      <c r="J7955">
        <f t="shared" si="882"/>
        <v>0.85283591504076561</v>
      </c>
      <c r="K7955">
        <f t="shared" si="883"/>
        <v>1.2792538725611484</v>
      </c>
      <c r="L7955">
        <f t="shared" si="884"/>
        <v>6.1404185882935121</v>
      </c>
      <c r="M7955">
        <f t="shared" si="885"/>
        <v>0</v>
      </c>
      <c r="N7955" s="46">
        <f t="shared" si="886"/>
        <v>45622.041666647456</v>
      </c>
    </row>
    <row r="7956" spans="2:14" x14ac:dyDescent="0.3">
      <c r="B7956">
        <f t="shared" si="880"/>
        <v>2</v>
      </c>
      <c r="C7956" s="16">
        <v>7922</v>
      </c>
      <c r="D7956" cm="1">
        <f t="array" ref="D7956">IFERROR(INDEX(Jesper!AH$2:AH$366,ROUNDDOWN($C7956/24,0)+1,1)*INDEX($D$3:$AA$30,INDEX(Jesper!$R$2:$R$366,ROW(INDEX(Jesper!AH$2:AH$366,ROUNDDOWN($C7956/24,0)+1,1))-1)+IF('Standard Profiles'!$G$18=$B$10,7,0)+IF('Standard Profiles'!$G$18=$B$17,14,0)+IF('Standard Profiles'!$G$18=$B$24,21,0),MOD($C7956,24)+1)/SUM(INDEX($D$3:$AA$30,INDEX(Jesper!$R$2:$R$366,ROW(INDEX(Jesper!AH$2:AH$366,ROUNDDOWN($C7956/24,0)+1,1))-1)+IF('Standard Profiles'!$G$18=$B$10,7,0)+IF('Standard Profiles'!$G$18=$B$17,14,0)+IF('Standard Profiles'!$G$18=$B$24,21,0),0)),0)</f>
        <v>8.5283591504076561</v>
      </c>
      <c r="E7956" cm="1">
        <f t="array" ref="E7956">IFERROR(INDEX(Jesper!AI$2:AI$366,ROUNDDOWN($C7956/24,0)+1,1)*INDEX($D$3:$AA$30,INDEX(Jesper!$R$2:$R$366,ROW(INDEX(Jesper!AI$2:AI$366,ROUNDDOWN($C7956/24,0)+1,1))-1)+IF('Standard Profiles'!$G$19=$B$10,7,0)+IF('Standard Profiles'!$G$19=$B$17,14,0)+IF('Standard Profiles'!$G$19=$B$24,21,0),MOD($C7956,24)+1)/SUM(INDEX($D$3:$AA$30,INDEX(Jesper!$R$2:$R$366,ROW(INDEX(Jesper!AI$2:AI$366,ROUNDDOWN($C7956/24,0)+1,1))-1)+IF('Standard Profiles'!$G$19=$B$10,7,0)+IF('Standard Profiles'!$G$19=$B$17,14,0)+IF('Standard Profiles'!$G$19=$B$24,21,0),0)),0)</f>
        <v>0</v>
      </c>
      <c r="F7956" cm="1">
        <f t="array" ref="F7956">IFERROR(INDEX(Jesper!AJ$2:AJ$366,ROUNDDOWN($C7956/24,0)+1,1)*INDEX($D$3:$AA$30,INDEX(Jesper!$R$2:$R$366,ROW(INDEX(Jesper!AJ$2:AJ$366,ROUNDDOWN($C7956/24,0)+1,1))-1)+IF('Standard Profiles'!$G$20=$B$10,7,0)+IF('Standard Profiles'!$G$20=$B$17,14,0)+IF('Standard Profiles'!$G$20=$B$24,21,0),MOD($C7956,24)+1)/SUM(INDEX($D$3:$AA$30,INDEX(Jesper!$R$2:$R$366,ROW(INDEX(Jesper!AJ$2:AJ$366,ROUNDDOWN($C7956/24,0)+1,1))-1)+IF('Standard Profiles'!$G$20=$B$10,7,0)+IF('Standard Profiles'!$G$20=$B$17,14,0)+IF('Standard Profiles'!$G$20=$B$24,21,0),0)),0)</f>
        <v>0</v>
      </c>
      <c r="G7956" cm="1">
        <f t="array" ref="G7956">IFERROR(INDEX(Jesper!AK$2:AK$366,ROUNDDOWN($C7956/24,0)+1,1)*INDEX($D$3:$AA$30,INDEX(Jesper!$R$2:$R$366,ROW(INDEX(Jesper!AK$2:AK$366,ROUNDDOWN($C7956/24,0)+1,1))-1)+IF('Standard Profiles'!$G$21=$B$10,7,0)+IF('Standard Profiles'!$G$21=$B$17,14,0)+IF('Standard Profiles'!$G$21=$B$24,21,0),MOD($C7956,24)+1)/SUM(INDEX($D$3:$AA$30,INDEX(Jesper!$R$2:$R$366,ROW(INDEX(Jesper!AK$2:AK$366,ROUNDDOWN($C7956/24,0)+1,1))-1)+IF('Standard Profiles'!$G$21=$B$10,7,0)+IF('Standard Profiles'!$G$21=$B$17,14,0)+IF('Standard Profiles'!$G$21=$B$24,21,0),0)),0)</f>
        <v>0</v>
      </c>
      <c r="H7956" cm="1">
        <f t="array" ref="H7956">IFERROR(INDEX(Jesper!AL$2:AL$366,ROUNDDOWN($C7956/24,0)+1,1)*INDEX($D$3:$AA$30,INDEX(Jesper!$R$2:$R$366,ROW(INDEX(Jesper!AL$2:AL$366,ROUNDDOWN($C7956/24,0)+1,1))-1)+IF('Standard Profiles'!$G$22=$B$10,7,0)+IF('Standard Profiles'!$G$22=$B$17,14,0)+IF('Standard Profiles'!$G$22=$B$24,21,0),MOD($C7956,24)+1)/SUM(INDEX($D$3:$AA$30,INDEX(Jesper!$R$2:$R$366,ROW(INDEX(Jesper!AL$2:AL$366,ROUNDDOWN($C7956/24,0)+1,1))-1)+IF('Standard Profiles'!$G$22=$B$10,7,0)+IF('Standard Profiles'!$G$22=$B$17,14,0)+IF('Standard Profiles'!$G$22=$B$24,21,0),0)),0)</f>
        <v>0</v>
      </c>
      <c r="I7956">
        <f t="shared" si="881"/>
        <v>0.25585077451222965</v>
      </c>
      <c r="J7956">
        <f t="shared" si="882"/>
        <v>0.85283591504076561</v>
      </c>
      <c r="K7956">
        <f t="shared" si="883"/>
        <v>1.2792538725611484</v>
      </c>
      <c r="L7956">
        <f t="shared" si="884"/>
        <v>6.1404185882935121</v>
      </c>
      <c r="M7956">
        <f t="shared" si="885"/>
        <v>0</v>
      </c>
      <c r="N7956" s="46">
        <f t="shared" si="886"/>
        <v>45622.08333331412</v>
      </c>
    </row>
    <row r="7957" spans="2:14" x14ac:dyDescent="0.3">
      <c r="B7957">
        <f t="shared" si="880"/>
        <v>2</v>
      </c>
      <c r="C7957" s="16">
        <v>7923</v>
      </c>
      <c r="D7957" cm="1">
        <f t="array" ref="D7957">IFERROR(INDEX(Jesper!AH$2:AH$366,ROUNDDOWN($C7957/24,0)+1,1)*INDEX($D$3:$AA$30,INDEX(Jesper!$R$2:$R$366,ROW(INDEX(Jesper!AH$2:AH$366,ROUNDDOWN($C7957/24,0)+1,1))-1)+IF('Standard Profiles'!$G$18=$B$10,7,0)+IF('Standard Profiles'!$G$18=$B$17,14,0)+IF('Standard Profiles'!$G$18=$B$24,21,0),MOD($C7957,24)+1)/SUM(INDEX($D$3:$AA$30,INDEX(Jesper!$R$2:$R$366,ROW(INDEX(Jesper!AH$2:AH$366,ROUNDDOWN($C7957/24,0)+1,1))-1)+IF('Standard Profiles'!$G$18=$B$10,7,0)+IF('Standard Profiles'!$G$18=$B$17,14,0)+IF('Standard Profiles'!$G$18=$B$24,21,0),0)),0)</f>
        <v>8.5283591504076561</v>
      </c>
      <c r="E7957" cm="1">
        <f t="array" ref="E7957">IFERROR(INDEX(Jesper!AI$2:AI$366,ROUNDDOWN($C7957/24,0)+1,1)*INDEX($D$3:$AA$30,INDEX(Jesper!$R$2:$R$366,ROW(INDEX(Jesper!AI$2:AI$366,ROUNDDOWN($C7957/24,0)+1,1))-1)+IF('Standard Profiles'!$G$19=$B$10,7,0)+IF('Standard Profiles'!$G$19=$B$17,14,0)+IF('Standard Profiles'!$G$19=$B$24,21,0),MOD($C7957,24)+1)/SUM(INDEX($D$3:$AA$30,INDEX(Jesper!$R$2:$R$366,ROW(INDEX(Jesper!AI$2:AI$366,ROUNDDOWN($C7957/24,0)+1,1))-1)+IF('Standard Profiles'!$G$19=$B$10,7,0)+IF('Standard Profiles'!$G$19=$B$17,14,0)+IF('Standard Profiles'!$G$19=$B$24,21,0),0)),0)</f>
        <v>0</v>
      </c>
      <c r="F7957" cm="1">
        <f t="array" ref="F7957">IFERROR(INDEX(Jesper!AJ$2:AJ$366,ROUNDDOWN($C7957/24,0)+1,1)*INDEX($D$3:$AA$30,INDEX(Jesper!$R$2:$R$366,ROW(INDEX(Jesper!AJ$2:AJ$366,ROUNDDOWN($C7957/24,0)+1,1))-1)+IF('Standard Profiles'!$G$20=$B$10,7,0)+IF('Standard Profiles'!$G$20=$B$17,14,0)+IF('Standard Profiles'!$G$20=$B$24,21,0),MOD($C7957,24)+1)/SUM(INDEX($D$3:$AA$30,INDEX(Jesper!$R$2:$R$366,ROW(INDEX(Jesper!AJ$2:AJ$366,ROUNDDOWN($C7957/24,0)+1,1))-1)+IF('Standard Profiles'!$G$20=$B$10,7,0)+IF('Standard Profiles'!$G$20=$B$17,14,0)+IF('Standard Profiles'!$G$20=$B$24,21,0),0)),0)</f>
        <v>0</v>
      </c>
      <c r="G7957" cm="1">
        <f t="array" ref="G7957">IFERROR(INDEX(Jesper!AK$2:AK$366,ROUNDDOWN($C7957/24,0)+1,1)*INDEX($D$3:$AA$30,INDEX(Jesper!$R$2:$R$366,ROW(INDEX(Jesper!AK$2:AK$366,ROUNDDOWN($C7957/24,0)+1,1))-1)+IF('Standard Profiles'!$G$21=$B$10,7,0)+IF('Standard Profiles'!$G$21=$B$17,14,0)+IF('Standard Profiles'!$G$21=$B$24,21,0),MOD($C7957,24)+1)/SUM(INDEX($D$3:$AA$30,INDEX(Jesper!$R$2:$R$366,ROW(INDEX(Jesper!AK$2:AK$366,ROUNDDOWN($C7957/24,0)+1,1))-1)+IF('Standard Profiles'!$G$21=$B$10,7,0)+IF('Standard Profiles'!$G$21=$B$17,14,0)+IF('Standard Profiles'!$G$21=$B$24,21,0),0)),0)</f>
        <v>0</v>
      </c>
      <c r="H7957" cm="1">
        <f t="array" ref="H7957">IFERROR(INDEX(Jesper!AL$2:AL$366,ROUNDDOWN($C7957/24,0)+1,1)*INDEX($D$3:$AA$30,INDEX(Jesper!$R$2:$R$366,ROW(INDEX(Jesper!AL$2:AL$366,ROUNDDOWN($C7957/24,0)+1,1))-1)+IF('Standard Profiles'!$G$22=$B$10,7,0)+IF('Standard Profiles'!$G$22=$B$17,14,0)+IF('Standard Profiles'!$G$22=$B$24,21,0),MOD($C7957,24)+1)/SUM(INDEX($D$3:$AA$30,INDEX(Jesper!$R$2:$R$366,ROW(INDEX(Jesper!AL$2:AL$366,ROUNDDOWN($C7957/24,0)+1,1))-1)+IF('Standard Profiles'!$G$22=$B$10,7,0)+IF('Standard Profiles'!$G$22=$B$17,14,0)+IF('Standard Profiles'!$G$22=$B$24,21,0),0)),0)</f>
        <v>0</v>
      </c>
      <c r="I7957">
        <f t="shared" si="881"/>
        <v>0.25585077451222965</v>
      </c>
      <c r="J7957">
        <f t="shared" si="882"/>
        <v>0.85283591504076561</v>
      </c>
      <c r="K7957">
        <f t="shared" si="883"/>
        <v>1.2792538725611484</v>
      </c>
      <c r="L7957">
        <f t="shared" si="884"/>
        <v>6.1404185882935121</v>
      </c>
      <c r="M7957">
        <f t="shared" si="885"/>
        <v>0</v>
      </c>
      <c r="N7957" s="46">
        <f t="shared" si="886"/>
        <v>45622.124999980784</v>
      </c>
    </row>
    <row r="7958" spans="2:14" x14ac:dyDescent="0.3">
      <c r="B7958">
        <f t="shared" si="880"/>
        <v>2</v>
      </c>
      <c r="C7958" s="16">
        <v>7924</v>
      </c>
      <c r="D7958" cm="1">
        <f t="array" ref="D7958">IFERROR(INDEX(Jesper!AH$2:AH$366,ROUNDDOWN($C7958/24,0)+1,1)*INDEX($D$3:$AA$30,INDEX(Jesper!$R$2:$R$366,ROW(INDEX(Jesper!AH$2:AH$366,ROUNDDOWN($C7958/24,0)+1,1))-1)+IF('Standard Profiles'!$G$18=$B$10,7,0)+IF('Standard Profiles'!$G$18=$B$17,14,0)+IF('Standard Profiles'!$G$18=$B$24,21,0),MOD($C7958,24)+1)/SUM(INDEX($D$3:$AA$30,INDEX(Jesper!$R$2:$R$366,ROW(INDEX(Jesper!AH$2:AH$366,ROUNDDOWN($C7958/24,0)+1,1))-1)+IF('Standard Profiles'!$G$18=$B$10,7,0)+IF('Standard Profiles'!$G$18=$B$17,14,0)+IF('Standard Profiles'!$G$18=$B$24,21,0),0)),0)</f>
        <v>8.5283591504076561</v>
      </c>
      <c r="E7958" cm="1">
        <f t="array" ref="E7958">IFERROR(INDEX(Jesper!AI$2:AI$366,ROUNDDOWN($C7958/24,0)+1,1)*INDEX($D$3:$AA$30,INDEX(Jesper!$R$2:$R$366,ROW(INDEX(Jesper!AI$2:AI$366,ROUNDDOWN($C7958/24,0)+1,1))-1)+IF('Standard Profiles'!$G$19=$B$10,7,0)+IF('Standard Profiles'!$G$19=$B$17,14,0)+IF('Standard Profiles'!$G$19=$B$24,21,0),MOD($C7958,24)+1)/SUM(INDEX($D$3:$AA$30,INDEX(Jesper!$R$2:$R$366,ROW(INDEX(Jesper!AI$2:AI$366,ROUNDDOWN($C7958/24,0)+1,1))-1)+IF('Standard Profiles'!$G$19=$B$10,7,0)+IF('Standard Profiles'!$G$19=$B$17,14,0)+IF('Standard Profiles'!$G$19=$B$24,21,0),0)),0)</f>
        <v>0</v>
      </c>
      <c r="F7958" cm="1">
        <f t="array" ref="F7958">IFERROR(INDEX(Jesper!AJ$2:AJ$366,ROUNDDOWN($C7958/24,0)+1,1)*INDEX($D$3:$AA$30,INDEX(Jesper!$R$2:$R$366,ROW(INDEX(Jesper!AJ$2:AJ$366,ROUNDDOWN($C7958/24,0)+1,1))-1)+IF('Standard Profiles'!$G$20=$B$10,7,0)+IF('Standard Profiles'!$G$20=$B$17,14,0)+IF('Standard Profiles'!$G$20=$B$24,21,0),MOD($C7958,24)+1)/SUM(INDEX($D$3:$AA$30,INDEX(Jesper!$R$2:$R$366,ROW(INDEX(Jesper!AJ$2:AJ$366,ROUNDDOWN($C7958/24,0)+1,1))-1)+IF('Standard Profiles'!$G$20=$B$10,7,0)+IF('Standard Profiles'!$G$20=$B$17,14,0)+IF('Standard Profiles'!$G$20=$B$24,21,0),0)),0)</f>
        <v>0</v>
      </c>
      <c r="G7958" cm="1">
        <f t="array" ref="G7958">IFERROR(INDEX(Jesper!AK$2:AK$366,ROUNDDOWN($C7958/24,0)+1,1)*INDEX($D$3:$AA$30,INDEX(Jesper!$R$2:$R$366,ROW(INDEX(Jesper!AK$2:AK$366,ROUNDDOWN($C7958/24,0)+1,1))-1)+IF('Standard Profiles'!$G$21=$B$10,7,0)+IF('Standard Profiles'!$G$21=$B$17,14,0)+IF('Standard Profiles'!$G$21=$B$24,21,0),MOD($C7958,24)+1)/SUM(INDEX($D$3:$AA$30,INDEX(Jesper!$R$2:$R$366,ROW(INDEX(Jesper!AK$2:AK$366,ROUNDDOWN($C7958/24,0)+1,1))-1)+IF('Standard Profiles'!$G$21=$B$10,7,0)+IF('Standard Profiles'!$G$21=$B$17,14,0)+IF('Standard Profiles'!$G$21=$B$24,21,0),0)),0)</f>
        <v>0</v>
      </c>
      <c r="H7958" cm="1">
        <f t="array" ref="H7958">IFERROR(INDEX(Jesper!AL$2:AL$366,ROUNDDOWN($C7958/24,0)+1,1)*INDEX($D$3:$AA$30,INDEX(Jesper!$R$2:$R$366,ROW(INDEX(Jesper!AL$2:AL$366,ROUNDDOWN($C7958/24,0)+1,1))-1)+IF('Standard Profiles'!$G$22=$B$10,7,0)+IF('Standard Profiles'!$G$22=$B$17,14,0)+IF('Standard Profiles'!$G$22=$B$24,21,0),MOD($C7958,24)+1)/SUM(INDEX($D$3:$AA$30,INDEX(Jesper!$R$2:$R$366,ROW(INDEX(Jesper!AL$2:AL$366,ROUNDDOWN($C7958/24,0)+1,1))-1)+IF('Standard Profiles'!$G$22=$B$10,7,0)+IF('Standard Profiles'!$G$22=$B$17,14,0)+IF('Standard Profiles'!$G$22=$B$24,21,0),0)),0)</f>
        <v>0</v>
      </c>
      <c r="I7958">
        <f t="shared" si="881"/>
        <v>0.25585077451222965</v>
      </c>
      <c r="J7958">
        <f t="shared" si="882"/>
        <v>0.85283591504076561</v>
      </c>
      <c r="K7958">
        <f t="shared" si="883"/>
        <v>1.2792538725611484</v>
      </c>
      <c r="L7958">
        <f t="shared" si="884"/>
        <v>6.1404185882935121</v>
      </c>
      <c r="M7958">
        <f t="shared" si="885"/>
        <v>0</v>
      </c>
      <c r="N7958" s="46">
        <f t="shared" si="886"/>
        <v>45622.166666647448</v>
      </c>
    </row>
    <row r="7959" spans="2:14" x14ac:dyDescent="0.3">
      <c r="B7959">
        <f t="shared" si="880"/>
        <v>2</v>
      </c>
      <c r="C7959" s="16">
        <v>7925</v>
      </c>
      <c r="D7959" cm="1">
        <f t="array" ref="D7959">IFERROR(INDEX(Jesper!AH$2:AH$366,ROUNDDOWN($C7959/24,0)+1,1)*INDEX($D$3:$AA$30,INDEX(Jesper!$R$2:$R$366,ROW(INDEX(Jesper!AH$2:AH$366,ROUNDDOWN($C7959/24,0)+1,1))-1)+IF('Standard Profiles'!$G$18=$B$10,7,0)+IF('Standard Profiles'!$G$18=$B$17,14,0)+IF('Standard Profiles'!$G$18=$B$24,21,0),MOD($C7959,24)+1)/SUM(INDEX($D$3:$AA$30,INDEX(Jesper!$R$2:$R$366,ROW(INDEX(Jesper!AH$2:AH$366,ROUNDDOWN($C7959/24,0)+1,1))-1)+IF('Standard Profiles'!$G$18=$B$10,7,0)+IF('Standard Profiles'!$G$18=$B$17,14,0)+IF('Standard Profiles'!$G$18=$B$24,21,0),0)),0)</f>
        <v>11.086866895529949</v>
      </c>
      <c r="E7959" cm="1">
        <f t="array" ref="E7959">IFERROR(INDEX(Jesper!AI$2:AI$366,ROUNDDOWN($C7959/24,0)+1,1)*INDEX($D$3:$AA$30,INDEX(Jesper!$R$2:$R$366,ROW(INDEX(Jesper!AI$2:AI$366,ROUNDDOWN($C7959/24,0)+1,1))-1)+IF('Standard Profiles'!$G$19=$B$10,7,0)+IF('Standard Profiles'!$G$19=$B$17,14,0)+IF('Standard Profiles'!$G$19=$B$24,21,0),MOD($C7959,24)+1)/SUM(INDEX($D$3:$AA$30,INDEX(Jesper!$R$2:$R$366,ROW(INDEX(Jesper!AI$2:AI$366,ROUNDDOWN($C7959/24,0)+1,1))-1)+IF('Standard Profiles'!$G$19=$B$10,7,0)+IF('Standard Profiles'!$G$19=$B$17,14,0)+IF('Standard Profiles'!$G$19=$B$24,21,0),0)),0)</f>
        <v>0</v>
      </c>
      <c r="F7959" cm="1">
        <f t="array" ref="F7959">IFERROR(INDEX(Jesper!AJ$2:AJ$366,ROUNDDOWN($C7959/24,0)+1,1)*INDEX($D$3:$AA$30,INDEX(Jesper!$R$2:$R$366,ROW(INDEX(Jesper!AJ$2:AJ$366,ROUNDDOWN($C7959/24,0)+1,1))-1)+IF('Standard Profiles'!$G$20=$B$10,7,0)+IF('Standard Profiles'!$G$20=$B$17,14,0)+IF('Standard Profiles'!$G$20=$B$24,21,0),MOD($C7959,24)+1)/SUM(INDEX($D$3:$AA$30,INDEX(Jesper!$R$2:$R$366,ROW(INDEX(Jesper!AJ$2:AJ$366,ROUNDDOWN($C7959/24,0)+1,1))-1)+IF('Standard Profiles'!$G$20=$B$10,7,0)+IF('Standard Profiles'!$G$20=$B$17,14,0)+IF('Standard Profiles'!$G$20=$B$24,21,0),0)),0)</f>
        <v>0</v>
      </c>
      <c r="G7959" cm="1">
        <f t="array" ref="G7959">IFERROR(INDEX(Jesper!AK$2:AK$366,ROUNDDOWN($C7959/24,0)+1,1)*INDEX($D$3:$AA$30,INDEX(Jesper!$R$2:$R$366,ROW(INDEX(Jesper!AK$2:AK$366,ROUNDDOWN($C7959/24,0)+1,1))-1)+IF('Standard Profiles'!$G$21=$B$10,7,0)+IF('Standard Profiles'!$G$21=$B$17,14,0)+IF('Standard Profiles'!$G$21=$B$24,21,0),MOD($C7959,24)+1)/SUM(INDEX($D$3:$AA$30,INDEX(Jesper!$R$2:$R$366,ROW(INDEX(Jesper!AK$2:AK$366,ROUNDDOWN($C7959/24,0)+1,1))-1)+IF('Standard Profiles'!$G$21=$B$10,7,0)+IF('Standard Profiles'!$G$21=$B$17,14,0)+IF('Standard Profiles'!$G$21=$B$24,21,0),0)),0)</f>
        <v>0</v>
      </c>
      <c r="H7959" cm="1">
        <f t="array" ref="H7959">IFERROR(INDEX(Jesper!AL$2:AL$366,ROUNDDOWN($C7959/24,0)+1,1)*INDEX($D$3:$AA$30,INDEX(Jesper!$R$2:$R$366,ROW(INDEX(Jesper!AL$2:AL$366,ROUNDDOWN($C7959/24,0)+1,1))-1)+IF('Standard Profiles'!$G$22=$B$10,7,0)+IF('Standard Profiles'!$G$22=$B$17,14,0)+IF('Standard Profiles'!$G$22=$B$24,21,0),MOD($C7959,24)+1)/SUM(INDEX($D$3:$AA$30,INDEX(Jesper!$R$2:$R$366,ROW(INDEX(Jesper!AL$2:AL$366,ROUNDDOWN($C7959/24,0)+1,1))-1)+IF('Standard Profiles'!$G$22=$B$10,7,0)+IF('Standard Profiles'!$G$22=$B$17,14,0)+IF('Standard Profiles'!$G$22=$B$24,21,0),0)),0)</f>
        <v>0</v>
      </c>
      <c r="I7959">
        <f t="shared" si="881"/>
        <v>0.33260600686589847</v>
      </c>
      <c r="J7959">
        <f t="shared" si="882"/>
        <v>1.108686689552995</v>
      </c>
      <c r="K7959">
        <f t="shared" si="883"/>
        <v>1.6630300343294924</v>
      </c>
      <c r="L7959">
        <f t="shared" si="884"/>
        <v>7.9825441647815634</v>
      </c>
      <c r="M7959">
        <f t="shared" si="885"/>
        <v>0</v>
      </c>
      <c r="N7959" s="46">
        <f t="shared" si="886"/>
        <v>45622.208333314113</v>
      </c>
    </row>
    <row r="7960" spans="2:14" x14ac:dyDescent="0.3">
      <c r="B7960">
        <f t="shared" si="880"/>
        <v>2</v>
      </c>
      <c r="C7960" s="16">
        <v>7926</v>
      </c>
      <c r="D7960" cm="1">
        <f t="array" ref="D7960">IFERROR(INDEX(Jesper!AH$2:AH$366,ROUNDDOWN($C7960/24,0)+1,1)*INDEX($D$3:$AA$30,INDEX(Jesper!$R$2:$R$366,ROW(INDEX(Jesper!AH$2:AH$366,ROUNDDOWN($C7960/24,0)+1,1))-1)+IF('Standard Profiles'!$G$18=$B$10,7,0)+IF('Standard Profiles'!$G$18=$B$17,14,0)+IF('Standard Profiles'!$G$18=$B$24,21,0),MOD($C7960,24)+1)/SUM(INDEX($D$3:$AA$30,INDEX(Jesper!$R$2:$R$366,ROW(INDEX(Jesper!AH$2:AH$366,ROUNDDOWN($C7960/24,0)+1,1))-1)+IF('Standard Profiles'!$G$18=$B$10,7,0)+IF('Standard Profiles'!$G$18=$B$17,14,0)+IF('Standard Profiles'!$G$18=$B$24,21,0),0)),0)</f>
        <v>12.366120768091097</v>
      </c>
      <c r="E7960" cm="1">
        <f t="array" ref="E7960">IFERROR(INDEX(Jesper!AI$2:AI$366,ROUNDDOWN($C7960/24,0)+1,1)*INDEX($D$3:$AA$30,INDEX(Jesper!$R$2:$R$366,ROW(INDEX(Jesper!AI$2:AI$366,ROUNDDOWN($C7960/24,0)+1,1))-1)+IF('Standard Profiles'!$G$19=$B$10,7,0)+IF('Standard Profiles'!$G$19=$B$17,14,0)+IF('Standard Profiles'!$G$19=$B$24,21,0),MOD($C7960,24)+1)/SUM(INDEX($D$3:$AA$30,INDEX(Jesper!$R$2:$R$366,ROW(INDEX(Jesper!AI$2:AI$366,ROUNDDOWN($C7960/24,0)+1,1))-1)+IF('Standard Profiles'!$G$19=$B$10,7,0)+IF('Standard Profiles'!$G$19=$B$17,14,0)+IF('Standard Profiles'!$G$19=$B$24,21,0),0)),0)</f>
        <v>0</v>
      </c>
      <c r="F7960" cm="1">
        <f t="array" ref="F7960">IFERROR(INDEX(Jesper!AJ$2:AJ$366,ROUNDDOWN($C7960/24,0)+1,1)*INDEX($D$3:$AA$30,INDEX(Jesper!$R$2:$R$366,ROW(INDEX(Jesper!AJ$2:AJ$366,ROUNDDOWN($C7960/24,0)+1,1))-1)+IF('Standard Profiles'!$G$20=$B$10,7,0)+IF('Standard Profiles'!$G$20=$B$17,14,0)+IF('Standard Profiles'!$G$20=$B$24,21,0),MOD($C7960,24)+1)/SUM(INDEX($D$3:$AA$30,INDEX(Jesper!$R$2:$R$366,ROW(INDEX(Jesper!AJ$2:AJ$366,ROUNDDOWN($C7960/24,0)+1,1))-1)+IF('Standard Profiles'!$G$20=$B$10,7,0)+IF('Standard Profiles'!$G$20=$B$17,14,0)+IF('Standard Profiles'!$G$20=$B$24,21,0),0)),0)</f>
        <v>0</v>
      </c>
      <c r="G7960" cm="1">
        <f t="array" ref="G7960">IFERROR(INDEX(Jesper!AK$2:AK$366,ROUNDDOWN($C7960/24,0)+1,1)*INDEX($D$3:$AA$30,INDEX(Jesper!$R$2:$R$366,ROW(INDEX(Jesper!AK$2:AK$366,ROUNDDOWN($C7960/24,0)+1,1))-1)+IF('Standard Profiles'!$G$21=$B$10,7,0)+IF('Standard Profiles'!$G$21=$B$17,14,0)+IF('Standard Profiles'!$G$21=$B$24,21,0),MOD($C7960,24)+1)/SUM(INDEX($D$3:$AA$30,INDEX(Jesper!$R$2:$R$366,ROW(INDEX(Jesper!AK$2:AK$366,ROUNDDOWN($C7960/24,0)+1,1))-1)+IF('Standard Profiles'!$G$21=$B$10,7,0)+IF('Standard Profiles'!$G$21=$B$17,14,0)+IF('Standard Profiles'!$G$21=$B$24,21,0),0)),0)</f>
        <v>0</v>
      </c>
      <c r="H7960" cm="1">
        <f t="array" ref="H7960">IFERROR(INDEX(Jesper!AL$2:AL$366,ROUNDDOWN($C7960/24,0)+1,1)*INDEX($D$3:$AA$30,INDEX(Jesper!$R$2:$R$366,ROW(INDEX(Jesper!AL$2:AL$366,ROUNDDOWN($C7960/24,0)+1,1))-1)+IF('Standard Profiles'!$G$22=$B$10,7,0)+IF('Standard Profiles'!$G$22=$B$17,14,0)+IF('Standard Profiles'!$G$22=$B$24,21,0),MOD($C7960,24)+1)/SUM(INDEX($D$3:$AA$30,INDEX(Jesper!$R$2:$R$366,ROW(INDEX(Jesper!AL$2:AL$366,ROUNDDOWN($C7960/24,0)+1,1))-1)+IF('Standard Profiles'!$G$22=$B$10,7,0)+IF('Standard Profiles'!$G$22=$B$17,14,0)+IF('Standard Profiles'!$G$22=$B$24,21,0),0)),0)</f>
        <v>0</v>
      </c>
      <c r="I7960">
        <f t="shared" si="881"/>
        <v>0.37098362304273291</v>
      </c>
      <c r="J7960">
        <f t="shared" si="882"/>
        <v>1.2366120768091098</v>
      </c>
      <c r="K7960">
        <f t="shared" si="883"/>
        <v>1.8549181152136645</v>
      </c>
      <c r="L7960">
        <f t="shared" si="884"/>
        <v>8.903606953025589</v>
      </c>
      <c r="M7960">
        <f t="shared" si="885"/>
        <v>0</v>
      </c>
      <c r="N7960" s="46">
        <f t="shared" si="886"/>
        <v>45622.249999980777</v>
      </c>
    </row>
    <row r="7961" spans="2:14" x14ac:dyDescent="0.3">
      <c r="B7961">
        <f t="shared" si="880"/>
        <v>2</v>
      </c>
      <c r="C7961" s="16">
        <v>7927</v>
      </c>
      <c r="D7961" cm="1">
        <f t="array" ref="D7961">IFERROR(INDEX(Jesper!AH$2:AH$366,ROUNDDOWN($C7961/24,0)+1,1)*INDEX($D$3:$AA$30,INDEX(Jesper!$R$2:$R$366,ROW(INDEX(Jesper!AH$2:AH$366,ROUNDDOWN($C7961/24,0)+1,1))-1)+IF('Standard Profiles'!$G$18=$B$10,7,0)+IF('Standard Profiles'!$G$18=$B$17,14,0)+IF('Standard Profiles'!$G$18=$B$24,21,0),MOD($C7961,24)+1)/SUM(INDEX($D$3:$AA$30,INDEX(Jesper!$R$2:$R$366,ROW(INDEX(Jesper!AH$2:AH$366,ROUNDDOWN($C7961/24,0)+1,1))-1)+IF('Standard Profiles'!$G$18=$B$10,7,0)+IF('Standard Profiles'!$G$18=$B$17,14,0)+IF('Standard Profiles'!$G$18=$B$24,21,0),0)),0)</f>
        <v>12.792538725611482</v>
      </c>
      <c r="E7961" cm="1">
        <f t="array" ref="E7961">IFERROR(INDEX(Jesper!AI$2:AI$366,ROUNDDOWN($C7961/24,0)+1,1)*INDEX($D$3:$AA$30,INDEX(Jesper!$R$2:$R$366,ROW(INDEX(Jesper!AI$2:AI$366,ROUNDDOWN($C7961/24,0)+1,1))-1)+IF('Standard Profiles'!$G$19=$B$10,7,0)+IF('Standard Profiles'!$G$19=$B$17,14,0)+IF('Standard Profiles'!$G$19=$B$24,21,0),MOD($C7961,24)+1)/SUM(INDEX($D$3:$AA$30,INDEX(Jesper!$R$2:$R$366,ROW(INDEX(Jesper!AI$2:AI$366,ROUNDDOWN($C7961/24,0)+1,1))-1)+IF('Standard Profiles'!$G$19=$B$10,7,0)+IF('Standard Profiles'!$G$19=$B$17,14,0)+IF('Standard Profiles'!$G$19=$B$24,21,0),0)),0)</f>
        <v>0</v>
      </c>
      <c r="F7961" cm="1">
        <f t="array" ref="F7961">IFERROR(INDEX(Jesper!AJ$2:AJ$366,ROUNDDOWN($C7961/24,0)+1,1)*INDEX($D$3:$AA$30,INDEX(Jesper!$R$2:$R$366,ROW(INDEX(Jesper!AJ$2:AJ$366,ROUNDDOWN($C7961/24,0)+1,1))-1)+IF('Standard Profiles'!$G$20=$B$10,7,0)+IF('Standard Profiles'!$G$20=$B$17,14,0)+IF('Standard Profiles'!$G$20=$B$24,21,0),MOD($C7961,24)+1)/SUM(INDEX($D$3:$AA$30,INDEX(Jesper!$R$2:$R$366,ROW(INDEX(Jesper!AJ$2:AJ$366,ROUNDDOWN($C7961/24,0)+1,1))-1)+IF('Standard Profiles'!$G$20=$B$10,7,0)+IF('Standard Profiles'!$G$20=$B$17,14,0)+IF('Standard Profiles'!$G$20=$B$24,21,0),0)),0)</f>
        <v>0</v>
      </c>
      <c r="G7961" cm="1">
        <f t="array" ref="G7961">IFERROR(INDEX(Jesper!AK$2:AK$366,ROUNDDOWN($C7961/24,0)+1,1)*INDEX($D$3:$AA$30,INDEX(Jesper!$R$2:$R$366,ROW(INDEX(Jesper!AK$2:AK$366,ROUNDDOWN($C7961/24,0)+1,1))-1)+IF('Standard Profiles'!$G$21=$B$10,7,0)+IF('Standard Profiles'!$G$21=$B$17,14,0)+IF('Standard Profiles'!$G$21=$B$24,21,0),MOD($C7961,24)+1)/SUM(INDEX($D$3:$AA$30,INDEX(Jesper!$R$2:$R$366,ROW(INDEX(Jesper!AK$2:AK$366,ROUNDDOWN($C7961/24,0)+1,1))-1)+IF('Standard Profiles'!$G$21=$B$10,7,0)+IF('Standard Profiles'!$G$21=$B$17,14,0)+IF('Standard Profiles'!$G$21=$B$24,21,0),0)),0)</f>
        <v>0</v>
      </c>
      <c r="H7961" cm="1">
        <f t="array" ref="H7961">IFERROR(INDEX(Jesper!AL$2:AL$366,ROUNDDOWN($C7961/24,0)+1,1)*INDEX($D$3:$AA$30,INDEX(Jesper!$R$2:$R$366,ROW(INDEX(Jesper!AL$2:AL$366,ROUNDDOWN($C7961/24,0)+1,1))-1)+IF('Standard Profiles'!$G$22=$B$10,7,0)+IF('Standard Profiles'!$G$22=$B$17,14,0)+IF('Standard Profiles'!$G$22=$B$24,21,0),MOD($C7961,24)+1)/SUM(INDEX($D$3:$AA$30,INDEX(Jesper!$R$2:$R$366,ROW(INDEX(Jesper!AL$2:AL$366,ROUNDDOWN($C7961/24,0)+1,1))-1)+IF('Standard Profiles'!$G$22=$B$10,7,0)+IF('Standard Profiles'!$G$22=$B$17,14,0)+IF('Standard Profiles'!$G$22=$B$24,21,0),0)),0)</f>
        <v>0</v>
      </c>
      <c r="I7961">
        <f t="shared" si="881"/>
        <v>0.38377616176834445</v>
      </c>
      <c r="J7961">
        <f t="shared" si="882"/>
        <v>1.2792538725611484</v>
      </c>
      <c r="K7961">
        <f t="shared" si="883"/>
        <v>1.9188808088417222</v>
      </c>
      <c r="L7961">
        <f t="shared" si="884"/>
        <v>9.2106278824402672</v>
      </c>
      <c r="M7961">
        <f t="shared" si="885"/>
        <v>0</v>
      </c>
      <c r="N7961" s="46">
        <f t="shared" si="886"/>
        <v>45622.291666647441</v>
      </c>
    </row>
    <row r="7962" spans="2:14" x14ac:dyDescent="0.3">
      <c r="B7962">
        <f t="shared" si="880"/>
        <v>2</v>
      </c>
      <c r="C7962" s="16">
        <v>7928</v>
      </c>
      <c r="D7962" cm="1">
        <f t="array" ref="D7962">IFERROR(INDEX(Jesper!AH$2:AH$366,ROUNDDOWN($C7962/24,0)+1,1)*INDEX($D$3:$AA$30,INDEX(Jesper!$R$2:$R$366,ROW(INDEX(Jesper!AH$2:AH$366,ROUNDDOWN($C7962/24,0)+1,1))-1)+IF('Standard Profiles'!$G$18=$B$10,7,0)+IF('Standard Profiles'!$G$18=$B$17,14,0)+IF('Standard Profiles'!$G$18=$B$24,21,0),MOD($C7962,24)+1)/SUM(INDEX($D$3:$AA$30,INDEX(Jesper!$R$2:$R$366,ROW(INDEX(Jesper!AH$2:AH$366,ROUNDDOWN($C7962/24,0)+1,1))-1)+IF('Standard Profiles'!$G$18=$B$10,7,0)+IF('Standard Profiles'!$G$18=$B$17,14,0)+IF('Standard Profiles'!$G$18=$B$24,21,0),0)),0)</f>
        <v>12.792538725611482</v>
      </c>
      <c r="E7962" cm="1">
        <f t="array" ref="E7962">IFERROR(INDEX(Jesper!AI$2:AI$366,ROUNDDOWN($C7962/24,0)+1,1)*INDEX($D$3:$AA$30,INDEX(Jesper!$R$2:$R$366,ROW(INDEX(Jesper!AI$2:AI$366,ROUNDDOWN($C7962/24,0)+1,1))-1)+IF('Standard Profiles'!$G$19=$B$10,7,0)+IF('Standard Profiles'!$G$19=$B$17,14,0)+IF('Standard Profiles'!$G$19=$B$24,21,0),MOD($C7962,24)+1)/SUM(INDEX($D$3:$AA$30,INDEX(Jesper!$R$2:$R$366,ROW(INDEX(Jesper!AI$2:AI$366,ROUNDDOWN($C7962/24,0)+1,1))-1)+IF('Standard Profiles'!$G$19=$B$10,7,0)+IF('Standard Profiles'!$G$19=$B$17,14,0)+IF('Standard Profiles'!$G$19=$B$24,21,0),0)),0)</f>
        <v>0</v>
      </c>
      <c r="F7962" cm="1">
        <f t="array" ref="F7962">IFERROR(INDEX(Jesper!AJ$2:AJ$366,ROUNDDOWN($C7962/24,0)+1,1)*INDEX($D$3:$AA$30,INDEX(Jesper!$R$2:$R$366,ROW(INDEX(Jesper!AJ$2:AJ$366,ROUNDDOWN($C7962/24,0)+1,1))-1)+IF('Standard Profiles'!$G$20=$B$10,7,0)+IF('Standard Profiles'!$G$20=$B$17,14,0)+IF('Standard Profiles'!$G$20=$B$24,21,0),MOD($C7962,24)+1)/SUM(INDEX($D$3:$AA$30,INDEX(Jesper!$R$2:$R$366,ROW(INDEX(Jesper!AJ$2:AJ$366,ROUNDDOWN($C7962/24,0)+1,1))-1)+IF('Standard Profiles'!$G$20=$B$10,7,0)+IF('Standard Profiles'!$G$20=$B$17,14,0)+IF('Standard Profiles'!$G$20=$B$24,21,0),0)),0)</f>
        <v>0</v>
      </c>
      <c r="G7962" cm="1">
        <f t="array" ref="G7962">IFERROR(INDEX(Jesper!AK$2:AK$366,ROUNDDOWN($C7962/24,0)+1,1)*INDEX($D$3:$AA$30,INDEX(Jesper!$R$2:$R$366,ROW(INDEX(Jesper!AK$2:AK$366,ROUNDDOWN($C7962/24,0)+1,1))-1)+IF('Standard Profiles'!$G$21=$B$10,7,0)+IF('Standard Profiles'!$G$21=$B$17,14,0)+IF('Standard Profiles'!$G$21=$B$24,21,0),MOD($C7962,24)+1)/SUM(INDEX($D$3:$AA$30,INDEX(Jesper!$R$2:$R$366,ROW(INDEX(Jesper!AK$2:AK$366,ROUNDDOWN($C7962/24,0)+1,1))-1)+IF('Standard Profiles'!$G$21=$B$10,7,0)+IF('Standard Profiles'!$G$21=$B$17,14,0)+IF('Standard Profiles'!$G$21=$B$24,21,0),0)),0)</f>
        <v>0</v>
      </c>
      <c r="H7962" cm="1">
        <f t="array" ref="H7962">IFERROR(INDEX(Jesper!AL$2:AL$366,ROUNDDOWN($C7962/24,0)+1,1)*INDEX($D$3:$AA$30,INDEX(Jesper!$R$2:$R$366,ROW(INDEX(Jesper!AL$2:AL$366,ROUNDDOWN($C7962/24,0)+1,1))-1)+IF('Standard Profiles'!$G$22=$B$10,7,0)+IF('Standard Profiles'!$G$22=$B$17,14,0)+IF('Standard Profiles'!$G$22=$B$24,21,0),MOD($C7962,24)+1)/SUM(INDEX($D$3:$AA$30,INDEX(Jesper!$R$2:$R$366,ROW(INDEX(Jesper!AL$2:AL$366,ROUNDDOWN($C7962/24,0)+1,1))-1)+IF('Standard Profiles'!$G$22=$B$10,7,0)+IF('Standard Profiles'!$G$22=$B$17,14,0)+IF('Standard Profiles'!$G$22=$B$24,21,0),0)),0)</f>
        <v>0</v>
      </c>
      <c r="I7962">
        <f t="shared" si="881"/>
        <v>0.38377616176834445</v>
      </c>
      <c r="J7962">
        <f t="shared" si="882"/>
        <v>1.2792538725611484</v>
      </c>
      <c r="K7962">
        <f t="shared" si="883"/>
        <v>1.9188808088417222</v>
      </c>
      <c r="L7962">
        <f t="shared" si="884"/>
        <v>9.2106278824402672</v>
      </c>
      <c r="M7962">
        <f t="shared" si="885"/>
        <v>0</v>
      </c>
      <c r="N7962" s="46">
        <f t="shared" si="886"/>
        <v>45622.333333314105</v>
      </c>
    </row>
    <row r="7963" spans="2:14" x14ac:dyDescent="0.3">
      <c r="B7963">
        <f t="shared" si="880"/>
        <v>2</v>
      </c>
      <c r="C7963" s="16">
        <v>7929</v>
      </c>
      <c r="D7963" cm="1">
        <f t="array" ref="D7963">IFERROR(INDEX(Jesper!AH$2:AH$366,ROUNDDOWN($C7963/24,0)+1,1)*INDEX($D$3:$AA$30,INDEX(Jesper!$R$2:$R$366,ROW(INDEX(Jesper!AH$2:AH$366,ROUNDDOWN($C7963/24,0)+1,1))-1)+IF('Standard Profiles'!$G$18=$B$10,7,0)+IF('Standard Profiles'!$G$18=$B$17,14,0)+IF('Standard Profiles'!$G$18=$B$24,21,0),MOD($C7963,24)+1)/SUM(INDEX($D$3:$AA$30,INDEX(Jesper!$R$2:$R$366,ROW(INDEX(Jesper!AH$2:AH$366,ROUNDDOWN($C7963/24,0)+1,1))-1)+IF('Standard Profiles'!$G$18=$B$10,7,0)+IF('Standard Profiles'!$G$18=$B$17,14,0)+IF('Standard Profiles'!$G$18=$B$24,21,0),0)),0)</f>
        <v>13.858583619412437</v>
      </c>
      <c r="E7963" cm="1">
        <f t="array" ref="E7963">IFERROR(INDEX(Jesper!AI$2:AI$366,ROUNDDOWN($C7963/24,0)+1,1)*INDEX($D$3:$AA$30,INDEX(Jesper!$R$2:$R$366,ROW(INDEX(Jesper!AI$2:AI$366,ROUNDDOWN($C7963/24,0)+1,1))-1)+IF('Standard Profiles'!$G$19=$B$10,7,0)+IF('Standard Profiles'!$G$19=$B$17,14,0)+IF('Standard Profiles'!$G$19=$B$24,21,0),MOD($C7963,24)+1)/SUM(INDEX($D$3:$AA$30,INDEX(Jesper!$R$2:$R$366,ROW(INDEX(Jesper!AI$2:AI$366,ROUNDDOWN($C7963/24,0)+1,1))-1)+IF('Standard Profiles'!$G$19=$B$10,7,0)+IF('Standard Profiles'!$G$19=$B$17,14,0)+IF('Standard Profiles'!$G$19=$B$24,21,0),0)),0)</f>
        <v>0</v>
      </c>
      <c r="F7963" cm="1">
        <f t="array" ref="F7963">IFERROR(INDEX(Jesper!AJ$2:AJ$366,ROUNDDOWN($C7963/24,0)+1,1)*INDEX($D$3:$AA$30,INDEX(Jesper!$R$2:$R$366,ROW(INDEX(Jesper!AJ$2:AJ$366,ROUNDDOWN($C7963/24,0)+1,1))-1)+IF('Standard Profiles'!$G$20=$B$10,7,0)+IF('Standard Profiles'!$G$20=$B$17,14,0)+IF('Standard Profiles'!$G$20=$B$24,21,0),MOD($C7963,24)+1)/SUM(INDEX($D$3:$AA$30,INDEX(Jesper!$R$2:$R$366,ROW(INDEX(Jesper!AJ$2:AJ$366,ROUNDDOWN($C7963/24,0)+1,1))-1)+IF('Standard Profiles'!$G$20=$B$10,7,0)+IF('Standard Profiles'!$G$20=$B$17,14,0)+IF('Standard Profiles'!$G$20=$B$24,21,0),0)),0)</f>
        <v>0</v>
      </c>
      <c r="G7963" cm="1">
        <f t="array" ref="G7963">IFERROR(INDEX(Jesper!AK$2:AK$366,ROUNDDOWN($C7963/24,0)+1,1)*INDEX($D$3:$AA$30,INDEX(Jesper!$R$2:$R$366,ROW(INDEX(Jesper!AK$2:AK$366,ROUNDDOWN($C7963/24,0)+1,1))-1)+IF('Standard Profiles'!$G$21=$B$10,7,0)+IF('Standard Profiles'!$G$21=$B$17,14,0)+IF('Standard Profiles'!$G$21=$B$24,21,0),MOD($C7963,24)+1)/SUM(INDEX($D$3:$AA$30,INDEX(Jesper!$R$2:$R$366,ROW(INDEX(Jesper!AK$2:AK$366,ROUNDDOWN($C7963/24,0)+1,1))-1)+IF('Standard Profiles'!$G$21=$B$10,7,0)+IF('Standard Profiles'!$G$21=$B$17,14,0)+IF('Standard Profiles'!$G$21=$B$24,21,0),0)),0)</f>
        <v>0</v>
      </c>
      <c r="H7963" cm="1">
        <f t="array" ref="H7963">IFERROR(INDEX(Jesper!AL$2:AL$366,ROUNDDOWN($C7963/24,0)+1,1)*INDEX($D$3:$AA$30,INDEX(Jesper!$R$2:$R$366,ROW(INDEX(Jesper!AL$2:AL$366,ROUNDDOWN($C7963/24,0)+1,1))-1)+IF('Standard Profiles'!$G$22=$B$10,7,0)+IF('Standard Profiles'!$G$22=$B$17,14,0)+IF('Standard Profiles'!$G$22=$B$24,21,0),MOD($C7963,24)+1)/SUM(INDEX($D$3:$AA$30,INDEX(Jesper!$R$2:$R$366,ROW(INDEX(Jesper!AL$2:AL$366,ROUNDDOWN($C7963/24,0)+1,1))-1)+IF('Standard Profiles'!$G$22=$B$10,7,0)+IF('Standard Profiles'!$G$22=$B$17,14,0)+IF('Standard Profiles'!$G$22=$B$24,21,0),0)),0)</f>
        <v>0</v>
      </c>
      <c r="I7963">
        <f t="shared" si="881"/>
        <v>0.41575750858237309</v>
      </c>
      <c r="J7963">
        <f t="shared" si="882"/>
        <v>1.3858583619412439</v>
      </c>
      <c r="K7963">
        <f t="shared" si="883"/>
        <v>2.0787875429118654</v>
      </c>
      <c r="L7963">
        <f t="shared" si="884"/>
        <v>9.9781802059769547</v>
      </c>
      <c r="M7963">
        <f t="shared" si="885"/>
        <v>0</v>
      </c>
      <c r="N7963" s="46">
        <f t="shared" si="886"/>
        <v>45622.37499998077</v>
      </c>
    </row>
    <row r="7964" spans="2:14" x14ac:dyDescent="0.3">
      <c r="B7964">
        <f t="shared" si="880"/>
        <v>2</v>
      </c>
      <c r="C7964" s="16">
        <v>7930</v>
      </c>
      <c r="D7964" cm="1">
        <f t="array" ref="D7964">IFERROR(INDEX(Jesper!AH$2:AH$366,ROUNDDOWN($C7964/24,0)+1,1)*INDEX($D$3:$AA$30,INDEX(Jesper!$R$2:$R$366,ROW(INDEX(Jesper!AH$2:AH$366,ROUNDDOWN($C7964/24,0)+1,1))-1)+IF('Standard Profiles'!$G$18=$B$10,7,0)+IF('Standard Profiles'!$G$18=$B$17,14,0)+IF('Standard Profiles'!$G$18=$B$24,21,0),MOD($C7964,24)+1)/SUM(INDEX($D$3:$AA$30,INDEX(Jesper!$R$2:$R$366,ROW(INDEX(Jesper!AH$2:AH$366,ROUNDDOWN($C7964/24,0)+1,1))-1)+IF('Standard Profiles'!$G$18=$B$10,7,0)+IF('Standard Profiles'!$G$18=$B$17,14,0)+IF('Standard Profiles'!$G$18=$B$24,21,0),0)),0)</f>
        <v>14.498210555693012</v>
      </c>
      <c r="E7964" cm="1">
        <f t="array" ref="E7964">IFERROR(INDEX(Jesper!AI$2:AI$366,ROUNDDOWN($C7964/24,0)+1,1)*INDEX($D$3:$AA$30,INDEX(Jesper!$R$2:$R$366,ROW(INDEX(Jesper!AI$2:AI$366,ROUNDDOWN($C7964/24,0)+1,1))-1)+IF('Standard Profiles'!$G$19=$B$10,7,0)+IF('Standard Profiles'!$G$19=$B$17,14,0)+IF('Standard Profiles'!$G$19=$B$24,21,0),MOD($C7964,24)+1)/SUM(INDEX($D$3:$AA$30,INDEX(Jesper!$R$2:$R$366,ROW(INDEX(Jesper!AI$2:AI$366,ROUNDDOWN($C7964/24,0)+1,1))-1)+IF('Standard Profiles'!$G$19=$B$10,7,0)+IF('Standard Profiles'!$G$19=$B$17,14,0)+IF('Standard Profiles'!$G$19=$B$24,21,0),0)),0)</f>
        <v>0</v>
      </c>
      <c r="F7964" cm="1">
        <f t="array" ref="F7964">IFERROR(INDEX(Jesper!AJ$2:AJ$366,ROUNDDOWN($C7964/24,0)+1,1)*INDEX($D$3:$AA$30,INDEX(Jesper!$R$2:$R$366,ROW(INDEX(Jesper!AJ$2:AJ$366,ROUNDDOWN($C7964/24,0)+1,1))-1)+IF('Standard Profiles'!$G$20=$B$10,7,0)+IF('Standard Profiles'!$G$20=$B$17,14,0)+IF('Standard Profiles'!$G$20=$B$24,21,0),MOD($C7964,24)+1)/SUM(INDEX($D$3:$AA$30,INDEX(Jesper!$R$2:$R$366,ROW(INDEX(Jesper!AJ$2:AJ$366,ROUNDDOWN($C7964/24,0)+1,1))-1)+IF('Standard Profiles'!$G$20=$B$10,7,0)+IF('Standard Profiles'!$G$20=$B$17,14,0)+IF('Standard Profiles'!$G$20=$B$24,21,0),0)),0)</f>
        <v>0</v>
      </c>
      <c r="G7964" cm="1">
        <f t="array" ref="G7964">IFERROR(INDEX(Jesper!AK$2:AK$366,ROUNDDOWN($C7964/24,0)+1,1)*INDEX($D$3:$AA$30,INDEX(Jesper!$R$2:$R$366,ROW(INDEX(Jesper!AK$2:AK$366,ROUNDDOWN($C7964/24,0)+1,1))-1)+IF('Standard Profiles'!$G$21=$B$10,7,0)+IF('Standard Profiles'!$G$21=$B$17,14,0)+IF('Standard Profiles'!$G$21=$B$24,21,0),MOD($C7964,24)+1)/SUM(INDEX($D$3:$AA$30,INDEX(Jesper!$R$2:$R$366,ROW(INDEX(Jesper!AK$2:AK$366,ROUNDDOWN($C7964/24,0)+1,1))-1)+IF('Standard Profiles'!$G$21=$B$10,7,0)+IF('Standard Profiles'!$G$21=$B$17,14,0)+IF('Standard Profiles'!$G$21=$B$24,21,0),0)),0)</f>
        <v>0</v>
      </c>
      <c r="H7964" cm="1">
        <f t="array" ref="H7964">IFERROR(INDEX(Jesper!AL$2:AL$366,ROUNDDOWN($C7964/24,0)+1,1)*INDEX($D$3:$AA$30,INDEX(Jesper!$R$2:$R$366,ROW(INDEX(Jesper!AL$2:AL$366,ROUNDDOWN($C7964/24,0)+1,1))-1)+IF('Standard Profiles'!$G$22=$B$10,7,0)+IF('Standard Profiles'!$G$22=$B$17,14,0)+IF('Standard Profiles'!$G$22=$B$24,21,0),MOD($C7964,24)+1)/SUM(INDEX($D$3:$AA$30,INDEX(Jesper!$R$2:$R$366,ROW(INDEX(Jesper!AL$2:AL$366,ROUNDDOWN($C7964/24,0)+1,1))-1)+IF('Standard Profiles'!$G$22=$B$10,7,0)+IF('Standard Profiles'!$G$22=$B$17,14,0)+IF('Standard Profiles'!$G$22=$B$24,21,0),0)),0)</f>
        <v>0</v>
      </c>
      <c r="I7964">
        <f t="shared" si="881"/>
        <v>0.43494631667079037</v>
      </c>
      <c r="J7964">
        <f t="shared" si="882"/>
        <v>1.4498210555693012</v>
      </c>
      <c r="K7964">
        <f t="shared" si="883"/>
        <v>2.1747315833539518</v>
      </c>
      <c r="L7964">
        <f t="shared" si="884"/>
        <v>10.438711600098967</v>
      </c>
      <c r="M7964">
        <f t="shared" si="885"/>
        <v>0</v>
      </c>
      <c r="N7964" s="46">
        <f t="shared" si="886"/>
        <v>45622.416666647434</v>
      </c>
    </row>
    <row r="7965" spans="2:14" x14ac:dyDescent="0.3">
      <c r="B7965">
        <f t="shared" si="880"/>
        <v>2</v>
      </c>
      <c r="C7965" s="16">
        <v>7931</v>
      </c>
      <c r="D7965" cm="1">
        <f t="array" ref="D7965">IFERROR(INDEX(Jesper!AH$2:AH$366,ROUNDDOWN($C7965/24,0)+1,1)*INDEX($D$3:$AA$30,INDEX(Jesper!$R$2:$R$366,ROW(INDEX(Jesper!AH$2:AH$366,ROUNDDOWN($C7965/24,0)+1,1))-1)+IF('Standard Profiles'!$G$18=$B$10,7,0)+IF('Standard Profiles'!$G$18=$B$17,14,0)+IF('Standard Profiles'!$G$18=$B$24,21,0),MOD($C7965,24)+1)/SUM(INDEX($D$3:$AA$30,INDEX(Jesper!$R$2:$R$366,ROW(INDEX(Jesper!AH$2:AH$366,ROUNDDOWN($C7965/24,0)+1,1))-1)+IF('Standard Profiles'!$G$18=$B$10,7,0)+IF('Standard Profiles'!$G$18=$B$17,14,0)+IF('Standard Profiles'!$G$18=$B$24,21,0),0)),0)</f>
        <v>17.056718300815312</v>
      </c>
      <c r="E7965" cm="1">
        <f t="array" ref="E7965">IFERROR(INDEX(Jesper!AI$2:AI$366,ROUNDDOWN($C7965/24,0)+1,1)*INDEX($D$3:$AA$30,INDEX(Jesper!$R$2:$R$366,ROW(INDEX(Jesper!AI$2:AI$366,ROUNDDOWN($C7965/24,0)+1,1))-1)+IF('Standard Profiles'!$G$19=$B$10,7,0)+IF('Standard Profiles'!$G$19=$B$17,14,0)+IF('Standard Profiles'!$G$19=$B$24,21,0),MOD($C7965,24)+1)/SUM(INDEX($D$3:$AA$30,INDEX(Jesper!$R$2:$R$366,ROW(INDEX(Jesper!AI$2:AI$366,ROUNDDOWN($C7965/24,0)+1,1))-1)+IF('Standard Profiles'!$G$19=$B$10,7,0)+IF('Standard Profiles'!$G$19=$B$17,14,0)+IF('Standard Profiles'!$G$19=$B$24,21,0),0)),0)</f>
        <v>0</v>
      </c>
      <c r="F7965" cm="1">
        <f t="array" ref="F7965">IFERROR(INDEX(Jesper!AJ$2:AJ$366,ROUNDDOWN($C7965/24,0)+1,1)*INDEX($D$3:$AA$30,INDEX(Jesper!$R$2:$R$366,ROW(INDEX(Jesper!AJ$2:AJ$366,ROUNDDOWN($C7965/24,0)+1,1))-1)+IF('Standard Profiles'!$G$20=$B$10,7,0)+IF('Standard Profiles'!$G$20=$B$17,14,0)+IF('Standard Profiles'!$G$20=$B$24,21,0),MOD($C7965,24)+1)/SUM(INDEX($D$3:$AA$30,INDEX(Jesper!$R$2:$R$366,ROW(INDEX(Jesper!AJ$2:AJ$366,ROUNDDOWN($C7965/24,0)+1,1))-1)+IF('Standard Profiles'!$G$20=$B$10,7,0)+IF('Standard Profiles'!$G$20=$B$17,14,0)+IF('Standard Profiles'!$G$20=$B$24,21,0),0)),0)</f>
        <v>0</v>
      </c>
      <c r="G7965" cm="1">
        <f t="array" ref="G7965">IFERROR(INDEX(Jesper!AK$2:AK$366,ROUNDDOWN($C7965/24,0)+1,1)*INDEX($D$3:$AA$30,INDEX(Jesper!$R$2:$R$366,ROW(INDEX(Jesper!AK$2:AK$366,ROUNDDOWN($C7965/24,0)+1,1))-1)+IF('Standard Profiles'!$G$21=$B$10,7,0)+IF('Standard Profiles'!$G$21=$B$17,14,0)+IF('Standard Profiles'!$G$21=$B$24,21,0),MOD($C7965,24)+1)/SUM(INDEX($D$3:$AA$30,INDEX(Jesper!$R$2:$R$366,ROW(INDEX(Jesper!AK$2:AK$366,ROUNDDOWN($C7965/24,0)+1,1))-1)+IF('Standard Profiles'!$G$21=$B$10,7,0)+IF('Standard Profiles'!$G$21=$B$17,14,0)+IF('Standard Profiles'!$G$21=$B$24,21,0),0)),0)</f>
        <v>0</v>
      </c>
      <c r="H7965" cm="1">
        <f t="array" ref="H7965">IFERROR(INDEX(Jesper!AL$2:AL$366,ROUNDDOWN($C7965/24,0)+1,1)*INDEX($D$3:$AA$30,INDEX(Jesper!$R$2:$R$366,ROW(INDEX(Jesper!AL$2:AL$366,ROUNDDOWN($C7965/24,0)+1,1))-1)+IF('Standard Profiles'!$G$22=$B$10,7,0)+IF('Standard Profiles'!$G$22=$B$17,14,0)+IF('Standard Profiles'!$G$22=$B$24,21,0),MOD($C7965,24)+1)/SUM(INDEX($D$3:$AA$30,INDEX(Jesper!$R$2:$R$366,ROW(INDEX(Jesper!AL$2:AL$366,ROUNDDOWN($C7965/24,0)+1,1))-1)+IF('Standard Profiles'!$G$22=$B$10,7,0)+IF('Standard Profiles'!$G$22=$B$17,14,0)+IF('Standard Profiles'!$G$22=$B$24,21,0),0)),0)</f>
        <v>0</v>
      </c>
      <c r="I7965">
        <f t="shared" si="881"/>
        <v>0.5117015490244593</v>
      </c>
      <c r="J7965">
        <f t="shared" si="882"/>
        <v>1.7056718300815312</v>
      </c>
      <c r="K7965">
        <f t="shared" si="883"/>
        <v>2.5585077451222968</v>
      </c>
      <c r="L7965">
        <f t="shared" si="884"/>
        <v>12.280837176587024</v>
      </c>
      <c r="M7965">
        <f t="shared" si="885"/>
        <v>0</v>
      </c>
      <c r="N7965" s="46">
        <f t="shared" si="886"/>
        <v>45622.458333314098</v>
      </c>
    </row>
    <row r="7966" spans="2:14" x14ac:dyDescent="0.3">
      <c r="B7966">
        <f t="shared" si="880"/>
        <v>2</v>
      </c>
      <c r="C7966" s="16">
        <v>7932</v>
      </c>
      <c r="D7966" cm="1">
        <f t="array" ref="D7966">IFERROR(INDEX(Jesper!AH$2:AH$366,ROUNDDOWN($C7966/24,0)+1,1)*INDEX($D$3:$AA$30,INDEX(Jesper!$R$2:$R$366,ROW(INDEX(Jesper!AH$2:AH$366,ROUNDDOWN($C7966/24,0)+1,1))-1)+IF('Standard Profiles'!$G$18=$B$10,7,0)+IF('Standard Profiles'!$G$18=$B$17,14,0)+IF('Standard Profiles'!$G$18=$B$24,21,0),MOD($C7966,24)+1)/SUM(INDEX($D$3:$AA$30,INDEX(Jesper!$R$2:$R$366,ROW(INDEX(Jesper!AH$2:AH$366,ROUNDDOWN($C7966/24,0)+1,1))-1)+IF('Standard Profiles'!$G$18=$B$10,7,0)+IF('Standard Profiles'!$G$18=$B$17,14,0)+IF('Standard Profiles'!$G$18=$B$24,21,0),0)),0)</f>
        <v>17.056718300815312</v>
      </c>
      <c r="E7966" cm="1">
        <f t="array" ref="E7966">IFERROR(INDEX(Jesper!AI$2:AI$366,ROUNDDOWN($C7966/24,0)+1,1)*INDEX($D$3:$AA$30,INDEX(Jesper!$R$2:$R$366,ROW(INDEX(Jesper!AI$2:AI$366,ROUNDDOWN($C7966/24,0)+1,1))-1)+IF('Standard Profiles'!$G$19=$B$10,7,0)+IF('Standard Profiles'!$G$19=$B$17,14,0)+IF('Standard Profiles'!$G$19=$B$24,21,0),MOD($C7966,24)+1)/SUM(INDEX($D$3:$AA$30,INDEX(Jesper!$R$2:$R$366,ROW(INDEX(Jesper!AI$2:AI$366,ROUNDDOWN($C7966/24,0)+1,1))-1)+IF('Standard Profiles'!$G$19=$B$10,7,0)+IF('Standard Profiles'!$G$19=$B$17,14,0)+IF('Standard Profiles'!$G$19=$B$24,21,0),0)),0)</f>
        <v>0</v>
      </c>
      <c r="F7966" cm="1">
        <f t="array" ref="F7966">IFERROR(INDEX(Jesper!AJ$2:AJ$366,ROUNDDOWN($C7966/24,0)+1,1)*INDEX($D$3:$AA$30,INDEX(Jesper!$R$2:$R$366,ROW(INDEX(Jesper!AJ$2:AJ$366,ROUNDDOWN($C7966/24,0)+1,1))-1)+IF('Standard Profiles'!$G$20=$B$10,7,0)+IF('Standard Profiles'!$G$20=$B$17,14,0)+IF('Standard Profiles'!$G$20=$B$24,21,0),MOD($C7966,24)+1)/SUM(INDEX($D$3:$AA$30,INDEX(Jesper!$R$2:$R$366,ROW(INDEX(Jesper!AJ$2:AJ$366,ROUNDDOWN($C7966/24,0)+1,1))-1)+IF('Standard Profiles'!$G$20=$B$10,7,0)+IF('Standard Profiles'!$G$20=$B$17,14,0)+IF('Standard Profiles'!$G$20=$B$24,21,0),0)),0)</f>
        <v>0</v>
      </c>
      <c r="G7966" cm="1">
        <f t="array" ref="G7966">IFERROR(INDEX(Jesper!AK$2:AK$366,ROUNDDOWN($C7966/24,0)+1,1)*INDEX($D$3:$AA$30,INDEX(Jesper!$R$2:$R$366,ROW(INDEX(Jesper!AK$2:AK$366,ROUNDDOWN($C7966/24,0)+1,1))-1)+IF('Standard Profiles'!$G$21=$B$10,7,0)+IF('Standard Profiles'!$G$21=$B$17,14,0)+IF('Standard Profiles'!$G$21=$B$24,21,0),MOD($C7966,24)+1)/SUM(INDEX($D$3:$AA$30,INDEX(Jesper!$R$2:$R$366,ROW(INDEX(Jesper!AK$2:AK$366,ROUNDDOWN($C7966/24,0)+1,1))-1)+IF('Standard Profiles'!$G$21=$B$10,7,0)+IF('Standard Profiles'!$G$21=$B$17,14,0)+IF('Standard Profiles'!$G$21=$B$24,21,0),0)),0)</f>
        <v>0</v>
      </c>
      <c r="H7966" cm="1">
        <f t="array" ref="H7966">IFERROR(INDEX(Jesper!AL$2:AL$366,ROUNDDOWN($C7966/24,0)+1,1)*INDEX($D$3:$AA$30,INDEX(Jesper!$R$2:$R$366,ROW(INDEX(Jesper!AL$2:AL$366,ROUNDDOWN($C7966/24,0)+1,1))-1)+IF('Standard Profiles'!$G$22=$B$10,7,0)+IF('Standard Profiles'!$G$22=$B$17,14,0)+IF('Standard Profiles'!$G$22=$B$24,21,0),MOD($C7966,24)+1)/SUM(INDEX($D$3:$AA$30,INDEX(Jesper!$R$2:$R$366,ROW(INDEX(Jesper!AL$2:AL$366,ROUNDDOWN($C7966/24,0)+1,1))-1)+IF('Standard Profiles'!$G$22=$B$10,7,0)+IF('Standard Profiles'!$G$22=$B$17,14,0)+IF('Standard Profiles'!$G$22=$B$24,21,0),0)),0)</f>
        <v>0</v>
      </c>
      <c r="I7966">
        <f t="shared" si="881"/>
        <v>0.5117015490244593</v>
      </c>
      <c r="J7966">
        <f t="shared" si="882"/>
        <v>1.7056718300815312</v>
      </c>
      <c r="K7966">
        <f t="shared" si="883"/>
        <v>2.5585077451222968</v>
      </c>
      <c r="L7966">
        <f t="shared" si="884"/>
        <v>12.280837176587024</v>
      </c>
      <c r="M7966">
        <f t="shared" si="885"/>
        <v>0</v>
      </c>
      <c r="N7966" s="46">
        <f t="shared" si="886"/>
        <v>45622.499999980762</v>
      </c>
    </row>
    <row r="7967" spans="2:14" x14ac:dyDescent="0.3">
      <c r="B7967">
        <f t="shared" si="880"/>
        <v>2</v>
      </c>
      <c r="C7967" s="16">
        <v>7933</v>
      </c>
      <c r="D7967" cm="1">
        <f t="array" ref="D7967">IFERROR(INDEX(Jesper!AH$2:AH$366,ROUNDDOWN($C7967/24,0)+1,1)*INDEX($D$3:$AA$30,INDEX(Jesper!$R$2:$R$366,ROW(INDEX(Jesper!AH$2:AH$366,ROUNDDOWN($C7967/24,0)+1,1))-1)+IF('Standard Profiles'!$G$18=$B$10,7,0)+IF('Standard Profiles'!$G$18=$B$17,14,0)+IF('Standard Profiles'!$G$18=$B$24,21,0),MOD($C7967,24)+1)/SUM(INDEX($D$3:$AA$30,INDEX(Jesper!$R$2:$R$366,ROW(INDEX(Jesper!AH$2:AH$366,ROUNDDOWN($C7967/24,0)+1,1))-1)+IF('Standard Profiles'!$G$18=$B$10,7,0)+IF('Standard Profiles'!$G$18=$B$17,14,0)+IF('Standard Profiles'!$G$18=$B$24,21,0),0)),0)</f>
        <v>17.056718300815312</v>
      </c>
      <c r="E7967" cm="1">
        <f t="array" ref="E7967">IFERROR(INDEX(Jesper!AI$2:AI$366,ROUNDDOWN($C7967/24,0)+1,1)*INDEX($D$3:$AA$30,INDEX(Jesper!$R$2:$R$366,ROW(INDEX(Jesper!AI$2:AI$366,ROUNDDOWN($C7967/24,0)+1,1))-1)+IF('Standard Profiles'!$G$19=$B$10,7,0)+IF('Standard Profiles'!$G$19=$B$17,14,0)+IF('Standard Profiles'!$G$19=$B$24,21,0),MOD($C7967,24)+1)/SUM(INDEX($D$3:$AA$30,INDEX(Jesper!$R$2:$R$366,ROW(INDEX(Jesper!AI$2:AI$366,ROUNDDOWN($C7967/24,0)+1,1))-1)+IF('Standard Profiles'!$G$19=$B$10,7,0)+IF('Standard Profiles'!$G$19=$B$17,14,0)+IF('Standard Profiles'!$G$19=$B$24,21,0),0)),0)</f>
        <v>0</v>
      </c>
      <c r="F7967" cm="1">
        <f t="array" ref="F7967">IFERROR(INDEX(Jesper!AJ$2:AJ$366,ROUNDDOWN($C7967/24,0)+1,1)*INDEX($D$3:$AA$30,INDEX(Jesper!$R$2:$R$366,ROW(INDEX(Jesper!AJ$2:AJ$366,ROUNDDOWN($C7967/24,0)+1,1))-1)+IF('Standard Profiles'!$G$20=$B$10,7,0)+IF('Standard Profiles'!$G$20=$B$17,14,0)+IF('Standard Profiles'!$G$20=$B$24,21,0),MOD($C7967,24)+1)/SUM(INDEX($D$3:$AA$30,INDEX(Jesper!$R$2:$R$366,ROW(INDEX(Jesper!AJ$2:AJ$366,ROUNDDOWN($C7967/24,0)+1,1))-1)+IF('Standard Profiles'!$G$20=$B$10,7,0)+IF('Standard Profiles'!$G$20=$B$17,14,0)+IF('Standard Profiles'!$G$20=$B$24,21,0),0)),0)</f>
        <v>0</v>
      </c>
      <c r="G7967" cm="1">
        <f t="array" ref="G7967">IFERROR(INDEX(Jesper!AK$2:AK$366,ROUNDDOWN($C7967/24,0)+1,1)*INDEX($D$3:$AA$30,INDEX(Jesper!$R$2:$R$366,ROW(INDEX(Jesper!AK$2:AK$366,ROUNDDOWN($C7967/24,0)+1,1))-1)+IF('Standard Profiles'!$G$21=$B$10,7,0)+IF('Standard Profiles'!$G$21=$B$17,14,0)+IF('Standard Profiles'!$G$21=$B$24,21,0),MOD($C7967,24)+1)/SUM(INDEX($D$3:$AA$30,INDEX(Jesper!$R$2:$R$366,ROW(INDEX(Jesper!AK$2:AK$366,ROUNDDOWN($C7967/24,0)+1,1))-1)+IF('Standard Profiles'!$G$21=$B$10,7,0)+IF('Standard Profiles'!$G$21=$B$17,14,0)+IF('Standard Profiles'!$G$21=$B$24,21,0),0)),0)</f>
        <v>0</v>
      </c>
      <c r="H7967" cm="1">
        <f t="array" ref="H7967">IFERROR(INDEX(Jesper!AL$2:AL$366,ROUNDDOWN($C7967/24,0)+1,1)*INDEX($D$3:$AA$30,INDEX(Jesper!$R$2:$R$366,ROW(INDEX(Jesper!AL$2:AL$366,ROUNDDOWN($C7967/24,0)+1,1))-1)+IF('Standard Profiles'!$G$22=$B$10,7,0)+IF('Standard Profiles'!$G$22=$B$17,14,0)+IF('Standard Profiles'!$G$22=$B$24,21,0),MOD($C7967,24)+1)/SUM(INDEX($D$3:$AA$30,INDEX(Jesper!$R$2:$R$366,ROW(INDEX(Jesper!AL$2:AL$366,ROUNDDOWN($C7967/24,0)+1,1))-1)+IF('Standard Profiles'!$G$22=$B$10,7,0)+IF('Standard Profiles'!$G$22=$B$17,14,0)+IF('Standard Profiles'!$G$22=$B$24,21,0),0)),0)</f>
        <v>0</v>
      </c>
      <c r="I7967">
        <f t="shared" si="881"/>
        <v>0.5117015490244593</v>
      </c>
      <c r="J7967">
        <f t="shared" si="882"/>
        <v>1.7056718300815312</v>
      </c>
      <c r="K7967">
        <f t="shared" si="883"/>
        <v>2.5585077451222968</v>
      </c>
      <c r="L7967">
        <f t="shared" si="884"/>
        <v>12.280837176587024</v>
      </c>
      <c r="M7967">
        <f t="shared" si="885"/>
        <v>0</v>
      </c>
      <c r="N7967" s="46">
        <f t="shared" si="886"/>
        <v>45622.541666647427</v>
      </c>
    </row>
    <row r="7968" spans="2:14" x14ac:dyDescent="0.3">
      <c r="B7968">
        <f t="shared" si="880"/>
        <v>2</v>
      </c>
      <c r="C7968" s="16">
        <v>7934</v>
      </c>
      <c r="D7968" cm="1">
        <f t="array" ref="D7968">IFERROR(INDEX(Jesper!AH$2:AH$366,ROUNDDOWN($C7968/24,0)+1,1)*INDEX($D$3:$AA$30,INDEX(Jesper!$R$2:$R$366,ROW(INDEX(Jesper!AH$2:AH$366,ROUNDDOWN($C7968/24,0)+1,1))-1)+IF('Standard Profiles'!$G$18=$B$10,7,0)+IF('Standard Profiles'!$G$18=$B$17,14,0)+IF('Standard Profiles'!$G$18=$B$24,21,0),MOD($C7968,24)+1)/SUM(INDEX($D$3:$AA$30,INDEX(Jesper!$R$2:$R$366,ROW(INDEX(Jesper!AH$2:AH$366,ROUNDDOWN($C7968/24,0)+1,1))-1)+IF('Standard Profiles'!$G$18=$B$10,7,0)+IF('Standard Profiles'!$G$18=$B$17,14,0)+IF('Standard Profiles'!$G$18=$B$24,21,0),0)),0)</f>
        <v>17.056718300815312</v>
      </c>
      <c r="E7968" cm="1">
        <f t="array" ref="E7968">IFERROR(INDEX(Jesper!AI$2:AI$366,ROUNDDOWN($C7968/24,0)+1,1)*INDEX($D$3:$AA$30,INDEX(Jesper!$R$2:$R$366,ROW(INDEX(Jesper!AI$2:AI$366,ROUNDDOWN($C7968/24,0)+1,1))-1)+IF('Standard Profiles'!$G$19=$B$10,7,0)+IF('Standard Profiles'!$G$19=$B$17,14,0)+IF('Standard Profiles'!$G$19=$B$24,21,0),MOD($C7968,24)+1)/SUM(INDEX($D$3:$AA$30,INDEX(Jesper!$R$2:$R$366,ROW(INDEX(Jesper!AI$2:AI$366,ROUNDDOWN($C7968/24,0)+1,1))-1)+IF('Standard Profiles'!$G$19=$B$10,7,0)+IF('Standard Profiles'!$G$19=$B$17,14,0)+IF('Standard Profiles'!$G$19=$B$24,21,0),0)),0)</f>
        <v>0</v>
      </c>
      <c r="F7968" cm="1">
        <f t="array" ref="F7968">IFERROR(INDEX(Jesper!AJ$2:AJ$366,ROUNDDOWN($C7968/24,0)+1,1)*INDEX($D$3:$AA$30,INDEX(Jesper!$R$2:$R$366,ROW(INDEX(Jesper!AJ$2:AJ$366,ROUNDDOWN($C7968/24,0)+1,1))-1)+IF('Standard Profiles'!$G$20=$B$10,7,0)+IF('Standard Profiles'!$G$20=$B$17,14,0)+IF('Standard Profiles'!$G$20=$B$24,21,0),MOD($C7968,24)+1)/SUM(INDEX($D$3:$AA$30,INDEX(Jesper!$R$2:$R$366,ROW(INDEX(Jesper!AJ$2:AJ$366,ROUNDDOWN($C7968/24,0)+1,1))-1)+IF('Standard Profiles'!$G$20=$B$10,7,0)+IF('Standard Profiles'!$G$20=$B$17,14,0)+IF('Standard Profiles'!$G$20=$B$24,21,0),0)),0)</f>
        <v>0</v>
      </c>
      <c r="G7968" cm="1">
        <f t="array" ref="G7968">IFERROR(INDEX(Jesper!AK$2:AK$366,ROUNDDOWN($C7968/24,0)+1,1)*INDEX($D$3:$AA$30,INDEX(Jesper!$R$2:$R$366,ROW(INDEX(Jesper!AK$2:AK$366,ROUNDDOWN($C7968/24,0)+1,1))-1)+IF('Standard Profiles'!$G$21=$B$10,7,0)+IF('Standard Profiles'!$G$21=$B$17,14,0)+IF('Standard Profiles'!$G$21=$B$24,21,0),MOD($C7968,24)+1)/SUM(INDEX($D$3:$AA$30,INDEX(Jesper!$R$2:$R$366,ROW(INDEX(Jesper!AK$2:AK$366,ROUNDDOWN($C7968/24,0)+1,1))-1)+IF('Standard Profiles'!$G$21=$B$10,7,0)+IF('Standard Profiles'!$G$21=$B$17,14,0)+IF('Standard Profiles'!$G$21=$B$24,21,0),0)),0)</f>
        <v>0</v>
      </c>
      <c r="H7968" cm="1">
        <f t="array" ref="H7968">IFERROR(INDEX(Jesper!AL$2:AL$366,ROUNDDOWN($C7968/24,0)+1,1)*INDEX($D$3:$AA$30,INDEX(Jesper!$R$2:$R$366,ROW(INDEX(Jesper!AL$2:AL$366,ROUNDDOWN($C7968/24,0)+1,1))-1)+IF('Standard Profiles'!$G$22=$B$10,7,0)+IF('Standard Profiles'!$G$22=$B$17,14,0)+IF('Standard Profiles'!$G$22=$B$24,21,0),MOD($C7968,24)+1)/SUM(INDEX($D$3:$AA$30,INDEX(Jesper!$R$2:$R$366,ROW(INDEX(Jesper!AL$2:AL$366,ROUNDDOWN($C7968/24,0)+1,1))-1)+IF('Standard Profiles'!$G$22=$B$10,7,0)+IF('Standard Profiles'!$G$22=$B$17,14,0)+IF('Standard Profiles'!$G$22=$B$24,21,0),0)),0)</f>
        <v>0</v>
      </c>
      <c r="I7968">
        <f t="shared" si="881"/>
        <v>0.5117015490244593</v>
      </c>
      <c r="J7968">
        <f t="shared" si="882"/>
        <v>1.7056718300815312</v>
      </c>
      <c r="K7968">
        <f t="shared" si="883"/>
        <v>2.5585077451222968</v>
      </c>
      <c r="L7968">
        <f t="shared" si="884"/>
        <v>12.280837176587024</v>
      </c>
      <c r="M7968">
        <f t="shared" si="885"/>
        <v>0</v>
      </c>
      <c r="N7968" s="46">
        <f t="shared" si="886"/>
        <v>45622.583333314091</v>
      </c>
    </row>
    <row r="7969" spans="2:14" x14ac:dyDescent="0.3">
      <c r="B7969">
        <f t="shared" si="880"/>
        <v>2</v>
      </c>
      <c r="C7969" s="16">
        <v>7935</v>
      </c>
      <c r="D7969" cm="1">
        <f t="array" ref="D7969">IFERROR(INDEX(Jesper!AH$2:AH$366,ROUNDDOWN($C7969/24,0)+1,1)*INDEX($D$3:$AA$30,INDEX(Jesper!$R$2:$R$366,ROW(INDEX(Jesper!AH$2:AH$366,ROUNDDOWN($C7969/24,0)+1,1))-1)+IF('Standard Profiles'!$G$18=$B$10,7,0)+IF('Standard Profiles'!$G$18=$B$17,14,0)+IF('Standard Profiles'!$G$18=$B$24,21,0),MOD($C7969,24)+1)/SUM(INDEX($D$3:$AA$30,INDEX(Jesper!$R$2:$R$366,ROW(INDEX(Jesper!AH$2:AH$366,ROUNDDOWN($C7969/24,0)+1,1))-1)+IF('Standard Profiles'!$G$18=$B$10,7,0)+IF('Standard Profiles'!$G$18=$B$17,14,0)+IF('Standard Profiles'!$G$18=$B$24,21,0),0)),0)</f>
        <v>17.056718300815312</v>
      </c>
      <c r="E7969" cm="1">
        <f t="array" ref="E7969">IFERROR(INDEX(Jesper!AI$2:AI$366,ROUNDDOWN($C7969/24,0)+1,1)*INDEX($D$3:$AA$30,INDEX(Jesper!$R$2:$R$366,ROW(INDEX(Jesper!AI$2:AI$366,ROUNDDOWN($C7969/24,0)+1,1))-1)+IF('Standard Profiles'!$G$19=$B$10,7,0)+IF('Standard Profiles'!$G$19=$B$17,14,0)+IF('Standard Profiles'!$G$19=$B$24,21,0),MOD($C7969,24)+1)/SUM(INDEX($D$3:$AA$30,INDEX(Jesper!$R$2:$R$366,ROW(INDEX(Jesper!AI$2:AI$366,ROUNDDOWN($C7969/24,0)+1,1))-1)+IF('Standard Profiles'!$G$19=$B$10,7,0)+IF('Standard Profiles'!$G$19=$B$17,14,0)+IF('Standard Profiles'!$G$19=$B$24,21,0),0)),0)</f>
        <v>0</v>
      </c>
      <c r="F7969" cm="1">
        <f t="array" ref="F7969">IFERROR(INDEX(Jesper!AJ$2:AJ$366,ROUNDDOWN($C7969/24,0)+1,1)*INDEX($D$3:$AA$30,INDEX(Jesper!$R$2:$R$366,ROW(INDEX(Jesper!AJ$2:AJ$366,ROUNDDOWN($C7969/24,0)+1,1))-1)+IF('Standard Profiles'!$G$20=$B$10,7,0)+IF('Standard Profiles'!$G$20=$B$17,14,0)+IF('Standard Profiles'!$G$20=$B$24,21,0),MOD($C7969,24)+1)/SUM(INDEX($D$3:$AA$30,INDEX(Jesper!$R$2:$R$366,ROW(INDEX(Jesper!AJ$2:AJ$366,ROUNDDOWN($C7969/24,0)+1,1))-1)+IF('Standard Profiles'!$G$20=$B$10,7,0)+IF('Standard Profiles'!$G$20=$B$17,14,0)+IF('Standard Profiles'!$G$20=$B$24,21,0),0)),0)</f>
        <v>0</v>
      </c>
      <c r="G7969" cm="1">
        <f t="array" ref="G7969">IFERROR(INDEX(Jesper!AK$2:AK$366,ROUNDDOWN($C7969/24,0)+1,1)*INDEX($D$3:$AA$30,INDEX(Jesper!$R$2:$R$366,ROW(INDEX(Jesper!AK$2:AK$366,ROUNDDOWN($C7969/24,0)+1,1))-1)+IF('Standard Profiles'!$G$21=$B$10,7,0)+IF('Standard Profiles'!$G$21=$B$17,14,0)+IF('Standard Profiles'!$G$21=$B$24,21,0),MOD($C7969,24)+1)/SUM(INDEX($D$3:$AA$30,INDEX(Jesper!$R$2:$R$366,ROW(INDEX(Jesper!AK$2:AK$366,ROUNDDOWN($C7969/24,0)+1,1))-1)+IF('Standard Profiles'!$G$21=$B$10,7,0)+IF('Standard Profiles'!$G$21=$B$17,14,0)+IF('Standard Profiles'!$G$21=$B$24,21,0),0)),0)</f>
        <v>0</v>
      </c>
      <c r="H7969" cm="1">
        <f t="array" ref="H7969">IFERROR(INDEX(Jesper!AL$2:AL$366,ROUNDDOWN($C7969/24,0)+1,1)*INDEX($D$3:$AA$30,INDEX(Jesper!$R$2:$R$366,ROW(INDEX(Jesper!AL$2:AL$366,ROUNDDOWN($C7969/24,0)+1,1))-1)+IF('Standard Profiles'!$G$22=$B$10,7,0)+IF('Standard Profiles'!$G$22=$B$17,14,0)+IF('Standard Profiles'!$G$22=$B$24,21,0),MOD($C7969,24)+1)/SUM(INDEX($D$3:$AA$30,INDEX(Jesper!$R$2:$R$366,ROW(INDEX(Jesper!AL$2:AL$366,ROUNDDOWN($C7969/24,0)+1,1))-1)+IF('Standard Profiles'!$G$22=$B$10,7,0)+IF('Standard Profiles'!$G$22=$B$17,14,0)+IF('Standard Profiles'!$G$22=$B$24,21,0),0)),0)</f>
        <v>0</v>
      </c>
      <c r="I7969">
        <f t="shared" si="881"/>
        <v>0.5117015490244593</v>
      </c>
      <c r="J7969">
        <f t="shared" si="882"/>
        <v>1.7056718300815312</v>
      </c>
      <c r="K7969">
        <f t="shared" si="883"/>
        <v>2.5585077451222968</v>
      </c>
      <c r="L7969">
        <f t="shared" si="884"/>
        <v>12.280837176587024</v>
      </c>
      <c r="M7969">
        <f t="shared" si="885"/>
        <v>0</v>
      </c>
      <c r="N7969" s="46">
        <f t="shared" si="886"/>
        <v>45622.624999980755</v>
      </c>
    </row>
    <row r="7970" spans="2:14" x14ac:dyDescent="0.3">
      <c r="B7970">
        <f t="shared" si="880"/>
        <v>2</v>
      </c>
      <c r="C7970" s="16">
        <v>7936</v>
      </c>
      <c r="D7970" cm="1">
        <f t="array" ref="D7970">IFERROR(INDEX(Jesper!AH$2:AH$366,ROUNDDOWN($C7970/24,0)+1,1)*INDEX($D$3:$AA$30,INDEX(Jesper!$R$2:$R$366,ROW(INDEX(Jesper!AH$2:AH$366,ROUNDDOWN($C7970/24,0)+1,1))-1)+IF('Standard Profiles'!$G$18=$B$10,7,0)+IF('Standard Profiles'!$G$18=$B$17,14,0)+IF('Standard Profiles'!$G$18=$B$24,21,0),MOD($C7970,24)+1)/SUM(INDEX($D$3:$AA$30,INDEX(Jesper!$R$2:$R$366,ROW(INDEX(Jesper!AH$2:AH$366,ROUNDDOWN($C7970/24,0)+1,1))-1)+IF('Standard Profiles'!$G$18=$B$10,7,0)+IF('Standard Profiles'!$G$18=$B$17,14,0)+IF('Standard Profiles'!$G$18=$B$24,21,0),0)),0)</f>
        <v>17.056718300815312</v>
      </c>
      <c r="E7970" cm="1">
        <f t="array" ref="E7970">IFERROR(INDEX(Jesper!AI$2:AI$366,ROUNDDOWN($C7970/24,0)+1,1)*INDEX($D$3:$AA$30,INDEX(Jesper!$R$2:$R$366,ROW(INDEX(Jesper!AI$2:AI$366,ROUNDDOWN($C7970/24,0)+1,1))-1)+IF('Standard Profiles'!$G$19=$B$10,7,0)+IF('Standard Profiles'!$G$19=$B$17,14,0)+IF('Standard Profiles'!$G$19=$B$24,21,0),MOD($C7970,24)+1)/SUM(INDEX($D$3:$AA$30,INDEX(Jesper!$R$2:$R$366,ROW(INDEX(Jesper!AI$2:AI$366,ROUNDDOWN($C7970/24,0)+1,1))-1)+IF('Standard Profiles'!$G$19=$B$10,7,0)+IF('Standard Profiles'!$G$19=$B$17,14,0)+IF('Standard Profiles'!$G$19=$B$24,21,0),0)),0)</f>
        <v>0</v>
      </c>
      <c r="F7970" cm="1">
        <f t="array" ref="F7970">IFERROR(INDEX(Jesper!AJ$2:AJ$366,ROUNDDOWN($C7970/24,0)+1,1)*INDEX($D$3:$AA$30,INDEX(Jesper!$R$2:$R$366,ROW(INDEX(Jesper!AJ$2:AJ$366,ROUNDDOWN($C7970/24,0)+1,1))-1)+IF('Standard Profiles'!$G$20=$B$10,7,0)+IF('Standard Profiles'!$G$20=$B$17,14,0)+IF('Standard Profiles'!$G$20=$B$24,21,0),MOD($C7970,24)+1)/SUM(INDEX($D$3:$AA$30,INDEX(Jesper!$R$2:$R$366,ROW(INDEX(Jesper!AJ$2:AJ$366,ROUNDDOWN($C7970/24,0)+1,1))-1)+IF('Standard Profiles'!$G$20=$B$10,7,0)+IF('Standard Profiles'!$G$20=$B$17,14,0)+IF('Standard Profiles'!$G$20=$B$24,21,0),0)),0)</f>
        <v>0</v>
      </c>
      <c r="G7970" cm="1">
        <f t="array" ref="G7970">IFERROR(INDEX(Jesper!AK$2:AK$366,ROUNDDOWN($C7970/24,0)+1,1)*INDEX($D$3:$AA$30,INDEX(Jesper!$R$2:$R$366,ROW(INDEX(Jesper!AK$2:AK$366,ROUNDDOWN($C7970/24,0)+1,1))-1)+IF('Standard Profiles'!$G$21=$B$10,7,0)+IF('Standard Profiles'!$G$21=$B$17,14,0)+IF('Standard Profiles'!$G$21=$B$24,21,0),MOD($C7970,24)+1)/SUM(INDEX($D$3:$AA$30,INDEX(Jesper!$R$2:$R$366,ROW(INDEX(Jesper!AK$2:AK$366,ROUNDDOWN($C7970/24,0)+1,1))-1)+IF('Standard Profiles'!$G$21=$B$10,7,0)+IF('Standard Profiles'!$G$21=$B$17,14,0)+IF('Standard Profiles'!$G$21=$B$24,21,0),0)),0)</f>
        <v>0</v>
      </c>
      <c r="H7970" cm="1">
        <f t="array" ref="H7970">IFERROR(INDEX(Jesper!AL$2:AL$366,ROUNDDOWN($C7970/24,0)+1,1)*INDEX($D$3:$AA$30,INDEX(Jesper!$R$2:$R$366,ROW(INDEX(Jesper!AL$2:AL$366,ROUNDDOWN($C7970/24,0)+1,1))-1)+IF('Standard Profiles'!$G$22=$B$10,7,0)+IF('Standard Profiles'!$G$22=$B$17,14,0)+IF('Standard Profiles'!$G$22=$B$24,21,0),MOD($C7970,24)+1)/SUM(INDEX($D$3:$AA$30,INDEX(Jesper!$R$2:$R$366,ROW(INDEX(Jesper!AL$2:AL$366,ROUNDDOWN($C7970/24,0)+1,1))-1)+IF('Standard Profiles'!$G$22=$B$10,7,0)+IF('Standard Profiles'!$G$22=$B$17,14,0)+IF('Standard Profiles'!$G$22=$B$24,21,0),0)),0)</f>
        <v>0</v>
      </c>
      <c r="I7970">
        <f t="shared" si="881"/>
        <v>0.5117015490244593</v>
      </c>
      <c r="J7970">
        <f t="shared" si="882"/>
        <v>1.7056718300815312</v>
      </c>
      <c r="K7970">
        <f t="shared" si="883"/>
        <v>2.5585077451222968</v>
      </c>
      <c r="L7970">
        <f t="shared" si="884"/>
        <v>12.280837176587024</v>
      </c>
      <c r="M7970">
        <f t="shared" si="885"/>
        <v>0</v>
      </c>
      <c r="N7970" s="46">
        <f t="shared" si="886"/>
        <v>45622.666666647419</v>
      </c>
    </row>
    <row r="7971" spans="2:14" x14ac:dyDescent="0.3">
      <c r="B7971">
        <f t="shared" ref="B7971:B8034" si="887">WEEKDAY(N7971,2)</f>
        <v>2</v>
      </c>
      <c r="C7971" s="16">
        <v>7937</v>
      </c>
      <c r="D7971" cm="1">
        <f t="array" ref="D7971">IFERROR(INDEX(Jesper!AH$2:AH$366,ROUNDDOWN($C7971/24,0)+1,1)*INDEX($D$3:$AA$30,INDEX(Jesper!$R$2:$R$366,ROW(INDEX(Jesper!AH$2:AH$366,ROUNDDOWN($C7971/24,0)+1,1))-1)+IF('Standard Profiles'!$G$18=$B$10,7,0)+IF('Standard Profiles'!$G$18=$B$17,14,0)+IF('Standard Profiles'!$G$18=$B$24,21,0),MOD($C7971,24)+1)/SUM(INDEX($D$3:$AA$30,INDEX(Jesper!$R$2:$R$366,ROW(INDEX(Jesper!AH$2:AH$366,ROUNDDOWN($C7971/24,0)+1,1))-1)+IF('Standard Profiles'!$G$18=$B$10,7,0)+IF('Standard Profiles'!$G$18=$B$17,14,0)+IF('Standard Profiles'!$G$18=$B$24,21,0),0)),0)</f>
        <v>17.056718300815312</v>
      </c>
      <c r="E7971" cm="1">
        <f t="array" ref="E7971">IFERROR(INDEX(Jesper!AI$2:AI$366,ROUNDDOWN($C7971/24,0)+1,1)*INDEX($D$3:$AA$30,INDEX(Jesper!$R$2:$R$366,ROW(INDEX(Jesper!AI$2:AI$366,ROUNDDOWN($C7971/24,0)+1,1))-1)+IF('Standard Profiles'!$G$19=$B$10,7,0)+IF('Standard Profiles'!$G$19=$B$17,14,0)+IF('Standard Profiles'!$G$19=$B$24,21,0),MOD($C7971,24)+1)/SUM(INDEX($D$3:$AA$30,INDEX(Jesper!$R$2:$R$366,ROW(INDEX(Jesper!AI$2:AI$366,ROUNDDOWN($C7971/24,0)+1,1))-1)+IF('Standard Profiles'!$G$19=$B$10,7,0)+IF('Standard Profiles'!$G$19=$B$17,14,0)+IF('Standard Profiles'!$G$19=$B$24,21,0),0)),0)</f>
        <v>0</v>
      </c>
      <c r="F7971" cm="1">
        <f t="array" ref="F7971">IFERROR(INDEX(Jesper!AJ$2:AJ$366,ROUNDDOWN($C7971/24,0)+1,1)*INDEX($D$3:$AA$30,INDEX(Jesper!$R$2:$R$366,ROW(INDEX(Jesper!AJ$2:AJ$366,ROUNDDOWN($C7971/24,0)+1,1))-1)+IF('Standard Profiles'!$G$20=$B$10,7,0)+IF('Standard Profiles'!$G$20=$B$17,14,0)+IF('Standard Profiles'!$G$20=$B$24,21,0),MOD($C7971,24)+1)/SUM(INDEX($D$3:$AA$30,INDEX(Jesper!$R$2:$R$366,ROW(INDEX(Jesper!AJ$2:AJ$366,ROUNDDOWN($C7971/24,0)+1,1))-1)+IF('Standard Profiles'!$G$20=$B$10,7,0)+IF('Standard Profiles'!$G$20=$B$17,14,0)+IF('Standard Profiles'!$G$20=$B$24,21,0),0)),0)</f>
        <v>0</v>
      </c>
      <c r="G7971" cm="1">
        <f t="array" ref="G7971">IFERROR(INDEX(Jesper!AK$2:AK$366,ROUNDDOWN($C7971/24,0)+1,1)*INDEX($D$3:$AA$30,INDEX(Jesper!$R$2:$R$366,ROW(INDEX(Jesper!AK$2:AK$366,ROUNDDOWN($C7971/24,0)+1,1))-1)+IF('Standard Profiles'!$G$21=$B$10,7,0)+IF('Standard Profiles'!$G$21=$B$17,14,0)+IF('Standard Profiles'!$G$21=$B$24,21,0),MOD($C7971,24)+1)/SUM(INDEX($D$3:$AA$30,INDEX(Jesper!$R$2:$R$366,ROW(INDEX(Jesper!AK$2:AK$366,ROUNDDOWN($C7971/24,0)+1,1))-1)+IF('Standard Profiles'!$G$21=$B$10,7,0)+IF('Standard Profiles'!$G$21=$B$17,14,0)+IF('Standard Profiles'!$G$21=$B$24,21,0),0)),0)</f>
        <v>0</v>
      </c>
      <c r="H7971" cm="1">
        <f t="array" ref="H7971">IFERROR(INDEX(Jesper!AL$2:AL$366,ROUNDDOWN($C7971/24,0)+1,1)*INDEX($D$3:$AA$30,INDEX(Jesper!$R$2:$R$366,ROW(INDEX(Jesper!AL$2:AL$366,ROUNDDOWN($C7971/24,0)+1,1))-1)+IF('Standard Profiles'!$G$22=$B$10,7,0)+IF('Standard Profiles'!$G$22=$B$17,14,0)+IF('Standard Profiles'!$G$22=$B$24,21,0),MOD($C7971,24)+1)/SUM(INDEX($D$3:$AA$30,INDEX(Jesper!$R$2:$R$366,ROW(INDEX(Jesper!AL$2:AL$366,ROUNDDOWN($C7971/24,0)+1,1))-1)+IF('Standard Profiles'!$G$22=$B$10,7,0)+IF('Standard Profiles'!$G$22=$B$17,14,0)+IF('Standard Profiles'!$G$22=$B$24,21,0),0)),0)</f>
        <v>0</v>
      </c>
      <c r="I7971">
        <f t="shared" ref="I7971:I8034" si="888">IF($B7971&lt;6,AC$37*$D7971+AC$38*$E7971+AC$39*$F7971+AC$40*$G7971,AC$46*$D7971+AC$47*$E7971+AC$48*$F7971+AC$49*$G7971+AC$50*$H7971)</f>
        <v>0.5117015490244593</v>
      </c>
      <c r="J7971">
        <f t="shared" ref="J7971:J8034" si="889">IF($B7971&lt;6,AD$37*$D7971+AD$38*$E7971+AD$39*$F7971+AD$40*$G7971,AD$46*$D7971+AD$47*$E7971+AD$48*$F7971+AD$49*$G7971+AD$50*$H7971)</f>
        <v>1.7056718300815312</v>
      </c>
      <c r="K7971">
        <f t="shared" ref="K7971:K8034" si="890">IF($B7971&lt;6,AE$37*$D7971+AE$38*$E7971+AE$39*$F7971+AE$40*$G7971,AE$46*$D7971+AE$47*$E7971+AE$48*$F7971+AE$49*$G7971+AE$50*$H7971)</f>
        <v>2.5585077451222968</v>
      </c>
      <c r="L7971">
        <f t="shared" ref="L7971:L8034" si="891">IF($B7971&lt;6,AF$37*$D7971+AF$38*$E7971+AF$39*$F7971+AF$40*$G7971,AF$46*$D7971+AF$47*$E7971+AF$48*$F7971+AF$49*$G7971+AF$50*$H7971)</f>
        <v>12.280837176587024</v>
      </c>
      <c r="M7971">
        <f t="shared" ref="M7971:M8034" si="892">IF($B7971&lt;6,AG$37*$D7971+AG$38*$E7971+AG$39*$F7971+AG$40*$G7971,AG$46*$D7971+AG$47*$E7971+AG$48*$F7971+AG$49*$G7971+AG$50*$H7971)</f>
        <v>0</v>
      </c>
      <c r="N7971" s="46">
        <f t="shared" si="886"/>
        <v>45622.708333314084</v>
      </c>
    </row>
    <row r="7972" spans="2:14" x14ac:dyDescent="0.3">
      <c r="B7972">
        <f t="shared" si="887"/>
        <v>2</v>
      </c>
      <c r="C7972" s="16">
        <v>7938</v>
      </c>
      <c r="D7972" cm="1">
        <f t="array" ref="D7972">IFERROR(INDEX(Jesper!AH$2:AH$366,ROUNDDOWN($C7972/24,0)+1,1)*INDEX($D$3:$AA$30,INDEX(Jesper!$R$2:$R$366,ROW(INDEX(Jesper!AH$2:AH$366,ROUNDDOWN($C7972/24,0)+1,1))-1)+IF('Standard Profiles'!$G$18=$B$10,7,0)+IF('Standard Profiles'!$G$18=$B$17,14,0)+IF('Standard Profiles'!$G$18=$B$24,21,0),MOD($C7972,24)+1)/SUM(INDEX($D$3:$AA$30,INDEX(Jesper!$R$2:$R$366,ROW(INDEX(Jesper!AH$2:AH$366,ROUNDDOWN($C7972/24,0)+1,1))-1)+IF('Standard Profiles'!$G$18=$B$10,7,0)+IF('Standard Profiles'!$G$18=$B$17,14,0)+IF('Standard Profiles'!$G$18=$B$24,21,0),0)),0)</f>
        <v>17.056718300815312</v>
      </c>
      <c r="E7972" cm="1">
        <f t="array" ref="E7972">IFERROR(INDEX(Jesper!AI$2:AI$366,ROUNDDOWN($C7972/24,0)+1,1)*INDEX($D$3:$AA$30,INDEX(Jesper!$R$2:$R$366,ROW(INDEX(Jesper!AI$2:AI$366,ROUNDDOWN($C7972/24,0)+1,1))-1)+IF('Standard Profiles'!$G$19=$B$10,7,0)+IF('Standard Profiles'!$G$19=$B$17,14,0)+IF('Standard Profiles'!$G$19=$B$24,21,0),MOD($C7972,24)+1)/SUM(INDEX($D$3:$AA$30,INDEX(Jesper!$R$2:$R$366,ROW(INDEX(Jesper!AI$2:AI$366,ROUNDDOWN($C7972/24,0)+1,1))-1)+IF('Standard Profiles'!$G$19=$B$10,7,0)+IF('Standard Profiles'!$G$19=$B$17,14,0)+IF('Standard Profiles'!$G$19=$B$24,21,0),0)),0)</f>
        <v>0</v>
      </c>
      <c r="F7972" cm="1">
        <f t="array" ref="F7972">IFERROR(INDEX(Jesper!AJ$2:AJ$366,ROUNDDOWN($C7972/24,0)+1,1)*INDEX($D$3:$AA$30,INDEX(Jesper!$R$2:$R$366,ROW(INDEX(Jesper!AJ$2:AJ$366,ROUNDDOWN($C7972/24,0)+1,1))-1)+IF('Standard Profiles'!$G$20=$B$10,7,0)+IF('Standard Profiles'!$G$20=$B$17,14,0)+IF('Standard Profiles'!$G$20=$B$24,21,0),MOD($C7972,24)+1)/SUM(INDEX($D$3:$AA$30,INDEX(Jesper!$R$2:$R$366,ROW(INDEX(Jesper!AJ$2:AJ$366,ROUNDDOWN($C7972/24,0)+1,1))-1)+IF('Standard Profiles'!$G$20=$B$10,7,0)+IF('Standard Profiles'!$G$20=$B$17,14,0)+IF('Standard Profiles'!$G$20=$B$24,21,0),0)),0)</f>
        <v>0</v>
      </c>
      <c r="G7972" cm="1">
        <f t="array" ref="G7972">IFERROR(INDEX(Jesper!AK$2:AK$366,ROUNDDOWN($C7972/24,0)+1,1)*INDEX($D$3:$AA$30,INDEX(Jesper!$R$2:$R$366,ROW(INDEX(Jesper!AK$2:AK$366,ROUNDDOWN($C7972/24,0)+1,1))-1)+IF('Standard Profiles'!$G$21=$B$10,7,0)+IF('Standard Profiles'!$G$21=$B$17,14,0)+IF('Standard Profiles'!$G$21=$B$24,21,0),MOD($C7972,24)+1)/SUM(INDEX($D$3:$AA$30,INDEX(Jesper!$R$2:$R$366,ROW(INDEX(Jesper!AK$2:AK$366,ROUNDDOWN($C7972/24,0)+1,1))-1)+IF('Standard Profiles'!$G$21=$B$10,7,0)+IF('Standard Profiles'!$G$21=$B$17,14,0)+IF('Standard Profiles'!$G$21=$B$24,21,0),0)),0)</f>
        <v>0</v>
      </c>
      <c r="H7972" cm="1">
        <f t="array" ref="H7972">IFERROR(INDEX(Jesper!AL$2:AL$366,ROUNDDOWN($C7972/24,0)+1,1)*INDEX($D$3:$AA$30,INDEX(Jesper!$R$2:$R$366,ROW(INDEX(Jesper!AL$2:AL$366,ROUNDDOWN($C7972/24,0)+1,1))-1)+IF('Standard Profiles'!$G$22=$B$10,7,0)+IF('Standard Profiles'!$G$22=$B$17,14,0)+IF('Standard Profiles'!$G$22=$B$24,21,0),MOD($C7972,24)+1)/SUM(INDEX($D$3:$AA$30,INDEX(Jesper!$R$2:$R$366,ROW(INDEX(Jesper!AL$2:AL$366,ROUNDDOWN($C7972/24,0)+1,1))-1)+IF('Standard Profiles'!$G$22=$B$10,7,0)+IF('Standard Profiles'!$G$22=$B$17,14,0)+IF('Standard Profiles'!$G$22=$B$24,21,0),0)),0)</f>
        <v>0</v>
      </c>
      <c r="I7972">
        <f t="shared" si="888"/>
        <v>0.5117015490244593</v>
      </c>
      <c r="J7972">
        <f t="shared" si="889"/>
        <v>1.7056718300815312</v>
      </c>
      <c r="K7972">
        <f t="shared" si="890"/>
        <v>2.5585077451222968</v>
      </c>
      <c r="L7972">
        <f t="shared" si="891"/>
        <v>12.280837176587024</v>
      </c>
      <c r="M7972">
        <f t="shared" si="892"/>
        <v>0</v>
      </c>
      <c r="N7972" s="46">
        <f t="shared" ref="N7972:N8035" si="893">N7971+1/24</f>
        <v>45622.749999980748</v>
      </c>
    </row>
    <row r="7973" spans="2:14" x14ac:dyDescent="0.3">
      <c r="B7973">
        <f t="shared" si="887"/>
        <v>2</v>
      </c>
      <c r="C7973" s="16">
        <v>7939</v>
      </c>
      <c r="D7973" cm="1">
        <f t="array" ref="D7973">IFERROR(INDEX(Jesper!AH$2:AH$366,ROUNDDOWN($C7973/24,0)+1,1)*INDEX($D$3:$AA$30,INDEX(Jesper!$R$2:$R$366,ROW(INDEX(Jesper!AH$2:AH$366,ROUNDDOWN($C7973/24,0)+1,1))-1)+IF('Standard Profiles'!$G$18=$B$10,7,0)+IF('Standard Profiles'!$G$18=$B$17,14,0)+IF('Standard Profiles'!$G$18=$B$24,21,0),MOD($C7973,24)+1)/SUM(INDEX($D$3:$AA$30,INDEX(Jesper!$R$2:$R$366,ROW(INDEX(Jesper!AH$2:AH$366,ROUNDDOWN($C7973/24,0)+1,1))-1)+IF('Standard Profiles'!$G$18=$B$10,7,0)+IF('Standard Profiles'!$G$18=$B$17,14,0)+IF('Standard Profiles'!$G$18=$B$24,21,0),0)),0)</f>
        <v>14.285001576932821</v>
      </c>
      <c r="E7973" cm="1">
        <f t="array" ref="E7973">IFERROR(INDEX(Jesper!AI$2:AI$366,ROUNDDOWN($C7973/24,0)+1,1)*INDEX($D$3:$AA$30,INDEX(Jesper!$R$2:$R$366,ROW(INDEX(Jesper!AI$2:AI$366,ROUNDDOWN($C7973/24,0)+1,1))-1)+IF('Standard Profiles'!$G$19=$B$10,7,0)+IF('Standard Profiles'!$G$19=$B$17,14,0)+IF('Standard Profiles'!$G$19=$B$24,21,0),MOD($C7973,24)+1)/SUM(INDEX($D$3:$AA$30,INDEX(Jesper!$R$2:$R$366,ROW(INDEX(Jesper!AI$2:AI$366,ROUNDDOWN($C7973/24,0)+1,1))-1)+IF('Standard Profiles'!$G$19=$B$10,7,0)+IF('Standard Profiles'!$G$19=$B$17,14,0)+IF('Standard Profiles'!$G$19=$B$24,21,0),0)),0)</f>
        <v>0</v>
      </c>
      <c r="F7973" cm="1">
        <f t="array" ref="F7973">IFERROR(INDEX(Jesper!AJ$2:AJ$366,ROUNDDOWN($C7973/24,0)+1,1)*INDEX($D$3:$AA$30,INDEX(Jesper!$R$2:$R$366,ROW(INDEX(Jesper!AJ$2:AJ$366,ROUNDDOWN($C7973/24,0)+1,1))-1)+IF('Standard Profiles'!$G$20=$B$10,7,0)+IF('Standard Profiles'!$G$20=$B$17,14,0)+IF('Standard Profiles'!$G$20=$B$24,21,0),MOD($C7973,24)+1)/SUM(INDEX($D$3:$AA$30,INDEX(Jesper!$R$2:$R$366,ROW(INDEX(Jesper!AJ$2:AJ$366,ROUNDDOWN($C7973/24,0)+1,1))-1)+IF('Standard Profiles'!$G$20=$B$10,7,0)+IF('Standard Profiles'!$G$20=$B$17,14,0)+IF('Standard Profiles'!$G$20=$B$24,21,0),0)),0)</f>
        <v>0</v>
      </c>
      <c r="G7973" cm="1">
        <f t="array" ref="G7973">IFERROR(INDEX(Jesper!AK$2:AK$366,ROUNDDOWN($C7973/24,0)+1,1)*INDEX($D$3:$AA$30,INDEX(Jesper!$R$2:$R$366,ROW(INDEX(Jesper!AK$2:AK$366,ROUNDDOWN($C7973/24,0)+1,1))-1)+IF('Standard Profiles'!$G$21=$B$10,7,0)+IF('Standard Profiles'!$G$21=$B$17,14,0)+IF('Standard Profiles'!$G$21=$B$24,21,0),MOD($C7973,24)+1)/SUM(INDEX($D$3:$AA$30,INDEX(Jesper!$R$2:$R$366,ROW(INDEX(Jesper!AK$2:AK$366,ROUNDDOWN($C7973/24,0)+1,1))-1)+IF('Standard Profiles'!$G$21=$B$10,7,0)+IF('Standard Profiles'!$G$21=$B$17,14,0)+IF('Standard Profiles'!$G$21=$B$24,21,0),0)),0)</f>
        <v>0</v>
      </c>
      <c r="H7973" cm="1">
        <f t="array" ref="H7973">IFERROR(INDEX(Jesper!AL$2:AL$366,ROUNDDOWN($C7973/24,0)+1,1)*INDEX($D$3:$AA$30,INDEX(Jesper!$R$2:$R$366,ROW(INDEX(Jesper!AL$2:AL$366,ROUNDDOWN($C7973/24,0)+1,1))-1)+IF('Standard Profiles'!$G$22=$B$10,7,0)+IF('Standard Profiles'!$G$22=$B$17,14,0)+IF('Standard Profiles'!$G$22=$B$24,21,0),MOD($C7973,24)+1)/SUM(INDEX($D$3:$AA$30,INDEX(Jesper!$R$2:$R$366,ROW(INDEX(Jesper!AL$2:AL$366,ROUNDDOWN($C7973/24,0)+1,1))-1)+IF('Standard Profiles'!$G$22=$B$10,7,0)+IF('Standard Profiles'!$G$22=$B$17,14,0)+IF('Standard Profiles'!$G$22=$B$24,21,0),0)),0)</f>
        <v>0</v>
      </c>
      <c r="I7973">
        <f t="shared" si="888"/>
        <v>0.42855004730798463</v>
      </c>
      <c r="J7973">
        <f t="shared" si="889"/>
        <v>1.4285001576932821</v>
      </c>
      <c r="K7973">
        <f t="shared" si="890"/>
        <v>2.1427502365399231</v>
      </c>
      <c r="L7973">
        <f t="shared" si="891"/>
        <v>10.285201135391631</v>
      </c>
      <c r="M7973">
        <f t="shared" si="892"/>
        <v>0</v>
      </c>
      <c r="N7973" s="46">
        <f t="shared" si="893"/>
        <v>45622.791666647412</v>
      </c>
    </row>
    <row r="7974" spans="2:14" x14ac:dyDescent="0.3">
      <c r="B7974">
        <f t="shared" si="887"/>
        <v>2</v>
      </c>
      <c r="C7974" s="16">
        <v>7940</v>
      </c>
      <c r="D7974" cm="1">
        <f t="array" ref="D7974">IFERROR(INDEX(Jesper!AH$2:AH$366,ROUNDDOWN($C7974/24,0)+1,1)*INDEX($D$3:$AA$30,INDEX(Jesper!$R$2:$R$366,ROW(INDEX(Jesper!AH$2:AH$366,ROUNDDOWN($C7974/24,0)+1,1))-1)+IF('Standard Profiles'!$G$18=$B$10,7,0)+IF('Standard Profiles'!$G$18=$B$17,14,0)+IF('Standard Profiles'!$G$18=$B$24,21,0),MOD($C7974,24)+1)/SUM(INDEX($D$3:$AA$30,INDEX(Jesper!$R$2:$R$366,ROW(INDEX(Jesper!AH$2:AH$366,ROUNDDOWN($C7974/24,0)+1,1))-1)+IF('Standard Profiles'!$G$18=$B$10,7,0)+IF('Standard Profiles'!$G$18=$B$17,14,0)+IF('Standard Profiles'!$G$18=$B$24,21,0),0)),0)</f>
        <v>11.726493831810524</v>
      </c>
      <c r="E7974" cm="1">
        <f t="array" ref="E7974">IFERROR(INDEX(Jesper!AI$2:AI$366,ROUNDDOWN($C7974/24,0)+1,1)*INDEX($D$3:$AA$30,INDEX(Jesper!$R$2:$R$366,ROW(INDEX(Jesper!AI$2:AI$366,ROUNDDOWN($C7974/24,0)+1,1))-1)+IF('Standard Profiles'!$G$19=$B$10,7,0)+IF('Standard Profiles'!$G$19=$B$17,14,0)+IF('Standard Profiles'!$G$19=$B$24,21,0),MOD($C7974,24)+1)/SUM(INDEX($D$3:$AA$30,INDEX(Jesper!$R$2:$R$366,ROW(INDEX(Jesper!AI$2:AI$366,ROUNDDOWN($C7974/24,0)+1,1))-1)+IF('Standard Profiles'!$G$19=$B$10,7,0)+IF('Standard Profiles'!$G$19=$B$17,14,0)+IF('Standard Profiles'!$G$19=$B$24,21,0),0)),0)</f>
        <v>0</v>
      </c>
      <c r="F7974" cm="1">
        <f t="array" ref="F7974">IFERROR(INDEX(Jesper!AJ$2:AJ$366,ROUNDDOWN($C7974/24,0)+1,1)*INDEX($D$3:$AA$30,INDEX(Jesper!$R$2:$R$366,ROW(INDEX(Jesper!AJ$2:AJ$366,ROUNDDOWN($C7974/24,0)+1,1))-1)+IF('Standard Profiles'!$G$20=$B$10,7,0)+IF('Standard Profiles'!$G$20=$B$17,14,0)+IF('Standard Profiles'!$G$20=$B$24,21,0),MOD($C7974,24)+1)/SUM(INDEX($D$3:$AA$30,INDEX(Jesper!$R$2:$R$366,ROW(INDEX(Jesper!AJ$2:AJ$366,ROUNDDOWN($C7974/24,0)+1,1))-1)+IF('Standard Profiles'!$G$20=$B$10,7,0)+IF('Standard Profiles'!$G$20=$B$17,14,0)+IF('Standard Profiles'!$G$20=$B$24,21,0),0)),0)</f>
        <v>0</v>
      </c>
      <c r="G7974" cm="1">
        <f t="array" ref="G7974">IFERROR(INDEX(Jesper!AK$2:AK$366,ROUNDDOWN($C7974/24,0)+1,1)*INDEX($D$3:$AA$30,INDEX(Jesper!$R$2:$R$366,ROW(INDEX(Jesper!AK$2:AK$366,ROUNDDOWN($C7974/24,0)+1,1))-1)+IF('Standard Profiles'!$G$21=$B$10,7,0)+IF('Standard Profiles'!$G$21=$B$17,14,0)+IF('Standard Profiles'!$G$21=$B$24,21,0),MOD($C7974,24)+1)/SUM(INDEX($D$3:$AA$30,INDEX(Jesper!$R$2:$R$366,ROW(INDEX(Jesper!AK$2:AK$366,ROUNDDOWN($C7974/24,0)+1,1))-1)+IF('Standard Profiles'!$G$21=$B$10,7,0)+IF('Standard Profiles'!$G$21=$B$17,14,0)+IF('Standard Profiles'!$G$21=$B$24,21,0),0)),0)</f>
        <v>0</v>
      </c>
      <c r="H7974" cm="1">
        <f t="array" ref="H7974">IFERROR(INDEX(Jesper!AL$2:AL$366,ROUNDDOWN($C7974/24,0)+1,1)*INDEX($D$3:$AA$30,INDEX(Jesper!$R$2:$R$366,ROW(INDEX(Jesper!AL$2:AL$366,ROUNDDOWN($C7974/24,0)+1,1))-1)+IF('Standard Profiles'!$G$22=$B$10,7,0)+IF('Standard Profiles'!$G$22=$B$17,14,0)+IF('Standard Profiles'!$G$22=$B$24,21,0),MOD($C7974,24)+1)/SUM(INDEX($D$3:$AA$30,INDEX(Jesper!$R$2:$R$366,ROW(INDEX(Jesper!AL$2:AL$366,ROUNDDOWN($C7974/24,0)+1,1))-1)+IF('Standard Profiles'!$G$22=$B$10,7,0)+IF('Standard Profiles'!$G$22=$B$17,14,0)+IF('Standard Profiles'!$G$22=$B$24,21,0),0)),0)</f>
        <v>0</v>
      </c>
      <c r="I7974">
        <f t="shared" si="888"/>
        <v>0.35179481495431569</v>
      </c>
      <c r="J7974">
        <f t="shared" si="889"/>
        <v>1.1726493831810525</v>
      </c>
      <c r="K7974">
        <f t="shared" si="890"/>
        <v>1.7589740747715785</v>
      </c>
      <c r="L7974">
        <f t="shared" si="891"/>
        <v>8.4430755589035762</v>
      </c>
      <c r="M7974">
        <f t="shared" si="892"/>
        <v>0</v>
      </c>
      <c r="N7974" s="46">
        <f t="shared" si="893"/>
        <v>45622.833333314076</v>
      </c>
    </row>
    <row r="7975" spans="2:14" x14ac:dyDescent="0.3">
      <c r="B7975">
        <f t="shared" si="887"/>
        <v>2</v>
      </c>
      <c r="C7975" s="16">
        <v>7941</v>
      </c>
      <c r="D7975" cm="1">
        <f t="array" ref="D7975">IFERROR(INDEX(Jesper!AH$2:AH$366,ROUNDDOWN($C7975/24,0)+1,1)*INDEX($D$3:$AA$30,INDEX(Jesper!$R$2:$R$366,ROW(INDEX(Jesper!AH$2:AH$366,ROUNDDOWN($C7975/24,0)+1,1))-1)+IF('Standard Profiles'!$G$18=$B$10,7,0)+IF('Standard Profiles'!$G$18=$B$17,14,0)+IF('Standard Profiles'!$G$18=$B$24,21,0),MOD($C7975,24)+1)/SUM(INDEX($D$3:$AA$30,INDEX(Jesper!$R$2:$R$366,ROW(INDEX(Jesper!AH$2:AH$366,ROUNDDOWN($C7975/24,0)+1,1))-1)+IF('Standard Profiles'!$G$18=$B$10,7,0)+IF('Standard Profiles'!$G$18=$B$17,14,0)+IF('Standard Profiles'!$G$18=$B$24,21,0),0)),0)</f>
        <v>8.5283591504076561</v>
      </c>
      <c r="E7975" cm="1">
        <f t="array" ref="E7975">IFERROR(INDEX(Jesper!AI$2:AI$366,ROUNDDOWN($C7975/24,0)+1,1)*INDEX($D$3:$AA$30,INDEX(Jesper!$R$2:$R$366,ROW(INDEX(Jesper!AI$2:AI$366,ROUNDDOWN($C7975/24,0)+1,1))-1)+IF('Standard Profiles'!$G$19=$B$10,7,0)+IF('Standard Profiles'!$G$19=$B$17,14,0)+IF('Standard Profiles'!$G$19=$B$24,21,0),MOD($C7975,24)+1)/SUM(INDEX($D$3:$AA$30,INDEX(Jesper!$R$2:$R$366,ROW(INDEX(Jesper!AI$2:AI$366,ROUNDDOWN($C7975/24,0)+1,1))-1)+IF('Standard Profiles'!$G$19=$B$10,7,0)+IF('Standard Profiles'!$G$19=$B$17,14,0)+IF('Standard Profiles'!$G$19=$B$24,21,0),0)),0)</f>
        <v>0</v>
      </c>
      <c r="F7975" cm="1">
        <f t="array" ref="F7975">IFERROR(INDEX(Jesper!AJ$2:AJ$366,ROUNDDOWN($C7975/24,0)+1,1)*INDEX($D$3:$AA$30,INDEX(Jesper!$R$2:$R$366,ROW(INDEX(Jesper!AJ$2:AJ$366,ROUNDDOWN($C7975/24,0)+1,1))-1)+IF('Standard Profiles'!$G$20=$B$10,7,0)+IF('Standard Profiles'!$G$20=$B$17,14,0)+IF('Standard Profiles'!$G$20=$B$24,21,0),MOD($C7975,24)+1)/SUM(INDEX($D$3:$AA$30,INDEX(Jesper!$R$2:$R$366,ROW(INDEX(Jesper!AJ$2:AJ$366,ROUNDDOWN($C7975/24,0)+1,1))-1)+IF('Standard Profiles'!$G$20=$B$10,7,0)+IF('Standard Profiles'!$G$20=$B$17,14,0)+IF('Standard Profiles'!$G$20=$B$24,21,0),0)),0)</f>
        <v>0</v>
      </c>
      <c r="G7975" cm="1">
        <f t="array" ref="G7975">IFERROR(INDEX(Jesper!AK$2:AK$366,ROUNDDOWN($C7975/24,0)+1,1)*INDEX($D$3:$AA$30,INDEX(Jesper!$R$2:$R$366,ROW(INDEX(Jesper!AK$2:AK$366,ROUNDDOWN($C7975/24,0)+1,1))-1)+IF('Standard Profiles'!$G$21=$B$10,7,0)+IF('Standard Profiles'!$G$21=$B$17,14,0)+IF('Standard Profiles'!$G$21=$B$24,21,0),MOD($C7975,24)+1)/SUM(INDEX($D$3:$AA$30,INDEX(Jesper!$R$2:$R$366,ROW(INDEX(Jesper!AK$2:AK$366,ROUNDDOWN($C7975/24,0)+1,1))-1)+IF('Standard Profiles'!$G$21=$B$10,7,0)+IF('Standard Profiles'!$G$21=$B$17,14,0)+IF('Standard Profiles'!$G$21=$B$24,21,0),0)),0)</f>
        <v>0</v>
      </c>
      <c r="H7975" cm="1">
        <f t="array" ref="H7975">IFERROR(INDEX(Jesper!AL$2:AL$366,ROUNDDOWN($C7975/24,0)+1,1)*INDEX($D$3:$AA$30,INDEX(Jesper!$R$2:$R$366,ROW(INDEX(Jesper!AL$2:AL$366,ROUNDDOWN($C7975/24,0)+1,1))-1)+IF('Standard Profiles'!$G$22=$B$10,7,0)+IF('Standard Profiles'!$G$22=$B$17,14,0)+IF('Standard Profiles'!$G$22=$B$24,21,0),MOD($C7975,24)+1)/SUM(INDEX($D$3:$AA$30,INDEX(Jesper!$R$2:$R$366,ROW(INDEX(Jesper!AL$2:AL$366,ROUNDDOWN($C7975/24,0)+1,1))-1)+IF('Standard Profiles'!$G$22=$B$10,7,0)+IF('Standard Profiles'!$G$22=$B$17,14,0)+IF('Standard Profiles'!$G$22=$B$24,21,0),0)),0)</f>
        <v>0</v>
      </c>
      <c r="I7975">
        <f t="shared" si="888"/>
        <v>0.25585077451222965</v>
      </c>
      <c r="J7975">
        <f t="shared" si="889"/>
        <v>0.85283591504076561</v>
      </c>
      <c r="K7975">
        <f t="shared" si="890"/>
        <v>1.2792538725611484</v>
      </c>
      <c r="L7975">
        <f t="shared" si="891"/>
        <v>6.1404185882935121</v>
      </c>
      <c r="M7975">
        <f t="shared" si="892"/>
        <v>0</v>
      </c>
      <c r="N7975" s="46">
        <f t="shared" si="893"/>
        <v>45622.874999980741</v>
      </c>
    </row>
    <row r="7976" spans="2:14" x14ac:dyDescent="0.3">
      <c r="B7976">
        <f t="shared" si="887"/>
        <v>2</v>
      </c>
      <c r="C7976" s="16">
        <v>7942</v>
      </c>
      <c r="D7976" cm="1">
        <f t="array" ref="D7976">IFERROR(INDEX(Jesper!AH$2:AH$366,ROUNDDOWN($C7976/24,0)+1,1)*INDEX($D$3:$AA$30,INDEX(Jesper!$R$2:$R$366,ROW(INDEX(Jesper!AH$2:AH$366,ROUNDDOWN($C7976/24,0)+1,1))-1)+IF('Standard Profiles'!$G$18=$B$10,7,0)+IF('Standard Profiles'!$G$18=$B$17,14,0)+IF('Standard Profiles'!$G$18=$B$24,21,0),MOD($C7976,24)+1)/SUM(INDEX($D$3:$AA$30,INDEX(Jesper!$R$2:$R$366,ROW(INDEX(Jesper!AH$2:AH$366,ROUNDDOWN($C7976/24,0)+1,1))-1)+IF('Standard Profiles'!$G$18=$B$10,7,0)+IF('Standard Profiles'!$G$18=$B$17,14,0)+IF('Standard Profiles'!$G$18=$B$24,21,0),0)),0)</f>
        <v>8.5283591504076561</v>
      </c>
      <c r="E7976" cm="1">
        <f t="array" ref="E7976">IFERROR(INDEX(Jesper!AI$2:AI$366,ROUNDDOWN($C7976/24,0)+1,1)*INDEX($D$3:$AA$30,INDEX(Jesper!$R$2:$R$366,ROW(INDEX(Jesper!AI$2:AI$366,ROUNDDOWN($C7976/24,0)+1,1))-1)+IF('Standard Profiles'!$G$19=$B$10,7,0)+IF('Standard Profiles'!$G$19=$B$17,14,0)+IF('Standard Profiles'!$G$19=$B$24,21,0),MOD($C7976,24)+1)/SUM(INDEX($D$3:$AA$30,INDEX(Jesper!$R$2:$R$366,ROW(INDEX(Jesper!AI$2:AI$366,ROUNDDOWN($C7976/24,0)+1,1))-1)+IF('Standard Profiles'!$G$19=$B$10,7,0)+IF('Standard Profiles'!$G$19=$B$17,14,0)+IF('Standard Profiles'!$G$19=$B$24,21,0),0)),0)</f>
        <v>0</v>
      </c>
      <c r="F7976" cm="1">
        <f t="array" ref="F7976">IFERROR(INDEX(Jesper!AJ$2:AJ$366,ROUNDDOWN($C7976/24,0)+1,1)*INDEX($D$3:$AA$30,INDEX(Jesper!$R$2:$R$366,ROW(INDEX(Jesper!AJ$2:AJ$366,ROUNDDOWN($C7976/24,0)+1,1))-1)+IF('Standard Profiles'!$G$20=$B$10,7,0)+IF('Standard Profiles'!$G$20=$B$17,14,0)+IF('Standard Profiles'!$G$20=$B$24,21,0),MOD($C7976,24)+1)/SUM(INDEX($D$3:$AA$30,INDEX(Jesper!$R$2:$R$366,ROW(INDEX(Jesper!AJ$2:AJ$366,ROUNDDOWN($C7976/24,0)+1,1))-1)+IF('Standard Profiles'!$G$20=$B$10,7,0)+IF('Standard Profiles'!$G$20=$B$17,14,0)+IF('Standard Profiles'!$G$20=$B$24,21,0),0)),0)</f>
        <v>0</v>
      </c>
      <c r="G7976" cm="1">
        <f t="array" ref="G7976">IFERROR(INDEX(Jesper!AK$2:AK$366,ROUNDDOWN($C7976/24,0)+1,1)*INDEX($D$3:$AA$30,INDEX(Jesper!$R$2:$R$366,ROW(INDEX(Jesper!AK$2:AK$366,ROUNDDOWN($C7976/24,0)+1,1))-1)+IF('Standard Profiles'!$G$21=$B$10,7,0)+IF('Standard Profiles'!$G$21=$B$17,14,0)+IF('Standard Profiles'!$G$21=$B$24,21,0),MOD($C7976,24)+1)/SUM(INDEX($D$3:$AA$30,INDEX(Jesper!$R$2:$R$366,ROW(INDEX(Jesper!AK$2:AK$366,ROUNDDOWN($C7976/24,0)+1,1))-1)+IF('Standard Profiles'!$G$21=$B$10,7,0)+IF('Standard Profiles'!$G$21=$B$17,14,0)+IF('Standard Profiles'!$G$21=$B$24,21,0),0)),0)</f>
        <v>0</v>
      </c>
      <c r="H7976" cm="1">
        <f t="array" ref="H7976">IFERROR(INDEX(Jesper!AL$2:AL$366,ROUNDDOWN($C7976/24,0)+1,1)*INDEX($D$3:$AA$30,INDEX(Jesper!$R$2:$R$366,ROW(INDEX(Jesper!AL$2:AL$366,ROUNDDOWN($C7976/24,0)+1,1))-1)+IF('Standard Profiles'!$G$22=$B$10,7,0)+IF('Standard Profiles'!$G$22=$B$17,14,0)+IF('Standard Profiles'!$G$22=$B$24,21,0),MOD($C7976,24)+1)/SUM(INDEX($D$3:$AA$30,INDEX(Jesper!$R$2:$R$366,ROW(INDEX(Jesper!AL$2:AL$366,ROUNDDOWN($C7976/24,0)+1,1))-1)+IF('Standard Profiles'!$G$22=$B$10,7,0)+IF('Standard Profiles'!$G$22=$B$17,14,0)+IF('Standard Profiles'!$G$22=$B$24,21,0),0)),0)</f>
        <v>0</v>
      </c>
      <c r="I7976">
        <f t="shared" si="888"/>
        <v>0.25585077451222965</v>
      </c>
      <c r="J7976">
        <f t="shared" si="889"/>
        <v>0.85283591504076561</v>
      </c>
      <c r="K7976">
        <f t="shared" si="890"/>
        <v>1.2792538725611484</v>
      </c>
      <c r="L7976">
        <f t="shared" si="891"/>
        <v>6.1404185882935121</v>
      </c>
      <c r="M7976">
        <f t="shared" si="892"/>
        <v>0</v>
      </c>
      <c r="N7976" s="46">
        <f t="shared" si="893"/>
        <v>45622.916666647405</v>
      </c>
    </row>
    <row r="7977" spans="2:14" x14ac:dyDescent="0.3">
      <c r="B7977">
        <f t="shared" si="887"/>
        <v>2</v>
      </c>
      <c r="C7977" s="16">
        <v>7943</v>
      </c>
      <c r="D7977" cm="1">
        <f t="array" ref="D7977">IFERROR(INDEX(Jesper!AH$2:AH$366,ROUNDDOWN($C7977/24,0)+1,1)*INDEX($D$3:$AA$30,INDEX(Jesper!$R$2:$R$366,ROW(INDEX(Jesper!AH$2:AH$366,ROUNDDOWN($C7977/24,0)+1,1))-1)+IF('Standard Profiles'!$G$18=$B$10,7,0)+IF('Standard Profiles'!$G$18=$B$17,14,0)+IF('Standard Profiles'!$G$18=$B$24,21,0),MOD($C7977,24)+1)/SUM(INDEX($D$3:$AA$30,INDEX(Jesper!$R$2:$R$366,ROW(INDEX(Jesper!AH$2:AH$366,ROUNDDOWN($C7977/24,0)+1,1))-1)+IF('Standard Profiles'!$G$18=$B$10,7,0)+IF('Standard Profiles'!$G$18=$B$17,14,0)+IF('Standard Profiles'!$G$18=$B$24,21,0),0)),0)</f>
        <v>8.5283591504076561</v>
      </c>
      <c r="E7977" cm="1">
        <f t="array" ref="E7977">IFERROR(INDEX(Jesper!AI$2:AI$366,ROUNDDOWN($C7977/24,0)+1,1)*INDEX($D$3:$AA$30,INDEX(Jesper!$R$2:$R$366,ROW(INDEX(Jesper!AI$2:AI$366,ROUNDDOWN($C7977/24,0)+1,1))-1)+IF('Standard Profiles'!$G$19=$B$10,7,0)+IF('Standard Profiles'!$G$19=$B$17,14,0)+IF('Standard Profiles'!$G$19=$B$24,21,0),MOD($C7977,24)+1)/SUM(INDEX($D$3:$AA$30,INDEX(Jesper!$R$2:$R$366,ROW(INDEX(Jesper!AI$2:AI$366,ROUNDDOWN($C7977/24,0)+1,1))-1)+IF('Standard Profiles'!$G$19=$B$10,7,0)+IF('Standard Profiles'!$G$19=$B$17,14,0)+IF('Standard Profiles'!$G$19=$B$24,21,0),0)),0)</f>
        <v>0</v>
      </c>
      <c r="F7977" cm="1">
        <f t="array" ref="F7977">IFERROR(INDEX(Jesper!AJ$2:AJ$366,ROUNDDOWN($C7977/24,0)+1,1)*INDEX($D$3:$AA$30,INDEX(Jesper!$R$2:$R$366,ROW(INDEX(Jesper!AJ$2:AJ$366,ROUNDDOWN($C7977/24,0)+1,1))-1)+IF('Standard Profiles'!$G$20=$B$10,7,0)+IF('Standard Profiles'!$G$20=$B$17,14,0)+IF('Standard Profiles'!$G$20=$B$24,21,0),MOD($C7977,24)+1)/SUM(INDEX($D$3:$AA$30,INDEX(Jesper!$R$2:$R$366,ROW(INDEX(Jesper!AJ$2:AJ$366,ROUNDDOWN($C7977/24,0)+1,1))-1)+IF('Standard Profiles'!$G$20=$B$10,7,0)+IF('Standard Profiles'!$G$20=$B$17,14,0)+IF('Standard Profiles'!$G$20=$B$24,21,0),0)),0)</f>
        <v>0</v>
      </c>
      <c r="G7977" cm="1">
        <f t="array" ref="G7977">IFERROR(INDEX(Jesper!AK$2:AK$366,ROUNDDOWN($C7977/24,0)+1,1)*INDEX($D$3:$AA$30,INDEX(Jesper!$R$2:$R$366,ROW(INDEX(Jesper!AK$2:AK$366,ROUNDDOWN($C7977/24,0)+1,1))-1)+IF('Standard Profiles'!$G$21=$B$10,7,0)+IF('Standard Profiles'!$G$21=$B$17,14,0)+IF('Standard Profiles'!$G$21=$B$24,21,0),MOD($C7977,24)+1)/SUM(INDEX($D$3:$AA$30,INDEX(Jesper!$R$2:$R$366,ROW(INDEX(Jesper!AK$2:AK$366,ROUNDDOWN($C7977/24,0)+1,1))-1)+IF('Standard Profiles'!$G$21=$B$10,7,0)+IF('Standard Profiles'!$G$21=$B$17,14,0)+IF('Standard Profiles'!$G$21=$B$24,21,0),0)),0)</f>
        <v>0</v>
      </c>
      <c r="H7977" cm="1">
        <f t="array" ref="H7977">IFERROR(INDEX(Jesper!AL$2:AL$366,ROUNDDOWN($C7977/24,0)+1,1)*INDEX($D$3:$AA$30,INDEX(Jesper!$R$2:$R$366,ROW(INDEX(Jesper!AL$2:AL$366,ROUNDDOWN($C7977/24,0)+1,1))-1)+IF('Standard Profiles'!$G$22=$B$10,7,0)+IF('Standard Profiles'!$G$22=$B$17,14,0)+IF('Standard Profiles'!$G$22=$B$24,21,0),MOD($C7977,24)+1)/SUM(INDEX($D$3:$AA$30,INDEX(Jesper!$R$2:$R$366,ROW(INDEX(Jesper!AL$2:AL$366,ROUNDDOWN($C7977/24,0)+1,1))-1)+IF('Standard Profiles'!$G$22=$B$10,7,0)+IF('Standard Profiles'!$G$22=$B$17,14,0)+IF('Standard Profiles'!$G$22=$B$24,21,0),0)),0)</f>
        <v>0</v>
      </c>
      <c r="I7977">
        <f t="shared" si="888"/>
        <v>0.25585077451222965</v>
      </c>
      <c r="J7977">
        <f t="shared" si="889"/>
        <v>0.85283591504076561</v>
      </c>
      <c r="K7977">
        <f t="shared" si="890"/>
        <v>1.2792538725611484</v>
      </c>
      <c r="L7977">
        <f t="shared" si="891"/>
        <v>6.1404185882935121</v>
      </c>
      <c r="M7977">
        <f t="shared" si="892"/>
        <v>0</v>
      </c>
      <c r="N7977" s="46">
        <f t="shared" si="893"/>
        <v>45622.958333314069</v>
      </c>
    </row>
    <row r="7978" spans="2:14" x14ac:dyDescent="0.3">
      <c r="B7978">
        <f t="shared" si="887"/>
        <v>3</v>
      </c>
      <c r="C7978" s="16">
        <v>7944</v>
      </c>
      <c r="D7978" cm="1">
        <f t="array" ref="D7978">IFERROR(INDEX(Jesper!AH$2:AH$366,ROUNDDOWN($C7978/24,0)+1,1)*INDEX($D$3:$AA$30,INDEX(Jesper!$R$2:$R$366,ROW(INDEX(Jesper!AH$2:AH$366,ROUNDDOWN($C7978/24,0)+1,1))-1)+IF('Standard Profiles'!$G$18=$B$10,7,0)+IF('Standard Profiles'!$G$18=$B$17,14,0)+IF('Standard Profiles'!$G$18=$B$24,21,0),MOD($C7978,24)+1)/SUM(INDEX($D$3:$AA$30,INDEX(Jesper!$R$2:$R$366,ROW(INDEX(Jesper!AH$2:AH$366,ROUNDDOWN($C7978/24,0)+1,1))-1)+IF('Standard Profiles'!$G$18=$B$10,7,0)+IF('Standard Profiles'!$G$18=$B$17,14,0)+IF('Standard Profiles'!$G$18=$B$24,21,0),0)),0)</f>
        <v>7.7818812757708864</v>
      </c>
      <c r="E7978" cm="1">
        <f t="array" ref="E7978">IFERROR(INDEX(Jesper!AI$2:AI$366,ROUNDDOWN($C7978/24,0)+1,1)*INDEX($D$3:$AA$30,INDEX(Jesper!$R$2:$R$366,ROW(INDEX(Jesper!AI$2:AI$366,ROUNDDOWN($C7978/24,0)+1,1))-1)+IF('Standard Profiles'!$G$19=$B$10,7,0)+IF('Standard Profiles'!$G$19=$B$17,14,0)+IF('Standard Profiles'!$G$19=$B$24,21,0),MOD($C7978,24)+1)/SUM(INDEX($D$3:$AA$30,INDEX(Jesper!$R$2:$R$366,ROW(INDEX(Jesper!AI$2:AI$366,ROUNDDOWN($C7978/24,0)+1,1))-1)+IF('Standard Profiles'!$G$19=$B$10,7,0)+IF('Standard Profiles'!$G$19=$B$17,14,0)+IF('Standard Profiles'!$G$19=$B$24,21,0),0)),0)</f>
        <v>0</v>
      </c>
      <c r="F7978" cm="1">
        <f t="array" ref="F7978">IFERROR(INDEX(Jesper!AJ$2:AJ$366,ROUNDDOWN($C7978/24,0)+1,1)*INDEX($D$3:$AA$30,INDEX(Jesper!$R$2:$R$366,ROW(INDEX(Jesper!AJ$2:AJ$366,ROUNDDOWN($C7978/24,0)+1,1))-1)+IF('Standard Profiles'!$G$20=$B$10,7,0)+IF('Standard Profiles'!$G$20=$B$17,14,0)+IF('Standard Profiles'!$G$20=$B$24,21,0),MOD($C7978,24)+1)/SUM(INDEX($D$3:$AA$30,INDEX(Jesper!$R$2:$R$366,ROW(INDEX(Jesper!AJ$2:AJ$366,ROUNDDOWN($C7978/24,0)+1,1))-1)+IF('Standard Profiles'!$G$20=$B$10,7,0)+IF('Standard Profiles'!$G$20=$B$17,14,0)+IF('Standard Profiles'!$G$20=$B$24,21,0),0)),0)</f>
        <v>0</v>
      </c>
      <c r="G7978" cm="1">
        <f t="array" ref="G7978">IFERROR(INDEX(Jesper!AK$2:AK$366,ROUNDDOWN($C7978/24,0)+1,1)*INDEX($D$3:$AA$30,INDEX(Jesper!$R$2:$R$366,ROW(INDEX(Jesper!AK$2:AK$366,ROUNDDOWN($C7978/24,0)+1,1))-1)+IF('Standard Profiles'!$G$21=$B$10,7,0)+IF('Standard Profiles'!$G$21=$B$17,14,0)+IF('Standard Profiles'!$G$21=$B$24,21,0),MOD($C7978,24)+1)/SUM(INDEX($D$3:$AA$30,INDEX(Jesper!$R$2:$R$366,ROW(INDEX(Jesper!AK$2:AK$366,ROUNDDOWN($C7978/24,0)+1,1))-1)+IF('Standard Profiles'!$G$21=$B$10,7,0)+IF('Standard Profiles'!$G$21=$B$17,14,0)+IF('Standard Profiles'!$G$21=$B$24,21,0),0)),0)</f>
        <v>0</v>
      </c>
      <c r="H7978" cm="1">
        <f t="array" ref="H7978">IFERROR(INDEX(Jesper!AL$2:AL$366,ROUNDDOWN($C7978/24,0)+1,1)*INDEX($D$3:$AA$30,INDEX(Jesper!$R$2:$R$366,ROW(INDEX(Jesper!AL$2:AL$366,ROUNDDOWN($C7978/24,0)+1,1))-1)+IF('Standard Profiles'!$G$22=$B$10,7,0)+IF('Standard Profiles'!$G$22=$B$17,14,0)+IF('Standard Profiles'!$G$22=$B$24,21,0),MOD($C7978,24)+1)/SUM(INDEX($D$3:$AA$30,INDEX(Jesper!$R$2:$R$366,ROW(INDEX(Jesper!AL$2:AL$366,ROUNDDOWN($C7978/24,0)+1,1))-1)+IF('Standard Profiles'!$G$22=$B$10,7,0)+IF('Standard Profiles'!$G$22=$B$17,14,0)+IF('Standard Profiles'!$G$22=$B$24,21,0),0)),0)</f>
        <v>0</v>
      </c>
      <c r="I7978">
        <f t="shared" si="888"/>
        <v>0.23345643827312659</v>
      </c>
      <c r="J7978">
        <f t="shared" si="889"/>
        <v>0.77818812757708866</v>
      </c>
      <c r="K7978">
        <f t="shared" si="890"/>
        <v>1.1672821913656328</v>
      </c>
      <c r="L7978">
        <f t="shared" si="891"/>
        <v>5.6029545185550376</v>
      </c>
      <c r="M7978">
        <f t="shared" si="892"/>
        <v>0</v>
      </c>
      <c r="N7978" s="46">
        <f t="shared" si="893"/>
        <v>45622.999999980733</v>
      </c>
    </row>
    <row r="7979" spans="2:14" x14ac:dyDescent="0.3">
      <c r="B7979">
        <f t="shared" si="887"/>
        <v>3</v>
      </c>
      <c r="C7979" s="16">
        <v>7945</v>
      </c>
      <c r="D7979" cm="1">
        <f t="array" ref="D7979">IFERROR(INDEX(Jesper!AH$2:AH$366,ROUNDDOWN($C7979/24,0)+1,1)*INDEX($D$3:$AA$30,INDEX(Jesper!$R$2:$R$366,ROW(INDEX(Jesper!AH$2:AH$366,ROUNDDOWN($C7979/24,0)+1,1))-1)+IF('Standard Profiles'!$G$18=$B$10,7,0)+IF('Standard Profiles'!$G$18=$B$17,14,0)+IF('Standard Profiles'!$G$18=$B$24,21,0),MOD($C7979,24)+1)/SUM(INDEX($D$3:$AA$30,INDEX(Jesper!$R$2:$R$366,ROW(INDEX(Jesper!AH$2:AH$366,ROUNDDOWN($C7979/24,0)+1,1))-1)+IF('Standard Profiles'!$G$18=$B$10,7,0)+IF('Standard Profiles'!$G$18=$B$17,14,0)+IF('Standard Profiles'!$G$18=$B$24,21,0),0)),0)</f>
        <v>8.7546164352422444</v>
      </c>
      <c r="E7979" cm="1">
        <f t="array" ref="E7979">IFERROR(INDEX(Jesper!AI$2:AI$366,ROUNDDOWN($C7979/24,0)+1,1)*INDEX($D$3:$AA$30,INDEX(Jesper!$R$2:$R$366,ROW(INDEX(Jesper!AI$2:AI$366,ROUNDDOWN($C7979/24,0)+1,1))-1)+IF('Standard Profiles'!$G$19=$B$10,7,0)+IF('Standard Profiles'!$G$19=$B$17,14,0)+IF('Standard Profiles'!$G$19=$B$24,21,0),MOD($C7979,24)+1)/SUM(INDEX($D$3:$AA$30,INDEX(Jesper!$R$2:$R$366,ROW(INDEX(Jesper!AI$2:AI$366,ROUNDDOWN($C7979/24,0)+1,1))-1)+IF('Standard Profiles'!$G$19=$B$10,7,0)+IF('Standard Profiles'!$G$19=$B$17,14,0)+IF('Standard Profiles'!$G$19=$B$24,21,0),0)),0)</f>
        <v>0</v>
      </c>
      <c r="F7979" cm="1">
        <f t="array" ref="F7979">IFERROR(INDEX(Jesper!AJ$2:AJ$366,ROUNDDOWN($C7979/24,0)+1,1)*INDEX($D$3:$AA$30,INDEX(Jesper!$R$2:$R$366,ROW(INDEX(Jesper!AJ$2:AJ$366,ROUNDDOWN($C7979/24,0)+1,1))-1)+IF('Standard Profiles'!$G$20=$B$10,7,0)+IF('Standard Profiles'!$G$20=$B$17,14,0)+IF('Standard Profiles'!$G$20=$B$24,21,0),MOD($C7979,24)+1)/SUM(INDEX($D$3:$AA$30,INDEX(Jesper!$R$2:$R$366,ROW(INDEX(Jesper!AJ$2:AJ$366,ROUNDDOWN($C7979/24,0)+1,1))-1)+IF('Standard Profiles'!$G$20=$B$10,7,0)+IF('Standard Profiles'!$G$20=$B$17,14,0)+IF('Standard Profiles'!$G$20=$B$24,21,0),0)),0)</f>
        <v>0</v>
      </c>
      <c r="G7979" cm="1">
        <f t="array" ref="G7979">IFERROR(INDEX(Jesper!AK$2:AK$366,ROUNDDOWN($C7979/24,0)+1,1)*INDEX($D$3:$AA$30,INDEX(Jesper!$R$2:$R$366,ROW(INDEX(Jesper!AK$2:AK$366,ROUNDDOWN($C7979/24,0)+1,1))-1)+IF('Standard Profiles'!$G$21=$B$10,7,0)+IF('Standard Profiles'!$G$21=$B$17,14,0)+IF('Standard Profiles'!$G$21=$B$24,21,0),MOD($C7979,24)+1)/SUM(INDEX($D$3:$AA$30,INDEX(Jesper!$R$2:$R$366,ROW(INDEX(Jesper!AK$2:AK$366,ROUNDDOWN($C7979/24,0)+1,1))-1)+IF('Standard Profiles'!$G$21=$B$10,7,0)+IF('Standard Profiles'!$G$21=$B$17,14,0)+IF('Standard Profiles'!$G$21=$B$24,21,0),0)),0)</f>
        <v>0</v>
      </c>
      <c r="H7979" cm="1">
        <f t="array" ref="H7979">IFERROR(INDEX(Jesper!AL$2:AL$366,ROUNDDOWN($C7979/24,0)+1,1)*INDEX($D$3:$AA$30,INDEX(Jesper!$R$2:$R$366,ROW(INDEX(Jesper!AL$2:AL$366,ROUNDDOWN($C7979/24,0)+1,1))-1)+IF('Standard Profiles'!$G$22=$B$10,7,0)+IF('Standard Profiles'!$G$22=$B$17,14,0)+IF('Standard Profiles'!$G$22=$B$24,21,0),MOD($C7979,24)+1)/SUM(INDEX($D$3:$AA$30,INDEX(Jesper!$R$2:$R$366,ROW(INDEX(Jesper!AL$2:AL$366,ROUNDDOWN($C7979/24,0)+1,1))-1)+IF('Standard Profiles'!$G$22=$B$10,7,0)+IF('Standard Profiles'!$G$22=$B$17,14,0)+IF('Standard Profiles'!$G$22=$B$24,21,0),0)),0)</f>
        <v>0</v>
      </c>
      <c r="I7979">
        <f t="shared" si="888"/>
        <v>0.26263849305726733</v>
      </c>
      <c r="J7979">
        <f t="shared" si="889"/>
        <v>0.87546164352422451</v>
      </c>
      <c r="K7979">
        <f t="shared" si="890"/>
        <v>1.3131924652863367</v>
      </c>
      <c r="L7979">
        <f t="shared" si="891"/>
        <v>6.3033238333744155</v>
      </c>
      <c r="M7979">
        <f t="shared" si="892"/>
        <v>0</v>
      </c>
      <c r="N7979" s="46">
        <f t="shared" si="893"/>
        <v>45623.041666647398</v>
      </c>
    </row>
    <row r="7980" spans="2:14" x14ac:dyDescent="0.3">
      <c r="B7980">
        <f t="shared" si="887"/>
        <v>3</v>
      </c>
      <c r="C7980" s="16">
        <v>7946</v>
      </c>
      <c r="D7980" cm="1">
        <f t="array" ref="D7980">IFERROR(INDEX(Jesper!AH$2:AH$366,ROUNDDOWN($C7980/24,0)+1,1)*INDEX($D$3:$AA$30,INDEX(Jesper!$R$2:$R$366,ROW(INDEX(Jesper!AH$2:AH$366,ROUNDDOWN($C7980/24,0)+1,1))-1)+IF('Standard Profiles'!$G$18=$B$10,7,0)+IF('Standard Profiles'!$G$18=$B$17,14,0)+IF('Standard Profiles'!$G$18=$B$24,21,0),MOD($C7980,24)+1)/SUM(INDEX($D$3:$AA$30,INDEX(Jesper!$R$2:$R$366,ROW(INDEX(Jesper!AH$2:AH$366,ROUNDDOWN($C7980/24,0)+1,1))-1)+IF('Standard Profiles'!$G$18=$B$10,7,0)+IF('Standard Profiles'!$G$18=$B$17,14,0)+IF('Standard Profiles'!$G$18=$B$24,21,0),0)),0)</f>
        <v>8.7546164352422444</v>
      </c>
      <c r="E7980" cm="1">
        <f t="array" ref="E7980">IFERROR(INDEX(Jesper!AI$2:AI$366,ROUNDDOWN($C7980/24,0)+1,1)*INDEX($D$3:$AA$30,INDEX(Jesper!$R$2:$R$366,ROW(INDEX(Jesper!AI$2:AI$366,ROUNDDOWN($C7980/24,0)+1,1))-1)+IF('Standard Profiles'!$G$19=$B$10,7,0)+IF('Standard Profiles'!$G$19=$B$17,14,0)+IF('Standard Profiles'!$G$19=$B$24,21,0),MOD($C7980,24)+1)/SUM(INDEX($D$3:$AA$30,INDEX(Jesper!$R$2:$R$366,ROW(INDEX(Jesper!AI$2:AI$366,ROUNDDOWN($C7980/24,0)+1,1))-1)+IF('Standard Profiles'!$G$19=$B$10,7,0)+IF('Standard Profiles'!$G$19=$B$17,14,0)+IF('Standard Profiles'!$G$19=$B$24,21,0),0)),0)</f>
        <v>0</v>
      </c>
      <c r="F7980" cm="1">
        <f t="array" ref="F7980">IFERROR(INDEX(Jesper!AJ$2:AJ$366,ROUNDDOWN($C7980/24,0)+1,1)*INDEX($D$3:$AA$30,INDEX(Jesper!$R$2:$R$366,ROW(INDEX(Jesper!AJ$2:AJ$366,ROUNDDOWN($C7980/24,0)+1,1))-1)+IF('Standard Profiles'!$G$20=$B$10,7,0)+IF('Standard Profiles'!$G$20=$B$17,14,0)+IF('Standard Profiles'!$G$20=$B$24,21,0),MOD($C7980,24)+1)/SUM(INDEX($D$3:$AA$30,INDEX(Jesper!$R$2:$R$366,ROW(INDEX(Jesper!AJ$2:AJ$366,ROUNDDOWN($C7980/24,0)+1,1))-1)+IF('Standard Profiles'!$G$20=$B$10,7,0)+IF('Standard Profiles'!$G$20=$B$17,14,0)+IF('Standard Profiles'!$G$20=$B$24,21,0),0)),0)</f>
        <v>0</v>
      </c>
      <c r="G7980" cm="1">
        <f t="array" ref="G7980">IFERROR(INDEX(Jesper!AK$2:AK$366,ROUNDDOWN($C7980/24,0)+1,1)*INDEX($D$3:$AA$30,INDEX(Jesper!$R$2:$R$366,ROW(INDEX(Jesper!AK$2:AK$366,ROUNDDOWN($C7980/24,0)+1,1))-1)+IF('Standard Profiles'!$G$21=$B$10,7,0)+IF('Standard Profiles'!$G$21=$B$17,14,0)+IF('Standard Profiles'!$G$21=$B$24,21,0),MOD($C7980,24)+1)/SUM(INDEX($D$3:$AA$30,INDEX(Jesper!$R$2:$R$366,ROW(INDEX(Jesper!AK$2:AK$366,ROUNDDOWN($C7980/24,0)+1,1))-1)+IF('Standard Profiles'!$G$21=$B$10,7,0)+IF('Standard Profiles'!$G$21=$B$17,14,0)+IF('Standard Profiles'!$G$21=$B$24,21,0),0)),0)</f>
        <v>0</v>
      </c>
      <c r="H7980" cm="1">
        <f t="array" ref="H7980">IFERROR(INDEX(Jesper!AL$2:AL$366,ROUNDDOWN($C7980/24,0)+1,1)*INDEX($D$3:$AA$30,INDEX(Jesper!$R$2:$R$366,ROW(INDEX(Jesper!AL$2:AL$366,ROUNDDOWN($C7980/24,0)+1,1))-1)+IF('Standard Profiles'!$G$22=$B$10,7,0)+IF('Standard Profiles'!$G$22=$B$17,14,0)+IF('Standard Profiles'!$G$22=$B$24,21,0),MOD($C7980,24)+1)/SUM(INDEX($D$3:$AA$30,INDEX(Jesper!$R$2:$R$366,ROW(INDEX(Jesper!AL$2:AL$366,ROUNDDOWN($C7980/24,0)+1,1))-1)+IF('Standard Profiles'!$G$22=$B$10,7,0)+IF('Standard Profiles'!$G$22=$B$17,14,0)+IF('Standard Profiles'!$G$22=$B$24,21,0),0)),0)</f>
        <v>0</v>
      </c>
      <c r="I7980">
        <f t="shared" si="888"/>
        <v>0.26263849305726733</v>
      </c>
      <c r="J7980">
        <f t="shared" si="889"/>
        <v>0.87546164352422451</v>
      </c>
      <c r="K7980">
        <f t="shared" si="890"/>
        <v>1.3131924652863367</v>
      </c>
      <c r="L7980">
        <f t="shared" si="891"/>
        <v>6.3033238333744155</v>
      </c>
      <c r="M7980">
        <f t="shared" si="892"/>
        <v>0</v>
      </c>
      <c r="N7980" s="46">
        <f t="shared" si="893"/>
        <v>45623.083333314062</v>
      </c>
    </row>
    <row r="7981" spans="2:14" x14ac:dyDescent="0.3">
      <c r="B7981">
        <f t="shared" si="887"/>
        <v>3</v>
      </c>
      <c r="C7981" s="16">
        <v>7947</v>
      </c>
      <c r="D7981" cm="1">
        <f t="array" ref="D7981">IFERROR(INDEX(Jesper!AH$2:AH$366,ROUNDDOWN($C7981/24,0)+1,1)*INDEX($D$3:$AA$30,INDEX(Jesper!$R$2:$R$366,ROW(INDEX(Jesper!AH$2:AH$366,ROUNDDOWN($C7981/24,0)+1,1))-1)+IF('Standard Profiles'!$G$18=$B$10,7,0)+IF('Standard Profiles'!$G$18=$B$17,14,0)+IF('Standard Profiles'!$G$18=$B$24,21,0),MOD($C7981,24)+1)/SUM(INDEX($D$3:$AA$30,INDEX(Jesper!$R$2:$R$366,ROW(INDEX(Jesper!AH$2:AH$366,ROUNDDOWN($C7981/24,0)+1,1))-1)+IF('Standard Profiles'!$G$18=$B$10,7,0)+IF('Standard Profiles'!$G$18=$B$17,14,0)+IF('Standard Profiles'!$G$18=$B$24,21,0),0)),0)</f>
        <v>8.7546164352422444</v>
      </c>
      <c r="E7981" cm="1">
        <f t="array" ref="E7981">IFERROR(INDEX(Jesper!AI$2:AI$366,ROUNDDOWN($C7981/24,0)+1,1)*INDEX($D$3:$AA$30,INDEX(Jesper!$R$2:$R$366,ROW(INDEX(Jesper!AI$2:AI$366,ROUNDDOWN($C7981/24,0)+1,1))-1)+IF('Standard Profiles'!$G$19=$B$10,7,0)+IF('Standard Profiles'!$G$19=$B$17,14,0)+IF('Standard Profiles'!$G$19=$B$24,21,0),MOD($C7981,24)+1)/SUM(INDEX($D$3:$AA$30,INDEX(Jesper!$R$2:$R$366,ROW(INDEX(Jesper!AI$2:AI$366,ROUNDDOWN($C7981/24,0)+1,1))-1)+IF('Standard Profiles'!$G$19=$B$10,7,0)+IF('Standard Profiles'!$G$19=$B$17,14,0)+IF('Standard Profiles'!$G$19=$B$24,21,0),0)),0)</f>
        <v>0</v>
      </c>
      <c r="F7981" cm="1">
        <f t="array" ref="F7981">IFERROR(INDEX(Jesper!AJ$2:AJ$366,ROUNDDOWN($C7981/24,0)+1,1)*INDEX($D$3:$AA$30,INDEX(Jesper!$R$2:$R$366,ROW(INDEX(Jesper!AJ$2:AJ$366,ROUNDDOWN($C7981/24,0)+1,1))-1)+IF('Standard Profiles'!$G$20=$B$10,7,0)+IF('Standard Profiles'!$G$20=$B$17,14,0)+IF('Standard Profiles'!$G$20=$B$24,21,0),MOD($C7981,24)+1)/SUM(INDEX($D$3:$AA$30,INDEX(Jesper!$R$2:$R$366,ROW(INDEX(Jesper!AJ$2:AJ$366,ROUNDDOWN($C7981/24,0)+1,1))-1)+IF('Standard Profiles'!$G$20=$B$10,7,0)+IF('Standard Profiles'!$G$20=$B$17,14,0)+IF('Standard Profiles'!$G$20=$B$24,21,0),0)),0)</f>
        <v>0</v>
      </c>
      <c r="G7981" cm="1">
        <f t="array" ref="G7981">IFERROR(INDEX(Jesper!AK$2:AK$366,ROUNDDOWN($C7981/24,0)+1,1)*INDEX($D$3:$AA$30,INDEX(Jesper!$R$2:$R$366,ROW(INDEX(Jesper!AK$2:AK$366,ROUNDDOWN($C7981/24,0)+1,1))-1)+IF('Standard Profiles'!$G$21=$B$10,7,0)+IF('Standard Profiles'!$G$21=$B$17,14,0)+IF('Standard Profiles'!$G$21=$B$24,21,0),MOD($C7981,24)+1)/SUM(INDEX($D$3:$AA$30,INDEX(Jesper!$R$2:$R$366,ROW(INDEX(Jesper!AK$2:AK$366,ROUNDDOWN($C7981/24,0)+1,1))-1)+IF('Standard Profiles'!$G$21=$B$10,7,0)+IF('Standard Profiles'!$G$21=$B$17,14,0)+IF('Standard Profiles'!$G$21=$B$24,21,0),0)),0)</f>
        <v>0</v>
      </c>
      <c r="H7981" cm="1">
        <f t="array" ref="H7981">IFERROR(INDEX(Jesper!AL$2:AL$366,ROUNDDOWN($C7981/24,0)+1,1)*INDEX($D$3:$AA$30,INDEX(Jesper!$R$2:$R$366,ROW(INDEX(Jesper!AL$2:AL$366,ROUNDDOWN($C7981/24,0)+1,1))-1)+IF('Standard Profiles'!$G$22=$B$10,7,0)+IF('Standard Profiles'!$G$22=$B$17,14,0)+IF('Standard Profiles'!$G$22=$B$24,21,0),MOD($C7981,24)+1)/SUM(INDEX($D$3:$AA$30,INDEX(Jesper!$R$2:$R$366,ROW(INDEX(Jesper!AL$2:AL$366,ROUNDDOWN($C7981/24,0)+1,1))-1)+IF('Standard Profiles'!$G$22=$B$10,7,0)+IF('Standard Profiles'!$G$22=$B$17,14,0)+IF('Standard Profiles'!$G$22=$B$24,21,0),0)),0)</f>
        <v>0</v>
      </c>
      <c r="I7981">
        <f t="shared" si="888"/>
        <v>0.26263849305726733</v>
      </c>
      <c r="J7981">
        <f t="shared" si="889"/>
        <v>0.87546164352422451</v>
      </c>
      <c r="K7981">
        <f t="shared" si="890"/>
        <v>1.3131924652863367</v>
      </c>
      <c r="L7981">
        <f t="shared" si="891"/>
        <v>6.3033238333744155</v>
      </c>
      <c r="M7981">
        <f t="shared" si="892"/>
        <v>0</v>
      </c>
      <c r="N7981" s="46">
        <f t="shared" si="893"/>
        <v>45623.124999980726</v>
      </c>
    </row>
    <row r="7982" spans="2:14" x14ac:dyDescent="0.3">
      <c r="B7982">
        <f t="shared" si="887"/>
        <v>3</v>
      </c>
      <c r="C7982" s="16">
        <v>7948</v>
      </c>
      <c r="D7982" cm="1">
        <f t="array" ref="D7982">IFERROR(INDEX(Jesper!AH$2:AH$366,ROUNDDOWN($C7982/24,0)+1,1)*INDEX($D$3:$AA$30,INDEX(Jesper!$R$2:$R$366,ROW(INDEX(Jesper!AH$2:AH$366,ROUNDDOWN($C7982/24,0)+1,1))-1)+IF('Standard Profiles'!$G$18=$B$10,7,0)+IF('Standard Profiles'!$G$18=$B$17,14,0)+IF('Standard Profiles'!$G$18=$B$24,21,0),MOD($C7982,24)+1)/SUM(INDEX($D$3:$AA$30,INDEX(Jesper!$R$2:$R$366,ROW(INDEX(Jesper!AH$2:AH$366,ROUNDDOWN($C7982/24,0)+1,1))-1)+IF('Standard Profiles'!$G$18=$B$10,7,0)+IF('Standard Profiles'!$G$18=$B$17,14,0)+IF('Standard Profiles'!$G$18=$B$24,21,0),0)),0)</f>
        <v>8.7546164352422444</v>
      </c>
      <c r="E7982" cm="1">
        <f t="array" ref="E7982">IFERROR(INDEX(Jesper!AI$2:AI$366,ROUNDDOWN($C7982/24,0)+1,1)*INDEX($D$3:$AA$30,INDEX(Jesper!$R$2:$R$366,ROW(INDEX(Jesper!AI$2:AI$366,ROUNDDOWN($C7982/24,0)+1,1))-1)+IF('Standard Profiles'!$G$19=$B$10,7,0)+IF('Standard Profiles'!$G$19=$B$17,14,0)+IF('Standard Profiles'!$G$19=$B$24,21,0),MOD($C7982,24)+1)/SUM(INDEX($D$3:$AA$30,INDEX(Jesper!$R$2:$R$366,ROW(INDEX(Jesper!AI$2:AI$366,ROUNDDOWN($C7982/24,0)+1,1))-1)+IF('Standard Profiles'!$G$19=$B$10,7,0)+IF('Standard Profiles'!$G$19=$B$17,14,0)+IF('Standard Profiles'!$G$19=$B$24,21,0),0)),0)</f>
        <v>0</v>
      </c>
      <c r="F7982" cm="1">
        <f t="array" ref="F7982">IFERROR(INDEX(Jesper!AJ$2:AJ$366,ROUNDDOWN($C7982/24,0)+1,1)*INDEX($D$3:$AA$30,INDEX(Jesper!$R$2:$R$366,ROW(INDEX(Jesper!AJ$2:AJ$366,ROUNDDOWN($C7982/24,0)+1,1))-1)+IF('Standard Profiles'!$G$20=$B$10,7,0)+IF('Standard Profiles'!$G$20=$B$17,14,0)+IF('Standard Profiles'!$G$20=$B$24,21,0),MOD($C7982,24)+1)/SUM(INDEX($D$3:$AA$30,INDEX(Jesper!$R$2:$R$366,ROW(INDEX(Jesper!AJ$2:AJ$366,ROUNDDOWN($C7982/24,0)+1,1))-1)+IF('Standard Profiles'!$G$20=$B$10,7,0)+IF('Standard Profiles'!$G$20=$B$17,14,0)+IF('Standard Profiles'!$G$20=$B$24,21,0),0)),0)</f>
        <v>0</v>
      </c>
      <c r="G7982" cm="1">
        <f t="array" ref="G7982">IFERROR(INDEX(Jesper!AK$2:AK$366,ROUNDDOWN($C7982/24,0)+1,1)*INDEX($D$3:$AA$30,INDEX(Jesper!$R$2:$R$366,ROW(INDEX(Jesper!AK$2:AK$366,ROUNDDOWN($C7982/24,0)+1,1))-1)+IF('Standard Profiles'!$G$21=$B$10,7,0)+IF('Standard Profiles'!$G$21=$B$17,14,0)+IF('Standard Profiles'!$G$21=$B$24,21,0),MOD($C7982,24)+1)/SUM(INDEX($D$3:$AA$30,INDEX(Jesper!$R$2:$R$366,ROW(INDEX(Jesper!AK$2:AK$366,ROUNDDOWN($C7982/24,0)+1,1))-1)+IF('Standard Profiles'!$G$21=$B$10,7,0)+IF('Standard Profiles'!$G$21=$B$17,14,0)+IF('Standard Profiles'!$G$21=$B$24,21,0),0)),0)</f>
        <v>0</v>
      </c>
      <c r="H7982" cm="1">
        <f t="array" ref="H7982">IFERROR(INDEX(Jesper!AL$2:AL$366,ROUNDDOWN($C7982/24,0)+1,1)*INDEX($D$3:$AA$30,INDEX(Jesper!$R$2:$R$366,ROW(INDEX(Jesper!AL$2:AL$366,ROUNDDOWN($C7982/24,0)+1,1))-1)+IF('Standard Profiles'!$G$22=$B$10,7,0)+IF('Standard Profiles'!$G$22=$B$17,14,0)+IF('Standard Profiles'!$G$22=$B$24,21,0),MOD($C7982,24)+1)/SUM(INDEX($D$3:$AA$30,INDEX(Jesper!$R$2:$R$366,ROW(INDEX(Jesper!AL$2:AL$366,ROUNDDOWN($C7982/24,0)+1,1))-1)+IF('Standard Profiles'!$G$22=$B$10,7,0)+IF('Standard Profiles'!$G$22=$B$17,14,0)+IF('Standard Profiles'!$G$22=$B$24,21,0),0)),0)</f>
        <v>0</v>
      </c>
      <c r="I7982">
        <f t="shared" si="888"/>
        <v>0.26263849305726733</v>
      </c>
      <c r="J7982">
        <f t="shared" si="889"/>
        <v>0.87546164352422451</v>
      </c>
      <c r="K7982">
        <f t="shared" si="890"/>
        <v>1.3131924652863367</v>
      </c>
      <c r="L7982">
        <f t="shared" si="891"/>
        <v>6.3033238333744155</v>
      </c>
      <c r="M7982">
        <f t="shared" si="892"/>
        <v>0</v>
      </c>
      <c r="N7982" s="46">
        <f t="shared" si="893"/>
        <v>45623.16666664739</v>
      </c>
    </row>
    <row r="7983" spans="2:14" x14ac:dyDescent="0.3">
      <c r="B7983">
        <f t="shared" si="887"/>
        <v>3</v>
      </c>
      <c r="C7983" s="16">
        <v>7949</v>
      </c>
      <c r="D7983" cm="1">
        <f t="array" ref="D7983">IFERROR(INDEX(Jesper!AH$2:AH$366,ROUNDDOWN($C7983/24,0)+1,1)*INDEX($D$3:$AA$30,INDEX(Jesper!$R$2:$R$366,ROW(INDEX(Jesper!AH$2:AH$366,ROUNDDOWN($C7983/24,0)+1,1))-1)+IF('Standard Profiles'!$G$18=$B$10,7,0)+IF('Standard Profiles'!$G$18=$B$17,14,0)+IF('Standard Profiles'!$G$18=$B$24,21,0),MOD($C7983,24)+1)/SUM(INDEX($D$3:$AA$30,INDEX(Jesper!$R$2:$R$366,ROW(INDEX(Jesper!AH$2:AH$366,ROUNDDOWN($C7983/24,0)+1,1))-1)+IF('Standard Profiles'!$G$18=$B$10,7,0)+IF('Standard Profiles'!$G$18=$B$17,14,0)+IF('Standard Profiles'!$G$18=$B$24,21,0),0)),0)</f>
        <v>11.283727849867784</v>
      </c>
      <c r="E7983" cm="1">
        <f t="array" ref="E7983">IFERROR(INDEX(Jesper!AI$2:AI$366,ROUNDDOWN($C7983/24,0)+1,1)*INDEX($D$3:$AA$30,INDEX(Jesper!$R$2:$R$366,ROW(INDEX(Jesper!AI$2:AI$366,ROUNDDOWN($C7983/24,0)+1,1))-1)+IF('Standard Profiles'!$G$19=$B$10,7,0)+IF('Standard Profiles'!$G$19=$B$17,14,0)+IF('Standard Profiles'!$G$19=$B$24,21,0),MOD($C7983,24)+1)/SUM(INDEX($D$3:$AA$30,INDEX(Jesper!$R$2:$R$366,ROW(INDEX(Jesper!AI$2:AI$366,ROUNDDOWN($C7983/24,0)+1,1))-1)+IF('Standard Profiles'!$G$19=$B$10,7,0)+IF('Standard Profiles'!$G$19=$B$17,14,0)+IF('Standard Profiles'!$G$19=$B$24,21,0),0)),0)</f>
        <v>0</v>
      </c>
      <c r="F7983" cm="1">
        <f t="array" ref="F7983">IFERROR(INDEX(Jesper!AJ$2:AJ$366,ROUNDDOWN($C7983/24,0)+1,1)*INDEX($D$3:$AA$30,INDEX(Jesper!$R$2:$R$366,ROW(INDEX(Jesper!AJ$2:AJ$366,ROUNDDOWN($C7983/24,0)+1,1))-1)+IF('Standard Profiles'!$G$20=$B$10,7,0)+IF('Standard Profiles'!$G$20=$B$17,14,0)+IF('Standard Profiles'!$G$20=$B$24,21,0),MOD($C7983,24)+1)/SUM(INDEX($D$3:$AA$30,INDEX(Jesper!$R$2:$R$366,ROW(INDEX(Jesper!AJ$2:AJ$366,ROUNDDOWN($C7983/24,0)+1,1))-1)+IF('Standard Profiles'!$G$20=$B$10,7,0)+IF('Standard Profiles'!$G$20=$B$17,14,0)+IF('Standard Profiles'!$G$20=$B$24,21,0),0)),0)</f>
        <v>0</v>
      </c>
      <c r="G7983" cm="1">
        <f t="array" ref="G7983">IFERROR(INDEX(Jesper!AK$2:AK$366,ROUNDDOWN($C7983/24,0)+1,1)*INDEX($D$3:$AA$30,INDEX(Jesper!$R$2:$R$366,ROW(INDEX(Jesper!AK$2:AK$366,ROUNDDOWN($C7983/24,0)+1,1))-1)+IF('Standard Profiles'!$G$21=$B$10,7,0)+IF('Standard Profiles'!$G$21=$B$17,14,0)+IF('Standard Profiles'!$G$21=$B$24,21,0),MOD($C7983,24)+1)/SUM(INDEX($D$3:$AA$30,INDEX(Jesper!$R$2:$R$366,ROW(INDEX(Jesper!AK$2:AK$366,ROUNDDOWN($C7983/24,0)+1,1))-1)+IF('Standard Profiles'!$G$21=$B$10,7,0)+IF('Standard Profiles'!$G$21=$B$17,14,0)+IF('Standard Profiles'!$G$21=$B$24,21,0),0)),0)</f>
        <v>0</v>
      </c>
      <c r="H7983" cm="1">
        <f t="array" ref="H7983">IFERROR(INDEX(Jesper!AL$2:AL$366,ROUNDDOWN($C7983/24,0)+1,1)*INDEX($D$3:$AA$30,INDEX(Jesper!$R$2:$R$366,ROW(INDEX(Jesper!AL$2:AL$366,ROUNDDOWN($C7983/24,0)+1,1))-1)+IF('Standard Profiles'!$G$22=$B$10,7,0)+IF('Standard Profiles'!$G$22=$B$17,14,0)+IF('Standard Profiles'!$G$22=$B$24,21,0),MOD($C7983,24)+1)/SUM(INDEX($D$3:$AA$30,INDEX(Jesper!$R$2:$R$366,ROW(INDEX(Jesper!AL$2:AL$366,ROUNDDOWN($C7983/24,0)+1,1))-1)+IF('Standard Profiles'!$G$22=$B$10,7,0)+IF('Standard Profiles'!$G$22=$B$17,14,0)+IF('Standard Profiles'!$G$22=$B$24,21,0),0)),0)</f>
        <v>0</v>
      </c>
      <c r="I7983">
        <f t="shared" si="888"/>
        <v>0.33851183549603353</v>
      </c>
      <c r="J7983">
        <f t="shared" si="889"/>
        <v>1.1283727849867784</v>
      </c>
      <c r="K7983">
        <f t="shared" si="890"/>
        <v>1.6925591774801676</v>
      </c>
      <c r="L7983">
        <f t="shared" si="891"/>
        <v>8.1242840519048034</v>
      </c>
      <c r="M7983">
        <f t="shared" si="892"/>
        <v>0</v>
      </c>
      <c r="N7983" s="46">
        <f t="shared" si="893"/>
        <v>45623.208333314054</v>
      </c>
    </row>
    <row r="7984" spans="2:14" x14ac:dyDescent="0.3">
      <c r="B7984">
        <f t="shared" si="887"/>
        <v>3</v>
      </c>
      <c r="C7984" s="16">
        <v>7950</v>
      </c>
      <c r="D7984" cm="1">
        <f t="array" ref="D7984">IFERROR(INDEX(Jesper!AH$2:AH$366,ROUNDDOWN($C7984/24,0)+1,1)*INDEX($D$3:$AA$30,INDEX(Jesper!$R$2:$R$366,ROW(INDEX(Jesper!AH$2:AH$366,ROUNDDOWN($C7984/24,0)+1,1))-1)+IF('Standard Profiles'!$G$18=$B$10,7,0)+IF('Standard Profiles'!$G$18=$B$17,14,0)+IF('Standard Profiles'!$G$18=$B$24,21,0),MOD($C7984,24)+1)/SUM(INDEX($D$3:$AA$30,INDEX(Jesper!$R$2:$R$366,ROW(INDEX(Jesper!AH$2:AH$366,ROUNDDOWN($C7984/24,0)+1,1))-1)+IF('Standard Profiles'!$G$18=$B$10,7,0)+IF('Standard Profiles'!$G$18=$B$17,14,0)+IF('Standard Profiles'!$G$18=$B$24,21,0),0)),0)</f>
        <v>13.034651136916233</v>
      </c>
      <c r="E7984" cm="1">
        <f t="array" ref="E7984">IFERROR(INDEX(Jesper!AI$2:AI$366,ROUNDDOWN($C7984/24,0)+1,1)*INDEX($D$3:$AA$30,INDEX(Jesper!$R$2:$R$366,ROW(INDEX(Jesper!AI$2:AI$366,ROUNDDOWN($C7984/24,0)+1,1))-1)+IF('Standard Profiles'!$G$19=$B$10,7,0)+IF('Standard Profiles'!$G$19=$B$17,14,0)+IF('Standard Profiles'!$G$19=$B$24,21,0),MOD($C7984,24)+1)/SUM(INDEX($D$3:$AA$30,INDEX(Jesper!$R$2:$R$366,ROW(INDEX(Jesper!AI$2:AI$366,ROUNDDOWN($C7984/24,0)+1,1))-1)+IF('Standard Profiles'!$G$19=$B$10,7,0)+IF('Standard Profiles'!$G$19=$B$17,14,0)+IF('Standard Profiles'!$G$19=$B$24,21,0),0)),0)</f>
        <v>0</v>
      </c>
      <c r="F7984" cm="1">
        <f t="array" ref="F7984">IFERROR(INDEX(Jesper!AJ$2:AJ$366,ROUNDDOWN($C7984/24,0)+1,1)*INDEX($D$3:$AA$30,INDEX(Jesper!$R$2:$R$366,ROW(INDEX(Jesper!AJ$2:AJ$366,ROUNDDOWN($C7984/24,0)+1,1))-1)+IF('Standard Profiles'!$G$20=$B$10,7,0)+IF('Standard Profiles'!$G$20=$B$17,14,0)+IF('Standard Profiles'!$G$20=$B$24,21,0),MOD($C7984,24)+1)/SUM(INDEX($D$3:$AA$30,INDEX(Jesper!$R$2:$R$366,ROW(INDEX(Jesper!AJ$2:AJ$366,ROUNDDOWN($C7984/24,0)+1,1))-1)+IF('Standard Profiles'!$G$20=$B$10,7,0)+IF('Standard Profiles'!$G$20=$B$17,14,0)+IF('Standard Profiles'!$G$20=$B$24,21,0),0)),0)</f>
        <v>0</v>
      </c>
      <c r="G7984" cm="1">
        <f t="array" ref="G7984">IFERROR(INDEX(Jesper!AK$2:AK$366,ROUNDDOWN($C7984/24,0)+1,1)*INDEX($D$3:$AA$30,INDEX(Jesper!$R$2:$R$366,ROW(INDEX(Jesper!AK$2:AK$366,ROUNDDOWN($C7984/24,0)+1,1))-1)+IF('Standard Profiles'!$G$21=$B$10,7,0)+IF('Standard Profiles'!$G$21=$B$17,14,0)+IF('Standard Profiles'!$G$21=$B$24,21,0),MOD($C7984,24)+1)/SUM(INDEX($D$3:$AA$30,INDEX(Jesper!$R$2:$R$366,ROW(INDEX(Jesper!AK$2:AK$366,ROUNDDOWN($C7984/24,0)+1,1))-1)+IF('Standard Profiles'!$G$21=$B$10,7,0)+IF('Standard Profiles'!$G$21=$B$17,14,0)+IF('Standard Profiles'!$G$21=$B$24,21,0),0)),0)</f>
        <v>0</v>
      </c>
      <c r="H7984" cm="1">
        <f t="array" ref="H7984">IFERROR(INDEX(Jesper!AL$2:AL$366,ROUNDDOWN($C7984/24,0)+1,1)*INDEX($D$3:$AA$30,INDEX(Jesper!$R$2:$R$366,ROW(INDEX(Jesper!AL$2:AL$366,ROUNDDOWN($C7984/24,0)+1,1))-1)+IF('Standard Profiles'!$G$22=$B$10,7,0)+IF('Standard Profiles'!$G$22=$B$17,14,0)+IF('Standard Profiles'!$G$22=$B$24,21,0),MOD($C7984,24)+1)/SUM(INDEX($D$3:$AA$30,INDEX(Jesper!$R$2:$R$366,ROW(INDEX(Jesper!AL$2:AL$366,ROUNDDOWN($C7984/24,0)+1,1))-1)+IF('Standard Profiles'!$G$22=$B$10,7,0)+IF('Standard Profiles'!$G$22=$B$17,14,0)+IF('Standard Profiles'!$G$22=$B$24,21,0),0)),0)</f>
        <v>0</v>
      </c>
      <c r="I7984">
        <f t="shared" si="888"/>
        <v>0.39103953410748699</v>
      </c>
      <c r="J7984">
        <f t="shared" si="889"/>
        <v>1.3034651136916233</v>
      </c>
      <c r="K7984">
        <f t="shared" si="890"/>
        <v>1.955197670537435</v>
      </c>
      <c r="L7984">
        <f t="shared" si="891"/>
        <v>9.3849488185796872</v>
      </c>
      <c r="M7984">
        <f t="shared" si="892"/>
        <v>0</v>
      </c>
      <c r="N7984" s="46">
        <f t="shared" si="893"/>
        <v>45623.249999980719</v>
      </c>
    </row>
    <row r="7985" spans="2:14" x14ac:dyDescent="0.3">
      <c r="B7985">
        <f t="shared" si="887"/>
        <v>3</v>
      </c>
      <c r="C7985" s="16">
        <v>7951</v>
      </c>
      <c r="D7985" cm="1">
        <f t="array" ref="D7985">IFERROR(INDEX(Jesper!AH$2:AH$366,ROUNDDOWN($C7985/24,0)+1,1)*INDEX($D$3:$AA$30,INDEX(Jesper!$R$2:$R$366,ROW(INDEX(Jesper!AH$2:AH$366,ROUNDDOWN($C7985/24,0)+1,1))-1)+IF('Standard Profiles'!$G$18=$B$10,7,0)+IF('Standard Profiles'!$G$18=$B$17,14,0)+IF('Standard Profiles'!$G$18=$B$24,21,0),MOD($C7985,24)+1)/SUM(INDEX($D$3:$AA$30,INDEX(Jesper!$R$2:$R$366,ROW(INDEX(Jesper!AH$2:AH$366,ROUNDDOWN($C7985/24,0)+1,1))-1)+IF('Standard Profiles'!$G$18=$B$10,7,0)+IF('Standard Profiles'!$G$18=$B$17,14,0)+IF('Standard Profiles'!$G$18=$B$24,21,0),0)),0)</f>
        <v>13.034651136916233</v>
      </c>
      <c r="E7985" cm="1">
        <f t="array" ref="E7985">IFERROR(INDEX(Jesper!AI$2:AI$366,ROUNDDOWN($C7985/24,0)+1,1)*INDEX($D$3:$AA$30,INDEX(Jesper!$R$2:$R$366,ROW(INDEX(Jesper!AI$2:AI$366,ROUNDDOWN($C7985/24,0)+1,1))-1)+IF('Standard Profiles'!$G$19=$B$10,7,0)+IF('Standard Profiles'!$G$19=$B$17,14,0)+IF('Standard Profiles'!$G$19=$B$24,21,0),MOD($C7985,24)+1)/SUM(INDEX($D$3:$AA$30,INDEX(Jesper!$R$2:$R$366,ROW(INDEX(Jesper!AI$2:AI$366,ROUNDDOWN($C7985/24,0)+1,1))-1)+IF('Standard Profiles'!$G$19=$B$10,7,0)+IF('Standard Profiles'!$G$19=$B$17,14,0)+IF('Standard Profiles'!$G$19=$B$24,21,0),0)),0)</f>
        <v>0</v>
      </c>
      <c r="F7985" cm="1">
        <f t="array" ref="F7985">IFERROR(INDEX(Jesper!AJ$2:AJ$366,ROUNDDOWN($C7985/24,0)+1,1)*INDEX($D$3:$AA$30,INDEX(Jesper!$R$2:$R$366,ROW(INDEX(Jesper!AJ$2:AJ$366,ROUNDDOWN($C7985/24,0)+1,1))-1)+IF('Standard Profiles'!$G$20=$B$10,7,0)+IF('Standard Profiles'!$G$20=$B$17,14,0)+IF('Standard Profiles'!$G$20=$B$24,21,0),MOD($C7985,24)+1)/SUM(INDEX($D$3:$AA$30,INDEX(Jesper!$R$2:$R$366,ROW(INDEX(Jesper!AJ$2:AJ$366,ROUNDDOWN($C7985/24,0)+1,1))-1)+IF('Standard Profiles'!$G$20=$B$10,7,0)+IF('Standard Profiles'!$G$20=$B$17,14,0)+IF('Standard Profiles'!$G$20=$B$24,21,0),0)),0)</f>
        <v>0</v>
      </c>
      <c r="G7985" cm="1">
        <f t="array" ref="G7985">IFERROR(INDEX(Jesper!AK$2:AK$366,ROUNDDOWN($C7985/24,0)+1,1)*INDEX($D$3:$AA$30,INDEX(Jesper!$R$2:$R$366,ROW(INDEX(Jesper!AK$2:AK$366,ROUNDDOWN($C7985/24,0)+1,1))-1)+IF('Standard Profiles'!$G$21=$B$10,7,0)+IF('Standard Profiles'!$G$21=$B$17,14,0)+IF('Standard Profiles'!$G$21=$B$24,21,0),MOD($C7985,24)+1)/SUM(INDEX($D$3:$AA$30,INDEX(Jesper!$R$2:$R$366,ROW(INDEX(Jesper!AK$2:AK$366,ROUNDDOWN($C7985/24,0)+1,1))-1)+IF('Standard Profiles'!$G$21=$B$10,7,0)+IF('Standard Profiles'!$G$21=$B$17,14,0)+IF('Standard Profiles'!$G$21=$B$24,21,0),0)),0)</f>
        <v>0</v>
      </c>
      <c r="H7985" cm="1">
        <f t="array" ref="H7985">IFERROR(INDEX(Jesper!AL$2:AL$366,ROUNDDOWN($C7985/24,0)+1,1)*INDEX($D$3:$AA$30,INDEX(Jesper!$R$2:$R$366,ROW(INDEX(Jesper!AL$2:AL$366,ROUNDDOWN($C7985/24,0)+1,1))-1)+IF('Standard Profiles'!$G$22=$B$10,7,0)+IF('Standard Profiles'!$G$22=$B$17,14,0)+IF('Standard Profiles'!$G$22=$B$24,21,0),MOD($C7985,24)+1)/SUM(INDEX($D$3:$AA$30,INDEX(Jesper!$R$2:$R$366,ROW(INDEX(Jesper!AL$2:AL$366,ROUNDDOWN($C7985/24,0)+1,1))-1)+IF('Standard Profiles'!$G$22=$B$10,7,0)+IF('Standard Profiles'!$G$22=$B$17,14,0)+IF('Standard Profiles'!$G$22=$B$24,21,0),0)),0)</f>
        <v>0</v>
      </c>
      <c r="I7985">
        <f t="shared" si="888"/>
        <v>0.39103953410748699</v>
      </c>
      <c r="J7985">
        <f t="shared" si="889"/>
        <v>1.3034651136916233</v>
      </c>
      <c r="K7985">
        <f t="shared" si="890"/>
        <v>1.955197670537435</v>
      </c>
      <c r="L7985">
        <f t="shared" si="891"/>
        <v>9.3849488185796872</v>
      </c>
      <c r="M7985">
        <f t="shared" si="892"/>
        <v>0</v>
      </c>
      <c r="N7985" s="46">
        <f t="shared" si="893"/>
        <v>45623.291666647383</v>
      </c>
    </row>
    <row r="7986" spans="2:14" x14ac:dyDescent="0.3">
      <c r="B7986">
        <f t="shared" si="887"/>
        <v>3</v>
      </c>
      <c r="C7986" s="16">
        <v>7952</v>
      </c>
      <c r="D7986" cm="1">
        <f t="array" ref="D7986">IFERROR(INDEX(Jesper!AH$2:AH$366,ROUNDDOWN($C7986/24,0)+1,1)*INDEX($D$3:$AA$30,INDEX(Jesper!$R$2:$R$366,ROW(INDEX(Jesper!AH$2:AH$366,ROUNDDOWN($C7986/24,0)+1,1))-1)+IF('Standard Profiles'!$G$18=$B$10,7,0)+IF('Standard Profiles'!$G$18=$B$17,14,0)+IF('Standard Profiles'!$G$18=$B$24,21,0),MOD($C7986,24)+1)/SUM(INDEX($D$3:$AA$30,INDEX(Jesper!$R$2:$R$366,ROW(INDEX(Jesper!AH$2:AH$366,ROUNDDOWN($C7986/24,0)+1,1))-1)+IF('Standard Profiles'!$G$18=$B$10,7,0)+IF('Standard Profiles'!$G$18=$B$17,14,0)+IF('Standard Profiles'!$G$18=$B$24,21,0),0)),0)</f>
        <v>13.034651136916233</v>
      </c>
      <c r="E7986" cm="1">
        <f t="array" ref="E7986">IFERROR(INDEX(Jesper!AI$2:AI$366,ROUNDDOWN($C7986/24,0)+1,1)*INDEX($D$3:$AA$30,INDEX(Jesper!$R$2:$R$366,ROW(INDEX(Jesper!AI$2:AI$366,ROUNDDOWN($C7986/24,0)+1,1))-1)+IF('Standard Profiles'!$G$19=$B$10,7,0)+IF('Standard Profiles'!$G$19=$B$17,14,0)+IF('Standard Profiles'!$G$19=$B$24,21,0),MOD($C7986,24)+1)/SUM(INDEX($D$3:$AA$30,INDEX(Jesper!$R$2:$R$366,ROW(INDEX(Jesper!AI$2:AI$366,ROUNDDOWN($C7986/24,0)+1,1))-1)+IF('Standard Profiles'!$G$19=$B$10,7,0)+IF('Standard Profiles'!$G$19=$B$17,14,0)+IF('Standard Profiles'!$G$19=$B$24,21,0),0)),0)</f>
        <v>0</v>
      </c>
      <c r="F7986" cm="1">
        <f t="array" ref="F7986">IFERROR(INDEX(Jesper!AJ$2:AJ$366,ROUNDDOWN($C7986/24,0)+1,1)*INDEX($D$3:$AA$30,INDEX(Jesper!$R$2:$R$366,ROW(INDEX(Jesper!AJ$2:AJ$366,ROUNDDOWN($C7986/24,0)+1,1))-1)+IF('Standard Profiles'!$G$20=$B$10,7,0)+IF('Standard Profiles'!$G$20=$B$17,14,0)+IF('Standard Profiles'!$G$20=$B$24,21,0),MOD($C7986,24)+1)/SUM(INDEX($D$3:$AA$30,INDEX(Jesper!$R$2:$R$366,ROW(INDEX(Jesper!AJ$2:AJ$366,ROUNDDOWN($C7986/24,0)+1,1))-1)+IF('Standard Profiles'!$G$20=$B$10,7,0)+IF('Standard Profiles'!$G$20=$B$17,14,0)+IF('Standard Profiles'!$G$20=$B$24,21,0),0)),0)</f>
        <v>0</v>
      </c>
      <c r="G7986" cm="1">
        <f t="array" ref="G7986">IFERROR(INDEX(Jesper!AK$2:AK$366,ROUNDDOWN($C7986/24,0)+1,1)*INDEX($D$3:$AA$30,INDEX(Jesper!$R$2:$R$366,ROW(INDEX(Jesper!AK$2:AK$366,ROUNDDOWN($C7986/24,0)+1,1))-1)+IF('Standard Profiles'!$G$21=$B$10,7,0)+IF('Standard Profiles'!$G$21=$B$17,14,0)+IF('Standard Profiles'!$G$21=$B$24,21,0),MOD($C7986,24)+1)/SUM(INDEX($D$3:$AA$30,INDEX(Jesper!$R$2:$R$366,ROW(INDEX(Jesper!AK$2:AK$366,ROUNDDOWN($C7986/24,0)+1,1))-1)+IF('Standard Profiles'!$G$21=$B$10,7,0)+IF('Standard Profiles'!$G$21=$B$17,14,0)+IF('Standard Profiles'!$G$21=$B$24,21,0),0)),0)</f>
        <v>0</v>
      </c>
      <c r="H7986" cm="1">
        <f t="array" ref="H7986">IFERROR(INDEX(Jesper!AL$2:AL$366,ROUNDDOWN($C7986/24,0)+1,1)*INDEX($D$3:$AA$30,INDEX(Jesper!$R$2:$R$366,ROW(INDEX(Jesper!AL$2:AL$366,ROUNDDOWN($C7986/24,0)+1,1))-1)+IF('Standard Profiles'!$G$22=$B$10,7,0)+IF('Standard Profiles'!$G$22=$B$17,14,0)+IF('Standard Profiles'!$G$22=$B$24,21,0),MOD($C7986,24)+1)/SUM(INDEX($D$3:$AA$30,INDEX(Jesper!$R$2:$R$366,ROW(INDEX(Jesper!AL$2:AL$366,ROUNDDOWN($C7986/24,0)+1,1))-1)+IF('Standard Profiles'!$G$22=$B$10,7,0)+IF('Standard Profiles'!$G$22=$B$17,14,0)+IF('Standard Profiles'!$G$22=$B$24,21,0),0)),0)</f>
        <v>0</v>
      </c>
      <c r="I7986">
        <f t="shared" si="888"/>
        <v>0.39103953410748699</v>
      </c>
      <c r="J7986">
        <f t="shared" si="889"/>
        <v>1.3034651136916233</v>
      </c>
      <c r="K7986">
        <f t="shared" si="890"/>
        <v>1.955197670537435</v>
      </c>
      <c r="L7986">
        <f t="shared" si="891"/>
        <v>9.3849488185796872</v>
      </c>
      <c r="M7986">
        <f t="shared" si="892"/>
        <v>0</v>
      </c>
      <c r="N7986" s="46">
        <f t="shared" si="893"/>
        <v>45623.333333314047</v>
      </c>
    </row>
    <row r="7987" spans="2:14" x14ac:dyDescent="0.3">
      <c r="B7987">
        <f t="shared" si="887"/>
        <v>3</v>
      </c>
      <c r="C7987" s="16">
        <v>7953</v>
      </c>
      <c r="D7987" cm="1">
        <f t="array" ref="D7987">IFERROR(INDEX(Jesper!AH$2:AH$366,ROUNDDOWN($C7987/24,0)+1,1)*INDEX($D$3:$AA$30,INDEX(Jesper!$R$2:$R$366,ROW(INDEX(Jesper!AH$2:AH$366,ROUNDDOWN($C7987/24,0)+1,1))-1)+IF('Standard Profiles'!$G$18=$B$10,7,0)+IF('Standard Profiles'!$G$18=$B$17,14,0)+IF('Standard Profiles'!$G$18=$B$24,21,0),MOD($C7987,24)+1)/SUM(INDEX($D$3:$AA$30,INDEX(Jesper!$R$2:$R$366,ROW(INDEX(Jesper!AH$2:AH$366,ROUNDDOWN($C7987/24,0)+1,1))-1)+IF('Standard Profiles'!$G$18=$B$10,7,0)+IF('Standard Profiles'!$G$18=$B$17,14,0)+IF('Standard Profiles'!$G$18=$B$24,21,0),0)),0)</f>
        <v>14.007386296387594</v>
      </c>
      <c r="E7987" cm="1">
        <f t="array" ref="E7987">IFERROR(INDEX(Jesper!AI$2:AI$366,ROUNDDOWN($C7987/24,0)+1,1)*INDEX($D$3:$AA$30,INDEX(Jesper!$R$2:$R$366,ROW(INDEX(Jesper!AI$2:AI$366,ROUNDDOWN($C7987/24,0)+1,1))-1)+IF('Standard Profiles'!$G$19=$B$10,7,0)+IF('Standard Profiles'!$G$19=$B$17,14,0)+IF('Standard Profiles'!$G$19=$B$24,21,0),MOD($C7987,24)+1)/SUM(INDEX($D$3:$AA$30,INDEX(Jesper!$R$2:$R$366,ROW(INDEX(Jesper!AI$2:AI$366,ROUNDDOWN($C7987/24,0)+1,1))-1)+IF('Standard Profiles'!$G$19=$B$10,7,0)+IF('Standard Profiles'!$G$19=$B$17,14,0)+IF('Standard Profiles'!$G$19=$B$24,21,0),0)),0)</f>
        <v>0</v>
      </c>
      <c r="F7987" cm="1">
        <f t="array" ref="F7987">IFERROR(INDEX(Jesper!AJ$2:AJ$366,ROUNDDOWN($C7987/24,0)+1,1)*INDEX($D$3:$AA$30,INDEX(Jesper!$R$2:$R$366,ROW(INDEX(Jesper!AJ$2:AJ$366,ROUNDDOWN($C7987/24,0)+1,1))-1)+IF('Standard Profiles'!$G$20=$B$10,7,0)+IF('Standard Profiles'!$G$20=$B$17,14,0)+IF('Standard Profiles'!$G$20=$B$24,21,0),MOD($C7987,24)+1)/SUM(INDEX($D$3:$AA$30,INDEX(Jesper!$R$2:$R$366,ROW(INDEX(Jesper!AJ$2:AJ$366,ROUNDDOWN($C7987/24,0)+1,1))-1)+IF('Standard Profiles'!$G$20=$B$10,7,0)+IF('Standard Profiles'!$G$20=$B$17,14,0)+IF('Standard Profiles'!$G$20=$B$24,21,0),0)),0)</f>
        <v>0</v>
      </c>
      <c r="G7987" cm="1">
        <f t="array" ref="G7987">IFERROR(INDEX(Jesper!AK$2:AK$366,ROUNDDOWN($C7987/24,0)+1,1)*INDEX($D$3:$AA$30,INDEX(Jesper!$R$2:$R$366,ROW(INDEX(Jesper!AK$2:AK$366,ROUNDDOWN($C7987/24,0)+1,1))-1)+IF('Standard Profiles'!$G$21=$B$10,7,0)+IF('Standard Profiles'!$G$21=$B$17,14,0)+IF('Standard Profiles'!$G$21=$B$24,21,0),MOD($C7987,24)+1)/SUM(INDEX($D$3:$AA$30,INDEX(Jesper!$R$2:$R$366,ROW(INDEX(Jesper!AK$2:AK$366,ROUNDDOWN($C7987/24,0)+1,1))-1)+IF('Standard Profiles'!$G$21=$B$10,7,0)+IF('Standard Profiles'!$G$21=$B$17,14,0)+IF('Standard Profiles'!$G$21=$B$24,21,0),0)),0)</f>
        <v>0</v>
      </c>
      <c r="H7987" cm="1">
        <f t="array" ref="H7987">IFERROR(INDEX(Jesper!AL$2:AL$366,ROUNDDOWN($C7987/24,0)+1,1)*INDEX($D$3:$AA$30,INDEX(Jesper!$R$2:$R$366,ROW(INDEX(Jesper!AL$2:AL$366,ROUNDDOWN($C7987/24,0)+1,1))-1)+IF('Standard Profiles'!$G$22=$B$10,7,0)+IF('Standard Profiles'!$G$22=$B$17,14,0)+IF('Standard Profiles'!$G$22=$B$24,21,0),MOD($C7987,24)+1)/SUM(INDEX($D$3:$AA$30,INDEX(Jesper!$R$2:$R$366,ROW(INDEX(Jesper!AL$2:AL$366,ROUNDDOWN($C7987/24,0)+1,1))-1)+IF('Standard Profiles'!$G$22=$B$10,7,0)+IF('Standard Profiles'!$G$22=$B$17,14,0)+IF('Standard Profiles'!$G$22=$B$24,21,0),0)),0)</f>
        <v>0</v>
      </c>
      <c r="I7987">
        <f t="shared" si="888"/>
        <v>0.42022158889162781</v>
      </c>
      <c r="J7987">
        <f t="shared" si="889"/>
        <v>1.4007386296387594</v>
      </c>
      <c r="K7987">
        <f t="shared" si="890"/>
        <v>2.1011079444581391</v>
      </c>
      <c r="L7987">
        <f t="shared" si="891"/>
        <v>10.085318133399067</v>
      </c>
      <c r="M7987">
        <f t="shared" si="892"/>
        <v>0</v>
      </c>
      <c r="N7987" s="46">
        <f t="shared" si="893"/>
        <v>45623.374999980711</v>
      </c>
    </row>
    <row r="7988" spans="2:14" x14ac:dyDescent="0.3">
      <c r="B7988">
        <f t="shared" si="887"/>
        <v>3</v>
      </c>
      <c r="C7988" s="16">
        <v>7954</v>
      </c>
      <c r="D7988" cm="1">
        <f t="array" ref="D7988">IFERROR(INDEX(Jesper!AH$2:AH$366,ROUNDDOWN($C7988/24,0)+1,1)*INDEX($D$3:$AA$30,INDEX(Jesper!$R$2:$R$366,ROW(INDEX(Jesper!AH$2:AH$366,ROUNDDOWN($C7988/24,0)+1,1))-1)+IF('Standard Profiles'!$G$18=$B$10,7,0)+IF('Standard Profiles'!$G$18=$B$17,14,0)+IF('Standard Profiles'!$G$18=$B$24,21,0),MOD($C7988,24)+1)/SUM(INDEX($D$3:$AA$30,INDEX(Jesper!$R$2:$R$366,ROW(INDEX(Jesper!AH$2:AH$366,ROUNDDOWN($C7988/24,0)+1,1))-1)+IF('Standard Profiles'!$G$18=$B$10,7,0)+IF('Standard Profiles'!$G$18=$B$17,14,0)+IF('Standard Profiles'!$G$18=$B$24,21,0),0)),0)</f>
        <v>15.174668487753227</v>
      </c>
      <c r="E7988" cm="1">
        <f t="array" ref="E7988">IFERROR(INDEX(Jesper!AI$2:AI$366,ROUNDDOWN($C7988/24,0)+1,1)*INDEX($D$3:$AA$30,INDEX(Jesper!$R$2:$R$366,ROW(INDEX(Jesper!AI$2:AI$366,ROUNDDOWN($C7988/24,0)+1,1))-1)+IF('Standard Profiles'!$G$19=$B$10,7,0)+IF('Standard Profiles'!$G$19=$B$17,14,0)+IF('Standard Profiles'!$G$19=$B$24,21,0),MOD($C7988,24)+1)/SUM(INDEX($D$3:$AA$30,INDEX(Jesper!$R$2:$R$366,ROW(INDEX(Jesper!AI$2:AI$366,ROUNDDOWN($C7988/24,0)+1,1))-1)+IF('Standard Profiles'!$G$19=$B$10,7,0)+IF('Standard Profiles'!$G$19=$B$17,14,0)+IF('Standard Profiles'!$G$19=$B$24,21,0),0)),0)</f>
        <v>0</v>
      </c>
      <c r="F7988" cm="1">
        <f t="array" ref="F7988">IFERROR(INDEX(Jesper!AJ$2:AJ$366,ROUNDDOWN($C7988/24,0)+1,1)*INDEX($D$3:$AA$30,INDEX(Jesper!$R$2:$R$366,ROW(INDEX(Jesper!AJ$2:AJ$366,ROUNDDOWN($C7988/24,0)+1,1))-1)+IF('Standard Profiles'!$G$20=$B$10,7,0)+IF('Standard Profiles'!$G$20=$B$17,14,0)+IF('Standard Profiles'!$G$20=$B$24,21,0),MOD($C7988,24)+1)/SUM(INDEX($D$3:$AA$30,INDEX(Jesper!$R$2:$R$366,ROW(INDEX(Jesper!AJ$2:AJ$366,ROUNDDOWN($C7988/24,0)+1,1))-1)+IF('Standard Profiles'!$G$20=$B$10,7,0)+IF('Standard Profiles'!$G$20=$B$17,14,0)+IF('Standard Profiles'!$G$20=$B$24,21,0),0)),0)</f>
        <v>0</v>
      </c>
      <c r="G7988" cm="1">
        <f t="array" ref="G7988">IFERROR(INDEX(Jesper!AK$2:AK$366,ROUNDDOWN($C7988/24,0)+1,1)*INDEX($D$3:$AA$30,INDEX(Jesper!$R$2:$R$366,ROW(INDEX(Jesper!AK$2:AK$366,ROUNDDOWN($C7988/24,0)+1,1))-1)+IF('Standard Profiles'!$G$21=$B$10,7,0)+IF('Standard Profiles'!$G$21=$B$17,14,0)+IF('Standard Profiles'!$G$21=$B$24,21,0),MOD($C7988,24)+1)/SUM(INDEX($D$3:$AA$30,INDEX(Jesper!$R$2:$R$366,ROW(INDEX(Jesper!AK$2:AK$366,ROUNDDOWN($C7988/24,0)+1,1))-1)+IF('Standard Profiles'!$G$21=$B$10,7,0)+IF('Standard Profiles'!$G$21=$B$17,14,0)+IF('Standard Profiles'!$G$21=$B$24,21,0),0)),0)</f>
        <v>0</v>
      </c>
      <c r="H7988" cm="1">
        <f t="array" ref="H7988">IFERROR(INDEX(Jesper!AL$2:AL$366,ROUNDDOWN($C7988/24,0)+1,1)*INDEX($D$3:$AA$30,INDEX(Jesper!$R$2:$R$366,ROW(INDEX(Jesper!AL$2:AL$366,ROUNDDOWN($C7988/24,0)+1,1))-1)+IF('Standard Profiles'!$G$22=$B$10,7,0)+IF('Standard Profiles'!$G$22=$B$17,14,0)+IF('Standard Profiles'!$G$22=$B$24,21,0),MOD($C7988,24)+1)/SUM(INDEX($D$3:$AA$30,INDEX(Jesper!$R$2:$R$366,ROW(INDEX(Jesper!AL$2:AL$366,ROUNDDOWN($C7988/24,0)+1,1))-1)+IF('Standard Profiles'!$G$22=$B$10,7,0)+IF('Standard Profiles'!$G$22=$B$17,14,0)+IF('Standard Profiles'!$G$22=$B$24,21,0),0)),0)</f>
        <v>0</v>
      </c>
      <c r="I7988">
        <f t="shared" si="888"/>
        <v>0.45524005463259676</v>
      </c>
      <c r="J7988">
        <f t="shared" si="889"/>
        <v>1.5174668487753227</v>
      </c>
      <c r="K7988">
        <f t="shared" si="890"/>
        <v>2.276200273162984</v>
      </c>
      <c r="L7988">
        <f t="shared" si="891"/>
        <v>10.925761311182322</v>
      </c>
      <c r="M7988">
        <f t="shared" si="892"/>
        <v>0</v>
      </c>
      <c r="N7988" s="46">
        <f t="shared" si="893"/>
        <v>45623.416666647376</v>
      </c>
    </row>
    <row r="7989" spans="2:14" x14ac:dyDescent="0.3">
      <c r="B7989">
        <f t="shared" si="887"/>
        <v>3</v>
      </c>
      <c r="C7989" s="16">
        <v>7955</v>
      </c>
      <c r="D7989" cm="1">
        <f t="array" ref="D7989">IFERROR(INDEX(Jesper!AH$2:AH$366,ROUNDDOWN($C7989/24,0)+1,1)*INDEX($D$3:$AA$30,INDEX(Jesper!$R$2:$R$366,ROW(INDEX(Jesper!AH$2:AH$366,ROUNDDOWN($C7989/24,0)+1,1))-1)+IF('Standard Profiles'!$G$18=$B$10,7,0)+IF('Standard Profiles'!$G$18=$B$17,14,0)+IF('Standard Profiles'!$G$18=$B$24,21,0),MOD($C7989,24)+1)/SUM(INDEX($D$3:$AA$30,INDEX(Jesper!$R$2:$R$366,ROW(INDEX(Jesper!AH$2:AH$366,ROUNDDOWN($C7989/24,0)+1,1))-1)+IF('Standard Profiles'!$G$18=$B$10,7,0)+IF('Standard Profiles'!$G$18=$B$17,14,0)+IF('Standard Profiles'!$G$18=$B$24,21,0),0)),0)</f>
        <v>17.509232870484489</v>
      </c>
      <c r="E7989" cm="1">
        <f t="array" ref="E7989">IFERROR(INDEX(Jesper!AI$2:AI$366,ROUNDDOWN($C7989/24,0)+1,1)*INDEX($D$3:$AA$30,INDEX(Jesper!$R$2:$R$366,ROW(INDEX(Jesper!AI$2:AI$366,ROUNDDOWN($C7989/24,0)+1,1))-1)+IF('Standard Profiles'!$G$19=$B$10,7,0)+IF('Standard Profiles'!$G$19=$B$17,14,0)+IF('Standard Profiles'!$G$19=$B$24,21,0),MOD($C7989,24)+1)/SUM(INDEX($D$3:$AA$30,INDEX(Jesper!$R$2:$R$366,ROW(INDEX(Jesper!AI$2:AI$366,ROUNDDOWN($C7989/24,0)+1,1))-1)+IF('Standard Profiles'!$G$19=$B$10,7,0)+IF('Standard Profiles'!$G$19=$B$17,14,0)+IF('Standard Profiles'!$G$19=$B$24,21,0),0)),0)</f>
        <v>0</v>
      </c>
      <c r="F7989" cm="1">
        <f t="array" ref="F7989">IFERROR(INDEX(Jesper!AJ$2:AJ$366,ROUNDDOWN($C7989/24,0)+1,1)*INDEX($D$3:$AA$30,INDEX(Jesper!$R$2:$R$366,ROW(INDEX(Jesper!AJ$2:AJ$366,ROUNDDOWN($C7989/24,0)+1,1))-1)+IF('Standard Profiles'!$G$20=$B$10,7,0)+IF('Standard Profiles'!$G$20=$B$17,14,0)+IF('Standard Profiles'!$G$20=$B$24,21,0),MOD($C7989,24)+1)/SUM(INDEX($D$3:$AA$30,INDEX(Jesper!$R$2:$R$366,ROW(INDEX(Jesper!AJ$2:AJ$366,ROUNDDOWN($C7989/24,0)+1,1))-1)+IF('Standard Profiles'!$G$20=$B$10,7,0)+IF('Standard Profiles'!$G$20=$B$17,14,0)+IF('Standard Profiles'!$G$20=$B$24,21,0),0)),0)</f>
        <v>0</v>
      </c>
      <c r="G7989" cm="1">
        <f t="array" ref="G7989">IFERROR(INDEX(Jesper!AK$2:AK$366,ROUNDDOWN($C7989/24,0)+1,1)*INDEX($D$3:$AA$30,INDEX(Jesper!$R$2:$R$366,ROW(INDEX(Jesper!AK$2:AK$366,ROUNDDOWN($C7989/24,0)+1,1))-1)+IF('Standard Profiles'!$G$21=$B$10,7,0)+IF('Standard Profiles'!$G$21=$B$17,14,0)+IF('Standard Profiles'!$G$21=$B$24,21,0),MOD($C7989,24)+1)/SUM(INDEX($D$3:$AA$30,INDEX(Jesper!$R$2:$R$366,ROW(INDEX(Jesper!AK$2:AK$366,ROUNDDOWN($C7989/24,0)+1,1))-1)+IF('Standard Profiles'!$G$21=$B$10,7,0)+IF('Standard Profiles'!$G$21=$B$17,14,0)+IF('Standard Profiles'!$G$21=$B$24,21,0),0)),0)</f>
        <v>0</v>
      </c>
      <c r="H7989" cm="1">
        <f t="array" ref="H7989">IFERROR(INDEX(Jesper!AL$2:AL$366,ROUNDDOWN($C7989/24,0)+1,1)*INDEX($D$3:$AA$30,INDEX(Jesper!$R$2:$R$366,ROW(INDEX(Jesper!AL$2:AL$366,ROUNDDOWN($C7989/24,0)+1,1))-1)+IF('Standard Profiles'!$G$22=$B$10,7,0)+IF('Standard Profiles'!$G$22=$B$17,14,0)+IF('Standard Profiles'!$G$22=$B$24,21,0),MOD($C7989,24)+1)/SUM(INDEX($D$3:$AA$30,INDEX(Jesper!$R$2:$R$366,ROW(INDEX(Jesper!AL$2:AL$366,ROUNDDOWN($C7989/24,0)+1,1))-1)+IF('Standard Profiles'!$G$22=$B$10,7,0)+IF('Standard Profiles'!$G$22=$B$17,14,0)+IF('Standard Profiles'!$G$22=$B$24,21,0),0)),0)</f>
        <v>0</v>
      </c>
      <c r="I7989">
        <f t="shared" si="888"/>
        <v>0.52527698611453466</v>
      </c>
      <c r="J7989">
        <f t="shared" si="889"/>
        <v>1.750923287048449</v>
      </c>
      <c r="K7989">
        <f t="shared" si="890"/>
        <v>2.6263849305726734</v>
      </c>
      <c r="L7989">
        <f t="shared" si="891"/>
        <v>12.606647666748831</v>
      </c>
      <c r="M7989">
        <f t="shared" si="892"/>
        <v>0</v>
      </c>
      <c r="N7989" s="46">
        <f t="shared" si="893"/>
        <v>45623.45833331404</v>
      </c>
    </row>
    <row r="7990" spans="2:14" x14ac:dyDescent="0.3">
      <c r="B7990">
        <f t="shared" si="887"/>
        <v>3</v>
      </c>
      <c r="C7990" s="16">
        <v>7956</v>
      </c>
      <c r="D7990" cm="1">
        <f t="array" ref="D7990">IFERROR(INDEX(Jesper!AH$2:AH$366,ROUNDDOWN($C7990/24,0)+1,1)*INDEX($D$3:$AA$30,INDEX(Jesper!$R$2:$R$366,ROW(INDEX(Jesper!AH$2:AH$366,ROUNDDOWN($C7990/24,0)+1,1))-1)+IF('Standard Profiles'!$G$18=$B$10,7,0)+IF('Standard Profiles'!$G$18=$B$17,14,0)+IF('Standard Profiles'!$G$18=$B$24,21,0),MOD($C7990,24)+1)/SUM(INDEX($D$3:$AA$30,INDEX(Jesper!$R$2:$R$366,ROW(INDEX(Jesper!AH$2:AH$366,ROUNDDOWN($C7990/24,0)+1,1))-1)+IF('Standard Profiles'!$G$18=$B$10,7,0)+IF('Standard Profiles'!$G$18=$B$17,14,0)+IF('Standard Profiles'!$G$18=$B$24,21,0),0)),0)</f>
        <v>17.509232870484489</v>
      </c>
      <c r="E7990" cm="1">
        <f t="array" ref="E7990">IFERROR(INDEX(Jesper!AI$2:AI$366,ROUNDDOWN($C7990/24,0)+1,1)*INDEX($D$3:$AA$30,INDEX(Jesper!$R$2:$R$366,ROW(INDEX(Jesper!AI$2:AI$366,ROUNDDOWN($C7990/24,0)+1,1))-1)+IF('Standard Profiles'!$G$19=$B$10,7,0)+IF('Standard Profiles'!$G$19=$B$17,14,0)+IF('Standard Profiles'!$G$19=$B$24,21,0),MOD($C7990,24)+1)/SUM(INDEX($D$3:$AA$30,INDEX(Jesper!$R$2:$R$366,ROW(INDEX(Jesper!AI$2:AI$366,ROUNDDOWN($C7990/24,0)+1,1))-1)+IF('Standard Profiles'!$G$19=$B$10,7,0)+IF('Standard Profiles'!$G$19=$B$17,14,0)+IF('Standard Profiles'!$G$19=$B$24,21,0),0)),0)</f>
        <v>0</v>
      </c>
      <c r="F7990" cm="1">
        <f t="array" ref="F7990">IFERROR(INDEX(Jesper!AJ$2:AJ$366,ROUNDDOWN($C7990/24,0)+1,1)*INDEX($D$3:$AA$30,INDEX(Jesper!$R$2:$R$366,ROW(INDEX(Jesper!AJ$2:AJ$366,ROUNDDOWN($C7990/24,0)+1,1))-1)+IF('Standard Profiles'!$G$20=$B$10,7,0)+IF('Standard Profiles'!$G$20=$B$17,14,0)+IF('Standard Profiles'!$G$20=$B$24,21,0),MOD($C7990,24)+1)/SUM(INDEX($D$3:$AA$30,INDEX(Jesper!$R$2:$R$366,ROW(INDEX(Jesper!AJ$2:AJ$366,ROUNDDOWN($C7990/24,0)+1,1))-1)+IF('Standard Profiles'!$G$20=$B$10,7,0)+IF('Standard Profiles'!$G$20=$B$17,14,0)+IF('Standard Profiles'!$G$20=$B$24,21,0),0)),0)</f>
        <v>0</v>
      </c>
      <c r="G7990" cm="1">
        <f t="array" ref="G7990">IFERROR(INDEX(Jesper!AK$2:AK$366,ROUNDDOWN($C7990/24,0)+1,1)*INDEX($D$3:$AA$30,INDEX(Jesper!$R$2:$R$366,ROW(INDEX(Jesper!AK$2:AK$366,ROUNDDOWN($C7990/24,0)+1,1))-1)+IF('Standard Profiles'!$G$21=$B$10,7,0)+IF('Standard Profiles'!$G$21=$B$17,14,0)+IF('Standard Profiles'!$G$21=$B$24,21,0),MOD($C7990,24)+1)/SUM(INDEX($D$3:$AA$30,INDEX(Jesper!$R$2:$R$366,ROW(INDEX(Jesper!AK$2:AK$366,ROUNDDOWN($C7990/24,0)+1,1))-1)+IF('Standard Profiles'!$G$21=$B$10,7,0)+IF('Standard Profiles'!$G$21=$B$17,14,0)+IF('Standard Profiles'!$G$21=$B$24,21,0),0)),0)</f>
        <v>0</v>
      </c>
      <c r="H7990" cm="1">
        <f t="array" ref="H7990">IFERROR(INDEX(Jesper!AL$2:AL$366,ROUNDDOWN($C7990/24,0)+1,1)*INDEX($D$3:$AA$30,INDEX(Jesper!$R$2:$R$366,ROW(INDEX(Jesper!AL$2:AL$366,ROUNDDOWN($C7990/24,0)+1,1))-1)+IF('Standard Profiles'!$G$22=$B$10,7,0)+IF('Standard Profiles'!$G$22=$B$17,14,0)+IF('Standard Profiles'!$G$22=$B$24,21,0),MOD($C7990,24)+1)/SUM(INDEX($D$3:$AA$30,INDEX(Jesper!$R$2:$R$366,ROW(INDEX(Jesper!AL$2:AL$366,ROUNDDOWN($C7990/24,0)+1,1))-1)+IF('Standard Profiles'!$G$22=$B$10,7,0)+IF('Standard Profiles'!$G$22=$B$17,14,0)+IF('Standard Profiles'!$G$22=$B$24,21,0),0)),0)</f>
        <v>0</v>
      </c>
      <c r="I7990">
        <f t="shared" si="888"/>
        <v>0.52527698611453466</v>
      </c>
      <c r="J7990">
        <f t="shared" si="889"/>
        <v>1.750923287048449</v>
      </c>
      <c r="K7990">
        <f t="shared" si="890"/>
        <v>2.6263849305726734</v>
      </c>
      <c r="L7990">
        <f t="shared" si="891"/>
        <v>12.606647666748831</v>
      </c>
      <c r="M7990">
        <f t="shared" si="892"/>
        <v>0</v>
      </c>
      <c r="N7990" s="46">
        <f t="shared" si="893"/>
        <v>45623.499999980704</v>
      </c>
    </row>
    <row r="7991" spans="2:14" x14ac:dyDescent="0.3">
      <c r="B7991">
        <f t="shared" si="887"/>
        <v>3</v>
      </c>
      <c r="C7991" s="16">
        <v>7957</v>
      </c>
      <c r="D7991" cm="1">
        <f t="array" ref="D7991">IFERROR(INDEX(Jesper!AH$2:AH$366,ROUNDDOWN($C7991/24,0)+1,1)*INDEX($D$3:$AA$30,INDEX(Jesper!$R$2:$R$366,ROW(INDEX(Jesper!AH$2:AH$366,ROUNDDOWN($C7991/24,0)+1,1))-1)+IF('Standard Profiles'!$G$18=$B$10,7,0)+IF('Standard Profiles'!$G$18=$B$17,14,0)+IF('Standard Profiles'!$G$18=$B$24,21,0),MOD($C7991,24)+1)/SUM(INDEX($D$3:$AA$30,INDEX(Jesper!$R$2:$R$366,ROW(INDEX(Jesper!AH$2:AH$366,ROUNDDOWN($C7991/24,0)+1,1))-1)+IF('Standard Profiles'!$G$18=$B$10,7,0)+IF('Standard Profiles'!$G$18=$B$17,14,0)+IF('Standard Profiles'!$G$18=$B$24,21,0),0)),0)</f>
        <v>17.509232870484489</v>
      </c>
      <c r="E7991" cm="1">
        <f t="array" ref="E7991">IFERROR(INDEX(Jesper!AI$2:AI$366,ROUNDDOWN($C7991/24,0)+1,1)*INDEX($D$3:$AA$30,INDEX(Jesper!$R$2:$R$366,ROW(INDEX(Jesper!AI$2:AI$366,ROUNDDOWN($C7991/24,0)+1,1))-1)+IF('Standard Profiles'!$G$19=$B$10,7,0)+IF('Standard Profiles'!$G$19=$B$17,14,0)+IF('Standard Profiles'!$G$19=$B$24,21,0),MOD($C7991,24)+1)/SUM(INDEX($D$3:$AA$30,INDEX(Jesper!$R$2:$R$366,ROW(INDEX(Jesper!AI$2:AI$366,ROUNDDOWN($C7991/24,0)+1,1))-1)+IF('Standard Profiles'!$G$19=$B$10,7,0)+IF('Standard Profiles'!$G$19=$B$17,14,0)+IF('Standard Profiles'!$G$19=$B$24,21,0),0)),0)</f>
        <v>0</v>
      </c>
      <c r="F7991" cm="1">
        <f t="array" ref="F7991">IFERROR(INDEX(Jesper!AJ$2:AJ$366,ROUNDDOWN($C7991/24,0)+1,1)*INDEX($D$3:$AA$30,INDEX(Jesper!$R$2:$R$366,ROW(INDEX(Jesper!AJ$2:AJ$366,ROUNDDOWN($C7991/24,0)+1,1))-1)+IF('Standard Profiles'!$G$20=$B$10,7,0)+IF('Standard Profiles'!$G$20=$B$17,14,0)+IF('Standard Profiles'!$G$20=$B$24,21,0),MOD($C7991,24)+1)/SUM(INDEX($D$3:$AA$30,INDEX(Jesper!$R$2:$R$366,ROW(INDEX(Jesper!AJ$2:AJ$366,ROUNDDOWN($C7991/24,0)+1,1))-1)+IF('Standard Profiles'!$G$20=$B$10,7,0)+IF('Standard Profiles'!$G$20=$B$17,14,0)+IF('Standard Profiles'!$G$20=$B$24,21,0),0)),0)</f>
        <v>0</v>
      </c>
      <c r="G7991" cm="1">
        <f t="array" ref="G7991">IFERROR(INDEX(Jesper!AK$2:AK$366,ROUNDDOWN($C7991/24,0)+1,1)*INDEX($D$3:$AA$30,INDEX(Jesper!$R$2:$R$366,ROW(INDEX(Jesper!AK$2:AK$366,ROUNDDOWN($C7991/24,0)+1,1))-1)+IF('Standard Profiles'!$G$21=$B$10,7,0)+IF('Standard Profiles'!$G$21=$B$17,14,0)+IF('Standard Profiles'!$G$21=$B$24,21,0),MOD($C7991,24)+1)/SUM(INDEX($D$3:$AA$30,INDEX(Jesper!$R$2:$R$366,ROW(INDEX(Jesper!AK$2:AK$366,ROUNDDOWN($C7991/24,0)+1,1))-1)+IF('Standard Profiles'!$G$21=$B$10,7,0)+IF('Standard Profiles'!$G$21=$B$17,14,0)+IF('Standard Profiles'!$G$21=$B$24,21,0),0)),0)</f>
        <v>0</v>
      </c>
      <c r="H7991" cm="1">
        <f t="array" ref="H7991">IFERROR(INDEX(Jesper!AL$2:AL$366,ROUNDDOWN($C7991/24,0)+1,1)*INDEX($D$3:$AA$30,INDEX(Jesper!$R$2:$R$366,ROW(INDEX(Jesper!AL$2:AL$366,ROUNDDOWN($C7991/24,0)+1,1))-1)+IF('Standard Profiles'!$G$22=$B$10,7,0)+IF('Standard Profiles'!$G$22=$B$17,14,0)+IF('Standard Profiles'!$G$22=$B$24,21,0),MOD($C7991,24)+1)/SUM(INDEX($D$3:$AA$30,INDEX(Jesper!$R$2:$R$366,ROW(INDEX(Jesper!AL$2:AL$366,ROUNDDOWN($C7991/24,0)+1,1))-1)+IF('Standard Profiles'!$G$22=$B$10,7,0)+IF('Standard Profiles'!$G$22=$B$17,14,0)+IF('Standard Profiles'!$G$22=$B$24,21,0),0)),0)</f>
        <v>0</v>
      </c>
      <c r="I7991">
        <f t="shared" si="888"/>
        <v>0.52527698611453466</v>
      </c>
      <c r="J7991">
        <f t="shared" si="889"/>
        <v>1.750923287048449</v>
      </c>
      <c r="K7991">
        <f t="shared" si="890"/>
        <v>2.6263849305726734</v>
      </c>
      <c r="L7991">
        <f t="shared" si="891"/>
        <v>12.606647666748831</v>
      </c>
      <c r="M7991">
        <f t="shared" si="892"/>
        <v>0</v>
      </c>
      <c r="N7991" s="46">
        <f t="shared" si="893"/>
        <v>45623.541666647368</v>
      </c>
    </row>
    <row r="7992" spans="2:14" x14ac:dyDescent="0.3">
      <c r="B7992">
        <f t="shared" si="887"/>
        <v>3</v>
      </c>
      <c r="C7992" s="16">
        <v>7958</v>
      </c>
      <c r="D7992" cm="1">
        <f t="array" ref="D7992">IFERROR(INDEX(Jesper!AH$2:AH$366,ROUNDDOWN($C7992/24,0)+1,1)*INDEX($D$3:$AA$30,INDEX(Jesper!$R$2:$R$366,ROW(INDEX(Jesper!AH$2:AH$366,ROUNDDOWN($C7992/24,0)+1,1))-1)+IF('Standard Profiles'!$G$18=$B$10,7,0)+IF('Standard Profiles'!$G$18=$B$17,14,0)+IF('Standard Profiles'!$G$18=$B$24,21,0),MOD($C7992,24)+1)/SUM(INDEX($D$3:$AA$30,INDEX(Jesper!$R$2:$R$366,ROW(INDEX(Jesper!AH$2:AH$366,ROUNDDOWN($C7992/24,0)+1,1))-1)+IF('Standard Profiles'!$G$18=$B$10,7,0)+IF('Standard Profiles'!$G$18=$B$17,14,0)+IF('Standard Profiles'!$G$18=$B$24,21,0),0)),0)</f>
        <v>17.509232870484489</v>
      </c>
      <c r="E7992" cm="1">
        <f t="array" ref="E7992">IFERROR(INDEX(Jesper!AI$2:AI$366,ROUNDDOWN($C7992/24,0)+1,1)*INDEX($D$3:$AA$30,INDEX(Jesper!$R$2:$R$366,ROW(INDEX(Jesper!AI$2:AI$366,ROUNDDOWN($C7992/24,0)+1,1))-1)+IF('Standard Profiles'!$G$19=$B$10,7,0)+IF('Standard Profiles'!$G$19=$B$17,14,0)+IF('Standard Profiles'!$G$19=$B$24,21,0),MOD($C7992,24)+1)/SUM(INDEX($D$3:$AA$30,INDEX(Jesper!$R$2:$R$366,ROW(INDEX(Jesper!AI$2:AI$366,ROUNDDOWN($C7992/24,0)+1,1))-1)+IF('Standard Profiles'!$G$19=$B$10,7,0)+IF('Standard Profiles'!$G$19=$B$17,14,0)+IF('Standard Profiles'!$G$19=$B$24,21,0),0)),0)</f>
        <v>0</v>
      </c>
      <c r="F7992" cm="1">
        <f t="array" ref="F7992">IFERROR(INDEX(Jesper!AJ$2:AJ$366,ROUNDDOWN($C7992/24,0)+1,1)*INDEX($D$3:$AA$30,INDEX(Jesper!$R$2:$R$366,ROW(INDEX(Jesper!AJ$2:AJ$366,ROUNDDOWN($C7992/24,0)+1,1))-1)+IF('Standard Profiles'!$G$20=$B$10,7,0)+IF('Standard Profiles'!$G$20=$B$17,14,0)+IF('Standard Profiles'!$G$20=$B$24,21,0),MOD($C7992,24)+1)/SUM(INDEX($D$3:$AA$30,INDEX(Jesper!$R$2:$R$366,ROW(INDEX(Jesper!AJ$2:AJ$366,ROUNDDOWN($C7992/24,0)+1,1))-1)+IF('Standard Profiles'!$G$20=$B$10,7,0)+IF('Standard Profiles'!$G$20=$B$17,14,0)+IF('Standard Profiles'!$G$20=$B$24,21,0),0)),0)</f>
        <v>0</v>
      </c>
      <c r="G7992" cm="1">
        <f t="array" ref="G7992">IFERROR(INDEX(Jesper!AK$2:AK$366,ROUNDDOWN($C7992/24,0)+1,1)*INDEX($D$3:$AA$30,INDEX(Jesper!$R$2:$R$366,ROW(INDEX(Jesper!AK$2:AK$366,ROUNDDOWN($C7992/24,0)+1,1))-1)+IF('Standard Profiles'!$G$21=$B$10,7,0)+IF('Standard Profiles'!$G$21=$B$17,14,0)+IF('Standard Profiles'!$G$21=$B$24,21,0),MOD($C7992,24)+1)/SUM(INDEX($D$3:$AA$30,INDEX(Jesper!$R$2:$R$366,ROW(INDEX(Jesper!AK$2:AK$366,ROUNDDOWN($C7992/24,0)+1,1))-1)+IF('Standard Profiles'!$G$21=$B$10,7,0)+IF('Standard Profiles'!$G$21=$B$17,14,0)+IF('Standard Profiles'!$G$21=$B$24,21,0),0)),0)</f>
        <v>0</v>
      </c>
      <c r="H7992" cm="1">
        <f t="array" ref="H7992">IFERROR(INDEX(Jesper!AL$2:AL$366,ROUNDDOWN($C7992/24,0)+1,1)*INDEX($D$3:$AA$30,INDEX(Jesper!$R$2:$R$366,ROW(INDEX(Jesper!AL$2:AL$366,ROUNDDOWN($C7992/24,0)+1,1))-1)+IF('Standard Profiles'!$G$22=$B$10,7,0)+IF('Standard Profiles'!$G$22=$B$17,14,0)+IF('Standard Profiles'!$G$22=$B$24,21,0),MOD($C7992,24)+1)/SUM(INDEX($D$3:$AA$30,INDEX(Jesper!$R$2:$R$366,ROW(INDEX(Jesper!AL$2:AL$366,ROUNDDOWN($C7992/24,0)+1,1))-1)+IF('Standard Profiles'!$G$22=$B$10,7,0)+IF('Standard Profiles'!$G$22=$B$17,14,0)+IF('Standard Profiles'!$G$22=$B$24,21,0),0)),0)</f>
        <v>0</v>
      </c>
      <c r="I7992">
        <f t="shared" si="888"/>
        <v>0.52527698611453466</v>
      </c>
      <c r="J7992">
        <f t="shared" si="889"/>
        <v>1.750923287048449</v>
      </c>
      <c r="K7992">
        <f t="shared" si="890"/>
        <v>2.6263849305726734</v>
      </c>
      <c r="L7992">
        <f t="shared" si="891"/>
        <v>12.606647666748831</v>
      </c>
      <c r="M7992">
        <f t="shared" si="892"/>
        <v>0</v>
      </c>
      <c r="N7992" s="46">
        <f t="shared" si="893"/>
        <v>45623.583333314033</v>
      </c>
    </row>
    <row r="7993" spans="2:14" x14ac:dyDescent="0.3">
      <c r="B7993">
        <f t="shared" si="887"/>
        <v>3</v>
      </c>
      <c r="C7993" s="16">
        <v>7959</v>
      </c>
      <c r="D7993" cm="1">
        <f t="array" ref="D7993">IFERROR(INDEX(Jesper!AH$2:AH$366,ROUNDDOWN($C7993/24,0)+1,1)*INDEX($D$3:$AA$30,INDEX(Jesper!$R$2:$R$366,ROW(INDEX(Jesper!AH$2:AH$366,ROUNDDOWN($C7993/24,0)+1,1))-1)+IF('Standard Profiles'!$G$18=$B$10,7,0)+IF('Standard Profiles'!$G$18=$B$17,14,0)+IF('Standard Profiles'!$G$18=$B$24,21,0),MOD($C7993,24)+1)/SUM(INDEX($D$3:$AA$30,INDEX(Jesper!$R$2:$R$366,ROW(INDEX(Jesper!AH$2:AH$366,ROUNDDOWN($C7993/24,0)+1,1))-1)+IF('Standard Profiles'!$G$18=$B$10,7,0)+IF('Standard Profiles'!$G$18=$B$17,14,0)+IF('Standard Profiles'!$G$18=$B$24,21,0),0)),0)</f>
        <v>17.509232870484489</v>
      </c>
      <c r="E7993" cm="1">
        <f t="array" ref="E7993">IFERROR(INDEX(Jesper!AI$2:AI$366,ROUNDDOWN($C7993/24,0)+1,1)*INDEX($D$3:$AA$30,INDEX(Jesper!$R$2:$R$366,ROW(INDEX(Jesper!AI$2:AI$366,ROUNDDOWN($C7993/24,0)+1,1))-1)+IF('Standard Profiles'!$G$19=$B$10,7,0)+IF('Standard Profiles'!$G$19=$B$17,14,0)+IF('Standard Profiles'!$G$19=$B$24,21,0),MOD($C7993,24)+1)/SUM(INDEX($D$3:$AA$30,INDEX(Jesper!$R$2:$R$366,ROW(INDEX(Jesper!AI$2:AI$366,ROUNDDOWN($C7993/24,0)+1,1))-1)+IF('Standard Profiles'!$G$19=$B$10,7,0)+IF('Standard Profiles'!$G$19=$B$17,14,0)+IF('Standard Profiles'!$G$19=$B$24,21,0),0)),0)</f>
        <v>0</v>
      </c>
      <c r="F7993" cm="1">
        <f t="array" ref="F7993">IFERROR(INDEX(Jesper!AJ$2:AJ$366,ROUNDDOWN($C7993/24,0)+1,1)*INDEX($D$3:$AA$30,INDEX(Jesper!$R$2:$R$366,ROW(INDEX(Jesper!AJ$2:AJ$366,ROUNDDOWN($C7993/24,0)+1,1))-1)+IF('Standard Profiles'!$G$20=$B$10,7,0)+IF('Standard Profiles'!$G$20=$B$17,14,0)+IF('Standard Profiles'!$G$20=$B$24,21,0),MOD($C7993,24)+1)/SUM(INDEX($D$3:$AA$30,INDEX(Jesper!$R$2:$R$366,ROW(INDEX(Jesper!AJ$2:AJ$366,ROUNDDOWN($C7993/24,0)+1,1))-1)+IF('Standard Profiles'!$G$20=$B$10,7,0)+IF('Standard Profiles'!$G$20=$B$17,14,0)+IF('Standard Profiles'!$G$20=$B$24,21,0),0)),0)</f>
        <v>0</v>
      </c>
      <c r="G7993" cm="1">
        <f t="array" ref="G7993">IFERROR(INDEX(Jesper!AK$2:AK$366,ROUNDDOWN($C7993/24,0)+1,1)*INDEX($D$3:$AA$30,INDEX(Jesper!$R$2:$R$366,ROW(INDEX(Jesper!AK$2:AK$366,ROUNDDOWN($C7993/24,0)+1,1))-1)+IF('Standard Profiles'!$G$21=$B$10,7,0)+IF('Standard Profiles'!$G$21=$B$17,14,0)+IF('Standard Profiles'!$G$21=$B$24,21,0),MOD($C7993,24)+1)/SUM(INDEX($D$3:$AA$30,INDEX(Jesper!$R$2:$R$366,ROW(INDEX(Jesper!AK$2:AK$366,ROUNDDOWN($C7993/24,0)+1,1))-1)+IF('Standard Profiles'!$G$21=$B$10,7,0)+IF('Standard Profiles'!$G$21=$B$17,14,0)+IF('Standard Profiles'!$G$21=$B$24,21,0),0)),0)</f>
        <v>0</v>
      </c>
      <c r="H7993" cm="1">
        <f t="array" ref="H7993">IFERROR(INDEX(Jesper!AL$2:AL$366,ROUNDDOWN($C7993/24,0)+1,1)*INDEX($D$3:$AA$30,INDEX(Jesper!$R$2:$R$366,ROW(INDEX(Jesper!AL$2:AL$366,ROUNDDOWN($C7993/24,0)+1,1))-1)+IF('Standard Profiles'!$G$22=$B$10,7,0)+IF('Standard Profiles'!$G$22=$B$17,14,0)+IF('Standard Profiles'!$G$22=$B$24,21,0),MOD($C7993,24)+1)/SUM(INDEX($D$3:$AA$30,INDEX(Jesper!$R$2:$R$366,ROW(INDEX(Jesper!AL$2:AL$366,ROUNDDOWN($C7993/24,0)+1,1))-1)+IF('Standard Profiles'!$G$22=$B$10,7,0)+IF('Standard Profiles'!$G$22=$B$17,14,0)+IF('Standard Profiles'!$G$22=$B$24,21,0),0)),0)</f>
        <v>0</v>
      </c>
      <c r="I7993">
        <f t="shared" si="888"/>
        <v>0.52527698611453466</v>
      </c>
      <c r="J7993">
        <f t="shared" si="889"/>
        <v>1.750923287048449</v>
      </c>
      <c r="K7993">
        <f t="shared" si="890"/>
        <v>2.6263849305726734</v>
      </c>
      <c r="L7993">
        <f t="shared" si="891"/>
        <v>12.606647666748831</v>
      </c>
      <c r="M7993">
        <f t="shared" si="892"/>
        <v>0</v>
      </c>
      <c r="N7993" s="46">
        <f t="shared" si="893"/>
        <v>45623.624999980697</v>
      </c>
    </row>
    <row r="7994" spans="2:14" x14ac:dyDescent="0.3">
      <c r="B7994">
        <f t="shared" si="887"/>
        <v>3</v>
      </c>
      <c r="C7994" s="16">
        <v>7960</v>
      </c>
      <c r="D7994" cm="1">
        <f t="array" ref="D7994">IFERROR(INDEX(Jesper!AH$2:AH$366,ROUNDDOWN($C7994/24,0)+1,1)*INDEX($D$3:$AA$30,INDEX(Jesper!$R$2:$R$366,ROW(INDEX(Jesper!AH$2:AH$366,ROUNDDOWN($C7994/24,0)+1,1))-1)+IF('Standard Profiles'!$G$18=$B$10,7,0)+IF('Standard Profiles'!$G$18=$B$17,14,0)+IF('Standard Profiles'!$G$18=$B$24,21,0),MOD($C7994,24)+1)/SUM(INDEX($D$3:$AA$30,INDEX(Jesper!$R$2:$R$366,ROW(INDEX(Jesper!AH$2:AH$366,ROUNDDOWN($C7994/24,0)+1,1))-1)+IF('Standard Profiles'!$G$18=$B$10,7,0)+IF('Standard Profiles'!$G$18=$B$17,14,0)+IF('Standard Profiles'!$G$18=$B$24,21,0),0)),0)</f>
        <v>17.509232870484489</v>
      </c>
      <c r="E7994" cm="1">
        <f t="array" ref="E7994">IFERROR(INDEX(Jesper!AI$2:AI$366,ROUNDDOWN($C7994/24,0)+1,1)*INDEX($D$3:$AA$30,INDEX(Jesper!$R$2:$R$366,ROW(INDEX(Jesper!AI$2:AI$366,ROUNDDOWN($C7994/24,0)+1,1))-1)+IF('Standard Profiles'!$G$19=$B$10,7,0)+IF('Standard Profiles'!$G$19=$B$17,14,0)+IF('Standard Profiles'!$G$19=$B$24,21,0),MOD($C7994,24)+1)/SUM(INDEX($D$3:$AA$30,INDEX(Jesper!$R$2:$R$366,ROW(INDEX(Jesper!AI$2:AI$366,ROUNDDOWN($C7994/24,0)+1,1))-1)+IF('Standard Profiles'!$G$19=$B$10,7,0)+IF('Standard Profiles'!$G$19=$B$17,14,0)+IF('Standard Profiles'!$G$19=$B$24,21,0),0)),0)</f>
        <v>0</v>
      </c>
      <c r="F7994" cm="1">
        <f t="array" ref="F7994">IFERROR(INDEX(Jesper!AJ$2:AJ$366,ROUNDDOWN($C7994/24,0)+1,1)*INDEX($D$3:$AA$30,INDEX(Jesper!$R$2:$R$366,ROW(INDEX(Jesper!AJ$2:AJ$366,ROUNDDOWN($C7994/24,0)+1,1))-1)+IF('Standard Profiles'!$G$20=$B$10,7,0)+IF('Standard Profiles'!$G$20=$B$17,14,0)+IF('Standard Profiles'!$G$20=$B$24,21,0),MOD($C7994,24)+1)/SUM(INDEX($D$3:$AA$30,INDEX(Jesper!$R$2:$R$366,ROW(INDEX(Jesper!AJ$2:AJ$366,ROUNDDOWN($C7994/24,0)+1,1))-1)+IF('Standard Profiles'!$G$20=$B$10,7,0)+IF('Standard Profiles'!$G$20=$B$17,14,0)+IF('Standard Profiles'!$G$20=$B$24,21,0),0)),0)</f>
        <v>0</v>
      </c>
      <c r="G7994" cm="1">
        <f t="array" ref="G7994">IFERROR(INDEX(Jesper!AK$2:AK$366,ROUNDDOWN($C7994/24,0)+1,1)*INDEX($D$3:$AA$30,INDEX(Jesper!$R$2:$R$366,ROW(INDEX(Jesper!AK$2:AK$366,ROUNDDOWN($C7994/24,0)+1,1))-1)+IF('Standard Profiles'!$G$21=$B$10,7,0)+IF('Standard Profiles'!$G$21=$B$17,14,0)+IF('Standard Profiles'!$G$21=$B$24,21,0),MOD($C7994,24)+1)/SUM(INDEX($D$3:$AA$30,INDEX(Jesper!$R$2:$R$366,ROW(INDEX(Jesper!AK$2:AK$366,ROUNDDOWN($C7994/24,0)+1,1))-1)+IF('Standard Profiles'!$G$21=$B$10,7,0)+IF('Standard Profiles'!$G$21=$B$17,14,0)+IF('Standard Profiles'!$G$21=$B$24,21,0),0)),0)</f>
        <v>0</v>
      </c>
      <c r="H7994" cm="1">
        <f t="array" ref="H7994">IFERROR(INDEX(Jesper!AL$2:AL$366,ROUNDDOWN($C7994/24,0)+1,1)*INDEX($D$3:$AA$30,INDEX(Jesper!$R$2:$R$366,ROW(INDEX(Jesper!AL$2:AL$366,ROUNDDOWN($C7994/24,0)+1,1))-1)+IF('Standard Profiles'!$G$22=$B$10,7,0)+IF('Standard Profiles'!$G$22=$B$17,14,0)+IF('Standard Profiles'!$G$22=$B$24,21,0),MOD($C7994,24)+1)/SUM(INDEX($D$3:$AA$30,INDEX(Jesper!$R$2:$R$366,ROW(INDEX(Jesper!AL$2:AL$366,ROUNDDOWN($C7994/24,0)+1,1))-1)+IF('Standard Profiles'!$G$22=$B$10,7,0)+IF('Standard Profiles'!$G$22=$B$17,14,0)+IF('Standard Profiles'!$G$22=$B$24,21,0),0)),0)</f>
        <v>0</v>
      </c>
      <c r="I7994">
        <f t="shared" si="888"/>
        <v>0.52527698611453466</v>
      </c>
      <c r="J7994">
        <f t="shared" si="889"/>
        <v>1.750923287048449</v>
      </c>
      <c r="K7994">
        <f t="shared" si="890"/>
        <v>2.6263849305726734</v>
      </c>
      <c r="L7994">
        <f t="shared" si="891"/>
        <v>12.606647666748831</v>
      </c>
      <c r="M7994">
        <f t="shared" si="892"/>
        <v>0</v>
      </c>
      <c r="N7994" s="46">
        <f t="shared" si="893"/>
        <v>45623.666666647361</v>
      </c>
    </row>
    <row r="7995" spans="2:14" x14ac:dyDescent="0.3">
      <c r="B7995">
        <f t="shared" si="887"/>
        <v>3</v>
      </c>
      <c r="C7995" s="16">
        <v>7961</v>
      </c>
      <c r="D7995" cm="1">
        <f t="array" ref="D7995">IFERROR(INDEX(Jesper!AH$2:AH$366,ROUNDDOWN($C7995/24,0)+1,1)*INDEX($D$3:$AA$30,INDEX(Jesper!$R$2:$R$366,ROW(INDEX(Jesper!AH$2:AH$366,ROUNDDOWN($C7995/24,0)+1,1))-1)+IF('Standard Profiles'!$G$18=$B$10,7,0)+IF('Standard Profiles'!$G$18=$B$17,14,0)+IF('Standard Profiles'!$G$18=$B$24,21,0),MOD($C7995,24)+1)/SUM(INDEX($D$3:$AA$30,INDEX(Jesper!$R$2:$R$366,ROW(INDEX(Jesper!AH$2:AH$366,ROUNDDOWN($C7995/24,0)+1,1))-1)+IF('Standard Profiles'!$G$18=$B$10,7,0)+IF('Standard Profiles'!$G$18=$B$17,14,0)+IF('Standard Profiles'!$G$18=$B$24,21,0),0)),0)</f>
        <v>17.509232870484489</v>
      </c>
      <c r="E7995" cm="1">
        <f t="array" ref="E7995">IFERROR(INDEX(Jesper!AI$2:AI$366,ROUNDDOWN($C7995/24,0)+1,1)*INDEX($D$3:$AA$30,INDEX(Jesper!$R$2:$R$366,ROW(INDEX(Jesper!AI$2:AI$366,ROUNDDOWN($C7995/24,0)+1,1))-1)+IF('Standard Profiles'!$G$19=$B$10,7,0)+IF('Standard Profiles'!$G$19=$B$17,14,0)+IF('Standard Profiles'!$G$19=$B$24,21,0),MOD($C7995,24)+1)/SUM(INDEX($D$3:$AA$30,INDEX(Jesper!$R$2:$R$366,ROW(INDEX(Jesper!AI$2:AI$366,ROUNDDOWN($C7995/24,0)+1,1))-1)+IF('Standard Profiles'!$G$19=$B$10,7,0)+IF('Standard Profiles'!$G$19=$B$17,14,0)+IF('Standard Profiles'!$G$19=$B$24,21,0),0)),0)</f>
        <v>0</v>
      </c>
      <c r="F7995" cm="1">
        <f t="array" ref="F7995">IFERROR(INDEX(Jesper!AJ$2:AJ$366,ROUNDDOWN($C7995/24,0)+1,1)*INDEX($D$3:$AA$30,INDEX(Jesper!$R$2:$R$366,ROW(INDEX(Jesper!AJ$2:AJ$366,ROUNDDOWN($C7995/24,0)+1,1))-1)+IF('Standard Profiles'!$G$20=$B$10,7,0)+IF('Standard Profiles'!$G$20=$B$17,14,0)+IF('Standard Profiles'!$G$20=$B$24,21,0),MOD($C7995,24)+1)/SUM(INDEX($D$3:$AA$30,INDEX(Jesper!$R$2:$R$366,ROW(INDEX(Jesper!AJ$2:AJ$366,ROUNDDOWN($C7995/24,0)+1,1))-1)+IF('Standard Profiles'!$G$20=$B$10,7,0)+IF('Standard Profiles'!$G$20=$B$17,14,0)+IF('Standard Profiles'!$G$20=$B$24,21,0),0)),0)</f>
        <v>0</v>
      </c>
      <c r="G7995" cm="1">
        <f t="array" ref="G7995">IFERROR(INDEX(Jesper!AK$2:AK$366,ROUNDDOWN($C7995/24,0)+1,1)*INDEX($D$3:$AA$30,INDEX(Jesper!$R$2:$R$366,ROW(INDEX(Jesper!AK$2:AK$366,ROUNDDOWN($C7995/24,0)+1,1))-1)+IF('Standard Profiles'!$G$21=$B$10,7,0)+IF('Standard Profiles'!$G$21=$B$17,14,0)+IF('Standard Profiles'!$G$21=$B$24,21,0),MOD($C7995,24)+1)/SUM(INDEX($D$3:$AA$30,INDEX(Jesper!$R$2:$R$366,ROW(INDEX(Jesper!AK$2:AK$366,ROUNDDOWN($C7995/24,0)+1,1))-1)+IF('Standard Profiles'!$G$21=$B$10,7,0)+IF('Standard Profiles'!$G$21=$B$17,14,0)+IF('Standard Profiles'!$G$21=$B$24,21,0),0)),0)</f>
        <v>0</v>
      </c>
      <c r="H7995" cm="1">
        <f t="array" ref="H7995">IFERROR(INDEX(Jesper!AL$2:AL$366,ROUNDDOWN($C7995/24,0)+1,1)*INDEX($D$3:$AA$30,INDEX(Jesper!$R$2:$R$366,ROW(INDEX(Jesper!AL$2:AL$366,ROUNDDOWN($C7995/24,0)+1,1))-1)+IF('Standard Profiles'!$G$22=$B$10,7,0)+IF('Standard Profiles'!$G$22=$B$17,14,0)+IF('Standard Profiles'!$G$22=$B$24,21,0),MOD($C7995,24)+1)/SUM(INDEX($D$3:$AA$30,INDEX(Jesper!$R$2:$R$366,ROW(INDEX(Jesper!AL$2:AL$366,ROUNDDOWN($C7995/24,0)+1,1))-1)+IF('Standard Profiles'!$G$22=$B$10,7,0)+IF('Standard Profiles'!$G$22=$B$17,14,0)+IF('Standard Profiles'!$G$22=$B$24,21,0),0)),0)</f>
        <v>0</v>
      </c>
      <c r="I7995">
        <f t="shared" si="888"/>
        <v>0.52527698611453466</v>
      </c>
      <c r="J7995">
        <f t="shared" si="889"/>
        <v>1.750923287048449</v>
      </c>
      <c r="K7995">
        <f t="shared" si="890"/>
        <v>2.6263849305726734</v>
      </c>
      <c r="L7995">
        <f t="shared" si="891"/>
        <v>12.606647666748831</v>
      </c>
      <c r="M7995">
        <f t="shared" si="892"/>
        <v>0</v>
      </c>
      <c r="N7995" s="46">
        <f t="shared" si="893"/>
        <v>45623.708333314025</v>
      </c>
    </row>
    <row r="7996" spans="2:14" x14ac:dyDescent="0.3">
      <c r="B7996">
        <f t="shared" si="887"/>
        <v>3</v>
      </c>
      <c r="C7996" s="16">
        <v>7962</v>
      </c>
      <c r="D7996" cm="1">
        <f t="array" ref="D7996">IFERROR(INDEX(Jesper!AH$2:AH$366,ROUNDDOWN($C7996/24,0)+1,1)*INDEX($D$3:$AA$30,INDEX(Jesper!$R$2:$R$366,ROW(INDEX(Jesper!AH$2:AH$366,ROUNDDOWN($C7996/24,0)+1,1))-1)+IF('Standard Profiles'!$G$18=$B$10,7,0)+IF('Standard Profiles'!$G$18=$B$17,14,0)+IF('Standard Profiles'!$G$18=$B$24,21,0),MOD($C7996,24)+1)/SUM(INDEX($D$3:$AA$30,INDEX(Jesper!$R$2:$R$366,ROW(INDEX(Jesper!AH$2:AH$366,ROUNDDOWN($C7996/24,0)+1,1))-1)+IF('Standard Profiles'!$G$18=$B$10,7,0)+IF('Standard Profiles'!$G$18=$B$17,14,0)+IF('Standard Profiles'!$G$18=$B$24,21,0),0)),0)</f>
        <v>17.509232870484489</v>
      </c>
      <c r="E7996" cm="1">
        <f t="array" ref="E7996">IFERROR(INDEX(Jesper!AI$2:AI$366,ROUNDDOWN($C7996/24,0)+1,1)*INDEX($D$3:$AA$30,INDEX(Jesper!$R$2:$R$366,ROW(INDEX(Jesper!AI$2:AI$366,ROUNDDOWN($C7996/24,0)+1,1))-1)+IF('Standard Profiles'!$G$19=$B$10,7,0)+IF('Standard Profiles'!$G$19=$B$17,14,0)+IF('Standard Profiles'!$G$19=$B$24,21,0),MOD($C7996,24)+1)/SUM(INDEX($D$3:$AA$30,INDEX(Jesper!$R$2:$R$366,ROW(INDEX(Jesper!AI$2:AI$366,ROUNDDOWN($C7996/24,0)+1,1))-1)+IF('Standard Profiles'!$G$19=$B$10,7,0)+IF('Standard Profiles'!$G$19=$B$17,14,0)+IF('Standard Profiles'!$G$19=$B$24,21,0),0)),0)</f>
        <v>0</v>
      </c>
      <c r="F7996" cm="1">
        <f t="array" ref="F7996">IFERROR(INDEX(Jesper!AJ$2:AJ$366,ROUNDDOWN($C7996/24,0)+1,1)*INDEX($D$3:$AA$30,INDEX(Jesper!$R$2:$R$366,ROW(INDEX(Jesper!AJ$2:AJ$366,ROUNDDOWN($C7996/24,0)+1,1))-1)+IF('Standard Profiles'!$G$20=$B$10,7,0)+IF('Standard Profiles'!$G$20=$B$17,14,0)+IF('Standard Profiles'!$G$20=$B$24,21,0),MOD($C7996,24)+1)/SUM(INDEX($D$3:$AA$30,INDEX(Jesper!$R$2:$R$366,ROW(INDEX(Jesper!AJ$2:AJ$366,ROUNDDOWN($C7996/24,0)+1,1))-1)+IF('Standard Profiles'!$G$20=$B$10,7,0)+IF('Standard Profiles'!$G$20=$B$17,14,0)+IF('Standard Profiles'!$G$20=$B$24,21,0),0)),0)</f>
        <v>0</v>
      </c>
      <c r="G7996" cm="1">
        <f t="array" ref="G7996">IFERROR(INDEX(Jesper!AK$2:AK$366,ROUNDDOWN($C7996/24,0)+1,1)*INDEX($D$3:$AA$30,INDEX(Jesper!$R$2:$R$366,ROW(INDEX(Jesper!AK$2:AK$366,ROUNDDOWN($C7996/24,0)+1,1))-1)+IF('Standard Profiles'!$G$21=$B$10,7,0)+IF('Standard Profiles'!$G$21=$B$17,14,0)+IF('Standard Profiles'!$G$21=$B$24,21,0),MOD($C7996,24)+1)/SUM(INDEX($D$3:$AA$30,INDEX(Jesper!$R$2:$R$366,ROW(INDEX(Jesper!AK$2:AK$366,ROUNDDOWN($C7996/24,0)+1,1))-1)+IF('Standard Profiles'!$G$21=$B$10,7,0)+IF('Standard Profiles'!$G$21=$B$17,14,0)+IF('Standard Profiles'!$G$21=$B$24,21,0),0)),0)</f>
        <v>0</v>
      </c>
      <c r="H7996" cm="1">
        <f t="array" ref="H7996">IFERROR(INDEX(Jesper!AL$2:AL$366,ROUNDDOWN($C7996/24,0)+1,1)*INDEX($D$3:$AA$30,INDEX(Jesper!$R$2:$R$366,ROW(INDEX(Jesper!AL$2:AL$366,ROUNDDOWN($C7996/24,0)+1,1))-1)+IF('Standard Profiles'!$G$22=$B$10,7,0)+IF('Standard Profiles'!$G$22=$B$17,14,0)+IF('Standard Profiles'!$G$22=$B$24,21,0),MOD($C7996,24)+1)/SUM(INDEX($D$3:$AA$30,INDEX(Jesper!$R$2:$R$366,ROW(INDEX(Jesper!AL$2:AL$366,ROUNDDOWN($C7996/24,0)+1,1))-1)+IF('Standard Profiles'!$G$22=$B$10,7,0)+IF('Standard Profiles'!$G$22=$B$17,14,0)+IF('Standard Profiles'!$G$22=$B$24,21,0),0)),0)</f>
        <v>0</v>
      </c>
      <c r="I7996">
        <f t="shared" si="888"/>
        <v>0.52527698611453466</v>
      </c>
      <c r="J7996">
        <f t="shared" si="889"/>
        <v>1.750923287048449</v>
      </c>
      <c r="K7996">
        <f t="shared" si="890"/>
        <v>2.6263849305726734</v>
      </c>
      <c r="L7996">
        <f t="shared" si="891"/>
        <v>12.606647666748831</v>
      </c>
      <c r="M7996">
        <f t="shared" si="892"/>
        <v>0</v>
      </c>
      <c r="N7996" s="46">
        <f t="shared" si="893"/>
        <v>45623.74999998069</v>
      </c>
    </row>
    <row r="7997" spans="2:14" x14ac:dyDescent="0.3">
      <c r="B7997">
        <f t="shared" si="887"/>
        <v>3</v>
      </c>
      <c r="C7997" s="16">
        <v>7963</v>
      </c>
      <c r="D7997" cm="1">
        <f t="array" ref="D7997">IFERROR(INDEX(Jesper!AH$2:AH$366,ROUNDDOWN($C7997/24,0)+1,1)*INDEX($D$3:$AA$30,INDEX(Jesper!$R$2:$R$366,ROW(INDEX(Jesper!AH$2:AH$366,ROUNDDOWN($C7997/24,0)+1,1))-1)+IF('Standard Profiles'!$G$18=$B$10,7,0)+IF('Standard Profiles'!$G$18=$B$17,14,0)+IF('Standard Profiles'!$G$18=$B$24,21,0),MOD($C7997,24)+1)/SUM(INDEX($D$3:$AA$30,INDEX(Jesper!$R$2:$R$366,ROW(INDEX(Jesper!AH$2:AH$366,ROUNDDOWN($C7997/24,0)+1,1))-1)+IF('Standard Profiles'!$G$18=$B$10,7,0)+IF('Standard Profiles'!$G$18=$B$17,14,0)+IF('Standard Profiles'!$G$18=$B$24,21,0),0)),0)</f>
        <v>14.591027392070409</v>
      </c>
      <c r="E7997" cm="1">
        <f t="array" ref="E7997">IFERROR(INDEX(Jesper!AI$2:AI$366,ROUNDDOWN($C7997/24,0)+1,1)*INDEX($D$3:$AA$30,INDEX(Jesper!$R$2:$R$366,ROW(INDEX(Jesper!AI$2:AI$366,ROUNDDOWN($C7997/24,0)+1,1))-1)+IF('Standard Profiles'!$G$19=$B$10,7,0)+IF('Standard Profiles'!$G$19=$B$17,14,0)+IF('Standard Profiles'!$G$19=$B$24,21,0),MOD($C7997,24)+1)/SUM(INDEX($D$3:$AA$30,INDEX(Jesper!$R$2:$R$366,ROW(INDEX(Jesper!AI$2:AI$366,ROUNDDOWN($C7997/24,0)+1,1))-1)+IF('Standard Profiles'!$G$19=$B$10,7,0)+IF('Standard Profiles'!$G$19=$B$17,14,0)+IF('Standard Profiles'!$G$19=$B$24,21,0),0)),0)</f>
        <v>0</v>
      </c>
      <c r="F7997" cm="1">
        <f t="array" ref="F7997">IFERROR(INDEX(Jesper!AJ$2:AJ$366,ROUNDDOWN($C7997/24,0)+1,1)*INDEX($D$3:$AA$30,INDEX(Jesper!$R$2:$R$366,ROW(INDEX(Jesper!AJ$2:AJ$366,ROUNDDOWN($C7997/24,0)+1,1))-1)+IF('Standard Profiles'!$G$20=$B$10,7,0)+IF('Standard Profiles'!$G$20=$B$17,14,0)+IF('Standard Profiles'!$G$20=$B$24,21,0),MOD($C7997,24)+1)/SUM(INDEX($D$3:$AA$30,INDEX(Jesper!$R$2:$R$366,ROW(INDEX(Jesper!AJ$2:AJ$366,ROUNDDOWN($C7997/24,0)+1,1))-1)+IF('Standard Profiles'!$G$20=$B$10,7,0)+IF('Standard Profiles'!$G$20=$B$17,14,0)+IF('Standard Profiles'!$G$20=$B$24,21,0),0)),0)</f>
        <v>0</v>
      </c>
      <c r="G7997" cm="1">
        <f t="array" ref="G7997">IFERROR(INDEX(Jesper!AK$2:AK$366,ROUNDDOWN($C7997/24,0)+1,1)*INDEX($D$3:$AA$30,INDEX(Jesper!$R$2:$R$366,ROW(INDEX(Jesper!AK$2:AK$366,ROUNDDOWN($C7997/24,0)+1,1))-1)+IF('Standard Profiles'!$G$21=$B$10,7,0)+IF('Standard Profiles'!$G$21=$B$17,14,0)+IF('Standard Profiles'!$G$21=$B$24,21,0),MOD($C7997,24)+1)/SUM(INDEX($D$3:$AA$30,INDEX(Jesper!$R$2:$R$366,ROW(INDEX(Jesper!AK$2:AK$366,ROUNDDOWN($C7997/24,0)+1,1))-1)+IF('Standard Profiles'!$G$21=$B$10,7,0)+IF('Standard Profiles'!$G$21=$B$17,14,0)+IF('Standard Profiles'!$G$21=$B$24,21,0),0)),0)</f>
        <v>0</v>
      </c>
      <c r="H7997" cm="1">
        <f t="array" ref="H7997">IFERROR(INDEX(Jesper!AL$2:AL$366,ROUNDDOWN($C7997/24,0)+1,1)*INDEX($D$3:$AA$30,INDEX(Jesper!$R$2:$R$366,ROW(INDEX(Jesper!AL$2:AL$366,ROUNDDOWN($C7997/24,0)+1,1))-1)+IF('Standard Profiles'!$G$22=$B$10,7,0)+IF('Standard Profiles'!$G$22=$B$17,14,0)+IF('Standard Profiles'!$G$22=$B$24,21,0),MOD($C7997,24)+1)/SUM(INDEX($D$3:$AA$30,INDEX(Jesper!$R$2:$R$366,ROW(INDEX(Jesper!AL$2:AL$366,ROUNDDOWN($C7997/24,0)+1,1))-1)+IF('Standard Profiles'!$G$22=$B$10,7,0)+IF('Standard Profiles'!$G$22=$B$17,14,0)+IF('Standard Profiles'!$G$22=$B$24,21,0),0)),0)</f>
        <v>0</v>
      </c>
      <c r="I7997">
        <f t="shared" si="888"/>
        <v>0.43773082176211225</v>
      </c>
      <c r="J7997">
        <f t="shared" si="889"/>
        <v>1.459102739207041</v>
      </c>
      <c r="K7997">
        <f t="shared" si="890"/>
        <v>2.1886541088105611</v>
      </c>
      <c r="L7997">
        <f t="shared" si="891"/>
        <v>10.505539722290694</v>
      </c>
      <c r="M7997">
        <f t="shared" si="892"/>
        <v>0</v>
      </c>
      <c r="N7997" s="46">
        <f t="shared" si="893"/>
        <v>45623.791666647354</v>
      </c>
    </row>
    <row r="7998" spans="2:14" x14ac:dyDescent="0.3">
      <c r="B7998">
        <f t="shared" si="887"/>
        <v>3</v>
      </c>
      <c r="C7998" s="16">
        <v>7964</v>
      </c>
      <c r="D7998" cm="1">
        <f t="array" ref="D7998">IFERROR(INDEX(Jesper!AH$2:AH$366,ROUNDDOWN($C7998/24,0)+1,1)*INDEX($D$3:$AA$30,INDEX(Jesper!$R$2:$R$366,ROW(INDEX(Jesper!AH$2:AH$366,ROUNDDOWN($C7998/24,0)+1,1))-1)+IF('Standard Profiles'!$G$18=$B$10,7,0)+IF('Standard Profiles'!$G$18=$B$17,14,0)+IF('Standard Profiles'!$G$18=$B$24,21,0),MOD($C7998,24)+1)/SUM(INDEX($D$3:$AA$30,INDEX(Jesper!$R$2:$R$366,ROW(INDEX(Jesper!AH$2:AH$366,ROUNDDOWN($C7998/24,0)+1,1))-1)+IF('Standard Profiles'!$G$18=$B$10,7,0)+IF('Standard Profiles'!$G$18=$B$17,14,0)+IF('Standard Profiles'!$G$18=$B$24,21,0),0)),0)</f>
        <v>11.672821913656328</v>
      </c>
      <c r="E7998" cm="1">
        <f t="array" ref="E7998">IFERROR(INDEX(Jesper!AI$2:AI$366,ROUNDDOWN($C7998/24,0)+1,1)*INDEX($D$3:$AA$30,INDEX(Jesper!$R$2:$R$366,ROW(INDEX(Jesper!AI$2:AI$366,ROUNDDOWN($C7998/24,0)+1,1))-1)+IF('Standard Profiles'!$G$19=$B$10,7,0)+IF('Standard Profiles'!$G$19=$B$17,14,0)+IF('Standard Profiles'!$G$19=$B$24,21,0),MOD($C7998,24)+1)/SUM(INDEX($D$3:$AA$30,INDEX(Jesper!$R$2:$R$366,ROW(INDEX(Jesper!AI$2:AI$366,ROUNDDOWN($C7998/24,0)+1,1))-1)+IF('Standard Profiles'!$G$19=$B$10,7,0)+IF('Standard Profiles'!$G$19=$B$17,14,0)+IF('Standard Profiles'!$G$19=$B$24,21,0),0)),0)</f>
        <v>0</v>
      </c>
      <c r="F7998" cm="1">
        <f t="array" ref="F7998">IFERROR(INDEX(Jesper!AJ$2:AJ$366,ROUNDDOWN($C7998/24,0)+1,1)*INDEX($D$3:$AA$30,INDEX(Jesper!$R$2:$R$366,ROW(INDEX(Jesper!AJ$2:AJ$366,ROUNDDOWN($C7998/24,0)+1,1))-1)+IF('Standard Profiles'!$G$20=$B$10,7,0)+IF('Standard Profiles'!$G$20=$B$17,14,0)+IF('Standard Profiles'!$G$20=$B$24,21,0),MOD($C7998,24)+1)/SUM(INDEX($D$3:$AA$30,INDEX(Jesper!$R$2:$R$366,ROW(INDEX(Jesper!AJ$2:AJ$366,ROUNDDOWN($C7998/24,0)+1,1))-1)+IF('Standard Profiles'!$G$20=$B$10,7,0)+IF('Standard Profiles'!$G$20=$B$17,14,0)+IF('Standard Profiles'!$G$20=$B$24,21,0),0)),0)</f>
        <v>0</v>
      </c>
      <c r="G7998" cm="1">
        <f t="array" ref="G7998">IFERROR(INDEX(Jesper!AK$2:AK$366,ROUNDDOWN($C7998/24,0)+1,1)*INDEX($D$3:$AA$30,INDEX(Jesper!$R$2:$R$366,ROW(INDEX(Jesper!AK$2:AK$366,ROUNDDOWN($C7998/24,0)+1,1))-1)+IF('Standard Profiles'!$G$21=$B$10,7,0)+IF('Standard Profiles'!$G$21=$B$17,14,0)+IF('Standard Profiles'!$G$21=$B$24,21,0),MOD($C7998,24)+1)/SUM(INDEX($D$3:$AA$30,INDEX(Jesper!$R$2:$R$366,ROW(INDEX(Jesper!AK$2:AK$366,ROUNDDOWN($C7998/24,0)+1,1))-1)+IF('Standard Profiles'!$G$21=$B$10,7,0)+IF('Standard Profiles'!$G$21=$B$17,14,0)+IF('Standard Profiles'!$G$21=$B$24,21,0),0)),0)</f>
        <v>0</v>
      </c>
      <c r="H7998" cm="1">
        <f t="array" ref="H7998">IFERROR(INDEX(Jesper!AL$2:AL$366,ROUNDDOWN($C7998/24,0)+1,1)*INDEX($D$3:$AA$30,INDEX(Jesper!$R$2:$R$366,ROW(INDEX(Jesper!AL$2:AL$366,ROUNDDOWN($C7998/24,0)+1,1))-1)+IF('Standard Profiles'!$G$22=$B$10,7,0)+IF('Standard Profiles'!$G$22=$B$17,14,0)+IF('Standard Profiles'!$G$22=$B$24,21,0),MOD($C7998,24)+1)/SUM(INDEX($D$3:$AA$30,INDEX(Jesper!$R$2:$R$366,ROW(INDEX(Jesper!AL$2:AL$366,ROUNDDOWN($C7998/24,0)+1,1))-1)+IF('Standard Profiles'!$G$22=$B$10,7,0)+IF('Standard Profiles'!$G$22=$B$17,14,0)+IF('Standard Profiles'!$G$22=$B$24,21,0),0)),0)</f>
        <v>0</v>
      </c>
      <c r="I7998">
        <f t="shared" si="888"/>
        <v>0.35018465740968985</v>
      </c>
      <c r="J7998">
        <f t="shared" si="889"/>
        <v>1.1672821913656328</v>
      </c>
      <c r="K7998">
        <f t="shared" si="890"/>
        <v>1.7509232870484492</v>
      </c>
      <c r="L7998">
        <f t="shared" si="891"/>
        <v>8.4044317778325563</v>
      </c>
      <c r="M7998">
        <f t="shared" si="892"/>
        <v>0</v>
      </c>
      <c r="N7998" s="46">
        <f t="shared" si="893"/>
        <v>45623.833333314018</v>
      </c>
    </row>
    <row r="7999" spans="2:14" x14ac:dyDescent="0.3">
      <c r="B7999">
        <f t="shared" si="887"/>
        <v>3</v>
      </c>
      <c r="C7999" s="16">
        <v>7965</v>
      </c>
      <c r="D7999" cm="1">
        <f t="array" ref="D7999">IFERROR(INDEX(Jesper!AH$2:AH$366,ROUNDDOWN($C7999/24,0)+1,1)*INDEX($D$3:$AA$30,INDEX(Jesper!$R$2:$R$366,ROW(INDEX(Jesper!AH$2:AH$366,ROUNDDOWN($C7999/24,0)+1,1))-1)+IF('Standard Profiles'!$G$18=$B$10,7,0)+IF('Standard Profiles'!$G$18=$B$17,14,0)+IF('Standard Profiles'!$G$18=$B$24,21,0),MOD($C7999,24)+1)/SUM(INDEX($D$3:$AA$30,INDEX(Jesper!$R$2:$R$366,ROW(INDEX(Jesper!AH$2:AH$366,ROUNDDOWN($C7999/24,0)+1,1))-1)+IF('Standard Profiles'!$G$18=$B$10,7,0)+IF('Standard Profiles'!$G$18=$B$17,14,0)+IF('Standard Profiles'!$G$18=$B$24,21,0),0)),0)</f>
        <v>8.7546164352422444</v>
      </c>
      <c r="E7999" cm="1">
        <f t="array" ref="E7999">IFERROR(INDEX(Jesper!AI$2:AI$366,ROUNDDOWN($C7999/24,0)+1,1)*INDEX($D$3:$AA$30,INDEX(Jesper!$R$2:$R$366,ROW(INDEX(Jesper!AI$2:AI$366,ROUNDDOWN($C7999/24,0)+1,1))-1)+IF('Standard Profiles'!$G$19=$B$10,7,0)+IF('Standard Profiles'!$G$19=$B$17,14,0)+IF('Standard Profiles'!$G$19=$B$24,21,0),MOD($C7999,24)+1)/SUM(INDEX($D$3:$AA$30,INDEX(Jesper!$R$2:$R$366,ROW(INDEX(Jesper!AI$2:AI$366,ROUNDDOWN($C7999/24,0)+1,1))-1)+IF('Standard Profiles'!$G$19=$B$10,7,0)+IF('Standard Profiles'!$G$19=$B$17,14,0)+IF('Standard Profiles'!$G$19=$B$24,21,0),0)),0)</f>
        <v>0</v>
      </c>
      <c r="F7999" cm="1">
        <f t="array" ref="F7999">IFERROR(INDEX(Jesper!AJ$2:AJ$366,ROUNDDOWN($C7999/24,0)+1,1)*INDEX($D$3:$AA$30,INDEX(Jesper!$R$2:$R$366,ROW(INDEX(Jesper!AJ$2:AJ$366,ROUNDDOWN($C7999/24,0)+1,1))-1)+IF('Standard Profiles'!$G$20=$B$10,7,0)+IF('Standard Profiles'!$G$20=$B$17,14,0)+IF('Standard Profiles'!$G$20=$B$24,21,0),MOD($C7999,24)+1)/SUM(INDEX($D$3:$AA$30,INDEX(Jesper!$R$2:$R$366,ROW(INDEX(Jesper!AJ$2:AJ$366,ROUNDDOWN($C7999/24,0)+1,1))-1)+IF('Standard Profiles'!$G$20=$B$10,7,0)+IF('Standard Profiles'!$G$20=$B$17,14,0)+IF('Standard Profiles'!$G$20=$B$24,21,0),0)),0)</f>
        <v>0</v>
      </c>
      <c r="G7999" cm="1">
        <f t="array" ref="G7999">IFERROR(INDEX(Jesper!AK$2:AK$366,ROUNDDOWN($C7999/24,0)+1,1)*INDEX($D$3:$AA$30,INDEX(Jesper!$R$2:$R$366,ROW(INDEX(Jesper!AK$2:AK$366,ROUNDDOWN($C7999/24,0)+1,1))-1)+IF('Standard Profiles'!$G$21=$B$10,7,0)+IF('Standard Profiles'!$G$21=$B$17,14,0)+IF('Standard Profiles'!$G$21=$B$24,21,0),MOD($C7999,24)+1)/SUM(INDEX($D$3:$AA$30,INDEX(Jesper!$R$2:$R$366,ROW(INDEX(Jesper!AK$2:AK$366,ROUNDDOWN($C7999/24,0)+1,1))-1)+IF('Standard Profiles'!$G$21=$B$10,7,0)+IF('Standard Profiles'!$G$21=$B$17,14,0)+IF('Standard Profiles'!$G$21=$B$24,21,0),0)),0)</f>
        <v>0</v>
      </c>
      <c r="H7999" cm="1">
        <f t="array" ref="H7999">IFERROR(INDEX(Jesper!AL$2:AL$366,ROUNDDOWN($C7999/24,0)+1,1)*INDEX($D$3:$AA$30,INDEX(Jesper!$R$2:$R$366,ROW(INDEX(Jesper!AL$2:AL$366,ROUNDDOWN($C7999/24,0)+1,1))-1)+IF('Standard Profiles'!$G$22=$B$10,7,0)+IF('Standard Profiles'!$G$22=$B$17,14,0)+IF('Standard Profiles'!$G$22=$B$24,21,0),MOD($C7999,24)+1)/SUM(INDEX($D$3:$AA$30,INDEX(Jesper!$R$2:$R$366,ROW(INDEX(Jesper!AL$2:AL$366,ROUNDDOWN($C7999/24,0)+1,1))-1)+IF('Standard Profiles'!$G$22=$B$10,7,0)+IF('Standard Profiles'!$G$22=$B$17,14,0)+IF('Standard Profiles'!$G$22=$B$24,21,0),0)),0)</f>
        <v>0</v>
      </c>
      <c r="I7999">
        <f t="shared" si="888"/>
        <v>0.26263849305726733</v>
      </c>
      <c r="J7999">
        <f t="shared" si="889"/>
        <v>0.87546164352422451</v>
      </c>
      <c r="K7999">
        <f t="shared" si="890"/>
        <v>1.3131924652863367</v>
      </c>
      <c r="L7999">
        <f t="shared" si="891"/>
        <v>6.3033238333744155</v>
      </c>
      <c r="M7999">
        <f t="shared" si="892"/>
        <v>0</v>
      </c>
      <c r="N7999" s="46">
        <f t="shared" si="893"/>
        <v>45623.874999980682</v>
      </c>
    </row>
    <row r="8000" spans="2:14" x14ac:dyDescent="0.3">
      <c r="B8000">
        <f t="shared" si="887"/>
        <v>3</v>
      </c>
      <c r="C8000" s="16">
        <v>7966</v>
      </c>
      <c r="D8000" cm="1">
        <f t="array" ref="D8000">IFERROR(INDEX(Jesper!AH$2:AH$366,ROUNDDOWN($C8000/24,0)+1,1)*INDEX($D$3:$AA$30,INDEX(Jesper!$R$2:$R$366,ROW(INDEX(Jesper!AH$2:AH$366,ROUNDDOWN($C8000/24,0)+1,1))-1)+IF('Standard Profiles'!$G$18=$B$10,7,0)+IF('Standard Profiles'!$G$18=$B$17,14,0)+IF('Standard Profiles'!$G$18=$B$24,21,0),MOD($C8000,24)+1)/SUM(INDEX($D$3:$AA$30,INDEX(Jesper!$R$2:$R$366,ROW(INDEX(Jesper!AH$2:AH$366,ROUNDDOWN($C8000/24,0)+1,1))-1)+IF('Standard Profiles'!$G$18=$B$10,7,0)+IF('Standard Profiles'!$G$18=$B$17,14,0)+IF('Standard Profiles'!$G$18=$B$24,21,0),0)),0)</f>
        <v>8.7546164352422444</v>
      </c>
      <c r="E8000" cm="1">
        <f t="array" ref="E8000">IFERROR(INDEX(Jesper!AI$2:AI$366,ROUNDDOWN($C8000/24,0)+1,1)*INDEX($D$3:$AA$30,INDEX(Jesper!$R$2:$R$366,ROW(INDEX(Jesper!AI$2:AI$366,ROUNDDOWN($C8000/24,0)+1,1))-1)+IF('Standard Profiles'!$G$19=$B$10,7,0)+IF('Standard Profiles'!$G$19=$B$17,14,0)+IF('Standard Profiles'!$G$19=$B$24,21,0),MOD($C8000,24)+1)/SUM(INDEX($D$3:$AA$30,INDEX(Jesper!$R$2:$R$366,ROW(INDEX(Jesper!AI$2:AI$366,ROUNDDOWN($C8000/24,0)+1,1))-1)+IF('Standard Profiles'!$G$19=$B$10,7,0)+IF('Standard Profiles'!$G$19=$B$17,14,0)+IF('Standard Profiles'!$G$19=$B$24,21,0),0)),0)</f>
        <v>0</v>
      </c>
      <c r="F8000" cm="1">
        <f t="array" ref="F8000">IFERROR(INDEX(Jesper!AJ$2:AJ$366,ROUNDDOWN($C8000/24,0)+1,1)*INDEX($D$3:$AA$30,INDEX(Jesper!$R$2:$R$366,ROW(INDEX(Jesper!AJ$2:AJ$366,ROUNDDOWN($C8000/24,0)+1,1))-1)+IF('Standard Profiles'!$G$20=$B$10,7,0)+IF('Standard Profiles'!$G$20=$B$17,14,0)+IF('Standard Profiles'!$G$20=$B$24,21,0),MOD($C8000,24)+1)/SUM(INDEX($D$3:$AA$30,INDEX(Jesper!$R$2:$R$366,ROW(INDEX(Jesper!AJ$2:AJ$366,ROUNDDOWN($C8000/24,0)+1,1))-1)+IF('Standard Profiles'!$G$20=$B$10,7,0)+IF('Standard Profiles'!$G$20=$B$17,14,0)+IF('Standard Profiles'!$G$20=$B$24,21,0),0)),0)</f>
        <v>0</v>
      </c>
      <c r="G8000" cm="1">
        <f t="array" ref="G8000">IFERROR(INDEX(Jesper!AK$2:AK$366,ROUNDDOWN($C8000/24,0)+1,1)*INDEX($D$3:$AA$30,INDEX(Jesper!$R$2:$R$366,ROW(INDEX(Jesper!AK$2:AK$366,ROUNDDOWN($C8000/24,0)+1,1))-1)+IF('Standard Profiles'!$G$21=$B$10,7,0)+IF('Standard Profiles'!$G$21=$B$17,14,0)+IF('Standard Profiles'!$G$21=$B$24,21,0),MOD($C8000,24)+1)/SUM(INDEX($D$3:$AA$30,INDEX(Jesper!$R$2:$R$366,ROW(INDEX(Jesper!AK$2:AK$366,ROUNDDOWN($C8000/24,0)+1,1))-1)+IF('Standard Profiles'!$G$21=$B$10,7,0)+IF('Standard Profiles'!$G$21=$B$17,14,0)+IF('Standard Profiles'!$G$21=$B$24,21,0),0)),0)</f>
        <v>0</v>
      </c>
      <c r="H8000" cm="1">
        <f t="array" ref="H8000">IFERROR(INDEX(Jesper!AL$2:AL$366,ROUNDDOWN($C8000/24,0)+1,1)*INDEX($D$3:$AA$30,INDEX(Jesper!$R$2:$R$366,ROW(INDEX(Jesper!AL$2:AL$366,ROUNDDOWN($C8000/24,0)+1,1))-1)+IF('Standard Profiles'!$G$22=$B$10,7,0)+IF('Standard Profiles'!$G$22=$B$17,14,0)+IF('Standard Profiles'!$G$22=$B$24,21,0),MOD($C8000,24)+1)/SUM(INDEX($D$3:$AA$30,INDEX(Jesper!$R$2:$R$366,ROW(INDEX(Jesper!AL$2:AL$366,ROUNDDOWN($C8000/24,0)+1,1))-1)+IF('Standard Profiles'!$G$22=$B$10,7,0)+IF('Standard Profiles'!$G$22=$B$17,14,0)+IF('Standard Profiles'!$G$22=$B$24,21,0),0)),0)</f>
        <v>0</v>
      </c>
      <c r="I8000">
        <f t="shared" si="888"/>
        <v>0.26263849305726733</v>
      </c>
      <c r="J8000">
        <f t="shared" si="889"/>
        <v>0.87546164352422451</v>
      </c>
      <c r="K8000">
        <f t="shared" si="890"/>
        <v>1.3131924652863367</v>
      </c>
      <c r="L8000">
        <f t="shared" si="891"/>
        <v>6.3033238333744155</v>
      </c>
      <c r="M8000">
        <f t="shared" si="892"/>
        <v>0</v>
      </c>
      <c r="N8000" s="46">
        <f t="shared" si="893"/>
        <v>45623.916666647347</v>
      </c>
    </row>
    <row r="8001" spans="2:14" x14ac:dyDescent="0.3">
      <c r="B8001">
        <f t="shared" si="887"/>
        <v>3</v>
      </c>
      <c r="C8001" s="16">
        <v>7967</v>
      </c>
      <c r="D8001" cm="1">
        <f t="array" ref="D8001">IFERROR(INDEX(Jesper!AH$2:AH$366,ROUNDDOWN($C8001/24,0)+1,1)*INDEX($D$3:$AA$30,INDEX(Jesper!$R$2:$R$366,ROW(INDEX(Jesper!AH$2:AH$366,ROUNDDOWN($C8001/24,0)+1,1))-1)+IF('Standard Profiles'!$G$18=$B$10,7,0)+IF('Standard Profiles'!$G$18=$B$17,14,0)+IF('Standard Profiles'!$G$18=$B$24,21,0),MOD($C8001,24)+1)/SUM(INDEX($D$3:$AA$30,INDEX(Jesper!$R$2:$R$366,ROW(INDEX(Jesper!AH$2:AH$366,ROUNDDOWN($C8001/24,0)+1,1))-1)+IF('Standard Profiles'!$G$18=$B$10,7,0)+IF('Standard Profiles'!$G$18=$B$17,14,0)+IF('Standard Profiles'!$G$18=$B$24,21,0),0)),0)</f>
        <v>8.7546164352422444</v>
      </c>
      <c r="E8001" cm="1">
        <f t="array" ref="E8001">IFERROR(INDEX(Jesper!AI$2:AI$366,ROUNDDOWN($C8001/24,0)+1,1)*INDEX($D$3:$AA$30,INDEX(Jesper!$R$2:$R$366,ROW(INDEX(Jesper!AI$2:AI$366,ROUNDDOWN($C8001/24,0)+1,1))-1)+IF('Standard Profiles'!$G$19=$B$10,7,0)+IF('Standard Profiles'!$G$19=$B$17,14,0)+IF('Standard Profiles'!$G$19=$B$24,21,0),MOD($C8001,24)+1)/SUM(INDEX($D$3:$AA$30,INDEX(Jesper!$R$2:$R$366,ROW(INDEX(Jesper!AI$2:AI$366,ROUNDDOWN($C8001/24,0)+1,1))-1)+IF('Standard Profiles'!$G$19=$B$10,7,0)+IF('Standard Profiles'!$G$19=$B$17,14,0)+IF('Standard Profiles'!$G$19=$B$24,21,0),0)),0)</f>
        <v>0</v>
      </c>
      <c r="F8001" cm="1">
        <f t="array" ref="F8001">IFERROR(INDEX(Jesper!AJ$2:AJ$366,ROUNDDOWN($C8001/24,0)+1,1)*INDEX($D$3:$AA$30,INDEX(Jesper!$R$2:$R$366,ROW(INDEX(Jesper!AJ$2:AJ$366,ROUNDDOWN($C8001/24,0)+1,1))-1)+IF('Standard Profiles'!$G$20=$B$10,7,0)+IF('Standard Profiles'!$G$20=$B$17,14,0)+IF('Standard Profiles'!$G$20=$B$24,21,0),MOD($C8001,24)+1)/SUM(INDEX($D$3:$AA$30,INDEX(Jesper!$R$2:$R$366,ROW(INDEX(Jesper!AJ$2:AJ$366,ROUNDDOWN($C8001/24,0)+1,1))-1)+IF('Standard Profiles'!$G$20=$B$10,7,0)+IF('Standard Profiles'!$G$20=$B$17,14,0)+IF('Standard Profiles'!$G$20=$B$24,21,0),0)),0)</f>
        <v>0</v>
      </c>
      <c r="G8001" cm="1">
        <f t="array" ref="G8001">IFERROR(INDEX(Jesper!AK$2:AK$366,ROUNDDOWN($C8001/24,0)+1,1)*INDEX($D$3:$AA$30,INDEX(Jesper!$R$2:$R$366,ROW(INDEX(Jesper!AK$2:AK$366,ROUNDDOWN($C8001/24,0)+1,1))-1)+IF('Standard Profiles'!$G$21=$B$10,7,0)+IF('Standard Profiles'!$G$21=$B$17,14,0)+IF('Standard Profiles'!$G$21=$B$24,21,0),MOD($C8001,24)+1)/SUM(INDEX($D$3:$AA$30,INDEX(Jesper!$R$2:$R$366,ROW(INDEX(Jesper!AK$2:AK$366,ROUNDDOWN($C8001/24,0)+1,1))-1)+IF('Standard Profiles'!$G$21=$B$10,7,0)+IF('Standard Profiles'!$G$21=$B$17,14,0)+IF('Standard Profiles'!$G$21=$B$24,21,0),0)),0)</f>
        <v>0</v>
      </c>
      <c r="H8001" cm="1">
        <f t="array" ref="H8001">IFERROR(INDEX(Jesper!AL$2:AL$366,ROUNDDOWN($C8001/24,0)+1,1)*INDEX($D$3:$AA$30,INDEX(Jesper!$R$2:$R$366,ROW(INDEX(Jesper!AL$2:AL$366,ROUNDDOWN($C8001/24,0)+1,1))-1)+IF('Standard Profiles'!$G$22=$B$10,7,0)+IF('Standard Profiles'!$G$22=$B$17,14,0)+IF('Standard Profiles'!$G$22=$B$24,21,0),MOD($C8001,24)+1)/SUM(INDEX($D$3:$AA$30,INDEX(Jesper!$R$2:$R$366,ROW(INDEX(Jesper!AL$2:AL$366,ROUNDDOWN($C8001/24,0)+1,1))-1)+IF('Standard Profiles'!$G$22=$B$10,7,0)+IF('Standard Profiles'!$G$22=$B$17,14,0)+IF('Standard Profiles'!$G$22=$B$24,21,0),0)),0)</f>
        <v>0</v>
      </c>
      <c r="I8001">
        <f t="shared" si="888"/>
        <v>0.26263849305726733</v>
      </c>
      <c r="J8001">
        <f t="shared" si="889"/>
        <v>0.87546164352422451</v>
      </c>
      <c r="K8001">
        <f t="shared" si="890"/>
        <v>1.3131924652863367</v>
      </c>
      <c r="L8001">
        <f t="shared" si="891"/>
        <v>6.3033238333744155</v>
      </c>
      <c r="M8001">
        <f t="shared" si="892"/>
        <v>0</v>
      </c>
      <c r="N8001" s="46">
        <f t="shared" si="893"/>
        <v>45623.958333314011</v>
      </c>
    </row>
    <row r="8002" spans="2:14" x14ac:dyDescent="0.3">
      <c r="B8002">
        <f t="shared" si="887"/>
        <v>4</v>
      </c>
      <c r="C8002" s="16">
        <v>7968</v>
      </c>
      <c r="D8002" cm="1">
        <f t="array" ref="D8002">IFERROR(INDEX(Jesper!AH$2:AH$366,ROUNDDOWN($C8002/24,0)+1,1)*INDEX($D$3:$AA$30,INDEX(Jesper!$R$2:$R$366,ROW(INDEX(Jesper!AH$2:AH$366,ROUNDDOWN($C8002/24,0)+1,1))-1)+IF('Standard Profiles'!$G$18=$B$10,7,0)+IF('Standard Profiles'!$G$18=$B$17,14,0)+IF('Standard Profiles'!$G$18=$B$24,21,0),MOD($C8002,24)+1)/SUM(INDEX($D$3:$AA$30,INDEX(Jesper!$R$2:$R$366,ROW(INDEX(Jesper!AH$2:AH$366,ROUNDDOWN($C8002/24,0)+1,1))-1)+IF('Standard Profiles'!$G$18=$B$10,7,0)+IF('Standard Profiles'!$G$18=$B$17,14,0)+IF('Standard Profiles'!$G$18=$B$24,21,0),0)),0)</f>
        <v>8.3685664616903974</v>
      </c>
      <c r="E8002" cm="1">
        <f t="array" ref="E8002">IFERROR(INDEX(Jesper!AI$2:AI$366,ROUNDDOWN($C8002/24,0)+1,1)*INDEX($D$3:$AA$30,INDEX(Jesper!$R$2:$R$366,ROW(INDEX(Jesper!AI$2:AI$366,ROUNDDOWN($C8002/24,0)+1,1))-1)+IF('Standard Profiles'!$G$19=$B$10,7,0)+IF('Standard Profiles'!$G$19=$B$17,14,0)+IF('Standard Profiles'!$G$19=$B$24,21,0),MOD($C8002,24)+1)/SUM(INDEX($D$3:$AA$30,INDEX(Jesper!$R$2:$R$366,ROW(INDEX(Jesper!AI$2:AI$366,ROUNDDOWN($C8002/24,0)+1,1))-1)+IF('Standard Profiles'!$G$19=$B$10,7,0)+IF('Standard Profiles'!$G$19=$B$17,14,0)+IF('Standard Profiles'!$G$19=$B$24,21,0),0)),0)</f>
        <v>0</v>
      </c>
      <c r="F8002" cm="1">
        <f t="array" ref="F8002">IFERROR(INDEX(Jesper!AJ$2:AJ$366,ROUNDDOWN($C8002/24,0)+1,1)*INDEX($D$3:$AA$30,INDEX(Jesper!$R$2:$R$366,ROW(INDEX(Jesper!AJ$2:AJ$366,ROUNDDOWN($C8002/24,0)+1,1))-1)+IF('Standard Profiles'!$G$20=$B$10,7,0)+IF('Standard Profiles'!$G$20=$B$17,14,0)+IF('Standard Profiles'!$G$20=$B$24,21,0),MOD($C8002,24)+1)/SUM(INDEX($D$3:$AA$30,INDEX(Jesper!$R$2:$R$366,ROW(INDEX(Jesper!AJ$2:AJ$366,ROUNDDOWN($C8002/24,0)+1,1))-1)+IF('Standard Profiles'!$G$20=$B$10,7,0)+IF('Standard Profiles'!$G$20=$B$17,14,0)+IF('Standard Profiles'!$G$20=$B$24,21,0),0)),0)</f>
        <v>0</v>
      </c>
      <c r="G8002" cm="1">
        <f t="array" ref="G8002">IFERROR(INDEX(Jesper!AK$2:AK$366,ROUNDDOWN($C8002/24,0)+1,1)*INDEX($D$3:$AA$30,INDEX(Jesper!$R$2:$R$366,ROW(INDEX(Jesper!AK$2:AK$366,ROUNDDOWN($C8002/24,0)+1,1))-1)+IF('Standard Profiles'!$G$21=$B$10,7,0)+IF('Standard Profiles'!$G$21=$B$17,14,0)+IF('Standard Profiles'!$G$21=$B$24,21,0),MOD($C8002,24)+1)/SUM(INDEX($D$3:$AA$30,INDEX(Jesper!$R$2:$R$366,ROW(INDEX(Jesper!AK$2:AK$366,ROUNDDOWN($C8002/24,0)+1,1))-1)+IF('Standard Profiles'!$G$21=$B$10,7,0)+IF('Standard Profiles'!$G$21=$B$17,14,0)+IF('Standard Profiles'!$G$21=$B$24,21,0),0)),0)</f>
        <v>0</v>
      </c>
      <c r="H8002" cm="1">
        <f t="array" ref="H8002">IFERROR(INDEX(Jesper!AL$2:AL$366,ROUNDDOWN($C8002/24,0)+1,1)*INDEX($D$3:$AA$30,INDEX(Jesper!$R$2:$R$366,ROW(INDEX(Jesper!AL$2:AL$366,ROUNDDOWN($C8002/24,0)+1,1))-1)+IF('Standard Profiles'!$G$22=$B$10,7,0)+IF('Standard Profiles'!$G$22=$B$17,14,0)+IF('Standard Profiles'!$G$22=$B$24,21,0),MOD($C8002,24)+1)/SUM(INDEX($D$3:$AA$30,INDEX(Jesper!$R$2:$R$366,ROW(INDEX(Jesper!AL$2:AL$366,ROUNDDOWN($C8002/24,0)+1,1))-1)+IF('Standard Profiles'!$G$22=$B$10,7,0)+IF('Standard Profiles'!$G$22=$B$17,14,0)+IF('Standard Profiles'!$G$22=$B$24,21,0),0)),0)</f>
        <v>0</v>
      </c>
      <c r="I8002">
        <f t="shared" si="888"/>
        <v>0.2510569938507119</v>
      </c>
      <c r="J8002">
        <f t="shared" si="889"/>
        <v>0.83685664616903976</v>
      </c>
      <c r="K8002">
        <f t="shared" si="890"/>
        <v>1.2552849692535595</v>
      </c>
      <c r="L8002">
        <f t="shared" si="891"/>
        <v>6.0253678524170855</v>
      </c>
      <c r="M8002">
        <f t="shared" si="892"/>
        <v>0</v>
      </c>
      <c r="N8002" s="46">
        <f t="shared" si="893"/>
        <v>45623.999999980675</v>
      </c>
    </row>
    <row r="8003" spans="2:14" x14ac:dyDescent="0.3">
      <c r="B8003">
        <f t="shared" si="887"/>
        <v>4</v>
      </c>
      <c r="C8003" s="16">
        <v>7969</v>
      </c>
      <c r="D8003" cm="1">
        <f t="array" ref="D8003">IFERROR(INDEX(Jesper!AH$2:AH$366,ROUNDDOWN($C8003/24,0)+1,1)*INDEX($D$3:$AA$30,INDEX(Jesper!$R$2:$R$366,ROW(INDEX(Jesper!AH$2:AH$366,ROUNDDOWN($C8003/24,0)+1,1))-1)+IF('Standard Profiles'!$G$18=$B$10,7,0)+IF('Standard Profiles'!$G$18=$B$17,14,0)+IF('Standard Profiles'!$G$18=$B$24,21,0),MOD($C8003,24)+1)/SUM(INDEX($D$3:$AA$30,INDEX(Jesper!$R$2:$R$366,ROW(INDEX(Jesper!AH$2:AH$366,ROUNDDOWN($C8003/24,0)+1,1))-1)+IF('Standard Profiles'!$G$18=$B$10,7,0)+IF('Standard Profiles'!$G$18=$B$17,14,0)+IF('Standard Profiles'!$G$18=$B$24,21,0),0)),0)</f>
        <v>8.3685664616903974</v>
      </c>
      <c r="E8003" cm="1">
        <f t="array" ref="E8003">IFERROR(INDEX(Jesper!AI$2:AI$366,ROUNDDOWN($C8003/24,0)+1,1)*INDEX($D$3:$AA$30,INDEX(Jesper!$R$2:$R$366,ROW(INDEX(Jesper!AI$2:AI$366,ROUNDDOWN($C8003/24,0)+1,1))-1)+IF('Standard Profiles'!$G$19=$B$10,7,0)+IF('Standard Profiles'!$G$19=$B$17,14,0)+IF('Standard Profiles'!$G$19=$B$24,21,0),MOD($C8003,24)+1)/SUM(INDEX($D$3:$AA$30,INDEX(Jesper!$R$2:$R$366,ROW(INDEX(Jesper!AI$2:AI$366,ROUNDDOWN($C8003/24,0)+1,1))-1)+IF('Standard Profiles'!$G$19=$B$10,7,0)+IF('Standard Profiles'!$G$19=$B$17,14,0)+IF('Standard Profiles'!$G$19=$B$24,21,0),0)),0)</f>
        <v>0</v>
      </c>
      <c r="F8003" cm="1">
        <f t="array" ref="F8003">IFERROR(INDEX(Jesper!AJ$2:AJ$366,ROUNDDOWN($C8003/24,0)+1,1)*INDEX($D$3:$AA$30,INDEX(Jesper!$R$2:$R$366,ROW(INDEX(Jesper!AJ$2:AJ$366,ROUNDDOWN($C8003/24,0)+1,1))-1)+IF('Standard Profiles'!$G$20=$B$10,7,0)+IF('Standard Profiles'!$G$20=$B$17,14,0)+IF('Standard Profiles'!$G$20=$B$24,21,0),MOD($C8003,24)+1)/SUM(INDEX($D$3:$AA$30,INDEX(Jesper!$R$2:$R$366,ROW(INDEX(Jesper!AJ$2:AJ$366,ROUNDDOWN($C8003/24,0)+1,1))-1)+IF('Standard Profiles'!$G$20=$B$10,7,0)+IF('Standard Profiles'!$G$20=$B$17,14,0)+IF('Standard Profiles'!$G$20=$B$24,21,0),0)),0)</f>
        <v>0</v>
      </c>
      <c r="G8003" cm="1">
        <f t="array" ref="G8003">IFERROR(INDEX(Jesper!AK$2:AK$366,ROUNDDOWN($C8003/24,0)+1,1)*INDEX($D$3:$AA$30,INDEX(Jesper!$R$2:$R$366,ROW(INDEX(Jesper!AK$2:AK$366,ROUNDDOWN($C8003/24,0)+1,1))-1)+IF('Standard Profiles'!$G$21=$B$10,7,0)+IF('Standard Profiles'!$G$21=$B$17,14,0)+IF('Standard Profiles'!$G$21=$B$24,21,0),MOD($C8003,24)+1)/SUM(INDEX($D$3:$AA$30,INDEX(Jesper!$R$2:$R$366,ROW(INDEX(Jesper!AK$2:AK$366,ROUNDDOWN($C8003/24,0)+1,1))-1)+IF('Standard Profiles'!$G$21=$B$10,7,0)+IF('Standard Profiles'!$G$21=$B$17,14,0)+IF('Standard Profiles'!$G$21=$B$24,21,0),0)),0)</f>
        <v>0</v>
      </c>
      <c r="H8003" cm="1">
        <f t="array" ref="H8003">IFERROR(INDEX(Jesper!AL$2:AL$366,ROUNDDOWN($C8003/24,0)+1,1)*INDEX($D$3:$AA$30,INDEX(Jesper!$R$2:$R$366,ROW(INDEX(Jesper!AL$2:AL$366,ROUNDDOWN($C8003/24,0)+1,1))-1)+IF('Standard Profiles'!$G$22=$B$10,7,0)+IF('Standard Profiles'!$G$22=$B$17,14,0)+IF('Standard Profiles'!$G$22=$B$24,21,0),MOD($C8003,24)+1)/SUM(INDEX($D$3:$AA$30,INDEX(Jesper!$R$2:$R$366,ROW(INDEX(Jesper!AL$2:AL$366,ROUNDDOWN($C8003/24,0)+1,1))-1)+IF('Standard Profiles'!$G$22=$B$10,7,0)+IF('Standard Profiles'!$G$22=$B$17,14,0)+IF('Standard Profiles'!$G$22=$B$24,21,0),0)),0)</f>
        <v>0</v>
      </c>
      <c r="I8003">
        <f t="shared" si="888"/>
        <v>0.2510569938507119</v>
      </c>
      <c r="J8003">
        <f t="shared" si="889"/>
        <v>0.83685664616903976</v>
      </c>
      <c r="K8003">
        <f t="shared" si="890"/>
        <v>1.2552849692535595</v>
      </c>
      <c r="L8003">
        <f t="shared" si="891"/>
        <v>6.0253678524170855</v>
      </c>
      <c r="M8003">
        <f t="shared" si="892"/>
        <v>0</v>
      </c>
      <c r="N8003" s="46">
        <f t="shared" si="893"/>
        <v>45624.041666647339</v>
      </c>
    </row>
    <row r="8004" spans="2:14" x14ac:dyDescent="0.3">
      <c r="B8004">
        <f t="shared" si="887"/>
        <v>4</v>
      </c>
      <c r="C8004" s="16">
        <v>7970</v>
      </c>
      <c r="D8004" cm="1">
        <f t="array" ref="D8004">IFERROR(INDEX(Jesper!AH$2:AH$366,ROUNDDOWN($C8004/24,0)+1,1)*INDEX($D$3:$AA$30,INDEX(Jesper!$R$2:$R$366,ROW(INDEX(Jesper!AH$2:AH$366,ROUNDDOWN($C8004/24,0)+1,1))-1)+IF('Standard Profiles'!$G$18=$B$10,7,0)+IF('Standard Profiles'!$G$18=$B$17,14,0)+IF('Standard Profiles'!$G$18=$B$24,21,0),MOD($C8004,24)+1)/SUM(INDEX($D$3:$AA$30,INDEX(Jesper!$R$2:$R$366,ROW(INDEX(Jesper!AH$2:AH$366,ROUNDDOWN($C8004/24,0)+1,1))-1)+IF('Standard Profiles'!$G$18=$B$10,7,0)+IF('Standard Profiles'!$G$18=$B$17,14,0)+IF('Standard Profiles'!$G$18=$B$24,21,0),0)),0)</f>
        <v>8.3685664616903974</v>
      </c>
      <c r="E8004" cm="1">
        <f t="array" ref="E8004">IFERROR(INDEX(Jesper!AI$2:AI$366,ROUNDDOWN($C8004/24,0)+1,1)*INDEX($D$3:$AA$30,INDEX(Jesper!$R$2:$R$366,ROW(INDEX(Jesper!AI$2:AI$366,ROUNDDOWN($C8004/24,0)+1,1))-1)+IF('Standard Profiles'!$G$19=$B$10,7,0)+IF('Standard Profiles'!$G$19=$B$17,14,0)+IF('Standard Profiles'!$G$19=$B$24,21,0),MOD($C8004,24)+1)/SUM(INDEX($D$3:$AA$30,INDEX(Jesper!$R$2:$R$366,ROW(INDEX(Jesper!AI$2:AI$366,ROUNDDOWN($C8004/24,0)+1,1))-1)+IF('Standard Profiles'!$G$19=$B$10,7,0)+IF('Standard Profiles'!$G$19=$B$17,14,0)+IF('Standard Profiles'!$G$19=$B$24,21,0),0)),0)</f>
        <v>0</v>
      </c>
      <c r="F8004" cm="1">
        <f t="array" ref="F8004">IFERROR(INDEX(Jesper!AJ$2:AJ$366,ROUNDDOWN($C8004/24,0)+1,1)*INDEX($D$3:$AA$30,INDEX(Jesper!$R$2:$R$366,ROW(INDEX(Jesper!AJ$2:AJ$366,ROUNDDOWN($C8004/24,0)+1,1))-1)+IF('Standard Profiles'!$G$20=$B$10,7,0)+IF('Standard Profiles'!$G$20=$B$17,14,0)+IF('Standard Profiles'!$G$20=$B$24,21,0),MOD($C8004,24)+1)/SUM(INDEX($D$3:$AA$30,INDEX(Jesper!$R$2:$R$366,ROW(INDEX(Jesper!AJ$2:AJ$366,ROUNDDOWN($C8004/24,0)+1,1))-1)+IF('Standard Profiles'!$G$20=$B$10,7,0)+IF('Standard Profiles'!$G$20=$B$17,14,0)+IF('Standard Profiles'!$G$20=$B$24,21,0),0)),0)</f>
        <v>0</v>
      </c>
      <c r="G8004" cm="1">
        <f t="array" ref="G8004">IFERROR(INDEX(Jesper!AK$2:AK$366,ROUNDDOWN($C8004/24,0)+1,1)*INDEX($D$3:$AA$30,INDEX(Jesper!$R$2:$R$366,ROW(INDEX(Jesper!AK$2:AK$366,ROUNDDOWN($C8004/24,0)+1,1))-1)+IF('Standard Profiles'!$G$21=$B$10,7,0)+IF('Standard Profiles'!$G$21=$B$17,14,0)+IF('Standard Profiles'!$G$21=$B$24,21,0),MOD($C8004,24)+1)/SUM(INDEX($D$3:$AA$30,INDEX(Jesper!$R$2:$R$366,ROW(INDEX(Jesper!AK$2:AK$366,ROUNDDOWN($C8004/24,0)+1,1))-1)+IF('Standard Profiles'!$G$21=$B$10,7,0)+IF('Standard Profiles'!$G$21=$B$17,14,0)+IF('Standard Profiles'!$G$21=$B$24,21,0),0)),0)</f>
        <v>0</v>
      </c>
      <c r="H8004" cm="1">
        <f t="array" ref="H8004">IFERROR(INDEX(Jesper!AL$2:AL$366,ROUNDDOWN($C8004/24,0)+1,1)*INDEX($D$3:$AA$30,INDEX(Jesper!$R$2:$R$366,ROW(INDEX(Jesper!AL$2:AL$366,ROUNDDOWN($C8004/24,0)+1,1))-1)+IF('Standard Profiles'!$G$22=$B$10,7,0)+IF('Standard Profiles'!$G$22=$B$17,14,0)+IF('Standard Profiles'!$G$22=$B$24,21,0),MOD($C8004,24)+1)/SUM(INDEX($D$3:$AA$30,INDEX(Jesper!$R$2:$R$366,ROW(INDEX(Jesper!AL$2:AL$366,ROUNDDOWN($C8004/24,0)+1,1))-1)+IF('Standard Profiles'!$G$22=$B$10,7,0)+IF('Standard Profiles'!$G$22=$B$17,14,0)+IF('Standard Profiles'!$G$22=$B$24,21,0),0)),0)</f>
        <v>0</v>
      </c>
      <c r="I8004">
        <f t="shared" si="888"/>
        <v>0.2510569938507119</v>
      </c>
      <c r="J8004">
        <f t="shared" si="889"/>
        <v>0.83685664616903976</v>
      </c>
      <c r="K8004">
        <f t="shared" si="890"/>
        <v>1.2552849692535595</v>
      </c>
      <c r="L8004">
        <f t="shared" si="891"/>
        <v>6.0253678524170855</v>
      </c>
      <c r="M8004">
        <f t="shared" si="892"/>
        <v>0</v>
      </c>
      <c r="N8004" s="46">
        <f t="shared" si="893"/>
        <v>45624.083333314004</v>
      </c>
    </row>
    <row r="8005" spans="2:14" x14ac:dyDescent="0.3">
      <c r="B8005">
        <f t="shared" si="887"/>
        <v>4</v>
      </c>
      <c r="C8005" s="16">
        <v>7971</v>
      </c>
      <c r="D8005" cm="1">
        <f t="array" ref="D8005">IFERROR(INDEX(Jesper!AH$2:AH$366,ROUNDDOWN($C8005/24,0)+1,1)*INDEX($D$3:$AA$30,INDEX(Jesper!$R$2:$R$366,ROW(INDEX(Jesper!AH$2:AH$366,ROUNDDOWN($C8005/24,0)+1,1))-1)+IF('Standard Profiles'!$G$18=$B$10,7,0)+IF('Standard Profiles'!$G$18=$B$17,14,0)+IF('Standard Profiles'!$G$18=$B$24,21,0),MOD($C8005,24)+1)/SUM(INDEX($D$3:$AA$30,INDEX(Jesper!$R$2:$R$366,ROW(INDEX(Jesper!AH$2:AH$366,ROUNDDOWN($C8005/24,0)+1,1))-1)+IF('Standard Profiles'!$G$18=$B$10,7,0)+IF('Standard Profiles'!$G$18=$B$17,14,0)+IF('Standard Profiles'!$G$18=$B$24,21,0),0)),0)</f>
        <v>8.3685664616903974</v>
      </c>
      <c r="E8005" cm="1">
        <f t="array" ref="E8005">IFERROR(INDEX(Jesper!AI$2:AI$366,ROUNDDOWN($C8005/24,0)+1,1)*INDEX($D$3:$AA$30,INDEX(Jesper!$R$2:$R$366,ROW(INDEX(Jesper!AI$2:AI$366,ROUNDDOWN($C8005/24,0)+1,1))-1)+IF('Standard Profiles'!$G$19=$B$10,7,0)+IF('Standard Profiles'!$G$19=$B$17,14,0)+IF('Standard Profiles'!$G$19=$B$24,21,0),MOD($C8005,24)+1)/SUM(INDEX($D$3:$AA$30,INDEX(Jesper!$R$2:$R$366,ROW(INDEX(Jesper!AI$2:AI$366,ROUNDDOWN($C8005/24,0)+1,1))-1)+IF('Standard Profiles'!$G$19=$B$10,7,0)+IF('Standard Profiles'!$G$19=$B$17,14,0)+IF('Standard Profiles'!$G$19=$B$24,21,0),0)),0)</f>
        <v>0</v>
      </c>
      <c r="F8005" cm="1">
        <f t="array" ref="F8005">IFERROR(INDEX(Jesper!AJ$2:AJ$366,ROUNDDOWN($C8005/24,0)+1,1)*INDEX($D$3:$AA$30,INDEX(Jesper!$R$2:$R$366,ROW(INDEX(Jesper!AJ$2:AJ$366,ROUNDDOWN($C8005/24,0)+1,1))-1)+IF('Standard Profiles'!$G$20=$B$10,7,0)+IF('Standard Profiles'!$G$20=$B$17,14,0)+IF('Standard Profiles'!$G$20=$B$24,21,0),MOD($C8005,24)+1)/SUM(INDEX($D$3:$AA$30,INDEX(Jesper!$R$2:$R$366,ROW(INDEX(Jesper!AJ$2:AJ$366,ROUNDDOWN($C8005/24,0)+1,1))-1)+IF('Standard Profiles'!$G$20=$B$10,7,0)+IF('Standard Profiles'!$G$20=$B$17,14,0)+IF('Standard Profiles'!$G$20=$B$24,21,0),0)),0)</f>
        <v>0</v>
      </c>
      <c r="G8005" cm="1">
        <f t="array" ref="G8005">IFERROR(INDEX(Jesper!AK$2:AK$366,ROUNDDOWN($C8005/24,0)+1,1)*INDEX($D$3:$AA$30,INDEX(Jesper!$R$2:$R$366,ROW(INDEX(Jesper!AK$2:AK$366,ROUNDDOWN($C8005/24,0)+1,1))-1)+IF('Standard Profiles'!$G$21=$B$10,7,0)+IF('Standard Profiles'!$G$21=$B$17,14,0)+IF('Standard Profiles'!$G$21=$B$24,21,0),MOD($C8005,24)+1)/SUM(INDEX($D$3:$AA$30,INDEX(Jesper!$R$2:$R$366,ROW(INDEX(Jesper!AK$2:AK$366,ROUNDDOWN($C8005/24,0)+1,1))-1)+IF('Standard Profiles'!$G$21=$B$10,7,0)+IF('Standard Profiles'!$G$21=$B$17,14,0)+IF('Standard Profiles'!$G$21=$B$24,21,0),0)),0)</f>
        <v>0</v>
      </c>
      <c r="H8005" cm="1">
        <f t="array" ref="H8005">IFERROR(INDEX(Jesper!AL$2:AL$366,ROUNDDOWN($C8005/24,0)+1,1)*INDEX($D$3:$AA$30,INDEX(Jesper!$R$2:$R$366,ROW(INDEX(Jesper!AL$2:AL$366,ROUNDDOWN($C8005/24,0)+1,1))-1)+IF('Standard Profiles'!$G$22=$B$10,7,0)+IF('Standard Profiles'!$G$22=$B$17,14,0)+IF('Standard Profiles'!$G$22=$B$24,21,0),MOD($C8005,24)+1)/SUM(INDEX($D$3:$AA$30,INDEX(Jesper!$R$2:$R$366,ROW(INDEX(Jesper!AL$2:AL$366,ROUNDDOWN($C8005/24,0)+1,1))-1)+IF('Standard Profiles'!$G$22=$B$10,7,0)+IF('Standard Profiles'!$G$22=$B$17,14,0)+IF('Standard Profiles'!$G$22=$B$24,21,0),0)),0)</f>
        <v>0</v>
      </c>
      <c r="I8005">
        <f t="shared" si="888"/>
        <v>0.2510569938507119</v>
      </c>
      <c r="J8005">
        <f t="shared" si="889"/>
        <v>0.83685664616903976</v>
      </c>
      <c r="K8005">
        <f t="shared" si="890"/>
        <v>1.2552849692535595</v>
      </c>
      <c r="L8005">
        <f t="shared" si="891"/>
        <v>6.0253678524170855</v>
      </c>
      <c r="M8005">
        <f t="shared" si="892"/>
        <v>0</v>
      </c>
      <c r="N8005" s="46">
        <f t="shared" si="893"/>
        <v>45624.124999980668</v>
      </c>
    </row>
    <row r="8006" spans="2:14" x14ac:dyDescent="0.3">
      <c r="B8006">
        <f t="shared" si="887"/>
        <v>4</v>
      </c>
      <c r="C8006" s="16">
        <v>7972</v>
      </c>
      <c r="D8006" cm="1">
        <f t="array" ref="D8006">IFERROR(INDEX(Jesper!AH$2:AH$366,ROUNDDOWN($C8006/24,0)+1,1)*INDEX($D$3:$AA$30,INDEX(Jesper!$R$2:$R$366,ROW(INDEX(Jesper!AH$2:AH$366,ROUNDDOWN($C8006/24,0)+1,1))-1)+IF('Standard Profiles'!$G$18=$B$10,7,0)+IF('Standard Profiles'!$G$18=$B$17,14,0)+IF('Standard Profiles'!$G$18=$B$24,21,0),MOD($C8006,24)+1)/SUM(INDEX($D$3:$AA$30,INDEX(Jesper!$R$2:$R$366,ROW(INDEX(Jesper!AH$2:AH$366,ROUNDDOWN($C8006/24,0)+1,1))-1)+IF('Standard Profiles'!$G$18=$B$10,7,0)+IF('Standard Profiles'!$G$18=$B$17,14,0)+IF('Standard Profiles'!$G$18=$B$24,21,0),0)),0)</f>
        <v>8.3685664616903974</v>
      </c>
      <c r="E8006" cm="1">
        <f t="array" ref="E8006">IFERROR(INDEX(Jesper!AI$2:AI$366,ROUNDDOWN($C8006/24,0)+1,1)*INDEX($D$3:$AA$30,INDEX(Jesper!$R$2:$R$366,ROW(INDEX(Jesper!AI$2:AI$366,ROUNDDOWN($C8006/24,0)+1,1))-1)+IF('Standard Profiles'!$G$19=$B$10,7,0)+IF('Standard Profiles'!$G$19=$B$17,14,0)+IF('Standard Profiles'!$G$19=$B$24,21,0),MOD($C8006,24)+1)/SUM(INDEX($D$3:$AA$30,INDEX(Jesper!$R$2:$R$366,ROW(INDEX(Jesper!AI$2:AI$366,ROUNDDOWN($C8006/24,0)+1,1))-1)+IF('Standard Profiles'!$G$19=$B$10,7,0)+IF('Standard Profiles'!$G$19=$B$17,14,0)+IF('Standard Profiles'!$G$19=$B$24,21,0),0)),0)</f>
        <v>0</v>
      </c>
      <c r="F8006" cm="1">
        <f t="array" ref="F8006">IFERROR(INDEX(Jesper!AJ$2:AJ$366,ROUNDDOWN($C8006/24,0)+1,1)*INDEX($D$3:$AA$30,INDEX(Jesper!$R$2:$R$366,ROW(INDEX(Jesper!AJ$2:AJ$366,ROUNDDOWN($C8006/24,0)+1,1))-1)+IF('Standard Profiles'!$G$20=$B$10,7,0)+IF('Standard Profiles'!$G$20=$B$17,14,0)+IF('Standard Profiles'!$G$20=$B$24,21,0),MOD($C8006,24)+1)/SUM(INDEX($D$3:$AA$30,INDEX(Jesper!$R$2:$R$366,ROW(INDEX(Jesper!AJ$2:AJ$366,ROUNDDOWN($C8006/24,0)+1,1))-1)+IF('Standard Profiles'!$G$20=$B$10,7,0)+IF('Standard Profiles'!$G$20=$B$17,14,0)+IF('Standard Profiles'!$G$20=$B$24,21,0),0)),0)</f>
        <v>0</v>
      </c>
      <c r="G8006" cm="1">
        <f t="array" ref="G8006">IFERROR(INDEX(Jesper!AK$2:AK$366,ROUNDDOWN($C8006/24,0)+1,1)*INDEX($D$3:$AA$30,INDEX(Jesper!$R$2:$R$366,ROW(INDEX(Jesper!AK$2:AK$366,ROUNDDOWN($C8006/24,0)+1,1))-1)+IF('Standard Profiles'!$G$21=$B$10,7,0)+IF('Standard Profiles'!$G$21=$B$17,14,0)+IF('Standard Profiles'!$G$21=$B$24,21,0),MOD($C8006,24)+1)/SUM(INDEX($D$3:$AA$30,INDEX(Jesper!$R$2:$R$366,ROW(INDEX(Jesper!AK$2:AK$366,ROUNDDOWN($C8006/24,0)+1,1))-1)+IF('Standard Profiles'!$G$21=$B$10,7,0)+IF('Standard Profiles'!$G$21=$B$17,14,0)+IF('Standard Profiles'!$G$21=$B$24,21,0),0)),0)</f>
        <v>0</v>
      </c>
      <c r="H8006" cm="1">
        <f t="array" ref="H8006">IFERROR(INDEX(Jesper!AL$2:AL$366,ROUNDDOWN($C8006/24,0)+1,1)*INDEX($D$3:$AA$30,INDEX(Jesper!$R$2:$R$366,ROW(INDEX(Jesper!AL$2:AL$366,ROUNDDOWN($C8006/24,0)+1,1))-1)+IF('Standard Profiles'!$G$22=$B$10,7,0)+IF('Standard Profiles'!$G$22=$B$17,14,0)+IF('Standard Profiles'!$G$22=$B$24,21,0),MOD($C8006,24)+1)/SUM(INDEX($D$3:$AA$30,INDEX(Jesper!$R$2:$R$366,ROW(INDEX(Jesper!AL$2:AL$366,ROUNDDOWN($C8006/24,0)+1,1))-1)+IF('Standard Profiles'!$G$22=$B$10,7,0)+IF('Standard Profiles'!$G$22=$B$17,14,0)+IF('Standard Profiles'!$G$22=$B$24,21,0),0)),0)</f>
        <v>0</v>
      </c>
      <c r="I8006">
        <f t="shared" si="888"/>
        <v>0.2510569938507119</v>
      </c>
      <c r="J8006">
        <f t="shared" si="889"/>
        <v>0.83685664616903976</v>
      </c>
      <c r="K8006">
        <f t="shared" si="890"/>
        <v>1.2552849692535595</v>
      </c>
      <c r="L8006">
        <f t="shared" si="891"/>
        <v>6.0253678524170855</v>
      </c>
      <c r="M8006">
        <f t="shared" si="892"/>
        <v>0</v>
      </c>
      <c r="N8006" s="46">
        <f t="shared" si="893"/>
        <v>45624.166666647332</v>
      </c>
    </row>
    <row r="8007" spans="2:14" x14ac:dyDescent="0.3">
      <c r="B8007">
        <f t="shared" si="887"/>
        <v>4</v>
      </c>
      <c r="C8007" s="16">
        <v>7973</v>
      </c>
      <c r="D8007" cm="1">
        <f t="array" ref="D8007">IFERROR(INDEX(Jesper!AH$2:AH$366,ROUNDDOWN($C8007/24,0)+1,1)*INDEX($D$3:$AA$30,INDEX(Jesper!$R$2:$R$366,ROW(INDEX(Jesper!AH$2:AH$366,ROUNDDOWN($C8007/24,0)+1,1))-1)+IF('Standard Profiles'!$G$18=$B$10,7,0)+IF('Standard Profiles'!$G$18=$B$17,14,0)+IF('Standard Profiles'!$G$18=$B$24,21,0),MOD($C8007,24)+1)/SUM(INDEX($D$3:$AA$30,INDEX(Jesper!$R$2:$R$366,ROW(INDEX(Jesper!AH$2:AH$366,ROUNDDOWN($C8007/24,0)+1,1))-1)+IF('Standard Profiles'!$G$18=$B$10,7,0)+IF('Standard Profiles'!$G$18=$B$17,14,0)+IF('Standard Profiles'!$G$18=$B$24,21,0),0)),0)</f>
        <v>10.786152328400958</v>
      </c>
      <c r="E8007" cm="1">
        <f t="array" ref="E8007">IFERROR(INDEX(Jesper!AI$2:AI$366,ROUNDDOWN($C8007/24,0)+1,1)*INDEX($D$3:$AA$30,INDEX(Jesper!$R$2:$R$366,ROW(INDEX(Jesper!AI$2:AI$366,ROUNDDOWN($C8007/24,0)+1,1))-1)+IF('Standard Profiles'!$G$19=$B$10,7,0)+IF('Standard Profiles'!$G$19=$B$17,14,0)+IF('Standard Profiles'!$G$19=$B$24,21,0),MOD($C8007,24)+1)/SUM(INDEX($D$3:$AA$30,INDEX(Jesper!$R$2:$R$366,ROW(INDEX(Jesper!AI$2:AI$366,ROUNDDOWN($C8007/24,0)+1,1))-1)+IF('Standard Profiles'!$G$19=$B$10,7,0)+IF('Standard Profiles'!$G$19=$B$17,14,0)+IF('Standard Profiles'!$G$19=$B$24,21,0),0)),0)</f>
        <v>0</v>
      </c>
      <c r="F8007" cm="1">
        <f t="array" ref="F8007">IFERROR(INDEX(Jesper!AJ$2:AJ$366,ROUNDDOWN($C8007/24,0)+1,1)*INDEX($D$3:$AA$30,INDEX(Jesper!$R$2:$R$366,ROW(INDEX(Jesper!AJ$2:AJ$366,ROUNDDOWN($C8007/24,0)+1,1))-1)+IF('Standard Profiles'!$G$20=$B$10,7,0)+IF('Standard Profiles'!$G$20=$B$17,14,0)+IF('Standard Profiles'!$G$20=$B$24,21,0),MOD($C8007,24)+1)/SUM(INDEX($D$3:$AA$30,INDEX(Jesper!$R$2:$R$366,ROW(INDEX(Jesper!AJ$2:AJ$366,ROUNDDOWN($C8007/24,0)+1,1))-1)+IF('Standard Profiles'!$G$20=$B$10,7,0)+IF('Standard Profiles'!$G$20=$B$17,14,0)+IF('Standard Profiles'!$G$20=$B$24,21,0),0)),0)</f>
        <v>0</v>
      </c>
      <c r="G8007" cm="1">
        <f t="array" ref="G8007">IFERROR(INDEX(Jesper!AK$2:AK$366,ROUNDDOWN($C8007/24,0)+1,1)*INDEX($D$3:$AA$30,INDEX(Jesper!$R$2:$R$366,ROW(INDEX(Jesper!AK$2:AK$366,ROUNDDOWN($C8007/24,0)+1,1))-1)+IF('Standard Profiles'!$G$21=$B$10,7,0)+IF('Standard Profiles'!$G$21=$B$17,14,0)+IF('Standard Profiles'!$G$21=$B$24,21,0),MOD($C8007,24)+1)/SUM(INDEX($D$3:$AA$30,INDEX(Jesper!$R$2:$R$366,ROW(INDEX(Jesper!AK$2:AK$366,ROUNDDOWN($C8007/24,0)+1,1))-1)+IF('Standard Profiles'!$G$21=$B$10,7,0)+IF('Standard Profiles'!$G$21=$B$17,14,0)+IF('Standard Profiles'!$G$21=$B$24,21,0),0)),0)</f>
        <v>0</v>
      </c>
      <c r="H8007" cm="1">
        <f t="array" ref="H8007">IFERROR(INDEX(Jesper!AL$2:AL$366,ROUNDDOWN($C8007/24,0)+1,1)*INDEX($D$3:$AA$30,INDEX(Jesper!$R$2:$R$366,ROW(INDEX(Jesper!AL$2:AL$366,ROUNDDOWN($C8007/24,0)+1,1))-1)+IF('Standard Profiles'!$G$22=$B$10,7,0)+IF('Standard Profiles'!$G$22=$B$17,14,0)+IF('Standard Profiles'!$G$22=$B$24,21,0),MOD($C8007,24)+1)/SUM(INDEX($D$3:$AA$30,INDEX(Jesper!$R$2:$R$366,ROW(INDEX(Jesper!AL$2:AL$366,ROUNDDOWN($C8007/24,0)+1,1))-1)+IF('Standard Profiles'!$G$22=$B$10,7,0)+IF('Standard Profiles'!$G$22=$B$17,14,0)+IF('Standard Profiles'!$G$22=$B$24,21,0),0)),0)</f>
        <v>0</v>
      </c>
      <c r="I8007">
        <f t="shared" si="888"/>
        <v>0.32358456985202871</v>
      </c>
      <c r="J8007">
        <f t="shared" si="889"/>
        <v>1.0786152328400958</v>
      </c>
      <c r="K8007">
        <f t="shared" si="890"/>
        <v>1.6179228492601436</v>
      </c>
      <c r="L8007">
        <f t="shared" si="891"/>
        <v>7.7660296764486887</v>
      </c>
      <c r="M8007">
        <f t="shared" si="892"/>
        <v>0</v>
      </c>
      <c r="N8007" s="46">
        <f t="shared" si="893"/>
        <v>45624.208333313996</v>
      </c>
    </row>
    <row r="8008" spans="2:14" x14ac:dyDescent="0.3">
      <c r="B8008">
        <f t="shared" si="887"/>
        <v>4</v>
      </c>
      <c r="C8008" s="16">
        <v>7974</v>
      </c>
      <c r="D8008" cm="1">
        <f t="array" ref="D8008">IFERROR(INDEX(Jesper!AH$2:AH$366,ROUNDDOWN($C8008/24,0)+1,1)*INDEX($D$3:$AA$30,INDEX(Jesper!$R$2:$R$366,ROW(INDEX(Jesper!AH$2:AH$366,ROUNDDOWN($C8008/24,0)+1,1))-1)+IF('Standard Profiles'!$G$18=$B$10,7,0)+IF('Standard Profiles'!$G$18=$B$17,14,0)+IF('Standard Profiles'!$G$18=$B$24,21,0),MOD($C8008,24)+1)/SUM(INDEX($D$3:$AA$30,INDEX(Jesper!$R$2:$R$366,ROW(INDEX(Jesper!AH$2:AH$366,ROUNDDOWN($C8008/24,0)+1,1))-1)+IF('Standard Profiles'!$G$18=$B$10,7,0)+IF('Standard Profiles'!$G$18=$B$17,14,0)+IF('Standard Profiles'!$G$18=$B$24,21,0),0)),0)</f>
        <v>12.459865620739039</v>
      </c>
      <c r="E8008" cm="1">
        <f t="array" ref="E8008">IFERROR(INDEX(Jesper!AI$2:AI$366,ROUNDDOWN($C8008/24,0)+1,1)*INDEX($D$3:$AA$30,INDEX(Jesper!$R$2:$R$366,ROW(INDEX(Jesper!AI$2:AI$366,ROUNDDOWN($C8008/24,0)+1,1))-1)+IF('Standard Profiles'!$G$19=$B$10,7,0)+IF('Standard Profiles'!$G$19=$B$17,14,0)+IF('Standard Profiles'!$G$19=$B$24,21,0),MOD($C8008,24)+1)/SUM(INDEX($D$3:$AA$30,INDEX(Jesper!$R$2:$R$366,ROW(INDEX(Jesper!AI$2:AI$366,ROUNDDOWN($C8008/24,0)+1,1))-1)+IF('Standard Profiles'!$G$19=$B$10,7,0)+IF('Standard Profiles'!$G$19=$B$17,14,0)+IF('Standard Profiles'!$G$19=$B$24,21,0),0)),0)</f>
        <v>0</v>
      </c>
      <c r="F8008" cm="1">
        <f t="array" ref="F8008">IFERROR(INDEX(Jesper!AJ$2:AJ$366,ROUNDDOWN($C8008/24,0)+1,1)*INDEX($D$3:$AA$30,INDEX(Jesper!$R$2:$R$366,ROW(INDEX(Jesper!AJ$2:AJ$366,ROUNDDOWN($C8008/24,0)+1,1))-1)+IF('Standard Profiles'!$G$20=$B$10,7,0)+IF('Standard Profiles'!$G$20=$B$17,14,0)+IF('Standard Profiles'!$G$20=$B$24,21,0),MOD($C8008,24)+1)/SUM(INDEX($D$3:$AA$30,INDEX(Jesper!$R$2:$R$366,ROW(INDEX(Jesper!AJ$2:AJ$366,ROUNDDOWN($C8008/24,0)+1,1))-1)+IF('Standard Profiles'!$G$20=$B$10,7,0)+IF('Standard Profiles'!$G$20=$B$17,14,0)+IF('Standard Profiles'!$G$20=$B$24,21,0),0)),0)</f>
        <v>0</v>
      </c>
      <c r="G8008" cm="1">
        <f t="array" ref="G8008">IFERROR(INDEX(Jesper!AK$2:AK$366,ROUNDDOWN($C8008/24,0)+1,1)*INDEX($D$3:$AA$30,INDEX(Jesper!$R$2:$R$366,ROW(INDEX(Jesper!AK$2:AK$366,ROUNDDOWN($C8008/24,0)+1,1))-1)+IF('Standard Profiles'!$G$21=$B$10,7,0)+IF('Standard Profiles'!$G$21=$B$17,14,0)+IF('Standard Profiles'!$G$21=$B$24,21,0),MOD($C8008,24)+1)/SUM(INDEX($D$3:$AA$30,INDEX(Jesper!$R$2:$R$366,ROW(INDEX(Jesper!AK$2:AK$366,ROUNDDOWN($C8008/24,0)+1,1))-1)+IF('Standard Profiles'!$G$21=$B$10,7,0)+IF('Standard Profiles'!$G$21=$B$17,14,0)+IF('Standard Profiles'!$G$21=$B$24,21,0),0)),0)</f>
        <v>0</v>
      </c>
      <c r="H8008" cm="1">
        <f t="array" ref="H8008">IFERROR(INDEX(Jesper!AL$2:AL$366,ROUNDDOWN($C8008/24,0)+1,1)*INDEX($D$3:$AA$30,INDEX(Jesper!$R$2:$R$366,ROW(INDEX(Jesper!AL$2:AL$366,ROUNDDOWN($C8008/24,0)+1,1))-1)+IF('Standard Profiles'!$G$22=$B$10,7,0)+IF('Standard Profiles'!$G$22=$B$17,14,0)+IF('Standard Profiles'!$G$22=$B$24,21,0),MOD($C8008,24)+1)/SUM(INDEX($D$3:$AA$30,INDEX(Jesper!$R$2:$R$366,ROW(INDEX(Jesper!AL$2:AL$366,ROUNDDOWN($C8008/24,0)+1,1))-1)+IF('Standard Profiles'!$G$22=$B$10,7,0)+IF('Standard Profiles'!$G$22=$B$17,14,0)+IF('Standard Profiles'!$G$22=$B$24,21,0),0)),0)</f>
        <v>0</v>
      </c>
      <c r="I8008">
        <f t="shared" si="888"/>
        <v>0.37379596862217118</v>
      </c>
      <c r="J8008">
        <f t="shared" si="889"/>
        <v>1.2459865620739041</v>
      </c>
      <c r="K8008">
        <f t="shared" si="890"/>
        <v>1.8689798431108557</v>
      </c>
      <c r="L8008">
        <f t="shared" si="891"/>
        <v>8.9711032469321079</v>
      </c>
      <c r="M8008">
        <f t="shared" si="892"/>
        <v>0</v>
      </c>
      <c r="N8008" s="46">
        <f t="shared" si="893"/>
        <v>45624.249999980661</v>
      </c>
    </row>
    <row r="8009" spans="2:14" x14ac:dyDescent="0.3">
      <c r="B8009">
        <f t="shared" si="887"/>
        <v>4</v>
      </c>
      <c r="C8009" s="16">
        <v>7975</v>
      </c>
      <c r="D8009" cm="1">
        <f t="array" ref="D8009">IFERROR(INDEX(Jesper!AH$2:AH$366,ROUNDDOWN($C8009/24,0)+1,1)*INDEX($D$3:$AA$30,INDEX(Jesper!$R$2:$R$366,ROW(INDEX(Jesper!AH$2:AH$366,ROUNDDOWN($C8009/24,0)+1,1))-1)+IF('Standard Profiles'!$G$18=$B$10,7,0)+IF('Standard Profiles'!$G$18=$B$17,14,0)+IF('Standard Profiles'!$G$18=$B$24,21,0),MOD($C8009,24)+1)/SUM(INDEX($D$3:$AA$30,INDEX(Jesper!$R$2:$R$366,ROW(INDEX(Jesper!AH$2:AH$366,ROUNDDOWN($C8009/24,0)+1,1))-1)+IF('Standard Profiles'!$G$18=$B$10,7,0)+IF('Standard Profiles'!$G$18=$B$17,14,0)+IF('Standard Profiles'!$G$18=$B$24,21,0),0)),0)</f>
        <v>12.459865620739039</v>
      </c>
      <c r="E8009" cm="1">
        <f t="array" ref="E8009">IFERROR(INDEX(Jesper!AI$2:AI$366,ROUNDDOWN($C8009/24,0)+1,1)*INDEX($D$3:$AA$30,INDEX(Jesper!$R$2:$R$366,ROW(INDEX(Jesper!AI$2:AI$366,ROUNDDOWN($C8009/24,0)+1,1))-1)+IF('Standard Profiles'!$G$19=$B$10,7,0)+IF('Standard Profiles'!$G$19=$B$17,14,0)+IF('Standard Profiles'!$G$19=$B$24,21,0),MOD($C8009,24)+1)/SUM(INDEX($D$3:$AA$30,INDEX(Jesper!$R$2:$R$366,ROW(INDEX(Jesper!AI$2:AI$366,ROUNDDOWN($C8009/24,0)+1,1))-1)+IF('Standard Profiles'!$G$19=$B$10,7,0)+IF('Standard Profiles'!$G$19=$B$17,14,0)+IF('Standard Profiles'!$G$19=$B$24,21,0),0)),0)</f>
        <v>0</v>
      </c>
      <c r="F8009" cm="1">
        <f t="array" ref="F8009">IFERROR(INDEX(Jesper!AJ$2:AJ$366,ROUNDDOWN($C8009/24,0)+1,1)*INDEX($D$3:$AA$30,INDEX(Jesper!$R$2:$R$366,ROW(INDEX(Jesper!AJ$2:AJ$366,ROUNDDOWN($C8009/24,0)+1,1))-1)+IF('Standard Profiles'!$G$20=$B$10,7,0)+IF('Standard Profiles'!$G$20=$B$17,14,0)+IF('Standard Profiles'!$G$20=$B$24,21,0),MOD($C8009,24)+1)/SUM(INDEX($D$3:$AA$30,INDEX(Jesper!$R$2:$R$366,ROW(INDEX(Jesper!AJ$2:AJ$366,ROUNDDOWN($C8009/24,0)+1,1))-1)+IF('Standard Profiles'!$G$20=$B$10,7,0)+IF('Standard Profiles'!$G$20=$B$17,14,0)+IF('Standard Profiles'!$G$20=$B$24,21,0),0)),0)</f>
        <v>0</v>
      </c>
      <c r="G8009" cm="1">
        <f t="array" ref="G8009">IFERROR(INDEX(Jesper!AK$2:AK$366,ROUNDDOWN($C8009/24,0)+1,1)*INDEX($D$3:$AA$30,INDEX(Jesper!$R$2:$R$366,ROW(INDEX(Jesper!AK$2:AK$366,ROUNDDOWN($C8009/24,0)+1,1))-1)+IF('Standard Profiles'!$G$21=$B$10,7,0)+IF('Standard Profiles'!$G$21=$B$17,14,0)+IF('Standard Profiles'!$G$21=$B$24,21,0),MOD($C8009,24)+1)/SUM(INDEX($D$3:$AA$30,INDEX(Jesper!$R$2:$R$366,ROW(INDEX(Jesper!AK$2:AK$366,ROUNDDOWN($C8009/24,0)+1,1))-1)+IF('Standard Profiles'!$G$21=$B$10,7,0)+IF('Standard Profiles'!$G$21=$B$17,14,0)+IF('Standard Profiles'!$G$21=$B$24,21,0),0)),0)</f>
        <v>0</v>
      </c>
      <c r="H8009" cm="1">
        <f t="array" ref="H8009">IFERROR(INDEX(Jesper!AL$2:AL$366,ROUNDDOWN($C8009/24,0)+1,1)*INDEX($D$3:$AA$30,INDEX(Jesper!$R$2:$R$366,ROW(INDEX(Jesper!AL$2:AL$366,ROUNDDOWN($C8009/24,0)+1,1))-1)+IF('Standard Profiles'!$G$22=$B$10,7,0)+IF('Standard Profiles'!$G$22=$B$17,14,0)+IF('Standard Profiles'!$G$22=$B$24,21,0),MOD($C8009,24)+1)/SUM(INDEX($D$3:$AA$30,INDEX(Jesper!$R$2:$R$366,ROW(INDEX(Jesper!AL$2:AL$366,ROUNDDOWN($C8009/24,0)+1,1))-1)+IF('Standard Profiles'!$G$22=$B$10,7,0)+IF('Standard Profiles'!$G$22=$B$17,14,0)+IF('Standard Profiles'!$G$22=$B$24,21,0),0)),0)</f>
        <v>0</v>
      </c>
      <c r="I8009">
        <f t="shared" si="888"/>
        <v>0.37379596862217118</v>
      </c>
      <c r="J8009">
        <f t="shared" si="889"/>
        <v>1.2459865620739041</v>
      </c>
      <c r="K8009">
        <f t="shared" si="890"/>
        <v>1.8689798431108557</v>
      </c>
      <c r="L8009">
        <f t="shared" si="891"/>
        <v>8.9711032469321079</v>
      </c>
      <c r="M8009">
        <f t="shared" si="892"/>
        <v>0</v>
      </c>
      <c r="N8009" s="46">
        <f t="shared" si="893"/>
        <v>45624.291666647325</v>
      </c>
    </row>
    <row r="8010" spans="2:14" x14ac:dyDescent="0.3">
      <c r="B8010">
        <f t="shared" si="887"/>
        <v>4</v>
      </c>
      <c r="C8010" s="16">
        <v>7976</v>
      </c>
      <c r="D8010" cm="1">
        <f t="array" ref="D8010">IFERROR(INDEX(Jesper!AH$2:AH$366,ROUNDDOWN($C8010/24,0)+1,1)*INDEX($D$3:$AA$30,INDEX(Jesper!$R$2:$R$366,ROW(INDEX(Jesper!AH$2:AH$366,ROUNDDOWN($C8010/24,0)+1,1))-1)+IF('Standard Profiles'!$G$18=$B$10,7,0)+IF('Standard Profiles'!$G$18=$B$17,14,0)+IF('Standard Profiles'!$G$18=$B$24,21,0),MOD($C8010,24)+1)/SUM(INDEX($D$3:$AA$30,INDEX(Jesper!$R$2:$R$366,ROW(INDEX(Jesper!AH$2:AH$366,ROUNDDOWN($C8010/24,0)+1,1))-1)+IF('Standard Profiles'!$G$18=$B$10,7,0)+IF('Standard Profiles'!$G$18=$B$17,14,0)+IF('Standard Profiles'!$G$18=$B$24,21,0),0)),0)</f>
        <v>12.459865620739039</v>
      </c>
      <c r="E8010" cm="1">
        <f t="array" ref="E8010">IFERROR(INDEX(Jesper!AI$2:AI$366,ROUNDDOWN($C8010/24,0)+1,1)*INDEX($D$3:$AA$30,INDEX(Jesper!$R$2:$R$366,ROW(INDEX(Jesper!AI$2:AI$366,ROUNDDOWN($C8010/24,0)+1,1))-1)+IF('Standard Profiles'!$G$19=$B$10,7,0)+IF('Standard Profiles'!$G$19=$B$17,14,0)+IF('Standard Profiles'!$G$19=$B$24,21,0),MOD($C8010,24)+1)/SUM(INDEX($D$3:$AA$30,INDEX(Jesper!$R$2:$R$366,ROW(INDEX(Jesper!AI$2:AI$366,ROUNDDOWN($C8010/24,0)+1,1))-1)+IF('Standard Profiles'!$G$19=$B$10,7,0)+IF('Standard Profiles'!$G$19=$B$17,14,0)+IF('Standard Profiles'!$G$19=$B$24,21,0),0)),0)</f>
        <v>0</v>
      </c>
      <c r="F8010" cm="1">
        <f t="array" ref="F8010">IFERROR(INDEX(Jesper!AJ$2:AJ$366,ROUNDDOWN($C8010/24,0)+1,1)*INDEX($D$3:$AA$30,INDEX(Jesper!$R$2:$R$366,ROW(INDEX(Jesper!AJ$2:AJ$366,ROUNDDOWN($C8010/24,0)+1,1))-1)+IF('Standard Profiles'!$G$20=$B$10,7,0)+IF('Standard Profiles'!$G$20=$B$17,14,0)+IF('Standard Profiles'!$G$20=$B$24,21,0),MOD($C8010,24)+1)/SUM(INDEX($D$3:$AA$30,INDEX(Jesper!$R$2:$R$366,ROW(INDEX(Jesper!AJ$2:AJ$366,ROUNDDOWN($C8010/24,0)+1,1))-1)+IF('Standard Profiles'!$G$20=$B$10,7,0)+IF('Standard Profiles'!$G$20=$B$17,14,0)+IF('Standard Profiles'!$G$20=$B$24,21,0),0)),0)</f>
        <v>0</v>
      </c>
      <c r="G8010" cm="1">
        <f t="array" ref="G8010">IFERROR(INDEX(Jesper!AK$2:AK$366,ROUNDDOWN($C8010/24,0)+1,1)*INDEX($D$3:$AA$30,INDEX(Jesper!$R$2:$R$366,ROW(INDEX(Jesper!AK$2:AK$366,ROUNDDOWN($C8010/24,0)+1,1))-1)+IF('Standard Profiles'!$G$21=$B$10,7,0)+IF('Standard Profiles'!$G$21=$B$17,14,0)+IF('Standard Profiles'!$G$21=$B$24,21,0),MOD($C8010,24)+1)/SUM(INDEX($D$3:$AA$30,INDEX(Jesper!$R$2:$R$366,ROW(INDEX(Jesper!AK$2:AK$366,ROUNDDOWN($C8010/24,0)+1,1))-1)+IF('Standard Profiles'!$G$21=$B$10,7,0)+IF('Standard Profiles'!$G$21=$B$17,14,0)+IF('Standard Profiles'!$G$21=$B$24,21,0),0)),0)</f>
        <v>0</v>
      </c>
      <c r="H8010" cm="1">
        <f t="array" ref="H8010">IFERROR(INDEX(Jesper!AL$2:AL$366,ROUNDDOWN($C8010/24,0)+1,1)*INDEX($D$3:$AA$30,INDEX(Jesper!$R$2:$R$366,ROW(INDEX(Jesper!AL$2:AL$366,ROUNDDOWN($C8010/24,0)+1,1))-1)+IF('Standard Profiles'!$G$22=$B$10,7,0)+IF('Standard Profiles'!$G$22=$B$17,14,0)+IF('Standard Profiles'!$G$22=$B$24,21,0),MOD($C8010,24)+1)/SUM(INDEX($D$3:$AA$30,INDEX(Jesper!$R$2:$R$366,ROW(INDEX(Jesper!AL$2:AL$366,ROUNDDOWN($C8010/24,0)+1,1))-1)+IF('Standard Profiles'!$G$22=$B$10,7,0)+IF('Standard Profiles'!$G$22=$B$17,14,0)+IF('Standard Profiles'!$G$22=$B$24,21,0),0)),0)</f>
        <v>0</v>
      </c>
      <c r="I8010">
        <f t="shared" si="888"/>
        <v>0.37379596862217118</v>
      </c>
      <c r="J8010">
        <f t="shared" si="889"/>
        <v>1.2459865620739041</v>
      </c>
      <c r="K8010">
        <f t="shared" si="890"/>
        <v>1.8689798431108557</v>
      </c>
      <c r="L8010">
        <f t="shared" si="891"/>
        <v>8.9711032469321079</v>
      </c>
      <c r="M8010">
        <f t="shared" si="892"/>
        <v>0</v>
      </c>
      <c r="N8010" s="46">
        <f t="shared" si="893"/>
        <v>45624.333333313989</v>
      </c>
    </row>
    <row r="8011" spans="2:14" x14ac:dyDescent="0.3">
      <c r="B8011">
        <f t="shared" si="887"/>
        <v>4</v>
      </c>
      <c r="C8011" s="16">
        <v>7977</v>
      </c>
      <c r="D8011" cm="1">
        <f t="array" ref="D8011">IFERROR(INDEX(Jesper!AH$2:AH$366,ROUNDDOWN($C8011/24,0)+1,1)*INDEX($D$3:$AA$30,INDEX(Jesper!$R$2:$R$366,ROW(INDEX(Jesper!AH$2:AH$366,ROUNDDOWN($C8011/24,0)+1,1))-1)+IF('Standard Profiles'!$G$18=$B$10,7,0)+IF('Standard Profiles'!$G$18=$B$17,14,0)+IF('Standard Profiles'!$G$18=$B$24,21,0),MOD($C8011,24)+1)/SUM(INDEX($D$3:$AA$30,INDEX(Jesper!$R$2:$R$366,ROW(INDEX(Jesper!AH$2:AH$366,ROUNDDOWN($C8011/24,0)+1,1))-1)+IF('Standard Profiles'!$G$18=$B$10,7,0)+IF('Standard Profiles'!$G$18=$B$17,14,0)+IF('Standard Profiles'!$G$18=$B$24,21,0),0)),0)</f>
        <v>13.389706338704636</v>
      </c>
      <c r="E8011" cm="1">
        <f t="array" ref="E8011">IFERROR(INDEX(Jesper!AI$2:AI$366,ROUNDDOWN($C8011/24,0)+1,1)*INDEX($D$3:$AA$30,INDEX(Jesper!$R$2:$R$366,ROW(INDEX(Jesper!AI$2:AI$366,ROUNDDOWN($C8011/24,0)+1,1))-1)+IF('Standard Profiles'!$G$19=$B$10,7,0)+IF('Standard Profiles'!$G$19=$B$17,14,0)+IF('Standard Profiles'!$G$19=$B$24,21,0),MOD($C8011,24)+1)/SUM(INDEX($D$3:$AA$30,INDEX(Jesper!$R$2:$R$366,ROW(INDEX(Jesper!AI$2:AI$366,ROUNDDOWN($C8011/24,0)+1,1))-1)+IF('Standard Profiles'!$G$19=$B$10,7,0)+IF('Standard Profiles'!$G$19=$B$17,14,0)+IF('Standard Profiles'!$G$19=$B$24,21,0),0)),0)</f>
        <v>0</v>
      </c>
      <c r="F8011" cm="1">
        <f t="array" ref="F8011">IFERROR(INDEX(Jesper!AJ$2:AJ$366,ROUNDDOWN($C8011/24,0)+1,1)*INDEX($D$3:$AA$30,INDEX(Jesper!$R$2:$R$366,ROW(INDEX(Jesper!AJ$2:AJ$366,ROUNDDOWN($C8011/24,0)+1,1))-1)+IF('Standard Profiles'!$G$20=$B$10,7,0)+IF('Standard Profiles'!$G$20=$B$17,14,0)+IF('Standard Profiles'!$G$20=$B$24,21,0),MOD($C8011,24)+1)/SUM(INDEX($D$3:$AA$30,INDEX(Jesper!$R$2:$R$366,ROW(INDEX(Jesper!AJ$2:AJ$366,ROUNDDOWN($C8011/24,0)+1,1))-1)+IF('Standard Profiles'!$G$20=$B$10,7,0)+IF('Standard Profiles'!$G$20=$B$17,14,0)+IF('Standard Profiles'!$G$20=$B$24,21,0),0)),0)</f>
        <v>0</v>
      </c>
      <c r="G8011" cm="1">
        <f t="array" ref="G8011">IFERROR(INDEX(Jesper!AK$2:AK$366,ROUNDDOWN($C8011/24,0)+1,1)*INDEX($D$3:$AA$30,INDEX(Jesper!$R$2:$R$366,ROW(INDEX(Jesper!AK$2:AK$366,ROUNDDOWN($C8011/24,0)+1,1))-1)+IF('Standard Profiles'!$G$21=$B$10,7,0)+IF('Standard Profiles'!$G$21=$B$17,14,0)+IF('Standard Profiles'!$G$21=$B$24,21,0),MOD($C8011,24)+1)/SUM(INDEX($D$3:$AA$30,INDEX(Jesper!$R$2:$R$366,ROW(INDEX(Jesper!AK$2:AK$366,ROUNDDOWN($C8011/24,0)+1,1))-1)+IF('Standard Profiles'!$G$21=$B$10,7,0)+IF('Standard Profiles'!$G$21=$B$17,14,0)+IF('Standard Profiles'!$G$21=$B$24,21,0),0)),0)</f>
        <v>0</v>
      </c>
      <c r="H8011" cm="1">
        <f t="array" ref="H8011">IFERROR(INDEX(Jesper!AL$2:AL$366,ROUNDDOWN($C8011/24,0)+1,1)*INDEX($D$3:$AA$30,INDEX(Jesper!$R$2:$R$366,ROW(INDEX(Jesper!AL$2:AL$366,ROUNDDOWN($C8011/24,0)+1,1))-1)+IF('Standard Profiles'!$G$22=$B$10,7,0)+IF('Standard Profiles'!$G$22=$B$17,14,0)+IF('Standard Profiles'!$G$22=$B$24,21,0),MOD($C8011,24)+1)/SUM(INDEX($D$3:$AA$30,INDEX(Jesper!$R$2:$R$366,ROW(INDEX(Jesper!AL$2:AL$366,ROUNDDOWN($C8011/24,0)+1,1))-1)+IF('Standard Profiles'!$G$22=$B$10,7,0)+IF('Standard Profiles'!$G$22=$B$17,14,0)+IF('Standard Profiles'!$G$22=$B$24,21,0),0)),0)</f>
        <v>0</v>
      </c>
      <c r="I8011">
        <f t="shared" si="888"/>
        <v>0.40169119016113908</v>
      </c>
      <c r="J8011">
        <f t="shared" si="889"/>
        <v>1.3389706338704637</v>
      </c>
      <c r="K8011">
        <f t="shared" si="890"/>
        <v>2.0084559508056952</v>
      </c>
      <c r="L8011">
        <f t="shared" si="891"/>
        <v>9.6405885638673379</v>
      </c>
      <c r="M8011">
        <f t="shared" si="892"/>
        <v>0</v>
      </c>
      <c r="N8011" s="46">
        <f t="shared" si="893"/>
        <v>45624.374999980653</v>
      </c>
    </row>
    <row r="8012" spans="2:14" x14ac:dyDescent="0.3">
      <c r="B8012">
        <f t="shared" si="887"/>
        <v>4</v>
      </c>
      <c r="C8012" s="16">
        <v>7978</v>
      </c>
      <c r="D8012" cm="1">
        <f t="array" ref="D8012">IFERROR(INDEX(Jesper!AH$2:AH$366,ROUNDDOWN($C8012/24,0)+1,1)*INDEX($D$3:$AA$30,INDEX(Jesper!$R$2:$R$366,ROW(INDEX(Jesper!AH$2:AH$366,ROUNDDOWN($C8012/24,0)+1,1))-1)+IF('Standard Profiles'!$G$18=$B$10,7,0)+IF('Standard Profiles'!$G$18=$B$17,14,0)+IF('Standard Profiles'!$G$18=$B$24,21,0),MOD($C8012,24)+1)/SUM(INDEX($D$3:$AA$30,INDEX(Jesper!$R$2:$R$366,ROW(INDEX(Jesper!AH$2:AH$366,ROUNDDOWN($C8012/24,0)+1,1))-1)+IF('Standard Profiles'!$G$18=$B$10,7,0)+IF('Standard Profiles'!$G$18=$B$17,14,0)+IF('Standard Profiles'!$G$18=$B$24,21,0),0)),0)</f>
        <v>14.505515200263357</v>
      </c>
      <c r="E8012" cm="1">
        <f t="array" ref="E8012">IFERROR(INDEX(Jesper!AI$2:AI$366,ROUNDDOWN($C8012/24,0)+1,1)*INDEX($D$3:$AA$30,INDEX(Jesper!$R$2:$R$366,ROW(INDEX(Jesper!AI$2:AI$366,ROUNDDOWN($C8012/24,0)+1,1))-1)+IF('Standard Profiles'!$G$19=$B$10,7,0)+IF('Standard Profiles'!$G$19=$B$17,14,0)+IF('Standard Profiles'!$G$19=$B$24,21,0),MOD($C8012,24)+1)/SUM(INDEX($D$3:$AA$30,INDEX(Jesper!$R$2:$R$366,ROW(INDEX(Jesper!AI$2:AI$366,ROUNDDOWN($C8012/24,0)+1,1))-1)+IF('Standard Profiles'!$G$19=$B$10,7,0)+IF('Standard Profiles'!$G$19=$B$17,14,0)+IF('Standard Profiles'!$G$19=$B$24,21,0),0)),0)</f>
        <v>0</v>
      </c>
      <c r="F8012" cm="1">
        <f t="array" ref="F8012">IFERROR(INDEX(Jesper!AJ$2:AJ$366,ROUNDDOWN($C8012/24,0)+1,1)*INDEX($D$3:$AA$30,INDEX(Jesper!$R$2:$R$366,ROW(INDEX(Jesper!AJ$2:AJ$366,ROUNDDOWN($C8012/24,0)+1,1))-1)+IF('Standard Profiles'!$G$20=$B$10,7,0)+IF('Standard Profiles'!$G$20=$B$17,14,0)+IF('Standard Profiles'!$G$20=$B$24,21,0),MOD($C8012,24)+1)/SUM(INDEX($D$3:$AA$30,INDEX(Jesper!$R$2:$R$366,ROW(INDEX(Jesper!AJ$2:AJ$366,ROUNDDOWN($C8012/24,0)+1,1))-1)+IF('Standard Profiles'!$G$20=$B$10,7,0)+IF('Standard Profiles'!$G$20=$B$17,14,0)+IF('Standard Profiles'!$G$20=$B$24,21,0),0)),0)</f>
        <v>0</v>
      </c>
      <c r="G8012" cm="1">
        <f t="array" ref="G8012">IFERROR(INDEX(Jesper!AK$2:AK$366,ROUNDDOWN($C8012/24,0)+1,1)*INDEX($D$3:$AA$30,INDEX(Jesper!$R$2:$R$366,ROW(INDEX(Jesper!AK$2:AK$366,ROUNDDOWN($C8012/24,0)+1,1))-1)+IF('Standard Profiles'!$G$21=$B$10,7,0)+IF('Standard Profiles'!$G$21=$B$17,14,0)+IF('Standard Profiles'!$G$21=$B$24,21,0),MOD($C8012,24)+1)/SUM(INDEX($D$3:$AA$30,INDEX(Jesper!$R$2:$R$366,ROW(INDEX(Jesper!AK$2:AK$366,ROUNDDOWN($C8012/24,0)+1,1))-1)+IF('Standard Profiles'!$G$21=$B$10,7,0)+IF('Standard Profiles'!$G$21=$B$17,14,0)+IF('Standard Profiles'!$G$21=$B$24,21,0),0)),0)</f>
        <v>0</v>
      </c>
      <c r="H8012" cm="1">
        <f t="array" ref="H8012">IFERROR(INDEX(Jesper!AL$2:AL$366,ROUNDDOWN($C8012/24,0)+1,1)*INDEX($D$3:$AA$30,INDEX(Jesper!$R$2:$R$366,ROW(INDEX(Jesper!AL$2:AL$366,ROUNDDOWN($C8012/24,0)+1,1))-1)+IF('Standard Profiles'!$G$22=$B$10,7,0)+IF('Standard Profiles'!$G$22=$B$17,14,0)+IF('Standard Profiles'!$G$22=$B$24,21,0),MOD($C8012,24)+1)/SUM(INDEX($D$3:$AA$30,INDEX(Jesper!$R$2:$R$366,ROW(INDEX(Jesper!AL$2:AL$366,ROUNDDOWN($C8012/24,0)+1,1))-1)+IF('Standard Profiles'!$G$22=$B$10,7,0)+IF('Standard Profiles'!$G$22=$B$17,14,0)+IF('Standard Profiles'!$G$22=$B$24,21,0),0)),0)</f>
        <v>0</v>
      </c>
      <c r="I8012">
        <f t="shared" si="888"/>
        <v>0.43516545600790069</v>
      </c>
      <c r="J8012">
        <f t="shared" si="889"/>
        <v>1.4505515200263357</v>
      </c>
      <c r="K8012">
        <f t="shared" si="890"/>
        <v>2.1758272800395035</v>
      </c>
      <c r="L8012">
        <f t="shared" si="891"/>
        <v>10.443970944189617</v>
      </c>
      <c r="M8012">
        <f t="shared" si="892"/>
        <v>0</v>
      </c>
      <c r="N8012" s="46">
        <f t="shared" si="893"/>
        <v>45624.416666647317</v>
      </c>
    </row>
    <row r="8013" spans="2:14" x14ac:dyDescent="0.3">
      <c r="B8013">
        <f t="shared" si="887"/>
        <v>4</v>
      </c>
      <c r="C8013" s="16">
        <v>7979</v>
      </c>
      <c r="D8013" cm="1">
        <f t="array" ref="D8013">IFERROR(INDEX(Jesper!AH$2:AH$366,ROUNDDOWN($C8013/24,0)+1,1)*INDEX($D$3:$AA$30,INDEX(Jesper!$R$2:$R$366,ROW(INDEX(Jesper!AH$2:AH$366,ROUNDDOWN($C8013/24,0)+1,1))-1)+IF('Standard Profiles'!$G$18=$B$10,7,0)+IF('Standard Profiles'!$G$18=$B$17,14,0)+IF('Standard Profiles'!$G$18=$B$24,21,0),MOD($C8013,24)+1)/SUM(INDEX($D$3:$AA$30,INDEX(Jesper!$R$2:$R$366,ROW(INDEX(Jesper!AH$2:AH$366,ROUNDDOWN($C8013/24,0)+1,1))-1)+IF('Standard Profiles'!$G$18=$B$10,7,0)+IF('Standard Profiles'!$G$18=$B$17,14,0)+IF('Standard Profiles'!$G$18=$B$24,21,0),0)),0)</f>
        <v>16.737132923380795</v>
      </c>
      <c r="E8013" cm="1">
        <f t="array" ref="E8013">IFERROR(INDEX(Jesper!AI$2:AI$366,ROUNDDOWN($C8013/24,0)+1,1)*INDEX($D$3:$AA$30,INDEX(Jesper!$R$2:$R$366,ROW(INDEX(Jesper!AI$2:AI$366,ROUNDDOWN($C8013/24,0)+1,1))-1)+IF('Standard Profiles'!$G$19=$B$10,7,0)+IF('Standard Profiles'!$G$19=$B$17,14,0)+IF('Standard Profiles'!$G$19=$B$24,21,0),MOD($C8013,24)+1)/SUM(INDEX($D$3:$AA$30,INDEX(Jesper!$R$2:$R$366,ROW(INDEX(Jesper!AI$2:AI$366,ROUNDDOWN($C8013/24,0)+1,1))-1)+IF('Standard Profiles'!$G$19=$B$10,7,0)+IF('Standard Profiles'!$G$19=$B$17,14,0)+IF('Standard Profiles'!$G$19=$B$24,21,0),0)),0)</f>
        <v>0</v>
      </c>
      <c r="F8013" cm="1">
        <f t="array" ref="F8013">IFERROR(INDEX(Jesper!AJ$2:AJ$366,ROUNDDOWN($C8013/24,0)+1,1)*INDEX($D$3:$AA$30,INDEX(Jesper!$R$2:$R$366,ROW(INDEX(Jesper!AJ$2:AJ$366,ROUNDDOWN($C8013/24,0)+1,1))-1)+IF('Standard Profiles'!$G$20=$B$10,7,0)+IF('Standard Profiles'!$G$20=$B$17,14,0)+IF('Standard Profiles'!$G$20=$B$24,21,0),MOD($C8013,24)+1)/SUM(INDEX($D$3:$AA$30,INDEX(Jesper!$R$2:$R$366,ROW(INDEX(Jesper!AJ$2:AJ$366,ROUNDDOWN($C8013/24,0)+1,1))-1)+IF('Standard Profiles'!$G$20=$B$10,7,0)+IF('Standard Profiles'!$G$20=$B$17,14,0)+IF('Standard Profiles'!$G$20=$B$24,21,0),0)),0)</f>
        <v>0</v>
      </c>
      <c r="G8013" cm="1">
        <f t="array" ref="G8013">IFERROR(INDEX(Jesper!AK$2:AK$366,ROUNDDOWN($C8013/24,0)+1,1)*INDEX($D$3:$AA$30,INDEX(Jesper!$R$2:$R$366,ROW(INDEX(Jesper!AK$2:AK$366,ROUNDDOWN($C8013/24,0)+1,1))-1)+IF('Standard Profiles'!$G$21=$B$10,7,0)+IF('Standard Profiles'!$G$21=$B$17,14,0)+IF('Standard Profiles'!$G$21=$B$24,21,0),MOD($C8013,24)+1)/SUM(INDEX($D$3:$AA$30,INDEX(Jesper!$R$2:$R$366,ROW(INDEX(Jesper!AK$2:AK$366,ROUNDDOWN($C8013/24,0)+1,1))-1)+IF('Standard Profiles'!$G$21=$B$10,7,0)+IF('Standard Profiles'!$G$21=$B$17,14,0)+IF('Standard Profiles'!$G$21=$B$24,21,0),0)),0)</f>
        <v>0</v>
      </c>
      <c r="H8013" cm="1">
        <f t="array" ref="H8013">IFERROR(INDEX(Jesper!AL$2:AL$366,ROUNDDOWN($C8013/24,0)+1,1)*INDEX($D$3:$AA$30,INDEX(Jesper!$R$2:$R$366,ROW(INDEX(Jesper!AL$2:AL$366,ROUNDDOWN($C8013/24,0)+1,1))-1)+IF('Standard Profiles'!$G$22=$B$10,7,0)+IF('Standard Profiles'!$G$22=$B$17,14,0)+IF('Standard Profiles'!$G$22=$B$24,21,0),MOD($C8013,24)+1)/SUM(INDEX($D$3:$AA$30,INDEX(Jesper!$R$2:$R$366,ROW(INDEX(Jesper!AL$2:AL$366,ROUNDDOWN($C8013/24,0)+1,1))-1)+IF('Standard Profiles'!$G$22=$B$10,7,0)+IF('Standard Profiles'!$G$22=$B$17,14,0)+IF('Standard Profiles'!$G$22=$B$24,21,0),0)),0)</f>
        <v>0</v>
      </c>
      <c r="I8013">
        <f t="shared" si="888"/>
        <v>0.50211398770142379</v>
      </c>
      <c r="J8013">
        <f t="shared" si="889"/>
        <v>1.6737132923380795</v>
      </c>
      <c r="K8013">
        <f t="shared" si="890"/>
        <v>2.510569938507119</v>
      </c>
      <c r="L8013">
        <f t="shared" si="891"/>
        <v>12.050735704834171</v>
      </c>
      <c r="M8013">
        <f t="shared" si="892"/>
        <v>0</v>
      </c>
      <c r="N8013" s="46">
        <f t="shared" si="893"/>
        <v>45624.458333313982</v>
      </c>
    </row>
    <row r="8014" spans="2:14" x14ac:dyDescent="0.3">
      <c r="B8014">
        <f t="shared" si="887"/>
        <v>4</v>
      </c>
      <c r="C8014" s="16">
        <v>7980</v>
      </c>
      <c r="D8014" cm="1">
        <f t="array" ref="D8014">IFERROR(INDEX(Jesper!AH$2:AH$366,ROUNDDOWN($C8014/24,0)+1,1)*INDEX($D$3:$AA$30,INDEX(Jesper!$R$2:$R$366,ROW(INDEX(Jesper!AH$2:AH$366,ROUNDDOWN($C8014/24,0)+1,1))-1)+IF('Standard Profiles'!$G$18=$B$10,7,0)+IF('Standard Profiles'!$G$18=$B$17,14,0)+IF('Standard Profiles'!$G$18=$B$24,21,0),MOD($C8014,24)+1)/SUM(INDEX($D$3:$AA$30,INDEX(Jesper!$R$2:$R$366,ROW(INDEX(Jesper!AH$2:AH$366,ROUNDDOWN($C8014/24,0)+1,1))-1)+IF('Standard Profiles'!$G$18=$B$10,7,0)+IF('Standard Profiles'!$G$18=$B$17,14,0)+IF('Standard Profiles'!$G$18=$B$24,21,0),0)),0)</f>
        <v>16.737132923380795</v>
      </c>
      <c r="E8014" cm="1">
        <f t="array" ref="E8014">IFERROR(INDEX(Jesper!AI$2:AI$366,ROUNDDOWN($C8014/24,0)+1,1)*INDEX($D$3:$AA$30,INDEX(Jesper!$R$2:$R$366,ROW(INDEX(Jesper!AI$2:AI$366,ROUNDDOWN($C8014/24,0)+1,1))-1)+IF('Standard Profiles'!$G$19=$B$10,7,0)+IF('Standard Profiles'!$G$19=$B$17,14,0)+IF('Standard Profiles'!$G$19=$B$24,21,0),MOD($C8014,24)+1)/SUM(INDEX($D$3:$AA$30,INDEX(Jesper!$R$2:$R$366,ROW(INDEX(Jesper!AI$2:AI$366,ROUNDDOWN($C8014/24,0)+1,1))-1)+IF('Standard Profiles'!$G$19=$B$10,7,0)+IF('Standard Profiles'!$G$19=$B$17,14,0)+IF('Standard Profiles'!$G$19=$B$24,21,0),0)),0)</f>
        <v>0</v>
      </c>
      <c r="F8014" cm="1">
        <f t="array" ref="F8014">IFERROR(INDEX(Jesper!AJ$2:AJ$366,ROUNDDOWN($C8014/24,0)+1,1)*INDEX($D$3:$AA$30,INDEX(Jesper!$R$2:$R$366,ROW(INDEX(Jesper!AJ$2:AJ$366,ROUNDDOWN($C8014/24,0)+1,1))-1)+IF('Standard Profiles'!$G$20=$B$10,7,0)+IF('Standard Profiles'!$G$20=$B$17,14,0)+IF('Standard Profiles'!$G$20=$B$24,21,0),MOD($C8014,24)+1)/SUM(INDEX($D$3:$AA$30,INDEX(Jesper!$R$2:$R$366,ROW(INDEX(Jesper!AJ$2:AJ$366,ROUNDDOWN($C8014/24,0)+1,1))-1)+IF('Standard Profiles'!$G$20=$B$10,7,0)+IF('Standard Profiles'!$G$20=$B$17,14,0)+IF('Standard Profiles'!$G$20=$B$24,21,0),0)),0)</f>
        <v>0</v>
      </c>
      <c r="G8014" cm="1">
        <f t="array" ref="G8014">IFERROR(INDEX(Jesper!AK$2:AK$366,ROUNDDOWN($C8014/24,0)+1,1)*INDEX($D$3:$AA$30,INDEX(Jesper!$R$2:$R$366,ROW(INDEX(Jesper!AK$2:AK$366,ROUNDDOWN($C8014/24,0)+1,1))-1)+IF('Standard Profiles'!$G$21=$B$10,7,0)+IF('Standard Profiles'!$G$21=$B$17,14,0)+IF('Standard Profiles'!$G$21=$B$24,21,0),MOD($C8014,24)+1)/SUM(INDEX($D$3:$AA$30,INDEX(Jesper!$R$2:$R$366,ROW(INDEX(Jesper!AK$2:AK$366,ROUNDDOWN($C8014/24,0)+1,1))-1)+IF('Standard Profiles'!$G$21=$B$10,7,0)+IF('Standard Profiles'!$G$21=$B$17,14,0)+IF('Standard Profiles'!$G$21=$B$24,21,0),0)),0)</f>
        <v>0</v>
      </c>
      <c r="H8014" cm="1">
        <f t="array" ref="H8014">IFERROR(INDEX(Jesper!AL$2:AL$366,ROUNDDOWN($C8014/24,0)+1,1)*INDEX($D$3:$AA$30,INDEX(Jesper!$R$2:$R$366,ROW(INDEX(Jesper!AL$2:AL$366,ROUNDDOWN($C8014/24,0)+1,1))-1)+IF('Standard Profiles'!$G$22=$B$10,7,0)+IF('Standard Profiles'!$G$22=$B$17,14,0)+IF('Standard Profiles'!$G$22=$B$24,21,0),MOD($C8014,24)+1)/SUM(INDEX($D$3:$AA$30,INDEX(Jesper!$R$2:$R$366,ROW(INDEX(Jesper!AL$2:AL$366,ROUNDDOWN($C8014/24,0)+1,1))-1)+IF('Standard Profiles'!$G$22=$B$10,7,0)+IF('Standard Profiles'!$G$22=$B$17,14,0)+IF('Standard Profiles'!$G$22=$B$24,21,0),0)),0)</f>
        <v>0</v>
      </c>
      <c r="I8014">
        <f t="shared" si="888"/>
        <v>0.50211398770142379</v>
      </c>
      <c r="J8014">
        <f t="shared" si="889"/>
        <v>1.6737132923380795</v>
      </c>
      <c r="K8014">
        <f t="shared" si="890"/>
        <v>2.510569938507119</v>
      </c>
      <c r="L8014">
        <f t="shared" si="891"/>
        <v>12.050735704834171</v>
      </c>
      <c r="M8014">
        <f t="shared" si="892"/>
        <v>0</v>
      </c>
      <c r="N8014" s="46">
        <f t="shared" si="893"/>
        <v>45624.499999980646</v>
      </c>
    </row>
    <row r="8015" spans="2:14" x14ac:dyDescent="0.3">
      <c r="B8015">
        <f t="shared" si="887"/>
        <v>4</v>
      </c>
      <c r="C8015" s="16">
        <v>7981</v>
      </c>
      <c r="D8015" cm="1">
        <f t="array" ref="D8015">IFERROR(INDEX(Jesper!AH$2:AH$366,ROUNDDOWN($C8015/24,0)+1,1)*INDEX($D$3:$AA$30,INDEX(Jesper!$R$2:$R$366,ROW(INDEX(Jesper!AH$2:AH$366,ROUNDDOWN($C8015/24,0)+1,1))-1)+IF('Standard Profiles'!$G$18=$B$10,7,0)+IF('Standard Profiles'!$G$18=$B$17,14,0)+IF('Standard Profiles'!$G$18=$B$24,21,0),MOD($C8015,24)+1)/SUM(INDEX($D$3:$AA$30,INDEX(Jesper!$R$2:$R$366,ROW(INDEX(Jesper!AH$2:AH$366,ROUNDDOWN($C8015/24,0)+1,1))-1)+IF('Standard Profiles'!$G$18=$B$10,7,0)+IF('Standard Profiles'!$G$18=$B$17,14,0)+IF('Standard Profiles'!$G$18=$B$24,21,0),0)),0)</f>
        <v>16.737132923380795</v>
      </c>
      <c r="E8015" cm="1">
        <f t="array" ref="E8015">IFERROR(INDEX(Jesper!AI$2:AI$366,ROUNDDOWN($C8015/24,0)+1,1)*INDEX($D$3:$AA$30,INDEX(Jesper!$R$2:$R$366,ROW(INDEX(Jesper!AI$2:AI$366,ROUNDDOWN($C8015/24,0)+1,1))-1)+IF('Standard Profiles'!$G$19=$B$10,7,0)+IF('Standard Profiles'!$G$19=$B$17,14,0)+IF('Standard Profiles'!$G$19=$B$24,21,0),MOD($C8015,24)+1)/SUM(INDEX($D$3:$AA$30,INDEX(Jesper!$R$2:$R$366,ROW(INDEX(Jesper!AI$2:AI$366,ROUNDDOWN($C8015/24,0)+1,1))-1)+IF('Standard Profiles'!$G$19=$B$10,7,0)+IF('Standard Profiles'!$G$19=$B$17,14,0)+IF('Standard Profiles'!$G$19=$B$24,21,0),0)),0)</f>
        <v>0</v>
      </c>
      <c r="F8015" cm="1">
        <f t="array" ref="F8015">IFERROR(INDEX(Jesper!AJ$2:AJ$366,ROUNDDOWN($C8015/24,0)+1,1)*INDEX($D$3:$AA$30,INDEX(Jesper!$R$2:$R$366,ROW(INDEX(Jesper!AJ$2:AJ$366,ROUNDDOWN($C8015/24,0)+1,1))-1)+IF('Standard Profiles'!$G$20=$B$10,7,0)+IF('Standard Profiles'!$G$20=$B$17,14,0)+IF('Standard Profiles'!$G$20=$B$24,21,0),MOD($C8015,24)+1)/SUM(INDEX($D$3:$AA$30,INDEX(Jesper!$R$2:$R$366,ROW(INDEX(Jesper!AJ$2:AJ$366,ROUNDDOWN($C8015/24,0)+1,1))-1)+IF('Standard Profiles'!$G$20=$B$10,7,0)+IF('Standard Profiles'!$G$20=$B$17,14,0)+IF('Standard Profiles'!$G$20=$B$24,21,0),0)),0)</f>
        <v>0</v>
      </c>
      <c r="G8015" cm="1">
        <f t="array" ref="G8015">IFERROR(INDEX(Jesper!AK$2:AK$366,ROUNDDOWN($C8015/24,0)+1,1)*INDEX($D$3:$AA$30,INDEX(Jesper!$R$2:$R$366,ROW(INDEX(Jesper!AK$2:AK$366,ROUNDDOWN($C8015/24,0)+1,1))-1)+IF('Standard Profiles'!$G$21=$B$10,7,0)+IF('Standard Profiles'!$G$21=$B$17,14,0)+IF('Standard Profiles'!$G$21=$B$24,21,0),MOD($C8015,24)+1)/SUM(INDEX($D$3:$AA$30,INDEX(Jesper!$R$2:$R$366,ROW(INDEX(Jesper!AK$2:AK$366,ROUNDDOWN($C8015/24,0)+1,1))-1)+IF('Standard Profiles'!$G$21=$B$10,7,0)+IF('Standard Profiles'!$G$21=$B$17,14,0)+IF('Standard Profiles'!$G$21=$B$24,21,0),0)),0)</f>
        <v>0</v>
      </c>
      <c r="H8015" cm="1">
        <f t="array" ref="H8015">IFERROR(INDEX(Jesper!AL$2:AL$366,ROUNDDOWN($C8015/24,0)+1,1)*INDEX($D$3:$AA$30,INDEX(Jesper!$R$2:$R$366,ROW(INDEX(Jesper!AL$2:AL$366,ROUNDDOWN($C8015/24,0)+1,1))-1)+IF('Standard Profiles'!$G$22=$B$10,7,0)+IF('Standard Profiles'!$G$22=$B$17,14,0)+IF('Standard Profiles'!$G$22=$B$24,21,0),MOD($C8015,24)+1)/SUM(INDEX($D$3:$AA$30,INDEX(Jesper!$R$2:$R$366,ROW(INDEX(Jesper!AL$2:AL$366,ROUNDDOWN($C8015/24,0)+1,1))-1)+IF('Standard Profiles'!$G$22=$B$10,7,0)+IF('Standard Profiles'!$G$22=$B$17,14,0)+IF('Standard Profiles'!$G$22=$B$24,21,0),0)),0)</f>
        <v>0</v>
      </c>
      <c r="I8015">
        <f t="shared" si="888"/>
        <v>0.50211398770142379</v>
      </c>
      <c r="J8015">
        <f t="shared" si="889"/>
        <v>1.6737132923380795</v>
      </c>
      <c r="K8015">
        <f t="shared" si="890"/>
        <v>2.510569938507119</v>
      </c>
      <c r="L8015">
        <f t="shared" si="891"/>
        <v>12.050735704834171</v>
      </c>
      <c r="M8015">
        <f t="shared" si="892"/>
        <v>0</v>
      </c>
      <c r="N8015" s="46">
        <f t="shared" si="893"/>
        <v>45624.54166664731</v>
      </c>
    </row>
    <row r="8016" spans="2:14" x14ac:dyDescent="0.3">
      <c r="B8016">
        <f t="shared" si="887"/>
        <v>4</v>
      </c>
      <c r="C8016" s="16">
        <v>7982</v>
      </c>
      <c r="D8016" cm="1">
        <f t="array" ref="D8016">IFERROR(INDEX(Jesper!AH$2:AH$366,ROUNDDOWN($C8016/24,0)+1,1)*INDEX($D$3:$AA$30,INDEX(Jesper!$R$2:$R$366,ROW(INDEX(Jesper!AH$2:AH$366,ROUNDDOWN($C8016/24,0)+1,1))-1)+IF('Standard Profiles'!$G$18=$B$10,7,0)+IF('Standard Profiles'!$G$18=$B$17,14,0)+IF('Standard Profiles'!$G$18=$B$24,21,0),MOD($C8016,24)+1)/SUM(INDEX($D$3:$AA$30,INDEX(Jesper!$R$2:$R$366,ROW(INDEX(Jesper!AH$2:AH$366,ROUNDDOWN($C8016/24,0)+1,1))-1)+IF('Standard Profiles'!$G$18=$B$10,7,0)+IF('Standard Profiles'!$G$18=$B$17,14,0)+IF('Standard Profiles'!$G$18=$B$24,21,0),0)),0)</f>
        <v>16.737132923380795</v>
      </c>
      <c r="E8016" cm="1">
        <f t="array" ref="E8016">IFERROR(INDEX(Jesper!AI$2:AI$366,ROUNDDOWN($C8016/24,0)+1,1)*INDEX($D$3:$AA$30,INDEX(Jesper!$R$2:$R$366,ROW(INDEX(Jesper!AI$2:AI$366,ROUNDDOWN($C8016/24,0)+1,1))-1)+IF('Standard Profiles'!$G$19=$B$10,7,0)+IF('Standard Profiles'!$G$19=$B$17,14,0)+IF('Standard Profiles'!$G$19=$B$24,21,0),MOD($C8016,24)+1)/SUM(INDEX($D$3:$AA$30,INDEX(Jesper!$R$2:$R$366,ROW(INDEX(Jesper!AI$2:AI$366,ROUNDDOWN($C8016/24,0)+1,1))-1)+IF('Standard Profiles'!$G$19=$B$10,7,0)+IF('Standard Profiles'!$G$19=$B$17,14,0)+IF('Standard Profiles'!$G$19=$B$24,21,0),0)),0)</f>
        <v>0</v>
      </c>
      <c r="F8016" cm="1">
        <f t="array" ref="F8016">IFERROR(INDEX(Jesper!AJ$2:AJ$366,ROUNDDOWN($C8016/24,0)+1,1)*INDEX($D$3:$AA$30,INDEX(Jesper!$R$2:$R$366,ROW(INDEX(Jesper!AJ$2:AJ$366,ROUNDDOWN($C8016/24,0)+1,1))-1)+IF('Standard Profiles'!$G$20=$B$10,7,0)+IF('Standard Profiles'!$G$20=$B$17,14,0)+IF('Standard Profiles'!$G$20=$B$24,21,0),MOD($C8016,24)+1)/SUM(INDEX($D$3:$AA$30,INDEX(Jesper!$R$2:$R$366,ROW(INDEX(Jesper!AJ$2:AJ$366,ROUNDDOWN($C8016/24,0)+1,1))-1)+IF('Standard Profiles'!$G$20=$B$10,7,0)+IF('Standard Profiles'!$G$20=$B$17,14,0)+IF('Standard Profiles'!$G$20=$B$24,21,0),0)),0)</f>
        <v>0</v>
      </c>
      <c r="G8016" cm="1">
        <f t="array" ref="G8016">IFERROR(INDEX(Jesper!AK$2:AK$366,ROUNDDOWN($C8016/24,0)+1,1)*INDEX($D$3:$AA$30,INDEX(Jesper!$R$2:$R$366,ROW(INDEX(Jesper!AK$2:AK$366,ROUNDDOWN($C8016/24,0)+1,1))-1)+IF('Standard Profiles'!$G$21=$B$10,7,0)+IF('Standard Profiles'!$G$21=$B$17,14,0)+IF('Standard Profiles'!$G$21=$B$24,21,0),MOD($C8016,24)+1)/SUM(INDEX($D$3:$AA$30,INDEX(Jesper!$R$2:$R$366,ROW(INDEX(Jesper!AK$2:AK$366,ROUNDDOWN($C8016/24,0)+1,1))-1)+IF('Standard Profiles'!$G$21=$B$10,7,0)+IF('Standard Profiles'!$G$21=$B$17,14,0)+IF('Standard Profiles'!$G$21=$B$24,21,0),0)),0)</f>
        <v>0</v>
      </c>
      <c r="H8016" cm="1">
        <f t="array" ref="H8016">IFERROR(INDEX(Jesper!AL$2:AL$366,ROUNDDOWN($C8016/24,0)+1,1)*INDEX($D$3:$AA$30,INDEX(Jesper!$R$2:$R$366,ROW(INDEX(Jesper!AL$2:AL$366,ROUNDDOWN($C8016/24,0)+1,1))-1)+IF('Standard Profiles'!$G$22=$B$10,7,0)+IF('Standard Profiles'!$G$22=$B$17,14,0)+IF('Standard Profiles'!$G$22=$B$24,21,0),MOD($C8016,24)+1)/SUM(INDEX($D$3:$AA$30,INDEX(Jesper!$R$2:$R$366,ROW(INDEX(Jesper!AL$2:AL$366,ROUNDDOWN($C8016/24,0)+1,1))-1)+IF('Standard Profiles'!$G$22=$B$10,7,0)+IF('Standard Profiles'!$G$22=$B$17,14,0)+IF('Standard Profiles'!$G$22=$B$24,21,0),0)),0)</f>
        <v>0</v>
      </c>
      <c r="I8016">
        <f t="shared" si="888"/>
        <v>0.50211398770142379</v>
      </c>
      <c r="J8016">
        <f t="shared" si="889"/>
        <v>1.6737132923380795</v>
      </c>
      <c r="K8016">
        <f t="shared" si="890"/>
        <v>2.510569938507119</v>
      </c>
      <c r="L8016">
        <f t="shared" si="891"/>
        <v>12.050735704834171</v>
      </c>
      <c r="M8016">
        <f t="shared" si="892"/>
        <v>0</v>
      </c>
      <c r="N8016" s="46">
        <f t="shared" si="893"/>
        <v>45624.583333313974</v>
      </c>
    </row>
    <row r="8017" spans="2:14" x14ac:dyDescent="0.3">
      <c r="B8017">
        <f t="shared" si="887"/>
        <v>4</v>
      </c>
      <c r="C8017" s="16">
        <v>7983</v>
      </c>
      <c r="D8017" cm="1">
        <f t="array" ref="D8017">IFERROR(INDEX(Jesper!AH$2:AH$366,ROUNDDOWN($C8017/24,0)+1,1)*INDEX($D$3:$AA$30,INDEX(Jesper!$R$2:$R$366,ROW(INDEX(Jesper!AH$2:AH$366,ROUNDDOWN($C8017/24,0)+1,1))-1)+IF('Standard Profiles'!$G$18=$B$10,7,0)+IF('Standard Profiles'!$G$18=$B$17,14,0)+IF('Standard Profiles'!$G$18=$B$24,21,0),MOD($C8017,24)+1)/SUM(INDEX($D$3:$AA$30,INDEX(Jesper!$R$2:$R$366,ROW(INDEX(Jesper!AH$2:AH$366,ROUNDDOWN($C8017/24,0)+1,1))-1)+IF('Standard Profiles'!$G$18=$B$10,7,0)+IF('Standard Profiles'!$G$18=$B$17,14,0)+IF('Standard Profiles'!$G$18=$B$24,21,0),0)),0)</f>
        <v>16.737132923380795</v>
      </c>
      <c r="E8017" cm="1">
        <f t="array" ref="E8017">IFERROR(INDEX(Jesper!AI$2:AI$366,ROUNDDOWN($C8017/24,0)+1,1)*INDEX($D$3:$AA$30,INDEX(Jesper!$R$2:$R$366,ROW(INDEX(Jesper!AI$2:AI$366,ROUNDDOWN($C8017/24,0)+1,1))-1)+IF('Standard Profiles'!$G$19=$B$10,7,0)+IF('Standard Profiles'!$G$19=$B$17,14,0)+IF('Standard Profiles'!$G$19=$B$24,21,0),MOD($C8017,24)+1)/SUM(INDEX($D$3:$AA$30,INDEX(Jesper!$R$2:$R$366,ROW(INDEX(Jesper!AI$2:AI$366,ROUNDDOWN($C8017/24,0)+1,1))-1)+IF('Standard Profiles'!$G$19=$B$10,7,0)+IF('Standard Profiles'!$G$19=$B$17,14,0)+IF('Standard Profiles'!$G$19=$B$24,21,0),0)),0)</f>
        <v>0</v>
      </c>
      <c r="F8017" cm="1">
        <f t="array" ref="F8017">IFERROR(INDEX(Jesper!AJ$2:AJ$366,ROUNDDOWN($C8017/24,0)+1,1)*INDEX($D$3:$AA$30,INDEX(Jesper!$R$2:$R$366,ROW(INDEX(Jesper!AJ$2:AJ$366,ROUNDDOWN($C8017/24,0)+1,1))-1)+IF('Standard Profiles'!$G$20=$B$10,7,0)+IF('Standard Profiles'!$G$20=$B$17,14,0)+IF('Standard Profiles'!$G$20=$B$24,21,0),MOD($C8017,24)+1)/SUM(INDEX($D$3:$AA$30,INDEX(Jesper!$R$2:$R$366,ROW(INDEX(Jesper!AJ$2:AJ$366,ROUNDDOWN($C8017/24,0)+1,1))-1)+IF('Standard Profiles'!$G$20=$B$10,7,0)+IF('Standard Profiles'!$G$20=$B$17,14,0)+IF('Standard Profiles'!$G$20=$B$24,21,0),0)),0)</f>
        <v>0</v>
      </c>
      <c r="G8017" cm="1">
        <f t="array" ref="G8017">IFERROR(INDEX(Jesper!AK$2:AK$366,ROUNDDOWN($C8017/24,0)+1,1)*INDEX($D$3:$AA$30,INDEX(Jesper!$R$2:$R$366,ROW(INDEX(Jesper!AK$2:AK$366,ROUNDDOWN($C8017/24,0)+1,1))-1)+IF('Standard Profiles'!$G$21=$B$10,7,0)+IF('Standard Profiles'!$G$21=$B$17,14,0)+IF('Standard Profiles'!$G$21=$B$24,21,0),MOD($C8017,24)+1)/SUM(INDEX($D$3:$AA$30,INDEX(Jesper!$R$2:$R$366,ROW(INDEX(Jesper!AK$2:AK$366,ROUNDDOWN($C8017/24,0)+1,1))-1)+IF('Standard Profiles'!$G$21=$B$10,7,0)+IF('Standard Profiles'!$G$21=$B$17,14,0)+IF('Standard Profiles'!$G$21=$B$24,21,0),0)),0)</f>
        <v>0</v>
      </c>
      <c r="H8017" cm="1">
        <f t="array" ref="H8017">IFERROR(INDEX(Jesper!AL$2:AL$366,ROUNDDOWN($C8017/24,0)+1,1)*INDEX($D$3:$AA$30,INDEX(Jesper!$R$2:$R$366,ROW(INDEX(Jesper!AL$2:AL$366,ROUNDDOWN($C8017/24,0)+1,1))-1)+IF('Standard Profiles'!$G$22=$B$10,7,0)+IF('Standard Profiles'!$G$22=$B$17,14,0)+IF('Standard Profiles'!$G$22=$B$24,21,0),MOD($C8017,24)+1)/SUM(INDEX($D$3:$AA$30,INDEX(Jesper!$R$2:$R$366,ROW(INDEX(Jesper!AL$2:AL$366,ROUNDDOWN($C8017/24,0)+1,1))-1)+IF('Standard Profiles'!$G$22=$B$10,7,0)+IF('Standard Profiles'!$G$22=$B$17,14,0)+IF('Standard Profiles'!$G$22=$B$24,21,0),0)),0)</f>
        <v>0</v>
      </c>
      <c r="I8017">
        <f t="shared" si="888"/>
        <v>0.50211398770142379</v>
      </c>
      <c r="J8017">
        <f t="shared" si="889"/>
        <v>1.6737132923380795</v>
      </c>
      <c r="K8017">
        <f t="shared" si="890"/>
        <v>2.510569938507119</v>
      </c>
      <c r="L8017">
        <f t="shared" si="891"/>
        <v>12.050735704834171</v>
      </c>
      <c r="M8017">
        <f t="shared" si="892"/>
        <v>0</v>
      </c>
      <c r="N8017" s="46">
        <f t="shared" si="893"/>
        <v>45624.624999980639</v>
      </c>
    </row>
    <row r="8018" spans="2:14" x14ac:dyDescent="0.3">
      <c r="B8018">
        <f t="shared" si="887"/>
        <v>4</v>
      </c>
      <c r="C8018" s="16">
        <v>7984</v>
      </c>
      <c r="D8018" cm="1">
        <f t="array" ref="D8018">IFERROR(INDEX(Jesper!AH$2:AH$366,ROUNDDOWN($C8018/24,0)+1,1)*INDEX($D$3:$AA$30,INDEX(Jesper!$R$2:$R$366,ROW(INDEX(Jesper!AH$2:AH$366,ROUNDDOWN($C8018/24,0)+1,1))-1)+IF('Standard Profiles'!$G$18=$B$10,7,0)+IF('Standard Profiles'!$G$18=$B$17,14,0)+IF('Standard Profiles'!$G$18=$B$24,21,0),MOD($C8018,24)+1)/SUM(INDEX($D$3:$AA$30,INDEX(Jesper!$R$2:$R$366,ROW(INDEX(Jesper!AH$2:AH$366,ROUNDDOWN($C8018/24,0)+1,1))-1)+IF('Standard Profiles'!$G$18=$B$10,7,0)+IF('Standard Profiles'!$G$18=$B$17,14,0)+IF('Standard Profiles'!$G$18=$B$24,21,0),0)),0)</f>
        <v>16.737132923380795</v>
      </c>
      <c r="E8018" cm="1">
        <f t="array" ref="E8018">IFERROR(INDEX(Jesper!AI$2:AI$366,ROUNDDOWN($C8018/24,0)+1,1)*INDEX($D$3:$AA$30,INDEX(Jesper!$R$2:$R$366,ROW(INDEX(Jesper!AI$2:AI$366,ROUNDDOWN($C8018/24,0)+1,1))-1)+IF('Standard Profiles'!$G$19=$B$10,7,0)+IF('Standard Profiles'!$G$19=$B$17,14,0)+IF('Standard Profiles'!$G$19=$B$24,21,0),MOD($C8018,24)+1)/SUM(INDEX($D$3:$AA$30,INDEX(Jesper!$R$2:$R$366,ROW(INDEX(Jesper!AI$2:AI$366,ROUNDDOWN($C8018/24,0)+1,1))-1)+IF('Standard Profiles'!$G$19=$B$10,7,0)+IF('Standard Profiles'!$G$19=$B$17,14,0)+IF('Standard Profiles'!$G$19=$B$24,21,0),0)),0)</f>
        <v>0</v>
      </c>
      <c r="F8018" cm="1">
        <f t="array" ref="F8018">IFERROR(INDEX(Jesper!AJ$2:AJ$366,ROUNDDOWN($C8018/24,0)+1,1)*INDEX($D$3:$AA$30,INDEX(Jesper!$R$2:$R$366,ROW(INDEX(Jesper!AJ$2:AJ$366,ROUNDDOWN($C8018/24,0)+1,1))-1)+IF('Standard Profiles'!$G$20=$B$10,7,0)+IF('Standard Profiles'!$G$20=$B$17,14,0)+IF('Standard Profiles'!$G$20=$B$24,21,0),MOD($C8018,24)+1)/SUM(INDEX($D$3:$AA$30,INDEX(Jesper!$R$2:$R$366,ROW(INDEX(Jesper!AJ$2:AJ$366,ROUNDDOWN($C8018/24,0)+1,1))-1)+IF('Standard Profiles'!$G$20=$B$10,7,0)+IF('Standard Profiles'!$G$20=$B$17,14,0)+IF('Standard Profiles'!$G$20=$B$24,21,0),0)),0)</f>
        <v>0</v>
      </c>
      <c r="G8018" cm="1">
        <f t="array" ref="G8018">IFERROR(INDEX(Jesper!AK$2:AK$366,ROUNDDOWN($C8018/24,0)+1,1)*INDEX($D$3:$AA$30,INDEX(Jesper!$R$2:$R$366,ROW(INDEX(Jesper!AK$2:AK$366,ROUNDDOWN($C8018/24,0)+1,1))-1)+IF('Standard Profiles'!$G$21=$B$10,7,0)+IF('Standard Profiles'!$G$21=$B$17,14,0)+IF('Standard Profiles'!$G$21=$B$24,21,0),MOD($C8018,24)+1)/SUM(INDEX($D$3:$AA$30,INDEX(Jesper!$R$2:$R$366,ROW(INDEX(Jesper!AK$2:AK$366,ROUNDDOWN($C8018/24,0)+1,1))-1)+IF('Standard Profiles'!$G$21=$B$10,7,0)+IF('Standard Profiles'!$G$21=$B$17,14,0)+IF('Standard Profiles'!$G$21=$B$24,21,0),0)),0)</f>
        <v>0</v>
      </c>
      <c r="H8018" cm="1">
        <f t="array" ref="H8018">IFERROR(INDEX(Jesper!AL$2:AL$366,ROUNDDOWN($C8018/24,0)+1,1)*INDEX($D$3:$AA$30,INDEX(Jesper!$R$2:$R$366,ROW(INDEX(Jesper!AL$2:AL$366,ROUNDDOWN($C8018/24,0)+1,1))-1)+IF('Standard Profiles'!$G$22=$B$10,7,0)+IF('Standard Profiles'!$G$22=$B$17,14,0)+IF('Standard Profiles'!$G$22=$B$24,21,0),MOD($C8018,24)+1)/SUM(INDEX($D$3:$AA$30,INDEX(Jesper!$R$2:$R$366,ROW(INDEX(Jesper!AL$2:AL$366,ROUNDDOWN($C8018/24,0)+1,1))-1)+IF('Standard Profiles'!$G$22=$B$10,7,0)+IF('Standard Profiles'!$G$22=$B$17,14,0)+IF('Standard Profiles'!$G$22=$B$24,21,0),0)),0)</f>
        <v>0</v>
      </c>
      <c r="I8018">
        <f t="shared" si="888"/>
        <v>0.50211398770142379</v>
      </c>
      <c r="J8018">
        <f t="shared" si="889"/>
        <v>1.6737132923380795</v>
      </c>
      <c r="K8018">
        <f t="shared" si="890"/>
        <v>2.510569938507119</v>
      </c>
      <c r="L8018">
        <f t="shared" si="891"/>
        <v>12.050735704834171</v>
      </c>
      <c r="M8018">
        <f t="shared" si="892"/>
        <v>0</v>
      </c>
      <c r="N8018" s="46">
        <f t="shared" si="893"/>
        <v>45624.666666647303</v>
      </c>
    </row>
    <row r="8019" spans="2:14" x14ac:dyDescent="0.3">
      <c r="B8019">
        <f t="shared" si="887"/>
        <v>4</v>
      </c>
      <c r="C8019" s="16">
        <v>7985</v>
      </c>
      <c r="D8019" cm="1">
        <f t="array" ref="D8019">IFERROR(INDEX(Jesper!AH$2:AH$366,ROUNDDOWN($C8019/24,0)+1,1)*INDEX($D$3:$AA$30,INDEX(Jesper!$R$2:$R$366,ROW(INDEX(Jesper!AH$2:AH$366,ROUNDDOWN($C8019/24,0)+1,1))-1)+IF('Standard Profiles'!$G$18=$B$10,7,0)+IF('Standard Profiles'!$G$18=$B$17,14,0)+IF('Standard Profiles'!$G$18=$B$24,21,0),MOD($C8019,24)+1)/SUM(INDEX($D$3:$AA$30,INDEX(Jesper!$R$2:$R$366,ROW(INDEX(Jesper!AH$2:AH$366,ROUNDDOWN($C8019/24,0)+1,1))-1)+IF('Standard Profiles'!$G$18=$B$10,7,0)+IF('Standard Profiles'!$G$18=$B$17,14,0)+IF('Standard Profiles'!$G$18=$B$24,21,0),0)),0)</f>
        <v>16.737132923380795</v>
      </c>
      <c r="E8019" cm="1">
        <f t="array" ref="E8019">IFERROR(INDEX(Jesper!AI$2:AI$366,ROUNDDOWN($C8019/24,0)+1,1)*INDEX($D$3:$AA$30,INDEX(Jesper!$R$2:$R$366,ROW(INDEX(Jesper!AI$2:AI$366,ROUNDDOWN($C8019/24,0)+1,1))-1)+IF('Standard Profiles'!$G$19=$B$10,7,0)+IF('Standard Profiles'!$G$19=$B$17,14,0)+IF('Standard Profiles'!$G$19=$B$24,21,0),MOD($C8019,24)+1)/SUM(INDEX($D$3:$AA$30,INDEX(Jesper!$R$2:$R$366,ROW(INDEX(Jesper!AI$2:AI$366,ROUNDDOWN($C8019/24,0)+1,1))-1)+IF('Standard Profiles'!$G$19=$B$10,7,0)+IF('Standard Profiles'!$G$19=$B$17,14,0)+IF('Standard Profiles'!$G$19=$B$24,21,0),0)),0)</f>
        <v>0</v>
      </c>
      <c r="F8019" cm="1">
        <f t="array" ref="F8019">IFERROR(INDEX(Jesper!AJ$2:AJ$366,ROUNDDOWN($C8019/24,0)+1,1)*INDEX($D$3:$AA$30,INDEX(Jesper!$R$2:$R$366,ROW(INDEX(Jesper!AJ$2:AJ$366,ROUNDDOWN($C8019/24,0)+1,1))-1)+IF('Standard Profiles'!$G$20=$B$10,7,0)+IF('Standard Profiles'!$G$20=$B$17,14,0)+IF('Standard Profiles'!$G$20=$B$24,21,0),MOD($C8019,24)+1)/SUM(INDEX($D$3:$AA$30,INDEX(Jesper!$R$2:$R$366,ROW(INDEX(Jesper!AJ$2:AJ$366,ROUNDDOWN($C8019/24,0)+1,1))-1)+IF('Standard Profiles'!$G$20=$B$10,7,0)+IF('Standard Profiles'!$G$20=$B$17,14,0)+IF('Standard Profiles'!$G$20=$B$24,21,0),0)),0)</f>
        <v>0</v>
      </c>
      <c r="G8019" cm="1">
        <f t="array" ref="G8019">IFERROR(INDEX(Jesper!AK$2:AK$366,ROUNDDOWN($C8019/24,0)+1,1)*INDEX($D$3:$AA$30,INDEX(Jesper!$R$2:$R$366,ROW(INDEX(Jesper!AK$2:AK$366,ROUNDDOWN($C8019/24,0)+1,1))-1)+IF('Standard Profiles'!$G$21=$B$10,7,0)+IF('Standard Profiles'!$G$21=$B$17,14,0)+IF('Standard Profiles'!$G$21=$B$24,21,0),MOD($C8019,24)+1)/SUM(INDEX($D$3:$AA$30,INDEX(Jesper!$R$2:$R$366,ROW(INDEX(Jesper!AK$2:AK$366,ROUNDDOWN($C8019/24,0)+1,1))-1)+IF('Standard Profiles'!$G$21=$B$10,7,0)+IF('Standard Profiles'!$G$21=$B$17,14,0)+IF('Standard Profiles'!$G$21=$B$24,21,0),0)),0)</f>
        <v>0</v>
      </c>
      <c r="H8019" cm="1">
        <f t="array" ref="H8019">IFERROR(INDEX(Jesper!AL$2:AL$366,ROUNDDOWN($C8019/24,0)+1,1)*INDEX($D$3:$AA$30,INDEX(Jesper!$R$2:$R$366,ROW(INDEX(Jesper!AL$2:AL$366,ROUNDDOWN($C8019/24,0)+1,1))-1)+IF('Standard Profiles'!$G$22=$B$10,7,0)+IF('Standard Profiles'!$G$22=$B$17,14,0)+IF('Standard Profiles'!$G$22=$B$24,21,0),MOD($C8019,24)+1)/SUM(INDEX($D$3:$AA$30,INDEX(Jesper!$R$2:$R$366,ROW(INDEX(Jesper!AL$2:AL$366,ROUNDDOWN($C8019/24,0)+1,1))-1)+IF('Standard Profiles'!$G$22=$B$10,7,0)+IF('Standard Profiles'!$G$22=$B$17,14,0)+IF('Standard Profiles'!$G$22=$B$24,21,0),0)),0)</f>
        <v>0</v>
      </c>
      <c r="I8019">
        <f t="shared" si="888"/>
        <v>0.50211398770142379</v>
      </c>
      <c r="J8019">
        <f t="shared" si="889"/>
        <v>1.6737132923380795</v>
      </c>
      <c r="K8019">
        <f t="shared" si="890"/>
        <v>2.510569938507119</v>
      </c>
      <c r="L8019">
        <f t="shared" si="891"/>
        <v>12.050735704834171</v>
      </c>
      <c r="M8019">
        <f t="shared" si="892"/>
        <v>0</v>
      </c>
      <c r="N8019" s="46">
        <f t="shared" si="893"/>
        <v>45624.708333313967</v>
      </c>
    </row>
    <row r="8020" spans="2:14" x14ac:dyDescent="0.3">
      <c r="B8020">
        <f t="shared" si="887"/>
        <v>4</v>
      </c>
      <c r="C8020" s="16">
        <v>7986</v>
      </c>
      <c r="D8020" cm="1">
        <f t="array" ref="D8020">IFERROR(INDEX(Jesper!AH$2:AH$366,ROUNDDOWN($C8020/24,0)+1,1)*INDEX($D$3:$AA$30,INDEX(Jesper!$R$2:$R$366,ROW(INDEX(Jesper!AH$2:AH$366,ROUNDDOWN($C8020/24,0)+1,1))-1)+IF('Standard Profiles'!$G$18=$B$10,7,0)+IF('Standard Profiles'!$G$18=$B$17,14,0)+IF('Standard Profiles'!$G$18=$B$24,21,0),MOD($C8020,24)+1)/SUM(INDEX($D$3:$AA$30,INDEX(Jesper!$R$2:$R$366,ROW(INDEX(Jesper!AH$2:AH$366,ROUNDDOWN($C8020/24,0)+1,1))-1)+IF('Standard Profiles'!$G$18=$B$10,7,0)+IF('Standard Profiles'!$G$18=$B$17,14,0)+IF('Standard Profiles'!$G$18=$B$24,21,0),0)),0)</f>
        <v>16.737132923380795</v>
      </c>
      <c r="E8020" cm="1">
        <f t="array" ref="E8020">IFERROR(INDEX(Jesper!AI$2:AI$366,ROUNDDOWN($C8020/24,0)+1,1)*INDEX($D$3:$AA$30,INDEX(Jesper!$R$2:$R$366,ROW(INDEX(Jesper!AI$2:AI$366,ROUNDDOWN($C8020/24,0)+1,1))-1)+IF('Standard Profiles'!$G$19=$B$10,7,0)+IF('Standard Profiles'!$G$19=$B$17,14,0)+IF('Standard Profiles'!$G$19=$B$24,21,0),MOD($C8020,24)+1)/SUM(INDEX($D$3:$AA$30,INDEX(Jesper!$R$2:$R$366,ROW(INDEX(Jesper!AI$2:AI$366,ROUNDDOWN($C8020/24,0)+1,1))-1)+IF('Standard Profiles'!$G$19=$B$10,7,0)+IF('Standard Profiles'!$G$19=$B$17,14,0)+IF('Standard Profiles'!$G$19=$B$24,21,0),0)),0)</f>
        <v>0</v>
      </c>
      <c r="F8020" cm="1">
        <f t="array" ref="F8020">IFERROR(INDEX(Jesper!AJ$2:AJ$366,ROUNDDOWN($C8020/24,0)+1,1)*INDEX($D$3:$AA$30,INDEX(Jesper!$R$2:$R$366,ROW(INDEX(Jesper!AJ$2:AJ$366,ROUNDDOWN($C8020/24,0)+1,1))-1)+IF('Standard Profiles'!$G$20=$B$10,7,0)+IF('Standard Profiles'!$G$20=$B$17,14,0)+IF('Standard Profiles'!$G$20=$B$24,21,0),MOD($C8020,24)+1)/SUM(INDEX($D$3:$AA$30,INDEX(Jesper!$R$2:$R$366,ROW(INDEX(Jesper!AJ$2:AJ$366,ROUNDDOWN($C8020/24,0)+1,1))-1)+IF('Standard Profiles'!$G$20=$B$10,7,0)+IF('Standard Profiles'!$G$20=$B$17,14,0)+IF('Standard Profiles'!$G$20=$B$24,21,0),0)),0)</f>
        <v>0</v>
      </c>
      <c r="G8020" cm="1">
        <f t="array" ref="G8020">IFERROR(INDEX(Jesper!AK$2:AK$366,ROUNDDOWN($C8020/24,0)+1,1)*INDEX($D$3:$AA$30,INDEX(Jesper!$R$2:$R$366,ROW(INDEX(Jesper!AK$2:AK$366,ROUNDDOWN($C8020/24,0)+1,1))-1)+IF('Standard Profiles'!$G$21=$B$10,7,0)+IF('Standard Profiles'!$G$21=$B$17,14,0)+IF('Standard Profiles'!$G$21=$B$24,21,0),MOD($C8020,24)+1)/SUM(INDEX($D$3:$AA$30,INDEX(Jesper!$R$2:$R$366,ROW(INDEX(Jesper!AK$2:AK$366,ROUNDDOWN($C8020/24,0)+1,1))-1)+IF('Standard Profiles'!$G$21=$B$10,7,0)+IF('Standard Profiles'!$G$21=$B$17,14,0)+IF('Standard Profiles'!$G$21=$B$24,21,0),0)),0)</f>
        <v>0</v>
      </c>
      <c r="H8020" cm="1">
        <f t="array" ref="H8020">IFERROR(INDEX(Jesper!AL$2:AL$366,ROUNDDOWN($C8020/24,0)+1,1)*INDEX($D$3:$AA$30,INDEX(Jesper!$R$2:$R$366,ROW(INDEX(Jesper!AL$2:AL$366,ROUNDDOWN($C8020/24,0)+1,1))-1)+IF('Standard Profiles'!$G$22=$B$10,7,0)+IF('Standard Profiles'!$G$22=$B$17,14,0)+IF('Standard Profiles'!$G$22=$B$24,21,0),MOD($C8020,24)+1)/SUM(INDEX($D$3:$AA$30,INDEX(Jesper!$R$2:$R$366,ROW(INDEX(Jesper!AL$2:AL$366,ROUNDDOWN($C8020/24,0)+1,1))-1)+IF('Standard Profiles'!$G$22=$B$10,7,0)+IF('Standard Profiles'!$G$22=$B$17,14,0)+IF('Standard Profiles'!$G$22=$B$24,21,0),0)),0)</f>
        <v>0</v>
      </c>
      <c r="I8020">
        <f t="shared" si="888"/>
        <v>0.50211398770142379</v>
      </c>
      <c r="J8020">
        <f t="shared" si="889"/>
        <v>1.6737132923380795</v>
      </c>
      <c r="K8020">
        <f t="shared" si="890"/>
        <v>2.510569938507119</v>
      </c>
      <c r="L8020">
        <f t="shared" si="891"/>
        <v>12.050735704834171</v>
      </c>
      <c r="M8020">
        <f t="shared" si="892"/>
        <v>0</v>
      </c>
      <c r="N8020" s="46">
        <f t="shared" si="893"/>
        <v>45624.749999980631</v>
      </c>
    </row>
    <row r="8021" spans="2:14" x14ac:dyDescent="0.3">
      <c r="B8021">
        <f t="shared" si="887"/>
        <v>4</v>
      </c>
      <c r="C8021" s="16">
        <v>7987</v>
      </c>
      <c r="D8021" cm="1">
        <f t="array" ref="D8021">IFERROR(INDEX(Jesper!AH$2:AH$366,ROUNDDOWN($C8021/24,0)+1,1)*INDEX($D$3:$AA$30,INDEX(Jesper!$R$2:$R$366,ROW(INDEX(Jesper!AH$2:AH$366,ROUNDDOWN($C8021/24,0)+1,1))-1)+IF('Standard Profiles'!$G$18=$B$10,7,0)+IF('Standard Profiles'!$G$18=$B$17,14,0)+IF('Standard Profiles'!$G$18=$B$24,21,0),MOD($C8021,24)+1)/SUM(INDEX($D$3:$AA$30,INDEX(Jesper!$R$2:$R$366,ROW(INDEX(Jesper!AH$2:AH$366,ROUNDDOWN($C8021/24,0)+1,1))-1)+IF('Standard Profiles'!$G$18=$B$10,7,0)+IF('Standard Profiles'!$G$18=$B$17,14,0)+IF('Standard Profiles'!$G$18=$B$24,21,0),0)),0)</f>
        <v>13.947610769483996</v>
      </c>
      <c r="E8021" cm="1">
        <f t="array" ref="E8021">IFERROR(INDEX(Jesper!AI$2:AI$366,ROUNDDOWN($C8021/24,0)+1,1)*INDEX($D$3:$AA$30,INDEX(Jesper!$R$2:$R$366,ROW(INDEX(Jesper!AI$2:AI$366,ROUNDDOWN($C8021/24,0)+1,1))-1)+IF('Standard Profiles'!$G$19=$B$10,7,0)+IF('Standard Profiles'!$G$19=$B$17,14,0)+IF('Standard Profiles'!$G$19=$B$24,21,0),MOD($C8021,24)+1)/SUM(INDEX($D$3:$AA$30,INDEX(Jesper!$R$2:$R$366,ROW(INDEX(Jesper!AI$2:AI$366,ROUNDDOWN($C8021/24,0)+1,1))-1)+IF('Standard Profiles'!$G$19=$B$10,7,0)+IF('Standard Profiles'!$G$19=$B$17,14,0)+IF('Standard Profiles'!$G$19=$B$24,21,0),0)),0)</f>
        <v>0</v>
      </c>
      <c r="F8021" cm="1">
        <f t="array" ref="F8021">IFERROR(INDEX(Jesper!AJ$2:AJ$366,ROUNDDOWN($C8021/24,0)+1,1)*INDEX($D$3:$AA$30,INDEX(Jesper!$R$2:$R$366,ROW(INDEX(Jesper!AJ$2:AJ$366,ROUNDDOWN($C8021/24,0)+1,1))-1)+IF('Standard Profiles'!$G$20=$B$10,7,0)+IF('Standard Profiles'!$G$20=$B$17,14,0)+IF('Standard Profiles'!$G$20=$B$24,21,0),MOD($C8021,24)+1)/SUM(INDEX($D$3:$AA$30,INDEX(Jesper!$R$2:$R$366,ROW(INDEX(Jesper!AJ$2:AJ$366,ROUNDDOWN($C8021/24,0)+1,1))-1)+IF('Standard Profiles'!$G$20=$B$10,7,0)+IF('Standard Profiles'!$G$20=$B$17,14,0)+IF('Standard Profiles'!$G$20=$B$24,21,0),0)),0)</f>
        <v>0</v>
      </c>
      <c r="G8021" cm="1">
        <f t="array" ref="G8021">IFERROR(INDEX(Jesper!AK$2:AK$366,ROUNDDOWN($C8021/24,0)+1,1)*INDEX($D$3:$AA$30,INDEX(Jesper!$R$2:$R$366,ROW(INDEX(Jesper!AK$2:AK$366,ROUNDDOWN($C8021/24,0)+1,1))-1)+IF('Standard Profiles'!$G$21=$B$10,7,0)+IF('Standard Profiles'!$G$21=$B$17,14,0)+IF('Standard Profiles'!$G$21=$B$24,21,0),MOD($C8021,24)+1)/SUM(INDEX($D$3:$AA$30,INDEX(Jesper!$R$2:$R$366,ROW(INDEX(Jesper!AK$2:AK$366,ROUNDDOWN($C8021/24,0)+1,1))-1)+IF('Standard Profiles'!$G$21=$B$10,7,0)+IF('Standard Profiles'!$G$21=$B$17,14,0)+IF('Standard Profiles'!$G$21=$B$24,21,0),0)),0)</f>
        <v>0</v>
      </c>
      <c r="H8021" cm="1">
        <f t="array" ref="H8021">IFERROR(INDEX(Jesper!AL$2:AL$366,ROUNDDOWN($C8021/24,0)+1,1)*INDEX($D$3:$AA$30,INDEX(Jesper!$R$2:$R$366,ROW(INDEX(Jesper!AL$2:AL$366,ROUNDDOWN($C8021/24,0)+1,1))-1)+IF('Standard Profiles'!$G$22=$B$10,7,0)+IF('Standard Profiles'!$G$22=$B$17,14,0)+IF('Standard Profiles'!$G$22=$B$24,21,0),MOD($C8021,24)+1)/SUM(INDEX($D$3:$AA$30,INDEX(Jesper!$R$2:$R$366,ROW(INDEX(Jesper!AL$2:AL$366,ROUNDDOWN($C8021/24,0)+1,1))-1)+IF('Standard Profiles'!$G$22=$B$10,7,0)+IF('Standard Profiles'!$G$22=$B$17,14,0)+IF('Standard Profiles'!$G$22=$B$24,21,0),0)),0)</f>
        <v>0</v>
      </c>
      <c r="I8021">
        <f t="shared" si="888"/>
        <v>0.41842832308451988</v>
      </c>
      <c r="J8021">
        <f t="shared" si="889"/>
        <v>1.3947610769483996</v>
      </c>
      <c r="K8021">
        <f t="shared" si="890"/>
        <v>2.0921416154225994</v>
      </c>
      <c r="L8021">
        <f t="shared" si="891"/>
        <v>10.042279754028476</v>
      </c>
      <c r="M8021">
        <f t="shared" si="892"/>
        <v>0</v>
      </c>
      <c r="N8021" s="46">
        <f t="shared" si="893"/>
        <v>45624.791666647296</v>
      </c>
    </row>
    <row r="8022" spans="2:14" x14ac:dyDescent="0.3">
      <c r="B8022">
        <f t="shared" si="887"/>
        <v>4</v>
      </c>
      <c r="C8022" s="16">
        <v>7988</v>
      </c>
      <c r="D8022" cm="1">
        <f t="array" ref="D8022">IFERROR(INDEX(Jesper!AH$2:AH$366,ROUNDDOWN($C8022/24,0)+1,1)*INDEX($D$3:$AA$30,INDEX(Jesper!$R$2:$R$366,ROW(INDEX(Jesper!AH$2:AH$366,ROUNDDOWN($C8022/24,0)+1,1))-1)+IF('Standard Profiles'!$G$18=$B$10,7,0)+IF('Standard Profiles'!$G$18=$B$17,14,0)+IF('Standard Profiles'!$G$18=$B$24,21,0),MOD($C8022,24)+1)/SUM(INDEX($D$3:$AA$30,INDEX(Jesper!$R$2:$R$366,ROW(INDEX(Jesper!AH$2:AH$366,ROUNDDOWN($C8022/24,0)+1,1))-1)+IF('Standard Profiles'!$G$18=$B$10,7,0)+IF('Standard Profiles'!$G$18=$B$17,14,0)+IF('Standard Profiles'!$G$18=$B$24,21,0),0)),0)</f>
        <v>11.158088615587198</v>
      </c>
      <c r="E8022" cm="1">
        <f t="array" ref="E8022">IFERROR(INDEX(Jesper!AI$2:AI$366,ROUNDDOWN($C8022/24,0)+1,1)*INDEX($D$3:$AA$30,INDEX(Jesper!$R$2:$R$366,ROW(INDEX(Jesper!AI$2:AI$366,ROUNDDOWN($C8022/24,0)+1,1))-1)+IF('Standard Profiles'!$G$19=$B$10,7,0)+IF('Standard Profiles'!$G$19=$B$17,14,0)+IF('Standard Profiles'!$G$19=$B$24,21,0),MOD($C8022,24)+1)/SUM(INDEX($D$3:$AA$30,INDEX(Jesper!$R$2:$R$366,ROW(INDEX(Jesper!AI$2:AI$366,ROUNDDOWN($C8022/24,0)+1,1))-1)+IF('Standard Profiles'!$G$19=$B$10,7,0)+IF('Standard Profiles'!$G$19=$B$17,14,0)+IF('Standard Profiles'!$G$19=$B$24,21,0),0)),0)</f>
        <v>0</v>
      </c>
      <c r="F8022" cm="1">
        <f t="array" ref="F8022">IFERROR(INDEX(Jesper!AJ$2:AJ$366,ROUNDDOWN($C8022/24,0)+1,1)*INDEX($D$3:$AA$30,INDEX(Jesper!$R$2:$R$366,ROW(INDEX(Jesper!AJ$2:AJ$366,ROUNDDOWN($C8022/24,0)+1,1))-1)+IF('Standard Profiles'!$G$20=$B$10,7,0)+IF('Standard Profiles'!$G$20=$B$17,14,0)+IF('Standard Profiles'!$G$20=$B$24,21,0),MOD($C8022,24)+1)/SUM(INDEX($D$3:$AA$30,INDEX(Jesper!$R$2:$R$366,ROW(INDEX(Jesper!AJ$2:AJ$366,ROUNDDOWN($C8022/24,0)+1,1))-1)+IF('Standard Profiles'!$G$20=$B$10,7,0)+IF('Standard Profiles'!$G$20=$B$17,14,0)+IF('Standard Profiles'!$G$20=$B$24,21,0),0)),0)</f>
        <v>0</v>
      </c>
      <c r="G8022" cm="1">
        <f t="array" ref="G8022">IFERROR(INDEX(Jesper!AK$2:AK$366,ROUNDDOWN($C8022/24,0)+1,1)*INDEX($D$3:$AA$30,INDEX(Jesper!$R$2:$R$366,ROW(INDEX(Jesper!AK$2:AK$366,ROUNDDOWN($C8022/24,0)+1,1))-1)+IF('Standard Profiles'!$G$21=$B$10,7,0)+IF('Standard Profiles'!$G$21=$B$17,14,0)+IF('Standard Profiles'!$G$21=$B$24,21,0),MOD($C8022,24)+1)/SUM(INDEX($D$3:$AA$30,INDEX(Jesper!$R$2:$R$366,ROW(INDEX(Jesper!AK$2:AK$366,ROUNDDOWN($C8022/24,0)+1,1))-1)+IF('Standard Profiles'!$G$21=$B$10,7,0)+IF('Standard Profiles'!$G$21=$B$17,14,0)+IF('Standard Profiles'!$G$21=$B$24,21,0),0)),0)</f>
        <v>0</v>
      </c>
      <c r="H8022" cm="1">
        <f t="array" ref="H8022">IFERROR(INDEX(Jesper!AL$2:AL$366,ROUNDDOWN($C8022/24,0)+1,1)*INDEX($D$3:$AA$30,INDEX(Jesper!$R$2:$R$366,ROW(INDEX(Jesper!AL$2:AL$366,ROUNDDOWN($C8022/24,0)+1,1))-1)+IF('Standard Profiles'!$G$22=$B$10,7,0)+IF('Standard Profiles'!$G$22=$B$17,14,0)+IF('Standard Profiles'!$G$22=$B$24,21,0),MOD($C8022,24)+1)/SUM(INDEX($D$3:$AA$30,INDEX(Jesper!$R$2:$R$366,ROW(INDEX(Jesper!AL$2:AL$366,ROUNDDOWN($C8022/24,0)+1,1))-1)+IF('Standard Profiles'!$G$22=$B$10,7,0)+IF('Standard Profiles'!$G$22=$B$17,14,0)+IF('Standard Profiles'!$G$22=$B$24,21,0),0)),0)</f>
        <v>0</v>
      </c>
      <c r="I8022">
        <f t="shared" si="888"/>
        <v>0.33474265846761592</v>
      </c>
      <c r="J8022">
        <f t="shared" si="889"/>
        <v>1.1158088615587198</v>
      </c>
      <c r="K8022">
        <f t="shared" si="890"/>
        <v>1.6737132923380798</v>
      </c>
      <c r="L8022">
        <f t="shared" si="891"/>
        <v>8.0338238032227824</v>
      </c>
      <c r="M8022">
        <f t="shared" si="892"/>
        <v>0</v>
      </c>
      <c r="N8022" s="46">
        <f t="shared" si="893"/>
        <v>45624.83333331396</v>
      </c>
    </row>
    <row r="8023" spans="2:14" x14ac:dyDescent="0.3">
      <c r="B8023">
        <f t="shared" si="887"/>
        <v>4</v>
      </c>
      <c r="C8023" s="16">
        <v>7989</v>
      </c>
      <c r="D8023" cm="1">
        <f t="array" ref="D8023">IFERROR(INDEX(Jesper!AH$2:AH$366,ROUNDDOWN($C8023/24,0)+1,1)*INDEX($D$3:$AA$30,INDEX(Jesper!$R$2:$R$366,ROW(INDEX(Jesper!AH$2:AH$366,ROUNDDOWN($C8023/24,0)+1,1))-1)+IF('Standard Profiles'!$G$18=$B$10,7,0)+IF('Standard Profiles'!$G$18=$B$17,14,0)+IF('Standard Profiles'!$G$18=$B$24,21,0),MOD($C8023,24)+1)/SUM(INDEX($D$3:$AA$30,INDEX(Jesper!$R$2:$R$366,ROW(INDEX(Jesper!AH$2:AH$366,ROUNDDOWN($C8023/24,0)+1,1))-1)+IF('Standard Profiles'!$G$18=$B$10,7,0)+IF('Standard Profiles'!$G$18=$B$17,14,0)+IF('Standard Profiles'!$G$18=$B$24,21,0),0)),0)</f>
        <v>8.3685664616903974</v>
      </c>
      <c r="E8023" cm="1">
        <f t="array" ref="E8023">IFERROR(INDEX(Jesper!AI$2:AI$366,ROUNDDOWN($C8023/24,0)+1,1)*INDEX($D$3:$AA$30,INDEX(Jesper!$R$2:$R$366,ROW(INDEX(Jesper!AI$2:AI$366,ROUNDDOWN($C8023/24,0)+1,1))-1)+IF('Standard Profiles'!$G$19=$B$10,7,0)+IF('Standard Profiles'!$G$19=$B$17,14,0)+IF('Standard Profiles'!$G$19=$B$24,21,0),MOD($C8023,24)+1)/SUM(INDEX($D$3:$AA$30,INDEX(Jesper!$R$2:$R$366,ROW(INDEX(Jesper!AI$2:AI$366,ROUNDDOWN($C8023/24,0)+1,1))-1)+IF('Standard Profiles'!$G$19=$B$10,7,0)+IF('Standard Profiles'!$G$19=$B$17,14,0)+IF('Standard Profiles'!$G$19=$B$24,21,0),0)),0)</f>
        <v>0</v>
      </c>
      <c r="F8023" cm="1">
        <f t="array" ref="F8023">IFERROR(INDEX(Jesper!AJ$2:AJ$366,ROUNDDOWN($C8023/24,0)+1,1)*INDEX($D$3:$AA$30,INDEX(Jesper!$R$2:$R$366,ROW(INDEX(Jesper!AJ$2:AJ$366,ROUNDDOWN($C8023/24,0)+1,1))-1)+IF('Standard Profiles'!$G$20=$B$10,7,0)+IF('Standard Profiles'!$G$20=$B$17,14,0)+IF('Standard Profiles'!$G$20=$B$24,21,0),MOD($C8023,24)+1)/SUM(INDEX($D$3:$AA$30,INDEX(Jesper!$R$2:$R$366,ROW(INDEX(Jesper!AJ$2:AJ$366,ROUNDDOWN($C8023/24,0)+1,1))-1)+IF('Standard Profiles'!$G$20=$B$10,7,0)+IF('Standard Profiles'!$G$20=$B$17,14,0)+IF('Standard Profiles'!$G$20=$B$24,21,0),0)),0)</f>
        <v>0</v>
      </c>
      <c r="G8023" cm="1">
        <f t="array" ref="G8023">IFERROR(INDEX(Jesper!AK$2:AK$366,ROUNDDOWN($C8023/24,0)+1,1)*INDEX($D$3:$AA$30,INDEX(Jesper!$R$2:$R$366,ROW(INDEX(Jesper!AK$2:AK$366,ROUNDDOWN($C8023/24,0)+1,1))-1)+IF('Standard Profiles'!$G$21=$B$10,7,0)+IF('Standard Profiles'!$G$21=$B$17,14,0)+IF('Standard Profiles'!$G$21=$B$24,21,0),MOD($C8023,24)+1)/SUM(INDEX($D$3:$AA$30,INDEX(Jesper!$R$2:$R$366,ROW(INDEX(Jesper!AK$2:AK$366,ROUNDDOWN($C8023/24,0)+1,1))-1)+IF('Standard Profiles'!$G$21=$B$10,7,0)+IF('Standard Profiles'!$G$21=$B$17,14,0)+IF('Standard Profiles'!$G$21=$B$24,21,0),0)),0)</f>
        <v>0</v>
      </c>
      <c r="H8023" cm="1">
        <f t="array" ref="H8023">IFERROR(INDEX(Jesper!AL$2:AL$366,ROUNDDOWN($C8023/24,0)+1,1)*INDEX($D$3:$AA$30,INDEX(Jesper!$R$2:$R$366,ROW(INDEX(Jesper!AL$2:AL$366,ROUNDDOWN($C8023/24,0)+1,1))-1)+IF('Standard Profiles'!$G$22=$B$10,7,0)+IF('Standard Profiles'!$G$22=$B$17,14,0)+IF('Standard Profiles'!$G$22=$B$24,21,0),MOD($C8023,24)+1)/SUM(INDEX($D$3:$AA$30,INDEX(Jesper!$R$2:$R$366,ROW(INDEX(Jesper!AL$2:AL$366,ROUNDDOWN($C8023/24,0)+1,1))-1)+IF('Standard Profiles'!$G$22=$B$10,7,0)+IF('Standard Profiles'!$G$22=$B$17,14,0)+IF('Standard Profiles'!$G$22=$B$24,21,0),0)),0)</f>
        <v>0</v>
      </c>
      <c r="I8023">
        <f t="shared" si="888"/>
        <v>0.2510569938507119</v>
      </c>
      <c r="J8023">
        <f t="shared" si="889"/>
        <v>0.83685664616903976</v>
      </c>
      <c r="K8023">
        <f t="shared" si="890"/>
        <v>1.2552849692535595</v>
      </c>
      <c r="L8023">
        <f t="shared" si="891"/>
        <v>6.0253678524170855</v>
      </c>
      <c r="M8023">
        <f t="shared" si="892"/>
        <v>0</v>
      </c>
      <c r="N8023" s="46">
        <f t="shared" si="893"/>
        <v>45624.874999980624</v>
      </c>
    </row>
    <row r="8024" spans="2:14" x14ac:dyDescent="0.3">
      <c r="B8024">
        <f t="shared" si="887"/>
        <v>4</v>
      </c>
      <c r="C8024" s="16">
        <v>7990</v>
      </c>
      <c r="D8024" cm="1">
        <f t="array" ref="D8024">IFERROR(INDEX(Jesper!AH$2:AH$366,ROUNDDOWN($C8024/24,0)+1,1)*INDEX($D$3:$AA$30,INDEX(Jesper!$R$2:$R$366,ROW(INDEX(Jesper!AH$2:AH$366,ROUNDDOWN($C8024/24,0)+1,1))-1)+IF('Standard Profiles'!$G$18=$B$10,7,0)+IF('Standard Profiles'!$G$18=$B$17,14,0)+IF('Standard Profiles'!$G$18=$B$24,21,0),MOD($C8024,24)+1)/SUM(INDEX($D$3:$AA$30,INDEX(Jesper!$R$2:$R$366,ROW(INDEX(Jesper!AH$2:AH$366,ROUNDDOWN($C8024/24,0)+1,1))-1)+IF('Standard Profiles'!$G$18=$B$10,7,0)+IF('Standard Profiles'!$G$18=$B$17,14,0)+IF('Standard Profiles'!$G$18=$B$24,21,0),0)),0)</f>
        <v>8.3685664616903974</v>
      </c>
      <c r="E8024" cm="1">
        <f t="array" ref="E8024">IFERROR(INDEX(Jesper!AI$2:AI$366,ROUNDDOWN($C8024/24,0)+1,1)*INDEX($D$3:$AA$30,INDEX(Jesper!$R$2:$R$366,ROW(INDEX(Jesper!AI$2:AI$366,ROUNDDOWN($C8024/24,0)+1,1))-1)+IF('Standard Profiles'!$G$19=$B$10,7,0)+IF('Standard Profiles'!$G$19=$B$17,14,0)+IF('Standard Profiles'!$G$19=$B$24,21,0),MOD($C8024,24)+1)/SUM(INDEX($D$3:$AA$30,INDEX(Jesper!$R$2:$R$366,ROW(INDEX(Jesper!AI$2:AI$366,ROUNDDOWN($C8024/24,0)+1,1))-1)+IF('Standard Profiles'!$G$19=$B$10,7,0)+IF('Standard Profiles'!$G$19=$B$17,14,0)+IF('Standard Profiles'!$G$19=$B$24,21,0),0)),0)</f>
        <v>0</v>
      </c>
      <c r="F8024" cm="1">
        <f t="array" ref="F8024">IFERROR(INDEX(Jesper!AJ$2:AJ$366,ROUNDDOWN($C8024/24,0)+1,1)*INDEX($D$3:$AA$30,INDEX(Jesper!$R$2:$R$366,ROW(INDEX(Jesper!AJ$2:AJ$366,ROUNDDOWN($C8024/24,0)+1,1))-1)+IF('Standard Profiles'!$G$20=$B$10,7,0)+IF('Standard Profiles'!$G$20=$B$17,14,0)+IF('Standard Profiles'!$G$20=$B$24,21,0),MOD($C8024,24)+1)/SUM(INDEX($D$3:$AA$30,INDEX(Jesper!$R$2:$R$366,ROW(INDEX(Jesper!AJ$2:AJ$366,ROUNDDOWN($C8024/24,0)+1,1))-1)+IF('Standard Profiles'!$G$20=$B$10,7,0)+IF('Standard Profiles'!$G$20=$B$17,14,0)+IF('Standard Profiles'!$G$20=$B$24,21,0),0)),0)</f>
        <v>0</v>
      </c>
      <c r="G8024" cm="1">
        <f t="array" ref="G8024">IFERROR(INDEX(Jesper!AK$2:AK$366,ROUNDDOWN($C8024/24,0)+1,1)*INDEX($D$3:$AA$30,INDEX(Jesper!$R$2:$R$366,ROW(INDEX(Jesper!AK$2:AK$366,ROUNDDOWN($C8024/24,0)+1,1))-1)+IF('Standard Profiles'!$G$21=$B$10,7,0)+IF('Standard Profiles'!$G$21=$B$17,14,0)+IF('Standard Profiles'!$G$21=$B$24,21,0),MOD($C8024,24)+1)/SUM(INDEX($D$3:$AA$30,INDEX(Jesper!$R$2:$R$366,ROW(INDEX(Jesper!AK$2:AK$366,ROUNDDOWN($C8024/24,0)+1,1))-1)+IF('Standard Profiles'!$G$21=$B$10,7,0)+IF('Standard Profiles'!$G$21=$B$17,14,0)+IF('Standard Profiles'!$G$21=$B$24,21,0),0)),0)</f>
        <v>0</v>
      </c>
      <c r="H8024" cm="1">
        <f t="array" ref="H8024">IFERROR(INDEX(Jesper!AL$2:AL$366,ROUNDDOWN($C8024/24,0)+1,1)*INDEX($D$3:$AA$30,INDEX(Jesper!$R$2:$R$366,ROW(INDEX(Jesper!AL$2:AL$366,ROUNDDOWN($C8024/24,0)+1,1))-1)+IF('Standard Profiles'!$G$22=$B$10,7,0)+IF('Standard Profiles'!$G$22=$B$17,14,0)+IF('Standard Profiles'!$G$22=$B$24,21,0),MOD($C8024,24)+1)/SUM(INDEX($D$3:$AA$30,INDEX(Jesper!$R$2:$R$366,ROW(INDEX(Jesper!AL$2:AL$366,ROUNDDOWN($C8024/24,0)+1,1))-1)+IF('Standard Profiles'!$G$22=$B$10,7,0)+IF('Standard Profiles'!$G$22=$B$17,14,0)+IF('Standard Profiles'!$G$22=$B$24,21,0),0)),0)</f>
        <v>0</v>
      </c>
      <c r="I8024">
        <f t="shared" si="888"/>
        <v>0.2510569938507119</v>
      </c>
      <c r="J8024">
        <f t="shared" si="889"/>
        <v>0.83685664616903976</v>
      </c>
      <c r="K8024">
        <f t="shared" si="890"/>
        <v>1.2552849692535595</v>
      </c>
      <c r="L8024">
        <f t="shared" si="891"/>
        <v>6.0253678524170855</v>
      </c>
      <c r="M8024">
        <f t="shared" si="892"/>
        <v>0</v>
      </c>
      <c r="N8024" s="46">
        <f t="shared" si="893"/>
        <v>45624.916666647288</v>
      </c>
    </row>
    <row r="8025" spans="2:14" x14ac:dyDescent="0.3">
      <c r="B8025">
        <f t="shared" si="887"/>
        <v>4</v>
      </c>
      <c r="C8025" s="16">
        <v>7991</v>
      </c>
      <c r="D8025" cm="1">
        <f t="array" ref="D8025">IFERROR(INDEX(Jesper!AH$2:AH$366,ROUNDDOWN($C8025/24,0)+1,1)*INDEX($D$3:$AA$30,INDEX(Jesper!$R$2:$R$366,ROW(INDEX(Jesper!AH$2:AH$366,ROUNDDOWN($C8025/24,0)+1,1))-1)+IF('Standard Profiles'!$G$18=$B$10,7,0)+IF('Standard Profiles'!$G$18=$B$17,14,0)+IF('Standard Profiles'!$G$18=$B$24,21,0),MOD($C8025,24)+1)/SUM(INDEX($D$3:$AA$30,INDEX(Jesper!$R$2:$R$366,ROW(INDEX(Jesper!AH$2:AH$366,ROUNDDOWN($C8025/24,0)+1,1))-1)+IF('Standard Profiles'!$G$18=$B$10,7,0)+IF('Standard Profiles'!$G$18=$B$17,14,0)+IF('Standard Profiles'!$G$18=$B$24,21,0),0)),0)</f>
        <v>8.3685664616903974</v>
      </c>
      <c r="E8025" cm="1">
        <f t="array" ref="E8025">IFERROR(INDEX(Jesper!AI$2:AI$366,ROUNDDOWN($C8025/24,0)+1,1)*INDEX($D$3:$AA$30,INDEX(Jesper!$R$2:$R$366,ROW(INDEX(Jesper!AI$2:AI$366,ROUNDDOWN($C8025/24,0)+1,1))-1)+IF('Standard Profiles'!$G$19=$B$10,7,0)+IF('Standard Profiles'!$G$19=$B$17,14,0)+IF('Standard Profiles'!$G$19=$B$24,21,0),MOD($C8025,24)+1)/SUM(INDEX($D$3:$AA$30,INDEX(Jesper!$R$2:$R$366,ROW(INDEX(Jesper!AI$2:AI$366,ROUNDDOWN($C8025/24,0)+1,1))-1)+IF('Standard Profiles'!$G$19=$B$10,7,0)+IF('Standard Profiles'!$G$19=$B$17,14,0)+IF('Standard Profiles'!$G$19=$B$24,21,0),0)),0)</f>
        <v>0</v>
      </c>
      <c r="F8025" cm="1">
        <f t="array" ref="F8025">IFERROR(INDEX(Jesper!AJ$2:AJ$366,ROUNDDOWN($C8025/24,0)+1,1)*INDEX($D$3:$AA$30,INDEX(Jesper!$R$2:$R$366,ROW(INDEX(Jesper!AJ$2:AJ$366,ROUNDDOWN($C8025/24,0)+1,1))-1)+IF('Standard Profiles'!$G$20=$B$10,7,0)+IF('Standard Profiles'!$G$20=$B$17,14,0)+IF('Standard Profiles'!$G$20=$B$24,21,0),MOD($C8025,24)+1)/SUM(INDEX($D$3:$AA$30,INDEX(Jesper!$R$2:$R$366,ROW(INDEX(Jesper!AJ$2:AJ$366,ROUNDDOWN($C8025/24,0)+1,1))-1)+IF('Standard Profiles'!$G$20=$B$10,7,0)+IF('Standard Profiles'!$G$20=$B$17,14,0)+IF('Standard Profiles'!$G$20=$B$24,21,0),0)),0)</f>
        <v>0</v>
      </c>
      <c r="G8025" cm="1">
        <f t="array" ref="G8025">IFERROR(INDEX(Jesper!AK$2:AK$366,ROUNDDOWN($C8025/24,0)+1,1)*INDEX($D$3:$AA$30,INDEX(Jesper!$R$2:$R$366,ROW(INDEX(Jesper!AK$2:AK$366,ROUNDDOWN($C8025/24,0)+1,1))-1)+IF('Standard Profiles'!$G$21=$B$10,7,0)+IF('Standard Profiles'!$G$21=$B$17,14,0)+IF('Standard Profiles'!$G$21=$B$24,21,0),MOD($C8025,24)+1)/SUM(INDEX($D$3:$AA$30,INDEX(Jesper!$R$2:$R$366,ROW(INDEX(Jesper!AK$2:AK$366,ROUNDDOWN($C8025/24,0)+1,1))-1)+IF('Standard Profiles'!$G$21=$B$10,7,0)+IF('Standard Profiles'!$G$21=$B$17,14,0)+IF('Standard Profiles'!$G$21=$B$24,21,0),0)),0)</f>
        <v>0</v>
      </c>
      <c r="H8025" cm="1">
        <f t="array" ref="H8025">IFERROR(INDEX(Jesper!AL$2:AL$366,ROUNDDOWN($C8025/24,0)+1,1)*INDEX($D$3:$AA$30,INDEX(Jesper!$R$2:$R$366,ROW(INDEX(Jesper!AL$2:AL$366,ROUNDDOWN($C8025/24,0)+1,1))-1)+IF('Standard Profiles'!$G$22=$B$10,7,0)+IF('Standard Profiles'!$G$22=$B$17,14,0)+IF('Standard Profiles'!$G$22=$B$24,21,0),MOD($C8025,24)+1)/SUM(INDEX($D$3:$AA$30,INDEX(Jesper!$R$2:$R$366,ROW(INDEX(Jesper!AL$2:AL$366,ROUNDDOWN($C8025/24,0)+1,1))-1)+IF('Standard Profiles'!$G$22=$B$10,7,0)+IF('Standard Profiles'!$G$22=$B$17,14,0)+IF('Standard Profiles'!$G$22=$B$24,21,0),0)),0)</f>
        <v>0</v>
      </c>
      <c r="I8025">
        <f t="shared" si="888"/>
        <v>0.2510569938507119</v>
      </c>
      <c r="J8025">
        <f t="shared" si="889"/>
        <v>0.83685664616903976</v>
      </c>
      <c r="K8025">
        <f t="shared" si="890"/>
        <v>1.2552849692535595</v>
      </c>
      <c r="L8025">
        <f t="shared" si="891"/>
        <v>6.0253678524170855</v>
      </c>
      <c r="M8025">
        <f t="shared" si="892"/>
        <v>0</v>
      </c>
      <c r="N8025" s="46">
        <f t="shared" si="893"/>
        <v>45624.958333313953</v>
      </c>
    </row>
    <row r="8026" spans="2:14" x14ac:dyDescent="0.3">
      <c r="B8026">
        <f t="shared" si="887"/>
        <v>5</v>
      </c>
      <c r="C8026" s="16">
        <v>7992</v>
      </c>
      <c r="D8026" cm="1">
        <f t="array" ref="D8026">IFERROR(INDEX(Jesper!AH$2:AH$366,ROUNDDOWN($C8026/24,0)+1,1)*INDEX($D$3:$AA$30,INDEX(Jesper!$R$2:$R$366,ROW(INDEX(Jesper!AH$2:AH$366,ROUNDDOWN($C8026/24,0)+1,1))-1)+IF('Standard Profiles'!$G$18=$B$10,7,0)+IF('Standard Profiles'!$G$18=$B$17,14,0)+IF('Standard Profiles'!$G$18=$B$24,21,0),MOD($C8026,24)+1)/SUM(INDEX($D$3:$AA$30,INDEX(Jesper!$R$2:$R$366,ROW(INDEX(Jesper!AH$2:AH$366,ROUNDDOWN($C8026/24,0)+1,1))-1)+IF('Standard Profiles'!$G$18=$B$10,7,0)+IF('Standard Profiles'!$G$18=$B$17,14,0)+IF('Standard Profiles'!$G$18=$B$24,21,0),0)),0)</f>
        <v>9.3977143312477782</v>
      </c>
      <c r="E8026" cm="1">
        <f t="array" ref="E8026">IFERROR(INDEX(Jesper!AI$2:AI$366,ROUNDDOWN($C8026/24,0)+1,1)*INDEX($D$3:$AA$30,INDEX(Jesper!$R$2:$R$366,ROW(INDEX(Jesper!AI$2:AI$366,ROUNDDOWN($C8026/24,0)+1,1))-1)+IF('Standard Profiles'!$G$19=$B$10,7,0)+IF('Standard Profiles'!$G$19=$B$17,14,0)+IF('Standard Profiles'!$G$19=$B$24,21,0),MOD($C8026,24)+1)/SUM(INDEX($D$3:$AA$30,INDEX(Jesper!$R$2:$R$366,ROW(INDEX(Jesper!AI$2:AI$366,ROUNDDOWN($C8026/24,0)+1,1))-1)+IF('Standard Profiles'!$G$19=$B$10,7,0)+IF('Standard Profiles'!$G$19=$B$17,14,0)+IF('Standard Profiles'!$G$19=$B$24,21,0),0)),0)</f>
        <v>0</v>
      </c>
      <c r="F8026" cm="1">
        <f t="array" ref="F8026">IFERROR(INDEX(Jesper!AJ$2:AJ$366,ROUNDDOWN($C8026/24,0)+1,1)*INDEX($D$3:$AA$30,INDEX(Jesper!$R$2:$R$366,ROW(INDEX(Jesper!AJ$2:AJ$366,ROUNDDOWN($C8026/24,0)+1,1))-1)+IF('Standard Profiles'!$G$20=$B$10,7,0)+IF('Standard Profiles'!$G$20=$B$17,14,0)+IF('Standard Profiles'!$G$20=$B$24,21,0),MOD($C8026,24)+1)/SUM(INDEX($D$3:$AA$30,INDEX(Jesper!$R$2:$R$366,ROW(INDEX(Jesper!AJ$2:AJ$366,ROUNDDOWN($C8026/24,0)+1,1))-1)+IF('Standard Profiles'!$G$20=$B$10,7,0)+IF('Standard Profiles'!$G$20=$B$17,14,0)+IF('Standard Profiles'!$G$20=$B$24,21,0),0)),0)</f>
        <v>0</v>
      </c>
      <c r="G8026" cm="1">
        <f t="array" ref="G8026">IFERROR(INDEX(Jesper!AK$2:AK$366,ROUNDDOWN($C8026/24,0)+1,1)*INDEX($D$3:$AA$30,INDEX(Jesper!$R$2:$R$366,ROW(INDEX(Jesper!AK$2:AK$366,ROUNDDOWN($C8026/24,0)+1,1))-1)+IF('Standard Profiles'!$G$21=$B$10,7,0)+IF('Standard Profiles'!$G$21=$B$17,14,0)+IF('Standard Profiles'!$G$21=$B$24,21,0),MOD($C8026,24)+1)/SUM(INDEX($D$3:$AA$30,INDEX(Jesper!$R$2:$R$366,ROW(INDEX(Jesper!AK$2:AK$366,ROUNDDOWN($C8026/24,0)+1,1))-1)+IF('Standard Profiles'!$G$21=$B$10,7,0)+IF('Standard Profiles'!$G$21=$B$17,14,0)+IF('Standard Profiles'!$G$21=$B$24,21,0),0)),0)</f>
        <v>0</v>
      </c>
      <c r="H8026" cm="1">
        <f t="array" ref="H8026">IFERROR(INDEX(Jesper!AL$2:AL$366,ROUNDDOWN($C8026/24,0)+1,1)*INDEX($D$3:$AA$30,INDEX(Jesper!$R$2:$R$366,ROW(INDEX(Jesper!AL$2:AL$366,ROUNDDOWN($C8026/24,0)+1,1))-1)+IF('Standard Profiles'!$G$22=$B$10,7,0)+IF('Standard Profiles'!$G$22=$B$17,14,0)+IF('Standard Profiles'!$G$22=$B$24,21,0),MOD($C8026,24)+1)/SUM(INDEX($D$3:$AA$30,INDEX(Jesper!$R$2:$R$366,ROW(INDEX(Jesper!AL$2:AL$366,ROUNDDOWN($C8026/24,0)+1,1))-1)+IF('Standard Profiles'!$G$22=$B$10,7,0)+IF('Standard Profiles'!$G$22=$B$17,14,0)+IF('Standard Profiles'!$G$22=$B$24,21,0),0)),0)</f>
        <v>0</v>
      </c>
      <c r="I8026">
        <f t="shared" si="888"/>
        <v>0.28193142993743331</v>
      </c>
      <c r="J8026">
        <f t="shared" si="889"/>
        <v>0.93977143312477784</v>
      </c>
      <c r="K8026">
        <f t="shared" si="890"/>
        <v>1.4096571496871666</v>
      </c>
      <c r="L8026">
        <f t="shared" si="891"/>
        <v>6.7663543184983999</v>
      </c>
      <c r="M8026">
        <f t="shared" si="892"/>
        <v>0</v>
      </c>
      <c r="N8026" s="46">
        <f t="shared" si="893"/>
        <v>45624.999999980617</v>
      </c>
    </row>
    <row r="8027" spans="2:14" x14ac:dyDescent="0.3">
      <c r="B8027">
        <f t="shared" si="887"/>
        <v>5</v>
      </c>
      <c r="C8027" s="16">
        <v>7993</v>
      </c>
      <c r="D8027" cm="1">
        <f t="array" ref="D8027">IFERROR(INDEX(Jesper!AH$2:AH$366,ROUNDDOWN($C8027/24,0)+1,1)*INDEX($D$3:$AA$30,INDEX(Jesper!$R$2:$R$366,ROW(INDEX(Jesper!AH$2:AH$366,ROUNDDOWN($C8027/24,0)+1,1))-1)+IF('Standard Profiles'!$G$18=$B$10,7,0)+IF('Standard Profiles'!$G$18=$B$17,14,0)+IF('Standard Profiles'!$G$18=$B$24,21,0),MOD($C8027,24)+1)/SUM(INDEX($D$3:$AA$30,INDEX(Jesper!$R$2:$R$366,ROW(INDEX(Jesper!AH$2:AH$366,ROUNDDOWN($C8027/24,0)+1,1))-1)+IF('Standard Profiles'!$G$18=$B$10,7,0)+IF('Standard Profiles'!$G$18=$B$17,14,0)+IF('Standard Profiles'!$G$18=$B$24,21,0),0)),0)</f>
        <v>9.3977143312477782</v>
      </c>
      <c r="E8027" cm="1">
        <f t="array" ref="E8027">IFERROR(INDEX(Jesper!AI$2:AI$366,ROUNDDOWN($C8027/24,0)+1,1)*INDEX($D$3:$AA$30,INDEX(Jesper!$R$2:$R$366,ROW(INDEX(Jesper!AI$2:AI$366,ROUNDDOWN($C8027/24,0)+1,1))-1)+IF('Standard Profiles'!$G$19=$B$10,7,0)+IF('Standard Profiles'!$G$19=$B$17,14,0)+IF('Standard Profiles'!$G$19=$B$24,21,0),MOD($C8027,24)+1)/SUM(INDEX($D$3:$AA$30,INDEX(Jesper!$R$2:$R$366,ROW(INDEX(Jesper!AI$2:AI$366,ROUNDDOWN($C8027/24,0)+1,1))-1)+IF('Standard Profiles'!$G$19=$B$10,7,0)+IF('Standard Profiles'!$G$19=$B$17,14,0)+IF('Standard Profiles'!$G$19=$B$24,21,0),0)),0)</f>
        <v>0</v>
      </c>
      <c r="F8027" cm="1">
        <f t="array" ref="F8027">IFERROR(INDEX(Jesper!AJ$2:AJ$366,ROUNDDOWN($C8027/24,0)+1,1)*INDEX($D$3:$AA$30,INDEX(Jesper!$R$2:$R$366,ROW(INDEX(Jesper!AJ$2:AJ$366,ROUNDDOWN($C8027/24,0)+1,1))-1)+IF('Standard Profiles'!$G$20=$B$10,7,0)+IF('Standard Profiles'!$G$20=$B$17,14,0)+IF('Standard Profiles'!$G$20=$B$24,21,0),MOD($C8027,24)+1)/SUM(INDEX($D$3:$AA$30,INDEX(Jesper!$R$2:$R$366,ROW(INDEX(Jesper!AJ$2:AJ$366,ROUNDDOWN($C8027/24,0)+1,1))-1)+IF('Standard Profiles'!$G$20=$B$10,7,0)+IF('Standard Profiles'!$G$20=$B$17,14,0)+IF('Standard Profiles'!$G$20=$B$24,21,0),0)),0)</f>
        <v>0</v>
      </c>
      <c r="G8027" cm="1">
        <f t="array" ref="G8027">IFERROR(INDEX(Jesper!AK$2:AK$366,ROUNDDOWN($C8027/24,0)+1,1)*INDEX($D$3:$AA$30,INDEX(Jesper!$R$2:$R$366,ROW(INDEX(Jesper!AK$2:AK$366,ROUNDDOWN($C8027/24,0)+1,1))-1)+IF('Standard Profiles'!$G$21=$B$10,7,0)+IF('Standard Profiles'!$G$21=$B$17,14,0)+IF('Standard Profiles'!$G$21=$B$24,21,0),MOD($C8027,24)+1)/SUM(INDEX($D$3:$AA$30,INDEX(Jesper!$R$2:$R$366,ROW(INDEX(Jesper!AK$2:AK$366,ROUNDDOWN($C8027/24,0)+1,1))-1)+IF('Standard Profiles'!$G$21=$B$10,7,0)+IF('Standard Profiles'!$G$21=$B$17,14,0)+IF('Standard Profiles'!$G$21=$B$24,21,0),0)),0)</f>
        <v>0</v>
      </c>
      <c r="H8027" cm="1">
        <f t="array" ref="H8027">IFERROR(INDEX(Jesper!AL$2:AL$366,ROUNDDOWN($C8027/24,0)+1,1)*INDEX($D$3:$AA$30,INDEX(Jesper!$R$2:$R$366,ROW(INDEX(Jesper!AL$2:AL$366,ROUNDDOWN($C8027/24,0)+1,1))-1)+IF('Standard Profiles'!$G$22=$B$10,7,0)+IF('Standard Profiles'!$G$22=$B$17,14,0)+IF('Standard Profiles'!$G$22=$B$24,21,0),MOD($C8027,24)+1)/SUM(INDEX($D$3:$AA$30,INDEX(Jesper!$R$2:$R$366,ROW(INDEX(Jesper!AL$2:AL$366,ROUNDDOWN($C8027/24,0)+1,1))-1)+IF('Standard Profiles'!$G$22=$B$10,7,0)+IF('Standard Profiles'!$G$22=$B$17,14,0)+IF('Standard Profiles'!$G$22=$B$24,21,0),0)),0)</f>
        <v>0</v>
      </c>
      <c r="I8027">
        <f t="shared" si="888"/>
        <v>0.28193142993743331</v>
      </c>
      <c r="J8027">
        <f t="shared" si="889"/>
        <v>0.93977143312477784</v>
      </c>
      <c r="K8027">
        <f t="shared" si="890"/>
        <v>1.4096571496871666</v>
      </c>
      <c r="L8027">
        <f t="shared" si="891"/>
        <v>6.7663543184983999</v>
      </c>
      <c r="M8027">
        <f t="shared" si="892"/>
        <v>0</v>
      </c>
      <c r="N8027" s="46">
        <f t="shared" si="893"/>
        <v>45625.041666647281</v>
      </c>
    </row>
    <row r="8028" spans="2:14" x14ac:dyDescent="0.3">
      <c r="B8028">
        <f t="shared" si="887"/>
        <v>5</v>
      </c>
      <c r="C8028" s="16">
        <v>7994</v>
      </c>
      <c r="D8028" cm="1">
        <f t="array" ref="D8028">IFERROR(INDEX(Jesper!AH$2:AH$366,ROUNDDOWN($C8028/24,0)+1,1)*INDEX($D$3:$AA$30,INDEX(Jesper!$R$2:$R$366,ROW(INDEX(Jesper!AH$2:AH$366,ROUNDDOWN($C8028/24,0)+1,1))-1)+IF('Standard Profiles'!$G$18=$B$10,7,0)+IF('Standard Profiles'!$G$18=$B$17,14,0)+IF('Standard Profiles'!$G$18=$B$24,21,0),MOD($C8028,24)+1)/SUM(INDEX($D$3:$AA$30,INDEX(Jesper!$R$2:$R$366,ROW(INDEX(Jesper!AH$2:AH$366,ROUNDDOWN($C8028/24,0)+1,1))-1)+IF('Standard Profiles'!$G$18=$B$10,7,0)+IF('Standard Profiles'!$G$18=$B$17,14,0)+IF('Standard Profiles'!$G$18=$B$24,21,0),0)),0)</f>
        <v>9.3977143312477782</v>
      </c>
      <c r="E8028" cm="1">
        <f t="array" ref="E8028">IFERROR(INDEX(Jesper!AI$2:AI$366,ROUNDDOWN($C8028/24,0)+1,1)*INDEX($D$3:$AA$30,INDEX(Jesper!$R$2:$R$366,ROW(INDEX(Jesper!AI$2:AI$366,ROUNDDOWN($C8028/24,0)+1,1))-1)+IF('Standard Profiles'!$G$19=$B$10,7,0)+IF('Standard Profiles'!$G$19=$B$17,14,0)+IF('Standard Profiles'!$G$19=$B$24,21,0),MOD($C8028,24)+1)/SUM(INDEX($D$3:$AA$30,INDEX(Jesper!$R$2:$R$366,ROW(INDEX(Jesper!AI$2:AI$366,ROUNDDOWN($C8028/24,0)+1,1))-1)+IF('Standard Profiles'!$G$19=$B$10,7,0)+IF('Standard Profiles'!$G$19=$B$17,14,0)+IF('Standard Profiles'!$G$19=$B$24,21,0),0)),0)</f>
        <v>0</v>
      </c>
      <c r="F8028" cm="1">
        <f t="array" ref="F8028">IFERROR(INDEX(Jesper!AJ$2:AJ$366,ROUNDDOWN($C8028/24,0)+1,1)*INDEX($D$3:$AA$30,INDEX(Jesper!$R$2:$R$366,ROW(INDEX(Jesper!AJ$2:AJ$366,ROUNDDOWN($C8028/24,0)+1,1))-1)+IF('Standard Profiles'!$G$20=$B$10,7,0)+IF('Standard Profiles'!$G$20=$B$17,14,0)+IF('Standard Profiles'!$G$20=$B$24,21,0),MOD($C8028,24)+1)/SUM(INDEX($D$3:$AA$30,INDEX(Jesper!$R$2:$R$366,ROW(INDEX(Jesper!AJ$2:AJ$366,ROUNDDOWN($C8028/24,0)+1,1))-1)+IF('Standard Profiles'!$G$20=$B$10,7,0)+IF('Standard Profiles'!$G$20=$B$17,14,0)+IF('Standard Profiles'!$G$20=$B$24,21,0),0)),0)</f>
        <v>0</v>
      </c>
      <c r="G8028" cm="1">
        <f t="array" ref="G8028">IFERROR(INDEX(Jesper!AK$2:AK$366,ROUNDDOWN($C8028/24,0)+1,1)*INDEX($D$3:$AA$30,INDEX(Jesper!$R$2:$R$366,ROW(INDEX(Jesper!AK$2:AK$366,ROUNDDOWN($C8028/24,0)+1,1))-1)+IF('Standard Profiles'!$G$21=$B$10,7,0)+IF('Standard Profiles'!$G$21=$B$17,14,0)+IF('Standard Profiles'!$G$21=$B$24,21,0),MOD($C8028,24)+1)/SUM(INDEX($D$3:$AA$30,INDEX(Jesper!$R$2:$R$366,ROW(INDEX(Jesper!AK$2:AK$366,ROUNDDOWN($C8028/24,0)+1,1))-1)+IF('Standard Profiles'!$G$21=$B$10,7,0)+IF('Standard Profiles'!$G$21=$B$17,14,0)+IF('Standard Profiles'!$G$21=$B$24,21,0),0)),0)</f>
        <v>0</v>
      </c>
      <c r="H8028" cm="1">
        <f t="array" ref="H8028">IFERROR(INDEX(Jesper!AL$2:AL$366,ROUNDDOWN($C8028/24,0)+1,1)*INDEX($D$3:$AA$30,INDEX(Jesper!$R$2:$R$366,ROW(INDEX(Jesper!AL$2:AL$366,ROUNDDOWN($C8028/24,0)+1,1))-1)+IF('Standard Profiles'!$G$22=$B$10,7,0)+IF('Standard Profiles'!$G$22=$B$17,14,0)+IF('Standard Profiles'!$G$22=$B$24,21,0),MOD($C8028,24)+1)/SUM(INDEX($D$3:$AA$30,INDEX(Jesper!$R$2:$R$366,ROW(INDEX(Jesper!AL$2:AL$366,ROUNDDOWN($C8028/24,0)+1,1))-1)+IF('Standard Profiles'!$G$22=$B$10,7,0)+IF('Standard Profiles'!$G$22=$B$17,14,0)+IF('Standard Profiles'!$G$22=$B$24,21,0),0)),0)</f>
        <v>0</v>
      </c>
      <c r="I8028">
        <f t="shared" si="888"/>
        <v>0.28193142993743331</v>
      </c>
      <c r="J8028">
        <f t="shared" si="889"/>
        <v>0.93977143312477784</v>
      </c>
      <c r="K8028">
        <f t="shared" si="890"/>
        <v>1.4096571496871666</v>
      </c>
      <c r="L8028">
        <f t="shared" si="891"/>
        <v>6.7663543184983999</v>
      </c>
      <c r="M8028">
        <f t="shared" si="892"/>
        <v>0</v>
      </c>
      <c r="N8028" s="46">
        <f t="shared" si="893"/>
        <v>45625.083333313945</v>
      </c>
    </row>
    <row r="8029" spans="2:14" x14ac:dyDescent="0.3">
      <c r="B8029">
        <f t="shared" si="887"/>
        <v>5</v>
      </c>
      <c r="C8029" s="16">
        <v>7995</v>
      </c>
      <c r="D8029" cm="1">
        <f t="array" ref="D8029">IFERROR(INDEX(Jesper!AH$2:AH$366,ROUNDDOWN($C8029/24,0)+1,1)*INDEX($D$3:$AA$30,INDEX(Jesper!$R$2:$R$366,ROW(INDEX(Jesper!AH$2:AH$366,ROUNDDOWN($C8029/24,0)+1,1))-1)+IF('Standard Profiles'!$G$18=$B$10,7,0)+IF('Standard Profiles'!$G$18=$B$17,14,0)+IF('Standard Profiles'!$G$18=$B$24,21,0),MOD($C8029,24)+1)/SUM(INDEX($D$3:$AA$30,INDEX(Jesper!$R$2:$R$366,ROW(INDEX(Jesper!AH$2:AH$366,ROUNDDOWN($C8029/24,0)+1,1))-1)+IF('Standard Profiles'!$G$18=$B$10,7,0)+IF('Standard Profiles'!$G$18=$B$17,14,0)+IF('Standard Profiles'!$G$18=$B$24,21,0),0)),0)</f>
        <v>9.3977143312477782</v>
      </c>
      <c r="E8029" cm="1">
        <f t="array" ref="E8029">IFERROR(INDEX(Jesper!AI$2:AI$366,ROUNDDOWN($C8029/24,0)+1,1)*INDEX($D$3:$AA$30,INDEX(Jesper!$R$2:$R$366,ROW(INDEX(Jesper!AI$2:AI$366,ROUNDDOWN($C8029/24,0)+1,1))-1)+IF('Standard Profiles'!$G$19=$B$10,7,0)+IF('Standard Profiles'!$G$19=$B$17,14,0)+IF('Standard Profiles'!$G$19=$B$24,21,0),MOD($C8029,24)+1)/SUM(INDEX($D$3:$AA$30,INDEX(Jesper!$R$2:$R$366,ROW(INDEX(Jesper!AI$2:AI$366,ROUNDDOWN($C8029/24,0)+1,1))-1)+IF('Standard Profiles'!$G$19=$B$10,7,0)+IF('Standard Profiles'!$G$19=$B$17,14,0)+IF('Standard Profiles'!$G$19=$B$24,21,0),0)),0)</f>
        <v>0</v>
      </c>
      <c r="F8029" cm="1">
        <f t="array" ref="F8029">IFERROR(INDEX(Jesper!AJ$2:AJ$366,ROUNDDOWN($C8029/24,0)+1,1)*INDEX($D$3:$AA$30,INDEX(Jesper!$R$2:$R$366,ROW(INDEX(Jesper!AJ$2:AJ$366,ROUNDDOWN($C8029/24,0)+1,1))-1)+IF('Standard Profiles'!$G$20=$B$10,7,0)+IF('Standard Profiles'!$G$20=$B$17,14,0)+IF('Standard Profiles'!$G$20=$B$24,21,0),MOD($C8029,24)+1)/SUM(INDEX($D$3:$AA$30,INDEX(Jesper!$R$2:$R$366,ROW(INDEX(Jesper!AJ$2:AJ$366,ROUNDDOWN($C8029/24,0)+1,1))-1)+IF('Standard Profiles'!$G$20=$B$10,7,0)+IF('Standard Profiles'!$G$20=$B$17,14,0)+IF('Standard Profiles'!$G$20=$B$24,21,0),0)),0)</f>
        <v>0</v>
      </c>
      <c r="G8029" cm="1">
        <f t="array" ref="G8029">IFERROR(INDEX(Jesper!AK$2:AK$366,ROUNDDOWN($C8029/24,0)+1,1)*INDEX($D$3:$AA$30,INDEX(Jesper!$R$2:$R$366,ROW(INDEX(Jesper!AK$2:AK$366,ROUNDDOWN($C8029/24,0)+1,1))-1)+IF('Standard Profiles'!$G$21=$B$10,7,0)+IF('Standard Profiles'!$G$21=$B$17,14,0)+IF('Standard Profiles'!$G$21=$B$24,21,0),MOD($C8029,24)+1)/SUM(INDEX($D$3:$AA$30,INDEX(Jesper!$R$2:$R$366,ROW(INDEX(Jesper!AK$2:AK$366,ROUNDDOWN($C8029/24,0)+1,1))-1)+IF('Standard Profiles'!$G$21=$B$10,7,0)+IF('Standard Profiles'!$G$21=$B$17,14,0)+IF('Standard Profiles'!$G$21=$B$24,21,0),0)),0)</f>
        <v>0</v>
      </c>
      <c r="H8029" cm="1">
        <f t="array" ref="H8029">IFERROR(INDEX(Jesper!AL$2:AL$366,ROUNDDOWN($C8029/24,0)+1,1)*INDEX($D$3:$AA$30,INDEX(Jesper!$R$2:$R$366,ROW(INDEX(Jesper!AL$2:AL$366,ROUNDDOWN($C8029/24,0)+1,1))-1)+IF('Standard Profiles'!$G$22=$B$10,7,0)+IF('Standard Profiles'!$G$22=$B$17,14,0)+IF('Standard Profiles'!$G$22=$B$24,21,0),MOD($C8029,24)+1)/SUM(INDEX($D$3:$AA$30,INDEX(Jesper!$R$2:$R$366,ROW(INDEX(Jesper!AL$2:AL$366,ROUNDDOWN($C8029/24,0)+1,1))-1)+IF('Standard Profiles'!$G$22=$B$10,7,0)+IF('Standard Profiles'!$G$22=$B$17,14,0)+IF('Standard Profiles'!$G$22=$B$24,21,0),0)),0)</f>
        <v>0</v>
      </c>
      <c r="I8029">
        <f t="shared" si="888"/>
        <v>0.28193142993743331</v>
      </c>
      <c r="J8029">
        <f t="shared" si="889"/>
        <v>0.93977143312477784</v>
      </c>
      <c r="K8029">
        <f t="shared" si="890"/>
        <v>1.4096571496871666</v>
      </c>
      <c r="L8029">
        <f t="shared" si="891"/>
        <v>6.7663543184983999</v>
      </c>
      <c r="M8029">
        <f t="shared" si="892"/>
        <v>0</v>
      </c>
      <c r="N8029" s="46">
        <f t="shared" si="893"/>
        <v>45625.12499998061</v>
      </c>
    </row>
    <row r="8030" spans="2:14" x14ac:dyDescent="0.3">
      <c r="B8030">
        <f t="shared" si="887"/>
        <v>5</v>
      </c>
      <c r="C8030" s="16">
        <v>7996</v>
      </c>
      <c r="D8030" cm="1">
        <f t="array" ref="D8030">IFERROR(INDEX(Jesper!AH$2:AH$366,ROUNDDOWN($C8030/24,0)+1,1)*INDEX($D$3:$AA$30,INDEX(Jesper!$R$2:$R$366,ROW(INDEX(Jesper!AH$2:AH$366,ROUNDDOWN($C8030/24,0)+1,1))-1)+IF('Standard Profiles'!$G$18=$B$10,7,0)+IF('Standard Profiles'!$G$18=$B$17,14,0)+IF('Standard Profiles'!$G$18=$B$24,21,0),MOD($C8030,24)+1)/SUM(INDEX($D$3:$AA$30,INDEX(Jesper!$R$2:$R$366,ROW(INDEX(Jesper!AH$2:AH$366,ROUNDDOWN($C8030/24,0)+1,1))-1)+IF('Standard Profiles'!$G$18=$B$10,7,0)+IF('Standard Profiles'!$G$18=$B$17,14,0)+IF('Standard Profiles'!$G$18=$B$24,21,0),0)),0)</f>
        <v>9.3977143312477782</v>
      </c>
      <c r="E8030" cm="1">
        <f t="array" ref="E8030">IFERROR(INDEX(Jesper!AI$2:AI$366,ROUNDDOWN($C8030/24,0)+1,1)*INDEX($D$3:$AA$30,INDEX(Jesper!$R$2:$R$366,ROW(INDEX(Jesper!AI$2:AI$366,ROUNDDOWN($C8030/24,0)+1,1))-1)+IF('Standard Profiles'!$G$19=$B$10,7,0)+IF('Standard Profiles'!$G$19=$B$17,14,0)+IF('Standard Profiles'!$G$19=$B$24,21,0),MOD($C8030,24)+1)/SUM(INDEX($D$3:$AA$30,INDEX(Jesper!$R$2:$R$366,ROW(INDEX(Jesper!AI$2:AI$366,ROUNDDOWN($C8030/24,0)+1,1))-1)+IF('Standard Profiles'!$G$19=$B$10,7,0)+IF('Standard Profiles'!$G$19=$B$17,14,0)+IF('Standard Profiles'!$G$19=$B$24,21,0),0)),0)</f>
        <v>0</v>
      </c>
      <c r="F8030" cm="1">
        <f t="array" ref="F8030">IFERROR(INDEX(Jesper!AJ$2:AJ$366,ROUNDDOWN($C8030/24,0)+1,1)*INDEX($D$3:$AA$30,INDEX(Jesper!$R$2:$R$366,ROW(INDEX(Jesper!AJ$2:AJ$366,ROUNDDOWN($C8030/24,0)+1,1))-1)+IF('Standard Profiles'!$G$20=$B$10,7,0)+IF('Standard Profiles'!$G$20=$B$17,14,0)+IF('Standard Profiles'!$G$20=$B$24,21,0),MOD($C8030,24)+1)/SUM(INDEX($D$3:$AA$30,INDEX(Jesper!$R$2:$R$366,ROW(INDEX(Jesper!AJ$2:AJ$366,ROUNDDOWN($C8030/24,0)+1,1))-1)+IF('Standard Profiles'!$G$20=$B$10,7,0)+IF('Standard Profiles'!$G$20=$B$17,14,0)+IF('Standard Profiles'!$G$20=$B$24,21,0),0)),0)</f>
        <v>0</v>
      </c>
      <c r="G8030" cm="1">
        <f t="array" ref="G8030">IFERROR(INDEX(Jesper!AK$2:AK$366,ROUNDDOWN($C8030/24,0)+1,1)*INDEX($D$3:$AA$30,INDEX(Jesper!$R$2:$R$366,ROW(INDEX(Jesper!AK$2:AK$366,ROUNDDOWN($C8030/24,0)+1,1))-1)+IF('Standard Profiles'!$G$21=$B$10,7,0)+IF('Standard Profiles'!$G$21=$B$17,14,0)+IF('Standard Profiles'!$G$21=$B$24,21,0),MOD($C8030,24)+1)/SUM(INDEX($D$3:$AA$30,INDEX(Jesper!$R$2:$R$366,ROW(INDEX(Jesper!AK$2:AK$366,ROUNDDOWN($C8030/24,0)+1,1))-1)+IF('Standard Profiles'!$G$21=$B$10,7,0)+IF('Standard Profiles'!$G$21=$B$17,14,0)+IF('Standard Profiles'!$G$21=$B$24,21,0),0)),0)</f>
        <v>0</v>
      </c>
      <c r="H8030" cm="1">
        <f t="array" ref="H8030">IFERROR(INDEX(Jesper!AL$2:AL$366,ROUNDDOWN($C8030/24,0)+1,1)*INDEX($D$3:$AA$30,INDEX(Jesper!$R$2:$R$366,ROW(INDEX(Jesper!AL$2:AL$366,ROUNDDOWN($C8030/24,0)+1,1))-1)+IF('Standard Profiles'!$G$22=$B$10,7,0)+IF('Standard Profiles'!$G$22=$B$17,14,0)+IF('Standard Profiles'!$G$22=$B$24,21,0),MOD($C8030,24)+1)/SUM(INDEX($D$3:$AA$30,INDEX(Jesper!$R$2:$R$366,ROW(INDEX(Jesper!AL$2:AL$366,ROUNDDOWN($C8030/24,0)+1,1))-1)+IF('Standard Profiles'!$G$22=$B$10,7,0)+IF('Standard Profiles'!$G$22=$B$17,14,0)+IF('Standard Profiles'!$G$22=$B$24,21,0),0)),0)</f>
        <v>0</v>
      </c>
      <c r="I8030">
        <f t="shared" si="888"/>
        <v>0.28193142993743331</v>
      </c>
      <c r="J8030">
        <f t="shared" si="889"/>
        <v>0.93977143312477784</v>
      </c>
      <c r="K8030">
        <f t="shared" si="890"/>
        <v>1.4096571496871666</v>
      </c>
      <c r="L8030">
        <f t="shared" si="891"/>
        <v>6.7663543184983999</v>
      </c>
      <c r="M8030">
        <f t="shared" si="892"/>
        <v>0</v>
      </c>
      <c r="N8030" s="46">
        <f t="shared" si="893"/>
        <v>45625.166666647274</v>
      </c>
    </row>
    <row r="8031" spans="2:14" x14ac:dyDescent="0.3">
      <c r="B8031">
        <f t="shared" si="887"/>
        <v>5</v>
      </c>
      <c r="C8031" s="16">
        <v>7997</v>
      </c>
      <c r="D8031" cm="1">
        <f t="array" ref="D8031">IFERROR(INDEX(Jesper!AH$2:AH$366,ROUNDDOWN($C8031/24,0)+1,1)*INDEX($D$3:$AA$30,INDEX(Jesper!$R$2:$R$366,ROW(INDEX(Jesper!AH$2:AH$366,ROUNDDOWN($C8031/24,0)+1,1))-1)+IF('Standard Profiles'!$G$18=$B$10,7,0)+IF('Standard Profiles'!$G$18=$B$17,14,0)+IF('Standard Profiles'!$G$18=$B$24,21,0),MOD($C8031,24)+1)/SUM(INDEX($D$3:$AA$30,INDEX(Jesper!$R$2:$R$366,ROW(INDEX(Jesper!AH$2:AH$366,ROUNDDOWN($C8031/24,0)+1,1))-1)+IF('Standard Profiles'!$G$18=$B$10,7,0)+IF('Standard Profiles'!$G$18=$B$17,14,0)+IF('Standard Profiles'!$G$18=$B$24,21,0),0)),0)</f>
        <v>12.112609582497138</v>
      </c>
      <c r="E8031" cm="1">
        <f t="array" ref="E8031">IFERROR(INDEX(Jesper!AI$2:AI$366,ROUNDDOWN($C8031/24,0)+1,1)*INDEX($D$3:$AA$30,INDEX(Jesper!$R$2:$R$366,ROW(INDEX(Jesper!AI$2:AI$366,ROUNDDOWN($C8031/24,0)+1,1))-1)+IF('Standard Profiles'!$G$19=$B$10,7,0)+IF('Standard Profiles'!$G$19=$B$17,14,0)+IF('Standard Profiles'!$G$19=$B$24,21,0),MOD($C8031,24)+1)/SUM(INDEX($D$3:$AA$30,INDEX(Jesper!$R$2:$R$366,ROW(INDEX(Jesper!AI$2:AI$366,ROUNDDOWN($C8031/24,0)+1,1))-1)+IF('Standard Profiles'!$G$19=$B$10,7,0)+IF('Standard Profiles'!$G$19=$B$17,14,0)+IF('Standard Profiles'!$G$19=$B$24,21,0),0)),0)</f>
        <v>0</v>
      </c>
      <c r="F8031" cm="1">
        <f t="array" ref="F8031">IFERROR(INDEX(Jesper!AJ$2:AJ$366,ROUNDDOWN($C8031/24,0)+1,1)*INDEX($D$3:$AA$30,INDEX(Jesper!$R$2:$R$366,ROW(INDEX(Jesper!AJ$2:AJ$366,ROUNDDOWN($C8031/24,0)+1,1))-1)+IF('Standard Profiles'!$G$20=$B$10,7,0)+IF('Standard Profiles'!$G$20=$B$17,14,0)+IF('Standard Profiles'!$G$20=$B$24,21,0),MOD($C8031,24)+1)/SUM(INDEX($D$3:$AA$30,INDEX(Jesper!$R$2:$R$366,ROW(INDEX(Jesper!AJ$2:AJ$366,ROUNDDOWN($C8031/24,0)+1,1))-1)+IF('Standard Profiles'!$G$20=$B$10,7,0)+IF('Standard Profiles'!$G$20=$B$17,14,0)+IF('Standard Profiles'!$G$20=$B$24,21,0),0)),0)</f>
        <v>0</v>
      </c>
      <c r="G8031" cm="1">
        <f t="array" ref="G8031">IFERROR(INDEX(Jesper!AK$2:AK$366,ROUNDDOWN($C8031/24,0)+1,1)*INDEX($D$3:$AA$30,INDEX(Jesper!$R$2:$R$366,ROW(INDEX(Jesper!AK$2:AK$366,ROUNDDOWN($C8031/24,0)+1,1))-1)+IF('Standard Profiles'!$G$21=$B$10,7,0)+IF('Standard Profiles'!$G$21=$B$17,14,0)+IF('Standard Profiles'!$G$21=$B$24,21,0),MOD($C8031,24)+1)/SUM(INDEX($D$3:$AA$30,INDEX(Jesper!$R$2:$R$366,ROW(INDEX(Jesper!AK$2:AK$366,ROUNDDOWN($C8031/24,0)+1,1))-1)+IF('Standard Profiles'!$G$21=$B$10,7,0)+IF('Standard Profiles'!$G$21=$B$17,14,0)+IF('Standard Profiles'!$G$21=$B$24,21,0),0)),0)</f>
        <v>0</v>
      </c>
      <c r="H8031" cm="1">
        <f t="array" ref="H8031">IFERROR(INDEX(Jesper!AL$2:AL$366,ROUNDDOWN($C8031/24,0)+1,1)*INDEX($D$3:$AA$30,INDEX(Jesper!$R$2:$R$366,ROW(INDEX(Jesper!AL$2:AL$366,ROUNDDOWN($C8031/24,0)+1,1))-1)+IF('Standard Profiles'!$G$22=$B$10,7,0)+IF('Standard Profiles'!$G$22=$B$17,14,0)+IF('Standard Profiles'!$G$22=$B$24,21,0),MOD($C8031,24)+1)/SUM(INDEX($D$3:$AA$30,INDEX(Jesper!$R$2:$R$366,ROW(INDEX(Jesper!AL$2:AL$366,ROUNDDOWN($C8031/24,0)+1,1))-1)+IF('Standard Profiles'!$G$22=$B$10,7,0)+IF('Standard Profiles'!$G$22=$B$17,14,0)+IF('Standard Profiles'!$G$22=$B$24,21,0),0)),0)</f>
        <v>0</v>
      </c>
      <c r="I8031">
        <f t="shared" si="888"/>
        <v>0.36337828747491413</v>
      </c>
      <c r="J8031">
        <f t="shared" si="889"/>
        <v>1.2112609582497138</v>
      </c>
      <c r="K8031">
        <f t="shared" si="890"/>
        <v>1.8168914373745706</v>
      </c>
      <c r="L8031">
        <f t="shared" si="891"/>
        <v>8.7210788993979396</v>
      </c>
      <c r="M8031">
        <f t="shared" si="892"/>
        <v>0</v>
      </c>
      <c r="N8031" s="46">
        <f t="shared" si="893"/>
        <v>45625.208333313938</v>
      </c>
    </row>
    <row r="8032" spans="2:14" x14ac:dyDescent="0.3">
      <c r="B8032">
        <f t="shared" si="887"/>
        <v>5</v>
      </c>
      <c r="C8032" s="16">
        <v>7998</v>
      </c>
      <c r="D8032" cm="1">
        <f t="array" ref="D8032">IFERROR(INDEX(Jesper!AH$2:AH$366,ROUNDDOWN($C8032/24,0)+1,1)*INDEX($D$3:$AA$30,INDEX(Jesper!$R$2:$R$366,ROW(INDEX(Jesper!AH$2:AH$366,ROUNDDOWN($C8032/24,0)+1,1))-1)+IF('Standard Profiles'!$G$18=$B$10,7,0)+IF('Standard Profiles'!$G$18=$B$17,14,0)+IF('Standard Profiles'!$G$18=$B$24,21,0),MOD($C8032,24)+1)/SUM(INDEX($D$3:$AA$30,INDEX(Jesper!$R$2:$R$366,ROW(INDEX(Jesper!AH$2:AH$366,ROUNDDOWN($C8032/24,0)+1,1))-1)+IF('Standard Profiles'!$G$18=$B$10,7,0)+IF('Standard Profiles'!$G$18=$B$17,14,0)+IF('Standard Profiles'!$G$18=$B$24,21,0),0)),0)</f>
        <v>14.618666737496545</v>
      </c>
      <c r="E8032" cm="1">
        <f t="array" ref="E8032">IFERROR(INDEX(Jesper!AI$2:AI$366,ROUNDDOWN($C8032/24,0)+1,1)*INDEX($D$3:$AA$30,INDEX(Jesper!$R$2:$R$366,ROW(INDEX(Jesper!AI$2:AI$366,ROUNDDOWN($C8032/24,0)+1,1))-1)+IF('Standard Profiles'!$G$19=$B$10,7,0)+IF('Standard Profiles'!$G$19=$B$17,14,0)+IF('Standard Profiles'!$G$19=$B$24,21,0),MOD($C8032,24)+1)/SUM(INDEX($D$3:$AA$30,INDEX(Jesper!$R$2:$R$366,ROW(INDEX(Jesper!AI$2:AI$366,ROUNDDOWN($C8032/24,0)+1,1))-1)+IF('Standard Profiles'!$G$19=$B$10,7,0)+IF('Standard Profiles'!$G$19=$B$17,14,0)+IF('Standard Profiles'!$G$19=$B$24,21,0),0)),0)</f>
        <v>0</v>
      </c>
      <c r="F8032" cm="1">
        <f t="array" ref="F8032">IFERROR(INDEX(Jesper!AJ$2:AJ$366,ROUNDDOWN($C8032/24,0)+1,1)*INDEX($D$3:$AA$30,INDEX(Jesper!$R$2:$R$366,ROW(INDEX(Jesper!AJ$2:AJ$366,ROUNDDOWN($C8032/24,0)+1,1))-1)+IF('Standard Profiles'!$G$20=$B$10,7,0)+IF('Standard Profiles'!$G$20=$B$17,14,0)+IF('Standard Profiles'!$G$20=$B$24,21,0),MOD($C8032,24)+1)/SUM(INDEX($D$3:$AA$30,INDEX(Jesper!$R$2:$R$366,ROW(INDEX(Jesper!AJ$2:AJ$366,ROUNDDOWN($C8032/24,0)+1,1))-1)+IF('Standard Profiles'!$G$20=$B$10,7,0)+IF('Standard Profiles'!$G$20=$B$17,14,0)+IF('Standard Profiles'!$G$20=$B$24,21,0),0)),0)</f>
        <v>0</v>
      </c>
      <c r="G8032" cm="1">
        <f t="array" ref="G8032">IFERROR(INDEX(Jesper!AK$2:AK$366,ROUNDDOWN($C8032/24,0)+1,1)*INDEX($D$3:$AA$30,INDEX(Jesper!$R$2:$R$366,ROW(INDEX(Jesper!AK$2:AK$366,ROUNDDOWN($C8032/24,0)+1,1))-1)+IF('Standard Profiles'!$G$21=$B$10,7,0)+IF('Standard Profiles'!$G$21=$B$17,14,0)+IF('Standard Profiles'!$G$21=$B$24,21,0),MOD($C8032,24)+1)/SUM(INDEX($D$3:$AA$30,INDEX(Jesper!$R$2:$R$366,ROW(INDEX(Jesper!AK$2:AK$366,ROUNDDOWN($C8032/24,0)+1,1))-1)+IF('Standard Profiles'!$G$21=$B$10,7,0)+IF('Standard Profiles'!$G$21=$B$17,14,0)+IF('Standard Profiles'!$G$21=$B$24,21,0),0)),0)</f>
        <v>0</v>
      </c>
      <c r="H8032" cm="1">
        <f t="array" ref="H8032">IFERROR(INDEX(Jesper!AL$2:AL$366,ROUNDDOWN($C8032/24,0)+1,1)*INDEX($D$3:$AA$30,INDEX(Jesper!$R$2:$R$366,ROW(INDEX(Jesper!AL$2:AL$366,ROUNDDOWN($C8032/24,0)+1,1))-1)+IF('Standard Profiles'!$G$22=$B$10,7,0)+IF('Standard Profiles'!$G$22=$B$17,14,0)+IF('Standard Profiles'!$G$22=$B$24,21,0),MOD($C8032,24)+1)/SUM(INDEX($D$3:$AA$30,INDEX(Jesper!$R$2:$R$366,ROW(INDEX(Jesper!AL$2:AL$366,ROUNDDOWN($C8032/24,0)+1,1))-1)+IF('Standard Profiles'!$G$22=$B$10,7,0)+IF('Standard Profiles'!$G$22=$B$17,14,0)+IF('Standard Profiles'!$G$22=$B$24,21,0),0)),0)</f>
        <v>0</v>
      </c>
      <c r="I8032">
        <f t="shared" si="888"/>
        <v>0.43856000212489632</v>
      </c>
      <c r="J8032">
        <f t="shared" si="889"/>
        <v>1.4618666737496546</v>
      </c>
      <c r="K8032">
        <f t="shared" si="890"/>
        <v>2.1928000106244818</v>
      </c>
      <c r="L8032">
        <f t="shared" si="891"/>
        <v>10.525440050997512</v>
      </c>
      <c r="M8032">
        <f t="shared" si="892"/>
        <v>0</v>
      </c>
      <c r="N8032" s="46">
        <f t="shared" si="893"/>
        <v>45625.249999980602</v>
      </c>
    </row>
    <row r="8033" spans="2:14" x14ac:dyDescent="0.3">
      <c r="B8033">
        <f t="shared" si="887"/>
        <v>5</v>
      </c>
      <c r="C8033" s="16">
        <v>7999</v>
      </c>
      <c r="D8033" cm="1">
        <f t="array" ref="D8033">IFERROR(INDEX(Jesper!AH$2:AH$366,ROUNDDOWN($C8033/24,0)+1,1)*INDEX($D$3:$AA$30,INDEX(Jesper!$R$2:$R$366,ROW(INDEX(Jesper!AH$2:AH$366,ROUNDDOWN($C8033/24,0)+1,1))-1)+IF('Standard Profiles'!$G$18=$B$10,7,0)+IF('Standard Profiles'!$G$18=$B$17,14,0)+IF('Standard Profiles'!$G$18=$B$24,21,0),MOD($C8033,24)+1)/SUM(INDEX($D$3:$AA$30,INDEX(Jesper!$R$2:$R$366,ROW(INDEX(Jesper!AH$2:AH$366,ROUNDDOWN($C8033/24,0)+1,1))-1)+IF('Standard Profiles'!$G$18=$B$10,7,0)+IF('Standard Profiles'!$G$18=$B$17,14,0)+IF('Standard Profiles'!$G$18=$B$24,21,0),0)),0)</f>
        <v>14.618666737496545</v>
      </c>
      <c r="E8033" cm="1">
        <f t="array" ref="E8033">IFERROR(INDEX(Jesper!AI$2:AI$366,ROUNDDOWN($C8033/24,0)+1,1)*INDEX($D$3:$AA$30,INDEX(Jesper!$R$2:$R$366,ROW(INDEX(Jesper!AI$2:AI$366,ROUNDDOWN($C8033/24,0)+1,1))-1)+IF('Standard Profiles'!$G$19=$B$10,7,0)+IF('Standard Profiles'!$G$19=$B$17,14,0)+IF('Standard Profiles'!$G$19=$B$24,21,0),MOD($C8033,24)+1)/SUM(INDEX($D$3:$AA$30,INDEX(Jesper!$R$2:$R$366,ROW(INDEX(Jesper!AI$2:AI$366,ROUNDDOWN($C8033/24,0)+1,1))-1)+IF('Standard Profiles'!$G$19=$B$10,7,0)+IF('Standard Profiles'!$G$19=$B$17,14,0)+IF('Standard Profiles'!$G$19=$B$24,21,0),0)),0)</f>
        <v>0</v>
      </c>
      <c r="F8033" cm="1">
        <f t="array" ref="F8033">IFERROR(INDEX(Jesper!AJ$2:AJ$366,ROUNDDOWN($C8033/24,0)+1,1)*INDEX($D$3:$AA$30,INDEX(Jesper!$R$2:$R$366,ROW(INDEX(Jesper!AJ$2:AJ$366,ROUNDDOWN($C8033/24,0)+1,1))-1)+IF('Standard Profiles'!$G$20=$B$10,7,0)+IF('Standard Profiles'!$G$20=$B$17,14,0)+IF('Standard Profiles'!$G$20=$B$24,21,0),MOD($C8033,24)+1)/SUM(INDEX($D$3:$AA$30,INDEX(Jesper!$R$2:$R$366,ROW(INDEX(Jesper!AJ$2:AJ$366,ROUNDDOWN($C8033/24,0)+1,1))-1)+IF('Standard Profiles'!$G$20=$B$10,7,0)+IF('Standard Profiles'!$G$20=$B$17,14,0)+IF('Standard Profiles'!$G$20=$B$24,21,0),0)),0)</f>
        <v>0</v>
      </c>
      <c r="G8033" cm="1">
        <f t="array" ref="G8033">IFERROR(INDEX(Jesper!AK$2:AK$366,ROUNDDOWN($C8033/24,0)+1,1)*INDEX($D$3:$AA$30,INDEX(Jesper!$R$2:$R$366,ROW(INDEX(Jesper!AK$2:AK$366,ROUNDDOWN($C8033/24,0)+1,1))-1)+IF('Standard Profiles'!$G$21=$B$10,7,0)+IF('Standard Profiles'!$G$21=$B$17,14,0)+IF('Standard Profiles'!$G$21=$B$24,21,0),MOD($C8033,24)+1)/SUM(INDEX($D$3:$AA$30,INDEX(Jesper!$R$2:$R$366,ROW(INDEX(Jesper!AK$2:AK$366,ROUNDDOWN($C8033/24,0)+1,1))-1)+IF('Standard Profiles'!$G$21=$B$10,7,0)+IF('Standard Profiles'!$G$21=$B$17,14,0)+IF('Standard Profiles'!$G$21=$B$24,21,0),0)),0)</f>
        <v>0</v>
      </c>
      <c r="H8033" cm="1">
        <f t="array" ref="H8033">IFERROR(INDEX(Jesper!AL$2:AL$366,ROUNDDOWN($C8033/24,0)+1,1)*INDEX($D$3:$AA$30,INDEX(Jesper!$R$2:$R$366,ROW(INDEX(Jesper!AL$2:AL$366,ROUNDDOWN($C8033/24,0)+1,1))-1)+IF('Standard Profiles'!$G$22=$B$10,7,0)+IF('Standard Profiles'!$G$22=$B$17,14,0)+IF('Standard Profiles'!$G$22=$B$24,21,0),MOD($C8033,24)+1)/SUM(INDEX($D$3:$AA$30,INDEX(Jesper!$R$2:$R$366,ROW(INDEX(Jesper!AL$2:AL$366,ROUNDDOWN($C8033/24,0)+1,1))-1)+IF('Standard Profiles'!$G$22=$B$10,7,0)+IF('Standard Profiles'!$G$22=$B$17,14,0)+IF('Standard Profiles'!$G$22=$B$24,21,0),0)),0)</f>
        <v>0</v>
      </c>
      <c r="I8033">
        <f t="shared" si="888"/>
        <v>0.43856000212489632</v>
      </c>
      <c r="J8033">
        <f t="shared" si="889"/>
        <v>1.4618666737496546</v>
      </c>
      <c r="K8033">
        <f t="shared" si="890"/>
        <v>2.1928000106244818</v>
      </c>
      <c r="L8033">
        <f t="shared" si="891"/>
        <v>10.525440050997512</v>
      </c>
      <c r="M8033">
        <f t="shared" si="892"/>
        <v>0</v>
      </c>
      <c r="N8033" s="46">
        <f t="shared" si="893"/>
        <v>45625.291666647267</v>
      </c>
    </row>
    <row r="8034" spans="2:14" x14ac:dyDescent="0.3">
      <c r="B8034">
        <f t="shared" si="887"/>
        <v>5</v>
      </c>
      <c r="C8034" s="16">
        <v>8000</v>
      </c>
      <c r="D8034" cm="1">
        <f t="array" ref="D8034">IFERROR(INDEX(Jesper!AH$2:AH$366,ROUNDDOWN($C8034/24,0)+1,1)*INDEX($D$3:$AA$30,INDEX(Jesper!$R$2:$R$366,ROW(INDEX(Jesper!AH$2:AH$366,ROUNDDOWN($C8034/24,0)+1,1))-1)+IF('Standard Profiles'!$G$18=$B$10,7,0)+IF('Standard Profiles'!$G$18=$B$17,14,0)+IF('Standard Profiles'!$G$18=$B$24,21,0),MOD($C8034,24)+1)/SUM(INDEX($D$3:$AA$30,INDEX(Jesper!$R$2:$R$366,ROW(INDEX(Jesper!AH$2:AH$366,ROUNDDOWN($C8034/24,0)+1,1))-1)+IF('Standard Profiles'!$G$18=$B$10,7,0)+IF('Standard Profiles'!$G$18=$B$17,14,0)+IF('Standard Profiles'!$G$18=$B$24,21,0),0)),0)</f>
        <v>14.618666737496545</v>
      </c>
      <c r="E8034" cm="1">
        <f t="array" ref="E8034">IFERROR(INDEX(Jesper!AI$2:AI$366,ROUNDDOWN($C8034/24,0)+1,1)*INDEX($D$3:$AA$30,INDEX(Jesper!$R$2:$R$366,ROW(INDEX(Jesper!AI$2:AI$366,ROUNDDOWN($C8034/24,0)+1,1))-1)+IF('Standard Profiles'!$G$19=$B$10,7,0)+IF('Standard Profiles'!$G$19=$B$17,14,0)+IF('Standard Profiles'!$G$19=$B$24,21,0),MOD($C8034,24)+1)/SUM(INDEX($D$3:$AA$30,INDEX(Jesper!$R$2:$R$366,ROW(INDEX(Jesper!AI$2:AI$366,ROUNDDOWN($C8034/24,0)+1,1))-1)+IF('Standard Profiles'!$G$19=$B$10,7,0)+IF('Standard Profiles'!$G$19=$B$17,14,0)+IF('Standard Profiles'!$G$19=$B$24,21,0),0)),0)</f>
        <v>0</v>
      </c>
      <c r="F8034" cm="1">
        <f t="array" ref="F8034">IFERROR(INDEX(Jesper!AJ$2:AJ$366,ROUNDDOWN($C8034/24,0)+1,1)*INDEX($D$3:$AA$30,INDEX(Jesper!$R$2:$R$366,ROW(INDEX(Jesper!AJ$2:AJ$366,ROUNDDOWN($C8034/24,0)+1,1))-1)+IF('Standard Profiles'!$G$20=$B$10,7,0)+IF('Standard Profiles'!$G$20=$B$17,14,0)+IF('Standard Profiles'!$G$20=$B$24,21,0),MOD($C8034,24)+1)/SUM(INDEX($D$3:$AA$30,INDEX(Jesper!$R$2:$R$366,ROW(INDEX(Jesper!AJ$2:AJ$366,ROUNDDOWN($C8034/24,0)+1,1))-1)+IF('Standard Profiles'!$G$20=$B$10,7,0)+IF('Standard Profiles'!$G$20=$B$17,14,0)+IF('Standard Profiles'!$G$20=$B$24,21,0),0)),0)</f>
        <v>0</v>
      </c>
      <c r="G8034" cm="1">
        <f t="array" ref="G8034">IFERROR(INDEX(Jesper!AK$2:AK$366,ROUNDDOWN($C8034/24,0)+1,1)*INDEX($D$3:$AA$30,INDEX(Jesper!$R$2:$R$366,ROW(INDEX(Jesper!AK$2:AK$366,ROUNDDOWN($C8034/24,0)+1,1))-1)+IF('Standard Profiles'!$G$21=$B$10,7,0)+IF('Standard Profiles'!$G$21=$B$17,14,0)+IF('Standard Profiles'!$G$21=$B$24,21,0),MOD($C8034,24)+1)/SUM(INDEX($D$3:$AA$30,INDEX(Jesper!$R$2:$R$366,ROW(INDEX(Jesper!AK$2:AK$366,ROUNDDOWN($C8034/24,0)+1,1))-1)+IF('Standard Profiles'!$G$21=$B$10,7,0)+IF('Standard Profiles'!$G$21=$B$17,14,0)+IF('Standard Profiles'!$G$21=$B$24,21,0),0)),0)</f>
        <v>0</v>
      </c>
      <c r="H8034" cm="1">
        <f t="array" ref="H8034">IFERROR(INDEX(Jesper!AL$2:AL$366,ROUNDDOWN($C8034/24,0)+1,1)*INDEX($D$3:$AA$30,INDEX(Jesper!$R$2:$R$366,ROW(INDEX(Jesper!AL$2:AL$366,ROUNDDOWN($C8034/24,0)+1,1))-1)+IF('Standard Profiles'!$G$22=$B$10,7,0)+IF('Standard Profiles'!$G$22=$B$17,14,0)+IF('Standard Profiles'!$G$22=$B$24,21,0),MOD($C8034,24)+1)/SUM(INDEX($D$3:$AA$30,INDEX(Jesper!$R$2:$R$366,ROW(INDEX(Jesper!AL$2:AL$366,ROUNDDOWN($C8034/24,0)+1,1))-1)+IF('Standard Profiles'!$G$22=$B$10,7,0)+IF('Standard Profiles'!$G$22=$B$17,14,0)+IF('Standard Profiles'!$G$22=$B$24,21,0),0)),0)</f>
        <v>0</v>
      </c>
      <c r="I8034">
        <f t="shared" si="888"/>
        <v>0.43856000212489632</v>
      </c>
      <c r="J8034">
        <f t="shared" si="889"/>
        <v>1.4618666737496546</v>
      </c>
      <c r="K8034">
        <f t="shared" si="890"/>
        <v>2.1928000106244818</v>
      </c>
      <c r="L8034">
        <f t="shared" si="891"/>
        <v>10.525440050997512</v>
      </c>
      <c r="M8034">
        <f t="shared" si="892"/>
        <v>0</v>
      </c>
      <c r="N8034" s="46">
        <f t="shared" si="893"/>
        <v>45625.333333313931</v>
      </c>
    </row>
    <row r="8035" spans="2:14" x14ac:dyDescent="0.3">
      <c r="B8035">
        <f t="shared" ref="B8035:B8098" si="894">WEEKDAY(N8035,2)</f>
        <v>5</v>
      </c>
      <c r="C8035" s="16">
        <v>8001</v>
      </c>
      <c r="D8035" cm="1">
        <f t="array" ref="D8035">IFERROR(INDEX(Jesper!AH$2:AH$366,ROUNDDOWN($C8035/24,0)+1,1)*INDEX($D$3:$AA$30,INDEX(Jesper!$R$2:$R$366,ROW(INDEX(Jesper!AH$2:AH$366,ROUNDDOWN($C8035/24,0)+1,1))-1)+IF('Standard Profiles'!$G$18=$B$10,7,0)+IF('Standard Profiles'!$G$18=$B$17,14,0)+IF('Standard Profiles'!$G$18=$B$24,21,0),MOD($C8035,24)+1)/SUM(INDEX($D$3:$AA$30,INDEX(Jesper!$R$2:$R$366,ROW(INDEX(Jesper!AH$2:AH$366,ROUNDDOWN($C8035/24,0)+1,1))-1)+IF('Standard Profiles'!$G$18=$B$10,7,0)+IF('Standard Profiles'!$G$18=$B$17,14,0)+IF('Standard Profiles'!$G$18=$B$24,21,0),0)),0)</f>
        <v>15.662857218746296</v>
      </c>
      <c r="E8035" cm="1">
        <f t="array" ref="E8035">IFERROR(INDEX(Jesper!AI$2:AI$366,ROUNDDOWN($C8035/24,0)+1,1)*INDEX($D$3:$AA$30,INDEX(Jesper!$R$2:$R$366,ROW(INDEX(Jesper!AI$2:AI$366,ROUNDDOWN($C8035/24,0)+1,1))-1)+IF('Standard Profiles'!$G$19=$B$10,7,0)+IF('Standard Profiles'!$G$19=$B$17,14,0)+IF('Standard Profiles'!$G$19=$B$24,21,0),MOD($C8035,24)+1)/SUM(INDEX($D$3:$AA$30,INDEX(Jesper!$R$2:$R$366,ROW(INDEX(Jesper!AI$2:AI$366,ROUNDDOWN($C8035/24,0)+1,1))-1)+IF('Standard Profiles'!$G$19=$B$10,7,0)+IF('Standard Profiles'!$G$19=$B$17,14,0)+IF('Standard Profiles'!$G$19=$B$24,21,0),0)),0)</f>
        <v>0</v>
      </c>
      <c r="F8035" cm="1">
        <f t="array" ref="F8035">IFERROR(INDEX(Jesper!AJ$2:AJ$366,ROUNDDOWN($C8035/24,0)+1,1)*INDEX($D$3:$AA$30,INDEX(Jesper!$R$2:$R$366,ROW(INDEX(Jesper!AJ$2:AJ$366,ROUNDDOWN($C8035/24,0)+1,1))-1)+IF('Standard Profiles'!$G$20=$B$10,7,0)+IF('Standard Profiles'!$G$20=$B$17,14,0)+IF('Standard Profiles'!$G$20=$B$24,21,0),MOD($C8035,24)+1)/SUM(INDEX($D$3:$AA$30,INDEX(Jesper!$R$2:$R$366,ROW(INDEX(Jesper!AJ$2:AJ$366,ROUNDDOWN($C8035/24,0)+1,1))-1)+IF('Standard Profiles'!$G$20=$B$10,7,0)+IF('Standard Profiles'!$G$20=$B$17,14,0)+IF('Standard Profiles'!$G$20=$B$24,21,0),0)),0)</f>
        <v>0</v>
      </c>
      <c r="G8035" cm="1">
        <f t="array" ref="G8035">IFERROR(INDEX(Jesper!AK$2:AK$366,ROUNDDOWN($C8035/24,0)+1,1)*INDEX($D$3:$AA$30,INDEX(Jesper!$R$2:$R$366,ROW(INDEX(Jesper!AK$2:AK$366,ROUNDDOWN($C8035/24,0)+1,1))-1)+IF('Standard Profiles'!$G$21=$B$10,7,0)+IF('Standard Profiles'!$G$21=$B$17,14,0)+IF('Standard Profiles'!$G$21=$B$24,21,0),MOD($C8035,24)+1)/SUM(INDEX($D$3:$AA$30,INDEX(Jesper!$R$2:$R$366,ROW(INDEX(Jesper!AK$2:AK$366,ROUNDDOWN($C8035/24,0)+1,1))-1)+IF('Standard Profiles'!$G$21=$B$10,7,0)+IF('Standard Profiles'!$G$21=$B$17,14,0)+IF('Standard Profiles'!$G$21=$B$24,21,0),0)),0)</f>
        <v>0</v>
      </c>
      <c r="H8035" cm="1">
        <f t="array" ref="H8035">IFERROR(INDEX(Jesper!AL$2:AL$366,ROUNDDOWN($C8035/24,0)+1,1)*INDEX($D$3:$AA$30,INDEX(Jesper!$R$2:$R$366,ROW(INDEX(Jesper!AL$2:AL$366,ROUNDDOWN($C8035/24,0)+1,1))-1)+IF('Standard Profiles'!$G$22=$B$10,7,0)+IF('Standard Profiles'!$G$22=$B$17,14,0)+IF('Standard Profiles'!$G$22=$B$24,21,0),MOD($C8035,24)+1)/SUM(INDEX($D$3:$AA$30,INDEX(Jesper!$R$2:$R$366,ROW(INDEX(Jesper!AL$2:AL$366,ROUNDDOWN($C8035/24,0)+1,1))-1)+IF('Standard Profiles'!$G$22=$B$10,7,0)+IF('Standard Profiles'!$G$22=$B$17,14,0)+IF('Standard Profiles'!$G$22=$B$24,21,0),0)),0)</f>
        <v>0</v>
      </c>
      <c r="I8035">
        <f t="shared" ref="I8035:I8098" si="895">IF($B8035&lt;6,AC$37*$D8035+AC$38*$E8035+AC$39*$F8035+AC$40*$G8035,AC$46*$D8035+AC$47*$E8035+AC$48*$F8035+AC$49*$G8035+AC$50*$H8035)</f>
        <v>0.46988571656238887</v>
      </c>
      <c r="J8035">
        <f t="shared" ref="J8035:J8098" si="896">IF($B8035&lt;6,AD$37*$D8035+AD$38*$E8035+AD$39*$F8035+AD$40*$G8035,AD$46*$D8035+AD$47*$E8035+AD$48*$F8035+AD$49*$G8035+AD$50*$H8035)</f>
        <v>1.5662857218746298</v>
      </c>
      <c r="K8035">
        <f t="shared" ref="K8035:K8098" si="897">IF($B8035&lt;6,AE$37*$D8035+AE$38*$E8035+AE$39*$F8035+AE$40*$G8035,AE$46*$D8035+AE$47*$E8035+AE$48*$F8035+AE$49*$G8035+AE$50*$H8035)</f>
        <v>2.3494285828119446</v>
      </c>
      <c r="L8035">
        <f t="shared" ref="L8035:L8098" si="898">IF($B8035&lt;6,AF$37*$D8035+AF$38*$E8035+AF$39*$F8035+AF$40*$G8035,AF$46*$D8035+AF$47*$E8035+AF$48*$F8035+AF$49*$G8035+AF$50*$H8035)</f>
        <v>11.277257197497333</v>
      </c>
      <c r="M8035">
        <f t="shared" ref="M8035:M8098" si="899">IF($B8035&lt;6,AG$37*$D8035+AG$38*$E8035+AG$39*$F8035+AG$40*$G8035,AG$46*$D8035+AG$47*$E8035+AG$48*$F8035+AG$49*$G8035+AG$50*$H8035)</f>
        <v>0</v>
      </c>
      <c r="N8035" s="46">
        <f t="shared" si="893"/>
        <v>45625.374999980595</v>
      </c>
    </row>
    <row r="8036" spans="2:14" x14ac:dyDescent="0.3">
      <c r="B8036">
        <f t="shared" si="894"/>
        <v>5</v>
      </c>
      <c r="C8036" s="16">
        <v>8002</v>
      </c>
      <c r="D8036" cm="1">
        <f t="array" ref="D8036">IFERROR(INDEX(Jesper!AH$2:AH$366,ROUNDDOWN($C8036/24,0)+1,1)*INDEX($D$3:$AA$30,INDEX(Jesper!$R$2:$R$366,ROW(INDEX(Jesper!AH$2:AH$366,ROUNDDOWN($C8036/24,0)+1,1))-1)+IF('Standard Profiles'!$G$18=$B$10,7,0)+IF('Standard Profiles'!$G$18=$B$17,14,0)+IF('Standard Profiles'!$G$18=$B$24,21,0),MOD($C8036,24)+1)/SUM(INDEX($D$3:$AA$30,INDEX(Jesper!$R$2:$R$366,ROW(INDEX(Jesper!AH$2:AH$366,ROUNDDOWN($C8036/24,0)+1,1))-1)+IF('Standard Profiles'!$G$18=$B$10,7,0)+IF('Standard Profiles'!$G$18=$B$17,14,0)+IF('Standard Profiles'!$G$18=$B$24,21,0),0)),0)</f>
        <v>16.289371507496149</v>
      </c>
      <c r="E8036" cm="1">
        <f t="array" ref="E8036">IFERROR(INDEX(Jesper!AI$2:AI$366,ROUNDDOWN($C8036/24,0)+1,1)*INDEX($D$3:$AA$30,INDEX(Jesper!$R$2:$R$366,ROW(INDEX(Jesper!AI$2:AI$366,ROUNDDOWN($C8036/24,0)+1,1))-1)+IF('Standard Profiles'!$G$19=$B$10,7,0)+IF('Standard Profiles'!$G$19=$B$17,14,0)+IF('Standard Profiles'!$G$19=$B$24,21,0),MOD($C8036,24)+1)/SUM(INDEX($D$3:$AA$30,INDEX(Jesper!$R$2:$R$366,ROW(INDEX(Jesper!AI$2:AI$366,ROUNDDOWN($C8036/24,0)+1,1))-1)+IF('Standard Profiles'!$G$19=$B$10,7,0)+IF('Standard Profiles'!$G$19=$B$17,14,0)+IF('Standard Profiles'!$G$19=$B$24,21,0),0)),0)</f>
        <v>0</v>
      </c>
      <c r="F8036" cm="1">
        <f t="array" ref="F8036">IFERROR(INDEX(Jesper!AJ$2:AJ$366,ROUNDDOWN($C8036/24,0)+1,1)*INDEX($D$3:$AA$30,INDEX(Jesper!$R$2:$R$366,ROW(INDEX(Jesper!AJ$2:AJ$366,ROUNDDOWN($C8036/24,0)+1,1))-1)+IF('Standard Profiles'!$G$20=$B$10,7,0)+IF('Standard Profiles'!$G$20=$B$17,14,0)+IF('Standard Profiles'!$G$20=$B$24,21,0),MOD($C8036,24)+1)/SUM(INDEX($D$3:$AA$30,INDEX(Jesper!$R$2:$R$366,ROW(INDEX(Jesper!AJ$2:AJ$366,ROUNDDOWN($C8036/24,0)+1,1))-1)+IF('Standard Profiles'!$G$20=$B$10,7,0)+IF('Standard Profiles'!$G$20=$B$17,14,0)+IF('Standard Profiles'!$G$20=$B$24,21,0),0)),0)</f>
        <v>0</v>
      </c>
      <c r="G8036" cm="1">
        <f t="array" ref="G8036">IFERROR(INDEX(Jesper!AK$2:AK$366,ROUNDDOWN($C8036/24,0)+1,1)*INDEX($D$3:$AA$30,INDEX(Jesper!$R$2:$R$366,ROW(INDEX(Jesper!AK$2:AK$366,ROUNDDOWN($C8036/24,0)+1,1))-1)+IF('Standard Profiles'!$G$21=$B$10,7,0)+IF('Standard Profiles'!$G$21=$B$17,14,0)+IF('Standard Profiles'!$G$21=$B$24,21,0),MOD($C8036,24)+1)/SUM(INDEX($D$3:$AA$30,INDEX(Jesper!$R$2:$R$366,ROW(INDEX(Jesper!AK$2:AK$366,ROUNDDOWN($C8036/24,0)+1,1))-1)+IF('Standard Profiles'!$G$21=$B$10,7,0)+IF('Standard Profiles'!$G$21=$B$17,14,0)+IF('Standard Profiles'!$G$21=$B$24,21,0),0)),0)</f>
        <v>0</v>
      </c>
      <c r="H8036" cm="1">
        <f t="array" ref="H8036">IFERROR(INDEX(Jesper!AL$2:AL$366,ROUNDDOWN($C8036/24,0)+1,1)*INDEX($D$3:$AA$30,INDEX(Jesper!$R$2:$R$366,ROW(INDEX(Jesper!AL$2:AL$366,ROUNDDOWN($C8036/24,0)+1,1))-1)+IF('Standard Profiles'!$G$22=$B$10,7,0)+IF('Standard Profiles'!$G$22=$B$17,14,0)+IF('Standard Profiles'!$G$22=$B$24,21,0),MOD($C8036,24)+1)/SUM(INDEX($D$3:$AA$30,INDEX(Jesper!$R$2:$R$366,ROW(INDEX(Jesper!AL$2:AL$366,ROUNDDOWN($C8036/24,0)+1,1))-1)+IF('Standard Profiles'!$G$22=$B$10,7,0)+IF('Standard Profiles'!$G$22=$B$17,14,0)+IF('Standard Profiles'!$G$22=$B$24,21,0),0)),0)</f>
        <v>0</v>
      </c>
      <c r="I8036">
        <f t="shared" si="895"/>
        <v>0.48868114522488448</v>
      </c>
      <c r="J8036">
        <f t="shared" si="896"/>
        <v>1.6289371507496151</v>
      </c>
      <c r="K8036">
        <f t="shared" si="897"/>
        <v>2.4434057261244222</v>
      </c>
      <c r="L8036">
        <f t="shared" si="898"/>
        <v>11.728347485397228</v>
      </c>
      <c r="M8036">
        <f t="shared" si="899"/>
        <v>0</v>
      </c>
      <c r="N8036" s="46">
        <f t="shared" ref="N8036:N8099" si="900">N8035+1/24</f>
        <v>45625.416666647259</v>
      </c>
    </row>
    <row r="8037" spans="2:14" x14ac:dyDescent="0.3">
      <c r="B8037">
        <f t="shared" si="894"/>
        <v>5</v>
      </c>
      <c r="C8037" s="16">
        <v>8003</v>
      </c>
      <c r="D8037" cm="1">
        <f t="array" ref="D8037">IFERROR(INDEX(Jesper!AH$2:AH$366,ROUNDDOWN($C8037/24,0)+1,1)*INDEX($D$3:$AA$30,INDEX(Jesper!$R$2:$R$366,ROW(INDEX(Jesper!AH$2:AH$366,ROUNDDOWN($C8037/24,0)+1,1))-1)+IF('Standard Profiles'!$G$18=$B$10,7,0)+IF('Standard Profiles'!$G$18=$B$17,14,0)+IF('Standard Profiles'!$G$18=$B$24,21,0),MOD($C8037,24)+1)/SUM(INDEX($D$3:$AA$30,INDEX(Jesper!$R$2:$R$366,ROW(INDEX(Jesper!AH$2:AH$366,ROUNDDOWN($C8037/24,0)+1,1))-1)+IF('Standard Profiles'!$G$18=$B$10,7,0)+IF('Standard Profiles'!$G$18=$B$17,14,0)+IF('Standard Profiles'!$G$18=$B$24,21,0),0)),0)</f>
        <v>18.795428662495556</v>
      </c>
      <c r="E8037" cm="1">
        <f t="array" ref="E8037">IFERROR(INDEX(Jesper!AI$2:AI$366,ROUNDDOWN($C8037/24,0)+1,1)*INDEX($D$3:$AA$30,INDEX(Jesper!$R$2:$R$366,ROW(INDEX(Jesper!AI$2:AI$366,ROUNDDOWN($C8037/24,0)+1,1))-1)+IF('Standard Profiles'!$G$19=$B$10,7,0)+IF('Standard Profiles'!$G$19=$B$17,14,0)+IF('Standard Profiles'!$G$19=$B$24,21,0),MOD($C8037,24)+1)/SUM(INDEX($D$3:$AA$30,INDEX(Jesper!$R$2:$R$366,ROW(INDEX(Jesper!AI$2:AI$366,ROUNDDOWN($C8037/24,0)+1,1))-1)+IF('Standard Profiles'!$G$19=$B$10,7,0)+IF('Standard Profiles'!$G$19=$B$17,14,0)+IF('Standard Profiles'!$G$19=$B$24,21,0),0)),0)</f>
        <v>0</v>
      </c>
      <c r="F8037" cm="1">
        <f t="array" ref="F8037">IFERROR(INDEX(Jesper!AJ$2:AJ$366,ROUNDDOWN($C8037/24,0)+1,1)*INDEX($D$3:$AA$30,INDEX(Jesper!$R$2:$R$366,ROW(INDEX(Jesper!AJ$2:AJ$366,ROUNDDOWN($C8037/24,0)+1,1))-1)+IF('Standard Profiles'!$G$20=$B$10,7,0)+IF('Standard Profiles'!$G$20=$B$17,14,0)+IF('Standard Profiles'!$G$20=$B$24,21,0),MOD($C8037,24)+1)/SUM(INDEX($D$3:$AA$30,INDEX(Jesper!$R$2:$R$366,ROW(INDEX(Jesper!AJ$2:AJ$366,ROUNDDOWN($C8037/24,0)+1,1))-1)+IF('Standard Profiles'!$G$20=$B$10,7,0)+IF('Standard Profiles'!$G$20=$B$17,14,0)+IF('Standard Profiles'!$G$20=$B$24,21,0),0)),0)</f>
        <v>0</v>
      </c>
      <c r="G8037" cm="1">
        <f t="array" ref="G8037">IFERROR(INDEX(Jesper!AK$2:AK$366,ROUNDDOWN($C8037/24,0)+1,1)*INDEX($D$3:$AA$30,INDEX(Jesper!$R$2:$R$366,ROW(INDEX(Jesper!AK$2:AK$366,ROUNDDOWN($C8037/24,0)+1,1))-1)+IF('Standard Profiles'!$G$21=$B$10,7,0)+IF('Standard Profiles'!$G$21=$B$17,14,0)+IF('Standard Profiles'!$G$21=$B$24,21,0),MOD($C8037,24)+1)/SUM(INDEX($D$3:$AA$30,INDEX(Jesper!$R$2:$R$366,ROW(INDEX(Jesper!AK$2:AK$366,ROUNDDOWN($C8037/24,0)+1,1))-1)+IF('Standard Profiles'!$G$21=$B$10,7,0)+IF('Standard Profiles'!$G$21=$B$17,14,0)+IF('Standard Profiles'!$G$21=$B$24,21,0),0)),0)</f>
        <v>0</v>
      </c>
      <c r="H8037" cm="1">
        <f t="array" ref="H8037">IFERROR(INDEX(Jesper!AL$2:AL$366,ROUNDDOWN($C8037/24,0)+1,1)*INDEX($D$3:$AA$30,INDEX(Jesper!$R$2:$R$366,ROW(INDEX(Jesper!AL$2:AL$366,ROUNDDOWN($C8037/24,0)+1,1))-1)+IF('Standard Profiles'!$G$22=$B$10,7,0)+IF('Standard Profiles'!$G$22=$B$17,14,0)+IF('Standard Profiles'!$G$22=$B$24,21,0),MOD($C8037,24)+1)/SUM(INDEX($D$3:$AA$30,INDEX(Jesper!$R$2:$R$366,ROW(INDEX(Jesper!AL$2:AL$366,ROUNDDOWN($C8037/24,0)+1,1))-1)+IF('Standard Profiles'!$G$22=$B$10,7,0)+IF('Standard Profiles'!$G$22=$B$17,14,0)+IF('Standard Profiles'!$G$22=$B$24,21,0),0)),0)</f>
        <v>0</v>
      </c>
      <c r="I8037">
        <f t="shared" si="895"/>
        <v>0.56386285987486662</v>
      </c>
      <c r="J8037">
        <f t="shared" si="896"/>
        <v>1.8795428662495557</v>
      </c>
      <c r="K8037">
        <f t="shared" si="897"/>
        <v>2.8193142993743332</v>
      </c>
      <c r="L8037">
        <f t="shared" si="898"/>
        <v>13.5327086369968</v>
      </c>
      <c r="M8037">
        <f t="shared" si="899"/>
        <v>0</v>
      </c>
      <c r="N8037" s="46">
        <f t="shared" si="900"/>
        <v>45625.458333313924</v>
      </c>
    </row>
    <row r="8038" spans="2:14" x14ac:dyDescent="0.3">
      <c r="B8038">
        <f t="shared" si="894"/>
        <v>5</v>
      </c>
      <c r="C8038" s="16">
        <v>8004</v>
      </c>
      <c r="D8038" cm="1">
        <f t="array" ref="D8038">IFERROR(INDEX(Jesper!AH$2:AH$366,ROUNDDOWN($C8038/24,0)+1,1)*INDEX($D$3:$AA$30,INDEX(Jesper!$R$2:$R$366,ROW(INDEX(Jesper!AH$2:AH$366,ROUNDDOWN($C8038/24,0)+1,1))-1)+IF('Standard Profiles'!$G$18=$B$10,7,0)+IF('Standard Profiles'!$G$18=$B$17,14,0)+IF('Standard Profiles'!$G$18=$B$24,21,0),MOD($C8038,24)+1)/SUM(INDEX($D$3:$AA$30,INDEX(Jesper!$R$2:$R$366,ROW(INDEX(Jesper!AH$2:AH$366,ROUNDDOWN($C8038/24,0)+1,1))-1)+IF('Standard Profiles'!$G$18=$B$10,7,0)+IF('Standard Profiles'!$G$18=$B$17,14,0)+IF('Standard Profiles'!$G$18=$B$24,21,0),0)),0)</f>
        <v>18.795428662495556</v>
      </c>
      <c r="E8038" cm="1">
        <f t="array" ref="E8038">IFERROR(INDEX(Jesper!AI$2:AI$366,ROUNDDOWN($C8038/24,0)+1,1)*INDEX($D$3:$AA$30,INDEX(Jesper!$R$2:$R$366,ROW(INDEX(Jesper!AI$2:AI$366,ROUNDDOWN($C8038/24,0)+1,1))-1)+IF('Standard Profiles'!$G$19=$B$10,7,0)+IF('Standard Profiles'!$G$19=$B$17,14,0)+IF('Standard Profiles'!$G$19=$B$24,21,0),MOD($C8038,24)+1)/SUM(INDEX($D$3:$AA$30,INDEX(Jesper!$R$2:$R$366,ROW(INDEX(Jesper!AI$2:AI$366,ROUNDDOWN($C8038/24,0)+1,1))-1)+IF('Standard Profiles'!$G$19=$B$10,7,0)+IF('Standard Profiles'!$G$19=$B$17,14,0)+IF('Standard Profiles'!$G$19=$B$24,21,0),0)),0)</f>
        <v>0</v>
      </c>
      <c r="F8038" cm="1">
        <f t="array" ref="F8038">IFERROR(INDEX(Jesper!AJ$2:AJ$366,ROUNDDOWN($C8038/24,0)+1,1)*INDEX($D$3:$AA$30,INDEX(Jesper!$R$2:$R$366,ROW(INDEX(Jesper!AJ$2:AJ$366,ROUNDDOWN($C8038/24,0)+1,1))-1)+IF('Standard Profiles'!$G$20=$B$10,7,0)+IF('Standard Profiles'!$G$20=$B$17,14,0)+IF('Standard Profiles'!$G$20=$B$24,21,0),MOD($C8038,24)+1)/SUM(INDEX($D$3:$AA$30,INDEX(Jesper!$R$2:$R$366,ROW(INDEX(Jesper!AJ$2:AJ$366,ROUNDDOWN($C8038/24,0)+1,1))-1)+IF('Standard Profiles'!$G$20=$B$10,7,0)+IF('Standard Profiles'!$G$20=$B$17,14,0)+IF('Standard Profiles'!$G$20=$B$24,21,0),0)),0)</f>
        <v>0</v>
      </c>
      <c r="G8038" cm="1">
        <f t="array" ref="G8038">IFERROR(INDEX(Jesper!AK$2:AK$366,ROUNDDOWN($C8038/24,0)+1,1)*INDEX($D$3:$AA$30,INDEX(Jesper!$R$2:$R$366,ROW(INDEX(Jesper!AK$2:AK$366,ROUNDDOWN($C8038/24,0)+1,1))-1)+IF('Standard Profiles'!$G$21=$B$10,7,0)+IF('Standard Profiles'!$G$21=$B$17,14,0)+IF('Standard Profiles'!$G$21=$B$24,21,0),MOD($C8038,24)+1)/SUM(INDEX($D$3:$AA$30,INDEX(Jesper!$R$2:$R$366,ROW(INDEX(Jesper!AK$2:AK$366,ROUNDDOWN($C8038/24,0)+1,1))-1)+IF('Standard Profiles'!$G$21=$B$10,7,0)+IF('Standard Profiles'!$G$21=$B$17,14,0)+IF('Standard Profiles'!$G$21=$B$24,21,0),0)),0)</f>
        <v>0</v>
      </c>
      <c r="H8038" cm="1">
        <f t="array" ref="H8038">IFERROR(INDEX(Jesper!AL$2:AL$366,ROUNDDOWN($C8038/24,0)+1,1)*INDEX($D$3:$AA$30,INDEX(Jesper!$R$2:$R$366,ROW(INDEX(Jesper!AL$2:AL$366,ROUNDDOWN($C8038/24,0)+1,1))-1)+IF('Standard Profiles'!$G$22=$B$10,7,0)+IF('Standard Profiles'!$G$22=$B$17,14,0)+IF('Standard Profiles'!$G$22=$B$24,21,0),MOD($C8038,24)+1)/SUM(INDEX($D$3:$AA$30,INDEX(Jesper!$R$2:$R$366,ROW(INDEX(Jesper!AL$2:AL$366,ROUNDDOWN($C8038/24,0)+1,1))-1)+IF('Standard Profiles'!$G$22=$B$10,7,0)+IF('Standard Profiles'!$G$22=$B$17,14,0)+IF('Standard Profiles'!$G$22=$B$24,21,0),0)),0)</f>
        <v>0</v>
      </c>
      <c r="I8038">
        <f t="shared" si="895"/>
        <v>0.56386285987486662</v>
      </c>
      <c r="J8038">
        <f t="shared" si="896"/>
        <v>1.8795428662495557</v>
      </c>
      <c r="K8038">
        <f t="shared" si="897"/>
        <v>2.8193142993743332</v>
      </c>
      <c r="L8038">
        <f t="shared" si="898"/>
        <v>13.5327086369968</v>
      </c>
      <c r="M8038">
        <f t="shared" si="899"/>
        <v>0</v>
      </c>
      <c r="N8038" s="46">
        <f t="shared" si="900"/>
        <v>45625.499999980588</v>
      </c>
    </row>
    <row r="8039" spans="2:14" x14ac:dyDescent="0.3">
      <c r="B8039">
        <f t="shared" si="894"/>
        <v>5</v>
      </c>
      <c r="C8039" s="16">
        <v>8005</v>
      </c>
      <c r="D8039" cm="1">
        <f t="array" ref="D8039">IFERROR(INDEX(Jesper!AH$2:AH$366,ROUNDDOWN($C8039/24,0)+1,1)*INDEX($D$3:$AA$30,INDEX(Jesper!$R$2:$R$366,ROW(INDEX(Jesper!AH$2:AH$366,ROUNDDOWN($C8039/24,0)+1,1))-1)+IF('Standard Profiles'!$G$18=$B$10,7,0)+IF('Standard Profiles'!$G$18=$B$17,14,0)+IF('Standard Profiles'!$G$18=$B$24,21,0),MOD($C8039,24)+1)/SUM(INDEX($D$3:$AA$30,INDEX(Jesper!$R$2:$R$366,ROW(INDEX(Jesper!AH$2:AH$366,ROUNDDOWN($C8039/24,0)+1,1))-1)+IF('Standard Profiles'!$G$18=$B$10,7,0)+IF('Standard Profiles'!$G$18=$B$17,14,0)+IF('Standard Profiles'!$G$18=$B$24,21,0),0)),0)</f>
        <v>18.795428662495556</v>
      </c>
      <c r="E8039" cm="1">
        <f t="array" ref="E8039">IFERROR(INDEX(Jesper!AI$2:AI$366,ROUNDDOWN($C8039/24,0)+1,1)*INDEX($D$3:$AA$30,INDEX(Jesper!$R$2:$R$366,ROW(INDEX(Jesper!AI$2:AI$366,ROUNDDOWN($C8039/24,0)+1,1))-1)+IF('Standard Profiles'!$G$19=$B$10,7,0)+IF('Standard Profiles'!$G$19=$B$17,14,0)+IF('Standard Profiles'!$G$19=$B$24,21,0),MOD($C8039,24)+1)/SUM(INDEX($D$3:$AA$30,INDEX(Jesper!$R$2:$R$366,ROW(INDEX(Jesper!AI$2:AI$366,ROUNDDOWN($C8039/24,0)+1,1))-1)+IF('Standard Profiles'!$G$19=$B$10,7,0)+IF('Standard Profiles'!$G$19=$B$17,14,0)+IF('Standard Profiles'!$G$19=$B$24,21,0),0)),0)</f>
        <v>0</v>
      </c>
      <c r="F8039" cm="1">
        <f t="array" ref="F8039">IFERROR(INDEX(Jesper!AJ$2:AJ$366,ROUNDDOWN($C8039/24,0)+1,1)*INDEX($D$3:$AA$30,INDEX(Jesper!$R$2:$R$366,ROW(INDEX(Jesper!AJ$2:AJ$366,ROUNDDOWN($C8039/24,0)+1,1))-1)+IF('Standard Profiles'!$G$20=$B$10,7,0)+IF('Standard Profiles'!$G$20=$B$17,14,0)+IF('Standard Profiles'!$G$20=$B$24,21,0),MOD($C8039,24)+1)/SUM(INDEX($D$3:$AA$30,INDEX(Jesper!$R$2:$R$366,ROW(INDEX(Jesper!AJ$2:AJ$366,ROUNDDOWN($C8039/24,0)+1,1))-1)+IF('Standard Profiles'!$G$20=$B$10,7,0)+IF('Standard Profiles'!$G$20=$B$17,14,0)+IF('Standard Profiles'!$G$20=$B$24,21,0),0)),0)</f>
        <v>0</v>
      </c>
      <c r="G8039" cm="1">
        <f t="array" ref="G8039">IFERROR(INDEX(Jesper!AK$2:AK$366,ROUNDDOWN($C8039/24,0)+1,1)*INDEX($D$3:$AA$30,INDEX(Jesper!$R$2:$R$366,ROW(INDEX(Jesper!AK$2:AK$366,ROUNDDOWN($C8039/24,0)+1,1))-1)+IF('Standard Profiles'!$G$21=$B$10,7,0)+IF('Standard Profiles'!$G$21=$B$17,14,0)+IF('Standard Profiles'!$G$21=$B$24,21,0),MOD($C8039,24)+1)/SUM(INDEX($D$3:$AA$30,INDEX(Jesper!$R$2:$R$366,ROW(INDEX(Jesper!AK$2:AK$366,ROUNDDOWN($C8039/24,0)+1,1))-1)+IF('Standard Profiles'!$G$21=$B$10,7,0)+IF('Standard Profiles'!$G$21=$B$17,14,0)+IF('Standard Profiles'!$G$21=$B$24,21,0),0)),0)</f>
        <v>0</v>
      </c>
      <c r="H8039" cm="1">
        <f t="array" ref="H8039">IFERROR(INDEX(Jesper!AL$2:AL$366,ROUNDDOWN($C8039/24,0)+1,1)*INDEX($D$3:$AA$30,INDEX(Jesper!$R$2:$R$366,ROW(INDEX(Jesper!AL$2:AL$366,ROUNDDOWN($C8039/24,0)+1,1))-1)+IF('Standard Profiles'!$G$22=$B$10,7,0)+IF('Standard Profiles'!$G$22=$B$17,14,0)+IF('Standard Profiles'!$G$22=$B$24,21,0),MOD($C8039,24)+1)/SUM(INDEX($D$3:$AA$30,INDEX(Jesper!$R$2:$R$366,ROW(INDEX(Jesper!AL$2:AL$366,ROUNDDOWN($C8039/24,0)+1,1))-1)+IF('Standard Profiles'!$G$22=$B$10,7,0)+IF('Standard Profiles'!$G$22=$B$17,14,0)+IF('Standard Profiles'!$G$22=$B$24,21,0),0)),0)</f>
        <v>0</v>
      </c>
      <c r="I8039">
        <f t="shared" si="895"/>
        <v>0.56386285987486662</v>
      </c>
      <c r="J8039">
        <f t="shared" si="896"/>
        <v>1.8795428662495557</v>
      </c>
      <c r="K8039">
        <f t="shared" si="897"/>
        <v>2.8193142993743332</v>
      </c>
      <c r="L8039">
        <f t="shared" si="898"/>
        <v>13.5327086369968</v>
      </c>
      <c r="M8039">
        <f t="shared" si="899"/>
        <v>0</v>
      </c>
      <c r="N8039" s="46">
        <f t="shared" si="900"/>
        <v>45625.541666647252</v>
      </c>
    </row>
    <row r="8040" spans="2:14" x14ac:dyDescent="0.3">
      <c r="B8040">
        <f t="shared" si="894"/>
        <v>5</v>
      </c>
      <c r="C8040" s="16">
        <v>8006</v>
      </c>
      <c r="D8040" cm="1">
        <f t="array" ref="D8040">IFERROR(INDEX(Jesper!AH$2:AH$366,ROUNDDOWN($C8040/24,0)+1,1)*INDEX($D$3:$AA$30,INDEX(Jesper!$R$2:$R$366,ROW(INDEX(Jesper!AH$2:AH$366,ROUNDDOWN($C8040/24,0)+1,1))-1)+IF('Standard Profiles'!$G$18=$B$10,7,0)+IF('Standard Profiles'!$G$18=$B$17,14,0)+IF('Standard Profiles'!$G$18=$B$24,21,0),MOD($C8040,24)+1)/SUM(INDEX($D$3:$AA$30,INDEX(Jesper!$R$2:$R$366,ROW(INDEX(Jesper!AH$2:AH$366,ROUNDDOWN($C8040/24,0)+1,1))-1)+IF('Standard Profiles'!$G$18=$B$10,7,0)+IF('Standard Profiles'!$G$18=$B$17,14,0)+IF('Standard Profiles'!$G$18=$B$24,21,0),0)),0)</f>
        <v>18.795428662495556</v>
      </c>
      <c r="E8040" cm="1">
        <f t="array" ref="E8040">IFERROR(INDEX(Jesper!AI$2:AI$366,ROUNDDOWN($C8040/24,0)+1,1)*INDEX($D$3:$AA$30,INDEX(Jesper!$R$2:$R$366,ROW(INDEX(Jesper!AI$2:AI$366,ROUNDDOWN($C8040/24,0)+1,1))-1)+IF('Standard Profiles'!$G$19=$B$10,7,0)+IF('Standard Profiles'!$G$19=$B$17,14,0)+IF('Standard Profiles'!$G$19=$B$24,21,0),MOD($C8040,24)+1)/SUM(INDEX($D$3:$AA$30,INDEX(Jesper!$R$2:$R$366,ROW(INDEX(Jesper!AI$2:AI$366,ROUNDDOWN($C8040/24,0)+1,1))-1)+IF('Standard Profiles'!$G$19=$B$10,7,0)+IF('Standard Profiles'!$G$19=$B$17,14,0)+IF('Standard Profiles'!$G$19=$B$24,21,0),0)),0)</f>
        <v>0</v>
      </c>
      <c r="F8040" cm="1">
        <f t="array" ref="F8040">IFERROR(INDEX(Jesper!AJ$2:AJ$366,ROUNDDOWN($C8040/24,0)+1,1)*INDEX($D$3:$AA$30,INDEX(Jesper!$R$2:$R$366,ROW(INDEX(Jesper!AJ$2:AJ$366,ROUNDDOWN($C8040/24,0)+1,1))-1)+IF('Standard Profiles'!$G$20=$B$10,7,0)+IF('Standard Profiles'!$G$20=$B$17,14,0)+IF('Standard Profiles'!$G$20=$B$24,21,0),MOD($C8040,24)+1)/SUM(INDEX($D$3:$AA$30,INDEX(Jesper!$R$2:$R$366,ROW(INDEX(Jesper!AJ$2:AJ$366,ROUNDDOWN($C8040/24,0)+1,1))-1)+IF('Standard Profiles'!$G$20=$B$10,7,0)+IF('Standard Profiles'!$G$20=$B$17,14,0)+IF('Standard Profiles'!$G$20=$B$24,21,0),0)),0)</f>
        <v>0</v>
      </c>
      <c r="G8040" cm="1">
        <f t="array" ref="G8040">IFERROR(INDEX(Jesper!AK$2:AK$366,ROUNDDOWN($C8040/24,0)+1,1)*INDEX($D$3:$AA$30,INDEX(Jesper!$R$2:$R$366,ROW(INDEX(Jesper!AK$2:AK$366,ROUNDDOWN($C8040/24,0)+1,1))-1)+IF('Standard Profiles'!$G$21=$B$10,7,0)+IF('Standard Profiles'!$G$21=$B$17,14,0)+IF('Standard Profiles'!$G$21=$B$24,21,0),MOD($C8040,24)+1)/SUM(INDEX($D$3:$AA$30,INDEX(Jesper!$R$2:$R$366,ROW(INDEX(Jesper!AK$2:AK$366,ROUNDDOWN($C8040/24,0)+1,1))-1)+IF('Standard Profiles'!$G$21=$B$10,7,0)+IF('Standard Profiles'!$G$21=$B$17,14,0)+IF('Standard Profiles'!$G$21=$B$24,21,0),0)),0)</f>
        <v>0</v>
      </c>
      <c r="H8040" cm="1">
        <f t="array" ref="H8040">IFERROR(INDEX(Jesper!AL$2:AL$366,ROUNDDOWN($C8040/24,0)+1,1)*INDEX($D$3:$AA$30,INDEX(Jesper!$R$2:$R$366,ROW(INDEX(Jesper!AL$2:AL$366,ROUNDDOWN($C8040/24,0)+1,1))-1)+IF('Standard Profiles'!$G$22=$B$10,7,0)+IF('Standard Profiles'!$G$22=$B$17,14,0)+IF('Standard Profiles'!$G$22=$B$24,21,0),MOD($C8040,24)+1)/SUM(INDEX($D$3:$AA$30,INDEX(Jesper!$R$2:$R$366,ROW(INDEX(Jesper!AL$2:AL$366,ROUNDDOWN($C8040/24,0)+1,1))-1)+IF('Standard Profiles'!$G$22=$B$10,7,0)+IF('Standard Profiles'!$G$22=$B$17,14,0)+IF('Standard Profiles'!$G$22=$B$24,21,0),0)),0)</f>
        <v>0</v>
      </c>
      <c r="I8040">
        <f t="shared" si="895"/>
        <v>0.56386285987486662</v>
      </c>
      <c r="J8040">
        <f t="shared" si="896"/>
        <v>1.8795428662495557</v>
      </c>
      <c r="K8040">
        <f t="shared" si="897"/>
        <v>2.8193142993743332</v>
      </c>
      <c r="L8040">
        <f t="shared" si="898"/>
        <v>13.5327086369968</v>
      </c>
      <c r="M8040">
        <f t="shared" si="899"/>
        <v>0</v>
      </c>
      <c r="N8040" s="46">
        <f t="shared" si="900"/>
        <v>45625.583333313916</v>
      </c>
    </row>
    <row r="8041" spans="2:14" x14ac:dyDescent="0.3">
      <c r="B8041">
        <f t="shared" si="894"/>
        <v>5</v>
      </c>
      <c r="C8041" s="16">
        <v>8007</v>
      </c>
      <c r="D8041" cm="1">
        <f t="array" ref="D8041">IFERROR(INDEX(Jesper!AH$2:AH$366,ROUNDDOWN($C8041/24,0)+1,1)*INDEX($D$3:$AA$30,INDEX(Jesper!$R$2:$R$366,ROW(INDEX(Jesper!AH$2:AH$366,ROUNDDOWN($C8041/24,0)+1,1))-1)+IF('Standard Profiles'!$G$18=$B$10,7,0)+IF('Standard Profiles'!$G$18=$B$17,14,0)+IF('Standard Profiles'!$G$18=$B$24,21,0),MOD($C8041,24)+1)/SUM(INDEX($D$3:$AA$30,INDEX(Jesper!$R$2:$R$366,ROW(INDEX(Jesper!AH$2:AH$366,ROUNDDOWN($C8041/24,0)+1,1))-1)+IF('Standard Profiles'!$G$18=$B$10,7,0)+IF('Standard Profiles'!$G$18=$B$17,14,0)+IF('Standard Profiles'!$G$18=$B$24,21,0),0)),0)</f>
        <v>15.662857218746296</v>
      </c>
      <c r="E8041" cm="1">
        <f t="array" ref="E8041">IFERROR(INDEX(Jesper!AI$2:AI$366,ROUNDDOWN($C8041/24,0)+1,1)*INDEX($D$3:$AA$30,INDEX(Jesper!$R$2:$R$366,ROW(INDEX(Jesper!AI$2:AI$366,ROUNDDOWN($C8041/24,0)+1,1))-1)+IF('Standard Profiles'!$G$19=$B$10,7,0)+IF('Standard Profiles'!$G$19=$B$17,14,0)+IF('Standard Profiles'!$G$19=$B$24,21,0),MOD($C8041,24)+1)/SUM(INDEX($D$3:$AA$30,INDEX(Jesper!$R$2:$R$366,ROW(INDEX(Jesper!AI$2:AI$366,ROUNDDOWN($C8041/24,0)+1,1))-1)+IF('Standard Profiles'!$G$19=$B$10,7,0)+IF('Standard Profiles'!$G$19=$B$17,14,0)+IF('Standard Profiles'!$G$19=$B$24,21,0),0)),0)</f>
        <v>0</v>
      </c>
      <c r="F8041" cm="1">
        <f t="array" ref="F8041">IFERROR(INDEX(Jesper!AJ$2:AJ$366,ROUNDDOWN($C8041/24,0)+1,1)*INDEX($D$3:$AA$30,INDEX(Jesper!$R$2:$R$366,ROW(INDEX(Jesper!AJ$2:AJ$366,ROUNDDOWN($C8041/24,0)+1,1))-1)+IF('Standard Profiles'!$G$20=$B$10,7,0)+IF('Standard Profiles'!$G$20=$B$17,14,0)+IF('Standard Profiles'!$G$20=$B$24,21,0),MOD($C8041,24)+1)/SUM(INDEX($D$3:$AA$30,INDEX(Jesper!$R$2:$R$366,ROW(INDEX(Jesper!AJ$2:AJ$366,ROUNDDOWN($C8041/24,0)+1,1))-1)+IF('Standard Profiles'!$G$20=$B$10,7,0)+IF('Standard Profiles'!$G$20=$B$17,14,0)+IF('Standard Profiles'!$G$20=$B$24,21,0),0)),0)</f>
        <v>0</v>
      </c>
      <c r="G8041" cm="1">
        <f t="array" ref="G8041">IFERROR(INDEX(Jesper!AK$2:AK$366,ROUNDDOWN($C8041/24,0)+1,1)*INDEX($D$3:$AA$30,INDEX(Jesper!$R$2:$R$366,ROW(INDEX(Jesper!AK$2:AK$366,ROUNDDOWN($C8041/24,0)+1,1))-1)+IF('Standard Profiles'!$G$21=$B$10,7,0)+IF('Standard Profiles'!$G$21=$B$17,14,0)+IF('Standard Profiles'!$G$21=$B$24,21,0),MOD($C8041,24)+1)/SUM(INDEX($D$3:$AA$30,INDEX(Jesper!$R$2:$R$366,ROW(INDEX(Jesper!AK$2:AK$366,ROUNDDOWN($C8041/24,0)+1,1))-1)+IF('Standard Profiles'!$G$21=$B$10,7,0)+IF('Standard Profiles'!$G$21=$B$17,14,0)+IF('Standard Profiles'!$G$21=$B$24,21,0),0)),0)</f>
        <v>0</v>
      </c>
      <c r="H8041" cm="1">
        <f t="array" ref="H8041">IFERROR(INDEX(Jesper!AL$2:AL$366,ROUNDDOWN($C8041/24,0)+1,1)*INDEX($D$3:$AA$30,INDEX(Jesper!$R$2:$R$366,ROW(INDEX(Jesper!AL$2:AL$366,ROUNDDOWN($C8041/24,0)+1,1))-1)+IF('Standard Profiles'!$G$22=$B$10,7,0)+IF('Standard Profiles'!$G$22=$B$17,14,0)+IF('Standard Profiles'!$G$22=$B$24,21,0),MOD($C8041,24)+1)/SUM(INDEX($D$3:$AA$30,INDEX(Jesper!$R$2:$R$366,ROW(INDEX(Jesper!AL$2:AL$366,ROUNDDOWN($C8041/24,0)+1,1))-1)+IF('Standard Profiles'!$G$22=$B$10,7,0)+IF('Standard Profiles'!$G$22=$B$17,14,0)+IF('Standard Profiles'!$G$22=$B$24,21,0),0)),0)</f>
        <v>0</v>
      </c>
      <c r="I8041">
        <f t="shared" si="895"/>
        <v>0.46988571656238887</v>
      </c>
      <c r="J8041">
        <f t="shared" si="896"/>
        <v>1.5662857218746298</v>
      </c>
      <c r="K8041">
        <f t="shared" si="897"/>
        <v>2.3494285828119446</v>
      </c>
      <c r="L8041">
        <f t="shared" si="898"/>
        <v>11.277257197497333</v>
      </c>
      <c r="M8041">
        <f t="shared" si="899"/>
        <v>0</v>
      </c>
      <c r="N8041" s="46">
        <f t="shared" si="900"/>
        <v>45625.62499998058</v>
      </c>
    </row>
    <row r="8042" spans="2:14" x14ac:dyDescent="0.3">
      <c r="B8042">
        <f t="shared" si="894"/>
        <v>5</v>
      </c>
      <c r="C8042" s="16">
        <v>8008</v>
      </c>
      <c r="D8042" cm="1">
        <f t="array" ref="D8042">IFERROR(INDEX(Jesper!AH$2:AH$366,ROUNDDOWN($C8042/24,0)+1,1)*INDEX($D$3:$AA$30,INDEX(Jesper!$R$2:$R$366,ROW(INDEX(Jesper!AH$2:AH$366,ROUNDDOWN($C8042/24,0)+1,1))-1)+IF('Standard Profiles'!$G$18=$B$10,7,0)+IF('Standard Profiles'!$G$18=$B$17,14,0)+IF('Standard Profiles'!$G$18=$B$24,21,0),MOD($C8042,24)+1)/SUM(INDEX($D$3:$AA$30,INDEX(Jesper!$R$2:$R$366,ROW(INDEX(Jesper!AH$2:AH$366,ROUNDDOWN($C8042/24,0)+1,1))-1)+IF('Standard Profiles'!$G$18=$B$10,7,0)+IF('Standard Profiles'!$G$18=$B$17,14,0)+IF('Standard Profiles'!$G$18=$B$24,21,0),0)),0)</f>
        <v>14.827504833746495</v>
      </c>
      <c r="E8042" cm="1">
        <f t="array" ref="E8042">IFERROR(INDEX(Jesper!AI$2:AI$366,ROUNDDOWN($C8042/24,0)+1,1)*INDEX($D$3:$AA$30,INDEX(Jesper!$R$2:$R$366,ROW(INDEX(Jesper!AI$2:AI$366,ROUNDDOWN($C8042/24,0)+1,1))-1)+IF('Standard Profiles'!$G$19=$B$10,7,0)+IF('Standard Profiles'!$G$19=$B$17,14,0)+IF('Standard Profiles'!$G$19=$B$24,21,0),MOD($C8042,24)+1)/SUM(INDEX($D$3:$AA$30,INDEX(Jesper!$R$2:$R$366,ROW(INDEX(Jesper!AI$2:AI$366,ROUNDDOWN($C8042/24,0)+1,1))-1)+IF('Standard Profiles'!$G$19=$B$10,7,0)+IF('Standard Profiles'!$G$19=$B$17,14,0)+IF('Standard Profiles'!$G$19=$B$24,21,0),0)),0)</f>
        <v>0</v>
      </c>
      <c r="F8042" cm="1">
        <f t="array" ref="F8042">IFERROR(INDEX(Jesper!AJ$2:AJ$366,ROUNDDOWN($C8042/24,0)+1,1)*INDEX($D$3:$AA$30,INDEX(Jesper!$R$2:$R$366,ROW(INDEX(Jesper!AJ$2:AJ$366,ROUNDDOWN($C8042/24,0)+1,1))-1)+IF('Standard Profiles'!$G$20=$B$10,7,0)+IF('Standard Profiles'!$G$20=$B$17,14,0)+IF('Standard Profiles'!$G$20=$B$24,21,0),MOD($C8042,24)+1)/SUM(INDEX($D$3:$AA$30,INDEX(Jesper!$R$2:$R$366,ROW(INDEX(Jesper!AJ$2:AJ$366,ROUNDDOWN($C8042/24,0)+1,1))-1)+IF('Standard Profiles'!$G$20=$B$10,7,0)+IF('Standard Profiles'!$G$20=$B$17,14,0)+IF('Standard Profiles'!$G$20=$B$24,21,0),0)),0)</f>
        <v>0</v>
      </c>
      <c r="G8042" cm="1">
        <f t="array" ref="G8042">IFERROR(INDEX(Jesper!AK$2:AK$366,ROUNDDOWN($C8042/24,0)+1,1)*INDEX($D$3:$AA$30,INDEX(Jesper!$R$2:$R$366,ROW(INDEX(Jesper!AK$2:AK$366,ROUNDDOWN($C8042/24,0)+1,1))-1)+IF('Standard Profiles'!$G$21=$B$10,7,0)+IF('Standard Profiles'!$G$21=$B$17,14,0)+IF('Standard Profiles'!$G$21=$B$24,21,0),MOD($C8042,24)+1)/SUM(INDEX($D$3:$AA$30,INDEX(Jesper!$R$2:$R$366,ROW(INDEX(Jesper!AK$2:AK$366,ROUNDDOWN($C8042/24,0)+1,1))-1)+IF('Standard Profiles'!$G$21=$B$10,7,0)+IF('Standard Profiles'!$G$21=$B$17,14,0)+IF('Standard Profiles'!$G$21=$B$24,21,0),0)),0)</f>
        <v>0</v>
      </c>
      <c r="H8042" cm="1">
        <f t="array" ref="H8042">IFERROR(INDEX(Jesper!AL$2:AL$366,ROUNDDOWN($C8042/24,0)+1,1)*INDEX($D$3:$AA$30,INDEX(Jesper!$R$2:$R$366,ROW(INDEX(Jesper!AL$2:AL$366,ROUNDDOWN($C8042/24,0)+1,1))-1)+IF('Standard Profiles'!$G$22=$B$10,7,0)+IF('Standard Profiles'!$G$22=$B$17,14,0)+IF('Standard Profiles'!$G$22=$B$24,21,0),MOD($C8042,24)+1)/SUM(INDEX($D$3:$AA$30,INDEX(Jesper!$R$2:$R$366,ROW(INDEX(Jesper!AL$2:AL$366,ROUNDDOWN($C8042/24,0)+1,1))-1)+IF('Standard Profiles'!$G$22=$B$10,7,0)+IF('Standard Profiles'!$G$22=$B$17,14,0)+IF('Standard Profiles'!$G$22=$B$24,21,0),0)),0)</f>
        <v>0</v>
      </c>
      <c r="I8042">
        <f t="shared" si="895"/>
        <v>0.44482514501239484</v>
      </c>
      <c r="J8042">
        <f t="shared" si="896"/>
        <v>1.4827504833746497</v>
      </c>
      <c r="K8042">
        <f t="shared" si="897"/>
        <v>2.2241257250619744</v>
      </c>
      <c r="L8042">
        <f t="shared" si="898"/>
        <v>10.675803480297477</v>
      </c>
      <c r="M8042">
        <f t="shared" si="899"/>
        <v>0</v>
      </c>
      <c r="N8042" s="46">
        <f t="shared" si="900"/>
        <v>45625.666666647245</v>
      </c>
    </row>
    <row r="8043" spans="2:14" x14ac:dyDescent="0.3">
      <c r="B8043">
        <f t="shared" si="894"/>
        <v>5</v>
      </c>
      <c r="C8043" s="16">
        <v>8009</v>
      </c>
      <c r="D8043" cm="1">
        <f t="array" ref="D8043">IFERROR(INDEX(Jesper!AH$2:AH$366,ROUNDDOWN($C8043/24,0)+1,1)*INDEX($D$3:$AA$30,INDEX(Jesper!$R$2:$R$366,ROW(INDEX(Jesper!AH$2:AH$366,ROUNDDOWN($C8043/24,0)+1,1))-1)+IF('Standard Profiles'!$G$18=$B$10,7,0)+IF('Standard Profiles'!$G$18=$B$17,14,0)+IF('Standard Profiles'!$G$18=$B$24,21,0),MOD($C8043,24)+1)/SUM(INDEX($D$3:$AA$30,INDEX(Jesper!$R$2:$R$366,ROW(INDEX(Jesper!AH$2:AH$366,ROUNDDOWN($C8043/24,0)+1,1))-1)+IF('Standard Profiles'!$G$18=$B$10,7,0)+IF('Standard Profiles'!$G$18=$B$17,14,0)+IF('Standard Profiles'!$G$18=$B$24,21,0),0)),0)</f>
        <v>14.827504833746495</v>
      </c>
      <c r="E8043" cm="1">
        <f t="array" ref="E8043">IFERROR(INDEX(Jesper!AI$2:AI$366,ROUNDDOWN($C8043/24,0)+1,1)*INDEX($D$3:$AA$30,INDEX(Jesper!$R$2:$R$366,ROW(INDEX(Jesper!AI$2:AI$366,ROUNDDOWN($C8043/24,0)+1,1))-1)+IF('Standard Profiles'!$G$19=$B$10,7,0)+IF('Standard Profiles'!$G$19=$B$17,14,0)+IF('Standard Profiles'!$G$19=$B$24,21,0),MOD($C8043,24)+1)/SUM(INDEX($D$3:$AA$30,INDEX(Jesper!$R$2:$R$366,ROW(INDEX(Jesper!AI$2:AI$366,ROUNDDOWN($C8043/24,0)+1,1))-1)+IF('Standard Profiles'!$G$19=$B$10,7,0)+IF('Standard Profiles'!$G$19=$B$17,14,0)+IF('Standard Profiles'!$G$19=$B$24,21,0),0)),0)</f>
        <v>0</v>
      </c>
      <c r="F8043" cm="1">
        <f t="array" ref="F8043">IFERROR(INDEX(Jesper!AJ$2:AJ$366,ROUNDDOWN($C8043/24,0)+1,1)*INDEX($D$3:$AA$30,INDEX(Jesper!$R$2:$R$366,ROW(INDEX(Jesper!AJ$2:AJ$366,ROUNDDOWN($C8043/24,0)+1,1))-1)+IF('Standard Profiles'!$G$20=$B$10,7,0)+IF('Standard Profiles'!$G$20=$B$17,14,0)+IF('Standard Profiles'!$G$20=$B$24,21,0),MOD($C8043,24)+1)/SUM(INDEX($D$3:$AA$30,INDEX(Jesper!$R$2:$R$366,ROW(INDEX(Jesper!AJ$2:AJ$366,ROUNDDOWN($C8043/24,0)+1,1))-1)+IF('Standard Profiles'!$G$20=$B$10,7,0)+IF('Standard Profiles'!$G$20=$B$17,14,0)+IF('Standard Profiles'!$G$20=$B$24,21,0),0)),0)</f>
        <v>0</v>
      </c>
      <c r="G8043" cm="1">
        <f t="array" ref="G8043">IFERROR(INDEX(Jesper!AK$2:AK$366,ROUNDDOWN($C8043/24,0)+1,1)*INDEX($D$3:$AA$30,INDEX(Jesper!$R$2:$R$366,ROW(INDEX(Jesper!AK$2:AK$366,ROUNDDOWN($C8043/24,0)+1,1))-1)+IF('Standard Profiles'!$G$21=$B$10,7,0)+IF('Standard Profiles'!$G$21=$B$17,14,0)+IF('Standard Profiles'!$G$21=$B$24,21,0),MOD($C8043,24)+1)/SUM(INDEX($D$3:$AA$30,INDEX(Jesper!$R$2:$R$366,ROW(INDEX(Jesper!AK$2:AK$366,ROUNDDOWN($C8043/24,0)+1,1))-1)+IF('Standard Profiles'!$G$21=$B$10,7,0)+IF('Standard Profiles'!$G$21=$B$17,14,0)+IF('Standard Profiles'!$G$21=$B$24,21,0),0)),0)</f>
        <v>0</v>
      </c>
      <c r="H8043" cm="1">
        <f t="array" ref="H8043">IFERROR(INDEX(Jesper!AL$2:AL$366,ROUNDDOWN($C8043/24,0)+1,1)*INDEX($D$3:$AA$30,INDEX(Jesper!$R$2:$R$366,ROW(INDEX(Jesper!AL$2:AL$366,ROUNDDOWN($C8043/24,0)+1,1))-1)+IF('Standard Profiles'!$G$22=$B$10,7,0)+IF('Standard Profiles'!$G$22=$B$17,14,0)+IF('Standard Profiles'!$G$22=$B$24,21,0),MOD($C8043,24)+1)/SUM(INDEX($D$3:$AA$30,INDEX(Jesper!$R$2:$R$366,ROW(INDEX(Jesper!AL$2:AL$366,ROUNDDOWN($C8043/24,0)+1,1))-1)+IF('Standard Profiles'!$G$22=$B$10,7,0)+IF('Standard Profiles'!$G$22=$B$17,14,0)+IF('Standard Profiles'!$G$22=$B$24,21,0),0)),0)</f>
        <v>0</v>
      </c>
      <c r="I8043">
        <f t="shared" si="895"/>
        <v>0.44482514501239484</v>
      </c>
      <c r="J8043">
        <f t="shared" si="896"/>
        <v>1.4827504833746497</v>
      </c>
      <c r="K8043">
        <f t="shared" si="897"/>
        <v>2.2241257250619744</v>
      </c>
      <c r="L8043">
        <f t="shared" si="898"/>
        <v>10.675803480297477</v>
      </c>
      <c r="M8043">
        <f t="shared" si="899"/>
        <v>0</v>
      </c>
      <c r="N8043" s="46">
        <f t="shared" si="900"/>
        <v>45625.708333313909</v>
      </c>
    </row>
    <row r="8044" spans="2:14" x14ac:dyDescent="0.3">
      <c r="B8044">
        <f t="shared" si="894"/>
        <v>5</v>
      </c>
      <c r="C8044" s="16">
        <v>8010</v>
      </c>
      <c r="D8044" cm="1">
        <f t="array" ref="D8044">IFERROR(INDEX(Jesper!AH$2:AH$366,ROUNDDOWN($C8044/24,0)+1,1)*INDEX($D$3:$AA$30,INDEX(Jesper!$R$2:$R$366,ROW(INDEX(Jesper!AH$2:AH$366,ROUNDDOWN($C8044/24,0)+1,1))-1)+IF('Standard Profiles'!$G$18=$B$10,7,0)+IF('Standard Profiles'!$G$18=$B$17,14,0)+IF('Standard Profiles'!$G$18=$B$24,21,0),MOD($C8044,24)+1)/SUM(INDEX($D$3:$AA$30,INDEX(Jesper!$R$2:$R$366,ROW(INDEX(Jesper!AH$2:AH$366,ROUNDDOWN($C8044/24,0)+1,1))-1)+IF('Standard Profiles'!$G$18=$B$10,7,0)+IF('Standard Profiles'!$G$18=$B$17,14,0)+IF('Standard Profiles'!$G$18=$B$24,21,0),0)),0)</f>
        <v>14.827504833746495</v>
      </c>
      <c r="E8044" cm="1">
        <f t="array" ref="E8044">IFERROR(INDEX(Jesper!AI$2:AI$366,ROUNDDOWN($C8044/24,0)+1,1)*INDEX($D$3:$AA$30,INDEX(Jesper!$R$2:$R$366,ROW(INDEX(Jesper!AI$2:AI$366,ROUNDDOWN($C8044/24,0)+1,1))-1)+IF('Standard Profiles'!$G$19=$B$10,7,0)+IF('Standard Profiles'!$G$19=$B$17,14,0)+IF('Standard Profiles'!$G$19=$B$24,21,0),MOD($C8044,24)+1)/SUM(INDEX($D$3:$AA$30,INDEX(Jesper!$R$2:$R$366,ROW(INDEX(Jesper!AI$2:AI$366,ROUNDDOWN($C8044/24,0)+1,1))-1)+IF('Standard Profiles'!$G$19=$B$10,7,0)+IF('Standard Profiles'!$G$19=$B$17,14,0)+IF('Standard Profiles'!$G$19=$B$24,21,0),0)),0)</f>
        <v>0</v>
      </c>
      <c r="F8044" cm="1">
        <f t="array" ref="F8044">IFERROR(INDEX(Jesper!AJ$2:AJ$366,ROUNDDOWN($C8044/24,0)+1,1)*INDEX($D$3:$AA$30,INDEX(Jesper!$R$2:$R$366,ROW(INDEX(Jesper!AJ$2:AJ$366,ROUNDDOWN($C8044/24,0)+1,1))-1)+IF('Standard Profiles'!$G$20=$B$10,7,0)+IF('Standard Profiles'!$G$20=$B$17,14,0)+IF('Standard Profiles'!$G$20=$B$24,21,0),MOD($C8044,24)+1)/SUM(INDEX($D$3:$AA$30,INDEX(Jesper!$R$2:$R$366,ROW(INDEX(Jesper!AJ$2:AJ$366,ROUNDDOWN($C8044/24,0)+1,1))-1)+IF('Standard Profiles'!$G$20=$B$10,7,0)+IF('Standard Profiles'!$G$20=$B$17,14,0)+IF('Standard Profiles'!$G$20=$B$24,21,0),0)),0)</f>
        <v>0</v>
      </c>
      <c r="G8044" cm="1">
        <f t="array" ref="G8044">IFERROR(INDEX(Jesper!AK$2:AK$366,ROUNDDOWN($C8044/24,0)+1,1)*INDEX($D$3:$AA$30,INDEX(Jesper!$R$2:$R$366,ROW(INDEX(Jesper!AK$2:AK$366,ROUNDDOWN($C8044/24,0)+1,1))-1)+IF('Standard Profiles'!$G$21=$B$10,7,0)+IF('Standard Profiles'!$G$21=$B$17,14,0)+IF('Standard Profiles'!$G$21=$B$24,21,0),MOD($C8044,24)+1)/SUM(INDEX($D$3:$AA$30,INDEX(Jesper!$R$2:$R$366,ROW(INDEX(Jesper!AK$2:AK$366,ROUNDDOWN($C8044/24,0)+1,1))-1)+IF('Standard Profiles'!$G$21=$B$10,7,0)+IF('Standard Profiles'!$G$21=$B$17,14,0)+IF('Standard Profiles'!$G$21=$B$24,21,0),0)),0)</f>
        <v>0</v>
      </c>
      <c r="H8044" cm="1">
        <f t="array" ref="H8044">IFERROR(INDEX(Jesper!AL$2:AL$366,ROUNDDOWN($C8044/24,0)+1,1)*INDEX($D$3:$AA$30,INDEX(Jesper!$R$2:$R$366,ROW(INDEX(Jesper!AL$2:AL$366,ROUNDDOWN($C8044/24,0)+1,1))-1)+IF('Standard Profiles'!$G$22=$B$10,7,0)+IF('Standard Profiles'!$G$22=$B$17,14,0)+IF('Standard Profiles'!$G$22=$B$24,21,0),MOD($C8044,24)+1)/SUM(INDEX($D$3:$AA$30,INDEX(Jesper!$R$2:$R$366,ROW(INDEX(Jesper!AL$2:AL$366,ROUNDDOWN($C8044/24,0)+1,1))-1)+IF('Standard Profiles'!$G$22=$B$10,7,0)+IF('Standard Profiles'!$G$22=$B$17,14,0)+IF('Standard Profiles'!$G$22=$B$24,21,0),0)),0)</f>
        <v>0</v>
      </c>
      <c r="I8044">
        <f t="shared" si="895"/>
        <v>0.44482514501239484</v>
      </c>
      <c r="J8044">
        <f t="shared" si="896"/>
        <v>1.4827504833746497</v>
      </c>
      <c r="K8044">
        <f t="shared" si="897"/>
        <v>2.2241257250619744</v>
      </c>
      <c r="L8044">
        <f t="shared" si="898"/>
        <v>10.675803480297477</v>
      </c>
      <c r="M8044">
        <f t="shared" si="899"/>
        <v>0</v>
      </c>
      <c r="N8044" s="46">
        <f t="shared" si="900"/>
        <v>45625.749999980573</v>
      </c>
    </row>
    <row r="8045" spans="2:14" x14ac:dyDescent="0.3">
      <c r="B8045">
        <f t="shared" si="894"/>
        <v>5</v>
      </c>
      <c r="C8045" s="16">
        <v>8011</v>
      </c>
      <c r="D8045" cm="1">
        <f t="array" ref="D8045">IFERROR(INDEX(Jesper!AH$2:AH$366,ROUNDDOWN($C8045/24,0)+1,1)*INDEX($D$3:$AA$30,INDEX(Jesper!$R$2:$R$366,ROW(INDEX(Jesper!AH$2:AH$366,ROUNDDOWN($C8045/24,0)+1,1))-1)+IF('Standard Profiles'!$G$18=$B$10,7,0)+IF('Standard Profiles'!$G$18=$B$17,14,0)+IF('Standard Profiles'!$G$18=$B$24,21,0),MOD($C8045,24)+1)/SUM(INDEX($D$3:$AA$30,INDEX(Jesper!$R$2:$R$366,ROW(INDEX(Jesper!AH$2:AH$366,ROUNDDOWN($C8045/24,0)+1,1))-1)+IF('Standard Profiles'!$G$18=$B$10,7,0)+IF('Standard Profiles'!$G$18=$B$17,14,0)+IF('Standard Profiles'!$G$18=$B$24,21,0),0)),0)</f>
        <v>14.827504833746495</v>
      </c>
      <c r="E8045" cm="1">
        <f t="array" ref="E8045">IFERROR(INDEX(Jesper!AI$2:AI$366,ROUNDDOWN($C8045/24,0)+1,1)*INDEX($D$3:$AA$30,INDEX(Jesper!$R$2:$R$366,ROW(INDEX(Jesper!AI$2:AI$366,ROUNDDOWN($C8045/24,0)+1,1))-1)+IF('Standard Profiles'!$G$19=$B$10,7,0)+IF('Standard Profiles'!$G$19=$B$17,14,0)+IF('Standard Profiles'!$G$19=$B$24,21,0),MOD($C8045,24)+1)/SUM(INDEX($D$3:$AA$30,INDEX(Jesper!$R$2:$R$366,ROW(INDEX(Jesper!AI$2:AI$366,ROUNDDOWN($C8045/24,0)+1,1))-1)+IF('Standard Profiles'!$G$19=$B$10,7,0)+IF('Standard Profiles'!$G$19=$B$17,14,0)+IF('Standard Profiles'!$G$19=$B$24,21,0),0)),0)</f>
        <v>0</v>
      </c>
      <c r="F8045" cm="1">
        <f t="array" ref="F8045">IFERROR(INDEX(Jesper!AJ$2:AJ$366,ROUNDDOWN($C8045/24,0)+1,1)*INDEX($D$3:$AA$30,INDEX(Jesper!$R$2:$R$366,ROW(INDEX(Jesper!AJ$2:AJ$366,ROUNDDOWN($C8045/24,0)+1,1))-1)+IF('Standard Profiles'!$G$20=$B$10,7,0)+IF('Standard Profiles'!$G$20=$B$17,14,0)+IF('Standard Profiles'!$G$20=$B$24,21,0),MOD($C8045,24)+1)/SUM(INDEX($D$3:$AA$30,INDEX(Jesper!$R$2:$R$366,ROW(INDEX(Jesper!AJ$2:AJ$366,ROUNDDOWN($C8045/24,0)+1,1))-1)+IF('Standard Profiles'!$G$20=$B$10,7,0)+IF('Standard Profiles'!$G$20=$B$17,14,0)+IF('Standard Profiles'!$G$20=$B$24,21,0),0)),0)</f>
        <v>0</v>
      </c>
      <c r="G8045" cm="1">
        <f t="array" ref="G8045">IFERROR(INDEX(Jesper!AK$2:AK$366,ROUNDDOWN($C8045/24,0)+1,1)*INDEX($D$3:$AA$30,INDEX(Jesper!$R$2:$R$366,ROW(INDEX(Jesper!AK$2:AK$366,ROUNDDOWN($C8045/24,0)+1,1))-1)+IF('Standard Profiles'!$G$21=$B$10,7,0)+IF('Standard Profiles'!$G$21=$B$17,14,0)+IF('Standard Profiles'!$G$21=$B$24,21,0),MOD($C8045,24)+1)/SUM(INDEX($D$3:$AA$30,INDEX(Jesper!$R$2:$R$366,ROW(INDEX(Jesper!AK$2:AK$366,ROUNDDOWN($C8045/24,0)+1,1))-1)+IF('Standard Profiles'!$G$21=$B$10,7,0)+IF('Standard Profiles'!$G$21=$B$17,14,0)+IF('Standard Profiles'!$G$21=$B$24,21,0),0)),0)</f>
        <v>0</v>
      </c>
      <c r="H8045" cm="1">
        <f t="array" ref="H8045">IFERROR(INDEX(Jesper!AL$2:AL$366,ROUNDDOWN($C8045/24,0)+1,1)*INDEX($D$3:$AA$30,INDEX(Jesper!$R$2:$R$366,ROW(INDEX(Jesper!AL$2:AL$366,ROUNDDOWN($C8045/24,0)+1,1))-1)+IF('Standard Profiles'!$G$22=$B$10,7,0)+IF('Standard Profiles'!$G$22=$B$17,14,0)+IF('Standard Profiles'!$G$22=$B$24,21,0),MOD($C8045,24)+1)/SUM(INDEX($D$3:$AA$30,INDEX(Jesper!$R$2:$R$366,ROW(INDEX(Jesper!AL$2:AL$366,ROUNDDOWN($C8045/24,0)+1,1))-1)+IF('Standard Profiles'!$G$22=$B$10,7,0)+IF('Standard Profiles'!$G$22=$B$17,14,0)+IF('Standard Profiles'!$G$22=$B$24,21,0),0)),0)</f>
        <v>0</v>
      </c>
      <c r="I8045">
        <f t="shared" si="895"/>
        <v>0.44482514501239484</v>
      </c>
      <c r="J8045">
        <f t="shared" si="896"/>
        <v>1.4827504833746497</v>
      </c>
      <c r="K8045">
        <f t="shared" si="897"/>
        <v>2.2241257250619744</v>
      </c>
      <c r="L8045">
        <f t="shared" si="898"/>
        <v>10.675803480297477</v>
      </c>
      <c r="M8045">
        <f t="shared" si="899"/>
        <v>0</v>
      </c>
      <c r="N8045" s="46">
        <f t="shared" si="900"/>
        <v>45625.791666647237</v>
      </c>
    </row>
    <row r="8046" spans="2:14" x14ac:dyDescent="0.3">
      <c r="B8046">
        <f t="shared" si="894"/>
        <v>5</v>
      </c>
      <c r="C8046" s="16">
        <v>8012</v>
      </c>
      <c r="D8046" cm="1">
        <f t="array" ref="D8046">IFERROR(INDEX(Jesper!AH$2:AH$366,ROUNDDOWN($C8046/24,0)+1,1)*INDEX($D$3:$AA$30,INDEX(Jesper!$R$2:$R$366,ROW(INDEX(Jesper!AH$2:AH$366,ROUNDDOWN($C8046/24,0)+1,1))-1)+IF('Standard Profiles'!$G$18=$B$10,7,0)+IF('Standard Profiles'!$G$18=$B$17,14,0)+IF('Standard Profiles'!$G$18=$B$24,21,0),MOD($C8046,24)+1)/SUM(INDEX($D$3:$AA$30,INDEX(Jesper!$R$2:$R$366,ROW(INDEX(Jesper!AH$2:AH$366,ROUNDDOWN($C8046/24,0)+1,1))-1)+IF('Standard Profiles'!$G$18=$B$10,7,0)+IF('Standard Profiles'!$G$18=$B$17,14,0)+IF('Standard Profiles'!$G$18=$B$24,21,0),0)),0)</f>
        <v>11.486095293747285</v>
      </c>
      <c r="E8046" cm="1">
        <f t="array" ref="E8046">IFERROR(INDEX(Jesper!AI$2:AI$366,ROUNDDOWN($C8046/24,0)+1,1)*INDEX($D$3:$AA$30,INDEX(Jesper!$R$2:$R$366,ROW(INDEX(Jesper!AI$2:AI$366,ROUNDDOWN($C8046/24,0)+1,1))-1)+IF('Standard Profiles'!$G$19=$B$10,7,0)+IF('Standard Profiles'!$G$19=$B$17,14,0)+IF('Standard Profiles'!$G$19=$B$24,21,0),MOD($C8046,24)+1)/SUM(INDEX($D$3:$AA$30,INDEX(Jesper!$R$2:$R$366,ROW(INDEX(Jesper!AI$2:AI$366,ROUNDDOWN($C8046/24,0)+1,1))-1)+IF('Standard Profiles'!$G$19=$B$10,7,0)+IF('Standard Profiles'!$G$19=$B$17,14,0)+IF('Standard Profiles'!$G$19=$B$24,21,0),0)),0)</f>
        <v>0</v>
      </c>
      <c r="F8046" cm="1">
        <f t="array" ref="F8046">IFERROR(INDEX(Jesper!AJ$2:AJ$366,ROUNDDOWN($C8046/24,0)+1,1)*INDEX($D$3:$AA$30,INDEX(Jesper!$R$2:$R$366,ROW(INDEX(Jesper!AJ$2:AJ$366,ROUNDDOWN($C8046/24,0)+1,1))-1)+IF('Standard Profiles'!$G$20=$B$10,7,0)+IF('Standard Profiles'!$G$20=$B$17,14,0)+IF('Standard Profiles'!$G$20=$B$24,21,0),MOD($C8046,24)+1)/SUM(INDEX($D$3:$AA$30,INDEX(Jesper!$R$2:$R$366,ROW(INDEX(Jesper!AJ$2:AJ$366,ROUNDDOWN($C8046/24,0)+1,1))-1)+IF('Standard Profiles'!$G$20=$B$10,7,0)+IF('Standard Profiles'!$G$20=$B$17,14,0)+IF('Standard Profiles'!$G$20=$B$24,21,0),0)),0)</f>
        <v>0</v>
      </c>
      <c r="G8046" cm="1">
        <f t="array" ref="G8046">IFERROR(INDEX(Jesper!AK$2:AK$366,ROUNDDOWN($C8046/24,0)+1,1)*INDEX($D$3:$AA$30,INDEX(Jesper!$R$2:$R$366,ROW(INDEX(Jesper!AK$2:AK$366,ROUNDDOWN($C8046/24,0)+1,1))-1)+IF('Standard Profiles'!$G$21=$B$10,7,0)+IF('Standard Profiles'!$G$21=$B$17,14,0)+IF('Standard Profiles'!$G$21=$B$24,21,0),MOD($C8046,24)+1)/SUM(INDEX($D$3:$AA$30,INDEX(Jesper!$R$2:$R$366,ROW(INDEX(Jesper!AK$2:AK$366,ROUNDDOWN($C8046/24,0)+1,1))-1)+IF('Standard Profiles'!$G$21=$B$10,7,0)+IF('Standard Profiles'!$G$21=$B$17,14,0)+IF('Standard Profiles'!$G$21=$B$24,21,0),0)),0)</f>
        <v>0</v>
      </c>
      <c r="H8046" cm="1">
        <f t="array" ref="H8046">IFERROR(INDEX(Jesper!AL$2:AL$366,ROUNDDOWN($C8046/24,0)+1,1)*INDEX($D$3:$AA$30,INDEX(Jesper!$R$2:$R$366,ROW(INDEX(Jesper!AL$2:AL$366,ROUNDDOWN($C8046/24,0)+1,1))-1)+IF('Standard Profiles'!$G$22=$B$10,7,0)+IF('Standard Profiles'!$G$22=$B$17,14,0)+IF('Standard Profiles'!$G$22=$B$24,21,0),MOD($C8046,24)+1)/SUM(INDEX($D$3:$AA$30,INDEX(Jesper!$R$2:$R$366,ROW(INDEX(Jesper!AL$2:AL$366,ROUNDDOWN($C8046/24,0)+1,1))-1)+IF('Standard Profiles'!$G$22=$B$10,7,0)+IF('Standard Profiles'!$G$22=$B$17,14,0)+IF('Standard Profiles'!$G$22=$B$24,21,0),0)),0)</f>
        <v>0</v>
      </c>
      <c r="I8046">
        <f t="shared" si="895"/>
        <v>0.34458285881241851</v>
      </c>
      <c r="J8046">
        <f t="shared" si="896"/>
        <v>1.1486095293747285</v>
      </c>
      <c r="K8046">
        <f t="shared" si="897"/>
        <v>1.7229142940620927</v>
      </c>
      <c r="L8046">
        <f t="shared" si="898"/>
        <v>8.2699886114980448</v>
      </c>
      <c r="M8046">
        <f t="shared" si="899"/>
        <v>0</v>
      </c>
      <c r="N8046" s="46">
        <f t="shared" si="900"/>
        <v>45625.833333313902</v>
      </c>
    </row>
    <row r="8047" spans="2:14" x14ac:dyDescent="0.3">
      <c r="B8047">
        <f t="shared" si="894"/>
        <v>5</v>
      </c>
      <c r="C8047" s="16">
        <v>8013</v>
      </c>
      <c r="D8047" cm="1">
        <f t="array" ref="D8047">IFERROR(INDEX(Jesper!AH$2:AH$366,ROUNDDOWN($C8047/24,0)+1,1)*INDEX($D$3:$AA$30,INDEX(Jesper!$R$2:$R$366,ROW(INDEX(Jesper!AH$2:AH$366,ROUNDDOWN($C8047/24,0)+1,1))-1)+IF('Standard Profiles'!$G$18=$B$10,7,0)+IF('Standard Profiles'!$G$18=$B$17,14,0)+IF('Standard Profiles'!$G$18=$B$24,21,0),MOD($C8047,24)+1)/SUM(INDEX($D$3:$AA$30,INDEX(Jesper!$R$2:$R$366,ROW(INDEX(Jesper!AH$2:AH$366,ROUNDDOWN($C8047/24,0)+1,1))-1)+IF('Standard Profiles'!$G$18=$B$10,7,0)+IF('Standard Profiles'!$G$18=$B$17,14,0)+IF('Standard Profiles'!$G$18=$B$24,21,0),0)),0)</f>
        <v>4.3856000212489636</v>
      </c>
      <c r="E8047" cm="1">
        <f t="array" ref="E8047">IFERROR(INDEX(Jesper!AI$2:AI$366,ROUNDDOWN($C8047/24,0)+1,1)*INDEX($D$3:$AA$30,INDEX(Jesper!$R$2:$R$366,ROW(INDEX(Jesper!AI$2:AI$366,ROUNDDOWN($C8047/24,0)+1,1))-1)+IF('Standard Profiles'!$G$19=$B$10,7,0)+IF('Standard Profiles'!$G$19=$B$17,14,0)+IF('Standard Profiles'!$G$19=$B$24,21,0),MOD($C8047,24)+1)/SUM(INDEX($D$3:$AA$30,INDEX(Jesper!$R$2:$R$366,ROW(INDEX(Jesper!AI$2:AI$366,ROUNDDOWN($C8047/24,0)+1,1))-1)+IF('Standard Profiles'!$G$19=$B$10,7,0)+IF('Standard Profiles'!$G$19=$B$17,14,0)+IF('Standard Profiles'!$G$19=$B$24,21,0),0)),0)</f>
        <v>0</v>
      </c>
      <c r="F8047" cm="1">
        <f t="array" ref="F8047">IFERROR(INDEX(Jesper!AJ$2:AJ$366,ROUNDDOWN($C8047/24,0)+1,1)*INDEX($D$3:$AA$30,INDEX(Jesper!$R$2:$R$366,ROW(INDEX(Jesper!AJ$2:AJ$366,ROUNDDOWN($C8047/24,0)+1,1))-1)+IF('Standard Profiles'!$G$20=$B$10,7,0)+IF('Standard Profiles'!$G$20=$B$17,14,0)+IF('Standard Profiles'!$G$20=$B$24,21,0),MOD($C8047,24)+1)/SUM(INDEX($D$3:$AA$30,INDEX(Jesper!$R$2:$R$366,ROW(INDEX(Jesper!AJ$2:AJ$366,ROUNDDOWN($C8047/24,0)+1,1))-1)+IF('Standard Profiles'!$G$20=$B$10,7,0)+IF('Standard Profiles'!$G$20=$B$17,14,0)+IF('Standard Profiles'!$G$20=$B$24,21,0),0)),0)</f>
        <v>0</v>
      </c>
      <c r="G8047" cm="1">
        <f t="array" ref="G8047">IFERROR(INDEX(Jesper!AK$2:AK$366,ROUNDDOWN($C8047/24,0)+1,1)*INDEX($D$3:$AA$30,INDEX(Jesper!$R$2:$R$366,ROW(INDEX(Jesper!AK$2:AK$366,ROUNDDOWN($C8047/24,0)+1,1))-1)+IF('Standard Profiles'!$G$21=$B$10,7,0)+IF('Standard Profiles'!$G$21=$B$17,14,0)+IF('Standard Profiles'!$G$21=$B$24,21,0),MOD($C8047,24)+1)/SUM(INDEX($D$3:$AA$30,INDEX(Jesper!$R$2:$R$366,ROW(INDEX(Jesper!AK$2:AK$366,ROUNDDOWN($C8047/24,0)+1,1))-1)+IF('Standard Profiles'!$G$21=$B$10,7,0)+IF('Standard Profiles'!$G$21=$B$17,14,0)+IF('Standard Profiles'!$G$21=$B$24,21,0),0)),0)</f>
        <v>0</v>
      </c>
      <c r="H8047" cm="1">
        <f t="array" ref="H8047">IFERROR(INDEX(Jesper!AL$2:AL$366,ROUNDDOWN($C8047/24,0)+1,1)*INDEX($D$3:$AA$30,INDEX(Jesper!$R$2:$R$366,ROW(INDEX(Jesper!AL$2:AL$366,ROUNDDOWN($C8047/24,0)+1,1))-1)+IF('Standard Profiles'!$G$22=$B$10,7,0)+IF('Standard Profiles'!$G$22=$B$17,14,0)+IF('Standard Profiles'!$G$22=$B$24,21,0),MOD($C8047,24)+1)/SUM(INDEX($D$3:$AA$30,INDEX(Jesper!$R$2:$R$366,ROW(INDEX(Jesper!AL$2:AL$366,ROUNDDOWN($C8047/24,0)+1,1))-1)+IF('Standard Profiles'!$G$22=$B$10,7,0)+IF('Standard Profiles'!$G$22=$B$17,14,0)+IF('Standard Profiles'!$G$22=$B$24,21,0),0)),0)</f>
        <v>0</v>
      </c>
      <c r="I8047">
        <f t="shared" si="895"/>
        <v>0.1315680006374689</v>
      </c>
      <c r="J8047">
        <f t="shared" si="896"/>
        <v>0.43856000212489638</v>
      </c>
      <c r="K8047">
        <f t="shared" si="897"/>
        <v>0.65784000318734448</v>
      </c>
      <c r="L8047">
        <f t="shared" si="898"/>
        <v>3.1576320152992539</v>
      </c>
      <c r="M8047">
        <f t="shared" si="899"/>
        <v>0</v>
      </c>
      <c r="N8047" s="46">
        <f t="shared" si="900"/>
        <v>45625.874999980566</v>
      </c>
    </row>
    <row r="8048" spans="2:14" x14ac:dyDescent="0.3">
      <c r="B8048">
        <f t="shared" si="894"/>
        <v>5</v>
      </c>
      <c r="C8048" s="16">
        <v>8014</v>
      </c>
      <c r="D8048" cm="1">
        <f t="array" ref="D8048">IFERROR(INDEX(Jesper!AH$2:AH$366,ROUNDDOWN($C8048/24,0)+1,1)*INDEX($D$3:$AA$30,INDEX(Jesper!$R$2:$R$366,ROW(INDEX(Jesper!AH$2:AH$366,ROUNDDOWN($C8048/24,0)+1,1))-1)+IF('Standard Profiles'!$G$18=$B$10,7,0)+IF('Standard Profiles'!$G$18=$B$17,14,0)+IF('Standard Profiles'!$G$18=$B$24,21,0),MOD($C8048,24)+1)/SUM(INDEX($D$3:$AA$30,INDEX(Jesper!$R$2:$R$366,ROW(INDEX(Jesper!AH$2:AH$366,ROUNDDOWN($C8048/24,0)+1,1))-1)+IF('Standard Profiles'!$G$18=$B$10,7,0)+IF('Standard Profiles'!$G$18=$B$17,14,0)+IF('Standard Profiles'!$G$18=$B$24,21,0),0)),0)</f>
        <v>4.3856000212489636</v>
      </c>
      <c r="E8048" cm="1">
        <f t="array" ref="E8048">IFERROR(INDEX(Jesper!AI$2:AI$366,ROUNDDOWN($C8048/24,0)+1,1)*INDEX($D$3:$AA$30,INDEX(Jesper!$R$2:$R$366,ROW(INDEX(Jesper!AI$2:AI$366,ROUNDDOWN($C8048/24,0)+1,1))-1)+IF('Standard Profiles'!$G$19=$B$10,7,0)+IF('Standard Profiles'!$G$19=$B$17,14,0)+IF('Standard Profiles'!$G$19=$B$24,21,0),MOD($C8048,24)+1)/SUM(INDEX($D$3:$AA$30,INDEX(Jesper!$R$2:$R$366,ROW(INDEX(Jesper!AI$2:AI$366,ROUNDDOWN($C8048/24,0)+1,1))-1)+IF('Standard Profiles'!$G$19=$B$10,7,0)+IF('Standard Profiles'!$G$19=$B$17,14,0)+IF('Standard Profiles'!$G$19=$B$24,21,0),0)),0)</f>
        <v>0</v>
      </c>
      <c r="F8048" cm="1">
        <f t="array" ref="F8048">IFERROR(INDEX(Jesper!AJ$2:AJ$366,ROUNDDOWN($C8048/24,0)+1,1)*INDEX($D$3:$AA$30,INDEX(Jesper!$R$2:$R$366,ROW(INDEX(Jesper!AJ$2:AJ$366,ROUNDDOWN($C8048/24,0)+1,1))-1)+IF('Standard Profiles'!$G$20=$B$10,7,0)+IF('Standard Profiles'!$G$20=$B$17,14,0)+IF('Standard Profiles'!$G$20=$B$24,21,0),MOD($C8048,24)+1)/SUM(INDEX($D$3:$AA$30,INDEX(Jesper!$R$2:$R$366,ROW(INDEX(Jesper!AJ$2:AJ$366,ROUNDDOWN($C8048/24,0)+1,1))-1)+IF('Standard Profiles'!$G$20=$B$10,7,0)+IF('Standard Profiles'!$G$20=$B$17,14,0)+IF('Standard Profiles'!$G$20=$B$24,21,0),0)),0)</f>
        <v>0</v>
      </c>
      <c r="G8048" cm="1">
        <f t="array" ref="G8048">IFERROR(INDEX(Jesper!AK$2:AK$366,ROUNDDOWN($C8048/24,0)+1,1)*INDEX($D$3:$AA$30,INDEX(Jesper!$R$2:$R$366,ROW(INDEX(Jesper!AK$2:AK$366,ROUNDDOWN($C8048/24,0)+1,1))-1)+IF('Standard Profiles'!$G$21=$B$10,7,0)+IF('Standard Profiles'!$G$21=$B$17,14,0)+IF('Standard Profiles'!$G$21=$B$24,21,0),MOD($C8048,24)+1)/SUM(INDEX($D$3:$AA$30,INDEX(Jesper!$R$2:$R$366,ROW(INDEX(Jesper!AK$2:AK$366,ROUNDDOWN($C8048/24,0)+1,1))-1)+IF('Standard Profiles'!$G$21=$B$10,7,0)+IF('Standard Profiles'!$G$21=$B$17,14,0)+IF('Standard Profiles'!$G$21=$B$24,21,0),0)),0)</f>
        <v>0</v>
      </c>
      <c r="H8048" cm="1">
        <f t="array" ref="H8048">IFERROR(INDEX(Jesper!AL$2:AL$366,ROUNDDOWN($C8048/24,0)+1,1)*INDEX($D$3:$AA$30,INDEX(Jesper!$R$2:$R$366,ROW(INDEX(Jesper!AL$2:AL$366,ROUNDDOWN($C8048/24,0)+1,1))-1)+IF('Standard Profiles'!$G$22=$B$10,7,0)+IF('Standard Profiles'!$G$22=$B$17,14,0)+IF('Standard Profiles'!$G$22=$B$24,21,0),MOD($C8048,24)+1)/SUM(INDEX($D$3:$AA$30,INDEX(Jesper!$R$2:$R$366,ROW(INDEX(Jesper!AL$2:AL$366,ROUNDDOWN($C8048/24,0)+1,1))-1)+IF('Standard Profiles'!$G$22=$B$10,7,0)+IF('Standard Profiles'!$G$22=$B$17,14,0)+IF('Standard Profiles'!$G$22=$B$24,21,0),0)),0)</f>
        <v>0</v>
      </c>
      <c r="I8048">
        <f t="shared" si="895"/>
        <v>0.1315680006374689</v>
      </c>
      <c r="J8048">
        <f t="shared" si="896"/>
        <v>0.43856000212489638</v>
      </c>
      <c r="K8048">
        <f t="shared" si="897"/>
        <v>0.65784000318734448</v>
      </c>
      <c r="L8048">
        <f t="shared" si="898"/>
        <v>3.1576320152992539</v>
      </c>
      <c r="M8048">
        <f t="shared" si="899"/>
        <v>0</v>
      </c>
      <c r="N8048" s="46">
        <f t="shared" si="900"/>
        <v>45625.91666664723</v>
      </c>
    </row>
    <row r="8049" spans="2:14" x14ac:dyDescent="0.3">
      <c r="B8049">
        <f t="shared" si="894"/>
        <v>5</v>
      </c>
      <c r="C8049" s="16">
        <v>8015</v>
      </c>
      <c r="D8049" cm="1">
        <f t="array" ref="D8049">IFERROR(INDEX(Jesper!AH$2:AH$366,ROUNDDOWN($C8049/24,0)+1,1)*INDEX($D$3:$AA$30,INDEX(Jesper!$R$2:$R$366,ROW(INDEX(Jesper!AH$2:AH$366,ROUNDDOWN($C8049/24,0)+1,1))-1)+IF('Standard Profiles'!$G$18=$B$10,7,0)+IF('Standard Profiles'!$G$18=$B$17,14,0)+IF('Standard Profiles'!$G$18=$B$24,21,0),MOD($C8049,24)+1)/SUM(INDEX($D$3:$AA$30,INDEX(Jesper!$R$2:$R$366,ROW(INDEX(Jesper!AH$2:AH$366,ROUNDDOWN($C8049/24,0)+1,1))-1)+IF('Standard Profiles'!$G$18=$B$10,7,0)+IF('Standard Profiles'!$G$18=$B$17,14,0)+IF('Standard Profiles'!$G$18=$B$24,21,0),0)),0)</f>
        <v>4.3856000212489636</v>
      </c>
      <c r="E8049" cm="1">
        <f t="array" ref="E8049">IFERROR(INDEX(Jesper!AI$2:AI$366,ROUNDDOWN($C8049/24,0)+1,1)*INDEX($D$3:$AA$30,INDEX(Jesper!$R$2:$R$366,ROW(INDEX(Jesper!AI$2:AI$366,ROUNDDOWN($C8049/24,0)+1,1))-1)+IF('Standard Profiles'!$G$19=$B$10,7,0)+IF('Standard Profiles'!$G$19=$B$17,14,0)+IF('Standard Profiles'!$G$19=$B$24,21,0),MOD($C8049,24)+1)/SUM(INDEX($D$3:$AA$30,INDEX(Jesper!$R$2:$R$366,ROW(INDEX(Jesper!AI$2:AI$366,ROUNDDOWN($C8049/24,0)+1,1))-1)+IF('Standard Profiles'!$G$19=$B$10,7,0)+IF('Standard Profiles'!$G$19=$B$17,14,0)+IF('Standard Profiles'!$G$19=$B$24,21,0),0)),0)</f>
        <v>0</v>
      </c>
      <c r="F8049" cm="1">
        <f t="array" ref="F8049">IFERROR(INDEX(Jesper!AJ$2:AJ$366,ROUNDDOWN($C8049/24,0)+1,1)*INDEX($D$3:$AA$30,INDEX(Jesper!$R$2:$R$366,ROW(INDEX(Jesper!AJ$2:AJ$366,ROUNDDOWN($C8049/24,0)+1,1))-1)+IF('Standard Profiles'!$G$20=$B$10,7,0)+IF('Standard Profiles'!$G$20=$B$17,14,0)+IF('Standard Profiles'!$G$20=$B$24,21,0),MOD($C8049,24)+1)/SUM(INDEX($D$3:$AA$30,INDEX(Jesper!$R$2:$R$366,ROW(INDEX(Jesper!AJ$2:AJ$366,ROUNDDOWN($C8049/24,0)+1,1))-1)+IF('Standard Profiles'!$G$20=$B$10,7,0)+IF('Standard Profiles'!$G$20=$B$17,14,0)+IF('Standard Profiles'!$G$20=$B$24,21,0),0)),0)</f>
        <v>0</v>
      </c>
      <c r="G8049" cm="1">
        <f t="array" ref="G8049">IFERROR(INDEX(Jesper!AK$2:AK$366,ROUNDDOWN($C8049/24,0)+1,1)*INDEX($D$3:$AA$30,INDEX(Jesper!$R$2:$R$366,ROW(INDEX(Jesper!AK$2:AK$366,ROUNDDOWN($C8049/24,0)+1,1))-1)+IF('Standard Profiles'!$G$21=$B$10,7,0)+IF('Standard Profiles'!$G$21=$B$17,14,0)+IF('Standard Profiles'!$G$21=$B$24,21,0),MOD($C8049,24)+1)/SUM(INDEX($D$3:$AA$30,INDEX(Jesper!$R$2:$R$366,ROW(INDEX(Jesper!AK$2:AK$366,ROUNDDOWN($C8049/24,0)+1,1))-1)+IF('Standard Profiles'!$G$21=$B$10,7,0)+IF('Standard Profiles'!$G$21=$B$17,14,0)+IF('Standard Profiles'!$G$21=$B$24,21,0),0)),0)</f>
        <v>0</v>
      </c>
      <c r="H8049" cm="1">
        <f t="array" ref="H8049">IFERROR(INDEX(Jesper!AL$2:AL$366,ROUNDDOWN($C8049/24,0)+1,1)*INDEX($D$3:$AA$30,INDEX(Jesper!$R$2:$R$366,ROW(INDEX(Jesper!AL$2:AL$366,ROUNDDOWN($C8049/24,0)+1,1))-1)+IF('Standard Profiles'!$G$22=$B$10,7,0)+IF('Standard Profiles'!$G$22=$B$17,14,0)+IF('Standard Profiles'!$G$22=$B$24,21,0),MOD($C8049,24)+1)/SUM(INDEX($D$3:$AA$30,INDEX(Jesper!$R$2:$R$366,ROW(INDEX(Jesper!AL$2:AL$366,ROUNDDOWN($C8049/24,0)+1,1))-1)+IF('Standard Profiles'!$G$22=$B$10,7,0)+IF('Standard Profiles'!$G$22=$B$17,14,0)+IF('Standard Profiles'!$G$22=$B$24,21,0),0)),0)</f>
        <v>0</v>
      </c>
      <c r="I8049">
        <f t="shared" si="895"/>
        <v>0.1315680006374689</v>
      </c>
      <c r="J8049">
        <f t="shared" si="896"/>
        <v>0.43856000212489638</v>
      </c>
      <c r="K8049">
        <f t="shared" si="897"/>
        <v>0.65784000318734448</v>
      </c>
      <c r="L8049">
        <f t="shared" si="898"/>
        <v>3.1576320152992539</v>
      </c>
      <c r="M8049">
        <f t="shared" si="899"/>
        <v>0</v>
      </c>
      <c r="N8049" s="46">
        <f t="shared" si="900"/>
        <v>45625.958333313894</v>
      </c>
    </row>
    <row r="8050" spans="2:14" x14ac:dyDescent="0.3">
      <c r="B8050">
        <f t="shared" si="894"/>
        <v>6</v>
      </c>
      <c r="C8050" s="16">
        <v>8016</v>
      </c>
      <c r="D8050" cm="1">
        <f t="array" ref="D8050">IFERROR(INDEX(Jesper!AH$2:AH$366,ROUNDDOWN($C8050/24,0)+1,1)*INDEX($D$3:$AA$30,INDEX(Jesper!$R$2:$R$366,ROW(INDEX(Jesper!AH$2:AH$366,ROUNDDOWN($C8050/24,0)+1,1))-1)+IF('Standard Profiles'!$G$18=$B$10,7,0)+IF('Standard Profiles'!$G$18=$B$17,14,0)+IF('Standard Profiles'!$G$18=$B$24,21,0),MOD($C8050,24)+1)/SUM(INDEX($D$3:$AA$30,INDEX(Jesper!$R$2:$R$366,ROW(INDEX(Jesper!AH$2:AH$366,ROUNDDOWN($C8050/24,0)+1,1))-1)+IF('Standard Profiles'!$G$18=$B$10,7,0)+IF('Standard Profiles'!$G$18=$B$17,14,0)+IF('Standard Profiles'!$G$18=$B$24,21,0),0)),0)</f>
        <v>4.7029254399728568</v>
      </c>
      <c r="E8050" cm="1">
        <f t="array" ref="E8050">IFERROR(INDEX(Jesper!AI$2:AI$366,ROUNDDOWN($C8050/24,0)+1,1)*INDEX($D$3:$AA$30,INDEX(Jesper!$R$2:$R$366,ROW(INDEX(Jesper!AI$2:AI$366,ROUNDDOWN($C8050/24,0)+1,1))-1)+IF('Standard Profiles'!$G$19=$B$10,7,0)+IF('Standard Profiles'!$G$19=$B$17,14,0)+IF('Standard Profiles'!$G$19=$B$24,21,0),MOD($C8050,24)+1)/SUM(INDEX($D$3:$AA$30,INDEX(Jesper!$R$2:$R$366,ROW(INDEX(Jesper!AI$2:AI$366,ROUNDDOWN($C8050/24,0)+1,1))-1)+IF('Standard Profiles'!$G$19=$B$10,7,0)+IF('Standard Profiles'!$G$19=$B$17,14,0)+IF('Standard Profiles'!$G$19=$B$24,21,0),0)),0)</f>
        <v>1.2043614731168586</v>
      </c>
      <c r="F8050" cm="1">
        <f t="array" ref="F8050">IFERROR(INDEX(Jesper!AJ$2:AJ$366,ROUNDDOWN($C8050/24,0)+1,1)*INDEX($D$3:$AA$30,INDEX(Jesper!$R$2:$R$366,ROW(INDEX(Jesper!AJ$2:AJ$366,ROUNDDOWN($C8050/24,0)+1,1))-1)+IF('Standard Profiles'!$G$20=$B$10,7,0)+IF('Standard Profiles'!$G$20=$B$17,14,0)+IF('Standard Profiles'!$G$20=$B$24,21,0),MOD($C8050,24)+1)/SUM(INDEX($D$3:$AA$30,INDEX(Jesper!$R$2:$R$366,ROW(INDEX(Jesper!AJ$2:AJ$366,ROUNDDOWN($C8050/24,0)+1,1))-1)+IF('Standard Profiles'!$G$20=$B$10,7,0)+IF('Standard Profiles'!$G$20=$B$17,14,0)+IF('Standard Profiles'!$G$20=$B$24,21,0),0)),0)</f>
        <v>0</v>
      </c>
      <c r="G8050" cm="1">
        <f t="array" ref="G8050">IFERROR(INDEX(Jesper!AK$2:AK$366,ROUNDDOWN($C8050/24,0)+1,1)*INDEX($D$3:$AA$30,INDEX(Jesper!$R$2:$R$366,ROW(INDEX(Jesper!AK$2:AK$366,ROUNDDOWN($C8050/24,0)+1,1))-1)+IF('Standard Profiles'!$G$21=$B$10,7,0)+IF('Standard Profiles'!$G$21=$B$17,14,0)+IF('Standard Profiles'!$G$21=$B$24,21,0),MOD($C8050,24)+1)/SUM(INDEX($D$3:$AA$30,INDEX(Jesper!$R$2:$R$366,ROW(INDEX(Jesper!AK$2:AK$366,ROUNDDOWN($C8050/24,0)+1,1))-1)+IF('Standard Profiles'!$G$21=$B$10,7,0)+IF('Standard Profiles'!$G$21=$B$17,14,0)+IF('Standard Profiles'!$G$21=$B$24,21,0),0)),0)</f>
        <v>0</v>
      </c>
      <c r="H8050" cm="1">
        <f t="array" ref="H8050">IFERROR(INDEX(Jesper!AL$2:AL$366,ROUNDDOWN($C8050/24,0)+1,1)*INDEX($D$3:$AA$30,INDEX(Jesper!$R$2:$R$366,ROW(INDEX(Jesper!AL$2:AL$366,ROUNDDOWN($C8050/24,0)+1,1))-1)+IF('Standard Profiles'!$G$22=$B$10,7,0)+IF('Standard Profiles'!$G$22=$B$17,14,0)+IF('Standard Profiles'!$G$22=$B$24,21,0),MOD($C8050,24)+1)/SUM(INDEX($D$3:$AA$30,INDEX(Jesper!$R$2:$R$366,ROW(INDEX(Jesper!AL$2:AL$366,ROUNDDOWN($C8050/24,0)+1,1))-1)+IF('Standard Profiles'!$G$22=$B$10,7,0)+IF('Standard Profiles'!$G$22=$B$17,14,0)+IF('Standard Profiles'!$G$22=$B$24,21,0),0)),0)</f>
        <v>0</v>
      </c>
      <c r="I8050">
        <f t="shared" si="895"/>
        <v>0.10850103361413144</v>
      </c>
      <c r="J8050">
        <f t="shared" si="896"/>
        <v>0.36167011204710481</v>
      </c>
      <c r="K8050">
        <f t="shared" si="897"/>
        <v>0.54250516807065718</v>
      </c>
      <c r="L8050">
        <f t="shared" si="898"/>
        <v>4.8946105993578222</v>
      </c>
      <c r="M8050">
        <f t="shared" si="899"/>
        <v>0</v>
      </c>
      <c r="N8050" s="46">
        <f t="shared" si="900"/>
        <v>45625.999999980559</v>
      </c>
    </row>
    <row r="8051" spans="2:14" x14ac:dyDescent="0.3">
      <c r="B8051">
        <f t="shared" si="894"/>
        <v>6</v>
      </c>
      <c r="C8051" s="16">
        <v>8017</v>
      </c>
      <c r="D8051" cm="1">
        <f t="array" ref="D8051">IFERROR(INDEX(Jesper!AH$2:AH$366,ROUNDDOWN($C8051/24,0)+1,1)*INDEX($D$3:$AA$30,INDEX(Jesper!$R$2:$R$366,ROW(INDEX(Jesper!AH$2:AH$366,ROUNDDOWN($C8051/24,0)+1,1))-1)+IF('Standard Profiles'!$G$18=$B$10,7,0)+IF('Standard Profiles'!$G$18=$B$17,14,0)+IF('Standard Profiles'!$G$18=$B$24,21,0),MOD($C8051,24)+1)/SUM(INDEX($D$3:$AA$30,INDEX(Jesper!$R$2:$R$366,ROW(INDEX(Jesper!AH$2:AH$366,ROUNDDOWN($C8051/24,0)+1,1))-1)+IF('Standard Profiles'!$G$18=$B$10,7,0)+IF('Standard Profiles'!$G$18=$B$17,14,0)+IF('Standard Profiles'!$G$18=$B$24,21,0),0)),0)</f>
        <v>9.1819020494708159</v>
      </c>
      <c r="E8051" cm="1">
        <f t="array" ref="E8051">IFERROR(INDEX(Jesper!AI$2:AI$366,ROUNDDOWN($C8051/24,0)+1,1)*INDEX($D$3:$AA$30,INDEX(Jesper!$R$2:$R$366,ROW(INDEX(Jesper!AI$2:AI$366,ROUNDDOWN($C8051/24,0)+1,1))-1)+IF('Standard Profiles'!$G$19=$B$10,7,0)+IF('Standard Profiles'!$G$19=$B$17,14,0)+IF('Standard Profiles'!$G$19=$B$24,21,0),MOD($C8051,24)+1)/SUM(INDEX($D$3:$AA$30,INDEX(Jesper!$R$2:$R$366,ROW(INDEX(Jesper!AI$2:AI$366,ROUNDDOWN($C8051/24,0)+1,1))-1)+IF('Standard Profiles'!$G$19=$B$10,7,0)+IF('Standard Profiles'!$G$19=$B$17,14,0)+IF('Standard Profiles'!$G$19=$B$24,21,0),0)),0)</f>
        <v>2.3513723998948191</v>
      </c>
      <c r="F8051" cm="1">
        <f t="array" ref="F8051">IFERROR(INDEX(Jesper!AJ$2:AJ$366,ROUNDDOWN($C8051/24,0)+1,1)*INDEX($D$3:$AA$30,INDEX(Jesper!$R$2:$R$366,ROW(INDEX(Jesper!AJ$2:AJ$366,ROUNDDOWN($C8051/24,0)+1,1))-1)+IF('Standard Profiles'!$G$20=$B$10,7,0)+IF('Standard Profiles'!$G$20=$B$17,14,0)+IF('Standard Profiles'!$G$20=$B$24,21,0),MOD($C8051,24)+1)/SUM(INDEX($D$3:$AA$30,INDEX(Jesper!$R$2:$R$366,ROW(INDEX(Jesper!AJ$2:AJ$366,ROUNDDOWN($C8051/24,0)+1,1))-1)+IF('Standard Profiles'!$G$20=$B$10,7,0)+IF('Standard Profiles'!$G$20=$B$17,14,0)+IF('Standard Profiles'!$G$20=$B$24,21,0),0)),0)</f>
        <v>0</v>
      </c>
      <c r="G8051" cm="1">
        <f t="array" ref="G8051">IFERROR(INDEX(Jesper!AK$2:AK$366,ROUNDDOWN($C8051/24,0)+1,1)*INDEX($D$3:$AA$30,INDEX(Jesper!$R$2:$R$366,ROW(INDEX(Jesper!AK$2:AK$366,ROUNDDOWN($C8051/24,0)+1,1))-1)+IF('Standard Profiles'!$G$21=$B$10,7,0)+IF('Standard Profiles'!$G$21=$B$17,14,0)+IF('Standard Profiles'!$G$21=$B$24,21,0),MOD($C8051,24)+1)/SUM(INDEX($D$3:$AA$30,INDEX(Jesper!$R$2:$R$366,ROW(INDEX(Jesper!AK$2:AK$366,ROUNDDOWN($C8051/24,0)+1,1))-1)+IF('Standard Profiles'!$G$21=$B$10,7,0)+IF('Standard Profiles'!$G$21=$B$17,14,0)+IF('Standard Profiles'!$G$21=$B$24,21,0),0)),0)</f>
        <v>0</v>
      </c>
      <c r="H8051" cm="1">
        <f t="array" ref="H8051">IFERROR(INDEX(Jesper!AL$2:AL$366,ROUNDDOWN($C8051/24,0)+1,1)*INDEX($D$3:$AA$30,INDEX(Jesper!$R$2:$R$366,ROW(INDEX(Jesper!AL$2:AL$366,ROUNDDOWN($C8051/24,0)+1,1))-1)+IF('Standard Profiles'!$G$22=$B$10,7,0)+IF('Standard Profiles'!$G$22=$B$17,14,0)+IF('Standard Profiles'!$G$22=$B$24,21,0),MOD($C8051,24)+1)/SUM(INDEX($D$3:$AA$30,INDEX(Jesper!$R$2:$R$366,ROW(INDEX(Jesper!AL$2:AL$366,ROUNDDOWN($C8051/24,0)+1,1))-1)+IF('Standard Profiles'!$G$22=$B$10,7,0)+IF('Standard Profiles'!$G$22=$B$17,14,0)+IF('Standard Profiles'!$G$22=$B$24,21,0),0)),0)</f>
        <v>0</v>
      </c>
      <c r="I8051">
        <f t="shared" si="895"/>
        <v>0.21183535134187564</v>
      </c>
      <c r="J8051">
        <f t="shared" si="896"/>
        <v>0.70611783780625226</v>
      </c>
      <c r="K8051">
        <f t="shared" si="897"/>
        <v>1.0591767567093784</v>
      </c>
      <c r="L8051">
        <f t="shared" si="898"/>
        <v>9.5561445035081292</v>
      </c>
      <c r="M8051">
        <f t="shared" si="899"/>
        <v>0</v>
      </c>
      <c r="N8051" s="46">
        <f t="shared" si="900"/>
        <v>45626.041666647223</v>
      </c>
    </row>
    <row r="8052" spans="2:14" x14ac:dyDescent="0.3">
      <c r="B8052">
        <f t="shared" si="894"/>
        <v>6</v>
      </c>
      <c r="C8052" s="16">
        <v>8018</v>
      </c>
      <c r="D8052" cm="1">
        <f t="array" ref="D8052">IFERROR(INDEX(Jesper!AH$2:AH$366,ROUNDDOWN($C8052/24,0)+1,1)*INDEX($D$3:$AA$30,INDEX(Jesper!$R$2:$R$366,ROW(INDEX(Jesper!AH$2:AH$366,ROUNDDOWN($C8052/24,0)+1,1))-1)+IF('Standard Profiles'!$G$18=$B$10,7,0)+IF('Standard Profiles'!$G$18=$B$17,14,0)+IF('Standard Profiles'!$G$18=$B$24,21,0),MOD($C8052,24)+1)/SUM(INDEX($D$3:$AA$30,INDEX(Jesper!$R$2:$R$366,ROW(INDEX(Jesper!AH$2:AH$366,ROUNDDOWN($C8052/24,0)+1,1))-1)+IF('Standard Profiles'!$G$18=$B$10,7,0)+IF('Standard Profiles'!$G$18=$B$17,14,0)+IF('Standard Profiles'!$G$18=$B$24,21,0),0)),0)</f>
        <v>9.1819020494708159</v>
      </c>
      <c r="E8052" cm="1">
        <f t="array" ref="E8052">IFERROR(INDEX(Jesper!AI$2:AI$366,ROUNDDOWN($C8052/24,0)+1,1)*INDEX($D$3:$AA$30,INDEX(Jesper!$R$2:$R$366,ROW(INDEX(Jesper!AI$2:AI$366,ROUNDDOWN($C8052/24,0)+1,1))-1)+IF('Standard Profiles'!$G$19=$B$10,7,0)+IF('Standard Profiles'!$G$19=$B$17,14,0)+IF('Standard Profiles'!$G$19=$B$24,21,0),MOD($C8052,24)+1)/SUM(INDEX($D$3:$AA$30,INDEX(Jesper!$R$2:$R$366,ROW(INDEX(Jesper!AI$2:AI$366,ROUNDDOWN($C8052/24,0)+1,1))-1)+IF('Standard Profiles'!$G$19=$B$10,7,0)+IF('Standard Profiles'!$G$19=$B$17,14,0)+IF('Standard Profiles'!$G$19=$B$24,21,0),0)),0)</f>
        <v>2.3513723998948191</v>
      </c>
      <c r="F8052" cm="1">
        <f t="array" ref="F8052">IFERROR(INDEX(Jesper!AJ$2:AJ$366,ROUNDDOWN($C8052/24,0)+1,1)*INDEX($D$3:$AA$30,INDEX(Jesper!$R$2:$R$366,ROW(INDEX(Jesper!AJ$2:AJ$366,ROUNDDOWN($C8052/24,0)+1,1))-1)+IF('Standard Profiles'!$G$20=$B$10,7,0)+IF('Standard Profiles'!$G$20=$B$17,14,0)+IF('Standard Profiles'!$G$20=$B$24,21,0),MOD($C8052,24)+1)/SUM(INDEX($D$3:$AA$30,INDEX(Jesper!$R$2:$R$366,ROW(INDEX(Jesper!AJ$2:AJ$366,ROUNDDOWN($C8052/24,0)+1,1))-1)+IF('Standard Profiles'!$G$20=$B$10,7,0)+IF('Standard Profiles'!$G$20=$B$17,14,0)+IF('Standard Profiles'!$G$20=$B$24,21,0),0)),0)</f>
        <v>0</v>
      </c>
      <c r="G8052" cm="1">
        <f t="array" ref="G8052">IFERROR(INDEX(Jesper!AK$2:AK$366,ROUNDDOWN($C8052/24,0)+1,1)*INDEX($D$3:$AA$30,INDEX(Jesper!$R$2:$R$366,ROW(INDEX(Jesper!AK$2:AK$366,ROUNDDOWN($C8052/24,0)+1,1))-1)+IF('Standard Profiles'!$G$21=$B$10,7,0)+IF('Standard Profiles'!$G$21=$B$17,14,0)+IF('Standard Profiles'!$G$21=$B$24,21,0),MOD($C8052,24)+1)/SUM(INDEX($D$3:$AA$30,INDEX(Jesper!$R$2:$R$366,ROW(INDEX(Jesper!AK$2:AK$366,ROUNDDOWN($C8052/24,0)+1,1))-1)+IF('Standard Profiles'!$G$21=$B$10,7,0)+IF('Standard Profiles'!$G$21=$B$17,14,0)+IF('Standard Profiles'!$G$21=$B$24,21,0),0)),0)</f>
        <v>0</v>
      </c>
      <c r="H8052" cm="1">
        <f t="array" ref="H8052">IFERROR(INDEX(Jesper!AL$2:AL$366,ROUNDDOWN($C8052/24,0)+1,1)*INDEX($D$3:$AA$30,INDEX(Jesper!$R$2:$R$366,ROW(INDEX(Jesper!AL$2:AL$366,ROUNDDOWN($C8052/24,0)+1,1))-1)+IF('Standard Profiles'!$G$22=$B$10,7,0)+IF('Standard Profiles'!$G$22=$B$17,14,0)+IF('Standard Profiles'!$G$22=$B$24,21,0),MOD($C8052,24)+1)/SUM(INDEX($D$3:$AA$30,INDEX(Jesper!$R$2:$R$366,ROW(INDEX(Jesper!AL$2:AL$366,ROUNDDOWN($C8052/24,0)+1,1))-1)+IF('Standard Profiles'!$G$22=$B$10,7,0)+IF('Standard Profiles'!$G$22=$B$17,14,0)+IF('Standard Profiles'!$G$22=$B$24,21,0),0)),0)</f>
        <v>0</v>
      </c>
      <c r="I8052">
        <f t="shared" si="895"/>
        <v>0.21183535134187564</v>
      </c>
      <c r="J8052">
        <f t="shared" si="896"/>
        <v>0.70611783780625226</v>
      </c>
      <c r="K8052">
        <f t="shared" si="897"/>
        <v>1.0591767567093784</v>
      </c>
      <c r="L8052">
        <f t="shared" si="898"/>
        <v>9.5561445035081292</v>
      </c>
      <c r="M8052">
        <f t="shared" si="899"/>
        <v>0</v>
      </c>
      <c r="N8052" s="46">
        <f t="shared" si="900"/>
        <v>45626.083333313887</v>
      </c>
    </row>
    <row r="8053" spans="2:14" x14ac:dyDescent="0.3">
      <c r="B8053">
        <f t="shared" si="894"/>
        <v>6</v>
      </c>
      <c r="C8053" s="16">
        <v>8019</v>
      </c>
      <c r="D8053" cm="1">
        <f t="array" ref="D8053">IFERROR(INDEX(Jesper!AH$2:AH$366,ROUNDDOWN($C8053/24,0)+1,1)*INDEX($D$3:$AA$30,INDEX(Jesper!$R$2:$R$366,ROW(INDEX(Jesper!AH$2:AH$366,ROUNDDOWN($C8053/24,0)+1,1))-1)+IF('Standard Profiles'!$G$18=$B$10,7,0)+IF('Standard Profiles'!$G$18=$B$17,14,0)+IF('Standard Profiles'!$G$18=$B$24,21,0),MOD($C8053,24)+1)/SUM(INDEX($D$3:$AA$30,INDEX(Jesper!$R$2:$R$366,ROW(INDEX(Jesper!AH$2:AH$366,ROUNDDOWN($C8053/24,0)+1,1))-1)+IF('Standard Profiles'!$G$18=$B$10,7,0)+IF('Standard Profiles'!$G$18=$B$17,14,0)+IF('Standard Profiles'!$G$18=$B$24,21,0),0)),0)</f>
        <v>9.1819020494708159</v>
      </c>
      <c r="E8053" cm="1">
        <f t="array" ref="E8053">IFERROR(INDEX(Jesper!AI$2:AI$366,ROUNDDOWN($C8053/24,0)+1,1)*INDEX($D$3:$AA$30,INDEX(Jesper!$R$2:$R$366,ROW(INDEX(Jesper!AI$2:AI$366,ROUNDDOWN($C8053/24,0)+1,1))-1)+IF('Standard Profiles'!$G$19=$B$10,7,0)+IF('Standard Profiles'!$G$19=$B$17,14,0)+IF('Standard Profiles'!$G$19=$B$24,21,0),MOD($C8053,24)+1)/SUM(INDEX($D$3:$AA$30,INDEX(Jesper!$R$2:$R$366,ROW(INDEX(Jesper!AI$2:AI$366,ROUNDDOWN($C8053/24,0)+1,1))-1)+IF('Standard Profiles'!$G$19=$B$10,7,0)+IF('Standard Profiles'!$G$19=$B$17,14,0)+IF('Standard Profiles'!$G$19=$B$24,21,0),0)),0)</f>
        <v>2.3513723998948191</v>
      </c>
      <c r="F8053" cm="1">
        <f t="array" ref="F8053">IFERROR(INDEX(Jesper!AJ$2:AJ$366,ROUNDDOWN($C8053/24,0)+1,1)*INDEX($D$3:$AA$30,INDEX(Jesper!$R$2:$R$366,ROW(INDEX(Jesper!AJ$2:AJ$366,ROUNDDOWN($C8053/24,0)+1,1))-1)+IF('Standard Profiles'!$G$20=$B$10,7,0)+IF('Standard Profiles'!$G$20=$B$17,14,0)+IF('Standard Profiles'!$G$20=$B$24,21,0),MOD($C8053,24)+1)/SUM(INDEX($D$3:$AA$30,INDEX(Jesper!$R$2:$R$366,ROW(INDEX(Jesper!AJ$2:AJ$366,ROUNDDOWN($C8053/24,0)+1,1))-1)+IF('Standard Profiles'!$G$20=$B$10,7,0)+IF('Standard Profiles'!$G$20=$B$17,14,0)+IF('Standard Profiles'!$G$20=$B$24,21,0),0)),0)</f>
        <v>0</v>
      </c>
      <c r="G8053" cm="1">
        <f t="array" ref="G8053">IFERROR(INDEX(Jesper!AK$2:AK$366,ROUNDDOWN($C8053/24,0)+1,1)*INDEX($D$3:$AA$30,INDEX(Jesper!$R$2:$R$366,ROW(INDEX(Jesper!AK$2:AK$366,ROUNDDOWN($C8053/24,0)+1,1))-1)+IF('Standard Profiles'!$G$21=$B$10,7,0)+IF('Standard Profiles'!$G$21=$B$17,14,0)+IF('Standard Profiles'!$G$21=$B$24,21,0),MOD($C8053,24)+1)/SUM(INDEX($D$3:$AA$30,INDEX(Jesper!$R$2:$R$366,ROW(INDEX(Jesper!AK$2:AK$366,ROUNDDOWN($C8053/24,0)+1,1))-1)+IF('Standard Profiles'!$G$21=$B$10,7,0)+IF('Standard Profiles'!$G$21=$B$17,14,0)+IF('Standard Profiles'!$G$21=$B$24,21,0),0)),0)</f>
        <v>0</v>
      </c>
      <c r="H8053" cm="1">
        <f t="array" ref="H8053">IFERROR(INDEX(Jesper!AL$2:AL$366,ROUNDDOWN($C8053/24,0)+1,1)*INDEX($D$3:$AA$30,INDEX(Jesper!$R$2:$R$366,ROW(INDEX(Jesper!AL$2:AL$366,ROUNDDOWN($C8053/24,0)+1,1))-1)+IF('Standard Profiles'!$G$22=$B$10,7,0)+IF('Standard Profiles'!$G$22=$B$17,14,0)+IF('Standard Profiles'!$G$22=$B$24,21,0),MOD($C8053,24)+1)/SUM(INDEX($D$3:$AA$30,INDEX(Jesper!$R$2:$R$366,ROW(INDEX(Jesper!AL$2:AL$366,ROUNDDOWN($C8053/24,0)+1,1))-1)+IF('Standard Profiles'!$G$22=$B$10,7,0)+IF('Standard Profiles'!$G$22=$B$17,14,0)+IF('Standard Profiles'!$G$22=$B$24,21,0),0)),0)</f>
        <v>0</v>
      </c>
      <c r="I8053">
        <f t="shared" si="895"/>
        <v>0.21183535134187564</v>
      </c>
      <c r="J8053">
        <f t="shared" si="896"/>
        <v>0.70611783780625226</v>
      </c>
      <c r="K8053">
        <f t="shared" si="897"/>
        <v>1.0591767567093784</v>
      </c>
      <c r="L8053">
        <f t="shared" si="898"/>
        <v>9.5561445035081292</v>
      </c>
      <c r="M8053">
        <f t="shared" si="899"/>
        <v>0</v>
      </c>
      <c r="N8053" s="46">
        <f t="shared" si="900"/>
        <v>45626.124999980551</v>
      </c>
    </row>
    <row r="8054" spans="2:14" x14ac:dyDescent="0.3">
      <c r="B8054">
        <f t="shared" si="894"/>
        <v>6</v>
      </c>
      <c r="C8054" s="16">
        <v>8020</v>
      </c>
      <c r="D8054" cm="1">
        <f t="array" ref="D8054">IFERROR(INDEX(Jesper!AH$2:AH$366,ROUNDDOWN($C8054/24,0)+1,1)*INDEX($D$3:$AA$30,INDEX(Jesper!$R$2:$R$366,ROW(INDEX(Jesper!AH$2:AH$366,ROUNDDOWN($C8054/24,0)+1,1))-1)+IF('Standard Profiles'!$G$18=$B$10,7,0)+IF('Standard Profiles'!$G$18=$B$17,14,0)+IF('Standard Profiles'!$G$18=$B$24,21,0),MOD($C8054,24)+1)/SUM(INDEX($D$3:$AA$30,INDEX(Jesper!$R$2:$R$366,ROW(INDEX(Jesper!AH$2:AH$366,ROUNDDOWN($C8054/24,0)+1,1))-1)+IF('Standard Profiles'!$G$18=$B$10,7,0)+IF('Standard Profiles'!$G$18=$B$17,14,0)+IF('Standard Profiles'!$G$18=$B$24,21,0),0)),0)</f>
        <v>9.1819020494708159</v>
      </c>
      <c r="E8054" cm="1">
        <f t="array" ref="E8054">IFERROR(INDEX(Jesper!AI$2:AI$366,ROUNDDOWN($C8054/24,0)+1,1)*INDEX($D$3:$AA$30,INDEX(Jesper!$R$2:$R$366,ROW(INDEX(Jesper!AI$2:AI$366,ROUNDDOWN($C8054/24,0)+1,1))-1)+IF('Standard Profiles'!$G$19=$B$10,7,0)+IF('Standard Profiles'!$G$19=$B$17,14,0)+IF('Standard Profiles'!$G$19=$B$24,21,0),MOD($C8054,24)+1)/SUM(INDEX($D$3:$AA$30,INDEX(Jesper!$R$2:$R$366,ROW(INDEX(Jesper!AI$2:AI$366,ROUNDDOWN($C8054/24,0)+1,1))-1)+IF('Standard Profiles'!$G$19=$B$10,7,0)+IF('Standard Profiles'!$G$19=$B$17,14,0)+IF('Standard Profiles'!$G$19=$B$24,21,0),0)),0)</f>
        <v>2.3513723998948191</v>
      </c>
      <c r="F8054" cm="1">
        <f t="array" ref="F8054">IFERROR(INDEX(Jesper!AJ$2:AJ$366,ROUNDDOWN($C8054/24,0)+1,1)*INDEX($D$3:$AA$30,INDEX(Jesper!$R$2:$R$366,ROW(INDEX(Jesper!AJ$2:AJ$366,ROUNDDOWN($C8054/24,0)+1,1))-1)+IF('Standard Profiles'!$G$20=$B$10,7,0)+IF('Standard Profiles'!$G$20=$B$17,14,0)+IF('Standard Profiles'!$G$20=$B$24,21,0),MOD($C8054,24)+1)/SUM(INDEX($D$3:$AA$30,INDEX(Jesper!$R$2:$R$366,ROW(INDEX(Jesper!AJ$2:AJ$366,ROUNDDOWN($C8054/24,0)+1,1))-1)+IF('Standard Profiles'!$G$20=$B$10,7,0)+IF('Standard Profiles'!$G$20=$B$17,14,0)+IF('Standard Profiles'!$G$20=$B$24,21,0),0)),0)</f>
        <v>0</v>
      </c>
      <c r="G8054" cm="1">
        <f t="array" ref="G8054">IFERROR(INDEX(Jesper!AK$2:AK$366,ROUNDDOWN($C8054/24,0)+1,1)*INDEX($D$3:$AA$30,INDEX(Jesper!$R$2:$R$366,ROW(INDEX(Jesper!AK$2:AK$366,ROUNDDOWN($C8054/24,0)+1,1))-1)+IF('Standard Profiles'!$G$21=$B$10,7,0)+IF('Standard Profiles'!$G$21=$B$17,14,0)+IF('Standard Profiles'!$G$21=$B$24,21,0),MOD($C8054,24)+1)/SUM(INDEX($D$3:$AA$30,INDEX(Jesper!$R$2:$R$366,ROW(INDEX(Jesper!AK$2:AK$366,ROUNDDOWN($C8054/24,0)+1,1))-1)+IF('Standard Profiles'!$G$21=$B$10,7,0)+IF('Standard Profiles'!$G$21=$B$17,14,0)+IF('Standard Profiles'!$G$21=$B$24,21,0),0)),0)</f>
        <v>0</v>
      </c>
      <c r="H8054" cm="1">
        <f t="array" ref="H8054">IFERROR(INDEX(Jesper!AL$2:AL$366,ROUNDDOWN($C8054/24,0)+1,1)*INDEX($D$3:$AA$30,INDEX(Jesper!$R$2:$R$366,ROW(INDEX(Jesper!AL$2:AL$366,ROUNDDOWN($C8054/24,0)+1,1))-1)+IF('Standard Profiles'!$G$22=$B$10,7,0)+IF('Standard Profiles'!$G$22=$B$17,14,0)+IF('Standard Profiles'!$G$22=$B$24,21,0),MOD($C8054,24)+1)/SUM(INDEX($D$3:$AA$30,INDEX(Jesper!$R$2:$R$366,ROW(INDEX(Jesper!AL$2:AL$366,ROUNDDOWN($C8054/24,0)+1,1))-1)+IF('Standard Profiles'!$G$22=$B$10,7,0)+IF('Standard Profiles'!$G$22=$B$17,14,0)+IF('Standard Profiles'!$G$22=$B$24,21,0),0)),0)</f>
        <v>0</v>
      </c>
      <c r="I8054">
        <f t="shared" si="895"/>
        <v>0.21183535134187564</v>
      </c>
      <c r="J8054">
        <f t="shared" si="896"/>
        <v>0.70611783780625226</v>
      </c>
      <c r="K8054">
        <f t="shared" si="897"/>
        <v>1.0591767567093784</v>
      </c>
      <c r="L8054">
        <f t="shared" si="898"/>
        <v>9.5561445035081292</v>
      </c>
      <c r="M8054">
        <f t="shared" si="899"/>
        <v>0</v>
      </c>
      <c r="N8054" s="46">
        <f t="shared" si="900"/>
        <v>45626.166666647216</v>
      </c>
    </row>
    <row r="8055" spans="2:14" x14ac:dyDescent="0.3">
      <c r="B8055">
        <f t="shared" si="894"/>
        <v>6</v>
      </c>
      <c r="C8055" s="16">
        <v>8021</v>
      </c>
      <c r="D8055" cm="1">
        <f t="array" ref="D8055">IFERROR(INDEX(Jesper!AH$2:AH$366,ROUNDDOWN($C8055/24,0)+1,1)*INDEX($D$3:$AA$30,INDEX(Jesper!$R$2:$R$366,ROW(INDEX(Jesper!AH$2:AH$366,ROUNDDOWN($C8055/24,0)+1,1))-1)+IF('Standard Profiles'!$G$18=$B$10,7,0)+IF('Standard Profiles'!$G$18=$B$17,14,0)+IF('Standard Profiles'!$G$18=$B$24,21,0),MOD($C8055,24)+1)/SUM(INDEX($D$3:$AA$30,INDEX(Jesper!$R$2:$R$366,ROW(INDEX(Jesper!AH$2:AH$366,ROUNDDOWN($C8055/24,0)+1,1))-1)+IF('Standard Profiles'!$G$18=$B$10,7,0)+IF('Standard Profiles'!$G$18=$B$17,14,0)+IF('Standard Profiles'!$G$18=$B$24,21,0),0)),0)</f>
        <v>11.421390354219795</v>
      </c>
      <c r="E8055" cm="1">
        <f t="array" ref="E8055">IFERROR(INDEX(Jesper!AI$2:AI$366,ROUNDDOWN($C8055/24,0)+1,1)*INDEX($D$3:$AA$30,INDEX(Jesper!$R$2:$R$366,ROW(INDEX(Jesper!AI$2:AI$366,ROUNDDOWN($C8055/24,0)+1,1))-1)+IF('Standard Profiles'!$G$19=$B$10,7,0)+IF('Standard Profiles'!$G$19=$B$17,14,0)+IF('Standard Profiles'!$G$19=$B$24,21,0),MOD($C8055,24)+1)/SUM(INDEX($D$3:$AA$30,INDEX(Jesper!$R$2:$R$366,ROW(INDEX(Jesper!AI$2:AI$366,ROUNDDOWN($C8055/24,0)+1,1))-1)+IF('Standard Profiles'!$G$19=$B$10,7,0)+IF('Standard Profiles'!$G$19=$B$17,14,0)+IF('Standard Profiles'!$G$19=$B$24,21,0),0)),0)</f>
        <v>2.9248778632837995</v>
      </c>
      <c r="F8055" cm="1">
        <f t="array" ref="F8055">IFERROR(INDEX(Jesper!AJ$2:AJ$366,ROUNDDOWN($C8055/24,0)+1,1)*INDEX($D$3:$AA$30,INDEX(Jesper!$R$2:$R$366,ROW(INDEX(Jesper!AJ$2:AJ$366,ROUNDDOWN($C8055/24,0)+1,1))-1)+IF('Standard Profiles'!$G$20=$B$10,7,0)+IF('Standard Profiles'!$G$20=$B$17,14,0)+IF('Standard Profiles'!$G$20=$B$24,21,0),MOD($C8055,24)+1)/SUM(INDEX($D$3:$AA$30,INDEX(Jesper!$R$2:$R$366,ROW(INDEX(Jesper!AJ$2:AJ$366,ROUNDDOWN($C8055/24,0)+1,1))-1)+IF('Standard Profiles'!$G$20=$B$10,7,0)+IF('Standard Profiles'!$G$20=$B$17,14,0)+IF('Standard Profiles'!$G$20=$B$24,21,0),0)),0)</f>
        <v>0</v>
      </c>
      <c r="G8055" cm="1">
        <f t="array" ref="G8055">IFERROR(INDEX(Jesper!AK$2:AK$366,ROUNDDOWN($C8055/24,0)+1,1)*INDEX($D$3:$AA$30,INDEX(Jesper!$R$2:$R$366,ROW(INDEX(Jesper!AK$2:AK$366,ROUNDDOWN($C8055/24,0)+1,1))-1)+IF('Standard Profiles'!$G$21=$B$10,7,0)+IF('Standard Profiles'!$G$21=$B$17,14,0)+IF('Standard Profiles'!$G$21=$B$24,21,0),MOD($C8055,24)+1)/SUM(INDEX($D$3:$AA$30,INDEX(Jesper!$R$2:$R$366,ROW(INDEX(Jesper!AK$2:AK$366,ROUNDDOWN($C8055/24,0)+1,1))-1)+IF('Standard Profiles'!$G$21=$B$10,7,0)+IF('Standard Profiles'!$G$21=$B$17,14,0)+IF('Standard Profiles'!$G$21=$B$24,21,0),0)),0)</f>
        <v>0</v>
      </c>
      <c r="H8055" cm="1">
        <f t="array" ref="H8055">IFERROR(INDEX(Jesper!AL$2:AL$366,ROUNDDOWN($C8055/24,0)+1,1)*INDEX($D$3:$AA$30,INDEX(Jesper!$R$2:$R$366,ROW(INDEX(Jesper!AL$2:AL$366,ROUNDDOWN($C8055/24,0)+1,1))-1)+IF('Standard Profiles'!$G$22=$B$10,7,0)+IF('Standard Profiles'!$G$22=$B$17,14,0)+IF('Standard Profiles'!$G$22=$B$24,21,0),MOD($C8055,24)+1)/SUM(INDEX($D$3:$AA$30,INDEX(Jesper!$R$2:$R$366,ROW(INDEX(Jesper!AL$2:AL$366,ROUNDDOWN($C8055/24,0)+1,1))-1)+IF('Standard Profiles'!$G$22=$B$10,7,0)+IF('Standard Profiles'!$G$22=$B$17,14,0)+IF('Standard Profiles'!$G$22=$B$24,21,0),0)),0)</f>
        <v>0</v>
      </c>
      <c r="I8055">
        <f t="shared" si="895"/>
        <v>0.26350251020574778</v>
      </c>
      <c r="J8055">
        <f t="shared" si="896"/>
        <v>0.87834170068582607</v>
      </c>
      <c r="K8055">
        <f t="shared" si="897"/>
        <v>1.3175125510287391</v>
      </c>
      <c r="L8055">
        <f t="shared" si="898"/>
        <v>11.886911455583283</v>
      </c>
      <c r="M8055">
        <f t="shared" si="899"/>
        <v>0</v>
      </c>
      <c r="N8055" s="46">
        <f t="shared" si="900"/>
        <v>45626.20833331388</v>
      </c>
    </row>
    <row r="8056" spans="2:14" x14ac:dyDescent="0.3">
      <c r="B8056">
        <f t="shared" si="894"/>
        <v>6</v>
      </c>
      <c r="C8056" s="16">
        <v>8022</v>
      </c>
      <c r="D8056" cm="1">
        <f t="array" ref="D8056">IFERROR(INDEX(Jesper!AH$2:AH$366,ROUNDDOWN($C8056/24,0)+1,1)*INDEX($D$3:$AA$30,INDEX(Jesper!$R$2:$R$366,ROW(INDEX(Jesper!AH$2:AH$366,ROUNDDOWN($C8056/24,0)+1,1))-1)+IF('Standard Profiles'!$G$18=$B$10,7,0)+IF('Standard Profiles'!$G$18=$B$17,14,0)+IF('Standard Profiles'!$G$18=$B$24,21,0),MOD($C8056,24)+1)/SUM(INDEX($D$3:$AA$30,INDEX(Jesper!$R$2:$R$366,ROW(INDEX(Jesper!AH$2:AH$366,ROUNDDOWN($C8056/24,0)+1,1))-1)+IF('Standard Profiles'!$G$18=$B$10,7,0)+IF('Standard Profiles'!$G$18=$B$17,14,0)+IF('Standard Profiles'!$G$18=$B$24,21,0),0)),0)</f>
        <v>14.33272515039347</v>
      </c>
      <c r="E8056" cm="1">
        <f t="array" ref="E8056">IFERROR(INDEX(Jesper!AI$2:AI$366,ROUNDDOWN($C8056/24,0)+1,1)*INDEX($D$3:$AA$30,INDEX(Jesper!$R$2:$R$366,ROW(INDEX(Jesper!AI$2:AI$366,ROUNDDOWN($C8056/24,0)+1,1))-1)+IF('Standard Profiles'!$G$19=$B$10,7,0)+IF('Standard Profiles'!$G$19=$B$17,14,0)+IF('Standard Profiles'!$G$19=$B$24,21,0),MOD($C8056,24)+1)/SUM(INDEX($D$3:$AA$30,INDEX(Jesper!$R$2:$R$366,ROW(INDEX(Jesper!AI$2:AI$366,ROUNDDOWN($C8056/24,0)+1,1))-1)+IF('Standard Profiles'!$G$19=$B$10,7,0)+IF('Standard Profiles'!$G$19=$B$17,14,0)+IF('Standard Profiles'!$G$19=$B$24,21,0),0)),0)</f>
        <v>3.6704349656894739</v>
      </c>
      <c r="F8056" cm="1">
        <f t="array" ref="F8056">IFERROR(INDEX(Jesper!AJ$2:AJ$366,ROUNDDOWN($C8056/24,0)+1,1)*INDEX($D$3:$AA$30,INDEX(Jesper!$R$2:$R$366,ROW(INDEX(Jesper!AJ$2:AJ$366,ROUNDDOWN($C8056/24,0)+1,1))-1)+IF('Standard Profiles'!$G$20=$B$10,7,0)+IF('Standard Profiles'!$G$20=$B$17,14,0)+IF('Standard Profiles'!$G$20=$B$24,21,0),MOD($C8056,24)+1)/SUM(INDEX($D$3:$AA$30,INDEX(Jesper!$R$2:$R$366,ROW(INDEX(Jesper!AJ$2:AJ$366,ROUNDDOWN($C8056/24,0)+1,1))-1)+IF('Standard Profiles'!$G$20=$B$10,7,0)+IF('Standard Profiles'!$G$20=$B$17,14,0)+IF('Standard Profiles'!$G$20=$B$24,21,0),0)),0)</f>
        <v>0</v>
      </c>
      <c r="G8056" cm="1">
        <f t="array" ref="G8056">IFERROR(INDEX(Jesper!AK$2:AK$366,ROUNDDOWN($C8056/24,0)+1,1)*INDEX($D$3:$AA$30,INDEX(Jesper!$R$2:$R$366,ROW(INDEX(Jesper!AK$2:AK$366,ROUNDDOWN($C8056/24,0)+1,1))-1)+IF('Standard Profiles'!$G$21=$B$10,7,0)+IF('Standard Profiles'!$G$21=$B$17,14,0)+IF('Standard Profiles'!$G$21=$B$24,21,0),MOD($C8056,24)+1)/SUM(INDEX($D$3:$AA$30,INDEX(Jesper!$R$2:$R$366,ROW(INDEX(Jesper!AK$2:AK$366,ROUNDDOWN($C8056/24,0)+1,1))-1)+IF('Standard Profiles'!$G$21=$B$10,7,0)+IF('Standard Profiles'!$G$21=$B$17,14,0)+IF('Standard Profiles'!$G$21=$B$24,21,0),0)),0)</f>
        <v>0</v>
      </c>
      <c r="H8056" cm="1">
        <f t="array" ref="H8056">IFERROR(INDEX(Jesper!AL$2:AL$366,ROUNDDOWN($C8056/24,0)+1,1)*INDEX($D$3:$AA$30,INDEX(Jesper!$R$2:$R$366,ROW(INDEX(Jesper!AL$2:AL$366,ROUNDDOWN($C8056/24,0)+1,1))-1)+IF('Standard Profiles'!$G$22=$B$10,7,0)+IF('Standard Profiles'!$G$22=$B$17,14,0)+IF('Standard Profiles'!$G$22=$B$24,21,0),MOD($C8056,24)+1)/SUM(INDEX($D$3:$AA$30,INDEX(Jesper!$R$2:$R$366,ROW(INDEX(Jesper!AL$2:AL$366,ROUNDDOWN($C8056/24,0)+1,1))-1)+IF('Standard Profiles'!$G$22=$B$10,7,0)+IF('Standard Profiles'!$G$22=$B$17,14,0)+IF('Standard Profiles'!$G$22=$B$24,21,0),0)),0)</f>
        <v>0</v>
      </c>
      <c r="I8056">
        <f t="shared" si="895"/>
        <v>0.33066981672878154</v>
      </c>
      <c r="J8056">
        <f t="shared" si="896"/>
        <v>1.1022327224292718</v>
      </c>
      <c r="K8056">
        <f t="shared" si="897"/>
        <v>1.6533490836439078</v>
      </c>
      <c r="L8056">
        <f t="shared" si="898"/>
        <v>14.916908493280983</v>
      </c>
      <c r="M8056">
        <f t="shared" si="899"/>
        <v>0</v>
      </c>
      <c r="N8056" s="46">
        <f t="shared" si="900"/>
        <v>45626.249999980544</v>
      </c>
    </row>
    <row r="8057" spans="2:14" x14ac:dyDescent="0.3">
      <c r="B8057">
        <f t="shared" si="894"/>
        <v>6</v>
      </c>
      <c r="C8057" s="16">
        <v>8023</v>
      </c>
      <c r="D8057" cm="1">
        <f t="array" ref="D8057">IFERROR(INDEX(Jesper!AH$2:AH$366,ROUNDDOWN($C8057/24,0)+1,1)*INDEX($D$3:$AA$30,INDEX(Jesper!$R$2:$R$366,ROW(INDEX(Jesper!AH$2:AH$366,ROUNDDOWN($C8057/24,0)+1,1))-1)+IF('Standard Profiles'!$G$18=$B$10,7,0)+IF('Standard Profiles'!$G$18=$B$17,14,0)+IF('Standard Profiles'!$G$18=$B$24,21,0),MOD($C8057,24)+1)/SUM(INDEX($D$3:$AA$30,INDEX(Jesper!$R$2:$R$366,ROW(INDEX(Jesper!AH$2:AH$366,ROUNDDOWN($C8057/24,0)+1,1))-1)+IF('Standard Profiles'!$G$18=$B$10,7,0)+IF('Standard Profiles'!$G$18=$B$17,14,0)+IF('Standard Profiles'!$G$18=$B$24,21,0),0)),0)</f>
        <v>16.34826462466755</v>
      </c>
      <c r="E8057" cm="1">
        <f t="array" ref="E8057">IFERROR(INDEX(Jesper!AI$2:AI$366,ROUNDDOWN($C8057/24,0)+1,1)*INDEX($D$3:$AA$30,INDEX(Jesper!$R$2:$R$366,ROW(INDEX(Jesper!AI$2:AI$366,ROUNDDOWN($C8057/24,0)+1,1))-1)+IF('Standard Profiles'!$G$19=$B$10,7,0)+IF('Standard Profiles'!$G$19=$B$17,14,0)+IF('Standard Profiles'!$G$19=$B$24,21,0),MOD($C8057,24)+1)/SUM(INDEX($D$3:$AA$30,INDEX(Jesper!$R$2:$R$366,ROW(INDEX(Jesper!AI$2:AI$366,ROUNDDOWN($C8057/24,0)+1,1))-1)+IF('Standard Profiles'!$G$19=$B$10,7,0)+IF('Standard Profiles'!$G$19=$B$17,14,0)+IF('Standard Profiles'!$G$19=$B$24,21,0),0)),0)</f>
        <v>4.1865898827395558</v>
      </c>
      <c r="F8057" cm="1">
        <f t="array" ref="F8057">IFERROR(INDEX(Jesper!AJ$2:AJ$366,ROUNDDOWN($C8057/24,0)+1,1)*INDEX($D$3:$AA$30,INDEX(Jesper!$R$2:$R$366,ROW(INDEX(Jesper!AJ$2:AJ$366,ROUNDDOWN($C8057/24,0)+1,1))-1)+IF('Standard Profiles'!$G$20=$B$10,7,0)+IF('Standard Profiles'!$G$20=$B$17,14,0)+IF('Standard Profiles'!$G$20=$B$24,21,0),MOD($C8057,24)+1)/SUM(INDEX($D$3:$AA$30,INDEX(Jesper!$R$2:$R$366,ROW(INDEX(Jesper!AJ$2:AJ$366,ROUNDDOWN($C8057/24,0)+1,1))-1)+IF('Standard Profiles'!$G$20=$B$10,7,0)+IF('Standard Profiles'!$G$20=$B$17,14,0)+IF('Standard Profiles'!$G$20=$B$24,21,0),0)),0)</f>
        <v>0</v>
      </c>
      <c r="G8057" cm="1">
        <f t="array" ref="G8057">IFERROR(INDEX(Jesper!AK$2:AK$366,ROUNDDOWN($C8057/24,0)+1,1)*INDEX($D$3:$AA$30,INDEX(Jesper!$R$2:$R$366,ROW(INDEX(Jesper!AK$2:AK$366,ROUNDDOWN($C8057/24,0)+1,1))-1)+IF('Standard Profiles'!$G$21=$B$10,7,0)+IF('Standard Profiles'!$G$21=$B$17,14,0)+IF('Standard Profiles'!$G$21=$B$24,21,0),MOD($C8057,24)+1)/SUM(INDEX($D$3:$AA$30,INDEX(Jesper!$R$2:$R$366,ROW(INDEX(Jesper!AK$2:AK$366,ROUNDDOWN($C8057/24,0)+1,1))-1)+IF('Standard Profiles'!$G$21=$B$10,7,0)+IF('Standard Profiles'!$G$21=$B$17,14,0)+IF('Standard Profiles'!$G$21=$B$24,21,0),0)),0)</f>
        <v>0</v>
      </c>
      <c r="H8057" cm="1">
        <f t="array" ref="H8057">IFERROR(INDEX(Jesper!AL$2:AL$366,ROUNDDOWN($C8057/24,0)+1,1)*INDEX($D$3:$AA$30,INDEX(Jesper!$R$2:$R$366,ROW(INDEX(Jesper!AL$2:AL$366,ROUNDDOWN($C8057/24,0)+1,1))-1)+IF('Standard Profiles'!$G$22=$B$10,7,0)+IF('Standard Profiles'!$G$22=$B$17,14,0)+IF('Standard Profiles'!$G$22=$B$24,21,0),MOD($C8057,24)+1)/SUM(INDEX($D$3:$AA$30,INDEX(Jesper!$R$2:$R$366,ROW(INDEX(Jesper!AL$2:AL$366,ROUNDDOWN($C8057/24,0)+1,1))-1)+IF('Standard Profiles'!$G$22=$B$10,7,0)+IF('Standard Profiles'!$G$22=$B$17,14,0)+IF('Standard Profiles'!$G$22=$B$24,21,0),0)),0)</f>
        <v>0</v>
      </c>
      <c r="I8057">
        <f t="shared" si="895"/>
        <v>0.37717025970626639</v>
      </c>
      <c r="J8057">
        <f t="shared" si="896"/>
        <v>1.2572341990208882</v>
      </c>
      <c r="K8057">
        <f t="shared" si="897"/>
        <v>1.8858512985313323</v>
      </c>
      <c r="L8057">
        <f t="shared" si="898"/>
        <v>17.014598750148618</v>
      </c>
      <c r="M8057">
        <f t="shared" si="899"/>
        <v>0</v>
      </c>
      <c r="N8057" s="46">
        <f t="shared" si="900"/>
        <v>45626.291666647208</v>
      </c>
    </row>
    <row r="8058" spans="2:14" x14ac:dyDescent="0.3">
      <c r="B8058">
        <f t="shared" si="894"/>
        <v>6</v>
      </c>
      <c r="C8058" s="16">
        <v>8024</v>
      </c>
      <c r="D8058" cm="1">
        <f t="array" ref="D8058">IFERROR(INDEX(Jesper!AH$2:AH$366,ROUNDDOWN($C8058/24,0)+1,1)*INDEX($D$3:$AA$30,INDEX(Jesper!$R$2:$R$366,ROW(INDEX(Jesper!AH$2:AH$366,ROUNDDOWN($C8058/24,0)+1,1))-1)+IF('Standard Profiles'!$G$18=$B$10,7,0)+IF('Standard Profiles'!$G$18=$B$17,14,0)+IF('Standard Profiles'!$G$18=$B$24,21,0),MOD($C8058,24)+1)/SUM(INDEX($D$3:$AA$30,INDEX(Jesper!$R$2:$R$366,ROW(INDEX(Jesper!AH$2:AH$366,ROUNDDOWN($C8058/24,0)+1,1))-1)+IF('Standard Profiles'!$G$18=$B$10,7,0)+IF('Standard Profiles'!$G$18=$B$17,14,0)+IF('Standard Profiles'!$G$18=$B$24,21,0),0)),0)</f>
        <v>16.34826462466755</v>
      </c>
      <c r="E8058" cm="1">
        <f t="array" ref="E8058">IFERROR(INDEX(Jesper!AI$2:AI$366,ROUNDDOWN($C8058/24,0)+1,1)*INDEX($D$3:$AA$30,INDEX(Jesper!$R$2:$R$366,ROW(INDEX(Jesper!AI$2:AI$366,ROUNDDOWN($C8058/24,0)+1,1))-1)+IF('Standard Profiles'!$G$19=$B$10,7,0)+IF('Standard Profiles'!$G$19=$B$17,14,0)+IF('Standard Profiles'!$G$19=$B$24,21,0),MOD($C8058,24)+1)/SUM(INDEX($D$3:$AA$30,INDEX(Jesper!$R$2:$R$366,ROW(INDEX(Jesper!AI$2:AI$366,ROUNDDOWN($C8058/24,0)+1,1))-1)+IF('Standard Profiles'!$G$19=$B$10,7,0)+IF('Standard Profiles'!$G$19=$B$17,14,0)+IF('Standard Profiles'!$G$19=$B$24,21,0),0)),0)</f>
        <v>4.1865898827395558</v>
      </c>
      <c r="F8058" cm="1">
        <f t="array" ref="F8058">IFERROR(INDEX(Jesper!AJ$2:AJ$366,ROUNDDOWN($C8058/24,0)+1,1)*INDEX($D$3:$AA$30,INDEX(Jesper!$R$2:$R$366,ROW(INDEX(Jesper!AJ$2:AJ$366,ROUNDDOWN($C8058/24,0)+1,1))-1)+IF('Standard Profiles'!$G$20=$B$10,7,0)+IF('Standard Profiles'!$G$20=$B$17,14,0)+IF('Standard Profiles'!$G$20=$B$24,21,0),MOD($C8058,24)+1)/SUM(INDEX($D$3:$AA$30,INDEX(Jesper!$R$2:$R$366,ROW(INDEX(Jesper!AJ$2:AJ$366,ROUNDDOWN($C8058/24,0)+1,1))-1)+IF('Standard Profiles'!$G$20=$B$10,7,0)+IF('Standard Profiles'!$G$20=$B$17,14,0)+IF('Standard Profiles'!$G$20=$B$24,21,0),0)),0)</f>
        <v>0</v>
      </c>
      <c r="G8058" cm="1">
        <f t="array" ref="G8058">IFERROR(INDEX(Jesper!AK$2:AK$366,ROUNDDOWN($C8058/24,0)+1,1)*INDEX($D$3:$AA$30,INDEX(Jesper!$R$2:$R$366,ROW(INDEX(Jesper!AK$2:AK$366,ROUNDDOWN($C8058/24,0)+1,1))-1)+IF('Standard Profiles'!$G$21=$B$10,7,0)+IF('Standard Profiles'!$G$21=$B$17,14,0)+IF('Standard Profiles'!$G$21=$B$24,21,0),MOD($C8058,24)+1)/SUM(INDEX($D$3:$AA$30,INDEX(Jesper!$R$2:$R$366,ROW(INDEX(Jesper!AK$2:AK$366,ROUNDDOWN($C8058/24,0)+1,1))-1)+IF('Standard Profiles'!$G$21=$B$10,7,0)+IF('Standard Profiles'!$G$21=$B$17,14,0)+IF('Standard Profiles'!$G$21=$B$24,21,0),0)),0)</f>
        <v>0</v>
      </c>
      <c r="H8058" cm="1">
        <f t="array" ref="H8058">IFERROR(INDEX(Jesper!AL$2:AL$366,ROUNDDOWN($C8058/24,0)+1,1)*INDEX($D$3:$AA$30,INDEX(Jesper!$R$2:$R$366,ROW(INDEX(Jesper!AL$2:AL$366,ROUNDDOWN($C8058/24,0)+1,1))-1)+IF('Standard Profiles'!$G$22=$B$10,7,0)+IF('Standard Profiles'!$G$22=$B$17,14,0)+IF('Standard Profiles'!$G$22=$B$24,21,0),MOD($C8058,24)+1)/SUM(INDEX($D$3:$AA$30,INDEX(Jesper!$R$2:$R$366,ROW(INDEX(Jesper!AL$2:AL$366,ROUNDDOWN($C8058/24,0)+1,1))-1)+IF('Standard Profiles'!$G$22=$B$10,7,0)+IF('Standard Profiles'!$G$22=$B$17,14,0)+IF('Standard Profiles'!$G$22=$B$24,21,0),0)),0)</f>
        <v>0</v>
      </c>
      <c r="I8058">
        <f t="shared" si="895"/>
        <v>0.37717025970626639</v>
      </c>
      <c r="J8058">
        <f t="shared" si="896"/>
        <v>1.2572341990208882</v>
      </c>
      <c r="K8058">
        <f t="shared" si="897"/>
        <v>1.8858512985313323</v>
      </c>
      <c r="L8058">
        <f t="shared" si="898"/>
        <v>17.014598750148618</v>
      </c>
      <c r="M8058">
        <f t="shared" si="899"/>
        <v>0</v>
      </c>
      <c r="N8058" s="46">
        <f t="shared" si="900"/>
        <v>45626.333333313873</v>
      </c>
    </row>
    <row r="8059" spans="2:14" x14ac:dyDescent="0.3">
      <c r="B8059">
        <f t="shared" si="894"/>
        <v>6</v>
      </c>
      <c r="C8059" s="16">
        <v>8025</v>
      </c>
      <c r="D8059" cm="1">
        <f t="array" ref="D8059">IFERROR(INDEX(Jesper!AH$2:AH$366,ROUNDDOWN($C8059/24,0)+1,1)*INDEX($D$3:$AA$30,INDEX(Jesper!$R$2:$R$366,ROW(INDEX(Jesper!AH$2:AH$366,ROUNDDOWN($C8059/24,0)+1,1))-1)+IF('Standard Profiles'!$G$18=$B$10,7,0)+IF('Standard Profiles'!$G$18=$B$17,14,0)+IF('Standard Profiles'!$G$18=$B$24,21,0),MOD($C8059,24)+1)/SUM(INDEX($D$3:$AA$30,INDEX(Jesper!$R$2:$R$366,ROW(INDEX(Jesper!AH$2:AH$366,ROUNDDOWN($C8059/24,0)+1,1))-1)+IF('Standard Profiles'!$G$18=$B$10,7,0)+IF('Standard Profiles'!$G$18=$B$17,14,0)+IF('Standard Profiles'!$G$18=$B$24,21,0),0)),0)</f>
        <v>16.34826462466755</v>
      </c>
      <c r="E8059" cm="1">
        <f t="array" ref="E8059">IFERROR(INDEX(Jesper!AI$2:AI$366,ROUNDDOWN($C8059/24,0)+1,1)*INDEX($D$3:$AA$30,INDEX(Jesper!$R$2:$R$366,ROW(INDEX(Jesper!AI$2:AI$366,ROUNDDOWN($C8059/24,0)+1,1))-1)+IF('Standard Profiles'!$G$19=$B$10,7,0)+IF('Standard Profiles'!$G$19=$B$17,14,0)+IF('Standard Profiles'!$G$19=$B$24,21,0),MOD($C8059,24)+1)/SUM(INDEX($D$3:$AA$30,INDEX(Jesper!$R$2:$R$366,ROW(INDEX(Jesper!AI$2:AI$366,ROUNDDOWN($C8059/24,0)+1,1))-1)+IF('Standard Profiles'!$G$19=$B$10,7,0)+IF('Standard Profiles'!$G$19=$B$17,14,0)+IF('Standard Profiles'!$G$19=$B$24,21,0),0)),0)</f>
        <v>4.1865898827395558</v>
      </c>
      <c r="F8059" cm="1">
        <f t="array" ref="F8059">IFERROR(INDEX(Jesper!AJ$2:AJ$366,ROUNDDOWN($C8059/24,0)+1,1)*INDEX($D$3:$AA$30,INDEX(Jesper!$R$2:$R$366,ROW(INDEX(Jesper!AJ$2:AJ$366,ROUNDDOWN($C8059/24,0)+1,1))-1)+IF('Standard Profiles'!$G$20=$B$10,7,0)+IF('Standard Profiles'!$G$20=$B$17,14,0)+IF('Standard Profiles'!$G$20=$B$24,21,0),MOD($C8059,24)+1)/SUM(INDEX($D$3:$AA$30,INDEX(Jesper!$R$2:$R$366,ROW(INDEX(Jesper!AJ$2:AJ$366,ROUNDDOWN($C8059/24,0)+1,1))-1)+IF('Standard Profiles'!$G$20=$B$10,7,0)+IF('Standard Profiles'!$G$20=$B$17,14,0)+IF('Standard Profiles'!$G$20=$B$24,21,0),0)),0)</f>
        <v>0</v>
      </c>
      <c r="G8059" cm="1">
        <f t="array" ref="G8059">IFERROR(INDEX(Jesper!AK$2:AK$366,ROUNDDOWN($C8059/24,0)+1,1)*INDEX($D$3:$AA$30,INDEX(Jesper!$R$2:$R$366,ROW(INDEX(Jesper!AK$2:AK$366,ROUNDDOWN($C8059/24,0)+1,1))-1)+IF('Standard Profiles'!$G$21=$B$10,7,0)+IF('Standard Profiles'!$G$21=$B$17,14,0)+IF('Standard Profiles'!$G$21=$B$24,21,0),MOD($C8059,24)+1)/SUM(INDEX($D$3:$AA$30,INDEX(Jesper!$R$2:$R$366,ROW(INDEX(Jesper!AK$2:AK$366,ROUNDDOWN($C8059/24,0)+1,1))-1)+IF('Standard Profiles'!$G$21=$B$10,7,0)+IF('Standard Profiles'!$G$21=$B$17,14,0)+IF('Standard Profiles'!$G$21=$B$24,21,0),0)),0)</f>
        <v>0</v>
      </c>
      <c r="H8059" cm="1">
        <f t="array" ref="H8059">IFERROR(INDEX(Jesper!AL$2:AL$366,ROUNDDOWN($C8059/24,0)+1,1)*INDEX($D$3:$AA$30,INDEX(Jesper!$R$2:$R$366,ROW(INDEX(Jesper!AL$2:AL$366,ROUNDDOWN($C8059/24,0)+1,1))-1)+IF('Standard Profiles'!$G$22=$B$10,7,0)+IF('Standard Profiles'!$G$22=$B$17,14,0)+IF('Standard Profiles'!$G$22=$B$24,21,0),MOD($C8059,24)+1)/SUM(INDEX($D$3:$AA$30,INDEX(Jesper!$R$2:$R$366,ROW(INDEX(Jesper!AL$2:AL$366,ROUNDDOWN($C8059/24,0)+1,1))-1)+IF('Standard Profiles'!$G$22=$B$10,7,0)+IF('Standard Profiles'!$G$22=$B$17,14,0)+IF('Standard Profiles'!$G$22=$B$24,21,0),0)),0)</f>
        <v>0</v>
      </c>
      <c r="I8059">
        <f t="shared" si="895"/>
        <v>0.37717025970626639</v>
      </c>
      <c r="J8059">
        <f t="shared" si="896"/>
        <v>1.2572341990208882</v>
      </c>
      <c r="K8059">
        <f t="shared" si="897"/>
        <v>1.8858512985313323</v>
      </c>
      <c r="L8059">
        <f t="shared" si="898"/>
        <v>17.014598750148618</v>
      </c>
      <c r="M8059">
        <f t="shared" si="899"/>
        <v>0</v>
      </c>
      <c r="N8059" s="46">
        <f t="shared" si="900"/>
        <v>45626.374999980537</v>
      </c>
    </row>
    <row r="8060" spans="2:14" x14ac:dyDescent="0.3">
      <c r="B8060">
        <f t="shared" si="894"/>
        <v>6</v>
      </c>
      <c r="C8060" s="16">
        <v>8026</v>
      </c>
      <c r="D8060" cm="1">
        <f t="array" ref="D8060">IFERROR(INDEX(Jesper!AH$2:AH$366,ROUNDDOWN($C8060/24,0)+1,1)*INDEX($D$3:$AA$30,INDEX(Jesper!$R$2:$R$366,ROW(INDEX(Jesper!AH$2:AH$366,ROUNDDOWN($C8060/24,0)+1,1))-1)+IF('Standard Profiles'!$G$18=$B$10,7,0)+IF('Standard Profiles'!$G$18=$B$17,14,0)+IF('Standard Profiles'!$G$18=$B$24,21,0),MOD($C8060,24)+1)/SUM(INDEX($D$3:$AA$30,INDEX(Jesper!$R$2:$R$366,ROW(INDEX(Jesper!AH$2:AH$366,ROUNDDOWN($C8060/24,0)+1,1))-1)+IF('Standard Profiles'!$G$18=$B$10,7,0)+IF('Standard Profiles'!$G$18=$B$17,14,0)+IF('Standard Profiles'!$G$18=$B$24,21,0),0)),0)</f>
        <v>16.34826462466755</v>
      </c>
      <c r="E8060" cm="1">
        <f t="array" ref="E8060">IFERROR(INDEX(Jesper!AI$2:AI$366,ROUNDDOWN($C8060/24,0)+1,1)*INDEX($D$3:$AA$30,INDEX(Jesper!$R$2:$R$366,ROW(INDEX(Jesper!AI$2:AI$366,ROUNDDOWN($C8060/24,0)+1,1))-1)+IF('Standard Profiles'!$G$19=$B$10,7,0)+IF('Standard Profiles'!$G$19=$B$17,14,0)+IF('Standard Profiles'!$G$19=$B$24,21,0),MOD($C8060,24)+1)/SUM(INDEX($D$3:$AA$30,INDEX(Jesper!$R$2:$R$366,ROW(INDEX(Jesper!AI$2:AI$366,ROUNDDOWN($C8060/24,0)+1,1))-1)+IF('Standard Profiles'!$G$19=$B$10,7,0)+IF('Standard Profiles'!$G$19=$B$17,14,0)+IF('Standard Profiles'!$G$19=$B$24,21,0),0)),0)</f>
        <v>4.1865898827395558</v>
      </c>
      <c r="F8060" cm="1">
        <f t="array" ref="F8060">IFERROR(INDEX(Jesper!AJ$2:AJ$366,ROUNDDOWN($C8060/24,0)+1,1)*INDEX($D$3:$AA$30,INDEX(Jesper!$R$2:$R$366,ROW(INDEX(Jesper!AJ$2:AJ$366,ROUNDDOWN($C8060/24,0)+1,1))-1)+IF('Standard Profiles'!$G$20=$B$10,7,0)+IF('Standard Profiles'!$G$20=$B$17,14,0)+IF('Standard Profiles'!$G$20=$B$24,21,0),MOD($C8060,24)+1)/SUM(INDEX($D$3:$AA$30,INDEX(Jesper!$R$2:$R$366,ROW(INDEX(Jesper!AJ$2:AJ$366,ROUNDDOWN($C8060/24,0)+1,1))-1)+IF('Standard Profiles'!$G$20=$B$10,7,0)+IF('Standard Profiles'!$G$20=$B$17,14,0)+IF('Standard Profiles'!$G$20=$B$24,21,0),0)),0)</f>
        <v>0</v>
      </c>
      <c r="G8060" cm="1">
        <f t="array" ref="G8060">IFERROR(INDEX(Jesper!AK$2:AK$366,ROUNDDOWN($C8060/24,0)+1,1)*INDEX($D$3:$AA$30,INDEX(Jesper!$R$2:$R$366,ROW(INDEX(Jesper!AK$2:AK$366,ROUNDDOWN($C8060/24,0)+1,1))-1)+IF('Standard Profiles'!$G$21=$B$10,7,0)+IF('Standard Profiles'!$G$21=$B$17,14,0)+IF('Standard Profiles'!$G$21=$B$24,21,0),MOD($C8060,24)+1)/SUM(INDEX($D$3:$AA$30,INDEX(Jesper!$R$2:$R$366,ROW(INDEX(Jesper!AK$2:AK$366,ROUNDDOWN($C8060/24,0)+1,1))-1)+IF('Standard Profiles'!$G$21=$B$10,7,0)+IF('Standard Profiles'!$G$21=$B$17,14,0)+IF('Standard Profiles'!$G$21=$B$24,21,0),0)),0)</f>
        <v>0</v>
      </c>
      <c r="H8060" cm="1">
        <f t="array" ref="H8060">IFERROR(INDEX(Jesper!AL$2:AL$366,ROUNDDOWN($C8060/24,0)+1,1)*INDEX($D$3:$AA$30,INDEX(Jesper!$R$2:$R$366,ROW(INDEX(Jesper!AL$2:AL$366,ROUNDDOWN($C8060/24,0)+1,1))-1)+IF('Standard Profiles'!$G$22=$B$10,7,0)+IF('Standard Profiles'!$G$22=$B$17,14,0)+IF('Standard Profiles'!$G$22=$B$24,21,0),MOD($C8060,24)+1)/SUM(INDEX($D$3:$AA$30,INDEX(Jesper!$R$2:$R$366,ROW(INDEX(Jesper!AL$2:AL$366,ROUNDDOWN($C8060/24,0)+1,1))-1)+IF('Standard Profiles'!$G$22=$B$10,7,0)+IF('Standard Profiles'!$G$22=$B$17,14,0)+IF('Standard Profiles'!$G$22=$B$24,21,0),0)),0)</f>
        <v>0</v>
      </c>
      <c r="I8060">
        <f t="shared" si="895"/>
        <v>0.37717025970626639</v>
      </c>
      <c r="J8060">
        <f t="shared" si="896"/>
        <v>1.2572341990208882</v>
      </c>
      <c r="K8060">
        <f t="shared" si="897"/>
        <v>1.8858512985313323</v>
      </c>
      <c r="L8060">
        <f t="shared" si="898"/>
        <v>17.014598750148618</v>
      </c>
      <c r="M8060">
        <f t="shared" si="899"/>
        <v>0</v>
      </c>
      <c r="N8060" s="46">
        <f t="shared" si="900"/>
        <v>45626.416666647201</v>
      </c>
    </row>
    <row r="8061" spans="2:14" x14ac:dyDescent="0.3">
      <c r="B8061">
        <f t="shared" si="894"/>
        <v>6</v>
      </c>
      <c r="C8061" s="16">
        <v>8027</v>
      </c>
      <c r="D8061" cm="1">
        <f t="array" ref="D8061">IFERROR(INDEX(Jesper!AH$2:AH$366,ROUNDDOWN($C8061/24,0)+1,1)*INDEX($D$3:$AA$30,INDEX(Jesper!$R$2:$R$366,ROW(INDEX(Jesper!AH$2:AH$366,ROUNDDOWN($C8061/24,0)+1,1))-1)+IF('Standard Profiles'!$G$18=$B$10,7,0)+IF('Standard Profiles'!$G$18=$B$17,14,0)+IF('Standard Profiles'!$G$18=$B$24,21,0),MOD($C8061,24)+1)/SUM(INDEX($D$3:$AA$30,INDEX(Jesper!$R$2:$R$366,ROW(INDEX(Jesper!AH$2:AH$366,ROUNDDOWN($C8061/24,0)+1,1))-1)+IF('Standard Profiles'!$G$18=$B$10,7,0)+IF('Standard Profiles'!$G$18=$B$17,14,0)+IF('Standard Profiles'!$G$18=$B$24,21,0),0)),0)</f>
        <v>16.34826462466755</v>
      </c>
      <c r="E8061" cm="1">
        <f t="array" ref="E8061">IFERROR(INDEX(Jesper!AI$2:AI$366,ROUNDDOWN($C8061/24,0)+1,1)*INDEX($D$3:$AA$30,INDEX(Jesper!$R$2:$R$366,ROW(INDEX(Jesper!AI$2:AI$366,ROUNDDOWN($C8061/24,0)+1,1))-1)+IF('Standard Profiles'!$G$19=$B$10,7,0)+IF('Standard Profiles'!$G$19=$B$17,14,0)+IF('Standard Profiles'!$G$19=$B$24,21,0),MOD($C8061,24)+1)/SUM(INDEX($D$3:$AA$30,INDEX(Jesper!$R$2:$R$366,ROW(INDEX(Jesper!AI$2:AI$366,ROUNDDOWN($C8061/24,0)+1,1))-1)+IF('Standard Profiles'!$G$19=$B$10,7,0)+IF('Standard Profiles'!$G$19=$B$17,14,0)+IF('Standard Profiles'!$G$19=$B$24,21,0),0)),0)</f>
        <v>4.1865898827395558</v>
      </c>
      <c r="F8061" cm="1">
        <f t="array" ref="F8061">IFERROR(INDEX(Jesper!AJ$2:AJ$366,ROUNDDOWN($C8061/24,0)+1,1)*INDEX($D$3:$AA$30,INDEX(Jesper!$R$2:$R$366,ROW(INDEX(Jesper!AJ$2:AJ$366,ROUNDDOWN($C8061/24,0)+1,1))-1)+IF('Standard Profiles'!$G$20=$B$10,7,0)+IF('Standard Profiles'!$G$20=$B$17,14,0)+IF('Standard Profiles'!$G$20=$B$24,21,0),MOD($C8061,24)+1)/SUM(INDEX($D$3:$AA$30,INDEX(Jesper!$R$2:$R$366,ROW(INDEX(Jesper!AJ$2:AJ$366,ROUNDDOWN($C8061/24,0)+1,1))-1)+IF('Standard Profiles'!$G$20=$B$10,7,0)+IF('Standard Profiles'!$G$20=$B$17,14,0)+IF('Standard Profiles'!$G$20=$B$24,21,0),0)),0)</f>
        <v>0</v>
      </c>
      <c r="G8061" cm="1">
        <f t="array" ref="G8061">IFERROR(INDEX(Jesper!AK$2:AK$366,ROUNDDOWN($C8061/24,0)+1,1)*INDEX($D$3:$AA$30,INDEX(Jesper!$R$2:$R$366,ROW(INDEX(Jesper!AK$2:AK$366,ROUNDDOWN($C8061/24,0)+1,1))-1)+IF('Standard Profiles'!$G$21=$B$10,7,0)+IF('Standard Profiles'!$G$21=$B$17,14,0)+IF('Standard Profiles'!$G$21=$B$24,21,0),MOD($C8061,24)+1)/SUM(INDEX($D$3:$AA$30,INDEX(Jesper!$R$2:$R$366,ROW(INDEX(Jesper!AK$2:AK$366,ROUNDDOWN($C8061/24,0)+1,1))-1)+IF('Standard Profiles'!$G$21=$B$10,7,0)+IF('Standard Profiles'!$G$21=$B$17,14,0)+IF('Standard Profiles'!$G$21=$B$24,21,0),0)),0)</f>
        <v>0</v>
      </c>
      <c r="H8061" cm="1">
        <f t="array" ref="H8061">IFERROR(INDEX(Jesper!AL$2:AL$366,ROUNDDOWN($C8061/24,0)+1,1)*INDEX($D$3:$AA$30,INDEX(Jesper!$R$2:$R$366,ROW(INDEX(Jesper!AL$2:AL$366,ROUNDDOWN($C8061/24,0)+1,1))-1)+IF('Standard Profiles'!$G$22=$B$10,7,0)+IF('Standard Profiles'!$G$22=$B$17,14,0)+IF('Standard Profiles'!$G$22=$B$24,21,0),MOD($C8061,24)+1)/SUM(INDEX($D$3:$AA$30,INDEX(Jesper!$R$2:$R$366,ROW(INDEX(Jesper!AL$2:AL$366,ROUNDDOWN($C8061/24,0)+1,1))-1)+IF('Standard Profiles'!$G$22=$B$10,7,0)+IF('Standard Profiles'!$G$22=$B$17,14,0)+IF('Standard Profiles'!$G$22=$B$24,21,0),0)),0)</f>
        <v>0</v>
      </c>
      <c r="I8061">
        <f t="shared" si="895"/>
        <v>0.37717025970626639</v>
      </c>
      <c r="J8061">
        <f t="shared" si="896"/>
        <v>1.2572341990208882</v>
      </c>
      <c r="K8061">
        <f t="shared" si="897"/>
        <v>1.8858512985313323</v>
      </c>
      <c r="L8061">
        <f t="shared" si="898"/>
        <v>17.014598750148618</v>
      </c>
      <c r="M8061">
        <f t="shared" si="899"/>
        <v>0</v>
      </c>
      <c r="N8061" s="46">
        <f t="shared" si="900"/>
        <v>45626.458333313865</v>
      </c>
    </row>
    <row r="8062" spans="2:14" x14ac:dyDescent="0.3">
      <c r="B8062">
        <f t="shared" si="894"/>
        <v>6</v>
      </c>
      <c r="C8062" s="16">
        <v>8028</v>
      </c>
      <c r="D8062" cm="1">
        <f t="array" ref="D8062">IFERROR(INDEX(Jesper!AH$2:AH$366,ROUNDDOWN($C8062/24,0)+1,1)*INDEX($D$3:$AA$30,INDEX(Jesper!$R$2:$R$366,ROW(INDEX(Jesper!AH$2:AH$366,ROUNDDOWN($C8062/24,0)+1,1))-1)+IF('Standard Profiles'!$G$18=$B$10,7,0)+IF('Standard Profiles'!$G$18=$B$17,14,0)+IF('Standard Profiles'!$G$18=$B$24,21,0),MOD($C8062,24)+1)/SUM(INDEX($D$3:$AA$30,INDEX(Jesper!$R$2:$R$366,ROW(INDEX(Jesper!AH$2:AH$366,ROUNDDOWN($C8062/24,0)+1,1))-1)+IF('Standard Profiles'!$G$18=$B$10,7,0)+IF('Standard Profiles'!$G$18=$B$17,14,0)+IF('Standard Profiles'!$G$18=$B$24,21,0),0)),0)</f>
        <v>16.34826462466755</v>
      </c>
      <c r="E8062" cm="1">
        <f t="array" ref="E8062">IFERROR(INDEX(Jesper!AI$2:AI$366,ROUNDDOWN($C8062/24,0)+1,1)*INDEX($D$3:$AA$30,INDEX(Jesper!$R$2:$R$366,ROW(INDEX(Jesper!AI$2:AI$366,ROUNDDOWN($C8062/24,0)+1,1))-1)+IF('Standard Profiles'!$G$19=$B$10,7,0)+IF('Standard Profiles'!$G$19=$B$17,14,0)+IF('Standard Profiles'!$G$19=$B$24,21,0),MOD($C8062,24)+1)/SUM(INDEX($D$3:$AA$30,INDEX(Jesper!$R$2:$R$366,ROW(INDEX(Jesper!AI$2:AI$366,ROUNDDOWN($C8062/24,0)+1,1))-1)+IF('Standard Profiles'!$G$19=$B$10,7,0)+IF('Standard Profiles'!$G$19=$B$17,14,0)+IF('Standard Profiles'!$G$19=$B$24,21,0),0)),0)</f>
        <v>4.1865898827395558</v>
      </c>
      <c r="F8062" cm="1">
        <f t="array" ref="F8062">IFERROR(INDEX(Jesper!AJ$2:AJ$366,ROUNDDOWN($C8062/24,0)+1,1)*INDEX($D$3:$AA$30,INDEX(Jesper!$R$2:$R$366,ROW(INDEX(Jesper!AJ$2:AJ$366,ROUNDDOWN($C8062/24,0)+1,1))-1)+IF('Standard Profiles'!$G$20=$B$10,7,0)+IF('Standard Profiles'!$G$20=$B$17,14,0)+IF('Standard Profiles'!$G$20=$B$24,21,0),MOD($C8062,24)+1)/SUM(INDEX($D$3:$AA$30,INDEX(Jesper!$R$2:$R$366,ROW(INDEX(Jesper!AJ$2:AJ$366,ROUNDDOWN($C8062/24,0)+1,1))-1)+IF('Standard Profiles'!$G$20=$B$10,7,0)+IF('Standard Profiles'!$G$20=$B$17,14,0)+IF('Standard Profiles'!$G$20=$B$24,21,0),0)),0)</f>
        <v>0</v>
      </c>
      <c r="G8062" cm="1">
        <f t="array" ref="G8062">IFERROR(INDEX(Jesper!AK$2:AK$366,ROUNDDOWN($C8062/24,0)+1,1)*INDEX($D$3:$AA$30,INDEX(Jesper!$R$2:$R$366,ROW(INDEX(Jesper!AK$2:AK$366,ROUNDDOWN($C8062/24,0)+1,1))-1)+IF('Standard Profiles'!$G$21=$B$10,7,0)+IF('Standard Profiles'!$G$21=$B$17,14,0)+IF('Standard Profiles'!$G$21=$B$24,21,0),MOD($C8062,24)+1)/SUM(INDEX($D$3:$AA$30,INDEX(Jesper!$R$2:$R$366,ROW(INDEX(Jesper!AK$2:AK$366,ROUNDDOWN($C8062/24,0)+1,1))-1)+IF('Standard Profiles'!$G$21=$B$10,7,0)+IF('Standard Profiles'!$G$21=$B$17,14,0)+IF('Standard Profiles'!$G$21=$B$24,21,0),0)),0)</f>
        <v>0</v>
      </c>
      <c r="H8062" cm="1">
        <f t="array" ref="H8062">IFERROR(INDEX(Jesper!AL$2:AL$366,ROUNDDOWN($C8062/24,0)+1,1)*INDEX($D$3:$AA$30,INDEX(Jesper!$R$2:$R$366,ROW(INDEX(Jesper!AL$2:AL$366,ROUNDDOWN($C8062/24,0)+1,1))-1)+IF('Standard Profiles'!$G$22=$B$10,7,0)+IF('Standard Profiles'!$G$22=$B$17,14,0)+IF('Standard Profiles'!$G$22=$B$24,21,0),MOD($C8062,24)+1)/SUM(INDEX($D$3:$AA$30,INDEX(Jesper!$R$2:$R$366,ROW(INDEX(Jesper!AL$2:AL$366,ROUNDDOWN($C8062/24,0)+1,1))-1)+IF('Standard Profiles'!$G$22=$B$10,7,0)+IF('Standard Profiles'!$G$22=$B$17,14,0)+IF('Standard Profiles'!$G$22=$B$24,21,0),0)),0)</f>
        <v>0</v>
      </c>
      <c r="I8062">
        <f t="shared" si="895"/>
        <v>0.37717025970626639</v>
      </c>
      <c r="J8062">
        <f t="shared" si="896"/>
        <v>1.2572341990208882</v>
      </c>
      <c r="K8062">
        <f t="shared" si="897"/>
        <v>1.8858512985313323</v>
      </c>
      <c r="L8062">
        <f t="shared" si="898"/>
        <v>17.014598750148618</v>
      </c>
      <c r="M8062">
        <f t="shared" si="899"/>
        <v>0</v>
      </c>
      <c r="N8062" s="46">
        <f t="shared" si="900"/>
        <v>45626.49999998053</v>
      </c>
    </row>
    <row r="8063" spans="2:14" x14ac:dyDescent="0.3">
      <c r="B8063">
        <f t="shared" si="894"/>
        <v>6</v>
      </c>
      <c r="C8063" s="16">
        <v>8029</v>
      </c>
      <c r="D8063" cm="1">
        <f t="array" ref="D8063">IFERROR(INDEX(Jesper!AH$2:AH$366,ROUNDDOWN($C8063/24,0)+1,1)*INDEX($D$3:$AA$30,INDEX(Jesper!$R$2:$R$366,ROW(INDEX(Jesper!AH$2:AH$366,ROUNDDOWN($C8063/24,0)+1,1))-1)+IF('Standard Profiles'!$G$18=$B$10,7,0)+IF('Standard Profiles'!$G$18=$B$17,14,0)+IF('Standard Profiles'!$G$18=$B$24,21,0),MOD($C8063,24)+1)/SUM(INDEX($D$3:$AA$30,INDEX(Jesper!$R$2:$R$366,ROW(INDEX(Jesper!AH$2:AH$366,ROUNDDOWN($C8063/24,0)+1,1))-1)+IF('Standard Profiles'!$G$18=$B$10,7,0)+IF('Standard Profiles'!$G$18=$B$17,14,0)+IF('Standard Profiles'!$G$18=$B$24,21,0),0)),0)</f>
        <v>16.34826462466755</v>
      </c>
      <c r="E8063" cm="1">
        <f t="array" ref="E8063">IFERROR(INDEX(Jesper!AI$2:AI$366,ROUNDDOWN($C8063/24,0)+1,1)*INDEX($D$3:$AA$30,INDEX(Jesper!$R$2:$R$366,ROW(INDEX(Jesper!AI$2:AI$366,ROUNDDOWN($C8063/24,0)+1,1))-1)+IF('Standard Profiles'!$G$19=$B$10,7,0)+IF('Standard Profiles'!$G$19=$B$17,14,0)+IF('Standard Profiles'!$G$19=$B$24,21,0),MOD($C8063,24)+1)/SUM(INDEX($D$3:$AA$30,INDEX(Jesper!$R$2:$R$366,ROW(INDEX(Jesper!AI$2:AI$366,ROUNDDOWN($C8063/24,0)+1,1))-1)+IF('Standard Profiles'!$G$19=$B$10,7,0)+IF('Standard Profiles'!$G$19=$B$17,14,0)+IF('Standard Profiles'!$G$19=$B$24,21,0),0)),0)</f>
        <v>4.1865898827395558</v>
      </c>
      <c r="F8063" cm="1">
        <f t="array" ref="F8063">IFERROR(INDEX(Jesper!AJ$2:AJ$366,ROUNDDOWN($C8063/24,0)+1,1)*INDEX($D$3:$AA$30,INDEX(Jesper!$R$2:$R$366,ROW(INDEX(Jesper!AJ$2:AJ$366,ROUNDDOWN($C8063/24,0)+1,1))-1)+IF('Standard Profiles'!$G$20=$B$10,7,0)+IF('Standard Profiles'!$G$20=$B$17,14,0)+IF('Standard Profiles'!$G$20=$B$24,21,0),MOD($C8063,24)+1)/SUM(INDEX($D$3:$AA$30,INDEX(Jesper!$R$2:$R$366,ROW(INDEX(Jesper!AJ$2:AJ$366,ROUNDDOWN($C8063/24,0)+1,1))-1)+IF('Standard Profiles'!$G$20=$B$10,7,0)+IF('Standard Profiles'!$G$20=$B$17,14,0)+IF('Standard Profiles'!$G$20=$B$24,21,0),0)),0)</f>
        <v>0</v>
      </c>
      <c r="G8063" cm="1">
        <f t="array" ref="G8063">IFERROR(INDEX(Jesper!AK$2:AK$366,ROUNDDOWN($C8063/24,0)+1,1)*INDEX($D$3:$AA$30,INDEX(Jesper!$R$2:$R$366,ROW(INDEX(Jesper!AK$2:AK$366,ROUNDDOWN($C8063/24,0)+1,1))-1)+IF('Standard Profiles'!$G$21=$B$10,7,0)+IF('Standard Profiles'!$G$21=$B$17,14,0)+IF('Standard Profiles'!$G$21=$B$24,21,0),MOD($C8063,24)+1)/SUM(INDEX($D$3:$AA$30,INDEX(Jesper!$R$2:$R$366,ROW(INDEX(Jesper!AK$2:AK$366,ROUNDDOWN($C8063/24,0)+1,1))-1)+IF('Standard Profiles'!$G$21=$B$10,7,0)+IF('Standard Profiles'!$G$21=$B$17,14,0)+IF('Standard Profiles'!$G$21=$B$24,21,0),0)),0)</f>
        <v>0</v>
      </c>
      <c r="H8063" cm="1">
        <f t="array" ref="H8063">IFERROR(INDEX(Jesper!AL$2:AL$366,ROUNDDOWN($C8063/24,0)+1,1)*INDEX($D$3:$AA$30,INDEX(Jesper!$R$2:$R$366,ROW(INDEX(Jesper!AL$2:AL$366,ROUNDDOWN($C8063/24,0)+1,1))-1)+IF('Standard Profiles'!$G$22=$B$10,7,0)+IF('Standard Profiles'!$G$22=$B$17,14,0)+IF('Standard Profiles'!$G$22=$B$24,21,0),MOD($C8063,24)+1)/SUM(INDEX($D$3:$AA$30,INDEX(Jesper!$R$2:$R$366,ROW(INDEX(Jesper!AL$2:AL$366,ROUNDDOWN($C8063/24,0)+1,1))-1)+IF('Standard Profiles'!$G$22=$B$10,7,0)+IF('Standard Profiles'!$G$22=$B$17,14,0)+IF('Standard Profiles'!$G$22=$B$24,21,0),0)),0)</f>
        <v>0</v>
      </c>
      <c r="I8063">
        <f t="shared" si="895"/>
        <v>0.37717025970626639</v>
      </c>
      <c r="J8063">
        <f t="shared" si="896"/>
        <v>1.2572341990208882</v>
      </c>
      <c r="K8063">
        <f t="shared" si="897"/>
        <v>1.8858512985313323</v>
      </c>
      <c r="L8063">
        <f t="shared" si="898"/>
        <v>17.014598750148618</v>
      </c>
      <c r="M8063">
        <f t="shared" si="899"/>
        <v>0</v>
      </c>
      <c r="N8063" s="46">
        <f t="shared" si="900"/>
        <v>45626.541666647194</v>
      </c>
    </row>
    <row r="8064" spans="2:14" x14ac:dyDescent="0.3">
      <c r="B8064">
        <f t="shared" si="894"/>
        <v>6</v>
      </c>
      <c r="C8064" s="16">
        <v>8030</v>
      </c>
      <c r="D8064" cm="1">
        <f t="array" ref="D8064">IFERROR(INDEX(Jesper!AH$2:AH$366,ROUNDDOWN($C8064/24,0)+1,1)*INDEX($D$3:$AA$30,INDEX(Jesper!$R$2:$R$366,ROW(INDEX(Jesper!AH$2:AH$366,ROUNDDOWN($C8064/24,0)+1,1))-1)+IF('Standard Profiles'!$G$18=$B$10,7,0)+IF('Standard Profiles'!$G$18=$B$17,14,0)+IF('Standard Profiles'!$G$18=$B$24,21,0),MOD($C8064,24)+1)/SUM(INDEX($D$3:$AA$30,INDEX(Jesper!$R$2:$R$366,ROW(INDEX(Jesper!AH$2:AH$366,ROUNDDOWN($C8064/24,0)+1,1))-1)+IF('Standard Profiles'!$G$18=$B$10,7,0)+IF('Standard Profiles'!$G$18=$B$17,14,0)+IF('Standard Profiles'!$G$18=$B$24,21,0),0)),0)</f>
        <v>16.34826462466755</v>
      </c>
      <c r="E8064" cm="1">
        <f t="array" ref="E8064">IFERROR(INDEX(Jesper!AI$2:AI$366,ROUNDDOWN($C8064/24,0)+1,1)*INDEX($D$3:$AA$30,INDEX(Jesper!$R$2:$R$366,ROW(INDEX(Jesper!AI$2:AI$366,ROUNDDOWN($C8064/24,0)+1,1))-1)+IF('Standard Profiles'!$G$19=$B$10,7,0)+IF('Standard Profiles'!$G$19=$B$17,14,0)+IF('Standard Profiles'!$G$19=$B$24,21,0),MOD($C8064,24)+1)/SUM(INDEX($D$3:$AA$30,INDEX(Jesper!$R$2:$R$366,ROW(INDEX(Jesper!AI$2:AI$366,ROUNDDOWN($C8064/24,0)+1,1))-1)+IF('Standard Profiles'!$G$19=$B$10,7,0)+IF('Standard Profiles'!$G$19=$B$17,14,0)+IF('Standard Profiles'!$G$19=$B$24,21,0),0)),0)</f>
        <v>4.1865898827395558</v>
      </c>
      <c r="F8064" cm="1">
        <f t="array" ref="F8064">IFERROR(INDEX(Jesper!AJ$2:AJ$366,ROUNDDOWN($C8064/24,0)+1,1)*INDEX($D$3:$AA$30,INDEX(Jesper!$R$2:$R$366,ROW(INDEX(Jesper!AJ$2:AJ$366,ROUNDDOWN($C8064/24,0)+1,1))-1)+IF('Standard Profiles'!$G$20=$B$10,7,0)+IF('Standard Profiles'!$G$20=$B$17,14,0)+IF('Standard Profiles'!$G$20=$B$24,21,0),MOD($C8064,24)+1)/SUM(INDEX($D$3:$AA$30,INDEX(Jesper!$R$2:$R$366,ROW(INDEX(Jesper!AJ$2:AJ$366,ROUNDDOWN($C8064/24,0)+1,1))-1)+IF('Standard Profiles'!$G$20=$B$10,7,0)+IF('Standard Profiles'!$G$20=$B$17,14,0)+IF('Standard Profiles'!$G$20=$B$24,21,0),0)),0)</f>
        <v>0</v>
      </c>
      <c r="G8064" cm="1">
        <f t="array" ref="G8064">IFERROR(INDEX(Jesper!AK$2:AK$366,ROUNDDOWN($C8064/24,0)+1,1)*INDEX($D$3:$AA$30,INDEX(Jesper!$R$2:$R$366,ROW(INDEX(Jesper!AK$2:AK$366,ROUNDDOWN($C8064/24,0)+1,1))-1)+IF('Standard Profiles'!$G$21=$B$10,7,0)+IF('Standard Profiles'!$G$21=$B$17,14,0)+IF('Standard Profiles'!$G$21=$B$24,21,0),MOD($C8064,24)+1)/SUM(INDEX($D$3:$AA$30,INDEX(Jesper!$R$2:$R$366,ROW(INDEX(Jesper!AK$2:AK$366,ROUNDDOWN($C8064/24,0)+1,1))-1)+IF('Standard Profiles'!$G$21=$B$10,7,0)+IF('Standard Profiles'!$G$21=$B$17,14,0)+IF('Standard Profiles'!$G$21=$B$24,21,0),0)),0)</f>
        <v>0</v>
      </c>
      <c r="H8064" cm="1">
        <f t="array" ref="H8064">IFERROR(INDEX(Jesper!AL$2:AL$366,ROUNDDOWN($C8064/24,0)+1,1)*INDEX($D$3:$AA$30,INDEX(Jesper!$R$2:$R$366,ROW(INDEX(Jesper!AL$2:AL$366,ROUNDDOWN($C8064/24,0)+1,1))-1)+IF('Standard Profiles'!$G$22=$B$10,7,0)+IF('Standard Profiles'!$G$22=$B$17,14,0)+IF('Standard Profiles'!$G$22=$B$24,21,0),MOD($C8064,24)+1)/SUM(INDEX($D$3:$AA$30,INDEX(Jesper!$R$2:$R$366,ROW(INDEX(Jesper!AL$2:AL$366,ROUNDDOWN($C8064/24,0)+1,1))-1)+IF('Standard Profiles'!$G$22=$B$10,7,0)+IF('Standard Profiles'!$G$22=$B$17,14,0)+IF('Standard Profiles'!$G$22=$B$24,21,0),0)),0)</f>
        <v>0</v>
      </c>
      <c r="I8064">
        <f t="shared" si="895"/>
        <v>0.37717025970626639</v>
      </c>
      <c r="J8064">
        <f t="shared" si="896"/>
        <v>1.2572341990208882</v>
      </c>
      <c r="K8064">
        <f t="shared" si="897"/>
        <v>1.8858512985313323</v>
      </c>
      <c r="L8064">
        <f t="shared" si="898"/>
        <v>17.014598750148618</v>
      </c>
      <c r="M8064">
        <f t="shared" si="899"/>
        <v>0</v>
      </c>
      <c r="N8064" s="46">
        <f t="shared" si="900"/>
        <v>45626.583333313858</v>
      </c>
    </row>
    <row r="8065" spans="2:14" x14ac:dyDescent="0.3">
      <c r="B8065">
        <f t="shared" si="894"/>
        <v>6</v>
      </c>
      <c r="C8065" s="16">
        <v>8031</v>
      </c>
      <c r="D8065" cm="1">
        <f t="array" ref="D8065">IFERROR(INDEX(Jesper!AH$2:AH$366,ROUNDDOWN($C8065/24,0)+1,1)*INDEX($D$3:$AA$30,INDEX(Jesper!$R$2:$R$366,ROW(INDEX(Jesper!AH$2:AH$366,ROUNDDOWN($C8065/24,0)+1,1))-1)+IF('Standard Profiles'!$G$18=$B$10,7,0)+IF('Standard Profiles'!$G$18=$B$17,14,0)+IF('Standard Profiles'!$G$18=$B$24,21,0),MOD($C8065,24)+1)/SUM(INDEX($D$3:$AA$30,INDEX(Jesper!$R$2:$R$366,ROW(INDEX(Jesper!AH$2:AH$366,ROUNDDOWN($C8065/24,0)+1,1))-1)+IF('Standard Profiles'!$G$18=$B$10,7,0)+IF('Standard Profiles'!$G$18=$B$17,14,0)+IF('Standard Profiles'!$G$18=$B$24,21,0),0)),0)</f>
        <v>14.780622811343264</v>
      </c>
      <c r="E8065" cm="1">
        <f t="array" ref="E8065">IFERROR(INDEX(Jesper!AI$2:AI$366,ROUNDDOWN($C8065/24,0)+1,1)*INDEX($D$3:$AA$30,INDEX(Jesper!$R$2:$R$366,ROW(INDEX(Jesper!AI$2:AI$366,ROUNDDOWN($C8065/24,0)+1,1))-1)+IF('Standard Profiles'!$G$19=$B$10,7,0)+IF('Standard Profiles'!$G$19=$B$17,14,0)+IF('Standard Profiles'!$G$19=$B$24,21,0),MOD($C8065,24)+1)/SUM(INDEX($D$3:$AA$30,INDEX(Jesper!$R$2:$R$366,ROW(INDEX(Jesper!AI$2:AI$366,ROUNDDOWN($C8065/24,0)+1,1))-1)+IF('Standard Profiles'!$G$19=$B$10,7,0)+IF('Standard Profiles'!$G$19=$B$17,14,0)+IF('Standard Profiles'!$G$19=$B$24,21,0),0)),0)</f>
        <v>3.7851360583672697</v>
      </c>
      <c r="F8065" cm="1">
        <f t="array" ref="F8065">IFERROR(INDEX(Jesper!AJ$2:AJ$366,ROUNDDOWN($C8065/24,0)+1,1)*INDEX($D$3:$AA$30,INDEX(Jesper!$R$2:$R$366,ROW(INDEX(Jesper!AJ$2:AJ$366,ROUNDDOWN($C8065/24,0)+1,1))-1)+IF('Standard Profiles'!$G$20=$B$10,7,0)+IF('Standard Profiles'!$G$20=$B$17,14,0)+IF('Standard Profiles'!$G$20=$B$24,21,0),MOD($C8065,24)+1)/SUM(INDEX($D$3:$AA$30,INDEX(Jesper!$R$2:$R$366,ROW(INDEX(Jesper!AJ$2:AJ$366,ROUNDDOWN($C8065/24,0)+1,1))-1)+IF('Standard Profiles'!$G$20=$B$10,7,0)+IF('Standard Profiles'!$G$20=$B$17,14,0)+IF('Standard Profiles'!$G$20=$B$24,21,0),0)),0)</f>
        <v>0</v>
      </c>
      <c r="G8065" cm="1">
        <f t="array" ref="G8065">IFERROR(INDEX(Jesper!AK$2:AK$366,ROUNDDOWN($C8065/24,0)+1,1)*INDEX($D$3:$AA$30,INDEX(Jesper!$R$2:$R$366,ROW(INDEX(Jesper!AK$2:AK$366,ROUNDDOWN($C8065/24,0)+1,1))-1)+IF('Standard Profiles'!$G$21=$B$10,7,0)+IF('Standard Profiles'!$G$21=$B$17,14,0)+IF('Standard Profiles'!$G$21=$B$24,21,0),MOD($C8065,24)+1)/SUM(INDEX($D$3:$AA$30,INDEX(Jesper!$R$2:$R$366,ROW(INDEX(Jesper!AK$2:AK$366,ROUNDDOWN($C8065/24,0)+1,1))-1)+IF('Standard Profiles'!$G$21=$B$10,7,0)+IF('Standard Profiles'!$G$21=$B$17,14,0)+IF('Standard Profiles'!$G$21=$B$24,21,0),0)),0)</f>
        <v>0</v>
      </c>
      <c r="H8065" cm="1">
        <f t="array" ref="H8065">IFERROR(INDEX(Jesper!AL$2:AL$366,ROUNDDOWN($C8065/24,0)+1,1)*INDEX($D$3:$AA$30,INDEX(Jesper!$R$2:$R$366,ROW(INDEX(Jesper!AL$2:AL$366,ROUNDDOWN($C8065/24,0)+1,1))-1)+IF('Standard Profiles'!$G$22=$B$10,7,0)+IF('Standard Profiles'!$G$22=$B$17,14,0)+IF('Standard Profiles'!$G$22=$B$24,21,0),MOD($C8065,24)+1)/SUM(INDEX($D$3:$AA$30,INDEX(Jesper!$R$2:$R$366,ROW(INDEX(Jesper!AL$2:AL$366,ROUNDDOWN($C8065/24,0)+1,1))-1)+IF('Standard Profiles'!$G$22=$B$10,7,0)+IF('Standard Profiles'!$G$22=$B$17,14,0)+IF('Standard Profiles'!$G$22=$B$24,21,0),0)),0)</f>
        <v>0</v>
      </c>
      <c r="I8065">
        <f t="shared" si="895"/>
        <v>0.34100324850155594</v>
      </c>
      <c r="J8065">
        <f t="shared" si="896"/>
        <v>1.1366774950051866</v>
      </c>
      <c r="K8065">
        <f t="shared" si="897"/>
        <v>1.7050162425077797</v>
      </c>
      <c r="L8065">
        <f t="shared" si="898"/>
        <v>15.383061883696012</v>
      </c>
      <c r="M8065">
        <f t="shared" si="899"/>
        <v>0</v>
      </c>
      <c r="N8065" s="46">
        <f t="shared" si="900"/>
        <v>45626.624999980522</v>
      </c>
    </row>
    <row r="8066" spans="2:14" x14ac:dyDescent="0.3">
      <c r="B8066">
        <f t="shared" si="894"/>
        <v>6</v>
      </c>
      <c r="C8066" s="16">
        <v>8032</v>
      </c>
      <c r="D8066" cm="1">
        <f t="array" ref="D8066">IFERROR(INDEX(Jesper!AH$2:AH$366,ROUNDDOWN($C8066/24,0)+1,1)*INDEX($D$3:$AA$30,INDEX(Jesper!$R$2:$R$366,ROW(INDEX(Jesper!AH$2:AH$366,ROUNDDOWN($C8066/24,0)+1,1))-1)+IF('Standard Profiles'!$G$18=$B$10,7,0)+IF('Standard Profiles'!$G$18=$B$17,14,0)+IF('Standard Profiles'!$G$18=$B$24,21,0),MOD($C8066,24)+1)/SUM(INDEX($D$3:$AA$30,INDEX(Jesper!$R$2:$R$366,ROW(INDEX(Jesper!AH$2:AH$366,ROUNDDOWN($C8066/24,0)+1,1))-1)+IF('Standard Profiles'!$G$18=$B$10,7,0)+IF('Standard Profiles'!$G$18=$B$17,14,0)+IF('Standard Profiles'!$G$18=$B$24,21,0),0)),0)</f>
        <v>13.436929828493877</v>
      </c>
      <c r="E8066" cm="1">
        <f t="array" ref="E8066">IFERROR(INDEX(Jesper!AI$2:AI$366,ROUNDDOWN($C8066/24,0)+1,1)*INDEX($D$3:$AA$30,INDEX(Jesper!$R$2:$R$366,ROW(INDEX(Jesper!AI$2:AI$366,ROUNDDOWN($C8066/24,0)+1,1))-1)+IF('Standard Profiles'!$G$19=$B$10,7,0)+IF('Standard Profiles'!$G$19=$B$17,14,0)+IF('Standard Profiles'!$G$19=$B$24,21,0),MOD($C8066,24)+1)/SUM(INDEX($D$3:$AA$30,INDEX(Jesper!$R$2:$R$366,ROW(INDEX(Jesper!AI$2:AI$366,ROUNDDOWN($C8066/24,0)+1,1))-1)+IF('Standard Profiles'!$G$19=$B$10,7,0)+IF('Standard Profiles'!$G$19=$B$17,14,0)+IF('Standard Profiles'!$G$19=$B$24,21,0),0)),0)</f>
        <v>3.4410327803338814</v>
      </c>
      <c r="F8066" cm="1">
        <f t="array" ref="F8066">IFERROR(INDEX(Jesper!AJ$2:AJ$366,ROUNDDOWN($C8066/24,0)+1,1)*INDEX($D$3:$AA$30,INDEX(Jesper!$R$2:$R$366,ROW(INDEX(Jesper!AJ$2:AJ$366,ROUNDDOWN($C8066/24,0)+1,1))-1)+IF('Standard Profiles'!$G$20=$B$10,7,0)+IF('Standard Profiles'!$G$20=$B$17,14,0)+IF('Standard Profiles'!$G$20=$B$24,21,0),MOD($C8066,24)+1)/SUM(INDEX($D$3:$AA$30,INDEX(Jesper!$R$2:$R$366,ROW(INDEX(Jesper!AJ$2:AJ$366,ROUNDDOWN($C8066/24,0)+1,1))-1)+IF('Standard Profiles'!$G$20=$B$10,7,0)+IF('Standard Profiles'!$G$20=$B$17,14,0)+IF('Standard Profiles'!$G$20=$B$24,21,0),0)),0)</f>
        <v>0</v>
      </c>
      <c r="G8066" cm="1">
        <f t="array" ref="G8066">IFERROR(INDEX(Jesper!AK$2:AK$366,ROUNDDOWN($C8066/24,0)+1,1)*INDEX($D$3:$AA$30,INDEX(Jesper!$R$2:$R$366,ROW(INDEX(Jesper!AK$2:AK$366,ROUNDDOWN($C8066/24,0)+1,1))-1)+IF('Standard Profiles'!$G$21=$B$10,7,0)+IF('Standard Profiles'!$G$21=$B$17,14,0)+IF('Standard Profiles'!$G$21=$B$24,21,0),MOD($C8066,24)+1)/SUM(INDEX($D$3:$AA$30,INDEX(Jesper!$R$2:$R$366,ROW(INDEX(Jesper!AK$2:AK$366,ROUNDDOWN($C8066/24,0)+1,1))-1)+IF('Standard Profiles'!$G$21=$B$10,7,0)+IF('Standard Profiles'!$G$21=$B$17,14,0)+IF('Standard Profiles'!$G$21=$B$24,21,0),0)),0)</f>
        <v>0</v>
      </c>
      <c r="H8066" cm="1">
        <f t="array" ref="H8066">IFERROR(INDEX(Jesper!AL$2:AL$366,ROUNDDOWN($C8066/24,0)+1,1)*INDEX($D$3:$AA$30,INDEX(Jesper!$R$2:$R$366,ROW(INDEX(Jesper!AL$2:AL$366,ROUNDDOWN($C8066/24,0)+1,1))-1)+IF('Standard Profiles'!$G$22=$B$10,7,0)+IF('Standard Profiles'!$G$22=$B$17,14,0)+IF('Standard Profiles'!$G$22=$B$24,21,0),MOD($C8066,24)+1)/SUM(INDEX($D$3:$AA$30,INDEX(Jesper!$R$2:$R$366,ROW(INDEX(Jesper!AL$2:AL$366,ROUNDDOWN($C8066/24,0)+1,1))-1)+IF('Standard Profiles'!$G$22=$B$10,7,0)+IF('Standard Profiles'!$G$22=$B$17,14,0)+IF('Standard Profiles'!$G$22=$B$24,21,0),0)),0)</f>
        <v>0</v>
      </c>
      <c r="I8066">
        <f t="shared" si="895"/>
        <v>0.31000295318323262</v>
      </c>
      <c r="J8066">
        <f t="shared" si="896"/>
        <v>1.0333431772774422</v>
      </c>
      <c r="K8066">
        <f t="shared" si="897"/>
        <v>1.5500147659161634</v>
      </c>
      <c r="L8066">
        <f t="shared" si="898"/>
        <v>13.984601712450921</v>
      </c>
      <c r="M8066">
        <f t="shared" si="899"/>
        <v>0</v>
      </c>
      <c r="N8066" s="46">
        <f t="shared" si="900"/>
        <v>45626.666666647187</v>
      </c>
    </row>
    <row r="8067" spans="2:14" x14ac:dyDescent="0.3">
      <c r="B8067">
        <f t="shared" si="894"/>
        <v>6</v>
      </c>
      <c r="C8067" s="16">
        <v>8033</v>
      </c>
      <c r="D8067" cm="1">
        <f t="array" ref="D8067">IFERROR(INDEX(Jesper!AH$2:AH$366,ROUNDDOWN($C8067/24,0)+1,1)*INDEX($D$3:$AA$30,INDEX(Jesper!$R$2:$R$366,ROW(INDEX(Jesper!AH$2:AH$366,ROUNDDOWN($C8067/24,0)+1,1))-1)+IF('Standard Profiles'!$G$18=$B$10,7,0)+IF('Standard Profiles'!$G$18=$B$17,14,0)+IF('Standard Profiles'!$G$18=$B$24,21,0),MOD($C8067,24)+1)/SUM(INDEX($D$3:$AA$30,INDEX(Jesper!$R$2:$R$366,ROW(INDEX(Jesper!AH$2:AH$366,ROUNDDOWN($C8067/24,0)+1,1))-1)+IF('Standard Profiles'!$G$18=$B$10,7,0)+IF('Standard Profiles'!$G$18=$B$17,14,0)+IF('Standard Profiles'!$G$18=$B$24,21,0),0)),0)</f>
        <v>12.093236845644491</v>
      </c>
      <c r="E8067" cm="1">
        <f t="array" ref="E8067">IFERROR(INDEX(Jesper!AI$2:AI$366,ROUNDDOWN($C8067/24,0)+1,1)*INDEX($D$3:$AA$30,INDEX(Jesper!$R$2:$R$366,ROW(INDEX(Jesper!AI$2:AI$366,ROUNDDOWN($C8067/24,0)+1,1))-1)+IF('Standard Profiles'!$G$19=$B$10,7,0)+IF('Standard Profiles'!$G$19=$B$17,14,0)+IF('Standard Profiles'!$G$19=$B$24,21,0),MOD($C8067,24)+1)/SUM(INDEX($D$3:$AA$30,INDEX(Jesper!$R$2:$R$366,ROW(INDEX(Jesper!AI$2:AI$366,ROUNDDOWN($C8067/24,0)+1,1))-1)+IF('Standard Profiles'!$G$19=$B$10,7,0)+IF('Standard Profiles'!$G$19=$B$17,14,0)+IF('Standard Profiles'!$G$19=$B$24,21,0),0)),0)</f>
        <v>3.0969295023004939</v>
      </c>
      <c r="F8067" cm="1">
        <f t="array" ref="F8067">IFERROR(INDEX(Jesper!AJ$2:AJ$366,ROUNDDOWN($C8067/24,0)+1,1)*INDEX($D$3:$AA$30,INDEX(Jesper!$R$2:$R$366,ROW(INDEX(Jesper!AJ$2:AJ$366,ROUNDDOWN($C8067/24,0)+1,1))-1)+IF('Standard Profiles'!$G$20=$B$10,7,0)+IF('Standard Profiles'!$G$20=$B$17,14,0)+IF('Standard Profiles'!$G$20=$B$24,21,0),MOD($C8067,24)+1)/SUM(INDEX($D$3:$AA$30,INDEX(Jesper!$R$2:$R$366,ROW(INDEX(Jesper!AJ$2:AJ$366,ROUNDDOWN($C8067/24,0)+1,1))-1)+IF('Standard Profiles'!$G$20=$B$10,7,0)+IF('Standard Profiles'!$G$20=$B$17,14,0)+IF('Standard Profiles'!$G$20=$B$24,21,0),0)),0)</f>
        <v>0</v>
      </c>
      <c r="G8067" cm="1">
        <f t="array" ref="G8067">IFERROR(INDEX(Jesper!AK$2:AK$366,ROUNDDOWN($C8067/24,0)+1,1)*INDEX($D$3:$AA$30,INDEX(Jesper!$R$2:$R$366,ROW(INDEX(Jesper!AK$2:AK$366,ROUNDDOWN($C8067/24,0)+1,1))-1)+IF('Standard Profiles'!$G$21=$B$10,7,0)+IF('Standard Profiles'!$G$21=$B$17,14,0)+IF('Standard Profiles'!$G$21=$B$24,21,0),MOD($C8067,24)+1)/SUM(INDEX($D$3:$AA$30,INDEX(Jesper!$R$2:$R$366,ROW(INDEX(Jesper!AK$2:AK$366,ROUNDDOWN($C8067/24,0)+1,1))-1)+IF('Standard Profiles'!$G$21=$B$10,7,0)+IF('Standard Profiles'!$G$21=$B$17,14,0)+IF('Standard Profiles'!$G$21=$B$24,21,0),0)),0)</f>
        <v>0</v>
      </c>
      <c r="H8067" cm="1">
        <f t="array" ref="H8067">IFERROR(INDEX(Jesper!AL$2:AL$366,ROUNDDOWN($C8067/24,0)+1,1)*INDEX($D$3:$AA$30,INDEX(Jesper!$R$2:$R$366,ROW(INDEX(Jesper!AL$2:AL$366,ROUNDDOWN($C8067/24,0)+1,1))-1)+IF('Standard Profiles'!$G$22=$B$10,7,0)+IF('Standard Profiles'!$G$22=$B$17,14,0)+IF('Standard Profiles'!$G$22=$B$24,21,0),MOD($C8067,24)+1)/SUM(INDEX($D$3:$AA$30,INDEX(Jesper!$R$2:$R$366,ROW(INDEX(Jesper!AL$2:AL$366,ROUNDDOWN($C8067/24,0)+1,1))-1)+IF('Standard Profiles'!$G$22=$B$10,7,0)+IF('Standard Profiles'!$G$22=$B$17,14,0)+IF('Standard Profiles'!$G$22=$B$24,21,0),0)),0)</f>
        <v>0</v>
      </c>
      <c r="I8067">
        <f t="shared" si="895"/>
        <v>0.27900265786490941</v>
      </c>
      <c r="J8067">
        <f t="shared" si="896"/>
        <v>0.93000885954969825</v>
      </c>
      <c r="K8067">
        <f t="shared" si="897"/>
        <v>1.3950132893245473</v>
      </c>
      <c r="L8067">
        <f t="shared" si="898"/>
        <v>12.58614154120583</v>
      </c>
      <c r="M8067">
        <f t="shared" si="899"/>
        <v>0</v>
      </c>
      <c r="N8067" s="46">
        <f t="shared" si="900"/>
        <v>45626.708333313851</v>
      </c>
    </row>
    <row r="8068" spans="2:14" x14ac:dyDescent="0.3">
      <c r="B8068">
        <f t="shared" si="894"/>
        <v>6</v>
      </c>
      <c r="C8068" s="16">
        <v>8034</v>
      </c>
      <c r="D8068" cm="1">
        <f t="array" ref="D8068">IFERROR(INDEX(Jesper!AH$2:AH$366,ROUNDDOWN($C8068/24,0)+1,1)*INDEX($D$3:$AA$30,INDEX(Jesper!$R$2:$R$366,ROW(INDEX(Jesper!AH$2:AH$366,ROUNDDOWN($C8068/24,0)+1,1))-1)+IF('Standard Profiles'!$G$18=$B$10,7,0)+IF('Standard Profiles'!$G$18=$B$17,14,0)+IF('Standard Profiles'!$G$18=$B$24,21,0),MOD($C8068,24)+1)/SUM(INDEX($D$3:$AA$30,INDEX(Jesper!$R$2:$R$366,ROW(INDEX(Jesper!AH$2:AH$366,ROUNDDOWN($C8068/24,0)+1,1))-1)+IF('Standard Profiles'!$G$18=$B$10,7,0)+IF('Standard Profiles'!$G$18=$B$17,14,0)+IF('Standard Profiles'!$G$18=$B$24,21,0),0)),0)</f>
        <v>11.645339184694693</v>
      </c>
      <c r="E8068" cm="1">
        <f t="array" ref="E8068">IFERROR(INDEX(Jesper!AI$2:AI$366,ROUNDDOWN($C8068/24,0)+1,1)*INDEX($D$3:$AA$30,INDEX(Jesper!$R$2:$R$366,ROW(INDEX(Jesper!AI$2:AI$366,ROUNDDOWN($C8068/24,0)+1,1))-1)+IF('Standard Profiles'!$G$19=$B$10,7,0)+IF('Standard Profiles'!$G$19=$B$17,14,0)+IF('Standard Profiles'!$G$19=$B$24,21,0),MOD($C8068,24)+1)/SUM(INDEX($D$3:$AA$30,INDEX(Jesper!$R$2:$R$366,ROW(INDEX(Jesper!AI$2:AI$366,ROUNDDOWN($C8068/24,0)+1,1))-1)+IF('Standard Profiles'!$G$19=$B$10,7,0)+IF('Standard Profiles'!$G$19=$B$17,14,0)+IF('Standard Profiles'!$G$19=$B$24,21,0),0)),0)</f>
        <v>2.9822284096226972</v>
      </c>
      <c r="F8068" cm="1">
        <f t="array" ref="F8068">IFERROR(INDEX(Jesper!AJ$2:AJ$366,ROUNDDOWN($C8068/24,0)+1,1)*INDEX($D$3:$AA$30,INDEX(Jesper!$R$2:$R$366,ROW(INDEX(Jesper!AJ$2:AJ$366,ROUNDDOWN($C8068/24,0)+1,1))-1)+IF('Standard Profiles'!$G$20=$B$10,7,0)+IF('Standard Profiles'!$G$20=$B$17,14,0)+IF('Standard Profiles'!$G$20=$B$24,21,0),MOD($C8068,24)+1)/SUM(INDEX($D$3:$AA$30,INDEX(Jesper!$R$2:$R$366,ROW(INDEX(Jesper!AJ$2:AJ$366,ROUNDDOWN($C8068/24,0)+1,1))-1)+IF('Standard Profiles'!$G$20=$B$10,7,0)+IF('Standard Profiles'!$G$20=$B$17,14,0)+IF('Standard Profiles'!$G$20=$B$24,21,0),0)),0)</f>
        <v>0</v>
      </c>
      <c r="G8068" cm="1">
        <f t="array" ref="G8068">IFERROR(INDEX(Jesper!AK$2:AK$366,ROUNDDOWN($C8068/24,0)+1,1)*INDEX($D$3:$AA$30,INDEX(Jesper!$R$2:$R$366,ROW(INDEX(Jesper!AK$2:AK$366,ROUNDDOWN($C8068/24,0)+1,1))-1)+IF('Standard Profiles'!$G$21=$B$10,7,0)+IF('Standard Profiles'!$G$21=$B$17,14,0)+IF('Standard Profiles'!$G$21=$B$24,21,0),MOD($C8068,24)+1)/SUM(INDEX($D$3:$AA$30,INDEX(Jesper!$R$2:$R$366,ROW(INDEX(Jesper!AK$2:AK$366,ROUNDDOWN($C8068/24,0)+1,1))-1)+IF('Standard Profiles'!$G$21=$B$10,7,0)+IF('Standard Profiles'!$G$21=$B$17,14,0)+IF('Standard Profiles'!$G$21=$B$24,21,0),0)),0)</f>
        <v>0</v>
      </c>
      <c r="H8068" cm="1">
        <f t="array" ref="H8068">IFERROR(INDEX(Jesper!AL$2:AL$366,ROUNDDOWN($C8068/24,0)+1,1)*INDEX($D$3:$AA$30,INDEX(Jesper!$R$2:$R$366,ROW(INDEX(Jesper!AL$2:AL$366,ROUNDDOWN($C8068/24,0)+1,1))-1)+IF('Standard Profiles'!$G$22=$B$10,7,0)+IF('Standard Profiles'!$G$22=$B$17,14,0)+IF('Standard Profiles'!$G$22=$B$24,21,0),MOD($C8068,24)+1)/SUM(INDEX($D$3:$AA$30,INDEX(Jesper!$R$2:$R$366,ROW(INDEX(Jesper!AL$2:AL$366,ROUNDDOWN($C8068/24,0)+1,1))-1)+IF('Standard Profiles'!$G$22=$B$10,7,0)+IF('Standard Profiles'!$G$22=$B$17,14,0)+IF('Standard Profiles'!$G$22=$B$24,21,0),0)),0)</f>
        <v>0</v>
      </c>
      <c r="I8068">
        <f t="shared" si="895"/>
        <v>0.26866922609213495</v>
      </c>
      <c r="J8068">
        <f t="shared" si="896"/>
        <v>0.89556408697378331</v>
      </c>
      <c r="K8068">
        <f t="shared" si="897"/>
        <v>1.3433461304606749</v>
      </c>
      <c r="L8068">
        <f t="shared" si="898"/>
        <v>12.119988150790798</v>
      </c>
      <c r="M8068">
        <f t="shared" si="899"/>
        <v>0</v>
      </c>
      <c r="N8068" s="46">
        <f t="shared" si="900"/>
        <v>45626.749999980515</v>
      </c>
    </row>
    <row r="8069" spans="2:14" x14ac:dyDescent="0.3">
      <c r="B8069">
        <f t="shared" si="894"/>
        <v>6</v>
      </c>
      <c r="C8069" s="16">
        <v>8035</v>
      </c>
      <c r="D8069" cm="1">
        <f t="array" ref="D8069">IFERROR(INDEX(Jesper!AH$2:AH$366,ROUNDDOWN($C8069/24,0)+1,1)*INDEX($D$3:$AA$30,INDEX(Jesper!$R$2:$R$366,ROW(INDEX(Jesper!AH$2:AH$366,ROUNDDOWN($C8069/24,0)+1,1))-1)+IF('Standard Profiles'!$G$18=$B$10,7,0)+IF('Standard Profiles'!$G$18=$B$17,14,0)+IF('Standard Profiles'!$G$18=$B$24,21,0),MOD($C8069,24)+1)/SUM(INDEX($D$3:$AA$30,INDEX(Jesper!$R$2:$R$366,ROW(INDEX(Jesper!AH$2:AH$366,ROUNDDOWN($C8069/24,0)+1,1))-1)+IF('Standard Profiles'!$G$18=$B$10,7,0)+IF('Standard Profiles'!$G$18=$B$17,14,0)+IF('Standard Profiles'!$G$18=$B$24,21,0),0)),0)</f>
        <v>9.4058508799457137</v>
      </c>
      <c r="E8069" cm="1">
        <f t="array" ref="E8069">IFERROR(INDEX(Jesper!AI$2:AI$366,ROUNDDOWN($C8069/24,0)+1,1)*INDEX($D$3:$AA$30,INDEX(Jesper!$R$2:$R$366,ROW(INDEX(Jesper!AI$2:AI$366,ROUNDDOWN($C8069/24,0)+1,1))-1)+IF('Standard Profiles'!$G$19=$B$10,7,0)+IF('Standard Profiles'!$G$19=$B$17,14,0)+IF('Standard Profiles'!$G$19=$B$24,21,0),MOD($C8069,24)+1)/SUM(INDEX($D$3:$AA$30,INDEX(Jesper!$R$2:$R$366,ROW(INDEX(Jesper!AI$2:AI$366,ROUNDDOWN($C8069/24,0)+1,1))-1)+IF('Standard Profiles'!$G$19=$B$10,7,0)+IF('Standard Profiles'!$G$19=$B$17,14,0)+IF('Standard Profiles'!$G$19=$B$24,21,0),0)),0)</f>
        <v>2.4087229462337172</v>
      </c>
      <c r="F8069" cm="1">
        <f t="array" ref="F8069">IFERROR(INDEX(Jesper!AJ$2:AJ$366,ROUNDDOWN($C8069/24,0)+1,1)*INDEX($D$3:$AA$30,INDEX(Jesper!$R$2:$R$366,ROW(INDEX(Jesper!AJ$2:AJ$366,ROUNDDOWN($C8069/24,0)+1,1))-1)+IF('Standard Profiles'!$G$20=$B$10,7,0)+IF('Standard Profiles'!$G$20=$B$17,14,0)+IF('Standard Profiles'!$G$20=$B$24,21,0),MOD($C8069,24)+1)/SUM(INDEX($D$3:$AA$30,INDEX(Jesper!$R$2:$R$366,ROW(INDEX(Jesper!AJ$2:AJ$366,ROUNDDOWN($C8069/24,0)+1,1))-1)+IF('Standard Profiles'!$G$20=$B$10,7,0)+IF('Standard Profiles'!$G$20=$B$17,14,0)+IF('Standard Profiles'!$G$20=$B$24,21,0),0)),0)</f>
        <v>0</v>
      </c>
      <c r="G8069" cm="1">
        <f t="array" ref="G8069">IFERROR(INDEX(Jesper!AK$2:AK$366,ROUNDDOWN($C8069/24,0)+1,1)*INDEX($D$3:$AA$30,INDEX(Jesper!$R$2:$R$366,ROW(INDEX(Jesper!AK$2:AK$366,ROUNDDOWN($C8069/24,0)+1,1))-1)+IF('Standard Profiles'!$G$21=$B$10,7,0)+IF('Standard Profiles'!$G$21=$B$17,14,0)+IF('Standard Profiles'!$G$21=$B$24,21,0),MOD($C8069,24)+1)/SUM(INDEX($D$3:$AA$30,INDEX(Jesper!$R$2:$R$366,ROW(INDEX(Jesper!AK$2:AK$366,ROUNDDOWN($C8069/24,0)+1,1))-1)+IF('Standard Profiles'!$G$21=$B$10,7,0)+IF('Standard Profiles'!$G$21=$B$17,14,0)+IF('Standard Profiles'!$G$21=$B$24,21,0),0)),0)</f>
        <v>0</v>
      </c>
      <c r="H8069" cm="1">
        <f t="array" ref="H8069">IFERROR(INDEX(Jesper!AL$2:AL$366,ROUNDDOWN($C8069/24,0)+1,1)*INDEX($D$3:$AA$30,INDEX(Jesper!$R$2:$R$366,ROW(INDEX(Jesper!AL$2:AL$366,ROUNDDOWN($C8069/24,0)+1,1))-1)+IF('Standard Profiles'!$G$22=$B$10,7,0)+IF('Standard Profiles'!$G$22=$B$17,14,0)+IF('Standard Profiles'!$G$22=$B$24,21,0),MOD($C8069,24)+1)/SUM(INDEX($D$3:$AA$30,INDEX(Jesper!$R$2:$R$366,ROW(INDEX(Jesper!AL$2:AL$366,ROUNDDOWN($C8069/24,0)+1,1))-1)+IF('Standard Profiles'!$G$22=$B$10,7,0)+IF('Standard Profiles'!$G$22=$B$17,14,0)+IF('Standard Profiles'!$G$22=$B$24,21,0),0)),0)</f>
        <v>0</v>
      </c>
      <c r="I8069">
        <f t="shared" si="895"/>
        <v>0.21700206722826287</v>
      </c>
      <c r="J8069">
        <f t="shared" si="896"/>
        <v>0.72334022409420962</v>
      </c>
      <c r="K8069">
        <f t="shared" si="897"/>
        <v>1.0850103361413144</v>
      </c>
      <c r="L8069">
        <f t="shared" si="898"/>
        <v>9.7892211987156443</v>
      </c>
      <c r="M8069">
        <f t="shared" si="899"/>
        <v>0</v>
      </c>
      <c r="N8069" s="46">
        <f t="shared" si="900"/>
        <v>45626.791666647179</v>
      </c>
    </row>
    <row r="8070" spans="2:14" x14ac:dyDescent="0.3">
      <c r="B8070">
        <f t="shared" si="894"/>
        <v>6</v>
      </c>
      <c r="C8070" s="16">
        <v>8036</v>
      </c>
      <c r="D8070" cm="1">
        <f t="array" ref="D8070">IFERROR(INDEX(Jesper!AH$2:AH$366,ROUNDDOWN($C8070/24,0)+1,1)*INDEX($D$3:$AA$30,INDEX(Jesper!$R$2:$R$366,ROW(INDEX(Jesper!AH$2:AH$366,ROUNDDOWN($C8070/24,0)+1,1))-1)+IF('Standard Profiles'!$G$18=$B$10,7,0)+IF('Standard Profiles'!$G$18=$B$17,14,0)+IF('Standard Profiles'!$G$18=$B$24,21,0),MOD($C8070,24)+1)/SUM(INDEX($D$3:$AA$30,INDEX(Jesper!$R$2:$R$366,ROW(INDEX(Jesper!AH$2:AH$366,ROUNDDOWN($C8070/24,0)+1,1))-1)+IF('Standard Profiles'!$G$18=$B$10,7,0)+IF('Standard Profiles'!$G$18=$B$17,14,0)+IF('Standard Profiles'!$G$18=$B$24,21,0),0)),0)</f>
        <v>6.9424137447218364</v>
      </c>
      <c r="E8070" cm="1">
        <f t="array" ref="E8070">IFERROR(INDEX(Jesper!AI$2:AI$366,ROUNDDOWN($C8070/24,0)+1,1)*INDEX($D$3:$AA$30,INDEX(Jesper!$R$2:$R$366,ROW(INDEX(Jesper!AI$2:AI$366,ROUNDDOWN($C8070/24,0)+1,1))-1)+IF('Standard Profiles'!$G$19=$B$10,7,0)+IF('Standard Profiles'!$G$19=$B$17,14,0)+IF('Standard Profiles'!$G$19=$B$24,21,0),MOD($C8070,24)+1)/SUM(INDEX($D$3:$AA$30,INDEX(Jesper!$R$2:$R$366,ROW(INDEX(Jesper!AI$2:AI$366,ROUNDDOWN($C8070/24,0)+1,1))-1)+IF('Standard Profiles'!$G$19=$B$10,7,0)+IF('Standard Profiles'!$G$19=$B$17,14,0)+IF('Standard Profiles'!$G$19=$B$24,21,0),0)),0)</f>
        <v>1.7778669365058388</v>
      </c>
      <c r="F8070" cm="1">
        <f t="array" ref="F8070">IFERROR(INDEX(Jesper!AJ$2:AJ$366,ROUNDDOWN($C8070/24,0)+1,1)*INDEX($D$3:$AA$30,INDEX(Jesper!$R$2:$R$366,ROW(INDEX(Jesper!AJ$2:AJ$366,ROUNDDOWN($C8070/24,0)+1,1))-1)+IF('Standard Profiles'!$G$20=$B$10,7,0)+IF('Standard Profiles'!$G$20=$B$17,14,0)+IF('Standard Profiles'!$G$20=$B$24,21,0),MOD($C8070,24)+1)/SUM(INDEX($D$3:$AA$30,INDEX(Jesper!$R$2:$R$366,ROW(INDEX(Jesper!AJ$2:AJ$366,ROUNDDOWN($C8070/24,0)+1,1))-1)+IF('Standard Profiles'!$G$20=$B$10,7,0)+IF('Standard Profiles'!$G$20=$B$17,14,0)+IF('Standard Profiles'!$G$20=$B$24,21,0),0)),0)</f>
        <v>0</v>
      </c>
      <c r="G8070" cm="1">
        <f t="array" ref="G8070">IFERROR(INDEX(Jesper!AK$2:AK$366,ROUNDDOWN($C8070/24,0)+1,1)*INDEX($D$3:$AA$30,INDEX(Jesper!$R$2:$R$366,ROW(INDEX(Jesper!AK$2:AK$366,ROUNDDOWN($C8070/24,0)+1,1))-1)+IF('Standard Profiles'!$G$21=$B$10,7,0)+IF('Standard Profiles'!$G$21=$B$17,14,0)+IF('Standard Profiles'!$G$21=$B$24,21,0),MOD($C8070,24)+1)/SUM(INDEX($D$3:$AA$30,INDEX(Jesper!$R$2:$R$366,ROW(INDEX(Jesper!AK$2:AK$366,ROUNDDOWN($C8070/24,0)+1,1))-1)+IF('Standard Profiles'!$G$21=$B$10,7,0)+IF('Standard Profiles'!$G$21=$B$17,14,0)+IF('Standard Profiles'!$G$21=$B$24,21,0),0)),0)</f>
        <v>0</v>
      </c>
      <c r="H8070" cm="1">
        <f t="array" ref="H8070">IFERROR(INDEX(Jesper!AL$2:AL$366,ROUNDDOWN($C8070/24,0)+1,1)*INDEX($D$3:$AA$30,INDEX(Jesper!$R$2:$R$366,ROW(INDEX(Jesper!AL$2:AL$366,ROUNDDOWN($C8070/24,0)+1,1))-1)+IF('Standard Profiles'!$G$22=$B$10,7,0)+IF('Standard Profiles'!$G$22=$B$17,14,0)+IF('Standard Profiles'!$G$22=$B$24,21,0),MOD($C8070,24)+1)/SUM(INDEX($D$3:$AA$30,INDEX(Jesper!$R$2:$R$366,ROW(INDEX(Jesper!AL$2:AL$366,ROUNDDOWN($C8070/24,0)+1,1))-1)+IF('Standard Profiles'!$G$22=$B$10,7,0)+IF('Standard Profiles'!$G$22=$B$17,14,0)+IF('Standard Profiles'!$G$22=$B$24,21,0),0)),0)</f>
        <v>0</v>
      </c>
      <c r="I8070">
        <f t="shared" si="895"/>
        <v>0.16016819247800354</v>
      </c>
      <c r="J8070">
        <f t="shared" si="896"/>
        <v>0.53389397492667856</v>
      </c>
      <c r="K8070">
        <f t="shared" si="897"/>
        <v>0.80084096239001779</v>
      </c>
      <c r="L8070">
        <f t="shared" si="898"/>
        <v>7.2253775514329757</v>
      </c>
      <c r="M8070">
        <f t="shared" si="899"/>
        <v>0</v>
      </c>
      <c r="N8070" s="46">
        <f t="shared" si="900"/>
        <v>45626.833333313843</v>
      </c>
    </row>
    <row r="8071" spans="2:14" x14ac:dyDescent="0.3">
      <c r="B8071">
        <f t="shared" si="894"/>
        <v>6</v>
      </c>
      <c r="C8071" s="16">
        <v>8037</v>
      </c>
      <c r="D8071" cm="1">
        <f t="array" ref="D8071">IFERROR(INDEX(Jesper!AH$2:AH$366,ROUNDDOWN($C8071/24,0)+1,1)*INDEX($D$3:$AA$30,INDEX(Jesper!$R$2:$R$366,ROW(INDEX(Jesper!AH$2:AH$366,ROUNDDOWN($C8071/24,0)+1,1))-1)+IF('Standard Profiles'!$G$18=$B$10,7,0)+IF('Standard Profiles'!$G$18=$B$17,14,0)+IF('Standard Profiles'!$G$18=$B$24,21,0),MOD($C8071,24)+1)/SUM(INDEX($D$3:$AA$30,INDEX(Jesper!$R$2:$R$366,ROW(INDEX(Jesper!AH$2:AH$366,ROUNDDOWN($C8071/24,0)+1,1))-1)+IF('Standard Profiles'!$G$18=$B$10,7,0)+IF('Standard Profiles'!$G$18=$B$17,14,0)+IF('Standard Profiles'!$G$18=$B$24,21,0),0)),0)</f>
        <v>6.9424137447218364</v>
      </c>
      <c r="E8071" cm="1">
        <f t="array" ref="E8071">IFERROR(INDEX(Jesper!AI$2:AI$366,ROUNDDOWN($C8071/24,0)+1,1)*INDEX($D$3:$AA$30,INDEX(Jesper!$R$2:$R$366,ROW(INDEX(Jesper!AI$2:AI$366,ROUNDDOWN($C8071/24,0)+1,1))-1)+IF('Standard Profiles'!$G$19=$B$10,7,0)+IF('Standard Profiles'!$G$19=$B$17,14,0)+IF('Standard Profiles'!$G$19=$B$24,21,0),MOD($C8071,24)+1)/SUM(INDEX($D$3:$AA$30,INDEX(Jesper!$R$2:$R$366,ROW(INDEX(Jesper!AI$2:AI$366,ROUNDDOWN($C8071/24,0)+1,1))-1)+IF('Standard Profiles'!$G$19=$B$10,7,0)+IF('Standard Profiles'!$G$19=$B$17,14,0)+IF('Standard Profiles'!$G$19=$B$24,21,0),0)),0)</f>
        <v>1.7778669365058388</v>
      </c>
      <c r="F8071" cm="1">
        <f t="array" ref="F8071">IFERROR(INDEX(Jesper!AJ$2:AJ$366,ROUNDDOWN($C8071/24,0)+1,1)*INDEX($D$3:$AA$30,INDEX(Jesper!$R$2:$R$366,ROW(INDEX(Jesper!AJ$2:AJ$366,ROUNDDOWN($C8071/24,0)+1,1))-1)+IF('Standard Profiles'!$G$20=$B$10,7,0)+IF('Standard Profiles'!$G$20=$B$17,14,0)+IF('Standard Profiles'!$G$20=$B$24,21,0),MOD($C8071,24)+1)/SUM(INDEX($D$3:$AA$30,INDEX(Jesper!$R$2:$R$366,ROW(INDEX(Jesper!AJ$2:AJ$366,ROUNDDOWN($C8071/24,0)+1,1))-1)+IF('Standard Profiles'!$G$20=$B$10,7,0)+IF('Standard Profiles'!$G$20=$B$17,14,0)+IF('Standard Profiles'!$G$20=$B$24,21,0),0)),0)</f>
        <v>0</v>
      </c>
      <c r="G8071" cm="1">
        <f t="array" ref="G8071">IFERROR(INDEX(Jesper!AK$2:AK$366,ROUNDDOWN($C8071/24,0)+1,1)*INDEX($D$3:$AA$30,INDEX(Jesper!$R$2:$R$366,ROW(INDEX(Jesper!AK$2:AK$366,ROUNDDOWN($C8071/24,0)+1,1))-1)+IF('Standard Profiles'!$G$21=$B$10,7,0)+IF('Standard Profiles'!$G$21=$B$17,14,0)+IF('Standard Profiles'!$G$21=$B$24,21,0),MOD($C8071,24)+1)/SUM(INDEX($D$3:$AA$30,INDEX(Jesper!$R$2:$R$366,ROW(INDEX(Jesper!AK$2:AK$366,ROUNDDOWN($C8071/24,0)+1,1))-1)+IF('Standard Profiles'!$G$21=$B$10,7,0)+IF('Standard Profiles'!$G$21=$B$17,14,0)+IF('Standard Profiles'!$G$21=$B$24,21,0),0)),0)</f>
        <v>0</v>
      </c>
      <c r="H8071" cm="1">
        <f t="array" ref="H8071">IFERROR(INDEX(Jesper!AL$2:AL$366,ROUNDDOWN($C8071/24,0)+1,1)*INDEX($D$3:$AA$30,INDEX(Jesper!$R$2:$R$366,ROW(INDEX(Jesper!AL$2:AL$366,ROUNDDOWN($C8071/24,0)+1,1))-1)+IF('Standard Profiles'!$G$22=$B$10,7,0)+IF('Standard Profiles'!$G$22=$B$17,14,0)+IF('Standard Profiles'!$G$22=$B$24,21,0),MOD($C8071,24)+1)/SUM(INDEX($D$3:$AA$30,INDEX(Jesper!$R$2:$R$366,ROW(INDEX(Jesper!AL$2:AL$366,ROUNDDOWN($C8071/24,0)+1,1))-1)+IF('Standard Profiles'!$G$22=$B$10,7,0)+IF('Standard Profiles'!$G$22=$B$17,14,0)+IF('Standard Profiles'!$G$22=$B$24,21,0),0)),0)</f>
        <v>0</v>
      </c>
      <c r="I8071">
        <f t="shared" si="895"/>
        <v>0.16016819247800354</v>
      </c>
      <c r="J8071">
        <f t="shared" si="896"/>
        <v>0.53389397492667856</v>
      </c>
      <c r="K8071">
        <f t="shared" si="897"/>
        <v>0.80084096239001779</v>
      </c>
      <c r="L8071">
        <f t="shared" si="898"/>
        <v>7.2253775514329757</v>
      </c>
      <c r="M8071">
        <f t="shared" si="899"/>
        <v>0</v>
      </c>
      <c r="N8071" s="46">
        <f t="shared" si="900"/>
        <v>45626.874999980508</v>
      </c>
    </row>
    <row r="8072" spans="2:14" x14ac:dyDescent="0.3">
      <c r="B8072">
        <f t="shared" si="894"/>
        <v>6</v>
      </c>
      <c r="C8072" s="16">
        <v>8038</v>
      </c>
      <c r="D8072" cm="1">
        <f t="array" ref="D8072">IFERROR(INDEX(Jesper!AH$2:AH$366,ROUNDDOWN($C8072/24,0)+1,1)*INDEX($D$3:$AA$30,INDEX(Jesper!$R$2:$R$366,ROW(INDEX(Jesper!AH$2:AH$366,ROUNDDOWN($C8072/24,0)+1,1))-1)+IF('Standard Profiles'!$G$18=$B$10,7,0)+IF('Standard Profiles'!$G$18=$B$17,14,0)+IF('Standard Profiles'!$G$18=$B$24,21,0),MOD($C8072,24)+1)/SUM(INDEX($D$3:$AA$30,INDEX(Jesper!$R$2:$R$366,ROW(INDEX(Jesper!AH$2:AH$366,ROUNDDOWN($C8072/24,0)+1,1))-1)+IF('Standard Profiles'!$G$18=$B$10,7,0)+IF('Standard Profiles'!$G$18=$B$17,14,0)+IF('Standard Profiles'!$G$18=$B$24,21,0),0)),0)</f>
        <v>6.9424137447218364</v>
      </c>
      <c r="E8072" cm="1">
        <f t="array" ref="E8072">IFERROR(INDEX(Jesper!AI$2:AI$366,ROUNDDOWN($C8072/24,0)+1,1)*INDEX($D$3:$AA$30,INDEX(Jesper!$R$2:$R$366,ROW(INDEX(Jesper!AI$2:AI$366,ROUNDDOWN($C8072/24,0)+1,1))-1)+IF('Standard Profiles'!$G$19=$B$10,7,0)+IF('Standard Profiles'!$G$19=$B$17,14,0)+IF('Standard Profiles'!$G$19=$B$24,21,0),MOD($C8072,24)+1)/SUM(INDEX($D$3:$AA$30,INDEX(Jesper!$R$2:$R$366,ROW(INDEX(Jesper!AI$2:AI$366,ROUNDDOWN($C8072/24,0)+1,1))-1)+IF('Standard Profiles'!$G$19=$B$10,7,0)+IF('Standard Profiles'!$G$19=$B$17,14,0)+IF('Standard Profiles'!$G$19=$B$24,21,0),0)),0)</f>
        <v>1.7778669365058388</v>
      </c>
      <c r="F8072" cm="1">
        <f t="array" ref="F8072">IFERROR(INDEX(Jesper!AJ$2:AJ$366,ROUNDDOWN($C8072/24,0)+1,1)*INDEX($D$3:$AA$30,INDEX(Jesper!$R$2:$R$366,ROW(INDEX(Jesper!AJ$2:AJ$366,ROUNDDOWN($C8072/24,0)+1,1))-1)+IF('Standard Profiles'!$G$20=$B$10,7,0)+IF('Standard Profiles'!$G$20=$B$17,14,0)+IF('Standard Profiles'!$G$20=$B$24,21,0),MOD($C8072,24)+1)/SUM(INDEX($D$3:$AA$30,INDEX(Jesper!$R$2:$R$366,ROW(INDEX(Jesper!AJ$2:AJ$366,ROUNDDOWN($C8072/24,0)+1,1))-1)+IF('Standard Profiles'!$G$20=$B$10,7,0)+IF('Standard Profiles'!$G$20=$B$17,14,0)+IF('Standard Profiles'!$G$20=$B$24,21,0),0)),0)</f>
        <v>0</v>
      </c>
      <c r="G8072" cm="1">
        <f t="array" ref="G8072">IFERROR(INDEX(Jesper!AK$2:AK$366,ROUNDDOWN($C8072/24,0)+1,1)*INDEX($D$3:$AA$30,INDEX(Jesper!$R$2:$R$366,ROW(INDEX(Jesper!AK$2:AK$366,ROUNDDOWN($C8072/24,0)+1,1))-1)+IF('Standard Profiles'!$G$21=$B$10,7,0)+IF('Standard Profiles'!$G$21=$B$17,14,0)+IF('Standard Profiles'!$G$21=$B$24,21,0),MOD($C8072,24)+1)/SUM(INDEX($D$3:$AA$30,INDEX(Jesper!$R$2:$R$366,ROW(INDEX(Jesper!AK$2:AK$366,ROUNDDOWN($C8072/24,0)+1,1))-1)+IF('Standard Profiles'!$G$21=$B$10,7,0)+IF('Standard Profiles'!$G$21=$B$17,14,0)+IF('Standard Profiles'!$G$21=$B$24,21,0),0)),0)</f>
        <v>0</v>
      </c>
      <c r="H8072" cm="1">
        <f t="array" ref="H8072">IFERROR(INDEX(Jesper!AL$2:AL$366,ROUNDDOWN($C8072/24,0)+1,1)*INDEX($D$3:$AA$30,INDEX(Jesper!$R$2:$R$366,ROW(INDEX(Jesper!AL$2:AL$366,ROUNDDOWN($C8072/24,0)+1,1))-1)+IF('Standard Profiles'!$G$22=$B$10,7,0)+IF('Standard Profiles'!$G$22=$B$17,14,0)+IF('Standard Profiles'!$G$22=$B$24,21,0),MOD($C8072,24)+1)/SUM(INDEX($D$3:$AA$30,INDEX(Jesper!$R$2:$R$366,ROW(INDEX(Jesper!AL$2:AL$366,ROUNDDOWN($C8072/24,0)+1,1))-1)+IF('Standard Profiles'!$G$22=$B$10,7,0)+IF('Standard Profiles'!$G$22=$B$17,14,0)+IF('Standard Profiles'!$G$22=$B$24,21,0),0)),0)</f>
        <v>0</v>
      </c>
      <c r="I8072">
        <f t="shared" si="895"/>
        <v>0.16016819247800354</v>
      </c>
      <c r="J8072">
        <f t="shared" si="896"/>
        <v>0.53389397492667856</v>
      </c>
      <c r="K8072">
        <f t="shared" si="897"/>
        <v>0.80084096239001779</v>
      </c>
      <c r="L8072">
        <f t="shared" si="898"/>
        <v>7.2253775514329757</v>
      </c>
      <c r="M8072">
        <f t="shared" si="899"/>
        <v>0</v>
      </c>
      <c r="N8072" s="46">
        <f t="shared" si="900"/>
        <v>45626.916666647172</v>
      </c>
    </row>
    <row r="8073" spans="2:14" x14ac:dyDescent="0.3">
      <c r="B8073">
        <f t="shared" si="894"/>
        <v>6</v>
      </c>
      <c r="C8073" s="16">
        <v>8039</v>
      </c>
      <c r="D8073" cm="1">
        <f t="array" ref="D8073">IFERROR(INDEX(Jesper!AH$2:AH$366,ROUNDDOWN($C8073/24,0)+1,1)*INDEX($D$3:$AA$30,INDEX(Jesper!$R$2:$R$366,ROW(INDEX(Jesper!AH$2:AH$366,ROUNDDOWN($C8073/24,0)+1,1))-1)+IF('Standard Profiles'!$G$18=$B$10,7,0)+IF('Standard Profiles'!$G$18=$B$17,14,0)+IF('Standard Profiles'!$G$18=$B$24,21,0),MOD($C8073,24)+1)/SUM(INDEX($D$3:$AA$30,INDEX(Jesper!$R$2:$R$366,ROW(INDEX(Jesper!AH$2:AH$366,ROUNDDOWN($C8073/24,0)+1,1))-1)+IF('Standard Profiles'!$G$18=$B$10,7,0)+IF('Standard Profiles'!$G$18=$B$17,14,0)+IF('Standard Profiles'!$G$18=$B$24,21,0),0)),0)</f>
        <v>6.9424137447218364</v>
      </c>
      <c r="E8073" cm="1">
        <f t="array" ref="E8073">IFERROR(INDEX(Jesper!AI$2:AI$366,ROUNDDOWN($C8073/24,0)+1,1)*INDEX($D$3:$AA$30,INDEX(Jesper!$R$2:$R$366,ROW(INDEX(Jesper!AI$2:AI$366,ROUNDDOWN($C8073/24,0)+1,1))-1)+IF('Standard Profiles'!$G$19=$B$10,7,0)+IF('Standard Profiles'!$G$19=$B$17,14,0)+IF('Standard Profiles'!$G$19=$B$24,21,0),MOD($C8073,24)+1)/SUM(INDEX($D$3:$AA$30,INDEX(Jesper!$R$2:$R$366,ROW(INDEX(Jesper!AI$2:AI$366,ROUNDDOWN($C8073/24,0)+1,1))-1)+IF('Standard Profiles'!$G$19=$B$10,7,0)+IF('Standard Profiles'!$G$19=$B$17,14,0)+IF('Standard Profiles'!$G$19=$B$24,21,0),0)),0)</f>
        <v>1.7778669365058388</v>
      </c>
      <c r="F8073" cm="1">
        <f t="array" ref="F8073">IFERROR(INDEX(Jesper!AJ$2:AJ$366,ROUNDDOWN($C8073/24,0)+1,1)*INDEX($D$3:$AA$30,INDEX(Jesper!$R$2:$R$366,ROW(INDEX(Jesper!AJ$2:AJ$366,ROUNDDOWN($C8073/24,0)+1,1))-1)+IF('Standard Profiles'!$G$20=$B$10,7,0)+IF('Standard Profiles'!$G$20=$B$17,14,0)+IF('Standard Profiles'!$G$20=$B$24,21,0),MOD($C8073,24)+1)/SUM(INDEX($D$3:$AA$30,INDEX(Jesper!$R$2:$R$366,ROW(INDEX(Jesper!AJ$2:AJ$366,ROUNDDOWN($C8073/24,0)+1,1))-1)+IF('Standard Profiles'!$G$20=$B$10,7,0)+IF('Standard Profiles'!$G$20=$B$17,14,0)+IF('Standard Profiles'!$G$20=$B$24,21,0),0)),0)</f>
        <v>0</v>
      </c>
      <c r="G8073" cm="1">
        <f t="array" ref="G8073">IFERROR(INDEX(Jesper!AK$2:AK$366,ROUNDDOWN($C8073/24,0)+1,1)*INDEX($D$3:$AA$30,INDEX(Jesper!$R$2:$R$366,ROW(INDEX(Jesper!AK$2:AK$366,ROUNDDOWN($C8073/24,0)+1,1))-1)+IF('Standard Profiles'!$G$21=$B$10,7,0)+IF('Standard Profiles'!$G$21=$B$17,14,0)+IF('Standard Profiles'!$G$21=$B$24,21,0),MOD($C8073,24)+1)/SUM(INDEX($D$3:$AA$30,INDEX(Jesper!$R$2:$R$366,ROW(INDEX(Jesper!AK$2:AK$366,ROUNDDOWN($C8073/24,0)+1,1))-1)+IF('Standard Profiles'!$G$21=$B$10,7,0)+IF('Standard Profiles'!$G$21=$B$17,14,0)+IF('Standard Profiles'!$G$21=$B$24,21,0),0)),0)</f>
        <v>0</v>
      </c>
      <c r="H8073" cm="1">
        <f t="array" ref="H8073">IFERROR(INDEX(Jesper!AL$2:AL$366,ROUNDDOWN($C8073/24,0)+1,1)*INDEX($D$3:$AA$30,INDEX(Jesper!$R$2:$R$366,ROW(INDEX(Jesper!AL$2:AL$366,ROUNDDOWN($C8073/24,0)+1,1))-1)+IF('Standard Profiles'!$G$22=$B$10,7,0)+IF('Standard Profiles'!$G$22=$B$17,14,0)+IF('Standard Profiles'!$G$22=$B$24,21,0),MOD($C8073,24)+1)/SUM(INDEX($D$3:$AA$30,INDEX(Jesper!$R$2:$R$366,ROW(INDEX(Jesper!AL$2:AL$366,ROUNDDOWN($C8073/24,0)+1,1))-1)+IF('Standard Profiles'!$G$22=$B$10,7,0)+IF('Standard Profiles'!$G$22=$B$17,14,0)+IF('Standard Profiles'!$G$22=$B$24,21,0),0)),0)</f>
        <v>0</v>
      </c>
      <c r="I8073">
        <f t="shared" si="895"/>
        <v>0.16016819247800354</v>
      </c>
      <c r="J8073">
        <f t="shared" si="896"/>
        <v>0.53389397492667856</v>
      </c>
      <c r="K8073">
        <f t="shared" si="897"/>
        <v>0.80084096239001779</v>
      </c>
      <c r="L8073">
        <f t="shared" si="898"/>
        <v>7.2253775514329757</v>
      </c>
      <c r="M8073">
        <f t="shared" si="899"/>
        <v>0</v>
      </c>
      <c r="N8073" s="46">
        <f t="shared" si="900"/>
        <v>45626.958333313836</v>
      </c>
    </row>
    <row r="8074" spans="2:14" x14ac:dyDescent="0.3">
      <c r="B8074">
        <f t="shared" si="894"/>
        <v>7</v>
      </c>
      <c r="C8074" s="16">
        <v>8040</v>
      </c>
      <c r="D8074" cm="1">
        <f t="array" ref="D8074">IFERROR(INDEX(Jesper!AH$2:AH$366,ROUNDDOWN($C8074/24,0)+1,1)*INDEX($D$3:$AA$30,INDEX(Jesper!$R$2:$R$366,ROW(INDEX(Jesper!AH$2:AH$366,ROUNDDOWN($C8074/24,0)+1,1))-1)+IF('Standard Profiles'!$G$18=$B$10,7,0)+IF('Standard Profiles'!$G$18=$B$17,14,0)+IF('Standard Profiles'!$G$18=$B$24,21,0),MOD($C8074,24)+1)/SUM(INDEX($D$3:$AA$30,INDEX(Jesper!$R$2:$R$366,ROW(INDEX(Jesper!AH$2:AH$366,ROUNDDOWN($C8074/24,0)+1,1))-1)+IF('Standard Profiles'!$G$18=$B$10,7,0)+IF('Standard Profiles'!$G$18=$B$17,14,0)+IF('Standard Profiles'!$G$18=$B$24,21,0),0)),0)</f>
        <v>8.0317268841417739</v>
      </c>
      <c r="E8074" cm="1">
        <f t="array" ref="E8074">IFERROR(INDEX(Jesper!AI$2:AI$366,ROUNDDOWN($C8074/24,0)+1,1)*INDEX($D$3:$AA$30,INDEX(Jesper!$R$2:$R$366,ROW(INDEX(Jesper!AI$2:AI$366,ROUNDDOWN($C8074/24,0)+1,1))-1)+IF('Standard Profiles'!$G$19=$B$10,7,0)+IF('Standard Profiles'!$G$19=$B$17,14,0)+IF('Standard Profiles'!$G$19=$B$24,21,0),MOD($C8074,24)+1)/SUM(INDEX($D$3:$AA$30,INDEX(Jesper!$R$2:$R$366,ROW(INDEX(Jesper!AI$2:AI$366,ROUNDDOWN($C8074/24,0)+1,1))-1)+IF('Standard Profiles'!$G$19=$B$10,7,0)+IF('Standard Profiles'!$G$19=$B$17,14,0)+IF('Standard Profiles'!$G$19=$B$24,21,0),0)),0)</f>
        <v>2.0961405698322908</v>
      </c>
      <c r="F8074" cm="1">
        <f t="array" ref="F8074">IFERROR(INDEX(Jesper!AJ$2:AJ$366,ROUNDDOWN($C8074/24,0)+1,1)*INDEX($D$3:$AA$30,INDEX(Jesper!$R$2:$R$366,ROW(INDEX(Jesper!AJ$2:AJ$366,ROUNDDOWN($C8074/24,0)+1,1))-1)+IF('Standard Profiles'!$G$20=$B$10,7,0)+IF('Standard Profiles'!$G$20=$B$17,14,0)+IF('Standard Profiles'!$G$20=$B$24,21,0),MOD($C8074,24)+1)/SUM(INDEX($D$3:$AA$30,INDEX(Jesper!$R$2:$R$366,ROW(INDEX(Jesper!AJ$2:AJ$366,ROUNDDOWN($C8074/24,0)+1,1))-1)+IF('Standard Profiles'!$G$20=$B$10,7,0)+IF('Standard Profiles'!$G$20=$B$17,14,0)+IF('Standard Profiles'!$G$20=$B$24,21,0),0)),0)</f>
        <v>0</v>
      </c>
      <c r="G8074" cm="1">
        <f t="array" ref="G8074">IFERROR(INDEX(Jesper!AK$2:AK$366,ROUNDDOWN($C8074/24,0)+1,1)*INDEX($D$3:$AA$30,INDEX(Jesper!$R$2:$R$366,ROW(INDEX(Jesper!AK$2:AK$366,ROUNDDOWN($C8074/24,0)+1,1))-1)+IF('Standard Profiles'!$G$21=$B$10,7,0)+IF('Standard Profiles'!$G$21=$B$17,14,0)+IF('Standard Profiles'!$G$21=$B$24,21,0),MOD($C8074,24)+1)/SUM(INDEX($D$3:$AA$30,INDEX(Jesper!$R$2:$R$366,ROW(INDEX(Jesper!AK$2:AK$366,ROUNDDOWN($C8074/24,0)+1,1))-1)+IF('Standard Profiles'!$G$21=$B$10,7,0)+IF('Standard Profiles'!$G$21=$B$17,14,0)+IF('Standard Profiles'!$G$21=$B$24,21,0),0)),0)</f>
        <v>0</v>
      </c>
      <c r="H8074" cm="1">
        <f t="array" ref="H8074">IFERROR(INDEX(Jesper!AL$2:AL$366,ROUNDDOWN($C8074/24,0)+1,1)*INDEX($D$3:$AA$30,INDEX(Jesper!$R$2:$R$366,ROW(INDEX(Jesper!AL$2:AL$366,ROUNDDOWN($C8074/24,0)+1,1))-1)+IF('Standard Profiles'!$G$22=$B$10,7,0)+IF('Standard Profiles'!$G$22=$B$17,14,0)+IF('Standard Profiles'!$G$22=$B$24,21,0),MOD($C8074,24)+1)/SUM(INDEX($D$3:$AA$30,INDEX(Jesper!$R$2:$R$366,ROW(INDEX(Jesper!AL$2:AL$366,ROUNDDOWN($C8074/24,0)+1,1))-1)+IF('Standard Profiles'!$G$22=$B$10,7,0)+IF('Standard Profiles'!$G$22=$B$17,14,0)+IF('Standard Profiles'!$G$22=$B$24,21,0),0)),0)</f>
        <v>0</v>
      </c>
      <c r="I8074">
        <f t="shared" si="895"/>
        <v>0.18884149277768392</v>
      </c>
      <c r="J8074">
        <f t="shared" si="896"/>
        <v>0.62947164259227972</v>
      </c>
      <c r="K8074">
        <f t="shared" si="897"/>
        <v>0.9442074638884197</v>
      </c>
      <c r="L8074">
        <f t="shared" si="898"/>
        <v>8.365346854715682</v>
      </c>
      <c r="M8074">
        <f t="shared" si="899"/>
        <v>0</v>
      </c>
      <c r="N8074" s="46">
        <f t="shared" si="900"/>
        <v>45626.9999999805</v>
      </c>
    </row>
    <row r="8075" spans="2:14" x14ac:dyDescent="0.3">
      <c r="B8075">
        <f t="shared" si="894"/>
        <v>7</v>
      </c>
      <c r="C8075" s="16">
        <v>8041</v>
      </c>
      <c r="D8075" cm="1">
        <f t="array" ref="D8075">IFERROR(INDEX(Jesper!AH$2:AH$366,ROUNDDOWN($C8075/24,0)+1,1)*INDEX($D$3:$AA$30,INDEX(Jesper!$R$2:$R$366,ROW(INDEX(Jesper!AH$2:AH$366,ROUNDDOWN($C8075/24,0)+1,1))-1)+IF('Standard Profiles'!$G$18=$B$10,7,0)+IF('Standard Profiles'!$G$18=$B$17,14,0)+IF('Standard Profiles'!$G$18=$B$24,21,0),MOD($C8075,24)+1)/SUM(INDEX($D$3:$AA$30,INDEX(Jesper!$R$2:$R$366,ROW(INDEX(Jesper!AH$2:AH$366,ROUNDDOWN($C8075/24,0)+1,1))-1)+IF('Standard Profiles'!$G$18=$B$10,7,0)+IF('Standard Profiles'!$G$18=$B$17,14,0)+IF('Standard Profiles'!$G$18=$B$24,21,0),0)),0)</f>
        <v>9.3271667041646431</v>
      </c>
      <c r="E8075" cm="1">
        <f t="array" ref="E8075">IFERROR(INDEX(Jesper!AI$2:AI$366,ROUNDDOWN($C8075/24,0)+1,1)*INDEX($D$3:$AA$30,INDEX(Jesper!$R$2:$R$366,ROW(INDEX(Jesper!AI$2:AI$366,ROUNDDOWN($C8075/24,0)+1,1))-1)+IF('Standard Profiles'!$G$19=$B$10,7,0)+IF('Standard Profiles'!$G$19=$B$17,14,0)+IF('Standard Profiles'!$G$19=$B$24,21,0),MOD($C8075,24)+1)/SUM(INDEX($D$3:$AA$30,INDEX(Jesper!$R$2:$R$366,ROW(INDEX(Jesper!AI$2:AI$366,ROUNDDOWN($C8075/24,0)+1,1))-1)+IF('Standard Profiles'!$G$19=$B$10,7,0)+IF('Standard Profiles'!$G$19=$B$17,14,0)+IF('Standard Profiles'!$G$19=$B$24,21,0),0)),0)</f>
        <v>2.4342277585149183</v>
      </c>
      <c r="F8075" cm="1">
        <f t="array" ref="F8075">IFERROR(INDEX(Jesper!AJ$2:AJ$366,ROUNDDOWN($C8075/24,0)+1,1)*INDEX($D$3:$AA$30,INDEX(Jesper!$R$2:$R$366,ROW(INDEX(Jesper!AJ$2:AJ$366,ROUNDDOWN($C8075/24,0)+1,1))-1)+IF('Standard Profiles'!$G$20=$B$10,7,0)+IF('Standard Profiles'!$G$20=$B$17,14,0)+IF('Standard Profiles'!$G$20=$B$24,21,0),MOD($C8075,24)+1)/SUM(INDEX($D$3:$AA$30,INDEX(Jesper!$R$2:$R$366,ROW(INDEX(Jesper!AJ$2:AJ$366,ROUNDDOWN($C8075/24,0)+1,1))-1)+IF('Standard Profiles'!$G$20=$B$10,7,0)+IF('Standard Profiles'!$G$20=$B$17,14,0)+IF('Standard Profiles'!$G$20=$B$24,21,0),0)),0)</f>
        <v>0</v>
      </c>
      <c r="G8075" cm="1">
        <f t="array" ref="G8075">IFERROR(INDEX(Jesper!AK$2:AK$366,ROUNDDOWN($C8075/24,0)+1,1)*INDEX($D$3:$AA$30,INDEX(Jesper!$R$2:$R$366,ROW(INDEX(Jesper!AK$2:AK$366,ROUNDDOWN($C8075/24,0)+1,1))-1)+IF('Standard Profiles'!$G$21=$B$10,7,0)+IF('Standard Profiles'!$G$21=$B$17,14,0)+IF('Standard Profiles'!$G$21=$B$24,21,0),MOD($C8075,24)+1)/SUM(INDEX($D$3:$AA$30,INDEX(Jesper!$R$2:$R$366,ROW(INDEX(Jesper!AK$2:AK$366,ROUNDDOWN($C8075/24,0)+1,1))-1)+IF('Standard Profiles'!$G$21=$B$10,7,0)+IF('Standard Profiles'!$G$21=$B$17,14,0)+IF('Standard Profiles'!$G$21=$B$24,21,0),0)),0)</f>
        <v>0</v>
      </c>
      <c r="H8075" cm="1">
        <f t="array" ref="H8075">IFERROR(INDEX(Jesper!AL$2:AL$366,ROUNDDOWN($C8075/24,0)+1,1)*INDEX($D$3:$AA$30,INDEX(Jesper!$R$2:$R$366,ROW(INDEX(Jesper!AL$2:AL$366,ROUNDDOWN($C8075/24,0)+1,1))-1)+IF('Standard Profiles'!$G$22=$B$10,7,0)+IF('Standard Profiles'!$G$22=$B$17,14,0)+IF('Standard Profiles'!$G$22=$B$24,21,0),MOD($C8075,24)+1)/SUM(INDEX($D$3:$AA$30,INDEX(Jesper!$R$2:$R$366,ROW(INDEX(Jesper!AL$2:AL$366,ROUNDDOWN($C8075/24,0)+1,1))-1)+IF('Standard Profiles'!$G$22=$B$10,7,0)+IF('Standard Profiles'!$G$22=$B$17,14,0)+IF('Standard Profiles'!$G$22=$B$24,21,0),0)),0)</f>
        <v>0</v>
      </c>
      <c r="I8075">
        <f t="shared" si="895"/>
        <v>0.21929979806440711</v>
      </c>
      <c r="J8075">
        <f t="shared" si="896"/>
        <v>0.73099932688135716</v>
      </c>
      <c r="K8075">
        <f t="shared" si="897"/>
        <v>1.0964989903220357</v>
      </c>
      <c r="L8075">
        <f t="shared" si="898"/>
        <v>9.7145963474117618</v>
      </c>
      <c r="M8075">
        <f t="shared" si="899"/>
        <v>0</v>
      </c>
      <c r="N8075" s="46">
        <f t="shared" si="900"/>
        <v>45627.041666647165</v>
      </c>
    </row>
    <row r="8076" spans="2:14" x14ac:dyDescent="0.3">
      <c r="B8076">
        <f t="shared" si="894"/>
        <v>7</v>
      </c>
      <c r="C8076" s="16">
        <v>8042</v>
      </c>
      <c r="D8076" cm="1">
        <f t="array" ref="D8076">IFERROR(INDEX(Jesper!AH$2:AH$366,ROUNDDOWN($C8076/24,0)+1,1)*INDEX($D$3:$AA$30,INDEX(Jesper!$R$2:$R$366,ROW(INDEX(Jesper!AH$2:AH$366,ROUNDDOWN($C8076/24,0)+1,1))-1)+IF('Standard Profiles'!$G$18=$B$10,7,0)+IF('Standard Profiles'!$G$18=$B$17,14,0)+IF('Standard Profiles'!$G$18=$B$24,21,0),MOD($C8076,24)+1)/SUM(INDEX($D$3:$AA$30,INDEX(Jesper!$R$2:$R$366,ROW(INDEX(Jesper!AH$2:AH$366,ROUNDDOWN($C8076/24,0)+1,1))-1)+IF('Standard Profiles'!$G$18=$B$10,7,0)+IF('Standard Profiles'!$G$18=$B$17,14,0)+IF('Standard Profiles'!$G$18=$B$24,21,0),0)),0)</f>
        <v>9.3271667041646431</v>
      </c>
      <c r="E8076" cm="1">
        <f t="array" ref="E8076">IFERROR(INDEX(Jesper!AI$2:AI$366,ROUNDDOWN($C8076/24,0)+1,1)*INDEX($D$3:$AA$30,INDEX(Jesper!$R$2:$R$366,ROW(INDEX(Jesper!AI$2:AI$366,ROUNDDOWN($C8076/24,0)+1,1))-1)+IF('Standard Profiles'!$G$19=$B$10,7,0)+IF('Standard Profiles'!$G$19=$B$17,14,0)+IF('Standard Profiles'!$G$19=$B$24,21,0),MOD($C8076,24)+1)/SUM(INDEX($D$3:$AA$30,INDEX(Jesper!$R$2:$R$366,ROW(INDEX(Jesper!AI$2:AI$366,ROUNDDOWN($C8076/24,0)+1,1))-1)+IF('Standard Profiles'!$G$19=$B$10,7,0)+IF('Standard Profiles'!$G$19=$B$17,14,0)+IF('Standard Profiles'!$G$19=$B$24,21,0),0)),0)</f>
        <v>2.4342277585149183</v>
      </c>
      <c r="F8076" cm="1">
        <f t="array" ref="F8076">IFERROR(INDEX(Jesper!AJ$2:AJ$366,ROUNDDOWN($C8076/24,0)+1,1)*INDEX($D$3:$AA$30,INDEX(Jesper!$R$2:$R$366,ROW(INDEX(Jesper!AJ$2:AJ$366,ROUNDDOWN($C8076/24,0)+1,1))-1)+IF('Standard Profiles'!$G$20=$B$10,7,0)+IF('Standard Profiles'!$G$20=$B$17,14,0)+IF('Standard Profiles'!$G$20=$B$24,21,0),MOD($C8076,24)+1)/SUM(INDEX($D$3:$AA$30,INDEX(Jesper!$R$2:$R$366,ROW(INDEX(Jesper!AJ$2:AJ$366,ROUNDDOWN($C8076/24,0)+1,1))-1)+IF('Standard Profiles'!$G$20=$B$10,7,0)+IF('Standard Profiles'!$G$20=$B$17,14,0)+IF('Standard Profiles'!$G$20=$B$24,21,0),0)),0)</f>
        <v>0</v>
      </c>
      <c r="G8076" cm="1">
        <f t="array" ref="G8076">IFERROR(INDEX(Jesper!AK$2:AK$366,ROUNDDOWN($C8076/24,0)+1,1)*INDEX($D$3:$AA$30,INDEX(Jesper!$R$2:$R$366,ROW(INDEX(Jesper!AK$2:AK$366,ROUNDDOWN($C8076/24,0)+1,1))-1)+IF('Standard Profiles'!$G$21=$B$10,7,0)+IF('Standard Profiles'!$G$21=$B$17,14,0)+IF('Standard Profiles'!$G$21=$B$24,21,0),MOD($C8076,24)+1)/SUM(INDEX($D$3:$AA$30,INDEX(Jesper!$R$2:$R$366,ROW(INDEX(Jesper!AK$2:AK$366,ROUNDDOWN($C8076/24,0)+1,1))-1)+IF('Standard Profiles'!$G$21=$B$10,7,0)+IF('Standard Profiles'!$G$21=$B$17,14,0)+IF('Standard Profiles'!$G$21=$B$24,21,0),0)),0)</f>
        <v>0</v>
      </c>
      <c r="H8076" cm="1">
        <f t="array" ref="H8076">IFERROR(INDEX(Jesper!AL$2:AL$366,ROUNDDOWN($C8076/24,0)+1,1)*INDEX($D$3:$AA$30,INDEX(Jesper!$R$2:$R$366,ROW(INDEX(Jesper!AL$2:AL$366,ROUNDDOWN($C8076/24,0)+1,1))-1)+IF('Standard Profiles'!$G$22=$B$10,7,0)+IF('Standard Profiles'!$G$22=$B$17,14,0)+IF('Standard Profiles'!$G$22=$B$24,21,0),MOD($C8076,24)+1)/SUM(INDEX($D$3:$AA$30,INDEX(Jesper!$R$2:$R$366,ROW(INDEX(Jesper!AL$2:AL$366,ROUNDDOWN($C8076/24,0)+1,1))-1)+IF('Standard Profiles'!$G$22=$B$10,7,0)+IF('Standard Profiles'!$G$22=$B$17,14,0)+IF('Standard Profiles'!$G$22=$B$24,21,0),0)),0)</f>
        <v>0</v>
      </c>
      <c r="I8076">
        <f t="shared" si="895"/>
        <v>0.21929979806440711</v>
      </c>
      <c r="J8076">
        <f t="shared" si="896"/>
        <v>0.73099932688135716</v>
      </c>
      <c r="K8076">
        <f t="shared" si="897"/>
        <v>1.0964989903220357</v>
      </c>
      <c r="L8076">
        <f t="shared" si="898"/>
        <v>9.7145963474117618</v>
      </c>
      <c r="M8076">
        <f t="shared" si="899"/>
        <v>0</v>
      </c>
      <c r="N8076" s="46">
        <f t="shared" si="900"/>
        <v>45627.083333313829</v>
      </c>
    </row>
    <row r="8077" spans="2:14" x14ac:dyDescent="0.3">
      <c r="B8077">
        <f t="shared" si="894"/>
        <v>7</v>
      </c>
      <c r="C8077" s="16">
        <v>8043</v>
      </c>
      <c r="D8077" cm="1">
        <f t="array" ref="D8077">IFERROR(INDEX(Jesper!AH$2:AH$366,ROUNDDOWN($C8077/24,0)+1,1)*INDEX($D$3:$AA$30,INDEX(Jesper!$R$2:$R$366,ROW(INDEX(Jesper!AH$2:AH$366,ROUNDDOWN($C8077/24,0)+1,1))-1)+IF('Standard Profiles'!$G$18=$B$10,7,0)+IF('Standard Profiles'!$G$18=$B$17,14,0)+IF('Standard Profiles'!$G$18=$B$24,21,0),MOD($C8077,24)+1)/SUM(INDEX($D$3:$AA$30,INDEX(Jesper!$R$2:$R$366,ROW(INDEX(Jesper!AH$2:AH$366,ROUNDDOWN($C8077/24,0)+1,1))-1)+IF('Standard Profiles'!$G$18=$B$10,7,0)+IF('Standard Profiles'!$G$18=$B$17,14,0)+IF('Standard Profiles'!$G$18=$B$24,21,0),0)),0)</f>
        <v>9.3271667041646431</v>
      </c>
      <c r="E8077" cm="1">
        <f t="array" ref="E8077">IFERROR(INDEX(Jesper!AI$2:AI$366,ROUNDDOWN($C8077/24,0)+1,1)*INDEX($D$3:$AA$30,INDEX(Jesper!$R$2:$R$366,ROW(INDEX(Jesper!AI$2:AI$366,ROUNDDOWN($C8077/24,0)+1,1))-1)+IF('Standard Profiles'!$G$19=$B$10,7,0)+IF('Standard Profiles'!$G$19=$B$17,14,0)+IF('Standard Profiles'!$G$19=$B$24,21,0),MOD($C8077,24)+1)/SUM(INDEX($D$3:$AA$30,INDEX(Jesper!$R$2:$R$366,ROW(INDEX(Jesper!AI$2:AI$366,ROUNDDOWN($C8077/24,0)+1,1))-1)+IF('Standard Profiles'!$G$19=$B$10,7,0)+IF('Standard Profiles'!$G$19=$B$17,14,0)+IF('Standard Profiles'!$G$19=$B$24,21,0),0)),0)</f>
        <v>2.4342277585149183</v>
      </c>
      <c r="F8077" cm="1">
        <f t="array" ref="F8077">IFERROR(INDEX(Jesper!AJ$2:AJ$366,ROUNDDOWN($C8077/24,0)+1,1)*INDEX($D$3:$AA$30,INDEX(Jesper!$R$2:$R$366,ROW(INDEX(Jesper!AJ$2:AJ$366,ROUNDDOWN($C8077/24,0)+1,1))-1)+IF('Standard Profiles'!$G$20=$B$10,7,0)+IF('Standard Profiles'!$G$20=$B$17,14,0)+IF('Standard Profiles'!$G$20=$B$24,21,0),MOD($C8077,24)+1)/SUM(INDEX($D$3:$AA$30,INDEX(Jesper!$R$2:$R$366,ROW(INDEX(Jesper!AJ$2:AJ$366,ROUNDDOWN($C8077/24,0)+1,1))-1)+IF('Standard Profiles'!$G$20=$B$10,7,0)+IF('Standard Profiles'!$G$20=$B$17,14,0)+IF('Standard Profiles'!$G$20=$B$24,21,0),0)),0)</f>
        <v>0</v>
      </c>
      <c r="G8077" cm="1">
        <f t="array" ref="G8077">IFERROR(INDEX(Jesper!AK$2:AK$366,ROUNDDOWN($C8077/24,0)+1,1)*INDEX($D$3:$AA$30,INDEX(Jesper!$R$2:$R$366,ROW(INDEX(Jesper!AK$2:AK$366,ROUNDDOWN($C8077/24,0)+1,1))-1)+IF('Standard Profiles'!$G$21=$B$10,7,0)+IF('Standard Profiles'!$G$21=$B$17,14,0)+IF('Standard Profiles'!$G$21=$B$24,21,0),MOD($C8077,24)+1)/SUM(INDEX($D$3:$AA$30,INDEX(Jesper!$R$2:$R$366,ROW(INDEX(Jesper!AK$2:AK$366,ROUNDDOWN($C8077/24,0)+1,1))-1)+IF('Standard Profiles'!$G$21=$B$10,7,0)+IF('Standard Profiles'!$G$21=$B$17,14,0)+IF('Standard Profiles'!$G$21=$B$24,21,0),0)),0)</f>
        <v>0</v>
      </c>
      <c r="H8077" cm="1">
        <f t="array" ref="H8077">IFERROR(INDEX(Jesper!AL$2:AL$366,ROUNDDOWN($C8077/24,0)+1,1)*INDEX($D$3:$AA$30,INDEX(Jesper!$R$2:$R$366,ROW(INDEX(Jesper!AL$2:AL$366,ROUNDDOWN($C8077/24,0)+1,1))-1)+IF('Standard Profiles'!$G$22=$B$10,7,0)+IF('Standard Profiles'!$G$22=$B$17,14,0)+IF('Standard Profiles'!$G$22=$B$24,21,0),MOD($C8077,24)+1)/SUM(INDEX($D$3:$AA$30,INDEX(Jesper!$R$2:$R$366,ROW(INDEX(Jesper!AL$2:AL$366,ROUNDDOWN($C8077/24,0)+1,1))-1)+IF('Standard Profiles'!$G$22=$B$10,7,0)+IF('Standard Profiles'!$G$22=$B$17,14,0)+IF('Standard Profiles'!$G$22=$B$24,21,0),0)),0)</f>
        <v>0</v>
      </c>
      <c r="I8077">
        <f t="shared" si="895"/>
        <v>0.21929979806440711</v>
      </c>
      <c r="J8077">
        <f t="shared" si="896"/>
        <v>0.73099932688135716</v>
      </c>
      <c r="K8077">
        <f t="shared" si="897"/>
        <v>1.0964989903220357</v>
      </c>
      <c r="L8077">
        <f t="shared" si="898"/>
        <v>9.7145963474117618</v>
      </c>
      <c r="M8077">
        <f t="shared" si="899"/>
        <v>0</v>
      </c>
      <c r="N8077" s="46">
        <f t="shared" si="900"/>
        <v>45627.124999980493</v>
      </c>
    </row>
    <row r="8078" spans="2:14" x14ac:dyDescent="0.3">
      <c r="B8078">
        <f t="shared" si="894"/>
        <v>7</v>
      </c>
      <c r="C8078" s="16">
        <v>8044</v>
      </c>
      <c r="D8078" cm="1">
        <f t="array" ref="D8078">IFERROR(INDEX(Jesper!AH$2:AH$366,ROUNDDOWN($C8078/24,0)+1,1)*INDEX($D$3:$AA$30,INDEX(Jesper!$R$2:$R$366,ROW(INDEX(Jesper!AH$2:AH$366,ROUNDDOWN($C8078/24,0)+1,1))-1)+IF('Standard Profiles'!$G$18=$B$10,7,0)+IF('Standard Profiles'!$G$18=$B$17,14,0)+IF('Standard Profiles'!$G$18=$B$24,21,0),MOD($C8078,24)+1)/SUM(INDEX($D$3:$AA$30,INDEX(Jesper!$R$2:$R$366,ROW(INDEX(Jesper!AH$2:AH$366,ROUNDDOWN($C8078/24,0)+1,1))-1)+IF('Standard Profiles'!$G$18=$B$10,7,0)+IF('Standard Profiles'!$G$18=$B$17,14,0)+IF('Standard Profiles'!$G$18=$B$24,21,0),0)),0)</f>
        <v>9.3271667041646431</v>
      </c>
      <c r="E8078" cm="1">
        <f t="array" ref="E8078">IFERROR(INDEX(Jesper!AI$2:AI$366,ROUNDDOWN($C8078/24,0)+1,1)*INDEX($D$3:$AA$30,INDEX(Jesper!$R$2:$R$366,ROW(INDEX(Jesper!AI$2:AI$366,ROUNDDOWN($C8078/24,0)+1,1))-1)+IF('Standard Profiles'!$G$19=$B$10,7,0)+IF('Standard Profiles'!$G$19=$B$17,14,0)+IF('Standard Profiles'!$G$19=$B$24,21,0),MOD($C8078,24)+1)/SUM(INDEX($D$3:$AA$30,INDEX(Jesper!$R$2:$R$366,ROW(INDEX(Jesper!AI$2:AI$366,ROUNDDOWN($C8078/24,0)+1,1))-1)+IF('Standard Profiles'!$G$19=$B$10,7,0)+IF('Standard Profiles'!$G$19=$B$17,14,0)+IF('Standard Profiles'!$G$19=$B$24,21,0),0)),0)</f>
        <v>2.4342277585149183</v>
      </c>
      <c r="F8078" cm="1">
        <f t="array" ref="F8078">IFERROR(INDEX(Jesper!AJ$2:AJ$366,ROUNDDOWN($C8078/24,0)+1,1)*INDEX($D$3:$AA$30,INDEX(Jesper!$R$2:$R$366,ROW(INDEX(Jesper!AJ$2:AJ$366,ROUNDDOWN($C8078/24,0)+1,1))-1)+IF('Standard Profiles'!$G$20=$B$10,7,0)+IF('Standard Profiles'!$G$20=$B$17,14,0)+IF('Standard Profiles'!$G$20=$B$24,21,0),MOD($C8078,24)+1)/SUM(INDEX($D$3:$AA$30,INDEX(Jesper!$R$2:$R$366,ROW(INDEX(Jesper!AJ$2:AJ$366,ROUNDDOWN($C8078/24,0)+1,1))-1)+IF('Standard Profiles'!$G$20=$B$10,7,0)+IF('Standard Profiles'!$G$20=$B$17,14,0)+IF('Standard Profiles'!$G$20=$B$24,21,0),0)),0)</f>
        <v>0</v>
      </c>
      <c r="G8078" cm="1">
        <f t="array" ref="G8078">IFERROR(INDEX(Jesper!AK$2:AK$366,ROUNDDOWN($C8078/24,0)+1,1)*INDEX($D$3:$AA$30,INDEX(Jesper!$R$2:$R$366,ROW(INDEX(Jesper!AK$2:AK$366,ROUNDDOWN($C8078/24,0)+1,1))-1)+IF('Standard Profiles'!$G$21=$B$10,7,0)+IF('Standard Profiles'!$G$21=$B$17,14,0)+IF('Standard Profiles'!$G$21=$B$24,21,0),MOD($C8078,24)+1)/SUM(INDEX($D$3:$AA$30,INDEX(Jesper!$R$2:$R$366,ROW(INDEX(Jesper!AK$2:AK$366,ROUNDDOWN($C8078/24,0)+1,1))-1)+IF('Standard Profiles'!$G$21=$B$10,7,0)+IF('Standard Profiles'!$G$21=$B$17,14,0)+IF('Standard Profiles'!$G$21=$B$24,21,0),0)),0)</f>
        <v>0</v>
      </c>
      <c r="H8078" cm="1">
        <f t="array" ref="H8078">IFERROR(INDEX(Jesper!AL$2:AL$366,ROUNDDOWN($C8078/24,0)+1,1)*INDEX($D$3:$AA$30,INDEX(Jesper!$R$2:$R$366,ROW(INDEX(Jesper!AL$2:AL$366,ROUNDDOWN($C8078/24,0)+1,1))-1)+IF('Standard Profiles'!$G$22=$B$10,7,0)+IF('Standard Profiles'!$G$22=$B$17,14,0)+IF('Standard Profiles'!$G$22=$B$24,21,0),MOD($C8078,24)+1)/SUM(INDEX($D$3:$AA$30,INDEX(Jesper!$R$2:$R$366,ROW(INDEX(Jesper!AL$2:AL$366,ROUNDDOWN($C8078/24,0)+1,1))-1)+IF('Standard Profiles'!$G$22=$B$10,7,0)+IF('Standard Profiles'!$G$22=$B$17,14,0)+IF('Standard Profiles'!$G$22=$B$24,21,0),0)),0)</f>
        <v>0</v>
      </c>
      <c r="I8078">
        <f t="shared" si="895"/>
        <v>0.21929979806440711</v>
      </c>
      <c r="J8078">
        <f t="shared" si="896"/>
        <v>0.73099932688135716</v>
      </c>
      <c r="K8078">
        <f t="shared" si="897"/>
        <v>1.0964989903220357</v>
      </c>
      <c r="L8078">
        <f t="shared" si="898"/>
        <v>9.7145963474117618</v>
      </c>
      <c r="M8078">
        <f t="shared" si="899"/>
        <v>0</v>
      </c>
      <c r="N8078" s="46">
        <f t="shared" si="900"/>
        <v>45627.166666647157</v>
      </c>
    </row>
    <row r="8079" spans="2:14" x14ac:dyDescent="0.3">
      <c r="B8079">
        <f t="shared" si="894"/>
        <v>7</v>
      </c>
      <c r="C8079" s="16">
        <v>8045</v>
      </c>
      <c r="D8079" cm="1">
        <f t="array" ref="D8079">IFERROR(INDEX(Jesper!AH$2:AH$366,ROUNDDOWN($C8079/24,0)+1,1)*INDEX($D$3:$AA$30,INDEX(Jesper!$R$2:$R$366,ROW(INDEX(Jesper!AH$2:AH$366,ROUNDDOWN($C8079/24,0)+1,1))-1)+IF('Standard Profiles'!$G$18=$B$10,7,0)+IF('Standard Profiles'!$G$18=$B$17,14,0)+IF('Standard Profiles'!$G$18=$B$24,21,0),MOD($C8079,24)+1)/SUM(INDEX($D$3:$AA$30,INDEX(Jesper!$R$2:$R$366,ROW(INDEX(Jesper!AH$2:AH$366,ROUNDDOWN($C8079/24,0)+1,1))-1)+IF('Standard Profiles'!$G$18=$B$10,7,0)+IF('Standard Profiles'!$G$18=$B$17,14,0)+IF('Standard Profiles'!$G$18=$B$24,21,0),0)),0)</f>
        <v>11.658958380205801</v>
      </c>
      <c r="E8079" cm="1">
        <f t="array" ref="E8079">IFERROR(INDEX(Jesper!AI$2:AI$366,ROUNDDOWN($C8079/24,0)+1,1)*INDEX($D$3:$AA$30,INDEX(Jesper!$R$2:$R$366,ROW(INDEX(Jesper!AI$2:AI$366,ROUNDDOWN($C8079/24,0)+1,1))-1)+IF('Standard Profiles'!$G$19=$B$10,7,0)+IF('Standard Profiles'!$G$19=$B$17,14,0)+IF('Standard Profiles'!$G$19=$B$24,21,0),MOD($C8079,24)+1)/SUM(INDEX($D$3:$AA$30,INDEX(Jesper!$R$2:$R$366,ROW(INDEX(Jesper!AI$2:AI$366,ROUNDDOWN($C8079/24,0)+1,1))-1)+IF('Standard Profiles'!$G$19=$B$10,7,0)+IF('Standard Profiles'!$G$19=$B$17,14,0)+IF('Standard Profiles'!$G$19=$B$24,21,0),0)),0)</f>
        <v>3.0427846981436479</v>
      </c>
      <c r="F8079" cm="1">
        <f t="array" ref="F8079">IFERROR(INDEX(Jesper!AJ$2:AJ$366,ROUNDDOWN($C8079/24,0)+1,1)*INDEX($D$3:$AA$30,INDEX(Jesper!$R$2:$R$366,ROW(INDEX(Jesper!AJ$2:AJ$366,ROUNDDOWN($C8079/24,0)+1,1))-1)+IF('Standard Profiles'!$G$20=$B$10,7,0)+IF('Standard Profiles'!$G$20=$B$17,14,0)+IF('Standard Profiles'!$G$20=$B$24,21,0),MOD($C8079,24)+1)/SUM(INDEX($D$3:$AA$30,INDEX(Jesper!$R$2:$R$366,ROW(INDEX(Jesper!AJ$2:AJ$366,ROUNDDOWN($C8079/24,0)+1,1))-1)+IF('Standard Profiles'!$G$20=$B$10,7,0)+IF('Standard Profiles'!$G$20=$B$17,14,0)+IF('Standard Profiles'!$G$20=$B$24,21,0),0)),0)</f>
        <v>0</v>
      </c>
      <c r="G8079" cm="1">
        <f t="array" ref="G8079">IFERROR(INDEX(Jesper!AK$2:AK$366,ROUNDDOWN($C8079/24,0)+1,1)*INDEX($D$3:$AA$30,INDEX(Jesper!$R$2:$R$366,ROW(INDEX(Jesper!AK$2:AK$366,ROUNDDOWN($C8079/24,0)+1,1))-1)+IF('Standard Profiles'!$G$21=$B$10,7,0)+IF('Standard Profiles'!$G$21=$B$17,14,0)+IF('Standard Profiles'!$G$21=$B$24,21,0),MOD($C8079,24)+1)/SUM(INDEX($D$3:$AA$30,INDEX(Jesper!$R$2:$R$366,ROW(INDEX(Jesper!AK$2:AK$366,ROUNDDOWN($C8079/24,0)+1,1))-1)+IF('Standard Profiles'!$G$21=$B$10,7,0)+IF('Standard Profiles'!$G$21=$B$17,14,0)+IF('Standard Profiles'!$G$21=$B$24,21,0),0)),0)</f>
        <v>0</v>
      </c>
      <c r="H8079" cm="1">
        <f t="array" ref="H8079">IFERROR(INDEX(Jesper!AL$2:AL$366,ROUNDDOWN($C8079/24,0)+1,1)*INDEX($D$3:$AA$30,INDEX(Jesper!$R$2:$R$366,ROW(INDEX(Jesper!AL$2:AL$366,ROUNDDOWN($C8079/24,0)+1,1))-1)+IF('Standard Profiles'!$G$22=$B$10,7,0)+IF('Standard Profiles'!$G$22=$B$17,14,0)+IF('Standard Profiles'!$G$22=$B$24,21,0),MOD($C8079,24)+1)/SUM(INDEX($D$3:$AA$30,INDEX(Jesper!$R$2:$R$366,ROW(INDEX(Jesper!AL$2:AL$366,ROUNDDOWN($C8079/24,0)+1,1))-1)+IF('Standard Profiles'!$G$22=$B$10,7,0)+IF('Standard Profiles'!$G$22=$B$17,14,0)+IF('Standard Profiles'!$G$22=$B$24,21,0),0)),0)</f>
        <v>0</v>
      </c>
      <c r="I8079">
        <f t="shared" si="895"/>
        <v>0.27412474758050892</v>
      </c>
      <c r="J8079">
        <f t="shared" si="896"/>
        <v>0.91374915860169648</v>
      </c>
      <c r="K8079">
        <f t="shared" si="897"/>
        <v>1.3706237379025445</v>
      </c>
      <c r="L8079">
        <f t="shared" si="898"/>
        <v>12.143245434264699</v>
      </c>
      <c r="M8079">
        <f t="shared" si="899"/>
        <v>0</v>
      </c>
      <c r="N8079" s="46">
        <f t="shared" si="900"/>
        <v>45627.208333313822</v>
      </c>
    </row>
    <row r="8080" spans="2:14" x14ac:dyDescent="0.3">
      <c r="B8080">
        <f t="shared" si="894"/>
        <v>7</v>
      </c>
      <c r="C8080" s="16">
        <v>8046</v>
      </c>
      <c r="D8080" cm="1">
        <f t="array" ref="D8080">IFERROR(INDEX(Jesper!AH$2:AH$366,ROUNDDOWN($C8080/24,0)+1,1)*INDEX($D$3:$AA$30,INDEX(Jesper!$R$2:$R$366,ROW(INDEX(Jesper!AH$2:AH$366,ROUNDDOWN($C8080/24,0)+1,1))-1)+IF('Standard Profiles'!$G$18=$B$10,7,0)+IF('Standard Profiles'!$G$18=$B$17,14,0)+IF('Standard Profiles'!$G$18=$B$24,21,0),MOD($C8080,24)+1)/SUM(INDEX($D$3:$AA$30,INDEX(Jesper!$R$2:$R$366,ROW(INDEX(Jesper!AH$2:AH$366,ROUNDDOWN($C8080/24,0)+1,1))-1)+IF('Standard Profiles'!$G$18=$B$10,7,0)+IF('Standard Profiles'!$G$18=$B$17,14,0)+IF('Standard Profiles'!$G$18=$B$24,21,0),0)),0)</f>
        <v>13.73166209224239</v>
      </c>
      <c r="E8080" cm="1">
        <f t="array" ref="E8080">IFERROR(INDEX(Jesper!AI$2:AI$366,ROUNDDOWN($C8080/24,0)+1,1)*INDEX($D$3:$AA$30,INDEX(Jesper!$R$2:$R$366,ROW(INDEX(Jesper!AI$2:AI$366,ROUNDDOWN($C8080/24,0)+1,1))-1)+IF('Standard Profiles'!$G$19=$B$10,7,0)+IF('Standard Profiles'!$G$19=$B$17,14,0)+IF('Standard Profiles'!$G$19=$B$24,21,0),MOD($C8080,24)+1)/SUM(INDEX($D$3:$AA$30,INDEX(Jesper!$R$2:$R$366,ROW(INDEX(Jesper!AI$2:AI$366,ROUNDDOWN($C8080/24,0)+1,1))-1)+IF('Standard Profiles'!$G$19=$B$10,7,0)+IF('Standard Profiles'!$G$19=$B$17,14,0)+IF('Standard Profiles'!$G$19=$B$24,21,0),0)),0)</f>
        <v>3.583724200035852</v>
      </c>
      <c r="F8080" cm="1">
        <f t="array" ref="F8080">IFERROR(INDEX(Jesper!AJ$2:AJ$366,ROUNDDOWN($C8080/24,0)+1,1)*INDEX($D$3:$AA$30,INDEX(Jesper!$R$2:$R$366,ROW(INDEX(Jesper!AJ$2:AJ$366,ROUNDDOWN($C8080/24,0)+1,1))-1)+IF('Standard Profiles'!$G$20=$B$10,7,0)+IF('Standard Profiles'!$G$20=$B$17,14,0)+IF('Standard Profiles'!$G$20=$B$24,21,0),MOD($C8080,24)+1)/SUM(INDEX($D$3:$AA$30,INDEX(Jesper!$R$2:$R$366,ROW(INDEX(Jesper!AJ$2:AJ$366,ROUNDDOWN($C8080/24,0)+1,1))-1)+IF('Standard Profiles'!$G$20=$B$10,7,0)+IF('Standard Profiles'!$G$20=$B$17,14,0)+IF('Standard Profiles'!$G$20=$B$24,21,0),0)),0)</f>
        <v>0</v>
      </c>
      <c r="G8080" cm="1">
        <f t="array" ref="G8080">IFERROR(INDEX(Jesper!AK$2:AK$366,ROUNDDOWN($C8080/24,0)+1,1)*INDEX($D$3:$AA$30,INDEX(Jesper!$R$2:$R$366,ROW(INDEX(Jesper!AK$2:AK$366,ROUNDDOWN($C8080/24,0)+1,1))-1)+IF('Standard Profiles'!$G$21=$B$10,7,0)+IF('Standard Profiles'!$G$21=$B$17,14,0)+IF('Standard Profiles'!$G$21=$B$24,21,0),MOD($C8080,24)+1)/SUM(INDEX($D$3:$AA$30,INDEX(Jesper!$R$2:$R$366,ROW(INDEX(Jesper!AK$2:AK$366,ROUNDDOWN($C8080/24,0)+1,1))-1)+IF('Standard Profiles'!$G$21=$B$10,7,0)+IF('Standard Profiles'!$G$21=$B$17,14,0)+IF('Standard Profiles'!$G$21=$B$24,21,0),0)),0)</f>
        <v>0</v>
      </c>
      <c r="H8080" cm="1">
        <f t="array" ref="H8080">IFERROR(INDEX(Jesper!AL$2:AL$366,ROUNDDOWN($C8080/24,0)+1,1)*INDEX($D$3:$AA$30,INDEX(Jesper!$R$2:$R$366,ROW(INDEX(Jesper!AL$2:AL$366,ROUNDDOWN($C8080/24,0)+1,1))-1)+IF('Standard Profiles'!$G$22=$B$10,7,0)+IF('Standard Profiles'!$G$22=$B$17,14,0)+IF('Standard Profiles'!$G$22=$B$24,21,0),MOD($C8080,24)+1)/SUM(INDEX($D$3:$AA$30,INDEX(Jesper!$R$2:$R$366,ROW(INDEX(Jesper!AL$2:AL$366,ROUNDDOWN($C8080/24,0)+1,1))-1)+IF('Standard Profiles'!$G$22=$B$10,7,0)+IF('Standard Profiles'!$G$22=$B$17,14,0)+IF('Standard Profiles'!$G$22=$B$24,21,0),0)),0)</f>
        <v>0</v>
      </c>
      <c r="I8080">
        <f t="shared" si="895"/>
        <v>0.32285803603926605</v>
      </c>
      <c r="J8080">
        <f t="shared" si="896"/>
        <v>1.0761934534642201</v>
      </c>
      <c r="K8080">
        <f t="shared" si="897"/>
        <v>1.6142901801963303</v>
      </c>
      <c r="L8080">
        <f t="shared" si="898"/>
        <v>14.302044622578425</v>
      </c>
      <c r="M8080">
        <f t="shared" si="899"/>
        <v>0</v>
      </c>
      <c r="N8080" s="46">
        <f t="shared" si="900"/>
        <v>45627.249999980486</v>
      </c>
    </row>
    <row r="8081" spans="2:14" x14ac:dyDescent="0.3">
      <c r="B8081">
        <f t="shared" si="894"/>
        <v>7</v>
      </c>
      <c r="C8081" s="16">
        <v>8047</v>
      </c>
      <c r="D8081" cm="1">
        <f t="array" ref="D8081">IFERROR(INDEX(Jesper!AH$2:AH$366,ROUNDDOWN($C8081/24,0)+1,1)*INDEX($D$3:$AA$30,INDEX(Jesper!$R$2:$R$366,ROW(INDEX(Jesper!AH$2:AH$366,ROUNDDOWN($C8081/24,0)+1,1))-1)+IF('Standard Profiles'!$G$18=$B$10,7,0)+IF('Standard Profiles'!$G$18=$B$17,14,0)+IF('Standard Profiles'!$G$18=$B$24,21,0),MOD($C8081,24)+1)/SUM(INDEX($D$3:$AA$30,INDEX(Jesper!$R$2:$R$366,ROW(INDEX(Jesper!AH$2:AH$366,ROUNDDOWN($C8081/24,0)+1,1))-1)+IF('Standard Profiles'!$G$18=$B$10,7,0)+IF('Standard Profiles'!$G$18=$B$17,14,0)+IF('Standard Profiles'!$G$18=$B$24,21,0),0)),0)</f>
        <v>16.322541732288123</v>
      </c>
      <c r="E8081" cm="1">
        <f t="array" ref="E8081">IFERROR(INDEX(Jesper!AI$2:AI$366,ROUNDDOWN($C8081/24,0)+1,1)*INDEX($D$3:$AA$30,INDEX(Jesper!$R$2:$R$366,ROW(INDEX(Jesper!AI$2:AI$366,ROUNDDOWN($C8081/24,0)+1,1))-1)+IF('Standard Profiles'!$G$19=$B$10,7,0)+IF('Standard Profiles'!$G$19=$B$17,14,0)+IF('Standard Profiles'!$G$19=$B$24,21,0),MOD($C8081,24)+1)/SUM(INDEX($D$3:$AA$30,INDEX(Jesper!$R$2:$R$366,ROW(INDEX(Jesper!AI$2:AI$366,ROUNDDOWN($C8081/24,0)+1,1))-1)+IF('Standard Profiles'!$G$19=$B$10,7,0)+IF('Standard Profiles'!$G$19=$B$17,14,0)+IF('Standard Profiles'!$G$19=$B$24,21,0),0)),0)</f>
        <v>4.2598985774011071</v>
      </c>
      <c r="F8081" cm="1">
        <f t="array" ref="F8081">IFERROR(INDEX(Jesper!AJ$2:AJ$366,ROUNDDOWN($C8081/24,0)+1,1)*INDEX($D$3:$AA$30,INDEX(Jesper!$R$2:$R$366,ROW(INDEX(Jesper!AJ$2:AJ$366,ROUNDDOWN($C8081/24,0)+1,1))-1)+IF('Standard Profiles'!$G$20=$B$10,7,0)+IF('Standard Profiles'!$G$20=$B$17,14,0)+IF('Standard Profiles'!$G$20=$B$24,21,0),MOD($C8081,24)+1)/SUM(INDEX($D$3:$AA$30,INDEX(Jesper!$R$2:$R$366,ROW(INDEX(Jesper!AJ$2:AJ$366,ROUNDDOWN($C8081/24,0)+1,1))-1)+IF('Standard Profiles'!$G$20=$B$10,7,0)+IF('Standard Profiles'!$G$20=$B$17,14,0)+IF('Standard Profiles'!$G$20=$B$24,21,0),0)),0)</f>
        <v>0</v>
      </c>
      <c r="G8081" cm="1">
        <f t="array" ref="G8081">IFERROR(INDEX(Jesper!AK$2:AK$366,ROUNDDOWN($C8081/24,0)+1,1)*INDEX($D$3:$AA$30,INDEX(Jesper!$R$2:$R$366,ROW(INDEX(Jesper!AK$2:AK$366,ROUNDDOWN($C8081/24,0)+1,1))-1)+IF('Standard Profiles'!$G$21=$B$10,7,0)+IF('Standard Profiles'!$G$21=$B$17,14,0)+IF('Standard Profiles'!$G$21=$B$24,21,0),MOD($C8081,24)+1)/SUM(INDEX($D$3:$AA$30,INDEX(Jesper!$R$2:$R$366,ROW(INDEX(Jesper!AK$2:AK$366,ROUNDDOWN($C8081/24,0)+1,1))-1)+IF('Standard Profiles'!$G$21=$B$10,7,0)+IF('Standard Profiles'!$G$21=$B$17,14,0)+IF('Standard Profiles'!$G$21=$B$24,21,0),0)),0)</f>
        <v>0</v>
      </c>
      <c r="H8081" cm="1">
        <f t="array" ref="H8081">IFERROR(INDEX(Jesper!AL$2:AL$366,ROUNDDOWN($C8081/24,0)+1,1)*INDEX($D$3:$AA$30,INDEX(Jesper!$R$2:$R$366,ROW(INDEX(Jesper!AL$2:AL$366,ROUNDDOWN($C8081/24,0)+1,1))-1)+IF('Standard Profiles'!$G$22=$B$10,7,0)+IF('Standard Profiles'!$G$22=$B$17,14,0)+IF('Standard Profiles'!$G$22=$B$24,21,0),MOD($C8081,24)+1)/SUM(INDEX($D$3:$AA$30,INDEX(Jesper!$R$2:$R$366,ROW(INDEX(Jesper!AL$2:AL$366,ROUNDDOWN($C8081/24,0)+1,1))-1)+IF('Standard Profiles'!$G$22=$B$10,7,0)+IF('Standard Profiles'!$G$22=$B$17,14,0)+IF('Standard Profiles'!$G$22=$B$24,21,0),0)),0)</f>
        <v>0</v>
      </c>
      <c r="I8081">
        <f t="shared" si="895"/>
        <v>0.38377464661271243</v>
      </c>
      <c r="J8081">
        <f t="shared" si="896"/>
        <v>1.279248822042375</v>
      </c>
      <c r="K8081">
        <f t="shared" si="897"/>
        <v>1.9188732330635625</v>
      </c>
      <c r="L8081">
        <f t="shared" si="898"/>
        <v>17.000543607970581</v>
      </c>
      <c r="M8081">
        <f t="shared" si="899"/>
        <v>0</v>
      </c>
      <c r="N8081" s="46">
        <f t="shared" si="900"/>
        <v>45627.29166664715</v>
      </c>
    </row>
    <row r="8082" spans="2:14" x14ac:dyDescent="0.3">
      <c r="B8082">
        <f t="shared" si="894"/>
        <v>7</v>
      </c>
      <c r="C8082" s="16">
        <v>8048</v>
      </c>
      <c r="D8082" cm="1">
        <f t="array" ref="D8082">IFERROR(INDEX(Jesper!AH$2:AH$366,ROUNDDOWN($C8082/24,0)+1,1)*INDEX($D$3:$AA$30,INDEX(Jesper!$R$2:$R$366,ROW(INDEX(Jesper!AH$2:AH$366,ROUNDDOWN($C8082/24,0)+1,1))-1)+IF('Standard Profiles'!$G$18=$B$10,7,0)+IF('Standard Profiles'!$G$18=$B$17,14,0)+IF('Standard Profiles'!$G$18=$B$24,21,0),MOD($C8082,24)+1)/SUM(INDEX($D$3:$AA$30,INDEX(Jesper!$R$2:$R$366,ROW(INDEX(Jesper!AH$2:AH$366,ROUNDDOWN($C8082/24,0)+1,1))-1)+IF('Standard Profiles'!$G$18=$B$10,7,0)+IF('Standard Profiles'!$G$18=$B$17,14,0)+IF('Standard Profiles'!$G$18=$B$24,21,0),0)),0)</f>
        <v>16.322541732288123</v>
      </c>
      <c r="E8082" cm="1">
        <f t="array" ref="E8082">IFERROR(INDEX(Jesper!AI$2:AI$366,ROUNDDOWN($C8082/24,0)+1,1)*INDEX($D$3:$AA$30,INDEX(Jesper!$R$2:$R$366,ROW(INDEX(Jesper!AI$2:AI$366,ROUNDDOWN($C8082/24,0)+1,1))-1)+IF('Standard Profiles'!$G$19=$B$10,7,0)+IF('Standard Profiles'!$G$19=$B$17,14,0)+IF('Standard Profiles'!$G$19=$B$24,21,0),MOD($C8082,24)+1)/SUM(INDEX($D$3:$AA$30,INDEX(Jesper!$R$2:$R$366,ROW(INDEX(Jesper!AI$2:AI$366,ROUNDDOWN($C8082/24,0)+1,1))-1)+IF('Standard Profiles'!$G$19=$B$10,7,0)+IF('Standard Profiles'!$G$19=$B$17,14,0)+IF('Standard Profiles'!$G$19=$B$24,21,0),0)),0)</f>
        <v>4.2598985774011071</v>
      </c>
      <c r="F8082" cm="1">
        <f t="array" ref="F8082">IFERROR(INDEX(Jesper!AJ$2:AJ$366,ROUNDDOWN($C8082/24,0)+1,1)*INDEX($D$3:$AA$30,INDEX(Jesper!$R$2:$R$366,ROW(INDEX(Jesper!AJ$2:AJ$366,ROUNDDOWN($C8082/24,0)+1,1))-1)+IF('Standard Profiles'!$G$20=$B$10,7,0)+IF('Standard Profiles'!$G$20=$B$17,14,0)+IF('Standard Profiles'!$G$20=$B$24,21,0),MOD($C8082,24)+1)/SUM(INDEX($D$3:$AA$30,INDEX(Jesper!$R$2:$R$366,ROW(INDEX(Jesper!AJ$2:AJ$366,ROUNDDOWN($C8082/24,0)+1,1))-1)+IF('Standard Profiles'!$G$20=$B$10,7,0)+IF('Standard Profiles'!$G$20=$B$17,14,0)+IF('Standard Profiles'!$G$20=$B$24,21,0),0)),0)</f>
        <v>0</v>
      </c>
      <c r="G8082" cm="1">
        <f t="array" ref="G8082">IFERROR(INDEX(Jesper!AK$2:AK$366,ROUNDDOWN($C8082/24,0)+1,1)*INDEX($D$3:$AA$30,INDEX(Jesper!$R$2:$R$366,ROW(INDEX(Jesper!AK$2:AK$366,ROUNDDOWN($C8082/24,0)+1,1))-1)+IF('Standard Profiles'!$G$21=$B$10,7,0)+IF('Standard Profiles'!$G$21=$B$17,14,0)+IF('Standard Profiles'!$G$21=$B$24,21,0),MOD($C8082,24)+1)/SUM(INDEX($D$3:$AA$30,INDEX(Jesper!$R$2:$R$366,ROW(INDEX(Jesper!AK$2:AK$366,ROUNDDOWN($C8082/24,0)+1,1))-1)+IF('Standard Profiles'!$G$21=$B$10,7,0)+IF('Standard Profiles'!$G$21=$B$17,14,0)+IF('Standard Profiles'!$G$21=$B$24,21,0),0)),0)</f>
        <v>0</v>
      </c>
      <c r="H8082" cm="1">
        <f t="array" ref="H8082">IFERROR(INDEX(Jesper!AL$2:AL$366,ROUNDDOWN($C8082/24,0)+1,1)*INDEX($D$3:$AA$30,INDEX(Jesper!$R$2:$R$366,ROW(INDEX(Jesper!AL$2:AL$366,ROUNDDOWN($C8082/24,0)+1,1))-1)+IF('Standard Profiles'!$G$22=$B$10,7,0)+IF('Standard Profiles'!$G$22=$B$17,14,0)+IF('Standard Profiles'!$G$22=$B$24,21,0),MOD($C8082,24)+1)/SUM(INDEX($D$3:$AA$30,INDEX(Jesper!$R$2:$R$366,ROW(INDEX(Jesper!AL$2:AL$366,ROUNDDOWN($C8082/24,0)+1,1))-1)+IF('Standard Profiles'!$G$22=$B$10,7,0)+IF('Standard Profiles'!$G$22=$B$17,14,0)+IF('Standard Profiles'!$G$22=$B$24,21,0),0)),0)</f>
        <v>0</v>
      </c>
      <c r="I8082">
        <f t="shared" si="895"/>
        <v>0.38377464661271243</v>
      </c>
      <c r="J8082">
        <f t="shared" si="896"/>
        <v>1.279248822042375</v>
      </c>
      <c r="K8082">
        <f t="shared" si="897"/>
        <v>1.9188732330635625</v>
      </c>
      <c r="L8082">
        <f t="shared" si="898"/>
        <v>17.000543607970581</v>
      </c>
      <c r="M8082">
        <f t="shared" si="899"/>
        <v>0</v>
      </c>
      <c r="N8082" s="46">
        <f t="shared" si="900"/>
        <v>45627.333333313814</v>
      </c>
    </row>
    <row r="8083" spans="2:14" x14ac:dyDescent="0.3">
      <c r="B8083">
        <f t="shared" si="894"/>
        <v>7</v>
      </c>
      <c r="C8083" s="16">
        <v>8049</v>
      </c>
      <c r="D8083" cm="1">
        <f t="array" ref="D8083">IFERROR(INDEX(Jesper!AH$2:AH$366,ROUNDDOWN($C8083/24,0)+1,1)*INDEX($D$3:$AA$30,INDEX(Jesper!$R$2:$R$366,ROW(INDEX(Jesper!AH$2:AH$366,ROUNDDOWN($C8083/24,0)+1,1))-1)+IF('Standard Profiles'!$G$18=$B$10,7,0)+IF('Standard Profiles'!$G$18=$B$17,14,0)+IF('Standard Profiles'!$G$18=$B$24,21,0),MOD($C8083,24)+1)/SUM(INDEX($D$3:$AA$30,INDEX(Jesper!$R$2:$R$366,ROW(INDEX(Jesper!AH$2:AH$366,ROUNDDOWN($C8083/24,0)+1,1))-1)+IF('Standard Profiles'!$G$18=$B$10,7,0)+IF('Standard Profiles'!$G$18=$B$17,14,0)+IF('Standard Profiles'!$G$18=$B$24,21,0),0)),0)</f>
        <v>16.322541732288123</v>
      </c>
      <c r="E8083" cm="1">
        <f t="array" ref="E8083">IFERROR(INDEX(Jesper!AI$2:AI$366,ROUNDDOWN($C8083/24,0)+1,1)*INDEX($D$3:$AA$30,INDEX(Jesper!$R$2:$R$366,ROW(INDEX(Jesper!AI$2:AI$366,ROUNDDOWN($C8083/24,0)+1,1))-1)+IF('Standard Profiles'!$G$19=$B$10,7,0)+IF('Standard Profiles'!$G$19=$B$17,14,0)+IF('Standard Profiles'!$G$19=$B$24,21,0),MOD($C8083,24)+1)/SUM(INDEX($D$3:$AA$30,INDEX(Jesper!$R$2:$R$366,ROW(INDEX(Jesper!AI$2:AI$366,ROUNDDOWN($C8083/24,0)+1,1))-1)+IF('Standard Profiles'!$G$19=$B$10,7,0)+IF('Standard Profiles'!$G$19=$B$17,14,0)+IF('Standard Profiles'!$G$19=$B$24,21,0),0)),0)</f>
        <v>4.2598985774011071</v>
      </c>
      <c r="F8083" cm="1">
        <f t="array" ref="F8083">IFERROR(INDEX(Jesper!AJ$2:AJ$366,ROUNDDOWN($C8083/24,0)+1,1)*INDEX($D$3:$AA$30,INDEX(Jesper!$R$2:$R$366,ROW(INDEX(Jesper!AJ$2:AJ$366,ROUNDDOWN($C8083/24,0)+1,1))-1)+IF('Standard Profiles'!$G$20=$B$10,7,0)+IF('Standard Profiles'!$G$20=$B$17,14,0)+IF('Standard Profiles'!$G$20=$B$24,21,0),MOD($C8083,24)+1)/SUM(INDEX($D$3:$AA$30,INDEX(Jesper!$R$2:$R$366,ROW(INDEX(Jesper!AJ$2:AJ$366,ROUNDDOWN($C8083/24,0)+1,1))-1)+IF('Standard Profiles'!$G$20=$B$10,7,0)+IF('Standard Profiles'!$G$20=$B$17,14,0)+IF('Standard Profiles'!$G$20=$B$24,21,0),0)),0)</f>
        <v>0</v>
      </c>
      <c r="G8083" cm="1">
        <f t="array" ref="G8083">IFERROR(INDEX(Jesper!AK$2:AK$366,ROUNDDOWN($C8083/24,0)+1,1)*INDEX($D$3:$AA$30,INDEX(Jesper!$R$2:$R$366,ROW(INDEX(Jesper!AK$2:AK$366,ROUNDDOWN($C8083/24,0)+1,1))-1)+IF('Standard Profiles'!$G$21=$B$10,7,0)+IF('Standard Profiles'!$G$21=$B$17,14,0)+IF('Standard Profiles'!$G$21=$B$24,21,0),MOD($C8083,24)+1)/SUM(INDEX($D$3:$AA$30,INDEX(Jesper!$R$2:$R$366,ROW(INDEX(Jesper!AK$2:AK$366,ROUNDDOWN($C8083/24,0)+1,1))-1)+IF('Standard Profiles'!$G$21=$B$10,7,0)+IF('Standard Profiles'!$G$21=$B$17,14,0)+IF('Standard Profiles'!$G$21=$B$24,21,0),0)),0)</f>
        <v>0</v>
      </c>
      <c r="H8083" cm="1">
        <f t="array" ref="H8083">IFERROR(INDEX(Jesper!AL$2:AL$366,ROUNDDOWN($C8083/24,0)+1,1)*INDEX($D$3:$AA$30,INDEX(Jesper!$R$2:$R$366,ROW(INDEX(Jesper!AL$2:AL$366,ROUNDDOWN($C8083/24,0)+1,1))-1)+IF('Standard Profiles'!$G$22=$B$10,7,0)+IF('Standard Profiles'!$G$22=$B$17,14,0)+IF('Standard Profiles'!$G$22=$B$24,21,0),MOD($C8083,24)+1)/SUM(INDEX($D$3:$AA$30,INDEX(Jesper!$R$2:$R$366,ROW(INDEX(Jesper!AL$2:AL$366,ROUNDDOWN($C8083/24,0)+1,1))-1)+IF('Standard Profiles'!$G$22=$B$10,7,0)+IF('Standard Profiles'!$G$22=$B$17,14,0)+IF('Standard Profiles'!$G$22=$B$24,21,0),0)),0)</f>
        <v>0</v>
      </c>
      <c r="I8083">
        <f t="shared" si="895"/>
        <v>0.38377464661271243</v>
      </c>
      <c r="J8083">
        <f t="shared" si="896"/>
        <v>1.279248822042375</v>
      </c>
      <c r="K8083">
        <f t="shared" si="897"/>
        <v>1.9188732330635625</v>
      </c>
      <c r="L8083">
        <f t="shared" si="898"/>
        <v>17.000543607970581</v>
      </c>
      <c r="M8083">
        <f t="shared" si="899"/>
        <v>0</v>
      </c>
      <c r="N8083" s="46">
        <f t="shared" si="900"/>
        <v>45627.374999980479</v>
      </c>
    </row>
    <row r="8084" spans="2:14" x14ac:dyDescent="0.3">
      <c r="B8084">
        <f t="shared" si="894"/>
        <v>7</v>
      </c>
      <c r="C8084" s="16">
        <v>8050</v>
      </c>
      <c r="D8084" cm="1">
        <f t="array" ref="D8084">IFERROR(INDEX(Jesper!AH$2:AH$366,ROUNDDOWN($C8084/24,0)+1,1)*INDEX($D$3:$AA$30,INDEX(Jesper!$R$2:$R$366,ROW(INDEX(Jesper!AH$2:AH$366,ROUNDDOWN($C8084/24,0)+1,1))-1)+IF('Standard Profiles'!$G$18=$B$10,7,0)+IF('Standard Profiles'!$G$18=$B$17,14,0)+IF('Standard Profiles'!$G$18=$B$24,21,0),MOD($C8084,24)+1)/SUM(INDEX($D$3:$AA$30,INDEX(Jesper!$R$2:$R$366,ROW(INDEX(Jesper!AH$2:AH$366,ROUNDDOWN($C8084/24,0)+1,1))-1)+IF('Standard Profiles'!$G$18=$B$10,7,0)+IF('Standard Profiles'!$G$18=$B$17,14,0)+IF('Standard Profiles'!$G$18=$B$24,21,0),0)),0)</f>
        <v>16.322541732288123</v>
      </c>
      <c r="E8084" cm="1">
        <f t="array" ref="E8084">IFERROR(INDEX(Jesper!AI$2:AI$366,ROUNDDOWN($C8084/24,0)+1,1)*INDEX($D$3:$AA$30,INDEX(Jesper!$R$2:$R$366,ROW(INDEX(Jesper!AI$2:AI$366,ROUNDDOWN($C8084/24,0)+1,1))-1)+IF('Standard Profiles'!$G$19=$B$10,7,0)+IF('Standard Profiles'!$G$19=$B$17,14,0)+IF('Standard Profiles'!$G$19=$B$24,21,0),MOD($C8084,24)+1)/SUM(INDEX($D$3:$AA$30,INDEX(Jesper!$R$2:$R$366,ROW(INDEX(Jesper!AI$2:AI$366,ROUNDDOWN($C8084/24,0)+1,1))-1)+IF('Standard Profiles'!$G$19=$B$10,7,0)+IF('Standard Profiles'!$G$19=$B$17,14,0)+IF('Standard Profiles'!$G$19=$B$24,21,0),0)),0)</f>
        <v>4.2598985774011071</v>
      </c>
      <c r="F8084" cm="1">
        <f t="array" ref="F8084">IFERROR(INDEX(Jesper!AJ$2:AJ$366,ROUNDDOWN($C8084/24,0)+1,1)*INDEX($D$3:$AA$30,INDEX(Jesper!$R$2:$R$366,ROW(INDEX(Jesper!AJ$2:AJ$366,ROUNDDOWN($C8084/24,0)+1,1))-1)+IF('Standard Profiles'!$G$20=$B$10,7,0)+IF('Standard Profiles'!$G$20=$B$17,14,0)+IF('Standard Profiles'!$G$20=$B$24,21,0),MOD($C8084,24)+1)/SUM(INDEX($D$3:$AA$30,INDEX(Jesper!$R$2:$R$366,ROW(INDEX(Jesper!AJ$2:AJ$366,ROUNDDOWN($C8084/24,0)+1,1))-1)+IF('Standard Profiles'!$G$20=$B$10,7,0)+IF('Standard Profiles'!$G$20=$B$17,14,0)+IF('Standard Profiles'!$G$20=$B$24,21,0),0)),0)</f>
        <v>0</v>
      </c>
      <c r="G8084" cm="1">
        <f t="array" ref="G8084">IFERROR(INDEX(Jesper!AK$2:AK$366,ROUNDDOWN($C8084/24,0)+1,1)*INDEX($D$3:$AA$30,INDEX(Jesper!$R$2:$R$366,ROW(INDEX(Jesper!AK$2:AK$366,ROUNDDOWN($C8084/24,0)+1,1))-1)+IF('Standard Profiles'!$G$21=$B$10,7,0)+IF('Standard Profiles'!$G$21=$B$17,14,0)+IF('Standard Profiles'!$G$21=$B$24,21,0),MOD($C8084,24)+1)/SUM(INDEX($D$3:$AA$30,INDEX(Jesper!$R$2:$R$366,ROW(INDEX(Jesper!AK$2:AK$366,ROUNDDOWN($C8084/24,0)+1,1))-1)+IF('Standard Profiles'!$G$21=$B$10,7,0)+IF('Standard Profiles'!$G$21=$B$17,14,0)+IF('Standard Profiles'!$G$21=$B$24,21,0),0)),0)</f>
        <v>0</v>
      </c>
      <c r="H8084" cm="1">
        <f t="array" ref="H8084">IFERROR(INDEX(Jesper!AL$2:AL$366,ROUNDDOWN($C8084/24,0)+1,1)*INDEX($D$3:$AA$30,INDEX(Jesper!$R$2:$R$366,ROW(INDEX(Jesper!AL$2:AL$366,ROUNDDOWN($C8084/24,0)+1,1))-1)+IF('Standard Profiles'!$G$22=$B$10,7,0)+IF('Standard Profiles'!$G$22=$B$17,14,0)+IF('Standard Profiles'!$G$22=$B$24,21,0),MOD($C8084,24)+1)/SUM(INDEX($D$3:$AA$30,INDEX(Jesper!$R$2:$R$366,ROW(INDEX(Jesper!AL$2:AL$366,ROUNDDOWN($C8084/24,0)+1,1))-1)+IF('Standard Profiles'!$G$22=$B$10,7,0)+IF('Standard Profiles'!$G$22=$B$17,14,0)+IF('Standard Profiles'!$G$22=$B$24,21,0),0)),0)</f>
        <v>0</v>
      </c>
      <c r="I8084">
        <f t="shared" si="895"/>
        <v>0.38377464661271243</v>
      </c>
      <c r="J8084">
        <f t="shared" si="896"/>
        <v>1.279248822042375</v>
      </c>
      <c r="K8084">
        <f t="shared" si="897"/>
        <v>1.9188732330635625</v>
      </c>
      <c r="L8084">
        <f t="shared" si="898"/>
        <v>17.000543607970581</v>
      </c>
      <c r="M8084">
        <f t="shared" si="899"/>
        <v>0</v>
      </c>
      <c r="N8084" s="46">
        <f t="shared" si="900"/>
        <v>45627.416666647143</v>
      </c>
    </row>
    <row r="8085" spans="2:14" x14ac:dyDescent="0.3">
      <c r="B8085">
        <f t="shared" si="894"/>
        <v>7</v>
      </c>
      <c r="C8085" s="16">
        <v>8051</v>
      </c>
      <c r="D8085" cm="1">
        <f t="array" ref="D8085">IFERROR(INDEX(Jesper!AH$2:AH$366,ROUNDDOWN($C8085/24,0)+1,1)*INDEX($D$3:$AA$30,INDEX(Jesper!$R$2:$R$366,ROW(INDEX(Jesper!AH$2:AH$366,ROUNDDOWN($C8085/24,0)+1,1))-1)+IF('Standard Profiles'!$G$18=$B$10,7,0)+IF('Standard Profiles'!$G$18=$B$17,14,0)+IF('Standard Profiles'!$G$18=$B$24,21,0),MOD($C8085,24)+1)/SUM(INDEX($D$3:$AA$30,INDEX(Jesper!$R$2:$R$366,ROW(INDEX(Jesper!AH$2:AH$366,ROUNDDOWN($C8085/24,0)+1,1))-1)+IF('Standard Profiles'!$G$18=$B$10,7,0)+IF('Standard Profiles'!$G$18=$B$17,14,0)+IF('Standard Profiles'!$G$18=$B$24,21,0),0)),0)</f>
        <v>16.322541732288123</v>
      </c>
      <c r="E8085" cm="1">
        <f t="array" ref="E8085">IFERROR(INDEX(Jesper!AI$2:AI$366,ROUNDDOWN($C8085/24,0)+1,1)*INDEX($D$3:$AA$30,INDEX(Jesper!$R$2:$R$366,ROW(INDEX(Jesper!AI$2:AI$366,ROUNDDOWN($C8085/24,0)+1,1))-1)+IF('Standard Profiles'!$G$19=$B$10,7,0)+IF('Standard Profiles'!$G$19=$B$17,14,0)+IF('Standard Profiles'!$G$19=$B$24,21,0),MOD($C8085,24)+1)/SUM(INDEX($D$3:$AA$30,INDEX(Jesper!$R$2:$R$366,ROW(INDEX(Jesper!AI$2:AI$366,ROUNDDOWN($C8085/24,0)+1,1))-1)+IF('Standard Profiles'!$G$19=$B$10,7,0)+IF('Standard Profiles'!$G$19=$B$17,14,0)+IF('Standard Profiles'!$G$19=$B$24,21,0),0)),0)</f>
        <v>4.2598985774011071</v>
      </c>
      <c r="F8085" cm="1">
        <f t="array" ref="F8085">IFERROR(INDEX(Jesper!AJ$2:AJ$366,ROUNDDOWN($C8085/24,0)+1,1)*INDEX($D$3:$AA$30,INDEX(Jesper!$R$2:$R$366,ROW(INDEX(Jesper!AJ$2:AJ$366,ROUNDDOWN($C8085/24,0)+1,1))-1)+IF('Standard Profiles'!$G$20=$B$10,7,0)+IF('Standard Profiles'!$G$20=$B$17,14,0)+IF('Standard Profiles'!$G$20=$B$24,21,0),MOD($C8085,24)+1)/SUM(INDEX($D$3:$AA$30,INDEX(Jesper!$R$2:$R$366,ROW(INDEX(Jesper!AJ$2:AJ$366,ROUNDDOWN($C8085/24,0)+1,1))-1)+IF('Standard Profiles'!$G$20=$B$10,7,0)+IF('Standard Profiles'!$G$20=$B$17,14,0)+IF('Standard Profiles'!$G$20=$B$24,21,0),0)),0)</f>
        <v>0</v>
      </c>
      <c r="G8085" cm="1">
        <f t="array" ref="G8085">IFERROR(INDEX(Jesper!AK$2:AK$366,ROUNDDOWN($C8085/24,0)+1,1)*INDEX($D$3:$AA$30,INDEX(Jesper!$R$2:$R$366,ROW(INDEX(Jesper!AK$2:AK$366,ROUNDDOWN($C8085/24,0)+1,1))-1)+IF('Standard Profiles'!$G$21=$B$10,7,0)+IF('Standard Profiles'!$G$21=$B$17,14,0)+IF('Standard Profiles'!$G$21=$B$24,21,0),MOD($C8085,24)+1)/SUM(INDEX($D$3:$AA$30,INDEX(Jesper!$R$2:$R$366,ROW(INDEX(Jesper!AK$2:AK$366,ROUNDDOWN($C8085/24,0)+1,1))-1)+IF('Standard Profiles'!$G$21=$B$10,7,0)+IF('Standard Profiles'!$G$21=$B$17,14,0)+IF('Standard Profiles'!$G$21=$B$24,21,0),0)),0)</f>
        <v>0</v>
      </c>
      <c r="H8085" cm="1">
        <f t="array" ref="H8085">IFERROR(INDEX(Jesper!AL$2:AL$366,ROUNDDOWN($C8085/24,0)+1,1)*INDEX($D$3:$AA$30,INDEX(Jesper!$R$2:$R$366,ROW(INDEX(Jesper!AL$2:AL$366,ROUNDDOWN($C8085/24,0)+1,1))-1)+IF('Standard Profiles'!$G$22=$B$10,7,0)+IF('Standard Profiles'!$G$22=$B$17,14,0)+IF('Standard Profiles'!$G$22=$B$24,21,0),MOD($C8085,24)+1)/SUM(INDEX($D$3:$AA$30,INDEX(Jesper!$R$2:$R$366,ROW(INDEX(Jesper!AL$2:AL$366,ROUNDDOWN($C8085/24,0)+1,1))-1)+IF('Standard Profiles'!$G$22=$B$10,7,0)+IF('Standard Profiles'!$G$22=$B$17,14,0)+IF('Standard Profiles'!$G$22=$B$24,21,0),0)),0)</f>
        <v>0</v>
      </c>
      <c r="I8085">
        <f t="shared" si="895"/>
        <v>0.38377464661271243</v>
      </c>
      <c r="J8085">
        <f t="shared" si="896"/>
        <v>1.279248822042375</v>
      </c>
      <c r="K8085">
        <f t="shared" si="897"/>
        <v>1.9188732330635625</v>
      </c>
      <c r="L8085">
        <f t="shared" si="898"/>
        <v>17.000543607970581</v>
      </c>
      <c r="M8085">
        <f t="shared" si="899"/>
        <v>0</v>
      </c>
      <c r="N8085" s="46">
        <f t="shared" si="900"/>
        <v>45627.458333313807</v>
      </c>
    </row>
    <row r="8086" spans="2:14" x14ac:dyDescent="0.3">
      <c r="B8086">
        <f t="shared" si="894"/>
        <v>7</v>
      </c>
      <c r="C8086" s="16">
        <v>8052</v>
      </c>
      <c r="D8086" cm="1">
        <f t="array" ref="D8086">IFERROR(INDEX(Jesper!AH$2:AH$366,ROUNDDOWN($C8086/24,0)+1,1)*INDEX($D$3:$AA$30,INDEX(Jesper!$R$2:$R$366,ROW(INDEX(Jesper!AH$2:AH$366,ROUNDDOWN($C8086/24,0)+1,1))-1)+IF('Standard Profiles'!$G$18=$B$10,7,0)+IF('Standard Profiles'!$G$18=$B$17,14,0)+IF('Standard Profiles'!$G$18=$B$24,21,0),MOD($C8086,24)+1)/SUM(INDEX($D$3:$AA$30,INDEX(Jesper!$R$2:$R$366,ROW(INDEX(Jesper!AH$2:AH$366,ROUNDDOWN($C8086/24,0)+1,1))-1)+IF('Standard Profiles'!$G$18=$B$10,7,0)+IF('Standard Profiles'!$G$18=$B$17,14,0)+IF('Standard Profiles'!$G$18=$B$24,21,0),0)),0)</f>
        <v>16.322541732288123</v>
      </c>
      <c r="E8086" cm="1">
        <f t="array" ref="E8086">IFERROR(INDEX(Jesper!AI$2:AI$366,ROUNDDOWN($C8086/24,0)+1,1)*INDEX($D$3:$AA$30,INDEX(Jesper!$R$2:$R$366,ROW(INDEX(Jesper!AI$2:AI$366,ROUNDDOWN($C8086/24,0)+1,1))-1)+IF('Standard Profiles'!$G$19=$B$10,7,0)+IF('Standard Profiles'!$G$19=$B$17,14,0)+IF('Standard Profiles'!$G$19=$B$24,21,0),MOD($C8086,24)+1)/SUM(INDEX($D$3:$AA$30,INDEX(Jesper!$R$2:$R$366,ROW(INDEX(Jesper!AI$2:AI$366,ROUNDDOWN($C8086/24,0)+1,1))-1)+IF('Standard Profiles'!$G$19=$B$10,7,0)+IF('Standard Profiles'!$G$19=$B$17,14,0)+IF('Standard Profiles'!$G$19=$B$24,21,0),0)),0)</f>
        <v>4.2598985774011071</v>
      </c>
      <c r="F8086" cm="1">
        <f t="array" ref="F8086">IFERROR(INDEX(Jesper!AJ$2:AJ$366,ROUNDDOWN($C8086/24,0)+1,1)*INDEX($D$3:$AA$30,INDEX(Jesper!$R$2:$R$366,ROW(INDEX(Jesper!AJ$2:AJ$366,ROUNDDOWN($C8086/24,0)+1,1))-1)+IF('Standard Profiles'!$G$20=$B$10,7,0)+IF('Standard Profiles'!$G$20=$B$17,14,0)+IF('Standard Profiles'!$G$20=$B$24,21,0),MOD($C8086,24)+1)/SUM(INDEX($D$3:$AA$30,INDEX(Jesper!$R$2:$R$366,ROW(INDEX(Jesper!AJ$2:AJ$366,ROUNDDOWN($C8086/24,0)+1,1))-1)+IF('Standard Profiles'!$G$20=$B$10,7,0)+IF('Standard Profiles'!$G$20=$B$17,14,0)+IF('Standard Profiles'!$G$20=$B$24,21,0),0)),0)</f>
        <v>0</v>
      </c>
      <c r="G8086" cm="1">
        <f t="array" ref="G8086">IFERROR(INDEX(Jesper!AK$2:AK$366,ROUNDDOWN($C8086/24,0)+1,1)*INDEX($D$3:$AA$30,INDEX(Jesper!$R$2:$R$366,ROW(INDEX(Jesper!AK$2:AK$366,ROUNDDOWN($C8086/24,0)+1,1))-1)+IF('Standard Profiles'!$G$21=$B$10,7,0)+IF('Standard Profiles'!$G$21=$B$17,14,0)+IF('Standard Profiles'!$G$21=$B$24,21,0),MOD($C8086,24)+1)/SUM(INDEX($D$3:$AA$30,INDEX(Jesper!$R$2:$R$366,ROW(INDEX(Jesper!AK$2:AK$366,ROUNDDOWN($C8086/24,0)+1,1))-1)+IF('Standard Profiles'!$G$21=$B$10,7,0)+IF('Standard Profiles'!$G$21=$B$17,14,0)+IF('Standard Profiles'!$G$21=$B$24,21,0),0)),0)</f>
        <v>0</v>
      </c>
      <c r="H8086" cm="1">
        <f t="array" ref="H8086">IFERROR(INDEX(Jesper!AL$2:AL$366,ROUNDDOWN($C8086/24,0)+1,1)*INDEX($D$3:$AA$30,INDEX(Jesper!$R$2:$R$366,ROW(INDEX(Jesper!AL$2:AL$366,ROUNDDOWN($C8086/24,0)+1,1))-1)+IF('Standard Profiles'!$G$22=$B$10,7,0)+IF('Standard Profiles'!$G$22=$B$17,14,0)+IF('Standard Profiles'!$G$22=$B$24,21,0),MOD($C8086,24)+1)/SUM(INDEX($D$3:$AA$30,INDEX(Jesper!$R$2:$R$366,ROW(INDEX(Jesper!AL$2:AL$366,ROUNDDOWN($C8086/24,0)+1,1))-1)+IF('Standard Profiles'!$G$22=$B$10,7,0)+IF('Standard Profiles'!$G$22=$B$17,14,0)+IF('Standard Profiles'!$G$22=$B$24,21,0),0)),0)</f>
        <v>0</v>
      </c>
      <c r="I8086">
        <f t="shared" si="895"/>
        <v>0.38377464661271243</v>
      </c>
      <c r="J8086">
        <f t="shared" si="896"/>
        <v>1.279248822042375</v>
      </c>
      <c r="K8086">
        <f t="shared" si="897"/>
        <v>1.9188732330635625</v>
      </c>
      <c r="L8086">
        <f t="shared" si="898"/>
        <v>17.000543607970581</v>
      </c>
      <c r="M8086">
        <f t="shared" si="899"/>
        <v>0</v>
      </c>
      <c r="N8086" s="46">
        <f t="shared" si="900"/>
        <v>45627.499999980471</v>
      </c>
    </row>
    <row r="8087" spans="2:14" x14ac:dyDescent="0.3">
      <c r="B8087">
        <f t="shared" si="894"/>
        <v>7</v>
      </c>
      <c r="C8087" s="16">
        <v>8053</v>
      </c>
      <c r="D8087" cm="1">
        <f t="array" ref="D8087">IFERROR(INDEX(Jesper!AH$2:AH$366,ROUNDDOWN($C8087/24,0)+1,1)*INDEX($D$3:$AA$30,INDEX(Jesper!$R$2:$R$366,ROW(INDEX(Jesper!AH$2:AH$366,ROUNDDOWN($C8087/24,0)+1,1))-1)+IF('Standard Profiles'!$G$18=$B$10,7,0)+IF('Standard Profiles'!$G$18=$B$17,14,0)+IF('Standard Profiles'!$G$18=$B$24,21,0),MOD($C8087,24)+1)/SUM(INDEX($D$3:$AA$30,INDEX(Jesper!$R$2:$R$366,ROW(INDEX(Jesper!AH$2:AH$366,ROUNDDOWN($C8087/24,0)+1,1))-1)+IF('Standard Profiles'!$G$18=$B$10,7,0)+IF('Standard Profiles'!$G$18=$B$17,14,0)+IF('Standard Profiles'!$G$18=$B$24,21,0),0)),0)</f>
        <v>16.322541732288123</v>
      </c>
      <c r="E8087" cm="1">
        <f t="array" ref="E8087">IFERROR(INDEX(Jesper!AI$2:AI$366,ROUNDDOWN($C8087/24,0)+1,1)*INDEX($D$3:$AA$30,INDEX(Jesper!$R$2:$R$366,ROW(INDEX(Jesper!AI$2:AI$366,ROUNDDOWN($C8087/24,0)+1,1))-1)+IF('Standard Profiles'!$G$19=$B$10,7,0)+IF('Standard Profiles'!$G$19=$B$17,14,0)+IF('Standard Profiles'!$G$19=$B$24,21,0),MOD($C8087,24)+1)/SUM(INDEX($D$3:$AA$30,INDEX(Jesper!$R$2:$R$366,ROW(INDEX(Jesper!AI$2:AI$366,ROUNDDOWN($C8087/24,0)+1,1))-1)+IF('Standard Profiles'!$G$19=$B$10,7,0)+IF('Standard Profiles'!$G$19=$B$17,14,0)+IF('Standard Profiles'!$G$19=$B$24,21,0),0)),0)</f>
        <v>4.2598985774011071</v>
      </c>
      <c r="F8087" cm="1">
        <f t="array" ref="F8087">IFERROR(INDEX(Jesper!AJ$2:AJ$366,ROUNDDOWN($C8087/24,0)+1,1)*INDEX($D$3:$AA$30,INDEX(Jesper!$R$2:$R$366,ROW(INDEX(Jesper!AJ$2:AJ$366,ROUNDDOWN($C8087/24,0)+1,1))-1)+IF('Standard Profiles'!$G$20=$B$10,7,0)+IF('Standard Profiles'!$G$20=$B$17,14,0)+IF('Standard Profiles'!$G$20=$B$24,21,0),MOD($C8087,24)+1)/SUM(INDEX($D$3:$AA$30,INDEX(Jesper!$R$2:$R$366,ROW(INDEX(Jesper!AJ$2:AJ$366,ROUNDDOWN($C8087/24,0)+1,1))-1)+IF('Standard Profiles'!$G$20=$B$10,7,0)+IF('Standard Profiles'!$G$20=$B$17,14,0)+IF('Standard Profiles'!$G$20=$B$24,21,0),0)),0)</f>
        <v>0</v>
      </c>
      <c r="G8087" cm="1">
        <f t="array" ref="G8087">IFERROR(INDEX(Jesper!AK$2:AK$366,ROUNDDOWN($C8087/24,0)+1,1)*INDEX($D$3:$AA$30,INDEX(Jesper!$R$2:$R$366,ROW(INDEX(Jesper!AK$2:AK$366,ROUNDDOWN($C8087/24,0)+1,1))-1)+IF('Standard Profiles'!$G$21=$B$10,7,0)+IF('Standard Profiles'!$G$21=$B$17,14,0)+IF('Standard Profiles'!$G$21=$B$24,21,0),MOD($C8087,24)+1)/SUM(INDEX($D$3:$AA$30,INDEX(Jesper!$R$2:$R$366,ROW(INDEX(Jesper!AK$2:AK$366,ROUNDDOWN($C8087/24,0)+1,1))-1)+IF('Standard Profiles'!$G$21=$B$10,7,0)+IF('Standard Profiles'!$G$21=$B$17,14,0)+IF('Standard Profiles'!$G$21=$B$24,21,0),0)),0)</f>
        <v>0</v>
      </c>
      <c r="H8087" cm="1">
        <f t="array" ref="H8087">IFERROR(INDEX(Jesper!AL$2:AL$366,ROUNDDOWN($C8087/24,0)+1,1)*INDEX($D$3:$AA$30,INDEX(Jesper!$R$2:$R$366,ROW(INDEX(Jesper!AL$2:AL$366,ROUNDDOWN($C8087/24,0)+1,1))-1)+IF('Standard Profiles'!$G$22=$B$10,7,0)+IF('Standard Profiles'!$G$22=$B$17,14,0)+IF('Standard Profiles'!$G$22=$B$24,21,0),MOD($C8087,24)+1)/SUM(INDEX($D$3:$AA$30,INDEX(Jesper!$R$2:$R$366,ROW(INDEX(Jesper!AL$2:AL$366,ROUNDDOWN($C8087/24,0)+1,1))-1)+IF('Standard Profiles'!$G$22=$B$10,7,0)+IF('Standard Profiles'!$G$22=$B$17,14,0)+IF('Standard Profiles'!$G$22=$B$24,21,0),0)),0)</f>
        <v>0</v>
      </c>
      <c r="I8087">
        <f t="shared" si="895"/>
        <v>0.38377464661271243</v>
      </c>
      <c r="J8087">
        <f t="shared" si="896"/>
        <v>1.279248822042375</v>
      </c>
      <c r="K8087">
        <f t="shared" si="897"/>
        <v>1.9188732330635625</v>
      </c>
      <c r="L8087">
        <f t="shared" si="898"/>
        <v>17.000543607970581</v>
      </c>
      <c r="M8087">
        <f t="shared" si="899"/>
        <v>0</v>
      </c>
      <c r="N8087" s="46">
        <f t="shared" si="900"/>
        <v>45627.541666647136</v>
      </c>
    </row>
    <row r="8088" spans="2:14" x14ac:dyDescent="0.3">
      <c r="B8088">
        <f t="shared" si="894"/>
        <v>7</v>
      </c>
      <c r="C8088" s="16">
        <v>8054</v>
      </c>
      <c r="D8088" cm="1">
        <f t="array" ref="D8088">IFERROR(INDEX(Jesper!AH$2:AH$366,ROUNDDOWN($C8088/24,0)+1,1)*INDEX($D$3:$AA$30,INDEX(Jesper!$R$2:$R$366,ROW(INDEX(Jesper!AH$2:AH$366,ROUNDDOWN($C8088/24,0)+1,1))-1)+IF('Standard Profiles'!$G$18=$B$10,7,0)+IF('Standard Profiles'!$G$18=$B$17,14,0)+IF('Standard Profiles'!$G$18=$B$24,21,0),MOD($C8088,24)+1)/SUM(INDEX($D$3:$AA$30,INDEX(Jesper!$R$2:$R$366,ROW(INDEX(Jesper!AH$2:AH$366,ROUNDDOWN($C8088/24,0)+1,1))-1)+IF('Standard Profiles'!$G$18=$B$10,7,0)+IF('Standard Profiles'!$G$18=$B$17,14,0)+IF('Standard Profiles'!$G$18=$B$24,21,0),0)),0)</f>
        <v>16.322541732288123</v>
      </c>
      <c r="E8088" cm="1">
        <f t="array" ref="E8088">IFERROR(INDEX(Jesper!AI$2:AI$366,ROUNDDOWN($C8088/24,0)+1,1)*INDEX($D$3:$AA$30,INDEX(Jesper!$R$2:$R$366,ROW(INDEX(Jesper!AI$2:AI$366,ROUNDDOWN($C8088/24,0)+1,1))-1)+IF('Standard Profiles'!$G$19=$B$10,7,0)+IF('Standard Profiles'!$G$19=$B$17,14,0)+IF('Standard Profiles'!$G$19=$B$24,21,0),MOD($C8088,24)+1)/SUM(INDEX($D$3:$AA$30,INDEX(Jesper!$R$2:$R$366,ROW(INDEX(Jesper!AI$2:AI$366,ROUNDDOWN($C8088/24,0)+1,1))-1)+IF('Standard Profiles'!$G$19=$B$10,7,0)+IF('Standard Profiles'!$G$19=$B$17,14,0)+IF('Standard Profiles'!$G$19=$B$24,21,0),0)),0)</f>
        <v>4.2598985774011071</v>
      </c>
      <c r="F8088" cm="1">
        <f t="array" ref="F8088">IFERROR(INDEX(Jesper!AJ$2:AJ$366,ROUNDDOWN($C8088/24,0)+1,1)*INDEX($D$3:$AA$30,INDEX(Jesper!$R$2:$R$366,ROW(INDEX(Jesper!AJ$2:AJ$366,ROUNDDOWN($C8088/24,0)+1,1))-1)+IF('Standard Profiles'!$G$20=$B$10,7,0)+IF('Standard Profiles'!$G$20=$B$17,14,0)+IF('Standard Profiles'!$G$20=$B$24,21,0),MOD($C8088,24)+1)/SUM(INDEX($D$3:$AA$30,INDEX(Jesper!$R$2:$R$366,ROW(INDEX(Jesper!AJ$2:AJ$366,ROUNDDOWN($C8088/24,0)+1,1))-1)+IF('Standard Profiles'!$G$20=$B$10,7,0)+IF('Standard Profiles'!$G$20=$B$17,14,0)+IF('Standard Profiles'!$G$20=$B$24,21,0),0)),0)</f>
        <v>0</v>
      </c>
      <c r="G8088" cm="1">
        <f t="array" ref="G8088">IFERROR(INDEX(Jesper!AK$2:AK$366,ROUNDDOWN($C8088/24,0)+1,1)*INDEX($D$3:$AA$30,INDEX(Jesper!$R$2:$R$366,ROW(INDEX(Jesper!AK$2:AK$366,ROUNDDOWN($C8088/24,0)+1,1))-1)+IF('Standard Profiles'!$G$21=$B$10,7,0)+IF('Standard Profiles'!$G$21=$B$17,14,0)+IF('Standard Profiles'!$G$21=$B$24,21,0),MOD($C8088,24)+1)/SUM(INDEX($D$3:$AA$30,INDEX(Jesper!$R$2:$R$366,ROW(INDEX(Jesper!AK$2:AK$366,ROUNDDOWN($C8088/24,0)+1,1))-1)+IF('Standard Profiles'!$G$21=$B$10,7,0)+IF('Standard Profiles'!$G$21=$B$17,14,0)+IF('Standard Profiles'!$G$21=$B$24,21,0),0)),0)</f>
        <v>0</v>
      </c>
      <c r="H8088" cm="1">
        <f t="array" ref="H8088">IFERROR(INDEX(Jesper!AL$2:AL$366,ROUNDDOWN($C8088/24,0)+1,1)*INDEX($D$3:$AA$30,INDEX(Jesper!$R$2:$R$366,ROW(INDEX(Jesper!AL$2:AL$366,ROUNDDOWN($C8088/24,0)+1,1))-1)+IF('Standard Profiles'!$G$22=$B$10,7,0)+IF('Standard Profiles'!$G$22=$B$17,14,0)+IF('Standard Profiles'!$G$22=$B$24,21,0),MOD($C8088,24)+1)/SUM(INDEX($D$3:$AA$30,INDEX(Jesper!$R$2:$R$366,ROW(INDEX(Jesper!AL$2:AL$366,ROUNDDOWN($C8088/24,0)+1,1))-1)+IF('Standard Profiles'!$G$22=$B$10,7,0)+IF('Standard Profiles'!$G$22=$B$17,14,0)+IF('Standard Profiles'!$G$22=$B$24,21,0),0)),0)</f>
        <v>0</v>
      </c>
      <c r="I8088">
        <f t="shared" si="895"/>
        <v>0.38377464661271243</v>
      </c>
      <c r="J8088">
        <f t="shared" si="896"/>
        <v>1.279248822042375</v>
      </c>
      <c r="K8088">
        <f t="shared" si="897"/>
        <v>1.9188732330635625</v>
      </c>
      <c r="L8088">
        <f t="shared" si="898"/>
        <v>17.000543607970581</v>
      </c>
      <c r="M8088">
        <f t="shared" si="899"/>
        <v>0</v>
      </c>
      <c r="N8088" s="46">
        <f t="shared" si="900"/>
        <v>45627.5833333138</v>
      </c>
    </row>
    <row r="8089" spans="2:14" x14ac:dyDescent="0.3">
      <c r="B8089">
        <f t="shared" si="894"/>
        <v>7</v>
      </c>
      <c r="C8089" s="16">
        <v>8055</v>
      </c>
      <c r="D8089" cm="1">
        <f t="array" ref="D8089">IFERROR(INDEX(Jesper!AH$2:AH$366,ROUNDDOWN($C8089/24,0)+1,1)*INDEX($D$3:$AA$30,INDEX(Jesper!$R$2:$R$366,ROW(INDEX(Jesper!AH$2:AH$366,ROUNDDOWN($C8089/24,0)+1,1))-1)+IF('Standard Profiles'!$G$18=$B$10,7,0)+IF('Standard Profiles'!$G$18=$B$17,14,0)+IF('Standard Profiles'!$G$18=$B$24,21,0),MOD($C8089,24)+1)/SUM(INDEX($D$3:$AA$30,INDEX(Jesper!$R$2:$R$366,ROW(INDEX(Jesper!AH$2:AH$366,ROUNDDOWN($C8089/24,0)+1,1))-1)+IF('Standard Profiles'!$G$18=$B$10,7,0)+IF('Standard Profiles'!$G$18=$B$17,14,0)+IF('Standard Profiles'!$G$18=$B$24,21,0),0)),0)</f>
        <v>14.508925984256109</v>
      </c>
      <c r="E8089" cm="1">
        <f t="array" ref="E8089">IFERROR(INDEX(Jesper!AI$2:AI$366,ROUNDDOWN($C8089/24,0)+1,1)*INDEX($D$3:$AA$30,INDEX(Jesper!$R$2:$R$366,ROW(INDEX(Jesper!AI$2:AI$366,ROUNDDOWN($C8089/24,0)+1,1))-1)+IF('Standard Profiles'!$G$19=$B$10,7,0)+IF('Standard Profiles'!$G$19=$B$17,14,0)+IF('Standard Profiles'!$G$19=$B$24,21,0),MOD($C8089,24)+1)/SUM(INDEX($D$3:$AA$30,INDEX(Jesper!$R$2:$R$366,ROW(INDEX(Jesper!AI$2:AI$366,ROUNDDOWN($C8089/24,0)+1,1))-1)+IF('Standard Profiles'!$G$19=$B$10,7,0)+IF('Standard Profiles'!$G$19=$B$17,14,0)+IF('Standard Profiles'!$G$19=$B$24,21,0),0)),0)</f>
        <v>3.7865765132454285</v>
      </c>
      <c r="F8089" cm="1">
        <f t="array" ref="F8089">IFERROR(INDEX(Jesper!AJ$2:AJ$366,ROUNDDOWN($C8089/24,0)+1,1)*INDEX($D$3:$AA$30,INDEX(Jesper!$R$2:$R$366,ROW(INDEX(Jesper!AJ$2:AJ$366,ROUNDDOWN($C8089/24,0)+1,1))-1)+IF('Standard Profiles'!$G$20=$B$10,7,0)+IF('Standard Profiles'!$G$20=$B$17,14,0)+IF('Standard Profiles'!$G$20=$B$24,21,0),MOD($C8089,24)+1)/SUM(INDEX($D$3:$AA$30,INDEX(Jesper!$R$2:$R$366,ROW(INDEX(Jesper!AJ$2:AJ$366,ROUNDDOWN($C8089/24,0)+1,1))-1)+IF('Standard Profiles'!$G$20=$B$10,7,0)+IF('Standard Profiles'!$G$20=$B$17,14,0)+IF('Standard Profiles'!$G$20=$B$24,21,0),0)),0)</f>
        <v>0</v>
      </c>
      <c r="G8089" cm="1">
        <f t="array" ref="G8089">IFERROR(INDEX(Jesper!AK$2:AK$366,ROUNDDOWN($C8089/24,0)+1,1)*INDEX($D$3:$AA$30,INDEX(Jesper!$R$2:$R$366,ROW(INDEX(Jesper!AK$2:AK$366,ROUNDDOWN($C8089/24,0)+1,1))-1)+IF('Standard Profiles'!$G$21=$B$10,7,0)+IF('Standard Profiles'!$G$21=$B$17,14,0)+IF('Standard Profiles'!$G$21=$B$24,21,0),MOD($C8089,24)+1)/SUM(INDEX($D$3:$AA$30,INDEX(Jesper!$R$2:$R$366,ROW(INDEX(Jesper!AK$2:AK$366,ROUNDDOWN($C8089/24,0)+1,1))-1)+IF('Standard Profiles'!$G$21=$B$10,7,0)+IF('Standard Profiles'!$G$21=$B$17,14,0)+IF('Standard Profiles'!$G$21=$B$24,21,0),0)),0)</f>
        <v>0</v>
      </c>
      <c r="H8089" cm="1">
        <f t="array" ref="H8089">IFERROR(INDEX(Jesper!AL$2:AL$366,ROUNDDOWN($C8089/24,0)+1,1)*INDEX($D$3:$AA$30,INDEX(Jesper!$R$2:$R$366,ROW(INDEX(Jesper!AL$2:AL$366,ROUNDDOWN($C8089/24,0)+1,1))-1)+IF('Standard Profiles'!$G$22=$B$10,7,0)+IF('Standard Profiles'!$G$22=$B$17,14,0)+IF('Standard Profiles'!$G$22=$B$24,21,0),MOD($C8089,24)+1)/SUM(INDEX($D$3:$AA$30,INDEX(Jesper!$R$2:$R$366,ROW(INDEX(Jesper!AL$2:AL$366,ROUNDDOWN($C8089/24,0)+1,1))-1)+IF('Standard Profiles'!$G$22=$B$10,7,0)+IF('Standard Profiles'!$G$22=$B$17,14,0)+IF('Standard Profiles'!$G$22=$B$24,21,0),0)),0)</f>
        <v>0</v>
      </c>
      <c r="I8089">
        <f t="shared" si="895"/>
        <v>0.34113301921129996</v>
      </c>
      <c r="J8089">
        <f t="shared" si="896"/>
        <v>1.1371100640376666</v>
      </c>
      <c r="K8089">
        <f t="shared" si="897"/>
        <v>1.7056650960565001</v>
      </c>
      <c r="L8089">
        <f t="shared" si="898"/>
        <v>15.111594318196071</v>
      </c>
      <c r="M8089">
        <f t="shared" si="899"/>
        <v>0</v>
      </c>
      <c r="N8089" s="46">
        <f t="shared" si="900"/>
        <v>45627.624999980464</v>
      </c>
    </row>
    <row r="8090" spans="2:14" x14ac:dyDescent="0.3">
      <c r="B8090">
        <f t="shared" si="894"/>
        <v>7</v>
      </c>
      <c r="C8090" s="16">
        <v>8056</v>
      </c>
      <c r="D8090" cm="1">
        <f t="array" ref="D8090">IFERROR(INDEX(Jesper!AH$2:AH$366,ROUNDDOWN($C8090/24,0)+1,1)*INDEX($D$3:$AA$30,INDEX(Jesper!$R$2:$R$366,ROW(INDEX(Jesper!AH$2:AH$366,ROUNDDOWN($C8090/24,0)+1,1))-1)+IF('Standard Profiles'!$G$18=$B$10,7,0)+IF('Standard Profiles'!$G$18=$B$17,14,0)+IF('Standard Profiles'!$G$18=$B$24,21,0),MOD($C8090,24)+1)/SUM(INDEX($D$3:$AA$30,INDEX(Jesper!$R$2:$R$366,ROW(INDEX(Jesper!AH$2:AH$366,ROUNDDOWN($C8090/24,0)+1,1))-1)+IF('Standard Profiles'!$G$18=$B$10,7,0)+IF('Standard Profiles'!$G$18=$B$17,14,0)+IF('Standard Profiles'!$G$18=$B$24,21,0),0)),0)</f>
        <v>14.249838020251536</v>
      </c>
      <c r="E8090" cm="1">
        <f t="array" ref="E8090">IFERROR(INDEX(Jesper!AI$2:AI$366,ROUNDDOWN($C8090/24,0)+1,1)*INDEX($D$3:$AA$30,INDEX(Jesper!$R$2:$R$366,ROW(INDEX(Jesper!AI$2:AI$366,ROUNDDOWN($C8090/24,0)+1,1))-1)+IF('Standard Profiles'!$G$19=$B$10,7,0)+IF('Standard Profiles'!$G$19=$B$17,14,0)+IF('Standard Profiles'!$G$19=$B$24,21,0),MOD($C8090,24)+1)/SUM(INDEX($D$3:$AA$30,INDEX(Jesper!$R$2:$R$366,ROW(INDEX(Jesper!AI$2:AI$366,ROUNDDOWN($C8090/24,0)+1,1))-1)+IF('Standard Profiles'!$G$19=$B$10,7,0)+IF('Standard Profiles'!$G$19=$B$17,14,0)+IF('Standard Profiles'!$G$19=$B$24,21,0),0)),0)</f>
        <v>3.7189590755089026</v>
      </c>
      <c r="F8090" cm="1">
        <f t="array" ref="F8090">IFERROR(INDEX(Jesper!AJ$2:AJ$366,ROUNDDOWN($C8090/24,0)+1,1)*INDEX($D$3:$AA$30,INDEX(Jesper!$R$2:$R$366,ROW(INDEX(Jesper!AJ$2:AJ$366,ROUNDDOWN($C8090/24,0)+1,1))-1)+IF('Standard Profiles'!$G$20=$B$10,7,0)+IF('Standard Profiles'!$G$20=$B$17,14,0)+IF('Standard Profiles'!$G$20=$B$24,21,0),MOD($C8090,24)+1)/SUM(INDEX($D$3:$AA$30,INDEX(Jesper!$R$2:$R$366,ROW(INDEX(Jesper!AJ$2:AJ$366,ROUNDDOWN($C8090/24,0)+1,1))-1)+IF('Standard Profiles'!$G$20=$B$10,7,0)+IF('Standard Profiles'!$G$20=$B$17,14,0)+IF('Standard Profiles'!$G$20=$B$24,21,0),0)),0)</f>
        <v>0</v>
      </c>
      <c r="G8090" cm="1">
        <f t="array" ref="G8090">IFERROR(INDEX(Jesper!AK$2:AK$366,ROUNDDOWN($C8090/24,0)+1,1)*INDEX($D$3:$AA$30,INDEX(Jesper!$R$2:$R$366,ROW(INDEX(Jesper!AK$2:AK$366,ROUNDDOWN($C8090/24,0)+1,1))-1)+IF('Standard Profiles'!$G$21=$B$10,7,0)+IF('Standard Profiles'!$G$21=$B$17,14,0)+IF('Standard Profiles'!$G$21=$B$24,21,0),MOD($C8090,24)+1)/SUM(INDEX($D$3:$AA$30,INDEX(Jesper!$R$2:$R$366,ROW(INDEX(Jesper!AK$2:AK$366,ROUNDDOWN($C8090/24,0)+1,1))-1)+IF('Standard Profiles'!$G$21=$B$10,7,0)+IF('Standard Profiles'!$G$21=$B$17,14,0)+IF('Standard Profiles'!$G$21=$B$24,21,0),0)),0)</f>
        <v>0</v>
      </c>
      <c r="H8090" cm="1">
        <f t="array" ref="H8090">IFERROR(INDEX(Jesper!AL$2:AL$366,ROUNDDOWN($C8090/24,0)+1,1)*INDEX($D$3:$AA$30,INDEX(Jesper!$R$2:$R$366,ROW(INDEX(Jesper!AL$2:AL$366,ROUNDDOWN($C8090/24,0)+1,1))-1)+IF('Standard Profiles'!$G$22=$B$10,7,0)+IF('Standard Profiles'!$G$22=$B$17,14,0)+IF('Standard Profiles'!$G$22=$B$24,21,0),MOD($C8090,24)+1)/SUM(INDEX($D$3:$AA$30,INDEX(Jesper!$R$2:$R$366,ROW(INDEX(Jesper!AL$2:AL$366,ROUNDDOWN($C8090/24,0)+1,1))-1)+IF('Standard Profiles'!$G$22=$B$10,7,0)+IF('Standard Profiles'!$G$22=$B$17,14,0)+IF('Standard Profiles'!$G$22=$B$24,21,0),0)),0)</f>
        <v>0</v>
      </c>
      <c r="I8090">
        <f t="shared" si="895"/>
        <v>0.33504135815395525</v>
      </c>
      <c r="J8090">
        <f t="shared" si="896"/>
        <v>1.116804527179851</v>
      </c>
      <c r="K8090">
        <f t="shared" si="897"/>
        <v>1.6752067907697765</v>
      </c>
      <c r="L8090">
        <f t="shared" si="898"/>
        <v>14.841744419656855</v>
      </c>
      <c r="M8090">
        <f t="shared" si="899"/>
        <v>0</v>
      </c>
      <c r="N8090" s="46">
        <f t="shared" si="900"/>
        <v>45627.666666647128</v>
      </c>
    </row>
    <row r="8091" spans="2:14" x14ac:dyDescent="0.3">
      <c r="B8091">
        <f t="shared" si="894"/>
        <v>7</v>
      </c>
      <c r="C8091" s="16">
        <v>8057</v>
      </c>
      <c r="D8091" cm="1">
        <f t="array" ref="D8091">IFERROR(INDEX(Jesper!AH$2:AH$366,ROUNDDOWN($C8091/24,0)+1,1)*INDEX($D$3:$AA$30,INDEX(Jesper!$R$2:$R$366,ROW(INDEX(Jesper!AH$2:AH$366,ROUNDDOWN($C8091/24,0)+1,1))-1)+IF('Standard Profiles'!$G$18=$B$10,7,0)+IF('Standard Profiles'!$G$18=$B$17,14,0)+IF('Standard Profiles'!$G$18=$B$24,21,0),MOD($C8091,24)+1)/SUM(INDEX($D$3:$AA$30,INDEX(Jesper!$R$2:$R$366,ROW(INDEX(Jesper!AH$2:AH$366,ROUNDDOWN($C8091/24,0)+1,1))-1)+IF('Standard Profiles'!$G$18=$B$10,7,0)+IF('Standard Profiles'!$G$18=$B$17,14,0)+IF('Standard Profiles'!$G$18=$B$24,21,0),0)),0)</f>
        <v>12.177134308214949</v>
      </c>
      <c r="E8091" cm="1">
        <f t="array" ref="E8091">IFERROR(INDEX(Jesper!AI$2:AI$366,ROUNDDOWN($C8091/24,0)+1,1)*INDEX($D$3:$AA$30,INDEX(Jesper!$R$2:$R$366,ROW(INDEX(Jesper!AI$2:AI$366,ROUNDDOWN($C8091/24,0)+1,1))-1)+IF('Standard Profiles'!$G$19=$B$10,7,0)+IF('Standard Profiles'!$G$19=$B$17,14,0)+IF('Standard Profiles'!$G$19=$B$24,21,0),MOD($C8091,24)+1)/SUM(INDEX($D$3:$AA$30,INDEX(Jesper!$R$2:$R$366,ROW(INDEX(Jesper!AI$2:AI$366,ROUNDDOWN($C8091/24,0)+1,1))-1)+IF('Standard Profiles'!$G$19=$B$10,7,0)+IF('Standard Profiles'!$G$19=$B$17,14,0)+IF('Standard Profiles'!$G$19=$B$24,21,0),0)),0)</f>
        <v>3.1780195736166994</v>
      </c>
      <c r="F8091" cm="1">
        <f t="array" ref="F8091">IFERROR(INDEX(Jesper!AJ$2:AJ$366,ROUNDDOWN($C8091/24,0)+1,1)*INDEX($D$3:$AA$30,INDEX(Jesper!$R$2:$R$366,ROW(INDEX(Jesper!AJ$2:AJ$366,ROUNDDOWN($C8091/24,0)+1,1))-1)+IF('Standard Profiles'!$G$20=$B$10,7,0)+IF('Standard Profiles'!$G$20=$B$17,14,0)+IF('Standard Profiles'!$G$20=$B$24,21,0),MOD($C8091,24)+1)/SUM(INDEX($D$3:$AA$30,INDEX(Jesper!$R$2:$R$366,ROW(INDEX(Jesper!AJ$2:AJ$366,ROUNDDOWN($C8091/24,0)+1,1))-1)+IF('Standard Profiles'!$G$20=$B$10,7,0)+IF('Standard Profiles'!$G$20=$B$17,14,0)+IF('Standard Profiles'!$G$20=$B$24,21,0),0)),0)</f>
        <v>0</v>
      </c>
      <c r="G8091" cm="1">
        <f t="array" ref="G8091">IFERROR(INDEX(Jesper!AK$2:AK$366,ROUNDDOWN($C8091/24,0)+1,1)*INDEX($D$3:$AA$30,INDEX(Jesper!$R$2:$R$366,ROW(INDEX(Jesper!AK$2:AK$366,ROUNDDOWN($C8091/24,0)+1,1))-1)+IF('Standard Profiles'!$G$21=$B$10,7,0)+IF('Standard Profiles'!$G$21=$B$17,14,0)+IF('Standard Profiles'!$G$21=$B$24,21,0),MOD($C8091,24)+1)/SUM(INDEX($D$3:$AA$30,INDEX(Jesper!$R$2:$R$366,ROW(INDEX(Jesper!AK$2:AK$366,ROUNDDOWN($C8091/24,0)+1,1))-1)+IF('Standard Profiles'!$G$21=$B$10,7,0)+IF('Standard Profiles'!$G$21=$B$17,14,0)+IF('Standard Profiles'!$G$21=$B$24,21,0),0)),0)</f>
        <v>0</v>
      </c>
      <c r="H8091" cm="1">
        <f t="array" ref="H8091">IFERROR(INDEX(Jesper!AL$2:AL$366,ROUNDDOWN($C8091/24,0)+1,1)*INDEX($D$3:$AA$30,INDEX(Jesper!$R$2:$R$366,ROW(INDEX(Jesper!AL$2:AL$366,ROUNDDOWN($C8091/24,0)+1,1))-1)+IF('Standard Profiles'!$G$22=$B$10,7,0)+IF('Standard Profiles'!$G$22=$B$17,14,0)+IF('Standard Profiles'!$G$22=$B$24,21,0),MOD($C8091,24)+1)/SUM(INDEX($D$3:$AA$30,INDEX(Jesper!$R$2:$R$366,ROW(INDEX(Jesper!AL$2:AL$366,ROUNDDOWN($C8091/24,0)+1,1))-1)+IF('Standard Profiles'!$G$22=$B$10,7,0)+IF('Standard Profiles'!$G$22=$B$17,14,0)+IF('Standard Profiles'!$G$22=$B$24,21,0),0)),0)</f>
        <v>0</v>
      </c>
      <c r="I8091">
        <f t="shared" si="895"/>
        <v>0.28630806969519823</v>
      </c>
      <c r="J8091">
        <f t="shared" si="896"/>
        <v>0.95436023231732747</v>
      </c>
      <c r="K8091">
        <f t="shared" si="897"/>
        <v>1.4315403484759912</v>
      </c>
      <c r="L8091">
        <f t="shared" si="898"/>
        <v>12.682945231343131</v>
      </c>
      <c r="M8091">
        <f t="shared" si="899"/>
        <v>0</v>
      </c>
      <c r="N8091" s="46">
        <f t="shared" si="900"/>
        <v>45627.708333313793</v>
      </c>
    </row>
    <row r="8092" spans="2:14" x14ac:dyDescent="0.3">
      <c r="B8092">
        <f t="shared" si="894"/>
        <v>7</v>
      </c>
      <c r="C8092" s="16">
        <v>8058</v>
      </c>
      <c r="D8092" cm="1">
        <f t="array" ref="D8092">IFERROR(INDEX(Jesper!AH$2:AH$366,ROUNDDOWN($C8092/24,0)+1,1)*INDEX($D$3:$AA$30,INDEX(Jesper!$R$2:$R$366,ROW(INDEX(Jesper!AH$2:AH$366,ROUNDDOWN($C8092/24,0)+1,1))-1)+IF('Standard Profiles'!$G$18=$B$10,7,0)+IF('Standard Profiles'!$G$18=$B$17,14,0)+IF('Standard Profiles'!$G$18=$B$24,21,0),MOD($C8092,24)+1)/SUM(INDEX($D$3:$AA$30,INDEX(Jesper!$R$2:$R$366,ROW(INDEX(Jesper!AH$2:AH$366,ROUNDDOWN($C8092/24,0)+1,1))-1)+IF('Standard Profiles'!$G$18=$B$10,7,0)+IF('Standard Profiles'!$G$18=$B$17,14,0)+IF('Standard Profiles'!$G$18=$B$24,21,0),0)),0)</f>
        <v>11.399870416201228</v>
      </c>
      <c r="E8092" cm="1">
        <f t="array" ref="E8092">IFERROR(INDEX(Jesper!AI$2:AI$366,ROUNDDOWN($C8092/24,0)+1,1)*INDEX($D$3:$AA$30,INDEX(Jesper!$R$2:$R$366,ROW(INDEX(Jesper!AI$2:AI$366,ROUNDDOWN($C8092/24,0)+1,1))-1)+IF('Standard Profiles'!$G$19=$B$10,7,0)+IF('Standard Profiles'!$G$19=$B$17,14,0)+IF('Standard Profiles'!$G$19=$B$24,21,0),MOD($C8092,24)+1)/SUM(INDEX($D$3:$AA$30,INDEX(Jesper!$R$2:$R$366,ROW(INDEX(Jesper!AI$2:AI$366,ROUNDDOWN($C8092/24,0)+1,1))-1)+IF('Standard Profiles'!$G$19=$B$10,7,0)+IF('Standard Profiles'!$G$19=$B$17,14,0)+IF('Standard Profiles'!$G$19=$B$24,21,0),0)),0)</f>
        <v>2.9751672604071224</v>
      </c>
      <c r="F8092" cm="1">
        <f t="array" ref="F8092">IFERROR(INDEX(Jesper!AJ$2:AJ$366,ROUNDDOWN($C8092/24,0)+1,1)*INDEX($D$3:$AA$30,INDEX(Jesper!$R$2:$R$366,ROW(INDEX(Jesper!AJ$2:AJ$366,ROUNDDOWN($C8092/24,0)+1,1))-1)+IF('Standard Profiles'!$G$20=$B$10,7,0)+IF('Standard Profiles'!$G$20=$B$17,14,0)+IF('Standard Profiles'!$G$20=$B$24,21,0),MOD($C8092,24)+1)/SUM(INDEX($D$3:$AA$30,INDEX(Jesper!$R$2:$R$366,ROW(INDEX(Jesper!AJ$2:AJ$366,ROUNDDOWN($C8092/24,0)+1,1))-1)+IF('Standard Profiles'!$G$20=$B$10,7,0)+IF('Standard Profiles'!$G$20=$B$17,14,0)+IF('Standard Profiles'!$G$20=$B$24,21,0),0)),0)</f>
        <v>0</v>
      </c>
      <c r="G8092" cm="1">
        <f t="array" ref="G8092">IFERROR(INDEX(Jesper!AK$2:AK$366,ROUNDDOWN($C8092/24,0)+1,1)*INDEX($D$3:$AA$30,INDEX(Jesper!$R$2:$R$366,ROW(INDEX(Jesper!AK$2:AK$366,ROUNDDOWN($C8092/24,0)+1,1))-1)+IF('Standard Profiles'!$G$21=$B$10,7,0)+IF('Standard Profiles'!$G$21=$B$17,14,0)+IF('Standard Profiles'!$G$21=$B$24,21,0),MOD($C8092,24)+1)/SUM(INDEX($D$3:$AA$30,INDEX(Jesper!$R$2:$R$366,ROW(INDEX(Jesper!AK$2:AK$366,ROUNDDOWN($C8092/24,0)+1,1))-1)+IF('Standard Profiles'!$G$21=$B$10,7,0)+IF('Standard Profiles'!$G$21=$B$17,14,0)+IF('Standard Profiles'!$G$21=$B$24,21,0),0)),0)</f>
        <v>0</v>
      </c>
      <c r="H8092" cm="1">
        <f t="array" ref="H8092">IFERROR(INDEX(Jesper!AL$2:AL$366,ROUNDDOWN($C8092/24,0)+1,1)*INDEX($D$3:$AA$30,INDEX(Jesper!$R$2:$R$366,ROW(INDEX(Jesper!AL$2:AL$366,ROUNDDOWN($C8092/24,0)+1,1))-1)+IF('Standard Profiles'!$G$22=$B$10,7,0)+IF('Standard Profiles'!$G$22=$B$17,14,0)+IF('Standard Profiles'!$G$22=$B$24,21,0),MOD($C8092,24)+1)/SUM(INDEX($D$3:$AA$30,INDEX(Jesper!$R$2:$R$366,ROW(INDEX(Jesper!AL$2:AL$366,ROUNDDOWN($C8092/24,0)+1,1))-1)+IF('Standard Profiles'!$G$22=$B$10,7,0)+IF('Standard Profiles'!$G$22=$B$17,14,0)+IF('Standard Profiles'!$G$22=$B$24,21,0),0)),0)</f>
        <v>0</v>
      </c>
      <c r="I8092">
        <f t="shared" si="895"/>
        <v>0.26803308652316427</v>
      </c>
      <c r="J8092">
        <f t="shared" si="896"/>
        <v>0.89344362174388092</v>
      </c>
      <c r="K8092">
        <f t="shared" si="897"/>
        <v>1.3401654326158214</v>
      </c>
      <c r="L8092">
        <f t="shared" si="898"/>
        <v>11.873395535725484</v>
      </c>
      <c r="M8092">
        <f t="shared" si="899"/>
        <v>0</v>
      </c>
      <c r="N8092" s="46">
        <f t="shared" si="900"/>
        <v>45627.749999980457</v>
      </c>
    </row>
    <row r="8093" spans="2:14" x14ac:dyDescent="0.3">
      <c r="B8093">
        <f t="shared" si="894"/>
        <v>7</v>
      </c>
      <c r="C8093" s="16">
        <v>8059</v>
      </c>
      <c r="D8093" cm="1">
        <f t="array" ref="D8093">IFERROR(INDEX(Jesper!AH$2:AH$366,ROUNDDOWN($C8093/24,0)+1,1)*INDEX($D$3:$AA$30,INDEX(Jesper!$R$2:$R$366,ROW(INDEX(Jesper!AH$2:AH$366,ROUNDDOWN($C8093/24,0)+1,1))-1)+IF('Standard Profiles'!$G$18=$B$10,7,0)+IF('Standard Profiles'!$G$18=$B$17,14,0)+IF('Standard Profiles'!$G$18=$B$24,21,0),MOD($C8093,24)+1)/SUM(INDEX($D$3:$AA$30,INDEX(Jesper!$R$2:$R$366,ROW(INDEX(Jesper!AH$2:AH$366,ROUNDDOWN($C8093/24,0)+1,1))-1)+IF('Standard Profiles'!$G$18=$B$10,7,0)+IF('Standard Profiles'!$G$18=$B$17,14,0)+IF('Standard Profiles'!$G$18=$B$24,21,0),0)),0)</f>
        <v>9.5862546681692162</v>
      </c>
      <c r="E8093" cm="1">
        <f t="array" ref="E8093">IFERROR(INDEX(Jesper!AI$2:AI$366,ROUNDDOWN($C8093/24,0)+1,1)*INDEX($D$3:$AA$30,INDEX(Jesper!$R$2:$R$366,ROW(INDEX(Jesper!AI$2:AI$366,ROUNDDOWN($C8093/24,0)+1,1))-1)+IF('Standard Profiles'!$G$19=$B$10,7,0)+IF('Standard Profiles'!$G$19=$B$17,14,0)+IF('Standard Profiles'!$G$19=$B$24,21,0),MOD($C8093,24)+1)/SUM(INDEX($D$3:$AA$30,INDEX(Jesper!$R$2:$R$366,ROW(INDEX(Jesper!AI$2:AI$366,ROUNDDOWN($C8093/24,0)+1,1))-1)+IF('Standard Profiles'!$G$19=$B$10,7,0)+IF('Standard Profiles'!$G$19=$B$17,14,0)+IF('Standard Profiles'!$G$19=$B$24,21,0),0)),0)</f>
        <v>2.5018451962514439</v>
      </c>
      <c r="F8093" cm="1">
        <f t="array" ref="F8093">IFERROR(INDEX(Jesper!AJ$2:AJ$366,ROUNDDOWN($C8093/24,0)+1,1)*INDEX($D$3:$AA$30,INDEX(Jesper!$R$2:$R$366,ROW(INDEX(Jesper!AJ$2:AJ$366,ROUNDDOWN($C8093/24,0)+1,1))-1)+IF('Standard Profiles'!$G$20=$B$10,7,0)+IF('Standard Profiles'!$G$20=$B$17,14,0)+IF('Standard Profiles'!$G$20=$B$24,21,0),MOD($C8093,24)+1)/SUM(INDEX($D$3:$AA$30,INDEX(Jesper!$R$2:$R$366,ROW(INDEX(Jesper!AJ$2:AJ$366,ROUNDDOWN($C8093/24,0)+1,1))-1)+IF('Standard Profiles'!$G$20=$B$10,7,0)+IF('Standard Profiles'!$G$20=$B$17,14,0)+IF('Standard Profiles'!$G$20=$B$24,21,0),0)),0)</f>
        <v>0</v>
      </c>
      <c r="G8093" cm="1">
        <f t="array" ref="G8093">IFERROR(INDEX(Jesper!AK$2:AK$366,ROUNDDOWN($C8093/24,0)+1,1)*INDEX($D$3:$AA$30,INDEX(Jesper!$R$2:$R$366,ROW(INDEX(Jesper!AK$2:AK$366,ROUNDDOWN($C8093/24,0)+1,1))-1)+IF('Standard Profiles'!$G$21=$B$10,7,0)+IF('Standard Profiles'!$G$21=$B$17,14,0)+IF('Standard Profiles'!$G$21=$B$24,21,0),MOD($C8093,24)+1)/SUM(INDEX($D$3:$AA$30,INDEX(Jesper!$R$2:$R$366,ROW(INDEX(Jesper!AK$2:AK$366,ROUNDDOWN($C8093/24,0)+1,1))-1)+IF('Standard Profiles'!$G$21=$B$10,7,0)+IF('Standard Profiles'!$G$21=$B$17,14,0)+IF('Standard Profiles'!$G$21=$B$24,21,0),0)),0)</f>
        <v>0</v>
      </c>
      <c r="H8093" cm="1">
        <f t="array" ref="H8093">IFERROR(INDEX(Jesper!AL$2:AL$366,ROUNDDOWN($C8093/24,0)+1,1)*INDEX($D$3:$AA$30,INDEX(Jesper!$R$2:$R$366,ROW(INDEX(Jesper!AL$2:AL$366,ROUNDDOWN($C8093/24,0)+1,1))-1)+IF('Standard Profiles'!$G$22=$B$10,7,0)+IF('Standard Profiles'!$G$22=$B$17,14,0)+IF('Standard Profiles'!$G$22=$B$24,21,0),MOD($C8093,24)+1)/SUM(INDEX($D$3:$AA$30,INDEX(Jesper!$R$2:$R$366,ROW(INDEX(Jesper!AL$2:AL$366,ROUNDDOWN($C8093/24,0)+1,1))-1)+IF('Standard Profiles'!$G$22=$B$10,7,0)+IF('Standard Profiles'!$G$22=$B$17,14,0)+IF('Standard Profiles'!$G$22=$B$24,21,0),0)),0)</f>
        <v>0</v>
      </c>
      <c r="I8093">
        <f t="shared" si="895"/>
        <v>0.22539145912175176</v>
      </c>
      <c r="J8093">
        <f t="shared" si="896"/>
        <v>0.7513048637391726</v>
      </c>
      <c r="K8093">
        <f t="shared" si="897"/>
        <v>1.126957295608759</v>
      </c>
      <c r="L8093">
        <f t="shared" si="898"/>
        <v>9.9844462459509771</v>
      </c>
      <c r="M8093">
        <f t="shared" si="899"/>
        <v>0</v>
      </c>
      <c r="N8093" s="46">
        <f t="shared" si="900"/>
        <v>45627.791666647121</v>
      </c>
    </row>
    <row r="8094" spans="2:14" x14ac:dyDescent="0.3">
      <c r="B8094">
        <f t="shared" si="894"/>
        <v>7</v>
      </c>
      <c r="C8094" s="16">
        <v>8060</v>
      </c>
      <c r="D8094" cm="1">
        <f t="array" ref="D8094">IFERROR(INDEX(Jesper!AH$2:AH$366,ROUNDDOWN($C8094/24,0)+1,1)*INDEX($D$3:$AA$30,INDEX(Jesper!$R$2:$R$366,ROW(INDEX(Jesper!AH$2:AH$366,ROUNDDOWN($C8094/24,0)+1,1))-1)+IF('Standard Profiles'!$G$18=$B$10,7,0)+IF('Standard Profiles'!$G$18=$B$17,14,0)+IF('Standard Profiles'!$G$18=$B$24,21,0),MOD($C8094,24)+1)/SUM(INDEX($D$3:$AA$30,INDEX(Jesper!$R$2:$R$366,ROW(INDEX(Jesper!AH$2:AH$366,ROUNDDOWN($C8094/24,0)+1,1))-1)+IF('Standard Profiles'!$G$18=$B$10,7,0)+IF('Standard Profiles'!$G$18=$B$17,14,0)+IF('Standard Profiles'!$G$18=$B$24,21,0),0)),0)</f>
        <v>8.0317268841417739</v>
      </c>
      <c r="E8094" cm="1">
        <f t="array" ref="E8094">IFERROR(INDEX(Jesper!AI$2:AI$366,ROUNDDOWN($C8094/24,0)+1,1)*INDEX($D$3:$AA$30,INDEX(Jesper!$R$2:$R$366,ROW(INDEX(Jesper!AI$2:AI$366,ROUNDDOWN($C8094/24,0)+1,1))-1)+IF('Standard Profiles'!$G$19=$B$10,7,0)+IF('Standard Profiles'!$G$19=$B$17,14,0)+IF('Standard Profiles'!$G$19=$B$24,21,0),MOD($C8094,24)+1)/SUM(INDEX($D$3:$AA$30,INDEX(Jesper!$R$2:$R$366,ROW(INDEX(Jesper!AI$2:AI$366,ROUNDDOWN($C8094/24,0)+1,1))-1)+IF('Standard Profiles'!$G$19=$B$10,7,0)+IF('Standard Profiles'!$G$19=$B$17,14,0)+IF('Standard Profiles'!$G$19=$B$24,21,0),0)),0)</f>
        <v>2.0961405698322908</v>
      </c>
      <c r="F8094" cm="1">
        <f t="array" ref="F8094">IFERROR(INDEX(Jesper!AJ$2:AJ$366,ROUNDDOWN($C8094/24,0)+1,1)*INDEX($D$3:$AA$30,INDEX(Jesper!$R$2:$R$366,ROW(INDEX(Jesper!AJ$2:AJ$366,ROUNDDOWN($C8094/24,0)+1,1))-1)+IF('Standard Profiles'!$G$20=$B$10,7,0)+IF('Standard Profiles'!$G$20=$B$17,14,0)+IF('Standard Profiles'!$G$20=$B$24,21,0),MOD($C8094,24)+1)/SUM(INDEX($D$3:$AA$30,INDEX(Jesper!$R$2:$R$366,ROW(INDEX(Jesper!AJ$2:AJ$366,ROUNDDOWN($C8094/24,0)+1,1))-1)+IF('Standard Profiles'!$G$20=$B$10,7,0)+IF('Standard Profiles'!$G$20=$B$17,14,0)+IF('Standard Profiles'!$G$20=$B$24,21,0),0)),0)</f>
        <v>0</v>
      </c>
      <c r="G8094" cm="1">
        <f t="array" ref="G8094">IFERROR(INDEX(Jesper!AK$2:AK$366,ROUNDDOWN($C8094/24,0)+1,1)*INDEX($D$3:$AA$30,INDEX(Jesper!$R$2:$R$366,ROW(INDEX(Jesper!AK$2:AK$366,ROUNDDOWN($C8094/24,0)+1,1))-1)+IF('Standard Profiles'!$G$21=$B$10,7,0)+IF('Standard Profiles'!$G$21=$B$17,14,0)+IF('Standard Profiles'!$G$21=$B$24,21,0),MOD($C8094,24)+1)/SUM(INDEX($D$3:$AA$30,INDEX(Jesper!$R$2:$R$366,ROW(INDEX(Jesper!AK$2:AK$366,ROUNDDOWN($C8094/24,0)+1,1))-1)+IF('Standard Profiles'!$G$21=$B$10,7,0)+IF('Standard Profiles'!$G$21=$B$17,14,0)+IF('Standard Profiles'!$G$21=$B$24,21,0),0)),0)</f>
        <v>0</v>
      </c>
      <c r="H8094" cm="1">
        <f t="array" ref="H8094">IFERROR(INDEX(Jesper!AL$2:AL$366,ROUNDDOWN($C8094/24,0)+1,1)*INDEX($D$3:$AA$30,INDEX(Jesper!$R$2:$R$366,ROW(INDEX(Jesper!AL$2:AL$366,ROUNDDOWN($C8094/24,0)+1,1))-1)+IF('Standard Profiles'!$G$22=$B$10,7,0)+IF('Standard Profiles'!$G$22=$B$17,14,0)+IF('Standard Profiles'!$G$22=$B$24,21,0),MOD($C8094,24)+1)/SUM(INDEX($D$3:$AA$30,INDEX(Jesper!$R$2:$R$366,ROW(INDEX(Jesper!AL$2:AL$366,ROUNDDOWN($C8094/24,0)+1,1))-1)+IF('Standard Profiles'!$G$22=$B$10,7,0)+IF('Standard Profiles'!$G$22=$B$17,14,0)+IF('Standard Profiles'!$G$22=$B$24,21,0),0)),0)</f>
        <v>0</v>
      </c>
      <c r="I8094">
        <f t="shared" si="895"/>
        <v>0.18884149277768392</v>
      </c>
      <c r="J8094">
        <f t="shared" si="896"/>
        <v>0.62947164259227972</v>
      </c>
      <c r="K8094">
        <f t="shared" si="897"/>
        <v>0.9442074638884197</v>
      </c>
      <c r="L8094">
        <f t="shared" si="898"/>
        <v>8.365346854715682</v>
      </c>
      <c r="M8094">
        <f t="shared" si="899"/>
        <v>0</v>
      </c>
      <c r="N8094" s="46">
        <f t="shared" si="900"/>
        <v>45627.833333313785</v>
      </c>
    </row>
    <row r="8095" spans="2:14" x14ac:dyDescent="0.3">
      <c r="B8095">
        <f t="shared" si="894"/>
        <v>7</v>
      </c>
      <c r="C8095" s="16">
        <v>8061</v>
      </c>
      <c r="D8095" cm="1">
        <f t="array" ref="D8095">IFERROR(INDEX(Jesper!AH$2:AH$366,ROUNDDOWN($C8095/24,0)+1,1)*INDEX($D$3:$AA$30,INDEX(Jesper!$R$2:$R$366,ROW(INDEX(Jesper!AH$2:AH$366,ROUNDDOWN($C8095/24,0)+1,1))-1)+IF('Standard Profiles'!$G$18=$B$10,7,0)+IF('Standard Profiles'!$G$18=$B$17,14,0)+IF('Standard Profiles'!$G$18=$B$24,21,0),MOD($C8095,24)+1)/SUM(INDEX($D$3:$AA$30,INDEX(Jesper!$R$2:$R$366,ROW(INDEX(Jesper!AH$2:AH$366,ROUNDDOWN($C8095/24,0)+1,1))-1)+IF('Standard Profiles'!$G$18=$B$10,7,0)+IF('Standard Profiles'!$G$18=$B$17,14,0)+IF('Standard Profiles'!$G$18=$B$24,21,0),0)),0)</f>
        <v>6.9953750281234814</v>
      </c>
      <c r="E8095" cm="1">
        <f t="array" ref="E8095">IFERROR(INDEX(Jesper!AI$2:AI$366,ROUNDDOWN($C8095/24,0)+1,1)*INDEX($D$3:$AA$30,INDEX(Jesper!$R$2:$R$366,ROW(INDEX(Jesper!AI$2:AI$366,ROUNDDOWN($C8095/24,0)+1,1))-1)+IF('Standard Profiles'!$G$19=$B$10,7,0)+IF('Standard Profiles'!$G$19=$B$17,14,0)+IF('Standard Profiles'!$G$19=$B$24,21,0),MOD($C8095,24)+1)/SUM(INDEX($D$3:$AA$30,INDEX(Jesper!$R$2:$R$366,ROW(INDEX(Jesper!AI$2:AI$366,ROUNDDOWN($C8095/24,0)+1,1))-1)+IF('Standard Profiles'!$G$19=$B$10,7,0)+IF('Standard Profiles'!$G$19=$B$17,14,0)+IF('Standard Profiles'!$G$19=$B$24,21,0),0)),0)</f>
        <v>1.8256708188861888</v>
      </c>
      <c r="F8095" cm="1">
        <f t="array" ref="F8095">IFERROR(INDEX(Jesper!AJ$2:AJ$366,ROUNDDOWN($C8095/24,0)+1,1)*INDEX($D$3:$AA$30,INDEX(Jesper!$R$2:$R$366,ROW(INDEX(Jesper!AJ$2:AJ$366,ROUNDDOWN($C8095/24,0)+1,1))-1)+IF('Standard Profiles'!$G$20=$B$10,7,0)+IF('Standard Profiles'!$G$20=$B$17,14,0)+IF('Standard Profiles'!$G$20=$B$24,21,0),MOD($C8095,24)+1)/SUM(INDEX($D$3:$AA$30,INDEX(Jesper!$R$2:$R$366,ROW(INDEX(Jesper!AJ$2:AJ$366,ROUNDDOWN($C8095/24,0)+1,1))-1)+IF('Standard Profiles'!$G$20=$B$10,7,0)+IF('Standard Profiles'!$G$20=$B$17,14,0)+IF('Standard Profiles'!$G$20=$B$24,21,0),0)),0)</f>
        <v>0</v>
      </c>
      <c r="G8095" cm="1">
        <f t="array" ref="G8095">IFERROR(INDEX(Jesper!AK$2:AK$366,ROUNDDOWN($C8095/24,0)+1,1)*INDEX($D$3:$AA$30,INDEX(Jesper!$R$2:$R$366,ROW(INDEX(Jesper!AK$2:AK$366,ROUNDDOWN($C8095/24,0)+1,1))-1)+IF('Standard Profiles'!$G$21=$B$10,7,0)+IF('Standard Profiles'!$G$21=$B$17,14,0)+IF('Standard Profiles'!$G$21=$B$24,21,0),MOD($C8095,24)+1)/SUM(INDEX($D$3:$AA$30,INDEX(Jesper!$R$2:$R$366,ROW(INDEX(Jesper!AK$2:AK$366,ROUNDDOWN($C8095/24,0)+1,1))-1)+IF('Standard Profiles'!$G$21=$B$10,7,0)+IF('Standard Profiles'!$G$21=$B$17,14,0)+IF('Standard Profiles'!$G$21=$B$24,21,0),0)),0)</f>
        <v>0</v>
      </c>
      <c r="H8095" cm="1">
        <f t="array" ref="H8095">IFERROR(INDEX(Jesper!AL$2:AL$366,ROUNDDOWN($C8095/24,0)+1,1)*INDEX($D$3:$AA$30,INDEX(Jesper!$R$2:$R$366,ROW(INDEX(Jesper!AL$2:AL$366,ROUNDDOWN($C8095/24,0)+1,1))-1)+IF('Standard Profiles'!$G$22=$B$10,7,0)+IF('Standard Profiles'!$G$22=$B$17,14,0)+IF('Standard Profiles'!$G$22=$B$24,21,0),MOD($C8095,24)+1)/SUM(INDEX($D$3:$AA$30,INDEX(Jesper!$R$2:$R$366,ROW(INDEX(Jesper!AL$2:AL$366,ROUNDDOWN($C8095/24,0)+1,1))-1)+IF('Standard Profiles'!$G$22=$B$10,7,0)+IF('Standard Profiles'!$G$22=$B$17,14,0)+IF('Standard Profiles'!$G$22=$B$24,21,0),0)),0)</f>
        <v>0</v>
      </c>
      <c r="I8095">
        <f t="shared" si="895"/>
        <v>0.16447484854830532</v>
      </c>
      <c r="J8095">
        <f t="shared" si="896"/>
        <v>0.54824949516101784</v>
      </c>
      <c r="K8095">
        <f t="shared" si="897"/>
        <v>0.82237424274152682</v>
      </c>
      <c r="L8095">
        <f t="shared" si="898"/>
        <v>7.28594726055882</v>
      </c>
      <c r="M8095">
        <f t="shared" si="899"/>
        <v>0</v>
      </c>
      <c r="N8095" s="46">
        <f t="shared" si="900"/>
        <v>45627.87499998045</v>
      </c>
    </row>
    <row r="8096" spans="2:14" x14ac:dyDescent="0.3">
      <c r="B8096">
        <f t="shared" si="894"/>
        <v>7</v>
      </c>
      <c r="C8096" s="16">
        <v>8062</v>
      </c>
      <c r="D8096" cm="1">
        <f t="array" ref="D8096">IFERROR(INDEX(Jesper!AH$2:AH$366,ROUNDDOWN($C8096/24,0)+1,1)*INDEX($D$3:$AA$30,INDEX(Jesper!$R$2:$R$366,ROW(INDEX(Jesper!AH$2:AH$366,ROUNDDOWN($C8096/24,0)+1,1))-1)+IF('Standard Profiles'!$G$18=$B$10,7,0)+IF('Standard Profiles'!$G$18=$B$17,14,0)+IF('Standard Profiles'!$G$18=$B$24,21,0),MOD($C8096,24)+1)/SUM(INDEX($D$3:$AA$30,INDEX(Jesper!$R$2:$R$366,ROW(INDEX(Jesper!AH$2:AH$366,ROUNDDOWN($C8096/24,0)+1,1))-1)+IF('Standard Profiles'!$G$18=$B$10,7,0)+IF('Standard Profiles'!$G$18=$B$17,14,0)+IF('Standard Profiles'!$G$18=$B$24,21,0),0)),0)</f>
        <v>6.9953750281234814</v>
      </c>
      <c r="E8096" cm="1">
        <f t="array" ref="E8096">IFERROR(INDEX(Jesper!AI$2:AI$366,ROUNDDOWN($C8096/24,0)+1,1)*INDEX($D$3:$AA$30,INDEX(Jesper!$R$2:$R$366,ROW(INDEX(Jesper!AI$2:AI$366,ROUNDDOWN($C8096/24,0)+1,1))-1)+IF('Standard Profiles'!$G$19=$B$10,7,0)+IF('Standard Profiles'!$G$19=$B$17,14,0)+IF('Standard Profiles'!$G$19=$B$24,21,0),MOD($C8096,24)+1)/SUM(INDEX($D$3:$AA$30,INDEX(Jesper!$R$2:$R$366,ROW(INDEX(Jesper!AI$2:AI$366,ROUNDDOWN($C8096/24,0)+1,1))-1)+IF('Standard Profiles'!$G$19=$B$10,7,0)+IF('Standard Profiles'!$G$19=$B$17,14,0)+IF('Standard Profiles'!$G$19=$B$24,21,0),0)),0)</f>
        <v>1.8256708188861888</v>
      </c>
      <c r="F8096" cm="1">
        <f t="array" ref="F8096">IFERROR(INDEX(Jesper!AJ$2:AJ$366,ROUNDDOWN($C8096/24,0)+1,1)*INDEX($D$3:$AA$30,INDEX(Jesper!$R$2:$R$366,ROW(INDEX(Jesper!AJ$2:AJ$366,ROUNDDOWN($C8096/24,0)+1,1))-1)+IF('Standard Profiles'!$G$20=$B$10,7,0)+IF('Standard Profiles'!$G$20=$B$17,14,0)+IF('Standard Profiles'!$G$20=$B$24,21,0),MOD($C8096,24)+1)/SUM(INDEX($D$3:$AA$30,INDEX(Jesper!$R$2:$R$366,ROW(INDEX(Jesper!AJ$2:AJ$366,ROUNDDOWN($C8096/24,0)+1,1))-1)+IF('Standard Profiles'!$G$20=$B$10,7,0)+IF('Standard Profiles'!$G$20=$B$17,14,0)+IF('Standard Profiles'!$G$20=$B$24,21,0),0)),0)</f>
        <v>0</v>
      </c>
      <c r="G8096" cm="1">
        <f t="array" ref="G8096">IFERROR(INDEX(Jesper!AK$2:AK$366,ROUNDDOWN($C8096/24,0)+1,1)*INDEX($D$3:$AA$30,INDEX(Jesper!$R$2:$R$366,ROW(INDEX(Jesper!AK$2:AK$366,ROUNDDOWN($C8096/24,0)+1,1))-1)+IF('Standard Profiles'!$G$21=$B$10,7,0)+IF('Standard Profiles'!$G$21=$B$17,14,0)+IF('Standard Profiles'!$G$21=$B$24,21,0),MOD($C8096,24)+1)/SUM(INDEX($D$3:$AA$30,INDEX(Jesper!$R$2:$R$366,ROW(INDEX(Jesper!AK$2:AK$366,ROUNDDOWN($C8096/24,0)+1,1))-1)+IF('Standard Profiles'!$G$21=$B$10,7,0)+IF('Standard Profiles'!$G$21=$B$17,14,0)+IF('Standard Profiles'!$G$21=$B$24,21,0),0)),0)</f>
        <v>0</v>
      </c>
      <c r="H8096" cm="1">
        <f t="array" ref="H8096">IFERROR(INDEX(Jesper!AL$2:AL$366,ROUNDDOWN($C8096/24,0)+1,1)*INDEX($D$3:$AA$30,INDEX(Jesper!$R$2:$R$366,ROW(INDEX(Jesper!AL$2:AL$366,ROUNDDOWN($C8096/24,0)+1,1))-1)+IF('Standard Profiles'!$G$22=$B$10,7,0)+IF('Standard Profiles'!$G$22=$B$17,14,0)+IF('Standard Profiles'!$G$22=$B$24,21,0),MOD($C8096,24)+1)/SUM(INDEX($D$3:$AA$30,INDEX(Jesper!$R$2:$R$366,ROW(INDEX(Jesper!AL$2:AL$366,ROUNDDOWN($C8096/24,0)+1,1))-1)+IF('Standard Profiles'!$G$22=$B$10,7,0)+IF('Standard Profiles'!$G$22=$B$17,14,0)+IF('Standard Profiles'!$G$22=$B$24,21,0),0)),0)</f>
        <v>0</v>
      </c>
      <c r="I8096">
        <f t="shared" si="895"/>
        <v>0.16447484854830532</v>
      </c>
      <c r="J8096">
        <f t="shared" si="896"/>
        <v>0.54824949516101784</v>
      </c>
      <c r="K8096">
        <f t="shared" si="897"/>
        <v>0.82237424274152682</v>
      </c>
      <c r="L8096">
        <f t="shared" si="898"/>
        <v>7.28594726055882</v>
      </c>
      <c r="M8096">
        <f t="shared" si="899"/>
        <v>0</v>
      </c>
      <c r="N8096" s="46">
        <f t="shared" si="900"/>
        <v>45627.916666647114</v>
      </c>
    </row>
    <row r="8097" spans="2:14" x14ac:dyDescent="0.3">
      <c r="B8097">
        <f t="shared" si="894"/>
        <v>7</v>
      </c>
      <c r="C8097" s="16">
        <v>8063</v>
      </c>
      <c r="D8097" cm="1">
        <f t="array" ref="D8097">IFERROR(INDEX(Jesper!AH$2:AH$366,ROUNDDOWN($C8097/24,0)+1,1)*INDEX($D$3:$AA$30,INDEX(Jesper!$R$2:$R$366,ROW(INDEX(Jesper!AH$2:AH$366,ROUNDDOWN($C8097/24,0)+1,1))-1)+IF('Standard Profiles'!$G$18=$B$10,7,0)+IF('Standard Profiles'!$G$18=$B$17,14,0)+IF('Standard Profiles'!$G$18=$B$24,21,0),MOD($C8097,24)+1)/SUM(INDEX($D$3:$AA$30,INDEX(Jesper!$R$2:$R$366,ROW(INDEX(Jesper!AH$2:AH$366,ROUNDDOWN($C8097/24,0)+1,1))-1)+IF('Standard Profiles'!$G$18=$B$10,7,0)+IF('Standard Profiles'!$G$18=$B$17,14,0)+IF('Standard Profiles'!$G$18=$B$24,21,0),0)),0)</f>
        <v>6.9953750281234814</v>
      </c>
      <c r="E8097" cm="1">
        <f t="array" ref="E8097">IFERROR(INDEX(Jesper!AI$2:AI$366,ROUNDDOWN($C8097/24,0)+1,1)*INDEX($D$3:$AA$30,INDEX(Jesper!$R$2:$R$366,ROW(INDEX(Jesper!AI$2:AI$366,ROUNDDOWN($C8097/24,0)+1,1))-1)+IF('Standard Profiles'!$G$19=$B$10,7,0)+IF('Standard Profiles'!$G$19=$B$17,14,0)+IF('Standard Profiles'!$G$19=$B$24,21,0),MOD($C8097,24)+1)/SUM(INDEX($D$3:$AA$30,INDEX(Jesper!$R$2:$R$366,ROW(INDEX(Jesper!AI$2:AI$366,ROUNDDOWN($C8097/24,0)+1,1))-1)+IF('Standard Profiles'!$G$19=$B$10,7,0)+IF('Standard Profiles'!$G$19=$B$17,14,0)+IF('Standard Profiles'!$G$19=$B$24,21,0),0)),0)</f>
        <v>1.8256708188861888</v>
      </c>
      <c r="F8097" cm="1">
        <f t="array" ref="F8097">IFERROR(INDEX(Jesper!AJ$2:AJ$366,ROUNDDOWN($C8097/24,0)+1,1)*INDEX($D$3:$AA$30,INDEX(Jesper!$R$2:$R$366,ROW(INDEX(Jesper!AJ$2:AJ$366,ROUNDDOWN($C8097/24,0)+1,1))-1)+IF('Standard Profiles'!$G$20=$B$10,7,0)+IF('Standard Profiles'!$G$20=$B$17,14,0)+IF('Standard Profiles'!$G$20=$B$24,21,0),MOD($C8097,24)+1)/SUM(INDEX($D$3:$AA$30,INDEX(Jesper!$R$2:$R$366,ROW(INDEX(Jesper!AJ$2:AJ$366,ROUNDDOWN($C8097/24,0)+1,1))-1)+IF('Standard Profiles'!$G$20=$B$10,7,0)+IF('Standard Profiles'!$G$20=$B$17,14,0)+IF('Standard Profiles'!$G$20=$B$24,21,0),0)),0)</f>
        <v>0</v>
      </c>
      <c r="G8097" cm="1">
        <f t="array" ref="G8097">IFERROR(INDEX(Jesper!AK$2:AK$366,ROUNDDOWN($C8097/24,0)+1,1)*INDEX($D$3:$AA$30,INDEX(Jesper!$R$2:$R$366,ROW(INDEX(Jesper!AK$2:AK$366,ROUNDDOWN($C8097/24,0)+1,1))-1)+IF('Standard Profiles'!$G$21=$B$10,7,0)+IF('Standard Profiles'!$G$21=$B$17,14,0)+IF('Standard Profiles'!$G$21=$B$24,21,0),MOD($C8097,24)+1)/SUM(INDEX($D$3:$AA$30,INDEX(Jesper!$R$2:$R$366,ROW(INDEX(Jesper!AK$2:AK$366,ROUNDDOWN($C8097/24,0)+1,1))-1)+IF('Standard Profiles'!$G$21=$B$10,7,0)+IF('Standard Profiles'!$G$21=$B$17,14,0)+IF('Standard Profiles'!$G$21=$B$24,21,0),0)),0)</f>
        <v>0</v>
      </c>
      <c r="H8097" cm="1">
        <f t="array" ref="H8097">IFERROR(INDEX(Jesper!AL$2:AL$366,ROUNDDOWN($C8097/24,0)+1,1)*INDEX($D$3:$AA$30,INDEX(Jesper!$R$2:$R$366,ROW(INDEX(Jesper!AL$2:AL$366,ROUNDDOWN($C8097/24,0)+1,1))-1)+IF('Standard Profiles'!$G$22=$B$10,7,0)+IF('Standard Profiles'!$G$22=$B$17,14,0)+IF('Standard Profiles'!$G$22=$B$24,21,0),MOD($C8097,24)+1)/SUM(INDEX($D$3:$AA$30,INDEX(Jesper!$R$2:$R$366,ROW(INDEX(Jesper!AL$2:AL$366,ROUNDDOWN($C8097/24,0)+1,1))-1)+IF('Standard Profiles'!$G$22=$B$10,7,0)+IF('Standard Profiles'!$G$22=$B$17,14,0)+IF('Standard Profiles'!$G$22=$B$24,21,0),0)),0)</f>
        <v>0</v>
      </c>
      <c r="I8097">
        <f t="shared" si="895"/>
        <v>0.16447484854830532</v>
      </c>
      <c r="J8097">
        <f t="shared" si="896"/>
        <v>0.54824949516101784</v>
      </c>
      <c r="K8097">
        <f t="shared" si="897"/>
        <v>0.82237424274152682</v>
      </c>
      <c r="L8097">
        <f t="shared" si="898"/>
        <v>7.28594726055882</v>
      </c>
      <c r="M8097">
        <f t="shared" si="899"/>
        <v>0</v>
      </c>
      <c r="N8097" s="46">
        <f t="shared" si="900"/>
        <v>45627.958333313778</v>
      </c>
    </row>
    <row r="8098" spans="2:14" x14ac:dyDescent="0.3">
      <c r="B8098">
        <f t="shared" si="894"/>
        <v>1</v>
      </c>
      <c r="C8098" s="16">
        <v>8064</v>
      </c>
      <c r="D8098" cm="1">
        <f t="array" ref="D8098">IFERROR(INDEX(Jesper!AH$2:AH$366,ROUNDDOWN($C8098/24,0)+1,1)*INDEX($D$3:$AA$30,INDEX(Jesper!$R$2:$R$366,ROW(INDEX(Jesper!AH$2:AH$366,ROUNDDOWN($C8098/24,0)+1,1))-1)+IF('Standard Profiles'!$G$18=$B$10,7,0)+IF('Standard Profiles'!$G$18=$B$17,14,0)+IF('Standard Profiles'!$G$18=$B$24,21,0),MOD($C8098,24)+1)/SUM(INDEX($D$3:$AA$30,INDEX(Jesper!$R$2:$R$366,ROW(INDEX(Jesper!AH$2:AH$366,ROUNDDOWN($C8098/24,0)+1,1))-1)+IF('Standard Profiles'!$G$18=$B$10,7,0)+IF('Standard Profiles'!$G$18=$B$17,14,0)+IF('Standard Profiles'!$G$18=$B$24,21,0),0)),0)</f>
        <v>2.9893518980509612</v>
      </c>
      <c r="E8098" cm="1">
        <f t="array" ref="E8098">IFERROR(INDEX(Jesper!AI$2:AI$366,ROUNDDOWN($C8098/24,0)+1,1)*INDEX($D$3:$AA$30,INDEX(Jesper!$R$2:$R$366,ROW(INDEX(Jesper!AI$2:AI$366,ROUNDDOWN($C8098/24,0)+1,1))-1)+IF('Standard Profiles'!$G$19=$B$10,7,0)+IF('Standard Profiles'!$G$19=$B$17,14,0)+IF('Standard Profiles'!$G$19=$B$24,21,0),MOD($C8098,24)+1)/SUM(INDEX($D$3:$AA$30,INDEX(Jesper!$R$2:$R$366,ROW(INDEX(Jesper!AI$2:AI$366,ROUNDDOWN($C8098/24,0)+1,1))-1)+IF('Standard Profiles'!$G$19=$B$10,7,0)+IF('Standard Profiles'!$G$19=$B$17,14,0)+IF('Standard Profiles'!$G$19=$B$24,21,0),0)),0)</f>
        <v>0</v>
      </c>
      <c r="F8098" cm="1">
        <f t="array" ref="F8098">IFERROR(INDEX(Jesper!AJ$2:AJ$366,ROUNDDOWN($C8098/24,0)+1,1)*INDEX($D$3:$AA$30,INDEX(Jesper!$R$2:$R$366,ROW(INDEX(Jesper!AJ$2:AJ$366,ROUNDDOWN($C8098/24,0)+1,1))-1)+IF('Standard Profiles'!$G$20=$B$10,7,0)+IF('Standard Profiles'!$G$20=$B$17,14,0)+IF('Standard Profiles'!$G$20=$B$24,21,0),MOD($C8098,24)+1)/SUM(INDEX($D$3:$AA$30,INDEX(Jesper!$R$2:$R$366,ROW(INDEX(Jesper!AJ$2:AJ$366,ROUNDDOWN($C8098/24,0)+1,1))-1)+IF('Standard Profiles'!$G$20=$B$10,7,0)+IF('Standard Profiles'!$G$20=$B$17,14,0)+IF('Standard Profiles'!$G$20=$B$24,21,0),0)),0)</f>
        <v>0</v>
      </c>
      <c r="G8098" cm="1">
        <f t="array" ref="G8098">IFERROR(INDEX(Jesper!AK$2:AK$366,ROUNDDOWN($C8098/24,0)+1,1)*INDEX($D$3:$AA$30,INDEX(Jesper!$R$2:$R$366,ROW(INDEX(Jesper!AK$2:AK$366,ROUNDDOWN($C8098/24,0)+1,1))-1)+IF('Standard Profiles'!$G$21=$B$10,7,0)+IF('Standard Profiles'!$G$21=$B$17,14,0)+IF('Standard Profiles'!$G$21=$B$24,21,0),MOD($C8098,24)+1)/SUM(INDEX($D$3:$AA$30,INDEX(Jesper!$R$2:$R$366,ROW(INDEX(Jesper!AK$2:AK$366,ROUNDDOWN($C8098/24,0)+1,1))-1)+IF('Standard Profiles'!$G$21=$B$10,7,0)+IF('Standard Profiles'!$G$21=$B$17,14,0)+IF('Standard Profiles'!$G$21=$B$24,21,0),0)),0)</f>
        <v>0</v>
      </c>
      <c r="H8098" cm="1">
        <f t="array" ref="H8098">IFERROR(INDEX(Jesper!AL$2:AL$366,ROUNDDOWN($C8098/24,0)+1,1)*INDEX($D$3:$AA$30,INDEX(Jesper!$R$2:$R$366,ROW(INDEX(Jesper!AL$2:AL$366,ROUNDDOWN($C8098/24,0)+1,1))-1)+IF('Standard Profiles'!$G$22=$B$10,7,0)+IF('Standard Profiles'!$G$22=$B$17,14,0)+IF('Standard Profiles'!$G$22=$B$24,21,0),MOD($C8098,24)+1)/SUM(INDEX($D$3:$AA$30,INDEX(Jesper!$R$2:$R$366,ROW(INDEX(Jesper!AL$2:AL$366,ROUNDDOWN($C8098/24,0)+1,1))-1)+IF('Standard Profiles'!$G$22=$B$10,7,0)+IF('Standard Profiles'!$G$22=$B$17,14,0)+IF('Standard Profiles'!$G$22=$B$24,21,0),0)),0)</f>
        <v>0</v>
      </c>
      <c r="I8098">
        <f t="shared" si="895"/>
        <v>8.9680556941528836E-2</v>
      </c>
      <c r="J8098">
        <f t="shared" si="896"/>
        <v>0.29893518980509615</v>
      </c>
      <c r="K8098">
        <f t="shared" si="897"/>
        <v>0.44840278470764416</v>
      </c>
      <c r="L8098">
        <f t="shared" si="898"/>
        <v>2.1523333665966922</v>
      </c>
      <c r="M8098">
        <f t="shared" si="899"/>
        <v>0</v>
      </c>
      <c r="N8098" s="46">
        <f t="shared" si="900"/>
        <v>45627.999999980442</v>
      </c>
    </row>
    <row r="8099" spans="2:14" x14ac:dyDescent="0.3">
      <c r="B8099">
        <f t="shared" ref="B8099:B8162" si="901">WEEKDAY(N8099,2)</f>
        <v>1</v>
      </c>
      <c r="C8099" s="16">
        <v>8065</v>
      </c>
      <c r="D8099" cm="1">
        <f t="array" ref="D8099">IFERROR(INDEX(Jesper!AH$2:AH$366,ROUNDDOWN($C8099/24,0)+1,1)*INDEX($D$3:$AA$30,INDEX(Jesper!$R$2:$R$366,ROW(INDEX(Jesper!AH$2:AH$366,ROUNDDOWN($C8099/24,0)+1,1))-1)+IF('Standard Profiles'!$G$18=$B$10,7,0)+IF('Standard Profiles'!$G$18=$B$17,14,0)+IF('Standard Profiles'!$G$18=$B$24,21,0),MOD($C8099,24)+1)/SUM(INDEX($D$3:$AA$30,INDEX(Jesper!$R$2:$R$366,ROW(INDEX(Jesper!AH$2:AH$366,ROUNDDOWN($C8099/24,0)+1,1))-1)+IF('Standard Profiles'!$G$18=$B$10,7,0)+IF('Standard Profiles'!$G$18=$B$17,14,0)+IF('Standard Profiles'!$G$18=$B$24,21,0),0)),0)</f>
        <v>2.9893518980509612</v>
      </c>
      <c r="E8099" cm="1">
        <f t="array" ref="E8099">IFERROR(INDEX(Jesper!AI$2:AI$366,ROUNDDOWN($C8099/24,0)+1,1)*INDEX($D$3:$AA$30,INDEX(Jesper!$R$2:$R$366,ROW(INDEX(Jesper!AI$2:AI$366,ROUNDDOWN($C8099/24,0)+1,1))-1)+IF('Standard Profiles'!$G$19=$B$10,7,0)+IF('Standard Profiles'!$G$19=$B$17,14,0)+IF('Standard Profiles'!$G$19=$B$24,21,0),MOD($C8099,24)+1)/SUM(INDEX($D$3:$AA$30,INDEX(Jesper!$R$2:$R$366,ROW(INDEX(Jesper!AI$2:AI$366,ROUNDDOWN($C8099/24,0)+1,1))-1)+IF('Standard Profiles'!$G$19=$B$10,7,0)+IF('Standard Profiles'!$G$19=$B$17,14,0)+IF('Standard Profiles'!$G$19=$B$24,21,0),0)),0)</f>
        <v>0</v>
      </c>
      <c r="F8099" cm="1">
        <f t="array" ref="F8099">IFERROR(INDEX(Jesper!AJ$2:AJ$366,ROUNDDOWN($C8099/24,0)+1,1)*INDEX($D$3:$AA$30,INDEX(Jesper!$R$2:$R$366,ROW(INDEX(Jesper!AJ$2:AJ$366,ROUNDDOWN($C8099/24,0)+1,1))-1)+IF('Standard Profiles'!$G$20=$B$10,7,0)+IF('Standard Profiles'!$G$20=$B$17,14,0)+IF('Standard Profiles'!$G$20=$B$24,21,0),MOD($C8099,24)+1)/SUM(INDEX($D$3:$AA$30,INDEX(Jesper!$R$2:$R$366,ROW(INDEX(Jesper!AJ$2:AJ$366,ROUNDDOWN($C8099/24,0)+1,1))-1)+IF('Standard Profiles'!$G$20=$B$10,7,0)+IF('Standard Profiles'!$G$20=$B$17,14,0)+IF('Standard Profiles'!$G$20=$B$24,21,0),0)),0)</f>
        <v>0</v>
      </c>
      <c r="G8099" cm="1">
        <f t="array" ref="G8099">IFERROR(INDEX(Jesper!AK$2:AK$366,ROUNDDOWN($C8099/24,0)+1,1)*INDEX($D$3:$AA$30,INDEX(Jesper!$R$2:$R$366,ROW(INDEX(Jesper!AK$2:AK$366,ROUNDDOWN($C8099/24,0)+1,1))-1)+IF('Standard Profiles'!$G$21=$B$10,7,0)+IF('Standard Profiles'!$G$21=$B$17,14,0)+IF('Standard Profiles'!$G$21=$B$24,21,0),MOD($C8099,24)+1)/SUM(INDEX($D$3:$AA$30,INDEX(Jesper!$R$2:$R$366,ROW(INDEX(Jesper!AK$2:AK$366,ROUNDDOWN($C8099/24,0)+1,1))-1)+IF('Standard Profiles'!$G$21=$B$10,7,0)+IF('Standard Profiles'!$G$21=$B$17,14,0)+IF('Standard Profiles'!$G$21=$B$24,21,0),0)),0)</f>
        <v>0</v>
      </c>
      <c r="H8099" cm="1">
        <f t="array" ref="H8099">IFERROR(INDEX(Jesper!AL$2:AL$366,ROUNDDOWN($C8099/24,0)+1,1)*INDEX($D$3:$AA$30,INDEX(Jesper!$R$2:$R$366,ROW(INDEX(Jesper!AL$2:AL$366,ROUNDDOWN($C8099/24,0)+1,1))-1)+IF('Standard Profiles'!$G$22=$B$10,7,0)+IF('Standard Profiles'!$G$22=$B$17,14,0)+IF('Standard Profiles'!$G$22=$B$24,21,0),MOD($C8099,24)+1)/SUM(INDEX($D$3:$AA$30,INDEX(Jesper!$R$2:$R$366,ROW(INDEX(Jesper!AL$2:AL$366,ROUNDDOWN($C8099/24,0)+1,1))-1)+IF('Standard Profiles'!$G$22=$B$10,7,0)+IF('Standard Profiles'!$G$22=$B$17,14,0)+IF('Standard Profiles'!$G$22=$B$24,21,0),0)),0)</f>
        <v>0</v>
      </c>
      <c r="I8099">
        <f t="shared" ref="I8099:I8162" si="902">IF($B8099&lt;6,AC$37*$D8099+AC$38*$E8099+AC$39*$F8099+AC$40*$G8099,AC$46*$D8099+AC$47*$E8099+AC$48*$F8099+AC$49*$G8099+AC$50*$H8099)</f>
        <v>8.9680556941528836E-2</v>
      </c>
      <c r="J8099">
        <f t="shared" ref="J8099:J8162" si="903">IF($B8099&lt;6,AD$37*$D8099+AD$38*$E8099+AD$39*$F8099+AD$40*$G8099,AD$46*$D8099+AD$47*$E8099+AD$48*$F8099+AD$49*$G8099+AD$50*$H8099)</f>
        <v>0.29893518980509615</v>
      </c>
      <c r="K8099">
        <f t="shared" ref="K8099:K8162" si="904">IF($B8099&lt;6,AE$37*$D8099+AE$38*$E8099+AE$39*$F8099+AE$40*$G8099,AE$46*$D8099+AE$47*$E8099+AE$48*$F8099+AE$49*$G8099+AE$50*$H8099)</f>
        <v>0.44840278470764416</v>
      </c>
      <c r="L8099">
        <f t="shared" ref="L8099:L8162" si="905">IF($B8099&lt;6,AF$37*$D8099+AF$38*$E8099+AF$39*$F8099+AF$40*$G8099,AF$46*$D8099+AF$47*$E8099+AF$48*$F8099+AF$49*$G8099+AF$50*$H8099)</f>
        <v>2.1523333665966922</v>
      </c>
      <c r="M8099">
        <f t="shared" ref="M8099:M8162" si="906">IF($B8099&lt;6,AG$37*$D8099+AG$38*$E8099+AG$39*$F8099+AG$40*$G8099,AG$46*$D8099+AG$47*$E8099+AG$48*$F8099+AG$49*$G8099+AG$50*$H8099)</f>
        <v>0</v>
      </c>
      <c r="N8099" s="46">
        <f t="shared" si="900"/>
        <v>45628.041666647106</v>
      </c>
    </row>
    <row r="8100" spans="2:14" x14ac:dyDescent="0.3">
      <c r="B8100">
        <f t="shared" si="901"/>
        <v>1</v>
      </c>
      <c r="C8100" s="16">
        <v>8066</v>
      </c>
      <c r="D8100" cm="1">
        <f t="array" ref="D8100">IFERROR(INDEX(Jesper!AH$2:AH$366,ROUNDDOWN($C8100/24,0)+1,1)*INDEX($D$3:$AA$30,INDEX(Jesper!$R$2:$R$366,ROW(INDEX(Jesper!AH$2:AH$366,ROUNDDOWN($C8100/24,0)+1,1))-1)+IF('Standard Profiles'!$G$18=$B$10,7,0)+IF('Standard Profiles'!$G$18=$B$17,14,0)+IF('Standard Profiles'!$G$18=$B$24,21,0),MOD($C8100,24)+1)/SUM(INDEX($D$3:$AA$30,INDEX(Jesper!$R$2:$R$366,ROW(INDEX(Jesper!AH$2:AH$366,ROUNDDOWN($C8100/24,0)+1,1))-1)+IF('Standard Profiles'!$G$18=$B$10,7,0)+IF('Standard Profiles'!$G$18=$B$17,14,0)+IF('Standard Profiles'!$G$18=$B$24,21,0),0)),0)</f>
        <v>2.9893518980509612</v>
      </c>
      <c r="E8100" cm="1">
        <f t="array" ref="E8100">IFERROR(INDEX(Jesper!AI$2:AI$366,ROUNDDOWN($C8100/24,0)+1,1)*INDEX($D$3:$AA$30,INDEX(Jesper!$R$2:$R$366,ROW(INDEX(Jesper!AI$2:AI$366,ROUNDDOWN($C8100/24,0)+1,1))-1)+IF('Standard Profiles'!$G$19=$B$10,7,0)+IF('Standard Profiles'!$G$19=$B$17,14,0)+IF('Standard Profiles'!$G$19=$B$24,21,0),MOD($C8100,24)+1)/SUM(INDEX($D$3:$AA$30,INDEX(Jesper!$R$2:$R$366,ROW(INDEX(Jesper!AI$2:AI$366,ROUNDDOWN($C8100/24,0)+1,1))-1)+IF('Standard Profiles'!$G$19=$B$10,7,0)+IF('Standard Profiles'!$G$19=$B$17,14,0)+IF('Standard Profiles'!$G$19=$B$24,21,0),0)),0)</f>
        <v>0</v>
      </c>
      <c r="F8100" cm="1">
        <f t="array" ref="F8100">IFERROR(INDEX(Jesper!AJ$2:AJ$366,ROUNDDOWN($C8100/24,0)+1,1)*INDEX($D$3:$AA$30,INDEX(Jesper!$R$2:$R$366,ROW(INDEX(Jesper!AJ$2:AJ$366,ROUNDDOWN($C8100/24,0)+1,1))-1)+IF('Standard Profiles'!$G$20=$B$10,7,0)+IF('Standard Profiles'!$G$20=$B$17,14,0)+IF('Standard Profiles'!$G$20=$B$24,21,0),MOD($C8100,24)+1)/SUM(INDEX($D$3:$AA$30,INDEX(Jesper!$R$2:$R$366,ROW(INDEX(Jesper!AJ$2:AJ$366,ROUNDDOWN($C8100/24,0)+1,1))-1)+IF('Standard Profiles'!$G$20=$B$10,7,0)+IF('Standard Profiles'!$G$20=$B$17,14,0)+IF('Standard Profiles'!$G$20=$B$24,21,0),0)),0)</f>
        <v>0</v>
      </c>
      <c r="G8100" cm="1">
        <f t="array" ref="G8100">IFERROR(INDEX(Jesper!AK$2:AK$366,ROUNDDOWN($C8100/24,0)+1,1)*INDEX($D$3:$AA$30,INDEX(Jesper!$R$2:$R$366,ROW(INDEX(Jesper!AK$2:AK$366,ROUNDDOWN($C8100/24,0)+1,1))-1)+IF('Standard Profiles'!$G$21=$B$10,7,0)+IF('Standard Profiles'!$G$21=$B$17,14,0)+IF('Standard Profiles'!$G$21=$B$24,21,0),MOD($C8100,24)+1)/SUM(INDEX($D$3:$AA$30,INDEX(Jesper!$R$2:$R$366,ROW(INDEX(Jesper!AK$2:AK$366,ROUNDDOWN($C8100/24,0)+1,1))-1)+IF('Standard Profiles'!$G$21=$B$10,7,0)+IF('Standard Profiles'!$G$21=$B$17,14,0)+IF('Standard Profiles'!$G$21=$B$24,21,0),0)),0)</f>
        <v>0</v>
      </c>
      <c r="H8100" cm="1">
        <f t="array" ref="H8100">IFERROR(INDEX(Jesper!AL$2:AL$366,ROUNDDOWN($C8100/24,0)+1,1)*INDEX($D$3:$AA$30,INDEX(Jesper!$R$2:$R$366,ROW(INDEX(Jesper!AL$2:AL$366,ROUNDDOWN($C8100/24,0)+1,1))-1)+IF('Standard Profiles'!$G$22=$B$10,7,0)+IF('Standard Profiles'!$G$22=$B$17,14,0)+IF('Standard Profiles'!$G$22=$B$24,21,0),MOD($C8100,24)+1)/SUM(INDEX($D$3:$AA$30,INDEX(Jesper!$R$2:$R$366,ROW(INDEX(Jesper!AL$2:AL$366,ROUNDDOWN($C8100/24,0)+1,1))-1)+IF('Standard Profiles'!$G$22=$B$10,7,0)+IF('Standard Profiles'!$G$22=$B$17,14,0)+IF('Standard Profiles'!$G$22=$B$24,21,0),0)),0)</f>
        <v>0</v>
      </c>
      <c r="I8100">
        <f t="shared" si="902"/>
        <v>8.9680556941528836E-2</v>
      </c>
      <c r="J8100">
        <f t="shared" si="903"/>
        <v>0.29893518980509615</v>
      </c>
      <c r="K8100">
        <f t="shared" si="904"/>
        <v>0.44840278470764416</v>
      </c>
      <c r="L8100">
        <f t="shared" si="905"/>
        <v>2.1523333665966922</v>
      </c>
      <c r="M8100">
        <f t="shared" si="906"/>
        <v>0</v>
      </c>
      <c r="N8100" s="46">
        <f t="shared" ref="N8100:N8163" si="907">N8099+1/24</f>
        <v>45628.083333313771</v>
      </c>
    </row>
    <row r="8101" spans="2:14" x14ac:dyDescent="0.3">
      <c r="B8101">
        <f t="shared" si="901"/>
        <v>1</v>
      </c>
      <c r="C8101" s="16">
        <v>8067</v>
      </c>
      <c r="D8101" cm="1">
        <f t="array" ref="D8101">IFERROR(INDEX(Jesper!AH$2:AH$366,ROUNDDOWN($C8101/24,0)+1,1)*INDEX($D$3:$AA$30,INDEX(Jesper!$R$2:$R$366,ROW(INDEX(Jesper!AH$2:AH$366,ROUNDDOWN($C8101/24,0)+1,1))-1)+IF('Standard Profiles'!$G$18=$B$10,7,0)+IF('Standard Profiles'!$G$18=$B$17,14,0)+IF('Standard Profiles'!$G$18=$B$24,21,0),MOD($C8101,24)+1)/SUM(INDEX($D$3:$AA$30,INDEX(Jesper!$R$2:$R$366,ROW(INDEX(Jesper!AH$2:AH$366,ROUNDDOWN($C8101/24,0)+1,1))-1)+IF('Standard Profiles'!$G$18=$B$10,7,0)+IF('Standard Profiles'!$G$18=$B$17,14,0)+IF('Standard Profiles'!$G$18=$B$24,21,0),0)),0)</f>
        <v>2.9893518980509612</v>
      </c>
      <c r="E8101" cm="1">
        <f t="array" ref="E8101">IFERROR(INDEX(Jesper!AI$2:AI$366,ROUNDDOWN($C8101/24,0)+1,1)*INDEX($D$3:$AA$30,INDEX(Jesper!$R$2:$R$366,ROW(INDEX(Jesper!AI$2:AI$366,ROUNDDOWN($C8101/24,0)+1,1))-1)+IF('Standard Profiles'!$G$19=$B$10,7,0)+IF('Standard Profiles'!$G$19=$B$17,14,0)+IF('Standard Profiles'!$G$19=$B$24,21,0),MOD($C8101,24)+1)/SUM(INDEX($D$3:$AA$30,INDEX(Jesper!$R$2:$R$366,ROW(INDEX(Jesper!AI$2:AI$366,ROUNDDOWN($C8101/24,0)+1,1))-1)+IF('Standard Profiles'!$G$19=$B$10,7,0)+IF('Standard Profiles'!$G$19=$B$17,14,0)+IF('Standard Profiles'!$G$19=$B$24,21,0),0)),0)</f>
        <v>0</v>
      </c>
      <c r="F8101" cm="1">
        <f t="array" ref="F8101">IFERROR(INDEX(Jesper!AJ$2:AJ$366,ROUNDDOWN($C8101/24,0)+1,1)*INDEX($D$3:$AA$30,INDEX(Jesper!$R$2:$R$366,ROW(INDEX(Jesper!AJ$2:AJ$366,ROUNDDOWN($C8101/24,0)+1,1))-1)+IF('Standard Profiles'!$G$20=$B$10,7,0)+IF('Standard Profiles'!$G$20=$B$17,14,0)+IF('Standard Profiles'!$G$20=$B$24,21,0),MOD($C8101,24)+1)/SUM(INDEX($D$3:$AA$30,INDEX(Jesper!$R$2:$R$366,ROW(INDEX(Jesper!AJ$2:AJ$366,ROUNDDOWN($C8101/24,0)+1,1))-1)+IF('Standard Profiles'!$G$20=$B$10,7,0)+IF('Standard Profiles'!$G$20=$B$17,14,0)+IF('Standard Profiles'!$G$20=$B$24,21,0),0)),0)</f>
        <v>0</v>
      </c>
      <c r="G8101" cm="1">
        <f t="array" ref="G8101">IFERROR(INDEX(Jesper!AK$2:AK$366,ROUNDDOWN($C8101/24,0)+1,1)*INDEX($D$3:$AA$30,INDEX(Jesper!$R$2:$R$366,ROW(INDEX(Jesper!AK$2:AK$366,ROUNDDOWN($C8101/24,0)+1,1))-1)+IF('Standard Profiles'!$G$21=$B$10,7,0)+IF('Standard Profiles'!$G$21=$B$17,14,0)+IF('Standard Profiles'!$G$21=$B$24,21,0),MOD($C8101,24)+1)/SUM(INDEX($D$3:$AA$30,INDEX(Jesper!$R$2:$R$366,ROW(INDEX(Jesper!AK$2:AK$366,ROUNDDOWN($C8101/24,0)+1,1))-1)+IF('Standard Profiles'!$G$21=$B$10,7,0)+IF('Standard Profiles'!$G$21=$B$17,14,0)+IF('Standard Profiles'!$G$21=$B$24,21,0),0)),0)</f>
        <v>0</v>
      </c>
      <c r="H8101" cm="1">
        <f t="array" ref="H8101">IFERROR(INDEX(Jesper!AL$2:AL$366,ROUNDDOWN($C8101/24,0)+1,1)*INDEX($D$3:$AA$30,INDEX(Jesper!$R$2:$R$366,ROW(INDEX(Jesper!AL$2:AL$366,ROUNDDOWN($C8101/24,0)+1,1))-1)+IF('Standard Profiles'!$G$22=$B$10,7,0)+IF('Standard Profiles'!$G$22=$B$17,14,0)+IF('Standard Profiles'!$G$22=$B$24,21,0),MOD($C8101,24)+1)/SUM(INDEX($D$3:$AA$30,INDEX(Jesper!$R$2:$R$366,ROW(INDEX(Jesper!AL$2:AL$366,ROUNDDOWN($C8101/24,0)+1,1))-1)+IF('Standard Profiles'!$G$22=$B$10,7,0)+IF('Standard Profiles'!$G$22=$B$17,14,0)+IF('Standard Profiles'!$G$22=$B$24,21,0),0)),0)</f>
        <v>0</v>
      </c>
      <c r="I8101">
        <f t="shared" si="902"/>
        <v>8.9680556941528836E-2</v>
      </c>
      <c r="J8101">
        <f t="shared" si="903"/>
        <v>0.29893518980509615</v>
      </c>
      <c r="K8101">
        <f t="shared" si="904"/>
        <v>0.44840278470764416</v>
      </c>
      <c r="L8101">
        <f t="shared" si="905"/>
        <v>2.1523333665966922</v>
      </c>
      <c r="M8101">
        <f t="shared" si="906"/>
        <v>0</v>
      </c>
      <c r="N8101" s="46">
        <f t="shared" si="907"/>
        <v>45628.124999980435</v>
      </c>
    </row>
    <row r="8102" spans="2:14" x14ac:dyDescent="0.3">
      <c r="B8102">
        <f t="shared" si="901"/>
        <v>1</v>
      </c>
      <c r="C8102" s="16">
        <v>8068</v>
      </c>
      <c r="D8102" cm="1">
        <f t="array" ref="D8102">IFERROR(INDEX(Jesper!AH$2:AH$366,ROUNDDOWN($C8102/24,0)+1,1)*INDEX($D$3:$AA$30,INDEX(Jesper!$R$2:$R$366,ROW(INDEX(Jesper!AH$2:AH$366,ROUNDDOWN($C8102/24,0)+1,1))-1)+IF('Standard Profiles'!$G$18=$B$10,7,0)+IF('Standard Profiles'!$G$18=$B$17,14,0)+IF('Standard Profiles'!$G$18=$B$24,21,0),MOD($C8102,24)+1)/SUM(INDEX($D$3:$AA$30,INDEX(Jesper!$R$2:$R$366,ROW(INDEX(Jesper!AH$2:AH$366,ROUNDDOWN($C8102/24,0)+1,1))-1)+IF('Standard Profiles'!$G$18=$B$10,7,0)+IF('Standard Profiles'!$G$18=$B$17,14,0)+IF('Standard Profiles'!$G$18=$B$24,21,0),0)),0)</f>
        <v>2.9893518980509612</v>
      </c>
      <c r="E8102" cm="1">
        <f t="array" ref="E8102">IFERROR(INDEX(Jesper!AI$2:AI$366,ROUNDDOWN($C8102/24,0)+1,1)*INDEX($D$3:$AA$30,INDEX(Jesper!$R$2:$R$366,ROW(INDEX(Jesper!AI$2:AI$366,ROUNDDOWN($C8102/24,0)+1,1))-1)+IF('Standard Profiles'!$G$19=$B$10,7,0)+IF('Standard Profiles'!$G$19=$B$17,14,0)+IF('Standard Profiles'!$G$19=$B$24,21,0),MOD($C8102,24)+1)/SUM(INDEX($D$3:$AA$30,INDEX(Jesper!$R$2:$R$366,ROW(INDEX(Jesper!AI$2:AI$366,ROUNDDOWN($C8102/24,0)+1,1))-1)+IF('Standard Profiles'!$G$19=$B$10,7,0)+IF('Standard Profiles'!$G$19=$B$17,14,0)+IF('Standard Profiles'!$G$19=$B$24,21,0),0)),0)</f>
        <v>0</v>
      </c>
      <c r="F8102" cm="1">
        <f t="array" ref="F8102">IFERROR(INDEX(Jesper!AJ$2:AJ$366,ROUNDDOWN($C8102/24,0)+1,1)*INDEX($D$3:$AA$30,INDEX(Jesper!$R$2:$R$366,ROW(INDEX(Jesper!AJ$2:AJ$366,ROUNDDOWN($C8102/24,0)+1,1))-1)+IF('Standard Profiles'!$G$20=$B$10,7,0)+IF('Standard Profiles'!$G$20=$B$17,14,0)+IF('Standard Profiles'!$G$20=$B$24,21,0),MOD($C8102,24)+1)/SUM(INDEX($D$3:$AA$30,INDEX(Jesper!$R$2:$R$366,ROW(INDEX(Jesper!AJ$2:AJ$366,ROUNDDOWN($C8102/24,0)+1,1))-1)+IF('Standard Profiles'!$G$20=$B$10,7,0)+IF('Standard Profiles'!$G$20=$B$17,14,0)+IF('Standard Profiles'!$G$20=$B$24,21,0),0)),0)</f>
        <v>0</v>
      </c>
      <c r="G8102" cm="1">
        <f t="array" ref="G8102">IFERROR(INDEX(Jesper!AK$2:AK$366,ROUNDDOWN($C8102/24,0)+1,1)*INDEX($D$3:$AA$30,INDEX(Jesper!$R$2:$R$366,ROW(INDEX(Jesper!AK$2:AK$366,ROUNDDOWN($C8102/24,0)+1,1))-1)+IF('Standard Profiles'!$G$21=$B$10,7,0)+IF('Standard Profiles'!$G$21=$B$17,14,0)+IF('Standard Profiles'!$G$21=$B$24,21,0),MOD($C8102,24)+1)/SUM(INDEX($D$3:$AA$30,INDEX(Jesper!$R$2:$R$366,ROW(INDEX(Jesper!AK$2:AK$366,ROUNDDOWN($C8102/24,0)+1,1))-1)+IF('Standard Profiles'!$G$21=$B$10,7,0)+IF('Standard Profiles'!$G$21=$B$17,14,0)+IF('Standard Profiles'!$G$21=$B$24,21,0),0)),0)</f>
        <v>0</v>
      </c>
      <c r="H8102" cm="1">
        <f t="array" ref="H8102">IFERROR(INDEX(Jesper!AL$2:AL$366,ROUNDDOWN($C8102/24,0)+1,1)*INDEX($D$3:$AA$30,INDEX(Jesper!$R$2:$R$366,ROW(INDEX(Jesper!AL$2:AL$366,ROUNDDOWN($C8102/24,0)+1,1))-1)+IF('Standard Profiles'!$G$22=$B$10,7,0)+IF('Standard Profiles'!$G$22=$B$17,14,0)+IF('Standard Profiles'!$G$22=$B$24,21,0),MOD($C8102,24)+1)/SUM(INDEX($D$3:$AA$30,INDEX(Jesper!$R$2:$R$366,ROW(INDEX(Jesper!AL$2:AL$366,ROUNDDOWN($C8102/24,0)+1,1))-1)+IF('Standard Profiles'!$G$22=$B$10,7,0)+IF('Standard Profiles'!$G$22=$B$17,14,0)+IF('Standard Profiles'!$G$22=$B$24,21,0),0)),0)</f>
        <v>0</v>
      </c>
      <c r="I8102">
        <f t="shared" si="902"/>
        <v>8.9680556941528836E-2</v>
      </c>
      <c r="J8102">
        <f t="shared" si="903"/>
        <v>0.29893518980509615</v>
      </c>
      <c r="K8102">
        <f t="shared" si="904"/>
        <v>0.44840278470764416</v>
      </c>
      <c r="L8102">
        <f t="shared" si="905"/>
        <v>2.1523333665966922</v>
      </c>
      <c r="M8102">
        <f t="shared" si="906"/>
        <v>0</v>
      </c>
      <c r="N8102" s="46">
        <f t="shared" si="907"/>
        <v>45628.166666647099</v>
      </c>
    </row>
    <row r="8103" spans="2:14" x14ac:dyDescent="0.3">
      <c r="B8103">
        <f t="shared" si="901"/>
        <v>1</v>
      </c>
      <c r="C8103" s="16">
        <v>8069</v>
      </c>
      <c r="D8103" cm="1">
        <f t="array" ref="D8103">IFERROR(INDEX(Jesper!AH$2:AH$366,ROUNDDOWN($C8103/24,0)+1,1)*INDEX($D$3:$AA$30,INDEX(Jesper!$R$2:$R$366,ROW(INDEX(Jesper!AH$2:AH$366,ROUNDDOWN($C8103/24,0)+1,1))-1)+IF('Standard Profiles'!$G$18=$B$10,7,0)+IF('Standard Profiles'!$G$18=$B$17,14,0)+IF('Standard Profiles'!$G$18=$B$24,21,0),MOD($C8103,24)+1)/SUM(INDEX($D$3:$AA$30,INDEX(Jesper!$R$2:$R$366,ROW(INDEX(Jesper!AH$2:AH$366,ROUNDDOWN($C8103/24,0)+1,1))-1)+IF('Standard Profiles'!$G$18=$B$10,7,0)+IF('Standard Profiles'!$G$18=$B$17,14,0)+IF('Standard Profiles'!$G$18=$B$24,21,0),0)),0)</f>
        <v>12.953858224887501</v>
      </c>
      <c r="E8103" cm="1">
        <f t="array" ref="E8103">IFERROR(INDEX(Jesper!AI$2:AI$366,ROUNDDOWN($C8103/24,0)+1,1)*INDEX($D$3:$AA$30,INDEX(Jesper!$R$2:$R$366,ROW(INDEX(Jesper!AI$2:AI$366,ROUNDDOWN($C8103/24,0)+1,1))-1)+IF('Standard Profiles'!$G$19=$B$10,7,0)+IF('Standard Profiles'!$G$19=$B$17,14,0)+IF('Standard Profiles'!$G$19=$B$24,21,0),MOD($C8103,24)+1)/SUM(INDEX($D$3:$AA$30,INDEX(Jesper!$R$2:$R$366,ROW(INDEX(Jesper!AI$2:AI$366,ROUNDDOWN($C8103/24,0)+1,1))-1)+IF('Standard Profiles'!$G$19=$B$10,7,0)+IF('Standard Profiles'!$G$19=$B$17,14,0)+IF('Standard Profiles'!$G$19=$B$24,21,0),0)),0)</f>
        <v>0</v>
      </c>
      <c r="F8103" cm="1">
        <f t="array" ref="F8103">IFERROR(INDEX(Jesper!AJ$2:AJ$366,ROUNDDOWN($C8103/24,0)+1,1)*INDEX($D$3:$AA$30,INDEX(Jesper!$R$2:$R$366,ROW(INDEX(Jesper!AJ$2:AJ$366,ROUNDDOWN($C8103/24,0)+1,1))-1)+IF('Standard Profiles'!$G$20=$B$10,7,0)+IF('Standard Profiles'!$G$20=$B$17,14,0)+IF('Standard Profiles'!$G$20=$B$24,21,0),MOD($C8103,24)+1)/SUM(INDEX($D$3:$AA$30,INDEX(Jesper!$R$2:$R$366,ROW(INDEX(Jesper!AJ$2:AJ$366,ROUNDDOWN($C8103/24,0)+1,1))-1)+IF('Standard Profiles'!$G$20=$B$10,7,0)+IF('Standard Profiles'!$G$20=$B$17,14,0)+IF('Standard Profiles'!$G$20=$B$24,21,0),0)),0)</f>
        <v>0</v>
      </c>
      <c r="G8103" cm="1">
        <f t="array" ref="G8103">IFERROR(INDEX(Jesper!AK$2:AK$366,ROUNDDOWN($C8103/24,0)+1,1)*INDEX($D$3:$AA$30,INDEX(Jesper!$R$2:$R$366,ROW(INDEX(Jesper!AK$2:AK$366,ROUNDDOWN($C8103/24,0)+1,1))-1)+IF('Standard Profiles'!$G$21=$B$10,7,0)+IF('Standard Profiles'!$G$21=$B$17,14,0)+IF('Standard Profiles'!$G$21=$B$24,21,0),MOD($C8103,24)+1)/SUM(INDEX($D$3:$AA$30,INDEX(Jesper!$R$2:$R$366,ROW(INDEX(Jesper!AK$2:AK$366,ROUNDDOWN($C8103/24,0)+1,1))-1)+IF('Standard Profiles'!$G$21=$B$10,7,0)+IF('Standard Profiles'!$G$21=$B$17,14,0)+IF('Standard Profiles'!$G$21=$B$24,21,0),0)),0)</f>
        <v>0</v>
      </c>
      <c r="H8103" cm="1">
        <f t="array" ref="H8103">IFERROR(INDEX(Jesper!AL$2:AL$366,ROUNDDOWN($C8103/24,0)+1,1)*INDEX($D$3:$AA$30,INDEX(Jesper!$R$2:$R$366,ROW(INDEX(Jesper!AL$2:AL$366,ROUNDDOWN($C8103/24,0)+1,1))-1)+IF('Standard Profiles'!$G$22=$B$10,7,0)+IF('Standard Profiles'!$G$22=$B$17,14,0)+IF('Standard Profiles'!$G$22=$B$24,21,0),MOD($C8103,24)+1)/SUM(INDEX($D$3:$AA$30,INDEX(Jesper!$R$2:$R$366,ROW(INDEX(Jesper!AL$2:AL$366,ROUNDDOWN($C8103/24,0)+1,1))-1)+IF('Standard Profiles'!$G$22=$B$10,7,0)+IF('Standard Profiles'!$G$22=$B$17,14,0)+IF('Standard Profiles'!$G$22=$B$24,21,0),0)),0)</f>
        <v>0</v>
      </c>
      <c r="I8103">
        <f t="shared" si="902"/>
        <v>0.38861574674662502</v>
      </c>
      <c r="J8103">
        <f t="shared" si="903"/>
        <v>1.2953858224887502</v>
      </c>
      <c r="K8103">
        <f t="shared" si="904"/>
        <v>1.943078733733125</v>
      </c>
      <c r="L8103">
        <f t="shared" si="905"/>
        <v>9.3267779219189997</v>
      </c>
      <c r="M8103">
        <f t="shared" si="906"/>
        <v>0</v>
      </c>
      <c r="N8103" s="46">
        <f t="shared" si="907"/>
        <v>45628.208333313763</v>
      </c>
    </row>
    <row r="8104" spans="2:14" x14ac:dyDescent="0.3">
      <c r="B8104">
        <f t="shared" si="901"/>
        <v>1</v>
      </c>
      <c r="C8104" s="16">
        <v>8070</v>
      </c>
      <c r="D8104" cm="1">
        <f t="array" ref="D8104">IFERROR(INDEX(Jesper!AH$2:AH$366,ROUNDDOWN($C8104/24,0)+1,1)*INDEX($D$3:$AA$30,INDEX(Jesper!$R$2:$R$366,ROW(INDEX(Jesper!AH$2:AH$366,ROUNDDOWN($C8104/24,0)+1,1))-1)+IF('Standard Profiles'!$G$18=$B$10,7,0)+IF('Standard Profiles'!$G$18=$B$17,14,0)+IF('Standard Profiles'!$G$18=$B$24,21,0),MOD($C8104,24)+1)/SUM(INDEX($D$3:$AA$30,INDEX(Jesper!$R$2:$R$366,ROW(INDEX(Jesper!AH$2:AH$366,ROUNDDOWN($C8104/24,0)+1,1))-1)+IF('Standard Profiles'!$G$18=$B$10,7,0)+IF('Standard Profiles'!$G$18=$B$17,14,0)+IF('Standard Profiles'!$G$18=$B$24,21,0),0)),0)</f>
        <v>14.697646832083894</v>
      </c>
      <c r="E8104" cm="1">
        <f t="array" ref="E8104">IFERROR(INDEX(Jesper!AI$2:AI$366,ROUNDDOWN($C8104/24,0)+1,1)*INDEX($D$3:$AA$30,INDEX(Jesper!$R$2:$R$366,ROW(INDEX(Jesper!AI$2:AI$366,ROUNDDOWN($C8104/24,0)+1,1))-1)+IF('Standard Profiles'!$G$19=$B$10,7,0)+IF('Standard Profiles'!$G$19=$B$17,14,0)+IF('Standard Profiles'!$G$19=$B$24,21,0),MOD($C8104,24)+1)/SUM(INDEX($D$3:$AA$30,INDEX(Jesper!$R$2:$R$366,ROW(INDEX(Jesper!AI$2:AI$366,ROUNDDOWN($C8104/24,0)+1,1))-1)+IF('Standard Profiles'!$G$19=$B$10,7,0)+IF('Standard Profiles'!$G$19=$B$17,14,0)+IF('Standard Profiles'!$G$19=$B$24,21,0),0)),0)</f>
        <v>0</v>
      </c>
      <c r="F8104" cm="1">
        <f t="array" ref="F8104">IFERROR(INDEX(Jesper!AJ$2:AJ$366,ROUNDDOWN($C8104/24,0)+1,1)*INDEX($D$3:$AA$30,INDEX(Jesper!$R$2:$R$366,ROW(INDEX(Jesper!AJ$2:AJ$366,ROUNDDOWN($C8104/24,0)+1,1))-1)+IF('Standard Profiles'!$G$20=$B$10,7,0)+IF('Standard Profiles'!$G$20=$B$17,14,0)+IF('Standard Profiles'!$G$20=$B$24,21,0),MOD($C8104,24)+1)/SUM(INDEX($D$3:$AA$30,INDEX(Jesper!$R$2:$R$366,ROW(INDEX(Jesper!AJ$2:AJ$366,ROUNDDOWN($C8104/24,0)+1,1))-1)+IF('Standard Profiles'!$G$20=$B$10,7,0)+IF('Standard Profiles'!$G$20=$B$17,14,0)+IF('Standard Profiles'!$G$20=$B$24,21,0),0)),0)</f>
        <v>0</v>
      </c>
      <c r="G8104" cm="1">
        <f t="array" ref="G8104">IFERROR(INDEX(Jesper!AK$2:AK$366,ROUNDDOWN($C8104/24,0)+1,1)*INDEX($D$3:$AA$30,INDEX(Jesper!$R$2:$R$366,ROW(INDEX(Jesper!AK$2:AK$366,ROUNDDOWN($C8104/24,0)+1,1))-1)+IF('Standard Profiles'!$G$21=$B$10,7,0)+IF('Standard Profiles'!$G$21=$B$17,14,0)+IF('Standard Profiles'!$G$21=$B$24,21,0),MOD($C8104,24)+1)/SUM(INDEX($D$3:$AA$30,INDEX(Jesper!$R$2:$R$366,ROW(INDEX(Jesper!AK$2:AK$366,ROUNDDOWN($C8104/24,0)+1,1))-1)+IF('Standard Profiles'!$G$21=$B$10,7,0)+IF('Standard Profiles'!$G$21=$B$17,14,0)+IF('Standard Profiles'!$G$21=$B$24,21,0),0)),0)</f>
        <v>0</v>
      </c>
      <c r="H8104" cm="1">
        <f t="array" ref="H8104">IFERROR(INDEX(Jesper!AL$2:AL$366,ROUNDDOWN($C8104/24,0)+1,1)*INDEX($D$3:$AA$30,INDEX(Jesper!$R$2:$R$366,ROW(INDEX(Jesper!AL$2:AL$366,ROUNDDOWN($C8104/24,0)+1,1))-1)+IF('Standard Profiles'!$G$22=$B$10,7,0)+IF('Standard Profiles'!$G$22=$B$17,14,0)+IF('Standard Profiles'!$G$22=$B$24,21,0),MOD($C8104,24)+1)/SUM(INDEX($D$3:$AA$30,INDEX(Jesper!$R$2:$R$366,ROW(INDEX(Jesper!AL$2:AL$366,ROUNDDOWN($C8104/24,0)+1,1))-1)+IF('Standard Profiles'!$G$22=$B$10,7,0)+IF('Standard Profiles'!$G$22=$B$17,14,0)+IF('Standard Profiles'!$G$22=$B$24,21,0),0)),0)</f>
        <v>0</v>
      </c>
      <c r="I8104">
        <f t="shared" si="902"/>
        <v>0.44092940496251681</v>
      </c>
      <c r="J8104">
        <f t="shared" si="903"/>
        <v>1.4697646832083895</v>
      </c>
      <c r="K8104">
        <f t="shared" si="904"/>
        <v>2.204647024812584</v>
      </c>
      <c r="L8104">
        <f t="shared" si="905"/>
        <v>10.582305719100404</v>
      </c>
      <c r="M8104">
        <f t="shared" si="906"/>
        <v>0</v>
      </c>
      <c r="N8104" s="46">
        <f t="shared" si="907"/>
        <v>45628.249999980428</v>
      </c>
    </row>
    <row r="8105" spans="2:14" x14ac:dyDescent="0.3">
      <c r="B8105">
        <f t="shared" si="901"/>
        <v>1</v>
      </c>
      <c r="C8105" s="16">
        <v>8071</v>
      </c>
      <c r="D8105" cm="1">
        <f t="array" ref="D8105">IFERROR(INDEX(Jesper!AH$2:AH$366,ROUNDDOWN($C8105/24,0)+1,1)*INDEX($D$3:$AA$30,INDEX(Jesper!$R$2:$R$366,ROW(INDEX(Jesper!AH$2:AH$366,ROUNDDOWN($C8105/24,0)+1,1))-1)+IF('Standard Profiles'!$G$18=$B$10,7,0)+IF('Standard Profiles'!$G$18=$B$17,14,0)+IF('Standard Profiles'!$G$18=$B$24,21,0),MOD($C8105,24)+1)/SUM(INDEX($D$3:$AA$30,INDEX(Jesper!$R$2:$R$366,ROW(INDEX(Jesper!AH$2:AH$366,ROUNDDOWN($C8105/24,0)+1,1))-1)+IF('Standard Profiles'!$G$18=$B$10,7,0)+IF('Standard Profiles'!$G$18=$B$17,14,0)+IF('Standard Profiles'!$G$18=$B$24,21,0),0)),0)</f>
        <v>14.697646832083894</v>
      </c>
      <c r="E8105" cm="1">
        <f t="array" ref="E8105">IFERROR(INDEX(Jesper!AI$2:AI$366,ROUNDDOWN($C8105/24,0)+1,1)*INDEX($D$3:$AA$30,INDEX(Jesper!$R$2:$R$366,ROW(INDEX(Jesper!AI$2:AI$366,ROUNDDOWN($C8105/24,0)+1,1))-1)+IF('Standard Profiles'!$G$19=$B$10,7,0)+IF('Standard Profiles'!$G$19=$B$17,14,0)+IF('Standard Profiles'!$G$19=$B$24,21,0),MOD($C8105,24)+1)/SUM(INDEX($D$3:$AA$30,INDEX(Jesper!$R$2:$R$366,ROW(INDEX(Jesper!AI$2:AI$366,ROUNDDOWN($C8105/24,0)+1,1))-1)+IF('Standard Profiles'!$G$19=$B$10,7,0)+IF('Standard Profiles'!$G$19=$B$17,14,0)+IF('Standard Profiles'!$G$19=$B$24,21,0),0)),0)</f>
        <v>0</v>
      </c>
      <c r="F8105" cm="1">
        <f t="array" ref="F8105">IFERROR(INDEX(Jesper!AJ$2:AJ$366,ROUNDDOWN($C8105/24,0)+1,1)*INDEX($D$3:$AA$30,INDEX(Jesper!$R$2:$R$366,ROW(INDEX(Jesper!AJ$2:AJ$366,ROUNDDOWN($C8105/24,0)+1,1))-1)+IF('Standard Profiles'!$G$20=$B$10,7,0)+IF('Standard Profiles'!$G$20=$B$17,14,0)+IF('Standard Profiles'!$G$20=$B$24,21,0),MOD($C8105,24)+1)/SUM(INDEX($D$3:$AA$30,INDEX(Jesper!$R$2:$R$366,ROW(INDEX(Jesper!AJ$2:AJ$366,ROUNDDOWN($C8105/24,0)+1,1))-1)+IF('Standard Profiles'!$G$20=$B$10,7,0)+IF('Standard Profiles'!$G$20=$B$17,14,0)+IF('Standard Profiles'!$G$20=$B$24,21,0),0)),0)</f>
        <v>0</v>
      </c>
      <c r="G8105" cm="1">
        <f t="array" ref="G8105">IFERROR(INDEX(Jesper!AK$2:AK$366,ROUNDDOWN($C8105/24,0)+1,1)*INDEX($D$3:$AA$30,INDEX(Jesper!$R$2:$R$366,ROW(INDEX(Jesper!AK$2:AK$366,ROUNDDOWN($C8105/24,0)+1,1))-1)+IF('Standard Profiles'!$G$21=$B$10,7,0)+IF('Standard Profiles'!$G$21=$B$17,14,0)+IF('Standard Profiles'!$G$21=$B$24,21,0),MOD($C8105,24)+1)/SUM(INDEX($D$3:$AA$30,INDEX(Jesper!$R$2:$R$366,ROW(INDEX(Jesper!AK$2:AK$366,ROUNDDOWN($C8105/24,0)+1,1))-1)+IF('Standard Profiles'!$G$21=$B$10,7,0)+IF('Standard Profiles'!$G$21=$B$17,14,0)+IF('Standard Profiles'!$G$21=$B$24,21,0),0)),0)</f>
        <v>0</v>
      </c>
      <c r="H8105" cm="1">
        <f t="array" ref="H8105">IFERROR(INDEX(Jesper!AL$2:AL$366,ROUNDDOWN($C8105/24,0)+1,1)*INDEX($D$3:$AA$30,INDEX(Jesper!$R$2:$R$366,ROW(INDEX(Jesper!AL$2:AL$366,ROUNDDOWN($C8105/24,0)+1,1))-1)+IF('Standard Profiles'!$G$22=$B$10,7,0)+IF('Standard Profiles'!$G$22=$B$17,14,0)+IF('Standard Profiles'!$G$22=$B$24,21,0),MOD($C8105,24)+1)/SUM(INDEX($D$3:$AA$30,INDEX(Jesper!$R$2:$R$366,ROW(INDEX(Jesper!AL$2:AL$366,ROUNDDOWN($C8105/24,0)+1,1))-1)+IF('Standard Profiles'!$G$22=$B$10,7,0)+IF('Standard Profiles'!$G$22=$B$17,14,0)+IF('Standard Profiles'!$G$22=$B$24,21,0),0)),0)</f>
        <v>0</v>
      </c>
      <c r="I8105">
        <f t="shared" si="902"/>
        <v>0.44092940496251681</v>
      </c>
      <c r="J8105">
        <f t="shared" si="903"/>
        <v>1.4697646832083895</v>
      </c>
      <c r="K8105">
        <f t="shared" si="904"/>
        <v>2.204647024812584</v>
      </c>
      <c r="L8105">
        <f t="shared" si="905"/>
        <v>10.582305719100404</v>
      </c>
      <c r="M8105">
        <f t="shared" si="906"/>
        <v>0</v>
      </c>
      <c r="N8105" s="46">
        <f t="shared" si="907"/>
        <v>45628.291666647092</v>
      </c>
    </row>
    <row r="8106" spans="2:14" x14ac:dyDescent="0.3">
      <c r="B8106">
        <f t="shared" si="901"/>
        <v>1</v>
      </c>
      <c r="C8106" s="16">
        <v>8072</v>
      </c>
      <c r="D8106" cm="1">
        <f t="array" ref="D8106">IFERROR(INDEX(Jesper!AH$2:AH$366,ROUNDDOWN($C8106/24,0)+1,1)*INDEX($D$3:$AA$30,INDEX(Jesper!$R$2:$R$366,ROW(INDEX(Jesper!AH$2:AH$366,ROUNDDOWN($C8106/24,0)+1,1))-1)+IF('Standard Profiles'!$G$18=$B$10,7,0)+IF('Standard Profiles'!$G$18=$B$17,14,0)+IF('Standard Profiles'!$G$18=$B$24,21,0),MOD($C8106,24)+1)/SUM(INDEX($D$3:$AA$30,INDEX(Jesper!$R$2:$R$366,ROW(INDEX(Jesper!AH$2:AH$366,ROUNDDOWN($C8106/24,0)+1,1))-1)+IF('Standard Profiles'!$G$18=$B$10,7,0)+IF('Standard Profiles'!$G$18=$B$17,14,0)+IF('Standard Profiles'!$G$18=$B$24,21,0),0)),0)</f>
        <v>14.697646832083894</v>
      </c>
      <c r="E8106" cm="1">
        <f t="array" ref="E8106">IFERROR(INDEX(Jesper!AI$2:AI$366,ROUNDDOWN($C8106/24,0)+1,1)*INDEX($D$3:$AA$30,INDEX(Jesper!$R$2:$R$366,ROW(INDEX(Jesper!AI$2:AI$366,ROUNDDOWN($C8106/24,0)+1,1))-1)+IF('Standard Profiles'!$G$19=$B$10,7,0)+IF('Standard Profiles'!$G$19=$B$17,14,0)+IF('Standard Profiles'!$G$19=$B$24,21,0),MOD($C8106,24)+1)/SUM(INDEX($D$3:$AA$30,INDEX(Jesper!$R$2:$R$366,ROW(INDEX(Jesper!AI$2:AI$366,ROUNDDOWN($C8106/24,0)+1,1))-1)+IF('Standard Profiles'!$G$19=$B$10,7,0)+IF('Standard Profiles'!$G$19=$B$17,14,0)+IF('Standard Profiles'!$G$19=$B$24,21,0),0)),0)</f>
        <v>0</v>
      </c>
      <c r="F8106" cm="1">
        <f t="array" ref="F8106">IFERROR(INDEX(Jesper!AJ$2:AJ$366,ROUNDDOWN($C8106/24,0)+1,1)*INDEX($D$3:$AA$30,INDEX(Jesper!$R$2:$R$366,ROW(INDEX(Jesper!AJ$2:AJ$366,ROUNDDOWN($C8106/24,0)+1,1))-1)+IF('Standard Profiles'!$G$20=$B$10,7,0)+IF('Standard Profiles'!$G$20=$B$17,14,0)+IF('Standard Profiles'!$G$20=$B$24,21,0),MOD($C8106,24)+1)/SUM(INDEX($D$3:$AA$30,INDEX(Jesper!$R$2:$R$366,ROW(INDEX(Jesper!AJ$2:AJ$366,ROUNDDOWN($C8106/24,0)+1,1))-1)+IF('Standard Profiles'!$G$20=$B$10,7,0)+IF('Standard Profiles'!$G$20=$B$17,14,0)+IF('Standard Profiles'!$G$20=$B$24,21,0),0)),0)</f>
        <v>0</v>
      </c>
      <c r="G8106" cm="1">
        <f t="array" ref="G8106">IFERROR(INDEX(Jesper!AK$2:AK$366,ROUNDDOWN($C8106/24,0)+1,1)*INDEX($D$3:$AA$30,INDEX(Jesper!$R$2:$R$366,ROW(INDEX(Jesper!AK$2:AK$366,ROUNDDOWN($C8106/24,0)+1,1))-1)+IF('Standard Profiles'!$G$21=$B$10,7,0)+IF('Standard Profiles'!$G$21=$B$17,14,0)+IF('Standard Profiles'!$G$21=$B$24,21,0),MOD($C8106,24)+1)/SUM(INDEX($D$3:$AA$30,INDEX(Jesper!$R$2:$R$366,ROW(INDEX(Jesper!AK$2:AK$366,ROUNDDOWN($C8106/24,0)+1,1))-1)+IF('Standard Profiles'!$G$21=$B$10,7,0)+IF('Standard Profiles'!$G$21=$B$17,14,0)+IF('Standard Profiles'!$G$21=$B$24,21,0),0)),0)</f>
        <v>0</v>
      </c>
      <c r="H8106" cm="1">
        <f t="array" ref="H8106">IFERROR(INDEX(Jesper!AL$2:AL$366,ROUNDDOWN($C8106/24,0)+1,1)*INDEX($D$3:$AA$30,INDEX(Jesper!$R$2:$R$366,ROW(INDEX(Jesper!AL$2:AL$366,ROUNDDOWN($C8106/24,0)+1,1))-1)+IF('Standard Profiles'!$G$22=$B$10,7,0)+IF('Standard Profiles'!$G$22=$B$17,14,0)+IF('Standard Profiles'!$G$22=$B$24,21,0),MOD($C8106,24)+1)/SUM(INDEX($D$3:$AA$30,INDEX(Jesper!$R$2:$R$366,ROW(INDEX(Jesper!AL$2:AL$366,ROUNDDOWN($C8106/24,0)+1,1))-1)+IF('Standard Profiles'!$G$22=$B$10,7,0)+IF('Standard Profiles'!$G$22=$B$17,14,0)+IF('Standard Profiles'!$G$22=$B$24,21,0),0)),0)</f>
        <v>0</v>
      </c>
      <c r="I8106">
        <f t="shared" si="902"/>
        <v>0.44092940496251681</v>
      </c>
      <c r="J8106">
        <f t="shared" si="903"/>
        <v>1.4697646832083895</v>
      </c>
      <c r="K8106">
        <f t="shared" si="904"/>
        <v>2.204647024812584</v>
      </c>
      <c r="L8106">
        <f t="shared" si="905"/>
        <v>10.582305719100404</v>
      </c>
      <c r="M8106">
        <f t="shared" si="906"/>
        <v>0</v>
      </c>
      <c r="N8106" s="46">
        <f t="shared" si="907"/>
        <v>45628.333333313756</v>
      </c>
    </row>
    <row r="8107" spans="2:14" x14ac:dyDescent="0.3">
      <c r="B8107">
        <f t="shared" si="901"/>
        <v>1</v>
      </c>
      <c r="C8107" s="16">
        <v>8073</v>
      </c>
      <c r="D8107" cm="1">
        <f t="array" ref="D8107">IFERROR(INDEX(Jesper!AH$2:AH$366,ROUNDDOWN($C8107/24,0)+1,1)*INDEX($D$3:$AA$30,INDEX(Jesper!$R$2:$R$366,ROW(INDEX(Jesper!AH$2:AH$366,ROUNDDOWN($C8107/24,0)+1,1))-1)+IF('Standard Profiles'!$G$18=$B$10,7,0)+IF('Standard Profiles'!$G$18=$B$17,14,0)+IF('Standard Profiles'!$G$18=$B$24,21,0),MOD($C8107,24)+1)/SUM(INDEX($D$3:$AA$30,INDEX(Jesper!$R$2:$R$366,ROW(INDEX(Jesper!AH$2:AH$366,ROUNDDOWN($C8107/24,0)+1,1))-1)+IF('Standard Profiles'!$G$18=$B$10,7,0)+IF('Standard Profiles'!$G$18=$B$17,14,0)+IF('Standard Profiles'!$G$18=$B$24,21,0),0)),0)</f>
        <v>15.694097464767548</v>
      </c>
      <c r="E8107" cm="1">
        <f t="array" ref="E8107">IFERROR(INDEX(Jesper!AI$2:AI$366,ROUNDDOWN($C8107/24,0)+1,1)*INDEX($D$3:$AA$30,INDEX(Jesper!$R$2:$R$366,ROW(INDEX(Jesper!AI$2:AI$366,ROUNDDOWN($C8107/24,0)+1,1))-1)+IF('Standard Profiles'!$G$19=$B$10,7,0)+IF('Standard Profiles'!$G$19=$B$17,14,0)+IF('Standard Profiles'!$G$19=$B$24,21,0),MOD($C8107,24)+1)/SUM(INDEX($D$3:$AA$30,INDEX(Jesper!$R$2:$R$366,ROW(INDEX(Jesper!AI$2:AI$366,ROUNDDOWN($C8107/24,0)+1,1))-1)+IF('Standard Profiles'!$G$19=$B$10,7,0)+IF('Standard Profiles'!$G$19=$B$17,14,0)+IF('Standard Profiles'!$G$19=$B$24,21,0),0)),0)</f>
        <v>0</v>
      </c>
      <c r="F8107" cm="1">
        <f t="array" ref="F8107">IFERROR(INDEX(Jesper!AJ$2:AJ$366,ROUNDDOWN($C8107/24,0)+1,1)*INDEX($D$3:$AA$30,INDEX(Jesper!$R$2:$R$366,ROW(INDEX(Jesper!AJ$2:AJ$366,ROUNDDOWN($C8107/24,0)+1,1))-1)+IF('Standard Profiles'!$G$20=$B$10,7,0)+IF('Standard Profiles'!$G$20=$B$17,14,0)+IF('Standard Profiles'!$G$20=$B$24,21,0),MOD($C8107,24)+1)/SUM(INDEX($D$3:$AA$30,INDEX(Jesper!$R$2:$R$366,ROW(INDEX(Jesper!AJ$2:AJ$366,ROUNDDOWN($C8107/24,0)+1,1))-1)+IF('Standard Profiles'!$G$20=$B$10,7,0)+IF('Standard Profiles'!$G$20=$B$17,14,0)+IF('Standard Profiles'!$G$20=$B$24,21,0),0)),0)</f>
        <v>0</v>
      </c>
      <c r="G8107" cm="1">
        <f t="array" ref="G8107">IFERROR(INDEX(Jesper!AK$2:AK$366,ROUNDDOWN($C8107/24,0)+1,1)*INDEX($D$3:$AA$30,INDEX(Jesper!$R$2:$R$366,ROW(INDEX(Jesper!AK$2:AK$366,ROUNDDOWN($C8107/24,0)+1,1))-1)+IF('Standard Profiles'!$G$21=$B$10,7,0)+IF('Standard Profiles'!$G$21=$B$17,14,0)+IF('Standard Profiles'!$G$21=$B$24,21,0),MOD($C8107,24)+1)/SUM(INDEX($D$3:$AA$30,INDEX(Jesper!$R$2:$R$366,ROW(INDEX(Jesper!AK$2:AK$366,ROUNDDOWN($C8107/24,0)+1,1))-1)+IF('Standard Profiles'!$G$21=$B$10,7,0)+IF('Standard Profiles'!$G$21=$B$17,14,0)+IF('Standard Profiles'!$G$21=$B$24,21,0),0)),0)</f>
        <v>0</v>
      </c>
      <c r="H8107" cm="1">
        <f t="array" ref="H8107">IFERROR(INDEX(Jesper!AL$2:AL$366,ROUNDDOWN($C8107/24,0)+1,1)*INDEX($D$3:$AA$30,INDEX(Jesper!$R$2:$R$366,ROW(INDEX(Jesper!AL$2:AL$366,ROUNDDOWN($C8107/24,0)+1,1))-1)+IF('Standard Profiles'!$G$22=$B$10,7,0)+IF('Standard Profiles'!$G$22=$B$17,14,0)+IF('Standard Profiles'!$G$22=$B$24,21,0),MOD($C8107,24)+1)/SUM(INDEX($D$3:$AA$30,INDEX(Jesper!$R$2:$R$366,ROW(INDEX(Jesper!AL$2:AL$366,ROUNDDOWN($C8107/24,0)+1,1))-1)+IF('Standard Profiles'!$G$22=$B$10,7,0)+IF('Standard Profiles'!$G$22=$B$17,14,0)+IF('Standard Profiles'!$G$22=$B$24,21,0),0)),0)</f>
        <v>0</v>
      </c>
      <c r="I8107">
        <f t="shared" si="902"/>
        <v>0.47082292394302644</v>
      </c>
      <c r="J8107">
        <f t="shared" si="903"/>
        <v>1.5694097464767549</v>
      </c>
      <c r="K8107">
        <f t="shared" si="904"/>
        <v>2.3541146197151321</v>
      </c>
      <c r="L8107">
        <f t="shared" si="905"/>
        <v>11.299750174632635</v>
      </c>
      <c r="M8107">
        <f t="shared" si="906"/>
        <v>0</v>
      </c>
      <c r="N8107" s="46">
        <f t="shared" si="907"/>
        <v>45628.37499998042</v>
      </c>
    </row>
    <row r="8108" spans="2:14" x14ac:dyDescent="0.3">
      <c r="B8108">
        <f t="shared" si="901"/>
        <v>1</v>
      </c>
      <c r="C8108" s="16">
        <v>8074</v>
      </c>
      <c r="D8108" cm="1">
        <f t="array" ref="D8108">IFERROR(INDEX(Jesper!AH$2:AH$366,ROUNDDOWN($C8108/24,0)+1,1)*INDEX($D$3:$AA$30,INDEX(Jesper!$R$2:$R$366,ROW(INDEX(Jesper!AH$2:AH$366,ROUNDDOWN($C8108/24,0)+1,1))-1)+IF('Standard Profiles'!$G$18=$B$10,7,0)+IF('Standard Profiles'!$G$18=$B$17,14,0)+IF('Standard Profiles'!$G$18=$B$24,21,0),MOD($C8108,24)+1)/SUM(INDEX($D$3:$AA$30,INDEX(Jesper!$R$2:$R$366,ROW(INDEX(Jesper!AH$2:AH$366,ROUNDDOWN($C8108/24,0)+1,1))-1)+IF('Standard Profiles'!$G$18=$B$10,7,0)+IF('Standard Profiles'!$G$18=$B$17,14,0)+IF('Standard Profiles'!$G$18=$B$24,21,0),0)),0)</f>
        <v>15.694097464767548</v>
      </c>
      <c r="E8108" cm="1">
        <f t="array" ref="E8108">IFERROR(INDEX(Jesper!AI$2:AI$366,ROUNDDOWN($C8108/24,0)+1,1)*INDEX($D$3:$AA$30,INDEX(Jesper!$R$2:$R$366,ROW(INDEX(Jesper!AI$2:AI$366,ROUNDDOWN($C8108/24,0)+1,1))-1)+IF('Standard Profiles'!$G$19=$B$10,7,0)+IF('Standard Profiles'!$G$19=$B$17,14,0)+IF('Standard Profiles'!$G$19=$B$24,21,0),MOD($C8108,24)+1)/SUM(INDEX($D$3:$AA$30,INDEX(Jesper!$R$2:$R$366,ROW(INDEX(Jesper!AI$2:AI$366,ROUNDDOWN($C8108/24,0)+1,1))-1)+IF('Standard Profiles'!$G$19=$B$10,7,0)+IF('Standard Profiles'!$G$19=$B$17,14,0)+IF('Standard Profiles'!$G$19=$B$24,21,0),0)),0)</f>
        <v>0</v>
      </c>
      <c r="F8108" cm="1">
        <f t="array" ref="F8108">IFERROR(INDEX(Jesper!AJ$2:AJ$366,ROUNDDOWN($C8108/24,0)+1,1)*INDEX($D$3:$AA$30,INDEX(Jesper!$R$2:$R$366,ROW(INDEX(Jesper!AJ$2:AJ$366,ROUNDDOWN($C8108/24,0)+1,1))-1)+IF('Standard Profiles'!$G$20=$B$10,7,0)+IF('Standard Profiles'!$G$20=$B$17,14,0)+IF('Standard Profiles'!$G$20=$B$24,21,0),MOD($C8108,24)+1)/SUM(INDEX($D$3:$AA$30,INDEX(Jesper!$R$2:$R$366,ROW(INDEX(Jesper!AJ$2:AJ$366,ROUNDDOWN($C8108/24,0)+1,1))-1)+IF('Standard Profiles'!$G$20=$B$10,7,0)+IF('Standard Profiles'!$G$20=$B$17,14,0)+IF('Standard Profiles'!$G$20=$B$24,21,0),0)),0)</f>
        <v>0</v>
      </c>
      <c r="G8108" cm="1">
        <f t="array" ref="G8108">IFERROR(INDEX(Jesper!AK$2:AK$366,ROUNDDOWN($C8108/24,0)+1,1)*INDEX($D$3:$AA$30,INDEX(Jesper!$R$2:$R$366,ROW(INDEX(Jesper!AK$2:AK$366,ROUNDDOWN($C8108/24,0)+1,1))-1)+IF('Standard Profiles'!$G$21=$B$10,7,0)+IF('Standard Profiles'!$G$21=$B$17,14,0)+IF('Standard Profiles'!$G$21=$B$24,21,0),MOD($C8108,24)+1)/SUM(INDEX($D$3:$AA$30,INDEX(Jesper!$R$2:$R$366,ROW(INDEX(Jesper!AK$2:AK$366,ROUNDDOWN($C8108/24,0)+1,1))-1)+IF('Standard Profiles'!$G$21=$B$10,7,0)+IF('Standard Profiles'!$G$21=$B$17,14,0)+IF('Standard Profiles'!$G$21=$B$24,21,0),0)),0)</f>
        <v>0</v>
      </c>
      <c r="H8108" cm="1">
        <f t="array" ref="H8108">IFERROR(INDEX(Jesper!AL$2:AL$366,ROUNDDOWN($C8108/24,0)+1,1)*INDEX($D$3:$AA$30,INDEX(Jesper!$R$2:$R$366,ROW(INDEX(Jesper!AL$2:AL$366,ROUNDDOWN($C8108/24,0)+1,1))-1)+IF('Standard Profiles'!$G$22=$B$10,7,0)+IF('Standard Profiles'!$G$22=$B$17,14,0)+IF('Standard Profiles'!$G$22=$B$24,21,0),MOD($C8108,24)+1)/SUM(INDEX($D$3:$AA$30,INDEX(Jesper!$R$2:$R$366,ROW(INDEX(Jesper!AL$2:AL$366,ROUNDDOWN($C8108/24,0)+1,1))-1)+IF('Standard Profiles'!$G$22=$B$10,7,0)+IF('Standard Profiles'!$G$22=$B$17,14,0)+IF('Standard Profiles'!$G$22=$B$24,21,0),0)),0)</f>
        <v>0</v>
      </c>
      <c r="I8108">
        <f t="shared" si="902"/>
        <v>0.47082292394302644</v>
      </c>
      <c r="J8108">
        <f t="shared" si="903"/>
        <v>1.5694097464767549</v>
      </c>
      <c r="K8108">
        <f t="shared" si="904"/>
        <v>2.3541146197151321</v>
      </c>
      <c r="L8108">
        <f t="shared" si="905"/>
        <v>11.299750174632635</v>
      </c>
      <c r="M8108">
        <f t="shared" si="906"/>
        <v>0</v>
      </c>
      <c r="N8108" s="46">
        <f t="shared" si="907"/>
        <v>45628.416666647085</v>
      </c>
    </row>
    <row r="8109" spans="2:14" x14ac:dyDescent="0.3">
      <c r="B8109">
        <f t="shared" si="901"/>
        <v>1</v>
      </c>
      <c r="C8109" s="16">
        <v>8075</v>
      </c>
      <c r="D8109" cm="1">
        <f t="array" ref="D8109">IFERROR(INDEX(Jesper!AH$2:AH$366,ROUNDDOWN($C8109/24,0)+1,1)*INDEX($D$3:$AA$30,INDEX(Jesper!$R$2:$R$366,ROW(INDEX(Jesper!AH$2:AH$366,ROUNDDOWN($C8109/24,0)+1,1))-1)+IF('Standard Profiles'!$G$18=$B$10,7,0)+IF('Standard Profiles'!$G$18=$B$17,14,0)+IF('Standard Profiles'!$G$18=$B$24,21,0),MOD($C8109,24)+1)/SUM(INDEX($D$3:$AA$30,INDEX(Jesper!$R$2:$R$366,ROW(INDEX(Jesper!AH$2:AH$366,ROUNDDOWN($C8109/24,0)+1,1))-1)+IF('Standard Profiles'!$G$18=$B$10,7,0)+IF('Standard Profiles'!$G$18=$B$17,14,0)+IF('Standard Profiles'!$G$18=$B$24,21,0),0)),0)</f>
        <v>19.929012653673077</v>
      </c>
      <c r="E8109" cm="1">
        <f t="array" ref="E8109">IFERROR(INDEX(Jesper!AI$2:AI$366,ROUNDDOWN($C8109/24,0)+1,1)*INDEX($D$3:$AA$30,INDEX(Jesper!$R$2:$R$366,ROW(INDEX(Jesper!AI$2:AI$366,ROUNDDOWN($C8109/24,0)+1,1))-1)+IF('Standard Profiles'!$G$19=$B$10,7,0)+IF('Standard Profiles'!$G$19=$B$17,14,0)+IF('Standard Profiles'!$G$19=$B$24,21,0),MOD($C8109,24)+1)/SUM(INDEX($D$3:$AA$30,INDEX(Jesper!$R$2:$R$366,ROW(INDEX(Jesper!AI$2:AI$366,ROUNDDOWN($C8109/24,0)+1,1))-1)+IF('Standard Profiles'!$G$19=$B$10,7,0)+IF('Standard Profiles'!$G$19=$B$17,14,0)+IF('Standard Profiles'!$G$19=$B$24,21,0),0)),0)</f>
        <v>0</v>
      </c>
      <c r="F8109" cm="1">
        <f t="array" ref="F8109">IFERROR(INDEX(Jesper!AJ$2:AJ$366,ROUNDDOWN($C8109/24,0)+1,1)*INDEX($D$3:$AA$30,INDEX(Jesper!$R$2:$R$366,ROW(INDEX(Jesper!AJ$2:AJ$366,ROUNDDOWN($C8109/24,0)+1,1))-1)+IF('Standard Profiles'!$G$20=$B$10,7,0)+IF('Standard Profiles'!$G$20=$B$17,14,0)+IF('Standard Profiles'!$G$20=$B$24,21,0),MOD($C8109,24)+1)/SUM(INDEX($D$3:$AA$30,INDEX(Jesper!$R$2:$R$366,ROW(INDEX(Jesper!AJ$2:AJ$366,ROUNDDOWN($C8109/24,0)+1,1))-1)+IF('Standard Profiles'!$G$20=$B$10,7,0)+IF('Standard Profiles'!$G$20=$B$17,14,0)+IF('Standard Profiles'!$G$20=$B$24,21,0),0)),0)</f>
        <v>0</v>
      </c>
      <c r="G8109" cm="1">
        <f t="array" ref="G8109">IFERROR(INDEX(Jesper!AK$2:AK$366,ROUNDDOWN($C8109/24,0)+1,1)*INDEX($D$3:$AA$30,INDEX(Jesper!$R$2:$R$366,ROW(INDEX(Jesper!AK$2:AK$366,ROUNDDOWN($C8109/24,0)+1,1))-1)+IF('Standard Profiles'!$G$21=$B$10,7,0)+IF('Standard Profiles'!$G$21=$B$17,14,0)+IF('Standard Profiles'!$G$21=$B$24,21,0),MOD($C8109,24)+1)/SUM(INDEX($D$3:$AA$30,INDEX(Jesper!$R$2:$R$366,ROW(INDEX(Jesper!AK$2:AK$366,ROUNDDOWN($C8109/24,0)+1,1))-1)+IF('Standard Profiles'!$G$21=$B$10,7,0)+IF('Standard Profiles'!$G$21=$B$17,14,0)+IF('Standard Profiles'!$G$21=$B$24,21,0),0)),0)</f>
        <v>0</v>
      </c>
      <c r="H8109" cm="1">
        <f t="array" ref="H8109">IFERROR(INDEX(Jesper!AL$2:AL$366,ROUNDDOWN($C8109/24,0)+1,1)*INDEX($D$3:$AA$30,INDEX(Jesper!$R$2:$R$366,ROW(INDEX(Jesper!AL$2:AL$366,ROUNDDOWN($C8109/24,0)+1,1))-1)+IF('Standard Profiles'!$G$22=$B$10,7,0)+IF('Standard Profiles'!$G$22=$B$17,14,0)+IF('Standard Profiles'!$G$22=$B$24,21,0),MOD($C8109,24)+1)/SUM(INDEX($D$3:$AA$30,INDEX(Jesper!$R$2:$R$366,ROW(INDEX(Jesper!AL$2:AL$366,ROUNDDOWN($C8109/24,0)+1,1))-1)+IF('Standard Profiles'!$G$22=$B$10,7,0)+IF('Standard Profiles'!$G$22=$B$17,14,0)+IF('Standard Profiles'!$G$22=$B$24,21,0),0)),0)</f>
        <v>0</v>
      </c>
      <c r="I8109">
        <f t="shared" si="902"/>
        <v>0.59787037961019229</v>
      </c>
      <c r="J8109">
        <f t="shared" si="903"/>
        <v>1.9929012653673077</v>
      </c>
      <c r="K8109">
        <f t="shared" si="904"/>
        <v>2.9893518980509612</v>
      </c>
      <c r="L8109">
        <f t="shared" si="905"/>
        <v>14.348889110644615</v>
      </c>
      <c r="M8109">
        <f t="shared" si="906"/>
        <v>0</v>
      </c>
      <c r="N8109" s="46">
        <f t="shared" si="907"/>
        <v>45628.458333313749</v>
      </c>
    </row>
    <row r="8110" spans="2:14" x14ac:dyDescent="0.3">
      <c r="B8110">
        <f t="shared" si="901"/>
        <v>1</v>
      </c>
      <c r="C8110" s="16">
        <v>8076</v>
      </c>
      <c r="D8110" cm="1">
        <f t="array" ref="D8110">IFERROR(INDEX(Jesper!AH$2:AH$366,ROUNDDOWN($C8110/24,0)+1,1)*INDEX($D$3:$AA$30,INDEX(Jesper!$R$2:$R$366,ROW(INDEX(Jesper!AH$2:AH$366,ROUNDDOWN($C8110/24,0)+1,1))-1)+IF('Standard Profiles'!$G$18=$B$10,7,0)+IF('Standard Profiles'!$G$18=$B$17,14,0)+IF('Standard Profiles'!$G$18=$B$24,21,0),MOD($C8110,24)+1)/SUM(INDEX($D$3:$AA$30,INDEX(Jesper!$R$2:$R$366,ROW(INDEX(Jesper!AH$2:AH$366,ROUNDDOWN($C8110/24,0)+1,1))-1)+IF('Standard Profiles'!$G$18=$B$10,7,0)+IF('Standard Profiles'!$G$18=$B$17,14,0)+IF('Standard Profiles'!$G$18=$B$24,21,0),0)),0)</f>
        <v>19.929012653673077</v>
      </c>
      <c r="E8110" cm="1">
        <f t="array" ref="E8110">IFERROR(INDEX(Jesper!AI$2:AI$366,ROUNDDOWN($C8110/24,0)+1,1)*INDEX($D$3:$AA$30,INDEX(Jesper!$R$2:$R$366,ROW(INDEX(Jesper!AI$2:AI$366,ROUNDDOWN($C8110/24,0)+1,1))-1)+IF('Standard Profiles'!$G$19=$B$10,7,0)+IF('Standard Profiles'!$G$19=$B$17,14,0)+IF('Standard Profiles'!$G$19=$B$24,21,0),MOD($C8110,24)+1)/SUM(INDEX($D$3:$AA$30,INDEX(Jesper!$R$2:$R$366,ROW(INDEX(Jesper!AI$2:AI$366,ROUNDDOWN($C8110/24,0)+1,1))-1)+IF('Standard Profiles'!$G$19=$B$10,7,0)+IF('Standard Profiles'!$G$19=$B$17,14,0)+IF('Standard Profiles'!$G$19=$B$24,21,0),0)),0)</f>
        <v>0</v>
      </c>
      <c r="F8110" cm="1">
        <f t="array" ref="F8110">IFERROR(INDEX(Jesper!AJ$2:AJ$366,ROUNDDOWN($C8110/24,0)+1,1)*INDEX($D$3:$AA$30,INDEX(Jesper!$R$2:$R$366,ROW(INDEX(Jesper!AJ$2:AJ$366,ROUNDDOWN($C8110/24,0)+1,1))-1)+IF('Standard Profiles'!$G$20=$B$10,7,0)+IF('Standard Profiles'!$G$20=$B$17,14,0)+IF('Standard Profiles'!$G$20=$B$24,21,0),MOD($C8110,24)+1)/SUM(INDEX($D$3:$AA$30,INDEX(Jesper!$R$2:$R$366,ROW(INDEX(Jesper!AJ$2:AJ$366,ROUNDDOWN($C8110/24,0)+1,1))-1)+IF('Standard Profiles'!$G$20=$B$10,7,0)+IF('Standard Profiles'!$G$20=$B$17,14,0)+IF('Standard Profiles'!$G$20=$B$24,21,0),0)),0)</f>
        <v>0</v>
      </c>
      <c r="G8110" cm="1">
        <f t="array" ref="G8110">IFERROR(INDEX(Jesper!AK$2:AK$366,ROUNDDOWN($C8110/24,0)+1,1)*INDEX($D$3:$AA$30,INDEX(Jesper!$R$2:$R$366,ROW(INDEX(Jesper!AK$2:AK$366,ROUNDDOWN($C8110/24,0)+1,1))-1)+IF('Standard Profiles'!$G$21=$B$10,7,0)+IF('Standard Profiles'!$G$21=$B$17,14,0)+IF('Standard Profiles'!$G$21=$B$24,21,0),MOD($C8110,24)+1)/SUM(INDEX($D$3:$AA$30,INDEX(Jesper!$R$2:$R$366,ROW(INDEX(Jesper!AK$2:AK$366,ROUNDDOWN($C8110/24,0)+1,1))-1)+IF('Standard Profiles'!$G$21=$B$10,7,0)+IF('Standard Profiles'!$G$21=$B$17,14,0)+IF('Standard Profiles'!$G$21=$B$24,21,0),0)),0)</f>
        <v>0</v>
      </c>
      <c r="H8110" cm="1">
        <f t="array" ref="H8110">IFERROR(INDEX(Jesper!AL$2:AL$366,ROUNDDOWN($C8110/24,0)+1,1)*INDEX($D$3:$AA$30,INDEX(Jesper!$R$2:$R$366,ROW(INDEX(Jesper!AL$2:AL$366,ROUNDDOWN($C8110/24,0)+1,1))-1)+IF('Standard Profiles'!$G$22=$B$10,7,0)+IF('Standard Profiles'!$G$22=$B$17,14,0)+IF('Standard Profiles'!$G$22=$B$24,21,0),MOD($C8110,24)+1)/SUM(INDEX($D$3:$AA$30,INDEX(Jesper!$R$2:$R$366,ROW(INDEX(Jesper!AL$2:AL$366,ROUNDDOWN($C8110/24,0)+1,1))-1)+IF('Standard Profiles'!$G$22=$B$10,7,0)+IF('Standard Profiles'!$G$22=$B$17,14,0)+IF('Standard Profiles'!$G$22=$B$24,21,0),0)),0)</f>
        <v>0</v>
      </c>
      <c r="I8110">
        <f t="shared" si="902"/>
        <v>0.59787037961019229</v>
      </c>
      <c r="J8110">
        <f t="shared" si="903"/>
        <v>1.9929012653673077</v>
      </c>
      <c r="K8110">
        <f t="shared" si="904"/>
        <v>2.9893518980509612</v>
      </c>
      <c r="L8110">
        <f t="shared" si="905"/>
        <v>14.348889110644615</v>
      </c>
      <c r="M8110">
        <f t="shared" si="906"/>
        <v>0</v>
      </c>
      <c r="N8110" s="46">
        <f t="shared" si="907"/>
        <v>45628.499999980413</v>
      </c>
    </row>
    <row r="8111" spans="2:14" x14ac:dyDescent="0.3">
      <c r="B8111">
        <f t="shared" si="901"/>
        <v>1</v>
      </c>
      <c r="C8111" s="16">
        <v>8077</v>
      </c>
      <c r="D8111" cm="1">
        <f t="array" ref="D8111">IFERROR(INDEX(Jesper!AH$2:AH$366,ROUNDDOWN($C8111/24,0)+1,1)*INDEX($D$3:$AA$30,INDEX(Jesper!$R$2:$R$366,ROW(INDEX(Jesper!AH$2:AH$366,ROUNDDOWN($C8111/24,0)+1,1))-1)+IF('Standard Profiles'!$G$18=$B$10,7,0)+IF('Standard Profiles'!$G$18=$B$17,14,0)+IF('Standard Profiles'!$G$18=$B$24,21,0),MOD($C8111,24)+1)/SUM(INDEX($D$3:$AA$30,INDEX(Jesper!$R$2:$R$366,ROW(INDEX(Jesper!AH$2:AH$366,ROUNDDOWN($C8111/24,0)+1,1))-1)+IF('Standard Profiles'!$G$18=$B$10,7,0)+IF('Standard Profiles'!$G$18=$B$17,14,0)+IF('Standard Profiles'!$G$18=$B$24,21,0),0)),0)</f>
        <v>13.202970883058414</v>
      </c>
      <c r="E8111" cm="1">
        <f t="array" ref="E8111">IFERROR(INDEX(Jesper!AI$2:AI$366,ROUNDDOWN($C8111/24,0)+1,1)*INDEX($D$3:$AA$30,INDEX(Jesper!$R$2:$R$366,ROW(INDEX(Jesper!AI$2:AI$366,ROUNDDOWN($C8111/24,0)+1,1))-1)+IF('Standard Profiles'!$G$19=$B$10,7,0)+IF('Standard Profiles'!$G$19=$B$17,14,0)+IF('Standard Profiles'!$G$19=$B$24,21,0),MOD($C8111,24)+1)/SUM(INDEX($D$3:$AA$30,INDEX(Jesper!$R$2:$R$366,ROW(INDEX(Jesper!AI$2:AI$366,ROUNDDOWN($C8111/24,0)+1,1))-1)+IF('Standard Profiles'!$G$19=$B$10,7,0)+IF('Standard Profiles'!$G$19=$B$17,14,0)+IF('Standard Profiles'!$G$19=$B$24,21,0),0)),0)</f>
        <v>0</v>
      </c>
      <c r="F8111" cm="1">
        <f t="array" ref="F8111">IFERROR(INDEX(Jesper!AJ$2:AJ$366,ROUNDDOWN($C8111/24,0)+1,1)*INDEX($D$3:$AA$30,INDEX(Jesper!$R$2:$R$366,ROW(INDEX(Jesper!AJ$2:AJ$366,ROUNDDOWN($C8111/24,0)+1,1))-1)+IF('Standard Profiles'!$G$20=$B$10,7,0)+IF('Standard Profiles'!$G$20=$B$17,14,0)+IF('Standard Profiles'!$G$20=$B$24,21,0),MOD($C8111,24)+1)/SUM(INDEX($D$3:$AA$30,INDEX(Jesper!$R$2:$R$366,ROW(INDEX(Jesper!AJ$2:AJ$366,ROUNDDOWN($C8111/24,0)+1,1))-1)+IF('Standard Profiles'!$G$20=$B$10,7,0)+IF('Standard Profiles'!$G$20=$B$17,14,0)+IF('Standard Profiles'!$G$20=$B$24,21,0),0)),0)</f>
        <v>0</v>
      </c>
      <c r="G8111" cm="1">
        <f t="array" ref="G8111">IFERROR(INDEX(Jesper!AK$2:AK$366,ROUNDDOWN($C8111/24,0)+1,1)*INDEX($D$3:$AA$30,INDEX(Jesper!$R$2:$R$366,ROW(INDEX(Jesper!AK$2:AK$366,ROUNDDOWN($C8111/24,0)+1,1))-1)+IF('Standard Profiles'!$G$21=$B$10,7,0)+IF('Standard Profiles'!$G$21=$B$17,14,0)+IF('Standard Profiles'!$G$21=$B$24,21,0),MOD($C8111,24)+1)/SUM(INDEX($D$3:$AA$30,INDEX(Jesper!$R$2:$R$366,ROW(INDEX(Jesper!AK$2:AK$366,ROUNDDOWN($C8111/24,0)+1,1))-1)+IF('Standard Profiles'!$G$21=$B$10,7,0)+IF('Standard Profiles'!$G$21=$B$17,14,0)+IF('Standard Profiles'!$G$21=$B$24,21,0),0)),0)</f>
        <v>0</v>
      </c>
      <c r="H8111" cm="1">
        <f t="array" ref="H8111">IFERROR(INDEX(Jesper!AL$2:AL$366,ROUNDDOWN($C8111/24,0)+1,1)*INDEX($D$3:$AA$30,INDEX(Jesper!$R$2:$R$366,ROW(INDEX(Jesper!AL$2:AL$366,ROUNDDOWN($C8111/24,0)+1,1))-1)+IF('Standard Profiles'!$G$22=$B$10,7,0)+IF('Standard Profiles'!$G$22=$B$17,14,0)+IF('Standard Profiles'!$G$22=$B$24,21,0),MOD($C8111,24)+1)/SUM(INDEX($D$3:$AA$30,INDEX(Jesper!$R$2:$R$366,ROW(INDEX(Jesper!AL$2:AL$366,ROUNDDOWN($C8111/24,0)+1,1))-1)+IF('Standard Profiles'!$G$22=$B$10,7,0)+IF('Standard Profiles'!$G$22=$B$17,14,0)+IF('Standard Profiles'!$G$22=$B$24,21,0),0)),0)</f>
        <v>0</v>
      </c>
      <c r="I8111">
        <f t="shared" si="902"/>
        <v>0.39608912649175243</v>
      </c>
      <c r="J8111">
        <f t="shared" si="903"/>
        <v>1.3202970883058416</v>
      </c>
      <c r="K8111">
        <f t="shared" si="904"/>
        <v>1.980445632458762</v>
      </c>
      <c r="L8111">
        <f t="shared" si="905"/>
        <v>9.5061390358020574</v>
      </c>
      <c r="M8111">
        <f t="shared" si="906"/>
        <v>0</v>
      </c>
      <c r="N8111" s="46">
        <f t="shared" si="907"/>
        <v>45628.541666647077</v>
      </c>
    </row>
    <row r="8112" spans="2:14" x14ac:dyDescent="0.3">
      <c r="B8112">
        <f t="shared" si="901"/>
        <v>1</v>
      </c>
      <c r="C8112" s="16">
        <v>8078</v>
      </c>
      <c r="D8112" cm="1">
        <f t="array" ref="D8112">IFERROR(INDEX(Jesper!AH$2:AH$366,ROUNDDOWN($C8112/24,0)+1,1)*INDEX($D$3:$AA$30,INDEX(Jesper!$R$2:$R$366,ROW(INDEX(Jesper!AH$2:AH$366,ROUNDDOWN($C8112/24,0)+1,1))-1)+IF('Standard Profiles'!$G$18=$B$10,7,0)+IF('Standard Profiles'!$G$18=$B$17,14,0)+IF('Standard Profiles'!$G$18=$B$24,21,0),MOD($C8112,24)+1)/SUM(INDEX($D$3:$AA$30,INDEX(Jesper!$R$2:$R$366,ROW(INDEX(Jesper!AH$2:AH$366,ROUNDDOWN($C8112/24,0)+1,1))-1)+IF('Standard Profiles'!$G$18=$B$10,7,0)+IF('Standard Profiles'!$G$18=$B$17,14,0)+IF('Standard Profiles'!$G$18=$B$24,21,0),0)),0)</f>
        <v>19.929012653673077</v>
      </c>
      <c r="E8112" cm="1">
        <f t="array" ref="E8112">IFERROR(INDEX(Jesper!AI$2:AI$366,ROUNDDOWN($C8112/24,0)+1,1)*INDEX($D$3:$AA$30,INDEX(Jesper!$R$2:$R$366,ROW(INDEX(Jesper!AI$2:AI$366,ROUNDDOWN($C8112/24,0)+1,1))-1)+IF('Standard Profiles'!$G$19=$B$10,7,0)+IF('Standard Profiles'!$G$19=$B$17,14,0)+IF('Standard Profiles'!$G$19=$B$24,21,0),MOD($C8112,24)+1)/SUM(INDEX($D$3:$AA$30,INDEX(Jesper!$R$2:$R$366,ROW(INDEX(Jesper!AI$2:AI$366,ROUNDDOWN($C8112/24,0)+1,1))-1)+IF('Standard Profiles'!$G$19=$B$10,7,0)+IF('Standard Profiles'!$G$19=$B$17,14,0)+IF('Standard Profiles'!$G$19=$B$24,21,0),0)),0)</f>
        <v>0</v>
      </c>
      <c r="F8112" cm="1">
        <f t="array" ref="F8112">IFERROR(INDEX(Jesper!AJ$2:AJ$366,ROUNDDOWN($C8112/24,0)+1,1)*INDEX($D$3:$AA$30,INDEX(Jesper!$R$2:$R$366,ROW(INDEX(Jesper!AJ$2:AJ$366,ROUNDDOWN($C8112/24,0)+1,1))-1)+IF('Standard Profiles'!$G$20=$B$10,7,0)+IF('Standard Profiles'!$G$20=$B$17,14,0)+IF('Standard Profiles'!$G$20=$B$24,21,0),MOD($C8112,24)+1)/SUM(INDEX($D$3:$AA$30,INDEX(Jesper!$R$2:$R$366,ROW(INDEX(Jesper!AJ$2:AJ$366,ROUNDDOWN($C8112/24,0)+1,1))-1)+IF('Standard Profiles'!$G$20=$B$10,7,0)+IF('Standard Profiles'!$G$20=$B$17,14,0)+IF('Standard Profiles'!$G$20=$B$24,21,0),0)),0)</f>
        <v>0</v>
      </c>
      <c r="G8112" cm="1">
        <f t="array" ref="G8112">IFERROR(INDEX(Jesper!AK$2:AK$366,ROUNDDOWN($C8112/24,0)+1,1)*INDEX($D$3:$AA$30,INDEX(Jesper!$R$2:$R$366,ROW(INDEX(Jesper!AK$2:AK$366,ROUNDDOWN($C8112/24,0)+1,1))-1)+IF('Standard Profiles'!$G$21=$B$10,7,0)+IF('Standard Profiles'!$G$21=$B$17,14,0)+IF('Standard Profiles'!$G$21=$B$24,21,0),MOD($C8112,24)+1)/SUM(INDEX($D$3:$AA$30,INDEX(Jesper!$R$2:$R$366,ROW(INDEX(Jesper!AK$2:AK$366,ROUNDDOWN($C8112/24,0)+1,1))-1)+IF('Standard Profiles'!$G$21=$B$10,7,0)+IF('Standard Profiles'!$G$21=$B$17,14,0)+IF('Standard Profiles'!$G$21=$B$24,21,0),0)),0)</f>
        <v>0</v>
      </c>
      <c r="H8112" cm="1">
        <f t="array" ref="H8112">IFERROR(INDEX(Jesper!AL$2:AL$366,ROUNDDOWN($C8112/24,0)+1,1)*INDEX($D$3:$AA$30,INDEX(Jesper!$R$2:$R$366,ROW(INDEX(Jesper!AL$2:AL$366,ROUNDDOWN($C8112/24,0)+1,1))-1)+IF('Standard Profiles'!$G$22=$B$10,7,0)+IF('Standard Profiles'!$G$22=$B$17,14,0)+IF('Standard Profiles'!$G$22=$B$24,21,0),MOD($C8112,24)+1)/SUM(INDEX($D$3:$AA$30,INDEX(Jesper!$R$2:$R$366,ROW(INDEX(Jesper!AL$2:AL$366,ROUNDDOWN($C8112/24,0)+1,1))-1)+IF('Standard Profiles'!$G$22=$B$10,7,0)+IF('Standard Profiles'!$G$22=$B$17,14,0)+IF('Standard Profiles'!$G$22=$B$24,21,0),0)),0)</f>
        <v>0</v>
      </c>
      <c r="I8112">
        <f t="shared" si="902"/>
        <v>0.59787037961019229</v>
      </c>
      <c r="J8112">
        <f t="shared" si="903"/>
        <v>1.9929012653673077</v>
      </c>
      <c r="K8112">
        <f t="shared" si="904"/>
        <v>2.9893518980509612</v>
      </c>
      <c r="L8112">
        <f t="shared" si="905"/>
        <v>14.348889110644615</v>
      </c>
      <c r="M8112">
        <f t="shared" si="906"/>
        <v>0</v>
      </c>
      <c r="N8112" s="46">
        <f t="shared" si="907"/>
        <v>45628.583333313742</v>
      </c>
    </row>
    <row r="8113" spans="2:14" x14ac:dyDescent="0.3">
      <c r="B8113">
        <f t="shared" si="901"/>
        <v>1</v>
      </c>
      <c r="C8113" s="16">
        <v>8079</v>
      </c>
      <c r="D8113" cm="1">
        <f t="array" ref="D8113">IFERROR(INDEX(Jesper!AH$2:AH$366,ROUNDDOWN($C8113/24,0)+1,1)*INDEX($D$3:$AA$30,INDEX(Jesper!$R$2:$R$366,ROW(INDEX(Jesper!AH$2:AH$366,ROUNDDOWN($C8113/24,0)+1,1))-1)+IF('Standard Profiles'!$G$18=$B$10,7,0)+IF('Standard Profiles'!$G$18=$B$17,14,0)+IF('Standard Profiles'!$G$18=$B$24,21,0),MOD($C8113,24)+1)/SUM(INDEX($D$3:$AA$30,INDEX(Jesper!$R$2:$R$366,ROW(INDEX(Jesper!AH$2:AH$366,ROUNDDOWN($C8113/24,0)+1,1))-1)+IF('Standard Profiles'!$G$18=$B$10,7,0)+IF('Standard Profiles'!$G$18=$B$17,14,0)+IF('Standard Profiles'!$G$18=$B$24,21,0),0)),0)</f>
        <v>19.929012653673077</v>
      </c>
      <c r="E8113" cm="1">
        <f t="array" ref="E8113">IFERROR(INDEX(Jesper!AI$2:AI$366,ROUNDDOWN($C8113/24,0)+1,1)*INDEX($D$3:$AA$30,INDEX(Jesper!$R$2:$R$366,ROW(INDEX(Jesper!AI$2:AI$366,ROUNDDOWN($C8113/24,0)+1,1))-1)+IF('Standard Profiles'!$G$19=$B$10,7,0)+IF('Standard Profiles'!$G$19=$B$17,14,0)+IF('Standard Profiles'!$G$19=$B$24,21,0),MOD($C8113,24)+1)/SUM(INDEX($D$3:$AA$30,INDEX(Jesper!$R$2:$R$366,ROW(INDEX(Jesper!AI$2:AI$366,ROUNDDOWN($C8113/24,0)+1,1))-1)+IF('Standard Profiles'!$G$19=$B$10,7,0)+IF('Standard Profiles'!$G$19=$B$17,14,0)+IF('Standard Profiles'!$G$19=$B$24,21,0),0)),0)</f>
        <v>0</v>
      </c>
      <c r="F8113" cm="1">
        <f t="array" ref="F8113">IFERROR(INDEX(Jesper!AJ$2:AJ$366,ROUNDDOWN($C8113/24,0)+1,1)*INDEX($D$3:$AA$30,INDEX(Jesper!$R$2:$R$366,ROW(INDEX(Jesper!AJ$2:AJ$366,ROUNDDOWN($C8113/24,0)+1,1))-1)+IF('Standard Profiles'!$G$20=$B$10,7,0)+IF('Standard Profiles'!$G$20=$B$17,14,0)+IF('Standard Profiles'!$G$20=$B$24,21,0),MOD($C8113,24)+1)/SUM(INDEX($D$3:$AA$30,INDEX(Jesper!$R$2:$R$366,ROW(INDEX(Jesper!AJ$2:AJ$366,ROUNDDOWN($C8113/24,0)+1,1))-1)+IF('Standard Profiles'!$G$20=$B$10,7,0)+IF('Standard Profiles'!$G$20=$B$17,14,0)+IF('Standard Profiles'!$G$20=$B$24,21,0),0)),0)</f>
        <v>0</v>
      </c>
      <c r="G8113" cm="1">
        <f t="array" ref="G8113">IFERROR(INDEX(Jesper!AK$2:AK$366,ROUNDDOWN($C8113/24,0)+1,1)*INDEX($D$3:$AA$30,INDEX(Jesper!$R$2:$R$366,ROW(INDEX(Jesper!AK$2:AK$366,ROUNDDOWN($C8113/24,0)+1,1))-1)+IF('Standard Profiles'!$G$21=$B$10,7,0)+IF('Standard Profiles'!$G$21=$B$17,14,0)+IF('Standard Profiles'!$G$21=$B$24,21,0),MOD($C8113,24)+1)/SUM(INDEX($D$3:$AA$30,INDEX(Jesper!$R$2:$R$366,ROW(INDEX(Jesper!AK$2:AK$366,ROUNDDOWN($C8113/24,0)+1,1))-1)+IF('Standard Profiles'!$G$21=$B$10,7,0)+IF('Standard Profiles'!$G$21=$B$17,14,0)+IF('Standard Profiles'!$G$21=$B$24,21,0),0)),0)</f>
        <v>0</v>
      </c>
      <c r="H8113" cm="1">
        <f t="array" ref="H8113">IFERROR(INDEX(Jesper!AL$2:AL$366,ROUNDDOWN($C8113/24,0)+1,1)*INDEX($D$3:$AA$30,INDEX(Jesper!$R$2:$R$366,ROW(INDEX(Jesper!AL$2:AL$366,ROUNDDOWN($C8113/24,0)+1,1))-1)+IF('Standard Profiles'!$G$22=$B$10,7,0)+IF('Standard Profiles'!$G$22=$B$17,14,0)+IF('Standard Profiles'!$G$22=$B$24,21,0),MOD($C8113,24)+1)/SUM(INDEX($D$3:$AA$30,INDEX(Jesper!$R$2:$R$366,ROW(INDEX(Jesper!AL$2:AL$366,ROUNDDOWN($C8113/24,0)+1,1))-1)+IF('Standard Profiles'!$G$22=$B$10,7,0)+IF('Standard Profiles'!$G$22=$B$17,14,0)+IF('Standard Profiles'!$G$22=$B$24,21,0),0)),0)</f>
        <v>0</v>
      </c>
      <c r="I8113">
        <f t="shared" si="902"/>
        <v>0.59787037961019229</v>
      </c>
      <c r="J8113">
        <f t="shared" si="903"/>
        <v>1.9929012653673077</v>
      </c>
      <c r="K8113">
        <f t="shared" si="904"/>
        <v>2.9893518980509612</v>
      </c>
      <c r="L8113">
        <f t="shared" si="905"/>
        <v>14.348889110644615</v>
      </c>
      <c r="M8113">
        <f t="shared" si="906"/>
        <v>0</v>
      </c>
      <c r="N8113" s="46">
        <f t="shared" si="907"/>
        <v>45628.624999980406</v>
      </c>
    </row>
    <row r="8114" spans="2:14" x14ac:dyDescent="0.3">
      <c r="B8114">
        <f t="shared" si="901"/>
        <v>1</v>
      </c>
      <c r="C8114" s="16">
        <v>8080</v>
      </c>
      <c r="D8114" cm="1">
        <f t="array" ref="D8114">IFERROR(INDEX(Jesper!AH$2:AH$366,ROUNDDOWN($C8114/24,0)+1,1)*INDEX($D$3:$AA$30,INDEX(Jesper!$R$2:$R$366,ROW(INDEX(Jesper!AH$2:AH$366,ROUNDDOWN($C8114/24,0)+1,1))-1)+IF('Standard Profiles'!$G$18=$B$10,7,0)+IF('Standard Profiles'!$G$18=$B$17,14,0)+IF('Standard Profiles'!$G$18=$B$24,21,0),MOD($C8114,24)+1)/SUM(INDEX($D$3:$AA$30,INDEX(Jesper!$R$2:$R$366,ROW(INDEX(Jesper!AH$2:AH$366,ROUNDDOWN($C8114/24,0)+1,1))-1)+IF('Standard Profiles'!$G$18=$B$10,7,0)+IF('Standard Profiles'!$G$18=$B$17,14,0)+IF('Standard Profiles'!$G$18=$B$24,21,0),0)),0)</f>
        <v>19.929012653673077</v>
      </c>
      <c r="E8114" cm="1">
        <f t="array" ref="E8114">IFERROR(INDEX(Jesper!AI$2:AI$366,ROUNDDOWN($C8114/24,0)+1,1)*INDEX($D$3:$AA$30,INDEX(Jesper!$R$2:$R$366,ROW(INDEX(Jesper!AI$2:AI$366,ROUNDDOWN($C8114/24,0)+1,1))-1)+IF('Standard Profiles'!$G$19=$B$10,7,0)+IF('Standard Profiles'!$G$19=$B$17,14,0)+IF('Standard Profiles'!$G$19=$B$24,21,0),MOD($C8114,24)+1)/SUM(INDEX($D$3:$AA$30,INDEX(Jesper!$R$2:$R$366,ROW(INDEX(Jesper!AI$2:AI$366,ROUNDDOWN($C8114/24,0)+1,1))-1)+IF('Standard Profiles'!$G$19=$B$10,7,0)+IF('Standard Profiles'!$G$19=$B$17,14,0)+IF('Standard Profiles'!$G$19=$B$24,21,0),0)),0)</f>
        <v>0</v>
      </c>
      <c r="F8114" cm="1">
        <f t="array" ref="F8114">IFERROR(INDEX(Jesper!AJ$2:AJ$366,ROUNDDOWN($C8114/24,0)+1,1)*INDEX($D$3:$AA$30,INDEX(Jesper!$R$2:$R$366,ROW(INDEX(Jesper!AJ$2:AJ$366,ROUNDDOWN($C8114/24,0)+1,1))-1)+IF('Standard Profiles'!$G$20=$B$10,7,0)+IF('Standard Profiles'!$G$20=$B$17,14,0)+IF('Standard Profiles'!$G$20=$B$24,21,0),MOD($C8114,24)+1)/SUM(INDEX($D$3:$AA$30,INDEX(Jesper!$R$2:$R$366,ROW(INDEX(Jesper!AJ$2:AJ$366,ROUNDDOWN($C8114/24,0)+1,1))-1)+IF('Standard Profiles'!$G$20=$B$10,7,0)+IF('Standard Profiles'!$G$20=$B$17,14,0)+IF('Standard Profiles'!$G$20=$B$24,21,0),0)),0)</f>
        <v>0</v>
      </c>
      <c r="G8114" cm="1">
        <f t="array" ref="G8114">IFERROR(INDEX(Jesper!AK$2:AK$366,ROUNDDOWN($C8114/24,0)+1,1)*INDEX($D$3:$AA$30,INDEX(Jesper!$R$2:$R$366,ROW(INDEX(Jesper!AK$2:AK$366,ROUNDDOWN($C8114/24,0)+1,1))-1)+IF('Standard Profiles'!$G$21=$B$10,7,0)+IF('Standard Profiles'!$G$21=$B$17,14,0)+IF('Standard Profiles'!$G$21=$B$24,21,0),MOD($C8114,24)+1)/SUM(INDEX($D$3:$AA$30,INDEX(Jesper!$R$2:$R$366,ROW(INDEX(Jesper!AK$2:AK$366,ROUNDDOWN($C8114/24,0)+1,1))-1)+IF('Standard Profiles'!$G$21=$B$10,7,0)+IF('Standard Profiles'!$G$21=$B$17,14,0)+IF('Standard Profiles'!$G$21=$B$24,21,0),0)),0)</f>
        <v>0</v>
      </c>
      <c r="H8114" cm="1">
        <f t="array" ref="H8114">IFERROR(INDEX(Jesper!AL$2:AL$366,ROUNDDOWN($C8114/24,0)+1,1)*INDEX($D$3:$AA$30,INDEX(Jesper!$R$2:$R$366,ROW(INDEX(Jesper!AL$2:AL$366,ROUNDDOWN($C8114/24,0)+1,1))-1)+IF('Standard Profiles'!$G$22=$B$10,7,0)+IF('Standard Profiles'!$G$22=$B$17,14,0)+IF('Standard Profiles'!$G$22=$B$24,21,0),MOD($C8114,24)+1)/SUM(INDEX($D$3:$AA$30,INDEX(Jesper!$R$2:$R$366,ROW(INDEX(Jesper!AL$2:AL$366,ROUNDDOWN($C8114/24,0)+1,1))-1)+IF('Standard Profiles'!$G$22=$B$10,7,0)+IF('Standard Profiles'!$G$22=$B$17,14,0)+IF('Standard Profiles'!$G$22=$B$24,21,0),0)),0)</f>
        <v>0</v>
      </c>
      <c r="I8114">
        <f t="shared" si="902"/>
        <v>0.59787037961019229</v>
      </c>
      <c r="J8114">
        <f t="shared" si="903"/>
        <v>1.9929012653673077</v>
      </c>
      <c r="K8114">
        <f t="shared" si="904"/>
        <v>2.9893518980509612</v>
      </c>
      <c r="L8114">
        <f t="shared" si="905"/>
        <v>14.348889110644615</v>
      </c>
      <c r="M8114">
        <f t="shared" si="906"/>
        <v>0</v>
      </c>
      <c r="N8114" s="46">
        <f t="shared" si="907"/>
        <v>45628.66666664707</v>
      </c>
    </row>
    <row r="8115" spans="2:14" x14ac:dyDescent="0.3">
      <c r="B8115">
        <f t="shared" si="901"/>
        <v>1</v>
      </c>
      <c r="C8115" s="16">
        <v>8081</v>
      </c>
      <c r="D8115" cm="1">
        <f t="array" ref="D8115">IFERROR(INDEX(Jesper!AH$2:AH$366,ROUNDDOWN($C8115/24,0)+1,1)*INDEX($D$3:$AA$30,INDEX(Jesper!$R$2:$R$366,ROW(INDEX(Jesper!AH$2:AH$366,ROUNDDOWN($C8115/24,0)+1,1))-1)+IF('Standard Profiles'!$G$18=$B$10,7,0)+IF('Standard Profiles'!$G$18=$B$17,14,0)+IF('Standard Profiles'!$G$18=$B$24,21,0),MOD($C8115,24)+1)/SUM(INDEX($D$3:$AA$30,INDEX(Jesper!$R$2:$R$366,ROW(INDEX(Jesper!AH$2:AH$366,ROUNDDOWN($C8115/24,0)+1,1))-1)+IF('Standard Profiles'!$G$18=$B$10,7,0)+IF('Standard Profiles'!$G$18=$B$17,14,0)+IF('Standard Profiles'!$G$18=$B$24,21,0),0)),0)</f>
        <v>19.929012653673077</v>
      </c>
      <c r="E8115" cm="1">
        <f t="array" ref="E8115">IFERROR(INDEX(Jesper!AI$2:AI$366,ROUNDDOWN($C8115/24,0)+1,1)*INDEX($D$3:$AA$30,INDEX(Jesper!$R$2:$R$366,ROW(INDEX(Jesper!AI$2:AI$366,ROUNDDOWN($C8115/24,0)+1,1))-1)+IF('Standard Profiles'!$G$19=$B$10,7,0)+IF('Standard Profiles'!$G$19=$B$17,14,0)+IF('Standard Profiles'!$G$19=$B$24,21,0),MOD($C8115,24)+1)/SUM(INDEX($D$3:$AA$30,INDEX(Jesper!$R$2:$R$366,ROW(INDEX(Jesper!AI$2:AI$366,ROUNDDOWN($C8115/24,0)+1,1))-1)+IF('Standard Profiles'!$G$19=$B$10,7,0)+IF('Standard Profiles'!$G$19=$B$17,14,0)+IF('Standard Profiles'!$G$19=$B$24,21,0),0)),0)</f>
        <v>0</v>
      </c>
      <c r="F8115" cm="1">
        <f t="array" ref="F8115">IFERROR(INDEX(Jesper!AJ$2:AJ$366,ROUNDDOWN($C8115/24,0)+1,1)*INDEX($D$3:$AA$30,INDEX(Jesper!$R$2:$R$366,ROW(INDEX(Jesper!AJ$2:AJ$366,ROUNDDOWN($C8115/24,0)+1,1))-1)+IF('Standard Profiles'!$G$20=$B$10,7,0)+IF('Standard Profiles'!$G$20=$B$17,14,0)+IF('Standard Profiles'!$G$20=$B$24,21,0),MOD($C8115,24)+1)/SUM(INDEX($D$3:$AA$30,INDEX(Jesper!$R$2:$R$366,ROW(INDEX(Jesper!AJ$2:AJ$366,ROUNDDOWN($C8115/24,0)+1,1))-1)+IF('Standard Profiles'!$G$20=$B$10,7,0)+IF('Standard Profiles'!$G$20=$B$17,14,0)+IF('Standard Profiles'!$G$20=$B$24,21,0),0)),0)</f>
        <v>0</v>
      </c>
      <c r="G8115" cm="1">
        <f t="array" ref="G8115">IFERROR(INDEX(Jesper!AK$2:AK$366,ROUNDDOWN($C8115/24,0)+1,1)*INDEX($D$3:$AA$30,INDEX(Jesper!$R$2:$R$366,ROW(INDEX(Jesper!AK$2:AK$366,ROUNDDOWN($C8115/24,0)+1,1))-1)+IF('Standard Profiles'!$G$21=$B$10,7,0)+IF('Standard Profiles'!$G$21=$B$17,14,0)+IF('Standard Profiles'!$G$21=$B$24,21,0),MOD($C8115,24)+1)/SUM(INDEX($D$3:$AA$30,INDEX(Jesper!$R$2:$R$366,ROW(INDEX(Jesper!AK$2:AK$366,ROUNDDOWN($C8115/24,0)+1,1))-1)+IF('Standard Profiles'!$G$21=$B$10,7,0)+IF('Standard Profiles'!$G$21=$B$17,14,0)+IF('Standard Profiles'!$G$21=$B$24,21,0),0)),0)</f>
        <v>0</v>
      </c>
      <c r="H8115" cm="1">
        <f t="array" ref="H8115">IFERROR(INDEX(Jesper!AL$2:AL$366,ROUNDDOWN($C8115/24,0)+1,1)*INDEX($D$3:$AA$30,INDEX(Jesper!$R$2:$R$366,ROW(INDEX(Jesper!AL$2:AL$366,ROUNDDOWN($C8115/24,0)+1,1))-1)+IF('Standard Profiles'!$G$22=$B$10,7,0)+IF('Standard Profiles'!$G$22=$B$17,14,0)+IF('Standard Profiles'!$G$22=$B$24,21,0),MOD($C8115,24)+1)/SUM(INDEX($D$3:$AA$30,INDEX(Jesper!$R$2:$R$366,ROW(INDEX(Jesper!AL$2:AL$366,ROUNDDOWN($C8115/24,0)+1,1))-1)+IF('Standard Profiles'!$G$22=$B$10,7,0)+IF('Standard Profiles'!$G$22=$B$17,14,0)+IF('Standard Profiles'!$G$22=$B$24,21,0),0)),0)</f>
        <v>0</v>
      </c>
      <c r="I8115">
        <f t="shared" si="902"/>
        <v>0.59787037961019229</v>
      </c>
      <c r="J8115">
        <f t="shared" si="903"/>
        <v>1.9929012653673077</v>
      </c>
      <c r="K8115">
        <f t="shared" si="904"/>
        <v>2.9893518980509612</v>
      </c>
      <c r="L8115">
        <f t="shared" si="905"/>
        <v>14.348889110644615</v>
      </c>
      <c r="M8115">
        <f t="shared" si="906"/>
        <v>0</v>
      </c>
      <c r="N8115" s="46">
        <f t="shared" si="907"/>
        <v>45628.708333313734</v>
      </c>
    </row>
    <row r="8116" spans="2:14" x14ac:dyDescent="0.3">
      <c r="B8116">
        <f t="shared" si="901"/>
        <v>1</v>
      </c>
      <c r="C8116" s="16">
        <v>8082</v>
      </c>
      <c r="D8116" cm="1">
        <f t="array" ref="D8116">IFERROR(INDEX(Jesper!AH$2:AH$366,ROUNDDOWN($C8116/24,0)+1,1)*INDEX($D$3:$AA$30,INDEX(Jesper!$R$2:$R$366,ROW(INDEX(Jesper!AH$2:AH$366,ROUNDDOWN($C8116/24,0)+1,1))-1)+IF('Standard Profiles'!$G$18=$B$10,7,0)+IF('Standard Profiles'!$G$18=$B$17,14,0)+IF('Standard Profiles'!$G$18=$B$24,21,0),MOD($C8116,24)+1)/SUM(INDEX($D$3:$AA$30,INDEX(Jesper!$R$2:$R$366,ROW(INDEX(Jesper!AH$2:AH$366,ROUNDDOWN($C8116/24,0)+1,1))-1)+IF('Standard Profiles'!$G$18=$B$10,7,0)+IF('Standard Profiles'!$G$18=$B$17,14,0)+IF('Standard Profiles'!$G$18=$B$24,21,0),0)),0)</f>
        <v>19.929012653673077</v>
      </c>
      <c r="E8116" cm="1">
        <f t="array" ref="E8116">IFERROR(INDEX(Jesper!AI$2:AI$366,ROUNDDOWN($C8116/24,0)+1,1)*INDEX($D$3:$AA$30,INDEX(Jesper!$R$2:$R$366,ROW(INDEX(Jesper!AI$2:AI$366,ROUNDDOWN($C8116/24,0)+1,1))-1)+IF('Standard Profiles'!$G$19=$B$10,7,0)+IF('Standard Profiles'!$G$19=$B$17,14,0)+IF('Standard Profiles'!$G$19=$B$24,21,0),MOD($C8116,24)+1)/SUM(INDEX($D$3:$AA$30,INDEX(Jesper!$R$2:$R$366,ROW(INDEX(Jesper!AI$2:AI$366,ROUNDDOWN($C8116/24,0)+1,1))-1)+IF('Standard Profiles'!$G$19=$B$10,7,0)+IF('Standard Profiles'!$G$19=$B$17,14,0)+IF('Standard Profiles'!$G$19=$B$24,21,0),0)),0)</f>
        <v>0</v>
      </c>
      <c r="F8116" cm="1">
        <f t="array" ref="F8116">IFERROR(INDEX(Jesper!AJ$2:AJ$366,ROUNDDOWN($C8116/24,0)+1,1)*INDEX($D$3:$AA$30,INDEX(Jesper!$R$2:$R$366,ROW(INDEX(Jesper!AJ$2:AJ$366,ROUNDDOWN($C8116/24,0)+1,1))-1)+IF('Standard Profiles'!$G$20=$B$10,7,0)+IF('Standard Profiles'!$G$20=$B$17,14,0)+IF('Standard Profiles'!$G$20=$B$24,21,0),MOD($C8116,24)+1)/SUM(INDEX($D$3:$AA$30,INDEX(Jesper!$R$2:$R$366,ROW(INDEX(Jesper!AJ$2:AJ$366,ROUNDDOWN($C8116/24,0)+1,1))-1)+IF('Standard Profiles'!$G$20=$B$10,7,0)+IF('Standard Profiles'!$G$20=$B$17,14,0)+IF('Standard Profiles'!$G$20=$B$24,21,0),0)),0)</f>
        <v>0</v>
      </c>
      <c r="G8116" cm="1">
        <f t="array" ref="G8116">IFERROR(INDEX(Jesper!AK$2:AK$366,ROUNDDOWN($C8116/24,0)+1,1)*INDEX($D$3:$AA$30,INDEX(Jesper!$R$2:$R$366,ROW(INDEX(Jesper!AK$2:AK$366,ROUNDDOWN($C8116/24,0)+1,1))-1)+IF('Standard Profiles'!$G$21=$B$10,7,0)+IF('Standard Profiles'!$G$21=$B$17,14,0)+IF('Standard Profiles'!$G$21=$B$24,21,0),MOD($C8116,24)+1)/SUM(INDEX($D$3:$AA$30,INDEX(Jesper!$R$2:$R$366,ROW(INDEX(Jesper!AK$2:AK$366,ROUNDDOWN($C8116/24,0)+1,1))-1)+IF('Standard Profiles'!$G$21=$B$10,7,0)+IF('Standard Profiles'!$G$21=$B$17,14,0)+IF('Standard Profiles'!$G$21=$B$24,21,0),0)),0)</f>
        <v>0</v>
      </c>
      <c r="H8116" cm="1">
        <f t="array" ref="H8116">IFERROR(INDEX(Jesper!AL$2:AL$366,ROUNDDOWN($C8116/24,0)+1,1)*INDEX($D$3:$AA$30,INDEX(Jesper!$R$2:$R$366,ROW(INDEX(Jesper!AL$2:AL$366,ROUNDDOWN($C8116/24,0)+1,1))-1)+IF('Standard Profiles'!$G$22=$B$10,7,0)+IF('Standard Profiles'!$G$22=$B$17,14,0)+IF('Standard Profiles'!$G$22=$B$24,21,0),MOD($C8116,24)+1)/SUM(INDEX($D$3:$AA$30,INDEX(Jesper!$R$2:$R$366,ROW(INDEX(Jesper!AL$2:AL$366,ROUNDDOWN($C8116/24,0)+1,1))-1)+IF('Standard Profiles'!$G$22=$B$10,7,0)+IF('Standard Profiles'!$G$22=$B$17,14,0)+IF('Standard Profiles'!$G$22=$B$24,21,0),0)),0)</f>
        <v>0</v>
      </c>
      <c r="I8116">
        <f t="shared" si="902"/>
        <v>0.59787037961019229</v>
      </c>
      <c r="J8116">
        <f t="shared" si="903"/>
        <v>1.9929012653673077</v>
      </c>
      <c r="K8116">
        <f t="shared" si="904"/>
        <v>2.9893518980509612</v>
      </c>
      <c r="L8116">
        <f t="shared" si="905"/>
        <v>14.348889110644615</v>
      </c>
      <c r="M8116">
        <f t="shared" si="906"/>
        <v>0</v>
      </c>
      <c r="N8116" s="46">
        <f t="shared" si="907"/>
        <v>45628.749999980399</v>
      </c>
    </row>
    <row r="8117" spans="2:14" x14ac:dyDescent="0.3">
      <c r="B8117">
        <f t="shared" si="901"/>
        <v>1</v>
      </c>
      <c r="C8117" s="16">
        <v>8083</v>
      </c>
      <c r="D8117" cm="1">
        <f t="array" ref="D8117">IFERROR(INDEX(Jesper!AH$2:AH$366,ROUNDDOWN($C8117/24,0)+1,1)*INDEX($D$3:$AA$30,INDEX(Jesper!$R$2:$R$366,ROW(INDEX(Jesper!AH$2:AH$366,ROUNDDOWN($C8117/24,0)+1,1))-1)+IF('Standard Profiles'!$G$18=$B$10,7,0)+IF('Standard Profiles'!$G$18=$B$17,14,0)+IF('Standard Profiles'!$G$18=$B$24,21,0),MOD($C8117,24)+1)/SUM(INDEX($D$3:$AA$30,INDEX(Jesper!$R$2:$R$366,ROW(INDEX(Jesper!AH$2:AH$366,ROUNDDOWN($C8117/24,0)+1,1))-1)+IF('Standard Profiles'!$G$18=$B$10,7,0)+IF('Standard Profiles'!$G$18=$B$17,14,0)+IF('Standard Profiles'!$G$18=$B$24,21,0),0)),0)</f>
        <v>16.690548097451202</v>
      </c>
      <c r="E8117" cm="1">
        <f t="array" ref="E8117">IFERROR(INDEX(Jesper!AI$2:AI$366,ROUNDDOWN($C8117/24,0)+1,1)*INDEX($D$3:$AA$30,INDEX(Jesper!$R$2:$R$366,ROW(INDEX(Jesper!AI$2:AI$366,ROUNDDOWN($C8117/24,0)+1,1))-1)+IF('Standard Profiles'!$G$19=$B$10,7,0)+IF('Standard Profiles'!$G$19=$B$17,14,0)+IF('Standard Profiles'!$G$19=$B$24,21,0),MOD($C8117,24)+1)/SUM(INDEX($D$3:$AA$30,INDEX(Jesper!$R$2:$R$366,ROW(INDEX(Jesper!AI$2:AI$366,ROUNDDOWN($C8117/24,0)+1,1))-1)+IF('Standard Profiles'!$G$19=$B$10,7,0)+IF('Standard Profiles'!$G$19=$B$17,14,0)+IF('Standard Profiles'!$G$19=$B$24,21,0),0)),0)</f>
        <v>0</v>
      </c>
      <c r="F8117" cm="1">
        <f t="array" ref="F8117">IFERROR(INDEX(Jesper!AJ$2:AJ$366,ROUNDDOWN($C8117/24,0)+1,1)*INDEX($D$3:$AA$30,INDEX(Jesper!$R$2:$R$366,ROW(INDEX(Jesper!AJ$2:AJ$366,ROUNDDOWN($C8117/24,0)+1,1))-1)+IF('Standard Profiles'!$G$20=$B$10,7,0)+IF('Standard Profiles'!$G$20=$B$17,14,0)+IF('Standard Profiles'!$G$20=$B$24,21,0),MOD($C8117,24)+1)/SUM(INDEX($D$3:$AA$30,INDEX(Jesper!$R$2:$R$366,ROW(INDEX(Jesper!AJ$2:AJ$366,ROUNDDOWN($C8117/24,0)+1,1))-1)+IF('Standard Profiles'!$G$20=$B$10,7,0)+IF('Standard Profiles'!$G$20=$B$17,14,0)+IF('Standard Profiles'!$G$20=$B$24,21,0),0)),0)</f>
        <v>0</v>
      </c>
      <c r="G8117" cm="1">
        <f t="array" ref="G8117">IFERROR(INDEX(Jesper!AK$2:AK$366,ROUNDDOWN($C8117/24,0)+1,1)*INDEX($D$3:$AA$30,INDEX(Jesper!$R$2:$R$366,ROW(INDEX(Jesper!AK$2:AK$366,ROUNDDOWN($C8117/24,0)+1,1))-1)+IF('Standard Profiles'!$G$21=$B$10,7,0)+IF('Standard Profiles'!$G$21=$B$17,14,0)+IF('Standard Profiles'!$G$21=$B$24,21,0),MOD($C8117,24)+1)/SUM(INDEX($D$3:$AA$30,INDEX(Jesper!$R$2:$R$366,ROW(INDEX(Jesper!AK$2:AK$366,ROUNDDOWN($C8117/24,0)+1,1))-1)+IF('Standard Profiles'!$G$21=$B$10,7,0)+IF('Standard Profiles'!$G$21=$B$17,14,0)+IF('Standard Profiles'!$G$21=$B$24,21,0),0)),0)</f>
        <v>0</v>
      </c>
      <c r="H8117" cm="1">
        <f t="array" ref="H8117">IFERROR(INDEX(Jesper!AL$2:AL$366,ROUNDDOWN($C8117/24,0)+1,1)*INDEX($D$3:$AA$30,INDEX(Jesper!$R$2:$R$366,ROW(INDEX(Jesper!AL$2:AL$366,ROUNDDOWN($C8117/24,0)+1,1))-1)+IF('Standard Profiles'!$G$22=$B$10,7,0)+IF('Standard Profiles'!$G$22=$B$17,14,0)+IF('Standard Profiles'!$G$22=$B$24,21,0),MOD($C8117,24)+1)/SUM(INDEX($D$3:$AA$30,INDEX(Jesper!$R$2:$R$366,ROW(INDEX(Jesper!AL$2:AL$366,ROUNDDOWN($C8117/24,0)+1,1))-1)+IF('Standard Profiles'!$G$22=$B$10,7,0)+IF('Standard Profiles'!$G$22=$B$17,14,0)+IF('Standard Profiles'!$G$22=$B$24,21,0),0)),0)</f>
        <v>0</v>
      </c>
      <c r="I8117">
        <f t="shared" si="902"/>
        <v>0.50071644292353601</v>
      </c>
      <c r="J8117">
        <f t="shared" si="903"/>
        <v>1.6690548097451203</v>
      </c>
      <c r="K8117">
        <f t="shared" si="904"/>
        <v>2.5035822146176803</v>
      </c>
      <c r="L8117">
        <f t="shared" si="905"/>
        <v>12.017194630164866</v>
      </c>
      <c r="M8117">
        <f t="shared" si="906"/>
        <v>0</v>
      </c>
      <c r="N8117" s="46">
        <f t="shared" si="907"/>
        <v>45628.791666647063</v>
      </c>
    </row>
    <row r="8118" spans="2:14" x14ac:dyDescent="0.3">
      <c r="B8118">
        <f t="shared" si="901"/>
        <v>1</v>
      </c>
      <c r="C8118" s="16">
        <v>8084</v>
      </c>
      <c r="D8118" cm="1">
        <f t="array" ref="D8118">IFERROR(INDEX(Jesper!AH$2:AH$366,ROUNDDOWN($C8118/24,0)+1,1)*INDEX($D$3:$AA$30,INDEX(Jesper!$R$2:$R$366,ROW(INDEX(Jesper!AH$2:AH$366,ROUNDDOWN($C8118/24,0)+1,1))-1)+IF('Standard Profiles'!$G$18=$B$10,7,0)+IF('Standard Profiles'!$G$18=$B$17,14,0)+IF('Standard Profiles'!$G$18=$B$24,21,0),MOD($C8118,24)+1)/SUM(INDEX($D$3:$AA$30,INDEX(Jesper!$R$2:$R$366,ROW(INDEX(Jesper!AH$2:AH$366,ROUNDDOWN($C8118/24,0)+1,1))-1)+IF('Standard Profiles'!$G$18=$B$10,7,0)+IF('Standard Profiles'!$G$18=$B$17,14,0)+IF('Standard Profiles'!$G$18=$B$24,21,0),0)),0)</f>
        <v>13.70119619940024</v>
      </c>
      <c r="E8118" cm="1">
        <f t="array" ref="E8118">IFERROR(INDEX(Jesper!AI$2:AI$366,ROUNDDOWN($C8118/24,0)+1,1)*INDEX($D$3:$AA$30,INDEX(Jesper!$R$2:$R$366,ROW(INDEX(Jesper!AI$2:AI$366,ROUNDDOWN($C8118/24,0)+1,1))-1)+IF('Standard Profiles'!$G$19=$B$10,7,0)+IF('Standard Profiles'!$G$19=$B$17,14,0)+IF('Standard Profiles'!$G$19=$B$24,21,0),MOD($C8118,24)+1)/SUM(INDEX($D$3:$AA$30,INDEX(Jesper!$R$2:$R$366,ROW(INDEX(Jesper!AI$2:AI$366,ROUNDDOWN($C8118/24,0)+1,1))-1)+IF('Standard Profiles'!$G$19=$B$10,7,0)+IF('Standard Profiles'!$G$19=$B$17,14,0)+IF('Standard Profiles'!$G$19=$B$24,21,0),0)),0)</f>
        <v>0</v>
      </c>
      <c r="F8118" cm="1">
        <f t="array" ref="F8118">IFERROR(INDEX(Jesper!AJ$2:AJ$366,ROUNDDOWN($C8118/24,0)+1,1)*INDEX($D$3:$AA$30,INDEX(Jesper!$R$2:$R$366,ROW(INDEX(Jesper!AJ$2:AJ$366,ROUNDDOWN($C8118/24,0)+1,1))-1)+IF('Standard Profiles'!$G$20=$B$10,7,0)+IF('Standard Profiles'!$G$20=$B$17,14,0)+IF('Standard Profiles'!$G$20=$B$24,21,0),MOD($C8118,24)+1)/SUM(INDEX($D$3:$AA$30,INDEX(Jesper!$R$2:$R$366,ROW(INDEX(Jesper!AJ$2:AJ$366,ROUNDDOWN($C8118/24,0)+1,1))-1)+IF('Standard Profiles'!$G$20=$B$10,7,0)+IF('Standard Profiles'!$G$20=$B$17,14,0)+IF('Standard Profiles'!$G$20=$B$24,21,0),0)),0)</f>
        <v>0</v>
      </c>
      <c r="G8118" cm="1">
        <f t="array" ref="G8118">IFERROR(INDEX(Jesper!AK$2:AK$366,ROUNDDOWN($C8118/24,0)+1,1)*INDEX($D$3:$AA$30,INDEX(Jesper!$R$2:$R$366,ROW(INDEX(Jesper!AK$2:AK$366,ROUNDDOWN($C8118/24,0)+1,1))-1)+IF('Standard Profiles'!$G$21=$B$10,7,0)+IF('Standard Profiles'!$G$21=$B$17,14,0)+IF('Standard Profiles'!$G$21=$B$24,21,0),MOD($C8118,24)+1)/SUM(INDEX($D$3:$AA$30,INDEX(Jesper!$R$2:$R$366,ROW(INDEX(Jesper!AK$2:AK$366,ROUNDDOWN($C8118/24,0)+1,1))-1)+IF('Standard Profiles'!$G$21=$B$10,7,0)+IF('Standard Profiles'!$G$21=$B$17,14,0)+IF('Standard Profiles'!$G$21=$B$24,21,0),0)),0)</f>
        <v>0</v>
      </c>
      <c r="H8118" cm="1">
        <f t="array" ref="H8118">IFERROR(INDEX(Jesper!AL$2:AL$366,ROUNDDOWN($C8118/24,0)+1,1)*INDEX($D$3:$AA$30,INDEX(Jesper!$R$2:$R$366,ROW(INDEX(Jesper!AL$2:AL$366,ROUNDDOWN($C8118/24,0)+1,1))-1)+IF('Standard Profiles'!$G$22=$B$10,7,0)+IF('Standard Profiles'!$G$22=$B$17,14,0)+IF('Standard Profiles'!$G$22=$B$24,21,0),MOD($C8118,24)+1)/SUM(INDEX($D$3:$AA$30,INDEX(Jesper!$R$2:$R$366,ROW(INDEX(Jesper!AL$2:AL$366,ROUNDDOWN($C8118/24,0)+1,1))-1)+IF('Standard Profiles'!$G$22=$B$10,7,0)+IF('Standard Profiles'!$G$22=$B$17,14,0)+IF('Standard Profiles'!$G$22=$B$24,21,0),0)),0)</f>
        <v>0</v>
      </c>
      <c r="I8118">
        <f t="shared" si="902"/>
        <v>0.41103588598200719</v>
      </c>
      <c r="J8118">
        <f t="shared" si="903"/>
        <v>1.3701196199400241</v>
      </c>
      <c r="K8118">
        <f t="shared" si="904"/>
        <v>2.0551794299100359</v>
      </c>
      <c r="L8118">
        <f t="shared" si="905"/>
        <v>9.8648612635681729</v>
      </c>
      <c r="M8118">
        <f t="shared" si="906"/>
        <v>0</v>
      </c>
      <c r="N8118" s="46">
        <f t="shared" si="907"/>
        <v>45628.833333313727</v>
      </c>
    </row>
    <row r="8119" spans="2:14" x14ac:dyDescent="0.3">
      <c r="B8119">
        <f t="shared" si="901"/>
        <v>1</v>
      </c>
      <c r="C8119" s="16">
        <v>8085</v>
      </c>
      <c r="D8119" cm="1">
        <f t="array" ref="D8119">IFERROR(INDEX(Jesper!AH$2:AH$366,ROUNDDOWN($C8119/24,0)+1,1)*INDEX($D$3:$AA$30,INDEX(Jesper!$R$2:$R$366,ROW(INDEX(Jesper!AH$2:AH$366,ROUNDDOWN($C8119/24,0)+1,1))-1)+IF('Standard Profiles'!$G$18=$B$10,7,0)+IF('Standard Profiles'!$G$18=$B$17,14,0)+IF('Standard Profiles'!$G$18=$B$24,21,0),MOD($C8119,24)+1)/SUM(INDEX($D$3:$AA$30,INDEX(Jesper!$R$2:$R$366,ROW(INDEX(Jesper!AH$2:AH$366,ROUNDDOWN($C8119/24,0)+1,1))-1)+IF('Standard Profiles'!$G$18=$B$10,7,0)+IF('Standard Profiles'!$G$18=$B$17,14,0)+IF('Standard Profiles'!$G$18=$B$24,21,0),0)),0)</f>
        <v>9.9645063268365384</v>
      </c>
      <c r="E8119" cm="1">
        <f t="array" ref="E8119">IFERROR(INDEX(Jesper!AI$2:AI$366,ROUNDDOWN($C8119/24,0)+1,1)*INDEX($D$3:$AA$30,INDEX(Jesper!$R$2:$R$366,ROW(INDEX(Jesper!AI$2:AI$366,ROUNDDOWN($C8119/24,0)+1,1))-1)+IF('Standard Profiles'!$G$19=$B$10,7,0)+IF('Standard Profiles'!$G$19=$B$17,14,0)+IF('Standard Profiles'!$G$19=$B$24,21,0),MOD($C8119,24)+1)/SUM(INDEX($D$3:$AA$30,INDEX(Jesper!$R$2:$R$366,ROW(INDEX(Jesper!AI$2:AI$366,ROUNDDOWN($C8119/24,0)+1,1))-1)+IF('Standard Profiles'!$G$19=$B$10,7,0)+IF('Standard Profiles'!$G$19=$B$17,14,0)+IF('Standard Profiles'!$G$19=$B$24,21,0),0)),0)</f>
        <v>0</v>
      </c>
      <c r="F8119" cm="1">
        <f t="array" ref="F8119">IFERROR(INDEX(Jesper!AJ$2:AJ$366,ROUNDDOWN($C8119/24,0)+1,1)*INDEX($D$3:$AA$30,INDEX(Jesper!$R$2:$R$366,ROW(INDEX(Jesper!AJ$2:AJ$366,ROUNDDOWN($C8119/24,0)+1,1))-1)+IF('Standard Profiles'!$G$20=$B$10,7,0)+IF('Standard Profiles'!$G$20=$B$17,14,0)+IF('Standard Profiles'!$G$20=$B$24,21,0),MOD($C8119,24)+1)/SUM(INDEX($D$3:$AA$30,INDEX(Jesper!$R$2:$R$366,ROW(INDEX(Jesper!AJ$2:AJ$366,ROUNDDOWN($C8119/24,0)+1,1))-1)+IF('Standard Profiles'!$G$20=$B$10,7,0)+IF('Standard Profiles'!$G$20=$B$17,14,0)+IF('Standard Profiles'!$G$20=$B$24,21,0),0)),0)</f>
        <v>0</v>
      </c>
      <c r="G8119" cm="1">
        <f t="array" ref="G8119">IFERROR(INDEX(Jesper!AK$2:AK$366,ROUNDDOWN($C8119/24,0)+1,1)*INDEX($D$3:$AA$30,INDEX(Jesper!$R$2:$R$366,ROW(INDEX(Jesper!AK$2:AK$366,ROUNDDOWN($C8119/24,0)+1,1))-1)+IF('Standard Profiles'!$G$21=$B$10,7,0)+IF('Standard Profiles'!$G$21=$B$17,14,0)+IF('Standard Profiles'!$G$21=$B$24,21,0),MOD($C8119,24)+1)/SUM(INDEX($D$3:$AA$30,INDEX(Jesper!$R$2:$R$366,ROW(INDEX(Jesper!AK$2:AK$366,ROUNDDOWN($C8119/24,0)+1,1))-1)+IF('Standard Profiles'!$G$21=$B$10,7,0)+IF('Standard Profiles'!$G$21=$B$17,14,0)+IF('Standard Profiles'!$G$21=$B$24,21,0),0)),0)</f>
        <v>0</v>
      </c>
      <c r="H8119" cm="1">
        <f t="array" ref="H8119">IFERROR(INDEX(Jesper!AL$2:AL$366,ROUNDDOWN($C8119/24,0)+1,1)*INDEX($D$3:$AA$30,INDEX(Jesper!$R$2:$R$366,ROW(INDEX(Jesper!AL$2:AL$366,ROUNDDOWN($C8119/24,0)+1,1))-1)+IF('Standard Profiles'!$G$22=$B$10,7,0)+IF('Standard Profiles'!$G$22=$B$17,14,0)+IF('Standard Profiles'!$G$22=$B$24,21,0),MOD($C8119,24)+1)/SUM(INDEX($D$3:$AA$30,INDEX(Jesper!$R$2:$R$366,ROW(INDEX(Jesper!AL$2:AL$366,ROUNDDOWN($C8119/24,0)+1,1))-1)+IF('Standard Profiles'!$G$22=$B$10,7,0)+IF('Standard Profiles'!$G$22=$B$17,14,0)+IF('Standard Profiles'!$G$22=$B$24,21,0),0)),0)</f>
        <v>0</v>
      </c>
      <c r="I8119">
        <f t="shared" si="902"/>
        <v>0.29893518980509615</v>
      </c>
      <c r="J8119">
        <f t="shared" si="903"/>
        <v>0.99645063268365386</v>
      </c>
      <c r="K8119">
        <f t="shared" si="904"/>
        <v>1.4946759490254806</v>
      </c>
      <c r="L8119">
        <f t="shared" si="905"/>
        <v>7.1744445553223075</v>
      </c>
      <c r="M8119">
        <f t="shared" si="906"/>
        <v>0</v>
      </c>
      <c r="N8119" s="46">
        <f t="shared" si="907"/>
        <v>45628.874999980391</v>
      </c>
    </row>
    <row r="8120" spans="2:14" x14ac:dyDescent="0.3">
      <c r="B8120">
        <f t="shared" si="901"/>
        <v>1</v>
      </c>
      <c r="C8120" s="16">
        <v>8086</v>
      </c>
      <c r="D8120" cm="1">
        <f t="array" ref="D8120">IFERROR(INDEX(Jesper!AH$2:AH$366,ROUNDDOWN($C8120/24,0)+1,1)*INDEX($D$3:$AA$30,INDEX(Jesper!$R$2:$R$366,ROW(INDEX(Jesper!AH$2:AH$366,ROUNDDOWN($C8120/24,0)+1,1))-1)+IF('Standard Profiles'!$G$18=$B$10,7,0)+IF('Standard Profiles'!$G$18=$B$17,14,0)+IF('Standard Profiles'!$G$18=$B$24,21,0),MOD($C8120,24)+1)/SUM(INDEX($D$3:$AA$30,INDEX(Jesper!$R$2:$R$366,ROW(INDEX(Jesper!AH$2:AH$366,ROUNDDOWN($C8120/24,0)+1,1))-1)+IF('Standard Profiles'!$G$18=$B$10,7,0)+IF('Standard Profiles'!$G$18=$B$17,14,0)+IF('Standard Profiles'!$G$18=$B$24,21,0),0)),0)</f>
        <v>9.4662810104947113</v>
      </c>
      <c r="E8120" cm="1">
        <f t="array" ref="E8120">IFERROR(INDEX(Jesper!AI$2:AI$366,ROUNDDOWN($C8120/24,0)+1,1)*INDEX($D$3:$AA$30,INDEX(Jesper!$R$2:$R$366,ROW(INDEX(Jesper!AI$2:AI$366,ROUNDDOWN($C8120/24,0)+1,1))-1)+IF('Standard Profiles'!$G$19=$B$10,7,0)+IF('Standard Profiles'!$G$19=$B$17,14,0)+IF('Standard Profiles'!$G$19=$B$24,21,0),MOD($C8120,24)+1)/SUM(INDEX($D$3:$AA$30,INDEX(Jesper!$R$2:$R$366,ROW(INDEX(Jesper!AI$2:AI$366,ROUNDDOWN($C8120/24,0)+1,1))-1)+IF('Standard Profiles'!$G$19=$B$10,7,0)+IF('Standard Profiles'!$G$19=$B$17,14,0)+IF('Standard Profiles'!$G$19=$B$24,21,0),0)),0)</f>
        <v>0</v>
      </c>
      <c r="F8120" cm="1">
        <f t="array" ref="F8120">IFERROR(INDEX(Jesper!AJ$2:AJ$366,ROUNDDOWN($C8120/24,0)+1,1)*INDEX($D$3:$AA$30,INDEX(Jesper!$R$2:$R$366,ROW(INDEX(Jesper!AJ$2:AJ$366,ROUNDDOWN($C8120/24,0)+1,1))-1)+IF('Standard Profiles'!$G$20=$B$10,7,0)+IF('Standard Profiles'!$G$20=$B$17,14,0)+IF('Standard Profiles'!$G$20=$B$24,21,0),MOD($C8120,24)+1)/SUM(INDEX($D$3:$AA$30,INDEX(Jesper!$R$2:$R$366,ROW(INDEX(Jesper!AJ$2:AJ$366,ROUNDDOWN($C8120/24,0)+1,1))-1)+IF('Standard Profiles'!$G$20=$B$10,7,0)+IF('Standard Profiles'!$G$20=$B$17,14,0)+IF('Standard Profiles'!$G$20=$B$24,21,0),0)),0)</f>
        <v>0</v>
      </c>
      <c r="G8120" cm="1">
        <f t="array" ref="G8120">IFERROR(INDEX(Jesper!AK$2:AK$366,ROUNDDOWN($C8120/24,0)+1,1)*INDEX($D$3:$AA$30,INDEX(Jesper!$R$2:$R$366,ROW(INDEX(Jesper!AK$2:AK$366,ROUNDDOWN($C8120/24,0)+1,1))-1)+IF('Standard Profiles'!$G$21=$B$10,7,0)+IF('Standard Profiles'!$G$21=$B$17,14,0)+IF('Standard Profiles'!$G$21=$B$24,21,0),MOD($C8120,24)+1)/SUM(INDEX($D$3:$AA$30,INDEX(Jesper!$R$2:$R$366,ROW(INDEX(Jesper!AK$2:AK$366,ROUNDDOWN($C8120/24,0)+1,1))-1)+IF('Standard Profiles'!$G$21=$B$10,7,0)+IF('Standard Profiles'!$G$21=$B$17,14,0)+IF('Standard Profiles'!$G$21=$B$24,21,0),0)),0)</f>
        <v>0</v>
      </c>
      <c r="H8120" cm="1">
        <f t="array" ref="H8120">IFERROR(INDEX(Jesper!AL$2:AL$366,ROUNDDOWN($C8120/24,0)+1,1)*INDEX($D$3:$AA$30,INDEX(Jesper!$R$2:$R$366,ROW(INDEX(Jesper!AL$2:AL$366,ROUNDDOWN($C8120/24,0)+1,1))-1)+IF('Standard Profiles'!$G$22=$B$10,7,0)+IF('Standard Profiles'!$G$22=$B$17,14,0)+IF('Standard Profiles'!$G$22=$B$24,21,0),MOD($C8120,24)+1)/SUM(INDEX($D$3:$AA$30,INDEX(Jesper!$R$2:$R$366,ROW(INDEX(Jesper!AL$2:AL$366,ROUNDDOWN($C8120/24,0)+1,1))-1)+IF('Standard Profiles'!$G$22=$B$10,7,0)+IF('Standard Profiles'!$G$22=$B$17,14,0)+IF('Standard Profiles'!$G$22=$B$24,21,0),0)),0)</f>
        <v>0</v>
      </c>
      <c r="I8120">
        <f t="shared" si="902"/>
        <v>0.28398843031484133</v>
      </c>
      <c r="J8120">
        <f t="shared" si="903"/>
        <v>0.94662810104947115</v>
      </c>
      <c r="K8120">
        <f t="shared" si="904"/>
        <v>1.4199421515742066</v>
      </c>
      <c r="L8120">
        <f t="shared" si="905"/>
        <v>6.815722327556192</v>
      </c>
      <c r="M8120">
        <f t="shared" si="906"/>
        <v>0</v>
      </c>
      <c r="N8120" s="46">
        <f t="shared" si="907"/>
        <v>45628.916666647056</v>
      </c>
    </row>
    <row r="8121" spans="2:14" x14ac:dyDescent="0.3">
      <c r="B8121">
        <f t="shared" si="901"/>
        <v>1</v>
      </c>
      <c r="C8121" s="16">
        <v>8087</v>
      </c>
      <c r="D8121" cm="1">
        <f t="array" ref="D8121">IFERROR(INDEX(Jesper!AH$2:AH$366,ROUNDDOWN($C8121/24,0)+1,1)*INDEX($D$3:$AA$30,INDEX(Jesper!$R$2:$R$366,ROW(INDEX(Jesper!AH$2:AH$366,ROUNDDOWN($C8121/24,0)+1,1))-1)+IF('Standard Profiles'!$G$18=$B$10,7,0)+IF('Standard Profiles'!$G$18=$B$17,14,0)+IF('Standard Profiles'!$G$18=$B$24,21,0),MOD($C8121,24)+1)/SUM(INDEX($D$3:$AA$30,INDEX(Jesper!$R$2:$R$366,ROW(INDEX(Jesper!AH$2:AH$366,ROUNDDOWN($C8121/24,0)+1,1))-1)+IF('Standard Profiles'!$G$18=$B$10,7,0)+IF('Standard Profiles'!$G$18=$B$17,14,0)+IF('Standard Profiles'!$G$18=$B$24,21,0),0)),0)</f>
        <v>9.4662810104947113</v>
      </c>
      <c r="E8121" cm="1">
        <f t="array" ref="E8121">IFERROR(INDEX(Jesper!AI$2:AI$366,ROUNDDOWN($C8121/24,0)+1,1)*INDEX($D$3:$AA$30,INDEX(Jesper!$R$2:$R$366,ROW(INDEX(Jesper!AI$2:AI$366,ROUNDDOWN($C8121/24,0)+1,1))-1)+IF('Standard Profiles'!$G$19=$B$10,7,0)+IF('Standard Profiles'!$G$19=$B$17,14,0)+IF('Standard Profiles'!$G$19=$B$24,21,0),MOD($C8121,24)+1)/SUM(INDEX($D$3:$AA$30,INDEX(Jesper!$R$2:$R$366,ROW(INDEX(Jesper!AI$2:AI$366,ROUNDDOWN($C8121/24,0)+1,1))-1)+IF('Standard Profiles'!$G$19=$B$10,7,0)+IF('Standard Profiles'!$G$19=$B$17,14,0)+IF('Standard Profiles'!$G$19=$B$24,21,0),0)),0)</f>
        <v>0</v>
      </c>
      <c r="F8121" cm="1">
        <f t="array" ref="F8121">IFERROR(INDEX(Jesper!AJ$2:AJ$366,ROUNDDOWN($C8121/24,0)+1,1)*INDEX($D$3:$AA$30,INDEX(Jesper!$R$2:$R$366,ROW(INDEX(Jesper!AJ$2:AJ$366,ROUNDDOWN($C8121/24,0)+1,1))-1)+IF('Standard Profiles'!$G$20=$B$10,7,0)+IF('Standard Profiles'!$G$20=$B$17,14,0)+IF('Standard Profiles'!$G$20=$B$24,21,0),MOD($C8121,24)+1)/SUM(INDEX($D$3:$AA$30,INDEX(Jesper!$R$2:$R$366,ROW(INDEX(Jesper!AJ$2:AJ$366,ROUNDDOWN($C8121/24,0)+1,1))-1)+IF('Standard Profiles'!$G$20=$B$10,7,0)+IF('Standard Profiles'!$G$20=$B$17,14,0)+IF('Standard Profiles'!$G$20=$B$24,21,0),0)),0)</f>
        <v>0</v>
      </c>
      <c r="G8121" cm="1">
        <f t="array" ref="G8121">IFERROR(INDEX(Jesper!AK$2:AK$366,ROUNDDOWN($C8121/24,0)+1,1)*INDEX($D$3:$AA$30,INDEX(Jesper!$R$2:$R$366,ROW(INDEX(Jesper!AK$2:AK$366,ROUNDDOWN($C8121/24,0)+1,1))-1)+IF('Standard Profiles'!$G$21=$B$10,7,0)+IF('Standard Profiles'!$G$21=$B$17,14,0)+IF('Standard Profiles'!$G$21=$B$24,21,0),MOD($C8121,24)+1)/SUM(INDEX($D$3:$AA$30,INDEX(Jesper!$R$2:$R$366,ROW(INDEX(Jesper!AK$2:AK$366,ROUNDDOWN($C8121/24,0)+1,1))-1)+IF('Standard Profiles'!$G$21=$B$10,7,0)+IF('Standard Profiles'!$G$21=$B$17,14,0)+IF('Standard Profiles'!$G$21=$B$24,21,0),0)),0)</f>
        <v>0</v>
      </c>
      <c r="H8121" cm="1">
        <f t="array" ref="H8121">IFERROR(INDEX(Jesper!AL$2:AL$366,ROUNDDOWN($C8121/24,0)+1,1)*INDEX($D$3:$AA$30,INDEX(Jesper!$R$2:$R$366,ROW(INDEX(Jesper!AL$2:AL$366,ROUNDDOWN($C8121/24,0)+1,1))-1)+IF('Standard Profiles'!$G$22=$B$10,7,0)+IF('Standard Profiles'!$G$22=$B$17,14,0)+IF('Standard Profiles'!$G$22=$B$24,21,0),MOD($C8121,24)+1)/SUM(INDEX($D$3:$AA$30,INDEX(Jesper!$R$2:$R$366,ROW(INDEX(Jesper!AL$2:AL$366,ROUNDDOWN($C8121/24,0)+1,1))-1)+IF('Standard Profiles'!$G$22=$B$10,7,0)+IF('Standard Profiles'!$G$22=$B$17,14,0)+IF('Standard Profiles'!$G$22=$B$24,21,0),0)),0)</f>
        <v>0</v>
      </c>
      <c r="I8121">
        <f t="shared" si="902"/>
        <v>0.28398843031484133</v>
      </c>
      <c r="J8121">
        <f t="shared" si="903"/>
        <v>0.94662810104947115</v>
      </c>
      <c r="K8121">
        <f t="shared" si="904"/>
        <v>1.4199421515742066</v>
      </c>
      <c r="L8121">
        <f t="shared" si="905"/>
        <v>6.815722327556192</v>
      </c>
      <c r="M8121">
        <f t="shared" si="906"/>
        <v>0</v>
      </c>
      <c r="N8121" s="46">
        <f t="shared" si="907"/>
        <v>45628.95833331372</v>
      </c>
    </row>
    <row r="8122" spans="2:14" x14ac:dyDescent="0.3">
      <c r="B8122">
        <f t="shared" si="901"/>
        <v>2</v>
      </c>
      <c r="C8122" s="16">
        <v>8088</v>
      </c>
      <c r="D8122" cm="1">
        <f t="array" ref="D8122">IFERROR(INDEX(Jesper!AH$2:AH$366,ROUNDDOWN($C8122/24,0)+1,1)*INDEX($D$3:$AA$30,INDEX(Jesper!$R$2:$R$366,ROW(INDEX(Jesper!AH$2:AH$366,ROUNDDOWN($C8122/24,0)+1,1))-1)+IF('Standard Profiles'!$G$18=$B$10,7,0)+IF('Standard Profiles'!$G$18=$B$17,14,0)+IF('Standard Profiles'!$G$18=$B$24,21,0),MOD($C8122,24)+1)/SUM(INDEX($D$3:$AA$30,INDEX(Jesper!$R$2:$R$366,ROW(INDEX(Jesper!AH$2:AH$366,ROUNDDOWN($C8122/24,0)+1,1))-1)+IF('Standard Profiles'!$G$18=$B$10,7,0)+IF('Standard Profiles'!$G$18=$B$17,14,0)+IF('Standard Profiles'!$G$18=$B$24,21,0),0)),0)</f>
        <v>8.7525698673903509</v>
      </c>
      <c r="E8122" cm="1">
        <f t="array" ref="E8122">IFERROR(INDEX(Jesper!AI$2:AI$366,ROUNDDOWN($C8122/24,0)+1,1)*INDEX($D$3:$AA$30,INDEX(Jesper!$R$2:$R$366,ROW(INDEX(Jesper!AI$2:AI$366,ROUNDDOWN($C8122/24,0)+1,1))-1)+IF('Standard Profiles'!$G$19=$B$10,7,0)+IF('Standard Profiles'!$G$19=$B$17,14,0)+IF('Standard Profiles'!$G$19=$B$24,21,0),MOD($C8122,24)+1)/SUM(INDEX($D$3:$AA$30,INDEX(Jesper!$R$2:$R$366,ROW(INDEX(Jesper!AI$2:AI$366,ROUNDDOWN($C8122/24,0)+1,1))-1)+IF('Standard Profiles'!$G$19=$B$10,7,0)+IF('Standard Profiles'!$G$19=$B$17,14,0)+IF('Standard Profiles'!$G$19=$B$24,21,0),0)),0)</f>
        <v>0</v>
      </c>
      <c r="F8122" cm="1">
        <f t="array" ref="F8122">IFERROR(INDEX(Jesper!AJ$2:AJ$366,ROUNDDOWN($C8122/24,0)+1,1)*INDEX($D$3:$AA$30,INDEX(Jesper!$R$2:$R$366,ROW(INDEX(Jesper!AJ$2:AJ$366,ROUNDDOWN($C8122/24,0)+1,1))-1)+IF('Standard Profiles'!$G$20=$B$10,7,0)+IF('Standard Profiles'!$G$20=$B$17,14,0)+IF('Standard Profiles'!$G$20=$B$24,21,0),MOD($C8122,24)+1)/SUM(INDEX($D$3:$AA$30,INDEX(Jesper!$R$2:$R$366,ROW(INDEX(Jesper!AJ$2:AJ$366,ROUNDDOWN($C8122/24,0)+1,1))-1)+IF('Standard Profiles'!$G$20=$B$10,7,0)+IF('Standard Profiles'!$G$20=$B$17,14,0)+IF('Standard Profiles'!$G$20=$B$24,21,0),0)),0)</f>
        <v>0</v>
      </c>
      <c r="G8122" cm="1">
        <f t="array" ref="G8122">IFERROR(INDEX(Jesper!AK$2:AK$366,ROUNDDOWN($C8122/24,0)+1,1)*INDEX($D$3:$AA$30,INDEX(Jesper!$R$2:$R$366,ROW(INDEX(Jesper!AK$2:AK$366,ROUNDDOWN($C8122/24,0)+1,1))-1)+IF('Standard Profiles'!$G$21=$B$10,7,0)+IF('Standard Profiles'!$G$21=$B$17,14,0)+IF('Standard Profiles'!$G$21=$B$24,21,0),MOD($C8122,24)+1)/SUM(INDEX($D$3:$AA$30,INDEX(Jesper!$R$2:$R$366,ROW(INDEX(Jesper!AK$2:AK$366,ROUNDDOWN($C8122/24,0)+1,1))-1)+IF('Standard Profiles'!$G$21=$B$10,7,0)+IF('Standard Profiles'!$G$21=$B$17,14,0)+IF('Standard Profiles'!$G$21=$B$24,21,0),0)),0)</f>
        <v>0</v>
      </c>
      <c r="H8122" cm="1">
        <f t="array" ref="H8122">IFERROR(INDEX(Jesper!AL$2:AL$366,ROUNDDOWN($C8122/24,0)+1,1)*INDEX($D$3:$AA$30,INDEX(Jesper!$R$2:$R$366,ROW(INDEX(Jesper!AL$2:AL$366,ROUNDDOWN($C8122/24,0)+1,1))-1)+IF('Standard Profiles'!$G$22=$B$10,7,0)+IF('Standard Profiles'!$G$22=$B$17,14,0)+IF('Standard Profiles'!$G$22=$B$24,21,0),MOD($C8122,24)+1)/SUM(INDEX($D$3:$AA$30,INDEX(Jesper!$R$2:$R$366,ROW(INDEX(Jesper!AL$2:AL$366,ROUNDDOWN($C8122/24,0)+1,1))-1)+IF('Standard Profiles'!$G$22=$B$10,7,0)+IF('Standard Profiles'!$G$22=$B$17,14,0)+IF('Standard Profiles'!$G$22=$B$24,21,0),0)),0)</f>
        <v>0</v>
      </c>
      <c r="I8122">
        <f t="shared" si="902"/>
        <v>0.26257709602171053</v>
      </c>
      <c r="J8122">
        <f t="shared" si="903"/>
        <v>0.87525698673903518</v>
      </c>
      <c r="K8122">
        <f t="shared" si="904"/>
        <v>1.3128854801085525</v>
      </c>
      <c r="L8122">
        <f t="shared" si="905"/>
        <v>6.3018503045210528</v>
      </c>
      <c r="M8122">
        <f t="shared" si="906"/>
        <v>0</v>
      </c>
      <c r="N8122" s="46">
        <f t="shared" si="907"/>
        <v>45628.999999980384</v>
      </c>
    </row>
    <row r="8123" spans="2:14" x14ac:dyDescent="0.3">
      <c r="B8123">
        <f t="shared" si="901"/>
        <v>2</v>
      </c>
      <c r="C8123" s="16">
        <v>8089</v>
      </c>
      <c r="D8123" cm="1">
        <f t="array" ref="D8123">IFERROR(INDEX(Jesper!AH$2:AH$366,ROUNDDOWN($C8123/24,0)+1,1)*INDEX($D$3:$AA$30,INDEX(Jesper!$R$2:$R$366,ROW(INDEX(Jesper!AH$2:AH$366,ROUNDDOWN($C8123/24,0)+1,1))-1)+IF('Standard Profiles'!$G$18=$B$10,7,0)+IF('Standard Profiles'!$G$18=$B$17,14,0)+IF('Standard Profiles'!$G$18=$B$24,21,0),MOD($C8123,24)+1)/SUM(INDEX($D$3:$AA$30,INDEX(Jesper!$R$2:$R$366,ROW(INDEX(Jesper!AH$2:AH$366,ROUNDDOWN($C8123/24,0)+1,1))-1)+IF('Standard Profiles'!$G$18=$B$10,7,0)+IF('Standard Profiles'!$G$18=$B$17,14,0)+IF('Standard Profiles'!$G$18=$B$24,21,0),0)),0)</f>
        <v>8.7525698673903509</v>
      </c>
      <c r="E8123" cm="1">
        <f t="array" ref="E8123">IFERROR(INDEX(Jesper!AI$2:AI$366,ROUNDDOWN($C8123/24,0)+1,1)*INDEX($D$3:$AA$30,INDEX(Jesper!$R$2:$R$366,ROW(INDEX(Jesper!AI$2:AI$366,ROUNDDOWN($C8123/24,0)+1,1))-1)+IF('Standard Profiles'!$G$19=$B$10,7,0)+IF('Standard Profiles'!$G$19=$B$17,14,0)+IF('Standard Profiles'!$G$19=$B$24,21,0),MOD($C8123,24)+1)/SUM(INDEX($D$3:$AA$30,INDEX(Jesper!$R$2:$R$366,ROW(INDEX(Jesper!AI$2:AI$366,ROUNDDOWN($C8123/24,0)+1,1))-1)+IF('Standard Profiles'!$G$19=$B$10,7,0)+IF('Standard Profiles'!$G$19=$B$17,14,0)+IF('Standard Profiles'!$G$19=$B$24,21,0),0)),0)</f>
        <v>0</v>
      </c>
      <c r="F8123" cm="1">
        <f t="array" ref="F8123">IFERROR(INDEX(Jesper!AJ$2:AJ$366,ROUNDDOWN($C8123/24,0)+1,1)*INDEX($D$3:$AA$30,INDEX(Jesper!$R$2:$R$366,ROW(INDEX(Jesper!AJ$2:AJ$366,ROUNDDOWN($C8123/24,0)+1,1))-1)+IF('Standard Profiles'!$G$20=$B$10,7,0)+IF('Standard Profiles'!$G$20=$B$17,14,0)+IF('Standard Profiles'!$G$20=$B$24,21,0),MOD($C8123,24)+1)/SUM(INDEX($D$3:$AA$30,INDEX(Jesper!$R$2:$R$366,ROW(INDEX(Jesper!AJ$2:AJ$366,ROUNDDOWN($C8123/24,0)+1,1))-1)+IF('Standard Profiles'!$G$20=$B$10,7,0)+IF('Standard Profiles'!$G$20=$B$17,14,0)+IF('Standard Profiles'!$G$20=$B$24,21,0),0)),0)</f>
        <v>0</v>
      </c>
      <c r="G8123" cm="1">
        <f t="array" ref="G8123">IFERROR(INDEX(Jesper!AK$2:AK$366,ROUNDDOWN($C8123/24,0)+1,1)*INDEX($D$3:$AA$30,INDEX(Jesper!$R$2:$R$366,ROW(INDEX(Jesper!AK$2:AK$366,ROUNDDOWN($C8123/24,0)+1,1))-1)+IF('Standard Profiles'!$G$21=$B$10,7,0)+IF('Standard Profiles'!$G$21=$B$17,14,0)+IF('Standard Profiles'!$G$21=$B$24,21,0),MOD($C8123,24)+1)/SUM(INDEX($D$3:$AA$30,INDEX(Jesper!$R$2:$R$366,ROW(INDEX(Jesper!AK$2:AK$366,ROUNDDOWN($C8123/24,0)+1,1))-1)+IF('Standard Profiles'!$G$21=$B$10,7,0)+IF('Standard Profiles'!$G$21=$B$17,14,0)+IF('Standard Profiles'!$G$21=$B$24,21,0),0)),0)</f>
        <v>0</v>
      </c>
      <c r="H8123" cm="1">
        <f t="array" ref="H8123">IFERROR(INDEX(Jesper!AL$2:AL$366,ROUNDDOWN($C8123/24,0)+1,1)*INDEX($D$3:$AA$30,INDEX(Jesper!$R$2:$R$366,ROW(INDEX(Jesper!AL$2:AL$366,ROUNDDOWN($C8123/24,0)+1,1))-1)+IF('Standard Profiles'!$G$22=$B$10,7,0)+IF('Standard Profiles'!$G$22=$B$17,14,0)+IF('Standard Profiles'!$G$22=$B$24,21,0),MOD($C8123,24)+1)/SUM(INDEX($D$3:$AA$30,INDEX(Jesper!$R$2:$R$366,ROW(INDEX(Jesper!AL$2:AL$366,ROUNDDOWN($C8123/24,0)+1,1))-1)+IF('Standard Profiles'!$G$22=$B$10,7,0)+IF('Standard Profiles'!$G$22=$B$17,14,0)+IF('Standard Profiles'!$G$22=$B$24,21,0),0)),0)</f>
        <v>0</v>
      </c>
      <c r="I8123">
        <f t="shared" si="902"/>
        <v>0.26257709602171053</v>
      </c>
      <c r="J8123">
        <f t="shared" si="903"/>
        <v>0.87525698673903518</v>
      </c>
      <c r="K8123">
        <f t="shared" si="904"/>
        <v>1.3128854801085525</v>
      </c>
      <c r="L8123">
        <f t="shared" si="905"/>
        <v>6.3018503045210528</v>
      </c>
      <c r="M8123">
        <f t="shared" si="906"/>
        <v>0</v>
      </c>
      <c r="N8123" s="46">
        <f t="shared" si="907"/>
        <v>45629.041666647048</v>
      </c>
    </row>
    <row r="8124" spans="2:14" x14ac:dyDescent="0.3">
      <c r="B8124">
        <f t="shared" si="901"/>
        <v>2</v>
      </c>
      <c r="C8124" s="16">
        <v>8090</v>
      </c>
      <c r="D8124" cm="1">
        <f t="array" ref="D8124">IFERROR(INDEX(Jesper!AH$2:AH$366,ROUNDDOWN($C8124/24,0)+1,1)*INDEX($D$3:$AA$30,INDEX(Jesper!$R$2:$R$366,ROW(INDEX(Jesper!AH$2:AH$366,ROUNDDOWN($C8124/24,0)+1,1))-1)+IF('Standard Profiles'!$G$18=$B$10,7,0)+IF('Standard Profiles'!$G$18=$B$17,14,0)+IF('Standard Profiles'!$G$18=$B$24,21,0),MOD($C8124,24)+1)/SUM(INDEX($D$3:$AA$30,INDEX(Jesper!$R$2:$R$366,ROW(INDEX(Jesper!AH$2:AH$366,ROUNDDOWN($C8124/24,0)+1,1))-1)+IF('Standard Profiles'!$G$18=$B$10,7,0)+IF('Standard Profiles'!$G$18=$B$17,14,0)+IF('Standard Profiles'!$G$18=$B$24,21,0),0)),0)</f>
        <v>8.7525698673903509</v>
      </c>
      <c r="E8124" cm="1">
        <f t="array" ref="E8124">IFERROR(INDEX(Jesper!AI$2:AI$366,ROUNDDOWN($C8124/24,0)+1,1)*INDEX($D$3:$AA$30,INDEX(Jesper!$R$2:$R$366,ROW(INDEX(Jesper!AI$2:AI$366,ROUNDDOWN($C8124/24,0)+1,1))-1)+IF('Standard Profiles'!$G$19=$B$10,7,0)+IF('Standard Profiles'!$G$19=$B$17,14,0)+IF('Standard Profiles'!$G$19=$B$24,21,0),MOD($C8124,24)+1)/SUM(INDEX($D$3:$AA$30,INDEX(Jesper!$R$2:$R$366,ROW(INDEX(Jesper!AI$2:AI$366,ROUNDDOWN($C8124/24,0)+1,1))-1)+IF('Standard Profiles'!$G$19=$B$10,7,0)+IF('Standard Profiles'!$G$19=$B$17,14,0)+IF('Standard Profiles'!$G$19=$B$24,21,0),0)),0)</f>
        <v>0</v>
      </c>
      <c r="F8124" cm="1">
        <f t="array" ref="F8124">IFERROR(INDEX(Jesper!AJ$2:AJ$366,ROUNDDOWN($C8124/24,0)+1,1)*INDEX($D$3:$AA$30,INDEX(Jesper!$R$2:$R$366,ROW(INDEX(Jesper!AJ$2:AJ$366,ROUNDDOWN($C8124/24,0)+1,1))-1)+IF('Standard Profiles'!$G$20=$B$10,7,0)+IF('Standard Profiles'!$G$20=$B$17,14,0)+IF('Standard Profiles'!$G$20=$B$24,21,0),MOD($C8124,24)+1)/SUM(INDEX($D$3:$AA$30,INDEX(Jesper!$R$2:$R$366,ROW(INDEX(Jesper!AJ$2:AJ$366,ROUNDDOWN($C8124/24,0)+1,1))-1)+IF('Standard Profiles'!$G$20=$B$10,7,0)+IF('Standard Profiles'!$G$20=$B$17,14,0)+IF('Standard Profiles'!$G$20=$B$24,21,0),0)),0)</f>
        <v>0</v>
      </c>
      <c r="G8124" cm="1">
        <f t="array" ref="G8124">IFERROR(INDEX(Jesper!AK$2:AK$366,ROUNDDOWN($C8124/24,0)+1,1)*INDEX($D$3:$AA$30,INDEX(Jesper!$R$2:$R$366,ROW(INDEX(Jesper!AK$2:AK$366,ROUNDDOWN($C8124/24,0)+1,1))-1)+IF('Standard Profiles'!$G$21=$B$10,7,0)+IF('Standard Profiles'!$G$21=$B$17,14,0)+IF('Standard Profiles'!$G$21=$B$24,21,0),MOD($C8124,24)+1)/SUM(INDEX($D$3:$AA$30,INDEX(Jesper!$R$2:$R$366,ROW(INDEX(Jesper!AK$2:AK$366,ROUNDDOWN($C8124/24,0)+1,1))-1)+IF('Standard Profiles'!$G$21=$B$10,7,0)+IF('Standard Profiles'!$G$21=$B$17,14,0)+IF('Standard Profiles'!$G$21=$B$24,21,0),0)),0)</f>
        <v>0</v>
      </c>
      <c r="H8124" cm="1">
        <f t="array" ref="H8124">IFERROR(INDEX(Jesper!AL$2:AL$366,ROUNDDOWN($C8124/24,0)+1,1)*INDEX($D$3:$AA$30,INDEX(Jesper!$R$2:$R$366,ROW(INDEX(Jesper!AL$2:AL$366,ROUNDDOWN($C8124/24,0)+1,1))-1)+IF('Standard Profiles'!$G$22=$B$10,7,0)+IF('Standard Profiles'!$G$22=$B$17,14,0)+IF('Standard Profiles'!$G$22=$B$24,21,0),MOD($C8124,24)+1)/SUM(INDEX($D$3:$AA$30,INDEX(Jesper!$R$2:$R$366,ROW(INDEX(Jesper!AL$2:AL$366,ROUNDDOWN($C8124/24,0)+1,1))-1)+IF('Standard Profiles'!$G$22=$B$10,7,0)+IF('Standard Profiles'!$G$22=$B$17,14,0)+IF('Standard Profiles'!$G$22=$B$24,21,0),0)),0)</f>
        <v>0</v>
      </c>
      <c r="I8124">
        <f t="shared" si="902"/>
        <v>0.26257709602171053</v>
      </c>
      <c r="J8124">
        <f t="shared" si="903"/>
        <v>0.87525698673903518</v>
      </c>
      <c r="K8124">
        <f t="shared" si="904"/>
        <v>1.3128854801085525</v>
      </c>
      <c r="L8124">
        <f t="shared" si="905"/>
        <v>6.3018503045210528</v>
      </c>
      <c r="M8124">
        <f t="shared" si="906"/>
        <v>0</v>
      </c>
      <c r="N8124" s="46">
        <f t="shared" si="907"/>
        <v>45629.083333313713</v>
      </c>
    </row>
    <row r="8125" spans="2:14" x14ac:dyDescent="0.3">
      <c r="B8125">
        <f t="shared" si="901"/>
        <v>2</v>
      </c>
      <c r="C8125" s="16">
        <v>8091</v>
      </c>
      <c r="D8125" cm="1">
        <f t="array" ref="D8125">IFERROR(INDEX(Jesper!AH$2:AH$366,ROUNDDOWN($C8125/24,0)+1,1)*INDEX($D$3:$AA$30,INDEX(Jesper!$R$2:$R$366,ROW(INDEX(Jesper!AH$2:AH$366,ROUNDDOWN($C8125/24,0)+1,1))-1)+IF('Standard Profiles'!$G$18=$B$10,7,0)+IF('Standard Profiles'!$G$18=$B$17,14,0)+IF('Standard Profiles'!$G$18=$B$24,21,0),MOD($C8125,24)+1)/SUM(INDEX($D$3:$AA$30,INDEX(Jesper!$R$2:$R$366,ROW(INDEX(Jesper!AH$2:AH$366,ROUNDDOWN($C8125/24,0)+1,1))-1)+IF('Standard Profiles'!$G$18=$B$10,7,0)+IF('Standard Profiles'!$G$18=$B$17,14,0)+IF('Standard Profiles'!$G$18=$B$24,21,0),0)),0)</f>
        <v>8.7525698673903509</v>
      </c>
      <c r="E8125" cm="1">
        <f t="array" ref="E8125">IFERROR(INDEX(Jesper!AI$2:AI$366,ROUNDDOWN($C8125/24,0)+1,1)*INDEX($D$3:$AA$30,INDEX(Jesper!$R$2:$R$366,ROW(INDEX(Jesper!AI$2:AI$366,ROUNDDOWN($C8125/24,0)+1,1))-1)+IF('Standard Profiles'!$G$19=$B$10,7,0)+IF('Standard Profiles'!$G$19=$B$17,14,0)+IF('Standard Profiles'!$G$19=$B$24,21,0),MOD($C8125,24)+1)/SUM(INDEX($D$3:$AA$30,INDEX(Jesper!$R$2:$R$366,ROW(INDEX(Jesper!AI$2:AI$366,ROUNDDOWN($C8125/24,0)+1,1))-1)+IF('Standard Profiles'!$G$19=$B$10,7,0)+IF('Standard Profiles'!$G$19=$B$17,14,0)+IF('Standard Profiles'!$G$19=$B$24,21,0),0)),0)</f>
        <v>0</v>
      </c>
      <c r="F8125" cm="1">
        <f t="array" ref="F8125">IFERROR(INDEX(Jesper!AJ$2:AJ$366,ROUNDDOWN($C8125/24,0)+1,1)*INDEX($D$3:$AA$30,INDEX(Jesper!$R$2:$R$366,ROW(INDEX(Jesper!AJ$2:AJ$366,ROUNDDOWN($C8125/24,0)+1,1))-1)+IF('Standard Profiles'!$G$20=$B$10,7,0)+IF('Standard Profiles'!$G$20=$B$17,14,0)+IF('Standard Profiles'!$G$20=$B$24,21,0),MOD($C8125,24)+1)/SUM(INDEX($D$3:$AA$30,INDEX(Jesper!$R$2:$R$366,ROW(INDEX(Jesper!AJ$2:AJ$366,ROUNDDOWN($C8125/24,0)+1,1))-1)+IF('Standard Profiles'!$G$20=$B$10,7,0)+IF('Standard Profiles'!$G$20=$B$17,14,0)+IF('Standard Profiles'!$G$20=$B$24,21,0),0)),0)</f>
        <v>0</v>
      </c>
      <c r="G8125" cm="1">
        <f t="array" ref="G8125">IFERROR(INDEX(Jesper!AK$2:AK$366,ROUNDDOWN($C8125/24,0)+1,1)*INDEX($D$3:$AA$30,INDEX(Jesper!$R$2:$R$366,ROW(INDEX(Jesper!AK$2:AK$366,ROUNDDOWN($C8125/24,0)+1,1))-1)+IF('Standard Profiles'!$G$21=$B$10,7,0)+IF('Standard Profiles'!$G$21=$B$17,14,0)+IF('Standard Profiles'!$G$21=$B$24,21,0),MOD($C8125,24)+1)/SUM(INDEX($D$3:$AA$30,INDEX(Jesper!$R$2:$R$366,ROW(INDEX(Jesper!AK$2:AK$366,ROUNDDOWN($C8125/24,0)+1,1))-1)+IF('Standard Profiles'!$G$21=$B$10,7,0)+IF('Standard Profiles'!$G$21=$B$17,14,0)+IF('Standard Profiles'!$G$21=$B$24,21,0),0)),0)</f>
        <v>0</v>
      </c>
      <c r="H8125" cm="1">
        <f t="array" ref="H8125">IFERROR(INDEX(Jesper!AL$2:AL$366,ROUNDDOWN($C8125/24,0)+1,1)*INDEX($D$3:$AA$30,INDEX(Jesper!$R$2:$R$366,ROW(INDEX(Jesper!AL$2:AL$366,ROUNDDOWN($C8125/24,0)+1,1))-1)+IF('Standard Profiles'!$G$22=$B$10,7,0)+IF('Standard Profiles'!$G$22=$B$17,14,0)+IF('Standard Profiles'!$G$22=$B$24,21,0),MOD($C8125,24)+1)/SUM(INDEX($D$3:$AA$30,INDEX(Jesper!$R$2:$R$366,ROW(INDEX(Jesper!AL$2:AL$366,ROUNDDOWN($C8125/24,0)+1,1))-1)+IF('Standard Profiles'!$G$22=$B$10,7,0)+IF('Standard Profiles'!$G$22=$B$17,14,0)+IF('Standard Profiles'!$G$22=$B$24,21,0),0)),0)</f>
        <v>0</v>
      </c>
      <c r="I8125">
        <f t="shared" si="902"/>
        <v>0.26257709602171053</v>
      </c>
      <c r="J8125">
        <f t="shared" si="903"/>
        <v>0.87525698673903518</v>
      </c>
      <c r="K8125">
        <f t="shared" si="904"/>
        <v>1.3128854801085525</v>
      </c>
      <c r="L8125">
        <f t="shared" si="905"/>
        <v>6.3018503045210528</v>
      </c>
      <c r="M8125">
        <f t="shared" si="906"/>
        <v>0</v>
      </c>
      <c r="N8125" s="46">
        <f t="shared" si="907"/>
        <v>45629.124999980377</v>
      </c>
    </row>
    <row r="8126" spans="2:14" x14ac:dyDescent="0.3">
      <c r="B8126">
        <f t="shared" si="901"/>
        <v>2</v>
      </c>
      <c r="C8126" s="16">
        <v>8092</v>
      </c>
      <c r="D8126" cm="1">
        <f t="array" ref="D8126">IFERROR(INDEX(Jesper!AH$2:AH$366,ROUNDDOWN($C8126/24,0)+1,1)*INDEX($D$3:$AA$30,INDEX(Jesper!$R$2:$R$366,ROW(INDEX(Jesper!AH$2:AH$366,ROUNDDOWN($C8126/24,0)+1,1))-1)+IF('Standard Profiles'!$G$18=$B$10,7,0)+IF('Standard Profiles'!$G$18=$B$17,14,0)+IF('Standard Profiles'!$G$18=$B$24,21,0),MOD($C8126,24)+1)/SUM(INDEX($D$3:$AA$30,INDEX(Jesper!$R$2:$R$366,ROW(INDEX(Jesper!AH$2:AH$366,ROUNDDOWN($C8126/24,0)+1,1))-1)+IF('Standard Profiles'!$G$18=$B$10,7,0)+IF('Standard Profiles'!$G$18=$B$17,14,0)+IF('Standard Profiles'!$G$18=$B$24,21,0),0)),0)</f>
        <v>8.7525698673903509</v>
      </c>
      <c r="E8126" cm="1">
        <f t="array" ref="E8126">IFERROR(INDEX(Jesper!AI$2:AI$366,ROUNDDOWN($C8126/24,0)+1,1)*INDEX($D$3:$AA$30,INDEX(Jesper!$R$2:$R$366,ROW(INDEX(Jesper!AI$2:AI$366,ROUNDDOWN($C8126/24,0)+1,1))-1)+IF('Standard Profiles'!$G$19=$B$10,7,0)+IF('Standard Profiles'!$G$19=$B$17,14,0)+IF('Standard Profiles'!$G$19=$B$24,21,0),MOD($C8126,24)+1)/SUM(INDEX($D$3:$AA$30,INDEX(Jesper!$R$2:$R$366,ROW(INDEX(Jesper!AI$2:AI$366,ROUNDDOWN($C8126/24,0)+1,1))-1)+IF('Standard Profiles'!$G$19=$B$10,7,0)+IF('Standard Profiles'!$G$19=$B$17,14,0)+IF('Standard Profiles'!$G$19=$B$24,21,0),0)),0)</f>
        <v>0</v>
      </c>
      <c r="F8126" cm="1">
        <f t="array" ref="F8126">IFERROR(INDEX(Jesper!AJ$2:AJ$366,ROUNDDOWN($C8126/24,0)+1,1)*INDEX($D$3:$AA$30,INDEX(Jesper!$R$2:$R$366,ROW(INDEX(Jesper!AJ$2:AJ$366,ROUNDDOWN($C8126/24,0)+1,1))-1)+IF('Standard Profiles'!$G$20=$B$10,7,0)+IF('Standard Profiles'!$G$20=$B$17,14,0)+IF('Standard Profiles'!$G$20=$B$24,21,0),MOD($C8126,24)+1)/SUM(INDEX($D$3:$AA$30,INDEX(Jesper!$R$2:$R$366,ROW(INDEX(Jesper!AJ$2:AJ$366,ROUNDDOWN($C8126/24,0)+1,1))-1)+IF('Standard Profiles'!$G$20=$B$10,7,0)+IF('Standard Profiles'!$G$20=$B$17,14,0)+IF('Standard Profiles'!$G$20=$B$24,21,0),0)),0)</f>
        <v>0</v>
      </c>
      <c r="G8126" cm="1">
        <f t="array" ref="G8126">IFERROR(INDEX(Jesper!AK$2:AK$366,ROUNDDOWN($C8126/24,0)+1,1)*INDEX($D$3:$AA$30,INDEX(Jesper!$R$2:$R$366,ROW(INDEX(Jesper!AK$2:AK$366,ROUNDDOWN($C8126/24,0)+1,1))-1)+IF('Standard Profiles'!$G$21=$B$10,7,0)+IF('Standard Profiles'!$G$21=$B$17,14,0)+IF('Standard Profiles'!$G$21=$B$24,21,0),MOD($C8126,24)+1)/SUM(INDEX($D$3:$AA$30,INDEX(Jesper!$R$2:$R$366,ROW(INDEX(Jesper!AK$2:AK$366,ROUNDDOWN($C8126/24,0)+1,1))-1)+IF('Standard Profiles'!$G$21=$B$10,7,0)+IF('Standard Profiles'!$G$21=$B$17,14,0)+IF('Standard Profiles'!$G$21=$B$24,21,0),0)),0)</f>
        <v>0</v>
      </c>
      <c r="H8126" cm="1">
        <f t="array" ref="H8126">IFERROR(INDEX(Jesper!AL$2:AL$366,ROUNDDOWN($C8126/24,0)+1,1)*INDEX($D$3:$AA$30,INDEX(Jesper!$R$2:$R$366,ROW(INDEX(Jesper!AL$2:AL$366,ROUNDDOWN($C8126/24,0)+1,1))-1)+IF('Standard Profiles'!$G$22=$B$10,7,0)+IF('Standard Profiles'!$G$22=$B$17,14,0)+IF('Standard Profiles'!$G$22=$B$24,21,0),MOD($C8126,24)+1)/SUM(INDEX($D$3:$AA$30,INDEX(Jesper!$R$2:$R$366,ROW(INDEX(Jesper!AL$2:AL$366,ROUNDDOWN($C8126/24,0)+1,1))-1)+IF('Standard Profiles'!$G$22=$B$10,7,0)+IF('Standard Profiles'!$G$22=$B$17,14,0)+IF('Standard Profiles'!$G$22=$B$24,21,0),0)),0)</f>
        <v>0</v>
      </c>
      <c r="I8126">
        <f t="shared" si="902"/>
        <v>0.26257709602171053</v>
      </c>
      <c r="J8126">
        <f t="shared" si="903"/>
        <v>0.87525698673903518</v>
      </c>
      <c r="K8126">
        <f t="shared" si="904"/>
        <v>1.3128854801085525</v>
      </c>
      <c r="L8126">
        <f t="shared" si="905"/>
        <v>6.3018503045210528</v>
      </c>
      <c r="M8126">
        <f t="shared" si="906"/>
        <v>0</v>
      </c>
      <c r="N8126" s="46">
        <f t="shared" si="907"/>
        <v>45629.166666647041</v>
      </c>
    </row>
    <row r="8127" spans="2:14" x14ac:dyDescent="0.3">
      <c r="B8127">
        <f t="shared" si="901"/>
        <v>2</v>
      </c>
      <c r="C8127" s="16">
        <v>8093</v>
      </c>
      <c r="D8127" cm="1">
        <f t="array" ref="D8127">IFERROR(INDEX(Jesper!AH$2:AH$366,ROUNDDOWN($C8127/24,0)+1,1)*INDEX($D$3:$AA$30,INDEX(Jesper!$R$2:$R$366,ROW(INDEX(Jesper!AH$2:AH$366,ROUNDDOWN($C8127/24,0)+1,1))-1)+IF('Standard Profiles'!$G$18=$B$10,7,0)+IF('Standard Profiles'!$G$18=$B$17,14,0)+IF('Standard Profiles'!$G$18=$B$24,21,0),MOD($C8127,24)+1)/SUM(INDEX($D$3:$AA$30,INDEX(Jesper!$R$2:$R$366,ROW(INDEX(Jesper!AH$2:AH$366,ROUNDDOWN($C8127/24,0)+1,1))-1)+IF('Standard Profiles'!$G$18=$B$10,7,0)+IF('Standard Profiles'!$G$18=$B$17,14,0)+IF('Standard Profiles'!$G$18=$B$24,21,0),0)),0)</f>
        <v>11.378340827607456</v>
      </c>
      <c r="E8127" cm="1">
        <f t="array" ref="E8127">IFERROR(INDEX(Jesper!AI$2:AI$366,ROUNDDOWN($C8127/24,0)+1,1)*INDEX($D$3:$AA$30,INDEX(Jesper!$R$2:$R$366,ROW(INDEX(Jesper!AI$2:AI$366,ROUNDDOWN($C8127/24,0)+1,1))-1)+IF('Standard Profiles'!$G$19=$B$10,7,0)+IF('Standard Profiles'!$G$19=$B$17,14,0)+IF('Standard Profiles'!$G$19=$B$24,21,0),MOD($C8127,24)+1)/SUM(INDEX($D$3:$AA$30,INDEX(Jesper!$R$2:$R$366,ROW(INDEX(Jesper!AI$2:AI$366,ROUNDDOWN($C8127/24,0)+1,1))-1)+IF('Standard Profiles'!$G$19=$B$10,7,0)+IF('Standard Profiles'!$G$19=$B$17,14,0)+IF('Standard Profiles'!$G$19=$B$24,21,0),0)),0)</f>
        <v>0</v>
      </c>
      <c r="F8127" cm="1">
        <f t="array" ref="F8127">IFERROR(INDEX(Jesper!AJ$2:AJ$366,ROUNDDOWN($C8127/24,0)+1,1)*INDEX($D$3:$AA$30,INDEX(Jesper!$R$2:$R$366,ROW(INDEX(Jesper!AJ$2:AJ$366,ROUNDDOWN($C8127/24,0)+1,1))-1)+IF('Standard Profiles'!$G$20=$B$10,7,0)+IF('Standard Profiles'!$G$20=$B$17,14,0)+IF('Standard Profiles'!$G$20=$B$24,21,0),MOD($C8127,24)+1)/SUM(INDEX($D$3:$AA$30,INDEX(Jesper!$R$2:$R$366,ROW(INDEX(Jesper!AJ$2:AJ$366,ROUNDDOWN($C8127/24,0)+1,1))-1)+IF('Standard Profiles'!$G$20=$B$10,7,0)+IF('Standard Profiles'!$G$20=$B$17,14,0)+IF('Standard Profiles'!$G$20=$B$24,21,0),0)),0)</f>
        <v>0</v>
      </c>
      <c r="G8127" cm="1">
        <f t="array" ref="G8127">IFERROR(INDEX(Jesper!AK$2:AK$366,ROUNDDOWN($C8127/24,0)+1,1)*INDEX($D$3:$AA$30,INDEX(Jesper!$R$2:$R$366,ROW(INDEX(Jesper!AK$2:AK$366,ROUNDDOWN($C8127/24,0)+1,1))-1)+IF('Standard Profiles'!$G$21=$B$10,7,0)+IF('Standard Profiles'!$G$21=$B$17,14,0)+IF('Standard Profiles'!$G$21=$B$24,21,0),MOD($C8127,24)+1)/SUM(INDEX($D$3:$AA$30,INDEX(Jesper!$R$2:$R$366,ROW(INDEX(Jesper!AK$2:AK$366,ROUNDDOWN($C8127/24,0)+1,1))-1)+IF('Standard Profiles'!$G$21=$B$10,7,0)+IF('Standard Profiles'!$G$21=$B$17,14,0)+IF('Standard Profiles'!$G$21=$B$24,21,0),0)),0)</f>
        <v>0</v>
      </c>
      <c r="H8127" cm="1">
        <f t="array" ref="H8127">IFERROR(INDEX(Jesper!AL$2:AL$366,ROUNDDOWN($C8127/24,0)+1,1)*INDEX($D$3:$AA$30,INDEX(Jesper!$R$2:$R$366,ROW(INDEX(Jesper!AL$2:AL$366,ROUNDDOWN($C8127/24,0)+1,1))-1)+IF('Standard Profiles'!$G$22=$B$10,7,0)+IF('Standard Profiles'!$G$22=$B$17,14,0)+IF('Standard Profiles'!$G$22=$B$24,21,0),MOD($C8127,24)+1)/SUM(INDEX($D$3:$AA$30,INDEX(Jesper!$R$2:$R$366,ROW(INDEX(Jesper!AL$2:AL$366,ROUNDDOWN($C8127/24,0)+1,1))-1)+IF('Standard Profiles'!$G$22=$B$10,7,0)+IF('Standard Profiles'!$G$22=$B$17,14,0)+IF('Standard Profiles'!$G$22=$B$24,21,0),0)),0)</f>
        <v>0</v>
      </c>
      <c r="I8127">
        <f t="shared" si="902"/>
        <v>0.34135022482822369</v>
      </c>
      <c r="J8127">
        <f t="shared" si="903"/>
        <v>1.1378340827607456</v>
      </c>
      <c r="K8127">
        <f t="shared" si="904"/>
        <v>1.7067511241411184</v>
      </c>
      <c r="L8127">
        <f t="shared" si="905"/>
        <v>8.1924053958773673</v>
      </c>
      <c r="M8127">
        <f t="shared" si="906"/>
        <v>0</v>
      </c>
      <c r="N8127" s="46">
        <f t="shared" si="907"/>
        <v>45629.208333313705</v>
      </c>
    </row>
    <row r="8128" spans="2:14" x14ac:dyDescent="0.3">
      <c r="B8128">
        <f t="shared" si="901"/>
        <v>2</v>
      </c>
      <c r="C8128" s="16">
        <v>8094</v>
      </c>
      <c r="D8128" cm="1">
        <f t="array" ref="D8128">IFERROR(INDEX(Jesper!AH$2:AH$366,ROUNDDOWN($C8128/24,0)+1,1)*INDEX($D$3:$AA$30,INDEX(Jesper!$R$2:$R$366,ROW(INDEX(Jesper!AH$2:AH$366,ROUNDDOWN($C8128/24,0)+1,1))-1)+IF('Standard Profiles'!$G$18=$B$10,7,0)+IF('Standard Profiles'!$G$18=$B$17,14,0)+IF('Standard Profiles'!$G$18=$B$24,21,0),MOD($C8128,24)+1)/SUM(INDEX($D$3:$AA$30,INDEX(Jesper!$R$2:$R$366,ROW(INDEX(Jesper!AH$2:AH$366,ROUNDDOWN($C8128/24,0)+1,1))-1)+IF('Standard Profiles'!$G$18=$B$10,7,0)+IF('Standard Profiles'!$G$18=$B$17,14,0)+IF('Standard Profiles'!$G$18=$B$24,21,0),0)),0)</f>
        <v>12.691226307716008</v>
      </c>
      <c r="E8128" cm="1">
        <f t="array" ref="E8128">IFERROR(INDEX(Jesper!AI$2:AI$366,ROUNDDOWN($C8128/24,0)+1,1)*INDEX($D$3:$AA$30,INDEX(Jesper!$R$2:$R$366,ROW(INDEX(Jesper!AI$2:AI$366,ROUNDDOWN($C8128/24,0)+1,1))-1)+IF('Standard Profiles'!$G$19=$B$10,7,0)+IF('Standard Profiles'!$G$19=$B$17,14,0)+IF('Standard Profiles'!$G$19=$B$24,21,0),MOD($C8128,24)+1)/SUM(INDEX($D$3:$AA$30,INDEX(Jesper!$R$2:$R$366,ROW(INDEX(Jesper!AI$2:AI$366,ROUNDDOWN($C8128/24,0)+1,1))-1)+IF('Standard Profiles'!$G$19=$B$10,7,0)+IF('Standard Profiles'!$G$19=$B$17,14,0)+IF('Standard Profiles'!$G$19=$B$24,21,0),0)),0)</f>
        <v>0</v>
      </c>
      <c r="F8128" cm="1">
        <f t="array" ref="F8128">IFERROR(INDEX(Jesper!AJ$2:AJ$366,ROUNDDOWN($C8128/24,0)+1,1)*INDEX($D$3:$AA$30,INDEX(Jesper!$R$2:$R$366,ROW(INDEX(Jesper!AJ$2:AJ$366,ROUNDDOWN($C8128/24,0)+1,1))-1)+IF('Standard Profiles'!$G$20=$B$10,7,0)+IF('Standard Profiles'!$G$20=$B$17,14,0)+IF('Standard Profiles'!$G$20=$B$24,21,0),MOD($C8128,24)+1)/SUM(INDEX($D$3:$AA$30,INDEX(Jesper!$R$2:$R$366,ROW(INDEX(Jesper!AJ$2:AJ$366,ROUNDDOWN($C8128/24,0)+1,1))-1)+IF('Standard Profiles'!$G$20=$B$10,7,0)+IF('Standard Profiles'!$G$20=$B$17,14,0)+IF('Standard Profiles'!$G$20=$B$24,21,0),0)),0)</f>
        <v>0</v>
      </c>
      <c r="G8128" cm="1">
        <f t="array" ref="G8128">IFERROR(INDEX(Jesper!AK$2:AK$366,ROUNDDOWN($C8128/24,0)+1,1)*INDEX($D$3:$AA$30,INDEX(Jesper!$R$2:$R$366,ROW(INDEX(Jesper!AK$2:AK$366,ROUNDDOWN($C8128/24,0)+1,1))-1)+IF('Standard Profiles'!$G$21=$B$10,7,0)+IF('Standard Profiles'!$G$21=$B$17,14,0)+IF('Standard Profiles'!$G$21=$B$24,21,0),MOD($C8128,24)+1)/SUM(INDEX($D$3:$AA$30,INDEX(Jesper!$R$2:$R$366,ROW(INDEX(Jesper!AK$2:AK$366,ROUNDDOWN($C8128/24,0)+1,1))-1)+IF('Standard Profiles'!$G$21=$B$10,7,0)+IF('Standard Profiles'!$G$21=$B$17,14,0)+IF('Standard Profiles'!$G$21=$B$24,21,0),0)),0)</f>
        <v>0</v>
      </c>
      <c r="H8128" cm="1">
        <f t="array" ref="H8128">IFERROR(INDEX(Jesper!AL$2:AL$366,ROUNDDOWN($C8128/24,0)+1,1)*INDEX($D$3:$AA$30,INDEX(Jesper!$R$2:$R$366,ROW(INDEX(Jesper!AL$2:AL$366,ROUNDDOWN($C8128/24,0)+1,1))-1)+IF('Standard Profiles'!$G$22=$B$10,7,0)+IF('Standard Profiles'!$G$22=$B$17,14,0)+IF('Standard Profiles'!$G$22=$B$24,21,0),MOD($C8128,24)+1)/SUM(INDEX($D$3:$AA$30,INDEX(Jesper!$R$2:$R$366,ROW(INDEX(Jesper!AL$2:AL$366,ROUNDDOWN($C8128/24,0)+1,1))-1)+IF('Standard Profiles'!$G$22=$B$10,7,0)+IF('Standard Profiles'!$G$22=$B$17,14,0)+IF('Standard Profiles'!$G$22=$B$24,21,0),0)),0)</f>
        <v>0</v>
      </c>
      <c r="I8128">
        <f t="shared" si="902"/>
        <v>0.38073678923148024</v>
      </c>
      <c r="J8128">
        <f t="shared" si="903"/>
        <v>1.2691226307716008</v>
      </c>
      <c r="K8128">
        <f t="shared" si="904"/>
        <v>1.9036839461574011</v>
      </c>
      <c r="L8128">
        <f t="shared" si="905"/>
        <v>9.137682941555525</v>
      </c>
      <c r="M8128">
        <f t="shared" si="906"/>
        <v>0</v>
      </c>
      <c r="N8128" s="46">
        <f t="shared" si="907"/>
        <v>45629.249999980369</v>
      </c>
    </row>
    <row r="8129" spans="2:14" x14ac:dyDescent="0.3">
      <c r="B8129">
        <f t="shared" si="901"/>
        <v>2</v>
      </c>
      <c r="C8129" s="16">
        <v>8095</v>
      </c>
      <c r="D8129" cm="1">
        <f t="array" ref="D8129">IFERROR(INDEX(Jesper!AH$2:AH$366,ROUNDDOWN($C8129/24,0)+1,1)*INDEX($D$3:$AA$30,INDEX(Jesper!$R$2:$R$366,ROW(INDEX(Jesper!AH$2:AH$366,ROUNDDOWN($C8129/24,0)+1,1))-1)+IF('Standard Profiles'!$G$18=$B$10,7,0)+IF('Standard Profiles'!$G$18=$B$17,14,0)+IF('Standard Profiles'!$G$18=$B$24,21,0),MOD($C8129,24)+1)/SUM(INDEX($D$3:$AA$30,INDEX(Jesper!$R$2:$R$366,ROW(INDEX(Jesper!AH$2:AH$366,ROUNDDOWN($C8129/24,0)+1,1))-1)+IF('Standard Profiles'!$G$18=$B$10,7,0)+IF('Standard Profiles'!$G$18=$B$17,14,0)+IF('Standard Profiles'!$G$18=$B$24,21,0),0)),0)</f>
        <v>13.128854801085525</v>
      </c>
      <c r="E8129" cm="1">
        <f t="array" ref="E8129">IFERROR(INDEX(Jesper!AI$2:AI$366,ROUNDDOWN($C8129/24,0)+1,1)*INDEX($D$3:$AA$30,INDEX(Jesper!$R$2:$R$366,ROW(INDEX(Jesper!AI$2:AI$366,ROUNDDOWN($C8129/24,0)+1,1))-1)+IF('Standard Profiles'!$G$19=$B$10,7,0)+IF('Standard Profiles'!$G$19=$B$17,14,0)+IF('Standard Profiles'!$G$19=$B$24,21,0),MOD($C8129,24)+1)/SUM(INDEX($D$3:$AA$30,INDEX(Jesper!$R$2:$R$366,ROW(INDEX(Jesper!AI$2:AI$366,ROUNDDOWN($C8129/24,0)+1,1))-1)+IF('Standard Profiles'!$G$19=$B$10,7,0)+IF('Standard Profiles'!$G$19=$B$17,14,0)+IF('Standard Profiles'!$G$19=$B$24,21,0),0)),0)</f>
        <v>0</v>
      </c>
      <c r="F8129" cm="1">
        <f t="array" ref="F8129">IFERROR(INDEX(Jesper!AJ$2:AJ$366,ROUNDDOWN($C8129/24,0)+1,1)*INDEX($D$3:$AA$30,INDEX(Jesper!$R$2:$R$366,ROW(INDEX(Jesper!AJ$2:AJ$366,ROUNDDOWN($C8129/24,0)+1,1))-1)+IF('Standard Profiles'!$G$20=$B$10,7,0)+IF('Standard Profiles'!$G$20=$B$17,14,0)+IF('Standard Profiles'!$G$20=$B$24,21,0),MOD($C8129,24)+1)/SUM(INDEX($D$3:$AA$30,INDEX(Jesper!$R$2:$R$366,ROW(INDEX(Jesper!AJ$2:AJ$366,ROUNDDOWN($C8129/24,0)+1,1))-1)+IF('Standard Profiles'!$G$20=$B$10,7,0)+IF('Standard Profiles'!$G$20=$B$17,14,0)+IF('Standard Profiles'!$G$20=$B$24,21,0),0)),0)</f>
        <v>0</v>
      </c>
      <c r="G8129" cm="1">
        <f t="array" ref="G8129">IFERROR(INDEX(Jesper!AK$2:AK$366,ROUNDDOWN($C8129/24,0)+1,1)*INDEX($D$3:$AA$30,INDEX(Jesper!$R$2:$R$366,ROW(INDEX(Jesper!AK$2:AK$366,ROUNDDOWN($C8129/24,0)+1,1))-1)+IF('Standard Profiles'!$G$21=$B$10,7,0)+IF('Standard Profiles'!$G$21=$B$17,14,0)+IF('Standard Profiles'!$G$21=$B$24,21,0),MOD($C8129,24)+1)/SUM(INDEX($D$3:$AA$30,INDEX(Jesper!$R$2:$R$366,ROW(INDEX(Jesper!AK$2:AK$366,ROUNDDOWN($C8129/24,0)+1,1))-1)+IF('Standard Profiles'!$G$21=$B$10,7,0)+IF('Standard Profiles'!$G$21=$B$17,14,0)+IF('Standard Profiles'!$G$21=$B$24,21,0),0)),0)</f>
        <v>0</v>
      </c>
      <c r="H8129" cm="1">
        <f t="array" ref="H8129">IFERROR(INDEX(Jesper!AL$2:AL$366,ROUNDDOWN($C8129/24,0)+1,1)*INDEX($D$3:$AA$30,INDEX(Jesper!$R$2:$R$366,ROW(INDEX(Jesper!AL$2:AL$366,ROUNDDOWN($C8129/24,0)+1,1))-1)+IF('Standard Profiles'!$G$22=$B$10,7,0)+IF('Standard Profiles'!$G$22=$B$17,14,0)+IF('Standard Profiles'!$G$22=$B$24,21,0),MOD($C8129,24)+1)/SUM(INDEX($D$3:$AA$30,INDEX(Jesper!$R$2:$R$366,ROW(INDEX(Jesper!AL$2:AL$366,ROUNDDOWN($C8129/24,0)+1,1))-1)+IF('Standard Profiles'!$G$22=$B$10,7,0)+IF('Standard Profiles'!$G$22=$B$17,14,0)+IF('Standard Profiles'!$G$22=$B$24,21,0),0)),0)</f>
        <v>0</v>
      </c>
      <c r="I8129">
        <f t="shared" si="902"/>
        <v>0.39386564403256574</v>
      </c>
      <c r="J8129">
        <f t="shared" si="903"/>
        <v>1.3128854801085525</v>
      </c>
      <c r="K8129">
        <f t="shared" si="904"/>
        <v>1.9693282201628288</v>
      </c>
      <c r="L8129">
        <f t="shared" si="905"/>
        <v>9.4527754567815787</v>
      </c>
      <c r="M8129">
        <f t="shared" si="906"/>
        <v>0</v>
      </c>
      <c r="N8129" s="46">
        <f t="shared" si="907"/>
        <v>45629.291666647034</v>
      </c>
    </row>
    <row r="8130" spans="2:14" x14ac:dyDescent="0.3">
      <c r="B8130">
        <f t="shared" si="901"/>
        <v>2</v>
      </c>
      <c r="C8130" s="16">
        <v>8096</v>
      </c>
      <c r="D8130" cm="1">
        <f t="array" ref="D8130">IFERROR(INDEX(Jesper!AH$2:AH$366,ROUNDDOWN($C8130/24,0)+1,1)*INDEX($D$3:$AA$30,INDEX(Jesper!$R$2:$R$366,ROW(INDEX(Jesper!AH$2:AH$366,ROUNDDOWN($C8130/24,0)+1,1))-1)+IF('Standard Profiles'!$G$18=$B$10,7,0)+IF('Standard Profiles'!$G$18=$B$17,14,0)+IF('Standard Profiles'!$G$18=$B$24,21,0),MOD($C8130,24)+1)/SUM(INDEX($D$3:$AA$30,INDEX(Jesper!$R$2:$R$366,ROW(INDEX(Jesper!AH$2:AH$366,ROUNDDOWN($C8130/24,0)+1,1))-1)+IF('Standard Profiles'!$G$18=$B$10,7,0)+IF('Standard Profiles'!$G$18=$B$17,14,0)+IF('Standard Profiles'!$G$18=$B$24,21,0),0)),0)</f>
        <v>13.128854801085525</v>
      </c>
      <c r="E8130" cm="1">
        <f t="array" ref="E8130">IFERROR(INDEX(Jesper!AI$2:AI$366,ROUNDDOWN($C8130/24,0)+1,1)*INDEX($D$3:$AA$30,INDEX(Jesper!$R$2:$R$366,ROW(INDEX(Jesper!AI$2:AI$366,ROUNDDOWN($C8130/24,0)+1,1))-1)+IF('Standard Profiles'!$G$19=$B$10,7,0)+IF('Standard Profiles'!$G$19=$B$17,14,0)+IF('Standard Profiles'!$G$19=$B$24,21,0),MOD($C8130,24)+1)/SUM(INDEX($D$3:$AA$30,INDEX(Jesper!$R$2:$R$366,ROW(INDEX(Jesper!AI$2:AI$366,ROUNDDOWN($C8130/24,0)+1,1))-1)+IF('Standard Profiles'!$G$19=$B$10,7,0)+IF('Standard Profiles'!$G$19=$B$17,14,0)+IF('Standard Profiles'!$G$19=$B$24,21,0),0)),0)</f>
        <v>0</v>
      </c>
      <c r="F8130" cm="1">
        <f t="array" ref="F8130">IFERROR(INDEX(Jesper!AJ$2:AJ$366,ROUNDDOWN($C8130/24,0)+1,1)*INDEX($D$3:$AA$30,INDEX(Jesper!$R$2:$R$366,ROW(INDEX(Jesper!AJ$2:AJ$366,ROUNDDOWN($C8130/24,0)+1,1))-1)+IF('Standard Profiles'!$G$20=$B$10,7,0)+IF('Standard Profiles'!$G$20=$B$17,14,0)+IF('Standard Profiles'!$G$20=$B$24,21,0),MOD($C8130,24)+1)/SUM(INDEX($D$3:$AA$30,INDEX(Jesper!$R$2:$R$366,ROW(INDEX(Jesper!AJ$2:AJ$366,ROUNDDOWN($C8130/24,0)+1,1))-1)+IF('Standard Profiles'!$G$20=$B$10,7,0)+IF('Standard Profiles'!$G$20=$B$17,14,0)+IF('Standard Profiles'!$G$20=$B$24,21,0),0)),0)</f>
        <v>0</v>
      </c>
      <c r="G8130" cm="1">
        <f t="array" ref="G8130">IFERROR(INDEX(Jesper!AK$2:AK$366,ROUNDDOWN($C8130/24,0)+1,1)*INDEX($D$3:$AA$30,INDEX(Jesper!$R$2:$R$366,ROW(INDEX(Jesper!AK$2:AK$366,ROUNDDOWN($C8130/24,0)+1,1))-1)+IF('Standard Profiles'!$G$21=$B$10,7,0)+IF('Standard Profiles'!$G$21=$B$17,14,0)+IF('Standard Profiles'!$G$21=$B$24,21,0),MOD($C8130,24)+1)/SUM(INDEX($D$3:$AA$30,INDEX(Jesper!$R$2:$R$366,ROW(INDEX(Jesper!AK$2:AK$366,ROUNDDOWN($C8130/24,0)+1,1))-1)+IF('Standard Profiles'!$G$21=$B$10,7,0)+IF('Standard Profiles'!$G$21=$B$17,14,0)+IF('Standard Profiles'!$G$21=$B$24,21,0),0)),0)</f>
        <v>0</v>
      </c>
      <c r="H8130" cm="1">
        <f t="array" ref="H8130">IFERROR(INDEX(Jesper!AL$2:AL$366,ROUNDDOWN($C8130/24,0)+1,1)*INDEX($D$3:$AA$30,INDEX(Jesper!$R$2:$R$366,ROW(INDEX(Jesper!AL$2:AL$366,ROUNDDOWN($C8130/24,0)+1,1))-1)+IF('Standard Profiles'!$G$22=$B$10,7,0)+IF('Standard Profiles'!$G$22=$B$17,14,0)+IF('Standard Profiles'!$G$22=$B$24,21,0),MOD($C8130,24)+1)/SUM(INDEX($D$3:$AA$30,INDEX(Jesper!$R$2:$R$366,ROW(INDEX(Jesper!AL$2:AL$366,ROUNDDOWN($C8130/24,0)+1,1))-1)+IF('Standard Profiles'!$G$22=$B$10,7,0)+IF('Standard Profiles'!$G$22=$B$17,14,0)+IF('Standard Profiles'!$G$22=$B$24,21,0),0)),0)</f>
        <v>0</v>
      </c>
      <c r="I8130">
        <f t="shared" si="902"/>
        <v>0.39386564403256574</v>
      </c>
      <c r="J8130">
        <f t="shared" si="903"/>
        <v>1.3128854801085525</v>
      </c>
      <c r="K8130">
        <f t="shared" si="904"/>
        <v>1.9693282201628288</v>
      </c>
      <c r="L8130">
        <f t="shared" si="905"/>
        <v>9.4527754567815787</v>
      </c>
      <c r="M8130">
        <f t="shared" si="906"/>
        <v>0</v>
      </c>
      <c r="N8130" s="46">
        <f t="shared" si="907"/>
        <v>45629.333333313698</v>
      </c>
    </row>
    <row r="8131" spans="2:14" x14ac:dyDescent="0.3">
      <c r="B8131">
        <f t="shared" si="901"/>
        <v>2</v>
      </c>
      <c r="C8131" s="16">
        <v>8097</v>
      </c>
      <c r="D8131" cm="1">
        <f t="array" ref="D8131">IFERROR(INDEX(Jesper!AH$2:AH$366,ROUNDDOWN($C8131/24,0)+1,1)*INDEX($D$3:$AA$30,INDEX(Jesper!$R$2:$R$366,ROW(INDEX(Jesper!AH$2:AH$366,ROUNDDOWN($C8131/24,0)+1,1))-1)+IF('Standard Profiles'!$G$18=$B$10,7,0)+IF('Standard Profiles'!$G$18=$B$17,14,0)+IF('Standard Profiles'!$G$18=$B$24,21,0),MOD($C8131,24)+1)/SUM(INDEX($D$3:$AA$30,INDEX(Jesper!$R$2:$R$366,ROW(INDEX(Jesper!AH$2:AH$366,ROUNDDOWN($C8131/24,0)+1,1))-1)+IF('Standard Profiles'!$G$18=$B$10,7,0)+IF('Standard Profiles'!$G$18=$B$17,14,0)+IF('Standard Profiles'!$G$18=$B$24,21,0),0)),0)</f>
        <v>14.222926034509319</v>
      </c>
      <c r="E8131" cm="1">
        <f t="array" ref="E8131">IFERROR(INDEX(Jesper!AI$2:AI$366,ROUNDDOWN($C8131/24,0)+1,1)*INDEX($D$3:$AA$30,INDEX(Jesper!$R$2:$R$366,ROW(INDEX(Jesper!AI$2:AI$366,ROUNDDOWN($C8131/24,0)+1,1))-1)+IF('Standard Profiles'!$G$19=$B$10,7,0)+IF('Standard Profiles'!$G$19=$B$17,14,0)+IF('Standard Profiles'!$G$19=$B$24,21,0),MOD($C8131,24)+1)/SUM(INDEX($D$3:$AA$30,INDEX(Jesper!$R$2:$R$366,ROW(INDEX(Jesper!AI$2:AI$366,ROUNDDOWN($C8131/24,0)+1,1))-1)+IF('Standard Profiles'!$G$19=$B$10,7,0)+IF('Standard Profiles'!$G$19=$B$17,14,0)+IF('Standard Profiles'!$G$19=$B$24,21,0),0)),0)</f>
        <v>0</v>
      </c>
      <c r="F8131" cm="1">
        <f t="array" ref="F8131">IFERROR(INDEX(Jesper!AJ$2:AJ$366,ROUNDDOWN($C8131/24,0)+1,1)*INDEX($D$3:$AA$30,INDEX(Jesper!$R$2:$R$366,ROW(INDEX(Jesper!AJ$2:AJ$366,ROUNDDOWN($C8131/24,0)+1,1))-1)+IF('Standard Profiles'!$G$20=$B$10,7,0)+IF('Standard Profiles'!$G$20=$B$17,14,0)+IF('Standard Profiles'!$G$20=$B$24,21,0),MOD($C8131,24)+1)/SUM(INDEX($D$3:$AA$30,INDEX(Jesper!$R$2:$R$366,ROW(INDEX(Jesper!AJ$2:AJ$366,ROUNDDOWN($C8131/24,0)+1,1))-1)+IF('Standard Profiles'!$G$20=$B$10,7,0)+IF('Standard Profiles'!$G$20=$B$17,14,0)+IF('Standard Profiles'!$G$20=$B$24,21,0),0)),0)</f>
        <v>0</v>
      </c>
      <c r="G8131" cm="1">
        <f t="array" ref="G8131">IFERROR(INDEX(Jesper!AK$2:AK$366,ROUNDDOWN($C8131/24,0)+1,1)*INDEX($D$3:$AA$30,INDEX(Jesper!$R$2:$R$366,ROW(INDEX(Jesper!AK$2:AK$366,ROUNDDOWN($C8131/24,0)+1,1))-1)+IF('Standard Profiles'!$G$21=$B$10,7,0)+IF('Standard Profiles'!$G$21=$B$17,14,0)+IF('Standard Profiles'!$G$21=$B$24,21,0),MOD($C8131,24)+1)/SUM(INDEX($D$3:$AA$30,INDEX(Jesper!$R$2:$R$366,ROW(INDEX(Jesper!AK$2:AK$366,ROUNDDOWN($C8131/24,0)+1,1))-1)+IF('Standard Profiles'!$G$21=$B$10,7,0)+IF('Standard Profiles'!$G$21=$B$17,14,0)+IF('Standard Profiles'!$G$21=$B$24,21,0),0)),0)</f>
        <v>0</v>
      </c>
      <c r="H8131" cm="1">
        <f t="array" ref="H8131">IFERROR(INDEX(Jesper!AL$2:AL$366,ROUNDDOWN($C8131/24,0)+1,1)*INDEX($D$3:$AA$30,INDEX(Jesper!$R$2:$R$366,ROW(INDEX(Jesper!AL$2:AL$366,ROUNDDOWN($C8131/24,0)+1,1))-1)+IF('Standard Profiles'!$G$22=$B$10,7,0)+IF('Standard Profiles'!$G$22=$B$17,14,0)+IF('Standard Profiles'!$G$22=$B$24,21,0),MOD($C8131,24)+1)/SUM(INDEX($D$3:$AA$30,INDEX(Jesper!$R$2:$R$366,ROW(INDEX(Jesper!AL$2:AL$366,ROUNDDOWN($C8131/24,0)+1,1))-1)+IF('Standard Profiles'!$G$22=$B$10,7,0)+IF('Standard Profiles'!$G$22=$B$17,14,0)+IF('Standard Profiles'!$G$22=$B$24,21,0),0)),0)</f>
        <v>0</v>
      </c>
      <c r="I8131">
        <f t="shared" si="902"/>
        <v>0.42668778103527955</v>
      </c>
      <c r="J8131">
        <f t="shared" si="903"/>
        <v>1.422292603450932</v>
      </c>
      <c r="K8131">
        <f t="shared" si="904"/>
        <v>2.1334389051763978</v>
      </c>
      <c r="L8131">
        <f t="shared" si="905"/>
        <v>10.240506744846709</v>
      </c>
      <c r="M8131">
        <f t="shared" si="906"/>
        <v>0</v>
      </c>
      <c r="N8131" s="46">
        <f t="shared" si="907"/>
        <v>45629.374999980362</v>
      </c>
    </row>
    <row r="8132" spans="2:14" x14ac:dyDescent="0.3">
      <c r="B8132">
        <f t="shared" si="901"/>
        <v>2</v>
      </c>
      <c r="C8132" s="16">
        <v>8098</v>
      </c>
      <c r="D8132" cm="1">
        <f t="array" ref="D8132">IFERROR(INDEX(Jesper!AH$2:AH$366,ROUNDDOWN($C8132/24,0)+1,1)*INDEX($D$3:$AA$30,INDEX(Jesper!$R$2:$R$366,ROW(INDEX(Jesper!AH$2:AH$366,ROUNDDOWN($C8132/24,0)+1,1))-1)+IF('Standard Profiles'!$G$18=$B$10,7,0)+IF('Standard Profiles'!$G$18=$B$17,14,0)+IF('Standard Profiles'!$G$18=$B$24,21,0),MOD($C8132,24)+1)/SUM(INDEX($D$3:$AA$30,INDEX(Jesper!$R$2:$R$366,ROW(INDEX(Jesper!AH$2:AH$366,ROUNDDOWN($C8132/24,0)+1,1))-1)+IF('Standard Profiles'!$G$18=$B$10,7,0)+IF('Standard Profiles'!$G$18=$B$17,14,0)+IF('Standard Profiles'!$G$18=$B$24,21,0),0)),0)</f>
        <v>14.879368774563595</v>
      </c>
      <c r="E8132" cm="1">
        <f t="array" ref="E8132">IFERROR(INDEX(Jesper!AI$2:AI$366,ROUNDDOWN($C8132/24,0)+1,1)*INDEX($D$3:$AA$30,INDEX(Jesper!$R$2:$R$366,ROW(INDEX(Jesper!AI$2:AI$366,ROUNDDOWN($C8132/24,0)+1,1))-1)+IF('Standard Profiles'!$G$19=$B$10,7,0)+IF('Standard Profiles'!$G$19=$B$17,14,0)+IF('Standard Profiles'!$G$19=$B$24,21,0),MOD($C8132,24)+1)/SUM(INDEX($D$3:$AA$30,INDEX(Jesper!$R$2:$R$366,ROW(INDEX(Jesper!AI$2:AI$366,ROUNDDOWN($C8132/24,0)+1,1))-1)+IF('Standard Profiles'!$G$19=$B$10,7,0)+IF('Standard Profiles'!$G$19=$B$17,14,0)+IF('Standard Profiles'!$G$19=$B$24,21,0),0)),0)</f>
        <v>0</v>
      </c>
      <c r="F8132" cm="1">
        <f t="array" ref="F8132">IFERROR(INDEX(Jesper!AJ$2:AJ$366,ROUNDDOWN($C8132/24,0)+1,1)*INDEX($D$3:$AA$30,INDEX(Jesper!$R$2:$R$366,ROW(INDEX(Jesper!AJ$2:AJ$366,ROUNDDOWN($C8132/24,0)+1,1))-1)+IF('Standard Profiles'!$G$20=$B$10,7,0)+IF('Standard Profiles'!$G$20=$B$17,14,0)+IF('Standard Profiles'!$G$20=$B$24,21,0),MOD($C8132,24)+1)/SUM(INDEX($D$3:$AA$30,INDEX(Jesper!$R$2:$R$366,ROW(INDEX(Jesper!AJ$2:AJ$366,ROUNDDOWN($C8132/24,0)+1,1))-1)+IF('Standard Profiles'!$G$20=$B$10,7,0)+IF('Standard Profiles'!$G$20=$B$17,14,0)+IF('Standard Profiles'!$G$20=$B$24,21,0),0)),0)</f>
        <v>0</v>
      </c>
      <c r="G8132" cm="1">
        <f t="array" ref="G8132">IFERROR(INDEX(Jesper!AK$2:AK$366,ROUNDDOWN($C8132/24,0)+1,1)*INDEX($D$3:$AA$30,INDEX(Jesper!$R$2:$R$366,ROW(INDEX(Jesper!AK$2:AK$366,ROUNDDOWN($C8132/24,0)+1,1))-1)+IF('Standard Profiles'!$G$21=$B$10,7,0)+IF('Standard Profiles'!$G$21=$B$17,14,0)+IF('Standard Profiles'!$G$21=$B$24,21,0),MOD($C8132,24)+1)/SUM(INDEX($D$3:$AA$30,INDEX(Jesper!$R$2:$R$366,ROW(INDEX(Jesper!AK$2:AK$366,ROUNDDOWN($C8132/24,0)+1,1))-1)+IF('Standard Profiles'!$G$21=$B$10,7,0)+IF('Standard Profiles'!$G$21=$B$17,14,0)+IF('Standard Profiles'!$G$21=$B$24,21,0),0)),0)</f>
        <v>0</v>
      </c>
      <c r="H8132" cm="1">
        <f t="array" ref="H8132">IFERROR(INDEX(Jesper!AL$2:AL$366,ROUNDDOWN($C8132/24,0)+1,1)*INDEX($D$3:$AA$30,INDEX(Jesper!$R$2:$R$366,ROW(INDEX(Jesper!AL$2:AL$366,ROUNDDOWN($C8132/24,0)+1,1))-1)+IF('Standard Profiles'!$G$22=$B$10,7,0)+IF('Standard Profiles'!$G$22=$B$17,14,0)+IF('Standard Profiles'!$G$22=$B$24,21,0),MOD($C8132,24)+1)/SUM(INDEX($D$3:$AA$30,INDEX(Jesper!$R$2:$R$366,ROW(INDEX(Jesper!AL$2:AL$366,ROUNDDOWN($C8132/24,0)+1,1))-1)+IF('Standard Profiles'!$G$22=$B$10,7,0)+IF('Standard Profiles'!$G$22=$B$17,14,0)+IF('Standard Profiles'!$G$22=$B$24,21,0),0)),0)</f>
        <v>0</v>
      </c>
      <c r="I8132">
        <f t="shared" si="902"/>
        <v>0.44638106323690785</v>
      </c>
      <c r="J8132">
        <f t="shared" si="903"/>
        <v>1.4879368774563595</v>
      </c>
      <c r="K8132">
        <f t="shared" si="904"/>
        <v>2.2319053161845392</v>
      </c>
      <c r="L8132">
        <f t="shared" si="905"/>
        <v>10.713145517685788</v>
      </c>
      <c r="M8132">
        <f t="shared" si="906"/>
        <v>0</v>
      </c>
      <c r="N8132" s="46">
        <f t="shared" si="907"/>
        <v>45629.416666647026</v>
      </c>
    </row>
    <row r="8133" spans="2:14" x14ac:dyDescent="0.3">
      <c r="B8133">
        <f t="shared" si="901"/>
        <v>2</v>
      </c>
      <c r="C8133" s="16">
        <v>8099</v>
      </c>
      <c r="D8133" cm="1">
        <f t="array" ref="D8133">IFERROR(INDEX(Jesper!AH$2:AH$366,ROUNDDOWN($C8133/24,0)+1,1)*INDEX($D$3:$AA$30,INDEX(Jesper!$R$2:$R$366,ROW(INDEX(Jesper!AH$2:AH$366,ROUNDDOWN($C8133/24,0)+1,1))-1)+IF('Standard Profiles'!$G$18=$B$10,7,0)+IF('Standard Profiles'!$G$18=$B$17,14,0)+IF('Standard Profiles'!$G$18=$B$24,21,0),MOD($C8133,24)+1)/SUM(INDEX($D$3:$AA$30,INDEX(Jesper!$R$2:$R$366,ROW(INDEX(Jesper!AH$2:AH$366,ROUNDDOWN($C8133/24,0)+1,1))-1)+IF('Standard Profiles'!$G$18=$B$10,7,0)+IF('Standard Profiles'!$G$18=$B$17,14,0)+IF('Standard Profiles'!$G$18=$B$24,21,0),0)),0)</f>
        <v>17.505139734780702</v>
      </c>
      <c r="E8133" cm="1">
        <f t="array" ref="E8133">IFERROR(INDEX(Jesper!AI$2:AI$366,ROUNDDOWN($C8133/24,0)+1,1)*INDEX($D$3:$AA$30,INDEX(Jesper!$R$2:$R$366,ROW(INDEX(Jesper!AI$2:AI$366,ROUNDDOWN($C8133/24,0)+1,1))-1)+IF('Standard Profiles'!$G$19=$B$10,7,0)+IF('Standard Profiles'!$G$19=$B$17,14,0)+IF('Standard Profiles'!$G$19=$B$24,21,0),MOD($C8133,24)+1)/SUM(INDEX($D$3:$AA$30,INDEX(Jesper!$R$2:$R$366,ROW(INDEX(Jesper!AI$2:AI$366,ROUNDDOWN($C8133/24,0)+1,1))-1)+IF('Standard Profiles'!$G$19=$B$10,7,0)+IF('Standard Profiles'!$G$19=$B$17,14,0)+IF('Standard Profiles'!$G$19=$B$24,21,0),0)),0)</f>
        <v>0</v>
      </c>
      <c r="F8133" cm="1">
        <f t="array" ref="F8133">IFERROR(INDEX(Jesper!AJ$2:AJ$366,ROUNDDOWN($C8133/24,0)+1,1)*INDEX($D$3:$AA$30,INDEX(Jesper!$R$2:$R$366,ROW(INDEX(Jesper!AJ$2:AJ$366,ROUNDDOWN($C8133/24,0)+1,1))-1)+IF('Standard Profiles'!$G$20=$B$10,7,0)+IF('Standard Profiles'!$G$20=$B$17,14,0)+IF('Standard Profiles'!$G$20=$B$24,21,0),MOD($C8133,24)+1)/SUM(INDEX($D$3:$AA$30,INDEX(Jesper!$R$2:$R$366,ROW(INDEX(Jesper!AJ$2:AJ$366,ROUNDDOWN($C8133/24,0)+1,1))-1)+IF('Standard Profiles'!$G$20=$B$10,7,0)+IF('Standard Profiles'!$G$20=$B$17,14,0)+IF('Standard Profiles'!$G$20=$B$24,21,0),0)),0)</f>
        <v>0</v>
      </c>
      <c r="G8133" cm="1">
        <f t="array" ref="G8133">IFERROR(INDEX(Jesper!AK$2:AK$366,ROUNDDOWN($C8133/24,0)+1,1)*INDEX($D$3:$AA$30,INDEX(Jesper!$R$2:$R$366,ROW(INDEX(Jesper!AK$2:AK$366,ROUNDDOWN($C8133/24,0)+1,1))-1)+IF('Standard Profiles'!$G$21=$B$10,7,0)+IF('Standard Profiles'!$G$21=$B$17,14,0)+IF('Standard Profiles'!$G$21=$B$24,21,0),MOD($C8133,24)+1)/SUM(INDEX($D$3:$AA$30,INDEX(Jesper!$R$2:$R$366,ROW(INDEX(Jesper!AK$2:AK$366,ROUNDDOWN($C8133/24,0)+1,1))-1)+IF('Standard Profiles'!$G$21=$B$10,7,0)+IF('Standard Profiles'!$G$21=$B$17,14,0)+IF('Standard Profiles'!$G$21=$B$24,21,0),0)),0)</f>
        <v>0</v>
      </c>
      <c r="H8133" cm="1">
        <f t="array" ref="H8133">IFERROR(INDEX(Jesper!AL$2:AL$366,ROUNDDOWN($C8133/24,0)+1,1)*INDEX($D$3:$AA$30,INDEX(Jesper!$R$2:$R$366,ROW(INDEX(Jesper!AL$2:AL$366,ROUNDDOWN($C8133/24,0)+1,1))-1)+IF('Standard Profiles'!$G$22=$B$10,7,0)+IF('Standard Profiles'!$G$22=$B$17,14,0)+IF('Standard Profiles'!$G$22=$B$24,21,0),MOD($C8133,24)+1)/SUM(INDEX($D$3:$AA$30,INDEX(Jesper!$R$2:$R$366,ROW(INDEX(Jesper!AL$2:AL$366,ROUNDDOWN($C8133/24,0)+1,1))-1)+IF('Standard Profiles'!$G$22=$B$10,7,0)+IF('Standard Profiles'!$G$22=$B$17,14,0)+IF('Standard Profiles'!$G$22=$B$24,21,0),0)),0)</f>
        <v>0</v>
      </c>
      <c r="I8133">
        <f t="shared" si="902"/>
        <v>0.52515419204342106</v>
      </c>
      <c r="J8133">
        <f t="shared" si="903"/>
        <v>1.7505139734780704</v>
      </c>
      <c r="K8133">
        <f t="shared" si="904"/>
        <v>2.6257709602171051</v>
      </c>
      <c r="L8133">
        <f t="shared" si="905"/>
        <v>12.603700609042106</v>
      </c>
      <c r="M8133">
        <f t="shared" si="906"/>
        <v>0</v>
      </c>
      <c r="N8133" s="46">
        <f t="shared" si="907"/>
        <v>45629.458333313691</v>
      </c>
    </row>
    <row r="8134" spans="2:14" x14ac:dyDescent="0.3">
      <c r="B8134">
        <f t="shared" si="901"/>
        <v>2</v>
      </c>
      <c r="C8134" s="16">
        <v>8100</v>
      </c>
      <c r="D8134" cm="1">
        <f t="array" ref="D8134">IFERROR(INDEX(Jesper!AH$2:AH$366,ROUNDDOWN($C8134/24,0)+1,1)*INDEX($D$3:$AA$30,INDEX(Jesper!$R$2:$R$366,ROW(INDEX(Jesper!AH$2:AH$366,ROUNDDOWN($C8134/24,0)+1,1))-1)+IF('Standard Profiles'!$G$18=$B$10,7,0)+IF('Standard Profiles'!$G$18=$B$17,14,0)+IF('Standard Profiles'!$G$18=$B$24,21,0),MOD($C8134,24)+1)/SUM(INDEX($D$3:$AA$30,INDEX(Jesper!$R$2:$R$366,ROW(INDEX(Jesper!AH$2:AH$366,ROUNDDOWN($C8134/24,0)+1,1))-1)+IF('Standard Profiles'!$G$18=$B$10,7,0)+IF('Standard Profiles'!$G$18=$B$17,14,0)+IF('Standard Profiles'!$G$18=$B$24,21,0),0)),0)</f>
        <v>17.505139734780702</v>
      </c>
      <c r="E8134" cm="1">
        <f t="array" ref="E8134">IFERROR(INDEX(Jesper!AI$2:AI$366,ROUNDDOWN($C8134/24,0)+1,1)*INDEX($D$3:$AA$30,INDEX(Jesper!$R$2:$R$366,ROW(INDEX(Jesper!AI$2:AI$366,ROUNDDOWN($C8134/24,0)+1,1))-1)+IF('Standard Profiles'!$G$19=$B$10,7,0)+IF('Standard Profiles'!$G$19=$B$17,14,0)+IF('Standard Profiles'!$G$19=$B$24,21,0),MOD($C8134,24)+1)/SUM(INDEX($D$3:$AA$30,INDEX(Jesper!$R$2:$R$366,ROW(INDEX(Jesper!AI$2:AI$366,ROUNDDOWN($C8134/24,0)+1,1))-1)+IF('Standard Profiles'!$G$19=$B$10,7,0)+IF('Standard Profiles'!$G$19=$B$17,14,0)+IF('Standard Profiles'!$G$19=$B$24,21,0),0)),0)</f>
        <v>0</v>
      </c>
      <c r="F8134" cm="1">
        <f t="array" ref="F8134">IFERROR(INDEX(Jesper!AJ$2:AJ$366,ROUNDDOWN($C8134/24,0)+1,1)*INDEX($D$3:$AA$30,INDEX(Jesper!$R$2:$R$366,ROW(INDEX(Jesper!AJ$2:AJ$366,ROUNDDOWN($C8134/24,0)+1,1))-1)+IF('Standard Profiles'!$G$20=$B$10,7,0)+IF('Standard Profiles'!$G$20=$B$17,14,0)+IF('Standard Profiles'!$G$20=$B$24,21,0),MOD($C8134,24)+1)/SUM(INDEX($D$3:$AA$30,INDEX(Jesper!$R$2:$R$366,ROW(INDEX(Jesper!AJ$2:AJ$366,ROUNDDOWN($C8134/24,0)+1,1))-1)+IF('Standard Profiles'!$G$20=$B$10,7,0)+IF('Standard Profiles'!$G$20=$B$17,14,0)+IF('Standard Profiles'!$G$20=$B$24,21,0),0)),0)</f>
        <v>0</v>
      </c>
      <c r="G8134" cm="1">
        <f t="array" ref="G8134">IFERROR(INDEX(Jesper!AK$2:AK$366,ROUNDDOWN($C8134/24,0)+1,1)*INDEX($D$3:$AA$30,INDEX(Jesper!$R$2:$R$366,ROW(INDEX(Jesper!AK$2:AK$366,ROUNDDOWN($C8134/24,0)+1,1))-1)+IF('Standard Profiles'!$G$21=$B$10,7,0)+IF('Standard Profiles'!$G$21=$B$17,14,0)+IF('Standard Profiles'!$G$21=$B$24,21,0),MOD($C8134,24)+1)/SUM(INDEX($D$3:$AA$30,INDEX(Jesper!$R$2:$R$366,ROW(INDEX(Jesper!AK$2:AK$366,ROUNDDOWN($C8134/24,0)+1,1))-1)+IF('Standard Profiles'!$G$21=$B$10,7,0)+IF('Standard Profiles'!$G$21=$B$17,14,0)+IF('Standard Profiles'!$G$21=$B$24,21,0),0)),0)</f>
        <v>0</v>
      </c>
      <c r="H8134" cm="1">
        <f t="array" ref="H8134">IFERROR(INDEX(Jesper!AL$2:AL$366,ROUNDDOWN($C8134/24,0)+1,1)*INDEX($D$3:$AA$30,INDEX(Jesper!$R$2:$R$366,ROW(INDEX(Jesper!AL$2:AL$366,ROUNDDOWN($C8134/24,0)+1,1))-1)+IF('Standard Profiles'!$G$22=$B$10,7,0)+IF('Standard Profiles'!$G$22=$B$17,14,0)+IF('Standard Profiles'!$G$22=$B$24,21,0),MOD($C8134,24)+1)/SUM(INDEX($D$3:$AA$30,INDEX(Jesper!$R$2:$R$366,ROW(INDEX(Jesper!AL$2:AL$366,ROUNDDOWN($C8134/24,0)+1,1))-1)+IF('Standard Profiles'!$G$22=$B$10,7,0)+IF('Standard Profiles'!$G$22=$B$17,14,0)+IF('Standard Profiles'!$G$22=$B$24,21,0),0)),0)</f>
        <v>0</v>
      </c>
      <c r="I8134">
        <f t="shared" si="902"/>
        <v>0.52515419204342106</v>
      </c>
      <c r="J8134">
        <f t="shared" si="903"/>
        <v>1.7505139734780704</v>
      </c>
      <c r="K8134">
        <f t="shared" si="904"/>
        <v>2.6257709602171051</v>
      </c>
      <c r="L8134">
        <f t="shared" si="905"/>
        <v>12.603700609042106</v>
      </c>
      <c r="M8134">
        <f t="shared" si="906"/>
        <v>0</v>
      </c>
      <c r="N8134" s="46">
        <f t="shared" si="907"/>
        <v>45629.499999980355</v>
      </c>
    </row>
    <row r="8135" spans="2:14" x14ac:dyDescent="0.3">
      <c r="B8135">
        <f t="shared" si="901"/>
        <v>2</v>
      </c>
      <c r="C8135" s="16">
        <v>8101</v>
      </c>
      <c r="D8135" cm="1">
        <f t="array" ref="D8135">IFERROR(INDEX(Jesper!AH$2:AH$366,ROUNDDOWN($C8135/24,0)+1,1)*INDEX($D$3:$AA$30,INDEX(Jesper!$R$2:$R$366,ROW(INDEX(Jesper!AH$2:AH$366,ROUNDDOWN($C8135/24,0)+1,1))-1)+IF('Standard Profiles'!$G$18=$B$10,7,0)+IF('Standard Profiles'!$G$18=$B$17,14,0)+IF('Standard Profiles'!$G$18=$B$24,21,0),MOD($C8135,24)+1)/SUM(INDEX($D$3:$AA$30,INDEX(Jesper!$R$2:$R$366,ROW(INDEX(Jesper!AH$2:AH$366,ROUNDDOWN($C8135/24,0)+1,1))-1)+IF('Standard Profiles'!$G$18=$B$10,7,0)+IF('Standard Profiles'!$G$18=$B$17,14,0)+IF('Standard Profiles'!$G$18=$B$24,21,0),0)),0)</f>
        <v>17.505139734780702</v>
      </c>
      <c r="E8135" cm="1">
        <f t="array" ref="E8135">IFERROR(INDEX(Jesper!AI$2:AI$366,ROUNDDOWN($C8135/24,0)+1,1)*INDEX($D$3:$AA$30,INDEX(Jesper!$R$2:$R$366,ROW(INDEX(Jesper!AI$2:AI$366,ROUNDDOWN($C8135/24,0)+1,1))-1)+IF('Standard Profiles'!$G$19=$B$10,7,0)+IF('Standard Profiles'!$G$19=$B$17,14,0)+IF('Standard Profiles'!$G$19=$B$24,21,0),MOD($C8135,24)+1)/SUM(INDEX($D$3:$AA$30,INDEX(Jesper!$R$2:$R$366,ROW(INDEX(Jesper!AI$2:AI$366,ROUNDDOWN($C8135/24,0)+1,1))-1)+IF('Standard Profiles'!$G$19=$B$10,7,0)+IF('Standard Profiles'!$G$19=$B$17,14,0)+IF('Standard Profiles'!$G$19=$B$24,21,0),0)),0)</f>
        <v>0</v>
      </c>
      <c r="F8135" cm="1">
        <f t="array" ref="F8135">IFERROR(INDEX(Jesper!AJ$2:AJ$366,ROUNDDOWN($C8135/24,0)+1,1)*INDEX($D$3:$AA$30,INDEX(Jesper!$R$2:$R$366,ROW(INDEX(Jesper!AJ$2:AJ$366,ROUNDDOWN($C8135/24,0)+1,1))-1)+IF('Standard Profiles'!$G$20=$B$10,7,0)+IF('Standard Profiles'!$G$20=$B$17,14,0)+IF('Standard Profiles'!$G$20=$B$24,21,0),MOD($C8135,24)+1)/SUM(INDEX($D$3:$AA$30,INDEX(Jesper!$R$2:$R$366,ROW(INDEX(Jesper!AJ$2:AJ$366,ROUNDDOWN($C8135/24,0)+1,1))-1)+IF('Standard Profiles'!$G$20=$B$10,7,0)+IF('Standard Profiles'!$G$20=$B$17,14,0)+IF('Standard Profiles'!$G$20=$B$24,21,0),0)),0)</f>
        <v>0</v>
      </c>
      <c r="G8135" cm="1">
        <f t="array" ref="G8135">IFERROR(INDEX(Jesper!AK$2:AK$366,ROUNDDOWN($C8135/24,0)+1,1)*INDEX($D$3:$AA$30,INDEX(Jesper!$R$2:$R$366,ROW(INDEX(Jesper!AK$2:AK$366,ROUNDDOWN($C8135/24,0)+1,1))-1)+IF('Standard Profiles'!$G$21=$B$10,7,0)+IF('Standard Profiles'!$G$21=$B$17,14,0)+IF('Standard Profiles'!$G$21=$B$24,21,0),MOD($C8135,24)+1)/SUM(INDEX($D$3:$AA$30,INDEX(Jesper!$R$2:$R$366,ROW(INDEX(Jesper!AK$2:AK$366,ROUNDDOWN($C8135/24,0)+1,1))-1)+IF('Standard Profiles'!$G$21=$B$10,7,0)+IF('Standard Profiles'!$G$21=$B$17,14,0)+IF('Standard Profiles'!$G$21=$B$24,21,0),0)),0)</f>
        <v>0</v>
      </c>
      <c r="H8135" cm="1">
        <f t="array" ref="H8135">IFERROR(INDEX(Jesper!AL$2:AL$366,ROUNDDOWN($C8135/24,0)+1,1)*INDEX($D$3:$AA$30,INDEX(Jesper!$R$2:$R$366,ROW(INDEX(Jesper!AL$2:AL$366,ROUNDDOWN($C8135/24,0)+1,1))-1)+IF('Standard Profiles'!$G$22=$B$10,7,0)+IF('Standard Profiles'!$G$22=$B$17,14,0)+IF('Standard Profiles'!$G$22=$B$24,21,0),MOD($C8135,24)+1)/SUM(INDEX($D$3:$AA$30,INDEX(Jesper!$R$2:$R$366,ROW(INDEX(Jesper!AL$2:AL$366,ROUNDDOWN($C8135/24,0)+1,1))-1)+IF('Standard Profiles'!$G$22=$B$10,7,0)+IF('Standard Profiles'!$G$22=$B$17,14,0)+IF('Standard Profiles'!$G$22=$B$24,21,0),0)),0)</f>
        <v>0</v>
      </c>
      <c r="I8135">
        <f t="shared" si="902"/>
        <v>0.52515419204342106</v>
      </c>
      <c r="J8135">
        <f t="shared" si="903"/>
        <v>1.7505139734780704</v>
      </c>
      <c r="K8135">
        <f t="shared" si="904"/>
        <v>2.6257709602171051</v>
      </c>
      <c r="L8135">
        <f t="shared" si="905"/>
        <v>12.603700609042106</v>
      </c>
      <c r="M8135">
        <f t="shared" si="906"/>
        <v>0</v>
      </c>
      <c r="N8135" s="46">
        <f t="shared" si="907"/>
        <v>45629.541666647019</v>
      </c>
    </row>
    <row r="8136" spans="2:14" x14ac:dyDescent="0.3">
      <c r="B8136">
        <f t="shared" si="901"/>
        <v>2</v>
      </c>
      <c r="C8136" s="16">
        <v>8102</v>
      </c>
      <c r="D8136" cm="1">
        <f t="array" ref="D8136">IFERROR(INDEX(Jesper!AH$2:AH$366,ROUNDDOWN($C8136/24,0)+1,1)*INDEX($D$3:$AA$30,INDEX(Jesper!$R$2:$R$366,ROW(INDEX(Jesper!AH$2:AH$366,ROUNDDOWN($C8136/24,0)+1,1))-1)+IF('Standard Profiles'!$G$18=$B$10,7,0)+IF('Standard Profiles'!$G$18=$B$17,14,0)+IF('Standard Profiles'!$G$18=$B$24,21,0),MOD($C8136,24)+1)/SUM(INDEX($D$3:$AA$30,INDEX(Jesper!$R$2:$R$366,ROW(INDEX(Jesper!AH$2:AH$366,ROUNDDOWN($C8136/24,0)+1,1))-1)+IF('Standard Profiles'!$G$18=$B$10,7,0)+IF('Standard Profiles'!$G$18=$B$17,14,0)+IF('Standard Profiles'!$G$18=$B$24,21,0),0)),0)</f>
        <v>17.505139734780702</v>
      </c>
      <c r="E8136" cm="1">
        <f t="array" ref="E8136">IFERROR(INDEX(Jesper!AI$2:AI$366,ROUNDDOWN($C8136/24,0)+1,1)*INDEX($D$3:$AA$30,INDEX(Jesper!$R$2:$R$366,ROW(INDEX(Jesper!AI$2:AI$366,ROUNDDOWN($C8136/24,0)+1,1))-1)+IF('Standard Profiles'!$G$19=$B$10,7,0)+IF('Standard Profiles'!$G$19=$B$17,14,0)+IF('Standard Profiles'!$G$19=$B$24,21,0),MOD($C8136,24)+1)/SUM(INDEX($D$3:$AA$30,INDEX(Jesper!$R$2:$R$366,ROW(INDEX(Jesper!AI$2:AI$366,ROUNDDOWN($C8136/24,0)+1,1))-1)+IF('Standard Profiles'!$G$19=$B$10,7,0)+IF('Standard Profiles'!$G$19=$B$17,14,0)+IF('Standard Profiles'!$G$19=$B$24,21,0),0)),0)</f>
        <v>0</v>
      </c>
      <c r="F8136" cm="1">
        <f t="array" ref="F8136">IFERROR(INDEX(Jesper!AJ$2:AJ$366,ROUNDDOWN($C8136/24,0)+1,1)*INDEX($D$3:$AA$30,INDEX(Jesper!$R$2:$R$366,ROW(INDEX(Jesper!AJ$2:AJ$366,ROUNDDOWN($C8136/24,0)+1,1))-1)+IF('Standard Profiles'!$G$20=$B$10,7,0)+IF('Standard Profiles'!$G$20=$B$17,14,0)+IF('Standard Profiles'!$G$20=$B$24,21,0),MOD($C8136,24)+1)/SUM(INDEX($D$3:$AA$30,INDEX(Jesper!$R$2:$R$366,ROW(INDEX(Jesper!AJ$2:AJ$366,ROUNDDOWN($C8136/24,0)+1,1))-1)+IF('Standard Profiles'!$G$20=$B$10,7,0)+IF('Standard Profiles'!$G$20=$B$17,14,0)+IF('Standard Profiles'!$G$20=$B$24,21,0),0)),0)</f>
        <v>0</v>
      </c>
      <c r="G8136" cm="1">
        <f t="array" ref="G8136">IFERROR(INDEX(Jesper!AK$2:AK$366,ROUNDDOWN($C8136/24,0)+1,1)*INDEX($D$3:$AA$30,INDEX(Jesper!$R$2:$R$366,ROW(INDEX(Jesper!AK$2:AK$366,ROUNDDOWN($C8136/24,0)+1,1))-1)+IF('Standard Profiles'!$G$21=$B$10,7,0)+IF('Standard Profiles'!$G$21=$B$17,14,0)+IF('Standard Profiles'!$G$21=$B$24,21,0),MOD($C8136,24)+1)/SUM(INDEX($D$3:$AA$30,INDEX(Jesper!$R$2:$R$366,ROW(INDEX(Jesper!AK$2:AK$366,ROUNDDOWN($C8136/24,0)+1,1))-1)+IF('Standard Profiles'!$G$21=$B$10,7,0)+IF('Standard Profiles'!$G$21=$B$17,14,0)+IF('Standard Profiles'!$G$21=$B$24,21,0),0)),0)</f>
        <v>0</v>
      </c>
      <c r="H8136" cm="1">
        <f t="array" ref="H8136">IFERROR(INDEX(Jesper!AL$2:AL$366,ROUNDDOWN($C8136/24,0)+1,1)*INDEX($D$3:$AA$30,INDEX(Jesper!$R$2:$R$366,ROW(INDEX(Jesper!AL$2:AL$366,ROUNDDOWN($C8136/24,0)+1,1))-1)+IF('Standard Profiles'!$G$22=$B$10,7,0)+IF('Standard Profiles'!$G$22=$B$17,14,0)+IF('Standard Profiles'!$G$22=$B$24,21,0),MOD($C8136,24)+1)/SUM(INDEX($D$3:$AA$30,INDEX(Jesper!$R$2:$R$366,ROW(INDEX(Jesper!AL$2:AL$366,ROUNDDOWN($C8136/24,0)+1,1))-1)+IF('Standard Profiles'!$G$22=$B$10,7,0)+IF('Standard Profiles'!$G$22=$B$17,14,0)+IF('Standard Profiles'!$G$22=$B$24,21,0),0)),0)</f>
        <v>0</v>
      </c>
      <c r="I8136">
        <f t="shared" si="902"/>
        <v>0.52515419204342106</v>
      </c>
      <c r="J8136">
        <f t="shared" si="903"/>
        <v>1.7505139734780704</v>
      </c>
      <c r="K8136">
        <f t="shared" si="904"/>
        <v>2.6257709602171051</v>
      </c>
      <c r="L8136">
        <f t="shared" si="905"/>
        <v>12.603700609042106</v>
      </c>
      <c r="M8136">
        <f t="shared" si="906"/>
        <v>0</v>
      </c>
      <c r="N8136" s="46">
        <f t="shared" si="907"/>
        <v>45629.583333313683</v>
      </c>
    </row>
    <row r="8137" spans="2:14" x14ac:dyDescent="0.3">
      <c r="B8137">
        <f t="shared" si="901"/>
        <v>2</v>
      </c>
      <c r="C8137" s="16">
        <v>8103</v>
      </c>
      <c r="D8137" cm="1">
        <f t="array" ref="D8137">IFERROR(INDEX(Jesper!AH$2:AH$366,ROUNDDOWN($C8137/24,0)+1,1)*INDEX($D$3:$AA$30,INDEX(Jesper!$R$2:$R$366,ROW(INDEX(Jesper!AH$2:AH$366,ROUNDDOWN($C8137/24,0)+1,1))-1)+IF('Standard Profiles'!$G$18=$B$10,7,0)+IF('Standard Profiles'!$G$18=$B$17,14,0)+IF('Standard Profiles'!$G$18=$B$24,21,0),MOD($C8137,24)+1)/SUM(INDEX($D$3:$AA$30,INDEX(Jesper!$R$2:$R$366,ROW(INDEX(Jesper!AH$2:AH$366,ROUNDDOWN($C8137/24,0)+1,1))-1)+IF('Standard Profiles'!$G$18=$B$10,7,0)+IF('Standard Profiles'!$G$18=$B$17,14,0)+IF('Standard Profiles'!$G$18=$B$24,21,0),0)),0)</f>
        <v>17.505139734780702</v>
      </c>
      <c r="E8137" cm="1">
        <f t="array" ref="E8137">IFERROR(INDEX(Jesper!AI$2:AI$366,ROUNDDOWN($C8137/24,0)+1,1)*INDEX($D$3:$AA$30,INDEX(Jesper!$R$2:$R$366,ROW(INDEX(Jesper!AI$2:AI$366,ROUNDDOWN($C8137/24,0)+1,1))-1)+IF('Standard Profiles'!$G$19=$B$10,7,0)+IF('Standard Profiles'!$G$19=$B$17,14,0)+IF('Standard Profiles'!$G$19=$B$24,21,0),MOD($C8137,24)+1)/SUM(INDEX($D$3:$AA$30,INDEX(Jesper!$R$2:$R$366,ROW(INDEX(Jesper!AI$2:AI$366,ROUNDDOWN($C8137/24,0)+1,1))-1)+IF('Standard Profiles'!$G$19=$B$10,7,0)+IF('Standard Profiles'!$G$19=$B$17,14,0)+IF('Standard Profiles'!$G$19=$B$24,21,0),0)),0)</f>
        <v>0</v>
      </c>
      <c r="F8137" cm="1">
        <f t="array" ref="F8137">IFERROR(INDEX(Jesper!AJ$2:AJ$366,ROUNDDOWN($C8137/24,0)+1,1)*INDEX($D$3:$AA$30,INDEX(Jesper!$R$2:$R$366,ROW(INDEX(Jesper!AJ$2:AJ$366,ROUNDDOWN($C8137/24,0)+1,1))-1)+IF('Standard Profiles'!$G$20=$B$10,7,0)+IF('Standard Profiles'!$G$20=$B$17,14,0)+IF('Standard Profiles'!$G$20=$B$24,21,0),MOD($C8137,24)+1)/SUM(INDEX($D$3:$AA$30,INDEX(Jesper!$R$2:$R$366,ROW(INDEX(Jesper!AJ$2:AJ$366,ROUNDDOWN($C8137/24,0)+1,1))-1)+IF('Standard Profiles'!$G$20=$B$10,7,0)+IF('Standard Profiles'!$G$20=$B$17,14,0)+IF('Standard Profiles'!$G$20=$B$24,21,0),0)),0)</f>
        <v>0</v>
      </c>
      <c r="G8137" cm="1">
        <f t="array" ref="G8137">IFERROR(INDEX(Jesper!AK$2:AK$366,ROUNDDOWN($C8137/24,0)+1,1)*INDEX($D$3:$AA$30,INDEX(Jesper!$R$2:$R$366,ROW(INDEX(Jesper!AK$2:AK$366,ROUNDDOWN($C8137/24,0)+1,1))-1)+IF('Standard Profiles'!$G$21=$B$10,7,0)+IF('Standard Profiles'!$G$21=$B$17,14,0)+IF('Standard Profiles'!$G$21=$B$24,21,0),MOD($C8137,24)+1)/SUM(INDEX($D$3:$AA$30,INDEX(Jesper!$R$2:$R$366,ROW(INDEX(Jesper!AK$2:AK$366,ROUNDDOWN($C8137/24,0)+1,1))-1)+IF('Standard Profiles'!$G$21=$B$10,7,0)+IF('Standard Profiles'!$G$21=$B$17,14,0)+IF('Standard Profiles'!$G$21=$B$24,21,0),0)),0)</f>
        <v>0</v>
      </c>
      <c r="H8137" cm="1">
        <f t="array" ref="H8137">IFERROR(INDEX(Jesper!AL$2:AL$366,ROUNDDOWN($C8137/24,0)+1,1)*INDEX($D$3:$AA$30,INDEX(Jesper!$R$2:$R$366,ROW(INDEX(Jesper!AL$2:AL$366,ROUNDDOWN($C8137/24,0)+1,1))-1)+IF('Standard Profiles'!$G$22=$B$10,7,0)+IF('Standard Profiles'!$G$22=$B$17,14,0)+IF('Standard Profiles'!$G$22=$B$24,21,0),MOD($C8137,24)+1)/SUM(INDEX($D$3:$AA$30,INDEX(Jesper!$R$2:$R$366,ROW(INDEX(Jesper!AL$2:AL$366,ROUNDDOWN($C8137/24,0)+1,1))-1)+IF('Standard Profiles'!$G$22=$B$10,7,0)+IF('Standard Profiles'!$G$22=$B$17,14,0)+IF('Standard Profiles'!$G$22=$B$24,21,0),0)),0)</f>
        <v>0</v>
      </c>
      <c r="I8137">
        <f t="shared" si="902"/>
        <v>0.52515419204342106</v>
      </c>
      <c r="J8137">
        <f t="shared" si="903"/>
        <v>1.7505139734780704</v>
      </c>
      <c r="K8137">
        <f t="shared" si="904"/>
        <v>2.6257709602171051</v>
      </c>
      <c r="L8137">
        <f t="shared" si="905"/>
        <v>12.603700609042106</v>
      </c>
      <c r="M8137">
        <f t="shared" si="906"/>
        <v>0</v>
      </c>
      <c r="N8137" s="46">
        <f t="shared" si="907"/>
        <v>45629.624999980348</v>
      </c>
    </row>
    <row r="8138" spans="2:14" x14ac:dyDescent="0.3">
      <c r="B8138">
        <f t="shared" si="901"/>
        <v>2</v>
      </c>
      <c r="C8138" s="16">
        <v>8104</v>
      </c>
      <c r="D8138" cm="1">
        <f t="array" ref="D8138">IFERROR(INDEX(Jesper!AH$2:AH$366,ROUNDDOWN($C8138/24,0)+1,1)*INDEX($D$3:$AA$30,INDEX(Jesper!$R$2:$R$366,ROW(INDEX(Jesper!AH$2:AH$366,ROUNDDOWN($C8138/24,0)+1,1))-1)+IF('Standard Profiles'!$G$18=$B$10,7,0)+IF('Standard Profiles'!$G$18=$B$17,14,0)+IF('Standard Profiles'!$G$18=$B$24,21,0),MOD($C8138,24)+1)/SUM(INDEX($D$3:$AA$30,INDEX(Jesper!$R$2:$R$366,ROW(INDEX(Jesper!AH$2:AH$366,ROUNDDOWN($C8138/24,0)+1,1))-1)+IF('Standard Profiles'!$G$18=$B$10,7,0)+IF('Standard Profiles'!$G$18=$B$17,14,0)+IF('Standard Profiles'!$G$18=$B$24,21,0),0)),0)</f>
        <v>17.505139734780702</v>
      </c>
      <c r="E8138" cm="1">
        <f t="array" ref="E8138">IFERROR(INDEX(Jesper!AI$2:AI$366,ROUNDDOWN($C8138/24,0)+1,1)*INDEX($D$3:$AA$30,INDEX(Jesper!$R$2:$R$366,ROW(INDEX(Jesper!AI$2:AI$366,ROUNDDOWN($C8138/24,0)+1,1))-1)+IF('Standard Profiles'!$G$19=$B$10,7,0)+IF('Standard Profiles'!$G$19=$B$17,14,0)+IF('Standard Profiles'!$G$19=$B$24,21,0),MOD($C8138,24)+1)/SUM(INDEX($D$3:$AA$30,INDEX(Jesper!$R$2:$R$366,ROW(INDEX(Jesper!AI$2:AI$366,ROUNDDOWN($C8138/24,0)+1,1))-1)+IF('Standard Profiles'!$G$19=$B$10,7,0)+IF('Standard Profiles'!$G$19=$B$17,14,0)+IF('Standard Profiles'!$G$19=$B$24,21,0),0)),0)</f>
        <v>0</v>
      </c>
      <c r="F8138" cm="1">
        <f t="array" ref="F8138">IFERROR(INDEX(Jesper!AJ$2:AJ$366,ROUNDDOWN($C8138/24,0)+1,1)*INDEX($D$3:$AA$30,INDEX(Jesper!$R$2:$R$366,ROW(INDEX(Jesper!AJ$2:AJ$366,ROUNDDOWN($C8138/24,0)+1,1))-1)+IF('Standard Profiles'!$G$20=$B$10,7,0)+IF('Standard Profiles'!$G$20=$B$17,14,0)+IF('Standard Profiles'!$G$20=$B$24,21,0),MOD($C8138,24)+1)/SUM(INDEX($D$3:$AA$30,INDEX(Jesper!$R$2:$R$366,ROW(INDEX(Jesper!AJ$2:AJ$366,ROUNDDOWN($C8138/24,0)+1,1))-1)+IF('Standard Profiles'!$G$20=$B$10,7,0)+IF('Standard Profiles'!$G$20=$B$17,14,0)+IF('Standard Profiles'!$G$20=$B$24,21,0),0)),0)</f>
        <v>0</v>
      </c>
      <c r="G8138" cm="1">
        <f t="array" ref="G8138">IFERROR(INDEX(Jesper!AK$2:AK$366,ROUNDDOWN($C8138/24,0)+1,1)*INDEX($D$3:$AA$30,INDEX(Jesper!$R$2:$R$366,ROW(INDEX(Jesper!AK$2:AK$366,ROUNDDOWN($C8138/24,0)+1,1))-1)+IF('Standard Profiles'!$G$21=$B$10,7,0)+IF('Standard Profiles'!$G$21=$B$17,14,0)+IF('Standard Profiles'!$G$21=$B$24,21,0),MOD($C8138,24)+1)/SUM(INDEX($D$3:$AA$30,INDEX(Jesper!$R$2:$R$366,ROW(INDEX(Jesper!AK$2:AK$366,ROUNDDOWN($C8138/24,0)+1,1))-1)+IF('Standard Profiles'!$G$21=$B$10,7,0)+IF('Standard Profiles'!$G$21=$B$17,14,0)+IF('Standard Profiles'!$G$21=$B$24,21,0),0)),0)</f>
        <v>0</v>
      </c>
      <c r="H8138" cm="1">
        <f t="array" ref="H8138">IFERROR(INDEX(Jesper!AL$2:AL$366,ROUNDDOWN($C8138/24,0)+1,1)*INDEX($D$3:$AA$30,INDEX(Jesper!$R$2:$R$366,ROW(INDEX(Jesper!AL$2:AL$366,ROUNDDOWN($C8138/24,0)+1,1))-1)+IF('Standard Profiles'!$G$22=$B$10,7,0)+IF('Standard Profiles'!$G$22=$B$17,14,0)+IF('Standard Profiles'!$G$22=$B$24,21,0),MOD($C8138,24)+1)/SUM(INDEX($D$3:$AA$30,INDEX(Jesper!$R$2:$R$366,ROW(INDEX(Jesper!AL$2:AL$366,ROUNDDOWN($C8138/24,0)+1,1))-1)+IF('Standard Profiles'!$G$22=$B$10,7,0)+IF('Standard Profiles'!$G$22=$B$17,14,0)+IF('Standard Profiles'!$G$22=$B$24,21,0),0)),0)</f>
        <v>0</v>
      </c>
      <c r="I8138">
        <f t="shared" si="902"/>
        <v>0.52515419204342106</v>
      </c>
      <c r="J8138">
        <f t="shared" si="903"/>
        <v>1.7505139734780704</v>
      </c>
      <c r="K8138">
        <f t="shared" si="904"/>
        <v>2.6257709602171051</v>
      </c>
      <c r="L8138">
        <f t="shared" si="905"/>
        <v>12.603700609042106</v>
      </c>
      <c r="M8138">
        <f t="shared" si="906"/>
        <v>0</v>
      </c>
      <c r="N8138" s="46">
        <f t="shared" si="907"/>
        <v>45629.666666647012</v>
      </c>
    </row>
    <row r="8139" spans="2:14" x14ac:dyDescent="0.3">
      <c r="B8139">
        <f t="shared" si="901"/>
        <v>2</v>
      </c>
      <c r="C8139" s="16">
        <v>8105</v>
      </c>
      <c r="D8139" cm="1">
        <f t="array" ref="D8139">IFERROR(INDEX(Jesper!AH$2:AH$366,ROUNDDOWN($C8139/24,0)+1,1)*INDEX($D$3:$AA$30,INDEX(Jesper!$R$2:$R$366,ROW(INDEX(Jesper!AH$2:AH$366,ROUNDDOWN($C8139/24,0)+1,1))-1)+IF('Standard Profiles'!$G$18=$B$10,7,0)+IF('Standard Profiles'!$G$18=$B$17,14,0)+IF('Standard Profiles'!$G$18=$B$24,21,0),MOD($C8139,24)+1)/SUM(INDEX($D$3:$AA$30,INDEX(Jesper!$R$2:$R$366,ROW(INDEX(Jesper!AH$2:AH$366,ROUNDDOWN($C8139/24,0)+1,1))-1)+IF('Standard Profiles'!$G$18=$B$10,7,0)+IF('Standard Profiles'!$G$18=$B$17,14,0)+IF('Standard Profiles'!$G$18=$B$24,21,0),0)),0)</f>
        <v>17.505139734780702</v>
      </c>
      <c r="E8139" cm="1">
        <f t="array" ref="E8139">IFERROR(INDEX(Jesper!AI$2:AI$366,ROUNDDOWN($C8139/24,0)+1,1)*INDEX($D$3:$AA$30,INDEX(Jesper!$R$2:$R$366,ROW(INDEX(Jesper!AI$2:AI$366,ROUNDDOWN($C8139/24,0)+1,1))-1)+IF('Standard Profiles'!$G$19=$B$10,7,0)+IF('Standard Profiles'!$G$19=$B$17,14,0)+IF('Standard Profiles'!$G$19=$B$24,21,0),MOD($C8139,24)+1)/SUM(INDEX($D$3:$AA$30,INDEX(Jesper!$R$2:$R$366,ROW(INDEX(Jesper!AI$2:AI$366,ROUNDDOWN($C8139/24,0)+1,1))-1)+IF('Standard Profiles'!$G$19=$B$10,7,0)+IF('Standard Profiles'!$G$19=$B$17,14,0)+IF('Standard Profiles'!$G$19=$B$24,21,0),0)),0)</f>
        <v>0</v>
      </c>
      <c r="F8139" cm="1">
        <f t="array" ref="F8139">IFERROR(INDEX(Jesper!AJ$2:AJ$366,ROUNDDOWN($C8139/24,0)+1,1)*INDEX($D$3:$AA$30,INDEX(Jesper!$R$2:$R$366,ROW(INDEX(Jesper!AJ$2:AJ$366,ROUNDDOWN($C8139/24,0)+1,1))-1)+IF('Standard Profiles'!$G$20=$B$10,7,0)+IF('Standard Profiles'!$G$20=$B$17,14,0)+IF('Standard Profiles'!$G$20=$B$24,21,0),MOD($C8139,24)+1)/SUM(INDEX($D$3:$AA$30,INDEX(Jesper!$R$2:$R$366,ROW(INDEX(Jesper!AJ$2:AJ$366,ROUNDDOWN($C8139/24,0)+1,1))-1)+IF('Standard Profiles'!$G$20=$B$10,7,0)+IF('Standard Profiles'!$G$20=$B$17,14,0)+IF('Standard Profiles'!$G$20=$B$24,21,0),0)),0)</f>
        <v>0</v>
      </c>
      <c r="G8139" cm="1">
        <f t="array" ref="G8139">IFERROR(INDEX(Jesper!AK$2:AK$366,ROUNDDOWN($C8139/24,0)+1,1)*INDEX($D$3:$AA$30,INDEX(Jesper!$R$2:$R$366,ROW(INDEX(Jesper!AK$2:AK$366,ROUNDDOWN($C8139/24,0)+1,1))-1)+IF('Standard Profiles'!$G$21=$B$10,7,0)+IF('Standard Profiles'!$G$21=$B$17,14,0)+IF('Standard Profiles'!$G$21=$B$24,21,0),MOD($C8139,24)+1)/SUM(INDEX($D$3:$AA$30,INDEX(Jesper!$R$2:$R$366,ROW(INDEX(Jesper!AK$2:AK$366,ROUNDDOWN($C8139/24,0)+1,1))-1)+IF('Standard Profiles'!$G$21=$B$10,7,0)+IF('Standard Profiles'!$G$21=$B$17,14,0)+IF('Standard Profiles'!$G$21=$B$24,21,0),0)),0)</f>
        <v>0</v>
      </c>
      <c r="H8139" cm="1">
        <f t="array" ref="H8139">IFERROR(INDEX(Jesper!AL$2:AL$366,ROUNDDOWN($C8139/24,0)+1,1)*INDEX($D$3:$AA$30,INDEX(Jesper!$R$2:$R$366,ROW(INDEX(Jesper!AL$2:AL$366,ROUNDDOWN($C8139/24,0)+1,1))-1)+IF('Standard Profiles'!$G$22=$B$10,7,0)+IF('Standard Profiles'!$G$22=$B$17,14,0)+IF('Standard Profiles'!$G$22=$B$24,21,0),MOD($C8139,24)+1)/SUM(INDEX($D$3:$AA$30,INDEX(Jesper!$R$2:$R$366,ROW(INDEX(Jesper!AL$2:AL$366,ROUNDDOWN($C8139/24,0)+1,1))-1)+IF('Standard Profiles'!$G$22=$B$10,7,0)+IF('Standard Profiles'!$G$22=$B$17,14,0)+IF('Standard Profiles'!$G$22=$B$24,21,0),0)),0)</f>
        <v>0</v>
      </c>
      <c r="I8139">
        <f t="shared" si="902"/>
        <v>0.52515419204342106</v>
      </c>
      <c r="J8139">
        <f t="shared" si="903"/>
        <v>1.7505139734780704</v>
      </c>
      <c r="K8139">
        <f t="shared" si="904"/>
        <v>2.6257709602171051</v>
      </c>
      <c r="L8139">
        <f t="shared" si="905"/>
        <v>12.603700609042106</v>
      </c>
      <c r="M8139">
        <f t="shared" si="906"/>
        <v>0</v>
      </c>
      <c r="N8139" s="46">
        <f t="shared" si="907"/>
        <v>45629.708333313676</v>
      </c>
    </row>
    <row r="8140" spans="2:14" x14ac:dyDescent="0.3">
      <c r="B8140">
        <f t="shared" si="901"/>
        <v>2</v>
      </c>
      <c r="C8140" s="16">
        <v>8106</v>
      </c>
      <c r="D8140" cm="1">
        <f t="array" ref="D8140">IFERROR(INDEX(Jesper!AH$2:AH$366,ROUNDDOWN($C8140/24,0)+1,1)*INDEX($D$3:$AA$30,INDEX(Jesper!$R$2:$R$366,ROW(INDEX(Jesper!AH$2:AH$366,ROUNDDOWN($C8140/24,0)+1,1))-1)+IF('Standard Profiles'!$G$18=$B$10,7,0)+IF('Standard Profiles'!$G$18=$B$17,14,0)+IF('Standard Profiles'!$G$18=$B$24,21,0),MOD($C8140,24)+1)/SUM(INDEX($D$3:$AA$30,INDEX(Jesper!$R$2:$R$366,ROW(INDEX(Jesper!AH$2:AH$366,ROUNDDOWN($C8140/24,0)+1,1))-1)+IF('Standard Profiles'!$G$18=$B$10,7,0)+IF('Standard Profiles'!$G$18=$B$17,14,0)+IF('Standard Profiles'!$G$18=$B$24,21,0),0)),0)</f>
        <v>17.505139734780702</v>
      </c>
      <c r="E8140" cm="1">
        <f t="array" ref="E8140">IFERROR(INDEX(Jesper!AI$2:AI$366,ROUNDDOWN($C8140/24,0)+1,1)*INDEX($D$3:$AA$30,INDEX(Jesper!$R$2:$R$366,ROW(INDEX(Jesper!AI$2:AI$366,ROUNDDOWN($C8140/24,0)+1,1))-1)+IF('Standard Profiles'!$G$19=$B$10,7,0)+IF('Standard Profiles'!$G$19=$B$17,14,0)+IF('Standard Profiles'!$G$19=$B$24,21,0),MOD($C8140,24)+1)/SUM(INDEX($D$3:$AA$30,INDEX(Jesper!$R$2:$R$366,ROW(INDEX(Jesper!AI$2:AI$366,ROUNDDOWN($C8140/24,0)+1,1))-1)+IF('Standard Profiles'!$G$19=$B$10,7,0)+IF('Standard Profiles'!$G$19=$B$17,14,0)+IF('Standard Profiles'!$G$19=$B$24,21,0),0)),0)</f>
        <v>0</v>
      </c>
      <c r="F8140" cm="1">
        <f t="array" ref="F8140">IFERROR(INDEX(Jesper!AJ$2:AJ$366,ROUNDDOWN($C8140/24,0)+1,1)*INDEX($D$3:$AA$30,INDEX(Jesper!$R$2:$R$366,ROW(INDEX(Jesper!AJ$2:AJ$366,ROUNDDOWN($C8140/24,0)+1,1))-1)+IF('Standard Profiles'!$G$20=$B$10,7,0)+IF('Standard Profiles'!$G$20=$B$17,14,0)+IF('Standard Profiles'!$G$20=$B$24,21,0),MOD($C8140,24)+1)/SUM(INDEX($D$3:$AA$30,INDEX(Jesper!$R$2:$R$366,ROW(INDEX(Jesper!AJ$2:AJ$366,ROUNDDOWN($C8140/24,0)+1,1))-1)+IF('Standard Profiles'!$G$20=$B$10,7,0)+IF('Standard Profiles'!$G$20=$B$17,14,0)+IF('Standard Profiles'!$G$20=$B$24,21,0),0)),0)</f>
        <v>0</v>
      </c>
      <c r="G8140" cm="1">
        <f t="array" ref="G8140">IFERROR(INDEX(Jesper!AK$2:AK$366,ROUNDDOWN($C8140/24,0)+1,1)*INDEX($D$3:$AA$30,INDEX(Jesper!$R$2:$R$366,ROW(INDEX(Jesper!AK$2:AK$366,ROUNDDOWN($C8140/24,0)+1,1))-1)+IF('Standard Profiles'!$G$21=$B$10,7,0)+IF('Standard Profiles'!$G$21=$B$17,14,0)+IF('Standard Profiles'!$G$21=$B$24,21,0),MOD($C8140,24)+1)/SUM(INDEX($D$3:$AA$30,INDEX(Jesper!$R$2:$R$366,ROW(INDEX(Jesper!AK$2:AK$366,ROUNDDOWN($C8140/24,0)+1,1))-1)+IF('Standard Profiles'!$G$21=$B$10,7,0)+IF('Standard Profiles'!$G$21=$B$17,14,0)+IF('Standard Profiles'!$G$21=$B$24,21,0),0)),0)</f>
        <v>0</v>
      </c>
      <c r="H8140" cm="1">
        <f t="array" ref="H8140">IFERROR(INDEX(Jesper!AL$2:AL$366,ROUNDDOWN($C8140/24,0)+1,1)*INDEX($D$3:$AA$30,INDEX(Jesper!$R$2:$R$366,ROW(INDEX(Jesper!AL$2:AL$366,ROUNDDOWN($C8140/24,0)+1,1))-1)+IF('Standard Profiles'!$G$22=$B$10,7,0)+IF('Standard Profiles'!$G$22=$B$17,14,0)+IF('Standard Profiles'!$G$22=$B$24,21,0),MOD($C8140,24)+1)/SUM(INDEX($D$3:$AA$30,INDEX(Jesper!$R$2:$R$366,ROW(INDEX(Jesper!AL$2:AL$366,ROUNDDOWN($C8140/24,0)+1,1))-1)+IF('Standard Profiles'!$G$22=$B$10,7,0)+IF('Standard Profiles'!$G$22=$B$17,14,0)+IF('Standard Profiles'!$G$22=$B$24,21,0),0)),0)</f>
        <v>0</v>
      </c>
      <c r="I8140">
        <f t="shared" si="902"/>
        <v>0.52515419204342106</v>
      </c>
      <c r="J8140">
        <f t="shared" si="903"/>
        <v>1.7505139734780704</v>
      </c>
      <c r="K8140">
        <f t="shared" si="904"/>
        <v>2.6257709602171051</v>
      </c>
      <c r="L8140">
        <f t="shared" si="905"/>
        <v>12.603700609042106</v>
      </c>
      <c r="M8140">
        <f t="shared" si="906"/>
        <v>0</v>
      </c>
      <c r="N8140" s="46">
        <f t="shared" si="907"/>
        <v>45629.74999998034</v>
      </c>
    </row>
    <row r="8141" spans="2:14" x14ac:dyDescent="0.3">
      <c r="B8141">
        <f t="shared" si="901"/>
        <v>2</v>
      </c>
      <c r="C8141" s="16">
        <v>8107</v>
      </c>
      <c r="D8141" cm="1">
        <f t="array" ref="D8141">IFERROR(INDEX(Jesper!AH$2:AH$366,ROUNDDOWN($C8141/24,0)+1,1)*INDEX($D$3:$AA$30,INDEX(Jesper!$R$2:$R$366,ROW(INDEX(Jesper!AH$2:AH$366,ROUNDDOWN($C8141/24,0)+1,1))-1)+IF('Standard Profiles'!$G$18=$B$10,7,0)+IF('Standard Profiles'!$G$18=$B$17,14,0)+IF('Standard Profiles'!$G$18=$B$24,21,0),MOD($C8141,24)+1)/SUM(INDEX($D$3:$AA$30,INDEX(Jesper!$R$2:$R$366,ROW(INDEX(Jesper!AH$2:AH$366,ROUNDDOWN($C8141/24,0)+1,1))-1)+IF('Standard Profiles'!$G$18=$B$10,7,0)+IF('Standard Profiles'!$G$18=$B$17,14,0)+IF('Standard Profiles'!$G$18=$B$24,21,0),0)),0)</f>
        <v>14.660554527878841</v>
      </c>
      <c r="E8141" cm="1">
        <f t="array" ref="E8141">IFERROR(INDEX(Jesper!AI$2:AI$366,ROUNDDOWN($C8141/24,0)+1,1)*INDEX($D$3:$AA$30,INDEX(Jesper!$R$2:$R$366,ROW(INDEX(Jesper!AI$2:AI$366,ROUNDDOWN($C8141/24,0)+1,1))-1)+IF('Standard Profiles'!$G$19=$B$10,7,0)+IF('Standard Profiles'!$G$19=$B$17,14,0)+IF('Standard Profiles'!$G$19=$B$24,21,0),MOD($C8141,24)+1)/SUM(INDEX($D$3:$AA$30,INDEX(Jesper!$R$2:$R$366,ROW(INDEX(Jesper!AI$2:AI$366,ROUNDDOWN($C8141/24,0)+1,1))-1)+IF('Standard Profiles'!$G$19=$B$10,7,0)+IF('Standard Profiles'!$G$19=$B$17,14,0)+IF('Standard Profiles'!$G$19=$B$24,21,0),0)),0)</f>
        <v>0</v>
      </c>
      <c r="F8141" cm="1">
        <f t="array" ref="F8141">IFERROR(INDEX(Jesper!AJ$2:AJ$366,ROUNDDOWN($C8141/24,0)+1,1)*INDEX($D$3:$AA$30,INDEX(Jesper!$R$2:$R$366,ROW(INDEX(Jesper!AJ$2:AJ$366,ROUNDDOWN($C8141/24,0)+1,1))-1)+IF('Standard Profiles'!$G$20=$B$10,7,0)+IF('Standard Profiles'!$G$20=$B$17,14,0)+IF('Standard Profiles'!$G$20=$B$24,21,0),MOD($C8141,24)+1)/SUM(INDEX($D$3:$AA$30,INDEX(Jesper!$R$2:$R$366,ROW(INDEX(Jesper!AJ$2:AJ$366,ROUNDDOWN($C8141/24,0)+1,1))-1)+IF('Standard Profiles'!$G$20=$B$10,7,0)+IF('Standard Profiles'!$G$20=$B$17,14,0)+IF('Standard Profiles'!$G$20=$B$24,21,0),0)),0)</f>
        <v>0</v>
      </c>
      <c r="G8141" cm="1">
        <f t="array" ref="G8141">IFERROR(INDEX(Jesper!AK$2:AK$366,ROUNDDOWN($C8141/24,0)+1,1)*INDEX($D$3:$AA$30,INDEX(Jesper!$R$2:$R$366,ROW(INDEX(Jesper!AK$2:AK$366,ROUNDDOWN($C8141/24,0)+1,1))-1)+IF('Standard Profiles'!$G$21=$B$10,7,0)+IF('Standard Profiles'!$G$21=$B$17,14,0)+IF('Standard Profiles'!$G$21=$B$24,21,0),MOD($C8141,24)+1)/SUM(INDEX($D$3:$AA$30,INDEX(Jesper!$R$2:$R$366,ROW(INDEX(Jesper!AK$2:AK$366,ROUNDDOWN($C8141/24,0)+1,1))-1)+IF('Standard Profiles'!$G$21=$B$10,7,0)+IF('Standard Profiles'!$G$21=$B$17,14,0)+IF('Standard Profiles'!$G$21=$B$24,21,0),0)),0)</f>
        <v>0</v>
      </c>
      <c r="H8141" cm="1">
        <f t="array" ref="H8141">IFERROR(INDEX(Jesper!AL$2:AL$366,ROUNDDOWN($C8141/24,0)+1,1)*INDEX($D$3:$AA$30,INDEX(Jesper!$R$2:$R$366,ROW(INDEX(Jesper!AL$2:AL$366,ROUNDDOWN($C8141/24,0)+1,1))-1)+IF('Standard Profiles'!$G$22=$B$10,7,0)+IF('Standard Profiles'!$G$22=$B$17,14,0)+IF('Standard Profiles'!$G$22=$B$24,21,0),MOD($C8141,24)+1)/SUM(INDEX($D$3:$AA$30,INDEX(Jesper!$R$2:$R$366,ROW(INDEX(Jesper!AL$2:AL$366,ROUNDDOWN($C8141/24,0)+1,1))-1)+IF('Standard Profiles'!$G$22=$B$10,7,0)+IF('Standard Profiles'!$G$22=$B$17,14,0)+IF('Standard Profiles'!$G$22=$B$24,21,0),0)),0)</f>
        <v>0</v>
      </c>
      <c r="I8141">
        <f t="shared" si="902"/>
        <v>0.43981663583636521</v>
      </c>
      <c r="J8141">
        <f t="shared" si="903"/>
        <v>1.4660554527878842</v>
      </c>
      <c r="K8141">
        <f t="shared" si="904"/>
        <v>2.1990831791818262</v>
      </c>
      <c r="L8141">
        <f t="shared" si="905"/>
        <v>10.555599260072764</v>
      </c>
      <c r="M8141">
        <f t="shared" si="906"/>
        <v>0</v>
      </c>
      <c r="N8141" s="46">
        <f t="shared" si="907"/>
        <v>45629.791666647005</v>
      </c>
    </row>
    <row r="8142" spans="2:14" x14ac:dyDescent="0.3">
      <c r="B8142">
        <f t="shared" si="901"/>
        <v>2</v>
      </c>
      <c r="C8142" s="16">
        <v>8108</v>
      </c>
      <c r="D8142" cm="1">
        <f t="array" ref="D8142">IFERROR(INDEX(Jesper!AH$2:AH$366,ROUNDDOWN($C8142/24,0)+1,1)*INDEX($D$3:$AA$30,INDEX(Jesper!$R$2:$R$366,ROW(INDEX(Jesper!AH$2:AH$366,ROUNDDOWN($C8142/24,0)+1,1))-1)+IF('Standard Profiles'!$G$18=$B$10,7,0)+IF('Standard Profiles'!$G$18=$B$17,14,0)+IF('Standard Profiles'!$G$18=$B$24,21,0),MOD($C8142,24)+1)/SUM(INDEX($D$3:$AA$30,INDEX(Jesper!$R$2:$R$366,ROW(INDEX(Jesper!AH$2:AH$366,ROUNDDOWN($C8142/24,0)+1,1))-1)+IF('Standard Profiles'!$G$18=$B$10,7,0)+IF('Standard Profiles'!$G$18=$B$17,14,0)+IF('Standard Profiles'!$G$18=$B$24,21,0),0)),0)</f>
        <v>12.034783567661732</v>
      </c>
      <c r="E8142" cm="1">
        <f t="array" ref="E8142">IFERROR(INDEX(Jesper!AI$2:AI$366,ROUNDDOWN($C8142/24,0)+1,1)*INDEX($D$3:$AA$30,INDEX(Jesper!$R$2:$R$366,ROW(INDEX(Jesper!AI$2:AI$366,ROUNDDOWN($C8142/24,0)+1,1))-1)+IF('Standard Profiles'!$G$19=$B$10,7,0)+IF('Standard Profiles'!$G$19=$B$17,14,0)+IF('Standard Profiles'!$G$19=$B$24,21,0),MOD($C8142,24)+1)/SUM(INDEX($D$3:$AA$30,INDEX(Jesper!$R$2:$R$366,ROW(INDEX(Jesper!AI$2:AI$366,ROUNDDOWN($C8142/24,0)+1,1))-1)+IF('Standard Profiles'!$G$19=$B$10,7,0)+IF('Standard Profiles'!$G$19=$B$17,14,0)+IF('Standard Profiles'!$G$19=$B$24,21,0),0)),0)</f>
        <v>0</v>
      </c>
      <c r="F8142" cm="1">
        <f t="array" ref="F8142">IFERROR(INDEX(Jesper!AJ$2:AJ$366,ROUNDDOWN($C8142/24,0)+1,1)*INDEX($D$3:$AA$30,INDEX(Jesper!$R$2:$R$366,ROW(INDEX(Jesper!AJ$2:AJ$366,ROUNDDOWN($C8142/24,0)+1,1))-1)+IF('Standard Profiles'!$G$20=$B$10,7,0)+IF('Standard Profiles'!$G$20=$B$17,14,0)+IF('Standard Profiles'!$G$20=$B$24,21,0),MOD($C8142,24)+1)/SUM(INDEX($D$3:$AA$30,INDEX(Jesper!$R$2:$R$366,ROW(INDEX(Jesper!AJ$2:AJ$366,ROUNDDOWN($C8142/24,0)+1,1))-1)+IF('Standard Profiles'!$G$20=$B$10,7,0)+IF('Standard Profiles'!$G$20=$B$17,14,0)+IF('Standard Profiles'!$G$20=$B$24,21,0),0)),0)</f>
        <v>0</v>
      </c>
      <c r="G8142" cm="1">
        <f t="array" ref="G8142">IFERROR(INDEX(Jesper!AK$2:AK$366,ROUNDDOWN($C8142/24,0)+1,1)*INDEX($D$3:$AA$30,INDEX(Jesper!$R$2:$R$366,ROW(INDEX(Jesper!AK$2:AK$366,ROUNDDOWN($C8142/24,0)+1,1))-1)+IF('Standard Profiles'!$G$21=$B$10,7,0)+IF('Standard Profiles'!$G$21=$B$17,14,0)+IF('Standard Profiles'!$G$21=$B$24,21,0),MOD($C8142,24)+1)/SUM(INDEX($D$3:$AA$30,INDEX(Jesper!$R$2:$R$366,ROW(INDEX(Jesper!AK$2:AK$366,ROUNDDOWN($C8142/24,0)+1,1))-1)+IF('Standard Profiles'!$G$21=$B$10,7,0)+IF('Standard Profiles'!$G$21=$B$17,14,0)+IF('Standard Profiles'!$G$21=$B$24,21,0),0)),0)</f>
        <v>0</v>
      </c>
      <c r="H8142" cm="1">
        <f t="array" ref="H8142">IFERROR(INDEX(Jesper!AL$2:AL$366,ROUNDDOWN($C8142/24,0)+1,1)*INDEX($D$3:$AA$30,INDEX(Jesper!$R$2:$R$366,ROW(INDEX(Jesper!AL$2:AL$366,ROUNDDOWN($C8142/24,0)+1,1))-1)+IF('Standard Profiles'!$G$22=$B$10,7,0)+IF('Standard Profiles'!$G$22=$B$17,14,0)+IF('Standard Profiles'!$G$22=$B$24,21,0),MOD($C8142,24)+1)/SUM(INDEX($D$3:$AA$30,INDEX(Jesper!$R$2:$R$366,ROW(INDEX(Jesper!AL$2:AL$366,ROUNDDOWN($C8142/24,0)+1,1))-1)+IF('Standard Profiles'!$G$22=$B$10,7,0)+IF('Standard Profiles'!$G$22=$B$17,14,0)+IF('Standard Profiles'!$G$22=$B$24,21,0),0)),0)</f>
        <v>0</v>
      </c>
      <c r="I8142">
        <f t="shared" si="902"/>
        <v>0.36104350702985194</v>
      </c>
      <c r="J8142">
        <f t="shared" si="903"/>
        <v>1.2034783567661733</v>
      </c>
      <c r="K8142">
        <f t="shared" si="904"/>
        <v>1.8052175351492596</v>
      </c>
      <c r="L8142">
        <f t="shared" si="905"/>
        <v>8.665044168716447</v>
      </c>
      <c r="M8142">
        <f t="shared" si="906"/>
        <v>0</v>
      </c>
      <c r="N8142" s="46">
        <f t="shared" si="907"/>
        <v>45629.833333313669</v>
      </c>
    </row>
    <row r="8143" spans="2:14" x14ac:dyDescent="0.3">
      <c r="B8143">
        <f t="shared" si="901"/>
        <v>2</v>
      </c>
      <c r="C8143" s="16">
        <v>8109</v>
      </c>
      <c r="D8143" cm="1">
        <f t="array" ref="D8143">IFERROR(INDEX(Jesper!AH$2:AH$366,ROUNDDOWN($C8143/24,0)+1,1)*INDEX($D$3:$AA$30,INDEX(Jesper!$R$2:$R$366,ROW(INDEX(Jesper!AH$2:AH$366,ROUNDDOWN($C8143/24,0)+1,1))-1)+IF('Standard Profiles'!$G$18=$B$10,7,0)+IF('Standard Profiles'!$G$18=$B$17,14,0)+IF('Standard Profiles'!$G$18=$B$24,21,0),MOD($C8143,24)+1)/SUM(INDEX($D$3:$AA$30,INDEX(Jesper!$R$2:$R$366,ROW(INDEX(Jesper!AH$2:AH$366,ROUNDDOWN($C8143/24,0)+1,1))-1)+IF('Standard Profiles'!$G$18=$B$10,7,0)+IF('Standard Profiles'!$G$18=$B$17,14,0)+IF('Standard Profiles'!$G$18=$B$24,21,0),0)),0)</f>
        <v>8.7525698673903509</v>
      </c>
      <c r="E8143" cm="1">
        <f t="array" ref="E8143">IFERROR(INDEX(Jesper!AI$2:AI$366,ROUNDDOWN($C8143/24,0)+1,1)*INDEX($D$3:$AA$30,INDEX(Jesper!$R$2:$R$366,ROW(INDEX(Jesper!AI$2:AI$366,ROUNDDOWN($C8143/24,0)+1,1))-1)+IF('Standard Profiles'!$G$19=$B$10,7,0)+IF('Standard Profiles'!$G$19=$B$17,14,0)+IF('Standard Profiles'!$G$19=$B$24,21,0),MOD($C8143,24)+1)/SUM(INDEX($D$3:$AA$30,INDEX(Jesper!$R$2:$R$366,ROW(INDEX(Jesper!AI$2:AI$366,ROUNDDOWN($C8143/24,0)+1,1))-1)+IF('Standard Profiles'!$G$19=$B$10,7,0)+IF('Standard Profiles'!$G$19=$B$17,14,0)+IF('Standard Profiles'!$G$19=$B$24,21,0),0)),0)</f>
        <v>0</v>
      </c>
      <c r="F8143" cm="1">
        <f t="array" ref="F8143">IFERROR(INDEX(Jesper!AJ$2:AJ$366,ROUNDDOWN($C8143/24,0)+1,1)*INDEX($D$3:$AA$30,INDEX(Jesper!$R$2:$R$366,ROW(INDEX(Jesper!AJ$2:AJ$366,ROUNDDOWN($C8143/24,0)+1,1))-1)+IF('Standard Profiles'!$G$20=$B$10,7,0)+IF('Standard Profiles'!$G$20=$B$17,14,0)+IF('Standard Profiles'!$G$20=$B$24,21,0),MOD($C8143,24)+1)/SUM(INDEX($D$3:$AA$30,INDEX(Jesper!$R$2:$R$366,ROW(INDEX(Jesper!AJ$2:AJ$366,ROUNDDOWN($C8143/24,0)+1,1))-1)+IF('Standard Profiles'!$G$20=$B$10,7,0)+IF('Standard Profiles'!$G$20=$B$17,14,0)+IF('Standard Profiles'!$G$20=$B$24,21,0),0)),0)</f>
        <v>0</v>
      </c>
      <c r="G8143" cm="1">
        <f t="array" ref="G8143">IFERROR(INDEX(Jesper!AK$2:AK$366,ROUNDDOWN($C8143/24,0)+1,1)*INDEX($D$3:$AA$30,INDEX(Jesper!$R$2:$R$366,ROW(INDEX(Jesper!AK$2:AK$366,ROUNDDOWN($C8143/24,0)+1,1))-1)+IF('Standard Profiles'!$G$21=$B$10,7,0)+IF('Standard Profiles'!$G$21=$B$17,14,0)+IF('Standard Profiles'!$G$21=$B$24,21,0),MOD($C8143,24)+1)/SUM(INDEX($D$3:$AA$30,INDEX(Jesper!$R$2:$R$366,ROW(INDEX(Jesper!AK$2:AK$366,ROUNDDOWN($C8143/24,0)+1,1))-1)+IF('Standard Profiles'!$G$21=$B$10,7,0)+IF('Standard Profiles'!$G$21=$B$17,14,0)+IF('Standard Profiles'!$G$21=$B$24,21,0),0)),0)</f>
        <v>0</v>
      </c>
      <c r="H8143" cm="1">
        <f t="array" ref="H8143">IFERROR(INDEX(Jesper!AL$2:AL$366,ROUNDDOWN($C8143/24,0)+1,1)*INDEX($D$3:$AA$30,INDEX(Jesper!$R$2:$R$366,ROW(INDEX(Jesper!AL$2:AL$366,ROUNDDOWN($C8143/24,0)+1,1))-1)+IF('Standard Profiles'!$G$22=$B$10,7,0)+IF('Standard Profiles'!$G$22=$B$17,14,0)+IF('Standard Profiles'!$G$22=$B$24,21,0),MOD($C8143,24)+1)/SUM(INDEX($D$3:$AA$30,INDEX(Jesper!$R$2:$R$366,ROW(INDEX(Jesper!AL$2:AL$366,ROUNDDOWN($C8143/24,0)+1,1))-1)+IF('Standard Profiles'!$G$22=$B$10,7,0)+IF('Standard Profiles'!$G$22=$B$17,14,0)+IF('Standard Profiles'!$G$22=$B$24,21,0),0)),0)</f>
        <v>0</v>
      </c>
      <c r="I8143">
        <f t="shared" si="902"/>
        <v>0.26257709602171053</v>
      </c>
      <c r="J8143">
        <f t="shared" si="903"/>
        <v>0.87525698673903518</v>
      </c>
      <c r="K8143">
        <f t="shared" si="904"/>
        <v>1.3128854801085525</v>
      </c>
      <c r="L8143">
        <f t="shared" si="905"/>
        <v>6.3018503045210528</v>
      </c>
      <c r="M8143">
        <f t="shared" si="906"/>
        <v>0</v>
      </c>
      <c r="N8143" s="46">
        <f t="shared" si="907"/>
        <v>45629.874999980333</v>
      </c>
    </row>
    <row r="8144" spans="2:14" x14ac:dyDescent="0.3">
      <c r="B8144">
        <f t="shared" si="901"/>
        <v>2</v>
      </c>
      <c r="C8144" s="16">
        <v>8110</v>
      </c>
      <c r="D8144" cm="1">
        <f t="array" ref="D8144">IFERROR(INDEX(Jesper!AH$2:AH$366,ROUNDDOWN($C8144/24,0)+1,1)*INDEX($D$3:$AA$30,INDEX(Jesper!$R$2:$R$366,ROW(INDEX(Jesper!AH$2:AH$366,ROUNDDOWN($C8144/24,0)+1,1))-1)+IF('Standard Profiles'!$G$18=$B$10,7,0)+IF('Standard Profiles'!$G$18=$B$17,14,0)+IF('Standard Profiles'!$G$18=$B$24,21,0),MOD($C8144,24)+1)/SUM(INDEX($D$3:$AA$30,INDEX(Jesper!$R$2:$R$366,ROW(INDEX(Jesper!AH$2:AH$366,ROUNDDOWN($C8144/24,0)+1,1))-1)+IF('Standard Profiles'!$G$18=$B$10,7,0)+IF('Standard Profiles'!$G$18=$B$17,14,0)+IF('Standard Profiles'!$G$18=$B$24,21,0),0)),0)</f>
        <v>8.7525698673903509</v>
      </c>
      <c r="E8144" cm="1">
        <f t="array" ref="E8144">IFERROR(INDEX(Jesper!AI$2:AI$366,ROUNDDOWN($C8144/24,0)+1,1)*INDEX($D$3:$AA$30,INDEX(Jesper!$R$2:$R$366,ROW(INDEX(Jesper!AI$2:AI$366,ROUNDDOWN($C8144/24,0)+1,1))-1)+IF('Standard Profiles'!$G$19=$B$10,7,0)+IF('Standard Profiles'!$G$19=$B$17,14,0)+IF('Standard Profiles'!$G$19=$B$24,21,0),MOD($C8144,24)+1)/SUM(INDEX($D$3:$AA$30,INDEX(Jesper!$R$2:$R$366,ROW(INDEX(Jesper!AI$2:AI$366,ROUNDDOWN($C8144/24,0)+1,1))-1)+IF('Standard Profiles'!$G$19=$B$10,7,0)+IF('Standard Profiles'!$G$19=$B$17,14,0)+IF('Standard Profiles'!$G$19=$B$24,21,0),0)),0)</f>
        <v>0</v>
      </c>
      <c r="F8144" cm="1">
        <f t="array" ref="F8144">IFERROR(INDEX(Jesper!AJ$2:AJ$366,ROUNDDOWN($C8144/24,0)+1,1)*INDEX($D$3:$AA$30,INDEX(Jesper!$R$2:$R$366,ROW(INDEX(Jesper!AJ$2:AJ$366,ROUNDDOWN($C8144/24,0)+1,1))-1)+IF('Standard Profiles'!$G$20=$B$10,7,0)+IF('Standard Profiles'!$G$20=$B$17,14,0)+IF('Standard Profiles'!$G$20=$B$24,21,0),MOD($C8144,24)+1)/SUM(INDEX($D$3:$AA$30,INDEX(Jesper!$R$2:$R$366,ROW(INDEX(Jesper!AJ$2:AJ$366,ROUNDDOWN($C8144/24,0)+1,1))-1)+IF('Standard Profiles'!$G$20=$B$10,7,0)+IF('Standard Profiles'!$G$20=$B$17,14,0)+IF('Standard Profiles'!$G$20=$B$24,21,0),0)),0)</f>
        <v>0</v>
      </c>
      <c r="G8144" cm="1">
        <f t="array" ref="G8144">IFERROR(INDEX(Jesper!AK$2:AK$366,ROUNDDOWN($C8144/24,0)+1,1)*INDEX($D$3:$AA$30,INDEX(Jesper!$R$2:$R$366,ROW(INDEX(Jesper!AK$2:AK$366,ROUNDDOWN($C8144/24,0)+1,1))-1)+IF('Standard Profiles'!$G$21=$B$10,7,0)+IF('Standard Profiles'!$G$21=$B$17,14,0)+IF('Standard Profiles'!$G$21=$B$24,21,0),MOD($C8144,24)+1)/SUM(INDEX($D$3:$AA$30,INDEX(Jesper!$R$2:$R$366,ROW(INDEX(Jesper!AK$2:AK$366,ROUNDDOWN($C8144/24,0)+1,1))-1)+IF('Standard Profiles'!$G$21=$B$10,7,0)+IF('Standard Profiles'!$G$21=$B$17,14,0)+IF('Standard Profiles'!$G$21=$B$24,21,0),0)),0)</f>
        <v>0</v>
      </c>
      <c r="H8144" cm="1">
        <f t="array" ref="H8144">IFERROR(INDEX(Jesper!AL$2:AL$366,ROUNDDOWN($C8144/24,0)+1,1)*INDEX($D$3:$AA$30,INDEX(Jesper!$R$2:$R$366,ROW(INDEX(Jesper!AL$2:AL$366,ROUNDDOWN($C8144/24,0)+1,1))-1)+IF('Standard Profiles'!$G$22=$B$10,7,0)+IF('Standard Profiles'!$G$22=$B$17,14,0)+IF('Standard Profiles'!$G$22=$B$24,21,0),MOD($C8144,24)+1)/SUM(INDEX($D$3:$AA$30,INDEX(Jesper!$R$2:$R$366,ROW(INDEX(Jesper!AL$2:AL$366,ROUNDDOWN($C8144/24,0)+1,1))-1)+IF('Standard Profiles'!$G$22=$B$10,7,0)+IF('Standard Profiles'!$G$22=$B$17,14,0)+IF('Standard Profiles'!$G$22=$B$24,21,0),0)),0)</f>
        <v>0</v>
      </c>
      <c r="I8144">
        <f t="shared" si="902"/>
        <v>0.26257709602171053</v>
      </c>
      <c r="J8144">
        <f t="shared" si="903"/>
        <v>0.87525698673903518</v>
      </c>
      <c r="K8144">
        <f t="shared" si="904"/>
        <v>1.3128854801085525</v>
      </c>
      <c r="L8144">
        <f t="shared" si="905"/>
        <v>6.3018503045210528</v>
      </c>
      <c r="M8144">
        <f t="shared" si="906"/>
        <v>0</v>
      </c>
      <c r="N8144" s="46">
        <f t="shared" si="907"/>
        <v>45629.916666646997</v>
      </c>
    </row>
    <row r="8145" spans="2:14" x14ac:dyDescent="0.3">
      <c r="B8145">
        <f t="shared" si="901"/>
        <v>2</v>
      </c>
      <c r="C8145" s="16">
        <v>8111</v>
      </c>
      <c r="D8145" cm="1">
        <f t="array" ref="D8145">IFERROR(INDEX(Jesper!AH$2:AH$366,ROUNDDOWN($C8145/24,0)+1,1)*INDEX($D$3:$AA$30,INDEX(Jesper!$R$2:$R$366,ROW(INDEX(Jesper!AH$2:AH$366,ROUNDDOWN($C8145/24,0)+1,1))-1)+IF('Standard Profiles'!$G$18=$B$10,7,0)+IF('Standard Profiles'!$G$18=$B$17,14,0)+IF('Standard Profiles'!$G$18=$B$24,21,0),MOD($C8145,24)+1)/SUM(INDEX($D$3:$AA$30,INDEX(Jesper!$R$2:$R$366,ROW(INDEX(Jesper!AH$2:AH$366,ROUNDDOWN($C8145/24,0)+1,1))-1)+IF('Standard Profiles'!$G$18=$B$10,7,0)+IF('Standard Profiles'!$G$18=$B$17,14,0)+IF('Standard Profiles'!$G$18=$B$24,21,0),0)),0)</f>
        <v>8.7525698673903509</v>
      </c>
      <c r="E8145" cm="1">
        <f t="array" ref="E8145">IFERROR(INDEX(Jesper!AI$2:AI$366,ROUNDDOWN($C8145/24,0)+1,1)*INDEX($D$3:$AA$30,INDEX(Jesper!$R$2:$R$366,ROW(INDEX(Jesper!AI$2:AI$366,ROUNDDOWN($C8145/24,0)+1,1))-1)+IF('Standard Profiles'!$G$19=$B$10,7,0)+IF('Standard Profiles'!$G$19=$B$17,14,0)+IF('Standard Profiles'!$G$19=$B$24,21,0),MOD($C8145,24)+1)/SUM(INDEX($D$3:$AA$30,INDEX(Jesper!$R$2:$R$366,ROW(INDEX(Jesper!AI$2:AI$366,ROUNDDOWN($C8145/24,0)+1,1))-1)+IF('Standard Profiles'!$G$19=$B$10,7,0)+IF('Standard Profiles'!$G$19=$B$17,14,0)+IF('Standard Profiles'!$G$19=$B$24,21,0),0)),0)</f>
        <v>0</v>
      </c>
      <c r="F8145" cm="1">
        <f t="array" ref="F8145">IFERROR(INDEX(Jesper!AJ$2:AJ$366,ROUNDDOWN($C8145/24,0)+1,1)*INDEX($D$3:$AA$30,INDEX(Jesper!$R$2:$R$366,ROW(INDEX(Jesper!AJ$2:AJ$366,ROUNDDOWN($C8145/24,0)+1,1))-1)+IF('Standard Profiles'!$G$20=$B$10,7,0)+IF('Standard Profiles'!$G$20=$B$17,14,0)+IF('Standard Profiles'!$G$20=$B$24,21,0),MOD($C8145,24)+1)/SUM(INDEX($D$3:$AA$30,INDEX(Jesper!$R$2:$R$366,ROW(INDEX(Jesper!AJ$2:AJ$366,ROUNDDOWN($C8145/24,0)+1,1))-1)+IF('Standard Profiles'!$G$20=$B$10,7,0)+IF('Standard Profiles'!$G$20=$B$17,14,0)+IF('Standard Profiles'!$G$20=$B$24,21,0),0)),0)</f>
        <v>0</v>
      </c>
      <c r="G8145" cm="1">
        <f t="array" ref="G8145">IFERROR(INDEX(Jesper!AK$2:AK$366,ROUNDDOWN($C8145/24,0)+1,1)*INDEX($D$3:$AA$30,INDEX(Jesper!$R$2:$R$366,ROW(INDEX(Jesper!AK$2:AK$366,ROUNDDOWN($C8145/24,0)+1,1))-1)+IF('Standard Profiles'!$G$21=$B$10,7,0)+IF('Standard Profiles'!$G$21=$B$17,14,0)+IF('Standard Profiles'!$G$21=$B$24,21,0),MOD($C8145,24)+1)/SUM(INDEX($D$3:$AA$30,INDEX(Jesper!$R$2:$R$366,ROW(INDEX(Jesper!AK$2:AK$366,ROUNDDOWN($C8145/24,0)+1,1))-1)+IF('Standard Profiles'!$G$21=$B$10,7,0)+IF('Standard Profiles'!$G$21=$B$17,14,0)+IF('Standard Profiles'!$G$21=$B$24,21,0),0)),0)</f>
        <v>0</v>
      </c>
      <c r="H8145" cm="1">
        <f t="array" ref="H8145">IFERROR(INDEX(Jesper!AL$2:AL$366,ROUNDDOWN($C8145/24,0)+1,1)*INDEX($D$3:$AA$30,INDEX(Jesper!$R$2:$R$366,ROW(INDEX(Jesper!AL$2:AL$366,ROUNDDOWN($C8145/24,0)+1,1))-1)+IF('Standard Profiles'!$G$22=$B$10,7,0)+IF('Standard Profiles'!$G$22=$B$17,14,0)+IF('Standard Profiles'!$G$22=$B$24,21,0),MOD($C8145,24)+1)/SUM(INDEX($D$3:$AA$30,INDEX(Jesper!$R$2:$R$366,ROW(INDEX(Jesper!AL$2:AL$366,ROUNDDOWN($C8145/24,0)+1,1))-1)+IF('Standard Profiles'!$G$22=$B$10,7,0)+IF('Standard Profiles'!$G$22=$B$17,14,0)+IF('Standard Profiles'!$G$22=$B$24,21,0),0)),0)</f>
        <v>0</v>
      </c>
      <c r="I8145">
        <f t="shared" si="902"/>
        <v>0.26257709602171053</v>
      </c>
      <c r="J8145">
        <f t="shared" si="903"/>
        <v>0.87525698673903518</v>
      </c>
      <c r="K8145">
        <f t="shared" si="904"/>
        <v>1.3128854801085525</v>
      </c>
      <c r="L8145">
        <f t="shared" si="905"/>
        <v>6.3018503045210528</v>
      </c>
      <c r="M8145">
        <f t="shared" si="906"/>
        <v>0</v>
      </c>
      <c r="N8145" s="46">
        <f t="shared" si="907"/>
        <v>45629.958333313662</v>
      </c>
    </row>
    <row r="8146" spans="2:14" x14ac:dyDescent="0.3">
      <c r="B8146">
        <f t="shared" si="901"/>
        <v>3</v>
      </c>
      <c r="C8146" s="16">
        <v>8112</v>
      </c>
      <c r="D8146" cm="1">
        <f t="array" ref="D8146">IFERROR(INDEX(Jesper!AH$2:AH$366,ROUNDDOWN($C8146/24,0)+1,1)*INDEX($D$3:$AA$30,INDEX(Jesper!$R$2:$R$366,ROW(INDEX(Jesper!AH$2:AH$366,ROUNDDOWN($C8146/24,0)+1,1))-1)+IF('Standard Profiles'!$G$18=$B$10,7,0)+IF('Standard Profiles'!$G$18=$B$17,14,0)+IF('Standard Profiles'!$G$18=$B$24,21,0),MOD($C8146,24)+1)/SUM(INDEX($D$3:$AA$30,INDEX(Jesper!$R$2:$R$366,ROW(INDEX(Jesper!AH$2:AH$366,ROUNDDOWN($C8146/24,0)+1,1))-1)+IF('Standard Profiles'!$G$18=$B$10,7,0)+IF('Standard Profiles'!$G$18=$B$17,14,0)+IF('Standard Profiles'!$G$18=$B$24,21,0),0)),0)</f>
        <v>7.5017217449148079</v>
      </c>
      <c r="E8146" cm="1">
        <f t="array" ref="E8146">IFERROR(INDEX(Jesper!AI$2:AI$366,ROUNDDOWN($C8146/24,0)+1,1)*INDEX($D$3:$AA$30,INDEX(Jesper!$R$2:$R$366,ROW(INDEX(Jesper!AI$2:AI$366,ROUNDDOWN($C8146/24,0)+1,1))-1)+IF('Standard Profiles'!$G$19=$B$10,7,0)+IF('Standard Profiles'!$G$19=$B$17,14,0)+IF('Standard Profiles'!$G$19=$B$24,21,0),MOD($C8146,24)+1)/SUM(INDEX($D$3:$AA$30,INDEX(Jesper!$R$2:$R$366,ROW(INDEX(Jesper!AI$2:AI$366,ROUNDDOWN($C8146/24,0)+1,1))-1)+IF('Standard Profiles'!$G$19=$B$10,7,0)+IF('Standard Profiles'!$G$19=$B$17,14,0)+IF('Standard Profiles'!$G$19=$B$24,21,0),0)),0)</f>
        <v>0</v>
      </c>
      <c r="F8146" cm="1">
        <f t="array" ref="F8146">IFERROR(INDEX(Jesper!AJ$2:AJ$366,ROUNDDOWN($C8146/24,0)+1,1)*INDEX($D$3:$AA$30,INDEX(Jesper!$R$2:$R$366,ROW(INDEX(Jesper!AJ$2:AJ$366,ROUNDDOWN($C8146/24,0)+1,1))-1)+IF('Standard Profiles'!$G$20=$B$10,7,0)+IF('Standard Profiles'!$G$20=$B$17,14,0)+IF('Standard Profiles'!$G$20=$B$24,21,0),MOD($C8146,24)+1)/SUM(INDEX($D$3:$AA$30,INDEX(Jesper!$R$2:$R$366,ROW(INDEX(Jesper!AJ$2:AJ$366,ROUNDDOWN($C8146/24,0)+1,1))-1)+IF('Standard Profiles'!$G$20=$B$10,7,0)+IF('Standard Profiles'!$G$20=$B$17,14,0)+IF('Standard Profiles'!$G$20=$B$24,21,0),0)),0)</f>
        <v>0</v>
      </c>
      <c r="G8146" cm="1">
        <f t="array" ref="G8146">IFERROR(INDEX(Jesper!AK$2:AK$366,ROUNDDOWN($C8146/24,0)+1,1)*INDEX($D$3:$AA$30,INDEX(Jesper!$R$2:$R$366,ROW(INDEX(Jesper!AK$2:AK$366,ROUNDDOWN($C8146/24,0)+1,1))-1)+IF('Standard Profiles'!$G$21=$B$10,7,0)+IF('Standard Profiles'!$G$21=$B$17,14,0)+IF('Standard Profiles'!$G$21=$B$24,21,0),MOD($C8146,24)+1)/SUM(INDEX($D$3:$AA$30,INDEX(Jesper!$R$2:$R$366,ROW(INDEX(Jesper!AK$2:AK$366,ROUNDDOWN($C8146/24,0)+1,1))-1)+IF('Standard Profiles'!$G$21=$B$10,7,0)+IF('Standard Profiles'!$G$21=$B$17,14,0)+IF('Standard Profiles'!$G$21=$B$24,21,0),0)),0)</f>
        <v>0</v>
      </c>
      <c r="H8146" cm="1">
        <f t="array" ref="H8146">IFERROR(INDEX(Jesper!AL$2:AL$366,ROUNDDOWN($C8146/24,0)+1,1)*INDEX($D$3:$AA$30,INDEX(Jesper!$R$2:$R$366,ROW(INDEX(Jesper!AL$2:AL$366,ROUNDDOWN($C8146/24,0)+1,1))-1)+IF('Standard Profiles'!$G$22=$B$10,7,0)+IF('Standard Profiles'!$G$22=$B$17,14,0)+IF('Standard Profiles'!$G$22=$B$24,21,0),MOD($C8146,24)+1)/SUM(INDEX($D$3:$AA$30,INDEX(Jesper!$R$2:$R$366,ROW(INDEX(Jesper!AL$2:AL$366,ROUNDDOWN($C8146/24,0)+1,1))-1)+IF('Standard Profiles'!$G$22=$B$10,7,0)+IF('Standard Profiles'!$G$22=$B$17,14,0)+IF('Standard Profiles'!$G$22=$B$24,21,0),0)),0)</f>
        <v>0</v>
      </c>
      <c r="I8146">
        <f t="shared" si="902"/>
        <v>0.22505165234744423</v>
      </c>
      <c r="J8146">
        <f t="shared" si="903"/>
        <v>0.75017217449148088</v>
      </c>
      <c r="K8146">
        <f t="shared" si="904"/>
        <v>1.1252582617372211</v>
      </c>
      <c r="L8146">
        <f t="shared" si="905"/>
        <v>5.4012396563386611</v>
      </c>
      <c r="M8146">
        <f t="shared" si="906"/>
        <v>0</v>
      </c>
      <c r="N8146" s="46">
        <f t="shared" si="907"/>
        <v>45629.999999980326</v>
      </c>
    </row>
    <row r="8147" spans="2:14" x14ac:dyDescent="0.3">
      <c r="B8147">
        <f t="shared" si="901"/>
        <v>3</v>
      </c>
      <c r="C8147" s="16">
        <v>8113</v>
      </c>
      <c r="D8147" cm="1">
        <f t="array" ref="D8147">IFERROR(INDEX(Jesper!AH$2:AH$366,ROUNDDOWN($C8147/24,0)+1,1)*INDEX($D$3:$AA$30,INDEX(Jesper!$R$2:$R$366,ROW(INDEX(Jesper!AH$2:AH$366,ROUNDDOWN($C8147/24,0)+1,1))-1)+IF('Standard Profiles'!$G$18=$B$10,7,0)+IF('Standard Profiles'!$G$18=$B$17,14,0)+IF('Standard Profiles'!$G$18=$B$24,21,0),MOD($C8147,24)+1)/SUM(INDEX($D$3:$AA$30,INDEX(Jesper!$R$2:$R$366,ROW(INDEX(Jesper!AH$2:AH$366,ROUNDDOWN($C8147/24,0)+1,1))-1)+IF('Standard Profiles'!$G$18=$B$10,7,0)+IF('Standard Profiles'!$G$18=$B$17,14,0)+IF('Standard Profiles'!$G$18=$B$24,21,0),0)),0)</f>
        <v>8.4394369630291575</v>
      </c>
      <c r="E8147" cm="1">
        <f t="array" ref="E8147">IFERROR(INDEX(Jesper!AI$2:AI$366,ROUNDDOWN($C8147/24,0)+1,1)*INDEX($D$3:$AA$30,INDEX(Jesper!$R$2:$R$366,ROW(INDEX(Jesper!AI$2:AI$366,ROUNDDOWN($C8147/24,0)+1,1))-1)+IF('Standard Profiles'!$G$19=$B$10,7,0)+IF('Standard Profiles'!$G$19=$B$17,14,0)+IF('Standard Profiles'!$G$19=$B$24,21,0),MOD($C8147,24)+1)/SUM(INDEX($D$3:$AA$30,INDEX(Jesper!$R$2:$R$366,ROW(INDEX(Jesper!AI$2:AI$366,ROUNDDOWN($C8147/24,0)+1,1))-1)+IF('Standard Profiles'!$G$19=$B$10,7,0)+IF('Standard Profiles'!$G$19=$B$17,14,0)+IF('Standard Profiles'!$G$19=$B$24,21,0),0)),0)</f>
        <v>0</v>
      </c>
      <c r="F8147" cm="1">
        <f t="array" ref="F8147">IFERROR(INDEX(Jesper!AJ$2:AJ$366,ROUNDDOWN($C8147/24,0)+1,1)*INDEX($D$3:$AA$30,INDEX(Jesper!$R$2:$R$366,ROW(INDEX(Jesper!AJ$2:AJ$366,ROUNDDOWN($C8147/24,0)+1,1))-1)+IF('Standard Profiles'!$G$20=$B$10,7,0)+IF('Standard Profiles'!$G$20=$B$17,14,0)+IF('Standard Profiles'!$G$20=$B$24,21,0),MOD($C8147,24)+1)/SUM(INDEX($D$3:$AA$30,INDEX(Jesper!$R$2:$R$366,ROW(INDEX(Jesper!AJ$2:AJ$366,ROUNDDOWN($C8147/24,0)+1,1))-1)+IF('Standard Profiles'!$G$20=$B$10,7,0)+IF('Standard Profiles'!$G$20=$B$17,14,0)+IF('Standard Profiles'!$G$20=$B$24,21,0),0)),0)</f>
        <v>0</v>
      </c>
      <c r="G8147" cm="1">
        <f t="array" ref="G8147">IFERROR(INDEX(Jesper!AK$2:AK$366,ROUNDDOWN($C8147/24,0)+1,1)*INDEX($D$3:$AA$30,INDEX(Jesper!$R$2:$R$366,ROW(INDEX(Jesper!AK$2:AK$366,ROUNDDOWN($C8147/24,0)+1,1))-1)+IF('Standard Profiles'!$G$21=$B$10,7,0)+IF('Standard Profiles'!$G$21=$B$17,14,0)+IF('Standard Profiles'!$G$21=$B$24,21,0),MOD($C8147,24)+1)/SUM(INDEX($D$3:$AA$30,INDEX(Jesper!$R$2:$R$366,ROW(INDEX(Jesper!AK$2:AK$366,ROUNDDOWN($C8147/24,0)+1,1))-1)+IF('Standard Profiles'!$G$21=$B$10,7,0)+IF('Standard Profiles'!$G$21=$B$17,14,0)+IF('Standard Profiles'!$G$21=$B$24,21,0),0)),0)</f>
        <v>0</v>
      </c>
      <c r="H8147" cm="1">
        <f t="array" ref="H8147">IFERROR(INDEX(Jesper!AL$2:AL$366,ROUNDDOWN($C8147/24,0)+1,1)*INDEX($D$3:$AA$30,INDEX(Jesper!$R$2:$R$366,ROW(INDEX(Jesper!AL$2:AL$366,ROUNDDOWN($C8147/24,0)+1,1))-1)+IF('Standard Profiles'!$G$22=$B$10,7,0)+IF('Standard Profiles'!$G$22=$B$17,14,0)+IF('Standard Profiles'!$G$22=$B$24,21,0),MOD($C8147,24)+1)/SUM(INDEX($D$3:$AA$30,INDEX(Jesper!$R$2:$R$366,ROW(INDEX(Jesper!AL$2:AL$366,ROUNDDOWN($C8147/24,0)+1,1))-1)+IF('Standard Profiles'!$G$22=$B$10,7,0)+IF('Standard Profiles'!$G$22=$B$17,14,0)+IF('Standard Profiles'!$G$22=$B$24,21,0),0)),0)</f>
        <v>0</v>
      </c>
      <c r="I8147">
        <f t="shared" si="902"/>
        <v>0.2531831088908747</v>
      </c>
      <c r="J8147">
        <f t="shared" si="903"/>
        <v>0.84394369630291577</v>
      </c>
      <c r="K8147">
        <f t="shared" si="904"/>
        <v>1.2659155444543735</v>
      </c>
      <c r="L8147">
        <f t="shared" si="905"/>
        <v>6.0763946133809927</v>
      </c>
      <c r="M8147">
        <f t="shared" si="906"/>
        <v>0</v>
      </c>
      <c r="N8147" s="46">
        <f t="shared" si="907"/>
        <v>45630.04166664699</v>
      </c>
    </row>
    <row r="8148" spans="2:14" x14ac:dyDescent="0.3">
      <c r="B8148">
        <f t="shared" si="901"/>
        <v>3</v>
      </c>
      <c r="C8148" s="16">
        <v>8114</v>
      </c>
      <c r="D8148" cm="1">
        <f t="array" ref="D8148">IFERROR(INDEX(Jesper!AH$2:AH$366,ROUNDDOWN($C8148/24,0)+1,1)*INDEX($D$3:$AA$30,INDEX(Jesper!$R$2:$R$366,ROW(INDEX(Jesper!AH$2:AH$366,ROUNDDOWN($C8148/24,0)+1,1))-1)+IF('Standard Profiles'!$G$18=$B$10,7,0)+IF('Standard Profiles'!$G$18=$B$17,14,0)+IF('Standard Profiles'!$G$18=$B$24,21,0),MOD($C8148,24)+1)/SUM(INDEX($D$3:$AA$30,INDEX(Jesper!$R$2:$R$366,ROW(INDEX(Jesper!AH$2:AH$366,ROUNDDOWN($C8148/24,0)+1,1))-1)+IF('Standard Profiles'!$G$18=$B$10,7,0)+IF('Standard Profiles'!$G$18=$B$17,14,0)+IF('Standard Profiles'!$G$18=$B$24,21,0),0)),0)</f>
        <v>8.4394369630291575</v>
      </c>
      <c r="E8148" cm="1">
        <f t="array" ref="E8148">IFERROR(INDEX(Jesper!AI$2:AI$366,ROUNDDOWN($C8148/24,0)+1,1)*INDEX($D$3:$AA$30,INDEX(Jesper!$R$2:$R$366,ROW(INDEX(Jesper!AI$2:AI$366,ROUNDDOWN($C8148/24,0)+1,1))-1)+IF('Standard Profiles'!$G$19=$B$10,7,0)+IF('Standard Profiles'!$G$19=$B$17,14,0)+IF('Standard Profiles'!$G$19=$B$24,21,0),MOD($C8148,24)+1)/SUM(INDEX($D$3:$AA$30,INDEX(Jesper!$R$2:$R$366,ROW(INDEX(Jesper!AI$2:AI$366,ROUNDDOWN($C8148/24,0)+1,1))-1)+IF('Standard Profiles'!$G$19=$B$10,7,0)+IF('Standard Profiles'!$G$19=$B$17,14,0)+IF('Standard Profiles'!$G$19=$B$24,21,0),0)),0)</f>
        <v>0</v>
      </c>
      <c r="F8148" cm="1">
        <f t="array" ref="F8148">IFERROR(INDEX(Jesper!AJ$2:AJ$366,ROUNDDOWN($C8148/24,0)+1,1)*INDEX($D$3:$AA$30,INDEX(Jesper!$R$2:$R$366,ROW(INDEX(Jesper!AJ$2:AJ$366,ROUNDDOWN($C8148/24,0)+1,1))-1)+IF('Standard Profiles'!$G$20=$B$10,7,0)+IF('Standard Profiles'!$G$20=$B$17,14,0)+IF('Standard Profiles'!$G$20=$B$24,21,0),MOD($C8148,24)+1)/SUM(INDEX($D$3:$AA$30,INDEX(Jesper!$R$2:$R$366,ROW(INDEX(Jesper!AJ$2:AJ$366,ROUNDDOWN($C8148/24,0)+1,1))-1)+IF('Standard Profiles'!$G$20=$B$10,7,0)+IF('Standard Profiles'!$G$20=$B$17,14,0)+IF('Standard Profiles'!$G$20=$B$24,21,0),0)),0)</f>
        <v>0</v>
      </c>
      <c r="G8148" cm="1">
        <f t="array" ref="G8148">IFERROR(INDEX(Jesper!AK$2:AK$366,ROUNDDOWN($C8148/24,0)+1,1)*INDEX($D$3:$AA$30,INDEX(Jesper!$R$2:$R$366,ROW(INDEX(Jesper!AK$2:AK$366,ROUNDDOWN($C8148/24,0)+1,1))-1)+IF('Standard Profiles'!$G$21=$B$10,7,0)+IF('Standard Profiles'!$G$21=$B$17,14,0)+IF('Standard Profiles'!$G$21=$B$24,21,0),MOD($C8148,24)+1)/SUM(INDEX($D$3:$AA$30,INDEX(Jesper!$R$2:$R$366,ROW(INDEX(Jesper!AK$2:AK$366,ROUNDDOWN($C8148/24,0)+1,1))-1)+IF('Standard Profiles'!$G$21=$B$10,7,0)+IF('Standard Profiles'!$G$21=$B$17,14,0)+IF('Standard Profiles'!$G$21=$B$24,21,0),0)),0)</f>
        <v>0</v>
      </c>
      <c r="H8148" cm="1">
        <f t="array" ref="H8148">IFERROR(INDEX(Jesper!AL$2:AL$366,ROUNDDOWN($C8148/24,0)+1,1)*INDEX($D$3:$AA$30,INDEX(Jesper!$R$2:$R$366,ROW(INDEX(Jesper!AL$2:AL$366,ROUNDDOWN($C8148/24,0)+1,1))-1)+IF('Standard Profiles'!$G$22=$B$10,7,0)+IF('Standard Profiles'!$G$22=$B$17,14,0)+IF('Standard Profiles'!$G$22=$B$24,21,0),MOD($C8148,24)+1)/SUM(INDEX($D$3:$AA$30,INDEX(Jesper!$R$2:$R$366,ROW(INDEX(Jesper!AL$2:AL$366,ROUNDDOWN($C8148/24,0)+1,1))-1)+IF('Standard Profiles'!$G$22=$B$10,7,0)+IF('Standard Profiles'!$G$22=$B$17,14,0)+IF('Standard Profiles'!$G$22=$B$24,21,0),0)),0)</f>
        <v>0</v>
      </c>
      <c r="I8148">
        <f t="shared" si="902"/>
        <v>0.2531831088908747</v>
      </c>
      <c r="J8148">
        <f t="shared" si="903"/>
        <v>0.84394369630291577</v>
      </c>
      <c r="K8148">
        <f t="shared" si="904"/>
        <v>1.2659155444543735</v>
      </c>
      <c r="L8148">
        <f t="shared" si="905"/>
        <v>6.0763946133809927</v>
      </c>
      <c r="M8148">
        <f t="shared" si="906"/>
        <v>0</v>
      </c>
      <c r="N8148" s="46">
        <f t="shared" si="907"/>
        <v>45630.083333313654</v>
      </c>
    </row>
    <row r="8149" spans="2:14" x14ac:dyDescent="0.3">
      <c r="B8149">
        <f t="shared" si="901"/>
        <v>3</v>
      </c>
      <c r="C8149" s="16">
        <v>8115</v>
      </c>
      <c r="D8149" cm="1">
        <f t="array" ref="D8149">IFERROR(INDEX(Jesper!AH$2:AH$366,ROUNDDOWN($C8149/24,0)+1,1)*INDEX($D$3:$AA$30,INDEX(Jesper!$R$2:$R$366,ROW(INDEX(Jesper!AH$2:AH$366,ROUNDDOWN($C8149/24,0)+1,1))-1)+IF('Standard Profiles'!$G$18=$B$10,7,0)+IF('Standard Profiles'!$G$18=$B$17,14,0)+IF('Standard Profiles'!$G$18=$B$24,21,0),MOD($C8149,24)+1)/SUM(INDEX($D$3:$AA$30,INDEX(Jesper!$R$2:$R$366,ROW(INDEX(Jesper!AH$2:AH$366,ROUNDDOWN($C8149/24,0)+1,1))-1)+IF('Standard Profiles'!$G$18=$B$10,7,0)+IF('Standard Profiles'!$G$18=$B$17,14,0)+IF('Standard Profiles'!$G$18=$B$24,21,0),0)),0)</f>
        <v>8.4394369630291575</v>
      </c>
      <c r="E8149" cm="1">
        <f t="array" ref="E8149">IFERROR(INDEX(Jesper!AI$2:AI$366,ROUNDDOWN($C8149/24,0)+1,1)*INDEX($D$3:$AA$30,INDEX(Jesper!$R$2:$R$366,ROW(INDEX(Jesper!AI$2:AI$366,ROUNDDOWN($C8149/24,0)+1,1))-1)+IF('Standard Profiles'!$G$19=$B$10,7,0)+IF('Standard Profiles'!$G$19=$B$17,14,0)+IF('Standard Profiles'!$G$19=$B$24,21,0),MOD($C8149,24)+1)/SUM(INDEX($D$3:$AA$30,INDEX(Jesper!$R$2:$R$366,ROW(INDEX(Jesper!AI$2:AI$366,ROUNDDOWN($C8149/24,0)+1,1))-1)+IF('Standard Profiles'!$G$19=$B$10,7,0)+IF('Standard Profiles'!$G$19=$B$17,14,0)+IF('Standard Profiles'!$G$19=$B$24,21,0),0)),0)</f>
        <v>0</v>
      </c>
      <c r="F8149" cm="1">
        <f t="array" ref="F8149">IFERROR(INDEX(Jesper!AJ$2:AJ$366,ROUNDDOWN($C8149/24,0)+1,1)*INDEX($D$3:$AA$30,INDEX(Jesper!$R$2:$R$366,ROW(INDEX(Jesper!AJ$2:AJ$366,ROUNDDOWN($C8149/24,0)+1,1))-1)+IF('Standard Profiles'!$G$20=$B$10,7,0)+IF('Standard Profiles'!$G$20=$B$17,14,0)+IF('Standard Profiles'!$G$20=$B$24,21,0),MOD($C8149,24)+1)/SUM(INDEX($D$3:$AA$30,INDEX(Jesper!$R$2:$R$366,ROW(INDEX(Jesper!AJ$2:AJ$366,ROUNDDOWN($C8149/24,0)+1,1))-1)+IF('Standard Profiles'!$G$20=$B$10,7,0)+IF('Standard Profiles'!$G$20=$B$17,14,0)+IF('Standard Profiles'!$G$20=$B$24,21,0),0)),0)</f>
        <v>0</v>
      </c>
      <c r="G8149" cm="1">
        <f t="array" ref="G8149">IFERROR(INDEX(Jesper!AK$2:AK$366,ROUNDDOWN($C8149/24,0)+1,1)*INDEX($D$3:$AA$30,INDEX(Jesper!$R$2:$R$366,ROW(INDEX(Jesper!AK$2:AK$366,ROUNDDOWN($C8149/24,0)+1,1))-1)+IF('Standard Profiles'!$G$21=$B$10,7,0)+IF('Standard Profiles'!$G$21=$B$17,14,0)+IF('Standard Profiles'!$G$21=$B$24,21,0),MOD($C8149,24)+1)/SUM(INDEX($D$3:$AA$30,INDEX(Jesper!$R$2:$R$366,ROW(INDEX(Jesper!AK$2:AK$366,ROUNDDOWN($C8149/24,0)+1,1))-1)+IF('Standard Profiles'!$G$21=$B$10,7,0)+IF('Standard Profiles'!$G$21=$B$17,14,0)+IF('Standard Profiles'!$G$21=$B$24,21,0),0)),0)</f>
        <v>0</v>
      </c>
      <c r="H8149" cm="1">
        <f t="array" ref="H8149">IFERROR(INDEX(Jesper!AL$2:AL$366,ROUNDDOWN($C8149/24,0)+1,1)*INDEX($D$3:$AA$30,INDEX(Jesper!$R$2:$R$366,ROW(INDEX(Jesper!AL$2:AL$366,ROUNDDOWN($C8149/24,0)+1,1))-1)+IF('Standard Profiles'!$G$22=$B$10,7,0)+IF('Standard Profiles'!$G$22=$B$17,14,0)+IF('Standard Profiles'!$G$22=$B$24,21,0),MOD($C8149,24)+1)/SUM(INDEX($D$3:$AA$30,INDEX(Jesper!$R$2:$R$366,ROW(INDEX(Jesper!AL$2:AL$366,ROUNDDOWN($C8149/24,0)+1,1))-1)+IF('Standard Profiles'!$G$22=$B$10,7,0)+IF('Standard Profiles'!$G$22=$B$17,14,0)+IF('Standard Profiles'!$G$22=$B$24,21,0),0)),0)</f>
        <v>0</v>
      </c>
      <c r="I8149">
        <f t="shared" si="902"/>
        <v>0.2531831088908747</v>
      </c>
      <c r="J8149">
        <f t="shared" si="903"/>
        <v>0.84394369630291577</v>
      </c>
      <c r="K8149">
        <f t="shared" si="904"/>
        <v>1.2659155444543735</v>
      </c>
      <c r="L8149">
        <f t="shared" si="905"/>
        <v>6.0763946133809927</v>
      </c>
      <c r="M8149">
        <f t="shared" si="906"/>
        <v>0</v>
      </c>
      <c r="N8149" s="46">
        <f t="shared" si="907"/>
        <v>45630.124999980319</v>
      </c>
    </row>
    <row r="8150" spans="2:14" x14ac:dyDescent="0.3">
      <c r="B8150">
        <f t="shared" si="901"/>
        <v>3</v>
      </c>
      <c r="C8150" s="16">
        <v>8116</v>
      </c>
      <c r="D8150" cm="1">
        <f t="array" ref="D8150">IFERROR(INDEX(Jesper!AH$2:AH$366,ROUNDDOWN($C8150/24,0)+1,1)*INDEX($D$3:$AA$30,INDEX(Jesper!$R$2:$R$366,ROW(INDEX(Jesper!AH$2:AH$366,ROUNDDOWN($C8150/24,0)+1,1))-1)+IF('Standard Profiles'!$G$18=$B$10,7,0)+IF('Standard Profiles'!$G$18=$B$17,14,0)+IF('Standard Profiles'!$G$18=$B$24,21,0),MOD($C8150,24)+1)/SUM(INDEX($D$3:$AA$30,INDEX(Jesper!$R$2:$R$366,ROW(INDEX(Jesper!AH$2:AH$366,ROUNDDOWN($C8150/24,0)+1,1))-1)+IF('Standard Profiles'!$G$18=$B$10,7,0)+IF('Standard Profiles'!$G$18=$B$17,14,0)+IF('Standard Profiles'!$G$18=$B$24,21,0),0)),0)</f>
        <v>8.4394369630291575</v>
      </c>
      <c r="E8150" cm="1">
        <f t="array" ref="E8150">IFERROR(INDEX(Jesper!AI$2:AI$366,ROUNDDOWN($C8150/24,0)+1,1)*INDEX($D$3:$AA$30,INDEX(Jesper!$R$2:$R$366,ROW(INDEX(Jesper!AI$2:AI$366,ROUNDDOWN($C8150/24,0)+1,1))-1)+IF('Standard Profiles'!$G$19=$B$10,7,0)+IF('Standard Profiles'!$G$19=$B$17,14,0)+IF('Standard Profiles'!$G$19=$B$24,21,0),MOD($C8150,24)+1)/SUM(INDEX($D$3:$AA$30,INDEX(Jesper!$R$2:$R$366,ROW(INDEX(Jesper!AI$2:AI$366,ROUNDDOWN($C8150/24,0)+1,1))-1)+IF('Standard Profiles'!$G$19=$B$10,7,0)+IF('Standard Profiles'!$G$19=$B$17,14,0)+IF('Standard Profiles'!$G$19=$B$24,21,0),0)),0)</f>
        <v>0</v>
      </c>
      <c r="F8150" cm="1">
        <f t="array" ref="F8150">IFERROR(INDEX(Jesper!AJ$2:AJ$366,ROUNDDOWN($C8150/24,0)+1,1)*INDEX($D$3:$AA$30,INDEX(Jesper!$R$2:$R$366,ROW(INDEX(Jesper!AJ$2:AJ$366,ROUNDDOWN($C8150/24,0)+1,1))-1)+IF('Standard Profiles'!$G$20=$B$10,7,0)+IF('Standard Profiles'!$G$20=$B$17,14,0)+IF('Standard Profiles'!$G$20=$B$24,21,0),MOD($C8150,24)+1)/SUM(INDEX($D$3:$AA$30,INDEX(Jesper!$R$2:$R$366,ROW(INDEX(Jesper!AJ$2:AJ$366,ROUNDDOWN($C8150/24,0)+1,1))-1)+IF('Standard Profiles'!$G$20=$B$10,7,0)+IF('Standard Profiles'!$G$20=$B$17,14,0)+IF('Standard Profiles'!$G$20=$B$24,21,0),0)),0)</f>
        <v>0</v>
      </c>
      <c r="G8150" cm="1">
        <f t="array" ref="G8150">IFERROR(INDEX(Jesper!AK$2:AK$366,ROUNDDOWN($C8150/24,0)+1,1)*INDEX($D$3:$AA$30,INDEX(Jesper!$R$2:$R$366,ROW(INDEX(Jesper!AK$2:AK$366,ROUNDDOWN($C8150/24,0)+1,1))-1)+IF('Standard Profiles'!$G$21=$B$10,7,0)+IF('Standard Profiles'!$G$21=$B$17,14,0)+IF('Standard Profiles'!$G$21=$B$24,21,0),MOD($C8150,24)+1)/SUM(INDEX($D$3:$AA$30,INDEX(Jesper!$R$2:$R$366,ROW(INDEX(Jesper!AK$2:AK$366,ROUNDDOWN($C8150/24,0)+1,1))-1)+IF('Standard Profiles'!$G$21=$B$10,7,0)+IF('Standard Profiles'!$G$21=$B$17,14,0)+IF('Standard Profiles'!$G$21=$B$24,21,0),0)),0)</f>
        <v>0</v>
      </c>
      <c r="H8150" cm="1">
        <f t="array" ref="H8150">IFERROR(INDEX(Jesper!AL$2:AL$366,ROUNDDOWN($C8150/24,0)+1,1)*INDEX($D$3:$AA$30,INDEX(Jesper!$R$2:$R$366,ROW(INDEX(Jesper!AL$2:AL$366,ROUNDDOWN($C8150/24,0)+1,1))-1)+IF('Standard Profiles'!$G$22=$B$10,7,0)+IF('Standard Profiles'!$G$22=$B$17,14,0)+IF('Standard Profiles'!$G$22=$B$24,21,0),MOD($C8150,24)+1)/SUM(INDEX($D$3:$AA$30,INDEX(Jesper!$R$2:$R$366,ROW(INDEX(Jesper!AL$2:AL$366,ROUNDDOWN($C8150/24,0)+1,1))-1)+IF('Standard Profiles'!$G$22=$B$10,7,0)+IF('Standard Profiles'!$G$22=$B$17,14,0)+IF('Standard Profiles'!$G$22=$B$24,21,0),0)),0)</f>
        <v>0</v>
      </c>
      <c r="I8150">
        <f t="shared" si="902"/>
        <v>0.2531831088908747</v>
      </c>
      <c r="J8150">
        <f t="shared" si="903"/>
        <v>0.84394369630291577</v>
      </c>
      <c r="K8150">
        <f t="shared" si="904"/>
        <v>1.2659155444543735</v>
      </c>
      <c r="L8150">
        <f t="shared" si="905"/>
        <v>6.0763946133809927</v>
      </c>
      <c r="M8150">
        <f t="shared" si="906"/>
        <v>0</v>
      </c>
      <c r="N8150" s="46">
        <f t="shared" si="907"/>
        <v>45630.166666646983</v>
      </c>
    </row>
    <row r="8151" spans="2:14" x14ac:dyDescent="0.3">
      <c r="B8151">
        <f t="shared" si="901"/>
        <v>3</v>
      </c>
      <c r="C8151" s="16">
        <v>8117</v>
      </c>
      <c r="D8151" cm="1">
        <f t="array" ref="D8151">IFERROR(INDEX(Jesper!AH$2:AH$366,ROUNDDOWN($C8151/24,0)+1,1)*INDEX($D$3:$AA$30,INDEX(Jesper!$R$2:$R$366,ROW(INDEX(Jesper!AH$2:AH$366,ROUNDDOWN($C8151/24,0)+1,1))-1)+IF('Standard Profiles'!$G$18=$B$10,7,0)+IF('Standard Profiles'!$G$18=$B$17,14,0)+IF('Standard Profiles'!$G$18=$B$24,21,0),MOD($C8151,24)+1)/SUM(INDEX($D$3:$AA$30,INDEX(Jesper!$R$2:$R$366,ROW(INDEX(Jesper!AH$2:AH$366,ROUNDDOWN($C8151/24,0)+1,1))-1)+IF('Standard Profiles'!$G$18=$B$10,7,0)+IF('Standard Profiles'!$G$18=$B$17,14,0)+IF('Standard Profiles'!$G$18=$B$24,21,0),0)),0)</f>
        <v>10.877496530126471</v>
      </c>
      <c r="E8151" cm="1">
        <f t="array" ref="E8151">IFERROR(INDEX(Jesper!AI$2:AI$366,ROUNDDOWN($C8151/24,0)+1,1)*INDEX($D$3:$AA$30,INDEX(Jesper!$R$2:$R$366,ROW(INDEX(Jesper!AI$2:AI$366,ROUNDDOWN($C8151/24,0)+1,1))-1)+IF('Standard Profiles'!$G$19=$B$10,7,0)+IF('Standard Profiles'!$G$19=$B$17,14,0)+IF('Standard Profiles'!$G$19=$B$24,21,0),MOD($C8151,24)+1)/SUM(INDEX($D$3:$AA$30,INDEX(Jesper!$R$2:$R$366,ROW(INDEX(Jesper!AI$2:AI$366,ROUNDDOWN($C8151/24,0)+1,1))-1)+IF('Standard Profiles'!$G$19=$B$10,7,0)+IF('Standard Profiles'!$G$19=$B$17,14,0)+IF('Standard Profiles'!$G$19=$B$24,21,0),0)),0)</f>
        <v>0</v>
      </c>
      <c r="F8151" cm="1">
        <f t="array" ref="F8151">IFERROR(INDEX(Jesper!AJ$2:AJ$366,ROUNDDOWN($C8151/24,0)+1,1)*INDEX($D$3:$AA$30,INDEX(Jesper!$R$2:$R$366,ROW(INDEX(Jesper!AJ$2:AJ$366,ROUNDDOWN($C8151/24,0)+1,1))-1)+IF('Standard Profiles'!$G$20=$B$10,7,0)+IF('Standard Profiles'!$G$20=$B$17,14,0)+IF('Standard Profiles'!$G$20=$B$24,21,0),MOD($C8151,24)+1)/SUM(INDEX($D$3:$AA$30,INDEX(Jesper!$R$2:$R$366,ROW(INDEX(Jesper!AJ$2:AJ$366,ROUNDDOWN($C8151/24,0)+1,1))-1)+IF('Standard Profiles'!$G$20=$B$10,7,0)+IF('Standard Profiles'!$G$20=$B$17,14,0)+IF('Standard Profiles'!$G$20=$B$24,21,0),0)),0)</f>
        <v>0</v>
      </c>
      <c r="G8151" cm="1">
        <f t="array" ref="G8151">IFERROR(INDEX(Jesper!AK$2:AK$366,ROUNDDOWN($C8151/24,0)+1,1)*INDEX($D$3:$AA$30,INDEX(Jesper!$R$2:$R$366,ROW(INDEX(Jesper!AK$2:AK$366,ROUNDDOWN($C8151/24,0)+1,1))-1)+IF('Standard Profiles'!$G$21=$B$10,7,0)+IF('Standard Profiles'!$G$21=$B$17,14,0)+IF('Standard Profiles'!$G$21=$B$24,21,0),MOD($C8151,24)+1)/SUM(INDEX($D$3:$AA$30,INDEX(Jesper!$R$2:$R$366,ROW(INDEX(Jesper!AK$2:AK$366,ROUNDDOWN($C8151/24,0)+1,1))-1)+IF('Standard Profiles'!$G$21=$B$10,7,0)+IF('Standard Profiles'!$G$21=$B$17,14,0)+IF('Standard Profiles'!$G$21=$B$24,21,0),0)),0)</f>
        <v>0</v>
      </c>
      <c r="H8151" cm="1">
        <f t="array" ref="H8151">IFERROR(INDEX(Jesper!AL$2:AL$366,ROUNDDOWN($C8151/24,0)+1,1)*INDEX($D$3:$AA$30,INDEX(Jesper!$R$2:$R$366,ROW(INDEX(Jesper!AL$2:AL$366,ROUNDDOWN($C8151/24,0)+1,1))-1)+IF('Standard Profiles'!$G$22=$B$10,7,0)+IF('Standard Profiles'!$G$22=$B$17,14,0)+IF('Standard Profiles'!$G$22=$B$24,21,0),MOD($C8151,24)+1)/SUM(INDEX($D$3:$AA$30,INDEX(Jesper!$R$2:$R$366,ROW(INDEX(Jesper!AL$2:AL$366,ROUNDDOWN($C8151/24,0)+1,1))-1)+IF('Standard Profiles'!$G$22=$B$10,7,0)+IF('Standard Profiles'!$G$22=$B$17,14,0)+IF('Standard Profiles'!$G$22=$B$24,21,0),0)),0)</f>
        <v>0</v>
      </c>
      <c r="I8151">
        <f t="shared" si="902"/>
        <v>0.32632489590379415</v>
      </c>
      <c r="J8151">
        <f t="shared" si="903"/>
        <v>1.0877496530126471</v>
      </c>
      <c r="K8151">
        <f t="shared" si="904"/>
        <v>1.6316244795189707</v>
      </c>
      <c r="L8151">
        <f t="shared" si="905"/>
        <v>7.8317975016910593</v>
      </c>
      <c r="M8151">
        <f t="shared" si="906"/>
        <v>0</v>
      </c>
      <c r="N8151" s="46">
        <f t="shared" si="907"/>
        <v>45630.208333313647</v>
      </c>
    </row>
    <row r="8152" spans="2:14" x14ac:dyDescent="0.3">
      <c r="B8152">
        <f t="shared" si="901"/>
        <v>3</v>
      </c>
      <c r="C8152" s="16">
        <v>8118</v>
      </c>
      <c r="D8152" cm="1">
        <f t="array" ref="D8152">IFERROR(INDEX(Jesper!AH$2:AH$366,ROUNDDOWN($C8152/24,0)+1,1)*INDEX($D$3:$AA$30,INDEX(Jesper!$R$2:$R$366,ROW(INDEX(Jesper!AH$2:AH$366,ROUNDDOWN($C8152/24,0)+1,1))-1)+IF('Standard Profiles'!$G$18=$B$10,7,0)+IF('Standard Profiles'!$G$18=$B$17,14,0)+IF('Standard Profiles'!$G$18=$B$24,21,0),MOD($C8152,24)+1)/SUM(INDEX($D$3:$AA$30,INDEX(Jesper!$R$2:$R$366,ROW(INDEX(Jesper!AH$2:AH$366,ROUNDDOWN($C8152/24,0)+1,1))-1)+IF('Standard Profiles'!$G$18=$B$10,7,0)+IF('Standard Profiles'!$G$18=$B$17,14,0)+IF('Standard Profiles'!$G$18=$B$24,21,0),0)),0)</f>
        <v>12.565383922732304</v>
      </c>
      <c r="E8152" cm="1">
        <f t="array" ref="E8152">IFERROR(INDEX(Jesper!AI$2:AI$366,ROUNDDOWN($C8152/24,0)+1,1)*INDEX($D$3:$AA$30,INDEX(Jesper!$R$2:$R$366,ROW(INDEX(Jesper!AI$2:AI$366,ROUNDDOWN($C8152/24,0)+1,1))-1)+IF('Standard Profiles'!$G$19=$B$10,7,0)+IF('Standard Profiles'!$G$19=$B$17,14,0)+IF('Standard Profiles'!$G$19=$B$24,21,0),MOD($C8152,24)+1)/SUM(INDEX($D$3:$AA$30,INDEX(Jesper!$R$2:$R$366,ROW(INDEX(Jesper!AI$2:AI$366,ROUNDDOWN($C8152/24,0)+1,1))-1)+IF('Standard Profiles'!$G$19=$B$10,7,0)+IF('Standard Profiles'!$G$19=$B$17,14,0)+IF('Standard Profiles'!$G$19=$B$24,21,0),0)),0)</f>
        <v>0</v>
      </c>
      <c r="F8152" cm="1">
        <f t="array" ref="F8152">IFERROR(INDEX(Jesper!AJ$2:AJ$366,ROUNDDOWN($C8152/24,0)+1,1)*INDEX($D$3:$AA$30,INDEX(Jesper!$R$2:$R$366,ROW(INDEX(Jesper!AJ$2:AJ$366,ROUNDDOWN($C8152/24,0)+1,1))-1)+IF('Standard Profiles'!$G$20=$B$10,7,0)+IF('Standard Profiles'!$G$20=$B$17,14,0)+IF('Standard Profiles'!$G$20=$B$24,21,0),MOD($C8152,24)+1)/SUM(INDEX($D$3:$AA$30,INDEX(Jesper!$R$2:$R$366,ROW(INDEX(Jesper!AJ$2:AJ$366,ROUNDDOWN($C8152/24,0)+1,1))-1)+IF('Standard Profiles'!$G$20=$B$10,7,0)+IF('Standard Profiles'!$G$20=$B$17,14,0)+IF('Standard Profiles'!$G$20=$B$24,21,0),0)),0)</f>
        <v>0</v>
      </c>
      <c r="G8152" cm="1">
        <f t="array" ref="G8152">IFERROR(INDEX(Jesper!AK$2:AK$366,ROUNDDOWN($C8152/24,0)+1,1)*INDEX($D$3:$AA$30,INDEX(Jesper!$R$2:$R$366,ROW(INDEX(Jesper!AK$2:AK$366,ROUNDDOWN($C8152/24,0)+1,1))-1)+IF('Standard Profiles'!$G$21=$B$10,7,0)+IF('Standard Profiles'!$G$21=$B$17,14,0)+IF('Standard Profiles'!$G$21=$B$24,21,0),MOD($C8152,24)+1)/SUM(INDEX($D$3:$AA$30,INDEX(Jesper!$R$2:$R$366,ROW(INDEX(Jesper!AK$2:AK$366,ROUNDDOWN($C8152/24,0)+1,1))-1)+IF('Standard Profiles'!$G$21=$B$10,7,0)+IF('Standard Profiles'!$G$21=$B$17,14,0)+IF('Standard Profiles'!$G$21=$B$24,21,0),0)),0)</f>
        <v>0</v>
      </c>
      <c r="H8152" cm="1">
        <f t="array" ref="H8152">IFERROR(INDEX(Jesper!AL$2:AL$366,ROUNDDOWN($C8152/24,0)+1,1)*INDEX($D$3:$AA$30,INDEX(Jesper!$R$2:$R$366,ROW(INDEX(Jesper!AL$2:AL$366,ROUNDDOWN($C8152/24,0)+1,1))-1)+IF('Standard Profiles'!$G$22=$B$10,7,0)+IF('Standard Profiles'!$G$22=$B$17,14,0)+IF('Standard Profiles'!$G$22=$B$24,21,0),MOD($C8152,24)+1)/SUM(INDEX($D$3:$AA$30,INDEX(Jesper!$R$2:$R$366,ROW(INDEX(Jesper!AL$2:AL$366,ROUNDDOWN($C8152/24,0)+1,1))-1)+IF('Standard Profiles'!$G$22=$B$10,7,0)+IF('Standard Profiles'!$G$22=$B$17,14,0)+IF('Standard Profiles'!$G$22=$B$24,21,0),0)),0)</f>
        <v>0</v>
      </c>
      <c r="I8152">
        <f t="shared" si="902"/>
        <v>0.37696151768196912</v>
      </c>
      <c r="J8152">
        <f t="shared" si="903"/>
        <v>1.2565383922732305</v>
      </c>
      <c r="K8152">
        <f t="shared" si="904"/>
        <v>1.8848075884098454</v>
      </c>
      <c r="L8152">
        <f t="shared" si="905"/>
        <v>9.0470764243672583</v>
      </c>
      <c r="M8152">
        <f t="shared" si="906"/>
        <v>0</v>
      </c>
      <c r="N8152" s="46">
        <f t="shared" si="907"/>
        <v>45630.249999980311</v>
      </c>
    </row>
    <row r="8153" spans="2:14" x14ac:dyDescent="0.3">
      <c r="B8153">
        <f t="shared" si="901"/>
        <v>3</v>
      </c>
      <c r="C8153" s="16">
        <v>8119</v>
      </c>
      <c r="D8153" cm="1">
        <f t="array" ref="D8153">IFERROR(INDEX(Jesper!AH$2:AH$366,ROUNDDOWN($C8153/24,0)+1,1)*INDEX($D$3:$AA$30,INDEX(Jesper!$R$2:$R$366,ROW(INDEX(Jesper!AH$2:AH$366,ROUNDDOWN($C8153/24,0)+1,1))-1)+IF('Standard Profiles'!$G$18=$B$10,7,0)+IF('Standard Profiles'!$G$18=$B$17,14,0)+IF('Standard Profiles'!$G$18=$B$24,21,0),MOD($C8153,24)+1)/SUM(INDEX($D$3:$AA$30,INDEX(Jesper!$R$2:$R$366,ROW(INDEX(Jesper!AH$2:AH$366,ROUNDDOWN($C8153/24,0)+1,1))-1)+IF('Standard Profiles'!$G$18=$B$10,7,0)+IF('Standard Profiles'!$G$18=$B$17,14,0)+IF('Standard Profiles'!$G$18=$B$24,21,0),0)),0)</f>
        <v>12.565383922732304</v>
      </c>
      <c r="E8153" cm="1">
        <f t="array" ref="E8153">IFERROR(INDEX(Jesper!AI$2:AI$366,ROUNDDOWN($C8153/24,0)+1,1)*INDEX($D$3:$AA$30,INDEX(Jesper!$R$2:$R$366,ROW(INDEX(Jesper!AI$2:AI$366,ROUNDDOWN($C8153/24,0)+1,1))-1)+IF('Standard Profiles'!$G$19=$B$10,7,0)+IF('Standard Profiles'!$G$19=$B$17,14,0)+IF('Standard Profiles'!$G$19=$B$24,21,0),MOD($C8153,24)+1)/SUM(INDEX($D$3:$AA$30,INDEX(Jesper!$R$2:$R$366,ROW(INDEX(Jesper!AI$2:AI$366,ROUNDDOWN($C8153/24,0)+1,1))-1)+IF('Standard Profiles'!$G$19=$B$10,7,0)+IF('Standard Profiles'!$G$19=$B$17,14,0)+IF('Standard Profiles'!$G$19=$B$24,21,0),0)),0)</f>
        <v>0</v>
      </c>
      <c r="F8153" cm="1">
        <f t="array" ref="F8153">IFERROR(INDEX(Jesper!AJ$2:AJ$366,ROUNDDOWN($C8153/24,0)+1,1)*INDEX($D$3:$AA$30,INDEX(Jesper!$R$2:$R$366,ROW(INDEX(Jesper!AJ$2:AJ$366,ROUNDDOWN($C8153/24,0)+1,1))-1)+IF('Standard Profiles'!$G$20=$B$10,7,0)+IF('Standard Profiles'!$G$20=$B$17,14,0)+IF('Standard Profiles'!$G$20=$B$24,21,0),MOD($C8153,24)+1)/SUM(INDEX($D$3:$AA$30,INDEX(Jesper!$R$2:$R$366,ROW(INDEX(Jesper!AJ$2:AJ$366,ROUNDDOWN($C8153/24,0)+1,1))-1)+IF('Standard Profiles'!$G$20=$B$10,7,0)+IF('Standard Profiles'!$G$20=$B$17,14,0)+IF('Standard Profiles'!$G$20=$B$24,21,0),0)),0)</f>
        <v>0</v>
      </c>
      <c r="G8153" cm="1">
        <f t="array" ref="G8153">IFERROR(INDEX(Jesper!AK$2:AK$366,ROUNDDOWN($C8153/24,0)+1,1)*INDEX($D$3:$AA$30,INDEX(Jesper!$R$2:$R$366,ROW(INDEX(Jesper!AK$2:AK$366,ROUNDDOWN($C8153/24,0)+1,1))-1)+IF('Standard Profiles'!$G$21=$B$10,7,0)+IF('Standard Profiles'!$G$21=$B$17,14,0)+IF('Standard Profiles'!$G$21=$B$24,21,0),MOD($C8153,24)+1)/SUM(INDEX($D$3:$AA$30,INDEX(Jesper!$R$2:$R$366,ROW(INDEX(Jesper!AK$2:AK$366,ROUNDDOWN($C8153/24,0)+1,1))-1)+IF('Standard Profiles'!$G$21=$B$10,7,0)+IF('Standard Profiles'!$G$21=$B$17,14,0)+IF('Standard Profiles'!$G$21=$B$24,21,0),0)),0)</f>
        <v>0</v>
      </c>
      <c r="H8153" cm="1">
        <f t="array" ref="H8153">IFERROR(INDEX(Jesper!AL$2:AL$366,ROUNDDOWN($C8153/24,0)+1,1)*INDEX($D$3:$AA$30,INDEX(Jesper!$R$2:$R$366,ROW(INDEX(Jesper!AL$2:AL$366,ROUNDDOWN($C8153/24,0)+1,1))-1)+IF('Standard Profiles'!$G$22=$B$10,7,0)+IF('Standard Profiles'!$G$22=$B$17,14,0)+IF('Standard Profiles'!$G$22=$B$24,21,0),MOD($C8153,24)+1)/SUM(INDEX($D$3:$AA$30,INDEX(Jesper!$R$2:$R$366,ROW(INDEX(Jesper!AL$2:AL$366,ROUNDDOWN($C8153/24,0)+1,1))-1)+IF('Standard Profiles'!$G$22=$B$10,7,0)+IF('Standard Profiles'!$G$22=$B$17,14,0)+IF('Standard Profiles'!$G$22=$B$24,21,0),0)),0)</f>
        <v>0</v>
      </c>
      <c r="I8153">
        <f t="shared" si="902"/>
        <v>0.37696151768196912</v>
      </c>
      <c r="J8153">
        <f t="shared" si="903"/>
        <v>1.2565383922732305</v>
      </c>
      <c r="K8153">
        <f t="shared" si="904"/>
        <v>1.8848075884098454</v>
      </c>
      <c r="L8153">
        <f t="shared" si="905"/>
        <v>9.0470764243672583</v>
      </c>
      <c r="M8153">
        <f t="shared" si="906"/>
        <v>0</v>
      </c>
      <c r="N8153" s="46">
        <f t="shared" si="907"/>
        <v>45630.291666646976</v>
      </c>
    </row>
    <row r="8154" spans="2:14" x14ac:dyDescent="0.3">
      <c r="B8154">
        <f t="shared" si="901"/>
        <v>3</v>
      </c>
      <c r="C8154" s="16">
        <v>8120</v>
      </c>
      <c r="D8154" cm="1">
        <f t="array" ref="D8154">IFERROR(INDEX(Jesper!AH$2:AH$366,ROUNDDOWN($C8154/24,0)+1,1)*INDEX($D$3:$AA$30,INDEX(Jesper!$R$2:$R$366,ROW(INDEX(Jesper!AH$2:AH$366,ROUNDDOWN($C8154/24,0)+1,1))-1)+IF('Standard Profiles'!$G$18=$B$10,7,0)+IF('Standard Profiles'!$G$18=$B$17,14,0)+IF('Standard Profiles'!$G$18=$B$24,21,0),MOD($C8154,24)+1)/SUM(INDEX($D$3:$AA$30,INDEX(Jesper!$R$2:$R$366,ROW(INDEX(Jesper!AH$2:AH$366,ROUNDDOWN($C8154/24,0)+1,1))-1)+IF('Standard Profiles'!$G$18=$B$10,7,0)+IF('Standard Profiles'!$G$18=$B$17,14,0)+IF('Standard Profiles'!$G$18=$B$24,21,0),0)),0)</f>
        <v>12.565383922732304</v>
      </c>
      <c r="E8154" cm="1">
        <f t="array" ref="E8154">IFERROR(INDEX(Jesper!AI$2:AI$366,ROUNDDOWN($C8154/24,0)+1,1)*INDEX($D$3:$AA$30,INDEX(Jesper!$R$2:$R$366,ROW(INDEX(Jesper!AI$2:AI$366,ROUNDDOWN($C8154/24,0)+1,1))-1)+IF('Standard Profiles'!$G$19=$B$10,7,0)+IF('Standard Profiles'!$G$19=$B$17,14,0)+IF('Standard Profiles'!$G$19=$B$24,21,0),MOD($C8154,24)+1)/SUM(INDEX($D$3:$AA$30,INDEX(Jesper!$R$2:$R$366,ROW(INDEX(Jesper!AI$2:AI$366,ROUNDDOWN($C8154/24,0)+1,1))-1)+IF('Standard Profiles'!$G$19=$B$10,7,0)+IF('Standard Profiles'!$G$19=$B$17,14,0)+IF('Standard Profiles'!$G$19=$B$24,21,0),0)),0)</f>
        <v>0</v>
      </c>
      <c r="F8154" cm="1">
        <f t="array" ref="F8154">IFERROR(INDEX(Jesper!AJ$2:AJ$366,ROUNDDOWN($C8154/24,0)+1,1)*INDEX($D$3:$AA$30,INDEX(Jesper!$R$2:$R$366,ROW(INDEX(Jesper!AJ$2:AJ$366,ROUNDDOWN($C8154/24,0)+1,1))-1)+IF('Standard Profiles'!$G$20=$B$10,7,0)+IF('Standard Profiles'!$G$20=$B$17,14,0)+IF('Standard Profiles'!$G$20=$B$24,21,0),MOD($C8154,24)+1)/SUM(INDEX($D$3:$AA$30,INDEX(Jesper!$R$2:$R$366,ROW(INDEX(Jesper!AJ$2:AJ$366,ROUNDDOWN($C8154/24,0)+1,1))-1)+IF('Standard Profiles'!$G$20=$B$10,7,0)+IF('Standard Profiles'!$G$20=$B$17,14,0)+IF('Standard Profiles'!$G$20=$B$24,21,0),0)),0)</f>
        <v>0</v>
      </c>
      <c r="G8154" cm="1">
        <f t="array" ref="G8154">IFERROR(INDEX(Jesper!AK$2:AK$366,ROUNDDOWN($C8154/24,0)+1,1)*INDEX($D$3:$AA$30,INDEX(Jesper!$R$2:$R$366,ROW(INDEX(Jesper!AK$2:AK$366,ROUNDDOWN($C8154/24,0)+1,1))-1)+IF('Standard Profiles'!$G$21=$B$10,7,0)+IF('Standard Profiles'!$G$21=$B$17,14,0)+IF('Standard Profiles'!$G$21=$B$24,21,0),MOD($C8154,24)+1)/SUM(INDEX($D$3:$AA$30,INDEX(Jesper!$R$2:$R$366,ROW(INDEX(Jesper!AK$2:AK$366,ROUNDDOWN($C8154/24,0)+1,1))-1)+IF('Standard Profiles'!$G$21=$B$10,7,0)+IF('Standard Profiles'!$G$21=$B$17,14,0)+IF('Standard Profiles'!$G$21=$B$24,21,0),0)),0)</f>
        <v>0</v>
      </c>
      <c r="H8154" cm="1">
        <f t="array" ref="H8154">IFERROR(INDEX(Jesper!AL$2:AL$366,ROUNDDOWN($C8154/24,0)+1,1)*INDEX($D$3:$AA$30,INDEX(Jesper!$R$2:$R$366,ROW(INDEX(Jesper!AL$2:AL$366,ROUNDDOWN($C8154/24,0)+1,1))-1)+IF('Standard Profiles'!$G$22=$B$10,7,0)+IF('Standard Profiles'!$G$22=$B$17,14,0)+IF('Standard Profiles'!$G$22=$B$24,21,0),MOD($C8154,24)+1)/SUM(INDEX($D$3:$AA$30,INDEX(Jesper!$R$2:$R$366,ROW(INDEX(Jesper!AL$2:AL$366,ROUNDDOWN($C8154/24,0)+1,1))-1)+IF('Standard Profiles'!$G$22=$B$10,7,0)+IF('Standard Profiles'!$G$22=$B$17,14,0)+IF('Standard Profiles'!$G$22=$B$24,21,0),0)),0)</f>
        <v>0</v>
      </c>
      <c r="I8154">
        <f t="shared" si="902"/>
        <v>0.37696151768196912</v>
      </c>
      <c r="J8154">
        <f t="shared" si="903"/>
        <v>1.2565383922732305</v>
      </c>
      <c r="K8154">
        <f t="shared" si="904"/>
        <v>1.8848075884098454</v>
      </c>
      <c r="L8154">
        <f t="shared" si="905"/>
        <v>9.0470764243672583</v>
      </c>
      <c r="M8154">
        <f t="shared" si="906"/>
        <v>0</v>
      </c>
      <c r="N8154" s="46">
        <f t="shared" si="907"/>
        <v>45630.33333331364</v>
      </c>
    </row>
    <row r="8155" spans="2:14" x14ac:dyDescent="0.3">
      <c r="B8155">
        <f t="shared" si="901"/>
        <v>3</v>
      </c>
      <c r="C8155" s="16">
        <v>8121</v>
      </c>
      <c r="D8155" cm="1">
        <f t="array" ref="D8155">IFERROR(INDEX(Jesper!AH$2:AH$366,ROUNDDOWN($C8155/24,0)+1,1)*INDEX($D$3:$AA$30,INDEX(Jesper!$R$2:$R$366,ROW(INDEX(Jesper!AH$2:AH$366,ROUNDDOWN($C8155/24,0)+1,1))-1)+IF('Standard Profiles'!$G$18=$B$10,7,0)+IF('Standard Profiles'!$G$18=$B$17,14,0)+IF('Standard Profiles'!$G$18=$B$24,21,0),MOD($C8155,24)+1)/SUM(INDEX($D$3:$AA$30,INDEX(Jesper!$R$2:$R$366,ROW(INDEX(Jesper!AH$2:AH$366,ROUNDDOWN($C8155/24,0)+1,1))-1)+IF('Standard Profiles'!$G$18=$B$10,7,0)+IF('Standard Profiles'!$G$18=$B$17,14,0)+IF('Standard Profiles'!$G$18=$B$24,21,0),0)),0)</f>
        <v>13.503099140846652</v>
      </c>
      <c r="E8155" cm="1">
        <f t="array" ref="E8155">IFERROR(INDEX(Jesper!AI$2:AI$366,ROUNDDOWN($C8155/24,0)+1,1)*INDEX($D$3:$AA$30,INDEX(Jesper!$R$2:$R$366,ROW(INDEX(Jesper!AI$2:AI$366,ROUNDDOWN($C8155/24,0)+1,1))-1)+IF('Standard Profiles'!$G$19=$B$10,7,0)+IF('Standard Profiles'!$G$19=$B$17,14,0)+IF('Standard Profiles'!$G$19=$B$24,21,0),MOD($C8155,24)+1)/SUM(INDEX($D$3:$AA$30,INDEX(Jesper!$R$2:$R$366,ROW(INDEX(Jesper!AI$2:AI$366,ROUNDDOWN($C8155/24,0)+1,1))-1)+IF('Standard Profiles'!$G$19=$B$10,7,0)+IF('Standard Profiles'!$G$19=$B$17,14,0)+IF('Standard Profiles'!$G$19=$B$24,21,0),0)),0)</f>
        <v>0</v>
      </c>
      <c r="F8155" cm="1">
        <f t="array" ref="F8155">IFERROR(INDEX(Jesper!AJ$2:AJ$366,ROUNDDOWN($C8155/24,0)+1,1)*INDEX($D$3:$AA$30,INDEX(Jesper!$R$2:$R$366,ROW(INDEX(Jesper!AJ$2:AJ$366,ROUNDDOWN($C8155/24,0)+1,1))-1)+IF('Standard Profiles'!$G$20=$B$10,7,0)+IF('Standard Profiles'!$G$20=$B$17,14,0)+IF('Standard Profiles'!$G$20=$B$24,21,0),MOD($C8155,24)+1)/SUM(INDEX($D$3:$AA$30,INDEX(Jesper!$R$2:$R$366,ROW(INDEX(Jesper!AJ$2:AJ$366,ROUNDDOWN($C8155/24,0)+1,1))-1)+IF('Standard Profiles'!$G$20=$B$10,7,0)+IF('Standard Profiles'!$G$20=$B$17,14,0)+IF('Standard Profiles'!$G$20=$B$24,21,0),0)),0)</f>
        <v>0</v>
      </c>
      <c r="G8155" cm="1">
        <f t="array" ref="G8155">IFERROR(INDEX(Jesper!AK$2:AK$366,ROUNDDOWN($C8155/24,0)+1,1)*INDEX($D$3:$AA$30,INDEX(Jesper!$R$2:$R$366,ROW(INDEX(Jesper!AK$2:AK$366,ROUNDDOWN($C8155/24,0)+1,1))-1)+IF('Standard Profiles'!$G$21=$B$10,7,0)+IF('Standard Profiles'!$G$21=$B$17,14,0)+IF('Standard Profiles'!$G$21=$B$24,21,0),MOD($C8155,24)+1)/SUM(INDEX($D$3:$AA$30,INDEX(Jesper!$R$2:$R$366,ROW(INDEX(Jesper!AK$2:AK$366,ROUNDDOWN($C8155/24,0)+1,1))-1)+IF('Standard Profiles'!$G$21=$B$10,7,0)+IF('Standard Profiles'!$G$21=$B$17,14,0)+IF('Standard Profiles'!$G$21=$B$24,21,0),0)),0)</f>
        <v>0</v>
      </c>
      <c r="H8155" cm="1">
        <f t="array" ref="H8155">IFERROR(INDEX(Jesper!AL$2:AL$366,ROUNDDOWN($C8155/24,0)+1,1)*INDEX($D$3:$AA$30,INDEX(Jesper!$R$2:$R$366,ROW(INDEX(Jesper!AL$2:AL$366,ROUNDDOWN($C8155/24,0)+1,1))-1)+IF('Standard Profiles'!$G$22=$B$10,7,0)+IF('Standard Profiles'!$G$22=$B$17,14,0)+IF('Standard Profiles'!$G$22=$B$24,21,0),MOD($C8155,24)+1)/SUM(INDEX($D$3:$AA$30,INDEX(Jesper!$R$2:$R$366,ROW(INDEX(Jesper!AL$2:AL$366,ROUNDDOWN($C8155/24,0)+1,1))-1)+IF('Standard Profiles'!$G$22=$B$10,7,0)+IF('Standard Profiles'!$G$22=$B$17,14,0)+IF('Standard Profiles'!$G$22=$B$24,21,0),0)),0)</f>
        <v>0</v>
      </c>
      <c r="I8155">
        <f t="shared" si="902"/>
        <v>0.40509297422539953</v>
      </c>
      <c r="J8155">
        <f t="shared" si="903"/>
        <v>1.3503099140846653</v>
      </c>
      <c r="K8155">
        <f t="shared" si="904"/>
        <v>2.0254648711269976</v>
      </c>
      <c r="L8155">
        <f t="shared" si="905"/>
        <v>9.7222313814095891</v>
      </c>
      <c r="M8155">
        <f t="shared" si="906"/>
        <v>0</v>
      </c>
      <c r="N8155" s="46">
        <f t="shared" si="907"/>
        <v>45630.374999980304</v>
      </c>
    </row>
    <row r="8156" spans="2:14" x14ac:dyDescent="0.3">
      <c r="B8156">
        <f t="shared" si="901"/>
        <v>3</v>
      </c>
      <c r="C8156" s="16">
        <v>8122</v>
      </c>
      <c r="D8156" cm="1">
        <f t="array" ref="D8156">IFERROR(INDEX(Jesper!AH$2:AH$366,ROUNDDOWN($C8156/24,0)+1,1)*INDEX($D$3:$AA$30,INDEX(Jesper!$R$2:$R$366,ROW(INDEX(Jesper!AH$2:AH$366,ROUNDDOWN($C8156/24,0)+1,1))-1)+IF('Standard Profiles'!$G$18=$B$10,7,0)+IF('Standard Profiles'!$G$18=$B$17,14,0)+IF('Standard Profiles'!$G$18=$B$24,21,0),MOD($C8156,24)+1)/SUM(INDEX($D$3:$AA$30,INDEX(Jesper!$R$2:$R$366,ROW(INDEX(Jesper!AH$2:AH$366,ROUNDDOWN($C8156/24,0)+1,1))-1)+IF('Standard Profiles'!$G$18=$B$10,7,0)+IF('Standard Profiles'!$G$18=$B$17,14,0)+IF('Standard Profiles'!$G$18=$B$24,21,0),0)),0)</f>
        <v>14.628357402583875</v>
      </c>
      <c r="E8156" cm="1">
        <f t="array" ref="E8156">IFERROR(INDEX(Jesper!AI$2:AI$366,ROUNDDOWN($C8156/24,0)+1,1)*INDEX($D$3:$AA$30,INDEX(Jesper!$R$2:$R$366,ROW(INDEX(Jesper!AI$2:AI$366,ROUNDDOWN($C8156/24,0)+1,1))-1)+IF('Standard Profiles'!$G$19=$B$10,7,0)+IF('Standard Profiles'!$G$19=$B$17,14,0)+IF('Standard Profiles'!$G$19=$B$24,21,0),MOD($C8156,24)+1)/SUM(INDEX($D$3:$AA$30,INDEX(Jesper!$R$2:$R$366,ROW(INDEX(Jesper!AI$2:AI$366,ROUNDDOWN($C8156/24,0)+1,1))-1)+IF('Standard Profiles'!$G$19=$B$10,7,0)+IF('Standard Profiles'!$G$19=$B$17,14,0)+IF('Standard Profiles'!$G$19=$B$24,21,0),0)),0)</f>
        <v>0</v>
      </c>
      <c r="F8156" cm="1">
        <f t="array" ref="F8156">IFERROR(INDEX(Jesper!AJ$2:AJ$366,ROUNDDOWN($C8156/24,0)+1,1)*INDEX($D$3:$AA$30,INDEX(Jesper!$R$2:$R$366,ROW(INDEX(Jesper!AJ$2:AJ$366,ROUNDDOWN($C8156/24,0)+1,1))-1)+IF('Standard Profiles'!$G$20=$B$10,7,0)+IF('Standard Profiles'!$G$20=$B$17,14,0)+IF('Standard Profiles'!$G$20=$B$24,21,0),MOD($C8156,24)+1)/SUM(INDEX($D$3:$AA$30,INDEX(Jesper!$R$2:$R$366,ROW(INDEX(Jesper!AJ$2:AJ$366,ROUNDDOWN($C8156/24,0)+1,1))-1)+IF('Standard Profiles'!$G$20=$B$10,7,0)+IF('Standard Profiles'!$G$20=$B$17,14,0)+IF('Standard Profiles'!$G$20=$B$24,21,0),0)),0)</f>
        <v>0</v>
      </c>
      <c r="G8156" cm="1">
        <f t="array" ref="G8156">IFERROR(INDEX(Jesper!AK$2:AK$366,ROUNDDOWN($C8156/24,0)+1,1)*INDEX($D$3:$AA$30,INDEX(Jesper!$R$2:$R$366,ROW(INDEX(Jesper!AK$2:AK$366,ROUNDDOWN($C8156/24,0)+1,1))-1)+IF('Standard Profiles'!$G$21=$B$10,7,0)+IF('Standard Profiles'!$G$21=$B$17,14,0)+IF('Standard Profiles'!$G$21=$B$24,21,0),MOD($C8156,24)+1)/SUM(INDEX($D$3:$AA$30,INDEX(Jesper!$R$2:$R$366,ROW(INDEX(Jesper!AK$2:AK$366,ROUNDDOWN($C8156/24,0)+1,1))-1)+IF('Standard Profiles'!$G$21=$B$10,7,0)+IF('Standard Profiles'!$G$21=$B$17,14,0)+IF('Standard Profiles'!$G$21=$B$24,21,0),0)),0)</f>
        <v>0</v>
      </c>
      <c r="H8156" cm="1">
        <f t="array" ref="H8156">IFERROR(INDEX(Jesper!AL$2:AL$366,ROUNDDOWN($C8156/24,0)+1,1)*INDEX($D$3:$AA$30,INDEX(Jesper!$R$2:$R$366,ROW(INDEX(Jesper!AL$2:AL$366,ROUNDDOWN($C8156/24,0)+1,1))-1)+IF('Standard Profiles'!$G$22=$B$10,7,0)+IF('Standard Profiles'!$G$22=$B$17,14,0)+IF('Standard Profiles'!$G$22=$B$24,21,0),MOD($C8156,24)+1)/SUM(INDEX($D$3:$AA$30,INDEX(Jesper!$R$2:$R$366,ROW(INDEX(Jesper!AL$2:AL$366,ROUNDDOWN($C8156/24,0)+1,1))-1)+IF('Standard Profiles'!$G$22=$B$10,7,0)+IF('Standard Profiles'!$G$22=$B$17,14,0)+IF('Standard Profiles'!$G$22=$B$24,21,0),0)),0)</f>
        <v>0</v>
      </c>
      <c r="I8156">
        <f t="shared" si="902"/>
        <v>0.43885072207751624</v>
      </c>
      <c r="J8156">
        <f t="shared" si="903"/>
        <v>1.4628357402583876</v>
      </c>
      <c r="K8156">
        <f t="shared" si="904"/>
        <v>2.1942536103875812</v>
      </c>
      <c r="L8156">
        <f t="shared" si="905"/>
        <v>10.53241732986039</v>
      </c>
      <c r="M8156">
        <f t="shared" si="906"/>
        <v>0</v>
      </c>
      <c r="N8156" s="46">
        <f t="shared" si="907"/>
        <v>45630.416666646968</v>
      </c>
    </row>
    <row r="8157" spans="2:14" x14ac:dyDescent="0.3">
      <c r="B8157">
        <f t="shared" si="901"/>
        <v>3</v>
      </c>
      <c r="C8157" s="16">
        <v>8123</v>
      </c>
      <c r="D8157" cm="1">
        <f t="array" ref="D8157">IFERROR(INDEX(Jesper!AH$2:AH$366,ROUNDDOWN($C8157/24,0)+1,1)*INDEX($D$3:$AA$30,INDEX(Jesper!$R$2:$R$366,ROW(INDEX(Jesper!AH$2:AH$366,ROUNDDOWN($C8157/24,0)+1,1))-1)+IF('Standard Profiles'!$G$18=$B$10,7,0)+IF('Standard Profiles'!$G$18=$B$17,14,0)+IF('Standard Profiles'!$G$18=$B$24,21,0),MOD($C8157,24)+1)/SUM(INDEX($D$3:$AA$30,INDEX(Jesper!$R$2:$R$366,ROW(INDEX(Jesper!AH$2:AH$366,ROUNDDOWN($C8157/24,0)+1,1))-1)+IF('Standard Profiles'!$G$18=$B$10,7,0)+IF('Standard Profiles'!$G$18=$B$17,14,0)+IF('Standard Profiles'!$G$18=$B$24,21,0),0)),0)</f>
        <v>16.878873926058315</v>
      </c>
      <c r="E8157" cm="1">
        <f t="array" ref="E8157">IFERROR(INDEX(Jesper!AI$2:AI$366,ROUNDDOWN($C8157/24,0)+1,1)*INDEX($D$3:$AA$30,INDEX(Jesper!$R$2:$R$366,ROW(INDEX(Jesper!AI$2:AI$366,ROUNDDOWN($C8157/24,0)+1,1))-1)+IF('Standard Profiles'!$G$19=$B$10,7,0)+IF('Standard Profiles'!$G$19=$B$17,14,0)+IF('Standard Profiles'!$G$19=$B$24,21,0),MOD($C8157,24)+1)/SUM(INDEX($D$3:$AA$30,INDEX(Jesper!$R$2:$R$366,ROW(INDEX(Jesper!AI$2:AI$366,ROUNDDOWN($C8157/24,0)+1,1))-1)+IF('Standard Profiles'!$G$19=$B$10,7,0)+IF('Standard Profiles'!$G$19=$B$17,14,0)+IF('Standard Profiles'!$G$19=$B$24,21,0),0)),0)</f>
        <v>0</v>
      </c>
      <c r="F8157" cm="1">
        <f t="array" ref="F8157">IFERROR(INDEX(Jesper!AJ$2:AJ$366,ROUNDDOWN($C8157/24,0)+1,1)*INDEX($D$3:$AA$30,INDEX(Jesper!$R$2:$R$366,ROW(INDEX(Jesper!AJ$2:AJ$366,ROUNDDOWN($C8157/24,0)+1,1))-1)+IF('Standard Profiles'!$G$20=$B$10,7,0)+IF('Standard Profiles'!$G$20=$B$17,14,0)+IF('Standard Profiles'!$G$20=$B$24,21,0),MOD($C8157,24)+1)/SUM(INDEX($D$3:$AA$30,INDEX(Jesper!$R$2:$R$366,ROW(INDEX(Jesper!AJ$2:AJ$366,ROUNDDOWN($C8157/24,0)+1,1))-1)+IF('Standard Profiles'!$G$20=$B$10,7,0)+IF('Standard Profiles'!$G$20=$B$17,14,0)+IF('Standard Profiles'!$G$20=$B$24,21,0),0)),0)</f>
        <v>0</v>
      </c>
      <c r="G8157" cm="1">
        <f t="array" ref="G8157">IFERROR(INDEX(Jesper!AK$2:AK$366,ROUNDDOWN($C8157/24,0)+1,1)*INDEX($D$3:$AA$30,INDEX(Jesper!$R$2:$R$366,ROW(INDEX(Jesper!AK$2:AK$366,ROUNDDOWN($C8157/24,0)+1,1))-1)+IF('Standard Profiles'!$G$21=$B$10,7,0)+IF('Standard Profiles'!$G$21=$B$17,14,0)+IF('Standard Profiles'!$G$21=$B$24,21,0),MOD($C8157,24)+1)/SUM(INDEX($D$3:$AA$30,INDEX(Jesper!$R$2:$R$366,ROW(INDEX(Jesper!AK$2:AK$366,ROUNDDOWN($C8157/24,0)+1,1))-1)+IF('Standard Profiles'!$G$21=$B$10,7,0)+IF('Standard Profiles'!$G$21=$B$17,14,0)+IF('Standard Profiles'!$G$21=$B$24,21,0),0)),0)</f>
        <v>0</v>
      </c>
      <c r="H8157" cm="1">
        <f t="array" ref="H8157">IFERROR(INDEX(Jesper!AL$2:AL$366,ROUNDDOWN($C8157/24,0)+1,1)*INDEX($D$3:$AA$30,INDEX(Jesper!$R$2:$R$366,ROW(INDEX(Jesper!AL$2:AL$366,ROUNDDOWN($C8157/24,0)+1,1))-1)+IF('Standard Profiles'!$G$22=$B$10,7,0)+IF('Standard Profiles'!$G$22=$B$17,14,0)+IF('Standard Profiles'!$G$22=$B$24,21,0),MOD($C8157,24)+1)/SUM(INDEX($D$3:$AA$30,INDEX(Jesper!$R$2:$R$366,ROW(INDEX(Jesper!AL$2:AL$366,ROUNDDOWN($C8157/24,0)+1,1))-1)+IF('Standard Profiles'!$G$22=$B$10,7,0)+IF('Standard Profiles'!$G$22=$B$17,14,0)+IF('Standard Profiles'!$G$22=$B$24,21,0),0)),0)</f>
        <v>0</v>
      </c>
      <c r="I8157">
        <f t="shared" si="902"/>
        <v>0.50636621778174939</v>
      </c>
      <c r="J8157">
        <f t="shared" si="903"/>
        <v>1.6878873926058315</v>
      </c>
      <c r="K8157">
        <f t="shared" si="904"/>
        <v>2.531831088908747</v>
      </c>
      <c r="L8157">
        <f t="shared" si="905"/>
        <v>12.152789226761985</v>
      </c>
      <c r="M8157">
        <f t="shared" si="906"/>
        <v>0</v>
      </c>
      <c r="N8157" s="46">
        <f t="shared" si="907"/>
        <v>45630.458333313632</v>
      </c>
    </row>
    <row r="8158" spans="2:14" x14ac:dyDescent="0.3">
      <c r="B8158">
        <f t="shared" si="901"/>
        <v>3</v>
      </c>
      <c r="C8158" s="16">
        <v>8124</v>
      </c>
      <c r="D8158" cm="1">
        <f t="array" ref="D8158">IFERROR(INDEX(Jesper!AH$2:AH$366,ROUNDDOWN($C8158/24,0)+1,1)*INDEX($D$3:$AA$30,INDEX(Jesper!$R$2:$R$366,ROW(INDEX(Jesper!AH$2:AH$366,ROUNDDOWN($C8158/24,0)+1,1))-1)+IF('Standard Profiles'!$G$18=$B$10,7,0)+IF('Standard Profiles'!$G$18=$B$17,14,0)+IF('Standard Profiles'!$G$18=$B$24,21,0),MOD($C8158,24)+1)/SUM(INDEX($D$3:$AA$30,INDEX(Jesper!$R$2:$R$366,ROW(INDEX(Jesper!AH$2:AH$366,ROUNDDOWN($C8158/24,0)+1,1))-1)+IF('Standard Profiles'!$G$18=$B$10,7,0)+IF('Standard Profiles'!$G$18=$B$17,14,0)+IF('Standard Profiles'!$G$18=$B$24,21,0),0)),0)</f>
        <v>16.878873926058315</v>
      </c>
      <c r="E8158" cm="1">
        <f t="array" ref="E8158">IFERROR(INDEX(Jesper!AI$2:AI$366,ROUNDDOWN($C8158/24,0)+1,1)*INDEX($D$3:$AA$30,INDEX(Jesper!$R$2:$R$366,ROW(INDEX(Jesper!AI$2:AI$366,ROUNDDOWN($C8158/24,0)+1,1))-1)+IF('Standard Profiles'!$G$19=$B$10,7,0)+IF('Standard Profiles'!$G$19=$B$17,14,0)+IF('Standard Profiles'!$G$19=$B$24,21,0),MOD($C8158,24)+1)/SUM(INDEX($D$3:$AA$30,INDEX(Jesper!$R$2:$R$366,ROW(INDEX(Jesper!AI$2:AI$366,ROUNDDOWN($C8158/24,0)+1,1))-1)+IF('Standard Profiles'!$G$19=$B$10,7,0)+IF('Standard Profiles'!$G$19=$B$17,14,0)+IF('Standard Profiles'!$G$19=$B$24,21,0),0)),0)</f>
        <v>0</v>
      </c>
      <c r="F8158" cm="1">
        <f t="array" ref="F8158">IFERROR(INDEX(Jesper!AJ$2:AJ$366,ROUNDDOWN($C8158/24,0)+1,1)*INDEX($D$3:$AA$30,INDEX(Jesper!$R$2:$R$366,ROW(INDEX(Jesper!AJ$2:AJ$366,ROUNDDOWN($C8158/24,0)+1,1))-1)+IF('Standard Profiles'!$G$20=$B$10,7,0)+IF('Standard Profiles'!$G$20=$B$17,14,0)+IF('Standard Profiles'!$G$20=$B$24,21,0),MOD($C8158,24)+1)/SUM(INDEX($D$3:$AA$30,INDEX(Jesper!$R$2:$R$366,ROW(INDEX(Jesper!AJ$2:AJ$366,ROUNDDOWN($C8158/24,0)+1,1))-1)+IF('Standard Profiles'!$G$20=$B$10,7,0)+IF('Standard Profiles'!$G$20=$B$17,14,0)+IF('Standard Profiles'!$G$20=$B$24,21,0),0)),0)</f>
        <v>0</v>
      </c>
      <c r="G8158" cm="1">
        <f t="array" ref="G8158">IFERROR(INDEX(Jesper!AK$2:AK$366,ROUNDDOWN($C8158/24,0)+1,1)*INDEX($D$3:$AA$30,INDEX(Jesper!$R$2:$R$366,ROW(INDEX(Jesper!AK$2:AK$366,ROUNDDOWN($C8158/24,0)+1,1))-1)+IF('Standard Profiles'!$G$21=$B$10,7,0)+IF('Standard Profiles'!$G$21=$B$17,14,0)+IF('Standard Profiles'!$G$21=$B$24,21,0),MOD($C8158,24)+1)/SUM(INDEX($D$3:$AA$30,INDEX(Jesper!$R$2:$R$366,ROW(INDEX(Jesper!AK$2:AK$366,ROUNDDOWN($C8158/24,0)+1,1))-1)+IF('Standard Profiles'!$G$21=$B$10,7,0)+IF('Standard Profiles'!$G$21=$B$17,14,0)+IF('Standard Profiles'!$G$21=$B$24,21,0),0)),0)</f>
        <v>0</v>
      </c>
      <c r="H8158" cm="1">
        <f t="array" ref="H8158">IFERROR(INDEX(Jesper!AL$2:AL$366,ROUNDDOWN($C8158/24,0)+1,1)*INDEX($D$3:$AA$30,INDEX(Jesper!$R$2:$R$366,ROW(INDEX(Jesper!AL$2:AL$366,ROUNDDOWN($C8158/24,0)+1,1))-1)+IF('Standard Profiles'!$G$22=$B$10,7,0)+IF('Standard Profiles'!$G$22=$B$17,14,0)+IF('Standard Profiles'!$G$22=$B$24,21,0),MOD($C8158,24)+1)/SUM(INDEX($D$3:$AA$30,INDEX(Jesper!$R$2:$R$366,ROW(INDEX(Jesper!AL$2:AL$366,ROUNDDOWN($C8158/24,0)+1,1))-1)+IF('Standard Profiles'!$G$22=$B$10,7,0)+IF('Standard Profiles'!$G$22=$B$17,14,0)+IF('Standard Profiles'!$G$22=$B$24,21,0),0)),0)</f>
        <v>0</v>
      </c>
      <c r="I8158">
        <f t="shared" si="902"/>
        <v>0.50636621778174939</v>
      </c>
      <c r="J8158">
        <f t="shared" si="903"/>
        <v>1.6878873926058315</v>
      </c>
      <c r="K8158">
        <f t="shared" si="904"/>
        <v>2.531831088908747</v>
      </c>
      <c r="L8158">
        <f t="shared" si="905"/>
        <v>12.152789226761985</v>
      </c>
      <c r="M8158">
        <f t="shared" si="906"/>
        <v>0</v>
      </c>
      <c r="N8158" s="46">
        <f t="shared" si="907"/>
        <v>45630.499999980297</v>
      </c>
    </row>
    <row r="8159" spans="2:14" x14ac:dyDescent="0.3">
      <c r="B8159">
        <f t="shared" si="901"/>
        <v>3</v>
      </c>
      <c r="C8159" s="16">
        <v>8125</v>
      </c>
      <c r="D8159" cm="1">
        <f t="array" ref="D8159">IFERROR(INDEX(Jesper!AH$2:AH$366,ROUNDDOWN($C8159/24,0)+1,1)*INDEX($D$3:$AA$30,INDEX(Jesper!$R$2:$R$366,ROW(INDEX(Jesper!AH$2:AH$366,ROUNDDOWN($C8159/24,0)+1,1))-1)+IF('Standard Profiles'!$G$18=$B$10,7,0)+IF('Standard Profiles'!$G$18=$B$17,14,0)+IF('Standard Profiles'!$G$18=$B$24,21,0),MOD($C8159,24)+1)/SUM(INDEX($D$3:$AA$30,INDEX(Jesper!$R$2:$R$366,ROW(INDEX(Jesper!AH$2:AH$366,ROUNDDOWN($C8159/24,0)+1,1))-1)+IF('Standard Profiles'!$G$18=$B$10,7,0)+IF('Standard Profiles'!$G$18=$B$17,14,0)+IF('Standard Profiles'!$G$18=$B$24,21,0),0)),0)</f>
        <v>16.878873926058315</v>
      </c>
      <c r="E8159" cm="1">
        <f t="array" ref="E8159">IFERROR(INDEX(Jesper!AI$2:AI$366,ROUNDDOWN($C8159/24,0)+1,1)*INDEX($D$3:$AA$30,INDEX(Jesper!$R$2:$R$366,ROW(INDEX(Jesper!AI$2:AI$366,ROUNDDOWN($C8159/24,0)+1,1))-1)+IF('Standard Profiles'!$G$19=$B$10,7,0)+IF('Standard Profiles'!$G$19=$B$17,14,0)+IF('Standard Profiles'!$G$19=$B$24,21,0),MOD($C8159,24)+1)/SUM(INDEX($D$3:$AA$30,INDEX(Jesper!$R$2:$R$366,ROW(INDEX(Jesper!AI$2:AI$366,ROUNDDOWN($C8159/24,0)+1,1))-1)+IF('Standard Profiles'!$G$19=$B$10,7,0)+IF('Standard Profiles'!$G$19=$B$17,14,0)+IF('Standard Profiles'!$G$19=$B$24,21,0),0)),0)</f>
        <v>0</v>
      </c>
      <c r="F8159" cm="1">
        <f t="array" ref="F8159">IFERROR(INDEX(Jesper!AJ$2:AJ$366,ROUNDDOWN($C8159/24,0)+1,1)*INDEX($D$3:$AA$30,INDEX(Jesper!$R$2:$R$366,ROW(INDEX(Jesper!AJ$2:AJ$366,ROUNDDOWN($C8159/24,0)+1,1))-1)+IF('Standard Profiles'!$G$20=$B$10,7,0)+IF('Standard Profiles'!$G$20=$B$17,14,0)+IF('Standard Profiles'!$G$20=$B$24,21,0),MOD($C8159,24)+1)/SUM(INDEX($D$3:$AA$30,INDEX(Jesper!$R$2:$R$366,ROW(INDEX(Jesper!AJ$2:AJ$366,ROUNDDOWN($C8159/24,0)+1,1))-1)+IF('Standard Profiles'!$G$20=$B$10,7,0)+IF('Standard Profiles'!$G$20=$B$17,14,0)+IF('Standard Profiles'!$G$20=$B$24,21,0),0)),0)</f>
        <v>0</v>
      </c>
      <c r="G8159" cm="1">
        <f t="array" ref="G8159">IFERROR(INDEX(Jesper!AK$2:AK$366,ROUNDDOWN($C8159/24,0)+1,1)*INDEX($D$3:$AA$30,INDEX(Jesper!$R$2:$R$366,ROW(INDEX(Jesper!AK$2:AK$366,ROUNDDOWN($C8159/24,0)+1,1))-1)+IF('Standard Profiles'!$G$21=$B$10,7,0)+IF('Standard Profiles'!$G$21=$B$17,14,0)+IF('Standard Profiles'!$G$21=$B$24,21,0),MOD($C8159,24)+1)/SUM(INDEX($D$3:$AA$30,INDEX(Jesper!$R$2:$R$366,ROW(INDEX(Jesper!AK$2:AK$366,ROUNDDOWN($C8159/24,0)+1,1))-1)+IF('Standard Profiles'!$G$21=$B$10,7,0)+IF('Standard Profiles'!$G$21=$B$17,14,0)+IF('Standard Profiles'!$G$21=$B$24,21,0),0)),0)</f>
        <v>0</v>
      </c>
      <c r="H8159" cm="1">
        <f t="array" ref="H8159">IFERROR(INDEX(Jesper!AL$2:AL$366,ROUNDDOWN($C8159/24,0)+1,1)*INDEX($D$3:$AA$30,INDEX(Jesper!$R$2:$R$366,ROW(INDEX(Jesper!AL$2:AL$366,ROUNDDOWN($C8159/24,0)+1,1))-1)+IF('Standard Profiles'!$G$22=$B$10,7,0)+IF('Standard Profiles'!$G$22=$B$17,14,0)+IF('Standard Profiles'!$G$22=$B$24,21,0),MOD($C8159,24)+1)/SUM(INDEX($D$3:$AA$30,INDEX(Jesper!$R$2:$R$366,ROW(INDEX(Jesper!AL$2:AL$366,ROUNDDOWN($C8159/24,0)+1,1))-1)+IF('Standard Profiles'!$G$22=$B$10,7,0)+IF('Standard Profiles'!$G$22=$B$17,14,0)+IF('Standard Profiles'!$G$22=$B$24,21,0),0)),0)</f>
        <v>0</v>
      </c>
      <c r="I8159">
        <f t="shared" si="902"/>
        <v>0.50636621778174939</v>
      </c>
      <c r="J8159">
        <f t="shared" si="903"/>
        <v>1.6878873926058315</v>
      </c>
      <c r="K8159">
        <f t="shared" si="904"/>
        <v>2.531831088908747</v>
      </c>
      <c r="L8159">
        <f t="shared" si="905"/>
        <v>12.152789226761985</v>
      </c>
      <c r="M8159">
        <f t="shared" si="906"/>
        <v>0</v>
      </c>
      <c r="N8159" s="46">
        <f t="shared" si="907"/>
        <v>45630.541666646961</v>
      </c>
    </row>
    <row r="8160" spans="2:14" x14ac:dyDescent="0.3">
      <c r="B8160">
        <f t="shared" si="901"/>
        <v>3</v>
      </c>
      <c r="C8160" s="16">
        <v>8126</v>
      </c>
      <c r="D8160" cm="1">
        <f t="array" ref="D8160">IFERROR(INDEX(Jesper!AH$2:AH$366,ROUNDDOWN($C8160/24,0)+1,1)*INDEX($D$3:$AA$30,INDEX(Jesper!$R$2:$R$366,ROW(INDEX(Jesper!AH$2:AH$366,ROUNDDOWN($C8160/24,0)+1,1))-1)+IF('Standard Profiles'!$G$18=$B$10,7,0)+IF('Standard Profiles'!$G$18=$B$17,14,0)+IF('Standard Profiles'!$G$18=$B$24,21,0),MOD($C8160,24)+1)/SUM(INDEX($D$3:$AA$30,INDEX(Jesper!$R$2:$R$366,ROW(INDEX(Jesper!AH$2:AH$366,ROUNDDOWN($C8160/24,0)+1,1))-1)+IF('Standard Profiles'!$G$18=$B$10,7,0)+IF('Standard Profiles'!$G$18=$B$17,14,0)+IF('Standard Profiles'!$G$18=$B$24,21,0),0)),0)</f>
        <v>16.878873926058315</v>
      </c>
      <c r="E8160" cm="1">
        <f t="array" ref="E8160">IFERROR(INDEX(Jesper!AI$2:AI$366,ROUNDDOWN($C8160/24,0)+1,1)*INDEX($D$3:$AA$30,INDEX(Jesper!$R$2:$R$366,ROW(INDEX(Jesper!AI$2:AI$366,ROUNDDOWN($C8160/24,0)+1,1))-1)+IF('Standard Profiles'!$G$19=$B$10,7,0)+IF('Standard Profiles'!$G$19=$B$17,14,0)+IF('Standard Profiles'!$G$19=$B$24,21,0),MOD($C8160,24)+1)/SUM(INDEX($D$3:$AA$30,INDEX(Jesper!$R$2:$R$366,ROW(INDEX(Jesper!AI$2:AI$366,ROUNDDOWN($C8160/24,0)+1,1))-1)+IF('Standard Profiles'!$G$19=$B$10,7,0)+IF('Standard Profiles'!$G$19=$B$17,14,0)+IF('Standard Profiles'!$G$19=$B$24,21,0),0)),0)</f>
        <v>0</v>
      </c>
      <c r="F8160" cm="1">
        <f t="array" ref="F8160">IFERROR(INDEX(Jesper!AJ$2:AJ$366,ROUNDDOWN($C8160/24,0)+1,1)*INDEX($D$3:$AA$30,INDEX(Jesper!$R$2:$R$366,ROW(INDEX(Jesper!AJ$2:AJ$366,ROUNDDOWN($C8160/24,0)+1,1))-1)+IF('Standard Profiles'!$G$20=$B$10,7,0)+IF('Standard Profiles'!$G$20=$B$17,14,0)+IF('Standard Profiles'!$G$20=$B$24,21,0),MOD($C8160,24)+1)/SUM(INDEX($D$3:$AA$30,INDEX(Jesper!$R$2:$R$366,ROW(INDEX(Jesper!AJ$2:AJ$366,ROUNDDOWN($C8160/24,0)+1,1))-1)+IF('Standard Profiles'!$G$20=$B$10,7,0)+IF('Standard Profiles'!$G$20=$B$17,14,0)+IF('Standard Profiles'!$G$20=$B$24,21,0),0)),0)</f>
        <v>0</v>
      </c>
      <c r="G8160" cm="1">
        <f t="array" ref="G8160">IFERROR(INDEX(Jesper!AK$2:AK$366,ROUNDDOWN($C8160/24,0)+1,1)*INDEX($D$3:$AA$30,INDEX(Jesper!$R$2:$R$366,ROW(INDEX(Jesper!AK$2:AK$366,ROUNDDOWN($C8160/24,0)+1,1))-1)+IF('Standard Profiles'!$G$21=$B$10,7,0)+IF('Standard Profiles'!$G$21=$B$17,14,0)+IF('Standard Profiles'!$G$21=$B$24,21,0),MOD($C8160,24)+1)/SUM(INDEX($D$3:$AA$30,INDEX(Jesper!$R$2:$R$366,ROW(INDEX(Jesper!AK$2:AK$366,ROUNDDOWN($C8160/24,0)+1,1))-1)+IF('Standard Profiles'!$G$21=$B$10,7,0)+IF('Standard Profiles'!$G$21=$B$17,14,0)+IF('Standard Profiles'!$G$21=$B$24,21,0),0)),0)</f>
        <v>0</v>
      </c>
      <c r="H8160" cm="1">
        <f t="array" ref="H8160">IFERROR(INDEX(Jesper!AL$2:AL$366,ROUNDDOWN($C8160/24,0)+1,1)*INDEX($D$3:$AA$30,INDEX(Jesper!$R$2:$R$366,ROW(INDEX(Jesper!AL$2:AL$366,ROUNDDOWN($C8160/24,0)+1,1))-1)+IF('Standard Profiles'!$G$22=$B$10,7,0)+IF('Standard Profiles'!$G$22=$B$17,14,0)+IF('Standard Profiles'!$G$22=$B$24,21,0),MOD($C8160,24)+1)/SUM(INDEX($D$3:$AA$30,INDEX(Jesper!$R$2:$R$366,ROW(INDEX(Jesper!AL$2:AL$366,ROUNDDOWN($C8160/24,0)+1,1))-1)+IF('Standard Profiles'!$G$22=$B$10,7,0)+IF('Standard Profiles'!$G$22=$B$17,14,0)+IF('Standard Profiles'!$G$22=$B$24,21,0),0)),0)</f>
        <v>0</v>
      </c>
      <c r="I8160">
        <f t="shared" si="902"/>
        <v>0.50636621778174939</v>
      </c>
      <c r="J8160">
        <f t="shared" si="903"/>
        <v>1.6878873926058315</v>
      </c>
      <c r="K8160">
        <f t="shared" si="904"/>
        <v>2.531831088908747</v>
      </c>
      <c r="L8160">
        <f t="shared" si="905"/>
        <v>12.152789226761985</v>
      </c>
      <c r="M8160">
        <f t="shared" si="906"/>
        <v>0</v>
      </c>
      <c r="N8160" s="46">
        <f t="shared" si="907"/>
        <v>45630.583333313625</v>
      </c>
    </row>
    <row r="8161" spans="2:14" x14ac:dyDescent="0.3">
      <c r="B8161">
        <f t="shared" si="901"/>
        <v>3</v>
      </c>
      <c r="C8161" s="16">
        <v>8127</v>
      </c>
      <c r="D8161" cm="1">
        <f t="array" ref="D8161">IFERROR(INDEX(Jesper!AH$2:AH$366,ROUNDDOWN($C8161/24,0)+1,1)*INDEX($D$3:$AA$30,INDEX(Jesper!$R$2:$R$366,ROW(INDEX(Jesper!AH$2:AH$366,ROUNDDOWN($C8161/24,0)+1,1))-1)+IF('Standard Profiles'!$G$18=$B$10,7,0)+IF('Standard Profiles'!$G$18=$B$17,14,0)+IF('Standard Profiles'!$G$18=$B$24,21,0),MOD($C8161,24)+1)/SUM(INDEX($D$3:$AA$30,INDEX(Jesper!$R$2:$R$366,ROW(INDEX(Jesper!AH$2:AH$366,ROUNDDOWN($C8161/24,0)+1,1))-1)+IF('Standard Profiles'!$G$18=$B$10,7,0)+IF('Standard Profiles'!$G$18=$B$17,14,0)+IF('Standard Profiles'!$G$18=$B$24,21,0),0)),0)</f>
        <v>16.878873926058315</v>
      </c>
      <c r="E8161" cm="1">
        <f t="array" ref="E8161">IFERROR(INDEX(Jesper!AI$2:AI$366,ROUNDDOWN($C8161/24,0)+1,1)*INDEX($D$3:$AA$30,INDEX(Jesper!$R$2:$R$366,ROW(INDEX(Jesper!AI$2:AI$366,ROUNDDOWN($C8161/24,0)+1,1))-1)+IF('Standard Profiles'!$G$19=$B$10,7,0)+IF('Standard Profiles'!$G$19=$B$17,14,0)+IF('Standard Profiles'!$G$19=$B$24,21,0),MOD($C8161,24)+1)/SUM(INDEX($D$3:$AA$30,INDEX(Jesper!$R$2:$R$366,ROW(INDEX(Jesper!AI$2:AI$366,ROUNDDOWN($C8161/24,0)+1,1))-1)+IF('Standard Profiles'!$G$19=$B$10,7,0)+IF('Standard Profiles'!$G$19=$B$17,14,0)+IF('Standard Profiles'!$G$19=$B$24,21,0),0)),0)</f>
        <v>0</v>
      </c>
      <c r="F8161" cm="1">
        <f t="array" ref="F8161">IFERROR(INDEX(Jesper!AJ$2:AJ$366,ROUNDDOWN($C8161/24,0)+1,1)*INDEX($D$3:$AA$30,INDEX(Jesper!$R$2:$R$366,ROW(INDEX(Jesper!AJ$2:AJ$366,ROUNDDOWN($C8161/24,0)+1,1))-1)+IF('Standard Profiles'!$G$20=$B$10,7,0)+IF('Standard Profiles'!$G$20=$B$17,14,0)+IF('Standard Profiles'!$G$20=$B$24,21,0),MOD($C8161,24)+1)/SUM(INDEX($D$3:$AA$30,INDEX(Jesper!$R$2:$R$366,ROW(INDEX(Jesper!AJ$2:AJ$366,ROUNDDOWN($C8161/24,0)+1,1))-1)+IF('Standard Profiles'!$G$20=$B$10,7,0)+IF('Standard Profiles'!$G$20=$B$17,14,0)+IF('Standard Profiles'!$G$20=$B$24,21,0),0)),0)</f>
        <v>0</v>
      </c>
      <c r="G8161" cm="1">
        <f t="array" ref="G8161">IFERROR(INDEX(Jesper!AK$2:AK$366,ROUNDDOWN($C8161/24,0)+1,1)*INDEX($D$3:$AA$30,INDEX(Jesper!$R$2:$R$366,ROW(INDEX(Jesper!AK$2:AK$366,ROUNDDOWN($C8161/24,0)+1,1))-1)+IF('Standard Profiles'!$G$21=$B$10,7,0)+IF('Standard Profiles'!$G$21=$B$17,14,0)+IF('Standard Profiles'!$G$21=$B$24,21,0),MOD($C8161,24)+1)/SUM(INDEX($D$3:$AA$30,INDEX(Jesper!$R$2:$R$366,ROW(INDEX(Jesper!AK$2:AK$366,ROUNDDOWN($C8161/24,0)+1,1))-1)+IF('Standard Profiles'!$G$21=$B$10,7,0)+IF('Standard Profiles'!$G$21=$B$17,14,0)+IF('Standard Profiles'!$G$21=$B$24,21,0),0)),0)</f>
        <v>0</v>
      </c>
      <c r="H8161" cm="1">
        <f t="array" ref="H8161">IFERROR(INDEX(Jesper!AL$2:AL$366,ROUNDDOWN($C8161/24,0)+1,1)*INDEX($D$3:$AA$30,INDEX(Jesper!$R$2:$R$366,ROW(INDEX(Jesper!AL$2:AL$366,ROUNDDOWN($C8161/24,0)+1,1))-1)+IF('Standard Profiles'!$G$22=$B$10,7,0)+IF('Standard Profiles'!$G$22=$B$17,14,0)+IF('Standard Profiles'!$G$22=$B$24,21,0),MOD($C8161,24)+1)/SUM(INDEX($D$3:$AA$30,INDEX(Jesper!$R$2:$R$366,ROW(INDEX(Jesper!AL$2:AL$366,ROUNDDOWN($C8161/24,0)+1,1))-1)+IF('Standard Profiles'!$G$22=$B$10,7,0)+IF('Standard Profiles'!$G$22=$B$17,14,0)+IF('Standard Profiles'!$G$22=$B$24,21,0),0)),0)</f>
        <v>0</v>
      </c>
      <c r="I8161">
        <f t="shared" si="902"/>
        <v>0.50636621778174939</v>
      </c>
      <c r="J8161">
        <f t="shared" si="903"/>
        <v>1.6878873926058315</v>
      </c>
      <c r="K8161">
        <f t="shared" si="904"/>
        <v>2.531831088908747</v>
      </c>
      <c r="L8161">
        <f t="shared" si="905"/>
        <v>12.152789226761985</v>
      </c>
      <c r="M8161">
        <f t="shared" si="906"/>
        <v>0</v>
      </c>
      <c r="N8161" s="46">
        <f t="shared" si="907"/>
        <v>45630.624999980289</v>
      </c>
    </row>
    <row r="8162" spans="2:14" x14ac:dyDescent="0.3">
      <c r="B8162">
        <f t="shared" si="901"/>
        <v>3</v>
      </c>
      <c r="C8162" s="16">
        <v>8128</v>
      </c>
      <c r="D8162" cm="1">
        <f t="array" ref="D8162">IFERROR(INDEX(Jesper!AH$2:AH$366,ROUNDDOWN($C8162/24,0)+1,1)*INDEX($D$3:$AA$30,INDEX(Jesper!$R$2:$R$366,ROW(INDEX(Jesper!AH$2:AH$366,ROUNDDOWN($C8162/24,0)+1,1))-1)+IF('Standard Profiles'!$G$18=$B$10,7,0)+IF('Standard Profiles'!$G$18=$B$17,14,0)+IF('Standard Profiles'!$G$18=$B$24,21,0),MOD($C8162,24)+1)/SUM(INDEX($D$3:$AA$30,INDEX(Jesper!$R$2:$R$366,ROW(INDEX(Jesper!AH$2:AH$366,ROUNDDOWN($C8162/24,0)+1,1))-1)+IF('Standard Profiles'!$G$18=$B$10,7,0)+IF('Standard Profiles'!$G$18=$B$17,14,0)+IF('Standard Profiles'!$G$18=$B$24,21,0),0)),0)</f>
        <v>16.878873926058315</v>
      </c>
      <c r="E8162" cm="1">
        <f t="array" ref="E8162">IFERROR(INDEX(Jesper!AI$2:AI$366,ROUNDDOWN($C8162/24,0)+1,1)*INDEX($D$3:$AA$30,INDEX(Jesper!$R$2:$R$366,ROW(INDEX(Jesper!AI$2:AI$366,ROUNDDOWN($C8162/24,0)+1,1))-1)+IF('Standard Profiles'!$G$19=$B$10,7,0)+IF('Standard Profiles'!$G$19=$B$17,14,0)+IF('Standard Profiles'!$G$19=$B$24,21,0),MOD($C8162,24)+1)/SUM(INDEX($D$3:$AA$30,INDEX(Jesper!$R$2:$R$366,ROW(INDEX(Jesper!AI$2:AI$366,ROUNDDOWN($C8162/24,0)+1,1))-1)+IF('Standard Profiles'!$G$19=$B$10,7,0)+IF('Standard Profiles'!$G$19=$B$17,14,0)+IF('Standard Profiles'!$G$19=$B$24,21,0),0)),0)</f>
        <v>0</v>
      </c>
      <c r="F8162" cm="1">
        <f t="array" ref="F8162">IFERROR(INDEX(Jesper!AJ$2:AJ$366,ROUNDDOWN($C8162/24,0)+1,1)*INDEX($D$3:$AA$30,INDEX(Jesper!$R$2:$R$366,ROW(INDEX(Jesper!AJ$2:AJ$366,ROUNDDOWN($C8162/24,0)+1,1))-1)+IF('Standard Profiles'!$G$20=$B$10,7,0)+IF('Standard Profiles'!$G$20=$B$17,14,0)+IF('Standard Profiles'!$G$20=$B$24,21,0),MOD($C8162,24)+1)/SUM(INDEX($D$3:$AA$30,INDEX(Jesper!$R$2:$R$366,ROW(INDEX(Jesper!AJ$2:AJ$366,ROUNDDOWN($C8162/24,0)+1,1))-1)+IF('Standard Profiles'!$G$20=$B$10,7,0)+IF('Standard Profiles'!$G$20=$B$17,14,0)+IF('Standard Profiles'!$G$20=$B$24,21,0),0)),0)</f>
        <v>0</v>
      </c>
      <c r="G8162" cm="1">
        <f t="array" ref="G8162">IFERROR(INDEX(Jesper!AK$2:AK$366,ROUNDDOWN($C8162/24,0)+1,1)*INDEX($D$3:$AA$30,INDEX(Jesper!$R$2:$R$366,ROW(INDEX(Jesper!AK$2:AK$366,ROUNDDOWN($C8162/24,0)+1,1))-1)+IF('Standard Profiles'!$G$21=$B$10,7,0)+IF('Standard Profiles'!$G$21=$B$17,14,0)+IF('Standard Profiles'!$G$21=$B$24,21,0),MOD($C8162,24)+1)/SUM(INDEX($D$3:$AA$30,INDEX(Jesper!$R$2:$R$366,ROW(INDEX(Jesper!AK$2:AK$366,ROUNDDOWN($C8162/24,0)+1,1))-1)+IF('Standard Profiles'!$G$21=$B$10,7,0)+IF('Standard Profiles'!$G$21=$B$17,14,0)+IF('Standard Profiles'!$G$21=$B$24,21,0),0)),0)</f>
        <v>0</v>
      </c>
      <c r="H8162" cm="1">
        <f t="array" ref="H8162">IFERROR(INDEX(Jesper!AL$2:AL$366,ROUNDDOWN($C8162/24,0)+1,1)*INDEX($D$3:$AA$30,INDEX(Jesper!$R$2:$R$366,ROW(INDEX(Jesper!AL$2:AL$366,ROUNDDOWN($C8162/24,0)+1,1))-1)+IF('Standard Profiles'!$G$22=$B$10,7,0)+IF('Standard Profiles'!$G$22=$B$17,14,0)+IF('Standard Profiles'!$G$22=$B$24,21,0),MOD($C8162,24)+1)/SUM(INDEX($D$3:$AA$30,INDEX(Jesper!$R$2:$R$366,ROW(INDEX(Jesper!AL$2:AL$366,ROUNDDOWN($C8162/24,0)+1,1))-1)+IF('Standard Profiles'!$G$22=$B$10,7,0)+IF('Standard Profiles'!$G$22=$B$17,14,0)+IF('Standard Profiles'!$G$22=$B$24,21,0),0)),0)</f>
        <v>0</v>
      </c>
      <c r="I8162">
        <f t="shared" si="902"/>
        <v>0.50636621778174939</v>
      </c>
      <c r="J8162">
        <f t="shared" si="903"/>
        <v>1.6878873926058315</v>
      </c>
      <c r="K8162">
        <f t="shared" si="904"/>
        <v>2.531831088908747</v>
      </c>
      <c r="L8162">
        <f t="shared" si="905"/>
        <v>12.152789226761985</v>
      </c>
      <c r="M8162">
        <f t="shared" si="906"/>
        <v>0</v>
      </c>
      <c r="N8162" s="46">
        <f t="shared" si="907"/>
        <v>45630.666666646954</v>
      </c>
    </row>
    <row r="8163" spans="2:14" x14ac:dyDescent="0.3">
      <c r="B8163">
        <f t="shared" ref="B8163:B8226" si="908">WEEKDAY(N8163,2)</f>
        <v>3</v>
      </c>
      <c r="C8163" s="16">
        <v>8129</v>
      </c>
      <c r="D8163" cm="1">
        <f t="array" ref="D8163">IFERROR(INDEX(Jesper!AH$2:AH$366,ROUNDDOWN($C8163/24,0)+1,1)*INDEX($D$3:$AA$30,INDEX(Jesper!$R$2:$R$366,ROW(INDEX(Jesper!AH$2:AH$366,ROUNDDOWN($C8163/24,0)+1,1))-1)+IF('Standard Profiles'!$G$18=$B$10,7,0)+IF('Standard Profiles'!$G$18=$B$17,14,0)+IF('Standard Profiles'!$G$18=$B$24,21,0),MOD($C8163,24)+1)/SUM(INDEX($D$3:$AA$30,INDEX(Jesper!$R$2:$R$366,ROW(INDEX(Jesper!AH$2:AH$366,ROUNDDOWN($C8163/24,0)+1,1))-1)+IF('Standard Profiles'!$G$18=$B$10,7,0)+IF('Standard Profiles'!$G$18=$B$17,14,0)+IF('Standard Profiles'!$G$18=$B$24,21,0),0)),0)</f>
        <v>16.878873926058315</v>
      </c>
      <c r="E8163" cm="1">
        <f t="array" ref="E8163">IFERROR(INDEX(Jesper!AI$2:AI$366,ROUNDDOWN($C8163/24,0)+1,1)*INDEX($D$3:$AA$30,INDEX(Jesper!$R$2:$R$366,ROW(INDEX(Jesper!AI$2:AI$366,ROUNDDOWN($C8163/24,0)+1,1))-1)+IF('Standard Profiles'!$G$19=$B$10,7,0)+IF('Standard Profiles'!$G$19=$B$17,14,0)+IF('Standard Profiles'!$G$19=$B$24,21,0),MOD($C8163,24)+1)/SUM(INDEX($D$3:$AA$30,INDEX(Jesper!$R$2:$R$366,ROW(INDEX(Jesper!AI$2:AI$366,ROUNDDOWN($C8163/24,0)+1,1))-1)+IF('Standard Profiles'!$G$19=$B$10,7,0)+IF('Standard Profiles'!$G$19=$B$17,14,0)+IF('Standard Profiles'!$G$19=$B$24,21,0),0)),0)</f>
        <v>0</v>
      </c>
      <c r="F8163" cm="1">
        <f t="array" ref="F8163">IFERROR(INDEX(Jesper!AJ$2:AJ$366,ROUNDDOWN($C8163/24,0)+1,1)*INDEX($D$3:$AA$30,INDEX(Jesper!$R$2:$R$366,ROW(INDEX(Jesper!AJ$2:AJ$366,ROUNDDOWN($C8163/24,0)+1,1))-1)+IF('Standard Profiles'!$G$20=$B$10,7,0)+IF('Standard Profiles'!$G$20=$B$17,14,0)+IF('Standard Profiles'!$G$20=$B$24,21,0),MOD($C8163,24)+1)/SUM(INDEX($D$3:$AA$30,INDEX(Jesper!$R$2:$R$366,ROW(INDEX(Jesper!AJ$2:AJ$366,ROUNDDOWN($C8163/24,0)+1,1))-1)+IF('Standard Profiles'!$G$20=$B$10,7,0)+IF('Standard Profiles'!$G$20=$B$17,14,0)+IF('Standard Profiles'!$G$20=$B$24,21,0),0)),0)</f>
        <v>0</v>
      </c>
      <c r="G8163" cm="1">
        <f t="array" ref="G8163">IFERROR(INDEX(Jesper!AK$2:AK$366,ROUNDDOWN($C8163/24,0)+1,1)*INDEX($D$3:$AA$30,INDEX(Jesper!$R$2:$R$366,ROW(INDEX(Jesper!AK$2:AK$366,ROUNDDOWN($C8163/24,0)+1,1))-1)+IF('Standard Profiles'!$G$21=$B$10,7,0)+IF('Standard Profiles'!$G$21=$B$17,14,0)+IF('Standard Profiles'!$G$21=$B$24,21,0),MOD($C8163,24)+1)/SUM(INDEX($D$3:$AA$30,INDEX(Jesper!$R$2:$R$366,ROW(INDEX(Jesper!AK$2:AK$366,ROUNDDOWN($C8163/24,0)+1,1))-1)+IF('Standard Profiles'!$G$21=$B$10,7,0)+IF('Standard Profiles'!$G$21=$B$17,14,0)+IF('Standard Profiles'!$G$21=$B$24,21,0),0)),0)</f>
        <v>0</v>
      </c>
      <c r="H8163" cm="1">
        <f t="array" ref="H8163">IFERROR(INDEX(Jesper!AL$2:AL$366,ROUNDDOWN($C8163/24,0)+1,1)*INDEX($D$3:$AA$30,INDEX(Jesper!$R$2:$R$366,ROW(INDEX(Jesper!AL$2:AL$366,ROUNDDOWN($C8163/24,0)+1,1))-1)+IF('Standard Profiles'!$G$22=$B$10,7,0)+IF('Standard Profiles'!$G$22=$B$17,14,0)+IF('Standard Profiles'!$G$22=$B$24,21,0),MOD($C8163,24)+1)/SUM(INDEX($D$3:$AA$30,INDEX(Jesper!$R$2:$R$366,ROW(INDEX(Jesper!AL$2:AL$366,ROUNDDOWN($C8163/24,0)+1,1))-1)+IF('Standard Profiles'!$G$22=$B$10,7,0)+IF('Standard Profiles'!$G$22=$B$17,14,0)+IF('Standard Profiles'!$G$22=$B$24,21,0),0)),0)</f>
        <v>0</v>
      </c>
      <c r="I8163">
        <f t="shared" ref="I8163:I8226" si="909">IF($B8163&lt;6,AC$37*$D8163+AC$38*$E8163+AC$39*$F8163+AC$40*$G8163,AC$46*$D8163+AC$47*$E8163+AC$48*$F8163+AC$49*$G8163+AC$50*$H8163)</f>
        <v>0.50636621778174939</v>
      </c>
      <c r="J8163">
        <f t="shared" ref="J8163:J8226" si="910">IF($B8163&lt;6,AD$37*$D8163+AD$38*$E8163+AD$39*$F8163+AD$40*$G8163,AD$46*$D8163+AD$47*$E8163+AD$48*$F8163+AD$49*$G8163+AD$50*$H8163)</f>
        <v>1.6878873926058315</v>
      </c>
      <c r="K8163">
        <f t="shared" ref="K8163:K8226" si="911">IF($B8163&lt;6,AE$37*$D8163+AE$38*$E8163+AE$39*$F8163+AE$40*$G8163,AE$46*$D8163+AE$47*$E8163+AE$48*$F8163+AE$49*$G8163+AE$50*$H8163)</f>
        <v>2.531831088908747</v>
      </c>
      <c r="L8163">
        <f t="shared" ref="L8163:L8226" si="912">IF($B8163&lt;6,AF$37*$D8163+AF$38*$E8163+AF$39*$F8163+AF$40*$G8163,AF$46*$D8163+AF$47*$E8163+AF$48*$F8163+AF$49*$G8163+AF$50*$H8163)</f>
        <v>12.152789226761985</v>
      </c>
      <c r="M8163">
        <f t="shared" ref="M8163:M8226" si="913">IF($B8163&lt;6,AG$37*$D8163+AG$38*$E8163+AG$39*$F8163+AG$40*$G8163,AG$46*$D8163+AG$47*$E8163+AG$48*$F8163+AG$49*$G8163+AG$50*$H8163)</f>
        <v>0</v>
      </c>
      <c r="N8163" s="46">
        <f t="shared" si="907"/>
        <v>45630.708333313618</v>
      </c>
    </row>
    <row r="8164" spans="2:14" x14ac:dyDescent="0.3">
      <c r="B8164">
        <f t="shared" si="908"/>
        <v>3</v>
      </c>
      <c r="C8164" s="16">
        <v>8130</v>
      </c>
      <c r="D8164" cm="1">
        <f t="array" ref="D8164">IFERROR(INDEX(Jesper!AH$2:AH$366,ROUNDDOWN($C8164/24,0)+1,1)*INDEX($D$3:$AA$30,INDEX(Jesper!$R$2:$R$366,ROW(INDEX(Jesper!AH$2:AH$366,ROUNDDOWN($C8164/24,0)+1,1))-1)+IF('Standard Profiles'!$G$18=$B$10,7,0)+IF('Standard Profiles'!$G$18=$B$17,14,0)+IF('Standard Profiles'!$G$18=$B$24,21,0),MOD($C8164,24)+1)/SUM(INDEX($D$3:$AA$30,INDEX(Jesper!$R$2:$R$366,ROW(INDEX(Jesper!AH$2:AH$366,ROUNDDOWN($C8164/24,0)+1,1))-1)+IF('Standard Profiles'!$G$18=$B$10,7,0)+IF('Standard Profiles'!$G$18=$B$17,14,0)+IF('Standard Profiles'!$G$18=$B$24,21,0),0)),0)</f>
        <v>16.878873926058315</v>
      </c>
      <c r="E8164" cm="1">
        <f t="array" ref="E8164">IFERROR(INDEX(Jesper!AI$2:AI$366,ROUNDDOWN($C8164/24,0)+1,1)*INDEX($D$3:$AA$30,INDEX(Jesper!$R$2:$R$366,ROW(INDEX(Jesper!AI$2:AI$366,ROUNDDOWN($C8164/24,0)+1,1))-1)+IF('Standard Profiles'!$G$19=$B$10,7,0)+IF('Standard Profiles'!$G$19=$B$17,14,0)+IF('Standard Profiles'!$G$19=$B$24,21,0),MOD($C8164,24)+1)/SUM(INDEX($D$3:$AA$30,INDEX(Jesper!$R$2:$R$366,ROW(INDEX(Jesper!AI$2:AI$366,ROUNDDOWN($C8164/24,0)+1,1))-1)+IF('Standard Profiles'!$G$19=$B$10,7,0)+IF('Standard Profiles'!$G$19=$B$17,14,0)+IF('Standard Profiles'!$G$19=$B$24,21,0),0)),0)</f>
        <v>0</v>
      </c>
      <c r="F8164" cm="1">
        <f t="array" ref="F8164">IFERROR(INDEX(Jesper!AJ$2:AJ$366,ROUNDDOWN($C8164/24,0)+1,1)*INDEX($D$3:$AA$30,INDEX(Jesper!$R$2:$R$366,ROW(INDEX(Jesper!AJ$2:AJ$366,ROUNDDOWN($C8164/24,0)+1,1))-1)+IF('Standard Profiles'!$G$20=$B$10,7,0)+IF('Standard Profiles'!$G$20=$B$17,14,0)+IF('Standard Profiles'!$G$20=$B$24,21,0),MOD($C8164,24)+1)/SUM(INDEX($D$3:$AA$30,INDEX(Jesper!$R$2:$R$366,ROW(INDEX(Jesper!AJ$2:AJ$366,ROUNDDOWN($C8164/24,0)+1,1))-1)+IF('Standard Profiles'!$G$20=$B$10,7,0)+IF('Standard Profiles'!$G$20=$B$17,14,0)+IF('Standard Profiles'!$G$20=$B$24,21,0),0)),0)</f>
        <v>0</v>
      </c>
      <c r="G8164" cm="1">
        <f t="array" ref="G8164">IFERROR(INDEX(Jesper!AK$2:AK$366,ROUNDDOWN($C8164/24,0)+1,1)*INDEX($D$3:$AA$30,INDEX(Jesper!$R$2:$R$366,ROW(INDEX(Jesper!AK$2:AK$366,ROUNDDOWN($C8164/24,0)+1,1))-1)+IF('Standard Profiles'!$G$21=$B$10,7,0)+IF('Standard Profiles'!$G$21=$B$17,14,0)+IF('Standard Profiles'!$G$21=$B$24,21,0),MOD($C8164,24)+1)/SUM(INDEX($D$3:$AA$30,INDEX(Jesper!$R$2:$R$366,ROW(INDEX(Jesper!AK$2:AK$366,ROUNDDOWN($C8164/24,0)+1,1))-1)+IF('Standard Profiles'!$G$21=$B$10,7,0)+IF('Standard Profiles'!$G$21=$B$17,14,0)+IF('Standard Profiles'!$G$21=$B$24,21,0),0)),0)</f>
        <v>0</v>
      </c>
      <c r="H8164" cm="1">
        <f t="array" ref="H8164">IFERROR(INDEX(Jesper!AL$2:AL$366,ROUNDDOWN($C8164/24,0)+1,1)*INDEX($D$3:$AA$30,INDEX(Jesper!$R$2:$R$366,ROW(INDEX(Jesper!AL$2:AL$366,ROUNDDOWN($C8164/24,0)+1,1))-1)+IF('Standard Profiles'!$G$22=$B$10,7,0)+IF('Standard Profiles'!$G$22=$B$17,14,0)+IF('Standard Profiles'!$G$22=$B$24,21,0),MOD($C8164,24)+1)/SUM(INDEX($D$3:$AA$30,INDEX(Jesper!$R$2:$R$366,ROW(INDEX(Jesper!AL$2:AL$366,ROUNDDOWN($C8164/24,0)+1,1))-1)+IF('Standard Profiles'!$G$22=$B$10,7,0)+IF('Standard Profiles'!$G$22=$B$17,14,0)+IF('Standard Profiles'!$G$22=$B$24,21,0),0)),0)</f>
        <v>0</v>
      </c>
      <c r="I8164">
        <f t="shared" si="909"/>
        <v>0.50636621778174939</v>
      </c>
      <c r="J8164">
        <f t="shared" si="910"/>
        <v>1.6878873926058315</v>
      </c>
      <c r="K8164">
        <f t="shared" si="911"/>
        <v>2.531831088908747</v>
      </c>
      <c r="L8164">
        <f t="shared" si="912"/>
        <v>12.152789226761985</v>
      </c>
      <c r="M8164">
        <f t="shared" si="913"/>
        <v>0</v>
      </c>
      <c r="N8164" s="46">
        <f t="shared" ref="N8164:N8227" si="914">N8163+1/24</f>
        <v>45630.749999980282</v>
      </c>
    </row>
    <row r="8165" spans="2:14" x14ac:dyDescent="0.3">
      <c r="B8165">
        <f t="shared" si="908"/>
        <v>3</v>
      </c>
      <c r="C8165" s="16">
        <v>8131</v>
      </c>
      <c r="D8165" cm="1">
        <f t="array" ref="D8165">IFERROR(INDEX(Jesper!AH$2:AH$366,ROUNDDOWN($C8165/24,0)+1,1)*INDEX($D$3:$AA$30,INDEX(Jesper!$R$2:$R$366,ROW(INDEX(Jesper!AH$2:AH$366,ROUNDDOWN($C8165/24,0)+1,1))-1)+IF('Standard Profiles'!$G$18=$B$10,7,0)+IF('Standard Profiles'!$G$18=$B$17,14,0)+IF('Standard Profiles'!$G$18=$B$24,21,0),MOD($C8165,24)+1)/SUM(INDEX($D$3:$AA$30,INDEX(Jesper!$R$2:$R$366,ROW(INDEX(Jesper!AH$2:AH$366,ROUNDDOWN($C8165/24,0)+1,1))-1)+IF('Standard Profiles'!$G$18=$B$10,7,0)+IF('Standard Profiles'!$G$18=$B$17,14,0)+IF('Standard Profiles'!$G$18=$B$24,21,0),0)),0)</f>
        <v>14.065728271715262</v>
      </c>
      <c r="E8165" cm="1">
        <f t="array" ref="E8165">IFERROR(INDEX(Jesper!AI$2:AI$366,ROUNDDOWN($C8165/24,0)+1,1)*INDEX($D$3:$AA$30,INDEX(Jesper!$R$2:$R$366,ROW(INDEX(Jesper!AI$2:AI$366,ROUNDDOWN($C8165/24,0)+1,1))-1)+IF('Standard Profiles'!$G$19=$B$10,7,0)+IF('Standard Profiles'!$G$19=$B$17,14,0)+IF('Standard Profiles'!$G$19=$B$24,21,0),MOD($C8165,24)+1)/SUM(INDEX($D$3:$AA$30,INDEX(Jesper!$R$2:$R$366,ROW(INDEX(Jesper!AI$2:AI$366,ROUNDDOWN($C8165/24,0)+1,1))-1)+IF('Standard Profiles'!$G$19=$B$10,7,0)+IF('Standard Profiles'!$G$19=$B$17,14,0)+IF('Standard Profiles'!$G$19=$B$24,21,0),0)),0)</f>
        <v>0</v>
      </c>
      <c r="F8165" cm="1">
        <f t="array" ref="F8165">IFERROR(INDEX(Jesper!AJ$2:AJ$366,ROUNDDOWN($C8165/24,0)+1,1)*INDEX($D$3:$AA$30,INDEX(Jesper!$R$2:$R$366,ROW(INDEX(Jesper!AJ$2:AJ$366,ROUNDDOWN($C8165/24,0)+1,1))-1)+IF('Standard Profiles'!$G$20=$B$10,7,0)+IF('Standard Profiles'!$G$20=$B$17,14,0)+IF('Standard Profiles'!$G$20=$B$24,21,0),MOD($C8165,24)+1)/SUM(INDEX($D$3:$AA$30,INDEX(Jesper!$R$2:$R$366,ROW(INDEX(Jesper!AJ$2:AJ$366,ROUNDDOWN($C8165/24,0)+1,1))-1)+IF('Standard Profiles'!$G$20=$B$10,7,0)+IF('Standard Profiles'!$G$20=$B$17,14,0)+IF('Standard Profiles'!$G$20=$B$24,21,0),0)),0)</f>
        <v>0</v>
      </c>
      <c r="G8165" cm="1">
        <f t="array" ref="G8165">IFERROR(INDEX(Jesper!AK$2:AK$366,ROUNDDOWN($C8165/24,0)+1,1)*INDEX($D$3:$AA$30,INDEX(Jesper!$R$2:$R$366,ROW(INDEX(Jesper!AK$2:AK$366,ROUNDDOWN($C8165/24,0)+1,1))-1)+IF('Standard Profiles'!$G$21=$B$10,7,0)+IF('Standard Profiles'!$G$21=$B$17,14,0)+IF('Standard Profiles'!$G$21=$B$24,21,0),MOD($C8165,24)+1)/SUM(INDEX($D$3:$AA$30,INDEX(Jesper!$R$2:$R$366,ROW(INDEX(Jesper!AK$2:AK$366,ROUNDDOWN($C8165/24,0)+1,1))-1)+IF('Standard Profiles'!$G$21=$B$10,7,0)+IF('Standard Profiles'!$G$21=$B$17,14,0)+IF('Standard Profiles'!$G$21=$B$24,21,0),0)),0)</f>
        <v>0</v>
      </c>
      <c r="H8165" cm="1">
        <f t="array" ref="H8165">IFERROR(INDEX(Jesper!AL$2:AL$366,ROUNDDOWN($C8165/24,0)+1,1)*INDEX($D$3:$AA$30,INDEX(Jesper!$R$2:$R$366,ROW(INDEX(Jesper!AL$2:AL$366,ROUNDDOWN($C8165/24,0)+1,1))-1)+IF('Standard Profiles'!$G$22=$B$10,7,0)+IF('Standard Profiles'!$G$22=$B$17,14,0)+IF('Standard Profiles'!$G$22=$B$24,21,0),MOD($C8165,24)+1)/SUM(INDEX($D$3:$AA$30,INDEX(Jesper!$R$2:$R$366,ROW(INDEX(Jesper!AL$2:AL$366,ROUNDDOWN($C8165/24,0)+1,1))-1)+IF('Standard Profiles'!$G$22=$B$10,7,0)+IF('Standard Profiles'!$G$22=$B$17,14,0)+IF('Standard Profiles'!$G$22=$B$24,21,0),0)),0)</f>
        <v>0</v>
      </c>
      <c r="I8165">
        <f t="shared" si="909"/>
        <v>0.42197184815145783</v>
      </c>
      <c r="J8165">
        <f t="shared" si="910"/>
        <v>1.4065728271715263</v>
      </c>
      <c r="K8165">
        <f t="shared" si="911"/>
        <v>2.1098592407572894</v>
      </c>
      <c r="L8165">
        <f t="shared" si="912"/>
        <v>10.127324355634988</v>
      </c>
      <c r="M8165">
        <f t="shared" si="913"/>
        <v>0</v>
      </c>
      <c r="N8165" s="46">
        <f t="shared" si="914"/>
        <v>45630.791666646946</v>
      </c>
    </row>
    <row r="8166" spans="2:14" x14ac:dyDescent="0.3">
      <c r="B8166">
        <f t="shared" si="908"/>
        <v>3</v>
      </c>
      <c r="C8166" s="16">
        <v>8132</v>
      </c>
      <c r="D8166" cm="1">
        <f t="array" ref="D8166">IFERROR(INDEX(Jesper!AH$2:AH$366,ROUNDDOWN($C8166/24,0)+1,1)*INDEX($D$3:$AA$30,INDEX(Jesper!$R$2:$R$366,ROW(INDEX(Jesper!AH$2:AH$366,ROUNDDOWN($C8166/24,0)+1,1))-1)+IF('Standard Profiles'!$G$18=$B$10,7,0)+IF('Standard Profiles'!$G$18=$B$17,14,0)+IF('Standard Profiles'!$G$18=$B$24,21,0),MOD($C8166,24)+1)/SUM(INDEX($D$3:$AA$30,INDEX(Jesper!$R$2:$R$366,ROW(INDEX(Jesper!AH$2:AH$366,ROUNDDOWN($C8166/24,0)+1,1))-1)+IF('Standard Profiles'!$G$18=$B$10,7,0)+IF('Standard Profiles'!$G$18=$B$17,14,0)+IF('Standard Profiles'!$G$18=$B$24,21,0),0)),0)</f>
        <v>11.252582617372211</v>
      </c>
      <c r="E8166" cm="1">
        <f t="array" ref="E8166">IFERROR(INDEX(Jesper!AI$2:AI$366,ROUNDDOWN($C8166/24,0)+1,1)*INDEX($D$3:$AA$30,INDEX(Jesper!$R$2:$R$366,ROW(INDEX(Jesper!AI$2:AI$366,ROUNDDOWN($C8166/24,0)+1,1))-1)+IF('Standard Profiles'!$G$19=$B$10,7,0)+IF('Standard Profiles'!$G$19=$B$17,14,0)+IF('Standard Profiles'!$G$19=$B$24,21,0),MOD($C8166,24)+1)/SUM(INDEX($D$3:$AA$30,INDEX(Jesper!$R$2:$R$366,ROW(INDEX(Jesper!AI$2:AI$366,ROUNDDOWN($C8166/24,0)+1,1))-1)+IF('Standard Profiles'!$G$19=$B$10,7,0)+IF('Standard Profiles'!$G$19=$B$17,14,0)+IF('Standard Profiles'!$G$19=$B$24,21,0),0)),0)</f>
        <v>0</v>
      </c>
      <c r="F8166" cm="1">
        <f t="array" ref="F8166">IFERROR(INDEX(Jesper!AJ$2:AJ$366,ROUNDDOWN($C8166/24,0)+1,1)*INDEX($D$3:$AA$30,INDEX(Jesper!$R$2:$R$366,ROW(INDEX(Jesper!AJ$2:AJ$366,ROUNDDOWN($C8166/24,0)+1,1))-1)+IF('Standard Profiles'!$G$20=$B$10,7,0)+IF('Standard Profiles'!$G$20=$B$17,14,0)+IF('Standard Profiles'!$G$20=$B$24,21,0),MOD($C8166,24)+1)/SUM(INDEX($D$3:$AA$30,INDEX(Jesper!$R$2:$R$366,ROW(INDEX(Jesper!AJ$2:AJ$366,ROUNDDOWN($C8166/24,0)+1,1))-1)+IF('Standard Profiles'!$G$20=$B$10,7,0)+IF('Standard Profiles'!$G$20=$B$17,14,0)+IF('Standard Profiles'!$G$20=$B$24,21,0),0)),0)</f>
        <v>0</v>
      </c>
      <c r="G8166" cm="1">
        <f t="array" ref="G8166">IFERROR(INDEX(Jesper!AK$2:AK$366,ROUNDDOWN($C8166/24,0)+1,1)*INDEX($D$3:$AA$30,INDEX(Jesper!$R$2:$R$366,ROW(INDEX(Jesper!AK$2:AK$366,ROUNDDOWN($C8166/24,0)+1,1))-1)+IF('Standard Profiles'!$G$21=$B$10,7,0)+IF('Standard Profiles'!$G$21=$B$17,14,0)+IF('Standard Profiles'!$G$21=$B$24,21,0),MOD($C8166,24)+1)/SUM(INDEX($D$3:$AA$30,INDEX(Jesper!$R$2:$R$366,ROW(INDEX(Jesper!AK$2:AK$366,ROUNDDOWN($C8166/24,0)+1,1))-1)+IF('Standard Profiles'!$G$21=$B$10,7,0)+IF('Standard Profiles'!$G$21=$B$17,14,0)+IF('Standard Profiles'!$G$21=$B$24,21,0),0)),0)</f>
        <v>0</v>
      </c>
      <c r="H8166" cm="1">
        <f t="array" ref="H8166">IFERROR(INDEX(Jesper!AL$2:AL$366,ROUNDDOWN($C8166/24,0)+1,1)*INDEX($D$3:$AA$30,INDEX(Jesper!$R$2:$R$366,ROW(INDEX(Jesper!AL$2:AL$366,ROUNDDOWN($C8166/24,0)+1,1))-1)+IF('Standard Profiles'!$G$22=$B$10,7,0)+IF('Standard Profiles'!$G$22=$B$17,14,0)+IF('Standard Profiles'!$G$22=$B$24,21,0),MOD($C8166,24)+1)/SUM(INDEX($D$3:$AA$30,INDEX(Jesper!$R$2:$R$366,ROW(INDEX(Jesper!AL$2:AL$366,ROUNDDOWN($C8166/24,0)+1,1))-1)+IF('Standard Profiles'!$G$22=$B$10,7,0)+IF('Standard Profiles'!$G$22=$B$17,14,0)+IF('Standard Profiles'!$G$22=$B$24,21,0),0)),0)</f>
        <v>0</v>
      </c>
      <c r="I8166">
        <f t="shared" si="909"/>
        <v>0.33757747852116632</v>
      </c>
      <c r="J8166">
        <f t="shared" si="910"/>
        <v>1.1252582617372211</v>
      </c>
      <c r="K8166">
        <f t="shared" si="911"/>
        <v>1.6878873926058315</v>
      </c>
      <c r="L8166">
        <f t="shared" si="912"/>
        <v>8.1018594845079921</v>
      </c>
      <c r="M8166">
        <f t="shared" si="913"/>
        <v>0</v>
      </c>
      <c r="N8166" s="46">
        <f t="shared" si="914"/>
        <v>45630.833333313611</v>
      </c>
    </row>
    <row r="8167" spans="2:14" x14ac:dyDescent="0.3">
      <c r="B8167">
        <f t="shared" si="908"/>
        <v>3</v>
      </c>
      <c r="C8167" s="16">
        <v>8133</v>
      </c>
      <c r="D8167" cm="1">
        <f t="array" ref="D8167">IFERROR(INDEX(Jesper!AH$2:AH$366,ROUNDDOWN($C8167/24,0)+1,1)*INDEX($D$3:$AA$30,INDEX(Jesper!$R$2:$R$366,ROW(INDEX(Jesper!AH$2:AH$366,ROUNDDOWN($C8167/24,0)+1,1))-1)+IF('Standard Profiles'!$G$18=$B$10,7,0)+IF('Standard Profiles'!$G$18=$B$17,14,0)+IF('Standard Profiles'!$G$18=$B$24,21,0),MOD($C8167,24)+1)/SUM(INDEX($D$3:$AA$30,INDEX(Jesper!$R$2:$R$366,ROW(INDEX(Jesper!AH$2:AH$366,ROUNDDOWN($C8167/24,0)+1,1))-1)+IF('Standard Profiles'!$G$18=$B$10,7,0)+IF('Standard Profiles'!$G$18=$B$17,14,0)+IF('Standard Profiles'!$G$18=$B$24,21,0),0)),0)</f>
        <v>8.4394369630291575</v>
      </c>
      <c r="E8167" cm="1">
        <f t="array" ref="E8167">IFERROR(INDEX(Jesper!AI$2:AI$366,ROUNDDOWN($C8167/24,0)+1,1)*INDEX($D$3:$AA$30,INDEX(Jesper!$R$2:$R$366,ROW(INDEX(Jesper!AI$2:AI$366,ROUNDDOWN($C8167/24,0)+1,1))-1)+IF('Standard Profiles'!$G$19=$B$10,7,0)+IF('Standard Profiles'!$G$19=$B$17,14,0)+IF('Standard Profiles'!$G$19=$B$24,21,0),MOD($C8167,24)+1)/SUM(INDEX($D$3:$AA$30,INDEX(Jesper!$R$2:$R$366,ROW(INDEX(Jesper!AI$2:AI$366,ROUNDDOWN($C8167/24,0)+1,1))-1)+IF('Standard Profiles'!$G$19=$B$10,7,0)+IF('Standard Profiles'!$G$19=$B$17,14,0)+IF('Standard Profiles'!$G$19=$B$24,21,0),0)),0)</f>
        <v>0</v>
      </c>
      <c r="F8167" cm="1">
        <f t="array" ref="F8167">IFERROR(INDEX(Jesper!AJ$2:AJ$366,ROUNDDOWN($C8167/24,0)+1,1)*INDEX($D$3:$AA$30,INDEX(Jesper!$R$2:$R$366,ROW(INDEX(Jesper!AJ$2:AJ$366,ROUNDDOWN($C8167/24,0)+1,1))-1)+IF('Standard Profiles'!$G$20=$B$10,7,0)+IF('Standard Profiles'!$G$20=$B$17,14,0)+IF('Standard Profiles'!$G$20=$B$24,21,0),MOD($C8167,24)+1)/SUM(INDEX($D$3:$AA$30,INDEX(Jesper!$R$2:$R$366,ROW(INDEX(Jesper!AJ$2:AJ$366,ROUNDDOWN($C8167/24,0)+1,1))-1)+IF('Standard Profiles'!$G$20=$B$10,7,0)+IF('Standard Profiles'!$G$20=$B$17,14,0)+IF('Standard Profiles'!$G$20=$B$24,21,0),0)),0)</f>
        <v>0</v>
      </c>
      <c r="G8167" cm="1">
        <f t="array" ref="G8167">IFERROR(INDEX(Jesper!AK$2:AK$366,ROUNDDOWN($C8167/24,0)+1,1)*INDEX($D$3:$AA$30,INDEX(Jesper!$R$2:$R$366,ROW(INDEX(Jesper!AK$2:AK$366,ROUNDDOWN($C8167/24,0)+1,1))-1)+IF('Standard Profiles'!$G$21=$B$10,7,0)+IF('Standard Profiles'!$G$21=$B$17,14,0)+IF('Standard Profiles'!$G$21=$B$24,21,0),MOD($C8167,24)+1)/SUM(INDEX($D$3:$AA$30,INDEX(Jesper!$R$2:$R$366,ROW(INDEX(Jesper!AK$2:AK$366,ROUNDDOWN($C8167/24,0)+1,1))-1)+IF('Standard Profiles'!$G$21=$B$10,7,0)+IF('Standard Profiles'!$G$21=$B$17,14,0)+IF('Standard Profiles'!$G$21=$B$24,21,0),0)),0)</f>
        <v>0</v>
      </c>
      <c r="H8167" cm="1">
        <f t="array" ref="H8167">IFERROR(INDEX(Jesper!AL$2:AL$366,ROUNDDOWN($C8167/24,0)+1,1)*INDEX($D$3:$AA$30,INDEX(Jesper!$R$2:$R$366,ROW(INDEX(Jesper!AL$2:AL$366,ROUNDDOWN($C8167/24,0)+1,1))-1)+IF('Standard Profiles'!$G$22=$B$10,7,0)+IF('Standard Profiles'!$G$22=$B$17,14,0)+IF('Standard Profiles'!$G$22=$B$24,21,0),MOD($C8167,24)+1)/SUM(INDEX($D$3:$AA$30,INDEX(Jesper!$R$2:$R$366,ROW(INDEX(Jesper!AL$2:AL$366,ROUNDDOWN($C8167/24,0)+1,1))-1)+IF('Standard Profiles'!$G$22=$B$10,7,0)+IF('Standard Profiles'!$G$22=$B$17,14,0)+IF('Standard Profiles'!$G$22=$B$24,21,0),0)),0)</f>
        <v>0</v>
      </c>
      <c r="I8167">
        <f t="shared" si="909"/>
        <v>0.2531831088908747</v>
      </c>
      <c r="J8167">
        <f t="shared" si="910"/>
        <v>0.84394369630291577</v>
      </c>
      <c r="K8167">
        <f t="shared" si="911"/>
        <v>1.2659155444543735</v>
      </c>
      <c r="L8167">
        <f t="shared" si="912"/>
        <v>6.0763946133809927</v>
      </c>
      <c r="M8167">
        <f t="shared" si="913"/>
        <v>0</v>
      </c>
      <c r="N8167" s="46">
        <f t="shared" si="914"/>
        <v>45630.874999980275</v>
      </c>
    </row>
    <row r="8168" spans="2:14" x14ac:dyDescent="0.3">
      <c r="B8168">
        <f t="shared" si="908"/>
        <v>3</v>
      </c>
      <c r="C8168" s="16">
        <v>8134</v>
      </c>
      <c r="D8168" cm="1">
        <f t="array" ref="D8168">IFERROR(INDEX(Jesper!AH$2:AH$366,ROUNDDOWN($C8168/24,0)+1,1)*INDEX($D$3:$AA$30,INDEX(Jesper!$R$2:$R$366,ROW(INDEX(Jesper!AH$2:AH$366,ROUNDDOWN($C8168/24,0)+1,1))-1)+IF('Standard Profiles'!$G$18=$B$10,7,0)+IF('Standard Profiles'!$G$18=$B$17,14,0)+IF('Standard Profiles'!$G$18=$B$24,21,0),MOD($C8168,24)+1)/SUM(INDEX($D$3:$AA$30,INDEX(Jesper!$R$2:$R$366,ROW(INDEX(Jesper!AH$2:AH$366,ROUNDDOWN($C8168/24,0)+1,1))-1)+IF('Standard Profiles'!$G$18=$B$10,7,0)+IF('Standard Profiles'!$G$18=$B$17,14,0)+IF('Standard Profiles'!$G$18=$B$24,21,0),0)),0)</f>
        <v>8.4394369630291575</v>
      </c>
      <c r="E8168" cm="1">
        <f t="array" ref="E8168">IFERROR(INDEX(Jesper!AI$2:AI$366,ROUNDDOWN($C8168/24,0)+1,1)*INDEX($D$3:$AA$30,INDEX(Jesper!$R$2:$R$366,ROW(INDEX(Jesper!AI$2:AI$366,ROUNDDOWN($C8168/24,0)+1,1))-1)+IF('Standard Profiles'!$G$19=$B$10,7,0)+IF('Standard Profiles'!$G$19=$B$17,14,0)+IF('Standard Profiles'!$G$19=$B$24,21,0),MOD($C8168,24)+1)/SUM(INDEX($D$3:$AA$30,INDEX(Jesper!$R$2:$R$366,ROW(INDEX(Jesper!AI$2:AI$366,ROUNDDOWN($C8168/24,0)+1,1))-1)+IF('Standard Profiles'!$G$19=$B$10,7,0)+IF('Standard Profiles'!$G$19=$B$17,14,0)+IF('Standard Profiles'!$G$19=$B$24,21,0),0)),0)</f>
        <v>0</v>
      </c>
      <c r="F8168" cm="1">
        <f t="array" ref="F8168">IFERROR(INDEX(Jesper!AJ$2:AJ$366,ROUNDDOWN($C8168/24,0)+1,1)*INDEX($D$3:$AA$30,INDEX(Jesper!$R$2:$R$366,ROW(INDEX(Jesper!AJ$2:AJ$366,ROUNDDOWN($C8168/24,0)+1,1))-1)+IF('Standard Profiles'!$G$20=$B$10,7,0)+IF('Standard Profiles'!$G$20=$B$17,14,0)+IF('Standard Profiles'!$G$20=$B$24,21,0),MOD($C8168,24)+1)/SUM(INDEX($D$3:$AA$30,INDEX(Jesper!$R$2:$R$366,ROW(INDEX(Jesper!AJ$2:AJ$366,ROUNDDOWN($C8168/24,0)+1,1))-1)+IF('Standard Profiles'!$G$20=$B$10,7,0)+IF('Standard Profiles'!$G$20=$B$17,14,0)+IF('Standard Profiles'!$G$20=$B$24,21,0),0)),0)</f>
        <v>0</v>
      </c>
      <c r="G8168" cm="1">
        <f t="array" ref="G8168">IFERROR(INDEX(Jesper!AK$2:AK$366,ROUNDDOWN($C8168/24,0)+1,1)*INDEX($D$3:$AA$30,INDEX(Jesper!$R$2:$R$366,ROW(INDEX(Jesper!AK$2:AK$366,ROUNDDOWN($C8168/24,0)+1,1))-1)+IF('Standard Profiles'!$G$21=$B$10,7,0)+IF('Standard Profiles'!$G$21=$B$17,14,0)+IF('Standard Profiles'!$G$21=$B$24,21,0),MOD($C8168,24)+1)/SUM(INDEX($D$3:$AA$30,INDEX(Jesper!$R$2:$R$366,ROW(INDEX(Jesper!AK$2:AK$366,ROUNDDOWN($C8168/24,0)+1,1))-1)+IF('Standard Profiles'!$G$21=$B$10,7,0)+IF('Standard Profiles'!$G$21=$B$17,14,0)+IF('Standard Profiles'!$G$21=$B$24,21,0),0)),0)</f>
        <v>0</v>
      </c>
      <c r="H8168" cm="1">
        <f t="array" ref="H8168">IFERROR(INDEX(Jesper!AL$2:AL$366,ROUNDDOWN($C8168/24,0)+1,1)*INDEX($D$3:$AA$30,INDEX(Jesper!$R$2:$R$366,ROW(INDEX(Jesper!AL$2:AL$366,ROUNDDOWN($C8168/24,0)+1,1))-1)+IF('Standard Profiles'!$G$22=$B$10,7,0)+IF('Standard Profiles'!$G$22=$B$17,14,0)+IF('Standard Profiles'!$G$22=$B$24,21,0),MOD($C8168,24)+1)/SUM(INDEX($D$3:$AA$30,INDEX(Jesper!$R$2:$R$366,ROW(INDEX(Jesper!AL$2:AL$366,ROUNDDOWN($C8168/24,0)+1,1))-1)+IF('Standard Profiles'!$G$22=$B$10,7,0)+IF('Standard Profiles'!$G$22=$B$17,14,0)+IF('Standard Profiles'!$G$22=$B$24,21,0),0)),0)</f>
        <v>0</v>
      </c>
      <c r="I8168">
        <f t="shared" si="909"/>
        <v>0.2531831088908747</v>
      </c>
      <c r="J8168">
        <f t="shared" si="910"/>
        <v>0.84394369630291577</v>
      </c>
      <c r="K8168">
        <f t="shared" si="911"/>
        <v>1.2659155444543735</v>
      </c>
      <c r="L8168">
        <f t="shared" si="912"/>
        <v>6.0763946133809927</v>
      </c>
      <c r="M8168">
        <f t="shared" si="913"/>
        <v>0</v>
      </c>
      <c r="N8168" s="46">
        <f t="shared" si="914"/>
        <v>45630.916666646939</v>
      </c>
    </row>
    <row r="8169" spans="2:14" x14ac:dyDescent="0.3">
      <c r="B8169">
        <f t="shared" si="908"/>
        <v>3</v>
      </c>
      <c r="C8169" s="16">
        <v>8135</v>
      </c>
      <c r="D8169" cm="1">
        <f t="array" ref="D8169">IFERROR(INDEX(Jesper!AH$2:AH$366,ROUNDDOWN($C8169/24,0)+1,1)*INDEX($D$3:$AA$30,INDEX(Jesper!$R$2:$R$366,ROW(INDEX(Jesper!AH$2:AH$366,ROUNDDOWN($C8169/24,0)+1,1))-1)+IF('Standard Profiles'!$G$18=$B$10,7,0)+IF('Standard Profiles'!$G$18=$B$17,14,0)+IF('Standard Profiles'!$G$18=$B$24,21,0),MOD($C8169,24)+1)/SUM(INDEX($D$3:$AA$30,INDEX(Jesper!$R$2:$R$366,ROW(INDEX(Jesper!AH$2:AH$366,ROUNDDOWN($C8169/24,0)+1,1))-1)+IF('Standard Profiles'!$G$18=$B$10,7,0)+IF('Standard Profiles'!$G$18=$B$17,14,0)+IF('Standard Profiles'!$G$18=$B$24,21,0),0)),0)</f>
        <v>8.4394369630291575</v>
      </c>
      <c r="E8169" cm="1">
        <f t="array" ref="E8169">IFERROR(INDEX(Jesper!AI$2:AI$366,ROUNDDOWN($C8169/24,0)+1,1)*INDEX($D$3:$AA$30,INDEX(Jesper!$R$2:$R$366,ROW(INDEX(Jesper!AI$2:AI$366,ROUNDDOWN($C8169/24,0)+1,1))-1)+IF('Standard Profiles'!$G$19=$B$10,7,0)+IF('Standard Profiles'!$G$19=$B$17,14,0)+IF('Standard Profiles'!$G$19=$B$24,21,0),MOD($C8169,24)+1)/SUM(INDEX($D$3:$AA$30,INDEX(Jesper!$R$2:$R$366,ROW(INDEX(Jesper!AI$2:AI$366,ROUNDDOWN($C8169/24,0)+1,1))-1)+IF('Standard Profiles'!$G$19=$B$10,7,0)+IF('Standard Profiles'!$G$19=$B$17,14,0)+IF('Standard Profiles'!$G$19=$B$24,21,0),0)),0)</f>
        <v>0</v>
      </c>
      <c r="F8169" cm="1">
        <f t="array" ref="F8169">IFERROR(INDEX(Jesper!AJ$2:AJ$366,ROUNDDOWN($C8169/24,0)+1,1)*INDEX($D$3:$AA$30,INDEX(Jesper!$R$2:$R$366,ROW(INDEX(Jesper!AJ$2:AJ$366,ROUNDDOWN($C8169/24,0)+1,1))-1)+IF('Standard Profiles'!$G$20=$B$10,7,0)+IF('Standard Profiles'!$G$20=$B$17,14,0)+IF('Standard Profiles'!$G$20=$B$24,21,0),MOD($C8169,24)+1)/SUM(INDEX($D$3:$AA$30,INDEX(Jesper!$R$2:$R$366,ROW(INDEX(Jesper!AJ$2:AJ$366,ROUNDDOWN($C8169/24,0)+1,1))-1)+IF('Standard Profiles'!$G$20=$B$10,7,0)+IF('Standard Profiles'!$G$20=$B$17,14,0)+IF('Standard Profiles'!$G$20=$B$24,21,0),0)),0)</f>
        <v>0</v>
      </c>
      <c r="G8169" cm="1">
        <f t="array" ref="G8169">IFERROR(INDEX(Jesper!AK$2:AK$366,ROUNDDOWN($C8169/24,0)+1,1)*INDEX($D$3:$AA$30,INDEX(Jesper!$R$2:$R$366,ROW(INDEX(Jesper!AK$2:AK$366,ROUNDDOWN($C8169/24,0)+1,1))-1)+IF('Standard Profiles'!$G$21=$B$10,7,0)+IF('Standard Profiles'!$G$21=$B$17,14,0)+IF('Standard Profiles'!$G$21=$B$24,21,0),MOD($C8169,24)+1)/SUM(INDEX($D$3:$AA$30,INDEX(Jesper!$R$2:$R$366,ROW(INDEX(Jesper!AK$2:AK$366,ROUNDDOWN($C8169/24,0)+1,1))-1)+IF('Standard Profiles'!$G$21=$B$10,7,0)+IF('Standard Profiles'!$G$21=$B$17,14,0)+IF('Standard Profiles'!$G$21=$B$24,21,0),0)),0)</f>
        <v>0</v>
      </c>
      <c r="H8169" cm="1">
        <f t="array" ref="H8169">IFERROR(INDEX(Jesper!AL$2:AL$366,ROUNDDOWN($C8169/24,0)+1,1)*INDEX($D$3:$AA$30,INDEX(Jesper!$R$2:$R$366,ROW(INDEX(Jesper!AL$2:AL$366,ROUNDDOWN($C8169/24,0)+1,1))-1)+IF('Standard Profiles'!$G$22=$B$10,7,0)+IF('Standard Profiles'!$G$22=$B$17,14,0)+IF('Standard Profiles'!$G$22=$B$24,21,0),MOD($C8169,24)+1)/SUM(INDEX($D$3:$AA$30,INDEX(Jesper!$R$2:$R$366,ROW(INDEX(Jesper!AL$2:AL$366,ROUNDDOWN($C8169/24,0)+1,1))-1)+IF('Standard Profiles'!$G$22=$B$10,7,0)+IF('Standard Profiles'!$G$22=$B$17,14,0)+IF('Standard Profiles'!$G$22=$B$24,21,0),0)),0)</f>
        <v>0</v>
      </c>
      <c r="I8169">
        <f t="shared" si="909"/>
        <v>0.2531831088908747</v>
      </c>
      <c r="J8169">
        <f t="shared" si="910"/>
        <v>0.84394369630291577</v>
      </c>
      <c r="K8169">
        <f t="shared" si="911"/>
        <v>1.2659155444543735</v>
      </c>
      <c r="L8169">
        <f t="shared" si="912"/>
        <v>6.0763946133809927</v>
      </c>
      <c r="M8169">
        <f t="shared" si="913"/>
        <v>0</v>
      </c>
      <c r="N8169" s="46">
        <f t="shared" si="914"/>
        <v>45630.958333313603</v>
      </c>
    </row>
    <row r="8170" spans="2:14" x14ac:dyDescent="0.3">
      <c r="B8170">
        <f t="shared" si="908"/>
        <v>4</v>
      </c>
      <c r="C8170" s="16">
        <v>8136</v>
      </c>
      <c r="D8170" cm="1">
        <f t="array" ref="D8170">IFERROR(INDEX(Jesper!AH$2:AH$366,ROUNDDOWN($C8170/24,0)+1,1)*INDEX($D$3:$AA$30,INDEX(Jesper!$R$2:$R$366,ROW(INDEX(Jesper!AH$2:AH$366,ROUNDDOWN($C8170/24,0)+1,1))-1)+IF('Standard Profiles'!$G$18=$B$10,7,0)+IF('Standard Profiles'!$G$18=$B$17,14,0)+IF('Standard Profiles'!$G$18=$B$24,21,0),MOD($C8170,24)+1)/SUM(INDEX($D$3:$AA$30,INDEX(Jesper!$R$2:$R$366,ROW(INDEX(Jesper!AH$2:AH$366,ROUNDDOWN($C8170/24,0)+1,1))-1)+IF('Standard Profiles'!$G$18=$B$10,7,0)+IF('Standard Profiles'!$G$18=$B$17,14,0)+IF('Standard Profiles'!$G$18=$B$24,21,0),0)),0)</f>
        <v>8.3797882149784204</v>
      </c>
      <c r="E8170" cm="1">
        <f t="array" ref="E8170">IFERROR(INDEX(Jesper!AI$2:AI$366,ROUNDDOWN($C8170/24,0)+1,1)*INDEX($D$3:$AA$30,INDEX(Jesper!$R$2:$R$366,ROW(INDEX(Jesper!AI$2:AI$366,ROUNDDOWN($C8170/24,0)+1,1))-1)+IF('Standard Profiles'!$G$19=$B$10,7,0)+IF('Standard Profiles'!$G$19=$B$17,14,0)+IF('Standard Profiles'!$G$19=$B$24,21,0),MOD($C8170,24)+1)/SUM(INDEX($D$3:$AA$30,INDEX(Jesper!$R$2:$R$366,ROW(INDEX(Jesper!AI$2:AI$366,ROUNDDOWN($C8170/24,0)+1,1))-1)+IF('Standard Profiles'!$G$19=$B$10,7,0)+IF('Standard Profiles'!$G$19=$B$17,14,0)+IF('Standard Profiles'!$G$19=$B$24,21,0),0)),0)</f>
        <v>0</v>
      </c>
      <c r="F8170" cm="1">
        <f t="array" ref="F8170">IFERROR(INDEX(Jesper!AJ$2:AJ$366,ROUNDDOWN($C8170/24,0)+1,1)*INDEX($D$3:$AA$30,INDEX(Jesper!$R$2:$R$366,ROW(INDEX(Jesper!AJ$2:AJ$366,ROUNDDOWN($C8170/24,0)+1,1))-1)+IF('Standard Profiles'!$G$20=$B$10,7,0)+IF('Standard Profiles'!$G$20=$B$17,14,0)+IF('Standard Profiles'!$G$20=$B$24,21,0),MOD($C8170,24)+1)/SUM(INDEX($D$3:$AA$30,INDEX(Jesper!$R$2:$R$366,ROW(INDEX(Jesper!AJ$2:AJ$366,ROUNDDOWN($C8170/24,0)+1,1))-1)+IF('Standard Profiles'!$G$20=$B$10,7,0)+IF('Standard Profiles'!$G$20=$B$17,14,0)+IF('Standard Profiles'!$G$20=$B$24,21,0),0)),0)</f>
        <v>0</v>
      </c>
      <c r="G8170" cm="1">
        <f t="array" ref="G8170">IFERROR(INDEX(Jesper!AK$2:AK$366,ROUNDDOWN($C8170/24,0)+1,1)*INDEX($D$3:$AA$30,INDEX(Jesper!$R$2:$R$366,ROW(INDEX(Jesper!AK$2:AK$366,ROUNDDOWN($C8170/24,0)+1,1))-1)+IF('Standard Profiles'!$G$21=$B$10,7,0)+IF('Standard Profiles'!$G$21=$B$17,14,0)+IF('Standard Profiles'!$G$21=$B$24,21,0),MOD($C8170,24)+1)/SUM(INDEX($D$3:$AA$30,INDEX(Jesper!$R$2:$R$366,ROW(INDEX(Jesper!AK$2:AK$366,ROUNDDOWN($C8170/24,0)+1,1))-1)+IF('Standard Profiles'!$G$21=$B$10,7,0)+IF('Standard Profiles'!$G$21=$B$17,14,0)+IF('Standard Profiles'!$G$21=$B$24,21,0),0)),0)</f>
        <v>0</v>
      </c>
      <c r="H8170" cm="1">
        <f t="array" ref="H8170">IFERROR(INDEX(Jesper!AL$2:AL$366,ROUNDDOWN($C8170/24,0)+1,1)*INDEX($D$3:$AA$30,INDEX(Jesper!$R$2:$R$366,ROW(INDEX(Jesper!AL$2:AL$366,ROUNDDOWN($C8170/24,0)+1,1))-1)+IF('Standard Profiles'!$G$22=$B$10,7,0)+IF('Standard Profiles'!$G$22=$B$17,14,0)+IF('Standard Profiles'!$G$22=$B$24,21,0),MOD($C8170,24)+1)/SUM(INDEX($D$3:$AA$30,INDEX(Jesper!$R$2:$R$366,ROW(INDEX(Jesper!AL$2:AL$366,ROUNDDOWN($C8170/24,0)+1,1))-1)+IF('Standard Profiles'!$G$22=$B$10,7,0)+IF('Standard Profiles'!$G$22=$B$17,14,0)+IF('Standard Profiles'!$G$22=$B$24,21,0),0)),0)</f>
        <v>0</v>
      </c>
      <c r="I8170">
        <f t="shared" si="909"/>
        <v>0.25139364644935258</v>
      </c>
      <c r="J8170">
        <f t="shared" si="910"/>
        <v>0.83797882149784209</v>
      </c>
      <c r="K8170">
        <f t="shared" si="911"/>
        <v>1.256968232246763</v>
      </c>
      <c r="L8170">
        <f t="shared" si="912"/>
        <v>6.0334475147844628</v>
      </c>
      <c r="M8170">
        <f t="shared" si="913"/>
        <v>0</v>
      </c>
      <c r="N8170" s="46">
        <f t="shared" si="914"/>
        <v>45630.999999980268</v>
      </c>
    </row>
    <row r="8171" spans="2:14" x14ac:dyDescent="0.3">
      <c r="B8171">
        <f t="shared" si="908"/>
        <v>4</v>
      </c>
      <c r="C8171" s="16">
        <v>8137</v>
      </c>
      <c r="D8171" cm="1">
        <f t="array" ref="D8171">IFERROR(INDEX(Jesper!AH$2:AH$366,ROUNDDOWN($C8171/24,0)+1,1)*INDEX($D$3:$AA$30,INDEX(Jesper!$R$2:$R$366,ROW(INDEX(Jesper!AH$2:AH$366,ROUNDDOWN($C8171/24,0)+1,1))-1)+IF('Standard Profiles'!$G$18=$B$10,7,0)+IF('Standard Profiles'!$G$18=$B$17,14,0)+IF('Standard Profiles'!$G$18=$B$24,21,0),MOD($C8171,24)+1)/SUM(INDEX($D$3:$AA$30,INDEX(Jesper!$R$2:$R$366,ROW(INDEX(Jesper!AH$2:AH$366,ROUNDDOWN($C8171/24,0)+1,1))-1)+IF('Standard Profiles'!$G$18=$B$10,7,0)+IF('Standard Profiles'!$G$18=$B$17,14,0)+IF('Standard Profiles'!$G$18=$B$24,21,0),0)),0)</f>
        <v>8.3797882149784204</v>
      </c>
      <c r="E8171" cm="1">
        <f t="array" ref="E8171">IFERROR(INDEX(Jesper!AI$2:AI$366,ROUNDDOWN($C8171/24,0)+1,1)*INDEX($D$3:$AA$30,INDEX(Jesper!$R$2:$R$366,ROW(INDEX(Jesper!AI$2:AI$366,ROUNDDOWN($C8171/24,0)+1,1))-1)+IF('Standard Profiles'!$G$19=$B$10,7,0)+IF('Standard Profiles'!$G$19=$B$17,14,0)+IF('Standard Profiles'!$G$19=$B$24,21,0),MOD($C8171,24)+1)/SUM(INDEX($D$3:$AA$30,INDEX(Jesper!$R$2:$R$366,ROW(INDEX(Jesper!AI$2:AI$366,ROUNDDOWN($C8171/24,0)+1,1))-1)+IF('Standard Profiles'!$G$19=$B$10,7,0)+IF('Standard Profiles'!$G$19=$B$17,14,0)+IF('Standard Profiles'!$G$19=$B$24,21,0),0)),0)</f>
        <v>0</v>
      </c>
      <c r="F8171" cm="1">
        <f t="array" ref="F8171">IFERROR(INDEX(Jesper!AJ$2:AJ$366,ROUNDDOWN($C8171/24,0)+1,1)*INDEX($D$3:$AA$30,INDEX(Jesper!$R$2:$R$366,ROW(INDEX(Jesper!AJ$2:AJ$366,ROUNDDOWN($C8171/24,0)+1,1))-1)+IF('Standard Profiles'!$G$20=$B$10,7,0)+IF('Standard Profiles'!$G$20=$B$17,14,0)+IF('Standard Profiles'!$G$20=$B$24,21,0),MOD($C8171,24)+1)/SUM(INDEX($D$3:$AA$30,INDEX(Jesper!$R$2:$R$366,ROW(INDEX(Jesper!AJ$2:AJ$366,ROUNDDOWN($C8171/24,0)+1,1))-1)+IF('Standard Profiles'!$G$20=$B$10,7,0)+IF('Standard Profiles'!$G$20=$B$17,14,0)+IF('Standard Profiles'!$G$20=$B$24,21,0),0)),0)</f>
        <v>0</v>
      </c>
      <c r="G8171" cm="1">
        <f t="array" ref="G8171">IFERROR(INDEX(Jesper!AK$2:AK$366,ROUNDDOWN($C8171/24,0)+1,1)*INDEX($D$3:$AA$30,INDEX(Jesper!$R$2:$R$366,ROW(INDEX(Jesper!AK$2:AK$366,ROUNDDOWN($C8171/24,0)+1,1))-1)+IF('Standard Profiles'!$G$21=$B$10,7,0)+IF('Standard Profiles'!$G$21=$B$17,14,0)+IF('Standard Profiles'!$G$21=$B$24,21,0),MOD($C8171,24)+1)/SUM(INDEX($D$3:$AA$30,INDEX(Jesper!$R$2:$R$366,ROW(INDEX(Jesper!AK$2:AK$366,ROUNDDOWN($C8171/24,0)+1,1))-1)+IF('Standard Profiles'!$G$21=$B$10,7,0)+IF('Standard Profiles'!$G$21=$B$17,14,0)+IF('Standard Profiles'!$G$21=$B$24,21,0),0)),0)</f>
        <v>0</v>
      </c>
      <c r="H8171" cm="1">
        <f t="array" ref="H8171">IFERROR(INDEX(Jesper!AL$2:AL$366,ROUNDDOWN($C8171/24,0)+1,1)*INDEX($D$3:$AA$30,INDEX(Jesper!$R$2:$R$366,ROW(INDEX(Jesper!AL$2:AL$366,ROUNDDOWN($C8171/24,0)+1,1))-1)+IF('Standard Profiles'!$G$22=$B$10,7,0)+IF('Standard Profiles'!$G$22=$B$17,14,0)+IF('Standard Profiles'!$G$22=$B$24,21,0),MOD($C8171,24)+1)/SUM(INDEX($D$3:$AA$30,INDEX(Jesper!$R$2:$R$366,ROW(INDEX(Jesper!AL$2:AL$366,ROUNDDOWN($C8171/24,0)+1,1))-1)+IF('Standard Profiles'!$G$22=$B$10,7,0)+IF('Standard Profiles'!$G$22=$B$17,14,0)+IF('Standard Profiles'!$G$22=$B$24,21,0),0)),0)</f>
        <v>0</v>
      </c>
      <c r="I8171">
        <f t="shared" si="909"/>
        <v>0.25139364644935258</v>
      </c>
      <c r="J8171">
        <f t="shared" si="910"/>
        <v>0.83797882149784209</v>
      </c>
      <c r="K8171">
        <f t="shared" si="911"/>
        <v>1.256968232246763</v>
      </c>
      <c r="L8171">
        <f t="shared" si="912"/>
        <v>6.0334475147844628</v>
      </c>
      <c r="M8171">
        <f t="shared" si="913"/>
        <v>0</v>
      </c>
      <c r="N8171" s="46">
        <f t="shared" si="914"/>
        <v>45631.041666646932</v>
      </c>
    </row>
    <row r="8172" spans="2:14" x14ac:dyDescent="0.3">
      <c r="B8172">
        <f t="shared" si="908"/>
        <v>4</v>
      </c>
      <c r="C8172" s="16">
        <v>8138</v>
      </c>
      <c r="D8172" cm="1">
        <f t="array" ref="D8172">IFERROR(INDEX(Jesper!AH$2:AH$366,ROUNDDOWN($C8172/24,0)+1,1)*INDEX($D$3:$AA$30,INDEX(Jesper!$R$2:$R$366,ROW(INDEX(Jesper!AH$2:AH$366,ROUNDDOWN($C8172/24,0)+1,1))-1)+IF('Standard Profiles'!$G$18=$B$10,7,0)+IF('Standard Profiles'!$G$18=$B$17,14,0)+IF('Standard Profiles'!$G$18=$B$24,21,0),MOD($C8172,24)+1)/SUM(INDEX($D$3:$AA$30,INDEX(Jesper!$R$2:$R$366,ROW(INDEX(Jesper!AH$2:AH$366,ROUNDDOWN($C8172/24,0)+1,1))-1)+IF('Standard Profiles'!$G$18=$B$10,7,0)+IF('Standard Profiles'!$G$18=$B$17,14,0)+IF('Standard Profiles'!$G$18=$B$24,21,0),0)),0)</f>
        <v>8.3797882149784204</v>
      </c>
      <c r="E8172" cm="1">
        <f t="array" ref="E8172">IFERROR(INDEX(Jesper!AI$2:AI$366,ROUNDDOWN($C8172/24,0)+1,1)*INDEX($D$3:$AA$30,INDEX(Jesper!$R$2:$R$366,ROW(INDEX(Jesper!AI$2:AI$366,ROUNDDOWN($C8172/24,0)+1,1))-1)+IF('Standard Profiles'!$G$19=$B$10,7,0)+IF('Standard Profiles'!$G$19=$B$17,14,0)+IF('Standard Profiles'!$G$19=$B$24,21,0),MOD($C8172,24)+1)/SUM(INDEX($D$3:$AA$30,INDEX(Jesper!$R$2:$R$366,ROW(INDEX(Jesper!AI$2:AI$366,ROUNDDOWN($C8172/24,0)+1,1))-1)+IF('Standard Profiles'!$G$19=$B$10,7,0)+IF('Standard Profiles'!$G$19=$B$17,14,0)+IF('Standard Profiles'!$G$19=$B$24,21,0),0)),0)</f>
        <v>0</v>
      </c>
      <c r="F8172" cm="1">
        <f t="array" ref="F8172">IFERROR(INDEX(Jesper!AJ$2:AJ$366,ROUNDDOWN($C8172/24,0)+1,1)*INDEX($D$3:$AA$30,INDEX(Jesper!$R$2:$R$366,ROW(INDEX(Jesper!AJ$2:AJ$366,ROUNDDOWN($C8172/24,0)+1,1))-1)+IF('Standard Profiles'!$G$20=$B$10,7,0)+IF('Standard Profiles'!$G$20=$B$17,14,0)+IF('Standard Profiles'!$G$20=$B$24,21,0),MOD($C8172,24)+1)/SUM(INDEX($D$3:$AA$30,INDEX(Jesper!$R$2:$R$366,ROW(INDEX(Jesper!AJ$2:AJ$366,ROUNDDOWN($C8172/24,0)+1,1))-1)+IF('Standard Profiles'!$G$20=$B$10,7,0)+IF('Standard Profiles'!$G$20=$B$17,14,0)+IF('Standard Profiles'!$G$20=$B$24,21,0),0)),0)</f>
        <v>0</v>
      </c>
      <c r="G8172" cm="1">
        <f t="array" ref="G8172">IFERROR(INDEX(Jesper!AK$2:AK$366,ROUNDDOWN($C8172/24,0)+1,1)*INDEX($D$3:$AA$30,INDEX(Jesper!$R$2:$R$366,ROW(INDEX(Jesper!AK$2:AK$366,ROUNDDOWN($C8172/24,0)+1,1))-1)+IF('Standard Profiles'!$G$21=$B$10,7,0)+IF('Standard Profiles'!$G$21=$B$17,14,0)+IF('Standard Profiles'!$G$21=$B$24,21,0),MOD($C8172,24)+1)/SUM(INDEX($D$3:$AA$30,INDEX(Jesper!$R$2:$R$366,ROW(INDEX(Jesper!AK$2:AK$366,ROUNDDOWN($C8172/24,0)+1,1))-1)+IF('Standard Profiles'!$G$21=$B$10,7,0)+IF('Standard Profiles'!$G$21=$B$17,14,0)+IF('Standard Profiles'!$G$21=$B$24,21,0),0)),0)</f>
        <v>0</v>
      </c>
      <c r="H8172" cm="1">
        <f t="array" ref="H8172">IFERROR(INDEX(Jesper!AL$2:AL$366,ROUNDDOWN($C8172/24,0)+1,1)*INDEX($D$3:$AA$30,INDEX(Jesper!$R$2:$R$366,ROW(INDEX(Jesper!AL$2:AL$366,ROUNDDOWN($C8172/24,0)+1,1))-1)+IF('Standard Profiles'!$G$22=$B$10,7,0)+IF('Standard Profiles'!$G$22=$B$17,14,0)+IF('Standard Profiles'!$G$22=$B$24,21,0),MOD($C8172,24)+1)/SUM(INDEX($D$3:$AA$30,INDEX(Jesper!$R$2:$R$366,ROW(INDEX(Jesper!AL$2:AL$366,ROUNDDOWN($C8172/24,0)+1,1))-1)+IF('Standard Profiles'!$G$22=$B$10,7,0)+IF('Standard Profiles'!$G$22=$B$17,14,0)+IF('Standard Profiles'!$G$22=$B$24,21,0),0)),0)</f>
        <v>0</v>
      </c>
      <c r="I8172">
        <f t="shared" si="909"/>
        <v>0.25139364644935258</v>
      </c>
      <c r="J8172">
        <f t="shared" si="910"/>
        <v>0.83797882149784209</v>
      </c>
      <c r="K8172">
        <f t="shared" si="911"/>
        <v>1.256968232246763</v>
      </c>
      <c r="L8172">
        <f t="shared" si="912"/>
        <v>6.0334475147844628</v>
      </c>
      <c r="M8172">
        <f t="shared" si="913"/>
        <v>0</v>
      </c>
      <c r="N8172" s="46">
        <f t="shared" si="914"/>
        <v>45631.083333313596</v>
      </c>
    </row>
    <row r="8173" spans="2:14" x14ac:dyDescent="0.3">
      <c r="B8173">
        <f t="shared" si="908"/>
        <v>4</v>
      </c>
      <c r="C8173" s="16">
        <v>8139</v>
      </c>
      <c r="D8173" cm="1">
        <f t="array" ref="D8173">IFERROR(INDEX(Jesper!AH$2:AH$366,ROUNDDOWN($C8173/24,0)+1,1)*INDEX($D$3:$AA$30,INDEX(Jesper!$R$2:$R$366,ROW(INDEX(Jesper!AH$2:AH$366,ROUNDDOWN($C8173/24,0)+1,1))-1)+IF('Standard Profiles'!$G$18=$B$10,7,0)+IF('Standard Profiles'!$G$18=$B$17,14,0)+IF('Standard Profiles'!$G$18=$B$24,21,0),MOD($C8173,24)+1)/SUM(INDEX($D$3:$AA$30,INDEX(Jesper!$R$2:$R$366,ROW(INDEX(Jesper!AH$2:AH$366,ROUNDDOWN($C8173/24,0)+1,1))-1)+IF('Standard Profiles'!$G$18=$B$10,7,0)+IF('Standard Profiles'!$G$18=$B$17,14,0)+IF('Standard Profiles'!$G$18=$B$24,21,0),0)),0)</f>
        <v>8.3797882149784204</v>
      </c>
      <c r="E8173" cm="1">
        <f t="array" ref="E8173">IFERROR(INDEX(Jesper!AI$2:AI$366,ROUNDDOWN($C8173/24,0)+1,1)*INDEX($D$3:$AA$30,INDEX(Jesper!$R$2:$R$366,ROW(INDEX(Jesper!AI$2:AI$366,ROUNDDOWN($C8173/24,0)+1,1))-1)+IF('Standard Profiles'!$G$19=$B$10,7,0)+IF('Standard Profiles'!$G$19=$B$17,14,0)+IF('Standard Profiles'!$G$19=$B$24,21,0),MOD($C8173,24)+1)/SUM(INDEX($D$3:$AA$30,INDEX(Jesper!$R$2:$R$366,ROW(INDEX(Jesper!AI$2:AI$366,ROUNDDOWN($C8173/24,0)+1,1))-1)+IF('Standard Profiles'!$G$19=$B$10,7,0)+IF('Standard Profiles'!$G$19=$B$17,14,0)+IF('Standard Profiles'!$G$19=$B$24,21,0),0)),0)</f>
        <v>0</v>
      </c>
      <c r="F8173" cm="1">
        <f t="array" ref="F8173">IFERROR(INDEX(Jesper!AJ$2:AJ$366,ROUNDDOWN($C8173/24,0)+1,1)*INDEX($D$3:$AA$30,INDEX(Jesper!$R$2:$R$366,ROW(INDEX(Jesper!AJ$2:AJ$366,ROUNDDOWN($C8173/24,0)+1,1))-1)+IF('Standard Profiles'!$G$20=$B$10,7,0)+IF('Standard Profiles'!$G$20=$B$17,14,0)+IF('Standard Profiles'!$G$20=$B$24,21,0),MOD($C8173,24)+1)/SUM(INDEX($D$3:$AA$30,INDEX(Jesper!$R$2:$R$366,ROW(INDEX(Jesper!AJ$2:AJ$366,ROUNDDOWN($C8173/24,0)+1,1))-1)+IF('Standard Profiles'!$G$20=$B$10,7,0)+IF('Standard Profiles'!$G$20=$B$17,14,0)+IF('Standard Profiles'!$G$20=$B$24,21,0),0)),0)</f>
        <v>0</v>
      </c>
      <c r="G8173" cm="1">
        <f t="array" ref="G8173">IFERROR(INDEX(Jesper!AK$2:AK$366,ROUNDDOWN($C8173/24,0)+1,1)*INDEX($D$3:$AA$30,INDEX(Jesper!$R$2:$R$366,ROW(INDEX(Jesper!AK$2:AK$366,ROUNDDOWN($C8173/24,0)+1,1))-1)+IF('Standard Profiles'!$G$21=$B$10,7,0)+IF('Standard Profiles'!$G$21=$B$17,14,0)+IF('Standard Profiles'!$G$21=$B$24,21,0),MOD($C8173,24)+1)/SUM(INDEX($D$3:$AA$30,INDEX(Jesper!$R$2:$R$366,ROW(INDEX(Jesper!AK$2:AK$366,ROUNDDOWN($C8173/24,0)+1,1))-1)+IF('Standard Profiles'!$G$21=$B$10,7,0)+IF('Standard Profiles'!$G$21=$B$17,14,0)+IF('Standard Profiles'!$G$21=$B$24,21,0),0)),0)</f>
        <v>0</v>
      </c>
      <c r="H8173" cm="1">
        <f t="array" ref="H8173">IFERROR(INDEX(Jesper!AL$2:AL$366,ROUNDDOWN($C8173/24,0)+1,1)*INDEX($D$3:$AA$30,INDEX(Jesper!$R$2:$R$366,ROW(INDEX(Jesper!AL$2:AL$366,ROUNDDOWN($C8173/24,0)+1,1))-1)+IF('Standard Profiles'!$G$22=$B$10,7,0)+IF('Standard Profiles'!$G$22=$B$17,14,0)+IF('Standard Profiles'!$G$22=$B$24,21,0),MOD($C8173,24)+1)/SUM(INDEX($D$3:$AA$30,INDEX(Jesper!$R$2:$R$366,ROW(INDEX(Jesper!AL$2:AL$366,ROUNDDOWN($C8173/24,0)+1,1))-1)+IF('Standard Profiles'!$G$22=$B$10,7,0)+IF('Standard Profiles'!$G$22=$B$17,14,0)+IF('Standard Profiles'!$G$22=$B$24,21,0),0)),0)</f>
        <v>0</v>
      </c>
      <c r="I8173">
        <f t="shared" si="909"/>
        <v>0.25139364644935258</v>
      </c>
      <c r="J8173">
        <f t="shared" si="910"/>
        <v>0.83797882149784209</v>
      </c>
      <c r="K8173">
        <f t="shared" si="911"/>
        <v>1.256968232246763</v>
      </c>
      <c r="L8173">
        <f t="shared" si="912"/>
        <v>6.0334475147844628</v>
      </c>
      <c r="M8173">
        <f t="shared" si="913"/>
        <v>0</v>
      </c>
      <c r="N8173" s="46">
        <f t="shared" si="914"/>
        <v>45631.12499998026</v>
      </c>
    </row>
    <row r="8174" spans="2:14" x14ac:dyDescent="0.3">
      <c r="B8174">
        <f t="shared" si="908"/>
        <v>4</v>
      </c>
      <c r="C8174" s="16">
        <v>8140</v>
      </c>
      <c r="D8174" cm="1">
        <f t="array" ref="D8174">IFERROR(INDEX(Jesper!AH$2:AH$366,ROUNDDOWN($C8174/24,0)+1,1)*INDEX($D$3:$AA$30,INDEX(Jesper!$R$2:$R$366,ROW(INDEX(Jesper!AH$2:AH$366,ROUNDDOWN($C8174/24,0)+1,1))-1)+IF('Standard Profiles'!$G$18=$B$10,7,0)+IF('Standard Profiles'!$G$18=$B$17,14,0)+IF('Standard Profiles'!$G$18=$B$24,21,0),MOD($C8174,24)+1)/SUM(INDEX($D$3:$AA$30,INDEX(Jesper!$R$2:$R$366,ROW(INDEX(Jesper!AH$2:AH$366,ROUNDDOWN($C8174/24,0)+1,1))-1)+IF('Standard Profiles'!$G$18=$B$10,7,0)+IF('Standard Profiles'!$G$18=$B$17,14,0)+IF('Standard Profiles'!$G$18=$B$24,21,0),0)),0)</f>
        <v>8.3797882149784204</v>
      </c>
      <c r="E8174" cm="1">
        <f t="array" ref="E8174">IFERROR(INDEX(Jesper!AI$2:AI$366,ROUNDDOWN($C8174/24,0)+1,1)*INDEX($D$3:$AA$30,INDEX(Jesper!$R$2:$R$366,ROW(INDEX(Jesper!AI$2:AI$366,ROUNDDOWN($C8174/24,0)+1,1))-1)+IF('Standard Profiles'!$G$19=$B$10,7,0)+IF('Standard Profiles'!$G$19=$B$17,14,0)+IF('Standard Profiles'!$G$19=$B$24,21,0),MOD($C8174,24)+1)/SUM(INDEX($D$3:$AA$30,INDEX(Jesper!$R$2:$R$366,ROW(INDEX(Jesper!AI$2:AI$366,ROUNDDOWN($C8174/24,0)+1,1))-1)+IF('Standard Profiles'!$G$19=$B$10,7,0)+IF('Standard Profiles'!$G$19=$B$17,14,0)+IF('Standard Profiles'!$G$19=$B$24,21,0),0)),0)</f>
        <v>0</v>
      </c>
      <c r="F8174" cm="1">
        <f t="array" ref="F8174">IFERROR(INDEX(Jesper!AJ$2:AJ$366,ROUNDDOWN($C8174/24,0)+1,1)*INDEX($D$3:$AA$30,INDEX(Jesper!$R$2:$R$366,ROW(INDEX(Jesper!AJ$2:AJ$366,ROUNDDOWN($C8174/24,0)+1,1))-1)+IF('Standard Profiles'!$G$20=$B$10,7,0)+IF('Standard Profiles'!$G$20=$B$17,14,0)+IF('Standard Profiles'!$G$20=$B$24,21,0),MOD($C8174,24)+1)/SUM(INDEX($D$3:$AA$30,INDEX(Jesper!$R$2:$R$366,ROW(INDEX(Jesper!AJ$2:AJ$366,ROUNDDOWN($C8174/24,0)+1,1))-1)+IF('Standard Profiles'!$G$20=$B$10,7,0)+IF('Standard Profiles'!$G$20=$B$17,14,0)+IF('Standard Profiles'!$G$20=$B$24,21,0),0)),0)</f>
        <v>0</v>
      </c>
      <c r="G8174" cm="1">
        <f t="array" ref="G8174">IFERROR(INDEX(Jesper!AK$2:AK$366,ROUNDDOWN($C8174/24,0)+1,1)*INDEX($D$3:$AA$30,INDEX(Jesper!$R$2:$R$366,ROW(INDEX(Jesper!AK$2:AK$366,ROUNDDOWN($C8174/24,0)+1,1))-1)+IF('Standard Profiles'!$G$21=$B$10,7,0)+IF('Standard Profiles'!$G$21=$B$17,14,0)+IF('Standard Profiles'!$G$21=$B$24,21,0),MOD($C8174,24)+1)/SUM(INDEX($D$3:$AA$30,INDEX(Jesper!$R$2:$R$366,ROW(INDEX(Jesper!AK$2:AK$366,ROUNDDOWN($C8174/24,0)+1,1))-1)+IF('Standard Profiles'!$G$21=$B$10,7,0)+IF('Standard Profiles'!$G$21=$B$17,14,0)+IF('Standard Profiles'!$G$21=$B$24,21,0),0)),0)</f>
        <v>0</v>
      </c>
      <c r="H8174" cm="1">
        <f t="array" ref="H8174">IFERROR(INDEX(Jesper!AL$2:AL$366,ROUNDDOWN($C8174/24,0)+1,1)*INDEX($D$3:$AA$30,INDEX(Jesper!$R$2:$R$366,ROW(INDEX(Jesper!AL$2:AL$366,ROUNDDOWN($C8174/24,0)+1,1))-1)+IF('Standard Profiles'!$G$22=$B$10,7,0)+IF('Standard Profiles'!$G$22=$B$17,14,0)+IF('Standard Profiles'!$G$22=$B$24,21,0),MOD($C8174,24)+1)/SUM(INDEX($D$3:$AA$30,INDEX(Jesper!$R$2:$R$366,ROW(INDEX(Jesper!AL$2:AL$366,ROUNDDOWN($C8174/24,0)+1,1))-1)+IF('Standard Profiles'!$G$22=$B$10,7,0)+IF('Standard Profiles'!$G$22=$B$17,14,0)+IF('Standard Profiles'!$G$22=$B$24,21,0),0)),0)</f>
        <v>0</v>
      </c>
      <c r="I8174">
        <f t="shared" si="909"/>
        <v>0.25139364644935258</v>
      </c>
      <c r="J8174">
        <f t="shared" si="910"/>
        <v>0.83797882149784209</v>
      </c>
      <c r="K8174">
        <f t="shared" si="911"/>
        <v>1.256968232246763</v>
      </c>
      <c r="L8174">
        <f t="shared" si="912"/>
        <v>6.0334475147844628</v>
      </c>
      <c r="M8174">
        <f t="shared" si="913"/>
        <v>0</v>
      </c>
      <c r="N8174" s="46">
        <f t="shared" si="914"/>
        <v>45631.166666646925</v>
      </c>
    </row>
    <row r="8175" spans="2:14" x14ac:dyDescent="0.3">
      <c r="B8175">
        <f t="shared" si="908"/>
        <v>4</v>
      </c>
      <c r="C8175" s="16">
        <v>8141</v>
      </c>
      <c r="D8175" cm="1">
        <f t="array" ref="D8175">IFERROR(INDEX(Jesper!AH$2:AH$366,ROUNDDOWN($C8175/24,0)+1,1)*INDEX($D$3:$AA$30,INDEX(Jesper!$R$2:$R$366,ROW(INDEX(Jesper!AH$2:AH$366,ROUNDDOWN($C8175/24,0)+1,1))-1)+IF('Standard Profiles'!$G$18=$B$10,7,0)+IF('Standard Profiles'!$G$18=$B$17,14,0)+IF('Standard Profiles'!$G$18=$B$24,21,0),MOD($C8175,24)+1)/SUM(INDEX($D$3:$AA$30,INDEX(Jesper!$R$2:$R$366,ROW(INDEX(Jesper!AH$2:AH$366,ROUNDDOWN($C8175/24,0)+1,1))-1)+IF('Standard Profiles'!$G$18=$B$10,7,0)+IF('Standard Profiles'!$G$18=$B$17,14,0)+IF('Standard Profiles'!$G$18=$B$24,21,0),0)),0)</f>
        <v>10.800615921527742</v>
      </c>
      <c r="E8175" cm="1">
        <f t="array" ref="E8175">IFERROR(INDEX(Jesper!AI$2:AI$366,ROUNDDOWN($C8175/24,0)+1,1)*INDEX($D$3:$AA$30,INDEX(Jesper!$R$2:$R$366,ROW(INDEX(Jesper!AI$2:AI$366,ROUNDDOWN($C8175/24,0)+1,1))-1)+IF('Standard Profiles'!$G$19=$B$10,7,0)+IF('Standard Profiles'!$G$19=$B$17,14,0)+IF('Standard Profiles'!$G$19=$B$24,21,0),MOD($C8175,24)+1)/SUM(INDEX($D$3:$AA$30,INDEX(Jesper!$R$2:$R$366,ROW(INDEX(Jesper!AI$2:AI$366,ROUNDDOWN($C8175/24,0)+1,1))-1)+IF('Standard Profiles'!$G$19=$B$10,7,0)+IF('Standard Profiles'!$G$19=$B$17,14,0)+IF('Standard Profiles'!$G$19=$B$24,21,0),0)),0)</f>
        <v>0</v>
      </c>
      <c r="F8175" cm="1">
        <f t="array" ref="F8175">IFERROR(INDEX(Jesper!AJ$2:AJ$366,ROUNDDOWN($C8175/24,0)+1,1)*INDEX($D$3:$AA$30,INDEX(Jesper!$R$2:$R$366,ROW(INDEX(Jesper!AJ$2:AJ$366,ROUNDDOWN($C8175/24,0)+1,1))-1)+IF('Standard Profiles'!$G$20=$B$10,7,0)+IF('Standard Profiles'!$G$20=$B$17,14,0)+IF('Standard Profiles'!$G$20=$B$24,21,0),MOD($C8175,24)+1)/SUM(INDEX($D$3:$AA$30,INDEX(Jesper!$R$2:$R$366,ROW(INDEX(Jesper!AJ$2:AJ$366,ROUNDDOWN($C8175/24,0)+1,1))-1)+IF('Standard Profiles'!$G$20=$B$10,7,0)+IF('Standard Profiles'!$G$20=$B$17,14,0)+IF('Standard Profiles'!$G$20=$B$24,21,0),0)),0)</f>
        <v>0</v>
      </c>
      <c r="G8175" cm="1">
        <f t="array" ref="G8175">IFERROR(INDEX(Jesper!AK$2:AK$366,ROUNDDOWN($C8175/24,0)+1,1)*INDEX($D$3:$AA$30,INDEX(Jesper!$R$2:$R$366,ROW(INDEX(Jesper!AK$2:AK$366,ROUNDDOWN($C8175/24,0)+1,1))-1)+IF('Standard Profiles'!$G$21=$B$10,7,0)+IF('Standard Profiles'!$G$21=$B$17,14,0)+IF('Standard Profiles'!$G$21=$B$24,21,0),MOD($C8175,24)+1)/SUM(INDEX($D$3:$AA$30,INDEX(Jesper!$R$2:$R$366,ROW(INDEX(Jesper!AK$2:AK$366,ROUNDDOWN($C8175/24,0)+1,1))-1)+IF('Standard Profiles'!$G$21=$B$10,7,0)+IF('Standard Profiles'!$G$21=$B$17,14,0)+IF('Standard Profiles'!$G$21=$B$24,21,0),0)),0)</f>
        <v>0</v>
      </c>
      <c r="H8175" cm="1">
        <f t="array" ref="H8175">IFERROR(INDEX(Jesper!AL$2:AL$366,ROUNDDOWN($C8175/24,0)+1,1)*INDEX($D$3:$AA$30,INDEX(Jesper!$R$2:$R$366,ROW(INDEX(Jesper!AL$2:AL$366,ROUNDDOWN($C8175/24,0)+1,1))-1)+IF('Standard Profiles'!$G$22=$B$10,7,0)+IF('Standard Profiles'!$G$22=$B$17,14,0)+IF('Standard Profiles'!$G$22=$B$24,21,0),MOD($C8175,24)+1)/SUM(INDEX($D$3:$AA$30,INDEX(Jesper!$R$2:$R$366,ROW(INDEX(Jesper!AL$2:AL$366,ROUNDDOWN($C8175/24,0)+1,1))-1)+IF('Standard Profiles'!$G$22=$B$10,7,0)+IF('Standard Profiles'!$G$22=$B$17,14,0)+IF('Standard Profiles'!$G$22=$B$24,21,0),0)),0)</f>
        <v>0</v>
      </c>
      <c r="I8175">
        <f t="shared" si="909"/>
        <v>0.32401847764583225</v>
      </c>
      <c r="J8175">
        <f t="shared" si="910"/>
        <v>1.0800615921527743</v>
      </c>
      <c r="K8175">
        <f t="shared" si="911"/>
        <v>1.6200923882291611</v>
      </c>
      <c r="L8175">
        <f t="shared" si="912"/>
        <v>7.776443463499974</v>
      </c>
      <c r="M8175">
        <f t="shared" si="913"/>
        <v>0</v>
      </c>
      <c r="N8175" s="46">
        <f t="shared" si="914"/>
        <v>45631.208333313589</v>
      </c>
    </row>
    <row r="8176" spans="2:14" x14ac:dyDescent="0.3">
      <c r="B8176">
        <f t="shared" si="908"/>
        <v>4</v>
      </c>
      <c r="C8176" s="16">
        <v>8142</v>
      </c>
      <c r="D8176" cm="1">
        <f t="array" ref="D8176">IFERROR(INDEX(Jesper!AH$2:AH$366,ROUNDDOWN($C8176/24,0)+1,1)*INDEX($D$3:$AA$30,INDEX(Jesper!$R$2:$R$366,ROW(INDEX(Jesper!AH$2:AH$366,ROUNDDOWN($C8176/24,0)+1,1))-1)+IF('Standard Profiles'!$G$18=$B$10,7,0)+IF('Standard Profiles'!$G$18=$B$17,14,0)+IF('Standard Profiles'!$G$18=$B$24,21,0),MOD($C8176,24)+1)/SUM(INDEX($D$3:$AA$30,INDEX(Jesper!$R$2:$R$366,ROW(INDEX(Jesper!AH$2:AH$366,ROUNDDOWN($C8176/24,0)+1,1))-1)+IF('Standard Profiles'!$G$18=$B$10,7,0)+IF('Standard Profiles'!$G$18=$B$17,14,0)+IF('Standard Profiles'!$G$18=$B$24,21,0),0)),0)</f>
        <v>12.476573564523429</v>
      </c>
      <c r="E8176" cm="1">
        <f t="array" ref="E8176">IFERROR(INDEX(Jesper!AI$2:AI$366,ROUNDDOWN($C8176/24,0)+1,1)*INDEX($D$3:$AA$30,INDEX(Jesper!$R$2:$R$366,ROW(INDEX(Jesper!AI$2:AI$366,ROUNDDOWN($C8176/24,0)+1,1))-1)+IF('Standard Profiles'!$G$19=$B$10,7,0)+IF('Standard Profiles'!$G$19=$B$17,14,0)+IF('Standard Profiles'!$G$19=$B$24,21,0),MOD($C8176,24)+1)/SUM(INDEX($D$3:$AA$30,INDEX(Jesper!$R$2:$R$366,ROW(INDEX(Jesper!AI$2:AI$366,ROUNDDOWN($C8176/24,0)+1,1))-1)+IF('Standard Profiles'!$G$19=$B$10,7,0)+IF('Standard Profiles'!$G$19=$B$17,14,0)+IF('Standard Profiles'!$G$19=$B$24,21,0),0)),0)</f>
        <v>0</v>
      </c>
      <c r="F8176" cm="1">
        <f t="array" ref="F8176">IFERROR(INDEX(Jesper!AJ$2:AJ$366,ROUNDDOWN($C8176/24,0)+1,1)*INDEX($D$3:$AA$30,INDEX(Jesper!$R$2:$R$366,ROW(INDEX(Jesper!AJ$2:AJ$366,ROUNDDOWN($C8176/24,0)+1,1))-1)+IF('Standard Profiles'!$G$20=$B$10,7,0)+IF('Standard Profiles'!$G$20=$B$17,14,0)+IF('Standard Profiles'!$G$20=$B$24,21,0),MOD($C8176,24)+1)/SUM(INDEX($D$3:$AA$30,INDEX(Jesper!$R$2:$R$366,ROW(INDEX(Jesper!AJ$2:AJ$366,ROUNDDOWN($C8176/24,0)+1,1))-1)+IF('Standard Profiles'!$G$20=$B$10,7,0)+IF('Standard Profiles'!$G$20=$B$17,14,0)+IF('Standard Profiles'!$G$20=$B$24,21,0),0)),0)</f>
        <v>0</v>
      </c>
      <c r="G8176" cm="1">
        <f t="array" ref="G8176">IFERROR(INDEX(Jesper!AK$2:AK$366,ROUNDDOWN($C8176/24,0)+1,1)*INDEX($D$3:$AA$30,INDEX(Jesper!$R$2:$R$366,ROW(INDEX(Jesper!AK$2:AK$366,ROUNDDOWN($C8176/24,0)+1,1))-1)+IF('Standard Profiles'!$G$21=$B$10,7,0)+IF('Standard Profiles'!$G$21=$B$17,14,0)+IF('Standard Profiles'!$G$21=$B$24,21,0),MOD($C8176,24)+1)/SUM(INDEX($D$3:$AA$30,INDEX(Jesper!$R$2:$R$366,ROW(INDEX(Jesper!AK$2:AK$366,ROUNDDOWN($C8176/24,0)+1,1))-1)+IF('Standard Profiles'!$G$21=$B$10,7,0)+IF('Standard Profiles'!$G$21=$B$17,14,0)+IF('Standard Profiles'!$G$21=$B$24,21,0),0)),0)</f>
        <v>0</v>
      </c>
      <c r="H8176" cm="1">
        <f t="array" ref="H8176">IFERROR(INDEX(Jesper!AL$2:AL$366,ROUNDDOWN($C8176/24,0)+1,1)*INDEX($D$3:$AA$30,INDEX(Jesper!$R$2:$R$366,ROW(INDEX(Jesper!AL$2:AL$366,ROUNDDOWN($C8176/24,0)+1,1))-1)+IF('Standard Profiles'!$G$22=$B$10,7,0)+IF('Standard Profiles'!$G$22=$B$17,14,0)+IF('Standard Profiles'!$G$22=$B$24,21,0),MOD($C8176,24)+1)/SUM(INDEX($D$3:$AA$30,INDEX(Jesper!$R$2:$R$366,ROW(INDEX(Jesper!AL$2:AL$366,ROUNDDOWN($C8176/24,0)+1,1))-1)+IF('Standard Profiles'!$G$22=$B$10,7,0)+IF('Standard Profiles'!$G$22=$B$17,14,0)+IF('Standard Profiles'!$G$22=$B$24,21,0),0)),0)</f>
        <v>0</v>
      </c>
      <c r="I8176">
        <f t="shared" si="909"/>
        <v>0.37429720693570284</v>
      </c>
      <c r="J8176">
        <f t="shared" si="910"/>
        <v>1.247657356452343</v>
      </c>
      <c r="K8176">
        <f t="shared" si="911"/>
        <v>1.8714860346785143</v>
      </c>
      <c r="L8176">
        <f t="shared" si="912"/>
        <v>8.9831329664568678</v>
      </c>
      <c r="M8176">
        <f t="shared" si="913"/>
        <v>0</v>
      </c>
      <c r="N8176" s="46">
        <f t="shared" si="914"/>
        <v>45631.249999980253</v>
      </c>
    </row>
    <row r="8177" spans="2:14" x14ac:dyDescent="0.3">
      <c r="B8177">
        <f t="shared" si="908"/>
        <v>4</v>
      </c>
      <c r="C8177" s="16">
        <v>8143</v>
      </c>
      <c r="D8177" cm="1">
        <f t="array" ref="D8177">IFERROR(INDEX(Jesper!AH$2:AH$366,ROUNDDOWN($C8177/24,0)+1,1)*INDEX($D$3:$AA$30,INDEX(Jesper!$R$2:$R$366,ROW(INDEX(Jesper!AH$2:AH$366,ROUNDDOWN($C8177/24,0)+1,1))-1)+IF('Standard Profiles'!$G$18=$B$10,7,0)+IF('Standard Profiles'!$G$18=$B$17,14,0)+IF('Standard Profiles'!$G$18=$B$24,21,0),MOD($C8177,24)+1)/SUM(INDEX($D$3:$AA$30,INDEX(Jesper!$R$2:$R$366,ROW(INDEX(Jesper!AH$2:AH$366,ROUNDDOWN($C8177/24,0)+1,1))-1)+IF('Standard Profiles'!$G$18=$B$10,7,0)+IF('Standard Profiles'!$G$18=$B$17,14,0)+IF('Standard Profiles'!$G$18=$B$24,21,0),0)),0)</f>
        <v>12.476573564523429</v>
      </c>
      <c r="E8177" cm="1">
        <f t="array" ref="E8177">IFERROR(INDEX(Jesper!AI$2:AI$366,ROUNDDOWN($C8177/24,0)+1,1)*INDEX($D$3:$AA$30,INDEX(Jesper!$R$2:$R$366,ROW(INDEX(Jesper!AI$2:AI$366,ROUNDDOWN($C8177/24,0)+1,1))-1)+IF('Standard Profiles'!$G$19=$B$10,7,0)+IF('Standard Profiles'!$G$19=$B$17,14,0)+IF('Standard Profiles'!$G$19=$B$24,21,0),MOD($C8177,24)+1)/SUM(INDEX($D$3:$AA$30,INDEX(Jesper!$R$2:$R$366,ROW(INDEX(Jesper!AI$2:AI$366,ROUNDDOWN($C8177/24,0)+1,1))-1)+IF('Standard Profiles'!$G$19=$B$10,7,0)+IF('Standard Profiles'!$G$19=$B$17,14,0)+IF('Standard Profiles'!$G$19=$B$24,21,0),0)),0)</f>
        <v>0</v>
      </c>
      <c r="F8177" cm="1">
        <f t="array" ref="F8177">IFERROR(INDEX(Jesper!AJ$2:AJ$366,ROUNDDOWN($C8177/24,0)+1,1)*INDEX($D$3:$AA$30,INDEX(Jesper!$R$2:$R$366,ROW(INDEX(Jesper!AJ$2:AJ$366,ROUNDDOWN($C8177/24,0)+1,1))-1)+IF('Standard Profiles'!$G$20=$B$10,7,0)+IF('Standard Profiles'!$G$20=$B$17,14,0)+IF('Standard Profiles'!$G$20=$B$24,21,0),MOD($C8177,24)+1)/SUM(INDEX($D$3:$AA$30,INDEX(Jesper!$R$2:$R$366,ROW(INDEX(Jesper!AJ$2:AJ$366,ROUNDDOWN($C8177/24,0)+1,1))-1)+IF('Standard Profiles'!$G$20=$B$10,7,0)+IF('Standard Profiles'!$G$20=$B$17,14,0)+IF('Standard Profiles'!$G$20=$B$24,21,0),0)),0)</f>
        <v>0</v>
      </c>
      <c r="G8177" cm="1">
        <f t="array" ref="G8177">IFERROR(INDEX(Jesper!AK$2:AK$366,ROUNDDOWN($C8177/24,0)+1,1)*INDEX($D$3:$AA$30,INDEX(Jesper!$R$2:$R$366,ROW(INDEX(Jesper!AK$2:AK$366,ROUNDDOWN($C8177/24,0)+1,1))-1)+IF('Standard Profiles'!$G$21=$B$10,7,0)+IF('Standard Profiles'!$G$21=$B$17,14,0)+IF('Standard Profiles'!$G$21=$B$24,21,0),MOD($C8177,24)+1)/SUM(INDEX($D$3:$AA$30,INDEX(Jesper!$R$2:$R$366,ROW(INDEX(Jesper!AK$2:AK$366,ROUNDDOWN($C8177/24,0)+1,1))-1)+IF('Standard Profiles'!$G$21=$B$10,7,0)+IF('Standard Profiles'!$G$21=$B$17,14,0)+IF('Standard Profiles'!$G$21=$B$24,21,0),0)),0)</f>
        <v>0</v>
      </c>
      <c r="H8177" cm="1">
        <f t="array" ref="H8177">IFERROR(INDEX(Jesper!AL$2:AL$366,ROUNDDOWN($C8177/24,0)+1,1)*INDEX($D$3:$AA$30,INDEX(Jesper!$R$2:$R$366,ROW(INDEX(Jesper!AL$2:AL$366,ROUNDDOWN($C8177/24,0)+1,1))-1)+IF('Standard Profiles'!$G$22=$B$10,7,0)+IF('Standard Profiles'!$G$22=$B$17,14,0)+IF('Standard Profiles'!$G$22=$B$24,21,0),MOD($C8177,24)+1)/SUM(INDEX($D$3:$AA$30,INDEX(Jesper!$R$2:$R$366,ROW(INDEX(Jesper!AL$2:AL$366,ROUNDDOWN($C8177/24,0)+1,1))-1)+IF('Standard Profiles'!$G$22=$B$10,7,0)+IF('Standard Profiles'!$G$22=$B$17,14,0)+IF('Standard Profiles'!$G$22=$B$24,21,0),0)),0)</f>
        <v>0</v>
      </c>
      <c r="I8177">
        <f t="shared" si="909"/>
        <v>0.37429720693570284</v>
      </c>
      <c r="J8177">
        <f t="shared" si="910"/>
        <v>1.247657356452343</v>
      </c>
      <c r="K8177">
        <f t="shared" si="911"/>
        <v>1.8714860346785143</v>
      </c>
      <c r="L8177">
        <f t="shared" si="912"/>
        <v>8.9831329664568678</v>
      </c>
      <c r="M8177">
        <f t="shared" si="913"/>
        <v>0</v>
      </c>
      <c r="N8177" s="46">
        <f t="shared" si="914"/>
        <v>45631.291666646917</v>
      </c>
    </row>
    <row r="8178" spans="2:14" x14ac:dyDescent="0.3">
      <c r="B8178">
        <f t="shared" si="908"/>
        <v>4</v>
      </c>
      <c r="C8178" s="16">
        <v>8144</v>
      </c>
      <c r="D8178" cm="1">
        <f t="array" ref="D8178">IFERROR(INDEX(Jesper!AH$2:AH$366,ROUNDDOWN($C8178/24,0)+1,1)*INDEX($D$3:$AA$30,INDEX(Jesper!$R$2:$R$366,ROW(INDEX(Jesper!AH$2:AH$366,ROUNDDOWN($C8178/24,0)+1,1))-1)+IF('Standard Profiles'!$G$18=$B$10,7,0)+IF('Standard Profiles'!$G$18=$B$17,14,0)+IF('Standard Profiles'!$G$18=$B$24,21,0),MOD($C8178,24)+1)/SUM(INDEX($D$3:$AA$30,INDEX(Jesper!$R$2:$R$366,ROW(INDEX(Jesper!AH$2:AH$366,ROUNDDOWN($C8178/24,0)+1,1))-1)+IF('Standard Profiles'!$G$18=$B$10,7,0)+IF('Standard Profiles'!$G$18=$B$17,14,0)+IF('Standard Profiles'!$G$18=$B$24,21,0),0)),0)</f>
        <v>12.476573564523429</v>
      </c>
      <c r="E8178" cm="1">
        <f t="array" ref="E8178">IFERROR(INDEX(Jesper!AI$2:AI$366,ROUNDDOWN($C8178/24,0)+1,1)*INDEX($D$3:$AA$30,INDEX(Jesper!$R$2:$R$366,ROW(INDEX(Jesper!AI$2:AI$366,ROUNDDOWN($C8178/24,0)+1,1))-1)+IF('Standard Profiles'!$G$19=$B$10,7,0)+IF('Standard Profiles'!$G$19=$B$17,14,0)+IF('Standard Profiles'!$G$19=$B$24,21,0),MOD($C8178,24)+1)/SUM(INDEX($D$3:$AA$30,INDEX(Jesper!$R$2:$R$366,ROW(INDEX(Jesper!AI$2:AI$366,ROUNDDOWN($C8178/24,0)+1,1))-1)+IF('Standard Profiles'!$G$19=$B$10,7,0)+IF('Standard Profiles'!$G$19=$B$17,14,0)+IF('Standard Profiles'!$G$19=$B$24,21,0),0)),0)</f>
        <v>0</v>
      </c>
      <c r="F8178" cm="1">
        <f t="array" ref="F8178">IFERROR(INDEX(Jesper!AJ$2:AJ$366,ROUNDDOWN($C8178/24,0)+1,1)*INDEX($D$3:$AA$30,INDEX(Jesper!$R$2:$R$366,ROW(INDEX(Jesper!AJ$2:AJ$366,ROUNDDOWN($C8178/24,0)+1,1))-1)+IF('Standard Profiles'!$G$20=$B$10,7,0)+IF('Standard Profiles'!$G$20=$B$17,14,0)+IF('Standard Profiles'!$G$20=$B$24,21,0),MOD($C8178,24)+1)/SUM(INDEX($D$3:$AA$30,INDEX(Jesper!$R$2:$R$366,ROW(INDEX(Jesper!AJ$2:AJ$366,ROUNDDOWN($C8178/24,0)+1,1))-1)+IF('Standard Profiles'!$G$20=$B$10,7,0)+IF('Standard Profiles'!$G$20=$B$17,14,0)+IF('Standard Profiles'!$G$20=$B$24,21,0),0)),0)</f>
        <v>0</v>
      </c>
      <c r="G8178" cm="1">
        <f t="array" ref="G8178">IFERROR(INDEX(Jesper!AK$2:AK$366,ROUNDDOWN($C8178/24,0)+1,1)*INDEX($D$3:$AA$30,INDEX(Jesper!$R$2:$R$366,ROW(INDEX(Jesper!AK$2:AK$366,ROUNDDOWN($C8178/24,0)+1,1))-1)+IF('Standard Profiles'!$G$21=$B$10,7,0)+IF('Standard Profiles'!$G$21=$B$17,14,0)+IF('Standard Profiles'!$G$21=$B$24,21,0),MOD($C8178,24)+1)/SUM(INDEX($D$3:$AA$30,INDEX(Jesper!$R$2:$R$366,ROW(INDEX(Jesper!AK$2:AK$366,ROUNDDOWN($C8178/24,0)+1,1))-1)+IF('Standard Profiles'!$G$21=$B$10,7,0)+IF('Standard Profiles'!$G$21=$B$17,14,0)+IF('Standard Profiles'!$G$21=$B$24,21,0),0)),0)</f>
        <v>0</v>
      </c>
      <c r="H8178" cm="1">
        <f t="array" ref="H8178">IFERROR(INDEX(Jesper!AL$2:AL$366,ROUNDDOWN($C8178/24,0)+1,1)*INDEX($D$3:$AA$30,INDEX(Jesper!$R$2:$R$366,ROW(INDEX(Jesper!AL$2:AL$366,ROUNDDOWN($C8178/24,0)+1,1))-1)+IF('Standard Profiles'!$G$22=$B$10,7,0)+IF('Standard Profiles'!$G$22=$B$17,14,0)+IF('Standard Profiles'!$G$22=$B$24,21,0),MOD($C8178,24)+1)/SUM(INDEX($D$3:$AA$30,INDEX(Jesper!$R$2:$R$366,ROW(INDEX(Jesper!AL$2:AL$366,ROUNDDOWN($C8178/24,0)+1,1))-1)+IF('Standard Profiles'!$G$22=$B$10,7,0)+IF('Standard Profiles'!$G$22=$B$17,14,0)+IF('Standard Profiles'!$G$22=$B$24,21,0),0)),0)</f>
        <v>0</v>
      </c>
      <c r="I8178">
        <f t="shared" si="909"/>
        <v>0.37429720693570284</v>
      </c>
      <c r="J8178">
        <f t="shared" si="910"/>
        <v>1.247657356452343</v>
      </c>
      <c r="K8178">
        <f t="shared" si="911"/>
        <v>1.8714860346785143</v>
      </c>
      <c r="L8178">
        <f t="shared" si="912"/>
        <v>8.9831329664568678</v>
      </c>
      <c r="M8178">
        <f t="shared" si="913"/>
        <v>0</v>
      </c>
      <c r="N8178" s="46">
        <f t="shared" si="914"/>
        <v>45631.333333313582</v>
      </c>
    </row>
    <row r="8179" spans="2:14" x14ac:dyDescent="0.3">
      <c r="B8179">
        <f t="shared" si="908"/>
        <v>4</v>
      </c>
      <c r="C8179" s="16">
        <v>8145</v>
      </c>
      <c r="D8179" cm="1">
        <f t="array" ref="D8179">IFERROR(INDEX(Jesper!AH$2:AH$366,ROUNDDOWN($C8179/24,0)+1,1)*INDEX($D$3:$AA$30,INDEX(Jesper!$R$2:$R$366,ROW(INDEX(Jesper!AH$2:AH$366,ROUNDDOWN($C8179/24,0)+1,1))-1)+IF('Standard Profiles'!$G$18=$B$10,7,0)+IF('Standard Profiles'!$G$18=$B$17,14,0)+IF('Standard Profiles'!$G$18=$B$24,21,0),MOD($C8179,24)+1)/SUM(INDEX($D$3:$AA$30,INDEX(Jesper!$R$2:$R$366,ROW(INDEX(Jesper!AH$2:AH$366,ROUNDDOWN($C8179/24,0)+1,1))-1)+IF('Standard Profiles'!$G$18=$B$10,7,0)+IF('Standard Profiles'!$G$18=$B$17,14,0)+IF('Standard Profiles'!$G$18=$B$24,21,0),0)),0)</f>
        <v>13.407661143965473</v>
      </c>
      <c r="E8179" cm="1">
        <f t="array" ref="E8179">IFERROR(INDEX(Jesper!AI$2:AI$366,ROUNDDOWN($C8179/24,0)+1,1)*INDEX($D$3:$AA$30,INDEX(Jesper!$R$2:$R$366,ROW(INDEX(Jesper!AI$2:AI$366,ROUNDDOWN($C8179/24,0)+1,1))-1)+IF('Standard Profiles'!$G$19=$B$10,7,0)+IF('Standard Profiles'!$G$19=$B$17,14,0)+IF('Standard Profiles'!$G$19=$B$24,21,0),MOD($C8179,24)+1)/SUM(INDEX($D$3:$AA$30,INDEX(Jesper!$R$2:$R$366,ROW(INDEX(Jesper!AI$2:AI$366,ROUNDDOWN($C8179/24,0)+1,1))-1)+IF('Standard Profiles'!$G$19=$B$10,7,0)+IF('Standard Profiles'!$G$19=$B$17,14,0)+IF('Standard Profiles'!$G$19=$B$24,21,0),0)),0)</f>
        <v>0</v>
      </c>
      <c r="F8179" cm="1">
        <f t="array" ref="F8179">IFERROR(INDEX(Jesper!AJ$2:AJ$366,ROUNDDOWN($C8179/24,0)+1,1)*INDEX($D$3:$AA$30,INDEX(Jesper!$R$2:$R$366,ROW(INDEX(Jesper!AJ$2:AJ$366,ROUNDDOWN($C8179/24,0)+1,1))-1)+IF('Standard Profiles'!$G$20=$B$10,7,0)+IF('Standard Profiles'!$G$20=$B$17,14,0)+IF('Standard Profiles'!$G$20=$B$24,21,0),MOD($C8179,24)+1)/SUM(INDEX($D$3:$AA$30,INDEX(Jesper!$R$2:$R$366,ROW(INDEX(Jesper!AJ$2:AJ$366,ROUNDDOWN($C8179/24,0)+1,1))-1)+IF('Standard Profiles'!$G$20=$B$10,7,0)+IF('Standard Profiles'!$G$20=$B$17,14,0)+IF('Standard Profiles'!$G$20=$B$24,21,0),0)),0)</f>
        <v>0</v>
      </c>
      <c r="G8179" cm="1">
        <f t="array" ref="G8179">IFERROR(INDEX(Jesper!AK$2:AK$366,ROUNDDOWN($C8179/24,0)+1,1)*INDEX($D$3:$AA$30,INDEX(Jesper!$R$2:$R$366,ROW(INDEX(Jesper!AK$2:AK$366,ROUNDDOWN($C8179/24,0)+1,1))-1)+IF('Standard Profiles'!$G$21=$B$10,7,0)+IF('Standard Profiles'!$G$21=$B$17,14,0)+IF('Standard Profiles'!$G$21=$B$24,21,0),MOD($C8179,24)+1)/SUM(INDEX($D$3:$AA$30,INDEX(Jesper!$R$2:$R$366,ROW(INDEX(Jesper!AK$2:AK$366,ROUNDDOWN($C8179/24,0)+1,1))-1)+IF('Standard Profiles'!$G$21=$B$10,7,0)+IF('Standard Profiles'!$G$21=$B$17,14,0)+IF('Standard Profiles'!$G$21=$B$24,21,0),0)),0)</f>
        <v>0</v>
      </c>
      <c r="H8179" cm="1">
        <f t="array" ref="H8179">IFERROR(INDEX(Jesper!AL$2:AL$366,ROUNDDOWN($C8179/24,0)+1,1)*INDEX($D$3:$AA$30,INDEX(Jesper!$R$2:$R$366,ROW(INDEX(Jesper!AL$2:AL$366,ROUNDDOWN($C8179/24,0)+1,1))-1)+IF('Standard Profiles'!$G$22=$B$10,7,0)+IF('Standard Profiles'!$G$22=$B$17,14,0)+IF('Standard Profiles'!$G$22=$B$24,21,0),MOD($C8179,24)+1)/SUM(INDEX($D$3:$AA$30,INDEX(Jesper!$R$2:$R$366,ROW(INDEX(Jesper!AL$2:AL$366,ROUNDDOWN($C8179/24,0)+1,1))-1)+IF('Standard Profiles'!$G$22=$B$10,7,0)+IF('Standard Profiles'!$G$22=$B$17,14,0)+IF('Standard Profiles'!$G$22=$B$24,21,0),0)),0)</f>
        <v>0</v>
      </c>
      <c r="I8179">
        <f t="shared" si="909"/>
        <v>0.4022298343189642</v>
      </c>
      <c r="J8179">
        <f t="shared" si="910"/>
        <v>1.3407661143965475</v>
      </c>
      <c r="K8179">
        <f t="shared" si="911"/>
        <v>2.0111491715948211</v>
      </c>
      <c r="L8179">
        <f t="shared" si="912"/>
        <v>9.6535160236551398</v>
      </c>
      <c r="M8179">
        <f t="shared" si="913"/>
        <v>0</v>
      </c>
      <c r="N8179" s="46">
        <f t="shared" si="914"/>
        <v>45631.374999980246</v>
      </c>
    </row>
    <row r="8180" spans="2:14" x14ac:dyDescent="0.3">
      <c r="B8180">
        <f t="shared" si="908"/>
        <v>4</v>
      </c>
      <c r="C8180" s="16">
        <v>8146</v>
      </c>
      <c r="D8180" cm="1">
        <f t="array" ref="D8180">IFERROR(INDEX(Jesper!AH$2:AH$366,ROUNDDOWN($C8180/24,0)+1,1)*INDEX($D$3:$AA$30,INDEX(Jesper!$R$2:$R$366,ROW(INDEX(Jesper!AH$2:AH$366,ROUNDDOWN($C8180/24,0)+1,1))-1)+IF('Standard Profiles'!$G$18=$B$10,7,0)+IF('Standard Profiles'!$G$18=$B$17,14,0)+IF('Standard Profiles'!$G$18=$B$24,21,0),MOD($C8180,24)+1)/SUM(INDEX($D$3:$AA$30,INDEX(Jesper!$R$2:$R$366,ROW(INDEX(Jesper!AH$2:AH$366,ROUNDDOWN($C8180/24,0)+1,1))-1)+IF('Standard Profiles'!$G$18=$B$10,7,0)+IF('Standard Profiles'!$G$18=$B$17,14,0)+IF('Standard Profiles'!$G$18=$B$24,21,0),0)),0)</f>
        <v>14.52496623929593</v>
      </c>
      <c r="E8180" cm="1">
        <f t="array" ref="E8180">IFERROR(INDEX(Jesper!AI$2:AI$366,ROUNDDOWN($C8180/24,0)+1,1)*INDEX($D$3:$AA$30,INDEX(Jesper!$R$2:$R$366,ROW(INDEX(Jesper!AI$2:AI$366,ROUNDDOWN($C8180/24,0)+1,1))-1)+IF('Standard Profiles'!$G$19=$B$10,7,0)+IF('Standard Profiles'!$G$19=$B$17,14,0)+IF('Standard Profiles'!$G$19=$B$24,21,0),MOD($C8180,24)+1)/SUM(INDEX($D$3:$AA$30,INDEX(Jesper!$R$2:$R$366,ROW(INDEX(Jesper!AI$2:AI$366,ROUNDDOWN($C8180/24,0)+1,1))-1)+IF('Standard Profiles'!$G$19=$B$10,7,0)+IF('Standard Profiles'!$G$19=$B$17,14,0)+IF('Standard Profiles'!$G$19=$B$24,21,0),0)),0)</f>
        <v>0</v>
      </c>
      <c r="F8180" cm="1">
        <f t="array" ref="F8180">IFERROR(INDEX(Jesper!AJ$2:AJ$366,ROUNDDOWN($C8180/24,0)+1,1)*INDEX($D$3:$AA$30,INDEX(Jesper!$R$2:$R$366,ROW(INDEX(Jesper!AJ$2:AJ$366,ROUNDDOWN($C8180/24,0)+1,1))-1)+IF('Standard Profiles'!$G$20=$B$10,7,0)+IF('Standard Profiles'!$G$20=$B$17,14,0)+IF('Standard Profiles'!$G$20=$B$24,21,0),MOD($C8180,24)+1)/SUM(INDEX($D$3:$AA$30,INDEX(Jesper!$R$2:$R$366,ROW(INDEX(Jesper!AJ$2:AJ$366,ROUNDDOWN($C8180/24,0)+1,1))-1)+IF('Standard Profiles'!$G$20=$B$10,7,0)+IF('Standard Profiles'!$G$20=$B$17,14,0)+IF('Standard Profiles'!$G$20=$B$24,21,0),0)),0)</f>
        <v>0</v>
      </c>
      <c r="G8180" cm="1">
        <f t="array" ref="G8180">IFERROR(INDEX(Jesper!AK$2:AK$366,ROUNDDOWN($C8180/24,0)+1,1)*INDEX($D$3:$AA$30,INDEX(Jesper!$R$2:$R$366,ROW(INDEX(Jesper!AK$2:AK$366,ROUNDDOWN($C8180/24,0)+1,1))-1)+IF('Standard Profiles'!$G$21=$B$10,7,0)+IF('Standard Profiles'!$G$21=$B$17,14,0)+IF('Standard Profiles'!$G$21=$B$24,21,0),MOD($C8180,24)+1)/SUM(INDEX($D$3:$AA$30,INDEX(Jesper!$R$2:$R$366,ROW(INDEX(Jesper!AK$2:AK$366,ROUNDDOWN($C8180/24,0)+1,1))-1)+IF('Standard Profiles'!$G$21=$B$10,7,0)+IF('Standard Profiles'!$G$21=$B$17,14,0)+IF('Standard Profiles'!$G$21=$B$24,21,0),0)),0)</f>
        <v>0</v>
      </c>
      <c r="H8180" cm="1">
        <f t="array" ref="H8180">IFERROR(INDEX(Jesper!AL$2:AL$366,ROUNDDOWN($C8180/24,0)+1,1)*INDEX($D$3:$AA$30,INDEX(Jesper!$R$2:$R$366,ROW(INDEX(Jesper!AL$2:AL$366,ROUNDDOWN($C8180/24,0)+1,1))-1)+IF('Standard Profiles'!$G$22=$B$10,7,0)+IF('Standard Profiles'!$G$22=$B$17,14,0)+IF('Standard Profiles'!$G$22=$B$24,21,0),MOD($C8180,24)+1)/SUM(INDEX($D$3:$AA$30,INDEX(Jesper!$R$2:$R$366,ROW(INDEX(Jesper!AL$2:AL$366,ROUNDDOWN($C8180/24,0)+1,1))-1)+IF('Standard Profiles'!$G$22=$B$10,7,0)+IF('Standard Profiles'!$G$22=$B$17,14,0)+IF('Standard Profiles'!$G$22=$B$24,21,0),0)),0)</f>
        <v>0</v>
      </c>
      <c r="I8180">
        <f t="shared" si="909"/>
        <v>0.43574898717887789</v>
      </c>
      <c r="J8180">
        <f t="shared" si="910"/>
        <v>1.4524966239295931</v>
      </c>
      <c r="K8180">
        <f t="shared" si="911"/>
        <v>2.1787449358943896</v>
      </c>
      <c r="L8180">
        <f t="shared" si="912"/>
        <v>10.457975692293068</v>
      </c>
      <c r="M8180">
        <f t="shared" si="913"/>
        <v>0</v>
      </c>
      <c r="N8180" s="46">
        <f t="shared" si="914"/>
        <v>45631.41666664691</v>
      </c>
    </row>
    <row r="8181" spans="2:14" x14ac:dyDescent="0.3">
      <c r="B8181">
        <f t="shared" si="908"/>
        <v>4</v>
      </c>
      <c r="C8181" s="16">
        <v>8147</v>
      </c>
      <c r="D8181" cm="1">
        <f t="array" ref="D8181">IFERROR(INDEX(Jesper!AH$2:AH$366,ROUNDDOWN($C8181/24,0)+1,1)*INDEX($D$3:$AA$30,INDEX(Jesper!$R$2:$R$366,ROW(INDEX(Jesper!AH$2:AH$366,ROUNDDOWN($C8181/24,0)+1,1))-1)+IF('Standard Profiles'!$G$18=$B$10,7,0)+IF('Standard Profiles'!$G$18=$B$17,14,0)+IF('Standard Profiles'!$G$18=$B$24,21,0),MOD($C8181,24)+1)/SUM(INDEX($D$3:$AA$30,INDEX(Jesper!$R$2:$R$366,ROW(INDEX(Jesper!AH$2:AH$366,ROUNDDOWN($C8181/24,0)+1,1))-1)+IF('Standard Profiles'!$G$18=$B$10,7,0)+IF('Standard Profiles'!$G$18=$B$17,14,0)+IF('Standard Profiles'!$G$18=$B$24,21,0),0)),0)</f>
        <v>16.759576429956841</v>
      </c>
      <c r="E8181" cm="1">
        <f t="array" ref="E8181">IFERROR(INDEX(Jesper!AI$2:AI$366,ROUNDDOWN($C8181/24,0)+1,1)*INDEX($D$3:$AA$30,INDEX(Jesper!$R$2:$R$366,ROW(INDEX(Jesper!AI$2:AI$366,ROUNDDOWN($C8181/24,0)+1,1))-1)+IF('Standard Profiles'!$G$19=$B$10,7,0)+IF('Standard Profiles'!$G$19=$B$17,14,0)+IF('Standard Profiles'!$G$19=$B$24,21,0),MOD($C8181,24)+1)/SUM(INDEX($D$3:$AA$30,INDEX(Jesper!$R$2:$R$366,ROW(INDEX(Jesper!AI$2:AI$366,ROUNDDOWN($C8181/24,0)+1,1))-1)+IF('Standard Profiles'!$G$19=$B$10,7,0)+IF('Standard Profiles'!$G$19=$B$17,14,0)+IF('Standard Profiles'!$G$19=$B$24,21,0),0)),0)</f>
        <v>0</v>
      </c>
      <c r="F8181" cm="1">
        <f t="array" ref="F8181">IFERROR(INDEX(Jesper!AJ$2:AJ$366,ROUNDDOWN($C8181/24,0)+1,1)*INDEX($D$3:$AA$30,INDEX(Jesper!$R$2:$R$366,ROW(INDEX(Jesper!AJ$2:AJ$366,ROUNDDOWN($C8181/24,0)+1,1))-1)+IF('Standard Profiles'!$G$20=$B$10,7,0)+IF('Standard Profiles'!$G$20=$B$17,14,0)+IF('Standard Profiles'!$G$20=$B$24,21,0),MOD($C8181,24)+1)/SUM(INDEX($D$3:$AA$30,INDEX(Jesper!$R$2:$R$366,ROW(INDEX(Jesper!AJ$2:AJ$366,ROUNDDOWN($C8181/24,0)+1,1))-1)+IF('Standard Profiles'!$G$20=$B$10,7,0)+IF('Standard Profiles'!$G$20=$B$17,14,0)+IF('Standard Profiles'!$G$20=$B$24,21,0),0)),0)</f>
        <v>0</v>
      </c>
      <c r="G8181" cm="1">
        <f t="array" ref="G8181">IFERROR(INDEX(Jesper!AK$2:AK$366,ROUNDDOWN($C8181/24,0)+1,1)*INDEX($D$3:$AA$30,INDEX(Jesper!$R$2:$R$366,ROW(INDEX(Jesper!AK$2:AK$366,ROUNDDOWN($C8181/24,0)+1,1))-1)+IF('Standard Profiles'!$G$21=$B$10,7,0)+IF('Standard Profiles'!$G$21=$B$17,14,0)+IF('Standard Profiles'!$G$21=$B$24,21,0),MOD($C8181,24)+1)/SUM(INDEX($D$3:$AA$30,INDEX(Jesper!$R$2:$R$366,ROW(INDEX(Jesper!AK$2:AK$366,ROUNDDOWN($C8181/24,0)+1,1))-1)+IF('Standard Profiles'!$G$21=$B$10,7,0)+IF('Standard Profiles'!$G$21=$B$17,14,0)+IF('Standard Profiles'!$G$21=$B$24,21,0),0)),0)</f>
        <v>0</v>
      </c>
      <c r="H8181" cm="1">
        <f t="array" ref="H8181">IFERROR(INDEX(Jesper!AL$2:AL$366,ROUNDDOWN($C8181/24,0)+1,1)*INDEX($D$3:$AA$30,INDEX(Jesper!$R$2:$R$366,ROW(INDEX(Jesper!AL$2:AL$366,ROUNDDOWN($C8181/24,0)+1,1))-1)+IF('Standard Profiles'!$G$22=$B$10,7,0)+IF('Standard Profiles'!$G$22=$B$17,14,0)+IF('Standard Profiles'!$G$22=$B$24,21,0),MOD($C8181,24)+1)/SUM(INDEX($D$3:$AA$30,INDEX(Jesper!$R$2:$R$366,ROW(INDEX(Jesper!AL$2:AL$366,ROUNDDOWN($C8181/24,0)+1,1))-1)+IF('Standard Profiles'!$G$22=$B$10,7,0)+IF('Standard Profiles'!$G$22=$B$17,14,0)+IF('Standard Profiles'!$G$22=$B$24,21,0),0)),0)</f>
        <v>0</v>
      </c>
      <c r="I8181">
        <f t="shared" si="909"/>
        <v>0.50278729289870516</v>
      </c>
      <c r="J8181">
        <f t="shared" si="910"/>
        <v>1.6759576429956842</v>
      </c>
      <c r="K8181">
        <f t="shared" si="911"/>
        <v>2.513936464493526</v>
      </c>
      <c r="L8181">
        <f t="shared" si="912"/>
        <v>12.066895029568926</v>
      </c>
      <c r="M8181">
        <f t="shared" si="913"/>
        <v>0</v>
      </c>
      <c r="N8181" s="46">
        <f t="shared" si="914"/>
        <v>45631.458333313574</v>
      </c>
    </row>
    <row r="8182" spans="2:14" x14ac:dyDescent="0.3">
      <c r="B8182">
        <f t="shared" si="908"/>
        <v>4</v>
      </c>
      <c r="C8182" s="16">
        <v>8148</v>
      </c>
      <c r="D8182" cm="1">
        <f t="array" ref="D8182">IFERROR(INDEX(Jesper!AH$2:AH$366,ROUNDDOWN($C8182/24,0)+1,1)*INDEX($D$3:$AA$30,INDEX(Jesper!$R$2:$R$366,ROW(INDEX(Jesper!AH$2:AH$366,ROUNDDOWN($C8182/24,0)+1,1))-1)+IF('Standard Profiles'!$G$18=$B$10,7,0)+IF('Standard Profiles'!$G$18=$B$17,14,0)+IF('Standard Profiles'!$G$18=$B$24,21,0),MOD($C8182,24)+1)/SUM(INDEX($D$3:$AA$30,INDEX(Jesper!$R$2:$R$366,ROW(INDEX(Jesper!AH$2:AH$366,ROUNDDOWN($C8182/24,0)+1,1))-1)+IF('Standard Profiles'!$G$18=$B$10,7,0)+IF('Standard Profiles'!$G$18=$B$17,14,0)+IF('Standard Profiles'!$G$18=$B$24,21,0),0)),0)</f>
        <v>16.759576429956841</v>
      </c>
      <c r="E8182" cm="1">
        <f t="array" ref="E8182">IFERROR(INDEX(Jesper!AI$2:AI$366,ROUNDDOWN($C8182/24,0)+1,1)*INDEX($D$3:$AA$30,INDEX(Jesper!$R$2:$R$366,ROW(INDEX(Jesper!AI$2:AI$366,ROUNDDOWN($C8182/24,0)+1,1))-1)+IF('Standard Profiles'!$G$19=$B$10,7,0)+IF('Standard Profiles'!$G$19=$B$17,14,0)+IF('Standard Profiles'!$G$19=$B$24,21,0),MOD($C8182,24)+1)/SUM(INDEX($D$3:$AA$30,INDEX(Jesper!$R$2:$R$366,ROW(INDEX(Jesper!AI$2:AI$366,ROUNDDOWN($C8182/24,0)+1,1))-1)+IF('Standard Profiles'!$G$19=$B$10,7,0)+IF('Standard Profiles'!$G$19=$B$17,14,0)+IF('Standard Profiles'!$G$19=$B$24,21,0),0)),0)</f>
        <v>0</v>
      </c>
      <c r="F8182" cm="1">
        <f t="array" ref="F8182">IFERROR(INDEX(Jesper!AJ$2:AJ$366,ROUNDDOWN($C8182/24,0)+1,1)*INDEX($D$3:$AA$30,INDEX(Jesper!$R$2:$R$366,ROW(INDEX(Jesper!AJ$2:AJ$366,ROUNDDOWN($C8182/24,0)+1,1))-1)+IF('Standard Profiles'!$G$20=$B$10,7,0)+IF('Standard Profiles'!$G$20=$B$17,14,0)+IF('Standard Profiles'!$G$20=$B$24,21,0),MOD($C8182,24)+1)/SUM(INDEX($D$3:$AA$30,INDEX(Jesper!$R$2:$R$366,ROW(INDEX(Jesper!AJ$2:AJ$366,ROUNDDOWN($C8182/24,0)+1,1))-1)+IF('Standard Profiles'!$G$20=$B$10,7,0)+IF('Standard Profiles'!$G$20=$B$17,14,0)+IF('Standard Profiles'!$G$20=$B$24,21,0),0)),0)</f>
        <v>0</v>
      </c>
      <c r="G8182" cm="1">
        <f t="array" ref="G8182">IFERROR(INDEX(Jesper!AK$2:AK$366,ROUNDDOWN($C8182/24,0)+1,1)*INDEX($D$3:$AA$30,INDEX(Jesper!$R$2:$R$366,ROW(INDEX(Jesper!AK$2:AK$366,ROUNDDOWN($C8182/24,0)+1,1))-1)+IF('Standard Profiles'!$G$21=$B$10,7,0)+IF('Standard Profiles'!$G$21=$B$17,14,0)+IF('Standard Profiles'!$G$21=$B$24,21,0),MOD($C8182,24)+1)/SUM(INDEX($D$3:$AA$30,INDEX(Jesper!$R$2:$R$366,ROW(INDEX(Jesper!AK$2:AK$366,ROUNDDOWN($C8182/24,0)+1,1))-1)+IF('Standard Profiles'!$G$21=$B$10,7,0)+IF('Standard Profiles'!$G$21=$B$17,14,0)+IF('Standard Profiles'!$G$21=$B$24,21,0),0)),0)</f>
        <v>0</v>
      </c>
      <c r="H8182" cm="1">
        <f t="array" ref="H8182">IFERROR(INDEX(Jesper!AL$2:AL$366,ROUNDDOWN($C8182/24,0)+1,1)*INDEX($D$3:$AA$30,INDEX(Jesper!$R$2:$R$366,ROW(INDEX(Jesper!AL$2:AL$366,ROUNDDOWN($C8182/24,0)+1,1))-1)+IF('Standard Profiles'!$G$22=$B$10,7,0)+IF('Standard Profiles'!$G$22=$B$17,14,0)+IF('Standard Profiles'!$G$22=$B$24,21,0),MOD($C8182,24)+1)/SUM(INDEX($D$3:$AA$30,INDEX(Jesper!$R$2:$R$366,ROW(INDEX(Jesper!AL$2:AL$366,ROUNDDOWN($C8182/24,0)+1,1))-1)+IF('Standard Profiles'!$G$22=$B$10,7,0)+IF('Standard Profiles'!$G$22=$B$17,14,0)+IF('Standard Profiles'!$G$22=$B$24,21,0),0)),0)</f>
        <v>0</v>
      </c>
      <c r="I8182">
        <f t="shared" si="909"/>
        <v>0.50278729289870516</v>
      </c>
      <c r="J8182">
        <f t="shared" si="910"/>
        <v>1.6759576429956842</v>
      </c>
      <c r="K8182">
        <f t="shared" si="911"/>
        <v>2.513936464493526</v>
      </c>
      <c r="L8182">
        <f t="shared" si="912"/>
        <v>12.066895029568926</v>
      </c>
      <c r="M8182">
        <f t="shared" si="913"/>
        <v>0</v>
      </c>
      <c r="N8182" s="46">
        <f t="shared" si="914"/>
        <v>45631.499999980238</v>
      </c>
    </row>
    <row r="8183" spans="2:14" x14ac:dyDescent="0.3">
      <c r="B8183">
        <f t="shared" si="908"/>
        <v>4</v>
      </c>
      <c r="C8183" s="16">
        <v>8149</v>
      </c>
      <c r="D8183" cm="1">
        <f t="array" ref="D8183">IFERROR(INDEX(Jesper!AH$2:AH$366,ROUNDDOWN($C8183/24,0)+1,1)*INDEX($D$3:$AA$30,INDEX(Jesper!$R$2:$R$366,ROW(INDEX(Jesper!AH$2:AH$366,ROUNDDOWN($C8183/24,0)+1,1))-1)+IF('Standard Profiles'!$G$18=$B$10,7,0)+IF('Standard Profiles'!$G$18=$B$17,14,0)+IF('Standard Profiles'!$G$18=$B$24,21,0),MOD($C8183,24)+1)/SUM(INDEX($D$3:$AA$30,INDEX(Jesper!$R$2:$R$366,ROW(INDEX(Jesper!AH$2:AH$366,ROUNDDOWN($C8183/24,0)+1,1))-1)+IF('Standard Profiles'!$G$18=$B$10,7,0)+IF('Standard Profiles'!$G$18=$B$17,14,0)+IF('Standard Profiles'!$G$18=$B$24,21,0),0)),0)</f>
        <v>16.759576429956841</v>
      </c>
      <c r="E8183" cm="1">
        <f t="array" ref="E8183">IFERROR(INDEX(Jesper!AI$2:AI$366,ROUNDDOWN($C8183/24,0)+1,1)*INDEX($D$3:$AA$30,INDEX(Jesper!$R$2:$R$366,ROW(INDEX(Jesper!AI$2:AI$366,ROUNDDOWN($C8183/24,0)+1,1))-1)+IF('Standard Profiles'!$G$19=$B$10,7,0)+IF('Standard Profiles'!$G$19=$B$17,14,0)+IF('Standard Profiles'!$G$19=$B$24,21,0),MOD($C8183,24)+1)/SUM(INDEX($D$3:$AA$30,INDEX(Jesper!$R$2:$R$366,ROW(INDEX(Jesper!AI$2:AI$366,ROUNDDOWN($C8183/24,0)+1,1))-1)+IF('Standard Profiles'!$G$19=$B$10,7,0)+IF('Standard Profiles'!$G$19=$B$17,14,0)+IF('Standard Profiles'!$G$19=$B$24,21,0),0)),0)</f>
        <v>0</v>
      </c>
      <c r="F8183" cm="1">
        <f t="array" ref="F8183">IFERROR(INDEX(Jesper!AJ$2:AJ$366,ROUNDDOWN($C8183/24,0)+1,1)*INDEX($D$3:$AA$30,INDEX(Jesper!$R$2:$R$366,ROW(INDEX(Jesper!AJ$2:AJ$366,ROUNDDOWN($C8183/24,0)+1,1))-1)+IF('Standard Profiles'!$G$20=$B$10,7,0)+IF('Standard Profiles'!$G$20=$B$17,14,0)+IF('Standard Profiles'!$G$20=$B$24,21,0),MOD($C8183,24)+1)/SUM(INDEX($D$3:$AA$30,INDEX(Jesper!$R$2:$R$366,ROW(INDEX(Jesper!AJ$2:AJ$366,ROUNDDOWN($C8183/24,0)+1,1))-1)+IF('Standard Profiles'!$G$20=$B$10,7,0)+IF('Standard Profiles'!$G$20=$B$17,14,0)+IF('Standard Profiles'!$G$20=$B$24,21,0),0)),0)</f>
        <v>0</v>
      </c>
      <c r="G8183" cm="1">
        <f t="array" ref="G8183">IFERROR(INDEX(Jesper!AK$2:AK$366,ROUNDDOWN($C8183/24,0)+1,1)*INDEX($D$3:$AA$30,INDEX(Jesper!$R$2:$R$366,ROW(INDEX(Jesper!AK$2:AK$366,ROUNDDOWN($C8183/24,0)+1,1))-1)+IF('Standard Profiles'!$G$21=$B$10,7,0)+IF('Standard Profiles'!$G$21=$B$17,14,0)+IF('Standard Profiles'!$G$21=$B$24,21,0),MOD($C8183,24)+1)/SUM(INDEX($D$3:$AA$30,INDEX(Jesper!$R$2:$R$366,ROW(INDEX(Jesper!AK$2:AK$366,ROUNDDOWN($C8183/24,0)+1,1))-1)+IF('Standard Profiles'!$G$21=$B$10,7,0)+IF('Standard Profiles'!$G$21=$B$17,14,0)+IF('Standard Profiles'!$G$21=$B$24,21,0),0)),0)</f>
        <v>0</v>
      </c>
      <c r="H8183" cm="1">
        <f t="array" ref="H8183">IFERROR(INDEX(Jesper!AL$2:AL$366,ROUNDDOWN($C8183/24,0)+1,1)*INDEX($D$3:$AA$30,INDEX(Jesper!$R$2:$R$366,ROW(INDEX(Jesper!AL$2:AL$366,ROUNDDOWN($C8183/24,0)+1,1))-1)+IF('Standard Profiles'!$G$22=$B$10,7,0)+IF('Standard Profiles'!$G$22=$B$17,14,0)+IF('Standard Profiles'!$G$22=$B$24,21,0),MOD($C8183,24)+1)/SUM(INDEX($D$3:$AA$30,INDEX(Jesper!$R$2:$R$366,ROW(INDEX(Jesper!AL$2:AL$366,ROUNDDOWN($C8183/24,0)+1,1))-1)+IF('Standard Profiles'!$G$22=$B$10,7,0)+IF('Standard Profiles'!$G$22=$B$17,14,0)+IF('Standard Profiles'!$G$22=$B$24,21,0),0)),0)</f>
        <v>0</v>
      </c>
      <c r="I8183">
        <f t="shared" si="909"/>
        <v>0.50278729289870516</v>
      </c>
      <c r="J8183">
        <f t="shared" si="910"/>
        <v>1.6759576429956842</v>
      </c>
      <c r="K8183">
        <f t="shared" si="911"/>
        <v>2.513936464493526</v>
      </c>
      <c r="L8183">
        <f t="shared" si="912"/>
        <v>12.066895029568926</v>
      </c>
      <c r="M8183">
        <f t="shared" si="913"/>
        <v>0</v>
      </c>
      <c r="N8183" s="46">
        <f t="shared" si="914"/>
        <v>45631.541666646903</v>
      </c>
    </row>
    <row r="8184" spans="2:14" x14ac:dyDescent="0.3">
      <c r="B8184">
        <f t="shared" si="908"/>
        <v>4</v>
      </c>
      <c r="C8184" s="16">
        <v>8150</v>
      </c>
      <c r="D8184" cm="1">
        <f t="array" ref="D8184">IFERROR(INDEX(Jesper!AH$2:AH$366,ROUNDDOWN($C8184/24,0)+1,1)*INDEX($D$3:$AA$30,INDEX(Jesper!$R$2:$R$366,ROW(INDEX(Jesper!AH$2:AH$366,ROUNDDOWN($C8184/24,0)+1,1))-1)+IF('Standard Profiles'!$G$18=$B$10,7,0)+IF('Standard Profiles'!$G$18=$B$17,14,0)+IF('Standard Profiles'!$G$18=$B$24,21,0),MOD($C8184,24)+1)/SUM(INDEX($D$3:$AA$30,INDEX(Jesper!$R$2:$R$366,ROW(INDEX(Jesper!AH$2:AH$366,ROUNDDOWN($C8184/24,0)+1,1))-1)+IF('Standard Profiles'!$G$18=$B$10,7,0)+IF('Standard Profiles'!$G$18=$B$17,14,0)+IF('Standard Profiles'!$G$18=$B$24,21,0),0)),0)</f>
        <v>16.759576429956841</v>
      </c>
      <c r="E8184" cm="1">
        <f t="array" ref="E8184">IFERROR(INDEX(Jesper!AI$2:AI$366,ROUNDDOWN($C8184/24,0)+1,1)*INDEX($D$3:$AA$30,INDEX(Jesper!$R$2:$R$366,ROW(INDEX(Jesper!AI$2:AI$366,ROUNDDOWN($C8184/24,0)+1,1))-1)+IF('Standard Profiles'!$G$19=$B$10,7,0)+IF('Standard Profiles'!$G$19=$B$17,14,0)+IF('Standard Profiles'!$G$19=$B$24,21,0),MOD($C8184,24)+1)/SUM(INDEX($D$3:$AA$30,INDEX(Jesper!$R$2:$R$366,ROW(INDEX(Jesper!AI$2:AI$366,ROUNDDOWN($C8184/24,0)+1,1))-1)+IF('Standard Profiles'!$G$19=$B$10,7,0)+IF('Standard Profiles'!$G$19=$B$17,14,0)+IF('Standard Profiles'!$G$19=$B$24,21,0),0)),0)</f>
        <v>0</v>
      </c>
      <c r="F8184" cm="1">
        <f t="array" ref="F8184">IFERROR(INDEX(Jesper!AJ$2:AJ$366,ROUNDDOWN($C8184/24,0)+1,1)*INDEX($D$3:$AA$30,INDEX(Jesper!$R$2:$R$366,ROW(INDEX(Jesper!AJ$2:AJ$366,ROUNDDOWN($C8184/24,0)+1,1))-1)+IF('Standard Profiles'!$G$20=$B$10,7,0)+IF('Standard Profiles'!$G$20=$B$17,14,0)+IF('Standard Profiles'!$G$20=$B$24,21,0),MOD($C8184,24)+1)/SUM(INDEX($D$3:$AA$30,INDEX(Jesper!$R$2:$R$366,ROW(INDEX(Jesper!AJ$2:AJ$366,ROUNDDOWN($C8184/24,0)+1,1))-1)+IF('Standard Profiles'!$G$20=$B$10,7,0)+IF('Standard Profiles'!$G$20=$B$17,14,0)+IF('Standard Profiles'!$G$20=$B$24,21,0),0)),0)</f>
        <v>0</v>
      </c>
      <c r="G8184" cm="1">
        <f t="array" ref="G8184">IFERROR(INDEX(Jesper!AK$2:AK$366,ROUNDDOWN($C8184/24,0)+1,1)*INDEX($D$3:$AA$30,INDEX(Jesper!$R$2:$R$366,ROW(INDEX(Jesper!AK$2:AK$366,ROUNDDOWN($C8184/24,0)+1,1))-1)+IF('Standard Profiles'!$G$21=$B$10,7,0)+IF('Standard Profiles'!$G$21=$B$17,14,0)+IF('Standard Profiles'!$G$21=$B$24,21,0),MOD($C8184,24)+1)/SUM(INDEX($D$3:$AA$30,INDEX(Jesper!$R$2:$R$366,ROW(INDEX(Jesper!AK$2:AK$366,ROUNDDOWN($C8184/24,0)+1,1))-1)+IF('Standard Profiles'!$G$21=$B$10,7,0)+IF('Standard Profiles'!$G$21=$B$17,14,0)+IF('Standard Profiles'!$G$21=$B$24,21,0),0)),0)</f>
        <v>0</v>
      </c>
      <c r="H8184" cm="1">
        <f t="array" ref="H8184">IFERROR(INDEX(Jesper!AL$2:AL$366,ROUNDDOWN($C8184/24,0)+1,1)*INDEX($D$3:$AA$30,INDEX(Jesper!$R$2:$R$366,ROW(INDEX(Jesper!AL$2:AL$366,ROUNDDOWN($C8184/24,0)+1,1))-1)+IF('Standard Profiles'!$G$22=$B$10,7,0)+IF('Standard Profiles'!$G$22=$B$17,14,0)+IF('Standard Profiles'!$G$22=$B$24,21,0),MOD($C8184,24)+1)/SUM(INDEX($D$3:$AA$30,INDEX(Jesper!$R$2:$R$366,ROW(INDEX(Jesper!AL$2:AL$366,ROUNDDOWN($C8184/24,0)+1,1))-1)+IF('Standard Profiles'!$G$22=$B$10,7,0)+IF('Standard Profiles'!$G$22=$B$17,14,0)+IF('Standard Profiles'!$G$22=$B$24,21,0),0)),0)</f>
        <v>0</v>
      </c>
      <c r="I8184">
        <f t="shared" si="909"/>
        <v>0.50278729289870516</v>
      </c>
      <c r="J8184">
        <f t="shared" si="910"/>
        <v>1.6759576429956842</v>
      </c>
      <c r="K8184">
        <f t="shared" si="911"/>
        <v>2.513936464493526</v>
      </c>
      <c r="L8184">
        <f t="shared" si="912"/>
        <v>12.066895029568926</v>
      </c>
      <c r="M8184">
        <f t="shared" si="913"/>
        <v>0</v>
      </c>
      <c r="N8184" s="46">
        <f t="shared" si="914"/>
        <v>45631.583333313567</v>
      </c>
    </row>
    <row r="8185" spans="2:14" x14ac:dyDescent="0.3">
      <c r="B8185">
        <f t="shared" si="908"/>
        <v>4</v>
      </c>
      <c r="C8185" s="16">
        <v>8151</v>
      </c>
      <c r="D8185" cm="1">
        <f t="array" ref="D8185">IFERROR(INDEX(Jesper!AH$2:AH$366,ROUNDDOWN($C8185/24,0)+1,1)*INDEX($D$3:$AA$30,INDEX(Jesper!$R$2:$R$366,ROW(INDEX(Jesper!AH$2:AH$366,ROUNDDOWN($C8185/24,0)+1,1))-1)+IF('Standard Profiles'!$G$18=$B$10,7,0)+IF('Standard Profiles'!$G$18=$B$17,14,0)+IF('Standard Profiles'!$G$18=$B$24,21,0),MOD($C8185,24)+1)/SUM(INDEX($D$3:$AA$30,INDEX(Jesper!$R$2:$R$366,ROW(INDEX(Jesper!AH$2:AH$366,ROUNDDOWN($C8185/24,0)+1,1))-1)+IF('Standard Profiles'!$G$18=$B$10,7,0)+IF('Standard Profiles'!$G$18=$B$17,14,0)+IF('Standard Profiles'!$G$18=$B$24,21,0),0)),0)</f>
        <v>16.759576429956841</v>
      </c>
      <c r="E8185" cm="1">
        <f t="array" ref="E8185">IFERROR(INDEX(Jesper!AI$2:AI$366,ROUNDDOWN($C8185/24,0)+1,1)*INDEX($D$3:$AA$30,INDEX(Jesper!$R$2:$R$366,ROW(INDEX(Jesper!AI$2:AI$366,ROUNDDOWN($C8185/24,0)+1,1))-1)+IF('Standard Profiles'!$G$19=$B$10,7,0)+IF('Standard Profiles'!$G$19=$B$17,14,0)+IF('Standard Profiles'!$G$19=$B$24,21,0),MOD($C8185,24)+1)/SUM(INDEX($D$3:$AA$30,INDEX(Jesper!$R$2:$R$366,ROW(INDEX(Jesper!AI$2:AI$366,ROUNDDOWN($C8185/24,0)+1,1))-1)+IF('Standard Profiles'!$G$19=$B$10,7,0)+IF('Standard Profiles'!$G$19=$B$17,14,0)+IF('Standard Profiles'!$G$19=$B$24,21,0),0)),0)</f>
        <v>0</v>
      </c>
      <c r="F8185" cm="1">
        <f t="array" ref="F8185">IFERROR(INDEX(Jesper!AJ$2:AJ$366,ROUNDDOWN($C8185/24,0)+1,1)*INDEX($D$3:$AA$30,INDEX(Jesper!$R$2:$R$366,ROW(INDEX(Jesper!AJ$2:AJ$366,ROUNDDOWN($C8185/24,0)+1,1))-1)+IF('Standard Profiles'!$G$20=$B$10,7,0)+IF('Standard Profiles'!$G$20=$B$17,14,0)+IF('Standard Profiles'!$G$20=$B$24,21,0),MOD($C8185,24)+1)/SUM(INDEX($D$3:$AA$30,INDEX(Jesper!$R$2:$R$366,ROW(INDEX(Jesper!AJ$2:AJ$366,ROUNDDOWN($C8185/24,0)+1,1))-1)+IF('Standard Profiles'!$G$20=$B$10,7,0)+IF('Standard Profiles'!$G$20=$B$17,14,0)+IF('Standard Profiles'!$G$20=$B$24,21,0),0)),0)</f>
        <v>0</v>
      </c>
      <c r="G8185" cm="1">
        <f t="array" ref="G8185">IFERROR(INDEX(Jesper!AK$2:AK$366,ROUNDDOWN($C8185/24,0)+1,1)*INDEX($D$3:$AA$30,INDEX(Jesper!$R$2:$R$366,ROW(INDEX(Jesper!AK$2:AK$366,ROUNDDOWN($C8185/24,0)+1,1))-1)+IF('Standard Profiles'!$G$21=$B$10,7,0)+IF('Standard Profiles'!$G$21=$B$17,14,0)+IF('Standard Profiles'!$G$21=$B$24,21,0),MOD($C8185,24)+1)/SUM(INDEX($D$3:$AA$30,INDEX(Jesper!$R$2:$R$366,ROW(INDEX(Jesper!AK$2:AK$366,ROUNDDOWN($C8185/24,0)+1,1))-1)+IF('Standard Profiles'!$G$21=$B$10,7,0)+IF('Standard Profiles'!$G$21=$B$17,14,0)+IF('Standard Profiles'!$G$21=$B$24,21,0),0)),0)</f>
        <v>0</v>
      </c>
      <c r="H8185" cm="1">
        <f t="array" ref="H8185">IFERROR(INDEX(Jesper!AL$2:AL$366,ROUNDDOWN($C8185/24,0)+1,1)*INDEX($D$3:$AA$30,INDEX(Jesper!$R$2:$R$366,ROW(INDEX(Jesper!AL$2:AL$366,ROUNDDOWN($C8185/24,0)+1,1))-1)+IF('Standard Profiles'!$G$22=$B$10,7,0)+IF('Standard Profiles'!$G$22=$B$17,14,0)+IF('Standard Profiles'!$G$22=$B$24,21,0),MOD($C8185,24)+1)/SUM(INDEX($D$3:$AA$30,INDEX(Jesper!$R$2:$R$366,ROW(INDEX(Jesper!AL$2:AL$366,ROUNDDOWN($C8185/24,0)+1,1))-1)+IF('Standard Profiles'!$G$22=$B$10,7,0)+IF('Standard Profiles'!$G$22=$B$17,14,0)+IF('Standard Profiles'!$G$22=$B$24,21,0),0)),0)</f>
        <v>0</v>
      </c>
      <c r="I8185">
        <f t="shared" si="909"/>
        <v>0.50278729289870516</v>
      </c>
      <c r="J8185">
        <f t="shared" si="910"/>
        <v>1.6759576429956842</v>
      </c>
      <c r="K8185">
        <f t="shared" si="911"/>
        <v>2.513936464493526</v>
      </c>
      <c r="L8185">
        <f t="shared" si="912"/>
        <v>12.066895029568926</v>
      </c>
      <c r="M8185">
        <f t="shared" si="913"/>
        <v>0</v>
      </c>
      <c r="N8185" s="46">
        <f t="shared" si="914"/>
        <v>45631.624999980231</v>
      </c>
    </row>
    <row r="8186" spans="2:14" x14ac:dyDescent="0.3">
      <c r="B8186">
        <f t="shared" si="908"/>
        <v>4</v>
      </c>
      <c r="C8186" s="16">
        <v>8152</v>
      </c>
      <c r="D8186" cm="1">
        <f t="array" ref="D8186">IFERROR(INDEX(Jesper!AH$2:AH$366,ROUNDDOWN($C8186/24,0)+1,1)*INDEX($D$3:$AA$30,INDEX(Jesper!$R$2:$R$366,ROW(INDEX(Jesper!AH$2:AH$366,ROUNDDOWN($C8186/24,0)+1,1))-1)+IF('Standard Profiles'!$G$18=$B$10,7,0)+IF('Standard Profiles'!$G$18=$B$17,14,0)+IF('Standard Profiles'!$G$18=$B$24,21,0),MOD($C8186,24)+1)/SUM(INDEX($D$3:$AA$30,INDEX(Jesper!$R$2:$R$366,ROW(INDEX(Jesper!AH$2:AH$366,ROUNDDOWN($C8186/24,0)+1,1))-1)+IF('Standard Profiles'!$G$18=$B$10,7,0)+IF('Standard Profiles'!$G$18=$B$17,14,0)+IF('Standard Profiles'!$G$18=$B$24,21,0),0)),0)</f>
        <v>16.759576429956841</v>
      </c>
      <c r="E8186" cm="1">
        <f t="array" ref="E8186">IFERROR(INDEX(Jesper!AI$2:AI$366,ROUNDDOWN($C8186/24,0)+1,1)*INDEX($D$3:$AA$30,INDEX(Jesper!$R$2:$R$366,ROW(INDEX(Jesper!AI$2:AI$366,ROUNDDOWN($C8186/24,0)+1,1))-1)+IF('Standard Profiles'!$G$19=$B$10,7,0)+IF('Standard Profiles'!$G$19=$B$17,14,0)+IF('Standard Profiles'!$G$19=$B$24,21,0),MOD($C8186,24)+1)/SUM(INDEX($D$3:$AA$30,INDEX(Jesper!$R$2:$R$366,ROW(INDEX(Jesper!AI$2:AI$366,ROUNDDOWN($C8186/24,0)+1,1))-1)+IF('Standard Profiles'!$G$19=$B$10,7,0)+IF('Standard Profiles'!$G$19=$B$17,14,0)+IF('Standard Profiles'!$G$19=$B$24,21,0),0)),0)</f>
        <v>0</v>
      </c>
      <c r="F8186" cm="1">
        <f t="array" ref="F8186">IFERROR(INDEX(Jesper!AJ$2:AJ$366,ROUNDDOWN($C8186/24,0)+1,1)*INDEX($D$3:$AA$30,INDEX(Jesper!$R$2:$R$366,ROW(INDEX(Jesper!AJ$2:AJ$366,ROUNDDOWN($C8186/24,0)+1,1))-1)+IF('Standard Profiles'!$G$20=$B$10,7,0)+IF('Standard Profiles'!$G$20=$B$17,14,0)+IF('Standard Profiles'!$G$20=$B$24,21,0),MOD($C8186,24)+1)/SUM(INDEX($D$3:$AA$30,INDEX(Jesper!$R$2:$R$366,ROW(INDEX(Jesper!AJ$2:AJ$366,ROUNDDOWN($C8186/24,0)+1,1))-1)+IF('Standard Profiles'!$G$20=$B$10,7,0)+IF('Standard Profiles'!$G$20=$B$17,14,0)+IF('Standard Profiles'!$G$20=$B$24,21,0),0)),0)</f>
        <v>0</v>
      </c>
      <c r="G8186" cm="1">
        <f t="array" ref="G8186">IFERROR(INDEX(Jesper!AK$2:AK$366,ROUNDDOWN($C8186/24,0)+1,1)*INDEX($D$3:$AA$30,INDEX(Jesper!$R$2:$R$366,ROW(INDEX(Jesper!AK$2:AK$366,ROUNDDOWN($C8186/24,0)+1,1))-1)+IF('Standard Profiles'!$G$21=$B$10,7,0)+IF('Standard Profiles'!$G$21=$B$17,14,0)+IF('Standard Profiles'!$G$21=$B$24,21,0),MOD($C8186,24)+1)/SUM(INDEX($D$3:$AA$30,INDEX(Jesper!$R$2:$R$366,ROW(INDEX(Jesper!AK$2:AK$366,ROUNDDOWN($C8186/24,0)+1,1))-1)+IF('Standard Profiles'!$G$21=$B$10,7,0)+IF('Standard Profiles'!$G$21=$B$17,14,0)+IF('Standard Profiles'!$G$21=$B$24,21,0),0)),0)</f>
        <v>0</v>
      </c>
      <c r="H8186" cm="1">
        <f t="array" ref="H8186">IFERROR(INDEX(Jesper!AL$2:AL$366,ROUNDDOWN($C8186/24,0)+1,1)*INDEX($D$3:$AA$30,INDEX(Jesper!$R$2:$R$366,ROW(INDEX(Jesper!AL$2:AL$366,ROUNDDOWN($C8186/24,0)+1,1))-1)+IF('Standard Profiles'!$G$22=$B$10,7,0)+IF('Standard Profiles'!$G$22=$B$17,14,0)+IF('Standard Profiles'!$G$22=$B$24,21,0),MOD($C8186,24)+1)/SUM(INDEX($D$3:$AA$30,INDEX(Jesper!$R$2:$R$366,ROW(INDEX(Jesper!AL$2:AL$366,ROUNDDOWN($C8186/24,0)+1,1))-1)+IF('Standard Profiles'!$G$22=$B$10,7,0)+IF('Standard Profiles'!$G$22=$B$17,14,0)+IF('Standard Profiles'!$G$22=$B$24,21,0),0)),0)</f>
        <v>0</v>
      </c>
      <c r="I8186">
        <f t="shared" si="909"/>
        <v>0.50278729289870516</v>
      </c>
      <c r="J8186">
        <f t="shared" si="910"/>
        <v>1.6759576429956842</v>
      </c>
      <c r="K8186">
        <f t="shared" si="911"/>
        <v>2.513936464493526</v>
      </c>
      <c r="L8186">
        <f t="shared" si="912"/>
        <v>12.066895029568926</v>
      </c>
      <c r="M8186">
        <f t="shared" si="913"/>
        <v>0</v>
      </c>
      <c r="N8186" s="46">
        <f t="shared" si="914"/>
        <v>45631.666666646895</v>
      </c>
    </row>
    <row r="8187" spans="2:14" x14ac:dyDescent="0.3">
      <c r="B8187">
        <f t="shared" si="908"/>
        <v>4</v>
      </c>
      <c r="C8187" s="16">
        <v>8153</v>
      </c>
      <c r="D8187" cm="1">
        <f t="array" ref="D8187">IFERROR(INDEX(Jesper!AH$2:AH$366,ROUNDDOWN($C8187/24,0)+1,1)*INDEX($D$3:$AA$30,INDEX(Jesper!$R$2:$R$366,ROW(INDEX(Jesper!AH$2:AH$366,ROUNDDOWN($C8187/24,0)+1,1))-1)+IF('Standard Profiles'!$G$18=$B$10,7,0)+IF('Standard Profiles'!$G$18=$B$17,14,0)+IF('Standard Profiles'!$G$18=$B$24,21,0),MOD($C8187,24)+1)/SUM(INDEX($D$3:$AA$30,INDEX(Jesper!$R$2:$R$366,ROW(INDEX(Jesper!AH$2:AH$366,ROUNDDOWN($C8187/24,0)+1,1))-1)+IF('Standard Profiles'!$G$18=$B$10,7,0)+IF('Standard Profiles'!$G$18=$B$17,14,0)+IF('Standard Profiles'!$G$18=$B$24,21,0),0)),0)</f>
        <v>16.759576429956841</v>
      </c>
      <c r="E8187" cm="1">
        <f t="array" ref="E8187">IFERROR(INDEX(Jesper!AI$2:AI$366,ROUNDDOWN($C8187/24,0)+1,1)*INDEX($D$3:$AA$30,INDEX(Jesper!$R$2:$R$366,ROW(INDEX(Jesper!AI$2:AI$366,ROUNDDOWN($C8187/24,0)+1,1))-1)+IF('Standard Profiles'!$G$19=$B$10,7,0)+IF('Standard Profiles'!$G$19=$B$17,14,0)+IF('Standard Profiles'!$G$19=$B$24,21,0),MOD($C8187,24)+1)/SUM(INDEX($D$3:$AA$30,INDEX(Jesper!$R$2:$R$366,ROW(INDEX(Jesper!AI$2:AI$366,ROUNDDOWN($C8187/24,0)+1,1))-1)+IF('Standard Profiles'!$G$19=$B$10,7,0)+IF('Standard Profiles'!$G$19=$B$17,14,0)+IF('Standard Profiles'!$G$19=$B$24,21,0),0)),0)</f>
        <v>0</v>
      </c>
      <c r="F8187" cm="1">
        <f t="array" ref="F8187">IFERROR(INDEX(Jesper!AJ$2:AJ$366,ROUNDDOWN($C8187/24,0)+1,1)*INDEX($D$3:$AA$30,INDEX(Jesper!$R$2:$R$366,ROW(INDEX(Jesper!AJ$2:AJ$366,ROUNDDOWN($C8187/24,0)+1,1))-1)+IF('Standard Profiles'!$G$20=$B$10,7,0)+IF('Standard Profiles'!$G$20=$B$17,14,0)+IF('Standard Profiles'!$G$20=$B$24,21,0),MOD($C8187,24)+1)/SUM(INDEX($D$3:$AA$30,INDEX(Jesper!$R$2:$R$366,ROW(INDEX(Jesper!AJ$2:AJ$366,ROUNDDOWN($C8187/24,0)+1,1))-1)+IF('Standard Profiles'!$G$20=$B$10,7,0)+IF('Standard Profiles'!$G$20=$B$17,14,0)+IF('Standard Profiles'!$G$20=$B$24,21,0),0)),0)</f>
        <v>0</v>
      </c>
      <c r="G8187" cm="1">
        <f t="array" ref="G8187">IFERROR(INDEX(Jesper!AK$2:AK$366,ROUNDDOWN($C8187/24,0)+1,1)*INDEX($D$3:$AA$30,INDEX(Jesper!$R$2:$R$366,ROW(INDEX(Jesper!AK$2:AK$366,ROUNDDOWN($C8187/24,0)+1,1))-1)+IF('Standard Profiles'!$G$21=$B$10,7,0)+IF('Standard Profiles'!$G$21=$B$17,14,0)+IF('Standard Profiles'!$G$21=$B$24,21,0),MOD($C8187,24)+1)/SUM(INDEX($D$3:$AA$30,INDEX(Jesper!$R$2:$R$366,ROW(INDEX(Jesper!AK$2:AK$366,ROUNDDOWN($C8187/24,0)+1,1))-1)+IF('Standard Profiles'!$G$21=$B$10,7,0)+IF('Standard Profiles'!$G$21=$B$17,14,0)+IF('Standard Profiles'!$G$21=$B$24,21,0),0)),0)</f>
        <v>0</v>
      </c>
      <c r="H8187" cm="1">
        <f t="array" ref="H8187">IFERROR(INDEX(Jesper!AL$2:AL$366,ROUNDDOWN($C8187/24,0)+1,1)*INDEX($D$3:$AA$30,INDEX(Jesper!$R$2:$R$366,ROW(INDEX(Jesper!AL$2:AL$366,ROUNDDOWN($C8187/24,0)+1,1))-1)+IF('Standard Profiles'!$G$22=$B$10,7,0)+IF('Standard Profiles'!$G$22=$B$17,14,0)+IF('Standard Profiles'!$G$22=$B$24,21,0),MOD($C8187,24)+1)/SUM(INDEX($D$3:$AA$30,INDEX(Jesper!$R$2:$R$366,ROW(INDEX(Jesper!AL$2:AL$366,ROUNDDOWN($C8187/24,0)+1,1))-1)+IF('Standard Profiles'!$G$22=$B$10,7,0)+IF('Standard Profiles'!$G$22=$B$17,14,0)+IF('Standard Profiles'!$G$22=$B$24,21,0),0)),0)</f>
        <v>0</v>
      </c>
      <c r="I8187">
        <f t="shared" si="909"/>
        <v>0.50278729289870516</v>
      </c>
      <c r="J8187">
        <f t="shared" si="910"/>
        <v>1.6759576429956842</v>
      </c>
      <c r="K8187">
        <f t="shared" si="911"/>
        <v>2.513936464493526</v>
      </c>
      <c r="L8187">
        <f t="shared" si="912"/>
        <v>12.066895029568926</v>
      </c>
      <c r="M8187">
        <f t="shared" si="913"/>
        <v>0</v>
      </c>
      <c r="N8187" s="46">
        <f t="shared" si="914"/>
        <v>45631.70833331356</v>
      </c>
    </row>
    <row r="8188" spans="2:14" x14ac:dyDescent="0.3">
      <c r="B8188">
        <f t="shared" si="908"/>
        <v>4</v>
      </c>
      <c r="C8188" s="16">
        <v>8154</v>
      </c>
      <c r="D8188" cm="1">
        <f t="array" ref="D8188">IFERROR(INDEX(Jesper!AH$2:AH$366,ROUNDDOWN($C8188/24,0)+1,1)*INDEX($D$3:$AA$30,INDEX(Jesper!$R$2:$R$366,ROW(INDEX(Jesper!AH$2:AH$366,ROUNDDOWN($C8188/24,0)+1,1))-1)+IF('Standard Profiles'!$G$18=$B$10,7,0)+IF('Standard Profiles'!$G$18=$B$17,14,0)+IF('Standard Profiles'!$G$18=$B$24,21,0),MOD($C8188,24)+1)/SUM(INDEX($D$3:$AA$30,INDEX(Jesper!$R$2:$R$366,ROW(INDEX(Jesper!AH$2:AH$366,ROUNDDOWN($C8188/24,0)+1,1))-1)+IF('Standard Profiles'!$G$18=$B$10,7,0)+IF('Standard Profiles'!$G$18=$B$17,14,0)+IF('Standard Profiles'!$G$18=$B$24,21,0),0)),0)</f>
        <v>16.759576429956841</v>
      </c>
      <c r="E8188" cm="1">
        <f t="array" ref="E8188">IFERROR(INDEX(Jesper!AI$2:AI$366,ROUNDDOWN($C8188/24,0)+1,1)*INDEX($D$3:$AA$30,INDEX(Jesper!$R$2:$R$366,ROW(INDEX(Jesper!AI$2:AI$366,ROUNDDOWN($C8188/24,0)+1,1))-1)+IF('Standard Profiles'!$G$19=$B$10,7,0)+IF('Standard Profiles'!$G$19=$B$17,14,0)+IF('Standard Profiles'!$G$19=$B$24,21,0),MOD($C8188,24)+1)/SUM(INDEX($D$3:$AA$30,INDEX(Jesper!$R$2:$R$366,ROW(INDEX(Jesper!AI$2:AI$366,ROUNDDOWN($C8188/24,0)+1,1))-1)+IF('Standard Profiles'!$G$19=$B$10,7,0)+IF('Standard Profiles'!$G$19=$B$17,14,0)+IF('Standard Profiles'!$G$19=$B$24,21,0),0)),0)</f>
        <v>0</v>
      </c>
      <c r="F8188" cm="1">
        <f t="array" ref="F8188">IFERROR(INDEX(Jesper!AJ$2:AJ$366,ROUNDDOWN($C8188/24,0)+1,1)*INDEX($D$3:$AA$30,INDEX(Jesper!$R$2:$R$366,ROW(INDEX(Jesper!AJ$2:AJ$366,ROUNDDOWN($C8188/24,0)+1,1))-1)+IF('Standard Profiles'!$G$20=$B$10,7,0)+IF('Standard Profiles'!$G$20=$B$17,14,0)+IF('Standard Profiles'!$G$20=$B$24,21,0),MOD($C8188,24)+1)/SUM(INDEX($D$3:$AA$30,INDEX(Jesper!$R$2:$R$366,ROW(INDEX(Jesper!AJ$2:AJ$366,ROUNDDOWN($C8188/24,0)+1,1))-1)+IF('Standard Profiles'!$G$20=$B$10,7,0)+IF('Standard Profiles'!$G$20=$B$17,14,0)+IF('Standard Profiles'!$G$20=$B$24,21,0),0)),0)</f>
        <v>0</v>
      </c>
      <c r="G8188" cm="1">
        <f t="array" ref="G8188">IFERROR(INDEX(Jesper!AK$2:AK$366,ROUNDDOWN($C8188/24,0)+1,1)*INDEX($D$3:$AA$30,INDEX(Jesper!$R$2:$R$366,ROW(INDEX(Jesper!AK$2:AK$366,ROUNDDOWN($C8188/24,0)+1,1))-1)+IF('Standard Profiles'!$G$21=$B$10,7,0)+IF('Standard Profiles'!$G$21=$B$17,14,0)+IF('Standard Profiles'!$G$21=$B$24,21,0),MOD($C8188,24)+1)/SUM(INDEX($D$3:$AA$30,INDEX(Jesper!$R$2:$R$366,ROW(INDEX(Jesper!AK$2:AK$366,ROUNDDOWN($C8188/24,0)+1,1))-1)+IF('Standard Profiles'!$G$21=$B$10,7,0)+IF('Standard Profiles'!$G$21=$B$17,14,0)+IF('Standard Profiles'!$G$21=$B$24,21,0),0)),0)</f>
        <v>0</v>
      </c>
      <c r="H8188" cm="1">
        <f t="array" ref="H8188">IFERROR(INDEX(Jesper!AL$2:AL$366,ROUNDDOWN($C8188/24,0)+1,1)*INDEX($D$3:$AA$30,INDEX(Jesper!$R$2:$R$366,ROW(INDEX(Jesper!AL$2:AL$366,ROUNDDOWN($C8188/24,0)+1,1))-1)+IF('Standard Profiles'!$G$22=$B$10,7,0)+IF('Standard Profiles'!$G$22=$B$17,14,0)+IF('Standard Profiles'!$G$22=$B$24,21,0),MOD($C8188,24)+1)/SUM(INDEX($D$3:$AA$30,INDEX(Jesper!$R$2:$R$366,ROW(INDEX(Jesper!AL$2:AL$366,ROUNDDOWN($C8188/24,0)+1,1))-1)+IF('Standard Profiles'!$G$22=$B$10,7,0)+IF('Standard Profiles'!$G$22=$B$17,14,0)+IF('Standard Profiles'!$G$22=$B$24,21,0),0)),0)</f>
        <v>0</v>
      </c>
      <c r="I8188">
        <f t="shared" si="909"/>
        <v>0.50278729289870516</v>
      </c>
      <c r="J8188">
        <f t="shared" si="910"/>
        <v>1.6759576429956842</v>
      </c>
      <c r="K8188">
        <f t="shared" si="911"/>
        <v>2.513936464493526</v>
      </c>
      <c r="L8188">
        <f t="shared" si="912"/>
        <v>12.066895029568926</v>
      </c>
      <c r="M8188">
        <f t="shared" si="913"/>
        <v>0</v>
      </c>
      <c r="N8188" s="46">
        <f t="shared" si="914"/>
        <v>45631.749999980224</v>
      </c>
    </row>
    <row r="8189" spans="2:14" x14ac:dyDescent="0.3">
      <c r="B8189">
        <f t="shared" si="908"/>
        <v>4</v>
      </c>
      <c r="C8189" s="16">
        <v>8155</v>
      </c>
      <c r="D8189" cm="1">
        <f t="array" ref="D8189">IFERROR(INDEX(Jesper!AH$2:AH$366,ROUNDDOWN($C8189/24,0)+1,1)*INDEX($D$3:$AA$30,INDEX(Jesper!$R$2:$R$366,ROW(INDEX(Jesper!AH$2:AH$366,ROUNDDOWN($C8189/24,0)+1,1))-1)+IF('Standard Profiles'!$G$18=$B$10,7,0)+IF('Standard Profiles'!$G$18=$B$17,14,0)+IF('Standard Profiles'!$G$18=$B$24,21,0),MOD($C8189,24)+1)/SUM(INDEX($D$3:$AA$30,INDEX(Jesper!$R$2:$R$366,ROW(INDEX(Jesper!AH$2:AH$366,ROUNDDOWN($C8189/24,0)+1,1))-1)+IF('Standard Profiles'!$G$18=$B$10,7,0)+IF('Standard Profiles'!$G$18=$B$17,14,0)+IF('Standard Profiles'!$G$18=$B$24,21,0),0)),0)</f>
        <v>13.966313691630701</v>
      </c>
      <c r="E8189" cm="1">
        <f t="array" ref="E8189">IFERROR(INDEX(Jesper!AI$2:AI$366,ROUNDDOWN($C8189/24,0)+1,1)*INDEX($D$3:$AA$30,INDEX(Jesper!$R$2:$R$366,ROW(INDEX(Jesper!AI$2:AI$366,ROUNDDOWN($C8189/24,0)+1,1))-1)+IF('Standard Profiles'!$G$19=$B$10,7,0)+IF('Standard Profiles'!$G$19=$B$17,14,0)+IF('Standard Profiles'!$G$19=$B$24,21,0),MOD($C8189,24)+1)/SUM(INDEX($D$3:$AA$30,INDEX(Jesper!$R$2:$R$366,ROW(INDEX(Jesper!AI$2:AI$366,ROUNDDOWN($C8189/24,0)+1,1))-1)+IF('Standard Profiles'!$G$19=$B$10,7,0)+IF('Standard Profiles'!$G$19=$B$17,14,0)+IF('Standard Profiles'!$G$19=$B$24,21,0),0)),0)</f>
        <v>0</v>
      </c>
      <c r="F8189" cm="1">
        <f t="array" ref="F8189">IFERROR(INDEX(Jesper!AJ$2:AJ$366,ROUNDDOWN($C8189/24,0)+1,1)*INDEX($D$3:$AA$30,INDEX(Jesper!$R$2:$R$366,ROW(INDEX(Jesper!AJ$2:AJ$366,ROUNDDOWN($C8189/24,0)+1,1))-1)+IF('Standard Profiles'!$G$20=$B$10,7,0)+IF('Standard Profiles'!$G$20=$B$17,14,0)+IF('Standard Profiles'!$G$20=$B$24,21,0),MOD($C8189,24)+1)/SUM(INDEX($D$3:$AA$30,INDEX(Jesper!$R$2:$R$366,ROW(INDEX(Jesper!AJ$2:AJ$366,ROUNDDOWN($C8189/24,0)+1,1))-1)+IF('Standard Profiles'!$G$20=$B$10,7,0)+IF('Standard Profiles'!$G$20=$B$17,14,0)+IF('Standard Profiles'!$G$20=$B$24,21,0),0)),0)</f>
        <v>0</v>
      </c>
      <c r="G8189" cm="1">
        <f t="array" ref="G8189">IFERROR(INDEX(Jesper!AK$2:AK$366,ROUNDDOWN($C8189/24,0)+1,1)*INDEX($D$3:$AA$30,INDEX(Jesper!$R$2:$R$366,ROW(INDEX(Jesper!AK$2:AK$366,ROUNDDOWN($C8189/24,0)+1,1))-1)+IF('Standard Profiles'!$G$21=$B$10,7,0)+IF('Standard Profiles'!$G$21=$B$17,14,0)+IF('Standard Profiles'!$G$21=$B$24,21,0),MOD($C8189,24)+1)/SUM(INDEX($D$3:$AA$30,INDEX(Jesper!$R$2:$R$366,ROW(INDEX(Jesper!AK$2:AK$366,ROUNDDOWN($C8189/24,0)+1,1))-1)+IF('Standard Profiles'!$G$21=$B$10,7,0)+IF('Standard Profiles'!$G$21=$B$17,14,0)+IF('Standard Profiles'!$G$21=$B$24,21,0),0)),0)</f>
        <v>0</v>
      </c>
      <c r="H8189" cm="1">
        <f t="array" ref="H8189">IFERROR(INDEX(Jesper!AL$2:AL$366,ROUNDDOWN($C8189/24,0)+1,1)*INDEX($D$3:$AA$30,INDEX(Jesper!$R$2:$R$366,ROW(INDEX(Jesper!AL$2:AL$366,ROUNDDOWN($C8189/24,0)+1,1))-1)+IF('Standard Profiles'!$G$22=$B$10,7,0)+IF('Standard Profiles'!$G$22=$B$17,14,0)+IF('Standard Profiles'!$G$22=$B$24,21,0),MOD($C8189,24)+1)/SUM(INDEX($D$3:$AA$30,INDEX(Jesper!$R$2:$R$366,ROW(INDEX(Jesper!AL$2:AL$366,ROUNDDOWN($C8189/24,0)+1,1))-1)+IF('Standard Profiles'!$G$22=$B$10,7,0)+IF('Standard Profiles'!$G$22=$B$17,14,0)+IF('Standard Profiles'!$G$22=$B$24,21,0),0)),0)</f>
        <v>0</v>
      </c>
      <c r="I8189">
        <f t="shared" si="909"/>
        <v>0.41898941074892099</v>
      </c>
      <c r="J8189">
        <f t="shared" si="910"/>
        <v>1.3966313691630701</v>
      </c>
      <c r="K8189">
        <f t="shared" si="911"/>
        <v>2.0949470537446051</v>
      </c>
      <c r="L8189">
        <f t="shared" si="912"/>
        <v>10.055745857974104</v>
      </c>
      <c r="M8189">
        <f t="shared" si="913"/>
        <v>0</v>
      </c>
      <c r="N8189" s="46">
        <f t="shared" si="914"/>
        <v>45631.791666646888</v>
      </c>
    </row>
    <row r="8190" spans="2:14" x14ac:dyDescent="0.3">
      <c r="B8190">
        <f t="shared" si="908"/>
        <v>4</v>
      </c>
      <c r="C8190" s="16">
        <v>8156</v>
      </c>
      <c r="D8190" cm="1">
        <f t="array" ref="D8190">IFERROR(INDEX(Jesper!AH$2:AH$366,ROUNDDOWN($C8190/24,0)+1,1)*INDEX($D$3:$AA$30,INDEX(Jesper!$R$2:$R$366,ROW(INDEX(Jesper!AH$2:AH$366,ROUNDDOWN($C8190/24,0)+1,1))-1)+IF('Standard Profiles'!$G$18=$B$10,7,0)+IF('Standard Profiles'!$G$18=$B$17,14,0)+IF('Standard Profiles'!$G$18=$B$24,21,0),MOD($C8190,24)+1)/SUM(INDEX($D$3:$AA$30,INDEX(Jesper!$R$2:$R$366,ROW(INDEX(Jesper!AH$2:AH$366,ROUNDDOWN($C8190/24,0)+1,1))-1)+IF('Standard Profiles'!$G$18=$B$10,7,0)+IF('Standard Profiles'!$G$18=$B$17,14,0)+IF('Standard Profiles'!$G$18=$B$24,21,0),0)),0)</f>
        <v>11.173050953304562</v>
      </c>
      <c r="E8190" cm="1">
        <f t="array" ref="E8190">IFERROR(INDEX(Jesper!AI$2:AI$366,ROUNDDOWN($C8190/24,0)+1,1)*INDEX($D$3:$AA$30,INDEX(Jesper!$R$2:$R$366,ROW(INDEX(Jesper!AI$2:AI$366,ROUNDDOWN($C8190/24,0)+1,1))-1)+IF('Standard Profiles'!$G$19=$B$10,7,0)+IF('Standard Profiles'!$G$19=$B$17,14,0)+IF('Standard Profiles'!$G$19=$B$24,21,0),MOD($C8190,24)+1)/SUM(INDEX($D$3:$AA$30,INDEX(Jesper!$R$2:$R$366,ROW(INDEX(Jesper!AI$2:AI$366,ROUNDDOWN($C8190/24,0)+1,1))-1)+IF('Standard Profiles'!$G$19=$B$10,7,0)+IF('Standard Profiles'!$G$19=$B$17,14,0)+IF('Standard Profiles'!$G$19=$B$24,21,0),0)),0)</f>
        <v>0</v>
      </c>
      <c r="F8190" cm="1">
        <f t="array" ref="F8190">IFERROR(INDEX(Jesper!AJ$2:AJ$366,ROUNDDOWN($C8190/24,0)+1,1)*INDEX($D$3:$AA$30,INDEX(Jesper!$R$2:$R$366,ROW(INDEX(Jesper!AJ$2:AJ$366,ROUNDDOWN($C8190/24,0)+1,1))-1)+IF('Standard Profiles'!$G$20=$B$10,7,0)+IF('Standard Profiles'!$G$20=$B$17,14,0)+IF('Standard Profiles'!$G$20=$B$24,21,0),MOD($C8190,24)+1)/SUM(INDEX($D$3:$AA$30,INDEX(Jesper!$R$2:$R$366,ROW(INDEX(Jesper!AJ$2:AJ$366,ROUNDDOWN($C8190/24,0)+1,1))-1)+IF('Standard Profiles'!$G$20=$B$10,7,0)+IF('Standard Profiles'!$G$20=$B$17,14,0)+IF('Standard Profiles'!$G$20=$B$24,21,0),0)),0)</f>
        <v>0</v>
      </c>
      <c r="G8190" cm="1">
        <f t="array" ref="G8190">IFERROR(INDEX(Jesper!AK$2:AK$366,ROUNDDOWN($C8190/24,0)+1,1)*INDEX($D$3:$AA$30,INDEX(Jesper!$R$2:$R$366,ROW(INDEX(Jesper!AK$2:AK$366,ROUNDDOWN($C8190/24,0)+1,1))-1)+IF('Standard Profiles'!$G$21=$B$10,7,0)+IF('Standard Profiles'!$G$21=$B$17,14,0)+IF('Standard Profiles'!$G$21=$B$24,21,0),MOD($C8190,24)+1)/SUM(INDEX($D$3:$AA$30,INDEX(Jesper!$R$2:$R$366,ROW(INDEX(Jesper!AK$2:AK$366,ROUNDDOWN($C8190/24,0)+1,1))-1)+IF('Standard Profiles'!$G$21=$B$10,7,0)+IF('Standard Profiles'!$G$21=$B$17,14,0)+IF('Standard Profiles'!$G$21=$B$24,21,0),0)),0)</f>
        <v>0</v>
      </c>
      <c r="H8190" cm="1">
        <f t="array" ref="H8190">IFERROR(INDEX(Jesper!AL$2:AL$366,ROUNDDOWN($C8190/24,0)+1,1)*INDEX($D$3:$AA$30,INDEX(Jesper!$R$2:$R$366,ROW(INDEX(Jesper!AL$2:AL$366,ROUNDDOWN($C8190/24,0)+1,1))-1)+IF('Standard Profiles'!$G$22=$B$10,7,0)+IF('Standard Profiles'!$G$22=$B$17,14,0)+IF('Standard Profiles'!$G$22=$B$24,21,0),MOD($C8190,24)+1)/SUM(INDEX($D$3:$AA$30,INDEX(Jesper!$R$2:$R$366,ROW(INDEX(Jesper!AL$2:AL$366,ROUNDDOWN($C8190/24,0)+1,1))-1)+IF('Standard Profiles'!$G$22=$B$10,7,0)+IF('Standard Profiles'!$G$22=$B$17,14,0)+IF('Standard Profiles'!$G$22=$B$24,21,0),0)),0)</f>
        <v>0</v>
      </c>
      <c r="I8190">
        <f t="shared" si="909"/>
        <v>0.33519152859913687</v>
      </c>
      <c r="J8190">
        <f t="shared" si="910"/>
        <v>1.1173050953304562</v>
      </c>
      <c r="K8190">
        <f t="shared" si="911"/>
        <v>1.6759576429956844</v>
      </c>
      <c r="L8190">
        <f t="shared" si="912"/>
        <v>8.0445966863792844</v>
      </c>
      <c r="M8190">
        <f t="shared" si="913"/>
        <v>0</v>
      </c>
      <c r="N8190" s="46">
        <f t="shared" si="914"/>
        <v>45631.833333313552</v>
      </c>
    </row>
    <row r="8191" spans="2:14" x14ac:dyDescent="0.3">
      <c r="B8191">
        <f t="shared" si="908"/>
        <v>4</v>
      </c>
      <c r="C8191" s="16">
        <v>8157</v>
      </c>
      <c r="D8191" cm="1">
        <f t="array" ref="D8191">IFERROR(INDEX(Jesper!AH$2:AH$366,ROUNDDOWN($C8191/24,0)+1,1)*INDEX($D$3:$AA$30,INDEX(Jesper!$R$2:$R$366,ROW(INDEX(Jesper!AH$2:AH$366,ROUNDDOWN($C8191/24,0)+1,1))-1)+IF('Standard Profiles'!$G$18=$B$10,7,0)+IF('Standard Profiles'!$G$18=$B$17,14,0)+IF('Standard Profiles'!$G$18=$B$24,21,0),MOD($C8191,24)+1)/SUM(INDEX($D$3:$AA$30,INDEX(Jesper!$R$2:$R$366,ROW(INDEX(Jesper!AH$2:AH$366,ROUNDDOWN($C8191/24,0)+1,1))-1)+IF('Standard Profiles'!$G$18=$B$10,7,0)+IF('Standard Profiles'!$G$18=$B$17,14,0)+IF('Standard Profiles'!$G$18=$B$24,21,0),0)),0)</f>
        <v>8.3797882149784204</v>
      </c>
      <c r="E8191" cm="1">
        <f t="array" ref="E8191">IFERROR(INDEX(Jesper!AI$2:AI$366,ROUNDDOWN($C8191/24,0)+1,1)*INDEX($D$3:$AA$30,INDEX(Jesper!$R$2:$R$366,ROW(INDEX(Jesper!AI$2:AI$366,ROUNDDOWN($C8191/24,0)+1,1))-1)+IF('Standard Profiles'!$G$19=$B$10,7,0)+IF('Standard Profiles'!$G$19=$B$17,14,0)+IF('Standard Profiles'!$G$19=$B$24,21,0),MOD($C8191,24)+1)/SUM(INDEX($D$3:$AA$30,INDEX(Jesper!$R$2:$R$366,ROW(INDEX(Jesper!AI$2:AI$366,ROUNDDOWN($C8191/24,0)+1,1))-1)+IF('Standard Profiles'!$G$19=$B$10,7,0)+IF('Standard Profiles'!$G$19=$B$17,14,0)+IF('Standard Profiles'!$G$19=$B$24,21,0),0)),0)</f>
        <v>0</v>
      </c>
      <c r="F8191" cm="1">
        <f t="array" ref="F8191">IFERROR(INDEX(Jesper!AJ$2:AJ$366,ROUNDDOWN($C8191/24,0)+1,1)*INDEX($D$3:$AA$30,INDEX(Jesper!$R$2:$R$366,ROW(INDEX(Jesper!AJ$2:AJ$366,ROUNDDOWN($C8191/24,0)+1,1))-1)+IF('Standard Profiles'!$G$20=$B$10,7,0)+IF('Standard Profiles'!$G$20=$B$17,14,0)+IF('Standard Profiles'!$G$20=$B$24,21,0),MOD($C8191,24)+1)/SUM(INDEX($D$3:$AA$30,INDEX(Jesper!$R$2:$R$366,ROW(INDEX(Jesper!AJ$2:AJ$366,ROUNDDOWN($C8191/24,0)+1,1))-1)+IF('Standard Profiles'!$G$20=$B$10,7,0)+IF('Standard Profiles'!$G$20=$B$17,14,0)+IF('Standard Profiles'!$G$20=$B$24,21,0),0)),0)</f>
        <v>0</v>
      </c>
      <c r="G8191" cm="1">
        <f t="array" ref="G8191">IFERROR(INDEX(Jesper!AK$2:AK$366,ROUNDDOWN($C8191/24,0)+1,1)*INDEX($D$3:$AA$30,INDEX(Jesper!$R$2:$R$366,ROW(INDEX(Jesper!AK$2:AK$366,ROUNDDOWN($C8191/24,0)+1,1))-1)+IF('Standard Profiles'!$G$21=$B$10,7,0)+IF('Standard Profiles'!$G$21=$B$17,14,0)+IF('Standard Profiles'!$G$21=$B$24,21,0),MOD($C8191,24)+1)/SUM(INDEX($D$3:$AA$30,INDEX(Jesper!$R$2:$R$366,ROW(INDEX(Jesper!AK$2:AK$366,ROUNDDOWN($C8191/24,0)+1,1))-1)+IF('Standard Profiles'!$G$21=$B$10,7,0)+IF('Standard Profiles'!$G$21=$B$17,14,0)+IF('Standard Profiles'!$G$21=$B$24,21,0),0)),0)</f>
        <v>0</v>
      </c>
      <c r="H8191" cm="1">
        <f t="array" ref="H8191">IFERROR(INDEX(Jesper!AL$2:AL$366,ROUNDDOWN($C8191/24,0)+1,1)*INDEX($D$3:$AA$30,INDEX(Jesper!$R$2:$R$366,ROW(INDEX(Jesper!AL$2:AL$366,ROUNDDOWN($C8191/24,0)+1,1))-1)+IF('Standard Profiles'!$G$22=$B$10,7,0)+IF('Standard Profiles'!$G$22=$B$17,14,0)+IF('Standard Profiles'!$G$22=$B$24,21,0),MOD($C8191,24)+1)/SUM(INDEX($D$3:$AA$30,INDEX(Jesper!$R$2:$R$366,ROW(INDEX(Jesper!AL$2:AL$366,ROUNDDOWN($C8191/24,0)+1,1))-1)+IF('Standard Profiles'!$G$22=$B$10,7,0)+IF('Standard Profiles'!$G$22=$B$17,14,0)+IF('Standard Profiles'!$G$22=$B$24,21,0),0)),0)</f>
        <v>0</v>
      </c>
      <c r="I8191">
        <f t="shared" si="909"/>
        <v>0.25139364644935258</v>
      </c>
      <c r="J8191">
        <f t="shared" si="910"/>
        <v>0.83797882149784209</v>
      </c>
      <c r="K8191">
        <f t="shared" si="911"/>
        <v>1.256968232246763</v>
      </c>
      <c r="L8191">
        <f t="shared" si="912"/>
        <v>6.0334475147844628</v>
      </c>
      <c r="M8191">
        <f t="shared" si="913"/>
        <v>0</v>
      </c>
      <c r="N8191" s="46">
        <f t="shared" si="914"/>
        <v>45631.874999980217</v>
      </c>
    </row>
    <row r="8192" spans="2:14" x14ac:dyDescent="0.3">
      <c r="B8192">
        <f t="shared" si="908"/>
        <v>4</v>
      </c>
      <c r="C8192" s="16">
        <v>8158</v>
      </c>
      <c r="D8192" cm="1">
        <f t="array" ref="D8192">IFERROR(INDEX(Jesper!AH$2:AH$366,ROUNDDOWN($C8192/24,0)+1,1)*INDEX($D$3:$AA$30,INDEX(Jesper!$R$2:$R$366,ROW(INDEX(Jesper!AH$2:AH$366,ROUNDDOWN($C8192/24,0)+1,1))-1)+IF('Standard Profiles'!$G$18=$B$10,7,0)+IF('Standard Profiles'!$G$18=$B$17,14,0)+IF('Standard Profiles'!$G$18=$B$24,21,0),MOD($C8192,24)+1)/SUM(INDEX($D$3:$AA$30,INDEX(Jesper!$R$2:$R$366,ROW(INDEX(Jesper!AH$2:AH$366,ROUNDDOWN($C8192/24,0)+1,1))-1)+IF('Standard Profiles'!$G$18=$B$10,7,0)+IF('Standard Profiles'!$G$18=$B$17,14,0)+IF('Standard Profiles'!$G$18=$B$24,21,0),0)),0)</f>
        <v>8.3797882149784204</v>
      </c>
      <c r="E8192" cm="1">
        <f t="array" ref="E8192">IFERROR(INDEX(Jesper!AI$2:AI$366,ROUNDDOWN($C8192/24,0)+1,1)*INDEX($D$3:$AA$30,INDEX(Jesper!$R$2:$R$366,ROW(INDEX(Jesper!AI$2:AI$366,ROUNDDOWN($C8192/24,0)+1,1))-1)+IF('Standard Profiles'!$G$19=$B$10,7,0)+IF('Standard Profiles'!$G$19=$B$17,14,0)+IF('Standard Profiles'!$G$19=$B$24,21,0),MOD($C8192,24)+1)/SUM(INDEX($D$3:$AA$30,INDEX(Jesper!$R$2:$R$366,ROW(INDEX(Jesper!AI$2:AI$366,ROUNDDOWN($C8192/24,0)+1,1))-1)+IF('Standard Profiles'!$G$19=$B$10,7,0)+IF('Standard Profiles'!$G$19=$B$17,14,0)+IF('Standard Profiles'!$G$19=$B$24,21,0),0)),0)</f>
        <v>0</v>
      </c>
      <c r="F8192" cm="1">
        <f t="array" ref="F8192">IFERROR(INDEX(Jesper!AJ$2:AJ$366,ROUNDDOWN($C8192/24,0)+1,1)*INDEX($D$3:$AA$30,INDEX(Jesper!$R$2:$R$366,ROW(INDEX(Jesper!AJ$2:AJ$366,ROUNDDOWN($C8192/24,0)+1,1))-1)+IF('Standard Profiles'!$G$20=$B$10,7,0)+IF('Standard Profiles'!$G$20=$B$17,14,0)+IF('Standard Profiles'!$G$20=$B$24,21,0),MOD($C8192,24)+1)/SUM(INDEX($D$3:$AA$30,INDEX(Jesper!$R$2:$R$366,ROW(INDEX(Jesper!AJ$2:AJ$366,ROUNDDOWN($C8192/24,0)+1,1))-1)+IF('Standard Profiles'!$G$20=$B$10,7,0)+IF('Standard Profiles'!$G$20=$B$17,14,0)+IF('Standard Profiles'!$G$20=$B$24,21,0),0)),0)</f>
        <v>0</v>
      </c>
      <c r="G8192" cm="1">
        <f t="array" ref="G8192">IFERROR(INDEX(Jesper!AK$2:AK$366,ROUNDDOWN($C8192/24,0)+1,1)*INDEX($D$3:$AA$30,INDEX(Jesper!$R$2:$R$366,ROW(INDEX(Jesper!AK$2:AK$366,ROUNDDOWN($C8192/24,0)+1,1))-1)+IF('Standard Profiles'!$G$21=$B$10,7,0)+IF('Standard Profiles'!$G$21=$B$17,14,0)+IF('Standard Profiles'!$G$21=$B$24,21,0),MOD($C8192,24)+1)/SUM(INDEX($D$3:$AA$30,INDEX(Jesper!$R$2:$R$366,ROW(INDEX(Jesper!AK$2:AK$366,ROUNDDOWN($C8192/24,0)+1,1))-1)+IF('Standard Profiles'!$G$21=$B$10,7,0)+IF('Standard Profiles'!$G$21=$B$17,14,0)+IF('Standard Profiles'!$G$21=$B$24,21,0),0)),0)</f>
        <v>0</v>
      </c>
      <c r="H8192" cm="1">
        <f t="array" ref="H8192">IFERROR(INDEX(Jesper!AL$2:AL$366,ROUNDDOWN($C8192/24,0)+1,1)*INDEX($D$3:$AA$30,INDEX(Jesper!$R$2:$R$366,ROW(INDEX(Jesper!AL$2:AL$366,ROUNDDOWN($C8192/24,0)+1,1))-1)+IF('Standard Profiles'!$G$22=$B$10,7,0)+IF('Standard Profiles'!$G$22=$B$17,14,0)+IF('Standard Profiles'!$G$22=$B$24,21,0),MOD($C8192,24)+1)/SUM(INDEX($D$3:$AA$30,INDEX(Jesper!$R$2:$R$366,ROW(INDEX(Jesper!AL$2:AL$366,ROUNDDOWN($C8192/24,0)+1,1))-1)+IF('Standard Profiles'!$G$22=$B$10,7,0)+IF('Standard Profiles'!$G$22=$B$17,14,0)+IF('Standard Profiles'!$G$22=$B$24,21,0),0)),0)</f>
        <v>0</v>
      </c>
      <c r="I8192">
        <f t="shared" si="909"/>
        <v>0.25139364644935258</v>
      </c>
      <c r="J8192">
        <f t="shared" si="910"/>
        <v>0.83797882149784209</v>
      </c>
      <c r="K8192">
        <f t="shared" si="911"/>
        <v>1.256968232246763</v>
      </c>
      <c r="L8192">
        <f t="shared" si="912"/>
        <v>6.0334475147844628</v>
      </c>
      <c r="M8192">
        <f t="shared" si="913"/>
        <v>0</v>
      </c>
      <c r="N8192" s="46">
        <f t="shared" si="914"/>
        <v>45631.916666646881</v>
      </c>
    </row>
    <row r="8193" spans="2:14" x14ac:dyDescent="0.3">
      <c r="B8193">
        <f t="shared" si="908"/>
        <v>4</v>
      </c>
      <c r="C8193" s="16">
        <v>8159</v>
      </c>
      <c r="D8193" cm="1">
        <f t="array" ref="D8193">IFERROR(INDEX(Jesper!AH$2:AH$366,ROUNDDOWN($C8193/24,0)+1,1)*INDEX($D$3:$AA$30,INDEX(Jesper!$R$2:$R$366,ROW(INDEX(Jesper!AH$2:AH$366,ROUNDDOWN($C8193/24,0)+1,1))-1)+IF('Standard Profiles'!$G$18=$B$10,7,0)+IF('Standard Profiles'!$G$18=$B$17,14,0)+IF('Standard Profiles'!$G$18=$B$24,21,0),MOD($C8193,24)+1)/SUM(INDEX($D$3:$AA$30,INDEX(Jesper!$R$2:$R$366,ROW(INDEX(Jesper!AH$2:AH$366,ROUNDDOWN($C8193/24,0)+1,1))-1)+IF('Standard Profiles'!$G$18=$B$10,7,0)+IF('Standard Profiles'!$G$18=$B$17,14,0)+IF('Standard Profiles'!$G$18=$B$24,21,0),0)),0)</f>
        <v>8.3797882149784204</v>
      </c>
      <c r="E8193" cm="1">
        <f t="array" ref="E8193">IFERROR(INDEX(Jesper!AI$2:AI$366,ROUNDDOWN($C8193/24,0)+1,1)*INDEX($D$3:$AA$30,INDEX(Jesper!$R$2:$R$366,ROW(INDEX(Jesper!AI$2:AI$366,ROUNDDOWN($C8193/24,0)+1,1))-1)+IF('Standard Profiles'!$G$19=$B$10,7,0)+IF('Standard Profiles'!$G$19=$B$17,14,0)+IF('Standard Profiles'!$G$19=$B$24,21,0),MOD($C8193,24)+1)/SUM(INDEX($D$3:$AA$30,INDEX(Jesper!$R$2:$R$366,ROW(INDEX(Jesper!AI$2:AI$366,ROUNDDOWN($C8193/24,0)+1,1))-1)+IF('Standard Profiles'!$G$19=$B$10,7,0)+IF('Standard Profiles'!$G$19=$B$17,14,0)+IF('Standard Profiles'!$G$19=$B$24,21,0),0)),0)</f>
        <v>0</v>
      </c>
      <c r="F8193" cm="1">
        <f t="array" ref="F8193">IFERROR(INDEX(Jesper!AJ$2:AJ$366,ROUNDDOWN($C8193/24,0)+1,1)*INDEX($D$3:$AA$30,INDEX(Jesper!$R$2:$R$366,ROW(INDEX(Jesper!AJ$2:AJ$366,ROUNDDOWN($C8193/24,0)+1,1))-1)+IF('Standard Profiles'!$G$20=$B$10,7,0)+IF('Standard Profiles'!$G$20=$B$17,14,0)+IF('Standard Profiles'!$G$20=$B$24,21,0),MOD($C8193,24)+1)/SUM(INDEX($D$3:$AA$30,INDEX(Jesper!$R$2:$R$366,ROW(INDEX(Jesper!AJ$2:AJ$366,ROUNDDOWN($C8193/24,0)+1,1))-1)+IF('Standard Profiles'!$G$20=$B$10,7,0)+IF('Standard Profiles'!$G$20=$B$17,14,0)+IF('Standard Profiles'!$G$20=$B$24,21,0),0)),0)</f>
        <v>0</v>
      </c>
      <c r="G8193" cm="1">
        <f t="array" ref="G8193">IFERROR(INDEX(Jesper!AK$2:AK$366,ROUNDDOWN($C8193/24,0)+1,1)*INDEX($D$3:$AA$30,INDEX(Jesper!$R$2:$R$366,ROW(INDEX(Jesper!AK$2:AK$366,ROUNDDOWN($C8193/24,0)+1,1))-1)+IF('Standard Profiles'!$G$21=$B$10,7,0)+IF('Standard Profiles'!$G$21=$B$17,14,0)+IF('Standard Profiles'!$G$21=$B$24,21,0),MOD($C8193,24)+1)/SUM(INDEX($D$3:$AA$30,INDEX(Jesper!$R$2:$R$366,ROW(INDEX(Jesper!AK$2:AK$366,ROUNDDOWN($C8193/24,0)+1,1))-1)+IF('Standard Profiles'!$G$21=$B$10,7,0)+IF('Standard Profiles'!$G$21=$B$17,14,0)+IF('Standard Profiles'!$G$21=$B$24,21,0),0)),0)</f>
        <v>0</v>
      </c>
      <c r="H8193" cm="1">
        <f t="array" ref="H8193">IFERROR(INDEX(Jesper!AL$2:AL$366,ROUNDDOWN($C8193/24,0)+1,1)*INDEX($D$3:$AA$30,INDEX(Jesper!$R$2:$R$366,ROW(INDEX(Jesper!AL$2:AL$366,ROUNDDOWN($C8193/24,0)+1,1))-1)+IF('Standard Profiles'!$G$22=$B$10,7,0)+IF('Standard Profiles'!$G$22=$B$17,14,0)+IF('Standard Profiles'!$G$22=$B$24,21,0),MOD($C8193,24)+1)/SUM(INDEX($D$3:$AA$30,INDEX(Jesper!$R$2:$R$366,ROW(INDEX(Jesper!AL$2:AL$366,ROUNDDOWN($C8193/24,0)+1,1))-1)+IF('Standard Profiles'!$G$22=$B$10,7,0)+IF('Standard Profiles'!$G$22=$B$17,14,0)+IF('Standard Profiles'!$G$22=$B$24,21,0),0)),0)</f>
        <v>0</v>
      </c>
      <c r="I8193">
        <f t="shared" si="909"/>
        <v>0.25139364644935258</v>
      </c>
      <c r="J8193">
        <f t="shared" si="910"/>
        <v>0.83797882149784209</v>
      </c>
      <c r="K8193">
        <f t="shared" si="911"/>
        <v>1.256968232246763</v>
      </c>
      <c r="L8193">
        <f t="shared" si="912"/>
        <v>6.0334475147844628</v>
      </c>
      <c r="M8193">
        <f t="shared" si="913"/>
        <v>0</v>
      </c>
      <c r="N8193" s="46">
        <f t="shared" si="914"/>
        <v>45631.958333313545</v>
      </c>
    </row>
    <row r="8194" spans="2:14" x14ac:dyDescent="0.3">
      <c r="B8194">
        <f t="shared" si="908"/>
        <v>5</v>
      </c>
      <c r="C8194" s="16">
        <v>8160</v>
      </c>
      <c r="D8194" cm="1">
        <f t="array" ref="D8194">IFERROR(INDEX(Jesper!AH$2:AH$366,ROUNDDOWN($C8194/24,0)+1,1)*INDEX($D$3:$AA$30,INDEX(Jesper!$R$2:$R$366,ROW(INDEX(Jesper!AH$2:AH$366,ROUNDDOWN($C8194/24,0)+1,1))-1)+IF('Standard Profiles'!$G$18=$B$10,7,0)+IF('Standard Profiles'!$G$18=$B$17,14,0)+IF('Standard Profiles'!$G$18=$B$24,21,0),MOD($C8194,24)+1)/SUM(INDEX($D$3:$AA$30,INDEX(Jesper!$R$2:$R$366,ROW(INDEX(Jesper!AH$2:AH$366,ROUNDDOWN($C8194/24,0)+1,1))-1)+IF('Standard Profiles'!$G$18=$B$10,7,0)+IF('Standard Profiles'!$G$18=$B$17,14,0)+IF('Standard Profiles'!$G$18=$B$24,21,0),0)),0)</f>
        <v>9.4591577814829417</v>
      </c>
      <c r="E8194" cm="1">
        <f t="array" ref="E8194">IFERROR(INDEX(Jesper!AI$2:AI$366,ROUNDDOWN($C8194/24,0)+1,1)*INDEX($D$3:$AA$30,INDEX(Jesper!$R$2:$R$366,ROW(INDEX(Jesper!AI$2:AI$366,ROUNDDOWN($C8194/24,0)+1,1))-1)+IF('Standard Profiles'!$G$19=$B$10,7,0)+IF('Standard Profiles'!$G$19=$B$17,14,0)+IF('Standard Profiles'!$G$19=$B$24,21,0),MOD($C8194,24)+1)/SUM(INDEX($D$3:$AA$30,INDEX(Jesper!$R$2:$R$366,ROW(INDEX(Jesper!AI$2:AI$366,ROUNDDOWN($C8194/24,0)+1,1))-1)+IF('Standard Profiles'!$G$19=$B$10,7,0)+IF('Standard Profiles'!$G$19=$B$17,14,0)+IF('Standard Profiles'!$G$19=$B$24,21,0),0)),0)</f>
        <v>0</v>
      </c>
      <c r="F8194" cm="1">
        <f t="array" ref="F8194">IFERROR(INDEX(Jesper!AJ$2:AJ$366,ROUNDDOWN($C8194/24,0)+1,1)*INDEX($D$3:$AA$30,INDEX(Jesper!$R$2:$R$366,ROW(INDEX(Jesper!AJ$2:AJ$366,ROUNDDOWN($C8194/24,0)+1,1))-1)+IF('Standard Profiles'!$G$20=$B$10,7,0)+IF('Standard Profiles'!$G$20=$B$17,14,0)+IF('Standard Profiles'!$G$20=$B$24,21,0),MOD($C8194,24)+1)/SUM(INDEX($D$3:$AA$30,INDEX(Jesper!$R$2:$R$366,ROW(INDEX(Jesper!AJ$2:AJ$366,ROUNDDOWN($C8194/24,0)+1,1))-1)+IF('Standard Profiles'!$G$20=$B$10,7,0)+IF('Standard Profiles'!$G$20=$B$17,14,0)+IF('Standard Profiles'!$G$20=$B$24,21,0),0)),0)</f>
        <v>0</v>
      </c>
      <c r="G8194" cm="1">
        <f t="array" ref="G8194">IFERROR(INDEX(Jesper!AK$2:AK$366,ROUNDDOWN($C8194/24,0)+1,1)*INDEX($D$3:$AA$30,INDEX(Jesper!$R$2:$R$366,ROW(INDEX(Jesper!AK$2:AK$366,ROUNDDOWN($C8194/24,0)+1,1))-1)+IF('Standard Profiles'!$G$21=$B$10,7,0)+IF('Standard Profiles'!$G$21=$B$17,14,0)+IF('Standard Profiles'!$G$21=$B$24,21,0),MOD($C8194,24)+1)/SUM(INDEX($D$3:$AA$30,INDEX(Jesper!$R$2:$R$366,ROW(INDEX(Jesper!AK$2:AK$366,ROUNDDOWN($C8194/24,0)+1,1))-1)+IF('Standard Profiles'!$G$21=$B$10,7,0)+IF('Standard Profiles'!$G$21=$B$17,14,0)+IF('Standard Profiles'!$G$21=$B$24,21,0),0)),0)</f>
        <v>0</v>
      </c>
      <c r="H8194" cm="1">
        <f t="array" ref="H8194">IFERROR(INDEX(Jesper!AL$2:AL$366,ROUNDDOWN($C8194/24,0)+1,1)*INDEX($D$3:$AA$30,INDEX(Jesper!$R$2:$R$366,ROW(INDEX(Jesper!AL$2:AL$366,ROUNDDOWN($C8194/24,0)+1,1))-1)+IF('Standard Profiles'!$G$22=$B$10,7,0)+IF('Standard Profiles'!$G$22=$B$17,14,0)+IF('Standard Profiles'!$G$22=$B$24,21,0),MOD($C8194,24)+1)/SUM(INDEX($D$3:$AA$30,INDEX(Jesper!$R$2:$R$366,ROW(INDEX(Jesper!AL$2:AL$366,ROUNDDOWN($C8194/24,0)+1,1))-1)+IF('Standard Profiles'!$G$22=$B$10,7,0)+IF('Standard Profiles'!$G$22=$B$17,14,0)+IF('Standard Profiles'!$G$22=$B$24,21,0),0)),0)</f>
        <v>0</v>
      </c>
      <c r="I8194">
        <f t="shared" si="909"/>
        <v>0.28377473344448823</v>
      </c>
      <c r="J8194">
        <f t="shared" si="910"/>
        <v>0.9459157781482942</v>
      </c>
      <c r="K8194">
        <f t="shared" si="911"/>
        <v>1.4188736672224411</v>
      </c>
      <c r="L8194">
        <f t="shared" si="912"/>
        <v>6.8105936026677174</v>
      </c>
      <c r="M8194">
        <f t="shared" si="913"/>
        <v>0</v>
      </c>
      <c r="N8194" s="46">
        <f t="shared" si="914"/>
        <v>45631.999999980209</v>
      </c>
    </row>
    <row r="8195" spans="2:14" x14ac:dyDescent="0.3">
      <c r="B8195">
        <f t="shared" si="908"/>
        <v>5</v>
      </c>
      <c r="C8195" s="16">
        <v>8161</v>
      </c>
      <c r="D8195" cm="1">
        <f t="array" ref="D8195">IFERROR(INDEX(Jesper!AH$2:AH$366,ROUNDDOWN($C8195/24,0)+1,1)*INDEX($D$3:$AA$30,INDEX(Jesper!$R$2:$R$366,ROW(INDEX(Jesper!AH$2:AH$366,ROUNDDOWN($C8195/24,0)+1,1))-1)+IF('Standard Profiles'!$G$18=$B$10,7,0)+IF('Standard Profiles'!$G$18=$B$17,14,0)+IF('Standard Profiles'!$G$18=$B$24,21,0),MOD($C8195,24)+1)/SUM(INDEX($D$3:$AA$30,INDEX(Jesper!$R$2:$R$366,ROW(INDEX(Jesper!AH$2:AH$366,ROUNDDOWN($C8195/24,0)+1,1))-1)+IF('Standard Profiles'!$G$18=$B$10,7,0)+IF('Standard Profiles'!$G$18=$B$17,14,0)+IF('Standard Profiles'!$G$18=$B$24,21,0),0)),0)</f>
        <v>9.4591577814829417</v>
      </c>
      <c r="E8195" cm="1">
        <f t="array" ref="E8195">IFERROR(INDEX(Jesper!AI$2:AI$366,ROUNDDOWN($C8195/24,0)+1,1)*INDEX($D$3:$AA$30,INDEX(Jesper!$R$2:$R$366,ROW(INDEX(Jesper!AI$2:AI$366,ROUNDDOWN($C8195/24,0)+1,1))-1)+IF('Standard Profiles'!$G$19=$B$10,7,0)+IF('Standard Profiles'!$G$19=$B$17,14,0)+IF('Standard Profiles'!$G$19=$B$24,21,0),MOD($C8195,24)+1)/SUM(INDEX($D$3:$AA$30,INDEX(Jesper!$R$2:$R$366,ROW(INDEX(Jesper!AI$2:AI$366,ROUNDDOWN($C8195/24,0)+1,1))-1)+IF('Standard Profiles'!$G$19=$B$10,7,0)+IF('Standard Profiles'!$G$19=$B$17,14,0)+IF('Standard Profiles'!$G$19=$B$24,21,0),0)),0)</f>
        <v>0</v>
      </c>
      <c r="F8195" cm="1">
        <f t="array" ref="F8195">IFERROR(INDEX(Jesper!AJ$2:AJ$366,ROUNDDOWN($C8195/24,0)+1,1)*INDEX($D$3:$AA$30,INDEX(Jesper!$R$2:$R$366,ROW(INDEX(Jesper!AJ$2:AJ$366,ROUNDDOWN($C8195/24,0)+1,1))-1)+IF('Standard Profiles'!$G$20=$B$10,7,0)+IF('Standard Profiles'!$G$20=$B$17,14,0)+IF('Standard Profiles'!$G$20=$B$24,21,0),MOD($C8195,24)+1)/SUM(INDEX($D$3:$AA$30,INDEX(Jesper!$R$2:$R$366,ROW(INDEX(Jesper!AJ$2:AJ$366,ROUNDDOWN($C8195/24,0)+1,1))-1)+IF('Standard Profiles'!$G$20=$B$10,7,0)+IF('Standard Profiles'!$G$20=$B$17,14,0)+IF('Standard Profiles'!$G$20=$B$24,21,0),0)),0)</f>
        <v>0</v>
      </c>
      <c r="G8195" cm="1">
        <f t="array" ref="G8195">IFERROR(INDEX(Jesper!AK$2:AK$366,ROUNDDOWN($C8195/24,0)+1,1)*INDEX($D$3:$AA$30,INDEX(Jesper!$R$2:$R$366,ROW(INDEX(Jesper!AK$2:AK$366,ROUNDDOWN($C8195/24,0)+1,1))-1)+IF('Standard Profiles'!$G$21=$B$10,7,0)+IF('Standard Profiles'!$G$21=$B$17,14,0)+IF('Standard Profiles'!$G$21=$B$24,21,0),MOD($C8195,24)+1)/SUM(INDEX($D$3:$AA$30,INDEX(Jesper!$R$2:$R$366,ROW(INDEX(Jesper!AK$2:AK$366,ROUNDDOWN($C8195/24,0)+1,1))-1)+IF('Standard Profiles'!$G$21=$B$10,7,0)+IF('Standard Profiles'!$G$21=$B$17,14,0)+IF('Standard Profiles'!$G$21=$B$24,21,0),0)),0)</f>
        <v>0</v>
      </c>
      <c r="H8195" cm="1">
        <f t="array" ref="H8195">IFERROR(INDEX(Jesper!AL$2:AL$366,ROUNDDOWN($C8195/24,0)+1,1)*INDEX($D$3:$AA$30,INDEX(Jesper!$R$2:$R$366,ROW(INDEX(Jesper!AL$2:AL$366,ROUNDDOWN($C8195/24,0)+1,1))-1)+IF('Standard Profiles'!$G$22=$B$10,7,0)+IF('Standard Profiles'!$G$22=$B$17,14,0)+IF('Standard Profiles'!$G$22=$B$24,21,0),MOD($C8195,24)+1)/SUM(INDEX($D$3:$AA$30,INDEX(Jesper!$R$2:$R$366,ROW(INDEX(Jesper!AL$2:AL$366,ROUNDDOWN($C8195/24,0)+1,1))-1)+IF('Standard Profiles'!$G$22=$B$10,7,0)+IF('Standard Profiles'!$G$22=$B$17,14,0)+IF('Standard Profiles'!$G$22=$B$24,21,0),0)),0)</f>
        <v>0</v>
      </c>
      <c r="I8195">
        <f t="shared" si="909"/>
        <v>0.28377473344448823</v>
      </c>
      <c r="J8195">
        <f t="shared" si="910"/>
        <v>0.9459157781482942</v>
      </c>
      <c r="K8195">
        <f t="shared" si="911"/>
        <v>1.4188736672224411</v>
      </c>
      <c r="L8195">
        <f t="shared" si="912"/>
        <v>6.8105936026677174</v>
      </c>
      <c r="M8195">
        <f t="shared" si="913"/>
        <v>0</v>
      </c>
      <c r="N8195" s="46">
        <f t="shared" si="914"/>
        <v>45632.041666646874</v>
      </c>
    </row>
    <row r="8196" spans="2:14" x14ac:dyDescent="0.3">
      <c r="B8196">
        <f t="shared" si="908"/>
        <v>5</v>
      </c>
      <c r="C8196" s="16">
        <v>8162</v>
      </c>
      <c r="D8196" cm="1">
        <f t="array" ref="D8196">IFERROR(INDEX(Jesper!AH$2:AH$366,ROUNDDOWN($C8196/24,0)+1,1)*INDEX($D$3:$AA$30,INDEX(Jesper!$R$2:$R$366,ROW(INDEX(Jesper!AH$2:AH$366,ROUNDDOWN($C8196/24,0)+1,1))-1)+IF('Standard Profiles'!$G$18=$B$10,7,0)+IF('Standard Profiles'!$G$18=$B$17,14,0)+IF('Standard Profiles'!$G$18=$B$24,21,0),MOD($C8196,24)+1)/SUM(INDEX($D$3:$AA$30,INDEX(Jesper!$R$2:$R$366,ROW(INDEX(Jesper!AH$2:AH$366,ROUNDDOWN($C8196/24,0)+1,1))-1)+IF('Standard Profiles'!$G$18=$B$10,7,0)+IF('Standard Profiles'!$G$18=$B$17,14,0)+IF('Standard Profiles'!$G$18=$B$24,21,0),0)),0)</f>
        <v>9.4591577814829417</v>
      </c>
      <c r="E8196" cm="1">
        <f t="array" ref="E8196">IFERROR(INDEX(Jesper!AI$2:AI$366,ROUNDDOWN($C8196/24,0)+1,1)*INDEX($D$3:$AA$30,INDEX(Jesper!$R$2:$R$366,ROW(INDEX(Jesper!AI$2:AI$366,ROUNDDOWN($C8196/24,0)+1,1))-1)+IF('Standard Profiles'!$G$19=$B$10,7,0)+IF('Standard Profiles'!$G$19=$B$17,14,0)+IF('Standard Profiles'!$G$19=$B$24,21,0),MOD($C8196,24)+1)/SUM(INDEX($D$3:$AA$30,INDEX(Jesper!$R$2:$R$366,ROW(INDEX(Jesper!AI$2:AI$366,ROUNDDOWN($C8196/24,0)+1,1))-1)+IF('Standard Profiles'!$G$19=$B$10,7,0)+IF('Standard Profiles'!$G$19=$B$17,14,0)+IF('Standard Profiles'!$G$19=$B$24,21,0),0)),0)</f>
        <v>0</v>
      </c>
      <c r="F8196" cm="1">
        <f t="array" ref="F8196">IFERROR(INDEX(Jesper!AJ$2:AJ$366,ROUNDDOWN($C8196/24,0)+1,1)*INDEX($D$3:$AA$30,INDEX(Jesper!$R$2:$R$366,ROW(INDEX(Jesper!AJ$2:AJ$366,ROUNDDOWN($C8196/24,0)+1,1))-1)+IF('Standard Profiles'!$G$20=$B$10,7,0)+IF('Standard Profiles'!$G$20=$B$17,14,0)+IF('Standard Profiles'!$G$20=$B$24,21,0),MOD($C8196,24)+1)/SUM(INDEX($D$3:$AA$30,INDEX(Jesper!$R$2:$R$366,ROW(INDEX(Jesper!AJ$2:AJ$366,ROUNDDOWN($C8196/24,0)+1,1))-1)+IF('Standard Profiles'!$G$20=$B$10,7,0)+IF('Standard Profiles'!$G$20=$B$17,14,0)+IF('Standard Profiles'!$G$20=$B$24,21,0),0)),0)</f>
        <v>0</v>
      </c>
      <c r="G8196" cm="1">
        <f t="array" ref="G8196">IFERROR(INDEX(Jesper!AK$2:AK$366,ROUNDDOWN($C8196/24,0)+1,1)*INDEX($D$3:$AA$30,INDEX(Jesper!$R$2:$R$366,ROW(INDEX(Jesper!AK$2:AK$366,ROUNDDOWN($C8196/24,0)+1,1))-1)+IF('Standard Profiles'!$G$21=$B$10,7,0)+IF('Standard Profiles'!$G$21=$B$17,14,0)+IF('Standard Profiles'!$G$21=$B$24,21,0),MOD($C8196,24)+1)/SUM(INDEX($D$3:$AA$30,INDEX(Jesper!$R$2:$R$366,ROW(INDEX(Jesper!AK$2:AK$366,ROUNDDOWN($C8196/24,0)+1,1))-1)+IF('Standard Profiles'!$G$21=$B$10,7,0)+IF('Standard Profiles'!$G$21=$B$17,14,0)+IF('Standard Profiles'!$G$21=$B$24,21,0),0)),0)</f>
        <v>0</v>
      </c>
      <c r="H8196" cm="1">
        <f t="array" ref="H8196">IFERROR(INDEX(Jesper!AL$2:AL$366,ROUNDDOWN($C8196/24,0)+1,1)*INDEX($D$3:$AA$30,INDEX(Jesper!$R$2:$R$366,ROW(INDEX(Jesper!AL$2:AL$366,ROUNDDOWN($C8196/24,0)+1,1))-1)+IF('Standard Profiles'!$G$22=$B$10,7,0)+IF('Standard Profiles'!$G$22=$B$17,14,0)+IF('Standard Profiles'!$G$22=$B$24,21,0),MOD($C8196,24)+1)/SUM(INDEX($D$3:$AA$30,INDEX(Jesper!$R$2:$R$366,ROW(INDEX(Jesper!AL$2:AL$366,ROUNDDOWN($C8196/24,0)+1,1))-1)+IF('Standard Profiles'!$G$22=$B$10,7,0)+IF('Standard Profiles'!$G$22=$B$17,14,0)+IF('Standard Profiles'!$G$22=$B$24,21,0),0)),0)</f>
        <v>0</v>
      </c>
      <c r="I8196">
        <f t="shared" si="909"/>
        <v>0.28377473344448823</v>
      </c>
      <c r="J8196">
        <f t="shared" si="910"/>
        <v>0.9459157781482942</v>
      </c>
      <c r="K8196">
        <f t="shared" si="911"/>
        <v>1.4188736672224411</v>
      </c>
      <c r="L8196">
        <f t="shared" si="912"/>
        <v>6.8105936026677174</v>
      </c>
      <c r="M8196">
        <f t="shared" si="913"/>
        <v>0</v>
      </c>
      <c r="N8196" s="46">
        <f t="shared" si="914"/>
        <v>45632.083333313538</v>
      </c>
    </row>
    <row r="8197" spans="2:14" x14ac:dyDescent="0.3">
      <c r="B8197">
        <f t="shared" si="908"/>
        <v>5</v>
      </c>
      <c r="C8197" s="16">
        <v>8163</v>
      </c>
      <c r="D8197" cm="1">
        <f t="array" ref="D8197">IFERROR(INDEX(Jesper!AH$2:AH$366,ROUNDDOWN($C8197/24,0)+1,1)*INDEX($D$3:$AA$30,INDEX(Jesper!$R$2:$R$366,ROW(INDEX(Jesper!AH$2:AH$366,ROUNDDOWN($C8197/24,0)+1,1))-1)+IF('Standard Profiles'!$G$18=$B$10,7,0)+IF('Standard Profiles'!$G$18=$B$17,14,0)+IF('Standard Profiles'!$G$18=$B$24,21,0),MOD($C8197,24)+1)/SUM(INDEX($D$3:$AA$30,INDEX(Jesper!$R$2:$R$366,ROW(INDEX(Jesper!AH$2:AH$366,ROUNDDOWN($C8197/24,0)+1,1))-1)+IF('Standard Profiles'!$G$18=$B$10,7,0)+IF('Standard Profiles'!$G$18=$B$17,14,0)+IF('Standard Profiles'!$G$18=$B$24,21,0),0)),0)</f>
        <v>9.4591577814829417</v>
      </c>
      <c r="E8197" cm="1">
        <f t="array" ref="E8197">IFERROR(INDEX(Jesper!AI$2:AI$366,ROUNDDOWN($C8197/24,0)+1,1)*INDEX($D$3:$AA$30,INDEX(Jesper!$R$2:$R$366,ROW(INDEX(Jesper!AI$2:AI$366,ROUNDDOWN($C8197/24,0)+1,1))-1)+IF('Standard Profiles'!$G$19=$B$10,7,0)+IF('Standard Profiles'!$G$19=$B$17,14,0)+IF('Standard Profiles'!$G$19=$B$24,21,0),MOD($C8197,24)+1)/SUM(INDEX($D$3:$AA$30,INDEX(Jesper!$R$2:$R$366,ROW(INDEX(Jesper!AI$2:AI$366,ROUNDDOWN($C8197/24,0)+1,1))-1)+IF('Standard Profiles'!$G$19=$B$10,7,0)+IF('Standard Profiles'!$G$19=$B$17,14,0)+IF('Standard Profiles'!$G$19=$B$24,21,0),0)),0)</f>
        <v>0</v>
      </c>
      <c r="F8197" cm="1">
        <f t="array" ref="F8197">IFERROR(INDEX(Jesper!AJ$2:AJ$366,ROUNDDOWN($C8197/24,0)+1,1)*INDEX($D$3:$AA$30,INDEX(Jesper!$R$2:$R$366,ROW(INDEX(Jesper!AJ$2:AJ$366,ROUNDDOWN($C8197/24,0)+1,1))-1)+IF('Standard Profiles'!$G$20=$B$10,7,0)+IF('Standard Profiles'!$G$20=$B$17,14,0)+IF('Standard Profiles'!$G$20=$B$24,21,0),MOD($C8197,24)+1)/SUM(INDEX($D$3:$AA$30,INDEX(Jesper!$R$2:$R$366,ROW(INDEX(Jesper!AJ$2:AJ$366,ROUNDDOWN($C8197/24,0)+1,1))-1)+IF('Standard Profiles'!$G$20=$B$10,7,0)+IF('Standard Profiles'!$G$20=$B$17,14,0)+IF('Standard Profiles'!$G$20=$B$24,21,0),0)),0)</f>
        <v>0</v>
      </c>
      <c r="G8197" cm="1">
        <f t="array" ref="G8197">IFERROR(INDEX(Jesper!AK$2:AK$366,ROUNDDOWN($C8197/24,0)+1,1)*INDEX($D$3:$AA$30,INDEX(Jesper!$R$2:$R$366,ROW(INDEX(Jesper!AK$2:AK$366,ROUNDDOWN($C8197/24,0)+1,1))-1)+IF('Standard Profiles'!$G$21=$B$10,7,0)+IF('Standard Profiles'!$G$21=$B$17,14,0)+IF('Standard Profiles'!$G$21=$B$24,21,0),MOD($C8197,24)+1)/SUM(INDEX($D$3:$AA$30,INDEX(Jesper!$R$2:$R$366,ROW(INDEX(Jesper!AK$2:AK$366,ROUNDDOWN($C8197/24,0)+1,1))-1)+IF('Standard Profiles'!$G$21=$B$10,7,0)+IF('Standard Profiles'!$G$21=$B$17,14,0)+IF('Standard Profiles'!$G$21=$B$24,21,0),0)),0)</f>
        <v>0</v>
      </c>
      <c r="H8197" cm="1">
        <f t="array" ref="H8197">IFERROR(INDEX(Jesper!AL$2:AL$366,ROUNDDOWN($C8197/24,0)+1,1)*INDEX($D$3:$AA$30,INDEX(Jesper!$R$2:$R$366,ROW(INDEX(Jesper!AL$2:AL$366,ROUNDDOWN($C8197/24,0)+1,1))-1)+IF('Standard Profiles'!$G$22=$B$10,7,0)+IF('Standard Profiles'!$G$22=$B$17,14,0)+IF('Standard Profiles'!$G$22=$B$24,21,0),MOD($C8197,24)+1)/SUM(INDEX($D$3:$AA$30,INDEX(Jesper!$R$2:$R$366,ROW(INDEX(Jesper!AL$2:AL$366,ROUNDDOWN($C8197/24,0)+1,1))-1)+IF('Standard Profiles'!$G$22=$B$10,7,0)+IF('Standard Profiles'!$G$22=$B$17,14,0)+IF('Standard Profiles'!$G$22=$B$24,21,0),0)),0)</f>
        <v>0</v>
      </c>
      <c r="I8197">
        <f t="shared" si="909"/>
        <v>0.28377473344448823</v>
      </c>
      <c r="J8197">
        <f t="shared" si="910"/>
        <v>0.9459157781482942</v>
      </c>
      <c r="K8197">
        <f t="shared" si="911"/>
        <v>1.4188736672224411</v>
      </c>
      <c r="L8197">
        <f t="shared" si="912"/>
        <v>6.8105936026677174</v>
      </c>
      <c r="M8197">
        <f t="shared" si="913"/>
        <v>0</v>
      </c>
      <c r="N8197" s="46">
        <f t="shared" si="914"/>
        <v>45632.124999980202</v>
      </c>
    </row>
    <row r="8198" spans="2:14" x14ac:dyDescent="0.3">
      <c r="B8198">
        <f t="shared" si="908"/>
        <v>5</v>
      </c>
      <c r="C8198" s="16">
        <v>8164</v>
      </c>
      <c r="D8198" cm="1">
        <f t="array" ref="D8198">IFERROR(INDEX(Jesper!AH$2:AH$366,ROUNDDOWN($C8198/24,0)+1,1)*INDEX($D$3:$AA$30,INDEX(Jesper!$R$2:$R$366,ROW(INDEX(Jesper!AH$2:AH$366,ROUNDDOWN($C8198/24,0)+1,1))-1)+IF('Standard Profiles'!$G$18=$B$10,7,0)+IF('Standard Profiles'!$G$18=$B$17,14,0)+IF('Standard Profiles'!$G$18=$B$24,21,0),MOD($C8198,24)+1)/SUM(INDEX($D$3:$AA$30,INDEX(Jesper!$R$2:$R$366,ROW(INDEX(Jesper!AH$2:AH$366,ROUNDDOWN($C8198/24,0)+1,1))-1)+IF('Standard Profiles'!$G$18=$B$10,7,0)+IF('Standard Profiles'!$G$18=$B$17,14,0)+IF('Standard Profiles'!$G$18=$B$24,21,0),0)),0)</f>
        <v>9.4591577814829417</v>
      </c>
      <c r="E8198" cm="1">
        <f t="array" ref="E8198">IFERROR(INDEX(Jesper!AI$2:AI$366,ROUNDDOWN($C8198/24,0)+1,1)*INDEX($D$3:$AA$30,INDEX(Jesper!$R$2:$R$366,ROW(INDEX(Jesper!AI$2:AI$366,ROUNDDOWN($C8198/24,0)+1,1))-1)+IF('Standard Profiles'!$G$19=$B$10,7,0)+IF('Standard Profiles'!$G$19=$B$17,14,0)+IF('Standard Profiles'!$G$19=$B$24,21,0),MOD($C8198,24)+1)/SUM(INDEX($D$3:$AA$30,INDEX(Jesper!$R$2:$R$366,ROW(INDEX(Jesper!AI$2:AI$366,ROUNDDOWN($C8198/24,0)+1,1))-1)+IF('Standard Profiles'!$G$19=$B$10,7,0)+IF('Standard Profiles'!$G$19=$B$17,14,0)+IF('Standard Profiles'!$G$19=$B$24,21,0),0)),0)</f>
        <v>0</v>
      </c>
      <c r="F8198" cm="1">
        <f t="array" ref="F8198">IFERROR(INDEX(Jesper!AJ$2:AJ$366,ROUNDDOWN($C8198/24,0)+1,1)*INDEX($D$3:$AA$30,INDEX(Jesper!$R$2:$R$366,ROW(INDEX(Jesper!AJ$2:AJ$366,ROUNDDOWN($C8198/24,0)+1,1))-1)+IF('Standard Profiles'!$G$20=$B$10,7,0)+IF('Standard Profiles'!$G$20=$B$17,14,0)+IF('Standard Profiles'!$G$20=$B$24,21,0),MOD($C8198,24)+1)/SUM(INDEX($D$3:$AA$30,INDEX(Jesper!$R$2:$R$366,ROW(INDEX(Jesper!AJ$2:AJ$366,ROUNDDOWN($C8198/24,0)+1,1))-1)+IF('Standard Profiles'!$G$20=$B$10,7,0)+IF('Standard Profiles'!$G$20=$B$17,14,0)+IF('Standard Profiles'!$G$20=$B$24,21,0),0)),0)</f>
        <v>0</v>
      </c>
      <c r="G8198" cm="1">
        <f t="array" ref="G8198">IFERROR(INDEX(Jesper!AK$2:AK$366,ROUNDDOWN($C8198/24,0)+1,1)*INDEX($D$3:$AA$30,INDEX(Jesper!$R$2:$R$366,ROW(INDEX(Jesper!AK$2:AK$366,ROUNDDOWN($C8198/24,0)+1,1))-1)+IF('Standard Profiles'!$G$21=$B$10,7,0)+IF('Standard Profiles'!$G$21=$B$17,14,0)+IF('Standard Profiles'!$G$21=$B$24,21,0),MOD($C8198,24)+1)/SUM(INDEX($D$3:$AA$30,INDEX(Jesper!$R$2:$R$366,ROW(INDEX(Jesper!AK$2:AK$366,ROUNDDOWN($C8198/24,0)+1,1))-1)+IF('Standard Profiles'!$G$21=$B$10,7,0)+IF('Standard Profiles'!$G$21=$B$17,14,0)+IF('Standard Profiles'!$G$21=$B$24,21,0),0)),0)</f>
        <v>0</v>
      </c>
      <c r="H8198" cm="1">
        <f t="array" ref="H8198">IFERROR(INDEX(Jesper!AL$2:AL$366,ROUNDDOWN($C8198/24,0)+1,1)*INDEX($D$3:$AA$30,INDEX(Jesper!$R$2:$R$366,ROW(INDEX(Jesper!AL$2:AL$366,ROUNDDOWN($C8198/24,0)+1,1))-1)+IF('Standard Profiles'!$G$22=$B$10,7,0)+IF('Standard Profiles'!$G$22=$B$17,14,0)+IF('Standard Profiles'!$G$22=$B$24,21,0),MOD($C8198,24)+1)/SUM(INDEX($D$3:$AA$30,INDEX(Jesper!$R$2:$R$366,ROW(INDEX(Jesper!AL$2:AL$366,ROUNDDOWN($C8198/24,0)+1,1))-1)+IF('Standard Profiles'!$G$22=$B$10,7,0)+IF('Standard Profiles'!$G$22=$B$17,14,0)+IF('Standard Profiles'!$G$22=$B$24,21,0),0)),0)</f>
        <v>0</v>
      </c>
      <c r="I8198">
        <f t="shared" si="909"/>
        <v>0.28377473344448823</v>
      </c>
      <c r="J8198">
        <f t="shared" si="910"/>
        <v>0.9459157781482942</v>
      </c>
      <c r="K8198">
        <f t="shared" si="911"/>
        <v>1.4188736672224411</v>
      </c>
      <c r="L8198">
        <f t="shared" si="912"/>
        <v>6.8105936026677174</v>
      </c>
      <c r="M8198">
        <f t="shared" si="913"/>
        <v>0</v>
      </c>
      <c r="N8198" s="46">
        <f t="shared" si="914"/>
        <v>45632.166666646866</v>
      </c>
    </row>
    <row r="8199" spans="2:14" x14ac:dyDescent="0.3">
      <c r="B8199">
        <f t="shared" si="908"/>
        <v>5</v>
      </c>
      <c r="C8199" s="16">
        <v>8165</v>
      </c>
      <c r="D8199" cm="1">
        <f t="array" ref="D8199">IFERROR(INDEX(Jesper!AH$2:AH$366,ROUNDDOWN($C8199/24,0)+1,1)*INDEX($D$3:$AA$30,INDEX(Jesper!$R$2:$R$366,ROW(INDEX(Jesper!AH$2:AH$366,ROUNDDOWN($C8199/24,0)+1,1))-1)+IF('Standard Profiles'!$G$18=$B$10,7,0)+IF('Standard Profiles'!$G$18=$B$17,14,0)+IF('Standard Profiles'!$G$18=$B$24,21,0),MOD($C8199,24)+1)/SUM(INDEX($D$3:$AA$30,INDEX(Jesper!$R$2:$R$366,ROW(INDEX(Jesper!AH$2:AH$366,ROUNDDOWN($C8199/24,0)+1,1))-1)+IF('Standard Profiles'!$G$18=$B$10,7,0)+IF('Standard Profiles'!$G$18=$B$17,14,0)+IF('Standard Profiles'!$G$18=$B$24,21,0),0)),0)</f>
        <v>12.191803362800236</v>
      </c>
      <c r="E8199" cm="1">
        <f t="array" ref="E8199">IFERROR(INDEX(Jesper!AI$2:AI$366,ROUNDDOWN($C8199/24,0)+1,1)*INDEX($D$3:$AA$30,INDEX(Jesper!$R$2:$R$366,ROW(INDEX(Jesper!AI$2:AI$366,ROUNDDOWN($C8199/24,0)+1,1))-1)+IF('Standard Profiles'!$G$19=$B$10,7,0)+IF('Standard Profiles'!$G$19=$B$17,14,0)+IF('Standard Profiles'!$G$19=$B$24,21,0),MOD($C8199,24)+1)/SUM(INDEX($D$3:$AA$30,INDEX(Jesper!$R$2:$R$366,ROW(INDEX(Jesper!AI$2:AI$366,ROUNDDOWN($C8199/24,0)+1,1))-1)+IF('Standard Profiles'!$G$19=$B$10,7,0)+IF('Standard Profiles'!$G$19=$B$17,14,0)+IF('Standard Profiles'!$G$19=$B$24,21,0),0)),0)</f>
        <v>0</v>
      </c>
      <c r="F8199" cm="1">
        <f t="array" ref="F8199">IFERROR(INDEX(Jesper!AJ$2:AJ$366,ROUNDDOWN($C8199/24,0)+1,1)*INDEX($D$3:$AA$30,INDEX(Jesper!$R$2:$R$366,ROW(INDEX(Jesper!AJ$2:AJ$366,ROUNDDOWN($C8199/24,0)+1,1))-1)+IF('Standard Profiles'!$G$20=$B$10,7,0)+IF('Standard Profiles'!$G$20=$B$17,14,0)+IF('Standard Profiles'!$G$20=$B$24,21,0),MOD($C8199,24)+1)/SUM(INDEX($D$3:$AA$30,INDEX(Jesper!$R$2:$R$366,ROW(INDEX(Jesper!AJ$2:AJ$366,ROUNDDOWN($C8199/24,0)+1,1))-1)+IF('Standard Profiles'!$G$20=$B$10,7,0)+IF('Standard Profiles'!$G$20=$B$17,14,0)+IF('Standard Profiles'!$G$20=$B$24,21,0),0)),0)</f>
        <v>0</v>
      </c>
      <c r="G8199" cm="1">
        <f t="array" ref="G8199">IFERROR(INDEX(Jesper!AK$2:AK$366,ROUNDDOWN($C8199/24,0)+1,1)*INDEX($D$3:$AA$30,INDEX(Jesper!$R$2:$R$366,ROW(INDEX(Jesper!AK$2:AK$366,ROUNDDOWN($C8199/24,0)+1,1))-1)+IF('Standard Profiles'!$G$21=$B$10,7,0)+IF('Standard Profiles'!$G$21=$B$17,14,0)+IF('Standard Profiles'!$G$21=$B$24,21,0),MOD($C8199,24)+1)/SUM(INDEX($D$3:$AA$30,INDEX(Jesper!$R$2:$R$366,ROW(INDEX(Jesper!AK$2:AK$366,ROUNDDOWN($C8199/24,0)+1,1))-1)+IF('Standard Profiles'!$G$21=$B$10,7,0)+IF('Standard Profiles'!$G$21=$B$17,14,0)+IF('Standard Profiles'!$G$21=$B$24,21,0),0)),0)</f>
        <v>0</v>
      </c>
      <c r="H8199" cm="1">
        <f t="array" ref="H8199">IFERROR(INDEX(Jesper!AL$2:AL$366,ROUNDDOWN($C8199/24,0)+1,1)*INDEX($D$3:$AA$30,INDEX(Jesper!$R$2:$R$366,ROW(INDEX(Jesper!AL$2:AL$366,ROUNDDOWN($C8199/24,0)+1,1))-1)+IF('Standard Profiles'!$G$22=$B$10,7,0)+IF('Standard Profiles'!$G$22=$B$17,14,0)+IF('Standard Profiles'!$G$22=$B$24,21,0),MOD($C8199,24)+1)/SUM(INDEX($D$3:$AA$30,INDEX(Jesper!$R$2:$R$366,ROW(INDEX(Jesper!AL$2:AL$366,ROUNDDOWN($C8199/24,0)+1,1))-1)+IF('Standard Profiles'!$G$22=$B$10,7,0)+IF('Standard Profiles'!$G$22=$B$17,14,0)+IF('Standard Profiles'!$G$22=$B$24,21,0),0)),0)</f>
        <v>0</v>
      </c>
      <c r="I8199">
        <f t="shared" si="909"/>
        <v>0.36575410088400706</v>
      </c>
      <c r="J8199">
        <f t="shared" si="910"/>
        <v>1.2191803362800238</v>
      </c>
      <c r="K8199">
        <f t="shared" si="911"/>
        <v>1.8287705044200353</v>
      </c>
      <c r="L8199">
        <f t="shared" si="912"/>
        <v>8.7780984212161695</v>
      </c>
      <c r="M8199">
        <f t="shared" si="913"/>
        <v>0</v>
      </c>
      <c r="N8199" s="46">
        <f t="shared" si="914"/>
        <v>45632.208333313531</v>
      </c>
    </row>
    <row r="8200" spans="2:14" x14ac:dyDescent="0.3">
      <c r="B8200">
        <f t="shared" si="908"/>
        <v>5</v>
      </c>
      <c r="C8200" s="16">
        <v>8166</v>
      </c>
      <c r="D8200" cm="1">
        <f t="array" ref="D8200">IFERROR(INDEX(Jesper!AH$2:AH$366,ROUNDDOWN($C8200/24,0)+1,1)*INDEX($D$3:$AA$30,INDEX(Jesper!$R$2:$R$366,ROW(INDEX(Jesper!AH$2:AH$366,ROUNDDOWN($C8200/24,0)+1,1))-1)+IF('Standard Profiles'!$G$18=$B$10,7,0)+IF('Standard Profiles'!$G$18=$B$17,14,0)+IF('Standard Profiles'!$G$18=$B$24,21,0),MOD($C8200,24)+1)/SUM(INDEX($D$3:$AA$30,INDEX(Jesper!$R$2:$R$366,ROW(INDEX(Jesper!AH$2:AH$366,ROUNDDOWN($C8200/24,0)+1,1))-1)+IF('Standard Profiles'!$G$18=$B$10,7,0)+IF('Standard Profiles'!$G$18=$B$17,14,0)+IF('Standard Profiles'!$G$18=$B$24,21,0),0)),0)</f>
        <v>14.714245437862354</v>
      </c>
      <c r="E8200" cm="1">
        <f t="array" ref="E8200">IFERROR(INDEX(Jesper!AI$2:AI$366,ROUNDDOWN($C8200/24,0)+1,1)*INDEX($D$3:$AA$30,INDEX(Jesper!$R$2:$R$366,ROW(INDEX(Jesper!AI$2:AI$366,ROUNDDOWN($C8200/24,0)+1,1))-1)+IF('Standard Profiles'!$G$19=$B$10,7,0)+IF('Standard Profiles'!$G$19=$B$17,14,0)+IF('Standard Profiles'!$G$19=$B$24,21,0),MOD($C8200,24)+1)/SUM(INDEX($D$3:$AA$30,INDEX(Jesper!$R$2:$R$366,ROW(INDEX(Jesper!AI$2:AI$366,ROUNDDOWN($C8200/24,0)+1,1))-1)+IF('Standard Profiles'!$G$19=$B$10,7,0)+IF('Standard Profiles'!$G$19=$B$17,14,0)+IF('Standard Profiles'!$G$19=$B$24,21,0),0)),0)</f>
        <v>0</v>
      </c>
      <c r="F8200" cm="1">
        <f t="array" ref="F8200">IFERROR(INDEX(Jesper!AJ$2:AJ$366,ROUNDDOWN($C8200/24,0)+1,1)*INDEX($D$3:$AA$30,INDEX(Jesper!$R$2:$R$366,ROW(INDEX(Jesper!AJ$2:AJ$366,ROUNDDOWN($C8200/24,0)+1,1))-1)+IF('Standard Profiles'!$G$20=$B$10,7,0)+IF('Standard Profiles'!$G$20=$B$17,14,0)+IF('Standard Profiles'!$G$20=$B$24,21,0),MOD($C8200,24)+1)/SUM(INDEX($D$3:$AA$30,INDEX(Jesper!$R$2:$R$366,ROW(INDEX(Jesper!AJ$2:AJ$366,ROUNDDOWN($C8200/24,0)+1,1))-1)+IF('Standard Profiles'!$G$20=$B$10,7,0)+IF('Standard Profiles'!$G$20=$B$17,14,0)+IF('Standard Profiles'!$G$20=$B$24,21,0),0)),0)</f>
        <v>0</v>
      </c>
      <c r="G8200" cm="1">
        <f t="array" ref="G8200">IFERROR(INDEX(Jesper!AK$2:AK$366,ROUNDDOWN($C8200/24,0)+1,1)*INDEX($D$3:$AA$30,INDEX(Jesper!$R$2:$R$366,ROW(INDEX(Jesper!AK$2:AK$366,ROUNDDOWN($C8200/24,0)+1,1))-1)+IF('Standard Profiles'!$G$21=$B$10,7,0)+IF('Standard Profiles'!$G$21=$B$17,14,0)+IF('Standard Profiles'!$G$21=$B$24,21,0),MOD($C8200,24)+1)/SUM(INDEX($D$3:$AA$30,INDEX(Jesper!$R$2:$R$366,ROW(INDEX(Jesper!AK$2:AK$366,ROUNDDOWN($C8200/24,0)+1,1))-1)+IF('Standard Profiles'!$G$21=$B$10,7,0)+IF('Standard Profiles'!$G$21=$B$17,14,0)+IF('Standard Profiles'!$G$21=$B$24,21,0),0)),0)</f>
        <v>0</v>
      </c>
      <c r="H8200" cm="1">
        <f t="array" ref="H8200">IFERROR(INDEX(Jesper!AL$2:AL$366,ROUNDDOWN($C8200/24,0)+1,1)*INDEX($D$3:$AA$30,INDEX(Jesper!$R$2:$R$366,ROW(INDEX(Jesper!AL$2:AL$366,ROUNDDOWN($C8200/24,0)+1,1))-1)+IF('Standard Profiles'!$G$22=$B$10,7,0)+IF('Standard Profiles'!$G$22=$B$17,14,0)+IF('Standard Profiles'!$G$22=$B$24,21,0),MOD($C8200,24)+1)/SUM(INDEX($D$3:$AA$30,INDEX(Jesper!$R$2:$R$366,ROW(INDEX(Jesper!AL$2:AL$366,ROUNDDOWN($C8200/24,0)+1,1))-1)+IF('Standard Profiles'!$G$22=$B$10,7,0)+IF('Standard Profiles'!$G$22=$B$17,14,0)+IF('Standard Profiles'!$G$22=$B$24,21,0),0)),0)</f>
        <v>0</v>
      </c>
      <c r="I8200">
        <f t="shared" si="909"/>
        <v>0.44142736313587061</v>
      </c>
      <c r="J8200">
        <f t="shared" si="910"/>
        <v>1.4714245437862354</v>
      </c>
      <c r="K8200">
        <f t="shared" si="911"/>
        <v>2.2071368156793532</v>
      </c>
      <c r="L8200">
        <f t="shared" si="912"/>
        <v>10.594256715260896</v>
      </c>
      <c r="M8200">
        <f t="shared" si="913"/>
        <v>0</v>
      </c>
      <c r="N8200" s="46">
        <f t="shared" si="914"/>
        <v>45632.249999980195</v>
      </c>
    </row>
    <row r="8201" spans="2:14" x14ac:dyDescent="0.3">
      <c r="B8201">
        <f t="shared" si="908"/>
        <v>5</v>
      </c>
      <c r="C8201" s="16">
        <v>8167</v>
      </c>
      <c r="D8201" cm="1">
        <f t="array" ref="D8201">IFERROR(INDEX(Jesper!AH$2:AH$366,ROUNDDOWN($C8201/24,0)+1,1)*INDEX($D$3:$AA$30,INDEX(Jesper!$R$2:$R$366,ROW(INDEX(Jesper!AH$2:AH$366,ROUNDDOWN($C8201/24,0)+1,1))-1)+IF('Standard Profiles'!$G$18=$B$10,7,0)+IF('Standard Profiles'!$G$18=$B$17,14,0)+IF('Standard Profiles'!$G$18=$B$24,21,0),MOD($C8201,24)+1)/SUM(INDEX($D$3:$AA$30,INDEX(Jesper!$R$2:$R$366,ROW(INDEX(Jesper!AH$2:AH$366,ROUNDDOWN($C8201/24,0)+1,1))-1)+IF('Standard Profiles'!$G$18=$B$10,7,0)+IF('Standard Profiles'!$G$18=$B$17,14,0)+IF('Standard Profiles'!$G$18=$B$24,21,0),0)),0)</f>
        <v>14.714245437862354</v>
      </c>
      <c r="E8201" cm="1">
        <f t="array" ref="E8201">IFERROR(INDEX(Jesper!AI$2:AI$366,ROUNDDOWN($C8201/24,0)+1,1)*INDEX($D$3:$AA$30,INDEX(Jesper!$R$2:$R$366,ROW(INDEX(Jesper!AI$2:AI$366,ROUNDDOWN($C8201/24,0)+1,1))-1)+IF('Standard Profiles'!$G$19=$B$10,7,0)+IF('Standard Profiles'!$G$19=$B$17,14,0)+IF('Standard Profiles'!$G$19=$B$24,21,0),MOD($C8201,24)+1)/SUM(INDEX($D$3:$AA$30,INDEX(Jesper!$R$2:$R$366,ROW(INDEX(Jesper!AI$2:AI$366,ROUNDDOWN($C8201/24,0)+1,1))-1)+IF('Standard Profiles'!$G$19=$B$10,7,0)+IF('Standard Profiles'!$G$19=$B$17,14,0)+IF('Standard Profiles'!$G$19=$B$24,21,0),0)),0)</f>
        <v>0</v>
      </c>
      <c r="F8201" cm="1">
        <f t="array" ref="F8201">IFERROR(INDEX(Jesper!AJ$2:AJ$366,ROUNDDOWN($C8201/24,0)+1,1)*INDEX($D$3:$AA$30,INDEX(Jesper!$R$2:$R$366,ROW(INDEX(Jesper!AJ$2:AJ$366,ROUNDDOWN($C8201/24,0)+1,1))-1)+IF('Standard Profiles'!$G$20=$B$10,7,0)+IF('Standard Profiles'!$G$20=$B$17,14,0)+IF('Standard Profiles'!$G$20=$B$24,21,0),MOD($C8201,24)+1)/SUM(INDEX($D$3:$AA$30,INDEX(Jesper!$R$2:$R$366,ROW(INDEX(Jesper!AJ$2:AJ$366,ROUNDDOWN($C8201/24,0)+1,1))-1)+IF('Standard Profiles'!$G$20=$B$10,7,0)+IF('Standard Profiles'!$G$20=$B$17,14,0)+IF('Standard Profiles'!$G$20=$B$24,21,0),0)),0)</f>
        <v>0</v>
      </c>
      <c r="G8201" cm="1">
        <f t="array" ref="G8201">IFERROR(INDEX(Jesper!AK$2:AK$366,ROUNDDOWN($C8201/24,0)+1,1)*INDEX($D$3:$AA$30,INDEX(Jesper!$R$2:$R$366,ROW(INDEX(Jesper!AK$2:AK$366,ROUNDDOWN($C8201/24,0)+1,1))-1)+IF('Standard Profiles'!$G$21=$B$10,7,0)+IF('Standard Profiles'!$G$21=$B$17,14,0)+IF('Standard Profiles'!$G$21=$B$24,21,0),MOD($C8201,24)+1)/SUM(INDEX($D$3:$AA$30,INDEX(Jesper!$R$2:$R$366,ROW(INDEX(Jesper!AK$2:AK$366,ROUNDDOWN($C8201/24,0)+1,1))-1)+IF('Standard Profiles'!$G$21=$B$10,7,0)+IF('Standard Profiles'!$G$21=$B$17,14,0)+IF('Standard Profiles'!$G$21=$B$24,21,0),0)),0)</f>
        <v>0</v>
      </c>
      <c r="H8201" cm="1">
        <f t="array" ref="H8201">IFERROR(INDEX(Jesper!AL$2:AL$366,ROUNDDOWN($C8201/24,0)+1,1)*INDEX($D$3:$AA$30,INDEX(Jesper!$R$2:$R$366,ROW(INDEX(Jesper!AL$2:AL$366,ROUNDDOWN($C8201/24,0)+1,1))-1)+IF('Standard Profiles'!$G$22=$B$10,7,0)+IF('Standard Profiles'!$G$22=$B$17,14,0)+IF('Standard Profiles'!$G$22=$B$24,21,0),MOD($C8201,24)+1)/SUM(INDEX($D$3:$AA$30,INDEX(Jesper!$R$2:$R$366,ROW(INDEX(Jesper!AL$2:AL$366,ROUNDDOWN($C8201/24,0)+1,1))-1)+IF('Standard Profiles'!$G$22=$B$10,7,0)+IF('Standard Profiles'!$G$22=$B$17,14,0)+IF('Standard Profiles'!$G$22=$B$24,21,0),0)),0)</f>
        <v>0</v>
      </c>
      <c r="I8201">
        <f t="shared" si="909"/>
        <v>0.44142736313587061</v>
      </c>
      <c r="J8201">
        <f t="shared" si="910"/>
        <v>1.4714245437862354</v>
      </c>
      <c r="K8201">
        <f t="shared" si="911"/>
        <v>2.2071368156793532</v>
      </c>
      <c r="L8201">
        <f t="shared" si="912"/>
        <v>10.594256715260896</v>
      </c>
      <c r="M8201">
        <f t="shared" si="913"/>
        <v>0</v>
      </c>
      <c r="N8201" s="46">
        <f t="shared" si="914"/>
        <v>45632.291666646859</v>
      </c>
    </row>
    <row r="8202" spans="2:14" x14ac:dyDescent="0.3">
      <c r="B8202">
        <f t="shared" si="908"/>
        <v>5</v>
      </c>
      <c r="C8202" s="16">
        <v>8168</v>
      </c>
      <c r="D8202" cm="1">
        <f t="array" ref="D8202">IFERROR(INDEX(Jesper!AH$2:AH$366,ROUNDDOWN($C8202/24,0)+1,1)*INDEX($D$3:$AA$30,INDEX(Jesper!$R$2:$R$366,ROW(INDEX(Jesper!AH$2:AH$366,ROUNDDOWN($C8202/24,0)+1,1))-1)+IF('Standard Profiles'!$G$18=$B$10,7,0)+IF('Standard Profiles'!$G$18=$B$17,14,0)+IF('Standard Profiles'!$G$18=$B$24,21,0),MOD($C8202,24)+1)/SUM(INDEX($D$3:$AA$30,INDEX(Jesper!$R$2:$R$366,ROW(INDEX(Jesper!AH$2:AH$366,ROUNDDOWN($C8202/24,0)+1,1))-1)+IF('Standard Profiles'!$G$18=$B$10,7,0)+IF('Standard Profiles'!$G$18=$B$17,14,0)+IF('Standard Profiles'!$G$18=$B$24,21,0),0)),0)</f>
        <v>14.714245437862354</v>
      </c>
      <c r="E8202" cm="1">
        <f t="array" ref="E8202">IFERROR(INDEX(Jesper!AI$2:AI$366,ROUNDDOWN($C8202/24,0)+1,1)*INDEX($D$3:$AA$30,INDEX(Jesper!$R$2:$R$366,ROW(INDEX(Jesper!AI$2:AI$366,ROUNDDOWN($C8202/24,0)+1,1))-1)+IF('Standard Profiles'!$G$19=$B$10,7,0)+IF('Standard Profiles'!$G$19=$B$17,14,0)+IF('Standard Profiles'!$G$19=$B$24,21,0),MOD($C8202,24)+1)/SUM(INDEX($D$3:$AA$30,INDEX(Jesper!$R$2:$R$366,ROW(INDEX(Jesper!AI$2:AI$366,ROUNDDOWN($C8202/24,0)+1,1))-1)+IF('Standard Profiles'!$G$19=$B$10,7,0)+IF('Standard Profiles'!$G$19=$B$17,14,0)+IF('Standard Profiles'!$G$19=$B$24,21,0),0)),0)</f>
        <v>0</v>
      </c>
      <c r="F8202" cm="1">
        <f t="array" ref="F8202">IFERROR(INDEX(Jesper!AJ$2:AJ$366,ROUNDDOWN($C8202/24,0)+1,1)*INDEX($D$3:$AA$30,INDEX(Jesper!$R$2:$R$366,ROW(INDEX(Jesper!AJ$2:AJ$366,ROUNDDOWN($C8202/24,0)+1,1))-1)+IF('Standard Profiles'!$G$20=$B$10,7,0)+IF('Standard Profiles'!$G$20=$B$17,14,0)+IF('Standard Profiles'!$G$20=$B$24,21,0),MOD($C8202,24)+1)/SUM(INDEX($D$3:$AA$30,INDEX(Jesper!$R$2:$R$366,ROW(INDEX(Jesper!AJ$2:AJ$366,ROUNDDOWN($C8202/24,0)+1,1))-1)+IF('Standard Profiles'!$G$20=$B$10,7,0)+IF('Standard Profiles'!$G$20=$B$17,14,0)+IF('Standard Profiles'!$G$20=$B$24,21,0),0)),0)</f>
        <v>0</v>
      </c>
      <c r="G8202" cm="1">
        <f t="array" ref="G8202">IFERROR(INDEX(Jesper!AK$2:AK$366,ROUNDDOWN($C8202/24,0)+1,1)*INDEX($D$3:$AA$30,INDEX(Jesper!$R$2:$R$366,ROW(INDEX(Jesper!AK$2:AK$366,ROUNDDOWN($C8202/24,0)+1,1))-1)+IF('Standard Profiles'!$G$21=$B$10,7,0)+IF('Standard Profiles'!$G$21=$B$17,14,0)+IF('Standard Profiles'!$G$21=$B$24,21,0),MOD($C8202,24)+1)/SUM(INDEX($D$3:$AA$30,INDEX(Jesper!$R$2:$R$366,ROW(INDEX(Jesper!AK$2:AK$366,ROUNDDOWN($C8202/24,0)+1,1))-1)+IF('Standard Profiles'!$G$21=$B$10,7,0)+IF('Standard Profiles'!$G$21=$B$17,14,0)+IF('Standard Profiles'!$G$21=$B$24,21,0),0)),0)</f>
        <v>0</v>
      </c>
      <c r="H8202" cm="1">
        <f t="array" ref="H8202">IFERROR(INDEX(Jesper!AL$2:AL$366,ROUNDDOWN($C8202/24,0)+1,1)*INDEX($D$3:$AA$30,INDEX(Jesper!$R$2:$R$366,ROW(INDEX(Jesper!AL$2:AL$366,ROUNDDOWN($C8202/24,0)+1,1))-1)+IF('Standard Profiles'!$G$22=$B$10,7,0)+IF('Standard Profiles'!$G$22=$B$17,14,0)+IF('Standard Profiles'!$G$22=$B$24,21,0),MOD($C8202,24)+1)/SUM(INDEX($D$3:$AA$30,INDEX(Jesper!$R$2:$R$366,ROW(INDEX(Jesper!AL$2:AL$366,ROUNDDOWN($C8202/24,0)+1,1))-1)+IF('Standard Profiles'!$G$22=$B$10,7,0)+IF('Standard Profiles'!$G$22=$B$17,14,0)+IF('Standard Profiles'!$G$22=$B$24,21,0),0)),0)</f>
        <v>0</v>
      </c>
      <c r="I8202">
        <f t="shared" si="909"/>
        <v>0.44142736313587061</v>
      </c>
      <c r="J8202">
        <f t="shared" si="910"/>
        <v>1.4714245437862354</v>
      </c>
      <c r="K8202">
        <f t="shared" si="911"/>
        <v>2.2071368156793532</v>
      </c>
      <c r="L8202">
        <f t="shared" si="912"/>
        <v>10.594256715260896</v>
      </c>
      <c r="M8202">
        <f t="shared" si="913"/>
        <v>0</v>
      </c>
      <c r="N8202" s="46">
        <f t="shared" si="914"/>
        <v>45632.333333313523</v>
      </c>
    </row>
    <row r="8203" spans="2:14" x14ac:dyDescent="0.3">
      <c r="B8203">
        <f t="shared" si="908"/>
        <v>5</v>
      </c>
      <c r="C8203" s="16">
        <v>8169</v>
      </c>
      <c r="D8203" cm="1">
        <f t="array" ref="D8203">IFERROR(INDEX(Jesper!AH$2:AH$366,ROUNDDOWN($C8203/24,0)+1,1)*INDEX($D$3:$AA$30,INDEX(Jesper!$R$2:$R$366,ROW(INDEX(Jesper!AH$2:AH$366,ROUNDDOWN($C8203/24,0)+1,1))-1)+IF('Standard Profiles'!$G$18=$B$10,7,0)+IF('Standard Profiles'!$G$18=$B$17,14,0)+IF('Standard Profiles'!$G$18=$B$24,21,0),MOD($C8203,24)+1)/SUM(INDEX($D$3:$AA$30,INDEX(Jesper!$R$2:$R$366,ROW(INDEX(Jesper!AH$2:AH$366,ROUNDDOWN($C8203/24,0)+1,1))-1)+IF('Standard Profiles'!$G$18=$B$10,7,0)+IF('Standard Profiles'!$G$18=$B$17,14,0)+IF('Standard Profiles'!$G$18=$B$24,21,0),0)),0)</f>
        <v>15.765262969138236</v>
      </c>
      <c r="E8203" cm="1">
        <f t="array" ref="E8203">IFERROR(INDEX(Jesper!AI$2:AI$366,ROUNDDOWN($C8203/24,0)+1,1)*INDEX($D$3:$AA$30,INDEX(Jesper!$R$2:$R$366,ROW(INDEX(Jesper!AI$2:AI$366,ROUNDDOWN($C8203/24,0)+1,1))-1)+IF('Standard Profiles'!$G$19=$B$10,7,0)+IF('Standard Profiles'!$G$19=$B$17,14,0)+IF('Standard Profiles'!$G$19=$B$24,21,0),MOD($C8203,24)+1)/SUM(INDEX($D$3:$AA$30,INDEX(Jesper!$R$2:$R$366,ROW(INDEX(Jesper!AI$2:AI$366,ROUNDDOWN($C8203/24,0)+1,1))-1)+IF('Standard Profiles'!$G$19=$B$10,7,0)+IF('Standard Profiles'!$G$19=$B$17,14,0)+IF('Standard Profiles'!$G$19=$B$24,21,0),0)),0)</f>
        <v>0</v>
      </c>
      <c r="F8203" cm="1">
        <f t="array" ref="F8203">IFERROR(INDEX(Jesper!AJ$2:AJ$366,ROUNDDOWN($C8203/24,0)+1,1)*INDEX($D$3:$AA$30,INDEX(Jesper!$R$2:$R$366,ROW(INDEX(Jesper!AJ$2:AJ$366,ROUNDDOWN($C8203/24,0)+1,1))-1)+IF('Standard Profiles'!$G$20=$B$10,7,0)+IF('Standard Profiles'!$G$20=$B$17,14,0)+IF('Standard Profiles'!$G$20=$B$24,21,0),MOD($C8203,24)+1)/SUM(INDEX($D$3:$AA$30,INDEX(Jesper!$R$2:$R$366,ROW(INDEX(Jesper!AJ$2:AJ$366,ROUNDDOWN($C8203/24,0)+1,1))-1)+IF('Standard Profiles'!$G$20=$B$10,7,0)+IF('Standard Profiles'!$G$20=$B$17,14,0)+IF('Standard Profiles'!$G$20=$B$24,21,0),0)),0)</f>
        <v>0</v>
      </c>
      <c r="G8203" cm="1">
        <f t="array" ref="G8203">IFERROR(INDEX(Jesper!AK$2:AK$366,ROUNDDOWN($C8203/24,0)+1,1)*INDEX($D$3:$AA$30,INDEX(Jesper!$R$2:$R$366,ROW(INDEX(Jesper!AK$2:AK$366,ROUNDDOWN($C8203/24,0)+1,1))-1)+IF('Standard Profiles'!$G$21=$B$10,7,0)+IF('Standard Profiles'!$G$21=$B$17,14,0)+IF('Standard Profiles'!$G$21=$B$24,21,0),MOD($C8203,24)+1)/SUM(INDEX($D$3:$AA$30,INDEX(Jesper!$R$2:$R$366,ROW(INDEX(Jesper!AK$2:AK$366,ROUNDDOWN($C8203/24,0)+1,1))-1)+IF('Standard Profiles'!$G$21=$B$10,7,0)+IF('Standard Profiles'!$G$21=$B$17,14,0)+IF('Standard Profiles'!$G$21=$B$24,21,0),0)),0)</f>
        <v>0</v>
      </c>
      <c r="H8203" cm="1">
        <f t="array" ref="H8203">IFERROR(INDEX(Jesper!AL$2:AL$366,ROUNDDOWN($C8203/24,0)+1,1)*INDEX($D$3:$AA$30,INDEX(Jesper!$R$2:$R$366,ROW(INDEX(Jesper!AL$2:AL$366,ROUNDDOWN($C8203/24,0)+1,1))-1)+IF('Standard Profiles'!$G$22=$B$10,7,0)+IF('Standard Profiles'!$G$22=$B$17,14,0)+IF('Standard Profiles'!$G$22=$B$24,21,0),MOD($C8203,24)+1)/SUM(INDEX($D$3:$AA$30,INDEX(Jesper!$R$2:$R$366,ROW(INDEX(Jesper!AL$2:AL$366,ROUNDDOWN($C8203/24,0)+1,1))-1)+IF('Standard Profiles'!$G$22=$B$10,7,0)+IF('Standard Profiles'!$G$22=$B$17,14,0)+IF('Standard Profiles'!$G$22=$B$24,21,0),0)),0)</f>
        <v>0</v>
      </c>
      <c r="I8203">
        <f t="shared" si="909"/>
        <v>0.47295788907414704</v>
      </c>
      <c r="J8203">
        <f t="shared" si="910"/>
        <v>1.5765262969138236</v>
      </c>
      <c r="K8203">
        <f t="shared" si="911"/>
        <v>2.3647894453707354</v>
      </c>
      <c r="L8203">
        <f t="shared" si="912"/>
        <v>11.350989337779529</v>
      </c>
      <c r="M8203">
        <f t="shared" si="913"/>
        <v>0</v>
      </c>
      <c r="N8203" s="46">
        <f t="shared" si="914"/>
        <v>45632.374999980188</v>
      </c>
    </row>
    <row r="8204" spans="2:14" x14ac:dyDescent="0.3">
      <c r="B8204">
        <f t="shared" si="908"/>
        <v>5</v>
      </c>
      <c r="C8204" s="16">
        <v>8170</v>
      </c>
      <c r="D8204" cm="1">
        <f t="array" ref="D8204">IFERROR(INDEX(Jesper!AH$2:AH$366,ROUNDDOWN($C8204/24,0)+1,1)*INDEX($D$3:$AA$30,INDEX(Jesper!$R$2:$R$366,ROW(INDEX(Jesper!AH$2:AH$366,ROUNDDOWN($C8204/24,0)+1,1))-1)+IF('Standard Profiles'!$G$18=$B$10,7,0)+IF('Standard Profiles'!$G$18=$B$17,14,0)+IF('Standard Profiles'!$G$18=$B$24,21,0),MOD($C8204,24)+1)/SUM(INDEX($D$3:$AA$30,INDEX(Jesper!$R$2:$R$366,ROW(INDEX(Jesper!AH$2:AH$366,ROUNDDOWN($C8204/24,0)+1,1))-1)+IF('Standard Profiles'!$G$18=$B$10,7,0)+IF('Standard Profiles'!$G$18=$B$17,14,0)+IF('Standard Profiles'!$G$18=$B$24,21,0),0)),0)</f>
        <v>16.395873487903767</v>
      </c>
      <c r="E8204" cm="1">
        <f t="array" ref="E8204">IFERROR(INDEX(Jesper!AI$2:AI$366,ROUNDDOWN($C8204/24,0)+1,1)*INDEX($D$3:$AA$30,INDEX(Jesper!$R$2:$R$366,ROW(INDEX(Jesper!AI$2:AI$366,ROUNDDOWN($C8204/24,0)+1,1))-1)+IF('Standard Profiles'!$G$19=$B$10,7,0)+IF('Standard Profiles'!$G$19=$B$17,14,0)+IF('Standard Profiles'!$G$19=$B$24,21,0),MOD($C8204,24)+1)/SUM(INDEX($D$3:$AA$30,INDEX(Jesper!$R$2:$R$366,ROW(INDEX(Jesper!AI$2:AI$366,ROUNDDOWN($C8204/24,0)+1,1))-1)+IF('Standard Profiles'!$G$19=$B$10,7,0)+IF('Standard Profiles'!$G$19=$B$17,14,0)+IF('Standard Profiles'!$G$19=$B$24,21,0),0)),0)</f>
        <v>0</v>
      </c>
      <c r="F8204" cm="1">
        <f t="array" ref="F8204">IFERROR(INDEX(Jesper!AJ$2:AJ$366,ROUNDDOWN($C8204/24,0)+1,1)*INDEX($D$3:$AA$30,INDEX(Jesper!$R$2:$R$366,ROW(INDEX(Jesper!AJ$2:AJ$366,ROUNDDOWN($C8204/24,0)+1,1))-1)+IF('Standard Profiles'!$G$20=$B$10,7,0)+IF('Standard Profiles'!$G$20=$B$17,14,0)+IF('Standard Profiles'!$G$20=$B$24,21,0),MOD($C8204,24)+1)/SUM(INDEX($D$3:$AA$30,INDEX(Jesper!$R$2:$R$366,ROW(INDEX(Jesper!AJ$2:AJ$366,ROUNDDOWN($C8204/24,0)+1,1))-1)+IF('Standard Profiles'!$G$20=$B$10,7,0)+IF('Standard Profiles'!$G$20=$B$17,14,0)+IF('Standard Profiles'!$G$20=$B$24,21,0),0)),0)</f>
        <v>0</v>
      </c>
      <c r="G8204" cm="1">
        <f t="array" ref="G8204">IFERROR(INDEX(Jesper!AK$2:AK$366,ROUNDDOWN($C8204/24,0)+1,1)*INDEX($D$3:$AA$30,INDEX(Jesper!$R$2:$R$366,ROW(INDEX(Jesper!AK$2:AK$366,ROUNDDOWN($C8204/24,0)+1,1))-1)+IF('Standard Profiles'!$G$21=$B$10,7,0)+IF('Standard Profiles'!$G$21=$B$17,14,0)+IF('Standard Profiles'!$G$21=$B$24,21,0),MOD($C8204,24)+1)/SUM(INDEX($D$3:$AA$30,INDEX(Jesper!$R$2:$R$366,ROW(INDEX(Jesper!AK$2:AK$366,ROUNDDOWN($C8204/24,0)+1,1))-1)+IF('Standard Profiles'!$G$21=$B$10,7,0)+IF('Standard Profiles'!$G$21=$B$17,14,0)+IF('Standard Profiles'!$G$21=$B$24,21,0),0)),0)</f>
        <v>0</v>
      </c>
      <c r="H8204" cm="1">
        <f t="array" ref="H8204">IFERROR(INDEX(Jesper!AL$2:AL$366,ROUNDDOWN($C8204/24,0)+1,1)*INDEX($D$3:$AA$30,INDEX(Jesper!$R$2:$R$366,ROW(INDEX(Jesper!AL$2:AL$366,ROUNDDOWN($C8204/24,0)+1,1))-1)+IF('Standard Profiles'!$G$22=$B$10,7,0)+IF('Standard Profiles'!$G$22=$B$17,14,0)+IF('Standard Profiles'!$G$22=$B$24,21,0),MOD($C8204,24)+1)/SUM(INDEX($D$3:$AA$30,INDEX(Jesper!$R$2:$R$366,ROW(INDEX(Jesper!AL$2:AL$366,ROUNDDOWN($C8204/24,0)+1,1))-1)+IF('Standard Profiles'!$G$22=$B$10,7,0)+IF('Standard Profiles'!$G$22=$B$17,14,0)+IF('Standard Profiles'!$G$22=$B$24,21,0),0)),0)</f>
        <v>0</v>
      </c>
      <c r="I8204">
        <f t="shared" si="909"/>
        <v>0.49187620463711301</v>
      </c>
      <c r="J8204">
        <f t="shared" si="910"/>
        <v>1.6395873487903767</v>
      </c>
      <c r="K8204">
        <f t="shared" si="911"/>
        <v>2.4593810231855651</v>
      </c>
      <c r="L8204">
        <f t="shared" si="912"/>
        <v>11.805028911290712</v>
      </c>
      <c r="M8204">
        <f t="shared" si="913"/>
        <v>0</v>
      </c>
      <c r="N8204" s="46">
        <f t="shared" si="914"/>
        <v>45632.416666646852</v>
      </c>
    </row>
    <row r="8205" spans="2:14" x14ac:dyDescent="0.3">
      <c r="B8205">
        <f t="shared" si="908"/>
        <v>5</v>
      </c>
      <c r="C8205" s="16">
        <v>8171</v>
      </c>
      <c r="D8205" cm="1">
        <f t="array" ref="D8205">IFERROR(INDEX(Jesper!AH$2:AH$366,ROUNDDOWN($C8205/24,0)+1,1)*INDEX($D$3:$AA$30,INDEX(Jesper!$R$2:$R$366,ROW(INDEX(Jesper!AH$2:AH$366,ROUNDDOWN($C8205/24,0)+1,1))-1)+IF('Standard Profiles'!$G$18=$B$10,7,0)+IF('Standard Profiles'!$G$18=$B$17,14,0)+IF('Standard Profiles'!$G$18=$B$24,21,0),MOD($C8205,24)+1)/SUM(INDEX($D$3:$AA$30,INDEX(Jesper!$R$2:$R$366,ROW(INDEX(Jesper!AH$2:AH$366,ROUNDDOWN($C8205/24,0)+1,1))-1)+IF('Standard Profiles'!$G$18=$B$10,7,0)+IF('Standard Profiles'!$G$18=$B$17,14,0)+IF('Standard Profiles'!$G$18=$B$24,21,0),0)),0)</f>
        <v>18.918315562965883</v>
      </c>
      <c r="E8205" cm="1">
        <f t="array" ref="E8205">IFERROR(INDEX(Jesper!AI$2:AI$366,ROUNDDOWN($C8205/24,0)+1,1)*INDEX($D$3:$AA$30,INDEX(Jesper!$R$2:$R$366,ROW(INDEX(Jesper!AI$2:AI$366,ROUNDDOWN($C8205/24,0)+1,1))-1)+IF('Standard Profiles'!$G$19=$B$10,7,0)+IF('Standard Profiles'!$G$19=$B$17,14,0)+IF('Standard Profiles'!$G$19=$B$24,21,0),MOD($C8205,24)+1)/SUM(INDEX($D$3:$AA$30,INDEX(Jesper!$R$2:$R$366,ROW(INDEX(Jesper!AI$2:AI$366,ROUNDDOWN($C8205/24,0)+1,1))-1)+IF('Standard Profiles'!$G$19=$B$10,7,0)+IF('Standard Profiles'!$G$19=$B$17,14,0)+IF('Standard Profiles'!$G$19=$B$24,21,0),0)),0)</f>
        <v>0</v>
      </c>
      <c r="F8205" cm="1">
        <f t="array" ref="F8205">IFERROR(INDEX(Jesper!AJ$2:AJ$366,ROUNDDOWN($C8205/24,0)+1,1)*INDEX($D$3:$AA$30,INDEX(Jesper!$R$2:$R$366,ROW(INDEX(Jesper!AJ$2:AJ$366,ROUNDDOWN($C8205/24,0)+1,1))-1)+IF('Standard Profiles'!$G$20=$B$10,7,0)+IF('Standard Profiles'!$G$20=$B$17,14,0)+IF('Standard Profiles'!$G$20=$B$24,21,0),MOD($C8205,24)+1)/SUM(INDEX($D$3:$AA$30,INDEX(Jesper!$R$2:$R$366,ROW(INDEX(Jesper!AJ$2:AJ$366,ROUNDDOWN($C8205/24,0)+1,1))-1)+IF('Standard Profiles'!$G$20=$B$10,7,0)+IF('Standard Profiles'!$G$20=$B$17,14,0)+IF('Standard Profiles'!$G$20=$B$24,21,0),0)),0)</f>
        <v>0</v>
      </c>
      <c r="G8205" cm="1">
        <f t="array" ref="G8205">IFERROR(INDEX(Jesper!AK$2:AK$366,ROUNDDOWN($C8205/24,0)+1,1)*INDEX($D$3:$AA$30,INDEX(Jesper!$R$2:$R$366,ROW(INDEX(Jesper!AK$2:AK$366,ROUNDDOWN($C8205/24,0)+1,1))-1)+IF('Standard Profiles'!$G$21=$B$10,7,0)+IF('Standard Profiles'!$G$21=$B$17,14,0)+IF('Standard Profiles'!$G$21=$B$24,21,0),MOD($C8205,24)+1)/SUM(INDEX($D$3:$AA$30,INDEX(Jesper!$R$2:$R$366,ROW(INDEX(Jesper!AK$2:AK$366,ROUNDDOWN($C8205/24,0)+1,1))-1)+IF('Standard Profiles'!$G$21=$B$10,7,0)+IF('Standard Profiles'!$G$21=$B$17,14,0)+IF('Standard Profiles'!$G$21=$B$24,21,0),0)),0)</f>
        <v>0</v>
      </c>
      <c r="H8205" cm="1">
        <f t="array" ref="H8205">IFERROR(INDEX(Jesper!AL$2:AL$366,ROUNDDOWN($C8205/24,0)+1,1)*INDEX($D$3:$AA$30,INDEX(Jesper!$R$2:$R$366,ROW(INDEX(Jesper!AL$2:AL$366,ROUNDDOWN($C8205/24,0)+1,1))-1)+IF('Standard Profiles'!$G$22=$B$10,7,0)+IF('Standard Profiles'!$G$22=$B$17,14,0)+IF('Standard Profiles'!$G$22=$B$24,21,0),MOD($C8205,24)+1)/SUM(INDEX($D$3:$AA$30,INDEX(Jesper!$R$2:$R$366,ROW(INDEX(Jesper!AL$2:AL$366,ROUNDDOWN($C8205/24,0)+1,1))-1)+IF('Standard Profiles'!$G$22=$B$10,7,0)+IF('Standard Profiles'!$G$22=$B$17,14,0)+IF('Standard Profiles'!$G$22=$B$24,21,0),0)),0)</f>
        <v>0</v>
      </c>
      <c r="I8205">
        <f t="shared" si="909"/>
        <v>0.56754946688897645</v>
      </c>
      <c r="J8205">
        <f t="shared" si="910"/>
        <v>1.8918315562965884</v>
      </c>
      <c r="K8205">
        <f t="shared" si="911"/>
        <v>2.8377473344448823</v>
      </c>
      <c r="L8205">
        <f t="shared" si="912"/>
        <v>13.621187205335435</v>
      </c>
      <c r="M8205">
        <f t="shared" si="913"/>
        <v>0</v>
      </c>
      <c r="N8205" s="46">
        <f t="shared" si="914"/>
        <v>45632.458333313516</v>
      </c>
    </row>
    <row r="8206" spans="2:14" x14ac:dyDescent="0.3">
      <c r="B8206">
        <f t="shared" si="908"/>
        <v>5</v>
      </c>
      <c r="C8206" s="16">
        <v>8172</v>
      </c>
      <c r="D8206" cm="1">
        <f t="array" ref="D8206">IFERROR(INDEX(Jesper!AH$2:AH$366,ROUNDDOWN($C8206/24,0)+1,1)*INDEX($D$3:$AA$30,INDEX(Jesper!$R$2:$R$366,ROW(INDEX(Jesper!AH$2:AH$366,ROUNDDOWN($C8206/24,0)+1,1))-1)+IF('Standard Profiles'!$G$18=$B$10,7,0)+IF('Standard Profiles'!$G$18=$B$17,14,0)+IF('Standard Profiles'!$G$18=$B$24,21,0),MOD($C8206,24)+1)/SUM(INDEX($D$3:$AA$30,INDEX(Jesper!$R$2:$R$366,ROW(INDEX(Jesper!AH$2:AH$366,ROUNDDOWN($C8206/24,0)+1,1))-1)+IF('Standard Profiles'!$G$18=$B$10,7,0)+IF('Standard Profiles'!$G$18=$B$17,14,0)+IF('Standard Profiles'!$G$18=$B$24,21,0),0)),0)</f>
        <v>18.918315562965883</v>
      </c>
      <c r="E8206" cm="1">
        <f t="array" ref="E8206">IFERROR(INDEX(Jesper!AI$2:AI$366,ROUNDDOWN($C8206/24,0)+1,1)*INDEX($D$3:$AA$30,INDEX(Jesper!$R$2:$R$366,ROW(INDEX(Jesper!AI$2:AI$366,ROUNDDOWN($C8206/24,0)+1,1))-1)+IF('Standard Profiles'!$G$19=$B$10,7,0)+IF('Standard Profiles'!$G$19=$B$17,14,0)+IF('Standard Profiles'!$G$19=$B$24,21,0),MOD($C8206,24)+1)/SUM(INDEX($D$3:$AA$30,INDEX(Jesper!$R$2:$R$366,ROW(INDEX(Jesper!AI$2:AI$366,ROUNDDOWN($C8206/24,0)+1,1))-1)+IF('Standard Profiles'!$G$19=$B$10,7,0)+IF('Standard Profiles'!$G$19=$B$17,14,0)+IF('Standard Profiles'!$G$19=$B$24,21,0),0)),0)</f>
        <v>0</v>
      </c>
      <c r="F8206" cm="1">
        <f t="array" ref="F8206">IFERROR(INDEX(Jesper!AJ$2:AJ$366,ROUNDDOWN($C8206/24,0)+1,1)*INDEX($D$3:$AA$30,INDEX(Jesper!$R$2:$R$366,ROW(INDEX(Jesper!AJ$2:AJ$366,ROUNDDOWN($C8206/24,0)+1,1))-1)+IF('Standard Profiles'!$G$20=$B$10,7,0)+IF('Standard Profiles'!$G$20=$B$17,14,0)+IF('Standard Profiles'!$G$20=$B$24,21,0),MOD($C8206,24)+1)/SUM(INDEX($D$3:$AA$30,INDEX(Jesper!$R$2:$R$366,ROW(INDEX(Jesper!AJ$2:AJ$366,ROUNDDOWN($C8206/24,0)+1,1))-1)+IF('Standard Profiles'!$G$20=$B$10,7,0)+IF('Standard Profiles'!$G$20=$B$17,14,0)+IF('Standard Profiles'!$G$20=$B$24,21,0),0)),0)</f>
        <v>0</v>
      </c>
      <c r="G8206" cm="1">
        <f t="array" ref="G8206">IFERROR(INDEX(Jesper!AK$2:AK$366,ROUNDDOWN($C8206/24,0)+1,1)*INDEX($D$3:$AA$30,INDEX(Jesper!$R$2:$R$366,ROW(INDEX(Jesper!AK$2:AK$366,ROUNDDOWN($C8206/24,0)+1,1))-1)+IF('Standard Profiles'!$G$21=$B$10,7,0)+IF('Standard Profiles'!$G$21=$B$17,14,0)+IF('Standard Profiles'!$G$21=$B$24,21,0),MOD($C8206,24)+1)/SUM(INDEX($D$3:$AA$30,INDEX(Jesper!$R$2:$R$366,ROW(INDEX(Jesper!AK$2:AK$366,ROUNDDOWN($C8206/24,0)+1,1))-1)+IF('Standard Profiles'!$G$21=$B$10,7,0)+IF('Standard Profiles'!$G$21=$B$17,14,0)+IF('Standard Profiles'!$G$21=$B$24,21,0),0)),0)</f>
        <v>0</v>
      </c>
      <c r="H8206" cm="1">
        <f t="array" ref="H8206">IFERROR(INDEX(Jesper!AL$2:AL$366,ROUNDDOWN($C8206/24,0)+1,1)*INDEX($D$3:$AA$30,INDEX(Jesper!$R$2:$R$366,ROW(INDEX(Jesper!AL$2:AL$366,ROUNDDOWN($C8206/24,0)+1,1))-1)+IF('Standard Profiles'!$G$22=$B$10,7,0)+IF('Standard Profiles'!$G$22=$B$17,14,0)+IF('Standard Profiles'!$G$22=$B$24,21,0),MOD($C8206,24)+1)/SUM(INDEX($D$3:$AA$30,INDEX(Jesper!$R$2:$R$366,ROW(INDEX(Jesper!AL$2:AL$366,ROUNDDOWN($C8206/24,0)+1,1))-1)+IF('Standard Profiles'!$G$22=$B$10,7,0)+IF('Standard Profiles'!$G$22=$B$17,14,0)+IF('Standard Profiles'!$G$22=$B$24,21,0),0)),0)</f>
        <v>0</v>
      </c>
      <c r="I8206">
        <f t="shared" si="909"/>
        <v>0.56754946688897645</v>
      </c>
      <c r="J8206">
        <f t="shared" si="910"/>
        <v>1.8918315562965884</v>
      </c>
      <c r="K8206">
        <f t="shared" si="911"/>
        <v>2.8377473344448823</v>
      </c>
      <c r="L8206">
        <f t="shared" si="912"/>
        <v>13.621187205335435</v>
      </c>
      <c r="M8206">
        <f t="shared" si="913"/>
        <v>0</v>
      </c>
      <c r="N8206" s="46">
        <f t="shared" si="914"/>
        <v>45632.49999998018</v>
      </c>
    </row>
    <row r="8207" spans="2:14" x14ac:dyDescent="0.3">
      <c r="B8207">
        <f t="shared" si="908"/>
        <v>5</v>
      </c>
      <c r="C8207" s="16">
        <v>8173</v>
      </c>
      <c r="D8207" cm="1">
        <f t="array" ref="D8207">IFERROR(INDEX(Jesper!AH$2:AH$366,ROUNDDOWN($C8207/24,0)+1,1)*INDEX($D$3:$AA$30,INDEX(Jesper!$R$2:$R$366,ROW(INDEX(Jesper!AH$2:AH$366,ROUNDDOWN($C8207/24,0)+1,1))-1)+IF('Standard Profiles'!$G$18=$B$10,7,0)+IF('Standard Profiles'!$G$18=$B$17,14,0)+IF('Standard Profiles'!$G$18=$B$24,21,0),MOD($C8207,24)+1)/SUM(INDEX($D$3:$AA$30,INDEX(Jesper!$R$2:$R$366,ROW(INDEX(Jesper!AH$2:AH$366,ROUNDDOWN($C8207/24,0)+1,1))-1)+IF('Standard Profiles'!$G$18=$B$10,7,0)+IF('Standard Profiles'!$G$18=$B$17,14,0)+IF('Standard Profiles'!$G$18=$B$24,21,0),0)),0)</f>
        <v>18.918315562965883</v>
      </c>
      <c r="E8207" cm="1">
        <f t="array" ref="E8207">IFERROR(INDEX(Jesper!AI$2:AI$366,ROUNDDOWN($C8207/24,0)+1,1)*INDEX($D$3:$AA$30,INDEX(Jesper!$R$2:$R$366,ROW(INDEX(Jesper!AI$2:AI$366,ROUNDDOWN($C8207/24,0)+1,1))-1)+IF('Standard Profiles'!$G$19=$B$10,7,0)+IF('Standard Profiles'!$G$19=$B$17,14,0)+IF('Standard Profiles'!$G$19=$B$24,21,0),MOD($C8207,24)+1)/SUM(INDEX($D$3:$AA$30,INDEX(Jesper!$R$2:$R$366,ROW(INDEX(Jesper!AI$2:AI$366,ROUNDDOWN($C8207/24,0)+1,1))-1)+IF('Standard Profiles'!$G$19=$B$10,7,0)+IF('Standard Profiles'!$G$19=$B$17,14,0)+IF('Standard Profiles'!$G$19=$B$24,21,0),0)),0)</f>
        <v>0</v>
      </c>
      <c r="F8207" cm="1">
        <f t="array" ref="F8207">IFERROR(INDEX(Jesper!AJ$2:AJ$366,ROUNDDOWN($C8207/24,0)+1,1)*INDEX($D$3:$AA$30,INDEX(Jesper!$R$2:$R$366,ROW(INDEX(Jesper!AJ$2:AJ$366,ROUNDDOWN($C8207/24,0)+1,1))-1)+IF('Standard Profiles'!$G$20=$B$10,7,0)+IF('Standard Profiles'!$G$20=$B$17,14,0)+IF('Standard Profiles'!$G$20=$B$24,21,0),MOD($C8207,24)+1)/SUM(INDEX($D$3:$AA$30,INDEX(Jesper!$R$2:$R$366,ROW(INDEX(Jesper!AJ$2:AJ$366,ROUNDDOWN($C8207/24,0)+1,1))-1)+IF('Standard Profiles'!$G$20=$B$10,7,0)+IF('Standard Profiles'!$G$20=$B$17,14,0)+IF('Standard Profiles'!$G$20=$B$24,21,0),0)),0)</f>
        <v>0</v>
      </c>
      <c r="G8207" cm="1">
        <f t="array" ref="G8207">IFERROR(INDEX(Jesper!AK$2:AK$366,ROUNDDOWN($C8207/24,0)+1,1)*INDEX($D$3:$AA$30,INDEX(Jesper!$R$2:$R$366,ROW(INDEX(Jesper!AK$2:AK$366,ROUNDDOWN($C8207/24,0)+1,1))-1)+IF('Standard Profiles'!$G$21=$B$10,7,0)+IF('Standard Profiles'!$G$21=$B$17,14,0)+IF('Standard Profiles'!$G$21=$B$24,21,0),MOD($C8207,24)+1)/SUM(INDEX($D$3:$AA$30,INDEX(Jesper!$R$2:$R$366,ROW(INDEX(Jesper!AK$2:AK$366,ROUNDDOWN($C8207/24,0)+1,1))-1)+IF('Standard Profiles'!$G$21=$B$10,7,0)+IF('Standard Profiles'!$G$21=$B$17,14,0)+IF('Standard Profiles'!$G$21=$B$24,21,0),0)),0)</f>
        <v>0</v>
      </c>
      <c r="H8207" cm="1">
        <f t="array" ref="H8207">IFERROR(INDEX(Jesper!AL$2:AL$366,ROUNDDOWN($C8207/24,0)+1,1)*INDEX($D$3:$AA$30,INDEX(Jesper!$R$2:$R$366,ROW(INDEX(Jesper!AL$2:AL$366,ROUNDDOWN($C8207/24,0)+1,1))-1)+IF('Standard Profiles'!$G$22=$B$10,7,0)+IF('Standard Profiles'!$G$22=$B$17,14,0)+IF('Standard Profiles'!$G$22=$B$24,21,0),MOD($C8207,24)+1)/SUM(INDEX($D$3:$AA$30,INDEX(Jesper!$R$2:$R$366,ROW(INDEX(Jesper!AL$2:AL$366,ROUNDDOWN($C8207/24,0)+1,1))-1)+IF('Standard Profiles'!$G$22=$B$10,7,0)+IF('Standard Profiles'!$G$22=$B$17,14,0)+IF('Standard Profiles'!$G$22=$B$24,21,0),0)),0)</f>
        <v>0</v>
      </c>
      <c r="I8207">
        <f t="shared" si="909"/>
        <v>0.56754946688897645</v>
      </c>
      <c r="J8207">
        <f t="shared" si="910"/>
        <v>1.8918315562965884</v>
      </c>
      <c r="K8207">
        <f t="shared" si="911"/>
        <v>2.8377473344448823</v>
      </c>
      <c r="L8207">
        <f t="shared" si="912"/>
        <v>13.621187205335435</v>
      </c>
      <c r="M8207">
        <f t="shared" si="913"/>
        <v>0</v>
      </c>
      <c r="N8207" s="46">
        <f t="shared" si="914"/>
        <v>45632.541666646845</v>
      </c>
    </row>
    <row r="8208" spans="2:14" x14ac:dyDescent="0.3">
      <c r="B8208">
        <f t="shared" si="908"/>
        <v>5</v>
      </c>
      <c r="C8208" s="16">
        <v>8174</v>
      </c>
      <c r="D8208" cm="1">
        <f t="array" ref="D8208">IFERROR(INDEX(Jesper!AH$2:AH$366,ROUNDDOWN($C8208/24,0)+1,1)*INDEX($D$3:$AA$30,INDEX(Jesper!$R$2:$R$366,ROW(INDEX(Jesper!AH$2:AH$366,ROUNDDOWN($C8208/24,0)+1,1))-1)+IF('Standard Profiles'!$G$18=$B$10,7,0)+IF('Standard Profiles'!$G$18=$B$17,14,0)+IF('Standard Profiles'!$G$18=$B$24,21,0),MOD($C8208,24)+1)/SUM(INDEX($D$3:$AA$30,INDEX(Jesper!$R$2:$R$366,ROW(INDEX(Jesper!AH$2:AH$366,ROUNDDOWN($C8208/24,0)+1,1))-1)+IF('Standard Profiles'!$G$18=$B$10,7,0)+IF('Standard Profiles'!$G$18=$B$17,14,0)+IF('Standard Profiles'!$G$18=$B$24,21,0),0)),0)</f>
        <v>18.918315562965883</v>
      </c>
      <c r="E8208" cm="1">
        <f t="array" ref="E8208">IFERROR(INDEX(Jesper!AI$2:AI$366,ROUNDDOWN($C8208/24,0)+1,1)*INDEX($D$3:$AA$30,INDEX(Jesper!$R$2:$R$366,ROW(INDEX(Jesper!AI$2:AI$366,ROUNDDOWN($C8208/24,0)+1,1))-1)+IF('Standard Profiles'!$G$19=$B$10,7,0)+IF('Standard Profiles'!$G$19=$B$17,14,0)+IF('Standard Profiles'!$G$19=$B$24,21,0),MOD($C8208,24)+1)/SUM(INDEX($D$3:$AA$30,INDEX(Jesper!$R$2:$R$366,ROW(INDEX(Jesper!AI$2:AI$366,ROUNDDOWN($C8208/24,0)+1,1))-1)+IF('Standard Profiles'!$G$19=$B$10,7,0)+IF('Standard Profiles'!$G$19=$B$17,14,0)+IF('Standard Profiles'!$G$19=$B$24,21,0),0)),0)</f>
        <v>0</v>
      </c>
      <c r="F8208" cm="1">
        <f t="array" ref="F8208">IFERROR(INDEX(Jesper!AJ$2:AJ$366,ROUNDDOWN($C8208/24,0)+1,1)*INDEX($D$3:$AA$30,INDEX(Jesper!$R$2:$R$366,ROW(INDEX(Jesper!AJ$2:AJ$366,ROUNDDOWN($C8208/24,0)+1,1))-1)+IF('Standard Profiles'!$G$20=$B$10,7,0)+IF('Standard Profiles'!$G$20=$B$17,14,0)+IF('Standard Profiles'!$G$20=$B$24,21,0),MOD($C8208,24)+1)/SUM(INDEX($D$3:$AA$30,INDEX(Jesper!$R$2:$R$366,ROW(INDEX(Jesper!AJ$2:AJ$366,ROUNDDOWN($C8208/24,0)+1,1))-1)+IF('Standard Profiles'!$G$20=$B$10,7,0)+IF('Standard Profiles'!$G$20=$B$17,14,0)+IF('Standard Profiles'!$G$20=$B$24,21,0),0)),0)</f>
        <v>0</v>
      </c>
      <c r="G8208" cm="1">
        <f t="array" ref="G8208">IFERROR(INDEX(Jesper!AK$2:AK$366,ROUNDDOWN($C8208/24,0)+1,1)*INDEX($D$3:$AA$30,INDEX(Jesper!$R$2:$R$366,ROW(INDEX(Jesper!AK$2:AK$366,ROUNDDOWN($C8208/24,0)+1,1))-1)+IF('Standard Profiles'!$G$21=$B$10,7,0)+IF('Standard Profiles'!$G$21=$B$17,14,0)+IF('Standard Profiles'!$G$21=$B$24,21,0),MOD($C8208,24)+1)/SUM(INDEX($D$3:$AA$30,INDEX(Jesper!$R$2:$R$366,ROW(INDEX(Jesper!AK$2:AK$366,ROUNDDOWN($C8208/24,0)+1,1))-1)+IF('Standard Profiles'!$G$21=$B$10,7,0)+IF('Standard Profiles'!$G$21=$B$17,14,0)+IF('Standard Profiles'!$G$21=$B$24,21,0),0)),0)</f>
        <v>0</v>
      </c>
      <c r="H8208" cm="1">
        <f t="array" ref="H8208">IFERROR(INDEX(Jesper!AL$2:AL$366,ROUNDDOWN($C8208/24,0)+1,1)*INDEX($D$3:$AA$30,INDEX(Jesper!$R$2:$R$366,ROW(INDEX(Jesper!AL$2:AL$366,ROUNDDOWN($C8208/24,0)+1,1))-1)+IF('Standard Profiles'!$G$22=$B$10,7,0)+IF('Standard Profiles'!$G$22=$B$17,14,0)+IF('Standard Profiles'!$G$22=$B$24,21,0),MOD($C8208,24)+1)/SUM(INDEX($D$3:$AA$30,INDEX(Jesper!$R$2:$R$366,ROW(INDEX(Jesper!AL$2:AL$366,ROUNDDOWN($C8208/24,0)+1,1))-1)+IF('Standard Profiles'!$G$22=$B$10,7,0)+IF('Standard Profiles'!$G$22=$B$17,14,0)+IF('Standard Profiles'!$G$22=$B$24,21,0),0)),0)</f>
        <v>0</v>
      </c>
      <c r="I8208">
        <f t="shared" si="909"/>
        <v>0.56754946688897645</v>
      </c>
      <c r="J8208">
        <f t="shared" si="910"/>
        <v>1.8918315562965884</v>
      </c>
      <c r="K8208">
        <f t="shared" si="911"/>
        <v>2.8377473344448823</v>
      </c>
      <c r="L8208">
        <f t="shared" si="912"/>
        <v>13.621187205335435</v>
      </c>
      <c r="M8208">
        <f t="shared" si="913"/>
        <v>0</v>
      </c>
      <c r="N8208" s="46">
        <f t="shared" si="914"/>
        <v>45632.583333313509</v>
      </c>
    </row>
    <row r="8209" spans="2:14" x14ac:dyDescent="0.3">
      <c r="B8209">
        <f t="shared" si="908"/>
        <v>5</v>
      </c>
      <c r="C8209" s="16">
        <v>8175</v>
      </c>
      <c r="D8209" cm="1">
        <f t="array" ref="D8209">IFERROR(INDEX(Jesper!AH$2:AH$366,ROUNDDOWN($C8209/24,0)+1,1)*INDEX($D$3:$AA$30,INDEX(Jesper!$R$2:$R$366,ROW(INDEX(Jesper!AH$2:AH$366,ROUNDDOWN($C8209/24,0)+1,1))-1)+IF('Standard Profiles'!$G$18=$B$10,7,0)+IF('Standard Profiles'!$G$18=$B$17,14,0)+IF('Standard Profiles'!$G$18=$B$24,21,0),MOD($C8209,24)+1)/SUM(INDEX($D$3:$AA$30,INDEX(Jesper!$R$2:$R$366,ROW(INDEX(Jesper!AH$2:AH$366,ROUNDDOWN($C8209/24,0)+1,1))-1)+IF('Standard Profiles'!$G$18=$B$10,7,0)+IF('Standard Profiles'!$G$18=$B$17,14,0)+IF('Standard Profiles'!$G$18=$B$24,21,0),0)),0)</f>
        <v>15.765262969138236</v>
      </c>
      <c r="E8209" cm="1">
        <f t="array" ref="E8209">IFERROR(INDEX(Jesper!AI$2:AI$366,ROUNDDOWN($C8209/24,0)+1,1)*INDEX($D$3:$AA$30,INDEX(Jesper!$R$2:$R$366,ROW(INDEX(Jesper!AI$2:AI$366,ROUNDDOWN($C8209/24,0)+1,1))-1)+IF('Standard Profiles'!$G$19=$B$10,7,0)+IF('Standard Profiles'!$G$19=$B$17,14,0)+IF('Standard Profiles'!$G$19=$B$24,21,0),MOD($C8209,24)+1)/SUM(INDEX($D$3:$AA$30,INDEX(Jesper!$R$2:$R$366,ROW(INDEX(Jesper!AI$2:AI$366,ROUNDDOWN($C8209/24,0)+1,1))-1)+IF('Standard Profiles'!$G$19=$B$10,7,0)+IF('Standard Profiles'!$G$19=$B$17,14,0)+IF('Standard Profiles'!$G$19=$B$24,21,0),0)),0)</f>
        <v>0</v>
      </c>
      <c r="F8209" cm="1">
        <f t="array" ref="F8209">IFERROR(INDEX(Jesper!AJ$2:AJ$366,ROUNDDOWN($C8209/24,0)+1,1)*INDEX($D$3:$AA$30,INDEX(Jesper!$R$2:$R$366,ROW(INDEX(Jesper!AJ$2:AJ$366,ROUNDDOWN($C8209/24,0)+1,1))-1)+IF('Standard Profiles'!$G$20=$B$10,7,0)+IF('Standard Profiles'!$G$20=$B$17,14,0)+IF('Standard Profiles'!$G$20=$B$24,21,0),MOD($C8209,24)+1)/SUM(INDEX($D$3:$AA$30,INDEX(Jesper!$R$2:$R$366,ROW(INDEX(Jesper!AJ$2:AJ$366,ROUNDDOWN($C8209/24,0)+1,1))-1)+IF('Standard Profiles'!$G$20=$B$10,7,0)+IF('Standard Profiles'!$G$20=$B$17,14,0)+IF('Standard Profiles'!$G$20=$B$24,21,0),0)),0)</f>
        <v>0</v>
      </c>
      <c r="G8209" cm="1">
        <f t="array" ref="G8209">IFERROR(INDEX(Jesper!AK$2:AK$366,ROUNDDOWN($C8209/24,0)+1,1)*INDEX($D$3:$AA$30,INDEX(Jesper!$R$2:$R$366,ROW(INDEX(Jesper!AK$2:AK$366,ROUNDDOWN($C8209/24,0)+1,1))-1)+IF('Standard Profiles'!$G$21=$B$10,7,0)+IF('Standard Profiles'!$G$21=$B$17,14,0)+IF('Standard Profiles'!$G$21=$B$24,21,0),MOD($C8209,24)+1)/SUM(INDEX($D$3:$AA$30,INDEX(Jesper!$R$2:$R$366,ROW(INDEX(Jesper!AK$2:AK$366,ROUNDDOWN($C8209/24,0)+1,1))-1)+IF('Standard Profiles'!$G$21=$B$10,7,0)+IF('Standard Profiles'!$G$21=$B$17,14,0)+IF('Standard Profiles'!$G$21=$B$24,21,0),0)),0)</f>
        <v>0</v>
      </c>
      <c r="H8209" cm="1">
        <f t="array" ref="H8209">IFERROR(INDEX(Jesper!AL$2:AL$366,ROUNDDOWN($C8209/24,0)+1,1)*INDEX($D$3:$AA$30,INDEX(Jesper!$R$2:$R$366,ROW(INDEX(Jesper!AL$2:AL$366,ROUNDDOWN($C8209/24,0)+1,1))-1)+IF('Standard Profiles'!$G$22=$B$10,7,0)+IF('Standard Profiles'!$G$22=$B$17,14,0)+IF('Standard Profiles'!$G$22=$B$24,21,0),MOD($C8209,24)+1)/SUM(INDEX($D$3:$AA$30,INDEX(Jesper!$R$2:$R$366,ROW(INDEX(Jesper!AL$2:AL$366,ROUNDDOWN($C8209/24,0)+1,1))-1)+IF('Standard Profiles'!$G$22=$B$10,7,0)+IF('Standard Profiles'!$G$22=$B$17,14,0)+IF('Standard Profiles'!$G$22=$B$24,21,0),0)),0)</f>
        <v>0</v>
      </c>
      <c r="I8209">
        <f t="shared" si="909"/>
        <v>0.47295788907414704</v>
      </c>
      <c r="J8209">
        <f t="shared" si="910"/>
        <v>1.5765262969138236</v>
      </c>
      <c r="K8209">
        <f t="shared" si="911"/>
        <v>2.3647894453707354</v>
      </c>
      <c r="L8209">
        <f t="shared" si="912"/>
        <v>11.350989337779529</v>
      </c>
      <c r="M8209">
        <f t="shared" si="913"/>
        <v>0</v>
      </c>
      <c r="N8209" s="46">
        <f t="shared" si="914"/>
        <v>45632.624999980173</v>
      </c>
    </row>
    <row r="8210" spans="2:14" x14ac:dyDescent="0.3">
      <c r="B8210">
        <f t="shared" si="908"/>
        <v>5</v>
      </c>
      <c r="C8210" s="16">
        <v>8176</v>
      </c>
      <c r="D8210" cm="1">
        <f t="array" ref="D8210">IFERROR(INDEX(Jesper!AH$2:AH$366,ROUNDDOWN($C8210/24,0)+1,1)*INDEX($D$3:$AA$30,INDEX(Jesper!$R$2:$R$366,ROW(INDEX(Jesper!AH$2:AH$366,ROUNDDOWN($C8210/24,0)+1,1))-1)+IF('Standard Profiles'!$G$18=$B$10,7,0)+IF('Standard Profiles'!$G$18=$B$17,14,0)+IF('Standard Profiles'!$G$18=$B$24,21,0),MOD($C8210,24)+1)/SUM(INDEX($D$3:$AA$30,INDEX(Jesper!$R$2:$R$366,ROW(INDEX(Jesper!AH$2:AH$366,ROUNDDOWN($C8210/24,0)+1,1))-1)+IF('Standard Profiles'!$G$18=$B$10,7,0)+IF('Standard Profiles'!$G$18=$B$17,14,0)+IF('Standard Profiles'!$G$18=$B$24,21,0),0)),0)</f>
        <v>14.924448944117533</v>
      </c>
      <c r="E8210" cm="1">
        <f t="array" ref="E8210">IFERROR(INDEX(Jesper!AI$2:AI$366,ROUNDDOWN($C8210/24,0)+1,1)*INDEX($D$3:$AA$30,INDEX(Jesper!$R$2:$R$366,ROW(INDEX(Jesper!AI$2:AI$366,ROUNDDOWN($C8210/24,0)+1,1))-1)+IF('Standard Profiles'!$G$19=$B$10,7,0)+IF('Standard Profiles'!$G$19=$B$17,14,0)+IF('Standard Profiles'!$G$19=$B$24,21,0),MOD($C8210,24)+1)/SUM(INDEX($D$3:$AA$30,INDEX(Jesper!$R$2:$R$366,ROW(INDEX(Jesper!AI$2:AI$366,ROUNDDOWN($C8210/24,0)+1,1))-1)+IF('Standard Profiles'!$G$19=$B$10,7,0)+IF('Standard Profiles'!$G$19=$B$17,14,0)+IF('Standard Profiles'!$G$19=$B$24,21,0),0)),0)</f>
        <v>0</v>
      </c>
      <c r="F8210" cm="1">
        <f t="array" ref="F8210">IFERROR(INDEX(Jesper!AJ$2:AJ$366,ROUNDDOWN($C8210/24,0)+1,1)*INDEX($D$3:$AA$30,INDEX(Jesper!$R$2:$R$366,ROW(INDEX(Jesper!AJ$2:AJ$366,ROUNDDOWN($C8210/24,0)+1,1))-1)+IF('Standard Profiles'!$G$20=$B$10,7,0)+IF('Standard Profiles'!$G$20=$B$17,14,0)+IF('Standard Profiles'!$G$20=$B$24,21,0),MOD($C8210,24)+1)/SUM(INDEX($D$3:$AA$30,INDEX(Jesper!$R$2:$R$366,ROW(INDEX(Jesper!AJ$2:AJ$366,ROUNDDOWN($C8210/24,0)+1,1))-1)+IF('Standard Profiles'!$G$20=$B$10,7,0)+IF('Standard Profiles'!$G$20=$B$17,14,0)+IF('Standard Profiles'!$G$20=$B$24,21,0),0)),0)</f>
        <v>0</v>
      </c>
      <c r="G8210" cm="1">
        <f t="array" ref="G8210">IFERROR(INDEX(Jesper!AK$2:AK$366,ROUNDDOWN($C8210/24,0)+1,1)*INDEX($D$3:$AA$30,INDEX(Jesper!$R$2:$R$366,ROW(INDEX(Jesper!AK$2:AK$366,ROUNDDOWN($C8210/24,0)+1,1))-1)+IF('Standard Profiles'!$G$21=$B$10,7,0)+IF('Standard Profiles'!$G$21=$B$17,14,0)+IF('Standard Profiles'!$G$21=$B$24,21,0),MOD($C8210,24)+1)/SUM(INDEX($D$3:$AA$30,INDEX(Jesper!$R$2:$R$366,ROW(INDEX(Jesper!AK$2:AK$366,ROUNDDOWN($C8210/24,0)+1,1))-1)+IF('Standard Profiles'!$G$21=$B$10,7,0)+IF('Standard Profiles'!$G$21=$B$17,14,0)+IF('Standard Profiles'!$G$21=$B$24,21,0),0)),0)</f>
        <v>0</v>
      </c>
      <c r="H8210" cm="1">
        <f t="array" ref="H8210">IFERROR(INDEX(Jesper!AL$2:AL$366,ROUNDDOWN($C8210/24,0)+1,1)*INDEX($D$3:$AA$30,INDEX(Jesper!$R$2:$R$366,ROW(INDEX(Jesper!AL$2:AL$366,ROUNDDOWN($C8210/24,0)+1,1))-1)+IF('Standard Profiles'!$G$22=$B$10,7,0)+IF('Standard Profiles'!$G$22=$B$17,14,0)+IF('Standard Profiles'!$G$22=$B$24,21,0),MOD($C8210,24)+1)/SUM(INDEX($D$3:$AA$30,INDEX(Jesper!$R$2:$R$366,ROW(INDEX(Jesper!AL$2:AL$366,ROUNDDOWN($C8210/24,0)+1,1))-1)+IF('Standard Profiles'!$G$22=$B$10,7,0)+IF('Standard Profiles'!$G$22=$B$17,14,0)+IF('Standard Profiles'!$G$22=$B$24,21,0),0)),0)</f>
        <v>0</v>
      </c>
      <c r="I8210">
        <f t="shared" si="909"/>
        <v>0.44773346832352595</v>
      </c>
      <c r="J8210">
        <f t="shared" si="910"/>
        <v>1.4924448944117534</v>
      </c>
      <c r="K8210">
        <f t="shared" si="911"/>
        <v>2.2386673416176297</v>
      </c>
      <c r="L8210">
        <f t="shared" si="912"/>
        <v>10.745603239764623</v>
      </c>
      <c r="M8210">
        <f t="shared" si="913"/>
        <v>0</v>
      </c>
      <c r="N8210" s="46">
        <f t="shared" si="914"/>
        <v>45632.666666646837</v>
      </c>
    </row>
    <row r="8211" spans="2:14" x14ac:dyDescent="0.3">
      <c r="B8211">
        <f t="shared" si="908"/>
        <v>5</v>
      </c>
      <c r="C8211" s="16">
        <v>8177</v>
      </c>
      <c r="D8211" cm="1">
        <f t="array" ref="D8211">IFERROR(INDEX(Jesper!AH$2:AH$366,ROUNDDOWN($C8211/24,0)+1,1)*INDEX($D$3:$AA$30,INDEX(Jesper!$R$2:$R$366,ROW(INDEX(Jesper!AH$2:AH$366,ROUNDDOWN($C8211/24,0)+1,1))-1)+IF('Standard Profiles'!$G$18=$B$10,7,0)+IF('Standard Profiles'!$G$18=$B$17,14,0)+IF('Standard Profiles'!$G$18=$B$24,21,0),MOD($C8211,24)+1)/SUM(INDEX($D$3:$AA$30,INDEX(Jesper!$R$2:$R$366,ROW(INDEX(Jesper!AH$2:AH$366,ROUNDDOWN($C8211/24,0)+1,1))-1)+IF('Standard Profiles'!$G$18=$B$10,7,0)+IF('Standard Profiles'!$G$18=$B$17,14,0)+IF('Standard Profiles'!$G$18=$B$24,21,0),0)),0)</f>
        <v>14.924448944117533</v>
      </c>
      <c r="E8211" cm="1">
        <f t="array" ref="E8211">IFERROR(INDEX(Jesper!AI$2:AI$366,ROUNDDOWN($C8211/24,0)+1,1)*INDEX($D$3:$AA$30,INDEX(Jesper!$R$2:$R$366,ROW(INDEX(Jesper!AI$2:AI$366,ROUNDDOWN($C8211/24,0)+1,1))-1)+IF('Standard Profiles'!$G$19=$B$10,7,0)+IF('Standard Profiles'!$G$19=$B$17,14,0)+IF('Standard Profiles'!$G$19=$B$24,21,0),MOD($C8211,24)+1)/SUM(INDEX($D$3:$AA$30,INDEX(Jesper!$R$2:$R$366,ROW(INDEX(Jesper!AI$2:AI$366,ROUNDDOWN($C8211/24,0)+1,1))-1)+IF('Standard Profiles'!$G$19=$B$10,7,0)+IF('Standard Profiles'!$G$19=$B$17,14,0)+IF('Standard Profiles'!$G$19=$B$24,21,0),0)),0)</f>
        <v>0</v>
      </c>
      <c r="F8211" cm="1">
        <f t="array" ref="F8211">IFERROR(INDEX(Jesper!AJ$2:AJ$366,ROUNDDOWN($C8211/24,0)+1,1)*INDEX($D$3:$AA$30,INDEX(Jesper!$R$2:$R$366,ROW(INDEX(Jesper!AJ$2:AJ$366,ROUNDDOWN($C8211/24,0)+1,1))-1)+IF('Standard Profiles'!$G$20=$B$10,7,0)+IF('Standard Profiles'!$G$20=$B$17,14,0)+IF('Standard Profiles'!$G$20=$B$24,21,0),MOD($C8211,24)+1)/SUM(INDEX($D$3:$AA$30,INDEX(Jesper!$R$2:$R$366,ROW(INDEX(Jesper!AJ$2:AJ$366,ROUNDDOWN($C8211/24,0)+1,1))-1)+IF('Standard Profiles'!$G$20=$B$10,7,0)+IF('Standard Profiles'!$G$20=$B$17,14,0)+IF('Standard Profiles'!$G$20=$B$24,21,0),0)),0)</f>
        <v>0</v>
      </c>
      <c r="G8211" cm="1">
        <f t="array" ref="G8211">IFERROR(INDEX(Jesper!AK$2:AK$366,ROUNDDOWN($C8211/24,0)+1,1)*INDEX($D$3:$AA$30,INDEX(Jesper!$R$2:$R$366,ROW(INDEX(Jesper!AK$2:AK$366,ROUNDDOWN($C8211/24,0)+1,1))-1)+IF('Standard Profiles'!$G$21=$B$10,7,0)+IF('Standard Profiles'!$G$21=$B$17,14,0)+IF('Standard Profiles'!$G$21=$B$24,21,0),MOD($C8211,24)+1)/SUM(INDEX($D$3:$AA$30,INDEX(Jesper!$R$2:$R$366,ROW(INDEX(Jesper!AK$2:AK$366,ROUNDDOWN($C8211/24,0)+1,1))-1)+IF('Standard Profiles'!$G$21=$B$10,7,0)+IF('Standard Profiles'!$G$21=$B$17,14,0)+IF('Standard Profiles'!$G$21=$B$24,21,0),0)),0)</f>
        <v>0</v>
      </c>
      <c r="H8211" cm="1">
        <f t="array" ref="H8211">IFERROR(INDEX(Jesper!AL$2:AL$366,ROUNDDOWN($C8211/24,0)+1,1)*INDEX($D$3:$AA$30,INDEX(Jesper!$R$2:$R$366,ROW(INDEX(Jesper!AL$2:AL$366,ROUNDDOWN($C8211/24,0)+1,1))-1)+IF('Standard Profiles'!$G$22=$B$10,7,0)+IF('Standard Profiles'!$G$22=$B$17,14,0)+IF('Standard Profiles'!$G$22=$B$24,21,0),MOD($C8211,24)+1)/SUM(INDEX($D$3:$AA$30,INDEX(Jesper!$R$2:$R$366,ROW(INDEX(Jesper!AL$2:AL$366,ROUNDDOWN($C8211/24,0)+1,1))-1)+IF('Standard Profiles'!$G$22=$B$10,7,0)+IF('Standard Profiles'!$G$22=$B$17,14,0)+IF('Standard Profiles'!$G$22=$B$24,21,0),0)),0)</f>
        <v>0</v>
      </c>
      <c r="I8211">
        <f t="shared" si="909"/>
        <v>0.44773346832352595</v>
      </c>
      <c r="J8211">
        <f t="shared" si="910"/>
        <v>1.4924448944117534</v>
      </c>
      <c r="K8211">
        <f t="shared" si="911"/>
        <v>2.2386673416176297</v>
      </c>
      <c r="L8211">
        <f t="shared" si="912"/>
        <v>10.745603239764623</v>
      </c>
      <c r="M8211">
        <f t="shared" si="913"/>
        <v>0</v>
      </c>
      <c r="N8211" s="46">
        <f t="shared" si="914"/>
        <v>45632.708333313501</v>
      </c>
    </row>
    <row r="8212" spans="2:14" x14ac:dyDescent="0.3">
      <c r="B8212">
        <f t="shared" si="908"/>
        <v>5</v>
      </c>
      <c r="C8212" s="16">
        <v>8178</v>
      </c>
      <c r="D8212" cm="1">
        <f t="array" ref="D8212">IFERROR(INDEX(Jesper!AH$2:AH$366,ROUNDDOWN($C8212/24,0)+1,1)*INDEX($D$3:$AA$30,INDEX(Jesper!$R$2:$R$366,ROW(INDEX(Jesper!AH$2:AH$366,ROUNDDOWN($C8212/24,0)+1,1))-1)+IF('Standard Profiles'!$G$18=$B$10,7,0)+IF('Standard Profiles'!$G$18=$B$17,14,0)+IF('Standard Profiles'!$G$18=$B$24,21,0),MOD($C8212,24)+1)/SUM(INDEX($D$3:$AA$30,INDEX(Jesper!$R$2:$R$366,ROW(INDEX(Jesper!AH$2:AH$366,ROUNDDOWN($C8212/24,0)+1,1))-1)+IF('Standard Profiles'!$G$18=$B$10,7,0)+IF('Standard Profiles'!$G$18=$B$17,14,0)+IF('Standard Profiles'!$G$18=$B$24,21,0),0)),0)</f>
        <v>14.924448944117533</v>
      </c>
      <c r="E8212" cm="1">
        <f t="array" ref="E8212">IFERROR(INDEX(Jesper!AI$2:AI$366,ROUNDDOWN($C8212/24,0)+1,1)*INDEX($D$3:$AA$30,INDEX(Jesper!$R$2:$R$366,ROW(INDEX(Jesper!AI$2:AI$366,ROUNDDOWN($C8212/24,0)+1,1))-1)+IF('Standard Profiles'!$G$19=$B$10,7,0)+IF('Standard Profiles'!$G$19=$B$17,14,0)+IF('Standard Profiles'!$G$19=$B$24,21,0),MOD($C8212,24)+1)/SUM(INDEX($D$3:$AA$30,INDEX(Jesper!$R$2:$R$366,ROW(INDEX(Jesper!AI$2:AI$366,ROUNDDOWN($C8212/24,0)+1,1))-1)+IF('Standard Profiles'!$G$19=$B$10,7,0)+IF('Standard Profiles'!$G$19=$B$17,14,0)+IF('Standard Profiles'!$G$19=$B$24,21,0),0)),0)</f>
        <v>0</v>
      </c>
      <c r="F8212" cm="1">
        <f t="array" ref="F8212">IFERROR(INDEX(Jesper!AJ$2:AJ$366,ROUNDDOWN($C8212/24,0)+1,1)*INDEX($D$3:$AA$30,INDEX(Jesper!$R$2:$R$366,ROW(INDEX(Jesper!AJ$2:AJ$366,ROUNDDOWN($C8212/24,0)+1,1))-1)+IF('Standard Profiles'!$G$20=$B$10,7,0)+IF('Standard Profiles'!$G$20=$B$17,14,0)+IF('Standard Profiles'!$G$20=$B$24,21,0),MOD($C8212,24)+1)/SUM(INDEX($D$3:$AA$30,INDEX(Jesper!$R$2:$R$366,ROW(INDEX(Jesper!AJ$2:AJ$366,ROUNDDOWN($C8212/24,0)+1,1))-1)+IF('Standard Profiles'!$G$20=$B$10,7,0)+IF('Standard Profiles'!$G$20=$B$17,14,0)+IF('Standard Profiles'!$G$20=$B$24,21,0),0)),0)</f>
        <v>0</v>
      </c>
      <c r="G8212" cm="1">
        <f t="array" ref="G8212">IFERROR(INDEX(Jesper!AK$2:AK$366,ROUNDDOWN($C8212/24,0)+1,1)*INDEX($D$3:$AA$30,INDEX(Jesper!$R$2:$R$366,ROW(INDEX(Jesper!AK$2:AK$366,ROUNDDOWN($C8212/24,0)+1,1))-1)+IF('Standard Profiles'!$G$21=$B$10,7,0)+IF('Standard Profiles'!$G$21=$B$17,14,0)+IF('Standard Profiles'!$G$21=$B$24,21,0),MOD($C8212,24)+1)/SUM(INDEX($D$3:$AA$30,INDEX(Jesper!$R$2:$R$366,ROW(INDEX(Jesper!AK$2:AK$366,ROUNDDOWN($C8212/24,0)+1,1))-1)+IF('Standard Profiles'!$G$21=$B$10,7,0)+IF('Standard Profiles'!$G$21=$B$17,14,0)+IF('Standard Profiles'!$G$21=$B$24,21,0),0)),0)</f>
        <v>0</v>
      </c>
      <c r="H8212" cm="1">
        <f t="array" ref="H8212">IFERROR(INDEX(Jesper!AL$2:AL$366,ROUNDDOWN($C8212/24,0)+1,1)*INDEX($D$3:$AA$30,INDEX(Jesper!$R$2:$R$366,ROW(INDEX(Jesper!AL$2:AL$366,ROUNDDOWN($C8212/24,0)+1,1))-1)+IF('Standard Profiles'!$G$22=$B$10,7,0)+IF('Standard Profiles'!$G$22=$B$17,14,0)+IF('Standard Profiles'!$G$22=$B$24,21,0),MOD($C8212,24)+1)/SUM(INDEX($D$3:$AA$30,INDEX(Jesper!$R$2:$R$366,ROW(INDEX(Jesper!AL$2:AL$366,ROUNDDOWN($C8212/24,0)+1,1))-1)+IF('Standard Profiles'!$G$22=$B$10,7,0)+IF('Standard Profiles'!$G$22=$B$17,14,0)+IF('Standard Profiles'!$G$22=$B$24,21,0),0)),0)</f>
        <v>0</v>
      </c>
      <c r="I8212">
        <f t="shared" si="909"/>
        <v>0.44773346832352595</v>
      </c>
      <c r="J8212">
        <f t="shared" si="910"/>
        <v>1.4924448944117534</v>
      </c>
      <c r="K8212">
        <f t="shared" si="911"/>
        <v>2.2386673416176297</v>
      </c>
      <c r="L8212">
        <f t="shared" si="912"/>
        <v>10.745603239764623</v>
      </c>
      <c r="M8212">
        <f t="shared" si="913"/>
        <v>0</v>
      </c>
      <c r="N8212" s="46">
        <f t="shared" si="914"/>
        <v>45632.749999980166</v>
      </c>
    </row>
    <row r="8213" spans="2:14" x14ac:dyDescent="0.3">
      <c r="B8213">
        <f t="shared" si="908"/>
        <v>5</v>
      </c>
      <c r="C8213" s="16">
        <v>8179</v>
      </c>
      <c r="D8213" cm="1">
        <f t="array" ref="D8213">IFERROR(INDEX(Jesper!AH$2:AH$366,ROUNDDOWN($C8213/24,0)+1,1)*INDEX($D$3:$AA$30,INDEX(Jesper!$R$2:$R$366,ROW(INDEX(Jesper!AH$2:AH$366,ROUNDDOWN($C8213/24,0)+1,1))-1)+IF('Standard Profiles'!$G$18=$B$10,7,0)+IF('Standard Profiles'!$G$18=$B$17,14,0)+IF('Standard Profiles'!$G$18=$B$24,21,0),MOD($C8213,24)+1)/SUM(INDEX($D$3:$AA$30,INDEX(Jesper!$R$2:$R$366,ROW(INDEX(Jesper!AH$2:AH$366,ROUNDDOWN($C8213/24,0)+1,1))-1)+IF('Standard Profiles'!$G$18=$B$10,7,0)+IF('Standard Profiles'!$G$18=$B$17,14,0)+IF('Standard Profiles'!$G$18=$B$24,21,0),0)),0)</f>
        <v>14.924448944117533</v>
      </c>
      <c r="E8213" cm="1">
        <f t="array" ref="E8213">IFERROR(INDEX(Jesper!AI$2:AI$366,ROUNDDOWN($C8213/24,0)+1,1)*INDEX($D$3:$AA$30,INDEX(Jesper!$R$2:$R$366,ROW(INDEX(Jesper!AI$2:AI$366,ROUNDDOWN($C8213/24,0)+1,1))-1)+IF('Standard Profiles'!$G$19=$B$10,7,0)+IF('Standard Profiles'!$G$19=$B$17,14,0)+IF('Standard Profiles'!$G$19=$B$24,21,0),MOD($C8213,24)+1)/SUM(INDEX($D$3:$AA$30,INDEX(Jesper!$R$2:$R$366,ROW(INDEX(Jesper!AI$2:AI$366,ROUNDDOWN($C8213/24,0)+1,1))-1)+IF('Standard Profiles'!$G$19=$B$10,7,0)+IF('Standard Profiles'!$G$19=$B$17,14,0)+IF('Standard Profiles'!$G$19=$B$24,21,0),0)),0)</f>
        <v>0</v>
      </c>
      <c r="F8213" cm="1">
        <f t="array" ref="F8213">IFERROR(INDEX(Jesper!AJ$2:AJ$366,ROUNDDOWN($C8213/24,0)+1,1)*INDEX($D$3:$AA$30,INDEX(Jesper!$R$2:$R$366,ROW(INDEX(Jesper!AJ$2:AJ$366,ROUNDDOWN($C8213/24,0)+1,1))-1)+IF('Standard Profiles'!$G$20=$B$10,7,0)+IF('Standard Profiles'!$G$20=$B$17,14,0)+IF('Standard Profiles'!$G$20=$B$24,21,0),MOD($C8213,24)+1)/SUM(INDEX($D$3:$AA$30,INDEX(Jesper!$R$2:$R$366,ROW(INDEX(Jesper!AJ$2:AJ$366,ROUNDDOWN($C8213/24,0)+1,1))-1)+IF('Standard Profiles'!$G$20=$B$10,7,0)+IF('Standard Profiles'!$G$20=$B$17,14,0)+IF('Standard Profiles'!$G$20=$B$24,21,0),0)),0)</f>
        <v>0</v>
      </c>
      <c r="G8213" cm="1">
        <f t="array" ref="G8213">IFERROR(INDEX(Jesper!AK$2:AK$366,ROUNDDOWN($C8213/24,0)+1,1)*INDEX($D$3:$AA$30,INDEX(Jesper!$R$2:$R$366,ROW(INDEX(Jesper!AK$2:AK$366,ROUNDDOWN($C8213/24,0)+1,1))-1)+IF('Standard Profiles'!$G$21=$B$10,7,0)+IF('Standard Profiles'!$G$21=$B$17,14,0)+IF('Standard Profiles'!$G$21=$B$24,21,0),MOD($C8213,24)+1)/SUM(INDEX($D$3:$AA$30,INDEX(Jesper!$R$2:$R$366,ROW(INDEX(Jesper!AK$2:AK$366,ROUNDDOWN($C8213/24,0)+1,1))-1)+IF('Standard Profiles'!$G$21=$B$10,7,0)+IF('Standard Profiles'!$G$21=$B$17,14,0)+IF('Standard Profiles'!$G$21=$B$24,21,0),0)),0)</f>
        <v>0</v>
      </c>
      <c r="H8213" cm="1">
        <f t="array" ref="H8213">IFERROR(INDEX(Jesper!AL$2:AL$366,ROUNDDOWN($C8213/24,0)+1,1)*INDEX($D$3:$AA$30,INDEX(Jesper!$R$2:$R$366,ROW(INDEX(Jesper!AL$2:AL$366,ROUNDDOWN($C8213/24,0)+1,1))-1)+IF('Standard Profiles'!$G$22=$B$10,7,0)+IF('Standard Profiles'!$G$22=$B$17,14,0)+IF('Standard Profiles'!$G$22=$B$24,21,0),MOD($C8213,24)+1)/SUM(INDEX($D$3:$AA$30,INDEX(Jesper!$R$2:$R$366,ROW(INDEX(Jesper!AL$2:AL$366,ROUNDDOWN($C8213/24,0)+1,1))-1)+IF('Standard Profiles'!$G$22=$B$10,7,0)+IF('Standard Profiles'!$G$22=$B$17,14,0)+IF('Standard Profiles'!$G$22=$B$24,21,0),0)),0)</f>
        <v>0</v>
      </c>
      <c r="I8213">
        <f t="shared" si="909"/>
        <v>0.44773346832352595</v>
      </c>
      <c r="J8213">
        <f t="shared" si="910"/>
        <v>1.4924448944117534</v>
      </c>
      <c r="K8213">
        <f t="shared" si="911"/>
        <v>2.2386673416176297</v>
      </c>
      <c r="L8213">
        <f t="shared" si="912"/>
        <v>10.745603239764623</v>
      </c>
      <c r="M8213">
        <f t="shared" si="913"/>
        <v>0</v>
      </c>
      <c r="N8213" s="46">
        <f t="shared" si="914"/>
        <v>45632.79166664683</v>
      </c>
    </row>
    <row r="8214" spans="2:14" x14ac:dyDescent="0.3">
      <c r="B8214">
        <f t="shared" si="908"/>
        <v>5</v>
      </c>
      <c r="C8214" s="16">
        <v>8180</v>
      </c>
      <c r="D8214" cm="1">
        <f t="array" ref="D8214">IFERROR(INDEX(Jesper!AH$2:AH$366,ROUNDDOWN($C8214/24,0)+1,1)*INDEX($D$3:$AA$30,INDEX(Jesper!$R$2:$R$366,ROW(INDEX(Jesper!AH$2:AH$366,ROUNDDOWN($C8214/24,0)+1,1))-1)+IF('Standard Profiles'!$G$18=$B$10,7,0)+IF('Standard Profiles'!$G$18=$B$17,14,0)+IF('Standard Profiles'!$G$18=$B$24,21,0),MOD($C8214,24)+1)/SUM(INDEX($D$3:$AA$30,INDEX(Jesper!$R$2:$R$366,ROW(INDEX(Jesper!AH$2:AH$366,ROUNDDOWN($C8214/24,0)+1,1))-1)+IF('Standard Profiles'!$G$18=$B$10,7,0)+IF('Standard Profiles'!$G$18=$B$17,14,0)+IF('Standard Profiles'!$G$18=$B$24,21,0),0)),0)</f>
        <v>11.561192844034707</v>
      </c>
      <c r="E8214" cm="1">
        <f t="array" ref="E8214">IFERROR(INDEX(Jesper!AI$2:AI$366,ROUNDDOWN($C8214/24,0)+1,1)*INDEX($D$3:$AA$30,INDEX(Jesper!$R$2:$R$366,ROW(INDEX(Jesper!AI$2:AI$366,ROUNDDOWN($C8214/24,0)+1,1))-1)+IF('Standard Profiles'!$G$19=$B$10,7,0)+IF('Standard Profiles'!$G$19=$B$17,14,0)+IF('Standard Profiles'!$G$19=$B$24,21,0),MOD($C8214,24)+1)/SUM(INDEX($D$3:$AA$30,INDEX(Jesper!$R$2:$R$366,ROW(INDEX(Jesper!AI$2:AI$366,ROUNDDOWN($C8214/24,0)+1,1))-1)+IF('Standard Profiles'!$G$19=$B$10,7,0)+IF('Standard Profiles'!$G$19=$B$17,14,0)+IF('Standard Profiles'!$G$19=$B$24,21,0),0)),0)</f>
        <v>0</v>
      </c>
      <c r="F8214" cm="1">
        <f t="array" ref="F8214">IFERROR(INDEX(Jesper!AJ$2:AJ$366,ROUNDDOWN($C8214/24,0)+1,1)*INDEX($D$3:$AA$30,INDEX(Jesper!$R$2:$R$366,ROW(INDEX(Jesper!AJ$2:AJ$366,ROUNDDOWN($C8214/24,0)+1,1))-1)+IF('Standard Profiles'!$G$20=$B$10,7,0)+IF('Standard Profiles'!$G$20=$B$17,14,0)+IF('Standard Profiles'!$G$20=$B$24,21,0),MOD($C8214,24)+1)/SUM(INDEX($D$3:$AA$30,INDEX(Jesper!$R$2:$R$366,ROW(INDEX(Jesper!AJ$2:AJ$366,ROUNDDOWN($C8214/24,0)+1,1))-1)+IF('Standard Profiles'!$G$20=$B$10,7,0)+IF('Standard Profiles'!$G$20=$B$17,14,0)+IF('Standard Profiles'!$G$20=$B$24,21,0),0)),0)</f>
        <v>0</v>
      </c>
      <c r="G8214" cm="1">
        <f t="array" ref="G8214">IFERROR(INDEX(Jesper!AK$2:AK$366,ROUNDDOWN($C8214/24,0)+1,1)*INDEX($D$3:$AA$30,INDEX(Jesper!$R$2:$R$366,ROW(INDEX(Jesper!AK$2:AK$366,ROUNDDOWN($C8214/24,0)+1,1))-1)+IF('Standard Profiles'!$G$21=$B$10,7,0)+IF('Standard Profiles'!$G$21=$B$17,14,0)+IF('Standard Profiles'!$G$21=$B$24,21,0),MOD($C8214,24)+1)/SUM(INDEX($D$3:$AA$30,INDEX(Jesper!$R$2:$R$366,ROW(INDEX(Jesper!AK$2:AK$366,ROUNDDOWN($C8214/24,0)+1,1))-1)+IF('Standard Profiles'!$G$21=$B$10,7,0)+IF('Standard Profiles'!$G$21=$B$17,14,0)+IF('Standard Profiles'!$G$21=$B$24,21,0),0)),0)</f>
        <v>0</v>
      </c>
      <c r="H8214" cm="1">
        <f t="array" ref="H8214">IFERROR(INDEX(Jesper!AL$2:AL$366,ROUNDDOWN($C8214/24,0)+1,1)*INDEX($D$3:$AA$30,INDEX(Jesper!$R$2:$R$366,ROW(INDEX(Jesper!AL$2:AL$366,ROUNDDOWN($C8214/24,0)+1,1))-1)+IF('Standard Profiles'!$G$22=$B$10,7,0)+IF('Standard Profiles'!$G$22=$B$17,14,0)+IF('Standard Profiles'!$G$22=$B$24,21,0),MOD($C8214,24)+1)/SUM(INDEX($D$3:$AA$30,INDEX(Jesper!$R$2:$R$366,ROW(INDEX(Jesper!AL$2:AL$366,ROUNDDOWN($C8214/24,0)+1,1))-1)+IF('Standard Profiles'!$G$22=$B$10,7,0)+IF('Standard Profiles'!$G$22=$B$17,14,0)+IF('Standard Profiles'!$G$22=$B$24,21,0),0)),0)</f>
        <v>0</v>
      </c>
      <c r="I8214">
        <f t="shared" si="909"/>
        <v>0.3468357853210412</v>
      </c>
      <c r="J8214">
        <f t="shared" si="910"/>
        <v>1.1561192844034707</v>
      </c>
      <c r="K8214">
        <f t="shared" si="911"/>
        <v>1.7341789266052061</v>
      </c>
      <c r="L8214">
        <f t="shared" si="912"/>
        <v>8.3240588477049897</v>
      </c>
      <c r="M8214">
        <f t="shared" si="913"/>
        <v>0</v>
      </c>
      <c r="N8214" s="46">
        <f t="shared" si="914"/>
        <v>45632.833333313494</v>
      </c>
    </row>
    <row r="8215" spans="2:14" x14ac:dyDescent="0.3">
      <c r="B8215">
        <f t="shared" si="908"/>
        <v>5</v>
      </c>
      <c r="C8215" s="16">
        <v>8181</v>
      </c>
      <c r="D8215" cm="1">
        <f t="array" ref="D8215">IFERROR(INDEX(Jesper!AH$2:AH$366,ROUNDDOWN($C8215/24,0)+1,1)*INDEX($D$3:$AA$30,INDEX(Jesper!$R$2:$R$366,ROW(INDEX(Jesper!AH$2:AH$366,ROUNDDOWN($C8215/24,0)+1,1))-1)+IF('Standard Profiles'!$G$18=$B$10,7,0)+IF('Standard Profiles'!$G$18=$B$17,14,0)+IF('Standard Profiles'!$G$18=$B$24,21,0),MOD($C8215,24)+1)/SUM(INDEX($D$3:$AA$30,INDEX(Jesper!$R$2:$R$366,ROW(INDEX(Jesper!AH$2:AH$366,ROUNDDOWN($C8215/24,0)+1,1))-1)+IF('Standard Profiles'!$G$18=$B$10,7,0)+IF('Standard Profiles'!$G$18=$B$17,14,0)+IF('Standard Profiles'!$G$18=$B$24,21,0),0)),0)</f>
        <v>4.4142736313587063</v>
      </c>
      <c r="E8215" cm="1">
        <f t="array" ref="E8215">IFERROR(INDEX(Jesper!AI$2:AI$366,ROUNDDOWN($C8215/24,0)+1,1)*INDEX($D$3:$AA$30,INDEX(Jesper!$R$2:$R$366,ROW(INDEX(Jesper!AI$2:AI$366,ROUNDDOWN($C8215/24,0)+1,1))-1)+IF('Standard Profiles'!$G$19=$B$10,7,0)+IF('Standard Profiles'!$G$19=$B$17,14,0)+IF('Standard Profiles'!$G$19=$B$24,21,0),MOD($C8215,24)+1)/SUM(INDEX($D$3:$AA$30,INDEX(Jesper!$R$2:$R$366,ROW(INDEX(Jesper!AI$2:AI$366,ROUNDDOWN($C8215/24,0)+1,1))-1)+IF('Standard Profiles'!$G$19=$B$10,7,0)+IF('Standard Profiles'!$G$19=$B$17,14,0)+IF('Standard Profiles'!$G$19=$B$24,21,0),0)),0)</f>
        <v>0</v>
      </c>
      <c r="F8215" cm="1">
        <f t="array" ref="F8215">IFERROR(INDEX(Jesper!AJ$2:AJ$366,ROUNDDOWN($C8215/24,0)+1,1)*INDEX($D$3:$AA$30,INDEX(Jesper!$R$2:$R$366,ROW(INDEX(Jesper!AJ$2:AJ$366,ROUNDDOWN($C8215/24,0)+1,1))-1)+IF('Standard Profiles'!$G$20=$B$10,7,0)+IF('Standard Profiles'!$G$20=$B$17,14,0)+IF('Standard Profiles'!$G$20=$B$24,21,0),MOD($C8215,24)+1)/SUM(INDEX($D$3:$AA$30,INDEX(Jesper!$R$2:$R$366,ROW(INDEX(Jesper!AJ$2:AJ$366,ROUNDDOWN($C8215/24,0)+1,1))-1)+IF('Standard Profiles'!$G$20=$B$10,7,0)+IF('Standard Profiles'!$G$20=$B$17,14,0)+IF('Standard Profiles'!$G$20=$B$24,21,0),0)),0)</f>
        <v>0</v>
      </c>
      <c r="G8215" cm="1">
        <f t="array" ref="G8215">IFERROR(INDEX(Jesper!AK$2:AK$366,ROUNDDOWN($C8215/24,0)+1,1)*INDEX($D$3:$AA$30,INDEX(Jesper!$R$2:$R$366,ROW(INDEX(Jesper!AK$2:AK$366,ROUNDDOWN($C8215/24,0)+1,1))-1)+IF('Standard Profiles'!$G$21=$B$10,7,0)+IF('Standard Profiles'!$G$21=$B$17,14,0)+IF('Standard Profiles'!$G$21=$B$24,21,0),MOD($C8215,24)+1)/SUM(INDEX($D$3:$AA$30,INDEX(Jesper!$R$2:$R$366,ROW(INDEX(Jesper!AK$2:AK$366,ROUNDDOWN($C8215/24,0)+1,1))-1)+IF('Standard Profiles'!$G$21=$B$10,7,0)+IF('Standard Profiles'!$G$21=$B$17,14,0)+IF('Standard Profiles'!$G$21=$B$24,21,0),0)),0)</f>
        <v>0</v>
      </c>
      <c r="H8215" cm="1">
        <f t="array" ref="H8215">IFERROR(INDEX(Jesper!AL$2:AL$366,ROUNDDOWN($C8215/24,0)+1,1)*INDEX($D$3:$AA$30,INDEX(Jesper!$R$2:$R$366,ROW(INDEX(Jesper!AL$2:AL$366,ROUNDDOWN($C8215/24,0)+1,1))-1)+IF('Standard Profiles'!$G$22=$B$10,7,0)+IF('Standard Profiles'!$G$22=$B$17,14,0)+IF('Standard Profiles'!$G$22=$B$24,21,0),MOD($C8215,24)+1)/SUM(INDEX($D$3:$AA$30,INDEX(Jesper!$R$2:$R$366,ROW(INDEX(Jesper!AL$2:AL$366,ROUNDDOWN($C8215/24,0)+1,1))-1)+IF('Standard Profiles'!$G$22=$B$10,7,0)+IF('Standard Profiles'!$G$22=$B$17,14,0)+IF('Standard Profiles'!$G$22=$B$24,21,0),0)),0)</f>
        <v>0</v>
      </c>
      <c r="I8215">
        <f t="shared" si="909"/>
        <v>0.13242820894076118</v>
      </c>
      <c r="J8215">
        <f t="shared" si="910"/>
        <v>0.44142736313587067</v>
      </c>
      <c r="K8215">
        <f t="shared" si="911"/>
        <v>0.66214104470380597</v>
      </c>
      <c r="L8215">
        <f t="shared" si="912"/>
        <v>3.1782770145782684</v>
      </c>
      <c r="M8215">
        <f t="shared" si="913"/>
        <v>0</v>
      </c>
      <c r="N8215" s="46">
        <f t="shared" si="914"/>
        <v>45632.874999980158</v>
      </c>
    </row>
    <row r="8216" spans="2:14" x14ac:dyDescent="0.3">
      <c r="B8216">
        <f t="shared" si="908"/>
        <v>5</v>
      </c>
      <c r="C8216" s="16">
        <v>8182</v>
      </c>
      <c r="D8216" cm="1">
        <f t="array" ref="D8216">IFERROR(INDEX(Jesper!AH$2:AH$366,ROUNDDOWN($C8216/24,0)+1,1)*INDEX($D$3:$AA$30,INDEX(Jesper!$R$2:$R$366,ROW(INDEX(Jesper!AH$2:AH$366,ROUNDDOWN($C8216/24,0)+1,1))-1)+IF('Standard Profiles'!$G$18=$B$10,7,0)+IF('Standard Profiles'!$G$18=$B$17,14,0)+IF('Standard Profiles'!$G$18=$B$24,21,0),MOD($C8216,24)+1)/SUM(INDEX($D$3:$AA$30,INDEX(Jesper!$R$2:$R$366,ROW(INDEX(Jesper!AH$2:AH$366,ROUNDDOWN($C8216/24,0)+1,1))-1)+IF('Standard Profiles'!$G$18=$B$10,7,0)+IF('Standard Profiles'!$G$18=$B$17,14,0)+IF('Standard Profiles'!$G$18=$B$24,21,0),0)),0)</f>
        <v>4.4142736313587063</v>
      </c>
      <c r="E8216" cm="1">
        <f t="array" ref="E8216">IFERROR(INDEX(Jesper!AI$2:AI$366,ROUNDDOWN($C8216/24,0)+1,1)*INDEX($D$3:$AA$30,INDEX(Jesper!$R$2:$R$366,ROW(INDEX(Jesper!AI$2:AI$366,ROUNDDOWN($C8216/24,0)+1,1))-1)+IF('Standard Profiles'!$G$19=$B$10,7,0)+IF('Standard Profiles'!$G$19=$B$17,14,0)+IF('Standard Profiles'!$G$19=$B$24,21,0),MOD($C8216,24)+1)/SUM(INDEX($D$3:$AA$30,INDEX(Jesper!$R$2:$R$366,ROW(INDEX(Jesper!AI$2:AI$366,ROUNDDOWN($C8216/24,0)+1,1))-1)+IF('Standard Profiles'!$G$19=$B$10,7,0)+IF('Standard Profiles'!$G$19=$B$17,14,0)+IF('Standard Profiles'!$G$19=$B$24,21,0),0)),0)</f>
        <v>0</v>
      </c>
      <c r="F8216" cm="1">
        <f t="array" ref="F8216">IFERROR(INDEX(Jesper!AJ$2:AJ$366,ROUNDDOWN($C8216/24,0)+1,1)*INDEX($D$3:$AA$30,INDEX(Jesper!$R$2:$R$366,ROW(INDEX(Jesper!AJ$2:AJ$366,ROUNDDOWN($C8216/24,0)+1,1))-1)+IF('Standard Profiles'!$G$20=$B$10,7,0)+IF('Standard Profiles'!$G$20=$B$17,14,0)+IF('Standard Profiles'!$G$20=$B$24,21,0),MOD($C8216,24)+1)/SUM(INDEX($D$3:$AA$30,INDEX(Jesper!$R$2:$R$366,ROW(INDEX(Jesper!AJ$2:AJ$366,ROUNDDOWN($C8216/24,0)+1,1))-1)+IF('Standard Profiles'!$G$20=$B$10,7,0)+IF('Standard Profiles'!$G$20=$B$17,14,0)+IF('Standard Profiles'!$G$20=$B$24,21,0),0)),0)</f>
        <v>0</v>
      </c>
      <c r="G8216" cm="1">
        <f t="array" ref="G8216">IFERROR(INDEX(Jesper!AK$2:AK$366,ROUNDDOWN($C8216/24,0)+1,1)*INDEX($D$3:$AA$30,INDEX(Jesper!$R$2:$R$366,ROW(INDEX(Jesper!AK$2:AK$366,ROUNDDOWN($C8216/24,0)+1,1))-1)+IF('Standard Profiles'!$G$21=$B$10,7,0)+IF('Standard Profiles'!$G$21=$B$17,14,0)+IF('Standard Profiles'!$G$21=$B$24,21,0),MOD($C8216,24)+1)/SUM(INDEX($D$3:$AA$30,INDEX(Jesper!$R$2:$R$366,ROW(INDEX(Jesper!AK$2:AK$366,ROUNDDOWN($C8216/24,0)+1,1))-1)+IF('Standard Profiles'!$G$21=$B$10,7,0)+IF('Standard Profiles'!$G$21=$B$17,14,0)+IF('Standard Profiles'!$G$21=$B$24,21,0),0)),0)</f>
        <v>0</v>
      </c>
      <c r="H8216" cm="1">
        <f t="array" ref="H8216">IFERROR(INDEX(Jesper!AL$2:AL$366,ROUNDDOWN($C8216/24,0)+1,1)*INDEX($D$3:$AA$30,INDEX(Jesper!$R$2:$R$366,ROW(INDEX(Jesper!AL$2:AL$366,ROUNDDOWN($C8216/24,0)+1,1))-1)+IF('Standard Profiles'!$G$22=$B$10,7,0)+IF('Standard Profiles'!$G$22=$B$17,14,0)+IF('Standard Profiles'!$G$22=$B$24,21,0),MOD($C8216,24)+1)/SUM(INDEX($D$3:$AA$30,INDEX(Jesper!$R$2:$R$366,ROW(INDEX(Jesper!AL$2:AL$366,ROUNDDOWN($C8216/24,0)+1,1))-1)+IF('Standard Profiles'!$G$22=$B$10,7,0)+IF('Standard Profiles'!$G$22=$B$17,14,0)+IF('Standard Profiles'!$G$22=$B$24,21,0),0)),0)</f>
        <v>0</v>
      </c>
      <c r="I8216">
        <f t="shared" si="909"/>
        <v>0.13242820894076118</v>
      </c>
      <c r="J8216">
        <f t="shared" si="910"/>
        <v>0.44142736313587067</v>
      </c>
      <c r="K8216">
        <f t="shared" si="911"/>
        <v>0.66214104470380597</v>
      </c>
      <c r="L8216">
        <f t="shared" si="912"/>
        <v>3.1782770145782684</v>
      </c>
      <c r="M8216">
        <f t="shared" si="913"/>
        <v>0</v>
      </c>
      <c r="N8216" s="46">
        <f t="shared" si="914"/>
        <v>45632.916666646823</v>
      </c>
    </row>
    <row r="8217" spans="2:14" x14ac:dyDescent="0.3">
      <c r="B8217">
        <f t="shared" si="908"/>
        <v>5</v>
      </c>
      <c r="C8217" s="16">
        <v>8183</v>
      </c>
      <c r="D8217" cm="1">
        <f t="array" ref="D8217">IFERROR(INDEX(Jesper!AH$2:AH$366,ROUNDDOWN($C8217/24,0)+1,1)*INDEX($D$3:$AA$30,INDEX(Jesper!$R$2:$R$366,ROW(INDEX(Jesper!AH$2:AH$366,ROUNDDOWN($C8217/24,0)+1,1))-1)+IF('Standard Profiles'!$G$18=$B$10,7,0)+IF('Standard Profiles'!$G$18=$B$17,14,0)+IF('Standard Profiles'!$G$18=$B$24,21,0),MOD($C8217,24)+1)/SUM(INDEX($D$3:$AA$30,INDEX(Jesper!$R$2:$R$366,ROW(INDEX(Jesper!AH$2:AH$366,ROUNDDOWN($C8217/24,0)+1,1))-1)+IF('Standard Profiles'!$G$18=$B$10,7,0)+IF('Standard Profiles'!$G$18=$B$17,14,0)+IF('Standard Profiles'!$G$18=$B$24,21,0),0)),0)</f>
        <v>4.4142736313587063</v>
      </c>
      <c r="E8217" cm="1">
        <f t="array" ref="E8217">IFERROR(INDEX(Jesper!AI$2:AI$366,ROUNDDOWN($C8217/24,0)+1,1)*INDEX($D$3:$AA$30,INDEX(Jesper!$R$2:$R$366,ROW(INDEX(Jesper!AI$2:AI$366,ROUNDDOWN($C8217/24,0)+1,1))-1)+IF('Standard Profiles'!$G$19=$B$10,7,0)+IF('Standard Profiles'!$G$19=$B$17,14,0)+IF('Standard Profiles'!$G$19=$B$24,21,0),MOD($C8217,24)+1)/SUM(INDEX($D$3:$AA$30,INDEX(Jesper!$R$2:$R$366,ROW(INDEX(Jesper!AI$2:AI$366,ROUNDDOWN($C8217/24,0)+1,1))-1)+IF('Standard Profiles'!$G$19=$B$10,7,0)+IF('Standard Profiles'!$G$19=$B$17,14,0)+IF('Standard Profiles'!$G$19=$B$24,21,0),0)),0)</f>
        <v>0</v>
      </c>
      <c r="F8217" cm="1">
        <f t="array" ref="F8217">IFERROR(INDEX(Jesper!AJ$2:AJ$366,ROUNDDOWN($C8217/24,0)+1,1)*INDEX($D$3:$AA$30,INDEX(Jesper!$R$2:$R$366,ROW(INDEX(Jesper!AJ$2:AJ$366,ROUNDDOWN($C8217/24,0)+1,1))-1)+IF('Standard Profiles'!$G$20=$B$10,7,0)+IF('Standard Profiles'!$G$20=$B$17,14,0)+IF('Standard Profiles'!$G$20=$B$24,21,0),MOD($C8217,24)+1)/SUM(INDEX($D$3:$AA$30,INDEX(Jesper!$R$2:$R$366,ROW(INDEX(Jesper!AJ$2:AJ$366,ROUNDDOWN($C8217/24,0)+1,1))-1)+IF('Standard Profiles'!$G$20=$B$10,7,0)+IF('Standard Profiles'!$G$20=$B$17,14,0)+IF('Standard Profiles'!$G$20=$B$24,21,0),0)),0)</f>
        <v>0</v>
      </c>
      <c r="G8217" cm="1">
        <f t="array" ref="G8217">IFERROR(INDEX(Jesper!AK$2:AK$366,ROUNDDOWN($C8217/24,0)+1,1)*INDEX($D$3:$AA$30,INDEX(Jesper!$R$2:$R$366,ROW(INDEX(Jesper!AK$2:AK$366,ROUNDDOWN($C8217/24,0)+1,1))-1)+IF('Standard Profiles'!$G$21=$B$10,7,0)+IF('Standard Profiles'!$G$21=$B$17,14,0)+IF('Standard Profiles'!$G$21=$B$24,21,0),MOD($C8217,24)+1)/SUM(INDEX($D$3:$AA$30,INDEX(Jesper!$R$2:$R$366,ROW(INDEX(Jesper!AK$2:AK$366,ROUNDDOWN($C8217/24,0)+1,1))-1)+IF('Standard Profiles'!$G$21=$B$10,7,0)+IF('Standard Profiles'!$G$21=$B$17,14,0)+IF('Standard Profiles'!$G$21=$B$24,21,0),0)),0)</f>
        <v>0</v>
      </c>
      <c r="H8217" cm="1">
        <f t="array" ref="H8217">IFERROR(INDEX(Jesper!AL$2:AL$366,ROUNDDOWN($C8217/24,0)+1,1)*INDEX($D$3:$AA$30,INDEX(Jesper!$R$2:$R$366,ROW(INDEX(Jesper!AL$2:AL$366,ROUNDDOWN($C8217/24,0)+1,1))-1)+IF('Standard Profiles'!$G$22=$B$10,7,0)+IF('Standard Profiles'!$G$22=$B$17,14,0)+IF('Standard Profiles'!$G$22=$B$24,21,0),MOD($C8217,24)+1)/SUM(INDEX($D$3:$AA$30,INDEX(Jesper!$R$2:$R$366,ROW(INDEX(Jesper!AL$2:AL$366,ROUNDDOWN($C8217/24,0)+1,1))-1)+IF('Standard Profiles'!$G$22=$B$10,7,0)+IF('Standard Profiles'!$G$22=$B$17,14,0)+IF('Standard Profiles'!$G$22=$B$24,21,0),0)),0)</f>
        <v>0</v>
      </c>
      <c r="I8217">
        <f t="shared" si="909"/>
        <v>0.13242820894076118</v>
      </c>
      <c r="J8217">
        <f t="shared" si="910"/>
        <v>0.44142736313587067</v>
      </c>
      <c r="K8217">
        <f t="shared" si="911"/>
        <v>0.66214104470380597</v>
      </c>
      <c r="L8217">
        <f t="shared" si="912"/>
        <v>3.1782770145782684</v>
      </c>
      <c r="M8217">
        <f t="shared" si="913"/>
        <v>0</v>
      </c>
      <c r="N8217" s="46">
        <f t="shared" si="914"/>
        <v>45632.958333313487</v>
      </c>
    </row>
    <row r="8218" spans="2:14" x14ac:dyDescent="0.3">
      <c r="B8218">
        <f t="shared" si="908"/>
        <v>6</v>
      </c>
      <c r="C8218" s="16">
        <v>8184</v>
      </c>
      <c r="D8218" cm="1">
        <f t="array" ref="D8218">IFERROR(INDEX(Jesper!AH$2:AH$366,ROUNDDOWN($C8218/24,0)+1,1)*INDEX($D$3:$AA$30,INDEX(Jesper!$R$2:$R$366,ROW(INDEX(Jesper!AH$2:AH$366,ROUNDDOWN($C8218/24,0)+1,1))-1)+IF('Standard Profiles'!$G$18=$B$10,7,0)+IF('Standard Profiles'!$G$18=$B$17,14,0)+IF('Standard Profiles'!$G$18=$B$24,21,0),MOD($C8218,24)+1)/SUM(INDEX($D$3:$AA$30,INDEX(Jesper!$R$2:$R$366,ROW(INDEX(Jesper!AH$2:AH$366,ROUNDDOWN($C8218/24,0)+1,1))-1)+IF('Standard Profiles'!$G$18=$B$10,7,0)+IF('Standard Profiles'!$G$18=$B$17,14,0)+IF('Standard Profiles'!$G$18=$B$24,21,0),0)),0)</f>
        <v>4.751120348506455</v>
      </c>
      <c r="E8218" cm="1">
        <f t="array" ref="E8218">IFERROR(INDEX(Jesper!AI$2:AI$366,ROUNDDOWN($C8218/24,0)+1,1)*INDEX($D$3:$AA$30,INDEX(Jesper!$R$2:$R$366,ROW(INDEX(Jesper!AI$2:AI$366,ROUNDDOWN($C8218/24,0)+1,1))-1)+IF('Standard Profiles'!$G$19=$B$10,7,0)+IF('Standard Profiles'!$G$19=$B$17,14,0)+IF('Standard Profiles'!$G$19=$B$24,21,0),MOD($C8218,24)+1)/SUM(INDEX($D$3:$AA$30,INDEX(Jesper!$R$2:$R$366,ROW(INDEX(Jesper!AI$2:AI$366,ROUNDDOWN($C8218/24,0)+1,1))-1)+IF('Standard Profiles'!$G$19=$B$10,7,0)+IF('Standard Profiles'!$G$19=$B$17,14,0)+IF('Standard Profiles'!$G$19=$B$24,21,0),0)),0)</f>
        <v>1.2300937916223198</v>
      </c>
      <c r="F8218" cm="1">
        <f t="array" ref="F8218">IFERROR(INDEX(Jesper!AJ$2:AJ$366,ROUNDDOWN($C8218/24,0)+1,1)*INDEX($D$3:$AA$30,INDEX(Jesper!$R$2:$R$366,ROW(INDEX(Jesper!AJ$2:AJ$366,ROUNDDOWN($C8218/24,0)+1,1))-1)+IF('Standard Profiles'!$G$20=$B$10,7,0)+IF('Standard Profiles'!$G$20=$B$17,14,0)+IF('Standard Profiles'!$G$20=$B$24,21,0),MOD($C8218,24)+1)/SUM(INDEX($D$3:$AA$30,INDEX(Jesper!$R$2:$R$366,ROW(INDEX(Jesper!AJ$2:AJ$366,ROUNDDOWN($C8218/24,0)+1,1))-1)+IF('Standard Profiles'!$G$20=$B$10,7,0)+IF('Standard Profiles'!$G$20=$B$17,14,0)+IF('Standard Profiles'!$G$20=$B$24,21,0),0)),0)</f>
        <v>0</v>
      </c>
      <c r="G8218" cm="1">
        <f t="array" ref="G8218">IFERROR(INDEX(Jesper!AK$2:AK$366,ROUNDDOWN($C8218/24,0)+1,1)*INDEX($D$3:$AA$30,INDEX(Jesper!$R$2:$R$366,ROW(INDEX(Jesper!AK$2:AK$366,ROUNDDOWN($C8218/24,0)+1,1))-1)+IF('Standard Profiles'!$G$21=$B$10,7,0)+IF('Standard Profiles'!$G$21=$B$17,14,0)+IF('Standard Profiles'!$G$21=$B$24,21,0),MOD($C8218,24)+1)/SUM(INDEX($D$3:$AA$30,INDEX(Jesper!$R$2:$R$366,ROW(INDEX(Jesper!AK$2:AK$366,ROUNDDOWN($C8218/24,0)+1,1))-1)+IF('Standard Profiles'!$G$21=$B$10,7,0)+IF('Standard Profiles'!$G$21=$B$17,14,0)+IF('Standard Profiles'!$G$21=$B$24,21,0),0)),0)</f>
        <v>0</v>
      </c>
      <c r="H8218" cm="1">
        <f t="array" ref="H8218">IFERROR(INDEX(Jesper!AL$2:AL$366,ROUNDDOWN($C8218/24,0)+1,1)*INDEX($D$3:$AA$30,INDEX(Jesper!$R$2:$R$366,ROW(INDEX(Jesper!AL$2:AL$366,ROUNDDOWN($C8218/24,0)+1,1))-1)+IF('Standard Profiles'!$G$22=$B$10,7,0)+IF('Standard Profiles'!$G$22=$B$17,14,0)+IF('Standard Profiles'!$G$22=$B$24,21,0),MOD($C8218,24)+1)/SUM(INDEX($D$3:$AA$30,INDEX(Jesper!$R$2:$R$366,ROW(INDEX(Jesper!AL$2:AL$366,ROUNDDOWN($C8218/24,0)+1,1))-1)+IF('Standard Profiles'!$G$22=$B$10,7,0)+IF('Standard Profiles'!$G$22=$B$17,14,0)+IF('Standard Profiles'!$G$22=$B$24,21,0),0)),0)</f>
        <v>0</v>
      </c>
      <c r="I8218">
        <f t="shared" si="909"/>
        <v>0.11081926050651533</v>
      </c>
      <c r="J8218">
        <f t="shared" si="910"/>
        <v>0.36939753502171779</v>
      </c>
      <c r="K8218">
        <f t="shared" si="911"/>
        <v>0.55409630253257669</v>
      </c>
      <c r="L8218">
        <f t="shared" si="912"/>
        <v>4.9469010420679655</v>
      </c>
      <c r="M8218">
        <f t="shared" si="913"/>
        <v>0</v>
      </c>
      <c r="N8218" s="46">
        <f t="shared" si="914"/>
        <v>45632.999999980151</v>
      </c>
    </row>
    <row r="8219" spans="2:14" x14ac:dyDescent="0.3">
      <c r="B8219">
        <f t="shared" si="908"/>
        <v>6</v>
      </c>
      <c r="C8219" s="16">
        <v>8185</v>
      </c>
      <c r="D8219" cm="1">
        <f t="array" ref="D8219">IFERROR(INDEX(Jesper!AH$2:AH$366,ROUNDDOWN($C8219/24,0)+1,1)*INDEX($D$3:$AA$30,INDEX(Jesper!$R$2:$R$366,ROW(INDEX(Jesper!AH$2:AH$366,ROUNDDOWN($C8219/24,0)+1,1))-1)+IF('Standard Profiles'!$G$18=$B$10,7,0)+IF('Standard Profiles'!$G$18=$B$17,14,0)+IF('Standard Profiles'!$G$18=$B$24,21,0),MOD($C8219,24)+1)/SUM(INDEX($D$3:$AA$30,INDEX(Jesper!$R$2:$R$366,ROW(INDEX(Jesper!AH$2:AH$366,ROUNDDOWN($C8219/24,0)+1,1))-1)+IF('Standard Profiles'!$G$18=$B$10,7,0)+IF('Standard Profiles'!$G$18=$B$17,14,0)+IF('Standard Profiles'!$G$18=$B$24,21,0),0)),0)</f>
        <v>9.2759968708935556</v>
      </c>
      <c r="E8219" cm="1">
        <f t="array" ref="E8219">IFERROR(INDEX(Jesper!AI$2:AI$366,ROUNDDOWN($C8219/24,0)+1,1)*INDEX($D$3:$AA$30,INDEX(Jesper!$R$2:$R$366,ROW(INDEX(Jesper!AI$2:AI$366,ROUNDDOWN($C8219/24,0)+1,1))-1)+IF('Standard Profiles'!$G$19=$B$10,7,0)+IF('Standard Profiles'!$G$19=$B$17,14,0)+IF('Standard Profiles'!$G$19=$B$24,21,0),MOD($C8219,24)+1)/SUM(INDEX($D$3:$AA$30,INDEX(Jesper!$R$2:$R$366,ROW(INDEX(Jesper!AI$2:AI$366,ROUNDDOWN($C8219/24,0)+1,1))-1)+IF('Standard Profiles'!$G$19=$B$10,7,0)+IF('Standard Profiles'!$G$19=$B$17,14,0)+IF('Standard Profiles'!$G$19=$B$24,21,0),0)),0)</f>
        <v>2.4016116884054819</v>
      </c>
      <c r="F8219" cm="1">
        <f t="array" ref="F8219">IFERROR(INDEX(Jesper!AJ$2:AJ$366,ROUNDDOWN($C8219/24,0)+1,1)*INDEX($D$3:$AA$30,INDEX(Jesper!$R$2:$R$366,ROW(INDEX(Jesper!AJ$2:AJ$366,ROUNDDOWN($C8219/24,0)+1,1))-1)+IF('Standard Profiles'!$G$20=$B$10,7,0)+IF('Standard Profiles'!$G$20=$B$17,14,0)+IF('Standard Profiles'!$G$20=$B$24,21,0),MOD($C8219,24)+1)/SUM(INDEX($D$3:$AA$30,INDEX(Jesper!$R$2:$R$366,ROW(INDEX(Jesper!AJ$2:AJ$366,ROUNDDOWN($C8219/24,0)+1,1))-1)+IF('Standard Profiles'!$G$20=$B$10,7,0)+IF('Standard Profiles'!$G$20=$B$17,14,0)+IF('Standard Profiles'!$G$20=$B$24,21,0),0)),0)</f>
        <v>0</v>
      </c>
      <c r="G8219" cm="1">
        <f t="array" ref="G8219">IFERROR(INDEX(Jesper!AK$2:AK$366,ROUNDDOWN($C8219/24,0)+1,1)*INDEX($D$3:$AA$30,INDEX(Jesper!$R$2:$R$366,ROW(INDEX(Jesper!AK$2:AK$366,ROUNDDOWN($C8219/24,0)+1,1))-1)+IF('Standard Profiles'!$G$21=$B$10,7,0)+IF('Standard Profiles'!$G$21=$B$17,14,0)+IF('Standard Profiles'!$G$21=$B$24,21,0),MOD($C8219,24)+1)/SUM(INDEX($D$3:$AA$30,INDEX(Jesper!$R$2:$R$366,ROW(INDEX(Jesper!AK$2:AK$366,ROUNDDOWN($C8219/24,0)+1,1))-1)+IF('Standard Profiles'!$G$21=$B$10,7,0)+IF('Standard Profiles'!$G$21=$B$17,14,0)+IF('Standard Profiles'!$G$21=$B$24,21,0),0)),0)</f>
        <v>0</v>
      </c>
      <c r="H8219" cm="1">
        <f t="array" ref="H8219">IFERROR(INDEX(Jesper!AL$2:AL$366,ROUNDDOWN($C8219/24,0)+1,1)*INDEX($D$3:$AA$30,INDEX(Jesper!$R$2:$R$366,ROW(INDEX(Jesper!AL$2:AL$366,ROUNDDOWN($C8219/24,0)+1,1))-1)+IF('Standard Profiles'!$G$22=$B$10,7,0)+IF('Standard Profiles'!$G$22=$B$17,14,0)+IF('Standard Profiles'!$G$22=$B$24,21,0),MOD($C8219,24)+1)/SUM(INDEX($D$3:$AA$30,INDEX(Jesper!$R$2:$R$366,ROW(INDEX(Jesper!AL$2:AL$366,ROUNDDOWN($C8219/24,0)+1,1))-1)+IF('Standard Profiles'!$G$22=$B$10,7,0)+IF('Standard Profiles'!$G$22=$B$17,14,0)+IF('Standard Profiles'!$G$22=$B$24,21,0),0)),0)</f>
        <v>0</v>
      </c>
      <c r="I8219">
        <f t="shared" si="909"/>
        <v>0.21636141336986328</v>
      </c>
      <c r="J8219">
        <f t="shared" si="910"/>
        <v>0.72120471123287777</v>
      </c>
      <c r="K8219">
        <f t="shared" si="911"/>
        <v>1.0818070668493165</v>
      </c>
      <c r="L8219">
        <f t="shared" si="912"/>
        <v>9.6582353678469808</v>
      </c>
      <c r="M8219">
        <f t="shared" si="913"/>
        <v>0</v>
      </c>
      <c r="N8219" s="46">
        <f t="shared" si="914"/>
        <v>45633.041666646815</v>
      </c>
    </row>
    <row r="8220" spans="2:14" x14ac:dyDescent="0.3">
      <c r="B8220">
        <f t="shared" si="908"/>
        <v>6</v>
      </c>
      <c r="C8220" s="16">
        <v>8186</v>
      </c>
      <c r="D8220" cm="1">
        <f t="array" ref="D8220">IFERROR(INDEX(Jesper!AH$2:AH$366,ROUNDDOWN($C8220/24,0)+1,1)*INDEX($D$3:$AA$30,INDEX(Jesper!$R$2:$R$366,ROW(INDEX(Jesper!AH$2:AH$366,ROUNDDOWN($C8220/24,0)+1,1))-1)+IF('Standard Profiles'!$G$18=$B$10,7,0)+IF('Standard Profiles'!$G$18=$B$17,14,0)+IF('Standard Profiles'!$G$18=$B$24,21,0),MOD($C8220,24)+1)/SUM(INDEX($D$3:$AA$30,INDEX(Jesper!$R$2:$R$366,ROW(INDEX(Jesper!AH$2:AH$366,ROUNDDOWN($C8220/24,0)+1,1))-1)+IF('Standard Profiles'!$G$18=$B$10,7,0)+IF('Standard Profiles'!$G$18=$B$17,14,0)+IF('Standard Profiles'!$G$18=$B$24,21,0),0)),0)</f>
        <v>9.2759968708935556</v>
      </c>
      <c r="E8220" cm="1">
        <f t="array" ref="E8220">IFERROR(INDEX(Jesper!AI$2:AI$366,ROUNDDOWN($C8220/24,0)+1,1)*INDEX($D$3:$AA$30,INDEX(Jesper!$R$2:$R$366,ROW(INDEX(Jesper!AI$2:AI$366,ROUNDDOWN($C8220/24,0)+1,1))-1)+IF('Standard Profiles'!$G$19=$B$10,7,0)+IF('Standard Profiles'!$G$19=$B$17,14,0)+IF('Standard Profiles'!$G$19=$B$24,21,0),MOD($C8220,24)+1)/SUM(INDEX($D$3:$AA$30,INDEX(Jesper!$R$2:$R$366,ROW(INDEX(Jesper!AI$2:AI$366,ROUNDDOWN($C8220/24,0)+1,1))-1)+IF('Standard Profiles'!$G$19=$B$10,7,0)+IF('Standard Profiles'!$G$19=$B$17,14,0)+IF('Standard Profiles'!$G$19=$B$24,21,0),0)),0)</f>
        <v>2.4016116884054819</v>
      </c>
      <c r="F8220" cm="1">
        <f t="array" ref="F8220">IFERROR(INDEX(Jesper!AJ$2:AJ$366,ROUNDDOWN($C8220/24,0)+1,1)*INDEX($D$3:$AA$30,INDEX(Jesper!$R$2:$R$366,ROW(INDEX(Jesper!AJ$2:AJ$366,ROUNDDOWN($C8220/24,0)+1,1))-1)+IF('Standard Profiles'!$G$20=$B$10,7,0)+IF('Standard Profiles'!$G$20=$B$17,14,0)+IF('Standard Profiles'!$G$20=$B$24,21,0),MOD($C8220,24)+1)/SUM(INDEX($D$3:$AA$30,INDEX(Jesper!$R$2:$R$366,ROW(INDEX(Jesper!AJ$2:AJ$366,ROUNDDOWN($C8220/24,0)+1,1))-1)+IF('Standard Profiles'!$G$20=$B$10,7,0)+IF('Standard Profiles'!$G$20=$B$17,14,0)+IF('Standard Profiles'!$G$20=$B$24,21,0),0)),0)</f>
        <v>0</v>
      </c>
      <c r="G8220" cm="1">
        <f t="array" ref="G8220">IFERROR(INDEX(Jesper!AK$2:AK$366,ROUNDDOWN($C8220/24,0)+1,1)*INDEX($D$3:$AA$30,INDEX(Jesper!$R$2:$R$366,ROW(INDEX(Jesper!AK$2:AK$366,ROUNDDOWN($C8220/24,0)+1,1))-1)+IF('Standard Profiles'!$G$21=$B$10,7,0)+IF('Standard Profiles'!$G$21=$B$17,14,0)+IF('Standard Profiles'!$G$21=$B$24,21,0),MOD($C8220,24)+1)/SUM(INDEX($D$3:$AA$30,INDEX(Jesper!$R$2:$R$366,ROW(INDEX(Jesper!AK$2:AK$366,ROUNDDOWN($C8220/24,0)+1,1))-1)+IF('Standard Profiles'!$G$21=$B$10,7,0)+IF('Standard Profiles'!$G$21=$B$17,14,0)+IF('Standard Profiles'!$G$21=$B$24,21,0),0)),0)</f>
        <v>0</v>
      </c>
      <c r="H8220" cm="1">
        <f t="array" ref="H8220">IFERROR(INDEX(Jesper!AL$2:AL$366,ROUNDDOWN($C8220/24,0)+1,1)*INDEX($D$3:$AA$30,INDEX(Jesper!$R$2:$R$366,ROW(INDEX(Jesper!AL$2:AL$366,ROUNDDOWN($C8220/24,0)+1,1))-1)+IF('Standard Profiles'!$G$22=$B$10,7,0)+IF('Standard Profiles'!$G$22=$B$17,14,0)+IF('Standard Profiles'!$G$22=$B$24,21,0),MOD($C8220,24)+1)/SUM(INDEX($D$3:$AA$30,INDEX(Jesper!$R$2:$R$366,ROW(INDEX(Jesper!AL$2:AL$366,ROUNDDOWN($C8220/24,0)+1,1))-1)+IF('Standard Profiles'!$G$22=$B$10,7,0)+IF('Standard Profiles'!$G$22=$B$17,14,0)+IF('Standard Profiles'!$G$22=$B$24,21,0),0)),0)</f>
        <v>0</v>
      </c>
      <c r="I8220">
        <f t="shared" si="909"/>
        <v>0.21636141336986328</v>
      </c>
      <c r="J8220">
        <f t="shared" si="910"/>
        <v>0.72120471123287777</v>
      </c>
      <c r="K8220">
        <f t="shared" si="911"/>
        <v>1.0818070668493165</v>
      </c>
      <c r="L8220">
        <f t="shared" si="912"/>
        <v>9.6582353678469808</v>
      </c>
      <c r="M8220">
        <f t="shared" si="913"/>
        <v>0</v>
      </c>
      <c r="N8220" s="46">
        <f t="shared" si="914"/>
        <v>45633.08333331348</v>
      </c>
    </row>
    <row r="8221" spans="2:14" x14ac:dyDescent="0.3">
      <c r="B8221">
        <f t="shared" si="908"/>
        <v>6</v>
      </c>
      <c r="C8221" s="16">
        <v>8187</v>
      </c>
      <c r="D8221" cm="1">
        <f t="array" ref="D8221">IFERROR(INDEX(Jesper!AH$2:AH$366,ROUNDDOWN($C8221/24,0)+1,1)*INDEX($D$3:$AA$30,INDEX(Jesper!$R$2:$R$366,ROW(INDEX(Jesper!AH$2:AH$366,ROUNDDOWN($C8221/24,0)+1,1))-1)+IF('Standard Profiles'!$G$18=$B$10,7,0)+IF('Standard Profiles'!$G$18=$B$17,14,0)+IF('Standard Profiles'!$G$18=$B$24,21,0),MOD($C8221,24)+1)/SUM(INDEX($D$3:$AA$30,INDEX(Jesper!$R$2:$R$366,ROW(INDEX(Jesper!AH$2:AH$366,ROUNDDOWN($C8221/24,0)+1,1))-1)+IF('Standard Profiles'!$G$18=$B$10,7,0)+IF('Standard Profiles'!$G$18=$B$17,14,0)+IF('Standard Profiles'!$G$18=$B$24,21,0),0)),0)</f>
        <v>9.2759968708935556</v>
      </c>
      <c r="E8221" cm="1">
        <f t="array" ref="E8221">IFERROR(INDEX(Jesper!AI$2:AI$366,ROUNDDOWN($C8221/24,0)+1,1)*INDEX($D$3:$AA$30,INDEX(Jesper!$R$2:$R$366,ROW(INDEX(Jesper!AI$2:AI$366,ROUNDDOWN($C8221/24,0)+1,1))-1)+IF('Standard Profiles'!$G$19=$B$10,7,0)+IF('Standard Profiles'!$G$19=$B$17,14,0)+IF('Standard Profiles'!$G$19=$B$24,21,0),MOD($C8221,24)+1)/SUM(INDEX($D$3:$AA$30,INDEX(Jesper!$R$2:$R$366,ROW(INDEX(Jesper!AI$2:AI$366,ROUNDDOWN($C8221/24,0)+1,1))-1)+IF('Standard Profiles'!$G$19=$B$10,7,0)+IF('Standard Profiles'!$G$19=$B$17,14,0)+IF('Standard Profiles'!$G$19=$B$24,21,0),0)),0)</f>
        <v>2.4016116884054819</v>
      </c>
      <c r="F8221" cm="1">
        <f t="array" ref="F8221">IFERROR(INDEX(Jesper!AJ$2:AJ$366,ROUNDDOWN($C8221/24,0)+1,1)*INDEX($D$3:$AA$30,INDEX(Jesper!$R$2:$R$366,ROW(INDEX(Jesper!AJ$2:AJ$366,ROUNDDOWN($C8221/24,0)+1,1))-1)+IF('Standard Profiles'!$G$20=$B$10,7,0)+IF('Standard Profiles'!$G$20=$B$17,14,0)+IF('Standard Profiles'!$G$20=$B$24,21,0),MOD($C8221,24)+1)/SUM(INDEX($D$3:$AA$30,INDEX(Jesper!$R$2:$R$366,ROW(INDEX(Jesper!AJ$2:AJ$366,ROUNDDOWN($C8221/24,0)+1,1))-1)+IF('Standard Profiles'!$G$20=$B$10,7,0)+IF('Standard Profiles'!$G$20=$B$17,14,0)+IF('Standard Profiles'!$G$20=$B$24,21,0),0)),0)</f>
        <v>0</v>
      </c>
      <c r="G8221" cm="1">
        <f t="array" ref="G8221">IFERROR(INDEX(Jesper!AK$2:AK$366,ROUNDDOWN($C8221/24,0)+1,1)*INDEX($D$3:$AA$30,INDEX(Jesper!$R$2:$R$366,ROW(INDEX(Jesper!AK$2:AK$366,ROUNDDOWN($C8221/24,0)+1,1))-1)+IF('Standard Profiles'!$G$21=$B$10,7,0)+IF('Standard Profiles'!$G$21=$B$17,14,0)+IF('Standard Profiles'!$G$21=$B$24,21,0),MOD($C8221,24)+1)/SUM(INDEX($D$3:$AA$30,INDEX(Jesper!$R$2:$R$366,ROW(INDEX(Jesper!AK$2:AK$366,ROUNDDOWN($C8221/24,0)+1,1))-1)+IF('Standard Profiles'!$G$21=$B$10,7,0)+IF('Standard Profiles'!$G$21=$B$17,14,0)+IF('Standard Profiles'!$G$21=$B$24,21,0),0)),0)</f>
        <v>0</v>
      </c>
      <c r="H8221" cm="1">
        <f t="array" ref="H8221">IFERROR(INDEX(Jesper!AL$2:AL$366,ROUNDDOWN($C8221/24,0)+1,1)*INDEX($D$3:$AA$30,INDEX(Jesper!$R$2:$R$366,ROW(INDEX(Jesper!AL$2:AL$366,ROUNDDOWN($C8221/24,0)+1,1))-1)+IF('Standard Profiles'!$G$22=$B$10,7,0)+IF('Standard Profiles'!$G$22=$B$17,14,0)+IF('Standard Profiles'!$G$22=$B$24,21,0),MOD($C8221,24)+1)/SUM(INDEX($D$3:$AA$30,INDEX(Jesper!$R$2:$R$366,ROW(INDEX(Jesper!AL$2:AL$366,ROUNDDOWN($C8221/24,0)+1,1))-1)+IF('Standard Profiles'!$G$22=$B$10,7,0)+IF('Standard Profiles'!$G$22=$B$17,14,0)+IF('Standard Profiles'!$G$22=$B$24,21,0),0)),0)</f>
        <v>0</v>
      </c>
      <c r="I8221">
        <f t="shared" si="909"/>
        <v>0.21636141336986328</v>
      </c>
      <c r="J8221">
        <f t="shared" si="910"/>
        <v>0.72120471123287777</v>
      </c>
      <c r="K8221">
        <f t="shared" si="911"/>
        <v>1.0818070668493165</v>
      </c>
      <c r="L8221">
        <f t="shared" si="912"/>
        <v>9.6582353678469808</v>
      </c>
      <c r="M8221">
        <f t="shared" si="913"/>
        <v>0</v>
      </c>
      <c r="N8221" s="46">
        <f t="shared" si="914"/>
        <v>45633.124999980144</v>
      </c>
    </row>
    <row r="8222" spans="2:14" x14ac:dyDescent="0.3">
      <c r="B8222">
        <f t="shared" si="908"/>
        <v>6</v>
      </c>
      <c r="C8222" s="16">
        <v>8188</v>
      </c>
      <c r="D8222" cm="1">
        <f t="array" ref="D8222">IFERROR(INDEX(Jesper!AH$2:AH$366,ROUNDDOWN($C8222/24,0)+1,1)*INDEX($D$3:$AA$30,INDEX(Jesper!$R$2:$R$366,ROW(INDEX(Jesper!AH$2:AH$366,ROUNDDOWN($C8222/24,0)+1,1))-1)+IF('Standard Profiles'!$G$18=$B$10,7,0)+IF('Standard Profiles'!$G$18=$B$17,14,0)+IF('Standard Profiles'!$G$18=$B$24,21,0),MOD($C8222,24)+1)/SUM(INDEX($D$3:$AA$30,INDEX(Jesper!$R$2:$R$366,ROW(INDEX(Jesper!AH$2:AH$366,ROUNDDOWN($C8222/24,0)+1,1))-1)+IF('Standard Profiles'!$G$18=$B$10,7,0)+IF('Standard Profiles'!$G$18=$B$17,14,0)+IF('Standard Profiles'!$G$18=$B$24,21,0),0)),0)</f>
        <v>9.2759968708935556</v>
      </c>
      <c r="E8222" cm="1">
        <f t="array" ref="E8222">IFERROR(INDEX(Jesper!AI$2:AI$366,ROUNDDOWN($C8222/24,0)+1,1)*INDEX($D$3:$AA$30,INDEX(Jesper!$R$2:$R$366,ROW(INDEX(Jesper!AI$2:AI$366,ROUNDDOWN($C8222/24,0)+1,1))-1)+IF('Standard Profiles'!$G$19=$B$10,7,0)+IF('Standard Profiles'!$G$19=$B$17,14,0)+IF('Standard Profiles'!$G$19=$B$24,21,0),MOD($C8222,24)+1)/SUM(INDEX($D$3:$AA$30,INDEX(Jesper!$R$2:$R$366,ROW(INDEX(Jesper!AI$2:AI$366,ROUNDDOWN($C8222/24,0)+1,1))-1)+IF('Standard Profiles'!$G$19=$B$10,7,0)+IF('Standard Profiles'!$G$19=$B$17,14,0)+IF('Standard Profiles'!$G$19=$B$24,21,0),0)),0)</f>
        <v>2.4016116884054819</v>
      </c>
      <c r="F8222" cm="1">
        <f t="array" ref="F8222">IFERROR(INDEX(Jesper!AJ$2:AJ$366,ROUNDDOWN($C8222/24,0)+1,1)*INDEX($D$3:$AA$30,INDEX(Jesper!$R$2:$R$366,ROW(INDEX(Jesper!AJ$2:AJ$366,ROUNDDOWN($C8222/24,0)+1,1))-1)+IF('Standard Profiles'!$G$20=$B$10,7,0)+IF('Standard Profiles'!$G$20=$B$17,14,0)+IF('Standard Profiles'!$G$20=$B$24,21,0),MOD($C8222,24)+1)/SUM(INDEX($D$3:$AA$30,INDEX(Jesper!$R$2:$R$366,ROW(INDEX(Jesper!AJ$2:AJ$366,ROUNDDOWN($C8222/24,0)+1,1))-1)+IF('Standard Profiles'!$G$20=$B$10,7,0)+IF('Standard Profiles'!$G$20=$B$17,14,0)+IF('Standard Profiles'!$G$20=$B$24,21,0),0)),0)</f>
        <v>0</v>
      </c>
      <c r="G8222" cm="1">
        <f t="array" ref="G8222">IFERROR(INDEX(Jesper!AK$2:AK$366,ROUNDDOWN($C8222/24,0)+1,1)*INDEX($D$3:$AA$30,INDEX(Jesper!$R$2:$R$366,ROW(INDEX(Jesper!AK$2:AK$366,ROUNDDOWN($C8222/24,0)+1,1))-1)+IF('Standard Profiles'!$G$21=$B$10,7,0)+IF('Standard Profiles'!$G$21=$B$17,14,0)+IF('Standard Profiles'!$G$21=$B$24,21,0),MOD($C8222,24)+1)/SUM(INDEX($D$3:$AA$30,INDEX(Jesper!$R$2:$R$366,ROW(INDEX(Jesper!AK$2:AK$366,ROUNDDOWN($C8222/24,0)+1,1))-1)+IF('Standard Profiles'!$G$21=$B$10,7,0)+IF('Standard Profiles'!$G$21=$B$17,14,0)+IF('Standard Profiles'!$G$21=$B$24,21,0),0)),0)</f>
        <v>0</v>
      </c>
      <c r="H8222" cm="1">
        <f t="array" ref="H8222">IFERROR(INDEX(Jesper!AL$2:AL$366,ROUNDDOWN($C8222/24,0)+1,1)*INDEX($D$3:$AA$30,INDEX(Jesper!$R$2:$R$366,ROW(INDEX(Jesper!AL$2:AL$366,ROUNDDOWN($C8222/24,0)+1,1))-1)+IF('Standard Profiles'!$G$22=$B$10,7,0)+IF('Standard Profiles'!$G$22=$B$17,14,0)+IF('Standard Profiles'!$G$22=$B$24,21,0),MOD($C8222,24)+1)/SUM(INDEX($D$3:$AA$30,INDEX(Jesper!$R$2:$R$366,ROW(INDEX(Jesper!AL$2:AL$366,ROUNDDOWN($C8222/24,0)+1,1))-1)+IF('Standard Profiles'!$G$22=$B$10,7,0)+IF('Standard Profiles'!$G$22=$B$17,14,0)+IF('Standard Profiles'!$G$22=$B$24,21,0),0)),0)</f>
        <v>0</v>
      </c>
      <c r="I8222">
        <f t="shared" si="909"/>
        <v>0.21636141336986328</v>
      </c>
      <c r="J8222">
        <f t="shared" si="910"/>
        <v>0.72120471123287777</v>
      </c>
      <c r="K8222">
        <f t="shared" si="911"/>
        <v>1.0818070668493165</v>
      </c>
      <c r="L8222">
        <f t="shared" si="912"/>
        <v>9.6582353678469808</v>
      </c>
      <c r="M8222">
        <f t="shared" si="913"/>
        <v>0</v>
      </c>
      <c r="N8222" s="46">
        <f t="shared" si="914"/>
        <v>45633.166666646808</v>
      </c>
    </row>
    <row r="8223" spans="2:14" x14ac:dyDescent="0.3">
      <c r="B8223">
        <f t="shared" si="908"/>
        <v>6</v>
      </c>
      <c r="C8223" s="16">
        <v>8189</v>
      </c>
      <c r="D8223" cm="1">
        <f t="array" ref="D8223">IFERROR(INDEX(Jesper!AH$2:AH$366,ROUNDDOWN($C8223/24,0)+1,1)*INDEX($D$3:$AA$30,INDEX(Jesper!$R$2:$R$366,ROW(INDEX(Jesper!AH$2:AH$366,ROUNDDOWN($C8223/24,0)+1,1))-1)+IF('Standard Profiles'!$G$18=$B$10,7,0)+IF('Standard Profiles'!$G$18=$B$17,14,0)+IF('Standard Profiles'!$G$18=$B$24,21,0),MOD($C8223,24)+1)/SUM(INDEX($D$3:$AA$30,INDEX(Jesper!$R$2:$R$366,ROW(INDEX(Jesper!AH$2:AH$366,ROUNDDOWN($C8223/24,0)+1,1))-1)+IF('Standard Profiles'!$G$18=$B$10,7,0)+IF('Standard Profiles'!$G$18=$B$17,14,0)+IF('Standard Profiles'!$G$18=$B$24,21,0),0)),0)</f>
        <v>11.538435132087105</v>
      </c>
      <c r="E8223" cm="1">
        <f t="array" ref="E8223">IFERROR(INDEX(Jesper!AI$2:AI$366,ROUNDDOWN($C8223/24,0)+1,1)*INDEX($D$3:$AA$30,INDEX(Jesper!$R$2:$R$366,ROW(INDEX(Jesper!AI$2:AI$366,ROUNDDOWN($C8223/24,0)+1,1))-1)+IF('Standard Profiles'!$G$19=$B$10,7,0)+IF('Standard Profiles'!$G$19=$B$17,14,0)+IF('Standard Profiles'!$G$19=$B$24,21,0),MOD($C8223,24)+1)/SUM(INDEX($D$3:$AA$30,INDEX(Jesper!$R$2:$R$366,ROW(INDEX(Jesper!AI$2:AI$366,ROUNDDOWN($C8223/24,0)+1,1))-1)+IF('Standard Profiles'!$G$19=$B$10,7,0)+IF('Standard Profiles'!$G$19=$B$17,14,0)+IF('Standard Profiles'!$G$19=$B$24,21,0),0)),0)</f>
        <v>2.9873706367970625</v>
      </c>
      <c r="F8223" cm="1">
        <f t="array" ref="F8223">IFERROR(INDEX(Jesper!AJ$2:AJ$366,ROUNDDOWN($C8223/24,0)+1,1)*INDEX($D$3:$AA$30,INDEX(Jesper!$R$2:$R$366,ROW(INDEX(Jesper!AJ$2:AJ$366,ROUNDDOWN($C8223/24,0)+1,1))-1)+IF('Standard Profiles'!$G$20=$B$10,7,0)+IF('Standard Profiles'!$G$20=$B$17,14,0)+IF('Standard Profiles'!$G$20=$B$24,21,0),MOD($C8223,24)+1)/SUM(INDEX($D$3:$AA$30,INDEX(Jesper!$R$2:$R$366,ROW(INDEX(Jesper!AJ$2:AJ$366,ROUNDDOWN($C8223/24,0)+1,1))-1)+IF('Standard Profiles'!$G$20=$B$10,7,0)+IF('Standard Profiles'!$G$20=$B$17,14,0)+IF('Standard Profiles'!$G$20=$B$24,21,0),0)),0)</f>
        <v>0</v>
      </c>
      <c r="G8223" cm="1">
        <f t="array" ref="G8223">IFERROR(INDEX(Jesper!AK$2:AK$366,ROUNDDOWN($C8223/24,0)+1,1)*INDEX($D$3:$AA$30,INDEX(Jesper!$R$2:$R$366,ROW(INDEX(Jesper!AK$2:AK$366,ROUNDDOWN($C8223/24,0)+1,1))-1)+IF('Standard Profiles'!$G$21=$B$10,7,0)+IF('Standard Profiles'!$G$21=$B$17,14,0)+IF('Standard Profiles'!$G$21=$B$24,21,0),MOD($C8223,24)+1)/SUM(INDEX($D$3:$AA$30,INDEX(Jesper!$R$2:$R$366,ROW(INDEX(Jesper!AK$2:AK$366,ROUNDDOWN($C8223/24,0)+1,1))-1)+IF('Standard Profiles'!$G$21=$B$10,7,0)+IF('Standard Profiles'!$G$21=$B$17,14,0)+IF('Standard Profiles'!$G$21=$B$24,21,0),0)),0)</f>
        <v>0</v>
      </c>
      <c r="H8223" cm="1">
        <f t="array" ref="H8223">IFERROR(INDEX(Jesper!AL$2:AL$366,ROUNDDOWN($C8223/24,0)+1,1)*INDEX($D$3:$AA$30,INDEX(Jesper!$R$2:$R$366,ROW(INDEX(Jesper!AL$2:AL$366,ROUNDDOWN($C8223/24,0)+1,1))-1)+IF('Standard Profiles'!$G$22=$B$10,7,0)+IF('Standard Profiles'!$G$22=$B$17,14,0)+IF('Standard Profiles'!$G$22=$B$24,21,0),MOD($C8223,24)+1)/SUM(INDEX($D$3:$AA$30,INDEX(Jesper!$R$2:$R$366,ROW(INDEX(Jesper!AL$2:AL$366,ROUNDDOWN($C8223/24,0)+1,1))-1)+IF('Standard Profiles'!$G$22=$B$10,7,0)+IF('Standard Profiles'!$G$22=$B$17,14,0)+IF('Standard Profiles'!$G$22=$B$24,21,0),0)),0)</f>
        <v>0</v>
      </c>
      <c r="I8223">
        <f t="shared" si="909"/>
        <v>0.26913248980153726</v>
      </c>
      <c r="J8223">
        <f t="shared" si="910"/>
        <v>0.89710829933845759</v>
      </c>
      <c r="K8223">
        <f t="shared" si="911"/>
        <v>1.3456624490076863</v>
      </c>
      <c r="L8223">
        <f t="shared" si="912"/>
        <v>12.013902530736488</v>
      </c>
      <c r="M8223">
        <f t="shared" si="913"/>
        <v>0</v>
      </c>
      <c r="N8223" s="46">
        <f t="shared" si="914"/>
        <v>45633.208333313472</v>
      </c>
    </row>
    <row r="8224" spans="2:14" x14ac:dyDescent="0.3">
      <c r="B8224">
        <f t="shared" si="908"/>
        <v>6</v>
      </c>
      <c r="C8224" s="16">
        <v>8190</v>
      </c>
      <c r="D8224" cm="1">
        <f t="array" ref="D8224">IFERROR(INDEX(Jesper!AH$2:AH$366,ROUNDDOWN($C8224/24,0)+1,1)*INDEX($D$3:$AA$30,INDEX(Jesper!$R$2:$R$366,ROW(INDEX(Jesper!AH$2:AH$366,ROUNDDOWN($C8224/24,0)+1,1))-1)+IF('Standard Profiles'!$G$18=$B$10,7,0)+IF('Standard Profiles'!$G$18=$B$17,14,0)+IF('Standard Profiles'!$G$18=$B$24,21,0),MOD($C8224,24)+1)/SUM(INDEX($D$3:$AA$30,INDEX(Jesper!$R$2:$R$366,ROW(INDEX(Jesper!AH$2:AH$366,ROUNDDOWN($C8224/24,0)+1,1))-1)+IF('Standard Profiles'!$G$18=$B$10,7,0)+IF('Standard Profiles'!$G$18=$B$17,14,0)+IF('Standard Profiles'!$G$18=$B$24,21,0),0)),0)</f>
        <v>14.47960487163872</v>
      </c>
      <c r="E8224" cm="1">
        <f t="array" ref="E8224">IFERROR(INDEX(Jesper!AI$2:AI$366,ROUNDDOWN($C8224/24,0)+1,1)*INDEX($D$3:$AA$30,INDEX(Jesper!$R$2:$R$366,ROW(INDEX(Jesper!AI$2:AI$366,ROUNDDOWN($C8224/24,0)+1,1))-1)+IF('Standard Profiles'!$G$19=$B$10,7,0)+IF('Standard Profiles'!$G$19=$B$17,14,0)+IF('Standard Profiles'!$G$19=$B$24,21,0),MOD($C8224,24)+1)/SUM(INDEX($D$3:$AA$30,INDEX(Jesper!$R$2:$R$366,ROW(INDEX(Jesper!AI$2:AI$366,ROUNDDOWN($C8224/24,0)+1,1))-1)+IF('Standard Profiles'!$G$19=$B$10,7,0)+IF('Standard Profiles'!$G$19=$B$17,14,0)+IF('Standard Profiles'!$G$19=$B$24,21,0),0)),0)</f>
        <v>3.748857269706118</v>
      </c>
      <c r="F8224" cm="1">
        <f t="array" ref="F8224">IFERROR(INDEX(Jesper!AJ$2:AJ$366,ROUNDDOWN($C8224/24,0)+1,1)*INDEX($D$3:$AA$30,INDEX(Jesper!$R$2:$R$366,ROW(INDEX(Jesper!AJ$2:AJ$366,ROUNDDOWN($C8224/24,0)+1,1))-1)+IF('Standard Profiles'!$G$20=$B$10,7,0)+IF('Standard Profiles'!$G$20=$B$17,14,0)+IF('Standard Profiles'!$G$20=$B$24,21,0),MOD($C8224,24)+1)/SUM(INDEX($D$3:$AA$30,INDEX(Jesper!$R$2:$R$366,ROW(INDEX(Jesper!AJ$2:AJ$366,ROUNDDOWN($C8224/24,0)+1,1))-1)+IF('Standard Profiles'!$G$20=$B$10,7,0)+IF('Standard Profiles'!$G$20=$B$17,14,0)+IF('Standard Profiles'!$G$20=$B$24,21,0),0)),0)</f>
        <v>0</v>
      </c>
      <c r="G8224" cm="1">
        <f t="array" ref="G8224">IFERROR(INDEX(Jesper!AK$2:AK$366,ROUNDDOWN($C8224/24,0)+1,1)*INDEX($D$3:$AA$30,INDEX(Jesper!$R$2:$R$366,ROW(INDEX(Jesper!AK$2:AK$366,ROUNDDOWN($C8224/24,0)+1,1))-1)+IF('Standard Profiles'!$G$21=$B$10,7,0)+IF('Standard Profiles'!$G$21=$B$17,14,0)+IF('Standard Profiles'!$G$21=$B$24,21,0),MOD($C8224,24)+1)/SUM(INDEX($D$3:$AA$30,INDEX(Jesper!$R$2:$R$366,ROW(INDEX(Jesper!AK$2:AK$366,ROUNDDOWN($C8224/24,0)+1,1))-1)+IF('Standard Profiles'!$G$21=$B$10,7,0)+IF('Standard Profiles'!$G$21=$B$17,14,0)+IF('Standard Profiles'!$G$21=$B$24,21,0),0)),0)</f>
        <v>0</v>
      </c>
      <c r="H8224" cm="1">
        <f t="array" ref="H8224">IFERROR(INDEX(Jesper!AL$2:AL$366,ROUNDDOWN($C8224/24,0)+1,1)*INDEX($D$3:$AA$30,INDEX(Jesper!$R$2:$R$366,ROW(INDEX(Jesper!AL$2:AL$366,ROUNDDOWN($C8224/24,0)+1,1))-1)+IF('Standard Profiles'!$G$22=$B$10,7,0)+IF('Standard Profiles'!$G$22=$B$17,14,0)+IF('Standard Profiles'!$G$22=$B$24,21,0),MOD($C8224,24)+1)/SUM(INDEX($D$3:$AA$30,INDEX(Jesper!$R$2:$R$366,ROW(INDEX(Jesper!AL$2:AL$366,ROUNDDOWN($C8224/24,0)+1,1))-1)+IF('Standard Profiles'!$G$22=$B$10,7,0)+IF('Standard Profiles'!$G$22=$B$17,14,0)+IF('Standard Profiles'!$G$22=$B$24,21,0),0)),0)</f>
        <v>0</v>
      </c>
      <c r="I8224">
        <f t="shared" si="909"/>
        <v>0.33773488916271344</v>
      </c>
      <c r="J8224">
        <f t="shared" si="910"/>
        <v>1.1257829638757115</v>
      </c>
      <c r="K8224">
        <f t="shared" si="911"/>
        <v>1.6886744458135674</v>
      </c>
      <c r="L8224">
        <f t="shared" si="912"/>
        <v>15.076269842492847</v>
      </c>
      <c r="M8224">
        <f t="shared" si="913"/>
        <v>0</v>
      </c>
      <c r="N8224" s="46">
        <f t="shared" si="914"/>
        <v>45633.249999980137</v>
      </c>
    </row>
    <row r="8225" spans="2:14" x14ac:dyDescent="0.3">
      <c r="B8225">
        <f t="shared" si="908"/>
        <v>6</v>
      </c>
      <c r="C8225" s="16">
        <v>8191</v>
      </c>
      <c r="D8225" cm="1">
        <f t="array" ref="D8225">IFERROR(INDEX(Jesper!AH$2:AH$366,ROUNDDOWN($C8225/24,0)+1,1)*INDEX($D$3:$AA$30,INDEX(Jesper!$R$2:$R$366,ROW(INDEX(Jesper!AH$2:AH$366,ROUNDDOWN($C8225/24,0)+1,1))-1)+IF('Standard Profiles'!$G$18=$B$10,7,0)+IF('Standard Profiles'!$G$18=$B$17,14,0)+IF('Standard Profiles'!$G$18=$B$24,21,0),MOD($C8225,24)+1)/SUM(INDEX($D$3:$AA$30,INDEX(Jesper!$R$2:$R$366,ROW(INDEX(Jesper!AH$2:AH$366,ROUNDDOWN($C8225/24,0)+1,1))-1)+IF('Standard Profiles'!$G$18=$B$10,7,0)+IF('Standard Profiles'!$G$18=$B$17,14,0)+IF('Standard Profiles'!$G$18=$B$24,21,0),0)),0)</f>
        <v>16.515799306712918</v>
      </c>
      <c r="E8225" cm="1">
        <f t="array" ref="E8225">IFERROR(INDEX(Jesper!AI$2:AI$366,ROUNDDOWN($C8225/24,0)+1,1)*INDEX($D$3:$AA$30,INDEX(Jesper!$R$2:$R$366,ROW(INDEX(Jesper!AI$2:AI$366,ROUNDDOWN($C8225/24,0)+1,1))-1)+IF('Standard Profiles'!$G$19=$B$10,7,0)+IF('Standard Profiles'!$G$19=$B$17,14,0)+IF('Standard Profiles'!$G$19=$B$24,21,0),MOD($C8225,24)+1)/SUM(INDEX($D$3:$AA$30,INDEX(Jesper!$R$2:$R$366,ROW(INDEX(Jesper!AI$2:AI$366,ROUNDDOWN($C8225/24,0)+1,1))-1)+IF('Standard Profiles'!$G$19=$B$10,7,0)+IF('Standard Profiles'!$G$19=$B$17,14,0)+IF('Standard Profiles'!$G$19=$B$24,21,0),0)),0)</f>
        <v>4.2760403232585409</v>
      </c>
      <c r="F8225" cm="1">
        <f t="array" ref="F8225">IFERROR(INDEX(Jesper!AJ$2:AJ$366,ROUNDDOWN($C8225/24,0)+1,1)*INDEX($D$3:$AA$30,INDEX(Jesper!$R$2:$R$366,ROW(INDEX(Jesper!AJ$2:AJ$366,ROUNDDOWN($C8225/24,0)+1,1))-1)+IF('Standard Profiles'!$G$20=$B$10,7,0)+IF('Standard Profiles'!$G$20=$B$17,14,0)+IF('Standard Profiles'!$G$20=$B$24,21,0),MOD($C8225,24)+1)/SUM(INDEX($D$3:$AA$30,INDEX(Jesper!$R$2:$R$366,ROW(INDEX(Jesper!AJ$2:AJ$366,ROUNDDOWN($C8225/24,0)+1,1))-1)+IF('Standard Profiles'!$G$20=$B$10,7,0)+IF('Standard Profiles'!$G$20=$B$17,14,0)+IF('Standard Profiles'!$G$20=$B$24,21,0),0)),0)</f>
        <v>0</v>
      </c>
      <c r="G8225" cm="1">
        <f t="array" ref="G8225">IFERROR(INDEX(Jesper!AK$2:AK$366,ROUNDDOWN($C8225/24,0)+1,1)*INDEX($D$3:$AA$30,INDEX(Jesper!$R$2:$R$366,ROW(INDEX(Jesper!AK$2:AK$366,ROUNDDOWN($C8225/24,0)+1,1))-1)+IF('Standard Profiles'!$G$21=$B$10,7,0)+IF('Standard Profiles'!$G$21=$B$17,14,0)+IF('Standard Profiles'!$G$21=$B$24,21,0),MOD($C8225,24)+1)/SUM(INDEX($D$3:$AA$30,INDEX(Jesper!$R$2:$R$366,ROW(INDEX(Jesper!AK$2:AK$366,ROUNDDOWN($C8225/24,0)+1,1))-1)+IF('Standard Profiles'!$G$21=$B$10,7,0)+IF('Standard Profiles'!$G$21=$B$17,14,0)+IF('Standard Profiles'!$G$21=$B$24,21,0),0)),0)</f>
        <v>0</v>
      </c>
      <c r="H8225" cm="1">
        <f t="array" ref="H8225">IFERROR(INDEX(Jesper!AL$2:AL$366,ROUNDDOWN($C8225/24,0)+1,1)*INDEX($D$3:$AA$30,INDEX(Jesper!$R$2:$R$366,ROW(INDEX(Jesper!AL$2:AL$366,ROUNDDOWN($C8225/24,0)+1,1))-1)+IF('Standard Profiles'!$G$22=$B$10,7,0)+IF('Standard Profiles'!$G$22=$B$17,14,0)+IF('Standard Profiles'!$G$22=$B$24,21,0),MOD($C8225,24)+1)/SUM(INDEX($D$3:$AA$30,INDEX(Jesper!$R$2:$R$366,ROW(INDEX(Jesper!AL$2:AL$366,ROUNDDOWN($C8225/24,0)+1,1))-1)+IF('Standard Profiles'!$G$22=$B$10,7,0)+IF('Standard Profiles'!$G$22=$B$17,14,0)+IF('Standard Profiles'!$G$22=$B$24,21,0),0)),0)</f>
        <v>0</v>
      </c>
      <c r="I8225">
        <f t="shared" si="909"/>
        <v>0.38522885795122003</v>
      </c>
      <c r="J8225">
        <f t="shared" si="910"/>
        <v>1.2840961931707335</v>
      </c>
      <c r="K8225">
        <f t="shared" si="911"/>
        <v>1.9261442897561003</v>
      </c>
      <c r="L8225">
        <f t="shared" si="912"/>
        <v>17.196370289093405</v>
      </c>
      <c r="M8225">
        <f t="shared" si="913"/>
        <v>0</v>
      </c>
      <c r="N8225" s="46">
        <f t="shared" si="914"/>
        <v>45633.291666646801</v>
      </c>
    </row>
    <row r="8226" spans="2:14" x14ac:dyDescent="0.3">
      <c r="B8226">
        <f t="shared" si="908"/>
        <v>6</v>
      </c>
      <c r="C8226" s="16">
        <v>8192</v>
      </c>
      <c r="D8226" cm="1">
        <f t="array" ref="D8226">IFERROR(INDEX(Jesper!AH$2:AH$366,ROUNDDOWN($C8226/24,0)+1,1)*INDEX($D$3:$AA$30,INDEX(Jesper!$R$2:$R$366,ROW(INDEX(Jesper!AH$2:AH$366,ROUNDDOWN($C8226/24,0)+1,1))-1)+IF('Standard Profiles'!$G$18=$B$10,7,0)+IF('Standard Profiles'!$G$18=$B$17,14,0)+IF('Standard Profiles'!$G$18=$B$24,21,0),MOD($C8226,24)+1)/SUM(INDEX($D$3:$AA$30,INDEX(Jesper!$R$2:$R$366,ROW(INDEX(Jesper!AH$2:AH$366,ROUNDDOWN($C8226/24,0)+1,1))-1)+IF('Standard Profiles'!$G$18=$B$10,7,0)+IF('Standard Profiles'!$G$18=$B$17,14,0)+IF('Standard Profiles'!$G$18=$B$24,21,0),0)),0)</f>
        <v>16.515799306712918</v>
      </c>
      <c r="E8226" cm="1">
        <f t="array" ref="E8226">IFERROR(INDEX(Jesper!AI$2:AI$366,ROUNDDOWN($C8226/24,0)+1,1)*INDEX($D$3:$AA$30,INDEX(Jesper!$R$2:$R$366,ROW(INDEX(Jesper!AI$2:AI$366,ROUNDDOWN($C8226/24,0)+1,1))-1)+IF('Standard Profiles'!$G$19=$B$10,7,0)+IF('Standard Profiles'!$G$19=$B$17,14,0)+IF('Standard Profiles'!$G$19=$B$24,21,0),MOD($C8226,24)+1)/SUM(INDEX($D$3:$AA$30,INDEX(Jesper!$R$2:$R$366,ROW(INDEX(Jesper!AI$2:AI$366,ROUNDDOWN($C8226/24,0)+1,1))-1)+IF('Standard Profiles'!$G$19=$B$10,7,0)+IF('Standard Profiles'!$G$19=$B$17,14,0)+IF('Standard Profiles'!$G$19=$B$24,21,0),0)),0)</f>
        <v>4.2760403232585409</v>
      </c>
      <c r="F8226" cm="1">
        <f t="array" ref="F8226">IFERROR(INDEX(Jesper!AJ$2:AJ$366,ROUNDDOWN($C8226/24,0)+1,1)*INDEX($D$3:$AA$30,INDEX(Jesper!$R$2:$R$366,ROW(INDEX(Jesper!AJ$2:AJ$366,ROUNDDOWN($C8226/24,0)+1,1))-1)+IF('Standard Profiles'!$G$20=$B$10,7,0)+IF('Standard Profiles'!$G$20=$B$17,14,0)+IF('Standard Profiles'!$G$20=$B$24,21,0),MOD($C8226,24)+1)/SUM(INDEX($D$3:$AA$30,INDEX(Jesper!$R$2:$R$366,ROW(INDEX(Jesper!AJ$2:AJ$366,ROUNDDOWN($C8226/24,0)+1,1))-1)+IF('Standard Profiles'!$G$20=$B$10,7,0)+IF('Standard Profiles'!$G$20=$B$17,14,0)+IF('Standard Profiles'!$G$20=$B$24,21,0),0)),0)</f>
        <v>0</v>
      </c>
      <c r="G8226" cm="1">
        <f t="array" ref="G8226">IFERROR(INDEX(Jesper!AK$2:AK$366,ROUNDDOWN($C8226/24,0)+1,1)*INDEX($D$3:$AA$30,INDEX(Jesper!$R$2:$R$366,ROW(INDEX(Jesper!AK$2:AK$366,ROUNDDOWN($C8226/24,0)+1,1))-1)+IF('Standard Profiles'!$G$21=$B$10,7,0)+IF('Standard Profiles'!$G$21=$B$17,14,0)+IF('Standard Profiles'!$G$21=$B$24,21,0),MOD($C8226,24)+1)/SUM(INDEX($D$3:$AA$30,INDEX(Jesper!$R$2:$R$366,ROW(INDEX(Jesper!AK$2:AK$366,ROUNDDOWN($C8226/24,0)+1,1))-1)+IF('Standard Profiles'!$G$21=$B$10,7,0)+IF('Standard Profiles'!$G$21=$B$17,14,0)+IF('Standard Profiles'!$G$21=$B$24,21,0),0)),0)</f>
        <v>0</v>
      </c>
      <c r="H8226" cm="1">
        <f t="array" ref="H8226">IFERROR(INDEX(Jesper!AL$2:AL$366,ROUNDDOWN($C8226/24,0)+1,1)*INDEX($D$3:$AA$30,INDEX(Jesper!$R$2:$R$366,ROW(INDEX(Jesper!AL$2:AL$366,ROUNDDOWN($C8226/24,0)+1,1))-1)+IF('Standard Profiles'!$G$22=$B$10,7,0)+IF('Standard Profiles'!$G$22=$B$17,14,0)+IF('Standard Profiles'!$G$22=$B$24,21,0),MOD($C8226,24)+1)/SUM(INDEX($D$3:$AA$30,INDEX(Jesper!$R$2:$R$366,ROW(INDEX(Jesper!AL$2:AL$366,ROUNDDOWN($C8226/24,0)+1,1))-1)+IF('Standard Profiles'!$G$22=$B$10,7,0)+IF('Standard Profiles'!$G$22=$B$17,14,0)+IF('Standard Profiles'!$G$22=$B$24,21,0),0)),0)</f>
        <v>0</v>
      </c>
      <c r="I8226">
        <f t="shared" si="909"/>
        <v>0.38522885795122003</v>
      </c>
      <c r="J8226">
        <f t="shared" si="910"/>
        <v>1.2840961931707335</v>
      </c>
      <c r="K8226">
        <f t="shared" si="911"/>
        <v>1.9261442897561003</v>
      </c>
      <c r="L8226">
        <f t="shared" si="912"/>
        <v>17.196370289093405</v>
      </c>
      <c r="M8226">
        <f t="shared" si="913"/>
        <v>0</v>
      </c>
      <c r="N8226" s="46">
        <f t="shared" si="914"/>
        <v>45633.333333313465</v>
      </c>
    </row>
    <row r="8227" spans="2:14" x14ac:dyDescent="0.3">
      <c r="B8227">
        <f t="shared" ref="B8227:B8290" si="915">WEEKDAY(N8227,2)</f>
        <v>6</v>
      </c>
      <c r="C8227" s="16">
        <v>8193</v>
      </c>
      <c r="D8227" cm="1">
        <f t="array" ref="D8227">IFERROR(INDEX(Jesper!AH$2:AH$366,ROUNDDOWN($C8227/24,0)+1,1)*INDEX($D$3:$AA$30,INDEX(Jesper!$R$2:$R$366,ROW(INDEX(Jesper!AH$2:AH$366,ROUNDDOWN($C8227/24,0)+1,1))-1)+IF('Standard Profiles'!$G$18=$B$10,7,0)+IF('Standard Profiles'!$G$18=$B$17,14,0)+IF('Standard Profiles'!$G$18=$B$24,21,0),MOD($C8227,24)+1)/SUM(INDEX($D$3:$AA$30,INDEX(Jesper!$R$2:$R$366,ROW(INDEX(Jesper!AH$2:AH$366,ROUNDDOWN($C8227/24,0)+1,1))-1)+IF('Standard Profiles'!$G$18=$B$10,7,0)+IF('Standard Profiles'!$G$18=$B$17,14,0)+IF('Standard Profiles'!$G$18=$B$24,21,0),0)),0)</f>
        <v>16.515799306712918</v>
      </c>
      <c r="E8227" cm="1">
        <f t="array" ref="E8227">IFERROR(INDEX(Jesper!AI$2:AI$366,ROUNDDOWN($C8227/24,0)+1,1)*INDEX($D$3:$AA$30,INDEX(Jesper!$R$2:$R$366,ROW(INDEX(Jesper!AI$2:AI$366,ROUNDDOWN($C8227/24,0)+1,1))-1)+IF('Standard Profiles'!$G$19=$B$10,7,0)+IF('Standard Profiles'!$G$19=$B$17,14,0)+IF('Standard Profiles'!$G$19=$B$24,21,0),MOD($C8227,24)+1)/SUM(INDEX($D$3:$AA$30,INDEX(Jesper!$R$2:$R$366,ROW(INDEX(Jesper!AI$2:AI$366,ROUNDDOWN($C8227/24,0)+1,1))-1)+IF('Standard Profiles'!$G$19=$B$10,7,0)+IF('Standard Profiles'!$G$19=$B$17,14,0)+IF('Standard Profiles'!$G$19=$B$24,21,0),0)),0)</f>
        <v>4.2760403232585409</v>
      </c>
      <c r="F8227" cm="1">
        <f t="array" ref="F8227">IFERROR(INDEX(Jesper!AJ$2:AJ$366,ROUNDDOWN($C8227/24,0)+1,1)*INDEX($D$3:$AA$30,INDEX(Jesper!$R$2:$R$366,ROW(INDEX(Jesper!AJ$2:AJ$366,ROUNDDOWN($C8227/24,0)+1,1))-1)+IF('Standard Profiles'!$G$20=$B$10,7,0)+IF('Standard Profiles'!$G$20=$B$17,14,0)+IF('Standard Profiles'!$G$20=$B$24,21,0),MOD($C8227,24)+1)/SUM(INDEX($D$3:$AA$30,INDEX(Jesper!$R$2:$R$366,ROW(INDEX(Jesper!AJ$2:AJ$366,ROUNDDOWN($C8227/24,0)+1,1))-1)+IF('Standard Profiles'!$G$20=$B$10,7,0)+IF('Standard Profiles'!$G$20=$B$17,14,0)+IF('Standard Profiles'!$G$20=$B$24,21,0),0)),0)</f>
        <v>0</v>
      </c>
      <c r="G8227" cm="1">
        <f t="array" ref="G8227">IFERROR(INDEX(Jesper!AK$2:AK$366,ROUNDDOWN($C8227/24,0)+1,1)*INDEX($D$3:$AA$30,INDEX(Jesper!$R$2:$R$366,ROW(INDEX(Jesper!AK$2:AK$366,ROUNDDOWN($C8227/24,0)+1,1))-1)+IF('Standard Profiles'!$G$21=$B$10,7,0)+IF('Standard Profiles'!$G$21=$B$17,14,0)+IF('Standard Profiles'!$G$21=$B$24,21,0),MOD($C8227,24)+1)/SUM(INDEX($D$3:$AA$30,INDEX(Jesper!$R$2:$R$366,ROW(INDEX(Jesper!AK$2:AK$366,ROUNDDOWN($C8227/24,0)+1,1))-1)+IF('Standard Profiles'!$G$21=$B$10,7,0)+IF('Standard Profiles'!$G$21=$B$17,14,0)+IF('Standard Profiles'!$G$21=$B$24,21,0),0)),0)</f>
        <v>0</v>
      </c>
      <c r="H8227" cm="1">
        <f t="array" ref="H8227">IFERROR(INDEX(Jesper!AL$2:AL$366,ROUNDDOWN($C8227/24,0)+1,1)*INDEX($D$3:$AA$30,INDEX(Jesper!$R$2:$R$366,ROW(INDEX(Jesper!AL$2:AL$366,ROUNDDOWN($C8227/24,0)+1,1))-1)+IF('Standard Profiles'!$G$22=$B$10,7,0)+IF('Standard Profiles'!$G$22=$B$17,14,0)+IF('Standard Profiles'!$G$22=$B$24,21,0),MOD($C8227,24)+1)/SUM(INDEX($D$3:$AA$30,INDEX(Jesper!$R$2:$R$366,ROW(INDEX(Jesper!AL$2:AL$366,ROUNDDOWN($C8227/24,0)+1,1))-1)+IF('Standard Profiles'!$G$22=$B$10,7,0)+IF('Standard Profiles'!$G$22=$B$17,14,0)+IF('Standard Profiles'!$G$22=$B$24,21,0),0)),0)</f>
        <v>0</v>
      </c>
      <c r="I8227">
        <f t="shared" ref="I8227:I8290" si="916">IF($B8227&lt;6,AC$37*$D8227+AC$38*$E8227+AC$39*$F8227+AC$40*$G8227,AC$46*$D8227+AC$47*$E8227+AC$48*$F8227+AC$49*$G8227+AC$50*$H8227)</f>
        <v>0.38522885795122003</v>
      </c>
      <c r="J8227">
        <f t="shared" ref="J8227:J8290" si="917">IF($B8227&lt;6,AD$37*$D8227+AD$38*$E8227+AD$39*$F8227+AD$40*$G8227,AD$46*$D8227+AD$47*$E8227+AD$48*$F8227+AD$49*$G8227+AD$50*$H8227)</f>
        <v>1.2840961931707335</v>
      </c>
      <c r="K8227">
        <f t="shared" ref="K8227:K8290" si="918">IF($B8227&lt;6,AE$37*$D8227+AE$38*$E8227+AE$39*$F8227+AE$40*$G8227,AE$46*$D8227+AE$47*$E8227+AE$48*$F8227+AE$49*$G8227+AE$50*$H8227)</f>
        <v>1.9261442897561003</v>
      </c>
      <c r="L8227">
        <f t="shared" ref="L8227:L8290" si="919">IF($B8227&lt;6,AF$37*$D8227+AF$38*$E8227+AF$39*$F8227+AF$40*$G8227,AF$46*$D8227+AF$47*$E8227+AF$48*$F8227+AF$49*$G8227+AF$50*$H8227)</f>
        <v>17.196370289093405</v>
      </c>
      <c r="M8227">
        <f t="shared" ref="M8227:M8290" si="920">IF($B8227&lt;6,AG$37*$D8227+AG$38*$E8227+AG$39*$F8227+AG$40*$G8227,AG$46*$D8227+AG$47*$E8227+AG$48*$F8227+AG$49*$G8227+AG$50*$H8227)</f>
        <v>0</v>
      </c>
      <c r="N8227" s="46">
        <f t="shared" si="914"/>
        <v>45633.374999980129</v>
      </c>
    </row>
    <row r="8228" spans="2:14" x14ac:dyDescent="0.3">
      <c r="B8228">
        <f t="shared" si="915"/>
        <v>6</v>
      </c>
      <c r="C8228" s="16">
        <v>8194</v>
      </c>
      <c r="D8228" cm="1">
        <f t="array" ref="D8228">IFERROR(INDEX(Jesper!AH$2:AH$366,ROUNDDOWN($C8228/24,0)+1,1)*INDEX($D$3:$AA$30,INDEX(Jesper!$R$2:$R$366,ROW(INDEX(Jesper!AH$2:AH$366,ROUNDDOWN($C8228/24,0)+1,1))-1)+IF('Standard Profiles'!$G$18=$B$10,7,0)+IF('Standard Profiles'!$G$18=$B$17,14,0)+IF('Standard Profiles'!$G$18=$B$24,21,0),MOD($C8228,24)+1)/SUM(INDEX($D$3:$AA$30,INDEX(Jesper!$R$2:$R$366,ROW(INDEX(Jesper!AH$2:AH$366,ROUNDDOWN($C8228/24,0)+1,1))-1)+IF('Standard Profiles'!$G$18=$B$10,7,0)+IF('Standard Profiles'!$G$18=$B$17,14,0)+IF('Standard Profiles'!$G$18=$B$24,21,0),0)),0)</f>
        <v>16.515799306712918</v>
      </c>
      <c r="E8228" cm="1">
        <f t="array" ref="E8228">IFERROR(INDEX(Jesper!AI$2:AI$366,ROUNDDOWN($C8228/24,0)+1,1)*INDEX($D$3:$AA$30,INDEX(Jesper!$R$2:$R$366,ROW(INDEX(Jesper!AI$2:AI$366,ROUNDDOWN($C8228/24,0)+1,1))-1)+IF('Standard Profiles'!$G$19=$B$10,7,0)+IF('Standard Profiles'!$G$19=$B$17,14,0)+IF('Standard Profiles'!$G$19=$B$24,21,0),MOD($C8228,24)+1)/SUM(INDEX($D$3:$AA$30,INDEX(Jesper!$R$2:$R$366,ROW(INDEX(Jesper!AI$2:AI$366,ROUNDDOWN($C8228/24,0)+1,1))-1)+IF('Standard Profiles'!$G$19=$B$10,7,0)+IF('Standard Profiles'!$G$19=$B$17,14,0)+IF('Standard Profiles'!$G$19=$B$24,21,0),0)),0)</f>
        <v>4.2760403232585409</v>
      </c>
      <c r="F8228" cm="1">
        <f t="array" ref="F8228">IFERROR(INDEX(Jesper!AJ$2:AJ$366,ROUNDDOWN($C8228/24,0)+1,1)*INDEX($D$3:$AA$30,INDEX(Jesper!$R$2:$R$366,ROW(INDEX(Jesper!AJ$2:AJ$366,ROUNDDOWN($C8228/24,0)+1,1))-1)+IF('Standard Profiles'!$G$20=$B$10,7,0)+IF('Standard Profiles'!$G$20=$B$17,14,0)+IF('Standard Profiles'!$G$20=$B$24,21,0),MOD($C8228,24)+1)/SUM(INDEX($D$3:$AA$30,INDEX(Jesper!$R$2:$R$366,ROW(INDEX(Jesper!AJ$2:AJ$366,ROUNDDOWN($C8228/24,0)+1,1))-1)+IF('Standard Profiles'!$G$20=$B$10,7,0)+IF('Standard Profiles'!$G$20=$B$17,14,0)+IF('Standard Profiles'!$G$20=$B$24,21,0),0)),0)</f>
        <v>0</v>
      </c>
      <c r="G8228" cm="1">
        <f t="array" ref="G8228">IFERROR(INDEX(Jesper!AK$2:AK$366,ROUNDDOWN($C8228/24,0)+1,1)*INDEX($D$3:$AA$30,INDEX(Jesper!$R$2:$R$366,ROW(INDEX(Jesper!AK$2:AK$366,ROUNDDOWN($C8228/24,0)+1,1))-1)+IF('Standard Profiles'!$G$21=$B$10,7,0)+IF('Standard Profiles'!$G$21=$B$17,14,0)+IF('Standard Profiles'!$G$21=$B$24,21,0),MOD($C8228,24)+1)/SUM(INDEX($D$3:$AA$30,INDEX(Jesper!$R$2:$R$366,ROW(INDEX(Jesper!AK$2:AK$366,ROUNDDOWN($C8228/24,0)+1,1))-1)+IF('Standard Profiles'!$G$21=$B$10,7,0)+IF('Standard Profiles'!$G$21=$B$17,14,0)+IF('Standard Profiles'!$G$21=$B$24,21,0),0)),0)</f>
        <v>0</v>
      </c>
      <c r="H8228" cm="1">
        <f t="array" ref="H8228">IFERROR(INDEX(Jesper!AL$2:AL$366,ROUNDDOWN($C8228/24,0)+1,1)*INDEX($D$3:$AA$30,INDEX(Jesper!$R$2:$R$366,ROW(INDEX(Jesper!AL$2:AL$366,ROUNDDOWN($C8228/24,0)+1,1))-1)+IF('Standard Profiles'!$G$22=$B$10,7,0)+IF('Standard Profiles'!$G$22=$B$17,14,0)+IF('Standard Profiles'!$G$22=$B$24,21,0),MOD($C8228,24)+1)/SUM(INDEX($D$3:$AA$30,INDEX(Jesper!$R$2:$R$366,ROW(INDEX(Jesper!AL$2:AL$366,ROUNDDOWN($C8228/24,0)+1,1))-1)+IF('Standard Profiles'!$G$22=$B$10,7,0)+IF('Standard Profiles'!$G$22=$B$17,14,0)+IF('Standard Profiles'!$G$22=$B$24,21,0),0)),0)</f>
        <v>0</v>
      </c>
      <c r="I8228">
        <f t="shared" si="916"/>
        <v>0.38522885795122003</v>
      </c>
      <c r="J8228">
        <f t="shared" si="917"/>
        <v>1.2840961931707335</v>
      </c>
      <c r="K8228">
        <f t="shared" si="918"/>
        <v>1.9261442897561003</v>
      </c>
      <c r="L8228">
        <f t="shared" si="919"/>
        <v>17.196370289093405</v>
      </c>
      <c r="M8228">
        <f t="shared" si="920"/>
        <v>0</v>
      </c>
      <c r="N8228" s="46">
        <f t="shared" ref="N8228:N8291" si="921">N8227+1/24</f>
        <v>45633.416666646794</v>
      </c>
    </row>
    <row r="8229" spans="2:14" x14ac:dyDescent="0.3">
      <c r="B8229">
        <f t="shared" si="915"/>
        <v>6</v>
      </c>
      <c r="C8229" s="16">
        <v>8195</v>
      </c>
      <c r="D8229" cm="1">
        <f t="array" ref="D8229">IFERROR(INDEX(Jesper!AH$2:AH$366,ROUNDDOWN($C8229/24,0)+1,1)*INDEX($D$3:$AA$30,INDEX(Jesper!$R$2:$R$366,ROW(INDEX(Jesper!AH$2:AH$366,ROUNDDOWN($C8229/24,0)+1,1))-1)+IF('Standard Profiles'!$G$18=$B$10,7,0)+IF('Standard Profiles'!$G$18=$B$17,14,0)+IF('Standard Profiles'!$G$18=$B$24,21,0),MOD($C8229,24)+1)/SUM(INDEX($D$3:$AA$30,INDEX(Jesper!$R$2:$R$366,ROW(INDEX(Jesper!AH$2:AH$366,ROUNDDOWN($C8229/24,0)+1,1))-1)+IF('Standard Profiles'!$G$18=$B$10,7,0)+IF('Standard Profiles'!$G$18=$B$17,14,0)+IF('Standard Profiles'!$G$18=$B$24,21,0),0)),0)</f>
        <v>16.515799306712918</v>
      </c>
      <c r="E8229" cm="1">
        <f t="array" ref="E8229">IFERROR(INDEX(Jesper!AI$2:AI$366,ROUNDDOWN($C8229/24,0)+1,1)*INDEX($D$3:$AA$30,INDEX(Jesper!$R$2:$R$366,ROW(INDEX(Jesper!AI$2:AI$366,ROUNDDOWN($C8229/24,0)+1,1))-1)+IF('Standard Profiles'!$G$19=$B$10,7,0)+IF('Standard Profiles'!$G$19=$B$17,14,0)+IF('Standard Profiles'!$G$19=$B$24,21,0),MOD($C8229,24)+1)/SUM(INDEX($D$3:$AA$30,INDEX(Jesper!$R$2:$R$366,ROW(INDEX(Jesper!AI$2:AI$366,ROUNDDOWN($C8229/24,0)+1,1))-1)+IF('Standard Profiles'!$G$19=$B$10,7,0)+IF('Standard Profiles'!$G$19=$B$17,14,0)+IF('Standard Profiles'!$G$19=$B$24,21,0),0)),0)</f>
        <v>4.2760403232585409</v>
      </c>
      <c r="F8229" cm="1">
        <f t="array" ref="F8229">IFERROR(INDEX(Jesper!AJ$2:AJ$366,ROUNDDOWN($C8229/24,0)+1,1)*INDEX($D$3:$AA$30,INDEX(Jesper!$R$2:$R$366,ROW(INDEX(Jesper!AJ$2:AJ$366,ROUNDDOWN($C8229/24,0)+1,1))-1)+IF('Standard Profiles'!$G$20=$B$10,7,0)+IF('Standard Profiles'!$G$20=$B$17,14,0)+IF('Standard Profiles'!$G$20=$B$24,21,0),MOD($C8229,24)+1)/SUM(INDEX($D$3:$AA$30,INDEX(Jesper!$R$2:$R$366,ROW(INDEX(Jesper!AJ$2:AJ$366,ROUNDDOWN($C8229/24,0)+1,1))-1)+IF('Standard Profiles'!$G$20=$B$10,7,0)+IF('Standard Profiles'!$G$20=$B$17,14,0)+IF('Standard Profiles'!$G$20=$B$24,21,0),0)),0)</f>
        <v>0</v>
      </c>
      <c r="G8229" cm="1">
        <f t="array" ref="G8229">IFERROR(INDEX(Jesper!AK$2:AK$366,ROUNDDOWN($C8229/24,0)+1,1)*INDEX($D$3:$AA$30,INDEX(Jesper!$R$2:$R$366,ROW(INDEX(Jesper!AK$2:AK$366,ROUNDDOWN($C8229/24,0)+1,1))-1)+IF('Standard Profiles'!$G$21=$B$10,7,0)+IF('Standard Profiles'!$G$21=$B$17,14,0)+IF('Standard Profiles'!$G$21=$B$24,21,0),MOD($C8229,24)+1)/SUM(INDEX($D$3:$AA$30,INDEX(Jesper!$R$2:$R$366,ROW(INDEX(Jesper!AK$2:AK$366,ROUNDDOWN($C8229/24,0)+1,1))-1)+IF('Standard Profiles'!$G$21=$B$10,7,0)+IF('Standard Profiles'!$G$21=$B$17,14,0)+IF('Standard Profiles'!$G$21=$B$24,21,0),0)),0)</f>
        <v>0</v>
      </c>
      <c r="H8229" cm="1">
        <f t="array" ref="H8229">IFERROR(INDEX(Jesper!AL$2:AL$366,ROUNDDOWN($C8229/24,0)+1,1)*INDEX($D$3:$AA$30,INDEX(Jesper!$R$2:$R$366,ROW(INDEX(Jesper!AL$2:AL$366,ROUNDDOWN($C8229/24,0)+1,1))-1)+IF('Standard Profiles'!$G$22=$B$10,7,0)+IF('Standard Profiles'!$G$22=$B$17,14,0)+IF('Standard Profiles'!$G$22=$B$24,21,0),MOD($C8229,24)+1)/SUM(INDEX($D$3:$AA$30,INDEX(Jesper!$R$2:$R$366,ROW(INDEX(Jesper!AL$2:AL$366,ROUNDDOWN($C8229/24,0)+1,1))-1)+IF('Standard Profiles'!$G$22=$B$10,7,0)+IF('Standard Profiles'!$G$22=$B$17,14,0)+IF('Standard Profiles'!$G$22=$B$24,21,0),0)),0)</f>
        <v>0</v>
      </c>
      <c r="I8229">
        <f t="shared" si="916"/>
        <v>0.38522885795122003</v>
      </c>
      <c r="J8229">
        <f t="shared" si="917"/>
        <v>1.2840961931707335</v>
      </c>
      <c r="K8229">
        <f t="shared" si="918"/>
        <v>1.9261442897561003</v>
      </c>
      <c r="L8229">
        <f t="shared" si="919"/>
        <v>17.196370289093405</v>
      </c>
      <c r="M8229">
        <f t="shared" si="920"/>
        <v>0</v>
      </c>
      <c r="N8229" s="46">
        <f t="shared" si="921"/>
        <v>45633.458333313458</v>
      </c>
    </row>
    <row r="8230" spans="2:14" x14ac:dyDescent="0.3">
      <c r="B8230">
        <f t="shared" si="915"/>
        <v>6</v>
      </c>
      <c r="C8230" s="16">
        <v>8196</v>
      </c>
      <c r="D8230" cm="1">
        <f t="array" ref="D8230">IFERROR(INDEX(Jesper!AH$2:AH$366,ROUNDDOWN($C8230/24,0)+1,1)*INDEX($D$3:$AA$30,INDEX(Jesper!$R$2:$R$366,ROW(INDEX(Jesper!AH$2:AH$366,ROUNDDOWN($C8230/24,0)+1,1))-1)+IF('Standard Profiles'!$G$18=$B$10,7,0)+IF('Standard Profiles'!$G$18=$B$17,14,0)+IF('Standard Profiles'!$G$18=$B$24,21,0),MOD($C8230,24)+1)/SUM(INDEX($D$3:$AA$30,INDEX(Jesper!$R$2:$R$366,ROW(INDEX(Jesper!AH$2:AH$366,ROUNDDOWN($C8230/24,0)+1,1))-1)+IF('Standard Profiles'!$G$18=$B$10,7,0)+IF('Standard Profiles'!$G$18=$B$17,14,0)+IF('Standard Profiles'!$G$18=$B$24,21,0),0)),0)</f>
        <v>16.515799306712918</v>
      </c>
      <c r="E8230" cm="1">
        <f t="array" ref="E8230">IFERROR(INDEX(Jesper!AI$2:AI$366,ROUNDDOWN($C8230/24,0)+1,1)*INDEX($D$3:$AA$30,INDEX(Jesper!$R$2:$R$366,ROW(INDEX(Jesper!AI$2:AI$366,ROUNDDOWN($C8230/24,0)+1,1))-1)+IF('Standard Profiles'!$G$19=$B$10,7,0)+IF('Standard Profiles'!$G$19=$B$17,14,0)+IF('Standard Profiles'!$G$19=$B$24,21,0),MOD($C8230,24)+1)/SUM(INDEX($D$3:$AA$30,INDEX(Jesper!$R$2:$R$366,ROW(INDEX(Jesper!AI$2:AI$366,ROUNDDOWN($C8230/24,0)+1,1))-1)+IF('Standard Profiles'!$G$19=$B$10,7,0)+IF('Standard Profiles'!$G$19=$B$17,14,0)+IF('Standard Profiles'!$G$19=$B$24,21,0),0)),0)</f>
        <v>4.2760403232585409</v>
      </c>
      <c r="F8230" cm="1">
        <f t="array" ref="F8230">IFERROR(INDEX(Jesper!AJ$2:AJ$366,ROUNDDOWN($C8230/24,0)+1,1)*INDEX($D$3:$AA$30,INDEX(Jesper!$R$2:$R$366,ROW(INDEX(Jesper!AJ$2:AJ$366,ROUNDDOWN($C8230/24,0)+1,1))-1)+IF('Standard Profiles'!$G$20=$B$10,7,0)+IF('Standard Profiles'!$G$20=$B$17,14,0)+IF('Standard Profiles'!$G$20=$B$24,21,0),MOD($C8230,24)+1)/SUM(INDEX($D$3:$AA$30,INDEX(Jesper!$R$2:$R$366,ROW(INDEX(Jesper!AJ$2:AJ$366,ROUNDDOWN($C8230/24,0)+1,1))-1)+IF('Standard Profiles'!$G$20=$B$10,7,0)+IF('Standard Profiles'!$G$20=$B$17,14,0)+IF('Standard Profiles'!$G$20=$B$24,21,0),0)),0)</f>
        <v>0</v>
      </c>
      <c r="G8230" cm="1">
        <f t="array" ref="G8230">IFERROR(INDEX(Jesper!AK$2:AK$366,ROUNDDOWN($C8230/24,0)+1,1)*INDEX($D$3:$AA$30,INDEX(Jesper!$R$2:$R$366,ROW(INDEX(Jesper!AK$2:AK$366,ROUNDDOWN($C8230/24,0)+1,1))-1)+IF('Standard Profiles'!$G$21=$B$10,7,0)+IF('Standard Profiles'!$G$21=$B$17,14,0)+IF('Standard Profiles'!$G$21=$B$24,21,0),MOD($C8230,24)+1)/SUM(INDEX($D$3:$AA$30,INDEX(Jesper!$R$2:$R$366,ROW(INDEX(Jesper!AK$2:AK$366,ROUNDDOWN($C8230/24,0)+1,1))-1)+IF('Standard Profiles'!$G$21=$B$10,7,0)+IF('Standard Profiles'!$G$21=$B$17,14,0)+IF('Standard Profiles'!$G$21=$B$24,21,0),0)),0)</f>
        <v>0</v>
      </c>
      <c r="H8230" cm="1">
        <f t="array" ref="H8230">IFERROR(INDEX(Jesper!AL$2:AL$366,ROUNDDOWN($C8230/24,0)+1,1)*INDEX($D$3:$AA$30,INDEX(Jesper!$R$2:$R$366,ROW(INDEX(Jesper!AL$2:AL$366,ROUNDDOWN($C8230/24,0)+1,1))-1)+IF('Standard Profiles'!$G$22=$B$10,7,0)+IF('Standard Profiles'!$G$22=$B$17,14,0)+IF('Standard Profiles'!$G$22=$B$24,21,0),MOD($C8230,24)+1)/SUM(INDEX($D$3:$AA$30,INDEX(Jesper!$R$2:$R$366,ROW(INDEX(Jesper!AL$2:AL$366,ROUNDDOWN($C8230/24,0)+1,1))-1)+IF('Standard Profiles'!$G$22=$B$10,7,0)+IF('Standard Profiles'!$G$22=$B$17,14,0)+IF('Standard Profiles'!$G$22=$B$24,21,0),0)),0)</f>
        <v>0</v>
      </c>
      <c r="I8230">
        <f t="shared" si="916"/>
        <v>0.38522885795122003</v>
      </c>
      <c r="J8230">
        <f t="shared" si="917"/>
        <v>1.2840961931707335</v>
      </c>
      <c r="K8230">
        <f t="shared" si="918"/>
        <v>1.9261442897561003</v>
      </c>
      <c r="L8230">
        <f t="shared" si="919"/>
        <v>17.196370289093405</v>
      </c>
      <c r="M8230">
        <f t="shared" si="920"/>
        <v>0</v>
      </c>
      <c r="N8230" s="46">
        <f t="shared" si="921"/>
        <v>45633.499999980122</v>
      </c>
    </row>
    <row r="8231" spans="2:14" x14ac:dyDescent="0.3">
      <c r="B8231">
        <f t="shared" si="915"/>
        <v>6</v>
      </c>
      <c r="C8231" s="16">
        <v>8197</v>
      </c>
      <c r="D8231" cm="1">
        <f t="array" ref="D8231">IFERROR(INDEX(Jesper!AH$2:AH$366,ROUNDDOWN($C8231/24,0)+1,1)*INDEX($D$3:$AA$30,INDEX(Jesper!$R$2:$R$366,ROW(INDEX(Jesper!AH$2:AH$366,ROUNDDOWN($C8231/24,0)+1,1))-1)+IF('Standard Profiles'!$G$18=$B$10,7,0)+IF('Standard Profiles'!$G$18=$B$17,14,0)+IF('Standard Profiles'!$G$18=$B$24,21,0),MOD($C8231,24)+1)/SUM(INDEX($D$3:$AA$30,INDEX(Jesper!$R$2:$R$366,ROW(INDEX(Jesper!AH$2:AH$366,ROUNDDOWN($C8231/24,0)+1,1))-1)+IF('Standard Profiles'!$G$18=$B$10,7,0)+IF('Standard Profiles'!$G$18=$B$17,14,0)+IF('Standard Profiles'!$G$18=$B$24,21,0),0)),0)</f>
        <v>16.515799306712918</v>
      </c>
      <c r="E8231" cm="1">
        <f t="array" ref="E8231">IFERROR(INDEX(Jesper!AI$2:AI$366,ROUNDDOWN($C8231/24,0)+1,1)*INDEX($D$3:$AA$30,INDEX(Jesper!$R$2:$R$366,ROW(INDEX(Jesper!AI$2:AI$366,ROUNDDOWN($C8231/24,0)+1,1))-1)+IF('Standard Profiles'!$G$19=$B$10,7,0)+IF('Standard Profiles'!$G$19=$B$17,14,0)+IF('Standard Profiles'!$G$19=$B$24,21,0),MOD($C8231,24)+1)/SUM(INDEX($D$3:$AA$30,INDEX(Jesper!$R$2:$R$366,ROW(INDEX(Jesper!AI$2:AI$366,ROUNDDOWN($C8231/24,0)+1,1))-1)+IF('Standard Profiles'!$G$19=$B$10,7,0)+IF('Standard Profiles'!$G$19=$B$17,14,0)+IF('Standard Profiles'!$G$19=$B$24,21,0),0)),0)</f>
        <v>4.2760403232585409</v>
      </c>
      <c r="F8231" cm="1">
        <f t="array" ref="F8231">IFERROR(INDEX(Jesper!AJ$2:AJ$366,ROUNDDOWN($C8231/24,0)+1,1)*INDEX($D$3:$AA$30,INDEX(Jesper!$R$2:$R$366,ROW(INDEX(Jesper!AJ$2:AJ$366,ROUNDDOWN($C8231/24,0)+1,1))-1)+IF('Standard Profiles'!$G$20=$B$10,7,0)+IF('Standard Profiles'!$G$20=$B$17,14,0)+IF('Standard Profiles'!$G$20=$B$24,21,0),MOD($C8231,24)+1)/SUM(INDEX($D$3:$AA$30,INDEX(Jesper!$R$2:$R$366,ROW(INDEX(Jesper!AJ$2:AJ$366,ROUNDDOWN($C8231/24,0)+1,1))-1)+IF('Standard Profiles'!$G$20=$B$10,7,0)+IF('Standard Profiles'!$G$20=$B$17,14,0)+IF('Standard Profiles'!$G$20=$B$24,21,0),0)),0)</f>
        <v>0</v>
      </c>
      <c r="G8231" cm="1">
        <f t="array" ref="G8231">IFERROR(INDEX(Jesper!AK$2:AK$366,ROUNDDOWN($C8231/24,0)+1,1)*INDEX($D$3:$AA$30,INDEX(Jesper!$R$2:$R$366,ROW(INDEX(Jesper!AK$2:AK$366,ROUNDDOWN($C8231/24,0)+1,1))-1)+IF('Standard Profiles'!$G$21=$B$10,7,0)+IF('Standard Profiles'!$G$21=$B$17,14,0)+IF('Standard Profiles'!$G$21=$B$24,21,0),MOD($C8231,24)+1)/SUM(INDEX($D$3:$AA$30,INDEX(Jesper!$R$2:$R$366,ROW(INDEX(Jesper!AK$2:AK$366,ROUNDDOWN($C8231/24,0)+1,1))-1)+IF('Standard Profiles'!$G$21=$B$10,7,0)+IF('Standard Profiles'!$G$21=$B$17,14,0)+IF('Standard Profiles'!$G$21=$B$24,21,0),0)),0)</f>
        <v>0</v>
      </c>
      <c r="H8231" cm="1">
        <f t="array" ref="H8231">IFERROR(INDEX(Jesper!AL$2:AL$366,ROUNDDOWN($C8231/24,0)+1,1)*INDEX($D$3:$AA$30,INDEX(Jesper!$R$2:$R$366,ROW(INDEX(Jesper!AL$2:AL$366,ROUNDDOWN($C8231/24,0)+1,1))-1)+IF('Standard Profiles'!$G$22=$B$10,7,0)+IF('Standard Profiles'!$G$22=$B$17,14,0)+IF('Standard Profiles'!$G$22=$B$24,21,0),MOD($C8231,24)+1)/SUM(INDEX($D$3:$AA$30,INDEX(Jesper!$R$2:$R$366,ROW(INDEX(Jesper!AL$2:AL$366,ROUNDDOWN($C8231/24,0)+1,1))-1)+IF('Standard Profiles'!$G$22=$B$10,7,0)+IF('Standard Profiles'!$G$22=$B$17,14,0)+IF('Standard Profiles'!$G$22=$B$24,21,0),0)),0)</f>
        <v>0</v>
      </c>
      <c r="I8231">
        <f t="shared" si="916"/>
        <v>0.38522885795122003</v>
      </c>
      <c r="J8231">
        <f t="shared" si="917"/>
        <v>1.2840961931707335</v>
      </c>
      <c r="K8231">
        <f t="shared" si="918"/>
        <v>1.9261442897561003</v>
      </c>
      <c r="L8231">
        <f t="shared" si="919"/>
        <v>17.196370289093405</v>
      </c>
      <c r="M8231">
        <f t="shared" si="920"/>
        <v>0</v>
      </c>
      <c r="N8231" s="46">
        <f t="shared" si="921"/>
        <v>45633.541666646786</v>
      </c>
    </row>
    <row r="8232" spans="2:14" x14ac:dyDescent="0.3">
      <c r="B8232">
        <f t="shared" si="915"/>
        <v>6</v>
      </c>
      <c r="C8232" s="16">
        <v>8198</v>
      </c>
      <c r="D8232" cm="1">
        <f t="array" ref="D8232">IFERROR(INDEX(Jesper!AH$2:AH$366,ROUNDDOWN($C8232/24,0)+1,1)*INDEX($D$3:$AA$30,INDEX(Jesper!$R$2:$R$366,ROW(INDEX(Jesper!AH$2:AH$366,ROUNDDOWN($C8232/24,0)+1,1))-1)+IF('Standard Profiles'!$G$18=$B$10,7,0)+IF('Standard Profiles'!$G$18=$B$17,14,0)+IF('Standard Profiles'!$G$18=$B$24,21,0),MOD($C8232,24)+1)/SUM(INDEX($D$3:$AA$30,INDEX(Jesper!$R$2:$R$366,ROW(INDEX(Jesper!AH$2:AH$366,ROUNDDOWN($C8232/24,0)+1,1))-1)+IF('Standard Profiles'!$G$18=$B$10,7,0)+IF('Standard Profiles'!$G$18=$B$17,14,0)+IF('Standard Profiles'!$G$18=$B$24,21,0),0)),0)</f>
        <v>16.515799306712918</v>
      </c>
      <c r="E8232" cm="1">
        <f t="array" ref="E8232">IFERROR(INDEX(Jesper!AI$2:AI$366,ROUNDDOWN($C8232/24,0)+1,1)*INDEX($D$3:$AA$30,INDEX(Jesper!$R$2:$R$366,ROW(INDEX(Jesper!AI$2:AI$366,ROUNDDOWN($C8232/24,0)+1,1))-1)+IF('Standard Profiles'!$G$19=$B$10,7,0)+IF('Standard Profiles'!$G$19=$B$17,14,0)+IF('Standard Profiles'!$G$19=$B$24,21,0),MOD($C8232,24)+1)/SUM(INDEX($D$3:$AA$30,INDEX(Jesper!$R$2:$R$366,ROW(INDEX(Jesper!AI$2:AI$366,ROUNDDOWN($C8232/24,0)+1,1))-1)+IF('Standard Profiles'!$G$19=$B$10,7,0)+IF('Standard Profiles'!$G$19=$B$17,14,0)+IF('Standard Profiles'!$G$19=$B$24,21,0),0)),0)</f>
        <v>4.2760403232585409</v>
      </c>
      <c r="F8232" cm="1">
        <f t="array" ref="F8232">IFERROR(INDEX(Jesper!AJ$2:AJ$366,ROUNDDOWN($C8232/24,0)+1,1)*INDEX($D$3:$AA$30,INDEX(Jesper!$R$2:$R$366,ROW(INDEX(Jesper!AJ$2:AJ$366,ROUNDDOWN($C8232/24,0)+1,1))-1)+IF('Standard Profiles'!$G$20=$B$10,7,0)+IF('Standard Profiles'!$G$20=$B$17,14,0)+IF('Standard Profiles'!$G$20=$B$24,21,0),MOD($C8232,24)+1)/SUM(INDEX($D$3:$AA$30,INDEX(Jesper!$R$2:$R$366,ROW(INDEX(Jesper!AJ$2:AJ$366,ROUNDDOWN($C8232/24,0)+1,1))-1)+IF('Standard Profiles'!$G$20=$B$10,7,0)+IF('Standard Profiles'!$G$20=$B$17,14,0)+IF('Standard Profiles'!$G$20=$B$24,21,0),0)),0)</f>
        <v>0</v>
      </c>
      <c r="G8232" cm="1">
        <f t="array" ref="G8232">IFERROR(INDEX(Jesper!AK$2:AK$366,ROUNDDOWN($C8232/24,0)+1,1)*INDEX($D$3:$AA$30,INDEX(Jesper!$R$2:$R$366,ROW(INDEX(Jesper!AK$2:AK$366,ROUNDDOWN($C8232/24,0)+1,1))-1)+IF('Standard Profiles'!$G$21=$B$10,7,0)+IF('Standard Profiles'!$G$21=$B$17,14,0)+IF('Standard Profiles'!$G$21=$B$24,21,0),MOD($C8232,24)+1)/SUM(INDEX($D$3:$AA$30,INDEX(Jesper!$R$2:$R$366,ROW(INDEX(Jesper!AK$2:AK$366,ROUNDDOWN($C8232/24,0)+1,1))-1)+IF('Standard Profiles'!$G$21=$B$10,7,0)+IF('Standard Profiles'!$G$21=$B$17,14,0)+IF('Standard Profiles'!$G$21=$B$24,21,0),0)),0)</f>
        <v>0</v>
      </c>
      <c r="H8232" cm="1">
        <f t="array" ref="H8232">IFERROR(INDEX(Jesper!AL$2:AL$366,ROUNDDOWN($C8232/24,0)+1,1)*INDEX($D$3:$AA$30,INDEX(Jesper!$R$2:$R$366,ROW(INDEX(Jesper!AL$2:AL$366,ROUNDDOWN($C8232/24,0)+1,1))-1)+IF('Standard Profiles'!$G$22=$B$10,7,0)+IF('Standard Profiles'!$G$22=$B$17,14,0)+IF('Standard Profiles'!$G$22=$B$24,21,0),MOD($C8232,24)+1)/SUM(INDEX($D$3:$AA$30,INDEX(Jesper!$R$2:$R$366,ROW(INDEX(Jesper!AL$2:AL$366,ROUNDDOWN($C8232/24,0)+1,1))-1)+IF('Standard Profiles'!$G$22=$B$10,7,0)+IF('Standard Profiles'!$G$22=$B$17,14,0)+IF('Standard Profiles'!$G$22=$B$24,21,0),0)),0)</f>
        <v>0</v>
      </c>
      <c r="I8232">
        <f t="shared" si="916"/>
        <v>0.38522885795122003</v>
      </c>
      <c r="J8232">
        <f t="shared" si="917"/>
        <v>1.2840961931707335</v>
      </c>
      <c r="K8232">
        <f t="shared" si="918"/>
        <v>1.9261442897561003</v>
      </c>
      <c r="L8232">
        <f t="shared" si="919"/>
        <v>17.196370289093405</v>
      </c>
      <c r="M8232">
        <f t="shared" si="920"/>
        <v>0</v>
      </c>
      <c r="N8232" s="46">
        <f t="shared" si="921"/>
        <v>45633.583333313451</v>
      </c>
    </row>
    <row r="8233" spans="2:14" x14ac:dyDescent="0.3">
      <c r="B8233">
        <f t="shared" si="915"/>
        <v>6</v>
      </c>
      <c r="C8233" s="16">
        <v>8199</v>
      </c>
      <c r="D8233" cm="1">
        <f t="array" ref="D8233">IFERROR(INDEX(Jesper!AH$2:AH$366,ROUNDDOWN($C8233/24,0)+1,1)*INDEX($D$3:$AA$30,INDEX(Jesper!$R$2:$R$366,ROW(INDEX(Jesper!AH$2:AH$366,ROUNDDOWN($C8233/24,0)+1,1))-1)+IF('Standard Profiles'!$G$18=$B$10,7,0)+IF('Standard Profiles'!$G$18=$B$17,14,0)+IF('Standard Profiles'!$G$18=$B$24,21,0),MOD($C8233,24)+1)/SUM(INDEX($D$3:$AA$30,INDEX(Jesper!$R$2:$R$366,ROW(INDEX(Jesper!AH$2:AH$366,ROUNDDOWN($C8233/24,0)+1,1))-1)+IF('Standard Profiles'!$G$18=$B$10,7,0)+IF('Standard Profiles'!$G$18=$B$17,14,0)+IF('Standard Profiles'!$G$18=$B$24,21,0),0)),0)</f>
        <v>14.932092523877429</v>
      </c>
      <c r="E8233" cm="1">
        <f t="array" ref="E8233">IFERROR(INDEX(Jesper!AI$2:AI$366,ROUNDDOWN($C8233/24,0)+1,1)*INDEX($D$3:$AA$30,INDEX(Jesper!$R$2:$R$366,ROW(INDEX(Jesper!AI$2:AI$366,ROUNDDOWN($C8233/24,0)+1,1))-1)+IF('Standard Profiles'!$G$19=$B$10,7,0)+IF('Standard Profiles'!$G$19=$B$17,14,0)+IF('Standard Profiles'!$G$19=$B$24,21,0),MOD($C8233,24)+1)/SUM(INDEX($D$3:$AA$30,INDEX(Jesper!$R$2:$R$366,ROW(INDEX(Jesper!AI$2:AI$366,ROUNDDOWN($C8233/24,0)+1,1))-1)+IF('Standard Profiles'!$G$19=$B$10,7,0)+IF('Standard Profiles'!$G$19=$B$17,14,0)+IF('Standard Profiles'!$G$19=$B$24,21,0),0)),0)</f>
        <v>3.8660090593844338</v>
      </c>
      <c r="F8233" cm="1">
        <f t="array" ref="F8233">IFERROR(INDEX(Jesper!AJ$2:AJ$366,ROUNDDOWN($C8233/24,0)+1,1)*INDEX($D$3:$AA$30,INDEX(Jesper!$R$2:$R$366,ROW(INDEX(Jesper!AJ$2:AJ$366,ROUNDDOWN($C8233/24,0)+1,1))-1)+IF('Standard Profiles'!$G$20=$B$10,7,0)+IF('Standard Profiles'!$G$20=$B$17,14,0)+IF('Standard Profiles'!$G$20=$B$24,21,0),MOD($C8233,24)+1)/SUM(INDEX($D$3:$AA$30,INDEX(Jesper!$R$2:$R$366,ROW(INDEX(Jesper!AJ$2:AJ$366,ROUNDDOWN($C8233/24,0)+1,1))-1)+IF('Standard Profiles'!$G$20=$B$10,7,0)+IF('Standard Profiles'!$G$20=$B$17,14,0)+IF('Standard Profiles'!$G$20=$B$24,21,0),0)),0)</f>
        <v>0</v>
      </c>
      <c r="G8233" cm="1">
        <f t="array" ref="G8233">IFERROR(INDEX(Jesper!AK$2:AK$366,ROUNDDOWN($C8233/24,0)+1,1)*INDEX($D$3:$AA$30,INDEX(Jesper!$R$2:$R$366,ROW(INDEX(Jesper!AK$2:AK$366,ROUNDDOWN($C8233/24,0)+1,1))-1)+IF('Standard Profiles'!$G$21=$B$10,7,0)+IF('Standard Profiles'!$G$21=$B$17,14,0)+IF('Standard Profiles'!$G$21=$B$24,21,0),MOD($C8233,24)+1)/SUM(INDEX($D$3:$AA$30,INDEX(Jesper!$R$2:$R$366,ROW(INDEX(Jesper!AK$2:AK$366,ROUNDDOWN($C8233/24,0)+1,1))-1)+IF('Standard Profiles'!$G$21=$B$10,7,0)+IF('Standard Profiles'!$G$21=$B$17,14,0)+IF('Standard Profiles'!$G$21=$B$24,21,0),0)),0)</f>
        <v>0</v>
      </c>
      <c r="H8233" cm="1">
        <f t="array" ref="H8233">IFERROR(INDEX(Jesper!AL$2:AL$366,ROUNDDOWN($C8233/24,0)+1,1)*INDEX($D$3:$AA$30,INDEX(Jesper!$R$2:$R$366,ROW(INDEX(Jesper!AL$2:AL$366,ROUNDDOWN($C8233/24,0)+1,1))-1)+IF('Standard Profiles'!$G$22=$B$10,7,0)+IF('Standard Profiles'!$G$22=$B$17,14,0)+IF('Standard Profiles'!$G$22=$B$24,21,0),MOD($C8233,24)+1)/SUM(INDEX($D$3:$AA$30,INDEX(Jesper!$R$2:$R$366,ROW(INDEX(Jesper!AL$2:AL$366,ROUNDDOWN($C8233/24,0)+1,1))-1)+IF('Standard Profiles'!$G$22=$B$10,7,0)+IF('Standard Profiles'!$G$22=$B$17,14,0)+IF('Standard Profiles'!$G$22=$B$24,21,0),0)),0)</f>
        <v>0</v>
      </c>
      <c r="I8233">
        <f t="shared" si="916"/>
        <v>0.3482891044490482</v>
      </c>
      <c r="J8233">
        <f t="shared" si="917"/>
        <v>1.1609636814968274</v>
      </c>
      <c r="K8233">
        <f t="shared" si="918"/>
        <v>1.7414455222452412</v>
      </c>
      <c r="L8233">
        <f t="shared" si="919"/>
        <v>15.547403275070748</v>
      </c>
      <c r="M8233">
        <f t="shared" si="920"/>
        <v>0</v>
      </c>
      <c r="N8233" s="46">
        <f t="shared" si="921"/>
        <v>45633.624999980115</v>
      </c>
    </row>
    <row r="8234" spans="2:14" x14ac:dyDescent="0.3">
      <c r="B8234">
        <f t="shared" si="915"/>
        <v>6</v>
      </c>
      <c r="C8234" s="16">
        <v>8200</v>
      </c>
      <c r="D8234" cm="1">
        <f t="array" ref="D8234">IFERROR(INDEX(Jesper!AH$2:AH$366,ROUNDDOWN($C8234/24,0)+1,1)*INDEX($D$3:$AA$30,INDEX(Jesper!$R$2:$R$366,ROW(INDEX(Jesper!AH$2:AH$366,ROUNDDOWN($C8234/24,0)+1,1))-1)+IF('Standard Profiles'!$G$18=$B$10,7,0)+IF('Standard Profiles'!$G$18=$B$17,14,0)+IF('Standard Profiles'!$G$18=$B$24,21,0),MOD($C8234,24)+1)/SUM(INDEX($D$3:$AA$30,INDEX(Jesper!$R$2:$R$366,ROW(INDEX(Jesper!AH$2:AH$366,ROUNDDOWN($C8234/24,0)+1,1))-1)+IF('Standard Profiles'!$G$18=$B$10,7,0)+IF('Standard Profiles'!$G$18=$B$17,14,0)+IF('Standard Profiles'!$G$18=$B$24,21,0),0)),0)</f>
        <v>13.574629567161301</v>
      </c>
      <c r="E8234" cm="1">
        <f t="array" ref="E8234">IFERROR(INDEX(Jesper!AI$2:AI$366,ROUNDDOWN($C8234/24,0)+1,1)*INDEX($D$3:$AA$30,INDEX(Jesper!$R$2:$R$366,ROW(INDEX(Jesper!AI$2:AI$366,ROUNDDOWN($C8234/24,0)+1,1))-1)+IF('Standard Profiles'!$G$19=$B$10,7,0)+IF('Standard Profiles'!$G$19=$B$17,14,0)+IF('Standard Profiles'!$G$19=$B$24,21,0),MOD($C8234,24)+1)/SUM(INDEX($D$3:$AA$30,INDEX(Jesper!$R$2:$R$366,ROW(INDEX(Jesper!AI$2:AI$366,ROUNDDOWN($C8234/24,0)+1,1))-1)+IF('Standard Profiles'!$G$19=$B$10,7,0)+IF('Standard Profiles'!$G$19=$B$17,14,0)+IF('Standard Profiles'!$G$19=$B$24,21,0),0)),0)</f>
        <v>3.5145536903494858</v>
      </c>
      <c r="F8234" cm="1">
        <f t="array" ref="F8234">IFERROR(INDEX(Jesper!AJ$2:AJ$366,ROUNDDOWN($C8234/24,0)+1,1)*INDEX($D$3:$AA$30,INDEX(Jesper!$R$2:$R$366,ROW(INDEX(Jesper!AJ$2:AJ$366,ROUNDDOWN($C8234/24,0)+1,1))-1)+IF('Standard Profiles'!$G$20=$B$10,7,0)+IF('Standard Profiles'!$G$20=$B$17,14,0)+IF('Standard Profiles'!$G$20=$B$24,21,0),MOD($C8234,24)+1)/SUM(INDEX($D$3:$AA$30,INDEX(Jesper!$R$2:$R$366,ROW(INDEX(Jesper!AJ$2:AJ$366,ROUNDDOWN($C8234/24,0)+1,1))-1)+IF('Standard Profiles'!$G$20=$B$10,7,0)+IF('Standard Profiles'!$G$20=$B$17,14,0)+IF('Standard Profiles'!$G$20=$B$24,21,0),0)),0)</f>
        <v>0</v>
      </c>
      <c r="G8234" cm="1">
        <f t="array" ref="G8234">IFERROR(INDEX(Jesper!AK$2:AK$366,ROUNDDOWN($C8234/24,0)+1,1)*INDEX($D$3:$AA$30,INDEX(Jesper!$R$2:$R$366,ROW(INDEX(Jesper!AK$2:AK$366,ROUNDDOWN($C8234/24,0)+1,1))-1)+IF('Standard Profiles'!$G$21=$B$10,7,0)+IF('Standard Profiles'!$G$21=$B$17,14,0)+IF('Standard Profiles'!$G$21=$B$24,21,0),MOD($C8234,24)+1)/SUM(INDEX($D$3:$AA$30,INDEX(Jesper!$R$2:$R$366,ROW(INDEX(Jesper!AK$2:AK$366,ROUNDDOWN($C8234/24,0)+1,1))-1)+IF('Standard Profiles'!$G$21=$B$10,7,0)+IF('Standard Profiles'!$G$21=$B$17,14,0)+IF('Standard Profiles'!$G$21=$B$24,21,0),0)),0)</f>
        <v>0</v>
      </c>
      <c r="H8234" cm="1">
        <f t="array" ref="H8234">IFERROR(INDEX(Jesper!AL$2:AL$366,ROUNDDOWN($C8234/24,0)+1,1)*INDEX($D$3:$AA$30,INDEX(Jesper!$R$2:$R$366,ROW(INDEX(Jesper!AL$2:AL$366,ROUNDDOWN($C8234/24,0)+1,1))-1)+IF('Standard Profiles'!$G$22=$B$10,7,0)+IF('Standard Profiles'!$G$22=$B$17,14,0)+IF('Standard Profiles'!$G$22=$B$24,21,0),MOD($C8234,24)+1)/SUM(INDEX($D$3:$AA$30,INDEX(Jesper!$R$2:$R$366,ROW(INDEX(Jesper!AL$2:AL$366,ROUNDDOWN($C8234/24,0)+1,1))-1)+IF('Standard Profiles'!$G$22=$B$10,7,0)+IF('Standard Profiles'!$G$22=$B$17,14,0)+IF('Standard Profiles'!$G$22=$B$24,21,0),0)),0)</f>
        <v>0</v>
      </c>
      <c r="I8234">
        <f t="shared" si="916"/>
        <v>0.31662645859004385</v>
      </c>
      <c r="J8234">
        <f t="shared" si="917"/>
        <v>1.0554215286334796</v>
      </c>
      <c r="K8234">
        <f t="shared" si="918"/>
        <v>1.5831322929502194</v>
      </c>
      <c r="L8234">
        <f t="shared" si="919"/>
        <v>14.134002977337044</v>
      </c>
      <c r="M8234">
        <f t="shared" si="920"/>
        <v>0</v>
      </c>
      <c r="N8234" s="46">
        <f t="shared" si="921"/>
        <v>45633.666666646779</v>
      </c>
    </row>
    <row r="8235" spans="2:14" x14ac:dyDescent="0.3">
      <c r="B8235">
        <f t="shared" si="915"/>
        <v>6</v>
      </c>
      <c r="C8235" s="16">
        <v>8201</v>
      </c>
      <c r="D8235" cm="1">
        <f t="array" ref="D8235">IFERROR(INDEX(Jesper!AH$2:AH$366,ROUNDDOWN($C8235/24,0)+1,1)*INDEX($D$3:$AA$30,INDEX(Jesper!$R$2:$R$366,ROW(INDEX(Jesper!AH$2:AH$366,ROUNDDOWN($C8235/24,0)+1,1))-1)+IF('Standard Profiles'!$G$18=$B$10,7,0)+IF('Standard Profiles'!$G$18=$B$17,14,0)+IF('Standard Profiles'!$G$18=$B$24,21,0),MOD($C8235,24)+1)/SUM(INDEX($D$3:$AA$30,INDEX(Jesper!$R$2:$R$366,ROW(INDEX(Jesper!AH$2:AH$366,ROUNDDOWN($C8235/24,0)+1,1))-1)+IF('Standard Profiles'!$G$18=$B$10,7,0)+IF('Standard Profiles'!$G$18=$B$17,14,0)+IF('Standard Profiles'!$G$18=$B$24,21,0),0)),0)</f>
        <v>12.217166610445171</v>
      </c>
      <c r="E8235" cm="1">
        <f t="array" ref="E8235">IFERROR(INDEX(Jesper!AI$2:AI$366,ROUNDDOWN($C8235/24,0)+1,1)*INDEX($D$3:$AA$30,INDEX(Jesper!$R$2:$R$366,ROW(INDEX(Jesper!AI$2:AI$366,ROUNDDOWN($C8235/24,0)+1,1))-1)+IF('Standard Profiles'!$G$19=$B$10,7,0)+IF('Standard Profiles'!$G$19=$B$17,14,0)+IF('Standard Profiles'!$G$19=$B$24,21,0),MOD($C8235,24)+1)/SUM(INDEX($D$3:$AA$30,INDEX(Jesper!$R$2:$R$366,ROW(INDEX(Jesper!AI$2:AI$366,ROUNDDOWN($C8235/24,0)+1,1))-1)+IF('Standard Profiles'!$G$19=$B$10,7,0)+IF('Standard Profiles'!$G$19=$B$17,14,0)+IF('Standard Profiles'!$G$19=$B$24,21,0),0)),0)</f>
        <v>3.1630983213145369</v>
      </c>
      <c r="F8235" cm="1">
        <f t="array" ref="F8235">IFERROR(INDEX(Jesper!AJ$2:AJ$366,ROUNDDOWN($C8235/24,0)+1,1)*INDEX($D$3:$AA$30,INDEX(Jesper!$R$2:$R$366,ROW(INDEX(Jesper!AJ$2:AJ$366,ROUNDDOWN($C8235/24,0)+1,1))-1)+IF('Standard Profiles'!$G$20=$B$10,7,0)+IF('Standard Profiles'!$G$20=$B$17,14,0)+IF('Standard Profiles'!$G$20=$B$24,21,0),MOD($C8235,24)+1)/SUM(INDEX($D$3:$AA$30,INDEX(Jesper!$R$2:$R$366,ROW(INDEX(Jesper!AJ$2:AJ$366,ROUNDDOWN($C8235/24,0)+1,1))-1)+IF('Standard Profiles'!$G$20=$B$10,7,0)+IF('Standard Profiles'!$G$20=$B$17,14,0)+IF('Standard Profiles'!$G$20=$B$24,21,0),0)),0)</f>
        <v>0</v>
      </c>
      <c r="G8235" cm="1">
        <f t="array" ref="G8235">IFERROR(INDEX(Jesper!AK$2:AK$366,ROUNDDOWN($C8235/24,0)+1,1)*INDEX($D$3:$AA$30,INDEX(Jesper!$R$2:$R$366,ROW(INDEX(Jesper!AK$2:AK$366,ROUNDDOWN($C8235/24,0)+1,1))-1)+IF('Standard Profiles'!$G$21=$B$10,7,0)+IF('Standard Profiles'!$G$21=$B$17,14,0)+IF('Standard Profiles'!$G$21=$B$24,21,0),MOD($C8235,24)+1)/SUM(INDEX($D$3:$AA$30,INDEX(Jesper!$R$2:$R$366,ROW(INDEX(Jesper!AK$2:AK$366,ROUNDDOWN($C8235/24,0)+1,1))-1)+IF('Standard Profiles'!$G$21=$B$10,7,0)+IF('Standard Profiles'!$G$21=$B$17,14,0)+IF('Standard Profiles'!$G$21=$B$24,21,0),0)),0)</f>
        <v>0</v>
      </c>
      <c r="H8235" cm="1">
        <f t="array" ref="H8235">IFERROR(INDEX(Jesper!AL$2:AL$366,ROUNDDOWN($C8235/24,0)+1,1)*INDEX($D$3:$AA$30,INDEX(Jesper!$R$2:$R$366,ROW(INDEX(Jesper!AL$2:AL$366,ROUNDDOWN($C8235/24,0)+1,1))-1)+IF('Standard Profiles'!$G$22=$B$10,7,0)+IF('Standard Profiles'!$G$22=$B$17,14,0)+IF('Standard Profiles'!$G$22=$B$24,21,0),MOD($C8235,24)+1)/SUM(INDEX($D$3:$AA$30,INDEX(Jesper!$R$2:$R$366,ROW(INDEX(Jesper!AL$2:AL$366,ROUNDDOWN($C8235/24,0)+1,1))-1)+IF('Standard Profiles'!$G$22=$B$10,7,0)+IF('Standard Profiles'!$G$22=$B$17,14,0)+IF('Standard Profiles'!$G$22=$B$24,21,0),0)),0)</f>
        <v>0</v>
      </c>
      <c r="I8235">
        <f t="shared" si="916"/>
        <v>0.28496381273103943</v>
      </c>
      <c r="J8235">
        <f t="shared" si="917"/>
        <v>0.9498793757701316</v>
      </c>
      <c r="K8235">
        <f t="shared" si="918"/>
        <v>1.4248190636551974</v>
      </c>
      <c r="L8235">
        <f t="shared" si="919"/>
        <v>12.72060267960334</v>
      </c>
      <c r="M8235">
        <f t="shared" si="920"/>
        <v>0</v>
      </c>
      <c r="N8235" s="46">
        <f t="shared" si="921"/>
        <v>45633.708333313443</v>
      </c>
    </row>
    <row r="8236" spans="2:14" x14ac:dyDescent="0.3">
      <c r="B8236">
        <f t="shared" si="915"/>
        <v>6</v>
      </c>
      <c r="C8236" s="16">
        <v>8202</v>
      </c>
      <c r="D8236" cm="1">
        <f t="array" ref="D8236">IFERROR(INDEX(Jesper!AH$2:AH$366,ROUNDDOWN($C8236/24,0)+1,1)*INDEX($D$3:$AA$30,INDEX(Jesper!$R$2:$R$366,ROW(INDEX(Jesper!AH$2:AH$366,ROUNDDOWN($C8236/24,0)+1,1))-1)+IF('Standard Profiles'!$G$18=$B$10,7,0)+IF('Standard Profiles'!$G$18=$B$17,14,0)+IF('Standard Profiles'!$G$18=$B$24,21,0),MOD($C8236,24)+1)/SUM(INDEX($D$3:$AA$30,INDEX(Jesper!$R$2:$R$366,ROW(INDEX(Jesper!AH$2:AH$366,ROUNDDOWN($C8236/24,0)+1,1))-1)+IF('Standard Profiles'!$G$18=$B$10,7,0)+IF('Standard Profiles'!$G$18=$B$17,14,0)+IF('Standard Profiles'!$G$18=$B$24,21,0),0)),0)</f>
        <v>11.76467895820646</v>
      </c>
      <c r="E8236" cm="1">
        <f t="array" ref="E8236">IFERROR(INDEX(Jesper!AI$2:AI$366,ROUNDDOWN($C8236/24,0)+1,1)*INDEX($D$3:$AA$30,INDEX(Jesper!$R$2:$R$366,ROW(INDEX(Jesper!AI$2:AI$366,ROUNDDOWN($C8236/24,0)+1,1))-1)+IF('Standard Profiles'!$G$19=$B$10,7,0)+IF('Standard Profiles'!$G$19=$B$17,14,0)+IF('Standard Profiles'!$G$19=$B$24,21,0),MOD($C8236,24)+1)/SUM(INDEX($D$3:$AA$30,INDEX(Jesper!$R$2:$R$366,ROW(INDEX(Jesper!AI$2:AI$366,ROUNDDOWN($C8236/24,0)+1,1))-1)+IF('Standard Profiles'!$G$19=$B$10,7,0)+IF('Standard Profiles'!$G$19=$B$17,14,0)+IF('Standard Profiles'!$G$19=$B$24,21,0),0)),0)</f>
        <v>3.0459465316362206</v>
      </c>
      <c r="F8236" cm="1">
        <f t="array" ref="F8236">IFERROR(INDEX(Jesper!AJ$2:AJ$366,ROUNDDOWN($C8236/24,0)+1,1)*INDEX($D$3:$AA$30,INDEX(Jesper!$R$2:$R$366,ROW(INDEX(Jesper!AJ$2:AJ$366,ROUNDDOWN($C8236/24,0)+1,1))-1)+IF('Standard Profiles'!$G$20=$B$10,7,0)+IF('Standard Profiles'!$G$20=$B$17,14,0)+IF('Standard Profiles'!$G$20=$B$24,21,0),MOD($C8236,24)+1)/SUM(INDEX($D$3:$AA$30,INDEX(Jesper!$R$2:$R$366,ROW(INDEX(Jesper!AJ$2:AJ$366,ROUNDDOWN($C8236/24,0)+1,1))-1)+IF('Standard Profiles'!$G$20=$B$10,7,0)+IF('Standard Profiles'!$G$20=$B$17,14,0)+IF('Standard Profiles'!$G$20=$B$24,21,0),0)),0)</f>
        <v>0</v>
      </c>
      <c r="G8236" cm="1">
        <f t="array" ref="G8236">IFERROR(INDEX(Jesper!AK$2:AK$366,ROUNDDOWN($C8236/24,0)+1,1)*INDEX($D$3:$AA$30,INDEX(Jesper!$R$2:$R$366,ROW(INDEX(Jesper!AK$2:AK$366,ROUNDDOWN($C8236/24,0)+1,1))-1)+IF('Standard Profiles'!$G$21=$B$10,7,0)+IF('Standard Profiles'!$G$21=$B$17,14,0)+IF('Standard Profiles'!$G$21=$B$24,21,0),MOD($C8236,24)+1)/SUM(INDEX($D$3:$AA$30,INDEX(Jesper!$R$2:$R$366,ROW(INDEX(Jesper!AK$2:AK$366,ROUNDDOWN($C8236/24,0)+1,1))-1)+IF('Standard Profiles'!$G$21=$B$10,7,0)+IF('Standard Profiles'!$G$21=$B$17,14,0)+IF('Standard Profiles'!$G$21=$B$24,21,0),0)),0)</f>
        <v>0</v>
      </c>
      <c r="H8236" cm="1">
        <f t="array" ref="H8236">IFERROR(INDEX(Jesper!AL$2:AL$366,ROUNDDOWN($C8236/24,0)+1,1)*INDEX($D$3:$AA$30,INDEX(Jesper!$R$2:$R$366,ROW(INDEX(Jesper!AL$2:AL$366,ROUNDDOWN($C8236/24,0)+1,1))-1)+IF('Standard Profiles'!$G$22=$B$10,7,0)+IF('Standard Profiles'!$G$22=$B$17,14,0)+IF('Standard Profiles'!$G$22=$B$24,21,0),MOD($C8236,24)+1)/SUM(INDEX($D$3:$AA$30,INDEX(Jesper!$R$2:$R$366,ROW(INDEX(Jesper!AL$2:AL$366,ROUNDDOWN($C8236/24,0)+1,1))-1)+IF('Standard Profiles'!$G$22=$B$10,7,0)+IF('Standard Profiles'!$G$22=$B$17,14,0)+IF('Standard Profiles'!$G$22=$B$24,21,0),0)),0)</f>
        <v>0</v>
      </c>
      <c r="I8236">
        <f t="shared" si="916"/>
        <v>0.27440959744470461</v>
      </c>
      <c r="J8236">
        <f t="shared" si="917"/>
        <v>0.91469865814901552</v>
      </c>
      <c r="K8236">
        <f t="shared" si="918"/>
        <v>1.3720479872235234</v>
      </c>
      <c r="L8236">
        <f t="shared" si="919"/>
        <v>12.249469247025438</v>
      </c>
      <c r="M8236">
        <f t="shared" si="920"/>
        <v>0</v>
      </c>
      <c r="N8236" s="46">
        <f t="shared" si="921"/>
        <v>45633.749999980108</v>
      </c>
    </row>
    <row r="8237" spans="2:14" x14ac:dyDescent="0.3">
      <c r="B8237">
        <f t="shared" si="915"/>
        <v>6</v>
      </c>
      <c r="C8237" s="16">
        <v>8203</v>
      </c>
      <c r="D8237" cm="1">
        <f t="array" ref="D8237">IFERROR(INDEX(Jesper!AH$2:AH$366,ROUNDDOWN($C8237/24,0)+1,1)*INDEX($D$3:$AA$30,INDEX(Jesper!$R$2:$R$366,ROW(INDEX(Jesper!AH$2:AH$366,ROUNDDOWN($C8237/24,0)+1,1))-1)+IF('Standard Profiles'!$G$18=$B$10,7,0)+IF('Standard Profiles'!$G$18=$B$17,14,0)+IF('Standard Profiles'!$G$18=$B$24,21,0),MOD($C8237,24)+1)/SUM(INDEX($D$3:$AA$30,INDEX(Jesper!$R$2:$R$366,ROW(INDEX(Jesper!AH$2:AH$366,ROUNDDOWN($C8237/24,0)+1,1))-1)+IF('Standard Profiles'!$G$18=$B$10,7,0)+IF('Standard Profiles'!$G$18=$B$17,14,0)+IF('Standard Profiles'!$G$18=$B$24,21,0),0)),0)</f>
        <v>9.5022406970129101</v>
      </c>
      <c r="E8237" cm="1">
        <f t="array" ref="E8237">IFERROR(INDEX(Jesper!AI$2:AI$366,ROUNDDOWN($C8237/24,0)+1,1)*INDEX($D$3:$AA$30,INDEX(Jesper!$R$2:$R$366,ROW(INDEX(Jesper!AI$2:AI$366,ROUNDDOWN($C8237/24,0)+1,1))-1)+IF('Standard Profiles'!$G$19=$B$10,7,0)+IF('Standard Profiles'!$G$19=$B$17,14,0)+IF('Standard Profiles'!$G$19=$B$24,21,0),MOD($C8237,24)+1)/SUM(INDEX($D$3:$AA$30,INDEX(Jesper!$R$2:$R$366,ROW(INDEX(Jesper!AI$2:AI$366,ROUNDDOWN($C8237/24,0)+1,1))-1)+IF('Standard Profiles'!$G$19=$B$10,7,0)+IF('Standard Profiles'!$G$19=$B$17,14,0)+IF('Standard Profiles'!$G$19=$B$24,21,0),0)),0)</f>
        <v>2.4601875832446396</v>
      </c>
      <c r="F8237" cm="1">
        <f t="array" ref="F8237">IFERROR(INDEX(Jesper!AJ$2:AJ$366,ROUNDDOWN($C8237/24,0)+1,1)*INDEX($D$3:$AA$30,INDEX(Jesper!$R$2:$R$366,ROW(INDEX(Jesper!AJ$2:AJ$366,ROUNDDOWN($C8237/24,0)+1,1))-1)+IF('Standard Profiles'!$G$20=$B$10,7,0)+IF('Standard Profiles'!$G$20=$B$17,14,0)+IF('Standard Profiles'!$G$20=$B$24,21,0),MOD($C8237,24)+1)/SUM(INDEX($D$3:$AA$30,INDEX(Jesper!$R$2:$R$366,ROW(INDEX(Jesper!AJ$2:AJ$366,ROUNDDOWN($C8237/24,0)+1,1))-1)+IF('Standard Profiles'!$G$20=$B$10,7,0)+IF('Standard Profiles'!$G$20=$B$17,14,0)+IF('Standard Profiles'!$G$20=$B$24,21,0),0)),0)</f>
        <v>0</v>
      </c>
      <c r="G8237" cm="1">
        <f t="array" ref="G8237">IFERROR(INDEX(Jesper!AK$2:AK$366,ROUNDDOWN($C8237/24,0)+1,1)*INDEX($D$3:$AA$30,INDEX(Jesper!$R$2:$R$366,ROW(INDEX(Jesper!AK$2:AK$366,ROUNDDOWN($C8237/24,0)+1,1))-1)+IF('Standard Profiles'!$G$21=$B$10,7,0)+IF('Standard Profiles'!$G$21=$B$17,14,0)+IF('Standard Profiles'!$G$21=$B$24,21,0),MOD($C8237,24)+1)/SUM(INDEX($D$3:$AA$30,INDEX(Jesper!$R$2:$R$366,ROW(INDEX(Jesper!AK$2:AK$366,ROUNDDOWN($C8237/24,0)+1,1))-1)+IF('Standard Profiles'!$G$21=$B$10,7,0)+IF('Standard Profiles'!$G$21=$B$17,14,0)+IF('Standard Profiles'!$G$21=$B$24,21,0),0)),0)</f>
        <v>0</v>
      </c>
      <c r="H8237" cm="1">
        <f t="array" ref="H8237">IFERROR(INDEX(Jesper!AL$2:AL$366,ROUNDDOWN($C8237/24,0)+1,1)*INDEX($D$3:$AA$30,INDEX(Jesper!$R$2:$R$366,ROW(INDEX(Jesper!AL$2:AL$366,ROUNDDOWN($C8237/24,0)+1,1))-1)+IF('Standard Profiles'!$G$22=$B$10,7,0)+IF('Standard Profiles'!$G$22=$B$17,14,0)+IF('Standard Profiles'!$G$22=$B$24,21,0),MOD($C8237,24)+1)/SUM(INDEX($D$3:$AA$30,INDEX(Jesper!$R$2:$R$366,ROW(INDEX(Jesper!AL$2:AL$366,ROUNDDOWN($C8237/24,0)+1,1))-1)+IF('Standard Profiles'!$G$22=$B$10,7,0)+IF('Standard Profiles'!$G$22=$B$17,14,0)+IF('Standard Profiles'!$G$22=$B$24,21,0),0)),0)</f>
        <v>0</v>
      </c>
      <c r="I8237">
        <f t="shared" si="916"/>
        <v>0.22163852101303066</v>
      </c>
      <c r="J8237">
        <f t="shared" si="917"/>
        <v>0.73879507004343559</v>
      </c>
      <c r="K8237">
        <f t="shared" si="918"/>
        <v>1.1081926050651534</v>
      </c>
      <c r="L8237">
        <f t="shared" si="919"/>
        <v>9.8938020841359311</v>
      </c>
      <c r="M8237">
        <f t="shared" si="920"/>
        <v>0</v>
      </c>
      <c r="N8237" s="46">
        <f t="shared" si="921"/>
        <v>45633.791666646772</v>
      </c>
    </row>
    <row r="8238" spans="2:14" x14ac:dyDescent="0.3">
      <c r="B8238">
        <f t="shared" si="915"/>
        <v>6</v>
      </c>
      <c r="C8238" s="16">
        <v>8204</v>
      </c>
      <c r="D8238" cm="1">
        <f t="array" ref="D8238">IFERROR(INDEX(Jesper!AH$2:AH$366,ROUNDDOWN($C8238/24,0)+1,1)*INDEX($D$3:$AA$30,INDEX(Jesper!$R$2:$R$366,ROW(INDEX(Jesper!AH$2:AH$366,ROUNDDOWN($C8238/24,0)+1,1))-1)+IF('Standard Profiles'!$G$18=$B$10,7,0)+IF('Standard Profiles'!$G$18=$B$17,14,0)+IF('Standard Profiles'!$G$18=$B$24,21,0),MOD($C8238,24)+1)/SUM(INDEX($D$3:$AA$30,INDEX(Jesper!$R$2:$R$366,ROW(INDEX(Jesper!AH$2:AH$366,ROUNDDOWN($C8238/24,0)+1,1))-1)+IF('Standard Profiles'!$G$18=$B$10,7,0)+IF('Standard Profiles'!$G$18=$B$17,14,0)+IF('Standard Profiles'!$G$18=$B$24,21,0),0)),0)</f>
        <v>7.0135586097000049</v>
      </c>
      <c r="E8238" cm="1">
        <f t="array" ref="E8238">IFERROR(INDEX(Jesper!AI$2:AI$366,ROUNDDOWN($C8238/24,0)+1,1)*INDEX($D$3:$AA$30,INDEX(Jesper!$R$2:$R$366,ROW(INDEX(Jesper!AI$2:AI$366,ROUNDDOWN($C8238/24,0)+1,1))-1)+IF('Standard Profiles'!$G$19=$B$10,7,0)+IF('Standard Profiles'!$G$19=$B$17,14,0)+IF('Standard Profiles'!$G$19=$B$24,21,0),MOD($C8238,24)+1)/SUM(INDEX($D$3:$AA$30,INDEX(Jesper!$R$2:$R$366,ROW(INDEX(Jesper!AI$2:AI$366,ROUNDDOWN($C8238/24,0)+1,1))-1)+IF('Standard Profiles'!$G$19=$B$10,7,0)+IF('Standard Profiles'!$G$19=$B$17,14,0)+IF('Standard Profiles'!$G$19=$B$24,21,0),0)),0)</f>
        <v>1.8158527400139006</v>
      </c>
      <c r="F8238" cm="1">
        <f t="array" ref="F8238">IFERROR(INDEX(Jesper!AJ$2:AJ$366,ROUNDDOWN($C8238/24,0)+1,1)*INDEX($D$3:$AA$30,INDEX(Jesper!$R$2:$R$366,ROW(INDEX(Jesper!AJ$2:AJ$366,ROUNDDOWN($C8238/24,0)+1,1))-1)+IF('Standard Profiles'!$G$20=$B$10,7,0)+IF('Standard Profiles'!$G$20=$B$17,14,0)+IF('Standard Profiles'!$G$20=$B$24,21,0),MOD($C8238,24)+1)/SUM(INDEX($D$3:$AA$30,INDEX(Jesper!$R$2:$R$366,ROW(INDEX(Jesper!AJ$2:AJ$366,ROUNDDOWN($C8238/24,0)+1,1))-1)+IF('Standard Profiles'!$G$20=$B$10,7,0)+IF('Standard Profiles'!$G$20=$B$17,14,0)+IF('Standard Profiles'!$G$20=$B$24,21,0),0)),0)</f>
        <v>0</v>
      </c>
      <c r="G8238" cm="1">
        <f t="array" ref="G8238">IFERROR(INDEX(Jesper!AK$2:AK$366,ROUNDDOWN($C8238/24,0)+1,1)*INDEX($D$3:$AA$30,INDEX(Jesper!$R$2:$R$366,ROW(INDEX(Jesper!AK$2:AK$366,ROUNDDOWN($C8238/24,0)+1,1))-1)+IF('Standard Profiles'!$G$21=$B$10,7,0)+IF('Standard Profiles'!$G$21=$B$17,14,0)+IF('Standard Profiles'!$G$21=$B$24,21,0),MOD($C8238,24)+1)/SUM(INDEX($D$3:$AA$30,INDEX(Jesper!$R$2:$R$366,ROW(INDEX(Jesper!AK$2:AK$366,ROUNDDOWN($C8238/24,0)+1,1))-1)+IF('Standard Profiles'!$G$21=$B$10,7,0)+IF('Standard Profiles'!$G$21=$B$17,14,0)+IF('Standard Profiles'!$G$21=$B$24,21,0),0)),0)</f>
        <v>0</v>
      </c>
      <c r="H8238" cm="1">
        <f t="array" ref="H8238">IFERROR(INDEX(Jesper!AL$2:AL$366,ROUNDDOWN($C8238/24,0)+1,1)*INDEX($D$3:$AA$30,INDEX(Jesper!$R$2:$R$366,ROW(INDEX(Jesper!AL$2:AL$366,ROUNDDOWN($C8238/24,0)+1,1))-1)+IF('Standard Profiles'!$G$22=$B$10,7,0)+IF('Standard Profiles'!$G$22=$B$17,14,0)+IF('Standard Profiles'!$G$22=$B$24,21,0),MOD($C8238,24)+1)/SUM(INDEX($D$3:$AA$30,INDEX(Jesper!$R$2:$R$366,ROW(INDEX(Jesper!AL$2:AL$366,ROUNDDOWN($C8238/24,0)+1,1))-1)+IF('Standard Profiles'!$G$22=$B$10,7,0)+IF('Standard Profiles'!$G$22=$B$17,14,0)+IF('Standard Profiles'!$G$22=$B$24,21,0),0)),0)</f>
        <v>0</v>
      </c>
      <c r="I8238">
        <f t="shared" si="916"/>
        <v>0.16359033693818928</v>
      </c>
      <c r="J8238">
        <f t="shared" si="917"/>
        <v>0.54530112312729773</v>
      </c>
      <c r="K8238">
        <f t="shared" si="918"/>
        <v>0.81795168469094659</v>
      </c>
      <c r="L8238">
        <f t="shared" si="919"/>
        <v>7.3025682049574723</v>
      </c>
      <c r="M8238">
        <f t="shared" si="920"/>
        <v>0</v>
      </c>
      <c r="N8238" s="46">
        <f t="shared" si="921"/>
        <v>45633.833333313436</v>
      </c>
    </row>
    <row r="8239" spans="2:14" x14ac:dyDescent="0.3">
      <c r="B8239">
        <f t="shared" si="915"/>
        <v>6</v>
      </c>
      <c r="C8239" s="16">
        <v>8205</v>
      </c>
      <c r="D8239" cm="1">
        <f t="array" ref="D8239">IFERROR(INDEX(Jesper!AH$2:AH$366,ROUNDDOWN($C8239/24,0)+1,1)*INDEX($D$3:$AA$30,INDEX(Jesper!$R$2:$R$366,ROW(INDEX(Jesper!AH$2:AH$366,ROUNDDOWN($C8239/24,0)+1,1))-1)+IF('Standard Profiles'!$G$18=$B$10,7,0)+IF('Standard Profiles'!$G$18=$B$17,14,0)+IF('Standard Profiles'!$G$18=$B$24,21,0),MOD($C8239,24)+1)/SUM(INDEX($D$3:$AA$30,INDEX(Jesper!$R$2:$R$366,ROW(INDEX(Jesper!AH$2:AH$366,ROUNDDOWN($C8239/24,0)+1,1))-1)+IF('Standard Profiles'!$G$18=$B$10,7,0)+IF('Standard Profiles'!$G$18=$B$17,14,0)+IF('Standard Profiles'!$G$18=$B$24,21,0),0)),0)</f>
        <v>7.0135586097000049</v>
      </c>
      <c r="E8239" cm="1">
        <f t="array" ref="E8239">IFERROR(INDEX(Jesper!AI$2:AI$366,ROUNDDOWN($C8239/24,0)+1,1)*INDEX($D$3:$AA$30,INDEX(Jesper!$R$2:$R$366,ROW(INDEX(Jesper!AI$2:AI$366,ROUNDDOWN($C8239/24,0)+1,1))-1)+IF('Standard Profiles'!$G$19=$B$10,7,0)+IF('Standard Profiles'!$G$19=$B$17,14,0)+IF('Standard Profiles'!$G$19=$B$24,21,0),MOD($C8239,24)+1)/SUM(INDEX($D$3:$AA$30,INDEX(Jesper!$R$2:$R$366,ROW(INDEX(Jesper!AI$2:AI$366,ROUNDDOWN($C8239/24,0)+1,1))-1)+IF('Standard Profiles'!$G$19=$B$10,7,0)+IF('Standard Profiles'!$G$19=$B$17,14,0)+IF('Standard Profiles'!$G$19=$B$24,21,0),0)),0)</f>
        <v>1.8158527400139006</v>
      </c>
      <c r="F8239" cm="1">
        <f t="array" ref="F8239">IFERROR(INDEX(Jesper!AJ$2:AJ$366,ROUNDDOWN($C8239/24,0)+1,1)*INDEX($D$3:$AA$30,INDEX(Jesper!$R$2:$R$366,ROW(INDEX(Jesper!AJ$2:AJ$366,ROUNDDOWN($C8239/24,0)+1,1))-1)+IF('Standard Profiles'!$G$20=$B$10,7,0)+IF('Standard Profiles'!$G$20=$B$17,14,0)+IF('Standard Profiles'!$G$20=$B$24,21,0),MOD($C8239,24)+1)/SUM(INDEX($D$3:$AA$30,INDEX(Jesper!$R$2:$R$366,ROW(INDEX(Jesper!AJ$2:AJ$366,ROUNDDOWN($C8239/24,0)+1,1))-1)+IF('Standard Profiles'!$G$20=$B$10,7,0)+IF('Standard Profiles'!$G$20=$B$17,14,0)+IF('Standard Profiles'!$G$20=$B$24,21,0),0)),0)</f>
        <v>0</v>
      </c>
      <c r="G8239" cm="1">
        <f t="array" ref="G8239">IFERROR(INDEX(Jesper!AK$2:AK$366,ROUNDDOWN($C8239/24,0)+1,1)*INDEX($D$3:$AA$30,INDEX(Jesper!$R$2:$R$366,ROW(INDEX(Jesper!AK$2:AK$366,ROUNDDOWN($C8239/24,0)+1,1))-1)+IF('Standard Profiles'!$G$21=$B$10,7,0)+IF('Standard Profiles'!$G$21=$B$17,14,0)+IF('Standard Profiles'!$G$21=$B$24,21,0),MOD($C8239,24)+1)/SUM(INDEX($D$3:$AA$30,INDEX(Jesper!$R$2:$R$366,ROW(INDEX(Jesper!AK$2:AK$366,ROUNDDOWN($C8239/24,0)+1,1))-1)+IF('Standard Profiles'!$G$21=$B$10,7,0)+IF('Standard Profiles'!$G$21=$B$17,14,0)+IF('Standard Profiles'!$G$21=$B$24,21,0),0)),0)</f>
        <v>0</v>
      </c>
      <c r="H8239" cm="1">
        <f t="array" ref="H8239">IFERROR(INDEX(Jesper!AL$2:AL$366,ROUNDDOWN($C8239/24,0)+1,1)*INDEX($D$3:$AA$30,INDEX(Jesper!$R$2:$R$366,ROW(INDEX(Jesper!AL$2:AL$366,ROUNDDOWN($C8239/24,0)+1,1))-1)+IF('Standard Profiles'!$G$22=$B$10,7,0)+IF('Standard Profiles'!$G$22=$B$17,14,0)+IF('Standard Profiles'!$G$22=$B$24,21,0),MOD($C8239,24)+1)/SUM(INDEX($D$3:$AA$30,INDEX(Jesper!$R$2:$R$366,ROW(INDEX(Jesper!AL$2:AL$366,ROUNDDOWN($C8239/24,0)+1,1))-1)+IF('Standard Profiles'!$G$22=$B$10,7,0)+IF('Standard Profiles'!$G$22=$B$17,14,0)+IF('Standard Profiles'!$G$22=$B$24,21,0),0)),0)</f>
        <v>0</v>
      </c>
      <c r="I8239">
        <f t="shared" si="916"/>
        <v>0.16359033693818928</v>
      </c>
      <c r="J8239">
        <f t="shared" si="917"/>
        <v>0.54530112312729773</v>
      </c>
      <c r="K8239">
        <f t="shared" si="918"/>
        <v>0.81795168469094659</v>
      </c>
      <c r="L8239">
        <f t="shared" si="919"/>
        <v>7.3025682049574723</v>
      </c>
      <c r="M8239">
        <f t="shared" si="920"/>
        <v>0</v>
      </c>
      <c r="N8239" s="46">
        <f t="shared" si="921"/>
        <v>45633.8749999801</v>
      </c>
    </row>
    <row r="8240" spans="2:14" x14ac:dyDescent="0.3">
      <c r="B8240">
        <f t="shared" si="915"/>
        <v>6</v>
      </c>
      <c r="C8240" s="16">
        <v>8206</v>
      </c>
      <c r="D8240" cm="1">
        <f t="array" ref="D8240">IFERROR(INDEX(Jesper!AH$2:AH$366,ROUNDDOWN($C8240/24,0)+1,1)*INDEX($D$3:$AA$30,INDEX(Jesper!$R$2:$R$366,ROW(INDEX(Jesper!AH$2:AH$366,ROUNDDOWN($C8240/24,0)+1,1))-1)+IF('Standard Profiles'!$G$18=$B$10,7,0)+IF('Standard Profiles'!$G$18=$B$17,14,0)+IF('Standard Profiles'!$G$18=$B$24,21,0),MOD($C8240,24)+1)/SUM(INDEX($D$3:$AA$30,INDEX(Jesper!$R$2:$R$366,ROW(INDEX(Jesper!AH$2:AH$366,ROUNDDOWN($C8240/24,0)+1,1))-1)+IF('Standard Profiles'!$G$18=$B$10,7,0)+IF('Standard Profiles'!$G$18=$B$17,14,0)+IF('Standard Profiles'!$G$18=$B$24,21,0),0)),0)</f>
        <v>7.0135586097000049</v>
      </c>
      <c r="E8240" cm="1">
        <f t="array" ref="E8240">IFERROR(INDEX(Jesper!AI$2:AI$366,ROUNDDOWN($C8240/24,0)+1,1)*INDEX($D$3:$AA$30,INDEX(Jesper!$R$2:$R$366,ROW(INDEX(Jesper!AI$2:AI$366,ROUNDDOWN($C8240/24,0)+1,1))-1)+IF('Standard Profiles'!$G$19=$B$10,7,0)+IF('Standard Profiles'!$G$19=$B$17,14,0)+IF('Standard Profiles'!$G$19=$B$24,21,0),MOD($C8240,24)+1)/SUM(INDEX($D$3:$AA$30,INDEX(Jesper!$R$2:$R$366,ROW(INDEX(Jesper!AI$2:AI$366,ROUNDDOWN($C8240/24,0)+1,1))-1)+IF('Standard Profiles'!$G$19=$B$10,7,0)+IF('Standard Profiles'!$G$19=$B$17,14,0)+IF('Standard Profiles'!$G$19=$B$24,21,0),0)),0)</f>
        <v>1.8158527400139006</v>
      </c>
      <c r="F8240" cm="1">
        <f t="array" ref="F8240">IFERROR(INDEX(Jesper!AJ$2:AJ$366,ROUNDDOWN($C8240/24,0)+1,1)*INDEX($D$3:$AA$30,INDEX(Jesper!$R$2:$R$366,ROW(INDEX(Jesper!AJ$2:AJ$366,ROUNDDOWN($C8240/24,0)+1,1))-1)+IF('Standard Profiles'!$G$20=$B$10,7,0)+IF('Standard Profiles'!$G$20=$B$17,14,0)+IF('Standard Profiles'!$G$20=$B$24,21,0),MOD($C8240,24)+1)/SUM(INDEX($D$3:$AA$30,INDEX(Jesper!$R$2:$R$366,ROW(INDEX(Jesper!AJ$2:AJ$366,ROUNDDOWN($C8240/24,0)+1,1))-1)+IF('Standard Profiles'!$G$20=$B$10,7,0)+IF('Standard Profiles'!$G$20=$B$17,14,0)+IF('Standard Profiles'!$G$20=$B$24,21,0),0)),0)</f>
        <v>0</v>
      </c>
      <c r="G8240" cm="1">
        <f t="array" ref="G8240">IFERROR(INDEX(Jesper!AK$2:AK$366,ROUNDDOWN($C8240/24,0)+1,1)*INDEX($D$3:$AA$30,INDEX(Jesper!$R$2:$R$366,ROW(INDEX(Jesper!AK$2:AK$366,ROUNDDOWN($C8240/24,0)+1,1))-1)+IF('Standard Profiles'!$G$21=$B$10,7,0)+IF('Standard Profiles'!$G$21=$B$17,14,0)+IF('Standard Profiles'!$G$21=$B$24,21,0),MOD($C8240,24)+1)/SUM(INDEX($D$3:$AA$30,INDEX(Jesper!$R$2:$R$366,ROW(INDEX(Jesper!AK$2:AK$366,ROUNDDOWN($C8240/24,0)+1,1))-1)+IF('Standard Profiles'!$G$21=$B$10,7,0)+IF('Standard Profiles'!$G$21=$B$17,14,0)+IF('Standard Profiles'!$G$21=$B$24,21,0),0)),0)</f>
        <v>0</v>
      </c>
      <c r="H8240" cm="1">
        <f t="array" ref="H8240">IFERROR(INDEX(Jesper!AL$2:AL$366,ROUNDDOWN($C8240/24,0)+1,1)*INDEX($D$3:$AA$30,INDEX(Jesper!$R$2:$R$366,ROW(INDEX(Jesper!AL$2:AL$366,ROUNDDOWN($C8240/24,0)+1,1))-1)+IF('Standard Profiles'!$G$22=$B$10,7,0)+IF('Standard Profiles'!$G$22=$B$17,14,0)+IF('Standard Profiles'!$G$22=$B$24,21,0),MOD($C8240,24)+1)/SUM(INDEX($D$3:$AA$30,INDEX(Jesper!$R$2:$R$366,ROW(INDEX(Jesper!AL$2:AL$366,ROUNDDOWN($C8240/24,0)+1,1))-1)+IF('Standard Profiles'!$G$22=$B$10,7,0)+IF('Standard Profiles'!$G$22=$B$17,14,0)+IF('Standard Profiles'!$G$22=$B$24,21,0),0)),0)</f>
        <v>0</v>
      </c>
      <c r="I8240">
        <f t="shared" si="916"/>
        <v>0.16359033693818928</v>
      </c>
      <c r="J8240">
        <f t="shared" si="917"/>
        <v>0.54530112312729773</v>
      </c>
      <c r="K8240">
        <f t="shared" si="918"/>
        <v>0.81795168469094659</v>
      </c>
      <c r="L8240">
        <f t="shared" si="919"/>
        <v>7.3025682049574723</v>
      </c>
      <c r="M8240">
        <f t="shared" si="920"/>
        <v>0</v>
      </c>
      <c r="N8240" s="46">
        <f t="shared" si="921"/>
        <v>45633.916666646764</v>
      </c>
    </row>
    <row r="8241" spans="2:14" x14ac:dyDescent="0.3">
      <c r="B8241">
        <f t="shared" si="915"/>
        <v>6</v>
      </c>
      <c r="C8241" s="16">
        <v>8207</v>
      </c>
      <c r="D8241" cm="1">
        <f t="array" ref="D8241">IFERROR(INDEX(Jesper!AH$2:AH$366,ROUNDDOWN($C8241/24,0)+1,1)*INDEX($D$3:$AA$30,INDEX(Jesper!$R$2:$R$366,ROW(INDEX(Jesper!AH$2:AH$366,ROUNDDOWN($C8241/24,0)+1,1))-1)+IF('Standard Profiles'!$G$18=$B$10,7,0)+IF('Standard Profiles'!$G$18=$B$17,14,0)+IF('Standard Profiles'!$G$18=$B$24,21,0),MOD($C8241,24)+1)/SUM(INDEX($D$3:$AA$30,INDEX(Jesper!$R$2:$R$366,ROW(INDEX(Jesper!AH$2:AH$366,ROUNDDOWN($C8241/24,0)+1,1))-1)+IF('Standard Profiles'!$G$18=$B$10,7,0)+IF('Standard Profiles'!$G$18=$B$17,14,0)+IF('Standard Profiles'!$G$18=$B$24,21,0),0)),0)</f>
        <v>7.0135586097000049</v>
      </c>
      <c r="E8241" cm="1">
        <f t="array" ref="E8241">IFERROR(INDEX(Jesper!AI$2:AI$366,ROUNDDOWN($C8241/24,0)+1,1)*INDEX($D$3:$AA$30,INDEX(Jesper!$R$2:$R$366,ROW(INDEX(Jesper!AI$2:AI$366,ROUNDDOWN($C8241/24,0)+1,1))-1)+IF('Standard Profiles'!$G$19=$B$10,7,0)+IF('Standard Profiles'!$G$19=$B$17,14,0)+IF('Standard Profiles'!$G$19=$B$24,21,0),MOD($C8241,24)+1)/SUM(INDEX($D$3:$AA$30,INDEX(Jesper!$R$2:$R$366,ROW(INDEX(Jesper!AI$2:AI$366,ROUNDDOWN($C8241/24,0)+1,1))-1)+IF('Standard Profiles'!$G$19=$B$10,7,0)+IF('Standard Profiles'!$G$19=$B$17,14,0)+IF('Standard Profiles'!$G$19=$B$24,21,0),0)),0)</f>
        <v>1.8158527400139006</v>
      </c>
      <c r="F8241" cm="1">
        <f t="array" ref="F8241">IFERROR(INDEX(Jesper!AJ$2:AJ$366,ROUNDDOWN($C8241/24,0)+1,1)*INDEX($D$3:$AA$30,INDEX(Jesper!$R$2:$R$366,ROW(INDEX(Jesper!AJ$2:AJ$366,ROUNDDOWN($C8241/24,0)+1,1))-1)+IF('Standard Profiles'!$G$20=$B$10,7,0)+IF('Standard Profiles'!$G$20=$B$17,14,0)+IF('Standard Profiles'!$G$20=$B$24,21,0),MOD($C8241,24)+1)/SUM(INDEX($D$3:$AA$30,INDEX(Jesper!$R$2:$R$366,ROW(INDEX(Jesper!AJ$2:AJ$366,ROUNDDOWN($C8241/24,0)+1,1))-1)+IF('Standard Profiles'!$G$20=$B$10,7,0)+IF('Standard Profiles'!$G$20=$B$17,14,0)+IF('Standard Profiles'!$G$20=$B$24,21,0),0)),0)</f>
        <v>0</v>
      </c>
      <c r="G8241" cm="1">
        <f t="array" ref="G8241">IFERROR(INDEX(Jesper!AK$2:AK$366,ROUNDDOWN($C8241/24,0)+1,1)*INDEX($D$3:$AA$30,INDEX(Jesper!$R$2:$R$366,ROW(INDEX(Jesper!AK$2:AK$366,ROUNDDOWN($C8241/24,0)+1,1))-1)+IF('Standard Profiles'!$G$21=$B$10,7,0)+IF('Standard Profiles'!$G$21=$B$17,14,0)+IF('Standard Profiles'!$G$21=$B$24,21,0),MOD($C8241,24)+1)/SUM(INDEX($D$3:$AA$30,INDEX(Jesper!$R$2:$R$366,ROW(INDEX(Jesper!AK$2:AK$366,ROUNDDOWN($C8241/24,0)+1,1))-1)+IF('Standard Profiles'!$G$21=$B$10,7,0)+IF('Standard Profiles'!$G$21=$B$17,14,0)+IF('Standard Profiles'!$G$21=$B$24,21,0),0)),0)</f>
        <v>0</v>
      </c>
      <c r="H8241" cm="1">
        <f t="array" ref="H8241">IFERROR(INDEX(Jesper!AL$2:AL$366,ROUNDDOWN($C8241/24,0)+1,1)*INDEX($D$3:$AA$30,INDEX(Jesper!$R$2:$R$366,ROW(INDEX(Jesper!AL$2:AL$366,ROUNDDOWN($C8241/24,0)+1,1))-1)+IF('Standard Profiles'!$G$22=$B$10,7,0)+IF('Standard Profiles'!$G$22=$B$17,14,0)+IF('Standard Profiles'!$G$22=$B$24,21,0),MOD($C8241,24)+1)/SUM(INDEX($D$3:$AA$30,INDEX(Jesper!$R$2:$R$366,ROW(INDEX(Jesper!AL$2:AL$366,ROUNDDOWN($C8241/24,0)+1,1))-1)+IF('Standard Profiles'!$G$22=$B$10,7,0)+IF('Standard Profiles'!$G$22=$B$17,14,0)+IF('Standard Profiles'!$G$22=$B$24,21,0),0)),0)</f>
        <v>0</v>
      </c>
      <c r="I8241">
        <f t="shared" si="916"/>
        <v>0.16359033693818928</v>
      </c>
      <c r="J8241">
        <f t="shared" si="917"/>
        <v>0.54530112312729773</v>
      </c>
      <c r="K8241">
        <f t="shared" si="918"/>
        <v>0.81795168469094659</v>
      </c>
      <c r="L8241">
        <f t="shared" si="919"/>
        <v>7.3025682049574723</v>
      </c>
      <c r="M8241">
        <f t="shared" si="920"/>
        <v>0</v>
      </c>
      <c r="N8241" s="46">
        <f t="shared" si="921"/>
        <v>45633.958333313429</v>
      </c>
    </row>
    <row r="8242" spans="2:14" x14ac:dyDescent="0.3">
      <c r="B8242">
        <f t="shared" si="915"/>
        <v>7</v>
      </c>
      <c r="C8242" s="16">
        <v>8208</v>
      </c>
      <c r="D8242" cm="1">
        <f t="array" ref="D8242">IFERROR(INDEX(Jesper!AH$2:AH$366,ROUNDDOWN($C8242/24,0)+1,1)*INDEX($D$3:$AA$30,INDEX(Jesper!$R$2:$R$366,ROW(INDEX(Jesper!AH$2:AH$366,ROUNDDOWN($C8242/24,0)+1,1))-1)+IF('Standard Profiles'!$G$18=$B$10,7,0)+IF('Standard Profiles'!$G$18=$B$17,14,0)+IF('Standard Profiles'!$G$18=$B$24,21,0),MOD($C8242,24)+1)/SUM(INDEX($D$3:$AA$30,INDEX(Jesper!$R$2:$R$366,ROW(INDEX(Jesper!AH$2:AH$366,ROUNDDOWN($C8242/24,0)+1,1))-1)+IF('Standard Profiles'!$G$18=$B$10,7,0)+IF('Standard Profiles'!$G$18=$B$17,14,0)+IF('Standard Profiles'!$G$18=$B$24,21,0),0)),0)</f>
        <v>7.4050781199656992</v>
      </c>
      <c r="E8242" cm="1">
        <f t="array" ref="E8242">IFERROR(INDEX(Jesper!AI$2:AI$366,ROUNDDOWN($C8242/24,0)+1,1)*INDEX($D$3:$AA$30,INDEX(Jesper!$R$2:$R$366,ROW(INDEX(Jesper!AI$2:AI$366,ROUNDDOWN($C8242/24,0)+1,1))-1)+IF('Standard Profiles'!$G$19=$B$10,7,0)+IF('Standard Profiles'!$G$19=$B$17,14,0)+IF('Standard Profiles'!$G$19=$B$24,21,0),MOD($C8242,24)+1)/SUM(INDEX($D$3:$AA$30,INDEX(Jesper!$R$2:$R$366,ROW(INDEX(Jesper!AI$2:AI$366,ROUNDDOWN($C8242/24,0)+1,1))-1)+IF('Standard Profiles'!$G$19=$B$10,7,0)+IF('Standard Profiles'!$G$19=$B$17,14,0)+IF('Standard Profiles'!$G$19=$B$24,21,0),0)),0)</f>
        <v>1.7615590532060912</v>
      </c>
      <c r="F8242" cm="1">
        <f t="array" ref="F8242">IFERROR(INDEX(Jesper!AJ$2:AJ$366,ROUNDDOWN($C8242/24,0)+1,1)*INDEX($D$3:$AA$30,INDEX(Jesper!$R$2:$R$366,ROW(INDEX(Jesper!AJ$2:AJ$366,ROUNDDOWN($C8242/24,0)+1,1))-1)+IF('Standard Profiles'!$G$20=$B$10,7,0)+IF('Standard Profiles'!$G$20=$B$17,14,0)+IF('Standard Profiles'!$G$20=$B$24,21,0),MOD($C8242,24)+1)/SUM(INDEX($D$3:$AA$30,INDEX(Jesper!$R$2:$R$366,ROW(INDEX(Jesper!AJ$2:AJ$366,ROUNDDOWN($C8242/24,0)+1,1))-1)+IF('Standard Profiles'!$G$20=$B$10,7,0)+IF('Standard Profiles'!$G$20=$B$17,14,0)+IF('Standard Profiles'!$G$20=$B$24,21,0),0)),0)</f>
        <v>0</v>
      </c>
      <c r="G8242" cm="1">
        <f t="array" ref="G8242">IFERROR(INDEX(Jesper!AK$2:AK$366,ROUNDDOWN($C8242/24,0)+1,1)*INDEX($D$3:$AA$30,INDEX(Jesper!$R$2:$R$366,ROW(INDEX(Jesper!AK$2:AK$366,ROUNDDOWN($C8242/24,0)+1,1))-1)+IF('Standard Profiles'!$G$21=$B$10,7,0)+IF('Standard Profiles'!$G$21=$B$17,14,0)+IF('Standard Profiles'!$G$21=$B$24,21,0),MOD($C8242,24)+1)/SUM(INDEX($D$3:$AA$30,INDEX(Jesper!$R$2:$R$366,ROW(INDEX(Jesper!AK$2:AK$366,ROUNDDOWN($C8242/24,0)+1,1))-1)+IF('Standard Profiles'!$G$21=$B$10,7,0)+IF('Standard Profiles'!$G$21=$B$17,14,0)+IF('Standard Profiles'!$G$21=$B$24,21,0),0)),0)</f>
        <v>0</v>
      </c>
      <c r="H8242" cm="1">
        <f t="array" ref="H8242">IFERROR(INDEX(Jesper!AL$2:AL$366,ROUNDDOWN($C8242/24,0)+1,1)*INDEX($D$3:$AA$30,INDEX(Jesper!$R$2:$R$366,ROW(INDEX(Jesper!AL$2:AL$366,ROUNDDOWN($C8242/24,0)+1,1))-1)+IF('Standard Profiles'!$G$22=$B$10,7,0)+IF('Standard Profiles'!$G$22=$B$17,14,0)+IF('Standard Profiles'!$G$22=$B$24,21,0),MOD($C8242,24)+1)/SUM(INDEX($D$3:$AA$30,INDEX(Jesper!$R$2:$R$366,ROW(INDEX(Jesper!AL$2:AL$366,ROUNDDOWN($C8242/24,0)+1,1))-1)+IF('Standard Profiles'!$G$22=$B$10,7,0)+IF('Standard Profiles'!$G$22=$B$17,14,0)+IF('Standard Profiles'!$G$22=$B$24,21,0),0)),0)</f>
        <v>0</v>
      </c>
      <c r="I8242">
        <f t="shared" si="916"/>
        <v>0.1586990138023506</v>
      </c>
      <c r="J8242">
        <f t="shared" si="917"/>
        <v>0.5289967126745021</v>
      </c>
      <c r="K8242">
        <f t="shared" si="918"/>
        <v>0.79349506901175304</v>
      </c>
      <c r="L8242">
        <f t="shared" si="919"/>
        <v>7.6854463776831849</v>
      </c>
      <c r="M8242">
        <f t="shared" si="920"/>
        <v>0</v>
      </c>
      <c r="N8242" s="46">
        <f t="shared" si="921"/>
        <v>45633.999999980093</v>
      </c>
    </row>
    <row r="8243" spans="2:14" x14ac:dyDescent="0.3">
      <c r="B8243">
        <f t="shared" si="915"/>
        <v>7</v>
      </c>
      <c r="C8243" s="16">
        <v>8209</v>
      </c>
      <c r="D8243" cm="1">
        <f t="array" ref="D8243">IFERROR(INDEX(Jesper!AH$2:AH$366,ROUNDDOWN($C8243/24,0)+1,1)*INDEX($D$3:$AA$30,INDEX(Jesper!$R$2:$R$366,ROW(INDEX(Jesper!AH$2:AH$366,ROUNDDOWN($C8243/24,0)+1,1))-1)+IF('Standard Profiles'!$G$18=$B$10,7,0)+IF('Standard Profiles'!$G$18=$B$17,14,0)+IF('Standard Profiles'!$G$18=$B$24,21,0),MOD($C8243,24)+1)/SUM(INDEX($D$3:$AA$30,INDEX(Jesper!$R$2:$R$366,ROW(INDEX(Jesper!AH$2:AH$366,ROUNDDOWN($C8243/24,0)+1,1))-1)+IF('Standard Profiles'!$G$18=$B$10,7,0)+IF('Standard Profiles'!$G$18=$B$17,14,0)+IF('Standard Profiles'!$G$18=$B$24,21,0),0)),0)</f>
        <v>8.5994455586698457</v>
      </c>
      <c r="E8243" cm="1">
        <f t="array" ref="E8243">IFERROR(INDEX(Jesper!AI$2:AI$366,ROUNDDOWN($C8243/24,0)+1,1)*INDEX($D$3:$AA$30,INDEX(Jesper!$R$2:$R$366,ROW(INDEX(Jesper!AI$2:AI$366,ROUNDDOWN($C8243/24,0)+1,1))-1)+IF('Standard Profiles'!$G$19=$B$10,7,0)+IF('Standard Profiles'!$G$19=$B$17,14,0)+IF('Standard Profiles'!$G$19=$B$24,21,0),MOD($C8243,24)+1)/SUM(INDEX($D$3:$AA$30,INDEX(Jesper!$R$2:$R$366,ROW(INDEX(Jesper!AI$2:AI$366,ROUNDDOWN($C8243/24,0)+1,1))-1)+IF('Standard Profiles'!$G$19=$B$10,7,0)+IF('Standard Profiles'!$G$19=$B$17,14,0)+IF('Standard Profiles'!$G$19=$B$24,21,0),0)),0)</f>
        <v>2.0456814811425574</v>
      </c>
      <c r="F8243" cm="1">
        <f t="array" ref="F8243">IFERROR(INDEX(Jesper!AJ$2:AJ$366,ROUNDDOWN($C8243/24,0)+1,1)*INDEX($D$3:$AA$30,INDEX(Jesper!$R$2:$R$366,ROW(INDEX(Jesper!AJ$2:AJ$366,ROUNDDOWN($C8243/24,0)+1,1))-1)+IF('Standard Profiles'!$G$20=$B$10,7,0)+IF('Standard Profiles'!$G$20=$B$17,14,0)+IF('Standard Profiles'!$G$20=$B$24,21,0),MOD($C8243,24)+1)/SUM(INDEX($D$3:$AA$30,INDEX(Jesper!$R$2:$R$366,ROW(INDEX(Jesper!AJ$2:AJ$366,ROUNDDOWN($C8243/24,0)+1,1))-1)+IF('Standard Profiles'!$G$20=$B$10,7,0)+IF('Standard Profiles'!$G$20=$B$17,14,0)+IF('Standard Profiles'!$G$20=$B$24,21,0),0)),0)</f>
        <v>0</v>
      </c>
      <c r="G8243" cm="1">
        <f t="array" ref="G8243">IFERROR(INDEX(Jesper!AK$2:AK$366,ROUNDDOWN($C8243/24,0)+1,1)*INDEX($D$3:$AA$30,INDEX(Jesper!$R$2:$R$366,ROW(INDEX(Jesper!AK$2:AK$366,ROUNDDOWN($C8243/24,0)+1,1))-1)+IF('Standard Profiles'!$G$21=$B$10,7,0)+IF('Standard Profiles'!$G$21=$B$17,14,0)+IF('Standard Profiles'!$G$21=$B$24,21,0),MOD($C8243,24)+1)/SUM(INDEX($D$3:$AA$30,INDEX(Jesper!$R$2:$R$366,ROW(INDEX(Jesper!AK$2:AK$366,ROUNDDOWN($C8243/24,0)+1,1))-1)+IF('Standard Profiles'!$G$21=$B$10,7,0)+IF('Standard Profiles'!$G$21=$B$17,14,0)+IF('Standard Profiles'!$G$21=$B$24,21,0),0)),0)</f>
        <v>0</v>
      </c>
      <c r="H8243" cm="1">
        <f t="array" ref="H8243">IFERROR(INDEX(Jesper!AL$2:AL$366,ROUNDDOWN($C8243/24,0)+1,1)*INDEX($D$3:$AA$30,INDEX(Jesper!$R$2:$R$366,ROW(INDEX(Jesper!AL$2:AL$366,ROUNDDOWN($C8243/24,0)+1,1))-1)+IF('Standard Profiles'!$G$22=$B$10,7,0)+IF('Standard Profiles'!$G$22=$B$17,14,0)+IF('Standard Profiles'!$G$22=$B$24,21,0),MOD($C8243,24)+1)/SUM(INDEX($D$3:$AA$30,INDEX(Jesper!$R$2:$R$366,ROW(INDEX(Jesper!AL$2:AL$366,ROUNDDOWN($C8243/24,0)+1,1))-1)+IF('Standard Profiles'!$G$22=$B$10,7,0)+IF('Standard Profiles'!$G$22=$B$17,14,0)+IF('Standard Profiles'!$G$22=$B$24,21,0),0)),0)</f>
        <v>0</v>
      </c>
      <c r="I8243">
        <f t="shared" si="916"/>
        <v>0.18429562893176199</v>
      </c>
      <c r="J8243">
        <f t="shared" si="917"/>
        <v>0.6143187631058733</v>
      </c>
      <c r="K8243">
        <f t="shared" si="918"/>
        <v>0.92147814465881006</v>
      </c>
      <c r="L8243">
        <f t="shared" si="919"/>
        <v>8.9250345031159579</v>
      </c>
      <c r="M8243">
        <f t="shared" si="920"/>
        <v>0</v>
      </c>
      <c r="N8243" s="46">
        <f t="shared" si="921"/>
        <v>45634.041666646757</v>
      </c>
    </row>
    <row r="8244" spans="2:14" x14ac:dyDescent="0.3">
      <c r="B8244">
        <f t="shared" si="915"/>
        <v>7</v>
      </c>
      <c r="C8244" s="16">
        <v>8210</v>
      </c>
      <c r="D8244" cm="1">
        <f t="array" ref="D8244">IFERROR(INDEX(Jesper!AH$2:AH$366,ROUNDDOWN($C8244/24,0)+1,1)*INDEX($D$3:$AA$30,INDEX(Jesper!$R$2:$R$366,ROW(INDEX(Jesper!AH$2:AH$366,ROUNDDOWN($C8244/24,0)+1,1))-1)+IF('Standard Profiles'!$G$18=$B$10,7,0)+IF('Standard Profiles'!$G$18=$B$17,14,0)+IF('Standard Profiles'!$G$18=$B$24,21,0),MOD($C8244,24)+1)/SUM(INDEX($D$3:$AA$30,INDEX(Jesper!$R$2:$R$366,ROW(INDEX(Jesper!AH$2:AH$366,ROUNDDOWN($C8244/24,0)+1,1))-1)+IF('Standard Profiles'!$G$18=$B$10,7,0)+IF('Standard Profiles'!$G$18=$B$17,14,0)+IF('Standard Profiles'!$G$18=$B$24,21,0),0)),0)</f>
        <v>8.5994455586698457</v>
      </c>
      <c r="E8244" cm="1">
        <f t="array" ref="E8244">IFERROR(INDEX(Jesper!AI$2:AI$366,ROUNDDOWN($C8244/24,0)+1,1)*INDEX($D$3:$AA$30,INDEX(Jesper!$R$2:$R$366,ROW(INDEX(Jesper!AI$2:AI$366,ROUNDDOWN($C8244/24,0)+1,1))-1)+IF('Standard Profiles'!$G$19=$B$10,7,0)+IF('Standard Profiles'!$G$19=$B$17,14,0)+IF('Standard Profiles'!$G$19=$B$24,21,0),MOD($C8244,24)+1)/SUM(INDEX($D$3:$AA$30,INDEX(Jesper!$R$2:$R$366,ROW(INDEX(Jesper!AI$2:AI$366,ROUNDDOWN($C8244/24,0)+1,1))-1)+IF('Standard Profiles'!$G$19=$B$10,7,0)+IF('Standard Profiles'!$G$19=$B$17,14,0)+IF('Standard Profiles'!$G$19=$B$24,21,0),0)),0)</f>
        <v>2.0456814811425574</v>
      </c>
      <c r="F8244" cm="1">
        <f t="array" ref="F8244">IFERROR(INDEX(Jesper!AJ$2:AJ$366,ROUNDDOWN($C8244/24,0)+1,1)*INDEX($D$3:$AA$30,INDEX(Jesper!$R$2:$R$366,ROW(INDEX(Jesper!AJ$2:AJ$366,ROUNDDOWN($C8244/24,0)+1,1))-1)+IF('Standard Profiles'!$G$20=$B$10,7,0)+IF('Standard Profiles'!$G$20=$B$17,14,0)+IF('Standard Profiles'!$G$20=$B$24,21,0),MOD($C8244,24)+1)/SUM(INDEX($D$3:$AA$30,INDEX(Jesper!$R$2:$R$366,ROW(INDEX(Jesper!AJ$2:AJ$366,ROUNDDOWN($C8244/24,0)+1,1))-1)+IF('Standard Profiles'!$G$20=$B$10,7,0)+IF('Standard Profiles'!$G$20=$B$17,14,0)+IF('Standard Profiles'!$G$20=$B$24,21,0),0)),0)</f>
        <v>0</v>
      </c>
      <c r="G8244" cm="1">
        <f t="array" ref="G8244">IFERROR(INDEX(Jesper!AK$2:AK$366,ROUNDDOWN($C8244/24,0)+1,1)*INDEX($D$3:$AA$30,INDEX(Jesper!$R$2:$R$366,ROW(INDEX(Jesper!AK$2:AK$366,ROUNDDOWN($C8244/24,0)+1,1))-1)+IF('Standard Profiles'!$G$21=$B$10,7,0)+IF('Standard Profiles'!$G$21=$B$17,14,0)+IF('Standard Profiles'!$G$21=$B$24,21,0),MOD($C8244,24)+1)/SUM(INDEX($D$3:$AA$30,INDEX(Jesper!$R$2:$R$366,ROW(INDEX(Jesper!AK$2:AK$366,ROUNDDOWN($C8244/24,0)+1,1))-1)+IF('Standard Profiles'!$G$21=$B$10,7,0)+IF('Standard Profiles'!$G$21=$B$17,14,0)+IF('Standard Profiles'!$G$21=$B$24,21,0),0)),0)</f>
        <v>0</v>
      </c>
      <c r="H8244" cm="1">
        <f t="array" ref="H8244">IFERROR(INDEX(Jesper!AL$2:AL$366,ROUNDDOWN($C8244/24,0)+1,1)*INDEX($D$3:$AA$30,INDEX(Jesper!$R$2:$R$366,ROW(INDEX(Jesper!AL$2:AL$366,ROUNDDOWN($C8244/24,0)+1,1))-1)+IF('Standard Profiles'!$G$22=$B$10,7,0)+IF('Standard Profiles'!$G$22=$B$17,14,0)+IF('Standard Profiles'!$G$22=$B$24,21,0),MOD($C8244,24)+1)/SUM(INDEX($D$3:$AA$30,INDEX(Jesper!$R$2:$R$366,ROW(INDEX(Jesper!AL$2:AL$366,ROUNDDOWN($C8244/24,0)+1,1))-1)+IF('Standard Profiles'!$G$22=$B$10,7,0)+IF('Standard Profiles'!$G$22=$B$17,14,0)+IF('Standard Profiles'!$G$22=$B$24,21,0),0)),0)</f>
        <v>0</v>
      </c>
      <c r="I8244">
        <f t="shared" si="916"/>
        <v>0.18429562893176199</v>
      </c>
      <c r="J8244">
        <f t="shared" si="917"/>
        <v>0.6143187631058733</v>
      </c>
      <c r="K8244">
        <f t="shared" si="918"/>
        <v>0.92147814465881006</v>
      </c>
      <c r="L8244">
        <f t="shared" si="919"/>
        <v>8.9250345031159579</v>
      </c>
      <c r="M8244">
        <f t="shared" si="920"/>
        <v>0</v>
      </c>
      <c r="N8244" s="46">
        <f t="shared" si="921"/>
        <v>45634.083333313421</v>
      </c>
    </row>
    <row r="8245" spans="2:14" x14ac:dyDescent="0.3">
      <c r="B8245">
        <f t="shared" si="915"/>
        <v>7</v>
      </c>
      <c r="C8245" s="16">
        <v>8211</v>
      </c>
      <c r="D8245" cm="1">
        <f t="array" ref="D8245">IFERROR(INDEX(Jesper!AH$2:AH$366,ROUNDDOWN($C8245/24,0)+1,1)*INDEX($D$3:$AA$30,INDEX(Jesper!$R$2:$R$366,ROW(INDEX(Jesper!AH$2:AH$366,ROUNDDOWN($C8245/24,0)+1,1))-1)+IF('Standard Profiles'!$G$18=$B$10,7,0)+IF('Standard Profiles'!$G$18=$B$17,14,0)+IF('Standard Profiles'!$G$18=$B$24,21,0),MOD($C8245,24)+1)/SUM(INDEX($D$3:$AA$30,INDEX(Jesper!$R$2:$R$366,ROW(INDEX(Jesper!AH$2:AH$366,ROUNDDOWN($C8245/24,0)+1,1))-1)+IF('Standard Profiles'!$G$18=$B$10,7,0)+IF('Standard Profiles'!$G$18=$B$17,14,0)+IF('Standard Profiles'!$G$18=$B$24,21,0),0)),0)</f>
        <v>8.5994455586698457</v>
      </c>
      <c r="E8245" cm="1">
        <f t="array" ref="E8245">IFERROR(INDEX(Jesper!AI$2:AI$366,ROUNDDOWN($C8245/24,0)+1,1)*INDEX($D$3:$AA$30,INDEX(Jesper!$R$2:$R$366,ROW(INDEX(Jesper!AI$2:AI$366,ROUNDDOWN($C8245/24,0)+1,1))-1)+IF('Standard Profiles'!$G$19=$B$10,7,0)+IF('Standard Profiles'!$G$19=$B$17,14,0)+IF('Standard Profiles'!$G$19=$B$24,21,0),MOD($C8245,24)+1)/SUM(INDEX($D$3:$AA$30,INDEX(Jesper!$R$2:$R$366,ROW(INDEX(Jesper!AI$2:AI$366,ROUNDDOWN($C8245/24,0)+1,1))-1)+IF('Standard Profiles'!$G$19=$B$10,7,0)+IF('Standard Profiles'!$G$19=$B$17,14,0)+IF('Standard Profiles'!$G$19=$B$24,21,0),0)),0)</f>
        <v>2.0456814811425574</v>
      </c>
      <c r="F8245" cm="1">
        <f t="array" ref="F8245">IFERROR(INDEX(Jesper!AJ$2:AJ$366,ROUNDDOWN($C8245/24,0)+1,1)*INDEX($D$3:$AA$30,INDEX(Jesper!$R$2:$R$366,ROW(INDEX(Jesper!AJ$2:AJ$366,ROUNDDOWN($C8245/24,0)+1,1))-1)+IF('Standard Profiles'!$G$20=$B$10,7,0)+IF('Standard Profiles'!$G$20=$B$17,14,0)+IF('Standard Profiles'!$G$20=$B$24,21,0),MOD($C8245,24)+1)/SUM(INDEX($D$3:$AA$30,INDEX(Jesper!$R$2:$R$366,ROW(INDEX(Jesper!AJ$2:AJ$366,ROUNDDOWN($C8245/24,0)+1,1))-1)+IF('Standard Profiles'!$G$20=$B$10,7,0)+IF('Standard Profiles'!$G$20=$B$17,14,0)+IF('Standard Profiles'!$G$20=$B$24,21,0),0)),0)</f>
        <v>0</v>
      </c>
      <c r="G8245" cm="1">
        <f t="array" ref="G8245">IFERROR(INDEX(Jesper!AK$2:AK$366,ROUNDDOWN($C8245/24,0)+1,1)*INDEX($D$3:$AA$30,INDEX(Jesper!$R$2:$R$366,ROW(INDEX(Jesper!AK$2:AK$366,ROUNDDOWN($C8245/24,0)+1,1))-1)+IF('Standard Profiles'!$G$21=$B$10,7,0)+IF('Standard Profiles'!$G$21=$B$17,14,0)+IF('Standard Profiles'!$G$21=$B$24,21,0),MOD($C8245,24)+1)/SUM(INDEX($D$3:$AA$30,INDEX(Jesper!$R$2:$R$366,ROW(INDEX(Jesper!AK$2:AK$366,ROUNDDOWN($C8245/24,0)+1,1))-1)+IF('Standard Profiles'!$G$21=$B$10,7,0)+IF('Standard Profiles'!$G$21=$B$17,14,0)+IF('Standard Profiles'!$G$21=$B$24,21,0),0)),0)</f>
        <v>0</v>
      </c>
      <c r="H8245" cm="1">
        <f t="array" ref="H8245">IFERROR(INDEX(Jesper!AL$2:AL$366,ROUNDDOWN($C8245/24,0)+1,1)*INDEX($D$3:$AA$30,INDEX(Jesper!$R$2:$R$366,ROW(INDEX(Jesper!AL$2:AL$366,ROUNDDOWN($C8245/24,0)+1,1))-1)+IF('Standard Profiles'!$G$22=$B$10,7,0)+IF('Standard Profiles'!$G$22=$B$17,14,0)+IF('Standard Profiles'!$G$22=$B$24,21,0),MOD($C8245,24)+1)/SUM(INDEX($D$3:$AA$30,INDEX(Jesper!$R$2:$R$366,ROW(INDEX(Jesper!AL$2:AL$366,ROUNDDOWN($C8245/24,0)+1,1))-1)+IF('Standard Profiles'!$G$22=$B$10,7,0)+IF('Standard Profiles'!$G$22=$B$17,14,0)+IF('Standard Profiles'!$G$22=$B$24,21,0),0)),0)</f>
        <v>0</v>
      </c>
      <c r="I8245">
        <f t="shared" si="916"/>
        <v>0.18429562893176199</v>
      </c>
      <c r="J8245">
        <f t="shared" si="917"/>
        <v>0.6143187631058733</v>
      </c>
      <c r="K8245">
        <f t="shared" si="918"/>
        <v>0.92147814465881006</v>
      </c>
      <c r="L8245">
        <f t="shared" si="919"/>
        <v>8.9250345031159579</v>
      </c>
      <c r="M8245">
        <f t="shared" si="920"/>
        <v>0</v>
      </c>
      <c r="N8245" s="46">
        <f t="shared" si="921"/>
        <v>45634.124999980086</v>
      </c>
    </row>
    <row r="8246" spans="2:14" x14ac:dyDescent="0.3">
      <c r="B8246">
        <f t="shared" si="915"/>
        <v>7</v>
      </c>
      <c r="C8246" s="16">
        <v>8212</v>
      </c>
      <c r="D8246" cm="1">
        <f t="array" ref="D8246">IFERROR(INDEX(Jesper!AH$2:AH$366,ROUNDDOWN($C8246/24,0)+1,1)*INDEX($D$3:$AA$30,INDEX(Jesper!$R$2:$R$366,ROW(INDEX(Jesper!AH$2:AH$366,ROUNDDOWN($C8246/24,0)+1,1))-1)+IF('Standard Profiles'!$G$18=$B$10,7,0)+IF('Standard Profiles'!$G$18=$B$17,14,0)+IF('Standard Profiles'!$G$18=$B$24,21,0),MOD($C8246,24)+1)/SUM(INDEX($D$3:$AA$30,INDEX(Jesper!$R$2:$R$366,ROW(INDEX(Jesper!AH$2:AH$366,ROUNDDOWN($C8246/24,0)+1,1))-1)+IF('Standard Profiles'!$G$18=$B$10,7,0)+IF('Standard Profiles'!$G$18=$B$17,14,0)+IF('Standard Profiles'!$G$18=$B$24,21,0),0)),0)</f>
        <v>8.5994455586698457</v>
      </c>
      <c r="E8246" cm="1">
        <f t="array" ref="E8246">IFERROR(INDEX(Jesper!AI$2:AI$366,ROUNDDOWN($C8246/24,0)+1,1)*INDEX($D$3:$AA$30,INDEX(Jesper!$R$2:$R$366,ROW(INDEX(Jesper!AI$2:AI$366,ROUNDDOWN($C8246/24,0)+1,1))-1)+IF('Standard Profiles'!$G$19=$B$10,7,0)+IF('Standard Profiles'!$G$19=$B$17,14,0)+IF('Standard Profiles'!$G$19=$B$24,21,0),MOD($C8246,24)+1)/SUM(INDEX($D$3:$AA$30,INDEX(Jesper!$R$2:$R$366,ROW(INDEX(Jesper!AI$2:AI$366,ROUNDDOWN($C8246/24,0)+1,1))-1)+IF('Standard Profiles'!$G$19=$B$10,7,0)+IF('Standard Profiles'!$G$19=$B$17,14,0)+IF('Standard Profiles'!$G$19=$B$24,21,0),0)),0)</f>
        <v>2.0456814811425574</v>
      </c>
      <c r="F8246" cm="1">
        <f t="array" ref="F8246">IFERROR(INDEX(Jesper!AJ$2:AJ$366,ROUNDDOWN($C8246/24,0)+1,1)*INDEX($D$3:$AA$30,INDEX(Jesper!$R$2:$R$366,ROW(INDEX(Jesper!AJ$2:AJ$366,ROUNDDOWN($C8246/24,0)+1,1))-1)+IF('Standard Profiles'!$G$20=$B$10,7,0)+IF('Standard Profiles'!$G$20=$B$17,14,0)+IF('Standard Profiles'!$G$20=$B$24,21,0),MOD($C8246,24)+1)/SUM(INDEX($D$3:$AA$30,INDEX(Jesper!$R$2:$R$366,ROW(INDEX(Jesper!AJ$2:AJ$366,ROUNDDOWN($C8246/24,0)+1,1))-1)+IF('Standard Profiles'!$G$20=$B$10,7,0)+IF('Standard Profiles'!$G$20=$B$17,14,0)+IF('Standard Profiles'!$G$20=$B$24,21,0),0)),0)</f>
        <v>0</v>
      </c>
      <c r="G8246" cm="1">
        <f t="array" ref="G8246">IFERROR(INDEX(Jesper!AK$2:AK$366,ROUNDDOWN($C8246/24,0)+1,1)*INDEX($D$3:$AA$30,INDEX(Jesper!$R$2:$R$366,ROW(INDEX(Jesper!AK$2:AK$366,ROUNDDOWN($C8246/24,0)+1,1))-1)+IF('Standard Profiles'!$G$21=$B$10,7,0)+IF('Standard Profiles'!$G$21=$B$17,14,0)+IF('Standard Profiles'!$G$21=$B$24,21,0),MOD($C8246,24)+1)/SUM(INDEX($D$3:$AA$30,INDEX(Jesper!$R$2:$R$366,ROW(INDEX(Jesper!AK$2:AK$366,ROUNDDOWN($C8246/24,0)+1,1))-1)+IF('Standard Profiles'!$G$21=$B$10,7,0)+IF('Standard Profiles'!$G$21=$B$17,14,0)+IF('Standard Profiles'!$G$21=$B$24,21,0),0)),0)</f>
        <v>0</v>
      </c>
      <c r="H8246" cm="1">
        <f t="array" ref="H8246">IFERROR(INDEX(Jesper!AL$2:AL$366,ROUNDDOWN($C8246/24,0)+1,1)*INDEX($D$3:$AA$30,INDEX(Jesper!$R$2:$R$366,ROW(INDEX(Jesper!AL$2:AL$366,ROUNDDOWN($C8246/24,0)+1,1))-1)+IF('Standard Profiles'!$G$22=$B$10,7,0)+IF('Standard Profiles'!$G$22=$B$17,14,0)+IF('Standard Profiles'!$G$22=$B$24,21,0),MOD($C8246,24)+1)/SUM(INDEX($D$3:$AA$30,INDEX(Jesper!$R$2:$R$366,ROW(INDEX(Jesper!AL$2:AL$366,ROUNDDOWN($C8246/24,0)+1,1))-1)+IF('Standard Profiles'!$G$22=$B$10,7,0)+IF('Standard Profiles'!$G$22=$B$17,14,0)+IF('Standard Profiles'!$G$22=$B$24,21,0),0)),0)</f>
        <v>0</v>
      </c>
      <c r="I8246">
        <f t="shared" si="916"/>
        <v>0.18429562893176199</v>
      </c>
      <c r="J8246">
        <f t="shared" si="917"/>
        <v>0.6143187631058733</v>
      </c>
      <c r="K8246">
        <f t="shared" si="918"/>
        <v>0.92147814465881006</v>
      </c>
      <c r="L8246">
        <f t="shared" si="919"/>
        <v>8.9250345031159579</v>
      </c>
      <c r="M8246">
        <f t="shared" si="920"/>
        <v>0</v>
      </c>
      <c r="N8246" s="46">
        <f t="shared" si="921"/>
        <v>45634.16666664675</v>
      </c>
    </row>
    <row r="8247" spans="2:14" x14ac:dyDescent="0.3">
      <c r="B8247">
        <f t="shared" si="915"/>
        <v>7</v>
      </c>
      <c r="C8247" s="16">
        <v>8213</v>
      </c>
      <c r="D8247" cm="1">
        <f t="array" ref="D8247">IFERROR(INDEX(Jesper!AH$2:AH$366,ROUNDDOWN($C8247/24,0)+1,1)*INDEX($D$3:$AA$30,INDEX(Jesper!$R$2:$R$366,ROW(INDEX(Jesper!AH$2:AH$366,ROUNDDOWN($C8247/24,0)+1,1))-1)+IF('Standard Profiles'!$G$18=$B$10,7,0)+IF('Standard Profiles'!$G$18=$B$17,14,0)+IF('Standard Profiles'!$G$18=$B$24,21,0),MOD($C8247,24)+1)/SUM(INDEX($D$3:$AA$30,INDEX(Jesper!$R$2:$R$366,ROW(INDEX(Jesper!AH$2:AH$366,ROUNDDOWN($C8247/24,0)+1,1))-1)+IF('Standard Profiles'!$G$18=$B$10,7,0)+IF('Standard Profiles'!$G$18=$B$17,14,0)+IF('Standard Profiles'!$G$18=$B$24,21,0),0)),0)</f>
        <v>10.749306948337306</v>
      </c>
      <c r="E8247" cm="1">
        <f t="array" ref="E8247">IFERROR(INDEX(Jesper!AI$2:AI$366,ROUNDDOWN($C8247/24,0)+1,1)*INDEX($D$3:$AA$30,INDEX(Jesper!$R$2:$R$366,ROW(INDEX(Jesper!AI$2:AI$366,ROUNDDOWN($C8247/24,0)+1,1))-1)+IF('Standard Profiles'!$G$19=$B$10,7,0)+IF('Standard Profiles'!$G$19=$B$17,14,0)+IF('Standard Profiles'!$G$19=$B$24,21,0),MOD($C8247,24)+1)/SUM(INDEX($D$3:$AA$30,INDEX(Jesper!$R$2:$R$366,ROW(INDEX(Jesper!AI$2:AI$366,ROUNDDOWN($C8247/24,0)+1,1))-1)+IF('Standard Profiles'!$G$19=$B$10,7,0)+IF('Standard Profiles'!$G$19=$B$17,14,0)+IF('Standard Profiles'!$G$19=$B$24,21,0),0)),0)</f>
        <v>2.5571018514281971</v>
      </c>
      <c r="F8247" cm="1">
        <f t="array" ref="F8247">IFERROR(INDEX(Jesper!AJ$2:AJ$366,ROUNDDOWN($C8247/24,0)+1,1)*INDEX($D$3:$AA$30,INDEX(Jesper!$R$2:$R$366,ROW(INDEX(Jesper!AJ$2:AJ$366,ROUNDDOWN($C8247/24,0)+1,1))-1)+IF('Standard Profiles'!$G$20=$B$10,7,0)+IF('Standard Profiles'!$G$20=$B$17,14,0)+IF('Standard Profiles'!$G$20=$B$24,21,0),MOD($C8247,24)+1)/SUM(INDEX($D$3:$AA$30,INDEX(Jesper!$R$2:$R$366,ROW(INDEX(Jesper!AJ$2:AJ$366,ROUNDDOWN($C8247/24,0)+1,1))-1)+IF('Standard Profiles'!$G$20=$B$10,7,0)+IF('Standard Profiles'!$G$20=$B$17,14,0)+IF('Standard Profiles'!$G$20=$B$24,21,0),0)),0)</f>
        <v>0</v>
      </c>
      <c r="G8247" cm="1">
        <f t="array" ref="G8247">IFERROR(INDEX(Jesper!AK$2:AK$366,ROUNDDOWN($C8247/24,0)+1,1)*INDEX($D$3:$AA$30,INDEX(Jesper!$R$2:$R$366,ROW(INDEX(Jesper!AK$2:AK$366,ROUNDDOWN($C8247/24,0)+1,1))-1)+IF('Standard Profiles'!$G$21=$B$10,7,0)+IF('Standard Profiles'!$G$21=$B$17,14,0)+IF('Standard Profiles'!$G$21=$B$24,21,0),MOD($C8247,24)+1)/SUM(INDEX($D$3:$AA$30,INDEX(Jesper!$R$2:$R$366,ROW(INDEX(Jesper!AK$2:AK$366,ROUNDDOWN($C8247/24,0)+1,1))-1)+IF('Standard Profiles'!$G$21=$B$10,7,0)+IF('Standard Profiles'!$G$21=$B$17,14,0)+IF('Standard Profiles'!$G$21=$B$24,21,0),0)),0)</f>
        <v>0</v>
      </c>
      <c r="H8247" cm="1">
        <f t="array" ref="H8247">IFERROR(INDEX(Jesper!AL$2:AL$366,ROUNDDOWN($C8247/24,0)+1,1)*INDEX($D$3:$AA$30,INDEX(Jesper!$R$2:$R$366,ROW(INDEX(Jesper!AL$2:AL$366,ROUNDDOWN($C8247/24,0)+1,1))-1)+IF('Standard Profiles'!$G$22=$B$10,7,0)+IF('Standard Profiles'!$G$22=$B$17,14,0)+IF('Standard Profiles'!$G$22=$B$24,21,0),MOD($C8247,24)+1)/SUM(INDEX($D$3:$AA$30,INDEX(Jesper!$R$2:$R$366,ROW(INDEX(Jesper!AL$2:AL$366,ROUNDDOWN($C8247/24,0)+1,1))-1)+IF('Standard Profiles'!$G$22=$B$10,7,0)+IF('Standard Profiles'!$G$22=$B$17,14,0)+IF('Standard Profiles'!$G$22=$B$24,21,0),0)),0)</f>
        <v>0</v>
      </c>
      <c r="I8247">
        <f t="shared" si="916"/>
        <v>0.23036953616470252</v>
      </c>
      <c r="J8247">
        <f t="shared" si="917"/>
        <v>0.76789845388234179</v>
      </c>
      <c r="K8247">
        <f t="shared" si="918"/>
        <v>1.1518476808235127</v>
      </c>
      <c r="L8247">
        <f t="shared" si="919"/>
        <v>11.156293128894946</v>
      </c>
      <c r="M8247">
        <f t="shared" si="920"/>
        <v>0</v>
      </c>
      <c r="N8247" s="46">
        <f t="shared" si="921"/>
        <v>45634.208333313414</v>
      </c>
    </row>
    <row r="8248" spans="2:14" x14ac:dyDescent="0.3">
      <c r="B8248">
        <f t="shared" si="915"/>
        <v>7</v>
      </c>
      <c r="C8248" s="16">
        <v>8214</v>
      </c>
      <c r="D8248" cm="1">
        <f t="array" ref="D8248">IFERROR(INDEX(Jesper!AH$2:AH$366,ROUNDDOWN($C8248/24,0)+1,1)*INDEX($D$3:$AA$30,INDEX(Jesper!$R$2:$R$366,ROW(INDEX(Jesper!AH$2:AH$366,ROUNDDOWN($C8248/24,0)+1,1))-1)+IF('Standard Profiles'!$G$18=$B$10,7,0)+IF('Standard Profiles'!$G$18=$B$17,14,0)+IF('Standard Profiles'!$G$18=$B$24,21,0),MOD($C8248,24)+1)/SUM(INDEX($D$3:$AA$30,INDEX(Jesper!$R$2:$R$366,ROW(INDEX(Jesper!AH$2:AH$366,ROUNDDOWN($C8248/24,0)+1,1))-1)+IF('Standard Profiles'!$G$18=$B$10,7,0)+IF('Standard Profiles'!$G$18=$B$17,14,0)+IF('Standard Profiles'!$G$18=$B$24,21,0),0)),0)</f>
        <v>12.66029485026394</v>
      </c>
      <c r="E8248" cm="1">
        <f t="array" ref="E8248">IFERROR(INDEX(Jesper!AI$2:AI$366,ROUNDDOWN($C8248/24,0)+1,1)*INDEX($D$3:$AA$30,INDEX(Jesper!$R$2:$R$366,ROW(INDEX(Jesper!AI$2:AI$366,ROUNDDOWN($C8248/24,0)+1,1))-1)+IF('Standard Profiles'!$G$19=$B$10,7,0)+IF('Standard Profiles'!$G$19=$B$17,14,0)+IF('Standard Profiles'!$G$19=$B$24,21,0),MOD($C8248,24)+1)/SUM(INDEX($D$3:$AA$30,INDEX(Jesper!$R$2:$R$366,ROW(INDEX(Jesper!AI$2:AI$366,ROUNDDOWN($C8248/24,0)+1,1))-1)+IF('Standard Profiles'!$G$19=$B$10,7,0)+IF('Standard Profiles'!$G$19=$B$17,14,0)+IF('Standard Profiles'!$G$19=$B$24,21,0),0)),0)</f>
        <v>3.0116977361265436</v>
      </c>
      <c r="F8248" cm="1">
        <f t="array" ref="F8248">IFERROR(INDEX(Jesper!AJ$2:AJ$366,ROUNDDOWN($C8248/24,0)+1,1)*INDEX($D$3:$AA$30,INDEX(Jesper!$R$2:$R$366,ROW(INDEX(Jesper!AJ$2:AJ$366,ROUNDDOWN($C8248/24,0)+1,1))-1)+IF('Standard Profiles'!$G$20=$B$10,7,0)+IF('Standard Profiles'!$G$20=$B$17,14,0)+IF('Standard Profiles'!$G$20=$B$24,21,0),MOD($C8248,24)+1)/SUM(INDEX($D$3:$AA$30,INDEX(Jesper!$R$2:$R$366,ROW(INDEX(Jesper!AJ$2:AJ$366,ROUNDDOWN($C8248/24,0)+1,1))-1)+IF('Standard Profiles'!$G$20=$B$10,7,0)+IF('Standard Profiles'!$G$20=$B$17,14,0)+IF('Standard Profiles'!$G$20=$B$24,21,0),0)),0)</f>
        <v>0</v>
      </c>
      <c r="G8248" cm="1">
        <f t="array" ref="G8248">IFERROR(INDEX(Jesper!AK$2:AK$366,ROUNDDOWN($C8248/24,0)+1,1)*INDEX($D$3:$AA$30,INDEX(Jesper!$R$2:$R$366,ROW(INDEX(Jesper!AK$2:AK$366,ROUNDDOWN($C8248/24,0)+1,1))-1)+IF('Standard Profiles'!$G$21=$B$10,7,0)+IF('Standard Profiles'!$G$21=$B$17,14,0)+IF('Standard Profiles'!$G$21=$B$24,21,0),MOD($C8248,24)+1)/SUM(INDEX($D$3:$AA$30,INDEX(Jesper!$R$2:$R$366,ROW(INDEX(Jesper!AK$2:AK$366,ROUNDDOWN($C8248/24,0)+1,1))-1)+IF('Standard Profiles'!$G$21=$B$10,7,0)+IF('Standard Profiles'!$G$21=$B$17,14,0)+IF('Standard Profiles'!$G$21=$B$24,21,0),0)),0)</f>
        <v>0</v>
      </c>
      <c r="H8248" cm="1">
        <f t="array" ref="H8248">IFERROR(INDEX(Jesper!AL$2:AL$366,ROUNDDOWN($C8248/24,0)+1,1)*INDEX($D$3:$AA$30,INDEX(Jesper!$R$2:$R$366,ROW(INDEX(Jesper!AL$2:AL$366,ROUNDDOWN($C8248/24,0)+1,1))-1)+IF('Standard Profiles'!$G$22=$B$10,7,0)+IF('Standard Profiles'!$G$22=$B$17,14,0)+IF('Standard Profiles'!$G$22=$B$24,21,0),MOD($C8248,24)+1)/SUM(INDEX($D$3:$AA$30,INDEX(Jesper!$R$2:$R$366,ROW(INDEX(Jesper!AL$2:AL$366,ROUNDDOWN($C8248/24,0)+1,1))-1)+IF('Standard Profiles'!$G$22=$B$10,7,0)+IF('Standard Profiles'!$G$22=$B$17,14,0)+IF('Standard Profiles'!$G$22=$B$24,21,0),0)),0)</f>
        <v>0</v>
      </c>
      <c r="I8248">
        <f t="shared" si="916"/>
        <v>0.27132412037176074</v>
      </c>
      <c r="J8248">
        <f t="shared" si="917"/>
        <v>0.90441373457253593</v>
      </c>
      <c r="K8248">
        <f t="shared" si="918"/>
        <v>1.3566206018588038</v>
      </c>
      <c r="L8248">
        <f t="shared" si="919"/>
        <v>13.139634129587384</v>
      </c>
      <c r="M8248">
        <f t="shared" si="920"/>
        <v>0</v>
      </c>
      <c r="N8248" s="46">
        <f t="shared" si="921"/>
        <v>45634.249999980078</v>
      </c>
    </row>
    <row r="8249" spans="2:14" x14ac:dyDescent="0.3">
      <c r="B8249">
        <f t="shared" si="915"/>
        <v>7</v>
      </c>
      <c r="C8249" s="16">
        <v>8215</v>
      </c>
      <c r="D8249" cm="1">
        <f t="array" ref="D8249">IFERROR(INDEX(Jesper!AH$2:AH$366,ROUNDDOWN($C8249/24,0)+1,1)*INDEX($D$3:$AA$30,INDEX(Jesper!$R$2:$R$366,ROW(INDEX(Jesper!AH$2:AH$366,ROUNDDOWN($C8249/24,0)+1,1))-1)+IF('Standard Profiles'!$G$18=$B$10,7,0)+IF('Standard Profiles'!$G$18=$B$17,14,0)+IF('Standard Profiles'!$G$18=$B$24,21,0),MOD($C8249,24)+1)/SUM(INDEX($D$3:$AA$30,INDEX(Jesper!$R$2:$R$366,ROW(INDEX(Jesper!AH$2:AH$366,ROUNDDOWN($C8249/24,0)+1,1))-1)+IF('Standard Profiles'!$G$18=$B$10,7,0)+IF('Standard Profiles'!$G$18=$B$17,14,0)+IF('Standard Profiles'!$G$18=$B$24,21,0),0)),0)</f>
        <v>15.049029727672231</v>
      </c>
      <c r="E8249" cm="1">
        <f t="array" ref="E8249">IFERROR(INDEX(Jesper!AI$2:AI$366,ROUNDDOWN($C8249/24,0)+1,1)*INDEX($D$3:$AA$30,INDEX(Jesper!$R$2:$R$366,ROW(INDEX(Jesper!AI$2:AI$366,ROUNDDOWN($C8249/24,0)+1,1))-1)+IF('Standard Profiles'!$G$19=$B$10,7,0)+IF('Standard Profiles'!$G$19=$B$17,14,0)+IF('Standard Profiles'!$G$19=$B$24,21,0),MOD($C8249,24)+1)/SUM(INDEX($D$3:$AA$30,INDEX(Jesper!$R$2:$R$366,ROW(INDEX(Jesper!AI$2:AI$366,ROUNDDOWN($C8249/24,0)+1,1))-1)+IF('Standard Profiles'!$G$19=$B$10,7,0)+IF('Standard Profiles'!$G$19=$B$17,14,0)+IF('Standard Profiles'!$G$19=$B$24,21,0),0)),0)</f>
        <v>3.5799425919994756</v>
      </c>
      <c r="F8249" cm="1">
        <f t="array" ref="F8249">IFERROR(INDEX(Jesper!AJ$2:AJ$366,ROUNDDOWN($C8249/24,0)+1,1)*INDEX($D$3:$AA$30,INDEX(Jesper!$R$2:$R$366,ROW(INDEX(Jesper!AJ$2:AJ$366,ROUNDDOWN($C8249/24,0)+1,1))-1)+IF('Standard Profiles'!$G$20=$B$10,7,0)+IF('Standard Profiles'!$G$20=$B$17,14,0)+IF('Standard Profiles'!$G$20=$B$24,21,0),MOD($C8249,24)+1)/SUM(INDEX($D$3:$AA$30,INDEX(Jesper!$R$2:$R$366,ROW(INDEX(Jesper!AJ$2:AJ$366,ROUNDDOWN($C8249/24,0)+1,1))-1)+IF('Standard Profiles'!$G$20=$B$10,7,0)+IF('Standard Profiles'!$G$20=$B$17,14,0)+IF('Standard Profiles'!$G$20=$B$24,21,0),0)),0)</f>
        <v>0</v>
      </c>
      <c r="G8249" cm="1">
        <f t="array" ref="G8249">IFERROR(INDEX(Jesper!AK$2:AK$366,ROUNDDOWN($C8249/24,0)+1,1)*INDEX($D$3:$AA$30,INDEX(Jesper!$R$2:$R$366,ROW(INDEX(Jesper!AK$2:AK$366,ROUNDDOWN($C8249/24,0)+1,1))-1)+IF('Standard Profiles'!$G$21=$B$10,7,0)+IF('Standard Profiles'!$G$21=$B$17,14,0)+IF('Standard Profiles'!$G$21=$B$24,21,0),MOD($C8249,24)+1)/SUM(INDEX($D$3:$AA$30,INDEX(Jesper!$R$2:$R$366,ROW(INDEX(Jesper!AK$2:AK$366,ROUNDDOWN($C8249/24,0)+1,1))-1)+IF('Standard Profiles'!$G$21=$B$10,7,0)+IF('Standard Profiles'!$G$21=$B$17,14,0)+IF('Standard Profiles'!$G$21=$B$24,21,0),0)),0)</f>
        <v>0</v>
      </c>
      <c r="H8249" cm="1">
        <f t="array" ref="H8249">IFERROR(INDEX(Jesper!AL$2:AL$366,ROUNDDOWN($C8249/24,0)+1,1)*INDEX($D$3:$AA$30,INDEX(Jesper!$R$2:$R$366,ROW(INDEX(Jesper!AL$2:AL$366,ROUNDDOWN($C8249/24,0)+1,1))-1)+IF('Standard Profiles'!$G$22=$B$10,7,0)+IF('Standard Profiles'!$G$22=$B$17,14,0)+IF('Standard Profiles'!$G$22=$B$24,21,0),MOD($C8249,24)+1)/SUM(INDEX($D$3:$AA$30,INDEX(Jesper!$R$2:$R$366,ROW(INDEX(Jesper!AL$2:AL$366,ROUNDDOWN($C8249/24,0)+1,1))-1)+IF('Standard Profiles'!$G$22=$B$10,7,0)+IF('Standard Profiles'!$G$22=$B$17,14,0)+IF('Standard Profiles'!$G$22=$B$24,21,0),0)),0)</f>
        <v>0</v>
      </c>
      <c r="I8249">
        <f t="shared" si="916"/>
        <v>0.32251735063058345</v>
      </c>
      <c r="J8249">
        <f t="shared" si="917"/>
        <v>1.0750578354352784</v>
      </c>
      <c r="K8249">
        <f t="shared" si="918"/>
        <v>1.6125867531529177</v>
      </c>
      <c r="L8249">
        <f t="shared" si="919"/>
        <v>15.618810380452928</v>
      </c>
      <c r="M8249">
        <f t="shared" si="920"/>
        <v>0</v>
      </c>
      <c r="N8249" s="46">
        <f t="shared" si="921"/>
        <v>45634.291666646743</v>
      </c>
    </row>
    <row r="8250" spans="2:14" x14ac:dyDescent="0.3">
      <c r="B8250">
        <f t="shared" si="915"/>
        <v>7</v>
      </c>
      <c r="C8250" s="16">
        <v>8216</v>
      </c>
      <c r="D8250" cm="1">
        <f t="array" ref="D8250">IFERROR(INDEX(Jesper!AH$2:AH$366,ROUNDDOWN($C8250/24,0)+1,1)*INDEX($D$3:$AA$30,INDEX(Jesper!$R$2:$R$366,ROW(INDEX(Jesper!AH$2:AH$366,ROUNDDOWN($C8250/24,0)+1,1))-1)+IF('Standard Profiles'!$G$18=$B$10,7,0)+IF('Standard Profiles'!$G$18=$B$17,14,0)+IF('Standard Profiles'!$G$18=$B$24,21,0),MOD($C8250,24)+1)/SUM(INDEX($D$3:$AA$30,INDEX(Jesper!$R$2:$R$366,ROW(INDEX(Jesper!AH$2:AH$366,ROUNDDOWN($C8250/24,0)+1,1))-1)+IF('Standard Profiles'!$G$18=$B$10,7,0)+IF('Standard Profiles'!$G$18=$B$17,14,0)+IF('Standard Profiles'!$G$18=$B$24,21,0),0)),0)</f>
        <v>15.049029727672231</v>
      </c>
      <c r="E8250" cm="1">
        <f t="array" ref="E8250">IFERROR(INDEX(Jesper!AI$2:AI$366,ROUNDDOWN($C8250/24,0)+1,1)*INDEX($D$3:$AA$30,INDEX(Jesper!$R$2:$R$366,ROW(INDEX(Jesper!AI$2:AI$366,ROUNDDOWN($C8250/24,0)+1,1))-1)+IF('Standard Profiles'!$G$19=$B$10,7,0)+IF('Standard Profiles'!$G$19=$B$17,14,0)+IF('Standard Profiles'!$G$19=$B$24,21,0),MOD($C8250,24)+1)/SUM(INDEX($D$3:$AA$30,INDEX(Jesper!$R$2:$R$366,ROW(INDEX(Jesper!AI$2:AI$366,ROUNDDOWN($C8250/24,0)+1,1))-1)+IF('Standard Profiles'!$G$19=$B$10,7,0)+IF('Standard Profiles'!$G$19=$B$17,14,0)+IF('Standard Profiles'!$G$19=$B$24,21,0),0)),0)</f>
        <v>3.5799425919994756</v>
      </c>
      <c r="F8250" cm="1">
        <f t="array" ref="F8250">IFERROR(INDEX(Jesper!AJ$2:AJ$366,ROUNDDOWN($C8250/24,0)+1,1)*INDEX($D$3:$AA$30,INDEX(Jesper!$R$2:$R$366,ROW(INDEX(Jesper!AJ$2:AJ$366,ROUNDDOWN($C8250/24,0)+1,1))-1)+IF('Standard Profiles'!$G$20=$B$10,7,0)+IF('Standard Profiles'!$G$20=$B$17,14,0)+IF('Standard Profiles'!$G$20=$B$24,21,0),MOD($C8250,24)+1)/SUM(INDEX($D$3:$AA$30,INDEX(Jesper!$R$2:$R$366,ROW(INDEX(Jesper!AJ$2:AJ$366,ROUNDDOWN($C8250/24,0)+1,1))-1)+IF('Standard Profiles'!$G$20=$B$10,7,0)+IF('Standard Profiles'!$G$20=$B$17,14,0)+IF('Standard Profiles'!$G$20=$B$24,21,0),0)),0)</f>
        <v>0</v>
      </c>
      <c r="G8250" cm="1">
        <f t="array" ref="G8250">IFERROR(INDEX(Jesper!AK$2:AK$366,ROUNDDOWN($C8250/24,0)+1,1)*INDEX($D$3:$AA$30,INDEX(Jesper!$R$2:$R$366,ROW(INDEX(Jesper!AK$2:AK$366,ROUNDDOWN($C8250/24,0)+1,1))-1)+IF('Standard Profiles'!$G$21=$B$10,7,0)+IF('Standard Profiles'!$G$21=$B$17,14,0)+IF('Standard Profiles'!$G$21=$B$24,21,0),MOD($C8250,24)+1)/SUM(INDEX($D$3:$AA$30,INDEX(Jesper!$R$2:$R$366,ROW(INDEX(Jesper!AK$2:AK$366,ROUNDDOWN($C8250/24,0)+1,1))-1)+IF('Standard Profiles'!$G$21=$B$10,7,0)+IF('Standard Profiles'!$G$21=$B$17,14,0)+IF('Standard Profiles'!$G$21=$B$24,21,0),0)),0)</f>
        <v>0</v>
      </c>
      <c r="H8250" cm="1">
        <f t="array" ref="H8250">IFERROR(INDEX(Jesper!AL$2:AL$366,ROUNDDOWN($C8250/24,0)+1,1)*INDEX($D$3:$AA$30,INDEX(Jesper!$R$2:$R$366,ROW(INDEX(Jesper!AL$2:AL$366,ROUNDDOWN($C8250/24,0)+1,1))-1)+IF('Standard Profiles'!$G$22=$B$10,7,0)+IF('Standard Profiles'!$G$22=$B$17,14,0)+IF('Standard Profiles'!$G$22=$B$24,21,0),MOD($C8250,24)+1)/SUM(INDEX($D$3:$AA$30,INDEX(Jesper!$R$2:$R$366,ROW(INDEX(Jesper!AL$2:AL$366,ROUNDDOWN($C8250/24,0)+1,1))-1)+IF('Standard Profiles'!$G$22=$B$10,7,0)+IF('Standard Profiles'!$G$22=$B$17,14,0)+IF('Standard Profiles'!$G$22=$B$24,21,0),0)),0)</f>
        <v>0</v>
      </c>
      <c r="I8250">
        <f t="shared" si="916"/>
        <v>0.32251735063058345</v>
      </c>
      <c r="J8250">
        <f t="shared" si="917"/>
        <v>1.0750578354352784</v>
      </c>
      <c r="K8250">
        <f t="shared" si="918"/>
        <v>1.6125867531529177</v>
      </c>
      <c r="L8250">
        <f t="shared" si="919"/>
        <v>15.618810380452928</v>
      </c>
      <c r="M8250">
        <f t="shared" si="920"/>
        <v>0</v>
      </c>
      <c r="N8250" s="46">
        <f t="shared" si="921"/>
        <v>45634.333333313407</v>
      </c>
    </row>
    <row r="8251" spans="2:14" x14ac:dyDescent="0.3">
      <c r="B8251">
        <f t="shared" si="915"/>
        <v>7</v>
      </c>
      <c r="C8251" s="16">
        <v>8217</v>
      </c>
      <c r="D8251" cm="1">
        <f t="array" ref="D8251">IFERROR(INDEX(Jesper!AH$2:AH$366,ROUNDDOWN($C8251/24,0)+1,1)*INDEX($D$3:$AA$30,INDEX(Jesper!$R$2:$R$366,ROW(INDEX(Jesper!AH$2:AH$366,ROUNDDOWN($C8251/24,0)+1,1))-1)+IF('Standard Profiles'!$G$18=$B$10,7,0)+IF('Standard Profiles'!$G$18=$B$17,14,0)+IF('Standard Profiles'!$G$18=$B$24,21,0),MOD($C8251,24)+1)/SUM(INDEX($D$3:$AA$30,INDEX(Jesper!$R$2:$R$366,ROW(INDEX(Jesper!AH$2:AH$366,ROUNDDOWN($C8251/24,0)+1,1))-1)+IF('Standard Profiles'!$G$18=$B$10,7,0)+IF('Standard Profiles'!$G$18=$B$17,14,0)+IF('Standard Profiles'!$G$18=$B$24,21,0),0)),0)</f>
        <v>15.049029727672231</v>
      </c>
      <c r="E8251" cm="1">
        <f t="array" ref="E8251">IFERROR(INDEX(Jesper!AI$2:AI$366,ROUNDDOWN($C8251/24,0)+1,1)*INDEX($D$3:$AA$30,INDEX(Jesper!$R$2:$R$366,ROW(INDEX(Jesper!AI$2:AI$366,ROUNDDOWN($C8251/24,0)+1,1))-1)+IF('Standard Profiles'!$G$19=$B$10,7,0)+IF('Standard Profiles'!$G$19=$B$17,14,0)+IF('Standard Profiles'!$G$19=$B$24,21,0),MOD($C8251,24)+1)/SUM(INDEX($D$3:$AA$30,INDEX(Jesper!$R$2:$R$366,ROW(INDEX(Jesper!AI$2:AI$366,ROUNDDOWN($C8251/24,0)+1,1))-1)+IF('Standard Profiles'!$G$19=$B$10,7,0)+IF('Standard Profiles'!$G$19=$B$17,14,0)+IF('Standard Profiles'!$G$19=$B$24,21,0),0)),0)</f>
        <v>3.5799425919994756</v>
      </c>
      <c r="F8251" cm="1">
        <f t="array" ref="F8251">IFERROR(INDEX(Jesper!AJ$2:AJ$366,ROUNDDOWN($C8251/24,0)+1,1)*INDEX($D$3:$AA$30,INDEX(Jesper!$R$2:$R$366,ROW(INDEX(Jesper!AJ$2:AJ$366,ROUNDDOWN($C8251/24,0)+1,1))-1)+IF('Standard Profiles'!$G$20=$B$10,7,0)+IF('Standard Profiles'!$G$20=$B$17,14,0)+IF('Standard Profiles'!$G$20=$B$24,21,0),MOD($C8251,24)+1)/SUM(INDEX($D$3:$AA$30,INDEX(Jesper!$R$2:$R$366,ROW(INDEX(Jesper!AJ$2:AJ$366,ROUNDDOWN($C8251/24,0)+1,1))-1)+IF('Standard Profiles'!$G$20=$B$10,7,0)+IF('Standard Profiles'!$G$20=$B$17,14,0)+IF('Standard Profiles'!$G$20=$B$24,21,0),0)),0)</f>
        <v>0</v>
      </c>
      <c r="G8251" cm="1">
        <f t="array" ref="G8251">IFERROR(INDEX(Jesper!AK$2:AK$366,ROUNDDOWN($C8251/24,0)+1,1)*INDEX($D$3:$AA$30,INDEX(Jesper!$R$2:$R$366,ROW(INDEX(Jesper!AK$2:AK$366,ROUNDDOWN($C8251/24,0)+1,1))-1)+IF('Standard Profiles'!$G$21=$B$10,7,0)+IF('Standard Profiles'!$G$21=$B$17,14,0)+IF('Standard Profiles'!$G$21=$B$24,21,0),MOD($C8251,24)+1)/SUM(INDEX($D$3:$AA$30,INDEX(Jesper!$R$2:$R$366,ROW(INDEX(Jesper!AK$2:AK$366,ROUNDDOWN($C8251/24,0)+1,1))-1)+IF('Standard Profiles'!$G$21=$B$10,7,0)+IF('Standard Profiles'!$G$21=$B$17,14,0)+IF('Standard Profiles'!$G$21=$B$24,21,0),0)),0)</f>
        <v>0</v>
      </c>
      <c r="H8251" cm="1">
        <f t="array" ref="H8251">IFERROR(INDEX(Jesper!AL$2:AL$366,ROUNDDOWN($C8251/24,0)+1,1)*INDEX($D$3:$AA$30,INDEX(Jesper!$R$2:$R$366,ROW(INDEX(Jesper!AL$2:AL$366,ROUNDDOWN($C8251/24,0)+1,1))-1)+IF('Standard Profiles'!$G$22=$B$10,7,0)+IF('Standard Profiles'!$G$22=$B$17,14,0)+IF('Standard Profiles'!$G$22=$B$24,21,0),MOD($C8251,24)+1)/SUM(INDEX($D$3:$AA$30,INDEX(Jesper!$R$2:$R$366,ROW(INDEX(Jesper!AL$2:AL$366,ROUNDDOWN($C8251/24,0)+1,1))-1)+IF('Standard Profiles'!$G$22=$B$10,7,0)+IF('Standard Profiles'!$G$22=$B$17,14,0)+IF('Standard Profiles'!$G$22=$B$24,21,0),0)),0)</f>
        <v>0</v>
      </c>
      <c r="I8251">
        <f t="shared" si="916"/>
        <v>0.32251735063058345</v>
      </c>
      <c r="J8251">
        <f t="shared" si="917"/>
        <v>1.0750578354352784</v>
      </c>
      <c r="K8251">
        <f t="shared" si="918"/>
        <v>1.6125867531529177</v>
      </c>
      <c r="L8251">
        <f t="shared" si="919"/>
        <v>15.618810380452928</v>
      </c>
      <c r="M8251">
        <f t="shared" si="920"/>
        <v>0</v>
      </c>
      <c r="N8251" s="46">
        <f t="shared" si="921"/>
        <v>45634.374999980071</v>
      </c>
    </row>
    <row r="8252" spans="2:14" x14ac:dyDescent="0.3">
      <c r="B8252">
        <f t="shared" si="915"/>
        <v>7</v>
      </c>
      <c r="C8252" s="16">
        <v>8218</v>
      </c>
      <c r="D8252" cm="1">
        <f t="array" ref="D8252">IFERROR(INDEX(Jesper!AH$2:AH$366,ROUNDDOWN($C8252/24,0)+1,1)*INDEX($D$3:$AA$30,INDEX(Jesper!$R$2:$R$366,ROW(INDEX(Jesper!AH$2:AH$366,ROUNDDOWN($C8252/24,0)+1,1))-1)+IF('Standard Profiles'!$G$18=$B$10,7,0)+IF('Standard Profiles'!$G$18=$B$17,14,0)+IF('Standard Profiles'!$G$18=$B$24,21,0),MOD($C8252,24)+1)/SUM(INDEX($D$3:$AA$30,INDEX(Jesper!$R$2:$R$366,ROW(INDEX(Jesper!AH$2:AH$366,ROUNDDOWN($C8252/24,0)+1,1))-1)+IF('Standard Profiles'!$G$18=$B$10,7,0)+IF('Standard Profiles'!$G$18=$B$17,14,0)+IF('Standard Profiles'!$G$18=$B$24,21,0),0)),0)</f>
        <v>15.049029727672231</v>
      </c>
      <c r="E8252" cm="1">
        <f t="array" ref="E8252">IFERROR(INDEX(Jesper!AI$2:AI$366,ROUNDDOWN($C8252/24,0)+1,1)*INDEX($D$3:$AA$30,INDEX(Jesper!$R$2:$R$366,ROW(INDEX(Jesper!AI$2:AI$366,ROUNDDOWN($C8252/24,0)+1,1))-1)+IF('Standard Profiles'!$G$19=$B$10,7,0)+IF('Standard Profiles'!$G$19=$B$17,14,0)+IF('Standard Profiles'!$G$19=$B$24,21,0),MOD($C8252,24)+1)/SUM(INDEX($D$3:$AA$30,INDEX(Jesper!$R$2:$R$366,ROW(INDEX(Jesper!AI$2:AI$366,ROUNDDOWN($C8252/24,0)+1,1))-1)+IF('Standard Profiles'!$G$19=$B$10,7,0)+IF('Standard Profiles'!$G$19=$B$17,14,0)+IF('Standard Profiles'!$G$19=$B$24,21,0),0)),0)</f>
        <v>3.5799425919994756</v>
      </c>
      <c r="F8252" cm="1">
        <f t="array" ref="F8252">IFERROR(INDEX(Jesper!AJ$2:AJ$366,ROUNDDOWN($C8252/24,0)+1,1)*INDEX($D$3:$AA$30,INDEX(Jesper!$R$2:$R$366,ROW(INDEX(Jesper!AJ$2:AJ$366,ROUNDDOWN($C8252/24,0)+1,1))-1)+IF('Standard Profiles'!$G$20=$B$10,7,0)+IF('Standard Profiles'!$G$20=$B$17,14,0)+IF('Standard Profiles'!$G$20=$B$24,21,0),MOD($C8252,24)+1)/SUM(INDEX($D$3:$AA$30,INDEX(Jesper!$R$2:$R$366,ROW(INDEX(Jesper!AJ$2:AJ$366,ROUNDDOWN($C8252/24,0)+1,1))-1)+IF('Standard Profiles'!$G$20=$B$10,7,0)+IF('Standard Profiles'!$G$20=$B$17,14,0)+IF('Standard Profiles'!$G$20=$B$24,21,0),0)),0)</f>
        <v>0</v>
      </c>
      <c r="G8252" cm="1">
        <f t="array" ref="G8252">IFERROR(INDEX(Jesper!AK$2:AK$366,ROUNDDOWN($C8252/24,0)+1,1)*INDEX($D$3:$AA$30,INDEX(Jesper!$R$2:$R$366,ROW(INDEX(Jesper!AK$2:AK$366,ROUNDDOWN($C8252/24,0)+1,1))-1)+IF('Standard Profiles'!$G$21=$B$10,7,0)+IF('Standard Profiles'!$G$21=$B$17,14,0)+IF('Standard Profiles'!$G$21=$B$24,21,0),MOD($C8252,24)+1)/SUM(INDEX($D$3:$AA$30,INDEX(Jesper!$R$2:$R$366,ROW(INDEX(Jesper!AK$2:AK$366,ROUNDDOWN($C8252/24,0)+1,1))-1)+IF('Standard Profiles'!$G$21=$B$10,7,0)+IF('Standard Profiles'!$G$21=$B$17,14,0)+IF('Standard Profiles'!$G$21=$B$24,21,0),0)),0)</f>
        <v>0</v>
      </c>
      <c r="H8252" cm="1">
        <f t="array" ref="H8252">IFERROR(INDEX(Jesper!AL$2:AL$366,ROUNDDOWN($C8252/24,0)+1,1)*INDEX($D$3:$AA$30,INDEX(Jesper!$R$2:$R$366,ROW(INDEX(Jesper!AL$2:AL$366,ROUNDDOWN($C8252/24,0)+1,1))-1)+IF('Standard Profiles'!$G$22=$B$10,7,0)+IF('Standard Profiles'!$G$22=$B$17,14,0)+IF('Standard Profiles'!$G$22=$B$24,21,0),MOD($C8252,24)+1)/SUM(INDEX($D$3:$AA$30,INDEX(Jesper!$R$2:$R$366,ROW(INDEX(Jesper!AL$2:AL$366,ROUNDDOWN($C8252/24,0)+1,1))-1)+IF('Standard Profiles'!$G$22=$B$10,7,0)+IF('Standard Profiles'!$G$22=$B$17,14,0)+IF('Standard Profiles'!$G$22=$B$24,21,0),0)),0)</f>
        <v>0</v>
      </c>
      <c r="I8252">
        <f t="shared" si="916"/>
        <v>0.32251735063058345</v>
      </c>
      <c r="J8252">
        <f t="shared" si="917"/>
        <v>1.0750578354352784</v>
      </c>
      <c r="K8252">
        <f t="shared" si="918"/>
        <v>1.6125867531529177</v>
      </c>
      <c r="L8252">
        <f t="shared" si="919"/>
        <v>15.618810380452928</v>
      </c>
      <c r="M8252">
        <f t="shared" si="920"/>
        <v>0</v>
      </c>
      <c r="N8252" s="46">
        <f t="shared" si="921"/>
        <v>45634.416666646735</v>
      </c>
    </row>
    <row r="8253" spans="2:14" x14ac:dyDescent="0.3">
      <c r="B8253">
        <f t="shared" si="915"/>
        <v>7</v>
      </c>
      <c r="C8253" s="16">
        <v>8219</v>
      </c>
      <c r="D8253" cm="1">
        <f t="array" ref="D8253">IFERROR(INDEX(Jesper!AH$2:AH$366,ROUNDDOWN($C8253/24,0)+1,1)*INDEX($D$3:$AA$30,INDEX(Jesper!$R$2:$R$366,ROW(INDEX(Jesper!AH$2:AH$366,ROUNDDOWN($C8253/24,0)+1,1))-1)+IF('Standard Profiles'!$G$18=$B$10,7,0)+IF('Standard Profiles'!$G$18=$B$17,14,0)+IF('Standard Profiles'!$G$18=$B$24,21,0),MOD($C8253,24)+1)/SUM(INDEX($D$3:$AA$30,INDEX(Jesper!$R$2:$R$366,ROW(INDEX(Jesper!AH$2:AH$366,ROUNDDOWN($C8253/24,0)+1,1))-1)+IF('Standard Profiles'!$G$18=$B$10,7,0)+IF('Standard Profiles'!$G$18=$B$17,14,0)+IF('Standard Profiles'!$G$18=$B$24,21,0),0)),0)</f>
        <v>15.049029727672231</v>
      </c>
      <c r="E8253" cm="1">
        <f t="array" ref="E8253">IFERROR(INDEX(Jesper!AI$2:AI$366,ROUNDDOWN($C8253/24,0)+1,1)*INDEX($D$3:$AA$30,INDEX(Jesper!$R$2:$R$366,ROW(INDEX(Jesper!AI$2:AI$366,ROUNDDOWN($C8253/24,0)+1,1))-1)+IF('Standard Profiles'!$G$19=$B$10,7,0)+IF('Standard Profiles'!$G$19=$B$17,14,0)+IF('Standard Profiles'!$G$19=$B$24,21,0),MOD($C8253,24)+1)/SUM(INDEX($D$3:$AA$30,INDEX(Jesper!$R$2:$R$366,ROW(INDEX(Jesper!AI$2:AI$366,ROUNDDOWN($C8253/24,0)+1,1))-1)+IF('Standard Profiles'!$G$19=$B$10,7,0)+IF('Standard Profiles'!$G$19=$B$17,14,0)+IF('Standard Profiles'!$G$19=$B$24,21,0),0)),0)</f>
        <v>3.5799425919994756</v>
      </c>
      <c r="F8253" cm="1">
        <f t="array" ref="F8253">IFERROR(INDEX(Jesper!AJ$2:AJ$366,ROUNDDOWN($C8253/24,0)+1,1)*INDEX($D$3:$AA$30,INDEX(Jesper!$R$2:$R$366,ROW(INDEX(Jesper!AJ$2:AJ$366,ROUNDDOWN($C8253/24,0)+1,1))-1)+IF('Standard Profiles'!$G$20=$B$10,7,0)+IF('Standard Profiles'!$G$20=$B$17,14,0)+IF('Standard Profiles'!$G$20=$B$24,21,0),MOD($C8253,24)+1)/SUM(INDEX($D$3:$AA$30,INDEX(Jesper!$R$2:$R$366,ROW(INDEX(Jesper!AJ$2:AJ$366,ROUNDDOWN($C8253/24,0)+1,1))-1)+IF('Standard Profiles'!$G$20=$B$10,7,0)+IF('Standard Profiles'!$G$20=$B$17,14,0)+IF('Standard Profiles'!$G$20=$B$24,21,0),0)),0)</f>
        <v>0</v>
      </c>
      <c r="G8253" cm="1">
        <f t="array" ref="G8253">IFERROR(INDEX(Jesper!AK$2:AK$366,ROUNDDOWN($C8253/24,0)+1,1)*INDEX($D$3:$AA$30,INDEX(Jesper!$R$2:$R$366,ROW(INDEX(Jesper!AK$2:AK$366,ROUNDDOWN($C8253/24,0)+1,1))-1)+IF('Standard Profiles'!$G$21=$B$10,7,0)+IF('Standard Profiles'!$G$21=$B$17,14,0)+IF('Standard Profiles'!$G$21=$B$24,21,0),MOD($C8253,24)+1)/SUM(INDEX($D$3:$AA$30,INDEX(Jesper!$R$2:$R$366,ROW(INDEX(Jesper!AK$2:AK$366,ROUNDDOWN($C8253/24,0)+1,1))-1)+IF('Standard Profiles'!$G$21=$B$10,7,0)+IF('Standard Profiles'!$G$21=$B$17,14,0)+IF('Standard Profiles'!$G$21=$B$24,21,0),0)),0)</f>
        <v>0</v>
      </c>
      <c r="H8253" cm="1">
        <f t="array" ref="H8253">IFERROR(INDEX(Jesper!AL$2:AL$366,ROUNDDOWN($C8253/24,0)+1,1)*INDEX($D$3:$AA$30,INDEX(Jesper!$R$2:$R$366,ROW(INDEX(Jesper!AL$2:AL$366,ROUNDDOWN($C8253/24,0)+1,1))-1)+IF('Standard Profiles'!$G$22=$B$10,7,0)+IF('Standard Profiles'!$G$22=$B$17,14,0)+IF('Standard Profiles'!$G$22=$B$24,21,0),MOD($C8253,24)+1)/SUM(INDEX($D$3:$AA$30,INDEX(Jesper!$R$2:$R$366,ROW(INDEX(Jesper!AL$2:AL$366,ROUNDDOWN($C8253/24,0)+1,1))-1)+IF('Standard Profiles'!$G$22=$B$10,7,0)+IF('Standard Profiles'!$G$22=$B$17,14,0)+IF('Standard Profiles'!$G$22=$B$24,21,0),0)),0)</f>
        <v>0</v>
      </c>
      <c r="I8253">
        <f t="shared" si="916"/>
        <v>0.32251735063058345</v>
      </c>
      <c r="J8253">
        <f t="shared" si="917"/>
        <v>1.0750578354352784</v>
      </c>
      <c r="K8253">
        <f t="shared" si="918"/>
        <v>1.6125867531529177</v>
      </c>
      <c r="L8253">
        <f t="shared" si="919"/>
        <v>15.618810380452928</v>
      </c>
      <c r="M8253">
        <f t="shared" si="920"/>
        <v>0</v>
      </c>
      <c r="N8253" s="46">
        <f t="shared" si="921"/>
        <v>45634.4583333134</v>
      </c>
    </row>
    <row r="8254" spans="2:14" x14ac:dyDescent="0.3">
      <c r="B8254">
        <f t="shared" si="915"/>
        <v>7</v>
      </c>
      <c r="C8254" s="16">
        <v>8220</v>
      </c>
      <c r="D8254" cm="1">
        <f t="array" ref="D8254">IFERROR(INDEX(Jesper!AH$2:AH$366,ROUNDDOWN($C8254/24,0)+1,1)*INDEX($D$3:$AA$30,INDEX(Jesper!$R$2:$R$366,ROW(INDEX(Jesper!AH$2:AH$366,ROUNDDOWN($C8254/24,0)+1,1))-1)+IF('Standard Profiles'!$G$18=$B$10,7,0)+IF('Standard Profiles'!$G$18=$B$17,14,0)+IF('Standard Profiles'!$G$18=$B$24,21,0),MOD($C8254,24)+1)/SUM(INDEX($D$3:$AA$30,INDEX(Jesper!$R$2:$R$366,ROW(INDEX(Jesper!AH$2:AH$366,ROUNDDOWN($C8254/24,0)+1,1))-1)+IF('Standard Profiles'!$G$18=$B$10,7,0)+IF('Standard Profiles'!$G$18=$B$17,14,0)+IF('Standard Profiles'!$G$18=$B$24,21,0),0)),0)</f>
        <v>15.049029727672231</v>
      </c>
      <c r="E8254" cm="1">
        <f t="array" ref="E8254">IFERROR(INDEX(Jesper!AI$2:AI$366,ROUNDDOWN($C8254/24,0)+1,1)*INDEX($D$3:$AA$30,INDEX(Jesper!$R$2:$R$366,ROW(INDEX(Jesper!AI$2:AI$366,ROUNDDOWN($C8254/24,0)+1,1))-1)+IF('Standard Profiles'!$G$19=$B$10,7,0)+IF('Standard Profiles'!$G$19=$B$17,14,0)+IF('Standard Profiles'!$G$19=$B$24,21,0),MOD($C8254,24)+1)/SUM(INDEX($D$3:$AA$30,INDEX(Jesper!$R$2:$R$366,ROW(INDEX(Jesper!AI$2:AI$366,ROUNDDOWN($C8254/24,0)+1,1))-1)+IF('Standard Profiles'!$G$19=$B$10,7,0)+IF('Standard Profiles'!$G$19=$B$17,14,0)+IF('Standard Profiles'!$G$19=$B$24,21,0),0)),0)</f>
        <v>3.5799425919994756</v>
      </c>
      <c r="F8254" cm="1">
        <f t="array" ref="F8254">IFERROR(INDEX(Jesper!AJ$2:AJ$366,ROUNDDOWN($C8254/24,0)+1,1)*INDEX($D$3:$AA$30,INDEX(Jesper!$R$2:$R$366,ROW(INDEX(Jesper!AJ$2:AJ$366,ROUNDDOWN($C8254/24,0)+1,1))-1)+IF('Standard Profiles'!$G$20=$B$10,7,0)+IF('Standard Profiles'!$G$20=$B$17,14,0)+IF('Standard Profiles'!$G$20=$B$24,21,0),MOD($C8254,24)+1)/SUM(INDEX($D$3:$AA$30,INDEX(Jesper!$R$2:$R$366,ROW(INDEX(Jesper!AJ$2:AJ$366,ROUNDDOWN($C8254/24,0)+1,1))-1)+IF('Standard Profiles'!$G$20=$B$10,7,0)+IF('Standard Profiles'!$G$20=$B$17,14,0)+IF('Standard Profiles'!$G$20=$B$24,21,0),0)),0)</f>
        <v>0</v>
      </c>
      <c r="G8254" cm="1">
        <f t="array" ref="G8254">IFERROR(INDEX(Jesper!AK$2:AK$366,ROUNDDOWN($C8254/24,0)+1,1)*INDEX($D$3:$AA$30,INDEX(Jesper!$R$2:$R$366,ROW(INDEX(Jesper!AK$2:AK$366,ROUNDDOWN($C8254/24,0)+1,1))-1)+IF('Standard Profiles'!$G$21=$B$10,7,0)+IF('Standard Profiles'!$G$21=$B$17,14,0)+IF('Standard Profiles'!$G$21=$B$24,21,0),MOD($C8254,24)+1)/SUM(INDEX($D$3:$AA$30,INDEX(Jesper!$R$2:$R$366,ROW(INDEX(Jesper!AK$2:AK$366,ROUNDDOWN($C8254/24,0)+1,1))-1)+IF('Standard Profiles'!$G$21=$B$10,7,0)+IF('Standard Profiles'!$G$21=$B$17,14,0)+IF('Standard Profiles'!$G$21=$B$24,21,0),0)),0)</f>
        <v>0</v>
      </c>
      <c r="H8254" cm="1">
        <f t="array" ref="H8254">IFERROR(INDEX(Jesper!AL$2:AL$366,ROUNDDOWN($C8254/24,0)+1,1)*INDEX($D$3:$AA$30,INDEX(Jesper!$R$2:$R$366,ROW(INDEX(Jesper!AL$2:AL$366,ROUNDDOWN($C8254/24,0)+1,1))-1)+IF('Standard Profiles'!$G$22=$B$10,7,0)+IF('Standard Profiles'!$G$22=$B$17,14,0)+IF('Standard Profiles'!$G$22=$B$24,21,0),MOD($C8254,24)+1)/SUM(INDEX($D$3:$AA$30,INDEX(Jesper!$R$2:$R$366,ROW(INDEX(Jesper!AL$2:AL$366,ROUNDDOWN($C8254/24,0)+1,1))-1)+IF('Standard Profiles'!$G$22=$B$10,7,0)+IF('Standard Profiles'!$G$22=$B$17,14,0)+IF('Standard Profiles'!$G$22=$B$24,21,0),0)),0)</f>
        <v>0</v>
      </c>
      <c r="I8254">
        <f t="shared" si="916"/>
        <v>0.32251735063058345</v>
      </c>
      <c r="J8254">
        <f t="shared" si="917"/>
        <v>1.0750578354352784</v>
      </c>
      <c r="K8254">
        <f t="shared" si="918"/>
        <v>1.6125867531529177</v>
      </c>
      <c r="L8254">
        <f t="shared" si="919"/>
        <v>15.618810380452928</v>
      </c>
      <c r="M8254">
        <f t="shared" si="920"/>
        <v>0</v>
      </c>
      <c r="N8254" s="46">
        <f t="shared" si="921"/>
        <v>45634.499999980064</v>
      </c>
    </row>
    <row r="8255" spans="2:14" x14ac:dyDescent="0.3">
      <c r="B8255">
        <f t="shared" si="915"/>
        <v>7</v>
      </c>
      <c r="C8255" s="16">
        <v>8221</v>
      </c>
      <c r="D8255" cm="1">
        <f t="array" ref="D8255">IFERROR(INDEX(Jesper!AH$2:AH$366,ROUNDDOWN($C8255/24,0)+1,1)*INDEX($D$3:$AA$30,INDEX(Jesper!$R$2:$R$366,ROW(INDEX(Jesper!AH$2:AH$366,ROUNDDOWN($C8255/24,0)+1,1))-1)+IF('Standard Profiles'!$G$18=$B$10,7,0)+IF('Standard Profiles'!$G$18=$B$17,14,0)+IF('Standard Profiles'!$G$18=$B$24,21,0),MOD($C8255,24)+1)/SUM(INDEX($D$3:$AA$30,INDEX(Jesper!$R$2:$R$366,ROW(INDEX(Jesper!AH$2:AH$366,ROUNDDOWN($C8255/24,0)+1,1))-1)+IF('Standard Profiles'!$G$18=$B$10,7,0)+IF('Standard Profiles'!$G$18=$B$17,14,0)+IF('Standard Profiles'!$G$18=$B$24,21,0),0)),0)</f>
        <v>15.049029727672231</v>
      </c>
      <c r="E8255" cm="1">
        <f t="array" ref="E8255">IFERROR(INDEX(Jesper!AI$2:AI$366,ROUNDDOWN($C8255/24,0)+1,1)*INDEX($D$3:$AA$30,INDEX(Jesper!$R$2:$R$366,ROW(INDEX(Jesper!AI$2:AI$366,ROUNDDOWN($C8255/24,0)+1,1))-1)+IF('Standard Profiles'!$G$19=$B$10,7,0)+IF('Standard Profiles'!$G$19=$B$17,14,0)+IF('Standard Profiles'!$G$19=$B$24,21,0),MOD($C8255,24)+1)/SUM(INDEX($D$3:$AA$30,INDEX(Jesper!$R$2:$R$366,ROW(INDEX(Jesper!AI$2:AI$366,ROUNDDOWN($C8255/24,0)+1,1))-1)+IF('Standard Profiles'!$G$19=$B$10,7,0)+IF('Standard Profiles'!$G$19=$B$17,14,0)+IF('Standard Profiles'!$G$19=$B$24,21,0),0)),0)</f>
        <v>3.5799425919994756</v>
      </c>
      <c r="F8255" cm="1">
        <f t="array" ref="F8255">IFERROR(INDEX(Jesper!AJ$2:AJ$366,ROUNDDOWN($C8255/24,0)+1,1)*INDEX($D$3:$AA$30,INDEX(Jesper!$R$2:$R$366,ROW(INDEX(Jesper!AJ$2:AJ$366,ROUNDDOWN($C8255/24,0)+1,1))-1)+IF('Standard Profiles'!$G$20=$B$10,7,0)+IF('Standard Profiles'!$G$20=$B$17,14,0)+IF('Standard Profiles'!$G$20=$B$24,21,0),MOD($C8255,24)+1)/SUM(INDEX($D$3:$AA$30,INDEX(Jesper!$R$2:$R$366,ROW(INDEX(Jesper!AJ$2:AJ$366,ROUNDDOWN($C8255/24,0)+1,1))-1)+IF('Standard Profiles'!$G$20=$B$10,7,0)+IF('Standard Profiles'!$G$20=$B$17,14,0)+IF('Standard Profiles'!$G$20=$B$24,21,0),0)),0)</f>
        <v>0</v>
      </c>
      <c r="G8255" cm="1">
        <f t="array" ref="G8255">IFERROR(INDEX(Jesper!AK$2:AK$366,ROUNDDOWN($C8255/24,0)+1,1)*INDEX($D$3:$AA$30,INDEX(Jesper!$R$2:$R$366,ROW(INDEX(Jesper!AK$2:AK$366,ROUNDDOWN($C8255/24,0)+1,1))-1)+IF('Standard Profiles'!$G$21=$B$10,7,0)+IF('Standard Profiles'!$G$21=$B$17,14,0)+IF('Standard Profiles'!$G$21=$B$24,21,0),MOD($C8255,24)+1)/SUM(INDEX($D$3:$AA$30,INDEX(Jesper!$R$2:$R$366,ROW(INDEX(Jesper!AK$2:AK$366,ROUNDDOWN($C8255/24,0)+1,1))-1)+IF('Standard Profiles'!$G$21=$B$10,7,0)+IF('Standard Profiles'!$G$21=$B$17,14,0)+IF('Standard Profiles'!$G$21=$B$24,21,0),0)),0)</f>
        <v>0</v>
      </c>
      <c r="H8255" cm="1">
        <f t="array" ref="H8255">IFERROR(INDEX(Jesper!AL$2:AL$366,ROUNDDOWN($C8255/24,0)+1,1)*INDEX($D$3:$AA$30,INDEX(Jesper!$R$2:$R$366,ROW(INDEX(Jesper!AL$2:AL$366,ROUNDDOWN($C8255/24,0)+1,1))-1)+IF('Standard Profiles'!$G$22=$B$10,7,0)+IF('Standard Profiles'!$G$22=$B$17,14,0)+IF('Standard Profiles'!$G$22=$B$24,21,0),MOD($C8255,24)+1)/SUM(INDEX($D$3:$AA$30,INDEX(Jesper!$R$2:$R$366,ROW(INDEX(Jesper!AL$2:AL$366,ROUNDDOWN($C8255/24,0)+1,1))-1)+IF('Standard Profiles'!$G$22=$B$10,7,0)+IF('Standard Profiles'!$G$22=$B$17,14,0)+IF('Standard Profiles'!$G$22=$B$24,21,0),0)),0)</f>
        <v>0</v>
      </c>
      <c r="I8255">
        <f t="shared" si="916"/>
        <v>0.32251735063058345</v>
      </c>
      <c r="J8255">
        <f t="shared" si="917"/>
        <v>1.0750578354352784</v>
      </c>
      <c r="K8255">
        <f t="shared" si="918"/>
        <v>1.6125867531529177</v>
      </c>
      <c r="L8255">
        <f t="shared" si="919"/>
        <v>15.618810380452928</v>
      </c>
      <c r="M8255">
        <f t="shared" si="920"/>
        <v>0</v>
      </c>
      <c r="N8255" s="46">
        <f t="shared" si="921"/>
        <v>45634.541666646728</v>
      </c>
    </row>
    <row r="8256" spans="2:14" x14ac:dyDescent="0.3">
      <c r="B8256">
        <f t="shared" si="915"/>
        <v>7</v>
      </c>
      <c r="C8256" s="16">
        <v>8222</v>
      </c>
      <c r="D8256" cm="1">
        <f t="array" ref="D8256">IFERROR(INDEX(Jesper!AH$2:AH$366,ROUNDDOWN($C8256/24,0)+1,1)*INDEX($D$3:$AA$30,INDEX(Jesper!$R$2:$R$366,ROW(INDEX(Jesper!AH$2:AH$366,ROUNDDOWN($C8256/24,0)+1,1))-1)+IF('Standard Profiles'!$G$18=$B$10,7,0)+IF('Standard Profiles'!$G$18=$B$17,14,0)+IF('Standard Profiles'!$G$18=$B$24,21,0),MOD($C8256,24)+1)/SUM(INDEX($D$3:$AA$30,INDEX(Jesper!$R$2:$R$366,ROW(INDEX(Jesper!AH$2:AH$366,ROUNDDOWN($C8256/24,0)+1,1))-1)+IF('Standard Profiles'!$G$18=$B$10,7,0)+IF('Standard Profiles'!$G$18=$B$17,14,0)+IF('Standard Profiles'!$G$18=$B$24,21,0),0)),0)</f>
        <v>15.049029727672231</v>
      </c>
      <c r="E8256" cm="1">
        <f t="array" ref="E8256">IFERROR(INDEX(Jesper!AI$2:AI$366,ROUNDDOWN($C8256/24,0)+1,1)*INDEX($D$3:$AA$30,INDEX(Jesper!$R$2:$R$366,ROW(INDEX(Jesper!AI$2:AI$366,ROUNDDOWN($C8256/24,0)+1,1))-1)+IF('Standard Profiles'!$G$19=$B$10,7,0)+IF('Standard Profiles'!$G$19=$B$17,14,0)+IF('Standard Profiles'!$G$19=$B$24,21,0),MOD($C8256,24)+1)/SUM(INDEX($D$3:$AA$30,INDEX(Jesper!$R$2:$R$366,ROW(INDEX(Jesper!AI$2:AI$366,ROUNDDOWN($C8256/24,0)+1,1))-1)+IF('Standard Profiles'!$G$19=$B$10,7,0)+IF('Standard Profiles'!$G$19=$B$17,14,0)+IF('Standard Profiles'!$G$19=$B$24,21,0),0)),0)</f>
        <v>3.5799425919994756</v>
      </c>
      <c r="F8256" cm="1">
        <f t="array" ref="F8256">IFERROR(INDEX(Jesper!AJ$2:AJ$366,ROUNDDOWN($C8256/24,0)+1,1)*INDEX($D$3:$AA$30,INDEX(Jesper!$R$2:$R$366,ROW(INDEX(Jesper!AJ$2:AJ$366,ROUNDDOWN($C8256/24,0)+1,1))-1)+IF('Standard Profiles'!$G$20=$B$10,7,0)+IF('Standard Profiles'!$G$20=$B$17,14,0)+IF('Standard Profiles'!$G$20=$B$24,21,0),MOD($C8256,24)+1)/SUM(INDEX($D$3:$AA$30,INDEX(Jesper!$R$2:$R$366,ROW(INDEX(Jesper!AJ$2:AJ$366,ROUNDDOWN($C8256/24,0)+1,1))-1)+IF('Standard Profiles'!$G$20=$B$10,7,0)+IF('Standard Profiles'!$G$20=$B$17,14,0)+IF('Standard Profiles'!$G$20=$B$24,21,0),0)),0)</f>
        <v>0</v>
      </c>
      <c r="G8256" cm="1">
        <f t="array" ref="G8256">IFERROR(INDEX(Jesper!AK$2:AK$366,ROUNDDOWN($C8256/24,0)+1,1)*INDEX($D$3:$AA$30,INDEX(Jesper!$R$2:$R$366,ROW(INDEX(Jesper!AK$2:AK$366,ROUNDDOWN($C8256/24,0)+1,1))-1)+IF('Standard Profiles'!$G$21=$B$10,7,0)+IF('Standard Profiles'!$G$21=$B$17,14,0)+IF('Standard Profiles'!$G$21=$B$24,21,0),MOD($C8256,24)+1)/SUM(INDEX($D$3:$AA$30,INDEX(Jesper!$R$2:$R$366,ROW(INDEX(Jesper!AK$2:AK$366,ROUNDDOWN($C8256/24,0)+1,1))-1)+IF('Standard Profiles'!$G$21=$B$10,7,0)+IF('Standard Profiles'!$G$21=$B$17,14,0)+IF('Standard Profiles'!$G$21=$B$24,21,0),0)),0)</f>
        <v>0</v>
      </c>
      <c r="H8256" cm="1">
        <f t="array" ref="H8256">IFERROR(INDEX(Jesper!AL$2:AL$366,ROUNDDOWN($C8256/24,0)+1,1)*INDEX($D$3:$AA$30,INDEX(Jesper!$R$2:$R$366,ROW(INDEX(Jesper!AL$2:AL$366,ROUNDDOWN($C8256/24,0)+1,1))-1)+IF('Standard Profiles'!$G$22=$B$10,7,0)+IF('Standard Profiles'!$G$22=$B$17,14,0)+IF('Standard Profiles'!$G$22=$B$24,21,0),MOD($C8256,24)+1)/SUM(INDEX($D$3:$AA$30,INDEX(Jesper!$R$2:$R$366,ROW(INDEX(Jesper!AL$2:AL$366,ROUNDDOWN($C8256/24,0)+1,1))-1)+IF('Standard Profiles'!$G$22=$B$10,7,0)+IF('Standard Profiles'!$G$22=$B$17,14,0)+IF('Standard Profiles'!$G$22=$B$24,21,0),0)),0)</f>
        <v>0</v>
      </c>
      <c r="I8256">
        <f t="shared" si="916"/>
        <v>0.32251735063058345</v>
      </c>
      <c r="J8256">
        <f t="shared" si="917"/>
        <v>1.0750578354352784</v>
      </c>
      <c r="K8256">
        <f t="shared" si="918"/>
        <v>1.6125867531529177</v>
      </c>
      <c r="L8256">
        <f t="shared" si="919"/>
        <v>15.618810380452928</v>
      </c>
      <c r="M8256">
        <f t="shared" si="920"/>
        <v>0</v>
      </c>
      <c r="N8256" s="46">
        <f t="shared" si="921"/>
        <v>45634.583333313392</v>
      </c>
    </row>
    <row r="8257" spans="2:14" x14ac:dyDescent="0.3">
      <c r="B8257">
        <f t="shared" si="915"/>
        <v>7</v>
      </c>
      <c r="C8257" s="16">
        <v>8223</v>
      </c>
      <c r="D8257" cm="1">
        <f t="array" ref="D8257">IFERROR(INDEX(Jesper!AH$2:AH$366,ROUNDDOWN($C8257/24,0)+1,1)*INDEX($D$3:$AA$30,INDEX(Jesper!$R$2:$R$366,ROW(INDEX(Jesper!AH$2:AH$366,ROUNDDOWN($C8257/24,0)+1,1))-1)+IF('Standard Profiles'!$G$18=$B$10,7,0)+IF('Standard Profiles'!$G$18=$B$17,14,0)+IF('Standard Profiles'!$G$18=$B$24,21,0),MOD($C8257,24)+1)/SUM(INDEX($D$3:$AA$30,INDEX(Jesper!$R$2:$R$366,ROW(INDEX(Jesper!AH$2:AH$366,ROUNDDOWN($C8257/24,0)+1,1))-1)+IF('Standard Profiles'!$G$18=$B$10,7,0)+IF('Standard Profiles'!$G$18=$B$17,14,0)+IF('Standard Profiles'!$G$18=$B$24,21,0),0)),0)</f>
        <v>13.376915313486425</v>
      </c>
      <c r="E8257" cm="1">
        <f t="array" ref="E8257">IFERROR(INDEX(Jesper!AI$2:AI$366,ROUNDDOWN($C8257/24,0)+1,1)*INDEX($D$3:$AA$30,INDEX(Jesper!$R$2:$R$366,ROW(INDEX(Jesper!AI$2:AI$366,ROUNDDOWN($C8257/24,0)+1,1))-1)+IF('Standard Profiles'!$G$19=$B$10,7,0)+IF('Standard Profiles'!$G$19=$B$17,14,0)+IF('Standard Profiles'!$G$19=$B$24,21,0),MOD($C8257,24)+1)/SUM(INDEX($D$3:$AA$30,INDEX(Jesper!$R$2:$R$366,ROW(INDEX(Jesper!AI$2:AI$366,ROUNDDOWN($C8257/24,0)+1,1))-1)+IF('Standard Profiles'!$G$19=$B$10,7,0)+IF('Standard Profiles'!$G$19=$B$17,14,0)+IF('Standard Profiles'!$G$19=$B$24,21,0),0)),0)</f>
        <v>3.1821711928884229</v>
      </c>
      <c r="F8257" cm="1">
        <f t="array" ref="F8257">IFERROR(INDEX(Jesper!AJ$2:AJ$366,ROUNDDOWN($C8257/24,0)+1,1)*INDEX($D$3:$AA$30,INDEX(Jesper!$R$2:$R$366,ROW(INDEX(Jesper!AJ$2:AJ$366,ROUNDDOWN($C8257/24,0)+1,1))-1)+IF('Standard Profiles'!$G$20=$B$10,7,0)+IF('Standard Profiles'!$G$20=$B$17,14,0)+IF('Standard Profiles'!$G$20=$B$24,21,0),MOD($C8257,24)+1)/SUM(INDEX($D$3:$AA$30,INDEX(Jesper!$R$2:$R$366,ROW(INDEX(Jesper!AJ$2:AJ$366,ROUNDDOWN($C8257/24,0)+1,1))-1)+IF('Standard Profiles'!$G$20=$B$10,7,0)+IF('Standard Profiles'!$G$20=$B$17,14,0)+IF('Standard Profiles'!$G$20=$B$24,21,0),0)),0)</f>
        <v>0</v>
      </c>
      <c r="G8257" cm="1">
        <f t="array" ref="G8257">IFERROR(INDEX(Jesper!AK$2:AK$366,ROUNDDOWN($C8257/24,0)+1,1)*INDEX($D$3:$AA$30,INDEX(Jesper!$R$2:$R$366,ROW(INDEX(Jesper!AK$2:AK$366,ROUNDDOWN($C8257/24,0)+1,1))-1)+IF('Standard Profiles'!$G$21=$B$10,7,0)+IF('Standard Profiles'!$G$21=$B$17,14,0)+IF('Standard Profiles'!$G$21=$B$24,21,0),MOD($C8257,24)+1)/SUM(INDEX($D$3:$AA$30,INDEX(Jesper!$R$2:$R$366,ROW(INDEX(Jesper!AK$2:AK$366,ROUNDDOWN($C8257/24,0)+1,1))-1)+IF('Standard Profiles'!$G$21=$B$10,7,0)+IF('Standard Profiles'!$G$21=$B$17,14,0)+IF('Standard Profiles'!$G$21=$B$24,21,0),0)),0)</f>
        <v>0</v>
      </c>
      <c r="H8257" cm="1">
        <f t="array" ref="H8257">IFERROR(INDEX(Jesper!AL$2:AL$366,ROUNDDOWN($C8257/24,0)+1,1)*INDEX($D$3:$AA$30,INDEX(Jesper!$R$2:$R$366,ROW(INDEX(Jesper!AL$2:AL$366,ROUNDDOWN($C8257/24,0)+1,1))-1)+IF('Standard Profiles'!$G$22=$B$10,7,0)+IF('Standard Profiles'!$G$22=$B$17,14,0)+IF('Standard Profiles'!$G$22=$B$24,21,0),MOD($C8257,24)+1)/SUM(INDEX($D$3:$AA$30,INDEX(Jesper!$R$2:$R$366,ROW(INDEX(Jesper!AL$2:AL$366,ROUNDDOWN($C8257/24,0)+1,1))-1)+IF('Standard Profiles'!$G$22=$B$10,7,0)+IF('Standard Profiles'!$G$22=$B$17,14,0)+IF('Standard Profiles'!$G$22=$B$24,21,0),0)),0)</f>
        <v>0</v>
      </c>
      <c r="I8257">
        <f t="shared" si="916"/>
        <v>0.28668208944940754</v>
      </c>
      <c r="J8257">
        <f t="shared" si="917"/>
        <v>0.95560696483135854</v>
      </c>
      <c r="K8257">
        <f t="shared" si="918"/>
        <v>1.4334104472470379</v>
      </c>
      <c r="L8257">
        <f t="shared" si="919"/>
        <v>13.883387004847044</v>
      </c>
      <c r="M8257">
        <f t="shared" si="920"/>
        <v>0</v>
      </c>
      <c r="N8257" s="46">
        <f t="shared" si="921"/>
        <v>45634.624999980057</v>
      </c>
    </row>
    <row r="8258" spans="2:14" x14ac:dyDescent="0.3">
      <c r="B8258">
        <f t="shared" si="915"/>
        <v>7</v>
      </c>
      <c r="C8258" s="16">
        <v>8224</v>
      </c>
      <c r="D8258" cm="1">
        <f t="array" ref="D8258">IFERROR(INDEX(Jesper!AH$2:AH$366,ROUNDDOWN($C8258/24,0)+1,1)*INDEX($D$3:$AA$30,INDEX(Jesper!$R$2:$R$366,ROW(INDEX(Jesper!AH$2:AH$366,ROUNDDOWN($C8258/24,0)+1,1))-1)+IF('Standard Profiles'!$G$18=$B$10,7,0)+IF('Standard Profiles'!$G$18=$B$17,14,0)+IF('Standard Profiles'!$G$18=$B$24,21,0),MOD($C8258,24)+1)/SUM(INDEX($D$3:$AA$30,INDEX(Jesper!$R$2:$R$366,ROW(INDEX(Jesper!AH$2:AH$366,ROUNDDOWN($C8258/24,0)+1,1))-1)+IF('Standard Profiles'!$G$18=$B$10,7,0)+IF('Standard Profiles'!$G$18=$B$17,14,0)+IF('Standard Profiles'!$G$18=$B$24,21,0),0)),0)</f>
        <v>13.138041825745596</v>
      </c>
      <c r="E8258" cm="1">
        <f t="array" ref="E8258">IFERROR(INDEX(Jesper!AI$2:AI$366,ROUNDDOWN($C8258/24,0)+1,1)*INDEX($D$3:$AA$30,INDEX(Jesper!$R$2:$R$366,ROW(INDEX(Jesper!AI$2:AI$366,ROUNDDOWN($C8258/24,0)+1,1))-1)+IF('Standard Profiles'!$G$19=$B$10,7,0)+IF('Standard Profiles'!$G$19=$B$17,14,0)+IF('Standard Profiles'!$G$19=$B$24,21,0),MOD($C8258,24)+1)/SUM(INDEX($D$3:$AA$30,INDEX(Jesper!$R$2:$R$366,ROW(INDEX(Jesper!AI$2:AI$366,ROUNDDOWN($C8258/24,0)+1,1))-1)+IF('Standard Profiles'!$G$19=$B$10,7,0)+IF('Standard Profiles'!$G$19=$B$17,14,0)+IF('Standard Profiles'!$G$19=$B$24,21,0),0)),0)</f>
        <v>3.1253467073011292</v>
      </c>
      <c r="F8258" cm="1">
        <f t="array" ref="F8258">IFERROR(INDEX(Jesper!AJ$2:AJ$366,ROUNDDOWN($C8258/24,0)+1,1)*INDEX($D$3:$AA$30,INDEX(Jesper!$R$2:$R$366,ROW(INDEX(Jesper!AJ$2:AJ$366,ROUNDDOWN($C8258/24,0)+1,1))-1)+IF('Standard Profiles'!$G$20=$B$10,7,0)+IF('Standard Profiles'!$G$20=$B$17,14,0)+IF('Standard Profiles'!$G$20=$B$24,21,0),MOD($C8258,24)+1)/SUM(INDEX($D$3:$AA$30,INDEX(Jesper!$R$2:$R$366,ROW(INDEX(Jesper!AJ$2:AJ$366,ROUNDDOWN($C8258/24,0)+1,1))-1)+IF('Standard Profiles'!$G$20=$B$10,7,0)+IF('Standard Profiles'!$G$20=$B$17,14,0)+IF('Standard Profiles'!$G$20=$B$24,21,0),0)),0)</f>
        <v>0</v>
      </c>
      <c r="G8258" cm="1">
        <f t="array" ref="G8258">IFERROR(INDEX(Jesper!AK$2:AK$366,ROUNDDOWN($C8258/24,0)+1,1)*INDEX($D$3:$AA$30,INDEX(Jesper!$R$2:$R$366,ROW(INDEX(Jesper!AK$2:AK$366,ROUNDDOWN($C8258/24,0)+1,1))-1)+IF('Standard Profiles'!$G$21=$B$10,7,0)+IF('Standard Profiles'!$G$21=$B$17,14,0)+IF('Standard Profiles'!$G$21=$B$24,21,0),MOD($C8258,24)+1)/SUM(INDEX($D$3:$AA$30,INDEX(Jesper!$R$2:$R$366,ROW(INDEX(Jesper!AK$2:AK$366,ROUNDDOWN($C8258/24,0)+1,1))-1)+IF('Standard Profiles'!$G$21=$B$10,7,0)+IF('Standard Profiles'!$G$21=$B$17,14,0)+IF('Standard Profiles'!$G$21=$B$24,21,0),0)),0)</f>
        <v>0</v>
      </c>
      <c r="H8258" cm="1">
        <f t="array" ref="H8258">IFERROR(INDEX(Jesper!AL$2:AL$366,ROUNDDOWN($C8258/24,0)+1,1)*INDEX($D$3:$AA$30,INDEX(Jesper!$R$2:$R$366,ROW(INDEX(Jesper!AL$2:AL$366,ROUNDDOWN($C8258/24,0)+1,1))-1)+IF('Standard Profiles'!$G$22=$B$10,7,0)+IF('Standard Profiles'!$G$22=$B$17,14,0)+IF('Standard Profiles'!$G$22=$B$24,21,0),MOD($C8258,24)+1)/SUM(INDEX($D$3:$AA$30,INDEX(Jesper!$R$2:$R$366,ROW(INDEX(Jesper!AL$2:AL$366,ROUNDDOWN($C8258/24,0)+1,1))-1)+IF('Standard Profiles'!$G$22=$B$10,7,0)+IF('Standard Profiles'!$G$22=$B$17,14,0)+IF('Standard Profiles'!$G$22=$B$24,21,0),0)),0)</f>
        <v>0</v>
      </c>
      <c r="I8258">
        <f t="shared" si="916"/>
        <v>0.28156276642352523</v>
      </c>
      <c r="J8258">
        <f t="shared" si="917"/>
        <v>0.93854255474508419</v>
      </c>
      <c r="K8258">
        <f t="shared" si="918"/>
        <v>1.4078138321176263</v>
      </c>
      <c r="L8258">
        <f t="shared" si="919"/>
        <v>13.63546937976049</v>
      </c>
      <c r="M8258">
        <f t="shared" si="920"/>
        <v>0</v>
      </c>
      <c r="N8258" s="46">
        <f t="shared" si="921"/>
        <v>45634.666666646721</v>
      </c>
    </row>
    <row r="8259" spans="2:14" x14ac:dyDescent="0.3">
      <c r="B8259">
        <f t="shared" si="915"/>
        <v>7</v>
      </c>
      <c r="C8259" s="16">
        <v>8225</v>
      </c>
      <c r="D8259" cm="1">
        <f t="array" ref="D8259">IFERROR(INDEX(Jesper!AH$2:AH$366,ROUNDDOWN($C8259/24,0)+1,1)*INDEX($D$3:$AA$30,INDEX(Jesper!$R$2:$R$366,ROW(INDEX(Jesper!AH$2:AH$366,ROUNDDOWN($C8259/24,0)+1,1))-1)+IF('Standard Profiles'!$G$18=$B$10,7,0)+IF('Standard Profiles'!$G$18=$B$17,14,0)+IF('Standard Profiles'!$G$18=$B$24,21,0),MOD($C8259,24)+1)/SUM(INDEX($D$3:$AA$30,INDEX(Jesper!$R$2:$R$366,ROW(INDEX(Jesper!AH$2:AH$366,ROUNDDOWN($C8259/24,0)+1,1))-1)+IF('Standard Profiles'!$G$18=$B$10,7,0)+IF('Standard Profiles'!$G$18=$B$17,14,0)+IF('Standard Profiles'!$G$18=$B$24,21,0),0)),0)</f>
        <v>11.227053923818964</v>
      </c>
      <c r="E8259" cm="1">
        <f t="array" ref="E8259">IFERROR(INDEX(Jesper!AI$2:AI$366,ROUNDDOWN($C8259/24,0)+1,1)*INDEX($D$3:$AA$30,INDEX(Jesper!$R$2:$R$366,ROW(INDEX(Jesper!AI$2:AI$366,ROUNDDOWN($C8259/24,0)+1,1))-1)+IF('Standard Profiles'!$G$19=$B$10,7,0)+IF('Standard Profiles'!$G$19=$B$17,14,0)+IF('Standard Profiles'!$G$19=$B$24,21,0),MOD($C8259,24)+1)/SUM(INDEX($D$3:$AA$30,INDEX(Jesper!$R$2:$R$366,ROW(INDEX(Jesper!AI$2:AI$366,ROUNDDOWN($C8259/24,0)+1,1))-1)+IF('Standard Profiles'!$G$19=$B$10,7,0)+IF('Standard Profiles'!$G$19=$B$17,14,0)+IF('Standard Profiles'!$G$19=$B$24,21,0),0)),0)</f>
        <v>2.6707508226027841</v>
      </c>
      <c r="F8259" cm="1">
        <f t="array" ref="F8259">IFERROR(INDEX(Jesper!AJ$2:AJ$366,ROUNDDOWN($C8259/24,0)+1,1)*INDEX($D$3:$AA$30,INDEX(Jesper!$R$2:$R$366,ROW(INDEX(Jesper!AJ$2:AJ$366,ROUNDDOWN($C8259/24,0)+1,1))-1)+IF('Standard Profiles'!$G$20=$B$10,7,0)+IF('Standard Profiles'!$G$20=$B$17,14,0)+IF('Standard Profiles'!$G$20=$B$24,21,0),MOD($C8259,24)+1)/SUM(INDEX($D$3:$AA$30,INDEX(Jesper!$R$2:$R$366,ROW(INDEX(Jesper!AJ$2:AJ$366,ROUNDDOWN($C8259/24,0)+1,1))-1)+IF('Standard Profiles'!$G$20=$B$10,7,0)+IF('Standard Profiles'!$G$20=$B$17,14,0)+IF('Standard Profiles'!$G$20=$B$24,21,0),0)),0)</f>
        <v>0</v>
      </c>
      <c r="G8259" cm="1">
        <f t="array" ref="G8259">IFERROR(INDEX(Jesper!AK$2:AK$366,ROUNDDOWN($C8259/24,0)+1,1)*INDEX($D$3:$AA$30,INDEX(Jesper!$R$2:$R$366,ROW(INDEX(Jesper!AK$2:AK$366,ROUNDDOWN($C8259/24,0)+1,1))-1)+IF('Standard Profiles'!$G$21=$B$10,7,0)+IF('Standard Profiles'!$G$21=$B$17,14,0)+IF('Standard Profiles'!$G$21=$B$24,21,0),MOD($C8259,24)+1)/SUM(INDEX($D$3:$AA$30,INDEX(Jesper!$R$2:$R$366,ROW(INDEX(Jesper!AK$2:AK$366,ROUNDDOWN($C8259/24,0)+1,1))-1)+IF('Standard Profiles'!$G$21=$B$10,7,0)+IF('Standard Profiles'!$G$21=$B$17,14,0)+IF('Standard Profiles'!$G$21=$B$24,21,0),0)),0)</f>
        <v>0</v>
      </c>
      <c r="H8259" cm="1">
        <f t="array" ref="H8259">IFERROR(INDEX(Jesper!AL$2:AL$366,ROUNDDOWN($C8259/24,0)+1,1)*INDEX($D$3:$AA$30,INDEX(Jesper!$R$2:$R$366,ROW(INDEX(Jesper!AL$2:AL$366,ROUNDDOWN($C8259/24,0)+1,1))-1)+IF('Standard Profiles'!$G$22=$B$10,7,0)+IF('Standard Profiles'!$G$22=$B$17,14,0)+IF('Standard Profiles'!$G$22=$B$24,21,0),MOD($C8259,24)+1)/SUM(INDEX($D$3:$AA$30,INDEX(Jesper!$R$2:$R$366,ROW(INDEX(Jesper!AL$2:AL$366,ROUNDDOWN($C8259/24,0)+1,1))-1)+IF('Standard Profiles'!$G$22=$B$10,7,0)+IF('Standard Profiles'!$G$22=$B$17,14,0)+IF('Standard Profiles'!$G$22=$B$24,21,0),0)),0)</f>
        <v>0</v>
      </c>
      <c r="I8259">
        <f t="shared" si="916"/>
        <v>0.2406081822164671</v>
      </c>
      <c r="J8259">
        <f t="shared" si="917"/>
        <v>0.80202727405489038</v>
      </c>
      <c r="K8259">
        <f t="shared" si="918"/>
        <v>1.2030409110823357</v>
      </c>
      <c r="L8259">
        <f t="shared" si="919"/>
        <v>11.652128379068055</v>
      </c>
      <c r="M8259">
        <f t="shared" si="920"/>
        <v>0</v>
      </c>
      <c r="N8259" s="46">
        <f t="shared" si="921"/>
        <v>45634.708333313385</v>
      </c>
    </row>
    <row r="8260" spans="2:14" x14ac:dyDescent="0.3">
      <c r="B8260">
        <f t="shared" si="915"/>
        <v>7</v>
      </c>
      <c r="C8260" s="16">
        <v>8226</v>
      </c>
      <c r="D8260" cm="1">
        <f t="array" ref="D8260">IFERROR(INDEX(Jesper!AH$2:AH$366,ROUNDDOWN($C8260/24,0)+1,1)*INDEX($D$3:$AA$30,INDEX(Jesper!$R$2:$R$366,ROW(INDEX(Jesper!AH$2:AH$366,ROUNDDOWN($C8260/24,0)+1,1))-1)+IF('Standard Profiles'!$G$18=$B$10,7,0)+IF('Standard Profiles'!$G$18=$B$17,14,0)+IF('Standard Profiles'!$G$18=$B$24,21,0),MOD($C8260,24)+1)/SUM(INDEX($D$3:$AA$30,INDEX(Jesper!$R$2:$R$366,ROW(INDEX(Jesper!AH$2:AH$366,ROUNDDOWN($C8260/24,0)+1,1))-1)+IF('Standard Profiles'!$G$18=$B$10,7,0)+IF('Standard Profiles'!$G$18=$B$17,14,0)+IF('Standard Profiles'!$G$18=$B$24,21,0),0)),0)</f>
        <v>10.510433460596479</v>
      </c>
      <c r="E8260" cm="1">
        <f t="array" ref="E8260">IFERROR(INDEX(Jesper!AI$2:AI$366,ROUNDDOWN($C8260/24,0)+1,1)*INDEX($D$3:$AA$30,INDEX(Jesper!$R$2:$R$366,ROW(INDEX(Jesper!AI$2:AI$366,ROUNDDOWN($C8260/24,0)+1,1))-1)+IF('Standard Profiles'!$G$19=$B$10,7,0)+IF('Standard Profiles'!$G$19=$B$17,14,0)+IF('Standard Profiles'!$G$19=$B$24,21,0),MOD($C8260,24)+1)/SUM(INDEX($D$3:$AA$30,INDEX(Jesper!$R$2:$R$366,ROW(INDEX(Jesper!AI$2:AI$366,ROUNDDOWN($C8260/24,0)+1,1))-1)+IF('Standard Profiles'!$G$19=$B$10,7,0)+IF('Standard Profiles'!$G$19=$B$17,14,0)+IF('Standard Profiles'!$G$19=$B$24,21,0),0)),0)</f>
        <v>2.5002773658409043</v>
      </c>
      <c r="F8260" cm="1">
        <f t="array" ref="F8260">IFERROR(INDEX(Jesper!AJ$2:AJ$366,ROUNDDOWN($C8260/24,0)+1,1)*INDEX($D$3:$AA$30,INDEX(Jesper!$R$2:$R$366,ROW(INDEX(Jesper!AJ$2:AJ$366,ROUNDDOWN($C8260/24,0)+1,1))-1)+IF('Standard Profiles'!$G$20=$B$10,7,0)+IF('Standard Profiles'!$G$20=$B$17,14,0)+IF('Standard Profiles'!$G$20=$B$24,21,0),MOD($C8260,24)+1)/SUM(INDEX($D$3:$AA$30,INDEX(Jesper!$R$2:$R$366,ROW(INDEX(Jesper!AJ$2:AJ$366,ROUNDDOWN($C8260/24,0)+1,1))-1)+IF('Standard Profiles'!$G$20=$B$10,7,0)+IF('Standard Profiles'!$G$20=$B$17,14,0)+IF('Standard Profiles'!$G$20=$B$24,21,0),0)),0)</f>
        <v>0</v>
      </c>
      <c r="G8260" cm="1">
        <f t="array" ref="G8260">IFERROR(INDEX(Jesper!AK$2:AK$366,ROUNDDOWN($C8260/24,0)+1,1)*INDEX($D$3:$AA$30,INDEX(Jesper!$R$2:$R$366,ROW(INDEX(Jesper!AK$2:AK$366,ROUNDDOWN($C8260/24,0)+1,1))-1)+IF('Standard Profiles'!$G$21=$B$10,7,0)+IF('Standard Profiles'!$G$21=$B$17,14,0)+IF('Standard Profiles'!$G$21=$B$24,21,0),MOD($C8260,24)+1)/SUM(INDEX($D$3:$AA$30,INDEX(Jesper!$R$2:$R$366,ROW(INDEX(Jesper!AK$2:AK$366,ROUNDDOWN($C8260/24,0)+1,1))-1)+IF('Standard Profiles'!$G$21=$B$10,7,0)+IF('Standard Profiles'!$G$21=$B$17,14,0)+IF('Standard Profiles'!$G$21=$B$24,21,0),0)),0)</f>
        <v>0</v>
      </c>
      <c r="H8260" cm="1">
        <f t="array" ref="H8260">IFERROR(INDEX(Jesper!AL$2:AL$366,ROUNDDOWN($C8260/24,0)+1,1)*INDEX($D$3:$AA$30,INDEX(Jesper!$R$2:$R$366,ROW(INDEX(Jesper!AL$2:AL$366,ROUNDDOWN($C8260/24,0)+1,1))-1)+IF('Standard Profiles'!$G$22=$B$10,7,0)+IF('Standard Profiles'!$G$22=$B$17,14,0)+IF('Standard Profiles'!$G$22=$B$24,21,0),MOD($C8260,24)+1)/SUM(INDEX($D$3:$AA$30,INDEX(Jesper!$R$2:$R$366,ROW(INDEX(Jesper!AL$2:AL$366,ROUNDDOWN($C8260/24,0)+1,1))-1)+IF('Standard Profiles'!$G$22=$B$10,7,0)+IF('Standard Profiles'!$G$22=$B$17,14,0)+IF('Standard Profiles'!$G$22=$B$24,21,0),0)),0)</f>
        <v>0</v>
      </c>
      <c r="I8260">
        <f t="shared" si="916"/>
        <v>0.22525021313882027</v>
      </c>
      <c r="J8260">
        <f t="shared" si="917"/>
        <v>0.75083404379606766</v>
      </c>
      <c r="K8260">
        <f t="shared" si="918"/>
        <v>1.1262510656941014</v>
      </c>
      <c r="L8260">
        <f t="shared" si="919"/>
        <v>10.908375503808394</v>
      </c>
      <c r="M8260">
        <f t="shared" si="920"/>
        <v>0</v>
      </c>
      <c r="N8260" s="46">
        <f t="shared" si="921"/>
        <v>45634.749999980049</v>
      </c>
    </row>
    <row r="8261" spans="2:14" x14ac:dyDescent="0.3">
      <c r="B8261">
        <f t="shared" si="915"/>
        <v>7</v>
      </c>
      <c r="C8261" s="16">
        <v>8227</v>
      </c>
      <c r="D8261" cm="1">
        <f t="array" ref="D8261">IFERROR(INDEX(Jesper!AH$2:AH$366,ROUNDDOWN($C8261/24,0)+1,1)*INDEX($D$3:$AA$30,INDEX(Jesper!$R$2:$R$366,ROW(INDEX(Jesper!AH$2:AH$366,ROUNDDOWN($C8261/24,0)+1,1))-1)+IF('Standard Profiles'!$G$18=$B$10,7,0)+IF('Standard Profiles'!$G$18=$B$17,14,0)+IF('Standard Profiles'!$G$18=$B$24,21,0),MOD($C8261,24)+1)/SUM(INDEX($D$3:$AA$30,INDEX(Jesper!$R$2:$R$366,ROW(INDEX(Jesper!AH$2:AH$366,ROUNDDOWN($C8261/24,0)+1,1))-1)+IF('Standard Profiles'!$G$18=$B$10,7,0)+IF('Standard Profiles'!$G$18=$B$17,14,0)+IF('Standard Profiles'!$G$18=$B$24,21,0),0)),0)</f>
        <v>8.8383190464106747</v>
      </c>
      <c r="E8261" cm="1">
        <f t="array" ref="E8261">IFERROR(INDEX(Jesper!AI$2:AI$366,ROUNDDOWN($C8261/24,0)+1,1)*INDEX($D$3:$AA$30,INDEX(Jesper!$R$2:$R$366,ROW(INDEX(Jesper!AI$2:AI$366,ROUNDDOWN($C8261/24,0)+1,1))-1)+IF('Standard Profiles'!$G$19=$B$10,7,0)+IF('Standard Profiles'!$G$19=$B$17,14,0)+IF('Standard Profiles'!$G$19=$B$24,21,0),MOD($C8261,24)+1)/SUM(INDEX($D$3:$AA$30,INDEX(Jesper!$R$2:$R$366,ROW(INDEX(Jesper!AI$2:AI$366,ROUNDDOWN($C8261/24,0)+1,1))-1)+IF('Standard Profiles'!$G$19=$B$10,7,0)+IF('Standard Profiles'!$G$19=$B$17,14,0)+IF('Standard Profiles'!$G$19=$B$24,21,0),0)),0)</f>
        <v>2.1025059667298511</v>
      </c>
      <c r="F8261" cm="1">
        <f t="array" ref="F8261">IFERROR(INDEX(Jesper!AJ$2:AJ$366,ROUNDDOWN($C8261/24,0)+1,1)*INDEX($D$3:$AA$30,INDEX(Jesper!$R$2:$R$366,ROW(INDEX(Jesper!AJ$2:AJ$366,ROUNDDOWN($C8261/24,0)+1,1))-1)+IF('Standard Profiles'!$G$20=$B$10,7,0)+IF('Standard Profiles'!$G$20=$B$17,14,0)+IF('Standard Profiles'!$G$20=$B$24,21,0),MOD($C8261,24)+1)/SUM(INDEX($D$3:$AA$30,INDEX(Jesper!$R$2:$R$366,ROW(INDEX(Jesper!AJ$2:AJ$366,ROUNDDOWN($C8261/24,0)+1,1))-1)+IF('Standard Profiles'!$G$20=$B$10,7,0)+IF('Standard Profiles'!$G$20=$B$17,14,0)+IF('Standard Profiles'!$G$20=$B$24,21,0),0)),0)</f>
        <v>0</v>
      </c>
      <c r="G8261" cm="1">
        <f t="array" ref="G8261">IFERROR(INDEX(Jesper!AK$2:AK$366,ROUNDDOWN($C8261/24,0)+1,1)*INDEX($D$3:$AA$30,INDEX(Jesper!$R$2:$R$366,ROW(INDEX(Jesper!AK$2:AK$366,ROUNDDOWN($C8261/24,0)+1,1))-1)+IF('Standard Profiles'!$G$21=$B$10,7,0)+IF('Standard Profiles'!$G$21=$B$17,14,0)+IF('Standard Profiles'!$G$21=$B$24,21,0),MOD($C8261,24)+1)/SUM(INDEX($D$3:$AA$30,INDEX(Jesper!$R$2:$R$366,ROW(INDEX(Jesper!AK$2:AK$366,ROUNDDOWN($C8261/24,0)+1,1))-1)+IF('Standard Profiles'!$G$21=$B$10,7,0)+IF('Standard Profiles'!$G$21=$B$17,14,0)+IF('Standard Profiles'!$G$21=$B$24,21,0),0)),0)</f>
        <v>0</v>
      </c>
      <c r="H8261" cm="1">
        <f t="array" ref="H8261">IFERROR(INDEX(Jesper!AL$2:AL$366,ROUNDDOWN($C8261/24,0)+1,1)*INDEX($D$3:$AA$30,INDEX(Jesper!$R$2:$R$366,ROW(INDEX(Jesper!AL$2:AL$366,ROUNDDOWN($C8261/24,0)+1,1))-1)+IF('Standard Profiles'!$G$22=$B$10,7,0)+IF('Standard Profiles'!$G$22=$B$17,14,0)+IF('Standard Profiles'!$G$22=$B$24,21,0),MOD($C8261,24)+1)/SUM(INDEX($D$3:$AA$30,INDEX(Jesper!$R$2:$R$366,ROW(INDEX(Jesper!AL$2:AL$366,ROUNDDOWN($C8261/24,0)+1,1))-1)+IF('Standard Profiles'!$G$22=$B$10,7,0)+IF('Standard Profiles'!$G$22=$B$17,14,0)+IF('Standard Profiles'!$G$22=$B$24,21,0),0)),0)</f>
        <v>0</v>
      </c>
      <c r="I8261">
        <f t="shared" si="916"/>
        <v>0.1894149519576443</v>
      </c>
      <c r="J8261">
        <f t="shared" si="917"/>
        <v>0.63138317319214776</v>
      </c>
      <c r="K8261">
        <f t="shared" si="918"/>
        <v>0.94707475978822164</v>
      </c>
      <c r="L8261">
        <f t="shared" si="919"/>
        <v>9.1729521282025122</v>
      </c>
      <c r="M8261">
        <f t="shared" si="920"/>
        <v>0</v>
      </c>
      <c r="N8261" s="46">
        <f t="shared" si="921"/>
        <v>45634.791666646714</v>
      </c>
    </row>
    <row r="8262" spans="2:14" x14ac:dyDescent="0.3">
      <c r="B8262">
        <f t="shared" si="915"/>
        <v>7</v>
      </c>
      <c r="C8262" s="16">
        <v>8228</v>
      </c>
      <c r="D8262" cm="1">
        <f t="array" ref="D8262">IFERROR(INDEX(Jesper!AH$2:AH$366,ROUNDDOWN($C8262/24,0)+1,1)*INDEX($D$3:$AA$30,INDEX(Jesper!$R$2:$R$366,ROW(INDEX(Jesper!AH$2:AH$366,ROUNDDOWN($C8262/24,0)+1,1))-1)+IF('Standard Profiles'!$G$18=$B$10,7,0)+IF('Standard Profiles'!$G$18=$B$17,14,0)+IF('Standard Profiles'!$G$18=$B$24,21,0),MOD($C8262,24)+1)/SUM(INDEX($D$3:$AA$30,INDEX(Jesper!$R$2:$R$366,ROW(INDEX(Jesper!AH$2:AH$366,ROUNDDOWN($C8262/24,0)+1,1))-1)+IF('Standard Profiles'!$G$18=$B$10,7,0)+IF('Standard Profiles'!$G$18=$B$17,14,0)+IF('Standard Profiles'!$G$18=$B$24,21,0),0)),0)</f>
        <v>7.4050781199656992</v>
      </c>
      <c r="E8262" cm="1">
        <f t="array" ref="E8262">IFERROR(INDEX(Jesper!AI$2:AI$366,ROUNDDOWN($C8262/24,0)+1,1)*INDEX($D$3:$AA$30,INDEX(Jesper!$R$2:$R$366,ROW(INDEX(Jesper!AI$2:AI$366,ROUNDDOWN($C8262/24,0)+1,1))-1)+IF('Standard Profiles'!$G$19=$B$10,7,0)+IF('Standard Profiles'!$G$19=$B$17,14,0)+IF('Standard Profiles'!$G$19=$B$24,21,0),MOD($C8262,24)+1)/SUM(INDEX($D$3:$AA$30,INDEX(Jesper!$R$2:$R$366,ROW(INDEX(Jesper!AI$2:AI$366,ROUNDDOWN($C8262/24,0)+1,1))-1)+IF('Standard Profiles'!$G$19=$B$10,7,0)+IF('Standard Profiles'!$G$19=$B$17,14,0)+IF('Standard Profiles'!$G$19=$B$24,21,0),0)),0)</f>
        <v>1.7615590532060912</v>
      </c>
      <c r="F8262" cm="1">
        <f t="array" ref="F8262">IFERROR(INDEX(Jesper!AJ$2:AJ$366,ROUNDDOWN($C8262/24,0)+1,1)*INDEX($D$3:$AA$30,INDEX(Jesper!$R$2:$R$366,ROW(INDEX(Jesper!AJ$2:AJ$366,ROUNDDOWN($C8262/24,0)+1,1))-1)+IF('Standard Profiles'!$G$20=$B$10,7,0)+IF('Standard Profiles'!$G$20=$B$17,14,0)+IF('Standard Profiles'!$G$20=$B$24,21,0),MOD($C8262,24)+1)/SUM(INDEX($D$3:$AA$30,INDEX(Jesper!$R$2:$R$366,ROW(INDEX(Jesper!AJ$2:AJ$366,ROUNDDOWN($C8262/24,0)+1,1))-1)+IF('Standard Profiles'!$G$20=$B$10,7,0)+IF('Standard Profiles'!$G$20=$B$17,14,0)+IF('Standard Profiles'!$G$20=$B$24,21,0),0)),0)</f>
        <v>0</v>
      </c>
      <c r="G8262" cm="1">
        <f t="array" ref="G8262">IFERROR(INDEX(Jesper!AK$2:AK$366,ROUNDDOWN($C8262/24,0)+1,1)*INDEX($D$3:$AA$30,INDEX(Jesper!$R$2:$R$366,ROW(INDEX(Jesper!AK$2:AK$366,ROUNDDOWN($C8262/24,0)+1,1))-1)+IF('Standard Profiles'!$G$21=$B$10,7,0)+IF('Standard Profiles'!$G$21=$B$17,14,0)+IF('Standard Profiles'!$G$21=$B$24,21,0),MOD($C8262,24)+1)/SUM(INDEX($D$3:$AA$30,INDEX(Jesper!$R$2:$R$366,ROW(INDEX(Jesper!AK$2:AK$366,ROUNDDOWN($C8262/24,0)+1,1))-1)+IF('Standard Profiles'!$G$21=$B$10,7,0)+IF('Standard Profiles'!$G$21=$B$17,14,0)+IF('Standard Profiles'!$G$21=$B$24,21,0),0)),0)</f>
        <v>0</v>
      </c>
      <c r="H8262" cm="1">
        <f t="array" ref="H8262">IFERROR(INDEX(Jesper!AL$2:AL$366,ROUNDDOWN($C8262/24,0)+1,1)*INDEX($D$3:$AA$30,INDEX(Jesper!$R$2:$R$366,ROW(INDEX(Jesper!AL$2:AL$366,ROUNDDOWN($C8262/24,0)+1,1))-1)+IF('Standard Profiles'!$G$22=$B$10,7,0)+IF('Standard Profiles'!$G$22=$B$17,14,0)+IF('Standard Profiles'!$G$22=$B$24,21,0),MOD($C8262,24)+1)/SUM(INDEX($D$3:$AA$30,INDEX(Jesper!$R$2:$R$366,ROW(INDEX(Jesper!AL$2:AL$366,ROUNDDOWN($C8262/24,0)+1,1))-1)+IF('Standard Profiles'!$G$22=$B$10,7,0)+IF('Standard Profiles'!$G$22=$B$17,14,0)+IF('Standard Profiles'!$G$22=$B$24,21,0),0)),0)</f>
        <v>0</v>
      </c>
      <c r="I8262">
        <f t="shared" si="916"/>
        <v>0.1586990138023506</v>
      </c>
      <c r="J8262">
        <f t="shared" si="917"/>
        <v>0.5289967126745021</v>
      </c>
      <c r="K8262">
        <f t="shared" si="918"/>
        <v>0.79349506901175304</v>
      </c>
      <c r="L8262">
        <f t="shared" si="919"/>
        <v>7.6854463776831849</v>
      </c>
      <c r="M8262">
        <f t="shared" si="920"/>
        <v>0</v>
      </c>
      <c r="N8262" s="46">
        <f t="shared" si="921"/>
        <v>45634.833333313378</v>
      </c>
    </row>
    <row r="8263" spans="2:14" x14ac:dyDescent="0.3">
      <c r="B8263">
        <f t="shared" si="915"/>
        <v>7</v>
      </c>
      <c r="C8263" s="16">
        <v>8229</v>
      </c>
      <c r="D8263" cm="1">
        <f t="array" ref="D8263">IFERROR(INDEX(Jesper!AH$2:AH$366,ROUNDDOWN($C8263/24,0)+1,1)*INDEX($D$3:$AA$30,INDEX(Jesper!$R$2:$R$366,ROW(INDEX(Jesper!AH$2:AH$366,ROUNDDOWN($C8263/24,0)+1,1))-1)+IF('Standard Profiles'!$G$18=$B$10,7,0)+IF('Standard Profiles'!$G$18=$B$17,14,0)+IF('Standard Profiles'!$G$18=$B$24,21,0),MOD($C8263,24)+1)/SUM(INDEX($D$3:$AA$30,INDEX(Jesper!$R$2:$R$366,ROW(INDEX(Jesper!AH$2:AH$366,ROUNDDOWN($C8263/24,0)+1,1))-1)+IF('Standard Profiles'!$G$18=$B$10,7,0)+IF('Standard Profiles'!$G$18=$B$17,14,0)+IF('Standard Profiles'!$G$18=$B$24,21,0),0)),0)</f>
        <v>6.4495841690023843</v>
      </c>
      <c r="E8263" cm="1">
        <f t="array" ref="E8263">IFERROR(INDEX(Jesper!AI$2:AI$366,ROUNDDOWN($C8263/24,0)+1,1)*INDEX($D$3:$AA$30,INDEX(Jesper!$R$2:$R$366,ROW(INDEX(Jesper!AI$2:AI$366,ROUNDDOWN($C8263/24,0)+1,1))-1)+IF('Standard Profiles'!$G$19=$B$10,7,0)+IF('Standard Profiles'!$G$19=$B$17,14,0)+IF('Standard Profiles'!$G$19=$B$24,21,0),MOD($C8263,24)+1)/SUM(INDEX($D$3:$AA$30,INDEX(Jesper!$R$2:$R$366,ROW(INDEX(Jesper!AI$2:AI$366,ROUNDDOWN($C8263/24,0)+1,1))-1)+IF('Standard Profiles'!$G$19=$B$10,7,0)+IF('Standard Profiles'!$G$19=$B$17,14,0)+IF('Standard Profiles'!$G$19=$B$24,21,0),0)),0)</f>
        <v>1.5342611108569182</v>
      </c>
      <c r="F8263" cm="1">
        <f t="array" ref="F8263">IFERROR(INDEX(Jesper!AJ$2:AJ$366,ROUNDDOWN($C8263/24,0)+1,1)*INDEX($D$3:$AA$30,INDEX(Jesper!$R$2:$R$366,ROW(INDEX(Jesper!AJ$2:AJ$366,ROUNDDOWN($C8263/24,0)+1,1))-1)+IF('Standard Profiles'!$G$20=$B$10,7,0)+IF('Standard Profiles'!$G$20=$B$17,14,0)+IF('Standard Profiles'!$G$20=$B$24,21,0),MOD($C8263,24)+1)/SUM(INDEX($D$3:$AA$30,INDEX(Jesper!$R$2:$R$366,ROW(INDEX(Jesper!AJ$2:AJ$366,ROUNDDOWN($C8263/24,0)+1,1))-1)+IF('Standard Profiles'!$G$20=$B$10,7,0)+IF('Standard Profiles'!$G$20=$B$17,14,0)+IF('Standard Profiles'!$G$20=$B$24,21,0),0)),0)</f>
        <v>0</v>
      </c>
      <c r="G8263" cm="1">
        <f t="array" ref="G8263">IFERROR(INDEX(Jesper!AK$2:AK$366,ROUNDDOWN($C8263/24,0)+1,1)*INDEX($D$3:$AA$30,INDEX(Jesper!$R$2:$R$366,ROW(INDEX(Jesper!AK$2:AK$366,ROUNDDOWN($C8263/24,0)+1,1))-1)+IF('Standard Profiles'!$G$21=$B$10,7,0)+IF('Standard Profiles'!$G$21=$B$17,14,0)+IF('Standard Profiles'!$G$21=$B$24,21,0),MOD($C8263,24)+1)/SUM(INDEX($D$3:$AA$30,INDEX(Jesper!$R$2:$R$366,ROW(INDEX(Jesper!AK$2:AK$366,ROUNDDOWN($C8263/24,0)+1,1))-1)+IF('Standard Profiles'!$G$21=$B$10,7,0)+IF('Standard Profiles'!$G$21=$B$17,14,0)+IF('Standard Profiles'!$G$21=$B$24,21,0),0)),0)</f>
        <v>0</v>
      </c>
      <c r="H8263" cm="1">
        <f t="array" ref="H8263">IFERROR(INDEX(Jesper!AL$2:AL$366,ROUNDDOWN($C8263/24,0)+1,1)*INDEX($D$3:$AA$30,INDEX(Jesper!$R$2:$R$366,ROW(INDEX(Jesper!AL$2:AL$366,ROUNDDOWN($C8263/24,0)+1,1))-1)+IF('Standard Profiles'!$G$22=$B$10,7,0)+IF('Standard Profiles'!$G$22=$B$17,14,0)+IF('Standard Profiles'!$G$22=$B$24,21,0),MOD($C8263,24)+1)/SUM(INDEX($D$3:$AA$30,INDEX(Jesper!$R$2:$R$366,ROW(INDEX(Jesper!AL$2:AL$366,ROUNDDOWN($C8263/24,0)+1,1))-1)+IF('Standard Profiles'!$G$22=$B$10,7,0)+IF('Standard Profiles'!$G$22=$B$17,14,0)+IF('Standard Profiles'!$G$22=$B$24,21,0),0)),0)</f>
        <v>0</v>
      </c>
      <c r="I8263">
        <f t="shared" si="916"/>
        <v>0.13822172169882149</v>
      </c>
      <c r="J8263">
        <f t="shared" si="917"/>
        <v>0.46073907232940503</v>
      </c>
      <c r="K8263">
        <f t="shared" si="918"/>
        <v>0.6911086084941076</v>
      </c>
      <c r="L8263">
        <f t="shared" si="919"/>
        <v>6.6937758773369689</v>
      </c>
      <c r="M8263">
        <f t="shared" si="920"/>
        <v>0</v>
      </c>
      <c r="N8263" s="46">
        <f t="shared" si="921"/>
        <v>45634.874999980042</v>
      </c>
    </row>
    <row r="8264" spans="2:14" x14ac:dyDescent="0.3">
      <c r="B8264">
        <f t="shared" si="915"/>
        <v>7</v>
      </c>
      <c r="C8264" s="16">
        <v>8230</v>
      </c>
      <c r="D8264" cm="1">
        <f t="array" ref="D8264">IFERROR(INDEX(Jesper!AH$2:AH$366,ROUNDDOWN($C8264/24,0)+1,1)*INDEX($D$3:$AA$30,INDEX(Jesper!$R$2:$R$366,ROW(INDEX(Jesper!AH$2:AH$366,ROUNDDOWN($C8264/24,0)+1,1))-1)+IF('Standard Profiles'!$G$18=$B$10,7,0)+IF('Standard Profiles'!$G$18=$B$17,14,0)+IF('Standard Profiles'!$G$18=$B$24,21,0),MOD($C8264,24)+1)/SUM(INDEX($D$3:$AA$30,INDEX(Jesper!$R$2:$R$366,ROW(INDEX(Jesper!AH$2:AH$366,ROUNDDOWN($C8264/24,0)+1,1))-1)+IF('Standard Profiles'!$G$18=$B$10,7,0)+IF('Standard Profiles'!$G$18=$B$17,14,0)+IF('Standard Profiles'!$G$18=$B$24,21,0),0)),0)</f>
        <v>6.4495841690023843</v>
      </c>
      <c r="E8264" cm="1">
        <f t="array" ref="E8264">IFERROR(INDEX(Jesper!AI$2:AI$366,ROUNDDOWN($C8264/24,0)+1,1)*INDEX($D$3:$AA$30,INDEX(Jesper!$R$2:$R$366,ROW(INDEX(Jesper!AI$2:AI$366,ROUNDDOWN($C8264/24,0)+1,1))-1)+IF('Standard Profiles'!$G$19=$B$10,7,0)+IF('Standard Profiles'!$G$19=$B$17,14,0)+IF('Standard Profiles'!$G$19=$B$24,21,0),MOD($C8264,24)+1)/SUM(INDEX($D$3:$AA$30,INDEX(Jesper!$R$2:$R$366,ROW(INDEX(Jesper!AI$2:AI$366,ROUNDDOWN($C8264/24,0)+1,1))-1)+IF('Standard Profiles'!$G$19=$B$10,7,0)+IF('Standard Profiles'!$G$19=$B$17,14,0)+IF('Standard Profiles'!$G$19=$B$24,21,0),0)),0)</f>
        <v>1.5342611108569182</v>
      </c>
      <c r="F8264" cm="1">
        <f t="array" ref="F8264">IFERROR(INDEX(Jesper!AJ$2:AJ$366,ROUNDDOWN($C8264/24,0)+1,1)*INDEX($D$3:$AA$30,INDEX(Jesper!$R$2:$R$366,ROW(INDEX(Jesper!AJ$2:AJ$366,ROUNDDOWN($C8264/24,0)+1,1))-1)+IF('Standard Profiles'!$G$20=$B$10,7,0)+IF('Standard Profiles'!$G$20=$B$17,14,0)+IF('Standard Profiles'!$G$20=$B$24,21,0),MOD($C8264,24)+1)/SUM(INDEX($D$3:$AA$30,INDEX(Jesper!$R$2:$R$366,ROW(INDEX(Jesper!AJ$2:AJ$366,ROUNDDOWN($C8264/24,0)+1,1))-1)+IF('Standard Profiles'!$G$20=$B$10,7,0)+IF('Standard Profiles'!$G$20=$B$17,14,0)+IF('Standard Profiles'!$G$20=$B$24,21,0),0)),0)</f>
        <v>0</v>
      </c>
      <c r="G8264" cm="1">
        <f t="array" ref="G8264">IFERROR(INDEX(Jesper!AK$2:AK$366,ROUNDDOWN($C8264/24,0)+1,1)*INDEX($D$3:$AA$30,INDEX(Jesper!$R$2:$R$366,ROW(INDEX(Jesper!AK$2:AK$366,ROUNDDOWN($C8264/24,0)+1,1))-1)+IF('Standard Profiles'!$G$21=$B$10,7,0)+IF('Standard Profiles'!$G$21=$B$17,14,0)+IF('Standard Profiles'!$G$21=$B$24,21,0),MOD($C8264,24)+1)/SUM(INDEX($D$3:$AA$30,INDEX(Jesper!$R$2:$R$366,ROW(INDEX(Jesper!AK$2:AK$366,ROUNDDOWN($C8264/24,0)+1,1))-1)+IF('Standard Profiles'!$G$21=$B$10,7,0)+IF('Standard Profiles'!$G$21=$B$17,14,0)+IF('Standard Profiles'!$G$21=$B$24,21,0),0)),0)</f>
        <v>0</v>
      </c>
      <c r="H8264" cm="1">
        <f t="array" ref="H8264">IFERROR(INDEX(Jesper!AL$2:AL$366,ROUNDDOWN($C8264/24,0)+1,1)*INDEX($D$3:$AA$30,INDEX(Jesper!$R$2:$R$366,ROW(INDEX(Jesper!AL$2:AL$366,ROUNDDOWN($C8264/24,0)+1,1))-1)+IF('Standard Profiles'!$G$22=$B$10,7,0)+IF('Standard Profiles'!$G$22=$B$17,14,0)+IF('Standard Profiles'!$G$22=$B$24,21,0),MOD($C8264,24)+1)/SUM(INDEX($D$3:$AA$30,INDEX(Jesper!$R$2:$R$366,ROW(INDEX(Jesper!AL$2:AL$366,ROUNDDOWN($C8264/24,0)+1,1))-1)+IF('Standard Profiles'!$G$22=$B$10,7,0)+IF('Standard Profiles'!$G$22=$B$17,14,0)+IF('Standard Profiles'!$G$22=$B$24,21,0),0)),0)</f>
        <v>0</v>
      </c>
      <c r="I8264">
        <f t="shared" si="916"/>
        <v>0.13822172169882149</v>
      </c>
      <c r="J8264">
        <f t="shared" si="917"/>
        <v>0.46073907232940503</v>
      </c>
      <c r="K8264">
        <f t="shared" si="918"/>
        <v>0.6911086084941076</v>
      </c>
      <c r="L8264">
        <f t="shared" si="919"/>
        <v>6.6937758773369689</v>
      </c>
      <c r="M8264">
        <f t="shared" si="920"/>
        <v>0</v>
      </c>
      <c r="N8264" s="46">
        <f t="shared" si="921"/>
        <v>45634.916666646706</v>
      </c>
    </row>
    <row r="8265" spans="2:14" x14ac:dyDescent="0.3">
      <c r="B8265">
        <f t="shared" si="915"/>
        <v>7</v>
      </c>
      <c r="C8265" s="16">
        <v>8231</v>
      </c>
      <c r="D8265" cm="1">
        <f t="array" ref="D8265">IFERROR(INDEX(Jesper!AH$2:AH$366,ROUNDDOWN($C8265/24,0)+1,1)*INDEX($D$3:$AA$30,INDEX(Jesper!$R$2:$R$366,ROW(INDEX(Jesper!AH$2:AH$366,ROUNDDOWN($C8265/24,0)+1,1))-1)+IF('Standard Profiles'!$G$18=$B$10,7,0)+IF('Standard Profiles'!$G$18=$B$17,14,0)+IF('Standard Profiles'!$G$18=$B$24,21,0),MOD($C8265,24)+1)/SUM(INDEX($D$3:$AA$30,INDEX(Jesper!$R$2:$R$366,ROW(INDEX(Jesper!AH$2:AH$366,ROUNDDOWN($C8265/24,0)+1,1))-1)+IF('Standard Profiles'!$G$18=$B$10,7,0)+IF('Standard Profiles'!$G$18=$B$17,14,0)+IF('Standard Profiles'!$G$18=$B$24,21,0),0)),0)</f>
        <v>6.4495841690023843</v>
      </c>
      <c r="E8265" cm="1">
        <f t="array" ref="E8265">IFERROR(INDEX(Jesper!AI$2:AI$366,ROUNDDOWN($C8265/24,0)+1,1)*INDEX($D$3:$AA$30,INDEX(Jesper!$R$2:$R$366,ROW(INDEX(Jesper!AI$2:AI$366,ROUNDDOWN($C8265/24,0)+1,1))-1)+IF('Standard Profiles'!$G$19=$B$10,7,0)+IF('Standard Profiles'!$G$19=$B$17,14,0)+IF('Standard Profiles'!$G$19=$B$24,21,0),MOD($C8265,24)+1)/SUM(INDEX($D$3:$AA$30,INDEX(Jesper!$R$2:$R$366,ROW(INDEX(Jesper!AI$2:AI$366,ROUNDDOWN($C8265/24,0)+1,1))-1)+IF('Standard Profiles'!$G$19=$B$10,7,0)+IF('Standard Profiles'!$G$19=$B$17,14,0)+IF('Standard Profiles'!$G$19=$B$24,21,0),0)),0)</f>
        <v>1.5342611108569182</v>
      </c>
      <c r="F8265" cm="1">
        <f t="array" ref="F8265">IFERROR(INDEX(Jesper!AJ$2:AJ$366,ROUNDDOWN($C8265/24,0)+1,1)*INDEX($D$3:$AA$30,INDEX(Jesper!$R$2:$R$366,ROW(INDEX(Jesper!AJ$2:AJ$366,ROUNDDOWN($C8265/24,0)+1,1))-1)+IF('Standard Profiles'!$G$20=$B$10,7,0)+IF('Standard Profiles'!$G$20=$B$17,14,0)+IF('Standard Profiles'!$G$20=$B$24,21,0),MOD($C8265,24)+1)/SUM(INDEX($D$3:$AA$30,INDEX(Jesper!$R$2:$R$366,ROW(INDEX(Jesper!AJ$2:AJ$366,ROUNDDOWN($C8265/24,0)+1,1))-1)+IF('Standard Profiles'!$G$20=$B$10,7,0)+IF('Standard Profiles'!$G$20=$B$17,14,0)+IF('Standard Profiles'!$G$20=$B$24,21,0),0)),0)</f>
        <v>0</v>
      </c>
      <c r="G8265" cm="1">
        <f t="array" ref="G8265">IFERROR(INDEX(Jesper!AK$2:AK$366,ROUNDDOWN($C8265/24,0)+1,1)*INDEX($D$3:$AA$30,INDEX(Jesper!$R$2:$R$366,ROW(INDEX(Jesper!AK$2:AK$366,ROUNDDOWN($C8265/24,0)+1,1))-1)+IF('Standard Profiles'!$G$21=$B$10,7,0)+IF('Standard Profiles'!$G$21=$B$17,14,0)+IF('Standard Profiles'!$G$21=$B$24,21,0),MOD($C8265,24)+1)/SUM(INDEX($D$3:$AA$30,INDEX(Jesper!$R$2:$R$366,ROW(INDEX(Jesper!AK$2:AK$366,ROUNDDOWN($C8265/24,0)+1,1))-1)+IF('Standard Profiles'!$G$21=$B$10,7,0)+IF('Standard Profiles'!$G$21=$B$17,14,0)+IF('Standard Profiles'!$G$21=$B$24,21,0),0)),0)</f>
        <v>0</v>
      </c>
      <c r="H8265" cm="1">
        <f t="array" ref="H8265">IFERROR(INDEX(Jesper!AL$2:AL$366,ROUNDDOWN($C8265/24,0)+1,1)*INDEX($D$3:$AA$30,INDEX(Jesper!$R$2:$R$366,ROW(INDEX(Jesper!AL$2:AL$366,ROUNDDOWN($C8265/24,0)+1,1))-1)+IF('Standard Profiles'!$G$22=$B$10,7,0)+IF('Standard Profiles'!$G$22=$B$17,14,0)+IF('Standard Profiles'!$G$22=$B$24,21,0),MOD($C8265,24)+1)/SUM(INDEX($D$3:$AA$30,INDEX(Jesper!$R$2:$R$366,ROW(INDEX(Jesper!AL$2:AL$366,ROUNDDOWN($C8265/24,0)+1,1))-1)+IF('Standard Profiles'!$G$22=$B$10,7,0)+IF('Standard Profiles'!$G$22=$B$17,14,0)+IF('Standard Profiles'!$G$22=$B$24,21,0),0)),0)</f>
        <v>0</v>
      </c>
      <c r="I8265">
        <f t="shared" si="916"/>
        <v>0.13822172169882149</v>
      </c>
      <c r="J8265">
        <f t="shared" si="917"/>
        <v>0.46073907232940503</v>
      </c>
      <c r="K8265">
        <f t="shared" si="918"/>
        <v>0.6911086084941076</v>
      </c>
      <c r="L8265">
        <f t="shared" si="919"/>
        <v>6.6937758773369689</v>
      </c>
      <c r="M8265">
        <f t="shared" si="920"/>
        <v>0</v>
      </c>
      <c r="N8265" s="46">
        <f t="shared" si="921"/>
        <v>45634.958333313371</v>
      </c>
    </row>
    <row r="8266" spans="2:14" x14ac:dyDescent="0.3">
      <c r="B8266">
        <f t="shared" si="915"/>
        <v>1</v>
      </c>
      <c r="C8266" s="16">
        <v>8232</v>
      </c>
      <c r="D8266" cm="1">
        <f t="array" ref="D8266">IFERROR(INDEX(Jesper!AH$2:AH$366,ROUNDDOWN($C8266/24,0)+1,1)*INDEX($D$3:$AA$30,INDEX(Jesper!$R$2:$R$366,ROW(INDEX(Jesper!AH$2:AH$366,ROUNDDOWN($C8266/24,0)+1,1))-1)+IF('Standard Profiles'!$G$18=$B$10,7,0)+IF('Standard Profiles'!$G$18=$B$17,14,0)+IF('Standard Profiles'!$G$18=$B$24,21,0),MOD($C8266,24)+1)/SUM(INDEX($D$3:$AA$30,INDEX(Jesper!$R$2:$R$366,ROW(INDEX(Jesper!AH$2:AH$366,ROUNDDOWN($C8266/24,0)+1,1))-1)+IF('Standard Profiles'!$G$18=$B$10,7,0)+IF('Standard Profiles'!$G$18=$B$17,14,0)+IF('Standard Profiles'!$G$18=$B$24,21,0),0)),0)</f>
        <v>2.7398377796552316</v>
      </c>
      <c r="E8266" cm="1">
        <f t="array" ref="E8266">IFERROR(INDEX(Jesper!AI$2:AI$366,ROUNDDOWN($C8266/24,0)+1,1)*INDEX($D$3:$AA$30,INDEX(Jesper!$R$2:$R$366,ROW(INDEX(Jesper!AI$2:AI$366,ROUNDDOWN($C8266/24,0)+1,1))-1)+IF('Standard Profiles'!$G$19=$B$10,7,0)+IF('Standard Profiles'!$G$19=$B$17,14,0)+IF('Standard Profiles'!$G$19=$B$24,21,0),MOD($C8266,24)+1)/SUM(INDEX($D$3:$AA$30,INDEX(Jesper!$R$2:$R$366,ROW(INDEX(Jesper!AI$2:AI$366,ROUNDDOWN($C8266/24,0)+1,1))-1)+IF('Standard Profiles'!$G$19=$B$10,7,0)+IF('Standard Profiles'!$G$19=$B$17,14,0)+IF('Standard Profiles'!$G$19=$B$24,21,0),0)),0)</f>
        <v>0</v>
      </c>
      <c r="F8266" cm="1">
        <f t="array" ref="F8266">IFERROR(INDEX(Jesper!AJ$2:AJ$366,ROUNDDOWN($C8266/24,0)+1,1)*INDEX($D$3:$AA$30,INDEX(Jesper!$R$2:$R$366,ROW(INDEX(Jesper!AJ$2:AJ$366,ROUNDDOWN($C8266/24,0)+1,1))-1)+IF('Standard Profiles'!$G$20=$B$10,7,0)+IF('Standard Profiles'!$G$20=$B$17,14,0)+IF('Standard Profiles'!$G$20=$B$24,21,0),MOD($C8266,24)+1)/SUM(INDEX($D$3:$AA$30,INDEX(Jesper!$R$2:$R$366,ROW(INDEX(Jesper!AJ$2:AJ$366,ROUNDDOWN($C8266/24,0)+1,1))-1)+IF('Standard Profiles'!$G$20=$B$10,7,0)+IF('Standard Profiles'!$G$20=$B$17,14,0)+IF('Standard Profiles'!$G$20=$B$24,21,0),0)),0)</f>
        <v>0</v>
      </c>
      <c r="G8266" cm="1">
        <f t="array" ref="G8266">IFERROR(INDEX(Jesper!AK$2:AK$366,ROUNDDOWN($C8266/24,0)+1,1)*INDEX($D$3:$AA$30,INDEX(Jesper!$R$2:$R$366,ROW(INDEX(Jesper!AK$2:AK$366,ROUNDDOWN($C8266/24,0)+1,1))-1)+IF('Standard Profiles'!$G$21=$B$10,7,0)+IF('Standard Profiles'!$G$21=$B$17,14,0)+IF('Standard Profiles'!$G$21=$B$24,21,0),MOD($C8266,24)+1)/SUM(INDEX($D$3:$AA$30,INDEX(Jesper!$R$2:$R$366,ROW(INDEX(Jesper!AK$2:AK$366,ROUNDDOWN($C8266/24,0)+1,1))-1)+IF('Standard Profiles'!$G$21=$B$10,7,0)+IF('Standard Profiles'!$G$21=$B$17,14,0)+IF('Standard Profiles'!$G$21=$B$24,21,0),0)),0)</f>
        <v>0</v>
      </c>
      <c r="H8266" cm="1">
        <f t="array" ref="H8266">IFERROR(INDEX(Jesper!AL$2:AL$366,ROUNDDOWN($C8266/24,0)+1,1)*INDEX($D$3:$AA$30,INDEX(Jesper!$R$2:$R$366,ROW(INDEX(Jesper!AL$2:AL$366,ROUNDDOWN($C8266/24,0)+1,1))-1)+IF('Standard Profiles'!$G$22=$B$10,7,0)+IF('Standard Profiles'!$G$22=$B$17,14,0)+IF('Standard Profiles'!$G$22=$B$24,21,0),MOD($C8266,24)+1)/SUM(INDEX($D$3:$AA$30,INDEX(Jesper!$R$2:$R$366,ROW(INDEX(Jesper!AL$2:AL$366,ROUNDDOWN($C8266/24,0)+1,1))-1)+IF('Standard Profiles'!$G$22=$B$10,7,0)+IF('Standard Profiles'!$G$22=$B$17,14,0)+IF('Standard Profiles'!$G$22=$B$24,21,0),0)),0)</f>
        <v>0</v>
      </c>
      <c r="I8266">
        <f t="shared" si="916"/>
        <v>8.2195133389656949E-2</v>
      </c>
      <c r="J8266">
        <f t="shared" si="917"/>
        <v>0.27398377796552315</v>
      </c>
      <c r="K8266">
        <f t="shared" si="918"/>
        <v>0.41097566694828475</v>
      </c>
      <c r="L8266">
        <f t="shared" si="919"/>
        <v>1.9726832013517666</v>
      </c>
      <c r="M8266">
        <f t="shared" si="920"/>
        <v>0</v>
      </c>
      <c r="N8266" s="46">
        <f t="shared" si="921"/>
        <v>45634.999999980035</v>
      </c>
    </row>
    <row r="8267" spans="2:14" x14ac:dyDescent="0.3">
      <c r="B8267">
        <f t="shared" si="915"/>
        <v>1</v>
      </c>
      <c r="C8267" s="16">
        <v>8233</v>
      </c>
      <c r="D8267" cm="1">
        <f t="array" ref="D8267">IFERROR(INDEX(Jesper!AH$2:AH$366,ROUNDDOWN($C8267/24,0)+1,1)*INDEX($D$3:$AA$30,INDEX(Jesper!$R$2:$R$366,ROW(INDEX(Jesper!AH$2:AH$366,ROUNDDOWN($C8267/24,0)+1,1))-1)+IF('Standard Profiles'!$G$18=$B$10,7,0)+IF('Standard Profiles'!$G$18=$B$17,14,0)+IF('Standard Profiles'!$G$18=$B$24,21,0),MOD($C8267,24)+1)/SUM(INDEX($D$3:$AA$30,INDEX(Jesper!$R$2:$R$366,ROW(INDEX(Jesper!AH$2:AH$366,ROUNDDOWN($C8267/24,0)+1,1))-1)+IF('Standard Profiles'!$G$18=$B$10,7,0)+IF('Standard Profiles'!$G$18=$B$17,14,0)+IF('Standard Profiles'!$G$18=$B$24,21,0),0)),0)</f>
        <v>2.7398377796552316</v>
      </c>
      <c r="E8267" cm="1">
        <f t="array" ref="E8267">IFERROR(INDEX(Jesper!AI$2:AI$366,ROUNDDOWN($C8267/24,0)+1,1)*INDEX($D$3:$AA$30,INDEX(Jesper!$R$2:$R$366,ROW(INDEX(Jesper!AI$2:AI$366,ROUNDDOWN($C8267/24,0)+1,1))-1)+IF('Standard Profiles'!$G$19=$B$10,7,0)+IF('Standard Profiles'!$G$19=$B$17,14,0)+IF('Standard Profiles'!$G$19=$B$24,21,0),MOD($C8267,24)+1)/SUM(INDEX($D$3:$AA$30,INDEX(Jesper!$R$2:$R$366,ROW(INDEX(Jesper!AI$2:AI$366,ROUNDDOWN($C8267/24,0)+1,1))-1)+IF('Standard Profiles'!$G$19=$B$10,7,0)+IF('Standard Profiles'!$G$19=$B$17,14,0)+IF('Standard Profiles'!$G$19=$B$24,21,0),0)),0)</f>
        <v>0</v>
      </c>
      <c r="F8267" cm="1">
        <f t="array" ref="F8267">IFERROR(INDEX(Jesper!AJ$2:AJ$366,ROUNDDOWN($C8267/24,0)+1,1)*INDEX($D$3:$AA$30,INDEX(Jesper!$R$2:$R$366,ROW(INDEX(Jesper!AJ$2:AJ$366,ROUNDDOWN($C8267/24,0)+1,1))-1)+IF('Standard Profiles'!$G$20=$B$10,7,0)+IF('Standard Profiles'!$G$20=$B$17,14,0)+IF('Standard Profiles'!$G$20=$B$24,21,0),MOD($C8267,24)+1)/SUM(INDEX($D$3:$AA$30,INDEX(Jesper!$R$2:$R$366,ROW(INDEX(Jesper!AJ$2:AJ$366,ROUNDDOWN($C8267/24,0)+1,1))-1)+IF('Standard Profiles'!$G$20=$B$10,7,0)+IF('Standard Profiles'!$G$20=$B$17,14,0)+IF('Standard Profiles'!$G$20=$B$24,21,0),0)),0)</f>
        <v>0</v>
      </c>
      <c r="G8267" cm="1">
        <f t="array" ref="G8267">IFERROR(INDEX(Jesper!AK$2:AK$366,ROUNDDOWN($C8267/24,0)+1,1)*INDEX($D$3:$AA$30,INDEX(Jesper!$R$2:$R$366,ROW(INDEX(Jesper!AK$2:AK$366,ROUNDDOWN($C8267/24,0)+1,1))-1)+IF('Standard Profiles'!$G$21=$B$10,7,0)+IF('Standard Profiles'!$G$21=$B$17,14,0)+IF('Standard Profiles'!$G$21=$B$24,21,0),MOD($C8267,24)+1)/SUM(INDEX($D$3:$AA$30,INDEX(Jesper!$R$2:$R$366,ROW(INDEX(Jesper!AK$2:AK$366,ROUNDDOWN($C8267/24,0)+1,1))-1)+IF('Standard Profiles'!$G$21=$B$10,7,0)+IF('Standard Profiles'!$G$21=$B$17,14,0)+IF('Standard Profiles'!$G$21=$B$24,21,0),0)),0)</f>
        <v>0</v>
      </c>
      <c r="H8267" cm="1">
        <f t="array" ref="H8267">IFERROR(INDEX(Jesper!AL$2:AL$366,ROUNDDOWN($C8267/24,0)+1,1)*INDEX($D$3:$AA$30,INDEX(Jesper!$R$2:$R$366,ROW(INDEX(Jesper!AL$2:AL$366,ROUNDDOWN($C8267/24,0)+1,1))-1)+IF('Standard Profiles'!$G$22=$B$10,7,0)+IF('Standard Profiles'!$G$22=$B$17,14,0)+IF('Standard Profiles'!$G$22=$B$24,21,0),MOD($C8267,24)+1)/SUM(INDEX($D$3:$AA$30,INDEX(Jesper!$R$2:$R$366,ROW(INDEX(Jesper!AL$2:AL$366,ROUNDDOWN($C8267/24,0)+1,1))-1)+IF('Standard Profiles'!$G$22=$B$10,7,0)+IF('Standard Profiles'!$G$22=$B$17,14,0)+IF('Standard Profiles'!$G$22=$B$24,21,0),0)),0)</f>
        <v>0</v>
      </c>
      <c r="I8267">
        <f t="shared" si="916"/>
        <v>8.2195133389656949E-2</v>
      </c>
      <c r="J8267">
        <f t="shared" si="917"/>
        <v>0.27398377796552315</v>
      </c>
      <c r="K8267">
        <f t="shared" si="918"/>
        <v>0.41097566694828475</v>
      </c>
      <c r="L8267">
        <f t="shared" si="919"/>
        <v>1.9726832013517666</v>
      </c>
      <c r="M8267">
        <f t="shared" si="920"/>
        <v>0</v>
      </c>
      <c r="N8267" s="46">
        <f t="shared" si="921"/>
        <v>45635.041666646699</v>
      </c>
    </row>
    <row r="8268" spans="2:14" x14ac:dyDescent="0.3">
      <c r="B8268">
        <f t="shared" si="915"/>
        <v>1</v>
      </c>
      <c r="C8268" s="16">
        <v>8234</v>
      </c>
      <c r="D8268" cm="1">
        <f t="array" ref="D8268">IFERROR(INDEX(Jesper!AH$2:AH$366,ROUNDDOWN($C8268/24,0)+1,1)*INDEX($D$3:$AA$30,INDEX(Jesper!$R$2:$R$366,ROW(INDEX(Jesper!AH$2:AH$366,ROUNDDOWN($C8268/24,0)+1,1))-1)+IF('Standard Profiles'!$G$18=$B$10,7,0)+IF('Standard Profiles'!$G$18=$B$17,14,0)+IF('Standard Profiles'!$G$18=$B$24,21,0),MOD($C8268,24)+1)/SUM(INDEX($D$3:$AA$30,INDEX(Jesper!$R$2:$R$366,ROW(INDEX(Jesper!AH$2:AH$366,ROUNDDOWN($C8268/24,0)+1,1))-1)+IF('Standard Profiles'!$G$18=$B$10,7,0)+IF('Standard Profiles'!$G$18=$B$17,14,0)+IF('Standard Profiles'!$G$18=$B$24,21,0),0)),0)</f>
        <v>2.7398377796552316</v>
      </c>
      <c r="E8268" cm="1">
        <f t="array" ref="E8268">IFERROR(INDEX(Jesper!AI$2:AI$366,ROUNDDOWN($C8268/24,0)+1,1)*INDEX($D$3:$AA$30,INDEX(Jesper!$R$2:$R$366,ROW(INDEX(Jesper!AI$2:AI$366,ROUNDDOWN($C8268/24,0)+1,1))-1)+IF('Standard Profiles'!$G$19=$B$10,7,0)+IF('Standard Profiles'!$G$19=$B$17,14,0)+IF('Standard Profiles'!$G$19=$B$24,21,0),MOD($C8268,24)+1)/SUM(INDEX($D$3:$AA$30,INDEX(Jesper!$R$2:$R$366,ROW(INDEX(Jesper!AI$2:AI$366,ROUNDDOWN($C8268/24,0)+1,1))-1)+IF('Standard Profiles'!$G$19=$B$10,7,0)+IF('Standard Profiles'!$G$19=$B$17,14,0)+IF('Standard Profiles'!$G$19=$B$24,21,0),0)),0)</f>
        <v>0</v>
      </c>
      <c r="F8268" cm="1">
        <f t="array" ref="F8268">IFERROR(INDEX(Jesper!AJ$2:AJ$366,ROUNDDOWN($C8268/24,0)+1,1)*INDEX($D$3:$AA$30,INDEX(Jesper!$R$2:$R$366,ROW(INDEX(Jesper!AJ$2:AJ$366,ROUNDDOWN($C8268/24,0)+1,1))-1)+IF('Standard Profiles'!$G$20=$B$10,7,0)+IF('Standard Profiles'!$G$20=$B$17,14,0)+IF('Standard Profiles'!$G$20=$B$24,21,0),MOD($C8268,24)+1)/SUM(INDEX($D$3:$AA$30,INDEX(Jesper!$R$2:$R$366,ROW(INDEX(Jesper!AJ$2:AJ$366,ROUNDDOWN($C8268/24,0)+1,1))-1)+IF('Standard Profiles'!$G$20=$B$10,7,0)+IF('Standard Profiles'!$G$20=$B$17,14,0)+IF('Standard Profiles'!$G$20=$B$24,21,0),0)),0)</f>
        <v>0</v>
      </c>
      <c r="G8268" cm="1">
        <f t="array" ref="G8268">IFERROR(INDEX(Jesper!AK$2:AK$366,ROUNDDOWN($C8268/24,0)+1,1)*INDEX($D$3:$AA$30,INDEX(Jesper!$R$2:$R$366,ROW(INDEX(Jesper!AK$2:AK$366,ROUNDDOWN($C8268/24,0)+1,1))-1)+IF('Standard Profiles'!$G$21=$B$10,7,0)+IF('Standard Profiles'!$G$21=$B$17,14,0)+IF('Standard Profiles'!$G$21=$B$24,21,0),MOD($C8268,24)+1)/SUM(INDEX($D$3:$AA$30,INDEX(Jesper!$R$2:$R$366,ROW(INDEX(Jesper!AK$2:AK$366,ROUNDDOWN($C8268/24,0)+1,1))-1)+IF('Standard Profiles'!$G$21=$B$10,7,0)+IF('Standard Profiles'!$G$21=$B$17,14,0)+IF('Standard Profiles'!$G$21=$B$24,21,0),0)),0)</f>
        <v>0</v>
      </c>
      <c r="H8268" cm="1">
        <f t="array" ref="H8268">IFERROR(INDEX(Jesper!AL$2:AL$366,ROUNDDOWN($C8268/24,0)+1,1)*INDEX($D$3:$AA$30,INDEX(Jesper!$R$2:$R$366,ROW(INDEX(Jesper!AL$2:AL$366,ROUNDDOWN($C8268/24,0)+1,1))-1)+IF('Standard Profiles'!$G$22=$B$10,7,0)+IF('Standard Profiles'!$G$22=$B$17,14,0)+IF('Standard Profiles'!$G$22=$B$24,21,0),MOD($C8268,24)+1)/SUM(INDEX($D$3:$AA$30,INDEX(Jesper!$R$2:$R$366,ROW(INDEX(Jesper!AL$2:AL$366,ROUNDDOWN($C8268/24,0)+1,1))-1)+IF('Standard Profiles'!$G$22=$B$10,7,0)+IF('Standard Profiles'!$G$22=$B$17,14,0)+IF('Standard Profiles'!$G$22=$B$24,21,0),0)),0)</f>
        <v>0</v>
      </c>
      <c r="I8268">
        <f t="shared" si="916"/>
        <v>8.2195133389656949E-2</v>
      </c>
      <c r="J8268">
        <f t="shared" si="917"/>
        <v>0.27398377796552315</v>
      </c>
      <c r="K8268">
        <f t="shared" si="918"/>
        <v>0.41097566694828475</v>
      </c>
      <c r="L8268">
        <f t="shared" si="919"/>
        <v>1.9726832013517666</v>
      </c>
      <c r="M8268">
        <f t="shared" si="920"/>
        <v>0</v>
      </c>
      <c r="N8268" s="46">
        <f t="shared" si="921"/>
        <v>45635.083333313363</v>
      </c>
    </row>
    <row r="8269" spans="2:14" x14ac:dyDescent="0.3">
      <c r="B8269">
        <f t="shared" si="915"/>
        <v>1</v>
      </c>
      <c r="C8269" s="16">
        <v>8235</v>
      </c>
      <c r="D8269" cm="1">
        <f t="array" ref="D8269">IFERROR(INDEX(Jesper!AH$2:AH$366,ROUNDDOWN($C8269/24,0)+1,1)*INDEX($D$3:$AA$30,INDEX(Jesper!$R$2:$R$366,ROW(INDEX(Jesper!AH$2:AH$366,ROUNDDOWN($C8269/24,0)+1,1))-1)+IF('Standard Profiles'!$G$18=$B$10,7,0)+IF('Standard Profiles'!$G$18=$B$17,14,0)+IF('Standard Profiles'!$G$18=$B$24,21,0),MOD($C8269,24)+1)/SUM(INDEX($D$3:$AA$30,INDEX(Jesper!$R$2:$R$366,ROW(INDEX(Jesper!AH$2:AH$366,ROUNDDOWN($C8269/24,0)+1,1))-1)+IF('Standard Profiles'!$G$18=$B$10,7,0)+IF('Standard Profiles'!$G$18=$B$17,14,0)+IF('Standard Profiles'!$G$18=$B$24,21,0),0)),0)</f>
        <v>2.7398377796552316</v>
      </c>
      <c r="E8269" cm="1">
        <f t="array" ref="E8269">IFERROR(INDEX(Jesper!AI$2:AI$366,ROUNDDOWN($C8269/24,0)+1,1)*INDEX($D$3:$AA$30,INDEX(Jesper!$R$2:$R$366,ROW(INDEX(Jesper!AI$2:AI$366,ROUNDDOWN($C8269/24,0)+1,1))-1)+IF('Standard Profiles'!$G$19=$B$10,7,0)+IF('Standard Profiles'!$G$19=$B$17,14,0)+IF('Standard Profiles'!$G$19=$B$24,21,0),MOD($C8269,24)+1)/SUM(INDEX($D$3:$AA$30,INDEX(Jesper!$R$2:$R$366,ROW(INDEX(Jesper!AI$2:AI$366,ROUNDDOWN($C8269/24,0)+1,1))-1)+IF('Standard Profiles'!$G$19=$B$10,7,0)+IF('Standard Profiles'!$G$19=$B$17,14,0)+IF('Standard Profiles'!$G$19=$B$24,21,0),0)),0)</f>
        <v>0</v>
      </c>
      <c r="F8269" cm="1">
        <f t="array" ref="F8269">IFERROR(INDEX(Jesper!AJ$2:AJ$366,ROUNDDOWN($C8269/24,0)+1,1)*INDEX($D$3:$AA$30,INDEX(Jesper!$R$2:$R$366,ROW(INDEX(Jesper!AJ$2:AJ$366,ROUNDDOWN($C8269/24,0)+1,1))-1)+IF('Standard Profiles'!$G$20=$B$10,7,0)+IF('Standard Profiles'!$G$20=$B$17,14,0)+IF('Standard Profiles'!$G$20=$B$24,21,0),MOD($C8269,24)+1)/SUM(INDEX($D$3:$AA$30,INDEX(Jesper!$R$2:$R$366,ROW(INDEX(Jesper!AJ$2:AJ$366,ROUNDDOWN($C8269/24,0)+1,1))-1)+IF('Standard Profiles'!$G$20=$B$10,7,0)+IF('Standard Profiles'!$G$20=$B$17,14,0)+IF('Standard Profiles'!$G$20=$B$24,21,0),0)),0)</f>
        <v>0</v>
      </c>
      <c r="G8269" cm="1">
        <f t="array" ref="G8269">IFERROR(INDEX(Jesper!AK$2:AK$366,ROUNDDOWN($C8269/24,0)+1,1)*INDEX($D$3:$AA$30,INDEX(Jesper!$R$2:$R$366,ROW(INDEX(Jesper!AK$2:AK$366,ROUNDDOWN($C8269/24,0)+1,1))-1)+IF('Standard Profiles'!$G$21=$B$10,7,0)+IF('Standard Profiles'!$G$21=$B$17,14,0)+IF('Standard Profiles'!$G$21=$B$24,21,0),MOD($C8269,24)+1)/SUM(INDEX($D$3:$AA$30,INDEX(Jesper!$R$2:$R$366,ROW(INDEX(Jesper!AK$2:AK$366,ROUNDDOWN($C8269/24,0)+1,1))-1)+IF('Standard Profiles'!$G$21=$B$10,7,0)+IF('Standard Profiles'!$G$21=$B$17,14,0)+IF('Standard Profiles'!$G$21=$B$24,21,0),0)),0)</f>
        <v>0</v>
      </c>
      <c r="H8269" cm="1">
        <f t="array" ref="H8269">IFERROR(INDEX(Jesper!AL$2:AL$366,ROUNDDOWN($C8269/24,0)+1,1)*INDEX($D$3:$AA$30,INDEX(Jesper!$R$2:$R$366,ROW(INDEX(Jesper!AL$2:AL$366,ROUNDDOWN($C8269/24,0)+1,1))-1)+IF('Standard Profiles'!$G$22=$B$10,7,0)+IF('Standard Profiles'!$G$22=$B$17,14,0)+IF('Standard Profiles'!$G$22=$B$24,21,0),MOD($C8269,24)+1)/SUM(INDEX($D$3:$AA$30,INDEX(Jesper!$R$2:$R$366,ROW(INDEX(Jesper!AL$2:AL$366,ROUNDDOWN($C8269/24,0)+1,1))-1)+IF('Standard Profiles'!$G$22=$B$10,7,0)+IF('Standard Profiles'!$G$22=$B$17,14,0)+IF('Standard Profiles'!$G$22=$B$24,21,0),0)),0)</f>
        <v>0</v>
      </c>
      <c r="I8269">
        <f t="shared" si="916"/>
        <v>8.2195133389656949E-2</v>
      </c>
      <c r="J8269">
        <f t="shared" si="917"/>
        <v>0.27398377796552315</v>
      </c>
      <c r="K8269">
        <f t="shared" si="918"/>
        <v>0.41097566694828475</v>
      </c>
      <c r="L8269">
        <f t="shared" si="919"/>
        <v>1.9726832013517666</v>
      </c>
      <c r="M8269">
        <f t="shared" si="920"/>
        <v>0</v>
      </c>
      <c r="N8269" s="46">
        <f t="shared" si="921"/>
        <v>45635.124999980027</v>
      </c>
    </row>
    <row r="8270" spans="2:14" x14ac:dyDescent="0.3">
      <c r="B8270">
        <f t="shared" si="915"/>
        <v>1</v>
      </c>
      <c r="C8270" s="16">
        <v>8236</v>
      </c>
      <c r="D8270" cm="1">
        <f t="array" ref="D8270">IFERROR(INDEX(Jesper!AH$2:AH$366,ROUNDDOWN($C8270/24,0)+1,1)*INDEX($D$3:$AA$30,INDEX(Jesper!$R$2:$R$366,ROW(INDEX(Jesper!AH$2:AH$366,ROUNDDOWN($C8270/24,0)+1,1))-1)+IF('Standard Profiles'!$G$18=$B$10,7,0)+IF('Standard Profiles'!$G$18=$B$17,14,0)+IF('Standard Profiles'!$G$18=$B$24,21,0),MOD($C8270,24)+1)/SUM(INDEX($D$3:$AA$30,INDEX(Jesper!$R$2:$R$366,ROW(INDEX(Jesper!AH$2:AH$366,ROUNDDOWN($C8270/24,0)+1,1))-1)+IF('Standard Profiles'!$G$18=$B$10,7,0)+IF('Standard Profiles'!$G$18=$B$17,14,0)+IF('Standard Profiles'!$G$18=$B$24,21,0),0)),0)</f>
        <v>2.7398377796552316</v>
      </c>
      <c r="E8270" cm="1">
        <f t="array" ref="E8270">IFERROR(INDEX(Jesper!AI$2:AI$366,ROUNDDOWN($C8270/24,0)+1,1)*INDEX($D$3:$AA$30,INDEX(Jesper!$R$2:$R$366,ROW(INDEX(Jesper!AI$2:AI$366,ROUNDDOWN($C8270/24,0)+1,1))-1)+IF('Standard Profiles'!$G$19=$B$10,7,0)+IF('Standard Profiles'!$G$19=$B$17,14,0)+IF('Standard Profiles'!$G$19=$B$24,21,0),MOD($C8270,24)+1)/SUM(INDEX($D$3:$AA$30,INDEX(Jesper!$R$2:$R$366,ROW(INDEX(Jesper!AI$2:AI$366,ROUNDDOWN($C8270/24,0)+1,1))-1)+IF('Standard Profiles'!$G$19=$B$10,7,0)+IF('Standard Profiles'!$G$19=$B$17,14,0)+IF('Standard Profiles'!$G$19=$B$24,21,0),0)),0)</f>
        <v>0</v>
      </c>
      <c r="F8270" cm="1">
        <f t="array" ref="F8270">IFERROR(INDEX(Jesper!AJ$2:AJ$366,ROUNDDOWN($C8270/24,0)+1,1)*INDEX($D$3:$AA$30,INDEX(Jesper!$R$2:$R$366,ROW(INDEX(Jesper!AJ$2:AJ$366,ROUNDDOWN($C8270/24,0)+1,1))-1)+IF('Standard Profiles'!$G$20=$B$10,7,0)+IF('Standard Profiles'!$G$20=$B$17,14,0)+IF('Standard Profiles'!$G$20=$B$24,21,0),MOD($C8270,24)+1)/SUM(INDEX($D$3:$AA$30,INDEX(Jesper!$R$2:$R$366,ROW(INDEX(Jesper!AJ$2:AJ$366,ROUNDDOWN($C8270/24,0)+1,1))-1)+IF('Standard Profiles'!$G$20=$B$10,7,0)+IF('Standard Profiles'!$G$20=$B$17,14,0)+IF('Standard Profiles'!$G$20=$B$24,21,0),0)),0)</f>
        <v>0</v>
      </c>
      <c r="G8270" cm="1">
        <f t="array" ref="G8270">IFERROR(INDEX(Jesper!AK$2:AK$366,ROUNDDOWN($C8270/24,0)+1,1)*INDEX($D$3:$AA$30,INDEX(Jesper!$R$2:$R$366,ROW(INDEX(Jesper!AK$2:AK$366,ROUNDDOWN($C8270/24,0)+1,1))-1)+IF('Standard Profiles'!$G$21=$B$10,7,0)+IF('Standard Profiles'!$G$21=$B$17,14,0)+IF('Standard Profiles'!$G$21=$B$24,21,0),MOD($C8270,24)+1)/SUM(INDEX($D$3:$AA$30,INDEX(Jesper!$R$2:$R$366,ROW(INDEX(Jesper!AK$2:AK$366,ROUNDDOWN($C8270/24,0)+1,1))-1)+IF('Standard Profiles'!$G$21=$B$10,7,0)+IF('Standard Profiles'!$G$21=$B$17,14,0)+IF('Standard Profiles'!$G$21=$B$24,21,0),0)),0)</f>
        <v>0</v>
      </c>
      <c r="H8270" cm="1">
        <f t="array" ref="H8270">IFERROR(INDEX(Jesper!AL$2:AL$366,ROUNDDOWN($C8270/24,0)+1,1)*INDEX($D$3:$AA$30,INDEX(Jesper!$R$2:$R$366,ROW(INDEX(Jesper!AL$2:AL$366,ROUNDDOWN($C8270/24,0)+1,1))-1)+IF('Standard Profiles'!$G$22=$B$10,7,0)+IF('Standard Profiles'!$G$22=$B$17,14,0)+IF('Standard Profiles'!$G$22=$B$24,21,0),MOD($C8270,24)+1)/SUM(INDEX($D$3:$AA$30,INDEX(Jesper!$R$2:$R$366,ROW(INDEX(Jesper!AL$2:AL$366,ROUNDDOWN($C8270/24,0)+1,1))-1)+IF('Standard Profiles'!$G$22=$B$10,7,0)+IF('Standard Profiles'!$G$22=$B$17,14,0)+IF('Standard Profiles'!$G$22=$B$24,21,0),0)),0)</f>
        <v>0</v>
      </c>
      <c r="I8270">
        <f t="shared" si="916"/>
        <v>8.2195133389656949E-2</v>
      </c>
      <c r="J8270">
        <f t="shared" si="917"/>
        <v>0.27398377796552315</v>
      </c>
      <c r="K8270">
        <f t="shared" si="918"/>
        <v>0.41097566694828475</v>
      </c>
      <c r="L8270">
        <f t="shared" si="919"/>
        <v>1.9726832013517666</v>
      </c>
      <c r="M8270">
        <f t="shared" si="920"/>
        <v>0</v>
      </c>
      <c r="N8270" s="46">
        <f t="shared" si="921"/>
        <v>45635.166666646692</v>
      </c>
    </row>
    <row r="8271" spans="2:14" x14ac:dyDescent="0.3">
      <c r="B8271">
        <f t="shared" si="915"/>
        <v>1</v>
      </c>
      <c r="C8271" s="16">
        <v>8237</v>
      </c>
      <c r="D8271" cm="1">
        <f t="array" ref="D8271">IFERROR(INDEX(Jesper!AH$2:AH$366,ROUNDDOWN($C8271/24,0)+1,1)*INDEX($D$3:$AA$30,INDEX(Jesper!$R$2:$R$366,ROW(INDEX(Jesper!AH$2:AH$366,ROUNDDOWN($C8271/24,0)+1,1))-1)+IF('Standard Profiles'!$G$18=$B$10,7,0)+IF('Standard Profiles'!$G$18=$B$17,14,0)+IF('Standard Profiles'!$G$18=$B$24,21,0),MOD($C8271,24)+1)/SUM(INDEX($D$3:$AA$30,INDEX(Jesper!$R$2:$R$366,ROW(INDEX(Jesper!AH$2:AH$366,ROUNDDOWN($C8271/24,0)+1,1))-1)+IF('Standard Profiles'!$G$18=$B$10,7,0)+IF('Standard Profiles'!$G$18=$B$17,14,0)+IF('Standard Profiles'!$G$18=$B$24,21,0),0)),0)</f>
        <v>11.872630378506003</v>
      </c>
      <c r="E8271" cm="1">
        <f t="array" ref="E8271">IFERROR(INDEX(Jesper!AI$2:AI$366,ROUNDDOWN($C8271/24,0)+1,1)*INDEX($D$3:$AA$30,INDEX(Jesper!$R$2:$R$366,ROW(INDEX(Jesper!AI$2:AI$366,ROUNDDOWN($C8271/24,0)+1,1))-1)+IF('Standard Profiles'!$G$19=$B$10,7,0)+IF('Standard Profiles'!$G$19=$B$17,14,0)+IF('Standard Profiles'!$G$19=$B$24,21,0),MOD($C8271,24)+1)/SUM(INDEX($D$3:$AA$30,INDEX(Jesper!$R$2:$R$366,ROW(INDEX(Jesper!AI$2:AI$366,ROUNDDOWN($C8271/24,0)+1,1))-1)+IF('Standard Profiles'!$G$19=$B$10,7,0)+IF('Standard Profiles'!$G$19=$B$17,14,0)+IF('Standard Profiles'!$G$19=$B$24,21,0),0)),0)</f>
        <v>0</v>
      </c>
      <c r="F8271" cm="1">
        <f t="array" ref="F8271">IFERROR(INDEX(Jesper!AJ$2:AJ$366,ROUNDDOWN($C8271/24,0)+1,1)*INDEX($D$3:$AA$30,INDEX(Jesper!$R$2:$R$366,ROW(INDEX(Jesper!AJ$2:AJ$366,ROUNDDOWN($C8271/24,0)+1,1))-1)+IF('Standard Profiles'!$G$20=$B$10,7,0)+IF('Standard Profiles'!$G$20=$B$17,14,0)+IF('Standard Profiles'!$G$20=$B$24,21,0),MOD($C8271,24)+1)/SUM(INDEX($D$3:$AA$30,INDEX(Jesper!$R$2:$R$366,ROW(INDEX(Jesper!AJ$2:AJ$366,ROUNDDOWN($C8271/24,0)+1,1))-1)+IF('Standard Profiles'!$G$20=$B$10,7,0)+IF('Standard Profiles'!$G$20=$B$17,14,0)+IF('Standard Profiles'!$G$20=$B$24,21,0),0)),0)</f>
        <v>0</v>
      </c>
      <c r="G8271" cm="1">
        <f t="array" ref="G8271">IFERROR(INDEX(Jesper!AK$2:AK$366,ROUNDDOWN($C8271/24,0)+1,1)*INDEX($D$3:$AA$30,INDEX(Jesper!$R$2:$R$366,ROW(INDEX(Jesper!AK$2:AK$366,ROUNDDOWN($C8271/24,0)+1,1))-1)+IF('Standard Profiles'!$G$21=$B$10,7,0)+IF('Standard Profiles'!$G$21=$B$17,14,0)+IF('Standard Profiles'!$G$21=$B$24,21,0),MOD($C8271,24)+1)/SUM(INDEX($D$3:$AA$30,INDEX(Jesper!$R$2:$R$366,ROW(INDEX(Jesper!AK$2:AK$366,ROUNDDOWN($C8271/24,0)+1,1))-1)+IF('Standard Profiles'!$G$21=$B$10,7,0)+IF('Standard Profiles'!$G$21=$B$17,14,0)+IF('Standard Profiles'!$G$21=$B$24,21,0),0)),0)</f>
        <v>0</v>
      </c>
      <c r="H8271" cm="1">
        <f t="array" ref="H8271">IFERROR(INDEX(Jesper!AL$2:AL$366,ROUNDDOWN($C8271/24,0)+1,1)*INDEX($D$3:$AA$30,INDEX(Jesper!$R$2:$R$366,ROW(INDEX(Jesper!AL$2:AL$366,ROUNDDOWN($C8271/24,0)+1,1))-1)+IF('Standard Profiles'!$G$22=$B$10,7,0)+IF('Standard Profiles'!$G$22=$B$17,14,0)+IF('Standard Profiles'!$G$22=$B$24,21,0),MOD($C8271,24)+1)/SUM(INDEX($D$3:$AA$30,INDEX(Jesper!$R$2:$R$366,ROW(INDEX(Jesper!AL$2:AL$366,ROUNDDOWN($C8271/24,0)+1,1))-1)+IF('Standard Profiles'!$G$22=$B$10,7,0)+IF('Standard Profiles'!$G$22=$B$17,14,0)+IF('Standard Profiles'!$G$22=$B$24,21,0),0)),0)</f>
        <v>0</v>
      </c>
      <c r="I8271">
        <f t="shared" si="916"/>
        <v>0.35617891135518004</v>
      </c>
      <c r="J8271">
        <f t="shared" si="917"/>
        <v>1.1872630378506004</v>
      </c>
      <c r="K8271">
        <f t="shared" si="918"/>
        <v>1.7808945567759003</v>
      </c>
      <c r="L8271">
        <f t="shared" si="919"/>
        <v>8.5482938725243223</v>
      </c>
      <c r="M8271">
        <f t="shared" si="920"/>
        <v>0</v>
      </c>
      <c r="N8271" s="46">
        <f t="shared" si="921"/>
        <v>45635.208333313356</v>
      </c>
    </row>
    <row r="8272" spans="2:14" x14ac:dyDescent="0.3">
      <c r="B8272">
        <f t="shared" si="915"/>
        <v>1</v>
      </c>
      <c r="C8272" s="16">
        <v>8238</v>
      </c>
      <c r="D8272" cm="1">
        <f t="array" ref="D8272">IFERROR(INDEX(Jesper!AH$2:AH$366,ROUNDDOWN($C8272/24,0)+1,1)*INDEX($D$3:$AA$30,INDEX(Jesper!$R$2:$R$366,ROW(INDEX(Jesper!AH$2:AH$366,ROUNDDOWN($C8272/24,0)+1,1))-1)+IF('Standard Profiles'!$G$18=$B$10,7,0)+IF('Standard Profiles'!$G$18=$B$17,14,0)+IF('Standard Profiles'!$G$18=$B$24,21,0),MOD($C8272,24)+1)/SUM(INDEX($D$3:$AA$30,INDEX(Jesper!$R$2:$R$366,ROW(INDEX(Jesper!AH$2:AH$366,ROUNDDOWN($C8272/24,0)+1,1))-1)+IF('Standard Profiles'!$G$18=$B$10,7,0)+IF('Standard Profiles'!$G$18=$B$17,14,0)+IF('Standard Profiles'!$G$18=$B$24,21,0),0)),0)</f>
        <v>13.470869083304887</v>
      </c>
      <c r="E8272" cm="1">
        <f t="array" ref="E8272">IFERROR(INDEX(Jesper!AI$2:AI$366,ROUNDDOWN($C8272/24,0)+1,1)*INDEX($D$3:$AA$30,INDEX(Jesper!$R$2:$R$366,ROW(INDEX(Jesper!AI$2:AI$366,ROUNDDOWN($C8272/24,0)+1,1))-1)+IF('Standard Profiles'!$G$19=$B$10,7,0)+IF('Standard Profiles'!$G$19=$B$17,14,0)+IF('Standard Profiles'!$G$19=$B$24,21,0),MOD($C8272,24)+1)/SUM(INDEX($D$3:$AA$30,INDEX(Jesper!$R$2:$R$366,ROW(INDEX(Jesper!AI$2:AI$366,ROUNDDOWN($C8272/24,0)+1,1))-1)+IF('Standard Profiles'!$G$19=$B$10,7,0)+IF('Standard Profiles'!$G$19=$B$17,14,0)+IF('Standard Profiles'!$G$19=$B$24,21,0),0)),0)</f>
        <v>0</v>
      </c>
      <c r="F8272" cm="1">
        <f t="array" ref="F8272">IFERROR(INDEX(Jesper!AJ$2:AJ$366,ROUNDDOWN($C8272/24,0)+1,1)*INDEX($D$3:$AA$30,INDEX(Jesper!$R$2:$R$366,ROW(INDEX(Jesper!AJ$2:AJ$366,ROUNDDOWN($C8272/24,0)+1,1))-1)+IF('Standard Profiles'!$G$20=$B$10,7,0)+IF('Standard Profiles'!$G$20=$B$17,14,0)+IF('Standard Profiles'!$G$20=$B$24,21,0),MOD($C8272,24)+1)/SUM(INDEX($D$3:$AA$30,INDEX(Jesper!$R$2:$R$366,ROW(INDEX(Jesper!AJ$2:AJ$366,ROUNDDOWN($C8272/24,0)+1,1))-1)+IF('Standard Profiles'!$G$20=$B$10,7,0)+IF('Standard Profiles'!$G$20=$B$17,14,0)+IF('Standard Profiles'!$G$20=$B$24,21,0),0)),0)</f>
        <v>0</v>
      </c>
      <c r="G8272" cm="1">
        <f t="array" ref="G8272">IFERROR(INDEX(Jesper!AK$2:AK$366,ROUNDDOWN($C8272/24,0)+1,1)*INDEX($D$3:$AA$30,INDEX(Jesper!$R$2:$R$366,ROW(INDEX(Jesper!AK$2:AK$366,ROUNDDOWN($C8272/24,0)+1,1))-1)+IF('Standard Profiles'!$G$21=$B$10,7,0)+IF('Standard Profiles'!$G$21=$B$17,14,0)+IF('Standard Profiles'!$G$21=$B$24,21,0),MOD($C8272,24)+1)/SUM(INDEX($D$3:$AA$30,INDEX(Jesper!$R$2:$R$366,ROW(INDEX(Jesper!AK$2:AK$366,ROUNDDOWN($C8272/24,0)+1,1))-1)+IF('Standard Profiles'!$G$21=$B$10,7,0)+IF('Standard Profiles'!$G$21=$B$17,14,0)+IF('Standard Profiles'!$G$21=$B$24,21,0),0)),0)</f>
        <v>0</v>
      </c>
      <c r="H8272" cm="1">
        <f t="array" ref="H8272">IFERROR(INDEX(Jesper!AL$2:AL$366,ROUNDDOWN($C8272/24,0)+1,1)*INDEX($D$3:$AA$30,INDEX(Jesper!$R$2:$R$366,ROW(INDEX(Jesper!AL$2:AL$366,ROUNDDOWN($C8272/24,0)+1,1))-1)+IF('Standard Profiles'!$G$22=$B$10,7,0)+IF('Standard Profiles'!$G$22=$B$17,14,0)+IF('Standard Profiles'!$G$22=$B$24,21,0),MOD($C8272,24)+1)/SUM(INDEX($D$3:$AA$30,INDEX(Jesper!$R$2:$R$366,ROW(INDEX(Jesper!AL$2:AL$366,ROUNDDOWN($C8272/24,0)+1,1))-1)+IF('Standard Profiles'!$G$22=$B$10,7,0)+IF('Standard Profiles'!$G$22=$B$17,14,0)+IF('Standard Profiles'!$G$22=$B$24,21,0),0)),0)</f>
        <v>0</v>
      </c>
      <c r="I8272">
        <f t="shared" si="916"/>
        <v>0.40412607249914662</v>
      </c>
      <c r="J8272">
        <f t="shared" si="917"/>
        <v>1.3470869083304888</v>
      </c>
      <c r="K8272">
        <f t="shared" si="918"/>
        <v>2.0206303624957331</v>
      </c>
      <c r="L8272">
        <f t="shared" si="919"/>
        <v>9.6990257399795183</v>
      </c>
      <c r="M8272">
        <f t="shared" si="920"/>
        <v>0</v>
      </c>
      <c r="N8272" s="46">
        <f t="shared" si="921"/>
        <v>45635.24999998002</v>
      </c>
    </row>
    <row r="8273" spans="2:14" x14ac:dyDescent="0.3">
      <c r="B8273">
        <f t="shared" si="915"/>
        <v>1</v>
      </c>
      <c r="C8273" s="16">
        <v>8239</v>
      </c>
      <c r="D8273" cm="1">
        <f t="array" ref="D8273">IFERROR(INDEX(Jesper!AH$2:AH$366,ROUNDDOWN($C8273/24,0)+1,1)*INDEX($D$3:$AA$30,INDEX(Jesper!$R$2:$R$366,ROW(INDEX(Jesper!AH$2:AH$366,ROUNDDOWN($C8273/24,0)+1,1))-1)+IF('Standard Profiles'!$G$18=$B$10,7,0)+IF('Standard Profiles'!$G$18=$B$17,14,0)+IF('Standard Profiles'!$G$18=$B$24,21,0),MOD($C8273,24)+1)/SUM(INDEX($D$3:$AA$30,INDEX(Jesper!$R$2:$R$366,ROW(INDEX(Jesper!AH$2:AH$366,ROUNDDOWN($C8273/24,0)+1,1))-1)+IF('Standard Profiles'!$G$18=$B$10,7,0)+IF('Standard Profiles'!$G$18=$B$17,14,0)+IF('Standard Profiles'!$G$18=$B$24,21,0),0)),0)</f>
        <v>13.470869083304887</v>
      </c>
      <c r="E8273" cm="1">
        <f t="array" ref="E8273">IFERROR(INDEX(Jesper!AI$2:AI$366,ROUNDDOWN($C8273/24,0)+1,1)*INDEX($D$3:$AA$30,INDEX(Jesper!$R$2:$R$366,ROW(INDEX(Jesper!AI$2:AI$366,ROUNDDOWN($C8273/24,0)+1,1))-1)+IF('Standard Profiles'!$G$19=$B$10,7,0)+IF('Standard Profiles'!$G$19=$B$17,14,0)+IF('Standard Profiles'!$G$19=$B$24,21,0),MOD($C8273,24)+1)/SUM(INDEX($D$3:$AA$30,INDEX(Jesper!$R$2:$R$366,ROW(INDEX(Jesper!AI$2:AI$366,ROUNDDOWN($C8273/24,0)+1,1))-1)+IF('Standard Profiles'!$G$19=$B$10,7,0)+IF('Standard Profiles'!$G$19=$B$17,14,0)+IF('Standard Profiles'!$G$19=$B$24,21,0),0)),0)</f>
        <v>0</v>
      </c>
      <c r="F8273" cm="1">
        <f t="array" ref="F8273">IFERROR(INDEX(Jesper!AJ$2:AJ$366,ROUNDDOWN($C8273/24,0)+1,1)*INDEX($D$3:$AA$30,INDEX(Jesper!$R$2:$R$366,ROW(INDEX(Jesper!AJ$2:AJ$366,ROUNDDOWN($C8273/24,0)+1,1))-1)+IF('Standard Profiles'!$G$20=$B$10,7,0)+IF('Standard Profiles'!$G$20=$B$17,14,0)+IF('Standard Profiles'!$G$20=$B$24,21,0),MOD($C8273,24)+1)/SUM(INDEX($D$3:$AA$30,INDEX(Jesper!$R$2:$R$366,ROW(INDEX(Jesper!AJ$2:AJ$366,ROUNDDOWN($C8273/24,0)+1,1))-1)+IF('Standard Profiles'!$G$20=$B$10,7,0)+IF('Standard Profiles'!$G$20=$B$17,14,0)+IF('Standard Profiles'!$G$20=$B$24,21,0),0)),0)</f>
        <v>0</v>
      </c>
      <c r="G8273" cm="1">
        <f t="array" ref="G8273">IFERROR(INDEX(Jesper!AK$2:AK$366,ROUNDDOWN($C8273/24,0)+1,1)*INDEX($D$3:$AA$30,INDEX(Jesper!$R$2:$R$366,ROW(INDEX(Jesper!AK$2:AK$366,ROUNDDOWN($C8273/24,0)+1,1))-1)+IF('Standard Profiles'!$G$21=$B$10,7,0)+IF('Standard Profiles'!$G$21=$B$17,14,0)+IF('Standard Profiles'!$G$21=$B$24,21,0),MOD($C8273,24)+1)/SUM(INDEX($D$3:$AA$30,INDEX(Jesper!$R$2:$R$366,ROW(INDEX(Jesper!AK$2:AK$366,ROUNDDOWN($C8273/24,0)+1,1))-1)+IF('Standard Profiles'!$G$21=$B$10,7,0)+IF('Standard Profiles'!$G$21=$B$17,14,0)+IF('Standard Profiles'!$G$21=$B$24,21,0),0)),0)</f>
        <v>0</v>
      </c>
      <c r="H8273" cm="1">
        <f t="array" ref="H8273">IFERROR(INDEX(Jesper!AL$2:AL$366,ROUNDDOWN($C8273/24,0)+1,1)*INDEX($D$3:$AA$30,INDEX(Jesper!$R$2:$R$366,ROW(INDEX(Jesper!AL$2:AL$366,ROUNDDOWN($C8273/24,0)+1,1))-1)+IF('Standard Profiles'!$G$22=$B$10,7,0)+IF('Standard Profiles'!$G$22=$B$17,14,0)+IF('Standard Profiles'!$G$22=$B$24,21,0),MOD($C8273,24)+1)/SUM(INDEX($D$3:$AA$30,INDEX(Jesper!$R$2:$R$366,ROW(INDEX(Jesper!AL$2:AL$366,ROUNDDOWN($C8273/24,0)+1,1))-1)+IF('Standard Profiles'!$G$22=$B$10,7,0)+IF('Standard Profiles'!$G$22=$B$17,14,0)+IF('Standard Profiles'!$G$22=$B$24,21,0),0)),0)</f>
        <v>0</v>
      </c>
      <c r="I8273">
        <f t="shared" si="916"/>
        <v>0.40412607249914662</v>
      </c>
      <c r="J8273">
        <f t="shared" si="917"/>
        <v>1.3470869083304888</v>
      </c>
      <c r="K8273">
        <f t="shared" si="918"/>
        <v>2.0206303624957331</v>
      </c>
      <c r="L8273">
        <f t="shared" si="919"/>
        <v>9.6990257399795183</v>
      </c>
      <c r="M8273">
        <f t="shared" si="920"/>
        <v>0</v>
      </c>
      <c r="N8273" s="46">
        <f t="shared" si="921"/>
        <v>45635.291666646684</v>
      </c>
    </row>
    <row r="8274" spans="2:14" x14ac:dyDescent="0.3">
      <c r="B8274">
        <f t="shared" si="915"/>
        <v>1</v>
      </c>
      <c r="C8274" s="16">
        <v>8240</v>
      </c>
      <c r="D8274" cm="1">
        <f t="array" ref="D8274">IFERROR(INDEX(Jesper!AH$2:AH$366,ROUNDDOWN($C8274/24,0)+1,1)*INDEX($D$3:$AA$30,INDEX(Jesper!$R$2:$R$366,ROW(INDEX(Jesper!AH$2:AH$366,ROUNDDOWN($C8274/24,0)+1,1))-1)+IF('Standard Profiles'!$G$18=$B$10,7,0)+IF('Standard Profiles'!$G$18=$B$17,14,0)+IF('Standard Profiles'!$G$18=$B$24,21,0),MOD($C8274,24)+1)/SUM(INDEX($D$3:$AA$30,INDEX(Jesper!$R$2:$R$366,ROW(INDEX(Jesper!AH$2:AH$366,ROUNDDOWN($C8274/24,0)+1,1))-1)+IF('Standard Profiles'!$G$18=$B$10,7,0)+IF('Standard Profiles'!$G$18=$B$17,14,0)+IF('Standard Profiles'!$G$18=$B$24,21,0),0)),0)</f>
        <v>13.470869083304887</v>
      </c>
      <c r="E8274" cm="1">
        <f t="array" ref="E8274">IFERROR(INDEX(Jesper!AI$2:AI$366,ROUNDDOWN($C8274/24,0)+1,1)*INDEX($D$3:$AA$30,INDEX(Jesper!$R$2:$R$366,ROW(INDEX(Jesper!AI$2:AI$366,ROUNDDOWN($C8274/24,0)+1,1))-1)+IF('Standard Profiles'!$G$19=$B$10,7,0)+IF('Standard Profiles'!$G$19=$B$17,14,0)+IF('Standard Profiles'!$G$19=$B$24,21,0),MOD($C8274,24)+1)/SUM(INDEX($D$3:$AA$30,INDEX(Jesper!$R$2:$R$366,ROW(INDEX(Jesper!AI$2:AI$366,ROUNDDOWN($C8274/24,0)+1,1))-1)+IF('Standard Profiles'!$G$19=$B$10,7,0)+IF('Standard Profiles'!$G$19=$B$17,14,0)+IF('Standard Profiles'!$G$19=$B$24,21,0),0)),0)</f>
        <v>0</v>
      </c>
      <c r="F8274" cm="1">
        <f t="array" ref="F8274">IFERROR(INDEX(Jesper!AJ$2:AJ$366,ROUNDDOWN($C8274/24,0)+1,1)*INDEX($D$3:$AA$30,INDEX(Jesper!$R$2:$R$366,ROW(INDEX(Jesper!AJ$2:AJ$366,ROUNDDOWN($C8274/24,0)+1,1))-1)+IF('Standard Profiles'!$G$20=$B$10,7,0)+IF('Standard Profiles'!$G$20=$B$17,14,0)+IF('Standard Profiles'!$G$20=$B$24,21,0),MOD($C8274,24)+1)/SUM(INDEX($D$3:$AA$30,INDEX(Jesper!$R$2:$R$366,ROW(INDEX(Jesper!AJ$2:AJ$366,ROUNDDOWN($C8274/24,0)+1,1))-1)+IF('Standard Profiles'!$G$20=$B$10,7,0)+IF('Standard Profiles'!$G$20=$B$17,14,0)+IF('Standard Profiles'!$G$20=$B$24,21,0),0)),0)</f>
        <v>0</v>
      </c>
      <c r="G8274" cm="1">
        <f t="array" ref="G8274">IFERROR(INDEX(Jesper!AK$2:AK$366,ROUNDDOWN($C8274/24,0)+1,1)*INDEX($D$3:$AA$30,INDEX(Jesper!$R$2:$R$366,ROW(INDEX(Jesper!AK$2:AK$366,ROUNDDOWN($C8274/24,0)+1,1))-1)+IF('Standard Profiles'!$G$21=$B$10,7,0)+IF('Standard Profiles'!$G$21=$B$17,14,0)+IF('Standard Profiles'!$G$21=$B$24,21,0),MOD($C8274,24)+1)/SUM(INDEX($D$3:$AA$30,INDEX(Jesper!$R$2:$R$366,ROW(INDEX(Jesper!AK$2:AK$366,ROUNDDOWN($C8274/24,0)+1,1))-1)+IF('Standard Profiles'!$G$21=$B$10,7,0)+IF('Standard Profiles'!$G$21=$B$17,14,0)+IF('Standard Profiles'!$G$21=$B$24,21,0),0)),0)</f>
        <v>0</v>
      </c>
      <c r="H8274" cm="1">
        <f t="array" ref="H8274">IFERROR(INDEX(Jesper!AL$2:AL$366,ROUNDDOWN($C8274/24,0)+1,1)*INDEX($D$3:$AA$30,INDEX(Jesper!$R$2:$R$366,ROW(INDEX(Jesper!AL$2:AL$366,ROUNDDOWN($C8274/24,0)+1,1))-1)+IF('Standard Profiles'!$G$22=$B$10,7,0)+IF('Standard Profiles'!$G$22=$B$17,14,0)+IF('Standard Profiles'!$G$22=$B$24,21,0),MOD($C8274,24)+1)/SUM(INDEX($D$3:$AA$30,INDEX(Jesper!$R$2:$R$366,ROW(INDEX(Jesper!AL$2:AL$366,ROUNDDOWN($C8274/24,0)+1,1))-1)+IF('Standard Profiles'!$G$22=$B$10,7,0)+IF('Standard Profiles'!$G$22=$B$17,14,0)+IF('Standard Profiles'!$G$22=$B$24,21,0),0)),0)</f>
        <v>0</v>
      </c>
      <c r="I8274">
        <f t="shared" si="916"/>
        <v>0.40412607249914662</v>
      </c>
      <c r="J8274">
        <f t="shared" si="917"/>
        <v>1.3470869083304888</v>
      </c>
      <c r="K8274">
        <f t="shared" si="918"/>
        <v>2.0206303624957331</v>
      </c>
      <c r="L8274">
        <f t="shared" si="919"/>
        <v>9.6990257399795183</v>
      </c>
      <c r="M8274">
        <f t="shared" si="920"/>
        <v>0</v>
      </c>
      <c r="N8274" s="46">
        <f t="shared" si="921"/>
        <v>45635.333333313349</v>
      </c>
    </row>
    <row r="8275" spans="2:14" x14ac:dyDescent="0.3">
      <c r="B8275">
        <f t="shared" si="915"/>
        <v>1</v>
      </c>
      <c r="C8275" s="16">
        <v>8241</v>
      </c>
      <c r="D8275" cm="1">
        <f t="array" ref="D8275">IFERROR(INDEX(Jesper!AH$2:AH$366,ROUNDDOWN($C8275/24,0)+1,1)*INDEX($D$3:$AA$30,INDEX(Jesper!$R$2:$R$366,ROW(INDEX(Jesper!AH$2:AH$366,ROUNDDOWN($C8275/24,0)+1,1))-1)+IF('Standard Profiles'!$G$18=$B$10,7,0)+IF('Standard Profiles'!$G$18=$B$17,14,0)+IF('Standard Profiles'!$G$18=$B$24,21,0),MOD($C8275,24)+1)/SUM(INDEX($D$3:$AA$30,INDEX(Jesper!$R$2:$R$366,ROW(INDEX(Jesper!AH$2:AH$366,ROUNDDOWN($C8275/24,0)+1,1))-1)+IF('Standard Profiles'!$G$18=$B$10,7,0)+IF('Standard Profiles'!$G$18=$B$17,14,0)+IF('Standard Profiles'!$G$18=$B$24,21,0),0)),0)</f>
        <v>14.384148343189965</v>
      </c>
      <c r="E8275" cm="1">
        <f t="array" ref="E8275">IFERROR(INDEX(Jesper!AI$2:AI$366,ROUNDDOWN($C8275/24,0)+1,1)*INDEX($D$3:$AA$30,INDEX(Jesper!$R$2:$R$366,ROW(INDEX(Jesper!AI$2:AI$366,ROUNDDOWN($C8275/24,0)+1,1))-1)+IF('Standard Profiles'!$G$19=$B$10,7,0)+IF('Standard Profiles'!$G$19=$B$17,14,0)+IF('Standard Profiles'!$G$19=$B$24,21,0),MOD($C8275,24)+1)/SUM(INDEX($D$3:$AA$30,INDEX(Jesper!$R$2:$R$366,ROW(INDEX(Jesper!AI$2:AI$366,ROUNDDOWN($C8275/24,0)+1,1))-1)+IF('Standard Profiles'!$G$19=$B$10,7,0)+IF('Standard Profiles'!$G$19=$B$17,14,0)+IF('Standard Profiles'!$G$19=$B$24,21,0),0)),0)</f>
        <v>0</v>
      </c>
      <c r="F8275" cm="1">
        <f t="array" ref="F8275">IFERROR(INDEX(Jesper!AJ$2:AJ$366,ROUNDDOWN($C8275/24,0)+1,1)*INDEX($D$3:$AA$30,INDEX(Jesper!$R$2:$R$366,ROW(INDEX(Jesper!AJ$2:AJ$366,ROUNDDOWN($C8275/24,0)+1,1))-1)+IF('Standard Profiles'!$G$20=$B$10,7,0)+IF('Standard Profiles'!$G$20=$B$17,14,0)+IF('Standard Profiles'!$G$20=$B$24,21,0),MOD($C8275,24)+1)/SUM(INDEX($D$3:$AA$30,INDEX(Jesper!$R$2:$R$366,ROW(INDEX(Jesper!AJ$2:AJ$366,ROUNDDOWN($C8275/24,0)+1,1))-1)+IF('Standard Profiles'!$G$20=$B$10,7,0)+IF('Standard Profiles'!$G$20=$B$17,14,0)+IF('Standard Profiles'!$G$20=$B$24,21,0),0)),0)</f>
        <v>0</v>
      </c>
      <c r="G8275" cm="1">
        <f t="array" ref="G8275">IFERROR(INDEX(Jesper!AK$2:AK$366,ROUNDDOWN($C8275/24,0)+1,1)*INDEX($D$3:$AA$30,INDEX(Jesper!$R$2:$R$366,ROW(INDEX(Jesper!AK$2:AK$366,ROUNDDOWN($C8275/24,0)+1,1))-1)+IF('Standard Profiles'!$G$21=$B$10,7,0)+IF('Standard Profiles'!$G$21=$B$17,14,0)+IF('Standard Profiles'!$G$21=$B$24,21,0),MOD($C8275,24)+1)/SUM(INDEX($D$3:$AA$30,INDEX(Jesper!$R$2:$R$366,ROW(INDEX(Jesper!AK$2:AK$366,ROUNDDOWN($C8275/24,0)+1,1))-1)+IF('Standard Profiles'!$G$21=$B$10,7,0)+IF('Standard Profiles'!$G$21=$B$17,14,0)+IF('Standard Profiles'!$G$21=$B$24,21,0),0)),0)</f>
        <v>0</v>
      </c>
      <c r="H8275" cm="1">
        <f t="array" ref="H8275">IFERROR(INDEX(Jesper!AL$2:AL$366,ROUNDDOWN($C8275/24,0)+1,1)*INDEX($D$3:$AA$30,INDEX(Jesper!$R$2:$R$366,ROW(INDEX(Jesper!AL$2:AL$366,ROUNDDOWN($C8275/24,0)+1,1))-1)+IF('Standard Profiles'!$G$22=$B$10,7,0)+IF('Standard Profiles'!$G$22=$B$17,14,0)+IF('Standard Profiles'!$G$22=$B$24,21,0),MOD($C8275,24)+1)/SUM(INDEX($D$3:$AA$30,INDEX(Jesper!$R$2:$R$366,ROW(INDEX(Jesper!AL$2:AL$366,ROUNDDOWN($C8275/24,0)+1,1))-1)+IF('Standard Profiles'!$G$22=$B$10,7,0)+IF('Standard Profiles'!$G$22=$B$17,14,0)+IF('Standard Profiles'!$G$22=$B$24,21,0),0)),0)</f>
        <v>0</v>
      </c>
      <c r="I8275">
        <f t="shared" si="916"/>
        <v>0.43152445029569891</v>
      </c>
      <c r="J8275">
        <f t="shared" si="917"/>
        <v>1.4384148343189966</v>
      </c>
      <c r="K8275">
        <f t="shared" si="918"/>
        <v>2.1576222514784948</v>
      </c>
      <c r="L8275">
        <f t="shared" si="919"/>
        <v>10.356586807096775</v>
      </c>
      <c r="M8275">
        <f t="shared" si="920"/>
        <v>0</v>
      </c>
      <c r="N8275" s="46">
        <f t="shared" si="921"/>
        <v>45635.374999980013</v>
      </c>
    </row>
    <row r="8276" spans="2:14" x14ac:dyDescent="0.3">
      <c r="B8276">
        <f t="shared" si="915"/>
        <v>1</v>
      </c>
      <c r="C8276" s="16">
        <v>8242</v>
      </c>
      <c r="D8276" cm="1">
        <f t="array" ref="D8276">IFERROR(INDEX(Jesper!AH$2:AH$366,ROUNDDOWN($C8276/24,0)+1,1)*INDEX($D$3:$AA$30,INDEX(Jesper!$R$2:$R$366,ROW(INDEX(Jesper!AH$2:AH$366,ROUNDDOWN($C8276/24,0)+1,1))-1)+IF('Standard Profiles'!$G$18=$B$10,7,0)+IF('Standard Profiles'!$G$18=$B$17,14,0)+IF('Standard Profiles'!$G$18=$B$24,21,0),MOD($C8276,24)+1)/SUM(INDEX($D$3:$AA$30,INDEX(Jesper!$R$2:$R$366,ROW(INDEX(Jesper!AH$2:AH$366,ROUNDDOWN($C8276/24,0)+1,1))-1)+IF('Standard Profiles'!$G$18=$B$10,7,0)+IF('Standard Profiles'!$G$18=$B$17,14,0)+IF('Standard Profiles'!$G$18=$B$24,21,0),0)),0)</f>
        <v>14.384148343189965</v>
      </c>
      <c r="E8276" cm="1">
        <f t="array" ref="E8276">IFERROR(INDEX(Jesper!AI$2:AI$366,ROUNDDOWN($C8276/24,0)+1,1)*INDEX($D$3:$AA$30,INDEX(Jesper!$R$2:$R$366,ROW(INDEX(Jesper!AI$2:AI$366,ROUNDDOWN($C8276/24,0)+1,1))-1)+IF('Standard Profiles'!$G$19=$B$10,7,0)+IF('Standard Profiles'!$G$19=$B$17,14,0)+IF('Standard Profiles'!$G$19=$B$24,21,0),MOD($C8276,24)+1)/SUM(INDEX($D$3:$AA$30,INDEX(Jesper!$R$2:$R$366,ROW(INDEX(Jesper!AI$2:AI$366,ROUNDDOWN($C8276/24,0)+1,1))-1)+IF('Standard Profiles'!$G$19=$B$10,7,0)+IF('Standard Profiles'!$G$19=$B$17,14,0)+IF('Standard Profiles'!$G$19=$B$24,21,0),0)),0)</f>
        <v>0</v>
      </c>
      <c r="F8276" cm="1">
        <f t="array" ref="F8276">IFERROR(INDEX(Jesper!AJ$2:AJ$366,ROUNDDOWN($C8276/24,0)+1,1)*INDEX($D$3:$AA$30,INDEX(Jesper!$R$2:$R$366,ROW(INDEX(Jesper!AJ$2:AJ$366,ROUNDDOWN($C8276/24,0)+1,1))-1)+IF('Standard Profiles'!$G$20=$B$10,7,0)+IF('Standard Profiles'!$G$20=$B$17,14,0)+IF('Standard Profiles'!$G$20=$B$24,21,0),MOD($C8276,24)+1)/SUM(INDEX($D$3:$AA$30,INDEX(Jesper!$R$2:$R$366,ROW(INDEX(Jesper!AJ$2:AJ$366,ROUNDDOWN($C8276/24,0)+1,1))-1)+IF('Standard Profiles'!$G$20=$B$10,7,0)+IF('Standard Profiles'!$G$20=$B$17,14,0)+IF('Standard Profiles'!$G$20=$B$24,21,0),0)),0)</f>
        <v>0</v>
      </c>
      <c r="G8276" cm="1">
        <f t="array" ref="G8276">IFERROR(INDEX(Jesper!AK$2:AK$366,ROUNDDOWN($C8276/24,0)+1,1)*INDEX($D$3:$AA$30,INDEX(Jesper!$R$2:$R$366,ROW(INDEX(Jesper!AK$2:AK$366,ROUNDDOWN($C8276/24,0)+1,1))-1)+IF('Standard Profiles'!$G$21=$B$10,7,0)+IF('Standard Profiles'!$G$21=$B$17,14,0)+IF('Standard Profiles'!$G$21=$B$24,21,0),MOD($C8276,24)+1)/SUM(INDEX($D$3:$AA$30,INDEX(Jesper!$R$2:$R$366,ROW(INDEX(Jesper!AK$2:AK$366,ROUNDDOWN($C8276/24,0)+1,1))-1)+IF('Standard Profiles'!$G$21=$B$10,7,0)+IF('Standard Profiles'!$G$21=$B$17,14,0)+IF('Standard Profiles'!$G$21=$B$24,21,0),0)),0)</f>
        <v>0</v>
      </c>
      <c r="H8276" cm="1">
        <f t="array" ref="H8276">IFERROR(INDEX(Jesper!AL$2:AL$366,ROUNDDOWN($C8276/24,0)+1,1)*INDEX($D$3:$AA$30,INDEX(Jesper!$R$2:$R$366,ROW(INDEX(Jesper!AL$2:AL$366,ROUNDDOWN($C8276/24,0)+1,1))-1)+IF('Standard Profiles'!$G$22=$B$10,7,0)+IF('Standard Profiles'!$G$22=$B$17,14,0)+IF('Standard Profiles'!$G$22=$B$24,21,0),MOD($C8276,24)+1)/SUM(INDEX($D$3:$AA$30,INDEX(Jesper!$R$2:$R$366,ROW(INDEX(Jesper!AL$2:AL$366,ROUNDDOWN($C8276/24,0)+1,1))-1)+IF('Standard Profiles'!$G$22=$B$10,7,0)+IF('Standard Profiles'!$G$22=$B$17,14,0)+IF('Standard Profiles'!$G$22=$B$24,21,0),0)),0)</f>
        <v>0</v>
      </c>
      <c r="I8276">
        <f t="shared" si="916"/>
        <v>0.43152445029569891</v>
      </c>
      <c r="J8276">
        <f t="shared" si="917"/>
        <v>1.4384148343189966</v>
      </c>
      <c r="K8276">
        <f t="shared" si="918"/>
        <v>2.1576222514784948</v>
      </c>
      <c r="L8276">
        <f t="shared" si="919"/>
        <v>10.356586807096775</v>
      </c>
      <c r="M8276">
        <f t="shared" si="920"/>
        <v>0</v>
      </c>
      <c r="N8276" s="46">
        <f t="shared" si="921"/>
        <v>45635.416666646677</v>
      </c>
    </row>
    <row r="8277" spans="2:14" x14ac:dyDescent="0.3">
      <c r="B8277">
        <f t="shared" si="915"/>
        <v>1</v>
      </c>
      <c r="C8277" s="16">
        <v>8243</v>
      </c>
      <c r="D8277" cm="1">
        <f t="array" ref="D8277">IFERROR(INDEX(Jesper!AH$2:AH$366,ROUNDDOWN($C8277/24,0)+1,1)*INDEX($D$3:$AA$30,INDEX(Jesper!$R$2:$R$366,ROW(INDEX(Jesper!AH$2:AH$366,ROUNDDOWN($C8277/24,0)+1,1))-1)+IF('Standard Profiles'!$G$18=$B$10,7,0)+IF('Standard Profiles'!$G$18=$B$17,14,0)+IF('Standard Profiles'!$G$18=$B$24,21,0),MOD($C8277,24)+1)/SUM(INDEX($D$3:$AA$30,INDEX(Jesper!$R$2:$R$366,ROW(INDEX(Jesper!AH$2:AH$366,ROUNDDOWN($C8277/24,0)+1,1))-1)+IF('Standard Profiles'!$G$18=$B$10,7,0)+IF('Standard Profiles'!$G$18=$B$17,14,0)+IF('Standard Profiles'!$G$18=$B$24,21,0),0)),0)</f>
        <v>18.265585197701544</v>
      </c>
      <c r="E8277" cm="1">
        <f t="array" ref="E8277">IFERROR(INDEX(Jesper!AI$2:AI$366,ROUNDDOWN($C8277/24,0)+1,1)*INDEX($D$3:$AA$30,INDEX(Jesper!$R$2:$R$366,ROW(INDEX(Jesper!AI$2:AI$366,ROUNDDOWN($C8277/24,0)+1,1))-1)+IF('Standard Profiles'!$G$19=$B$10,7,0)+IF('Standard Profiles'!$G$19=$B$17,14,0)+IF('Standard Profiles'!$G$19=$B$24,21,0),MOD($C8277,24)+1)/SUM(INDEX($D$3:$AA$30,INDEX(Jesper!$R$2:$R$366,ROW(INDEX(Jesper!AI$2:AI$366,ROUNDDOWN($C8277/24,0)+1,1))-1)+IF('Standard Profiles'!$G$19=$B$10,7,0)+IF('Standard Profiles'!$G$19=$B$17,14,0)+IF('Standard Profiles'!$G$19=$B$24,21,0),0)),0)</f>
        <v>0</v>
      </c>
      <c r="F8277" cm="1">
        <f t="array" ref="F8277">IFERROR(INDEX(Jesper!AJ$2:AJ$366,ROUNDDOWN($C8277/24,0)+1,1)*INDEX($D$3:$AA$30,INDEX(Jesper!$R$2:$R$366,ROW(INDEX(Jesper!AJ$2:AJ$366,ROUNDDOWN($C8277/24,0)+1,1))-1)+IF('Standard Profiles'!$G$20=$B$10,7,0)+IF('Standard Profiles'!$G$20=$B$17,14,0)+IF('Standard Profiles'!$G$20=$B$24,21,0),MOD($C8277,24)+1)/SUM(INDEX($D$3:$AA$30,INDEX(Jesper!$R$2:$R$366,ROW(INDEX(Jesper!AJ$2:AJ$366,ROUNDDOWN($C8277/24,0)+1,1))-1)+IF('Standard Profiles'!$G$20=$B$10,7,0)+IF('Standard Profiles'!$G$20=$B$17,14,0)+IF('Standard Profiles'!$G$20=$B$24,21,0),0)),0)</f>
        <v>0</v>
      </c>
      <c r="G8277" cm="1">
        <f t="array" ref="G8277">IFERROR(INDEX(Jesper!AK$2:AK$366,ROUNDDOWN($C8277/24,0)+1,1)*INDEX($D$3:$AA$30,INDEX(Jesper!$R$2:$R$366,ROW(INDEX(Jesper!AK$2:AK$366,ROUNDDOWN($C8277/24,0)+1,1))-1)+IF('Standard Profiles'!$G$21=$B$10,7,0)+IF('Standard Profiles'!$G$21=$B$17,14,0)+IF('Standard Profiles'!$G$21=$B$24,21,0),MOD($C8277,24)+1)/SUM(INDEX($D$3:$AA$30,INDEX(Jesper!$R$2:$R$366,ROW(INDEX(Jesper!AK$2:AK$366,ROUNDDOWN($C8277/24,0)+1,1))-1)+IF('Standard Profiles'!$G$21=$B$10,7,0)+IF('Standard Profiles'!$G$21=$B$17,14,0)+IF('Standard Profiles'!$G$21=$B$24,21,0),0)),0)</f>
        <v>0</v>
      </c>
      <c r="H8277" cm="1">
        <f t="array" ref="H8277">IFERROR(INDEX(Jesper!AL$2:AL$366,ROUNDDOWN($C8277/24,0)+1,1)*INDEX($D$3:$AA$30,INDEX(Jesper!$R$2:$R$366,ROW(INDEX(Jesper!AL$2:AL$366,ROUNDDOWN($C8277/24,0)+1,1))-1)+IF('Standard Profiles'!$G$22=$B$10,7,0)+IF('Standard Profiles'!$G$22=$B$17,14,0)+IF('Standard Profiles'!$G$22=$B$24,21,0),MOD($C8277,24)+1)/SUM(INDEX($D$3:$AA$30,INDEX(Jesper!$R$2:$R$366,ROW(INDEX(Jesper!AL$2:AL$366,ROUNDDOWN($C8277/24,0)+1,1))-1)+IF('Standard Profiles'!$G$22=$B$10,7,0)+IF('Standard Profiles'!$G$22=$B$17,14,0)+IF('Standard Profiles'!$G$22=$B$24,21,0),0)),0)</f>
        <v>0</v>
      </c>
      <c r="I8277">
        <f t="shared" si="916"/>
        <v>0.54796755593104629</v>
      </c>
      <c r="J8277">
        <f t="shared" si="917"/>
        <v>1.8265585197701544</v>
      </c>
      <c r="K8277">
        <f t="shared" si="918"/>
        <v>2.7398377796552316</v>
      </c>
      <c r="L8277">
        <f t="shared" si="919"/>
        <v>13.151221342345112</v>
      </c>
      <c r="M8277">
        <f t="shared" si="920"/>
        <v>0</v>
      </c>
      <c r="N8277" s="46">
        <f t="shared" si="921"/>
        <v>45635.458333313341</v>
      </c>
    </row>
    <row r="8278" spans="2:14" x14ac:dyDescent="0.3">
      <c r="B8278">
        <f t="shared" si="915"/>
        <v>1</v>
      </c>
      <c r="C8278" s="16">
        <v>8244</v>
      </c>
      <c r="D8278" cm="1">
        <f t="array" ref="D8278">IFERROR(INDEX(Jesper!AH$2:AH$366,ROUNDDOWN($C8278/24,0)+1,1)*INDEX($D$3:$AA$30,INDEX(Jesper!$R$2:$R$366,ROW(INDEX(Jesper!AH$2:AH$366,ROUNDDOWN($C8278/24,0)+1,1))-1)+IF('Standard Profiles'!$G$18=$B$10,7,0)+IF('Standard Profiles'!$G$18=$B$17,14,0)+IF('Standard Profiles'!$G$18=$B$24,21,0),MOD($C8278,24)+1)/SUM(INDEX($D$3:$AA$30,INDEX(Jesper!$R$2:$R$366,ROW(INDEX(Jesper!AH$2:AH$366,ROUNDDOWN($C8278/24,0)+1,1))-1)+IF('Standard Profiles'!$G$18=$B$10,7,0)+IF('Standard Profiles'!$G$18=$B$17,14,0)+IF('Standard Profiles'!$G$18=$B$24,21,0),0)),0)</f>
        <v>18.265585197701544</v>
      </c>
      <c r="E8278" cm="1">
        <f t="array" ref="E8278">IFERROR(INDEX(Jesper!AI$2:AI$366,ROUNDDOWN($C8278/24,0)+1,1)*INDEX($D$3:$AA$30,INDEX(Jesper!$R$2:$R$366,ROW(INDEX(Jesper!AI$2:AI$366,ROUNDDOWN($C8278/24,0)+1,1))-1)+IF('Standard Profiles'!$G$19=$B$10,7,0)+IF('Standard Profiles'!$G$19=$B$17,14,0)+IF('Standard Profiles'!$G$19=$B$24,21,0),MOD($C8278,24)+1)/SUM(INDEX($D$3:$AA$30,INDEX(Jesper!$R$2:$R$366,ROW(INDEX(Jesper!AI$2:AI$366,ROUNDDOWN($C8278/24,0)+1,1))-1)+IF('Standard Profiles'!$G$19=$B$10,7,0)+IF('Standard Profiles'!$G$19=$B$17,14,0)+IF('Standard Profiles'!$G$19=$B$24,21,0),0)),0)</f>
        <v>0</v>
      </c>
      <c r="F8278" cm="1">
        <f t="array" ref="F8278">IFERROR(INDEX(Jesper!AJ$2:AJ$366,ROUNDDOWN($C8278/24,0)+1,1)*INDEX($D$3:$AA$30,INDEX(Jesper!$R$2:$R$366,ROW(INDEX(Jesper!AJ$2:AJ$366,ROUNDDOWN($C8278/24,0)+1,1))-1)+IF('Standard Profiles'!$G$20=$B$10,7,0)+IF('Standard Profiles'!$G$20=$B$17,14,0)+IF('Standard Profiles'!$G$20=$B$24,21,0),MOD($C8278,24)+1)/SUM(INDEX($D$3:$AA$30,INDEX(Jesper!$R$2:$R$366,ROW(INDEX(Jesper!AJ$2:AJ$366,ROUNDDOWN($C8278/24,0)+1,1))-1)+IF('Standard Profiles'!$G$20=$B$10,7,0)+IF('Standard Profiles'!$G$20=$B$17,14,0)+IF('Standard Profiles'!$G$20=$B$24,21,0),0)),0)</f>
        <v>0</v>
      </c>
      <c r="G8278" cm="1">
        <f t="array" ref="G8278">IFERROR(INDEX(Jesper!AK$2:AK$366,ROUNDDOWN($C8278/24,0)+1,1)*INDEX($D$3:$AA$30,INDEX(Jesper!$R$2:$R$366,ROW(INDEX(Jesper!AK$2:AK$366,ROUNDDOWN($C8278/24,0)+1,1))-1)+IF('Standard Profiles'!$G$21=$B$10,7,0)+IF('Standard Profiles'!$G$21=$B$17,14,0)+IF('Standard Profiles'!$G$21=$B$24,21,0),MOD($C8278,24)+1)/SUM(INDEX($D$3:$AA$30,INDEX(Jesper!$R$2:$R$366,ROW(INDEX(Jesper!AK$2:AK$366,ROUNDDOWN($C8278/24,0)+1,1))-1)+IF('Standard Profiles'!$G$21=$B$10,7,0)+IF('Standard Profiles'!$G$21=$B$17,14,0)+IF('Standard Profiles'!$G$21=$B$24,21,0),0)),0)</f>
        <v>0</v>
      </c>
      <c r="H8278" cm="1">
        <f t="array" ref="H8278">IFERROR(INDEX(Jesper!AL$2:AL$366,ROUNDDOWN($C8278/24,0)+1,1)*INDEX($D$3:$AA$30,INDEX(Jesper!$R$2:$R$366,ROW(INDEX(Jesper!AL$2:AL$366,ROUNDDOWN($C8278/24,0)+1,1))-1)+IF('Standard Profiles'!$G$22=$B$10,7,0)+IF('Standard Profiles'!$G$22=$B$17,14,0)+IF('Standard Profiles'!$G$22=$B$24,21,0),MOD($C8278,24)+1)/SUM(INDEX($D$3:$AA$30,INDEX(Jesper!$R$2:$R$366,ROW(INDEX(Jesper!AL$2:AL$366,ROUNDDOWN($C8278/24,0)+1,1))-1)+IF('Standard Profiles'!$G$22=$B$10,7,0)+IF('Standard Profiles'!$G$22=$B$17,14,0)+IF('Standard Profiles'!$G$22=$B$24,21,0),0)),0)</f>
        <v>0</v>
      </c>
      <c r="I8278">
        <f t="shared" si="916"/>
        <v>0.54796755593104629</v>
      </c>
      <c r="J8278">
        <f t="shared" si="917"/>
        <v>1.8265585197701544</v>
      </c>
      <c r="K8278">
        <f t="shared" si="918"/>
        <v>2.7398377796552316</v>
      </c>
      <c r="L8278">
        <f t="shared" si="919"/>
        <v>13.151221342345112</v>
      </c>
      <c r="M8278">
        <f t="shared" si="920"/>
        <v>0</v>
      </c>
      <c r="N8278" s="46">
        <f t="shared" si="921"/>
        <v>45635.499999980006</v>
      </c>
    </row>
    <row r="8279" spans="2:14" x14ac:dyDescent="0.3">
      <c r="B8279">
        <f t="shared" si="915"/>
        <v>1</v>
      </c>
      <c r="C8279" s="16">
        <v>8245</v>
      </c>
      <c r="D8279" cm="1">
        <f t="array" ref="D8279">IFERROR(INDEX(Jesper!AH$2:AH$366,ROUNDDOWN($C8279/24,0)+1,1)*INDEX($D$3:$AA$30,INDEX(Jesper!$R$2:$R$366,ROW(INDEX(Jesper!AH$2:AH$366,ROUNDDOWN($C8279/24,0)+1,1))-1)+IF('Standard Profiles'!$G$18=$B$10,7,0)+IF('Standard Profiles'!$G$18=$B$17,14,0)+IF('Standard Profiles'!$G$18=$B$24,21,0),MOD($C8279,24)+1)/SUM(INDEX($D$3:$AA$30,INDEX(Jesper!$R$2:$R$366,ROW(INDEX(Jesper!AH$2:AH$366,ROUNDDOWN($C8279/24,0)+1,1))-1)+IF('Standard Profiles'!$G$18=$B$10,7,0)+IF('Standard Profiles'!$G$18=$B$17,14,0)+IF('Standard Profiles'!$G$18=$B$24,21,0),0)),0)</f>
        <v>12.100950193477273</v>
      </c>
      <c r="E8279" cm="1">
        <f t="array" ref="E8279">IFERROR(INDEX(Jesper!AI$2:AI$366,ROUNDDOWN($C8279/24,0)+1,1)*INDEX($D$3:$AA$30,INDEX(Jesper!$R$2:$R$366,ROW(INDEX(Jesper!AI$2:AI$366,ROUNDDOWN($C8279/24,0)+1,1))-1)+IF('Standard Profiles'!$G$19=$B$10,7,0)+IF('Standard Profiles'!$G$19=$B$17,14,0)+IF('Standard Profiles'!$G$19=$B$24,21,0),MOD($C8279,24)+1)/SUM(INDEX($D$3:$AA$30,INDEX(Jesper!$R$2:$R$366,ROW(INDEX(Jesper!AI$2:AI$366,ROUNDDOWN($C8279/24,0)+1,1))-1)+IF('Standard Profiles'!$G$19=$B$10,7,0)+IF('Standard Profiles'!$G$19=$B$17,14,0)+IF('Standard Profiles'!$G$19=$B$24,21,0),0)),0)</f>
        <v>0</v>
      </c>
      <c r="F8279" cm="1">
        <f t="array" ref="F8279">IFERROR(INDEX(Jesper!AJ$2:AJ$366,ROUNDDOWN($C8279/24,0)+1,1)*INDEX($D$3:$AA$30,INDEX(Jesper!$R$2:$R$366,ROW(INDEX(Jesper!AJ$2:AJ$366,ROUNDDOWN($C8279/24,0)+1,1))-1)+IF('Standard Profiles'!$G$20=$B$10,7,0)+IF('Standard Profiles'!$G$20=$B$17,14,0)+IF('Standard Profiles'!$G$20=$B$24,21,0),MOD($C8279,24)+1)/SUM(INDEX($D$3:$AA$30,INDEX(Jesper!$R$2:$R$366,ROW(INDEX(Jesper!AJ$2:AJ$366,ROUNDDOWN($C8279/24,0)+1,1))-1)+IF('Standard Profiles'!$G$20=$B$10,7,0)+IF('Standard Profiles'!$G$20=$B$17,14,0)+IF('Standard Profiles'!$G$20=$B$24,21,0),0)),0)</f>
        <v>0</v>
      </c>
      <c r="G8279" cm="1">
        <f t="array" ref="G8279">IFERROR(INDEX(Jesper!AK$2:AK$366,ROUNDDOWN($C8279/24,0)+1,1)*INDEX($D$3:$AA$30,INDEX(Jesper!$R$2:$R$366,ROW(INDEX(Jesper!AK$2:AK$366,ROUNDDOWN($C8279/24,0)+1,1))-1)+IF('Standard Profiles'!$G$21=$B$10,7,0)+IF('Standard Profiles'!$G$21=$B$17,14,0)+IF('Standard Profiles'!$G$21=$B$24,21,0),MOD($C8279,24)+1)/SUM(INDEX($D$3:$AA$30,INDEX(Jesper!$R$2:$R$366,ROW(INDEX(Jesper!AK$2:AK$366,ROUNDDOWN($C8279/24,0)+1,1))-1)+IF('Standard Profiles'!$G$21=$B$10,7,0)+IF('Standard Profiles'!$G$21=$B$17,14,0)+IF('Standard Profiles'!$G$21=$B$24,21,0),0)),0)</f>
        <v>0</v>
      </c>
      <c r="H8279" cm="1">
        <f t="array" ref="H8279">IFERROR(INDEX(Jesper!AL$2:AL$366,ROUNDDOWN($C8279/24,0)+1,1)*INDEX($D$3:$AA$30,INDEX(Jesper!$R$2:$R$366,ROW(INDEX(Jesper!AL$2:AL$366,ROUNDDOWN($C8279/24,0)+1,1))-1)+IF('Standard Profiles'!$G$22=$B$10,7,0)+IF('Standard Profiles'!$G$22=$B$17,14,0)+IF('Standard Profiles'!$G$22=$B$24,21,0),MOD($C8279,24)+1)/SUM(INDEX($D$3:$AA$30,INDEX(Jesper!$R$2:$R$366,ROW(INDEX(Jesper!AL$2:AL$366,ROUNDDOWN($C8279/24,0)+1,1))-1)+IF('Standard Profiles'!$G$22=$B$10,7,0)+IF('Standard Profiles'!$G$22=$B$17,14,0)+IF('Standard Profiles'!$G$22=$B$24,21,0),0)),0)</f>
        <v>0</v>
      </c>
      <c r="I8279">
        <f t="shared" si="916"/>
        <v>0.36302850580431817</v>
      </c>
      <c r="J8279">
        <f t="shared" si="917"/>
        <v>1.2100950193477273</v>
      </c>
      <c r="K8279">
        <f t="shared" si="918"/>
        <v>1.8151425290215908</v>
      </c>
      <c r="L8279">
        <f t="shared" si="919"/>
        <v>8.7126841393036365</v>
      </c>
      <c r="M8279">
        <f t="shared" si="920"/>
        <v>0</v>
      </c>
      <c r="N8279" s="46">
        <f t="shared" si="921"/>
        <v>45635.54166664667</v>
      </c>
    </row>
    <row r="8280" spans="2:14" x14ac:dyDescent="0.3">
      <c r="B8280">
        <f t="shared" si="915"/>
        <v>1</v>
      </c>
      <c r="C8280" s="16">
        <v>8246</v>
      </c>
      <c r="D8280" cm="1">
        <f t="array" ref="D8280">IFERROR(INDEX(Jesper!AH$2:AH$366,ROUNDDOWN($C8280/24,0)+1,1)*INDEX($D$3:$AA$30,INDEX(Jesper!$R$2:$R$366,ROW(INDEX(Jesper!AH$2:AH$366,ROUNDDOWN($C8280/24,0)+1,1))-1)+IF('Standard Profiles'!$G$18=$B$10,7,0)+IF('Standard Profiles'!$G$18=$B$17,14,0)+IF('Standard Profiles'!$G$18=$B$24,21,0),MOD($C8280,24)+1)/SUM(INDEX($D$3:$AA$30,INDEX(Jesper!$R$2:$R$366,ROW(INDEX(Jesper!AH$2:AH$366,ROUNDDOWN($C8280/24,0)+1,1))-1)+IF('Standard Profiles'!$G$18=$B$10,7,0)+IF('Standard Profiles'!$G$18=$B$17,14,0)+IF('Standard Profiles'!$G$18=$B$24,21,0),0)),0)</f>
        <v>18.265585197701544</v>
      </c>
      <c r="E8280" cm="1">
        <f t="array" ref="E8280">IFERROR(INDEX(Jesper!AI$2:AI$366,ROUNDDOWN($C8280/24,0)+1,1)*INDEX($D$3:$AA$30,INDEX(Jesper!$R$2:$R$366,ROW(INDEX(Jesper!AI$2:AI$366,ROUNDDOWN($C8280/24,0)+1,1))-1)+IF('Standard Profiles'!$G$19=$B$10,7,0)+IF('Standard Profiles'!$G$19=$B$17,14,0)+IF('Standard Profiles'!$G$19=$B$24,21,0),MOD($C8280,24)+1)/SUM(INDEX($D$3:$AA$30,INDEX(Jesper!$R$2:$R$366,ROW(INDEX(Jesper!AI$2:AI$366,ROUNDDOWN($C8280/24,0)+1,1))-1)+IF('Standard Profiles'!$G$19=$B$10,7,0)+IF('Standard Profiles'!$G$19=$B$17,14,0)+IF('Standard Profiles'!$G$19=$B$24,21,0),0)),0)</f>
        <v>0</v>
      </c>
      <c r="F8280" cm="1">
        <f t="array" ref="F8280">IFERROR(INDEX(Jesper!AJ$2:AJ$366,ROUNDDOWN($C8280/24,0)+1,1)*INDEX($D$3:$AA$30,INDEX(Jesper!$R$2:$R$366,ROW(INDEX(Jesper!AJ$2:AJ$366,ROUNDDOWN($C8280/24,0)+1,1))-1)+IF('Standard Profiles'!$G$20=$B$10,7,0)+IF('Standard Profiles'!$G$20=$B$17,14,0)+IF('Standard Profiles'!$G$20=$B$24,21,0),MOD($C8280,24)+1)/SUM(INDEX($D$3:$AA$30,INDEX(Jesper!$R$2:$R$366,ROW(INDEX(Jesper!AJ$2:AJ$366,ROUNDDOWN($C8280/24,0)+1,1))-1)+IF('Standard Profiles'!$G$20=$B$10,7,0)+IF('Standard Profiles'!$G$20=$B$17,14,0)+IF('Standard Profiles'!$G$20=$B$24,21,0),0)),0)</f>
        <v>0</v>
      </c>
      <c r="G8280" cm="1">
        <f t="array" ref="G8280">IFERROR(INDEX(Jesper!AK$2:AK$366,ROUNDDOWN($C8280/24,0)+1,1)*INDEX($D$3:$AA$30,INDEX(Jesper!$R$2:$R$366,ROW(INDEX(Jesper!AK$2:AK$366,ROUNDDOWN($C8280/24,0)+1,1))-1)+IF('Standard Profiles'!$G$21=$B$10,7,0)+IF('Standard Profiles'!$G$21=$B$17,14,0)+IF('Standard Profiles'!$G$21=$B$24,21,0),MOD($C8280,24)+1)/SUM(INDEX($D$3:$AA$30,INDEX(Jesper!$R$2:$R$366,ROW(INDEX(Jesper!AK$2:AK$366,ROUNDDOWN($C8280/24,0)+1,1))-1)+IF('Standard Profiles'!$G$21=$B$10,7,0)+IF('Standard Profiles'!$G$21=$B$17,14,0)+IF('Standard Profiles'!$G$21=$B$24,21,0),0)),0)</f>
        <v>0</v>
      </c>
      <c r="H8280" cm="1">
        <f t="array" ref="H8280">IFERROR(INDEX(Jesper!AL$2:AL$366,ROUNDDOWN($C8280/24,0)+1,1)*INDEX($D$3:$AA$30,INDEX(Jesper!$R$2:$R$366,ROW(INDEX(Jesper!AL$2:AL$366,ROUNDDOWN($C8280/24,0)+1,1))-1)+IF('Standard Profiles'!$G$22=$B$10,7,0)+IF('Standard Profiles'!$G$22=$B$17,14,0)+IF('Standard Profiles'!$G$22=$B$24,21,0),MOD($C8280,24)+1)/SUM(INDEX($D$3:$AA$30,INDEX(Jesper!$R$2:$R$366,ROW(INDEX(Jesper!AL$2:AL$366,ROUNDDOWN($C8280/24,0)+1,1))-1)+IF('Standard Profiles'!$G$22=$B$10,7,0)+IF('Standard Profiles'!$G$22=$B$17,14,0)+IF('Standard Profiles'!$G$22=$B$24,21,0),0)),0)</f>
        <v>0</v>
      </c>
      <c r="I8280">
        <f t="shared" si="916"/>
        <v>0.54796755593104629</v>
      </c>
      <c r="J8280">
        <f t="shared" si="917"/>
        <v>1.8265585197701544</v>
      </c>
      <c r="K8280">
        <f t="shared" si="918"/>
        <v>2.7398377796552316</v>
      </c>
      <c r="L8280">
        <f t="shared" si="919"/>
        <v>13.151221342345112</v>
      </c>
      <c r="M8280">
        <f t="shared" si="920"/>
        <v>0</v>
      </c>
      <c r="N8280" s="46">
        <f t="shared" si="921"/>
        <v>45635.583333313334</v>
      </c>
    </row>
    <row r="8281" spans="2:14" x14ac:dyDescent="0.3">
      <c r="B8281">
        <f t="shared" si="915"/>
        <v>1</v>
      </c>
      <c r="C8281" s="16">
        <v>8247</v>
      </c>
      <c r="D8281" cm="1">
        <f t="array" ref="D8281">IFERROR(INDEX(Jesper!AH$2:AH$366,ROUNDDOWN($C8281/24,0)+1,1)*INDEX($D$3:$AA$30,INDEX(Jesper!$R$2:$R$366,ROW(INDEX(Jesper!AH$2:AH$366,ROUNDDOWN($C8281/24,0)+1,1))-1)+IF('Standard Profiles'!$G$18=$B$10,7,0)+IF('Standard Profiles'!$G$18=$B$17,14,0)+IF('Standard Profiles'!$G$18=$B$24,21,0),MOD($C8281,24)+1)/SUM(INDEX($D$3:$AA$30,INDEX(Jesper!$R$2:$R$366,ROW(INDEX(Jesper!AH$2:AH$366,ROUNDDOWN($C8281/24,0)+1,1))-1)+IF('Standard Profiles'!$G$18=$B$10,7,0)+IF('Standard Profiles'!$G$18=$B$17,14,0)+IF('Standard Profiles'!$G$18=$B$24,21,0),0)),0)</f>
        <v>18.265585197701544</v>
      </c>
      <c r="E8281" cm="1">
        <f t="array" ref="E8281">IFERROR(INDEX(Jesper!AI$2:AI$366,ROUNDDOWN($C8281/24,0)+1,1)*INDEX($D$3:$AA$30,INDEX(Jesper!$R$2:$R$366,ROW(INDEX(Jesper!AI$2:AI$366,ROUNDDOWN($C8281/24,0)+1,1))-1)+IF('Standard Profiles'!$G$19=$B$10,7,0)+IF('Standard Profiles'!$G$19=$B$17,14,0)+IF('Standard Profiles'!$G$19=$B$24,21,0),MOD($C8281,24)+1)/SUM(INDEX($D$3:$AA$30,INDEX(Jesper!$R$2:$R$366,ROW(INDEX(Jesper!AI$2:AI$366,ROUNDDOWN($C8281/24,0)+1,1))-1)+IF('Standard Profiles'!$G$19=$B$10,7,0)+IF('Standard Profiles'!$G$19=$B$17,14,0)+IF('Standard Profiles'!$G$19=$B$24,21,0),0)),0)</f>
        <v>0</v>
      </c>
      <c r="F8281" cm="1">
        <f t="array" ref="F8281">IFERROR(INDEX(Jesper!AJ$2:AJ$366,ROUNDDOWN($C8281/24,0)+1,1)*INDEX($D$3:$AA$30,INDEX(Jesper!$R$2:$R$366,ROW(INDEX(Jesper!AJ$2:AJ$366,ROUNDDOWN($C8281/24,0)+1,1))-1)+IF('Standard Profiles'!$G$20=$B$10,7,0)+IF('Standard Profiles'!$G$20=$B$17,14,0)+IF('Standard Profiles'!$G$20=$B$24,21,0),MOD($C8281,24)+1)/SUM(INDEX($D$3:$AA$30,INDEX(Jesper!$R$2:$R$366,ROW(INDEX(Jesper!AJ$2:AJ$366,ROUNDDOWN($C8281/24,0)+1,1))-1)+IF('Standard Profiles'!$G$20=$B$10,7,0)+IF('Standard Profiles'!$G$20=$B$17,14,0)+IF('Standard Profiles'!$G$20=$B$24,21,0),0)),0)</f>
        <v>0</v>
      </c>
      <c r="G8281" cm="1">
        <f t="array" ref="G8281">IFERROR(INDEX(Jesper!AK$2:AK$366,ROUNDDOWN($C8281/24,0)+1,1)*INDEX($D$3:$AA$30,INDEX(Jesper!$R$2:$R$366,ROW(INDEX(Jesper!AK$2:AK$366,ROUNDDOWN($C8281/24,0)+1,1))-1)+IF('Standard Profiles'!$G$21=$B$10,7,0)+IF('Standard Profiles'!$G$21=$B$17,14,0)+IF('Standard Profiles'!$G$21=$B$24,21,0),MOD($C8281,24)+1)/SUM(INDEX($D$3:$AA$30,INDEX(Jesper!$R$2:$R$366,ROW(INDEX(Jesper!AK$2:AK$366,ROUNDDOWN($C8281/24,0)+1,1))-1)+IF('Standard Profiles'!$G$21=$B$10,7,0)+IF('Standard Profiles'!$G$21=$B$17,14,0)+IF('Standard Profiles'!$G$21=$B$24,21,0),0)),0)</f>
        <v>0</v>
      </c>
      <c r="H8281" cm="1">
        <f t="array" ref="H8281">IFERROR(INDEX(Jesper!AL$2:AL$366,ROUNDDOWN($C8281/24,0)+1,1)*INDEX($D$3:$AA$30,INDEX(Jesper!$R$2:$R$366,ROW(INDEX(Jesper!AL$2:AL$366,ROUNDDOWN($C8281/24,0)+1,1))-1)+IF('Standard Profiles'!$G$22=$B$10,7,0)+IF('Standard Profiles'!$G$22=$B$17,14,0)+IF('Standard Profiles'!$G$22=$B$24,21,0),MOD($C8281,24)+1)/SUM(INDEX($D$3:$AA$30,INDEX(Jesper!$R$2:$R$366,ROW(INDEX(Jesper!AL$2:AL$366,ROUNDDOWN($C8281/24,0)+1,1))-1)+IF('Standard Profiles'!$G$22=$B$10,7,0)+IF('Standard Profiles'!$G$22=$B$17,14,0)+IF('Standard Profiles'!$G$22=$B$24,21,0),0)),0)</f>
        <v>0</v>
      </c>
      <c r="I8281">
        <f t="shared" si="916"/>
        <v>0.54796755593104629</v>
      </c>
      <c r="J8281">
        <f t="shared" si="917"/>
        <v>1.8265585197701544</v>
      </c>
      <c r="K8281">
        <f t="shared" si="918"/>
        <v>2.7398377796552316</v>
      </c>
      <c r="L8281">
        <f t="shared" si="919"/>
        <v>13.151221342345112</v>
      </c>
      <c r="M8281">
        <f t="shared" si="920"/>
        <v>0</v>
      </c>
      <c r="N8281" s="46">
        <f t="shared" si="921"/>
        <v>45635.624999979998</v>
      </c>
    </row>
    <row r="8282" spans="2:14" x14ac:dyDescent="0.3">
      <c r="B8282">
        <f t="shared" si="915"/>
        <v>1</v>
      </c>
      <c r="C8282" s="16">
        <v>8248</v>
      </c>
      <c r="D8282" cm="1">
        <f t="array" ref="D8282">IFERROR(INDEX(Jesper!AH$2:AH$366,ROUNDDOWN($C8282/24,0)+1,1)*INDEX($D$3:$AA$30,INDEX(Jesper!$R$2:$R$366,ROW(INDEX(Jesper!AH$2:AH$366,ROUNDDOWN($C8282/24,0)+1,1))-1)+IF('Standard Profiles'!$G$18=$B$10,7,0)+IF('Standard Profiles'!$G$18=$B$17,14,0)+IF('Standard Profiles'!$G$18=$B$24,21,0),MOD($C8282,24)+1)/SUM(INDEX($D$3:$AA$30,INDEX(Jesper!$R$2:$R$366,ROW(INDEX(Jesper!AH$2:AH$366,ROUNDDOWN($C8282/24,0)+1,1))-1)+IF('Standard Profiles'!$G$18=$B$10,7,0)+IF('Standard Profiles'!$G$18=$B$17,14,0)+IF('Standard Profiles'!$G$18=$B$24,21,0),0)),0)</f>
        <v>18.265585197701544</v>
      </c>
      <c r="E8282" cm="1">
        <f t="array" ref="E8282">IFERROR(INDEX(Jesper!AI$2:AI$366,ROUNDDOWN($C8282/24,0)+1,1)*INDEX($D$3:$AA$30,INDEX(Jesper!$R$2:$R$366,ROW(INDEX(Jesper!AI$2:AI$366,ROUNDDOWN($C8282/24,0)+1,1))-1)+IF('Standard Profiles'!$G$19=$B$10,7,0)+IF('Standard Profiles'!$G$19=$B$17,14,0)+IF('Standard Profiles'!$G$19=$B$24,21,0),MOD($C8282,24)+1)/SUM(INDEX($D$3:$AA$30,INDEX(Jesper!$R$2:$R$366,ROW(INDEX(Jesper!AI$2:AI$366,ROUNDDOWN($C8282/24,0)+1,1))-1)+IF('Standard Profiles'!$G$19=$B$10,7,0)+IF('Standard Profiles'!$G$19=$B$17,14,0)+IF('Standard Profiles'!$G$19=$B$24,21,0),0)),0)</f>
        <v>0</v>
      </c>
      <c r="F8282" cm="1">
        <f t="array" ref="F8282">IFERROR(INDEX(Jesper!AJ$2:AJ$366,ROUNDDOWN($C8282/24,0)+1,1)*INDEX($D$3:$AA$30,INDEX(Jesper!$R$2:$R$366,ROW(INDEX(Jesper!AJ$2:AJ$366,ROUNDDOWN($C8282/24,0)+1,1))-1)+IF('Standard Profiles'!$G$20=$B$10,7,0)+IF('Standard Profiles'!$G$20=$B$17,14,0)+IF('Standard Profiles'!$G$20=$B$24,21,0),MOD($C8282,24)+1)/SUM(INDEX($D$3:$AA$30,INDEX(Jesper!$R$2:$R$366,ROW(INDEX(Jesper!AJ$2:AJ$366,ROUNDDOWN($C8282/24,0)+1,1))-1)+IF('Standard Profiles'!$G$20=$B$10,7,0)+IF('Standard Profiles'!$G$20=$B$17,14,0)+IF('Standard Profiles'!$G$20=$B$24,21,0),0)),0)</f>
        <v>0</v>
      </c>
      <c r="G8282" cm="1">
        <f t="array" ref="G8282">IFERROR(INDEX(Jesper!AK$2:AK$366,ROUNDDOWN($C8282/24,0)+1,1)*INDEX($D$3:$AA$30,INDEX(Jesper!$R$2:$R$366,ROW(INDEX(Jesper!AK$2:AK$366,ROUNDDOWN($C8282/24,0)+1,1))-1)+IF('Standard Profiles'!$G$21=$B$10,7,0)+IF('Standard Profiles'!$G$21=$B$17,14,0)+IF('Standard Profiles'!$G$21=$B$24,21,0),MOD($C8282,24)+1)/SUM(INDEX($D$3:$AA$30,INDEX(Jesper!$R$2:$R$366,ROW(INDEX(Jesper!AK$2:AK$366,ROUNDDOWN($C8282/24,0)+1,1))-1)+IF('Standard Profiles'!$G$21=$B$10,7,0)+IF('Standard Profiles'!$G$21=$B$17,14,0)+IF('Standard Profiles'!$G$21=$B$24,21,0),0)),0)</f>
        <v>0</v>
      </c>
      <c r="H8282" cm="1">
        <f t="array" ref="H8282">IFERROR(INDEX(Jesper!AL$2:AL$366,ROUNDDOWN($C8282/24,0)+1,1)*INDEX($D$3:$AA$30,INDEX(Jesper!$R$2:$R$366,ROW(INDEX(Jesper!AL$2:AL$366,ROUNDDOWN($C8282/24,0)+1,1))-1)+IF('Standard Profiles'!$G$22=$B$10,7,0)+IF('Standard Profiles'!$G$22=$B$17,14,0)+IF('Standard Profiles'!$G$22=$B$24,21,0),MOD($C8282,24)+1)/SUM(INDEX($D$3:$AA$30,INDEX(Jesper!$R$2:$R$366,ROW(INDEX(Jesper!AL$2:AL$366,ROUNDDOWN($C8282/24,0)+1,1))-1)+IF('Standard Profiles'!$G$22=$B$10,7,0)+IF('Standard Profiles'!$G$22=$B$17,14,0)+IF('Standard Profiles'!$G$22=$B$24,21,0),0)),0)</f>
        <v>0</v>
      </c>
      <c r="I8282">
        <f t="shared" si="916"/>
        <v>0.54796755593104629</v>
      </c>
      <c r="J8282">
        <f t="shared" si="917"/>
        <v>1.8265585197701544</v>
      </c>
      <c r="K8282">
        <f t="shared" si="918"/>
        <v>2.7398377796552316</v>
      </c>
      <c r="L8282">
        <f t="shared" si="919"/>
        <v>13.151221342345112</v>
      </c>
      <c r="M8282">
        <f t="shared" si="920"/>
        <v>0</v>
      </c>
      <c r="N8282" s="46">
        <f t="shared" si="921"/>
        <v>45635.666666646663</v>
      </c>
    </row>
    <row r="8283" spans="2:14" x14ac:dyDescent="0.3">
      <c r="B8283">
        <f t="shared" si="915"/>
        <v>1</v>
      </c>
      <c r="C8283" s="16">
        <v>8249</v>
      </c>
      <c r="D8283" cm="1">
        <f t="array" ref="D8283">IFERROR(INDEX(Jesper!AH$2:AH$366,ROUNDDOWN($C8283/24,0)+1,1)*INDEX($D$3:$AA$30,INDEX(Jesper!$R$2:$R$366,ROW(INDEX(Jesper!AH$2:AH$366,ROUNDDOWN($C8283/24,0)+1,1))-1)+IF('Standard Profiles'!$G$18=$B$10,7,0)+IF('Standard Profiles'!$G$18=$B$17,14,0)+IF('Standard Profiles'!$G$18=$B$24,21,0),MOD($C8283,24)+1)/SUM(INDEX($D$3:$AA$30,INDEX(Jesper!$R$2:$R$366,ROW(INDEX(Jesper!AH$2:AH$366,ROUNDDOWN($C8283/24,0)+1,1))-1)+IF('Standard Profiles'!$G$18=$B$10,7,0)+IF('Standard Profiles'!$G$18=$B$17,14,0)+IF('Standard Profiles'!$G$18=$B$24,21,0),0)),0)</f>
        <v>18.265585197701544</v>
      </c>
      <c r="E8283" cm="1">
        <f t="array" ref="E8283">IFERROR(INDEX(Jesper!AI$2:AI$366,ROUNDDOWN($C8283/24,0)+1,1)*INDEX($D$3:$AA$30,INDEX(Jesper!$R$2:$R$366,ROW(INDEX(Jesper!AI$2:AI$366,ROUNDDOWN($C8283/24,0)+1,1))-1)+IF('Standard Profiles'!$G$19=$B$10,7,0)+IF('Standard Profiles'!$G$19=$B$17,14,0)+IF('Standard Profiles'!$G$19=$B$24,21,0),MOD($C8283,24)+1)/SUM(INDEX($D$3:$AA$30,INDEX(Jesper!$R$2:$R$366,ROW(INDEX(Jesper!AI$2:AI$366,ROUNDDOWN($C8283/24,0)+1,1))-1)+IF('Standard Profiles'!$G$19=$B$10,7,0)+IF('Standard Profiles'!$G$19=$B$17,14,0)+IF('Standard Profiles'!$G$19=$B$24,21,0),0)),0)</f>
        <v>0</v>
      </c>
      <c r="F8283" cm="1">
        <f t="array" ref="F8283">IFERROR(INDEX(Jesper!AJ$2:AJ$366,ROUNDDOWN($C8283/24,0)+1,1)*INDEX($D$3:$AA$30,INDEX(Jesper!$R$2:$R$366,ROW(INDEX(Jesper!AJ$2:AJ$366,ROUNDDOWN($C8283/24,0)+1,1))-1)+IF('Standard Profiles'!$G$20=$B$10,7,0)+IF('Standard Profiles'!$G$20=$B$17,14,0)+IF('Standard Profiles'!$G$20=$B$24,21,0),MOD($C8283,24)+1)/SUM(INDEX($D$3:$AA$30,INDEX(Jesper!$R$2:$R$366,ROW(INDEX(Jesper!AJ$2:AJ$366,ROUNDDOWN($C8283/24,0)+1,1))-1)+IF('Standard Profiles'!$G$20=$B$10,7,0)+IF('Standard Profiles'!$G$20=$B$17,14,0)+IF('Standard Profiles'!$G$20=$B$24,21,0),0)),0)</f>
        <v>0</v>
      </c>
      <c r="G8283" cm="1">
        <f t="array" ref="G8283">IFERROR(INDEX(Jesper!AK$2:AK$366,ROUNDDOWN($C8283/24,0)+1,1)*INDEX($D$3:$AA$30,INDEX(Jesper!$R$2:$R$366,ROW(INDEX(Jesper!AK$2:AK$366,ROUNDDOWN($C8283/24,0)+1,1))-1)+IF('Standard Profiles'!$G$21=$B$10,7,0)+IF('Standard Profiles'!$G$21=$B$17,14,0)+IF('Standard Profiles'!$G$21=$B$24,21,0),MOD($C8283,24)+1)/SUM(INDEX($D$3:$AA$30,INDEX(Jesper!$R$2:$R$366,ROW(INDEX(Jesper!AK$2:AK$366,ROUNDDOWN($C8283/24,0)+1,1))-1)+IF('Standard Profiles'!$G$21=$B$10,7,0)+IF('Standard Profiles'!$G$21=$B$17,14,0)+IF('Standard Profiles'!$G$21=$B$24,21,0),0)),0)</f>
        <v>0</v>
      </c>
      <c r="H8283" cm="1">
        <f t="array" ref="H8283">IFERROR(INDEX(Jesper!AL$2:AL$366,ROUNDDOWN($C8283/24,0)+1,1)*INDEX($D$3:$AA$30,INDEX(Jesper!$R$2:$R$366,ROW(INDEX(Jesper!AL$2:AL$366,ROUNDDOWN($C8283/24,0)+1,1))-1)+IF('Standard Profiles'!$G$22=$B$10,7,0)+IF('Standard Profiles'!$G$22=$B$17,14,0)+IF('Standard Profiles'!$G$22=$B$24,21,0),MOD($C8283,24)+1)/SUM(INDEX($D$3:$AA$30,INDEX(Jesper!$R$2:$R$366,ROW(INDEX(Jesper!AL$2:AL$366,ROUNDDOWN($C8283/24,0)+1,1))-1)+IF('Standard Profiles'!$G$22=$B$10,7,0)+IF('Standard Profiles'!$G$22=$B$17,14,0)+IF('Standard Profiles'!$G$22=$B$24,21,0),0)),0)</f>
        <v>0</v>
      </c>
      <c r="I8283">
        <f t="shared" si="916"/>
        <v>0.54796755593104629</v>
      </c>
      <c r="J8283">
        <f t="shared" si="917"/>
        <v>1.8265585197701544</v>
      </c>
      <c r="K8283">
        <f t="shared" si="918"/>
        <v>2.7398377796552316</v>
      </c>
      <c r="L8283">
        <f t="shared" si="919"/>
        <v>13.151221342345112</v>
      </c>
      <c r="M8283">
        <f t="shared" si="920"/>
        <v>0</v>
      </c>
      <c r="N8283" s="46">
        <f t="shared" si="921"/>
        <v>45635.708333313327</v>
      </c>
    </row>
    <row r="8284" spans="2:14" x14ac:dyDescent="0.3">
      <c r="B8284">
        <f t="shared" si="915"/>
        <v>1</v>
      </c>
      <c r="C8284" s="16">
        <v>8250</v>
      </c>
      <c r="D8284" cm="1">
        <f t="array" ref="D8284">IFERROR(INDEX(Jesper!AH$2:AH$366,ROUNDDOWN($C8284/24,0)+1,1)*INDEX($D$3:$AA$30,INDEX(Jesper!$R$2:$R$366,ROW(INDEX(Jesper!AH$2:AH$366,ROUNDDOWN($C8284/24,0)+1,1))-1)+IF('Standard Profiles'!$G$18=$B$10,7,0)+IF('Standard Profiles'!$G$18=$B$17,14,0)+IF('Standard Profiles'!$G$18=$B$24,21,0),MOD($C8284,24)+1)/SUM(INDEX($D$3:$AA$30,INDEX(Jesper!$R$2:$R$366,ROW(INDEX(Jesper!AH$2:AH$366,ROUNDDOWN($C8284/24,0)+1,1))-1)+IF('Standard Profiles'!$G$18=$B$10,7,0)+IF('Standard Profiles'!$G$18=$B$17,14,0)+IF('Standard Profiles'!$G$18=$B$24,21,0),0)),0)</f>
        <v>18.265585197701544</v>
      </c>
      <c r="E8284" cm="1">
        <f t="array" ref="E8284">IFERROR(INDEX(Jesper!AI$2:AI$366,ROUNDDOWN($C8284/24,0)+1,1)*INDEX($D$3:$AA$30,INDEX(Jesper!$R$2:$R$366,ROW(INDEX(Jesper!AI$2:AI$366,ROUNDDOWN($C8284/24,0)+1,1))-1)+IF('Standard Profiles'!$G$19=$B$10,7,0)+IF('Standard Profiles'!$G$19=$B$17,14,0)+IF('Standard Profiles'!$G$19=$B$24,21,0),MOD($C8284,24)+1)/SUM(INDEX($D$3:$AA$30,INDEX(Jesper!$R$2:$R$366,ROW(INDEX(Jesper!AI$2:AI$366,ROUNDDOWN($C8284/24,0)+1,1))-1)+IF('Standard Profiles'!$G$19=$B$10,7,0)+IF('Standard Profiles'!$G$19=$B$17,14,0)+IF('Standard Profiles'!$G$19=$B$24,21,0),0)),0)</f>
        <v>0</v>
      </c>
      <c r="F8284" cm="1">
        <f t="array" ref="F8284">IFERROR(INDEX(Jesper!AJ$2:AJ$366,ROUNDDOWN($C8284/24,0)+1,1)*INDEX($D$3:$AA$30,INDEX(Jesper!$R$2:$R$366,ROW(INDEX(Jesper!AJ$2:AJ$366,ROUNDDOWN($C8284/24,0)+1,1))-1)+IF('Standard Profiles'!$G$20=$B$10,7,0)+IF('Standard Profiles'!$G$20=$B$17,14,0)+IF('Standard Profiles'!$G$20=$B$24,21,0),MOD($C8284,24)+1)/SUM(INDEX($D$3:$AA$30,INDEX(Jesper!$R$2:$R$366,ROW(INDEX(Jesper!AJ$2:AJ$366,ROUNDDOWN($C8284/24,0)+1,1))-1)+IF('Standard Profiles'!$G$20=$B$10,7,0)+IF('Standard Profiles'!$G$20=$B$17,14,0)+IF('Standard Profiles'!$G$20=$B$24,21,0),0)),0)</f>
        <v>0</v>
      </c>
      <c r="G8284" cm="1">
        <f t="array" ref="G8284">IFERROR(INDEX(Jesper!AK$2:AK$366,ROUNDDOWN($C8284/24,0)+1,1)*INDEX($D$3:$AA$30,INDEX(Jesper!$R$2:$R$366,ROW(INDEX(Jesper!AK$2:AK$366,ROUNDDOWN($C8284/24,0)+1,1))-1)+IF('Standard Profiles'!$G$21=$B$10,7,0)+IF('Standard Profiles'!$G$21=$B$17,14,0)+IF('Standard Profiles'!$G$21=$B$24,21,0),MOD($C8284,24)+1)/SUM(INDEX($D$3:$AA$30,INDEX(Jesper!$R$2:$R$366,ROW(INDEX(Jesper!AK$2:AK$366,ROUNDDOWN($C8284/24,0)+1,1))-1)+IF('Standard Profiles'!$G$21=$B$10,7,0)+IF('Standard Profiles'!$G$21=$B$17,14,0)+IF('Standard Profiles'!$G$21=$B$24,21,0),0)),0)</f>
        <v>0</v>
      </c>
      <c r="H8284" cm="1">
        <f t="array" ref="H8284">IFERROR(INDEX(Jesper!AL$2:AL$366,ROUNDDOWN($C8284/24,0)+1,1)*INDEX($D$3:$AA$30,INDEX(Jesper!$R$2:$R$366,ROW(INDEX(Jesper!AL$2:AL$366,ROUNDDOWN($C8284/24,0)+1,1))-1)+IF('Standard Profiles'!$G$22=$B$10,7,0)+IF('Standard Profiles'!$G$22=$B$17,14,0)+IF('Standard Profiles'!$G$22=$B$24,21,0),MOD($C8284,24)+1)/SUM(INDEX($D$3:$AA$30,INDEX(Jesper!$R$2:$R$366,ROW(INDEX(Jesper!AL$2:AL$366,ROUNDDOWN($C8284/24,0)+1,1))-1)+IF('Standard Profiles'!$G$22=$B$10,7,0)+IF('Standard Profiles'!$G$22=$B$17,14,0)+IF('Standard Profiles'!$G$22=$B$24,21,0),0)),0)</f>
        <v>0</v>
      </c>
      <c r="I8284">
        <f t="shared" si="916"/>
        <v>0.54796755593104629</v>
      </c>
      <c r="J8284">
        <f t="shared" si="917"/>
        <v>1.8265585197701544</v>
      </c>
      <c r="K8284">
        <f t="shared" si="918"/>
        <v>2.7398377796552316</v>
      </c>
      <c r="L8284">
        <f t="shared" si="919"/>
        <v>13.151221342345112</v>
      </c>
      <c r="M8284">
        <f t="shared" si="920"/>
        <v>0</v>
      </c>
      <c r="N8284" s="46">
        <f t="shared" si="921"/>
        <v>45635.749999979991</v>
      </c>
    </row>
    <row r="8285" spans="2:14" x14ac:dyDescent="0.3">
      <c r="B8285">
        <f t="shared" si="915"/>
        <v>1</v>
      </c>
      <c r="C8285" s="16">
        <v>8251</v>
      </c>
      <c r="D8285" cm="1">
        <f t="array" ref="D8285">IFERROR(INDEX(Jesper!AH$2:AH$366,ROUNDDOWN($C8285/24,0)+1,1)*INDEX($D$3:$AA$30,INDEX(Jesper!$R$2:$R$366,ROW(INDEX(Jesper!AH$2:AH$366,ROUNDDOWN($C8285/24,0)+1,1))-1)+IF('Standard Profiles'!$G$18=$B$10,7,0)+IF('Standard Profiles'!$G$18=$B$17,14,0)+IF('Standard Profiles'!$G$18=$B$24,21,0),MOD($C8285,24)+1)/SUM(INDEX($D$3:$AA$30,INDEX(Jesper!$R$2:$R$366,ROW(INDEX(Jesper!AH$2:AH$366,ROUNDDOWN($C8285/24,0)+1,1))-1)+IF('Standard Profiles'!$G$18=$B$10,7,0)+IF('Standard Profiles'!$G$18=$B$17,14,0)+IF('Standard Profiles'!$G$18=$B$24,21,0),0)),0)</f>
        <v>15.297427603075043</v>
      </c>
      <c r="E8285" cm="1">
        <f t="array" ref="E8285">IFERROR(INDEX(Jesper!AI$2:AI$366,ROUNDDOWN($C8285/24,0)+1,1)*INDEX($D$3:$AA$30,INDEX(Jesper!$R$2:$R$366,ROW(INDEX(Jesper!AI$2:AI$366,ROUNDDOWN($C8285/24,0)+1,1))-1)+IF('Standard Profiles'!$G$19=$B$10,7,0)+IF('Standard Profiles'!$G$19=$B$17,14,0)+IF('Standard Profiles'!$G$19=$B$24,21,0),MOD($C8285,24)+1)/SUM(INDEX($D$3:$AA$30,INDEX(Jesper!$R$2:$R$366,ROW(INDEX(Jesper!AI$2:AI$366,ROUNDDOWN($C8285/24,0)+1,1))-1)+IF('Standard Profiles'!$G$19=$B$10,7,0)+IF('Standard Profiles'!$G$19=$B$17,14,0)+IF('Standard Profiles'!$G$19=$B$24,21,0),0)),0)</f>
        <v>0</v>
      </c>
      <c r="F8285" cm="1">
        <f t="array" ref="F8285">IFERROR(INDEX(Jesper!AJ$2:AJ$366,ROUNDDOWN($C8285/24,0)+1,1)*INDEX($D$3:$AA$30,INDEX(Jesper!$R$2:$R$366,ROW(INDEX(Jesper!AJ$2:AJ$366,ROUNDDOWN($C8285/24,0)+1,1))-1)+IF('Standard Profiles'!$G$20=$B$10,7,0)+IF('Standard Profiles'!$G$20=$B$17,14,0)+IF('Standard Profiles'!$G$20=$B$24,21,0),MOD($C8285,24)+1)/SUM(INDEX($D$3:$AA$30,INDEX(Jesper!$R$2:$R$366,ROW(INDEX(Jesper!AJ$2:AJ$366,ROUNDDOWN($C8285/24,0)+1,1))-1)+IF('Standard Profiles'!$G$20=$B$10,7,0)+IF('Standard Profiles'!$G$20=$B$17,14,0)+IF('Standard Profiles'!$G$20=$B$24,21,0),0)),0)</f>
        <v>0</v>
      </c>
      <c r="G8285" cm="1">
        <f t="array" ref="G8285">IFERROR(INDEX(Jesper!AK$2:AK$366,ROUNDDOWN($C8285/24,0)+1,1)*INDEX($D$3:$AA$30,INDEX(Jesper!$R$2:$R$366,ROW(INDEX(Jesper!AK$2:AK$366,ROUNDDOWN($C8285/24,0)+1,1))-1)+IF('Standard Profiles'!$G$21=$B$10,7,0)+IF('Standard Profiles'!$G$21=$B$17,14,0)+IF('Standard Profiles'!$G$21=$B$24,21,0),MOD($C8285,24)+1)/SUM(INDEX($D$3:$AA$30,INDEX(Jesper!$R$2:$R$366,ROW(INDEX(Jesper!AK$2:AK$366,ROUNDDOWN($C8285/24,0)+1,1))-1)+IF('Standard Profiles'!$G$21=$B$10,7,0)+IF('Standard Profiles'!$G$21=$B$17,14,0)+IF('Standard Profiles'!$G$21=$B$24,21,0),0)),0)</f>
        <v>0</v>
      </c>
      <c r="H8285" cm="1">
        <f t="array" ref="H8285">IFERROR(INDEX(Jesper!AL$2:AL$366,ROUNDDOWN($C8285/24,0)+1,1)*INDEX($D$3:$AA$30,INDEX(Jesper!$R$2:$R$366,ROW(INDEX(Jesper!AL$2:AL$366,ROUNDDOWN($C8285/24,0)+1,1))-1)+IF('Standard Profiles'!$G$22=$B$10,7,0)+IF('Standard Profiles'!$G$22=$B$17,14,0)+IF('Standard Profiles'!$G$22=$B$24,21,0),MOD($C8285,24)+1)/SUM(INDEX($D$3:$AA$30,INDEX(Jesper!$R$2:$R$366,ROW(INDEX(Jesper!AL$2:AL$366,ROUNDDOWN($C8285/24,0)+1,1))-1)+IF('Standard Profiles'!$G$22=$B$10,7,0)+IF('Standard Profiles'!$G$22=$B$17,14,0)+IF('Standard Profiles'!$G$22=$B$24,21,0),0)),0)</f>
        <v>0</v>
      </c>
      <c r="I8285">
        <f t="shared" si="916"/>
        <v>0.45892282809225127</v>
      </c>
      <c r="J8285">
        <f t="shared" si="917"/>
        <v>1.5297427603075044</v>
      </c>
      <c r="K8285">
        <f t="shared" si="918"/>
        <v>2.2946141404612566</v>
      </c>
      <c r="L8285">
        <f t="shared" si="919"/>
        <v>11.01414787421403</v>
      </c>
      <c r="M8285">
        <f t="shared" si="920"/>
        <v>0</v>
      </c>
      <c r="N8285" s="46">
        <f t="shared" si="921"/>
        <v>45635.791666646655</v>
      </c>
    </row>
    <row r="8286" spans="2:14" x14ac:dyDescent="0.3">
      <c r="B8286">
        <f t="shared" si="915"/>
        <v>1</v>
      </c>
      <c r="C8286" s="16">
        <v>8252</v>
      </c>
      <c r="D8286" cm="1">
        <f t="array" ref="D8286">IFERROR(INDEX(Jesper!AH$2:AH$366,ROUNDDOWN($C8286/24,0)+1,1)*INDEX($D$3:$AA$30,INDEX(Jesper!$R$2:$R$366,ROW(INDEX(Jesper!AH$2:AH$366,ROUNDDOWN($C8286/24,0)+1,1))-1)+IF('Standard Profiles'!$G$18=$B$10,7,0)+IF('Standard Profiles'!$G$18=$B$17,14,0)+IF('Standard Profiles'!$G$18=$B$24,21,0),MOD($C8286,24)+1)/SUM(INDEX($D$3:$AA$30,INDEX(Jesper!$R$2:$R$366,ROW(INDEX(Jesper!AH$2:AH$366,ROUNDDOWN($C8286/24,0)+1,1))-1)+IF('Standard Profiles'!$G$18=$B$10,7,0)+IF('Standard Profiles'!$G$18=$B$17,14,0)+IF('Standard Profiles'!$G$18=$B$24,21,0),0)),0)</f>
        <v>12.557589823419811</v>
      </c>
      <c r="E8286" cm="1">
        <f t="array" ref="E8286">IFERROR(INDEX(Jesper!AI$2:AI$366,ROUNDDOWN($C8286/24,0)+1,1)*INDEX($D$3:$AA$30,INDEX(Jesper!$R$2:$R$366,ROW(INDEX(Jesper!AI$2:AI$366,ROUNDDOWN($C8286/24,0)+1,1))-1)+IF('Standard Profiles'!$G$19=$B$10,7,0)+IF('Standard Profiles'!$G$19=$B$17,14,0)+IF('Standard Profiles'!$G$19=$B$24,21,0),MOD($C8286,24)+1)/SUM(INDEX($D$3:$AA$30,INDEX(Jesper!$R$2:$R$366,ROW(INDEX(Jesper!AI$2:AI$366,ROUNDDOWN($C8286/24,0)+1,1))-1)+IF('Standard Profiles'!$G$19=$B$10,7,0)+IF('Standard Profiles'!$G$19=$B$17,14,0)+IF('Standard Profiles'!$G$19=$B$24,21,0),0)),0)</f>
        <v>0</v>
      </c>
      <c r="F8286" cm="1">
        <f t="array" ref="F8286">IFERROR(INDEX(Jesper!AJ$2:AJ$366,ROUNDDOWN($C8286/24,0)+1,1)*INDEX($D$3:$AA$30,INDEX(Jesper!$R$2:$R$366,ROW(INDEX(Jesper!AJ$2:AJ$366,ROUNDDOWN($C8286/24,0)+1,1))-1)+IF('Standard Profiles'!$G$20=$B$10,7,0)+IF('Standard Profiles'!$G$20=$B$17,14,0)+IF('Standard Profiles'!$G$20=$B$24,21,0),MOD($C8286,24)+1)/SUM(INDEX($D$3:$AA$30,INDEX(Jesper!$R$2:$R$366,ROW(INDEX(Jesper!AJ$2:AJ$366,ROUNDDOWN($C8286/24,0)+1,1))-1)+IF('Standard Profiles'!$G$20=$B$10,7,0)+IF('Standard Profiles'!$G$20=$B$17,14,0)+IF('Standard Profiles'!$G$20=$B$24,21,0),0)),0)</f>
        <v>0</v>
      </c>
      <c r="G8286" cm="1">
        <f t="array" ref="G8286">IFERROR(INDEX(Jesper!AK$2:AK$366,ROUNDDOWN($C8286/24,0)+1,1)*INDEX($D$3:$AA$30,INDEX(Jesper!$R$2:$R$366,ROW(INDEX(Jesper!AK$2:AK$366,ROUNDDOWN($C8286/24,0)+1,1))-1)+IF('Standard Profiles'!$G$21=$B$10,7,0)+IF('Standard Profiles'!$G$21=$B$17,14,0)+IF('Standard Profiles'!$G$21=$B$24,21,0),MOD($C8286,24)+1)/SUM(INDEX($D$3:$AA$30,INDEX(Jesper!$R$2:$R$366,ROW(INDEX(Jesper!AK$2:AK$366,ROUNDDOWN($C8286/24,0)+1,1))-1)+IF('Standard Profiles'!$G$21=$B$10,7,0)+IF('Standard Profiles'!$G$21=$B$17,14,0)+IF('Standard Profiles'!$G$21=$B$24,21,0),0)),0)</f>
        <v>0</v>
      </c>
      <c r="H8286" cm="1">
        <f t="array" ref="H8286">IFERROR(INDEX(Jesper!AL$2:AL$366,ROUNDDOWN($C8286/24,0)+1,1)*INDEX($D$3:$AA$30,INDEX(Jesper!$R$2:$R$366,ROW(INDEX(Jesper!AL$2:AL$366,ROUNDDOWN($C8286/24,0)+1,1))-1)+IF('Standard Profiles'!$G$22=$B$10,7,0)+IF('Standard Profiles'!$G$22=$B$17,14,0)+IF('Standard Profiles'!$G$22=$B$24,21,0),MOD($C8286,24)+1)/SUM(INDEX($D$3:$AA$30,INDEX(Jesper!$R$2:$R$366,ROW(INDEX(Jesper!AL$2:AL$366,ROUNDDOWN($C8286/24,0)+1,1))-1)+IF('Standard Profiles'!$G$22=$B$10,7,0)+IF('Standard Profiles'!$G$22=$B$17,14,0)+IF('Standard Profiles'!$G$22=$B$24,21,0),0)),0)</f>
        <v>0</v>
      </c>
      <c r="I8286">
        <f t="shared" si="916"/>
        <v>0.37672769470259432</v>
      </c>
      <c r="J8286">
        <f t="shared" si="917"/>
        <v>1.2557589823419812</v>
      </c>
      <c r="K8286">
        <f t="shared" si="918"/>
        <v>1.8836384735129714</v>
      </c>
      <c r="L8286">
        <f t="shared" si="919"/>
        <v>9.0414646728622632</v>
      </c>
      <c r="M8286">
        <f t="shared" si="920"/>
        <v>0</v>
      </c>
      <c r="N8286" s="46">
        <f t="shared" si="921"/>
        <v>45635.83333331332</v>
      </c>
    </row>
    <row r="8287" spans="2:14" x14ac:dyDescent="0.3">
      <c r="B8287">
        <f t="shared" si="915"/>
        <v>1</v>
      </c>
      <c r="C8287" s="16">
        <v>8253</v>
      </c>
      <c r="D8287" cm="1">
        <f t="array" ref="D8287">IFERROR(INDEX(Jesper!AH$2:AH$366,ROUNDDOWN($C8287/24,0)+1,1)*INDEX($D$3:$AA$30,INDEX(Jesper!$R$2:$R$366,ROW(INDEX(Jesper!AH$2:AH$366,ROUNDDOWN($C8287/24,0)+1,1))-1)+IF('Standard Profiles'!$G$18=$B$10,7,0)+IF('Standard Profiles'!$G$18=$B$17,14,0)+IF('Standard Profiles'!$G$18=$B$24,21,0),MOD($C8287,24)+1)/SUM(INDEX($D$3:$AA$30,INDEX(Jesper!$R$2:$R$366,ROW(INDEX(Jesper!AH$2:AH$366,ROUNDDOWN($C8287/24,0)+1,1))-1)+IF('Standard Profiles'!$G$18=$B$10,7,0)+IF('Standard Profiles'!$G$18=$B$17,14,0)+IF('Standard Profiles'!$G$18=$B$24,21,0),0)),0)</f>
        <v>9.1327925988507719</v>
      </c>
      <c r="E8287" cm="1">
        <f t="array" ref="E8287">IFERROR(INDEX(Jesper!AI$2:AI$366,ROUNDDOWN($C8287/24,0)+1,1)*INDEX($D$3:$AA$30,INDEX(Jesper!$R$2:$R$366,ROW(INDEX(Jesper!AI$2:AI$366,ROUNDDOWN($C8287/24,0)+1,1))-1)+IF('Standard Profiles'!$G$19=$B$10,7,0)+IF('Standard Profiles'!$G$19=$B$17,14,0)+IF('Standard Profiles'!$G$19=$B$24,21,0),MOD($C8287,24)+1)/SUM(INDEX($D$3:$AA$30,INDEX(Jesper!$R$2:$R$366,ROW(INDEX(Jesper!AI$2:AI$366,ROUNDDOWN($C8287/24,0)+1,1))-1)+IF('Standard Profiles'!$G$19=$B$10,7,0)+IF('Standard Profiles'!$G$19=$B$17,14,0)+IF('Standard Profiles'!$G$19=$B$24,21,0),0)),0)</f>
        <v>0</v>
      </c>
      <c r="F8287" cm="1">
        <f t="array" ref="F8287">IFERROR(INDEX(Jesper!AJ$2:AJ$366,ROUNDDOWN($C8287/24,0)+1,1)*INDEX($D$3:$AA$30,INDEX(Jesper!$R$2:$R$366,ROW(INDEX(Jesper!AJ$2:AJ$366,ROUNDDOWN($C8287/24,0)+1,1))-1)+IF('Standard Profiles'!$G$20=$B$10,7,0)+IF('Standard Profiles'!$G$20=$B$17,14,0)+IF('Standard Profiles'!$G$20=$B$24,21,0),MOD($C8287,24)+1)/SUM(INDEX($D$3:$AA$30,INDEX(Jesper!$R$2:$R$366,ROW(INDEX(Jesper!AJ$2:AJ$366,ROUNDDOWN($C8287/24,0)+1,1))-1)+IF('Standard Profiles'!$G$20=$B$10,7,0)+IF('Standard Profiles'!$G$20=$B$17,14,0)+IF('Standard Profiles'!$G$20=$B$24,21,0),0)),0)</f>
        <v>0</v>
      </c>
      <c r="G8287" cm="1">
        <f t="array" ref="G8287">IFERROR(INDEX(Jesper!AK$2:AK$366,ROUNDDOWN($C8287/24,0)+1,1)*INDEX($D$3:$AA$30,INDEX(Jesper!$R$2:$R$366,ROW(INDEX(Jesper!AK$2:AK$366,ROUNDDOWN($C8287/24,0)+1,1))-1)+IF('Standard Profiles'!$G$21=$B$10,7,0)+IF('Standard Profiles'!$G$21=$B$17,14,0)+IF('Standard Profiles'!$G$21=$B$24,21,0),MOD($C8287,24)+1)/SUM(INDEX($D$3:$AA$30,INDEX(Jesper!$R$2:$R$366,ROW(INDEX(Jesper!AK$2:AK$366,ROUNDDOWN($C8287/24,0)+1,1))-1)+IF('Standard Profiles'!$G$21=$B$10,7,0)+IF('Standard Profiles'!$G$21=$B$17,14,0)+IF('Standard Profiles'!$G$21=$B$24,21,0),0)),0)</f>
        <v>0</v>
      </c>
      <c r="H8287" cm="1">
        <f t="array" ref="H8287">IFERROR(INDEX(Jesper!AL$2:AL$366,ROUNDDOWN($C8287/24,0)+1,1)*INDEX($D$3:$AA$30,INDEX(Jesper!$R$2:$R$366,ROW(INDEX(Jesper!AL$2:AL$366,ROUNDDOWN($C8287/24,0)+1,1))-1)+IF('Standard Profiles'!$G$22=$B$10,7,0)+IF('Standard Profiles'!$G$22=$B$17,14,0)+IF('Standard Profiles'!$G$22=$B$24,21,0),MOD($C8287,24)+1)/SUM(INDEX($D$3:$AA$30,INDEX(Jesper!$R$2:$R$366,ROW(INDEX(Jesper!AL$2:AL$366,ROUNDDOWN($C8287/24,0)+1,1))-1)+IF('Standard Profiles'!$G$22=$B$10,7,0)+IF('Standard Profiles'!$G$22=$B$17,14,0)+IF('Standard Profiles'!$G$22=$B$24,21,0),0)),0)</f>
        <v>0</v>
      </c>
      <c r="I8287">
        <f t="shared" si="916"/>
        <v>0.27398377796552315</v>
      </c>
      <c r="J8287">
        <f t="shared" si="917"/>
        <v>0.91327925988507719</v>
      </c>
      <c r="K8287">
        <f t="shared" si="918"/>
        <v>1.3699188898276158</v>
      </c>
      <c r="L8287">
        <f t="shared" si="919"/>
        <v>6.5756106711725559</v>
      </c>
      <c r="M8287">
        <f t="shared" si="920"/>
        <v>0</v>
      </c>
      <c r="N8287" s="46">
        <f t="shared" si="921"/>
        <v>45635.874999979984</v>
      </c>
    </row>
    <row r="8288" spans="2:14" x14ac:dyDescent="0.3">
      <c r="B8288">
        <f t="shared" si="915"/>
        <v>1</v>
      </c>
      <c r="C8288" s="16">
        <v>8254</v>
      </c>
      <c r="D8288" cm="1">
        <f t="array" ref="D8288">IFERROR(INDEX(Jesper!AH$2:AH$366,ROUNDDOWN($C8288/24,0)+1,1)*INDEX($D$3:$AA$30,INDEX(Jesper!$R$2:$R$366,ROW(INDEX(Jesper!AH$2:AH$366,ROUNDDOWN($C8288/24,0)+1,1))-1)+IF('Standard Profiles'!$G$18=$B$10,7,0)+IF('Standard Profiles'!$G$18=$B$17,14,0)+IF('Standard Profiles'!$G$18=$B$24,21,0),MOD($C8288,24)+1)/SUM(INDEX($D$3:$AA$30,INDEX(Jesper!$R$2:$R$366,ROW(INDEX(Jesper!AH$2:AH$366,ROUNDDOWN($C8288/24,0)+1,1))-1)+IF('Standard Profiles'!$G$18=$B$10,7,0)+IF('Standard Profiles'!$G$18=$B$17,14,0)+IF('Standard Profiles'!$G$18=$B$24,21,0),0)),0)</f>
        <v>8.6761529689082337</v>
      </c>
      <c r="E8288" cm="1">
        <f t="array" ref="E8288">IFERROR(INDEX(Jesper!AI$2:AI$366,ROUNDDOWN($C8288/24,0)+1,1)*INDEX($D$3:$AA$30,INDEX(Jesper!$R$2:$R$366,ROW(INDEX(Jesper!AI$2:AI$366,ROUNDDOWN($C8288/24,0)+1,1))-1)+IF('Standard Profiles'!$G$19=$B$10,7,0)+IF('Standard Profiles'!$G$19=$B$17,14,0)+IF('Standard Profiles'!$G$19=$B$24,21,0),MOD($C8288,24)+1)/SUM(INDEX($D$3:$AA$30,INDEX(Jesper!$R$2:$R$366,ROW(INDEX(Jesper!AI$2:AI$366,ROUNDDOWN($C8288/24,0)+1,1))-1)+IF('Standard Profiles'!$G$19=$B$10,7,0)+IF('Standard Profiles'!$G$19=$B$17,14,0)+IF('Standard Profiles'!$G$19=$B$24,21,0),0)),0)</f>
        <v>0</v>
      </c>
      <c r="F8288" cm="1">
        <f t="array" ref="F8288">IFERROR(INDEX(Jesper!AJ$2:AJ$366,ROUNDDOWN($C8288/24,0)+1,1)*INDEX($D$3:$AA$30,INDEX(Jesper!$R$2:$R$366,ROW(INDEX(Jesper!AJ$2:AJ$366,ROUNDDOWN($C8288/24,0)+1,1))-1)+IF('Standard Profiles'!$G$20=$B$10,7,0)+IF('Standard Profiles'!$G$20=$B$17,14,0)+IF('Standard Profiles'!$G$20=$B$24,21,0),MOD($C8288,24)+1)/SUM(INDEX($D$3:$AA$30,INDEX(Jesper!$R$2:$R$366,ROW(INDEX(Jesper!AJ$2:AJ$366,ROUNDDOWN($C8288/24,0)+1,1))-1)+IF('Standard Profiles'!$G$20=$B$10,7,0)+IF('Standard Profiles'!$G$20=$B$17,14,0)+IF('Standard Profiles'!$G$20=$B$24,21,0),0)),0)</f>
        <v>0</v>
      </c>
      <c r="G8288" cm="1">
        <f t="array" ref="G8288">IFERROR(INDEX(Jesper!AK$2:AK$366,ROUNDDOWN($C8288/24,0)+1,1)*INDEX($D$3:$AA$30,INDEX(Jesper!$R$2:$R$366,ROW(INDEX(Jesper!AK$2:AK$366,ROUNDDOWN($C8288/24,0)+1,1))-1)+IF('Standard Profiles'!$G$21=$B$10,7,0)+IF('Standard Profiles'!$G$21=$B$17,14,0)+IF('Standard Profiles'!$G$21=$B$24,21,0),MOD($C8288,24)+1)/SUM(INDEX($D$3:$AA$30,INDEX(Jesper!$R$2:$R$366,ROW(INDEX(Jesper!AK$2:AK$366,ROUNDDOWN($C8288/24,0)+1,1))-1)+IF('Standard Profiles'!$G$21=$B$10,7,0)+IF('Standard Profiles'!$G$21=$B$17,14,0)+IF('Standard Profiles'!$G$21=$B$24,21,0),0)),0)</f>
        <v>0</v>
      </c>
      <c r="H8288" cm="1">
        <f t="array" ref="H8288">IFERROR(INDEX(Jesper!AL$2:AL$366,ROUNDDOWN($C8288/24,0)+1,1)*INDEX($D$3:$AA$30,INDEX(Jesper!$R$2:$R$366,ROW(INDEX(Jesper!AL$2:AL$366,ROUNDDOWN($C8288/24,0)+1,1))-1)+IF('Standard Profiles'!$G$22=$B$10,7,0)+IF('Standard Profiles'!$G$22=$B$17,14,0)+IF('Standard Profiles'!$G$22=$B$24,21,0),MOD($C8288,24)+1)/SUM(INDEX($D$3:$AA$30,INDEX(Jesper!$R$2:$R$366,ROW(INDEX(Jesper!AL$2:AL$366,ROUNDDOWN($C8288/24,0)+1,1))-1)+IF('Standard Profiles'!$G$22=$B$10,7,0)+IF('Standard Profiles'!$G$22=$B$17,14,0)+IF('Standard Profiles'!$G$22=$B$24,21,0),0)),0)</f>
        <v>0</v>
      </c>
      <c r="I8288">
        <f t="shared" si="916"/>
        <v>0.260284589067247</v>
      </c>
      <c r="J8288">
        <f t="shared" si="917"/>
        <v>0.8676152968908234</v>
      </c>
      <c r="K8288">
        <f t="shared" si="918"/>
        <v>1.3014229453362349</v>
      </c>
      <c r="L8288">
        <f t="shared" si="919"/>
        <v>6.2468301376139284</v>
      </c>
      <c r="M8288">
        <f t="shared" si="920"/>
        <v>0</v>
      </c>
      <c r="N8288" s="46">
        <f t="shared" si="921"/>
        <v>45635.916666646648</v>
      </c>
    </row>
    <row r="8289" spans="2:14" x14ac:dyDescent="0.3">
      <c r="B8289">
        <f t="shared" si="915"/>
        <v>1</v>
      </c>
      <c r="C8289" s="16">
        <v>8255</v>
      </c>
      <c r="D8289" cm="1">
        <f t="array" ref="D8289">IFERROR(INDEX(Jesper!AH$2:AH$366,ROUNDDOWN($C8289/24,0)+1,1)*INDEX($D$3:$AA$30,INDEX(Jesper!$R$2:$R$366,ROW(INDEX(Jesper!AH$2:AH$366,ROUNDDOWN($C8289/24,0)+1,1))-1)+IF('Standard Profiles'!$G$18=$B$10,7,0)+IF('Standard Profiles'!$G$18=$B$17,14,0)+IF('Standard Profiles'!$G$18=$B$24,21,0),MOD($C8289,24)+1)/SUM(INDEX($D$3:$AA$30,INDEX(Jesper!$R$2:$R$366,ROW(INDEX(Jesper!AH$2:AH$366,ROUNDDOWN($C8289/24,0)+1,1))-1)+IF('Standard Profiles'!$G$18=$B$10,7,0)+IF('Standard Profiles'!$G$18=$B$17,14,0)+IF('Standard Profiles'!$G$18=$B$24,21,0),0)),0)</f>
        <v>8.6761529689082337</v>
      </c>
      <c r="E8289" cm="1">
        <f t="array" ref="E8289">IFERROR(INDEX(Jesper!AI$2:AI$366,ROUNDDOWN($C8289/24,0)+1,1)*INDEX($D$3:$AA$30,INDEX(Jesper!$R$2:$R$366,ROW(INDEX(Jesper!AI$2:AI$366,ROUNDDOWN($C8289/24,0)+1,1))-1)+IF('Standard Profiles'!$G$19=$B$10,7,0)+IF('Standard Profiles'!$G$19=$B$17,14,0)+IF('Standard Profiles'!$G$19=$B$24,21,0),MOD($C8289,24)+1)/SUM(INDEX($D$3:$AA$30,INDEX(Jesper!$R$2:$R$366,ROW(INDEX(Jesper!AI$2:AI$366,ROUNDDOWN($C8289/24,0)+1,1))-1)+IF('Standard Profiles'!$G$19=$B$10,7,0)+IF('Standard Profiles'!$G$19=$B$17,14,0)+IF('Standard Profiles'!$G$19=$B$24,21,0),0)),0)</f>
        <v>0</v>
      </c>
      <c r="F8289" cm="1">
        <f t="array" ref="F8289">IFERROR(INDEX(Jesper!AJ$2:AJ$366,ROUNDDOWN($C8289/24,0)+1,1)*INDEX($D$3:$AA$30,INDEX(Jesper!$R$2:$R$366,ROW(INDEX(Jesper!AJ$2:AJ$366,ROUNDDOWN($C8289/24,0)+1,1))-1)+IF('Standard Profiles'!$G$20=$B$10,7,0)+IF('Standard Profiles'!$G$20=$B$17,14,0)+IF('Standard Profiles'!$G$20=$B$24,21,0),MOD($C8289,24)+1)/SUM(INDEX($D$3:$AA$30,INDEX(Jesper!$R$2:$R$366,ROW(INDEX(Jesper!AJ$2:AJ$366,ROUNDDOWN($C8289/24,0)+1,1))-1)+IF('Standard Profiles'!$G$20=$B$10,7,0)+IF('Standard Profiles'!$G$20=$B$17,14,0)+IF('Standard Profiles'!$G$20=$B$24,21,0),0)),0)</f>
        <v>0</v>
      </c>
      <c r="G8289" cm="1">
        <f t="array" ref="G8289">IFERROR(INDEX(Jesper!AK$2:AK$366,ROUNDDOWN($C8289/24,0)+1,1)*INDEX($D$3:$AA$30,INDEX(Jesper!$R$2:$R$366,ROW(INDEX(Jesper!AK$2:AK$366,ROUNDDOWN($C8289/24,0)+1,1))-1)+IF('Standard Profiles'!$G$21=$B$10,7,0)+IF('Standard Profiles'!$G$21=$B$17,14,0)+IF('Standard Profiles'!$G$21=$B$24,21,0),MOD($C8289,24)+1)/SUM(INDEX($D$3:$AA$30,INDEX(Jesper!$R$2:$R$366,ROW(INDEX(Jesper!AK$2:AK$366,ROUNDDOWN($C8289/24,0)+1,1))-1)+IF('Standard Profiles'!$G$21=$B$10,7,0)+IF('Standard Profiles'!$G$21=$B$17,14,0)+IF('Standard Profiles'!$G$21=$B$24,21,0),0)),0)</f>
        <v>0</v>
      </c>
      <c r="H8289" cm="1">
        <f t="array" ref="H8289">IFERROR(INDEX(Jesper!AL$2:AL$366,ROUNDDOWN($C8289/24,0)+1,1)*INDEX($D$3:$AA$30,INDEX(Jesper!$R$2:$R$366,ROW(INDEX(Jesper!AL$2:AL$366,ROUNDDOWN($C8289/24,0)+1,1))-1)+IF('Standard Profiles'!$G$22=$B$10,7,0)+IF('Standard Profiles'!$G$22=$B$17,14,0)+IF('Standard Profiles'!$G$22=$B$24,21,0),MOD($C8289,24)+1)/SUM(INDEX($D$3:$AA$30,INDEX(Jesper!$R$2:$R$366,ROW(INDEX(Jesper!AL$2:AL$366,ROUNDDOWN($C8289/24,0)+1,1))-1)+IF('Standard Profiles'!$G$22=$B$10,7,0)+IF('Standard Profiles'!$G$22=$B$17,14,0)+IF('Standard Profiles'!$G$22=$B$24,21,0),0)),0)</f>
        <v>0</v>
      </c>
      <c r="I8289">
        <f t="shared" si="916"/>
        <v>0.260284589067247</v>
      </c>
      <c r="J8289">
        <f t="shared" si="917"/>
        <v>0.8676152968908234</v>
      </c>
      <c r="K8289">
        <f t="shared" si="918"/>
        <v>1.3014229453362349</v>
      </c>
      <c r="L8289">
        <f t="shared" si="919"/>
        <v>6.2468301376139284</v>
      </c>
      <c r="M8289">
        <f t="shared" si="920"/>
        <v>0</v>
      </c>
      <c r="N8289" s="46">
        <f t="shared" si="921"/>
        <v>45635.958333313312</v>
      </c>
    </row>
    <row r="8290" spans="2:14" x14ac:dyDescent="0.3">
      <c r="B8290">
        <f t="shared" si="915"/>
        <v>2</v>
      </c>
      <c r="C8290" s="16">
        <v>8256</v>
      </c>
      <c r="D8290" cm="1">
        <f t="array" ref="D8290">IFERROR(INDEX(Jesper!AH$2:AH$366,ROUNDDOWN($C8290/24,0)+1,1)*INDEX($D$3:$AA$30,INDEX(Jesper!$R$2:$R$366,ROW(INDEX(Jesper!AH$2:AH$366,ROUNDDOWN($C8290/24,0)+1,1))-1)+IF('Standard Profiles'!$G$18=$B$10,7,0)+IF('Standard Profiles'!$G$18=$B$17,14,0)+IF('Standard Profiles'!$G$18=$B$24,21,0),MOD($C8290,24)+1)/SUM(INDEX($D$3:$AA$30,INDEX(Jesper!$R$2:$R$366,ROW(INDEX(Jesper!AH$2:AH$366,ROUNDDOWN($C8290/24,0)+1,1))-1)+IF('Standard Profiles'!$G$18=$B$10,7,0)+IF('Standard Profiles'!$G$18=$B$17,14,0)+IF('Standard Profiles'!$G$18=$B$24,21,0),0)),0)</f>
        <v>8.203253610782749</v>
      </c>
      <c r="E8290" cm="1">
        <f t="array" ref="E8290">IFERROR(INDEX(Jesper!AI$2:AI$366,ROUNDDOWN($C8290/24,0)+1,1)*INDEX($D$3:$AA$30,INDEX(Jesper!$R$2:$R$366,ROW(INDEX(Jesper!AI$2:AI$366,ROUNDDOWN($C8290/24,0)+1,1))-1)+IF('Standard Profiles'!$G$19=$B$10,7,0)+IF('Standard Profiles'!$G$19=$B$17,14,0)+IF('Standard Profiles'!$G$19=$B$24,21,0),MOD($C8290,24)+1)/SUM(INDEX($D$3:$AA$30,INDEX(Jesper!$R$2:$R$366,ROW(INDEX(Jesper!AI$2:AI$366,ROUNDDOWN($C8290/24,0)+1,1))-1)+IF('Standard Profiles'!$G$19=$B$10,7,0)+IF('Standard Profiles'!$G$19=$B$17,14,0)+IF('Standard Profiles'!$G$19=$B$24,21,0),0)),0)</f>
        <v>0</v>
      </c>
      <c r="F8290" cm="1">
        <f t="array" ref="F8290">IFERROR(INDEX(Jesper!AJ$2:AJ$366,ROUNDDOWN($C8290/24,0)+1,1)*INDEX($D$3:$AA$30,INDEX(Jesper!$R$2:$R$366,ROW(INDEX(Jesper!AJ$2:AJ$366,ROUNDDOWN($C8290/24,0)+1,1))-1)+IF('Standard Profiles'!$G$20=$B$10,7,0)+IF('Standard Profiles'!$G$20=$B$17,14,0)+IF('Standard Profiles'!$G$20=$B$24,21,0),MOD($C8290,24)+1)/SUM(INDEX($D$3:$AA$30,INDEX(Jesper!$R$2:$R$366,ROW(INDEX(Jesper!AJ$2:AJ$366,ROUNDDOWN($C8290/24,0)+1,1))-1)+IF('Standard Profiles'!$G$20=$B$10,7,0)+IF('Standard Profiles'!$G$20=$B$17,14,0)+IF('Standard Profiles'!$G$20=$B$24,21,0),0)),0)</f>
        <v>0</v>
      </c>
      <c r="G8290" cm="1">
        <f t="array" ref="G8290">IFERROR(INDEX(Jesper!AK$2:AK$366,ROUNDDOWN($C8290/24,0)+1,1)*INDEX($D$3:$AA$30,INDEX(Jesper!$R$2:$R$366,ROW(INDEX(Jesper!AK$2:AK$366,ROUNDDOWN($C8290/24,0)+1,1))-1)+IF('Standard Profiles'!$G$21=$B$10,7,0)+IF('Standard Profiles'!$G$21=$B$17,14,0)+IF('Standard Profiles'!$G$21=$B$24,21,0),MOD($C8290,24)+1)/SUM(INDEX($D$3:$AA$30,INDEX(Jesper!$R$2:$R$366,ROW(INDEX(Jesper!AK$2:AK$366,ROUNDDOWN($C8290/24,0)+1,1))-1)+IF('Standard Profiles'!$G$21=$B$10,7,0)+IF('Standard Profiles'!$G$21=$B$17,14,0)+IF('Standard Profiles'!$G$21=$B$24,21,0),0)),0)</f>
        <v>0</v>
      </c>
      <c r="H8290" cm="1">
        <f t="array" ref="H8290">IFERROR(INDEX(Jesper!AL$2:AL$366,ROUNDDOWN($C8290/24,0)+1,1)*INDEX($D$3:$AA$30,INDEX(Jesper!$R$2:$R$366,ROW(INDEX(Jesper!AL$2:AL$366,ROUNDDOWN($C8290/24,0)+1,1))-1)+IF('Standard Profiles'!$G$22=$B$10,7,0)+IF('Standard Profiles'!$G$22=$B$17,14,0)+IF('Standard Profiles'!$G$22=$B$24,21,0),MOD($C8290,24)+1)/SUM(INDEX($D$3:$AA$30,INDEX(Jesper!$R$2:$R$366,ROW(INDEX(Jesper!AL$2:AL$366,ROUNDDOWN($C8290/24,0)+1,1))-1)+IF('Standard Profiles'!$G$22=$B$10,7,0)+IF('Standard Profiles'!$G$22=$B$17,14,0)+IF('Standard Profiles'!$G$22=$B$24,21,0),0)),0)</f>
        <v>0</v>
      </c>
      <c r="I8290">
        <f t="shared" si="916"/>
        <v>0.24609760832348246</v>
      </c>
      <c r="J8290">
        <f t="shared" si="917"/>
        <v>0.82032536107827492</v>
      </c>
      <c r="K8290">
        <f t="shared" si="918"/>
        <v>1.2304880416174122</v>
      </c>
      <c r="L8290">
        <f t="shared" si="919"/>
        <v>5.9063425997635788</v>
      </c>
      <c r="M8290">
        <f t="shared" si="920"/>
        <v>0</v>
      </c>
      <c r="N8290" s="46">
        <f t="shared" si="921"/>
        <v>45635.999999979977</v>
      </c>
    </row>
    <row r="8291" spans="2:14" x14ac:dyDescent="0.3">
      <c r="B8291">
        <f t="shared" ref="B8291:B8354" si="922">WEEKDAY(N8291,2)</f>
        <v>2</v>
      </c>
      <c r="C8291" s="16">
        <v>8257</v>
      </c>
      <c r="D8291" cm="1">
        <f t="array" ref="D8291">IFERROR(INDEX(Jesper!AH$2:AH$366,ROUNDDOWN($C8291/24,0)+1,1)*INDEX($D$3:$AA$30,INDEX(Jesper!$R$2:$R$366,ROW(INDEX(Jesper!AH$2:AH$366,ROUNDDOWN($C8291/24,0)+1,1))-1)+IF('Standard Profiles'!$G$18=$B$10,7,0)+IF('Standard Profiles'!$G$18=$B$17,14,0)+IF('Standard Profiles'!$G$18=$B$24,21,0),MOD($C8291,24)+1)/SUM(INDEX($D$3:$AA$30,INDEX(Jesper!$R$2:$R$366,ROW(INDEX(Jesper!AH$2:AH$366,ROUNDDOWN($C8291/24,0)+1,1))-1)+IF('Standard Profiles'!$G$18=$B$10,7,0)+IF('Standard Profiles'!$G$18=$B$17,14,0)+IF('Standard Profiles'!$G$18=$B$24,21,0),0)),0)</f>
        <v>8.203253610782749</v>
      </c>
      <c r="E8291" cm="1">
        <f t="array" ref="E8291">IFERROR(INDEX(Jesper!AI$2:AI$366,ROUNDDOWN($C8291/24,0)+1,1)*INDEX($D$3:$AA$30,INDEX(Jesper!$R$2:$R$366,ROW(INDEX(Jesper!AI$2:AI$366,ROUNDDOWN($C8291/24,0)+1,1))-1)+IF('Standard Profiles'!$G$19=$B$10,7,0)+IF('Standard Profiles'!$G$19=$B$17,14,0)+IF('Standard Profiles'!$G$19=$B$24,21,0),MOD($C8291,24)+1)/SUM(INDEX($D$3:$AA$30,INDEX(Jesper!$R$2:$R$366,ROW(INDEX(Jesper!AI$2:AI$366,ROUNDDOWN($C8291/24,0)+1,1))-1)+IF('Standard Profiles'!$G$19=$B$10,7,0)+IF('Standard Profiles'!$G$19=$B$17,14,0)+IF('Standard Profiles'!$G$19=$B$24,21,0),0)),0)</f>
        <v>0</v>
      </c>
      <c r="F8291" cm="1">
        <f t="array" ref="F8291">IFERROR(INDEX(Jesper!AJ$2:AJ$366,ROUNDDOWN($C8291/24,0)+1,1)*INDEX($D$3:$AA$30,INDEX(Jesper!$R$2:$R$366,ROW(INDEX(Jesper!AJ$2:AJ$366,ROUNDDOWN($C8291/24,0)+1,1))-1)+IF('Standard Profiles'!$G$20=$B$10,7,0)+IF('Standard Profiles'!$G$20=$B$17,14,0)+IF('Standard Profiles'!$G$20=$B$24,21,0),MOD($C8291,24)+1)/SUM(INDEX($D$3:$AA$30,INDEX(Jesper!$R$2:$R$366,ROW(INDEX(Jesper!AJ$2:AJ$366,ROUNDDOWN($C8291/24,0)+1,1))-1)+IF('Standard Profiles'!$G$20=$B$10,7,0)+IF('Standard Profiles'!$G$20=$B$17,14,0)+IF('Standard Profiles'!$G$20=$B$24,21,0),0)),0)</f>
        <v>0</v>
      </c>
      <c r="G8291" cm="1">
        <f t="array" ref="G8291">IFERROR(INDEX(Jesper!AK$2:AK$366,ROUNDDOWN($C8291/24,0)+1,1)*INDEX($D$3:$AA$30,INDEX(Jesper!$R$2:$R$366,ROW(INDEX(Jesper!AK$2:AK$366,ROUNDDOWN($C8291/24,0)+1,1))-1)+IF('Standard Profiles'!$G$21=$B$10,7,0)+IF('Standard Profiles'!$G$21=$B$17,14,0)+IF('Standard Profiles'!$G$21=$B$24,21,0),MOD($C8291,24)+1)/SUM(INDEX($D$3:$AA$30,INDEX(Jesper!$R$2:$R$366,ROW(INDEX(Jesper!AK$2:AK$366,ROUNDDOWN($C8291/24,0)+1,1))-1)+IF('Standard Profiles'!$G$21=$B$10,7,0)+IF('Standard Profiles'!$G$21=$B$17,14,0)+IF('Standard Profiles'!$G$21=$B$24,21,0),0)),0)</f>
        <v>0</v>
      </c>
      <c r="H8291" cm="1">
        <f t="array" ref="H8291">IFERROR(INDEX(Jesper!AL$2:AL$366,ROUNDDOWN($C8291/24,0)+1,1)*INDEX($D$3:$AA$30,INDEX(Jesper!$R$2:$R$366,ROW(INDEX(Jesper!AL$2:AL$366,ROUNDDOWN($C8291/24,0)+1,1))-1)+IF('Standard Profiles'!$G$22=$B$10,7,0)+IF('Standard Profiles'!$G$22=$B$17,14,0)+IF('Standard Profiles'!$G$22=$B$24,21,0),MOD($C8291,24)+1)/SUM(INDEX($D$3:$AA$30,INDEX(Jesper!$R$2:$R$366,ROW(INDEX(Jesper!AL$2:AL$366,ROUNDDOWN($C8291/24,0)+1,1))-1)+IF('Standard Profiles'!$G$22=$B$10,7,0)+IF('Standard Profiles'!$G$22=$B$17,14,0)+IF('Standard Profiles'!$G$22=$B$24,21,0),0)),0)</f>
        <v>0</v>
      </c>
      <c r="I8291">
        <f t="shared" ref="I8291:I8354" si="923">IF($B8291&lt;6,AC$37*$D8291+AC$38*$E8291+AC$39*$F8291+AC$40*$G8291,AC$46*$D8291+AC$47*$E8291+AC$48*$F8291+AC$49*$G8291+AC$50*$H8291)</f>
        <v>0.24609760832348246</v>
      </c>
      <c r="J8291">
        <f t="shared" ref="J8291:J8354" si="924">IF($B8291&lt;6,AD$37*$D8291+AD$38*$E8291+AD$39*$F8291+AD$40*$G8291,AD$46*$D8291+AD$47*$E8291+AD$48*$F8291+AD$49*$G8291+AD$50*$H8291)</f>
        <v>0.82032536107827492</v>
      </c>
      <c r="K8291">
        <f t="shared" ref="K8291:K8354" si="925">IF($B8291&lt;6,AE$37*$D8291+AE$38*$E8291+AE$39*$F8291+AE$40*$G8291,AE$46*$D8291+AE$47*$E8291+AE$48*$F8291+AE$49*$G8291+AE$50*$H8291)</f>
        <v>1.2304880416174122</v>
      </c>
      <c r="L8291">
        <f t="shared" ref="L8291:L8354" si="926">IF($B8291&lt;6,AF$37*$D8291+AF$38*$E8291+AF$39*$F8291+AF$40*$G8291,AF$46*$D8291+AF$47*$E8291+AF$48*$F8291+AF$49*$G8291+AF$50*$H8291)</f>
        <v>5.9063425997635788</v>
      </c>
      <c r="M8291">
        <f t="shared" ref="M8291:M8354" si="927">IF($B8291&lt;6,AG$37*$D8291+AG$38*$E8291+AG$39*$F8291+AG$40*$G8291,AG$46*$D8291+AG$47*$E8291+AG$48*$F8291+AG$49*$G8291+AG$50*$H8291)</f>
        <v>0</v>
      </c>
      <c r="N8291" s="46">
        <f t="shared" si="921"/>
        <v>45636.041666646641</v>
      </c>
    </row>
    <row r="8292" spans="2:14" x14ac:dyDescent="0.3">
      <c r="B8292">
        <f t="shared" si="922"/>
        <v>2</v>
      </c>
      <c r="C8292" s="16">
        <v>8258</v>
      </c>
      <c r="D8292" cm="1">
        <f t="array" ref="D8292">IFERROR(INDEX(Jesper!AH$2:AH$366,ROUNDDOWN($C8292/24,0)+1,1)*INDEX($D$3:$AA$30,INDEX(Jesper!$R$2:$R$366,ROW(INDEX(Jesper!AH$2:AH$366,ROUNDDOWN($C8292/24,0)+1,1))-1)+IF('Standard Profiles'!$G$18=$B$10,7,0)+IF('Standard Profiles'!$G$18=$B$17,14,0)+IF('Standard Profiles'!$G$18=$B$24,21,0),MOD($C8292,24)+1)/SUM(INDEX($D$3:$AA$30,INDEX(Jesper!$R$2:$R$366,ROW(INDEX(Jesper!AH$2:AH$366,ROUNDDOWN($C8292/24,0)+1,1))-1)+IF('Standard Profiles'!$G$18=$B$10,7,0)+IF('Standard Profiles'!$G$18=$B$17,14,0)+IF('Standard Profiles'!$G$18=$B$24,21,0),0)),0)</f>
        <v>8.203253610782749</v>
      </c>
      <c r="E8292" cm="1">
        <f t="array" ref="E8292">IFERROR(INDEX(Jesper!AI$2:AI$366,ROUNDDOWN($C8292/24,0)+1,1)*INDEX($D$3:$AA$30,INDEX(Jesper!$R$2:$R$366,ROW(INDEX(Jesper!AI$2:AI$366,ROUNDDOWN($C8292/24,0)+1,1))-1)+IF('Standard Profiles'!$G$19=$B$10,7,0)+IF('Standard Profiles'!$G$19=$B$17,14,0)+IF('Standard Profiles'!$G$19=$B$24,21,0),MOD($C8292,24)+1)/SUM(INDEX($D$3:$AA$30,INDEX(Jesper!$R$2:$R$366,ROW(INDEX(Jesper!AI$2:AI$366,ROUNDDOWN($C8292/24,0)+1,1))-1)+IF('Standard Profiles'!$G$19=$B$10,7,0)+IF('Standard Profiles'!$G$19=$B$17,14,0)+IF('Standard Profiles'!$G$19=$B$24,21,0),0)),0)</f>
        <v>0</v>
      </c>
      <c r="F8292" cm="1">
        <f t="array" ref="F8292">IFERROR(INDEX(Jesper!AJ$2:AJ$366,ROUNDDOWN($C8292/24,0)+1,1)*INDEX($D$3:$AA$30,INDEX(Jesper!$R$2:$R$366,ROW(INDEX(Jesper!AJ$2:AJ$366,ROUNDDOWN($C8292/24,0)+1,1))-1)+IF('Standard Profiles'!$G$20=$B$10,7,0)+IF('Standard Profiles'!$G$20=$B$17,14,0)+IF('Standard Profiles'!$G$20=$B$24,21,0),MOD($C8292,24)+1)/SUM(INDEX($D$3:$AA$30,INDEX(Jesper!$R$2:$R$366,ROW(INDEX(Jesper!AJ$2:AJ$366,ROUNDDOWN($C8292/24,0)+1,1))-1)+IF('Standard Profiles'!$G$20=$B$10,7,0)+IF('Standard Profiles'!$G$20=$B$17,14,0)+IF('Standard Profiles'!$G$20=$B$24,21,0),0)),0)</f>
        <v>0</v>
      </c>
      <c r="G8292" cm="1">
        <f t="array" ref="G8292">IFERROR(INDEX(Jesper!AK$2:AK$366,ROUNDDOWN($C8292/24,0)+1,1)*INDEX($D$3:$AA$30,INDEX(Jesper!$R$2:$R$366,ROW(INDEX(Jesper!AK$2:AK$366,ROUNDDOWN($C8292/24,0)+1,1))-1)+IF('Standard Profiles'!$G$21=$B$10,7,0)+IF('Standard Profiles'!$G$21=$B$17,14,0)+IF('Standard Profiles'!$G$21=$B$24,21,0),MOD($C8292,24)+1)/SUM(INDEX($D$3:$AA$30,INDEX(Jesper!$R$2:$R$366,ROW(INDEX(Jesper!AK$2:AK$366,ROUNDDOWN($C8292/24,0)+1,1))-1)+IF('Standard Profiles'!$G$21=$B$10,7,0)+IF('Standard Profiles'!$G$21=$B$17,14,0)+IF('Standard Profiles'!$G$21=$B$24,21,0),0)),0)</f>
        <v>0</v>
      </c>
      <c r="H8292" cm="1">
        <f t="array" ref="H8292">IFERROR(INDEX(Jesper!AL$2:AL$366,ROUNDDOWN($C8292/24,0)+1,1)*INDEX($D$3:$AA$30,INDEX(Jesper!$R$2:$R$366,ROW(INDEX(Jesper!AL$2:AL$366,ROUNDDOWN($C8292/24,0)+1,1))-1)+IF('Standard Profiles'!$G$22=$B$10,7,0)+IF('Standard Profiles'!$G$22=$B$17,14,0)+IF('Standard Profiles'!$G$22=$B$24,21,0),MOD($C8292,24)+1)/SUM(INDEX($D$3:$AA$30,INDEX(Jesper!$R$2:$R$366,ROW(INDEX(Jesper!AL$2:AL$366,ROUNDDOWN($C8292/24,0)+1,1))-1)+IF('Standard Profiles'!$G$22=$B$10,7,0)+IF('Standard Profiles'!$G$22=$B$17,14,0)+IF('Standard Profiles'!$G$22=$B$24,21,0),0)),0)</f>
        <v>0</v>
      </c>
      <c r="I8292">
        <f t="shared" si="923"/>
        <v>0.24609760832348246</v>
      </c>
      <c r="J8292">
        <f t="shared" si="924"/>
        <v>0.82032536107827492</v>
      </c>
      <c r="K8292">
        <f t="shared" si="925"/>
        <v>1.2304880416174122</v>
      </c>
      <c r="L8292">
        <f t="shared" si="926"/>
        <v>5.9063425997635788</v>
      </c>
      <c r="M8292">
        <f t="shared" si="927"/>
        <v>0</v>
      </c>
      <c r="N8292" s="46">
        <f t="shared" ref="N8292:N8355" si="928">N8291+1/24</f>
        <v>45636.083333313305</v>
      </c>
    </row>
    <row r="8293" spans="2:14" x14ac:dyDescent="0.3">
      <c r="B8293">
        <f t="shared" si="922"/>
        <v>2</v>
      </c>
      <c r="C8293" s="16">
        <v>8259</v>
      </c>
      <c r="D8293" cm="1">
        <f t="array" ref="D8293">IFERROR(INDEX(Jesper!AH$2:AH$366,ROUNDDOWN($C8293/24,0)+1,1)*INDEX($D$3:$AA$30,INDEX(Jesper!$R$2:$R$366,ROW(INDEX(Jesper!AH$2:AH$366,ROUNDDOWN($C8293/24,0)+1,1))-1)+IF('Standard Profiles'!$G$18=$B$10,7,0)+IF('Standard Profiles'!$G$18=$B$17,14,0)+IF('Standard Profiles'!$G$18=$B$24,21,0),MOD($C8293,24)+1)/SUM(INDEX($D$3:$AA$30,INDEX(Jesper!$R$2:$R$366,ROW(INDEX(Jesper!AH$2:AH$366,ROUNDDOWN($C8293/24,0)+1,1))-1)+IF('Standard Profiles'!$G$18=$B$10,7,0)+IF('Standard Profiles'!$G$18=$B$17,14,0)+IF('Standard Profiles'!$G$18=$B$24,21,0),0)),0)</f>
        <v>8.203253610782749</v>
      </c>
      <c r="E8293" cm="1">
        <f t="array" ref="E8293">IFERROR(INDEX(Jesper!AI$2:AI$366,ROUNDDOWN($C8293/24,0)+1,1)*INDEX($D$3:$AA$30,INDEX(Jesper!$R$2:$R$366,ROW(INDEX(Jesper!AI$2:AI$366,ROUNDDOWN($C8293/24,0)+1,1))-1)+IF('Standard Profiles'!$G$19=$B$10,7,0)+IF('Standard Profiles'!$G$19=$B$17,14,0)+IF('Standard Profiles'!$G$19=$B$24,21,0),MOD($C8293,24)+1)/SUM(INDEX($D$3:$AA$30,INDEX(Jesper!$R$2:$R$366,ROW(INDEX(Jesper!AI$2:AI$366,ROUNDDOWN($C8293/24,0)+1,1))-1)+IF('Standard Profiles'!$G$19=$B$10,7,0)+IF('Standard Profiles'!$G$19=$B$17,14,0)+IF('Standard Profiles'!$G$19=$B$24,21,0),0)),0)</f>
        <v>0</v>
      </c>
      <c r="F8293" cm="1">
        <f t="array" ref="F8293">IFERROR(INDEX(Jesper!AJ$2:AJ$366,ROUNDDOWN($C8293/24,0)+1,1)*INDEX($D$3:$AA$30,INDEX(Jesper!$R$2:$R$366,ROW(INDEX(Jesper!AJ$2:AJ$366,ROUNDDOWN($C8293/24,0)+1,1))-1)+IF('Standard Profiles'!$G$20=$B$10,7,0)+IF('Standard Profiles'!$G$20=$B$17,14,0)+IF('Standard Profiles'!$G$20=$B$24,21,0),MOD($C8293,24)+1)/SUM(INDEX($D$3:$AA$30,INDEX(Jesper!$R$2:$R$366,ROW(INDEX(Jesper!AJ$2:AJ$366,ROUNDDOWN($C8293/24,0)+1,1))-1)+IF('Standard Profiles'!$G$20=$B$10,7,0)+IF('Standard Profiles'!$G$20=$B$17,14,0)+IF('Standard Profiles'!$G$20=$B$24,21,0),0)),0)</f>
        <v>0</v>
      </c>
      <c r="G8293" cm="1">
        <f t="array" ref="G8293">IFERROR(INDEX(Jesper!AK$2:AK$366,ROUNDDOWN($C8293/24,0)+1,1)*INDEX($D$3:$AA$30,INDEX(Jesper!$R$2:$R$366,ROW(INDEX(Jesper!AK$2:AK$366,ROUNDDOWN($C8293/24,0)+1,1))-1)+IF('Standard Profiles'!$G$21=$B$10,7,0)+IF('Standard Profiles'!$G$21=$B$17,14,0)+IF('Standard Profiles'!$G$21=$B$24,21,0),MOD($C8293,24)+1)/SUM(INDEX($D$3:$AA$30,INDEX(Jesper!$R$2:$R$366,ROW(INDEX(Jesper!AK$2:AK$366,ROUNDDOWN($C8293/24,0)+1,1))-1)+IF('Standard Profiles'!$G$21=$B$10,7,0)+IF('Standard Profiles'!$G$21=$B$17,14,0)+IF('Standard Profiles'!$G$21=$B$24,21,0),0)),0)</f>
        <v>0</v>
      </c>
      <c r="H8293" cm="1">
        <f t="array" ref="H8293">IFERROR(INDEX(Jesper!AL$2:AL$366,ROUNDDOWN($C8293/24,0)+1,1)*INDEX($D$3:$AA$30,INDEX(Jesper!$R$2:$R$366,ROW(INDEX(Jesper!AL$2:AL$366,ROUNDDOWN($C8293/24,0)+1,1))-1)+IF('Standard Profiles'!$G$22=$B$10,7,0)+IF('Standard Profiles'!$G$22=$B$17,14,0)+IF('Standard Profiles'!$G$22=$B$24,21,0),MOD($C8293,24)+1)/SUM(INDEX($D$3:$AA$30,INDEX(Jesper!$R$2:$R$366,ROW(INDEX(Jesper!AL$2:AL$366,ROUNDDOWN($C8293/24,0)+1,1))-1)+IF('Standard Profiles'!$G$22=$B$10,7,0)+IF('Standard Profiles'!$G$22=$B$17,14,0)+IF('Standard Profiles'!$G$22=$B$24,21,0),0)),0)</f>
        <v>0</v>
      </c>
      <c r="I8293">
        <f t="shared" si="923"/>
        <v>0.24609760832348246</v>
      </c>
      <c r="J8293">
        <f t="shared" si="924"/>
        <v>0.82032536107827492</v>
      </c>
      <c r="K8293">
        <f t="shared" si="925"/>
        <v>1.2304880416174122</v>
      </c>
      <c r="L8293">
        <f t="shared" si="926"/>
        <v>5.9063425997635788</v>
      </c>
      <c r="M8293">
        <f t="shared" si="927"/>
        <v>0</v>
      </c>
      <c r="N8293" s="46">
        <f t="shared" si="928"/>
        <v>45636.124999979969</v>
      </c>
    </row>
    <row r="8294" spans="2:14" x14ac:dyDescent="0.3">
      <c r="B8294">
        <f t="shared" si="922"/>
        <v>2</v>
      </c>
      <c r="C8294" s="16">
        <v>8260</v>
      </c>
      <c r="D8294" cm="1">
        <f t="array" ref="D8294">IFERROR(INDEX(Jesper!AH$2:AH$366,ROUNDDOWN($C8294/24,0)+1,1)*INDEX($D$3:$AA$30,INDEX(Jesper!$R$2:$R$366,ROW(INDEX(Jesper!AH$2:AH$366,ROUNDDOWN($C8294/24,0)+1,1))-1)+IF('Standard Profiles'!$G$18=$B$10,7,0)+IF('Standard Profiles'!$G$18=$B$17,14,0)+IF('Standard Profiles'!$G$18=$B$24,21,0),MOD($C8294,24)+1)/SUM(INDEX($D$3:$AA$30,INDEX(Jesper!$R$2:$R$366,ROW(INDEX(Jesper!AH$2:AH$366,ROUNDDOWN($C8294/24,0)+1,1))-1)+IF('Standard Profiles'!$G$18=$B$10,7,0)+IF('Standard Profiles'!$G$18=$B$17,14,0)+IF('Standard Profiles'!$G$18=$B$24,21,0),0)),0)</f>
        <v>8.203253610782749</v>
      </c>
      <c r="E8294" cm="1">
        <f t="array" ref="E8294">IFERROR(INDEX(Jesper!AI$2:AI$366,ROUNDDOWN($C8294/24,0)+1,1)*INDEX($D$3:$AA$30,INDEX(Jesper!$R$2:$R$366,ROW(INDEX(Jesper!AI$2:AI$366,ROUNDDOWN($C8294/24,0)+1,1))-1)+IF('Standard Profiles'!$G$19=$B$10,7,0)+IF('Standard Profiles'!$G$19=$B$17,14,0)+IF('Standard Profiles'!$G$19=$B$24,21,0),MOD($C8294,24)+1)/SUM(INDEX($D$3:$AA$30,INDEX(Jesper!$R$2:$R$366,ROW(INDEX(Jesper!AI$2:AI$366,ROUNDDOWN($C8294/24,0)+1,1))-1)+IF('Standard Profiles'!$G$19=$B$10,7,0)+IF('Standard Profiles'!$G$19=$B$17,14,0)+IF('Standard Profiles'!$G$19=$B$24,21,0),0)),0)</f>
        <v>0</v>
      </c>
      <c r="F8294" cm="1">
        <f t="array" ref="F8294">IFERROR(INDEX(Jesper!AJ$2:AJ$366,ROUNDDOWN($C8294/24,0)+1,1)*INDEX($D$3:$AA$30,INDEX(Jesper!$R$2:$R$366,ROW(INDEX(Jesper!AJ$2:AJ$366,ROUNDDOWN($C8294/24,0)+1,1))-1)+IF('Standard Profiles'!$G$20=$B$10,7,0)+IF('Standard Profiles'!$G$20=$B$17,14,0)+IF('Standard Profiles'!$G$20=$B$24,21,0),MOD($C8294,24)+1)/SUM(INDEX($D$3:$AA$30,INDEX(Jesper!$R$2:$R$366,ROW(INDEX(Jesper!AJ$2:AJ$366,ROUNDDOWN($C8294/24,0)+1,1))-1)+IF('Standard Profiles'!$G$20=$B$10,7,0)+IF('Standard Profiles'!$G$20=$B$17,14,0)+IF('Standard Profiles'!$G$20=$B$24,21,0),0)),0)</f>
        <v>0</v>
      </c>
      <c r="G8294" cm="1">
        <f t="array" ref="G8294">IFERROR(INDEX(Jesper!AK$2:AK$366,ROUNDDOWN($C8294/24,0)+1,1)*INDEX($D$3:$AA$30,INDEX(Jesper!$R$2:$R$366,ROW(INDEX(Jesper!AK$2:AK$366,ROUNDDOWN($C8294/24,0)+1,1))-1)+IF('Standard Profiles'!$G$21=$B$10,7,0)+IF('Standard Profiles'!$G$21=$B$17,14,0)+IF('Standard Profiles'!$G$21=$B$24,21,0),MOD($C8294,24)+1)/SUM(INDEX($D$3:$AA$30,INDEX(Jesper!$R$2:$R$366,ROW(INDEX(Jesper!AK$2:AK$366,ROUNDDOWN($C8294/24,0)+1,1))-1)+IF('Standard Profiles'!$G$21=$B$10,7,0)+IF('Standard Profiles'!$G$21=$B$17,14,0)+IF('Standard Profiles'!$G$21=$B$24,21,0),0)),0)</f>
        <v>0</v>
      </c>
      <c r="H8294" cm="1">
        <f t="array" ref="H8294">IFERROR(INDEX(Jesper!AL$2:AL$366,ROUNDDOWN($C8294/24,0)+1,1)*INDEX($D$3:$AA$30,INDEX(Jesper!$R$2:$R$366,ROW(INDEX(Jesper!AL$2:AL$366,ROUNDDOWN($C8294/24,0)+1,1))-1)+IF('Standard Profiles'!$G$22=$B$10,7,0)+IF('Standard Profiles'!$G$22=$B$17,14,0)+IF('Standard Profiles'!$G$22=$B$24,21,0),MOD($C8294,24)+1)/SUM(INDEX($D$3:$AA$30,INDEX(Jesper!$R$2:$R$366,ROW(INDEX(Jesper!AL$2:AL$366,ROUNDDOWN($C8294/24,0)+1,1))-1)+IF('Standard Profiles'!$G$22=$B$10,7,0)+IF('Standard Profiles'!$G$22=$B$17,14,0)+IF('Standard Profiles'!$G$22=$B$24,21,0),0)),0)</f>
        <v>0</v>
      </c>
      <c r="I8294">
        <f t="shared" si="923"/>
        <v>0.24609760832348246</v>
      </c>
      <c r="J8294">
        <f t="shared" si="924"/>
        <v>0.82032536107827492</v>
      </c>
      <c r="K8294">
        <f t="shared" si="925"/>
        <v>1.2304880416174122</v>
      </c>
      <c r="L8294">
        <f t="shared" si="926"/>
        <v>5.9063425997635788</v>
      </c>
      <c r="M8294">
        <f t="shared" si="927"/>
        <v>0</v>
      </c>
      <c r="N8294" s="46">
        <f t="shared" si="928"/>
        <v>45636.166666646634</v>
      </c>
    </row>
    <row r="8295" spans="2:14" x14ac:dyDescent="0.3">
      <c r="B8295">
        <f t="shared" si="922"/>
        <v>2</v>
      </c>
      <c r="C8295" s="16">
        <v>8261</v>
      </c>
      <c r="D8295" cm="1">
        <f t="array" ref="D8295">IFERROR(INDEX(Jesper!AH$2:AH$366,ROUNDDOWN($C8295/24,0)+1,1)*INDEX($D$3:$AA$30,INDEX(Jesper!$R$2:$R$366,ROW(INDEX(Jesper!AH$2:AH$366,ROUNDDOWN($C8295/24,0)+1,1))-1)+IF('Standard Profiles'!$G$18=$B$10,7,0)+IF('Standard Profiles'!$G$18=$B$17,14,0)+IF('Standard Profiles'!$G$18=$B$24,21,0),MOD($C8295,24)+1)/SUM(INDEX($D$3:$AA$30,INDEX(Jesper!$R$2:$R$366,ROW(INDEX(Jesper!AH$2:AH$366,ROUNDDOWN($C8295/24,0)+1,1))-1)+IF('Standard Profiles'!$G$18=$B$10,7,0)+IF('Standard Profiles'!$G$18=$B$17,14,0)+IF('Standard Profiles'!$G$18=$B$24,21,0),0)),0)</f>
        <v>10.664229694017573</v>
      </c>
      <c r="E8295" cm="1">
        <f t="array" ref="E8295">IFERROR(INDEX(Jesper!AI$2:AI$366,ROUNDDOWN($C8295/24,0)+1,1)*INDEX($D$3:$AA$30,INDEX(Jesper!$R$2:$R$366,ROW(INDEX(Jesper!AI$2:AI$366,ROUNDDOWN($C8295/24,0)+1,1))-1)+IF('Standard Profiles'!$G$19=$B$10,7,0)+IF('Standard Profiles'!$G$19=$B$17,14,0)+IF('Standard Profiles'!$G$19=$B$24,21,0),MOD($C8295,24)+1)/SUM(INDEX($D$3:$AA$30,INDEX(Jesper!$R$2:$R$366,ROW(INDEX(Jesper!AI$2:AI$366,ROUNDDOWN($C8295/24,0)+1,1))-1)+IF('Standard Profiles'!$G$19=$B$10,7,0)+IF('Standard Profiles'!$G$19=$B$17,14,0)+IF('Standard Profiles'!$G$19=$B$24,21,0),0)),0)</f>
        <v>0</v>
      </c>
      <c r="F8295" cm="1">
        <f t="array" ref="F8295">IFERROR(INDEX(Jesper!AJ$2:AJ$366,ROUNDDOWN($C8295/24,0)+1,1)*INDEX($D$3:$AA$30,INDEX(Jesper!$R$2:$R$366,ROW(INDEX(Jesper!AJ$2:AJ$366,ROUNDDOWN($C8295/24,0)+1,1))-1)+IF('Standard Profiles'!$G$20=$B$10,7,0)+IF('Standard Profiles'!$G$20=$B$17,14,0)+IF('Standard Profiles'!$G$20=$B$24,21,0),MOD($C8295,24)+1)/SUM(INDEX($D$3:$AA$30,INDEX(Jesper!$R$2:$R$366,ROW(INDEX(Jesper!AJ$2:AJ$366,ROUNDDOWN($C8295/24,0)+1,1))-1)+IF('Standard Profiles'!$G$20=$B$10,7,0)+IF('Standard Profiles'!$G$20=$B$17,14,0)+IF('Standard Profiles'!$G$20=$B$24,21,0),0)),0)</f>
        <v>0</v>
      </c>
      <c r="G8295" cm="1">
        <f t="array" ref="G8295">IFERROR(INDEX(Jesper!AK$2:AK$366,ROUNDDOWN($C8295/24,0)+1,1)*INDEX($D$3:$AA$30,INDEX(Jesper!$R$2:$R$366,ROW(INDEX(Jesper!AK$2:AK$366,ROUNDDOWN($C8295/24,0)+1,1))-1)+IF('Standard Profiles'!$G$21=$B$10,7,0)+IF('Standard Profiles'!$G$21=$B$17,14,0)+IF('Standard Profiles'!$G$21=$B$24,21,0),MOD($C8295,24)+1)/SUM(INDEX($D$3:$AA$30,INDEX(Jesper!$R$2:$R$366,ROW(INDEX(Jesper!AK$2:AK$366,ROUNDDOWN($C8295/24,0)+1,1))-1)+IF('Standard Profiles'!$G$21=$B$10,7,0)+IF('Standard Profiles'!$G$21=$B$17,14,0)+IF('Standard Profiles'!$G$21=$B$24,21,0),0)),0)</f>
        <v>0</v>
      </c>
      <c r="H8295" cm="1">
        <f t="array" ref="H8295">IFERROR(INDEX(Jesper!AL$2:AL$366,ROUNDDOWN($C8295/24,0)+1,1)*INDEX($D$3:$AA$30,INDEX(Jesper!$R$2:$R$366,ROW(INDEX(Jesper!AL$2:AL$366,ROUNDDOWN($C8295/24,0)+1,1))-1)+IF('Standard Profiles'!$G$22=$B$10,7,0)+IF('Standard Profiles'!$G$22=$B$17,14,0)+IF('Standard Profiles'!$G$22=$B$24,21,0),MOD($C8295,24)+1)/SUM(INDEX($D$3:$AA$30,INDEX(Jesper!$R$2:$R$366,ROW(INDEX(Jesper!AL$2:AL$366,ROUNDDOWN($C8295/24,0)+1,1))-1)+IF('Standard Profiles'!$G$22=$B$10,7,0)+IF('Standard Profiles'!$G$22=$B$17,14,0)+IF('Standard Profiles'!$G$22=$B$24,21,0),0)),0)</f>
        <v>0</v>
      </c>
      <c r="I8295">
        <f t="shared" si="923"/>
        <v>0.31992689082052717</v>
      </c>
      <c r="J8295">
        <f t="shared" si="924"/>
        <v>1.0664229694017573</v>
      </c>
      <c r="K8295">
        <f t="shared" si="925"/>
        <v>1.5996344541026359</v>
      </c>
      <c r="L8295">
        <f t="shared" si="926"/>
        <v>7.678245379692652</v>
      </c>
      <c r="M8295">
        <f t="shared" si="927"/>
        <v>0</v>
      </c>
      <c r="N8295" s="46">
        <f t="shared" si="928"/>
        <v>45636.208333313298</v>
      </c>
    </row>
    <row r="8296" spans="2:14" x14ac:dyDescent="0.3">
      <c r="B8296">
        <f t="shared" si="922"/>
        <v>2</v>
      </c>
      <c r="C8296" s="16">
        <v>8262</v>
      </c>
      <c r="D8296" cm="1">
        <f t="array" ref="D8296">IFERROR(INDEX(Jesper!AH$2:AH$366,ROUNDDOWN($C8296/24,0)+1,1)*INDEX($D$3:$AA$30,INDEX(Jesper!$R$2:$R$366,ROW(INDEX(Jesper!AH$2:AH$366,ROUNDDOWN($C8296/24,0)+1,1))-1)+IF('Standard Profiles'!$G$18=$B$10,7,0)+IF('Standard Profiles'!$G$18=$B$17,14,0)+IF('Standard Profiles'!$G$18=$B$24,21,0),MOD($C8296,24)+1)/SUM(INDEX($D$3:$AA$30,INDEX(Jesper!$R$2:$R$366,ROW(INDEX(Jesper!AH$2:AH$366,ROUNDDOWN($C8296/24,0)+1,1))-1)+IF('Standard Profiles'!$G$18=$B$10,7,0)+IF('Standard Profiles'!$G$18=$B$17,14,0)+IF('Standard Profiles'!$G$18=$B$24,21,0),0)),0)</f>
        <v>11.894717735634984</v>
      </c>
      <c r="E8296" cm="1">
        <f t="array" ref="E8296">IFERROR(INDEX(Jesper!AI$2:AI$366,ROUNDDOWN($C8296/24,0)+1,1)*INDEX($D$3:$AA$30,INDEX(Jesper!$R$2:$R$366,ROW(INDEX(Jesper!AI$2:AI$366,ROUNDDOWN($C8296/24,0)+1,1))-1)+IF('Standard Profiles'!$G$19=$B$10,7,0)+IF('Standard Profiles'!$G$19=$B$17,14,0)+IF('Standard Profiles'!$G$19=$B$24,21,0),MOD($C8296,24)+1)/SUM(INDEX($D$3:$AA$30,INDEX(Jesper!$R$2:$R$366,ROW(INDEX(Jesper!AI$2:AI$366,ROUNDDOWN($C8296/24,0)+1,1))-1)+IF('Standard Profiles'!$G$19=$B$10,7,0)+IF('Standard Profiles'!$G$19=$B$17,14,0)+IF('Standard Profiles'!$G$19=$B$24,21,0),0)),0)</f>
        <v>0</v>
      </c>
      <c r="F8296" cm="1">
        <f t="array" ref="F8296">IFERROR(INDEX(Jesper!AJ$2:AJ$366,ROUNDDOWN($C8296/24,0)+1,1)*INDEX($D$3:$AA$30,INDEX(Jesper!$R$2:$R$366,ROW(INDEX(Jesper!AJ$2:AJ$366,ROUNDDOWN($C8296/24,0)+1,1))-1)+IF('Standard Profiles'!$G$20=$B$10,7,0)+IF('Standard Profiles'!$G$20=$B$17,14,0)+IF('Standard Profiles'!$G$20=$B$24,21,0),MOD($C8296,24)+1)/SUM(INDEX($D$3:$AA$30,INDEX(Jesper!$R$2:$R$366,ROW(INDEX(Jesper!AJ$2:AJ$366,ROUNDDOWN($C8296/24,0)+1,1))-1)+IF('Standard Profiles'!$G$20=$B$10,7,0)+IF('Standard Profiles'!$G$20=$B$17,14,0)+IF('Standard Profiles'!$G$20=$B$24,21,0),0)),0)</f>
        <v>0</v>
      </c>
      <c r="G8296" cm="1">
        <f t="array" ref="G8296">IFERROR(INDEX(Jesper!AK$2:AK$366,ROUNDDOWN($C8296/24,0)+1,1)*INDEX($D$3:$AA$30,INDEX(Jesper!$R$2:$R$366,ROW(INDEX(Jesper!AK$2:AK$366,ROUNDDOWN($C8296/24,0)+1,1))-1)+IF('Standard Profiles'!$G$21=$B$10,7,0)+IF('Standard Profiles'!$G$21=$B$17,14,0)+IF('Standard Profiles'!$G$21=$B$24,21,0),MOD($C8296,24)+1)/SUM(INDEX($D$3:$AA$30,INDEX(Jesper!$R$2:$R$366,ROW(INDEX(Jesper!AK$2:AK$366,ROUNDDOWN($C8296/24,0)+1,1))-1)+IF('Standard Profiles'!$G$21=$B$10,7,0)+IF('Standard Profiles'!$G$21=$B$17,14,0)+IF('Standard Profiles'!$G$21=$B$24,21,0),0)),0)</f>
        <v>0</v>
      </c>
      <c r="H8296" cm="1">
        <f t="array" ref="H8296">IFERROR(INDEX(Jesper!AL$2:AL$366,ROUNDDOWN($C8296/24,0)+1,1)*INDEX($D$3:$AA$30,INDEX(Jesper!$R$2:$R$366,ROW(INDEX(Jesper!AL$2:AL$366,ROUNDDOWN($C8296/24,0)+1,1))-1)+IF('Standard Profiles'!$G$22=$B$10,7,0)+IF('Standard Profiles'!$G$22=$B$17,14,0)+IF('Standard Profiles'!$G$22=$B$24,21,0),MOD($C8296,24)+1)/SUM(INDEX($D$3:$AA$30,INDEX(Jesper!$R$2:$R$366,ROW(INDEX(Jesper!AL$2:AL$366,ROUNDDOWN($C8296/24,0)+1,1))-1)+IF('Standard Profiles'!$G$22=$B$10,7,0)+IF('Standard Profiles'!$G$22=$B$17,14,0)+IF('Standard Profiles'!$G$22=$B$24,21,0),0)),0)</f>
        <v>0</v>
      </c>
      <c r="I8296">
        <f t="shared" si="923"/>
        <v>0.35684153206904951</v>
      </c>
      <c r="J8296">
        <f t="shared" si="924"/>
        <v>1.1894717735634985</v>
      </c>
      <c r="K8296">
        <f t="shared" si="925"/>
        <v>1.7842076603452475</v>
      </c>
      <c r="L8296">
        <f t="shared" si="926"/>
        <v>8.5641967696571886</v>
      </c>
      <c r="M8296">
        <f t="shared" si="927"/>
        <v>0</v>
      </c>
      <c r="N8296" s="46">
        <f t="shared" si="928"/>
        <v>45636.249999979962</v>
      </c>
    </row>
    <row r="8297" spans="2:14" x14ac:dyDescent="0.3">
      <c r="B8297">
        <f t="shared" si="922"/>
        <v>2</v>
      </c>
      <c r="C8297" s="16">
        <v>8263</v>
      </c>
      <c r="D8297" cm="1">
        <f t="array" ref="D8297">IFERROR(INDEX(Jesper!AH$2:AH$366,ROUNDDOWN($C8297/24,0)+1,1)*INDEX($D$3:$AA$30,INDEX(Jesper!$R$2:$R$366,ROW(INDEX(Jesper!AH$2:AH$366,ROUNDDOWN($C8297/24,0)+1,1))-1)+IF('Standard Profiles'!$G$18=$B$10,7,0)+IF('Standard Profiles'!$G$18=$B$17,14,0)+IF('Standard Profiles'!$G$18=$B$24,21,0),MOD($C8297,24)+1)/SUM(INDEX($D$3:$AA$30,INDEX(Jesper!$R$2:$R$366,ROW(INDEX(Jesper!AH$2:AH$366,ROUNDDOWN($C8297/24,0)+1,1))-1)+IF('Standard Profiles'!$G$18=$B$10,7,0)+IF('Standard Profiles'!$G$18=$B$17,14,0)+IF('Standard Profiles'!$G$18=$B$24,21,0),0)),0)</f>
        <v>12.304880416174122</v>
      </c>
      <c r="E8297" cm="1">
        <f t="array" ref="E8297">IFERROR(INDEX(Jesper!AI$2:AI$366,ROUNDDOWN($C8297/24,0)+1,1)*INDEX($D$3:$AA$30,INDEX(Jesper!$R$2:$R$366,ROW(INDEX(Jesper!AI$2:AI$366,ROUNDDOWN($C8297/24,0)+1,1))-1)+IF('Standard Profiles'!$G$19=$B$10,7,0)+IF('Standard Profiles'!$G$19=$B$17,14,0)+IF('Standard Profiles'!$G$19=$B$24,21,0),MOD($C8297,24)+1)/SUM(INDEX($D$3:$AA$30,INDEX(Jesper!$R$2:$R$366,ROW(INDEX(Jesper!AI$2:AI$366,ROUNDDOWN($C8297/24,0)+1,1))-1)+IF('Standard Profiles'!$G$19=$B$10,7,0)+IF('Standard Profiles'!$G$19=$B$17,14,0)+IF('Standard Profiles'!$G$19=$B$24,21,0),0)),0)</f>
        <v>0</v>
      </c>
      <c r="F8297" cm="1">
        <f t="array" ref="F8297">IFERROR(INDEX(Jesper!AJ$2:AJ$366,ROUNDDOWN($C8297/24,0)+1,1)*INDEX($D$3:$AA$30,INDEX(Jesper!$R$2:$R$366,ROW(INDEX(Jesper!AJ$2:AJ$366,ROUNDDOWN($C8297/24,0)+1,1))-1)+IF('Standard Profiles'!$G$20=$B$10,7,0)+IF('Standard Profiles'!$G$20=$B$17,14,0)+IF('Standard Profiles'!$G$20=$B$24,21,0),MOD($C8297,24)+1)/SUM(INDEX($D$3:$AA$30,INDEX(Jesper!$R$2:$R$366,ROW(INDEX(Jesper!AJ$2:AJ$366,ROUNDDOWN($C8297/24,0)+1,1))-1)+IF('Standard Profiles'!$G$20=$B$10,7,0)+IF('Standard Profiles'!$G$20=$B$17,14,0)+IF('Standard Profiles'!$G$20=$B$24,21,0),0)),0)</f>
        <v>0</v>
      </c>
      <c r="G8297" cm="1">
        <f t="array" ref="G8297">IFERROR(INDEX(Jesper!AK$2:AK$366,ROUNDDOWN($C8297/24,0)+1,1)*INDEX($D$3:$AA$30,INDEX(Jesper!$R$2:$R$366,ROW(INDEX(Jesper!AK$2:AK$366,ROUNDDOWN($C8297/24,0)+1,1))-1)+IF('Standard Profiles'!$G$21=$B$10,7,0)+IF('Standard Profiles'!$G$21=$B$17,14,0)+IF('Standard Profiles'!$G$21=$B$24,21,0),MOD($C8297,24)+1)/SUM(INDEX($D$3:$AA$30,INDEX(Jesper!$R$2:$R$366,ROW(INDEX(Jesper!AK$2:AK$366,ROUNDDOWN($C8297/24,0)+1,1))-1)+IF('Standard Profiles'!$G$21=$B$10,7,0)+IF('Standard Profiles'!$G$21=$B$17,14,0)+IF('Standard Profiles'!$G$21=$B$24,21,0),0)),0)</f>
        <v>0</v>
      </c>
      <c r="H8297" cm="1">
        <f t="array" ref="H8297">IFERROR(INDEX(Jesper!AL$2:AL$366,ROUNDDOWN($C8297/24,0)+1,1)*INDEX($D$3:$AA$30,INDEX(Jesper!$R$2:$R$366,ROW(INDEX(Jesper!AL$2:AL$366,ROUNDDOWN($C8297/24,0)+1,1))-1)+IF('Standard Profiles'!$G$22=$B$10,7,0)+IF('Standard Profiles'!$G$22=$B$17,14,0)+IF('Standard Profiles'!$G$22=$B$24,21,0),MOD($C8297,24)+1)/SUM(INDEX($D$3:$AA$30,INDEX(Jesper!$R$2:$R$366,ROW(INDEX(Jesper!AL$2:AL$366,ROUNDDOWN($C8297/24,0)+1,1))-1)+IF('Standard Profiles'!$G$22=$B$10,7,0)+IF('Standard Profiles'!$G$22=$B$17,14,0)+IF('Standard Profiles'!$G$22=$B$24,21,0),0)),0)</f>
        <v>0</v>
      </c>
      <c r="I8297">
        <f t="shared" si="923"/>
        <v>0.36914641248522362</v>
      </c>
      <c r="J8297">
        <f t="shared" si="924"/>
        <v>1.2304880416174122</v>
      </c>
      <c r="K8297">
        <f t="shared" si="925"/>
        <v>1.8457320624261182</v>
      </c>
      <c r="L8297">
        <f t="shared" si="926"/>
        <v>8.8595138996453677</v>
      </c>
      <c r="M8297">
        <f t="shared" si="927"/>
        <v>0</v>
      </c>
      <c r="N8297" s="46">
        <f t="shared" si="928"/>
        <v>45636.291666646626</v>
      </c>
    </row>
    <row r="8298" spans="2:14" x14ac:dyDescent="0.3">
      <c r="B8298">
        <f t="shared" si="922"/>
        <v>2</v>
      </c>
      <c r="C8298" s="16">
        <v>8264</v>
      </c>
      <c r="D8298" cm="1">
        <f t="array" ref="D8298">IFERROR(INDEX(Jesper!AH$2:AH$366,ROUNDDOWN($C8298/24,0)+1,1)*INDEX($D$3:$AA$30,INDEX(Jesper!$R$2:$R$366,ROW(INDEX(Jesper!AH$2:AH$366,ROUNDDOWN($C8298/24,0)+1,1))-1)+IF('Standard Profiles'!$G$18=$B$10,7,0)+IF('Standard Profiles'!$G$18=$B$17,14,0)+IF('Standard Profiles'!$G$18=$B$24,21,0),MOD($C8298,24)+1)/SUM(INDEX($D$3:$AA$30,INDEX(Jesper!$R$2:$R$366,ROW(INDEX(Jesper!AH$2:AH$366,ROUNDDOWN($C8298/24,0)+1,1))-1)+IF('Standard Profiles'!$G$18=$B$10,7,0)+IF('Standard Profiles'!$G$18=$B$17,14,0)+IF('Standard Profiles'!$G$18=$B$24,21,0),0)),0)</f>
        <v>12.304880416174122</v>
      </c>
      <c r="E8298" cm="1">
        <f t="array" ref="E8298">IFERROR(INDEX(Jesper!AI$2:AI$366,ROUNDDOWN($C8298/24,0)+1,1)*INDEX($D$3:$AA$30,INDEX(Jesper!$R$2:$R$366,ROW(INDEX(Jesper!AI$2:AI$366,ROUNDDOWN($C8298/24,0)+1,1))-1)+IF('Standard Profiles'!$G$19=$B$10,7,0)+IF('Standard Profiles'!$G$19=$B$17,14,0)+IF('Standard Profiles'!$G$19=$B$24,21,0),MOD($C8298,24)+1)/SUM(INDEX($D$3:$AA$30,INDEX(Jesper!$R$2:$R$366,ROW(INDEX(Jesper!AI$2:AI$366,ROUNDDOWN($C8298/24,0)+1,1))-1)+IF('Standard Profiles'!$G$19=$B$10,7,0)+IF('Standard Profiles'!$G$19=$B$17,14,0)+IF('Standard Profiles'!$G$19=$B$24,21,0),0)),0)</f>
        <v>0</v>
      </c>
      <c r="F8298" cm="1">
        <f t="array" ref="F8298">IFERROR(INDEX(Jesper!AJ$2:AJ$366,ROUNDDOWN($C8298/24,0)+1,1)*INDEX($D$3:$AA$30,INDEX(Jesper!$R$2:$R$366,ROW(INDEX(Jesper!AJ$2:AJ$366,ROUNDDOWN($C8298/24,0)+1,1))-1)+IF('Standard Profiles'!$G$20=$B$10,7,0)+IF('Standard Profiles'!$G$20=$B$17,14,0)+IF('Standard Profiles'!$G$20=$B$24,21,0),MOD($C8298,24)+1)/SUM(INDEX($D$3:$AA$30,INDEX(Jesper!$R$2:$R$366,ROW(INDEX(Jesper!AJ$2:AJ$366,ROUNDDOWN($C8298/24,0)+1,1))-1)+IF('Standard Profiles'!$G$20=$B$10,7,0)+IF('Standard Profiles'!$G$20=$B$17,14,0)+IF('Standard Profiles'!$G$20=$B$24,21,0),0)),0)</f>
        <v>0</v>
      </c>
      <c r="G8298" cm="1">
        <f t="array" ref="G8298">IFERROR(INDEX(Jesper!AK$2:AK$366,ROUNDDOWN($C8298/24,0)+1,1)*INDEX($D$3:$AA$30,INDEX(Jesper!$R$2:$R$366,ROW(INDEX(Jesper!AK$2:AK$366,ROUNDDOWN($C8298/24,0)+1,1))-1)+IF('Standard Profiles'!$G$21=$B$10,7,0)+IF('Standard Profiles'!$G$21=$B$17,14,0)+IF('Standard Profiles'!$G$21=$B$24,21,0),MOD($C8298,24)+1)/SUM(INDEX($D$3:$AA$30,INDEX(Jesper!$R$2:$R$366,ROW(INDEX(Jesper!AK$2:AK$366,ROUNDDOWN($C8298/24,0)+1,1))-1)+IF('Standard Profiles'!$G$21=$B$10,7,0)+IF('Standard Profiles'!$G$21=$B$17,14,0)+IF('Standard Profiles'!$G$21=$B$24,21,0),0)),0)</f>
        <v>0</v>
      </c>
      <c r="H8298" cm="1">
        <f t="array" ref="H8298">IFERROR(INDEX(Jesper!AL$2:AL$366,ROUNDDOWN($C8298/24,0)+1,1)*INDEX($D$3:$AA$30,INDEX(Jesper!$R$2:$R$366,ROW(INDEX(Jesper!AL$2:AL$366,ROUNDDOWN($C8298/24,0)+1,1))-1)+IF('Standard Profiles'!$G$22=$B$10,7,0)+IF('Standard Profiles'!$G$22=$B$17,14,0)+IF('Standard Profiles'!$G$22=$B$24,21,0),MOD($C8298,24)+1)/SUM(INDEX($D$3:$AA$30,INDEX(Jesper!$R$2:$R$366,ROW(INDEX(Jesper!AL$2:AL$366,ROUNDDOWN($C8298/24,0)+1,1))-1)+IF('Standard Profiles'!$G$22=$B$10,7,0)+IF('Standard Profiles'!$G$22=$B$17,14,0)+IF('Standard Profiles'!$G$22=$B$24,21,0),0)),0)</f>
        <v>0</v>
      </c>
      <c r="I8298">
        <f t="shared" si="923"/>
        <v>0.36914641248522362</v>
      </c>
      <c r="J8298">
        <f t="shared" si="924"/>
        <v>1.2304880416174122</v>
      </c>
      <c r="K8298">
        <f t="shared" si="925"/>
        <v>1.8457320624261182</v>
      </c>
      <c r="L8298">
        <f t="shared" si="926"/>
        <v>8.8595138996453677</v>
      </c>
      <c r="M8298">
        <f t="shared" si="927"/>
        <v>0</v>
      </c>
      <c r="N8298" s="46">
        <f t="shared" si="928"/>
        <v>45636.33333331329</v>
      </c>
    </row>
    <row r="8299" spans="2:14" x14ac:dyDescent="0.3">
      <c r="B8299">
        <f t="shared" si="922"/>
        <v>2</v>
      </c>
      <c r="C8299" s="16">
        <v>8265</v>
      </c>
      <c r="D8299" cm="1">
        <f t="array" ref="D8299">IFERROR(INDEX(Jesper!AH$2:AH$366,ROUNDDOWN($C8299/24,0)+1,1)*INDEX($D$3:$AA$30,INDEX(Jesper!$R$2:$R$366,ROW(INDEX(Jesper!AH$2:AH$366,ROUNDDOWN($C8299/24,0)+1,1))-1)+IF('Standard Profiles'!$G$18=$B$10,7,0)+IF('Standard Profiles'!$G$18=$B$17,14,0)+IF('Standard Profiles'!$G$18=$B$24,21,0),MOD($C8299,24)+1)/SUM(INDEX($D$3:$AA$30,INDEX(Jesper!$R$2:$R$366,ROW(INDEX(Jesper!AH$2:AH$366,ROUNDDOWN($C8299/24,0)+1,1))-1)+IF('Standard Profiles'!$G$18=$B$10,7,0)+IF('Standard Profiles'!$G$18=$B$17,14,0)+IF('Standard Profiles'!$G$18=$B$24,21,0),0)),0)</f>
        <v>13.330287117521966</v>
      </c>
      <c r="E8299" cm="1">
        <f t="array" ref="E8299">IFERROR(INDEX(Jesper!AI$2:AI$366,ROUNDDOWN($C8299/24,0)+1,1)*INDEX($D$3:$AA$30,INDEX(Jesper!$R$2:$R$366,ROW(INDEX(Jesper!AI$2:AI$366,ROUNDDOWN($C8299/24,0)+1,1))-1)+IF('Standard Profiles'!$G$19=$B$10,7,0)+IF('Standard Profiles'!$G$19=$B$17,14,0)+IF('Standard Profiles'!$G$19=$B$24,21,0),MOD($C8299,24)+1)/SUM(INDEX($D$3:$AA$30,INDEX(Jesper!$R$2:$R$366,ROW(INDEX(Jesper!AI$2:AI$366,ROUNDDOWN($C8299/24,0)+1,1))-1)+IF('Standard Profiles'!$G$19=$B$10,7,0)+IF('Standard Profiles'!$G$19=$B$17,14,0)+IF('Standard Profiles'!$G$19=$B$24,21,0),0)),0)</f>
        <v>0</v>
      </c>
      <c r="F8299" cm="1">
        <f t="array" ref="F8299">IFERROR(INDEX(Jesper!AJ$2:AJ$366,ROUNDDOWN($C8299/24,0)+1,1)*INDEX($D$3:$AA$30,INDEX(Jesper!$R$2:$R$366,ROW(INDEX(Jesper!AJ$2:AJ$366,ROUNDDOWN($C8299/24,0)+1,1))-1)+IF('Standard Profiles'!$G$20=$B$10,7,0)+IF('Standard Profiles'!$G$20=$B$17,14,0)+IF('Standard Profiles'!$G$20=$B$24,21,0),MOD($C8299,24)+1)/SUM(INDEX($D$3:$AA$30,INDEX(Jesper!$R$2:$R$366,ROW(INDEX(Jesper!AJ$2:AJ$366,ROUNDDOWN($C8299/24,0)+1,1))-1)+IF('Standard Profiles'!$G$20=$B$10,7,0)+IF('Standard Profiles'!$G$20=$B$17,14,0)+IF('Standard Profiles'!$G$20=$B$24,21,0),0)),0)</f>
        <v>0</v>
      </c>
      <c r="G8299" cm="1">
        <f t="array" ref="G8299">IFERROR(INDEX(Jesper!AK$2:AK$366,ROUNDDOWN($C8299/24,0)+1,1)*INDEX($D$3:$AA$30,INDEX(Jesper!$R$2:$R$366,ROW(INDEX(Jesper!AK$2:AK$366,ROUNDDOWN($C8299/24,0)+1,1))-1)+IF('Standard Profiles'!$G$21=$B$10,7,0)+IF('Standard Profiles'!$G$21=$B$17,14,0)+IF('Standard Profiles'!$G$21=$B$24,21,0),MOD($C8299,24)+1)/SUM(INDEX($D$3:$AA$30,INDEX(Jesper!$R$2:$R$366,ROW(INDEX(Jesper!AK$2:AK$366,ROUNDDOWN($C8299/24,0)+1,1))-1)+IF('Standard Profiles'!$G$21=$B$10,7,0)+IF('Standard Profiles'!$G$21=$B$17,14,0)+IF('Standard Profiles'!$G$21=$B$24,21,0),0)),0)</f>
        <v>0</v>
      </c>
      <c r="H8299" cm="1">
        <f t="array" ref="H8299">IFERROR(INDEX(Jesper!AL$2:AL$366,ROUNDDOWN($C8299/24,0)+1,1)*INDEX($D$3:$AA$30,INDEX(Jesper!$R$2:$R$366,ROW(INDEX(Jesper!AL$2:AL$366,ROUNDDOWN($C8299/24,0)+1,1))-1)+IF('Standard Profiles'!$G$22=$B$10,7,0)+IF('Standard Profiles'!$G$22=$B$17,14,0)+IF('Standard Profiles'!$G$22=$B$24,21,0),MOD($C8299,24)+1)/SUM(INDEX($D$3:$AA$30,INDEX(Jesper!$R$2:$R$366,ROW(INDEX(Jesper!AL$2:AL$366,ROUNDDOWN($C8299/24,0)+1,1))-1)+IF('Standard Profiles'!$G$22=$B$10,7,0)+IF('Standard Profiles'!$G$22=$B$17,14,0)+IF('Standard Profiles'!$G$22=$B$24,21,0),0)),0)</f>
        <v>0</v>
      </c>
      <c r="I8299">
        <f t="shared" si="923"/>
        <v>0.39990861352565893</v>
      </c>
      <c r="J8299">
        <f t="shared" si="924"/>
        <v>1.3330287117521966</v>
      </c>
      <c r="K8299">
        <f t="shared" si="925"/>
        <v>1.9995430676282948</v>
      </c>
      <c r="L8299">
        <f t="shared" si="926"/>
        <v>9.5978067246158147</v>
      </c>
      <c r="M8299">
        <f t="shared" si="927"/>
        <v>0</v>
      </c>
      <c r="N8299" s="46">
        <f t="shared" si="928"/>
        <v>45636.374999979955</v>
      </c>
    </row>
    <row r="8300" spans="2:14" x14ac:dyDescent="0.3">
      <c r="B8300">
        <f t="shared" si="922"/>
        <v>2</v>
      </c>
      <c r="C8300" s="16">
        <v>8266</v>
      </c>
      <c r="D8300" cm="1">
        <f t="array" ref="D8300">IFERROR(INDEX(Jesper!AH$2:AH$366,ROUNDDOWN($C8300/24,0)+1,1)*INDEX($D$3:$AA$30,INDEX(Jesper!$R$2:$R$366,ROW(INDEX(Jesper!AH$2:AH$366,ROUNDDOWN($C8300/24,0)+1,1))-1)+IF('Standard Profiles'!$G$18=$B$10,7,0)+IF('Standard Profiles'!$G$18=$B$17,14,0)+IF('Standard Profiles'!$G$18=$B$24,21,0),MOD($C8300,24)+1)/SUM(INDEX($D$3:$AA$30,INDEX(Jesper!$R$2:$R$366,ROW(INDEX(Jesper!AH$2:AH$366,ROUNDDOWN($C8300/24,0)+1,1))-1)+IF('Standard Profiles'!$G$18=$B$10,7,0)+IF('Standard Profiles'!$G$18=$B$17,14,0)+IF('Standard Profiles'!$G$18=$B$24,21,0),0)),0)</f>
        <v>13.94553113833067</v>
      </c>
      <c r="E8300" cm="1">
        <f t="array" ref="E8300">IFERROR(INDEX(Jesper!AI$2:AI$366,ROUNDDOWN($C8300/24,0)+1,1)*INDEX($D$3:$AA$30,INDEX(Jesper!$R$2:$R$366,ROW(INDEX(Jesper!AI$2:AI$366,ROUNDDOWN($C8300/24,0)+1,1))-1)+IF('Standard Profiles'!$G$19=$B$10,7,0)+IF('Standard Profiles'!$G$19=$B$17,14,0)+IF('Standard Profiles'!$G$19=$B$24,21,0),MOD($C8300,24)+1)/SUM(INDEX($D$3:$AA$30,INDEX(Jesper!$R$2:$R$366,ROW(INDEX(Jesper!AI$2:AI$366,ROUNDDOWN($C8300/24,0)+1,1))-1)+IF('Standard Profiles'!$G$19=$B$10,7,0)+IF('Standard Profiles'!$G$19=$B$17,14,0)+IF('Standard Profiles'!$G$19=$B$24,21,0),0)),0)</f>
        <v>0</v>
      </c>
      <c r="F8300" cm="1">
        <f t="array" ref="F8300">IFERROR(INDEX(Jesper!AJ$2:AJ$366,ROUNDDOWN($C8300/24,0)+1,1)*INDEX($D$3:$AA$30,INDEX(Jesper!$R$2:$R$366,ROW(INDEX(Jesper!AJ$2:AJ$366,ROUNDDOWN($C8300/24,0)+1,1))-1)+IF('Standard Profiles'!$G$20=$B$10,7,0)+IF('Standard Profiles'!$G$20=$B$17,14,0)+IF('Standard Profiles'!$G$20=$B$24,21,0),MOD($C8300,24)+1)/SUM(INDEX($D$3:$AA$30,INDEX(Jesper!$R$2:$R$366,ROW(INDEX(Jesper!AJ$2:AJ$366,ROUNDDOWN($C8300/24,0)+1,1))-1)+IF('Standard Profiles'!$G$20=$B$10,7,0)+IF('Standard Profiles'!$G$20=$B$17,14,0)+IF('Standard Profiles'!$G$20=$B$24,21,0),0)),0)</f>
        <v>0</v>
      </c>
      <c r="G8300" cm="1">
        <f t="array" ref="G8300">IFERROR(INDEX(Jesper!AK$2:AK$366,ROUNDDOWN($C8300/24,0)+1,1)*INDEX($D$3:$AA$30,INDEX(Jesper!$R$2:$R$366,ROW(INDEX(Jesper!AK$2:AK$366,ROUNDDOWN($C8300/24,0)+1,1))-1)+IF('Standard Profiles'!$G$21=$B$10,7,0)+IF('Standard Profiles'!$G$21=$B$17,14,0)+IF('Standard Profiles'!$G$21=$B$24,21,0),MOD($C8300,24)+1)/SUM(INDEX($D$3:$AA$30,INDEX(Jesper!$R$2:$R$366,ROW(INDEX(Jesper!AK$2:AK$366,ROUNDDOWN($C8300/24,0)+1,1))-1)+IF('Standard Profiles'!$G$21=$B$10,7,0)+IF('Standard Profiles'!$G$21=$B$17,14,0)+IF('Standard Profiles'!$G$21=$B$24,21,0),0)),0)</f>
        <v>0</v>
      </c>
      <c r="H8300" cm="1">
        <f t="array" ref="H8300">IFERROR(INDEX(Jesper!AL$2:AL$366,ROUNDDOWN($C8300/24,0)+1,1)*INDEX($D$3:$AA$30,INDEX(Jesper!$R$2:$R$366,ROW(INDEX(Jesper!AL$2:AL$366,ROUNDDOWN($C8300/24,0)+1,1))-1)+IF('Standard Profiles'!$G$22=$B$10,7,0)+IF('Standard Profiles'!$G$22=$B$17,14,0)+IF('Standard Profiles'!$G$22=$B$24,21,0),MOD($C8300,24)+1)/SUM(INDEX($D$3:$AA$30,INDEX(Jesper!$R$2:$R$366,ROW(INDEX(Jesper!AL$2:AL$366,ROUNDDOWN($C8300/24,0)+1,1))-1)+IF('Standard Profiles'!$G$22=$B$10,7,0)+IF('Standard Profiles'!$G$22=$B$17,14,0)+IF('Standard Profiles'!$G$22=$B$24,21,0),0)),0)</f>
        <v>0</v>
      </c>
      <c r="I8300">
        <f t="shared" si="923"/>
        <v>0.41836593414992007</v>
      </c>
      <c r="J8300">
        <f t="shared" si="924"/>
        <v>1.3945531138330671</v>
      </c>
      <c r="K8300">
        <f t="shared" si="925"/>
        <v>2.0918296707496005</v>
      </c>
      <c r="L8300">
        <f t="shared" si="926"/>
        <v>10.040782419598083</v>
      </c>
      <c r="M8300">
        <f t="shared" si="927"/>
        <v>0</v>
      </c>
      <c r="N8300" s="46">
        <f t="shared" si="928"/>
        <v>45636.416666646619</v>
      </c>
    </row>
    <row r="8301" spans="2:14" x14ac:dyDescent="0.3">
      <c r="B8301">
        <f t="shared" si="922"/>
        <v>2</v>
      </c>
      <c r="C8301" s="16">
        <v>8267</v>
      </c>
      <c r="D8301" cm="1">
        <f t="array" ref="D8301">IFERROR(INDEX(Jesper!AH$2:AH$366,ROUNDDOWN($C8301/24,0)+1,1)*INDEX($D$3:$AA$30,INDEX(Jesper!$R$2:$R$366,ROW(INDEX(Jesper!AH$2:AH$366,ROUNDDOWN($C8301/24,0)+1,1))-1)+IF('Standard Profiles'!$G$18=$B$10,7,0)+IF('Standard Profiles'!$G$18=$B$17,14,0)+IF('Standard Profiles'!$G$18=$B$24,21,0),MOD($C8301,24)+1)/SUM(INDEX($D$3:$AA$30,INDEX(Jesper!$R$2:$R$366,ROW(INDEX(Jesper!AH$2:AH$366,ROUNDDOWN($C8301/24,0)+1,1))-1)+IF('Standard Profiles'!$G$18=$B$10,7,0)+IF('Standard Profiles'!$G$18=$B$17,14,0)+IF('Standard Profiles'!$G$18=$B$24,21,0),0)),0)</f>
        <v>16.406507221565498</v>
      </c>
      <c r="E8301" cm="1">
        <f t="array" ref="E8301">IFERROR(INDEX(Jesper!AI$2:AI$366,ROUNDDOWN($C8301/24,0)+1,1)*INDEX($D$3:$AA$30,INDEX(Jesper!$R$2:$R$366,ROW(INDEX(Jesper!AI$2:AI$366,ROUNDDOWN($C8301/24,0)+1,1))-1)+IF('Standard Profiles'!$G$19=$B$10,7,0)+IF('Standard Profiles'!$G$19=$B$17,14,0)+IF('Standard Profiles'!$G$19=$B$24,21,0),MOD($C8301,24)+1)/SUM(INDEX($D$3:$AA$30,INDEX(Jesper!$R$2:$R$366,ROW(INDEX(Jesper!AI$2:AI$366,ROUNDDOWN($C8301/24,0)+1,1))-1)+IF('Standard Profiles'!$G$19=$B$10,7,0)+IF('Standard Profiles'!$G$19=$B$17,14,0)+IF('Standard Profiles'!$G$19=$B$24,21,0),0)),0)</f>
        <v>0</v>
      </c>
      <c r="F8301" cm="1">
        <f t="array" ref="F8301">IFERROR(INDEX(Jesper!AJ$2:AJ$366,ROUNDDOWN($C8301/24,0)+1,1)*INDEX($D$3:$AA$30,INDEX(Jesper!$R$2:$R$366,ROW(INDEX(Jesper!AJ$2:AJ$366,ROUNDDOWN($C8301/24,0)+1,1))-1)+IF('Standard Profiles'!$G$20=$B$10,7,0)+IF('Standard Profiles'!$G$20=$B$17,14,0)+IF('Standard Profiles'!$G$20=$B$24,21,0),MOD($C8301,24)+1)/SUM(INDEX($D$3:$AA$30,INDEX(Jesper!$R$2:$R$366,ROW(INDEX(Jesper!AJ$2:AJ$366,ROUNDDOWN($C8301/24,0)+1,1))-1)+IF('Standard Profiles'!$G$20=$B$10,7,0)+IF('Standard Profiles'!$G$20=$B$17,14,0)+IF('Standard Profiles'!$G$20=$B$24,21,0),0)),0)</f>
        <v>0</v>
      </c>
      <c r="G8301" cm="1">
        <f t="array" ref="G8301">IFERROR(INDEX(Jesper!AK$2:AK$366,ROUNDDOWN($C8301/24,0)+1,1)*INDEX($D$3:$AA$30,INDEX(Jesper!$R$2:$R$366,ROW(INDEX(Jesper!AK$2:AK$366,ROUNDDOWN($C8301/24,0)+1,1))-1)+IF('Standard Profiles'!$G$21=$B$10,7,0)+IF('Standard Profiles'!$G$21=$B$17,14,0)+IF('Standard Profiles'!$G$21=$B$24,21,0),MOD($C8301,24)+1)/SUM(INDEX($D$3:$AA$30,INDEX(Jesper!$R$2:$R$366,ROW(INDEX(Jesper!AK$2:AK$366,ROUNDDOWN($C8301/24,0)+1,1))-1)+IF('Standard Profiles'!$G$21=$B$10,7,0)+IF('Standard Profiles'!$G$21=$B$17,14,0)+IF('Standard Profiles'!$G$21=$B$24,21,0),0)),0)</f>
        <v>0</v>
      </c>
      <c r="H8301" cm="1">
        <f t="array" ref="H8301">IFERROR(INDEX(Jesper!AL$2:AL$366,ROUNDDOWN($C8301/24,0)+1,1)*INDEX($D$3:$AA$30,INDEX(Jesper!$R$2:$R$366,ROW(INDEX(Jesper!AL$2:AL$366,ROUNDDOWN($C8301/24,0)+1,1))-1)+IF('Standard Profiles'!$G$22=$B$10,7,0)+IF('Standard Profiles'!$G$22=$B$17,14,0)+IF('Standard Profiles'!$G$22=$B$24,21,0),MOD($C8301,24)+1)/SUM(INDEX($D$3:$AA$30,INDEX(Jesper!$R$2:$R$366,ROW(INDEX(Jesper!AL$2:AL$366,ROUNDDOWN($C8301/24,0)+1,1))-1)+IF('Standard Profiles'!$G$22=$B$10,7,0)+IF('Standard Profiles'!$G$22=$B$17,14,0)+IF('Standard Profiles'!$G$22=$B$24,21,0),0)),0)</f>
        <v>0</v>
      </c>
      <c r="I8301">
        <f t="shared" si="923"/>
        <v>0.49219521664696492</v>
      </c>
      <c r="J8301">
        <f t="shared" si="924"/>
        <v>1.6406507221565498</v>
      </c>
      <c r="K8301">
        <f t="shared" si="925"/>
        <v>2.4609760832348244</v>
      </c>
      <c r="L8301">
        <f t="shared" si="926"/>
        <v>11.812685199527158</v>
      </c>
      <c r="M8301">
        <f t="shared" si="927"/>
        <v>0</v>
      </c>
      <c r="N8301" s="46">
        <f t="shared" si="928"/>
        <v>45636.458333313283</v>
      </c>
    </row>
    <row r="8302" spans="2:14" x14ac:dyDescent="0.3">
      <c r="B8302">
        <f t="shared" si="922"/>
        <v>2</v>
      </c>
      <c r="C8302" s="16">
        <v>8268</v>
      </c>
      <c r="D8302" cm="1">
        <f t="array" ref="D8302">IFERROR(INDEX(Jesper!AH$2:AH$366,ROUNDDOWN($C8302/24,0)+1,1)*INDEX($D$3:$AA$30,INDEX(Jesper!$R$2:$R$366,ROW(INDEX(Jesper!AH$2:AH$366,ROUNDDOWN($C8302/24,0)+1,1))-1)+IF('Standard Profiles'!$G$18=$B$10,7,0)+IF('Standard Profiles'!$G$18=$B$17,14,0)+IF('Standard Profiles'!$G$18=$B$24,21,0),MOD($C8302,24)+1)/SUM(INDEX($D$3:$AA$30,INDEX(Jesper!$R$2:$R$366,ROW(INDEX(Jesper!AH$2:AH$366,ROUNDDOWN($C8302/24,0)+1,1))-1)+IF('Standard Profiles'!$G$18=$B$10,7,0)+IF('Standard Profiles'!$G$18=$B$17,14,0)+IF('Standard Profiles'!$G$18=$B$24,21,0),0)),0)</f>
        <v>16.406507221565498</v>
      </c>
      <c r="E8302" cm="1">
        <f t="array" ref="E8302">IFERROR(INDEX(Jesper!AI$2:AI$366,ROUNDDOWN($C8302/24,0)+1,1)*INDEX($D$3:$AA$30,INDEX(Jesper!$R$2:$R$366,ROW(INDEX(Jesper!AI$2:AI$366,ROUNDDOWN($C8302/24,0)+1,1))-1)+IF('Standard Profiles'!$G$19=$B$10,7,0)+IF('Standard Profiles'!$G$19=$B$17,14,0)+IF('Standard Profiles'!$G$19=$B$24,21,0),MOD($C8302,24)+1)/SUM(INDEX($D$3:$AA$30,INDEX(Jesper!$R$2:$R$366,ROW(INDEX(Jesper!AI$2:AI$366,ROUNDDOWN($C8302/24,0)+1,1))-1)+IF('Standard Profiles'!$G$19=$B$10,7,0)+IF('Standard Profiles'!$G$19=$B$17,14,0)+IF('Standard Profiles'!$G$19=$B$24,21,0),0)),0)</f>
        <v>0</v>
      </c>
      <c r="F8302" cm="1">
        <f t="array" ref="F8302">IFERROR(INDEX(Jesper!AJ$2:AJ$366,ROUNDDOWN($C8302/24,0)+1,1)*INDEX($D$3:$AA$30,INDEX(Jesper!$R$2:$R$366,ROW(INDEX(Jesper!AJ$2:AJ$366,ROUNDDOWN($C8302/24,0)+1,1))-1)+IF('Standard Profiles'!$G$20=$B$10,7,0)+IF('Standard Profiles'!$G$20=$B$17,14,0)+IF('Standard Profiles'!$G$20=$B$24,21,0),MOD($C8302,24)+1)/SUM(INDEX($D$3:$AA$30,INDEX(Jesper!$R$2:$R$366,ROW(INDEX(Jesper!AJ$2:AJ$366,ROUNDDOWN($C8302/24,0)+1,1))-1)+IF('Standard Profiles'!$G$20=$B$10,7,0)+IF('Standard Profiles'!$G$20=$B$17,14,0)+IF('Standard Profiles'!$G$20=$B$24,21,0),0)),0)</f>
        <v>0</v>
      </c>
      <c r="G8302" cm="1">
        <f t="array" ref="G8302">IFERROR(INDEX(Jesper!AK$2:AK$366,ROUNDDOWN($C8302/24,0)+1,1)*INDEX($D$3:$AA$30,INDEX(Jesper!$R$2:$R$366,ROW(INDEX(Jesper!AK$2:AK$366,ROUNDDOWN($C8302/24,0)+1,1))-1)+IF('Standard Profiles'!$G$21=$B$10,7,0)+IF('Standard Profiles'!$G$21=$B$17,14,0)+IF('Standard Profiles'!$G$21=$B$24,21,0),MOD($C8302,24)+1)/SUM(INDEX($D$3:$AA$30,INDEX(Jesper!$R$2:$R$366,ROW(INDEX(Jesper!AK$2:AK$366,ROUNDDOWN($C8302/24,0)+1,1))-1)+IF('Standard Profiles'!$G$21=$B$10,7,0)+IF('Standard Profiles'!$G$21=$B$17,14,0)+IF('Standard Profiles'!$G$21=$B$24,21,0),0)),0)</f>
        <v>0</v>
      </c>
      <c r="H8302" cm="1">
        <f t="array" ref="H8302">IFERROR(INDEX(Jesper!AL$2:AL$366,ROUNDDOWN($C8302/24,0)+1,1)*INDEX($D$3:$AA$30,INDEX(Jesper!$R$2:$R$366,ROW(INDEX(Jesper!AL$2:AL$366,ROUNDDOWN($C8302/24,0)+1,1))-1)+IF('Standard Profiles'!$G$22=$B$10,7,0)+IF('Standard Profiles'!$G$22=$B$17,14,0)+IF('Standard Profiles'!$G$22=$B$24,21,0),MOD($C8302,24)+1)/SUM(INDEX($D$3:$AA$30,INDEX(Jesper!$R$2:$R$366,ROW(INDEX(Jesper!AL$2:AL$366,ROUNDDOWN($C8302/24,0)+1,1))-1)+IF('Standard Profiles'!$G$22=$B$10,7,0)+IF('Standard Profiles'!$G$22=$B$17,14,0)+IF('Standard Profiles'!$G$22=$B$24,21,0),0)),0)</f>
        <v>0</v>
      </c>
      <c r="I8302">
        <f t="shared" si="923"/>
        <v>0.49219521664696492</v>
      </c>
      <c r="J8302">
        <f t="shared" si="924"/>
        <v>1.6406507221565498</v>
      </c>
      <c r="K8302">
        <f t="shared" si="925"/>
        <v>2.4609760832348244</v>
      </c>
      <c r="L8302">
        <f t="shared" si="926"/>
        <v>11.812685199527158</v>
      </c>
      <c r="M8302">
        <f t="shared" si="927"/>
        <v>0</v>
      </c>
      <c r="N8302" s="46">
        <f t="shared" si="928"/>
        <v>45636.499999979947</v>
      </c>
    </row>
    <row r="8303" spans="2:14" x14ac:dyDescent="0.3">
      <c r="B8303">
        <f t="shared" si="922"/>
        <v>2</v>
      </c>
      <c r="C8303" s="16">
        <v>8269</v>
      </c>
      <c r="D8303" cm="1">
        <f t="array" ref="D8303">IFERROR(INDEX(Jesper!AH$2:AH$366,ROUNDDOWN($C8303/24,0)+1,1)*INDEX($D$3:$AA$30,INDEX(Jesper!$R$2:$R$366,ROW(INDEX(Jesper!AH$2:AH$366,ROUNDDOWN($C8303/24,0)+1,1))-1)+IF('Standard Profiles'!$G$18=$B$10,7,0)+IF('Standard Profiles'!$G$18=$B$17,14,0)+IF('Standard Profiles'!$G$18=$B$24,21,0),MOD($C8303,24)+1)/SUM(INDEX($D$3:$AA$30,INDEX(Jesper!$R$2:$R$366,ROW(INDEX(Jesper!AH$2:AH$366,ROUNDDOWN($C8303/24,0)+1,1))-1)+IF('Standard Profiles'!$G$18=$B$10,7,0)+IF('Standard Profiles'!$G$18=$B$17,14,0)+IF('Standard Profiles'!$G$18=$B$24,21,0),0)),0)</f>
        <v>16.406507221565498</v>
      </c>
      <c r="E8303" cm="1">
        <f t="array" ref="E8303">IFERROR(INDEX(Jesper!AI$2:AI$366,ROUNDDOWN($C8303/24,0)+1,1)*INDEX($D$3:$AA$30,INDEX(Jesper!$R$2:$R$366,ROW(INDEX(Jesper!AI$2:AI$366,ROUNDDOWN($C8303/24,0)+1,1))-1)+IF('Standard Profiles'!$G$19=$B$10,7,0)+IF('Standard Profiles'!$G$19=$B$17,14,0)+IF('Standard Profiles'!$G$19=$B$24,21,0),MOD($C8303,24)+1)/SUM(INDEX($D$3:$AA$30,INDEX(Jesper!$R$2:$R$366,ROW(INDEX(Jesper!AI$2:AI$366,ROUNDDOWN($C8303/24,0)+1,1))-1)+IF('Standard Profiles'!$G$19=$B$10,7,0)+IF('Standard Profiles'!$G$19=$B$17,14,0)+IF('Standard Profiles'!$G$19=$B$24,21,0),0)),0)</f>
        <v>0</v>
      </c>
      <c r="F8303" cm="1">
        <f t="array" ref="F8303">IFERROR(INDEX(Jesper!AJ$2:AJ$366,ROUNDDOWN($C8303/24,0)+1,1)*INDEX($D$3:$AA$30,INDEX(Jesper!$R$2:$R$366,ROW(INDEX(Jesper!AJ$2:AJ$366,ROUNDDOWN($C8303/24,0)+1,1))-1)+IF('Standard Profiles'!$G$20=$B$10,7,0)+IF('Standard Profiles'!$G$20=$B$17,14,0)+IF('Standard Profiles'!$G$20=$B$24,21,0),MOD($C8303,24)+1)/SUM(INDEX($D$3:$AA$30,INDEX(Jesper!$R$2:$R$366,ROW(INDEX(Jesper!AJ$2:AJ$366,ROUNDDOWN($C8303/24,0)+1,1))-1)+IF('Standard Profiles'!$G$20=$B$10,7,0)+IF('Standard Profiles'!$G$20=$B$17,14,0)+IF('Standard Profiles'!$G$20=$B$24,21,0),0)),0)</f>
        <v>0</v>
      </c>
      <c r="G8303" cm="1">
        <f t="array" ref="G8303">IFERROR(INDEX(Jesper!AK$2:AK$366,ROUNDDOWN($C8303/24,0)+1,1)*INDEX($D$3:$AA$30,INDEX(Jesper!$R$2:$R$366,ROW(INDEX(Jesper!AK$2:AK$366,ROUNDDOWN($C8303/24,0)+1,1))-1)+IF('Standard Profiles'!$G$21=$B$10,7,0)+IF('Standard Profiles'!$G$21=$B$17,14,0)+IF('Standard Profiles'!$G$21=$B$24,21,0),MOD($C8303,24)+1)/SUM(INDEX($D$3:$AA$30,INDEX(Jesper!$R$2:$R$366,ROW(INDEX(Jesper!AK$2:AK$366,ROUNDDOWN($C8303/24,0)+1,1))-1)+IF('Standard Profiles'!$G$21=$B$10,7,0)+IF('Standard Profiles'!$G$21=$B$17,14,0)+IF('Standard Profiles'!$G$21=$B$24,21,0),0)),0)</f>
        <v>0</v>
      </c>
      <c r="H8303" cm="1">
        <f t="array" ref="H8303">IFERROR(INDEX(Jesper!AL$2:AL$366,ROUNDDOWN($C8303/24,0)+1,1)*INDEX($D$3:$AA$30,INDEX(Jesper!$R$2:$R$366,ROW(INDEX(Jesper!AL$2:AL$366,ROUNDDOWN($C8303/24,0)+1,1))-1)+IF('Standard Profiles'!$G$22=$B$10,7,0)+IF('Standard Profiles'!$G$22=$B$17,14,0)+IF('Standard Profiles'!$G$22=$B$24,21,0),MOD($C8303,24)+1)/SUM(INDEX($D$3:$AA$30,INDEX(Jesper!$R$2:$R$366,ROW(INDEX(Jesper!AL$2:AL$366,ROUNDDOWN($C8303/24,0)+1,1))-1)+IF('Standard Profiles'!$G$22=$B$10,7,0)+IF('Standard Profiles'!$G$22=$B$17,14,0)+IF('Standard Profiles'!$G$22=$B$24,21,0),0)),0)</f>
        <v>0</v>
      </c>
      <c r="I8303">
        <f t="shared" si="923"/>
        <v>0.49219521664696492</v>
      </c>
      <c r="J8303">
        <f t="shared" si="924"/>
        <v>1.6406507221565498</v>
      </c>
      <c r="K8303">
        <f t="shared" si="925"/>
        <v>2.4609760832348244</v>
      </c>
      <c r="L8303">
        <f t="shared" si="926"/>
        <v>11.812685199527158</v>
      </c>
      <c r="M8303">
        <f t="shared" si="927"/>
        <v>0</v>
      </c>
      <c r="N8303" s="46">
        <f t="shared" si="928"/>
        <v>45636.541666646612</v>
      </c>
    </row>
    <row r="8304" spans="2:14" x14ac:dyDescent="0.3">
      <c r="B8304">
        <f t="shared" si="922"/>
        <v>2</v>
      </c>
      <c r="C8304" s="16">
        <v>8270</v>
      </c>
      <c r="D8304" cm="1">
        <f t="array" ref="D8304">IFERROR(INDEX(Jesper!AH$2:AH$366,ROUNDDOWN($C8304/24,0)+1,1)*INDEX($D$3:$AA$30,INDEX(Jesper!$R$2:$R$366,ROW(INDEX(Jesper!AH$2:AH$366,ROUNDDOWN($C8304/24,0)+1,1))-1)+IF('Standard Profiles'!$G$18=$B$10,7,0)+IF('Standard Profiles'!$G$18=$B$17,14,0)+IF('Standard Profiles'!$G$18=$B$24,21,0),MOD($C8304,24)+1)/SUM(INDEX($D$3:$AA$30,INDEX(Jesper!$R$2:$R$366,ROW(INDEX(Jesper!AH$2:AH$366,ROUNDDOWN($C8304/24,0)+1,1))-1)+IF('Standard Profiles'!$G$18=$B$10,7,0)+IF('Standard Profiles'!$G$18=$B$17,14,0)+IF('Standard Profiles'!$G$18=$B$24,21,0),0)),0)</f>
        <v>16.406507221565498</v>
      </c>
      <c r="E8304" cm="1">
        <f t="array" ref="E8304">IFERROR(INDEX(Jesper!AI$2:AI$366,ROUNDDOWN($C8304/24,0)+1,1)*INDEX($D$3:$AA$30,INDEX(Jesper!$R$2:$R$366,ROW(INDEX(Jesper!AI$2:AI$366,ROUNDDOWN($C8304/24,0)+1,1))-1)+IF('Standard Profiles'!$G$19=$B$10,7,0)+IF('Standard Profiles'!$G$19=$B$17,14,0)+IF('Standard Profiles'!$G$19=$B$24,21,0),MOD($C8304,24)+1)/SUM(INDEX($D$3:$AA$30,INDEX(Jesper!$R$2:$R$366,ROW(INDEX(Jesper!AI$2:AI$366,ROUNDDOWN($C8304/24,0)+1,1))-1)+IF('Standard Profiles'!$G$19=$B$10,7,0)+IF('Standard Profiles'!$G$19=$B$17,14,0)+IF('Standard Profiles'!$G$19=$B$24,21,0),0)),0)</f>
        <v>0</v>
      </c>
      <c r="F8304" cm="1">
        <f t="array" ref="F8304">IFERROR(INDEX(Jesper!AJ$2:AJ$366,ROUNDDOWN($C8304/24,0)+1,1)*INDEX($D$3:$AA$30,INDEX(Jesper!$R$2:$R$366,ROW(INDEX(Jesper!AJ$2:AJ$366,ROUNDDOWN($C8304/24,0)+1,1))-1)+IF('Standard Profiles'!$G$20=$B$10,7,0)+IF('Standard Profiles'!$G$20=$B$17,14,0)+IF('Standard Profiles'!$G$20=$B$24,21,0),MOD($C8304,24)+1)/SUM(INDEX($D$3:$AA$30,INDEX(Jesper!$R$2:$R$366,ROW(INDEX(Jesper!AJ$2:AJ$366,ROUNDDOWN($C8304/24,0)+1,1))-1)+IF('Standard Profiles'!$G$20=$B$10,7,0)+IF('Standard Profiles'!$G$20=$B$17,14,0)+IF('Standard Profiles'!$G$20=$B$24,21,0),0)),0)</f>
        <v>0</v>
      </c>
      <c r="G8304" cm="1">
        <f t="array" ref="G8304">IFERROR(INDEX(Jesper!AK$2:AK$366,ROUNDDOWN($C8304/24,0)+1,1)*INDEX($D$3:$AA$30,INDEX(Jesper!$R$2:$R$366,ROW(INDEX(Jesper!AK$2:AK$366,ROUNDDOWN($C8304/24,0)+1,1))-1)+IF('Standard Profiles'!$G$21=$B$10,7,0)+IF('Standard Profiles'!$G$21=$B$17,14,0)+IF('Standard Profiles'!$G$21=$B$24,21,0),MOD($C8304,24)+1)/SUM(INDEX($D$3:$AA$30,INDEX(Jesper!$R$2:$R$366,ROW(INDEX(Jesper!AK$2:AK$366,ROUNDDOWN($C8304/24,0)+1,1))-1)+IF('Standard Profiles'!$G$21=$B$10,7,0)+IF('Standard Profiles'!$G$21=$B$17,14,0)+IF('Standard Profiles'!$G$21=$B$24,21,0),0)),0)</f>
        <v>0</v>
      </c>
      <c r="H8304" cm="1">
        <f t="array" ref="H8304">IFERROR(INDEX(Jesper!AL$2:AL$366,ROUNDDOWN($C8304/24,0)+1,1)*INDEX($D$3:$AA$30,INDEX(Jesper!$R$2:$R$366,ROW(INDEX(Jesper!AL$2:AL$366,ROUNDDOWN($C8304/24,0)+1,1))-1)+IF('Standard Profiles'!$G$22=$B$10,7,0)+IF('Standard Profiles'!$G$22=$B$17,14,0)+IF('Standard Profiles'!$G$22=$B$24,21,0),MOD($C8304,24)+1)/SUM(INDEX($D$3:$AA$30,INDEX(Jesper!$R$2:$R$366,ROW(INDEX(Jesper!AL$2:AL$366,ROUNDDOWN($C8304/24,0)+1,1))-1)+IF('Standard Profiles'!$G$22=$B$10,7,0)+IF('Standard Profiles'!$G$22=$B$17,14,0)+IF('Standard Profiles'!$G$22=$B$24,21,0),0)),0)</f>
        <v>0</v>
      </c>
      <c r="I8304">
        <f t="shared" si="923"/>
        <v>0.49219521664696492</v>
      </c>
      <c r="J8304">
        <f t="shared" si="924"/>
        <v>1.6406507221565498</v>
      </c>
      <c r="K8304">
        <f t="shared" si="925"/>
        <v>2.4609760832348244</v>
      </c>
      <c r="L8304">
        <f t="shared" si="926"/>
        <v>11.812685199527158</v>
      </c>
      <c r="M8304">
        <f t="shared" si="927"/>
        <v>0</v>
      </c>
      <c r="N8304" s="46">
        <f t="shared" si="928"/>
        <v>45636.583333313276</v>
      </c>
    </row>
    <row r="8305" spans="2:14" x14ac:dyDescent="0.3">
      <c r="B8305">
        <f t="shared" si="922"/>
        <v>2</v>
      </c>
      <c r="C8305" s="16">
        <v>8271</v>
      </c>
      <c r="D8305" cm="1">
        <f t="array" ref="D8305">IFERROR(INDEX(Jesper!AH$2:AH$366,ROUNDDOWN($C8305/24,0)+1,1)*INDEX($D$3:$AA$30,INDEX(Jesper!$R$2:$R$366,ROW(INDEX(Jesper!AH$2:AH$366,ROUNDDOWN($C8305/24,0)+1,1))-1)+IF('Standard Profiles'!$G$18=$B$10,7,0)+IF('Standard Profiles'!$G$18=$B$17,14,0)+IF('Standard Profiles'!$G$18=$B$24,21,0),MOD($C8305,24)+1)/SUM(INDEX($D$3:$AA$30,INDEX(Jesper!$R$2:$R$366,ROW(INDEX(Jesper!AH$2:AH$366,ROUNDDOWN($C8305/24,0)+1,1))-1)+IF('Standard Profiles'!$G$18=$B$10,7,0)+IF('Standard Profiles'!$G$18=$B$17,14,0)+IF('Standard Profiles'!$G$18=$B$24,21,0),0)),0)</f>
        <v>16.406507221565498</v>
      </c>
      <c r="E8305" cm="1">
        <f t="array" ref="E8305">IFERROR(INDEX(Jesper!AI$2:AI$366,ROUNDDOWN($C8305/24,0)+1,1)*INDEX($D$3:$AA$30,INDEX(Jesper!$R$2:$R$366,ROW(INDEX(Jesper!AI$2:AI$366,ROUNDDOWN($C8305/24,0)+1,1))-1)+IF('Standard Profiles'!$G$19=$B$10,7,0)+IF('Standard Profiles'!$G$19=$B$17,14,0)+IF('Standard Profiles'!$G$19=$B$24,21,0),MOD($C8305,24)+1)/SUM(INDEX($D$3:$AA$30,INDEX(Jesper!$R$2:$R$366,ROW(INDEX(Jesper!AI$2:AI$366,ROUNDDOWN($C8305/24,0)+1,1))-1)+IF('Standard Profiles'!$G$19=$B$10,7,0)+IF('Standard Profiles'!$G$19=$B$17,14,0)+IF('Standard Profiles'!$G$19=$B$24,21,0),0)),0)</f>
        <v>0</v>
      </c>
      <c r="F8305" cm="1">
        <f t="array" ref="F8305">IFERROR(INDEX(Jesper!AJ$2:AJ$366,ROUNDDOWN($C8305/24,0)+1,1)*INDEX($D$3:$AA$30,INDEX(Jesper!$R$2:$R$366,ROW(INDEX(Jesper!AJ$2:AJ$366,ROUNDDOWN($C8305/24,0)+1,1))-1)+IF('Standard Profiles'!$G$20=$B$10,7,0)+IF('Standard Profiles'!$G$20=$B$17,14,0)+IF('Standard Profiles'!$G$20=$B$24,21,0),MOD($C8305,24)+1)/SUM(INDEX($D$3:$AA$30,INDEX(Jesper!$R$2:$R$366,ROW(INDEX(Jesper!AJ$2:AJ$366,ROUNDDOWN($C8305/24,0)+1,1))-1)+IF('Standard Profiles'!$G$20=$B$10,7,0)+IF('Standard Profiles'!$G$20=$B$17,14,0)+IF('Standard Profiles'!$G$20=$B$24,21,0),0)),0)</f>
        <v>0</v>
      </c>
      <c r="G8305" cm="1">
        <f t="array" ref="G8305">IFERROR(INDEX(Jesper!AK$2:AK$366,ROUNDDOWN($C8305/24,0)+1,1)*INDEX($D$3:$AA$30,INDEX(Jesper!$R$2:$R$366,ROW(INDEX(Jesper!AK$2:AK$366,ROUNDDOWN($C8305/24,0)+1,1))-1)+IF('Standard Profiles'!$G$21=$B$10,7,0)+IF('Standard Profiles'!$G$21=$B$17,14,0)+IF('Standard Profiles'!$G$21=$B$24,21,0),MOD($C8305,24)+1)/SUM(INDEX($D$3:$AA$30,INDEX(Jesper!$R$2:$R$366,ROW(INDEX(Jesper!AK$2:AK$366,ROUNDDOWN($C8305/24,0)+1,1))-1)+IF('Standard Profiles'!$G$21=$B$10,7,0)+IF('Standard Profiles'!$G$21=$B$17,14,0)+IF('Standard Profiles'!$G$21=$B$24,21,0),0)),0)</f>
        <v>0</v>
      </c>
      <c r="H8305" cm="1">
        <f t="array" ref="H8305">IFERROR(INDEX(Jesper!AL$2:AL$366,ROUNDDOWN($C8305/24,0)+1,1)*INDEX($D$3:$AA$30,INDEX(Jesper!$R$2:$R$366,ROW(INDEX(Jesper!AL$2:AL$366,ROUNDDOWN($C8305/24,0)+1,1))-1)+IF('Standard Profiles'!$G$22=$B$10,7,0)+IF('Standard Profiles'!$G$22=$B$17,14,0)+IF('Standard Profiles'!$G$22=$B$24,21,0),MOD($C8305,24)+1)/SUM(INDEX($D$3:$AA$30,INDEX(Jesper!$R$2:$R$366,ROW(INDEX(Jesper!AL$2:AL$366,ROUNDDOWN($C8305/24,0)+1,1))-1)+IF('Standard Profiles'!$G$22=$B$10,7,0)+IF('Standard Profiles'!$G$22=$B$17,14,0)+IF('Standard Profiles'!$G$22=$B$24,21,0),0)),0)</f>
        <v>0</v>
      </c>
      <c r="I8305">
        <f t="shared" si="923"/>
        <v>0.49219521664696492</v>
      </c>
      <c r="J8305">
        <f t="shared" si="924"/>
        <v>1.6406507221565498</v>
      </c>
      <c r="K8305">
        <f t="shared" si="925"/>
        <v>2.4609760832348244</v>
      </c>
      <c r="L8305">
        <f t="shared" si="926"/>
        <v>11.812685199527158</v>
      </c>
      <c r="M8305">
        <f t="shared" si="927"/>
        <v>0</v>
      </c>
      <c r="N8305" s="46">
        <f t="shared" si="928"/>
        <v>45636.62499997994</v>
      </c>
    </row>
    <row r="8306" spans="2:14" x14ac:dyDescent="0.3">
      <c r="B8306">
        <f t="shared" si="922"/>
        <v>2</v>
      </c>
      <c r="C8306" s="16">
        <v>8272</v>
      </c>
      <c r="D8306" cm="1">
        <f t="array" ref="D8306">IFERROR(INDEX(Jesper!AH$2:AH$366,ROUNDDOWN($C8306/24,0)+1,1)*INDEX($D$3:$AA$30,INDEX(Jesper!$R$2:$R$366,ROW(INDEX(Jesper!AH$2:AH$366,ROUNDDOWN($C8306/24,0)+1,1))-1)+IF('Standard Profiles'!$G$18=$B$10,7,0)+IF('Standard Profiles'!$G$18=$B$17,14,0)+IF('Standard Profiles'!$G$18=$B$24,21,0),MOD($C8306,24)+1)/SUM(INDEX($D$3:$AA$30,INDEX(Jesper!$R$2:$R$366,ROW(INDEX(Jesper!AH$2:AH$366,ROUNDDOWN($C8306/24,0)+1,1))-1)+IF('Standard Profiles'!$G$18=$B$10,7,0)+IF('Standard Profiles'!$G$18=$B$17,14,0)+IF('Standard Profiles'!$G$18=$B$24,21,0),0)),0)</f>
        <v>16.406507221565498</v>
      </c>
      <c r="E8306" cm="1">
        <f t="array" ref="E8306">IFERROR(INDEX(Jesper!AI$2:AI$366,ROUNDDOWN($C8306/24,0)+1,1)*INDEX($D$3:$AA$30,INDEX(Jesper!$R$2:$R$366,ROW(INDEX(Jesper!AI$2:AI$366,ROUNDDOWN($C8306/24,0)+1,1))-1)+IF('Standard Profiles'!$G$19=$B$10,7,0)+IF('Standard Profiles'!$G$19=$B$17,14,0)+IF('Standard Profiles'!$G$19=$B$24,21,0),MOD($C8306,24)+1)/SUM(INDEX($D$3:$AA$30,INDEX(Jesper!$R$2:$R$366,ROW(INDEX(Jesper!AI$2:AI$366,ROUNDDOWN($C8306/24,0)+1,1))-1)+IF('Standard Profiles'!$G$19=$B$10,7,0)+IF('Standard Profiles'!$G$19=$B$17,14,0)+IF('Standard Profiles'!$G$19=$B$24,21,0),0)),0)</f>
        <v>0</v>
      </c>
      <c r="F8306" cm="1">
        <f t="array" ref="F8306">IFERROR(INDEX(Jesper!AJ$2:AJ$366,ROUNDDOWN($C8306/24,0)+1,1)*INDEX($D$3:$AA$30,INDEX(Jesper!$R$2:$R$366,ROW(INDEX(Jesper!AJ$2:AJ$366,ROUNDDOWN($C8306/24,0)+1,1))-1)+IF('Standard Profiles'!$G$20=$B$10,7,0)+IF('Standard Profiles'!$G$20=$B$17,14,0)+IF('Standard Profiles'!$G$20=$B$24,21,0),MOD($C8306,24)+1)/SUM(INDEX($D$3:$AA$30,INDEX(Jesper!$R$2:$R$366,ROW(INDEX(Jesper!AJ$2:AJ$366,ROUNDDOWN($C8306/24,0)+1,1))-1)+IF('Standard Profiles'!$G$20=$B$10,7,0)+IF('Standard Profiles'!$G$20=$B$17,14,0)+IF('Standard Profiles'!$G$20=$B$24,21,0),0)),0)</f>
        <v>0</v>
      </c>
      <c r="G8306" cm="1">
        <f t="array" ref="G8306">IFERROR(INDEX(Jesper!AK$2:AK$366,ROUNDDOWN($C8306/24,0)+1,1)*INDEX($D$3:$AA$30,INDEX(Jesper!$R$2:$R$366,ROW(INDEX(Jesper!AK$2:AK$366,ROUNDDOWN($C8306/24,0)+1,1))-1)+IF('Standard Profiles'!$G$21=$B$10,7,0)+IF('Standard Profiles'!$G$21=$B$17,14,0)+IF('Standard Profiles'!$G$21=$B$24,21,0),MOD($C8306,24)+1)/SUM(INDEX($D$3:$AA$30,INDEX(Jesper!$R$2:$R$366,ROW(INDEX(Jesper!AK$2:AK$366,ROUNDDOWN($C8306/24,0)+1,1))-1)+IF('Standard Profiles'!$G$21=$B$10,7,0)+IF('Standard Profiles'!$G$21=$B$17,14,0)+IF('Standard Profiles'!$G$21=$B$24,21,0),0)),0)</f>
        <v>0</v>
      </c>
      <c r="H8306" cm="1">
        <f t="array" ref="H8306">IFERROR(INDEX(Jesper!AL$2:AL$366,ROUNDDOWN($C8306/24,0)+1,1)*INDEX($D$3:$AA$30,INDEX(Jesper!$R$2:$R$366,ROW(INDEX(Jesper!AL$2:AL$366,ROUNDDOWN($C8306/24,0)+1,1))-1)+IF('Standard Profiles'!$G$22=$B$10,7,0)+IF('Standard Profiles'!$G$22=$B$17,14,0)+IF('Standard Profiles'!$G$22=$B$24,21,0),MOD($C8306,24)+1)/SUM(INDEX($D$3:$AA$30,INDEX(Jesper!$R$2:$R$366,ROW(INDEX(Jesper!AL$2:AL$366,ROUNDDOWN($C8306/24,0)+1,1))-1)+IF('Standard Profiles'!$G$22=$B$10,7,0)+IF('Standard Profiles'!$G$22=$B$17,14,0)+IF('Standard Profiles'!$G$22=$B$24,21,0),0)),0)</f>
        <v>0</v>
      </c>
      <c r="I8306">
        <f t="shared" si="923"/>
        <v>0.49219521664696492</v>
      </c>
      <c r="J8306">
        <f t="shared" si="924"/>
        <v>1.6406507221565498</v>
      </c>
      <c r="K8306">
        <f t="shared" si="925"/>
        <v>2.4609760832348244</v>
      </c>
      <c r="L8306">
        <f t="shared" si="926"/>
        <v>11.812685199527158</v>
      </c>
      <c r="M8306">
        <f t="shared" si="927"/>
        <v>0</v>
      </c>
      <c r="N8306" s="46">
        <f t="shared" si="928"/>
        <v>45636.666666646604</v>
      </c>
    </row>
    <row r="8307" spans="2:14" x14ac:dyDescent="0.3">
      <c r="B8307">
        <f t="shared" si="922"/>
        <v>2</v>
      </c>
      <c r="C8307" s="16">
        <v>8273</v>
      </c>
      <c r="D8307" cm="1">
        <f t="array" ref="D8307">IFERROR(INDEX(Jesper!AH$2:AH$366,ROUNDDOWN($C8307/24,0)+1,1)*INDEX($D$3:$AA$30,INDEX(Jesper!$R$2:$R$366,ROW(INDEX(Jesper!AH$2:AH$366,ROUNDDOWN($C8307/24,0)+1,1))-1)+IF('Standard Profiles'!$G$18=$B$10,7,0)+IF('Standard Profiles'!$G$18=$B$17,14,0)+IF('Standard Profiles'!$G$18=$B$24,21,0),MOD($C8307,24)+1)/SUM(INDEX($D$3:$AA$30,INDEX(Jesper!$R$2:$R$366,ROW(INDEX(Jesper!AH$2:AH$366,ROUNDDOWN($C8307/24,0)+1,1))-1)+IF('Standard Profiles'!$G$18=$B$10,7,0)+IF('Standard Profiles'!$G$18=$B$17,14,0)+IF('Standard Profiles'!$G$18=$B$24,21,0),0)),0)</f>
        <v>16.406507221565498</v>
      </c>
      <c r="E8307" cm="1">
        <f t="array" ref="E8307">IFERROR(INDEX(Jesper!AI$2:AI$366,ROUNDDOWN($C8307/24,0)+1,1)*INDEX($D$3:$AA$30,INDEX(Jesper!$R$2:$R$366,ROW(INDEX(Jesper!AI$2:AI$366,ROUNDDOWN($C8307/24,0)+1,1))-1)+IF('Standard Profiles'!$G$19=$B$10,7,0)+IF('Standard Profiles'!$G$19=$B$17,14,0)+IF('Standard Profiles'!$G$19=$B$24,21,0),MOD($C8307,24)+1)/SUM(INDEX($D$3:$AA$30,INDEX(Jesper!$R$2:$R$366,ROW(INDEX(Jesper!AI$2:AI$366,ROUNDDOWN($C8307/24,0)+1,1))-1)+IF('Standard Profiles'!$G$19=$B$10,7,0)+IF('Standard Profiles'!$G$19=$B$17,14,0)+IF('Standard Profiles'!$G$19=$B$24,21,0),0)),0)</f>
        <v>0</v>
      </c>
      <c r="F8307" cm="1">
        <f t="array" ref="F8307">IFERROR(INDEX(Jesper!AJ$2:AJ$366,ROUNDDOWN($C8307/24,0)+1,1)*INDEX($D$3:$AA$30,INDEX(Jesper!$R$2:$R$366,ROW(INDEX(Jesper!AJ$2:AJ$366,ROUNDDOWN($C8307/24,0)+1,1))-1)+IF('Standard Profiles'!$G$20=$B$10,7,0)+IF('Standard Profiles'!$G$20=$B$17,14,0)+IF('Standard Profiles'!$G$20=$B$24,21,0),MOD($C8307,24)+1)/SUM(INDEX($D$3:$AA$30,INDEX(Jesper!$R$2:$R$366,ROW(INDEX(Jesper!AJ$2:AJ$366,ROUNDDOWN($C8307/24,0)+1,1))-1)+IF('Standard Profiles'!$G$20=$B$10,7,0)+IF('Standard Profiles'!$G$20=$B$17,14,0)+IF('Standard Profiles'!$G$20=$B$24,21,0),0)),0)</f>
        <v>0</v>
      </c>
      <c r="G8307" cm="1">
        <f t="array" ref="G8307">IFERROR(INDEX(Jesper!AK$2:AK$366,ROUNDDOWN($C8307/24,0)+1,1)*INDEX($D$3:$AA$30,INDEX(Jesper!$R$2:$R$366,ROW(INDEX(Jesper!AK$2:AK$366,ROUNDDOWN($C8307/24,0)+1,1))-1)+IF('Standard Profiles'!$G$21=$B$10,7,0)+IF('Standard Profiles'!$G$21=$B$17,14,0)+IF('Standard Profiles'!$G$21=$B$24,21,0),MOD($C8307,24)+1)/SUM(INDEX($D$3:$AA$30,INDEX(Jesper!$R$2:$R$366,ROW(INDEX(Jesper!AK$2:AK$366,ROUNDDOWN($C8307/24,0)+1,1))-1)+IF('Standard Profiles'!$G$21=$B$10,7,0)+IF('Standard Profiles'!$G$21=$B$17,14,0)+IF('Standard Profiles'!$G$21=$B$24,21,0),0)),0)</f>
        <v>0</v>
      </c>
      <c r="H8307" cm="1">
        <f t="array" ref="H8307">IFERROR(INDEX(Jesper!AL$2:AL$366,ROUNDDOWN($C8307/24,0)+1,1)*INDEX($D$3:$AA$30,INDEX(Jesper!$R$2:$R$366,ROW(INDEX(Jesper!AL$2:AL$366,ROUNDDOWN($C8307/24,0)+1,1))-1)+IF('Standard Profiles'!$G$22=$B$10,7,0)+IF('Standard Profiles'!$G$22=$B$17,14,0)+IF('Standard Profiles'!$G$22=$B$24,21,0),MOD($C8307,24)+1)/SUM(INDEX($D$3:$AA$30,INDEX(Jesper!$R$2:$R$366,ROW(INDEX(Jesper!AL$2:AL$366,ROUNDDOWN($C8307/24,0)+1,1))-1)+IF('Standard Profiles'!$G$22=$B$10,7,0)+IF('Standard Profiles'!$G$22=$B$17,14,0)+IF('Standard Profiles'!$G$22=$B$24,21,0),0)),0)</f>
        <v>0</v>
      </c>
      <c r="I8307">
        <f t="shared" si="923"/>
        <v>0.49219521664696492</v>
      </c>
      <c r="J8307">
        <f t="shared" si="924"/>
        <v>1.6406507221565498</v>
      </c>
      <c r="K8307">
        <f t="shared" si="925"/>
        <v>2.4609760832348244</v>
      </c>
      <c r="L8307">
        <f t="shared" si="926"/>
        <v>11.812685199527158</v>
      </c>
      <c r="M8307">
        <f t="shared" si="927"/>
        <v>0</v>
      </c>
      <c r="N8307" s="46">
        <f t="shared" si="928"/>
        <v>45636.708333313269</v>
      </c>
    </row>
    <row r="8308" spans="2:14" x14ac:dyDescent="0.3">
      <c r="B8308">
        <f t="shared" si="922"/>
        <v>2</v>
      </c>
      <c r="C8308" s="16">
        <v>8274</v>
      </c>
      <c r="D8308" cm="1">
        <f t="array" ref="D8308">IFERROR(INDEX(Jesper!AH$2:AH$366,ROUNDDOWN($C8308/24,0)+1,1)*INDEX($D$3:$AA$30,INDEX(Jesper!$R$2:$R$366,ROW(INDEX(Jesper!AH$2:AH$366,ROUNDDOWN($C8308/24,0)+1,1))-1)+IF('Standard Profiles'!$G$18=$B$10,7,0)+IF('Standard Profiles'!$G$18=$B$17,14,0)+IF('Standard Profiles'!$G$18=$B$24,21,0),MOD($C8308,24)+1)/SUM(INDEX($D$3:$AA$30,INDEX(Jesper!$R$2:$R$366,ROW(INDEX(Jesper!AH$2:AH$366,ROUNDDOWN($C8308/24,0)+1,1))-1)+IF('Standard Profiles'!$G$18=$B$10,7,0)+IF('Standard Profiles'!$G$18=$B$17,14,0)+IF('Standard Profiles'!$G$18=$B$24,21,0),0)),0)</f>
        <v>16.406507221565498</v>
      </c>
      <c r="E8308" cm="1">
        <f t="array" ref="E8308">IFERROR(INDEX(Jesper!AI$2:AI$366,ROUNDDOWN($C8308/24,0)+1,1)*INDEX($D$3:$AA$30,INDEX(Jesper!$R$2:$R$366,ROW(INDEX(Jesper!AI$2:AI$366,ROUNDDOWN($C8308/24,0)+1,1))-1)+IF('Standard Profiles'!$G$19=$B$10,7,0)+IF('Standard Profiles'!$G$19=$B$17,14,0)+IF('Standard Profiles'!$G$19=$B$24,21,0),MOD($C8308,24)+1)/SUM(INDEX($D$3:$AA$30,INDEX(Jesper!$R$2:$R$366,ROW(INDEX(Jesper!AI$2:AI$366,ROUNDDOWN($C8308/24,0)+1,1))-1)+IF('Standard Profiles'!$G$19=$B$10,7,0)+IF('Standard Profiles'!$G$19=$B$17,14,0)+IF('Standard Profiles'!$G$19=$B$24,21,0),0)),0)</f>
        <v>0</v>
      </c>
      <c r="F8308" cm="1">
        <f t="array" ref="F8308">IFERROR(INDEX(Jesper!AJ$2:AJ$366,ROUNDDOWN($C8308/24,0)+1,1)*INDEX($D$3:$AA$30,INDEX(Jesper!$R$2:$R$366,ROW(INDEX(Jesper!AJ$2:AJ$366,ROUNDDOWN($C8308/24,0)+1,1))-1)+IF('Standard Profiles'!$G$20=$B$10,7,0)+IF('Standard Profiles'!$G$20=$B$17,14,0)+IF('Standard Profiles'!$G$20=$B$24,21,0),MOD($C8308,24)+1)/SUM(INDEX($D$3:$AA$30,INDEX(Jesper!$R$2:$R$366,ROW(INDEX(Jesper!AJ$2:AJ$366,ROUNDDOWN($C8308/24,0)+1,1))-1)+IF('Standard Profiles'!$G$20=$B$10,7,0)+IF('Standard Profiles'!$G$20=$B$17,14,0)+IF('Standard Profiles'!$G$20=$B$24,21,0),0)),0)</f>
        <v>0</v>
      </c>
      <c r="G8308" cm="1">
        <f t="array" ref="G8308">IFERROR(INDEX(Jesper!AK$2:AK$366,ROUNDDOWN($C8308/24,0)+1,1)*INDEX($D$3:$AA$30,INDEX(Jesper!$R$2:$R$366,ROW(INDEX(Jesper!AK$2:AK$366,ROUNDDOWN($C8308/24,0)+1,1))-1)+IF('Standard Profiles'!$G$21=$B$10,7,0)+IF('Standard Profiles'!$G$21=$B$17,14,0)+IF('Standard Profiles'!$G$21=$B$24,21,0),MOD($C8308,24)+1)/SUM(INDEX($D$3:$AA$30,INDEX(Jesper!$R$2:$R$366,ROW(INDEX(Jesper!AK$2:AK$366,ROUNDDOWN($C8308/24,0)+1,1))-1)+IF('Standard Profiles'!$G$21=$B$10,7,0)+IF('Standard Profiles'!$G$21=$B$17,14,0)+IF('Standard Profiles'!$G$21=$B$24,21,0),0)),0)</f>
        <v>0</v>
      </c>
      <c r="H8308" cm="1">
        <f t="array" ref="H8308">IFERROR(INDEX(Jesper!AL$2:AL$366,ROUNDDOWN($C8308/24,0)+1,1)*INDEX($D$3:$AA$30,INDEX(Jesper!$R$2:$R$366,ROW(INDEX(Jesper!AL$2:AL$366,ROUNDDOWN($C8308/24,0)+1,1))-1)+IF('Standard Profiles'!$G$22=$B$10,7,0)+IF('Standard Profiles'!$G$22=$B$17,14,0)+IF('Standard Profiles'!$G$22=$B$24,21,0),MOD($C8308,24)+1)/SUM(INDEX($D$3:$AA$30,INDEX(Jesper!$R$2:$R$366,ROW(INDEX(Jesper!AL$2:AL$366,ROUNDDOWN($C8308/24,0)+1,1))-1)+IF('Standard Profiles'!$G$22=$B$10,7,0)+IF('Standard Profiles'!$G$22=$B$17,14,0)+IF('Standard Profiles'!$G$22=$B$24,21,0),0)),0)</f>
        <v>0</v>
      </c>
      <c r="I8308">
        <f t="shared" si="923"/>
        <v>0.49219521664696492</v>
      </c>
      <c r="J8308">
        <f t="shared" si="924"/>
        <v>1.6406507221565498</v>
      </c>
      <c r="K8308">
        <f t="shared" si="925"/>
        <v>2.4609760832348244</v>
      </c>
      <c r="L8308">
        <f t="shared" si="926"/>
        <v>11.812685199527158</v>
      </c>
      <c r="M8308">
        <f t="shared" si="927"/>
        <v>0</v>
      </c>
      <c r="N8308" s="46">
        <f t="shared" si="928"/>
        <v>45636.749999979933</v>
      </c>
    </row>
    <row r="8309" spans="2:14" x14ac:dyDescent="0.3">
      <c r="B8309">
        <f t="shared" si="922"/>
        <v>2</v>
      </c>
      <c r="C8309" s="16">
        <v>8275</v>
      </c>
      <c r="D8309" cm="1">
        <f t="array" ref="D8309">IFERROR(INDEX(Jesper!AH$2:AH$366,ROUNDDOWN($C8309/24,0)+1,1)*INDEX($D$3:$AA$30,INDEX(Jesper!$R$2:$R$366,ROW(INDEX(Jesper!AH$2:AH$366,ROUNDDOWN($C8309/24,0)+1,1))-1)+IF('Standard Profiles'!$G$18=$B$10,7,0)+IF('Standard Profiles'!$G$18=$B$17,14,0)+IF('Standard Profiles'!$G$18=$B$24,21,0),MOD($C8309,24)+1)/SUM(INDEX($D$3:$AA$30,INDEX(Jesper!$R$2:$R$366,ROW(INDEX(Jesper!AH$2:AH$366,ROUNDDOWN($C8309/24,0)+1,1))-1)+IF('Standard Profiles'!$G$18=$B$10,7,0)+IF('Standard Profiles'!$G$18=$B$17,14,0)+IF('Standard Profiles'!$G$18=$B$24,21,0),0)),0)</f>
        <v>13.740449798061103</v>
      </c>
      <c r="E8309" cm="1">
        <f t="array" ref="E8309">IFERROR(INDEX(Jesper!AI$2:AI$366,ROUNDDOWN($C8309/24,0)+1,1)*INDEX($D$3:$AA$30,INDEX(Jesper!$R$2:$R$366,ROW(INDEX(Jesper!AI$2:AI$366,ROUNDDOWN($C8309/24,0)+1,1))-1)+IF('Standard Profiles'!$G$19=$B$10,7,0)+IF('Standard Profiles'!$G$19=$B$17,14,0)+IF('Standard Profiles'!$G$19=$B$24,21,0),MOD($C8309,24)+1)/SUM(INDEX($D$3:$AA$30,INDEX(Jesper!$R$2:$R$366,ROW(INDEX(Jesper!AI$2:AI$366,ROUNDDOWN($C8309/24,0)+1,1))-1)+IF('Standard Profiles'!$G$19=$B$10,7,0)+IF('Standard Profiles'!$G$19=$B$17,14,0)+IF('Standard Profiles'!$G$19=$B$24,21,0),0)),0)</f>
        <v>0</v>
      </c>
      <c r="F8309" cm="1">
        <f t="array" ref="F8309">IFERROR(INDEX(Jesper!AJ$2:AJ$366,ROUNDDOWN($C8309/24,0)+1,1)*INDEX($D$3:$AA$30,INDEX(Jesper!$R$2:$R$366,ROW(INDEX(Jesper!AJ$2:AJ$366,ROUNDDOWN($C8309/24,0)+1,1))-1)+IF('Standard Profiles'!$G$20=$B$10,7,0)+IF('Standard Profiles'!$G$20=$B$17,14,0)+IF('Standard Profiles'!$G$20=$B$24,21,0),MOD($C8309,24)+1)/SUM(INDEX($D$3:$AA$30,INDEX(Jesper!$R$2:$R$366,ROW(INDEX(Jesper!AJ$2:AJ$366,ROUNDDOWN($C8309/24,0)+1,1))-1)+IF('Standard Profiles'!$G$20=$B$10,7,0)+IF('Standard Profiles'!$G$20=$B$17,14,0)+IF('Standard Profiles'!$G$20=$B$24,21,0),0)),0)</f>
        <v>0</v>
      </c>
      <c r="G8309" cm="1">
        <f t="array" ref="G8309">IFERROR(INDEX(Jesper!AK$2:AK$366,ROUNDDOWN($C8309/24,0)+1,1)*INDEX($D$3:$AA$30,INDEX(Jesper!$R$2:$R$366,ROW(INDEX(Jesper!AK$2:AK$366,ROUNDDOWN($C8309/24,0)+1,1))-1)+IF('Standard Profiles'!$G$21=$B$10,7,0)+IF('Standard Profiles'!$G$21=$B$17,14,0)+IF('Standard Profiles'!$G$21=$B$24,21,0),MOD($C8309,24)+1)/SUM(INDEX($D$3:$AA$30,INDEX(Jesper!$R$2:$R$366,ROW(INDEX(Jesper!AK$2:AK$366,ROUNDDOWN($C8309/24,0)+1,1))-1)+IF('Standard Profiles'!$G$21=$B$10,7,0)+IF('Standard Profiles'!$G$21=$B$17,14,0)+IF('Standard Profiles'!$G$21=$B$24,21,0),0)),0)</f>
        <v>0</v>
      </c>
      <c r="H8309" cm="1">
        <f t="array" ref="H8309">IFERROR(INDEX(Jesper!AL$2:AL$366,ROUNDDOWN($C8309/24,0)+1,1)*INDEX($D$3:$AA$30,INDEX(Jesper!$R$2:$R$366,ROW(INDEX(Jesper!AL$2:AL$366,ROUNDDOWN($C8309/24,0)+1,1))-1)+IF('Standard Profiles'!$G$22=$B$10,7,0)+IF('Standard Profiles'!$G$22=$B$17,14,0)+IF('Standard Profiles'!$G$22=$B$24,21,0),MOD($C8309,24)+1)/SUM(INDEX($D$3:$AA$30,INDEX(Jesper!$R$2:$R$366,ROW(INDEX(Jesper!AL$2:AL$366,ROUNDDOWN($C8309/24,0)+1,1))-1)+IF('Standard Profiles'!$G$22=$B$10,7,0)+IF('Standard Profiles'!$G$22=$B$17,14,0)+IF('Standard Profiles'!$G$22=$B$24,21,0),0)),0)</f>
        <v>0</v>
      </c>
      <c r="I8309">
        <f t="shared" si="923"/>
        <v>0.4122134939418331</v>
      </c>
      <c r="J8309">
        <f t="shared" si="924"/>
        <v>1.3740449798061105</v>
      </c>
      <c r="K8309">
        <f t="shared" si="925"/>
        <v>2.0610674697091653</v>
      </c>
      <c r="L8309">
        <f t="shared" si="926"/>
        <v>9.8931238546039939</v>
      </c>
      <c r="M8309">
        <f t="shared" si="927"/>
        <v>0</v>
      </c>
      <c r="N8309" s="46">
        <f t="shared" si="928"/>
        <v>45636.791666646597</v>
      </c>
    </row>
    <row r="8310" spans="2:14" x14ac:dyDescent="0.3">
      <c r="B8310">
        <f t="shared" si="922"/>
        <v>2</v>
      </c>
      <c r="C8310" s="16">
        <v>8276</v>
      </c>
      <c r="D8310" cm="1">
        <f t="array" ref="D8310">IFERROR(INDEX(Jesper!AH$2:AH$366,ROUNDDOWN($C8310/24,0)+1,1)*INDEX($D$3:$AA$30,INDEX(Jesper!$R$2:$R$366,ROW(INDEX(Jesper!AH$2:AH$366,ROUNDDOWN($C8310/24,0)+1,1))-1)+IF('Standard Profiles'!$G$18=$B$10,7,0)+IF('Standard Profiles'!$G$18=$B$17,14,0)+IF('Standard Profiles'!$G$18=$B$24,21,0),MOD($C8310,24)+1)/SUM(INDEX($D$3:$AA$30,INDEX(Jesper!$R$2:$R$366,ROW(INDEX(Jesper!AH$2:AH$366,ROUNDDOWN($C8310/24,0)+1,1))-1)+IF('Standard Profiles'!$G$18=$B$10,7,0)+IF('Standard Profiles'!$G$18=$B$17,14,0)+IF('Standard Profiles'!$G$18=$B$24,21,0),0)),0)</f>
        <v>11.279473714826278</v>
      </c>
      <c r="E8310" cm="1">
        <f t="array" ref="E8310">IFERROR(INDEX(Jesper!AI$2:AI$366,ROUNDDOWN($C8310/24,0)+1,1)*INDEX($D$3:$AA$30,INDEX(Jesper!$R$2:$R$366,ROW(INDEX(Jesper!AI$2:AI$366,ROUNDDOWN($C8310/24,0)+1,1))-1)+IF('Standard Profiles'!$G$19=$B$10,7,0)+IF('Standard Profiles'!$G$19=$B$17,14,0)+IF('Standard Profiles'!$G$19=$B$24,21,0),MOD($C8310,24)+1)/SUM(INDEX($D$3:$AA$30,INDEX(Jesper!$R$2:$R$366,ROW(INDEX(Jesper!AI$2:AI$366,ROUNDDOWN($C8310/24,0)+1,1))-1)+IF('Standard Profiles'!$G$19=$B$10,7,0)+IF('Standard Profiles'!$G$19=$B$17,14,0)+IF('Standard Profiles'!$G$19=$B$24,21,0),0)),0)</f>
        <v>0</v>
      </c>
      <c r="F8310" cm="1">
        <f t="array" ref="F8310">IFERROR(INDEX(Jesper!AJ$2:AJ$366,ROUNDDOWN($C8310/24,0)+1,1)*INDEX($D$3:$AA$30,INDEX(Jesper!$R$2:$R$366,ROW(INDEX(Jesper!AJ$2:AJ$366,ROUNDDOWN($C8310/24,0)+1,1))-1)+IF('Standard Profiles'!$G$20=$B$10,7,0)+IF('Standard Profiles'!$G$20=$B$17,14,0)+IF('Standard Profiles'!$G$20=$B$24,21,0),MOD($C8310,24)+1)/SUM(INDEX($D$3:$AA$30,INDEX(Jesper!$R$2:$R$366,ROW(INDEX(Jesper!AJ$2:AJ$366,ROUNDDOWN($C8310/24,0)+1,1))-1)+IF('Standard Profiles'!$G$20=$B$10,7,0)+IF('Standard Profiles'!$G$20=$B$17,14,0)+IF('Standard Profiles'!$G$20=$B$24,21,0),0)),0)</f>
        <v>0</v>
      </c>
      <c r="G8310" cm="1">
        <f t="array" ref="G8310">IFERROR(INDEX(Jesper!AK$2:AK$366,ROUNDDOWN($C8310/24,0)+1,1)*INDEX($D$3:$AA$30,INDEX(Jesper!$R$2:$R$366,ROW(INDEX(Jesper!AK$2:AK$366,ROUNDDOWN($C8310/24,0)+1,1))-1)+IF('Standard Profiles'!$G$21=$B$10,7,0)+IF('Standard Profiles'!$G$21=$B$17,14,0)+IF('Standard Profiles'!$G$21=$B$24,21,0),MOD($C8310,24)+1)/SUM(INDEX($D$3:$AA$30,INDEX(Jesper!$R$2:$R$366,ROW(INDEX(Jesper!AK$2:AK$366,ROUNDDOWN($C8310/24,0)+1,1))-1)+IF('Standard Profiles'!$G$21=$B$10,7,0)+IF('Standard Profiles'!$G$21=$B$17,14,0)+IF('Standard Profiles'!$G$21=$B$24,21,0),0)),0)</f>
        <v>0</v>
      </c>
      <c r="H8310" cm="1">
        <f t="array" ref="H8310">IFERROR(INDEX(Jesper!AL$2:AL$366,ROUNDDOWN($C8310/24,0)+1,1)*INDEX($D$3:$AA$30,INDEX(Jesper!$R$2:$R$366,ROW(INDEX(Jesper!AL$2:AL$366,ROUNDDOWN($C8310/24,0)+1,1))-1)+IF('Standard Profiles'!$G$22=$B$10,7,0)+IF('Standard Profiles'!$G$22=$B$17,14,0)+IF('Standard Profiles'!$G$22=$B$24,21,0),MOD($C8310,24)+1)/SUM(INDEX($D$3:$AA$30,INDEX(Jesper!$R$2:$R$366,ROW(INDEX(Jesper!AL$2:AL$366,ROUNDDOWN($C8310/24,0)+1,1))-1)+IF('Standard Profiles'!$G$22=$B$10,7,0)+IF('Standard Profiles'!$G$22=$B$17,14,0)+IF('Standard Profiles'!$G$22=$B$24,21,0),0)),0)</f>
        <v>0</v>
      </c>
      <c r="I8310">
        <f t="shared" si="923"/>
        <v>0.33838421144478831</v>
      </c>
      <c r="J8310">
        <f t="shared" si="924"/>
        <v>1.1279473714826278</v>
      </c>
      <c r="K8310">
        <f t="shared" si="925"/>
        <v>1.6919210572239416</v>
      </c>
      <c r="L8310">
        <f t="shared" si="926"/>
        <v>8.1212210746749189</v>
      </c>
      <c r="M8310">
        <f t="shared" si="927"/>
        <v>0</v>
      </c>
      <c r="N8310" s="46">
        <f t="shared" si="928"/>
        <v>45636.833333313261</v>
      </c>
    </row>
    <row r="8311" spans="2:14" x14ac:dyDescent="0.3">
      <c r="B8311">
        <f t="shared" si="922"/>
        <v>2</v>
      </c>
      <c r="C8311" s="16">
        <v>8277</v>
      </c>
      <c r="D8311" cm="1">
        <f t="array" ref="D8311">IFERROR(INDEX(Jesper!AH$2:AH$366,ROUNDDOWN($C8311/24,0)+1,1)*INDEX($D$3:$AA$30,INDEX(Jesper!$R$2:$R$366,ROW(INDEX(Jesper!AH$2:AH$366,ROUNDDOWN($C8311/24,0)+1,1))-1)+IF('Standard Profiles'!$G$18=$B$10,7,0)+IF('Standard Profiles'!$G$18=$B$17,14,0)+IF('Standard Profiles'!$G$18=$B$24,21,0),MOD($C8311,24)+1)/SUM(INDEX($D$3:$AA$30,INDEX(Jesper!$R$2:$R$366,ROW(INDEX(Jesper!AH$2:AH$366,ROUNDDOWN($C8311/24,0)+1,1))-1)+IF('Standard Profiles'!$G$18=$B$10,7,0)+IF('Standard Profiles'!$G$18=$B$17,14,0)+IF('Standard Profiles'!$G$18=$B$24,21,0),0)),0)</f>
        <v>8.203253610782749</v>
      </c>
      <c r="E8311" cm="1">
        <f t="array" ref="E8311">IFERROR(INDEX(Jesper!AI$2:AI$366,ROUNDDOWN($C8311/24,0)+1,1)*INDEX($D$3:$AA$30,INDEX(Jesper!$R$2:$R$366,ROW(INDEX(Jesper!AI$2:AI$366,ROUNDDOWN($C8311/24,0)+1,1))-1)+IF('Standard Profiles'!$G$19=$B$10,7,0)+IF('Standard Profiles'!$G$19=$B$17,14,0)+IF('Standard Profiles'!$G$19=$B$24,21,0),MOD($C8311,24)+1)/SUM(INDEX($D$3:$AA$30,INDEX(Jesper!$R$2:$R$366,ROW(INDEX(Jesper!AI$2:AI$366,ROUNDDOWN($C8311/24,0)+1,1))-1)+IF('Standard Profiles'!$G$19=$B$10,7,0)+IF('Standard Profiles'!$G$19=$B$17,14,0)+IF('Standard Profiles'!$G$19=$B$24,21,0),0)),0)</f>
        <v>0</v>
      </c>
      <c r="F8311" cm="1">
        <f t="array" ref="F8311">IFERROR(INDEX(Jesper!AJ$2:AJ$366,ROUNDDOWN($C8311/24,0)+1,1)*INDEX($D$3:$AA$30,INDEX(Jesper!$R$2:$R$366,ROW(INDEX(Jesper!AJ$2:AJ$366,ROUNDDOWN($C8311/24,0)+1,1))-1)+IF('Standard Profiles'!$G$20=$B$10,7,0)+IF('Standard Profiles'!$G$20=$B$17,14,0)+IF('Standard Profiles'!$G$20=$B$24,21,0),MOD($C8311,24)+1)/SUM(INDEX($D$3:$AA$30,INDEX(Jesper!$R$2:$R$366,ROW(INDEX(Jesper!AJ$2:AJ$366,ROUNDDOWN($C8311/24,0)+1,1))-1)+IF('Standard Profiles'!$G$20=$B$10,7,0)+IF('Standard Profiles'!$G$20=$B$17,14,0)+IF('Standard Profiles'!$G$20=$B$24,21,0),0)),0)</f>
        <v>0</v>
      </c>
      <c r="G8311" cm="1">
        <f t="array" ref="G8311">IFERROR(INDEX(Jesper!AK$2:AK$366,ROUNDDOWN($C8311/24,0)+1,1)*INDEX($D$3:$AA$30,INDEX(Jesper!$R$2:$R$366,ROW(INDEX(Jesper!AK$2:AK$366,ROUNDDOWN($C8311/24,0)+1,1))-1)+IF('Standard Profiles'!$G$21=$B$10,7,0)+IF('Standard Profiles'!$G$21=$B$17,14,0)+IF('Standard Profiles'!$G$21=$B$24,21,0),MOD($C8311,24)+1)/SUM(INDEX($D$3:$AA$30,INDEX(Jesper!$R$2:$R$366,ROW(INDEX(Jesper!AK$2:AK$366,ROUNDDOWN($C8311/24,0)+1,1))-1)+IF('Standard Profiles'!$G$21=$B$10,7,0)+IF('Standard Profiles'!$G$21=$B$17,14,0)+IF('Standard Profiles'!$G$21=$B$24,21,0),0)),0)</f>
        <v>0</v>
      </c>
      <c r="H8311" cm="1">
        <f t="array" ref="H8311">IFERROR(INDEX(Jesper!AL$2:AL$366,ROUNDDOWN($C8311/24,0)+1,1)*INDEX($D$3:$AA$30,INDEX(Jesper!$R$2:$R$366,ROW(INDEX(Jesper!AL$2:AL$366,ROUNDDOWN($C8311/24,0)+1,1))-1)+IF('Standard Profiles'!$G$22=$B$10,7,0)+IF('Standard Profiles'!$G$22=$B$17,14,0)+IF('Standard Profiles'!$G$22=$B$24,21,0),MOD($C8311,24)+1)/SUM(INDEX($D$3:$AA$30,INDEX(Jesper!$R$2:$R$366,ROW(INDEX(Jesper!AL$2:AL$366,ROUNDDOWN($C8311/24,0)+1,1))-1)+IF('Standard Profiles'!$G$22=$B$10,7,0)+IF('Standard Profiles'!$G$22=$B$17,14,0)+IF('Standard Profiles'!$G$22=$B$24,21,0),0)),0)</f>
        <v>0</v>
      </c>
      <c r="I8311">
        <f t="shared" si="923"/>
        <v>0.24609760832348246</v>
      </c>
      <c r="J8311">
        <f t="shared" si="924"/>
        <v>0.82032536107827492</v>
      </c>
      <c r="K8311">
        <f t="shared" si="925"/>
        <v>1.2304880416174122</v>
      </c>
      <c r="L8311">
        <f t="shared" si="926"/>
        <v>5.9063425997635788</v>
      </c>
      <c r="M8311">
        <f t="shared" si="927"/>
        <v>0</v>
      </c>
      <c r="N8311" s="46">
        <f t="shared" si="928"/>
        <v>45636.874999979926</v>
      </c>
    </row>
    <row r="8312" spans="2:14" x14ac:dyDescent="0.3">
      <c r="B8312">
        <f t="shared" si="922"/>
        <v>2</v>
      </c>
      <c r="C8312" s="16">
        <v>8278</v>
      </c>
      <c r="D8312" cm="1">
        <f t="array" ref="D8312">IFERROR(INDEX(Jesper!AH$2:AH$366,ROUNDDOWN($C8312/24,0)+1,1)*INDEX($D$3:$AA$30,INDEX(Jesper!$R$2:$R$366,ROW(INDEX(Jesper!AH$2:AH$366,ROUNDDOWN($C8312/24,0)+1,1))-1)+IF('Standard Profiles'!$G$18=$B$10,7,0)+IF('Standard Profiles'!$G$18=$B$17,14,0)+IF('Standard Profiles'!$G$18=$B$24,21,0),MOD($C8312,24)+1)/SUM(INDEX($D$3:$AA$30,INDEX(Jesper!$R$2:$R$366,ROW(INDEX(Jesper!AH$2:AH$366,ROUNDDOWN($C8312/24,0)+1,1))-1)+IF('Standard Profiles'!$G$18=$B$10,7,0)+IF('Standard Profiles'!$G$18=$B$17,14,0)+IF('Standard Profiles'!$G$18=$B$24,21,0),0)),0)</f>
        <v>8.203253610782749</v>
      </c>
      <c r="E8312" cm="1">
        <f t="array" ref="E8312">IFERROR(INDEX(Jesper!AI$2:AI$366,ROUNDDOWN($C8312/24,0)+1,1)*INDEX($D$3:$AA$30,INDEX(Jesper!$R$2:$R$366,ROW(INDEX(Jesper!AI$2:AI$366,ROUNDDOWN($C8312/24,0)+1,1))-1)+IF('Standard Profiles'!$G$19=$B$10,7,0)+IF('Standard Profiles'!$G$19=$B$17,14,0)+IF('Standard Profiles'!$G$19=$B$24,21,0),MOD($C8312,24)+1)/SUM(INDEX($D$3:$AA$30,INDEX(Jesper!$R$2:$R$366,ROW(INDEX(Jesper!AI$2:AI$366,ROUNDDOWN($C8312/24,0)+1,1))-1)+IF('Standard Profiles'!$G$19=$B$10,7,0)+IF('Standard Profiles'!$G$19=$B$17,14,0)+IF('Standard Profiles'!$G$19=$B$24,21,0),0)),0)</f>
        <v>0</v>
      </c>
      <c r="F8312" cm="1">
        <f t="array" ref="F8312">IFERROR(INDEX(Jesper!AJ$2:AJ$366,ROUNDDOWN($C8312/24,0)+1,1)*INDEX($D$3:$AA$30,INDEX(Jesper!$R$2:$R$366,ROW(INDEX(Jesper!AJ$2:AJ$366,ROUNDDOWN($C8312/24,0)+1,1))-1)+IF('Standard Profiles'!$G$20=$B$10,7,0)+IF('Standard Profiles'!$G$20=$B$17,14,0)+IF('Standard Profiles'!$G$20=$B$24,21,0),MOD($C8312,24)+1)/SUM(INDEX($D$3:$AA$30,INDEX(Jesper!$R$2:$R$366,ROW(INDEX(Jesper!AJ$2:AJ$366,ROUNDDOWN($C8312/24,0)+1,1))-1)+IF('Standard Profiles'!$G$20=$B$10,7,0)+IF('Standard Profiles'!$G$20=$B$17,14,0)+IF('Standard Profiles'!$G$20=$B$24,21,0),0)),0)</f>
        <v>0</v>
      </c>
      <c r="G8312" cm="1">
        <f t="array" ref="G8312">IFERROR(INDEX(Jesper!AK$2:AK$366,ROUNDDOWN($C8312/24,0)+1,1)*INDEX($D$3:$AA$30,INDEX(Jesper!$R$2:$R$366,ROW(INDEX(Jesper!AK$2:AK$366,ROUNDDOWN($C8312/24,0)+1,1))-1)+IF('Standard Profiles'!$G$21=$B$10,7,0)+IF('Standard Profiles'!$G$21=$B$17,14,0)+IF('Standard Profiles'!$G$21=$B$24,21,0),MOD($C8312,24)+1)/SUM(INDEX($D$3:$AA$30,INDEX(Jesper!$R$2:$R$366,ROW(INDEX(Jesper!AK$2:AK$366,ROUNDDOWN($C8312/24,0)+1,1))-1)+IF('Standard Profiles'!$G$21=$B$10,7,0)+IF('Standard Profiles'!$G$21=$B$17,14,0)+IF('Standard Profiles'!$G$21=$B$24,21,0),0)),0)</f>
        <v>0</v>
      </c>
      <c r="H8312" cm="1">
        <f t="array" ref="H8312">IFERROR(INDEX(Jesper!AL$2:AL$366,ROUNDDOWN($C8312/24,0)+1,1)*INDEX($D$3:$AA$30,INDEX(Jesper!$R$2:$R$366,ROW(INDEX(Jesper!AL$2:AL$366,ROUNDDOWN($C8312/24,0)+1,1))-1)+IF('Standard Profiles'!$G$22=$B$10,7,0)+IF('Standard Profiles'!$G$22=$B$17,14,0)+IF('Standard Profiles'!$G$22=$B$24,21,0),MOD($C8312,24)+1)/SUM(INDEX($D$3:$AA$30,INDEX(Jesper!$R$2:$R$366,ROW(INDEX(Jesper!AL$2:AL$366,ROUNDDOWN($C8312/24,0)+1,1))-1)+IF('Standard Profiles'!$G$22=$B$10,7,0)+IF('Standard Profiles'!$G$22=$B$17,14,0)+IF('Standard Profiles'!$G$22=$B$24,21,0),0)),0)</f>
        <v>0</v>
      </c>
      <c r="I8312">
        <f t="shared" si="923"/>
        <v>0.24609760832348246</v>
      </c>
      <c r="J8312">
        <f t="shared" si="924"/>
        <v>0.82032536107827492</v>
      </c>
      <c r="K8312">
        <f t="shared" si="925"/>
        <v>1.2304880416174122</v>
      </c>
      <c r="L8312">
        <f t="shared" si="926"/>
        <v>5.9063425997635788</v>
      </c>
      <c r="M8312">
        <f t="shared" si="927"/>
        <v>0</v>
      </c>
      <c r="N8312" s="46">
        <f t="shared" si="928"/>
        <v>45636.91666664659</v>
      </c>
    </row>
    <row r="8313" spans="2:14" x14ac:dyDescent="0.3">
      <c r="B8313">
        <f t="shared" si="922"/>
        <v>2</v>
      </c>
      <c r="C8313" s="16">
        <v>8279</v>
      </c>
      <c r="D8313" cm="1">
        <f t="array" ref="D8313">IFERROR(INDEX(Jesper!AH$2:AH$366,ROUNDDOWN($C8313/24,0)+1,1)*INDEX($D$3:$AA$30,INDEX(Jesper!$R$2:$R$366,ROW(INDEX(Jesper!AH$2:AH$366,ROUNDDOWN($C8313/24,0)+1,1))-1)+IF('Standard Profiles'!$G$18=$B$10,7,0)+IF('Standard Profiles'!$G$18=$B$17,14,0)+IF('Standard Profiles'!$G$18=$B$24,21,0),MOD($C8313,24)+1)/SUM(INDEX($D$3:$AA$30,INDEX(Jesper!$R$2:$R$366,ROW(INDEX(Jesper!AH$2:AH$366,ROUNDDOWN($C8313/24,0)+1,1))-1)+IF('Standard Profiles'!$G$18=$B$10,7,0)+IF('Standard Profiles'!$G$18=$B$17,14,0)+IF('Standard Profiles'!$G$18=$B$24,21,0),0)),0)</f>
        <v>8.203253610782749</v>
      </c>
      <c r="E8313" cm="1">
        <f t="array" ref="E8313">IFERROR(INDEX(Jesper!AI$2:AI$366,ROUNDDOWN($C8313/24,0)+1,1)*INDEX($D$3:$AA$30,INDEX(Jesper!$R$2:$R$366,ROW(INDEX(Jesper!AI$2:AI$366,ROUNDDOWN($C8313/24,0)+1,1))-1)+IF('Standard Profiles'!$G$19=$B$10,7,0)+IF('Standard Profiles'!$G$19=$B$17,14,0)+IF('Standard Profiles'!$G$19=$B$24,21,0),MOD($C8313,24)+1)/SUM(INDEX($D$3:$AA$30,INDEX(Jesper!$R$2:$R$366,ROW(INDEX(Jesper!AI$2:AI$366,ROUNDDOWN($C8313/24,0)+1,1))-1)+IF('Standard Profiles'!$G$19=$B$10,7,0)+IF('Standard Profiles'!$G$19=$B$17,14,0)+IF('Standard Profiles'!$G$19=$B$24,21,0),0)),0)</f>
        <v>0</v>
      </c>
      <c r="F8313" cm="1">
        <f t="array" ref="F8313">IFERROR(INDEX(Jesper!AJ$2:AJ$366,ROUNDDOWN($C8313/24,0)+1,1)*INDEX($D$3:$AA$30,INDEX(Jesper!$R$2:$R$366,ROW(INDEX(Jesper!AJ$2:AJ$366,ROUNDDOWN($C8313/24,0)+1,1))-1)+IF('Standard Profiles'!$G$20=$B$10,7,0)+IF('Standard Profiles'!$G$20=$B$17,14,0)+IF('Standard Profiles'!$G$20=$B$24,21,0),MOD($C8313,24)+1)/SUM(INDEX($D$3:$AA$30,INDEX(Jesper!$R$2:$R$366,ROW(INDEX(Jesper!AJ$2:AJ$366,ROUNDDOWN($C8313/24,0)+1,1))-1)+IF('Standard Profiles'!$G$20=$B$10,7,0)+IF('Standard Profiles'!$G$20=$B$17,14,0)+IF('Standard Profiles'!$G$20=$B$24,21,0),0)),0)</f>
        <v>0</v>
      </c>
      <c r="G8313" cm="1">
        <f t="array" ref="G8313">IFERROR(INDEX(Jesper!AK$2:AK$366,ROUNDDOWN($C8313/24,0)+1,1)*INDEX($D$3:$AA$30,INDEX(Jesper!$R$2:$R$366,ROW(INDEX(Jesper!AK$2:AK$366,ROUNDDOWN($C8313/24,0)+1,1))-1)+IF('Standard Profiles'!$G$21=$B$10,7,0)+IF('Standard Profiles'!$G$21=$B$17,14,0)+IF('Standard Profiles'!$G$21=$B$24,21,0),MOD($C8313,24)+1)/SUM(INDEX($D$3:$AA$30,INDEX(Jesper!$R$2:$R$366,ROW(INDEX(Jesper!AK$2:AK$366,ROUNDDOWN($C8313/24,0)+1,1))-1)+IF('Standard Profiles'!$G$21=$B$10,7,0)+IF('Standard Profiles'!$G$21=$B$17,14,0)+IF('Standard Profiles'!$G$21=$B$24,21,0),0)),0)</f>
        <v>0</v>
      </c>
      <c r="H8313" cm="1">
        <f t="array" ref="H8313">IFERROR(INDEX(Jesper!AL$2:AL$366,ROUNDDOWN($C8313/24,0)+1,1)*INDEX($D$3:$AA$30,INDEX(Jesper!$R$2:$R$366,ROW(INDEX(Jesper!AL$2:AL$366,ROUNDDOWN($C8313/24,0)+1,1))-1)+IF('Standard Profiles'!$G$22=$B$10,7,0)+IF('Standard Profiles'!$G$22=$B$17,14,0)+IF('Standard Profiles'!$G$22=$B$24,21,0),MOD($C8313,24)+1)/SUM(INDEX($D$3:$AA$30,INDEX(Jesper!$R$2:$R$366,ROW(INDEX(Jesper!AL$2:AL$366,ROUNDDOWN($C8313/24,0)+1,1))-1)+IF('Standard Profiles'!$G$22=$B$10,7,0)+IF('Standard Profiles'!$G$22=$B$17,14,0)+IF('Standard Profiles'!$G$22=$B$24,21,0),0)),0)</f>
        <v>0</v>
      </c>
      <c r="I8313">
        <f t="shared" si="923"/>
        <v>0.24609760832348246</v>
      </c>
      <c r="J8313">
        <f t="shared" si="924"/>
        <v>0.82032536107827492</v>
      </c>
      <c r="K8313">
        <f t="shared" si="925"/>
        <v>1.2304880416174122</v>
      </c>
      <c r="L8313">
        <f t="shared" si="926"/>
        <v>5.9063425997635788</v>
      </c>
      <c r="M8313">
        <f t="shared" si="927"/>
        <v>0</v>
      </c>
      <c r="N8313" s="46">
        <f t="shared" si="928"/>
        <v>45636.958333313254</v>
      </c>
    </row>
    <row r="8314" spans="2:14" x14ac:dyDescent="0.3">
      <c r="B8314">
        <f t="shared" si="922"/>
        <v>3</v>
      </c>
      <c r="C8314" s="16">
        <v>8280</v>
      </c>
      <c r="D8314" cm="1">
        <f t="array" ref="D8314">IFERROR(INDEX(Jesper!AH$2:AH$366,ROUNDDOWN($C8314/24,0)+1,1)*INDEX($D$3:$AA$30,INDEX(Jesper!$R$2:$R$366,ROW(INDEX(Jesper!AH$2:AH$366,ROUNDDOWN($C8314/24,0)+1,1))-1)+IF('Standard Profiles'!$G$18=$B$10,7,0)+IF('Standard Profiles'!$G$18=$B$17,14,0)+IF('Standard Profiles'!$G$18=$B$24,21,0),MOD($C8314,24)+1)/SUM(INDEX($D$3:$AA$30,INDEX(Jesper!$R$2:$R$366,ROW(INDEX(Jesper!AH$2:AH$366,ROUNDDOWN($C8314/24,0)+1,1))-1)+IF('Standard Profiles'!$G$18=$B$10,7,0)+IF('Standard Profiles'!$G$18=$B$17,14,0)+IF('Standard Profiles'!$G$18=$B$24,21,0),0)),0)</f>
        <v>7.5917730226899742</v>
      </c>
      <c r="E8314" cm="1">
        <f t="array" ref="E8314">IFERROR(INDEX(Jesper!AI$2:AI$366,ROUNDDOWN($C8314/24,0)+1,1)*INDEX($D$3:$AA$30,INDEX(Jesper!$R$2:$R$366,ROW(INDEX(Jesper!AI$2:AI$366,ROUNDDOWN($C8314/24,0)+1,1))-1)+IF('Standard Profiles'!$G$19=$B$10,7,0)+IF('Standard Profiles'!$G$19=$B$17,14,0)+IF('Standard Profiles'!$G$19=$B$24,21,0),MOD($C8314,24)+1)/SUM(INDEX($D$3:$AA$30,INDEX(Jesper!$R$2:$R$366,ROW(INDEX(Jesper!AI$2:AI$366,ROUNDDOWN($C8314/24,0)+1,1))-1)+IF('Standard Profiles'!$G$19=$B$10,7,0)+IF('Standard Profiles'!$G$19=$B$17,14,0)+IF('Standard Profiles'!$G$19=$B$24,21,0),0)),0)</f>
        <v>0</v>
      </c>
      <c r="F8314" cm="1">
        <f t="array" ref="F8314">IFERROR(INDEX(Jesper!AJ$2:AJ$366,ROUNDDOWN($C8314/24,0)+1,1)*INDEX($D$3:$AA$30,INDEX(Jesper!$R$2:$R$366,ROW(INDEX(Jesper!AJ$2:AJ$366,ROUNDDOWN($C8314/24,0)+1,1))-1)+IF('Standard Profiles'!$G$20=$B$10,7,0)+IF('Standard Profiles'!$G$20=$B$17,14,0)+IF('Standard Profiles'!$G$20=$B$24,21,0),MOD($C8314,24)+1)/SUM(INDEX($D$3:$AA$30,INDEX(Jesper!$R$2:$R$366,ROW(INDEX(Jesper!AJ$2:AJ$366,ROUNDDOWN($C8314/24,0)+1,1))-1)+IF('Standard Profiles'!$G$20=$B$10,7,0)+IF('Standard Profiles'!$G$20=$B$17,14,0)+IF('Standard Profiles'!$G$20=$B$24,21,0),0)),0)</f>
        <v>0</v>
      </c>
      <c r="G8314" cm="1">
        <f t="array" ref="G8314">IFERROR(INDEX(Jesper!AK$2:AK$366,ROUNDDOWN($C8314/24,0)+1,1)*INDEX($D$3:$AA$30,INDEX(Jesper!$R$2:$R$366,ROW(INDEX(Jesper!AK$2:AK$366,ROUNDDOWN($C8314/24,0)+1,1))-1)+IF('Standard Profiles'!$G$21=$B$10,7,0)+IF('Standard Profiles'!$G$21=$B$17,14,0)+IF('Standard Profiles'!$G$21=$B$24,21,0),MOD($C8314,24)+1)/SUM(INDEX($D$3:$AA$30,INDEX(Jesper!$R$2:$R$366,ROW(INDEX(Jesper!AK$2:AK$366,ROUNDDOWN($C8314/24,0)+1,1))-1)+IF('Standard Profiles'!$G$21=$B$10,7,0)+IF('Standard Profiles'!$G$21=$B$17,14,0)+IF('Standard Profiles'!$G$21=$B$24,21,0),0)),0)</f>
        <v>0</v>
      </c>
      <c r="H8314" cm="1">
        <f t="array" ref="H8314">IFERROR(INDEX(Jesper!AL$2:AL$366,ROUNDDOWN($C8314/24,0)+1,1)*INDEX($D$3:$AA$30,INDEX(Jesper!$R$2:$R$366,ROW(INDEX(Jesper!AL$2:AL$366,ROUNDDOWN($C8314/24,0)+1,1))-1)+IF('Standard Profiles'!$G$22=$B$10,7,0)+IF('Standard Profiles'!$G$22=$B$17,14,0)+IF('Standard Profiles'!$G$22=$B$24,21,0),MOD($C8314,24)+1)/SUM(INDEX($D$3:$AA$30,INDEX(Jesper!$R$2:$R$366,ROW(INDEX(Jesper!AL$2:AL$366,ROUNDDOWN($C8314/24,0)+1,1))-1)+IF('Standard Profiles'!$G$22=$B$10,7,0)+IF('Standard Profiles'!$G$22=$B$17,14,0)+IF('Standard Profiles'!$G$22=$B$24,21,0),0)),0)</f>
        <v>0</v>
      </c>
      <c r="I8314">
        <f t="shared" si="923"/>
        <v>0.22775319068069921</v>
      </c>
      <c r="J8314">
        <f t="shared" si="924"/>
        <v>0.75917730226899749</v>
      </c>
      <c r="K8314">
        <f t="shared" si="925"/>
        <v>1.1387659534034962</v>
      </c>
      <c r="L8314">
        <f t="shared" si="926"/>
        <v>5.4660765763367811</v>
      </c>
      <c r="M8314">
        <f t="shared" si="927"/>
        <v>0</v>
      </c>
      <c r="N8314" s="46">
        <f t="shared" si="928"/>
        <v>45636.999999979918</v>
      </c>
    </row>
    <row r="8315" spans="2:14" x14ac:dyDescent="0.3">
      <c r="B8315">
        <f t="shared" si="922"/>
        <v>3</v>
      </c>
      <c r="C8315" s="16">
        <v>8281</v>
      </c>
      <c r="D8315" cm="1">
        <f t="array" ref="D8315">IFERROR(INDEX(Jesper!AH$2:AH$366,ROUNDDOWN($C8315/24,0)+1,1)*INDEX($D$3:$AA$30,INDEX(Jesper!$R$2:$R$366,ROW(INDEX(Jesper!AH$2:AH$366,ROUNDDOWN($C8315/24,0)+1,1))-1)+IF('Standard Profiles'!$G$18=$B$10,7,0)+IF('Standard Profiles'!$G$18=$B$17,14,0)+IF('Standard Profiles'!$G$18=$B$24,21,0),MOD($C8315,24)+1)/SUM(INDEX($D$3:$AA$30,INDEX(Jesper!$R$2:$R$366,ROW(INDEX(Jesper!AH$2:AH$366,ROUNDDOWN($C8315/24,0)+1,1))-1)+IF('Standard Profiles'!$G$18=$B$10,7,0)+IF('Standard Profiles'!$G$18=$B$17,14,0)+IF('Standard Profiles'!$G$18=$B$24,21,0),0)),0)</f>
        <v>8.5407446505262214</v>
      </c>
      <c r="E8315" cm="1">
        <f t="array" ref="E8315">IFERROR(INDEX(Jesper!AI$2:AI$366,ROUNDDOWN($C8315/24,0)+1,1)*INDEX($D$3:$AA$30,INDEX(Jesper!$R$2:$R$366,ROW(INDEX(Jesper!AI$2:AI$366,ROUNDDOWN($C8315/24,0)+1,1))-1)+IF('Standard Profiles'!$G$19=$B$10,7,0)+IF('Standard Profiles'!$G$19=$B$17,14,0)+IF('Standard Profiles'!$G$19=$B$24,21,0),MOD($C8315,24)+1)/SUM(INDEX($D$3:$AA$30,INDEX(Jesper!$R$2:$R$366,ROW(INDEX(Jesper!AI$2:AI$366,ROUNDDOWN($C8315/24,0)+1,1))-1)+IF('Standard Profiles'!$G$19=$B$10,7,0)+IF('Standard Profiles'!$G$19=$B$17,14,0)+IF('Standard Profiles'!$G$19=$B$24,21,0),0)),0)</f>
        <v>0</v>
      </c>
      <c r="F8315" cm="1">
        <f t="array" ref="F8315">IFERROR(INDEX(Jesper!AJ$2:AJ$366,ROUNDDOWN($C8315/24,0)+1,1)*INDEX($D$3:$AA$30,INDEX(Jesper!$R$2:$R$366,ROW(INDEX(Jesper!AJ$2:AJ$366,ROUNDDOWN($C8315/24,0)+1,1))-1)+IF('Standard Profiles'!$G$20=$B$10,7,0)+IF('Standard Profiles'!$G$20=$B$17,14,0)+IF('Standard Profiles'!$G$20=$B$24,21,0),MOD($C8315,24)+1)/SUM(INDEX($D$3:$AA$30,INDEX(Jesper!$R$2:$R$366,ROW(INDEX(Jesper!AJ$2:AJ$366,ROUNDDOWN($C8315/24,0)+1,1))-1)+IF('Standard Profiles'!$G$20=$B$10,7,0)+IF('Standard Profiles'!$G$20=$B$17,14,0)+IF('Standard Profiles'!$G$20=$B$24,21,0),0)),0)</f>
        <v>0</v>
      </c>
      <c r="G8315" cm="1">
        <f t="array" ref="G8315">IFERROR(INDEX(Jesper!AK$2:AK$366,ROUNDDOWN($C8315/24,0)+1,1)*INDEX($D$3:$AA$30,INDEX(Jesper!$R$2:$R$366,ROW(INDEX(Jesper!AK$2:AK$366,ROUNDDOWN($C8315/24,0)+1,1))-1)+IF('Standard Profiles'!$G$21=$B$10,7,0)+IF('Standard Profiles'!$G$21=$B$17,14,0)+IF('Standard Profiles'!$G$21=$B$24,21,0),MOD($C8315,24)+1)/SUM(INDEX($D$3:$AA$30,INDEX(Jesper!$R$2:$R$366,ROW(INDEX(Jesper!AK$2:AK$366,ROUNDDOWN($C8315/24,0)+1,1))-1)+IF('Standard Profiles'!$G$21=$B$10,7,0)+IF('Standard Profiles'!$G$21=$B$17,14,0)+IF('Standard Profiles'!$G$21=$B$24,21,0),0)),0)</f>
        <v>0</v>
      </c>
      <c r="H8315" cm="1">
        <f t="array" ref="H8315">IFERROR(INDEX(Jesper!AL$2:AL$366,ROUNDDOWN($C8315/24,0)+1,1)*INDEX($D$3:$AA$30,INDEX(Jesper!$R$2:$R$366,ROW(INDEX(Jesper!AL$2:AL$366,ROUNDDOWN($C8315/24,0)+1,1))-1)+IF('Standard Profiles'!$G$22=$B$10,7,0)+IF('Standard Profiles'!$G$22=$B$17,14,0)+IF('Standard Profiles'!$G$22=$B$24,21,0),MOD($C8315,24)+1)/SUM(INDEX($D$3:$AA$30,INDEX(Jesper!$R$2:$R$366,ROW(INDEX(Jesper!AL$2:AL$366,ROUNDDOWN($C8315/24,0)+1,1))-1)+IF('Standard Profiles'!$G$22=$B$10,7,0)+IF('Standard Profiles'!$G$22=$B$17,14,0)+IF('Standard Profiles'!$G$22=$B$24,21,0),0)),0)</f>
        <v>0</v>
      </c>
      <c r="I8315">
        <f t="shared" si="923"/>
        <v>0.25622233951578666</v>
      </c>
      <c r="J8315">
        <f t="shared" si="924"/>
        <v>0.85407446505262219</v>
      </c>
      <c r="K8315">
        <f t="shared" si="925"/>
        <v>1.2811116975789332</v>
      </c>
      <c r="L8315">
        <f t="shared" si="926"/>
        <v>6.1493361483788789</v>
      </c>
      <c r="M8315">
        <f t="shared" si="927"/>
        <v>0</v>
      </c>
      <c r="N8315" s="46">
        <f t="shared" si="928"/>
        <v>45637.041666646583</v>
      </c>
    </row>
    <row r="8316" spans="2:14" x14ac:dyDescent="0.3">
      <c r="B8316">
        <f t="shared" si="922"/>
        <v>3</v>
      </c>
      <c r="C8316" s="16">
        <v>8282</v>
      </c>
      <c r="D8316" cm="1">
        <f t="array" ref="D8316">IFERROR(INDEX(Jesper!AH$2:AH$366,ROUNDDOWN($C8316/24,0)+1,1)*INDEX($D$3:$AA$30,INDEX(Jesper!$R$2:$R$366,ROW(INDEX(Jesper!AH$2:AH$366,ROUNDDOWN($C8316/24,0)+1,1))-1)+IF('Standard Profiles'!$G$18=$B$10,7,0)+IF('Standard Profiles'!$G$18=$B$17,14,0)+IF('Standard Profiles'!$G$18=$B$24,21,0),MOD($C8316,24)+1)/SUM(INDEX($D$3:$AA$30,INDEX(Jesper!$R$2:$R$366,ROW(INDEX(Jesper!AH$2:AH$366,ROUNDDOWN($C8316/24,0)+1,1))-1)+IF('Standard Profiles'!$G$18=$B$10,7,0)+IF('Standard Profiles'!$G$18=$B$17,14,0)+IF('Standard Profiles'!$G$18=$B$24,21,0),0)),0)</f>
        <v>8.5407446505262214</v>
      </c>
      <c r="E8316" cm="1">
        <f t="array" ref="E8316">IFERROR(INDEX(Jesper!AI$2:AI$366,ROUNDDOWN($C8316/24,0)+1,1)*INDEX($D$3:$AA$30,INDEX(Jesper!$R$2:$R$366,ROW(INDEX(Jesper!AI$2:AI$366,ROUNDDOWN($C8316/24,0)+1,1))-1)+IF('Standard Profiles'!$G$19=$B$10,7,0)+IF('Standard Profiles'!$G$19=$B$17,14,0)+IF('Standard Profiles'!$G$19=$B$24,21,0),MOD($C8316,24)+1)/SUM(INDEX($D$3:$AA$30,INDEX(Jesper!$R$2:$R$366,ROW(INDEX(Jesper!AI$2:AI$366,ROUNDDOWN($C8316/24,0)+1,1))-1)+IF('Standard Profiles'!$G$19=$B$10,7,0)+IF('Standard Profiles'!$G$19=$B$17,14,0)+IF('Standard Profiles'!$G$19=$B$24,21,0),0)),0)</f>
        <v>0</v>
      </c>
      <c r="F8316" cm="1">
        <f t="array" ref="F8316">IFERROR(INDEX(Jesper!AJ$2:AJ$366,ROUNDDOWN($C8316/24,0)+1,1)*INDEX($D$3:$AA$30,INDEX(Jesper!$R$2:$R$366,ROW(INDEX(Jesper!AJ$2:AJ$366,ROUNDDOWN($C8316/24,0)+1,1))-1)+IF('Standard Profiles'!$G$20=$B$10,7,0)+IF('Standard Profiles'!$G$20=$B$17,14,0)+IF('Standard Profiles'!$G$20=$B$24,21,0),MOD($C8316,24)+1)/SUM(INDEX($D$3:$AA$30,INDEX(Jesper!$R$2:$R$366,ROW(INDEX(Jesper!AJ$2:AJ$366,ROUNDDOWN($C8316/24,0)+1,1))-1)+IF('Standard Profiles'!$G$20=$B$10,7,0)+IF('Standard Profiles'!$G$20=$B$17,14,0)+IF('Standard Profiles'!$G$20=$B$24,21,0),0)),0)</f>
        <v>0</v>
      </c>
      <c r="G8316" cm="1">
        <f t="array" ref="G8316">IFERROR(INDEX(Jesper!AK$2:AK$366,ROUNDDOWN($C8316/24,0)+1,1)*INDEX($D$3:$AA$30,INDEX(Jesper!$R$2:$R$366,ROW(INDEX(Jesper!AK$2:AK$366,ROUNDDOWN($C8316/24,0)+1,1))-1)+IF('Standard Profiles'!$G$21=$B$10,7,0)+IF('Standard Profiles'!$G$21=$B$17,14,0)+IF('Standard Profiles'!$G$21=$B$24,21,0),MOD($C8316,24)+1)/SUM(INDEX($D$3:$AA$30,INDEX(Jesper!$R$2:$R$366,ROW(INDEX(Jesper!AK$2:AK$366,ROUNDDOWN($C8316/24,0)+1,1))-1)+IF('Standard Profiles'!$G$21=$B$10,7,0)+IF('Standard Profiles'!$G$21=$B$17,14,0)+IF('Standard Profiles'!$G$21=$B$24,21,0),0)),0)</f>
        <v>0</v>
      </c>
      <c r="H8316" cm="1">
        <f t="array" ref="H8316">IFERROR(INDEX(Jesper!AL$2:AL$366,ROUNDDOWN($C8316/24,0)+1,1)*INDEX($D$3:$AA$30,INDEX(Jesper!$R$2:$R$366,ROW(INDEX(Jesper!AL$2:AL$366,ROUNDDOWN($C8316/24,0)+1,1))-1)+IF('Standard Profiles'!$G$22=$B$10,7,0)+IF('Standard Profiles'!$G$22=$B$17,14,0)+IF('Standard Profiles'!$G$22=$B$24,21,0),MOD($C8316,24)+1)/SUM(INDEX($D$3:$AA$30,INDEX(Jesper!$R$2:$R$366,ROW(INDEX(Jesper!AL$2:AL$366,ROUNDDOWN($C8316/24,0)+1,1))-1)+IF('Standard Profiles'!$G$22=$B$10,7,0)+IF('Standard Profiles'!$G$22=$B$17,14,0)+IF('Standard Profiles'!$G$22=$B$24,21,0),0)),0)</f>
        <v>0</v>
      </c>
      <c r="I8316">
        <f t="shared" si="923"/>
        <v>0.25622233951578666</v>
      </c>
      <c r="J8316">
        <f t="shared" si="924"/>
        <v>0.85407446505262219</v>
      </c>
      <c r="K8316">
        <f t="shared" si="925"/>
        <v>1.2811116975789332</v>
      </c>
      <c r="L8316">
        <f t="shared" si="926"/>
        <v>6.1493361483788789</v>
      </c>
      <c r="M8316">
        <f t="shared" si="927"/>
        <v>0</v>
      </c>
      <c r="N8316" s="46">
        <f t="shared" si="928"/>
        <v>45637.083333313247</v>
      </c>
    </row>
    <row r="8317" spans="2:14" x14ac:dyDescent="0.3">
      <c r="B8317">
        <f t="shared" si="922"/>
        <v>3</v>
      </c>
      <c r="C8317" s="16">
        <v>8283</v>
      </c>
      <c r="D8317" cm="1">
        <f t="array" ref="D8317">IFERROR(INDEX(Jesper!AH$2:AH$366,ROUNDDOWN($C8317/24,0)+1,1)*INDEX($D$3:$AA$30,INDEX(Jesper!$R$2:$R$366,ROW(INDEX(Jesper!AH$2:AH$366,ROUNDDOWN($C8317/24,0)+1,1))-1)+IF('Standard Profiles'!$G$18=$B$10,7,0)+IF('Standard Profiles'!$G$18=$B$17,14,0)+IF('Standard Profiles'!$G$18=$B$24,21,0),MOD($C8317,24)+1)/SUM(INDEX($D$3:$AA$30,INDEX(Jesper!$R$2:$R$366,ROW(INDEX(Jesper!AH$2:AH$366,ROUNDDOWN($C8317/24,0)+1,1))-1)+IF('Standard Profiles'!$G$18=$B$10,7,0)+IF('Standard Profiles'!$G$18=$B$17,14,0)+IF('Standard Profiles'!$G$18=$B$24,21,0),0)),0)</f>
        <v>8.5407446505262214</v>
      </c>
      <c r="E8317" cm="1">
        <f t="array" ref="E8317">IFERROR(INDEX(Jesper!AI$2:AI$366,ROUNDDOWN($C8317/24,0)+1,1)*INDEX($D$3:$AA$30,INDEX(Jesper!$R$2:$R$366,ROW(INDEX(Jesper!AI$2:AI$366,ROUNDDOWN($C8317/24,0)+1,1))-1)+IF('Standard Profiles'!$G$19=$B$10,7,0)+IF('Standard Profiles'!$G$19=$B$17,14,0)+IF('Standard Profiles'!$G$19=$B$24,21,0),MOD($C8317,24)+1)/SUM(INDEX($D$3:$AA$30,INDEX(Jesper!$R$2:$R$366,ROW(INDEX(Jesper!AI$2:AI$366,ROUNDDOWN($C8317/24,0)+1,1))-1)+IF('Standard Profiles'!$G$19=$B$10,7,0)+IF('Standard Profiles'!$G$19=$B$17,14,0)+IF('Standard Profiles'!$G$19=$B$24,21,0),0)),0)</f>
        <v>0</v>
      </c>
      <c r="F8317" cm="1">
        <f t="array" ref="F8317">IFERROR(INDEX(Jesper!AJ$2:AJ$366,ROUNDDOWN($C8317/24,0)+1,1)*INDEX($D$3:$AA$30,INDEX(Jesper!$R$2:$R$366,ROW(INDEX(Jesper!AJ$2:AJ$366,ROUNDDOWN($C8317/24,0)+1,1))-1)+IF('Standard Profiles'!$G$20=$B$10,7,0)+IF('Standard Profiles'!$G$20=$B$17,14,0)+IF('Standard Profiles'!$G$20=$B$24,21,0),MOD($C8317,24)+1)/SUM(INDEX($D$3:$AA$30,INDEX(Jesper!$R$2:$R$366,ROW(INDEX(Jesper!AJ$2:AJ$366,ROUNDDOWN($C8317/24,0)+1,1))-1)+IF('Standard Profiles'!$G$20=$B$10,7,0)+IF('Standard Profiles'!$G$20=$B$17,14,0)+IF('Standard Profiles'!$G$20=$B$24,21,0),0)),0)</f>
        <v>0</v>
      </c>
      <c r="G8317" cm="1">
        <f t="array" ref="G8317">IFERROR(INDEX(Jesper!AK$2:AK$366,ROUNDDOWN($C8317/24,0)+1,1)*INDEX($D$3:$AA$30,INDEX(Jesper!$R$2:$R$366,ROW(INDEX(Jesper!AK$2:AK$366,ROUNDDOWN($C8317/24,0)+1,1))-1)+IF('Standard Profiles'!$G$21=$B$10,7,0)+IF('Standard Profiles'!$G$21=$B$17,14,0)+IF('Standard Profiles'!$G$21=$B$24,21,0),MOD($C8317,24)+1)/SUM(INDEX($D$3:$AA$30,INDEX(Jesper!$R$2:$R$366,ROW(INDEX(Jesper!AK$2:AK$366,ROUNDDOWN($C8317/24,0)+1,1))-1)+IF('Standard Profiles'!$G$21=$B$10,7,0)+IF('Standard Profiles'!$G$21=$B$17,14,0)+IF('Standard Profiles'!$G$21=$B$24,21,0),0)),0)</f>
        <v>0</v>
      </c>
      <c r="H8317" cm="1">
        <f t="array" ref="H8317">IFERROR(INDEX(Jesper!AL$2:AL$366,ROUNDDOWN($C8317/24,0)+1,1)*INDEX($D$3:$AA$30,INDEX(Jesper!$R$2:$R$366,ROW(INDEX(Jesper!AL$2:AL$366,ROUNDDOWN($C8317/24,0)+1,1))-1)+IF('Standard Profiles'!$G$22=$B$10,7,0)+IF('Standard Profiles'!$G$22=$B$17,14,0)+IF('Standard Profiles'!$G$22=$B$24,21,0),MOD($C8317,24)+1)/SUM(INDEX($D$3:$AA$30,INDEX(Jesper!$R$2:$R$366,ROW(INDEX(Jesper!AL$2:AL$366,ROUNDDOWN($C8317/24,0)+1,1))-1)+IF('Standard Profiles'!$G$22=$B$10,7,0)+IF('Standard Profiles'!$G$22=$B$17,14,0)+IF('Standard Profiles'!$G$22=$B$24,21,0),0)),0)</f>
        <v>0</v>
      </c>
      <c r="I8317">
        <f t="shared" si="923"/>
        <v>0.25622233951578666</v>
      </c>
      <c r="J8317">
        <f t="shared" si="924"/>
        <v>0.85407446505262219</v>
      </c>
      <c r="K8317">
        <f t="shared" si="925"/>
        <v>1.2811116975789332</v>
      </c>
      <c r="L8317">
        <f t="shared" si="926"/>
        <v>6.1493361483788789</v>
      </c>
      <c r="M8317">
        <f t="shared" si="927"/>
        <v>0</v>
      </c>
      <c r="N8317" s="46">
        <f t="shared" si="928"/>
        <v>45637.124999979911</v>
      </c>
    </row>
    <row r="8318" spans="2:14" x14ac:dyDescent="0.3">
      <c r="B8318">
        <f t="shared" si="922"/>
        <v>3</v>
      </c>
      <c r="C8318" s="16">
        <v>8284</v>
      </c>
      <c r="D8318" cm="1">
        <f t="array" ref="D8318">IFERROR(INDEX(Jesper!AH$2:AH$366,ROUNDDOWN($C8318/24,0)+1,1)*INDEX($D$3:$AA$30,INDEX(Jesper!$R$2:$R$366,ROW(INDEX(Jesper!AH$2:AH$366,ROUNDDOWN($C8318/24,0)+1,1))-1)+IF('Standard Profiles'!$G$18=$B$10,7,0)+IF('Standard Profiles'!$G$18=$B$17,14,0)+IF('Standard Profiles'!$G$18=$B$24,21,0),MOD($C8318,24)+1)/SUM(INDEX($D$3:$AA$30,INDEX(Jesper!$R$2:$R$366,ROW(INDEX(Jesper!AH$2:AH$366,ROUNDDOWN($C8318/24,0)+1,1))-1)+IF('Standard Profiles'!$G$18=$B$10,7,0)+IF('Standard Profiles'!$G$18=$B$17,14,0)+IF('Standard Profiles'!$G$18=$B$24,21,0),0)),0)</f>
        <v>8.5407446505262214</v>
      </c>
      <c r="E8318" cm="1">
        <f t="array" ref="E8318">IFERROR(INDEX(Jesper!AI$2:AI$366,ROUNDDOWN($C8318/24,0)+1,1)*INDEX($D$3:$AA$30,INDEX(Jesper!$R$2:$R$366,ROW(INDEX(Jesper!AI$2:AI$366,ROUNDDOWN($C8318/24,0)+1,1))-1)+IF('Standard Profiles'!$G$19=$B$10,7,0)+IF('Standard Profiles'!$G$19=$B$17,14,0)+IF('Standard Profiles'!$G$19=$B$24,21,0),MOD($C8318,24)+1)/SUM(INDEX($D$3:$AA$30,INDEX(Jesper!$R$2:$R$366,ROW(INDEX(Jesper!AI$2:AI$366,ROUNDDOWN($C8318/24,0)+1,1))-1)+IF('Standard Profiles'!$G$19=$B$10,7,0)+IF('Standard Profiles'!$G$19=$B$17,14,0)+IF('Standard Profiles'!$G$19=$B$24,21,0),0)),0)</f>
        <v>0</v>
      </c>
      <c r="F8318" cm="1">
        <f t="array" ref="F8318">IFERROR(INDEX(Jesper!AJ$2:AJ$366,ROUNDDOWN($C8318/24,0)+1,1)*INDEX($D$3:$AA$30,INDEX(Jesper!$R$2:$R$366,ROW(INDEX(Jesper!AJ$2:AJ$366,ROUNDDOWN($C8318/24,0)+1,1))-1)+IF('Standard Profiles'!$G$20=$B$10,7,0)+IF('Standard Profiles'!$G$20=$B$17,14,0)+IF('Standard Profiles'!$G$20=$B$24,21,0),MOD($C8318,24)+1)/SUM(INDEX($D$3:$AA$30,INDEX(Jesper!$R$2:$R$366,ROW(INDEX(Jesper!AJ$2:AJ$366,ROUNDDOWN($C8318/24,0)+1,1))-1)+IF('Standard Profiles'!$G$20=$B$10,7,0)+IF('Standard Profiles'!$G$20=$B$17,14,0)+IF('Standard Profiles'!$G$20=$B$24,21,0),0)),0)</f>
        <v>0</v>
      </c>
      <c r="G8318" cm="1">
        <f t="array" ref="G8318">IFERROR(INDEX(Jesper!AK$2:AK$366,ROUNDDOWN($C8318/24,0)+1,1)*INDEX($D$3:$AA$30,INDEX(Jesper!$R$2:$R$366,ROW(INDEX(Jesper!AK$2:AK$366,ROUNDDOWN($C8318/24,0)+1,1))-1)+IF('Standard Profiles'!$G$21=$B$10,7,0)+IF('Standard Profiles'!$G$21=$B$17,14,0)+IF('Standard Profiles'!$G$21=$B$24,21,0),MOD($C8318,24)+1)/SUM(INDEX($D$3:$AA$30,INDEX(Jesper!$R$2:$R$366,ROW(INDEX(Jesper!AK$2:AK$366,ROUNDDOWN($C8318/24,0)+1,1))-1)+IF('Standard Profiles'!$G$21=$B$10,7,0)+IF('Standard Profiles'!$G$21=$B$17,14,0)+IF('Standard Profiles'!$G$21=$B$24,21,0),0)),0)</f>
        <v>0</v>
      </c>
      <c r="H8318" cm="1">
        <f t="array" ref="H8318">IFERROR(INDEX(Jesper!AL$2:AL$366,ROUNDDOWN($C8318/24,0)+1,1)*INDEX($D$3:$AA$30,INDEX(Jesper!$R$2:$R$366,ROW(INDEX(Jesper!AL$2:AL$366,ROUNDDOWN($C8318/24,0)+1,1))-1)+IF('Standard Profiles'!$G$22=$B$10,7,0)+IF('Standard Profiles'!$G$22=$B$17,14,0)+IF('Standard Profiles'!$G$22=$B$24,21,0),MOD($C8318,24)+1)/SUM(INDEX($D$3:$AA$30,INDEX(Jesper!$R$2:$R$366,ROW(INDEX(Jesper!AL$2:AL$366,ROUNDDOWN($C8318/24,0)+1,1))-1)+IF('Standard Profiles'!$G$22=$B$10,7,0)+IF('Standard Profiles'!$G$22=$B$17,14,0)+IF('Standard Profiles'!$G$22=$B$24,21,0),0)),0)</f>
        <v>0</v>
      </c>
      <c r="I8318">
        <f t="shared" si="923"/>
        <v>0.25622233951578666</v>
      </c>
      <c r="J8318">
        <f t="shared" si="924"/>
        <v>0.85407446505262219</v>
      </c>
      <c r="K8318">
        <f t="shared" si="925"/>
        <v>1.2811116975789332</v>
      </c>
      <c r="L8318">
        <f t="shared" si="926"/>
        <v>6.1493361483788789</v>
      </c>
      <c r="M8318">
        <f t="shared" si="927"/>
        <v>0</v>
      </c>
      <c r="N8318" s="46">
        <f t="shared" si="928"/>
        <v>45637.166666646575</v>
      </c>
    </row>
    <row r="8319" spans="2:14" x14ac:dyDescent="0.3">
      <c r="B8319">
        <f t="shared" si="922"/>
        <v>3</v>
      </c>
      <c r="C8319" s="16">
        <v>8285</v>
      </c>
      <c r="D8319" cm="1">
        <f t="array" ref="D8319">IFERROR(INDEX(Jesper!AH$2:AH$366,ROUNDDOWN($C8319/24,0)+1,1)*INDEX($D$3:$AA$30,INDEX(Jesper!$R$2:$R$366,ROW(INDEX(Jesper!AH$2:AH$366,ROUNDDOWN($C8319/24,0)+1,1))-1)+IF('Standard Profiles'!$G$18=$B$10,7,0)+IF('Standard Profiles'!$G$18=$B$17,14,0)+IF('Standard Profiles'!$G$18=$B$24,21,0),MOD($C8319,24)+1)/SUM(INDEX($D$3:$AA$30,INDEX(Jesper!$R$2:$R$366,ROW(INDEX(Jesper!AH$2:AH$366,ROUNDDOWN($C8319/24,0)+1,1))-1)+IF('Standard Profiles'!$G$18=$B$10,7,0)+IF('Standard Profiles'!$G$18=$B$17,14,0)+IF('Standard Profiles'!$G$18=$B$24,21,0),0)),0)</f>
        <v>11.008070882900462</v>
      </c>
      <c r="E8319" cm="1">
        <f t="array" ref="E8319">IFERROR(INDEX(Jesper!AI$2:AI$366,ROUNDDOWN($C8319/24,0)+1,1)*INDEX($D$3:$AA$30,INDEX(Jesper!$R$2:$R$366,ROW(INDEX(Jesper!AI$2:AI$366,ROUNDDOWN($C8319/24,0)+1,1))-1)+IF('Standard Profiles'!$G$19=$B$10,7,0)+IF('Standard Profiles'!$G$19=$B$17,14,0)+IF('Standard Profiles'!$G$19=$B$24,21,0),MOD($C8319,24)+1)/SUM(INDEX($D$3:$AA$30,INDEX(Jesper!$R$2:$R$366,ROW(INDEX(Jesper!AI$2:AI$366,ROUNDDOWN($C8319/24,0)+1,1))-1)+IF('Standard Profiles'!$G$19=$B$10,7,0)+IF('Standard Profiles'!$G$19=$B$17,14,0)+IF('Standard Profiles'!$G$19=$B$24,21,0),0)),0)</f>
        <v>0</v>
      </c>
      <c r="F8319" cm="1">
        <f t="array" ref="F8319">IFERROR(INDEX(Jesper!AJ$2:AJ$366,ROUNDDOWN($C8319/24,0)+1,1)*INDEX($D$3:$AA$30,INDEX(Jesper!$R$2:$R$366,ROW(INDEX(Jesper!AJ$2:AJ$366,ROUNDDOWN($C8319/24,0)+1,1))-1)+IF('Standard Profiles'!$G$20=$B$10,7,0)+IF('Standard Profiles'!$G$20=$B$17,14,0)+IF('Standard Profiles'!$G$20=$B$24,21,0),MOD($C8319,24)+1)/SUM(INDEX($D$3:$AA$30,INDEX(Jesper!$R$2:$R$366,ROW(INDEX(Jesper!AJ$2:AJ$366,ROUNDDOWN($C8319/24,0)+1,1))-1)+IF('Standard Profiles'!$G$20=$B$10,7,0)+IF('Standard Profiles'!$G$20=$B$17,14,0)+IF('Standard Profiles'!$G$20=$B$24,21,0),0)),0)</f>
        <v>0</v>
      </c>
      <c r="G8319" cm="1">
        <f t="array" ref="G8319">IFERROR(INDEX(Jesper!AK$2:AK$366,ROUNDDOWN($C8319/24,0)+1,1)*INDEX($D$3:$AA$30,INDEX(Jesper!$R$2:$R$366,ROW(INDEX(Jesper!AK$2:AK$366,ROUNDDOWN($C8319/24,0)+1,1))-1)+IF('Standard Profiles'!$G$21=$B$10,7,0)+IF('Standard Profiles'!$G$21=$B$17,14,0)+IF('Standard Profiles'!$G$21=$B$24,21,0),MOD($C8319,24)+1)/SUM(INDEX($D$3:$AA$30,INDEX(Jesper!$R$2:$R$366,ROW(INDEX(Jesper!AK$2:AK$366,ROUNDDOWN($C8319/24,0)+1,1))-1)+IF('Standard Profiles'!$G$21=$B$10,7,0)+IF('Standard Profiles'!$G$21=$B$17,14,0)+IF('Standard Profiles'!$G$21=$B$24,21,0),0)),0)</f>
        <v>0</v>
      </c>
      <c r="H8319" cm="1">
        <f t="array" ref="H8319">IFERROR(INDEX(Jesper!AL$2:AL$366,ROUNDDOWN($C8319/24,0)+1,1)*INDEX($D$3:$AA$30,INDEX(Jesper!$R$2:$R$366,ROW(INDEX(Jesper!AL$2:AL$366,ROUNDDOWN($C8319/24,0)+1,1))-1)+IF('Standard Profiles'!$G$22=$B$10,7,0)+IF('Standard Profiles'!$G$22=$B$17,14,0)+IF('Standard Profiles'!$G$22=$B$24,21,0),MOD($C8319,24)+1)/SUM(INDEX($D$3:$AA$30,INDEX(Jesper!$R$2:$R$366,ROW(INDEX(Jesper!AL$2:AL$366,ROUNDDOWN($C8319/24,0)+1,1))-1)+IF('Standard Profiles'!$G$22=$B$10,7,0)+IF('Standard Profiles'!$G$22=$B$17,14,0)+IF('Standard Profiles'!$G$22=$B$24,21,0),0)),0)</f>
        <v>0</v>
      </c>
      <c r="I8319">
        <f t="shared" si="923"/>
        <v>0.33024212648701384</v>
      </c>
      <c r="J8319">
        <f t="shared" si="924"/>
        <v>1.1008070882900463</v>
      </c>
      <c r="K8319">
        <f t="shared" si="925"/>
        <v>1.6512106324350693</v>
      </c>
      <c r="L8319">
        <f t="shared" si="926"/>
        <v>7.9258110356883327</v>
      </c>
      <c r="M8319">
        <f t="shared" si="927"/>
        <v>0</v>
      </c>
      <c r="N8319" s="46">
        <f t="shared" si="928"/>
        <v>45637.20833331324</v>
      </c>
    </row>
    <row r="8320" spans="2:14" x14ac:dyDescent="0.3">
      <c r="B8320">
        <f t="shared" si="922"/>
        <v>3</v>
      </c>
      <c r="C8320" s="16">
        <v>8286</v>
      </c>
      <c r="D8320" cm="1">
        <f t="array" ref="D8320">IFERROR(INDEX(Jesper!AH$2:AH$366,ROUNDDOWN($C8320/24,0)+1,1)*INDEX($D$3:$AA$30,INDEX(Jesper!$R$2:$R$366,ROW(INDEX(Jesper!AH$2:AH$366,ROUNDDOWN($C8320/24,0)+1,1))-1)+IF('Standard Profiles'!$G$18=$B$10,7,0)+IF('Standard Profiles'!$G$18=$B$17,14,0)+IF('Standard Profiles'!$G$18=$B$24,21,0),MOD($C8320,24)+1)/SUM(INDEX($D$3:$AA$30,INDEX(Jesper!$R$2:$R$366,ROW(INDEX(Jesper!AH$2:AH$366,ROUNDDOWN($C8320/24,0)+1,1))-1)+IF('Standard Profiles'!$G$18=$B$10,7,0)+IF('Standard Profiles'!$G$18=$B$17,14,0)+IF('Standard Profiles'!$G$18=$B$24,21,0),0)),0)</f>
        <v>12.716219813005708</v>
      </c>
      <c r="E8320" cm="1">
        <f t="array" ref="E8320">IFERROR(INDEX(Jesper!AI$2:AI$366,ROUNDDOWN($C8320/24,0)+1,1)*INDEX($D$3:$AA$30,INDEX(Jesper!$R$2:$R$366,ROW(INDEX(Jesper!AI$2:AI$366,ROUNDDOWN($C8320/24,0)+1,1))-1)+IF('Standard Profiles'!$G$19=$B$10,7,0)+IF('Standard Profiles'!$G$19=$B$17,14,0)+IF('Standard Profiles'!$G$19=$B$24,21,0),MOD($C8320,24)+1)/SUM(INDEX($D$3:$AA$30,INDEX(Jesper!$R$2:$R$366,ROW(INDEX(Jesper!AI$2:AI$366,ROUNDDOWN($C8320/24,0)+1,1))-1)+IF('Standard Profiles'!$G$19=$B$10,7,0)+IF('Standard Profiles'!$G$19=$B$17,14,0)+IF('Standard Profiles'!$G$19=$B$24,21,0),0)),0)</f>
        <v>0</v>
      </c>
      <c r="F8320" cm="1">
        <f t="array" ref="F8320">IFERROR(INDEX(Jesper!AJ$2:AJ$366,ROUNDDOWN($C8320/24,0)+1,1)*INDEX($D$3:$AA$30,INDEX(Jesper!$R$2:$R$366,ROW(INDEX(Jesper!AJ$2:AJ$366,ROUNDDOWN($C8320/24,0)+1,1))-1)+IF('Standard Profiles'!$G$20=$B$10,7,0)+IF('Standard Profiles'!$G$20=$B$17,14,0)+IF('Standard Profiles'!$G$20=$B$24,21,0),MOD($C8320,24)+1)/SUM(INDEX($D$3:$AA$30,INDEX(Jesper!$R$2:$R$366,ROW(INDEX(Jesper!AJ$2:AJ$366,ROUNDDOWN($C8320/24,0)+1,1))-1)+IF('Standard Profiles'!$G$20=$B$10,7,0)+IF('Standard Profiles'!$G$20=$B$17,14,0)+IF('Standard Profiles'!$G$20=$B$24,21,0),0)),0)</f>
        <v>0</v>
      </c>
      <c r="G8320" cm="1">
        <f t="array" ref="G8320">IFERROR(INDEX(Jesper!AK$2:AK$366,ROUNDDOWN($C8320/24,0)+1,1)*INDEX($D$3:$AA$30,INDEX(Jesper!$R$2:$R$366,ROW(INDEX(Jesper!AK$2:AK$366,ROUNDDOWN($C8320/24,0)+1,1))-1)+IF('Standard Profiles'!$G$21=$B$10,7,0)+IF('Standard Profiles'!$G$21=$B$17,14,0)+IF('Standard Profiles'!$G$21=$B$24,21,0),MOD($C8320,24)+1)/SUM(INDEX($D$3:$AA$30,INDEX(Jesper!$R$2:$R$366,ROW(INDEX(Jesper!AK$2:AK$366,ROUNDDOWN($C8320/24,0)+1,1))-1)+IF('Standard Profiles'!$G$21=$B$10,7,0)+IF('Standard Profiles'!$G$21=$B$17,14,0)+IF('Standard Profiles'!$G$21=$B$24,21,0),0)),0)</f>
        <v>0</v>
      </c>
      <c r="H8320" cm="1">
        <f t="array" ref="H8320">IFERROR(INDEX(Jesper!AL$2:AL$366,ROUNDDOWN($C8320/24,0)+1,1)*INDEX($D$3:$AA$30,INDEX(Jesper!$R$2:$R$366,ROW(INDEX(Jesper!AL$2:AL$366,ROUNDDOWN($C8320/24,0)+1,1))-1)+IF('Standard Profiles'!$G$22=$B$10,7,0)+IF('Standard Profiles'!$G$22=$B$17,14,0)+IF('Standard Profiles'!$G$22=$B$24,21,0),MOD($C8320,24)+1)/SUM(INDEX($D$3:$AA$30,INDEX(Jesper!$R$2:$R$366,ROW(INDEX(Jesper!AL$2:AL$366,ROUNDDOWN($C8320/24,0)+1,1))-1)+IF('Standard Profiles'!$G$22=$B$10,7,0)+IF('Standard Profiles'!$G$22=$B$17,14,0)+IF('Standard Profiles'!$G$22=$B$24,21,0),0)),0)</f>
        <v>0</v>
      </c>
      <c r="I8320">
        <f t="shared" si="923"/>
        <v>0.38148659439017124</v>
      </c>
      <c r="J8320">
        <f t="shared" si="924"/>
        <v>1.2716219813005709</v>
      </c>
      <c r="K8320">
        <f t="shared" si="925"/>
        <v>1.907432971950856</v>
      </c>
      <c r="L8320">
        <f t="shared" si="926"/>
        <v>9.1556782653641093</v>
      </c>
      <c r="M8320">
        <f t="shared" si="927"/>
        <v>0</v>
      </c>
      <c r="N8320" s="46">
        <f t="shared" si="928"/>
        <v>45637.249999979904</v>
      </c>
    </row>
    <row r="8321" spans="2:14" x14ac:dyDescent="0.3">
      <c r="B8321">
        <f t="shared" si="922"/>
        <v>3</v>
      </c>
      <c r="C8321" s="16">
        <v>8287</v>
      </c>
      <c r="D8321" cm="1">
        <f t="array" ref="D8321">IFERROR(INDEX(Jesper!AH$2:AH$366,ROUNDDOWN($C8321/24,0)+1,1)*INDEX($D$3:$AA$30,INDEX(Jesper!$R$2:$R$366,ROW(INDEX(Jesper!AH$2:AH$366,ROUNDDOWN($C8321/24,0)+1,1))-1)+IF('Standard Profiles'!$G$18=$B$10,7,0)+IF('Standard Profiles'!$G$18=$B$17,14,0)+IF('Standard Profiles'!$G$18=$B$24,21,0),MOD($C8321,24)+1)/SUM(INDEX($D$3:$AA$30,INDEX(Jesper!$R$2:$R$366,ROW(INDEX(Jesper!AH$2:AH$366,ROUNDDOWN($C8321/24,0)+1,1))-1)+IF('Standard Profiles'!$G$18=$B$10,7,0)+IF('Standard Profiles'!$G$18=$B$17,14,0)+IF('Standard Profiles'!$G$18=$B$24,21,0),0)),0)</f>
        <v>12.716219813005708</v>
      </c>
      <c r="E8321" cm="1">
        <f t="array" ref="E8321">IFERROR(INDEX(Jesper!AI$2:AI$366,ROUNDDOWN($C8321/24,0)+1,1)*INDEX($D$3:$AA$30,INDEX(Jesper!$R$2:$R$366,ROW(INDEX(Jesper!AI$2:AI$366,ROUNDDOWN($C8321/24,0)+1,1))-1)+IF('Standard Profiles'!$G$19=$B$10,7,0)+IF('Standard Profiles'!$G$19=$B$17,14,0)+IF('Standard Profiles'!$G$19=$B$24,21,0),MOD($C8321,24)+1)/SUM(INDEX($D$3:$AA$30,INDEX(Jesper!$R$2:$R$366,ROW(INDEX(Jesper!AI$2:AI$366,ROUNDDOWN($C8321/24,0)+1,1))-1)+IF('Standard Profiles'!$G$19=$B$10,7,0)+IF('Standard Profiles'!$G$19=$B$17,14,0)+IF('Standard Profiles'!$G$19=$B$24,21,0),0)),0)</f>
        <v>0</v>
      </c>
      <c r="F8321" cm="1">
        <f t="array" ref="F8321">IFERROR(INDEX(Jesper!AJ$2:AJ$366,ROUNDDOWN($C8321/24,0)+1,1)*INDEX($D$3:$AA$30,INDEX(Jesper!$R$2:$R$366,ROW(INDEX(Jesper!AJ$2:AJ$366,ROUNDDOWN($C8321/24,0)+1,1))-1)+IF('Standard Profiles'!$G$20=$B$10,7,0)+IF('Standard Profiles'!$G$20=$B$17,14,0)+IF('Standard Profiles'!$G$20=$B$24,21,0),MOD($C8321,24)+1)/SUM(INDEX($D$3:$AA$30,INDEX(Jesper!$R$2:$R$366,ROW(INDEX(Jesper!AJ$2:AJ$366,ROUNDDOWN($C8321/24,0)+1,1))-1)+IF('Standard Profiles'!$G$20=$B$10,7,0)+IF('Standard Profiles'!$G$20=$B$17,14,0)+IF('Standard Profiles'!$G$20=$B$24,21,0),0)),0)</f>
        <v>0</v>
      </c>
      <c r="G8321" cm="1">
        <f t="array" ref="G8321">IFERROR(INDEX(Jesper!AK$2:AK$366,ROUNDDOWN($C8321/24,0)+1,1)*INDEX($D$3:$AA$30,INDEX(Jesper!$R$2:$R$366,ROW(INDEX(Jesper!AK$2:AK$366,ROUNDDOWN($C8321/24,0)+1,1))-1)+IF('Standard Profiles'!$G$21=$B$10,7,0)+IF('Standard Profiles'!$G$21=$B$17,14,0)+IF('Standard Profiles'!$G$21=$B$24,21,0),MOD($C8321,24)+1)/SUM(INDEX($D$3:$AA$30,INDEX(Jesper!$R$2:$R$366,ROW(INDEX(Jesper!AK$2:AK$366,ROUNDDOWN($C8321/24,0)+1,1))-1)+IF('Standard Profiles'!$G$21=$B$10,7,0)+IF('Standard Profiles'!$G$21=$B$17,14,0)+IF('Standard Profiles'!$G$21=$B$24,21,0),0)),0)</f>
        <v>0</v>
      </c>
      <c r="H8321" cm="1">
        <f t="array" ref="H8321">IFERROR(INDEX(Jesper!AL$2:AL$366,ROUNDDOWN($C8321/24,0)+1,1)*INDEX($D$3:$AA$30,INDEX(Jesper!$R$2:$R$366,ROW(INDEX(Jesper!AL$2:AL$366,ROUNDDOWN($C8321/24,0)+1,1))-1)+IF('Standard Profiles'!$G$22=$B$10,7,0)+IF('Standard Profiles'!$G$22=$B$17,14,0)+IF('Standard Profiles'!$G$22=$B$24,21,0),MOD($C8321,24)+1)/SUM(INDEX($D$3:$AA$30,INDEX(Jesper!$R$2:$R$366,ROW(INDEX(Jesper!AL$2:AL$366,ROUNDDOWN($C8321/24,0)+1,1))-1)+IF('Standard Profiles'!$G$22=$B$10,7,0)+IF('Standard Profiles'!$G$22=$B$17,14,0)+IF('Standard Profiles'!$G$22=$B$24,21,0),0)),0)</f>
        <v>0</v>
      </c>
      <c r="I8321">
        <f t="shared" si="923"/>
        <v>0.38148659439017124</v>
      </c>
      <c r="J8321">
        <f t="shared" si="924"/>
        <v>1.2716219813005709</v>
      </c>
      <c r="K8321">
        <f t="shared" si="925"/>
        <v>1.907432971950856</v>
      </c>
      <c r="L8321">
        <f t="shared" si="926"/>
        <v>9.1556782653641093</v>
      </c>
      <c r="M8321">
        <f t="shared" si="927"/>
        <v>0</v>
      </c>
      <c r="N8321" s="46">
        <f t="shared" si="928"/>
        <v>45637.291666646568</v>
      </c>
    </row>
    <row r="8322" spans="2:14" x14ac:dyDescent="0.3">
      <c r="B8322">
        <f t="shared" si="922"/>
        <v>3</v>
      </c>
      <c r="C8322" s="16">
        <v>8288</v>
      </c>
      <c r="D8322" cm="1">
        <f t="array" ref="D8322">IFERROR(INDEX(Jesper!AH$2:AH$366,ROUNDDOWN($C8322/24,0)+1,1)*INDEX($D$3:$AA$30,INDEX(Jesper!$R$2:$R$366,ROW(INDEX(Jesper!AH$2:AH$366,ROUNDDOWN($C8322/24,0)+1,1))-1)+IF('Standard Profiles'!$G$18=$B$10,7,0)+IF('Standard Profiles'!$G$18=$B$17,14,0)+IF('Standard Profiles'!$G$18=$B$24,21,0),MOD($C8322,24)+1)/SUM(INDEX($D$3:$AA$30,INDEX(Jesper!$R$2:$R$366,ROW(INDEX(Jesper!AH$2:AH$366,ROUNDDOWN($C8322/24,0)+1,1))-1)+IF('Standard Profiles'!$G$18=$B$10,7,0)+IF('Standard Profiles'!$G$18=$B$17,14,0)+IF('Standard Profiles'!$G$18=$B$24,21,0),0)),0)</f>
        <v>12.716219813005708</v>
      </c>
      <c r="E8322" cm="1">
        <f t="array" ref="E8322">IFERROR(INDEX(Jesper!AI$2:AI$366,ROUNDDOWN($C8322/24,0)+1,1)*INDEX($D$3:$AA$30,INDEX(Jesper!$R$2:$R$366,ROW(INDEX(Jesper!AI$2:AI$366,ROUNDDOWN($C8322/24,0)+1,1))-1)+IF('Standard Profiles'!$G$19=$B$10,7,0)+IF('Standard Profiles'!$G$19=$B$17,14,0)+IF('Standard Profiles'!$G$19=$B$24,21,0),MOD($C8322,24)+1)/SUM(INDEX($D$3:$AA$30,INDEX(Jesper!$R$2:$R$366,ROW(INDEX(Jesper!AI$2:AI$366,ROUNDDOWN($C8322/24,0)+1,1))-1)+IF('Standard Profiles'!$G$19=$B$10,7,0)+IF('Standard Profiles'!$G$19=$B$17,14,0)+IF('Standard Profiles'!$G$19=$B$24,21,0),0)),0)</f>
        <v>0</v>
      </c>
      <c r="F8322" cm="1">
        <f t="array" ref="F8322">IFERROR(INDEX(Jesper!AJ$2:AJ$366,ROUNDDOWN($C8322/24,0)+1,1)*INDEX($D$3:$AA$30,INDEX(Jesper!$R$2:$R$366,ROW(INDEX(Jesper!AJ$2:AJ$366,ROUNDDOWN($C8322/24,0)+1,1))-1)+IF('Standard Profiles'!$G$20=$B$10,7,0)+IF('Standard Profiles'!$G$20=$B$17,14,0)+IF('Standard Profiles'!$G$20=$B$24,21,0),MOD($C8322,24)+1)/SUM(INDEX($D$3:$AA$30,INDEX(Jesper!$R$2:$R$366,ROW(INDEX(Jesper!AJ$2:AJ$366,ROUNDDOWN($C8322/24,0)+1,1))-1)+IF('Standard Profiles'!$G$20=$B$10,7,0)+IF('Standard Profiles'!$G$20=$B$17,14,0)+IF('Standard Profiles'!$G$20=$B$24,21,0),0)),0)</f>
        <v>0</v>
      </c>
      <c r="G8322" cm="1">
        <f t="array" ref="G8322">IFERROR(INDEX(Jesper!AK$2:AK$366,ROUNDDOWN($C8322/24,0)+1,1)*INDEX($D$3:$AA$30,INDEX(Jesper!$R$2:$R$366,ROW(INDEX(Jesper!AK$2:AK$366,ROUNDDOWN($C8322/24,0)+1,1))-1)+IF('Standard Profiles'!$G$21=$B$10,7,0)+IF('Standard Profiles'!$G$21=$B$17,14,0)+IF('Standard Profiles'!$G$21=$B$24,21,0),MOD($C8322,24)+1)/SUM(INDEX($D$3:$AA$30,INDEX(Jesper!$R$2:$R$366,ROW(INDEX(Jesper!AK$2:AK$366,ROUNDDOWN($C8322/24,0)+1,1))-1)+IF('Standard Profiles'!$G$21=$B$10,7,0)+IF('Standard Profiles'!$G$21=$B$17,14,0)+IF('Standard Profiles'!$G$21=$B$24,21,0),0)),0)</f>
        <v>0</v>
      </c>
      <c r="H8322" cm="1">
        <f t="array" ref="H8322">IFERROR(INDEX(Jesper!AL$2:AL$366,ROUNDDOWN($C8322/24,0)+1,1)*INDEX($D$3:$AA$30,INDEX(Jesper!$R$2:$R$366,ROW(INDEX(Jesper!AL$2:AL$366,ROUNDDOWN($C8322/24,0)+1,1))-1)+IF('Standard Profiles'!$G$22=$B$10,7,0)+IF('Standard Profiles'!$G$22=$B$17,14,0)+IF('Standard Profiles'!$G$22=$B$24,21,0),MOD($C8322,24)+1)/SUM(INDEX($D$3:$AA$30,INDEX(Jesper!$R$2:$R$366,ROW(INDEX(Jesper!AL$2:AL$366,ROUNDDOWN($C8322/24,0)+1,1))-1)+IF('Standard Profiles'!$G$22=$B$10,7,0)+IF('Standard Profiles'!$G$22=$B$17,14,0)+IF('Standard Profiles'!$G$22=$B$24,21,0),0)),0)</f>
        <v>0</v>
      </c>
      <c r="I8322">
        <f t="shared" si="923"/>
        <v>0.38148659439017124</v>
      </c>
      <c r="J8322">
        <f t="shared" si="924"/>
        <v>1.2716219813005709</v>
      </c>
      <c r="K8322">
        <f t="shared" si="925"/>
        <v>1.907432971950856</v>
      </c>
      <c r="L8322">
        <f t="shared" si="926"/>
        <v>9.1556782653641093</v>
      </c>
      <c r="M8322">
        <f t="shared" si="927"/>
        <v>0</v>
      </c>
      <c r="N8322" s="46">
        <f t="shared" si="928"/>
        <v>45637.333333313232</v>
      </c>
    </row>
    <row r="8323" spans="2:14" x14ac:dyDescent="0.3">
      <c r="B8323">
        <f t="shared" si="922"/>
        <v>3</v>
      </c>
      <c r="C8323" s="16">
        <v>8289</v>
      </c>
      <c r="D8323" cm="1">
        <f t="array" ref="D8323">IFERROR(INDEX(Jesper!AH$2:AH$366,ROUNDDOWN($C8323/24,0)+1,1)*INDEX($D$3:$AA$30,INDEX(Jesper!$R$2:$R$366,ROW(INDEX(Jesper!AH$2:AH$366,ROUNDDOWN($C8323/24,0)+1,1))-1)+IF('Standard Profiles'!$G$18=$B$10,7,0)+IF('Standard Profiles'!$G$18=$B$17,14,0)+IF('Standard Profiles'!$G$18=$B$24,21,0),MOD($C8323,24)+1)/SUM(INDEX($D$3:$AA$30,INDEX(Jesper!$R$2:$R$366,ROW(INDEX(Jesper!AH$2:AH$366,ROUNDDOWN($C8323/24,0)+1,1))-1)+IF('Standard Profiles'!$G$18=$B$10,7,0)+IF('Standard Profiles'!$G$18=$B$17,14,0)+IF('Standard Profiles'!$G$18=$B$24,21,0),0)),0)</f>
        <v>13.665191440841953</v>
      </c>
      <c r="E8323" cm="1">
        <f t="array" ref="E8323">IFERROR(INDEX(Jesper!AI$2:AI$366,ROUNDDOWN($C8323/24,0)+1,1)*INDEX($D$3:$AA$30,INDEX(Jesper!$R$2:$R$366,ROW(INDEX(Jesper!AI$2:AI$366,ROUNDDOWN($C8323/24,0)+1,1))-1)+IF('Standard Profiles'!$G$19=$B$10,7,0)+IF('Standard Profiles'!$G$19=$B$17,14,0)+IF('Standard Profiles'!$G$19=$B$24,21,0),MOD($C8323,24)+1)/SUM(INDEX($D$3:$AA$30,INDEX(Jesper!$R$2:$R$366,ROW(INDEX(Jesper!AI$2:AI$366,ROUNDDOWN($C8323/24,0)+1,1))-1)+IF('Standard Profiles'!$G$19=$B$10,7,0)+IF('Standard Profiles'!$G$19=$B$17,14,0)+IF('Standard Profiles'!$G$19=$B$24,21,0),0)),0)</f>
        <v>0</v>
      </c>
      <c r="F8323" cm="1">
        <f t="array" ref="F8323">IFERROR(INDEX(Jesper!AJ$2:AJ$366,ROUNDDOWN($C8323/24,0)+1,1)*INDEX($D$3:$AA$30,INDEX(Jesper!$R$2:$R$366,ROW(INDEX(Jesper!AJ$2:AJ$366,ROUNDDOWN($C8323/24,0)+1,1))-1)+IF('Standard Profiles'!$G$20=$B$10,7,0)+IF('Standard Profiles'!$G$20=$B$17,14,0)+IF('Standard Profiles'!$G$20=$B$24,21,0),MOD($C8323,24)+1)/SUM(INDEX($D$3:$AA$30,INDEX(Jesper!$R$2:$R$366,ROW(INDEX(Jesper!AJ$2:AJ$366,ROUNDDOWN($C8323/24,0)+1,1))-1)+IF('Standard Profiles'!$G$20=$B$10,7,0)+IF('Standard Profiles'!$G$20=$B$17,14,0)+IF('Standard Profiles'!$G$20=$B$24,21,0),0)),0)</f>
        <v>0</v>
      </c>
      <c r="G8323" cm="1">
        <f t="array" ref="G8323">IFERROR(INDEX(Jesper!AK$2:AK$366,ROUNDDOWN($C8323/24,0)+1,1)*INDEX($D$3:$AA$30,INDEX(Jesper!$R$2:$R$366,ROW(INDEX(Jesper!AK$2:AK$366,ROUNDDOWN($C8323/24,0)+1,1))-1)+IF('Standard Profiles'!$G$21=$B$10,7,0)+IF('Standard Profiles'!$G$21=$B$17,14,0)+IF('Standard Profiles'!$G$21=$B$24,21,0),MOD($C8323,24)+1)/SUM(INDEX($D$3:$AA$30,INDEX(Jesper!$R$2:$R$366,ROW(INDEX(Jesper!AK$2:AK$366,ROUNDDOWN($C8323/24,0)+1,1))-1)+IF('Standard Profiles'!$G$21=$B$10,7,0)+IF('Standard Profiles'!$G$21=$B$17,14,0)+IF('Standard Profiles'!$G$21=$B$24,21,0),0)),0)</f>
        <v>0</v>
      </c>
      <c r="H8323" cm="1">
        <f t="array" ref="H8323">IFERROR(INDEX(Jesper!AL$2:AL$366,ROUNDDOWN($C8323/24,0)+1,1)*INDEX($D$3:$AA$30,INDEX(Jesper!$R$2:$R$366,ROW(INDEX(Jesper!AL$2:AL$366,ROUNDDOWN($C8323/24,0)+1,1))-1)+IF('Standard Profiles'!$G$22=$B$10,7,0)+IF('Standard Profiles'!$G$22=$B$17,14,0)+IF('Standard Profiles'!$G$22=$B$24,21,0),MOD($C8323,24)+1)/SUM(INDEX($D$3:$AA$30,INDEX(Jesper!$R$2:$R$366,ROW(INDEX(Jesper!AL$2:AL$366,ROUNDDOWN($C8323/24,0)+1,1))-1)+IF('Standard Profiles'!$G$22=$B$10,7,0)+IF('Standard Profiles'!$G$22=$B$17,14,0)+IF('Standard Profiles'!$G$22=$B$24,21,0),0)),0)</f>
        <v>0</v>
      </c>
      <c r="I8323">
        <f t="shared" si="923"/>
        <v>0.40995574322525857</v>
      </c>
      <c r="J8323">
        <f t="shared" si="924"/>
        <v>1.3665191440841955</v>
      </c>
      <c r="K8323">
        <f t="shared" si="925"/>
        <v>2.0497787161262928</v>
      </c>
      <c r="L8323">
        <f t="shared" si="926"/>
        <v>9.8389378374062062</v>
      </c>
      <c r="M8323">
        <f t="shared" si="927"/>
        <v>0</v>
      </c>
      <c r="N8323" s="46">
        <f t="shared" si="928"/>
        <v>45637.374999979897</v>
      </c>
    </row>
    <row r="8324" spans="2:14" x14ac:dyDescent="0.3">
      <c r="B8324">
        <f t="shared" si="922"/>
        <v>3</v>
      </c>
      <c r="C8324" s="16">
        <v>8290</v>
      </c>
      <c r="D8324" cm="1">
        <f t="array" ref="D8324">IFERROR(INDEX(Jesper!AH$2:AH$366,ROUNDDOWN($C8324/24,0)+1,1)*INDEX($D$3:$AA$30,INDEX(Jesper!$R$2:$R$366,ROW(INDEX(Jesper!AH$2:AH$366,ROUNDDOWN($C8324/24,0)+1,1))-1)+IF('Standard Profiles'!$G$18=$B$10,7,0)+IF('Standard Profiles'!$G$18=$B$17,14,0)+IF('Standard Profiles'!$G$18=$B$24,21,0),MOD($C8324,24)+1)/SUM(INDEX($D$3:$AA$30,INDEX(Jesper!$R$2:$R$366,ROW(INDEX(Jesper!AH$2:AH$366,ROUNDDOWN($C8324/24,0)+1,1))-1)+IF('Standard Profiles'!$G$18=$B$10,7,0)+IF('Standard Profiles'!$G$18=$B$17,14,0)+IF('Standard Profiles'!$G$18=$B$24,21,0),0)),0)</f>
        <v>14.803957394245449</v>
      </c>
      <c r="E8324" cm="1">
        <f t="array" ref="E8324">IFERROR(INDEX(Jesper!AI$2:AI$366,ROUNDDOWN($C8324/24,0)+1,1)*INDEX($D$3:$AA$30,INDEX(Jesper!$R$2:$R$366,ROW(INDEX(Jesper!AI$2:AI$366,ROUNDDOWN($C8324/24,0)+1,1))-1)+IF('Standard Profiles'!$G$19=$B$10,7,0)+IF('Standard Profiles'!$G$19=$B$17,14,0)+IF('Standard Profiles'!$G$19=$B$24,21,0),MOD($C8324,24)+1)/SUM(INDEX($D$3:$AA$30,INDEX(Jesper!$R$2:$R$366,ROW(INDEX(Jesper!AI$2:AI$366,ROUNDDOWN($C8324/24,0)+1,1))-1)+IF('Standard Profiles'!$G$19=$B$10,7,0)+IF('Standard Profiles'!$G$19=$B$17,14,0)+IF('Standard Profiles'!$G$19=$B$24,21,0),0)),0)</f>
        <v>0</v>
      </c>
      <c r="F8324" cm="1">
        <f t="array" ref="F8324">IFERROR(INDEX(Jesper!AJ$2:AJ$366,ROUNDDOWN($C8324/24,0)+1,1)*INDEX($D$3:$AA$30,INDEX(Jesper!$R$2:$R$366,ROW(INDEX(Jesper!AJ$2:AJ$366,ROUNDDOWN($C8324/24,0)+1,1))-1)+IF('Standard Profiles'!$G$20=$B$10,7,0)+IF('Standard Profiles'!$G$20=$B$17,14,0)+IF('Standard Profiles'!$G$20=$B$24,21,0),MOD($C8324,24)+1)/SUM(INDEX($D$3:$AA$30,INDEX(Jesper!$R$2:$R$366,ROW(INDEX(Jesper!AJ$2:AJ$366,ROUNDDOWN($C8324/24,0)+1,1))-1)+IF('Standard Profiles'!$G$20=$B$10,7,0)+IF('Standard Profiles'!$G$20=$B$17,14,0)+IF('Standard Profiles'!$G$20=$B$24,21,0),0)),0)</f>
        <v>0</v>
      </c>
      <c r="G8324" cm="1">
        <f t="array" ref="G8324">IFERROR(INDEX(Jesper!AK$2:AK$366,ROUNDDOWN($C8324/24,0)+1,1)*INDEX($D$3:$AA$30,INDEX(Jesper!$R$2:$R$366,ROW(INDEX(Jesper!AK$2:AK$366,ROUNDDOWN($C8324/24,0)+1,1))-1)+IF('Standard Profiles'!$G$21=$B$10,7,0)+IF('Standard Profiles'!$G$21=$B$17,14,0)+IF('Standard Profiles'!$G$21=$B$24,21,0),MOD($C8324,24)+1)/SUM(INDEX($D$3:$AA$30,INDEX(Jesper!$R$2:$R$366,ROW(INDEX(Jesper!AK$2:AK$366,ROUNDDOWN($C8324/24,0)+1,1))-1)+IF('Standard Profiles'!$G$21=$B$10,7,0)+IF('Standard Profiles'!$G$21=$B$17,14,0)+IF('Standard Profiles'!$G$21=$B$24,21,0),0)),0)</f>
        <v>0</v>
      </c>
      <c r="H8324" cm="1">
        <f t="array" ref="H8324">IFERROR(INDEX(Jesper!AL$2:AL$366,ROUNDDOWN($C8324/24,0)+1,1)*INDEX($D$3:$AA$30,INDEX(Jesper!$R$2:$R$366,ROW(INDEX(Jesper!AL$2:AL$366,ROUNDDOWN($C8324/24,0)+1,1))-1)+IF('Standard Profiles'!$G$22=$B$10,7,0)+IF('Standard Profiles'!$G$22=$B$17,14,0)+IF('Standard Profiles'!$G$22=$B$24,21,0),MOD($C8324,24)+1)/SUM(INDEX($D$3:$AA$30,INDEX(Jesper!$R$2:$R$366,ROW(INDEX(Jesper!AL$2:AL$366,ROUNDDOWN($C8324/24,0)+1,1))-1)+IF('Standard Profiles'!$G$22=$B$10,7,0)+IF('Standard Profiles'!$G$22=$B$17,14,0)+IF('Standard Profiles'!$G$22=$B$24,21,0),0)),0)</f>
        <v>0</v>
      </c>
      <c r="I8324">
        <f t="shared" si="923"/>
        <v>0.44411872182736345</v>
      </c>
      <c r="J8324">
        <f t="shared" si="924"/>
        <v>1.4803957394245451</v>
      </c>
      <c r="K8324">
        <f t="shared" si="925"/>
        <v>2.2205936091368175</v>
      </c>
      <c r="L8324">
        <f t="shared" si="926"/>
        <v>10.658849323856723</v>
      </c>
      <c r="M8324">
        <f t="shared" si="927"/>
        <v>0</v>
      </c>
      <c r="N8324" s="46">
        <f t="shared" si="928"/>
        <v>45637.416666646561</v>
      </c>
    </row>
    <row r="8325" spans="2:14" x14ac:dyDescent="0.3">
      <c r="B8325">
        <f t="shared" si="922"/>
        <v>3</v>
      </c>
      <c r="C8325" s="16">
        <v>8291</v>
      </c>
      <c r="D8325" cm="1">
        <f t="array" ref="D8325">IFERROR(INDEX(Jesper!AH$2:AH$366,ROUNDDOWN($C8325/24,0)+1,1)*INDEX($D$3:$AA$30,INDEX(Jesper!$R$2:$R$366,ROW(INDEX(Jesper!AH$2:AH$366,ROUNDDOWN($C8325/24,0)+1,1))-1)+IF('Standard Profiles'!$G$18=$B$10,7,0)+IF('Standard Profiles'!$G$18=$B$17,14,0)+IF('Standard Profiles'!$G$18=$B$24,21,0),MOD($C8325,24)+1)/SUM(INDEX($D$3:$AA$30,INDEX(Jesper!$R$2:$R$366,ROW(INDEX(Jesper!AH$2:AH$366,ROUNDDOWN($C8325/24,0)+1,1))-1)+IF('Standard Profiles'!$G$18=$B$10,7,0)+IF('Standard Profiles'!$G$18=$B$17,14,0)+IF('Standard Profiles'!$G$18=$B$24,21,0),0)),0)</f>
        <v>17.081489301052443</v>
      </c>
      <c r="E8325" cm="1">
        <f t="array" ref="E8325">IFERROR(INDEX(Jesper!AI$2:AI$366,ROUNDDOWN($C8325/24,0)+1,1)*INDEX($D$3:$AA$30,INDEX(Jesper!$R$2:$R$366,ROW(INDEX(Jesper!AI$2:AI$366,ROUNDDOWN($C8325/24,0)+1,1))-1)+IF('Standard Profiles'!$G$19=$B$10,7,0)+IF('Standard Profiles'!$G$19=$B$17,14,0)+IF('Standard Profiles'!$G$19=$B$24,21,0),MOD($C8325,24)+1)/SUM(INDEX($D$3:$AA$30,INDEX(Jesper!$R$2:$R$366,ROW(INDEX(Jesper!AI$2:AI$366,ROUNDDOWN($C8325/24,0)+1,1))-1)+IF('Standard Profiles'!$G$19=$B$10,7,0)+IF('Standard Profiles'!$G$19=$B$17,14,0)+IF('Standard Profiles'!$G$19=$B$24,21,0),0)),0)</f>
        <v>0</v>
      </c>
      <c r="F8325" cm="1">
        <f t="array" ref="F8325">IFERROR(INDEX(Jesper!AJ$2:AJ$366,ROUNDDOWN($C8325/24,0)+1,1)*INDEX($D$3:$AA$30,INDEX(Jesper!$R$2:$R$366,ROW(INDEX(Jesper!AJ$2:AJ$366,ROUNDDOWN($C8325/24,0)+1,1))-1)+IF('Standard Profiles'!$G$20=$B$10,7,0)+IF('Standard Profiles'!$G$20=$B$17,14,0)+IF('Standard Profiles'!$G$20=$B$24,21,0),MOD($C8325,24)+1)/SUM(INDEX($D$3:$AA$30,INDEX(Jesper!$R$2:$R$366,ROW(INDEX(Jesper!AJ$2:AJ$366,ROUNDDOWN($C8325/24,0)+1,1))-1)+IF('Standard Profiles'!$G$20=$B$10,7,0)+IF('Standard Profiles'!$G$20=$B$17,14,0)+IF('Standard Profiles'!$G$20=$B$24,21,0),0)),0)</f>
        <v>0</v>
      </c>
      <c r="G8325" cm="1">
        <f t="array" ref="G8325">IFERROR(INDEX(Jesper!AK$2:AK$366,ROUNDDOWN($C8325/24,0)+1,1)*INDEX($D$3:$AA$30,INDEX(Jesper!$R$2:$R$366,ROW(INDEX(Jesper!AK$2:AK$366,ROUNDDOWN($C8325/24,0)+1,1))-1)+IF('Standard Profiles'!$G$21=$B$10,7,0)+IF('Standard Profiles'!$G$21=$B$17,14,0)+IF('Standard Profiles'!$G$21=$B$24,21,0),MOD($C8325,24)+1)/SUM(INDEX($D$3:$AA$30,INDEX(Jesper!$R$2:$R$366,ROW(INDEX(Jesper!AK$2:AK$366,ROUNDDOWN($C8325/24,0)+1,1))-1)+IF('Standard Profiles'!$G$21=$B$10,7,0)+IF('Standard Profiles'!$G$21=$B$17,14,0)+IF('Standard Profiles'!$G$21=$B$24,21,0),0)),0)</f>
        <v>0</v>
      </c>
      <c r="H8325" cm="1">
        <f t="array" ref="H8325">IFERROR(INDEX(Jesper!AL$2:AL$366,ROUNDDOWN($C8325/24,0)+1,1)*INDEX($D$3:$AA$30,INDEX(Jesper!$R$2:$R$366,ROW(INDEX(Jesper!AL$2:AL$366,ROUNDDOWN($C8325/24,0)+1,1))-1)+IF('Standard Profiles'!$G$22=$B$10,7,0)+IF('Standard Profiles'!$G$22=$B$17,14,0)+IF('Standard Profiles'!$G$22=$B$24,21,0),MOD($C8325,24)+1)/SUM(INDEX($D$3:$AA$30,INDEX(Jesper!$R$2:$R$366,ROW(INDEX(Jesper!AL$2:AL$366,ROUNDDOWN($C8325/24,0)+1,1))-1)+IF('Standard Profiles'!$G$22=$B$10,7,0)+IF('Standard Profiles'!$G$22=$B$17,14,0)+IF('Standard Profiles'!$G$22=$B$24,21,0),0)),0)</f>
        <v>0</v>
      </c>
      <c r="I8325">
        <f t="shared" si="923"/>
        <v>0.51244467903157331</v>
      </c>
      <c r="J8325">
        <f t="shared" si="924"/>
        <v>1.7081489301052444</v>
      </c>
      <c r="K8325">
        <f t="shared" si="925"/>
        <v>2.5622233951578663</v>
      </c>
      <c r="L8325">
        <f t="shared" si="926"/>
        <v>12.298672296757758</v>
      </c>
      <c r="M8325">
        <f t="shared" si="927"/>
        <v>0</v>
      </c>
      <c r="N8325" s="46">
        <f t="shared" si="928"/>
        <v>45637.458333313225</v>
      </c>
    </row>
    <row r="8326" spans="2:14" x14ac:dyDescent="0.3">
      <c r="B8326">
        <f t="shared" si="922"/>
        <v>3</v>
      </c>
      <c r="C8326" s="16">
        <v>8292</v>
      </c>
      <c r="D8326" cm="1">
        <f t="array" ref="D8326">IFERROR(INDEX(Jesper!AH$2:AH$366,ROUNDDOWN($C8326/24,0)+1,1)*INDEX($D$3:$AA$30,INDEX(Jesper!$R$2:$R$366,ROW(INDEX(Jesper!AH$2:AH$366,ROUNDDOWN($C8326/24,0)+1,1))-1)+IF('Standard Profiles'!$G$18=$B$10,7,0)+IF('Standard Profiles'!$G$18=$B$17,14,0)+IF('Standard Profiles'!$G$18=$B$24,21,0),MOD($C8326,24)+1)/SUM(INDEX($D$3:$AA$30,INDEX(Jesper!$R$2:$R$366,ROW(INDEX(Jesper!AH$2:AH$366,ROUNDDOWN($C8326/24,0)+1,1))-1)+IF('Standard Profiles'!$G$18=$B$10,7,0)+IF('Standard Profiles'!$G$18=$B$17,14,0)+IF('Standard Profiles'!$G$18=$B$24,21,0),0)),0)</f>
        <v>17.081489301052443</v>
      </c>
      <c r="E8326" cm="1">
        <f t="array" ref="E8326">IFERROR(INDEX(Jesper!AI$2:AI$366,ROUNDDOWN($C8326/24,0)+1,1)*INDEX($D$3:$AA$30,INDEX(Jesper!$R$2:$R$366,ROW(INDEX(Jesper!AI$2:AI$366,ROUNDDOWN($C8326/24,0)+1,1))-1)+IF('Standard Profiles'!$G$19=$B$10,7,0)+IF('Standard Profiles'!$G$19=$B$17,14,0)+IF('Standard Profiles'!$G$19=$B$24,21,0),MOD($C8326,24)+1)/SUM(INDEX($D$3:$AA$30,INDEX(Jesper!$R$2:$R$366,ROW(INDEX(Jesper!AI$2:AI$366,ROUNDDOWN($C8326/24,0)+1,1))-1)+IF('Standard Profiles'!$G$19=$B$10,7,0)+IF('Standard Profiles'!$G$19=$B$17,14,0)+IF('Standard Profiles'!$G$19=$B$24,21,0),0)),0)</f>
        <v>0</v>
      </c>
      <c r="F8326" cm="1">
        <f t="array" ref="F8326">IFERROR(INDEX(Jesper!AJ$2:AJ$366,ROUNDDOWN($C8326/24,0)+1,1)*INDEX($D$3:$AA$30,INDEX(Jesper!$R$2:$R$366,ROW(INDEX(Jesper!AJ$2:AJ$366,ROUNDDOWN($C8326/24,0)+1,1))-1)+IF('Standard Profiles'!$G$20=$B$10,7,0)+IF('Standard Profiles'!$G$20=$B$17,14,0)+IF('Standard Profiles'!$G$20=$B$24,21,0),MOD($C8326,24)+1)/SUM(INDEX($D$3:$AA$30,INDEX(Jesper!$R$2:$R$366,ROW(INDEX(Jesper!AJ$2:AJ$366,ROUNDDOWN($C8326/24,0)+1,1))-1)+IF('Standard Profiles'!$G$20=$B$10,7,0)+IF('Standard Profiles'!$G$20=$B$17,14,0)+IF('Standard Profiles'!$G$20=$B$24,21,0),0)),0)</f>
        <v>0</v>
      </c>
      <c r="G8326" cm="1">
        <f t="array" ref="G8326">IFERROR(INDEX(Jesper!AK$2:AK$366,ROUNDDOWN($C8326/24,0)+1,1)*INDEX($D$3:$AA$30,INDEX(Jesper!$R$2:$R$366,ROW(INDEX(Jesper!AK$2:AK$366,ROUNDDOWN($C8326/24,0)+1,1))-1)+IF('Standard Profiles'!$G$21=$B$10,7,0)+IF('Standard Profiles'!$G$21=$B$17,14,0)+IF('Standard Profiles'!$G$21=$B$24,21,0),MOD($C8326,24)+1)/SUM(INDEX($D$3:$AA$30,INDEX(Jesper!$R$2:$R$366,ROW(INDEX(Jesper!AK$2:AK$366,ROUNDDOWN($C8326/24,0)+1,1))-1)+IF('Standard Profiles'!$G$21=$B$10,7,0)+IF('Standard Profiles'!$G$21=$B$17,14,0)+IF('Standard Profiles'!$G$21=$B$24,21,0),0)),0)</f>
        <v>0</v>
      </c>
      <c r="H8326" cm="1">
        <f t="array" ref="H8326">IFERROR(INDEX(Jesper!AL$2:AL$366,ROUNDDOWN($C8326/24,0)+1,1)*INDEX($D$3:$AA$30,INDEX(Jesper!$R$2:$R$366,ROW(INDEX(Jesper!AL$2:AL$366,ROUNDDOWN($C8326/24,0)+1,1))-1)+IF('Standard Profiles'!$G$22=$B$10,7,0)+IF('Standard Profiles'!$G$22=$B$17,14,0)+IF('Standard Profiles'!$G$22=$B$24,21,0),MOD($C8326,24)+1)/SUM(INDEX($D$3:$AA$30,INDEX(Jesper!$R$2:$R$366,ROW(INDEX(Jesper!AL$2:AL$366,ROUNDDOWN($C8326/24,0)+1,1))-1)+IF('Standard Profiles'!$G$22=$B$10,7,0)+IF('Standard Profiles'!$G$22=$B$17,14,0)+IF('Standard Profiles'!$G$22=$B$24,21,0),0)),0)</f>
        <v>0</v>
      </c>
      <c r="I8326">
        <f t="shared" si="923"/>
        <v>0.51244467903157331</v>
      </c>
      <c r="J8326">
        <f t="shared" si="924"/>
        <v>1.7081489301052444</v>
      </c>
      <c r="K8326">
        <f t="shared" si="925"/>
        <v>2.5622233951578663</v>
      </c>
      <c r="L8326">
        <f t="shared" si="926"/>
        <v>12.298672296757758</v>
      </c>
      <c r="M8326">
        <f t="shared" si="927"/>
        <v>0</v>
      </c>
      <c r="N8326" s="46">
        <f t="shared" si="928"/>
        <v>45637.499999979889</v>
      </c>
    </row>
    <row r="8327" spans="2:14" x14ac:dyDescent="0.3">
      <c r="B8327">
        <f t="shared" si="922"/>
        <v>3</v>
      </c>
      <c r="C8327" s="16">
        <v>8293</v>
      </c>
      <c r="D8327" cm="1">
        <f t="array" ref="D8327">IFERROR(INDEX(Jesper!AH$2:AH$366,ROUNDDOWN($C8327/24,0)+1,1)*INDEX($D$3:$AA$30,INDEX(Jesper!$R$2:$R$366,ROW(INDEX(Jesper!AH$2:AH$366,ROUNDDOWN($C8327/24,0)+1,1))-1)+IF('Standard Profiles'!$G$18=$B$10,7,0)+IF('Standard Profiles'!$G$18=$B$17,14,0)+IF('Standard Profiles'!$G$18=$B$24,21,0),MOD($C8327,24)+1)/SUM(INDEX($D$3:$AA$30,INDEX(Jesper!$R$2:$R$366,ROW(INDEX(Jesper!AH$2:AH$366,ROUNDDOWN($C8327/24,0)+1,1))-1)+IF('Standard Profiles'!$G$18=$B$10,7,0)+IF('Standard Profiles'!$G$18=$B$17,14,0)+IF('Standard Profiles'!$G$18=$B$24,21,0),0)),0)</f>
        <v>17.081489301052443</v>
      </c>
      <c r="E8327" cm="1">
        <f t="array" ref="E8327">IFERROR(INDEX(Jesper!AI$2:AI$366,ROUNDDOWN($C8327/24,0)+1,1)*INDEX($D$3:$AA$30,INDEX(Jesper!$R$2:$R$366,ROW(INDEX(Jesper!AI$2:AI$366,ROUNDDOWN($C8327/24,0)+1,1))-1)+IF('Standard Profiles'!$G$19=$B$10,7,0)+IF('Standard Profiles'!$G$19=$B$17,14,0)+IF('Standard Profiles'!$G$19=$B$24,21,0),MOD($C8327,24)+1)/SUM(INDEX($D$3:$AA$30,INDEX(Jesper!$R$2:$R$366,ROW(INDEX(Jesper!AI$2:AI$366,ROUNDDOWN($C8327/24,0)+1,1))-1)+IF('Standard Profiles'!$G$19=$B$10,7,0)+IF('Standard Profiles'!$G$19=$B$17,14,0)+IF('Standard Profiles'!$G$19=$B$24,21,0),0)),0)</f>
        <v>0</v>
      </c>
      <c r="F8327" cm="1">
        <f t="array" ref="F8327">IFERROR(INDEX(Jesper!AJ$2:AJ$366,ROUNDDOWN($C8327/24,0)+1,1)*INDEX($D$3:$AA$30,INDEX(Jesper!$R$2:$R$366,ROW(INDEX(Jesper!AJ$2:AJ$366,ROUNDDOWN($C8327/24,0)+1,1))-1)+IF('Standard Profiles'!$G$20=$B$10,7,0)+IF('Standard Profiles'!$G$20=$B$17,14,0)+IF('Standard Profiles'!$G$20=$B$24,21,0),MOD($C8327,24)+1)/SUM(INDEX($D$3:$AA$30,INDEX(Jesper!$R$2:$R$366,ROW(INDEX(Jesper!AJ$2:AJ$366,ROUNDDOWN($C8327/24,0)+1,1))-1)+IF('Standard Profiles'!$G$20=$B$10,7,0)+IF('Standard Profiles'!$G$20=$B$17,14,0)+IF('Standard Profiles'!$G$20=$B$24,21,0),0)),0)</f>
        <v>0</v>
      </c>
      <c r="G8327" cm="1">
        <f t="array" ref="G8327">IFERROR(INDEX(Jesper!AK$2:AK$366,ROUNDDOWN($C8327/24,0)+1,1)*INDEX($D$3:$AA$30,INDEX(Jesper!$R$2:$R$366,ROW(INDEX(Jesper!AK$2:AK$366,ROUNDDOWN($C8327/24,0)+1,1))-1)+IF('Standard Profiles'!$G$21=$B$10,7,0)+IF('Standard Profiles'!$G$21=$B$17,14,0)+IF('Standard Profiles'!$G$21=$B$24,21,0),MOD($C8327,24)+1)/SUM(INDEX($D$3:$AA$30,INDEX(Jesper!$R$2:$R$366,ROW(INDEX(Jesper!AK$2:AK$366,ROUNDDOWN($C8327/24,0)+1,1))-1)+IF('Standard Profiles'!$G$21=$B$10,7,0)+IF('Standard Profiles'!$G$21=$B$17,14,0)+IF('Standard Profiles'!$G$21=$B$24,21,0),0)),0)</f>
        <v>0</v>
      </c>
      <c r="H8327" cm="1">
        <f t="array" ref="H8327">IFERROR(INDEX(Jesper!AL$2:AL$366,ROUNDDOWN($C8327/24,0)+1,1)*INDEX($D$3:$AA$30,INDEX(Jesper!$R$2:$R$366,ROW(INDEX(Jesper!AL$2:AL$366,ROUNDDOWN($C8327/24,0)+1,1))-1)+IF('Standard Profiles'!$G$22=$B$10,7,0)+IF('Standard Profiles'!$G$22=$B$17,14,0)+IF('Standard Profiles'!$G$22=$B$24,21,0),MOD($C8327,24)+1)/SUM(INDEX($D$3:$AA$30,INDEX(Jesper!$R$2:$R$366,ROW(INDEX(Jesper!AL$2:AL$366,ROUNDDOWN($C8327/24,0)+1,1))-1)+IF('Standard Profiles'!$G$22=$B$10,7,0)+IF('Standard Profiles'!$G$22=$B$17,14,0)+IF('Standard Profiles'!$G$22=$B$24,21,0),0)),0)</f>
        <v>0</v>
      </c>
      <c r="I8327">
        <f t="shared" si="923"/>
        <v>0.51244467903157331</v>
      </c>
      <c r="J8327">
        <f t="shared" si="924"/>
        <v>1.7081489301052444</v>
      </c>
      <c r="K8327">
        <f t="shared" si="925"/>
        <v>2.5622233951578663</v>
      </c>
      <c r="L8327">
        <f t="shared" si="926"/>
        <v>12.298672296757758</v>
      </c>
      <c r="M8327">
        <f t="shared" si="927"/>
        <v>0</v>
      </c>
      <c r="N8327" s="46">
        <f t="shared" si="928"/>
        <v>45637.541666646553</v>
      </c>
    </row>
    <row r="8328" spans="2:14" x14ac:dyDescent="0.3">
      <c r="B8328">
        <f t="shared" si="922"/>
        <v>3</v>
      </c>
      <c r="C8328" s="16">
        <v>8294</v>
      </c>
      <c r="D8328" cm="1">
        <f t="array" ref="D8328">IFERROR(INDEX(Jesper!AH$2:AH$366,ROUNDDOWN($C8328/24,0)+1,1)*INDEX($D$3:$AA$30,INDEX(Jesper!$R$2:$R$366,ROW(INDEX(Jesper!AH$2:AH$366,ROUNDDOWN($C8328/24,0)+1,1))-1)+IF('Standard Profiles'!$G$18=$B$10,7,0)+IF('Standard Profiles'!$G$18=$B$17,14,0)+IF('Standard Profiles'!$G$18=$B$24,21,0),MOD($C8328,24)+1)/SUM(INDEX($D$3:$AA$30,INDEX(Jesper!$R$2:$R$366,ROW(INDEX(Jesper!AH$2:AH$366,ROUNDDOWN($C8328/24,0)+1,1))-1)+IF('Standard Profiles'!$G$18=$B$10,7,0)+IF('Standard Profiles'!$G$18=$B$17,14,0)+IF('Standard Profiles'!$G$18=$B$24,21,0),0)),0)</f>
        <v>17.081489301052443</v>
      </c>
      <c r="E8328" cm="1">
        <f t="array" ref="E8328">IFERROR(INDEX(Jesper!AI$2:AI$366,ROUNDDOWN($C8328/24,0)+1,1)*INDEX($D$3:$AA$30,INDEX(Jesper!$R$2:$R$366,ROW(INDEX(Jesper!AI$2:AI$366,ROUNDDOWN($C8328/24,0)+1,1))-1)+IF('Standard Profiles'!$G$19=$B$10,7,0)+IF('Standard Profiles'!$G$19=$B$17,14,0)+IF('Standard Profiles'!$G$19=$B$24,21,0),MOD($C8328,24)+1)/SUM(INDEX($D$3:$AA$30,INDEX(Jesper!$R$2:$R$366,ROW(INDEX(Jesper!AI$2:AI$366,ROUNDDOWN($C8328/24,0)+1,1))-1)+IF('Standard Profiles'!$G$19=$B$10,7,0)+IF('Standard Profiles'!$G$19=$B$17,14,0)+IF('Standard Profiles'!$G$19=$B$24,21,0),0)),0)</f>
        <v>0</v>
      </c>
      <c r="F8328" cm="1">
        <f t="array" ref="F8328">IFERROR(INDEX(Jesper!AJ$2:AJ$366,ROUNDDOWN($C8328/24,0)+1,1)*INDEX($D$3:$AA$30,INDEX(Jesper!$R$2:$R$366,ROW(INDEX(Jesper!AJ$2:AJ$366,ROUNDDOWN($C8328/24,0)+1,1))-1)+IF('Standard Profiles'!$G$20=$B$10,7,0)+IF('Standard Profiles'!$G$20=$B$17,14,0)+IF('Standard Profiles'!$G$20=$B$24,21,0),MOD($C8328,24)+1)/SUM(INDEX($D$3:$AA$30,INDEX(Jesper!$R$2:$R$366,ROW(INDEX(Jesper!AJ$2:AJ$366,ROUNDDOWN($C8328/24,0)+1,1))-1)+IF('Standard Profiles'!$G$20=$B$10,7,0)+IF('Standard Profiles'!$G$20=$B$17,14,0)+IF('Standard Profiles'!$G$20=$B$24,21,0),0)),0)</f>
        <v>0</v>
      </c>
      <c r="G8328" cm="1">
        <f t="array" ref="G8328">IFERROR(INDEX(Jesper!AK$2:AK$366,ROUNDDOWN($C8328/24,0)+1,1)*INDEX($D$3:$AA$30,INDEX(Jesper!$R$2:$R$366,ROW(INDEX(Jesper!AK$2:AK$366,ROUNDDOWN($C8328/24,0)+1,1))-1)+IF('Standard Profiles'!$G$21=$B$10,7,0)+IF('Standard Profiles'!$G$21=$B$17,14,0)+IF('Standard Profiles'!$G$21=$B$24,21,0),MOD($C8328,24)+1)/SUM(INDEX($D$3:$AA$30,INDEX(Jesper!$R$2:$R$366,ROW(INDEX(Jesper!AK$2:AK$366,ROUNDDOWN($C8328/24,0)+1,1))-1)+IF('Standard Profiles'!$G$21=$B$10,7,0)+IF('Standard Profiles'!$G$21=$B$17,14,0)+IF('Standard Profiles'!$G$21=$B$24,21,0),0)),0)</f>
        <v>0</v>
      </c>
      <c r="H8328" cm="1">
        <f t="array" ref="H8328">IFERROR(INDEX(Jesper!AL$2:AL$366,ROUNDDOWN($C8328/24,0)+1,1)*INDEX($D$3:$AA$30,INDEX(Jesper!$R$2:$R$366,ROW(INDEX(Jesper!AL$2:AL$366,ROUNDDOWN($C8328/24,0)+1,1))-1)+IF('Standard Profiles'!$G$22=$B$10,7,0)+IF('Standard Profiles'!$G$22=$B$17,14,0)+IF('Standard Profiles'!$G$22=$B$24,21,0),MOD($C8328,24)+1)/SUM(INDEX($D$3:$AA$30,INDEX(Jesper!$R$2:$R$366,ROW(INDEX(Jesper!AL$2:AL$366,ROUNDDOWN($C8328/24,0)+1,1))-1)+IF('Standard Profiles'!$G$22=$B$10,7,0)+IF('Standard Profiles'!$G$22=$B$17,14,0)+IF('Standard Profiles'!$G$22=$B$24,21,0),0)),0)</f>
        <v>0</v>
      </c>
      <c r="I8328">
        <f t="shared" si="923"/>
        <v>0.51244467903157331</v>
      </c>
      <c r="J8328">
        <f t="shared" si="924"/>
        <v>1.7081489301052444</v>
      </c>
      <c r="K8328">
        <f t="shared" si="925"/>
        <v>2.5622233951578663</v>
      </c>
      <c r="L8328">
        <f t="shared" si="926"/>
        <v>12.298672296757758</v>
      </c>
      <c r="M8328">
        <f t="shared" si="927"/>
        <v>0</v>
      </c>
      <c r="N8328" s="46">
        <f t="shared" si="928"/>
        <v>45637.583333313218</v>
      </c>
    </row>
    <row r="8329" spans="2:14" x14ac:dyDescent="0.3">
      <c r="B8329">
        <f t="shared" si="922"/>
        <v>3</v>
      </c>
      <c r="C8329" s="16">
        <v>8295</v>
      </c>
      <c r="D8329" cm="1">
        <f t="array" ref="D8329">IFERROR(INDEX(Jesper!AH$2:AH$366,ROUNDDOWN($C8329/24,0)+1,1)*INDEX($D$3:$AA$30,INDEX(Jesper!$R$2:$R$366,ROW(INDEX(Jesper!AH$2:AH$366,ROUNDDOWN($C8329/24,0)+1,1))-1)+IF('Standard Profiles'!$G$18=$B$10,7,0)+IF('Standard Profiles'!$G$18=$B$17,14,0)+IF('Standard Profiles'!$G$18=$B$24,21,0),MOD($C8329,24)+1)/SUM(INDEX($D$3:$AA$30,INDEX(Jesper!$R$2:$R$366,ROW(INDEX(Jesper!AH$2:AH$366,ROUNDDOWN($C8329/24,0)+1,1))-1)+IF('Standard Profiles'!$G$18=$B$10,7,0)+IF('Standard Profiles'!$G$18=$B$17,14,0)+IF('Standard Profiles'!$G$18=$B$24,21,0),0)),0)</f>
        <v>17.081489301052443</v>
      </c>
      <c r="E8329" cm="1">
        <f t="array" ref="E8329">IFERROR(INDEX(Jesper!AI$2:AI$366,ROUNDDOWN($C8329/24,0)+1,1)*INDEX($D$3:$AA$30,INDEX(Jesper!$R$2:$R$366,ROW(INDEX(Jesper!AI$2:AI$366,ROUNDDOWN($C8329/24,0)+1,1))-1)+IF('Standard Profiles'!$G$19=$B$10,7,0)+IF('Standard Profiles'!$G$19=$B$17,14,0)+IF('Standard Profiles'!$G$19=$B$24,21,0),MOD($C8329,24)+1)/SUM(INDEX($D$3:$AA$30,INDEX(Jesper!$R$2:$R$366,ROW(INDEX(Jesper!AI$2:AI$366,ROUNDDOWN($C8329/24,0)+1,1))-1)+IF('Standard Profiles'!$G$19=$B$10,7,0)+IF('Standard Profiles'!$G$19=$B$17,14,0)+IF('Standard Profiles'!$G$19=$B$24,21,0),0)),0)</f>
        <v>0</v>
      </c>
      <c r="F8329" cm="1">
        <f t="array" ref="F8329">IFERROR(INDEX(Jesper!AJ$2:AJ$366,ROUNDDOWN($C8329/24,0)+1,1)*INDEX($D$3:$AA$30,INDEX(Jesper!$R$2:$R$366,ROW(INDEX(Jesper!AJ$2:AJ$366,ROUNDDOWN($C8329/24,0)+1,1))-1)+IF('Standard Profiles'!$G$20=$B$10,7,0)+IF('Standard Profiles'!$G$20=$B$17,14,0)+IF('Standard Profiles'!$G$20=$B$24,21,0),MOD($C8329,24)+1)/SUM(INDEX($D$3:$AA$30,INDEX(Jesper!$R$2:$R$366,ROW(INDEX(Jesper!AJ$2:AJ$366,ROUNDDOWN($C8329/24,0)+1,1))-1)+IF('Standard Profiles'!$G$20=$B$10,7,0)+IF('Standard Profiles'!$G$20=$B$17,14,0)+IF('Standard Profiles'!$G$20=$B$24,21,0),0)),0)</f>
        <v>0</v>
      </c>
      <c r="G8329" cm="1">
        <f t="array" ref="G8329">IFERROR(INDEX(Jesper!AK$2:AK$366,ROUNDDOWN($C8329/24,0)+1,1)*INDEX($D$3:$AA$30,INDEX(Jesper!$R$2:$R$366,ROW(INDEX(Jesper!AK$2:AK$366,ROUNDDOWN($C8329/24,0)+1,1))-1)+IF('Standard Profiles'!$G$21=$B$10,7,0)+IF('Standard Profiles'!$G$21=$B$17,14,0)+IF('Standard Profiles'!$G$21=$B$24,21,0),MOD($C8329,24)+1)/SUM(INDEX($D$3:$AA$30,INDEX(Jesper!$R$2:$R$366,ROW(INDEX(Jesper!AK$2:AK$366,ROUNDDOWN($C8329/24,0)+1,1))-1)+IF('Standard Profiles'!$G$21=$B$10,7,0)+IF('Standard Profiles'!$G$21=$B$17,14,0)+IF('Standard Profiles'!$G$21=$B$24,21,0),0)),0)</f>
        <v>0</v>
      </c>
      <c r="H8329" cm="1">
        <f t="array" ref="H8329">IFERROR(INDEX(Jesper!AL$2:AL$366,ROUNDDOWN($C8329/24,0)+1,1)*INDEX($D$3:$AA$30,INDEX(Jesper!$R$2:$R$366,ROW(INDEX(Jesper!AL$2:AL$366,ROUNDDOWN($C8329/24,0)+1,1))-1)+IF('Standard Profiles'!$G$22=$B$10,7,0)+IF('Standard Profiles'!$G$22=$B$17,14,0)+IF('Standard Profiles'!$G$22=$B$24,21,0),MOD($C8329,24)+1)/SUM(INDEX($D$3:$AA$30,INDEX(Jesper!$R$2:$R$366,ROW(INDEX(Jesper!AL$2:AL$366,ROUNDDOWN($C8329/24,0)+1,1))-1)+IF('Standard Profiles'!$G$22=$B$10,7,0)+IF('Standard Profiles'!$G$22=$B$17,14,0)+IF('Standard Profiles'!$G$22=$B$24,21,0),0)),0)</f>
        <v>0</v>
      </c>
      <c r="I8329">
        <f t="shared" si="923"/>
        <v>0.51244467903157331</v>
      </c>
      <c r="J8329">
        <f t="shared" si="924"/>
        <v>1.7081489301052444</v>
      </c>
      <c r="K8329">
        <f t="shared" si="925"/>
        <v>2.5622233951578663</v>
      </c>
      <c r="L8329">
        <f t="shared" si="926"/>
        <v>12.298672296757758</v>
      </c>
      <c r="M8329">
        <f t="shared" si="927"/>
        <v>0</v>
      </c>
      <c r="N8329" s="46">
        <f t="shared" si="928"/>
        <v>45637.624999979882</v>
      </c>
    </row>
    <row r="8330" spans="2:14" x14ac:dyDescent="0.3">
      <c r="B8330">
        <f t="shared" si="922"/>
        <v>3</v>
      </c>
      <c r="C8330" s="16">
        <v>8296</v>
      </c>
      <c r="D8330" cm="1">
        <f t="array" ref="D8330">IFERROR(INDEX(Jesper!AH$2:AH$366,ROUNDDOWN($C8330/24,0)+1,1)*INDEX($D$3:$AA$30,INDEX(Jesper!$R$2:$R$366,ROW(INDEX(Jesper!AH$2:AH$366,ROUNDDOWN($C8330/24,0)+1,1))-1)+IF('Standard Profiles'!$G$18=$B$10,7,0)+IF('Standard Profiles'!$G$18=$B$17,14,0)+IF('Standard Profiles'!$G$18=$B$24,21,0),MOD($C8330,24)+1)/SUM(INDEX($D$3:$AA$30,INDEX(Jesper!$R$2:$R$366,ROW(INDEX(Jesper!AH$2:AH$366,ROUNDDOWN($C8330/24,0)+1,1))-1)+IF('Standard Profiles'!$G$18=$B$10,7,0)+IF('Standard Profiles'!$G$18=$B$17,14,0)+IF('Standard Profiles'!$G$18=$B$24,21,0),0)),0)</f>
        <v>17.081489301052443</v>
      </c>
      <c r="E8330" cm="1">
        <f t="array" ref="E8330">IFERROR(INDEX(Jesper!AI$2:AI$366,ROUNDDOWN($C8330/24,0)+1,1)*INDEX($D$3:$AA$30,INDEX(Jesper!$R$2:$R$366,ROW(INDEX(Jesper!AI$2:AI$366,ROUNDDOWN($C8330/24,0)+1,1))-1)+IF('Standard Profiles'!$G$19=$B$10,7,0)+IF('Standard Profiles'!$G$19=$B$17,14,0)+IF('Standard Profiles'!$G$19=$B$24,21,0),MOD($C8330,24)+1)/SUM(INDEX($D$3:$AA$30,INDEX(Jesper!$R$2:$R$366,ROW(INDEX(Jesper!AI$2:AI$366,ROUNDDOWN($C8330/24,0)+1,1))-1)+IF('Standard Profiles'!$G$19=$B$10,7,0)+IF('Standard Profiles'!$G$19=$B$17,14,0)+IF('Standard Profiles'!$G$19=$B$24,21,0),0)),0)</f>
        <v>0</v>
      </c>
      <c r="F8330" cm="1">
        <f t="array" ref="F8330">IFERROR(INDEX(Jesper!AJ$2:AJ$366,ROUNDDOWN($C8330/24,0)+1,1)*INDEX($D$3:$AA$30,INDEX(Jesper!$R$2:$R$366,ROW(INDEX(Jesper!AJ$2:AJ$366,ROUNDDOWN($C8330/24,0)+1,1))-1)+IF('Standard Profiles'!$G$20=$B$10,7,0)+IF('Standard Profiles'!$G$20=$B$17,14,0)+IF('Standard Profiles'!$G$20=$B$24,21,0),MOD($C8330,24)+1)/SUM(INDEX($D$3:$AA$30,INDEX(Jesper!$R$2:$R$366,ROW(INDEX(Jesper!AJ$2:AJ$366,ROUNDDOWN($C8330/24,0)+1,1))-1)+IF('Standard Profiles'!$G$20=$B$10,7,0)+IF('Standard Profiles'!$G$20=$B$17,14,0)+IF('Standard Profiles'!$G$20=$B$24,21,0),0)),0)</f>
        <v>0</v>
      </c>
      <c r="G8330" cm="1">
        <f t="array" ref="G8330">IFERROR(INDEX(Jesper!AK$2:AK$366,ROUNDDOWN($C8330/24,0)+1,1)*INDEX($D$3:$AA$30,INDEX(Jesper!$R$2:$R$366,ROW(INDEX(Jesper!AK$2:AK$366,ROUNDDOWN($C8330/24,0)+1,1))-1)+IF('Standard Profiles'!$G$21=$B$10,7,0)+IF('Standard Profiles'!$G$21=$B$17,14,0)+IF('Standard Profiles'!$G$21=$B$24,21,0),MOD($C8330,24)+1)/SUM(INDEX($D$3:$AA$30,INDEX(Jesper!$R$2:$R$366,ROW(INDEX(Jesper!AK$2:AK$366,ROUNDDOWN($C8330/24,0)+1,1))-1)+IF('Standard Profiles'!$G$21=$B$10,7,0)+IF('Standard Profiles'!$G$21=$B$17,14,0)+IF('Standard Profiles'!$G$21=$B$24,21,0),0)),0)</f>
        <v>0</v>
      </c>
      <c r="H8330" cm="1">
        <f t="array" ref="H8330">IFERROR(INDEX(Jesper!AL$2:AL$366,ROUNDDOWN($C8330/24,0)+1,1)*INDEX($D$3:$AA$30,INDEX(Jesper!$R$2:$R$366,ROW(INDEX(Jesper!AL$2:AL$366,ROUNDDOWN($C8330/24,0)+1,1))-1)+IF('Standard Profiles'!$G$22=$B$10,7,0)+IF('Standard Profiles'!$G$22=$B$17,14,0)+IF('Standard Profiles'!$G$22=$B$24,21,0),MOD($C8330,24)+1)/SUM(INDEX($D$3:$AA$30,INDEX(Jesper!$R$2:$R$366,ROW(INDEX(Jesper!AL$2:AL$366,ROUNDDOWN($C8330/24,0)+1,1))-1)+IF('Standard Profiles'!$G$22=$B$10,7,0)+IF('Standard Profiles'!$G$22=$B$17,14,0)+IF('Standard Profiles'!$G$22=$B$24,21,0),0)),0)</f>
        <v>0</v>
      </c>
      <c r="I8330">
        <f t="shared" si="923"/>
        <v>0.51244467903157331</v>
      </c>
      <c r="J8330">
        <f t="shared" si="924"/>
        <v>1.7081489301052444</v>
      </c>
      <c r="K8330">
        <f t="shared" si="925"/>
        <v>2.5622233951578663</v>
      </c>
      <c r="L8330">
        <f t="shared" si="926"/>
        <v>12.298672296757758</v>
      </c>
      <c r="M8330">
        <f t="shared" si="927"/>
        <v>0</v>
      </c>
      <c r="N8330" s="46">
        <f t="shared" si="928"/>
        <v>45637.666666646546</v>
      </c>
    </row>
    <row r="8331" spans="2:14" x14ac:dyDescent="0.3">
      <c r="B8331">
        <f t="shared" si="922"/>
        <v>3</v>
      </c>
      <c r="C8331" s="16">
        <v>8297</v>
      </c>
      <c r="D8331" cm="1">
        <f t="array" ref="D8331">IFERROR(INDEX(Jesper!AH$2:AH$366,ROUNDDOWN($C8331/24,0)+1,1)*INDEX($D$3:$AA$30,INDEX(Jesper!$R$2:$R$366,ROW(INDEX(Jesper!AH$2:AH$366,ROUNDDOWN($C8331/24,0)+1,1))-1)+IF('Standard Profiles'!$G$18=$B$10,7,0)+IF('Standard Profiles'!$G$18=$B$17,14,0)+IF('Standard Profiles'!$G$18=$B$24,21,0),MOD($C8331,24)+1)/SUM(INDEX($D$3:$AA$30,INDEX(Jesper!$R$2:$R$366,ROW(INDEX(Jesper!AH$2:AH$366,ROUNDDOWN($C8331/24,0)+1,1))-1)+IF('Standard Profiles'!$G$18=$B$10,7,0)+IF('Standard Profiles'!$G$18=$B$17,14,0)+IF('Standard Profiles'!$G$18=$B$24,21,0),0)),0)</f>
        <v>17.081489301052443</v>
      </c>
      <c r="E8331" cm="1">
        <f t="array" ref="E8331">IFERROR(INDEX(Jesper!AI$2:AI$366,ROUNDDOWN($C8331/24,0)+1,1)*INDEX($D$3:$AA$30,INDEX(Jesper!$R$2:$R$366,ROW(INDEX(Jesper!AI$2:AI$366,ROUNDDOWN($C8331/24,0)+1,1))-1)+IF('Standard Profiles'!$G$19=$B$10,7,0)+IF('Standard Profiles'!$G$19=$B$17,14,0)+IF('Standard Profiles'!$G$19=$B$24,21,0),MOD($C8331,24)+1)/SUM(INDEX($D$3:$AA$30,INDEX(Jesper!$R$2:$R$366,ROW(INDEX(Jesper!AI$2:AI$366,ROUNDDOWN($C8331/24,0)+1,1))-1)+IF('Standard Profiles'!$G$19=$B$10,7,0)+IF('Standard Profiles'!$G$19=$B$17,14,0)+IF('Standard Profiles'!$G$19=$B$24,21,0),0)),0)</f>
        <v>0</v>
      </c>
      <c r="F8331" cm="1">
        <f t="array" ref="F8331">IFERROR(INDEX(Jesper!AJ$2:AJ$366,ROUNDDOWN($C8331/24,0)+1,1)*INDEX($D$3:$AA$30,INDEX(Jesper!$R$2:$R$366,ROW(INDEX(Jesper!AJ$2:AJ$366,ROUNDDOWN($C8331/24,0)+1,1))-1)+IF('Standard Profiles'!$G$20=$B$10,7,0)+IF('Standard Profiles'!$G$20=$B$17,14,0)+IF('Standard Profiles'!$G$20=$B$24,21,0),MOD($C8331,24)+1)/SUM(INDEX($D$3:$AA$30,INDEX(Jesper!$R$2:$R$366,ROW(INDEX(Jesper!AJ$2:AJ$366,ROUNDDOWN($C8331/24,0)+1,1))-1)+IF('Standard Profiles'!$G$20=$B$10,7,0)+IF('Standard Profiles'!$G$20=$B$17,14,0)+IF('Standard Profiles'!$G$20=$B$24,21,0),0)),0)</f>
        <v>0</v>
      </c>
      <c r="G8331" cm="1">
        <f t="array" ref="G8331">IFERROR(INDEX(Jesper!AK$2:AK$366,ROUNDDOWN($C8331/24,0)+1,1)*INDEX($D$3:$AA$30,INDEX(Jesper!$R$2:$R$366,ROW(INDEX(Jesper!AK$2:AK$366,ROUNDDOWN($C8331/24,0)+1,1))-1)+IF('Standard Profiles'!$G$21=$B$10,7,0)+IF('Standard Profiles'!$G$21=$B$17,14,0)+IF('Standard Profiles'!$G$21=$B$24,21,0),MOD($C8331,24)+1)/SUM(INDEX($D$3:$AA$30,INDEX(Jesper!$R$2:$R$366,ROW(INDEX(Jesper!AK$2:AK$366,ROUNDDOWN($C8331/24,0)+1,1))-1)+IF('Standard Profiles'!$G$21=$B$10,7,0)+IF('Standard Profiles'!$G$21=$B$17,14,0)+IF('Standard Profiles'!$G$21=$B$24,21,0),0)),0)</f>
        <v>0</v>
      </c>
      <c r="H8331" cm="1">
        <f t="array" ref="H8331">IFERROR(INDEX(Jesper!AL$2:AL$366,ROUNDDOWN($C8331/24,0)+1,1)*INDEX($D$3:$AA$30,INDEX(Jesper!$R$2:$R$366,ROW(INDEX(Jesper!AL$2:AL$366,ROUNDDOWN($C8331/24,0)+1,1))-1)+IF('Standard Profiles'!$G$22=$B$10,7,0)+IF('Standard Profiles'!$G$22=$B$17,14,0)+IF('Standard Profiles'!$G$22=$B$24,21,0),MOD($C8331,24)+1)/SUM(INDEX($D$3:$AA$30,INDEX(Jesper!$R$2:$R$366,ROW(INDEX(Jesper!AL$2:AL$366,ROUNDDOWN($C8331/24,0)+1,1))-1)+IF('Standard Profiles'!$G$22=$B$10,7,0)+IF('Standard Profiles'!$G$22=$B$17,14,0)+IF('Standard Profiles'!$G$22=$B$24,21,0),0)),0)</f>
        <v>0</v>
      </c>
      <c r="I8331">
        <f t="shared" si="923"/>
        <v>0.51244467903157331</v>
      </c>
      <c r="J8331">
        <f t="shared" si="924"/>
        <v>1.7081489301052444</v>
      </c>
      <c r="K8331">
        <f t="shared" si="925"/>
        <v>2.5622233951578663</v>
      </c>
      <c r="L8331">
        <f t="shared" si="926"/>
        <v>12.298672296757758</v>
      </c>
      <c r="M8331">
        <f t="shared" si="927"/>
        <v>0</v>
      </c>
      <c r="N8331" s="46">
        <f t="shared" si="928"/>
        <v>45637.70833331321</v>
      </c>
    </row>
    <row r="8332" spans="2:14" x14ac:dyDescent="0.3">
      <c r="B8332">
        <f t="shared" si="922"/>
        <v>3</v>
      </c>
      <c r="C8332" s="16">
        <v>8298</v>
      </c>
      <c r="D8332" cm="1">
        <f t="array" ref="D8332">IFERROR(INDEX(Jesper!AH$2:AH$366,ROUNDDOWN($C8332/24,0)+1,1)*INDEX($D$3:$AA$30,INDEX(Jesper!$R$2:$R$366,ROW(INDEX(Jesper!AH$2:AH$366,ROUNDDOWN($C8332/24,0)+1,1))-1)+IF('Standard Profiles'!$G$18=$B$10,7,0)+IF('Standard Profiles'!$G$18=$B$17,14,0)+IF('Standard Profiles'!$G$18=$B$24,21,0),MOD($C8332,24)+1)/SUM(INDEX($D$3:$AA$30,INDEX(Jesper!$R$2:$R$366,ROW(INDEX(Jesper!AH$2:AH$366,ROUNDDOWN($C8332/24,0)+1,1))-1)+IF('Standard Profiles'!$G$18=$B$10,7,0)+IF('Standard Profiles'!$G$18=$B$17,14,0)+IF('Standard Profiles'!$G$18=$B$24,21,0),0)),0)</f>
        <v>17.081489301052443</v>
      </c>
      <c r="E8332" cm="1">
        <f t="array" ref="E8332">IFERROR(INDEX(Jesper!AI$2:AI$366,ROUNDDOWN($C8332/24,0)+1,1)*INDEX($D$3:$AA$30,INDEX(Jesper!$R$2:$R$366,ROW(INDEX(Jesper!AI$2:AI$366,ROUNDDOWN($C8332/24,0)+1,1))-1)+IF('Standard Profiles'!$G$19=$B$10,7,0)+IF('Standard Profiles'!$G$19=$B$17,14,0)+IF('Standard Profiles'!$G$19=$B$24,21,0),MOD($C8332,24)+1)/SUM(INDEX($D$3:$AA$30,INDEX(Jesper!$R$2:$R$366,ROW(INDEX(Jesper!AI$2:AI$366,ROUNDDOWN($C8332/24,0)+1,1))-1)+IF('Standard Profiles'!$G$19=$B$10,7,0)+IF('Standard Profiles'!$G$19=$B$17,14,0)+IF('Standard Profiles'!$G$19=$B$24,21,0),0)),0)</f>
        <v>0</v>
      </c>
      <c r="F8332" cm="1">
        <f t="array" ref="F8332">IFERROR(INDEX(Jesper!AJ$2:AJ$366,ROUNDDOWN($C8332/24,0)+1,1)*INDEX($D$3:$AA$30,INDEX(Jesper!$R$2:$R$366,ROW(INDEX(Jesper!AJ$2:AJ$366,ROUNDDOWN($C8332/24,0)+1,1))-1)+IF('Standard Profiles'!$G$20=$B$10,7,0)+IF('Standard Profiles'!$G$20=$B$17,14,0)+IF('Standard Profiles'!$G$20=$B$24,21,0),MOD($C8332,24)+1)/SUM(INDEX($D$3:$AA$30,INDEX(Jesper!$R$2:$R$366,ROW(INDEX(Jesper!AJ$2:AJ$366,ROUNDDOWN($C8332/24,0)+1,1))-1)+IF('Standard Profiles'!$G$20=$B$10,7,0)+IF('Standard Profiles'!$G$20=$B$17,14,0)+IF('Standard Profiles'!$G$20=$B$24,21,0),0)),0)</f>
        <v>0</v>
      </c>
      <c r="G8332" cm="1">
        <f t="array" ref="G8332">IFERROR(INDEX(Jesper!AK$2:AK$366,ROUNDDOWN($C8332/24,0)+1,1)*INDEX($D$3:$AA$30,INDEX(Jesper!$R$2:$R$366,ROW(INDEX(Jesper!AK$2:AK$366,ROUNDDOWN($C8332/24,0)+1,1))-1)+IF('Standard Profiles'!$G$21=$B$10,7,0)+IF('Standard Profiles'!$G$21=$B$17,14,0)+IF('Standard Profiles'!$G$21=$B$24,21,0),MOD($C8332,24)+1)/SUM(INDEX($D$3:$AA$30,INDEX(Jesper!$R$2:$R$366,ROW(INDEX(Jesper!AK$2:AK$366,ROUNDDOWN($C8332/24,0)+1,1))-1)+IF('Standard Profiles'!$G$21=$B$10,7,0)+IF('Standard Profiles'!$G$21=$B$17,14,0)+IF('Standard Profiles'!$G$21=$B$24,21,0),0)),0)</f>
        <v>0</v>
      </c>
      <c r="H8332" cm="1">
        <f t="array" ref="H8332">IFERROR(INDEX(Jesper!AL$2:AL$366,ROUNDDOWN($C8332/24,0)+1,1)*INDEX($D$3:$AA$30,INDEX(Jesper!$R$2:$R$366,ROW(INDEX(Jesper!AL$2:AL$366,ROUNDDOWN($C8332/24,0)+1,1))-1)+IF('Standard Profiles'!$G$22=$B$10,7,0)+IF('Standard Profiles'!$G$22=$B$17,14,0)+IF('Standard Profiles'!$G$22=$B$24,21,0),MOD($C8332,24)+1)/SUM(INDEX($D$3:$AA$30,INDEX(Jesper!$R$2:$R$366,ROW(INDEX(Jesper!AL$2:AL$366,ROUNDDOWN($C8332/24,0)+1,1))-1)+IF('Standard Profiles'!$G$22=$B$10,7,0)+IF('Standard Profiles'!$G$22=$B$17,14,0)+IF('Standard Profiles'!$G$22=$B$24,21,0),0)),0)</f>
        <v>0</v>
      </c>
      <c r="I8332">
        <f t="shared" si="923"/>
        <v>0.51244467903157331</v>
      </c>
      <c r="J8332">
        <f t="shared" si="924"/>
        <v>1.7081489301052444</v>
      </c>
      <c r="K8332">
        <f t="shared" si="925"/>
        <v>2.5622233951578663</v>
      </c>
      <c r="L8332">
        <f t="shared" si="926"/>
        <v>12.298672296757758</v>
      </c>
      <c r="M8332">
        <f t="shared" si="927"/>
        <v>0</v>
      </c>
      <c r="N8332" s="46">
        <f t="shared" si="928"/>
        <v>45637.749999979875</v>
      </c>
    </row>
    <row r="8333" spans="2:14" x14ac:dyDescent="0.3">
      <c r="B8333">
        <f t="shared" si="922"/>
        <v>3</v>
      </c>
      <c r="C8333" s="16">
        <v>8299</v>
      </c>
      <c r="D8333" cm="1">
        <f t="array" ref="D8333">IFERROR(INDEX(Jesper!AH$2:AH$366,ROUNDDOWN($C8333/24,0)+1,1)*INDEX($D$3:$AA$30,INDEX(Jesper!$R$2:$R$366,ROW(INDEX(Jesper!AH$2:AH$366,ROUNDDOWN($C8333/24,0)+1,1))-1)+IF('Standard Profiles'!$G$18=$B$10,7,0)+IF('Standard Profiles'!$G$18=$B$17,14,0)+IF('Standard Profiles'!$G$18=$B$24,21,0),MOD($C8333,24)+1)/SUM(INDEX($D$3:$AA$30,INDEX(Jesper!$R$2:$R$366,ROW(INDEX(Jesper!AH$2:AH$366,ROUNDDOWN($C8333/24,0)+1,1))-1)+IF('Standard Profiles'!$G$18=$B$10,7,0)+IF('Standard Profiles'!$G$18=$B$17,14,0)+IF('Standard Profiles'!$G$18=$B$24,21,0),0)),0)</f>
        <v>14.234574417543701</v>
      </c>
      <c r="E8333" cm="1">
        <f t="array" ref="E8333">IFERROR(INDEX(Jesper!AI$2:AI$366,ROUNDDOWN($C8333/24,0)+1,1)*INDEX($D$3:$AA$30,INDEX(Jesper!$R$2:$R$366,ROW(INDEX(Jesper!AI$2:AI$366,ROUNDDOWN($C8333/24,0)+1,1))-1)+IF('Standard Profiles'!$G$19=$B$10,7,0)+IF('Standard Profiles'!$G$19=$B$17,14,0)+IF('Standard Profiles'!$G$19=$B$24,21,0),MOD($C8333,24)+1)/SUM(INDEX($D$3:$AA$30,INDEX(Jesper!$R$2:$R$366,ROW(INDEX(Jesper!AI$2:AI$366,ROUNDDOWN($C8333/24,0)+1,1))-1)+IF('Standard Profiles'!$G$19=$B$10,7,0)+IF('Standard Profiles'!$G$19=$B$17,14,0)+IF('Standard Profiles'!$G$19=$B$24,21,0),0)),0)</f>
        <v>0</v>
      </c>
      <c r="F8333" cm="1">
        <f t="array" ref="F8333">IFERROR(INDEX(Jesper!AJ$2:AJ$366,ROUNDDOWN($C8333/24,0)+1,1)*INDEX($D$3:$AA$30,INDEX(Jesper!$R$2:$R$366,ROW(INDEX(Jesper!AJ$2:AJ$366,ROUNDDOWN($C8333/24,0)+1,1))-1)+IF('Standard Profiles'!$G$20=$B$10,7,0)+IF('Standard Profiles'!$G$20=$B$17,14,0)+IF('Standard Profiles'!$G$20=$B$24,21,0),MOD($C8333,24)+1)/SUM(INDEX($D$3:$AA$30,INDEX(Jesper!$R$2:$R$366,ROW(INDEX(Jesper!AJ$2:AJ$366,ROUNDDOWN($C8333/24,0)+1,1))-1)+IF('Standard Profiles'!$G$20=$B$10,7,0)+IF('Standard Profiles'!$G$20=$B$17,14,0)+IF('Standard Profiles'!$G$20=$B$24,21,0),0)),0)</f>
        <v>0</v>
      </c>
      <c r="G8333" cm="1">
        <f t="array" ref="G8333">IFERROR(INDEX(Jesper!AK$2:AK$366,ROUNDDOWN($C8333/24,0)+1,1)*INDEX($D$3:$AA$30,INDEX(Jesper!$R$2:$R$366,ROW(INDEX(Jesper!AK$2:AK$366,ROUNDDOWN($C8333/24,0)+1,1))-1)+IF('Standard Profiles'!$G$21=$B$10,7,0)+IF('Standard Profiles'!$G$21=$B$17,14,0)+IF('Standard Profiles'!$G$21=$B$24,21,0),MOD($C8333,24)+1)/SUM(INDEX($D$3:$AA$30,INDEX(Jesper!$R$2:$R$366,ROW(INDEX(Jesper!AK$2:AK$366,ROUNDDOWN($C8333/24,0)+1,1))-1)+IF('Standard Profiles'!$G$21=$B$10,7,0)+IF('Standard Profiles'!$G$21=$B$17,14,0)+IF('Standard Profiles'!$G$21=$B$24,21,0),0)),0)</f>
        <v>0</v>
      </c>
      <c r="H8333" cm="1">
        <f t="array" ref="H8333">IFERROR(INDEX(Jesper!AL$2:AL$366,ROUNDDOWN($C8333/24,0)+1,1)*INDEX($D$3:$AA$30,INDEX(Jesper!$R$2:$R$366,ROW(INDEX(Jesper!AL$2:AL$366,ROUNDDOWN($C8333/24,0)+1,1))-1)+IF('Standard Profiles'!$G$22=$B$10,7,0)+IF('Standard Profiles'!$G$22=$B$17,14,0)+IF('Standard Profiles'!$G$22=$B$24,21,0),MOD($C8333,24)+1)/SUM(INDEX($D$3:$AA$30,INDEX(Jesper!$R$2:$R$366,ROW(INDEX(Jesper!AL$2:AL$366,ROUNDDOWN($C8333/24,0)+1,1))-1)+IF('Standard Profiles'!$G$22=$B$10,7,0)+IF('Standard Profiles'!$G$22=$B$17,14,0)+IF('Standard Profiles'!$G$22=$B$24,21,0),0)),0)</f>
        <v>0</v>
      </c>
      <c r="I8333">
        <f t="shared" si="923"/>
        <v>0.42703723252631104</v>
      </c>
      <c r="J8333">
        <f t="shared" si="924"/>
        <v>1.4234574417543702</v>
      </c>
      <c r="K8333">
        <f t="shared" si="925"/>
        <v>2.1351861626315549</v>
      </c>
      <c r="L8333">
        <f t="shared" si="926"/>
        <v>10.248893580631465</v>
      </c>
      <c r="M8333">
        <f t="shared" si="927"/>
        <v>0</v>
      </c>
      <c r="N8333" s="46">
        <f t="shared" si="928"/>
        <v>45637.791666646539</v>
      </c>
    </row>
    <row r="8334" spans="2:14" x14ac:dyDescent="0.3">
      <c r="B8334">
        <f t="shared" si="922"/>
        <v>3</v>
      </c>
      <c r="C8334" s="16">
        <v>8300</v>
      </c>
      <c r="D8334" cm="1">
        <f t="array" ref="D8334">IFERROR(INDEX(Jesper!AH$2:AH$366,ROUNDDOWN($C8334/24,0)+1,1)*INDEX($D$3:$AA$30,INDEX(Jesper!$R$2:$R$366,ROW(INDEX(Jesper!AH$2:AH$366,ROUNDDOWN($C8334/24,0)+1,1))-1)+IF('Standard Profiles'!$G$18=$B$10,7,0)+IF('Standard Profiles'!$G$18=$B$17,14,0)+IF('Standard Profiles'!$G$18=$B$24,21,0),MOD($C8334,24)+1)/SUM(INDEX($D$3:$AA$30,INDEX(Jesper!$R$2:$R$366,ROW(INDEX(Jesper!AH$2:AH$366,ROUNDDOWN($C8334/24,0)+1,1))-1)+IF('Standard Profiles'!$G$18=$B$10,7,0)+IF('Standard Profiles'!$G$18=$B$17,14,0)+IF('Standard Profiles'!$G$18=$B$24,21,0),0)),0)</f>
        <v>11.387659534034961</v>
      </c>
      <c r="E8334" cm="1">
        <f t="array" ref="E8334">IFERROR(INDEX(Jesper!AI$2:AI$366,ROUNDDOWN($C8334/24,0)+1,1)*INDEX($D$3:$AA$30,INDEX(Jesper!$R$2:$R$366,ROW(INDEX(Jesper!AI$2:AI$366,ROUNDDOWN($C8334/24,0)+1,1))-1)+IF('Standard Profiles'!$G$19=$B$10,7,0)+IF('Standard Profiles'!$G$19=$B$17,14,0)+IF('Standard Profiles'!$G$19=$B$24,21,0),MOD($C8334,24)+1)/SUM(INDEX($D$3:$AA$30,INDEX(Jesper!$R$2:$R$366,ROW(INDEX(Jesper!AI$2:AI$366,ROUNDDOWN($C8334/24,0)+1,1))-1)+IF('Standard Profiles'!$G$19=$B$10,7,0)+IF('Standard Profiles'!$G$19=$B$17,14,0)+IF('Standard Profiles'!$G$19=$B$24,21,0),0)),0)</f>
        <v>0</v>
      </c>
      <c r="F8334" cm="1">
        <f t="array" ref="F8334">IFERROR(INDEX(Jesper!AJ$2:AJ$366,ROUNDDOWN($C8334/24,0)+1,1)*INDEX($D$3:$AA$30,INDEX(Jesper!$R$2:$R$366,ROW(INDEX(Jesper!AJ$2:AJ$366,ROUNDDOWN($C8334/24,0)+1,1))-1)+IF('Standard Profiles'!$G$20=$B$10,7,0)+IF('Standard Profiles'!$G$20=$B$17,14,0)+IF('Standard Profiles'!$G$20=$B$24,21,0),MOD($C8334,24)+1)/SUM(INDEX($D$3:$AA$30,INDEX(Jesper!$R$2:$R$366,ROW(INDEX(Jesper!AJ$2:AJ$366,ROUNDDOWN($C8334/24,0)+1,1))-1)+IF('Standard Profiles'!$G$20=$B$10,7,0)+IF('Standard Profiles'!$G$20=$B$17,14,0)+IF('Standard Profiles'!$G$20=$B$24,21,0),0)),0)</f>
        <v>0</v>
      </c>
      <c r="G8334" cm="1">
        <f t="array" ref="G8334">IFERROR(INDEX(Jesper!AK$2:AK$366,ROUNDDOWN($C8334/24,0)+1,1)*INDEX($D$3:$AA$30,INDEX(Jesper!$R$2:$R$366,ROW(INDEX(Jesper!AK$2:AK$366,ROUNDDOWN($C8334/24,0)+1,1))-1)+IF('Standard Profiles'!$G$21=$B$10,7,0)+IF('Standard Profiles'!$G$21=$B$17,14,0)+IF('Standard Profiles'!$G$21=$B$24,21,0),MOD($C8334,24)+1)/SUM(INDEX($D$3:$AA$30,INDEX(Jesper!$R$2:$R$366,ROW(INDEX(Jesper!AK$2:AK$366,ROUNDDOWN($C8334/24,0)+1,1))-1)+IF('Standard Profiles'!$G$21=$B$10,7,0)+IF('Standard Profiles'!$G$21=$B$17,14,0)+IF('Standard Profiles'!$G$21=$B$24,21,0),0)),0)</f>
        <v>0</v>
      </c>
      <c r="H8334" cm="1">
        <f t="array" ref="H8334">IFERROR(INDEX(Jesper!AL$2:AL$366,ROUNDDOWN($C8334/24,0)+1,1)*INDEX($D$3:$AA$30,INDEX(Jesper!$R$2:$R$366,ROW(INDEX(Jesper!AL$2:AL$366,ROUNDDOWN($C8334/24,0)+1,1))-1)+IF('Standard Profiles'!$G$22=$B$10,7,0)+IF('Standard Profiles'!$G$22=$B$17,14,0)+IF('Standard Profiles'!$G$22=$B$24,21,0),MOD($C8334,24)+1)/SUM(INDEX($D$3:$AA$30,INDEX(Jesper!$R$2:$R$366,ROW(INDEX(Jesper!AL$2:AL$366,ROUNDDOWN($C8334/24,0)+1,1))-1)+IF('Standard Profiles'!$G$22=$B$10,7,0)+IF('Standard Profiles'!$G$22=$B$17,14,0)+IF('Standard Profiles'!$G$22=$B$24,21,0),0)),0)</f>
        <v>0</v>
      </c>
      <c r="I8334">
        <f t="shared" si="923"/>
        <v>0.34162978602104882</v>
      </c>
      <c r="J8334">
        <f t="shared" si="924"/>
        <v>1.1387659534034962</v>
      </c>
      <c r="K8334">
        <f t="shared" si="925"/>
        <v>1.7081489301052442</v>
      </c>
      <c r="L8334">
        <f t="shared" si="926"/>
        <v>8.1991148645051712</v>
      </c>
      <c r="M8334">
        <f t="shared" si="927"/>
        <v>0</v>
      </c>
      <c r="N8334" s="46">
        <f t="shared" si="928"/>
        <v>45637.833333313203</v>
      </c>
    </row>
    <row r="8335" spans="2:14" x14ac:dyDescent="0.3">
      <c r="B8335">
        <f t="shared" si="922"/>
        <v>3</v>
      </c>
      <c r="C8335" s="16">
        <v>8301</v>
      </c>
      <c r="D8335" cm="1">
        <f t="array" ref="D8335">IFERROR(INDEX(Jesper!AH$2:AH$366,ROUNDDOWN($C8335/24,0)+1,1)*INDEX($D$3:$AA$30,INDEX(Jesper!$R$2:$R$366,ROW(INDEX(Jesper!AH$2:AH$366,ROUNDDOWN($C8335/24,0)+1,1))-1)+IF('Standard Profiles'!$G$18=$B$10,7,0)+IF('Standard Profiles'!$G$18=$B$17,14,0)+IF('Standard Profiles'!$G$18=$B$24,21,0),MOD($C8335,24)+1)/SUM(INDEX($D$3:$AA$30,INDEX(Jesper!$R$2:$R$366,ROW(INDEX(Jesper!AH$2:AH$366,ROUNDDOWN($C8335/24,0)+1,1))-1)+IF('Standard Profiles'!$G$18=$B$10,7,0)+IF('Standard Profiles'!$G$18=$B$17,14,0)+IF('Standard Profiles'!$G$18=$B$24,21,0),0)),0)</f>
        <v>8.5407446505262214</v>
      </c>
      <c r="E8335" cm="1">
        <f t="array" ref="E8335">IFERROR(INDEX(Jesper!AI$2:AI$366,ROUNDDOWN($C8335/24,0)+1,1)*INDEX($D$3:$AA$30,INDEX(Jesper!$R$2:$R$366,ROW(INDEX(Jesper!AI$2:AI$366,ROUNDDOWN($C8335/24,0)+1,1))-1)+IF('Standard Profiles'!$G$19=$B$10,7,0)+IF('Standard Profiles'!$G$19=$B$17,14,0)+IF('Standard Profiles'!$G$19=$B$24,21,0),MOD($C8335,24)+1)/SUM(INDEX($D$3:$AA$30,INDEX(Jesper!$R$2:$R$366,ROW(INDEX(Jesper!AI$2:AI$366,ROUNDDOWN($C8335/24,0)+1,1))-1)+IF('Standard Profiles'!$G$19=$B$10,7,0)+IF('Standard Profiles'!$G$19=$B$17,14,0)+IF('Standard Profiles'!$G$19=$B$24,21,0),0)),0)</f>
        <v>0</v>
      </c>
      <c r="F8335" cm="1">
        <f t="array" ref="F8335">IFERROR(INDEX(Jesper!AJ$2:AJ$366,ROUNDDOWN($C8335/24,0)+1,1)*INDEX($D$3:$AA$30,INDEX(Jesper!$R$2:$R$366,ROW(INDEX(Jesper!AJ$2:AJ$366,ROUNDDOWN($C8335/24,0)+1,1))-1)+IF('Standard Profiles'!$G$20=$B$10,7,0)+IF('Standard Profiles'!$G$20=$B$17,14,0)+IF('Standard Profiles'!$G$20=$B$24,21,0),MOD($C8335,24)+1)/SUM(INDEX($D$3:$AA$30,INDEX(Jesper!$R$2:$R$366,ROW(INDEX(Jesper!AJ$2:AJ$366,ROUNDDOWN($C8335/24,0)+1,1))-1)+IF('Standard Profiles'!$G$20=$B$10,7,0)+IF('Standard Profiles'!$G$20=$B$17,14,0)+IF('Standard Profiles'!$G$20=$B$24,21,0),0)),0)</f>
        <v>0</v>
      </c>
      <c r="G8335" cm="1">
        <f t="array" ref="G8335">IFERROR(INDEX(Jesper!AK$2:AK$366,ROUNDDOWN($C8335/24,0)+1,1)*INDEX($D$3:$AA$30,INDEX(Jesper!$R$2:$R$366,ROW(INDEX(Jesper!AK$2:AK$366,ROUNDDOWN($C8335/24,0)+1,1))-1)+IF('Standard Profiles'!$G$21=$B$10,7,0)+IF('Standard Profiles'!$G$21=$B$17,14,0)+IF('Standard Profiles'!$G$21=$B$24,21,0),MOD($C8335,24)+1)/SUM(INDEX($D$3:$AA$30,INDEX(Jesper!$R$2:$R$366,ROW(INDEX(Jesper!AK$2:AK$366,ROUNDDOWN($C8335/24,0)+1,1))-1)+IF('Standard Profiles'!$G$21=$B$10,7,0)+IF('Standard Profiles'!$G$21=$B$17,14,0)+IF('Standard Profiles'!$G$21=$B$24,21,0),0)),0)</f>
        <v>0</v>
      </c>
      <c r="H8335" cm="1">
        <f t="array" ref="H8335">IFERROR(INDEX(Jesper!AL$2:AL$366,ROUNDDOWN($C8335/24,0)+1,1)*INDEX($D$3:$AA$30,INDEX(Jesper!$R$2:$R$366,ROW(INDEX(Jesper!AL$2:AL$366,ROUNDDOWN($C8335/24,0)+1,1))-1)+IF('Standard Profiles'!$G$22=$B$10,7,0)+IF('Standard Profiles'!$G$22=$B$17,14,0)+IF('Standard Profiles'!$G$22=$B$24,21,0),MOD($C8335,24)+1)/SUM(INDEX($D$3:$AA$30,INDEX(Jesper!$R$2:$R$366,ROW(INDEX(Jesper!AL$2:AL$366,ROUNDDOWN($C8335/24,0)+1,1))-1)+IF('Standard Profiles'!$G$22=$B$10,7,0)+IF('Standard Profiles'!$G$22=$B$17,14,0)+IF('Standard Profiles'!$G$22=$B$24,21,0),0)),0)</f>
        <v>0</v>
      </c>
      <c r="I8335">
        <f t="shared" si="923"/>
        <v>0.25622233951578666</v>
      </c>
      <c r="J8335">
        <f t="shared" si="924"/>
        <v>0.85407446505262219</v>
      </c>
      <c r="K8335">
        <f t="shared" si="925"/>
        <v>1.2811116975789332</v>
      </c>
      <c r="L8335">
        <f t="shared" si="926"/>
        <v>6.1493361483788789</v>
      </c>
      <c r="M8335">
        <f t="shared" si="927"/>
        <v>0</v>
      </c>
      <c r="N8335" s="46">
        <f t="shared" si="928"/>
        <v>45637.874999979867</v>
      </c>
    </row>
    <row r="8336" spans="2:14" x14ac:dyDescent="0.3">
      <c r="B8336">
        <f t="shared" si="922"/>
        <v>3</v>
      </c>
      <c r="C8336" s="16">
        <v>8302</v>
      </c>
      <c r="D8336" cm="1">
        <f t="array" ref="D8336">IFERROR(INDEX(Jesper!AH$2:AH$366,ROUNDDOWN($C8336/24,0)+1,1)*INDEX($D$3:$AA$30,INDEX(Jesper!$R$2:$R$366,ROW(INDEX(Jesper!AH$2:AH$366,ROUNDDOWN($C8336/24,0)+1,1))-1)+IF('Standard Profiles'!$G$18=$B$10,7,0)+IF('Standard Profiles'!$G$18=$B$17,14,0)+IF('Standard Profiles'!$G$18=$B$24,21,0),MOD($C8336,24)+1)/SUM(INDEX($D$3:$AA$30,INDEX(Jesper!$R$2:$R$366,ROW(INDEX(Jesper!AH$2:AH$366,ROUNDDOWN($C8336/24,0)+1,1))-1)+IF('Standard Profiles'!$G$18=$B$10,7,0)+IF('Standard Profiles'!$G$18=$B$17,14,0)+IF('Standard Profiles'!$G$18=$B$24,21,0),0)),0)</f>
        <v>8.5407446505262214</v>
      </c>
      <c r="E8336" cm="1">
        <f t="array" ref="E8336">IFERROR(INDEX(Jesper!AI$2:AI$366,ROUNDDOWN($C8336/24,0)+1,1)*INDEX($D$3:$AA$30,INDEX(Jesper!$R$2:$R$366,ROW(INDEX(Jesper!AI$2:AI$366,ROUNDDOWN($C8336/24,0)+1,1))-1)+IF('Standard Profiles'!$G$19=$B$10,7,0)+IF('Standard Profiles'!$G$19=$B$17,14,0)+IF('Standard Profiles'!$G$19=$B$24,21,0),MOD($C8336,24)+1)/SUM(INDEX($D$3:$AA$30,INDEX(Jesper!$R$2:$R$366,ROW(INDEX(Jesper!AI$2:AI$366,ROUNDDOWN($C8336/24,0)+1,1))-1)+IF('Standard Profiles'!$G$19=$B$10,7,0)+IF('Standard Profiles'!$G$19=$B$17,14,0)+IF('Standard Profiles'!$G$19=$B$24,21,0),0)),0)</f>
        <v>0</v>
      </c>
      <c r="F8336" cm="1">
        <f t="array" ref="F8336">IFERROR(INDEX(Jesper!AJ$2:AJ$366,ROUNDDOWN($C8336/24,0)+1,1)*INDEX($D$3:$AA$30,INDEX(Jesper!$R$2:$R$366,ROW(INDEX(Jesper!AJ$2:AJ$366,ROUNDDOWN($C8336/24,0)+1,1))-1)+IF('Standard Profiles'!$G$20=$B$10,7,0)+IF('Standard Profiles'!$G$20=$B$17,14,0)+IF('Standard Profiles'!$G$20=$B$24,21,0),MOD($C8336,24)+1)/SUM(INDEX($D$3:$AA$30,INDEX(Jesper!$R$2:$R$366,ROW(INDEX(Jesper!AJ$2:AJ$366,ROUNDDOWN($C8336/24,0)+1,1))-1)+IF('Standard Profiles'!$G$20=$B$10,7,0)+IF('Standard Profiles'!$G$20=$B$17,14,0)+IF('Standard Profiles'!$G$20=$B$24,21,0),0)),0)</f>
        <v>0</v>
      </c>
      <c r="G8336" cm="1">
        <f t="array" ref="G8336">IFERROR(INDEX(Jesper!AK$2:AK$366,ROUNDDOWN($C8336/24,0)+1,1)*INDEX($D$3:$AA$30,INDEX(Jesper!$R$2:$R$366,ROW(INDEX(Jesper!AK$2:AK$366,ROUNDDOWN($C8336/24,0)+1,1))-1)+IF('Standard Profiles'!$G$21=$B$10,7,0)+IF('Standard Profiles'!$G$21=$B$17,14,0)+IF('Standard Profiles'!$G$21=$B$24,21,0),MOD($C8336,24)+1)/SUM(INDEX($D$3:$AA$30,INDEX(Jesper!$R$2:$R$366,ROW(INDEX(Jesper!AK$2:AK$366,ROUNDDOWN($C8336/24,0)+1,1))-1)+IF('Standard Profiles'!$G$21=$B$10,7,0)+IF('Standard Profiles'!$G$21=$B$17,14,0)+IF('Standard Profiles'!$G$21=$B$24,21,0),0)),0)</f>
        <v>0</v>
      </c>
      <c r="H8336" cm="1">
        <f t="array" ref="H8336">IFERROR(INDEX(Jesper!AL$2:AL$366,ROUNDDOWN($C8336/24,0)+1,1)*INDEX($D$3:$AA$30,INDEX(Jesper!$R$2:$R$366,ROW(INDEX(Jesper!AL$2:AL$366,ROUNDDOWN($C8336/24,0)+1,1))-1)+IF('Standard Profiles'!$G$22=$B$10,7,0)+IF('Standard Profiles'!$G$22=$B$17,14,0)+IF('Standard Profiles'!$G$22=$B$24,21,0),MOD($C8336,24)+1)/SUM(INDEX($D$3:$AA$30,INDEX(Jesper!$R$2:$R$366,ROW(INDEX(Jesper!AL$2:AL$366,ROUNDDOWN($C8336/24,0)+1,1))-1)+IF('Standard Profiles'!$G$22=$B$10,7,0)+IF('Standard Profiles'!$G$22=$B$17,14,0)+IF('Standard Profiles'!$G$22=$B$24,21,0),0)),0)</f>
        <v>0</v>
      </c>
      <c r="I8336">
        <f t="shared" si="923"/>
        <v>0.25622233951578666</v>
      </c>
      <c r="J8336">
        <f t="shared" si="924"/>
        <v>0.85407446505262219</v>
      </c>
      <c r="K8336">
        <f t="shared" si="925"/>
        <v>1.2811116975789332</v>
      </c>
      <c r="L8336">
        <f t="shared" si="926"/>
        <v>6.1493361483788789</v>
      </c>
      <c r="M8336">
        <f t="shared" si="927"/>
        <v>0</v>
      </c>
      <c r="N8336" s="46">
        <f t="shared" si="928"/>
        <v>45637.916666646532</v>
      </c>
    </row>
    <row r="8337" spans="2:14" x14ac:dyDescent="0.3">
      <c r="B8337">
        <f t="shared" si="922"/>
        <v>3</v>
      </c>
      <c r="C8337" s="16">
        <v>8303</v>
      </c>
      <c r="D8337" cm="1">
        <f t="array" ref="D8337">IFERROR(INDEX(Jesper!AH$2:AH$366,ROUNDDOWN($C8337/24,0)+1,1)*INDEX($D$3:$AA$30,INDEX(Jesper!$R$2:$R$366,ROW(INDEX(Jesper!AH$2:AH$366,ROUNDDOWN($C8337/24,0)+1,1))-1)+IF('Standard Profiles'!$G$18=$B$10,7,0)+IF('Standard Profiles'!$G$18=$B$17,14,0)+IF('Standard Profiles'!$G$18=$B$24,21,0),MOD($C8337,24)+1)/SUM(INDEX($D$3:$AA$30,INDEX(Jesper!$R$2:$R$366,ROW(INDEX(Jesper!AH$2:AH$366,ROUNDDOWN($C8337/24,0)+1,1))-1)+IF('Standard Profiles'!$G$18=$B$10,7,0)+IF('Standard Profiles'!$G$18=$B$17,14,0)+IF('Standard Profiles'!$G$18=$B$24,21,0),0)),0)</f>
        <v>8.5407446505262214</v>
      </c>
      <c r="E8337" cm="1">
        <f t="array" ref="E8337">IFERROR(INDEX(Jesper!AI$2:AI$366,ROUNDDOWN($C8337/24,0)+1,1)*INDEX($D$3:$AA$30,INDEX(Jesper!$R$2:$R$366,ROW(INDEX(Jesper!AI$2:AI$366,ROUNDDOWN($C8337/24,0)+1,1))-1)+IF('Standard Profiles'!$G$19=$B$10,7,0)+IF('Standard Profiles'!$G$19=$B$17,14,0)+IF('Standard Profiles'!$G$19=$B$24,21,0),MOD($C8337,24)+1)/SUM(INDEX($D$3:$AA$30,INDEX(Jesper!$R$2:$R$366,ROW(INDEX(Jesper!AI$2:AI$366,ROUNDDOWN($C8337/24,0)+1,1))-1)+IF('Standard Profiles'!$G$19=$B$10,7,0)+IF('Standard Profiles'!$G$19=$B$17,14,0)+IF('Standard Profiles'!$G$19=$B$24,21,0),0)),0)</f>
        <v>0</v>
      </c>
      <c r="F8337" cm="1">
        <f t="array" ref="F8337">IFERROR(INDEX(Jesper!AJ$2:AJ$366,ROUNDDOWN($C8337/24,0)+1,1)*INDEX($D$3:$AA$30,INDEX(Jesper!$R$2:$R$366,ROW(INDEX(Jesper!AJ$2:AJ$366,ROUNDDOWN($C8337/24,0)+1,1))-1)+IF('Standard Profiles'!$G$20=$B$10,7,0)+IF('Standard Profiles'!$G$20=$B$17,14,0)+IF('Standard Profiles'!$G$20=$B$24,21,0),MOD($C8337,24)+1)/SUM(INDEX($D$3:$AA$30,INDEX(Jesper!$R$2:$R$366,ROW(INDEX(Jesper!AJ$2:AJ$366,ROUNDDOWN($C8337/24,0)+1,1))-1)+IF('Standard Profiles'!$G$20=$B$10,7,0)+IF('Standard Profiles'!$G$20=$B$17,14,0)+IF('Standard Profiles'!$G$20=$B$24,21,0),0)),0)</f>
        <v>0</v>
      </c>
      <c r="G8337" cm="1">
        <f t="array" ref="G8337">IFERROR(INDEX(Jesper!AK$2:AK$366,ROUNDDOWN($C8337/24,0)+1,1)*INDEX($D$3:$AA$30,INDEX(Jesper!$R$2:$R$366,ROW(INDEX(Jesper!AK$2:AK$366,ROUNDDOWN($C8337/24,0)+1,1))-1)+IF('Standard Profiles'!$G$21=$B$10,7,0)+IF('Standard Profiles'!$G$21=$B$17,14,0)+IF('Standard Profiles'!$G$21=$B$24,21,0),MOD($C8337,24)+1)/SUM(INDEX($D$3:$AA$30,INDEX(Jesper!$R$2:$R$366,ROW(INDEX(Jesper!AK$2:AK$366,ROUNDDOWN($C8337/24,0)+1,1))-1)+IF('Standard Profiles'!$G$21=$B$10,7,0)+IF('Standard Profiles'!$G$21=$B$17,14,0)+IF('Standard Profiles'!$G$21=$B$24,21,0),0)),0)</f>
        <v>0</v>
      </c>
      <c r="H8337" cm="1">
        <f t="array" ref="H8337">IFERROR(INDEX(Jesper!AL$2:AL$366,ROUNDDOWN($C8337/24,0)+1,1)*INDEX($D$3:$AA$30,INDEX(Jesper!$R$2:$R$366,ROW(INDEX(Jesper!AL$2:AL$366,ROUNDDOWN($C8337/24,0)+1,1))-1)+IF('Standard Profiles'!$G$22=$B$10,7,0)+IF('Standard Profiles'!$G$22=$B$17,14,0)+IF('Standard Profiles'!$G$22=$B$24,21,0),MOD($C8337,24)+1)/SUM(INDEX($D$3:$AA$30,INDEX(Jesper!$R$2:$R$366,ROW(INDEX(Jesper!AL$2:AL$366,ROUNDDOWN($C8337/24,0)+1,1))-1)+IF('Standard Profiles'!$G$22=$B$10,7,0)+IF('Standard Profiles'!$G$22=$B$17,14,0)+IF('Standard Profiles'!$G$22=$B$24,21,0),0)),0)</f>
        <v>0</v>
      </c>
      <c r="I8337">
        <f t="shared" si="923"/>
        <v>0.25622233951578666</v>
      </c>
      <c r="J8337">
        <f t="shared" si="924"/>
        <v>0.85407446505262219</v>
      </c>
      <c r="K8337">
        <f t="shared" si="925"/>
        <v>1.2811116975789332</v>
      </c>
      <c r="L8337">
        <f t="shared" si="926"/>
        <v>6.1493361483788789</v>
      </c>
      <c r="M8337">
        <f t="shared" si="927"/>
        <v>0</v>
      </c>
      <c r="N8337" s="46">
        <f t="shared" si="928"/>
        <v>45637.958333313196</v>
      </c>
    </row>
    <row r="8338" spans="2:14" x14ac:dyDescent="0.3">
      <c r="B8338">
        <f t="shared" si="922"/>
        <v>4</v>
      </c>
      <c r="C8338" s="16">
        <v>8304</v>
      </c>
      <c r="D8338" cm="1">
        <f t="array" ref="D8338">IFERROR(INDEX(Jesper!AH$2:AH$366,ROUNDDOWN($C8338/24,0)+1,1)*INDEX($D$3:$AA$30,INDEX(Jesper!$R$2:$R$366,ROW(INDEX(Jesper!AH$2:AH$366,ROUNDDOWN($C8338/24,0)+1,1))-1)+IF('Standard Profiles'!$G$18=$B$10,7,0)+IF('Standard Profiles'!$G$18=$B$17,14,0)+IF('Standard Profiles'!$G$18=$B$24,21,0),MOD($C8338,24)+1)/SUM(INDEX($D$3:$AA$30,INDEX(Jesper!$R$2:$R$366,ROW(INDEX(Jesper!AH$2:AH$366,ROUNDDOWN($C8338/24,0)+1,1))-1)+IF('Standard Profiles'!$G$18=$B$10,7,0)+IF('Standard Profiles'!$G$18=$B$17,14,0)+IF('Standard Profiles'!$G$18=$B$24,21,0),0)),0)</f>
        <v>8.6491102938909776</v>
      </c>
      <c r="E8338" cm="1">
        <f t="array" ref="E8338">IFERROR(INDEX(Jesper!AI$2:AI$366,ROUNDDOWN($C8338/24,0)+1,1)*INDEX($D$3:$AA$30,INDEX(Jesper!$R$2:$R$366,ROW(INDEX(Jesper!AI$2:AI$366,ROUNDDOWN($C8338/24,0)+1,1))-1)+IF('Standard Profiles'!$G$19=$B$10,7,0)+IF('Standard Profiles'!$G$19=$B$17,14,0)+IF('Standard Profiles'!$G$19=$B$24,21,0),MOD($C8338,24)+1)/SUM(INDEX($D$3:$AA$30,INDEX(Jesper!$R$2:$R$366,ROW(INDEX(Jesper!AI$2:AI$366,ROUNDDOWN($C8338/24,0)+1,1))-1)+IF('Standard Profiles'!$G$19=$B$10,7,0)+IF('Standard Profiles'!$G$19=$B$17,14,0)+IF('Standard Profiles'!$G$19=$B$24,21,0),0)),0)</f>
        <v>0</v>
      </c>
      <c r="F8338" cm="1">
        <f t="array" ref="F8338">IFERROR(INDEX(Jesper!AJ$2:AJ$366,ROUNDDOWN($C8338/24,0)+1,1)*INDEX($D$3:$AA$30,INDEX(Jesper!$R$2:$R$366,ROW(INDEX(Jesper!AJ$2:AJ$366,ROUNDDOWN($C8338/24,0)+1,1))-1)+IF('Standard Profiles'!$G$20=$B$10,7,0)+IF('Standard Profiles'!$G$20=$B$17,14,0)+IF('Standard Profiles'!$G$20=$B$24,21,0),MOD($C8338,24)+1)/SUM(INDEX($D$3:$AA$30,INDEX(Jesper!$R$2:$R$366,ROW(INDEX(Jesper!AJ$2:AJ$366,ROUNDDOWN($C8338/24,0)+1,1))-1)+IF('Standard Profiles'!$G$20=$B$10,7,0)+IF('Standard Profiles'!$G$20=$B$17,14,0)+IF('Standard Profiles'!$G$20=$B$24,21,0),0)),0)</f>
        <v>0</v>
      </c>
      <c r="G8338" cm="1">
        <f t="array" ref="G8338">IFERROR(INDEX(Jesper!AK$2:AK$366,ROUNDDOWN($C8338/24,0)+1,1)*INDEX($D$3:$AA$30,INDEX(Jesper!$R$2:$R$366,ROW(INDEX(Jesper!AK$2:AK$366,ROUNDDOWN($C8338/24,0)+1,1))-1)+IF('Standard Profiles'!$G$21=$B$10,7,0)+IF('Standard Profiles'!$G$21=$B$17,14,0)+IF('Standard Profiles'!$G$21=$B$24,21,0),MOD($C8338,24)+1)/SUM(INDEX($D$3:$AA$30,INDEX(Jesper!$R$2:$R$366,ROW(INDEX(Jesper!AK$2:AK$366,ROUNDDOWN($C8338/24,0)+1,1))-1)+IF('Standard Profiles'!$G$21=$B$10,7,0)+IF('Standard Profiles'!$G$21=$B$17,14,0)+IF('Standard Profiles'!$G$21=$B$24,21,0),0)),0)</f>
        <v>0</v>
      </c>
      <c r="H8338" cm="1">
        <f t="array" ref="H8338">IFERROR(INDEX(Jesper!AL$2:AL$366,ROUNDDOWN($C8338/24,0)+1,1)*INDEX($D$3:$AA$30,INDEX(Jesper!$R$2:$R$366,ROW(INDEX(Jesper!AL$2:AL$366,ROUNDDOWN($C8338/24,0)+1,1))-1)+IF('Standard Profiles'!$G$22=$B$10,7,0)+IF('Standard Profiles'!$G$22=$B$17,14,0)+IF('Standard Profiles'!$G$22=$B$24,21,0),MOD($C8338,24)+1)/SUM(INDEX($D$3:$AA$30,INDEX(Jesper!$R$2:$R$366,ROW(INDEX(Jesper!AL$2:AL$366,ROUNDDOWN($C8338/24,0)+1,1))-1)+IF('Standard Profiles'!$G$22=$B$10,7,0)+IF('Standard Profiles'!$G$22=$B$17,14,0)+IF('Standard Profiles'!$G$22=$B$24,21,0),0)),0)</f>
        <v>0</v>
      </c>
      <c r="I8338">
        <f t="shared" si="923"/>
        <v>0.25947330881672931</v>
      </c>
      <c r="J8338">
        <f t="shared" si="924"/>
        <v>0.86491102938909781</v>
      </c>
      <c r="K8338">
        <f t="shared" si="925"/>
        <v>1.2973665440836466</v>
      </c>
      <c r="L8338">
        <f t="shared" si="926"/>
        <v>6.2273594116015039</v>
      </c>
      <c r="M8338">
        <f t="shared" si="927"/>
        <v>0</v>
      </c>
      <c r="N8338" s="46">
        <f t="shared" si="928"/>
        <v>45637.99999997986</v>
      </c>
    </row>
    <row r="8339" spans="2:14" x14ac:dyDescent="0.3">
      <c r="B8339">
        <f t="shared" si="922"/>
        <v>4</v>
      </c>
      <c r="C8339" s="16">
        <v>8305</v>
      </c>
      <c r="D8339" cm="1">
        <f t="array" ref="D8339">IFERROR(INDEX(Jesper!AH$2:AH$366,ROUNDDOWN($C8339/24,0)+1,1)*INDEX($D$3:$AA$30,INDEX(Jesper!$R$2:$R$366,ROW(INDEX(Jesper!AH$2:AH$366,ROUNDDOWN($C8339/24,0)+1,1))-1)+IF('Standard Profiles'!$G$18=$B$10,7,0)+IF('Standard Profiles'!$G$18=$B$17,14,0)+IF('Standard Profiles'!$G$18=$B$24,21,0),MOD($C8339,24)+1)/SUM(INDEX($D$3:$AA$30,INDEX(Jesper!$R$2:$R$366,ROW(INDEX(Jesper!AH$2:AH$366,ROUNDDOWN($C8339/24,0)+1,1))-1)+IF('Standard Profiles'!$G$18=$B$10,7,0)+IF('Standard Profiles'!$G$18=$B$17,14,0)+IF('Standard Profiles'!$G$18=$B$24,21,0),0)),0)</f>
        <v>8.6491102938909776</v>
      </c>
      <c r="E8339" cm="1">
        <f t="array" ref="E8339">IFERROR(INDEX(Jesper!AI$2:AI$366,ROUNDDOWN($C8339/24,0)+1,1)*INDEX($D$3:$AA$30,INDEX(Jesper!$R$2:$R$366,ROW(INDEX(Jesper!AI$2:AI$366,ROUNDDOWN($C8339/24,0)+1,1))-1)+IF('Standard Profiles'!$G$19=$B$10,7,0)+IF('Standard Profiles'!$G$19=$B$17,14,0)+IF('Standard Profiles'!$G$19=$B$24,21,0),MOD($C8339,24)+1)/SUM(INDEX($D$3:$AA$30,INDEX(Jesper!$R$2:$R$366,ROW(INDEX(Jesper!AI$2:AI$366,ROUNDDOWN($C8339/24,0)+1,1))-1)+IF('Standard Profiles'!$G$19=$B$10,7,0)+IF('Standard Profiles'!$G$19=$B$17,14,0)+IF('Standard Profiles'!$G$19=$B$24,21,0),0)),0)</f>
        <v>0</v>
      </c>
      <c r="F8339" cm="1">
        <f t="array" ref="F8339">IFERROR(INDEX(Jesper!AJ$2:AJ$366,ROUNDDOWN($C8339/24,0)+1,1)*INDEX($D$3:$AA$30,INDEX(Jesper!$R$2:$R$366,ROW(INDEX(Jesper!AJ$2:AJ$366,ROUNDDOWN($C8339/24,0)+1,1))-1)+IF('Standard Profiles'!$G$20=$B$10,7,0)+IF('Standard Profiles'!$G$20=$B$17,14,0)+IF('Standard Profiles'!$G$20=$B$24,21,0),MOD($C8339,24)+1)/SUM(INDEX($D$3:$AA$30,INDEX(Jesper!$R$2:$R$366,ROW(INDEX(Jesper!AJ$2:AJ$366,ROUNDDOWN($C8339/24,0)+1,1))-1)+IF('Standard Profiles'!$G$20=$B$10,7,0)+IF('Standard Profiles'!$G$20=$B$17,14,0)+IF('Standard Profiles'!$G$20=$B$24,21,0),0)),0)</f>
        <v>0</v>
      </c>
      <c r="G8339" cm="1">
        <f t="array" ref="G8339">IFERROR(INDEX(Jesper!AK$2:AK$366,ROUNDDOWN($C8339/24,0)+1,1)*INDEX($D$3:$AA$30,INDEX(Jesper!$R$2:$R$366,ROW(INDEX(Jesper!AK$2:AK$366,ROUNDDOWN($C8339/24,0)+1,1))-1)+IF('Standard Profiles'!$G$21=$B$10,7,0)+IF('Standard Profiles'!$G$21=$B$17,14,0)+IF('Standard Profiles'!$G$21=$B$24,21,0),MOD($C8339,24)+1)/SUM(INDEX($D$3:$AA$30,INDEX(Jesper!$R$2:$R$366,ROW(INDEX(Jesper!AK$2:AK$366,ROUNDDOWN($C8339/24,0)+1,1))-1)+IF('Standard Profiles'!$G$21=$B$10,7,0)+IF('Standard Profiles'!$G$21=$B$17,14,0)+IF('Standard Profiles'!$G$21=$B$24,21,0),0)),0)</f>
        <v>0</v>
      </c>
      <c r="H8339" cm="1">
        <f t="array" ref="H8339">IFERROR(INDEX(Jesper!AL$2:AL$366,ROUNDDOWN($C8339/24,0)+1,1)*INDEX($D$3:$AA$30,INDEX(Jesper!$R$2:$R$366,ROW(INDEX(Jesper!AL$2:AL$366,ROUNDDOWN($C8339/24,0)+1,1))-1)+IF('Standard Profiles'!$G$22=$B$10,7,0)+IF('Standard Profiles'!$G$22=$B$17,14,0)+IF('Standard Profiles'!$G$22=$B$24,21,0),MOD($C8339,24)+1)/SUM(INDEX($D$3:$AA$30,INDEX(Jesper!$R$2:$R$366,ROW(INDEX(Jesper!AL$2:AL$366,ROUNDDOWN($C8339/24,0)+1,1))-1)+IF('Standard Profiles'!$G$22=$B$10,7,0)+IF('Standard Profiles'!$G$22=$B$17,14,0)+IF('Standard Profiles'!$G$22=$B$24,21,0),0)),0)</f>
        <v>0</v>
      </c>
      <c r="I8339">
        <f t="shared" si="923"/>
        <v>0.25947330881672931</v>
      </c>
      <c r="J8339">
        <f t="shared" si="924"/>
        <v>0.86491102938909781</v>
      </c>
      <c r="K8339">
        <f t="shared" si="925"/>
        <v>1.2973665440836466</v>
      </c>
      <c r="L8339">
        <f t="shared" si="926"/>
        <v>6.2273594116015039</v>
      </c>
      <c r="M8339">
        <f t="shared" si="927"/>
        <v>0</v>
      </c>
      <c r="N8339" s="46">
        <f t="shared" si="928"/>
        <v>45638.041666646524</v>
      </c>
    </row>
    <row r="8340" spans="2:14" x14ac:dyDescent="0.3">
      <c r="B8340">
        <f t="shared" si="922"/>
        <v>4</v>
      </c>
      <c r="C8340" s="16">
        <v>8306</v>
      </c>
      <c r="D8340" cm="1">
        <f t="array" ref="D8340">IFERROR(INDEX(Jesper!AH$2:AH$366,ROUNDDOWN($C8340/24,0)+1,1)*INDEX($D$3:$AA$30,INDEX(Jesper!$R$2:$R$366,ROW(INDEX(Jesper!AH$2:AH$366,ROUNDDOWN($C8340/24,0)+1,1))-1)+IF('Standard Profiles'!$G$18=$B$10,7,0)+IF('Standard Profiles'!$G$18=$B$17,14,0)+IF('Standard Profiles'!$G$18=$B$24,21,0),MOD($C8340,24)+1)/SUM(INDEX($D$3:$AA$30,INDEX(Jesper!$R$2:$R$366,ROW(INDEX(Jesper!AH$2:AH$366,ROUNDDOWN($C8340/24,0)+1,1))-1)+IF('Standard Profiles'!$G$18=$B$10,7,0)+IF('Standard Profiles'!$G$18=$B$17,14,0)+IF('Standard Profiles'!$G$18=$B$24,21,0),0)),0)</f>
        <v>8.6491102938909776</v>
      </c>
      <c r="E8340" cm="1">
        <f t="array" ref="E8340">IFERROR(INDEX(Jesper!AI$2:AI$366,ROUNDDOWN($C8340/24,0)+1,1)*INDEX($D$3:$AA$30,INDEX(Jesper!$R$2:$R$366,ROW(INDEX(Jesper!AI$2:AI$366,ROUNDDOWN($C8340/24,0)+1,1))-1)+IF('Standard Profiles'!$G$19=$B$10,7,0)+IF('Standard Profiles'!$G$19=$B$17,14,0)+IF('Standard Profiles'!$G$19=$B$24,21,0),MOD($C8340,24)+1)/SUM(INDEX($D$3:$AA$30,INDEX(Jesper!$R$2:$R$366,ROW(INDEX(Jesper!AI$2:AI$366,ROUNDDOWN($C8340/24,0)+1,1))-1)+IF('Standard Profiles'!$G$19=$B$10,7,0)+IF('Standard Profiles'!$G$19=$B$17,14,0)+IF('Standard Profiles'!$G$19=$B$24,21,0),0)),0)</f>
        <v>0</v>
      </c>
      <c r="F8340" cm="1">
        <f t="array" ref="F8340">IFERROR(INDEX(Jesper!AJ$2:AJ$366,ROUNDDOWN($C8340/24,0)+1,1)*INDEX($D$3:$AA$30,INDEX(Jesper!$R$2:$R$366,ROW(INDEX(Jesper!AJ$2:AJ$366,ROUNDDOWN($C8340/24,0)+1,1))-1)+IF('Standard Profiles'!$G$20=$B$10,7,0)+IF('Standard Profiles'!$G$20=$B$17,14,0)+IF('Standard Profiles'!$G$20=$B$24,21,0),MOD($C8340,24)+1)/SUM(INDEX($D$3:$AA$30,INDEX(Jesper!$R$2:$R$366,ROW(INDEX(Jesper!AJ$2:AJ$366,ROUNDDOWN($C8340/24,0)+1,1))-1)+IF('Standard Profiles'!$G$20=$B$10,7,0)+IF('Standard Profiles'!$G$20=$B$17,14,0)+IF('Standard Profiles'!$G$20=$B$24,21,0),0)),0)</f>
        <v>0</v>
      </c>
      <c r="G8340" cm="1">
        <f t="array" ref="G8340">IFERROR(INDEX(Jesper!AK$2:AK$366,ROUNDDOWN($C8340/24,0)+1,1)*INDEX($D$3:$AA$30,INDEX(Jesper!$R$2:$R$366,ROW(INDEX(Jesper!AK$2:AK$366,ROUNDDOWN($C8340/24,0)+1,1))-1)+IF('Standard Profiles'!$G$21=$B$10,7,0)+IF('Standard Profiles'!$G$21=$B$17,14,0)+IF('Standard Profiles'!$G$21=$B$24,21,0),MOD($C8340,24)+1)/SUM(INDEX($D$3:$AA$30,INDEX(Jesper!$R$2:$R$366,ROW(INDEX(Jesper!AK$2:AK$366,ROUNDDOWN($C8340/24,0)+1,1))-1)+IF('Standard Profiles'!$G$21=$B$10,7,0)+IF('Standard Profiles'!$G$21=$B$17,14,0)+IF('Standard Profiles'!$G$21=$B$24,21,0),0)),0)</f>
        <v>0</v>
      </c>
      <c r="H8340" cm="1">
        <f t="array" ref="H8340">IFERROR(INDEX(Jesper!AL$2:AL$366,ROUNDDOWN($C8340/24,0)+1,1)*INDEX($D$3:$AA$30,INDEX(Jesper!$R$2:$R$366,ROW(INDEX(Jesper!AL$2:AL$366,ROUNDDOWN($C8340/24,0)+1,1))-1)+IF('Standard Profiles'!$G$22=$B$10,7,0)+IF('Standard Profiles'!$G$22=$B$17,14,0)+IF('Standard Profiles'!$G$22=$B$24,21,0),MOD($C8340,24)+1)/SUM(INDEX($D$3:$AA$30,INDEX(Jesper!$R$2:$R$366,ROW(INDEX(Jesper!AL$2:AL$366,ROUNDDOWN($C8340/24,0)+1,1))-1)+IF('Standard Profiles'!$G$22=$B$10,7,0)+IF('Standard Profiles'!$G$22=$B$17,14,0)+IF('Standard Profiles'!$G$22=$B$24,21,0),0)),0)</f>
        <v>0</v>
      </c>
      <c r="I8340">
        <f t="shared" si="923"/>
        <v>0.25947330881672931</v>
      </c>
      <c r="J8340">
        <f t="shared" si="924"/>
        <v>0.86491102938909781</v>
      </c>
      <c r="K8340">
        <f t="shared" si="925"/>
        <v>1.2973665440836466</v>
      </c>
      <c r="L8340">
        <f t="shared" si="926"/>
        <v>6.2273594116015039</v>
      </c>
      <c r="M8340">
        <f t="shared" si="927"/>
        <v>0</v>
      </c>
      <c r="N8340" s="46">
        <f t="shared" si="928"/>
        <v>45638.083333313189</v>
      </c>
    </row>
    <row r="8341" spans="2:14" x14ac:dyDescent="0.3">
      <c r="B8341">
        <f t="shared" si="922"/>
        <v>4</v>
      </c>
      <c r="C8341" s="16">
        <v>8307</v>
      </c>
      <c r="D8341" cm="1">
        <f t="array" ref="D8341">IFERROR(INDEX(Jesper!AH$2:AH$366,ROUNDDOWN($C8341/24,0)+1,1)*INDEX($D$3:$AA$30,INDEX(Jesper!$R$2:$R$366,ROW(INDEX(Jesper!AH$2:AH$366,ROUNDDOWN($C8341/24,0)+1,1))-1)+IF('Standard Profiles'!$G$18=$B$10,7,0)+IF('Standard Profiles'!$G$18=$B$17,14,0)+IF('Standard Profiles'!$G$18=$B$24,21,0),MOD($C8341,24)+1)/SUM(INDEX($D$3:$AA$30,INDEX(Jesper!$R$2:$R$366,ROW(INDEX(Jesper!AH$2:AH$366,ROUNDDOWN($C8341/24,0)+1,1))-1)+IF('Standard Profiles'!$G$18=$B$10,7,0)+IF('Standard Profiles'!$G$18=$B$17,14,0)+IF('Standard Profiles'!$G$18=$B$24,21,0),0)),0)</f>
        <v>8.6491102938909776</v>
      </c>
      <c r="E8341" cm="1">
        <f t="array" ref="E8341">IFERROR(INDEX(Jesper!AI$2:AI$366,ROUNDDOWN($C8341/24,0)+1,1)*INDEX($D$3:$AA$30,INDEX(Jesper!$R$2:$R$366,ROW(INDEX(Jesper!AI$2:AI$366,ROUNDDOWN($C8341/24,0)+1,1))-1)+IF('Standard Profiles'!$G$19=$B$10,7,0)+IF('Standard Profiles'!$G$19=$B$17,14,0)+IF('Standard Profiles'!$G$19=$B$24,21,0),MOD($C8341,24)+1)/SUM(INDEX($D$3:$AA$30,INDEX(Jesper!$R$2:$R$366,ROW(INDEX(Jesper!AI$2:AI$366,ROUNDDOWN($C8341/24,0)+1,1))-1)+IF('Standard Profiles'!$G$19=$B$10,7,0)+IF('Standard Profiles'!$G$19=$B$17,14,0)+IF('Standard Profiles'!$G$19=$B$24,21,0),0)),0)</f>
        <v>0</v>
      </c>
      <c r="F8341" cm="1">
        <f t="array" ref="F8341">IFERROR(INDEX(Jesper!AJ$2:AJ$366,ROUNDDOWN($C8341/24,0)+1,1)*INDEX($D$3:$AA$30,INDEX(Jesper!$R$2:$R$366,ROW(INDEX(Jesper!AJ$2:AJ$366,ROUNDDOWN($C8341/24,0)+1,1))-1)+IF('Standard Profiles'!$G$20=$B$10,7,0)+IF('Standard Profiles'!$G$20=$B$17,14,0)+IF('Standard Profiles'!$G$20=$B$24,21,0),MOD($C8341,24)+1)/SUM(INDEX($D$3:$AA$30,INDEX(Jesper!$R$2:$R$366,ROW(INDEX(Jesper!AJ$2:AJ$366,ROUNDDOWN($C8341/24,0)+1,1))-1)+IF('Standard Profiles'!$G$20=$B$10,7,0)+IF('Standard Profiles'!$G$20=$B$17,14,0)+IF('Standard Profiles'!$G$20=$B$24,21,0),0)),0)</f>
        <v>0</v>
      </c>
      <c r="G8341" cm="1">
        <f t="array" ref="G8341">IFERROR(INDEX(Jesper!AK$2:AK$366,ROUNDDOWN($C8341/24,0)+1,1)*INDEX($D$3:$AA$30,INDEX(Jesper!$R$2:$R$366,ROW(INDEX(Jesper!AK$2:AK$366,ROUNDDOWN($C8341/24,0)+1,1))-1)+IF('Standard Profiles'!$G$21=$B$10,7,0)+IF('Standard Profiles'!$G$21=$B$17,14,0)+IF('Standard Profiles'!$G$21=$B$24,21,0),MOD($C8341,24)+1)/SUM(INDEX($D$3:$AA$30,INDEX(Jesper!$R$2:$R$366,ROW(INDEX(Jesper!AK$2:AK$366,ROUNDDOWN($C8341/24,0)+1,1))-1)+IF('Standard Profiles'!$G$21=$B$10,7,0)+IF('Standard Profiles'!$G$21=$B$17,14,0)+IF('Standard Profiles'!$G$21=$B$24,21,0),0)),0)</f>
        <v>0</v>
      </c>
      <c r="H8341" cm="1">
        <f t="array" ref="H8341">IFERROR(INDEX(Jesper!AL$2:AL$366,ROUNDDOWN($C8341/24,0)+1,1)*INDEX($D$3:$AA$30,INDEX(Jesper!$R$2:$R$366,ROW(INDEX(Jesper!AL$2:AL$366,ROUNDDOWN($C8341/24,0)+1,1))-1)+IF('Standard Profiles'!$G$22=$B$10,7,0)+IF('Standard Profiles'!$G$22=$B$17,14,0)+IF('Standard Profiles'!$G$22=$B$24,21,0),MOD($C8341,24)+1)/SUM(INDEX($D$3:$AA$30,INDEX(Jesper!$R$2:$R$366,ROW(INDEX(Jesper!AL$2:AL$366,ROUNDDOWN($C8341/24,0)+1,1))-1)+IF('Standard Profiles'!$G$22=$B$10,7,0)+IF('Standard Profiles'!$G$22=$B$17,14,0)+IF('Standard Profiles'!$G$22=$B$24,21,0),0)),0)</f>
        <v>0</v>
      </c>
      <c r="I8341">
        <f t="shared" si="923"/>
        <v>0.25947330881672931</v>
      </c>
      <c r="J8341">
        <f t="shared" si="924"/>
        <v>0.86491102938909781</v>
      </c>
      <c r="K8341">
        <f t="shared" si="925"/>
        <v>1.2973665440836466</v>
      </c>
      <c r="L8341">
        <f t="shared" si="926"/>
        <v>6.2273594116015039</v>
      </c>
      <c r="M8341">
        <f t="shared" si="927"/>
        <v>0</v>
      </c>
      <c r="N8341" s="46">
        <f t="shared" si="928"/>
        <v>45638.124999979853</v>
      </c>
    </row>
    <row r="8342" spans="2:14" x14ac:dyDescent="0.3">
      <c r="B8342">
        <f t="shared" si="922"/>
        <v>4</v>
      </c>
      <c r="C8342" s="16">
        <v>8308</v>
      </c>
      <c r="D8342" cm="1">
        <f t="array" ref="D8342">IFERROR(INDEX(Jesper!AH$2:AH$366,ROUNDDOWN($C8342/24,0)+1,1)*INDEX($D$3:$AA$30,INDEX(Jesper!$R$2:$R$366,ROW(INDEX(Jesper!AH$2:AH$366,ROUNDDOWN($C8342/24,0)+1,1))-1)+IF('Standard Profiles'!$G$18=$B$10,7,0)+IF('Standard Profiles'!$G$18=$B$17,14,0)+IF('Standard Profiles'!$G$18=$B$24,21,0),MOD($C8342,24)+1)/SUM(INDEX($D$3:$AA$30,INDEX(Jesper!$R$2:$R$366,ROW(INDEX(Jesper!AH$2:AH$366,ROUNDDOWN($C8342/24,0)+1,1))-1)+IF('Standard Profiles'!$G$18=$B$10,7,0)+IF('Standard Profiles'!$G$18=$B$17,14,0)+IF('Standard Profiles'!$G$18=$B$24,21,0),0)),0)</f>
        <v>8.6491102938909776</v>
      </c>
      <c r="E8342" cm="1">
        <f t="array" ref="E8342">IFERROR(INDEX(Jesper!AI$2:AI$366,ROUNDDOWN($C8342/24,0)+1,1)*INDEX($D$3:$AA$30,INDEX(Jesper!$R$2:$R$366,ROW(INDEX(Jesper!AI$2:AI$366,ROUNDDOWN($C8342/24,0)+1,1))-1)+IF('Standard Profiles'!$G$19=$B$10,7,0)+IF('Standard Profiles'!$G$19=$B$17,14,0)+IF('Standard Profiles'!$G$19=$B$24,21,0),MOD($C8342,24)+1)/SUM(INDEX($D$3:$AA$30,INDEX(Jesper!$R$2:$R$366,ROW(INDEX(Jesper!AI$2:AI$366,ROUNDDOWN($C8342/24,0)+1,1))-1)+IF('Standard Profiles'!$G$19=$B$10,7,0)+IF('Standard Profiles'!$G$19=$B$17,14,0)+IF('Standard Profiles'!$G$19=$B$24,21,0),0)),0)</f>
        <v>0</v>
      </c>
      <c r="F8342" cm="1">
        <f t="array" ref="F8342">IFERROR(INDEX(Jesper!AJ$2:AJ$366,ROUNDDOWN($C8342/24,0)+1,1)*INDEX($D$3:$AA$30,INDEX(Jesper!$R$2:$R$366,ROW(INDEX(Jesper!AJ$2:AJ$366,ROUNDDOWN($C8342/24,0)+1,1))-1)+IF('Standard Profiles'!$G$20=$B$10,7,0)+IF('Standard Profiles'!$G$20=$B$17,14,0)+IF('Standard Profiles'!$G$20=$B$24,21,0),MOD($C8342,24)+1)/SUM(INDEX($D$3:$AA$30,INDEX(Jesper!$R$2:$R$366,ROW(INDEX(Jesper!AJ$2:AJ$366,ROUNDDOWN($C8342/24,0)+1,1))-1)+IF('Standard Profiles'!$G$20=$B$10,7,0)+IF('Standard Profiles'!$G$20=$B$17,14,0)+IF('Standard Profiles'!$G$20=$B$24,21,0),0)),0)</f>
        <v>0</v>
      </c>
      <c r="G8342" cm="1">
        <f t="array" ref="G8342">IFERROR(INDEX(Jesper!AK$2:AK$366,ROUNDDOWN($C8342/24,0)+1,1)*INDEX($D$3:$AA$30,INDEX(Jesper!$R$2:$R$366,ROW(INDEX(Jesper!AK$2:AK$366,ROUNDDOWN($C8342/24,0)+1,1))-1)+IF('Standard Profiles'!$G$21=$B$10,7,0)+IF('Standard Profiles'!$G$21=$B$17,14,0)+IF('Standard Profiles'!$G$21=$B$24,21,0),MOD($C8342,24)+1)/SUM(INDEX($D$3:$AA$30,INDEX(Jesper!$R$2:$R$366,ROW(INDEX(Jesper!AK$2:AK$366,ROUNDDOWN($C8342/24,0)+1,1))-1)+IF('Standard Profiles'!$G$21=$B$10,7,0)+IF('Standard Profiles'!$G$21=$B$17,14,0)+IF('Standard Profiles'!$G$21=$B$24,21,0),0)),0)</f>
        <v>0</v>
      </c>
      <c r="H8342" cm="1">
        <f t="array" ref="H8342">IFERROR(INDEX(Jesper!AL$2:AL$366,ROUNDDOWN($C8342/24,0)+1,1)*INDEX($D$3:$AA$30,INDEX(Jesper!$R$2:$R$366,ROW(INDEX(Jesper!AL$2:AL$366,ROUNDDOWN($C8342/24,0)+1,1))-1)+IF('Standard Profiles'!$G$22=$B$10,7,0)+IF('Standard Profiles'!$G$22=$B$17,14,0)+IF('Standard Profiles'!$G$22=$B$24,21,0),MOD($C8342,24)+1)/SUM(INDEX($D$3:$AA$30,INDEX(Jesper!$R$2:$R$366,ROW(INDEX(Jesper!AL$2:AL$366,ROUNDDOWN($C8342/24,0)+1,1))-1)+IF('Standard Profiles'!$G$22=$B$10,7,0)+IF('Standard Profiles'!$G$22=$B$17,14,0)+IF('Standard Profiles'!$G$22=$B$24,21,0),0)),0)</f>
        <v>0</v>
      </c>
      <c r="I8342">
        <f t="shared" si="923"/>
        <v>0.25947330881672931</v>
      </c>
      <c r="J8342">
        <f t="shared" si="924"/>
        <v>0.86491102938909781</v>
      </c>
      <c r="K8342">
        <f t="shared" si="925"/>
        <v>1.2973665440836466</v>
      </c>
      <c r="L8342">
        <f t="shared" si="926"/>
        <v>6.2273594116015039</v>
      </c>
      <c r="M8342">
        <f t="shared" si="927"/>
        <v>0</v>
      </c>
      <c r="N8342" s="46">
        <f t="shared" si="928"/>
        <v>45638.166666646517</v>
      </c>
    </row>
    <row r="8343" spans="2:14" x14ac:dyDescent="0.3">
      <c r="B8343">
        <f t="shared" si="922"/>
        <v>4</v>
      </c>
      <c r="C8343" s="16">
        <v>8309</v>
      </c>
      <c r="D8343" cm="1">
        <f t="array" ref="D8343">IFERROR(INDEX(Jesper!AH$2:AH$366,ROUNDDOWN($C8343/24,0)+1,1)*INDEX($D$3:$AA$30,INDEX(Jesper!$R$2:$R$366,ROW(INDEX(Jesper!AH$2:AH$366,ROUNDDOWN($C8343/24,0)+1,1))-1)+IF('Standard Profiles'!$G$18=$B$10,7,0)+IF('Standard Profiles'!$G$18=$B$17,14,0)+IF('Standard Profiles'!$G$18=$B$24,21,0),MOD($C8343,24)+1)/SUM(INDEX($D$3:$AA$30,INDEX(Jesper!$R$2:$R$366,ROW(INDEX(Jesper!AH$2:AH$366,ROUNDDOWN($C8343/24,0)+1,1))-1)+IF('Standard Profiles'!$G$18=$B$10,7,0)+IF('Standard Profiles'!$G$18=$B$17,14,0)+IF('Standard Profiles'!$G$18=$B$24,21,0),0)),0)</f>
        <v>11.147742156570592</v>
      </c>
      <c r="E8343" cm="1">
        <f t="array" ref="E8343">IFERROR(INDEX(Jesper!AI$2:AI$366,ROUNDDOWN($C8343/24,0)+1,1)*INDEX($D$3:$AA$30,INDEX(Jesper!$R$2:$R$366,ROW(INDEX(Jesper!AI$2:AI$366,ROUNDDOWN($C8343/24,0)+1,1))-1)+IF('Standard Profiles'!$G$19=$B$10,7,0)+IF('Standard Profiles'!$G$19=$B$17,14,0)+IF('Standard Profiles'!$G$19=$B$24,21,0),MOD($C8343,24)+1)/SUM(INDEX($D$3:$AA$30,INDEX(Jesper!$R$2:$R$366,ROW(INDEX(Jesper!AI$2:AI$366,ROUNDDOWN($C8343/24,0)+1,1))-1)+IF('Standard Profiles'!$G$19=$B$10,7,0)+IF('Standard Profiles'!$G$19=$B$17,14,0)+IF('Standard Profiles'!$G$19=$B$24,21,0),0)),0)</f>
        <v>0</v>
      </c>
      <c r="F8343" cm="1">
        <f t="array" ref="F8343">IFERROR(INDEX(Jesper!AJ$2:AJ$366,ROUNDDOWN($C8343/24,0)+1,1)*INDEX($D$3:$AA$30,INDEX(Jesper!$R$2:$R$366,ROW(INDEX(Jesper!AJ$2:AJ$366,ROUNDDOWN($C8343/24,0)+1,1))-1)+IF('Standard Profiles'!$G$20=$B$10,7,0)+IF('Standard Profiles'!$G$20=$B$17,14,0)+IF('Standard Profiles'!$G$20=$B$24,21,0),MOD($C8343,24)+1)/SUM(INDEX($D$3:$AA$30,INDEX(Jesper!$R$2:$R$366,ROW(INDEX(Jesper!AJ$2:AJ$366,ROUNDDOWN($C8343/24,0)+1,1))-1)+IF('Standard Profiles'!$G$20=$B$10,7,0)+IF('Standard Profiles'!$G$20=$B$17,14,0)+IF('Standard Profiles'!$G$20=$B$24,21,0),0)),0)</f>
        <v>0</v>
      </c>
      <c r="G8343" cm="1">
        <f t="array" ref="G8343">IFERROR(INDEX(Jesper!AK$2:AK$366,ROUNDDOWN($C8343/24,0)+1,1)*INDEX($D$3:$AA$30,INDEX(Jesper!$R$2:$R$366,ROW(INDEX(Jesper!AK$2:AK$366,ROUNDDOWN($C8343/24,0)+1,1))-1)+IF('Standard Profiles'!$G$21=$B$10,7,0)+IF('Standard Profiles'!$G$21=$B$17,14,0)+IF('Standard Profiles'!$G$21=$B$24,21,0),MOD($C8343,24)+1)/SUM(INDEX($D$3:$AA$30,INDEX(Jesper!$R$2:$R$366,ROW(INDEX(Jesper!AK$2:AK$366,ROUNDDOWN($C8343/24,0)+1,1))-1)+IF('Standard Profiles'!$G$21=$B$10,7,0)+IF('Standard Profiles'!$G$21=$B$17,14,0)+IF('Standard Profiles'!$G$21=$B$24,21,0),0)),0)</f>
        <v>0</v>
      </c>
      <c r="H8343" cm="1">
        <f t="array" ref="H8343">IFERROR(INDEX(Jesper!AL$2:AL$366,ROUNDDOWN($C8343/24,0)+1,1)*INDEX($D$3:$AA$30,INDEX(Jesper!$R$2:$R$366,ROW(INDEX(Jesper!AL$2:AL$366,ROUNDDOWN($C8343/24,0)+1,1))-1)+IF('Standard Profiles'!$G$22=$B$10,7,0)+IF('Standard Profiles'!$G$22=$B$17,14,0)+IF('Standard Profiles'!$G$22=$B$24,21,0),MOD($C8343,24)+1)/SUM(INDEX($D$3:$AA$30,INDEX(Jesper!$R$2:$R$366,ROW(INDEX(Jesper!AL$2:AL$366,ROUNDDOWN($C8343/24,0)+1,1))-1)+IF('Standard Profiles'!$G$22=$B$10,7,0)+IF('Standard Profiles'!$G$22=$B$17,14,0)+IF('Standard Profiles'!$G$22=$B$24,21,0),0)),0)</f>
        <v>0</v>
      </c>
      <c r="I8343">
        <f t="shared" si="923"/>
        <v>0.33443226469711773</v>
      </c>
      <c r="J8343">
        <f t="shared" si="924"/>
        <v>1.1147742156570593</v>
      </c>
      <c r="K8343">
        <f t="shared" si="925"/>
        <v>1.6721613234855888</v>
      </c>
      <c r="L8343">
        <f t="shared" si="926"/>
        <v>8.0263743527308264</v>
      </c>
      <c r="M8343">
        <f t="shared" si="927"/>
        <v>0</v>
      </c>
      <c r="N8343" s="46">
        <f t="shared" si="928"/>
        <v>45638.208333313181</v>
      </c>
    </row>
    <row r="8344" spans="2:14" x14ac:dyDescent="0.3">
      <c r="B8344">
        <f t="shared" si="922"/>
        <v>4</v>
      </c>
      <c r="C8344" s="16">
        <v>8310</v>
      </c>
      <c r="D8344" cm="1">
        <f t="array" ref="D8344">IFERROR(INDEX(Jesper!AH$2:AH$366,ROUNDDOWN($C8344/24,0)+1,1)*INDEX($D$3:$AA$30,INDEX(Jesper!$R$2:$R$366,ROW(INDEX(Jesper!AH$2:AH$366,ROUNDDOWN($C8344/24,0)+1,1))-1)+IF('Standard Profiles'!$G$18=$B$10,7,0)+IF('Standard Profiles'!$G$18=$B$17,14,0)+IF('Standard Profiles'!$G$18=$B$24,21,0),MOD($C8344,24)+1)/SUM(INDEX($D$3:$AA$30,INDEX(Jesper!$R$2:$R$366,ROW(INDEX(Jesper!AH$2:AH$366,ROUNDDOWN($C8344/24,0)+1,1))-1)+IF('Standard Profiles'!$G$18=$B$10,7,0)+IF('Standard Profiles'!$G$18=$B$17,14,0)+IF('Standard Profiles'!$G$18=$B$24,21,0),0)),0)</f>
        <v>12.877564215348789</v>
      </c>
      <c r="E8344" cm="1">
        <f t="array" ref="E8344">IFERROR(INDEX(Jesper!AI$2:AI$366,ROUNDDOWN($C8344/24,0)+1,1)*INDEX($D$3:$AA$30,INDEX(Jesper!$R$2:$R$366,ROW(INDEX(Jesper!AI$2:AI$366,ROUNDDOWN($C8344/24,0)+1,1))-1)+IF('Standard Profiles'!$G$19=$B$10,7,0)+IF('Standard Profiles'!$G$19=$B$17,14,0)+IF('Standard Profiles'!$G$19=$B$24,21,0),MOD($C8344,24)+1)/SUM(INDEX($D$3:$AA$30,INDEX(Jesper!$R$2:$R$366,ROW(INDEX(Jesper!AI$2:AI$366,ROUNDDOWN($C8344/24,0)+1,1))-1)+IF('Standard Profiles'!$G$19=$B$10,7,0)+IF('Standard Profiles'!$G$19=$B$17,14,0)+IF('Standard Profiles'!$G$19=$B$24,21,0),0)),0)</f>
        <v>0</v>
      </c>
      <c r="F8344" cm="1">
        <f t="array" ref="F8344">IFERROR(INDEX(Jesper!AJ$2:AJ$366,ROUNDDOWN($C8344/24,0)+1,1)*INDEX($D$3:$AA$30,INDEX(Jesper!$R$2:$R$366,ROW(INDEX(Jesper!AJ$2:AJ$366,ROUNDDOWN($C8344/24,0)+1,1))-1)+IF('Standard Profiles'!$G$20=$B$10,7,0)+IF('Standard Profiles'!$G$20=$B$17,14,0)+IF('Standard Profiles'!$G$20=$B$24,21,0),MOD($C8344,24)+1)/SUM(INDEX($D$3:$AA$30,INDEX(Jesper!$R$2:$R$366,ROW(INDEX(Jesper!AJ$2:AJ$366,ROUNDDOWN($C8344/24,0)+1,1))-1)+IF('Standard Profiles'!$G$20=$B$10,7,0)+IF('Standard Profiles'!$G$20=$B$17,14,0)+IF('Standard Profiles'!$G$20=$B$24,21,0),0)),0)</f>
        <v>0</v>
      </c>
      <c r="G8344" cm="1">
        <f t="array" ref="G8344">IFERROR(INDEX(Jesper!AK$2:AK$366,ROUNDDOWN($C8344/24,0)+1,1)*INDEX($D$3:$AA$30,INDEX(Jesper!$R$2:$R$366,ROW(INDEX(Jesper!AK$2:AK$366,ROUNDDOWN($C8344/24,0)+1,1))-1)+IF('Standard Profiles'!$G$21=$B$10,7,0)+IF('Standard Profiles'!$G$21=$B$17,14,0)+IF('Standard Profiles'!$G$21=$B$24,21,0),MOD($C8344,24)+1)/SUM(INDEX($D$3:$AA$30,INDEX(Jesper!$R$2:$R$366,ROW(INDEX(Jesper!AK$2:AK$366,ROUNDDOWN($C8344/24,0)+1,1))-1)+IF('Standard Profiles'!$G$21=$B$10,7,0)+IF('Standard Profiles'!$G$21=$B$17,14,0)+IF('Standard Profiles'!$G$21=$B$24,21,0),0)),0)</f>
        <v>0</v>
      </c>
      <c r="H8344" cm="1">
        <f t="array" ref="H8344">IFERROR(INDEX(Jesper!AL$2:AL$366,ROUNDDOWN($C8344/24,0)+1,1)*INDEX($D$3:$AA$30,INDEX(Jesper!$R$2:$R$366,ROW(INDEX(Jesper!AL$2:AL$366,ROUNDDOWN($C8344/24,0)+1,1))-1)+IF('Standard Profiles'!$G$22=$B$10,7,0)+IF('Standard Profiles'!$G$22=$B$17,14,0)+IF('Standard Profiles'!$G$22=$B$24,21,0),MOD($C8344,24)+1)/SUM(INDEX($D$3:$AA$30,INDEX(Jesper!$R$2:$R$366,ROW(INDEX(Jesper!AL$2:AL$366,ROUNDDOWN($C8344/24,0)+1,1))-1)+IF('Standard Profiles'!$G$22=$B$10,7,0)+IF('Standard Profiles'!$G$22=$B$17,14,0)+IF('Standard Profiles'!$G$22=$B$24,21,0),0)),0)</f>
        <v>0</v>
      </c>
      <c r="I8344">
        <f t="shared" si="923"/>
        <v>0.38632692646046368</v>
      </c>
      <c r="J8344">
        <f t="shared" si="924"/>
        <v>1.2877564215348789</v>
      </c>
      <c r="K8344">
        <f t="shared" si="925"/>
        <v>1.9316346323023184</v>
      </c>
      <c r="L8344">
        <f t="shared" si="926"/>
        <v>9.271846235051127</v>
      </c>
      <c r="M8344">
        <f t="shared" si="927"/>
        <v>0</v>
      </c>
      <c r="N8344" s="46">
        <f t="shared" si="928"/>
        <v>45638.249999979846</v>
      </c>
    </row>
    <row r="8345" spans="2:14" x14ac:dyDescent="0.3">
      <c r="B8345">
        <f t="shared" si="922"/>
        <v>4</v>
      </c>
      <c r="C8345" s="16">
        <v>8311</v>
      </c>
      <c r="D8345" cm="1">
        <f t="array" ref="D8345">IFERROR(INDEX(Jesper!AH$2:AH$366,ROUNDDOWN($C8345/24,0)+1,1)*INDEX($D$3:$AA$30,INDEX(Jesper!$R$2:$R$366,ROW(INDEX(Jesper!AH$2:AH$366,ROUNDDOWN($C8345/24,0)+1,1))-1)+IF('Standard Profiles'!$G$18=$B$10,7,0)+IF('Standard Profiles'!$G$18=$B$17,14,0)+IF('Standard Profiles'!$G$18=$B$24,21,0),MOD($C8345,24)+1)/SUM(INDEX($D$3:$AA$30,INDEX(Jesper!$R$2:$R$366,ROW(INDEX(Jesper!AH$2:AH$366,ROUNDDOWN($C8345/24,0)+1,1))-1)+IF('Standard Profiles'!$G$18=$B$10,7,0)+IF('Standard Profiles'!$G$18=$B$17,14,0)+IF('Standard Profiles'!$G$18=$B$24,21,0),0)),0)</f>
        <v>12.877564215348789</v>
      </c>
      <c r="E8345" cm="1">
        <f t="array" ref="E8345">IFERROR(INDEX(Jesper!AI$2:AI$366,ROUNDDOWN($C8345/24,0)+1,1)*INDEX($D$3:$AA$30,INDEX(Jesper!$R$2:$R$366,ROW(INDEX(Jesper!AI$2:AI$366,ROUNDDOWN($C8345/24,0)+1,1))-1)+IF('Standard Profiles'!$G$19=$B$10,7,0)+IF('Standard Profiles'!$G$19=$B$17,14,0)+IF('Standard Profiles'!$G$19=$B$24,21,0),MOD($C8345,24)+1)/SUM(INDEX($D$3:$AA$30,INDEX(Jesper!$R$2:$R$366,ROW(INDEX(Jesper!AI$2:AI$366,ROUNDDOWN($C8345/24,0)+1,1))-1)+IF('Standard Profiles'!$G$19=$B$10,7,0)+IF('Standard Profiles'!$G$19=$B$17,14,0)+IF('Standard Profiles'!$G$19=$B$24,21,0),0)),0)</f>
        <v>0</v>
      </c>
      <c r="F8345" cm="1">
        <f t="array" ref="F8345">IFERROR(INDEX(Jesper!AJ$2:AJ$366,ROUNDDOWN($C8345/24,0)+1,1)*INDEX($D$3:$AA$30,INDEX(Jesper!$R$2:$R$366,ROW(INDEX(Jesper!AJ$2:AJ$366,ROUNDDOWN($C8345/24,0)+1,1))-1)+IF('Standard Profiles'!$G$20=$B$10,7,0)+IF('Standard Profiles'!$G$20=$B$17,14,0)+IF('Standard Profiles'!$G$20=$B$24,21,0),MOD($C8345,24)+1)/SUM(INDEX($D$3:$AA$30,INDEX(Jesper!$R$2:$R$366,ROW(INDEX(Jesper!AJ$2:AJ$366,ROUNDDOWN($C8345/24,0)+1,1))-1)+IF('Standard Profiles'!$G$20=$B$10,7,0)+IF('Standard Profiles'!$G$20=$B$17,14,0)+IF('Standard Profiles'!$G$20=$B$24,21,0),0)),0)</f>
        <v>0</v>
      </c>
      <c r="G8345" cm="1">
        <f t="array" ref="G8345">IFERROR(INDEX(Jesper!AK$2:AK$366,ROUNDDOWN($C8345/24,0)+1,1)*INDEX($D$3:$AA$30,INDEX(Jesper!$R$2:$R$366,ROW(INDEX(Jesper!AK$2:AK$366,ROUNDDOWN($C8345/24,0)+1,1))-1)+IF('Standard Profiles'!$G$21=$B$10,7,0)+IF('Standard Profiles'!$G$21=$B$17,14,0)+IF('Standard Profiles'!$G$21=$B$24,21,0),MOD($C8345,24)+1)/SUM(INDEX($D$3:$AA$30,INDEX(Jesper!$R$2:$R$366,ROW(INDEX(Jesper!AK$2:AK$366,ROUNDDOWN($C8345/24,0)+1,1))-1)+IF('Standard Profiles'!$G$21=$B$10,7,0)+IF('Standard Profiles'!$G$21=$B$17,14,0)+IF('Standard Profiles'!$G$21=$B$24,21,0),0)),0)</f>
        <v>0</v>
      </c>
      <c r="H8345" cm="1">
        <f t="array" ref="H8345">IFERROR(INDEX(Jesper!AL$2:AL$366,ROUNDDOWN($C8345/24,0)+1,1)*INDEX($D$3:$AA$30,INDEX(Jesper!$R$2:$R$366,ROW(INDEX(Jesper!AL$2:AL$366,ROUNDDOWN($C8345/24,0)+1,1))-1)+IF('Standard Profiles'!$G$22=$B$10,7,0)+IF('Standard Profiles'!$G$22=$B$17,14,0)+IF('Standard Profiles'!$G$22=$B$24,21,0),MOD($C8345,24)+1)/SUM(INDEX($D$3:$AA$30,INDEX(Jesper!$R$2:$R$366,ROW(INDEX(Jesper!AL$2:AL$366,ROUNDDOWN($C8345/24,0)+1,1))-1)+IF('Standard Profiles'!$G$22=$B$10,7,0)+IF('Standard Profiles'!$G$22=$B$17,14,0)+IF('Standard Profiles'!$G$22=$B$24,21,0),0)),0)</f>
        <v>0</v>
      </c>
      <c r="I8345">
        <f t="shared" si="923"/>
        <v>0.38632692646046368</v>
      </c>
      <c r="J8345">
        <f t="shared" si="924"/>
        <v>1.2877564215348789</v>
      </c>
      <c r="K8345">
        <f t="shared" si="925"/>
        <v>1.9316346323023184</v>
      </c>
      <c r="L8345">
        <f t="shared" si="926"/>
        <v>9.271846235051127</v>
      </c>
      <c r="M8345">
        <f t="shared" si="927"/>
        <v>0</v>
      </c>
      <c r="N8345" s="46">
        <f t="shared" si="928"/>
        <v>45638.29166664651</v>
      </c>
    </row>
    <row r="8346" spans="2:14" x14ac:dyDescent="0.3">
      <c r="B8346">
        <f t="shared" si="922"/>
        <v>4</v>
      </c>
      <c r="C8346" s="16">
        <v>8312</v>
      </c>
      <c r="D8346" cm="1">
        <f t="array" ref="D8346">IFERROR(INDEX(Jesper!AH$2:AH$366,ROUNDDOWN($C8346/24,0)+1,1)*INDEX($D$3:$AA$30,INDEX(Jesper!$R$2:$R$366,ROW(INDEX(Jesper!AH$2:AH$366,ROUNDDOWN($C8346/24,0)+1,1))-1)+IF('Standard Profiles'!$G$18=$B$10,7,0)+IF('Standard Profiles'!$G$18=$B$17,14,0)+IF('Standard Profiles'!$G$18=$B$24,21,0),MOD($C8346,24)+1)/SUM(INDEX($D$3:$AA$30,INDEX(Jesper!$R$2:$R$366,ROW(INDEX(Jesper!AH$2:AH$366,ROUNDDOWN($C8346/24,0)+1,1))-1)+IF('Standard Profiles'!$G$18=$B$10,7,0)+IF('Standard Profiles'!$G$18=$B$17,14,0)+IF('Standard Profiles'!$G$18=$B$24,21,0),0)),0)</f>
        <v>12.877564215348789</v>
      </c>
      <c r="E8346" cm="1">
        <f t="array" ref="E8346">IFERROR(INDEX(Jesper!AI$2:AI$366,ROUNDDOWN($C8346/24,0)+1,1)*INDEX($D$3:$AA$30,INDEX(Jesper!$R$2:$R$366,ROW(INDEX(Jesper!AI$2:AI$366,ROUNDDOWN($C8346/24,0)+1,1))-1)+IF('Standard Profiles'!$G$19=$B$10,7,0)+IF('Standard Profiles'!$G$19=$B$17,14,0)+IF('Standard Profiles'!$G$19=$B$24,21,0),MOD($C8346,24)+1)/SUM(INDEX($D$3:$AA$30,INDEX(Jesper!$R$2:$R$366,ROW(INDEX(Jesper!AI$2:AI$366,ROUNDDOWN($C8346/24,0)+1,1))-1)+IF('Standard Profiles'!$G$19=$B$10,7,0)+IF('Standard Profiles'!$G$19=$B$17,14,0)+IF('Standard Profiles'!$G$19=$B$24,21,0),0)),0)</f>
        <v>0</v>
      </c>
      <c r="F8346" cm="1">
        <f t="array" ref="F8346">IFERROR(INDEX(Jesper!AJ$2:AJ$366,ROUNDDOWN($C8346/24,0)+1,1)*INDEX($D$3:$AA$30,INDEX(Jesper!$R$2:$R$366,ROW(INDEX(Jesper!AJ$2:AJ$366,ROUNDDOWN($C8346/24,0)+1,1))-1)+IF('Standard Profiles'!$G$20=$B$10,7,0)+IF('Standard Profiles'!$G$20=$B$17,14,0)+IF('Standard Profiles'!$G$20=$B$24,21,0),MOD($C8346,24)+1)/SUM(INDEX($D$3:$AA$30,INDEX(Jesper!$R$2:$R$366,ROW(INDEX(Jesper!AJ$2:AJ$366,ROUNDDOWN($C8346/24,0)+1,1))-1)+IF('Standard Profiles'!$G$20=$B$10,7,0)+IF('Standard Profiles'!$G$20=$B$17,14,0)+IF('Standard Profiles'!$G$20=$B$24,21,0),0)),0)</f>
        <v>0</v>
      </c>
      <c r="G8346" cm="1">
        <f t="array" ref="G8346">IFERROR(INDEX(Jesper!AK$2:AK$366,ROUNDDOWN($C8346/24,0)+1,1)*INDEX($D$3:$AA$30,INDEX(Jesper!$R$2:$R$366,ROW(INDEX(Jesper!AK$2:AK$366,ROUNDDOWN($C8346/24,0)+1,1))-1)+IF('Standard Profiles'!$G$21=$B$10,7,0)+IF('Standard Profiles'!$G$21=$B$17,14,0)+IF('Standard Profiles'!$G$21=$B$24,21,0),MOD($C8346,24)+1)/SUM(INDEX($D$3:$AA$30,INDEX(Jesper!$R$2:$R$366,ROW(INDEX(Jesper!AK$2:AK$366,ROUNDDOWN($C8346/24,0)+1,1))-1)+IF('Standard Profiles'!$G$21=$B$10,7,0)+IF('Standard Profiles'!$G$21=$B$17,14,0)+IF('Standard Profiles'!$G$21=$B$24,21,0),0)),0)</f>
        <v>0</v>
      </c>
      <c r="H8346" cm="1">
        <f t="array" ref="H8346">IFERROR(INDEX(Jesper!AL$2:AL$366,ROUNDDOWN($C8346/24,0)+1,1)*INDEX($D$3:$AA$30,INDEX(Jesper!$R$2:$R$366,ROW(INDEX(Jesper!AL$2:AL$366,ROUNDDOWN($C8346/24,0)+1,1))-1)+IF('Standard Profiles'!$G$22=$B$10,7,0)+IF('Standard Profiles'!$G$22=$B$17,14,0)+IF('Standard Profiles'!$G$22=$B$24,21,0),MOD($C8346,24)+1)/SUM(INDEX($D$3:$AA$30,INDEX(Jesper!$R$2:$R$366,ROW(INDEX(Jesper!AL$2:AL$366,ROUNDDOWN($C8346/24,0)+1,1))-1)+IF('Standard Profiles'!$G$22=$B$10,7,0)+IF('Standard Profiles'!$G$22=$B$17,14,0)+IF('Standard Profiles'!$G$22=$B$24,21,0),0)),0)</f>
        <v>0</v>
      </c>
      <c r="I8346">
        <f t="shared" si="923"/>
        <v>0.38632692646046368</v>
      </c>
      <c r="J8346">
        <f t="shared" si="924"/>
        <v>1.2877564215348789</v>
      </c>
      <c r="K8346">
        <f t="shared" si="925"/>
        <v>1.9316346323023184</v>
      </c>
      <c r="L8346">
        <f t="shared" si="926"/>
        <v>9.271846235051127</v>
      </c>
      <c r="M8346">
        <f t="shared" si="927"/>
        <v>0</v>
      </c>
      <c r="N8346" s="46">
        <f t="shared" si="928"/>
        <v>45638.333333313174</v>
      </c>
    </row>
    <row r="8347" spans="2:14" x14ac:dyDescent="0.3">
      <c r="B8347">
        <f t="shared" si="922"/>
        <v>4</v>
      </c>
      <c r="C8347" s="16">
        <v>8313</v>
      </c>
      <c r="D8347" cm="1">
        <f t="array" ref="D8347">IFERROR(INDEX(Jesper!AH$2:AH$366,ROUNDDOWN($C8347/24,0)+1,1)*INDEX($D$3:$AA$30,INDEX(Jesper!$R$2:$R$366,ROW(INDEX(Jesper!AH$2:AH$366,ROUNDDOWN($C8347/24,0)+1,1))-1)+IF('Standard Profiles'!$G$18=$B$10,7,0)+IF('Standard Profiles'!$G$18=$B$17,14,0)+IF('Standard Profiles'!$G$18=$B$24,21,0),MOD($C8347,24)+1)/SUM(INDEX($D$3:$AA$30,INDEX(Jesper!$R$2:$R$366,ROW(INDEX(Jesper!AH$2:AH$366,ROUNDDOWN($C8347/24,0)+1,1))-1)+IF('Standard Profiles'!$G$18=$B$10,7,0)+IF('Standard Profiles'!$G$18=$B$17,14,0)+IF('Standard Profiles'!$G$18=$B$24,21,0),0)),0)</f>
        <v>13.838576470225565</v>
      </c>
      <c r="E8347" cm="1">
        <f t="array" ref="E8347">IFERROR(INDEX(Jesper!AI$2:AI$366,ROUNDDOWN($C8347/24,0)+1,1)*INDEX($D$3:$AA$30,INDEX(Jesper!$R$2:$R$366,ROW(INDEX(Jesper!AI$2:AI$366,ROUNDDOWN($C8347/24,0)+1,1))-1)+IF('Standard Profiles'!$G$19=$B$10,7,0)+IF('Standard Profiles'!$G$19=$B$17,14,0)+IF('Standard Profiles'!$G$19=$B$24,21,0),MOD($C8347,24)+1)/SUM(INDEX($D$3:$AA$30,INDEX(Jesper!$R$2:$R$366,ROW(INDEX(Jesper!AI$2:AI$366,ROUNDDOWN($C8347/24,0)+1,1))-1)+IF('Standard Profiles'!$G$19=$B$10,7,0)+IF('Standard Profiles'!$G$19=$B$17,14,0)+IF('Standard Profiles'!$G$19=$B$24,21,0),0)),0)</f>
        <v>0</v>
      </c>
      <c r="F8347" cm="1">
        <f t="array" ref="F8347">IFERROR(INDEX(Jesper!AJ$2:AJ$366,ROUNDDOWN($C8347/24,0)+1,1)*INDEX($D$3:$AA$30,INDEX(Jesper!$R$2:$R$366,ROW(INDEX(Jesper!AJ$2:AJ$366,ROUNDDOWN($C8347/24,0)+1,1))-1)+IF('Standard Profiles'!$G$20=$B$10,7,0)+IF('Standard Profiles'!$G$20=$B$17,14,0)+IF('Standard Profiles'!$G$20=$B$24,21,0),MOD($C8347,24)+1)/SUM(INDEX($D$3:$AA$30,INDEX(Jesper!$R$2:$R$366,ROW(INDEX(Jesper!AJ$2:AJ$366,ROUNDDOWN($C8347/24,0)+1,1))-1)+IF('Standard Profiles'!$G$20=$B$10,7,0)+IF('Standard Profiles'!$G$20=$B$17,14,0)+IF('Standard Profiles'!$G$20=$B$24,21,0),0)),0)</f>
        <v>0</v>
      </c>
      <c r="G8347" cm="1">
        <f t="array" ref="G8347">IFERROR(INDEX(Jesper!AK$2:AK$366,ROUNDDOWN($C8347/24,0)+1,1)*INDEX($D$3:$AA$30,INDEX(Jesper!$R$2:$R$366,ROW(INDEX(Jesper!AK$2:AK$366,ROUNDDOWN($C8347/24,0)+1,1))-1)+IF('Standard Profiles'!$G$21=$B$10,7,0)+IF('Standard Profiles'!$G$21=$B$17,14,0)+IF('Standard Profiles'!$G$21=$B$24,21,0),MOD($C8347,24)+1)/SUM(INDEX($D$3:$AA$30,INDEX(Jesper!$R$2:$R$366,ROW(INDEX(Jesper!AK$2:AK$366,ROUNDDOWN($C8347/24,0)+1,1))-1)+IF('Standard Profiles'!$G$21=$B$10,7,0)+IF('Standard Profiles'!$G$21=$B$17,14,0)+IF('Standard Profiles'!$G$21=$B$24,21,0),0)),0)</f>
        <v>0</v>
      </c>
      <c r="H8347" cm="1">
        <f t="array" ref="H8347">IFERROR(INDEX(Jesper!AL$2:AL$366,ROUNDDOWN($C8347/24,0)+1,1)*INDEX($D$3:$AA$30,INDEX(Jesper!$R$2:$R$366,ROW(INDEX(Jesper!AL$2:AL$366,ROUNDDOWN($C8347/24,0)+1,1))-1)+IF('Standard Profiles'!$G$22=$B$10,7,0)+IF('Standard Profiles'!$G$22=$B$17,14,0)+IF('Standard Profiles'!$G$22=$B$24,21,0),MOD($C8347,24)+1)/SUM(INDEX($D$3:$AA$30,INDEX(Jesper!$R$2:$R$366,ROW(INDEX(Jesper!AL$2:AL$366,ROUNDDOWN($C8347/24,0)+1,1))-1)+IF('Standard Profiles'!$G$22=$B$10,7,0)+IF('Standard Profiles'!$G$22=$B$17,14,0)+IF('Standard Profiles'!$G$22=$B$24,21,0),0)),0)</f>
        <v>0</v>
      </c>
      <c r="I8347">
        <f t="shared" si="923"/>
        <v>0.41515729410676694</v>
      </c>
      <c r="J8347">
        <f t="shared" si="924"/>
        <v>1.3838576470225565</v>
      </c>
      <c r="K8347">
        <f t="shared" si="925"/>
        <v>2.0757864705338345</v>
      </c>
      <c r="L8347">
        <f t="shared" si="926"/>
        <v>9.9637750585624065</v>
      </c>
      <c r="M8347">
        <f t="shared" si="927"/>
        <v>0</v>
      </c>
      <c r="N8347" s="46">
        <f t="shared" si="928"/>
        <v>45638.374999979838</v>
      </c>
    </row>
    <row r="8348" spans="2:14" x14ac:dyDescent="0.3">
      <c r="B8348">
        <f t="shared" si="922"/>
        <v>4</v>
      </c>
      <c r="C8348" s="16">
        <v>8314</v>
      </c>
      <c r="D8348" cm="1">
        <f t="array" ref="D8348">IFERROR(INDEX(Jesper!AH$2:AH$366,ROUNDDOWN($C8348/24,0)+1,1)*INDEX($D$3:$AA$30,INDEX(Jesper!$R$2:$R$366,ROW(INDEX(Jesper!AH$2:AH$366,ROUNDDOWN($C8348/24,0)+1,1))-1)+IF('Standard Profiles'!$G$18=$B$10,7,0)+IF('Standard Profiles'!$G$18=$B$17,14,0)+IF('Standard Profiles'!$G$18=$B$24,21,0),MOD($C8348,24)+1)/SUM(INDEX($D$3:$AA$30,INDEX(Jesper!$R$2:$R$366,ROW(INDEX(Jesper!AH$2:AH$366,ROUNDDOWN($C8348/24,0)+1,1))-1)+IF('Standard Profiles'!$G$18=$B$10,7,0)+IF('Standard Profiles'!$G$18=$B$17,14,0)+IF('Standard Profiles'!$G$18=$B$24,21,0),0)),0)</f>
        <v>14.991791176077694</v>
      </c>
      <c r="E8348" cm="1">
        <f t="array" ref="E8348">IFERROR(INDEX(Jesper!AI$2:AI$366,ROUNDDOWN($C8348/24,0)+1,1)*INDEX($D$3:$AA$30,INDEX(Jesper!$R$2:$R$366,ROW(INDEX(Jesper!AI$2:AI$366,ROUNDDOWN($C8348/24,0)+1,1))-1)+IF('Standard Profiles'!$G$19=$B$10,7,0)+IF('Standard Profiles'!$G$19=$B$17,14,0)+IF('Standard Profiles'!$G$19=$B$24,21,0),MOD($C8348,24)+1)/SUM(INDEX($D$3:$AA$30,INDEX(Jesper!$R$2:$R$366,ROW(INDEX(Jesper!AI$2:AI$366,ROUNDDOWN($C8348/24,0)+1,1))-1)+IF('Standard Profiles'!$G$19=$B$10,7,0)+IF('Standard Profiles'!$G$19=$B$17,14,0)+IF('Standard Profiles'!$G$19=$B$24,21,0),0)),0)</f>
        <v>0</v>
      </c>
      <c r="F8348" cm="1">
        <f t="array" ref="F8348">IFERROR(INDEX(Jesper!AJ$2:AJ$366,ROUNDDOWN($C8348/24,0)+1,1)*INDEX($D$3:$AA$30,INDEX(Jesper!$R$2:$R$366,ROW(INDEX(Jesper!AJ$2:AJ$366,ROUNDDOWN($C8348/24,0)+1,1))-1)+IF('Standard Profiles'!$G$20=$B$10,7,0)+IF('Standard Profiles'!$G$20=$B$17,14,0)+IF('Standard Profiles'!$G$20=$B$24,21,0),MOD($C8348,24)+1)/SUM(INDEX($D$3:$AA$30,INDEX(Jesper!$R$2:$R$366,ROW(INDEX(Jesper!AJ$2:AJ$366,ROUNDDOWN($C8348/24,0)+1,1))-1)+IF('Standard Profiles'!$G$20=$B$10,7,0)+IF('Standard Profiles'!$G$20=$B$17,14,0)+IF('Standard Profiles'!$G$20=$B$24,21,0),0)),0)</f>
        <v>0</v>
      </c>
      <c r="G8348" cm="1">
        <f t="array" ref="G8348">IFERROR(INDEX(Jesper!AK$2:AK$366,ROUNDDOWN($C8348/24,0)+1,1)*INDEX($D$3:$AA$30,INDEX(Jesper!$R$2:$R$366,ROW(INDEX(Jesper!AK$2:AK$366,ROUNDDOWN($C8348/24,0)+1,1))-1)+IF('Standard Profiles'!$G$21=$B$10,7,0)+IF('Standard Profiles'!$G$21=$B$17,14,0)+IF('Standard Profiles'!$G$21=$B$24,21,0),MOD($C8348,24)+1)/SUM(INDEX($D$3:$AA$30,INDEX(Jesper!$R$2:$R$366,ROW(INDEX(Jesper!AK$2:AK$366,ROUNDDOWN($C8348/24,0)+1,1))-1)+IF('Standard Profiles'!$G$21=$B$10,7,0)+IF('Standard Profiles'!$G$21=$B$17,14,0)+IF('Standard Profiles'!$G$21=$B$24,21,0),0)),0)</f>
        <v>0</v>
      </c>
      <c r="H8348" cm="1">
        <f t="array" ref="H8348">IFERROR(INDEX(Jesper!AL$2:AL$366,ROUNDDOWN($C8348/24,0)+1,1)*INDEX($D$3:$AA$30,INDEX(Jesper!$R$2:$R$366,ROW(INDEX(Jesper!AL$2:AL$366,ROUNDDOWN($C8348/24,0)+1,1))-1)+IF('Standard Profiles'!$G$22=$B$10,7,0)+IF('Standard Profiles'!$G$22=$B$17,14,0)+IF('Standard Profiles'!$G$22=$B$24,21,0),MOD($C8348,24)+1)/SUM(INDEX($D$3:$AA$30,INDEX(Jesper!$R$2:$R$366,ROW(INDEX(Jesper!AL$2:AL$366,ROUNDDOWN($C8348/24,0)+1,1))-1)+IF('Standard Profiles'!$G$22=$B$10,7,0)+IF('Standard Profiles'!$G$22=$B$17,14,0)+IF('Standard Profiles'!$G$22=$B$24,21,0),0)),0)</f>
        <v>0</v>
      </c>
      <c r="I8348">
        <f t="shared" si="923"/>
        <v>0.44975373528233081</v>
      </c>
      <c r="J8348">
        <f t="shared" si="924"/>
        <v>1.4991791176077696</v>
      </c>
      <c r="K8348">
        <f t="shared" si="925"/>
        <v>2.2487686764116539</v>
      </c>
      <c r="L8348">
        <f t="shared" si="926"/>
        <v>10.794089646775939</v>
      </c>
      <c r="M8348">
        <f t="shared" si="927"/>
        <v>0</v>
      </c>
      <c r="N8348" s="46">
        <f t="shared" si="928"/>
        <v>45638.416666646503</v>
      </c>
    </row>
    <row r="8349" spans="2:14" x14ac:dyDescent="0.3">
      <c r="B8349">
        <f t="shared" si="922"/>
        <v>4</v>
      </c>
      <c r="C8349" s="16">
        <v>8315</v>
      </c>
      <c r="D8349" cm="1">
        <f t="array" ref="D8349">IFERROR(INDEX(Jesper!AH$2:AH$366,ROUNDDOWN($C8349/24,0)+1,1)*INDEX($D$3:$AA$30,INDEX(Jesper!$R$2:$R$366,ROW(INDEX(Jesper!AH$2:AH$366,ROUNDDOWN($C8349/24,0)+1,1))-1)+IF('Standard Profiles'!$G$18=$B$10,7,0)+IF('Standard Profiles'!$G$18=$B$17,14,0)+IF('Standard Profiles'!$G$18=$B$24,21,0),MOD($C8349,24)+1)/SUM(INDEX($D$3:$AA$30,INDEX(Jesper!$R$2:$R$366,ROW(INDEX(Jesper!AH$2:AH$366,ROUNDDOWN($C8349/24,0)+1,1))-1)+IF('Standard Profiles'!$G$18=$B$10,7,0)+IF('Standard Profiles'!$G$18=$B$17,14,0)+IF('Standard Profiles'!$G$18=$B$24,21,0),0)),0)</f>
        <v>17.298220587781955</v>
      </c>
      <c r="E8349" cm="1">
        <f t="array" ref="E8349">IFERROR(INDEX(Jesper!AI$2:AI$366,ROUNDDOWN($C8349/24,0)+1,1)*INDEX($D$3:$AA$30,INDEX(Jesper!$R$2:$R$366,ROW(INDEX(Jesper!AI$2:AI$366,ROUNDDOWN($C8349/24,0)+1,1))-1)+IF('Standard Profiles'!$G$19=$B$10,7,0)+IF('Standard Profiles'!$G$19=$B$17,14,0)+IF('Standard Profiles'!$G$19=$B$24,21,0),MOD($C8349,24)+1)/SUM(INDEX($D$3:$AA$30,INDEX(Jesper!$R$2:$R$366,ROW(INDEX(Jesper!AI$2:AI$366,ROUNDDOWN($C8349/24,0)+1,1))-1)+IF('Standard Profiles'!$G$19=$B$10,7,0)+IF('Standard Profiles'!$G$19=$B$17,14,0)+IF('Standard Profiles'!$G$19=$B$24,21,0),0)),0)</f>
        <v>0</v>
      </c>
      <c r="F8349" cm="1">
        <f t="array" ref="F8349">IFERROR(INDEX(Jesper!AJ$2:AJ$366,ROUNDDOWN($C8349/24,0)+1,1)*INDEX($D$3:$AA$30,INDEX(Jesper!$R$2:$R$366,ROW(INDEX(Jesper!AJ$2:AJ$366,ROUNDDOWN($C8349/24,0)+1,1))-1)+IF('Standard Profiles'!$G$20=$B$10,7,0)+IF('Standard Profiles'!$G$20=$B$17,14,0)+IF('Standard Profiles'!$G$20=$B$24,21,0),MOD($C8349,24)+1)/SUM(INDEX($D$3:$AA$30,INDEX(Jesper!$R$2:$R$366,ROW(INDEX(Jesper!AJ$2:AJ$366,ROUNDDOWN($C8349/24,0)+1,1))-1)+IF('Standard Profiles'!$G$20=$B$10,7,0)+IF('Standard Profiles'!$G$20=$B$17,14,0)+IF('Standard Profiles'!$G$20=$B$24,21,0),0)),0)</f>
        <v>0</v>
      </c>
      <c r="G8349" cm="1">
        <f t="array" ref="G8349">IFERROR(INDEX(Jesper!AK$2:AK$366,ROUNDDOWN($C8349/24,0)+1,1)*INDEX($D$3:$AA$30,INDEX(Jesper!$R$2:$R$366,ROW(INDEX(Jesper!AK$2:AK$366,ROUNDDOWN($C8349/24,0)+1,1))-1)+IF('Standard Profiles'!$G$21=$B$10,7,0)+IF('Standard Profiles'!$G$21=$B$17,14,0)+IF('Standard Profiles'!$G$21=$B$24,21,0),MOD($C8349,24)+1)/SUM(INDEX($D$3:$AA$30,INDEX(Jesper!$R$2:$R$366,ROW(INDEX(Jesper!AK$2:AK$366,ROUNDDOWN($C8349/24,0)+1,1))-1)+IF('Standard Profiles'!$G$21=$B$10,7,0)+IF('Standard Profiles'!$G$21=$B$17,14,0)+IF('Standard Profiles'!$G$21=$B$24,21,0),0)),0)</f>
        <v>0</v>
      </c>
      <c r="H8349" cm="1">
        <f t="array" ref="H8349">IFERROR(INDEX(Jesper!AL$2:AL$366,ROUNDDOWN($C8349/24,0)+1,1)*INDEX($D$3:$AA$30,INDEX(Jesper!$R$2:$R$366,ROW(INDEX(Jesper!AL$2:AL$366,ROUNDDOWN($C8349/24,0)+1,1))-1)+IF('Standard Profiles'!$G$22=$B$10,7,0)+IF('Standard Profiles'!$G$22=$B$17,14,0)+IF('Standard Profiles'!$G$22=$B$24,21,0),MOD($C8349,24)+1)/SUM(INDEX($D$3:$AA$30,INDEX(Jesper!$R$2:$R$366,ROW(INDEX(Jesper!AL$2:AL$366,ROUNDDOWN($C8349/24,0)+1,1))-1)+IF('Standard Profiles'!$G$22=$B$10,7,0)+IF('Standard Profiles'!$G$22=$B$17,14,0)+IF('Standard Profiles'!$G$22=$B$24,21,0),0)),0)</f>
        <v>0</v>
      </c>
      <c r="I8349">
        <f t="shared" si="923"/>
        <v>0.51894661763345862</v>
      </c>
      <c r="J8349">
        <f t="shared" si="924"/>
        <v>1.7298220587781956</v>
      </c>
      <c r="K8349">
        <f t="shared" si="925"/>
        <v>2.5947330881672932</v>
      </c>
      <c r="L8349">
        <f t="shared" si="926"/>
        <v>12.454718823203008</v>
      </c>
      <c r="M8349">
        <f t="shared" si="927"/>
        <v>0</v>
      </c>
      <c r="N8349" s="46">
        <f t="shared" si="928"/>
        <v>45638.458333313167</v>
      </c>
    </row>
    <row r="8350" spans="2:14" x14ac:dyDescent="0.3">
      <c r="B8350">
        <f t="shared" si="922"/>
        <v>4</v>
      </c>
      <c r="C8350" s="16">
        <v>8316</v>
      </c>
      <c r="D8350" cm="1">
        <f t="array" ref="D8350">IFERROR(INDEX(Jesper!AH$2:AH$366,ROUNDDOWN($C8350/24,0)+1,1)*INDEX($D$3:$AA$30,INDEX(Jesper!$R$2:$R$366,ROW(INDEX(Jesper!AH$2:AH$366,ROUNDDOWN($C8350/24,0)+1,1))-1)+IF('Standard Profiles'!$G$18=$B$10,7,0)+IF('Standard Profiles'!$G$18=$B$17,14,0)+IF('Standard Profiles'!$G$18=$B$24,21,0),MOD($C8350,24)+1)/SUM(INDEX($D$3:$AA$30,INDEX(Jesper!$R$2:$R$366,ROW(INDEX(Jesper!AH$2:AH$366,ROUNDDOWN($C8350/24,0)+1,1))-1)+IF('Standard Profiles'!$G$18=$B$10,7,0)+IF('Standard Profiles'!$G$18=$B$17,14,0)+IF('Standard Profiles'!$G$18=$B$24,21,0),0)),0)</f>
        <v>17.298220587781955</v>
      </c>
      <c r="E8350" cm="1">
        <f t="array" ref="E8350">IFERROR(INDEX(Jesper!AI$2:AI$366,ROUNDDOWN($C8350/24,0)+1,1)*INDEX($D$3:$AA$30,INDEX(Jesper!$R$2:$R$366,ROW(INDEX(Jesper!AI$2:AI$366,ROUNDDOWN($C8350/24,0)+1,1))-1)+IF('Standard Profiles'!$G$19=$B$10,7,0)+IF('Standard Profiles'!$G$19=$B$17,14,0)+IF('Standard Profiles'!$G$19=$B$24,21,0),MOD($C8350,24)+1)/SUM(INDEX($D$3:$AA$30,INDEX(Jesper!$R$2:$R$366,ROW(INDEX(Jesper!AI$2:AI$366,ROUNDDOWN($C8350/24,0)+1,1))-1)+IF('Standard Profiles'!$G$19=$B$10,7,0)+IF('Standard Profiles'!$G$19=$B$17,14,0)+IF('Standard Profiles'!$G$19=$B$24,21,0),0)),0)</f>
        <v>0</v>
      </c>
      <c r="F8350" cm="1">
        <f t="array" ref="F8350">IFERROR(INDEX(Jesper!AJ$2:AJ$366,ROUNDDOWN($C8350/24,0)+1,1)*INDEX($D$3:$AA$30,INDEX(Jesper!$R$2:$R$366,ROW(INDEX(Jesper!AJ$2:AJ$366,ROUNDDOWN($C8350/24,0)+1,1))-1)+IF('Standard Profiles'!$G$20=$B$10,7,0)+IF('Standard Profiles'!$G$20=$B$17,14,0)+IF('Standard Profiles'!$G$20=$B$24,21,0),MOD($C8350,24)+1)/SUM(INDEX($D$3:$AA$30,INDEX(Jesper!$R$2:$R$366,ROW(INDEX(Jesper!AJ$2:AJ$366,ROUNDDOWN($C8350/24,0)+1,1))-1)+IF('Standard Profiles'!$G$20=$B$10,7,0)+IF('Standard Profiles'!$G$20=$B$17,14,0)+IF('Standard Profiles'!$G$20=$B$24,21,0),0)),0)</f>
        <v>0</v>
      </c>
      <c r="G8350" cm="1">
        <f t="array" ref="G8350">IFERROR(INDEX(Jesper!AK$2:AK$366,ROUNDDOWN($C8350/24,0)+1,1)*INDEX($D$3:$AA$30,INDEX(Jesper!$R$2:$R$366,ROW(INDEX(Jesper!AK$2:AK$366,ROUNDDOWN($C8350/24,0)+1,1))-1)+IF('Standard Profiles'!$G$21=$B$10,7,0)+IF('Standard Profiles'!$G$21=$B$17,14,0)+IF('Standard Profiles'!$G$21=$B$24,21,0),MOD($C8350,24)+1)/SUM(INDEX($D$3:$AA$30,INDEX(Jesper!$R$2:$R$366,ROW(INDEX(Jesper!AK$2:AK$366,ROUNDDOWN($C8350/24,0)+1,1))-1)+IF('Standard Profiles'!$G$21=$B$10,7,0)+IF('Standard Profiles'!$G$21=$B$17,14,0)+IF('Standard Profiles'!$G$21=$B$24,21,0),0)),0)</f>
        <v>0</v>
      </c>
      <c r="H8350" cm="1">
        <f t="array" ref="H8350">IFERROR(INDEX(Jesper!AL$2:AL$366,ROUNDDOWN($C8350/24,0)+1,1)*INDEX($D$3:$AA$30,INDEX(Jesper!$R$2:$R$366,ROW(INDEX(Jesper!AL$2:AL$366,ROUNDDOWN($C8350/24,0)+1,1))-1)+IF('Standard Profiles'!$G$22=$B$10,7,0)+IF('Standard Profiles'!$G$22=$B$17,14,0)+IF('Standard Profiles'!$G$22=$B$24,21,0),MOD($C8350,24)+1)/SUM(INDEX($D$3:$AA$30,INDEX(Jesper!$R$2:$R$366,ROW(INDEX(Jesper!AL$2:AL$366,ROUNDDOWN($C8350/24,0)+1,1))-1)+IF('Standard Profiles'!$G$22=$B$10,7,0)+IF('Standard Profiles'!$G$22=$B$17,14,0)+IF('Standard Profiles'!$G$22=$B$24,21,0),0)),0)</f>
        <v>0</v>
      </c>
      <c r="I8350">
        <f t="shared" si="923"/>
        <v>0.51894661763345862</v>
      </c>
      <c r="J8350">
        <f t="shared" si="924"/>
        <v>1.7298220587781956</v>
      </c>
      <c r="K8350">
        <f t="shared" si="925"/>
        <v>2.5947330881672932</v>
      </c>
      <c r="L8350">
        <f t="shared" si="926"/>
        <v>12.454718823203008</v>
      </c>
      <c r="M8350">
        <f t="shared" si="927"/>
        <v>0</v>
      </c>
      <c r="N8350" s="46">
        <f t="shared" si="928"/>
        <v>45638.499999979831</v>
      </c>
    </row>
    <row r="8351" spans="2:14" x14ac:dyDescent="0.3">
      <c r="B8351">
        <f t="shared" si="922"/>
        <v>4</v>
      </c>
      <c r="C8351" s="16">
        <v>8317</v>
      </c>
      <c r="D8351" cm="1">
        <f t="array" ref="D8351">IFERROR(INDEX(Jesper!AH$2:AH$366,ROUNDDOWN($C8351/24,0)+1,1)*INDEX($D$3:$AA$30,INDEX(Jesper!$R$2:$R$366,ROW(INDEX(Jesper!AH$2:AH$366,ROUNDDOWN($C8351/24,0)+1,1))-1)+IF('Standard Profiles'!$G$18=$B$10,7,0)+IF('Standard Profiles'!$G$18=$B$17,14,0)+IF('Standard Profiles'!$G$18=$B$24,21,0),MOD($C8351,24)+1)/SUM(INDEX($D$3:$AA$30,INDEX(Jesper!$R$2:$R$366,ROW(INDEX(Jesper!AH$2:AH$366,ROUNDDOWN($C8351/24,0)+1,1))-1)+IF('Standard Profiles'!$G$18=$B$10,7,0)+IF('Standard Profiles'!$G$18=$B$17,14,0)+IF('Standard Profiles'!$G$18=$B$24,21,0),0)),0)</f>
        <v>17.298220587781955</v>
      </c>
      <c r="E8351" cm="1">
        <f t="array" ref="E8351">IFERROR(INDEX(Jesper!AI$2:AI$366,ROUNDDOWN($C8351/24,0)+1,1)*INDEX($D$3:$AA$30,INDEX(Jesper!$R$2:$R$366,ROW(INDEX(Jesper!AI$2:AI$366,ROUNDDOWN($C8351/24,0)+1,1))-1)+IF('Standard Profiles'!$G$19=$B$10,7,0)+IF('Standard Profiles'!$G$19=$B$17,14,0)+IF('Standard Profiles'!$G$19=$B$24,21,0),MOD($C8351,24)+1)/SUM(INDEX($D$3:$AA$30,INDEX(Jesper!$R$2:$R$366,ROW(INDEX(Jesper!AI$2:AI$366,ROUNDDOWN($C8351/24,0)+1,1))-1)+IF('Standard Profiles'!$G$19=$B$10,7,0)+IF('Standard Profiles'!$G$19=$B$17,14,0)+IF('Standard Profiles'!$G$19=$B$24,21,0),0)),0)</f>
        <v>0</v>
      </c>
      <c r="F8351" cm="1">
        <f t="array" ref="F8351">IFERROR(INDEX(Jesper!AJ$2:AJ$366,ROUNDDOWN($C8351/24,0)+1,1)*INDEX($D$3:$AA$30,INDEX(Jesper!$R$2:$R$366,ROW(INDEX(Jesper!AJ$2:AJ$366,ROUNDDOWN($C8351/24,0)+1,1))-1)+IF('Standard Profiles'!$G$20=$B$10,7,0)+IF('Standard Profiles'!$G$20=$B$17,14,0)+IF('Standard Profiles'!$G$20=$B$24,21,0),MOD($C8351,24)+1)/SUM(INDEX($D$3:$AA$30,INDEX(Jesper!$R$2:$R$366,ROW(INDEX(Jesper!AJ$2:AJ$366,ROUNDDOWN($C8351/24,0)+1,1))-1)+IF('Standard Profiles'!$G$20=$B$10,7,0)+IF('Standard Profiles'!$G$20=$B$17,14,0)+IF('Standard Profiles'!$G$20=$B$24,21,0),0)),0)</f>
        <v>0</v>
      </c>
      <c r="G8351" cm="1">
        <f t="array" ref="G8351">IFERROR(INDEX(Jesper!AK$2:AK$366,ROUNDDOWN($C8351/24,0)+1,1)*INDEX($D$3:$AA$30,INDEX(Jesper!$R$2:$R$366,ROW(INDEX(Jesper!AK$2:AK$366,ROUNDDOWN($C8351/24,0)+1,1))-1)+IF('Standard Profiles'!$G$21=$B$10,7,0)+IF('Standard Profiles'!$G$21=$B$17,14,0)+IF('Standard Profiles'!$G$21=$B$24,21,0),MOD($C8351,24)+1)/SUM(INDEX($D$3:$AA$30,INDEX(Jesper!$R$2:$R$366,ROW(INDEX(Jesper!AK$2:AK$366,ROUNDDOWN($C8351/24,0)+1,1))-1)+IF('Standard Profiles'!$G$21=$B$10,7,0)+IF('Standard Profiles'!$G$21=$B$17,14,0)+IF('Standard Profiles'!$G$21=$B$24,21,0),0)),0)</f>
        <v>0</v>
      </c>
      <c r="H8351" cm="1">
        <f t="array" ref="H8351">IFERROR(INDEX(Jesper!AL$2:AL$366,ROUNDDOWN($C8351/24,0)+1,1)*INDEX($D$3:$AA$30,INDEX(Jesper!$R$2:$R$366,ROW(INDEX(Jesper!AL$2:AL$366,ROUNDDOWN($C8351/24,0)+1,1))-1)+IF('Standard Profiles'!$G$22=$B$10,7,0)+IF('Standard Profiles'!$G$22=$B$17,14,0)+IF('Standard Profiles'!$G$22=$B$24,21,0),MOD($C8351,24)+1)/SUM(INDEX($D$3:$AA$30,INDEX(Jesper!$R$2:$R$366,ROW(INDEX(Jesper!AL$2:AL$366,ROUNDDOWN($C8351/24,0)+1,1))-1)+IF('Standard Profiles'!$G$22=$B$10,7,0)+IF('Standard Profiles'!$G$22=$B$17,14,0)+IF('Standard Profiles'!$G$22=$B$24,21,0),0)),0)</f>
        <v>0</v>
      </c>
      <c r="I8351">
        <f t="shared" si="923"/>
        <v>0.51894661763345862</v>
      </c>
      <c r="J8351">
        <f t="shared" si="924"/>
        <v>1.7298220587781956</v>
      </c>
      <c r="K8351">
        <f t="shared" si="925"/>
        <v>2.5947330881672932</v>
      </c>
      <c r="L8351">
        <f t="shared" si="926"/>
        <v>12.454718823203008</v>
      </c>
      <c r="M8351">
        <f t="shared" si="927"/>
        <v>0</v>
      </c>
      <c r="N8351" s="46">
        <f t="shared" si="928"/>
        <v>45638.541666646495</v>
      </c>
    </row>
    <row r="8352" spans="2:14" x14ac:dyDescent="0.3">
      <c r="B8352">
        <f t="shared" si="922"/>
        <v>4</v>
      </c>
      <c r="C8352" s="16">
        <v>8318</v>
      </c>
      <c r="D8352" cm="1">
        <f t="array" ref="D8352">IFERROR(INDEX(Jesper!AH$2:AH$366,ROUNDDOWN($C8352/24,0)+1,1)*INDEX($D$3:$AA$30,INDEX(Jesper!$R$2:$R$366,ROW(INDEX(Jesper!AH$2:AH$366,ROUNDDOWN($C8352/24,0)+1,1))-1)+IF('Standard Profiles'!$G$18=$B$10,7,0)+IF('Standard Profiles'!$G$18=$B$17,14,0)+IF('Standard Profiles'!$G$18=$B$24,21,0),MOD($C8352,24)+1)/SUM(INDEX($D$3:$AA$30,INDEX(Jesper!$R$2:$R$366,ROW(INDEX(Jesper!AH$2:AH$366,ROUNDDOWN($C8352/24,0)+1,1))-1)+IF('Standard Profiles'!$G$18=$B$10,7,0)+IF('Standard Profiles'!$G$18=$B$17,14,0)+IF('Standard Profiles'!$G$18=$B$24,21,0),0)),0)</f>
        <v>17.298220587781955</v>
      </c>
      <c r="E8352" cm="1">
        <f t="array" ref="E8352">IFERROR(INDEX(Jesper!AI$2:AI$366,ROUNDDOWN($C8352/24,0)+1,1)*INDEX($D$3:$AA$30,INDEX(Jesper!$R$2:$R$366,ROW(INDEX(Jesper!AI$2:AI$366,ROUNDDOWN($C8352/24,0)+1,1))-1)+IF('Standard Profiles'!$G$19=$B$10,7,0)+IF('Standard Profiles'!$G$19=$B$17,14,0)+IF('Standard Profiles'!$G$19=$B$24,21,0),MOD($C8352,24)+1)/SUM(INDEX($D$3:$AA$30,INDEX(Jesper!$R$2:$R$366,ROW(INDEX(Jesper!AI$2:AI$366,ROUNDDOWN($C8352/24,0)+1,1))-1)+IF('Standard Profiles'!$G$19=$B$10,7,0)+IF('Standard Profiles'!$G$19=$B$17,14,0)+IF('Standard Profiles'!$G$19=$B$24,21,0),0)),0)</f>
        <v>0</v>
      </c>
      <c r="F8352" cm="1">
        <f t="array" ref="F8352">IFERROR(INDEX(Jesper!AJ$2:AJ$366,ROUNDDOWN($C8352/24,0)+1,1)*INDEX($D$3:$AA$30,INDEX(Jesper!$R$2:$R$366,ROW(INDEX(Jesper!AJ$2:AJ$366,ROUNDDOWN($C8352/24,0)+1,1))-1)+IF('Standard Profiles'!$G$20=$B$10,7,0)+IF('Standard Profiles'!$G$20=$B$17,14,0)+IF('Standard Profiles'!$G$20=$B$24,21,0),MOD($C8352,24)+1)/SUM(INDEX($D$3:$AA$30,INDEX(Jesper!$R$2:$R$366,ROW(INDEX(Jesper!AJ$2:AJ$366,ROUNDDOWN($C8352/24,0)+1,1))-1)+IF('Standard Profiles'!$G$20=$B$10,7,0)+IF('Standard Profiles'!$G$20=$B$17,14,0)+IF('Standard Profiles'!$G$20=$B$24,21,0),0)),0)</f>
        <v>0</v>
      </c>
      <c r="G8352" cm="1">
        <f t="array" ref="G8352">IFERROR(INDEX(Jesper!AK$2:AK$366,ROUNDDOWN($C8352/24,0)+1,1)*INDEX($D$3:$AA$30,INDEX(Jesper!$R$2:$R$366,ROW(INDEX(Jesper!AK$2:AK$366,ROUNDDOWN($C8352/24,0)+1,1))-1)+IF('Standard Profiles'!$G$21=$B$10,7,0)+IF('Standard Profiles'!$G$21=$B$17,14,0)+IF('Standard Profiles'!$G$21=$B$24,21,0),MOD($C8352,24)+1)/SUM(INDEX($D$3:$AA$30,INDEX(Jesper!$R$2:$R$366,ROW(INDEX(Jesper!AK$2:AK$366,ROUNDDOWN($C8352/24,0)+1,1))-1)+IF('Standard Profiles'!$G$21=$B$10,7,0)+IF('Standard Profiles'!$G$21=$B$17,14,0)+IF('Standard Profiles'!$G$21=$B$24,21,0),0)),0)</f>
        <v>0</v>
      </c>
      <c r="H8352" cm="1">
        <f t="array" ref="H8352">IFERROR(INDEX(Jesper!AL$2:AL$366,ROUNDDOWN($C8352/24,0)+1,1)*INDEX($D$3:$AA$30,INDEX(Jesper!$R$2:$R$366,ROW(INDEX(Jesper!AL$2:AL$366,ROUNDDOWN($C8352/24,0)+1,1))-1)+IF('Standard Profiles'!$G$22=$B$10,7,0)+IF('Standard Profiles'!$G$22=$B$17,14,0)+IF('Standard Profiles'!$G$22=$B$24,21,0),MOD($C8352,24)+1)/SUM(INDEX($D$3:$AA$30,INDEX(Jesper!$R$2:$R$366,ROW(INDEX(Jesper!AL$2:AL$366,ROUNDDOWN($C8352/24,0)+1,1))-1)+IF('Standard Profiles'!$G$22=$B$10,7,0)+IF('Standard Profiles'!$G$22=$B$17,14,0)+IF('Standard Profiles'!$G$22=$B$24,21,0),0)),0)</f>
        <v>0</v>
      </c>
      <c r="I8352">
        <f t="shared" si="923"/>
        <v>0.51894661763345862</v>
      </c>
      <c r="J8352">
        <f t="shared" si="924"/>
        <v>1.7298220587781956</v>
      </c>
      <c r="K8352">
        <f t="shared" si="925"/>
        <v>2.5947330881672932</v>
      </c>
      <c r="L8352">
        <f t="shared" si="926"/>
        <v>12.454718823203008</v>
      </c>
      <c r="M8352">
        <f t="shared" si="927"/>
        <v>0</v>
      </c>
      <c r="N8352" s="46">
        <f t="shared" si="928"/>
        <v>45638.58333331316</v>
      </c>
    </row>
    <row r="8353" spans="2:14" x14ac:dyDescent="0.3">
      <c r="B8353">
        <f t="shared" si="922"/>
        <v>4</v>
      </c>
      <c r="C8353" s="16">
        <v>8319</v>
      </c>
      <c r="D8353" cm="1">
        <f t="array" ref="D8353">IFERROR(INDEX(Jesper!AH$2:AH$366,ROUNDDOWN($C8353/24,0)+1,1)*INDEX($D$3:$AA$30,INDEX(Jesper!$R$2:$R$366,ROW(INDEX(Jesper!AH$2:AH$366,ROUNDDOWN($C8353/24,0)+1,1))-1)+IF('Standard Profiles'!$G$18=$B$10,7,0)+IF('Standard Profiles'!$G$18=$B$17,14,0)+IF('Standard Profiles'!$G$18=$B$24,21,0),MOD($C8353,24)+1)/SUM(INDEX($D$3:$AA$30,INDEX(Jesper!$R$2:$R$366,ROW(INDEX(Jesper!AH$2:AH$366,ROUNDDOWN($C8353/24,0)+1,1))-1)+IF('Standard Profiles'!$G$18=$B$10,7,0)+IF('Standard Profiles'!$G$18=$B$17,14,0)+IF('Standard Profiles'!$G$18=$B$24,21,0),0)),0)</f>
        <v>17.298220587781955</v>
      </c>
      <c r="E8353" cm="1">
        <f t="array" ref="E8353">IFERROR(INDEX(Jesper!AI$2:AI$366,ROUNDDOWN($C8353/24,0)+1,1)*INDEX($D$3:$AA$30,INDEX(Jesper!$R$2:$R$366,ROW(INDEX(Jesper!AI$2:AI$366,ROUNDDOWN($C8353/24,0)+1,1))-1)+IF('Standard Profiles'!$G$19=$B$10,7,0)+IF('Standard Profiles'!$G$19=$B$17,14,0)+IF('Standard Profiles'!$G$19=$B$24,21,0),MOD($C8353,24)+1)/SUM(INDEX($D$3:$AA$30,INDEX(Jesper!$R$2:$R$366,ROW(INDEX(Jesper!AI$2:AI$366,ROUNDDOWN($C8353/24,0)+1,1))-1)+IF('Standard Profiles'!$G$19=$B$10,7,0)+IF('Standard Profiles'!$G$19=$B$17,14,0)+IF('Standard Profiles'!$G$19=$B$24,21,0),0)),0)</f>
        <v>0</v>
      </c>
      <c r="F8353" cm="1">
        <f t="array" ref="F8353">IFERROR(INDEX(Jesper!AJ$2:AJ$366,ROUNDDOWN($C8353/24,0)+1,1)*INDEX($D$3:$AA$30,INDEX(Jesper!$R$2:$R$366,ROW(INDEX(Jesper!AJ$2:AJ$366,ROUNDDOWN($C8353/24,0)+1,1))-1)+IF('Standard Profiles'!$G$20=$B$10,7,0)+IF('Standard Profiles'!$G$20=$B$17,14,0)+IF('Standard Profiles'!$G$20=$B$24,21,0),MOD($C8353,24)+1)/SUM(INDEX($D$3:$AA$30,INDEX(Jesper!$R$2:$R$366,ROW(INDEX(Jesper!AJ$2:AJ$366,ROUNDDOWN($C8353/24,0)+1,1))-1)+IF('Standard Profiles'!$G$20=$B$10,7,0)+IF('Standard Profiles'!$G$20=$B$17,14,0)+IF('Standard Profiles'!$G$20=$B$24,21,0),0)),0)</f>
        <v>0</v>
      </c>
      <c r="G8353" cm="1">
        <f t="array" ref="G8353">IFERROR(INDEX(Jesper!AK$2:AK$366,ROUNDDOWN($C8353/24,0)+1,1)*INDEX($D$3:$AA$30,INDEX(Jesper!$R$2:$R$366,ROW(INDEX(Jesper!AK$2:AK$366,ROUNDDOWN($C8353/24,0)+1,1))-1)+IF('Standard Profiles'!$G$21=$B$10,7,0)+IF('Standard Profiles'!$G$21=$B$17,14,0)+IF('Standard Profiles'!$G$21=$B$24,21,0),MOD($C8353,24)+1)/SUM(INDEX($D$3:$AA$30,INDEX(Jesper!$R$2:$R$366,ROW(INDEX(Jesper!AK$2:AK$366,ROUNDDOWN($C8353/24,0)+1,1))-1)+IF('Standard Profiles'!$G$21=$B$10,7,0)+IF('Standard Profiles'!$G$21=$B$17,14,0)+IF('Standard Profiles'!$G$21=$B$24,21,0),0)),0)</f>
        <v>0</v>
      </c>
      <c r="H8353" cm="1">
        <f t="array" ref="H8353">IFERROR(INDEX(Jesper!AL$2:AL$366,ROUNDDOWN($C8353/24,0)+1,1)*INDEX($D$3:$AA$30,INDEX(Jesper!$R$2:$R$366,ROW(INDEX(Jesper!AL$2:AL$366,ROUNDDOWN($C8353/24,0)+1,1))-1)+IF('Standard Profiles'!$G$22=$B$10,7,0)+IF('Standard Profiles'!$G$22=$B$17,14,0)+IF('Standard Profiles'!$G$22=$B$24,21,0),MOD($C8353,24)+1)/SUM(INDEX($D$3:$AA$30,INDEX(Jesper!$R$2:$R$366,ROW(INDEX(Jesper!AL$2:AL$366,ROUNDDOWN($C8353/24,0)+1,1))-1)+IF('Standard Profiles'!$G$22=$B$10,7,0)+IF('Standard Profiles'!$G$22=$B$17,14,0)+IF('Standard Profiles'!$G$22=$B$24,21,0),0)),0)</f>
        <v>0</v>
      </c>
      <c r="I8353">
        <f t="shared" si="923"/>
        <v>0.51894661763345862</v>
      </c>
      <c r="J8353">
        <f t="shared" si="924"/>
        <v>1.7298220587781956</v>
      </c>
      <c r="K8353">
        <f t="shared" si="925"/>
        <v>2.5947330881672932</v>
      </c>
      <c r="L8353">
        <f t="shared" si="926"/>
        <v>12.454718823203008</v>
      </c>
      <c r="M8353">
        <f t="shared" si="927"/>
        <v>0</v>
      </c>
      <c r="N8353" s="46">
        <f t="shared" si="928"/>
        <v>45638.624999979824</v>
      </c>
    </row>
    <row r="8354" spans="2:14" x14ac:dyDescent="0.3">
      <c r="B8354">
        <f t="shared" si="922"/>
        <v>4</v>
      </c>
      <c r="C8354" s="16">
        <v>8320</v>
      </c>
      <c r="D8354" cm="1">
        <f t="array" ref="D8354">IFERROR(INDEX(Jesper!AH$2:AH$366,ROUNDDOWN($C8354/24,0)+1,1)*INDEX($D$3:$AA$30,INDEX(Jesper!$R$2:$R$366,ROW(INDEX(Jesper!AH$2:AH$366,ROUNDDOWN($C8354/24,0)+1,1))-1)+IF('Standard Profiles'!$G$18=$B$10,7,0)+IF('Standard Profiles'!$G$18=$B$17,14,0)+IF('Standard Profiles'!$G$18=$B$24,21,0),MOD($C8354,24)+1)/SUM(INDEX($D$3:$AA$30,INDEX(Jesper!$R$2:$R$366,ROW(INDEX(Jesper!AH$2:AH$366,ROUNDDOWN($C8354/24,0)+1,1))-1)+IF('Standard Profiles'!$G$18=$B$10,7,0)+IF('Standard Profiles'!$G$18=$B$17,14,0)+IF('Standard Profiles'!$G$18=$B$24,21,0),0)),0)</f>
        <v>17.298220587781955</v>
      </c>
      <c r="E8354" cm="1">
        <f t="array" ref="E8354">IFERROR(INDEX(Jesper!AI$2:AI$366,ROUNDDOWN($C8354/24,0)+1,1)*INDEX($D$3:$AA$30,INDEX(Jesper!$R$2:$R$366,ROW(INDEX(Jesper!AI$2:AI$366,ROUNDDOWN($C8354/24,0)+1,1))-1)+IF('Standard Profiles'!$G$19=$B$10,7,0)+IF('Standard Profiles'!$G$19=$B$17,14,0)+IF('Standard Profiles'!$G$19=$B$24,21,0),MOD($C8354,24)+1)/SUM(INDEX($D$3:$AA$30,INDEX(Jesper!$R$2:$R$366,ROW(INDEX(Jesper!AI$2:AI$366,ROUNDDOWN($C8354/24,0)+1,1))-1)+IF('Standard Profiles'!$G$19=$B$10,7,0)+IF('Standard Profiles'!$G$19=$B$17,14,0)+IF('Standard Profiles'!$G$19=$B$24,21,0),0)),0)</f>
        <v>0</v>
      </c>
      <c r="F8354" cm="1">
        <f t="array" ref="F8354">IFERROR(INDEX(Jesper!AJ$2:AJ$366,ROUNDDOWN($C8354/24,0)+1,1)*INDEX($D$3:$AA$30,INDEX(Jesper!$R$2:$R$366,ROW(INDEX(Jesper!AJ$2:AJ$366,ROUNDDOWN($C8354/24,0)+1,1))-1)+IF('Standard Profiles'!$G$20=$B$10,7,0)+IF('Standard Profiles'!$G$20=$B$17,14,0)+IF('Standard Profiles'!$G$20=$B$24,21,0),MOD($C8354,24)+1)/SUM(INDEX($D$3:$AA$30,INDEX(Jesper!$R$2:$R$366,ROW(INDEX(Jesper!AJ$2:AJ$366,ROUNDDOWN($C8354/24,0)+1,1))-1)+IF('Standard Profiles'!$G$20=$B$10,7,0)+IF('Standard Profiles'!$G$20=$B$17,14,0)+IF('Standard Profiles'!$G$20=$B$24,21,0),0)),0)</f>
        <v>0</v>
      </c>
      <c r="G8354" cm="1">
        <f t="array" ref="G8354">IFERROR(INDEX(Jesper!AK$2:AK$366,ROUNDDOWN($C8354/24,0)+1,1)*INDEX($D$3:$AA$30,INDEX(Jesper!$R$2:$R$366,ROW(INDEX(Jesper!AK$2:AK$366,ROUNDDOWN($C8354/24,0)+1,1))-1)+IF('Standard Profiles'!$G$21=$B$10,7,0)+IF('Standard Profiles'!$G$21=$B$17,14,0)+IF('Standard Profiles'!$G$21=$B$24,21,0),MOD($C8354,24)+1)/SUM(INDEX($D$3:$AA$30,INDEX(Jesper!$R$2:$R$366,ROW(INDEX(Jesper!AK$2:AK$366,ROUNDDOWN($C8354/24,0)+1,1))-1)+IF('Standard Profiles'!$G$21=$B$10,7,0)+IF('Standard Profiles'!$G$21=$B$17,14,0)+IF('Standard Profiles'!$G$21=$B$24,21,0),0)),0)</f>
        <v>0</v>
      </c>
      <c r="H8354" cm="1">
        <f t="array" ref="H8354">IFERROR(INDEX(Jesper!AL$2:AL$366,ROUNDDOWN($C8354/24,0)+1,1)*INDEX($D$3:$AA$30,INDEX(Jesper!$R$2:$R$366,ROW(INDEX(Jesper!AL$2:AL$366,ROUNDDOWN($C8354/24,0)+1,1))-1)+IF('Standard Profiles'!$G$22=$B$10,7,0)+IF('Standard Profiles'!$G$22=$B$17,14,0)+IF('Standard Profiles'!$G$22=$B$24,21,0),MOD($C8354,24)+1)/SUM(INDEX($D$3:$AA$30,INDEX(Jesper!$R$2:$R$366,ROW(INDEX(Jesper!AL$2:AL$366,ROUNDDOWN($C8354/24,0)+1,1))-1)+IF('Standard Profiles'!$G$22=$B$10,7,0)+IF('Standard Profiles'!$G$22=$B$17,14,0)+IF('Standard Profiles'!$G$22=$B$24,21,0),0)),0)</f>
        <v>0</v>
      </c>
      <c r="I8354">
        <f t="shared" si="923"/>
        <v>0.51894661763345862</v>
      </c>
      <c r="J8354">
        <f t="shared" si="924"/>
        <v>1.7298220587781956</v>
      </c>
      <c r="K8354">
        <f t="shared" si="925"/>
        <v>2.5947330881672932</v>
      </c>
      <c r="L8354">
        <f t="shared" si="926"/>
        <v>12.454718823203008</v>
      </c>
      <c r="M8354">
        <f t="shared" si="927"/>
        <v>0</v>
      </c>
      <c r="N8354" s="46">
        <f t="shared" si="928"/>
        <v>45638.666666646488</v>
      </c>
    </row>
    <row r="8355" spans="2:14" x14ac:dyDescent="0.3">
      <c r="B8355">
        <f t="shared" ref="B8355:B8418" si="929">WEEKDAY(N8355,2)</f>
        <v>4</v>
      </c>
      <c r="C8355" s="16">
        <v>8321</v>
      </c>
      <c r="D8355" cm="1">
        <f t="array" ref="D8355">IFERROR(INDEX(Jesper!AH$2:AH$366,ROUNDDOWN($C8355/24,0)+1,1)*INDEX($D$3:$AA$30,INDEX(Jesper!$R$2:$R$366,ROW(INDEX(Jesper!AH$2:AH$366,ROUNDDOWN($C8355/24,0)+1,1))-1)+IF('Standard Profiles'!$G$18=$B$10,7,0)+IF('Standard Profiles'!$G$18=$B$17,14,0)+IF('Standard Profiles'!$G$18=$B$24,21,0),MOD($C8355,24)+1)/SUM(INDEX($D$3:$AA$30,INDEX(Jesper!$R$2:$R$366,ROW(INDEX(Jesper!AH$2:AH$366,ROUNDDOWN($C8355/24,0)+1,1))-1)+IF('Standard Profiles'!$G$18=$B$10,7,0)+IF('Standard Profiles'!$G$18=$B$17,14,0)+IF('Standard Profiles'!$G$18=$B$24,21,0),0)),0)</f>
        <v>17.298220587781955</v>
      </c>
      <c r="E8355" cm="1">
        <f t="array" ref="E8355">IFERROR(INDEX(Jesper!AI$2:AI$366,ROUNDDOWN($C8355/24,0)+1,1)*INDEX($D$3:$AA$30,INDEX(Jesper!$R$2:$R$366,ROW(INDEX(Jesper!AI$2:AI$366,ROUNDDOWN($C8355/24,0)+1,1))-1)+IF('Standard Profiles'!$G$19=$B$10,7,0)+IF('Standard Profiles'!$G$19=$B$17,14,0)+IF('Standard Profiles'!$G$19=$B$24,21,0),MOD($C8355,24)+1)/SUM(INDEX($D$3:$AA$30,INDEX(Jesper!$R$2:$R$366,ROW(INDEX(Jesper!AI$2:AI$366,ROUNDDOWN($C8355/24,0)+1,1))-1)+IF('Standard Profiles'!$G$19=$B$10,7,0)+IF('Standard Profiles'!$G$19=$B$17,14,0)+IF('Standard Profiles'!$G$19=$B$24,21,0),0)),0)</f>
        <v>0</v>
      </c>
      <c r="F8355" cm="1">
        <f t="array" ref="F8355">IFERROR(INDEX(Jesper!AJ$2:AJ$366,ROUNDDOWN($C8355/24,0)+1,1)*INDEX($D$3:$AA$30,INDEX(Jesper!$R$2:$R$366,ROW(INDEX(Jesper!AJ$2:AJ$366,ROUNDDOWN($C8355/24,0)+1,1))-1)+IF('Standard Profiles'!$G$20=$B$10,7,0)+IF('Standard Profiles'!$G$20=$B$17,14,0)+IF('Standard Profiles'!$G$20=$B$24,21,0),MOD($C8355,24)+1)/SUM(INDEX($D$3:$AA$30,INDEX(Jesper!$R$2:$R$366,ROW(INDEX(Jesper!AJ$2:AJ$366,ROUNDDOWN($C8355/24,0)+1,1))-1)+IF('Standard Profiles'!$G$20=$B$10,7,0)+IF('Standard Profiles'!$G$20=$B$17,14,0)+IF('Standard Profiles'!$G$20=$B$24,21,0),0)),0)</f>
        <v>0</v>
      </c>
      <c r="G8355" cm="1">
        <f t="array" ref="G8355">IFERROR(INDEX(Jesper!AK$2:AK$366,ROUNDDOWN($C8355/24,0)+1,1)*INDEX($D$3:$AA$30,INDEX(Jesper!$R$2:$R$366,ROW(INDEX(Jesper!AK$2:AK$366,ROUNDDOWN($C8355/24,0)+1,1))-1)+IF('Standard Profiles'!$G$21=$B$10,7,0)+IF('Standard Profiles'!$G$21=$B$17,14,0)+IF('Standard Profiles'!$G$21=$B$24,21,0),MOD($C8355,24)+1)/SUM(INDEX($D$3:$AA$30,INDEX(Jesper!$R$2:$R$366,ROW(INDEX(Jesper!AK$2:AK$366,ROUNDDOWN($C8355/24,0)+1,1))-1)+IF('Standard Profiles'!$G$21=$B$10,7,0)+IF('Standard Profiles'!$G$21=$B$17,14,0)+IF('Standard Profiles'!$G$21=$B$24,21,0),0)),0)</f>
        <v>0</v>
      </c>
      <c r="H8355" cm="1">
        <f t="array" ref="H8355">IFERROR(INDEX(Jesper!AL$2:AL$366,ROUNDDOWN($C8355/24,0)+1,1)*INDEX($D$3:$AA$30,INDEX(Jesper!$R$2:$R$366,ROW(INDEX(Jesper!AL$2:AL$366,ROUNDDOWN($C8355/24,0)+1,1))-1)+IF('Standard Profiles'!$G$22=$B$10,7,0)+IF('Standard Profiles'!$G$22=$B$17,14,0)+IF('Standard Profiles'!$G$22=$B$24,21,0),MOD($C8355,24)+1)/SUM(INDEX($D$3:$AA$30,INDEX(Jesper!$R$2:$R$366,ROW(INDEX(Jesper!AL$2:AL$366,ROUNDDOWN($C8355/24,0)+1,1))-1)+IF('Standard Profiles'!$G$22=$B$10,7,0)+IF('Standard Profiles'!$G$22=$B$17,14,0)+IF('Standard Profiles'!$G$22=$B$24,21,0),0)),0)</f>
        <v>0</v>
      </c>
      <c r="I8355">
        <f t="shared" ref="I8355:I8418" si="930">IF($B8355&lt;6,AC$37*$D8355+AC$38*$E8355+AC$39*$F8355+AC$40*$G8355,AC$46*$D8355+AC$47*$E8355+AC$48*$F8355+AC$49*$G8355+AC$50*$H8355)</f>
        <v>0.51894661763345862</v>
      </c>
      <c r="J8355">
        <f t="shared" ref="J8355:J8418" si="931">IF($B8355&lt;6,AD$37*$D8355+AD$38*$E8355+AD$39*$F8355+AD$40*$G8355,AD$46*$D8355+AD$47*$E8355+AD$48*$F8355+AD$49*$G8355+AD$50*$H8355)</f>
        <v>1.7298220587781956</v>
      </c>
      <c r="K8355">
        <f t="shared" ref="K8355:K8418" si="932">IF($B8355&lt;6,AE$37*$D8355+AE$38*$E8355+AE$39*$F8355+AE$40*$G8355,AE$46*$D8355+AE$47*$E8355+AE$48*$F8355+AE$49*$G8355+AE$50*$H8355)</f>
        <v>2.5947330881672932</v>
      </c>
      <c r="L8355">
        <f t="shared" ref="L8355:L8418" si="933">IF($B8355&lt;6,AF$37*$D8355+AF$38*$E8355+AF$39*$F8355+AF$40*$G8355,AF$46*$D8355+AF$47*$E8355+AF$48*$F8355+AF$49*$G8355+AF$50*$H8355)</f>
        <v>12.454718823203008</v>
      </c>
      <c r="M8355">
        <f t="shared" ref="M8355:M8418" si="934">IF($B8355&lt;6,AG$37*$D8355+AG$38*$E8355+AG$39*$F8355+AG$40*$G8355,AG$46*$D8355+AG$47*$E8355+AG$48*$F8355+AG$49*$G8355+AG$50*$H8355)</f>
        <v>0</v>
      </c>
      <c r="N8355" s="46">
        <f t="shared" si="928"/>
        <v>45638.708333313152</v>
      </c>
    </row>
    <row r="8356" spans="2:14" x14ac:dyDescent="0.3">
      <c r="B8356">
        <f t="shared" si="929"/>
        <v>4</v>
      </c>
      <c r="C8356" s="16">
        <v>8322</v>
      </c>
      <c r="D8356" cm="1">
        <f t="array" ref="D8356">IFERROR(INDEX(Jesper!AH$2:AH$366,ROUNDDOWN($C8356/24,0)+1,1)*INDEX($D$3:$AA$30,INDEX(Jesper!$R$2:$R$366,ROW(INDEX(Jesper!AH$2:AH$366,ROUNDDOWN($C8356/24,0)+1,1))-1)+IF('Standard Profiles'!$G$18=$B$10,7,0)+IF('Standard Profiles'!$G$18=$B$17,14,0)+IF('Standard Profiles'!$G$18=$B$24,21,0),MOD($C8356,24)+1)/SUM(INDEX($D$3:$AA$30,INDEX(Jesper!$R$2:$R$366,ROW(INDEX(Jesper!AH$2:AH$366,ROUNDDOWN($C8356/24,0)+1,1))-1)+IF('Standard Profiles'!$G$18=$B$10,7,0)+IF('Standard Profiles'!$G$18=$B$17,14,0)+IF('Standard Profiles'!$G$18=$B$24,21,0),0)),0)</f>
        <v>17.298220587781955</v>
      </c>
      <c r="E8356" cm="1">
        <f t="array" ref="E8356">IFERROR(INDEX(Jesper!AI$2:AI$366,ROUNDDOWN($C8356/24,0)+1,1)*INDEX($D$3:$AA$30,INDEX(Jesper!$R$2:$R$366,ROW(INDEX(Jesper!AI$2:AI$366,ROUNDDOWN($C8356/24,0)+1,1))-1)+IF('Standard Profiles'!$G$19=$B$10,7,0)+IF('Standard Profiles'!$G$19=$B$17,14,0)+IF('Standard Profiles'!$G$19=$B$24,21,0),MOD($C8356,24)+1)/SUM(INDEX($D$3:$AA$30,INDEX(Jesper!$R$2:$R$366,ROW(INDEX(Jesper!AI$2:AI$366,ROUNDDOWN($C8356/24,0)+1,1))-1)+IF('Standard Profiles'!$G$19=$B$10,7,0)+IF('Standard Profiles'!$G$19=$B$17,14,0)+IF('Standard Profiles'!$G$19=$B$24,21,0),0)),0)</f>
        <v>0</v>
      </c>
      <c r="F8356" cm="1">
        <f t="array" ref="F8356">IFERROR(INDEX(Jesper!AJ$2:AJ$366,ROUNDDOWN($C8356/24,0)+1,1)*INDEX($D$3:$AA$30,INDEX(Jesper!$R$2:$R$366,ROW(INDEX(Jesper!AJ$2:AJ$366,ROUNDDOWN($C8356/24,0)+1,1))-1)+IF('Standard Profiles'!$G$20=$B$10,7,0)+IF('Standard Profiles'!$G$20=$B$17,14,0)+IF('Standard Profiles'!$G$20=$B$24,21,0),MOD($C8356,24)+1)/SUM(INDEX($D$3:$AA$30,INDEX(Jesper!$R$2:$R$366,ROW(INDEX(Jesper!AJ$2:AJ$366,ROUNDDOWN($C8356/24,0)+1,1))-1)+IF('Standard Profiles'!$G$20=$B$10,7,0)+IF('Standard Profiles'!$G$20=$B$17,14,0)+IF('Standard Profiles'!$G$20=$B$24,21,0),0)),0)</f>
        <v>0</v>
      </c>
      <c r="G8356" cm="1">
        <f t="array" ref="G8356">IFERROR(INDEX(Jesper!AK$2:AK$366,ROUNDDOWN($C8356/24,0)+1,1)*INDEX($D$3:$AA$30,INDEX(Jesper!$R$2:$R$366,ROW(INDEX(Jesper!AK$2:AK$366,ROUNDDOWN($C8356/24,0)+1,1))-1)+IF('Standard Profiles'!$G$21=$B$10,7,0)+IF('Standard Profiles'!$G$21=$B$17,14,0)+IF('Standard Profiles'!$G$21=$B$24,21,0),MOD($C8356,24)+1)/SUM(INDEX($D$3:$AA$30,INDEX(Jesper!$R$2:$R$366,ROW(INDEX(Jesper!AK$2:AK$366,ROUNDDOWN($C8356/24,0)+1,1))-1)+IF('Standard Profiles'!$G$21=$B$10,7,0)+IF('Standard Profiles'!$G$21=$B$17,14,0)+IF('Standard Profiles'!$G$21=$B$24,21,0),0)),0)</f>
        <v>0</v>
      </c>
      <c r="H8356" cm="1">
        <f t="array" ref="H8356">IFERROR(INDEX(Jesper!AL$2:AL$366,ROUNDDOWN($C8356/24,0)+1,1)*INDEX($D$3:$AA$30,INDEX(Jesper!$R$2:$R$366,ROW(INDEX(Jesper!AL$2:AL$366,ROUNDDOWN($C8356/24,0)+1,1))-1)+IF('Standard Profiles'!$G$22=$B$10,7,0)+IF('Standard Profiles'!$G$22=$B$17,14,0)+IF('Standard Profiles'!$G$22=$B$24,21,0),MOD($C8356,24)+1)/SUM(INDEX($D$3:$AA$30,INDEX(Jesper!$R$2:$R$366,ROW(INDEX(Jesper!AL$2:AL$366,ROUNDDOWN($C8356/24,0)+1,1))-1)+IF('Standard Profiles'!$G$22=$B$10,7,0)+IF('Standard Profiles'!$G$22=$B$17,14,0)+IF('Standard Profiles'!$G$22=$B$24,21,0),0)),0)</f>
        <v>0</v>
      </c>
      <c r="I8356">
        <f t="shared" si="930"/>
        <v>0.51894661763345862</v>
      </c>
      <c r="J8356">
        <f t="shared" si="931"/>
        <v>1.7298220587781956</v>
      </c>
      <c r="K8356">
        <f t="shared" si="932"/>
        <v>2.5947330881672932</v>
      </c>
      <c r="L8356">
        <f t="shared" si="933"/>
        <v>12.454718823203008</v>
      </c>
      <c r="M8356">
        <f t="shared" si="934"/>
        <v>0</v>
      </c>
      <c r="N8356" s="46">
        <f t="shared" ref="N8356:N8419" si="935">N8355+1/24</f>
        <v>45638.749999979816</v>
      </c>
    </row>
    <row r="8357" spans="2:14" x14ac:dyDescent="0.3">
      <c r="B8357">
        <f t="shared" si="929"/>
        <v>4</v>
      </c>
      <c r="C8357" s="16">
        <v>8323</v>
      </c>
      <c r="D8357" cm="1">
        <f t="array" ref="D8357">IFERROR(INDEX(Jesper!AH$2:AH$366,ROUNDDOWN($C8357/24,0)+1,1)*INDEX($D$3:$AA$30,INDEX(Jesper!$R$2:$R$366,ROW(INDEX(Jesper!AH$2:AH$366,ROUNDDOWN($C8357/24,0)+1,1))-1)+IF('Standard Profiles'!$G$18=$B$10,7,0)+IF('Standard Profiles'!$G$18=$B$17,14,0)+IF('Standard Profiles'!$G$18=$B$24,21,0),MOD($C8357,24)+1)/SUM(INDEX($D$3:$AA$30,INDEX(Jesper!$R$2:$R$366,ROW(INDEX(Jesper!AH$2:AH$366,ROUNDDOWN($C8357/24,0)+1,1))-1)+IF('Standard Profiles'!$G$18=$B$10,7,0)+IF('Standard Profiles'!$G$18=$B$17,14,0)+IF('Standard Profiles'!$G$18=$B$24,21,0),0)),0)</f>
        <v>14.415183823151628</v>
      </c>
      <c r="E8357" cm="1">
        <f t="array" ref="E8357">IFERROR(INDEX(Jesper!AI$2:AI$366,ROUNDDOWN($C8357/24,0)+1,1)*INDEX($D$3:$AA$30,INDEX(Jesper!$R$2:$R$366,ROW(INDEX(Jesper!AI$2:AI$366,ROUNDDOWN($C8357/24,0)+1,1))-1)+IF('Standard Profiles'!$G$19=$B$10,7,0)+IF('Standard Profiles'!$G$19=$B$17,14,0)+IF('Standard Profiles'!$G$19=$B$24,21,0),MOD($C8357,24)+1)/SUM(INDEX($D$3:$AA$30,INDEX(Jesper!$R$2:$R$366,ROW(INDEX(Jesper!AI$2:AI$366,ROUNDDOWN($C8357/24,0)+1,1))-1)+IF('Standard Profiles'!$G$19=$B$10,7,0)+IF('Standard Profiles'!$G$19=$B$17,14,0)+IF('Standard Profiles'!$G$19=$B$24,21,0),0)),0)</f>
        <v>0</v>
      </c>
      <c r="F8357" cm="1">
        <f t="array" ref="F8357">IFERROR(INDEX(Jesper!AJ$2:AJ$366,ROUNDDOWN($C8357/24,0)+1,1)*INDEX($D$3:$AA$30,INDEX(Jesper!$R$2:$R$366,ROW(INDEX(Jesper!AJ$2:AJ$366,ROUNDDOWN($C8357/24,0)+1,1))-1)+IF('Standard Profiles'!$G$20=$B$10,7,0)+IF('Standard Profiles'!$G$20=$B$17,14,0)+IF('Standard Profiles'!$G$20=$B$24,21,0),MOD($C8357,24)+1)/SUM(INDEX($D$3:$AA$30,INDEX(Jesper!$R$2:$R$366,ROW(INDEX(Jesper!AJ$2:AJ$366,ROUNDDOWN($C8357/24,0)+1,1))-1)+IF('Standard Profiles'!$G$20=$B$10,7,0)+IF('Standard Profiles'!$G$20=$B$17,14,0)+IF('Standard Profiles'!$G$20=$B$24,21,0),0)),0)</f>
        <v>0</v>
      </c>
      <c r="G8357" cm="1">
        <f t="array" ref="G8357">IFERROR(INDEX(Jesper!AK$2:AK$366,ROUNDDOWN($C8357/24,0)+1,1)*INDEX($D$3:$AA$30,INDEX(Jesper!$R$2:$R$366,ROW(INDEX(Jesper!AK$2:AK$366,ROUNDDOWN($C8357/24,0)+1,1))-1)+IF('Standard Profiles'!$G$21=$B$10,7,0)+IF('Standard Profiles'!$G$21=$B$17,14,0)+IF('Standard Profiles'!$G$21=$B$24,21,0),MOD($C8357,24)+1)/SUM(INDEX($D$3:$AA$30,INDEX(Jesper!$R$2:$R$366,ROW(INDEX(Jesper!AK$2:AK$366,ROUNDDOWN($C8357/24,0)+1,1))-1)+IF('Standard Profiles'!$G$21=$B$10,7,0)+IF('Standard Profiles'!$G$21=$B$17,14,0)+IF('Standard Profiles'!$G$21=$B$24,21,0),0)),0)</f>
        <v>0</v>
      </c>
      <c r="H8357" cm="1">
        <f t="array" ref="H8357">IFERROR(INDEX(Jesper!AL$2:AL$366,ROUNDDOWN($C8357/24,0)+1,1)*INDEX($D$3:$AA$30,INDEX(Jesper!$R$2:$R$366,ROW(INDEX(Jesper!AL$2:AL$366,ROUNDDOWN($C8357/24,0)+1,1))-1)+IF('Standard Profiles'!$G$22=$B$10,7,0)+IF('Standard Profiles'!$G$22=$B$17,14,0)+IF('Standard Profiles'!$G$22=$B$24,21,0),MOD($C8357,24)+1)/SUM(INDEX($D$3:$AA$30,INDEX(Jesper!$R$2:$R$366,ROW(INDEX(Jesper!AL$2:AL$366,ROUNDDOWN($C8357/24,0)+1,1))-1)+IF('Standard Profiles'!$G$22=$B$10,7,0)+IF('Standard Profiles'!$G$22=$B$17,14,0)+IF('Standard Profiles'!$G$22=$B$24,21,0),0)),0)</f>
        <v>0</v>
      </c>
      <c r="I8357">
        <f t="shared" si="930"/>
        <v>0.43245551469454879</v>
      </c>
      <c r="J8357">
        <f t="shared" si="931"/>
        <v>1.4415183823151629</v>
      </c>
      <c r="K8357">
        <f t="shared" si="932"/>
        <v>2.162277573472744</v>
      </c>
      <c r="L8357">
        <f t="shared" si="933"/>
        <v>10.378932352669171</v>
      </c>
      <c r="M8357">
        <f t="shared" si="934"/>
        <v>0</v>
      </c>
      <c r="N8357" s="46">
        <f t="shared" si="935"/>
        <v>45638.791666646481</v>
      </c>
    </row>
    <row r="8358" spans="2:14" x14ac:dyDescent="0.3">
      <c r="B8358">
        <f t="shared" si="929"/>
        <v>4</v>
      </c>
      <c r="C8358" s="16">
        <v>8324</v>
      </c>
      <c r="D8358" cm="1">
        <f t="array" ref="D8358">IFERROR(INDEX(Jesper!AH$2:AH$366,ROUNDDOWN($C8358/24,0)+1,1)*INDEX($D$3:$AA$30,INDEX(Jesper!$R$2:$R$366,ROW(INDEX(Jesper!AH$2:AH$366,ROUNDDOWN($C8358/24,0)+1,1))-1)+IF('Standard Profiles'!$G$18=$B$10,7,0)+IF('Standard Profiles'!$G$18=$B$17,14,0)+IF('Standard Profiles'!$G$18=$B$24,21,0),MOD($C8358,24)+1)/SUM(INDEX($D$3:$AA$30,INDEX(Jesper!$R$2:$R$366,ROW(INDEX(Jesper!AH$2:AH$366,ROUNDDOWN($C8358/24,0)+1,1))-1)+IF('Standard Profiles'!$G$18=$B$10,7,0)+IF('Standard Profiles'!$G$18=$B$17,14,0)+IF('Standard Profiles'!$G$18=$B$24,21,0),0)),0)</f>
        <v>11.532147058521304</v>
      </c>
      <c r="E8358" cm="1">
        <f t="array" ref="E8358">IFERROR(INDEX(Jesper!AI$2:AI$366,ROUNDDOWN($C8358/24,0)+1,1)*INDEX($D$3:$AA$30,INDEX(Jesper!$R$2:$R$366,ROW(INDEX(Jesper!AI$2:AI$366,ROUNDDOWN($C8358/24,0)+1,1))-1)+IF('Standard Profiles'!$G$19=$B$10,7,0)+IF('Standard Profiles'!$G$19=$B$17,14,0)+IF('Standard Profiles'!$G$19=$B$24,21,0),MOD($C8358,24)+1)/SUM(INDEX($D$3:$AA$30,INDEX(Jesper!$R$2:$R$366,ROW(INDEX(Jesper!AI$2:AI$366,ROUNDDOWN($C8358/24,0)+1,1))-1)+IF('Standard Profiles'!$G$19=$B$10,7,0)+IF('Standard Profiles'!$G$19=$B$17,14,0)+IF('Standard Profiles'!$G$19=$B$24,21,0),0)),0)</f>
        <v>0</v>
      </c>
      <c r="F8358" cm="1">
        <f t="array" ref="F8358">IFERROR(INDEX(Jesper!AJ$2:AJ$366,ROUNDDOWN($C8358/24,0)+1,1)*INDEX($D$3:$AA$30,INDEX(Jesper!$R$2:$R$366,ROW(INDEX(Jesper!AJ$2:AJ$366,ROUNDDOWN($C8358/24,0)+1,1))-1)+IF('Standard Profiles'!$G$20=$B$10,7,0)+IF('Standard Profiles'!$G$20=$B$17,14,0)+IF('Standard Profiles'!$G$20=$B$24,21,0),MOD($C8358,24)+1)/SUM(INDEX($D$3:$AA$30,INDEX(Jesper!$R$2:$R$366,ROW(INDEX(Jesper!AJ$2:AJ$366,ROUNDDOWN($C8358/24,0)+1,1))-1)+IF('Standard Profiles'!$G$20=$B$10,7,0)+IF('Standard Profiles'!$G$20=$B$17,14,0)+IF('Standard Profiles'!$G$20=$B$24,21,0),0)),0)</f>
        <v>0</v>
      </c>
      <c r="G8358" cm="1">
        <f t="array" ref="G8358">IFERROR(INDEX(Jesper!AK$2:AK$366,ROUNDDOWN($C8358/24,0)+1,1)*INDEX($D$3:$AA$30,INDEX(Jesper!$R$2:$R$366,ROW(INDEX(Jesper!AK$2:AK$366,ROUNDDOWN($C8358/24,0)+1,1))-1)+IF('Standard Profiles'!$G$21=$B$10,7,0)+IF('Standard Profiles'!$G$21=$B$17,14,0)+IF('Standard Profiles'!$G$21=$B$24,21,0),MOD($C8358,24)+1)/SUM(INDEX($D$3:$AA$30,INDEX(Jesper!$R$2:$R$366,ROW(INDEX(Jesper!AK$2:AK$366,ROUNDDOWN($C8358/24,0)+1,1))-1)+IF('Standard Profiles'!$G$21=$B$10,7,0)+IF('Standard Profiles'!$G$21=$B$17,14,0)+IF('Standard Profiles'!$G$21=$B$24,21,0),0)),0)</f>
        <v>0</v>
      </c>
      <c r="H8358" cm="1">
        <f t="array" ref="H8358">IFERROR(INDEX(Jesper!AL$2:AL$366,ROUNDDOWN($C8358/24,0)+1,1)*INDEX($D$3:$AA$30,INDEX(Jesper!$R$2:$R$366,ROW(INDEX(Jesper!AL$2:AL$366,ROUNDDOWN($C8358/24,0)+1,1))-1)+IF('Standard Profiles'!$G$22=$B$10,7,0)+IF('Standard Profiles'!$G$22=$B$17,14,0)+IF('Standard Profiles'!$G$22=$B$24,21,0),MOD($C8358,24)+1)/SUM(INDEX($D$3:$AA$30,INDEX(Jesper!$R$2:$R$366,ROW(INDEX(Jesper!AL$2:AL$366,ROUNDDOWN($C8358/24,0)+1,1))-1)+IF('Standard Profiles'!$G$22=$B$10,7,0)+IF('Standard Profiles'!$G$22=$B$17,14,0)+IF('Standard Profiles'!$G$22=$B$24,21,0),0)),0)</f>
        <v>0</v>
      </c>
      <c r="I8358">
        <f t="shared" si="930"/>
        <v>0.34596441175563908</v>
      </c>
      <c r="J8358">
        <f t="shared" si="931"/>
        <v>1.1532147058521305</v>
      </c>
      <c r="K8358">
        <f t="shared" si="932"/>
        <v>1.7298220587781954</v>
      </c>
      <c r="L8358">
        <f t="shared" si="933"/>
        <v>8.3031458821353379</v>
      </c>
      <c r="M8358">
        <f t="shared" si="934"/>
        <v>0</v>
      </c>
      <c r="N8358" s="46">
        <f t="shared" si="935"/>
        <v>45638.833333313145</v>
      </c>
    </row>
    <row r="8359" spans="2:14" x14ac:dyDescent="0.3">
      <c r="B8359">
        <f t="shared" si="929"/>
        <v>4</v>
      </c>
      <c r="C8359" s="16">
        <v>8325</v>
      </c>
      <c r="D8359" cm="1">
        <f t="array" ref="D8359">IFERROR(INDEX(Jesper!AH$2:AH$366,ROUNDDOWN($C8359/24,0)+1,1)*INDEX($D$3:$AA$30,INDEX(Jesper!$R$2:$R$366,ROW(INDEX(Jesper!AH$2:AH$366,ROUNDDOWN($C8359/24,0)+1,1))-1)+IF('Standard Profiles'!$G$18=$B$10,7,0)+IF('Standard Profiles'!$G$18=$B$17,14,0)+IF('Standard Profiles'!$G$18=$B$24,21,0),MOD($C8359,24)+1)/SUM(INDEX($D$3:$AA$30,INDEX(Jesper!$R$2:$R$366,ROW(INDEX(Jesper!AH$2:AH$366,ROUNDDOWN($C8359/24,0)+1,1))-1)+IF('Standard Profiles'!$G$18=$B$10,7,0)+IF('Standard Profiles'!$G$18=$B$17,14,0)+IF('Standard Profiles'!$G$18=$B$24,21,0),0)),0)</f>
        <v>8.6491102938909776</v>
      </c>
      <c r="E8359" cm="1">
        <f t="array" ref="E8359">IFERROR(INDEX(Jesper!AI$2:AI$366,ROUNDDOWN($C8359/24,0)+1,1)*INDEX($D$3:$AA$30,INDEX(Jesper!$R$2:$R$366,ROW(INDEX(Jesper!AI$2:AI$366,ROUNDDOWN($C8359/24,0)+1,1))-1)+IF('Standard Profiles'!$G$19=$B$10,7,0)+IF('Standard Profiles'!$G$19=$B$17,14,0)+IF('Standard Profiles'!$G$19=$B$24,21,0),MOD($C8359,24)+1)/SUM(INDEX($D$3:$AA$30,INDEX(Jesper!$R$2:$R$366,ROW(INDEX(Jesper!AI$2:AI$366,ROUNDDOWN($C8359/24,0)+1,1))-1)+IF('Standard Profiles'!$G$19=$B$10,7,0)+IF('Standard Profiles'!$G$19=$B$17,14,0)+IF('Standard Profiles'!$G$19=$B$24,21,0),0)),0)</f>
        <v>0</v>
      </c>
      <c r="F8359" cm="1">
        <f t="array" ref="F8359">IFERROR(INDEX(Jesper!AJ$2:AJ$366,ROUNDDOWN($C8359/24,0)+1,1)*INDEX($D$3:$AA$30,INDEX(Jesper!$R$2:$R$366,ROW(INDEX(Jesper!AJ$2:AJ$366,ROUNDDOWN($C8359/24,0)+1,1))-1)+IF('Standard Profiles'!$G$20=$B$10,7,0)+IF('Standard Profiles'!$G$20=$B$17,14,0)+IF('Standard Profiles'!$G$20=$B$24,21,0),MOD($C8359,24)+1)/SUM(INDEX($D$3:$AA$30,INDEX(Jesper!$R$2:$R$366,ROW(INDEX(Jesper!AJ$2:AJ$366,ROUNDDOWN($C8359/24,0)+1,1))-1)+IF('Standard Profiles'!$G$20=$B$10,7,0)+IF('Standard Profiles'!$G$20=$B$17,14,0)+IF('Standard Profiles'!$G$20=$B$24,21,0),0)),0)</f>
        <v>0</v>
      </c>
      <c r="G8359" cm="1">
        <f t="array" ref="G8359">IFERROR(INDEX(Jesper!AK$2:AK$366,ROUNDDOWN($C8359/24,0)+1,1)*INDEX($D$3:$AA$30,INDEX(Jesper!$R$2:$R$366,ROW(INDEX(Jesper!AK$2:AK$366,ROUNDDOWN($C8359/24,0)+1,1))-1)+IF('Standard Profiles'!$G$21=$B$10,7,0)+IF('Standard Profiles'!$G$21=$B$17,14,0)+IF('Standard Profiles'!$G$21=$B$24,21,0),MOD($C8359,24)+1)/SUM(INDEX($D$3:$AA$30,INDEX(Jesper!$R$2:$R$366,ROW(INDEX(Jesper!AK$2:AK$366,ROUNDDOWN($C8359/24,0)+1,1))-1)+IF('Standard Profiles'!$G$21=$B$10,7,0)+IF('Standard Profiles'!$G$21=$B$17,14,0)+IF('Standard Profiles'!$G$21=$B$24,21,0),0)),0)</f>
        <v>0</v>
      </c>
      <c r="H8359" cm="1">
        <f t="array" ref="H8359">IFERROR(INDEX(Jesper!AL$2:AL$366,ROUNDDOWN($C8359/24,0)+1,1)*INDEX($D$3:$AA$30,INDEX(Jesper!$R$2:$R$366,ROW(INDEX(Jesper!AL$2:AL$366,ROUNDDOWN($C8359/24,0)+1,1))-1)+IF('Standard Profiles'!$G$22=$B$10,7,0)+IF('Standard Profiles'!$G$22=$B$17,14,0)+IF('Standard Profiles'!$G$22=$B$24,21,0),MOD($C8359,24)+1)/SUM(INDEX($D$3:$AA$30,INDEX(Jesper!$R$2:$R$366,ROW(INDEX(Jesper!AL$2:AL$366,ROUNDDOWN($C8359/24,0)+1,1))-1)+IF('Standard Profiles'!$G$22=$B$10,7,0)+IF('Standard Profiles'!$G$22=$B$17,14,0)+IF('Standard Profiles'!$G$22=$B$24,21,0),0)),0)</f>
        <v>0</v>
      </c>
      <c r="I8359">
        <f t="shared" si="930"/>
        <v>0.25947330881672931</v>
      </c>
      <c r="J8359">
        <f t="shared" si="931"/>
        <v>0.86491102938909781</v>
      </c>
      <c r="K8359">
        <f t="shared" si="932"/>
        <v>1.2973665440836466</v>
      </c>
      <c r="L8359">
        <f t="shared" si="933"/>
        <v>6.2273594116015039</v>
      </c>
      <c r="M8359">
        <f t="shared" si="934"/>
        <v>0</v>
      </c>
      <c r="N8359" s="46">
        <f t="shared" si="935"/>
        <v>45638.874999979809</v>
      </c>
    </row>
    <row r="8360" spans="2:14" x14ac:dyDescent="0.3">
      <c r="B8360">
        <f t="shared" si="929"/>
        <v>4</v>
      </c>
      <c r="C8360" s="16">
        <v>8326</v>
      </c>
      <c r="D8360" cm="1">
        <f t="array" ref="D8360">IFERROR(INDEX(Jesper!AH$2:AH$366,ROUNDDOWN($C8360/24,0)+1,1)*INDEX($D$3:$AA$30,INDEX(Jesper!$R$2:$R$366,ROW(INDEX(Jesper!AH$2:AH$366,ROUNDDOWN($C8360/24,0)+1,1))-1)+IF('Standard Profiles'!$G$18=$B$10,7,0)+IF('Standard Profiles'!$G$18=$B$17,14,0)+IF('Standard Profiles'!$G$18=$B$24,21,0),MOD($C8360,24)+1)/SUM(INDEX($D$3:$AA$30,INDEX(Jesper!$R$2:$R$366,ROW(INDEX(Jesper!AH$2:AH$366,ROUNDDOWN($C8360/24,0)+1,1))-1)+IF('Standard Profiles'!$G$18=$B$10,7,0)+IF('Standard Profiles'!$G$18=$B$17,14,0)+IF('Standard Profiles'!$G$18=$B$24,21,0),0)),0)</f>
        <v>8.6491102938909776</v>
      </c>
      <c r="E8360" cm="1">
        <f t="array" ref="E8360">IFERROR(INDEX(Jesper!AI$2:AI$366,ROUNDDOWN($C8360/24,0)+1,1)*INDEX($D$3:$AA$30,INDEX(Jesper!$R$2:$R$366,ROW(INDEX(Jesper!AI$2:AI$366,ROUNDDOWN($C8360/24,0)+1,1))-1)+IF('Standard Profiles'!$G$19=$B$10,7,0)+IF('Standard Profiles'!$G$19=$B$17,14,0)+IF('Standard Profiles'!$G$19=$B$24,21,0),MOD($C8360,24)+1)/SUM(INDEX($D$3:$AA$30,INDEX(Jesper!$R$2:$R$366,ROW(INDEX(Jesper!AI$2:AI$366,ROUNDDOWN($C8360/24,0)+1,1))-1)+IF('Standard Profiles'!$G$19=$B$10,7,0)+IF('Standard Profiles'!$G$19=$B$17,14,0)+IF('Standard Profiles'!$G$19=$B$24,21,0),0)),0)</f>
        <v>0</v>
      </c>
      <c r="F8360" cm="1">
        <f t="array" ref="F8360">IFERROR(INDEX(Jesper!AJ$2:AJ$366,ROUNDDOWN($C8360/24,0)+1,1)*INDEX($D$3:$AA$30,INDEX(Jesper!$R$2:$R$366,ROW(INDEX(Jesper!AJ$2:AJ$366,ROUNDDOWN($C8360/24,0)+1,1))-1)+IF('Standard Profiles'!$G$20=$B$10,7,0)+IF('Standard Profiles'!$G$20=$B$17,14,0)+IF('Standard Profiles'!$G$20=$B$24,21,0),MOD($C8360,24)+1)/SUM(INDEX($D$3:$AA$30,INDEX(Jesper!$R$2:$R$366,ROW(INDEX(Jesper!AJ$2:AJ$366,ROUNDDOWN($C8360/24,0)+1,1))-1)+IF('Standard Profiles'!$G$20=$B$10,7,0)+IF('Standard Profiles'!$G$20=$B$17,14,0)+IF('Standard Profiles'!$G$20=$B$24,21,0),0)),0)</f>
        <v>0</v>
      </c>
      <c r="G8360" cm="1">
        <f t="array" ref="G8360">IFERROR(INDEX(Jesper!AK$2:AK$366,ROUNDDOWN($C8360/24,0)+1,1)*INDEX($D$3:$AA$30,INDEX(Jesper!$R$2:$R$366,ROW(INDEX(Jesper!AK$2:AK$366,ROUNDDOWN($C8360/24,0)+1,1))-1)+IF('Standard Profiles'!$G$21=$B$10,7,0)+IF('Standard Profiles'!$G$21=$B$17,14,0)+IF('Standard Profiles'!$G$21=$B$24,21,0),MOD($C8360,24)+1)/SUM(INDEX($D$3:$AA$30,INDEX(Jesper!$R$2:$R$366,ROW(INDEX(Jesper!AK$2:AK$366,ROUNDDOWN($C8360/24,0)+1,1))-1)+IF('Standard Profiles'!$G$21=$B$10,7,0)+IF('Standard Profiles'!$G$21=$B$17,14,0)+IF('Standard Profiles'!$G$21=$B$24,21,0),0)),0)</f>
        <v>0</v>
      </c>
      <c r="H8360" cm="1">
        <f t="array" ref="H8360">IFERROR(INDEX(Jesper!AL$2:AL$366,ROUNDDOWN($C8360/24,0)+1,1)*INDEX($D$3:$AA$30,INDEX(Jesper!$R$2:$R$366,ROW(INDEX(Jesper!AL$2:AL$366,ROUNDDOWN($C8360/24,0)+1,1))-1)+IF('Standard Profiles'!$G$22=$B$10,7,0)+IF('Standard Profiles'!$G$22=$B$17,14,0)+IF('Standard Profiles'!$G$22=$B$24,21,0),MOD($C8360,24)+1)/SUM(INDEX($D$3:$AA$30,INDEX(Jesper!$R$2:$R$366,ROW(INDEX(Jesper!AL$2:AL$366,ROUNDDOWN($C8360/24,0)+1,1))-1)+IF('Standard Profiles'!$G$22=$B$10,7,0)+IF('Standard Profiles'!$G$22=$B$17,14,0)+IF('Standard Profiles'!$G$22=$B$24,21,0),0)),0)</f>
        <v>0</v>
      </c>
      <c r="I8360">
        <f t="shared" si="930"/>
        <v>0.25947330881672931</v>
      </c>
      <c r="J8360">
        <f t="shared" si="931"/>
        <v>0.86491102938909781</v>
      </c>
      <c r="K8360">
        <f t="shared" si="932"/>
        <v>1.2973665440836466</v>
      </c>
      <c r="L8360">
        <f t="shared" si="933"/>
        <v>6.2273594116015039</v>
      </c>
      <c r="M8360">
        <f t="shared" si="934"/>
        <v>0</v>
      </c>
      <c r="N8360" s="46">
        <f t="shared" si="935"/>
        <v>45638.916666646473</v>
      </c>
    </row>
    <row r="8361" spans="2:14" x14ac:dyDescent="0.3">
      <c r="B8361">
        <f t="shared" si="929"/>
        <v>4</v>
      </c>
      <c r="C8361" s="16">
        <v>8327</v>
      </c>
      <c r="D8361" cm="1">
        <f t="array" ref="D8361">IFERROR(INDEX(Jesper!AH$2:AH$366,ROUNDDOWN($C8361/24,0)+1,1)*INDEX($D$3:$AA$30,INDEX(Jesper!$R$2:$R$366,ROW(INDEX(Jesper!AH$2:AH$366,ROUNDDOWN($C8361/24,0)+1,1))-1)+IF('Standard Profiles'!$G$18=$B$10,7,0)+IF('Standard Profiles'!$G$18=$B$17,14,0)+IF('Standard Profiles'!$G$18=$B$24,21,0),MOD($C8361,24)+1)/SUM(INDEX($D$3:$AA$30,INDEX(Jesper!$R$2:$R$366,ROW(INDEX(Jesper!AH$2:AH$366,ROUNDDOWN($C8361/24,0)+1,1))-1)+IF('Standard Profiles'!$G$18=$B$10,7,0)+IF('Standard Profiles'!$G$18=$B$17,14,0)+IF('Standard Profiles'!$G$18=$B$24,21,0),0)),0)</f>
        <v>8.6491102938909776</v>
      </c>
      <c r="E8361" cm="1">
        <f t="array" ref="E8361">IFERROR(INDEX(Jesper!AI$2:AI$366,ROUNDDOWN($C8361/24,0)+1,1)*INDEX($D$3:$AA$30,INDEX(Jesper!$R$2:$R$366,ROW(INDEX(Jesper!AI$2:AI$366,ROUNDDOWN($C8361/24,0)+1,1))-1)+IF('Standard Profiles'!$G$19=$B$10,7,0)+IF('Standard Profiles'!$G$19=$B$17,14,0)+IF('Standard Profiles'!$G$19=$B$24,21,0),MOD($C8361,24)+1)/SUM(INDEX($D$3:$AA$30,INDEX(Jesper!$R$2:$R$366,ROW(INDEX(Jesper!AI$2:AI$366,ROUNDDOWN($C8361/24,0)+1,1))-1)+IF('Standard Profiles'!$G$19=$B$10,7,0)+IF('Standard Profiles'!$G$19=$B$17,14,0)+IF('Standard Profiles'!$G$19=$B$24,21,0),0)),0)</f>
        <v>0</v>
      </c>
      <c r="F8361" cm="1">
        <f t="array" ref="F8361">IFERROR(INDEX(Jesper!AJ$2:AJ$366,ROUNDDOWN($C8361/24,0)+1,1)*INDEX($D$3:$AA$30,INDEX(Jesper!$R$2:$R$366,ROW(INDEX(Jesper!AJ$2:AJ$366,ROUNDDOWN($C8361/24,0)+1,1))-1)+IF('Standard Profiles'!$G$20=$B$10,7,0)+IF('Standard Profiles'!$G$20=$B$17,14,0)+IF('Standard Profiles'!$G$20=$B$24,21,0),MOD($C8361,24)+1)/SUM(INDEX($D$3:$AA$30,INDEX(Jesper!$R$2:$R$366,ROW(INDEX(Jesper!AJ$2:AJ$366,ROUNDDOWN($C8361/24,0)+1,1))-1)+IF('Standard Profiles'!$G$20=$B$10,7,0)+IF('Standard Profiles'!$G$20=$B$17,14,0)+IF('Standard Profiles'!$G$20=$B$24,21,0),0)),0)</f>
        <v>0</v>
      </c>
      <c r="G8361" cm="1">
        <f t="array" ref="G8361">IFERROR(INDEX(Jesper!AK$2:AK$366,ROUNDDOWN($C8361/24,0)+1,1)*INDEX($D$3:$AA$30,INDEX(Jesper!$R$2:$R$366,ROW(INDEX(Jesper!AK$2:AK$366,ROUNDDOWN($C8361/24,0)+1,1))-1)+IF('Standard Profiles'!$G$21=$B$10,7,0)+IF('Standard Profiles'!$G$21=$B$17,14,0)+IF('Standard Profiles'!$G$21=$B$24,21,0),MOD($C8361,24)+1)/SUM(INDEX($D$3:$AA$30,INDEX(Jesper!$R$2:$R$366,ROW(INDEX(Jesper!AK$2:AK$366,ROUNDDOWN($C8361/24,0)+1,1))-1)+IF('Standard Profiles'!$G$21=$B$10,7,0)+IF('Standard Profiles'!$G$21=$B$17,14,0)+IF('Standard Profiles'!$G$21=$B$24,21,0),0)),0)</f>
        <v>0</v>
      </c>
      <c r="H8361" cm="1">
        <f t="array" ref="H8361">IFERROR(INDEX(Jesper!AL$2:AL$366,ROUNDDOWN($C8361/24,0)+1,1)*INDEX($D$3:$AA$30,INDEX(Jesper!$R$2:$R$366,ROW(INDEX(Jesper!AL$2:AL$366,ROUNDDOWN($C8361/24,0)+1,1))-1)+IF('Standard Profiles'!$G$22=$B$10,7,0)+IF('Standard Profiles'!$G$22=$B$17,14,0)+IF('Standard Profiles'!$G$22=$B$24,21,0),MOD($C8361,24)+1)/SUM(INDEX($D$3:$AA$30,INDEX(Jesper!$R$2:$R$366,ROW(INDEX(Jesper!AL$2:AL$366,ROUNDDOWN($C8361/24,0)+1,1))-1)+IF('Standard Profiles'!$G$22=$B$10,7,0)+IF('Standard Profiles'!$G$22=$B$17,14,0)+IF('Standard Profiles'!$G$22=$B$24,21,0),0)),0)</f>
        <v>0</v>
      </c>
      <c r="I8361">
        <f t="shared" si="930"/>
        <v>0.25947330881672931</v>
      </c>
      <c r="J8361">
        <f t="shared" si="931"/>
        <v>0.86491102938909781</v>
      </c>
      <c r="K8361">
        <f t="shared" si="932"/>
        <v>1.2973665440836466</v>
      </c>
      <c r="L8361">
        <f t="shared" si="933"/>
        <v>6.2273594116015039</v>
      </c>
      <c r="M8361">
        <f t="shared" si="934"/>
        <v>0</v>
      </c>
      <c r="N8361" s="46">
        <f t="shared" si="935"/>
        <v>45638.958333313138</v>
      </c>
    </row>
    <row r="8362" spans="2:14" x14ac:dyDescent="0.3">
      <c r="B8362">
        <f t="shared" si="929"/>
        <v>5</v>
      </c>
      <c r="C8362" s="16">
        <v>8328</v>
      </c>
      <c r="D8362" cm="1">
        <f t="array" ref="D8362">IFERROR(INDEX(Jesper!AH$2:AH$366,ROUNDDOWN($C8362/24,0)+1,1)*INDEX($D$3:$AA$30,INDEX(Jesper!$R$2:$R$366,ROW(INDEX(Jesper!AH$2:AH$366,ROUNDDOWN($C8362/24,0)+1,1))-1)+IF('Standard Profiles'!$G$18=$B$10,7,0)+IF('Standard Profiles'!$G$18=$B$17,14,0)+IF('Standard Profiles'!$G$18=$B$24,21,0),MOD($C8362,24)+1)/SUM(INDEX($D$3:$AA$30,INDEX(Jesper!$R$2:$R$366,ROW(INDEX(Jesper!AH$2:AH$366,ROUNDDOWN($C8362/24,0)+1,1))-1)+IF('Standard Profiles'!$G$18=$B$10,7,0)+IF('Standard Profiles'!$G$18=$B$17,14,0)+IF('Standard Profiles'!$G$18=$B$24,21,0),0)),0)</f>
        <v>9.520601231718107</v>
      </c>
      <c r="E8362" cm="1">
        <f t="array" ref="E8362">IFERROR(INDEX(Jesper!AI$2:AI$366,ROUNDDOWN($C8362/24,0)+1,1)*INDEX($D$3:$AA$30,INDEX(Jesper!$R$2:$R$366,ROW(INDEX(Jesper!AI$2:AI$366,ROUNDDOWN($C8362/24,0)+1,1))-1)+IF('Standard Profiles'!$G$19=$B$10,7,0)+IF('Standard Profiles'!$G$19=$B$17,14,0)+IF('Standard Profiles'!$G$19=$B$24,21,0),MOD($C8362,24)+1)/SUM(INDEX($D$3:$AA$30,INDEX(Jesper!$R$2:$R$366,ROW(INDEX(Jesper!AI$2:AI$366,ROUNDDOWN($C8362/24,0)+1,1))-1)+IF('Standard Profiles'!$G$19=$B$10,7,0)+IF('Standard Profiles'!$G$19=$B$17,14,0)+IF('Standard Profiles'!$G$19=$B$24,21,0),0)),0)</f>
        <v>0</v>
      </c>
      <c r="F8362" cm="1">
        <f t="array" ref="F8362">IFERROR(INDEX(Jesper!AJ$2:AJ$366,ROUNDDOWN($C8362/24,0)+1,1)*INDEX($D$3:$AA$30,INDEX(Jesper!$R$2:$R$366,ROW(INDEX(Jesper!AJ$2:AJ$366,ROUNDDOWN($C8362/24,0)+1,1))-1)+IF('Standard Profiles'!$G$20=$B$10,7,0)+IF('Standard Profiles'!$G$20=$B$17,14,0)+IF('Standard Profiles'!$G$20=$B$24,21,0),MOD($C8362,24)+1)/SUM(INDEX($D$3:$AA$30,INDEX(Jesper!$R$2:$R$366,ROW(INDEX(Jesper!AJ$2:AJ$366,ROUNDDOWN($C8362/24,0)+1,1))-1)+IF('Standard Profiles'!$G$20=$B$10,7,0)+IF('Standard Profiles'!$G$20=$B$17,14,0)+IF('Standard Profiles'!$G$20=$B$24,21,0),0)),0)</f>
        <v>0</v>
      </c>
      <c r="G8362" cm="1">
        <f t="array" ref="G8362">IFERROR(INDEX(Jesper!AK$2:AK$366,ROUNDDOWN($C8362/24,0)+1,1)*INDEX($D$3:$AA$30,INDEX(Jesper!$R$2:$R$366,ROW(INDEX(Jesper!AK$2:AK$366,ROUNDDOWN($C8362/24,0)+1,1))-1)+IF('Standard Profiles'!$G$21=$B$10,7,0)+IF('Standard Profiles'!$G$21=$B$17,14,0)+IF('Standard Profiles'!$G$21=$B$24,21,0),MOD($C8362,24)+1)/SUM(INDEX($D$3:$AA$30,INDEX(Jesper!$R$2:$R$366,ROW(INDEX(Jesper!AK$2:AK$366,ROUNDDOWN($C8362/24,0)+1,1))-1)+IF('Standard Profiles'!$G$21=$B$10,7,0)+IF('Standard Profiles'!$G$21=$B$17,14,0)+IF('Standard Profiles'!$G$21=$B$24,21,0),0)),0)</f>
        <v>0</v>
      </c>
      <c r="H8362" cm="1">
        <f t="array" ref="H8362">IFERROR(INDEX(Jesper!AL$2:AL$366,ROUNDDOWN($C8362/24,0)+1,1)*INDEX($D$3:$AA$30,INDEX(Jesper!$R$2:$R$366,ROW(INDEX(Jesper!AL$2:AL$366,ROUNDDOWN($C8362/24,0)+1,1))-1)+IF('Standard Profiles'!$G$22=$B$10,7,0)+IF('Standard Profiles'!$G$22=$B$17,14,0)+IF('Standard Profiles'!$G$22=$B$24,21,0),MOD($C8362,24)+1)/SUM(INDEX($D$3:$AA$30,INDEX(Jesper!$R$2:$R$366,ROW(INDEX(Jesper!AL$2:AL$366,ROUNDDOWN($C8362/24,0)+1,1))-1)+IF('Standard Profiles'!$G$22=$B$10,7,0)+IF('Standard Profiles'!$G$22=$B$17,14,0)+IF('Standard Profiles'!$G$22=$B$24,21,0),0)),0)</f>
        <v>0</v>
      </c>
      <c r="I8362">
        <f t="shared" si="930"/>
        <v>0.2856180369515432</v>
      </c>
      <c r="J8362">
        <f t="shared" si="931"/>
        <v>0.95206012317181077</v>
      </c>
      <c r="K8362">
        <f t="shared" si="932"/>
        <v>1.4280901847577161</v>
      </c>
      <c r="L8362">
        <f t="shared" si="933"/>
        <v>6.8548328868370367</v>
      </c>
      <c r="M8362">
        <f t="shared" si="934"/>
        <v>0</v>
      </c>
      <c r="N8362" s="46">
        <f t="shared" si="935"/>
        <v>45638.999999979802</v>
      </c>
    </row>
    <row r="8363" spans="2:14" x14ac:dyDescent="0.3">
      <c r="B8363">
        <f t="shared" si="929"/>
        <v>5</v>
      </c>
      <c r="C8363" s="16">
        <v>8329</v>
      </c>
      <c r="D8363" cm="1">
        <f t="array" ref="D8363">IFERROR(INDEX(Jesper!AH$2:AH$366,ROUNDDOWN($C8363/24,0)+1,1)*INDEX($D$3:$AA$30,INDEX(Jesper!$R$2:$R$366,ROW(INDEX(Jesper!AH$2:AH$366,ROUNDDOWN($C8363/24,0)+1,1))-1)+IF('Standard Profiles'!$G$18=$B$10,7,0)+IF('Standard Profiles'!$G$18=$B$17,14,0)+IF('Standard Profiles'!$G$18=$B$24,21,0),MOD($C8363,24)+1)/SUM(INDEX($D$3:$AA$30,INDEX(Jesper!$R$2:$R$366,ROW(INDEX(Jesper!AH$2:AH$366,ROUNDDOWN($C8363/24,0)+1,1))-1)+IF('Standard Profiles'!$G$18=$B$10,7,0)+IF('Standard Profiles'!$G$18=$B$17,14,0)+IF('Standard Profiles'!$G$18=$B$24,21,0),0)),0)</f>
        <v>9.520601231718107</v>
      </c>
      <c r="E8363" cm="1">
        <f t="array" ref="E8363">IFERROR(INDEX(Jesper!AI$2:AI$366,ROUNDDOWN($C8363/24,0)+1,1)*INDEX($D$3:$AA$30,INDEX(Jesper!$R$2:$R$366,ROW(INDEX(Jesper!AI$2:AI$366,ROUNDDOWN($C8363/24,0)+1,1))-1)+IF('Standard Profiles'!$G$19=$B$10,7,0)+IF('Standard Profiles'!$G$19=$B$17,14,0)+IF('Standard Profiles'!$G$19=$B$24,21,0),MOD($C8363,24)+1)/SUM(INDEX($D$3:$AA$30,INDEX(Jesper!$R$2:$R$366,ROW(INDEX(Jesper!AI$2:AI$366,ROUNDDOWN($C8363/24,0)+1,1))-1)+IF('Standard Profiles'!$G$19=$B$10,7,0)+IF('Standard Profiles'!$G$19=$B$17,14,0)+IF('Standard Profiles'!$G$19=$B$24,21,0),0)),0)</f>
        <v>0</v>
      </c>
      <c r="F8363" cm="1">
        <f t="array" ref="F8363">IFERROR(INDEX(Jesper!AJ$2:AJ$366,ROUNDDOWN($C8363/24,0)+1,1)*INDEX($D$3:$AA$30,INDEX(Jesper!$R$2:$R$366,ROW(INDEX(Jesper!AJ$2:AJ$366,ROUNDDOWN($C8363/24,0)+1,1))-1)+IF('Standard Profiles'!$G$20=$B$10,7,0)+IF('Standard Profiles'!$G$20=$B$17,14,0)+IF('Standard Profiles'!$G$20=$B$24,21,0),MOD($C8363,24)+1)/SUM(INDEX($D$3:$AA$30,INDEX(Jesper!$R$2:$R$366,ROW(INDEX(Jesper!AJ$2:AJ$366,ROUNDDOWN($C8363/24,0)+1,1))-1)+IF('Standard Profiles'!$G$20=$B$10,7,0)+IF('Standard Profiles'!$G$20=$B$17,14,0)+IF('Standard Profiles'!$G$20=$B$24,21,0),0)),0)</f>
        <v>0</v>
      </c>
      <c r="G8363" cm="1">
        <f t="array" ref="G8363">IFERROR(INDEX(Jesper!AK$2:AK$366,ROUNDDOWN($C8363/24,0)+1,1)*INDEX($D$3:$AA$30,INDEX(Jesper!$R$2:$R$366,ROW(INDEX(Jesper!AK$2:AK$366,ROUNDDOWN($C8363/24,0)+1,1))-1)+IF('Standard Profiles'!$G$21=$B$10,7,0)+IF('Standard Profiles'!$G$21=$B$17,14,0)+IF('Standard Profiles'!$G$21=$B$24,21,0),MOD($C8363,24)+1)/SUM(INDEX($D$3:$AA$30,INDEX(Jesper!$R$2:$R$366,ROW(INDEX(Jesper!AK$2:AK$366,ROUNDDOWN($C8363/24,0)+1,1))-1)+IF('Standard Profiles'!$G$21=$B$10,7,0)+IF('Standard Profiles'!$G$21=$B$17,14,0)+IF('Standard Profiles'!$G$21=$B$24,21,0),0)),0)</f>
        <v>0</v>
      </c>
      <c r="H8363" cm="1">
        <f t="array" ref="H8363">IFERROR(INDEX(Jesper!AL$2:AL$366,ROUNDDOWN($C8363/24,0)+1,1)*INDEX($D$3:$AA$30,INDEX(Jesper!$R$2:$R$366,ROW(INDEX(Jesper!AL$2:AL$366,ROUNDDOWN($C8363/24,0)+1,1))-1)+IF('Standard Profiles'!$G$22=$B$10,7,0)+IF('Standard Profiles'!$G$22=$B$17,14,0)+IF('Standard Profiles'!$G$22=$B$24,21,0),MOD($C8363,24)+1)/SUM(INDEX($D$3:$AA$30,INDEX(Jesper!$R$2:$R$366,ROW(INDEX(Jesper!AL$2:AL$366,ROUNDDOWN($C8363/24,0)+1,1))-1)+IF('Standard Profiles'!$G$22=$B$10,7,0)+IF('Standard Profiles'!$G$22=$B$17,14,0)+IF('Standard Profiles'!$G$22=$B$24,21,0),0)),0)</f>
        <v>0</v>
      </c>
      <c r="I8363">
        <f t="shared" si="930"/>
        <v>0.2856180369515432</v>
      </c>
      <c r="J8363">
        <f t="shared" si="931"/>
        <v>0.95206012317181077</v>
      </c>
      <c r="K8363">
        <f t="shared" si="932"/>
        <v>1.4280901847577161</v>
      </c>
      <c r="L8363">
        <f t="shared" si="933"/>
        <v>6.8548328868370367</v>
      </c>
      <c r="M8363">
        <f t="shared" si="934"/>
        <v>0</v>
      </c>
      <c r="N8363" s="46">
        <f t="shared" si="935"/>
        <v>45639.041666646466</v>
      </c>
    </row>
    <row r="8364" spans="2:14" x14ac:dyDescent="0.3">
      <c r="B8364">
        <f t="shared" si="929"/>
        <v>5</v>
      </c>
      <c r="C8364" s="16">
        <v>8330</v>
      </c>
      <c r="D8364" cm="1">
        <f t="array" ref="D8364">IFERROR(INDEX(Jesper!AH$2:AH$366,ROUNDDOWN($C8364/24,0)+1,1)*INDEX($D$3:$AA$30,INDEX(Jesper!$R$2:$R$366,ROW(INDEX(Jesper!AH$2:AH$366,ROUNDDOWN($C8364/24,0)+1,1))-1)+IF('Standard Profiles'!$G$18=$B$10,7,0)+IF('Standard Profiles'!$G$18=$B$17,14,0)+IF('Standard Profiles'!$G$18=$B$24,21,0),MOD($C8364,24)+1)/SUM(INDEX($D$3:$AA$30,INDEX(Jesper!$R$2:$R$366,ROW(INDEX(Jesper!AH$2:AH$366,ROUNDDOWN($C8364/24,0)+1,1))-1)+IF('Standard Profiles'!$G$18=$B$10,7,0)+IF('Standard Profiles'!$G$18=$B$17,14,0)+IF('Standard Profiles'!$G$18=$B$24,21,0),0)),0)</f>
        <v>9.520601231718107</v>
      </c>
      <c r="E8364" cm="1">
        <f t="array" ref="E8364">IFERROR(INDEX(Jesper!AI$2:AI$366,ROUNDDOWN($C8364/24,0)+1,1)*INDEX($D$3:$AA$30,INDEX(Jesper!$R$2:$R$366,ROW(INDEX(Jesper!AI$2:AI$366,ROUNDDOWN($C8364/24,0)+1,1))-1)+IF('Standard Profiles'!$G$19=$B$10,7,0)+IF('Standard Profiles'!$G$19=$B$17,14,0)+IF('Standard Profiles'!$G$19=$B$24,21,0),MOD($C8364,24)+1)/SUM(INDEX($D$3:$AA$30,INDEX(Jesper!$R$2:$R$366,ROW(INDEX(Jesper!AI$2:AI$366,ROUNDDOWN($C8364/24,0)+1,1))-1)+IF('Standard Profiles'!$G$19=$B$10,7,0)+IF('Standard Profiles'!$G$19=$B$17,14,0)+IF('Standard Profiles'!$G$19=$B$24,21,0),0)),0)</f>
        <v>0</v>
      </c>
      <c r="F8364" cm="1">
        <f t="array" ref="F8364">IFERROR(INDEX(Jesper!AJ$2:AJ$366,ROUNDDOWN($C8364/24,0)+1,1)*INDEX($D$3:$AA$30,INDEX(Jesper!$R$2:$R$366,ROW(INDEX(Jesper!AJ$2:AJ$366,ROUNDDOWN($C8364/24,0)+1,1))-1)+IF('Standard Profiles'!$G$20=$B$10,7,0)+IF('Standard Profiles'!$G$20=$B$17,14,0)+IF('Standard Profiles'!$G$20=$B$24,21,0),MOD($C8364,24)+1)/SUM(INDEX($D$3:$AA$30,INDEX(Jesper!$R$2:$R$366,ROW(INDEX(Jesper!AJ$2:AJ$366,ROUNDDOWN($C8364/24,0)+1,1))-1)+IF('Standard Profiles'!$G$20=$B$10,7,0)+IF('Standard Profiles'!$G$20=$B$17,14,0)+IF('Standard Profiles'!$G$20=$B$24,21,0),0)),0)</f>
        <v>0</v>
      </c>
      <c r="G8364" cm="1">
        <f t="array" ref="G8364">IFERROR(INDEX(Jesper!AK$2:AK$366,ROUNDDOWN($C8364/24,0)+1,1)*INDEX($D$3:$AA$30,INDEX(Jesper!$R$2:$R$366,ROW(INDEX(Jesper!AK$2:AK$366,ROUNDDOWN($C8364/24,0)+1,1))-1)+IF('Standard Profiles'!$G$21=$B$10,7,0)+IF('Standard Profiles'!$G$21=$B$17,14,0)+IF('Standard Profiles'!$G$21=$B$24,21,0),MOD($C8364,24)+1)/SUM(INDEX($D$3:$AA$30,INDEX(Jesper!$R$2:$R$366,ROW(INDEX(Jesper!AK$2:AK$366,ROUNDDOWN($C8364/24,0)+1,1))-1)+IF('Standard Profiles'!$G$21=$B$10,7,0)+IF('Standard Profiles'!$G$21=$B$17,14,0)+IF('Standard Profiles'!$G$21=$B$24,21,0),0)),0)</f>
        <v>0</v>
      </c>
      <c r="H8364" cm="1">
        <f t="array" ref="H8364">IFERROR(INDEX(Jesper!AL$2:AL$366,ROUNDDOWN($C8364/24,0)+1,1)*INDEX($D$3:$AA$30,INDEX(Jesper!$R$2:$R$366,ROW(INDEX(Jesper!AL$2:AL$366,ROUNDDOWN($C8364/24,0)+1,1))-1)+IF('Standard Profiles'!$G$22=$B$10,7,0)+IF('Standard Profiles'!$G$22=$B$17,14,0)+IF('Standard Profiles'!$G$22=$B$24,21,0),MOD($C8364,24)+1)/SUM(INDEX($D$3:$AA$30,INDEX(Jesper!$R$2:$R$366,ROW(INDEX(Jesper!AL$2:AL$366,ROUNDDOWN($C8364/24,0)+1,1))-1)+IF('Standard Profiles'!$G$22=$B$10,7,0)+IF('Standard Profiles'!$G$22=$B$17,14,0)+IF('Standard Profiles'!$G$22=$B$24,21,0),0)),0)</f>
        <v>0</v>
      </c>
      <c r="I8364">
        <f t="shared" si="930"/>
        <v>0.2856180369515432</v>
      </c>
      <c r="J8364">
        <f t="shared" si="931"/>
        <v>0.95206012317181077</v>
      </c>
      <c r="K8364">
        <f t="shared" si="932"/>
        <v>1.4280901847577161</v>
      </c>
      <c r="L8364">
        <f t="shared" si="933"/>
        <v>6.8548328868370367</v>
      </c>
      <c r="M8364">
        <f t="shared" si="934"/>
        <v>0</v>
      </c>
      <c r="N8364" s="46">
        <f t="shared" si="935"/>
        <v>45639.08333331313</v>
      </c>
    </row>
    <row r="8365" spans="2:14" x14ac:dyDescent="0.3">
      <c r="B8365">
        <f t="shared" si="929"/>
        <v>5</v>
      </c>
      <c r="C8365" s="16">
        <v>8331</v>
      </c>
      <c r="D8365" cm="1">
        <f t="array" ref="D8365">IFERROR(INDEX(Jesper!AH$2:AH$366,ROUNDDOWN($C8365/24,0)+1,1)*INDEX($D$3:$AA$30,INDEX(Jesper!$R$2:$R$366,ROW(INDEX(Jesper!AH$2:AH$366,ROUNDDOWN($C8365/24,0)+1,1))-1)+IF('Standard Profiles'!$G$18=$B$10,7,0)+IF('Standard Profiles'!$G$18=$B$17,14,0)+IF('Standard Profiles'!$G$18=$B$24,21,0),MOD($C8365,24)+1)/SUM(INDEX($D$3:$AA$30,INDEX(Jesper!$R$2:$R$366,ROW(INDEX(Jesper!AH$2:AH$366,ROUNDDOWN($C8365/24,0)+1,1))-1)+IF('Standard Profiles'!$G$18=$B$10,7,0)+IF('Standard Profiles'!$G$18=$B$17,14,0)+IF('Standard Profiles'!$G$18=$B$24,21,0),0)),0)</f>
        <v>9.520601231718107</v>
      </c>
      <c r="E8365" cm="1">
        <f t="array" ref="E8365">IFERROR(INDEX(Jesper!AI$2:AI$366,ROUNDDOWN($C8365/24,0)+1,1)*INDEX($D$3:$AA$30,INDEX(Jesper!$R$2:$R$366,ROW(INDEX(Jesper!AI$2:AI$366,ROUNDDOWN($C8365/24,0)+1,1))-1)+IF('Standard Profiles'!$G$19=$B$10,7,0)+IF('Standard Profiles'!$G$19=$B$17,14,0)+IF('Standard Profiles'!$G$19=$B$24,21,0),MOD($C8365,24)+1)/SUM(INDEX($D$3:$AA$30,INDEX(Jesper!$R$2:$R$366,ROW(INDEX(Jesper!AI$2:AI$366,ROUNDDOWN($C8365/24,0)+1,1))-1)+IF('Standard Profiles'!$G$19=$B$10,7,0)+IF('Standard Profiles'!$G$19=$B$17,14,0)+IF('Standard Profiles'!$G$19=$B$24,21,0),0)),0)</f>
        <v>0</v>
      </c>
      <c r="F8365" cm="1">
        <f t="array" ref="F8365">IFERROR(INDEX(Jesper!AJ$2:AJ$366,ROUNDDOWN($C8365/24,0)+1,1)*INDEX($D$3:$AA$30,INDEX(Jesper!$R$2:$R$366,ROW(INDEX(Jesper!AJ$2:AJ$366,ROUNDDOWN($C8365/24,0)+1,1))-1)+IF('Standard Profiles'!$G$20=$B$10,7,0)+IF('Standard Profiles'!$G$20=$B$17,14,0)+IF('Standard Profiles'!$G$20=$B$24,21,0),MOD($C8365,24)+1)/SUM(INDEX($D$3:$AA$30,INDEX(Jesper!$R$2:$R$366,ROW(INDEX(Jesper!AJ$2:AJ$366,ROUNDDOWN($C8365/24,0)+1,1))-1)+IF('Standard Profiles'!$G$20=$B$10,7,0)+IF('Standard Profiles'!$G$20=$B$17,14,0)+IF('Standard Profiles'!$G$20=$B$24,21,0),0)),0)</f>
        <v>0</v>
      </c>
      <c r="G8365" cm="1">
        <f t="array" ref="G8365">IFERROR(INDEX(Jesper!AK$2:AK$366,ROUNDDOWN($C8365/24,0)+1,1)*INDEX($D$3:$AA$30,INDEX(Jesper!$R$2:$R$366,ROW(INDEX(Jesper!AK$2:AK$366,ROUNDDOWN($C8365/24,0)+1,1))-1)+IF('Standard Profiles'!$G$21=$B$10,7,0)+IF('Standard Profiles'!$G$21=$B$17,14,0)+IF('Standard Profiles'!$G$21=$B$24,21,0),MOD($C8365,24)+1)/SUM(INDEX($D$3:$AA$30,INDEX(Jesper!$R$2:$R$366,ROW(INDEX(Jesper!AK$2:AK$366,ROUNDDOWN($C8365/24,0)+1,1))-1)+IF('Standard Profiles'!$G$21=$B$10,7,0)+IF('Standard Profiles'!$G$21=$B$17,14,0)+IF('Standard Profiles'!$G$21=$B$24,21,0),0)),0)</f>
        <v>0</v>
      </c>
      <c r="H8365" cm="1">
        <f t="array" ref="H8365">IFERROR(INDEX(Jesper!AL$2:AL$366,ROUNDDOWN($C8365/24,0)+1,1)*INDEX($D$3:$AA$30,INDEX(Jesper!$R$2:$R$366,ROW(INDEX(Jesper!AL$2:AL$366,ROUNDDOWN($C8365/24,0)+1,1))-1)+IF('Standard Profiles'!$G$22=$B$10,7,0)+IF('Standard Profiles'!$G$22=$B$17,14,0)+IF('Standard Profiles'!$G$22=$B$24,21,0),MOD($C8365,24)+1)/SUM(INDEX($D$3:$AA$30,INDEX(Jesper!$R$2:$R$366,ROW(INDEX(Jesper!AL$2:AL$366,ROUNDDOWN($C8365/24,0)+1,1))-1)+IF('Standard Profiles'!$G$22=$B$10,7,0)+IF('Standard Profiles'!$G$22=$B$17,14,0)+IF('Standard Profiles'!$G$22=$B$24,21,0),0)),0)</f>
        <v>0</v>
      </c>
      <c r="I8365">
        <f t="shared" si="930"/>
        <v>0.2856180369515432</v>
      </c>
      <c r="J8365">
        <f t="shared" si="931"/>
        <v>0.95206012317181077</v>
      </c>
      <c r="K8365">
        <f t="shared" si="932"/>
        <v>1.4280901847577161</v>
      </c>
      <c r="L8365">
        <f t="shared" si="933"/>
        <v>6.8548328868370367</v>
      </c>
      <c r="M8365">
        <f t="shared" si="934"/>
        <v>0</v>
      </c>
      <c r="N8365" s="46">
        <f t="shared" si="935"/>
        <v>45639.124999979795</v>
      </c>
    </row>
    <row r="8366" spans="2:14" x14ac:dyDescent="0.3">
      <c r="B8366">
        <f t="shared" si="929"/>
        <v>5</v>
      </c>
      <c r="C8366" s="16">
        <v>8332</v>
      </c>
      <c r="D8366" cm="1">
        <f t="array" ref="D8366">IFERROR(INDEX(Jesper!AH$2:AH$366,ROUNDDOWN($C8366/24,0)+1,1)*INDEX($D$3:$AA$30,INDEX(Jesper!$R$2:$R$366,ROW(INDEX(Jesper!AH$2:AH$366,ROUNDDOWN($C8366/24,0)+1,1))-1)+IF('Standard Profiles'!$G$18=$B$10,7,0)+IF('Standard Profiles'!$G$18=$B$17,14,0)+IF('Standard Profiles'!$G$18=$B$24,21,0),MOD($C8366,24)+1)/SUM(INDEX($D$3:$AA$30,INDEX(Jesper!$R$2:$R$366,ROW(INDEX(Jesper!AH$2:AH$366,ROUNDDOWN($C8366/24,0)+1,1))-1)+IF('Standard Profiles'!$G$18=$B$10,7,0)+IF('Standard Profiles'!$G$18=$B$17,14,0)+IF('Standard Profiles'!$G$18=$B$24,21,0),0)),0)</f>
        <v>9.520601231718107</v>
      </c>
      <c r="E8366" cm="1">
        <f t="array" ref="E8366">IFERROR(INDEX(Jesper!AI$2:AI$366,ROUNDDOWN($C8366/24,0)+1,1)*INDEX($D$3:$AA$30,INDEX(Jesper!$R$2:$R$366,ROW(INDEX(Jesper!AI$2:AI$366,ROUNDDOWN($C8366/24,0)+1,1))-1)+IF('Standard Profiles'!$G$19=$B$10,7,0)+IF('Standard Profiles'!$G$19=$B$17,14,0)+IF('Standard Profiles'!$G$19=$B$24,21,0),MOD($C8366,24)+1)/SUM(INDEX($D$3:$AA$30,INDEX(Jesper!$R$2:$R$366,ROW(INDEX(Jesper!AI$2:AI$366,ROUNDDOWN($C8366/24,0)+1,1))-1)+IF('Standard Profiles'!$G$19=$B$10,7,0)+IF('Standard Profiles'!$G$19=$B$17,14,0)+IF('Standard Profiles'!$G$19=$B$24,21,0),0)),0)</f>
        <v>0</v>
      </c>
      <c r="F8366" cm="1">
        <f t="array" ref="F8366">IFERROR(INDEX(Jesper!AJ$2:AJ$366,ROUNDDOWN($C8366/24,0)+1,1)*INDEX($D$3:$AA$30,INDEX(Jesper!$R$2:$R$366,ROW(INDEX(Jesper!AJ$2:AJ$366,ROUNDDOWN($C8366/24,0)+1,1))-1)+IF('Standard Profiles'!$G$20=$B$10,7,0)+IF('Standard Profiles'!$G$20=$B$17,14,0)+IF('Standard Profiles'!$G$20=$B$24,21,0),MOD($C8366,24)+1)/SUM(INDEX($D$3:$AA$30,INDEX(Jesper!$R$2:$R$366,ROW(INDEX(Jesper!AJ$2:AJ$366,ROUNDDOWN($C8366/24,0)+1,1))-1)+IF('Standard Profiles'!$G$20=$B$10,7,0)+IF('Standard Profiles'!$G$20=$B$17,14,0)+IF('Standard Profiles'!$G$20=$B$24,21,0),0)),0)</f>
        <v>0</v>
      </c>
      <c r="G8366" cm="1">
        <f t="array" ref="G8366">IFERROR(INDEX(Jesper!AK$2:AK$366,ROUNDDOWN($C8366/24,0)+1,1)*INDEX($D$3:$AA$30,INDEX(Jesper!$R$2:$R$366,ROW(INDEX(Jesper!AK$2:AK$366,ROUNDDOWN($C8366/24,0)+1,1))-1)+IF('Standard Profiles'!$G$21=$B$10,7,0)+IF('Standard Profiles'!$G$21=$B$17,14,0)+IF('Standard Profiles'!$G$21=$B$24,21,0),MOD($C8366,24)+1)/SUM(INDEX($D$3:$AA$30,INDEX(Jesper!$R$2:$R$366,ROW(INDEX(Jesper!AK$2:AK$366,ROUNDDOWN($C8366/24,0)+1,1))-1)+IF('Standard Profiles'!$G$21=$B$10,7,0)+IF('Standard Profiles'!$G$21=$B$17,14,0)+IF('Standard Profiles'!$G$21=$B$24,21,0),0)),0)</f>
        <v>0</v>
      </c>
      <c r="H8366" cm="1">
        <f t="array" ref="H8366">IFERROR(INDEX(Jesper!AL$2:AL$366,ROUNDDOWN($C8366/24,0)+1,1)*INDEX($D$3:$AA$30,INDEX(Jesper!$R$2:$R$366,ROW(INDEX(Jesper!AL$2:AL$366,ROUNDDOWN($C8366/24,0)+1,1))-1)+IF('Standard Profiles'!$G$22=$B$10,7,0)+IF('Standard Profiles'!$G$22=$B$17,14,0)+IF('Standard Profiles'!$G$22=$B$24,21,0),MOD($C8366,24)+1)/SUM(INDEX($D$3:$AA$30,INDEX(Jesper!$R$2:$R$366,ROW(INDEX(Jesper!AL$2:AL$366,ROUNDDOWN($C8366/24,0)+1,1))-1)+IF('Standard Profiles'!$G$22=$B$10,7,0)+IF('Standard Profiles'!$G$22=$B$17,14,0)+IF('Standard Profiles'!$G$22=$B$24,21,0),0)),0)</f>
        <v>0</v>
      </c>
      <c r="I8366">
        <f t="shared" si="930"/>
        <v>0.2856180369515432</v>
      </c>
      <c r="J8366">
        <f t="shared" si="931"/>
        <v>0.95206012317181077</v>
      </c>
      <c r="K8366">
        <f t="shared" si="932"/>
        <v>1.4280901847577161</v>
      </c>
      <c r="L8366">
        <f t="shared" si="933"/>
        <v>6.8548328868370367</v>
      </c>
      <c r="M8366">
        <f t="shared" si="934"/>
        <v>0</v>
      </c>
      <c r="N8366" s="46">
        <f t="shared" si="935"/>
        <v>45639.166666646459</v>
      </c>
    </row>
    <row r="8367" spans="2:14" x14ac:dyDescent="0.3">
      <c r="B8367">
        <f t="shared" si="929"/>
        <v>5</v>
      </c>
      <c r="C8367" s="16">
        <v>8333</v>
      </c>
      <c r="D8367" cm="1">
        <f t="array" ref="D8367">IFERROR(INDEX(Jesper!AH$2:AH$366,ROUNDDOWN($C8367/24,0)+1,1)*INDEX($D$3:$AA$30,INDEX(Jesper!$R$2:$R$366,ROW(INDEX(Jesper!AH$2:AH$366,ROUNDDOWN($C8367/24,0)+1,1))-1)+IF('Standard Profiles'!$G$18=$B$10,7,0)+IF('Standard Profiles'!$G$18=$B$17,14,0)+IF('Standard Profiles'!$G$18=$B$24,21,0),MOD($C8367,24)+1)/SUM(INDEX($D$3:$AA$30,INDEX(Jesper!$R$2:$R$366,ROW(INDEX(Jesper!AH$2:AH$366,ROUNDDOWN($C8367/24,0)+1,1))-1)+IF('Standard Profiles'!$G$18=$B$10,7,0)+IF('Standard Profiles'!$G$18=$B$17,14,0)+IF('Standard Profiles'!$G$18=$B$24,21,0),0)),0)</f>
        <v>12.270997143103337</v>
      </c>
      <c r="E8367" cm="1">
        <f t="array" ref="E8367">IFERROR(INDEX(Jesper!AI$2:AI$366,ROUNDDOWN($C8367/24,0)+1,1)*INDEX($D$3:$AA$30,INDEX(Jesper!$R$2:$R$366,ROW(INDEX(Jesper!AI$2:AI$366,ROUNDDOWN($C8367/24,0)+1,1))-1)+IF('Standard Profiles'!$G$19=$B$10,7,0)+IF('Standard Profiles'!$G$19=$B$17,14,0)+IF('Standard Profiles'!$G$19=$B$24,21,0),MOD($C8367,24)+1)/SUM(INDEX($D$3:$AA$30,INDEX(Jesper!$R$2:$R$366,ROW(INDEX(Jesper!AI$2:AI$366,ROUNDDOWN($C8367/24,0)+1,1))-1)+IF('Standard Profiles'!$G$19=$B$10,7,0)+IF('Standard Profiles'!$G$19=$B$17,14,0)+IF('Standard Profiles'!$G$19=$B$24,21,0),0)),0)</f>
        <v>0</v>
      </c>
      <c r="F8367" cm="1">
        <f t="array" ref="F8367">IFERROR(INDEX(Jesper!AJ$2:AJ$366,ROUNDDOWN($C8367/24,0)+1,1)*INDEX($D$3:$AA$30,INDEX(Jesper!$R$2:$R$366,ROW(INDEX(Jesper!AJ$2:AJ$366,ROUNDDOWN($C8367/24,0)+1,1))-1)+IF('Standard Profiles'!$G$20=$B$10,7,0)+IF('Standard Profiles'!$G$20=$B$17,14,0)+IF('Standard Profiles'!$G$20=$B$24,21,0),MOD($C8367,24)+1)/SUM(INDEX($D$3:$AA$30,INDEX(Jesper!$R$2:$R$366,ROW(INDEX(Jesper!AJ$2:AJ$366,ROUNDDOWN($C8367/24,0)+1,1))-1)+IF('Standard Profiles'!$G$20=$B$10,7,0)+IF('Standard Profiles'!$G$20=$B$17,14,0)+IF('Standard Profiles'!$G$20=$B$24,21,0),0)),0)</f>
        <v>0</v>
      </c>
      <c r="G8367" cm="1">
        <f t="array" ref="G8367">IFERROR(INDEX(Jesper!AK$2:AK$366,ROUNDDOWN($C8367/24,0)+1,1)*INDEX($D$3:$AA$30,INDEX(Jesper!$R$2:$R$366,ROW(INDEX(Jesper!AK$2:AK$366,ROUNDDOWN($C8367/24,0)+1,1))-1)+IF('Standard Profiles'!$G$21=$B$10,7,0)+IF('Standard Profiles'!$G$21=$B$17,14,0)+IF('Standard Profiles'!$G$21=$B$24,21,0),MOD($C8367,24)+1)/SUM(INDEX($D$3:$AA$30,INDEX(Jesper!$R$2:$R$366,ROW(INDEX(Jesper!AK$2:AK$366,ROUNDDOWN($C8367/24,0)+1,1))-1)+IF('Standard Profiles'!$G$21=$B$10,7,0)+IF('Standard Profiles'!$G$21=$B$17,14,0)+IF('Standard Profiles'!$G$21=$B$24,21,0),0)),0)</f>
        <v>0</v>
      </c>
      <c r="H8367" cm="1">
        <f t="array" ref="H8367">IFERROR(INDEX(Jesper!AL$2:AL$366,ROUNDDOWN($C8367/24,0)+1,1)*INDEX($D$3:$AA$30,INDEX(Jesper!$R$2:$R$366,ROW(INDEX(Jesper!AL$2:AL$366,ROUNDDOWN($C8367/24,0)+1,1))-1)+IF('Standard Profiles'!$G$22=$B$10,7,0)+IF('Standard Profiles'!$G$22=$B$17,14,0)+IF('Standard Profiles'!$G$22=$B$24,21,0),MOD($C8367,24)+1)/SUM(INDEX($D$3:$AA$30,INDEX(Jesper!$R$2:$R$366,ROW(INDEX(Jesper!AL$2:AL$366,ROUNDDOWN($C8367/24,0)+1,1))-1)+IF('Standard Profiles'!$G$22=$B$10,7,0)+IF('Standard Profiles'!$G$22=$B$17,14,0)+IF('Standard Profiles'!$G$22=$B$24,21,0),0)),0)</f>
        <v>0</v>
      </c>
      <c r="I8367">
        <f t="shared" si="930"/>
        <v>0.3681299142931001</v>
      </c>
      <c r="J8367">
        <f t="shared" si="931"/>
        <v>1.2270997143103337</v>
      </c>
      <c r="K8367">
        <f t="shared" si="932"/>
        <v>1.8406495714655005</v>
      </c>
      <c r="L8367">
        <f t="shared" si="933"/>
        <v>8.8351179430344029</v>
      </c>
      <c r="M8367">
        <f t="shared" si="934"/>
        <v>0</v>
      </c>
      <c r="N8367" s="46">
        <f t="shared" si="935"/>
        <v>45639.208333313123</v>
      </c>
    </row>
    <row r="8368" spans="2:14" x14ac:dyDescent="0.3">
      <c r="B8368">
        <f t="shared" si="929"/>
        <v>5</v>
      </c>
      <c r="C8368" s="16">
        <v>8334</v>
      </c>
      <c r="D8368" cm="1">
        <f t="array" ref="D8368">IFERROR(INDEX(Jesper!AH$2:AH$366,ROUNDDOWN($C8368/24,0)+1,1)*INDEX($D$3:$AA$30,INDEX(Jesper!$R$2:$R$366,ROW(INDEX(Jesper!AH$2:AH$366,ROUNDDOWN($C8368/24,0)+1,1))-1)+IF('Standard Profiles'!$G$18=$B$10,7,0)+IF('Standard Profiles'!$G$18=$B$17,14,0)+IF('Standard Profiles'!$G$18=$B$24,21,0),MOD($C8368,24)+1)/SUM(INDEX($D$3:$AA$30,INDEX(Jesper!$R$2:$R$366,ROW(INDEX(Jesper!AH$2:AH$366,ROUNDDOWN($C8368/24,0)+1,1))-1)+IF('Standard Profiles'!$G$18=$B$10,7,0)+IF('Standard Profiles'!$G$18=$B$17,14,0)+IF('Standard Profiles'!$G$18=$B$24,21,0),0)),0)</f>
        <v>14.809824138228167</v>
      </c>
      <c r="E8368" cm="1">
        <f t="array" ref="E8368">IFERROR(INDEX(Jesper!AI$2:AI$366,ROUNDDOWN($C8368/24,0)+1,1)*INDEX($D$3:$AA$30,INDEX(Jesper!$R$2:$R$366,ROW(INDEX(Jesper!AI$2:AI$366,ROUNDDOWN($C8368/24,0)+1,1))-1)+IF('Standard Profiles'!$G$19=$B$10,7,0)+IF('Standard Profiles'!$G$19=$B$17,14,0)+IF('Standard Profiles'!$G$19=$B$24,21,0),MOD($C8368,24)+1)/SUM(INDEX($D$3:$AA$30,INDEX(Jesper!$R$2:$R$366,ROW(INDEX(Jesper!AI$2:AI$366,ROUNDDOWN($C8368/24,0)+1,1))-1)+IF('Standard Profiles'!$G$19=$B$10,7,0)+IF('Standard Profiles'!$G$19=$B$17,14,0)+IF('Standard Profiles'!$G$19=$B$24,21,0),0)),0)</f>
        <v>0</v>
      </c>
      <c r="F8368" cm="1">
        <f t="array" ref="F8368">IFERROR(INDEX(Jesper!AJ$2:AJ$366,ROUNDDOWN($C8368/24,0)+1,1)*INDEX($D$3:$AA$30,INDEX(Jesper!$R$2:$R$366,ROW(INDEX(Jesper!AJ$2:AJ$366,ROUNDDOWN($C8368/24,0)+1,1))-1)+IF('Standard Profiles'!$G$20=$B$10,7,0)+IF('Standard Profiles'!$G$20=$B$17,14,0)+IF('Standard Profiles'!$G$20=$B$24,21,0),MOD($C8368,24)+1)/SUM(INDEX($D$3:$AA$30,INDEX(Jesper!$R$2:$R$366,ROW(INDEX(Jesper!AJ$2:AJ$366,ROUNDDOWN($C8368/24,0)+1,1))-1)+IF('Standard Profiles'!$G$20=$B$10,7,0)+IF('Standard Profiles'!$G$20=$B$17,14,0)+IF('Standard Profiles'!$G$20=$B$24,21,0),0)),0)</f>
        <v>0</v>
      </c>
      <c r="G8368" cm="1">
        <f t="array" ref="G8368">IFERROR(INDEX(Jesper!AK$2:AK$366,ROUNDDOWN($C8368/24,0)+1,1)*INDEX($D$3:$AA$30,INDEX(Jesper!$R$2:$R$366,ROW(INDEX(Jesper!AK$2:AK$366,ROUNDDOWN($C8368/24,0)+1,1))-1)+IF('Standard Profiles'!$G$21=$B$10,7,0)+IF('Standard Profiles'!$G$21=$B$17,14,0)+IF('Standard Profiles'!$G$21=$B$24,21,0),MOD($C8368,24)+1)/SUM(INDEX($D$3:$AA$30,INDEX(Jesper!$R$2:$R$366,ROW(INDEX(Jesper!AK$2:AK$366,ROUNDDOWN($C8368/24,0)+1,1))-1)+IF('Standard Profiles'!$G$21=$B$10,7,0)+IF('Standard Profiles'!$G$21=$B$17,14,0)+IF('Standard Profiles'!$G$21=$B$24,21,0),0)),0)</f>
        <v>0</v>
      </c>
      <c r="H8368" cm="1">
        <f t="array" ref="H8368">IFERROR(INDEX(Jesper!AL$2:AL$366,ROUNDDOWN($C8368/24,0)+1,1)*INDEX($D$3:$AA$30,INDEX(Jesper!$R$2:$R$366,ROW(INDEX(Jesper!AL$2:AL$366,ROUNDDOWN($C8368/24,0)+1,1))-1)+IF('Standard Profiles'!$G$22=$B$10,7,0)+IF('Standard Profiles'!$G$22=$B$17,14,0)+IF('Standard Profiles'!$G$22=$B$24,21,0),MOD($C8368,24)+1)/SUM(INDEX($D$3:$AA$30,INDEX(Jesper!$R$2:$R$366,ROW(INDEX(Jesper!AL$2:AL$366,ROUNDDOWN($C8368/24,0)+1,1))-1)+IF('Standard Profiles'!$G$22=$B$10,7,0)+IF('Standard Profiles'!$G$22=$B$17,14,0)+IF('Standard Profiles'!$G$22=$B$24,21,0),0)),0)</f>
        <v>0</v>
      </c>
      <c r="I8368">
        <f t="shared" si="930"/>
        <v>0.44429472414684501</v>
      </c>
      <c r="J8368">
        <f t="shared" si="931"/>
        <v>1.4809824138228169</v>
      </c>
      <c r="K8368">
        <f t="shared" si="932"/>
        <v>2.2214736207342249</v>
      </c>
      <c r="L8368">
        <f t="shared" si="933"/>
        <v>10.663073379524279</v>
      </c>
      <c r="M8368">
        <f t="shared" si="934"/>
        <v>0</v>
      </c>
      <c r="N8368" s="46">
        <f t="shared" si="935"/>
        <v>45639.249999979787</v>
      </c>
    </row>
    <row r="8369" spans="2:14" x14ac:dyDescent="0.3">
      <c r="B8369">
        <f t="shared" si="929"/>
        <v>5</v>
      </c>
      <c r="C8369" s="16">
        <v>8335</v>
      </c>
      <c r="D8369" cm="1">
        <f t="array" ref="D8369">IFERROR(INDEX(Jesper!AH$2:AH$366,ROUNDDOWN($C8369/24,0)+1,1)*INDEX($D$3:$AA$30,INDEX(Jesper!$R$2:$R$366,ROW(INDEX(Jesper!AH$2:AH$366,ROUNDDOWN($C8369/24,0)+1,1))-1)+IF('Standard Profiles'!$G$18=$B$10,7,0)+IF('Standard Profiles'!$G$18=$B$17,14,0)+IF('Standard Profiles'!$G$18=$B$24,21,0),MOD($C8369,24)+1)/SUM(INDEX($D$3:$AA$30,INDEX(Jesper!$R$2:$R$366,ROW(INDEX(Jesper!AH$2:AH$366,ROUNDDOWN($C8369/24,0)+1,1))-1)+IF('Standard Profiles'!$G$18=$B$10,7,0)+IF('Standard Profiles'!$G$18=$B$17,14,0)+IF('Standard Profiles'!$G$18=$B$24,21,0),0)),0)</f>
        <v>14.809824138228167</v>
      </c>
      <c r="E8369" cm="1">
        <f t="array" ref="E8369">IFERROR(INDEX(Jesper!AI$2:AI$366,ROUNDDOWN($C8369/24,0)+1,1)*INDEX($D$3:$AA$30,INDEX(Jesper!$R$2:$R$366,ROW(INDEX(Jesper!AI$2:AI$366,ROUNDDOWN($C8369/24,0)+1,1))-1)+IF('Standard Profiles'!$G$19=$B$10,7,0)+IF('Standard Profiles'!$G$19=$B$17,14,0)+IF('Standard Profiles'!$G$19=$B$24,21,0),MOD($C8369,24)+1)/SUM(INDEX($D$3:$AA$30,INDEX(Jesper!$R$2:$R$366,ROW(INDEX(Jesper!AI$2:AI$366,ROUNDDOWN($C8369/24,0)+1,1))-1)+IF('Standard Profiles'!$G$19=$B$10,7,0)+IF('Standard Profiles'!$G$19=$B$17,14,0)+IF('Standard Profiles'!$G$19=$B$24,21,0),0)),0)</f>
        <v>0</v>
      </c>
      <c r="F8369" cm="1">
        <f t="array" ref="F8369">IFERROR(INDEX(Jesper!AJ$2:AJ$366,ROUNDDOWN($C8369/24,0)+1,1)*INDEX($D$3:$AA$30,INDEX(Jesper!$R$2:$R$366,ROW(INDEX(Jesper!AJ$2:AJ$366,ROUNDDOWN($C8369/24,0)+1,1))-1)+IF('Standard Profiles'!$G$20=$B$10,7,0)+IF('Standard Profiles'!$G$20=$B$17,14,0)+IF('Standard Profiles'!$G$20=$B$24,21,0),MOD($C8369,24)+1)/SUM(INDEX($D$3:$AA$30,INDEX(Jesper!$R$2:$R$366,ROW(INDEX(Jesper!AJ$2:AJ$366,ROUNDDOWN($C8369/24,0)+1,1))-1)+IF('Standard Profiles'!$G$20=$B$10,7,0)+IF('Standard Profiles'!$G$20=$B$17,14,0)+IF('Standard Profiles'!$G$20=$B$24,21,0),0)),0)</f>
        <v>0</v>
      </c>
      <c r="G8369" cm="1">
        <f t="array" ref="G8369">IFERROR(INDEX(Jesper!AK$2:AK$366,ROUNDDOWN($C8369/24,0)+1,1)*INDEX($D$3:$AA$30,INDEX(Jesper!$R$2:$R$366,ROW(INDEX(Jesper!AK$2:AK$366,ROUNDDOWN($C8369/24,0)+1,1))-1)+IF('Standard Profiles'!$G$21=$B$10,7,0)+IF('Standard Profiles'!$G$21=$B$17,14,0)+IF('Standard Profiles'!$G$21=$B$24,21,0),MOD($C8369,24)+1)/SUM(INDEX($D$3:$AA$30,INDEX(Jesper!$R$2:$R$366,ROW(INDEX(Jesper!AK$2:AK$366,ROUNDDOWN($C8369/24,0)+1,1))-1)+IF('Standard Profiles'!$G$21=$B$10,7,0)+IF('Standard Profiles'!$G$21=$B$17,14,0)+IF('Standard Profiles'!$G$21=$B$24,21,0),0)),0)</f>
        <v>0</v>
      </c>
      <c r="H8369" cm="1">
        <f t="array" ref="H8369">IFERROR(INDEX(Jesper!AL$2:AL$366,ROUNDDOWN($C8369/24,0)+1,1)*INDEX($D$3:$AA$30,INDEX(Jesper!$R$2:$R$366,ROW(INDEX(Jesper!AL$2:AL$366,ROUNDDOWN($C8369/24,0)+1,1))-1)+IF('Standard Profiles'!$G$22=$B$10,7,0)+IF('Standard Profiles'!$G$22=$B$17,14,0)+IF('Standard Profiles'!$G$22=$B$24,21,0),MOD($C8369,24)+1)/SUM(INDEX($D$3:$AA$30,INDEX(Jesper!$R$2:$R$366,ROW(INDEX(Jesper!AL$2:AL$366,ROUNDDOWN($C8369/24,0)+1,1))-1)+IF('Standard Profiles'!$G$22=$B$10,7,0)+IF('Standard Profiles'!$G$22=$B$17,14,0)+IF('Standard Profiles'!$G$22=$B$24,21,0),0)),0)</f>
        <v>0</v>
      </c>
      <c r="I8369">
        <f t="shared" si="930"/>
        <v>0.44429472414684501</v>
      </c>
      <c r="J8369">
        <f t="shared" si="931"/>
        <v>1.4809824138228169</v>
      </c>
      <c r="K8369">
        <f t="shared" si="932"/>
        <v>2.2214736207342249</v>
      </c>
      <c r="L8369">
        <f t="shared" si="933"/>
        <v>10.663073379524279</v>
      </c>
      <c r="M8369">
        <f t="shared" si="934"/>
        <v>0</v>
      </c>
      <c r="N8369" s="46">
        <f t="shared" si="935"/>
        <v>45639.291666646452</v>
      </c>
    </row>
    <row r="8370" spans="2:14" x14ac:dyDescent="0.3">
      <c r="B8370">
        <f t="shared" si="929"/>
        <v>5</v>
      </c>
      <c r="C8370" s="16">
        <v>8336</v>
      </c>
      <c r="D8370" cm="1">
        <f t="array" ref="D8370">IFERROR(INDEX(Jesper!AH$2:AH$366,ROUNDDOWN($C8370/24,0)+1,1)*INDEX($D$3:$AA$30,INDEX(Jesper!$R$2:$R$366,ROW(INDEX(Jesper!AH$2:AH$366,ROUNDDOWN($C8370/24,0)+1,1))-1)+IF('Standard Profiles'!$G$18=$B$10,7,0)+IF('Standard Profiles'!$G$18=$B$17,14,0)+IF('Standard Profiles'!$G$18=$B$24,21,0),MOD($C8370,24)+1)/SUM(INDEX($D$3:$AA$30,INDEX(Jesper!$R$2:$R$366,ROW(INDEX(Jesper!AH$2:AH$366,ROUNDDOWN($C8370/24,0)+1,1))-1)+IF('Standard Profiles'!$G$18=$B$10,7,0)+IF('Standard Profiles'!$G$18=$B$17,14,0)+IF('Standard Profiles'!$G$18=$B$24,21,0),0)),0)</f>
        <v>14.809824138228167</v>
      </c>
      <c r="E8370" cm="1">
        <f t="array" ref="E8370">IFERROR(INDEX(Jesper!AI$2:AI$366,ROUNDDOWN($C8370/24,0)+1,1)*INDEX($D$3:$AA$30,INDEX(Jesper!$R$2:$R$366,ROW(INDEX(Jesper!AI$2:AI$366,ROUNDDOWN($C8370/24,0)+1,1))-1)+IF('Standard Profiles'!$G$19=$B$10,7,0)+IF('Standard Profiles'!$G$19=$B$17,14,0)+IF('Standard Profiles'!$G$19=$B$24,21,0),MOD($C8370,24)+1)/SUM(INDEX($D$3:$AA$30,INDEX(Jesper!$R$2:$R$366,ROW(INDEX(Jesper!AI$2:AI$366,ROUNDDOWN($C8370/24,0)+1,1))-1)+IF('Standard Profiles'!$G$19=$B$10,7,0)+IF('Standard Profiles'!$G$19=$B$17,14,0)+IF('Standard Profiles'!$G$19=$B$24,21,0),0)),0)</f>
        <v>0</v>
      </c>
      <c r="F8370" cm="1">
        <f t="array" ref="F8370">IFERROR(INDEX(Jesper!AJ$2:AJ$366,ROUNDDOWN($C8370/24,0)+1,1)*INDEX($D$3:$AA$30,INDEX(Jesper!$R$2:$R$366,ROW(INDEX(Jesper!AJ$2:AJ$366,ROUNDDOWN($C8370/24,0)+1,1))-1)+IF('Standard Profiles'!$G$20=$B$10,7,0)+IF('Standard Profiles'!$G$20=$B$17,14,0)+IF('Standard Profiles'!$G$20=$B$24,21,0),MOD($C8370,24)+1)/SUM(INDEX($D$3:$AA$30,INDEX(Jesper!$R$2:$R$366,ROW(INDEX(Jesper!AJ$2:AJ$366,ROUNDDOWN($C8370/24,0)+1,1))-1)+IF('Standard Profiles'!$G$20=$B$10,7,0)+IF('Standard Profiles'!$G$20=$B$17,14,0)+IF('Standard Profiles'!$G$20=$B$24,21,0),0)),0)</f>
        <v>0</v>
      </c>
      <c r="G8370" cm="1">
        <f t="array" ref="G8370">IFERROR(INDEX(Jesper!AK$2:AK$366,ROUNDDOWN($C8370/24,0)+1,1)*INDEX($D$3:$AA$30,INDEX(Jesper!$R$2:$R$366,ROW(INDEX(Jesper!AK$2:AK$366,ROUNDDOWN($C8370/24,0)+1,1))-1)+IF('Standard Profiles'!$G$21=$B$10,7,0)+IF('Standard Profiles'!$G$21=$B$17,14,0)+IF('Standard Profiles'!$G$21=$B$24,21,0),MOD($C8370,24)+1)/SUM(INDEX($D$3:$AA$30,INDEX(Jesper!$R$2:$R$366,ROW(INDEX(Jesper!AK$2:AK$366,ROUNDDOWN($C8370/24,0)+1,1))-1)+IF('Standard Profiles'!$G$21=$B$10,7,0)+IF('Standard Profiles'!$G$21=$B$17,14,0)+IF('Standard Profiles'!$G$21=$B$24,21,0),0)),0)</f>
        <v>0</v>
      </c>
      <c r="H8370" cm="1">
        <f t="array" ref="H8370">IFERROR(INDEX(Jesper!AL$2:AL$366,ROUNDDOWN($C8370/24,0)+1,1)*INDEX($D$3:$AA$30,INDEX(Jesper!$R$2:$R$366,ROW(INDEX(Jesper!AL$2:AL$366,ROUNDDOWN($C8370/24,0)+1,1))-1)+IF('Standard Profiles'!$G$22=$B$10,7,0)+IF('Standard Profiles'!$G$22=$B$17,14,0)+IF('Standard Profiles'!$G$22=$B$24,21,0),MOD($C8370,24)+1)/SUM(INDEX($D$3:$AA$30,INDEX(Jesper!$R$2:$R$366,ROW(INDEX(Jesper!AL$2:AL$366,ROUNDDOWN($C8370/24,0)+1,1))-1)+IF('Standard Profiles'!$G$22=$B$10,7,0)+IF('Standard Profiles'!$G$22=$B$17,14,0)+IF('Standard Profiles'!$G$22=$B$24,21,0),0)),0)</f>
        <v>0</v>
      </c>
      <c r="I8370">
        <f t="shared" si="930"/>
        <v>0.44429472414684501</v>
      </c>
      <c r="J8370">
        <f t="shared" si="931"/>
        <v>1.4809824138228169</v>
      </c>
      <c r="K8370">
        <f t="shared" si="932"/>
        <v>2.2214736207342249</v>
      </c>
      <c r="L8370">
        <f t="shared" si="933"/>
        <v>10.663073379524279</v>
      </c>
      <c r="M8370">
        <f t="shared" si="934"/>
        <v>0</v>
      </c>
      <c r="N8370" s="46">
        <f t="shared" si="935"/>
        <v>45639.333333313116</v>
      </c>
    </row>
    <row r="8371" spans="2:14" x14ac:dyDescent="0.3">
      <c r="B8371">
        <f t="shared" si="929"/>
        <v>5</v>
      </c>
      <c r="C8371" s="16">
        <v>8337</v>
      </c>
      <c r="D8371" cm="1">
        <f t="array" ref="D8371">IFERROR(INDEX(Jesper!AH$2:AH$366,ROUNDDOWN($C8371/24,0)+1,1)*INDEX($D$3:$AA$30,INDEX(Jesper!$R$2:$R$366,ROW(INDEX(Jesper!AH$2:AH$366,ROUNDDOWN($C8371/24,0)+1,1))-1)+IF('Standard Profiles'!$G$18=$B$10,7,0)+IF('Standard Profiles'!$G$18=$B$17,14,0)+IF('Standard Profiles'!$G$18=$B$24,21,0),MOD($C8371,24)+1)/SUM(INDEX($D$3:$AA$30,INDEX(Jesper!$R$2:$R$366,ROW(INDEX(Jesper!AH$2:AH$366,ROUNDDOWN($C8371/24,0)+1,1))-1)+IF('Standard Profiles'!$G$18=$B$10,7,0)+IF('Standard Profiles'!$G$18=$B$17,14,0)+IF('Standard Profiles'!$G$18=$B$24,21,0),0)),0)</f>
        <v>15.867668719530178</v>
      </c>
      <c r="E8371" cm="1">
        <f t="array" ref="E8371">IFERROR(INDEX(Jesper!AI$2:AI$366,ROUNDDOWN($C8371/24,0)+1,1)*INDEX($D$3:$AA$30,INDEX(Jesper!$R$2:$R$366,ROW(INDEX(Jesper!AI$2:AI$366,ROUNDDOWN($C8371/24,0)+1,1))-1)+IF('Standard Profiles'!$G$19=$B$10,7,0)+IF('Standard Profiles'!$G$19=$B$17,14,0)+IF('Standard Profiles'!$G$19=$B$24,21,0),MOD($C8371,24)+1)/SUM(INDEX($D$3:$AA$30,INDEX(Jesper!$R$2:$R$366,ROW(INDEX(Jesper!AI$2:AI$366,ROUNDDOWN($C8371/24,0)+1,1))-1)+IF('Standard Profiles'!$G$19=$B$10,7,0)+IF('Standard Profiles'!$G$19=$B$17,14,0)+IF('Standard Profiles'!$G$19=$B$24,21,0),0)),0)</f>
        <v>0</v>
      </c>
      <c r="F8371" cm="1">
        <f t="array" ref="F8371">IFERROR(INDEX(Jesper!AJ$2:AJ$366,ROUNDDOWN($C8371/24,0)+1,1)*INDEX($D$3:$AA$30,INDEX(Jesper!$R$2:$R$366,ROW(INDEX(Jesper!AJ$2:AJ$366,ROUNDDOWN($C8371/24,0)+1,1))-1)+IF('Standard Profiles'!$G$20=$B$10,7,0)+IF('Standard Profiles'!$G$20=$B$17,14,0)+IF('Standard Profiles'!$G$20=$B$24,21,0),MOD($C8371,24)+1)/SUM(INDEX($D$3:$AA$30,INDEX(Jesper!$R$2:$R$366,ROW(INDEX(Jesper!AJ$2:AJ$366,ROUNDDOWN($C8371/24,0)+1,1))-1)+IF('Standard Profiles'!$G$20=$B$10,7,0)+IF('Standard Profiles'!$G$20=$B$17,14,0)+IF('Standard Profiles'!$G$20=$B$24,21,0),0)),0)</f>
        <v>0</v>
      </c>
      <c r="G8371" cm="1">
        <f t="array" ref="G8371">IFERROR(INDEX(Jesper!AK$2:AK$366,ROUNDDOWN($C8371/24,0)+1,1)*INDEX($D$3:$AA$30,INDEX(Jesper!$R$2:$R$366,ROW(INDEX(Jesper!AK$2:AK$366,ROUNDDOWN($C8371/24,0)+1,1))-1)+IF('Standard Profiles'!$G$21=$B$10,7,0)+IF('Standard Profiles'!$G$21=$B$17,14,0)+IF('Standard Profiles'!$G$21=$B$24,21,0),MOD($C8371,24)+1)/SUM(INDEX($D$3:$AA$30,INDEX(Jesper!$R$2:$R$366,ROW(INDEX(Jesper!AK$2:AK$366,ROUNDDOWN($C8371/24,0)+1,1))-1)+IF('Standard Profiles'!$G$21=$B$10,7,0)+IF('Standard Profiles'!$G$21=$B$17,14,0)+IF('Standard Profiles'!$G$21=$B$24,21,0),0)),0)</f>
        <v>0</v>
      </c>
      <c r="H8371" cm="1">
        <f t="array" ref="H8371">IFERROR(INDEX(Jesper!AL$2:AL$366,ROUNDDOWN($C8371/24,0)+1,1)*INDEX($D$3:$AA$30,INDEX(Jesper!$R$2:$R$366,ROW(INDEX(Jesper!AL$2:AL$366,ROUNDDOWN($C8371/24,0)+1,1))-1)+IF('Standard Profiles'!$G$22=$B$10,7,0)+IF('Standard Profiles'!$G$22=$B$17,14,0)+IF('Standard Profiles'!$G$22=$B$24,21,0),MOD($C8371,24)+1)/SUM(INDEX($D$3:$AA$30,INDEX(Jesper!$R$2:$R$366,ROW(INDEX(Jesper!AL$2:AL$366,ROUNDDOWN($C8371/24,0)+1,1))-1)+IF('Standard Profiles'!$G$22=$B$10,7,0)+IF('Standard Profiles'!$G$22=$B$17,14,0)+IF('Standard Profiles'!$G$22=$B$24,21,0),0)),0)</f>
        <v>0</v>
      </c>
      <c r="I8371">
        <f t="shared" si="930"/>
        <v>0.47603006158590533</v>
      </c>
      <c r="J8371">
        <f t="shared" si="931"/>
        <v>1.5867668719530179</v>
      </c>
      <c r="K8371">
        <f t="shared" si="932"/>
        <v>2.3801503079295268</v>
      </c>
      <c r="L8371">
        <f t="shared" si="933"/>
        <v>11.424721478061727</v>
      </c>
      <c r="M8371">
        <f t="shared" si="934"/>
        <v>0</v>
      </c>
      <c r="N8371" s="46">
        <f t="shared" si="935"/>
        <v>45639.37499997978</v>
      </c>
    </row>
    <row r="8372" spans="2:14" x14ac:dyDescent="0.3">
      <c r="B8372">
        <f t="shared" si="929"/>
        <v>5</v>
      </c>
      <c r="C8372" s="16">
        <v>8338</v>
      </c>
      <c r="D8372" cm="1">
        <f t="array" ref="D8372">IFERROR(INDEX(Jesper!AH$2:AH$366,ROUNDDOWN($C8372/24,0)+1,1)*INDEX($D$3:$AA$30,INDEX(Jesper!$R$2:$R$366,ROW(INDEX(Jesper!AH$2:AH$366,ROUNDDOWN($C8372/24,0)+1,1))-1)+IF('Standard Profiles'!$G$18=$B$10,7,0)+IF('Standard Profiles'!$G$18=$B$17,14,0)+IF('Standard Profiles'!$G$18=$B$24,21,0),MOD($C8372,24)+1)/SUM(INDEX($D$3:$AA$30,INDEX(Jesper!$R$2:$R$366,ROW(INDEX(Jesper!AH$2:AH$366,ROUNDDOWN($C8372/24,0)+1,1))-1)+IF('Standard Profiles'!$G$18=$B$10,7,0)+IF('Standard Profiles'!$G$18=$B$17,14,0)+IF('Standard Profiles'!$G$18=$B$24,21,0),0)),0)</f>
        <v>16.502375468311385</v>
      </c>
      <c r="E8372" cm="1">
        <f t="array" ref="E8372">IFERROR(INDEX(Jesper!AI$2:AI$366,ROUNDDOWN($C8372/24,0)+1,1)*INDEX($D$3:$AA$30,INDEX(Jesper!$R$2:$R$366,ROW(INDEX(Jesper!AI$2:AI$366,ROUNDDOWN($C8372/24,0)+1,1))-1)+IF('Standard Profiles'!$G$19=$B$10,7,0)+IF('Standard Profiles'!$G$19=$B$17,14,0)+IF('Standard Profiles'!$G$19=$B$24,21,0),MOD($C8372,24)+1)/SUM(INDEX($D$3:$AA$30,INDEX(Jesper!$R$2:$R$366,ROW(INDEX(Jesper!AI$2:AI$366,ROUNDDOWN($C8372/24,0)+1,1))-1)+IF('Standard Profiles'!$G$19=$B$10,7,0)+IF('Standard Profiles'!$G$19=$B$17,14,0)+IF('Standard Profiles'!$G$19=$B$24,21,0),0)),0)</f>
        <v>0</v>
      </c>
      <c r="F8372" cm="1">
        <f t="array" ref="F8372">IFERROR(INDEX(Jesper!AJ$2:AJ$366,ROUNDDOWN($C8372/24,0)+1,1)*INDEX($D$3:$AA$30,INDEX(Jesper!$R$2:$R$366,ROW(INDEX(Jesper!AJ$2:AJ$366,ROUNDDOWN($C8372/24,0)+1,1))-1)+IF('Standard Profiles'!$G$20=$B$10,7,0)+IF('Standard Profiles'!$G$20=$B$17,14,0)+IF('Standard Profiles'!$G$20=$B$24,21,0),MOD($C8372,24)+1)/SUM(INDEX($D$3:$AA$30,INDEX(Jesper!$R$2:$R$366,ROW(INDEX(Jesper!AJ$2:AJ$366,ROUNDDOWN($C8372/24,0)+1,1))-1)+IF('Standard Profiles'!$G$20=$B$10,7,0)+IF('Standard Profiles'!$G$20=$B$17,14,0)+IF('Standard Profiles'!$G$20=$B$24,21,0),0)),0)</f>
        <v>0</v>
      </c>
      <c r="G8372" cm="1">
        <f t="array" ref="G8372">IFERROR(INDEX(Jesper!AK$2:AK$366,ROUNDDOWN($C8372/24,0)+1,1)*INDEX($D$3:$AA$30,INDEX(Jesper!$R$2:$R$366,ROW(INDEX(Jesper!AK$2:AK$366,ROUNDDOWN($C8372/24,0)+1,1))-1)+IF('Standard Profiles'!$G$21=$B$10,7,0)+IF('Standard Profiles'!$G$21=$B$17,14,0)+IF('Standard Profiles'!$G$21=$B$24,21,0),MOD($C8372,24)+1)/SUM(INDEX($D$3:$AA$30,INDEX(Jesper!$R$2:$R$366,ROW(INDEX(Jesper!AK$2:AK$366,ROUNDDOWN($C8372/24,0)+1,1))-1)+IF('Standard Profiles'!$G$21=$B$10,7,0)+IF('Standard Profiles'!$G$21=$B$17,14,0)+IF('Standard Profiles'!$G$21=$B$24,21,0),0)),0)</f>
        <v>0</v>
      </c>
      <c r="H8372" cm="1">
        <f t="array" ref="H8372">IFERROR(INDEX(Jesper!AL$2:AL$366,ROUNDDOWN($C8372/24,0)+1,1)*INDEX($D$3:$AA$30,INDEX(Jesper!$R$2:$R$366,ROW(INDEX(Jesper!AL$2:AL$366,ROUNDDOWN($C8372/24,0)+1,1))-1)+IF('Standard Profiles'!$G$22=$B$10,7,0)+IF('Standard Profiles'!$G$22=$B$17,14,0)+IF('Standard Profiles'!$G$22=$B$24,21,0),MOD($C8372,24)+1)/SUM(INDEX($D$3:$AA$30,INDEX(Jesper!$R$2:$R$366,ROW(INDEX(Jesper!AL$2:AL$366,ROUNDDOWN($C8372/24,0)+1,1))-1)+IF('Standard Profiles'!$G$22=$B$10,7,0)+IF('Standard Profiles'!$G$22=$B$17,14,0)+IF('Standard Profiles'!$G$22=$B$24,21,0),0)),0)</f>
        <v>0</v>
      </c>
      <c r="I8372">
        <f t="shared" si="930"/>
        <v>0.49507126404934154</v>
      </c>
      <c r="J8372">
        <f t="shared" si="931"/>
        <v>1.6502375468311385</v>
      </c>
      <c r="K8372">
        <f t="shared" si="932"/>
        <v>2.4753563202467075</v>
      </c>
      <c r="L8372">
        <f t="shared" si="933"/>
        <v>11.881710337184197</v>
      </c>
      <c r="M8372">
        <f t="shared" si="934"/>
        <v>0</v>
      </c>
      <c r="N8372" s="46">
        <f t="shared" si="935"/>
        <v>45639.416666646444</v>
      </c>
    </row>
    <row r="8373" spans="2:14" x14ac:dyDescent="0.3">
      <c r="B8373">
        <f t="shared" si="929"/>
        <v>5</v>
      </c>
      <c r="C8373" s="16">
        <v>8339</v>
      </c>
      <c r="D8373" cm="1">
        <f t="array" ref="D8373">IFERROR(INDEX(Jesper!AH$2:AH$366,ROUNDDOWN($C8373/24,0)+1,1)*INDEX($D$3:$AA$30,INDEX(Jesper!$R$2:$R$366,ROW(INDEX(Jesper!AH$2:AH$366,ROUNDDOWN($C8373/24,0)+1,1))-1)+IF('Standard Profiles'!$G$18=$B$10,7,0)+IF('Standard Profiles'!$G$18=$B$17,14,0)+IF('Standard Profiles'!$G$18=$B$24,21,0),MOD($C8373,24)+1)/SUM(INDEX($D$3:$AA$30,INDEX(Jesper!$R$2:$R$366,ROW(INDEX(Jesper!AH$2:AH$366,ROUNDDOWN($C8373/24,0)+1,1))-1)+IF('Standard Profiles'!$G$18=$B$10,7,0)+IF('Standard Profiles'!$G$18=$B$17,14,0)+IF('Standard Profiles'!$G$18=$B$24,21,0),0)),0)</f>
        <v>19.041202463436214</v>
      </c>
      <c r="E8373" cm="1">
        <f t="array" ref="E8373">IFERROR(INDEX(Jesper!AI$2:AI$366,ROUNDDOWN($C8373/24,0)+1,1)*INDEX($D$3:$AA$30,INDEX(Jesper!$R$2:$R$366,ROW(INDEX(Jesper!AI$2:AI$366,ROUNDDOWN($C8373/24,0)+1,1))-1)+IF('Standard Profiles'!$G$19=$B$10,7,0)+IF('Standard Profiles'!$G$19=$B$17,14,0)+IF('Standard Profiles'!$G$19=$B$24,21,0),MOD($C8373,24)+1)/SUM(INDEX($D$3:$AA$30,INDEX(Jesper!$R$2:$R$366,ROW(INDEX(Jesper!AI$2:AI$366,ROUNDDOWN($C8373/24,0)+1,1))-1)+IF('Standard Profiles'!$G$19=$B$10,7,0)+IF('Standard Profiles'!$G$19=$B$17,14,0)+IF('Standard Profiles'!$G$19=$B$24,21,0),0)),0)</f>
        <v>0</v>
      </c>
      <c r="F8373" cm="1">
        <f t="array" ref="F8373">IFERROR(INDEX(Jesper!AJ$2:AJ$366,ROUNDDOWN($C8373/24,0)+1,1)*INDEX($D$3:$AA$30,INDEX(Jesper!$R$2:$R$366,ROW(INDEX(Jesper!AJ$2:AJ$366,ROUNDDOWN($C8373/24,0)+1,1))-1)+IF('Standard Profiles'!$G$20=$B$10,7,0)+IF('Standard Profiles'!$G$20=$B$17,14,0)+IF('Standard Profiles'!$G$20=$B$24,21,0),MOD($C8373,24)+1)/SUM(INDEX($D$3:$AA$30,INDEX(Jesper!$R$2:$R$366,ROW(INDEX(Jesper!AJ$2:AJ$366,ROUNDDOWN($C8373/24,0)+1,1))-1)+IF('Standard Profiles'!$G$20=$B$10,7,0)+IF('Standard Profiles'!$G$20=$B$17,14,0)+IF('Standard Profiles'!$G$20=$B$24,21,0),0)),0)</f>
        <v>0</v>
      </c>
      <c r="G8373" cm="1">
        <f t="array" ref="G8373">IFERROR(INDEX(Jesper!AK$2:AK$366,ROUNDDOWN($C8373/24,0)+1,1)*INDEX($D$3:$AA$30,INDEX(Jesper!$R$2:$R$366,ROW(INDEX(Jesper!AK$2:AK$366,ROUNDDOWN($C8373/24,0)+1,1))-1)+IF('Standard Profiles'!$G$21=$B$10,7,0)+IF('Standard Profiles'!$G$21=$B$17,14,0)+IF('Standard Profiles'!$G$21=$B$24,21,0),MOD($C8373,24)+1)/SUM(INDEX($D$3:$AA$30,INDEX(Jesper!$R$2:$R$366,ROW(INDEX(Jesper!AK$2:AK$366,ROUNDDOWN($C8373/24,0)+1,1))-1)+IF('Standard Profiles'!$G$21=$B$10,7,0)+IF('Standard Profiles'!$G$21=$B$17,14,0)+IF('Standard Profiles'!$G$21=$B$24,21,0),0)),0)</f>
        <v>0</v>
      </c>
      <c r="H8373" cm="1">
        <f t="array" ref="H8373">IFERROR(INDEX(Jesper!AL$2:AL$366,ROUNDDOWN($C8373/24,0)+1,1)*INDEX($D$3:$AA$30,INDEX(Jesper!$R$2:$R$366,ROW(INDEX(Jesper!AL$2:AL$366,ROUNDDOWN($C8373/24,0)+1,1))-1)+IF('Standard Profiles'!$G$22=$B$10,7,0)+IF('Standard Profiles'!$G$22=$B$17,14,0)+IF('Standard Profiles'!$G$22=$B$24,21,0),MOD($C8373,24)+1)/SUM(INDEX($D$3:$AA$30,INDEX(Jesper!$R$2:$R$366,ROW(INDEX(Jesper!AL$2:AL$366,ROUNDDOWN($C8373/24,0)+1,1))-1)+IF('Standard Profiles'!$G$22=$B$10,7,0)+IF('Standard Profiles'!$G$22=$B$17,14,0)+IF('Standard Profiles'!$G$22=$B$24,21,0),0)),0)</f>
        <v>0</v>
      </c>
      <c r="I8373">
        <f t="shared" si="930"/>
        <v>0.57123607390308639</v>
      </c>
      <c r="J8373">
        <f t="shared" si="931"/>
        <v>1.9041202463436215</v>
      </c>
      <c r="K8373">
        <f t="shared" si="932"/>
        <v>2.8561803695154322</v>
      </c>
      <c r="L8373">
        <f t="shared" si="933"/>
        <v>13.709665773674073</v>
      </c>
      <c r="M8373">
        <f t="shared" si="934"/>
        <v>0</v>
      </c>
      <c r="N8373" s="46">
        <f t="shared" si="935"/>
        <v>45639.458333313109</v>
      </c>
    </row>
    <row r="8374" spans="2:14" x14ac:dyDescent="0.3">
      <c r="B8374">
        <f t="shared" si="929"/>
        <v>5</v>
      </c>
      <c r="C8374" s="16">
        <v>8340</v>
      </c>
      <c r="D8374" cm="1">
        <f t="array" ref="D8374">IFERROR(INDEX(Jesper!AH$2:AH$366,ROUNDDOWN($C8374/24,0)+1,1)*INDEX($D$3:$AA$30,INDEX(Jesper!$R$2:$R$366,ROW(INDEX(Jesper!AH$2:AH$366,ROUNDDOWN($C8374/24,0)+1,1))-1)+IF('Standard Profiles'!$G$18=$B$10,7,0)+IF('Standard Profiles'!$G$18=$B$17,14,0)+IF('Standard Profiles'!$G$18=$B$24,21,0),MOD($C8374,24)+1)/SUM(INDEX($D$3:$AA$30,INDEX(Jesper!$R$2:$R$366,ROW(INDEX(Jesper!AH$2:AH$366,ROUNDDOWN($C8374/24,0)+1,1))-1)+IF('Standard Profiles'!$G$18=$B$10,7,0)+IF('Standard Profiles'!$G$18=$B$17,14,0)+IF('Standard Profiles'!$G$18=$B$24,21,0),0)),0)</f>
        <v>19.041202463436214</v>
      </c>
      <c r="E8374" cm="1">
        <f t="array" ref="E8374">IFERROR(INDEX(Jesper!AI$2:AI$366,ROUNDDOWN($C8374/24,0)+1,1)*INDEX($D$3:$AA$30,INDEX(Jesper!$R$2:$R$366,ROW(INDEX(Jesper!AI$2:AI$366,ROUNDDOWN($C8374/24,0)+1,1))-1)+IF('Standard Profiles'!$G$19=$B$10,7,0)+IF('Standard Profiles'!$G$19=$B$17,14,0)+IF('Standard Profiles'!$G$19=$B$24,21,0),MOD($C8374,24)+1)/SUM(INDEX($D$3:$AA$30,INDEX(Jesper!$R$2:$R$366,ROW(INDEX(Jesper!AI$2:AI$366,ROUNDDOWN($C8374/24,0)+1,1))-1)+IF('Standard Profiles'!$G$19=$B$10,7,0)+IF('Standard Profiles'!$G$19=$B$17,14,0)+IF('Standard Profiles'!$G$19=$B$24,21,0),0)),0)</f>
        <v>0</v>
      </c>
      <c r="F8374" cm="1">
        <f t="array" ref="F8374">IFERROR(INDEX(Jesper!AJ$2:AJ$366,ROUNDDOWN($C8374/24,0)+1,1)*INDEX($D$3:$AA$30,INDEX(Jesper!$R$2:$R$366,ROW(INDEX(Jesper!AJ$2:AJ$366,ROUNDDOWN($C8374/24,0)+1,1))-1)+IF('Standard Profiles'!$G$20=$B$10,7,0)+IF('Standard Profiles'!$G$20=$B$17,14,0)+IF('Standard Profiles'!$G$20=$B$24,21,0),MOD($C8374,24)+1)/SUM(INDEX($D$3:$AA$30,INDEX(Jesper!$R$2:$R$366,ROW(INDEX(Jesper!AJ$2:AJ$366,ROUNDDOWN($C8374/24,0)+1,1))-1)+IF('Standard Profiles'!$G$20=$B$10,7,0)+IF('Standard Profiles'!$G$20=$B$17,14,0)+IF('Standard Profiles'!$G$20=$B$24,21,0),0)),0)</f>
        <v>0</v>
      </c>
      <c r="G8374" cm="1">
        <f t="array" ref="G8374">IFERROR(INDEX(Jesper!AK$2:AK$366,ROUNDDOWN($C8374/24,0)+1,1)*INDEX($D$3:$AA$30,INDEX(Jesper!$R$2:$R$366,ROW(INDEX(Jesper!AK$2:AK$366,ROUNDDOWN($C8374/24,0)+1,1))-1)+IF('Standard Profiles'!$G$21=$B$10,7,0)+IF('Standard Profiles'!$G$21=$B$17,14,0)+IF('Standard Profiles'!$G$21=$B$24,21,0),MOD($C8374,24)+1)/SUM(INDEX($D$3:$AA$30,INDEX(Jesper!$R$2:$R$366,ROW(INDEX(Jesper!AK$2:AK$366,ROUNDDOWN($C8374/24,0)+1,1))-1)+IF('Standard Profiles'!$G$21=$B$10,7,0)+IF('Standard Profiles'!$G$21=$B$17,14,0)+IF('Standard Profiles'!$G$21=$B$24,21,0),0)),0)</f>
        <v>0</v>
      </c>
      <c r="H8374" cm="1">
        <f t="array" ref="H8374">IFERROR(INDEX(Jesper!AL$2:AL$366,ROUNDDOWN($C8374/24,0)+1,1)*INDEX($D$3:$AA$30,INDEX(Jesper!$R$2:$R$366,ROW(INDEX(Jesper!AL$2:AL$366,ROUNDDOWN($C8374/24,0)+1,1))-1)+IF('Standard Profiles'!$G$22=$B$10,7,0)+IF('Standard Profiles'!$G$22=$B$17,14,0)+IF('Standard Profiles'!$G$22=$B$24,21,0),MOD($C8374,24)+1)/SUM(INDEX($D$3:$AA$30,INDEX(Jesper!$R$2:$R$366,ROW(INDEX(Jesper!AL$2:AL$366,ROUNDDOWN($C8374/24,0)+1,1))-1)+IF('Standard Profiles'!$G$22=$B$10,7,0)+IF('Standard Profiles'!$G$22=$B$17,14,0)+IF('Standard Profiles'!$G$22=$B$24,21,0),0)),0)</f>
        <v>0</v>
      </c>
      <c r="I8374">
        <f t="shared" si="930"/>
        <v>0.57123607390308639</v>
      </c>
      <c r="J8374">
        <f t="shared" si="931"/>
        <v>1.9041202463436215</v>
      </c>
      <c r="K8374">
        <f t="shared" si="932"/>
        <v>2.8561803695154322</v>
      </c>
      <c r="L8374">
        <f t="shared" si="933"/>
        <v>13.709665773674073</v>
      </c>
      <c r="M8374">
        <f t="shared" si="934"/>
        <v>0</v>
      </c>
      <c r="N8374" s="46">
        <f t="shared" si="935"/>
        <v>45639.499999979773</v>
      </c>
    </row>
    <row r="8375" spans="2:14" x14ac:dyDescent="0.3">
      <c r="B8375">
        <f t="shared" si="929"/>
        <v>5</v>
      </c>
      <c r="C8375" s="16">
        <v>8341</v>
      </c>
      <c r="D8375" cm="1">
        <f t="array" ref="D8375">IFERROR(INDEX(Jesper!AH$2:AH$366,ROUNDDOWN($C8375/24,0)+1,1)*INDEX($D$3:$AA$30,INDEX(Jesper!$R$2:$R$366,ROW(INDEX(Jesper!AH$2:AH$366,ROUNDDOWN($C8375/24,0)+1,1))-1)+IF('Standard Profiles'!$G$18=$B$10,7,0)+IF('Standard Profiles'!$G$18=$B$17,14,0)+IF('Standard Profiles'!$G$18=$B$24,21,0),MOD($C8375,24)+1)/SUM(INDEX($D$3:$AA$30,INDEX(Jesper!$R$2:$R$366,ROW(INDEX(Jesper!AH$2:AH$366,ROUNDDOWN($C8375/24,0)+1,1))-1)+IF('Standard Profiles'!$G$18=$B$10,7,0)+IF('Standard Profiles'!$G$18=$B$17,14,0)+IF('Standard Profiles'!$G$18=$B$24,21,0),0)),0)</f>
        <v>19.041202463436214</v>
      </c>
      <c r="E8375" cm="1">
        <f t="array" ref="E8375">IFERROR(INDEX(Jesper!AI$2:AI$366,ROUNDDOWN($C8375/24,0)+1,1)*INDEX($D$3:$AA$30,INDEX(Jesper!$R$2:$R$366,ROW(INDEX(Jesper!AI$2:AI$366,ROUNDDOWN($C8375/24,0)+1,1))-1)+IF('Standard Profiles'!$G$19=$B$10,7,0)+IF('Standard Profiles'!$G$19=$B$17,14,0)+IF('Standard Profiles'!$G$19=$B$24,21,0),MOD($C8375,24)+1)/SUM(INDEX($D$3:$AA$30,INDEX(Jesper!$R$2:$R$366,ROW(INDEX(Jesper!AI$2:AI$366,ROUNDDOWN($C8375/24,0)+1,1))-1)+IF('Standard Profiles'!$G$19=$B$10,7,0)+IF('Standard Profiles'!$G$19=$B$17,14,0)+IF('Standard Profiles'!$G$19=$B$24,21,0),0)),0)</f>
        <v>0</v>
      </c>
      <c r="F8375" cm="1">
        <f t="array" ref="F8375">IFERROR(INDEX(Jesper!AJ$2:AJ$366,ROUNDDOWN($C8375/24,0)+1,1)*INDEX($D$3:$AA$30,INDEX(Jesper!$R$2:$R$366,ROW(INDEX(Jesper!AJ$2:AJ$366,ROUNDDOWN($C8375/24,0)+1,1))-1)+IF('Standard Profiles'!$G$20=$B$10,7,0)+IF('Standard Profiles'!$G$20=$B$17,14,0)+IF('Standard Profiles'!$G$20=$B$24,21,0),MOD($C8375,24)+1)/SUM(INDEX($D$3:$AA$30,INDEX(Jesper!$R$2:$R$366,ROW(INDEX(Jesper!AJ$2:AJ$366,ROUNDDOWN($C8375/24,0)+1,1))-1)+IF('Standard Profiles'!$G$20=$B$10,7,0)+IF('Standard Profiles'!$G$20=$B$17,14,0)+IF('Standard Profiles'!$G$20=$B$24,21,0),0)),0)</f>
        <v>0</v>
      </c>
      <c r="G8375" cm="1">
        <f t="array" ref="G8375">IFERROR(INDEX(Jesper!AK$2:AK$366,ROUNDDOWN($C8375/24,0)+1,1)*INDEX($D$3:$AA$30,INDEX(Jesper!$R$2:$R$366,ROW(INDEX(Jesper!AK$2:AK$366,ROUNDDOWN($C8375/24,0)+1,1))-1)+IF('Standard Profiles'!$G$21=$B$10,7,0)+IF('Standard Profiles'!$G$21=$B$17,14,0)+IF('Standard Profiles'!$G$21=$B$24,21,0),MOD($C8375,24)+1)/SUM(INDEX($D$3:$AA$30,INDEX(Jesper!$R$2:$R$366,ROW(INDEX(Jesper!AK$2:AK$366,ROUNDDOWN($C8375/24,0)+1,1))-1)+IF('Standard Profiles'!$G$21=$B$10,7,0)+IF('Standard Profiles'!$G$21=$B$17,14,0)+IF('Standard Profiles'!$G$21=$B$24,21,0),0)),0)</f>
        <v>0</v>
      </c>
      <c r="H8375" cm="1">
        <f t="array" ref="H8375">IFERROR(INDEX(Jesper!AL$2:AL$366,ROUNDDOWN($C8375/24,0)+1,1)*INDEX($D$3:$AA$30,INDEX(Jesper!$R$2:$R$366,ROW(INDEX(Jesper!AL$2:AL$366,ROUNDDOWN($C8375/24,0)+1,1))-1)+IF('Standard Profiles'!$G$22=$B$10,7,0)+IF('Standard Profiles'!$G$22=$B$17,14,0)+IF('Standard Profiles'!$G$22=$B$24,21,0),MOD($C8375,24)+1)/SUM(INDEX($D$3:$AA$30,INDEX(Jesper!$R$2:$R$366,ROW(INDEX(Jesper!AL$2:AL$366,ROUNDDOWN($C8375/24,0)+1,1))-1)+IF('Standard Profiles'!$G$22=$B$10,7,0)+IF('Standard Profiles'!$G$22=$B$17,14,0)+IF('Standard Profiles'!$G$22=$B$24,21,0),0)),0)</f>
        <v>0</v>
      </c>
      <c r="I8375">
        <f t="shared" si="930"/>
        <v>0.57123607390308639</v>
      </c>
      <c r="J8375">
        <f t="shared" si="931"/>
        <v>1.9041202463436215</v>
      </c>
      <c r="K8375">
        <f t="shared" si="932"/>
        <v>2.8561803695154322</v>
      </c>
      <c r="L8375">
        <f t="shared" si="933"/>
        <v>13.709665773674073</v>
      </c>
      <c r="M8375">
        <f t="shared" si="934"/>
        <v>0</v>
      </c>
      <c r="N8375" s="46">
        <f t="shared" si="935"/>
        <v>45639.541666646437</v>
      </c>
    </row>
    <row r="8376" spans="2:14" x14ac:dyDescent="0.3">
      <c r="B8376">
        <f t="shared" si="929"/>
        <v>5</v>
      </c>
      <c r="C8376" s="16">
        <v>8342</v>
      </c>
      <c r="D8376" cm="1">
        <f t="array" ref="D8376">IFERROR(INDEX(Jesper!AH$2:AH$366,ROUNDDOWN($C8376/24,0)+1,1)*INDEX($D$3:$AA$30,INDEX(Jesper!$R$2:$R$366,ROW(INDEX(Jesper!AH$2:AH$366,ROUNDDOWN($C8376/24,0)+1,1))-1)+IF('Standard Profiles'!$G$18=$B$10,7,0)+IF('Standard Profiles'!$G$18=$B$17,14,0)+IF('Standard Profiles'!$G$18=$B$24,21,0),MOD($C8376,24)+1)/SUM(INDEX($D$3:$AA$30,INDEX(Jesper!$R$2:$R$366,ROW(INDEX(Jesper!AH$2:AH$366,ROUNDDOWN($C8376/24,0)+1,1))-1)+IF('Standard Profiles'!$G$18=$B$10,7,0)+IF('Standard Profiles'!$G$18=$B$17,14,0)+IF('Standard Profiles'!$G$18=$B$24,21,0),0)),0)</f>
        <v>19.041202463436214</v>
      </c>
      <c r="E8376" cm="1">
        <f t="array" ref="E8376">IFERROR(INDEX(Jesper!AI$2:AI$366,ROUNDDOWN($C8376/24,0)+1,1)*INDEX($D$3:$AA$30,INDEX(Jesper!$R$2:$R$366,ROW(INDEX(Jesper!AI$2:AI$366,ROUNDDOWN($C8376/24,0)+1,1))-1)+IF('Standard Profiles'!$G$19=$B$10,7,0)+IF('Standard Profiles'!$G$19=$B$17,14,0)+IF('Standard Profiles'!$G$19=$B$24,21,0),MOD($C8376,24)+1)/SUM(INDEX($D$3:$AA$30,INDEX(Jesper!$R$2:$R$366,ROW(INDEX(Jesper!AI$2:AI$366,ROUNDDOWN($C8376/24,0)+1,1))-1)+IF('Standard Profiles'!$G$19=$B$10,7,0)+IF('Standard Profiles'!$G$19=$B$17,14,0)+IF('Standard Profiles'!$G$19=$B$24,21,0),0)),0)</f>
        <v>0</v>
      </c>
      <c r="F8376" cm="1">
        <f t="array" ref="F8376">IFERROR(INDEX(Jesper!AJ$2:AJ$366,ROUNDDOWN($C8376/24,0)+1,1)*INDEX($D$3:$AA$30,INDEX(Jesper!$R$2:$R$366,ROW(INDEX(Jesper!AJ$2:AJ$366,ROUNDDOWN($C8376/24,0)+1,1))-1)+IF('Standard Profiles'!$G$20=$B$10,7,0)+IF('Standard Profiles'!$G$20=$B$17,14,0)+IF('Standard Profiles'!$G$20=$B$24,21,0),MOD($C8376,24)+1)/SUM(INDEX($D$3:$AA$30,INDEX(Jesper!$R$2:$R$366,ROW(INDEX(Jesper!AJ$2:AJ$366,ROUNDDOWN($C8376/24,0)+1,1))-1)+IF('Standard Profiles'!$G$20=$B$10,7,0)+IF('Standard Profiles'!$G$20=$B$17,14,0)+IF('Standard Profiles'!$G$20=$B$24,21,0),0)),0)</f>
        <v>0</v>
      </c>
      <c r="G8376" cm="1">
        <f t="array" ref="G8376">IFERROR(INDEX(Jesper!AK$2:AK$366,ROUNDDOWN($C8376/24,0)+1,1)*INDEX($D$3:$AA$30,INDEX(Jesper!$R$2:$R$366,ROW(INDEX(Jesper!AK$2:AK$366,ROUNDDOWN($C8376/24,0)+1,1))-1)+IF('Standard Profiles'!$G$21=$B$10,7,0)+IF('Standard Profiles'!$G$21=$B$17,14,0)+IF('Standard Profiles'!$G$21=$B$24,21,0),MOD($C8376,24)+1)/SUM(INDEX($D$3:$AA$30,INDEX(Jesper!$R$2:$R$366,ROW(INDEX(Jesper!AK$2:AK$366,ROUNDDOWN($C8376/24,0)+1,1))-1)+IF('Standard Profiles'!$G$21=$B$10,7,0)+IF('Standard Profiles'!$G$21=$B$17,14,0)+IF('Standard Profiles'!$G$21=$B$24,21,0),0)),0)</f>
        <v>0</v>
      </c>
      <c r="H8376" cm="1">
        <f t="array" ref="H8376">IFERROR(INDEX(Jesper!AL$2:AL$366,ROUNDDOWN($C8376/24,0)+1,1)*INDEX($D$3:$AA$30,INDEX(Jesper!$R$2:$R$366,ROW(INDEX(Jesper!AL$2:AL$366,ROUNDDOWN($C8376/24,0)+1,1))-1)+IF('Standard Profiles'!$G$22=$B$10,7,0)+IF('Standard Profiles'!$G$22=$B$17,14,0)+IF('Standard Profiles'!$G$22=$B$24,21,0),MOD($C8376,24)+1)/SUM(INDEX($D$3:$AA$30,INDEX(Jesper!$R$2:$R$366,ROW(INDEX(Jesper!AL$2:AL$366,ROUNDDOWN($C8376/24,0)+1,1))-1)+IF('Standard Profiles'!$G$22=$B$10,7,0)+IF('Standard Profiles'!$G$22=$B$17,14,0)+IF('Standard Profiles'!$G$22=$B$24,21,0),0)),0)</f>
        <v>0</v>
      </c>
      <c r="I8376">
        <f t="shared" si="930"/>
        <v>0.57123607390308639</v>
      </c>
      <c r="J8376">
        <f t="shared" si="931"/>
        <v>1.9041202463436215</v>
      </c>
      <c r="K8376">
        <f t="shared" si="932"/>
        <v>2.8561803695154322</v>
      </c>
      <c r="L8376">
        <f t="shared" si="933"/>
        <v>13.709665773674073</v>
      </c>
      <c r="M8376">
        <f t="shared" si="934"/>
        <v>0</v>
      </c>
      <c r="N8376" s="46">
        <f t="shared" si="935"/>
        <v>45639.583333313101</v>
      </c>
    </row>
    <row r="8377" spans="2:14" x14ac:dyDescent="0.3">
      <c r="B8377">
        <f t="shared" si="929"/>
        <v>5</v>
      </c>
      <c r="C8377" s="16">
        <v>8343</v>
      </c>
      <c r="D8377" cm="1">
        <f t="array" ref="D8377">IFERROR(INDEX(Jesper!AH$2:AH$366,ROUNDDOWN($C8377/24,0)+1,1)*INDEX($D$3:$AA$30,INDEX(Jesper!$R$2:$R$366,ROW(INDEX(Jesper!AH$2:AH$366,ROUNDDOWN($C8377/24,0)+1,1))-1)+IF('Standard Profiles'!$G$18=$B$10,7,0)+IF('Standard Profiles'!$G$18=$B$17,14,0)+IF('Standard Profiles'!$G$18=$B$24,21,0),MOD($C8377,24)+1)/SUM(INDEX($D$3:$AA$30,INDEX(Jesper!$R$2:$R$366,ROW(INDEX(Jesper!AH$2:AH$366,ROUNDDOWN($C8377/24,0)+1,1))-1)+IF('Standard Profiles'!$G$18=$B$10,7,0)+IF('Standard Profiles'!$G$18=$B$17,14,0)+IF('Standard Profiles'!$G$18=$B$24,21,0),0)),0)</f>
        <v>15.867668719530178</v>
      </c>
      <c r="E8377" cm="1">
        <f t="array" ref="E8377">IFERROR(INDEX(Jesper!AI$2:AI$366,ROUNDDOWN($C8377/24,0)+1,1)*INDEX($D$3:$AA$30,INDEX(Jesper!$R$2:$R$366,ROW(INDEX(Jesper!AI$2:AI$366,ROUNDDOWN($C8377/24,0)+1,1))-1)+IF('Standard Profiles'!$G$19=$B$10,7,0)+IF('Standard Profiles'!$G$19=$B$17,14,0)+IF('Standard Profiles'!$G$19=$B$24,21,0),MOD($C8377,24)+1)/SUM(INDEX($D$3:$AA$30,INDEX(Jesper!$R$2:$R$366,ROW(INDEX(Jesper!AI$2:AI$366,ROUNDDOWN($C8377/24,0)+1,1))-1)+IF('Standard Profiles'!$G$19=$B$10,7,0)+IF('Standard Profiles'!$G$19=$B$17,14,0)+IF('Standard Profiles'!$G$19=$B$24,21,0),0)),0)</f>
        <v>0</v>
      </c>
      <c r="F8377" cm="1">
        <f t="array" ref="F8377">IFERROR(INDEX(Jesper!AJ$2:AJ$366,ROUNDDOWN($C8377/24,0)+1,1)*INDEX($D$3:$AA$30,INDEX(Jesper!$R$2:$R$366,ROW(INDEX(Jesper!AJ$2:AJ$366,ROUNDDOWN($C8377/24,0)+1,1))-1)+IF('Standard Profiles'!$G$20=$B$10,7,0)+IF('Standard Profiles'!$G$20=$B$17,14,0)+IF('Standard Profiles'!$G$20=$B$24,21,0),MOD($C8377,24)+1)/SUM(INDEX($D$3:$AA$30,INDEX(Jesper!$R$2:$R$366,ROW(INDEX(Jesper!AJ$2:AJ$366,ROUNDDOWN($C8377/24,0)+1,1))-1)+IF('Standard Profiles'!$G$20=$B$10,7,0)+IF('Standard Profiles'!$G$20=$B$17,14,0)+IF('Standard Profiles'!$G$20=$B$24,21,0),0)),0)</f>
        <v>0</v>
      </c>
      <c r="G8377" cm="1">
        <f t="array" ref="G8377">IFERROR(INDEX(Jesper!AK$2:AK$366,ROUNDDOWN($C8377/24,0)+1,1)*INDEX($D$3:$AA$30,INDEX(Jesper!$R$2:$R$366,ROW(INDEX(Jesper!AK$2:AK$366,ROUNDDOWN($C8377/24,0)+1,1))-1)+IF('Standard Profiles'!$G$21=$B$10,7,0)+IF('Standard Profiles'!$G$21=$B$17,14,0)+IF('Standard Profiles'!$G$21=$B$24,21,0),MOD($C8377,24)+1)/SUM(INDEX($D$3:$AA$30,INDEX(Jesper!$R$2:$R$366,ROW(INDEX(Jesper!AK$2:AK$366,ROUNDDOWN($C8377/24,0)+1,1))-1)+IF('Standard Profiles'!$G$21=$B$10,7,0)+IF('Standard Profiles'!$G$21=$B$17,14,0)+IF('Standard Profiles'!$G$21=$B$24,21,0),0)),0)</f>
        <v>0</v>
      </c>
      <c r="H8377" cm="1">
        <f t="array" ref="H8377">IFERROR(INDEX(Jesper!AL$2:AL$366,ROUNDDOWN($C8377/24,0)+1,1)*INDEX($D$3:$AA$30,INDEX(Jesper!$R$2:$R$366,ROW(INDEX(Jesper!AL$2:AL$366,ROUNDDOWN($C8377/24,0)+1,1))-1)+IF('Standard Profiles'!$G$22=$B$10,7,0)+IF('Standard Profiles'!$G$22=$B$17,14,0)+IF('Standard Profiles'!$G$22=$B$24,21,0),MOD($C8377,24)+1)/SUM(INDEX($D$3:$AA$30,INDEX(Jesper!$R$2:$R$366,ROW(INDEX(Jesper!AL$2:AL$366,ROUNDDOWN($C8377/24,0)+1,1))-1)+IF('Standard Profiles'!$G$22=$B$10,7,0)+IF('Standard Profiles'!$G$22=$B$17,14,0)+IF('Standard Profiles'!$G$22=$B$24,21,0),0)),0)</f>
        <v>0</v>
      </c>
      <c r="I8377">
        <f t="shared" si="930"/>
        <v>0.47603006158590533</v>
      </c>
      <c r="J8377">
        <f t="shared" si="931"/>
        <v>1.5867668719530179</v>
      </c>
      <c r="K8377">
        <f t="shared" si="932"/>
        <v>2.3801503079295268</v>
      </c>
      <c r="L8377">
        <f t="shared" si="933"/>
        <v>11.424721478061727</v>
      </c>
      <c r="M8377">
        <f t="shared" si="934"/>
        <v>0</v>
      </c>
      <c r="N8377" s="46">
        <f t="shared" si="935"/>
        <v>45639.624999979766</v>
      </c>
    </row>
    <row r="8378" spans="2:14" x14ac:dyDescent="0.3">
      <c r="B8378">
        <f t="shared" si="929"/>
        <v>5</v>
      </c>
      <c r="C8378" s="16">
        <v>8344</v>
      </c>
      <c r="D8378" cm="1">
        <f t="array" ref="D8378">IFERROR(INDEX(Jesper!AH$2:AH$366,ROUNDDOWN($C8378/24,0)+1,1)*INDEX($D$3:$AA$30,INDEX(Jesper!$R$2:$R$366,ROW(INDEX(Jesper!AH$2:AH$366,ROUNDDOWN($C8378/24,0)+1,1))-1)+IF('Standard Profiles'!$G$18=$B$10,7,0)+IF('Standard Profiles'!$G$18=$B$17,14,0)+IF('Standard Profiles'!$G$18=$B$24,21,0),MOD($C8378,24)+1)/SUM(INDEX($D$3:$AA$30,INDEX(Jesper!$R$2:$R$366,ROW(INDEX(Jesper!AH$2:AH$366,ROUNDDOWN($C8378/24,0)+1,1))-1)+IF('Standard Profiles'!$G$18=$B$10,7,0)+IF('Standard Profiles'!$G$18=$B$17,14,0)+IF('Standard Profiles'!$G$18=$B$24,21,0),0)),0)</f>
        <v>15.021393054488572</v>
      </c>
      <c r="E8378" cm="1">
        <f t="array" ref="E8378">IFERROR(INDEX(Jesper!AI$2:AI$366,ROUNDDOWN($C8378/24,0)+1,1)*INDEX($D$3:$AA$30,INDEX(Jesper!$R$2:$R$366,ROW(INDEX(Jesper!AI$2:AI$366,ROUNDDOWN($C8378/24,0)+1,1))-1)+IF('Standard Profiles'!$G$19=$B$10,7,0)+IF('Standard Profiles'!$G$19=$B$17,14,0)+IF('Standard Profiles'!$G$19=$B$24,21,0),MOD($C8378,24)+1)/SUM(INDEX($D$3:$AA$30,INDEX(Jesper!$R$2:$R$366,ROW(INDEX(Jesper!AI$2:AI$366,ROUNDDOWN($C8378/24,0)+1,1))-1)+IF('Standard Profiles'!$G$19=$B$10,7,0)+IF('Standard Profiles'!$G$19=$B$17,14,0)+IF('Standard Profiles'!$G$19=$B$24,21,0),0)),0)</f>
        <v>0</v>
      </c>
      <c r="F8378" cm="1">
        <f t="array" ref="F8378">IFERROR(INDEX(Jesper!AJ$2:AJ$366,ROUNDDOWN($C8378/24,0)+1,1)*INDEX($D$3:$AA$30,INDEX(Jesper!$R$2:$R$366,ROW(INDEX(Jesper!AJ$2:AJ$366,ROUNDDOWN($C8378/24,0)+1,1))-1)+IF('Standard Profiles'!$G$20=$B$10,7,0)+IF('Standard Profiles'!$G$20=$B$17,14,0)+IF('Standard Profiles'!$G$20=$B$24,21,0),MOD($C8378,24)+1)/SUM(INDEX($D$3:$AA$30,INDEX(Jesper!$R$2:$R$366,ROW(INDEX(Jesper!AJ$2:AJ$366,ROUNDDOWN($C8378/24,0)+1,1))-1)+IF('Standard Profiles'!$G$20=$B$10,7,0)+IF('Standard Profiles'!$G$20=$B$17,14,0)+IF('Standard Profiles'!$G$20=$B$24,21,0),0)),0)</f>
        <v>0</v>
      </c>
      <c r="G8378" cm="1">
        <f t="array" ref="G8378">IFERROR(INDEX(Jesper!AK$2:AK$366,ROUNDDOWN($C8378/24,0)+1,1)*INDEX($D$3:$AA$30,INDEX(Jesper!$R$2:$R$366,ROW(INDEX(Jesper!AK$2:AK$366,ROUNDDOWN($C8378/24,0)+1,1))-1)+IF('Standard Profiles'!$G$21=$B$10,7,0)+IF('Standard Profiles'!$G$21=$B$17,14,0)+IF('Standard Profiles'!$G$21=$B$24,21,0),MOD($C8378,24)+1)/SUM(INDEX($D$3:$AA$30,INDEX(Jesper!$R$2:$R$366,ROW(INDEX(Jesper!AK$2:AK$366,ROUNDDOWN($C8378/24,0)+1,1))-1)+IF('Standard Profiles'!$G$21=$B$10,7,0)+IF('Standard Profiles'!$G$21=$B$17,14,0)+IF('Standard Profiles'!$G$21=$B$24,21,0),0)),0)</f>
        <v>0</v>
      </c>
      <c r="H8378" cm="1">
        <f t="array" ref="H8378">IFERROR(INDEX(Jesper!AL$2:AL$366,ROUNDDOWN($C8378/24,0)+1,1)*INDEX($D$3:$AA$30,INDEX(Jesper!$R$2:$R$366,ROW(INDEX(Jesper!AL$2:AL$366,ROUNDDOWN($C8378/24,0)+1,1))-1)+IF('Standard Profiles'!$G$22=$B$10,7,0)+IF('Standard Profiles'!$G$22=$B$17,14,0)+IF('Standard Profiles'!$G$22=$B$24,21,0),MOD($C8378,24)+1)/SUM(INDEX($D$3:$AA$30,INDEX(Jesper!$R$2:$R$366,ROW(INDEX(Jesper!AL$2:AL$366,ROUNDDOWN($C8378/24,0)+1,1))-1)+IF('Standard Profiles'!$G$22=$B$10,7,0)+IF('Standard Profiles'!$G$22=$B$17,14,0)+IF('Standard Profiles'!$G$22=$B$24,21,0),0)),0)</f>
        <v>0</v>
      </c>
      <c r="I8378">
        <f t="shared" si="930"/>
        <v>0.45064179163465712</v>
      </c>
      <c r="J8378">
        <f t="shared" si="931"/>
        <v>1.5021393054488572</v>
      </c>
      <c r="K8378">
        <f t="shared" si="932"/>
        <v>2.2532089581732855</v>
      </c>
      <c r="L8378">
        <f t="shared" si="933"/>
        <v>10.815402999231772</v>
      </c>
      <c r="M8378">
        <f t="shared" si="934"/>
        <v>0</v>
      </c>
      <c r="N8378" s="46">
        <f t="shared" si="935"/>
        <v>45639.66666664643</v>
      </c>
    </row>
    <row r="8379" spans="2:14" x14ac:dyDescent="0.3">
      <c r="B8379">
        <f t="shared" si="929"/>
        <v>5</v>
      </c>
      <c r="C8379" s="16">
        <v>8345</v>
      </c>
      <c r="D8379" cm="1">
        <f t="array" ref="D8379">IFERROR(INDEX(Jesper!AH$2:AH$366,ROUNDDOWN($C8379/24,0)+1,1)*INDEX($D$3:$AA$30,INDEX(Jesper!$R$2:$R$366,ROW(INDEX(Jesper!AH$2:AH$366,ROUNDDOWN($C8379/24,0)+1,1))-1)+IF('Standard Profiles'!$G$18=$B$10,7,0)+IF('Standard Profiles'!$G$18=$B$17,14,0)+IF('Standard Profiles'!$G$18=$B$24,21,0),MOD($C8379,24)+1)/SUM(INDEX($D$3:$AA$30,INDEX(Jesper!$R$2:$R$366,ROW(INDEX(Jesper!AH$2:AH$366,ROUNDDOWN($C8379/24,0)+1,1))-1)+IF('Standard Profiles'!$G$18=$B$10,7,0)+IF('Standard Profiles'!$G$18=$B$17,14,0)+IF('Standard Profiles'!$G$18=$B$24,21,0),0)),0)</f>
        <v>15.021393054488572</v>
      </c>
      <c r="E8379" cm="1">
        <f t="array" ref="E8379">IFERROR(INDEX(Jesper!AI$2:AI$366,ROUNDDOWN($C8379/24,0)+1,1)*INDEX($D$3:$AA$30,INDEX(Jesper!$R$2:$R$366,ROW(INDEX(Jesper!AI$2:AI$366,ROUNDDOWN($C8379/24,0)+1,1))-1)+IF('Standard Profiles'!$G$19=$B$10,7,0)+IF('Standard Profiles'!$G$19=$B$17,14,0)+IF('Standard Profiles'!$G$19=$B$24,21,0),MOD($C8379,24)+1)/SUM(INDEX($D$3:$AA$30,INDEX(Jesper!$R$2:$R$366,ROW(INDEX(Jesper!AI$2:AI$366,ROUNDDOWN($C8379/24,0)+1,1))-1)+IF('Standard Profiles'!$G$19=$B$10,7,0)+IF('Standard Profiles'!$G$19=$B$17,14,0)+IF('Standard Profiles'!$G$19=$B$24,21,0),0)),0)</f>
        <v>0</v>
      </c>
      <c r="F8379" cm="1">
        <f t="array" ref="F8379">IFERROR(INDEX(Jesper!AJ$2:AJ$366,ROUNDDOWN($C8379/24,0)+1,1)*INDEX($D$3:$AA$30,INDEX(Jesper!$R$2:$R$366,ROW(INDEX(Jesper!AJ$2:AJ$366,ROUNDDOWN($C8379/24,0)+1,1))-1)+IF('Standard Profiles'!$G$20=$B$10,7,0)+IF('Standard Profiles'!$G$20=$B$17,14,0)+IF('Standard Profiles'!$G$20=$B$24,21,0),MOD($C8379,24)+1)/SUM(INDEX($D$3:$AA$30,INDEX(Jesper!$R$2:$R$366,ROW(INDEX(Jesper!AJ$2:AJ$366,ROUNDDOWN($C8379/24,0)+1,1))-1)+IF('Standard Profiles'!$G$20=$B$10,7,0)+IF('Standard Profiles'!$G$20=$B$17,14,0)+IF('Standard Profiles'!$G$20=$B$24,21,0),0)),0)</f>
        <v>0</v>
      </c>
      <c r="G8379" cm="1">
        <f t="array" ref="G8379">IFERROR(INDEX(Jesper!AK$2:AK$366,ROUNDDOWN($C8379/24,0)+1,1)*INDEX($D$3:$AA$30,INDEX(Jesper!$R$2:$R$366,ROW(INDEX(Jesper!AK$2:AK$366,ROUNDDOWN($C8379/24,0)+1,1))-1)+IF('Standard Profiles'!$G$21=$B$10,7,0)+IF('Standard Profiles'!$G$21=$B$17,14,0)+IF('Standard Profiles'!$G$21=$B$24,21,0),MOD($C8379,24)+1)/SUM(INDEX($D$3:$AA$30,INDEX(Jesper!$R$2:$R$366,ROW(INDEX(Jesper!AK$2:AK$366,ROUNDDOWN($C8379/24,0)+1,1))-1)+IF('Standard Profiles'!$G$21=$B$10,7,0)+IF('Standard Profiles'!$G$21=$B$17,14,0)+IF('Standard Profiles'!$G$21=$B$24,21,0),0)),0)</f>
        <v>0</v>
      </c>
      <c r="H8379" cm="1">
        <f t="array" ref="H8379">IFERROR(INDEX(Jesper!AL$2:AL$366,ROUNDDOWN($C8379/24,0)+1,1)*INDEX($D$3:$AA$30,INDEX(Jesper!$R$2:$R$366,ROW(INDEX(Jesper!AL$2:AL$366,ROUNDDOWN($C8379/24,0)+1,1))-1)+IF('Standard Profiles'!$G$22=$B$10,7,0)+IF('Standard Profiles'!$G$22=$B$17,14,0)+IF('Standard Profiles'!$G$22=$B$24,21,0),MOD($C8379,24)+1)/SUM(INDEX($D$3:$AA$30,INDEX(Jesper!$R$2:$R$366,ROW(INDEX(Jesper!AL$2:AL$366,ROUNDDOWN($C8379/24,0)+1,1))-1)+IF('Standard Profiles'!$G$22=$B$10,7,0)+IF('Standard Profiles'!$G$22=$B$17,14,0)+IF('Standard Profiles'!$G$22=$B$24,21,0),0)),0)</f>
        <v>0</v>
      </c>
      <c r="I8379">
        <f t="shared" si="930"/>
        <v>0.45064179163465712</v>
      </c>
      <c r="J8379">
        <f t="shared" si="931"/>
        <v>1.5021393054488572</v>
      </c>
      <c r="K8379">
        <f t="shared" si="932"/>
        <v>2.2532089581732855</v>
      </c>
      <c r="L8379">
        <f t="shared" si="933"/>
        <v>10.815402999231772</v>
      </c>
      <c r="M8379">
        <f t="shared" si="934"/>
        <v>0</v>
      </c>
      <c r="N8379" s="46">
        <f t="shared" si="935"/>
        <v>45639.708333313094</v>
      </c>
    </row>
    <row r="8380" spans="2:14" x14ac:dyDescent="0.3">
      <c r="B8380">
        <f t="shared" si="929"/>
        <v>5</v>
      </c>
      <c r="C8380" s="16">
        <v>8346</v>
      </c>
      <c r="D8380" cm="1">
        <f t="array" ref="D8380">IFERROR(INDEX(Jesper!AH$2:AH$366,ROUNDDOWN($C8380/24,0)+1,1)*INDEX($D$3:$AA$30,INDEX(Jesper!$R$2:$R$366,ROW(INDEX(Jesper!AH$2:AH$366,ROUNDDOWN($C8380/24,0)+1,1))-1)+IF('Standard Profiles'!$G$18=$B$10,7,0)+IF('Standard Profiles'!$G$18=$B$17,14,0)+IF('Standard Profiles'!$G$18=$B$24,21,0),MOD($C8380,24)+1)/SUM(INDEX($D$3:$AA$30,INDEX(Jesper!$R$2:$R$366,ROW(INDEX(Jesper!AH$2:AH$366,ROUNDDOWN($C8380/24,0)+1,1))-1)+IF('Standard Profiles'!$G$18=$B$10,7,0)+IF('Standard Profiles'!$G$18=$B$17,14,0)+IF('Standard Profiles'!$G$18=$B$24,21,0),0)),0)</f>
        <v>15.021393054488572</v>
      </c>
      <c r="E8380" cm="1">
        <f t="array" ref="E8380">IFERROR(INDEX(Jesper!AI$2:AI$366,ROUNDDOWN($C8380/24,0)+1,1)*INDEX($D$3:$AA$30,INDEX(Jesper!$R$2:$R$366,ROW(INDEX(Jesper!AI$2:AI$366,ROUNDDOWN($C8380/24,0)+1,1))-1)+IF('Standard Profiles'!$G$19=$B$10,7,0)+IF('Standard Profiles'!$G$19=$B$17,14,0)+IF('Standard Profiles'!$G$19=$B$24,21,0),MOD($C8380,24)+1)/SUM(INDEX($D$3:$AA$30,INDEX(Jesper!$R$2:$R$366,ROW(INDEX(Jesper!AI$2:AI$366,ROUNDDOWN($C8380/24,0)+1,1))-1)+IF('Standard Profiles'!$G$19=$B$10,7,0)+IF('Standard Profiles'!$G$19=$B$17,14,0)+IF('Standard Profiles'!$G$19=$B$24,21,0),0)),0)</f>
        <v>0</v>
      </c>
      <c r="F8380" cm="1">
        <f t="array" ref="F8380">IFERROR(INDEX(Jesper!AJ$2:AJ$366,ROUNDDOWN($C8380/24,0)+1,1)*INDEX($D$3:$AA$30,INDEX(Jesper!$R$2:$R$366,ROW(INDEX(Jesper!AJ$2:AJ$366,ROUNDDOWN($C8380/24,0)+1,1))-1)+IF('Standard Profiles'!$G$20=$B$10,7,0)+IF('Standard Profiles'!$G$20=$B$17,14,0)+IF('Standard Profiles'!$G$20=$B$24,21,0),MOD($C8380,24)+1)/SUM(INDEX($D$3:$AA$30,INDEX(Jesper!$R$2:$R$366,ROW(INDEX(Jesper!AJ$2:AJ$366,ROUNDDOWN($C8380/24,0)+1,1))-1)+IF('Standard Profiles'!$G$20=$B$10,7,0)+IF('Standard Profiles'!$G$20=$B$17,14,0)+IF('Standard Profiles'!$G$20=$B$24,21,0),0)),0)</f>
        <v>0</v>
      </c>
      <c r="G8380" cm="1">
        <f t="array" ref="G8380">IFERROR(INDEX(Jesper!AK$2:AK$366,ROUNDDOWN($C8380/24,0)+1,1)*INDEX($D$3:$AA$30,INDEX(Jesper!$R$2:$R$366,ROW(INDEX(Jesper!AK$2:AK$366,ROUNDDOWN($C8380/24,0)+1,1))-1)+IF('Standard Profiles'!$G$21=$B$10,7,0)+IF('Standard Profiles'!$G$21=$B$17,14,0)+IF('Standard Profiles'!$G$21=$B$24,21,0),MOD($C8380,24)+1)/SUM(INDEX($D$3:$AA$30,INDEX(Jesper!$R$2:$R$366,ROW(INDEX(Jesper!AK$2:AK$366,ROUNDDOWN($C8380/24,0)+1,1))-1)+IF('Standard Profiles'!$G$21=$B$10,7,0)+IF('Standard Profiles'!$G$21=$B$17,14,0)+IF('Standard Profiles'!$G$21=$B$24,21,0),0)),0)</f>
        <v>0</v>
      </c>
      <c r="H8380" cm="1">
        <f t="array" ref="H8380">IFERROR(INDEX(Jesper!AL$2:AL$366,ROUNDDOWN($C8380/24,0)+1,1)*INDEX($D$3:$AA$30,INDEX(Jesper!$R$2:$R$366,ROW(INDEX(Jesper!AL$2:AL$366,ROUNDDOWN($C8380/24,0)+1,1))-1)+IF('Standard Profiles'!$G$22=$B$10,7,0)+IF('Standard Profiles'!$G$22=$B$17,14,0)+IF('Standard Profiles'!$G$22=$B$24,21,0),MOD($C8380,24)+1)/SUM(INDEX($D$3:$AA$30,INDEX(Jesper!$R$2:$R$366,ROW(INDEX(Jesper!AL$2:AL$366,ROUNDDOWN($C8380/24,0)+1,1))-1)+IF('Standard Profiles'!$G$22=$B$10,7,0)+IF('Standard Profiles'!$G$22=$B$17,14,0)+IF('Standard Profiles'!$G$22=$B$24,21,0),0)),0)</f>
        <v>0</v>
      </c>
      <c r="I8380">
        <f t="shared" si="930"/>
        <v>0.45064179163465712</v>
      </c>
      <c r="J8380">
        <f t="shared" si="931"/>
        <v>1.5021393054488572</v>
      </c>
      <c r="K8380">
        <f t="shared" si="932"/>
        <v>2.2532089581732855</v>
      </c>
      <c r="L8380">
        <f t="shared" si="933"/>
        <v>10.815402999231772</v>
      </c>
      <c r="M8380">
        <f t="shared" si="934"/>
        <v>0</v>
      </c>
      <c r="N8380" s="46">
        <f t="shared" si="935"/>
        <v>45639.749999979758</v>
      </c>
    </row>
    <row r="8381" spans="2:14" x14ac:dyDescent="0.3">
      <c r="B8381">
        <f t="shared" si="929"/>
        <v>5</v>
      </c>
      <c r="C8381" s="16">
        <v>8347</v>
      </c>
      <c r="D8381" cm="1">
        <f t="array" ref="D8381">IFERROR(INDEX(Jesper!AH$2:AH$366,ROUNDDOWN($C8381/24,0)+1,1)*INDEX($D$3:$AA$30,INDEX(Jesper!$R$2:$R$366,ROW(INDEX(Jesper!AH$2:AH$366,ROUNDDOWN($C8381/24,0)+1,1))-1)+IF('Standard Profiles'!$G$18=$B$10,7,0)+IF('Standard Profiles'!$G$18=$B$17,14,0)+IF('Standard Profiles'!$G$18=$B$24,21,0),MOD($C8381,24)+1)/SUM(INDEX($D$3:$AA$30,INDEX(Jesper!$R$2:$R$366,ROW(INDEX(Jesper!AH$2:AH$366,ROUNDDOWN($C8381/24,0)+1,1))-1)+IF('Standard Profiles'!$G$18=$B$10,7,0)+IF('Standard Profiles'!$G$18=$B$17,14,0)+IF('Standard Profiles'!$G$18=$B$24,21,0),0)),0)</f>
        <v>15.021393054488572</v>
      </c>
      <c r="E8381" cm="1">
        <f t="array" ref="E8381">IFERROR(INDEX(Jesper!AI$2:AI$366,ROUNDDOWN($C8381/24,0)+1,1)*INDEX($D$3:$AA$30,INDEX(Jesper!$R$2:$R$366,ROW(INDEX(Jesper!AI$2:AI$366,ROUNDDOWN($C8381/24,0)+1,1))-1)+IF('Standard Profiles'!$G$19=$B$10,7,0)+IF('Standard Profiles'!$G$19=$B$17,14,0)+IF('Standard Profiles'!$G$19=$B$24,21,0),MOD($C8381,24)+1)/SUM(INDEX($D$3:$AA$30,INDEX(Jesper!$R$2:$R$366,ROW(INDEX(Jesper!AI$2:AI$366,ROUNDDOWN($C8381/24,0)+1,1))-1)+IF('Standard Profiles'!$G$19=$B$10,7,0)+IF('Standard Profiles'!$G$19=$B$17,14,0)+IF('Standard Profiles'!$G$19=$B$24,21,0),0)),0)</f>
        <v>0</v>
      </c>
      <c r="F8381" cm="1">
        <f t="array" ref="F8381">IFERROR(INDEX(Jesper!AJ$2:AJ$366,ROUNDDOWN($C8381/24,0)+1,1)*INDEX($D$3:$AA$30,INDEX(Jesper!$R$2:$R$366,ROW(INDEX(Jesper!AJ$2:AJ$366,ROUNDDOWN($C8381/24,0)+1,1))-1)+IF('Standard Profiles'!$G$20=$B$10,7,0)+IF('Standard Profiles'!$G$20=$B$17,14,0)+IF('Standard Profiles'!$G$20=$B$24,21,0),MOD($C8381,24)+1)/SUM(INDEX($D$3:$AA$30,INDEX(Jesper!$R$2:$R$366,ROW(INDEX(Jesper!AJ$2:AJ$366,ROUNDDOWN($C8381/24,0)+1,1))-1)+IF('Standard Profiles'!$G$20=$B$10,7,0)+IF('Standard Profiles'!$G$20=$B$17,14,0)+IF('Standard Profiles'!$G$20=$B$24,21,0),0)),0)</f>
        <v>0</v>
      </c>
      <c r="G8381" cm="1">
        <f t="array" ref="G8381">IFERROR(INDEX(Jesper!AK$2:AK$366,ROUNDDOWN($C8381/24,0)+1,1)*INDEX($D$3:$AA$30,INDEX(Jesper!$R$2:$R$366,ROW(INDEX(Jesper!AK$2:AK$366,ROUNDDOWN($C8381/24,0)+1,1))-1)+IF('Standard Profiles'!$G$21=$B$10,7,0)+IF('Standard Profiles'!$G$21=$B$17,14,0)+IF('Standard Profiles'!$G$21=$B$24,21,0),MOD($C8381,24)+1)/SUM(INDEX($D$3:$AA$30,INDEX(Jesper!$R$2:$R$366,ROW(INDEX(Jesper!AK$2:AK$366,ROUNDDOWN($C8381/24,0)+1,1))-1)+IF('Standard Profiles'!$G$21=$B$10,7,0)+IF('Standard Profiles'!$G$21=$B$17,14,0)+IF('Standard Profiles'!$G$21=$B$24,21,0),0)),0)</f>
        <v>0</v>
      </c>
      <c r="H8381" cm="1">
        <f t="array" ref="H8381">IFERROR(INDEX(Jesper!AL$2:AL$366,ROUNDDOWN($C8381/24,0)+1,1)*INDEX($D$3:$AA$30,INDEX(Jesper!$R$2:$R$366,ROW(INDEX(Jesper!AL$2:AL$366,ROUNDDOWN($C8381/24,0)+1,1))-1)+IF('Standard Profiles'!$G$22=$B$10,7,0)+IF('Standard Profiles'!$G$22=$B$17,14,0)+IF('Standard Profiles'!$G$22=$B$24,21,0),MOD($C8381,24)+1)/SUM(INDEX($D$3:$AA$30,INDEX(Jesper!$R$2:$R$366,ROW(INDEX(Jesper!AL$2:AL$366,ROUNDDOWN($C8381/24,0)+1,1))-1)+IF('Standard Profiles'!$G$22=$B$10,7,0)+IF('Standard Profiles'!$G$22=$B$17,14,0)+IF('Standard Profiles'!$G$22=$B$24,21,0),0)),0)</f>
        <v>0</v>
      </c>
      <c r="I8381">
        <f t="shared" si="930"/>
        <v>0.45064179163465712</v>
      </c>
      <c r="J8381">
        <f t="shared" si="931"/>
        <v>1.5021393054488572</v>
      </c>
      <c r="K8381">
        <f t="shared" si="932"/>
        <v>2.2532089581732855</v>
      </c>
      <c r="L8381">
        <f t="shared" si="933"/>
        <v>10.815402999231772</v>
      </c>
      <c r="M8381">
        <f t="shared" si="934"/>
        <v>0</v>
      </c>
      <c r="N8381" s="46">
        <f t="shared" si="935"/>
        <v>45639.791666646423</v>
      </c>
    </row>
    <row r="8382" spans="2:14" x14ac:dyDescent="0.3">
      <c r="B8382">
        <f t="shared" si="929"/>
        <v>5</v>
      </c>
      <c r="C8382" s="16">
        <v>8348</v>
      </c>
      <c r="D8382" cm="1">
        <f t="array" ref="D8382">IFERROR(INDEX(Jesper!AH$2:AH$366,ROUNDDOWN($C8382/24,0)+1,1)*INDEX($D$3:$AA$30,INDEX(Jesper!$R$2:$R$366,ROW(INDEX(Jesper!AH$2:AH$366,ROUNDDOWN($C8382/24,0)+1,1))-1)+IF('Standard Profiles'!$G$18=$B$10,7,0)+IF('Standard Profiles'!$G$18=$B$17,14,0)+IF('Standard Profiles'!$G$18=$B$24,21,0),MOD($C8382,24)+1)/SUM(INDEX($D$3:$AA$30,INDEX(Jesper!$R$2:$R$366,ROW(INDEX(Jesper!AH$2:AH$366,ROUNDDOWN($C8382/24,0)+1,1))-1)+IF('Standard Profiles'!$G$18=$B$10,7,0)+IF('Standard Profiles'!$G$18=$B$17,14,0)+IF('Standard Profiles'!$G$18=$B$24,21,0),0)),0)</f>
        <v>11.636290394322131</v>
      </c>
      <c r="E8382" cm="1">
        <f t="array" ref="E8382">IFERROR(INDEX(Jesper!AI$2:AI$366,ROUNDDOWN($C8382/24,0)+1,1)*INDEX($D$3:$AA$30,INDEX(Jesper!$R$2:$R$366,ROW(INDEX(Jesper!AI$2:AI$366,ROUNDDOWN($C8382/24,0)+1,1))-1)+IF('Standard Profiles'!$G$19=$B$10,7,0)+IF('Standard Profiles'!$G$19=$B$17,14,0)+IF('Standard Profiles'!$G$19=$B$24,21,0),MOD($C8382,24)+1)/SUM(INDEX($D$3:$AA$30,INDEX(Jesper!$R$2:$R$366,ROW(INDEX(Jesper!AI$2:AI$366,ROUNDDOWN($C8382/24,0)+1,1))-1)+IF('Standard Profiles'!$G$19=$B$10,7,0)+IF('Standard Profiles'!$G$19=$B$17,14,0)+IF('Standard Profiles'!$G$19=$B$24,21,0),0)),0)</f>
        <v>0</v>
      </c>
      <c r="F8382" cm="1">
        <f t="array" ref="F8382">IFERROR(INDEX(Jesper!AJ$2:AJ$366,ROUNDDOWN($C8382/24,0)+1,1)*INDEX($D$3:$AA$30,INDEX(Jesper!$R$2:$R$366,ROW(INDEX(Jesper!AJ$2:AJ$366,ROUNDDOWN($C8382/24,0)+1,1))-1)+IF('Standard Profiles'!$G$20=$B$10,7,0)+IF('Standard Profiles'!$G$20=$B$17,14,0)+IF('Standard Profiles'!$G$20=$B$24,21,0),MOD($C8382,24)+1)/SUM(INDEX($D$3:$AA$30,INDEX(Jesper!$R$2:$R$366,ROW(INDEX(Jesper!AJ$2:AJ$366,ROUNDDOWN($C8382/24,0)+1,1))-1)+IF('Standard Profiles'!$G$20=$B$10,7,0)+IF('Standard Profiles'!$G$20=$B$17,14,0)+IF('Standard Profiles'!$G$20=$B$24,21,0),0)),0)</f>
        <v>0</v>
      </c>
      <c r="G8382" cm="1">
        <f t="array" ref="G8382">IFERROR(INDEX(Jesper!AK$2:AK$366,ROUNDDOWN($C8382/24,0)+1,1)*INDEX($D$3:$AA$30,INDEX(Jesper!$R$2:$R$366,ROW(INDEX(Jesper!AK$2:AK$366,ROUNDDOWN($C8382/24,0)+1,1))-1)+IF('Standard Profiles'!$G$21=$B$10,7,0)+IF('Standard Profiles'!$G$21=$B$17,14,0)+IF('Standard Profiles'!$G$21=$B$24,21,0),MOD($C8382,24)+1)/SUM(INDEX($D$3:$AA$30,INDEX(Jesper!$R$2:$R$366,ROW(INDEX(Jesper!AK$2:AK$366,ROUNDDOWN($C8382/24,0)+1,1))-1)+IF('Standard Profiles'!$G$21=$B$10,7,0)+IF('Standard Profiles'!$G$21=$B$17,14,0)+IF('Standard Profiles'!$G$21=$B$24,21,0),0)),0)</f>
        <v>0</v>
      </c>
      <c r="H8382" cm="1">
        <f t="array" ref="H8382">IFERROR(INDEX(Jesper!AL$2:AL$366,ROUNDDOWN($C8382/24,0)+1,1)*INDEX($D$3:$AA$30,INDEX(Jesper!$R$2:$R$366,ROW(INDEX(Jesper!AL$2:AL$366,ROUNDDOWN($C8382/24,0)+1,1))-1)+IF('Standard Profiles'!$G$22=$B$10,7,0)+IF('Standard Profiles'!$G$22=$B$17,14,0)+IF('Standard Profiles'!$G$22=$B$24,21,0),MOD($C8382,24)+1)/SUM(INDEX($D$3:$AA$30,INDEX(Jesper!$R$2:$R$366,ROW(INDEX(Jesper!AL$2:AL$366,ROUNDDOWN($C8382/24,0)+1,1))-1)+IF('Standard Profiles'!$G$22=$B$10,7,0)+IF('Standard Profiles'!$G$22=$B$17,14,0)+IF('Standard Profiles'!$G$22=$B$24,21,0),0)),0)</f>
        <v>0</v>
      </c>
      <c r="I8382">
        <f t="shared" si="930"/>
        <v>0.34908871182966394</v>
      </c>
      <c r="J8382">
        <f t="shared" si="931"/>
        <v>1.1636290394322131</v>
      </c>
      <c r="K8382">
        <f t="shared" si="932"/>
        <v>1.7454435591483197</v>
      </c>
      <c r="L8382">
        <f t="shared" si="933"/>
        <v>8.3781290839119347</v>
      </c>
      <c r="M8382">
        <f t="shared" si="934"/>
        <v>0</v>
      </c>
      <c r="N8382" s="46">
        <f t="shared" si="935"/>
        <v>45639.833333313087</v>
      </c>
    </row>
    <row r="8383" spans="2:14" x14ac:dyDescent="0.3">
      <c r="B8383">
        <f t="shared" si="929"/>
        <v>5</v>
      </c>
      <c r="C8383" s="16">
        <v>8349</v>
      </c>
      <c r="D8383" cm="1">
        <f t="array" ref="D8383">IFERROR(INDEX(Jesper!AH$2:AH$366,ROUNDDOWN($C8383/24,0)+1,1)*INDEX($D$3:$AA$30,INDEX(Jesper!$R$2:$R$366,ROW(INDEX(Jesper!AH$2:AH$366,ROUNDDOWN($C8383/24,0)+1,1))-1)+IF('Standard Profiles'!$G$18=$B$10,7,0)+IF('Standard Profiles'!$G$18=$B$17,14,0)+IF('Standard Profiles'!$G$18=$B$24,21,0),MOD($C8383,24)+1)/SUM(INDEX($D$3:$AA$30,INDEX(Jesper!$R$2:$R$366,ROW(INDEX(Jesper!AH$2:AH$366,ROUNDDOWN($C8383/24,0)+1,1))-1)+IF('Standard Profiles'!$G$18=$B$10,7,0)+IF('Standard Profiles'!$G$18=$B$17,14,0)+IF('Standard Profiles'!$G$18=$B$24,21,0),0)),0)</f>
        <v>4.4429472414684499</v>
      </c>
      <c r="E8383" cm="1">
        <f t="array" ref="E8383">IFERROR(INDEX(Jesper!AI$2:AI$366,ROUNDDOWN($C8383/24,0)+1,1)*INDEX($D$3:$AA$30,INDEX(Jesper!$R$2:$R$366,ROW(INDEX(Jesper!AI$2:AI$366,ROUNDDOWN($C8383/24,0)+1,1))-1)+IF('Standard Profiles'!$G$19=$B$10,7,0)+IF('Standard Profiles'!$G$19=$B$17,14,0)+IF('Standard Profiles'!$G$19=$B$24,21,0),MOD($C8383,24)+1)/SUM(INDEX($D$3:$AA$30,INDEX(Jesper!$R$2:$R$366,ROW(INDEX(Jesper!AI$2:AI$366,ROUNDDOWN($C8383/24,0)+1,1))-1)+IF('Standard Profiles'!$G$19=$B$10,7,0)+IF('Standard Profiles'!$G$19=$B$17,14,0)+IF('Standard Profiles'!$G$19=$B$24,21,0),0)),0)</f>
        <v>0</v>
      </c>
      <c r="F8383" cm="1">
        <f t="array" ref="F8383">IFERROR(INDEX(Jesper!AJ$2:AJ$366,ROUNDDOWN($C8383/24,0)+1,1)*INDEX($D$3:$AA$30,INDEX(Jesper!$R$2:$R$366,ROW(INDEX(Jesper!AJ$2:AJ$366,ROUNDDOWN($C8383/24,0)+1,1))-1)+IF('Standard Profiles'!$G$20=$B$10,7,0)+IF('Standard Profiles'!$G$20=$B$17,14,0)+IF('Standard Profiles'!$G$20=$B$24,21,0),MOD($C8383,24)+1)/SUM(INDEX($D$3:$AA$30,INDEX(Jesper!$R$2:$R$366,ROW(INDEX(Jesper!AJ$2:AJ$366,ROUNDDOWN($C8383/24,0)+1,1))-1)+IF('Standard Profiles'!$G$20=$B$10,7,0)+IF('Standard Profiles'!$G$20=$B$17,14,0)+IF('Standard Profiles'!$G$20=$B$24,21,0),0)),0)</f>
        <v>0</v>
      </c>
      <c r="G8383" cm="1">
        <f t="array" ref="G8383">IFERROR(INDEX(Jesper!AK$2:AK$366,ROUNDDOWN($C8383/24,0)+1,1)*INDEX($D$3:$AA$30,INDEX(Jesper!$R$2:$R$366,ROW(INDEX(Jesper!AK$2:AK$366,ROUNDDOWN($C8383/24,0)+1,1))-1)+IF('Standard Profiles'!$G$21=$B$10,7,0)+IF('Standard Profiles'!$G$21=$B$17,14,0)+IF('Standard Profiles'!$G$21=$B$24,21,0),MOD($C8383,24)+1)/SUM(INDEX($D$3:$AA$30,INDEX(Jesper!$R$2:$R$366,ROW(INDEX(Jesper!AK$2:AK$366,ROUNDDOWN($C8383/24,0)+1,1))-1)+IF('Standard Profiles'!$G$21=$B$10,7,0)+IF('Standard Profiles'!$G$21=$B$17,14,0)+IF('Standard Profiles'!$G$21=$B$24,21,0),0)),0)</f>
        <v>0</v>
      </c>
      <c r="H8383" cm="1">
        <f t="array" ref="H8383">IFERROR(INDEX(Jesper!AL$2:AL$366,ROUNDDOWN($C8383/24,0)+1,1)*INDEX($D$3:$AA$30,INDEX(Jesper!$R$2:$R$366,ROW(INDEX(Jesper!AL$2:AL$366,ROUNDDOWN($C8383/24,0)+1,1))-1)+IF('Standard Profiles'!$G$22=$B$10,7,0)+IF('Standard Profiles'!$G$22=$B$17,14,0)+IF('Standard Profiles'!$G$22=$B$24,21,0),MOD($C8383,24)+1)/SUM(INDEX($D$3:$AA$30,INDEX(Jesper!$R$2:$R$366,ROW(INDEX(Jesper!AL$2:AL$366,ROUNDDOWN($C8383/24,0)+1,1))-1)+IF('Standard Profiles'!$G$22=$B$10,7,0)+IF('Standard Profiles'!$G$22=$B$17,14,0)+IF('Standard Profiles'!$G$22=$B$24,21,0),0)),0)</f>
        <v>0</v>
      </c>
      <c r="I8383">
        <f t="shared" si="930"/>
        <v>0.13328841724405349</v>
      </c>
      <c r="J8383">
        <f t="shared" si="931"/>
        <v>0.44429472414684501</v>
      </c>
      <c r="K8383">
        <f t="shared" si="932"/>
        <v>0.66644208622026746</v>
      </c>
      <c r="L8383">
        <f t="shared" si="933"/>
        <v>3.1989220138572838</v>
      </c>
      <c r="M8383">
        <f t="shared" si="934"/>
        <v>0</v>
      </c>
      <c r="N8383" s="46">
        <f t="shared" si="935"/>
        <v>45639.874999979751</v>
      </c>
    </row>
    <row r="8384" spans="2:14" x14ac:dyDescent="0.3">
      <c r="B8384">
        <f t="shared" si="929"/>
        <v>5</v>
      </c>
      <c r="C8384" s="16">
        <v>8350</v>
      </c>
      <c r="D8384" cm="1">
        <f t="array" ref="D8384">IFERROR(INDEX(Jesper!AH$2:AH$366,ROUNDDOWN($C8384/24,0)+1,1)*INDEX($D$3:$AA$30,INDEX(Jesper!$R$2:$R$366,ROW(INDEX(Jesper!AH$2:AH$366,ROUNDDOWN($C8384/24,0)+1,1))-1)+IF('Standard Profiles'!$G$18=$B$10,7,0)+IF('Standard Profiles'!$G$18=$B$17,14,0)+IF('Standard Profiles'!$G$18=$B$24,21,0),MOD($C8384,24)+1)/SUM(INDEX($D$3:$AA$30,INDEX(Jesper!$R$2:$R$366,ROW(INDEX(Jesper!AH$2:AH$366,ROUNDDOWN($C8384/24,0)+1,1))-1)+IF('Standard Profiles'!$G$18=$B$10,7,0)+IF('Standard Profiles'!$G$18=$B$17,14,0)+IF('Standard Profiles'!$G$18=$B$24,21,0),0)),0)</f>
        <v>4.4429472414684499</v>
      </c>
      <c r="E8384" cm="1">
        <f t="array" ref="E8384">IFERROR(INDEX(Jesper!AI$2:AI$366,ROUNDDOWN($C8384/24,0)+1,1)*INDEX($D$3:$AA$30,INDEX(Jesper!$R$2:$R$366,ROW(INDEX(Jesper!AI$2:AI$366,ROUNDDOWN($C8384/24,0)+1,1))-1)+IF('Standard Profiles'!$G$19=$B$10,7,0)+IF('Standard Profiles'!$G$19=$B$17,14,0)+IF('Standard Profiles'!$G$19=$B$24,21,0),MOD($C8384,24)+1)/SUM(INDEX($D$3:$AA$30,INDEX(Jesper!$R$2:$R$366,ROW(INDEX(Jesper!AI$2:AI$366,ROUNDDOWN($C8384/24,0)+1,1))-1)+IF('Standard Profiles'!$G$19=$B$10,7,0)+IF('Standard Profiles'!$G$19=$B$17,14,0)+IF('Standard Profiles'!$G$19=$B$24,21,0),0)),0)</f>
        <v>0</v>
      </c>
      <c r="F8384" cm="1">
        <f t="array" ref="F8384">IFERROR(INDEX(Jesper!AJ$2:AJ$366,ROUNDDOWN($C8384/24,0)+1,1)*INDEX($D$3:$AA$30,INDEX(Jesper!$R$2:$R$366,ROW(INDEX(Jesper!AJ$2:AJ$366,ROUNDDOWN($C8384/24,0)+1,1))-1)+IF('Standard Profiles'!$G$20=$B$10,7,0)+IF('Standard Profiles'!$G$20=$B$17,14,0)+IF('Standard Profiles'!$G$20=$B$24,21,0),MOD($C8384,24)+1)/SUM(INDEX($D$3:$AA$30,INDEX(Jesper!$R$2:$R$366,ROW(INDEX(Jesper!AJ$2:AJ$366,ROUNDDOWN($C8384/24,0)+1,1))-1)+IF('Standard Profiles'!$G$20=$B$10,7,0)+IF('Standard Profiles'!$G$20=$B$17,14,0)+IF('Standard Profiles'!$G$20=$B$24,21,0),0)),0)</f>
        <v>0</v>
      </c>
      <c r="G8384" cm="1">
        <f t="array" ref="G8384">IFERROR(INDEX(Jesper!AK$2:AK$366,ROUNDDOWN($C8384/24,0)+1,1)*INDEX($D$3:$AA$30,INDEX(Jesper!$R$2:$R$366,ROW(INDEX(Jesper!AK$2:AK$366,ROUNDDOWN($C8384/24,0)+1,1))-1)+IF('Standard Profiles'!$G$21=$B$10,7,0)+IF('Standard Profiles'!$G$21=$B$17,14,0)+IF('Standard Profiles'!$G$21=$B$24,21,0),MOD($C8384,24)+1)/SUM(INDEX($D$3:$AA$30,INDEX(Jesper!$R$2:$R$366,ROW(INDEX(Jesper!AK$2:AK$366,ROUNDDOWN($C8384/24,0)+1,1))-1)+IF('Standard Profiles'!$G$21=$B$10,7,0)+IF('Standard Profiles'!$G$21=$B$17,14,0)+IF('Standard Profiles'!$G$21=$B$24,21,0),0)),0)</f>
        <v>0</v>
      </c>
      <c r="H8384" cm="1">
        <f t="array" ref="H8384">IFERROR(INDEX(Jesper!AL$2:AL$366,ROUNDDOWN($C8384/24,0)+1,1)*INDEX($D$3:$AA$30,INDEX(Jesper!$R$2:$R$366,ROW(INDEX(Jesper!AL$2:AL$366,ROUNDDOWN($C8384/24,0)+1,1))-1)+IF('Standard Profiles'!$G$22=$B$10,7,0)+IF('Standard Profiles'!$G$22=$B$17,14,0)+IF('Standard Profiles'!$G$22=$B$24,21,0),MOD($C8384,24)+1)/SUM(INDEX($D$3:$AA$30,INDEX(Jesper!$R$2:$R$366,ROW(INDEX(Jesper!AL$2:AL$366,ROUNDDOWN($C8384/24,0)+1,1))-1)+IF('Standard Profiles'!$G$22=$B$10,7,0)+IF('Standard Profiles'!$G$22=$B$17,14,0)+IF('Standard Profiles'!$G$22=$B$24,21,0),0)),0)</f>
        <v>0</v>
      </c>
      <c r="I8384">
        <f t="shared" si="930"/>
        <v>0.13328841724405349</v>
      </c>
      <c r="J8384">
        <f t="shared" si="931"/>
        <v>0.44429472414684501</v>
      </c>
      <c r="K8384">
        <f t="shared" si="932"/>
        <v>0.66644208622026746</v>
      </c>
      <c r="L8384">
        <f t="shared" si="933"/>
        <v>3.1989220138572838</v>
      </c>
      <c r="M8384">
        <f t="shared" si="934"/>
        <v>0</v>
      </c>
      <c r="N8384" s="46">
        <f t="shared" si="935"/>
        <v>45639.916666646415</v>
      </c>
    </row>
    <row r="8385" spans="2:14" x14ac:dyDescent="0.3">
      <c r="B8385">
        <f t="shared" si="929"/>
        <v>5</v>
      </c>
      <c r="C8385" s="16">
        <v>8351</v>
      </c>
      <c r="D8385" cm="1">
        <f t="array" ref="D8385">IFERROR(INDEX(Jesper!AH$2:AH$366,ROUNDDOWN($C8385/24,0)+1,1)*INDEX($D$3:$AA$30,INDEX(Jesper!$R$2:$R$366,ROW(INDEX(Jesper!AH$2:AH$366,ROUNDDOWN($C8385/24,0)+1,1))-1)+IF('Standard Profiles'!$G$18=$B$10,7,0)+IF('Standard Profiles'!$G$18=$B$17,14,0)+IF('Standard Profiles'!$G$18=$B$24,21,0),MOD($C8385,24)+1)/SUM(INDEX($D$3:$AA$30,INDEX(Jesper!$R$2:$R$366,ROW(INDEX(Jesper!AH$2:AH$366,ROUNDDOWN($C8385/24,0)+1,1))-1)+IF('Standard Profiles'!$G$18=$B$10,7,0)+IF('Standard Profiles'!$G$18=$B$17,14,0)+IF('Standard Profiles'!$G$18=$B$24,21,0),0)),0)</f>
        <v>4.4429472414684499</v>
      </c>
      <c r="E8385" cm="1">
        <f t="array" ref="E8385">IFERROR(INDEX(Jesper!AI$2:AI$366,ROUNDDOWN($C8385/24,0)+1,1)*INDEX($D$3:$AA$30,INDEX(Jesper!$R$2:$R$366,ROW(INDEX(Jesper!AI$2:AI$366,ROUNDDOWN($C8385/24,0)+1,1))-1)+IF('Standard Profiles'!$G$19=$B$10,7,0)+IF('Standard Profiles'!$G$19=$B$17,14,0)+IF('Standard Profiles'!$G$19=$B$24,21,0),MOD($C8385,24)+1)/SUM(INDEX($D$3:$AA$30,INDEX(Jesper!$R$2:$R$366,ROW(INDEX(Jesper!AI$2:AI$366,ROUNDDOWN($C8385/24,0)+1,1))-1)+IF('Standard Profiles'!$G$19=$B$10,7,0)+IF('Standard Profiles'!$G$19=$B$17,14,0)+IF('Standard Profiles'!$G$19=$B$24,21,0),0)),0)</f>
        <v>0</v>
      </c>
      <c r="F8385" cm="1">
        <f t="array" ref="F8385">IFERROR(INDEX(Jesper!AJ$2:AJ$366,ROUNDDOWN($C8385/24,0)+1,1)*INDEX($D$3:$AA$30,INDEX(Jesper!$R$2:$R$366,ROW(INDEX(Jesper!AJ$2:AJ$366,ROUNDDOWN($C8385/24,0)+1,1))-1)+IF('Standard Profiles'!$G$20=$B$10,7,0)+IF('Standard Profiles'!$G$20=$B$17,14,0)+IF('Standard Profiles'!$G$20=$B$24,21,0),MOD($C8385,24)+1)/SUM(INDEX($D$3:$AA$30,INDEX(Jesper!$R$2:$R$366,ROW(INDEX(Jesper!AJ$2:AJ$366,ROUNDDOWN($C8385/24,0)+1,1))-1)+IF('Standard Profiles'!$G$20=$B$10,7,0)+IF('Standard Profiles'!$G$20=$B$17,14,0)+IF('Standard Profiles'!$G$20=$B$24,21,0),0)),0)</f>
        <v>0</v>
      </c>
      <c r="G8385" cm="1">
        <f t="array" ref="G8385">IFERROR(INDEX(Jesper!AK$2:AK$366,ROUNDDOWN($C8385/24,0)+1,1)*INDEX($D$3:$AA$30,INDEX(Jesper!$R$2:$R$366,ROW(INDEX(Jesper!AK$2:AK$366,ROUNDDOWN($C8385/24,0)+1,1))-1)+IF('Standard Profiles'!$G$21=$B$10,7,0)+IF('Standard Profiles'!$G$21=$B$17,14,0)+IF('Standard Profiles'!$G$21=$B$24,21,0),MOD($C8385,24)+1)/SUM(INDEX($D$3:$AA$30,INDEX(Jesper!$R$2:$R$366,ROW(INDEX(Jesper!AK$2:AK$366,ROUNDDOWN($C8385/24,0)+1,1))-1)+IF('Standard Profiles'!$G$21=$B$10,7,0)+IF('Standard Profiles'!$G$21=$B$17,14,0)+IF('Standard Profiles'!$G$21=$B$24,21,0),0)),0)</f>
        <v>0</v>
      </c>
      <c r="H8385" cm="1">
        <f t="array" ref="H8385">IFERROR(INDEX(Jesper!AL$2:AL$366,ROUNDDOWN($C8385/24,0)+1,1)*INDEX($D$3:$AA$30,INDEX(Jesper!$R$2:$R$366,ROW(INDEX(Jesper!AL$2:AL$366,ROUNDDOWN($C8385/24,0)+1,1))-1)+IF('Standard Profiles'!$G$22=$B$10,7,0)+IF('Standard Profiles'!$G$22=$B$17,14,0)+IF('Standard Profiles'!$G$22=$B$24,21,0),MOD($C8385,24)+1)/SUM(INDEX($D$3:$AA$30,INDEX(Jesper!$R$2:$R$366,ROW(INDEX(Jesper!AL$2:AL$366,ROUNDDOWN($C8385/24,0)+1,1))-1)+IF('Standard Profiles'!$G$22=$B$10,7,0)+IF('Standard Profiles'!$G$22=$B$17,14,0)+IF('Standard Profiles'!$G$22=$B$24,21,0),0)),0)</f>
        <v>0</v>
      </c>
      <c r="I8385">
        <f t="shared" si="930"/>
        <v>0.13328841724405349</v>
      </c>
      <c r="J8385">
        <f t="shared" si="931"/>
        <v>0.44429472414684501</v>
      </c>
      <c r="K8385">
        <f t="shared" si="932"/>
        <v>0.66644208622026746</v>
      </c>
      <c r="L8385">
        <f t="shared" si="933"/>
        <v>3.1989220138572838</v>
      </c>
      <c r="M8385">
        <f t="shared" si="934"/>
        <v>0</v>
      </c>
      <c r="N8385" s="46">
        <f t="shared" si="935"/>
        <v>45639.958333313079</v>
      </c>
    </row>
    <row r="8386" spans="2:14" x14ac:dyDescent="0.3">
      <c r="B8386">
        <f t="shared" si="929"/>
        <v>6</v>
      </c>
      <c r="C8386" s="16">
        <v>8352</v>
      </c>
      <c r="D8386" cm="1">
        <f t="array" ref="D8386">IFERROR(INDEX(Jesper!AH$2:AH$366,ROUNDDOWN($C8386/24,0)+1,1)*INDEX($D$3:$AA$30,INDEX(Jesper!$R$2:$R$366,ROW(INDEX(Jesper!AH$2:AH$366,ROUNDDOWN($C8386/24,0)+1,1))-1)+IF('Standard Profiles'!$G$18=$B$10,7,0)+IF('Standard Profiles'!$G$18=$B$17,14,0)+IF('Standard Profiles'!$G$18=$B$24,21,0),MOD($C8386,24)+1)/SUM(INDEX($D$3:$AA$30,INDEX(Jesper!$R$2:$R$366,ROW(INDEX(Jesper!AH$2:AH$366,ROUNDDOWN($C8386/24,0)+1,1))-1)+IF('Standard Profiles'!$G$18=$B$10,7,0)+IF('Standard Profiles'!$G$18=$B$17,14,0)+IF('Standard Profiles'!$G$18=$B$24,21,0),0)),0)</f>
        <v>4.2992930810039622</v>
      </c>
      <c r="E8386" cm="1">
        <f t="array" ref="E8386">IFERROR(INDEX(Jesper!AI$2:AI$366,ROUNDDOWN($C8386/24,0)+1,1)*INDEX($D$3:$AA$30,INDEX(Jesper!$R$2:$R$366,ROW(INDEX(Jesper!AI$2:AI$366,ROUNDDOWN($C8386/24,0)+1,1))-1)+IF('Standard Profiles'!$G$19=$B$10,7,0)+IF('Standard Profiles'!$G$19=$B$17,14,0)+IF('Standard Profiles'!$G$19=$B$24,21,0),MOD($C8386,24)+1)/SUM(INDEX($D$3:$AA$30,INDEX(Jesper!$R$2:$R$366,ROW(INDEX(Jesper!AI$2:AI$366,ROUNDDOWN($C8386/24,0)+1,1))-1)+IF('Standard Profiles'!$G$19=$B$10,7,0)+IF('Standard Profiles'!$G$19=$B$17,14,0)+IF('Standard Profiles'!$G$19=$B$24,21,0),0)),0)</f>
        <v>0.98885330563361817</v>
      </c>
      <c r="F8386" cm="1">
        <f t="array" ref="F8386">IFERROR(INDEX(Jesper!AJ$2:AJ$366,ROUNDDOWN($C8386/24,0)+1,1)*INDEX($D$3:$AA$30,INDEX(Jesper!$R$2:$R$366,ROW(INDEX(Jesper!AJ$2:AJ$366,ROUNDDOWN($C8386/24,0)+1,1))-1)+IF('Standard Profiles'!$G$20=$B$10,7,0)+IF('Standard Profiles'!$G$20=$B$17,14,0)+IF('Standard Profiles'!$G$20=$B$24,21,0),MOD($C8386,24)+1)/SUM(INDEX($D$3:$AA$30,INDEX(Jesper!$R$2:$R$366,ROW(INDEX(Jesper!AJ$2:AJ$366,ROUNDDOWN($C8386/24,0)+1,1))-1)+IF('Standard Profiles'!$G$20=$B$10,7,0)+IF('Standard Profiles'!$G$20=$B$17,14,0)+IF('Standard Profiles'!$G$20=$B$24,21,0),0)),0)</f>
        <v>0</v>
      </c>
      <c r="G8386" cm="1">
        <f t="array" ref="G8386">IFERROR(INDEX(Jesper!AK$2:AK$366,ROUNDDOWN($C8386/24,0)+1,1)*INDEX($D$3:$AA$30,INDEX(Jesper!$R$2:$R$366,ROW(INDEX(Jesper!AK$2:AK$366,ROUNDDOWN($C8386/24,0)+1,1))-1)+IF('Standard Profiles'!$G$21=$B$10,7,0)+IF('Standard Profiles'!$G$21=$B$17,14,0)+IF('Standard Profiles'!$G$21=$B$24,21,0),MOD($C8386,24)+1)/SUM(INDEX($D$3:$AA$30,INDEX(Jesper!$R$2:$R$366,ROW(INDEX(Jesper!AK$2:AK$366,ROUNDDOWN($C8386/24,0)+1,1))-1)+IF('Standard Profiles'!$G$21=$B$10,7,0)+IF('Standard Profiles'!$G$21=$B$17,14,0)+IF('Standard Profiles'!$G$21=$B$24,21,0),0)),0)</f>
        <v>0</v>
      </c>
      <c r="H8386" cm="1">
        <f t="array" ref="H8386">IFERROR(INDEX(Jesper!AL$2:AL$366,ROUNDDOWN($C8386/24,0)+1,1)*INDEX($D$3:$AA$30,INDEX(Jesper!$R$2:$R$366,ROW(INDEX(Jesper!AL$2:AL$366,ROUNDDOWN($C8386/24,0)+1,1))-1)+IF('Standard Profiles'!$G$22=$B$10,7,0)+IF('Standard Profiles'!$G$22=$B$17,14,0)+IF('Standard Profiles'!$G$22=$B$24,21,0),MOD($C8386,24)+1)/SUM(INDEX($D$3:$AA$30,INDEX(Jesper!$R$2:$R$366,ROW(INDEX(Jesper!AL$2:AL$366,ROUNDDOWN($C8386/24,0)+1,1))-1)+IF('Standard Profiles'!$G$22=$B$10,7,0)+IF('Standard Profiles'!$G$22=$B$17,14,0)+IF('Standard Profiles'!$G$22=$B$24,21,0),0)),0)</f>
        <v>0</v>
      </c>
      <c r="I8386">
        <f t="shared" si="930"/>
        <v>8.9085883390416079E-2</v>
      </c>
      <c r="J8386">
        <f t="shared" si="931"/>
        <v>0.29695294463472027</v>
      </c>
      <c r="K8386">
        <f t="shared" si="932"/>
        <v>0.44542941695208044</v>
      </c>
      <c r="L8386">
        <f t="shared" si="933"/>
        <v>4.4566781416603636</v>
      </c>
      <c r="M8386">
        <f t="shared" si="934"/>
        <v>0</v>
      </c>
      <c r="N8386" s="46">
        <f t="shared" si="935"/>
        <v>45639.999999979744</v>
      </c>
    </row>
    <row r="8387" spans="2:14" x14ac:dyDescent="0.3">
      <c r="B8387">
        <f t="shared" si="929"/>
        <v>6</v>
      </c>
      <c r="C8387" s="16">
        <v>8353</v>
      </c>
      <c r="D8387" cm="1">
        <f t="array" ref="D8387">IFERROR(INDEX(Jesper!AH$2:AH$366,ROUNDDOWN($C8387/24,0)+1,1)*INDEX($D$3:$AA$30,INDEX(Jesper!$R$2:$R$366,ROW(INDEX(Jesper!AH$2:AH$366,ROUNDDOWN($C8387/24,0)+1,1))-1)+IF('Standard Profiles'!$G$18=$B$10,7,0)+IF('Standard Profiles'!$G$18=$B$17,14,0)+IF('Standard Profiles'!$G$18=$B$24,21,0),MOD($C8387,24)+1)/SUM(INDEX($D$3:$AA$30,INDEX(Jesper!$R$2:$R$366,ROW(INDEX(Jesper!AH$2:AH$366,ROUNDDOWN($C8387/24,0)+1,1))-1)+IF('Standard Profiles'!$G$18=$B$10,7,0)+IF('Standard Profiles'!$G$18=$B$17,14,0)+IF('Standard Profiles'!$G$18=$B$24,21,0),0)),0)</f>
        <v>8.3938579200553569</v>
      </c>
      <c r="E8387" cm="1">
        <f t="array" ref="E8387">IFERROR(INDEX(Jesper!AI$2:AI$366,ROUNDDOWN($C8387/24,0)+1,1)*INDEX($D$3:$AA$30,INDEX(Jesper!$R$2:$R$366,ROW(INDEX(Jesper!AI$2:AI$366,ROUNDDOWN($C8387/24,0)+1,1))-1)+IF('Standard Profiles'!$G$19=$B$10,7,0)+IF('Standard Profiles'!$G$19=$B$17,14,0)+IF('Standard Profiles'!$G$19=$B$24,21,0),MOD($C8387,24)+1)/SUM(INDEX($D$3:$AA$30,INDEX(Jesper!$R$2:$R$366,ROW(INDEX(Jesper!AI$2:AI$366,ROUNDDOWN($C8387/24,0)+1,1))-1)+IF('Standard Profiles'!$G$19=$B$10,7,0)+IF('Standard Profiles'!$G$19=$B$17,14,0)+IF('Standard Profiles'!$G$19=$B$24,21,0),0)),0)</f>
        <v>1.9306183586180168</v>
      </c>
      <c r="F8387" cm="1">
        <f t="array" ref="F8387">IFERROR(INDEX(Jesper!AJ$2:AJ$366,ROUNDDOWN($C8387/24,0)+1,1)*INDEX($D$3:$AA$30,INDEX(Jesper!$R$2:$R$366,ROW(INDEX(Jesper!AJ$2:AJ$366,ROUNDDOWN($C8387/24,0)+1,1))-1)+IF('Standard Profiles'!$G$20=$B$10,7,0)+IF('Standard Profiles'!$G$20=$B$17,14,0)+IF('Standard Profiles'!$G$20=$B$24,21,0),MOD($C8387,24)+1)/SUM(INDEX($D$3:$AA$30,INDEX(Jesper!$R$2:$R$366,ROW(INDEX(Jesper!AJ$2:AJ$366,ROUNDDOWN($C8387/24,0)+1,1))-1)+IF('Standard Profiles'!$G$20=$B$10,7,0)+IF('Standard Profiles'!$G$20=$B$17,14,0)+IF('Standard Profiles'!$G$20=$B$24,21,0),0)),0)</f>
        <v>0</v>
      </c>
      <c r="G8387" cm="1">
        <f t="array" ref="G8387">IFERROR(INDEX(Jesper!AK$2:AK$366,ROUNDDOWN($C8387/24,0)+1,1)*INDEX($D$3:$AA$30,INDEX(Jesper!$R$2:$R$366,ROW(INDEX(Jesper!AK$2:AK$366,ROUNDDOWN($C8387/24,0)+1,1))-1)+IF('Standard Profiles'!$G$21=$B$10,7,0)+IF('Standard Profiles'!$G$21=$B$17,14,0)+IF('Standard Profiles'!$G$21=$B$24,21,0),MOD($C8387,24)+1)/SUM(INDEX($D$3:$AA$30,INDEX(Jesper!$R$2:$R$366,ROW(INDEX(Jesper!AK$2:AK$366,ROUNDDOWN($C8387/24,0)+1,1))-1)+IF('Standard Profiles'!$G$21=$B$10,7,0)+IF('Standard Profiles'!$G$21=$B$17,14,0)+IF('Standard Profiles'!$G$21=$B$24,21,0),0)),0)</f>
        <v>0</v>
      </c>
      <c r="H8387" cm="1">
        <f t="array" ref="H8387">IFERROR(INDEX(Jesper!AL$2:AL$366,ROUNDDOWN($C8387/24,0)+1,1)*INDEX($D$3:$AA$30,INDEX(Jesper!$R$2:$R$366,ROW(INDEX(Jesper!AL$2:AL$366,ROUNDDOWN($C8387/24,0)+1,1))-1)+IF('Standard Profiles'!$G$22=$B$10,7,0)+IF('Standard Profiles'!$G$22=$B$17,14,0)+IF('Standard Profiles'!$G$22=$B$24,21,0),MOD($C8387,24)+1)/SUM(INDEX($D$3:$AA$30,INDEX(Jesper!$R$2:$R$366,ROW(INDEX(Jesper!AL$2:AL$366,ROUNDDOWN($C8387/24,0)+1,1))-1)+IF('Standard Profiles'!$G$22=$B$10,7,0)+IF('Standard Profiles'!$G$22=$B$17,14,0)+IF('Standard Profiles'!$G$22=$B$24,21,0),0)),0)</f>
        <v>0</v>
      </c>
      <c r="I8387">
        <f t="shared" si="930"/>
        <v>0.17392958185747903</v>
      </c>
      <c r="J8387">
        <f t="shared" si="931"/>
        <v>0.57976527285826351</v>
      </c>
      <c r="K8387">
        <f t="shared" si="932"/>
        <v>0.86964790928739533</v>
      </c>
      <c r="L8387">
        <f t="shared" si="933"/>
        <v>8.7011335146702358</v>
      </c>
      <c r="M8387">
        <f t="shared" si="934"/>
        <v>0</v>
      </c>
      <c r="N8387" s="46">
        <f t="shared" si="935"/>
        <v>45640.041666646408</v>
      </c>
    </row>
    <row r="8388" spans="2:14" x14ac:dyDescent="0.3">
      <c r="B8388">
        <f t="shared" si="929"/>
        <v>6</v>
      </c>
      <c r="C8388" s="16">
        <v>8354</v>
      </c>
      <c r="D8388" cm="1">
        <f t="array" ref="D8388">IFERROR(INDEX(Jesper!AH$2:AH$366,ROUNDDOWN($C8388/24,0)+1,1)*INDEX($D$3:$AA$30,INDEX(Jesper!$R$2:$R$366,ROW(INDEX(Jesper!AH$2:AH$366,ROUNDDOWN($C8388/24,0)+1,1))-1)+IF('Standard Profiles'!$G$18=$B$10,7,0)+IF('Standard Profiles'!$G$18=$B$17,14,0)+IF('Standard Profiles'!$G$18=$B$24,21,0),MOD($C8388,24)+1)/SUM(INDEX($D$3:$AA$30,INDEX(Jesper!$R$2:$R$366,ROW(INDEX(Jesper!AH$2:AH$366,ROUNDDOWN($C8388/24,0)+1,1))-1)+IF('Standard Profiles'!$G$18=$B$10,7,0)+IF('Standard Profiles'!$G$18=$B$17,14,0)+IF('Standard Profiles'!$G$18=$B$24,21,0),0)),0)</f>
        <v>8.3938579200553569</v>
      </c>
      <c r="E8388" cm="1">
        <f t="array" ref="E8388">IFERROR(INDEX(Jesper!AI$2:AI$366,ROUNDDOWN($C8388/24,0)+1,1)*INDEX($D$3:$AA$30,INDEX(Jesper!$R$2:$R$366,ROW(INDEX(Jesper!AI$2:AI$366,ROUNDDOWN($C8388/24,0)+1,1))-1)+IF('Standard Profiles'!$G$19=$B$10,7,0)+IF('Standard Profiles'!$G$19=$B$17,14,0)+IF('Standard Profiles'!$G$19=$B$24,21,0),MOD($C8388,24)+1)/SUM(INDEX($D$3:$AA$30,INDEX(Jesper!$R$2:$R$366,ROW(INDEX(Jesper!AI$2:AI$366,ROUNDDOWN($C8388/24,0)+1,1))-1)+IF('Standard Profiles'!$G$19=$B$10,7,0)+IF('Standard Profiles'!$G$19=$B$17,14,0)+IF('Standard Profiles'!$G$19=$B$24,21,0),0)),0)</f>
        <v>1.9306183586180168</v>
      </c>
      <c r="F8388" cm="1">
        <f t="array" ref="F8388">IFERROR(INDEX(Jesper!AJ$2:AJ$366,ROUNDDOWN($C8388/24,0)+1,1)*INDEX($D$3:$AA$30,INDEX(Jesper!$R$2:$R$366,ROW(INDEX(Jesper!AJ$2:AJ$366,ROUNDDOWN($C8388/24,0)+1,1))-1)+IF('Standard Profiles'!$G$20=$B$10,7,0)+IF('Standard Profiles'!$G$20=$B$17,14,0)+IF('Standard Profiles'!$G$20=$B$24,21,0),MOD($C8388,24)+1)/SUM(INDEX($D$3:$AA$30,INDEX(Jesper!$R$2:$R$366,ROW(INDEX(Jesper!AJ$2:AJ$366,ROUNDDOWN($C8388/24,0)+1,1))-1)+IF('Standard Profiles'!$G$20=$B$10,7,0)+IF('Standard Profiles'!$G$20=$B$17,14,0)+IF('Standard Profiles'!$G$20=$B$24,21,0),0)),0)</f>
        <v>0</v>
      </c>
      <c r="G8388" cm="1">
        <f t="array" ref="G8388">IFERROR(INDEX(Jesper!AK$2:AK$366,ROUNDDOWN($C8388/24,0)+1,1)*INDEX($D$3:$AA$30,INDEX(Jesper!$R$2:$R$366,ROW(INDEX(Jesper!AK$2:AK$366,ROUNDDOWN($C8388/24,0)+1,1))-1)+IF('Standard Profiles'!$G$21=$B$10,7,0)+IF('Standard Profiles'!$G$21=$B$17,14,0)+IF('Standard Profiles'!$G$21=$B$24,21,0),MOD($C8388,24)+1)/SUM(INDEX($D$3:$AA$30,INDEX(Jesper!$R$2:$R$366,ROW(INDEX(Jesper!AK$2:AK$366,ROUNDDOWN($C8388/24,0)+1,1))-1)+IF('Standard Profiles'!$G$21=$B$10,7,0)+IF('Standard Profiles'!$G$21=$B$17,14,0)+IF('Standard Profiles'!$G$21=$B$24,21,0),0)),0)</f>
        <v>0</v>
      </c>
      <c r="H8388" cm="1">
        <f t="array" ref="H8388">IFERROR(INDEX(Jesper!AL$2:AL$366,ROUNDDOWN($C8388/24,0)+1,1)*INDEX($D$3:$AA$30,INDEX(Jesper!$R$2:$R$366,ROW(INDEX(Jesper!AL$2:AL$366,ROUNDDOWN($C8388/24,0)+1,1))-1)+IF('Standard Profiles'!$G$22=$B$10,7,0)+IF('Standard Profiles'!$G$22=$B$17,14,0)+IF('Standard Profiles'!$G$22=$B$24,21,0),MOD($C8388,24)+1)/SUM(INDEX($D$3:$AA$30,INDEX(Jesper!$R$2:$R$366,ROW(INDEX(Jesper!AL$2:AL$366,ROUNDDOWN($C8388/24,0)+1,1))-1)+IF('Standard Profiles'!$G$22=$B$10,7,0)+IF('Standard Profiles'!$G$22=$B$17,14,0)+IF('Standard Profiles'!$G$22=$B$24,21,0),0)),0)</f>
        <v>0</v>
      </c>
      <c r="I8388">
        <f t="shared" si="930"/>
        <v>0.17392958185747903</v>
      </c>
      <c r="J8388">
        <f t="shared" si="931"/>
        <v>0.57976527285826351</v>
      </c>
      <c r="K8388">
        <f t="shared" si="932"/>
        <v>0.86964790928739533</v>
      </c>
      <c r="L8388">
        <f t="shared" si="933"/>
        <v>8.7011335146702358</v>
      </c>
      <c r="M8388">
        <f t="shared" si="934"/>
        <v>0</v>
      </c>
      <c r="N8388" s="46">
        <f t="shared" si="935"/>
        <v>45640.083333313072</v>
      </c>
    </row>
    <row r="8389" spans="2:14" x14ac:dyDescent="0.3">
      <c r="B8389">
        <f t="shared" si="929"/>
        <v>6</v>
      </c>
      <c r="C8389" s="16">
        <v>8355</v>
      </c>
      <c r="D8389" cm="1">
        <f t="array" ref="D8389">IFERROR(INDEX(Jesper!AH$2:AH$366,ROUNDDOWN($C8389/24,0)+1,1)*INDEX($D$3:$AA$30,INDEX(Jesper!$R$2:$R$366,ROW(INDEX(Jesper!AH$2:AH$366,ROUNDDOWN($C8389/24,0)+1,1))-1)+IF('Standard Profiles'!$G$18=$B$10,7,0)+IF('Standard Profiles'!$G$18=$B$17,14,0)+IF('Standard Profiles'!$G$18=$B$24,21,0),MOD($C8389,24)+1)/SUM(INDEX($D$3:$AA$30,INDEX(Jesper!$R$2:$R$366,ROW(INDEX(Jesper!AH$2:AH$366,ROUNDDOWN($C8389/24,0)+1,1))-1)+IF('Standard Profiles'!$G$18=$B$10,7,0)+IF('Standard Profiles'!$G$18=$B$17,14,0)+IF('Standard Profiles'!$G$18=$B$24,21,0),0)),0)</f>
        <v>8.3938579200553569</v>
      </c>
      <c r="E8389" cm="1">
        <f t="array" ref="E8389">IFERROR(INDEX(Jesper!AI$2:AI$366,ROUNDDOWN($C8389/24,0)+1,1)*INDEX($D$3:$AA$30,INDEX(Jesper!$R$2:$R$366,ROW(INDEX(Jesper!AI$2:AI$366,ROUNDDOWN($C8389/24,0)+1,1))-1)+IF('Standard Profiles'!$G$19=$B$10,7,0)+IF('Standard Profiles'!$G$19=$B$17,14,0)+IF('Standard Profiles'!$G$19=$B$24,21,0),MOD($C8389,24)+1)/SUM(INDEX($D$3:$AA$30,INDEX(Jesper!$R$2:$R$366,ROW(INDEX(Jesper!AI$2:AI$366,ROUNDDOWN($C8389/24,0)+1,1))-1)+IF('Standard Profiles'!$G$19=$B$10,7,0)+IF('Standard Profiles'!$G$19=$B$17,14,0)+IF('Standard Profiles'!$G$19=$B$24,21,0),0)),0)</f>
        <v>1.9306183586180168</v>
      </c>
      <c r="F8389" cm="1">
        <f t="array" ref="F8389">IFERROR(INDEX(Jesper!AJ$2:AJ$366,ROUNDDOWN($C8389/24,0)+1,1)*INDEX($D$3:$AA$30,INDEX(Jesper!$R$2:$R$366,ROW(INDEX(Jesper!AJ$2:AJ$366,ROUNDDOWN($C8389/24,0)+1,1))-1)+IF('Standard Profiles'!$G$20=$B$10,7,0)+IF('Standard Profiles'!$G$20=$B$17,14,0)+IF('Standard Profiles'!$G$20=$B$24,21,0),MOD($C8389,24)+1)/SUM(INDEX($D$3:$AA$30,INDEX(Jesper!$R$2:$R$366,ROW(INDEX(Jesper!AJ$2:AJ$366,ROUNDDOWN($C8389/24,0)+1,1))-1)+IF('Standard Profiles'!$G$20=$B$10,7,0)+IF('Standard Profiles'!$G$20=$B$17,14,0)+IF('Standard Profiles'!$G$20=$B$24,21,0),0)),0)</f>
        <v>0</v>
      </c>
      <c r="G8389" cm="1">
        <f t="array" ref="G8389">IFERROR(INDEX(Jesper!AK$2:AK$366,ROUNDDOWN($C8389/24,0)+1,1)*INDEX($D$3:$AA$30,INDEX(Jesper!$R$2:$R$366,ROW(INDEX(Jesper!AK$2:AK$366,ROUNDDOWN($C8389/24,0)+1,1))-1)+IF('Standard Profiles'!$G$21=$B$10,7,0)+IF('Standard Profiles'!$G$21=$B$17,14,0)+IF('Standard Profiles'!$G$21=$B$24,21,0),MOD($C8389,24)+1)/SUM(INDEX($D$3:$AA$30,INDEX(Jesper!$R$2:$R$366,ROW(INDEX(Jesper!AK$2:AK$366,ROUNDDOWN($C8389/24,0)+1,1))-1)+IF('Standard Profiles'!$G$21=$B$10,7,0)+IF('Standard Profiles'!$G$21=$B$17,14,0)+IF('Standard Profiles'!$G$21=$B$24,21,0),0)),0)</f>
        <v>0</v>
      </c>
      <c r="H8389" cm="1">
        <f t="array" ref="H8389">IFERROR(INDEX(Jesper!AL$2:AL$366,ROUNDDOWN($C8389/24,0)+1,1)*INDEX($D$3:$AA$30,INDEX(Jesper!$R$2:$R$366,ROW(INDEX(Jesper!AL$2:AL$366,ROUNDDOWN($C8389/24,0)+1,1))-1)+IF('Standard Profiles'!$G$22=$B$10,7,0)+IF('Standard Profiles'!$G$22=$B$17,14,0)+IF('Standard Profiles'!$G$22=$B$24,21,0),MOD($C8389,24)+1)/SUM(INDEX($D$3:$AA$30,INDEX(Jesper!$R$2:$R$366,ROW(INDEX(Jesper!AL$2:AL$366,ROUNDDOWN($C8389/24,0)+1,1))-1)+IF('Standard Profiles'!$G$22=$B$10,7,0)+IF('Standard Profiles'!$G$22=$B$17,14,0)+IF('Standard Profiles'!$G$22=$B$24,21,0),0)),0)</f>
        <v>0</v>
      </c>
      <c r="I8389">
        <f t="shared" si="930"/>
        <v>0.17392958185747903</v>
      </c>
      <c r="J8389">
        <f t="shared" si="931"/>
        <v>0.57976527285826351</v>
      </c>
      <c r="K8389">
        <f t="shared" si="932"/>
        <v>0.86964790928739533</v>
      </c>
      <c r="L8389">
        <f t="shared" si="933"/>
        <v>8.7011335146702358</v>
      </c>
      <c r="M8389">
        <f t="shared" si="934"/>
        <v>0</v>
      </c>
      <c r="N8389" s="46">
        <f t="shared" si="935"/>
        <v>45640.124999979736</v>
      </c>
    </row>
    <row r="8390" spans="2:14" x14ac:dyDescent="0.3">
      <c r="B8390">
        <f t="shared" si="929"/>
        <v>6</v>
      </c>
      <c r="C8390" s="16">
        <v>8356</v>
      </c>
      <c r="D8390" cm="1">
        <f t="array" ref="D8390">IFERROR(INDEX(Jesper!AH$2:AH$366,ROUNDDOWN($C8390/24,0)+1,1)*INDEX($D$3:$AA$30,INDEX(Jesper!$R$2:$R$366,ROW(INDEX(Jesper!AH$2:AH$366,ROUNDDOWN($C8390/24,0)+1,1))-1)+IF('Standard Profiles'!$G$18=$B$10,7,0)+IF('Standard Profiles'!$G$18=$B$17,14,0)+IF('Standard Profiles'!$G$18=$B$24,21,0),MOD($C8390,24)+1)/SUM(INDEX($D$3:$AA$30,INDEX(Jesper!$R$2:$R$366,ROW(INDEX(Jesper!AH$2:AH$366,ROUNDDOWN($C8390/24,0)+1,1))-1)+IF('Standard Profiles'!$G$18=$B$10,7,0)+IF('Standard Profiles'!$G$18=$B$17,14,0)+IF('Standard Profiles'!$G$18=$B$24,21,0),0)),0)</f>
        <v>8.3938579200553569</v>
      </c>
      <c r="E8390" cm="1">
        <f t="array" ref="E8390">IFERROR(INDEX(Jesper!AI$2:AI$366,ROUNDDOWN($C8390/24,0)+1,1)*INDEX($D$3:$AA$30,INDEX(Jesper!$R$2:$R$366,ROW(INDEX(Jesper!AI$2:AI$366,ROUNDDOWN($C8390/24,0)+1,1))-1)+IF('Standard Profiles'!$G$19=$B$10,7,0)+IF('Standard Profiles'!$G$19=$B$17,14,0)+IF('Standard Profiles'!$G$19=$B$24,21,0),MOD($C8390,24)+1)/SUM(INDEX($D$3:$AA$30,INDEX(Jesper!$R$2:$R$366,ROW(INDEX(Jesper!AI$2:AI$366,ROUNDDOWN($C8390/24,0)+1,1))-1)+IF('Standard Profiles'!$G$19=$B$10,7,0)+IF('Standard Profiles'!$G$19=$B$17,14,0)+IF('Standard Profiles'!$G$19=$B$24,21,0),0)),0)</f>
        <v>1.9306183586180168</v>
      </c>
      <c r="F8390" cm="1">
        <f t="array" ref="F8390">IFERROR(INDEX(Jesper!AJ$2:AJ$366,ROUNDDOWN($C8390/24,0)+1,1)*INDEX($D$3:$AA$30,INDEX(Jesper!$R$2:$R$366,ROW(INDEX(Jesper!AJ$2:AJ$366,ROUNDDOWN($C8390/24,0)+1,1))-1)+IF('Standard Profiles'!$G$20=$B$10,7,0)+IF('Standard Profiles'!$G$20=$B$17,14,0)+IF('Standard Profiles'!$G$20=$B$24,21,0),MOD($C8390,24)+1)/SUM(INDEX($D$3:$AA$30,INDEX(Jesper!$R$2:$R$366,ROW(INDEX(Jesper!AJ$2:AJ$366,ROUNDDOWN($C8390/24,0)+1,1))-1)+IF('Standard Profiles'!$G$20=$B$10,7,0)+IF('Standard Profiles'!$G$20=$B$17,14,0)+IF('Standard Profiles'!$G$20=$B$24,21,0),0)),0)</f>
        <v>0</v>
      </c>
      <c r="G8390" cm="1">
        <f t="array" ref="G8390">IFERROR(INDEX(Jesper!AK$2:AK$366,ROUNDDOWN($C8390/24,0)+1,1)*INDEX($D$3:$AA$30,INDEX(Jesper!$R$2:$R$366,ROW(INDEX(Jesper!AK$2:AK$366,ROUNDDOWN($C8390/24,0)+1,1))-1)+IF('Standard Profiles'!$G$21=$B$10,7,0)+IF('Standard Profiles'!$G$21=$B$17,14,0)+IF('Standard Profiles'!$G$21=$B$24,21,0),MOD($C8390,24)+1)/SUM(INDEX($D$3:$AA$30,INDEX(Jesper!$R$2:$R$366,ROW(INDEX(Jesper!AK$2:AK$366,ROUNDDOWN($C8390/24,0)+1,1))-1)+IF('Standard Profiles'!$G$21=$B$10,7,0)+IF('Standard Profiles'!$G$21=$B$17,14,0)+IF('Standard Profiles'!$G$21=$B$24,21,0),0)),0)</f>
        <v>0</v>
      </c>
      <c r="H8390" cm="1">
        <f t="array" ref="H8390">IFERROR(INDEX(Jesper!AL$2:AL$366,ROUNDDOWN($C8390/24,0)+1,1)*INDEX($D$3:$AA$30,INDEX(Jesper!$R$2:$R$366,ROW(INDEX(Jesper!AL$2:AL$366,ROUNDDOWN($C8390/24,0)+1,1))-1)+IF('Standard Profiles'!$G$22=$B$10,7,0)+IF('Standard Profiles'!$G$22=$B$17,14,0)+IF('Standard Profiles'!$G$22=$B$24,21,0),MOD($C8390,24)+1)/SUM(INDEX($D$3:$AA$30,INDEX(Jesper!$R$2:$R$366,ROW(INDEX(Jesper!AL$2:AL$366,ROUNDDOWN($C8390/24,0)+1,1))-1)+IF('Standard Profiles'!$G$22=$B$10,7,0)+IF('Standard Profiles'!$G$22=$B$17,14,0)+IF('Standard Profiles'!$G$22=$B$24,21,0),0)),0)</f>
        <v>0</v>
      </c>
      <c r="I8390">
        <f t="shared" si="930"/>
        <v>0.17392958185747903</v>
      </c>
      <c r="J8390">
        <f t="shared" si="931"/>
        <v>0.57976527285826351</v>
      </c>
      <c r="K8390">
        <f t="shared" si="932"/>
        <v>0.86964790928739533</v>
      </c>
      <c r="L8390">
        <f t="shared" si="933"/>
        <v>8.7011335146702358</v>
      </c>
      <c r="M8390">
        <f t="shared" si="934"/>
        <v>0</v>
      </c>
      <c r="N8390" s="46">
        <f t="shared" si="935"/>
        <v>45640.166666646401</v>
      </c>
    </row>
    <row r="8391" spans="2:14" x14ac:dyDescent="0.3">
      <c r="B8391">
        <f t="shared" si="929"/>
        <v>6</v>
      </c>
      <c r="C8391" s="16">
        <v>8357</v>
      </c>
      <c r="D8391" cm="1">
        <f t="array" ref="D8391">IFERROR(INDEX(Jesper!AH$2:AH$366,ROUNDDOWN($C8391/24,0)+1,1)*INDEX($D$3:$AA$30,INDEX(Jesper!$R$2:$R$366,ROW(INDEX(Jesper!AH$2:AH$366,ROUNDDOWN($C8391/24,0)+1,1))-1)+IF('Standard Profiles'!$G$18=$B$10,7,0)+IF('Standard Profiles'!$G$18=$B$17,14,0)+IF('Standard Profiles'!$G$18=$B$24,21,0),MOD($C8391,24)+1)/SUM(INDEX($D$3:$AA$30,INDEX(Jesper!$R$2:$R$366,ROW(INDEX(Jesper!AH$2:AH$366,ROUNDDOWN($C8391/24,0)+1,1))-1)+IF('Standard Profiles'!$G$18=$B$10,7,0)+IF('Standard Profiles'!$G$18=$B$17,14,0)+IF('Standard Profiles'!$G$18=$B$24,21,0),0)),0)</f>
        <v>10.441140339581054</v>
      </c>
      <c r="E8391" cm="1">
        <f t="array" ref="E8391">IFERROR(INDEX(Jesper!AI$2:AI$366,ROUNDDOWN($C8391/24,0)+1,1)*INDEX($D$3:$AA$30,INDEX(Jesper!$R$2:$R$366,ROW(INDEX(Jesper!AI$2:AI$366,ROUNDDOWN($C8391/24,0)+1,1))-1)+IF('Standard Profiles'!$G$19=$B$10,7,0)+IF('Standard Profiles'!$G$19=$B$17,14,0)+IF('Standard Profiles'!$G$19=$B$24,21,0),MOD($C8391,24)+1)/SUM(INDEX($D$3:$AA$30,INDEX(Jesper!$R$2:$R$366,ROW(INDEX(Jesper!AI$2:AI$366,ROUNDDOWN($C8391/24,0)+1,1))-1)+IF('Standard Profiles'!$G$19=$B$10,7,0)+IF('Standard Profiles'!$G$19=$B$17,14,0)+IF('Standard Profiles'!$G$19=$B$24,21,0),0)),0)</f>
        <v>2.4015008851102158</v>
      </c>
      <c r="F8391" cm="1">
        <f t="array" ref="F8391">IFERROR(INDEX(Jesper!AJ$2:AJ$366,ROUNDDOWN($C8391/24,0)+1,1)*INDEX($D$3:$AA$30,INDEX(Jesper!$R$2:$R$366,ROW(INDEX(Jesper!AJ$2:AJ$366,ROUNDDOWN($C8391/24,0)+1,1))-1)+IF('Standard Profiles'!$G$20=$B$10,7,0)+IF('Standard Profiles'!$G$20=$B$17,14,0)+IF('Standard Profiles'!$G$20=$B$24,21,0),MOD($C8391,24)+1)/SUM(INDEX($D$3:$AA$30,INDEX(Jesper!$R$2:$R$366,ROW(INDEX(Jesper!AJ$2:AJ$366,ROUNDDOWN($C8391/24,0)+1,1))-1)+IF('Standard Profiles'!$G$20=$B$10,7,0)+IF('Standard Profiles'!$G$20=$B$17,14,0)+IF('Standard Profiles'!$G$20=$B$24,21,0),0)),0)</f>
        <v>0</v>
      </c>
      <c r="G8391" cm="1">
        <f t="array" ref="G8391">IFERROR(INDEX(Jesper!AK$2:AK$366,ROUNDDOWN($C8391/24,0)+1,1)*INDEX($D$3:$AA$30,INDEX(Jesper!$R$2:$R$366,ROW(INDEX(Jesper!AK$2:AK$366,ROUNDDOWN($C8391/24,0)+1,1))-1)+IF('Standard Profiles'!$G$21=$B$10,7,0)+IF('Standard Profiles'!$G$21=$B$17,14,0)+IF('Standard Profiles'!$G$21=$B$24,21,0),MOD($C8391,24)+1)/SUM(INDEX($D$3:$AA$30,INDEX(Jesper!$R$2:$R$366,ROW(INDEX(Jesper!AK$2:AK$366,ROUNDDOWN($C8391/24,0)+1,1))-1)+IF('Standard Profiles'!$G$21=$B$10,7,0)+IF('Standard Profiles'!$G$21=$B$17,14,0)+IF('Standard Profiles'!$G$21=$B$24,21,0),0)),0)</f>
        <v>0</v>
      </c>
      <c r="H8391" cm="1">
        <f t="array" ref="H8391">IFERROR(INDEX(Jesper!AL$2:AL$366,ROUNDDOWN($C8391/24,0)+1,1)*INDEX($D$3:$AA$30,INDEX(Jesper!$R$2:$R$366,ROW(INDEX(Jesper!AL$2:AL$366,ROUNDDOWN($C8391/24,0)+1,1))-1)+IF('Standard Profiles'!$G$22=$B$10,7,0)+IF('Standard Profiles'!$G$22=$B$17,14,0)+IF('Standard Profiles'!$G$22=$B$24,21,0),MOD($C8391,24)+1)/SUM(INDEX($D$3:$AA$30,INDEX(Jesper!$R$2:$R$366,ROW(INDEX(Jesper!AL$2:AL$366,ROUNDDOWN($C8391/24,0)+1,1))-1)+IF('Standard Profiles'!$G$22=$B$10,7,0)+IF('Standard Profiles'!$G$22=$B$17,14,0)+IF('Standard Profiles'!$G$22=$B$24,21,0),0)),0)</f>
        <v>0</v>
      </c>
      <c r="I8391">
        <f t="shared" si="930"/>
        <v>0.21635143109101049</v>
      </c>
      <c r="J8391">
        <f t="shared" si="931"/>
        <v>0.72117143697003505</v>
      </c>
      <c r="K8391">
        <f t="shared" si="932"/>
        <v>1.0817571554550525</v>
      </c>
      <c r="L8391">
        <f t="shared" si="933"/>
        <v>10.823361201175171</v>
      </c>
      <c r="M8391">
        <f t="shared" si="934"/>
        <v>0</v>
      </c>
      <c r="N8391" s="46">
        <f t="shared" si="935"/>
        <v>45640.208333313065</v>
      </c>
    </row>
    <row r="8392" spans="2:14" x14ac:dyDescent="0.3">
      <c r="B8392">
        <f t="shared" si="929"/>
        <v>6</v>
      </c>
      <c r="C8392" s="16">
        <v>8358</v>
      </c>
      <c r="D8392" cm="1">
        <f t="array" ref="D8392">IFERROR(INDEX(Jesper!AH$2:AH$366,ROUNDDOWN($C8392/24,0)+1,1)*INDEX($D$3:$AA$30,INDEX(Jesper!$R$2:$R$366,ROW(INDEX(Jesper!AH$2:AH$366,ROUNDDOWN($C8392/24,0)+1,1))-1)+IF('Standard Profiles'!$G$18=$B$10,7,0)+IF('Standard Profiles'!$G$18=$B$17,14,0)+IF('Standard Profiles'!$G$18=$B$24,21,0),MOD($C8392,24)+1)/SUM(INDEX($D$3:$AA$30,INDEX(Jesper!$R$2:$R$366,ROW(INDEX(Jesper!AH$2:AH$366,ROUNDDOWN($C8392/24,0)+1,1))-1)+IF('Standard Profiles'!$G$18=$B$10,7,0)+IF('Standard Profiles'!$G$18=$B$17,14,0)+IF('Standard Profiles'!$G$18=$B$24,21,0),0)),0)</f>
        <v>13.102607484964459</v>
      </c>
      <c r="E8392" cm="1">
        <f t="array" ref="E8392">IFERROR(INDEX(Jesper!AI$2:AI$366,ROUNDDOWN($C8392/24,0)+1,1)*INDEX($D$3:$AA$30,INDEX(Jesper!$R$2:$R$366,ROW(INDEX(Jesper!AI$2:AI$366,ROUNDDOWN($C8392/24,0)+1,1))-1)+IF('Standard Profiles'!$G$19=$B$10,7,0)+IF('Standard Profiles'!$G$19=$B$17,14,0)+IF('Standard Profiles'!$G$19=$B$24,21,0),MOD($C8392,24)+1)/SUM(INDEX($D$3:$AA$30,INDEX(Jesper!$R$2:$R$366,ROW(INDEX(Jesper!AI$2:AI$366,ROUNDDOWN($C8392/24,0)+1,1))-1)+IF('Standard Profiles'!$G$19=$B$10,7,0)+IF('Standard Profiles'!$G$19=$B$17,14,0)+IF('Standard Profiles'!$G$19=$B$24,21,0),0)),0)</f>
        <v>3.0136481695500748</v>
      </c>
      <c r="F8392" cm="1">
        <f t="array" ref="F8392">IFERROR(INDEX(Jesper!AJ$2:AJ$366,ROUNDDOWN($C8392/24,0)+1,1)*INDEX($D$3:$AA$30,INDEX(Jesper!$R$2:$R$366,ROW(INDEX(Jesper!AJ$2:AJ$366,ROUNDDOWN($C8392/24,0)+1,1))-1)+IF('Standard Profiles'!$G$20=$B$10,7,0)+IF('Standard Profiles'!$G$20=$B$17,14,0)+IF('Standard Profiles'!$G$20=$B$24,21,0),MOD($C8392,24)+1)/SUM(INDEX($D$3:$AA$30,INDEX(Jesper!$R$2:$R$366,ROW(INDEX(Jesper!AJ$2:AJ$366,ROUNDDOWN($C8392/24,0)+1,1))-1)+IF('Standard Profiles'!$G$20=$B$10,7,0)+IF('Standard Profiles'!$G$20=$B$17,14,0)+IF('Standard Profiles'!$G$20=$B$24,21,0),0)),0)</f>
        <v>0</v>
      </c>
      <c r="G8392" cm="1">
        <f t="array" ref="G8392">IFERROR(INDEX(Jesper!AK$2:AK$366,ROUNDDOWN($C8392/24,0)+1,1)*INDEX($D$3:$AA$30,INDEX(Jesper!$R$2:$R$366,ROW(INDEX(Jesper!AK$2:AK$366,ROUNDDOWN($C8392/24,0)+1,1))-1)+IF('Standard Profiles'!$G$21=$B$10,7,0)+IF('Standard Profiles'!$G$21=$B$17,14,0)+IF('Standard Profiles'!$G$21=$B$24,21,0),MOD($C8392,24)+1)/SUM(INDEX($D$3:$AA$30,INDEX(Jesper!$R$2:$R$366,ROW(INDEX(Jesper!AK$2:AK$366,ROUNDDOWN($C8392/24,0)+1,1))-1)+IF('Standard Profiles'!$G$21=$B$10,7,0)+IF('Standard Profiles'!$G$21=$B$17,14,0)+IF('Standard Profiles'!$G$21=$B$24,21,0),0)),0)</f>
        <v>0</v>
      </c>
      <c r="H8392" cm="1">
        <f t="array" ref="H8392">IFERROR(INDEX(Jesper!AL$2:AL$366,ROUNDDOWN($C8392/24,0)+1,1)*INDEX($D$3:$AA$30,INDEX(Jesper!$R$2:$R$366,ROW(INDEX(Jesper!AL$2:AL$366,ROUNDDOWN($C8392/24,0)+1,1))-1)+IF('Standard Profiles'!$G$22=$B$10,7,0)+IF('Standard Profiles'!$G$22=$B$17,14,0)+IF('Standard Profiles'!$G$22=$B$24,21,0),MOD($C8392,24)+1)/SUM(INDEX($D$3:$AA$30,INDEX(Jesper!$R$2:$R$366,ROW(INDEX(Jesper!AL$2:AL$366,ROUNDDOWN($C8392/24,0)+1,1))-1)+IF('Standard Profiles'!$G$22=$B$10,7,0)+IF('Standard Profiles'!$G$22=$B$17,14,0)+IF('Standard Profiles'!$G$22=$B$24,21,0),0)),0)</f>
        <v>0</v>
      </c>
      <c r="I8392">
        <f t="shared" si="930"/>
        <v>0.2714998350946014</v>
      </c>
      <c r="J8392">
        <f t="shared" si="931"/>
        <v>0.90499945031533813</v>
      </c>
      <c r="K8392">
        <f t="shared" si="932"/>
        <v>1.3574991754730072</v>
      </c>
      <c r="L8392">
        <f t="shared" si="933"/>
        <v>13.582257193631587</v>
      </c>
      <c r="M8392">
        <f t="shared" si="934"/>
        <v>0</v>
      </c>
      <c r="N8392" s="46">
        <f t="shared" si="935"/>
        <v>45640.249999979729</v>
      </c>
    </row>
    <row r="8393" spans="2:14" x14ac:dyDescent="0.3">
      <c r="B8393">
        <f t="shared" si="929"/>
        <v>6</v>
      </c>
      <c r="C8393" s="16">
        <v>8359</v>
      </c>
      <c r="D8393" cm="1">
        <f t="array" ref="D8393">IFERROR(INDEX(Jesper!AH$2:AH$366,ROUNDDOWN($C8393/24,0)+1,1)*INDEX($D$3:$AA$30,INDEX(Jesper!$R$2:$R$366,ROW(INDEX(Jesper!AH$2:AH$366,ROUNDDOWN($C8393/24,0)+1,1))-1)+IF('Standard Profiles'!$G$18=$B$10,7,0)+IF('Standard Profiles'!$G$18=$B$17,14,0)+IF('Standard Profiles'!$G$18=$B$24,21,0),MOD($C8393,24)+1)/SUM(INDEX($D$3:$AA$30,INDEX(Jesper!$R$2:$R$366,ROW(INDEX(Jesper!AH$2:AH$366,ROUNDDOWN($C8393/24,0)+1,1))-1)+IF('Standard Profiles'!$G$18=$B$10,7,0)+IF('Standard Profiles'!$G$18=$B$17,14,0)+IF('Standard Profiles'!$G$18=$B$24,21,0),0)),0)</f>
        <v>14.945161662537584</v>
      </c>
      <c r="E8393" cm="1">
        <f t="array" ref="E8393">IFERROR(INDEX(Jesper!AI$2:AI$366,ROUNDDOWN($C8393/24,0)+1,1)*INDEX($D$3:$AA$30,INDEX(Jesper!$R$2:$R$366,ROW(INDEX(Jesper!AI$2:AI$366,ROUNDDOWN($C8393/24,0)+1,1))-1)+IF('Standard Profiles'!$G$19=$B$10,7,0)+IF('Standard Profiles'!$G$19=$B$17,14,0)+IF('Standard Profiles'!$G$19=$B$24,21,0),MOD($C8393,24)+1)/SUM(INDEX($D$3:$AA$30,INDEX(Jesper!$R$2:$R$366,ROW(INDEX(Jesper!AI$2:AI$366,ROUNDDOWN($C8393/24,0)+1,1))-1)+IF('Standard Profiles'!$G$19=$B$10,7,0)+IF('Standard Profiles'!$G$19=$B$17,14,0)+IF('Standard Profiles'!$G$19=$B$24,21,0),0)),0)</f>
        <v>3.4374424433930542</v>
      </c>
      <c r="F8393" cm="1">
        <f t="array" ref="F8393">IFERROR(INDEX(Jesper!AJ$2:AJ$366,ROUNDDOWN($C8393/24,0)+1,1)*INDEX($D$3:$AA$30,INDEX(Jesper!$R$2:$R$366,ROW(INDEX(Jesper!AJ$2:AJ$366,ROUNDDOWN($C8393/24,0)+1,1))-1)+IF('Standard Profiles'!$G$20=$B$10,7,0)+IF('Standard Profiles'!$G$20=$B$17,14,0)+IF('Standard Profiles'!$G$20=$B$24,21,0),MOD($C8393,24)+1)/SUM(INDEX($D$3:$AA$30,INDEX(Jesper!$R$2:$R$366,ROW(INDEX(Jesper!AJ$2:AJ$366,ROUNDDOWN($C8393/24,0)+1,1))-1)+IF('Standard Profiles'!$G$20=$B$10,7,0)+IF('Standard Profiles'!$G$20=$B$17,14,0)+IF('Standard Profiles'!$G$20=$B$24,21,0),0)),0)</f>
        <v>0</v>
      </c>
      <c r="G8393" cm="1">
        <f t="array" ref="G8393">IFERROR(INDEX(Jesper!AK$2:AK$366,ROUNDDOWN($C8393/24,0)+1,1)*INDEX($D$3:$AA$30,INDEX(Jesper!$R$2:$R$366,ROW(INDEX(Jesper!AK$2:AK$366,ROUNDDOWN($C8393/24,0)+1,1))-1)+IF('Standard Profiles'!$G$21=$B$10,7,0)+IF('Standard Profiles'!$G$21=$B$17,14,0)+IF('Standard Profiles'!$G$21=$B$24,21,0),MOD($C8393,24)+1)/SUM(INDEX($D$3:$AA$30,INDEX(Jesper!$R$2:$R$366,ROW(INDEX(Jesper!AK$2:AK$366,ROUNDDOWN($C8393/24,0)+1,1))-1)+IF('Standard Profiles'!$G$21=$B$10,7,0)+IF('Standard Profiles'!$G$21=$B$17,14,0)+IF('Standard Profiles'!$G$21=$B$24,21,0),0)),0)</f>
        <v>0</v>
      </c>
      <c r="H8393" cm="1">
        <f t="array" ref="H8393">IFERROR(INDEX(Jesper!AL$2:AL$366,ROUNDDOWN($C8393/24,0)+1,1)*INDEX($D$3:$AA$30,INDEX(Jesper!$R$2:$R$366,ROW(INDEX(Jesper!AL$2:AL$366,ROUNDDOWN($C8393/24,0)+1,1))-1)+IF('Standard Profiles'!$G$22=$B$10,7,0)+IF('Standard Profiles'!$G$22=$B$17,14,0)+IF('Standard Profiles'!$G$22=$B$24,21,0),MOD($C8393,24)+1)/SUM(INDEX($D$3:$AA$30,INDEX(Jesper!$R$2:$R$366,ROW(INDEX(Jesper!AL$2:AL$366,ROUNDDOWN($C8393/24,0)+1,1))-1)+IF('Standard Profiles'!$G$22=$B$10,7,0)+IF('Standard Profiles'!$G$22=$B$17,14,0)+IF('Standard Profiles'!$G$22=$B$24,21,0),0)),0)</f>
        <v>0</v>
      </c>
      <c r="I8393">
        <f t="shared" si="930"/>
        <v>0.30967949940477973</v>
      </c>
      <c r="J8393">
        <f t="shared" si="931"/>
        <v>1.0322649980159326</v>
      </c>
      <c r="K8393">
        <f t="shared" si="932"/>
        <v>1.5483974970238989</v>
      </c>
      <c r="L8393">
        <f t="shared" si="933"/>
        <v>15.492262111486028</v>
      </c>
      <c r="M8393">
        <f t="shared" si="934"/>
        <v>0</v>
      </c>
      <c r="N8393" s="46">
        <f t="shared" si="935"/>
        <v>45640.291666646393</v>
      </c>
    </row>
    <row r="8394" spans="2:14" x14ac:dyDescent="0.3">
      <c r="B8394">
        <f t="shared" si="929"/>
        <v>6</v>
      </c>
      <c r="C8394" s="16">
        <v>8360</v>
      </c>
      <c r="D8394" cm="1">
        <f t="array" ref="D8394">IFERROR(INDEX(Jesper!AH$2:AH$366,ROUNDDOWN($C8394/24,0)+1,1)*INDEX($D$3:$AA$30,INDEX(Jesper!$R$2:$R$366,ROW(INDEX(Jesper!AH$2:AH$366,ROUNDDOWN($C8394/24,0)+1,1))-1)+IF('Standard Profiles'!$G$18=$B$10,7,0)+IF('Standard Profiles'!$G$18=$B$17,14,0)+IF('Standard Profiles'!$G$18=$B$24,21,0),MOD($C8394,24)+1)/SUM(INDEX($D$3:$AA$30,INDEX(Jesper!$R$2:$R$366,ROW(INDEX(Jesper!AH$2:AH$366,ROUNDDOWN($C8394/24,0)+1,1))-1)+IF('Standard Profiles'!$G$18=$B$10,7,0)+IF('Standard Profiles'!$G$18=$B$17,14,0)+IF('Standard Profiles'!$G$18=$B$24,21,0),0)),0)</f>
        <v>14.945161662537584</v>
      </c>
      <c r="E8394" cm="1">
        <f t="array" ref="E8394">IFERROR(INDEX(Jesper!AI$2:AI$366,ROUNDDOWN($C8394/24,0)+1,1)*INDEX($D$3:$AA$30,INDEX(Jesper!$R$2:$R$366,ROW(INDEX(Jesper!AI$2:AI$366,ROUNDDOWN($C8394/24,0)+1,1))-1)+IF('Standard Profiles'!$G$19=$B$10,7,0)+IF('Standard Profiles'!$G$19=$B$17,14,0)+IF('Standard Profiles'!$G$19=$B$24,21,0),MOD($C8394,24)+1)/SUM(INDEX($D$3:$AA$30,INDEX(Jesper!$R$2:$R$366,ROW(INDEX(Jesper!AI$2:AI$366,ROUNDDOWN($C8394/24,0)+1,1))-1)+IF('Standard Profiles'!$G$19=$B$10,7,0)+IF('Standard Profiles'!$G$19=$B$17,14,0)+IF('Standard Profiles'!$G$19=$B$24,21,0),0)),0)</f>
        <v>3.4374424433930542</v>
      </c>
      <c r="F8394" cm="1">
        <f t="array" ref="F8394">IFERROR(INDEX(Jesper!AJ$2:AJ$366,ROUNDDOWN($C8394/24,0)+1,1)*INDEX($D$3:$AA$30,INDEX(Jesper!$R$2:$R$366,ROW(INDEX(Jesper!AJ$2:AJ$366,ROUNDDOWN($C8394/24,0)+1,1))-1)+IF('Standard Profiles'!$G$20=$B$10,7,0)+IF('Standard Profiles'!$G$20=$B$17,14,0)+IF('Standard Profiles'!$G$20=$B$24,21,0),MOD($C8394,24)+1)/SUM(INDEX($D$3:$AA$30,INDEX(Jesper!$R$2:$R$366,ROW(INDEX(Jesper!AJ$2:AJ$366,ROUNDDOWN($C8394/24,0)+1,1))-1)+IF('Standard Profiles'!$G$20=$B$10,7,0)+IF('Standard Profiles'!$G$20=$B$17,14,0)+IF('Standard Profiles'!$G$20=$B$24,21,0),0)),0)</f>
        <v>0</v>
      </c>
      <c r="G8394" cm="1">
        <f t="array" ref="G8394">IFERROR(INDEX(Jesper!AK$2:AK$366,ROUNDDOWN($C8394/24,0)+1,1)*INDEX($D$3:$AA$30,INDEX(Jesper!$R$2:$R$366,ROW(INDEX(Jesper!AK$2:AK$366,ROUNDDOWN($C8394/24,0)+1,1))-1)+IF('Standard Profiles'!$G$21=$B$10,7,0)+IF('Standard Profiles'!$G$21=$B$17,14,0)+IF('Standard Profiles'!$G$21=$B$24,21,0),MOD($C8394,24)+1)/SUM(INDEX($D$3:$AA$30,INDEX(Jesper!$R$2:$R$366,ROW(INDEX(Jesper!AK$2:AK$366,ROUNDDOWN($C8394/24,0)+1,1))-1)+IF('Standard Profiles'!$G$21=$B$10,7,0)+IF('Standard Profiles'!$G$21=$B$17,14,0)+IF('Standard Profiles'!$G$21=$B$24,21,0),0)),0)</f>
        <v>0</v>
      </c>
      <c r="H8394" cm="1">
        <f t="array" ref="H8394">IFERROR(INDEX(Jesper!AL$2:AL$366,ROUNDDOWN($C8394/24,0)+1,1)*INDEX($D$3:$AA$30,INDEX(Jesper!$R$2:$R$366,ROW(INDEX(Jesper!AL$2:AL$366,ROUNDDOWN($C8394/24,0)+1,1))-1)+IF('Standard Profiles'!$G$22=$B$10,7,0)+IF('Standard Profiles'!$G$22=$B$17,14,0)+IF('Standard Profiles'!$G$22=$B$24,21,0),MOD($C8394,24)+1)/SUM(INDEX($D$3:$AA$30,INDEX(Jesper!$R$2:$R$366,ROW(INDEX(Jesper!AL$2:AL$366,ROUNDDOWN($C8394/24,0)+1,1))-1)+IF('Standard Profiles'!$G$22=$B$10,7,0)+IF('Standard Profiles'!$G$22=$B$17,14,0)+IF('Standard Profiles'!$G$22=$B$24,21,0),0)),0)</f>
        <v>0</v>
      </c>
      <c r="I8394">
        <f t="shared" si="930"/>
        <v>0.30967949940477973</v>
      </c>
      <c r="J8394">
        <f t="shared" si="931"/>
        <v>1.0322649980159326</v>
      </c>
      <c r="K8394">
        <f t="shared" si="932"/>
        <v>1.5483974970238989</v>
      </c>
      <c r="L8394">
        <f t="shared" si="933"/>
        <v>15.492262111486028</v>
      </c>
      <c r="M8394">
        <f t="shared" si="934"/>
        <v>0</v>
      </c>
      <c r="N8394" s="46">
        <f t="shared" si="935"/>
        <v>45640.333333313058</v>
      </c>
    </row>
    <row r="8395" spans="2:14" x14ac:dyDescent="0.3">
      <c r="B8395">
        <f t="shared" si="929"/>
        <v>6</v>
      </c>
      <c r="C8395" s="16">
        <v>8361</v>
      </c>
      <c r="D8395" cm="1">
        <f t="array" ref="D8395">IFERROR(INDEX(Jesper!AH$2:AH$366,ROUNDDOWN($C8395/24,0)+1,1)*INDEX($D$3:$AA$30,INDEX(Jesper!$R$2:$R$366,ROW(INDEX(Jesper!AH$2:AH$366,ROUNDDOWN($C8395/24,0)+1,1))-1)+IF('Standard Profiles'!$G$18=$B$10,7,0)+IF('Standard Profiles'!$G$18=$B$17,14,0)+IF('Standard Profiles'!$G$18=$B$24,21,0),MOD($C8395,24)+1)/SUM(INDEX($D$3:$AA$30,INDEX(Jesper!$R$2:$R$366,ROW(INDEX(Jesper!AH$2:AH$366,ROUNDDOWN($C8395/24,0)+1,1))-1)+IF('Standard Profiles'!$G$18=$B$10,7,0)+IF('Standard Profiles'!$G$18=$B$17,14,0)+IF('Standard Profiles'!$G$18=$B$24,21,0),0)),0)</f>
        <v>14.945161662537584</v>
      </c>
      <c r="E8395" cm="1">
        <f t="array" ref="E8395">IFERROR(INDEX(Jesper!AI$2:AI$366,ROUNDDOWN($C8395/24,0)+1,1)*INDEX($D$3:$AA$30,INDEX(Jesper!$R$2:$R$366,ROW(INDEX(Jesper!AI$2:AI$366,ROUNDDOWN($C8395/24,0)+1,1))-1)+IF('Standard Profiles'!$G$19=$B$10,7,0)+IF('Standard Profiles'!$G$19=$B$17,14,0)+IF('Standard Profiles'!$G$19=$B$24,21,0),MOD($C8395,24)+1)/SUM(INDEX($D$3:$AA$30,INDEX(Jesper!$R$2:$R$366,ROW(INDEX(Jesper!AI$2:AI$366,ROUNDDOWN($C8395/24,0)+1,1))-1)+IF('Standard Profiles'!$G$19=$B$10,7,0)+IF('Standard Profiles'!$G$19=$B$17,14,0)+IF('Standard Profiles'!$G$19=$B$24,21,0),0)),0)</f>
        <v>3.4374424433930542</v>
      </c>
      <c r="F8395" cm="1">
        <f t="array" ref="F8395">IFERROR(INDEX(Jesper!AJ$2:AJ$366,ROUNDDOWN($C8395/24,0)+1,1)*INDEX($D$3:$AA$30,INDEX(Jesper!$R$2:$R$366,ROW(INDEX(Jesper!AJ$2:AJ$366,ROUNDDOWN($C8395/24,0)+1,1))-1)+IF('Standard Profiles'!$G$20=$B$10,7,0)+IF('Standard Profiles'!$G$20=$B$17,14,0)+IF('Standard Profiles'!$G$20=$B$24,21,0),MOD($C8395,24)+1)/SUM(INDEX($D$3:$AA$30,INDEX(Jesper!$R$2:$R$366,ROW(INDEX(Jesper!AJ$2:AJ$366,ROUNDDOWN($C8395/24,0)+1,1))-1)+IF('Standard Profiles'!$G$20=$B$10,7,0)+IF('Standard Profiles'!$G$20=$B$17,14,0)+IF('Standard Profiles'!$G$20=$B$24,21,0),0)),0)</f>
        <v>0</v>
      </c>
      <c r="G8395" cm="1">
        <f t="array" ref="G8395">IFERROR(INDEX(Jesper!AK$2:AK$366,ROUNDDOWN($C8395/24,0)+1,1)*INDEX($D$3:$AA$30,INDEX(Jesper!$R$2:$R$366,ROW(INDEX(Jesper!AK$2:AK$366,ROUNDDOWN($C8395/24,0)+1,1))-1)+IF('Standard Profiles'!$G$21=$B$10,7,0)+IF('Standard Profiles'!$G$21=$B$17,14,0)+IF('Standard Profiles'!$G$21=$B$24,21,0),MOD($C8395,24)+1)/SUM(INDEX($D$3:$AA$30,INDEX(Jesper!$R$2:$R$366,ROW(INDEX(Jesper!AK$2:AK$366,ROUNDDOWN($C8395/24,0)+1,1))-1)+IF('Standard Profiles'!$G$21=$B$10,7,0)+IF('Standard Profiles'!$G$21=$B$17,14,0)+IF('Standard Profiles'!$G$21=$B$24,21,0),0)),0)</f>
        <v>0</v>
      </c>
      <c r="H8395" cm="1">
        <f t="array" ref="H8395">IFERROR(INDEX(Jesper!AL$2:AL$366,ROUNDDOWN($C8395/24,0)+1,1)*INDEX($D$3:$AA$30,INDEX(Jesper!$R$2:$R$366,ROW(INDEX(Jesper!AL$2:AL$366,ROUNDDOWN($C8395/24,0)+1,1))-1)+IF('Standard Profiles'!$G$22=$B$10,7,0)+IF('Standard Profiles'!$G$22=$B$17,14,0)+IF('Standard Profiles'!$G$22=$B$24,21,0),MOD($C8395,24)+1)/SUM(INDEX($D$3:$AA$30,INDEX(Jesper!$R$2:$R$366,ROW(INDEX(Jesper!AL$2:AL$366,ROUNDDOWN($C8395/24,0)+1,1))-1)+IF('Standard Profiles'!$G$22=$B$10,7,0)+IF('Standard Profiles'!$G$22=$B$17,14,0)+IF('Standard Profiles'!$G$22=$B$24,21,0),0)),0)</f>
        <v>0</v>
      </c>
      <c r="I8395">
        <f t="shared" si="930"/>
        <v>0.30967949940477973</v>
      </c>
      <c r="J8395">
        <f t="shared" si="931"/>
        <v>1.0322649980159326</v>
      </c>
      <c r="K8395">
        <f t="shared" si="932"/>
        <v>1.5483974970238989</v>
      </c>
      <c r="L8395">
        <f t="shared" si="933"/>
        <v>15.492262111486028</v>
      </c>
      <c r="M8395">
        <f t="shared" si="934"/>
        <v>0</v>
      </c>
      <c r="N8395" s="46">
        <f t="shared" si="935"/>
        <v>45640.374999979722</v>
      </c>
    </row>
    <row r="8396" spans="2:14" x14ac:dyDescent="0.3">
      <c r="B8396">
        <f t="shared" si="929"/>
        <v>6</v>
      </c>
      <c r="C8396" s="16">
        <v>8362</v>
      </c>
      <c r="D8396" cm="1">
        <f t="array" ref="D8396">IFERROR(INDEX(Jesper!AH$2:AH$366,ROUNDDOWN($C8396/24,0)+1,1)*INDEX($D$3:$AA$30,INDEX(Jesper!$R$2:$R$366,ROW(INDEX(Jesper!AH$2:AH$366,ROUNDDOWN($C8396/24,0)+1,1))-1)+IF('Standard Profiles'!$G$18=$B$10,7,0)+IF('Standard Profiles'!$G$18=$B$17,14,0)+IF('Standard Profiles'!$G$18=$B$24,21,0),MOD($C8396,24)+1)/SUM(INDEX($D$3:$AA$30,INDEX(Jesper!$R$2:$R$366,ROW(INDEX(Jesper!AH$2:AH$366,ROUNDDOWN($C8396/24,0)+1,1))-1)+IF('Standard Profiles'!$G$18=$B$10,7,0)+IF('Standard Profiles'!$G$18=$B$17,14,0)+IF('Standard Profiles'!$G$18=$B$24,21,0),0)),0)</f>
        <v>14.945161662537584</v>
      </c>
      <c r="E8396" cm="1">
        <f t="array" ref="E8396">IFERROR(INDEX(Jesper!AI$2:AI$366,ROUNDDOWN($C8396/24,0)+1,1)*INDEX($D$3:$AA$30,INDEX(Jesper!$R$2:$R$366,ROW(INDEX(Jesper!AI$2:AI$366,ROUNDDOWN($C8396/24,0)+1,1))-1)+IF('Standard Profiles'!$G$19=$B$10,7,0)+IF('Standard Profiles'!$G$19=$B$17,14,0)+IF('Standard Profiles'!$G$19=$B$24,21,0),MOD($C8396,24)+1)/SUM(INDEX($D$3:$AA$30,INDEX(Jesper!$R$2:$R$366,ROW(INDEX(Jesper!AI$2:AI$366,ROUNDDOWN($C8396/24,0)+1,1))-1)+IF('Standard Profiles'!$G$19=$B$10,7,0)+IF('Standard Profiles'!$G$19=$B$17,14,0)+IF('Standard Profiles'!$G$19=$B$24,21,0),0)),0)</f>
        <v>3.4374424433930542</v>
      </c>
      <c r="F8396" cm="1">
        <f t="array" ref="F8396">IFERROR(INDEX(Jesper!AJ$2:AJ$366,ROUNDDOWN($C8396/24,0)+1,1)*INDEX($D$3:$AA$30,INDEX(Jesper!$R$2:$R$366,ROW(INDEX(Jesper!AJ$2:AJ$366,ROUNDDOWN($C8396/24,0)+1,1))-1)+IF('Standard Profiles'!$G$20=$B$10,7,0)+IF('Standard Profiles'!$G$20=$B$17,14,0)+IF('Standard Profiles'!$G$20=$B$24,21,0),MOD($C8396,24)+1)/SUM(INDEX($D$3:$AA$30,INDEX(Jesper!$R$2:$R$366,ROW(INDEX(Jesper!AJ$2:AJ$366,ROUNDDOWN($C8396/24,0)+1,1))-1)+IF('Standard Profiles'!$G$20=$B$10,7,0)+IF('Standard Profiles'!$G$20=$B$17,14,0)+IF('Standard Profiles'!$G$20=$B$24,21,0),0)),0)</f>
        <v>0</v>
      </c>
      <c r="G8396" cm="1">
        <f t="array" ref="G8396">IFERROR(INDEX(Jesper!AK$2:AK$366,ROUNDDOWN($C8396/24,0)+1,1)*INDEX($D$3:$AA$30,INDEX(Jesper!$R$2:$R$366,ROW(INDEX(Jesper!AK$2:AK$366,ROUNDDOWN($C8396/24,0)+1,1))-1)+IF('Standard Profiles'!$G$21=$B$10,7,0)+IF('Standard Profiles'!$G$21=$B$17,14,0)+IF('Standard Profiles'!$G$21=$B$24,21,0),MOD($C8396,24)+1)/SUM(INDEX($D$3:$AA$30,INDEX(Jesper!$R$2:$R$366,ROW(INDEX(Jesper!AK$2:AK$366,ROUNDDOWN($C8396/24,0)+1,1))-1)+IF('Standard Profiles'!$G$21=$B$10,7,0)+IF('Standard Profiles'!$G$21=$B$17,14,0)+IF('Standard Profiles'!$G$21=$B$24,21,0),0)),0)</f>
        <v>0</v>
      </c>
      <c r="H8396" cm="1">
        <f t="array" ref="H8396">IFERROR(INDEX(Jesper!AL$2:AL$366,ROUNDDOWN($C8396/24,0)+1,1)*INDEX($D$3:$AA$30,INDEX(Jesper!$R$2:$R$366,ROW(INDEX(Jesper!AL$2:AL$366,ROUNDDOWN($C8396/24,0)+1,1))-1)+IF('Standard Profiles'!$G$22=$B$10,7,0)+IF('Standard Profiles'!$G$22=$B$17,14,0)+IF('Standard Profiles'!$G$22=$B$24,21,0),MOD($C8396,24)+1)/SUM(INDEX($D$3:$AA$30,INDEX(Jesper!$R$2:$R$366,ROW(INDEX(Jesper!AL$2:AL$366,ROUNDDOWN($C8396/24,0)+1,1))-1)+IF('Standard Profiles'!$G$22=$B$10,7,0)+IF('Standard Profiles'!$G$22=$B$17,14,0)+IF('Standard Profiles'!$G$22=$B$24,21,0),0)),0)</f>
        <v>0</v>
      </c>
      <c r="I8396">
        <f t="shared" si="930"/>
        <v>0.30967949940477973</v>
      </c>
      <c r="J8396">
        <f t="shared" si="931"/>
        <v>1.0322649980159326</v>
      </c>
      <c r="K8396">
        <f t="shared" si="932"/>
        <v>1.5483974970238989</v>
      </c>
      <c r="L8396">
        <f t="shared" si="933"/>
        <v>15.492262111486028</v>
      </c>
      <c r="M8396">
        <f t="shared" si="934"/>
        <v>0</v>
      </c>
      <c r="N8396" s="46">
        <f t="shared" si="935"/>
        <v>45640.416666646386</v>
      </c>
    </row>
    <row r="8397" spans="2:14" x14ac:dyDescent="0.3">
      <c r="B8397">
        <f t="shared" si="929"/>
        <v>6</v>
      </c>
      <c r="C8397" s="16">
        <v>8363</v>
      </c>
      <c r="D8397" cm="1">
        <f t="array" ref="D8397">IFERROR(INDEX(Jesper!AH$2:AH$366,ROUNDDOWN($C8397/24,0)+1,1)*INDEX($D$3:$AA$30,INDEX(Jesper!$R$2:$R$366,ROW(INDEX(Jesper!AH$2:AH$366,ROUNDDOWN($C8397/24,0)+1,1))-1)+IF('Standard Profiles'!$G$18=$B$10,7,0)+IF('Standard Profiles'!$G$18=$B$17,14,0)+IF('Standard Profiles'!$G$18=$B$24,21,0),MOD($C8397,24)+1)/SUM(INDEX($D$3:$AA$30,INDEX(Jesper!$R$2:$R$366,ROW(INDEX(Jesper!AH$2:AH$366,ROUNDDOWN($C8397/24,0)+1,1))-1)+IF('Standard Profiles'!$G$18=$B$10,7,0)+IF('Standard Profiles'!$G$18=$B$17,14,0)+IF('Standard Profiles'!$G$18=$B$24,21,0),0)),0)</f>
        <v>14.945161662537584</v>
      </c>
      <c r="E8397" cm="1">
        <f t="array" ref="E8397">IFERROR(INDEX(Jesper!AI$2:AI$366,ROUNDDOWN($C8397/24,0)+1,1)*INDEX($D$3:$AA$30,INDEX(Jesper!$R$2:$R$366,ROW(INDEX(Jesper!AI$2:AI$366,ROUNDDOWN($C8397/24,0)+1,1))-1)+IF('Standard Profiles'!$G$19=$B$10,7,0)+IF('Standard Profiles'!$G$19=$B$17,14,0)+IF('Standard Profiles'!$G$19=$B$24,21,0),MOD($C8397,24)+1)/SUM(INDEX($D$3:$AA$30,INDEX(Jesper!$R$2:$R$366,ROW(INDEX(Jesper!AI$2:AI$366,ROUNDDOWN($C8397/24,0)+1,1))-1)+IF('Standard Profiles'!$G$19=$B$10,7,0)+IF('Standard Profiles'!$G$19=$B$17,14,0)+IF('Standard Profiles'!$G$19=$B$24,21,0),0)),0)</f>
        <v>3.4374424433930542</v>
      </c>
      <c r="F8397" cm="1">
        <f t="array" ref="F8397">IFERROR(INDEX(Jesper!AJ$2:AJ$366,ROUNDDOWN($C8397/24,0)+1,1)*INDEX($D$3:$AA$30,INDEX(Jesper!$R$2:$R$366,ROW(INDEX(Jesper!AJ$2:AJ$366,ROUNDDOWN($C8397/24,0)+1,1))-1)+IF('Standard Profiles'!$G$20=$B$10,7,0)+IF('Standard Profiles'!$G$20=$B$17,14,0)+IF('Standard Profiles'!$G$20=$B$24,21,0),MOD($C8397,24)+1)/SUM(INDEX($D$3:$AA$30,INDEX(Jesper!$R$2:$R$366,ROW(INDEX(Jesper!AJ$2:AJ$366,ROUNDDOWN($C8397/24,0)+1,1))-1)+IF('Standard Profiles'!$G$20=$B$10,7,0)+IF('Standard Profiles'!$G$20=$B$17,14,0)+IF('Standard Profiles'!$G$20=$B$24,21,0),0)),0)</f>
        <v>0</v>
      </c>
      <c r="G8397" cm="1">
        <f t="array" ref="G8397">IFERROR(INDEX(Jesper!AK$2:AK$366,ROUNDDOWN($C8397/24,0)+1,1)*INDEX($D$3:$AA$30,INDEX(Jesper!$R$2:$R$366,ROW(INDEX(Jesper!AK$2:AK$366,ROUNDDOWN($C8397/24,0)+1,1))-1)+IF('Standard Profiles'!$G$21=$B$10,7,0)+IF('Standard Profiles'!$G$21=$B$17,14,0)+IF('Standard Profiles'!$G$21=$B$24,21,0),MOD($C8397,24)+1)/SUM(INDEX($D$3:$AA$30,INDEX(Jesper!$R$2:$R$366,ROW(INDEX(Jesper!AK$2:AK$366,ROUNDDOWN($C8397/24,0)+1,1))-1)+IF('Standard Profiles'!$G$21=$B$10,7,0)+IF('Standard Profiles'!$G$21=$B$17,14,0)+IF('Standard Profiles'!$G$21=$B$24,21,0),0)),0)</f>
        <v>0</v>
      </c>
      <c r="H8397" cm="1">
        <f t="array" ref="H8397">IFERROR(INDEX(Jesper!AL$2:AL$366,ROUNDDOWN($C8397/24,0)+1,1)*INDEX($D$3:$AA$30,INDEX(Jesper!$R$2:$R$366,ROW(INDEX(Jesper!AL$2:AL$366,ROUNDDOWN($C8397/24,0)+1,1))-1)+IF('Standard Profiles'!$G$22=$B$10,7,0)+IF('Standard Profiles'!$G$22=$B$17,14,0)+IF('Standard Profiles'!$G$22=$B$24,21,0),MOD($C8397,24)+1)/SUM(INDEX($D$3:$AA$30,INDEX(Jesper!$R$2:$R$366,ROW(INDEX(Jesper!AL$2:AL$366,ROUNDDOWN($C8397/24,0)+1,1))-1)+IF('Standard Profiles'!$G$22=$B$10,7,0)+IF('Standard Profiles'!$G$22=$B$17,14,0)+IF('Standard Profiles'!$G$22=$B$24,21,0),0)),0)</f>
        <v>0</v>
      </c>
      <c r="I8397">
        <f t="shared" si="930"/>
        <v>0.30967949940477973</v>
      </c>
      <c r="J8397">
        <f t="shared" si="931"/>
        <v>1.0322649980159326</v>
      </c>
      <c r="K8397">
        <f t="shared" si="932"/>
        <v>1.5483974970238989</v>
      </c>
      <c r="L8397">
        <f t="shared" si="933"/>
        <v>15.492262111486028</v>
      </c>
      <c r="M8397">
        <f t="shared" si="934"/>
        <v>0</v>
      </c>
      <c r="N8397" s="46">
        <f t="shared" si="935"/>
        <v>45640.45833331305</v>
      </c>
    </row>
    <row r="8398" spans="2:14" x14ac:dyDescent="0.3">
      <c r="B8398">
        <f t="shared" si="929"/>
        <v>6</v>
      </c>
      <c r="C8398" s="16">
        <v>8364</v>
      </c>
      <c r="D8398" cm="1">
        <f t="array" ref="D8398">IFERROR(INDEX(Jesper!AH$2:AH$366,ROUNDDOWN($C8398/24,0)+1,1)*INDEX($D$3:$AA$30,INDEX(Jesper!$R$2:$R$366,ROW(INDEX(Jesper!AH$2:AH$366,ROUNDDOWN($C8398/24,0)+1,1))-1)+IF('Standard Profiles'!$G$18=$B$10,7,0)+IF('Standard Profiles'!$G$18=$B$17,14,0)+IF('Standard Profiles'!$G$18=$B$24,21,0),MOD($C8398,24)+1)/SUM(INDEX($D$3:$AA$30,INDEX(Jesper!$R$2:$R$366,ROW(INDEX(Jesper!AH$2:AH$366,ROUNDDOWN($C8398/24,0)+1,1))-1)+IF('Standard Profiles'!$G$18=$B$10,7,0)+IF('Standard Profiles'!$G$18=$B$17,14,0)+IF('Standard Profiles'!$G$18=$B$24,21,0),0)),0)</f>
        <v>14.945161662537584</v>
      </c>
      <c r="E8398" cm="1">
        <f t="array" ref="E8398">IFERROR(INDEX(Jesper!AI$2:AI$366,ROUNDDOWN($C8398/24,0)+1,1)*INDEX($D$3:$AA$30,INDEX(Jesper!$R$2:$R$366,ROW(INDEX(Jesper!AI$2:AI$366,ROUNDDOWN($C8398/24,0)+1,1))-1)+IF('Standard Profiles'!$G$19=$B$10,7,0)+IF('Standard Profiles'!$G$19=$B$17,14,0)+IF('Standard Profiles'!$G$19=$B$24,21,0),MOD($C8398,24)+1)/SUM(INDEX($D$3:$AA$30,INDEX(Jesper!$R$2:$R$366,ROW(INDEX(Jesper!AI$2:AI$366,ROUNDDOWN($C8398/24,0)+1,1))-1)+IF('Standard Profiles'!$G$19=$B$10,7,0)+IF('Standard Profiles'!$G$19=$B$17,14,0)+IF('Standard Profiles'!$G$19=$B$24,21,0),0)),0)</f>
        <v>3.4374424433930542</v>
      </c>
      <c r="F8398" cm="1">
        <f t="array" ref="F8398">IFERROR(INDEX(Jesper!AJ$2:AJ$366,ROUNDDOWN($C8398/24,0)+1,1)*INDEX($D$3:$AA$30,INDEX(Jesper!$R$2:$R$366,ROW(INDEX(Jesper!AJ$2:AJ$366,ROUNDDOWN($C8398/24,0)+1,1))-1)+IF('Standard Profiles'!$G$20=$B$10,7,0)+IF('Standard Profiles'!$G$20=$B$17,14,0)+IF('Standard Profiles'!$G$20=$B$24,21,0),MOD($C8398,24)+1)/SUM(INDEX($D$3:$AA$30,INDEX(Jesper!$R$2:$R$366,ROW(INDEX(Jesper!AJ$2:AJ$366,ROUNDDOWN($C8398/24,0)+1,1))-1)+IF('Standard Profiles'!$G$20=$B$10,7,0)+IF('Standard Profiles'!$G$20=$B$17,14,0)+IF('Standard Profiles'!$G$20=$B$24,21,0),0)),0)</f>
        <v>0</v>
      </c>
      <c r="G8398" cm="1">
        <f t="array" ref="G8398">IFERROR(INDEX(Jesper!AK$2:AK$366,ROUNDDOWN($C8398/24,0)+1,1)*INDEX($D$3:$AA$30,INDEX(Jesper!$R$2:$R$366,ROW(INDEX(Jesper!AK$2:AK$366,ROUNDDOWN($C8398/24,0)+1,1))-1)+IF('Standard Profiles'!$G$21=$B$10,7,0)+IF('Standard Profiles'!$G$21=$B$17,14,0)+IF('Standard Profiles'!$G$21=$B$24,21,0),MOD($C8398,24)+1)/SUM(INDEX($D$3:$AA$30,INDEX(Jesper!$R$2:$R$366,ROW(INDEX(Jesper!AK$2:AK$366,ROUNDDOWN($C8398/24,0)+1,1))-1)+IF('Standard Profiles'!$G$21=$B$10,7,0)+IF('Standard Profiles'!$G$21=$B$17,14,0)+IF('Standard Profiles'!$G$21=$B$24,21,0),0)),0)</f>
        <v>0</v>
      </c>
      <c r="H8398" cm="1">
        <f t="array" ref="H8398">IFERROR(INDEX(Jesper!AL$2:AL$366,ROUNDDOWN($C8398/24,0)+1,1)*INDEX($D$3:$AA$30,INDEX(Jesper!$R$2:$R$366,ROW(INDEX(Jesper!AL$2:AL$366,ROUNDDOWN($C8398/24,0)+1,1))-1)+IF('Standard Profiles'!$G$22=$B$10,7,0)+IF('Standard Profiles'!$G$22=$B$17,14,0)+IF('Standard Profiles'!$G$22=$B$24,21,0),MOD($C8398,24)+1)/SUM(INDEX($D$3:$AA$30,INDEX(Jesper!$R$2:$R$366,ROW(INDEX(Jesper!AL$2:AL$366,ROUNDDOWN($C8398/24,0)+1,1))-1)+IF('Standard Profiles'!$G$22=$B$10,7,0)+IF('Standard Profiles'!$G$22=$B$17,14,0)+IF('Standard Profiles'!$G$22=$B$24,21,0),0)),0)</f>
        <v>0</v>
      </c>
      <c r="I8398">
        <f t="shared" si="930"/>
        <v>0.30967949940477973</v>
      </c>
      <c r="J8398">
        <f t="shared" si="931"/>
        <v>1.0322649980159326</v>
      </c>
      <c r="K8398">
        <f t="shared" si="932"/>
        <v>1.5483974970238989</v>
      </c>
      <c r="L8398">
        <f t="shared" si="933"/>
        <v>15.492262111486028</v>
      </c>
      <c r="M8398">
        <f t="shared" si="934"/>
        <v>0</v>
      </c>
      <c r="N8398" s="46">
        <f t="shared" si="935"/>
        <v>45640.499999979715</v>
      </c>
    </row>
    <row r="8399" spans="2:14" x14ac:dyDescent="0.3">
      <c r="B8399">
        <f t="shared" si="929"/>
        <v>6</v>
      </c>
      <c r="C8399" s="16">
        <v>8365</v>
      </c>
      <c r="D8399" cm="1">
        <f t="array" ref="D8399">IFERROR(INDEX(Jesper!AH$2:AH$366,ROUNDDOWN($C8399/24,0)+1,1)*INDEX($D$3:$AA$30,INDEX(Jesper!$R$2:$R$366,ROW(INDEX(Jesper!AH$2:AH$366,ROUNDDOWN($C8399/24,0)+1,1))-1)+IF('Standard Profiles'!$G$18=$B$10,7,0)+IF('Standard Profiles'!$G$18=$B$17,14,0)+IF('Standard Profiles'!$G$18=$B$24,21,0),MOD($C8399,24)+1)/SUM(INDEX($D$3:$AA$30,INDEX(Jesper!$R$2:$R$366,ROW(INDEX(Jesper!AH$2:AH$366,ROUNDDOWN($C8399/24,0)+1,1))-1)+IF('Standard Profiles'!$G$18=$B$10,7,0)+IF('Standard Profiles'!$G$18=$B$17,14,0)+IF('Standard Profiles'!$G$18=$B$24,21,0),0)),0)</f>
        <v>14.945161662537584</v>
      </c>
      <c r="E8399" cm="1">
        <f t="array" ref="E8399">IFERROR(INDEX(Jesper!AI$2:AI$366,ROUNDDOWN($C8399/24,0)+1,1)*INDEX($D$3:$AA$30,INDEX(Jesper!$R$2:$R$366,ROW(INDEX(Jesper!AI$2:AI$366,ROUNDDOWN($C8399/24,0)+1,1))-1)+IF('Standard Profiles'!$G$19=$B$10,7,0)+IF('Standard Profiles'!$G$19=$B$17,14,0)+IF('Standard Profiles'!$G$19=$B$24,21,0),MOD($C8399,24)+1)/SUM(INDEX($D$3:$AA$30,INDEX(Jesper!$R$2:$R$366,ROW(INDEX(Jesper!AI$2:AI$366,ROUNDDOWN($C8399/24,0)+1,1))-1)+IF('Standard Profiles'!$G$19=$B$10,7,0)+IF('Standard Profiles'!$G$19=$B$17,14,0)+IF('Standard Profiles'!$G$19=$B$24,21,0),0)),0)</f>
        <v>3.4374424433930542</v>
      </c>
      <c r="F8399" cm="1">
        <f t="array" ref="F8399">IFERROR(INDEX(Jesper!AJ$2:AJ$366,ROUNDDOWN($C8399/24,0)+1,1)*INDEX($D$3:$AA$30,INDEX(Jesper!$R$2:$R$366,ROW(INDEX(Jesper!AJ$2:AJ$366,ROUNDDOWN($C8399/24,0)+1,1))-1)+IF('Standard Profiles'!$G$20=$B$10,7,0)+IF('Standard Profiles'!$G$20=$B$17,14,0)+IF('Standard Profiles'!$G$20=$B$24,21,0),MOD($C8399,24)+1)/SUM(INDEX($D$3:$AA$30,INDEX(Jesper!$R$2:$R$366,ROW(INDEX(Jesper!AJ$2:AJ$366,ROUNDDOWN($C8399/24,0)+1,1))-1)+IF('Standard Profiles'!$G$20=$B$10,7,0)+IF('Standard Profiles'!$G$20=$B$17,14,0)+IF('Standard Profiles'!$G$20=$B$24,21,0),0)),0)</f>
        <v>0</v>
      </c>
      <c r="G8399" cm="1">
        <f t="array" ref="G8399">IFERROR(INDEX(Jesper!AK$2:AK$366,ROUNDDOWN($C8399/24,0)+1,1)*INDEX($D$3:$AA$30,INDEX(Jesper!$R$2:$R$366,ROW(INDEX(Jesper!AK$2:AK$366,ROUNDDOWN($C8399/24,0)+1,1))-1)+IF('Standard Profiles'!$G$21=$B$10,7,0)+IF('Standard Profiles'!$G$21=$B$17,14,0)+IF('Standard Profiles'!$G$21=$B$24,21,0),MOD($C8399,24)+1)/SUM(INDEX($D$3:$AA$30,INDEX(Jesper!$R$2:$R$366,ROW(INDEX(Jesper!AK$2:AK$366,ROUNDDOWN($C8399/24,0)+1,1))-1)+IF('Standard Profiles'!$G$21=$B$10,7,0)+IF('Standard Profiles'!$G$21=$B$17,14,0)+IF('Standard Profiles'!$G$21=$B$24,21,0),0)),0)</f>
        <v>0</v>
      </c>
      <c r="H8399" cm="1">
        <f t="array" ref="H8399">IFERROR(INDEX(Jesper!AL$2:AL$366,ROUNDDOWN($C8399/24,0)+1,1)*INDEX($D$3:$AA$30,INDEX(Jesper!$R$2:$R$366,ROW(INDEX(Jesper!AL$2:AL$366,ROUNDDOWN($C8399/24,0)+1,1))-1)+IF('Standard Profiles'!$G$22=$B$10,7,0)+IF('Standard Profiles'!$G$22=$B$17,14,0)+IF('Standard Profiles'!$G$22=$B$24,21,0),MOD($C8399,24)+1)/SUM(INDEX($D$3:$AA$30,INDEX(Jesper!$R$2:$R$366,ROW(INDEX(Jesper!AL$2:AL$366,ROUNDDOWN($C8399/24,0)+1,1))-1)+IF('Standard Profiles'!$G$22=$B$10,7,0)+IF('Standard Profiles'!$G$22=$B$17,14,0)+IF('Standard Profiles'!$G$22=$B$24,21,0),0)),0)</f>
        <v>0</v>
      </c>
      <c r="I8399">
        <f t="shared" si="930"/>
        <v>0.30967949940477973</v>
      </c>
      <c r="J8399">
        <f t="shared" si="931"/>
        <v>1.0322649980159326</v>
      </c>
      <c r="K8399">
        <f t="shared" si="932"/>
        <v>1.5483974970238989</v>
      </c>
      <c r="L8399">
        <f t="shared" si="933"/>
        <v>15.492262111486028</v>
      </c>
      <c r="M8399">
        <f t="shared" si="934"/>
        <v>0</v>
      </c>
      <c r="N8399" s="46">
        <f t="shared" si="935"/>
        <v>45640.541666646379</v>
      </c>
    </row>
    <row r="8400" spans="2:14" x14ac:dyDescent="0.3">
      <c r="B8400">
        <f t="shared" si="929"/>
        <v>6</v>
      </c>
      <c r="C8400" s="16">
        <v>8366</v>
      </c>
      <c r="D8400" cm="1">
        <f t="array" ref="D8400">IFERROR(INDEX(Jesper!AH$2:AH$366,ROUNDDOWN($C8400/24,0)+1,1)*INDEX($D$3:$AA$30,INDEX(Jesper!$R$2:$R$366,ROW(INDEX(Jesper!AH$2:AH$366,ROUNDDOWN($C8400/24,0)+1,1))-1)+IF('Standard Profiles'!$G$18=$B$10,7,0)+IF('Standard Profiles'!$G$18=$B$17,14,0)+IF('Standard Profiles'!$G$18=$B$24,21,0),MOD($C8400,24)+1)/SUM(INDEX($D$3:$AA$30,INDEX(Jesper!$R$2:$R$366,ROW(INDEX(Jesper!AH$2:AH$366,ROUNDDOWN($C8400/24,0)+1,1))-1)+IF('Standard Profiles'!$G$18=$B$10,7,0)+IF('Standard Profiles'!$G$18=$B$17,14,0)+IF('Standard Profiles'!$G$18=$B$24,21,0),0)),0)</f>
        <v>14.945161662537584</v>
      </c>
      <c r="E8400" cm="1">
        <f t="array" ref="E8400">IFERROR(INDEX(Jesper!AI$2:AI$366,ROUNDDOWN($C8400/24,0)+1,1)*INDEX($D$3:$AA$30,INDEX(Jesper!$R$2:$R$366,ROW(INDEX(Jesper!AI$2:AI$366,ROUNDDOWN($C8400/24,0)+1,1))-1)+IF('Standard Profiles'!$G$19=$B$10,7,0)+IF('Standard Profiles'!$G$19=$B$17,14,0)+IF('Standard Profiles'!$G$19=$B$24,21,0),MOD($C8400,24)+1)/SUM(INDEX($D$3:$AA$30,INDEX(Jesper!$R$2:$R$366,ROW(INDEX(Jesper!AI$2:AI$366,ROUNDDOWN($C8400/24,0)+1,1))-1)+IF('Standard Profiles'!$G$19=$B$10,7,0)+IF('Standard Profiles'!$G$19=$B$17,14,0)+IF('Standard Profiles'!$G$19=$B$24,21,0),0)),0)</f>
        <v>3.4374424433930542</v>
      </c>
      <c r="F8400" cm="1">
        <f t="array" ref="F8400">IFERROR(INDEX(Jesper!AJ$2:AJ$366,ROUNDDOWN($C8400/24,0)+1,1)*INDEX($D$3:$AA$30,INDEX(Jesper!$R$2:$R$366,ROW(INDEX(Jesper!AJ$2:AJ$366,ROUNDDOWN($C8400/24,0)+1,1))-1)+IF('Standard Profiles'!$G$20=$B$10,7,0)+IF('Standard Profiles'!$G$20=$B$17,14,0)+IF('Standard Profiles'!$G$20=$B$24,21,0),MOD($C8400,24)+1)/SUM(INDEX($D$3:$AA$30,INDEX(Jesper!$R$2:$R$366,ROW(INDEX(Jesper!AJ$2:AJ$366,ROUNDDOWN($C8400/24,0)+1,1))-1)+IF('Standard Profiles'!$G$20=$B$10,7,0)+IF('Standard Profiles'!$G$20=$B$17,14,0)+IF('Standard Profiles'!$G$20=$B$24,21,0),0)),0)</f>
        <v>0</v>
      </c>
      <c r="G8400" cm="1">
        <f t="array" ref="G8400">IFERROR(INDEX(Jesper!AK$2:AK$366,ROUNDDOWN($C8400/24,0)+1,1)*INDEX($D$3:$AA$30,INDEX(Jesper!$R$2:$R$366,ROW(INDEX(Jesper!AK$2:AK$366,ROUNDDOWN($C8400/24,0)+1,1))-1)+IF('Standard Profiles'!$G$21=$B$10,7,0)+IF('Standard Profiles'!$G$21=$B$17,14,0)+IF('Standard Profiles'!$G$21=$B$24,21,0),MOD($C8400,24)+1)/SUM(INDEX($D$3:$AA$30,INDEX(Jesper!$R$2:$R$366,ROW(INDEX(Jesper!AK$2:AK$366,ROUNDDOWN($C8400/24,0)+1,1))-1)+IF('Standard Profiles'!$G$21=$B$10,7,0)+IF('Standard Profiles'!$G$21=$B$17,14,0)+IF('Standard Profiles'!$G$21=$B$24,21,0),0)),0)</f>
        <v>0</v>
      </c>
      <c r="H8400" cm="1">
        <f t="array" ref="H8400">IFERROR(INDEX(Jesper!AL$2:AL$366,ROUNDDOWN($C8400/24,0)+1,1)*INDEX($D$3:$AA$30,INDEX(Jesper!$R$2:$R$366,ROW(INDEX(Jesper!AL$2:AL$366,ROUNDDOWN($C8400/24,0)+1,1))-1)+IF('Standard Profiles'!$G$22=$B$10,7,0)+IF('Standard Profiles'!$G$22=$B$17,14,0)+IF('Standard Profiles'!$G$22=$B$24,21,0),MOD($C8400,24)+1)/SUM(INDEX($D$3:$AA$30,INDEX(Jesper!$R$2:$R$366,ROW(INDEX(Jesper!AL$2:AL$366,ROUNDDOWN($C8400/24,0)+1,1))-1)+IF('Standard Profiles'!$G$22=$B$10,7,0)+IF('Standard Profiles'!$G$22=$B$17,14,0)+IF('Standard Profiles'!$G$22=$B$24,21,0),0)),0)</f>
        <v>0</v>
      </c>
      <c r="I8400">
        <f t="shared" si="930"/>
        <v>0.30967949940477973</v>
      </c>
      <c r="J8400">
        <f t="shared" si="931"/>
        <v>1.0322649980159326</v>
      </c>
      <c r="K8400">
        <f t="shared" si="932"/>
        <v>1.5483974970238989</v>
      </c>
      <c r="L8400">
        <f t="shared" si="933"/>
        <v>15.492262111486028</v>
      </c>
      <c r="M8400">
        <f t="shared" si="934"/>
        <v>0</v>
      </c>
      <c r="N8400" s="46">
        <f t="shared" si="935"/>
        <v>45640.583333313043</v>
      </c>
    </row>
    <row r="8401" spans="2:14" x14ac:dyDescent="0.3">
      <c r="B8401">
        <f t="shared" si="929"/>
        <v>6</v>
      </c>
      <c r="C8401" s="16">
        <v>8367</v>
      </c>
      <c r="D8401" cm="1">
        <f t="array" ref="D8401">IFERROR(INDEX(Jesper!AH$2:AH$366,ROUNDDOWN($C8401/24,0)+1,1)*INDEX($D$3:$AA$30,INDEX(Jesper!$R$2:$R$366,ROW(INDEX(Jesper!AH$2:AH$366,ROUNDDOWN($C8401/24,0)+1,1))-1)+IF('Standard Profiles'!$G$18=$B$10,7,0)+IF('Standard Profiles'!$G$18=$B$17,14,0)+IF('Standard Profiles'!$G$18=$B$24,21,0),MOD($C8401,24)+1)/SUM(INDEX($D$3:$AA$30,INDEX(Jesper!$R$2:$R$366,ROW(INDEX(Jesper!AH$2:AH$366,ROUNDDOWN($C8401/24,0)+1,1))-1)+IF('Standard Profiles'!$G$18=$B$10,7,0)+IF('Standard Profiles'!$G$18=$B$17,14,0)+IF('Standard Profiles'!$G$18=$B$24,21,0),0)),0)</f>
        <v>13.512063968869597</v>
      </c>
      <c r="E8401" cm="1">
        <f t="array" ref="E8401">IFERROR(INDEX(Jesper!AI$2:AI$366,ROUNDDOWN($C8401/24,0)+1,1)*INDEX($D$3:$AA$30,INDEX(Jesper!$R$2:$R$366,ROW(INDEX(Jesper!AI$2:AI$366,ROUNDDOWN($C8401/24,0)+1,1))-1)+IF('Standard Profiles'!$G$19=$B$10,7,0)+IF('Standard Profiles'!$G$19=$B$17,14,0)+IF('Standard Profiles'!$G$19=$B$24,21,0),MOD($C8401,24)+1)/SUM(INDEX($D$3:$AA$30,INDEX(Jesper!$R$2:$R$366,ROW(INDEX(Jesper!AI$2:AI$366,ROUNDDOWN($C8401/24,0)+1,1))-1)+IF('Standard Profiles'!$G$19=$B$10,7,0)+IF('Standard Profiles'!$G$19=$B$17,14,0)+IF('Standard Profiles'!$G$19=$B$24,21,0),0)),0)</f>
        <v>3.1078246748485148</v>
      </c>
      <c r="F8401" cm="1">
        <f t="array" ref="F8401">IFERROR(INDEX(Jesper!AJ$2:AJ$366,ROUNDDOWN($C8401/24,0)+1,1)*INDEX($D$3:$AA$30,INDEX(Jesper!$R$2:$R$366,ROW(INDEX(Jesper!AJ$2:AJ$366,ROUNDDOWN($C8401/24,0)+1,1))-1)+IF('Standard Profiles'!$G$20=$B$10,7,0)+IF('Standard Profiles'!$G$20=$B$17,14,0)+IF('Standard Profiles'!$G$20=$B$24,21,0),MOD($C8401,24)+1)/SUM(INDEX($D$3:$AA$30,INDEX(Jesper!$R$2:$R$366,ROW(INDEX(Jesper!AJ$2:AJ$366,ROUNDDOWN($C8401/24,0)+1,1))-1)+IF('Standard Profiles'!$G$20=$B$10,7,0)+IF('Standard Profiles'!$G$20=$B$17,14,0)+IF('Standard Profiles'!$G$20=$B$24,21,0),0)),0)</f>
        <v>0</v>
      </c>
      <c r="G8401" cm="1">
        <f t="array" ref="G8401">IFERROR(INDEX(Jesper!AK$2:AK$366,ROUNDDOWN($C8401/24,0)+1,1)*INDEX($D$3:$AA$30,INDEX(Jesper!$R$2:$R$366,ROW(INDEX(Jesper!AK$2:AK$366,ROUNDDOWN($C8401/24,0)+1,1))-1)+IF('Standard Profiles'!$G$21=$B$10,7,0)+IF('Standard Profiles'!$G$21=$B$17,14,0)+IF('Standard Profiles'!$G$21=$B$24,21,0),MOD($C8401,24)+1)/SUM(INDEX($D$3:$AA$30,INDEX(Jesper!$R$2:$R$366,ROW(INDEX(Jesper!AK$2:AK$366,ROUNDDOWN($C8401/24,0)+1,1))-1)+IF('Standard Profiles'!$G$21=$B$10,7,0)+IF('Standard Profiles'!$G$21=$B$17,14,0)+IF('Standard Profiles'!$G$21=$B$24,21,0),0)),0)</f>
        <v>0</v>
      </c>
      <c r="H8401" cm="1">
        <f t="array" ref="H8401">IFERROR(INDEX(Jesper!AL$2:AL$366,ROUNDDOWN($C8401/24,0)+1,1)*INDEX($D$3:$AA$30,INDEX(Jesper!$R$2:$R$366,ROW(INDEX(Jesper!AL$2:AL$366,ROUNDDOWN($C8401/24,0)+1,1))-1)+IF('Standard Profiles'!$G$22=$B$10,7,0)+IF('Standard Profiles'!$G$22=$B$17,14,0)+IF('Standard Profiles'!$G$22=$B$24,21,0),MOD($C8401,24)+1)/SUM(INDEX($D$3:$AA$30,INDEX(Jesper!$R$2:$R$366,ROW(INDEX(Jesper!AL$2:AL$366,ROUNDDOWN($C8401/24,0)+1,1))-1)+IF('Standard Profiles'!$G$22=$B$10,7,0)+IF('Standard Profiles'!$G$22=$B$17,14,0)+IF('Standard Profiles'!$G$22=$B$24,21,0),0)),0)</f>
        <v>0</v>
      </c>
      <c r="I8401">
        <f t="shared" si="930"/>
        <v>0.27998420494130771</v>
      </c>
      <c r="J8401">
        <f t="shared" si="931"/>
        <v>0.93328068313769252</v>
      </c>
      <c r="K8401">
        <f t="shared" si="932"/>
        <v>1.3999210247065388</v>
      </c>
      <c r="L8401">
        <f t="shared" si="933"/>
        <v>14.006702730932574</v>
      </c>
      <c r="M8401">
        <f t="shared" si="934"/>
        <v>0</v>
      </c>
      <c r="N8401" s="46">
        <f t="shared" si="935"/>
        <v>45640.624999979707</v>
      </c>
    </row>
    <row r="8402" spans="2:14" x14ac:dyDescent="0.3">
      <c r="B8402">
        <f t="shared" si="929"/>
        <v>6</v>
      </c>
      <c r="C8402" s="16">
        <v>8368</v>
      </c>
      <c r="D8402" cm="1">
        <f t="array" ref="D8402">IFERROR(INDEX(Jesper!AH$2:AH$366,ROUNDDOWN($C8402/24,0)+1,1)*INDEX($D$3:$AA$30,INDEX(Jesper!$R$2:$R$366,ROW(INDEX(Jesper!AH$2:AH$366,ROUNDDOWN($C8402/24,0)+1,1))-1)+IF('Standard Profiles'!$G$18=$B$10,7,0)+IF('Standard Profiles'!$G$18=$B$17,14,0)+IF('Standard Profiles'!$G$18=$B$24,21,0),MOD($C8402,24)+1)/SUM(INDEX($D$3:$AA$30,INDEX(Jesper!$R$2:$R$366,ROW(INDEX(Jesper!AH$2:AH$366,ROUNDDOWN($C8402/24,0)+1,1))-1)+IF('Standard Profiles'!$G$18=$B$10,7,0)+IF('Standard Profiles'!$G$18=$B$17,14,0)+IF('Standard Profiles'!$G$18=$B$24,21,0),0)),0)</f>
        <v>12.28369451715418</v>
      </c>
      <c r="E8402" cm="1">
        <f t="array" ref="E8402">IFERROR(INDEX(Jesper!AI$2:AI$366,ROUNDDOWN($C8402/24,0)+1,1)*INDEX($D$3:$AA$30,INDEX(Jesper!$R$2:$R$366,ROW(INDEX(Jesper!AI$2:AI$366,ROUNDDOWN($C8402/24,0)+1,1))-1)+IF('Standard Profiles'!$G$19=$B$10,7,0)+IF('Standard Profiles'!$G$19=$B$17,14,0)+IF('Standard Profiles'!$G$19=$B$24,21,0),MOD($C8402,24)+1)/SUM(INDEX($D$3:$AA$30,INDEX(Jesper!$R$2:$R$366,ROW(INDEX(Jesper!AI$2:AI$366,ROUNDDOWN($C8402/24,0)+1,1))-1)+IF('Standard Profiles'!$G$19=$B$10,7,0)+IF('Standard Profiles'!$G$19=$B$17,14,0)+IF('Standard Profiles'!$G$19=$B$24,21,0),0)),0)</f>
        <v>2.8252951589531952</v>
      </c>
      <c r="F8402" cm="1">
        <f t="array" ref="F8402">IFERROR(INDEX(Jesper!AJ$2:AJ$366,ROUNDDOWN($C8402/24,0)+1,1)*INDEX($D$3:$AA$30,INDEX(Jesper!$R$2:$R$366,ROW(INDEX(Jesper!AJ$2:AJ$366,ROUNDDOWN($C8402/24,0)+1,1))-1)+IF('Standard Profiles'!$G$20=$B$10,7,0)+IF('Standard Profiles'!$G$20=$B$17,14,0)+IF('Standard Profiles'!$G$20=$B$24,21,0),MOD($C8402,24)+1)/SUM(INDEX($D$3:$AA$30,INDEX(Jesper!$R$2:$R$366,ROW(INDEX(Jesper!AJ$2:AJ$366,ROUNDDOWN($C8402/24,0)+1,1))-1)+IF('Standard Profiles'!$G$20=$B$10,7,0)+IF('Standard Profiles'!$G$20=$B$17,14,0)+IF('Standard Profiles'!$G$20=$B$24,21,0),0)),0)</f>
        <v>0</v>
      </c>
      <c r="G8402" cm="1">
        <f t="array" ref="G8402">IFERROR(INDEX(Jesper!AK$2:AK$366,ROUNDDOWN($C8402/24,0)+1,1)*INDEX($D$3:$AA$30,INDEX(Jesper!$R$2:$R$366,ROW(INDEX(Jesper!AK$2:AK$366,ROUNDDOWN($C8402/24,0)+1,1))-1)+IF('Standard Profiles'!$G$21=$B$10,7,0)+IF('Standard Profiles'!$G$21=$B$17,14,0)+IF('Standard Profiles'!$G$21=$B$24,21,0),MOD($C8402,24)+1)/SUM(INDEX($D$3:$AA$30,INDEX(Jesper!$R$2:$R$366,ROW(INDEX(Jesper!AK$2:AK$366,ROUNDDOWN($C8402/24,0)+1,1))-1)+IF('Standard Profiles'!$G$21=$B$10,7,0)+IF('Standard Profiles'!$G$21=$B$17,14,0)+IF('Standard Profiles'!$G$21=$B$24,21,0),0)),0)</f>
        <v>0</v>
      </c>
      <c r="H8402" cm="1">
        <f t="array" ref="H8402">IFERROR(INDEX(Jesper!AL$2:AL$366,ROUNDDOWN($C8402/24,0)+1,1)*INDEX($D$3:$AA$30,INDEX(Jesper!$R$2:$R$366,ROW(INDEX(Jesper!AL$2:AL$366,ROUNDDOWN($C8402/24,0)+1,1))-1)+IF('Standard Profiles'!$G$22=$B$10,7,0)+IF('Standard Profiles'!$G$22=$B$17,14,0)+IF('Standard Profiles'!$G$22=$B$24,21,0),MOD($C8402,24)+1)/SUM(INDEX($D$3:$AA$30,INDEX(Jesper!$R$2:$R$366,ROW(INDEX(Jesper!AL$2:AL$366,ROUNDDOWN($C8402/24,0)+1,1))-1)+IF('Standard Profiles'!$G$22=$B$10,7,0)+IF('Standard Profiles'!$G$22=$B$17,14,0)+IF('Standard Profiles'!$G$22=$B$24,21,0),0)),0)</f>
        <v>0</v>
      </c>
      <c r="I8402">
        <f t="shared" si="930"/>
        <v>0.25453109540118884</v>
      </c>
      <c r="J8402">
        <f t="shared" si="931"/>
        <v>0.84843698467062956</v>
      </c>
      <c r="K8402">
        <f t="shared" si="932"/>
        <v>1.2726554770059442</v>
      </c>
      <c r="L8402">
        <f t="shared" si="933"/>
        <v>12.733366119029613</v>
      </c>
      <c r="M8402">
        <f t="shared" si="934"/>
        <v>0</v>
      </c>
      <c r="N8402" s="46">
        <f t="shared" si="935"/>
        <v>45640.666666646372</v>
      </c>
    </row>
    <row r="8403" spans="2:14" x14ac:dyDescent="0.3">
      <c r="B8403">
        <f t="shared" si="929"/>
        <v>6</v>
      </c>
      <c r="C8403" s="16">
        <v>8369</v>
      </c>
      <c r="D8403" cm="1">
        <f t="array" ref="D8403">IFERROR(INDEX(Jesper!AH$2:AH$366,ROUNDDOWN($C8403/24,0)+1,1)*INDEX($D$3:$AA$30,INDEX(Jesper!$R$2:$R$366,ROW(INDEX(Jesper!AH$2:AH$366,ROUNDDOWN($C8403/24,0)+1,1))-1)+IF('Standard Profiles'!$G$18=$B$10,7,0)+IF('Standard Profiles'!$G$18=$B$17,14,0)+IF('Standard Profiles'!$G$18=$B$24,21,0),MOD($C8403,24)+1)/SUM(INDEX($D$3:$AA$30,INDEX(Jesper!$R$2:$R$366,ROW(INDEX(Jesper!AH$2:AH$366,ROUNDDOWN($C8403/24,0)+1,1))-1)+IF('Standard Profiles'!$G$18=$B$10,7,0)+IF('Standard Profiles'!$G$18=$B$17,14,0)+IF('Standard Profiles'!$G$18=$B$24,21,0),0)),0)</f>
        <v>11.055325065438762</v>
      </c>
      <c r="E8403" cm="1">
        <f t="array" ref="E8403">IFERROR(INDEX(Jesper!AI$2:AI$366,ROUNDDOWN($C8403/24,0)+1,1)*INDEX($D$3:$AA$30,INDEX(Jesper!$R$2:$R$366,ROW(INDEX(Jesper!AI$2:AI$366,ROUNDDOWN($C8403/24,0)+1,1))-1)+IF('Standard Profiles'!$G$19=$B$10,7,0)+IF('Standard Profiles'!$G$19=$B$17,14,0)+IF('Standard Profiles'!$G$19=$B$24,21,0),MOD($C8403,24)+1)/SUM(INDEX($D$3:$AA$30,INDEX(Jesper!$R$2:$R$366,ROW(INDEX(Jesper!AI$2:AI$366,ROUNDDOWN($C8403/24,0)+1,1))-1)+IF('Standard Profiles'!$G$19=$B$10,7,0)+IF('Standard Profiles'!$G$19=$B$17,14,0)+IF('Standard Profiles'!$G$19=$B$24,21,0),0)),0)</f>
        <v>2.5427656430578756</v>
      </c>
      <c r="F8403" cm="1">
        <f t="array" ref="F8403">IFERROR(INDEX(Jesper!AJ$2:AJ$366,ROUNDDOWN($C8403/24,0)+1,1)*INDEX($D$3:$AA$30,INDEX(Jesper!$R$2:$R$366,ROW(INDEX(Jesper!AJ$2:AJ$366,ROUNDDOWN($C8403/24,0)+1,1))-1)+IF('Standard Profiles'!$G$20=$B$10,7,0)+IF('Standard Profiles'!$G$20=$B$17,14,0)+IF('Standard Profiles'!$G$20=$B$24,21,0),MOD($C8403,24)+1)/SUM(INDEX($D$3:$AA$30,INDEX(Jesper!$R$2:$R$366,ROW(INDEX(Jesper!AJ$2:AJ$366,ROUNDDOWN($C8403/24,0)+1,1))-1)+IF('Standard Profiles'!$G$20=$B$10,7,0)+IF('Standard Profiles'!$G$20=$B$17,14,0)+IF('Standard Profiles'!$G$20=$B$24,21,0),0)),0)</f>
        <v>0</v>
      </c>
      <c r="G8403" cm="1">
        <f t="array" ref="G8403">IFERROR(INDEX(Jesper!AK$2:AK$366,ROUNDDOWN($C8403/24,0)+1,1)*INDEX($D$3:$AA$30,INDEX(Jesper!$R$2:$R$366,ROW(INDEX(Jesper!AK$2:AK$366,ROUNDDOWN($C8403/24,0)+1,1))-1)+IF('Standard Profiles'!$G$21=$B$10,7,0)+IF('Standard Profiles'!$G$21=$B$17,14,0)+IF('Standard Profiles'!$G$21=$B$24,21,0),MOD($C8403,24)+1)/SUM(INDEX($D$3:$AA$30,INDEX(Jesper!$R$2:$R$366,ROW(INDEX(Jesper!AK$2:AK$366,ROUNDDOWN($C8403/24,0)+1,1))-1)+IF('Standard Profiles'!$G$21=$B$10,7,0)+IF('Standard Profiles'!$G$21=$B$17,14,0)+IF('Standard Profiles'!$G$21=$B$24,21,0),0)),0)</f>
        <v>0</v>
      </c>
      <c r="H8403" cm="1">
        <f t="array" ref="H8403">IFERROR(INDEX(Jesper!AL$2:AL$366,ROUNDDOWN($C8403/24,0)+1,1)*INDEX($D$3:$AA$30,INDEX(Jesper!$R$2:$R$366,ROW(INDEX(Jesper!AL$2:AL$366,ROUNDDOWN($C8403/24,0)+1,1))-1)+IF('Standard Profiles'!$G$22=$B$10,7,0)+IF('Standard Profiles'!$G$22=$B$17,14,0)+IF('Standard Profiles'!$G$22=$B$24,21,0),MOD($C8403,24)+1)/SUM(INDEX($D$3:$AA$30,INDEX(Jesper!$R$2:$R$366,ROW(INDEX(Jesper!AL$2:AL$366,ROUNDDOWN($C8403/24,0)+1,1))-1)+IF('Standard Profiles'!$G$22=$B$10,7,0)+IF('Standard Profiles'!$G$22=$B$17,14,0)+IF('Standard Profiles'!$G$22=$B$24,21,0),0)),0)</f>
        <v>0</v>
      </c>
      <c r="I8403">
        <f t="shared" si="930"/>
        <v>0.22907798586106992</v>
      </c>
      <c r="J8403">
        <f t="shared" si="931"/>
        <v>0.76359328620356648</v>
      </c>
      <c r="K8403">
        <f t="shared" si="932"/>
        <v>1.1453899293053498</v>
      </c>
      <c r="L8403">
        <f t="shared" si="933"/>
        <v>11.460029507126652</v>
      </c>
      <c r="M8403">
        <f t="shared" si="934"/>
        <v>0</v>
      </c>
      <c r="N8403" s="46">
        <f t="shared" si="935"/>
        <v>45640.708333313036</v>
      </c>
    </row>
    <row r="8404" spans="2:14" x14ac:dyDescent="0.3">
      <c r="B8404">
        <f t="shared" si="929"/>
        <v>6</v>
      </c>
      <c r="C8404" s="16">
        <v>8370</v>
      </c>
      <c r="D8404" cm="1">
        <f t="array" ref="D8404">IFERROR(INDEX(Jesper!AH$2:AH$366,ROUNDDOWN($C8404/24,0)+1,1)*INDEX($D$3:$AA$30,INDEX(Jesper!$R$2:$R$366,ROW(INDEX(Jesper!AH$2:AH$366,ROUNDDOWN($C8404/24,0)+1,1))-1)+IF('Standard Profiles'!$G$18=$B$10,7,0)+IF('Standard Profiles'!$G$18=$B$17,14,0)+IF('Standard Profiles'!$G$18=$B$24,21,0),MOD($C8404,24)+1)/SUM(INDEX($D$3:$AA$30,INDEX(Jesper!$R$2:$R$366,ROW(INDEX(Jesper!AH$2:AH$366,ROUNDDOWN($C8404/24,0)+1,1))-1)+IF('Standard Profiles'!$G$18=$B$10,7,0)+IF('Standard Profiles'!$G$18=$B$17,14,0)+IF('Standard Profiles'!$G$18=$B$24,21,0),0)),0)</f>
        <v>10.645868581533621</v>
      </c>
      <c r="E8404" cm="1">
        <f t="array" ref="E8404">IFERROR(INDEX(Jesper!AI$2:AI$366,ROUNDDOWN($C8404/24,0)+1,1)*INDEX($D$3:$AA$30,INDEX(Jesper!$R$2:$R$366,ROW(INDEX(Jesper!AI$2:AI$366,ROUNDDOWN($C8404/24,0)+1,1))-1)+IF('Standard Profiles'!$G$19=$B$10,7,0)+IF('Standard Profiles'!$G$19=$B$17,14,0)+IF('Standard Profiles'!$G$19=$B$24,21,0),MOD($C8404,24)+1)/SUM(INDEX($D$3:$AA$30,INDEX(Jesper!$R$2:$R$366,ROW(INDEX(Jesper!AI$2:AI$366,ROUNDDOWN($C8404/24,0)+1,1))-1)+IF('Standard Profiles'!$G$19=$B$10,7,0)+IF('Standard Profiles'!$G$19=$B$17,14,0)+IF('Standard Profiles'!$G$19=$B$24,21,0),0)),0)</f>
        <v>2.4485891377594355</v>
      </c>
      <c r="F8404" cm="1">
        <f t="array" ref="F8404">IFERROR(INDEX(Jesper!AJ$2:AJ$366,ROUNDDOWN($C8404/24,0)+1,1)*INDEX($D$3:$AA$30,INDEX(Jesper!$R$2:$R$366,ROW(INDEX(Jesper!AJ$2:AJ$366,ROUNDDOWN($C8404/24,0)+1,1))-1)+IF('Standard Profiles'!$G$20=$B$10,7,0)+IF('Standard Profiles'!$G$20=$B$17,14,0)+IF('Standard Profiles'!$G$20=$B$24,21,0),MOD($C8404,24)+1)/SUM(INDEX($D$3:$AA$30,INDEX(Jesper!$R$2:$R$366,ROW(INDEX(Jesper!AJ$2:AJ$366,ROUNDDOWN($C8404/24,0)+1,1))-1)+IF('Standard Profiles'!$G$20=$B$10,7,0)+IF('Standard Profiles'!$G$20=$B$17,14,0)+IF('Standard Profiles'!$G$20=$B$24,21,0),0)),0)</f>
        <v>0</v>
      </c>
      <c r="G8404" cm="1">
        <f t="array" ref="G8404">IFERROR(INDEX(Jesper!AK$2:AK$366,ROUNDDOWN($C8404/24,0)+1,1)*INDEX($D$3:$AA$30,INDEX(Jesper!$R$2:$R$366,ROW(INDEX(Jesper!AK$2:AK$366,ROUNDDOWN($C8404/24,0)+1,1))-1)+IF('Standard Profiles'!$G$21=$B$10,7,0)+IF('Standard Profiles'!$G$21=$B$17,14,0)+IF('Standard Profiles'!$G$21=$B$24,21,0),MOD($C8404,24)+1)/SUM(INDEX($D$3:$AA$30,INDEX(Jesper!$R$2:$R$366,ROW(INDEX(Jesper!AK$2:AK$366,ROUNDDOWN($C8404/24,0)+1,1))-1)+IF('Standard Profiles'!$G$21=$B$10,7,0)+IF('Standard Profiles'!$G$21=$B$17,14,0)+IF('Standard Profiles'!$G$21=$B$24,21,0),0)),0)</f>
        <v>0</v>
      </c>
      <c r="H8404" cm="1">
        <f t="array" ref="H8404">IFERROR(INDEX(Jesper!AL$2:AL$366,ROUNDDOWN($C8404/24,0)+1,1)*INDEX($D$3:$AA$30,INDEX(Jesper!$R$2:$R$366,ROW(INDEX(Jesper!AL$2:AL$366,ROUNDDOWN($C8404/24,0)+1,1))-1)+IF('Standard Profiles'!$G$22=$B$10,7,0)+IF('Standard Profiles'!$G$22=$B$17,14,0)+IF('Standard Profiles'!$G$22=$B$24,21,0),MOD($C8404,24)+1)/SUM(INDEX($D$3:$AA$30,INDEX(Jesper!$R$2:$R$366,ROW(INDEX(Jesper!AL$2:AL$366,ROUNDDOWN($C8404/24,0)+1,1))-1)+IF('Standard Profiles'!$G$22=$B$10,7,0)+IF('Standard Profiles'!$G$22=$B$17,14,0)+IF('Standard Profiles'!$G$22=$B$24,21,0),0)),0)</f>
        <v>0</v>
      </c>
      <c r="I8404">
        <f t="shared" si="930"/>
        <v>0.22059361601436361</v>
      </c>
      <c r="J8404">
        <f t="shared" si="931"/>
        <v>0.73531205338121219</v>
      </c>
      <c r="K8404">
        <f t="shared" si="932"/>
        <v>1.1029680800718182</v>
      </c>
      <c r="L8404">
        <f t="shared" si="933"/>
        <v>11.035583969825662</v>
      </c>
      <c r="M8404">
        <f t="shared" si="934"/>
        <v>0</v>
      </c>
      <c r="N8404" s="46">
        <f t="shared" si="935"/>
        <v>45640.7499999797</v>
      </c>
    </row>
    <row r="8405" spans="2:14" x14ac:dyDescent="0.3">
      <c r="B8405">
        <f t="shared" si="929"/>
        <v>6</v>
      </c>
      <c r="C8405" s="16">
        <v>8371</v>
      </c>
      <c r="D8405" cm="1">
        <f t="array" ref="D8405">IFERROR(INDEX(Jesper!AH$2:AH$366,ROUNDDOWN($C8405/24,0)+1,1)*INDEX($D$3:$AA$30,INDEX(Jesper!$R$2:$R$366,ROW(INDEX(Jesper!AH$2:AH$366,ROUNDDOWN($C8405/24,0)+1,1))-1)+IF('Standard Profiles'!$G$18=$B$10,7,0)+IF('Standard Profiles'!$G$18=$B$17,14,0)+IF('Standard Profiles'!$G$18=$B$24,21,0),MOD($C8405,24)+1)/SUM(INDEX($D$3:$AA$30,INDEX(Jesper!$R$2:$R$366,ROW(INDEX(Jesper!AH$2:AH$366,ROUNDDOWN($C8405/24,0)+1,1))-1)+IF('Standard Profiles'!$G$18=$B$10,7,0)+IF('Standard Profiles'!$G$18=$B$17,14,0)+IF('Standard Profiles'!$G$18=$B$24,21,0),0)),0)</f>
        <v>8.5985861620079245</v>
      </c>
      <c r="E8405" cm="1">
        <f t="array" ref="E8405">IFERROR(INDEX(Jesper!AI$2:AI$366,ROUNDDOWN($C8405/24,0)+1,1)*INDEX($D$3:$AA$30,INDEX(Jesper!$R$2:$R$366,ROW(INDEX(Jesper!AI$2:AI$366,ROUNDDOWN($C8405/24,0)+1,1))-1)+IF('Standard Profiles'!$G$19=$B$10,7,0)+IF('Standard Profiles'!$G$19=$B$17,14,0)+IF('Standard Profiles'!$G$19=$B$24,21,0),MOD($C8405,24)+1)/SUM(INDEX($D$3:$AA$30,INDEX(Jesper!$R$2:$R$366,ROW(INDEX(Jesper!AI$2:AI$366,ROUNDDOWN($C8405/24,0)+1,1))-1)+IF('Standard Profiles'!$G$19=$B$10,7,0)+IF('Standard Profiles'!$G$19=$B$17,14,0)+IF('Standard Profiles'!$G$19=$B$24,21,0),0)),0)</f>
        <v>1.9777066112672363</v>
      </c>
      <c r="F8405" cm="1">
        <f t="array" ref="F8405">IFERROR(INDEX(Jesper!AJ$2:AJ$366,ROUNDDOWN($C8405/24,0)+1,1)*INDEX($D$3:$AA$30,INDEX(Jesper!$R$2:$R$366,ROW(INDEX(Jesper!AJ$2:AJ$366,ROUNDDOWN($C8405/24,0)+1,1))-1)+IF('Standard Profiles'!$G$20=$B$10,7,0)+IF('Standard Profiles'!$G$20=$B$17,14,0)+IF('Standard Profiles'!$G$20=$B$24,21,0),MOD($C8405,24)+1)/SUM(INDEX($D$3:$AA$30,INDEX(Jesper!$R$2:$R$366,ROW(INDEX(Jesper!AJ$2:AJ$366,ROUNDDOWN($C8405/24,0)+1,1))-1)+IF('Standard Profiles'!$G$20=$B$10,7,0)+IF('Standard Profiles'!$G$20=$B$17,14,0)+IF('Standard Profiles'!$G$20=$B$24,21,0),0)),0)</f>
        <v>0</v>
      </c>
      <c r="G8405" cm="1">
        <f t="array" ref="G8405">IFERROR(INDEX(Jesper!AK$2:AK$366,ROUNDDOWN($C8405/24,0)+1,1)*INDEX($D$3:$AA$30,INDEX(Jesper!$R$2:$R$366,ROW(INDEX(Jesper!AK$2:AK$366,ROUNDDOWN($C8405/24,0)+1,1))-1)+IF('Standard Profiles'!$G$21=$B$10,7,0)+IF('Standard Profiles'!$G$21=$B$17,14,0)+IF('Standard Profiles'!$G$21=$B$24,21,0),MOD($C8405,24)+1)/SUM(INDEX($D$3:$AA$30,INDEX(Jesper!$R$2:$R$366,ROW(INDEX(Jesper!AK$2:AK$366,ROUNDDOWN($C8405/24,0)+1,1))-1)+IF('Standard Profiles'!$G$21=$B$10,7,0)+IF('Standard Profiles'!$G$21=$B$17,14,0)+IF('Standard Profiles'!$G$21=$B$24,21,0),0)),0)</f>
        <v>0</v>
      </c>
      <c r="H8405" cm="1">
        <f t="array" ref="H8405">IFERROR(INDEX(Jesper!AL$2:AL$366,ROUNDDOWN($C8405/24,0)+1,1)*INDEX($D$3:$AA$30,INDEX(Jesper!$R$2:$R$366,ROW(INDEX(Jesper!AL$2:AL$366,ROUNDDOWN($C8405/24,0)+1,1))-1)+IF('Standard Profiles'!$G$22=$B$10,7,0)+IF('Standard Profiles'!$G$22=$B$17,14,0)+IF('Standard Profiles'!$G$22=$B$24,21,0),MOD($C8405,24)+1)/SUM(INDEX($D$3:$AA$30,INDEX(Jesper!$R$2:$R$366,ROW(INDEX(Jesper!AL$2:AL$366,ROUNDDOWN($C8405/24,0)+1,1))-1)+IF('Standard Profiles'!$G$22=$B$10,7,0)+IF('Standard Profiles'!$G$22=$B$17,14,0)+IF('Standard Profiles'!$G$22=$B$24,21,0),0)),0)</f>
        <v>0</v>
      </c>
      <c r="I8405">
        <f t="shared" si="930"/>
        <v>0.17817176678083216</v>
      </c>
      <c r="J8405">
        <f t="shared" si="931"/>
        <v>0.59390588926944055</v>
      </c>
      <c r="K8405">
        <f t="shared" si="932"/>
        <v>0.89085883390416087</v>
      </c>
      <c r="L8405">
        <f t="shared" si="933"/>
        <v>8.9133562833207272</v>
      </c>
      <c r="M8405">
        <f t="shared" si="934"/>
        <v>0</v>
      </c>
      <c r="N8405" s="46">
        <f t="shared" si="935"/>
        <v>45640.791666646364</v>
      </c>
    </row>
    <row r="8406" spans="2:14" x14ac:dyDescent="0.3">
      <c r="B8406">
        <f t="shared" si="929"/>
        <v>6</v>
      </c>
      <c r="C8406" s="16">
        <v>8372</v>
      </c>
      <c r="D8406" cm="1">
        <f t="array" ref="D8406">IFERROR(INDEX(Jesper!AH$2:AH$366,ROUNDDOWN($C8406/24,0)+1,1)*INDEX($D$3:$AA$30,INDEX(Jesper!$R$2:$R$366,ROW(INDEX(Jesper!AH$2:AH$366,ROUNDDOWN($C8406/24,0)+1,1))-1)+IF('Standard Profiles'!$G$18=$B$10,7,0)+IF('Standard Profiles'!$G$18=$B$17,14,0)+IF('Standard Profiles'!$G$18=$B$24,21,0),MOD($C8406,24)+1)/SUM(INDEX($D$3:$AA$30,INDEX(Jesper!$R$2:$R$366,ROW(INDEX(Jesper!AH$2:AH$366,ROUNDDOWN($C8406/24,0)+1,1))-1)+IF('Standard Profiles'!$G$18=$B$10,7,0)+IF('Standard Profiles'!$G$18=$B$17,14,0)+IF('Standard Profiles'!$G$18=$B$24,21,0),0)),0)</f>
        <v>6.3465755005296582</v>
      </c>
      <c r="E8406" cm="1">
        <f t="array" ref="E8406">IFERROR(INDEX(Jesper!AI$2:AI$366,ROUNDDOWN($C8406/24,0)+1,1)*INDEX($D$3:$AA$30,INDEX(Jesper!$R$2:$R$366,ROW(INDEX(Jesper!AI$2:AI$366,ROUNDDOWN($C8406/24,0)+1,1))-1)+IF('Standard Profiles'!$G$19=$B$10,7,0)+IF('Standard Profiles'!$G$19=$B$17,14,0)+IF('Standard Profiles'!$G$19=$B$24,21,0),MOD($C8406,24)+1)/SUM(INDEX($D$3:$AA$30,INDEX(Jesper!$R$2:$R$366,ROW(INDEX(Jesper!AI$2:AI$366,ROUNDDOWN($C8406/24,0)+1,1))-1)+IF('Standard Profiles'!$G$19=$B$10,7,0)+IF('Standard Profiles'!$G$19=$B$17,14,0)+IF('Standard Profiles'!$G$19=$B$24,21,0),0)),0)</f>
        <v>1.4597358321258174</v>
      </c>
      <c r="F8406" cm="1">
        <f t="array" ref="F8406">IFERROR(INDEX(Jesper!AJ$2:AJ$366,ROUNDDOWN($C8406/24,0)+1,1)*INDEX($D$3:$AA$30,INDEX(Jesper!$R$2:$R$366,ROW(INDEX(Jesper!AJ$2:AJ$366,ROUNDDOWN($C8406/24,0)+1,1))-1)+IF('Standard Profiles'!$G$20=$B$10,7,0)+IF('Standard Profiles'!$G$20=$B$17,14,0)+IF('Standard Profiles'!$G$20=$B$24,21,0),MOD($C8406,24)+1)/SUM(INDEX($D$3:$AA$30,INDEX(Jesper!$R$2:$R$366,ROW(INDEX(Jesper!AJ$2:AJ$366,ROUNDDOWN($C8406/24,0)+1,1))-1)+IF('Standard Profiles'!$G$20=$B$10,7,0)+IF('Standard Profiles'!$G$20=$B$17,14,0)+IF('Standard Profiles'!$G$20=$B$24,21,0),0)),0)</f>
        <v>0</v>
      </c>
      <c r="G8406" cm="1">
        <f t="array" ref="G8406">IFERROR(INDEX(Jesper!AK$2:AK$366,ROUNDDOWN($C8406/24,0)+1,1)*INDEX($D$3:$AA$30,INDEX(Jesper!$R$2:$R$366,ROW(INDEX(Jesper!AK$2:AK$366,ROUNDDOWN($C8406/24,0)+1,1))-1)+IF('Standard Profiles'!$G$21=$B$10,7,0)+IF('Standard Profiles'!$G$21=$B$17,14,0)+IF('Standard Profiles'!$G$21=$B$24,21,0),MOD($C8406,24)+1)/SUM(INDEX($D$3:$AA$30,INDEX(Jesper!$R$2:$R$366,ROW(INDEX(Jesper!AK$2:AK$366,ROUNDDOWN($C8406/24,0)+1,1))-1)+IF('Standard Profiles'!$G$21=$B$10,7,0)+IF('Standard Profiles'!$G$21=$B$17,14,0)+IF('Standard Profiles'!$G$21=$B$24,21,0),0)),0)</f>
        <v>0</v>
      </c>
      <c r="H8406" cm="1">
        <f t="array" ref="H8406">IFERROR(INDEX(Jesper!AL$2:AL$366,ROUNDDOWN($C8406/24,0)+1,1)*INDEX($D$3:$AA$30,INDEX(Jesper!$R$2:$R$366,ROW(INDEX(Jesper!AL$2:AL$366,ROUNDDOWN($C8406/24,0)+1,1))-1)+IF('Standard Profiles'!$G$22=$B$10,7,0)+IF('Standard Profiles'!$G$22=$B$17,14,0)+IF('Standard Profiles'!$G$22=$B$24,21,0),MOD($C8406,24)+1)/SUM(INDEX($D$3:$AA$30,INDEX(Jesper!$R$2:$R$366,ROW(INDEX(Jesper!AL$2:AL$366,ROUNDDOWN($C8406/24,0)+1,1))-1)+IF('Standard Profiles'!$G$22=$B$10,7,0)+IF('Standard Profiles'!$G$22=$B$17,14,0)+IF('Standard Profiles'!$G$22=$B$24,21,0),0)),0)</f>
        <v>0</v>
      </c>
      <c r="I8406">
        <f t="shared" si="930"/>
        <v>0.13150773262394755</v>
      </c>
      <c r="J8406">
        <f t="shared" si="931"/>
        <v>0.43835910874649187</v>
      </c>
      <c r="K8406">
        <f t="shared" si="932"/>
        <v>0.65753866311973785</v>
      </c>
      <c r="L8406">
        <f t="shared" si="933"/>
        <v>6.5789058281652988</v>
      </c>
      <c r="M8406">
        <f t="shared" si="934"/>
        <v>0</v>
      </c>
      <c r="N8406" s="46">
        <f t="shared" si="935"/>
        <v>45640.833333313029</v>
      </c>
    </row>
    <row r="8407" spans="2:14" x14ac:dyDescent="0.3">
      <c r="B8407">
        <f t="shared" si="929"/>
        <v>6</v>
      </c>
      <c r="C8407" s="16">
        <v>8373</v>
      </c>
      <c r="D8407" cm="1">
        <f t="array" ref="D8407">IFERROR(INDEX(Jesper!AH$2:AH$366,ROUNDDOWN($C8407/24,0)+1,1)*INDEX($D$3:$AA$30,INDEX(Jesper!$R$2:$R$366,ROW(INDEX(Jesper!AH$2:AH$366,ROUNDDOWN($C8407/24,0)+1,1))-1)+IF('Standard Profiles'!$G$18=$B$10,7,0)+IF('Standard Profiles'!$G$18=$B$17,14,0)+IF('Standard Profiles'!$G$18=$B$24,21,0),MOD($C8407,24)+1)/SUM(INDEX($D$3:$AA$30,INDEX(Jesper!$R$2:$R$366,ROW(INDEX(Jesper!AH$2:AH$366,ROUNDDOWN($C8407/24,0)+1,1))-1)+IF('Standard Profiles'!$G$18=$B$10,7,0)+IF('Standard Profiles'!$G$18=$B$17,14,0)+IF('Standard Profiles'!$G$18=$B$24,21,0),0)),0)</f>
        <v>6.3465755005296582</v>
      </c>
      <c r="E8407" cm="1">
        <f t="array" ref="E8407">IFERROR(INDEX(Jesper!AI$2:AI$366,ROUNDDOWN($C8407/24,0)+1,1)*INDEX($D$3:$AA$30,INDEX(Jesper!$R$2:$R$366,ROW(INDEX(Jesper!AI$2:AI$366,ROUNDDOWN($C8407/24,0)+1,1))-1)+IF('Standard Profiles'!$G$19=$B$10,7,0)+IF('Standard Profiles'!$G$19=$B$17,14,0)+IF('Standard Profiles'!$G$19=$B$24,21,0),MOD($C8407,24)+1)/SUM(INDEX($D$3:$AA$30,INDEX(Jesper!$R$2:$R$366,ROW(INDEX(Jesper!AI$2:AI$366,ROUNDDOWN($C8407/24,0)+1,1))-1)+IF('Standard Profiles'!$G$19=$B$10,7,0)+IF('Standard Profiles'!$G$19=$B$17,14,0)+IF('Standard Profiles'!$G$19=$B$24,21,0),0)),0)</f>
        <v>1.4597358321258174</v>
      </c>
      <c r="F8407" cm="1">
        <f t="array" ref="F8407">IFERROR(INDEX(Jesper!AJ$2:AJ$366,ROUNDDOWN($C8407/24,0)+1,1)*INDEX($D$3:$AA$30,INDEX(Jesper!$R$2:$R$366,ROW(INDEX(Jesper!AJ$2:AJ$366,ROUNDDOWN($C8407/24,0)+1,1))-1)+IF('Standard Profiles'!$G$20=$B$10,7,0)+IF('Standard Profiles'!$G$20=$B$17,14,0)+IF('Standard Profiles'!$G$20=$B$24,21,0),MOD($C8407,24)+1)/SUM(INDEX($D$3:$AA$30,INDEX(Jesper!$R$2:$R$366,ROW(INDEX(Jesper!AJ$2:AJ$366,ROUNDDOWN($C8407/24,0)+1,1))-1)+IF('Standard Profiles'!$G$20=$B$10,7,0)+IF('Standard Profiles'!$G$20=$B$17,14,0)+IF('Standard Profiles'!$G$20=$B$24,21,0),0)),0)</f>
        <v>0</v>
      </c>
      <c r="G8407" cm="1">
        <f t="array" ref="G8407">IFERROR(INDEX(Jesper!AK$2:AK$366,ROUNDDOWN($C8407/24,0)+1,1)*INDEX($D$3:$AA$30,INDEX(Jesper!$R$2:$R$366,ROW(INDEX(Jesper!AK$2:AK$366,ROUNDDOWN($C8407/24,0)+1,1))-1)+IF('Standard Profiles'!$G$21=$B$10,7,0)+IF('Standard Profiles'!$G$21=$B$17,14,0)+IF('Standard Profiles'!$G$21=$B$24,21,0),MOD($C8407,24)+1)/SUM(INDEX($D$3:$AA$30,INDEX(Jesper!$R$2:$R$366,ROW(INDEX(Jesper!AK$2:AK$366,ROUNDDOWN($C8407/24,0)+1,1))-1)+IF('Standard Profiles'!$G$21=$B$10,7,0)+IF('Standard Profiles'!$G$21=$B$17,14,0)+IF('Standard Profiles'!$G$21=$B$24,21,0),0)),0)</f>
        <v>0</v>
      </c>
      <c r="H8407" cm="1">
        <f t="array" ref="H8407">IFERROR(INDEX(Jesper!AL$2:AL$366,ROUNDDOWN($C8407/24,0)+1,1)*INDEX($D$3:$AA$30,INDEX(Jesper!$R$2:$R$366,ROW(INDEX(Jesper!AL$2:AL$366,ROUNDDOWN($C8407/24,0)+1,1))-1)+IF('Standard Profiles'!$G$22=$B$10,7,0)+IF('Standard Profiles'!$G$22=$B$17,14,0)+IF('Standard Profiles'!$G$22=$B$24,21,0),MOD($C8407,24)+1)/SUM(INDEX($D$3:$AA$30,INDEX(Jesper!$R$2:$R$366,ROW(INDEX(Jesper!AL$2:AL$366,ROUNDDOWN($C8407/24,0)+1,1))-1)+IF('Standard Profiles'!$G$22=$B$10,7,0)+IF('Standard Profiles'!$G$22=$B$17,14,0)+IF('Standard Profiles'!$G$22=$B$24,21,0),0)),0)</f>
        <v>0</v>
      </c>
      <c r="I8407">
        <f t="shared" si="930"/>
        <v>0.13150773262394755</v>
      </c>
      <c r="J8407">
        <f t="shared" si="931"/>
        <v>0.43835910874649187</v>
      </c>
      <c r="K8407">
        <f t="shared" si="932"/>
        <v>0.65753866311973785</v>
      </c>
      <c r="L8407">
        <f t="shared" si="933"/>
        <v>6.5789058281652988</v>
      </c>
      <c r="M8407">
        <f t="shared" si="934"/>
        <v>0</v>
      </c>
      <c r="N8407" s="46">
        <f t="shared" si="935"/>
        <v>45640.874999979693</v>
      </c>
    </row>
    <row r="8408" spans="2:14" x14ac:dyDescent="0.3">
      <c r="B8408">
        <f t="shared" si="929"/>
        <v>6</v>
      </c>
      <c r="C8408" s="16">
        <v>8374</v>
      </c>
      <c r="D8408" cm="1">
        <f t="array" ref="D8408">IFERROR(INDEX(Jesper!AH$2:AH$366,ROUNDDOWN($C8408/24,0)+1,1)*INDEX($D$3:$AA$30,INDEX(Jesper!$R$2:$R$366,ROW(INDEX(Jesper!AH$2:AH$366,ROUNDDOWN($C8408/24,0)+1,1))-1)+IF('Standard Profiles'!$G$18=$B$10,7,0)+IF('Standard Profiles'!$G$18=$B$17,14,0)+IF('Standard Profiles'!$G$18=$B$24,21,0),MOD($C8408,24)+1)/SUM(INDEX($D$3:$AA$30,INDEX(Jesper!$R$2:$R$366,ROW(INDEX(Jesper!AH$2:AH$366,ROUNDDOWN($C8408/24,0)+1,1))-1)+IF('Standard Profiles'!$G$18=$B$10,7,0)+IF('Standard Profiles'!$G$18=$B$17,14,0)+IF('Standard Profiles'!$G$18=$B$24,21,0),0)),0)</f>
        <v>6.3465755005296582</v>
      </c>
      <c r="E8408" cm="1">
        <f t="array" ref="E8408">IFERROR(INDEX(Jesper!AI$2:AI$366,ROUNDDOWN($C8408/24,0)+1,1)*INDEX($D$3:$AA$30,INDEX(Jesper!$R$2:$R$366,ROW(INDEX(Jesper!AI$2:AI$366,ROUNDDOWN($C8408/24,0)+1,1))-1)+IF('Standard Profiles'!$G$19=$B$10,7,0)+IF('Standard Profiles'!$G$19=$B$17,14,0)+IF('Standard Profiles'!$G$19=$B$24,21,0),MOD($C8408,24)+1)/SUM(INDEX($D$3:$AA$30,INDEX(Jesper!$R$2:$R$366,ROW(INDEX(Jesper!AI$2:AI$366,ROUNDDOWN($C8408/24,0)+1,1))-1)+IF('Standard Profiles'!$G$19=$B$10,7,0)+IF('Standard Profiles'!$G$19=$B$17,14,0)+IF('Standard Profiles'!$G$19=$B$24,21,0),0)),0)</f>
        <v>1.4597358321258174</v>
      </c>
      <c r="F8408" cm="1">
        <f t="array" ref="F8408">IFERROR(INDEX(Jesper!AJ$2:AJ$366,ROUNDDOWN($C8408/24,0)+1,1)*INDEX($D$3:$AA$30,INDEX(Jesper!$R$2:$R$366,ROW(INDEX(Jesper!AJ$2:AJ$366,ROUNDDOWN($C8408/24,0)+1,1))-1)+IF('Standard Profiles'!$G$20=$B$10,7,0)+IF('Standard Profiles'!$G$20=$B$17,14,0)+IF('Standard Profiles'!$G$20=$B$24,21,0),MOD($C8408,24)+1)/SUM(INDEX($D$3:$AA$30,INDEX(Jesper!$R$2:$R$366,ROW(INDEX(Jesper!AJ$2:AJ$366,ROUNDDOWN($C8408/24,0)+1,1))-1)+IF('Standard Profiles'!$G$20=$B$10,7,0)+IF('Standard Profiles'!$G$20=$B$17,14,0)+IF('Standard Profiles'!$G$20=$B$24,21,0),0)),0)</f>
        <v>0</v>
      </c>
      <c r="G8408" cm="1">
        <f t="array" ref="G8408">IFERROR(INDEX(Jesper!AK$2:AK$366,ROUNDDOWN($C8408/24,0)+1,1)*INDEX($D$3:$AA$30,INDEX(Jesper!$R$2:$R$366,ROW(INDEX(Jesper!AK$2:AK$366,ROUNDDOWN($C8408/24,0)+1,1))-1)+IF('Standard Profiles'!$G$21=$B$10,7,0)+IF('Standard Profiles'!$G$21=$B$17,14,0)+IF('Standard Profiles'!$G$21=$B$24,21,0),MOD($C8408,24)+1)/SUM(INDEX($D$3:$AA$30,INDEX(Jesper!$R$2:$R$366,ROW(INDEX(Jesper!AK$2:AK$366,ROUNDDOWN($C8408/24,0)+1,1))-1)+IF('Standard Profiles'!$G$21=$B$10,7,0)+IF('Standard Profiles'!$G$21=$B$17,14,0)+IF('Standard Profiles'!$G$21=$B$24,21,0),0)),0)</f>
        <v>0</v>
      </c>
      <c r="H8408" cm="1">
        <f t="array" ref="H8408">IFERROR(INDEX(Jesper!AL$2:AL$366,ROUNDDOWN($C8408/24,0)+1,1)*INDEX($D$3:$AA$30,INDEX(Jesper!$R$2:$R$366,ROW(INDEX(Jesper!AL$2:AL$366,ROUNDDOWN($C8408/24,0)+1,1))-1)+IF('Standard Profiles'!$G$22=$B$10,7,0)+IF('Standard Profiles'!$G$22=$B$17,14,0)+IF('Standard Profiles'!$G$22=$B$24,21,0),MOD($C8408,24)+1)/SUM(INDEX($D$3:$AA$30,INDEX(Jesper!$R$2:$R$366,ROW(INDEX(Jesper!AL$2:AL$366,ROUNDDOWN($C8408/24,0)+1,1))-1)+IF('Standard Profiles'!$G$22=$B$10,7,0)+IF('Standard Profiles'!$G$22=$B$17,14,0)+IF('Standard Profiles'!$G$22=$B$24,21,0),0)),0)</f>
        <v>0</v>
      </c>
      <c r="I8408">
        <f t="shared" si="930"/>
        <v>0.13150773262394755</v>
      </c>
      <c r="J8408">
        <f t="shared" si="931"/>
        <v>0.43835910874649187</v>
      </c>
      <c r="K8408">
        <f t="shared" si="932"/>
        <v>0.65753866311973785</v>
      </c>
      <c r="L8408">
        <f t="shared" si="933"/>
        <v>6.5789058281652988</v>
      </c>
      <c r="M8408">
        <f t="shared" si="934"/>
        <v>0</v>
      </c>
      <c r="N8408" s="46">
        <f t="shared" si="935"/>
        <v>45640.916666646357</v>
      </c>
    </row>
    <row r="8409" spans="2:14" x14ac:dyDescent="0.3">
      <c r="B8409">
        <f t="shared" si="929"/>
        <v>6</v>
      </c>
      <c r="C8409" s="16">
        <v>8375</v>
      </c>
      <c r="D8409" cm="1">
        <f t="array" ref="D8409">IFERROR(INDEX(Jesper!AH$2:AH$366,ROUNDDOWN($C8409/24,0)+1,1)*INDEX($D$3:$AA$30,INDEX(Jesper!$R$2:$R$366,ROW(INDEX(Jesper!AH$2:AH$366,ROUNDDOWN($C8409/24,0)+1,1))-1)+IF('Standard Profiles'!$G$18=$B$10,7,0)+IF('Standard Profiles'!$G$18=$B$17,14,0)+IF('Standard Profiles'!$G$18=$B$24,21,0),MOD($C8409,24)+1)/SUM(INDEX($D$3:$AA$30,INDEX(Jesper!$R$2:$R$366,ROW(INDEX(Jesper!AH$2:AH$366,ROUNDDOWN($C8409/24,0)+1,1))-1)+IF('Standard Profiles'!$G$18=$B$10,7,0)+IF('Standard Profiles'!$G$18=$B$17,14,0)+IF('Standard Profiles'!$G$18=$B$24,21,0),0)),0)</f>
        <v>6.3465755005296582</v>
      </c>
      <c r="E8409" cm="1">
        <f t="array" ref="E8409">IFERROR(INDEX(Jesper!AI$2:AI$366,ROUNDDOWN($C8409/24,0)+1,1)*INDEX($D$3:$AA$30,INDEX(Jesper!$R$2:$R$366,ROW(INDEX(Jesper!AI$2:AI$366,ROUNDDOWN($C8409/24,0)+1,1))-1)+IF('Standard Profiles'!$G$19=$B$10,7,0)+IF('Standard Profiles'!$G$19=$B$17,14,0)+IF('Standard Profiles'!$G$19=$B$24,21,0),MOD($C8409,24)+1)/SUM(INDEX($D$3:$AA$30,INDEX(Jesper!$R$2:$R$366,ROW(INDEX(Jesper!AI$2:AI$366,ROUNDDOWN($C8409/24,0)+1,1))-1)+IF('Standard Profiles'!$G$19=$B$10,7,0)+IF('Standard Profiles'!$G$19=$B$17,14,0)+IF('Standard Profiles'!$G$19=$B$24,21,0),0)),0)</f>
        <v>1.4597358321258174</v>
      </c>
      <c r="F8409" cm="1">
        <f t="array" ref="F8409">IFERROR(INDEX(Jesper!AJ$2:AJ$366,ROUNDDOWN($C8409/24,0)+1,1)*INDEX($D$3:$AA$30,INDEX(Jesper!$R$2:$R$366,ROW(INDEX(Jesper!AJ$2:AJ$366,ROUNDDOWN($C8409/24,0)+1,1))-1)+IF('Standard Profiles'!$G$20=$B$10,7,0)+IF('Standard Profiles'!$G$20=$B$17,14,0)+IF('Standard Profiles'!$G$20=$B$24,21,0),MOD($C8409,24)+1)/SUM(INDEX($D$3:$AA$30,INDEX(Jesper!$R$2:$R$366,ROW(INDEX(Jesper!AJ$2:AJ$366,ROUNDDOWN($C8409/24,0)+1,1))-1)+IF('Standard Profiles'!$G$20=$B$10,7,0)+IF('Standard Profiles'!$G$20=$B$17,14,0)+IF('Standard Profiles'!$G$20=$B$24,21,0),0)),0)</f>
        <v>0</v>
      </c>
      <c r="G8409" cm="1">
        <f t="array" ref="G8409">IFERROR(INDEX(Jesper!AK$2:AK$366,ROUNDDOWN($C8409/24,0)+1,1)*INDEX($D$3:$AA$30,INDEX(Jesper!$R$2:$R$366,ROW(INDEX(Jesper!AK$2:AK$366,ROUNDDOWN($C8409/24,0)+1,1))-1)+IF('Standard Profiles'!$G$21=$B$10,7,0)+IF('Standard Profiles'!$G$21=$B$17,14,0)+IF('Standard Profiles'!$G$21=$B$24,21,0),MOD($C8409,24)+1)/SUM(INDEX($D$3:$AA$30,INDEX(Jesper!$R$2:$R$366,ROW(INDEX(Jesper!AK$2:AK$366,ROUNDDOWN($C8409/24,0)+1,1))-1)+IF('Standard Profiles'!$G$21=$B$10,7,0)+IF('Standard Profiles'!$G$21=$B$17,14,0)+IF('Standard Profiles'!$G$21=$B$24,21,0),0)),0)</f>
        <v>0</v>
      </c>
      <c r="H8409" cm="1">
        <f t="array" ref="H8409">IFERROR(INDEX(Jesper!AL$2:AL$366,ROUNDDOWN($C8409/24,0)+1,1)*INDEX($D$3:$AA$30,INDEX(Jesper!$R$2:$R$366,ROW(INDEX(Jesper!AL$2:AL$366,ROUNDDOWN($C8409/24,0)+1,1))-1)+IF('Standard Profiles'!$G$22=$B$10,7,0)+IF('Standard Profiles'!$G$22=$B$17,14,0)+IF('Standard Profiles'!$G$22=$B$24,21,0),MOD($C8409,24)+1)/SUM(INDEX($D$3:$AA$30,INDEX(Jesper!$R$2:$R$366,ROW(INDEX(Jesper!AL$2:AL$366,ROUNDDOWN($C8409/24,0)+1,1))-1)+IF('Standard Profiles'!$G$22=$B$10,7,0)+IF('Standard Profiles'!$G$22=$B$17,14,0)+IF('Standard Profiles'!$G$22=$B$24,21,0),0)),0)</f>
        <v>0</v>
      </c>
      <c r="I8409">
        <f t="shared" si="930"/>
        <v>0.13150773262394755</v>
      </c>
      <c r="J8409">
        <f t="shared" si="931"/>
        <v>0.43835910874649187</v>
      </c>
      <c r="K8409">
        <f t="shared" si="932"/>
        <v>0.65753866311973785</v>
      </c>
      <c r="L8409">
        <f t="shared" si="933"/>
        <v>6.5789058281652988</v>
      </c>
      <c r="M8409">
        <f t="shared" si="934"/>
        <v>0</v>
      </c>
      <c r="N8409" s="46">
        <f t="shared" si="935"/>
        <v>45640.958333313021</v>
      </c>
    </row>
    <row r="8410" spans="2:14" x14ac:dyDescent="0.3">
      <c r="B8410">
        <f t="shared" si="929"/>
        <v>7</v>
      </c>
      <c r="C8410" s="16">
        <v>8376</v>
      </c>
      <c r="D8410" cm="1">
        <f t="array" ref="D8410">IFERROR(INDEX(Jesper!AH$2:AH$366,ROUNDDOWN($C8410/24,0)+1,1)*INDEX($D$3:$AA$30,INDEX(Jesper!$R$2:$R$366,ROW(INDEX(Jesper!AH$2:AH$366,ROUNDDOWN($C8410/24,0)+1,1))-1)+IF('Standard Profiles'!$G$18=$B$10,7,0)+IF('Standard Profiles'!$G$18=$B$17,14,0)+IF('Standard Profiles'!$G$18=$B$24,21,0),MOD($C8410,24)+1)/SUM(INDEX($D$3:$AA$30,INDEX(Jesper!$R$2:$R$366,ROW(INDEX(Jesper!AH$2:AH$366,ROUNDDOWN($C8410/24,0)+1,1))-1)+IF('Standard Profiles'!$G$18=$B$10,7,0)+IF('Standard Profiles'!$G$18=$B$17,14,0)+IF('Standard Profiles'!$G$18=$B$24,21,0),0)),0)</f>
        <v>6.7885365939214966</v>
      </c>
      <c r="E8410" cm="1">
        <f t="array" ref="E8410">IFERROR(INDEX(Jesper!AI$2:AI$366,ROUNDDOWN($C8410/24,0)+1,1)*INDEX($D$3:$AA$30,INDEX(Jesper!$R$2:$R$366,ROW(INDEX(Jesper!AI$2:AI$366,ROUNDDOWN($C8410/24,0)+1,1))-1)+IF('Standard Profiles'!$G$19=$B$10,7,0)+IF('Standard Profiles'!$G$19=$B$17,14,0)+IF('Standard Profiles'!$G$19=$B$24,21,0),MOD($C8410,24)+1)/SUM(INDEX($D$3:$AA$30,INDEX(Jesper!$R$2:$R$366,ROW(INDEX(Jesper!AI$2:AI$366,ROUNDDOWN($C8410/24,0)+1,1))-1)+IF('Standard Profiles'!$G$19=$B$10,7,0)+IF('Standard Profiles'!$G$19=$B$17,14,0)+IF('Standard Profiles'!$G$19=$B$24,21,0),0)),0)</f>
        <v>1.4323740126545088</v>
      </c>
      <c r="F8410" cm="1">
        <f t="array" ref="F8410">IFERROR(INDEX(Jesper!AJ$2:AJ$366,ROUNDDOWN($C8410/24,0)+1,1)*INDEX($D$3:$AA$30,INDEX(Jesper!$R$2:$R$366,ROW(INDEX(Jesper!AJ$2:AJ$366,ROUNDDOWN($C8410/24,0)+1,1))-1)+IF('Standard Profiles'!$G$20=$B$10,7,0)+IF('Standard Profiles'!$G$20=$B$17,14,0)+IF('Standard Profiles'!$G$20=$B$24,21,0),MOD($C8410,24)+1)/SUM(INDEX($D$3:$AA$30,INDEX(Jesper!$R$2:$R$366,ROW(INDEX(Jesper!AJ$2:AJ$366,ROUNDDOWN($C8410/24,0)+1,1))-1)+IF('Standard Profiles'!$G$20=$B$10,7,0)+IF('Standard Profiles'!$G$20=$B$17,14,0)+IF('Standard Profiles'!$G$20=$B$24,21,0),0)),0)</f>
        <v>0</v>
      </c>
      <c r="G8410" cm="1">
        <f t="array" ref="G8410">IFERROR(INDEX(Jesper!AK$2:AK$366,ROUNDDOWN($C8410/24,0)+1,1)*INDEX($D$3:$AA$30,INDEX(Jesper!$R$2:$R$366,ROW(INDEX(Jesper!AK$2:AK$366,ROUNDDOWN($C8410/24,0)+1,1))-1)+IF('Standard Profiles'!$G$21=$B$10,7,0)+IF('Standard Profiles'!$G$21=$B$17,14,0)+IF('Standard Profiles'!$G$21=$B$24,21,0),MOD($C8410,24)+1)/SUM(INDEX($D$3:$AA$30,INDEX(Jesper!$R$2:$R$366,ROW(INDEX(Jesper!AK$2:AK$366,ROUNDDOWN($C8410/24,0)+1,1))-1)+IF('Standard Profiles'!$G$21=$B$10,7,0)+IF('Standard Profiles'!$G$21=$B$17,14,0)+IF('Standard Profiles'!$G$21=$B$24,21,0),0)),0)</f>
        <v>0</v>
      </c>
      <c r="H8410" cm="1">
        <f t="array" ref="H8410">IFERROR(INDEX(Jesper!AL$2:AL$366,ROUNDDOWN($C8410/24,0)+1,1)*INDEX($D$3:$AA$30,INDEX(Jesper!$R$2:$R$366,ROW(INDEX(Jesper!AL$2:AL$366,ROUNDDOWN($C8410/24,0)+1,1))-1)+IF('Standard Profiles'!$G$22=$B$10,7,0)+IF('Standard Profiles'!$G$22=$B$17,14,0)+IF('Standard Profiles'!$G$22=$B$24,21,0),MOD($C8410,24)+1)/SUM(INDEX($D$3:$AA$30,INDEX(Jesper!$R$2:$R$366,ROW(INDEX(Jesper!AL$2:AL$366,ROUNDDOWN($C8410/24,0)+1,1))-1)+IF('Standard Profiles'!$G$22=$B$10,7,0)+IF('Standard Profiles'!$G$22=$B$17,14,0)+IF('Standard Profiles'!$G$22=$B$24,21,0),0)),0)</f>
        <v>0</v>
      </c>
      <c r="I8410">
        <f t="shared" si="930"/>
        <v>0.12904270384274857</v>
      </c>
      <c r="J8410">
        <f t="shared" si="931"/>
        <v>0.4301423461424953</v>
      </c>
      <c r="K8410">
        <f t="shared" si="932"/>
        <v>0.64521351921374293</v>
      </c>
      <c r="L8410">
        <f t="shared" si="933"/>
        <v>7.0165120373770185</v>
      </c>
      <c r="M8410">
        <f t="shared" si="934"/>
        <v>0</v>
      </c>
      <c r="N8410" s="46">
        <f t="shared" si="935"/>
        <v>45640.999999979686</v>
      </c>
    </row>
    <row r="8411" spans="2:14" x14ac:dyDescent="0.3">
      <c r="B8411">
        <f t="shared" si="929"/>
        <v>7</v>
      </c>
      <c r="C8411" s="16">
        <v>8377</v>
      </c>
      <c r="D8411" cm="1">
        <f t="array" ref="D8411">IFERROR(INDEX(Jesper!AH$2:AH$366,ROUNDDOWN($C8411/24,0)+1,1)*INDEX($D$3:$AA$30,INDEX(Jesper!$R$2:$R$366,ROW(INDEX(Jesper!AH$2:AH$366,ROUNDDOWN($C8411/24,0)+1,1))-1)+IF('Standard Profiles'!$G$18=$B$10,7,0)+IF('Standard Profiles'!$G$18=$B$17,14,0)+IF('Standard Profiles'!$G$18=$B$24,21,0),MOD($C8411,24)+1)/SUM(INDEX($D$3:$AA$30,INDEX(Jesper!$R$2:$R$366,ROW(INDEX(Jesper!AH$2:AH$366,ROUNDDOWN($C8411/24,0)+1,1))-1)+IF('Standard Profiles'!$G$18=$B$10,7,0)+IF('Standard Profiles'!$G$18=$B$17,14,0)+IF('Standard Profiles'!$G$18=$B$24,21,0),0)),0)</f>
        <v>7.8834618510056087</v>
      </c>
      <c r="E8411" cm="1">
        <f t="array" ref="E8411">IFERROR(INDEX(Jesper!AI$2:AI$366,ROUNDDOWN($C8411/24,0)+1,1)*INDEX($D$3:$AA$30,INDEX(Jesper!$R$2:$R$366,ROW(INDEX(Jesper!AI$2:AI$366,ROUNDDOWN($C8411/24,0)+1,1))-1)+IF('Standard Profiles'!$G$19=$B$10,7,0)+IF('Standard Profiles'!$G$19=$B$17,14,0)+IF('Standard Profiles'!$G$19=$B$24,21,0),MOD($C8411,24)+1)/SUM(INDEX($D$3:$AA$30,INDEX(Jesper!$R$2:$R$366,ROW(INDEX(Jesper!AI$2:AI$366,ROUNDDOWN($C8411/24,0)+1,1))-1)+IF('Standard Profiles'!$G$19=$B$10,7,0)+IF('Standard Profiles'!$G$19=$B$17,14,0)+IF('Standard Profiles'!$G$19=$B$24,21,0),0)),0)</f>
        <v>1.6634020792116877</v>
      </c>
      <c r="F8411" cm="1">
        <f t="array" ref="F8411">IFERROR(INDEX(Jesper!AJ$2:AJ$366,ROUNDDOWN($C8411/24,0)+1,1)*INDEX($D$3:$AA$30,INDEX(Jesper!$R$2:$R$366,ROW(INDEX(Jesper!AJ$2:AJ$366,ROUNDDOWN($C8411/24,0)+1,1))-1)+IF('Standard Profiles'!$G$20=$B$10,7,0)+IF('Standard Profiles'!$G$20=$B$17,14,0)+IF('Standard Profiles'!$G$20=$B$24,21,0),MOD($C8411,24)+1)/SUM(INDEX($D$3:$AA$30,INDEX(Jesper!$R$2:$R$366,ROW(INDEX(Jesper!AJ$2:AJ$366,ROUNDDOWN($C8411/24,0)+1,1))-1)+IF('Standard Profiles'!$G$20=$B$10,7,0)+IF('Standard Profiles'!$G$20=$B$17,14,0)+IF('Standard Profiles'!$G$20=$B$24,21,0),0)),0)</f>
        <v>0</v>
      </c>
      <c r="G8411" cm="1">
        <f t="array" ref="G8411">IFERROR(INDEX(Jesper!AK$2:AK$366,ROUNDDOWN($C8411/24,0)+1,1)*INDEX($D$3:$AA$30,INDEX(Jesper!$R$2:$R$366,ROW(INDEX(Jesper!AK$2:AK$366,ROUNDDOWN($C8411/24,0)+1,1))-1)+IF('Standard Profiles'!$G$21=$B$10,7,0)+IF('Standard Profiles'!$G$21=$B$17,14,0)+IF('Standard Profiles'!$G$21=$B$24,21,0),MOD($C8411,24)+1)/SUM(INDEX($D$3:$AA$30,INDEX(Jesper!$R$2:$R$366,ROW(INDEX(Jesper!AK$2:AK$366,ROUNDDOWN($C8411/24,0)+1,1))-1)+IF('Standard Profiles'!$G$21=$B$10,7,0)+IF('Standard Profiles'!$G$21=$B$17,14,0)+IF('Standard Profiles'!$G$21=$B$24,21,0),0)),0)</f>
        <v>0</v>
      </c>
      <c r="H8411" cm="1">
        <f t="array" ref="H8411">IFERROR(INDEX(Jesper!AL$2:AL$366,ROUNDDOWN($C8411/24,0)+1,1)*INDEX($D$3:$AA$30,INDEX(Jesper!$R$2:$R$366,ROW(INDEX(Jesper!AL$2:AL$366,ROUNDDOWN($C8411/24,0)+1,1))-1)+IF('Standard Profiles'!$G$22=$B$10,7,0)+IF('Standard Profiles'!$G$22=$B$17,14,0)+IF('Standard Profiles'!$G$22=$B$24,21,0),MOD($C8411,24)+1)/SUM(INDEX($D$3:$AA$30,INDEX(Jesper!$R$2:$R$366,ROW(INDEX(Jesper!AL$2:AL$366,ROUNDDOWN($C8411/24,0)+1,1))-1)+IF('Standard Profiles'!$G$22=$B$10,7,0)+IF('Standard Profiles'!$G$22=$B$17,14,0)+IF('Standard Profiles'!$G$22=$B$24,21,0),0)),0)</f>
        <v>0</v>
      </c>
      <c r="I8411">
        <f t="shared" si="930"/>
        <v>0.14985604317222415</v>
      </c>
      <c r="J8411">
        <f t="shared" si="931"/>
        <v>0.49952014390741389</v>
      </c>
      <c r="K8411">
        <f t="shared" si="932"/>
        <v>0.74928021586112092</v>
      </c>
      <c r="L8411">
        <f t="shared" si="933"/>
        <v>8.1482075272765382</v>
      </c>
      <c r="M8411">
        <f t="shared" si="934"/>
        <v>0</v>
      </c>
      <c r="N8411" s="46">
        <f t="shared" si="935"/>
        <v>45641.04166664635</v>
      </c>
    </row>
    <row r="8412" spans="2:14" x14ac:dyDescent="0.3">
      <c r="B8412">
        <f t="shared" si="929"/>
        <v>7</v>
      </c>
      <c r="C8412" s="16">
        <v>8378</v>
      </c>
      <c r="D8412" cm="1">
        <f t="array" ref="D8412">IFERROR(INDEX(Jesper!AH$2:AH$366,ROUNDDOWN($C8412/24,0)+1,1)*INDEX($D$3:$AA$30,INDEX(Jesper!$R$2:$R$366,ROW(INDEX(Jesper!AH$2:AH$366,ROUNDDOWN($C8412/24,0)+1,1))-1)+IF('Standard Profiles'!$G$18=$B$10,7,0)+IF('Standard Profiles'!$G$18=$B$17,14,0)+IF('Standard Profiles'!$G$18=$B$24,21,0),MOD($C8412,24)+1)/SUM(INDEX($D$3:$AA$30,INDEX(Jesper!$R$2:$R$366,ROW(INDEX(Jesper!AH$2:AH$366,ROUNDDOWN($C8412/24,0)+1,1))-1)+IF('Standard Profiles'!$G$18=$B$10,7,0)+IF('Standard Profiles'!$G$18=$B$17,14,0)+IF('Standard Profiles'!$G$18=$B$24,21,0),0)),0)</f>
        <v>7.8834618510056087</v>
      </c>
      <c r="E8412" cm="1">
        <f t="array" ref="E8412">IFERROR(INDEX(Jesper!AI$2:AI$366,ROUNDDOWN($C8412/24,0)+1,1)*INDEX($D$3:$AA$30,INDEX(Jesper!$R$2:$R$366,ROW(INDEX(Jesper!AI$2:AI$366,ROUNDDOWN($C8412/24,0)+1,1))-1)+IF('Standard Profiles'!$G$19=$B$10,7,0)+IF('Standard Profiles'!$G$19=$B$17,14,0)+IF('Standard Profiles'!$G$19=$B$24,21,0),MOD($C8412,24)+1)/SUM(INDEX($D$3:$AA$30,INDEX(Jesper!$R$2:$R$366,ROW(INDEX(Jesper!AI$2:AI$366,ROUNDDOWN($C8412/24,0)+1,1))-1)+IF('Standard Profiles'!$G$19=$B$10,7,0)+IF('Standard Profiles'!$G$19=$B$17,14,0)+IF('Standard Profiles'!$G$19=$B$24,21,0),0)),0)</f>
        <v>1.6634020792116877</v>
      </c>
      <c r="F8412" cm="1">
        <f t="array" ref="F8412">IFERROR(INDEX(Jesper!AJ$2:AJ$366,ROUNDDOWN($C8412/24,0)+1,1)*INDEX($D$3:$AA$30,INDEX(Jesper!$R$2:$R$366,ROW(INDEX(Jesper!AJ$2:AJ$366,ROUNDDOWN($C8412/24,0)+1,1))-1)+IF('Standard Profiles'!$G$20=$B$10,7,0)+IF('Standard Profiles'!$G$20=$B$17,14,0)+IF('Standard Profiles'!$G$20=$B$24,21,0),MOD($C8412,24)+1)/SUM(INDEX($D$3:$AA$30,INDEX(Jesper!$R$2:$R$366,ROW(INDEX(Jesper!AJ$2:AJ$366,ROUNDDOWN($C8412/24,0)+1,1))-1)+IF('Standard Profiles'!$G$20=$B$10,7,0)+IF('Standard Profiles'!$G$20=$B$17,14,0)+IF('Standard Profiles'!$G$20=$B$24,21,0),0)),0)</f>
        <v>0</v>
      </c>
      <c r="G8412" cm="1">
        <f t="array" ref="G8412">IFERROR(INDEX(Jesper!AK$2:AK$366,ROUNDDOWN($C8412/24,0)+1,1)*INDEX($D$3:$AA$30,INDEX(Jesper!$R$2:$R$366,ROW(INDEX(Jesper!AK$2:AK$366,ROUNDDOWN($C8412/24,0)+1,1))-1)+IF('Standard Profiles'!$G$21=$B$10,7,0)+IF('Standard Profiles'!$G$21=$B$17,14,0)+IF('Standard Profiles'!$G$21=$B$24,21,0),MOD($C8412,24)+1)/SUM(INDEX($D$3:$AA$30,INDEX(Jesper!$R$2:$R$366,ROW(INDEX(Jesper!AK$2:AK$366,ROUNDDOWN($C8412/24,0)+1,1))-1)+IF('Standard Profiles'!$G$21=$B$10,7,0)+IF('Standard Profiles'!$G$21=$B$17,14,0)+IF('Standard Profiles'!$G$21=$B$24,21,0),0)),0)</f>
        <v>0</v>
      </c>
      <c r="H8412" cm="1">
        <f t="array" ref="H8412">IFERROR(INDEX(Jesper!AL$2:AL$366,ROUNDDOWN($C8412/24,0)+1,1)*INDEX($D$3:$AA$30,INDEX(Jesper!$R$2:$R$366,ROW(INDEX(Jesper!AL$2:AL$366,ROUNDDOWN($C8412/24,0)+1,1))-1)+IF('Standard Profiles'!$G$22=$B$10,7,0)+IF('Standard Profiles'!$G$22=$B$17,14,0)+IF('Standard Profiles'!$G$22=$B$24,21,0),MOD($C8412,24)+1)/SUM(INDEX($D$3:$AA$30,INDEX(Jesper!$R$2:$R$366,ROW(INDEX(Jesper!AL$2:AL$366,ROUNDDOWN($C8412/24,0)+1,1))-1)+IF('Standard Profiles'!$G$22=$B$10,7,0)+IF('Standard Profiles'!$G$22=$B$17,14,0)+IF('Standard Profiles'!$G$22=$B$24,21,0),0)),0)</f>
        <v>0</v>
      </c>
      <c r="I8412">
        <f t="shared" si="930"/>
        <v>0.14985604317222415</v>
      </c>
      <c r="J8412">
        <f t="shared" si="931"/>
        <v>0.49952014390741389</v>
      </c>
      <c r="K8412">
        <f t="shared" si="932"/>
        <v>0.74928021586112092</v>
      </c>
      <c r="L8412">
        <f t="shared" si="933"/>
        <v>8.1482075272765382</v>
      </c>
      <c r="M8412">
        <f t="shared" si="934"/>
        <v>0</v>
      </c>
      <c r="N8412" s="46">
        <f t="shared" si="935"/>
        <v>45641.083333313014</v>
      </c>
    </row>
    <row r="8413" spans="2:14" x14ac:dyDescent="0.3">
      <c r="B8413">
        <f t="shared" si="929"/>
        <v>7</v>
      </c>
      <c r="C8413" s="16">
        <v>8379</v>
      </c>
      <c r="D8413" cm="1">
        <f t="array" ref="D8413">IFERROR(INDEX(Jesper!AH$2:AH$366,ROUNDDOWN($C8413/24,0)+1,1)*INDEX($D$3:$AA$30,INDEX(Jesper!$R$2:$R$366,ROW(INDEX(Jesper!AH$2:AH$366,ROUNDDOWN($C8413/24,0)+1,1))-1)+IF('Standard Profiles'!$G$18=$B$10,7,0)+IF('Standard Profiles'!$G$18=$B$17,14,0)+IF('Standard Profiles'!$G$18=$B$24,21,0),MOD($C8413,24)+1)/SUM(INDEX($D$3:$AA$30,INDEX(Jesper!$R$2:$R$366,ROW(INDEX(Jesper!AH$2:AH$366,ROUNDDOWN($C8413/24,0)+1,1))-1)+IF('Standard Profiles'!$G$18=$B$10,7,0)+IF('Standard Profiles'!$G$18=$B$17,14,0)+IF('Standard Profiles'!$G$18=$B$24,21,0),0)),0)</f>
        <v>7.8834618510056087</v>
      </c>
      <c r="E8413" cm="1">
        <f t="array" ref="E8413">IFERROR(INDEX(Jesper!AI$2:AI$366,ROUNDDOWN($C8413/24,0)+1,1)*INDEX($D$3:$AA$30,INDEX(Jesper!$R$2:$R$366,ROW(INDEX(Jesper!AI$2:AI$366,ROUNDDOWN($C8413/24,0)+1,1))-1)+IF('Standard Profiles'!$G$19=$B$10,7,0)+IF('Standard Profiles'!$G$19=$B$17,14,0)+IF('Standard Profiles'!$G$19=$B$24,21,0),MOD($C8413,24)+1)/SUM(INDEX($D$3:$AA$30,INDEX(Jesper!$R$2:$R$366,ROW(INDEX(Jesper!AI$2:AI$366,ROUNDDOWN($C8413/24,0)+1,1))-1)+IF('Standard Profiles'!$G$19=$B$10,7,0)+IF('Standard Profiles'!$G$19=$B$17,14,0)+IF('Standard Profiles'!$G$19=$B$24,21,0),0)),0)</f>
        <v>1.6634020792116877</v>
      </c>
      <c r="F8413" cm="1">
        <f t="array" ref="F8413">IFERROR(INDEX(Jesper!AJ$2:AJ$366,ROUNDDOWN($C8413/24,0)+1,1)*INDEX($D$3:$AA$30,INDEX(Jesper!$R$2:$R$366,ROW(INDEX(Jesper!AJ$2:AJ$366,ROUNDDOWN($C8413/24,0)+1,1))-1)+IF('Standard Profiles'!$G$20=$B$10,7,0)+IF('Standard Profiles'!$G$20=$B$17,14,0)+IF('Standard Profiles'!$G$20=$B$24,21,0),MOD($C8413,24)+1)/SUM(INDEX($D$3:$AA$30,INDEX(Jesper!$R$2:$R$366,ROW(INDEX(Jesper!AJ$2:AJ$366,ROUNDDOWN($C8413/24,0)+1,1))-1)+IF('Standard Profiles'!$G$20=$B$10,7,0)+IF('Standard Profiles'!$G$20=$B$17,14,0)+IF('Standard Profiles'!$G$20=$B$24,21,0),0)),0)</f>
        <v>0</v>
      </c>
      <c r="G8413" cm="1">
        <f t="array" ref="G8413">IFERROR(INDEX(Jesper!AK$2:AK$366,ROUNDDOWN($C8413/24,0)+1,1)*INDEX($D$3:$AA$30,INDEX(Jesper!$R$2:$R$366,ROW(INDEX(Jesper!AK$2:AK$366,ROUNDDOWN($C8413/24,0)+1,1))-1)+IF('Standard Profiles'!$G$21=$B$10,7,0)+IF('Standard Profiles'!$G$21=$B$17,14,0)+IF('Standard Profiles'!$G$21=$B$24,21,0),MOD($C8413,24)+1)/SUM(INDEX($D$3:$AA$30,INDEX(Jesper!$R$2:$R$366,ROW(INDEX(Jesper!AK$2:AK$366,ROUNDDOWN($C8413/24,0)+1,1))-1)+IF('Standard Profiles'!$G$21=$B$10,7,0)+IF('Standard Profiles'!$G$21=$B$17,14,0)+IF('Standard Profiles'!$G$21=$B$24,21,0),0)),0)</f>
        <v>0</v>
      </c>
      <c r="H8413" cm="1">
        <f t="array" ref="H8413">IFERROR(INDEX(Jesper!AL$2:AL$366,ROUNDDOWN($C8413/24,0)+1,1)*INDEX($D$3:$AA$30,INDEX(Jesper!$R$2:$R$366,ROW(INDEX(Jesper!AL$2:AL$366,ROUNDDOWN($C8413/24,0)+1,1))-1)+IF('Standard Profiles'!$G$22=$B$10,7,0)+IF('Standard Profiles'!$G$22=$B$17,14,0)+IF('Standard Profiles'!$G$22=$B$24,21,0),MOD($C8413,24)+1)/SUM(INDEX($D$3:$AA$30,INDEX(Jesper!$R$2:$R$366,ROW(INDEX(Jesper!AL$2:AL$366,ROUNDDOWN($C8413/24,0)+1,1))-1)+IF('Standard Profiles'!$G$22=$B$10,7,0)+IF('Standard Profiles'!$G$22=$B$17,14,0)+IF('Standard Profiles'!$G$22=$B$24,21,0),0)),0)</f>
        <v>0</v>
      </c>
      <c r="I8413">
        <f t="shared" si="930"/>
        <v>0.14985604317222415</v>
      </c>
      <c r="J8413">
        <f t="shared" si="931"/>
        <v>0.49952014390741389</v>
      </c>
      <c r="K8413">
        <f t="shared" si="932"/>
        <v>0.74928021586112092</v>
      </c>
      <c r="L8413">
        <f t="shared" si="933"/>
        <v>8.1482075272765382</v>
      </c>
      <c r="M8413">
        <f t="shared" si="934"/>
        <v>0</v>
      </c>
      <c r="N8413" s="46">
        <f t="shared" si="935"/>
        <v>45641.124999979678</v>
      </c>
    </row>
    <row r="8414" spans="2:14" x14ac:dyDescent="0.3">
      <c r="B8414">
        <f t="shared" si="929"/>
        <v>7</v>
      </c>
      <c r="C8414" s="16">
        <v>8380</v>
      </c>
      <c r="D8414" cm="1">
        <f t="array" ref="D8414">IFERROR(INDEX(Jesper!AH$2:AH$366,ROUNDDOWN($C8414/24,0)+1,1)*INDEX($D$3:$AA$30,INDEX(Jesper!$R$2:$R$366,ROW(INDEX(Jesper!AH$2:AH$366,ROUNDDOWN($C8414/24,0)+1,1))-1)+IF('Standard Profiles'!$G$18=$B$10,7,0)+IF('Standard Profiles'!$G$18=$B$17,14,0)+IF('Standard Profiles'!$G$18=$B$24,21,0),MOD($C8414,24)+1)/SUM(INDEX($D$3:$AA$30,INDEX(Jesper!$R$2:$R$366,ROW(INDEX(Jesper!AH$2:AH$366,ROUNDDOWN($C8414/24,0)+1,1))-1)+IF('Standard Profiles'!$G$18=$B$10,7,0)+IF('Standard Profiles'!$G$18=$B$17,14,0)+IF('Standard Profiles'!$G$18=$B$24,21,0),0)),0)</f>
        <v>7.8834618510056087</v>
      </c>
      <c r="E8414" cm="1">
        <f t="array" ref="E8414">IFERROR(INDEX(Jesper!AI$2:AI$366,ROUNDDOWN($C8414/24,0)+1,1)*INDEX($D$3:$AA$30,INDEX(Jesper!$R$2:$R$366,ROW(INDEX(Jesper!AI$2:AI$366,ROUNDDOWN($C8414/24,0)+1,1))-1)+IF('Standard Profiles'!$G$19=$B$10,7,0)+IF('Standard Profiles'!$G$19=$B$17,14,0)+IF('Standard Profiles'!$G$19=$B$24,21,0),MOD($C8414,24)+1)/SUM(INDEX($D$3:$AA$30,INDEX(Jesper!$R$2:$R$366,ROW(INDEX(Jesper!AI$2:AI$366,ROUNDDOWN($C8414/24,0)+1,1))-1)+IF('Standard Profiles'!$G$19=$B$10,7,0)+IF('Standard Profiles'!$G$19=$B$17,14,0)+IF('Standard Profiles'!$G$19=$B$24,21,0),0)),0)</f>
        <v>1.6634020792116877</v>
      </c>
      <c r="F8414" cm="1">
        <f t="array" ref="F8414">IFERROR(INDEX(Jesper!AJ$2:AJ$366,ROUNDDOWN($C8414/24,0)+1,1)*INDEX($D$3:$AA$30,INDEX(Jesper!$R$2:$R$366,ROW(INDEX(Jesper!AJ$2:AJ$366,ROUNDDOWN($C8414/24,0)+1,1))-1)+IF('Standard Profiles'!$G$20=$B$10,7,0)+IF('Standard Profiles'!$G$20=$B$17,14,0)+IF('Standard Profiles'!$G$20=$B$24,21,0),MOD($C8414,24)+1)/SUM(INDEX($D$3:$AA$30,INDEX(Jesper!$R$2:$R$366,ROW(INDEX(Jesper!AJ$2:AJ$366,ROUNDDOWN($C8414/24,0)+1,1))-1)+IF('Standard Profiles'!$G$20=$B$10,7,0)+IF('Standard Profiles'!$G$20=$B$17,14,0)+IF('Standard Profiles'!$G$20=$B$24,21,0),0)),0)</f>
        <v>0</v>
      </c>
      <c r="G8414" cm="1">
        <f t="array" ref="G8414">IFERROR(INDEX(Jesper!AK$2:AK$366,ROUNDDOWN($C8414/24,0)+1,1)*INDEX($D$3:$AA$30,INDEX(Jesper!$R$2:$R$366,ROW(INDEX(Jesper!AK$2:AK$366,ROUNDDOWN($C8414/24,0)+1,1))-1)+IF('Standard Profiles'!$G$21=$B$10,7,0)+IF('Standard Profiles'!$G$21=$B$17,14,0)+IF('Standard Profiles'!$G$21=$B$24,21,0),MOD($C8414,24)+1)/SUM(INDEX($D$3:$AA$30,INDEX(Jesper!$R$2:$R$366,ROW(INDEX(Jesper!AK$2:AK$366,ROUNDDOWN($C8414/24,0)+1,1))-1)+IF('Standard Profiles'!$G$21=$B$10,7,0)+IF('Standard Profiles'!$G$21=$B$17,14,0)+IF('Standard Profiles'!$G$21=$B$24,21,0),0)),0)</f>
        <v>0</v>
      </c>
      <c r="H8414" cm="1">
        <f t="array" ref="H8414">IFERROR(INDEX(Jesper!AL$2:AL$366,ROUNDDOWN($C8414/24,0)+1,1)*INDEX($D$3:$AA$30,INDEX(Jesper!$R$2:$R$366,ROW(INDEX(Jesper!AL$2:AL$366,ROUNDDOWN($C8414/24,0)+1,1))-1)+IF('Standard Profiles'!$G$22=$B$10,7,0)+IF('Standard Profiles'!$G$22=$B$17,14,0)+IF('Standard Profiles'!$G$22=$B$24,21,0),MOD($C8414,24)+1)/SUM(INDEX($D$3:$AA$30,INDEX(Jesper!$R$2:$R$366,ROW(INDEX(Jesper!AL$2:AL$366,ROUNDDOWN($C8414/24,0)+1,1))-1)+IF('Standard Profiles'!$G$22=$B$10,7,0)+IF('Standard Profiles'!$G$22=$B$17,14,0)+IF('Standard Profiles'!$G$22=$B$24,21,0),0)),0)</f>
        <v>0</v>
      </c>
      <c r="I8414">
        <f t="shared" si="930"/>
        <v>0.14985604317222415</v>
      </c>
      <c r="J8414">
        <f t="shared" si="931"/>
        <v>0.49952014390741389</v>
      </c>
      <c r="K8414">
        <f t="shared" si="932"/>
        <v>0.74928021586112092</v>
      </c>
      <c r="L8414">
        <f t="shared" si="933"/>
        <v>8.1482075272765382</v>
      </c>
      <c r="M8414">
        <f t="shared" si="934"/>
        <v>0</v>
      </c>
      <c r="N8414" s="46">
        <f t="shared" si="935"/>
        <v>45641.166666646342</v>
      </c>
    </row>
    <row r="8415" spans="2:14" x14ac:dyDescent="0.3">
      <c r="B8415">
        <f t="shared" si="929"/>
        <v>7</v>
      </c>
      <c r="C8415" s="16">
        <v>8381</v>
      </c>
      <c r="D8415" cm="1">
        <f t="array" ref="D8415">IFERROR(INDEX(Jesper!AH$2:AH$366,ROUNDDOWN($C8415/24,0)+1,1)*INDEX($D$3:$AA$30,INDEX(Jesper!$R$2:$R$366,ROW(INDEX(Jesper!AH$2:AH$366,ROUNDDOWN($C8415/24,0)+1,1))-1)+IF('Standard Profiles'!$G$18=$B$10,7,0)+IF('Standard Profiles'!$G$18=$B$17,14,0)+IF('Standard Profiles'!$G$18=$B$24,21,0),MOD($C8415,24)+1)/SUM(INDEX($D$3:$AA$30,INDEX(Jesper!$R$2:$R$366,ROW(INDEX(Jesper!AH$2:AH$366,ROUNDDOWN($C8415/24,0)+1,1))-1)+IF('Standard Profiles'!$G$18=$B$10,7,0)+IF('Standard Profiles'!$G$18=$B$17,14,0)+IF('Standard Profiles'!$G$18=$B$24,21,0),0)),0)</f>
        <v>9.8543273137570111</v>
      </c>
      <c r="E8415" cm="1">
        <f t="array" ref="E8415">IFERROR(INDEX(Jesper!AI$2:AI$366,ROUNDDOWN($C8415/24,0)+1,1)*INDEX($D$3:$AA$30,INDEX(Jesper!$R$2:$R$366,ROW(INDEX(Jesper!AI$2:AI$366,ROUNDDOWN($C8415/24,0)+1,1))-1)+IF('Standard Profiles'!$G$19=$B$10,7,0)+IF('Standard Profiles'!$G$19=$B$17,14,0)+IF('Standard Profiles'!$G$19=$B$24,21,0),MOD($C8415,24)+1)/SUM(INDEX($D$3:$AA$30,INDEX(Jesper!$R$2:$R$366,ROW(INDEX(Jesper!AI$2:AI$366,ROUNDDOWN($C8415/24,0)+1,1))-1)+IF('Standard Profiles'!$G$19=$B$10,7,0)+IF('Standard Profiles'!$G$19=$B$17,14,0)+IF('Standard Profiles'!$G$19=$B$24,21,0),0)),0)</f>
        <v>2.0792525990146098</v>
      </c>
      <c r="F8415" cm="1">
        <f t="array" ref="F8415">IFERROR(INDEX(Jesper!AJ$2:AJ$366,ROUNDDOWN($C8415/24,0)+1,1)*INDEX($D$3:$AA$30,INDEX(Jesper!$R$2:$R$366,ROW(INDEX(Jesper!AJ$2:AJ$366,ROUNDDOWN($C8415/24,0)+1,1))-1)+IF('Standard Profiles'!$G$20=$B$10,7,0)+IF('Standard Profiles'!$G$20=$B$17,14,0)+IF('Standard Profiles'!$G$20=$B$24,21,0),MOD($C8415,24)+1)/SUM(INDEX($D$3:$AA$30,INDEX(Jesper!$R$2:$R$366,ROW(INDEX(Jesper!AJ$2:AJ$366,ROUNDDOWN($C8415/24,0)+1,1))-1)+IF('Standard Profiles'!$G$20=$B$10,7,0)+IF('Standard Profiles'!$G$20=$B$17,14,0)+IF('Standard Profiles'!$G$20=$B$24,21,0),0)),0)</f>
        <v>0</v>
      </c>
      <c r="G8415" cm="1">
        <f t="array" ref="G8415">IFERROR(INDEX(Jesper!AK$2:AK$366,ROUNDDOWN($C8415/24,0)+1,1)*INDEX($D$3:$AA$30,INDEX(Jesper!$R$2:$R$366,ROW(INDEX(Jesper!AK$2:AK$366,ROUNDDOWN($C8415/24,0)+1,1))-1)+IF('Standard Profiles'!$G$21=$B$10,7,0)+IF('Standard Profiles'!$G$21=$B$17,14,0)+IF('Standard Profiles'!$G$21=$B$24,21,0),MOD($C8415,24)+1)/SUM(INDEX($D$3:$AA$30,INDEX(Jesper!$R$2:$R$366,ROW(INDEX(Jesper!AK$2:AK$366,ROUNDDOWN($C8415/24,0)+1,1))-1)+IF('Standard Profiles'!$G$21=$B$10,7,0)+IF('Standard Profiles'!$G$21=$B$17,14,0)+IF('Standard Profiles'!$G$21=$B$24,21,0),0)),0)</f>
        <v>0</v>
      </c>
      <c r="H8415" cm="1">
        <f t="array" ref="H8415">IFERROR(INDEX(Jesper!AL$2:AL$366,ROUNDDOWN($C8415/24,0)+1,1)*INDEX($D$3:$AA$30,INDEX(Jesper!$R$2:$R$366,ROW(INDEX(Jesper!AL$2:AL$366,ROUNDDOWN($C8415/24,0)+1,1))-1)+IF('Standard Profiles'!$G$22=$B$10,7,0)+IF('Standard Profiles'!$G$22=$B$17,14,0)+IF('Standard Profiles'!$G$22=$B$24,21,0),MOD($C8415,24)+1)/SUM(INDEX($D$3:$AA$30,INDEX(Jesper!$R$2:$R$366,ROW(INDEX(Jesper!AL$2:AL$366,ROUNDDOWN($C8415/24,0)+1,1))-1)+IF('Standard Profiles'!$G$22=$B$10,7,0)+IF('Standard Profiles'!$G$22=$B$17,14,0)+IF('Standard Profiles'!$G$22=$B$24,21,0),0)),0)</f>
        <v>0</v>
      </c>
      <c r="I8415">
        <f t="shared" si="930"/>
        <v>0.1873200539652802</v>
      </c>
      <c r="J8415">
        <f t="shared" si="931"/>
        <v>0.62440017988426744</v>
      </c>
      <c r="K8415">
        <f t="shared" si="932"/>
        <v>0.93660026982640121</v>
      </c>
      <c r="L8415">
        <f t="shared" si="933"/>
        <v>10.185259409095671</v>
      </c>
      <c r="M8415">
        <f t="shared" si="934"/>
        <v>0</v>
      </c>
      <c r="N8415" s="46">
        <f t="shared" si="935"/>
        <v>45641.208333313007</v>
      </c>
    </row>
    <row r="8416" spans="2:14" x14ac:dyDescent="0.3">
      <c r="B8416">
        <f t="shared" si="929"/>
        <v>7</v>
      </c>
      <c r="C8416" s="16">
        <v>8382</v>
      </c>
      <c r="D8416" cm="1">
        <f t="array" ref="D8416">IFERROR(INDEX(Jesper!AH$2:AH$366,ROUNDDOWN($C8416/24,0)+1,1)*INDEX($D$3:$AA$30,INDEX(Jesper!$R$2:$R$366,ROW(INDEX(Jesper!AH$2:AH$366,ROUNDDOWN($C8416/24,0)+1,1))-1)+IF('Standard Profiles'!$G$18=$B$10,7,0)+IF('Standard Profiles'!$G$18=$B$17,14,0)+IF('Standard Profiles'!$G$18=$B$24,21,0),MOD($C8416,24)+1)/SUM(INDEX($D$3:$AA$30,INDEX(Jesper!$R$2:$R$366,ROW(INDEX(Jesper!AH$2:AH$366,ROUNDDOWN($C8416/24,0)+1,1))-1)+IF('Standard Profiles'!$G$18=$B$10,7,0)+IF('Standard Profiles'!$G$18=$B$17,14,0)+IF('Standard Profiles'!$G$18=$B$24,21,0),0)),0)</f>
        <v>11.606207725091592</v>
      </c>
      <c r="E8416" cm="1">
        <f t="array" ref="E8416">IFERROR(INDEX(Jesper!AI$2:AI$366,ROUNDDOWN($C8416/24,0)+1,1)*INDEX($D$3:$AA$30,INDEX(Jesper!$R$2:$R$366,ROW(INDEX(Jesper!AI$2:AI$366,ROUNDDOWN($C8416/24,0)+1,1))-1)+IF('Standard Profiles'!$G$19=$B$10,7,0)+IF('Standard Profiles'!$G$19=$B$17,14,0)+IF('Standard Profiles'!$G$19=$B$24,21,0),MOD($C8416,24)+1)/SUM(INDEX($D$3:$AA$30,INDEX(Jesper!$R$2:$R$366,ROW(INDEX(Jesper!AI$2:AI$366,ROUNDDOWN($C8416/24,0)+1,1))-1)+IF('Standard Profiles'!$G$19=$B$10,7,0)+IF('Standard Profiles'!$G$19=$B$17,14,0)+IF('Standard Profiles'!$G$19=$B$24,21,0),0)),0)</f>
        <v>2.4488975055060962</v>
      </c>
      <c r="F8416" cm="1">
        <f t="array" ref="F8416">IFERROR(INDEX(Jesper!AJ$2:AJ$366,ROUNDDOWN($C8416/24,0)+1,1)*INDEX($D$3:$AA$30,INDEX(Jesper!$R$2:$R$366,ROW(INDEX(Jesper!AJ$2:AJ$366,ROUNDDOWN($C8416/24,0)+1,1))-1)+IF('Standard Profiles'!$G$20=$B$10,7,0)+IF('Standard Profiles'!$G$20=$B$17,14,0)+IF('Standard Profiles'!$G$20=$B$24,21,0),MOD($C8416,24)+1)/SUM(INDEX($D$3:$AA$30,INDEX(Jesper!$R$2:$R$366,ROW(INDEX(Jesper!AJ$2:AJ$366,ROUNDDOWN($C8416/24,0)+1,1))-1)+IF('Standard Profiles'!$G$20=$B$10,7,0)+IF('Standard Profiles'!$G$20=$B$17,14,0)+IF('Standard Profiles'!$G$20=$B$24,21,0),0)),0)</f>
        <v>0</v>
      </c>
      <c r="G8416" cm="1">
        <f t="array" ref="G8416">IFERROR(INDEX(Jesper!AK$2:AK$366,ROUNDDOWN($C8416/24,0)+1,1)*INDEX($D$3:$AA$30,INDEX(Jesper!$R$2:$R$366,ROW(INDEX(Jesper!AK$2:AK$366,ROUNDDOWN($C8416/24,0)+1,1))-1)+IF('Standard Profiles'!$G$21=$B$10,7,0)+IF('Standard Profiles'!$G$21=$B$17,14,0)+IF('Standard Profiles'!$G$21=$B$24,21,0),MOD($C8416,24)+1)/SUM(INDEX($D$3:$AA$30,INDEX(Jesper!$R$2:$R$366,ROW(INDEX(Jesper!AK$2:AK$366,ROUNDDOWN($C8416/24,0)+1,1))-1)+IF('Standard Profiles'!$G$21=$B$10,7,0)+IF('Standard Profiles'!$G$21=$B$17,14,0)+IF('Standard Profiles'!$G$21=$B$24,21,0),0)),0)</f>
        <v>0</v>
      </c>
      <c r="H8416" cm="1">
        <f t="array" ref="H8416">IFERROR(INDEX(Jesper!AL$2:AL$366,ROUNDDOWN($C8416/24,0)+1,1)*INDEX($D$3:$AA$30,INDEX(Jesper!$R$2:$R$366,ROW(INDEX(Jesper!AL$2:AL$366,ROUNDDOWN($C8416/24,0)+1,1))-1)+IF('Standard Profiles'!$G$22=$B$10,7,0)+IF('Standard Profiles'!$G$22=$B$17,14,0)+IF('Standard Profiles'!$G$22=$B$24,21,0),MOD($C8416,24)+1)/SUM(INDEX($D$3:$AA$30,INDEX(Jesper!$R$2:$R$366,ROW(INDEX(Jesper!AL$2:AL$366,ROUNDDOWN($C8416/24,0)+1,1))-1)+IF('Standard Profiles'!$G$22=$B$10,7,0)+IF('Standard Profiles'!$G$22=$B$17,14,0)+IF('Standard Profiles'!$G$22=$B$24,21,0),0)),0)</f>
        <v>0</v>
      </c>
      <c r="I8416">
        <f t="shared" si="930"/>
        <v>0.22062139689244115</v>
      </c>
      <c r="J8416">
        <f t="shared" si="931"/>
        <v>0.73540465630813723</v>
      </c>
      <c r="K8416">
        <f t="shared" si="932"/>
        <v>1.1031069844622059</v>
      </c>
      <c r="L8416">
        <f t="shared" si="933"/>
        <v>11.995972192934904</v>
      </c>
      <c r="M8416">
        <f t="shared" si="934"/>
        <v>0</v>
      </c>
      <c r="N8416" s="46">
        <f t="shared" si="935"/>
        <v>45641.249999979671</v>
      </c>
    </row>
    <row r="8417" spans="2:14" x14ac:dyDescent="0.3">
      <c r="B8417">
        <f t="shared" si="929"/>
        <v>7</v>
      </c>
      <c r="C8417" s="16">
        <v>8383</v>
      </c>
      <c r="D8417" cm="1">
        <f t="array" ref="D8417">IFERROR(INDEX(Jesper!AH$2:AH$366,ROUNDDOWN($C8417/24,0)+1,1)*INDEX($D$3:$AA$30,INDEX(Jesper!$R$2:$R$366,ROW(INDEX(Jesper!AH$2:AH$366,ROUNDDOWN($C8417/24,0)+1,1))-1)+IF('Standard Profiles'!$G$18=$B$10,7,0)+IF('Standard Profiles'!$G$18=$B$17,14,0)+IF('Standard Profiles'!$G$18=$B$24,21,0),MOD($C8417,24)+1)/SUM(INDEX($D$3:$AA$30,INDEX(Jesper!$R$2:$R$366,ROW(INDEX(Jesper!AH$2:AH$366,ROUNDDOWN($C8417/24,0)+1,1))-1)+IF('Standard Profiles'!$G$18=$B$10,7,0)+IF('Standard Profiles'!$G$18=$B$17,14,0)+IF('Standard Profiles'!$G$18=$B$24,21,0),0)),0)</f>
        <v>13.796058239259814</v>
      </c>
      <c r="E8417" cm="1">
        <f t="array" ref="E8417">IFERROR(INDEX(Jesper!AI$2:AI$366,ROUNDDOWN($C8417/24,0)+1,1)*INDEX($D$3:$AA$30,INDEX(Jesper!$R$2:$R$366,ROW(INDEX(Jesper!AI$2:AI$366,ROUNDDOWN($C8417/24,0)+1,1))-1)+IF('Standard Profiles'!$G$19=$B$10,7,0)+IF('Standard Profiles'!$G$19=$B$17,14,0)+IF('Standard Profiles'!$G$19=$B$24,21,0),MOD($C8417,24)+1)/SUM(INDEX($D$3:$AA$30,INDEX(Jesper!$R$2:$R$366,ROW(INDEX(Jesper!AI$2:AI$366,ROUNDDOWN($C8417/24,0)+1,1))-1)+IF('Standard Profiles'!$G$19=$B$10,7,0)+IF('Standard Profiles'!$G$19=$B$17,14,0)+IF('Standard Profiles'!$G$19=$B$24,21,0),0)),0)</f>
        <v>2.9109536386204535</v>
      </c>
      <c r="F8417" cm="1">
        <f t="array" ref="F8417">IFERROR(INDEX(Jesper!AJ$2:AJ$366,ROUNDDOWN($C8417/24,0)+1,1)*INDEX($D$3:$AA$30,INDEX(Jesper!$R$2:$R$366,ROW(INDEX(Jesper!AJ$2:AJ$366,ROUNDDOWN($C8417/24,0)+1,1))-1)+IF('Standard Profiles'!$G$20=$B$10,7,0)+IF('Standard Profiles'!$G$20=$B$17,14,0)+IF('Standard Profiles'!$G$20=$B$24,21,0),MOD($C8417,24)+1)/SUM(INDEX($D$3:$AA$30,INDEX(Jesper!$R$2:$R$366,ROW(INDEX(Jesper!AJ$2:AJ$366,ROUNDDOWN($C8417/24,0)+1,1))-1)+IF('Standard Profiles'!$G$20=$B$10,7,0)+IF('Standard Profiles'!$G$20=$B$17,14,0)+IF('Standard Profiles'!$G$20=$B$24,21,0),0)),0)</f>
        <v>0</v>
      </c>
      <c r="G8417" cm="1">
        <f t="array" ref="G8417">IFERROR(INDEX(Jesper!AK$2:AK$366,ROUNDDOWN($C8417/24,0)+1,1)*INDEX($D$3:$AA$30,INDEX(Jesper!$R$2:$R$366,ROW(INDEX(Jesper!AK$2:AK$366,ROUNDDOWN($C8417/24,0)+1,1))-1)+IF('Standard Profiles'!$G$21=$B$10,7,0)+IF('Standard Profiles'!$G$21=$B$17,14,0)+IF('Standard Profiles'!$G$21=$B$24,21,0),MOD($C8417,24)+1)/SUM(INDEX($D$3:$AA$30,INDEX(Jesper!$R$2:$R$366,ROW(INDEX(Jesper!AK$2:AK$366,ROUNDDOWN($C8417/24,0)+1,1))-1)+IF('Standard Profiles'!$G$21=$B$10,7,0)+IF('Standard Profiles'!$G$21=$B$17,14,0)+IF('Standard Profiles'!$G$21=$B$24,21,0),0)),0)</f>
        <v>0</v>
      </c>
      <c r="H8417" cm="1">
        <f t="array" ref="H8417">IFERROR(INDEX(Jesper!AL$2:AL$366,ROUNDDOWN($C8417/24,0)+1,1)*INDEX($D$3:$AA$30,INDEX(Jesper!$R$2:$R$366,ROW(INDEX(Jesper!AL$2:AL$366,ROUNDDOWN($C8417/24,0)+1,1))-1)+IF('Standard Profiles'!$G$22=$B$10,7,0)+IF('Standard Profiles'!$G$22=$B$17,14,0)+IF('Standard Profiles'!$G$22=$B$24,21,0),MOD($C8417,24)+1)/SUM(INDEX($D$3:$AA$30,INDEX(Jesper!$R$2:$R$366,ROW(INDEX(Jesper!AL$2:AL$366,ROUNDDOWN($C8417/24,0)+1,1))-1)+IF('Standard Profiles'!$G$22=$B$10,7,0)+IF('Standard Profiles'!$G$22=$B$17,14,0)+IF('Standard Profiles'!$G$22=$B$24,21,0),0)),0)</f>
        <v>0</v>
      </c>
      <c r="I8417">
        <f t="shared" si="930"/>
        <v>0.26224807555139229</v>
      </c>
      <c r="J8417">
        <f t="shared" si="931"/>
        <v>0.87416025183797441</v>
      </c>
      <c r="K8417">
        <f t="shared" si="932"/>
        <v>1.3112403777569615</v>
      </c>
      <c r="L8417">
        <f t="shared" si="933"/>
        <v>14.25936317273394</v>
      </c>
      <c r="M8417">
        <f t="shared" si="934"/>
        <v>0</v>
      </c>
      <c r="N8417" s="46">
        <f t="shared" si="935"/>
        <v>45641.291666646335</v>
      </c>
    </row>
    <row r="8418" spans="2:14" x14ac:dyDescent="0.3">
      <c r="B8418">
        <f t="shared" si="929"/>
        <v>7</v>
      </c>
      <c r="C8418" s="16">
        <v>8384</v>
      </c>
      <c r="D8418" cm="1">
        <f t="array" ref="D8418">IFERROR(INDEX(Jesper!AH$2:AH$366,ROUNDDOWN($C8418/24,0)+1,1)*INDEX($D$3:$AA$30,INDEX(Jesper!$R$2:$R$366,ROW(INDEX(Jesper!AH$2:AH$366,ROUNDDOWN($C8418/24,0)+1,1))-1)+IF('Standard Profiles'!$G$18=$B$10,7,0)+IF('Standard Profiles'!$G$18=$B$17,14,0)+IF('Standard Profiles'!$G$18=$B$24,21,0),MOD($C8418,24)+1)/SUM(INDEX($D$3:$AA$30,INDEX(Jesper!$R$2:$R$366,ROW(INDEX(Jesper!AH$2:AH$366,ROUNDDOWN($C8418/24,0)+1,1))-1)+IF('Standard Profiles'!$G$18=$B$10,7,0)+IF('Standard Profiles'!$G$18=$B$17,14,0)+IF('Standard Profiles'!$G$18=$B$24,21,0),0)),0)</f>
        <v>13.796058239259814</v>
      </c>
      <c r="E8418" cm="1">
        <f t="array" ref="E8418">IFERROR(INDEX(Jesper!AI$2:AI$366,ROUNDDOWN($C8418/24,0)+1,1)*INDEX($D$3:$AA$30,INDEX(Jesper!$R$2:$R$366,ROW(INDEX(Jesper!AI$2:AI$366,ROUNDDOWN($C8418/24,0)+1,1))-1)+IF('Standard Profiles'!$G$19=$B$10,7,0)+IF('Standard Profiles'!$G$19=$B$17,14,0)+IF('Standard Profiles'!$G$19=$B$24,21,0),MOD($C8418,24)+1)/SUM(INDEX($D$3:$AA$30,INDEX(Jesper!$R$2:$R$366,ROW(INDEX(Jesper!AI$2:AI$366,ROUNDDOWN($C8418/24,0)+1,1))-1)+IF('Standard Profiles'!$G$19=$B$10,7,0)+IF('Standard Profiles'!$G$19=$B$17,14,0)+IF('Standard Profiles'!$G$19=$B$24,21,0),0)),0)</f>
        <v>2.9109536386204535</v>
      </c>
      <c r="F8418" cm="1">
        <f t="array" ref="F8418">IFERROR(INDEX(Jesper!AJ$2:AJ$366,ROUNDDOWN($C8418/24,0)+1,1)*INDEX($D$3:$AA$30,INDEX(Jesper!$R$2:$R$366,ROW(INDEX(Jesper!AJ$2:AJ$366,ROUNDDOWN($C8418/24,0)+1,1))-1)+IF('Standard Profiles'!$G$20=$B$10,7,0)+IF('Standard Profiles'!$G$20=$B$17,14,0)+IF('Standard Profiles'!$G$20=$B$24,21,0),MOD($C8418,24)+1)/SUM(INDEX($D$3:$AA$30,INDEX(Jesper!$R$2:$R$366,ROW(INDEX(Jesper!AJ$2:AJ$366,ROUNDDOWN($C8418/24,0)+1,1))-1)+IF('Standard Profiles'!$G$20=$B$10,7,0)+IF('Standard Profiles'!$G$20=$B$17,14,0)+IF('Standard Profiles'!$G$20=$B$24,21,0),0)),0)</f>
        <v>0</v>
      </c>
      <c r="G8418" cm="1">
        <f t="array" ref="G8418">IFERROR(INDEX(Jesper!AK$2:AK$366,ROUNDDOWN($C8418/24,0)+1,1)*INDEX($D$3:$AA$30,INDEX(Jesper!$R$2:$R$366,ROW(INDEX(Jesper!AK$2:AK$366,ROUNDDOWN($C8418/24,0)+1,1))-1)+IF('Standard Profiles'!$G$21=$B$10,7,0)+IF('Standard Profiles'!$G$21=$B$17,14,0)+IF('Standard Profiles'!$G$21=$B$24,21,0),MOD($C8418,24)+1)/SUM(INDEX($D$3:$AA$30,INDEX(Jesper!$R$2:$R$366,ROW(INDEX(Jesper!AK$2:AK$366,ROUNDDOWN($C8418/24,0)+1,1))-1)+IF('Standard Profiles'!$G$21=$B$10,7,0)+IF('Standard Profiles'!$G$21=$B$17,14,0)+IF('Standard Profiles'!$G$21=$B$24,21,0),0)),0)</f>
        <v>0</v>
      </c>
      <c r="H8418" cm="1">
        <f t="array" ref="H8418">IFERROR(INDEX(Jesper!AL$2:AL$366,ROUNDDOWN($C8418/24,0)+1,1)*INDEX($D$3:$AA$30,INDEX(Jesper!$R$2:$R$366,ROW(INDEX(Jesper!AL$2:AL$366,ROUNDDOWN($C8418/24,0)+1,1))-1)+IF('Standard Profiles'!$G$22=$B$10,7,0)+IF('Standard Profiles'!$G$22=$B$17,14,0)+IF('Standard Profiles'!$G$22=$B$24,21,0),MOD($C8418,24)+1)/SUM(INDEX($D$3:$AA$30,INDEX(Jesper!$R$2:$R$366,ROW(INDEX(Jesper!AL$2:AL$366,ROUNDDOWN($C8418/24,0)+1,1))-1)+IF('Standard Profiles'!$G$22=$B$10,7,0)+IF('Standard Profiles'!$G$22=$B$17,14,0)+IF('Standard Profiles'!$G$22=$B$24,21,0),0)),0)</f>
        <v>0</v>
      </c>
      <c r="I8418">
        <f t="shared" si="930"/>
        <v>0.26224807555139229</v>
      </c>
      <c r="J8418">
        <f t="shared" si="931"/>
        <v>0.87416025183797441</v>
      </c>
      <c r="K8418">
        <f t="shared" si="932"/>
        <v>1.3112403777569615</v>
      </c>
      <c r="L8418">
        <f t="shared" si="933"/>
        <v>14.25936317273394</v>
      </c>
      <c r="M8418">
        <f t="shared" si="934"/>
        <v>0</v>
      </c>
      <c r="N8418" s="46">
        <f t="shared" si="935"/>
        <v>45641.333333312999</v>
      </c>
    </row>
    <row r="8419" spans="2:14" x14ac:dyDescent="0.3">
      <c r="B8419">
        <f t="shared" ref="B8419:B8482" si="936">WEEKDAY(N8419,2)</f>
        <v>7</v>
      </c>
      <c r="C8419" s="16">
        <v>8385</v>
      </c>
      <c r="D8419" cm="1">
        <f t="array" ref="D8419">IFERROR(INDEX(Jesper!AH$2:AH$366,ROUNDDOWN($C8419/24,0)+1,1)*INDEX($D$3:$AA$30,INDEX(Jesper!$R$2:$R$366,ROW(INDEX(Jesper!AH$2:AH$366,ROUNDDOWN($C8419/24,0)+1,1))-1)+IF('Standard Profiles'!$G$18=$B$10,7,0)+IF('Standard Profiles'!$G$18=$B$17,14,0)+IF('Standard Profiles'!$G$18=$B$24,21,0),MOD($C8419,24)+1)/SUM(INDEX($D$3:$AA$30,INDEX(Jesper!$R$2:$R$366,ROW(INDEX(Jesper!AH$2:AH$366,ROUNDDOWN($C8419/24,0)+1,1))-1)+IF('Standard Profiles'!$G$18=$B$10,7,0)+IF('Standard Profiles'!$G$18=$B$17,14,0)+IF('Standard Profiles'!$G$18=$B$24,21,0),0)),0)</f>
        <v>13.796058239259814</v>
      </c>
      <c r="E8419" cm="1">
        <f t="array" ref="E8419">IFERROR(INDEX(Jesper!AI$2:AI$366,ROUNDDOWN($C8419/24,0)+1,1)*INDEX($D$3:$AA$30,INDEX(Jesper!$R$2:$R$366,ROW(INDEX(Jesper!AI$2:AI$366,ROUNDDOWN($C8419/24,0)+1,1))-1)+IF('Standard Profiles'!$G$19=$B$10,7,0)+IF('Standard Profiles'!$G$19=$B$17,14,0)+IF('Standard Profiles'!$G$19=$B$24,21,0),MOD($C8419,24)+1)/SUM(INDEX($D$3:$AA$30,INDEX(Jesper!$R$2:$R$366,ROW(INDEX(Jesper!AI$2:AI$366,ROUNDDOWN($C8419/24,0)+1,1))-1)+IF('Standard Profiles'!$G$19=$B$10,7,0)+IF('Standard Profiles'!$G$19=$B$17,14,0)+IF('Standard Profiles'!$G$19=$B$24,21,0),0)),0)</f>
        <v>2.9109536386204535</v>
      </c>
      <c r="F8419" cm="1">
        <f t="array" ref="F8419">IFERROR(INDEX(Jesper!AJ$2:AJ$366,ROUNDDOWN($C8419/24,0)+1,1)*INDEX($D$3:$AA$30,INDEX(Jesper!$R$2:$R$366,ROW(INDEX(Jesper!AJ$2:AJ$366,ROUNDDOWN($C8419/24,0)+1,1))-1)+IF('Standard Profiles'!$G$20=$B$10,7,0)+IF('Standard Profiles'!$G$20=$B$17,14,0)+IF('Standard Profiles'!$G$20=$B$24,21,0),MOD($C8419,24)+1)/SUM(INDEX($D$3:$AA$30,INDEX(Jesper!$R$2:$R$366,ROW(INDEX(Jesper!AJ$2:AJ$366,ROUNDDOWN($C8419/24,0)+1,1))-1)+IF('Standard Profiles'!$G$20=$B$10,7,0)+IF('Standard Profiles'!$G$20=$B$17,14,0)+IF('Standard Profiles'!$G$20=$B$24,21,0),0)),0)</f>
        <v>0</v>
      </c>
      <c r="G8419" cm="1">
        <f t="array" ref="G8419">IFERROR(INDEX(Jesper!AK$2:AK$366,ROUNDDOWN($C8419/24,0)+1,1)*INDEX($D$3:$AA$30,INDEX(Jesper!$R$2:$R$366,ROW(INDEX(Jesper!AK$2:AK$366,ROUNDDOWN($C8419/24,0)+1,1))-1)+IF('Standard Profiles'!$G$21=$B$10,7,0)+IF('Standard Profiles'!$G$21=$B$17,14,0)+IF('Standard Profiles'!$G$21=$B$24,21,0),MOD($C8419,24)+1)/SUM(INDEX($D$3:$AA$30,INDEX(Jesper!$R$2:$R$366,ROW(INDEX(Jesper!AK$2:AK$366,ROUNDDOWN($C8419/24,0)+1,1))-1)+IF('Standard Profiles'!$G$21=$B$10,7,0)+IF('Standard Profiles'!$G$21=$B$17,14,0)+IF('Standard Profiles'!$G$21=$B$24,21,0),0)),0)</f>
        <v>0</v>
      </c>
      <c r="H8419" cm="1">
        <f t="array" ref="H8419">IFERROR(INDEX(Jesper!AL$2:AL$366,ROUNDDOWN($C8419/24,0)+1,1)*INDEX($D$3:$AA$30,INDEX(Jesper!$R$2:$R$366,ROW(INDEX(Jesper!AL$2:AL$366,ROUNDDOWN($C8419/24,0)+1,1))-1)+IF('Standard Profiles'!$G$22=$B$10,7,0)+IF('Standard Profiles'!$G$22=$B$17,14,0)+IF('Standard Profiles'!$G$22=$B$24,21,0),MOD($C8419,24)+1)/SUM(INDEX($D$3:$AA$30,INDEX(Jesper!$R$2:$R$366,ROW(INDEX(Jesper!AL$2:AL$366,ROUNDDOWN($C8419/24,0)+1,1))-1)+IF('Standard Profiles'!$G$22=$B$10,7,0)+IF('Standard Profiles'!$G$22=$B$17,14,0)+IF('Standard Profiles'!$G$22=$B$24,21,0),0)),0)</f>
        <v>0</v>
      </c>
      <c r="I8419">
        <f t="shared" ref="I8419:I8482" si="937">IF($B8419&lt;6,AC$37*$D8419+AC$38*$E8419+AC$39*$F8419+AC$40*$G8419,AC$46*$D8419+AC$47*$E8419+AC$48*$F8419+AC$49*$G8419+AC$50*$H8419)</f>
        <v>0.26224807555139229</v>
      </c>
      <c r="J8419">
        <f t="shared" ref="J8419:J8482" si="938">IF($B8419&lt;6,AD$37*$D8419+AD$38*$E8419+AD$39*$F8419+AD$40*$G8419,AD$46*$D8419+AD$47*$E8419+AD$48*$F8419+AD$49*$G8419+AD$50*$H8419)</f>
        <v>0.87416025183797441</v>
      </c>
      <c r="K8419">
        <f t="shared" ref="K8419:K8482" si="939">IF($B8419&lt;6,AE$37*$D8419+AE$38*$E8419+AE$39*$F8419+AE$40*$G8419,AE$46*$D8419+AE$47*$E8419+AE$48*$F8419+AE$49*$G8419+AE$50*$H8419)</f>
        <v>1.3112403777569615</v>
      </c>
      <c r="L8419">
        <f t="shared" ref="L8419:L8482" si="940">IF($B8419&lt;6,AF$37*$D8419+AF$38*$E8419+AF$39*$F8419+AF$40*$G8419,AF$46*$D8419+AF$47*$E8419+AF$48*$F8419+AF$49*$G8419+AF$50*$H8419)</f>
        <v>14.25936317273394</v>
      </c>
      <c r="M8419">
        <f t="shared" ref="M8419:M8482" si="941">IF($B8419&lt;6,AG$37*$D8419+AG$38*$E8419+AG$39*$F8419+AG$40*$G8419,AG$46*$D8419+AG$47*$E8419+AG$48*$F8419+AG$49*$G8419+AG$50*$H8419)</f>
        <v>0</v>
      </c>
      <c r="N8419" s="46">
        <f t="shared" si="935"/>
        <v>45641.374999979664</v>
      </c>
    </row>
    <row r="8420" spans="2:14" x14ac:dyDescent="0.3">
      <c r="B8420">
        <f t="shared" si="936"/>
        <v>7</v>
      </c>
      <c r="C8420" s="16">
        <v>8386</v>
      </c>
      <c r="D8420" cm="1">
        <f t="array" ref="D8420">IFERROR(INDEX(Jesper!AH$2:AH$366,ROUNDDOWN($C8420/24,0)+1,1)*INDEX($D$3:$AA$30,INDEX(Jesper!$R$2:$R$366,ROW(INDEX(Jesper!AH$2:AH$366,ROUNDDOWN($C8420/24,0)+1,1))-1)+IF('Standard Profiles'!$G$18=$B$10,7,0)+IF('Standard Profiles'!$G$18=$B$17,14,0)+IF('Standard Profiles'!$G$18=$B$24,21,0),MOD($C8420,24)+1)/SUM(INDEX($D$3:$AA$30,INDEX(Jesper!$R$2:$R$366,ROW(INDEX(Jesper!AH$2:AH$366,ROUNDDOWN($C8420/24,0)+1,1))-1)+IF('Standard Profiles'!$G$18=$B$10,7,0)+IF('Standard Profiles'!$G$18=$B$17,14,0)+IF('Standard Profiles'!$G$18=$B$24,21,0),0)),0)</f>
        <v>13.796058239259814</v>
      </c>
      <c r="E8420" cm="1">
        <f t="array" ref="E8420">IFERROR(INDEX(Jesper!AI$2:AI$366,ROUNDDOWN($C8420/24,0)+1,1)*INDEX($D$3:$AA$30,INDEX(Jesper!$R$2:$R$366,ROW(INDEX(Jesper!AI$2:AI$366,ROUNDDOWN($C8420/24,0)+1,1))-1)+IF('Standard Profiles'!$G$19=$B$10,7,0)+IF('Standard Profiles'!$G$19=$B$17,14,0)+IF('Standard Profiles'!$G$19=$B$24,21,0),MOD($C8420,24)+1)/SUM(INDEX($D$3:$AA$30,INDEX(Jesper!$R$2:$R$366,ROW(INDEX(Jesper!AI$2:AI$366,ROUNDDOWN($C8420/24,0)+1,1))-1)+IF('Standard Profiles'!$G$19=$B$10,7,0)+IF('Standard Profiles'!$G$19=$B$17,14,0)+IF('Standard Profiles'!$G$19=$B$24,21,0),0)),0)</f>
        <v>2.9109536386204535</v>
      </c>
      <c r="F8420" cm="1">
        <f t="array" ref="F8420">IFERROR(INDEX(Jesper!AJ$2:AJ$366,ROUNDDOWN($C8420/24,0)+1,1)*INDEX($D$3:$AA$30,INDEX(Jesper!$R$2:$R$366,ROW(INDEX(Jesper!AJ$2:AJ$366,ROUNDDOWN($C8420/24,0)+1,1))-1)+IF('Standard Profiles'!$G$20=$B$10,7,0)+IF('Standard Profiles'!$G$20=$B$17,14,0)+IF('Standard Profiles'!$G$20=$B$24,21,0),MOD($C8420,24)+1)/SUM(INDEX($D$3:$AA$30,INDEX(Jesper!$R$2:$R$366,ROW(INDEX(Jesper!AJ$2:AJ$366,ROUNDDOWN($C8420/24,0)+1,1))-1)+IF('Standard Profiles'!$G$20=$B$10,7,0)+IF('Standard Profiles'!$G$20=$B$17,14,0)+IF('Standard Profiles'!$G$20=$B$24,21,0),0)),0)</f>
        <v>0</v>
      </c>
      <c r="G8420" cm="1">
        <f t="array" ref="G8420">IFERROR(INDEX(Jesper!AK$2:AK$366,ROUNDDOWN($C8420/24,0)+1,1)*INDEX($D$3:$AA$30,INDEX(Jesper!$R$2:$R$366,ROW(INDEX(Jesper!AK$2:AK$366,ROUNDDOWN($C8420/24,0)+1,1))-1)+IF('Standard Profiles'!$G$21=$B$10,7,0)+IF('Standard Profiles'!$G$21=$B$17,14,0)+IF('Standard Profiles'!$G$21=$B$24,21,0),MOD($C8420,24)+1)/SUM(INDEX($D$3:$AA$30,INDEX(Jesper!$R$2:$R$366,ROW(INDEX(Jesper!AK$2:AK$366,ROUNDDOWN($C8420/24,0)+1,1))-1)+IF('Standard Profiles'!$G$21=$B$10,7,0)+IF('Standard Profiles'!$G$21=$B$17,14,0)+IF('Standard Profiles'!$G$21=$B$24,21,0),0)),0)</f>
        <v>0</v>
      </c>
      <c r="H8420" cm="1">
        <f t="array" ref="H8420">IFERROR(INDEX(Jesper!AL$2:AL$366,ROUNDDOWN($C8420/24,0)+1,1)*INDEX($D$3:$AA$30,INDEX(Jesper!$R$2:$R$366,ROW(INDEX(Jesper!AL$2:AL$366,ROUNDDOWN($C8420/24,0)+1,1))-1)+IF('Standard Profiles'!$G$22=$B$10,7,0)+IF('Standard Profiles'!$G$22=$B$17,14,0)+IF('Standard Profiles'!$G$22=$B$24,21,0),MOD($C8420,24)+1)/SUM(INDEX($D$3:$AA$30,INDEX(Jesper!$R$2:$R$366,ROW(INDEX(Jesper!AL$2:AL$366,ROUNDDOWN($C8420/24,0)+1,1))-1)+IF('Standard Profiles'!$G$22=$B$10,7,0)+IF('Standard Profiles'!$G$22=$B$17,14,0)+IF('Standard Profiles'!$G$22=$B$24,21,0),0)),0)</f>
        <v>0</v>
      </c>
      <c r="I8420">
        <f t="shared" si="937"/>
        <v>0.26224807555139229</v>
      </c>
      <c r="J8420">
        <f t="shared" si="938"/>
        <v>0.87416025183797441</v>
      </c>
      <c r="K8420">
        <f t="shared" si="939"/>
        <v>1.3112403777569615</v>
      </c>
      <c r="L8420">
        <f t="shared" si="940"/>
        <v>14.25936317273394</v>
      </c>
      <c r="M8420">
        <f t="shared" si="941"/>
        <v>0</v>
      </c>
      <c r="N8420" s="46">
        <f t="shared" ref="N8420:N8483" si="942">N8419+1/24</f>
        <v>45641.416666646328</v>
      </c>
    </row>
    <row r="8421" spans="2:14" x14ac:dyDescent="0.3">
      <c r="B8421">
        <f t="shared" si="936"/>
        <v>7</v>
      </c>
      <c r="C8421" s="16">
        <v>8387</v>
      </c>
      <c r="D8421" cm="1">
        <f t="array" ref="D8421">IFERROR(INDEX(Jesper!AH$2:AH$366,ROUNDDOWN($C8421/24,0)+1,1)*INDEX($D$3:$AA$30,INDEX(Jesper!$R$2:$R$366,ROW(INDEX(Jesper!AH$2:AH$366,ROUNDDOWN($C8421/24,0)+1,1))-1)+IF('Standard Profiles'!$G$18=$B$10,7,0)+IF('Standard Profiles'!$G$18=$B$17,14,0)+IF('Standard Profiles'!$G$18=$B$24,21,0),MOD($C8421,24)+1)/SUM(INDEX($D$3:$AA$30,INDEX(Jesper!$R$2:$R$366,ROW(INDEX(Jesper!AH$2:AH$366,ROUNDDOWN($C8421/24,0)+1,1))-1)+IF('Standard Profiles'!$G$18=$B$10,7,0)+IF('Standard Profiles'!$G$18=$B$17,14,0)+IF('Standard Profiles'!$G$18=$B$24,21,0),0)),0)</f>
        <v>13.796058239259814</v>
      </c>
      <c r="E8421" cm="1">
        <f t="array" ref="E8421">IFERROR(INDEX(Jesper!AI$2:AI$366,ROUNDDOWN($C8421/24,0)+1,1)*INDEX($D$3:$AA$30,INDEX(Jesper!$R$2:$R$366,ROW(INDEX(Jesper!AI$2:AI$366,ROUNDDOWN($C8421/24,0)+1,1))-1)+IF('Standard Profiles'!$G$19=$B$10,7,0)+IF('Standard Profiles'!$G$19=$B$17,14,0)+IF('Standard Profiles'!$G$19=$B$24,21,0),MOD($C8421,24)+1)/SUM(INDEX($D$3:$AA$30,INDEX(Jesper!$R$2:$R$366,ROW(INDEX(Jesper!AI$2:AI$366,ROUNDDOWN($C8421/24,0)+1,1))-1)+IF('Standard Profiles'!$G$19=$B$10,7,0)+IF('Standard Profiles'!$G$19=$B$17,14,0)+IF('Standard Profiles'!$G$19=$B$24,21,0),0)),0)</f>
        <v>2.9109536386204535</v>
      </c>
      <c r="F8421" cm="1">
        <f t="array" ref="F8421">IFERROR(INDEX(Jesper!AJ$2:AJ$366,ROUNDDOWN($C8421/24,0)+1,1)*INDEX($D$3:$AA$30,INDEX(Jesper!$R$2:$R$366,ROW(INDEX(Jesper!AJ$2:AJ$366,ROUNDDOWN($C8421/24,0)+1,1))-1)+IF('Standard Profiles'!$G$20=$B$10,7,0)+IF('Standard Profiles'!$G$20=$B$17,14,0)+IF('Standard Profiles'!$G$20=$B$24,21,0),MOD($C8421,24)+1)/SUM(INDEX($D$3:$AA$30,INDEX(Jesper!$R$2:$R$366,ROW(INDEX(Jesper!AJ$2:AJ$366,ROUNDDOWN($C8421/24,0)+1,1))-1)+IF('Standard Profiles'!$G$20=$B$10,7,0)+IF('Standard Profiles'!$G$20=$B$17,14,0)+IF('Standard Profiles'!$G$20=$B$24,21,0),0)),0)</f>
        <v>0</v>
      </c>
      <c r="G8421" cm="1">
        <f t="array" ref="G8421">IFERROR(INDEX(Jesper!AK$2:AK$366,ROUNDDOWN($C8421/24,0)+1,1)*INDEX($D$3:$AA$30,INDEX(Jesper!$R$2:$R$366,ROW(INDEX(Jesper!AK$2:AK$366,ROUNDDOWN($C8421/24,0)+1,1))-1)+IF('Standard Profiles'!$G$21=$B$10,7,0)+IF('Standard Profiles'!$G$21=$B$17,14,0)+IF('Standard Profiles'!$G$21=$B$24,21,0),MOD($C8421,24)+1)/SUM(INDEX($D$3:$AA$30,INDEX(Jesper!$R$2:$R$366,ROW(INDEX(Jesper!AK$2:AK$366,ROUNDDOWN($C8421/24,0)+1,1))-1)+IF('Standard Profiles'!$G$21=$B$10,7,0)+IF('Standard Profiles'!$G$21=$B$17,14,0)+IF('Standard Profiles'!$G$21=$B$24,21,0),0)),0)</f>
        <v>0</v>
      </c>
      <c r="H8421" cm="1">
        <f t="array" ref="H8421">IFERROR(INDEX(Jesper!AL$2:AL$366,ROUNDDOWN($C8421/24,0)+1,1)*INDEX($D$3:$AA$30,INDEX(Jesper!$R$2:$R$366,ROW(INDEX(Jesper!AL$2:AL$366,ROUNDDOWN($C8421/24,0)+1,1))-1)+IF('Standard Profiles'!$G$22=$B$10,7,0)+IF('Standard Profiles'!$G$22=$B$17,14,0)+IF('Standard Profiles'!$G$22=$B$24,21,0),MOD($C8421,24)+1)/SUM(INDEX($D$3:$AA$30,INDEX(Jesper!$R$2:$R$366,ROW(INDEX(Jesper!AL$2:AL$366,ROUNDDOWN($C8421/24,0)+1,1))-1)+IF('Standard Profiles'!$G$22=$B$10,7,0)+IF('Standard Profiles'!$G$22=$B$17,14,0)+IF('Standard Profiles'!$G$22=$B$24,21,0),0)),0)</f>
        <v>0</v>
      </c>
      <c r="I8421">
        <f t="shared" si="937"/>
        <v>0.26224807555139229</v>
      </c>
      <c r="J8421">
        <f t="shared" si="938"/>
        <v>0.87416025183797441</v>
      </c>
      <c r="K8421">
        <f t="shared" si="939"/>
        <v>1.3112403777569615</v>
      </c>
      <c r="L8421">
        <f t="shared" si="940"/>
        <v>14.25936317273394</v>
      </c>
      <c r="M8421">
        <f t="shared" si="941"/>
        <v>0</v>
      </c>
      <c r="N8421" s="46">
        <f t="shared" si="942"/>
        <v>45641.458333312992</v>
      </c>
    </row>
    <row r="8422" spans="2:14" x14ac:dyDescent="0.3">
      <c r="B8422">
        <f t="shared" si="936"/>
        <v>7</v>
      </c>
      <c r="C8422" s="16">
        <v>8388</v>
      </c>
      <c r="D8422" cm="1">
        <f t="array" ref="D8422">IFERROR(INDEX(Jesper!AH$2:AH$366,ROUNDDOWN($C8422/24,0)+1,1)*INDEX($D$3:$AA$30,INDEX(Jesper!$R$2:$R$366,ROW(INDEX(Jesper!AH$2:AH$366,ROUNDDOWN($C8422/24,0)+1,1))-1)+IF('Standard Profiles'!$G$18=$B$10,7,0)+IF('Standard Profiles'!$G$18=$B$17,14,0)+IF('Standard Profiles'!$G$18=$B$24,21,0),MOD($C8422,24)+1)/SUM(INDEX($D$3:$AA$30,INDEX(Jesper!$R$2:$R$366,ROW(INDEX(Jesper!AH$2:AH$366,ROUNDDOWN($C8422/24,0)+1,1))-1)+IF('Standard Profiles'!$G$18=$B$10,7,0)+IF('Standard Profiles'!$G$18=$B$17,14,0)+IF('Standard Profiles'!$G$18=$B$24,21,0),0)),0)</f>
        <v>13.796058239259814</v>
      </c>
      <c r="E8422" cm="1">
        <f t="array" ref="E8422">IFERROR(INDEX(Jesper!AI$2:AI$366,ROUNDDOWN($C8422/24,0)+1,1)*INDEX($D$3:$AA$30,INDEX(Jesper!$R$2:$R$366,ROW(INDEX(Jesper!AI$2:AI$366,ROUNDDOWN($C8422/24,0)+1,1))-1)+IF('Standard Profiles'!$G$19=$B$10,7,0)+IF('Standard Profiles'!$G$19=$B$17,14,0)+IF('Standard Profiles'!$G$19=$B$24,21,0),MOD($C8422,24)+1)/SUM(INDEX($D$3:$AA$30,INDEX(Jesper!$R$2:$R$366,ROW(INDEX(Jesper!AI$2:AI$366,ROUNDDOWN($C8422/24,0)+1,1))-1)+IF('Standard Profiles'!$G$19=$B$10,7,0)+IF('Standard Profiles'!$G$19=$B$17,14,0)+IF('Standard Profiles'!$G$19=$B$24,21,0),0)),0)</f>
        <v>2.9109536386204535</v>
      </c>
      <c r="F8422" cm="1">
        <f t="array" ref="F8422">IFERROR(INDEX(Jesper!AJ$2:AJ$366,ROUNDDOWN($C8422/24,0)+1,1)*INDEX($D$3:$AA$30,INDEX(Jesper!$R$2:$R$366,ROW(INDEX(Jesper!AJ$2:AJ$366,ROUNDDOWN($C8422/24,0)+1,1))-1)+IF('Standard Profiles'!$G$20=$B$10,7,0)+IF('Standard Profiles'!$G$20=$B$17,14,0)+IF('Standard Profiles'!$G$20=$B$24,21,0),MOD($C8422,24)+1)/SUM(INDEX($D$3:$AA$30,INDEX(Jesper!$R$2:$R$366,ROW(INDEX(Jesper!AJ$2:AJ$366,ROUNDDOWN($C8422/24,0)+1,1))-1)+IF('Standard Profiles'!$G$20=$B$10,7,0)+IF('Standard Profiles'!$G$20=$B$17,14,0)+IF('Standard Profiles'!$G$20=$B$24,21,0),0)),0)</f>
        <v>0</v>
      </c>
      <c r="G8422" cm="1">
        <f t="array" ref="G8422">IFERROR(INDEX(Jesper!AK$2:AK$366,ROUNDDOWN($C8422/24,0)+1,1)*INDEX($D$3:$AA$30,INDEX(Jesper!$R$2:$R$366,ROW(INDEX(Jesper!AK$2:AK$366,ROUNDDOWN($C8422/24,0)+1,1))-1)+IF('Standard Profiles'!$G$21=$B$10,7,0)+IF('Standard Profiles'!$G$21=$B$17,14,0)+IF('Standard Profiles'!$G$21=$B$24,21,0),MOD($C8422,24)+1)/SUM(INDEX($D$3:$AA$30,INDEX(Jesper!$R$2:$R$366,ROW(INDEX(Jesper!AK$2:AK$366,ROUNDDOWN($C8422/24,0)+1,1))-1)+IF('Standard Profiles'!$G$21=$B$10,7,0)+IF('Standard Profiles'!$G$21=$B$17,14,0)+IF('Standard Profiles'!$G$21=$B$24,21,0),0)),0)</f>
        <v>0</v>
      </c>
      <c r="H8422" cm="1">
        <f t="array" ref="H8422">IFERROR(INDEX(Jesper!AL$2:AL$366,ROUNDDOWN($C8422/24,0)+1,1)*INDEX($D$3:$AA$30,INDEX(Jesper!$R$2:$R$366,ROW(INDEX(Jesper!AL$2:AL$366,ROUNDDOWN($C8422/24,0)+1,1))-1)+IF('Standard Profiles'!$G$22=$B$10,7,0)+IF('Standard Profiles'!$G$22=$B$17,14,0)+IF('Standard Profiles'!$G$22=$B$24,21,0),MOD($C8422,24)+1)/SUM(INDEX($D$3:$AA$30,INDEX(Jesper!$R$2:$R$366,ROW(INDEX(Jesper!AL$2:AL$366,ROUNDDOWN($C8422/24,0)+1,1))-1)+IF('Standard Profiles'!$G$22=$B$10,7,0)+IF('Standard Profiles'!$G$22=$B$17,14,0)+IF('Standard Profiles'!$G$22=$B$24,21,0),0)),0)</f>
        <v>0</v>
      </c>
      <c r="I8422">
        <f t="shared" si="937"/>
        <v>0.26224807555139229</v>
      </c>
      <c r="J8422">
        <f t="shared" si="938"/>
        <v>0.87416025183797441</v>
      </c>
      <c r="K8422">
        <f t="shared" si="939"/>
        <v>1.3112403777569615</v>
      </c>
      <c r="L8422">
        <f t="shared" si="940"/>
        <v>14.25936317273394</v>
      </c>
      <c r="M8422">
        <f t="shared" si="941"/>
        <v>0</v>
      </c>
      <c r="N8422" s="46">
        <f t="shared" si="942"/>
        <v>45641.499999979656</v>
      </c>
    </row>
    <row r="8423" spans="2:14" x14ac:dyDescent="0.3">
      <c r="B8423">
        <f t="shared" si="936"/>
        <v>7</v>
      </c>
      <c r="C8423" s="16">
        <v>8389</v>
      </c>
      <c r="D8423" cm="1">
        <f t="array" ref="D8423">IFERROR(INDEX(Jesper!AH$2:AH$366,ROUNDDOWN($C8423/24,0)+1,1)*INDEX($D$3:$AA$30,INDEX(Jesper!$R$2:$R$366,ROW(INDEX(Jesper!AH$2:AH$366,ROUNDDOWN($C8423/24,0)+1,1))-1)+IF('Standard Profiles'!$G$18=$B$10,7,0)+IF('Standard Profiles'!$G$18=$B$17,14,0)+IF('Standard Profiles'!$G$18=$B$24,21,0),MOD($C8423,24)+1)/SUM(INDEX($D$3:$AA$30,INDEX(Jesper!$R$2:$R$366,ROW(INDEX(Jesper!AH$2:AH$366,ROUNDDOWN($C8423/24,0)+1,1))-1)+IF('Standard Profiles'!$G$18=$B$10,7,0)+IF('Standard Profiles'!$G$18=$B$17,14,0)+IF('Standard Profiles'!$G$18=$B$24,21,0),0)),0)</f>
        <v>13.796058239259814</v>
      </c>
      <c r="E8423" cm="1">
        <f t="array" ref="E8423">IFERROR(INDEX(Jesper!AI$2:AI$366,ROUNDDOWN($C8423/24,0)+1,1)*INDEX($D$3:$AA$30,INDEX(Jesper!$R$2:$R$366,ROW(INDEX(Jesper!AI$2:AI$366,ROUNDDOWN($C8423/24,0)+1,1))-1)+IF('Standard Profiles'!$G$19=$B$10,7,0)+IF('Standard Profiles'!$G$19=$B$17,14,0)+IF('Standard Profiles'!$G$19=$B$24,21,0),MOD($C8423,24)+1)/SUM(INDEX($D$3:$AA$30,INDEX(Jesper!$R$2:$R$366,ROW(INDEX(Jesper!AI$2:AI$366,ROUNDDOWN($C8423/24,0)+1,1))-1)+IF('Standard Profiles'!$G$19=$B$10,7,0)+IF('Standard Profiles'!$G$19=$B$17,14,0)+IF('Standard Profiles'!$G$19=$B$24,21,0),0)),0)</f>
        <v>2.9109536386204535</v>
      </c>
      <c r="F8423" cm="1">
        <f t="array" ref="F8423">IFERROR(INDEX(Jesper!AJ$2:AJ$366,ROUNDDOWN($C8423/24,0)+1,1)*INDEX($D$3:$AA$30,INDEX(Jesper!$R$2:$R$366,ROW(INDEX(Jesper!AJ$2:AJ$366,ROUNDDOWN($C8423/24,0)+1,1))-1)+IF('Standard Profiles'!$G$20=$B$10,7,0)+IF('Standard Profiles'!$G$20=$B$17,14,0)+IF('Standard Profiles'!$G$20=$B$24,21,0),MOD($C8423,24)+1)/SUM(INDEX($D$3:$AA$30,INDEX(Jesper!$R$2:$R$366,ROW(INDEX(Jesper!AJ$2:AJ$366,ROUNDDOWN($C8423/24,0)+1,1))-1)+IF('Standard Profiles'!$G$20=$B$10,7,0)+IF('Standard Profiles'!$G$20=$B$17,14,0)+IF('Standard Profiles'!$G$20=$B$24,21,0),0)),0)</f>
        <v>0</v>
      </c>
      <c r="G8423" cm="1">
        <f t="array" ref="G8423">IFERROR(INDEX(Jesper!AK$2:AK$366,ROUNDDOWN($C8423/24,0)+1,1)*INDEX($D$3:$AA$30,INDEX(Jesper!$R$2:$R$366,ROW(INDEX(Jesper!AK$2:AK$366,ROUNDDOWN($C8423/24,0)+1,1))-1)+IF('Standard Profiles'!$G$21=$B$10,7,0)+IF('Standard Profiles'!$G$21=$B$17,14,0)+IF('Standard Profiles'!$G$21=$B$24,21,0),MOD($C8423,24)+1)/SUM(INDEX($D$3:$AA$30,INDEX(Jesper!$R$2:$R$366,ROW(INDEX(Jesper!AK$2:AK$366,ROUNDDOWN($C8423/24,0)+1,1))-1)+IF('Standard Profiles'!$G$21=$B$10,7,0)+IF('Standard Profiles'!$G$21=$B$17,14,0)+IF('Standard Profiles'!$G$21=$B$24,21,0),0)),0)</f>
        <v>0</v>
      </c>
      <c r="H8423" cm="1">
        <f t="array" ref="H8423">IFERROR(INDEX(Jesper!AL$2:AL$366,ROUNDDOWN($C8423/24,0)+1,1)*INDEX($D$3:$AA$30,INDEX(Jesper!$R$2:$R$366,ROW(INDEX(Jesper!AL$2:AL$366,ROUNDDOWN($C8423/24,0)+1,1))-1)+IF('Standard Profiles'!$G$22=$B$10,7,0)+IF('Standard Profiles'!$G$22=$B$17,14,0)+IF('Standard Profiles'!$G$22=$B$24,21,0),MOD($C8423,24)+1)/SUM(INDEX($D$3:$AA$30,INDEX(Jesper!$R$2:$R$366,ROW(INDEX(Jesper!AL$2:AL$366,ROUNDDOWN($C8423/24,0)+1,1))-1)+IF('Standard Profiles'!$G$22=$B$10,7,0)+IF('Standard Profiles'!$G$22=$B$17,14,0)+IF('Standard Profiles'!$G$22=$B$24,21,0),0)),0)</f>
        <v>0</v>
      </c>
      <c r="I8423">
        <f t="shared" si="937"/>
        <v>0.26224807555139229</v>
      </c>
      <c r="J8423">
        <f t="shared" si="938"/>
        <v>0.87416025183797441</v>
      </c>
      <c r="K8423">
        <f t="shared" si="939"/>
        <v>1.3112403777569615</v>
      </c>
      <c r="L8423">
        <f t="shared" si="940"/>
        <v>14.25936317273394</v>
      </c>
      <c r="M8423">
        <f t="shared" si="941"/>
        <v>0</v>
      </c>
      <c r="N8423" s="46">
        <f t="shared" si="942"/>
        <v>45641.541666646321</v>
      </c>
    </row>
    <row r="8424" spans="2:14" x14ac:dyDescent="0.3">
      <c r="B8424">
        <f t="shared" si="936"/>
        <v>7</v>
      </c>
      <c r="C8424" s="16">
        <v>8390</v>
      </c>
      <c r="D8424" cm="1">
        <f t="array" ref="D8424">IFERROR(INDEX(Jesper!AH$2:AH$366,ROUNDDOWN($C8424/24,0)+1,1)*INDEX($D$3:$AA$30,INDEX(Jesper!$R$2:$R$366,ROW(INDEX(Jesper!AH$2:AH$366,ROUNDDOWN($C8424/24,0)+1,1))-1)+IF('Standard Profiles'!$G$18=$B$10,7,0)+IF('Standard Profiles'!$G$18=$B$17,14,0)+IF('Standard Profiles'!$G$18=$B$24,21,0),MOD($C8424,24)+1)/SUM(INDEX($D$3:$AA$30,INDEX(Jesper!$R$2:$R$366,ROW(INDEX(Jesper!AH$2:AH$366,ROUNDDOWN($C8424/24,0)+1,1))-1)+IF('Standard Profiles'!$G$18=$B$10,7,0)+IF('Standard Profiles'!$G$18=$B$17,14,0)+IF('Standard Profiles'!$G$18=$B$24,21,0),0)),0)</f>
        <v>13.796058239259814</v>
      </c>
      <c r="E8424" cm="1">
        <f t="array" ref="E8424">IFERROR(INDEX(Jesper!AI$2:AI$366,ROUNDDOWN($C8424/24,0)+1,1)*INDEX($D$3:$AA$30,INDEX(Jesper!$R$2:$R$366,ROW(INDEX(Jesper!AI$2:AI$366,ROUNDDOWN($C8424/24,0)+1,1))-1)+IF('Standard Profiles'!$G$19=$B$10,7,0)+IF('Standard Profiles'!$G$19=$B$17,14,0)+IF('Standard Profiles'!$G$19=$B$24,21,0),MOD($C8424,24)+1)/SUM(INDEX($D$3:$AA$30,INDEX(Jesper!$R$2:$R$366,ROW(INDEX(Jesper!AI$2:AI$366,ROUNDDOWN($C8424/24,0)+1,1))-1)+IF('Standard Profiles'!$G$19=$B$10,7,0)+IF('Standard Profiles'!$G$19=$B$17,14,0)+IF('Standard Profiles'!$G$19=$B$24,21,0),0)),0)</f>
        <v>2.9109536386204535</v>
      </c>
      <c r="F8424" cm="1">
        <f t="array" ref="F8424">IFERROR(INDEX(Jesper!AJ$2:AJ$366,ROUNDDOWN($C8424/24,0)+1,1)*INDEX($D$3:$AA$30,INDEX(Jesper!$R$2:$R$366,ROW(INDEX(Jesper!AJ$2:AJ$366,ROUNDDOWN($C8424/24,0)+1,1))-1)+IF('Standard Profiles'!$G$20=$B$10,7,0)+IF('Standard Profiles'!$G$20=$B$17,14,0)+IF('Standard Profiles'!$G$20=$B$24,21,0),MOD($C8424,24)+1)/SUM(INDEX($D$3:$AA$30,INDEX(Jesper!$R$2:$R$366,ROW(INDEX(Jesper!AJ$2:AJ$366,ROUNDDOWN($C8424/24,0)+1,1))-1)+IF('Standard Profiles'!$G$20=$B$10,7,0)+IF('Standard Profiles'!$G$20=$B$17,14,0)+IF('Standard Profiles'!$G$20=$B$24,21,0),0)),0)</f>
        <v>0</v>
      </c>
      <c r="G8424" cm="1">
        <f t="array" ref="G8424">IFERROR(INDEX(Jesper!AK$2:AK$366,ROUNDDOWN($C8424/24,0)+1,1)*INDEX($D$3:$AA$30,INDEX(Jesper!$R$2:$R$366,ROW(INDEX(Jesper!AK$2:AK$366,ROUNDDOWN($C8424/24,0)+1,1))-1)+IF('Standard Profiles'!$G$21=$B$10,7,0)+IF('Standard Profiles'!$G$21=$B$17,14,0)+IF('Standard Profiles'!$G$21=$B$24,21,0),MOD($C8424,24)+1)/SUM(INDEX($D$3:$AA$30,INDEX(Jesper!$R$2:$R$366,ROW(INDEX(Jesper!AK$2:AK$366,ROUNDDOWN($C8424/24,0)+1,1))-1)+IF('Standard Profiles'!$G$21=$B$10,7,0)+IF('Standard Profiles'!$G$21=$B$17,14,0)+IF('Standard Profiles'!$G$21=$B$24,21,0),0)),0)</f>
        <v>0</v>
      </c>
      <c r="H8424" cm="1">
        <f t="array" ref="H8424">IFERROR(INDEX(Jesper!AL$2:AL$366,ROUNDDOWN($C8424/24,0)+1,1)*INDEX($D$3:$AA$30,INDEX(Jesper!$R$2:$R$366,ROW(INDEX(Jesper!AL$2:AL$366,ROUNDDOWN($C8424/24,0)+1,1))-1)+IF('Standard Profiles'!$G$22=$B$10,7,0)+IF('Standard Profiles'!$G$22=$B$17,14,0)+IF('Standard Profiles'!$G$22=$B$24,21,0),MOD($C8424,24)+1)/SUM(INDEX($D$3:$AA$30,INDEX(Jesper!$R$2:$R$366,ROW(INDEX(Jesper!AL$2:AL$366,ROUNDDOWN($C8424/24,0)+1,1))-1)+IF('Standard Profiles'!$G$22=$B$10,7,0)+IF('Standard Profiles'!$G$22=$B$17,14,0)+IF('Standard Profiles'!$G$22=$B$24,21,0),0)),0)</f>
        <v>0</v>
      </c>
      <c r="I8424">
        <f t="shared" si="937"/>
        <v>0.26224807555139229</v>
      </c>
      <c r="J8424">
        <f t="shared" si="938"/>
        <v>0.87416025183797441</v>
      </c>
      <c r="K8424">
        <f t="shared" si="939"/>
        <v>1.3112403777569615</v>
      </c>
      <c r="L8424">
        <f t="shared" si="940"/>
        <v>14.25936317273394</v>
      </c>
      <c r="M8424">
        <f t="shared" si="941"/>
        <v>0</v>
      </c>
      <c r="N8424" s="46">
        <f t="shared" si="942"/>
        <v>45641.583333312985</v>
      </c>
    </row>
    <row r="8425" spans="2:14" x14ac:dyDescent="0.3">
      <c r="B8425">
        <f t="shared" si="936"/>
        <v>7</v>
      </c>
      <c r="C8425" s="16">
        <v>8391</v>
      </c>
      <c r="D8425" cm="1">
        <f t="array" ref="D8425">IFERROR(INDEX(Jesper!AH$2:AH$366,ROUNDDOWN($C8425/24,0)+1,1)*INDEX($D$3:$AA$30,INDEX(Jesper!$R$2:$R$366,ROW(INDEX(Jesper!AH$2:AH$366,ROUNDDOWN($C8425/24,0)+1,1))-1)+IF('Standard Profiles'!$G$18=$B$10,7,0)+IF('Standard Profiles'!$G$18=$B$17,14,0)+IF('Standard Profiles'!$G$18=$B$24,21,0),MOD($C8425,24)+1)/SUM(INDEX($D$3:$AA$30,INDEX(Jesper!$R$2:$R$366,ROW(INDEX(Jesper!AH$2:AH$366,ROUNDDOWN($C8425/24,0)+1,1))-1)+IF('Standard Profiles'!$G$18=$B$10,7,0)+IF('Standard Profiles'!$G$18=$B$17,14,0)+IF('Standard Profiles'!$G$18=$B$24,21,0),0)),0)</f>
        <v>12.263162879342056</v>
      </c>
      <c r="E8425" cm="1">
        <f t="array" ref="E8425">IFERROR(INDEX(Jesper!AI$2:AI$366,ROUNDDOWN($C8425/24,0)+1,1)*INDEX($D$3:$AA$30,INDEX(Jesper!$R$2:$R$366,ROW(INDEX(Jesper!AI$2:AI$366,ROUNDDOWN($C8425/24,0)+1,1))-1)+IF('Standard Profiles'!$G$19=$B$10,7,0)+IF('Standard Profiles'!$G$19=$B$17,14,0)+IF('Standard Profiles'!$G$19=$B$24,21,0),MOD($C8425,24)+1)/SUM(INDEX($D$3:$AA$30,INDEX(Jesper!$R$2:$R$366,ROW(INDEX(Jesper!AI$2:AI$366,ROUNDDOWN($C8425/24,0)+1,1))-1)+IF('Standard Profiles'!$G$19=$B$10,7,0)+IF('Standard Profiles'!$G$19=$B$17,14,0)+IF('Standard Profiles'!$G$19=$B$24,21,0),0)),0)</f>
        <v>2.5875143454404035</v>
      </c>
      <c r="F8425" cm="1">
        <f t="array" ref="F8425">IFERROR(INDEX(Jesper!AJ$2:AJ$366,ROUNDDOWN($C8425/24,0)+1,1)*INDEX($D$3:$AA$30,INDEX(Jesper!$R$2:$R$366,ROW(INDEX(Jesper!AJ$2:AJ$366,ROUNDDOWN($C8425/24,0)+1,1))-1)+IF('Standard Profiles'!$G$20=$B$10,7,0)+IF('Standard Profiles'!$G$20=$B$17,14,0)+IF('Standard Profiles'!$G$20=$B$24,21,0),MOD($C8425,24)+1)/SUM(INDEX($D$3:$AA$30,INDEX(Jesper!$R$2:$R$366,ROW(INDEX(Jesper!AJ$2:AJ$366,ROUNDDOWN($C8425/24,0)+1,1))-1)+IF('Standard Profiles'!$G$20=$B$10,7,0)+IF('Standard Profiles'!$G$20=$B$17,14,0)+IF('Standard Profiles'!$G$20=$B$24,21,0),0)),0)</f>
        <v>0</v>
      </c>
      <c r="G8425" cm="1">
        <f t="array" ref="G8425">IFERROR(INDEX(Jesper!AK$2:AK$366,ROUNDDOWN($C8425/24,0)+1,1)*INDEX($D$3:$AA$30,INDEX(Jesper!$R$2:$R$366,ROW(INDEX(Jesper!AK$2:AK$366,ROUNDDOWN($C8425/24,0)+1,1))-1)+IF('Standard Profiles'!$G$21=$B$10,7,0)+IF('Standard Profiles'!$G$21=$B$17,14,0)+IF('Standard Profiles'!$G$21=$B$24,21,0),MOD($C8425,24)+1)/SUM(INDEX($D$3:$AA$30,INDEX(Jesper!$R$2:$R$366,ROW(INDEX(Jesper!AK$2:AK$366,ROUNDDOWN($C8425/24,0)+1,1))-1)+IF('Standard Profiles'!$G$21=$B$10,7,0)+IF('Standard Profiles'!$G$21=$B$17,14,0)+IF('Standard Profiles'!$G$21=$B$24,21,0),0)),0)</f>
        <v>0</v>
      </c>
      <c r="H8425" cm="1">
        <f t="array" ref="H8425">IFERROR(INDEX(Jesper!AL$2:AL$366,ROUNDDOWN($C8425/24,0)+1,1)*INDEX($D$3:$AA$30,INDEX(Jesper!$R$2:$R$366,ROW(INDEX(Jesper!AL$2:AL$366,ROUNDDOWN($C8425/24,0)+1,1))-1)+IF('Standard Profiles'!$G$22=$B$10,7,0)+IF('Standard Profiles'!$G$22=$B$17,14,0)+IF('Standard Profiles'!$G$22=$B$24,21,0),MOD($C8425,24)+1)/SUM(INDEX($D$3:$AA$30,INDEX(Jesper!$R$2:$R$366,ROW(INDEX(Jesper!AL$2:AL$366,ROUNDDOWN($C8425/24,0)+1,1))-1)+IF('Standard Profiles'!$G$22=$B$10,7,0)+IF('Standard Profiles'!$G$22=$B$17,14,0)+IF('Standard Profiles'!$G$22=$B$24,21,0),0)),0)</f>
        <v>0</v>
      </c>
      <c r="I8425">
        <f t="shared" si="937"/>
        <v>0.23310940049012649</v>
      </c>
      <c r="J8425">
        <f t="shared" si="938"/>
        <v>0.77703133496708843</v>
      </c>
      <c r="K8425">
        <f t="shared" si="939"/>
        <v>1.1655470024506327</v>
      </c>
      <c r="L8425">
        <f t="shared" si="940"/>
        <v>12.674989486874612</v>
      </c>
      <c r="M8425">
        <f t="shared" si="941"/>
        <v>0</v>
      </c>
      <c r="N8425" s="46">
        <f t="shared" si="942"/>
        <v>45641.624999979649</v>
      </c>
    </row>
    <row r="8426" spans="2:14" x14ac:dyDescent="0.3">
      <c r="B8426">
        <f t="shared" si="936"/>
        <v>7</v>
      </c>
      <c r="C8426" s="16">
        <v>8392</v>
      </c>
      <c r="D8426" cm="1">
        <f t="array" ref="D8426">IFERROR(INDEX(Jesper!AH$2:AH$366,ROUNDDOWN($C8426/24,0)+1,1)*INDEX($D$3:$AA$30,INDEX(Jesper!$R$2:$R$366,ROW(INDEX(Jesper!AH$2:AH$366,ROUNDDOWN($C8426/24,0)+1,1))-1)+IF('Standard Profiles'!$G$18=$B$10,7,0)+IF('Standard Profiles'!$G$18=$B$17,14,0)+IF('Standard Profiles'!$G$18=$B$24,21,0),MOD($C8426,24)+1)/SUM(INDEX($D$3:$AA$30,INDEX(Jesper!$R$2:$R$366,ROW(INDEX(Jesper!AH$2:AH$366,ROUNDDOWN($C8426/24,0)+1,1))-1)+IF('Standard Profiles'!$G$18=$B$10,7,0)+IF('Standard Profiles'!$G$18=$B$17,14,0)+IF('Standard Profiles'!$G$18=$B$24,21,0),0)),0)</f>
        <v>12.044177827925235</v>
      </c>
      <c r="E8426" cm="1">
        <f t="array" ref="E8426">IFERROR(INDEX(Jesper!AI$2:AI$366,ROUNDDOWN($C8426/24,0)+1,1)*INDEX($D$3:$AA$30,INDEX(Jesper!$R$2:$R$366,ROW(INDEX(Jesper!AI$2:AI$366,ROUNDDOWN($C8426/24,0)+1,1))-1)+IF('Standard Profiles'!$G$19=$B$10,7,0)+IF('Standard Profiles'!$G$19=$B$17,14,0)+IF('Standard Profiles'!$G$19=$B$24,21,0),MOD($C8426,24)+1)/SUM(INDEX($D$3:$AA$30,INDEX(Jesper!$R$2:$R$366,ROW(INDEX(Jesper!AI$2:AI$366,ROUNDDOWN($C8426/24,0)+1,1))-1)+IF('Standard Profiles'!$G$19=$B$10,7,0)+IF('Standard Profiles'!$G$19=$B$17,14,0)+IF('Standard Profiles'!$G$19=$B$24,21,0),0)),0)</f>
        <v>2.5413087321289671</v>
      </c>
      <c r="F8426" cm="1">
        <f t="array" ref="F8426">IFERROR(INDEX(Jesper!AJ$2:AJ$366,ROUNDDOWN($C8426/24,0)+1,1)*INDEX($D$3:$AA$30,INDEX(Jesper!$R$2:$R$366,ROW(INDEX(Jesper!AJ$2:AJ$366,ROUNDDOWN($C8426/24,0)+1,1))-1)+IF('Standard Profiles'!$G$20=$B$10,7,0)+IF('Standard Profiles'!$G$20=$B$17,14,0)+IF('Standard Profiles'!$G$20=$B$24,21,0),MOD($C8426,24)+1)/SUM(INDEX($D$3:$AA$30,INDEX(Jesper!$R$2:$R$366,ROW(INDEX(Jesper!AJ$2:AJ$366,ROUNDDOWN($C8426/24,0)+1,1))-1)+IF('Standard Profiles'!$G$20=$B$10,7,0)+IF('Standard Profiles'!$G$20=$B$17,14,0)+IF('Standard Profiles'!$G$20=$B$24,21,0),0)),0)</f>
        <v>0</v>
      </c>
      <c r="G8426" cm="1">
        <f t="array" ref="G8426">IFERROR(INDEX(Jesper!AK$2:AK$366,ROUNDDOWN($C8426/24,0)+1,1)*INDEX($D$3:$AA$30,INDEX(Jesper!$R$2:$R$366,ROW(INDEX(Jesper!AK$2:AK$366,ROUNDDOWN($C8426/24,0)+1,1))-1)+IF('Standard Profiles'!$G$21=$B$10,7,0)+IF('Standard Profiles'!$G$21=$B$17,14,0)+IF('Standard Profiles'!$G$21=$B$24,21,0),MOD($C8426,24)+1)/SUM(INDEX($D$3:$AA$30,INDEX(Jesper!$R$2:$R$366,ROW(INDEX(Jesper!AK$2:AK$366,ROUNDDOWN($C8426/24,0)+1,1))-1)+IF('Standard Profiles'!$G$21=$B$10,7,0)+IF('Standard Profiles'!$G$21=$B$17,14,0)+IF('Standard Profiles'!$G$21=$B$24,21,0),0)),0)</f>
        <v>0</v>
      </c>
      <c r="H8426" cm="1">
        <f t="array" ref="H8426">IFERROR(INDEX(Jesper!AL$2:AL$366,ROUNDDOWN($C8426/24,0)+1,1)*INDEX($D$3:$AA$30,INDEX(Jesper!$R$2:$R$366,ROW(INDEX(Jesper!AL$2:AL$366,ROUNDDOWN($C8426/24,0)+1,1))-1)+IF('Standard Profiles'!$G$22=$B$10,7,0)+IF('Standard Profiles'!$G$22=$B$17,14,0)+IF('Standard Profiles'!$G$22=$B$24,21,0),MOD($C8426,24)+1)/SUM(INDEX($D$3:$AA$30,INDEX(Jesper!$R$2:$R$366,ROW(INDEX(Jesper!AL$2:AL$366,ROUNDDOWN($C8426/24,0)+1,1))-1)+IF('Standard Profiles'!$G$22=$B$10,7,0)+IF('Standard Profiles'!$G$22=$B$17,14,0)+IF('Standard Profiles'!$G$22=$B$24,21,0),0)),0)</f>
        <v>0</v>
      </c>
      <c r="I8426">
        <f t="shared" si="937"/>
        <v>0.22894673262423132</v>
      </c>
      <c r="J8426">
        <f t="shared" si="938"/>
        <v>0.76315577541410451</v>
      </c>
      <c r="K8426">
        <f t="shared" si="939"/>
        <v>1.1447336631211569</v>
      </c>
      <c r="L8426">
        <f t="shared" si="940"/>
        <v>12.448650388894711</v>
      </c>
      <c r="M8426">
        <f t="shared" si="941"/>
        <v>0</v>
      </c>
      <c r="N8426" s="46">
        <f t="shared" si="942"/>
        <v>45641.666666646313</v>
      </c>
    </row>
    <row r="8427" spans="2:14" x14ac:dyDescent="0.3">
      <c r="B8427">
        <f t="shared" si="936"/>
        <v>7</v>
      </c>
      <c r="C8427" s="16">
        <v>8393</v>
      </c>
      <c r="D8427" cm="1">
        <f t="array" ref="D8427">IFERROR(INDEX(Jesper!AH$2:AH$366,ROUNDDOWN($C8427/24,0)+1,1)*INDEX($D$3:$AA$30,INDEX(Jesper!$R$2:$R$366,ROW(INDEX(Jesper!AH$2:AH$366,ROUNDDOWN($C8427/24,0)+1,1))-1)+IF('Standard Profiles'!$G$18=$B$10,7,0)+IF('Standard Profiles'!$G$18=$B$17,14,0)+IF('Standard Profiles'!$G$18=$B$24,21,0),MOD($C8427,24)+1)/SUM(INDEX($D$3:$AA$30,INDEX(Jesper!$R$2:$R$366,ROW(INDEX(Jesper!AH$2:AH$366,ROUNDDOWN($C8427/24,0)+1,1))-1)+IF('Standard Profiles'!$G$18=$B$10,7,0)+IF('Standard Profiles'!$G$18=$B$17,14,0)+IF('Standard Profiles'!$G$18=$B$24,21,0),0)),0)</f>
        <v>10.292297416590657</v>
      </c>
      <c r="E8427" cm="1">
        <f t="array" ref="E8427">IFERROR(INDEX(Jesper!AI$2:AI$366,ROUNDDOWN($C8427/24,0)+1,1)*INDEX($D$3:$AA$30,INDEX(Jesper!$R$2:$R$366,ROW(INDEX(Jesper!AI$2:AI$366,ROUNDDOWN($C8427/24,0)+1,1))-1)+IF('Standard Profiles'!$G$19=$B$10,7,0)+IF('Standard Profiles'!$G$19=$B$17,14,0)+IF('Standard Profiles'!$G$19=$B$24,21,0),MOD($C8427,24)+1)/SUM(INDEX($D$3:$AA$30,INDEX(Jesper!$R$2:$R$366,ROW(INDEX(Jesper!AI$2:AI$366,ROUNDDOWN($C8427/24,0)+1,1))-1)+IF('Standard Profiles'!$G$19=$B$10,7,0)+IF('Standard Profiles'!$G$19=$B$17,14,0)+IF('Standard Profiles'!$G$19=$B$24,21,0),0)),0)</f>
        <v>2.1716638256374816</v>
      </c>
      <c r="F8427" cm="1">
        <f t="array" ref="F8427">IFERROR(INDEX(Jesper!AJ$2:AJ$366,ROUNDDOWN($C8427/24,0)+1,1)*INDEX($D$3:$AA$30,INDEX(Jesper!$R$2:$R$366,ROW(INDEX(Jesper!AJ$2:AJ$366,ROUNDDOWN($C8427/24,0)+1,1))-1)+IF('Standard Profiles'!$G$20=$B$10,7,0)+IF('Standard Profiles'!$G$20=$B$17,14,0)+IF('Standard Profiles'!$G$20=$B$24,21,0),MOD($C8427,24)+1)/SUM(INDEX($D$3:$AA$30,INDEX(Jesper!$R$2:$R$366,ROW(INDEX(Jesper!AJ$2:AJ$366,ROUNDDOWN($C8427/24,0)+1,1))-1)+IF('Standard Profiles'!$G$20=$B$10,7,0)+IF('Standard Profiles'!$G$20=$B$17,14,0)+IF('Standard Profiles'!$G$20=$B$24,21,0),0)),0)</f>
        <v>0</v>
      </c>
      <c r="G8427" cm="1">
        <f t="array" ref="G8427">IFERROR(INDEX(Jesper!AK$2:AK$366,ROUNDDOWN($C8427/24,0)+1,1)*INDEX($D$3:$AA$30,INDEX(Jesper!$R$2:$R$366,ROW(INDEX(Jesper!AK$2:AK$366,ROUNDDOWN($C8427/24,0)+1,1))-1)+IF('Standard Profiles'!$G$21=$B$10,7,0)+IF('Standard Profiles'!$G$21=$B$17,14,0)+IF('Standard Profiles'!$G$21=$B$24,21,0),MOD($C8427,24)+1)/SUM(INDEX($D$3:$AA$30,INDEX(Jesper!$R$2:$R$366,ROW(INDEX(Jesper!AK$2:AK$366,ROUNDDOWN($C8427/24,0)+1,1))-1)+IF('Standard Profiles'!$G$21=$B$10,7,0)+IF('Standard Profiles'!$G$21=$B$17,14,0)+IF('Standard Profiles'!$G$21=$B$24,21,0),0)),0)</f>
        <v>0</v>
      </c>
      <c r="H8427" cm="1">
        <f t="array" ref="H8427">IFERROR(INDEX(Jesper!AL$2:AL$366,ROUNDDOWN($C8427/24,0)+1,1)*INDEX($D$3:$AA$30,INDEX(Jesper!$R$2:$R$366,ROW(INDEX(Jesper!AL$2:AL$366,ROUNDDOWN($C8427/24,0)+1,1))-1)+IF('Standard Profiles'!$G$22=$B$10,7,0)+IF('Standard Profiles'!$G$22=$B$17,14,0)+IF('Standard Profiles'!$G$22=$B$24,21,0),MOD($C8427,24)+1)/SUM(INDEX($D$3:$AA$30,INDEX(Jesper!$R$2:$R$366,ROW(INDEX(Jesper!AL$2:AL$366,ROUNDDOWN($C8427/24,0)+1,1))-1)+IF('Standard Profiles'!$G$22=$B$10,7,0)+IF('Standard Profiles'!$G$22=$B$17,14,0)+IF('Standard Profiles'!$G$22=$B$24,21,0),0)),0)</f>
        <v>0</v>
      </c>
      <c r="I8427">
        <f t="shared" si="937"/>
        <v>0.19564538969707046</v>
      </c>
      <c r="J8427">
        <f t="shared" si="938"/>
        <v>0.65215129899023494</v>
      </c>
      <c r="K8427">
        <f t="shared" si="939"/>
        <v>0.97822694848535241</v>
      </c>
      <c r="L8427">
        <f t="shared" si="940"/>
        <v>10.63793760505548</v>
      </c>
      <c r="M8427">
        <f t="shared" si="941"/>
        <v>0</v>
      </c>
      <c r="N8427" s="46">
        <f t="shared" si="942"/>
        <v>45641.708333312978</v>
      </c>
    </row>
    <row r="8428" spans="2:14" x14ac:dyDescent="0.3">
      <c r="B8428">
        <f t="shared" si="936"/>
        <v>7</v>
      </c>
      <c r="C8428" s="16">
        <v>8394</v>
      </c>
      <c r="D8428" cm="1">
        <f t="array" ref="D8428">IFERROR(INDEX(Jesper!AH$2:AH$366,ROUNDDOWN($C8428/24,0)+1,1)*INDEX($D$3:$AA$30,INDEX(Jesper!$R$2:$R$366,ROW(INDEX(Jesper!AH$2:AH$366,ROUNDDOWN($C8428/24,0)+1,1))-1)+IF('Standard Profiles'!$G$18=$B$10,7,0)+IF('Standard Profiles'!$G$18=$B$17,14,0)+IF('Standard Profiles'!$G$18=$B$24,21,0),MOD($C8428,24)+1)/SUM(INDEX($D$3:$AA$30,INDEX(Jesper!$R$2:$R$366,ROW(INDEX(Jesper!AH$2:AH$366,ROUNDDOWN($C8428/24,0)+1,1))-1)+IF('Standard Profiles'!$G$18=$B$10,7,0)+IF('Standard Profiles'!$G$18=$B$17,14,0)+IF('Standard Profiles'!$G$18=$B$24,21,0),0)),0)</f>
        <v>9.6353422623401883</v>
      </c>
      <c r="E8428" cm="1">
        <f t="array" ref="E8428">IFERROR(INDEX(Jesper!AI$2:AI$366,ROUNDDOWN($C8428/24,0)+1,1)*INDEX($D$3:$AA$30,INDEX(Jesper!$R$2:$R$366,ROW(INDEX(Jesper!AI$2:AI$366,ROUNDDOWN($C8428/24,0)+1,1))-1)+IF('Standard Profiles'!$G$19=$B$10,7,0)+IF('Standard Profiles'!$G$19=$B$17,14,0)+IF('Standard Profiles'!$G$19=$B$24,21,0),MOD($C8428,24)+1)/SUM(INDEX($D$3:$AA$30,INDEX(Jesper!$R$2:$R$366,ROW(INDEX(Jesper!AI$2:AI$366,ROUNDDOWN($C8428/24,0)+1,1))-1)+IF('Standard Profiles'!$G$19=$B$10,7,0)+IF('Standard Profiles'!$G$19=$B$17,14,0)+IF('Standard Profiles'!$G$19=$B$24,21,0),0)),0)</f>
        <v>2.0330469857031739</v>
      </c>
      <c r="F8428" cm="1">
        <f t="array" ref="F8428">IFERROR(INDEX(Jesper!AJ$2:AJ$366,ROUNDDOWN($C8428/24,0)+1,1)*INDEX($D$3:$AA$30,INDEX(Jesper!$R$2:$R$366,ROW(INDEX(Jesper!AJ$2:AJ$366,ROUNDDOWN($C8428/24,0)+1,1))-1)+IF('Standard Profiles'!$G$20=$B$10,7,0)+IF('Standard Profiles'!$G$20=$B$17,14,0)+IF('Standard Profiles'!$G$20=$B$24,21,0),MOD($C8428,24)+1)/SUM(INDEX($D$3:$AA$30,INDEX(Jesper!$R$2:$R$366,ROW(INDEX(Jesper!AJ$2:AJ$366,ROUNDDOWN($C8428/24,0)+1,1))-1)+IF('Standard Profiles'!$G$20=$B$10,7,0)+IF('Standard Profiles'!$G$20=$B$17,14,0)+IF('Standard Profiles'!$G$20=$B$24,21,0),0)),0)</f>
        <v>0</v>
      </c>
      <c r="G8428" cm="1">
        <f t="array" ref="G8428">IFERROR(INDEX(Jesper!AK$2:AK$366,ROUNDDOWN($C8428/24,0)+1,1)*INDEX($D$3:$AA$30,INDEX(Jesper!$R$2:$R$366,ROW(INDEX(Jesper!AK$2:AK$366,ROUNDDOWN($C8428/24,0)+1,1))-1)+IF('Standard Profiles'!$G$21=$B$10,7,0)+IF('Standard Profiles'!$G$21=$B$17,14,0)+IF('Standard Profiles'!$G$21=$B$24,21,0),MOD($C8428,24)+1)/SUM(INDEX($D$3:$AA$30,INDEX(Jesper!$R$2:$R$366,ROW(INDEX(Jesper!AK$2:AK$366,ROUNDDOWN($C8428/24,0)+1,1))-1)+IF('Standard Profiles'!$G$21=$B$10,7,0)+IF('Standard Profiles'!$G$21=$B$17,14,0)+IF('Standard Profiles'!$G$21=$B$24,21,0),0)),0)</f>
        <v>0</v>
      </c>
      <c r="H8428" cm="1">
        <f t="array" ref="H8428">IFERROR(INDEX(Jesper!AL$2:AL$366,ROUNDDOWN($C8428/24,0)+1,1)*INDEX($D$3:$AA$30,INDEX(Jesper!$R$2:$R$366,ROW(INDEX(Jesper!AL$2:AL$366,ROUNDDOWN($C8428/24,0)+1,1))-1)+IF('Standard Profiles'!$G$22=$B$10,7,0)+IF('Standard Profiles'!$G$22=$B$17,14,0)+IF('Standard Profiles'!$G$22=$B$24,21,0),MOD($C8428,24)+1)/SUM(INDEX($D$3:$AA$30,INDEX(Jesper!$R$2:$R$366,ROW(INDEX(Jesper!AL$2:AL$366,ROUNDDOWN($C8428/24,0)+1,1))-1)+IF('Standard Profiles'!$G$22=$B$10,7,0)+IF('Standard Profiles'!$G$22=$B$17,14,0)+IF('Standard Profiles'!$G$22=$B$24,21,0),0)),0)</f>
        <v>0</v>
      </c>
      <c r="I8428">
        <f t="shared" si="937"/>
        <v>0.18315738609938509</v>
      </c>
      <c r="J8428">
        <f t="shared" si="938"/>
        <v>0.61052462033128363</v>
      </c>
      <c r="K8428">
        <f t="shared" si="939"/>
        <v>0.9157869304969255</v>
      </c>
      <c r="L8428">
        <f t="shared" si="940"/>
        <v>9.9589203111157687</v>
      </c>
      <c r="M8428">
        <f t="shared" si="941"/>
        <v>0</v>
      </c>
      <c r="N8428" s="46">
        <f t="shared" si="942"/>
        <v>45641.749999979642</v>
      </c>
    </row>
    <row r="8429" spans="2:14" x14ac:dyDescent="0.3">
      <c r="B8429">
        <f t="shared" si="936"/>
        <v>7</v>
      </c>
      <c r="C8429" s="16">
        <v>8395</v>
      </c>
      <c r="D8429" cm="1">
        <f t="array" ref="D8429">IFERROR(INDEX(Jesper!AH$2:AH$366,ROUNDDOWN($C8429/24,0)+1,1)*INDEX($D$3:$AA$30,INDEX(Jesper!$R$2:$R$366,ROW(INDEX(Jesper!AH$2:AH$366,ROUNDDOWN($C8429/24,0)+1,1))-1)+IF('Standard Profiles'!$G$18=$B$10,7,0)+IF('Standard Profiles'!$G$18=$B$17,14,0)+IF('Standard Profiles'!$G$18=$B$24,21,0),MOD($C8429,24)+1)/SUM(INDEX($D$3:$AA$30,INDEX(Jesper!$R$2:$R$366,ROW(INDEX(Jesper!AH$2:AH$366,ROUNDDOWN($C8429/24,0)+1,1))-1)+IF('Standard Profiles'!$G$18=$B$10,7,0)+IF('Standard Profiles'!$G$18=$B$17,14,0)+IF('Standard Profiles'!$G$18=$B$24,21,0),0)),0)</f>
        <v>8.1024469024224324</v>
      </c>
      <c r="E8429" cm="1">
        <f t="array" ref="E8429">IFERROR(INDEX(Jesper!AI$2:AI$366,ROUNDDOWN($C8429/24,0)+1,1)*INDEX($D$3:$AA$30,INDEX(Jesper!$R$2:$R$366,ROW(INDEX(Jesper!AI$2:AI$366,ROUNDDOWN($C8429/24,0)+1,1))-1)+IF('Standard Profiles'!$G$19=$B$10,7,0)+IF('Standard Profiles'!$G$19=$B$17,14,0)+IF('Standard Profiles'!$G$19=$B$24,21,0),MOD($C8429,24)+1)/SUM(INDEX($D$3:$AA$30,INDEX(Jesper!$R$2:$R$366,ROW(INDEX(Jesper!AI$2:AI$366,ROUNDDOWN($C8429/24,0)+1,1))-1)+IF('Standard Profiles'!$G$19=$B$10,7,0)+IF('Standard Profiles'!$G$19=$B$17,14,0)+IF('Standard Profiles'!$G$19=$B$24,21,0),0)),0)</f>
        <v>1.7096076925231238</v>
      </c>
      <c r="F8429" cm="1">
        <f t="array" ref="F8429">IFERROR(INDEX(Jesper!AJ$2:AJ$366,ROUNDDOWN($C8429/24,0)+1,1)*INDEX($D$3:$AA$30,INDEX(Jesper!$R$2:$R$366,ROW(INDEX(Jesper!AJ$2:AJ$366,ROUNDDOWN($C8429/24,0)+1,1))-1)+IF('Standard Profiles'!$G$20=$B$10,7,0)+IF('Standard Profiles'!$G$20=$B$17,14,0)+IF('Standard Profiles'!$G$20=$B$24,21,0),MOD($C8429,24)+1)/SUM(INDEX($D$3:$AA$30,INDEX(Jesper!$R$2:$R$366,ROW(INDEX(Jesper!AJ$2:AJ$366,ROUNDDOWN($C8429/24,0)+1,1))-1)+IF('Standard Profiles'!$G$20=$B$10,7,0)+IF('Standard Profiles'!$G$20=$B$17,14,0)+IF('Standard Profiles'!$G$20=$B$24,21,0),0)),0)</f>
        <v>0</v>
      </c>
      <c r="G8429" cm="1">
        <f t="array" ref="G8429">IFERROR(INDEX(Jesper!AK$2:AK$366,ROUNDDOWN($C8429/24,0)+1,1)*INDEX($D$3:$AA$30,INDEX(Jesper!$R$2:$R$366,ROW(INDEX(Jesper!AK$2:AK$366,ROUNDDOWN($C8429/24,0)+1,1))-1)+IF('Standard Profiles'!$G$21=$B$10,7,0)+IF('Standard Profiles'!$G$21=$B$17,14,0)+IF('Standard Profiles'!$G$21=$B$24,21,0),MOD($C8429,24)+1)/SUM(INDEX($D$3:$AA$30,INDEX(Jesper!$R$2:$R$366,ROW(INDEX(Jesper!AK$2:AK$366,ROUNDDOWN($C8429/24,0)+1,1))-1)+IF('Standard Profiles'!$G$21=$B$10,7,0)+IF('Standard Profiles'!$G$21=$B$17,14,0)+IF('Standard Profiles'!$G$21=$B$24,21,0),0)),0)</f>
        <v>0</v>
      </c>
      <c r="H8429" cm="1">
        <f t="array" ref="H8429">IFERROR(INDEX(Jesper!AL$2:AL$366,ROUNDDOWN($C8429/24,0)+1,1)*INDEX($D$3:$AA$30,INDEX(Jesper!$R$2:$R$366,ROW(INDEX(Jesper!AL$2:AL$366,ROUNDDOWN($C8429/24,0)+1,1))-1)+IF('Standard Profiles'!$G$22=$B$10,7,0)+IF('Standard Profiles'!$G$22=$B$17,14,0)+IF('Standard Profiles'!$G$22=$B$24,21,0),MOD($C8429,24)+1)/SUM(INDEX($D$3:$AA$30,INDEX(Jesper!$R$2:$R$366,ROW(INDEX(Jesper!AL$2:AL$366,ROUNDDOWN($C8429/24,0)+1,1))-1)+IF('Standard Profiles'!$G$22=$B$10,7,0)+IF('Standard Profiles'!$G$22=$B$17,14,0)+IF('Standard Profiles'!$G$22=$B$24,21,0),0)),0)</f>
        <v>0</v>
      </c>
      <c r="I8429">
        <f t="shared" si="937"/>
        <v>0.15401871103811932</v>
      </c>
      <c r="J8429">
        <f t="shared" si="938"/>
        <v>0.51339570346039776</v>
      </c>
      <c r="K8429">
        <f t="shared" si="939"/>
        <v>0.77009355519059663</v>
      </c>
      <c r="L8429">
        <f t="shared" si="940"/>
        <v>8.3745466252564427</v>
      </c>
      <c r="M8429">
        <f t="shared" si="941"/>
        <v>0</v>
      </c>
      <c r="N8429" s="46">
        <f t="shared" si="942"/>
        <v>45641.791666646306</v>
      </c>
    </row>
    <row r="8430" spans="2:14" x14ac:dyDescent="0.3">
      <c r="B8430">
        <f t="shared" si="936"/>
        <v>7</v>
      </c>
      <c r="C8430" s="16">
        <v>8396</v>
      </c>
      <c r="D8430" cm="1">
        <f t="array" ref="D8430">IFERROR(INDEX(Jesper!AH$2:AH$366,ROUNDDOWN($C8430/24,0)+1,1)*INDEX($D$3:$AA$30,INDEX(Jesper!$R$2:$R$366,ROW(INDEX(Jesper!AH$2:AH$366,ROUNDDOWN($C8430/24,0)+1,1))-1)+IF('Standard Profiles'!$G$18=$B$10,7,0)+IF('Standard Profiles'!$G$18=$B$17,14,0)+IF('Standard Profiles'!$G$18=$B$24,21,0),MOD($C8430,24)+1)/SUM(INDEX($D$3:$AA$30,INDEX(Jesper!$R$2:$R$366,ROW(INDEX(Jesper!AH$2:AH$366,ROUNDDOWN($C8430/24,0)+1,1))-1)+IF('Standard Profiles'!$G$18=$B$10,7,0)+IF('Standard Profiles'!$G$18=$B$17,14,0)+IF('Standard Profiles'!$G$18=$B$24,21,0),0)),0)</f>
        <v>6.7885365939214966</v>
      </c>
      <c r="E8430" cm="1">
        <f t="array" ref="E8430">IFERROR(INDEX(Jesper!AI$2:AI$366,ROUNDDOWN($C8430/24,0)+1,1)*INDEX($D$3:$AA$30,INDEX(Jesper!$R$2:$R$366,ROW(INDEX(Jesper!AI$2:AI$366,ROUNDDOWN($C8430/24,0)+1,1))-1)+IF('Standard Profiles'!$G$19=$B$10,7,0)+IF('Standard Profiles'!$G$19=$B$17,14,0)+IF('Standard Profiles'!$G$19=$B$24,21,0),MOD($C8430,24)+1)/SUM(INDEX($D$3:$AA$30,INDEX(Jesper!$R$2:$R$366,ROW(INDEX(Jesper!AI$2:AI$366,ROUNDDOWN($C8430/24,0)+1,1))-1)+IF('Standard Profiles'!$G$19=$B$10,7,0)+IF('Standard Profiles'!$G$19=$B$17,14,0)+IF('Standard Profiles'!$G$19=$B$24,21,0),0)),0)</f>
        <v>1.4323740126545088</v>
      </c>
      <c r="F8430" cm="1">
        <f t="array" ref="F8430">IFERROR(INDEX(Jesper!AJ$2:AJ$366,ROUNDDOWN($C8430/24,0)+1,1)*INDEX($D$3:$AA$30,INDEX(Jesper!$R$2:$R$366,ROW(INDEX(Jesper!AJ$2:AJ$366,ROUNDDOWN($C8430/24,0)+1,1))-1)+IF('Standard Profiles'!$G$20=$B$10,7,0)+IF('Standard Profiles'!$G$20=$B$17,14,0)+IF('Standard Profiles'!$G$20=$B$24,21,0),MOD($C8430,24)+1)/SUM(INDEX($D$3:$AA$30,INDEX(Jesper!$R$2:$R$366,ROW(INDEX(Jesper!AJ$2:AJ$366,ROUNDDOWN($C8430/24,0)+1,1))-1)+IF('Standard Profiles'!$G$20=$B$10,7,0)+IF('Standard Profiles'!$G$20=$B$17,14,0)+IF('Standard Profiles'!$G$20=$B$24,21,0),0)),0)</f>
        <v>0</v>
      </c>
      <c r="G8430" cm="1">
        <f t="array" ref="G8430">IFERROR(INDEX(Jesper!AK$2:AK$366,ROUNDDOWN($C8430/24,0)+1,1)*INDEX($D$3:$AA$30,INDEX(Jesper!$R$2:$R$366,ROW(INDEX(Jesper!AK$2:AK$366,ROUNDDOWN($C8430/24,0)+1,1))-1)+IF('Standard Profiles'!$G$21=$B$10,7,0)+IF('Standard Profiles'!$G$21=$B$17,14,0)+IF('Standard Profiles'!$G$21=$B$24,21,0),MOD($C8430,24)+1)/SUM(INDEX($D$3:$AA$30,INDEX(Jesper!$R$2:$R$366,ROW(INDEX(Jesper!AK$2:AK$366,ROUNDDOWN($C8430/24,0)+1,1))-1)+IF('Standard Profiles'!$G$21=$B$10,7,0)+IF('Standard Profiles'!$G$21=$B$17,14,0)+IF('Standard Profiles'!$G$21=$B$24,21,0),0)),0)</f>
        <v>0</v>
      </c>
      <c r="H8430" cm="1">
        <f t="array" ref="H8430">IFERROR(INDEX(Jesper!AL$2:AL$366,ROUNDDOWN($C8430/24,0)+1,1)*INDEX($D$3:$AA$30,INDEX(Jesper!$R$2:$R$366,ROW(INDEX(Jesper!AL$2:AL$366,ROUNDDOWN($C8430/24,0)+1,1))-1)+IF('Standard Profiles'!$G$22=$B$10,7,0)+IF('Standard Profiles'!$G$22=$B$17,14,0)+IF('Standard Profiles'!$G$22=$B$24,21,0),MOD($C8430,24)+1)/SUM(INDEX($D$3:$AA$30,INDEX(Jesper!$R$2:$R$366,ROW(INDEX(Jesper!AL$2:AL$366,ROUNDDOWN($C8430/24,0)+1,1))-1)+IF('Standard Profiles'!$G$22=$B$10,7,0)+IF('Standard Profiles'!$G$22=$B$17,14,0)+IF('Standard Profiles'!$G$22=$B$24,21,0),0)),0)</f>
        <v>0</v>
      </c>
      <c r="I8430">
        <f t="shared" si="937"/>
        <v>0.12904270384274857</v>
      </c>
      <c r="J8430">
        <f t="shared" si="938"/>
        <v>0.4301423461424953</v>
      </c>
      <c r="K8430">
        <f t="shared" si="939"/>
        <v>0.64521351921374293</v>
      </c>
      <c r="L8430">
        <f t="shared" si="940"/>
        <v>7.0165120373770185</v>
      </c>
      <c r="M8430">
        <f t="shared" si="941"/>
        <v>0</v>
      </c>
      <c r="N8430" s="46">
        <f t="shared" si="942"/>
        <v>45641.83333331297</v>
      </c>
    </row>
    <row r="8431" spans="2:14" x14ac:dyDescent="0.3">
      <c r="B8431">
        <f t="shared" si="936"/>
        <v>7</v>
      </c>
      <c r="C8431" s="16">
        <v>8397</v>
      </c>
      <c r="D8431" cm="1">
        <f t="array" ref="D8431">IFERROR(INDEX(Jesper!AH$2:AH$366,ROUNDDOWN($C8431/24,0)+1,1)*INDEX($D$3:$AA$30,INDEX(Jesper!$R$2:$R$366,ROW(INDEX(Jesper!AH$2:AH$366,ROUNDDOWN($C8431/24,0)+1,1))-1)+IF('Standard Profiles'!$G$18=$B$10,7,0)+IF('Standard Profiles'!$G$18=$B$17,14,0)+IF('Standard Profiles'!$G$18=$B$24,21,0),MOD($C8431,24)+1)/SUM(INDEX($D$3:$AA$30,INDEX(Jesper!$R$2:$R$366,ROW(INDEX(Jesper!AH$2:AH$366,ROUNDDOWN($C8431/24,0)+1,1))-1)+IF('Standard Profiles'!$G$18=$B$10,7,0)+IF('Standard Profiles'!$G$18=$B$17,14,0)+IF('Standard Profiles'!$G$18=$B$24,21,0),0)),0)</f>
        <v>5.9125963882542072</v>
      </c>
      <c r="E8431" cm="1">
        <f t="array" ref="E8431">IFERROR(INDEX(Jesper!AI$2:AI$366,ROUNDDOWN($C8431/24,0)+1,1)*INDEX($D$3:$AA$30,INDEX(Jesper!$R$2:$R$366,ROW(INDEX(Jesper!AI$2:AI$366,ROUNDDOWN($C8431/24,0)+1,1))-1)+IF('Standard Profiles'!$G$19=$B$10,7,0)+IF('Standard Profiles'!$G$19=$B$17,14,0)+IF('Standard Profiles'!$G$19=$B$24,21,0),MOD($C8431,24)+1)/SUM(INDEX($D$3:$AA$30,INDEX(Jesper!$R$2:$R$366,ROW(INDEX(Jesper!AI$2:AI$366,ROUNDDOWN($C8431/24,0)+1,1))-1)+IF('Standard Profiles'!$G$19=$B$10,7,0)+IF('Standard Profiles'!$G$19=$B$17,14,0)+IF('Standard Profiles'!$G$19=$B$24,21,0),0)),0)</f>
        <v>1.2475515594087658</v>
      </c>
      <c r="F8431" cm="1">
        <f t="array" ref="F8431">IFERROR(INDEX(Jesper!AJ$2:AJ$366,ROUNDDOWN($C8431/24,0)+1,1)*INDEX($D$3:$AA$30,INDEX(Jesper!$R$2:$R$366,ROW(INDEX(Jesper!AJ$2:AJ$366,ROUNDDOWN($C8431/24,0)+1,1))-1)+IF('Standard Profiles'!$G$20=$B$10,7,0)+IF('Standard Profiles'!$G$20=$B$17,14,0)+IF('Standard Profiles'!$G$20=$B$24,21,0),MOD($C8431,24)+1)/SUM(INDEX($D$3:$AA$30,INDEX(Jesper!$R$2:$R$366,ROW(INDEX(Jesper!AJ$2:AJ$366,ROUNDDOWN($C8431/24,0)+1,1))-1)+IF('Standard Profiles'!$G$20=$B$10,7,0)+IF('Standard Profiles'!$G$20=$B$17,14,0)+IF('Standard Profiles'!$G$20=$B$24,21,0),0)),0)</f>
        <v>0</v>
      </c>
      <c r="G8431" cm="1">
        <f t="array" ref="G8431">IFERROR(INDEX(Jesper!AK$2:AK$366,ROUNDDOWN($C8431/24,0)+1,1)*INDEX($D$3:$AA$30,INDEX(Jesper!$R$2:$R$366,ROW(INDEX(Jesper!AK$2:AK$366,ROUNDDOWN($C8431/24,0)+1,1))-1)+IF('Standard Profiles'!$G$21=$B$10,7,0)+IF('Standard Profiles'!$G$21=$B$17,14,0)+IF('Standard Profiles'!$G$21=$B$24,21,0),MOD($C8431,24)+1)/SUM(INDEX($D$3:$AA$30,INDEX(Jesper!$R$2:$R$366,ROW(INDEX(Jesper!AK$2:AK$366,ROUNDDOWN($C8431/24,0)+1,1))-1)+IF('Standard Profiles'!$G$21=$B$10,7,0)+IF('Standard Profiles'!$G$21=$B$17,14,0)+IF('Standard Profiles'!$G$21=$B$24,21,0),0)),0)</f>
        <v>0</v>
      </c>
      <c r="H8431" cm="1">
        <f t="array" ref="H8431">IFERROR(INDEX(Jesper!AL$2:AL$366,ROUNDDOWN($C8431/24,0)+1,1)*INDEX($D$3:$AA$30,INDEX(Jesper!$R$2:$R$366,ROW(INDEX(Jesper!AL$2:AL$366,ROUNDDOWN($C8431/24,0)+1,1))-1)+IF('Standard Profiles'!$G$22=$B$10,7,0)+IF('Standard Profiles'!$G$22=$B$17,14,0)+IF('Standard Profiles'!$G$22=$B$24,21,0),MOD($C8431,24)+1)/SUM(INDEX($D$3:$AA$30,INDEX(Jesper!$R$2:$R$366,ROW(INDEX(Jesper!AL$2:AL$366,ROUNDDOWN($C8431/24,0)+1,1))-1)+IF('Standard Profiles'!$G$22=$B$10,7,0)+IF('Standard Profiles'!$G$22=$B$17,14,0)+IF('Standard Profiles'!$G$22=$B$24,21,0),0)),0)</f>
        <v>0</v>
      </c>
      <c r="I8431">
        <f t="shared" si="937"/>
        <v>0.11239203237916812</v>
      </c>
      <c r="J8431">
        <f t="shared" si="938"/>
        <v>0.37464010793056046</v>
      </c>
      <c r="K8431">
        <f t="shared" si="939"/>
        <v>0.56196016189584064</v>
      </c>
      <c r="L8431">
        <f t="shared" si="940"/>
        <v>6.1111556454574041</v>
      </c>
      <c r="M8431">
        <f t="shared" si="941"/>
        <v>0</v>
      </c>
      <c r="N8431" s="46">
        <f t="shared" si="942"/>
        <v>45641.874999979635</v>
      </c>
    </row>
    <row r="8432" spans="2:14" x14ac:dyDescent="0.3">
      <c r="B8432">
        <f t="shared" si="936"/>
        <v>7</v>
      </c>
      <c r="C8432" s="16">
        <v>8398</v>
      </c>
      <c r="D8432" cm="1">
        <f t="array" ref="D8432">IFERROR(INDEX(Jesper!AH$2:AH$366,ROUNDDOWN($C8432/24,0)+1,1)*INDEX($D$3:$AA$30,INDEX(Jesper!$R$2:$R$366,ROW(INDEX(Jesper!AH$2:AH$366,ROUNDDOWN($C8432/24,0)+1,1))-1)+IF('Standard Profiles'!$G$18=$B$10,7,0)+IF('Standard Profiles'!$G$18=$B$17,14,0)+IF('Standard Profiles'!$G$18=$B$24,21,0),MOD($C8432,24)+1)/SUM(INDEX($D$3:$AA$30,INDEX(Jesper!$R$2:$R$366,ROW(INDEX(Jesper!AH$2:AH$366,ROUNDDOWN($C8432/24,0)+1,1))-1)+IF('Standard Profiles'!$G$18=$B$10,7,0)+IF('Standard Profiles'!$G$18=$B$17,14,0)+IF('Standard Profiles'!$G$18=$B$24,21,0),0)),0)</f>
        <v>5.9125963882542072</v>
      </c>
      <c r="E8432" cm="1">
        <f t="array" ref="E8432">IFERROR(INDEX(Jesper!AI$2:AI$366,ROUNDDOWN($C8432/24,0)+1,1)*INDEX($D$3:$AA$30,INDEX(Jesper!$R$2:$R$366,ROW(INDEX(Jesper!AI$2:AI$366,ROUNDDOWN($C8432/24,0)+1,1))-1)+IF('Standard Profiles'!$G$19=$B$10,7,0)+IF('Standard Profiles'!$G$19=$B$17,14,0)+IF('Standard Profiles'!$G$19=$B$24,21,0),MOD($C8432,24)+1)/SUM(INDEX($D$3:$AA$30,INDEX(Jesper!$R$2:$R$366,ROW(INDEX(Jesper!AI$2:AI$366,ROUNDDOWN($C8432/24,0)+1,1))-1)+IF('Standard Profiles'!$G$19=$B$10,7,0)+IF('Standard Profiles'!$G$19=$B$17,14,0)+IF('Standard Profiles'!$G$19=$B$24,21,0),0)),0)</f>
        <v>1.2475515594087658</v>
      </c>
      <c r="F8432" cm="1">
        <f t="array" ref="F8432">IFERROR(INDEX(Jesper!AJ$2:AJ$366,ROUNDDOWN($C8432/24,0)+1,1)*INDEX($D$3:$AA$30,INDEX(Jesper!$R$2:$R$366,ROW(INDEX(Jesper!AJ$2:AJ$366,ROUNDDOWN($C8432/24,0)+1,1))-1)+IF('Standard Profiles'!$G$20=$B$10,7,0)+IF('Standard Profiles'!$G$20=$B$17,14,0)+IF('Standard Profiles'!$G$20=$B$24,21,0),MOD($C8432,24)+1)/SUM(INDEX($D$3:$AA$30,INDEX(Jesper!$R$2:$R$366,ROW(INDEX(Jesper!AJ$2:AJ$366,ROUNDDOWN($C8432/24,0)+1,1))-1)+IF('Standard Profiles'!$G$20=$B$10,7,0)+IF('Standard Profiles'!$G$20=$B$17,14,0)+IF('Standard Profiles'!$G$20=$B$24,21,0),0)),0)</f>
        <v>0</v>
      </c>
      <c r="G8432" cm="1">
        <f t="array" ref="G8432">IFERROR(INDEX(Jesper!AK$2:AK$366,ROUNDDOWN($C8432/24,0)+1,1)*INDEX($D$3:$AA$30,INDEX(Jesper!$R$2:$R$366,ROW(INDEX(Jesper!AK$2:AK$366,ROUNDDOWN($C8432/24,0)+1,1))-1)+IF('Standard Profiles'!$G$21=$B$10,7,0)+IF('Standard Profiles'!$G$21=$B$17,14,0)+IF('Standard Profiles'!$G$21=$B$24,21,0),MOD($C8432,24)+1)/SUM(INDEX($D$3:$AA$30,INDEX(Jesper!$R$2:$R$366,ROW(INDEX(Jesper!AK$2:AK$366,ROUNDDOWN($C8432/24,0)+1,1))-1)+IF('Standard Profiles'!$G$21=$B$10,7,0)+IF('Standard Profiles'!$G$21=$B$17,14,0)+IF('Standard Profiles'!$G$21=$B$24,21,0),0)),0)</f>
        <v>0</v>
      </c>
      <c r="H8432" cm="1">
        <f t="array" ref="H8432">IFERROR(INDEX(Jesper!AL$2:AL$366,ROUNDDOWN($C8432/24,0)+1,1)*INDEX($D$3:$AA$30,INDEX(Jesper!$R$2:$R$366,ROW(INDEX(Jesper!AL$2:AL$366,ROUNDDOWN($C8432/24,0)+1,1))-1)+IF('Standard Profiles'!$G$22=$B$10,7,0)+IF('Standard Profiles'!$G$22=$B$17,14,0)+IF('Standard Profiles'!$G$22=$B$24,21,0),MOD($C8432,24)+1)/SUM(INDEX($D$3:$AA$30,INDEX(Jesper!$R$2:$R$366,ROW(INDEX(Jesper!AL$2:AL$366,ROUNDDOWN($C8432/24,0)+1,1))-1)+IF('Standard Profiles'!$G$22=$B$10,7,0)+IF('Standard Profiles'!$G$22=$B$17,14,0)+IF('Standard Profiles'!$G$22=$B$24,21,0),0)),0)</f>
        <v>0</v>
      </c>
      <c r="I8432">
        <f t="shared" si="937"/>
        <v>0.11239203237916812</v>
      </c>
      <c r="J8432">
        <f t="shared" si="938"/>
        <v>0.37464010793056046</v>
      </c>
      <c r="K8432">
        <f t="shared" si="939"/>
        <v>0.56196016189584064</v>
      </c>
      <c r="L8432">
        <f t="shared" si="940"/>
        <v>6.1111556454574041</v>
      </c>
      <c r="M8432">
        <f t="shared" si="941"/>
        <v>0</v>
      </c>
      <c r="N8432" s="46">
        <f t="shared" si="942"/>
        <v>45641.916666646299</v>
      </c>
    </row>
    <row r="8433" spans="2:14" x14ac:dyDescent="0.3">
      <c r="B8433">
        <f t="shared" si="936"/>
        <v>7</v>
      </c>
      <c r="C8433" s="16">
        <v>8399</v>
      </c>
      <c r="D8433" cm="1">
        <f t="array" ref="D8433">IFERROR(INDEX(Jesper!AH$2:AH$366,ROUNDDOWN($C8433/24,0)+1,1)*INDEX($D$3:$AA$30,INDEX(Jesper!$R$2:$R$366,ROW(INDEX(Jesper!AH$2:AH$366,ROUNDDOWN($C8433/24,0)+1,1))-1)+IF('Standard Profiles'!$G$18=$B$10,7,0)+IF('Standard Profiles'!$G$18=$B$17,14,0)+IF('Standard Profiles'!$G$18=$B$24,21,0),MOD($C8433,24)+1)/SUM(INDEX($D$3:$AA$30,INDEX(Jesper!$R$2:$R$366,ROW(INDEX(Jesper!AH$2:AH$366,ROUNDDOWN($C8433/24,0)+1,1))-1)+IF('Standard Profiles'!$G$18=$B$10,7,0)+IF('Standard Profiles'!$G$18=$B$17,14,0)+IF('Standard Profiles'!$G$18=$B$24,21,0),0)),0)</f>
        <v>5.9125963882542072</v>
      </c>
      <c r="E8433" cm="1">
        <f t="array" ref="E8433">IFERROR(INDEX(Jesper!AI$2:AI$366,ROUNDDOWN($C8433/24,0)+1,1)*INDEX($D$3:$AA$30,INDEX(Jesper!$R$2:$R$366,ROW(INDEX(Jesper!AI$2:AI$366,ROUNDDOWN($C8433/24,0)+1,1))-1)+IF('Standard Profiles'!$G$19=$B$10,7,0)+IF('Standard Profiles'!$G$19=$B$17,14,0)+IF('Standard Profiles'!$G$19=$B$24,21,0),MOD($C8433,24)+1)/SUM(INDEX($D$3:$AA$30,INDEX(Jesper!$R$2:$R$366,ROW(INDEX(Jesper!AI$2:AI$366,ROUNDDOWN($C8433/24,0)+1,1))-1)+IF('Standard Profiles'!$G$19=$B$10,7,0)+IF('Standard Profiles'!$G$19=$B$17,14,0)+IF('Standard Profiles'!$G$19=$B$24,21,0),0)),0)</f>
        <v>1.2475515594087658</v>
      </c>
      <c r="F8433" cm="1">
        <f t="array" ref="F8433">IFERROR(INDEX(Jesper!AJ$2:AJ$366,ROUNDDOWN($C8433/24,0)+1,1)*INDEX($D$3:$AA$30,INDEX(Jesper!$R$2:$R$366,ROW(INDEX(Jesper!AJ$2:AJ$366,ROUNDDOWN($C8433/24,0)+1,1))-1)+IF('Standard Profiles'!$G$20=$B$10,7,0)+IF('Standard Profiles'!$G$20=$B$17,14,0)+IF('Standard Profiles'!$G$20=$B$24,21,0),MOD($C8433,24)+1)/SUM(INDEX($D$3:$AA$30,INDEX(Jesper!$R$2:$R$366,ROW(INDEX(Jesper!AJ$2:AJ$366,ROUNDDOWN($C8433/24,0)+1,1))-1)+IF('Standard Profiles'!$G$20=$B$10,7,0)+IF('Standard Profiles'!$G$20=$B$17,14,0)+IF('Standard Profiles'!$G$20=$B$24,21,0),0)),0)</f>
        <v>0</v>
      </c>
      <c r="G8433" cm="1">
        <f t="array" ref="G8433">IFERROR(INDEX(Jesper!AK$2:AK$366,ROUNDDOWN($C8433/24,0)+1,1)*INDEX($D$3:$AA$30,INDEX(Jesper!$R$2:$R$366,ROW(INDEX(Jesper!AK$2:AK$366,ROUNDDOWN($C8433/24,0)+1,1))-1)+IF('Standard Profiles'!$G$21=$B$10,7,0)+IF('Standard Profiles'!$G$21=$B$17,14,0)+IF('Standard Profiles'!$G$21=$B$24,21,0),MOD($C8433,24)+1)/SUM(INDEX($D$3:$AA$30,INDEX(Jesper!$R$2:$R$366,ROW(INDEX(Jesper!AK$2:AK$366,ROUNDDOWN($C8433/24,0)+1,1))-1)+IF('Standard Profiles'!$G$21=$B$10,7,0)+IF('Standard Profiles'!$G$21=$B$17,14,0)+IF('Standard Profiles'!$G$21=$B$24,21,0),0)),0)</f>
        <v>0</v>
      </c>
      <c r="H8433" cm="1">
        <f t="array" ref="H8433">IFERROR(INDEX(Jesper!AL$2:AL$366,ROUNDDOWN($C8433/24,0)+1,1)*INDEX($D$3:$AA$30,INDEX(Jesper!$R$2:$R$366,ROW(INDEX(Jesper!AL$2:AL$366,ROUNDDOWN($C8433/24,0)+1,1))-1)+IF('Standard Profiles'!$G$22=$B$10,7,0)+IF('Standard Profiles'!$G$22=$B$17,14,0)+IF('Standard Profiles'!$G$22=$B$24,21,0),MOD($C8433,24)+1)/SUM(INDEX($D$3:$AA$30,INDEX(Jesper!$R$2:$R$366,ROW(INDEX(Jesper!AL$2:AL$366,ROUNDDOWN($C8433/24,0)+1,1))-1)+IF('Standard Profiles'!$G$22=$B$10,7,0)+IF('Standard Profiles'!$G$22=$B$17,14,0)+IF('Standard Profiles'!$G$22=$B$24,21,0),0)),0)</f>
        <v>0</v>
      </c>
      <c r="I8433">
        <f t="shared" si="937"/>
        <v>0.11239203237916812</v>
      </c>
      <c r="J8433">
        <f t="shared" si="938"/>
        <v>0.37464010793056046</v>
      </c>
      <c r="K8433">
        <f t="shared" si="939"/>
        <v>0.56196016189584064</v>
      </c>
      <c r="L8433">
        <f t="shared" si="940"/>
        <v>6.1111556454574041</v>
      </c>
      <c r="M8433">
        <f t="shared" si="941"/>
        <v>0</v>
      </c>
      <c r="N8433" s="46">
        <f t="shared" si="942"/>
        <v>45641.958333312963</v>
      </c>
    </row>
    <row r="8434" spans="2:14" x14ac:dyDescent="0.3">
      <c r="B8434">
        <f t="shared" si="936"/>
        <v>1</v>
      </c>
      <c r="C8434" s="16">
        <v>8400</v>
      </c>
      <c r="D8434" cm="1">
        <f t="array" ref="D8434">IFERROR(INDEX(Jesper!AH$2:AH$366,ROUNDDOWN($C8434/24,0)+1,1)*INDEX($D$3:$AA$30,INDEX(Jesper!$R$2:$R$366,ROW(INDEX(Jesper!AH$2:AH$366,ROUNDDOWN($C8434/24,0)+1,1))-1)+IF('Standard Profiles'!$G$18=$B$10,7,0)+IF('Standard Profiles'!$G$18=$B$17,14,0)+IF('Standard Profiles'!$G$18=$B$24,21,0),MOD($C8434,24)+1)/SUM(INDEX($D$3:$AA$30,INDEX(Jesper!$R$2:$R$366,ROW(INDEX(Jesper!AH$2:AH$366,ROUNDDOWN($C8434/24,0)+1,1))-1)+IF('Standard Profiles'!$G$18=$B$10,7,0)+IF('Standard Profiles'!$G$18=$B$17,14,0)+IF('Standard Profiles'!$G$18=$B$24,21,0),0)),0)</f>
        <v>2.5862906298732447</v>
      </c>
      <c r="E8434" cm="1">
        <f t="array" ref="E8434">IFERROR(INDEX(Jesper!AI$2:AI$366,ROUNDDOWN($C8434/24,0)+1,1)*INDEX($D$3:$AA$30,INDEX(Jesper!$R$2:$R$366,ROW(INDEX(Jesper!AI$2:AI$366,ROUNDDOWN($C8434/24,0)+1,1))-1)+IF('Standard Profiles'!$G$19=$B$10,7,0)+IF('Standard Profiles'!$G$19=$B$17,14,0)+IF('Standard Profiles'!$G$19=$B$24,21,0),MOD($C8434,24)+1)/SUM(INDEX($D$3:$AA$30,INDEX(Jesper!$R$2:$R$366,ROW(INDEX(Jesper!AI$2:AI$366,ROUNDDOWN($C8434/24,0)+1,1))-1)+IF('Standard Profiles'!$G$19=$B$10,7,0)+IF('Standard Profiles'!$G$19=$B$17,14,0)+IF('Standard Profiles'!$G$19=$B$24,21,0),0)),0)</f>
        <v>0</v>
      </c>
      <c r="F8434" cm="1">
        <f t="array" ref="F8434">IFERROR(INDEX(Jesper!AJ$2:AJ$366,ROUNDDOWN($C8434/24,0)+1,1)*INDEX($D$3:$AA$30,INDEX(Jesper!$R$2:$R$366,ROW(INDEX(Jesper!AJ$2:AJ$366,ROUNDDOWN($C8434/24,0)+1,1))-1)+IF('Standard Profiles'!$G$20=$B$10,7,0)+IF('Standard Profiles'!$G$20=$B$17,14,0)+IF('Standard Profiles'!$G$20=$B$24,21,0),MOD($C8434,24)+1)/SUM(INDEX($D$3:$AA$30,INDEX(Jesper!$R$2:$R$366,ROW(INDEX(Jesper!AJ$2:AJ$366,ROUNDDOWN($C8434/24,0)+1,1))-1)+IF('Standard Profiles'!$G$20=$B$10,7,0)+IF('Standard Profiles'!$G$20=$B$17,14,0)+IF('Standard Profiles'!$G$20=$B$24,21,0),0)),0)</f>
        <v>0</v>
      </c>
      <c r="G8434" cm="1">
        <f t="array" ref="G8434">IFERROR(INDEX(Jesper!AK$2:AK$366,ROUNDDOWN($C8434/24,0)+1,1)*INDEX($D$3:$AA$30,INDEX(Jesper!$R$2:$R$366,ROW(INDEX(Jesper!AK$2:AK$366,ROUNDDOWN($C8434/24,0)+1,1))-1)+IF('Standard Profiles'!$G$21=$B$10,7,0)+IF('Standard Profiles'!$G$21=$B$17,14,0)+IF('Standard Profiles'!$G$21=$B$24,21,0),MOD($C8434,24)+1)/SUM(INDEX($D$3:$AA$30,INDEX(Jesper!$R$2:$R$366,ROW(INDEX(Jesper!AK$2:AK$366,ROUNDDOWN($C8434/24,0)+1,1))-1)+IF('Standard Profiles'!$G$21=$B$10,7,0)+IF('Standard Profiles'!$G$21=$B$17,14,0)+IF('Standard Profiles'!$G$21=$B$24,21,0),0)),0)</f>
        <v>0</v>
      </c>
      <c r="H8434" cm="1">
        <f t="array" ref="H8434">IFERROR(INDEX(Jesper!AL$2:AL$366,ROUNDDOWN($C8434/24,0)+1,1)*INDEX($D$3:$AA$30,INDEX(Jesper!$R$2:$R$366,ROW(INDEX(Jesper!AL$2:AL$366,ROUNDDOWN($C8434/24,0)+1,1))-1)+IF('Standard Profiles'!$G$22=$B$10,7,0)+IF('Standard Profiles'!$G$22=$B$17,14,0)+IF('Standard Profiles'!$G$22=$B$24,21,0),MOD($C8434,24)+1)/SUM(INDEX($D$3:$AA$30,INDEX(Jesper!$R$2:$R$366,ROW(INDEX(Jesper!AL$2:AL$366,ROUNDDOWN($C8434/24,0)+1,1))-1)+IF('Standard Profiles'!$G$22=$B$10,7,0)+IF('Standard Profiles'!$G$22=$B$17,14,0)+IF('Standard Profiles'!$G$22=$B$24,21,0),0)),0)</f>
        <v>0</v>
      </c>
      <c r="I8434">
        <f t="shared" si="937"/>
        <v>7.758871889619734E-2</v>
      </c>
      <c r="J8434">
        <f t="shared" si="938"/>
        <v>0.25862906298732447</v>
      </c>
      <c r="K8434">
        <f t="shared" si="939"/>
        <v>0.3879435944809867</v>
      </c>
      <c r="L8434">
        <f t="shared" si="940"/>
        <v>1.8621292535087361</v>
      </c>
      <c r="M8434">
        <f t="shared" si="941"/>
        <v>0</v>
      </c>
      <c r="N8434" s="46">
        <f t="shared" si="942"/>
        <v>45641.999999979627</v>
      </c>
    </row>
    <row r="8435" spans="2:14" x14ac:dyDescent="0.3">
      <c r="B8435">
        <f t="shared" si="936"/>
        <v>1</v>
      </c>
      <c r="C8435" s="16">
        <v>8401</v>
      </c>
      <c r="D8435" cm="1">
        <f t="array" ref="D8435">IFERROR(INDEX(Jesper!AH$2:AH$366,ROUNDDOWN($C8435/24,0)+1,1)*INDEX($D$3:$AA$30,INDEX(Jesper!$R$2:$R$366,ROW(INDEX(Jesper!AH$2:AH$366,ROUNDDOWN($C8435/24,0)+1,1))-1)+IF('Standard Profiles'!$G$18=$B$10,7,0)+IF('Standard Profiles'!$G$18=$B$17,14,0)+IF('Standard Profiles'!$G$18=$B$24,21,0),MOD($C8435,24)+1)/SUM(INDEX($D$3:$AA$30,INDEX(Jesper!$R$2:$R$366,ROW(INDEX(Jesper!AH$2:AH$366,ROUNDDOWN($C8435/24,0)+1,1))-1)+IF('Standard Profiles'!$G$18=$B$10,7,0)+IF('Standard Profiles'!$G$18=$B$17,14,0)+IF('Standard Profiles'!$G$18=$B$24,21,0),0)),0)</f>
        <v>2.5862906298732447</v>
      </c>
      <c r="E8435" cm="1">
        <f t="array" ref="E8435">IFERROR(INDEX(Jesper!AI$2:AI$366,ROUNDDOWN($C8435/24,0)+1,1)*INDEX($D$3:$AA$30,INDEX(Jesper!$R$2:$R$366,ROW(INDEX(Jesper!AI$2:AI$366,ROUNDDOWN($C8435/24,0)+1,1))-1)+IF('Standard Profiles'!$G$19=$B$10,7,0)+IF('Standard Profiles'!$G$19=$B$17,14,0)+IF('Standard Profiles'!$G$19=$B$24,21,0),MOD($C8435,24)+1)/SUM(INDEX($D$3:$AA$30,INDEX(Jesper!$R$2:$R$366,ROW(INDEX(Jesper!AI$2:AI$366,ROUNDDOWN($C8435/24,0)+1,1))-1)+IF('Standard Profiles'!$G$19=$B$10,7,0)+IF('Standard Profiles'!$G$19=$B$17,14,0)+IF('Standard Profiles'!$G$19=$B$24,21,0),0)),0)</f>
        <v>0</v>
      </c>
      <c r="F8435" cm="1">
        <f t="array" ref="F8435">IFERROR(INDEX(Jesper!AJ$2:AJ$366,ROUNDDOWN($C8435/24,0)+1,1)*INDEX($D$3:$AA$30,INDEX(Jesper!$R$2:$R$366,ROW(INDEX(Jesper!AJ$2:AJ$366,ROUNDDOWN($C8435/24,0)+1,1))-1)+IF('Standard Profiles'!$G$20=$B$10,7,0)+IF('Standard Profiles'!$G$20=$B$17,14,0)+IF('Standard Profiles'!$G$20=$B$24,21,0),MOD($C8435,24)+1)/SUM(INDEX($D$3:$AA$30,INDEX(Jesper!$R$2:$R$366,ROW(INDEX(Jesper!AJ$2:AJ$366,ROUNDDOWN($C8435/24,0)+1,1))-1)+IF('Standard Profiles'!$G$20=$B$10,7,0)+IF('Standard Profiles'!$G$20=$B$17,14,0)+IF('Standard Profiles'!$G$20=$B$24,21,0),0)),0)</f>
        <v>0</v>
      </c>
      <c r="G8435" cm="1">
        <f t="array" ref="G8435">IFERROR(INDEX(Jesper!AK$2:AK$366,ROUNDDOWN($C8435/24,0)+1,1)*INDEX($D$3:$AA$30,INDEX(Jesper!$R$2:$R$366,ROW(INDEX(Jesper!AK$2:AK$366,ROUNDDOWN($C8435/24,0)+1,1))-1)+IF('Standard Profiles'!$G$21=$B$10,7,0)+IF('Standard Profiles'!$G$21=$B$17,14,0)+IF('Standard Profiles'!$G$21=$B$24,21,0),MOD($C8435,24)+1)/SUM(INDEX($D$3:$AA$30,INDEX(Jesper!$R$2:$R$366,ROW(INDEX(Jesper!AK$2:AK$366,ROUNDDOWN($C8435/24,0)+1,1))-1)+IF('Standard Profiles'!$G$21=$B$10,7,0)+IF('Standard Profiles'!$G$21=$B$17,14,0)+IF('Standard Profiles'!$G$21=$B$24,21,0),0)),0)</f>
        <v>0</v>
      </c>
      <c r="H8435" cm="1">
        <f t="array" ref="H8435">IFERROR(INDEX(Jesper!AL$2:AL$366,ROUNDDOWN($C8435/24,0)+1,1)*INDEX($D$3:$AA$30,INDEX(Jesper!$R$2:$R$366,ROW(INDEX(Jesper!AL$2:AL$366,ROUNDDOWN($C8435/24,0)+1,1))-1)+IF('Standard Profiles'!$G$22=$B$10,7,0)+IF('Standard Profiles'!$G$22=$B$17,14,0)+IF('Standard Profiles'!$G$22=$B$24,21,0),MOD($C8435,24)+1)/SUM(INDEX($D$3:$AA$30,INDEX(Jesper!$R$2:$R$366,ROW(INDEX(Jesper!AL$2:AL$366,ROUNDDOWN($C8435/24,0)+1,1))-1)+IF('Standard Profiles'!$G$22=$B$10,7,0)+IF('Standard Profiles'!$G$22=$B$17,14,0)+IF('Standard Profiles'!$G$22=$B$24,21,0),0)),0)</f>
        <v>0</v>
      </c>
      <c r="I8435">
        <f t="shared" si="937"/>
        <v>7.758871889619734E-2</v>
      </c>
      <c r="J8435">
        <f t="shared" si="938"/>
        <v>0.25862906298732447</v>
      </c>
      <c r="K8435">
        <f t="shared" si="939"/>
        <v>0.3879435944809867</v>
      </c>
      <c r="L8435">
        <f t="shared" si="940"/>
        <v>1.8621292535087361</v>
      </c>
      <c r="M8435">
        <f t="shared" si="941"/>
        <v>0</v>
      </c>
      <c r="N8435" s="46">
        <f t="shared" si="942"/>
        <v>45642.041666646292</v>
      </c>
    </row>
    <row r="8436" spans="2:14" x14ac:dyDescent="0.3">
      <c r="B8436">
        <f t="shared" si="936"/>
        <v>1</v>
      </c>
      <c r="C8436" s="16">
        <v>8402</v>
      </c>
      <c r="D8436" cm="1">
        <f t="array" ref="D8436">IFERROR(INDEX(Jesper!AH$2:AH$366,ROUNDDOWN($C8436/24,0)+1,1)*INDEX($D$3:$AA$30,INDEX(Jesper!$R$2:$R$366,ROW(INDEX(Jesper!AH$2:AH$366,ROUNDDOWN($C8436/24,0)+1,1))-1)+IF('Standard Profiles'!$G$18=$B$10,7,0)+IF('Standard Profiles'!$G$18=$B$17,14,0)+IF('Standard Profiles'!$G$18=$B$24,21,0),MOD($C8436,24)+1)/SUM(INDEX($D$3:$AA$30,INDEX(Jesper!$R$2:$R$366,ROW(INDEX(Jesper!AH$2:AH$366,ROUNDDOWN($C8436/24,0)+1,1))-1)+IF('Standard Profiles'!$G$18=$B$10,7,0)+IF('Standard Profiles'!$G$18=$B$17,14,0)+IF('Standard Profiles'!$G$18=$B$24,21,0),0)),0)</f>
        <v>2.5862906298732447</v>
      </c>
      <c r="E8436" cm="1">
        <f t="array" ref="E8436">IFERROR(INDEX(Jesper!AI$2:AI$366,ROUNDDOWN($C8436/24,0)+1,1)*INDEX($D$3:$AA$30,INDEX(Jesper!$R$2:$R$366,ROW(INDEX(Jesper!AI$2:AI$366,ROUNDDOWN($C8436/24,0)+1,1))-1)+IF('Standard Profiles'!$G$19=$B$10,7,0)+IF('Standard Profiles'!$G$19=$B$17,14,0)+IF('Standard Profiles'!$G$19=$B$24,21,0),MOD($C8436,24)+1)/SUM(INDEX($D$3:$AA$30,INDEX(Jesper!$R$2:$R$366,ROW(INDEX(Jesper!AI$2:AI$366,ROUNDDOWN($C8436/24,0)+1,1))-1)+IF('Standard Profiles'!$G$19=$B$10,7,0)+IF('Standard Profiles'!$G$19=$B$17,14,0)+IF('Standard Profiles'!$G$19=$B$24,21,0),0)),0)</f>
        <v>0</v>
      </c>
      <c r="F8436" cm="1">
        <f t="array" ref="F8436">IFERROR(INDEX(Jesper!AJ$2:AJ$366,ROUNDDOWN($C8436/24,0)+1,1)*INDEX($D$3:$AA$30,INDEX(Jesper!$R$2:$R$366,ROW(INDEX(Jesper!AJ$2:AJ$366,ROUNDDOWN($C8436/24,0)+1,1))-1)+IF('Standard Profiles'!$G$20=$B$10,7,0)+IF('Standard Profiles'!$G$20=$B$17,14,0)+IF('Standard Profiles'!$G$20=$B$24,21,0),MOD($C8436,24)+1)/SUM(INDEX($D$3:$AA$30,INDEX(Jesper!$R$2:$R$366,ROW(INDEX(Jesper!AJ$2:AJ$366,ROUNDDOWN($C8436/24,0)+1,1))-1)+IF('Standard Profiles'!$G$20=$B$10,7,0)+IF('Standard Profiles'!$G$20=$B$17,14,0)+IF('Standard Profiles'!$G$20=$B$24,21,0),0)),0)</f>
        <v>0</v>
      </c>
      <c r="G8436" cm="1">
        <f t="array" ref="G8436">IFERROR(INDEX(Jesper!AK$2:AK$366,ROUNDDOWN($C8436/24,0)+1,1)*INDEX($D$3:$AA$30,INDEX(Jesper!$R$2:$R$366,ROW(INDEX(Jesper!AK$2:AK$366,ROUNDDOWN($C8436/24,0)+1,1))-1)+IF('Standard Profiles'!$G$21=$B$10,7,0)+IF('Standard Profiles'!$G$21=$B$17,14,0)+IF('Standard Profiles'!$G$21=$B$24,21,0),MOD($C8436,24)+1)/SUM(INDEX($D$3:$AA$30,INDEX(Jesper!$R$2:$R$366,ROW(INDEX(Jesper!AK$2:AK$366,ROUNDDOWN($C8436/24,0)+1,1))-1)+IF('Standard Profiles'!$G$21=$B$10,7,0)+IF('Standard Profiles'!$G$21=$B$17,14,0)+IF('Standard Profiles'!$G$21=$B$24,21,0),0)),0)</f>
        <v>0</v>
      </c>
      <c r="H8436" cm="1">
        <f t="array" ref="H8436">IFERROR(INDEX(Jesper!AL$2:AL$366,ROUNDDOWN($C8436/24,0)+1,1)*INDEX($D$3:$AA$30,INDEX(Jesper!$R$2:$R$366,ROW(INDEX(Jesper!AL$2:AL$366,ROUNDDOWN($C8436/24,0)+1,1))-1)+IF('Standard Profiles'!$G$22=$B$10,7,0)+IF('Standard Profiles'!$G$22=$B$17,14,0)+IF('Standard Profiles'!$G$22=$B$24,21,0),MOD($C8436,24)+1)/SUM(INDEX($D$3:$AA$30,INDEX(Jesper!$R$2:$R$366,ROW(INDEX(Jesper!AL$2:AL$366,ROUNDDOWN($C8436/24,0)+1,1))-1)+IF('Standard Profiles'!$G$22=$B$10,7,0)+IF('Standard Profiles'!$G$22=$B$17,14,0)+IF('Standard Profiles'!$G$22=$B$24,21,0),0)),0)</f>
        <v>0</v>
      </c>
      <c r="I8436">
        <f t="shared" si="937"/>
        <v>7.758871889619734E-2</v>
      </c>
      <c r="J8436">
        <f t="shared" si="938"/>
        <v>0.25862906298732447</v>
      </c>
      <c r="K8436">
        <f t="shared" si="939"/>
        <v>0.3879435944809867</v>
      </c>
      <c r="L8436">
        <f t="shared" si="940"/>
        <v>1.8621292535087361</v>
      </c>
      <c r="M8436">
        <f t="shared" si="941"/>
        <v>0</v>
      </c>
      <c r="N8436" s="46">
        <f t="shared" si="942"/>
        <v>45642.083333312956</v>
      </c>
    </row>
    <row r="8437" spans="2:14" x14ac:dyDescent="0.3">
      <c r="B8437">
        <f t="shared" si="936"/>
        <v>1</v>
      </c>
      <c r="C8437" s="16">
        <v>8403</v>
      </c>
      <c r="D8437" cm="1">
        <f t="array" ref="D8437">IFERROR(INDEX(Jesper!AH$2:AH$366,ROUNDDOWN($C8437/24,0)+1,1)*INDEX($D$3:$AA$30,INDEX(Jesper!$R$2:$R$366,ROW(INDEX(Jesper!AH$2:AH$366,ROUNDDOWN($C8437/24,0)+1,1))-1)+IF('Standard Profiles'!$G$18=$B$10,7,0)+IF('Standard Profiles'!$G$18=$B$17,14,0)+IF('Standard Profiles'!$G$18=$B$24,21,0),MOD($C8437,24)+1)/SUM(INDEX($D$3:$AA$30,INDEX(Jesper!$R$2:$R$366,ROW(INDEX(Jesper!AH$2:AH$366,ROUNDDOWN($C8437/24,0)+1,1))-1)+IF('Standard Profiles'!$G$18=$B$10,7,0)+IF('Standard Profiles'!$G$18=$B$17,14,0)+IF('Standard Profiles'!$G$18=$B$24,21,0),0)),0)</f>
        <v>2.5862906298732447</v>
      </c>
      <c r="E8437" cm="1">
        <f t="array" ref="E8437">IFERROR(INDEX(Jesper!AI$2:AI$366,ROUNDDOWN($C8437/24,0)+1,1)*INDEX($D$3:$AA$30,INDEX(Jesper!$R$2:$R$366,ROW(INDEX(Jesper!AI$2:AI$366,ROUNDDOWN($C8437/24,0)+1,1))-1)+IF('Standard Profiles'!$G$19=$B$10,7,0)+IF('Standard Profiles'!$G$19=$B$17,14,0)+IF('Standard Profiles'!$G$19=$B$24,21,0),MOD($C8437,24)+1)/SUM(INDEX($D$3:$AA$30,INDEX(Jesper!$R$2:$R$366,ROW(INDEX(Jesper!AI$2:AI$366,ROUNDDOWN($C8437/24,0)+1,1))-1)+IF('Standard Profiles'!$G$19=$B$10,7,0)+IF('Standard Profiles'!$G$19=$B$17,14,0)+IF('Standard Profiles'!$G$19=$B$24,21,0),0)),0)</f>
        <v>0</v>
      </c>
      <c r="F8437" cm="1">
        <f t="array" ref="F8437">IFERROR(INDEX(Jesper!AJ$2:AJ$366,ROUNDDOWN($C8437/24,0)+1,1)*INDEX($D$3:$AA$30,INDEX(Jesper!$R$2:$R$366,ROW(INDEX(Jesper!AJ$2:AJ$366,ROUNDDOWN($C8437/24,0)+1,1))-1)+IF('Standard Profiles'!$G$20=$B$10,7,0)+IF('Standard Profiles'!$G$20=$B$17,14,0)+IF('Standard Profiles'!$G$20=$B$24,21,0),MOD($C8437,24)+1)/SUM(INDEX($D$3:$AA$30,INDEX(Jesper!$R$2:$R$366,ROW(INDEX(Jesper!AJ$2:AJ$366,ROUNDDOWN($C8437/24,0)+1,1))-1)+IF('Standard Profiles'!$G$20=$B$10,7,0)+IF('Standard Profiles'!$G$20=$B$17,14,0)+IF('Standard Profiles'!$G$20=$B$24,21,0),0)),0)</f>
        <v>0</v>
      </c>
      <c r="G8437" cm="1">
        <f t="array" ref="G8437">IFERROR(INDEX(Jesper!AK$2:AK$366,ROUNDDOWN($C8437/24,0)+1,1)*INDEX($D$3:$AA$30,INDEX(Jesper!$R$2:$R$366,ROW(INDEX(Jesper!AK$2:AK$366,ROUNDDOWN($C8437/24,0)+1,1))-1)+IF('Standard Profiles'!$G$21=$B$10,7,0)+IF('Standard Profiles'!$G$21=$B$17,14,0)+IF('Standard Profiles'!$G$21=$B$24,21,0),MOD($C8437,24)+1)/SUM(INDEX($D$3:$AA$30,INDEX(Jesper!$R$2:$R$366,ROW(INDEX(Jesper!AK$2:AK$366,ROUNDDOWN($C8437/24,0)+1,1))-1)+IF('Standard Profiles'!$G$21=$B$10,7,0)+IF('Standard Profiles'!$G$21=$B$17,14,0)+IF('Standard Profiles'!$G$21=$B$24,21,0),0)),0)</f>
        <v>0</v>
      </c>
      <c r="H8437" cm="1">
        <f t="array" ref="H8437">IFERROR(INDEX(Jesper!AL$2:AL$366,ROUNDDOWN($C8437/24,0)+1,1)*INDEX($D$3:$AA$30,INDEX(Jesper!$R$2:$R$366,ROW(INDEX(Jesper!AL$2:AL$366,ROUNDDOWN($C8437/24,0)+1,1))-1)+IF('Standard Profiles'!$G$22=$B$10,7,0)+IF('Standard Profiles'!$G$22=$B$17,14,0)+IF('Standard Profiles'!$G$22=$B$24,21,0),MOD($C8437,24)+1)/SUM(INDEX($D$3:$AA$30,INDEX(Jesper!$R$2:$R$366,ROW(INDEX(Jesper!AL$2:AL$366,ROUNDDOWN($C8437/24,0)+1,1))-1)+IF('Standard Profiles'!$G$22=$B$10,7,0)+IF('Standard Profiles'!$G$22=$B$17,14,0)+IF('Standard Profiles'!$G$22=$B$24,21,0),0)),0)</f>
        <v>0</v>
      </c>
      <c r="I8437">
        <f t="shared" si="937"/>
        <v>7.758871889619734E-2</v>
      </c>
      <c r="J8437">
        <f t="shared" si="938"/>
        <v>0.25862906298732447</v>
      </c>
      <c r="K8437">
        <f t="shared" si="939"/>
        <v>0.3879435944809867</v>
      </c>
      <c r="L8437">
        <f t="shared" si="940"/>
        <v>1.8621292535087361</v>
      </c>
      <c r="M8437">
        <f t="shared" si="941"/>
        <v>0</v>
      </c>
      <c r="N8437" s="46">
        <f t="shared" si="942"/>
        <v>45642.12499997962</v>
      </c>
    </row>
    <row r="8438" spans="2:14" x14ac:dyDescent="0.3">
      <c r="B8438">
        <f t="shared" si="936"/>
        <v>1</v>
      </c>
      <c r="C8438" s="16">
        <v>8404</v>
      </c>
      <c r="D8438" cm="1">
        <f t="array" ref="D8438">IFERROR(INDEX(Jesper!AH$2:AH$366,ROUNDDOWN($C8438/24,0)+1,1)*INDEX($D$3:$AA$30,INDEX(Jesper!$R$2:$R$366,ROW(INDEX(Jesper!AH$2:AH$366,ROUNDDOWN($C8438/24,0)+1,1))-1)+IF('Standard Profiles'!$G$18=$B$10,7,0)+IF('Standard Profiles'!$G$18=$B$17,14,0)+IF('Standard Profiles'!$G$18=$B$24,21,0),MOD($C8438,24)+1)/SUM(INDEX($D$3:$AA$30,INDEX(Jesper!$R$2:$R$366,ROW(INDEX(Jesper!AH$2:AH$366,ROUNDDOWN($C8438/24,0)+1,1))-1)+IF('Standard Profiles'!$G$18=$B$10,7,0)+IF('Standard Profiles'!$G$18=$B$17,14,0)+IF('Standard Profiles'!$G$18=$B$24,21,0),0)),0)</f>
        <v>2.5862906298732447</v>
      </c>
      <c r="E8438" cm="1">
        <f t="array" ref="E8438">IFERROR(INDEX(Jesper!AI$2:AI$366,ROUNDDOWN($C8438/24,0)+1,1)*INDEX($D$3:$AA$30,INDEX(Jesper!$R$2:$R$366,ROW(INDEX(Jesper!AI$2:AI$366,ROUNDDOWN($C8438/24,0)+1,1))-1)+IF('Standard Profiles'!$G$19=$B$10,7,0)+IF('Standard Profiles'!$G$19=$B$17,14,0)+IF('Standard Profiles'!$G$19=$B$24,21,0),MOD($C8438,24)+1)/SUM(INDEX($D$3:$AA$30,INDEX(Jesper!$R$2:$R$366,ROW(INDEX(Jesper!AI$2:AI$366,ROUNDDOWN($C8438/24,0)+1,1))-1)+IF('Standard Profiles'!$G$19=$B$10,7,0)+IF('Standard Profiles'!$G$19=$B$17,14,0)+IF('Standard Profiles'!$G$19=$B$24,21,0),0)),0)</f>
        <v>0</v>
      </c>
      <c r="F8438" cm="1">
        <f t="array" ref="F8438">IFERROR(INDEX(Jesper!AJ$2:AJ$366,ROUNDDOWN($C8438/24,0)+1,1)*INDEX($D$3:$AA$30,INDEX(Jesper!$R$2:$R$366,ROW(INDEX(Jesper!AJ$2:AJ$366,ROUNDDOWN($C8438/24,0)+1,1))-1)+IF('Standard Profiles'!$G$20=$B$10,7,0)+IF('Standard Profiles'!$G$20=$B$17,14,0)+IF('Standard Profiles'!$G$20=$B$24,21,0),MOD($C8438,24)+1)/SUM(INDEX($D$3:$AA$30,INDEX(Jesper!$R$2:$R$366,ROW(INDEX(Jesper!AJ$2:AJ$366,ROUNDDOWN($C8438/24,0)+1,1))-1)+IF('Standard Profiles'!$G$20=$B$10,7,0)+IF('Standard Profiles'!$G$20=$B$17,14,0)+IF('Standard Profiles'!$G$20=$B$24,21,0),0)),0)</f>
        <v>0</v>
      </c>
      <c r="G8438" cm="1">
        <f t="array" ref="G8438">IFERROR(INDEX(Jesper!AK$2:AK$366,ROUNDDOWN($C8438/24,0)+1,1)*INDEX($D$3:$AA$30,INDEX(Jesper!$R$2:$R$366,ROW(INDEX(Jesper!AK$2:AK$366,ROUNDDOWN($C8438/24,0)+1,1))-1)+IF('Standard Profiles'!$G$21=$B$10,7,0)+IF('Standard Profiles'!$G$21=$B$17,14,0)+IF('Standard Profiles'!$G$21=$B$24,21,0),MOD($C8438,24)+1)/SUM(INDEX($D$3:$AA$30,INDEX(Jesper!$R$2:$R$366,ROW(INDEX(Jesper!AK$2:AK$366,ROUNDDOWN($C8438/24,0)+1,1))-1)+IF('Standard Profiles'!$G$21=$B$10,7,0)+IF('Standard Profiles'!$G$21=$B$17,14,0)+IF('Standard Profiles'!$G$21=$B$24,21,0),0)),0)</f>
        <v>0</v>
      </c>
      <c r="H8438" cm="1">
        <f t="array" ref="H8438">IFERROR(INDEX(Jesper!AL$2:AL$366,ROUNDDOWN($C8438/24,0)+1,1)*INDEX($D$3:$AA$30,INDEX(Jesper!$R$2:$R$366,ROW(INDEX(Jesper!AL$2:AL$366,ROUNDDOWN($C8438/24,0)+1,1))-1)+IF('Standard Profiles'!$G$22=$B$10,7,0)+IF('Standard Profiles'!$G$22=$B$17,14,0)+IF('Standard Profiles'!$G$22=$B$24,21,0),MOD($C8438,24)+1)/SUM(INDEX($D$3:$AA$30,INDEX(Jesper!$R$2:$R$366,ROW(INDEX(Jesper!AL$2:AL$366,ROUNDDOWN($C8438/24,0)+1,1))-1)+IF('Standard Profiles'!$G$22=$B$10,7,0)+IF('Standard Profiles'!$G$22=$B$17,14,0)+IF('Standard Profiles'!$G$22=$B$24,21,0),0)),0)</f>
        <v>0</v>
      </c>
      <c r="I8438">
        <f t="shared" si="937"/>
        <v>7.758871889619734E-2</v>
      </c>
      <c r="J8438">
        <f t="shared" si="938"/>
        <v>0.25862906298732447</v>
      </c>
      <c r="K8438">
        <f t="shared" si="939"/>
        <v>0.3879435944809867</v>
      </c>
      <c r="L8438">
        <f t="shared" si="940"/>
        <v>1.8621292535087361</v>
      </c>
      <c r="M8438">
        <f t="shared" si="941"/>
        <v>0</v>
      </c>
      <c r="N8438" s="46">
        <f t="shared" si="942"/>
        <v>45642.166666646284</v>
      </c>
    </row>
    <row r="8439" spans="2:14" x14ac:dyDescent="0.3">
      <c r="B8439">
        <f t="shared" si="936"/>
        <v>1</v>
      </c>
      <c r="C8439" s="16">
        <v>8405</v>
      </c>
      <c r="D8439" cm="1">
        <f t="array" ref="D8439">IFERROR(INDEX(Jesper!AH$2:AH$366,ROUNDDOWN($C8439/24,0)+1,1)*INDEX($D$3:$AA$30,INDEX(Jesper!$R$2:$R$366,ROW(INDEX(Jesper!AH$2:AH$366,ROUNDDOWN($C8439/24,0)+1,1))-1)+IF('Standard Profiles'!$G$18=$B$10,7,0)+IF('Standard Profiles'!$G$18=$B$17,14,0)+IF('Standard Profiles'!$G$18=$B$24,21,0),MOD($C8439,24)+1)/SUM(INDEX($D$3:$AA$30,INDEX(Jesper!$R$2:$R$366,ROW(INDEX(Jesper!AH$2:AH$366,ROUNDDOWN($C8439/24,0)+1,1))-1)+IF('Standard Profiles'!$G$18=$B$10,7,0)+IF('Standard Profiles'!$G$18=$B$17,14,0)+IF('Standard Profiles'!$G$18=$B$24,21,0),0)),0)</f>
        <v>11.207259396117395</v>
      </c>
      <c r="E8439" cm="1">
        <f t="array" ref="E8439">IFERROR(INDEX(Jesper!AI$2:AI$366,ROUNDDOWN($C8439/24,0)+1,1)*INDEX($D$3:$AA$30,INDEX(Jesper!$R$2:$R$366,ROW(INDEX(Jesper!AI$2:AI$366,ROUNDDOWN($C8439/24,0)+1,1))-1)+IF('Standard Profiles'!$G$19=$B$10,7,0)+IF('Standard Profiles'!$G$19=$B$17,14,0)+IF('Standard Profiles'!$G$19=$B$24,21,0),MOD($C8439,24)+1)/SUM(INDEX($D$3:$AA$30,INDEX(Jesper!$R$2:$R$366,ROW(INDEX(Jesper!AI$2:AI$366,ROUNDDOWN($C8439/24,0)+1,1))-1)+IF('Standard Profiles'!$G$19=$B$10,7,0)+IF('Standard Profiles'!$G$19=$B$17,14,0)+IF('Standard Profiles'!$G$19=$B$24,21,0),0)),0)</f>
        <v>0</v>
      </c>
      <c r="F8439" cm="1">
        <f t="array" ref="F8439">IFERROR(INDEX(Jesper!AJ$2:AJ$366,ROUNDDOWN($C8439/24,0)+1,1)*INDEX($D$3:$AA$30,INDEX(Jesper!$R$2:$R$366,ROW(INDEX(Jesper!AJ$2:AJ$366,ROUNDDOWN($C8439/24,0)+1,1))-1)+IF('Standard Profiles'!$G$20=$B$10,7,0)+IF('Standard Profiles'!$G$20=$B$17,14,0)+IF('Standard Profiles'!$G$20=$B$24,21,0),MOD($C8439,24)+1)/SUM(INDEX($D$3:$AA$30,INDEX(Jesper!$R$2:$R$366,ROW(INDEX(Jesper!AJ$2:AJ$366,ROUNDDOWN($C8439/24,0)+1,1))-1)+IF('Standard Profiles'!$G$20=$B$10,7,0)+IF('Standard Profiles'!$G$20=$B$17,14,0)+IF('Standard Profiles'!$G$20=$B$24,21,0),0)),0)</f>
        <v>0</v>
      </c>
      <c r="G8439" cm="1">
        <f t="array" ref="G8439">IFERROR(INDEX(Jesper!AK$2:AK$366,ROUNDDOWN($C8439/24,0)+1,1)*INDEX($D$3:$AA$30,INDEX(Jesper!$R$2:$R$366,ROW(INDEX(Jesper!AK$2:AK$366,ROUNDDOWN($C8439/24,0)+1,1))-1)+IF('Standard Profiles'!$G$21=$B$10,7,0)+IF('Standard Profiles'!$G$21=$B$17,14,0)+IF('Standard Profiles'!$G$21=$B$24,21,0),MOD($C8439,24)+1)/SUM(INDEX($D$3:$AA$30,INDEX(Jesper!$R$2:$R$366,ROW(INDEX(Jesper!AK$2:AK$366,ROUNDDOWN($C8439/24,0)+1,1))-1)+IF('Standard Profiles'!$G$21=$B$10,7,0)+IF('Standard Profiles'!$G$21=$B$17,14,0)+IF('Standard Profiles'!$G$21=$B$24,21,0),0)),0)</f>
        <v>0</v>
      </c>
      <c r="H8439" cm="1">
        <f t="array" ref="H8439">IFERROR(INDEX(Jesper!AL$2:AL$366,ROUNDDOWN($C8439/24,0)+1,1)*INDEX($D$3:$AA$30,INDEX(Jesper!$R$2:$R$366,ROW(INDEX(Jesper!AL$2:AL$366,ROUNDDOWN($C8439/24,0)+1,1))-1)+IF('Standard Profiles'!$G$22=$B$10,7,0)+IF('Standard Profiles'!$G$22=$B$17,14,0)+IF('Standard Profiles'!$G$22=$B$24,21,0),MOD($C8439,24)+1)/SUM(INDEX($D$3:$AA$30,INDEX(Jesper!$R$2:$R$366,ROW(INDEX(Jesper!AL$2:AL$366,ROUNDDOWN($C8439/24,0)+1,1))-1)+IF('Standard Profiles'!$G$22=$B$10,7,0)+IF('Standard Profiles'!$G$22=$B$17,14,0)+IF('Standard Profiles'!$G$22=$B$24,21,0),0)),0)</f>
        <v>0</v>
      </c>
      <c r="I8439">
        <f t="shared" si="937"/>
        <v>0.33621778188352186</v>
      </c>
      <c r="J8439">
        <f t="shared" si="938"/>
        <v>1.1207259396117395</v>
      </c>
      <c r="K8439">
        <f t="shared" si="939"/>
        <v>1.6810889094176094</v>
      </c>
      <c r="L8439">
        <f t="shared" si="940"/>
        <v>8.0692267652045242</v>
      </c>
      <c r="M8439">
        <f t="shared" si="941"/>
        <v>0</v>
      </c>
      <c r="N8439" s="46">
        <f t="shared" si="942"/>
        <v>45642.208333312949</v>
      </c>
    </row>
    <row r="8440" spans="2:14" x14ac:dyDescent="0.3">
      <c r="B8440">
        <f t="shared" si="936"/>
        <v>1</v>
      </c>
      <c r="C8440" s="16">
        <v>8406</v>
      </c>
      <c r="D8440" cm="1">
        <f t="array" ref="D8440">IFERROR(INDEX(Jesper!AH$2:AH$366,ROUNDDOWN($C8440/24,0)+1,1)*INDEX($D$3:$AA$30,INDEX(Jesper!$R$2:$R$366,ROW(INDEX(Jesper!AH$2:AH$366,ROUNDDOWN($C8440/24,0)+1,1))-1)+IF('Standard Profiles'!$G$18=$B$10,7,0)+IF('Standard Profiles'!$G$18=$B$17,14,0)+IF('Standard Profiles'!$G$18=$B$24,21,0),MOD($C8440,24)+1)/SUM(INDEX($D$3:$AA$30,INDEX(Jesper!$R$2:$R$366,ROW(INDEX(Jesper!AH$2:AH$366,ROUNDDOWN($C8440/24,0)+1,1))-1)+IF('Standard Profiles'!$G$18=$B$10,7,0)+IF('Standard Profiles'!$G$18=$B$17,14,0)+IF('Standard Profiles'!$G$18=$B$24,21,0),0)),0)</f>
        <v>12.71592893021012</v>
      </c>
      <c r="E8440" cm="1">
        <f t="array" ref="E8440">IFERROR(INDEX(Jesper!AI$2:AI$366,ROUNDDOWN($C8440/24,0)+1,1)*INDEX($D$3:$AA$30,INDEX(Jesper!$R$2:$R$366,ROW(INDEX(Jesper!AI$2:AI$366,ROUNDDOWN($C8440/24,0)+1,1))-1)+IF('Standard Profiles'!$G$19=$B$10,7,0)+IF('Standard Profiles'!$G$19=$B$17,14,0)+IF('Standard Profiles'!$G$19=$B$24,21,0),MOD($C8440,24)+1)/SUM(INDEX($D$3:$AA$30,INDEX(Jesper!$R$2:$R$366,ROW(INDEX(Jesper!AI$2:AI$366,ROUNDDOWN($C8440/24,0)+1,1))-1)+IF('Standard Profiles'!$G$19=$B$10,7,0)+IF('Standard Profiles'!$G$19=$B$17,14,0)+IF('Standard Profiles'!$G$19=$B$24,21,0),0)),0)</f>
        <v>0</v>
      </c>
      <c r="F8440" cm="1">
        <f t="array" ref="F8440">IFERROR(INDEX(Jesper!AJ$2:AJ$366,ROUNDDOWN($C8440/24,0)+1,1)*INDEX($D$3:$AA$30,INDEX(Jesper!$R$2:$R$366,ROW(INDEX(Jesper!AJ$2:AJ$366,ROUNDDOWN($C8440/24,0)+1,1))-1)+IF('Standard Profiles'!$G$20=$B$10,7,0)+IF('Standard Profiles'!$G$20=$B$17,14,0)+IF('Standard Profiles'!$G$20=$B$24,21,0),MOD($C8440,24)+1)/SUM(INDEX($D$3:$AA$30,INDEX(Jesper!$R$2:$R$366,ROW(INDEX(Jesper!AJ$2:AJ$366,ROUNDDOWN($C8440/24,0)+1,1))-1)+IF('Standard Profiles'!$G$20=$B$10,7,0)+IF('Standard Profiles'!$G$20=$B$17,14,0)+IF('Standard Profiles'!$G$20=$B$24,21,0),0)),0)</f>
        <v>0</v>
      </c>
      <c r="G8440" cm="1">
        <f t="array" ref="G8440">IFERROR(INDEX(Jesper!AK$2:AK$366,ROUNDDOWN($C8440/24,0)+1,1)*INDEX($D$3:$AA$30,INDEX(Jesper!$R$2:$R$366,ROW(INDEX(Jesper!AK$2:AK$366,ROUNDDOWN($C8440/24,0)+1,1))-1)+IF('Standard Profiles'!$G$21=$B$10,7,0)+IF('Standard Profiles'!$G$21=$B$17,14,0)+IF('Standard Profiles'!$G$21=$B$24,21,0),MOD($C8440,24)+1)/SUM(INDEX($D$3:$AA$30,INDEX(Jesper!$R$2:$R$366,ROW(INDEX(Jesper!AK$2:AK$366,ROUNDDOWN($C8440/24,0)+1,1))-1)+IF('Standard Profiles'!$G$21=$B$10,7,0)+IF('Standard Profiles'!$G$21=$B$17,14,0)+IF('Standard Profiles'!$G$21=$B$24,21,0),0)),0)</f>
        <v>0</v>
      </c>
      <c r="H8440" cm="1">
        <f t="array" ref="H8440">IFERROR(INDEX(Jesper!AL$2:AL$366,ROUNDDOWN($C8440/24,0)+1,1)*INDEX($D$3:$AA$30,INDEX(Jesper!$R$2:$R$366,ROW(INDEX(Jesper!AL$2:AL$366,ROUNDDOWN($C8440/24,0)+1,1))-1)+IF('Standard Profiles'!$G$22=$B$10,7,0)+IF('Standard Profiles'!$G$22=$B$17,14,0)+IF('Standard Profiles'!$G$22=$B$24,21,0),MOD($C8440,24)+1)/SUM(INDEX($D$3:$AA$30,INDEX(Jesper!$R$2:$R$366,ROW(INDEX(Jesper!AL$2:AL$366,ROUNDDOWN($C8440/24,0)+1,1))-1)+IF('Standard Profiles'!$G$22=$B$10,7,0)+IF('Standard Profiles'!$G$22=$B$17,14,0)+IF('Standard Profiles'!$G$22=$B$24,21,0),0)),0)</f>
        <v>0</v>
      </c>
      <c r="I8440">
        <f t="shared" si="937"/>
        <v>0.38147786790630361</v>
      </c>
      <c r="J8440">
        <f t="shared" si="938"/>
        <v>1.2715928930210121</v>
      </c>
      <c r="K8440">
        <f t="shared" si="939"/>
        <v>1.907389339531518</v>
      </c>
      <c r="L8440">
        <f t="shared" si="940"/>
        <v>9.1554688297512872</v>
      </c>
      <c r="M8440">
        <f t="shared" si="941"/>
        <v>0</v>
      </c>
      <c r="N8440" s="46">
        <f t="shared" si="942"/>
        <v>45642.249999979613</v>
      </c>
    </row>
    <row r="8441" spans="2:14" x14ac:dyDescent="0.3">
      <c r="B8441">
        <f t="shared" si="936"/>
        <v>1</v>
      </c>
      <c r="C8441" s="16">
        <v>8407</v>
      </c>
      <c r="D8441" cm="1">
        <f t="array" ref="D8441">IFERROR(INDEX(Jesper!AH$2:AH$366,ROUNDDOWN($C8441/24,0)+1,1)*INDEX($D$3:$AA$30,INDEX(Jesper!$R$2:$R$366,ROW(INDEX(Jesper!AH$2:AH$366,ROUNDDOWN($C8441/24,0)+1,1))-1)+IF('Standard Profiles'!$G$18=$B$10,7,0)+IF('Standard Profiles'!$G$18=$B$17,14,0)+IF('Standard Profiles'!$G$18=$B$24,21,0),MOD($C8441,24)+1)/SUM(INDEX($D$3:$AA$30,INDEX(Jesper!$R$2:$R$366,ROW(INDEX(Jesper!AH$2:AH$366,ROUNDDOWN($C8441/24,0)+1,1))-1)+IF('Standard Profiles'!$G$18=$B$10,7,0)+IF('Standard Profiles'!$G$18=$B$17,14,0)+IF('Standard Profiles'!$G$18=$B$24,21,0),0)),0)</f>
        <v>12.71592893021012</v>
      </c>
      <c r="E8441" cm="1">
        <f t="array" ref="E8441">IFERROR(INDEX(Jesper!AI$2:AI$366,ROUNDDOWN($C8441/24,0)+1,1)*INDEX($D$3:$AA$30,INDEX(Jesper!$R$2:$R$366,ROW(INDEX(Jesper!AI$2:AI$366,ROUNDDOWN($C8441/24,0)+1,1))-1)+IF('Standard Profiles'!$G$19=$B$10,7,0)+IF('Standard Profiles'!$G$19=$B$17,14,0)+IF('Standard Profiles'!$G$19=$B$24,21,0),MOD($C8441,24)+1)/SUM(INDEX($D$3:$AA$30,INDEX(Jesper!$R$2:$R$366,ROW(INDEX(Jesper!AI$2:AI$366,ROUNDDOWN($C8441/24,0)+1,1))-1)+IF('Standard Profiles'!$G$19=$B$10,7,0)+IF('Standard Profiles'!$G$19=$B$17,14,0)+IF('Standard Profiles'!$G$19=$B$24,21,0),0)),0)</f>
        <v>0</v>
      </c>
      <c r="F8441" cm="1">
        <f t="array" ref="F8441">IFERROR(INDEX(Jesper!AJ$2:AJ$366,ROUNDDOWN($C8441/24,0)+1,1)*INDEX($D$3:$AA$30,INDEX(Jesper!$R$2:$R$366,ROW(INDEX(Jesper!AJ$2:AJ$366,ROUNDDOWN($C8441/24,0)+1,1))-1)+IF('Standard Profiles'!$G$20=$B$10,7,0)+IF('Standard Profiles'!$G$20=$B$17,14,0)+IF('Standard Profiles'!$G$20=$B$24,21,0),MOD($C8441,24)+1)/SUM(INDEX($D$3:$AA$30,INDEX(Jesper!$R$2:$R$366,ROW(INDEX(Jesper!AJ$2:AJ$366,ROUNDDOWN($C8441/24,0)+1,1))-1)+IF('Standard Profiles'!$G$20=$B$10,7,0)+IF('Standard Profiles'!$G$20=$B$17,14,0)+IF('Standard Profiles'!$G$20=$B$24,21,0),0)),0)</f>
        <v>0</v>
      </c>
      <c r="G8441" cm="1">
        <f t="array" ref="G8441">IFERROR(INDEX(Jesper!AK$2:AK$366,ROUNDDOWN($C8441/24,0)+1,1)*INDEX($D$3:$AA$30,INDEX(Jesper!$R$2:$R$366,ROW(INDEX(Jesper!AK$2:AK$366,ROUNDDOWN($C8441/24,0)+1,1))-1)+IF('Standard Profiles'!$G$21=$B$10,7,0)+IF('Standard Profiles'!$G$21=$B$17,14,0)+IF('Standard Profiles'!$G$21=$B$24,21,0),MOD($C8441,24)+1)/SUM(INDEX($D$3:$AA$30,INDEX(Jesper!$R$2:$R$366,ROW(INDEX(Jesper!AK$2:AK$366,ROUNDDOWN($C8441/24,0)+1,1))-1)+IF('Standard Profiles'!$G$21=$B$10,7,0)+IF('Standard Profiles'!$G$21=$B$17,14,0)+IF('Standard Profiles'!$G$21=$B$24,21,0),0)),0)</f>
        <v>0</v>
      </c>
      <c r="H8441" cm="1">
        <f t="array" ref="H8441">IFERROR(INDEX(Jesper!AL$2:AL$366,ROUNDDOWN($C8441/24,0)+1,1)*INDEX($D$3:$AA$30,INDEX(Jesper!$R$2:$R$366,ROW(INDEX(Jesper!AL$2:AL$366,ROUNDDOWN($C8441/24,0)+1,1))-1)+IF('Standard Profiles'!$G$22=$B$10,7,0)+IF('Standard Profiles'!$G$22=$B$17,14,0)+IF('Standard Profiles'!$G$22=$B$24,21,0),MOD($C8441,24)+1)/SUM(INDEX($D$3:$AA$30,INDEX(Jesper!$R$2:$R$366,ROW(INDEX(Jesper!AL$2:AL$366,ROUNDDOWN($C8441/24,0)+1,1))-1)+IF('Standard Profiles'!$G$22=$B$10,7,0)+IF('Standard Profiles'!$G$22=$B$17,14,0)+IF('Standard Profiles'!$G$22=$B$24,21,0),0)),0)</f>
        <v>0</v>
      </c>
      <c r="I8441">
        <f t="shared" si="937"/>
        <v>0.38147786790630361</v>
      </c>
      <c r="J8441">
        <f t="shared" si="938"/>
        <v>1.2715928930210121</v>
      </c>
      <c r="K8441">
        <f t="shared" si="939"/>
        <v>1.907389339531518</v>
      </c>
      <c r="L8441">
        <f t="shared" si="940"/>
        <v>9.1554688297512872</v>
      </c>
      <c r="M8441">
        <f t="shared" si="941"/>
        <v>0</v>
      </c>
      <c r="N8441" s="46">
        <f t="shared" si="942"/>
        <v>45642.291666646277</v>
      </c>
    </row>
    <row r="8442" spans="2:14" x14ac:dyDescent="0.3">
      <c r="B8442">
        <f t="shared" si="936"/>
        <v>1</v>
      </c>
      <c r="C8442" s="16">
        <v>8408</v>
      </c>
      <c r="D8442" cm="1">
        <f t="array" ref="D8442">IFERROR(INDEX(Jesper!AH$2:AH$366,ROUNDDOWN($C8442/24,0)+1,1)*INDEX($D$3:$AA$30,INDEX(Jesper!$R$2:$R$366,ROW(INDEX(Jesper!AH$2:AH$366,ROUNDDOWN($C8442/24,0)+1,1))-1)+IF('Standard Profiles'!$G$18=$B$10,7,0)+IF('Standard Profiles'!$G$18=$B$17,14,0)+IF('Standard Profiles'!$G$18=$B$24,21,0),MOD($C8442,24)+1)/SUM(INDEX($D$3:$AA$30,INDEX(Jesper!$R$2:$R$366,ROW(INDEX(Jesper!AH$2:AH$366,ROUNDDOWN($C8442/24,0)+1,1))-1)+IF('Standard Profiles'!$G$18=$B$10,7,0)+IF('Standard Profiles'!$G$18=$B$17,14,0)+IF('Standard Profiles'!$G$18=$B$24,21,0),0)),0)</f>
        <v>12.71592893021012</v>
      </c>
      <c r="E8442" cm="1">
        <f t="array" ref="E8442">IFERROR(INDEX(Jesper!AI$2:AI$366,ROUNDDOWN($C8442/24,0)+1,1)*INDEX($D$3:$AA$30,INDEX(Jesper!$R$2:$R$366,ROW(INDEX(Jesper!AI$2:AI$366,ROUNDDOWN($C8442/24,0)+1,1))-1)+IF('Standard Profiles'!$G$19=$B$10,7,0)+IF('Standard Profiles'!$G$19=$B$17,14,0)+IF('Standard Profiles'!$G$19=$B$24,21,0),MOD($C8442,24)+1)/SUM(INDEX($D$3:$AA$30,INDEX(Jesper!$R$2:$R$366,ROW(INDEX(Jesper!AI$2:AI$366,ROUNDDOWN($C8442/24,0)+1,1))-1)+IF('Standard Profiles'!$G$19=$B$10,7,0)+IF('Standard Profiles'!$G$19=$B$17,14,0)+IF('Standard Profiles'!$G$19=$B$24,21,0),0)),0)</f>
        <v>0</v>
      </c>
      <c r="F8442" cm="1">
        <f t="array" ref="F8442">IFERROR(INDEX(Jesper!AJ$2:AJ$366,ROUNDDOWN($C8442/24,0)+1,1)*INDEX($D$3:$AA$30,INDEX(Jesper!$R$2:$R$366,ROW(INDEX(Jesper!AJ$2:AJ$366,ROUNDDOWN($C8442/24,0)+1,1))-1)+IF('Standard Profiles'!$G$20=$B$10,7,0)+IF('Standard Profiles'!$G$20=$B$17,14,0)+IF('Standard Profiles'!$G$20=$B$24,21,0),MOD($C8442,24)+1)/SUM(INDEX($D$3:$AA$30,INDEX(Jesper!$R$2:$R$366,ROW(INDEX(Jesper!AJ$2:AJ$366,ROUNDDOWN($C8442/24,0)+1,1))-1)+IF('Standard Profiles'!$G$20=$B$10,7,0)+IF('Standard Profiles'!$G$20=$B$17,14,0)+IF('Standard Profiles'!$G$20=$B$24,21,0),0)),0)</f>
        <v>0</v>
      </c>
      <c r="G8442" cm="1">
        <f t="array" ref="G8442">IFERROR(INDEX(Jesper!AK$2:AK$366,ROUNDDOWN($C8442/24,0)+1,1)*INDEX($D$3:$AA$30,INDEX(Jesper!$R$2:$R$366,ROW(INDEX(Jesper!AK$2:AK$366,ROUNDDOWN($C8442/24,0)+1,1))-1)+IF('Standard Profiles'!$G$21=$B$10,7,0)+IF('Standard Profiles'!$G$21=$B$17,14,0)+IF('Standard Profiles'!$G$21=$B$24,21,0),MOD($C8442,24)+1)/SUM(INDEX($D$3:$AA$30,INDEX(Jesper!$R$2:$R$366,ROW(INDEX(Jesper!AK$2:AK$366,ROUNDDOWN($C8442/24,0)+1,1))-1)+IF('Standard Profiles'!$G$21=$B$10,7,0)+IF('Standard Profiles'!$G$21=$B$17,14,0)+IF('Standard Profiles'!$G$21=$B$24,21,0),0)),0)</f>
        <v>0</v>
      </c>
      <c r="H8442" cm="1">
        <f t="array" ref="H8442">IFERROR(INDEX(Jesper!AL$2:AL$366,ROUNDDOWN($C8442/24,0)+1,1)*INDEX($D$3:$AA$30,INDEX(Jesper!$R$2:$R$366,ROW(INDEX(Jesper!AL$2:AL$366,ROUNDDOWN($C8442/24,0)+1,1))-1)+IF('Standard Profiles'!$G$22=$B$10,7,0)+IF('Standard Profiles'!$G$22=$B$17,14,0)+IF('Standard Profiles'!$G$22=$B$24,21,0),MOD($C8442,24)+1)/SUM(INDEX($D$3:$AA$30,INDEX(Jesper!$R$2:$R$366,ROW(INDEX(Jesper!AL$2:AL$366,ROUNDDOWN($C8442/24,0)+1,1))-1)+IF('Standard Profiles'!$G$22=$B$10,7,0)+IF('Standard Profiles'!$G$22=$B$17,14,0)+IF('Standard Profiles'!$G$22=$B$24,21,0),0)),0)</f>
        <v>0</v>
      </c>
      <c r="I8442">
        <f t="shared" si="937"/>
        <v>0.38147786790630361</v>
      </c>
      <c r="J8442">
        <f t="shared" si="938"/>
        <v>1.2715928930210121</v>
      </c>
      <c r="K8442">
        <f t="shared" si="939"/>
        <v>1.907389339531518</v>
      </c>
      <c r="L8442">
        <f t="shared" si="940"/>
        <v>9.1554688297512872</v>
      </c>
      <c r="M8442">
        <f t="shared" si="941"/>
        <v>0</v>
      </c>
      <c r="N8442" s="46">
        <f t="shared" si="942"/>
        <v>45642.333333312941</v>
      </c>
    </row>
    <row r="8443" spans="2:14" x14ac:dyDescent="0.3">
      <c r="B8443">
        <f t="shared" si="936"/>
        <v>1</v>
      </c>
      <c r="C8443" s="16">
        <v>8409</v>
      </c>
      <c r="D8443" cm="1">
        <f t="array" ref="D8443">IFERROR(INDEX(Jesper!AH$2:AH$366,ROUNDDOWN($C8443/24,0)+1,1)*INDEX($D$3:$AA$30,INDEX(Jesper!$R$2:$R$366,ROW(INDEX(Jesper!AH$2:AH$366,ROUNDDOWN($C8443/24,0)+1,1))-1)+IF('Standard Profiles'!$G$18=$B$10,7,0)+IF('Standard Profiles'!$G$18=$B$17,14,0)+IF('Standard Profiles'!$G$18=$B$24,21,0),MOD($C8443,24)+1)/SUM(INDEX($D$3:$AA$30,INDEX(Jesper!$R$2:$R$366,ROW(INDEX(Jesper!AH$2:AH$366,ROUNDDOWN($C8443/24,0)+1,1))-1)+IF('Standard Profiles'!$G$18=$B$10,7,0)+IF('Standard Profiles'!$G$18=$B$17,14,0)+IF('Standard Profiles'!$G$18=$B$24,21,0),0)),0)</f>
        <v>13.578025806834535</v>
      </c>
      <c r="E8443" cm="1">
        <f t="array" ref="E8443">IFERROR(INDEX(Jesper!AI$2:AI$366,ROUNDDOWN($C8443/24,0)+1,1)*INDEX($D$3:$AA$30,INDEX(Jesper!$R$2:$R$366,ROW(INDEX(Jesper!AI$2:AI$366,ROUNDDOWN($C8443/24,0)+1,1))-1)+IF('Standard Profiles'!$G$19=$B$10,7,0)+IF('Standard Profiles'!$G$19=$B$17,14,0)+IF('Standard Profiles'!$G$19=$B$24,21,0),MOD($C8443,24)+1)/SUM(INDEX($D$3:$AA$30,INDEX(Jesper!$R$2:$R$366,ROW(INDEX(Jesper!AI$2:AI$366,ROUNDDOWN($C8443/24,0)+1,1))-1)+IF('Standard Profiles'!$G$19=$B$10,7,0)+IF('Standard Profiles'!$G$19=$B$17,14,0)+IF('Standard Profiles'!$G$19=$B$24,21,0),0)),0)</f>
        <v>0</v>
      </c>
      <c r="F8443" cm="1">
        <f t="array" ref="F8443">IFERROR(INDEX(Jesper!AJ$2:AJ$366,ROUNDDOWN($C8443/24,0)+1,1)*INDEX($D$3:$AA$30,INDEX(Jesper!$R$2:$R$366,ROW(INDEX(Jesper!AJ$2:AJ$366,ROUNDDOWN($C8443/24,0)+1,1))-1)+IF('Standard Profiles'!$G$20=$B$10,7,0)+IF('Standard Profiles'!$G$20=$B$17,14,0)+IF('Standard Profiles'!$G$20=$B$24,21,0),MOD($C8443,24)+1)/SUM(INDEX($D$3:$AA$30,INDEX(Jesper!$R$2:$R$366,ROW(INDEX(Jesper!AJ$2:AJ$366,ROUNDDOWN($C8443/24,0)+1,1))-1)+IF('Standard Profiles'!$G$20=$B$10,7,0)+IF('Standard Profiles'!$G$20=$B$17,14,0)+IF('Standard Profiles'!$G$20=$B$24,21,0),0)),0)</f>
        <v>0</v>
      </c>
      <c r="G8443" cm="1">
        <f t="array" ref="G8443">IFERROR(INDEX(Jesper!AK$2:AK$366,ROUNDDOWN($C8443/24,0)+1,1)*INDEX($D$3:$AA$30,INDEX(Jesper!$R$2:$R$366,ROW(INDEX(Jesper!AK$2:AK$366,ROUNDDOWN($C8443/24,0)+1,1))-1)+IF('Standard Profiles'!$G$21=$B$10,7,0)+IF('Standard Profiles'!$G$21=$B$17,14,0)+IF('Standard Profiles'!$G$21=$B$24,21,0),MOD($C8443,24)+1)/SUM(INDEX($D$3:$AA$30,INDEX(Jesper!$R$2:$R$366,ROW(INDEX(Jesper!AK$2:AK$366,ROUNDDOWN($C8443/24,0)+1,1))-1)+IF('Standard Profiles'!$G$21=$B$10,7,0)+IF('Standard Profiles'!$G$21=$B$17,14,0)+IF('Standard Profiles'!$G$21=$B$24,21,0),0)),0)</f>
        <v>0</v>
      </c>
      <c r="H8443" cm="1">
        <f t="array" ref="H8443">IFERROR(INDEX(Jesper!AL$2:AL$366,ROUNDDOWN($C8443/24,0)+1,1)*INDEX($D$3:$AA$30,INDEX(Jesper!$R$2:$R$366,ROW(INDEX(Jesper!AL$2:AL$366,ROUNDDOWN($C8443/24,0)+1,1))-1)+IF('Standard Profiles'!$G$22=$B$10,7,0)+IF('Standard Profiles'!$G$22=$B$17,14,0)+IF('Standard Profiles'!$G$22=$B$24,21,0),MOD($C8443,24)+1)/SUM(INDEX($D$3:$AA$30,INDEX(Jesper!$R$2:$R$366,ROW(INDEX(Jesper!AL$2:AL$366,ROUNDDOWN($C8443/24,0)+1,1))-1)+IF('Standard Profiles'!$G$22=$B$10,7,0)+IF('Standard Profiles'!$G$22=$B$17,14,0)+IF('Standard Profiles'!$G$22=$B$24,21,0),0)),0)</f>
        <v>0</v>
      </c>
      <c r="I8443">
        <f t="shared" si="937"/>
        <v>0.40734077420503606</v>
      </c>
      <c r="J8443">
        <f t="shared" si="938"/>
        <v>1.3578025806834537</v>
      </c>
      <c r="K8443">
        <f t="shared" si="939"/>
        <v>2.0367038710251801</v>
      </c>
      <c r="L8443">
        <f t="shared" si="940"/>
        <v>9.776178580920865</v>
      </c>
      <c r="M8443">
        <f t="shared" si="941"/>
        <v>0</v>
      </c>
      <c r="N8443" s="46">
        <f t="shared" si="942"/>
        <v>45642.374999979605</v>
      </c>
    </row>
    <row r="8444" spans="2:14" x14ac:dyDescent="0.3">
      <c r="B8444">
        <f t="shared" si="936"/>
        <v>1</v>
      </c>
      <c r="C8444" s="16">
        <v>8410</v>
      </c>
      <c r="D8444" cm="1">
        <f t="array" ref="D8444">IFERROR(INDEX(Jesper!AH$2:AH$366,ROUNDDOWN($C8444/24,0)+1,1)*INDEX($D$3:$AA$30,INDEX(Jesper!$R$2:$R$366,ROW(INDEX(Jesper!AH$2:AH$366,ROUNDDOWN($C8444/24,0)+1,1))-1)+IF('Standard Profiles'!$G$18=$B$10,7,0)+IF('Standard Profiles'!$G$18=$B$17,14,0)+IF('Standard Profiles'!$G$18=$B$24,21,0),MOD($C8444,24)+1)/SUM(INDEX($D$3:$AA$30,INDEX(Jesper!$R$2:$R$366,ROW(INDEX(Jesper!AH$2:AH$366,ROUNDDOWN($C8444/24,0)+1,1))-1)+IF('Standard Profiles'!$G$18=$B$10,7,0)+IF('Standard Profiles'!$G$18=$B$17,14,0)+IF('Standard Profiles'!$G$18=$B$24,21,0),0)),0)</f>
        <v>13.578025806834535</v>
      </c>
      <c r="E8444" cm="1">
        <f t="array" ref="E8444">IFERROR(INDEX(Jesper!AI$2:AI$366,ROUNDDOWN($C8444/24,0)+1,1)*INDEX($D$3:$AA$30,INDEX(Jesper!$R$2:$R$366,ROW(INDEX(Jesper!AI$2:AI$366,ROUNDDOWN($C8444/24,0)+1,1))-1)+IF('Standard Profiles'!$G$19=$B$10,7,0)+IF('Standard Profiles'!$G$19=$B$17,14,0)+IF('Standard Profiles'!$G$19=$B$24,21,0),MOD($C8444,24)+1)/SUM(INDEX($D$3:$AA$30,INDEX(Jesper!$R$2:$R$366,ROW(INDEX(Jesper!AI$2:AI$366,ROUNDDOWN($C8444/24,0)+1,1))-1)+IF('Standard Profiles'!$G$19=$B$10,7,0)+IF('Standard Profiles'!$G$19=$B$17,14,0)+IF('Standard Profiles'!$G$19=$B$24,21,0),0)),0)</f>
        <v>0</v>
      </c>
      <c r="F8444" cm="1">
        <f t="array" ref="F8444">IFERROR(INDEX(Jesper!AJ$2:AJ$366,ROUNDDOWN($C8444/24,0)+1,1)*INDEX($D$3:$AA$30,INDEX(Jesper!$R$2:$R$366,ROW(INDEX(Jesper!AJ$2:AJ$366,ROUNDDOWN($C8444/24,0)+1,1))-1)+IF('Standard Profiles'!$G$20=$B$10,7,0)+IF('Standard Profiles'!$G$20=$B$17,14,0)+IF('Standard Profiles'!$G$20=$B$24,21,0),MOD($C8444,24)+1)/SUM(INDEX($D$3:$AA$30,INDEX(Jesper!$R$2:$R$366,ROW(INDEX(Jesper!AJ$2:AJ$366,ROUNDDOWN($C8444/24,0)+1,1))-1)+IF('Standard Profiles'!$G$20=$B$10,7,0)+IF('Standard Profiles'!$G$20=$B$17,14,0)+IF('Standard Profiles'!$G$20=$B$24,21,0),0)),0)</f>
        <v>0</v>
      </c>
      <c r="G8444" cm="1">
        <f t="array" ref="G8444">IFERROR(INDEX(Jesper!AK$2:AK$366,ROUNDDOWN($C8444/24,0)+1,1)*INDEX($D$3:$AA$30,INDEX(Jesper!$R$2:$R$366,ROW(INDEX(Jesper!AK$2:AK$366,ROUNDDOWN($C8444/24,0)+1,1))-1)+IF('Standard Profiles'!$G$21=$B$10,7,0)+IF('Standard Profiles'!$G$21=$B$17,14,0)+IF('Standard Profiles'!$G$21=$B$24,21,0),MOD($C8444,24)+1)/SUM(INDEX($D$3:$AA$30,INDEX(Jesper!$R$2:$R$366,ROW(INDEX(Jesper!AK$2:AK$366,ROUNDDOWN($C8444/24,0)+1,1))-1)+IF('Standard Profiles'!$G$21=$B$10,7,0)+IF('Standard Profiles'!$G$21=$B$17,14,0)+IF('Standard Profiles'!$G$21=$B$24,21,0),0)),0)</f>
        <v>0</v>
      </c>
      <c r="H8444" cm="1">
        <f t="array" ref="H8444">IFERROR(INDEX(Jesper!AL$2:AL$366,ROUNDDOWN($C8444/24,0)+1,1)*INDEX($D$3:$AA$30,INDEX(Jesper!$R$2:$R$366,ROW(INDEX(Jesper!AL$2:AL$366,ROUNDDOWN($C8444/24,0)+1,1))-1)+IF('Standard Profiles'!$G$22=$B$10,7,0)+IF('Standard Profiles'!$G$22=$B$17,14,0)+IF('Standard Profiles'!$G$22=$B$24,21,0),MOD($C8444,24)+1)/SUM(INDEX($D$3:$AA$30,INDEX(Jesper!$R$2:$R$366,ROW(INDEX(Jesper!AL$2:AL$366,ROUNDDOWN($C8444/24,0)+1,1))-1)+IF('Standard Profiles'!$G$22=$B$10,7,0)+IF('Standard Profiles'!$G$22=$B$17,14,0)+IF('Standard Profiles'!$G$22=$B$24,21,0),0)),0)</f>
        <v>0</v>
      </c>
      <c r="I8444">
        <f t="shared" si="937"/>
        <v>0.40734077420503606</v>
      </c>
      <c r="J8444">
        <f t="shared" si="938"/>
        <v>1.3578025806834537</v>
      </c>
      <c r="K8444">
        <f t="shared" si="939"/>
        <v>2.0367038710251801</v>
      </c>
      <c r="L8444">
        <f t="shared" si="940"/>
        <v>9.776178580920865</v>
      </c>
      <c r="M8444">
        <f t="shared" si="941"/>
        <v>0</v>
      </c>
      <c r="N8444" s="46">
        <f t="shared" si="942"/>
        <v>45642.41666664627</v>
      </c>
    </row>
    <row r="8445" spans="2:14" x14ac:dyDescent="0.3">
      <c r="B8445">
        <f t="shared" si="936"/>
        <v>1</v>
      </c>
      <c r="C8445" s="16">
        <v>8411</v>
      </c>
      <c r="D8445" cm="1">
        <f t="array" ref="D8445">IFERROR(INDEX(Jesper!AH$2:AH$366,ROUNDDOWN($C8445/24,0)+1,1)*INDEX($D$3:$AA$30,INDEX(Jesper!$R$2:$R$366,ROW(INDEX(Jesper!AH$2:AH$366,ROUNDDOWN($C8445/24,0)+1,1))-1)+IF('Standard Profiles'!$G$18=$B$10,7,0)+IF('Standard Profiles'!$G$18=$B$17,14,0)+IF('Standard Profiles'!$G$18=$B$24,21,0),MOD($C8445,24)+1)/SUM(INDEX($D$3:$AA$30,INDEX(Jesper!$R$2:$R$366,ROW(INDEX(Jesper!AH$2:AH$366,ROUNDDOWN($C8445/24,0)+1,1))-1)+IF('Standard Profiles'!$G$18=$B$10,7,0)+IF('Standard Profiles'!$G$18=$B$17,14,0)+IF('Standard Profiles'!$G$18=$B$24,21,0),0)),0)</f>
        <v>17.241937532488297</v>
      </c>
      <c r="E8445" cm="1">
        <f t="array" ref="E8445">IFERROR(INDEX(Jesper!AI$2:AI$366,ROUNDDOWN($C8445/24,0)+1,1)*INDEX($D$3:$AA$30,INDEX(Jesper!$R$2:$R$366,ROW(INDEX(Jesper!AI$2:AI$366,ROUNDDOWN($C8445/24,0)+1,1))-1)+IF('Standard Profiles'!$G$19=$B$10,7,0)+IF('Standard Profiles'!$G$19=$B$17,14,0)+IF('Standard Profiles'!$G$19=$B$24,21,0),MOD($C8445,24)+1)/SUM(INDEX($D$3:$AA$30,INDEX(Jesper!$R$2:$R$366,ROW(INDEX(Jesper!AI$2:AI$366,ROUNDDOWN($C8445/24,0)+1,1))-1)+IF('Standard Profiles'!$G$19=$B$10,7,0)+IF('Standard Profiles'!$G$19=$B$17,14,0)+IF('Standard Profiles'!$G$19=$B$24,21,0),0)),0)</f>
        <v>0</v>
      </c>
      <c r="F8445" cm="1">
        <f t="array" ref="F8445">IFERROR(INDEX(Jesper!AJ$2:AJ$366,ROUNDDOWN($C8445/24,0)+1,1)*INDEX($D$3:$AA$30,INDEX(Jesper!$R$2:$R$366,ROW(INDEX(Jesper!AJ$2:AJ$366,ROUNDDOWN($C8445/24,0)+1,1))-1)+IF('Standard Profiles'!$G$20=$B$10,7,0)+IF('Standard Profiles'!$G$20=$B$17,14,0)+IF('Standard Profiles'!$G$20=$B$24,21,0),MOD($C8445,24)+1)/SUM(INDEX($D$3:$AA$30,INDEX(Jesper!$R$2:$R$366,ROW(INDEX(Jesper!AJ$2:AJ$366,ROUNDDOWN($C8445/24,0)+1,1))-1)+IF('Standard Profiles'!$G$20=$B$10,7,0)+IF('Standard Profiles'!$G$20=$B$17,14,0)+IF('Standard Profiles'!$G$20=$B$24,21,0),0)),0)</f>
        <v>0</v>
      </c>
      <c r="G8445" cm="1">
        <f t="array" ref="G8445">IFERROR(INDEX(Jesper!AK$2:AK$366,ROUNDDOWN($C8445/24,0)+1,1)*INDEX($D$3:$AA$30,INDEX(Jesper!$R$2:$R$366,ROW(INDEX(Jesper!AK$2:AK$366,ROUNDDOWN($C8445/24,0)+1,1))-1)+IF('Standard Profiles'!$G$21=$B$10,7,0)+IF('Standard Profiles'!$G$21=$B$17,14,0)+IF('Standard Profiles'!$G$21=$B$24,21,0),MOD($C8445,24)+1)/SUM(INDEX($D$3:$AA$30,INDEX(Jesper!$R$2:$R$366,ROW(INDEX(Jesper!AK$2:AK$366,ROUNDDOWN($C8445/24,0)+1,1))-1)+IF('Standard Profiles'!$G$21=$B$10,7,0)+IF('Standard Profiles'!$G$21=$B$17,14,0)+IF('Standard Profiles'!$G$21=$B$24,21,0),0)),0)</f>
        <v>0</v>
      </c>
      <c r="H8445" cm="1">
        <f t="array" ref="H8445">IFERROR(INDEX(Jesper!AL$2:AL$366,ROUNDDOWN($C8445/24,0)+1,1)*INDEX($D$3:$AA$30,INDEX(Jesper!$R$2:$R$366,ROW(INDEX(Jesper!AL$2:AL$366,ROUNDDOWN($C8445/24,0)+1,1))-1)+IF('Standard Profiles'!$G$22=$B$10,7,0)+IF('Standard Profiles'!$G$22=$B$17,14,0)+IF('Standard Profiles'!$G$22=$B$24,21,0),MOD($C8445,24)+1)/SUM(INDEX($D$3:$AA$30,INDEX(Jesper!$R$2:$R$366,ROW(INDEX(Jesper!AL$2:AL$366,ROUNDDOWN($C8445/24,0)+1,1))-1)+IF('Standard Profiles'!$G$22=$B$10,7,0)+IF('Standard Profiles'!$G$22=$B$17,14,0)+IF('Standard Profiles'!$G$22=$B$24,21,0),0)),0)</f>
        <v>0</v>
      </c>
      <c r="I8445">
        <f t="shared" si="937"/>
        <v>0.51725812597464893</v>
      </c>
      <c r="J8445">
        <f t="shared" si="938"/>
        <v>1.7241937532488298</v>
      </c>
      <c r="K8445">
        <f t="shared" si="939"/>
        <v>2.5862906298732447</v>
      </c>
      <c r="L8445">
        <f t="shared" si="940"/>
        <v>12.414195023391574</v>
      </c>
      <c r="M8445">
        <f t="shared" si="941"/>
        <v>0</v>
      </c>
      <c r="N8445" s="46">
        <f t="shared" si="942"/>
        <v>45642.458333312934</v>
      </c>
    </row>
    <row r="8446" spans="2:14" x14ac:dyDescent="0.3">
      <c r="B8446">
        <f t="shared" si="936"/>
        <v>1</v>
      </c>
      <c r="C8446" s="16">
        <v>8412</v>
      </c>
      <c r="D8446" cm="1">
        <f t="array" ref="D8446">IFERROR(INDEX(Jesper!AH$2:AH$366,ROUNDDOWN($C8446/24,0)+1,1)*INDEX($D$3:$AA$30,INDEX(Jesper!$R$2:$R$366,ROW(INDEX(Jesper!AH$2:AH$366,ROUNDDOWN($C8446/24,0)+1,1))-1)+IF('Standard Profiles'!$G$18=$B$10,7,0)+IF('Standard Profiles'!$G$18=$B$17,14,0)+IF('Standard Profiles'!$G$18=$B$24,21,0),MOD($C8446,24)+1)/SUM(INDEX($D$3:$AA$30,INDEX(Jesper!$R$2:$R$366,ROW(INDEX(Jesper!AH$2:AH$366,ROUNDDOWN($C8446/24,0)+1,1))-1)+IF('Standard Profiles'!$G$18=$B$10,7,0)+IF('Standard Profiles'!$G$18=$B$17,14,0)+IF('Standard Profiles'!$G$18=$B$24,21,0),0)),0)</f>
        <v>17.241937532488297</v>
      </c>
      <c r="E8446" cm="1">
        <f t="array" ref="E8446">IFERROR(INDEX(Jesper!AI$2:AI$366,ROUNDDOWN($C8446/24,0)+1,1)*INDEX($D$3:$AA$30,INDEX(Jesper!$R$2:$R$366,ROW(INDEX(Jesper!AI$2:AI$366,ROUNDDOWN($C8446/24,0)+1,1))-1)+IF('Standard Profiles'!$G$19=$B$10,7,0)+IF('Standard Profiles'!$G$19=$B$17,14,0)+IF('Standard Profiles'!$G$19=$B$24,21,0),MOD($C8446,24)+1)/SUM(INDEX($D$3:$AA$30,INDEX(Jesper!$R$2:$R$366,ROW(INDEX(Jesper!AI$2:AI$366,ROUNDDOWN($C8446/24,0)+1,1))-1)+IF('Standard Profiles'!$G$19=$B$10,7,0)+IF('Standard Profiles'!$G$19=$B$17,14,0)+IF('Standard Profiles'!$G$19=$B$24,21,0),0)),0)</f>
        <v>0</v>
      </c>
      <c r="F8446" cm="1">
        <f t="array" ref="F8446">IFERROR(INDEX(Jesper!AJ$2:AJ$366,ROUNDDOWN($C8446/24,0)+1,1)*INDEX($D$3:$AA$30,INDEX(Jesper!$R$2:$R$366,ROW(INDEX(Jesper!AJ$2:AJ$366,ROUNDDOWN($C8446/24,0)+1,1))-1)+IF('Standard Profiles'!$G$20=$B$10,7,0)+IF('Standard Profiles'!$G$20=$B$17,14,0)+IF('Standard Profiles'!$G$20=$B$24,21,0),MOD($C8446,24)+1)/SUM(INDEX($D$3:$AA$30,INDEX(Jesper!$R$2:$R$366,ROW(INDEX(Jesper!AJ$2:AJ$366,ROUNDDOWN($C8446/24,0)+1,1))-1)+IF('Standard Profiles'!$G$20=$B$10,7,0)+IF('Standard Profiles'!$G$20=$B$17,14,0)+IF('Standard Profiles'!$G$20=$B$24,21,0),0)),0)</f>
        <v>0</v>
      </c>
      <c r="G8446" cm="1">
        <f t="array" ref="G8446">IFERROR(INDEX(Jesper!AK$2:AK$366,ROUNDDOWN($C8446/24,0)+1,1)*INDEX($D$3:$AA$30,INDEX(Jesper!$R$2:$R$366,ROW(INDEX(Jesper!AK$2:AK$366,ROUNDDOWN($C8446/24,0)+1,1))-1)+IF('Standard Profiles'!$G$21=$B$10,7,0)+IF('Standard Profiles'!$G$21=$B$17,14,0)+IF('Standard Profiles'!$G$21=$B$24,21,0),MOD($C8446,24)+1)/SUM(INDEX($D$3:$AA$30,INDEX(Jesper!$R$2:$R$366,ROW(INDEX(Jesper!AK$2:AK$366,ROUNDDOWN($C8446/24,0)+1,1))-1)+IF('Standard Profiles'!$G$21=$B$10,7,0)+IF('Standard Profiles'!$G$21=$B$17,14,0)+IF('Standard Profiles'!$G$21=$B$24,21,0),0)),0)</f>
        <v>0</v>
      </c>
      <c r="H8446" cm="1">
        <f t="array" ref="H8446">IFERROR(INDEX(Jesper!AL$2:AL$366,ROUNDDOWN($C8446/24,0)+1,1)*INDEX($D$3:$AA$30,INDEX(Jesper!$R$2:$R$366,ROW(INDEX(Jesper!AL$2:AL$366,ROUNDDOWN($C8446/24,0)+1,1))-1)+IF('Standard Profiles'!$G$22=$B$10,7,0)+IF('Standard Profiles'!$G$22=$B$17,14,0)+IF('Standard Profiles'!$G$22=$B$24,21,0),MOD($C8446,24)+1)/SUM(INDEX($D$3:$AA$30,INDEX(Jesper!$R$2:$R$366,ROW(INDEX(Jesper!AL$2:AL$366,ROUNDDOWN($C8446/24,0)+1,1))-1)+IF('Standard Profiles'!$G$22=$B$10,7,0)+IF('Standard Profiles'!$G$22=$B$17,14,0)+IF('Standard Profiles'!$G$22=$B$24,21,0),0)),0)</f>
        <v>0</v>
      </c>
      <c r="I8446">
        <f t="shared" si="937"/>
        <v>0.51725812597464893</v>
      </c>
      <c r="J8446">
        <f t="shared" si="938"/>
        <v>1.7241937532488298</v>
      </c>
      <c r="K8446">
        <f t="shared" si="939"/>
        <v>2.5862906298732447</v>
      </c>
      <c r="L8446">
        <f t="shared" si="940"/>
        <v>12.414195023391574</v>
      </c>
      <c r="M8446">
        <f t="shared" si="941"/>
        <v>0</v>
      </c>
      <c r="N8446" s="46">
        <f t="shared" si="942"/>
        <v>45642.499999979598</v>
      </c>
    </row>
    <row r="8447" spans="2:14" x14ac:dyDescent="0.3">
      <c r="B8447">
        <f t="shared" si="936"/>
        <v>1</v>
      </c>
      <c r="C8447" s="16">
        <v>8413</v>
      </c>
      <c r="D8447" cm="1">
        <f t="array" ref="D8447">IFERROR(INDEX(Jesper!AH$2:AH$366,ROUNDDOWN($C8447/24,0)+1,1)*INDEX($D$3:$AA$30,INDEX(Jesper!$R$2:$R$366,ROW(INDEX(Jesper!AH$2:AH$366,ROUNDDOWN($C8447/24,0)+1,1))-1)+IF('Standard Profiles'!$G$18=$B$10,7,0)+IF('Standard Profiles'!$G$18=$B$17,14,0)+IF('Standard Profiles'!$G$18=$B$24,21,0),MOD($C8447,24)+1)/SUM(INDEX($D$3:$AA$30,INDEX(Jesper!$R$2:$R$366,ROW(INDEX(Jesper!AH$2:AH$366,ROUNDDOWN($C8447/24,0)+1,1))-1)+IF('Standard Profiles'!$G$18=$B$10,7,0)+IF('Standard Profiles'!$G$18=$B$17,14,0)+IF('Standard Profiles'!$G$18=$B$24,21,0),0)),0)</f>
        <v>11.422783615273497</v>
      </c>
      <c r="E8447" cm="1">
        <f t="array" ref="E8447">IFERROR(INDEX(Jesper!AI$2:AI$366,ROUNDDOWN($C8447/24,0)+1,1)*INDEX($D$3:$AA$30,INDEX(Jesper!$R$2:$R$366,ROW(INDEX(Jesper!AI$2:AI$366,ROUNDDOWN($C8447/24,0)+1,1))-1)+IF('Standard Profiles'!$G$19=$B$10,7,0)+IF('Standard Profiles'!$G$19=$B$17,14,0)+IF('Standard Profiles'!$G$19=$B$24,21,0),MOD($C8447,24)+1)/SUM(INDEX($D$3:$AA$30,INDEX(Jesper!$R$2:$R$366,ROW(INDEX(Jesper!AI$2:AI$366,ROUNDDOWN($C8447/24,0)+1,1))-1)+IF('Standard Profiles'!$G$19=$B$10,7,0)+IF('Standard Profiles'!$G$19=$B$17,14,0)+IF('Standard Profiles'!$G$19=$B$24,21,0),0)),0)</f>
        <v>0</v>
      </c>
      <c r="F8447" cm="1">
        <f t="array" ref="F8447">IFERROR(INDEX(Jesper!AJ$2:AJ$366,ROUNDDOWN($C8447/24,0)+1,1)*INDEX($D$3:$AA$30,INDEX(Jesper!$R$2:$R$366,ROW(INDEX(Jesper!AJ$2:AJ$366,ROUNDDOWN($C8447/24,0)+1,1))-1)+IF('Standard Profiles'!$G$20=$B$10,7,0)+IF('Standard Profiles'!$G$20=$B$17,14,0)+IF('Standard Profiles'!$G$20=$B$24,21,0),MOD($C8447,24)+1)/SUM(INDEX($D$3:$AA$30,INDEX(Jesper!$R$2:$R$366,ROW(INDEX(Jesper!AJ$2:AJ$366,ROUNDDOWN($C8447/24,0)+1,1))-1)+IF('Standard Profiles'!$G$20=$B$10,7,0)+IF('Standard Profiles'!$G$20=$B$17,14,0)+IF('Standard Profiles'!$G$20=$B$24,21,0),0)),0)</f>
        <v>0</v>
      </c>
      <c r="G8447" cm="1">
        <f t="array" ref="G8447">IFERROR(INDEX(Jesper!AK$2:AK$366,ROUNDDOWN($C8447/24,0)+1,1)*INDEX($D$3:$AA$30,INDEX(Jesper!$R$2:$R$366,ROW(INDEX(Jesper!AK$2:AK$366,ROUNDDOWN($C8447/24,0)+1,1))-1)+IF('Standard Profiles'!$G$21=$B$10,7,0)+IF('Standard Profiles'!$G$21=$B$17,14,0)+IF('Standard Profiles'!$G$21=$B$24,21,0),MOD($C8447,24)+1)/SUM(INDEX($D$3:$AA$30,INDEX(Jesper!$R$2:$R$366,ROW(INDEX(Jesper!AK$2:AK$366,ROUNDDOWN($C8447/24,0)+1,1))-1)+IF('Standard Profiles'!$G$21=$B$10,7,0)+IF('Standard Profiles'!$G$21=$B$17,14,0)+IF('Standard Profiles'!$G$21=$B$24,21,0),0)),0)</f>
        <v>0</v>
      </c>
      <c r="H8447" cm="1">
        <f t="array" ref="H8447">IFERROR(INDEX(Jesper!AL$2:AL$366,ROUNDDOWN($C8447/24,0)+1,1)*INDEX($D$3:$AA$30,INDEX(Jesper!$R$2:$R$366,ROW(INDEX(Jesper!AL$2:AL$366,ROUNDDOWN($C8447/24,0)+1,1))-1)+IF('Standard Profiles'!$G$22=$B$10,7,0)+IF('Standard Profiles'!$G$22=$B$17,14,0)+IF('Standard Profiles'!$G$22=$B$24,21,0),MOD($C8447,24)+1)/SUM(INDEX($D$3:$AA$30,INDEX(Jesper!$R$2:$R$366,ROW(INDEX(Jesper!AL$2:AL$366,ROUNDDOWN($C8447/24,0)+1,1))-1)+IF('Standard Profiles'!$G$22=$B$10,7,0)+IF('Standard Profiles'!$G$22=$B$17,14,0)+IF('Standard Profiles'!$G$22=$B$24,21,0),0)),0)</f>
        <v>0</v>
      </c>
      <c r="I8447">
        <f t="shared" si="937"/>
        <v>0.34268350845820489</v>
      </c>
      <c r="J8447">
        <f t="shared" si="938"/>
        <v>1.1422783615273497</v>
      </c>
      <c r="K8447">
        <f t="shared" si="939"/>
        <v>1.7134175422910245</v>
      </c>
      <c r="L8447">
        <f t="shared" si="940"/>
        <v>8.2244042029969169</v>
      </c>
      <c r="M8447">
        <f t="shared" si="941"/>
        <v>0</v>
      </c>
      <c r="N8447" s="46">
        <f t="shared" si="942"/>
        <v>45642.541666646262</v>
      </c>
    </row>
    <row r="8448" spans="2:14" x14ac:dyDescent="0.3">
      <c r="B8448">
        <f t="shared" si="936"/>
        <v>1</v>
      </c>
      <c r="C8448" s="16">
        <v>8414</v>
      </c>
      <c r="D8448" cm="1">
        <f t="array" ref="D8448">IFERROR(INDEX(Jesper!AH$2:AH$366,ROUNDDOWN($C8448/24,0)+1,1)*INDEX($D$3:$AA$30,INDEX(Jesper!$R$2:$R$366,ROW(INDEX(Jesper!AH$2:AH$366,ROUNDDOWN($C8448/24,0)+1,1))-1)+IF('Standard Profiles'!$G$18=$B$10,7,0)+IF('Standard Profiles'!$G$18=$B$17,14,0)+IF('Standard Profiles'!$G$18=$B$24,21,0),MOD($C8448,24)+1)/SUM(INDEX($D$3:$AA$30,INDEX(Jesper!$R$2:$R$366,ROW(INDEX(Jesper!AH$2:AH$366,ROUNDDOWN($C8448/24,0)+1,1))-1)+IF('Standard Profiles'!$G$18=$B$10,7,0)+IF('Standard Profiles'!$G$18=$B$17,14,0)+IF('Standard Profiles'!$G$18=$B$24,21,0),0)),0)</f>
        <v>17.241937532488297</v>
      </c>
      <c r="E8448" cm="1">
        <f t="array" ref="E8448">IFERROR(INDEX(Jesper!AI$2:AI$366,ROUNDDOWN($C8448/24,0)+1,1)*INDEX($D$3:$AA$30,INDEX(Jesper!$R$2:$R$366,ROW(INDEX(Jesper!AI$2:AI$366,ROUNDDOWN($C8448/24,0)+1,1))-1)+IF('Standard Profiles'!$G$19=$B$10,7,0)+IF('Standard Profiles'!$G$19=$B$17,14,0)+IF('Standard Profiles'!$G$19=$B$24,21,0),MOD($C8448,24)+1)/SUM(INDEX($D$3:$AA$30,INDEX(Jesper!$R$2:$R$366,ROW(INDEX(Jesper!AI$2:AI$366,ROUNDDOWN($C8448/24,0)+1,1))-1)+IF('Standard Profiles'!$G$19=$B$10,7,0)+IF('Standard Profiles'!$G$19=$B$17,14,0)+IF('Standard Profiles'!$G$19=$B$24,21,0),0)),0)</f>
        <v>0</v>
      </c>
      <c r="F8448" cm="1">
        <f t="array" ref="F8448">IFERROR(INDEX(Jesper!AJ$2:AJ$366,ROUNDDOWN($C8448/24,0)+1,1)*INDEX($D$3:$AA$30,INDEX(Jesper!$R$2:$R$366,ROW(INDEX(Jesper!AJ$2:AJ$366,ROUNDDOWN($C8448/24,0)+1,1))-1)+IF('Standard Profiles'!$G$20=$B$10,7,0)+IF('Standard Profiles'!$G$20=$B$17,14,0)+IF('Standard Profiles'!$G$20=$B$24,21,0),MOD($C8448,24)+1)/SUM(INDEX($D$3:$AA$30,INDEX(Jesper!$R$2:$R$366,ROW(INDEX(Jesper!AJ$2:AJ$366,ROUNDDOWN($C8448/24,0)+1,1))-1)+IF('Standard Profiles'!$G$20=$B$10,7,0)+IF('Standard Profiles'!$G$20=$B$17,14,0)+IF('Standard Profiles'!$G$20=$B$24,21,0),0)),0)</f>
        <v>0</v>
      </c>
      <c r="G8448" cm="1">
        <f t="array" ref="G8448">IFERROR(INDEX(Jesper!AK$2:AK$366,ROUNDDOWN($C8448/24,0)+1,1)*INDEX($D$3:$AA$30,INDEX(Jesper!$R$2:$R$366,ROW(INDEX(Jesper!AK$2:AK$366,ROUNDDOWN($C8448/24,0)+1,1))-1)+IF('Standard Profiles'!$G$21=$B$10,7,0)+IF('Standard Profiles'!$G$21=$B$17,14,0)+IF('Standard Profiles'!$G$21=$B$24,21,0),MOD($C8448,24)+1)/SUM(INDEX($D$3:$AA$30,INDEX(Jesper!$R$2:$R$366,ROW(INDEX(Jesper!AK$2:AK$366,ROUNDDOWN($C8448/24,0)+1,1))-1)+IF('Standard Profiles'!$G$21=$B$10,7,0)+IF('Standard Profiles'!$G$21=$B$17,14,0)+IF('Standard Profiles'!$G$21=$B$24,21,0),0)),0)</f>
        <v>0</v>
      </c>
      <c r="H8448" cm="1">
        <f t="array" ref="H8448">IFERROR(INDEX(Jesper!AL$2:AL$366,ROUNDDOWN($C8448/24,0)+1,1)*INDEX($D$3:$AA$30,INDEX(Jesper!$R$2:$R$366,ROW(INDEX(Jesper!AL$2:AL$366,ROUNDDOWN($C8448/24,0)+1,1))-1)+IF('Standard Profiles'!$G$22=$B$10,7,0)+IF('Standard Profiles'!$G$22=$B$17,14,0)+IF('Standard Profiles'!$G$22=$B$24,21,0),MOD($C8448,24)+1)/SUM(INDEX($D$3:$AA$30,INDEX(Jesper!$R$2:$R$366,ROW(INDEX(Jesper!AL$2:AL$366,ROUNDDOWN($C8448/24,0)+1,1))-1)+IF('Standard Profiles'!$G$22=$B$10,7,0)+IF('Standard Profiles'!$G$22=$B$17,14,0)+IF('Standard Profiles'!$G$22=$B$24,21,0),0)),0)</f>
        <v>0</v>
      </c>
      <c r="I8448">
        <f t="shared" si="937"/>
        <v>0.51725812597464893</v>
      </c>
      <c r="J8448">
        <f t="shared" si="938"/>
        <v>1.7241937532488298</v>
      </c>
      <c r="K8448">
        <f t="shared" si="939"/>
        <v>2.5862906298732447</v>
      </c>
      <c r="L8448">
        <f t="shared" si="940"/>
        <v>12.414195023391574</v>
      </c>
      <c r="M8448">
        <f t="shared" si="941"/>
        <v>0</v>
      </c>
      <c r="N8448" s="46">
        <f t="shared" si="942"/>
        <v>45642.583333312927</v>
      </c>
    </row>
    <row r="8449" spans="2:14" x14ac:dyDescent="0.3">
      <c r="B8449">
        <f t="shared" si="936"/>
        <v>1</v>
      </c>
      <c r="C8449" s="16">
        <v>8415</v>
      </c>
      <c r="D8449" cm="1">
        <f t="array" ref="D8449">IFERROR(INDEX(Jesper!AH$2:AH$366,ROUNDDOWN($C8449/24,0)+1,1)*INDEX($D$3:$AA$30,INDEX(Jesper!$R$2:$R$366,ROW(INDEX(Jesper!AH$2:AH$366,ROUNDDOWN($C8449/24,0)+1,1))-1)+IF('Standard Profiles'!$G$18=$B$10,7,0)+IF('Standard Profiles'!$G$18=$B$17,14,0)+IF('Standard Profiles'!$G$18=$B$24,21,0),MOD($C8449,24)+1)/SUM(INDEX($D$3:$AA$30,INDEX(Jesper!$R$2:$R$366,ROW(INDEX(Jesper!AH$2:AH$366,ROUNDDOWN($C8449/24,0)+1,1))-1)+IF('Standard Profiles'!$G$18=$B$10,7,0)+IF('Standard Profiles'!$G$18=$B$17,14,0)+IF('Standard Profiles'!$G$18=$B$24,21,0),0)),0)</f>
        <v>17.241937532488297</v>
      </c>
      <c r="E8449" cm="1">
        <f t="array" ref="E8449">IFERROR(INDEX(Jesper!AI$2:AI$366,ROUNDDOWN($C8449/24,0)+1,1)*INDEX($D$3:$AA$30,INDEX(Jesper!$R$2:$R$366,ROW(INDEX(Jesper!AI$2:AI$366,ROUNDDOWN($C8449/24,0)+1,1))-1)+IF('Standard Profiles'!$G$19=$B$10,7,0)+IF('Standard Profiles'!$G$19=$B$17,14,0)+IF('Standard Profiles'!$G$19=$B$24,21,0),MOD($C8449,24)+1)/SUM(INDEX($D$3:$AA$30,INDEX(Jesper!$R$2:$R$366,ROW(INDEX(Jesper!AI$2:AI$366,ROUNDDOWN($C8449/24,0)+1,1))-1)+IF('Standard Profiles'!$G$19=$B$10,7,0)+IF('Standard Profiles'!$G$19=$B$17,14,0)+IF('Standard Profiles'!$G$19=$B$24,21,0),0)),0)</f>
        <v>0</v>
      </c>
      <c r="F8449" cm="1">
        <f t="array" ref="F8449">IFERROR(INDEX(Jesper!AJ$2:AJ$366,ROUNDDOWN($C8449/24,0)+1,1)*INDEX($D$3:$AA$30,INDEX(Jesper!$R$2:$R$366,ROW(INDEX(Jesper!AJ$2:AJ$366,ROUNDDOWN($C8449/24,0)+1,1))-1)+IF('Standard Profiles'!$G$20=$B$10,7,0)+IF('Standard Profiles'!$G$20=$B$17,14,0)+IF('Standard Profiles'!$G$20=$B$24,21,0),MOD($C8449,24)+1)/SUM(INDEX($D$3:$AA$30,INDEX(Jesper!$R$2:$R$366,ROW(INDEX(Jesper!AJ$2:AJ$366,ROUNDDOWN($C8449/24,0)+1,1))-1)+IF('Standard Profiles'!$G$20=$B$10,7,0)+IF('Standard Profiles'!$G$20=$B$17,14,0)+IF('Standard Profiles'!$G$20=$B$24,21,0),0)),0)</f>
        <v>0</v>
      </c>
      <c r="G8449" cm="1">
        <f t="array" ref="G8449">IFERROR(INDEX(Jesper!AK$2:AK$366,ROUNDDOWN($C8449/24,0)+1,1)*INDEX($D$3:$AA$30,INDEX(Jesper!$R$2:$R$366,ROW(INDEX(Jesper!AK$2:AK$366,ROUNDDOWN($C8449/24,0)+1,1))-1)+IF('Standard Profiles'!$G$21=$B$10,7,0)+IF('Standard Profiles'!$G$21=$B$17,14,0)+IF('Standard Profiles'!$G$21=$B$24,21,0),MOD($C8449,24)+1)/SUM(INDEX($D$3:$AA$30,INDEX(Jesper!$R$2:$R$366,ROW(INDEX(Jesper!AK$2:AK$366,ROUNDDOWN($C8449/24,0)+1,1))-1)+IF('Standard Profiles'!$G$21=$B$10,7,0)+IF('Standard Profiles'!$G$21=$B$17,14,0)+IF('Standard Profiles'!$G$21=$B$24,21,0),0)),0)</f>
        <v>0</v>
      </c>
      <c r="H8449" cm="1">
        <f t="array" ref="H8449">IFERROR(INDEX(Jesper!AL$2:AL$366,ROUNDDOWN($C8449/24,0)+1,1)*INDEX($D$3:$AA$30,INDEX(Jesper!$R$2:$R$366,ROW(INDEX(Jesper!AL$2:AL$366,ROUNDDOWN($C8449/24,0)+1,1))-1)+IF('Standard Profiles'!$G$22=$B$10,7,0)+IF('Standard Profiles'!$G$22=$B$17,14,0)+IF('Standard Profiles'!$G$22=$B$24,21,0),MOD($C8449,24)+1)/SUM(INDEX($D$3:$AA$30,INDEX(Jesper!$R$2:$R$366,ROW(INDEX(Jesper!AL$2:AL$366,ROUNDDOWN($C8449/24,0)+1,1))-1)+IF('Standard Profiles'!$G$22=$B$10,7,0)+IF('Standard Profiles'!$G$22=$B$17,14,0)+IF('Standard Profiles'!$G$22=$B$24,21,0),0)),0)</f>
        <v>0</v>
      </c>
      <c r="I8449">
        <f t="shared" si="937"/>
        <v>0.51725812597464893</v>
      </c>
      <c r="J8449">
        <f t="shared" si="938"/>
        <v>1.7241937532488298</v>
      </c>
      <c r="K8449">
        <f t="shared" si="939"/>
        <v>2.5862906298732447</v>
      </c>
      <c r="L8449">
        <f t="shared" si="940"/>
        <v>12.414195023391574</v>
      </c>
      <c r="M8449">
        <f t="shared" si="941"/>
        <v>0</v>
      </c>
      <c r="N8449" s="46">
        <f t="shared" si="942"/>
        <v>45642.624999979591</v>
      </c>
    </row>
    <row r="8450" spans="2:14" x14ac:dyDescent="0.3">
      <c r="B8450">
        <f t="shared" si="936"/>
        <v>1</v>
      </c>
      <c r="C8450" s="16">
        <v>8416</v>
      </c>
      <c r="D8450" cm="1">
        <f t="array" ref="D8450">IFERROR(INDEX(Jesper!AH$2:AH$366,ROUNDDOWN($C8450/24,0)+1,1)*INDEX($D$3:$AA$30,INDEX(Jesper!$R$2:$R$366,ROW(INDEX(Jesper!AH$2:AH$366,ROUNDDOWN($C8450/24,0)+1,1))-1)+IF('Standard Profiles'!$G$18=$B$10,7,0)+IF('Standard Profiles'!$G$18=$B$17,14,0)+IF('Standard Profiles'!$G$18=$B$24,21,0),MOD($C8450,24)+1)/SUM(INDEX($D$3:$AA$30,INDEX(Jesper!$R$2:$R$366,ROW(INDEX(Jesper!AH$2:AH$366,ROUNDDOWN($C8450/24,0)+1,1))-1)+IF('Standard Profiles'!$G$18=$B$10,7,0)+IF('Standard Profiles'!$G$18=$B$17,14,0)+IF('Standard Profiles'!$G$18=$B$24,21,0),0)),0)</f>
        <v>17.241937532488297</v>
      </c>
      <c r="E8450" cm="1">
        <f t="array" ref="E8450">IFERROR(INDEX(Jesper!AI$2:AI$366,ROUNDDOWN($C8450/24,0)+1,1)*INDEX($D$3:$AA$30,INDEX(Jesper!$R$2:$R$366,ROW(INDEX(Jesper!AI$2:AI$366,ROUNDDOWN($C8450/24,0)+1,1))-1)+IF('Standard Profiles'!$G$19=$B$10,7,0)+IF('Standard Profiles'!$G$19=$B$17,14,0)+IF('Standard Profiles'!$G$19=$B$24,21,0),MOD($C8450,24)+1)/SUM(INDEX($D$3:$AA$30,INDEX(Jesper!$R$2:$R$366,ROW(INDEX(Jesper!AI$2:AI$366,ROUNDDOWN($C8450/24,0)+1,1))-1)+IF('Standard Profiles'!$G$19=$B$10,7,0)+IF('Standard Profiles'!$G$19=$B$17,14,0)+IF('Standard Profiles'!$G$19=$B$24,21,0),0)),0)</f>
        <v>0</v>
      </c>
      <c r="F8450" cm="1">
        <f t="array" ref="F8450">IFERROR(INDEX(Jesper!AJ$2:AJ$366,ROUNDDOWN($C8450/24,0)+1,1)*INDEX($D$3:$AA$30,INDEX(Jesper!$R$2:$R$366,ROW(INDEX(Jesper!AJ$2:AJ$366,ROUNDDOWN($C8450/24,0)+1,1))-1)+IF('Standard Profiles'!$G$20=$B$10,7,0)+IF('Standard Profiles'!$G$20=$B$17,14,0)+IF('Standard Profiles'!$G$20=$B$24,21,0),MOD($C8450,24)+1)/SUM(INDEX($D$3:$AA$30,INDEX(Jesper!$R$2:$R$366,ROW(INDEX(Jesper!AJ$2:AJ$366,ROUNDDOWN($C8450/24,0)+1,1))-1)+IF('Standard Profiles'!$G$20=$B$10,7,0)+IF('Standard Profiles'!$G$20=$B$17,14,0)+IF('Standard Profiles'!$G$20=$B$24,21,0),0)),0)</f>
        <v>0</v>
      </c>
      <c r="G8450" cm="1">
        <f t="array" ref="G8450">IFERROR(INDEX(Jesper!AK$2:AK$366,ROUNDDOWN($C8450/24,0)+1,1)*INDEX($D$3:$AA$30,INDEX(Jesper!$R$2:$R$366,ROW(INDEX(Jesper!AK$2:AK$366,ROUNDDOWN($C8450/24,0)+1,1))-1)+IF('Standard Profiles'!$G$21=$B$10,7,0)+IF('Standard Profiles'!$G$21=$B$17,14,0)+IF('Standard Profiles'!$G$21=$B$24,21,0),MOD($C8450,24)+1)/SUM(INDEX($D$3:$AA$30,INDEX(Jesper!$R$2:$R$366,ROW(INDEX(Jesper!AK$2:AK$366,ROUNDDOWN($C8450/24,0)+1,1))-1)+IF('Standard Profiles'!$G$21=$B$10,7,0)+IF('Standard Profiles'!$G$21=$B$17,14,0)+IF('Standard Profiles'!$G$21=$B$24,21,0),0)),0)</f>
        <v>0</v>
      </c>
      <c r="H8450" cm="1">
        <f t="array" ref="H8450">IFERROR(INDEX(Jesper!AL$2:AL$366,ROUNDDOWN($C8450/24,0)+1,1)*INDEX($D$3:$AA$30,INDEX(Jesper!$R$2:$R$366,ROW(INDEX(Jesper!AL$2:AL$366,ROUNDDOWN($C8450/24,0)+1,1))-1)+IF('Standard Profiles'!$G$22=$B$10,7,0)+IF('Standard Profiles'!$G$22=$B$17,14,0)+IF('Standard Profiles'!$G$22=$B$24,21,0),MOD($C8450,24)+1)/SUM(INDEX($D$3:$AA$30,INDEX(Jesper!$R$2:$R$366,ROW(INDEX(Jesper!AL$2:AL$366,ROUNDDOWN($C8450/24,0)+1,1))-1)+IF('Standard Profiles'!$G$22=$B$10,7,0)+IF('Standard Profiles'!$G$22=$B$17,14,0)+IF('Standard Profiles'!$G$22=$B$24,21,0),0)),0)</f>
        <v>0</v>
      </c>
      <c r="I8450">
        <f t="shared" si="937"/>
        <v>0.51725812597464893</v>
      </c>
      <c r="J8450">
        <f t="shared" si="938"/>
        <v>1.7241937532488298</v>
      </c>
      <c r="K8450">
        <f t="shared" si="939"/>
        <v>2.5862906298732447</v>
      </c>
      <c r="L8450">
        <f t="shared" si="940"/>
        <v>12.414195023391574</v>
      </c>
      <c r="M8450">
        <f t="shared" si="941"/>
        <v>0</v>
      </c>
      <c r="N8450" s="46">
        <f t="shared" si="942"/>
        <v>45642.666666646255</v>
      </c>
    </row>
    <row r="8451" spans="2:14" x14ac:dyDescent="0.3">
      <c r="B8451">
        <f t="shared" si="936"/>
        <v>1</v>
      </c>
      <c r="C8451" s="16">
        <v>8417</v>
      </c>
      <c r="D8451" cm="1">
        <f t="array" ref="D8451">IFERROR(INDEX(Jesper!AH$2:AH$366,ROUNDDOWN($C8451/24,0)+1,1)*INDEX($D$3:$AA$30,INDEX(Jesper!$R$2:$R$366,ROW(INDEX(Jesper!AH$2:AH$366,ROUNDDOWN($C8451/24,0)+1,1))-1)+IF('Standard Profiles'!$G$18=$B$10,7,0)+IF('Standard Profiles'!$G$18=$B$17,14,0)+IF('Standard Profiles'!$G$18=$B$24,21,0),MOD($C8451,24)+1)/SUM(INDEX($D$3:$AA$30,INDEX(Jesper!$R$2:$R$366,ROW(INDEX(Jesper!AH$2:AH$366,ROUNDDOWN($C8451/24,0)+1,1))-1)+IF('Standard Profiles'!$G$18=$B$10,7,0)+IF('Standard Profiles'!$G$18=$B$17,14,0)+IF('Standard Profiles'!$G$18=$B$24,21,0),0)),0)</f>
        <v>17.241937532488297</v>
      </c>
      <c r="E8451" cm="1">
        <f t="array" ref="E8451">IFERROR(INDEX(Jesper!AI$2:AI$366,ROUNDDOWN($C8451/24,0)+1,1)*INDEX($D$3:$AA$30,INDEX(Jesper!$R$2:$R$366,ROW(INDEX(Jesper!AI$2:AI$366,ROUNDDOWN($C8451/24,0)+1,1))-1)+IF('Standard Profiles'!$G$19=$B$10,7,0)+IF('Standard Profiles'!$G$19=$B$17,14,0)+IF('Standard Profiles'!$G$19=$B$24,21,0),MOD($C8451,24)+1)/SUM(INDEX($D$3:$AA$30,INDEX(Jesper!$R$2:$R$366,ROW(INDEX(Jesper!AI$2:AI$366,ROUNDDOWN($C8451/24,0)+1,1))-1)+IF('Standard Profiles'!$G$19=$B$10,7,0)+IF('Standard Profiles'!$G$19=$B$17,14,0)+IF('Standard Profiles'!$G$19=$B$24,21,0),0)),0)</f>
        <v>0</v>
      </c>
      <c r="F8451" cm="1">
        <f t="array" ref="F8451">IFERROR(INDEX(Jesper!AJ$2:AJ$366,ROUNDDOWN($C8451/24,0)+1,1)*INDEX($D$3:$AA$30,INDEX(Jesper!$R$2:$R$366,ROW(INDEX(Jesper!AJ$2:AJ$366,ROUNDDOWN($C8451/24,0)+1,1))-1)+IF('Standard Profiles'!$G$20=$B$10,7,0)+IF('Standard Profiles'!$G$20=$B$17,14,0)+IF('Standard Profiles'!$G$20=$B$24,21,0),MOD($C8451,24)+1)/SUM(INDEX($D$3:$AA$30,INDEX(Jesper!$R$2:$R$366,ROW(INDEX(Jesper!AJ$2:AJ$366,ROUNDDOWN($C8451/24,0)+1,1))-1)+IF('Standard Profiles'!$G$20=$B$10,7,0)+IF('Standard Profiles'!$G$20=$B$17,14,0)+IF('Standard Profiles'!$G$20=$B$24,21,0),0)),0)</f>
        <v>0</v>
      </c>
      <c r="G8451" cm="1">
        <f t="array" ref="G8451">IFERROR(INDEX(Jesper!AK$2:AK$366,ROUNDDOWN($C8451/24,0)+1,1)*INDEX($D$3:$AA$30,INDEX(Jesper!$R$2:$R$366,ROW(INDEX(Jesper!AK$2:AK$366,ROUNDDOWN($C8451/24,0)+1,1))-1)+IF('Standard Profiles'!$G$21=$B$10,7,0)+IF('Standard Profiles'!$G$21=$B$17,14,0)+IF('Standard Profiles'!$G$21=$B$24,21,0),MOD($C8451,24)+1)/SUM(INDEX($D$3:$AA$30,INDEX(Jesper!$R$2:$R$366,ROW(INDEX(Jesper!AK$2:AK$366,ROUNDDOWN($C8451/24,0)+1,1))-1)+IF('Standard Profiles'!$G$21=$B$10,7,0)+IF('Standard Profiles'!$G$21=$B$17,14,0)+IF('Standard Profiles'!$G$21=$B$24,21,0),0)),0)</f>
        <v>0</v>
      </c>
      <c r="H8451" cm="1">
        <f t="array" ref="H8451">IFERROR(INDEX(Jesper!AL$2:AL$366,ROUNDDOWN($C8451/24,0)+1,1)*INDEX($D$3:$AA$30,INDEX(Jesper!$R$2:$R$366,ROW(INDEX(Jesper!AL$2:AL$366,ROUNDDOWN($C8451/24,0)+1,1))-1)+IF('Standard Profiles'!$G$22=$B$10,7,0)+IF('Standard Profiles'!$G$22=$B$17,14,0)+IF('Standard Profiles'!$G$22=$B$24,21,0),MOD($C8451,24)+1)/SUM(INDEX($D$3:$AA$30,INDEX(Jesper!$R$2:$R$366,ROW(INDEX(Jesper!AL$2:AL$366,ROUNDDOWN($C8451/24,0)+1,1))-1)+IF('Standard Profiles'!$G$22=$B$10,7,0)+IF('Standard Profiles'!$G$22=$B$17,14,0)+IF('Standard Profiles'!$G$22=$B$24,21,0),0)),0)</f>
        <v>0</v>
      </c>
      <c r="I8451">
        <f t="shared" si="937"/>
        <v>0.51725812597464893</v>
      </c>
      <c r="J8451">
        <f t="shared" si="938"/>
        <v>1.7241937532488298</v>
      </c>
      <c r="K8451">
        <f t="shared" si="939"/>
        <v>2.5862906298732447</v>
      </c>
      <c r="L8451">
        <f t="shared" si="940"/>
        <v>12.414195023391574</v>
      </c>
      <c r="M8451">
        <f t="shared" si="941"/>
        <v>0</v>
      </c>
      <c r="N8451" s="46">
        <f t="shared" si="942"/>
        <v>45642.708333312919</v>
      </c>
    </row>
    <row r="8452" spans="2:14" x14ac:dyDescent="0.3">
      <c r="B8452">
        <f t="shared" si="936"/>
        <v>1</v>
      </c>
      <c r="C8452" s="16">
        <v>8418</v>
      </c>
      <c r="D8452" cm="1">
        <f t="array" ref="D8452">IFERROR(INDEX(Jesper!AH$2:AH$366,ROUNDDOWN($C8452/24,0)+1,1)*INDEX($D$3:$AA$30,INDEX(Jesper!$R$2:$R$366,ROW(INDEX(Jesper!AH$2:AH$366,ROUNDDOWN($C8452/24,0)+1,1))-1)+IF('Standard Profiles'!$G$18=$B$10,7,0)+IF('Standard Profiles'!$G$18=$B$17,14,0)+IF('Standard Profiles'!$G$18=$B$24,21,0),MOD($C8452,24)+1)/SUM(INDEX($D$3:$AA$30,INDEX(Jesper!$R$2:$R$366,ROW(INDEX(Jesper!AH$2:AH$366,ROUNDDOWN($C8452/24,0)+1,1))-1)+IF('Standard Profiles'!$G$18=$B$10,7,0)+IF('Standard Profiles'!$G$18=$B$17,14,0)+IF('Standard Profiles'!$G$18=$B$24,21,0),0)),0)</f>
        <v>17.241937532488297</v>
      </c>
      <c r="E8452" cm="1">
        <f t="array" ref="E8452">IFERROR(INDEX(Jesper!AI$2:AI$366,ROUNDDOWN($C8452/24,0)+1,1)*INDEX($D$3:$AA$30,INDEX(Jesper!$R$2:$R$366,ROW(INDEX(Jesper!AI$2:AI$366,ROUNDDOWN($C8452/24,0)+1,1))-1)+IF('Standard Profiles'!$G$19=$B$10,7,0)+IF('Standard Profiles'!$G$19=$B$17,14,0)+IF('Standard Profiles'!$G$19=$B$24,21,0),MOD($C8452,24)+1)/SUM(INDEX($D$3:$AA$30,INDEX(Jesper!$R$2:$R$366,ROW(INDEX(Jesper!AI$2:AI$366,ROUNDDOWN($C8452/24,0)+1,1))-1)+IF('Standard Profiles'!$G$19=$B$10,7,0)+IF('Standard Profiles'!$G$19=$B$17,14,0)+IF('Standard Profiles'!$G$19=$B$24,21,0),0)),0)</f>
        <v>0</v>
      </c>
      <c r="F8452" cm="1">
        <f t="array" ref="F8452">IFERROR(INDEX(Jesper!AJ$2:AJ$366,ROUNDDOWN($C8452/24,0)+1,1)*INDEX($D$3:$AA$30,INDEX(Jesper!$R$2:$R$366,ROW(INDEX(Jesper!AJ$2:AJ$366,ROUNDDOWN($C8452/24,0)+1,1))-1)+IF('Standard Profiles'!$G$20=$B$10,7,0)+IF('Standard Profiles'!$G$20=$B$17,14,0)+IF('Standard Profiles'!$G$20=$B$24,21,0),MOD($C8452,24)+1)/SUM(INDEX($D$3:$AA$30,INDEX(Jesper!$R$2:$R$366,ROW(INDEX(Jesper!AJ$2:AJ$366,ROUNDDOWN($C8452/24,0)+1,1))-1)+IF('Standard Profiles'!$G$20=$B$10,7,0)+IF('Standard Profiles'!$G$20=$B$17,14,0)+IF('Standard Profiles'!$G$20=$B$24,21,0),0)),0)</f>
        <v>0</v>
      </c>
      <c r="G8452" cm="1">
        <f t="array" ref="G8452">IFERROR(INDEX(Jesper!AK$2:AK$366,ROUNDDOWN($C8452/24,0)+1,1)*INDEX($D$3:$AA$30,INDEX(Jesper!$R$2:$R$366,ROW(INDEX(Jesper!AK$2:AK$366,ROUNDDOWN($C8452/24,0)+1,1))-1)+IF('Standard Profiles'!$G$21=$B$10,7,0)+IF('Standard Profiles'!$G$21=$B$17,14,0)+IF('Standard Profiles'!$G$21=$B$24,21,0),MOD($C8452,24)+1)/SUM(INDEX($D$3:$AA$30,INDEX(Jesper!$R$2:$R$366,ROW(INDEX(Jesper!AK$2:AK$366,ROUNDDOWN($C8452/24,0)+1,1))-1)+IF('Standard Profiles'!$G$21=$B$10,7,0)+IF('Standard Profiles'!$G$21=$B$17,14,0)+IF('Standard Profiles'!$G$21=$B$24,21,0),0)),0)</f>
        <v>0</v>
      </c>
      <c r="H8452" cm="1">
        <f t="array" ref="H8452">IFERROR(INDEX(Jesper!AL$2:AL$366,ROUNDDOWN($C8452/24,0)+1,1)*INDEX($D$3:$AA$30,INDEX(Jesper!$R$2:$R$366,ROW(INDEX(Jesper!AL$2:AL$366,ROUNDDOWN($C8452/24,0)+1,1))-1)+IF('Standard Profiles'!$G$22=$B$10,7,0)+IF('Standard Profiles'!$G$22=$B$17,14,0)+IF('Standard Profiles'!$G$22=$B$24,21,0),MOD($C8452,24)+1)/SUM(INDEX($D$3:$AA$30,INDEX(Jesper!$R$2:$R$366,ROW(INDEX(Jesper!AL$2:AL$366,ROUNDDOWN($C8452/24,0)+1,1))-1)+IF('Standard Profiles'!$G$22=$B$10,7,0)+IF('Standard Profiles'!$G$22=$B$17,14,0)+IF('Standard Profiles'!$G$22=$B$24,21,0),0)),0)</f>
        <v>0</v>
      </c>
      <c r="I8452">
        <f t="shared" si="937"/>
        <v>0.51725812597464893</v>
      </c>
      <c r="J8452">
        <f t="shared" si="938"/>
        <v>1.7241937532488298</v>
      </c>
      <c r="K8452">
        <f t="shared" si="939"/>
        <v>2.5862906298732447</v>
      </c>
      <c r="L8452">
        <f t="shared" si="940"/>
        <v>12.414195023391574</v>
      </c>
      <c r="M8452">
        <f t="shared" si="941"/>
        <v>0</v>
      </c>
      <c r="N8452" s="46">
        <f t="shared" si="942"/>
        <v>45642.749999979584</v>
      </c>
    </row>
    <row r="8453" spans="2:14" x14ac:dyDescent="0.3">
      <c r="B8453">
        <f t="shared" si="936"/>
        <v>1</v>
      </c>
      <c r="C8453" s="16">
        <v>8419</v>
      </c>
      <c r="D8453" cm="1">
        <f t="array" ref="D8453">IFERROR(INDEX(Jesper!AH$2:AH$366,ROUNDDOWN($C8453/24,0)+1,1)*INDEX($D$3:$AA$30,INDEX(Jesper!$R$2:$R$366,ROW(INDEX(Jesper!AH$2:AH$366,ROUNDDOWN($C8453/24,0)+1,1))-1)+IF('Standard Profiles'!$G$18=$B$10,7,0)+IF('Standard Profiles'!$G$18=$B$17,14,0)+IF('Standard Profiles'!$G$18=$B$24,21,0),MOD($C8453,24)+1)/SUM(INDEX($D$3:$AA$30,INDEX(Jesper!$R$2:$R$366,ROW(INDEX(Jesper!AH$2:AH$366,ROUNDDOWN($C8453/24,0)+1,1))-1)+IF('Standard Profiles'!$G$18=$B$10,7,0)+IF('Standard Profiles'!$G$18=$B$17,14,0)+IF('Standard Profiles'!$G$18=$B$24,21,0),0)),0)</f>
        <v>14.44012268345895</v>
      </c>
      <c r="E8453" cm="1">
        <f t="array" ref="E8453">IFERROR(INDEX(Jesper!AI$2:AI$366,ROUNDDOWN($C8453/24,0)+1,1)*INDEX($D$3:$AA$30,INDEX(Jesper!$R$2:$R$366,ROW(INDEX(Jesper!AI$2:AI$366,ROUNDDOWN($C8453/24,0)+1,1))-1)+IF('Standard Profiles'!$G$19=$B$10,7,0)+IF('Standard Profiles'!$G$19=$B$17,14,0)+IF('Standard Profiles'!$G$19=$B$24,21,0),MOD($C8453,24)+1)/SUM(INDEX($D$3:$AA$30,INDEX(Jesper!$R$2:$R$366,ROW(INDEX(Jesper!AI$2:AI$366,ROUNDDOWN($C8453/24,0)+1,1))-1)+IF('Standard Profiles'!$G$19=$B$10,7,0)+IF('Standard Profiles'!$G$19=$B$17,14,0)+IF('Standard Profiles'!$G$19=$B$24,21,0),0)),0)</f>
        <v>0</v>
      </c>
      <c r="F8453" cm="1">
        <f t="array" ref="F8453">IFERROR(INDEX(Jesper!AJ$2:AJ$366,ROUNDDOWN($C8453/24,0)+1,1)*INDEX($D$3:$AA$30,INDEX(Jesper!$R$2:$R$366,ROW(INDEX(Jesper!AJ$2:AJ$366,ROUNDDOWN($C8453/24,0)+1,1))-1)+IF('Standard Profiles'!$G$20=$B$10,7,0)+IF('Standard Profiles'!$G$20=$B$17,14,0)+IF('Standard Profiles'!$G$20=$B$24,21,0),MOD($C8453,24)+1)/SUM(INDEX($D$3:$AA$30,INDEX(Jesper!$R$2:$R$366,ROW(INDEX(Jesper!AJ$2:AJ$366,ROUNDDOWN($C8453/24,0)+1,1))-1)+IF('Standard Profiles'!$G$20=$B$10,7,0)+IF('Standard Profiles'!$G$20=$B$17,14,0)+IF('Standard Profiles'!$G$20=$B$24,21,0),0)),0)</f>
        <v>0</v>
      </c>
      <c r="G8453" cm="1">
        <f t="array" ref="G8453">IFERROR(INDEX(Jesper!AK$2:AK$366,ROUNDDOWN($C8453/24,0)+1,1)*INDEX($D$3:$AA$30,INDEX(Jesper!$R$2:$R$366,ROW(INDEX(Jesper!AK$2:AK$366,ROUNDDOWN($C8453/24,0)+1,1))-1)+IF('Standard Profiles'!$G$21=$B$10,7,0)+IF('Standard Profiles'!$G$21=$B$17,14,0)+IF('Standard Profiles'!$G$21=$B$24,21,0),MOD($C8453,24)+1)/SUM(INDEX($D$3:$AA$30,INDEX(Jesper!$R$2:$R$366,ROW(INDEX(Jesper!AK$2:AK$366,ROUNDDOWN($C8453/24,0)+1,1))-1)+IF('Standard Profiles'!$G$21=$B$10,7,0)+IF('Standard Profiles'!$G$21=$B$17,14,0)+IF('Standard Profiles'!$G$21=$B$24,21,0),0)),0)</f>
        <v>0</v>
      </c>
      <c r="H8453" cm="1">
        <f t="array" ref="H8453">IFERROR(INDEX(Jesper!AL$2:AL$366,ROUNDDOWN($C8453/24,0)+1,1)*INDEX($D$3:$AA$30,INDEX(Jesper!$R$2:$R$366,ROW(INDEX(Jesper!AL$2:AL$366,ROUNDDOWN($C8453/24,0)+1,1))-1)+IF('Standard Profiles'!$G$22=$B$10,7,0)+IF('Standard Profiles'!$G$22=$B$17,14,0)+IF('Standard Profiles'!$G$22=$B$24,21,0),MOD($C8453,24)+1)/SUM(INDEX($D$3:$AA$30,INDEX(Jesper!$R$2:$R$366,ROW(INDEX(Jesper!AL$2:AL$366,ROUNDDOWN($C8453/24,0)+1,1))-1)+IF('Standard Profiles'!$G$22=$B$10,7,0)+IF('Standard Profiles'!$G$22=$B$17,14,0)+IF('Standard Profiles'!$G$22=$B$24,21,0),0)),0)</f>
        <v>0</v>
      </c>
      <c r="I8453">
        <f t="shared" si="937"/>
        <v>0.43320368050376851</v>
      </c>
      <c r="J8453">
        <f t="shared" si="938"/>
        <v>1.4440122683458951</v>
      </c>
      <c r="K8453">
        <f t="shared" si="939"/>
        <v>2.1660184025188425</v>
      </c>
      <c r="L8453">
        <f t="shared" si="940"/>
        <v>10.396888332090445</v>
      </c>
      <c r="M8453">
        <f t="shared" si="941"/>
        <v>0</v>
      </c>
      <c r="N8453" s="46">
        <f t="shared" si="942"/>
        <v>45642.791666646248</v>
      </c>
    </row>
    <row r="8454" spans="2:14" x14ac:dyDescent="0.3">
      <c r="B8454">
        <f t="shared" si="936"/>
        <v>1</v>
      </c>
      <c r="C8454" s="16">
        <v>8420</v>
      </c>
      <c r="D8454" cm="1">
        <f t="array" ref="D8454">IFERROR(INDEX(Jesper!AH$2:AH$366,ROUNDDOWN($C8454/24,0)+1,1)*INDEX($D$3:$AA$30,INDEX(Jesper!$R$2:$R$366,ROW(INDEX(Jesper!AH$2:AH$366,ROUNDDOWN($C8454/24,0)+1,1))-1)+IF('Standard Profiles'!$G$18=$B$10,7,0)+IF('Standard Profiles'!$G$18=$B$17,14,0)+IF('Standard Profiles'!$G$18=$B$24,21,0),MOD($C8454,24)+1)/SUM(INDEX($D$3:$AA$30,INDEX(Jesper!$R$2:$R$366,ROW(INDEX(Jesper!AH$2:AH$366,ROUNDDOWN($C8454/24,0)+1,1))-1)+IF('Standard Profiles'!$G$18=$B$10,7,0)+IF('Standard Profiles'!$G$18=$B$17,14,0)+IF('Standard Profiles'!$G$18=$B$24,21,0),0)),0)</f>
        <v>11.853832053585705</v>
      </c>
      <c r="E8454" cm="1">
        <f t="array" ref="E8454">IFERROR(INDEX(Jesper!AI$2:AI$366,ROUNDDOWN($C8454/24,0)+1,1)*INDEX($D$3:$AA$30,INDEX(Jesper!$R$2:$R$366,ROW(INDEX(Jesper!AI$2:AI$366,ROUNDDOWN($C8454/24,0)+1,1))-1)+IF('Standard Profiles'!$G$19=$B$10,7,0)+IF('Standard Profiles'!$G$19=$B$17,14,0)+IF('Standard Profiles'!$G$19=$B$24,21,0),MOD($C8454,24)+1)/SUM(INDEX($D$3:$AA$30,INDEX(Jesper!$R$2:$R$366,ROW(INDEX(Jesper!AI$2:AI$366,ROUNDDOWN($C8454/24,0)+1,1))-1)+IF('Standard Profiles'!$G$19=$B$10,7,0)+IF('Standard Profiles'!$G$19=$B$17,14,0)+IF('Standard Profiles'!$G$19=$B$24,21,0),0)),0)</f>
        <v>0</v>
      </c>
      <c r="F8454" cm="1">
        <f t="array" ref="F8454">IFERROR(INDEX(Jesper!AJ$2:AJ$366,ROUNDDOWN($C8454/24,0)+1,1)*INDEX($D$3:$AA$30,INDEX(Jesper!$R$2:$R$366,ROW(INDEX(Jesper!AJ$2:AJ$366,ROUNDDOWN($C8454/24,0)+1,1))-1)+IF('Standard Profiles'!$G$20=$B$10,7,0)+IF('Standard Profiles'!$G$20=$B$17,14,0)+IF('Standard Profiles'!$G$20=$B$24,21,0),MOD($C8454,24)+1)/SUM(INDEX($D$3:$AA$30,INDEX(Jesper!$R$2:$R$366,ROW(INDEX(Jesper!AJ$2:AJ$366,ROUNDDOWN($C8454/24,0)+1,1))-1)+IF('Standard Profiles'!$G$20=$B$10,7,0)+IF('Standard Profiles'!$G$20=$B$17,14,0)+IF('Standard Profiles'!$G$20=$B$24,21,0),0)),0)</f>
        <v>0</v>
      </c>
      <c r="G8454" cm="1">
        <f t="array" ref="G8454">IFERROR(INDEX(Jesper!AK$2:AK$366,ROUNDDOWN($C8454/24,0)+1,1)*INDEX($D$3:$AA$30,INDEX(Jesper!$R$2:$R$366,ROW(INDEX(Jesper!AK$2:AK$366,ROUNDDOWN($C8454/24,0)+1,1))-1)+IF('Standard Profiles'!$G$21=$B$10,7,0)+IF('Standard Profiles'!$G$21=$B$17,14,0)+IF('Standard Profiles'!$G$21=$B$24,21,0),MOD($C8454,24)+1)/SUM(INDEX($D$3:$AA$30,INDEX(Jesper!$R$2:$R$366,ROW(INDEX(Jesper!AK$2:AK$366,ROUNDDOWN($C8454/24,0)+1,1))-1)+IF('Standard Profiles'!$G$21=$B$10,7,0)+IF('Standard Profiles'!$G$21=$B$17,14,0)+IF('Standard Profiles'!$G$21=$B$24,21,0),0)),0)</f>
        <v>0</v>
      </c>
      <c r="H8454" cm="1">
        <f t="array" ref="H8454">IFERROR(INDEX(Jesper!AL$2:AL$366,ROUNDDOWN($C8454/24,0)+1,1)*INDEX($D$3:$AA$30,INDEX(Jesper!$R$2:$R$366,ROW(INDEX(Jesper!AL$2:AL$366,ROUNDDOWN($C8454/24,0)+1,1))-1)+IF('Standard Profiles'!$G$22=$B$10,7,0)+IF('Standard Profiles'!$G$22=$B$17,14,0)+IF('Standard Profiles'!$G$22=$B$24,21,0),MOD($C8454,24)+1)/SUM(INDEX($D$3:$AA$30,INDEX(Jesper!$R$2:$R$366,ROW(INDEX(Jesper!AL$2:AL$366,ROUNDDOWN($C8454/24,0)+1,1))-1)+IF('Standard Profiles'!$G$22=$B$10,7,0)+IF('Standard Profiles'!$G$22=$B$17,14,0)+IF('Standard Profiles'!$G$22=$B$24,21,0),0)),0)</f>
        <v>0</v>
      </c>
      <c r="I8454">
        <f t="shared" si="937"/>
        <v>0.35561496160757117</v>
      </c>
      <c r="J8454">
        <f t="shared" si="938"/>
        <v>1.1853832053585707</v>
      </c>
      <c r="K8454">
        <f t="shared" si="939"/>
        <v>1.7780748080378557</v>
      </c>
      <c r="L8454">
        <f t="shared" si="940"/>
        <v>8.5347590785817076</v>
      </c>
      <c r="M8454">
        <f t="shared" si="941"/>
        <v>0</v>
      </c>
      <c r="N8454" s="46">
        <f t="shared" si="942"/>
        <v>45642.833333312912</v>
      </c>
    </row>
    <row r="8455" spans="2:14" x14ac:dyDescent="0.3">
      <c r="B8455">
        <f t="shared" si="936"/>
        <v>1</v>
      </c>
      <c r="C8455" s="16">
        <v>8421</v>
      </c>
      <c r="D8455" cm="1">
        <f t="array" ref="D8455">IFERROR(INDEX(Jesper!AH$2:AH$366,ROUNDDOWN($C8455/24,0)+1,1)*INDEX($D$3:$AA$30,INDEX(Jesper!$R$2:$R$366,ROW(INDEX(Jesper!AH$2:AH$366,ROUNDDOWN($C8455/24,0)+1,1))-1)+IF('Standard Profiles'!$G$18=$B$10,7,0)+IF('Standard Profiles'!$G$18=$B$17,14,0)+IF('Standard Profiles'!$G$18=$B$24,21,0),MOD($C8455,24)+1)/SUM(INDEX($D$3:$AA$30,INDEX(Jesper!$R$2:$R$366,ROW(INDEX(Jesper!AH$2:AH$366,ROUNDDOWN($C8455/24,0)+1,1))-1)+IF('Standard Profiles'!$G$18=$B$10,7,0)+IF('Standard Profiles'!$G$18=$B$17,14,0)+IF('Standard Profiles'!$G$18=$B$24,21,0),0)),0)</f>
        <v>8.6209687662441485</v>
      </c>
      <c r="E8455" cm="1">
        <f t="array" ref="E8455">IFERROR(INDEX(Jesper!AI$2:AI$366,ROUNDDOWN($C8455/24,0)+1,1)*INDEX($D$3:$AA$30,INDEX(Jesper!$R$2:$R$366,ROW(INDEX(Jesper!AI$2:AI$366,ROUNDDOWN($C8455/24,0)+1,1))-1)+IF('Standard Profiles'!$G$19=$B$10,7,0)+IF('Standard Profiles'!$G$19=$B$17,14,0)+IF('Standard Profiles'!$G$19=$B$24,21,0),MOD($C8455,24)+1)/SUM(INDEX($D$3:$AA$30,INDEX(Jesper!$R$2:$R$366,ROW(INDEX(Jesper!AI$2:AI$366,ROUNDDOWN($C8455/24,0)+1,1))-1)+IF('Standard Profiles'!$G$19=$B$10,7,0)+IF('Standard Profiles'!$G$19=$B$17,14,0)+IF('Standard Profiles'!$G$19=$B$24,21,0),0)),0)</f>
        <v>0</v>
      </c>
      <c r="F8455" cm="1">
        <f t="array" ref="F8455">IFERROR(INDEX(Jesper!AJ$2:AJ$366,ROUNDDOWN($C8455/24,0)+1,1)*INDEX($D$3:$AA$30,INDEX(Jesper!$R$2:$R$366,ROW(INDEX(Jesper!AJ$2:AJ$366,ROUNDDOWN($C8455/24,0)+1,1))-1)+IF('Standard Profiles'!$G$20=$B$10,7,0)+IF('Standard Profiles'!$G$20=$B$17,14,0)+IF('Standard Profiles'!$G$20=$B$24,21,0),MOD($C8455,24)+1)/SUM(INDEX($D$3:$AA$30,INDEX(Jesper!$R$2:$R$366,ROW(INDEX(Jesper!AJ$2:AJ$366,ROUNDDOWN($C8455/24,0)+1,1))-1)+IF('Standard Profiles'!$G$20=$B$10,7,0)+IF('Standard Profiles'!$G$20=$B$17,14,0)+IF('Standard Profiles'!$G$20=$B$24,21,0),0)),0)</f>
        <v>0</v>
      </c>
      <c r="G8455" cm="1">
        <f t="array" ref="G8455">IFERROR(INDEX(Jesper!AK$2:AK$366,ROUNDDOWN($C8455/24,0)+1,1)*INDEX($D$3:$AA$30,INDEX(Jesper!$R$2:$R$366,ROW(INDEX(Jesper!AK$2:AK$366,ROUNDDOWN($C8455/24,0)+1,1))-1)+IF('Standard Profiles'!$G$21=$B$10,7,0)+IF('Standard Profiles'!$G$21=$B$17,14,0)+IF('Standard Profiles'!$G$21=$B$24,21,0),MOD($C8455,24)+1)/SUM(INDEX($D$3:$AA$30,INDEX(Jesper!$R$2:$R$366,ROW(INDEX(Jesper!AK$2:AK$366,ROUNDDOWN($C8455/24,0)+1,1))-1)+IF('Standard Profiles'!$G$21=$B$10,7,0)+IF('Standard Profiles'!$G$21=$B$17,14,0)+IF('Standard Profiles'!$G$21=$B$24,21,0),0)),0)</f>
        <v>0</v>
      </c>
      <c r="H8455" cm="1">
        <f t="array" ref="H8455">IFERROR(INDEX(Jesper!AL$2:AL$366,ROUNDDOWN($C8455/24,0)+1,1)*INDEX($D$3:$AA$30,INDEX(Jesper!$R$2:$R$366,ROW(INDEX(Jesper!AL$2:AL$366,ROUNDDOWN($C8455/24,0)+1,1))-1)+IF('Standard Profiles'!$G$22=$B$10,7,0)+IF('Standard Profiles'!$G$22=$B$17,14,0)+IF('Standard Profiles'!$G$22=$B$24,21,0),MOD($C8455,24)+1)/SUM(INDEX($D$3:$AA$30,INDEX(Jesper!$R$2:$R$366,ROW(INDEX(Jesper!AL$2:AL$366,ROUNDDOWN($C8455/24,0)+1,1))-1)+IF('Standard Profiles'!$G$22=$B$10,7,0)+IF('Standard Profiles'!$G$22=$B$17,14,0)+IF('Standard Profiles'!$G$22=$B$24,21,0),0)),0)</f>
        <v>0</v>
      </c>
      <c r="I8455">
        <f t="shared" si="937"/>
        <v>0.25862906298732447</v>
      </c>
      <c r="J8455">
        <f t="shared" si="938"/>
        <v>0.86209687662441492</v>
      </c>
      <c r="K8455">
        <f t="shared" si="939"/>
        <v>1.2931453149366223</v>
      </c>
      <c r="L8455">
        <f t="shared" si="940"/>
        <v>6.2070975116957872</v>
      </c>
      <c r="M8455">
        <f t="shared" si="941"/>
        <v>0</v>
      </c>
      <c r="N8455" s="46">
        <f t="shared" si="942"/>
        <v>45642.874999979576</v>
      </c>
    </row>
    <row r="8456" spans="2:14" x14ac:dyDescent="0.3">
      <c r="B8456">
        <f t="shared" si="936"/>
        <v>1</v>
      </c>
      <c r="C8456" s="16">
        <v>8422</v>
      </c>
      <c r="D8456" cm="1">
        <f t="array" ref="D8456">IFERROR(INDEX(Jesper!AH$2:AH$366,ROUNDDOWN($C8456/24,0)+1,1)*INDEX($D$3:$AA$30,INDEX(Jesper!$R$2:$R$366,ROW(INDEX(Jesper!AH$2:AH$366,ROUNDDOWN($C8456/24,0)+1,1))-1)+IF('Standard Profiles'!$G$18=$B$10,7,0)+IF('Standard Profiles'!$G$18=$B$17,14,0)+IF('Standard Profiles'!$G$18=$B$24,21,0),MOD($C8456,24)+1)/SUM(INDEX($D$3:$AA$30,INDEX(Jesper!$R$2:$R$366,ROW(INDEX(Jesper!AH$2:AH$366,ROUNDDOWN($C8456/24,0)+1,1))-1)+IF('Standard Profiles'!$G$18=$B$10,7,0)+IF('Standard Profiles'!$G$18=$B$17,14,0)+IF('Standard Profiles'!$G$18=$B$24,21,0),0)),0)</f>
        <v>8.1899203279319419</v>
      </c>
      <c r="E8456" cm="1">
        <f t="array" ref="E8456">IFERROR(INDEX(Jesper!AI$2:AI$366,ROUNDDOWN($C8456/24,0)+1,1)*INDEX($D$3:$AA$30,INDEX(Jesper!$R$2:$R$366,ROW(INDEX(Jesper!AI$2:AI$366,ROUNDDOWN($C8456/24,0)+1,1))-1)+IF('Standard Profiles'!$G$19=$B$10,7,0)+IF('Standard Profiles'!$G$19=$B$17,14,0)+IF('Standard Profiles'!$G$19=$B$24,21,0),MOD($C8456,24)+1)/SUM(INDEX($D$3:$AA$30,INDEX(Jesper!$R$2:$R$366,ROW(INDEX(Jesper!AI$2:AI$366,ROUNDDOWN($C8456/24,0)+1,1))-1)+IF('Standard Profiles'!$G$19=$B$10,7,0)+IF('Standard Profiles'!$G$19=$B$17,14,0)+IF('Standard Profiles'!$G$19=$B$24,21,0),0)),0)</f>
        <v>0</v>
      </c>
      <c r="F8456" cm="1">
        <f t="array" ref="F8456">IFERROR(INDEX(Jesper!AJ$2:AJ$366,ROUNDDOWN($C8456/24,0)+1,1)*INDEX($D$3:$AA$30,INDEX(Jesper!$R$2:$R$366,ROW(INDEX(Jesper!AJ$2:AJ$366,ROUNDDOWN($C8456/24,0)+1,1))-1)+IF('Standard Profiles'!$G$20=$B$10,7,0)+IF('Standard Profiles'!$G$20=$B$17,14,0)+IF('Standard Profiles'!$G$20=$B$24,21,0),MOD($C8456,24)+1)/SUM(INDEX($D$3:$AA$30,INDEX(Jesper!$R$2:$R$366,ROW(INDEX(Jesper!AJ$2:AJ$366,ROUNDDOWN($C8456/24,0)+1,1))-1)+IF('Standard Profiles'!$G$20=$B$10,7,0)+IF('Standard Profiles'!$G$20=$B$17,14,0)+IF('Standard Profiles'!$G$20=$B$24,21,0),0)),0)</f>
        <v>0</v>
      </c>
      <c r="G8456" cm="1">
        <f t="array" ref="G8456">IFERROR(INDEX(Jesper!AK$2:AK$366,ROUNDDOWN($C8456/24,0)+1,1)*INDEX($D$3:$AA$30,INDEX(Jesper!$R$2:$R$366,ROW(INDEX(Jesper!AK$2:AK$366,ROUNDDOWN($C8456/24,0)+1,1))-1)+IF('Standard Profiles'!$G$21=$B$10,7,0)+IF('Standard Profiles'!$G$21=$B$17,14,0)+IF('Standard Profiles'!$G$21=$B$24,21,0),MOD($C8456,24)+1)/SUM(INDEX($D$3:$AA$30,INDEX(Jesper!$R$2:$R$366,ROW(INDEX(Jesper!AK$2:AK$366,ROUNDDOWN($C8456/24,0)+1,1))-1)+IF('Standard Profiles'!$G$21=$B$10,7,0)+IF('Standard Profiles'!$G$21=$B$17,14,0)+IF('Standard Profiles'!$G$21=$B$24,21,0),0)),0)</f>
        <v>0</v>
      </c>
      <c r="H8456" cm="1">
        <f t="array" ref="H8456">IFERROR(INDEX(Jesper!AL$2:AL$366,ROUNDDOWN($C8456/24,0)+1,1)*INDEX($D$3:$AA$30,INDEX(Jesper!$R$2:$R$366,ROW(INDEX(Jesper!AL$2:AL$366,ROUNDDOWN($C8456/24,0)+1,1))-1)+IF('Standard Profiles'!$G$22=$B$10,7,0)+IF('Standard Profiles'!$G$22=$B$17,14,0)+IF('Standard Profiles'!$G$22=$B$24,21,0),MOD($C8456,24)+1)/SUM(INDEX($D$3:$AA$30,INDEX(Jesper!$R$2:$R$366,ROW(INDEX(Jesper!AL$2:AL$366,ROUNDDOWN($C8456/24,0)+1,1))-1)+IF('Standard Profiles'!$G$22=$B$10,7,0)+IF('Standard Profiles'!$G$22=$B$17,14,0)+IF('Standard Profiles'!$G$22=$B$24,21,0),0)),0)</f>
        <v>0</v>
      </c>
      <c r="I8456">
        <f t="shared" si="937"/>
        <v>0.24569760983795824</v>
      </c>
      <c r="J8456">
        <f t="shared" si="938"/>
        <v>0.81899203279319421</v>
      </c>
      <c r="K8456">
        <f t="shared" si="939"/>
        <v>1.2284880491897912</v>
      </c>
      <c r="L8456">
        <f t="shared" si="940"/>
        <v>5.8967426361109982</v>
      </c>
      <c r="M8456">
        <f t="shared" si="941"/>
        <v>0</v>
      </c>
      <c r="N8456" s="46">
        <f t="shared" si="942"/>
        <v>45642.916666646241</v>
      </c>
    </row>
    <row r="8457" spans="2:14" x14ac:dyDescent="0.3">
      <c r="B8457">
        <f t="shared" si="936"/>
        <v>1</v>
      </c>
      <c r="C8457" s="16">
        <v>8423</v>
      </c>
      <c r="D8457" cm="1">
        <f t="array" ref="D8457">IFERROR(INDEX(Jesper!AH$2:AH$366,ROUNDDOWN($C8457/24,0)+1,1)*INDEX($D$3:$AA$30,INDEX(Jesper!$R$2:$R$366,ROW(INDEX(Jesper!AH$2:AH$366,ROUNDDOWN($C8457/24,0)+1,1))-1)+IF('Standard Profiles'!$G$18=$B$10,7,0)+IF('Standard Profiles'!$G$18=$B$17,14,0)+IF('Standard Profiles'!$G$18=$B$24,21,0),MOD($C8457,24)+1)/SUM(INDEX($D$3:$AA$30,INDEX(Jesper!$R$2:$R$366,ROW(INDEX(Jesper!AH$2:AH$366,ROUNDDOWN($C8457/24,0)+1,1))-1)+IF('Standard Profiles'!$G$18=$B$10,7,0)+IF('Standard Profiles'!$G$18=$B$17,14,0)+IF('Standard Profiles'!$G$18=$B$24,21,0),0)),0)</f>
        <v>8.1899203279319419</v>
      </c>
      <c r="E8457" cm="1">
        <f t="array" ref="E8457">IFERROR(INDEX(Jesper!AI$2:AI$366,ROUNDDOWN($C8457/24,0)+1,1)*INDEX($D$3:$AA$30,INDEX(Jesper!$R$2:$R$366,ROW(INDEX(Jesper!AI$2:AI$366,ROUNDDOWN($C8457/24,0)+1,1))-1)+IF('Standard Profiles'!$G$19=$B$10,7,0)+IF('Standard Profiles'!$G$19=$B$17,14,0)+IF('Standard Profiles'!$G$19=$B$24,21,0),MOD($C8457,24)+1)/SUM(INDEX($D$3:$AA$30,INDEX(Jesper!$R$2:$R$366,ROW(INDEX(Jesper!AI$2:AI$366,ROUNDDOWN($C8457/24,0)+1,1))-1)+IF('Standard Profiles'!$G$19=$B$10,7,0)+IF('Standard Profiles'!$G$19=$B$17,14,0)+IF('Standard Profiles'!$G$19=$B$24,21,0),0)),0)</f>
        <v>0</v>
      </c>
      <c r="F8457" cm="1">
        <f t="array" ref="F8457">IFERROR(INDEX(Jesper!AJ$2:AJ$366,ROUNDDOWN($C8457/24,0)+1,1)*INDEX($D$3:$AA$30,INDEX(Jesper!$R$2:$R$366,ROW(INDEX(Jesper!AJ$2:AJ$366,ROUNDDOWN($C8457/24,0)+1,1))-1)+IF('Standard Profiles'!$G$20=$B$10,7,0)+IF('Standard Profiles'!$G$20=$B$17,14,0)+IF('Standard Profiles'!$G$20=$B$24,21,0),MOD($C8457,24)+1)/SUM(INDEX($D$3:$AA$30,INDEX(Jesper!$R$2:$R$366,ROW(INDEX(Jesper!AJ$2:AJ$366,ROUNDDOWN($C8457/24,0)+1,1))-1)+IF('Standard Profiles'!$G$20=$B$10,7,0)+IF('Standard Profiles'!$G$20=$B$17,14,0)+IF('Standard Profiles'!$G$20=$B$24,21,0),0)),0)</f>
        <v>0</v>
      </c>
      <c r="G8457" cm="1">
        <f t="array" ref="G8457">IFERROR(INDEX(Jesper!AK$2:AK$366,ROUNDDOWN($C8457/24,0)+1,1)*INDEX($D$3:$AA$30,INDEX(Jesper!$R$2:$R$366,ROW(INDEX(Jesper!AK$2:AK$366,ROUNDDOWN($C8457/24,0)+1,1))-1)+IF('Standard Profiles'!$G$21=$B$10,7,0)+IF('Standard Profiles'!$G$21=$B$17,14,0)+IF('Standard Profiles'!$G$21=$B$24,21,0),MOD($C8457,24)+1)/SUM(INDEX($D$3:$AA$30,INDEX(Jesper!$R$2:$R$366,ROW(INDEX(Jesper!AK$2:AK$366,ROUNDDOWN($C8457/24,0)+1,1))-1)+IF('Standard Profiles'!$G$21=$B$10,7,0)+IF('Standard Profiles'!$G$21=$B$17,14,0)+IF('Standard Profiles'!$G$21=$B$24,21,0),0)),0)</f>
        <v>0</v>
      </c>
      <c r="H8457" cm="1">
        <f t="array" ref="H8457">IFERROR(INDEX(Jesper!AL$2:AL$366,ROUNDDOWN($C8457/24,0)+1,1)*INDEX($D$3:$AA$30,INDEX(Jesper!$R$2:$R$366,ROW(INDEX(Jesper!AL$2:AL$366,ROUNDDOWN($C8457/24,0)+1,1))-1)+IF('Standard Profiles'!$G$22=$B$10,7,0)+IF('Standard Profiles'!$G$22=$B$17,14,0)+IF('Standard Profiles'!$G$22=$B$24,21,0),MOD($C8457,24)+1)/SUM(INDEX($D$3:$AA$30,INDEX(Jesper!$R$2:$R$366,ROW(INDEX(Jesper!AL$2:AL$366,ROUNDDOWN($C8457/24,0)+1,1))-1)+IF('Standard Profiles'!$G$22=$B$10,7,0)+IF('Standard Profiles'!$G$22=$B$17,14,0)+IF('Standard Profiles'!$G$22=$B$24,21,0),0)),0)</f>
        <v>0</v>
      </c>
      <c r="I8457">
        <f t="shared" si="937"/>
        <v>0.24569760983795824</v>
      </c>
      <c r="J8457">
        <f t="shared" si="938"/>
        <v>0.81899203279319421</v>
      </c>
      <c r="K8457">
        <f t="shared" si="939"/>
        <v>1.2284880491897912</v>
      </c>
      <c r="L8457">
        <f t="shared" si="940"/>
        <v>5.8967426361109982</v>
      </c>
      <c r="M8457">
        <f t="shared" si="941"/>
        <v>0</v>
      </c>
      <c r="N8457" s="46">
        <f t="shared" si="942"/>
        <v>45642.958333312905</v>
      </c>
    </row>
    <row r="8458" spans="2:14" x14ac:dyDescent="0.3">
      <c r="B8458">
        <f t="shared" si="936"/>
        <v>2</v>
      </c>
      <c r="C8458" s="16">
        <v>8424</v>
      </c>
      <c r="D8458" cm="1">
        <f t="array" ref="D8458">IFERROR(INDEX(Jesper!AH$2:AH$366,ROUNDDOWN($C8458/24,0)+1,1)*INDEX($D$3:$AA$30,INDEX(Jesper!$R$2:$R$366,ROW(INDEX(Jesper!AH$2:AH$366,ROUNDDOWN($C8458/24,0)+1,1))-1)+IF('Standard Profiles'!$G$18=$B$10,7,0)+IF('Standard Profiles'!$G$18=$B$17,14,0)+IF('Standard Profiles'!$G$18=$B$24,21,0),MOD($C8458,24)+1)/SUM(INDEX($D$3:$AA$30,INDEX(Jesper!$R$2:$R$366,ROW(INDEX(Jesper!AH$2:AH$366,ROUNDDOWN($C8458/24,0)+1,1))-1)+IF('Standard Profiles'!$G$18=$B$10,7,0)+IF('Standard Profiles'!$G$18=$B$17,14,0)+IF('Standard Profiles'!$G$18=$B$24,21,0),0)),0)</f>
        <v>7.470626790319514</v>
      </c>
      <c r="E8458" cm="1">
        <f t="array" ref="E8458">IFERROR(INDEX(Jesper!AI$2:AI$366,ROUNDDOWN($C8458/24,0)+1,1)*INDEX($D$3:$AA$30,INDEX(Jesper!$R$2:$R$366,ROW(INDEX(Jesper!AI$2:AI$366,ROUNDDOWN($C8458/24,0)+1,1))-1)+IF('Standard Profiles'!$G$19=$B$10,7,0)+IF('Standard Profiles'!$G$19=$B$17,14,0)+IF('Standard Profiles'!$G$19=$B$24,21,0),MOD($C8458,24)+1)/SUM(INDEX($D$3:$AA$30,INDEX(Jesper!$R$2:$R$366,ROW(INDEX(Jesper!AI$2:AI$366,ROUNDDOWN($C8458/24,0)+1,1))-1)+IF('Standard Profiles'!$G$19=$B$10,7,0)+IF('Standard Profiles'!$G$19=$B$17,14,0)+IF('Standard Profiles'!$G$19=$B$24,21,0),0)),0)</f>
        <v>0</v>
      </c>
      <c r="F8458" cm="1">
        <f t="array" ref="F8458">IFERROR(INDEX(Jesper!AJ$2:AJ$366,ROUNDDOWN($C8458/24,0)+1,1)*INDEX($D$3:$AA$30,INDEX(Jesper!$R$2:$R$366,ROW(INDEX(Jesper!AJ$2:AJ$366,ROUNDDOWN($C8458/24,0)+1,1))-1)+IF('Standard Profiles'!$G$20=$B$10,7,0)+IF('Standard Profiles'!$G$20=$B$17,14,0)+IF('Standard Profiles'!$G$20=$B$24,21,0),MOD($C8458,24)+1)/SUM(INDEX($D$3:$AA$30,INDEX(Jesper!$R$2:$R$366,ROW(INDEX(Jesper!AJ$2:AJ$366,ROUNDDOWN($C8458/24,0)+1,1))-1)+IF('Standard Profiles'!$G$20=$B$10,7,0)+IF('Standard Profiles'!$G$20=$B$17,14,0)+IF('Standard Profiles'!$G$20=$B$24,21,0),0)),0)</f>
        <v>0</v>
      </c>
      <c r="G8458" cm="1">
        <f t="array" ref="G8458">IFERROR(INDEX(Jesper!AK$2:AK$366,ROUNDDOWN($C8458/24,0)+1,1)*INDEX($D$3:$AA$30,INDEX(Jesper!$R$2:$R$366,ROW(INDEX(Jesper!AK$2:AK$366,ROUNDDOWN($C8458/24,0)+1,1))-1)+IF('Standard Profiles'!$G$21=$B$10,7,0)+IF('Standard Profiles'!$G$21=$B$17,14,0)+IF('Standard Profiles'!$G$21=$B$24,21,0),MOD($C8458,24)+1)/SUM(INDEX($D$3:$AA$30,INDEX(Jesper!$R$2:$R$366,ROW(INDEX(Jesper!AK$2:AK$366,ROUNDDOWN($C8458/24,0)+1,1))-1)+IF('Standard Profiles'!$G$21=$B$10,7,0)+IF('Standard Profiles'!$G$21=$B$17,14,0)+IF('Standard Profiles'!$G$21=$B$24,21,0),0)),0)</f>
        <v>0</v>
      </c>
      <c r="H8458" cm="1">
        <f t="array" ref="H8458">IFERROR(INDEX(Jesper!AL$2:AL$366,ROUNDDOWN($C8458/24,0)+1,1)*INDEX($D$3:$AA$30,INDEX(Jesper!$R$2:$R$366,ROW(INDEX(Jesper!AL$2:AL$366,ROUNDDOWN($C8458/24,0)+1,1))-1)+IF('Standard Profiles'!$G$22=$B$10,7,0)+IF('Standard Profiles'!$G$22=$B$17,14,0)+IF('Standard Profiles'!$G$22=$B$24,21,0),MOD($C8458,24)+1)/SUM(INDEX($D$3:$AA$30,INDEX(Jesper!$R$2:$R$366,ROW(INDEX(Jesper!AL$2:AL$366,ROUNDDOWN($C8458/24,0)+1,1))-1)+IF('Standard Profiles'!$G$22=$B$10,7,0)+IF('Standard Profiles'!$G$22=$B$17,14,0)+IF('Standard Profiles'!$G$22=$B$24,21,0),0)),0)</f>
        <v>0</v>
      </c>
      <c r="I8458">
        <f t="shared" si="937"/>
        <v>0.22411880370958542</v>
      </c>
      <c r="J8458">
        <f t="shared" si="938"/>
        <v>0.74706267903195145</v>
      </c>
      <c r="K8458">
        <f t="shared" si="939"/>
        <v>1.1205940185479271</v>
      </c>
      <c r="L8458">
        <f t="shared" si="940"/>
        <v>5.3788512890300497</v>
      </c>
      <c r="M8458">
        <f t="shared" si="941"/>
        <v>0</v>
      </c>
      <c r="N8458" s="46">
        <f t="shared" si="942"/>
        <v>45642.999999979569</v>
      </c>
    </row>
    <row r="8459" spans="2:14" x14ac:dyDescent="0.3">
      <c r="B8459">
        <f t="shared" si="936"/>
        <v>2</v>
      </c>
      <c r="C8459" s="16">
        <v>8425</v>
      </c>
      <c r="D8459" cm="1">
        <f t="array" ref="D8459">IFERROR(INDEX(Jesper!AH$2:AH$366,ROUNDDOWN($C8459/24,0)+1,1)*INDEX($D$3:$AA$30,INDEX(Jesper!$R$2:$R$366,ROW(INDEX(Jesper!AH$2:AH$366,ROUNDDOWN($C8459/24,0)+1,1))-1)+IF('Standard Profiles'!$G$18=$B$10,7,0)+IF('Standard Profiles'!$G$18=$B$17,14,0)+IF('Standard Profiles'!$G$18=$B$24,21,0),MOD($C8459,24)+1)/SUM(INDEX($D$3:$AA$30,INDEX(Jesper!$R$2:$R$366,ROW(INDEX(Jesper!AH$2:AH$366,ROUNDDOWN($C8459/24,0)+1,1))-1)+IF('Standard Profiles'!$G$18=$B$10,7,0)+IF('Standard Profiles'!$G$18=$B$17,14,0)+IF('Standard Profiles'!$G$18=$B$24,21,0),0)),0)</f>
        <v>7.470626790319514</v>
      </c>
      <c r="E8459" cm="1">
        <f t="array" ref="E8459">IFERROR(INDEX(Jesper!AI$2:AI$366,ROUNDDOWN($C8459/24,0)+1,1)*INDEX($D$3:$AA$30,INDEX(Jesper!$R$2:$R$366,ROW(INDEX(Jesper!AI$2:AI$366,ROUNDDOWN($C8459/24,0)+1,1))-1)+IF('Standard Profiles'!$G$19=$B$10,7,0)+IF('Standard Profiles'!$G$19=$B$17,14,0)+IF('Standard Profiles'!$G$19=$B$24,21,0),MOD($C8459,24)+1)/SUM(INDEX($D$3:$AA$30,INDEX(Jesper!$R$2:$R$366,ROW(INDEX(Jesper!AI$2:AI$366,ROUNDDOWN($C8459/24,0)+1,1))-1)+IF('Standard Profiles'!$G$19=$B$10,7,0)+IF('Standard Profiles'!$G$19=$B$17,14,0)+IF('Standard Profiles'!$G$19=$B$24,21,0),0)),0)</f>
        <v>0</v>
      </c>
      <c r="F8459" cm="1">
        <f t="array" ref="F8459">IFERROR(INDEX(Jesper!AJ$2:AJ$366,ROUNDDOWN($C8459/24,0)+1,1)*INDEX($D$3:$AA$30,INDEX(Jesper!$R$2:$R$366,ROW(INDEX(Jesper!AJ$2:AJ$366,ROUNDDOWN($C8459/24,0)+1,1))-1)+IF('Standard Profiles'!$G$20=$B$10,7,0)+IF('Standard Profiles'!$G$20=$B$17,14,0)+IF('Standard Profiles'!$G$20=$B$24,21,0),MOD($C8459,24)+1)/SUM(INDEX($D$3:$AA$30,INDEX(Jesper!$R$2:$R$366,ROW(INDEX(Jesper!AJ$2:AJ$366,ROUNDDOWN($C8459/24,0)+1,1))-1)+IF('Standard Profiles'!$G$20=$B$10,7,0)+IF('Standard Profiles'!$G$20=$B$17,14,0)+IF('Standard Profiles'!$G$20=$B$24,21,0),0)),0)</f>
        <v>0</v>
      </c>
      <c r="G8459" cm="1">
        <f t="array" ref="G8459">IFERROR(INDEX(Jesper!AK$2:AK$366,ROUNDDOWN($C8459/24,0)+1,1)*INDEX($D$3:$AA$30,INDEX(Jesper!$R$2:$R$366,ROW(INDEX(Jesper!AK$2:AK$366,ROUNDDOWN($C8459/24,0)+1,1))-1)+IF('Standard Profiles'!$G$21=$B$10,7,0)+IF('Standard Profiles'!$G$21=$B$17,14,0)+IF('Standard Profiles'!$G$21=$B$24,21,0),MOD($C8459,24)+1)/SUM(INDEX($D$3:$AA$30,INDEX(Jesper!$R$2:$R$366,ROW(INDEX(Jesper!AK$2:AK$366,ROUNDDOWN($C8459/24,0)+1,1))-1)+IF('Standard Profiles'!$G$21=$B$10,7,0)+IF('Standard Profiles'!$G$21=$B$17,14,0)+IF('Standard Profiles'!$G$21=$B$24,21,0),0)),0)</f>
        <v>0</v>
      </c>
      <c r="H8459" cm="1">
        <f t="array" ref="H8459">IFERROR(INDEX(Jesper!AL$2:AL$366,ROUNDDOWN($C8459/24,0)+1,1)*INDEX($D$3:$AA$30,INDEX(Jesper!$R$2:$R$366,ROW(INDEX(Jesper!AL$2:AL$366,ROUNDDOWN($C8459/24,0)+1,1))-1)+IF('Standard Profiles'!$G$22=$B$10,7,0)+IF('Standard Profiles'!$G$22=$B$17,14,0)+IF('Standard Profiles'!$G$22=$B$24,21,0),MOD($C8459,24)+1)/SUM(INDEX($D$3:$AA$30,INDEX(Jesper!$R$2:$R$366,ROW(INDEX(Jesper!AL$2:AL$366,ROUNDDOWN($C8459/24,0)+1,1))-1)+IF('Standard Profiles'!$G$22=$B$10,7,0)+IF('Standard Profiles'!$G$22=$B$17,14,0)+IF('Standard Profiles'!$G$22=$B$24,21,0),0)),0)</f>
        <v>0</v>
      </c>
      <c r="I8459">
        <f t="shared" si="937"/>
        <v>0.22411880370958542</v>
      </c>
      <c r="J8459">
        <f t="shared" si="938"/>
        <v>0.74706267903195145</v>
      </c>
      <c r="K8459">
        <f t="shared" si="939"/>
        <v>1.1205940185479271</v>
      </c>
      <c r="L8459">
        <f t="shared" si="940"/>
        <v>5.3788512890300497</v>
      </c>
      <c r="M8459">
        <f t="shared" si="941"/>
        <v>0</v>
      </c>
      <c r="N8459" s="46">
        <f t="shared" si="942"/>
        <v>45643.041666646233</v>
      </c>
    </row>
    <row r="8460" spans="2:14" x14ac:dyDescent="0.3">
      <c r="B8460">
        <f t="shared" si="936"/>
        <v>2</v>
      </c>
      <c r="C8460" s="16">
        <v>8426</v>
      </c>
      <c r="D8460" cm="1">
        <f t="array" ref="D8460">IFERROR(INDEX(Jesper!AH$2:AH$366,ROUNDDOWN($C8460/24,0)+1,1)*INDEX($D$3:$AA$30,INDEX(Jesper!$R$2:$R$366,ROW(INDEX(Jesper!AH$2:AH$366,ROUNDDOWN($C8460/24,0)+1,1))-1)+IF('Standard Profiles'!$G$18=$B$10,7,0)+IF('Standard Profiles'!$G$18=$B$17,14,0)+IF('Standard Profiles'!$G$18=$B$24,21,0),MOD($C8460,24)+1)/SUM(INDEX($D$3:$AA$30,INDEX(Jesper!$R$2:$R$366,ROW(INDEX(Jesper!AH$2:AH$366,ROUNDDOWN($C8460/24,0)+1,1))-1)+IF('Standard Profiles'!$G$18=$B$10,7,0)+IF('Standard Profiles'!$G$18=$B$17,14,0)+IF('Standard Profiles'!$G$18=$B$24,21,0),0)),0)</f>
        <v>7.470626790319514</v>
      </c>
      <c r="E8460" cm="1">
        <f t="array" ref="E8460">IFERROR(INDEX(Jesper!AI$2:AI$366,ROUNDDOWN($C8460/24,0)+1,1)*INDEX($D$3:$AA$30,INDEX(Jesper!$R$2:$R$366,ROW(INDEX(Jesper!AI$2:AI$366,ROUNDDOWN($C8460/24,0)+1,1))-1)+IF('Standard Profiles'!$G$19=$B$10,7,0)+IF('Standard Profiles'!$G$19=$B$17,14,0)+IF('Standard Profiles'!$G$19=$B$24,21,0),MOD($C8460,24)+1)/SUM(INDEX($D$3:$AA$30,INDEX(Jesper!$R$2:$R$366,ROW(INDEX(Jesper!AI$2:AI$366,ROUNDDOWN($C8460/24,0)+1,1))-1)+IF('Standard Profiles'!$G$19=$B$10,7,0)+IF('Standard Profiles'!$G$19=$B$17,14,0)+IF('Standard Profiles'!$G$19=$B$24,21,0),0)),0)</f>
        <v>0</v>
      </c>
      <c r="F8460" cm="1">
        <f t="array" ref="F8460">IFERROR(INDEX(Jesper!AJ$2:AJ$366,ROUNDDOWN($C8460/24,0)+1,1)*INDEX($D$3:$AA$30,INDEX(Jesper!$R$2:$R$366,ROW(INDEX(Jesper!AJ$2:AJ$366,ROUNDDOWN($C8460/24,0)+1,1))-1)+IF('Standard Profiles'!$G$20=$B$10,7,0)+IF('Standard Profiles'!$G$20=$B$17,14,0)+IF('Standard Profiles'!$G$20=$B$24,21,0),MOD($C8460,24)+1)/SUM(INDEX($D$3:$AA$30,INDEX(Jesper!$R$2:$R$366,ROW(INDEX(Jesper!AJ$2:AJ$366,ROUNDDOWN($C8460/24,0)+1,1))-1)+IF('Standard Profiles'!$G$20=$B$10,7,0)+IF('Standard Profiles'!$G$20=$B$17,14,0)+IF('Standard Profiles'!$G$20=$B$24,21,0),0)),0)</f>
        <v>0</v>
      </c>
      <c r="G8460" cm="1">
        <f t="array" ref="G8460">IFERROR(INDEX(Jesper!AK$2:AK$366,ROUNDDOWN($C8460/24,0)+1,1)*INDEX($D$3:$AA$30,INDEX(Jesper!$R$2:$R$366,ROW(INDEX(Jesper!AK$2:AK$366,ROUNDDOWN($C8460/24,0)+1,1))-1)+IF('Standard Profiles'!$G$21=$B$10,7,0)+IF('Standard Profiles'!$G$21=$B$17,14,0)+IF('Standard Profiles'!$G$21=$B$24,21,0),MOD($C8460,24)+1)/SUM(INDEX($D$3:$AA$30,INDEX(Jesper!$R$2:$R$366,ROW(INDEX(Jesper!AK$2:AK$366,ROUNDDOWN($C8460/24,0)+1,1))-1)+IF('Standard Profiles'!$G$21=$B$10,7,0)+IF('Standard Profiles'!$G$21=$B$17,14,0)+IF('Standard Profiles'!$G$21=$B$24,21,0),0)),0)</f>
        <v>0</v>
      </c>
      <c r="H8460" cm="1">
        <f t="array" ref="H8460">IFERROR(INDEX(Jesper!AL$2:AL$366,ROUNDDOWN($C8460/24,0)+1,1)*INDEX($D$3:$AA$30,INDEX(Jesper!$R$2:$R$366,ROW(INDEX(Jesper!AL$2:AL$366,ROUNDDOWN($C8460/24,0)+1,1))-1)+IF('Standard Profiles'!$G$22=$B$10,7,0)+IF('Standard Profiles'!$G$22=$B$17,14,0)+IF('Standard Profiles'!$G$22=$B$24,21,0),MOD($C8460,24)+1)/SUM(INDEX($D$3:$AA$30,INDEX(Jesper!$R$2:$R$366,ROW(INDEX(Jesper!AL$2:AL$366,ROUNDDOWN($C8460/24,0)+1,1))-1)+IF('Standard Profiles'!$G$22=$B$10,7,0)+IF('Standard Profiles'!$G$22=$B$17,14,0)+IF('Standard Profiles'!$G$22=$B$24,21,0),0)),0)</f>
        <v>0</v>
      </c>
      <c r="I8460">
        <f t="shared" si="937"/>
        <v>0.22411880370958542</v>
      </c>
      <c r="J8460">
        <f t="shared" si="938"/>
        <v>0.74706267903195145</v>
      </c>
      <c r="K8460">
        <f t="shared" si="939"/>
        <v>1.1205940185479271</v>
      </c>
      <c r="L8460">
        <f t="shared" si="940"/>
        <v>5.3788512890300497</v>
      </c>
      <c r="M8460">
        <f t="shared" si="941"/>
        <v>0</v>
      </c>
      <c r="N8460" s="46">
        <f t="shared" si="942"/>
        <v>45643.083333312898</v>
      </c>
    </row>
    <row r="8461" spans="2:14" x14ac:dyDescent="0.3">
      <c r="B8461">
        <f t="shared" si="936"/>
        <v>2</v>
      </c>
      <c r="C8461" s="16">
        <v>8427</v>
      </c>
      <c r="D8461" cm="1">
        <f t="array" ref="D8461">IFERROR(INDEX(Jesper!AH$2:AH$366,ROUNDDOWN($C8461/24,0)+1,1)*INDEX($D$3:$AA$30,INDEX(Jesper!$R$2:$R$366,ROW(INDEX(Jesper!AH$2:AH$366,ROUNDDOWN($C8461/24,0)+1,1))-1)+IF('Standard Profiles'!$G$18=$B$10,7,0)+IF('Standard Profiles'!$G$18=$B$17,14,0)+IF('Standard Profiles'!$G$18=$B$24,21,0),MOD($C8461,24)+1)/SUM(INDEX($D$3:$AA$30,INDEX(Jesper!$R$2:$R$366,ROW(INDEX(Jesper!AH$2:AH$366,ROUNDDOWN($C8461/24,0)+1,1))-1)+IF('Standard Profiles'!$G$18=$B$10,7,0)+IF('Standard Profiles'!$G$18=$B$17,14,0)+IF('Standard Profiles'!$G$18=$B$24,21,0),0)),0)</f>
        <v>7.470626790319514</v>
      </c>
      <c r="E8461" cm="1">
        <f t="array" ref="E8461">IFERROR(INDEX(Jesper!AI$2:AI$366,ROUNDDOWN($C8461/24,0)+1,1)*INDEX($D$3:$AA$30,INDEX(Jesper!$R$2:$R$366,ROW(INDEX(Jesper!AI$2:AI$366,ROUNDDOWN($C8461/24,0)+1,1))-1)+IF('Standard Profiles'!$G$19=$B$10,7,0)+IF('Standard Profiles'!$G$19=$B$17,14,0)+IF('Standard Profiles'!$G$19=$B$24,21,0),MOD($C8461,24)+1)/SUM(INDEX($D$3:$AA$30,INDEX(Jesper!$R$2:$R$366,ROW(INDEX(Jesper!AI$2:AI$366,ROUNDDOWN($C8461/24,0)+1,1))-1)+IF('Standard Profiles'!$G$19=$B$10,7,0)+IF('Standard Profiles'!$G$19=$B$17,14,0)+IF('Standard Profiles'!$G$19=$B$24,21,0),0)),0)</f>
        <v>0</v>
      </c>
      <c r="F8461" cm="1">
        <f t="array" ref="F8461">IFERROR(INDEX(Jesper!AJ$2:AJ$366,ROUNDDOWN($C8461/24,0)+1,1)*INDEX($D$3:$AA$30,INDEX(Jesper!$R$2:$R$366,ROW(INDEX(Jesper!AJ$2:AJ$366,ROUNDDOWN($C8461/24,0)+1,1))-1)+IF('Standard Profiles'!$G$20=$B$10,7,0)+IF('Standard Profiles'!$G$20=$B$17,14,0)+IF('Standard Profiles'!$G$20=$B$24,21,0),MOD($C8461,24)+1)/SUM(INDEX($D$3:$AA$30,INDEX(Jesper!$R$2:$R$366,ROW(INDEX(Jesper!AJ$2:AJ$366,ROUNDDOWN($C8461/24,0)+1,1))-1)+IF('Standard Profiles'!$G$20=$B$10,7,0)+IF('Standard Profiles'!$G$20=$B$17,14,0)+IF('Standard Profiles'!$G$20=$B$24,21,0),0)),0)</f>
        <v>0</v>
      </c>
      <c r="G8461" cm="1">
        <f t="array" ref="G8461">IFERROR(INDEX(Jesper!AK$2:AK$366,ROUNDDOWN($C8461/24,0)+1,1)*INDEX($D$3:$AA$30,INDEX(Jesper!$R$2:$R$366,ROW(INDEX(Jesper!AK$2:AK$366,ROUNDDOWN($C8461/24,0)+1,1))-1)+IF('Standard Profiles'!$G$21=$B$10,7,0)+IF('Standard Profiles'!$G$21=$B$17,14,0)+IF('Standard Profiles'!$G$21=$B$24,21,0),MOD($C8461,24)+1)/SUM(INDEX($D$3:$AA$30,INDEX(Jesper!$R$2:$R$366,ROW(INDEX(Jesper!AK$2:AK$366,ROUNDDOWN($C8461/24,0)+1,1))-1)+IF('Standard Profiles'!$G$21=$B$10,7,0)+IF('Standard Profiles'!$G$21=$B$17,14,0)+IF('Standard Profiles'!$G$21=$B$24,21,0),0)),0)</f>
        <v>0</v>
      </c>
      <c r="H8461" cm="1">
        <f t="array" ref="H8461">IFERROR(INDEX(Jesper!AL$2:AL$366,ROUNDDOWN($C8461/24,0)+1,1)*INDEX($D$3:$AA$30,INDEX(Jesper!$R$2:$R$366,ROW(INDEX(Jesper!AL$2:AL$366,ROUNDDOWN($C8461/24,0)+1,1))-1)+IF('Standard Profiles'!$G$22=$B$10,7,0)+IF('Standard Profiles'!$G$22=$B$17,14,0)+IF('Standard Profiles'!$G$22=$B$24,21,0),MOD($C8461,24)+1)/SUM(INDEX($D$3:$AA$30,INDEX(Jesper!$R$2:$R$366,ROW(INDEX(Jesper!AL$2:AL$366,ROUNDDOWN($C8461/24,0)+1,1))-1)+IF('Standard Profiles'!$G$22=$B$10,7,0)+IF('Standard Profiles'!$G$22=$B$17,14,0)+IF('Standard Profiles'!$G$22=$B$24,21,0),0)),0)</f>
        <v>0</v>
      </c>
      <c r="I8461">
        <f t="shared" si="937"/>
        <v>0.22411880370958542</v>
      </c>
      <c r="J8461">
        <f t="shared" si="938"/>
        <v>0.74706267903195145</v>
      </c>
      <c r="K8461">
        <f t="shared" si="939"/>
        <v>1.1205940185479271</v>
      </c>
      <c r="L8461">
        <f t="shared" si="940"/>
        <v>5.3788512890300497</v>
      </c>
      <c r="M8461">
        <f t="shared" si="941"/>
        <v>0</v>
      </c>
      <c r="N8461" s="46">
        <f t="shared" si="942"/>
        <v>45643.124999979562</v>
      </c>
    </row>
    <row r="8462" spans="2:14" x14ac:dyDescent="0.3">
      <c r="B8462">
        <f t="shared" si="936"/>
        <v>2</v>
      </c>
      <c r="C8462" s="16">
        <v>8428</v>
      </c>
      <c r="D8462" cm="1">
        <f t="array" ref="D8462">IFERROR(INDEX(Jesper!AH$2:AH$366,ROUNDDOWN($C8462/24,0)+1,1)*INDEX($D$3:$AA$30,INDEX(Jesper!$R$2:$R$366,ROW(INDEX(Jesper!AH$2:AH$366,ROUNDDOWN($C8462/24,0)+1,1))-1)+IF('Standard Profiles'!$G$18=$B$10,7,0)+IF('Standard Profiles'!$G$18=$B$17,14,0)+IF('Standard Profiles'!$G$18=$B$24,21,0),MOD($C8462,24)+1)/SUM(INDEX($D$3:$AA$30,INDEX(Jesper!$R$2:$R$366,ROW(INDEX(Jesper!AH$2:AH$366,ROUNDDOWN($C8462/24,0)+1,1))-1)+IF('Standard Profiles'!$G$18=$B$10,7,0)+IF('Standard Profiles'!$G$18=$B$17,14,0)+IF('Standard Profiles'!$G$18=$B$24,21,0),0)),0)</f>
        <v>7.470626790319514</v>
      </c>
      <c r="E8462" cm="1">
        <f t="array" ref="E8462">IFERROR(INDEX(Jesper!AI$2:AI$366,ROUNDDOWN($C8462/24,0)+1,1)*INDEX($D$3:$AA$30,INDEX(Jesper!$R$2:$R$366,ROW(INDEX(Jesper!AI$2:AI$366,ROUNDDOWN($C8462/24,0)+1,1))-1)+IF('Standard Profiles'!$G$19=$B$10,7,0)+IF('Standard Profiles'!$G$19=$B$17,14,0)+IF('Standard Profiles'!$G$19=$B$24,21,0),MOD($C8462,24)+1)/SUM(INDEX($D$3:$AA$30,INDEX(Jesper!$R$2:$R$366,ROW(INDEX(Jesper!AI$2:AI$366,ROUNDDOWN($C8462/24,0)+1,1))-1)+IF('Standard Profiles'!$G$19=$B$10,7,0)+IF('Standard Profiles'!$G$19=$B$17,14,0)+IF('Standard Profiles'!$G$19=$B$24,21,0),0)),0)</f>
        <v>0</v>
      </c>
      <c r="F8462" cm="1">
        <f t="array" ref="F8462">IFERROR(INDEX(Jesper!AJ$2:AJ$366,ROUNDDOWN($C8462/24,0)+1,1)*INDEX($D$3:$AA$30,INDEX(Jesper!$R$2:$R$366,ROW(INDEX(Jesper!AJ$2:AJ$366,ROUNDDOWN($C8462/24,0)+1,1))-1)+IF('Standard Profiles'!$G$20=$B$10,7,0)+IF('Standard Profiles'!$G$20=$B$17,14,0)+IF('Standard Profiles'!$G$20=$B$24,21,0),MOD($C8462,24)+1)/SUM(INDEX($D$3:$AA$30,INDEX(Jesper!$R$2:$R$366,ROW(INDEX(Jesper!AJ$2:AJ$366,ROUNDDOWN($C8462/24,0)+1,1))-1)+IF('Standard Profiles'!$G$20=$B$10,7,0)+IF('Standard Profiles'!$G$20=$B$17,14,0)+IF('Standard Profiles'!$G$20=$B$24,21,0),0)),0)</f>
        <v>0</v>
      </c>
      <c r="G8462" cm="1">
        <f t="array" ref="G8462">IFERROR(INDEX(Jesper!AK$2:AK$366,ROUNDDOWN($C8462/24,0)+1,1)*INDEX($D$3:$AA$30,INDEX(Jesper!$R$2:$R$366,ROW(INDEX(Jesper!AK$2:AK$366,ROUNDDOWN($C8462/24,0)+1,1))-1)+IF('Standard Profiles'!$G$21=$B$10,7,0)+IF('Standard Profiles'!$G$21=$B$17,14,0)+IF('Standard Profiles'!$G$21=$B$24,21,0),MOD($C8462,24)+1)/SUM(INDEX($D$3:$AA$30,INDEX(Jesper!$R$2:$R$366,ROW(INDEX(Jesper!AK$2:AK$366,ROUNDDOWN($C8462/24,0)+1,1))-1)+IF('Standard Profiles'!$G$21=$B$10,7,0)+IF('Standard Profiles'!$G$21=$B$17,14,0)+IF('Standard Profiles'!$G$21=$B$24,21,0),0)),0)</f>
        <v>0</v>
      </c>
      <c r="H8462" cm="1">
        <f t="array" ref="H8462">IFERROR(INDEX(Jesper!AL$2:AL$366,ROUNDDOWN($C8462/24,0)+1,1)*INDEX($D$3:$AA$30,INDEX(Jesper!$R$2:$R$366,ROW(INDEX(Jesper!AL$2:AL$366,ROUNDDOWN($C8462/24,0)+1,1))-1)+IF('Standard Profiles'!$G$22=$B$10,7,0)+IF('Standard Profiles'!$G$22=$B$17,14,0)+IF('Standard Profiles'!$G$22=$B$24,21,0),MOD($C8462,24)+1)/SUM(INDEX($D$3:$AA$30,INDEX(Jesper!$R$2:$R$366,ROW(INDEX(Jesper!AL$2:AL$366,ROUNDDOWN($C8462/24,0)+1,1))-1)+IF('Standard Profiles'!$G$22=$B$10,7,0)+IF('Standard Profiles'!$G$22=$B$17,14,0)+IF('Standard Profiles'!$G$22=$B$24,21,0),0)),0)</f>
        <v>0</v>
      </c>
      <c r="I8462">
        <f t="shared" si="937"/>
        <v>0.22411880370958542</v>
      </c>
      <c r="J8462">
        <f t="shared" si="938"/>
        <v>0.74706267903195145</v>
      </c>
      <c r="K8462">
        <f t="shared" si="939"/>
        <v>1.1205940185479271</v>
      </c>
      <c r="L8462">
        <f t="shared" si="940"/>
        <v>5.3788512890300497</v>
      </c>
      <c r="M8462">
        <f t="shared" si="941"/>
        <v>0</v>
      </c>
      <c r="N8462" s="46">
        <f t="shared" si="942"/>
        <v>45643.166666646226</v>
      </c>
    </row>
    <row r="8463" spans="2:14" x14ac:dyDescent="0.3">
      <c r="B8463">
        <f t="shared" si="936"/>
        <v>2</v>
      </c>
      <c r="C8463" s="16">
        <v>8429</v>
      </c>
      <c r="D8463" cm="1">
        <f t="array" ref="D8463">IFERROR(INDEX(Jesper!AH$2:AH$366,ROUNDDOWN($C8463/24,0)+1,1)*INDEX($D$3:$AA$30,INDEX(Jesper!$R$2:$R$366,ROW(INDEX(Jesper!AH$2:AH$366,ROUNDDOWN($C8463/24,0)+1,1))-1)+IF('Standard Profiles'!$G$18=$B$10,7,0)+IF('Standard Profiles'!$G$18=$B$17,14,0)+IF('Standard Profiles'!$G$18=$B$24,21,0),MOD($C8463,24)+1)/SUM(INDEX($D$3:$AA$30,INDEX(Jesper!$R$2:$R$366,ROW(INDEX(Jesper!AH$2:AH$366,ROUNDDOWN($C8463/24,0)+1,1))-1)+IF('Standard Profiles'!$G$18=$B$10,7,0)+IF('Standard Profiles'!$G$18=$B$17,14,0)+IF('Standard Profiles'!$G$18=$B$24,21,0),0)),0)</f>
        <v>9.7118148274153686</v>
      </c>
      <c r="E8463" cm="1">
        <f t="array" ref="E8463">IFERROR(INDEX(Jesper!AI$2:AI$366,ROUNDDOWN($C8463/24,0)+1,1)*INDEX($D$3:$AA$30,INDEX(Jesper!$R$2:$R$366,ROW(INDEX(Jesper!AI$2:AI$366,ROUNDDOWN($C8463/24,0)+1,1))-1)+IF('Standard Profiles'!$G$19=$B$10,7,0)+IF('Standard Profiles'!$G$19=$B$17,14,0)+IF('Standard Profiles'!$G$19=$B$24,21,0),MOD($C8463,24)+1)/SUM(INDEX($D$3:$AA$30,INDEX(Jesper!$R$2:$R$366,ROW(INDEX(Jesper!AI$2:AI$366,ROUNDDOWN($C8463/24,0)+1,1))-1)+IF('Standard Profiles'!$G$19=$B$10,7,0)+IF('Standard Profiles'!$G$19=$B$17,14,0)+IF('Standard Profiles'!$G$19=$B$24,21,0),0)),0)</f>
        <v>0</v>
      </c>
      <c r="F8463" cm="1">
        <f t="array" ref="F8463">IFERROR(INDEX(Jesper!AJ$2:AJ$366,ROUNDDOWN($C8463/24,0)+1,1)*INDEX($D$3:$AA$30,INDEX(Jesper!$R$2:$R$366,ROW(INDEX(Jesper!AJ$2:AJ$366,ROUNDDOWN($C8463/24,0)+1,1))-1)+IF('Standard Profiles'!$G$20=$B$10,7,0)+IF('Standard Profiles'!$G$20=$B$17,14,0)+IF('Standard Profiles'!$G$20=$B$24,21,0),MOD($C8463,24)+1)/SUM(INDEX($D$3:$AA$30,INDEX(Jesper!$R$2:$R$366,ROW(INDEX(Jesper!AJ$2:AJ$366,ROUNDDOWN($C8463/24,0)+1,1))-1)+IF('Standard Profiles'!$G$20=$B$10,7,0)+IF('Standard Profiles'!$G$20=$B$17,14,0)+IF('Standard Profiles'!$G$20=$B$24,21,0),0)),0)</f>
        <v>0</v>
      </c>
      <c r="G8463" cm="1">
        <f t="array" ref="G8463">IFERROR(INDEX(Jesper!AK$2:AK$366,ROUNDDOWN($C8463/24,0)+1,1)*INDEX($D$3:$AA$30,INDEX(Jesper!$R$2:$R$366,ROW(INDEX(Jesper!AK$2:AK$366,ROUNDDOWN($C8463/24,0)+1,1))-1)+IF('Standard Profiles'!$G$21=$B$10,7,0)+IF('Standard Profiles'!$G$21=$B$17,14,0)+IF('Standard Profiles'!$G$21=$B$24,21,0),MOD($C8463,24)+1)/SUM(INDEX($D$3:$AA$30,INDEX(Jesper!$R$2:$R$366,ROW(INDEX(Jesper!AK$2:AK$366,ROUNDDOWN($C8463/24,0)+1,1))-1)+IF('Standard Profiles'!$G$21=$B$10,7,0)+IF('Standard Profiles'!$G$21=$B$17,14,0)+IF('Standard Profiles'!$G$21=$B$24,21,0),0)),0)</f>
        <v>0</v>
      </c>
      <c r="H8463" cm="1">
        <f t="array" ref="H8463">IFERROR(INDEX(Jesper!AL$2:AL$366,ROUNDDOWN($C8463/24,0)+1,1)*INDEX($D$3:$AA$30,INDEX(Jesper!$R$2:$R$366,ROW(INDEX(Jesper!AL$2:AL$366,ROUNDDOWN($C8463/24,0)+1,1))-1)+IF('Standard Profiles'!$G$22=$B$10,7,0)+IF('Standard Profiles'!$G$22=$B$17,14,0)+IF('Standard Profiles'!$G$22=$B$24,21,0),MOD($C8463,24)+1)/SUM(INDEX($D$3:$AA$30,INDEX(Jesper!$R$2:$R$366,ROW(INDEX(Jesper!AL$2:AL$366,ROUNDDOWN($C8463/24,0)+1,1))-1)+IF('Standard Profiles'!$G$22=$B$10,7,0)+IF('Standard Profiles'!$G$22=$B$17,14,0)+IF('Standard Profiles'!$G$22=$B$24,21,0),0)),0)</f>
        <v>0</v>
      </c>
      <c r="I8463">
        <f t="shared" si="937"/>
        <v>0.29135444482246103</v>
      </c>
      <c r="J8463">
        <f t="shared" si="938"/>
        <v>0.97118148274153693</v>
      </c>
      <c r="K8463">
        <f t="shared" si="939"/>
        <v>1.4567722241123053</v>
      </c>
      <c r="L8463">
        <f t="shared" si="940"/>
        <v>6.9925066757390653</v>
      </c>
      <c r="M8463">
        <f t="shared" si="941"/>
        <v>0</v>
      </c>
      <c r="N8463" s="46">
        <f t="shared" si="942"/>
        <v>45643.20833331289</v>
      </c>
    </row>
    <row r="8464" spans="2:14" x14ac:dyDescent="0.3">
      <c r="B8464">
        <f t="shared" si="936"/>
        <v>2</v>
      </c>
      <c r="C8464" s="16">
        <v>8430</v>
      </c>
      <c r="D8464" cm="1">
        <f t="array" ref="D8464">IFERROR(INDEX(Jesper!AH$2:AH$366,ROUNDDOWN($C8464/24,0)+1,1)*INDEX($D$3:$AA$30,INDEX(Jesper!$R$2:$R$366,ROW(INDEX(Jesper!AH$2:AH$366,ROUNDDOWN($C8464/24,0)+1,1))-1)+IF('Standard Profiles'!$G$18=$B$10,7,0)+IF('Standard Profiles'!$G$18=$B$17,14,0)+IF('Standard Profiles'!$G$18=$B$24,21,0),MOD($C8464,24)+1)/SUM(INDEX($D$3:$AA$30,INDEX(Jesper!$R$2:$R$366,ROW(INDEX(Jesper!AH$2:AH$366,ROUNDDOWN($C8464/24,0)+1,1))-1)+IF('Standard Profiles'!$G$18=$B$10,7,0)+IF('Standard Profiles'!$G$18=$B$17,14,0)+IF('Standard Profiles'!$G$18=$B$24,21,0),0)),0)</f>
        <v>10.832408845963295</v>
      </c>
      <c r="E8464" cm="1">
        <f t="array" ref="E8464">IFERROR(INDEX(Jesper!AI$2:AI$366,ROUNDDOWN($C8464/24,0)+1,1)*INDEX($D$3:$AA$30,INDEX(Jesper!$R$2:$R$366,ROW(INDEX(Jesper!AI$2:AI$366,ROUNDDOWN($C8464/24,0)+1,1))-1)+IF('Standard Profiles'!$G$19=$B$10,7,0)+IF('Standard Profiles'!$G$19=$B$17,14,0)+IF('Standard Profiles'!$G$19=$B$24,21,0),MOD($C8464,24)+1)/SUM(INDEX($D$3:$AA$30,INDEX(Jesper!$R$2:$R$366,ROW(INDEX(Jesper!AI$2:AI$366,ROUNDDOWN($C8464/24,0)+1,1))-1)+IF('Standard Profiles'!$G$19=$B$10,7,0)+IF('Standard Profiles'!$G$19=$B$17,14,0)+IF('Standard Profiles'!$G$19=$B$24,21,0),0)),0)</f>
        <v>0</v>
      </c>
      <c r="F8464" cm="1">
        <f t="array" ref="F8464">IFERROR(INDEX(Jesper!AJ$2:AJ$366,ROUNDDOWN($C8464/24,0)+1,1)*INDEX($D$3:$AA$30,INDEX(Jesper!$R$2:$R$366,ROW(INDEX(Jesper!AJ$2:AJ$366,ROUNDDOWN($C8464/24,0)+1,1))-1)+IF('Standard Profiles'!$G$20=$B$10,7,0)+IF('Standard Profiles'!$G$20=$B$17,14,0)+IF('Standard Profiles'!$G$20=$B$24,21,0),MOD($C8464,24)+1)/SUM(INDEX($D$3:$AA$30,INDEX(Jesper!$R$2:$R$366,ROW(INDEX(Jesper!AJ$2:AJ$366,ROUNDDOWN($C8464/24,0)+1,1))-1)+IF('Standard Profiles'!$G$20=$B$10,7,0)+IF('Standard Profiles'!$G$20=$B$17,14,0)+IF('Standard Profiles'!$G$20=$B$24,21,0),0)),0)</f>
        <v>0</v>
      </c>
      <c r="G8464" cm="1">
        <f t="array" ref="G8464">IFERROR(INDEX(Jesper!AK$2:AK$366,ROUNDDOWN($C8464/24,0)+1,1)*INDEX($D$3:$AA$30,INDEX(Jesper!$R$2:$R$366,ROW(INDEX(Jesper!AK$2:AK$366,ROUNDDOWN($C8464/24,0)+1,1))-1)+IF('Standard Profiles'!$G$21=$B$10,7,0)+IF('Standard Profiles'!$G$21=$B$17,14,0)+IF('Standard Profiles'!$G$21=$B$24,21,0),MOD($C8464,24)+1)/SUM(INDEX($D$3:$AA$30,INDEX(Jesper!$R$2:$R$366,ROW(INDEX(Jesper!AK$2:AK$366,ROUNDDOWN($C8464/24,0)+1,1))-1)+IF('Standard Profiles'!$G$21=$B$10,7,0)+IF('Standard Profiles'!$G$21=$B$17,14,0)+IF('Standard Profiles'!$G$21=$B$24,21,0),0)),0)</f>
        <v>0</v>
      </c>
      <c r="H8464" cm="1">
        <f t="array" ref="H8464">IFERROR(INDEX(Jesper!AL$2:AL$366,ROUNDDOWN($C8464/24,0)+1,1)*INDEX($D$3:$AA$30,INDEX(Jesper!$R$2:$R$366,ROW(INDEX(Jesper!AL$2:AL$366,ROUNDDOWN($C8464/24,0)+1,1))-1)+IF('Standard Profiles'!$G$22=$B$10,7,0)+IF('Standard Profiles'!$G$22=$B$17,14,0)+IF('Standard Profiles'!$G$22=$B$24,21,0),MOD($C8464,24)+1)/SUM(INDEX($D$3:$AA$30,INDEX(Jesper!$R$2:$R$366,ROW(INDEX(Jesper!AL$2:AL$366,ROUNDDOWN($C8464/24,0)+1,1))-1)+IF('Standard Profiles'!$G$22=$B$10,7,0)+IF('Standard Profiles'!$G$22=$B$17,14,0)+IF('Standard Profiles'!$G$22=$B$24,21,0),0)),0)</f>
        <v>0</v>
      </c>
      <c r="I8464">
        <f t="shared" si="937"/>
        <v>0.32497226537889884</v>
      </c>
      <c r="J8464">
        <f t="shared" si="938"/>
        <v>1.0832408845963295</v>
      </c>
      <c r="K8464">
        <f t="shared" si="939"/>
        <v>1.6248613268944943</v>
      </c>
      <c r="L8464">
        <f t="shared" si="940"/>
        <v>7.7993343690935717</v>
      </c>
      <c r="M8464">
        <f t="shared" si="941"/>
        <v>0</v>
      </c>
      <c r="N8464" s="46">
        <f t="shared" si="942"/>
        <v>45643.249999979555</v>
      </c>
    </row>
    <row r="8465" spans="2:14" x14ac:dyDescent="0.3">
      <c r="B8465">
        <f t="shared" si="936"/>
        <v>2</v>
      </c>
      <c r="C8465" s="16">
        <v>8431</v>
      </c>
      <c r="D8465" cm="1">
        <f t="array" ref="D8465">IFERROR(INDEX(Jesper!AH$2:AH$366,ROUNDDOWN($C8465/24,0)+1,1)*INDEX($D$3:$AA$30,INDEX(Jesper!$R$2:$R$366,ROW(INDEX(Jesper!AH$2:AH$366,ROUNDDOWN($C8465/24,0)+1,1))-1)+IF('Standard Profiles'!$G$18=$B$10,7,0)+IF('Standard Profiles'!$G$18=$B$17,14,0)+IF('Standard Profiles'!$G$18=$B$24,21,0),MOD($C8465,24)+1)/SUM(INDEX($D$3:$AA$30,INDEX(Jesper!$R$2:$R$366,ROW(INDEX(Jesper!AH$2:AH$366,ROUNDDOWN($C8465/24,0)+1,1))-1)+IF('Standard Profiles'!$G$18=$B$10,7,0)+IF('Standard Profiles'!$G$18=$B$17,14,0)+IF('Standard Profiles'!$G$18=$B$24,21,0),0)),0)</f>
        <v>11.205940185479271</v>
      </c>
      <c r="E8465" cm="1">
        <f t="array" ref="E8465">IFERROR(INDEX(Jesper!AI$2:AI$366,ROUNDDOWN($C8465/24,0)+1,1)*INDEX($D$3:$AA$30,INDEX(Jesper!$R$2:$R$366,ROW(INDEX(Jesper!AI$2:AI$366,ROUNDDOWN($C8465/24,0)+1,1))-1)+IF('Standard Profiles'!$G$19=$B$10,7,0)+IF('Standard Profiles'!$G$19=$B$17,14,0)+IF('Standard Profiles'!$G$19=$B$24,21,0),MOD($C8465,24)+1)/SUM(INDEX($D$3:$AA$30,INDEX(Jesper!$R$2:$R$366,ROW(INDEX(Jesper!AI$2:AI$366,ROUNDDOWN($C8465/24,0)+1,1))-1)+IF('Standard Profiles'!$G$19=$B$10,7,0)+IF('Standard Profiles'!$G$19=$B$17,14,0)+IF('Standard Profiles'!$G$19=$B$24,21,0),0)),0)</f>
        <v>0</v>
      </c>
      <c r="F8465" cm="1">
        <f t="array" ref="F8465">IFERROR(INDEX(Jesper!AJ$2:AJ$366,ROUNDDOWN($C8465/24,0)+1,1)*INDEX($D$3:$AA$30,INDEX(Jesper!$R$2:$R$366,ROW(INDEX(Jesper!AJ$2:AJ$366,ROUNDDOWN($C8465/24,0)+1,1))-1)+IF('Standard Profiles'!$G$20=$B$10,7,0)+IF('Standard Profiles'!$G$20=$B$17,14,0)+IF('Standard Profiles'!$G$20=$B$24,21,0),MOD($C8465,24)+1)/SUM(INDEX($D$3:$AA$30,INDEX(Jesper!$R$2:$R$366,ROW(INDEX(Jesper!AJ$2:AJ$366,ROUNDDOWN($C8465/24,0)+1,1))-1)+IF('Standard Profiles'!$G$20=$B$10,7,0)+IF('Standard Profiles'!$G$20=$B$17,14,0)+IF('Standard Profiles'!$G$20=$B$24,21,0),0)),0)</f>
        <v>0</v>
      </c>
      <c r="G8465" cm="1">
        <f t="array" ref="G8465">IFERROR(INDEX(Jesper!AK$2:AK$366,ROUNDDOWN($C8465/24,0)+1,1)*INDEX($D$3:$AA$30,INDEX(Jesper!$R$2:$R$366,ROW(INDEX(Jesper!AK$2:AK$366,ROUNDDOWN($C8465/24,0)+1,1))-1)+IF('Standard Profiles'!$G$21=$B$10,7,0)+IF('Standard Profiles'!$G$21=$B$17,14,0)+IF('Standard Profiles'!$G$21=$B$24,21,0),MOD($C8465,24)+1)/SUM(INDEX($D$3:$AA$30,INDEX(Jesper!$R$2:$R$366,ROW(INDEX(Jesper!AK$2:AK$366,ROUNDDOWN($C8465/24,0)+1,1))-1)+IF('Standard Profiles'!$G$21=$B$10,7,0)+IF('Standard Profiles'!$G$21=$B$17,14,0)+IF('Standard Profiles'!$G$21=$B$24,21,0),0)),0)</f>
        <v>0</v>
      </c>
      <c r="H8465" cm="1">
        <f t="array" ref="H8465">IFERROR(INDEX(Jesper!AL$2:AL$366,ROUNDDOWN($C8465/24,0)+1,1)*INDEX($D$3:$AA$30,INDEX(Jesper!$R$2:$R$366,ROW(INDEX(Jesper!AL$2:AL$366,ROUNDDOWN($C8465/24,0)+1,1))-1)+IF('Standard Profiles'!$G$22=$B$10,7,0)+IF('Standard Profiles'!$G$22=$B$17,14,0)+IF('Standard Profiles'!$G$22=$B$24,21,0),MOD($C8465,24)+1)/SUM(INDEX($D$3:$AA$30,INDEX(Jesper!$R$2:$R$366,ROW(INDEX(Jesper!AL$2:AL$366,ROUNDDOWN($C8465/24,0)+1,1))-1)+IF('Standard Profiles'!$G$22=$B$10,7,0)+IF('Standard Profiles'!$G$22=$B$17,14,0)+IF('Standard Profiles'!$G$22=$B$24,21,0),0)),0)</f>
        <v>0</v>
      </c>
      <c r="I8465">
        <f t="shared" si="937"/>
        <v>0.33617820556437811</v>
      </c>
      <c r="J8465">
        <f t="shared" si="938"/>
        <v>1.1205940185479271</v>
      </c>
      <c r="K8465">
        <f t="shared" si="939"/>
        <v>1.6808910278218907</v>
      </c>
      <c r="L8465">
        <f t="shared" si="940"/>
        <v>8.068276933545075</v>
      </c>
      <c r="M8465">
        <f t="shared" si="941"/>
        <v>0</v>
      </c>
      <c r="N8465" s="46">
        <f t="shared" si="942"/>
        <v>45643.291666646219</v>
      </c>
    </row>
    <row r="8466" spans="2:14" x14ac:dyDescent="0.3">
      <c r="B8466">
        <f t="shared" si="936"/>
        <v>2</v>
      </c>
      <c r="C8466" s="16">
        <v>8432</v>
      </c>
      <c r="D8466" cm="1">
        <f t="array" ref="D8466">IFERROR(INDEX(Jesper!AH$2:AH$366,ROUNDDOWN($C8466/24,0)+1,1)*INDEX($D$3:$AA$30,INDEX(Jesper!$R$2:$R$366,ROW(INDEX(Jesper!AH$2:AH$366,ROUNDDOWN($C8466/24,0)+1,1))-1)+IF('Standard Profiles'!$G$18=$B$10,7,0)+IF('Standard Profiles'!$G$18=$B$17,14,0)+IF('Standard Profiles'!$G$18=$B$24,21,0),MOD($C8466,24)+1)/SUM(INDEX($D$3:$AA$30,INDEX(Jesper!$R$2:$R$366,ROW(INDEX(Jesper!AH$2:AH$366,ROUNDDOWN($C8466/24,0)+1,1))-1)+IF('Standard Profiles'!$G$18=$B$10,7,0)+IF('Standard Profiles'!$G$18=$B$17,14,0)+IF('Standard Profiles'!$G$18=$B$24,21,0),0)),0)</f>
        <v>11.205940185479271</v>
      </c>
      <c r="E8466" cm="1">
        <f t="array" ref="E8466">IFERROR(INDEX(Jesper!AI$2:AI$366,ROUNDDOWN($C8466/24,0)+1,1)*INDEX($D$3:$AA$30,INDEX(Jesper!$R$2:$R$366,ROW(INDEX(Jesper!AI$2:AI$366,ROUNDDOWN($C8466/24,0)+1,1))-1)+IF('Standard Profiles'!$G$19=$B$10,7,0)+IF('Standard Profiles'!$G$19=$B$17,14,0)+IF('Standard Profiles'!$G$19=$B$24,21,0),MOD($C8466,24)+1)/SUM(INDEX($D$3:$AA$30,INDEX(Jesper!$R$2:$R$366,ROW(INDEX(Jesper!AI$2:AI$366,ROUNDDOWN($C8466/24,0)+1,1))-1)+IF('Standard Profiles'!$G$19=$B$10,7,0)+IF('Standard Profiles'!$G$19=$B$17,14,0)+IF('Standard Profiles'!$G$19=$B$24,21,0),0)),0)</f>
        <v>0</v>
      </c>
      <c r="F8466" cm="1">
        <f t="array" ref="F8466">IFERROR(INDEX(Jesper!AJ$2:AJ$366,ROUNDDOWN($C8466/24,0)+1,1)*INDEX($D$3:$AA$30,INDEX(Jesper!$R$2:$R$366,ROW(INDEX(Jesper!AJ$2:AJ$366,ROUNDDOWN($C8466/24,0)+1,1))-1)+IF('Standard Profiles'!$G$20=$B$10,7,0)+IF('Standard Profiles'!$G$20=$B$17,14,0)+IF('Standard Profiles'!$G$20=$B$24,21,0),MOD($C8466,24)+1)/SUM(INDEX($D$3:$AA$30,INDEX(Jesper!$R$2:$R$366,ROW(INDEX(Jesper!AJ$2:AJ$366,ROUNDDOWN($C8466/24,0)+1,1))-1)+IF('Standard Profiles'!$G$20=$B$10,7,0)+IF('Standard Profiles'!$G$20=$B$17,14,0)+IF('Standard Profiles'!$G$20=$B$24,21,0),0)),0)</f>
        <v>0</v>
      </c>
      <c r="G8466" cm="1">
        <f t="array" ref="G8466">IFERROR(INDEX(Jesper!AK$2:AK$366,ROUNDDOWN($C8466/24,0)+1,1)*INDEX($D$3:$AA$30,INDEX(Jesper!$R$2:$R$366,ROW(INDEX(Jesper!AK$2:AK$366,ROUNDDOWN($C8466/24,0)+1,1))-1)+IF('Standard Profiles'!$G$21=$B$10,7,0)+IF('Standard Profiles'!$G$21=$B$17,14,0)+IF('Standard Profiles'!$G$21=$B$24,21,0),MOD($C8466,24)+1)/SUM(INDEX($D$3:$AA$30,INDEX(Jesper!$R$2:$R$366,ROW(INDEX(Jesper!AK$2:AK$366,ROUNDDOWN($C8466/24,0)+1,1))-1)+IF('Standard Profiles'!$G$21=$B$10,7,0)+IF('Standard Profiles'!$G$21=$B$17,14,0)+IF('Standard Profiles'!$G$21=$B$24,21,0),0)),0)</f>
        <v>0</v>
      </c>
      <c r="H8466" cm="1">
        <f t="array" ref="H8466">IFERROR(INDEX(Jesper!AL$2:AL$366,ROUNDDOWN($C8466/24,0)+1,1)*INDEX($D$3:$AA$30,INDEX(Jesper!$R$2:$R$366,ROW(INDEX(Jesper!AL$2:AL$366,ROUNDDOWN($C8466/24,0)+1,1))-1)+IF('Standard Profiles'!$G$22=$B$10,7,0)+IF('Standard Profiles'!$G$22=$B$17,14,0)+IF('Standard Profiles'!$G$22=$B$24,21,0),MOD($C8466,24)+1)/SUM(INDEX($D$3:$AA$30,INDEX(Jesper!$R$2:$R$366,ROW(INDEX(Jesper!AL$2:AL$366,ROUNDDOWN($C8466/24,0)+1,1))-1)+IF('Standard Profiles'!$G$22=$B$10,7,0)+IF('Standard Profiles'!$G$22=$B$17,14,0)+IF('Standard Profiles'!$G$22=$B$24,21,0),0)),0)</f>
        <v>0</v>
      </c>
      <c r="I8466">
        <f t="shared" si="937"/>
        <v>0.33617820556437811</v>
      </c>
      <c r="J8466">
        <f t="shared" si="938"/>
        <v>1.1205940185479271</v>
      </c>
      <c r="K8466">
        <f t="shared" si="939"/>
        <v>1.6808910278218907</v>
      </c>
      <c r="L8466">
        <f t="shared" si="940"/>
        <v>8.068276933545075</v>
      </c>
      <c r="M8466">
        <f t="shared" si="941"/>
        <v>0</v>
      </c>
      <c r="N8466" s="46">
        <f t="shared" si="942"/>
        <v>45643.333333312883</v>
      </c>
    </row>
    <row r="8467" spans="2:14" x14ac:dyDescent="0.3">
      <c r="B8467">
        <f t="shared" si="936"/>
        <v>2</v>
      </c>
      <c r="C8467" s="16">
        <v>8433</v>
      </c>
      <c r="D8467" cm="1">
        <f t="array" ref="D8467">IFERROR(INDEX(Jesper!AH$2:AH$366,ROUNDDOWN($C8467/24,0)+1,1)*INDEX($D$3:$AA$30,INDEX(Jesper!$R$2:$R$366,ROW(INDEX(Jesper!AH$2:AH$366,ROUNDDOWN($C8467/24,0)+1,1))-1)+IF('Standard Profiles'!$G$18=$B$10,7,0)+IF('Standard Profiles'!$G$18=$B$17,14,0)+IF('Standard Profiles'!$G$18=$B$24,21,0),MOD($C8467,24)+1)/SUM(INDEX($D$3:$AA$30,INDEX(Jesper!$R$2:$R$366,ROW(INDEX(Jesper!AH$2:AH$366,ROUNDDOWN($C8467/24,0)+1,1))-1)+IF('Standard Profiles'!$G$18=$B$10,7,0)+IF('Standard Profiles'!$G$18=$B$17,14,0)+IF('Standard Profiles'!$G$18=$B$24,21,0),0)),0)</f>
        <v>12.13976853426921</v>
      </c>
      <c r="E8467" cm="1">
        <f t="array" ref="E8467">IFERROR(INDEX(Jesper!AI$2:AI$366,ROUNDDOWN($C8467/24,0)+1,1)*INDEX($D$3:$AA$30,INDEX(Jesper!$R$2:$R$366,ROW(INDEX(Jesper!AI$2:AI$366,ROUNDDOWN($C8467/24,0)+1,1))-1)+IF('Standard Profiles'!$G$19=$B$10,7,0)+IF('Standard Profiles'!$G$19=$B$17,14,0)+IF('Standard Profiles'!$G$19=$B$24,21,0),MOD($C8467,24)+1)/SUM(INDEX($D$3:$AA$30,INDEX(Jesper!$R$2:$R$366,ROW(INDEX(Jesper!AI$2:AI$366,ROUNDDOWN($C8467/24,0)+1,1))-1)+IF('Standard Profiles'!$G$19=$B$10,7,0)+IF('Standard Profiles'!$G$19=$B$17,14,0)+IF('Standard Profiles'!$G$19=$B$24,21,0),0)),0)</f>
        <v>0</v>
      </c>
      <c r="F8467" cm="1">
        <f t="array" ref="F8467">IFERROR(INDEX(Jesper!AJ$2:AJ$366,ROUNDDOWN($C8467/24,0)+1,1)*INDEX($D$3:$AA$30,INDEX(Jesper!$R$2:$R$366,ROW(INDEX(Jesper!AJ$2:AJ$366,ROUNDDOWN($C8467/24,0)+1,1))-1)+IF('Standard Profiles'!$G$20=$B$10,7,0)+IF('Standard Profiles'!$G$20=$B$17,14,0)+IF('Standard Profiles'!$G$20=$B$24,21,0),MOD($C8467,24)+1)/SUM(INDEX($D$3:$AA$30,INDEX(Jesper!$R$2:$R$366,ROW(INDEX(Jesper!AJ$2:AJ$366,ROUNDDOWN($C8467/24,0)+1,1))-1)+IF('Standard Profiles'!$G$20=$B$10,7,0)+IF('Standard Profiles'!$G$20=$B$17,14,0)+IF('Standard Profiles'!$G$20=$B$24,21,0),0)),0)</f>
        <v>0</v>
      </c>
      <c r="G8467" cm="1">
        <f t="array" ref="G8467">IFERROR(INDEX(Jesper!AK$2:AK$366,ROUNDDOWN($C8467/24,0)+1,1)*INDEX($D$3:$AA$30,INDEX(Jesper!$R$2:$R$366,ROW(INDEX(Jesper!AK$2:AK$366,ROUNDDOWN($C8467/24,0)+1,1))-1)+IF('Standard Profiles'!$G$21=$B$10,7,0)+IF('Standard Profiles'!$G$21=$B$17,14,0)+IF('Standard Profiles'!$G$21=$B$24,21,0),MOD($C8467,24)+1)/SUM(INDEX($D$3:$AA$30,INDEX(Jesper!$R$2:$R$366,ROW(INDEX(Jesper!AK$2:AK$366,ROUNDDOWN($C8467/24,0)+1,1))-1)+IF('Standard Profiles'!$G$21=$B$10,7,0)+IF('Standard Profiles'!$G$21=$B$17,14,0)+IF('Standard Profiles'!$G$21=$B$24,21,0),0)),0)</f>
        <v>0</v>
      </c>
      <c r="H8467" cm="1">
        <f t="array" ref="H8467">IFERROR(INDEX(Jesper!AL$2:AL$366,ROUNDDOWN($C8467/24,0)+1,1)*INDEX($D$3:$AA$30,INDEX(Jesper!$R$2:$R$366,ROW(INDEX(Jesper!AL$2:AL$366,ROUNDDOWN($C8467/24,0)+1,1))-1)+IF('Standard Profiles'!$G$22=$B$10,7,0)+IF('Standard Profiles'!$G$22=$B$17,14,0)+IF('Standard Profiles'!$G$22=$B$24,21,0),MOD($C8467,24)+1)/SUM(INDEX($D$3:$AA$30,INDEX(Jesper!$R$2:$R$366,ROW(INDEX(Jesper!AL$2:AL$366,ROUNDDOWN($C8467/24,0)+1,1))-1)+IF('Standard Profiles'!$G$22=$B$10,7,0)+IF('Standard Profiles'!$G$22=$B$17,14,0)+IF('Standard Profiles'!$G$22=$B$24,21,0),0)),0)</f>
        <v>0</v>
      </c>
      <c r="I8467">
        <f t="shared" si="937"/>
        <v>0.36419305602807628</v>
      </c>
      <c r="J8467">
        <f t="shared" si="938"/>
        <v>1.2139768534269211</v>
      </c>
      <c r="K8467">
        <f t="shared" si="939"/>
        <v>1.8209652801403815</v>
      </c>
      <c r="L8467">
        <f t="shared" si="940"/>
        <v>8.7406333446738316</v>
      </c>
      <c r="M8467">
        <f t="shared" si="941"/>
        <v>0</v>
      </c>
      <c r="N8467" s="46">
        <f t="shared" si="942"/>
        <v>45643.374999979547</v>
      </c>
    </row>
    <row r="8468" spans="2:14" x14ac:dyDescent="0.3">
      <c r="B8468">
        <f t="shared" si="936"/>
        <v>2</v>
      </c>
      <c r="C8468" s="16">
        <v>8434</v>
      </c>
      <c r="D8468" cm="1">
        <f t="array" ref="D8468">IFERROR(INDEX(Jesper!AH$2:AH$366,ROUNDDOWN($C8468/24,0)+1,1)*INDEX($D$3:$AA$30,INDEX(Jesper!$R$2:$R$366,ROW(INDEX(Jesper!AH$2:AH$366,ROUNDDOWN($C8468/24,0)+1,1))-1)+IF('Standard Profiles'!$G$18=$B$10,7,0)+IF('Standard Profiles'!$G$18=$B$17,14,0)+IF('Standard Profiles'!$G$18=$B$24,21,0),MOD($C8468,24)+1)/SUM(INDEX($D$3:$AA$30,INDEX(Jesper!$R$2:$R$366,ROW(INDEX(Jesper!AH$2:AH$366,ROUNDDOWN($C8468/24,0)+1,1))-1)+IF('Standard Profiles'!$G$18=$B$10,7,0)+IF('Standard Profiles'!$G$18=$B$17,14,0)+IF('Standard Profiles'!$G$18=$B$24,21,0),0)),0)</f>
        <v>12.700065543543174</v>
      </c>
      <c r="E8468" cm="1">
        <f t="array" ref="E8468">IFERROR(INDEX(Jesper!AI$2:AI$366,ROUNDDOWN($C8468/24,0)+1,1)*INDEX($D$3:$AA$30,INDEX(Jesper!$R$2:$R$366,ROW(INDEX(Jesper!AI$2:AI$366,ROUNDDOWN($C8468/24,0)+1,1))-1)+IF('Standard Profiles'!$G$19=$B$10,7,0)+IF('Standard Profiles'!$G$19=$B$17,14,0)+IF('Standard Profiles'!$G$19=$B$24,21,0),MOD($C8468,24)+1)/SUM(INDEX($D$3:$AA$30,INDEX(Jesper!$R$2:$R$366,ROW(INDEX(Jesper!AI$2:AI$366,ROUNDDOWN($C8468/24,0)+1,1))-1)+IF('Standard Profiles'!$G$19=$B$10,7,0)+IF('Standard Profiles'!$G$19=$B$17,14,0)+IF('Standard Profiles'!$G$19=$B$24,21,0),0)),0)</f>
        <v>0</v>
      </c>
      <c r="F8468" cm="1">
        <f t="array" ref="F8468">IFERROR(INDEX(Jesper!AJ$2:AJ$366,ROUNDDOWN($C8468/24,0)+1,1)*INDEX($D$3:$AA$30,INDEX(Jesper!$R$2:$R$366,ROW(INDEX(Jesper!AJ$2:AJ$366,ROUNDDOWN($C8468/24,0)+1,1))-1)+IF('Standard Profiles'!$G$20=$B$10,7,0)+IF('Standard Profiles'!$G$20=$B$17,14,0)+IF('Standard Profiles'!$G$20=$B$24,21,0),MOD($C8468,24)+1)/SUM(INDEX($D$3:$AA$30,INDEX(Jesper!$R$2:$R$366,ROW(INDEX(Jesper!AJ$2:AJ$366,ROUNDDOWN($C8468/24,0)+1,1))-1)+IF('Standard Profiles'!$G$20=$B$10,7,0)+IF('Standard Profiles'!$G$20=$B$17,14,0)+IF('Standard Profiles'!$G$20=$B$24,21,0),0)),0)</f>
        <v>0</v>
      </c>
      <c r="G8468" cm="1">
        <f t="array" ref="G8468">IFERROR(INDEX(Jesper!AK$2:AK$366,ROUNDDOWN($C8468/24,0)+1,1)*INDEX($D$3:$AA$30,INDEX(Jesper!$R$2:$R$366,ROW(INDEX(Jesper!AK$2:AK$366,ROUNDDOWN($C8468/24,0)+1,1))-1)+IF('Standard Profiles'!$G$21=$B$10,7,0)+IF('Standard Profiles'!$G$21=$B$17,14,0)+IF('Standard Profiles'!$G$21=$B$24,21,0),MOD($C8468,24)+1)/SUM(INDEX($D$3:$AA$30,INDEX(Jesper!$R$2:$R$366,ROW(INDEX(Jesper!AK$2:AK$366,ROUNDDOWN($C8468/24,0)+1,1))-1)+IF('Standard Profiles'!$G$21=$B$10,7,0)+IF('Standard Profiles'!$G$21=$B$17,14,0)+IF('Standard Profiles'!$G$21=$B$24,21,0),0)),0)</f>
        <v>0</v>
      </c>
      <c r="H8468" cm="1">
        <f t="array" ref="H8468">IFERROR(INDEX(Jesper!AL$2:AL$366,ROUNDDOWN($C8468/24,0)+1,1)*INDEX($D$3:$AA$30,INDEX(Jesper!$R$2:$R$366,ROW(INDEX(Jesper!AL$2:AL$366,ROUNDDOWN($C8468/24,0)+1,1))-1)+IF('Standard Profiles'!$G$22=$B$10,7,0)+IF('Standard Profiles'!$G$22=$B$17,14,0)+IF('Standard Profiles'!$G$22=$B$24,21,0),MOD($C8468,24)+1)/SUM(INDEX($D$3:$AA$30,INDEX(Jesper!$R$2:$R$366,ROW(INDEX(Jesper!AL$2:AL$366,ROUNDDOWN($C8468/24,0)+1,1))-1)+IF('Standard Profiles'!$G$22=$B$10,7,0)+IF('Standard Profiles'!$G$22=$B$17,14,0)+IF('Standard Profiles'!$G$22=$B$24,21,0),0)),0)</f>
        <v>0</v>
      </c>
      <c r="I8468">
        <f t="shared" si="937"/>
        <v>0.38100196630629518</v>
      </c>
      <c r="J8468">
        <f t="shared" si="938"/>
        <v>1.2700065543543175</v>
      </c>
      <c r="K8468">
        <f t="shared" si="939"/>
        <v>1.9050098315314759</v>
      </c>
      <c r="L8468">
        <f t="shared" si="940"/>
        <v>9.1440471913510848</v>
      </c>
      <c r="M8468">
        <f t="shared" si="941"/>
        <v>0</v>
      </c>
      <c r="N8468" s="46">
        <f t="shared" si="942"/>
        <v>45643.416666646212</v>
      </c>
    </row>
    <row r="8469" spans="2:14" x14ac:dyDescent="0.3">
      <c r="B8469">
        <f t="shared" si="936"/>
        <v>2</v>
      </c>
      <c r="C8469" s="16">
        <v>8435</v>
      </c>
      <c r="D8469" cm="1">
        <f t="array" ref="D8469">IFERROR(INDEX(Jesper!AH$2:AH$366,ROUNDDOWN($C8469/24,0)+1,1)*INDEX($D$3:$AA$30,INDEX(Jesper!$R$2:$R$366,ROW(INDEX(Jesper!AH$2:AH$366,ROUNDDOWN($C8469/24,0)+1,1))-1)+IF('Standard Profiles'!$G$18=$B$10,7,0)+IF('Standard Profiles'!$G$18=$B$17,14,0)+IF('Standard Profiles'!$G$18=$B$24,21,0),MOD($C8469,24)+1)/SUM(INDEX($D$3:$AA$30,INDEX(Jesper!$R$2:$R$366,ROW(INDEX(Jesper!AH$2:AH$366,ROUNDDOWN($C8469/24,0)+1,1))-1)+IF('Standard Profiles'!$G$18=$B$10,7,0)+IF('Standard Profiles'!$G$18=$B$17,14,0)+IF('Standard Profiles'!$G$18=$B$24,21,0),0)),0)</f>
        <v>14.941253580639028</v>
      </c>
      <c r="E8469" cm="1">
        <f t="array" ref="E8469">IFERROR(INDEX(Jesper!AI$2:AI$366,ROUNDDOWN($C8469/24,0)+1,1)*INDEX($D$3:$AA$30,INDEX(Jesper!$R$2:$R$366,ROW(INDEX(Jesper!AI$2:AI$366,ROUNDDOWN($C8469/24,0)+1,1))-1)+IF('Standard Profiles'!$G$19=$B$10,7,0)+IF('Standard Profiles'!$G$19=$B$17,14,0)+IF('Standard Profiles'!$G$19=$B$24,21,0),MOD($C8469,24)+1)/SUM(INDEX($D$3:$AA$30,INDEX(Jesper!$R$2:$R$366,ROW(INDEX(Jesper!AI$2:AI$366,ROUNDDOWN($C8469/24,0)+1,1))-1)+IF('Standard Profiles'!$G$19=$B$10,7,0)+IF('Standard Profiles'!$G$19=$B$17,14,0)+IF('Standard Profiles'!$G$19=$B$24,21,0),0)),0)</f>
        <v>0</v>
      </c>
      <c r="F8469" cm="1">
        <f t="array" ref="F8469">IFERROR(INDEX(Jesper!AJ$2:AJ$366,ROUNDDOWN($C8469/24,0)+1,1)*INDEX($D$3:$AA$30,INDEX(Jesper!$R$2:$R$366,ROW(INDEX(Jesper!AJ$2:AJ$366,ROUNDDOWN($C8469/24,0)+1,1))-1)+IF('Standard Profiles'!$G$20=$B$10,7,0)+IF('Standard Profiles'!$G$20=$B$17,14,0)+IF('Standard Profiles'!$G$20=$B$24,21,0),MOD($C8469,24)+1)/SUM(INDEX($D$3:$AA$30,INDEX(Jesper!$R$2:$R$366,ROW(INDEX(Jesper!AJ$2:AJ$366,ROUNDDOWN($C8469/24,0)+1,1))-1)+IF('Standard Profiles'!$G$20=$B$10,7,0)+IF('Standard Profiles'!$G$20=$B$17,14,0)+IF('Standard Profiles'!$G$20=$B$24,21,0),0)),0)</f>
        <v>0</v>
      </c>
      <c r="G8469" cm="1">
        <f t="array" ref="G8469">IFERROR(INDEX(Jesper!AK$2:AK$366,ROUNDDOWN($C8469/24,0)+1,1)*INDEX($D$3:$AA$30,INDEX(Jesper!$R$2:$R$366,ROW(INDEX(Jesper!AK$2:AK$366,ROUNDDOWN($C8469/24,0)+1,1))-1)+IF('Standard Profiles'!$G$21=$B$10,7,0)+IF('Standard Profiles'!$G$21=$B$17,14,0)+IF('Standard Profiles'!$G$21=$B$24,21,0),MOD($C8469,24)+1)/SUM(INDEX($D$3:$AA$30,INDEX(Jesper!$R$2:$R$366,ROW(INDEX(Jesper!AK$2:AK$366,ROUNDDOWN($C8469/24,0)+1,1))-1)+IF('Standard Profiles'!$G$21=$B$10,7,0)+IF('Standard Profiles'!$G$21=$B$17,14,0)+IF('Standard Profiles'!$G$21=$B$24,21,0),0)),0)</f>
        <v>0</v>
      </c>
      <c r="H8469" cm="1">
        <f t="array" ref="H8469">IFERROR(INDEX(Jesper!AL$2:AL$366,ROUNDDOWN($C8469/24,0)+1,1)*INDEX($D$3:$AA$30,INDEX(Jesper!$R$2:$R$366,ROW(INDEX(Jesper!AL$2:AL$366,ROUNDDOWN($C8469/24,0)+1,1))-1)+IF('Standard Profiles'!$G$22=$B$10,7,0)+IF('Standard Profiles'!$G$22=$B$17,14,0)+IF('Standard Profiles'!$G$22=$B$24,21,0),MOD($C8469,24)+1)/SUM(INDEX($D$3:$AA$30,INDEX(Jesper!$R$2:$R$366,ROW(INDEX(Jesper!AL$2:AL$366,ROUNDDOWN($C8469/24,0)+1,1))-1)+IF('Standard Profiles'!$G$22=$B$10,7,0)+IF('Standard Profiles'!$G$22=$B$17,14,0)+IF('Standard Profiles'!$G$22=$B$24,21,0),0)),0)</f>
        <v>0</v>
      </c>
      <c r="I8469">
        <f t="shared" si="937"/>
        <v>0.44823760741917085</v>
      </c>
      <c r="J8469">
        <f t="shared" si="938"/>
        <v>1.4941253580639029</v>
      </c>
      <c r="K8469">
        <f t="shared" si="939"/>
        <v>2.2411880370958541</v>
      </c>
      <c r="L8469">
        <f t="shared" si="940"/>
        <v>10.757702578060099</v>
      </c>
      <c r="M8469">
        <f t="shared" si="941"/>
        <v>0</v>
      </c>
      <c r="N8469" s="46">
        <f t="shared" si="942"/>
        <v>45643.458333312876</v>
      </c>
    </row>
    <row r="8470" spans="2:14" x14ac:dyDescent="0.3">
      <c r="B8470">
        <f t="shared" si="936"/>
        <v>2</v>
      </c>
      <c r="C8470" s="16">
        <v>8436</v>
      </c>
      <c r="D8470" cm="1">
        <f t="array" ref="D8470">IFERROR(INDEX(Jesper!AH$2:AH$366,ROUNDDOWN($C8470/24,0)+1,1)*INDEX($D$3:$AA$30,INDEX(Jesper!$R$2:$R$366,ROW(INDEX(Jesper!AH$2:AH$366,ROUNDDOWN($C8470/24,0)+1,1))-1)+IF('Standard Profiles'!$G$18=$B$10,7,0)+IF('Standard Profiles'!$G$18=$B$17,14,0)+IF('Standard Profiles'!$G$18=$B$24,21,0),MOD($C8470,24)+1)/SUM(INDEX($D$3:$AA$30,INDEX(Jesper!$R$2:$R$366,ROW(INDEX(Jesper!AH$2:AH$366,ROUNDDOWN($C8470/24,0)+1,1))-1)+IF('Standard Profiles'!$G$18=$B$10,7,0)+IF('Standard Profiles'!$G$18=$B$17,14,0)+IF('Standard Profiles'!$G$18=$B$24,21,0),0)),0)</f>
        <v>14.941253580639028</v>
      </c>
      <c r="E8470" cm="1">
        <f t="array" ref="E8470">IFERROR(INDEX(Jesper!AI$2:AI$366,ROUNDDOWN($C8470/24,0)+1,1)*INDEX($D$3:$AA$30,INDEX(Jesper!$R$2:$R$366,ROW(INDEX(Jesper!AI$2:AI$366,ROUNDDOWN($C8470/24,0)+1,1))-1)+IF('Standard Profiles'!$G$19=$B$10,7,0)+IF('Standard Profiles'!$G$19=$B$17,14,0)+IF('Standard Profiles'!$G$19=$B$24,21,0),MOD($C8470,24)+1)/SUM(INDEX($D$3:$AA$30,INDEX(Jesper!$R$2:$R$366,ROW(INDEX(Jesper!AI$2:AI$366,ROUNDDOWN($C8470/24,0)+1,1))-1)+IF('Standard Profiles'!$G$19=$B$10,7,0)+IF('Standard Profiles'!$G$19=$B$17,14,0)+IF('Standard Profiles'!$G$19=$B$24,21,0),0)),0)</f>
        <v>0</v>
      </c>
      <c r="F8470" cm="1">
        <f t="array" ref="F8470">IFERROR(INDEX(Jesper!AJ$2:AJ$366,ROUNDDOWN($C8470/24,0)+1,1)*INDEX($D$3:$AA$30,INDEX(Jesper!$R$2:$R$366,ROW(INDEX(Jesper!AJ$2:AJ$366,ROUNDDOWN($C8470/24,0)+1,1))-1)+IF('Standard Profiles'!$G$20=$B$10,7,0)+IF('Standard Profiles'!$G$20=$B$17,14,0)+IF('Standard Profiles'!$G$20=$B$24,21,0),MOD($C8470,24)+1)/SUM(INDEX($D$3:$AA$30,INDEX(Jesper!$R$2:$R$366,ROW(INDEX(Jesper!AJ$2:AJ$366,ROUNDDOWN($C8470/24,0)+1,1))-1)+IF('Standard Profiles'!$G$20=$B$10,7,0)+IF('Standard Profiles'!$G$20=$B$17,14,0)+IF('Standard Profiles'!$G$20=$B$24,21,0),0)),0)</f>
        <v>0</v>
      </c>
      <c r="G8470" cm="1">
        <f t="array" ref="G8470">IFERROR(INDEX(Jesper!AK$2:AK$366,ROUNDDOWN($C8470/24,0)+1,1)*INDEX($D$3:$AA$30,INDEX(Jesper!$R$2:$R$366,ROW(INDEX(Jesper!AK$2:AK$366,ROUNDDOWN($C8470/24,0)+1,1))-1)+IF('Standard Profiles'!$G$21=$B$10,7,0)+IF('Standard Profiles'!$G$21=$B$17,14,0)+IF('Standard Profiles'!$G$21=$B$24,21,0),MOD($C8470,24)+1)/SUM(INDEX($D$3:$AA$30,INDEX(Jesper!$R$2:$R$366,ROW(INDEX(Jesper!AK$2:AK$366,ROUNDDOWN($C8470/24,0)+1,1))-1)+IF('Standard Profiles'!$G$21=$B$10,7,0)+IF('Standard Profiles'!$G$21=$B$17,14,0)+IF('Standard Profiles'!$G$21=$B$24,21,0),0)),0)</f>
        <v>0</v>
      </c>
      <c r="H8470" cm="1">
        <f t="array" ref="H8470">IFERROR(INDEX(Jesper!AL$2:AL$366,ROUNDDOWN($C8470/24,0)+1,1)*INDEX($D$3:$AA$30,INDEX(Jesper!$R$2:$R$366,ROW(INDEX(Jesper!AL$2:AL$366,ROUNDDOWN($C8470/24,0)+1,1))-1)+IF('Standard Profiles'!$G$22=$B$10,7,0)+IF('Standard Profiles'!$G$22=$B$17,14,0)+IF('Standard Profiles'!$G$22=$B$24,21,0),MOD($C8470,24)+1)/SUM(INDEX($D$3:$AA$30,INDEX(Jesper!$R$2:$R$366,ROW(INDEX(Jesper!AL$2:AL$366,ROUNDDOWN($C8470/24,0)+1,1))-1)+IF('Standard Profiles'!$G$22=$B$10,7,0)+IF('Standard Profiles'!$G$22=$B$17,14,0)+IF('Standard Profiles'!$G$22=$B$24,21,0),0)),0)</f>
        <v>0</v>
      </c>
      <c r="I8470">
        <f t="shared" si="937"/>
        <v>0.44823760741917085</v>
      </c>
      <c r="J8470">
        <f t="shared" si="938"/>
        <v>1.4941253580639029</v>
      </c>
      <c r="K8470">
        <f t="shared" si="939"/>
        <v>2.2411880370958541</v>
      </c>
      <c r="L8470">
        <f t="shared" si="940"/>
        <v>10.757702578060099</v>
      </c>
      <c r="M8470">
        <f t="shared" si="941"/>
        <v>0</v>
      </c>
      <c r="N8470" s="46">
        <f t="shared" si="942"/>
        <v>45643.49999997954</v>
      </c>
    </row>
    <row r="8471" spans="2:14" x14ac:dyDescent="0.3">
      <c r="B8471">
        <f t="shared" si="936"/>
        <v>2</v>
      </c>
      <c r="C8471" s="16">
        <v>8437</v>
      </c>
      <c r="D8471" cm="1">
        <f t="array" ref="D8471">IFERROR(INDEX(Jesper!AH$2:AH$366,ROUNDDOWN($C8471/24,0)+1,1)*INDEX($D$3:$AA$30,INDEX(Jesper!$R$2:$R$366,ROW(INDEX(Jesper!AH$2:AH$366,ROUNDDOWN($C8471/24,0)+1,1))-1)+IF('Standard Profiles'!$G$18=$B$10,7,0)+IF('Standard Profiles'!$G$18=$B$17,14,0)+IF('Standard Profiles'!$G$18=$B$24,21,0),MOD($C8471,24)+1)/SUM(INDEX($D$3:$AA$30,INDEX(Jesper!$R$2:$R$366,ROW(INDEX(Jesper!AH$2:AH$366,ROUNDDOWN($C8471/24,0)+1,1))-1)+IF('Standard Profiles'!$G$18=$B$10,7,0)+IF('Standard Profiles'!$G$18=$B$17,14,0)+IF('Standard Profiles'!$G$18=$B$24,21,0),0)),0)</f>
        <v>14.941253580639028</v>
      </c>
      <c r="E8471" cm="1">
        <f t="array" ref="E8471">IFERROR(INDEX(Jesper!AI$2:AI$366,ROUNDDOWN($C8471/24,0)+1,1)*INDEX($D$3:$AA$30,INDEX(Jesper!$R$2:$R$366,ROW(INDEX(Jesper!AI$2:AI$366,ROUNDDOWN($C8471/24,0)+1,1))-1)+IF('Standard Profiles'!$G$19=$B$10,7,0)+IF('Standard Profiles'!$G$19=$B$17,14,0)+IF('Standard Profiles'!$G$19=$B$24,21,0),MOD($C8471,24)+1)/SUM(INDEX($D$3:$AA$30,INDEX(Jesper!$R$2:$R$366,ROW(INDEX(Jesper!AI$2:AI$366,ROUNDDOWN($C8471/24,0)+1,1))-1)+IF('Standard Profiles'!$G$19=$B$10,7,0)+IF('Standard Profiles'!$G$19=$B$17,14,0)+IF('Standard Profiles'!$G$19=$B$24,21,0),0)),0)</f>
        <v>0</v>
      </c>
      <c r="F8471" cm="1">
        <f t="array" ref="F8471">IFERROR(INDEX(Jesper!AJ$2:AJ$366,ROUNDDOWN($C8471/24,0)+1,1)*INDEX($D$3:$AA$30,INDEX(Jesper!$R$2:$R$366,ROW(INDEX(Jesper!AJ$2:AJ$366,ROUNDDOWN($C8471/24,0)+1,1))-1)+IF('Standard Profiles'!$G$20=$B$10,7,0)+IF('Standard Profiles'!$G$20=$B$17,14,0)+IF('Standard Profiles'!$G$20=$B$24,21,0),MOD($C8471,24)+1)/SUM(INDEX($D$3:$AA$30,INDEX(Jesper!$R$2:$R$366,ROW(INDEX(Jesper!AJ$2:AJ$366,ROUNDDOWN($C8471/24,0)+1,1))-1)+IF('Standard Profiles'!$G$20=$B$10,7,0)+IF('Standard Profiles'!$G$20=$B$17,14,0)+IF('Standard Profiles'!$G$20=$B$24,21,0),0)),0)</f>
        <v>0</v>
      </c>
      <c r="G8471" cm="1">
        <f t="array" ref="G8471">IFERROR(INDEX(Jesper!AK$2:AK$366,ROUNDDOWN($C8471/24,0)+1,1)*INDEX($D$3:$AA$30,INDEX(Jesper!$R$2:$R$366,ROW(INDEX(Jesper!AK$2:AK$366,ROUNDDOWN($C8471/24,0)+1,1))-1)+IF('Standard Profiles'!$G$21=$B$10,7,0)+IF('Standard Profiles'!$G$21=$B$17,14,0)+IF('Standard Profiles'!$G$21=$B$24,21,0),MOD($C8471,24)+1)/SUM(INDEX($D$3:$AA$30,INDEX(Jesper!$R$2:$R$366,ROW(INDEX(Jesper!AK$2:AK$366,ROUNDDOWN($C8471/24,0)+1,1))-1)+IF('Standard Profiles'!$G$21=$B$10,7,0)+IF('Standard Profiles'!$G$21=$B$17,14,0)+IF('Standard Profiles'!$G$21=$B$24,21,0),0)),0)</f>
        <v>0</v>
      </c>
      <c r="H8471" cm="1">
        <f t="array" ref="H8471">IFERROR(INDEX(Jesper!AL$2:AL$366,ROUNDDOWN($C8471/24,0)+1,1)*INDEX($D$3:$AA$30,INDEX(Jesper!$R$2:$R$366,ROW(INDEX(Jesper!AL$2:AL$366,ROUNDDOWN($C8471/24,0)+1,1))-1)+IF('Standard Profiles'!$G$22=$B$10,7,0)+IF('Standard Profiles'!$G$22=$B$17,14,0)+IF('Standard Profiles'!$G$22=$B$24,21,0),MOD($C8471,24)+1)/SUM(INDEX($D$3:$AA$30,INDEX(Jesper!$R$2:$R$366,ROW(INDEX(Jesper!AL$2:AL$366,ROUNDDOWN($C8471/24,0)+1,1))-1)+IF('Standard Profiles'!$G$22=$B$10,7,0)+IF('Standard Profiles'!$G$22=$B$17,14,0)+IF('Standard Profiles'!$G$22=$B$24,21,0),0)),0)</f>
        <v>0</v>
      </c>
      <c r="I8471">
        <f t="shared" si="937"/>
        <v>0.44823760741917085</v>
      </c>
      <c r="J8471">
        <f t="shared" si="938"/>
        <v>1.4941253580639029</v>
      </c>
      <c r="K8471">
        <f t="shared" si="939"/>
        <v>2.2411880370958541</v>
      </c>
      <c r="L8471">
        <f t="shared" si="940"/>
        <v>10.757702578060099</v>
      </c>
      <c r="M8471">
        <f t="shared" si="941"/>
        <v>0</v>
      </c>
      <c r="N8471" s="46">
        <f t="shared" si="942"/>
        <v>45643.541666646204</v>
      </c>
    </row>
    <row r="8472" spans="2:14" x14ac:dyDescent="0.3">
      <c r="B8472">
        <f t="shared" si="936"/>
        <v>2</v>
      </c>
      <c r="C8472" s="16">
        <v>8438</v>
      </c>
      <c r="D8472" cm="1">
        <f t="array" ref="D8472">IFERROR(INDEX(Jesper!AH$2:AH$366,ROUNDDOWN($C8472/24,0)+1,1)*INDEX($D$3:$AA$30,INDEX(Jesper!$R$2:$R$366,ROW(INDEX(Jesper!AH$2:AH$366,ROUNDDOWN($C8472/24,0)+1,1))-1)+IF('Standard Profiles'!$G$18=$B$10,7,0)+IF('Standard Profiles'!$G$18=$B$17,14,0)+IF('Standard Profiles'!$G$18=$B$24,21,0),MOD($C8472,24)+1)/SUM(INDEX($D$3:$AA$30,INDEX(Jesper!$R$2:$R$366,ROW(INDEX(Jesper!AH$2:AH$366,ROUNDDOWN($C8472/24,0)+1,1))-1)+IF('Standard Profiles'!$G$18=$B$10,7,0)+IF('Standard Profiles'!$G$18=$B$17,14,0)+IF('Standard Profiles'!$G$18=$B$24,21,0),0)),0)</f>
        <v>14.941253580639028</v>
      </c>
      <c r="E8472" cm="1">
        <f t="array" ref="E8472">IFERROR(INDEX(Jesper!AI$2:AI$366,ROUNDDOWN($C8472/24,0)+1,1)*INDEX($D$3:$AA$30,INDEX(Jesper!$R$2:$R$366,ROW(INDEX(Jesper!AI$2:AI$366,ROUNDDOWN($C8472/24,0)+1,1))-1)+IF('Standard Profiles'!$G$19=$B$10,7,0)+IF('Standard Profiles'!$G$19=$B$17,14,0)+IF('Standard Profiles'!$G$19=$B$24,21,0),MOD($C8472,24)+1)/SUM(INDEX($D$3:$AA$30,INDEX(Jesper!$R$2:$R$366,ROW(INDEX(Jesper!AI$2:AI$366,ROUNDDOWN($C8472/24,0)+1,1))-1)+IF('Standard Profiles'!$G$19=$B$10,7,0)+IF('Standard Profiles'!$G$19=$B$17,14,0)+IF('Standard Profiles'!$G$19=$B$24,21,0),0)),0)</f>
        <v>0</v>
      </c>
      <c r="F8472" cm="1">
        <f t="array" ref="F8472">IFERROR(INDEX(Jesper!AJ$2:AJ$366,ROUNDDOWN($C8472/24,0)+1,1)*INDEX($D$3:$AA$30,INDEX(Jesper!$R$2:$R$366,ROW(INDEX(Jesper!AJ$2:AJ$366,ROUNDDOWN($C8472/24,0)+1,1))-1)+IF('Standard Profiles'!$G$20=$B$10,7,0)+IF('Standard Profiles'!$G$20=$B$17,14,0)+IF('Standard Profiles'!$G$20=$B$24,21,0),MOD($C8472,24)+1)/SUM(INDEX($D$3:$AA$30,INDEX(Jesper!$R$2:$R$366,ROW(INDEX(Jesper!AJ$2:AJ$366,ROUNDDOWN($C8472/24,0)+1,1))-1)+IF('Standard Profiles'!$G$20=$B$10,7,0)+IF('Standard Profiles'!$G$20=$B$17,14,0)+IF('Standard Profiles'!$G$20=$B$24,21,0),0)),0)</f>
        <v>0</v>
      </c>
      <c r="G8472" cm="1">
        <f t="array" ref="G8472">IFERROR(INDEX(Jesper!AK$2:AK$366,ROUNDDOWN($C8472/24,0)+1,1)*INDEX($D$3:$AA$30,INDEX(Jesper!$R$2:$R$366,ROW(INDEX(Jesper!AK$2:AK$366,ROUNDDOWN($C8472/24,0)+1,1))-1)+IF('Standard Profiles'!$G$21=$B$10,7,0)+IF('Standard Profiles'!$G$21=$B$17,14,0)+IF('Standard Profiles'!$G$21=$B$24,21,0),MOD($C8472,24)+1)/SUM(INDEX($D$3:$AA$30,INDEX(Jesper!$R$2:$R$366,ROW(INDEX(Jesper!AK$2:AK$366,ROUNDDOWN($C8472/24,0)+1,1))-1)+IF('Standard Profiles'!$G$21=$B$10,7,0)+IF('Standard Profiles'!$G$21=$B$17,14,0)+IF('Standard Profiles'!$G$21=$B$24,21,0),0)),0)</f>
        <v>0</v>
      </c>
      <c r="H8472" cm="1">
        <f t="array" ref="H8472">IFERROR(INDEX(Jesper!AL$2:AL$366,ROUNDDOWN($C8472/24,0)+1,1)*INDEX($D$3:$AA$30,INDEX(Jesper!$R$2:$R$366,ROW(INDEX(Jesper!AL$2:AL$366,ROUNDDOWN($C8472/24,0)+1,1))-1)+IF('Standard Profiles'!$G$22=$B$10,7,0)+IF('Standard Profiles'!$G$22=$B$17,14,0)+IF('Standard Profiles'!$G$22=$B$24,21,0),MOD($C8472,24)+1)/SUM(INDEX($D$3:$AA$30,INDEX(Jesper!$R$2:$R$366,ROW(INDEX(Jesper!AL$2:AL$366,ROUNDDOWN($C8472/24,0)+1,1))-1)+IF('Standard Profiles'!$G$22=$B$10,7,0)+IF('Standard Profiles'!$G$22=$B$17,14,0)+IF('Standard Profiles'!$G$22=$B$24,21,0),0)),0)</f>
        <v>0</v>
      </c>
      <c r="I8472">
        <f t="shared" si="937"/>
        <v>0.44823760741917085</v>
      </c>
      <c r="J8472">
        <f t="shared" si="938"/>
        <v>1.4941253580639029</v>
      </c>
      <c r="K8472">
        <f t="shared" si="939"/>
        <v>2.2411880370958541</v>
      </c>
      <c r="L8472">
        <f t="shared" si="940"/>
        <v>10.757702578060099</v>
      </c>
      <c r="M8472">
        <f t="shared" si="941"/>
        <v>0</v>
      </c>
      <c r="N8472" s="46">
        <f t="shared" si="942"/>
        <v>45643.583333312868</v>
      </c>
    </row>
    <row r="8473" spans="2:14" x14ac:dyDescent="0.3">
      <c r="B8473">
        <f t="shared" si="936"/>
        <v>2</v>
      </c>
      <c r="C8473" s="16">
        <v>8439</v>
      </c>
      <c r="D8473" cm="1">
        <f t="array" ref="D8473">IFERROR(INDEX(Jesper!AH$2:AH$366,ROUNDDOWN($C8473/24,0)+1,1)*INDEX($D$3:$AA$30,INDEX(Jesper!$R$2:$R$366,ROW(INDEX(Jesper!AH$2:AH$366,ROUNDDOWN($C8473/24,0)+1,1))-1)+IF('Standard Profiles'!$G$18=$B$10,7,0)+IF('Standard Profiles'!$G$18=$B$17,14,0)+IF('Standard Profiles'!$G$18=$B$24,21,0),MOD($C8473,24)+1)/SUM(INDEX($D$3:$AA$30,INDEX(Jesper!$R$2:$R$366,ROW(INDEX(Jesper!AH$2:AH$366,ROUNDDOWN($C8473/24,0)+1,1))-1)+IF('Standard Profiles'!$G$18=$B$10,7,0)+IF('Standard Profiles'!$G$18=$B$17,14,0)+IF('Standard Profiles'!$G$18=$B$24,21,0),0)),0)</f>
        <v>14.941253580639028</v>
      </c>
      <c r="E8473" cm="1">
        <f t="array" ref="E8473">IFERROR(INDEX(Jesper!AI$2:AI$366,ROUNDDOWN($C8473/24,0)+1,1)*INDEX($D$3:$AA$30,INDEX(Jesper!$R$2:$R$366,ROW(INDEX(Jesper!AI$2:AI$366,ROUNDDOWN($C8473/24,0)+1,1))-1)+IF('Standard Profiles'!$G$19=$B$10,7,0)+IF('Standard Profiles'!$G$19=$B$17,14,0)+IF('Standard Profiles'!$G$19=$B$24,21,0),MOD($C8473,24)+1)/SUM(INDEX($D$3:$AA$30,INDEX(Jesper!$R$2:$R$366,ROW(INDEX(Jesper!AI$2:AI$366,ROUNDDOWN($C8473/24,0)+1,1))-1)+IF('Standard Profiles'!$G$19=$B$10,7,0)+IF('Standard Profiles'!$G$19=$B$17,14,0)+IF('Standard Profiles'!$G$19=$B$24,21,0),0)),0)</f>
        <v>0</v>
      </c>
      <c r="F8473" cm="1">
        <f t="array" ref="F8473">IFERROR(INDEX(Jesper!AJ$2:AJ$366,ROUNDDOWN($C8473/24,0)+1,1)*INDEX($D$3:$AA$30,INDEX(Jesper!$R$2:$R$366,ROW(INDEX(Jesper!AJ$2:AJ$366,ROUNDDOWN($C8473/24,0)+1,1))-1)+IF('Standard Profiles'!$G$20=$B$10,7,0)+IF('Standard Profiles'!$G$20=$B$17,14,0)+IF('Standard Profiles'!$G$20=$B$24,21,0),MOD($C8473,24)+1)/SUM(INDEX($D$3:$AA$30,INDEX(Jesper!$R$2:$R$366,ROW(INDEX(Jesper!AJ$2:AJ$366,ROUNDDOWN($C8473/24,0)+1,1))-1)+IF('Standard Profiles'!$G$20=$B$10,7,0)+IF('Standard Profiles'!$G$20=$B$17,14,0)+IF('Standard Profiles'!$G$20=$B$24,21,0),0)),0)</f>
        <v>0</v>
      </c>
      <c r="G8473" cm="1">
        <f t="array" ref="G8473">IFERROR(INDEX(Jesper!AK$2:AK$366,ROUNDDOWN($C8473/24,0)+1,1)*INDEX($D$3:$AA$30,INDEX(Jesper!$R$2:$R$366,ROW(INDEX(Jesper!AK$2:AK$366,ROUNDDOWN($C8473/24,0)+1,1))-1)+IF('Standard Profiles'!$G$21=$B$10,7,0)+IF('Standard Profiles'!$G$21=$B$17,14,0)+IF('Standard Profiles'!$G$21=$B$24,21,0),MOD($C8473,24)+1)/SUM(INDEX($D$3:$AA$30,INDEX(Jesper!$R$2:$R$366,ROW(INDEX(Jesper!AK$2:AK$366,ROUNDDOWN($C8473/24,0)+1,1))-1)+IF('Standard Profiles'!$G$21=$B$10,7,0)+IF('Standard Profiles'!$G$21=$B$17,14,0)+IF('Standard Profiles'!$G$21=$B$24,21,0),0)),0)</f>
        <v>0</v>
      </c>
      <c r="H8473" cm="1">
        <f t="array" ref="H8473">IFERROR(INDEX(Jesper!AL$2:AL$366,ROUNDDOWN($C8473/24,0)+1,1)*INDEX($D$3:$AA$30,INDEX(Jesper!$R$2:$R$366,ROW(INDEX(Jesper!AL$2:AL$366,ROUNDDOWN($C8473/24,0)+1,1))-1)+IF('Standard Profiles'!$G$22=$B$10,7,0)+IF('Standard Profiles'!$G$22=$B$17,14,0)+IF('Standard Profiles'!$G$22=$B$24,21,0),MOD($C8473,24)+1)/SUM(INDEX($D$3:$AA$30,INDEX(Jesper!$R$2:$R$366,ROW(INDEX(Jesper!AL$2:AL$366,ROUNDDOWN($C8473/24,0)+1,1))-1)+IF('Standard Profiles'!$G$22=$B$10,7,0)+IF('Standard Profiles'!$G$22=$B$17,14,0)+IF('Standard Profiles'!$G$22=$B$24,21,0),0)),0)</f>
        <v>0</v>
      </c>
      <c r="I8473">
        <f t="shared" si="937"/>
        <v>0.44823760741917085</v>
      </c>
      <c r="J8473">
        <f t="shared" si="938"/>
        <v>1.4941253580639029</v>
      </c>
      <c r="K8473">
        <f t="shared" si="939"/>
        <v>2.2411880370958541</v>
      </c>
      <c r="L8473">
        <f t="shared" si="940"/>
        <v>10.757702578060099</v>
      </c>
      <c r="M8473">
        <f t="shared" si="941"/>
        <v>0</v>
      </c>
      <c r="N8473" s="46">
        <f t="shared" si="942"/>
        <v>45643.624999979533</v>
      </c>
    </row>
    <row r="8474" spans="2:14" x14ac:dyDescent="0.3">
      <c r="B8474">
        <f t="shared" si="936"/>
        <v>2</v>
      </c>
      <c r="C8474" s="16">
        <v>8440</v>
      </c>
      <c r="D8474" cm="1">
        <f t="array" ref="D8474">IFERROR(INDEX(Jesper!AH$2:AH$366,ROUNDDOWN($C8474/24,0)+1,1)*INDEX($D$3:$AA$30,INDEX(Jesper!$R$2:$R$366,ROW(INDEX(Jesper!AH$2:AH$366,ROUNDDOWN($C8474/24,0)+1,1))-1)+IF('Standard Profiles'!$G$18=$B$10,7,0)+IF('Standard Profiles'!$G$18=$B$17,14,0)+IF('Standard Profiles'!$G$18=$B$24,21,0),MOD($C8474,24)+1)/SUM(INDEX($D$3:$AA$30,INDEX(Jesper!$R$2:$R$366,ROW(INDEX(Jesper!AH$2:AH$366,ROUNDDOWN($C8474/24,0)+1,1))-1)+IF('Standard Profiles'!$G$18=$B$10,7,0)+IF('Standard Profiles'!$G$18=$B$17,14,0)+IF('Standard Profiles'!$G$18=$B$24,21,0),0)),0)</f>
        <v>14.941253580639028</v>
      </c>
      <c r="E8474" cm="1">
        <f t="array" ref="E8474">IFERROR(INDEX(Jesper!AI$2:AI$366,ROUNDDOWN($C8474/24,0)+1,1)*INDEX($D$3:$AA$30,INDEX(Jesper!$R$2:$R$366,ROW(INDEX(Jesper!AI$2:AI$366,ROUNDDOWN($C8474/24,0)+1,1))-1)+IF('Standard Profiles'!$G$19=$B$10,7,0)+IF('Standard Profiles'!$G$19=$B$17,14,0)+IF('Standard Profiles'!$G$19=$B$24,21,0),MOD($C8474,24)+1)/SUM(INDEX($D$3:$AA$30,INDEX(Jesper!$R$2:$R$366,ROW(INDEX(Jesper!AI$2:AI$366,ROUNDDOWN($C8474/24,0)+1,1))-1)+IF('Standard Profiles'!$G$19=$B$10,7,0)+IF('Standard Profiles'!$G$19=$B$17,14,0)+IF('Standard Profiles'!$G$19=$B$24,21,0),0)),0)</f>
        <v>0</v>
      </c>
      <c r="F8474" cm="1">
        <f t="array" ref="F8474">IFERROR(INDEX(Jesper!AJ$2:AJ$366,ROUNDDOWN($C8474/24,0)+1,1)*INDEX($D$3:$AA$30,INDEX(Jesper!$R$2:$R$366,ROW(INDEX(Jesper!AJ$2:AJ$366,ROUNDDOWN($C8474/24,0)+1,1))-1)+IF('Standard Profiles'!$G$20=$B$10,7,0)+IF('Standard Profiles'!$G$20=$B$17,14,0)+IF('Standard Profiles'!$G$20=$B$24,21,0),MOD($C8474,24)+1)/SUM(INDEX($D$3:$AA$30,INDEX(Jesper!$R$2:$R$366,ROW(INDEX(Jesper!AJ$2:AJ$366,ROUNDDOWN($C8474/24,0)+1,1))-1)+IF('Standard Profiles'!$G$20=$B$10,7,0)+IF('Standard Profiles'!$G$20=$B$17,14,0)+IF('Standard Profiles'!$G$20=$B$24,21,0),0)),0)</f>
        <v>0</v>
      </c>
      <c r="G8474" cm="1">
        <f t="array" ref="G8474">IFERROR(INDEX(Jesper!AK$2:AK$366,ROUNDDOWN($C8474/24,0)+1,1)*INDEX($D$3:$AA$30,INDEX(Jesper!$R$2:$R$366,ROW(INDEX(Jesper!AK$2:AK$366,ROUNDDOWN($C8474/24,0)+1,1))-1)+IF('Standard Profiles'!$G$21=$B$10,7,0)+IF('Standard Profiles'!$G$21=$B$17,14,0)+IF('Standard Profiles'!$G$21=$B$24,21,0),MOD($C8474,24)+1)/SUM(INDEX($D$3:$AA$30,INDEX(Jesper!$R$2:$R$366,ROW(INDEX(Jesper!AK$2:AK$366,ROUNDDOWN($C8474/24,0)+1,1))-1)+IF('Standard Profiles'!$G$21=$B$10,7,0)+IF('Standard Profiles'!$G$21=$B$17,14,0)+IF('Standard Profiles'!$G$21=$B$24,21,0),0)),0)</f>
        <v>0</v>
      </c>
      <c r="H8474" cm="1">
        <f t="array" ref="H8474">IFERROR(INDEX(Jesper!AL$2:AL$366,ROUNDDOWN($C8474/24,0)+1,1)*INDEX($D$3:$AA$30,INDEX(Jesper!$R$2:$R$366,ROW(INDEX(Jesper!AL$2:AL$366,ROUNDDOWN($C8474/24,0)+1,1))-1)+IF('Standard Profiles'!$G$22=$B$10,7,0)+IF('Standard Profiles'!$G$22=$B$17,14,0)+IF('Standard Profiles'!$G$22=$B$24,21,0),MOD($C8474,24)+1)/SUM(INDEX($D$3:$AA$30,INDEX(Jesper!$R$2:$R$366,ROW(INDEX(Jesper!AL$2:AL$366,ROUNDDOWN($C8474/24,0)+1,1))-1)+IF('Standard Profiles'!$G$22=$B$10,7,0)+IF('Standard Profiles'!$G$22=$B$17,14,0)+IF('Standard Profiles'!$G$22=$B$24,21,0),0)),0)</f>
        <v>0</v>
      </c>
      <c r="I8474">
        <f t="shared" si="937"/>
        <v>0.44823760741917085</v>
      </c>
      <c r="J8474">
        <f t="shared" si="938"/>
        <v>1.4941253580639029</v>
      </c>
      <c r="K8474">
        <f t="shared" si="939"/>
        <v>2.2411880370958541</v>
      </c>
      <c r="L8474">
        <f t="shared" si="940"/>
        <v>10.757702578060099</v>
      </c>
      <c r="M8474">
        <f t="shared" si="941"/>
        <v>0</v>
      </c>
      <c r="N8474" s="46">
        <f t="shared" si="942"/>
        <v>45643.666666646197</v>
      </c>
    </row>
    <row r="8475" spans="2:14" x14ac:dyDescent="0.3">
      <c r="B8475">
        <f t="shared" si="936"/>
        <v>2</v>
      </c>
      <c r="C8475" s="16">
        <v>8441</v>
      </c>
      <c r="D8475" cm="1">
        <f t="array" ref="D8475">IFERROR(INDEX(Jesper!AH$2:AH$366,ROUNDDOWN($C8475/24,0)+1,1)*INDEX($D$3:$AA$30,INDEX(Jesper!$R$2:$R$366,ROW(INDEX(Jesper!AH$2:AH$366,ROUNDDOWN($C8475/24,0)+1,1))-1)+IF('Standard Profiles'!$G$18=$B$10,7,0)+IF('Standard Profiles'!$G$18=$B$17,14,0)+IF('Standard Profiles'!$G$18=$B$24,21,0),MOD($C8475,24)+1)/SUM(INDEX($D$3:$AA$30,INDEX(Jesper!$R$2:$R$366,ROW(INDEX(Jesper!AH$2:AH$366,ROUNDDOWN($C8475/24,0)+1,1))-1)+IF('Standard Profiles'!$G$18=$B$10,7,0)+IF('Standard Profiles'!$G$18=$B$17,14,0)+IF('Standard Profiles'!$G$18=$B$24,21,0),0)),0)</f>
        <v>14.941253580639028</v>
      </c>
      <c r="E8475" cm="1">
        <f t="array" ref="E8475">IFERROR(INDEX(Jesper!AI$2:AI$366,ROUNDDOWN($C8475/24,0)+1,1)*INDEX($D$3:$AA$30,INDEX(Jesper!$R$2:$R$366,ROW(INDEX(Jesper!AI$2:AI$366,ROUNDDOWN($C8475/24,0)+1,1))-1)+IF('Standard Profiles'!$G$19=$B$10,7,0)+IF('Standard Profiles'!$G$19=$B$17,14,0)+IF('Standard Profiles'!$G$19=$B$24,21,0),MOD($C8475,24)+1)/SUM(INDEX($D$3:$AA$30,INDEX(Jesper!$R$2:$R$366,ROW(INDEX(Jesper!AI$2:AI$366,ROUNDDOWN($C8475/24,0)+1,1))-1)+IF('Standard Profiles'!$G$19=$B$10,7,0)+IF('Standard Profiles'!$G$19=$B$17,14,0)+IF('Standard Profiles'!$G$19=$B$24,21,0),0)),0)</f>
        <v>0</v>
      </c>
      <c r="F8475" cm="1">
        <f t="array" ref="F8475">IFERROR(INDEX(Jesper!AJ$2:AJ$366,ROUNDDOWN($C8475/24,0)+1,1)*INDEX($D$3:$AA$30,INDEX(Jesper!$R$2:$R$366,ROW(INDEX(Jesper!AJ$2:AJ$366,ROUNDDOWN($C8475/24,0)+1,1))-1)+IF('Standard Profiles'!$G$20=$B$10,7,0)+IF('Standard Profiles'!$G$20=$B$17,14,0)+IF('Standard Profiles'!$G$20=$B$24,21,0),MOD($C8475,24)+1)/SUM(INDEX($D$3:$AA$30,INDEX(Jesper!$R$2:$R$366,ROW(INDEX(Jesper!AJ$2:AJ$366,ROUNDDOWN($C8475/24,0)+1,1))-1)+IF('Standard Profiles'!$G$20=$B$10,7,0)+IF('Standard Profiles'!$G$20=$B$17,14,0)+IF('Standard Profiles'!$G$20=$B$24,21,0),0)),0)</f>
        <v>0</v>
      </c>
      <c r="G8475" cm="1">
        <f t="array" ref="G8475">IFERROR(INDEX(Jesper!AK$2:AK$366,ROUNDDOWN($C8475/24,0)+1,1)*INDEX($D$3:$AA$30,INDEX(Jesper!$R$2:$R$366,ROW(INDEX(Jesper!AK$2:AK$366,ROUNDDOWN($C8475/24,0)+1,1))-1)+IF('Standard Profiles'!$G$21=$B$10,7,0)+IF('Standard Profiles'!$G$21=$B$17,14,0)+IF('Standard Profiles'!$G$21=$B$24,21,0),MOD($C8475,24)+1)/SUM(INDEX($D$3:$AA$30,INDEX(Jesper!$R$2:$R$366,ROW(INDEX(Jesper!AK$2:AK$366,ROUNDDOWN($C8475/24,0)+1,1))-1)+IF('Standard Profiles'!$G$21=$B$10,7,0)+IF('Standard Profiles'!$G$21=$B$17,14,0)+IF('Standard Profiles'!$G$21=$B$24,21,0),0)),0)</f>
        <v>0</v>
      </c>
      <c r="H8475" cm="1">
        <f t="array" ref="H8475">IFERROR(INDEX(Jesper!AL$2:AL$366,ROUNDDOWN($C8475/24,0)+1,1)*INDEX($D$3:$AA$30,INDEX(Jesper!$R$2:$R$366,ROW(INDEX(Jesper!AL$2:AL$366,ROUNDDOWN($C8475/24,0)+1,1))-1)+IF('Standard Profiles'!$G$22=$B$10,7,0)+IF('Standard Profiles'!$G$22=$B$17,14,0)+IF('Standard Profiles'!$G$22=$B$24,21,0),MOD($C8475,24)+1)/SUM(INDEX($D$3:$AA$30,INDEX(Jesper!$R$2:$R$366,ROW(INDEX(Jesper!AL$2:AL$366,ROUNDDOWN($C8475/24,0)+1,1))-1)+IF('Standard Profiles'!$G$22=$B$10,7,0)+IF('Standard Profiles'!$G$22=$B$17,14,0)+IF('Standard Profiles'!$G$22=$B$24,21,0),0)),0)</f>
        <v>0</v>
      </c>
      <c r="I8475">
        <f t="shared" si="937"/>
        <v>0.44823760741917085</v>
      </c>
      <c r="J8475">
        <f t="shared" si="938"/>
        <v>1.4941253580639029</v>
      </c>
      <c r="K8475">
        <f t="shared" si="939"/>
        <v>2.2411880370958541</v>
      </c>
      <c r="L8475">
        <f t="shared" si="940"/>
        <v>10.757702578060099</v>
      </c>
      <c r="M8475">
        <f t="shared" si="941"/>
        <v>0</v>
      </c>
      <c r="N8475" s="46">
        <f t="shared" si="942"/>
        <v>45643.708333312861</v>
      </c>
    </row>
    <row r="8476" spans="2:14" x14ac:dyDescent="0.3">
      <c r="B8476">
        <f t="shared" si="936"/>
        <v>2</v>
      </c>
      <c r="C8476" s="16">
        <v>8442</v>
      </c>
      <c r="D8476" cm="1">
        <f t="array" ref="D8476">IFERROR(INDEX(Jesper!AH$2:AH$366,ROUNDDOWN($C8476/24,0)+1,1)*INDEX($D$3:$AA$30,INDEX(Jesper!$R$2:$R$366,ROW(INDEX(Jesper!AH$2:AH$366,ROUNDDOWN($C8476/24,0)+1,1))-1)+IF('Standard Profiles'!$G$18=$B$10,7,0)+IF('Standard Profiles'!$G$18=$B$17,14,0)+IF('Standard Profiles'!$G$18=$B$24,21,0),MOD($C8476,24)+1)/SUM(INDEX($D$3:$AA$30,INDEX(Jesper!$R$2:$R$366,ROW(INDEX(Jesper!AH$2:AH$366,ROUNDDOWN($C8476/24,0)+1,1))-1)+IF('Standard Profiles'!$G$18=$B$10,7,0)+IF('Standard Profiles'!$G$18=$B$17,14,0)+IF('Standard Profiles'!$G$18=$B$24,21,0),0)),0)</f>
        <v>14.941253580639028</v>
      </c>
      <c r="E8476" cm="1">
        <f t="array" ref="E8476">IFERROR(INDEX(Jesper!AI$2:AI$366,ROUNDDOWN($C8476/24,0)+1,1)*INDEX($D$3:$AA$30,INDEX(Jesper!$R$2:$R$366,ROW(INDEX(Jesper!AI$2:AI$366,ROUNDDOWN($C8476/24,0)+1,1))-1)+IF('Standard Profiles'!$G$19=$B$10,7,0)+IF('Standard Profiles'!$G$19=$B$17,14,0)+IF('Standard Profiles'!$G$19=$B$24,21,0),MOD($C8476,24)+1)/SUM(INDEX($D$3:$AA$30,INDEX(Jesper!$R$2:$R$366,ROW(INDEX(Jesper!AI$2:AI$366,ROUNDDOWN($C8476/24,0)+1,1))-1)+IF('Standard Profiles'!$G$19=$B$10,7,0)+IF('Standard Profiles'!$G$19=$B$17,14,0)+IF('Standard Profiles'!$G$19=$B$24,21,0),0)),0)</f>
        <v>0</v>
      </c>
      <c r="F8476" cm="1">
        <f t="array" ref="F8476">IFERROR(INDEX(Jesper!AJ$2:AJ$366,ROUNDDOWN($C8476/24,0)+1,1)*INDEX($D$3:$AA$30,INDEX(Jesper!$R$2:$R$366,ROW(INDEX(Jesper!AJ$2:AJ$366,ROUNDDOWN($C8476/24,0)+1,1))-1)+IF('Standard Profiles'!$G$20=$B$10,7,0)+IF('Standard Profiles'!$G$20=$B$17,14,0)+IF('Standard Profiles'!$G$20=$B$24,21,0),MOD($C8476,24)+1)/SUM(INDEX($D$3:$AA$30,INDEX(Jesper!$R$2:$R$366,ROW(INDEX(Jesper!AJ$2:AJ$366,ROUNDDOWN($C8476/24,0)+1,1))-1)+IF('Standard Profiles'!$G$20=$B$10,7,0)+IF('Standard Profiles'!$G$20=$B$17,14,0)+IF('Standard Profiles'!$G$20=$B$24,21,0),0)),0)</f>
        <v>0</v>
      </c>
      <c r="G8476" cm="1">
        <f t="array" ref="G8476">IFERROR(INDEX(Jesper!AK$2:AK$366,ROUNDDOWN($C8476/24,0)+1,1)*INDEX($D$3:$AA$30,INDEX(Jesper!$R$2:$R$366,ROW(INDEX(Jesper!AK$2:AK$366,ROUNDDOWN($C8476/24,0)+1,1))-1)+IF('Standard Profiles'!$G$21=$B$10,7,0)+IF('Standard Profiles'!$G$21=$B$17,14,0)+IF('Standard Profiles'!$G$21=$B$24,21,0),MOD($C8476,24)+1)/SUM(INDEX($D$3:$AA$30,INDEX(Jesper!$R$2:$R$366,ROW(INDEX(Jesper!AK$2:AK$366,ROUNDDOWN($C8476/24,0)+1,1))-1)+IF('Standard Profiles'!$G$21=$B$10,7,0)+IF('Standard Profiles'!$G$21=$B$17,14,0)+IF('Standard Profiles'!$G$21=$B$24,21,0),0)),0)</f>
        <v>0</v>
      </c>
      <c r="H8476" cm="1">
        <f t="array" ref="H8476">IFERROR(INDEX(Jesper!AL$2:AL$366,ROUNDDOWN($C8476/24,0)+1,1)*INDEX($D$3:$AA$30,INDEX(Jesper!$R$2:$R$366,ROW(INDEX(Jesper!AL$2:AL$366,ROUNDDOWN($C8476/24,0)+1,1))-1)+IF('Standard Profiles'!$G$22=$B$10,7,0)+IF('Standard Profiles'!$G$22=$B$17,14,0)+IF('Standard Profiles'!$G$22=$B$24,21,0),MOD($C8476,24)+1)/SUM(INDEX($D$3:$AA$30,INDEX(Jesper!$R$2:$R$366,ROW(INDEX(Jesper!AL$2:AL$366,ROUNDDOWN($C8476/24,0)+1,1))-1)+IF('Standard Profiles'!$G$22=$B$10,7,0)+IF('Standard Profiles'!$G$22=$B$17,14,0)+IF('Standard Profiles'!$G$22=$B$24,21,0),0)),0)</f>
        <v>0</v>
      </c>
      <c r="I8476">
        <f t="shared" si="937"/>
        <v>0.44823760741917085</v>
      </c>
      <c r="J8476">
        <f t="shared" si="938"/>
        <v>1.4941253580639029</v>
      </c>
      <c r="K8476">
        <f t="shared" si="939"/>
        <v>2.2411880370958541</v>
      </c>
      <c r="L8476">
        <f t="shared" si="940"/>
        <v>10.757702578060099</v>
      </c>
      <c r="M8476">
        <f t="shared" si="941"/>
        <v>0</v>
      </c>
      <c r="N8476" s="46">
        <f t="shared" si="942"/>
        <v>45643.749999979525</v>
      </c>
    </row>
    <row r="8477" spans="2:14" x14ac:dyDescent="0.3">
      <c r="B8477">
        <f t="shared" si="936"/>
        <v>2</v>
      </c>
      <c r="C8477" s="16">
        <v>8443</v>
      </c>
      <c r="D8477" cm="1">
        <f t="array" ref="D8477">IFERROR(INDEX(Jesper!AH$2:AH$366,ROUNDDOWN($C8477/24,0)+1,1)*INDEX($D$3:$AA$30,INDEX(Jesper!$R$2:$R$366,ROW(INDEX(Jesper!AH$2:AH$366,ROUNDDOWN($C8477/24,0)+1,1))-1)+IF('Standard Profiles'!$G$18=$B$10,7,0)+IF('Standard Profiles'!$G$18=$B$17,14,0)+IF('Standard Profiles'!$G$18=$B$24,21,0),MOD($C8477,24)+1)/SUM(INDEX($D$3:$AA$30,INDEX(Jesper!$R$2:$R$366,ROW(INDEX(Jesper!AH$2:AH$366,ROUNDDOWN($C8477/24,0)+1,1))-1)+IF('Standard Profiles'!$G$18=$B$10,7,0)+IF('Standard Profiles'!$G$18=$B$17,14,0)+IF('Standard Profiles'!$G$18=$B$24,21,0),0)),0)</f>
        <v>12.513299873785186</v>
      </c>
      <c r="E8477" cm="1">
        <f t="array" ref="E8477">IFERROR(INDEX(Jesper!AI$2:AI$366,ROUNDDOWN($C8477/24,0)+1,1)*INDEX($D$3:$AA$30,INDEX(Jesper!$R$2:$R$366,ROW(INDEX(Jesper!AI$2:AI$366,ROUNDDOWN($C8477/24,0)+1,1))-1)+IF('Standard Profiles'!$G$19=$B$10,7,0)+IF('Standard Profiles'!$G$19=$B$17,14,0)+IF('Standard Profiles'!$G$19=$B$24,21,0),MOD($C8477,24)+1)/SUM(INDEX($D$3:$AA$30,INDEX(Jesper!$R$2:$R$366,ROW(INDEX(Jesper!AI$2:AI$366,ROUNDDOWN($C8477/24,0)+1,1))-1)+IF('Standard Profiles'!$G$19=$B$10,7,0)+IF('Standard Profiles'!$G$19=$B$17,14,0)+IF('Standard Profiles'!$G$19=$B$24,21,0),0)),0)</f>
        <v>0</v>
      </c>
      <c r="F8477" cm="1">
        <f t="array" ref="F8477">IFERROR(INDEX(Jesper!AJ$2:AJ$366,ROUNDDOWN($C8477/24,0)+1,1)*INDEX($D$3:$AA$30,INDEX(Jesper!$R$2:$R$366,ROW(INDEX(Jesper!AJ$2:AJ$366,ROUNDDOWN($C8477/24,0)+1,1))-1)+IF('Standard Profiles'!$G$20=$B$10,7,0)+IF('Standard Profiles'!$G$20=$B$17,14,0)+IF('Standard Profiles'!$G$20=$B$24,21,0),MOD($C8477,24)+1)/SUM(INDEX($D$3:$AA$30,INDEX(Jesper!$R$2:$R$366,ROW(INDEX(Jesper!AJ$2:AJ$366,ROUNDDOWN($C8477/24,0)+1,1))-1)+IF('Standard Profiles'!$G$20=$B$10,7,0)+IF('Standard Profiles'!$G$20=$B$17,14,0)+IF('Standard Profiles'!$G$20=$B$24,21,0),0)),0)</f>
        <v>0</v>
      </c>
      <c r="G8477" cm="1">
        <f t="array" ref="G8477">IFERROR(INDEX(Jesper!AK$2:AK$366,ROUNDDOWN($C8477/24,0)+1,1)*INDEX($D$3:$AA$30,INDEX(Jesper!$R$2:$R$366,ROW(INDEX(Jesper!AK$2:AK$366,ROUNDDOWN($C8477/24,0)+1,1))-1)+IF('Standard Profiles'!$G$21=$B$10,7,0)+IF('Standard Profiles'!$G$21=$B$17,14,0)+IF('Standard Profiles'!$G$21=$B$24,21,0),MOD($C8477,24)+1)/SUM(INDEX($D$3:$AA$30,INDEX(Jesper!$R$2:$R$366,ROW(INDEX(Jesper!AK$2:AK$366,ROUNDDOWN($C8477/24,0)+1,1))-1)+IF('Standard Profiles'!$G$21=$B$10,7,0)+IF('Standard Profiles'!$G$21=$B$17,14,0)+IF('Standard Profiles'!$G$21=$B$24,21,0),0)),0)</f>
        <v>0</v>
      </c>
      <c r="H8477" cm="1">
        <f t="array" ref="H8477">IFERROR(INDEX(Jesper!AL$2:AL$366,ROUNDDOWN($C8477/24,0)+1,1)*INDEX($D$3:$AA$30,INDEX(Jesper!$R$2:$R$366,ROW(INDEX(Jesper!AL$2:AL$366,ROUNDDOWN($C8477/24,0)+1,1))-1)+IF('Standard Profiles'!$G$22=$B$10,7,0)+IF('Standard Profiles'!$G$22=$B$17,14,0)+IF('Standard Profiles'!$G$22=$B$24,21,0),MOD($C8477,24)+1)/SUM(INDEX($D$3:$AA$30,INDEX(Jesper!$R$2:$R$366,ROW(INDEX(Jesper!AL$2:AL$366,ROUNDDOWN($C8477/24,0)+1,1))-1)+IF('Standard Profiles'!$G$22=$B$10,7,0)+IF('Standard Profiles'!$G$22=$B$17,14,0)+IF('Standard Profiles'!$G$22=$B$24,21,0),0)),0)</f>
        <v>0</v>
      </c>
      <c r="I8477">
        <f t="shared" si="937"/>
        <v>0.3753989962135556</v>
      </c>
      <c r="J8477">
        <f t="shared" si="938"/>
        <v>1.2513299873785186</v>
      </c>
      <c r="K8477">
        <f t="shared" si="939"/>
        <v>1.876994981067778</v>
      </c>
      <c r="L8477">
        <f t="shared" si="940"/>
        <v>9.0095759091253331</v>
      </c>
      <c r="M8477">
        <f t="shared" si="941"/>
        <v>0</v>
      </c>
      <c r="N8477" s="46">
        <f t="shared" si="942"/>
        <v>45643.79166664619</v>
      </c>
    </row>
    <row r="8478" spans="2:14" x14ac:dyDescent="0.3">
      <c r="B8478">
        <f t="shared" si="936"/>
        <v>2</v>
      </c>
      <c r="C8478" s="16">
        <v>8444</v>
      </c>
      <c r="D8478" cm="1">
        <f t="array" ref="D8478">IFERROR(INDEX(Jesper!AH$2:AH$366,ROUNDDOWN($C8478/24,0)+1,1)*INDEX($D$3:$AA$30,INDEX(Jesper!$R$2:$R$366,ROW(INDEX(Jesper!AH$2:AH$366,ROUNDDOWN($C8478/24,0)+1,1))-1)+IF('Standard Profiles'!$G$18=$B$10,7,0)+IF('Standard Profiles'!$G$18=$B$17,14,0)+IF('Standard Profiles'!$G$18=$B$24,21,0),MOD($C8478,24)+1)/SUM(INDEX($D$3:$AA$30,INDEX(Jesper!$R$2:$R$366,ROW(INDEX(Jesper!AH$2:AH$366,ROUNDDOWN($C8478/24,0)+1,1))-1)+IF('Standard Profiles'!$G$18=$B$10,7,0)+IF('Standard Profiles'!$G$18=$B$17,14,0)+IF('Standard Profiles'!$G$18=$B$24,21,0),0)),0)</f>
        <v>10.272111836689332</v>
      </c>
      <c r="E8478" cm="1">
        <f t="array" ref="E8478">IFERROR(INDEX(Jesper!AI$2:AI$366,ROUNDDOWN($C8478/24,0)+1,1)*INDEX($D$3:$AA$30,INDEX(Jesper!$R$2:$R$366,ROW(INDEX(Jesper!AI$2:AI$366,ROUNDDOWN($C8478/24,0)+1,1))-1)+IF('Standard Profiles'!$G$19=$B$10,7,0)+IF('Standard Profiles'!$G$19=$B$17,14,0)+IF('Standard Profiles'!$G$19=$B$24,21,0),MOD($C8478,24)+1)/SUM(INDEX($D$3:$AA$30,INDEX(Jesper!$R$2:$R$366,ROW(INDEX(Jesper!AI$2:AI$366,ROUNDDOWN($C8478/24,0)+1,1))-1)+IF('Standard Profiles'!$G$19=$B$10,7,0)+IF('Standard Profiles'!$G$19=$B$17,14,0)+IF('Standard Profiles'!$G$19=$B$24,21,0),0)),0)</f>
        <v>0</v>
      </c>
      <c r="F8478" cm="1">
        <f t="array" ref="F8478">IFERROR(INDEX(Jesper!AJ$2:AJ$366,ROUNDDOWN($C8478/24,0)+1,1)*INDEX($D$3:$AA$30,INDEX(Jesper!$R$2:$R$366,ROW(INDEX(Jesper!AJ$2:AJ$366,ROUNDDOWN($C8478/24,0)+1,1))-1)+IF('Standard Profiles'!$G$20=$B$10,7,0)+IF('Standard Profiles'!$G$20=$B$17,14,0)+IF('Standard Profiles'!$G$20=$B$24,21,0),MOD($C8478,24)+1)/SUM(INDEX($D$3:$AA$30,INDEX(Jesper!$R$2:$R$366,ROW(INDEX(Jesper!AJ$2:AJ$366,ROUNDDOWN($C8478/24,0)+1,1))-1)+IF('Standard Profiles'!$G$20=$B$10,7,0)+IF('Standard Profiles'!$G$20=$B$17,14,0)+IF('Standard Profiles'!$G$20=$B$24,21,0),0)),0)</f>
        <v>0</v>
      </c>
      <c r="G8478" cm="1">
        <f t="array" ref="G8478">IFERROR(INDEX(Jesper!AK$2:AK$366,ROUNDDOWN($C8478/24,0)+1,1)*INDEX($D$3:$AA$30,INDEX(Jesper!$R$2:$R$366,ROW(INDEX(Jesper!AK$2:AK$366,ROUNDDOWN($C8478/24,0)+1,1))-1)+IF('Standard Profiles'!$G$21=$B$10,7,0)+IF('Standard Profiles'!$G$21=$B$17,14,0)+IF('Standard Profiles'!$G$21=$B$24,21,0),MOD($C8478,24)+1)/SUM(INDEX($D$3:$AA$30,INDEX(Jesper!$R$2:$R$366,ROW(INDEX(Jesper!AK$2:AK$366,ROUNDDOWN($C8478/24,0)+1,1))-1)+IF('Standard Profiles'!$G$21=$B$10,7,0)+IF('Standard Profiles'!$G$21=$B$17,14,0)+IF('Standard Profiles'!$G$21=$B$24,21,0),0)),0)</f>
        <v>0</v>
      </c>
      <c r="H8478" cm="1">
        <f t="array" ref="H8478">IFERROR(INDEX(Jesper!AL$2:AL$366,ROUNDDOWN($C8478/24,0)+1,1)*INDEX($D$3:$AA$30,INDEX(Jesper!$R$2:$R$366,ROW(INDEX(Jesper!AL$2:AL$366,ROUNDDOWN($C8478/24,0)+1,1))-1)+IF('Standard Profiles'!$G$22=$B$10,7,0)+IF('Standard Profiles'!$G$22=$B$17,14,0)+IF('Standard Profiles'!$G$22=$B$24,21,0),MOD($C8478,24)+1)/SUM(INDEX($D$3:$AA$30,INDEX(Jesper!$R$2:$R$366,ROW(INDEX(Jesper!AL$2:AL$366,ROUNDDOWN($C8478/24,0)+1,1))-1)+IF('Standard Profiles'!$G$22=$B$10,7,0)+IF('Standard Profiles'!$G$22=$B$17,14,0)+IF('Standard Profiles'!$G$22=$B$24,21,0),0)),0)</f>
        <v>0</v>
      </c>
      <c r="I8478">
        <f t="shared" si="937"/>
        <v>0.30816335510067994</v>
      </c>
      <c r="J8478">
        <f t="shared" si="938"/>
        <v>1.0272111836689333</v>
      </c>
      <c r="K8478">
        <f t="shared" si="939"/>
        <v>1.5408167755033997</v>
      </c>
      <c r="L8478">
        <f t="shared" si="940"/>
        <v>7.3959205224163185</v>
      </c>
      <c r="M8478">
        <f t="shared" si="941"/>
        <v>0</v>
      </c>
      <c r="N8478" s="46">
        <f t="shared" si="942"/>
        <v>45643.833333312854</v>
      </c>
    </row>
    <row r="8479" spans="2:14" x14ac:dyDescent="0.3">
      <c r="B8479">
        <f t="shared" si="936"/>
        <v>2</v>
      </c>
      <c r="C8479" s="16">
        <v>8445</v>
      </c>
      <c r="D8479" cm="1">
        <f t="array" ref="D8479">IFERROR(INDEX(Jesper!AH$2:AH$366,ROUNDDOWN($C8479/24,0)+1,1)*INDEX($D$3:$AA$30,INDEX(Jesper!$R$2:$R$366,ROW(INDEX(Jesper!AH$2:AH$366,ROUNDDOWN($C8479/24,0)+1,1))-1)+IF('Standard Profiles'!$G$18=$B$10,7,0)+IF('Standard Profiles'!$G$18=$B$17,14,0)+IF('Standard Profiles'!$G$18=$B$24,21,0),MOD($C8479,24)+1)/SUM(INDEX($D$3:$AA$30,INDEX(Jesper!$R$2:$R$366,ROW(INDEX(Jesper!AH$2:AH$366,ROUNDDOWN($C8479/24,0)+1,1))-1)+IF('Standard Profiles'!$G$18=$B$10,7,0)+IF('Standard Profiles'!$G$18=$B$17,14,0)+IF('Standard Profiles'!$G$18=$B$24,21,0),0)),0)</f>
        <v>7.470626790319514</v>
      </c>
      <c r="E8479" cm="1">
        <f t="array" ref="E8479">IFERROR(INDEX(Jesper!AI$2:AI$366,ROUNDDOWN($C8479/24,0)+1,1)*INDEX($D$3:$AA$30,INDEX(Jesper!$R$2:$R$366,ROW(INDEX(Jesper!AI$2:AI$366,ROUNDDOWN($C8479/24,0)+1,1))-1)+IF('Standard Profiles'!$G$19=$B$10,7,0)+IF('Standard Profiles'!$G$19=$B$17,14,0)+IF('Standard Profiles'!$G$19=$B$24,21,0),MOD($C8479,24)+1)/SUM(INDEX($D$3:$AA$30,INDEX(Jesper!$R$2:$R$366,ROW(INDEX(Jesper!AI$2:AI$366,ROUNDDOWN($C8479/24,0)+1,1))-1)+IF('Standard Profiles'!$G$19=$B$10,7,0)+IF('Standard Profiles'!$G$19=$B$17,14,0)+IF('Standard Profiles'!$G$19=$B$24,21,0),0)),0)</f>
        <v>0</v>
      </c>
      <c r="F8479" cm="1">
        <f t="array" ref="F8479">IFERROR(INDEX(Jesper!AJ$2:AJ$366,ROUNDDOWN($C8479/24,0)+1,1)*INDEX($D$3:$AA$30,INDEX(Jesper!$R$2:$R$366,ROW(INDEX(Jesper!AJ$2:AJ$366,ROUNDDOWN($C8479/24,0)+1,1))-1)+IF('Standard Profiles'!$G$20=$B$10,7,0)+IF('Standard Profiles'!$G$20=$B$17,14,0)+IF('Standard Profiles'!$G$20=$B$24,21,0),MOD($C8479,24)+1)/SUM(INDEX($D$3:$AA$30,INDEX(Jesper!$R$2:$R$366,ROW(INDEX(Jesper!AJ$2:AJ$366,ROUNDDOWN($C8479/24,0)+1,1))-1)+IF('Standard Profiles'!$G$20=$B$10,7,0)+IF('Standard Profiles'!$G$20=$B$17,14,0)+IF('Standard Profiles'!$G$20=$B$24,21,0),0)),0)</f>
        <v>0</v>
      </c>
      <c r="G8479" cm="1">
        <f t="array" ref="G8479">IFERROR(INDEX(Jesper!AK$2:AK$366,ROUNDDOWN($C8479/24,0)+1,1)*INDEX($D$3:$AA$30,INDEX(Jesper!$R$2:$R$366,ROW(INDEX(Jesper!AK$2:AK$366,ROUNDDOWN($C8479/24,0)+1,1))-1)+IF('Standard Profiles'!$G$21=$B$10,7,0)+IF('Standard Profiles'!$G$21=$B$17,14,0)+IF('Standard Profiles'!$G$21=$B$24,21,0),MOD($C8479,24)+1)/SUM(INDEX($D$3:$AA$30,INDEX(Jesper!$R$2:$R$366,ROW(INDEX(Jesper!AK$2:AK$366,ROUNDDOWN($C8479/24,0)+1,1))-1)+IF('Standard Profiles'!$G$21=$B$10,7,0)+IF('Standard Profiles'!$G$21=$B$17,14,0)+IF('Standard Profiles'!$G$21=$B$24,21,0),0)),0)</f>
        <v>0</v>
      </c>
      <c r="H8479" cm="1">
        <f t="array" ref="H8479">IFERROR(INDEX(Jesper!AL$2:AL$366,ROUNDDOWN($C8479/24,0)+1,1)*INDEX($D$3:$AA$30,INDEX(Jesper!$R$2:$R$366,ROW(INDEX(Jesper!AL$2:AL$366,ROUNDDOWN($C8479/24,0)+1,1))-1)+IF('Standard Profiles'!$G$22=$B$10,7,0)+IF('Standard Profiles'!$G$22=$B$17,14,0)+IF('Standard Profiles'!$G$22=$B$24,21,0),MOD($C8479,24)+1)/SUM(INDEX($D$3:$AA$30,INDEX(Jesper!$R$2:$R$366,ROW(INDEX(Jesper!AL$2:AL$366,ROUNDDOWN($C8479/24,0)+1,1))-1)+IF('Standard Profiles'!$G$22=$B$10,7,0)+IF('Standard Profiles'!$G$22=$B$17,14,0)+IF('Standard Profiles'!$G$22=$B$24,21,0),0)),0)</f>
        <v>0</v>
      </c>
      <c r="I8479">
        <f t="shared" si="937"/>
        <v>0.22411880370958542</v>
      </c>
      <c r="J8479">
        <f t="shared" si="938"/>
        <v>0.74706267903195145</v>
      </c>
      <c r="K8479">
        <f t="shared" si="939"/>
        <v>1.1205940185479271</v>
      </c>
      <c r="L8479">
        <f t="shared" si="940"/>
        <v>5.3788512890300497</v>
      </c>
      <c r="M8479">
        <f t="shared" si="941"/>
        <v>0</v>
      </c>
      <c r="N8479" s="46">
        <f t="shared" si="942"/>
        <v>45643.874999979518</v>
      </c>
    </row>
    <row r="8480" spans="2:14" x14ac:dyDescent="0.3">
      <c r="B8480">
        <f t="shared" si="936"/>
        <v>2</v>
      </c>
      <c r="C8480" s="16">
        <v>8446</v>
      </c>
      <c r="D8480" cm="1">
        <f t="array" ref="D8480">IFERROR(INDEX(Jesper!AH$2:AH$366,ROUNDDOWN($C8480/24,0)+1,1)*INDEX($D$3:$AA$30,INDEX(Jesper!$R$2:$R$366,ROW(INDEX(Jesper!AH$2:AH$366,ROUNDDOWN($C8480/24,0)+1,1))-1)+IF('Standard Profiles'!$G$18=$B$10,7,0)+IF('Standard Profiles'!$G$18=$B$17,14,0)+IF('Standard Profiles'!$G$18=$B$24,21,0),MOD($C8480,24)+1)/SUM(INDEX($D$3:$AA$30,INDEX(Jesper!$R$2:$R$366,ROW(INDEX(Jesper!AH$2:AH$366,ROUNDDOWN($C8480/24,0)+1,1))-1)+IF('Standard Profiles'!$G$18=$B$10,7,0)+IF('Standard Profiles'!$G$18=$B$17,14,0)+IF('Standard Profiles'!$G$18=$B$24,21,0),0)),0)</f>
        <v>7.470626790319514</v>
      </c>
      <c r="E8480" cm="1">
        <f t="array" ref="E8480">IFERROR(INDEX(Jesper!AI$2:AI$366,ROUNDDOWN($C8480/24,0)+1,1)*INDEX($D$3:$AA$30,INDEX(Jesper!$R$2:$R$366,ROW(INDEX(Jesper!AI$2:AI$366,ROUNDDOWN($C8480/24,0)+1,1))-1)+IF('Standard Profiles'!$G$19=$B$10,7,0)+IF('Standard Profiles'!$G$19=$B$17,14,0)+IF('Standard Profiles'!$G$19=$B$24,21,0),MOD($C8480,24)+1)/SUM(INDEX($D$3:$AA$30,INDEX(Jesper!$R$2:$R$366,ROW(INDEX(Jesper!AI$2:AI$366,ROUNDDOWN($C8480/24,0)+1,1))-1)+IF('Standard Profiles'!$G$19=$B$10,7,0)+IF('Standard Profiles'!$G$19=$B$17,14,0)+IF('Standard Profiles'!$G$19=$B$24,21,0),0)),0)</f>
        <v>0</v>
      </c>
      <c r="F8480" cm="1">
        <f t="array" ref="F8480">IFERROR(INDEX(Jesper!AJ$2:AJ$366,ROUNDDOWN($C8480/24,0)+1,1)*INDEX($D$3:$AA$30,INDEX(Jesper!$R$2:$R$366,ROW(INDEX(Jesper!AJ$2:AJ$366,ROUNDDOWN($C8480/24,0)+1,1))-1)+IF('Standard Profiles'!$G$20=$B$10,7,0)+IF('Standard Profiles'!$G$20=$B$17,14,0)+IF('Standard Profiles'!$G$20=$B$24,21,0),MOD($C8480,24)+1)/SUM(INDEX($D$3:$AA$30,INDEX(Jesper!$R$2:$R$366,ROW(INDEX(Jesper!AJ$2:AJ$366,ROUNDDOWN($C8480/24,0)+1,1))-1)+IF('Standard Profiles'!$G$20=$B$10,7,0)+IF('Standard Profiles'!$G$20=$B$17,14,0)+IF('Standard Profiles'!$G$20=$B$24,21,0),0)),0)</f>
        <v>0</v>
      </c>
      <c r="G8480" cm="1">
        <f t="array" ref="G8480">IFERROR(INDEX(Jesper!AK$2:AK$366,ROUNDDOWN($C8480/24,0)+1,1)*INDEX($D$3:$AA$30,INDEX(Jesper!$R$2:$R$366,ROW(INDEX(Jesper!AK$2:AK$366,ROUNDDOWN($C8480/24,0)+1,1))-1)+IF('Standard Profiles'!$G$21=$B$10,7,0)+IF('Standard Profiles'!$G$21=$B$17,14,0)+IF('Standard Profiles'!$G$21=$B$24,21,0),MOD($C8480,24)+1)/SUM(INDEX($D$3:$AA$30,INDEX(Jesper!$R$2:$R$366,ROW(INDEX(Jesper!AK$2:AK$366,ROUNDDOWN($C8480/24,0)+1,1))-1)+IF('Standard Profiles'!$G$21=$B$10,7,0)+IF('Standard Profiles'!$G$21=$B$17,14,0)+IF('Standard Profiles'!$G$21=$B$24,21,0),0)),0)</f>
        <v>0</v>
      </c>
      <c r="H8480" cm="1">
        <f t="array" ref="H8480">IFERROR(INDEX(Jesper!AL$2:AL$366,ROUNDDOWN($C8480/24,0)+1,1)*INDEX($D$3:$AA$30,INDEX(Jesper!$R$2:$R$366,ROW(INDEX(Jesper!AL$2:AL$366,ROUNDDOWN($C8480/24,0)+1,1))-1)+IF('Standard Profiles'!$G$22=$B$10,7,0)+IF('Standard Profiles'!$G$22=$B$17,14,0)+IF('Standard Profiles'!$G$22=$B$24,21,0),MOD($C8480,24)+1)/SUM(INDEX($D$3:$AA$30,INDEX(Jesper!$R$2:$R$366,ROW(INDEX(Jesper!AL$2:AL$366,ROUNDDOWN($C8480/24,0)+1,1))-1)+IF('Standard Profiles'!$G$22=$B$10,7,0)+IF('Standard Profiles'!$G$22=$B$17,14,0)+IF('Standard Profiles'!$G$22=$B$24,21,0),0)),0)</f>
        <v>0</v>
      </c>
      <c r="I8480">
        <f t="shared" si="937"/>
        <v>0.22411880370958542</v>
      </c>
      <c r="J8480">
        <f t="shared" si="938"/>
        <v>0.74706267903195145</v>
      </c>
      <c r="K8480">
        <f t="shared" si="939"/>
        <v>1.1205940185479271</v>
      </c>
      <c r="L8480">
        <f t="shared" si="940"/>
        <v>5.3788512890300497</v>
      </c>
      <c r="M8480">
        <f t="shared" si="941"/>
        <v>0</v>
      </c>
      <c r="N8480" s="46">
        <f t="shared" si="942"/>
        <v>45643.916666646182</v>
      </c>
    </row>
    <row r="8481" spans="2:14" x14ac:dyDescent="0.3">
      <c r="B8481">
        <f t="shared" si="936"/>
        <v>2</v>
      </c>
      <c r="C8481" s="16">
        <v>8447</v>
      </c>
      <c r="D8481" cm="1">
        <f t="array" ref="D8481">IFERROR(INDEX(Jesper!AH$2:AH$366,ROUNDDOWN($C8481/24,0)+1,1)*INDEX($D$3:$AA$30,INDEX(Jesper!$R$2:$R$366,ROW(INDEX(Jesper!AH$2:AH$366,ROUNDDOWN($C8481/24,0)+1,1))-1)+IF('Standard Profiles'!$G$18=$B$10,7,0)+IF('Standard Profiles'!$G$18=$B$17,14,0)+IF('Standard Profiles'!$G$18=$B$24,21,0),MOD($C8481,24)+1)/SUM(INDEX($D$3:$AA$30,INDEX(Jesper!$R$2:$R$366,ROW(INDEX(Jesper!AH$2:AH$366,ROUNDDOWN($C8481/24,0)+1,1))-1)+IF('Standard Profiles'!$G$18=$B$10,7,0)+IF('Standard Profiles'!$G$18=$B$17,14,0)+IF('Standard Profiles'!$G$18=$B$24,21,0),0)),0)</f>
        <v>7.470626790319514</v>
      </c>
      <c r="E8481" cm="1">
        <f t="array" ref="E8481">IFERROR(INDEX(Jesper!AI$2:AI$366,ROUNDDOWN($C8481/24,0)+1,1)*INDEX($D$3:$AA$30,INDEX(Jesper!$R$2:$R$366,ROW(INDEX(Jesper!AI$2:AI$366,ROUNDDOWN($C8481/24,0)+1,1))-1)+IF('Standard Profiles'!$G$19=$B$10,7,0)+IF('Standard Profiles'!$G$19=$B$17,14,0)+IF('Standard Profiles'!$G$19=$B$24,21,0),MOD($C8481,24)+1)/SUM(INDEX($D$3:$AA$30,INDEX(Jesper!$R$2:$R$366,ROW(INDEX(Jesper!AI$2:AI$366,ROUNDDOWN($C8481/24,0)+1,1))-1)+IF('Standard Profiles'!$G$19=$B$10,7,0)+IF('Standard Profiles'!$G$19=$B$17,14,0)+IF('Standard Profiles'!$G$19=$B$24,21,0),0)),0)</f>
        <v>0</v>
      </c>
      <c r="F8481" cm="1">
        <f t="array" ref="F8481">IFERROR(INDEX(Jesper!AJ$2:AJ$366,ROUNDDOWN($C8481/24,0)+1,1)*INDEX($D$3:$AA$30,INDEX(Jesper!$R$2:$R$366,ROW(INDEX(Jesper!AJ$2:AJ$366,ROUNDDOWN($C8481/24,0)+1,1))-1)+IF('Standard Profiles'!$G$20=$B$10,7,0)+IF('Standard Profiles'!$G$20=$B$17,14,0)+IF('Standard Profiles'!$G$20=$B$24,21,0),MOD($C8481,24)+1)/SUM(INDEX($D$3:$AA$30,INDEX(Jesper!$R$2:$R$366,ROW(INDEX(Jesper!AJ$2:AJ$366,ROUNDDOWN($C8481/24,0)+1,1))-1)+IF('Standard Profiles'!$G$20=$B$10,7,0)+IF('Standard Profiles'!$G$20=$B$17,14,0)+IF('Standard Profiles'!$G$20=$B$24,21,0),0)),0)</f>
        <v>0</v>
      </c>
      <c r="G8481" cm="1">
        <f t="array" ref="G8481">IFERROR(INDEX(Jesper!AK$2:AK$366,ROUNDDOWN($C8481/24,0)+1,1)*INDEX($D$3:$AA$30,INDEX(Jesper!$R$2:$R$366,ROW(INDEX(Jesper!AK$2:AK$366,ROUNDDOWN($C8481/24,0)+1,1))-1)+IF('Standard Profiles'!$G$21=$B$10,7,0)+IF('Standard Profiles'!$G$21=$B$17,14,0)+IF('Standard Profiles'!$G$21=$B$24,21,0),MOD($C8481,24)+1)/SUM(INDEX($D$3:$AA$30,INDEX(Jesper!$R$2:$R$366,ROW(INDEX(Jesper!AK$2:AK$366,ROUNDDOWN($C8481/24,0)+1,1))-1)+IF('Standard Profiles'!$G$21=$B$10,7,0)+IF('Standard Profiles'!$G$21=$B$17,14,0)+IF('Standard Profiles'!$G$21=$B$24,21,0),0)),0)</f>
        <v>0</v>
      </c>
      <c r="H8481" cm="1">
        <f t="array" ref="H8481">IFERROR(INDEX(Jesper!AL$2:AL$366,ROUNDDOWN($C8481/24,0)+1,1)*INDEX($D$3:$AA$30,INDEX(Jesper!$R$2:$R$366,ROW(INDEX(Jesper!AL$2:AL$366,ROUNDDOWN($C8481/24,0)+1,1))-1)+IF('Standard Profiles'!$G$22=$B$10,7,0)+IF('Standard Profiles'!$G$22=$B$17,14,0)+IF('Standard Profiles'!$G$22=$B$24,21,0),MOD($C8481,24)+1)/SUM(INDEX($D$3:$AA$30,INDEX(Jesper!$R$2:$R$366,ROW(INDEX(Jesper!AL$2:AL$366,ROUNDDOWN($C8481/24,0)+1,1))-1)+IF('Standard Profiles'!$G$22=$B$10,7,0)+IF('Standard Profiles'!$G$22=$B$17,14,0)+IF('Standard Profiles'!$G$22=$B$24,21,0),0)),0)</f>
        <v>0</v>
      </c>
      <c r="I8481">
        <f t="shared" si="937"/>
        <v>0.22411880370958542</v>
      </c>
      <c r="J8481">
        <f t="shared" si="938"/>
        <v>0.74706267903195145</v>
      </c>
      <c r="K8481">
        <f t="shared" si="939"/>
        <v>1.1205940185479271</v>
      </c>
      <c r="L8481">
        <f t="shared" si="940"/>
        <v>5.3788512890300497</v>
      </c>
      <c r="M8481">
        <f t="shared" si="941"/>
        <v>0</v>
      </c>
      <c r="N8481" s="46">
        <f t="shared" si="942"/>
        <v>45643.958333312847</v>
      </c>
    </row>
    <row r="8482" spans="2:14" x14ac:dyDescent="0.3">
      <c r="B8482">
        <f t="shared" si="936"/>
        <v>3</v>
      </c>
      <c r="C8482" s="16">
        <v>8448</v>
      </c>
      <c r="D8482" cm="1">
        <f t="array" ref="D8482">IFERROR(INDEX(Jesper!AH$2:AH$366,ROUNDDOWN($C8482/24,0)+1,1)*INDEX($D$3:$AA$30,INDEX(Jesper!$R$2:$R$366,ROW(INDEX(Jesper!AH$2:AH$366,ROUNDDOWN($C8482/24,0)+1,1))-1)+IF('Standard Profiles'!$G$18=$B$10,7,0)+IF('Standard Profiles'!$G$18=$B$17,14,0)+IF('Standard Profiles'!$G$18=$B$24,21,0),MOD($C8482,24)+1)/SUM(INDEX($D$3:$AA$30,INDEX(Jesper!$R$2:$R$366,ROW(INDEX(Jesper!AH$2:AH$366,ROUNDDOWN($C8482/24,0)+1,1))-1)+IF('Standard Profiles'!$G$18=$B$10,7,0)+IF('Standard Profiles'!$G$18=$B$17,14,0)+IF('Standard Profiles'!$G$18=$B$24,21,0),0)),0)</f>
        <v>6.8413457078969069</v>
      </c>
      <c r="E8482" cm="1">
        <f t="array" ref="E8482">IFERROR(INDEX(Jesper!AI$2:AI$366,ROUNDDOWN($C8482/24,0)+1,1)*INDEX($D$3:$AA$30,INDEX(Jesper!$R$2:$R$366,ROW(INDEX(Jesper!AI$2:AI$366,ROUNDDOWN($C8482/24,0)+1,1))-1)+IF('Standard Profiles'!$G$19=$B$10,7,0)+IF('Standard Profiles'!$G$19=$B$17,14,0)+IF('Standard Profiles'!$G$19=$B$24,21,0),MOD($C8482,24)+1)/SUM(INDEX($D$3:$AA$30,INDEX(Jesper!$R$2:$R$366,ROW(INDEX(Jesper!AI$2:AI$366,ROUNDDOWN($C8482/24,0)+1,1))-1)+IF('Standard Profiles'!$G$19=$B$10,7,0)+IF('Standard Profiles'!$G$19=$B$17,14,0)+IF('Standard Profiles'!$G$19=$B$24,21,0),0)),0)</f>
        <v>0</v>
      </c>
      <c r="F8482" cm="1">
        <f t="array" ref="F8482">IFERROR(INDEX(Jesper!AJ$2:AJ$366,ROUNDDOWN($C8482/24,0)+1,1)*INDEX($D$3:$AA$30,INDEX(Jesper!$R$2:$R$366,ROW(INDEX(Jesper!AJ$2:AJ$366,ROUNDDOWN($C8482/24,0)+1,1))-1)+IF('Standard Profiles'!$G$20=$B$10,7,0)+IF('Standard Profiles'!$G$20=$B$17,14,0)+IF('Standard Profiles'!$G$20=$B$24,21,0),MOD($C8482,24)+1)/SUM(INDEX($D$3:$AA$30,INDEX(Jesper!$R$2:$R$366,ROW(INDEX(Jesper!AJ$2:AJ$366,ROUNDDOWN($C8482/24,0)+1,1))-1)+IF('Standard Profiles'!$G$20=$B$10,7,0)+IF('Standard Profiles'!$G$20=$B$17,14,0)+IF('Standard Profiles'!$G$20=$B$24,21,0),0)),0)</f>
        <v>0</v>
      </c>
      <c r="G8482" cm="1">
        <f t="array" ref="G8482">IFERROR(INDEX(Jesper!AK$2:AK$366,ROUNDDOWN($C8482/24,0)+1,1)*INDEX($D$3:$AA$30,INDEX(Jesper!$R$2:$R$366,ROW(INDEX(Jesper!AK$2:AK$366,ROUNDDOWN($C8482/24,0)+1,1))-1)+IF('Standard Profiles'!$G$21=$B$10,7,0)+IF('Standard Profiles'!$G$21=$B$17,14,0)+IF('Standard Profiles'!$G$21=$B$24,21,0),MOD($C8482,24)+1)/SUM(INDEX($D$3:$AA$30,INDEX(Jesper!$R$2:$R$366,ROW(INDEX(Jesper!AK$2:AK$366,ROUNDDOWN($C8482/24,0)+1,1))-1)+IF('Standard Profiles'!$G$21=$B$10,7,0)+IF('Standard Profiles'!$G$21=$B$17,14,0)+IF('Standard Profiles'!$G$21=$B$24,21,0),0)),0)</f>
        <v>0</v>
      </c>
      <c r="H8482" cm="1">
        <f t="array" ref="H8482">IFERROR(INDEX(Jesper!AL$2:AL$366,ROUNDDOWN($C8482/24,0)+1,1)*INDEX($D$3:$AA$30,INDEX(Jesper!$R$2:$R$366,ROW(INDEX(Jesper!AL$2:AL$366,ROUNDDOWN($C8482/24,0)+1,1))-1)+IF('Standard Profiles'!$G$22=$B$10,7,0)+IF('Standard Profiles'!$G$22=$B$17,14,0)+IF('Standard Profiles'!$G$22=$B$24,21,0),MOD($C8482,24)+1)/SUM(INDEX($D$3:$AA$30,INDEX(Jesper!$R$2:$R$366,ROW(INDEX(Jesper!AL$2:AL$366,ROUNDDOWN($C8482/24,0)+1,1))-1)+IF('Standard Profiles'!$G$22=$B$10,7,0)+IF('Standard Profiles'!$G$22=$B$17,14,0)+IF('Standard Profiles'!$G$22=$B$24,21,0),0)),0)</f>
        <v>0</v>
      </c>
      <c r="I8482">
        <f t="shared" si="937"/>
        <v>0.20524037123690719</v>
      </c>
      <c r="J8482">
        <f t="shared" si="938"/>
        <v>0.68413457078969075</v>
      </c>
      <c r="K8482">
        <f t="shared" si="939"/>
        <v>1.0262018561845361</v>
      </c>
      <c r="L8482">
        <f t="shared" si="940"/>
        <v>4.9257689096857726</v>
      </c>
      <c r="M8482">
        <f t="shared" si="941"/>
        <v>0</v>
      </c>
      <c r="N8482" s="46">
        <f t="shared" si="942"/>
        <v>45643.999999979511</v>
      </c>
    </row>
    <row r="8483" spans="2:14" x14ac:dyDescent="0.3">
      <c r="B8483">
        <f t="shared" ref="B8483:B8546" si="943">WEEKDAY(N8483,2)</f>
        <v>3</v>
      </c>
      <c r="C8483" s="16">
        <v>8449</v>
      </c>
      <c r="D8483" cm="1">
        <f t="array" ref="D8483">IFERROR(INDEX(Jesper!AH$2:AH$366,ROUNDDOWN($C8483/24,0)+1,1)*INDEX($D$3:$AA$30,INDEX(Jesper!$R$2:$R$366,ROW(INDEX(Jesper!AH$2:AH$366,ROUNDDOWN($C8483/24,0)+1,1))-1)+IF('Standard Profiles'!$G$18=$B$10,7,0)+IF('Standard Profiles'!$G$18=$B$17,14,0)+IF('Standard Profiles'!$G$18=$B$24,21,0),MOD($C8483,24)+1)/SUM(INDEX($D$3:$AA$30,INDEX(Jesper!$R$2:$R$366,ROW(INDEX(Jesper!AH$2:AH$366,ROUNDDOWN($C8483/24,0)+1,1))-1)+IF('Standard Profiles'!$G$18=$B$10,7,0)+IF('Standard Profiles'!$G$18=$B$17,14,0)+IF('Standard Profiles'!$G$18=$B$24,21,0),0)),0)</f>
        <v>7.6965139213840201</v>
      </c>
      <c r="E8483" cm="1">
        <f t="array" ref="E8483">IFERROR(INDEX(Jesper!AI$2:AI$366,ROUNDDOWN($C8483/24,0)+1,1)*INDEX($D$3:$AA$30,INDEX(Jesper!$R$2:$R$366,ROW(INDEX(Jesper!AI$2:AI$366,ROUNDDOWN($C8483/24,0)+1,1))-1)+IF('Standard Profiles'!$G$19=$B$10,7,0)+IF('Standard Profiles'!$G$19=$B$17,14,0)+IF('Standard Profiles'!$G$19=$B$24,21,0),MOD($C8483,24)+1)/SUM(INDEX($D$3:$AA$30,INDEX(Jesper!$R$2:$R$366,ROW(INDEX(Jesper!AI$2:AI$366,ROUNDDOWN($C8483/24,0)+1,1))-1)+IF('Standard Profiles'!$G$19=$B$10,7,0)+IF('Standard Profiles'!$G$19=$B$17,14,0)+IF('Standard Profiles'!$G$19=$B$24,21,0),0)),0)</f>
        <v>0</v>
      </c>
      <c r="F8483" cm="1">
        <f t="array" ref="F8483">IFERROR(INDEX(Jesper!AJ$2:AJ$366,ROUNDDOWN($C8483/24,0)+1,1)*INDEX($D$3:$AA$30,INDEX(Jesper!$R$2:$R$366,ROW(INDEX(Jesper!AJ$2:AJ$366,ROUNDDOWN($C8483/24,0)+1,1))-1)+IF('Standard Profiles'!$G$20=$B$10,7,0)+IF('Standard Profiles'!$G$20=$B$17,14,0)+IF('Standard Profiles'!$G$20=$B$24,21,0),MOD($C8483,24)+1)/SUM(INDEX($D$3:$AA$30,INDEX(Jesper!$R$2:$R$366,ROW(INDEX(Jesper!AJ$2:AJ$366,ROUNDDOWN($C8483/24,0)+1,1))-1)+IF('Standard Profiles'!$G$20=$B$10,7,0)+IF('Standard Profiles'!$G$20=$B$17,14,0)+IF('Standard Profiles'!$G$20=$B$24,21,0),0)),0)</f>
        <v>0</v>
      </c>
      <c r="G8483" cm="1">
        <f t="array" ref="G8483">IFERROR(INDEX(Jesper!AK$2:AK$366,ROUNDDOWN($C8483/24,0)+1,1)*INDEX($D$3:$AA$30,INDEX(Jesper!$R$2:$R$366,ROW(INDEX(Jesper!AK$2:AK$366,ROUNDDOWN($C8483/24,0)+1,1))-1)+IF('Standard Profiles'!$G$21=$B$10,7,0)+IF('Standard Profiles'!$G$21=$B$17,14,0)+IF('Standard Profiles'!$G$21=$B$24,21,0),MOD($C8483,24)+1)/SUM(INDEX($D$3:$AA$30,INDEX(Jesper!$R$2:$R$366,ROW(INDEX(Jesper!AK$2:AK$366,ROUNDDOWN($C8483/24,0)+1,1))-1)+IF('Standard Profiles'!$G$21=$B$10,7,0)+IF('Standard Profiles'!$G$21=$B$17,14,0)+IF('Standard Profiles'!$G$21=$B$24,21,0),0)),0)</f>
        <v>0</v>
      </c>
      <c r="H8483" cm="1">
        <f t="array" ref="H8483">IFERROR(INDEX(Jesper!AL$2:AL$366,ROUNDDOWN($C8483/24,0)+1,1)*INDEX($D$3:$AA$30,INDEX(Jesper!$R$2:$R$366,ROW(INDEX(Jesper!AL$2:AL$366,ROUNDDOWN($C8483/24,0)+1,1))-1)+IF('Standard Profiles'!$G$22=$B$10,7,0)+IF('Standard Profiles'!$G$22=$B$17,14,0)+IF('Standard Profiles'!$G$22=$B$24,21,0),MOD($C8483,24)+1)/SUM(INDEX($D$3:$AA$30,INDEX(Jesper!$R$2:$R$366,ROW(INDEX(Jesper!AL$2:AL$366,ROUNDDOWN($C8483/24,0)+1,1))-1)+IF('Standard Profiles'!$G$22=$B$10,7,0)+IF('Standard Profiles'!$G$22=$B$17,14,0)+IF('Standard Profiles'!$G$22=$B$24,21,0),0)),0)</f>
        <v>0</v>
      </c>
      <c r="I8483">
        <f t="shared" ref="I8483:I8546" si="944">IF($B8483&lt;6,AC$37*$D8483+AC$38*$E8483+AC$39*$F8483+AC$40*$G8483,AC$46*$D8483+AC$47*$E8483+AC$48*$F8483+AC$49*$G8483+AC$50*$H8483)</f>
        <v>0.23089541764152061</v>
      </c>
      <c r="J8483">
        <f t="shared" ref="J8483:J8546" si="945">IF($B8483&lt;6,AD$37*$D8483+AD$38*$E8483+AD$39*$F8483+AD$40*$G8483,AD$46*$D8483+AD$47*$E8483+AD$48*$F8483+AD$49*$G8483+AD$50*$H8483)</f>
        <v>0.76965139213840206</v>
      </c>
      <c r="K8483">
        <f t="shared" ref="K8483:K8546" si="946">IF($B8483&lt;6,AE$37*$D8483+AE$38*$E8483+AE$39*$F8483+AE$40*$G8483,AE$46*$D8483+AE$47*$E8483+AE$48*$F8483+AE$49*$G8483+AE$50*$H8483)</f>
        <v>1.154477088207603</v>
      </c>
      <c r="L8483">
        <f t="shared" ref="L8483:L8546" si="947">IF($B8483&lt;6,AF$37*$D8483+AF$38*$E8483+AF$39*$F8483+AF$40*$G8483,AF$46*$D8483+AF$47*$E8483+AF$48*$F8483+AF$49*$G8483+AF$50*$H8483)</f>
        <v>5.5414900233964941</v>
      </c>
      <c r="M8483">
        <f t="shared" ref="M8483:M8546" si="948">IF($B8483&lt;6,AG$37*$D8483+AG$38*$E8483+AG$39*$F8483+AG$40*$G8483,AG$46*$D8483+AG$47*$E8483+AG$48*$F8483+AG$49*$G8483+AG$50*$H8483)</f>
        <v>0</v>
      </c>
      <c r="N8483" s="46">
        <f t="shared" si="942"/>
        <v>45644.041666646175</v>
      </c>
    </row>
    <row r="8484" spans="2:14" x14ac:dyDescent="0.3">
      <c r="B8484">
        <f t="shared" si="943"/>
        <v>3</v>
      </c>
      <c r="C8484" s="16">
        <v>8450</v>
      </c>
      <c r="D8484" cm="1">
        <f t="array" ref="D8484">IFERROR(INDEX(Jesper!AH$2:AH$366,ROUNDDOWN($C8484/24,0)+1,1)*INDEX($D$3:$AA$30,INDEX(Jesper!$R$2:$R$366,ROW(INDEX(Jesper!AH$2:AH$366,ROUNDDOWN($C8484/24,0)+1,1))-1)+IF('Standard Profiles'!$G$18=$B$10,7,0)+IF('Standard Profiles'!$G$18=$B$17,14,0)+IF('Standard Profiles'!$G$18=$B$24,21,0),MOD($C8484,24)+1)/SUM(INDEX($D$3:$AA$30,INDEX(Jesper!$R$2:$R$366,ROW(INDEX(Jesper!AH$2:AH$366,ROUNDDOWN($C8484/24,0)+1,1))-1)+IF('Standard Profiles'!$G$18=$B$10,7,0)+IF('Standard Profiles'!$G$18=$B$17,14,0)+IF('Standard Profiles'!$G$18=$B$24,21,0),0)),0)</f>
        <v>7.6965139213840201</v>
      </c>
      <c r="E8484" cm="1">
        <f t="array" ref="E8484">IFERROR(INDEX(Jesper!AI$2:AI$366,ROUNDDOWN($C8484/24,0)+1,1)*INDEX($D$3:$AA$30,INDEX(Jesper!$R$2:$R$366,ROW(INDEX(Jesper!AI$2:AI$366,ROUNDDOWN($C8484/24,0)+1,1))-1)+IF('Standard Profiles'!$G$19=$B$10,7,0)+IF('Standard Profiles'!$G$19=$B$17,14,0)+IF('Standard Profiles'!$G$19=$B$24,21,0),MOD($C8484,24)+1)/SUM(INDEX($D$3:$AA$30,INDEX(Jesper!$R$2:$R$366,ROW(INDEX(Jesper!AI$2:AI$366,ROUNDDOWN($C8484/24,0)+1,1))-1)+IF('Standard Profiles'!$G$19=$B$10,7,0)+IF('Standard Profiles'!$G$19=$B$17,14,0)+IF('Standard Profiles'!$G$19=$B$24,21,0),0)),0)</f>
        <v>0</v>
      </c>
      <c r="F8484" cm="1">
        <f t="array" ref="F8484">IFERROR(INDEX(Jesper!AJ$2:AJ$366,ROUNDDOWN($C8484/24,0)+1,1)*INDEX($D$3:$AA$30,INDEX(Jesper!$R$2:$R$366,ROW(INDEX(Jesper!AJ$2:AJ$366,ROUNDDOWN($C8484/24,0)+1,1))-1)+IF('Standard Profiles'!$G$20=$B$10,7,0)+IF('Standard Profiles'!$G$20=$B$17,14,0)+IF('Standard Profiles'!$G$20=$B$24,21,0),MOD($C8484,24)+1)/SUM(INDEX($D$3:$AA$30,INDEX(Jesper!$R$2:$R$366,ROW(INDEX(Jesper!AJ$2:AJ$366,ROUNDDOWN($C8484/24,0)+1,1))-1)+IF('Standard Profiles'!$G$20=$B$10,7,0)+IF('Standard Profiles'!$G$20=$B$17,14,0)+IF('Standard Profiles'!$G$20=$B$24,21,0),0)),0)</f>
        <v>0</v>
      </c>
      <c r="G8484" cm="1">
        <f t="array" ref="G8484">IFERROR(INDEX(Jesper!AK$2:AK$366,ROUNDDOWN($C8484/24,0)+1,1)*INDEX($D$3:$AA$30,INDEX(Jesper!$R$2:$R$366,ROW(INDEX(Jesper!AK$2:AK$366,ROUNDDOWN($C8484/24,0)+1,1))-1)+IF('Standard Profiles'!$G$21=$B$10,7,0)+IF('Standard Profiles'!$G$21=$B$17,14,0)+IF('Standard Profiles'!$G$21=$B$24,21,0),MOD($C8484,24)+1)/SUM(INDEX($D$3:$AA$30,INDEX(Jesper!$R$2:$R$366,ROW(INDEX(Jesper!AK$2:AK$366,ROUNDDOWN($C8484/24,0)+1,1))-1)+IF('Standard Profiles'!$G$21=$B$10,7,0)+IF('Standard Profiles'!$G$21=$B$17,14,0)+IF('Standard Profiles'!$G$21=$B$24,21,0),0)),0)</f>
        <v>0</v>
      </c>
      <c r="H8484" cm="1">
        <f t="array" ref="H8484">IFERROR(INDEX(Jesper!AL$2:AL$366,ROUNDDOWN($C8484/24,0)+1,1)*INDEX($D$3:$AA$30,INDEX(Jesper!$R$2:$R$366,ROW(INDEX(Jesper!AL$2:AL$366,ROUNDDOWN($C8484/24,0)+1,1))-1)+IF('Standard Profiles'!$G$22=$B$10,7,0)+IF('Standard Profiles'!$G$22=$B$17,14,0)+IF('Standard Profiles'!$G$22=$B$24,21,0),MOD($C8484,24)+1)/SUM(INDEX($D$3:$AA$30,INDEX(Jesper!$R$2:$R$366,ROW(INDEX(Jesper!AL$2:AL$366,ROUNDDOWN($C8484/24,0)+1,1))-1)+IF('Standard Profiles'!$G$22=$B$10,7,0)+IF('Standard Profiles'!$G$22=$B$17,14,0)+IF('Standard Profiles'!$G$22=$B$24,21,0),0)),0)</f>
        <v>0</v>
      </c>
      <c r="I8484">
        <f t="shared" si="944"/>
        <v>0.23089541764152061</v>
      </c>
      <c r="J8484">
        <f t="shared" si="945"/>
        <v>0.76965139213840206</v>
      </c>
      <c r="K8484">
        <f t="shared" si="946"/>
        <v>1.154477088207603</v>
      </c>
      <c r="L8484">
        <f t="shared" si="947"/>
        <v>5.5414900233964941</v>
      </c>
      <c r="M8484">
        <f t="shared" si="948"/>
        <v>0</v>
      </c>
      <c r="N8484" s="46">
        <f t="shared" ref="N8484:N8547" si="949">N8483+1/24</f>
        <v>45644.083333312839</v>
      </c>
    </row>
    <row r="8485" spans="2:14" x14ac:dyDescent="0.3">
      <c r="B8485">
        <f t="shared" si="943"/>
        <v>3</v>
      </c>
      <c r="C8485" s="16">
        <v>8451</v>
      </c>
      <c r="D8485" cm="1">
        <f t="array" ref="D8485">IFERROR(INDEX(Jesper!AH$2:AH$366,ROUNDDOWN($C8485/24,0)+1,1)*INDEX($D$3:$AA$30,INDEX(Jesper!$R$2:$R$366,ROW(INDEX(Jesper!AH$2:AH$366,ROUNDDOWN($C8485/24,0)+1,1))-1)+IF('Standard Profiles'!$G$18=$B$10,7,0)+IF('Standard Profiles'!$G$18=$B$17,14,0)+IF('Standard Profiles'!$G$18=$B$24,21,0),MOD($C8485,24)+1)/SUM(INDEX($D$3:$AA$30,INDEX(Jesper!$R$2:$R$366,ROW(INDEX(Jesper!AH$2:AH$366,ROUNDDOWN($C8485/24,0)+1,1))-1)+IF('Standard Profiles'!$G$18=$B$10,7,0)+IF('Standard Profiles'!$G$18=$B$17,14,0)+IF('Standard Profiles'!$G$18=$B$24,21,0),0)),0)</f>
        <v>7.6965139213840201</v>
      </c>
      <c r="E8485" cm="1">
        <f t="array" ref="E8485">IFERROR(INDEX(Jesper!AI$2:AI$366,ROUNDDOWN($C8485/24,0)+1,1)*INDEX($D$3:$AA$30,INDEX(Jesper!$R$2:$R$366,ROW(INDEX(Jesper!AI$2:AI$366,ROUNDDOWN($C8485/24,0)+1,1))-1)+IF('Standard Profiles'!$G$19=$B$10,7,0)+IF('Standard Profiles'!$G$19=$B$17,14,0)+IF('Standard Profiles'!$G$19=$B$24,21,0),MOD($C8485,24)+1)/SUM(INDEX($D$3:$AA$30,INDEX(Jesper!$R$2:$R$366,ROW(INDEX(Jesper!AI$2:AI$366,ROUNDDOWN($C8485/24,0)+1,1))-1)+IF('Standard Profiles'!$G$19=$B$10,7,0)+IF('Standard Profiles'!$G$19=$B$17,14,0)+IF('Standard Profiles'!$G$19=$B$24,21,0),0)),0)</f>
        <v>0</v>
      </c>
      <c r="F8485" cm="1">
        <f t="array" ref="F8485">IFERROR(INDEX(Jesper!AJ$2:AJ$366,ROUNDDOWN($C8485/24,0)+1,1)*INDEX($D$3:$AA$30,INDEX(Jesper!$R$2:$R$366,ROW(INDEX(Jesper!AJ$2:AJ$366,ROUNDDOWN($C8485/24,0)+1,1))-1)+IF('Standard Profiles'!$G$20=$B$10,7,0)+IF('Standard Profiles'!$G$20=$B$17,14,0)+IF('Standard Profiles'!$G$20=$B$24,21,0),MOD($C8485,24)+1)/SUM(INDEX($D$3:$AA$30,INDEX(Jesper!$R$2:$R$366,ROW(INDEX(Jesper!AJ$2:AJ$366,ROUNDDOWN($C8485/24,0)+1,1))-1)+IF('Standard Profiles'!$G$20=$B$10,7,0)+IF('Standard Profiles'!$G$20=$B$17,14,0)+IF('Standard Profiles'!$G$20=$B$24,21,0),0)),0)</f>
        <v>0</v>
      </c>
      <c r="G8485" cm="1">
        <f t="array" ref="G8485">IFERROR(INDEX(Jesper!AK$2:AK$366,ROUNDDOWN($C8485/24,0)+1,1)*INDEX($D$3:$AA$30,INDEX(Jesper!$R$2:$R$366,ROW(INDEX(Jesper!AK$2:AK$366,ROUNDDOWN($C8485/24,0)+1,1))-1)+IF('Standard Profiles'!$G$21=$B$10,7,0)+IF('Standard Profiles'!$G$21=$B$17,14,0)+IF('Standard Profiles'!$G$21=$B$24,21,0),MOD($C8485,24)+1)/SUM(INDEX($D$3:$AA$30,INDEX(Jesper!$R$2:$R$366,ROW(INDEX(Jesper!AK$2:AK$366,ROUNDDOWN($C8485/24,0)+1,1))-1)+IF('Standard Profiles'!$G$21=$B$10,7,0)+IF('Standard Profiles'!$G$21=$B$17,14,0)+IF('Standard Profiles'!$G$21=$B$24,21,0),0)),0)</f>
        <v>0</v>
      </c>
      <c r="H8485" cm="1">
        <f t="array" ref="H8485">IFERROR(INDEX(Jesper!AL$2:AL$366,ROUNDDOWN($C8485/24,0)+1,1)*INDEX($D$3:$AA$30,INDEX(Jesper!$R$2:$R$366,ROW(INDEX(Jesper!AL$2:AL$366,ROUNDDOWN($C8485/24,0)+1,1))-1)+IF('Standard Profiles'!$G$22=$B$10,7,0)+IF('Standard Profiles'!$G$22=$B$17,14,0)+IF('Standard Profiles'!$G$22=$B$24,21,0),MOD($C8485,24)+1)/SUM(INDEX($D$3:$AA$30,INDEX(Jesper!$R$2:$R$366,ROW(INDEX(Jesper!AL$2:AL$366,ROUNDDOWN($C8485/24,0)+1,1))-1)+IF('Standard Profiles'!$G$22=$B$10,7,0)+IF('Standard Profiles'!$G$22=$B$17,14,0)+IF('Standard Profiles'!$G$22=$B$24,21,0),0)),0)</f>
        <v>0</v>
      </c>
      <c r="I8485">
        <f t="shared" si="944"/>
        <v>0.23089541764152061</v>
      </c>
      <c r="J8485">
        <f t="shared" si="945"/>
        <v>0.76965139213840206</v>
      </c>
      <c r="K8485">
        <f t="shared" si="946"/>
        <v>1.154477088207603</v>
      </c>
      <c r="L8485">
        <f t="shared" si="947"/>
        <v>5.5414900233964941</v>
      </c>
      <c r="M8485">
        <f t="shared" si="948"/>
        <v>0</v>
      </c>
      <c r="N8485" s="46">
        <f t="shared" si="949"/>
        <v>45644.124999979504</v>
      </c>
    </row>
    <row r="8486" spans="2:14" x14ac:dyDescent="0.3">
      <c r="B8486">
        <f t="shared" si="943"/>
        <v>3</v>
      </c>
      <c r="C8486" s="16">
        <v>8452</v>
      </c>
      <c r="D8486" cm="1">
        <f t="array" ref="D8486">IFERROR(INDEX(Jesper!AH$2:AH$366,ROUNDDOWN($C8486/24,0)+1,1)*INDEX($D$3:$AA$30,INDEX(Jesper!$R$2:$R$366,ROW(INDEX(Jesper!AH$2:AH$366,ROUNDDOWN($C8486/24,0)+1,1))-1)+IF('Standard Profiles'!$G$18=$B$10,7,0)+IF('Standard Profiles'!$G$18=$B$17,14,0)+IF('Standard Profiles'!$G$18=$B$24,21,0),MOD($C8486,24)+1)/SUM(INDEX($D$3:$AA$30,INDEX(Jesper!$R$2:$R$366,ROW(INDEX(Jesper!AH$2:AH$366,ROUNDDOWN($C8486/24,0)+1,1))-1)+IF('Standard Profiles'!$G$18=$B$10,7,0)+IF('Standard Profiles'!$G$18=$B$17,14,0)+IF('Standard Profiles'!$G$18=$B$24,21,0),0)),0)</f>
        <v>7.6965139213840201</v>
      </c>
      <c r="E8486" cm="1">
        <f t="array" ref="E8486">IFERROR(INDEX(Jesper!AI$2:AI$366,ROUNDDOWN($C8486/24,0)+1,1)*INDEX($D$3:$AA$30,INDEX(Jesper!$R$2:$R$366,ROW(INDEX(Jesper!AI$2:AI$366,ROUNDDOWN($C8486/24,0)+1,1))-1)+IF('Standard Profiles'!$G$19=$B$10,7,0)+IF('Standard Profiles'!$G$19=$B$17,14,0)+IF('Standard Profiles'!$G$19=$B$24,21,0),MOD($C8486,24)+1)/SUM(INDEX($D$3:$AA$30,INDEX(Jesper!$R$2:$R$366,ROW(INDEX(Jesper!AI$2:AI$366,ROUNDDOWN($C8486/24,0)+1,1))-1)+IF('Standard Profiles'!$G$19=$B$10,7,0)+IF('Standard Profiles'!$G$19=$B$17,14,0)+IF('Standard Profiles'!$G$19=$B$24,21,0),0)),0)</f>
        <v>0</v>
      </c>
      <c r="F8486" cm="1">
        <f t="array" ref="F8486">IFERROR(INDEX(Jesper!AJ$2:AJ$366,ROUNDDOWN($C8486/24,0)+1,1)*INDEX($D$3:$AA$30,INDEX(Jesper!$R$2:$R$366,ROW(INDEX(Jesper!AJ$2:AJ$366,ROUNDDOWN($C8486/24,0)+1,1))-1)+IF('Standard Profiles'!$G$20=$B$10,7,0)+IF('Standard Profiles'!$G$20=$B$17,14,0)+IF('Standard Profiles'!$G$20=$B$24,21,0),MOD($C8486,24)+1)/SUM(INDEX($D$3:$AA$30,INDEX(Jesper!$R$2:$R$366,ROW(INDEX(Jesper!AJ$2:AJ$366,ROUNDDOWN($C8486/24,0)+1,1))-1)+IF('Standard Profiles'!$G$20=$B$10,7,0)+IF('Standard Profiles'!$G$20=$B$17,14,0)+IF('Standard Profiles'!$G$20=$B$24,21,0),0)),0)</f>
        <v>0</v>
      </c>
      <c r="G8486" cm="1">
        <f t="array" ref="G8486">IFERROR(INDEX(Jesper!AK$2:AK$366,ROUNDDOWN($C8486/24,0)+1,1)*INDEX($D$3:$AA$30,INDEX(Jesper!$R$2:$R$366,ROW(INDEX(Jesper!AK$2:AK$366,ROUNDDOWN($C8486/24,0)+1,1))-1)+IF('Standard Profiles'!$G$21=$B$10,7,0)+IF('Standard Profiles'!$G$21=$B$17,14,0)+IF('Standard Profiles'!$G$21=$B$24,21,0),MOD($C8486,24)+1)/SUM(INDEX($D$3:$AA$30,INDEX(Jesper!$R$2:$R$366,ROW(INDEX(Jesper!AK$2:AK$366,ROUNDDOWN($C8486/24,0)+1,1))-1)+IF('Standard Profiles'!$G$21=$B$10,7,0)+IF('Standard Profiles'!$G$21=$B$17,14,0)+IF('Standard Profiles'!$G$21=$B$24,21,0),0)),0)</f>
        <v>0</v>
      </c>
      <c r="H8486" cm="1">
        <f t="array" ref="H8486">IFERROR(INDEX(Jesper!AL$2:AL$366,ROUNDDOWN($C8486/24,0)+1,1)*INDEX($D$3:$AA$30,INDEX(Jesper!$R$2:$R$366,ROW(INDEX(Jesper!AL$2:AL$366,ROUNDDOWN($C8486/24,0)+1,1))-1)+IF('Standard Profiles'!$G$22=$B$10,7,0)+IF('Standard Profiles'!$G$22=$B$17,14,0)+IF('Standard Profiles'!$G$22=$B$24,21,0),MOD($C8486,24)+1)/SUM(INDEX($D$3:$AA$30,INDEX(Jesper!$R$2:$R$366,ROW(INDEX(Jesper!AL$2:AL$366,ROUNDDOWN($C8486/24,0)+1,1))-1)+IF('Standard Profiles'!$G$22=$B$10,7,0)+IF('Standard Profiles'!$G$22=$B$17,14,0)+IF('Standard Profiles'!$G$22=$B$24,21,0),0)),0)</f>
        <v>0</v>
      </c>
      <c r="I8486">
        <f t="shared" si="944"/>
        <v>0.23089541764152061</v>
      </c>
      <c r="J8486">
        <f t="shared" si="945"/>
        <v>0.76965139213840206</v>
      </c>
      <c r="K8486">
        <f t="shared" si="946"/>
        <v>1.154477088207603</v>
      </c>
      <c r="L8486">
        <f t="shared" si="947"/>
        <v>5.5414900233964941</v>
      </c>
      <c r="M8486">
        <f t="shared" si="948"/>
        <v>0</v>
      </c>
      <c r="N8486" s="46">
        <f t="shared" si="949"/>
        <v>45644.166666646168</v>
      </c>
    </row>
    <row r="8487" spans="2:14" x14ac:dyDescent="0.3">
      <c r="B8487">
        <f t="shared" si="943"/>
        <v>3</v>
      </c>
      <c r="C8487" s="16">
        <v>8453</v>
      </c>
      <c r="D8487" cm="1">
        <f t="array" ref="D8487">IFERROR(INDEX(Jesper!AH$2:AH$366,ROUNDDOWN($C8487/24,0)+1,1)*INDEX($D$3:$AA$30,INDEX(Jesper!$R$2:$R$366,ROW(INDEX(Jesper!AH$2:AH$366,ROUNDDOWN($C8487/24,0)+1,1))-1)+IF('Standard Profiles'!$G$18=$B$10,7,0)+IF('Standard Profiles'!$G$18=$B$17,14,0)+IF('Standard Profiles'!$G$18=$B$24,21,0),MOD($C8487,24)+1)/SUM(INDEX($D$3:$AA$30,INDEX(Jesper!$R$2:$R$366,ROW(INDEX(Jesper!AH$2:AH$366,ROUNDDOWN($C8487/24,0)+1,1))-1)+IF('Standard Profiles'!$G$18=$B$10,7,0)+IF('Standard Profiles'!$G$18=$B$17,14,0)+IF('Standard Profiles'!$G$18=$B$24,21,0),0)),0)</f>
        <v>9.9199512764505151</v>
      </c>
      <c r="E8487" cm="1">
        <f t="array" ref="E8487">IFERROR(INDEX(Jesper!AI$2:AI$366,ROUNDDOWN($C8487/24,0)+1,1)*INDEX($D$3:$AA$30,INDEX(Jesper!$R$2:$R$366,ROW(INDEX(Jesper!AI$2:AI$366,ROUNDDOWN($C8487/24,0)+1,1))-1)+IF('Standard Profiles'!$G$19=$B$10,7,0)+IF('Standard Profiles'!$G$19=$B$17,14,0)+IF('Standard Profiles'!$G$19=$B$24,21,0),MOD($C8487,24)+1)/SUM(INDEX($D$3:$AA$30,INDEX(Jesper!$R$2:$R$366,ROW(INDEX(Jesper!AI$2:AI$366,ROUNDDOWN($C8487/24,0)+1,1))-1)+IF('Standard Profiles'!$G$19=$B$10,7,0)+IF('Standard Profiles'!$G$19=$B$17,14,0)+IF('Standard Profiles'!$G$19=$B$24,21,0),0)),0)</f>
        <v>0</v>
      </c>
      <c r="F8487" cm="1">
        <f t="array" ref="F8487">IFERROR(INDEX(Jesper!AJ$2:AJ$366,ROUNDDOWN($C8487/24,0)+1,1)*INDEX($D$3:$AA$30,INDEX(Jesper!$R$2:$R$366,ROW(INDEX(Jesper!AJ$2:AJ$366,ROUNDDOWN($C8487/24,0)+1,1))-1)+IF('Standard Profiles'!$G$20=$B$10,7,0)+IF('Standard Profiles'!$G$20=$B$17,14,0)+IF('Standard Profiles'!$G$20=$B$24,21,0),MOD($C8487,24)+1)/SUM(INDEX($D$3:$AA$30,INDEX(Jesper!$R$2:$R$366,ROW(INDEX(Jesper!AJ$2:AJ$366,ROUNDDOWN($C8487/24,0)+1,1))-1)+IF('Standard Profiles'!$G$20=$B$10,7,0)+IF('Standard Profiles'!$G$20=$B$17,14,0)+IF('Standard Profiles'!$G$20=$B$24,21,0),0)),0)</f>
        <v>0</v>
      </c>
      <c r="G8487" cm="1">
        <f t="array" ref="G8487">IFERROR(INDEX(Jesper!AK$2:AK$366,ROUNDDOWN($C8487/24,0)+1,1)*INDEX($D$3:$AA$30,INDEX(Jesper!$R$2:$R$366,ROW(INDEX(Jesper!AK$2:AK$366,ROUNDDOWN($C8487/24,0)+1,1))-1)+IF('Standard Profiles'!$G$21=$B$10,7,0)+IF('Standard Profiles'!$G$21=$B$17,14,0)+IF('Standard Profiles'!$G$21=$B$24,21,0),MOD($C8487,24)+1)/SUM(INDEX($D$3:$AA$30,INDEX(Jesper!$R$2:$R$366,ROW(INDEX(Jesper!AK$2:AK$366,ROUNDDOWN($C8487/24,0)+1,1))-1)+IF('Standard Profiles'!$G$21=$B$10,7,0)+IF('Standard Profiles'!$G$21=$B$17,14,0)+IF('Standard Profiles'!$G$21=$B$24,21,0),0)),0)</f>
        <v>0</v>
      </c>
      <c r="H8487" cm="1">
        <f t="array" ref="H8487">IFERROR(INDEX(Jesper!AL$2:AL$366,ROUNDDOWN($C8487/24,0)+1,1)*INDEX($D$3:$AA$30,INDEX(Jesper!$R$2:$R$366,ROW(INDEX(Jesper!AL$2:AL$366,ROUNDDOWN($C8487/24,0)+1,1))-1)+IF('Standard Profiles'!$G$22=$B$10,7,0)+IF('Standard Profiles'!$G$22=$B$17,14,0)+IF('Standard Profiles'!$G$22=$B$24,21,0),MOD($C8487,24)+1)/SUM(INDEX($D$3:$AA$30,INDEX(Jesper!$R$2:$R$366,ROW(INDEX(Jesper!AL$2:AL$366,ROUNDDOWN($C8487/24,0)+1,1))-1)+IF('Standard Profiles'!$G$22=$B$10,7,0)+IF('Standard Profiles'!$G$22=$B$17,14,0)+IF('Standard Profiles'!$G$22=$B$24,21,0),0)),0)</f>
        <v>0</v>
      </c>
      <c r="I8487">
        <f t="shared" si="944"/>
        <v>0.29759853829351546</v>
      </c>
      <c r="J8487">
        <f t="shared" si="945"/>
        <v>0.9919951276450516</v>
      </c>
      <c r="K8487">
        <f t="shared" si="946"/>
        <v>1.4879926914675772</v>
      </c>
      <c r="L8487">
        <f t="shared" si="947"/>
        <v>7.142364919044371</v>
      </c>
      <c r="M8487">
        <f t="shared" si="948"/>
        <v>0</v>
      </c>
      <c r="N8487" s="46">
        <f t="shared" si="949"/>
        <v>45644.208333312832</v>
      </c>
    </row>
    <row r="8488" spans="2:14" x14ac:dyDescent="0.3">
      <c r="B8488">
        <f t="shared" si="943"/>
        <v>3</v>
      </c>
      <c r="C8488" s="16">
        <v>8454</v>
      </c>
      <c r="D8488" cm="1">
        <f t="array" ref="D8488">IFERROR(INDEX(Jesper!AH$2:AH$366,ROUNDDOWN($C8488/24,0)+1,1)*INDEX($D$3:$AA$30,INDEX(Jesper!$R$2:$R$366,ROW(INDEX(Jesper!AH$2:AH$366,ROUNDDOWN($C8488/24,0)+1,1))-1)+IF('Standard Profiles'!$G$18=$B$10,7,0)+IF('Standard Profiles'!$G$18=$B$17,14,0)+IF('Standard Profiles'!$G$18=$B$24,21,0),MOD($C8488,24)+1)/SUM(INDEX($D$3:$AA$30,INDEX(Jesper!$R$2:$R$366,ROW(INDEX(Jesper!AH$2:AH$366,ROUNDDOWN($C8488/24,0)+1,1))-1)+IF('Standard Profiles'!$G$18=$B$10,7,0)+IF('Standard Profiles'!$G$18=$B$17,14,0)+IF('Standard Profiles'!$G$18=$B$24,21,0),0)),0)</f>
        <v>11.45925406072732</v>
      </c>
      <c r="E8488" cm="1">
        <f t="array" ref="E8488">IFERROR(INDEX(Jesper!AI$2:AI$366,ROUNDDOWN($C8488/24,0)+1,1)*INDEX($D$3:$AA$30,INDEX(Jesper!$R$2:$R$366,ROW(INDEX(Jesper!AI$2:AI$366,ROUNDDOWN($C8488/24,0)+1,1))-1)+IF('Standard Profiles'!$G$19=$B$10,7,0)+IF('Standard Profiles'!$G$19=$B$17,14,0)+IF('Standard Profiles'!$G$19=$B$24,21,0),MOD($C8488,24)+1)/SUM(INDEX($D$3:$AA$30,INDEX(Jesper!$R$2:$R$366,ROW(INDEX(Jesper!AI$2:AI$366,ROUNDDOWN($C8488/24,0)+1,1))-1)+IF('Standard Profiles'!$G$19=$B$10,7,0)+IF('Standard Profiles'!$G$19=$B$17,14,0)+IF('Standard Profiles'!$G$19=$B$24,21,0),0)),0)</f>
        <v>0</v>
      </c>
      <c r="F8488" cm="1">
        <f t="array" ref="F8488">IFERROR(INDEX(Jesper!AJ$2:AJ$366,ROUNDDOWN($C8488/24,0)+1,1)*INDEX($D$3:$AA$30,INDEX(Jesper!$R$2:$R$366,ROW(INDEX(Jesper!AJ$2:AJ$366,ROUNDDOWN($C8488/24,0)+1,1))-1)+IF('Standard Profiles'!$G$20=$B$10,7,0)+IF('Standard Profiles'!$G$20=$B$17,14,0)+IF('Standard Profiles'!$G$20=$B$24,21,0),MOD($C8488,24)+1)/SUM(INDEX($D$3:$AA$30,INDEX(Jesper!$R$2:$R$366,ROW(INDEX(Jesper!AJ$2:AJ$366,ROUNDDOWN($C8488/24,0)+1,1))-1)+IF('Standard Profiles'!$G$20=$B$10,7,0)+IF('Standard Profiles'!$G$20=$B$17,14,0)+IF('Standard Profiles'!$G$20=$B$24,21,0),0)),0)</f>
        <v>0</v>
      </c>
      <c r="G8488" cm="1">
        <f t="array" ref="G8488">IFERROR(INDEX(Jesper!AK$2:AK$366,ROUNDDOWN($C8488/24,0)+1,1)*INDEX($D$3:$AA$30,INDEX(Jesper!$R$2:$R$366,ROW(INDEX(Jesper!AK$2:AK$366,ROUNDDOWN($C8488/24,0)+1,1))-1)+IF('Standard Profiles'!$G$21=$B$10,7,0)+IF('Standard Profiles'!$G$21=$B$17,14,0)+IF('Standard Profiles'!$G$21=$B$24,21,0),MOD($C8488,24)+1)/SUM(INDEX($D$3:$AA$30,INDEX(Jesper!$R$2:$R$366,ROW(INDEX(Jesper!AK$2:AK$366,ROUNDDOWN($C8488/24,0)+1,1))-1)+IF('Standard Profiles'!$G$21=$B$10,7,0)+IF('Standard Profiles'!$G$21=$B$17,14,0)+IF('Standard Profiles'!$G$21=$B$24,21,0),0)),0)</f>
        <v>0</v>
      </c>
      <c r="H8488" cm="1">
        <f t="array" ref="H8488">IFERROR(INDEX(Jesper!AL$2:AL$366,ROUNDDOWN($C8488/24,0)+1,1)*INDEX($D$3:$AA$30,INDEX(Jesper!$R$2:$R$366,ROW(INDEX(Jesper!AL$2:AL$366,ROUNDDOWN($C8488/24,0)+1,1))-1)+IF('Standard Profiles'!$G$22=$B$10,7,0)+IF('Standard Profiles'!$G$22=$B$17,14,0)+IF('Standard Profiles'!$G$22=$B$24,21,0),MOD($C8488,24)+1)/SUM(INDEX($D$3:$AA$30,INDEX(Jesper!$R$2:$R$366,ROW(INDEX(Jesper!AL$2:AL$366,ROUNDDOWN($C8488/24,0)+1,1))-1)+IF('Standard Profiles'!$G$22=$B$10,7,0)+IF('Standard Profiles'!$G$22=$B$17,14,0)+IF('Standard Profiles'!$G$22=$B$24,21,0),0)),0)</f>
        <v>0</v>
      </c>
      <c r="I8488">
        <f t="shared" si="944"/>
        <v>0.34377762182181959</v>
      </c>
      <c r="J8488">
        <f t="shared" si="945"/>
        <v>1.145925406072732</v>
      </c>
      <c r="K8488">
        <f t="shared" si="946"/>
        <v>1.718888109109098</v>
      </c>
      <c r="L8488">
        <f t="shared" si="947"/>
        <v>8.2506629237236702</v>
      </c>
      <c r="M8488">
        <f t="shared" si="948"/>
        <v>0</v>
      </c>
      <c r="N8488" s="46">
        <f t="shared" si="949"/>
        <v>45644.249999979496</v>
      </c>
    </row>
    <row r="8489" spans="2:14" x14ac:dyDescent="0.3">
      <c r="B8489">
        <f t="shared" si="943"/>
        <v>3</v>
      </c>
      <c r="C8489" s="16">
        <v>8455</v>
      </c>
      <c r="D8489" cm="1">
        <f t="array" ref="D8489">IFERROR(INDEX(Jesper!AH$2:AH$366,ROUNDDOWN($C8489/24,0)+1,1)*INDEX($D$3:$AA$30,INDEX(Jesper!$R$2:$R$366,ROW(INDEX(Jesper!AH$2:AH$366,ROUNDDOWN($C8489/24,0)+1,1))-1)+IF('Standard Profiles'!$G$18=$B$10,7,0)+IF('Standard Profiles'!$G$18=$B$17,14,0)+IF('Standard Profiles'!$G$18=$B$24,21,0),MOD($C8489,24)+1)/SUM(INDEX($D$3:$AA$30,INDEX(Jesper!$R$2:$R$366,ROW(INDEX(Jesper!AH$2:AH$366,ROUNDDOWN($C8489/24,0)+1,1))-1)+IF('Standard Profiles'!$G$18=$B$10,7,0)+IF('Standard Profiles'!$G$18=$B$17,14,0)+IF('Standard Profiles'!$G$18=$B$24,21,0),0)),0)</f>
        <v>11.45925406072732</v>
      </c>
      <c r="E8489" cm="1">
        <f t="array" ref="E8489">IFERROR(INDEX(Jesper!AI$2:AI$366,ROUNDDOWN($C8489/24,0)+1,1)*INDEX($D$3:$AA$30,INDEX(Jesper!$R$2:$R$366,ROW(INDEX(Jesper!AI$2:AI$366,ROUNDDOWN($C8489/24,0)+1,1))-1)+IF('Standard Profiles'!$G$19=$B$10,7,0)+IF('Standard Profiles'!$G$19=$B$17,14,0)+IF('Standard Profiles'!$G$19=$B$24,21,0),MOD($C8489,24)+1)/SUM(INDEX($D$3:$AA$30,INDEX(Jesper!$R$2:$R$366,ROW(INDEX(Jesper!AI$2:AI$366,ROUNDDOWN($C8489/24,0)+1,1))-1)+IF('Standard Profiles'!$G$19=$B$10,7,0)+IF('Standard Profiles'!$G$19=$B$17,14,0)+IF('Standard Profiles'!$G$19=$B$24,21,0),0)),0)</f>
        <v>0</v>
      </c>
      <c r="F8489" cm="1">
        <f t="array" ref="F8489">IFERROR(INDEX(Jesper!AJ$2:AJ$366,ROUNDDOWN($C8489/24,0)+1,1)*INDEX($D$3:$AA$30,INDEX(Jesper!$R$2:$R$366,ROW(INDEX(Jesper!AJ$2:AJ$366,ROUNDDOWN($C8489/24,0)+1,1))-1)+IF('Standard Profiles'!$G$20=$B$10,7,0)+IF('Standard Profiles'!$G$20=$B$17,14,0)+IF('Standard Profiles'!$G$20=$B$24,21,0),MOD($C8489,24)+1)/SUM(INDEX($D$3:$AA$30,INDEX(Jesper!$R$2:$R$366,ROW(INDEX(Jesper!AJ$2:AJ$366,ROUNDDOWN($C8489/24,0)+1,1))-1)+IF('Standard Profiles'!$G$20=$B$10,7,0)+IF('Standard Profiles'!$G$20=$B$17,14,0)+IF('Standard Profiles'!$G$20=$B$24,21,0),0)),0)</f>
        <v>0</v>
      </c>
      <c r="G8489" cm="1">
        <f t="array" ref="G8489">IFERROR(INDEX(Jesper!AK$2:AK$366,ROUNDDOWN($C8489/24,0)+1,1)*INDEX($D$3:$AA$30,INDEX(Jesper!$R$2:$R$366,ROW(INDEX(Jesper!AK$2:AK$366,ROUNDDOWN($C8489/24,0)+1,1))-1)+IF('Standard Profiles'!$G$21=$B$10,7,0)+IF('Standard Profiles'!$G$21=$B$17,14,0)+IF('Standard Profiles'!$G$21=$B$24,21,0),MOD($C8489,24)+1)/SUM(INDEX($D$3:$AA$30,INDEX(Jesper!$R$2:$R$366,ROW(INDEX(Jesper!AK$2:AK$366,ROUNDDOWN($C8489/24,0)+1,1))-1)+IF('Standard Profiles'!$G$21=$B$10,7,0)+IF('Standard Profiles'!$G$21=$B$17,14,0)+IF('Standard Profiles'!$G$21=$B$24,21,0),0)),0)</f>
        <v>0</v>
      </c>
      <c r="H8489" cm="1">
        <f t="array" ref="H8489">IFERROR(INDEX(Jesper!AL$2:AL$366,ROUNDDOWN($C8489/24,0)+1,1)*INDEX($D$3:$AA$30,INDEX(Jesper!$R$2:$R$366,ROW(INDEX(Jesper!AL$2:AL$366,ROUNDDOWN($C8489/24,0)+1,1))-1)+IF('Standard Profiles'!$G$22=$B$10,7,0)+IF('Standard Profiles'!$G$22=$B$17,14,0)+IF('Standard Profiles'!$G$22=$B$24,21,0),MOD($C8489,24)+1)/SUM(INDEX($D$3:$AA$30,INDEX(Jesper!$R$2:$R$366,ROW(INDEX(Jesper!AL$2:AL$366,ROUNDDOWN($C8489/24,0)+1,1))-1)+IF('Standard Profiles'!$G$22=$B$10,7,0)+IF('Standard Profiles'!$G$22=$B$17,14,0)+IF('Standard Profiles'!$G$22=$B$24,21,0),0)),0)</f>
        <v>0</v>
      </c>
      <c r="I8489">
        <f t="shared" si="944"/>
        <v>0.34377762182181959</v>
      </c>
      <c r="J8489">
        <f t="shared" si="945"/>
        <v>1.145925406072732</v>
      </c>
      <c r="K8489">
        <f t="shared" si="946"/>
        <v>1.718888109109098</v>
      </c>
      <c r="L8489">
        <f t="shared" si="947"/>
        <v>8.2506629237236702</v>
      </c>
      <c r="M8489">
        <f t="shared" si="948"/>
        <v>0</v>
      </c>
      <c r="N8489" s="46">
        <f t="shared" si="949"/>
        <v>45644.291666646161</v>
      </c>
    </row>
    <row r="8490" spans="2:14" x14ac:dyDescent="0.3">
      <c r="B8490">
        <f t="shared" si="943"/>
        <v>3</v>
      </c>
      <c r="C8490" s="16">
        <v>8456</v>
      </c>
      <c r="D8490" cm="1">
        <f t="array" ref="D8490">IFERROR(INDEX(Jesper!AH$2:AH$366,ROUNDDOWN($C8490/24,0)+1,1)*INDEX($D$3:$AA$30,INDEX(Jesper!$R$2:$R$366,ROW(INDEX(Jesper!AH$2:AH$366,ROUNDDOWN($C8490/24,0)+1,1))-1)+IF('Standard Profiles'!$G$18=$B$10,7,0)+IF('Standard Profiles'!$G$18=$B$17,14,0)+IF('Standard Profiles'!$G$18=$B$24,21,0),MOD($C8490,24)+1)/SUM(INDEX($D$3:$AA$30,INDEX(Jesper!$R$2:$R$366,ROW(INDEX(Jesper!AH$2:AH$366,ROUNDDOWN($C8490/24,0)+1,1))-1)+IF('Standard Profiles'!$G$18=$B$10,7,0)+IF('Standard Profiles'!$G$18=$B$17,14,0)+IF('Standard Profiles'!$G$18=$B$24,21,0),0)),0)</f>
        <v>11.45925406072732</v>
      </c>
      <c r="E8490" cm="1">
        <f t="array" ref="E8490">IFERROR(INDEX(Jesper!AI$2:AI$366,ROUNDDOWN($C8490/24,0)+1,1)*INDEX($D$3:$AA$30,INDEX(Jesper!$R$2:$R$366,ROW(INDEX(Jesper!AI$2:AI$366,ROUNDDOWN($C8490/24,0)+1,1))-1)+IF('Standard Profiles'!$G$19=$B$10,7,0)+IF('Standard Profiles'!$G$19=$B$17,14,0)+IF('Standard Profiles'!$G$19=$B$24,21,0),MOD($C8490,24)+1)/SUM(INDEX($D$3:$AA$30,INDEX(Jesper!$R$2:$R$366,ROW(INDEX(Jesper!AI$2:AI$366,ROUNDDOWN($C8490/24,0)+1,1))-1)+IF('Standard Profiles'!$G$19=$B$10,7,0)+IF('Standard Profiles'!$G$19=$B$17,14,0)+IF('Standard Profiles'!$G$19=$B$24,21,0),0)),0)</f>
        <v>0</v>
      </c>
      <c r="F8490" cm="1">
        <f t="array" ref="F8490">IFERROR(INDEX(Jesper!AJ$2:AJ$366,ROUNDDOWN($C8490/24,0)+1,1)*INDEX($D$3:$AA$30,INDEX(Jesper!$R$2:$R$366,ROW(INDEX(Jesper!AJ$2:AJ$366,ROUNDDOWN($C8490/24,0)+1,1))-1)+IF('Standard Profiles'!$G$20=$B$10,7,0)+IF('Standard Profiles'!$G$20=$B$17,14,0)+IF('Standard Profiles'!$G$20=$B$24,21,0),MOD($C8490,24)+1)/SUM(INDEX($D$3:$AA$30,INDEX(Jesper!$R$2:$R$366,ROW(INDEX(Jesper!AJ$2:AJ$366,ROUNDDOWN($C8490/24,0)+1,1))-1)+IF('Standard Profiles'!$G$20=$B$10,7,0)+IF('Standard Profiles'!$G$20=$B$17,14,0)+IF('Standard Profiles'!$G$20=$B$24,21,0),0)),0)</f>
        <v>0</v>
      </c>
      <c r="G8490" cm="1">
        <f t="array" ref="G8490">IFERROR(INDEX(Jesper!AK$2:AK$366,ROUNDDOWN($C8490/24,0)+1,1)*INDEX($D$3:$AA$30,INDEX(Jesper!$R$2:$R$366,ROW(INDEX(Jesper!AK$2:AK$366,ROUNDDOWN($C8490/24,0)+1,1))-1)+IF('Standard Profiles'!$G$21=$B$10,7,0)+IF('Standard Profiles'!$G$21=$B$17,14,0)+IF('Standard Profiles'!$G$21=$B$24,21,0),MOD($C8490,24)+1)/SUM(INDEX($D$3:$AA$30,INDEX(Jesper!$R$2:$R$366,ROW(INDEX(Jesper!AK$2:AK$366,ROUNDDOWN($C8490/24,0)+1,1))-1)+IF('Standard Profiles'!$G$21=$B$10,7,0)+IF('Standard Profiles'!$G$21=$B$17,14,0)+IF('Standard Profiles'!$G$21=$B$24,21,0),0)),0)</f>
        <v>0</v>
      </c>
      <c r="H8490" cm="1">
        <f t="array" ref="H8490">IFERROR(INDEX(Jesper!AL$2:AL$366,ROUNDDOWN($C8490/24,0)+1,1)*INDEX($D$3:$AA$30,INDEX(Jesper!$R$2:$R$366,ROW(INDEX(Jesper!AL$2:AL$366,ROUNDDOWN($C8490/24,0)+1,1))-1)+IF('Standard Profiles'!$G$22=$B$10,7,0)+IF('Standard Profiles'!$G$22=$B$17,14,0)+IF('Standard Profiles'!$G$22=$B$24,21,0),MOD($C8490,24)+1)/SUM(INDEX($D$3:$AA$30,INDEX(Jesper!$R$2:$R$366,ROW(INDEX(Jesper!AL$2:AL$366,ROUNDDOWN($C8490/24,0)+1,1))-1)+IF('Standard Profiles'!$G$22=$B$10,7,0)+IF('Standard Profiles'!$G$22=$B$17,14,0)+IF('Standard Profiles'!$G$22=$B$24,21,0),0)),0)</f>
        <v>0</v>
      </c>
      <c r="I8490">
        <f t="shared" si="944"/>
        <v>0.34377762182181959</v>
      </c>
      <c r="J8490">
        <f t="shared" si="945"/>
        <v>1.145925406072732</v>
      </c>
      <c r="K8490">
        <f t="shared" si="946"/>
        <v>1.718888109109098</v>
      </c>
      <c r="L8490">
        <f t="shared" si="947"/>
        <v>8.2506629237236702</v>
      </c>
      <c r="M8490">
        <f t="shared" si="948"/>
        <v>0</v>
      </c>
      <c r="N8490" s="46">
        <f t="shared" si="949"/>
        <v>45644.333333312825</v>
      </c>
    </row>
    <row r="8491" spans="2:14" x14ac:dyDescent="0.3">
      <c r="B8491">
        <f t="shared" si="943"/>
        <v>3</v>
      </c>
      <c r="C8491" s="16">
        <v>8457</v>
      </c>
      <c r="D8491" cm="1">
        <f t="array" ref="D8491">IFERROR(INDEX(Jesper!AH$2:AH$366,ROUNDDOWN($C8491/24,0)+1,1)*INDEX($D$3:$AA$30,INDEX(Jesper!$R$2:$R$366,ROW(INDEX(Jesper!AH$2:AH$366,ROUNDDOWN($C8491/24,0)+1,1))-1)+IF('Standard Profiles'!$G$18=$B$10,7,0)+IF('Standard Profiles'!$G$18=$B$17,14,0)+IF('Standard Profiles'!$G$18=$B$24,21,0),MOD($C8491,24)+1)/SUM(INDEX($D$3:$AA$30,INDEX(Jesper!$R$2:$R$366,ROW(INDEX(Jesper!AH$2:AH$366,ROUNDDOWN($C8491/24,0)+1,1))-1)+IF('Standard Profiles'!$G$18=$B$10,7,0)+IF('Standard Profiles'!$G$18=$B$17,14,0)+IF('Standard Profiles'!$G$18=$B$24,21,0),0)),0)</f>
        <v>12.314422274214433</v>
      </c>
      <c r="E8491" cm="1">
        <f t="array" ref="E8491">IFERROR(INDEX(Jesper!AI$2:AI$366,ROUNDDOWN($C8491/24,0)+1,1)*INDEX($D$3:$AA$30,INDEX(Jesper!$R$2:$R$366,ROW(INDEX(Jesper!AI$2:AI$366,ROUNDDOWN($C8491/24,0)+1,1))-1)+IF('Standard Profiles'!$G$19=$B$10,7,0)+IF('Standard Profiles'!$G$19=$B$17,14,0)+IF('Standard Profiles'!$G$19=$B$24,21,0),MOD($C8491,24)+1)/SUM(INDEX($D$3:$AA$30,INDEX(Jesper!$R$2:$R$366,ROW(INDEX(Jesper!AI$2:AI$366,ROUNDDOWN($C8491/24,0)+1,1))-1)+IF('Standard Profiles'!$G$19=$B$10,7,0)+IF('Standard Profiles'!$G$19=$B$17,14,0)+IF('Standard Profiles'!$G$19=$B$24,21,0),0)),0)</f>
        <v>0</v>
      </c>
      <c r="F8491" cm="1">
        <f t="array" ref="F8491">IFERROR(INDEX(Jesper!AJ$2:AJ$366,ROUNDDOWN($C8491/24,0)+1,1)*INDEX($D$3:$AA$30,INDEX(Jesper!$R$2:$R$366,ROW(INDEX(Jesper!AJ$2:AJ$366,ROUNDDOWN($C8491/24,0)+1,1))-1)+IF('Standard Profiles'!$G$20=$B$10,7,0)+IF('Standard Profiles'!$G$20=$B$17,14,0)+IF('Standard Profiles'!$G$20=$B$24,21,0),MOD($C8491,24)+1)/SUM(INDEX($D$3:$AA$30,INDEX(Jesper!$R$2:$R$366,ROW(INDEX(Jesper!AJ$2:AJ$366,ROUNDDOWN($C8491/24,0)+1,1))-1)+IF('Standard Profiles'!$G$20=$B$10,7,0)+IF('Standard Profiles'!$G$20=$B$17,14,0)+IF('Standard Profiles'!$G$20=$B$24,21,0),0)),0)</f>
        <v>0</v>
      </c>
      <c r="G8491" cm="1">
        <f t="array" ref="G8491">IFERROR(INDEX(Jesper!AK$2:AK$366,ROUNDDOWN($C8491/24,0)+1,1)*INDEX($D$3:$AA$30,INDEX(Jesper!$R$2:$R$366,ROW(INDEX(Jesper!AK$2:AK$366,ROUNDDOWN($C8491/24,0)+1,1))-1)+IF('Standard Profiles'!$G$21=$B$10,7,0)+IF('Standard Profiles'!$G$21=$B$17,14,0)+IF('Standard Profiles'!$G$21=$B$24,21,0),MOD($C8491,24)+1)/SUM(INDEX($D$3:$AA$30,INDEX(Jesper!$R$2:$R$366,ROW(INDEX(Jesper!AK$2:AK$366,ROUNDDOWN($C8491/24,0)+1,1))-1)+IF('Standard Profiles'!$G$21=$B$10,7,0)+IF('Standard Profiles'!$G$21=$B$17,14,0)+IF('Standard Profiles'!$G$21=$B$24,21,0),0)),0)</f>
        <v>0</v>
      </c>
      <c r="H8491" cm="1">
        <f t="array" ref="H8491">IFERROR(INDEX(Jesper!AL$2:AL$366,ROUNDDOWN($C8491/24,0)+1,1)*INDEX($D$3:$AA$30,INDEX(Jesper!$R$2:$R$366,ROW(INDEX(Jesper!AL$2:AL$366,ROUNDDOWN($C8491/24,0)+1,1))-1)+IF('Standard Profiles'!$G$22=$B$10,7,0)+IF('Standard Profiles'!$G$22=$B$17,14,0)+IF('Standard Profiles'!$G$22=$B$24,21,0),MOD($C8491,24)+1)/SUM(INDEX($D$3:$AA$30,INDEX(Jesper!$R$2:$R$366,ROW(INDEX(Jesper!AL$2:AL$366,ROUNDDOWN($C8491/24,0)+1,1))-1)+IF('Standard Profiles'!$G$22=$B$10,7,0)+IF('Standard Profiles'!$G$22=$B$17,14,0)+IF('Standard Profiles'!$G$22=$B$24,21,0),0)),0)</f>
        <v>0</v>
      </c>
      <c r="I8491">
        <f t="shared" si="944"/>
        <v>0.36943266822643295</v>
      </c>
      <c r="J8491">
        <f t="shared" si="945"/>
        <v>1.2314422274214434</v>
      </c>
      <c r="K8491">
        <f t="shared" si="946"/>
        <v>1.8471633411321648</v>
      </c>
      <c r="L8491">
        <f t="shared" si="947"/>
        <v>8.8663840374343916</v>
      </c>
      <c r="M8491">
        <f t="shared" si="948"/>
        <v>0</v>
      </c>
      <c r="N8491" s="46">
        <f t="shared" si="949"/>
        <v>45644.374999979489</v>
      </c>
    </row>
    <row r="8492" spans="2:14" x14ac:dyDescent="0.3">
      <c r="B8492">
        <f t="shared" si="943"/>
        <v>3</v>
      </c>
      <c r="C8492" s="16">
        <v>8458</v>
      </c>
      <c r="D8492" cm="1">
        <f t="array" ref="D8492">IFERROR(INDEX(Jesper!AH$2:AH$366,ROUNDDOWN($C8492/24,0)+1,1)*INDEX($D$3:$AA$30,INDEX(Jesper!$R$2:$R$366,ROW(INDEX(Jesper!AH$2:AH$366,ROUNDDOWN($C8492/24,0)+1,1))-1)+IF('Standard Profiles'!$G$18=$B$10,7,0)+IF('Standard Profiles'!$G$18=$B$17,14,0)+IF('Standard Profiles'!$G$18=$B$24,21,0),MOD($C8492,24)+1)/SUM(INDEX($D$3:$AA$30,INDEX(Jesper!$R$2:$R$366,ROW(INDEX(Jesper!AH$2:AH$366,ROUNDDOWN($C8492/24,0)+1,1))-1)+IF('Standard Profiles'!$G$18=$B$10,7,0)+IF('Standard Profiles'!$G$18=$B$17,14,0)+IF('Standard Profiles'!$G$18=$B$24,21,0),0)),0)</f>
        <v>13.340624130398968</v>
      </c>
      <c r="E8492" cm="1">
        <f t="array" ref="E8492">IFERROR(INDEX(Jesper!AI$2:AI$366,ROUNDDOWN($C8492/24,0)+1,1)*INDEX($D$3:$AA$30,INDEX(Jesper!$R$2:$R$366,ROW(INDEX(Jesper!AI$2:AI$366,ROUNDDOWN($C8492/24,0)+1,1))-1)+IF('Standard Profiles'!$G$19=$B$10,7,0)+IF('Standard Profiles'!$G$19=$B$17,14,0)+IF('Standard Profiles'!$G$19=$B$24,21,0),MOD($C8492,24)+1)/SUM(INDEX($D$3:$AA$30,INDEX(Jesper!$R$2:$R$366,ROW(INDEX(Jesper!AI$2:AI$366,ROUNDDOWN($C8492/24,0)+1,1))-1)+IF('Standard Profiles'!$G$19=$B$10,7,0)+IF('Standard Profiles'!$G$19=$B$17,14,0)+IF('Standard Profiles'!$G$19=$B$24,21,0),0)),0)</f>
        <v>0</v>
      </c>
      <c r="F8492" cm="1">
        <f t="array" ref="F8492">IFERROR(INDEX(Jesper!AJ$2:AJ$366,ROUNDDOWN($C8492/24,0)+1,1)*INDEX($D$3:$AA$30,INDEX(Jesper!$R$2:$R$366,ROW(INDEX(Jesper!AJ$2:AJ$366,ROUNDDOWN($C8492/24,0)+1,1))-1)+IF('Standard Profiles'!$G$20=$B$10,7,0)+IF('Standard Profiles'!$G$20=$B$17,14,0)+IF('Standard Profiles'!$G$20=$B$24,21,0),MOD($C8492,24)+1)/SUM(INDEX($D$3:$AA$30,INDEX(Jesper!$R$2:$R$366,ROW(INDEX(Jesper!AJ$2:AJ$366,ROUNDDOWN($C8492/24,0)+1,1))-1)+IF('Standard Profiles'!$G$20=$B$10,7,0)+IF('Standard Profiles'!$G$20=$B$17,14,0)+IF('Standard Profiles'!$G$20=$B$24,21,0),0)),0)</f>
        <v>0</v>
      </c>
      <c r="G8492" cm="1">
        <f t="array" ref="G8492">IFERROR(INDEX(Jesper!AK$2:AK$366,ROUNDDOWN($C8492/24,0)+1,1)*INDEX($D$3:$AA$30,INDEX(Jesper!$R$2:$R$366,ROW(INDEX(Jesper!AK$2:AK$366,ROUNDDOWN($C8492/24,0)+1,1))-1)+IF('Standard Profiles'!$G$21=$B$10,7,0)+IF('Standard Profiles'!$G$21=$B$17,14,0)+IF('Standard Profiles'!$G$21=$B$24,21,0),MOD($C8492,24)+1)/SUM(INDEX($D$3:$AA$30,INDEX(Jesper!$R$2:$R$366,ROW(INDEX(Jesper!AK$2:AK$366,ROUNDDOWN($C8492/24,0)+1,1))-1)+IF('Standard Profiles'!$G$21=$B$10,7,0)+IF('Standard Profiles'!$G$21=$B$17,14,0)+IF('Standard Profiles'!$G$21=$B$24,21,0),0)),0)</f>
        <v>0</v>
      </c>
      <c r="H8492" cm="1">
        <f t="array" ref="H8492">IFERROR(INDEX(Jesper!AL$2:AL$366,ROUNDDOWN($C8492/24,0)+1,1)*INDEX($D$3:$AA$30,INDEX(Jesper!$R$2:$R$366,ROW(INDEX(Jesper!AL$2:AL$366,ROUNDDOWN($C8492/24,0)+1,1))-1)+IF('Standard Profiles'!$G$22=$B$10,7,0)+IF('Standard Profiles'!$G$22=$B$17,14,0)+IF('Standard Profiles'!$G$22=$B$24,21,0),MOD($C8492,24)+1)/SUM(INDEX($D$3:$AA$30,INDEX(Jesper!$R$2:$R$366,ROW(INDEX(Jesper!AL$2:AL$366,ROUNDDOWN($C8492/24,0)+1,1))-1)+IF('Standard Profiles'!$G$22=$B$10,7,0)+IF('Standard Profiles'!$G$22=$B$17,14,0)+IF('Standard Profiles'!$G$22=$B$24,21,0),0)),0)</f>
        <v>0</v>
      </c>
      <c r="I8492">
        <f t="shared" si="944"/>
        <v>0.40021872391196905</v>
      </c>
      <c r="J8492">
        <f t="shared" si="945"/>
        <v>1.3340624130398968</v>
      </c>
      <c r="K8492">
        <f t="shared" si="946"/>
        <v>2.0010936195598452</v>
      </c>
      <c r="L8492">
        <f t="shared" si="947"/>
        <v>9.605249373887256</v>
      </c>
      <c r="M8492">
        <f t="shared" si="948"/>
        <v>0</v>
      </c>
      <c r="N8492" s="46">
        <f t="shared" si="949"/>
        <v>45644.416666646153</v>
      </c>
    </row>
    <row r="8493" spans="2:14" x14ac:dyDescent="0.3">
      <c r="B8493">
        <f t="shared" si="943"/>
        <v>3</v>
      </c>
      <c r="C8493" s="16">
        <v>8459</v>
      </c>
      <c r="D8493" cm="1">
        <f t="array" ref="D8493">IFERROR(INDEX(Jesper!AH$2:AH$366,ROUNDDOWN($C8493/24,0)+1,1)*INDEX($D$3:$AA$30,INDEX(Jesper!$R$2:$R$366,ROW(INDEX(Jesper!AH$2:AH$366,ROUNDDOWN($C8493/24,0)+1,1))-1)+IF('Standard Profiles'!$G$18=$B$10,7,0)+IF('Standard Profiles'!$G$18=$B$17,14,0)+IF('Standard Profiles'!$G$18=$B$24,21,0),MOD($C8493,24)+1)/SUM(INDEX($D$3:$AA$30,INDEX(Jesper!$R$2:$R$366,ROW(INDEX(Jesper!AH$2:AH$366,ROUNDDOWN($C8493/24,0)+1,1))-1)+IF('Standard Profiles'!$G$18=$B$10,7,0)+IF('Standard Profiles'!$G$18=$B$17,14,0)+IF('Standard Profiles'!$G$18=$B$24,21,0),0)),0)</f>
        <v>15.39302784276804</v>
      </c>
      <c r="E8493" cm="1">
        <f t="array" ref="E8493">IFERROR(INDEX(Jesper!AI$2:AI$366,ROUNDDOWN($C8493/24,0)+1,1)*INDEX($D$3:$AA$30,INDEX(Jesper!$R$2:$R$366,ROW(INDEX(Jesper!AI$2:AI$366,ROUNDDOWN($C8493/24,0)+1,1))-1)+IF('Standard Profiles'!$G$19=$B$10,7,0)+IF('Standard Profiles'!$G$19=$B$17,14,0)+IF('Standard Profiles'!$G$19=$B$24,21,0),MOD($C8493,24)+1)/SUM(INDEX($D$3:$AA$30,INDEX(Jesper!$R$2:$R$366,ROW(INDEX(Jesper!AI$2:AI$366,ROUNDDOWN($C8493/24,0)+1,1))-1)+IF('Standard Profiles'!$G$19=$B$10,7,0)+IF('Standard Profiles'!$G$19=$B$17,14,0)+IF('Standard Profiles'!$G$19=$B$24,21,0),0)),0)</f>
        <v>0</v>
      </c>
      <c r="F8493" cm="1">
        <f t="array" ref="F8493">IFERROR(INDEX(Jesper!AJ$2:AJ$366,ROUNDDOWN($C8493/24,0)+1,1)*INDEX($D$3:$AA$30,INDEX(Jesper!$R$2:$R$366,ROW(INDEX(Jesper!AJ$2:AJ$366,ROUNDDOWN($C8493/24,0)+1,1))-1)+IF('Standard Profiles'!$G$20=$B$10,7,0)+IF('Standard Profiles'!$G$20=$B$17,14,0)+IF('Standard Profiles'!$G$20=$B$24,21,0),MOD($C8493,24)+1)/SUM(INDEX($D$3:$AA$30,INDEX(Jesper!$R$2:$R$366,ROW(INDEX(Jesper!AJ$2:AJ$366,ROUNDDOWN($C8493/24,0)+1,1))-1)+IF('Standard Profiles'!$G$20=$B$10,7,0)+IF('Standard Profiles'!$G$20=$B$17,14,0)+IF('Standard Profiles'!$G$20=$B$24,21,0),0)),0)</f>
        <v>0</v>
      </c>
      <c r="G8493" cm="1">
        <f t="array" ref="G8493">IFERROR(INDEX(Jesper!AK$2:AK$366,ROUNDDOWN($C8493/24,0)+1,1)*INDEX($D$3:$AA$30,INDEX(Jesper!$R$2:$R$366,ROW(INDEX(Jesper!AK$2:AK$366,ROUNDDOWN($C8493/24,0)+1,1))-1)+IF('Standard Profiles'!$G$21=$B$10,7,0)+IF('Standard Profiles'!$G$21=$B$17,14,0)+IF('Standard Profiles'!$G$21=$B$24,21,0),MOD($C8493,24)+1)/SUM(INDEX($D$3:$AA$30,INDEX(Jesper!$R$2:$R$366,ROW(INDEX(Jesper!AK$2:AK$366,ROUNDDOWN($C8493/24,0)+1,1))-1)+IF('Standard Profiles'!$G$21=$B$10,7,0)+IF('Standard Profiles'!$G$21=$B$17,14,0)+IF('Standard Profiles'!$G$21=$B$24,21,0),0)),0)</f>
        <v>0</v>
      </c>
      <c r="H8493" cm="1">
        <f t="array" ref="H8493">IFERROR(INDEX(Jesper!AL$2:AL$366,ROUNDDOWN($C8493/24,0)+1,1)*INDEX($D$3:$AA$30,INDEX(Jesper!$R$2:$R$366,ROW(INDEX(Jesper!AL$2:AL$366,ROUNDDOWN($C8493/24,0)+1,1))-1)+IF('Standard Profiles'!$G$22=$B$10,7,0)+IF('Standard Profiles'!$G$22=$B$17,14,0)+IF('Standard Profiles'!$G$22=$B$24,21,0),MOD($C8493,24)+1)/SUM(INDEX($D$3:$AA$30,INDEX(Jesper!$R$2:$R$366,ROW(INDEX(Jesper!AL$2:AL$366,ROUNDDOWN($C8493/24,0)+1,1))-1)+IF('Standard Profiles'!$G$22=$B$10,7,0)+IF('Standard Profiles'!$G$22=$B$17,14,0)+IF('Standard Profiles'!$G$22=$B$24,21,0),0)),0)</f>
        <v>0</v>
      </c>
      <c r="I8493">
        <f t="shared" si="944"/>
        <v>0.46179083528304121</v>
      </c>
      <c r="J8493">
        <f t="shared" si="945"/>
        <v>1.5393027842768041</v>
      </c>
      <c r="K8493">
        <f t="shared" si="946"/>
        <v>2.3089541764152059</v>
      </c>
      <c r="L8493">
        <f t="shared" si="947"/>
        <v>11.082980046792988</v>
      </c>
      <c r="M8493">
        <f t="shared" si="948"/>
        <v>0</v>
      </c>
      <c r="N8493" s="46">
        <f t="shared" si="949"/>
        <v>45644.458333312818</v>
      </c>
    </row>
    <row r="8494" spans="2:14" x14ac:dyDescent="0.3">
      <c r="B8494">
        <f t="shared" si="943"/>
        <v>3</v>
      </c>
      <c r="C8494" s="16">
        <v>8460</v>
      </c>
      <c r="D8494" cm="1">
        <f t="array" ref="D8494">IFERROR(INDEX(Jesper!AH$2:AH$366,ROUNDDOWN($C8494/24,0)+1,1)*INDEX($D$3:$AA$30,INDEX(Jesper!$R$2:$R$366,ROW(INDEX(Jesper!AH$2:AH$366,ROUNDDOWN($C8494/24,0)+1,1))-1)+IF('Standard Profiles'!$G$18=$B$10,7,0)+IF('Standard Profiles'!$G$18=$B$17,14,0)+IF('Standard Profiles'!$G$18=$B$24,21,0),MOD($C8494,24)+1)/SUM(INDEX($D$3:$AA$30,INDEX(Jesper!$R$2:$R$366,ROW(INDEX(Jesper!AH$2:AH$366,ROUNDDOWN($C8494/24,0)+1,1))-1)+IF('Standard Profiles'!$G$18=$B$10,7,0)+IF('Standard Profiles'!$G$18=$B$17,14,0)+IF('Standard Profiles'!$G$18=$B$24,21,0),0)),0)</f>
        <v>15.39302784276804</v>
      </c>
      <c r="E8494" cm="1">
        <f t="array" ref="E8494">IFERROR(INDEX(Jesper!AI$2:AI$366,ROUNDDOWN($C8494/24,0)+1,1)*INDEX($D$3:$AA$30,INDEX(Jesper!$R$2:$R$366,ROW(INDEX(Jesper!AI$2:AI$366,ROUNDDOWN($C8494/24,0)+1,1))-1)+IF('Standard Profiles'!$G$19=$B$10,7,0)+IF('Standard Profiles'!$G$19=$B$17,14,0)+IF('Standard Profiles'!$G$19=$B$24,21,0),MOD($C8494,24)+1)/SUM(INDEX($D$3:$AA$30,INDEX(Jesper!$R$2:$R$366,ROW(INDEX(Jesper!AI$2:AI$366,ROUNDDOWN($C8494/24,0)+1,1))-1)+IF('Standard Profiles'!$G$19=$B$10,7,0)+IF('Standard Profiles'!$G$19=$B$17,14,0)+IF('Standard Profiles'!$G$19=$B$24,21,0),0)),0)</f>
        <v>0</v>
      </c>
      <c r="F8494" cm="1">
        <f t="array" ref="F8494">IFERROR(INDEX(Jesper!AJ$2:AJ$366,ROUNDDOWN($C8494/24,0)+1,1)*INDEX($D$3:$AA$30,INDEX(Jesper!$R$2:$R$366,ROW(INDEX(Jesper!AJ$2:AJ$366,ROUNDDOWN($C8494/24,0)+1,1))-1)+IF('Standard Profiles'!$G$20=$B$10,7,0)+IF('Standard Profiles'!$G$20=$B$17,14,0)+IF('Standard Profiles'!$G$20=$B$24,21,0),MOD($C8494,24)+1)/SUM(INDEX($D$3:$AA$30,INDEX(Jesper!$R$2:$R$366,ROW(INDEX(Jesper!AJ$2:AJ$366,ROUNDDOWN($C8494/24,0)+1,1))-1)+IF('Standard Profiles'!$G$20=$B$10,7,0)+IF('Standard Profiles'!$G$20=$B$17,14,0)+IF('Standard Profiles'!$G$20=$B$24,21,0),0)),0)</f>
        <v>0</v>
      </c>
      <c r="G8494" cm="1">
        <f t="array" ref="G8494">IFERROR(INDEX(Jesper!AK$2:AK$366,ROUNDDOWN($C8494/24,0)+1,1)*INDEX($D$3:$AA$30,INDEX(Jesper!$R$2:$R$366,ROW(INDEX(Jesper!AK$2:AK$366,ROUNDDOWN($C8494/24,0)+1,1))-1)+IF('Standard Profiles'!$G$21=$B$10,7,0)+IF('Standard Profiles'!$G$21=$B$17,14,0)+IF('Standard Profiles'!$G$21=$B$24,21,0),MOD($C8494,24)+1)/SUM(INDEX($D$3:$AA$30,INDEX(Jesper!$R$2:$R$366,ROW(INDEX(Jesper!AK$2:AK$366,ROUNDDOWN($C8494/24,0)+1,1))-1)+IF('Standard Profiles'!$G$21=$B$10,7,0)+IF('Standard Profiles'!$G$21=$B$17,14,0)+IF('Standard Profiles'!$G$21=$B$24,21,0),0)),0)</f>
        <v>0</v>
      </c>
      <c r="H8494" cm="1">
        <f t="array" ref="H8494">IFERROR(INDEX(Jesper!AL$2:AL$366,ROUNDDOWN($C8494/24,0)+1,1)*INDEX($D$3:$AA$30,INDEX(Jesper!$R$2:$R$366,ROW(INDEX(Jesper!AL$2:AL$366,ROUNDDOWN($C8494/24,0)+1,1))-1)+IF('Standard Profiles'!$G$22=$B$10,7,0)+IF('Standard Profiles'!$G$22=$B$17,14,0)+IF('Standard Profiles'!$G$22=$B$24,21,0),MOD($C8494,24)+1)/SUM(INDEX($D$3:$AA$30,INDEX(Jesper!$R$2:$R$366,ROW(INDEX(Jesper!AL$2:AL$366,ROUNDDOWN($C8494/24,0)+1,1))-1)+IF('Standard Profiles'!$G$22=$B$10,7,0)+IF('Standard Profiles'!$G$22=$B$17,14,0)+IF('Standard Profiles'!$G$22=$B$24,21,0),0)),0)</f>
        <v>0</v>
      </c>
      <c r="I8494">
        <f t="shared" si="944"/>
        <v>0.46179083528304121</v>
      </c>
      <c r="J8494">
        <f t="shared" si="945"/>
        <v>1.5393027842768041</v>
      </c>
      <c r="K8494">
        <f t="shared" si="946"/>
        <v>2.3089541764152059</v>
      </c>
      <c r="L8494">
        <f t="shared" si="947"/>
        <v>11.082980046792988</v>
      </c>
      <c r="M8494">
        <f t="shared" si="948"/>
        <v>0</v>
      </c>
      <c r="N8494" s="46">
        <f t="shared" si="949"/>
        <v>45644.499999979482</v>
      </c>
    </row>
    <row r="8495" spans="2:14" x14ac:dyDescent="0.3">
      <c r="B8495">
        <f t="shared" si="943"/>
        <v>3</v>
      </c>
      <c r="C8495" s="16">
        <v>8461</v>
      </c>
      <c r="D8495" cm="1">
        <f t="array" ref="D8495">IFERROR(INDEX(Jesper!AH$2:AH$366,ROUNDDOWN($C8495/24,0)+1,1)*INDEX($D$3:$AA$30,INDEX(Jesper!$R$2:$R$366,ROW(INDEX(Jesper!AH$2:AH$366,ROUNDDOWN($C8495/24,0)+1,1))-1)+IF('Standard Profiles'!$G$18=$B$10,7,0)+IF('Standard Profiles'!$G$18=$B$17,14,0)+IF('Standard Profiles'!$G$18=$B$24,21,0),MOD($C8495,24)+1)/SUM(INDEX($D$3:$AA$30,INDEX(Jesper!$R$2:$R$366,ROW(INDEX(Jesper!AH$2:AH$366,ROUNDDOWN($C8495/24,0)+1,1))-1)+IF('Standard Profiles'!$G$18=$B$10,7,0)+IF('Standard Profiles'!$G$18=$B$17,14,0)+IF('Standard Profiles'!$G$18=$B$24,21,0),0)),0)</f>
        <v>15.39302784276804</v>
      </c>
      <c r="E8495" cm="1">
        <f t="array" ref="E8495">IFERROR(INDEX(Jesper!AI$2:AI$366,ROUNDDOWN($C8495/24,0)+1,1)*INDEX($D$3:$AA$30,INDEX(Jesper!$R$2:$R$366,ROW(INDEX(Jesper!AI$2:AI$366,ROUNDDOWN($C8495/24,0)+1,1))-1)+IF('Standard Profiles'!$G$19=$B$10,7,0)+IF('Standard Profiles'!$G$19=$B$17,14,0)+IF('Standard Profiles'!$G$19=$B$24,21,0),MOD($C8495,24)+1)/SUM(INDEX($D$3:$AA$30,INDEX(Jesper!$R$2:$R$366,ROW(INDEX(Jesper!AI$2:AI$366,ROUNDDOWN($C8495/24,0)+1,1))-1)+IF('Standard Profiles'!$G$19=$B$10,7,0)+IF('Standard Profiles'!$G$19=$B$17,14,0)+IF('Standard Profiles'!$G$19=$B$24,21,0),0)),0)</f>
        <v>0</v>
      </c>
      <c r="F8495" cm="1">
        <f t="array" ref="F8495">IFERROR(INDEX(Jesper!AJ$2:AJ$366,ROUNDDOWN($C8495/24,0)+1,1)*INDEX($D$3:$AA$30,INDEX(Jesper!$R$2:$R$366,ROW(INDEX(Jesper!AJ$2:AJ$366,ROUNDDOWN($C8495/24,0)+1,1))-1)+IF('Standard Profiles'!$G$20=$B$10,7,0)+IF('Standard Profiles'!$G$20=$B$17,14,0)+IF('Standard Profiles'!$G$20=$B$24,21,0),MOD($C8495,24)+1)/SUM(INDEX($D$3:$AA$30,INDEX(Jesper!$R$2:$R$366,ROW(INDEX(Jesper!AJ$2:AJ$366,ROUNDDOWN($C8495/24,0)+1,1))-1)+IF('Standard Profiles'!$G$20=$B$10,7,0)+IF('Standard Profiles'!$G$20=$B$17,14,0)+IF('Standard Profiles'!$G$20=$B$24,21,0),0)),0)</f>
        <v>0</v>
      </c>
      <c r="G8495" cm="1">
        <f t="array" ref="G8495">IFERROR(INDEX(Jesper!AK$2:AK$366,ROUNDDOWN($C8495/24,0)+1,1)*INDEX($D$3:$AA$30,INDEX(Jesper!$R$2:$R$366,ROW(INDEX(Jesper!AK$2:AK$366,ROUNDDOWN($C8495/24,0)+1,1))-1)+IF('Standard Profiles'!$G$21=$B$10,7,0)+IF('Standard Profiles'!$G$21=$B$17,14,0)+IF('Standard Profiles'!$G$21=$B$24,21,0),MOD($C8495,24)+1)/SUM(INDEX($D$3:$AA$30,INDEX(Jesper!$R$2:$R$366,ROW(INDEX(Jesper!AK$2:AK$366,ROUNDDOWN($C8495/24,0)+1,1))-1)+IF('Standard Profiles'!$G$21=$B$10,7,0)+IF('Standard Profiles'!$G$21=$B$17,14,0)+IF('Standard Profiles'!$G$21=$B$24,21,0),0)),0)</f>
        <v>0</v>
      </c>
      <c r="H8495" cm="1">
        <f t="array" ref="H8495">IFERROR(INDEX(Jesper!AL$2:AL$366,ROUNDDOWN($C8495/24,0)+1,1)*INDEX($D$3:$AA$30,INDEX(Jesper!$R$2:$R$366,ROW(INDEX(Jesper!AL$2:AL$366,ROUNDDOWN($C8495/24,0)+1,1))-1)+IF('Standard Profiles'!$G$22=$B$10,7,0)+IF('Standard Profiles'!$G$22=$B$17,14,0)+IF('Standard Profiles'!$G$22=$B$24,21,0),MOD($C8495,24)+1)/SUM(INDEX($D$3:$AA$30,INDEX(Jesper!$R$2:$R$366,ROW(INDEX(Jesper!AL$2:AL$366,ROUNDDOWN($C8495/24,0)+1,1))-1)+IF('Standard Profiles'!$G$22=$B$10,7,0)+IF('Standard Profiles'!$G$22=$B$17,14,0)+IF('Standard Profiles'!$G$22=$B$24,21,0),0)),0)</f>
        <v>0</v>
      </c>
      <c r="I8495">
        <f t="shared" si="944"/>
        <v>0.46179083528304121</v>
      </c>
      <c r="J8495">
        <f t="shared" si="945"/>
        <v>1.5393027842768041</v>
      </c>
      <c r="K8495">
        <f t="shared" si="946"/>
        <v>2.3089541764152059</v>
      </c>
      <c r="L8495">
        <f t="shared" si="947"/>
        <v>11.082980046792988</v>
      </c>
      <c r="M8495">
        <f t="shared" si="948"/>
        <v>0</v>
      </c>
      <c r="N8495" s="46">
        <f t="shared" si="949"/>
        <v>45644.541666646146</v>
      </c>
    </row>
    <row r="8496" spans="2:14" x14ac:dyDescent="0.3">
      <c r="B8496">
        <f t="shared" si="943"/>
        <v>3</v>
      </c>
      <c r="C8496" s="16">
        <v>8462</v>
      </c>
      <c r="D8496" cm="1">
        <f t="array" ref="D8496">IFERROR(INDEX(Jesper!AH$2:AH$366,ROUNDDOWN($C8496/24,0)+1,1)*INDEX($D$3:$AA$30,INDEX(Jesper!$R$2:$R$366,ROW(INDEX(Jesper!AH$2:AH$366,ROUNDDOWN($C8496/24,0)+1,1))-1)+IF('Standard Profiles'!$G$18=$B$10,7,0)+IF('Standard Profiles'!$G$18=$B$17,14,0)+IF('Standard Profiles'!$G$18=$B$24,21,0),MOD($C8496,24)+1)/SUM(INDEX($D$3:$AA$30,INDEX(Jesper!$R$2:$R$366,ROW(INDEX(Jesper!AH$2:AH$366,ROUNDDOWN($C8496/24,0)+1,1))-1)+IF('Standard Profiles'!$G$18=$B$10,7,0)+IF('Standard Profiles'!$G$18=$B$17,14,0)+IF('Standard Profiles'!$G$18=$B$24,21,0),0)),0)</f>
        <v>15.39302784276804</v>
      </c>
      <c r="E8496" cm="1">
        <f t="array" ref="E8496">IFERROR(INDEX(Jesper!AI$2:AI$366,ROUNDDOWN($C8496/24,0)+1,1)*INDEX($D$3:$AA$30,INDEX(Jesper!$R$2:$R$366,ROW(INDEX(Jesper!AI$2:AI$366,ROUNDDOWN($C8496/24,0)+1,1))-1)+IF('Standard Profiles'!$G$19=$B$10,7,0)+IF('Standard Profiles'!$G$19=$B$17,14,0)+IF('Standard Profiles'!$G$19=$B$24,21,0),MOD($C8496,24)+1)/SUM(INDEX($D$3:$AA$30,INDEX(Jesper!$R$2:$R$366,ROW(INDEX(Jesper!AI$2:AI$366,ROUNDDOWN($C8496/24,0)+1,1))-1)+IF('Standard Profiles'!$G$19=$B$10,7,0)+IF('Standard Profiles'!$G$19=$B$17,14,0)+IF('Standard Profiles'!$G$19=$B$24,21,0),0)),0)</f>
        <v>0</v>
      </c>
      <c r="F8496" cm="1">
        <f t="array" ref="F8496">IFERROR(INDEX(Jesper!AJ$2:AJ$366,ROUNDDOWN($C8496/24,0)+1,1)*INDEX($D$3:$AA$30,INDEX(Jesper!$R$2:$R$366,ROW(INDEX(Jesper!AJ$2:AJ$366,ROUNDDOWN($C8496/24,0)+1,1))-1)+IF('Standard Profiles'!$G$20=$B$10,7,0)+IF('Standard Profiles'!$G$20=$B$17,14,0)+IF('Standard Profiles'!$G$20=$B$24,21,0),MOD($C8496,24)+1)/SUM(INDEX($D$3:$AA$30,INDEX(Jesper!$R$2:$R$366,ROW(INDEX(Jesper!AJ$2:AJ$366,ROUNDDOWN($C8496/24,0)+1,1))-1)+IF('Standard Profiles'!$G$20=$B$10,7,0)+IF('Standard Profiles'!$G$20=$B$17,14,0)+IF('Standard Profiles'!$G$20=$B$24,21,0),0)),0)</f>
        <v>0</v>
      </c>
      <c r="G8496" cm="1">
        <f t="array" ref="G8496">IFERROR(INDEX(Jesper!AK$2:AK$366,ROUNDDOWN($C8496/24,0)+1,1)*INDEX($D$3:$AA$30,INDEX(Jesper!$R$2:$R$366,ROW(INDEX(Jesper!AK$2:AK$366,ROUNDDOWN($C8496/24,0)+1,1))-1)+IF('Standard Profiles'!$G$21=$B$10,7,0)+IF('Standard Profiles'!$G$21=$B$17,14,0)+IF('Standard Profiles'!$G$21=$B$24,21,0),MOD($C8496,24)+1)/SUM(INDEX($D$3:$AA$30,INDEX(Jesper!$R$2:$R$366,ROW(INDEX(Jesper!AK$2:AK$366,ROUNDDOWN($C8496/24,0)+1,1))-1)+IF('Standard Profiles'!$G$21=$B$10,7,0)+IF('Standard Profiles'!$G$21=$B$17,14,0)+IF('Standard Profiles'!$G$21=$B$24,21,0),0)),0)</f>
        <v>0</v>
      </c>
      <c r="H8496" cm="1">
        <f t="array" ref="H8496">IFERROR(INDEX(Jesper!AL$2:AL$366,ROUNDDOWN($C8496/24,0)+1,1)*INDEX($D$3:$AA$30,INDEX(Jesper!$R$2:$R$366,ROW(INDEX(Jesper!AL$2:AL$366,ROUNDDOWN($C8496/24,0)+1,1))-1)+IF('Standard Profiles'!$G$22=$B$10,7,0)+IF('Standard Profiles'!$G$22=$B$17,14,0)+IF('Standard Profiles'!$G$22=$B$24,21,0),MOD($C8496,24)+1)/SUM(INDEX($D$3:$AA$30,INDEX(Jesper!$R$2:$R$366,ROW(INDEX(Jesper!AL$2:AL$366,ROUNDDOWN($C8496/24,0)+1,1))-1)+IF('Standard Profiles'!$G$22=$B$10,7,0)+IF('Standard Profiles'!$G$22=$B$17,14,0)+IF('Standard Profiles'!$G$22=$B$24,21,0),0)),0)</f>
        <v>0</v>
      </c>
      <c r="I8496">
        <f t="shared" si="944"/>
        <v>0.46179083528304121</v>
      </c>
      <c r="J8496">
        <f t="shared" si="945"/>
        <v>1.5393027842768041</v>
      </c>
      <c r="K8496">
        <f t="shared" si="946"/>
        <v>2.3089541764152059</v>
      </c>
      <c r="L8496">
        <f t="shared" si="947"/>
        <v>11.082980046792988</v>
      </c>
      <c r="M8496">
        <f t="shared" si="948"/>
        <v>0</v>
      </c>
      <c r="N8496" s="46">
        <f t="shared" si="949"/>
        <v>45644.58333331281</v>
      </c>
    </row>
    <row r="8497" spans="2:14" x14ac:dyDescent="0.3">
      <c r="B8497">
        <f t="shared" si="943"/>
        <v>3</v>
      </c>
      <c r="C8497" s="16">
        <v>8463</v>
      </c>
      <c r="D8497" cm="1">
        <f t="array" ref="D8497">IFERROR(INDEX(Jesper!AH$2:AH$366,ROUNDDOWN($C8497/24,0)+1,1)*INDEX($D$3:$AA$30,INDEX(Jesper!$R$2:$R$366,ROW(INDEX(Jesper!AH$2:AH$366,ROUNDDOWN($C8497/24,0)+1,1))-1)+IF('Standard Profiles'!$G$18=$B$10,7,0)+IF('Standard Profiles'!$G$18=$B$17,14,0)+IF('Standard Profiles'!$G$18=$B$24,21,0),MOD($C8497,24)+1)/SUM(INDEX($D$3:$AA$30,INDEX(Jesper!$R$2:$R$366,ROW(INDEX(Jesper!AH$2:AH$366,ROUNDDOWN($C8497/24,0)+1,1))-1)+IF('Standard Profiles'!$G$18=$B$10,7,0)+IF('Standard Profiles'!$G$18=$B$17,14,0)+IF('Standard Profiles'!$G$18=$B$24,21,0),0)),0)</f>
        <v>15.39302784276804</v>
      </c>
      <c r="E8497" cm="1">
        <f t="array" ref="E8497">IFERROR(INDEX(Jesper!AI$2:AI$366,ROUNDDOWN($C8497/24,0)+1,1)*INDEX($D$3:$AA$30,INDEX(Jesper!$R$2:$R$366,ROW(INDEX(Jesper!AI$2:AI$366,ROUNDDOWN($C8497/24,0)+1,1))-1)+IF('Standard Profiles'!$G$19=$B$10,7,0)+IF('Standard Profiles'!$G$19=$B$17,14,0)+IF('Standard Profiles'!$G$19=$B$24,21,0),MOD($C8497,24)+1)/SUM(INDEX($D$3:$AA$30,INDEX(Jesper!$R$2:$R$366,ROW(INDEX(Jesper!AI$2:AI$366,ROUNDDOWN($C8497/24,0)+1,1))-1)+IF('Standard Profiles'!$G$19=$B$10,7,0)+IF('Standard Profiles'!$G$19=$B$17,14,0)+IF('Standard Profiles'!$G$19=$B$24,21,0),0)),0)</f>
        <v>0</v>
      </c>
      <c r="F8497" cm="1">
        <f t="array" ref="F8497">IFERROR(INDEX(Jesper!AJ$2:AJ$366,ROUNDDOWN($C8497/24,0)+1,1)*INDEX($D$3:$AA$30,INDEX(Jesper!$R$2:$R$366,ROW(INDEX(Jesper!AJ$2:AJ$366,ROUNDDOWN($C8497/24,0)+1,1))-1)+IF('Standard Profiles'!$G$20=$B$10,7,0)+IF('Standard Profiles'!$G$20=$B$17,14,0)+IF('Standard Profiles'!$G$20=$B$24,21,0),MOD($C8497,24)+1)/SUM(INDEX($D$3:$AA$30,INDEX(Jesper!$R$2:$R$366,ROW(INDEX(Jesper!AJ$2:AJ$366,ROUNDDOWN($C8497/24,0)+1,1))-1)+IF('Standard Profiles'!$G$20=$B$10,7,0)+IF('Standard Profiles'!$G$20=$B$17,14,0)+IF('Standard Profiles'!$G$20=$B$24,21,0),0)),0)</f>
        <v>0</v>
      </c>
      <c r="G8497" cm="1">
        <f t="array" ref="G8497">IFERROR(INDEX(Jesper!AK$2:AK$366,ROUNDDOWN($C8497/24,0)+1,1)*INDEX($D$3:$AA$30,INDEX(Jesper!$R$2:$R$366,ROW(INDEX(Jesper!AK$2:AK$366,ROUNDDOWN($C8497/24,0)+1,1))-1)+IF('Standard Profiles'!$G$21=$B$10,7,0)+IF('Standard Profiles'!$G$21=$B$17,14,0)+IF('Standard Profiles'!$G$21=$B$24,21,0),MOD($C8497,24)+1)/SUM(INDEX($D$3:$AA$30,INDEX(Jesper!$R$2:$R$366,ROW(INDEX(Jesper!AK$2:AK$366,ROUNDDOWN($C8497/24,0)+1,1))-1)+IF('Standard Profiles'!$G$21=$B$10,7,0)+IF('Standard Profiles'!$G$21=$B$17,14,0)+IF('Standard Profiles'!$G$21=$B$24,21,0),0)),0)</f>
        <v>0</v>
      </c>
      <c r="H8497" cm="1">
        <f t="array" ref="H8497">IFERROR(INDEX(Jesper!AL$2:AL$366,ROUNDDOWN($C8497/24,0)+1,1)*INDEX($D$3:$AA$30,INDEX(Jesper!$R$2:$R$366,ROW(INDEX(Jesper!AL$2:AL$366,ROUNDDOWN($C8497/24,0)+1,1))-1)+IF('Standard Profiles'!$G$22=$B$10,7,0)+IF('Standard Profiles'!$G$22=$B$17,14,0)+IF('Standard Profiles'!$G$22=$B$24,21,0),MOD($C8497,24)+1)/SUM(INDEX($D$3:$AA$30,INDEX(Jesper!$R$2:$R$366,ROW(INDEX(Jesper!AL$2:AL$366,ROUNDDOWN($C8497/24,0)+1,1))-1)+IF('Standard Profiles'!$G$22=$B$10,7,0)+IF('Standard Profiles'!$G$22=$B$17,14,0)+IF('Standard Profiles'!$G$22=$B$24,21,0),0)),0)</f>
        <v>0</v>
      </c>
      <c r="I8497">
        <f t="shared" si="944"/>
        <v>0.46179083528304121</v>
      </c>
      <c r="J8497">
        <f t="shared" si="945"/>
        <v>1.5393027842768041</v>
      </c>
      <c r="K8497">
        <f t="shared" si="946"/>
        <v>2.3089541764152059</v>
      </c>
      <c r="L8497">
        <f t="shared" si="947"/>
        <v>11.082980046792988</v>
      </c>
      <c r="M8497">
        <f t="shared" si="948"/>
        <v>0</v>
      </c>
      <c r="N8497" s="46">
        <f t="shared" si="949"/>
        <v>45644.624999979475</v>
      </c>
    </row>
    <row r="8498" spans="2:14" x14ac:dyDescent="0.3">
      <c r="B8498">
        <f t="shared" si="943"/>
        <v>3</v>
      </c>
      <c r="C8498" s="16">
        <v>8464</v>
      </c>
      <c r="D8498" cm="1">
        <f t="array" ref="D8498">IFERROR(INDEX(Jesper!AH$2:AH$366,ROUNDDOWN($C8498/24,0)+1,1)*INDEX($D$3:$AA$30,INDEX(Jesper!$R$2:$R$366,ROW(INDEX(Jesper!AH$2:AH$366,ROUNDDOWN($C8498/24,0)+1,1))-1)+IF('Standard Profiles'!$G$18=$B$10,7,0)+IF('Standard Profiles'!$G$18=$B$17,14,0)+IF('Standard Profiles'!$G$18=$B$24,21,0),MOD($C8498,24)+1)/SUM(INDEX($D$3:$AA$30,INDEX(Jesper!$R$2:$R$366,ROW(INDEX(Jesper!AH$2:AH$366,ROUNDDOWN($C8498/24,0)+1,1))-1)+IF('Standard Profiles'!$G$18=$B$10,7,0)+IF('Standard Profiles'!$G$18=$B$17,14,0)+IF('Standard Profiles'!$G$18=$B$24,21,0),0)),0)</f>
        <v>15.39302784276804</v>
      </c>
      <c r="E8498" cm="1">
        <f t="array" ref="E8498">IFERROR(INDEX(Jesper!AI$2:AI$366,ROUNDDOWN($C8498/24,0)+1,1)*INDEX($D$3:$AA$30,INDEX(Jesper!$R$2:$R$366,ROW(INDEX(Jesper!AI$2:AI$366,ROUNDDOWN($C8498/24,0)+1,1))-1)+IF('Standard Profiles'!$G$19=$B$10,7,0)+IF('Standard Profiles'!$G$19=$B$17,14,0)+IF('Standard Profiles'!$G$19=$B$24,21,0),MOD($C8498,24)+1)/SUM(INDEX($D$3:$AA$30,INDEX(Jesper!$R$2:$R$366,ROW(INDEX(Jesper!AI$2:AI$366,ROUNDDOWN($C8498/24,0)+1,1))-1)+IF('Standard Profiles'!$G$19=$B$10,7,0)+IF('Standard Profiles'!$G$19=$B$17,14,0)+IF('Standard Profiles'!$G$19=$B$24,21,0),0)),0)</f>
        <v>0</v>
      </c>
      <c r="F8498" cm="1">
        <f t="array" ref="F8498">IFERROR(INDEX(Jesper!AJ$2:AJ$366,ROUNDDOWN($C8498/24,0)+1,1)*INDEX($D$3:$AA$30,INDEX(Jesper!$R$2:$R$366,ROW(INDEX(Jesper!AJ$2:AJ$366,ROUNDDOWN($C8498/24,0)+1,1))-1)+IF('Standard Profiles'!$G$20=$B$10,7,0)+IF('Standard Profiles'!$G$20=$B$17,14,0)+IF('Standard Profiles'!$G$20=$B$24,21,0),MOD($C8498,24)+1)/SUM(INDEX($D$3:$AA$30,INDEX(Jesper!$R$2:$R$366,ROW(INDEX(Jesper!AJ$2:AJ$366,ROUNDDOWN($C8498/24,0)+1,1))-1)+IF('Standard Profiles'!$G$20=$B$10,7,0)+IF('Standard Profiles'!$G$20=$B$17,14,0)+IF('Standard Profiles'!$G$20=$B$24,21,0),0)),0)</f>
        <v>0</v>
      </c>
      <c r="G8498" cm="1">
        <f t="array" ref="G8498">IFERROR(INDEX(Jesper!AK$2:AK$366,ROUNDDOWN($C8498/24,0)+1,1)*INDEX($D$3:$AA$30,INDEX(Jesper!$R$2:$R$366,ROW(INDEX(Jesper!AK$2:AK$366,ROUNDDOWN($C8498/24,0)+1,1))-1)+IF('Standard Profiles'!$G$21=$B$10,7,0)+IF('Standard Profiles'!$G$21=$B$17,14,0)+IF('Standard Profiles'!$G$21=$B$24,21,0),MOD($C8498,24)+1)/SUM(INDEX($D$3:$AA$30,INDEX(Jesper!$R$2:$R$366,ROW(INDEX(Jesper!AK$2:AK$366,ROUNDDOWN($C8498/24,0)+1,1))-1)+IF('Standard Profiles'!$G$21=$B$10,7,0)+IF('Standard Profiles'!$G$21=$B$17,14,0)+IF('Standard Profiles'!$G$21=$B$24,21,0),0)),0)</f>
        <v>0</v>
      </c>
      <c r="H8498" cm="1">
        <f t="array" ref="H8498">IFERROR(INDEX(Jesper!AL$2:AL$366,ROUNDDOWN($C8498/24,0)+1,1)*INDEX($D$3:$AA$30,INDEX(Jesper!$R$2:$R$366,ROW(INDEX(Jesper!AL$2:AL$366,ROUNDDOWN($C8498/24,0)+1,1))-1)+IF('Standard Profiles'!$G$22=$B$10,7,0)+IF('Standard Profiles'!$G$22=$B$17,14,0)+IF('Standard Profiles'!$G$22=$B$24,21,0),MOD($C8498,24)+1)/SUM(INDEX($D$3:$AA$30,INDEX(Jesper!$R$2:$R$366,ROW(INDEX(Jesper!AL$2:AL$366,ROUNDDOWN($C8498/24,0)+1,1))-1)+IF('Standard Profiles'!$G$22=$B$10,7,0)+IF('Standard Profiles'!$G$22=$B$17,14,0)+IF('Standard Profiles'!$G$22=$B$24,21,0),0)),0)</f>
        <v>0</v>
      </c>
      <c r="I8498">
        <f t="shared" si="944"/>
        <v>0.46179083528304121</v>
      </c>
      <c r="J8498">
        <f t="shared" si="945"/>
        <v>1.5393027842768041</v>
      </c>
      <c r="K8498">
        <f t="shared" si="946"/>
        <v>2.3089541764152059</v>
      </c>
      <c r="L8498">
        <f t="shared" si="947"/>
        <v>11.082980046792988</v>
      </c>
      <c r="M8498">
        <f t="shared" si="948"/>
        <v>0</v>
      </c>
      <c r="N8498" s="46">
        <f t="shared" si="949"/>
        <v>45644.666666646139</v>
      </c>
    </row>
    <row r="8499" spans="2:14" x14ac:dyDescent="0.3">
      <c r="B8499">
        <f t="shared" si="943"/>
        <v>3</v>
      </c>
      <c r="C8499" s="16">
        <v>8465</v>
      </c>
      <c r="D8499" cm="1">
        <f t="array" ref="D8499">IFERROR(INDEX(Jesper!AH$2:AH$366,ROUNDDOWN($C8499/24,0)+1,1)*INDEX($D$3:$AA$30,INDEX(Jesper!$R$2:$R$366,ROW(INDEX(Jesper!AH$2:AH$366,ROUNDDOWN($C8499/24,0)+1,1))-1)+IF('Standard Profiles'!$G$18=$B$10,7,0)+IF('Standard Profiles'!$G$18=$B$17,14,0)+IF('Standard Profiles'!$G$18=$B$24,21,0),MOD($C8499,24)+1)/SUM(INDEX($D$3:$AA$30,INDEX(Jesper!$R$2:$R$366,ROW(INDEX(Jesper!AH$2:AH$366,ROUNDDOWN($C8499/24,0)+1,1))-1)+IF('Standard Profiles'!$G$18=$B$10,7,0)+IF('Standard Profiles'!$G$18=$B$17,14,0)+IF('Standard Profiles'!$G$18=$B$24,21,0),0)),0)</f>
        <v>15.39302784276804</v>
      </c>
      <c r="E8499" cm="1">
        <f t="array" ref="E8499">IFERROR(INDEX(Jesper!AI$2:AI$366,ROUNDDOWN($C8499/24,0)+1,1)*INDEX($D$3:$AA$30,INDEX(Jesper!$R$2:$R$366,ROW(INDEX(Jesper!AI$2:AI$366,ROUNDDOWN($C8499/24,0)+1,1))-1)+IF('Standard Profiles'!$G$19=$B$10,7,0)+IF('Standard Profiles'!$G$19=$B$17,14,0)+IF('Standard Profiles'!$G$19=$B$24,21,0),MOD($C8499,24)+1)/SUM(INDEX($D$3:$AA$30,INDEX(Jesper!$R$2:$R$366,ROW(INDEX(Jesper!AI$2:AI$366,ROUNDDOWN($C8499/24,0)+1,1))-1)+IF('Standard Profiles'!$G$19=$B$10,7,0)+IF('Standard Profiles'!$G$19=$B$17,14,0)+IF('Standard Profiles'!$G$19=$B$24,21,0),0)),0)</f>
        <v>0</v>
      </c>
      <c r="F8499" cm="1">
        <f t="array" ref="F8499">IFERROR(INDEX(Jesper!AJ$2:AJ$366,ROUNDDOWN($C8499/24,0)+1,1)*INDEX($D$3:$AA$30,INDEX(Jesper!$R$2:$R$366,ROW(INDEX(Jesper!AJ$2:AJ$366,ROUNDDOWN($C8499/24,0)+1,1))-1)+IF('Standard Profiles'!$G$20=$B$10,7,0)+IF('Standard Profiles'!$G$20=$B$17,14,0)+IF('Standard Profiles'!$G$20=$B$24,21,0),MOD($C8499,24)+1)/SUM(INDEX($D$3:$AA$30,INDEX(Jesper!$R$2:$R$366,ROW(INDEX(Jesper!AJ$2:AJ$366,ROUNDDOWN($C8499/24,0)+1,1))-1)+IF('Standard Profiles'!$G$20=$B$10,7,0)+IF('Standard Profiles'!$G$20=$B$17,14,0)+IF('Standard Profiles'!$G$20=$B$24,21,0),0)),0)</f>
        <v>0</v>
      </c>
      <c r="G8499" cm="1">
        <f t="array" ref="G8499">IFERROR(INDEX(Jesper!AK$2:AK$366,ROUNDDOWN($C8499/24,0)+1,1)*INDEX($D$3:$AA$30,INDEX(Jesper!$R$2:$R$366,ROW(INDEX(Jesper!AK$2:AK$366,ROUNDDOWN($C8499/24,0)+1,1))-1)+IF('Standard Profiles'!$G$21=$B$10,7,0)+IF('Standard Profiles'!$G$21=$B$17,14,0)+IF('Standard Profiles'!$G$21=$B$24,21,0),MOD($C8499,24)+1)/SUM(INDEX($D$3:$AA$30,INDEX(Jesper!$R$2:$R$366,ROW(INDEX(Jesper!AK$2:AK$366,ROUNDDOWN($C8499/24,0)+1,1))-1)+IF('Standard Profiles'!$G$21=$B$10,7,0)+IF('Standard Profiles'!$G$21=$B$17,14,0)+IF('Standard Profiles'!$G$21=$B$24,21,0),0)),0)</f>
        <v>0</v>
      </c>
      <c r="H8499" cm="1">
        <f t="array" ref="H8499">IFERROR(INDEX(Jesper!AL$2:AL$366,ROUNDDOWN($C8499/24,0)+1,1)*INDEX($D$3:$AA$30,INDEX(Jesper!$R$2:$R$366,ROW(INDEX(Jesper!AL$2:AL$366,ROUNDDOWN($C8499/24,0)+1,1))-1)+IF('Standard Profiles'!$G$22=$B$10,7,0)+IF('Standard Profiles'!$G$22=$B$17,14,0)+IF('Standard Profiles'!$G$22=$B$24,21,0),MOD($C8499,24)+1)/SUM(INDEX($D$3:$AA$30,INDEX(Jesper!$R$2:$R$366,ROW(INDEX(Jesper!AL$2:AL$366,ROUNDDOWN($C8499/24,0)+1,1))-1)+IF('Standard Profiles'!$G$22=$B$10,7,0)+IF('Standard Profiles'!$G$22=$B$17,14,0)+IF('Standard Profiles'!$G$22=$B$24,21,0),0)),0)</f>
        <v>0</v>
      </c>
      <c r="I8499">
        <f t="shared" si="944"/>
        <v>0.46179083528304121</v>
      </c>
      <c r="J8499">
        <f t="shared" si="945"/>
        <v>1.5393027842768041</v>
      </c>
      <c r="K8499">
        <f t="shared" si="946"/>
        <v>2.3089541764152059</v>
      </c>
      <c r="L8499">
        <f t="shared" si="947"/>
        <v>11.082980046792988</v>
      </c>
      <c r="M8499">
        <f t="shared" si="948"/>
        <v>0</v>
      </c>
      <c r="N8499" s="46">
        <f t="shared" si="949"/>
        <v>45644.708333312803</v>
      </c>
    </row>
    <row r="8500" spans="2:14" x14ac:dyDescent="0.3">
      <c r="B8500">
        <f t="shared" si="943"/>
        <v>3</v>
      </c>
      <c r="C8500" s="16">
        <v>8466</v>
      </c>
      <c r="D8500" cm="1">
        <f t="array" ref="D8500">IFERROR(INDEX(Jesper!AH$2:AH$366,ROUNDDOWN($C8500/24,0)+1,1)*INDEX($D$3:$AA$30,INDEX(Jesper!$R$2:$R$366,ROW(INDEX(Jesper!AH$2:AH$366,ROUNDDOWN($C8500/24,0)+1,1))-1)+IF('Standard Profiles'!$G$18=$B$10,7,0)+IF('Standard Profiles'!$G$18=$B$17,14,0)+IF('Standard Profiles'!$G$18=$B$24,21,0),MOD($C8500,24)+1)/SUM(INDEX($D$3:$AA$30,INDEX(Jesper!$R$2:$R$366,ROW(INDEX(Jesper!AH$2:AH$366,ROUNDDOWN($C8500/24,0)+1,1))-1)+IF('Standard Profiles'!$G$18=$B$10,7,0)+IF('Standard Profiles'!$G$18=$B$17,14,0)+IF('Standard Profiles'!$G$18=$B$24,21,0),0)),0)</f>
        <v>15.39302784276804</v>
      </c>
      <c r="E8500" cm="1">
        <f t="array" ref="E8500">IFERROR(INDEX(Jesper!AI$2:AI$366,ROUNDDOWN($C8500/24,0)+1,1)*INDEX($D$3:$AA$30,INDEX(Jesper!$R$2:$R$366,ROW(INDEX(Jesper!AI$2:AI$366,ROUNDDOWN($C8500/24,0)+1,1))-1)+IF('Standard Profiles'!$G$19=$B$10,7,0)+IF('Standard Profiles'!$G$19=$B$17,14,0)+IF('Standard Profiles'!$G$19=$B$24,21,0),MOD($C8500,24)+1)/SUM(INDEX($D$3:$AA$30,INDEX(Jesper!$R$2:$R$366,ROW(INDEX(Jesper!AI$2:AI$366,ROUNDDOWN($C8500/24,0)+1,1))-1)+IF('Standard Profiles'!$G$19=$B$10,7,0)+IF('Standard Profiles'!$G$19=$B$17,14,0)+IF('Standard Profiles'!$G$19=$B$24,21,0),0)),0)</f>
        <v>0</v>
      </c>
      <c r="F8500" cm="1">
        <f t="array" ref="F8500">IFERROR(INDEX(Jesper!AJ$2:AJ$366,ROUNDDOWN($C8500/24,0)+1,1)*INDEX($D$3:$AA$30,INDEX(Jesper!$R$2:$R$366,ROW(INDEX(Jesper!AJ$2:AJ$366,ROUNDDOWN($C8500/24,0)+1,1))-1)+IF('Standard Profiles'!$G$20=$B$10,7,0)+IF('Standard Profiles'!$G$20=$B$17,14,0)+IF('Standard Profiles'!$G$20=$B$24,21,0),MOD($C8500,24)+1)/SUM(INDEX($D$3:$AA$30,INDEX(Jesper!$R$2:$R$366,ROW(INDEX(Jesper!AJ$2:AJ$366,ROUNDDOWN($C8500/24,0)+1,1))-1)+IF('Standard Profiles'!$G$20=$B$10,7,0)+IF('Standard Profiles'!$G$20=$B$17,14,0)+IF('Standard Profiles'!$G$20=$B$24,21,0),0)),0)</f>
        <v>0</v>
      </c>
      <c r="G8500" cm="1">
        <f t="array" ref="G8500">IFERROR(INDEX(Jesper!AK$2:AK$366,ROUNDDOWN($C8500/24,0)+1,1)*INDEX($D$3:$AA$30,INDEX(Jesper!$R$2:$R$366,ROW(INDEX(Jesper!AK$2:AK$366,ROUNDDOWN($C8500/24,0)+1,1))-1)+IF('Standard Profiles'!$G$21=$B$10,7,0)+IF('Standard Profiles'!$G$21=$B$17,14,0)+IF('Standard Profiles'!$G$21=$B$24,21,0),MOD($C8500,24)+1)/SUM(INDEX($D$3:$AA$30,INDEX(Jesper!$R$2:$R$366,ROW(INDEX(Jesper!AK$2:AK$366,ROUNDDOWN($C8500/24,0)+1,1))-1)+IF('Standard Profiles'!$G$21=$B$10,7,0)+IF('Standard Profiles'!$G$21=$B$17,14,0)+IF('Standard Profiles'!$G$21=$B$24,21,0),0)),0)</f>
        <v>0</v>
      </c>
      <c r="H8500" cm="1">
        <f t="array" ref="H8500">IFERROR(INDEX(Jesper!AL$2:AL$366,ROUNDDOWN($C8500/24,0)+1,1)*INDEX($D$3:$AA$30,INDEX(Jesper!$R$2:$R$366,ROW(INDEX(Jesper!AL$2:AL$366,ROUNDDOWN($C8500/24,0)+1,1))-1)+IF('Standard Profiles'!$G$22=$B$10,7,0)+IF('Standard Profiles'!$G$22=$B$17,14,0)+IF('Standard Profiles'!$G$22=$B$24,21,0),MOD($C8500,24)+1)/SUM(INDEX($D$3:$AA$30,INDEX(Jesper!$R$2:$R$366,ROW(INDEX(Jesper!AL$2:AL$366,ROUNDDOWN($C8500/24,0)+1,1))-1)+IF('Standard Profiles'!$G$22=$B$10,7,0)+IF('Standard Profiles'!$G$22=$B$17,14,0)+IF('Standard Profiles'!$G$22=$B$24,21,0),0)),0)</f>
        <v>0</v>
      </c>
      <c r="I8500">
        <f t="shared" si="944"/>
        <v>0.46179083528304121</v>
      </c>
      <c r="J8500">
        <f t="shared" si="945"/>
        <v>1.5393027842768041</v>
      </c>
      <c r="K8500">
        <f t="shared" si="946"/>
        <v>2.3089541764152059</v>
      </c>
      <c r="L8500">
        <f t="shared" si="947"/>
        <v>11.082980046792988</v>
      </c>
      <c r="M8500">
        <f t="shared" si="948"/>
        <v>0</v>
      </c>
      <c r="N8500" s="46">
        <f t="shared" si="949"/>
        <v>45644.749999979467</v>
      </c>
    </row>
    <row r="8501" spans="2:14" x14ac:dyDescent="0.3">
      <c r="B8501">
        <f t="shared" si="943"/>
        <v>3</v>
      </c>
      <c r="C8501" s="16">
        <v>8467</v>
      </c>
      <c r="D8501" cm="1">
        <f t="array" ref="D8501">IFERROR(INDEX(Jesper!AH$2:AH$366,ROUNDDOWN($C8501/24,0)+1,1)*INDEX($D$3:$AA$30,INDEX(Jesper!$R$2:$R$366,ROW(INDEX(Jesper!AH$2:AH$366,ROUNDDOWN($C8501/24,0)+1,1))-1)+IF('Standard Profiles'!$G$18=$B$10,7,0)+IF('Standard Profiles'!$G$18=$B$17,14,0)+IF('Standard Profiles'!$G$18=$B$24,21,0),MOD($C8501,24)+1)/SUM(INDEX($D$3:$AA$30,INDEX(Jesper!$R$2:$R$366,ROW(INDEX(Jesper!AH$2:AH$366,ROUNDDOWN($C8501/24,0)+1,1))-1)+IF('Standard Profiles'!$G$18=$B$10,7,0)+IF('Standard Profiles'!$G$18=$B$17,14,0)+IF('Standard Profiles'!$G$18=$B$24,21,0),0)),0)</f>
        <v>12.827523202306702</v>
      </c>
      <c r="E8501" cm="1">
        <f t="array" ref="E8501">IFERROR(INDEX(Jesper!AI$2:AI$366,ROUNDDOWN($C8501/24,0)+1,1)*INDEX($D$3:$AA$30,INDEX(Jesper!$R$2:$R$366,ROW(INDEX(Jesper!AI$2:AI$366,ROUNDDOWN($C8501/24,0)+1,1))-1)+IF('Standard Profiles'!$G$19=$B$10,7,0)+IF('Standard Profiles'!$G$19=$B$17,14,0)+IF('Standard Profiles'!$G$19=$B$24,21,0),MOD($C8501,24)+1)/SUM(INDEX($D$3:$AA$30,INDEX(Jesper!$R$2:$R$366,ROW(INDEX(Jesper!AI$2:AI$366,ROUNDDOWN($C8501/24,0)+1,1))-1)+IF('Standard Profiles'!$G$19=$B$10,7,0)+IF('Standard Profiles'!$G$19=$B$17,14,0)+IF('Standard Profiles'!$G$19=$B$24,21,0),0)),0)</f>
        <v>0</v>
      </c>
      <c r="F8501" cm="1">
        <f t="array" ref="F8501">IFERROR(INDEX(Jesper!AJ$2:AJ$366,ROUNDDOWN($C8501/24,0)+1,1)*INDEX($D$3:$AA$30,INDEX(Jesper!$R$2:$R$366,ROW(INDEX(Jesper!AJ$2:AJ$366,ROUNDDOWN($C8501/24,0)+1,1))-1)+IF('Standard Profiles'!$G$20=$B$10,7,0)+IF('Standard Profiles'!$G$20=$B$17,14,0)+IF('Standard Profiles'!$G$20=$B$24,21,0),MOD($C8501,24)+1)/SUM(INDEX($D$3:$AA$30,INDEX(Jesper!$R$2:$R$366,ROW(INDEX(Jesper!AJ$2:AJ$366,ROUNDDOWN($C8501/24,0)+1,1))-1)+IF('Standard Profiles'!$G$20=$B$10,7,0)+IF('Standard Profiles'!$G$20=$B$17,14,0)+IF('Standard Profiles'!$G$20=$B$24,21,0),0)),0)</f>
        <v>0</v>
      </c>
      <c r="G8501" cm="1">
        <f t="array" ref="G8501">IFERROR(INDEX(Jesper!AK$2:AK$366,ROUNDDOWN($C8501/24,0)+1,1)*INDEX($D$3:$AA$30,INDEX(Jesper!$R$2:$R$366,ROW(INDEX(Jesper!AK$2:AK$366,ROUNDDOWN($C8501/24,0)+1,1))-1)+IF('Standard Profiles'!$G$21=$B$10,7,0)+IF('Standard Profiles'!$G$21=$B$17,14,0)+IF('Standard Profiles'!$G$21=$B$24,21,0),MOD($C8501,24)+1)/SUM(INDEX($D$3:$AA$30,INDEX(Jesper!$R$2:$R$366,ROW(INDEX(Jesper!AK$2:AK$366,ROUNDDOWN($C8501/24,0)+1,1))-1)+IF('Standard Profiles'!$G$21=$B$10,7,0)+IF('Standard Profiles'!$G$21=$B$17,14,0)+IF('Standard Profiles'!$G$21=$B$24,21,0),0)),0)</f>
        <v>0</v>
      </c>
      <c r="H8501" cm="1">
        <f t="array" ref="H8501">IFERROR(INDEX(Jesper!AL$2:AL$366,ROUNDDOWN($C8501/24,0)+1,1)*INDEX($D$3:$AA$30,INDEX(Jesper!$R$2:$R$366,ROW(INDEX(Jesper!AL$2:AL$366,ROUNDDOWN($C8501/24,0)+1,1))-1)+IF('Standard Profiles'!$G$22=$B$10,7,0)+IF('Standard Profiles'!$G$22=$B$17,14,0)+IF('Standard Profiles'!$G$22=$B$24,21,0),MOD($C8501,24)+1)/SUM(INDEX($D$3:$AA$30,INDEX(Jesper!$R$2:$R$366,ROW(INDEX(Jesper!AL$2:AL$366,ROUNDDOWN($C8501/24,0)+1,1))-1)+IF('Standard Profiles'!$G$22=$B$10,7,0)+IF('Standard Profiles'!$G$22=$B$17,14,0)+IF('Standard Profiles'!$G$22=$B$24,21,0),0)),0)</f>
        <v>0</v>
      </c>
      <c r="I8501">
        <f t="shared" si="944"/>
        <v>0.38482569606920103</v>
      </c>
      <c r="J8501">
        <f t="shared" si="945"/>
        <v>1.2827523202306703</v>
      </c>
      <c r="K8501">
        <f t="shared" si="946"/>
        <v>1.9241284803460053</v>
      </c>
      <c r="L8501">
        <f t="shared" si="947"/>
        <v>9.2358167056608256</v>
      </c>
      <c r="M8501">
        <f t="shared" si="948"/>
        <v>0</v>
      </c>
      <c r="N8501" s="46">
        <f t="shared" si="949"/>
        <v>45644.791666646131</v>
      </c>
    </row>
    <row r="8502" spans="2:14" x14ac:dyDescent="0.3">
      <c r="B8502">
        <f t="shared" si="943"/>
        <v>3</v>
      </c>
      <c r="C8502" s="16">
        <v>8468</v>
      </c>
      <c r="D8502" cm="1">
        <f t="array" ref="D8502">IFERROR(INDEX(Jesper!AH$2:AH$366,ROUNDDOWN($C8502/24,0)+1,1)*INDEX($D$3:$AA$30,INDEX(Jesper!$R$2:$R$366,ROW(INDEX(Jesper!AH$2:AH$366,ROUNDDOWN($C8502/24,0)+1,1))-1)+IF('Standard Profiles'!$G$18=$B$10,7,0)+IF('Standard Profiles'!$G$18=$B$17,14,0)+IF('Standard Profiles'!$G$18=$B$24,21,0),MOD($C8502,24)+1)/SUM(INDEX($D$3:$AA$30,INDEX(Jesper!$R$2:$R$366,ROW(INDEX(Jesper!AH$2:AH$366,ROUNDDOWN($C8502/24,0)+1,1))-1)+IF('Standard Profiles'!$G$18=$B$10,7,0)+IF('Standard Profiles'!$G$18=$B$17,14,0)+IF('Standard Profiles'!$G$18=$B$24,21,0),0)),0)</f>
        <v>10.262018561845361</v>
      </c>
      <c r="E8502" cm="1">
        <f t="array" ref="E8502">IFERROR(INDEX(Jesper!AI$2:AI$366,ROUNDDOWN($C8502/24,0)+1,1)*INDEX($D$3:$AA$30,INDEX(Jesper!$R$2:$R$366,ROW(INDEX(Jesper!AI$2:AI$366,ROUNDDOWN($C8502/24,0)+1,1))-1)+IF('Standard Profiles'!$G$19=$B$10,7,0)+IF('Standard Profiles'!$G$19=$B$17,14,0)+IF('Standard Profiles'!$G$19=$B$24,21,0),MOD($C8502,24)+1)/SUM(INDEX($D$3:$AA$30,INDEX(Jesper!$R$2:$R$366,ROW(INDEX(Jesper!AI$2:AI$366,ROUNDDOWN($C8502/24,0)+1,1))-1)+IF('Standard Profiles'!$G$19=$B$10,7,0)+IF('Standard Profiles'!$G$19=$B$17,14,0)+IF('Standard Profiles'!$G$19=$B$24,21,0),0)),0)</f>
        <v>0</v>
      </c>
      <c r="F8502" cm="1">
        <f t="array" ref="F8502">IFERROR(INDEX(Jesper!AJ$2:AJ$366,ROUNDDOWN($C8502/24,0)+1,1)*INDEX($D$3:$AA$30,INDEX(Jesper!$R$2:$R$366,ROW(INDEX(Jesper!AJ$2:AJ$366,ROUNDDOWN($C8502/24,0)+1,1))-1)+IF('Standard Profiles'!$G$20=$B$10,7,0)+IF('Standard Profiles'!$G$20=$B$17,14,0)+IF('Standard Profiles'!$G$20=$B$24,21,0),MOD($C8502,24)+1)/SUM(INDEX($D$3:$AA$30,INDEX(Jesper!$R$2:$R$366,ROW(INDEX(Jesper!AJ$2:AJ$366,ROUNDDOWN($C8502/24,0)+1,1))-1)+IF('Standard Profiles'!$G$20=$B$10,7,0)+IF('Standard Profiles'!$G$20=$B$17,14,0)+IF('Standard Profiles'!$G$20=$B$24,21,0),0)),0)</f>
        <v>0</v>
      </c>
      <c r="G8502" cm="1">
        <f t="array" ref="G8502">IFERROR(INDEX(Jesper!AK$2:AK$366,ROUNDDOWN($C8502/24,0)+1,1)*INDEX($D$3:$AA$30,INDEX(Jesper!$R$2:$R$366,ROW(INDEX(Jesper!AK$2:AK$366,ROUNDDOWN($C8502/24,0)+1,1))-1)+IF('Standard Profiles'!$G$21=$B$10,7,0)+IF('Standard Profiles'!$G$21=$B$17,14,0)+IF('Standard Profiles'!$G$21=$B$24,21,0),MOD($C8502,24)+1)/SUM(INDEX($D$3:$AA$30,INDEX(Jesper!$R$2:$R$366,ROW(INDEX(Jesper!AK$2:AK$366,ROUNDDOWN($C8502/24,0)+1,1))-1)+IF('Standard Profiles'!$G$21=$B$10,7,0)+IF('Standard Profiles'!$G$21=$B$17,14,0)+IF('Standard Profiles'!$G$21=$B$24,21,0),0)),0)</f>
        <v>0</v>
      </c>
      <c r="H8502" cm="1">
        <f t="array" ref="H8502">IFERROR(INDEX(Jesper!AL$2:AL$366,ROUNDDOWN($C8502/24,0)+1,1)*INDEX($D$3:$AA$30,INDEX(Jesper!$R$2:$R$366,ROW(INDEX(Jesper!AL$2:AL$366,ROUNDDOWN($C8502/24,0)+1,1))-1)+IF('Standard Profiles'!$G$22=$B$10,7,0)+IF('Standard Profiles'!$G$22=$B$17,14,0)+IF('Standard Profiles'!$G$22=$B$24,21,0),MOD($C8502,24)+1)/SUM(INDEX($D$3:$AA$30,INDEX(Jesper!$R$2:$R$366,ROW(INDEX(Jesper!AL$2:AL$366,ROUNDDOWN($C8502/24,0)+1,1))-1)+IF('Standard Profiles'!$G$22=$B$10,7,0)+IF('Standard Profiles'!$G$22=$B$17,14,0)+IF('Standard Profiles'!$G$22=$B$24,21,0),0)),0)</f>
        <v>0</v>
      </c>
      <c r="I8502">
        <f t="shared" si="944"/>
        <v>0.30786055685536079</v>
      </c>
      <c r="J8502">
        <f t="shared" si="945"/>
        <v>1.0262018561845361</v>
      </c>
      <c r="K8502">
        <f t="shared" si="946"/>
        <v>1.5393027842768041</v>
      </c>
      <c r="L8502">
        <f t="shared" si="947"/>
        <v>7.3886533645286594</v>
      </c>
      <c r="M8502">
        <f t="shared" si="948"/>
        <v>0</v>
      </c>
      <c r="N8502" s="46">
        <f t="shared" si="949"/>
        <v>45644.833333312796</v>
      </c>
    </row>
    <row r="8503" spans="2:14" x14ac:dyDescent="0.3">
      <c r="B8503">
        <f t="shared" si="943"/>
        <v>3</v>
      </c>
      <c r="C8503" s="16">
        <v>8469</v>
      </c>
      <c r="D8503" cm="1">
        <f t="array" ref="D8503">IFERROR(INDEX(Jesper!AH$2:AH$366,ROUNDDOWN($C8503/24,0)+1,1)*INDEX($D$3:$AA$30,INDEX(Jesper!$R$2:$R$366,ROW(INDEX(Jesper!AH$2:AH$366,ROUNDDOWN($C8503/24,0)+1,1))-1)+IF('Standard Profiles'!$G$18=$B$10,7,0)+IF('Standard Profiles'!$G$18=$B$17,14,0)+IF('Standard Profiles'!$G$18=$B$24,21,0),MOD($C8503,24)+1)/SUM(INDEX($D$3:$AA$30,INDEX(Jesper!$R$2:$R$366,ROW(INDEX(Jesper!AH$2:AH$366,ROUNDDOWN($C8503/24,0)+1,1))-1)+IF('Standard Profiles'!$G$18=$B$10,7,0)+IF('Standard Profiles'!$G$18=$B$17,14,0)+IF('Standard Profiles'!$G$18=$B$24,21,0),0)),0)</f>
        <v>7.6965139213840201</v>
      </c>
      <c r="E8503" cm="1">
        <f t="array" ref="E8503">IFERROR(INDEX(Jesper!AI$2:AI$366,ROUNDDOWN($C8503/24,0)+1,1)*INDEX($D$3:$AA$30,INDEX(Jesper!$R$2:$R$366,ROW(INDEX(Jesper!AI$2:AI$366,ROUNDDOWN($C8503/24,0)+1,1))-1)+IF('Standard Profiles'!$G$19=$B$10,7,0)+IF('Standard Profiles'!$G$19=$B$17,14,0)+IF('Standard Profiles'!$G$19=$B$24,21,0),MOD($C8503,24)+1)/SUM(INDEX($D$3:$AA$30,INDEX(Jesper!$R$2:$R$366,ROW(INDEX(Jesper!AI$2:AI$366,ROUNDDOWN($C8503/24,0)+1,1))-1)+IF('Standard Profiles'!$G$19=$B$10,7,0)+IF('Standard Profiles'!$G$19=$B$17,14,0)+IF('Standard Profiles'!$G$19=$B$24,21,0),0)),0)</f>
        <v>0</v>
      </c>
      <c r="F8503" cm="1">
        <f t="array" ref="F8503">IFERROR(INDEX(Jesper!AJ$2:AJ$366,ROUNDDOWN($C8503/24,0)+1,1)*INDEX($D$3:$AA$30,INDEX(Jesper!$R$2:$R$366,ROW(INDEX(Jesper!AJ$2:AJ$366,ROUNDDOWN($C8503/24,0)+1,1))-1)+IF('Standard Profiles'!$G$20=$B$10,7,0)+IF('Standard Profiles'!$G$20=$B$17,14,0)+IF('Standard Profiles'!$G$20=$B$24,21,0),MOD($C8503,24)+1)/SUM(INDEX($D$3:$AA$30,INDEX(Jesper!$R$2:$R$366,ROW(INDEX(Jesper!AJ$2:AJ$366,ROUNDDOWN($C8503/24,0)+1,1))-1)+IF('Standard Profiles'!$G$20=$B$10,7,0)+IF('Standard Profiles'!$G$20=$B$17,14,0)+IF('Standard Profiles'!$G$20=$B$24,21,0),0)),0)</f>
        <v>0</v>
      </c>
      <c r="G8503" cm="1">
        <f t="array" ref="G8503">IFERROR(INDEX(Jesper!AK$2:AK$366,ROUNDDOWN($C8503/24,0)+1,1)*INDEX($D$3:$AA$30,INDEX(Jesper!$R$2:$R$366,ROW(INDEX(Jesper!AK$2:AK$366,ROUNDDOWN($C8503/24,0)+1,1))-1)+IF('Standard Profiles'!$G$21=$B$10,7,0)+IF('Standard Profiles'!$G$21=$B$17,14,0)+IF('Standard Profiles'!$G$21=$B$24,21,0),MOD($C8503,24)+1)/SUM(INDEX($D$3:$AA$30,INDEX(Jesper!$R$2:$R$366,ROW(INDEX(Jesper!AK$2:AK$366,ROUNDDOWN($C8503/24,0)+1,1))-1)+IF('Standard Profiles'!$G$21=$B$10,7,0)+IF('Standard Profiles'!$G$21=$B$17,14,0)+IF('Standard Profiles'!$G$21=$B$24,21,0),0)),0)</f>
        <v>0</v>
      </c>
      <c r="H8503" cm="1">
        <f t="array" ref="H8503">IFERROR(INDEX(Jesper!AL$2:AL$366,ROUNDDOWN($C8503/24,0)+1,1)*INDEX($D$3:$AA$30,INDEX(Jesper!$R$2:$R$366,ROW(INDEX(Jesper!AL$2:AL$366,ROUNDDOWN($C8503/24,0)+1,1))-1)+IF('Standard Profiles'!$G$22=$B$10,7,0)+IF('Standard Profiles'!$G$22=$B$17,14,0)+IF('Standard Profiles'!$G$22=$B$24,21,0),MOD($C8503,24)+1)/SUM(INDEX($D$3:$AA$30,INDEX(Jesper!$R$2:$R$366,ROW(INDEX(Jesper!AL$2:AL$366,ROUNDDOWN($C8503/24,0)+1,1))-1)+IF('Standard Profiles'!$G$22=$B$10,7,0)+IF('Standard Profiles'!$G$22=$B$17,14,0)+IF('Standard Profiles'!$G$22=$B$24,21,0),0)),0)</f>
        <v>0</v>
      </c>
      <c r="I8503">
        <f t="shared" si="944"/>
        <v>0.23089541764152061</v>
      </c>
      <c r="J8503">
        <f t="shared" si="945"/>
        <v>0.76965139213840206</v>
      </c>
      <c r="K8503">
        <f t="shared" si="946"/>
        <v>1.154477088207603</v>
      </c>
      <c r="L8503">
        <f t="shared" si="947"/>
        <v>5.5414900233964941</v>
      </c>
      <c r="M8503">
        <f t="shared" si="948"/>
        <v>0</v>
      </c>
      <c r="N8503" s="46">
        <f t="shared" si="949"/>
        <v>45644.87499997946</v>
      </c>
    </row>
    <row r="8504" spans="2:14" x14ac:dyDescent="0.3">
      <c r="B8504">
        <f t="shared" si="943"/>
        <v>3</v>
      </c>
      <c r="C8504" s="16">
        <v>8470</v>
      </c>
      <c r="D8504" cm="1">
        <f t="array" ref="D8504">IFERROR(INDEX(Jesper!AH$2:AH$366,ROUNDDOWN($C8504/24,0)+1,1)*INDEX($D$3:$AA$30,INDEX(Jesper!$R$2:$R$366,ROW(INDEX(Jesper!AH$2:AH$366,ROUNDDOWN($C8504/24,0)+1,1))-1)+IF('Standard Profiles'!$G$18=$B$10,7,0)+IF('Standard Profiles'!$G$18=$B$17,14,0)+IF('Standard Profiles'!$G$18=$B$24,21,0),MOD($C8504,24)+1)/SUM(INDEX($D$3:$AA$30,INDEX(Jesper!$R$2:$R$366,ROW(INDEX(Jesper!AH$2:AH$366,ROUNDDOWN($C8504/24,0)+1,1))-1)+IF('Standard Profiles'!$G$18=$B$10,7,0)+IF('Standard Profiles'!$G$18=$B$17,14,0)+IF('Standard Profiles'!$G$18=$B$24,21,0),0)),0)</f>
        <v>7.6965139213840201</v>
      </c>
      <c r="E8504" cm="1">
        <f t="array" ref="E8504">IFERROR(INDEX(Jesper!AI$2:AI$366,ROUNDDOWN($C8504/24,0)+1,1)*INDEX($D$3:$AA$30,INDEX(Jesper!$R$2:$R$366,ROW(INDEX(Jesper!AI$2:AI$366,ROUNDDOWN($C8504/24,0)+1,1))-1)+IF('Standard Profiles'!$G$19=$B$10,7,0)+IF('Standard Profiles'!$G$19=$B$17,14,0)+IF('Standard Profiles'!$G$19=$B$24,21,0),MOD($C8504,24)+1)/SUM(INDEX($D$3:$AA$30,INDEX(Jesper!$R$2:$R$366,ROW(INDEX(Jesper!AI$2:AI$366,ROUNDDOWN($C8504/24,0)+1,1))-1)+IF('Standard Profiles'!$G$19=$B$10,7,0)+IF('Standard Profiles'!$G$19=$B$17,14,0)+IF('Standard Profiles'!$G$19=$B$24,21,0),0)),0)</f>
        <v>0</v>
      </c>
      <c r="F8504" cm="1">
        <f t="array" ref="F8504">IFERROR(INDEX(Jesper!AJ$2:AJ$366,ROUNDDOWN($C8504/24,0)+1,1)*INDEX($D$3:$AA$30,INDEX(Jesper!$R$2:$R$366,ROW(INDEX(Jesper!AJ$2:AJ$366,ROUNDDOWN($C8504/24,0)+1,1))-1)+IF('Standard Profiles'!$G$20=$B$10,7,0)+IF('Standard Profiles'!$G$20=$B$17,14,0)+IF('Standard Profiles'!$G$20=$B$24,21,0),MOD($C8504,24)+1)/SUM(INDEX($D$3:$AA$30,INDEX(Jesper!$R$2:$R$366,ROW(INDEX(Jesper!AJ$2:AJ$366,ROUNDDOWN($C8504/24,0)+1,1))-1)+IF('Standard Profiles'!$G$20=$B$10,7,0)+IF('Standard Profiles'!$G$20=$B$17,14,0)+IF('Standard Profiles'!$G$20=$B$24,21,0),0)),0)</f>
        <v>0</v>
      </c>
      <c r="G8504" cm="1">
        <f t="array" ref="G8504">IFERROR(INDEX(Jesper!AK$2:AK$366,ROUNDDOWN($C8504/24,0)+1,1)*INDEX($D$3:$AA$30,INDEX(Jesper!$R$2:$R$366,ROW(INDEX(Jesper!AK$2:AK$366,ROUNDDOWN($C8504/24,0)+1,1))-1)+IF('Standard Profiles'!$G$21=$B$10,7,0)+IF('Standard Profiles'!$G$21=$B$17,14,0)+IF('Standard Profiles'!$G$21=$B$24,21,0),MOD($C8504,24)+1)/SUM(INDEX($D$3:$AA$30,INDEX(Jesper!$R$2:$R$366,ROW(INDEX(Jesper!AK$2:AK$366,ROUNDDOWN($C8504/24,0)+1,1))-1)+IF('Standard Profiles'!$G$21=$B$10,7,0)+IF('Standard Profiles'!$G$21=$B$17,14,0)+IF('Standard Profiles'!$G$21=$B$24,21,0),0)),0)</f>
        <v>0</v>
      </c>
      <c r="H8504" cm="1">
        <f t="array" ref="H8504">IFERROR(INDEX(Jesper!AL$2:AL$366,ROUNDDOWN($C8504/24,0)+1,1)*INDEX($D$3:$AA$30,INDEX(Jesper!$R$2:$R$366,ROW(INDEX(Jesper!AL$2:AL$366,ROUNDDOWN($C8504/24,0)+1,1))-1)+IF('Standard Profiles'!$G$22=$B$10,7,0)+IF('Standard Profiles'!$G$22=$B$17,14,0)+IF('Standard Profiles'!$G$22=$B$24,21,0),MOD($C8504,24)+1)/SUM(INDEX($D$3:$AA$30,INDEX(Jesper!$R$2:$R$366,ROW(INDEX(Jesper!AL$2:AL$366,ROUNDDOWN($C8504/24,0)+1,1))-1)+IF('Standard Profiles'!$G$22=$B$10,7,0)+IF('Standard Profiles'!$G$22=$B$17,14,0)+IF('Standard Profiles'!$G$22=$B$24,21,0),0)),0)</f>
        <v>0</v>
      </c>
      <c r="I8504">
        <f t="shared" si="944"/>
        <v>0.23089541764152061</v>
      </c>
      <c r="J8504">
        <f t="shared" si="945"/>
        <v>0.76965139213840206</v>
      </c>
      <c r="K8504">
        <f t="shared" si="946"/>
        <v>1.154477088207603</v>
      </c>
      <c r="L8504">
        <f t="shared" si="947"/>
        <v>5.5414900233964941</v>
      </c>
      <c r="M8504">
        <f t="shared" si="948"/>
        <v>0</v>
      </c>
      <c r="N8504" s="46">
        <f t="shared" si="949"/>
        <v>45644.916666646124</v>
      </c>
    </row>
    <row r="8505" spans="2:14" x14ac:dyDescent="0.3">
      <c r="B8505">
        <f t="shared" si="943"/>
        <v>3</v>
      </c>
      <c r="C8505" s="16">
        <v>8471</v>
      </c>
      <c r="D8505" cm="1">
        <f t="array" ref="D8505">IFERROR(INDEX(Jesper!AH$2:AH$366,ROUNDDOWN($C8505/24,0)+1,1)*INDEX($D$3:$AA$30,INDEX(Jesper!$R$2:$R$366,ROW(INDEX(Jesper!AH$2:AH$366,ROUNDDOWN($C8505/24,0)+1,1))-1)+IF('Standard Profiles'!$G$18=$B$10,7,0)+IF('Standard Profiles'!$G$18=$B$17,14,0)+IF('Standard Profiles'!$G$18=$B$24,21,0),MOD($C8505,24)+1)/SUM(INDEX($D$3:$AA$30,INDEX(Jesper!$R$2:$R$366,ROW(INDEX(Jesper!AH$2:AH$366,ROUNDDOWN($C8505/24,0)+1,1))-1)+IF('Standard Profiles'!$G$18=$B$10,7,0)+IF('Standard Profiles'!$G$18=$B$17,14,0)+IF('Standard Profiles'!$G$18=$B$24,21,0),0)),0)</f>
        <v>7.6965139213840201</v>
      </c>
      <c r="E8505" cm="1">
        <f t="array" ref="E8505">IFERROR(INDEX(Jesper!AI$2:AI$366,ROUNDDOWN($C8505/24,0)+1,1)*INDEX($D$3:$AA$30,INDEX(Jesper!$R$2:$R$366,ROW(INDEX(Jesper!AI$2:AI$366,ROUNDDOWN($C8505/24,0)+1,1))-1)+IF('Standard Profiles'!$G$19=$B$10,7,0)+IF('Standard Profiles'!$G$19=$B$17,14,0)+IF('Standard Profiles'!$G$19=$B$24,21,0),MOD($C8505,24)+1)/SUM(INDEX($D$3:$AA$30,INDEX(Jesper!$R$2:$R$366,ROW(INDEX(Jesper!AI$2:AI$366,ROUNDDOWN($C8505/24,0)+1,1))-1)+IF('Standard Profiles'!$G$19=$B$10,7,0)+IF('Standard Profiles'!$G$19=$B$17,14,0)+IF('Standard Profiles'!$G$19=$B$24,21,0),0)),0)</f>
        <v>0</v>
      </c>
      <c r="F8505" cm="1">
        <f t="array" ref="F8505">IFERROR(INDEX(Jesper!AJ$2:AJ$366,ROUNDDOWN($C8505/24,0)+1,1)*INDEX($D$3:$AA$30,INDEX(Jesper!$R$2:$R$366,ROW(INDEX(Jesper!AJ$2:AJ$366,ROUNDDOWN($C8505/24,0)+1,1))-1)+IF('Standard Profiles'!$G$20=$B$10,7,0)+IF('Standard Profiles'!$G$20=$B$17,14,0)+IF('Standard Profiles'!$G$20=$B$24,21,0),MOD($C8505,24)+1)/SUM(INDEX($D$3:$AA$30,INDEX(Jesper!$R$2:$R$366,ROW(INDEX(Jesper!AJ$2:AJ$366,ROUNDDOWN($C8505/24,0)+1,1))-1)+IF('Standard Profiles'!$G$20=$B$10,7,0)+IF('Standard Profiles'!$G$20=$B$17,14,0)+IF('Standard Profiles'!$G$20=$B$24,21,0),0)),0)</f>
        <v>0</v>
      </c>
      <c r="G8505" cm="1">
        <f t="array" ref="G8505">IFERROR(INDEX(Jesper!AK$2:AK$366,ROUNDDOWN($C8505/24,0)+1,1)*INDEX($D$3:$AA$30,INDEX(Jesper!$R$2:$R$366,ROW(INDEX(Jesper!AK$2:AK$366,ROUNDDOWN($C8505/24,0)+1,1))-1)+IF('Standard Profiles'!$G$21=$B$10,7,0)+IF('Standard Profiles'!$G$21=$B$17,14,0)+IF('Standard Profiles'!$G$21=$B$24,21,0),MOD($C8505,24)+1)/SUM(INDEX($D$3:$AA$30,INDEX(Jesper!$R$2:$R$366,ROW(INDEX(Jesper!AK$2:AK$366,ROUNDDOWN($C8505/24,0)+1,1))-1)+IF('Standard Profiles'!$G$21=$B$10,7,0)+IF('Standard Profiles'!$G$21=$B$17,14,0)+IF('Standard Profiles'!$G$21=$B$24,21,0),0)),0)</f>
        <v>0</v>
      </c>
      <c r="H8505" cm="1">
        <f t="array" ref="H8505">IFERROR(INDEX(Jesper!AL$2:AL$366,ROUNDDOWN($C8505/24,0)+1,1)*INDEX($D$3:$AA$30,INDEX(Jesper!$R$2:$R$366,ROW(INDEX(Jesper!AL$2:AL$366,ROUNDDOWN($C8505/24,0)+1,1))-1)+IF('Standard Profiles'!$G$22=$B$10,7,0)+IF('Standard Profiles'!$G$22=$B$17,14,0)+IF('Standard Profiles'!$G$22=$B$24,21,0),MOD($C8505,24)+1)/SUM(INDEX($D$3:$AA$30,INDEX(Jesper!$R$2:$R$366,ROW(INDEX(Jesper!AL$2:AL$366,ROUNDDOWN($C8505/24,0)+1,1))-1)+IF('Standard Profiles'!$G$22=$B$10,7,0)+IF('Standard Profiles'!$G$22=$B$17,14,0)+IF('Standard Profiles'!$G$22=$B$24,21,0),0)),0)</f>
        <v>0</v>
      </c>
      <c r="I8505">
        <f t="shared" si="944"/>
        <v>0.23089541764152061</v>
      </c>
      <c r="J8505">
        <f t="shared" si="945"/>
        <v>0.76965139213840206</v>
      </c>
      <c r="K8505">
        <f t="shared" si="946"/>
        <v>1.154477088207603</v>
      </c>
      <c r="L8505">
        <f t="shared" si="947"/>
        <v>5.5414900233964941</v>
      </c>
      <c r="M8505">
        <f t="shared" si="948"/>
        <v>0</v>
      </c>
      <c r="N8505" s="46">
        <f t="shared" si="949"/>
        <v>45644.958333312788</v>
      </c>
    </row>
    <row r="8506" spans="2:14" x14ac:dyDescent="0.3">
      <c r="B8506">
        <f t="shared" si="943"/>
        <v>4</v>
      </c>
      <c r="C8506" s="16">
        <v>8472</v>
      </c>
      <c r="D8506" cm="1">
        <f t="array" ref="D8506">IFERROR(INDEX(Jesper!AH$2:AH$366,ROUNDDOWN($C8506/24,0)+1,1)*INDEX($D$3:$AA$30,INDEX(Jesper!$R$2:$R$366,ROW(INDEX(Jesper!AH$2:AH$366,ROUNDDOWN($C8506/24,0)+1,1))-1)+IF('Standard Profiles'!$G$18=$B$10,7,0)+IF('Standard Profiles'!$G$18=$B$17,14,0)+IF('Standard Profiles'!$G$18=$B$24,21,0),MOD($C8506,24)+1)/SUM(INDEX($D$3:$AA$30,INDEX(Jesper!$R$2:$R$366,ROW(INDEX(Jesper!AH$2:AH$366,ROUNDDOWN($C8506/24,0)+1,1))-1)+IF('Standard Profiles'!$G$18=$B$10,7,0)+IF('Standard Profiles'!$G$18=$B$17,14,0)+IF('Standard Profiles'!$G$18=$B$24,21,0),0)),0)</f>
        <v>8.043135616337727</v>
      </c>
      <c r="E8506" cm="1">
        <f t="array" ref="E8506">IFERROR(INDEX(Jesper!AI$2:AI$366,ROUNDDOWN($C8506/24,0)+1,1)*INDEX($D$3:$AA$30,INDEX(Jesper!$R$2:$R$366,ROW(INDEX(Jesper!AI$2:AI$366,ROUNDDOWN($C8506/24,0)+1,1))-1)+IF('Standard Profiles'!$G$19=$B$10,7,0)+IF('Standard Profiles'!$G$19=$B$17,14,0)+IF('Standard Profiles'!$G$19=$B$24,21,0),MOD($C8506,24)+1)/SUM(INDEX($D$3:$AA$30,INDEX(Jesper!$R$2:$R$366,ROW(INDEX(Jesper!AI$2:AI$366,ROUNDDOWN($C8506/24,0)+1,1))-1)+IF('Standard Profiles'!$G$19=$B$10,7,0)+IF('Standard Profiles'!$G$19=$B$17,14,0)+IF('Standard Profiles'!$G$19=$B$24,21,0),0)),0)</f>
        <v>0</v>
      </c>
      <c r="F8506" cm="1">
        <f t="array" ref="F8506">IFERROR(INDEX(Jesper!AJ$2:AJ$366,ROUNDDOWN($C8506/24,0)+1,1)*INDEX($D$3:$AA$30,INDEX(Jesper!$R$2:$R$366,ROW(INDEX(Jesper!AJ$2:AJ$366,ROUNDDOWN($C8506/24,0)+1,1))-1)+IF('Standard Profiles'!$G$20=$B$10,7,0)+IF('Standard Profiles'!$G$20=$B$17,14,0)+IF('Standard Profiles'!$G$20=$B$24,21,0),MOD($C8506,24)+1)/SUM(INDEX($D$3:$AA$30,INDEX(Jesper!$R$2:$R$366,ROW(INDEX(Jesper!AJ$2:AJ$366,ROUNDDOWN($C8506/24,0)+1,1))-1)+IF('Standard Profiles'!$G$20=$B$10,7,0)+IF('Standard Profiles'!$G$20=$B$17,14,0)+IF('Standard Profiles'!$G$20=$B$24,21,0),0)),0)</f>
        <v>0</v>
      </c>
      <c r="G8506" cm="1">
        <f t="array" ref="G8506">IFERROR(INDEX(Jesper!AK$2:AK$366,ROUNDDOWN($C8506/24,0)+1,1)*INDEX($D$3:$AA$30,INDEX(Jesper!$R$2:$R$366,ROW(INDEX(Jesper!AK$2:AK$366,ROUNDDOWN($C8506/24,0)+1,1))-1)+IF('Standard Profiles'!$G$21=$B$10,7,0)+IF('Standard Profiles'!$G$21=$B$17,14,0)+IF('Standard Profiles'!$G$21=$B$24,21,0),MOD($C8506,24)+1)/SUM(INDEX($D$3:$AA$30,INDEX(Jesper!$R$2:$R$366,ROW(INDEX(Jesper!AK$2:AK$366,ROUNDDOWN($C8506/24,0)+1,1))-1)+IF('Standard Profiles'!$G$21=$B$10,7,0)+IF('Standard Profiles'!$G$21=$B$17,14,0)+IF('Standard Profiles'!$G$21=$B$24,21,0),0)),0)</f>
        <v>0</v>
      </c>
      <c r="H8506" cm="1">
        <f t="array" ref="H8506">IFERROR(INDEX(Jesper!AL$2:AL$366,ROUNDDOWN($C8506/24,0)+1,1)*INDEX($D$3:$AA$30,INDEX(Jesper!$R$2:$R$366,ROW(INDEX(Jesper!AL$2:AL$366,ROUNDDOWN($C8506/24,0)+1,1))-1)+IF('Standard Profiles'!$G$22=$B$10,7,0)+IF('Standard Profiles'!$G$22=$B$17,14,0)+IF('Standard Profiles'!$G$22=$B$24,21,0),MOD($C8506,24)+1)/SUM(INDEX($D$3:$AA$30,INDEX(Jesper!$R$2:$R$366,ROW(INDEX(Jesper!AL$2:AL$366,ROUNDDOWN($C8506/24,0)+1,1))-1)+IF('Standard Profiles'!$G$22=$B$10,7,0)+IF('Standard Profiles'!$G$22=$B$17,14,0)+IF('Standard Profiles'!$G$22=$B$24,21,0),0)),0)</f>
        <v>0</v>
      </c>
      <c r="I8506">
        <f t="shared" si="944"/>
        <v>0.2412940684901318</v>
      </c>
      <c r="J8506">
        <f t="shared" si="945"/>
        <v>0.80431356163377277</v>
      </c>
      <c r="K8506">
        <f t="shared" si="946"/>
        <v>1.2064703424506591</v>
      </c>
      <c r="L8506">
        <f t="shared" si="947"/>
        <v>5.7910576437631631</v>
      </c>
      <c r="M8506">
        <f t="shared" si="948"/>
        <v>0</v>
      </c>
      <c r="N8506" s="46">
        <f t="shared" si="949"/>
        <v>45644.999999979453</v>
      </c>
    </row>
    <row r="8507" spans="2:14" x14ac:dyDescent="0.3">
      <c r="B8507">
        <f t="shared" si="943"/>
        <v>4</v>
      </c>
      <c r="C8507" s="16">
        <v>8473</v>
      </c>
      <c r="D8507" cm="1">
        <f t="array" ref="D8507">IFERROR(INDEX(Jesper!AH$2:AH$366,ROUNDDOWN($C8507/24,0)+1,1)*INDEX($D$3:$AA$30,INDEX(Jesper!$R$2:$R$366,ROW(INDEX(Jesper!AH$2:AH$366,ROUNDDOWN($C8507/24,0)+1,1))-1)+IF('Standard Profiles'!$G$18=$B$10,7,0)+IF('Standard Profiles'!$G$18=$B$17,14,0)+IF('Standard Profiles'!$G$18=$B$24,21,0),MOD($C8507,24)+1)/SUM(INDEX($D$3:$AA$30,INDEX(Jesper!$R$2:$R$366,ROW(INDEX(Jesper!AH$2:AH$366,ROUNDDOWN($C8507/24,0)+1,1))-1)+IF('Standard Profiles'!$G$18=$B$10,7,0)+IF('Standard Profiles'!$G$18=$B$17,14,0)+IF('Standard Profiles'!$G$18=$B$24,21,0),0)),0)</f>
        <v>8.043135616337727</v>
      </c>
      <c r="E8507" cm="1">
        <f t="array" ref="E8507">IFERROR(INDEX(Jesper!AI$2:AI$366,ROUNDDOWN($C8507/24,0)+1,1)*INDEX($D$3:$AA$30,INDEX(Jesper!$R$2:$R$366,ROW(INDEX(Jesper!AI$2:AI$366,ROUNDDOWN($C8507/24,0)+1,1))-1)+IF('Standard Profiles'!$G$19=$B$10,7,0)+IF('Standard Profiles'!$G$19=$B$17,14,0)+IF('Standard Profiles'!$G$19=$B$24,21,0),MOD($C8507,24)+1)/SUM(INDEX($D$3:$AA$30,INDEX(Jesper!$R$2:$R$366,ROW(INDEX(Jesper!AI$2:AI$366,ROUNDDOWN($C8507/24,0)+1,1))-1)+IF('Standard Profiles'!$G$19=$B$10,7,0)+IF('Standard Profiles'!$G$19=$B$17,14,0)+IF('Standard Profiles'!$G$19=$B$24,21,0),0)),0)</f>
        <v>0</v>
      </c>
      <c r="F8507" cm="1">
        <f t="array" ref="F8507">IFERROR(INDEX(Jesper!AJ$2:AJ$366,ROUNDDOWN($C8507/24,0)+1,1)*INDEX($D$3:$AA$30,INDEX(Jesper!$R$2:$R$366,ROW(INDEX(Jesper!AJ$2:AJ$366,ROUNDDOWN($C8507/24,0)+1,1))-1)+IF('Standard Profiles'!$G$20=$B$10,7,0)+IF('Standard Profiles'!$G$20=$B$17,14,0)+IF('Standard Profiles'!$G$20=$B$24,21,0),MOD($C8507,24)+1)/SUM(INDEX($D$3:$AA$30,INDEX(Jesper!$R$2:$R$366,ROW(INDEX(Jesper!AJ$2:AJ$366,ROUNDDOWN($C8507/24,0)+1,1))-1)+IF('Standard Profiles'!$G$20=$B$10,7,0)+IF('Standard Profiles'!$G$20=$B$17,14,0)+IF('Standard Profiles'!$G$20=$B$24,21,0),0)),0)</f>
        <v>0</v>
      </c>
      <c r="G8507" cm="1">
        <f t="array" ref="G8507">IFERROR(INDEX(Jesper!AK$2:AK$366,ROUNDDOWN($C8507/24,0)+1,1)*INDEX($D$3:$AA$30,INDEX(Jesper!$R$2:$R$366,ROW(INDEX(Jesper!AK$2:AK$366,ROUNDDOWN($C8507/24,0)+1,1))-1)+IF('Standard Profiles'!$G$21=$B$10,7,0)+IF('Standard Profiles'!$G$21=$B$17,14,0)+IF('Standard Profiles'!$G$21=$B$24,21,0),MOD($C8507,24)+1)/SUM(INDEX($D$3:$AA$30,INDEX(Jesper!$R$2:$R$366,ROW(INDEX(Jesper!AK$2:AK$366,ROUNDDOWN($C8507/24,0)+1,1))-1)+IF('Standard Profiles'!$G$21=$B$10,7,0)+IF('Standard Profiles'!$G$21=$B$17,14,0)+IF('Standard Profiles'!$G$21=$B$24,21,0),0)),0)</f>
        <v>0</v>
      </c>
      <c r="H8507" cm="1">
        <f t="array" ref="H8507">IFERROR(INDEX(Jesper!AL$2:AL$366,ROUNDDOWN($C8507/24,0)+1,1)*INDEX($D$3:$AA$30,INDEX(Jesper!$R$2:$R$366,ROW(INDEX(Jesper!AL$2:AL$366,ROUNDDOWN($C8507/24,0)+1,1))-1)+IF('Standard Profiles'!$G$22=$B$10,7,0)+IF('Standard Profiles'!$G$22=$B$17,14,0)+IF('Standard Profiles'!$G$22=$B$24,21,0),MOD($C8507,24)+1)/SUM(INDEX($D$3:$AA$30,INDEX(Jesper!$R$2:$R$366,ROW(INDEX(Jesper!AL$2:AL$366,ROUNDDOWN($C8507/24,0)+1,1))-1)+IF('Standard Profiles'!$G$22=$B$10,7,0)+IF('Standard Profiles'!$G$22=$B$17,14,0)+IF('Standard Profiles'!$G$22=$B$24,21,0),0)),0)</f>
        <v>0</v>
      </c>
      <c r="I8507">
        <f t="shared" si="944"/>
        <v>0.2412940684901318</v>
      </c>
      <c r="J8507">
        <f t="shared" si="945"/>
        <v>0.80431356163377277</v>
      </c>
      <c r="K8507">
        <f t="shared" si="946"/>
        <v>1.2064703424506591</v>
      </c>
      <c r="L8507">
        <f t="shared" si="947"/>
        <v>5.7910576437631631</v>
      </c>
      <c r="M8507">
        <f t="shared" si="948"/>
        <v>0</v>
      </c>
      <c r="N8507" s="46">
        <f t="shared" si="949"/>
        <v>45645.041666646117</v>
      </c>
    </row>
    <row r="8508" spans="2:14" x14ac:dyDescent="0.3">
      <c r="B8508">
        <f t="shared" si="943"/>
        <v>4</v>
      </c>
      <c r="C8508" s="16">
        <v>8474</v>
      </c>
      <c r="D8508" cm="1">
        <f t="array" ref="D8508">IFERROR(INDEX(Jesper!AH$2:AH$366,ROUNDDOWN($C8508/24,0)+1,1)*INDEX($D$3:$AA$30,INDEX(Jesper!$R$2:$R$366,ROW(INDEX(Jesper!AH$2:AH$366,ROUNDDOWN($C8508/24,0)+1,1))-1)+IF('Standard Profiles'!$G$18=$B$10,7,0)+IF('Standard Profiles'!$G$18=$B$17,14,0)+IF('Standard Profiles'!$G$18=$B$24,21,0),MOD($C8508,24)+1)/SUM(INDEX($D$3:$AA$30,INDEX(Jesper!$R$2:$R$366,ROW(INDEX(Jesper!AH$2:AH$366,ROUNDDOWN($C8508/24,0)+1,1))-1)+IF('Standard Profiles'!$G$18=$B$10,7,0)+IF('Standard Profiles'!$G$18=$B$17,14,0)+IF('Standard Profiles'!$G$18=$B$24,21,0),0)),0)</f>
        <v>8.043135616337727</v>
      </c>
      <c r="E8508" cm="1">
        <f t="array" ref="E8508">IFERROR(INDEX(Jesper!AI$2:AI$366,ROUNDDOWN($C8508/24,0)+1,1)*INDEX($D$3:$AA$30,INDEX(Jesper!$R$2:$R$366,ROW(INDEX(Jesper!AI$2:AI$366,ROUNDDOWN($C8508/24,0)+1,1))-1)+IF('Standard Profiles'!$G$19=$B$10,7,0)+IF('Standard Profiles'!$G$19=$B$17,14,0)+IF('Standard Profiles'!$G$19=$B$24,21,0),MOD($C8508,24)+1)/SUM(INDEX($D$3:$AA$30,INDEX(Jesper!$R$2:$R$366,ROW(INDEX(Jesper!AI$2:AI$366,ROUNDDOWN($C8508/24,0)+1,1))-1)+IF('Standard Profiles'!$G$19=$B$10,7,0)+IF('Standard Profiles'!$G$19=$B$17,14,0)+IF('Standard Profiles'!$G$19=$B$24,21,0),0)),0)</f>
        <v>0</v>
      </c>
      <c r="F8508" cm="1">
        <f t="array" ref="F8508">IFERROR(INDEX(Jesper!AJ$2:AJ$366,ROUNDDOWN($C8508/24,0)+1,1)*INDEX($D$3:$AA$30,INDEX(Jesper!$R$2:$R$366,ROW(INDEX(Jesper!AJ$2:AJ$366,ROUNDDOWN($C8508/24,0)+1,1))-1)+IF('Standard Profiles'!$G$20=$B$10,7,0)+IF('Standard Profiles'!$G$20=$B$17,14,0)+IF('Standard Profiles'!$G$20=$B$24,21,0),MOD($C8508,24)+1)/SUM(INDEX($D$3:$AA$30,INDEX(Jesper!$R$2:$R$366,ROW(INDEX(Jesper!AJ$2:AJ$366,ROUNDDOWN($C8508/24,0)+1,1))-1)+IF('Standard Profiles'!$G$20=$B$10,7,0)+IF('Standard Profiles'!$G$20=$B$17,14,0)+IF('Standard Profiles'!$G$20=$B$24,21,0),0)),0)</f>
        <v>0</v>
      </c>
      <c r="G8508" cm="1">
        <f t="array" ref="G8508">IFERROR(INDEX(Jesper!AK$2:AK$366,ROUNDDOWN($C8508/24,0)+1,1)*INDEX($D$3:$AA$30,INDEX(Jesper!$R$2:$R$366,ROW(INDEX(Jesper!AK$2:AK$366,ROUNDDOWN($C8508/24,0)+1,1))-1)+IF('Standard Profiles'!$G$21=$B$10,7,0)+IF('Standard Profiles'!$G$21=$B$17,14,0)+IF('Standard Profiles'!$G$21=$B$24,21,0),MOD($C8508,24)+1)/SUM(INDEX($D$3:$AA$30,INDEX(Jesper!$R$2:$R$366,ROW(INDEX(Jesper!AK$2:AK$366,ROUNDDOWN($C8508/24,0)+1,1))-1)+IF('Standard Profiles'!$G$21=$B$10,7,0)+IF('Standard Profiles'!$G$21=$B$17,14,0)+IF('Standard Profiles'!$G$21=$B$24,21,0),0)),0)</f>
        <v>0</v>
      </c>
      <c r="H8508" cm="1">
        <f t="array" ref="H8508">IFERROR(INDEX(Jesper!AL$2:AL$366,ROUNDDOWN($C8508/24,0)+1,1)*INDEX($D$3:$AA$30,INDEX(Jesper!$R$2:$R$366,ROW(INDEX(Jesper!AL$2:AL$366,ROUNDDOWN($C8508/24,0)+1,1))-1)+IF('Standard Profiles'!$G$22=$B$10,7,0)+IF('Standard Profiles'!$G$22=$B$17,14,0)+IF('Standard Profiles'!$G$22=$B$24,21,0),MOD($C8508,24)+1)/SUM(INDEX($D$3:$AA$30,INDEX(Jesper!$R$2:$R$366,ROW(INDEX(Jesper!AL$2:AL$366,ROUNDDOWN($C8508/24,0)+1,1))-1)+IF('Standard Profiles'!$G$22=$B$10,7,0)+IF('Standard Profiles'!$G$22=$B$17,14,0)+IF('Standard Profiles'!$G$22=$B$24,21,0),0)),0)</f>
        <v>0</v>
      </c>
      <c r="I8508">
        <f t="shared" si="944"/>
        <v>0.2412940684901318</v>
      </c>
      <c r="J8508">
        <f t="shared" si="945"/>
        <v>0.80431356163377277</v>
      </c>
      <c r="K8508">
        <f t="shared" si="946"/>
        <v>1.2064703424506591</v>
      </c>
      <c r="L8508">
        <f t="shared" si="947"/>
        <v>5.7910576437631631</v>
      </c>
      <c r="M8508">
        <f t="shared" si="948"/>
        <v>0</v>
      </c>
      <c r="N8508" s="46">
        <f t="shared" si="949"/>
        <v>45645.083333312781</v>
      </c>
    </row>
    <row r="8509" spans="2:14" x14ac:dyDescent="0.3">
      <c r="B8509">
        <f t="shared" si="943"/>
        <v>4</v>
      </c>
      <c r="C8509" s="16">
        <v>8475</v>
      </c>
      <c r="D8509" cm="1">
        <f t="array" ref="D8509">IFERROR(INDEX(Jesper!AH$2:AH$366,ROUNDDOWN($C8509/24,0)+1,1)*INDEX($D$3:$AA$30,INDEX(Jesper!$R$2:$R$366,ROW(INDEX(Jesper!AH$2:AH$366,ROUNDDOWN($C8509/24,0)+1,1))-1)+IF('Standard Profiles'!$G$18=$B$10,7,0)+IF('Standard Profiles'!$G$18=$B$17,14,0)+IF('Standard Profiles'!$G$18=$B$24,21,0),MOD($C8509,24)+1)/SUM(INDEX($D$3:$AA$30,INDEX(Jesper!$R$2:$R$366,ROW(INDEX(Jesper!AH$2:AH$366,ROUNDDOWN($C8509/24,0)+1,1))-1)+IF('Standard Profiles'!$G$18=$B$10,7,0)+IF('Standard Profiles'!$G$18=$B$17,14,0)+IF('Standard Profiles'!$G$18=$B$24,21,0),0)),0)</f>
        <v>8.043135616337727</v>
      </c>
      <c r="E8509" cm="1">
        <f t="array" ref="E8509">IFERROR(INDEX(Jesper!AI$2:AI$366,ROUNDDOWN($C8509/24,0)+1,1)*INDEX($D$3:$AA$30,INDEX(Jesper!$R$2:$R$366,ROW(INDEX(Jesper!AI$2:AI$366,ROUNDDOWN($C8509/24,0)+1,1))-1)+IF('Standard Profiles'!$G$19=$B$10,7,0)+IF('Standard Profiles'!$G$19=$B$17,14,0)+IF('Standard Profiles'!$G$19=$B$24,21,0),MOD($C8509,24)+1)/SUM(INDEX($D$3:$AA$30,INDEX(Jesper!$R$2:$R$366,ROW(INDEX(Jesper!AI$2:AI$366,ROUNDDOWN($C8509/24,0)+1,1))-1)+IF('Standard Profiles'!$G$19=$B$10,7,0)+IF('Standard Profiles'!$G$19=$B$17,14,0)+IF('Standard Profiles'!$G$19=$B$24,21,0),0)),0)</f>
        <v>0</v>
      </c>
      <c r="F8509" cm="1">
        <f t="array" ref="F8509">IFERROR(INDEX(Jesper!AJ$2:AJ$366,ROUNDDOWN($C8509/24,0)+1,1)*INDEX($D$3:$AA$30,INDEX(Jesper!$R$2:$R$366,ROW(INDEX(Jesper!AJ$2:AJ$366,ROUNDDOWN($C8509/24,0)+1,1))-1)+IF('Standard Profiles'!$G$20=$B$10,7,0)+IF('Standard Profiles'!$G$20=$B$17,14,0)+IF('Standard Profiles'!$G$20=$B$24,21,0),MOD($C8509,24)+1)/SUM(INDEX($D$3:$AA$30,INDEX(Jesper!$R$2:$R$366,ROW(INDEX(Jesper!AJ$2:AJ$366,ROUNDDOWN($C8509/24,0)+1,1))-1)+IF('Standard Profiles'!$G$20=$B$10,7,0)+IF('Standard Profiles'!$G$20=$B$17,14,0)+IF('Standard Profiles'!$G$20=$B$24,21,0),0)),0)</f>
        <v>0</v>
      </c>
      <c r="G8509" cm="1">
        <f t="array" ref="G8509">IFERROR(INDEX(Jesper!AK$2:AK$366,ROUNDDOWN($C8509/24,0)+1,1)*INDEX($D$3:$AA$30,INDEX(Jesper!$R$2:$R$366,ROW(INDEX(Jesper!AK$2:AK$366,ROUNDDOWN($C8509/24,0)+1,1))-1)+IF('Standard Profiles'!$G$21=$B$10,7,0)+IF('Standard Profiles'!$G$21=$B$17,14,0)+IF('Standard Profiles'!$G$21=$B$24,21,0),MOD($C8509,24)+1)/SUM(INDEX($D$3:$AA$30,INDEX(Jesper!$R$2:$R$366,ROW(INDEX(Jesper!AK$2:AK$366,ROUNDDOWN($C8509/24,0)+1,1))-1)+IF('Standard Profiles'!$G$21=$B$10,7,0)+IF('Standard Profiles'!$G$21=$B$17,14,0)+IF('Standard Profiles'!$G$21=$B$24,21,0),0)),0)</f>
        <v>0</v>
      </c>
      <c r="H8509" cm="1">
        <f t="array" ref="H8509">IFERROR(INDEX(Jesper!AL$2:AL$366,ROUNDDOWN($C8509/24,0)+1,1)*INDEX($D$3:$AA$30,INDEX(Jesper!$R$2:$R$366,ROW(INDEX(Jesper!AL$2:AL$366,ROUNDDOWN($C8509/24,0)+1,1))-1)+IF('Standard Profiles'!$G$22=$B$10,7,0)+IF('Standard Profiles'!$G$22=$B$17,14,0)+IF('Standard Profiles'!$G$22=$B$24,21,0),MOD($C8509,24)+1)/SUM(INDEX($D$3:$AA$30,INDEX(Jesper!$R$2:$R$366,ROW(INDEX(Jesper!AL$2:AL$366,ROUNDDOWN($C8509/24,0)+1,1))-1)+IF('Standard Profiles'!$G$22=$B$10,7,0)+IF('Standard Profiles'!$G$22=$B$17,14,0)+IF('Standard Profiles'!$G$22=$B$24,21,0),0)),0)</f>
        <v>0</v>
      </c>
      <c r="I8509">
        <f t="shared" si="944"/>
        <v>0.2412940684901318</v>
      </c>
      <c r="J8509">
        <f t="shared" si="945"/>
        <v>0.80431356163377277</v>
      </c>
      <c r="K8509">
        <f t="shared" si="946"/>
        <v>1.2064703424506591</v>
      </c>
      <c r="L8509">
        <f t="shared" si="947"/>
        <v>5.7910576437631631</v>
      </c>
      <c r="M8509">
        <f t="shared" si="948"/>
        <v>0</v>
      </c>
      <c r="N8509" s="46">
        <f t="shared" si="949"/>
        <v>45645.124999979445</v>
      </c>
    </row>
    <row r="8510" spans="2:14" x14ac:dyDescent="0.3">
      <c r="B8510">
        <f t="shared" si="943"/>
        <v>4</v>
      </c>
      <c r="C8510" s="16">
        <v>8476</v>
      </c>
      <c r="D8510" cm="1">
        <f t="array" ref="D8510">IFERROR(INDEX(Jesper!AH$2:AH$366,ROUNDDOWN($C8510/24,0)+1,1)*INDEX($D$3:$AA$30,INDEX(Jesper!$R$2:$R$366,ROW(INDEX(Jesper!AH$2:AH$366,ROUNDDOWN($C8510/24,0)+1,1))-1)+IF('Standard Profiles'!$G$18=$B$10,7,0)+IF('Standard Profiles'!$G$18=$B$17,14,0)+IF('Standard Profiles'!$G$18=$B$24,21,0),MOD($C8510,24)+1)/SUM(INDEX($D$3:$AA$30,INDEX(Jesper!$R$2:$R$366,ROW(INDEX(Jesper!AH$2:AH$366,ROUNDDOWN($C8510/24,0)+1,1))-1)+IF('Standard Profiles'!$G$18=$B$10,7,0)+IF('Standard Profiles'!$G$18=$B$17,14,0)+IF('Standard Profiles'!$G$18=$B$24,21,0),0)),0)</f>
        <v>8.043135616337727</v>
      </c>
      <c r="E8510" cm="1">
        <f t="array" ref="E8510">IFERROR(INDEX(Jesper!AI$2:AI$366,ROUNDDOWN($C8510/24,0)+1,1)*INDEX($D$3:$AA$30,INDEX(Jesper!$R$2:$R$366,ROW(INDEX(Jesper!AI$2:AI$366,ROUNDDOWN($C8510/24,0)+1,1))-1)+IF('Standard Profiles'!$G$19=$B$10,7,0)+IF('Standard Profiles'!$G$19=$B$17,14,0)+IF('Standard Profiles'!$G$19=$B$24,21,0),MOD($C8510,24)+1)/SUM(INDEX($D$3:$AA$30,INDEX(Jesper!$R$2:$R$366,ROW(INDEX(Jesper!AI$2:AI$366,ROUNDDOWN($C8510/24,0)+1,1))-1)+IF('Standard Profiles'!$G$19=$B$10,7,0)+IF('Standard Profiles'!$G$19=$B$17,14,0)+IF('Standard Profiles'!$G$19=$B$24,21,0),0)),0)</f>
        <v>0</v>
      </c>
      <c r="F8510" cm="1">
        <f t="array" ref="F8510">IFERROR(INDEX(Jesper!AJ$2:AJ$366,ROUNDDOWN($C8510/24,0)+1,1)*INDEX($D$3:$AA$30,INDEX(Jesper!$R$2:$R$366,ROW(INDEX(Jesper!AJ$2:AJ$366,ROUNDDOWN($C8510/24,0)+1,1))-1)+IF('Standard Profiles'!$G$20=$B$10,7,0)+IF('Standard Profiles'!$G$20=$B$17,14,0)+IF('Standard Profiles'!$G$20=$B$24,21,0),MOD($C8510,24)+1)/SUM(INDEX($D$3:$AA$30,INDEX(Jesper!$R$2:$R$366,ROW(INDEX(Jesper!AJ$2:AJ$366,ROUNDDOWN($C8510/24,0)+1,1))-1)+IF('Standard Profiles'!$G$20=$B$10,7,0)+IF('Standard Profiles'!$G$20=$B$17,14,0)+IF('Standard Profiles'!$G$20=$B$24,21,0),0)),0)</f>
        <v>0</v>
      </c>
      <c r="G8510" cm="1">
        <f t="array" ref="G8510">IFERROR(INDEX(Jesper!AK$2:AK$366,ROUNDDOWN($C8510/24,0)+1,1)*INDEX($D$3:$AA$30,INDEX(Jesper!$R$2:$R$366,ROW(INDEX(Jesper!AK$2:AK$366,ROUNDDOWN($C8510/24,0)+1,1))-1)+IF('Standard Profiles'!$G$21=$B$10,7,0)+IF('Standard Profiles'!$G$21=$B$17,14,0)+IF('Standard Profiles'!$G$21=$B$24,21,0),MOD($C8510,24)+1)/SUM(INDEX($D$3:$AA$30,INDEX(Jesper!$R$2:$R$366,ROW(INDEX(Jesper!AK$2:AK$366,ROUNDDOWN($C8510/24,0)+1,1))-1)+IF('Standard Profiles'!$G$21=$B$10,7,0)+IF('Standard Profiles'!$G$21=$B$17,14,0)+IF('Standard Profiles'!$G$21=$B$24,21,0),0)),0)</f>
        <v>0</v>
      </c>
      <c r="H8510" cm="1">
        <f t="array" ref="H8510">IFERROR(INDEX(Jesper!AL$2:AL$366,ROUNDDOWN($C8510/24,0)+1,1)*INDEX($D$3:$AA$30,INDEX(Jesper!$R$2:$R$366,ROW(INDEX(Jesper!AL$2:AL$366,ROUNDDOWN($C8510/24,0)+1,1))-1)+IF('Standard Profiles'!$G$22=$B$10,7,0)+IF('Standard Profiles'!$G$22=$B$17,14,0)+IF('Standard Profiles'!$G$22=$B$24,21,0),MOD($C8510,24)+1)/SUM(INDEX($D$3:$AA$30,INDEX(Jesper!$R$2:$R$366,ROW(INDEX(Jesper!AL$2:AL$366,ROUNDDOWN($C8510/24,0)+1,1))-1)+IF('Standard Profiles'!$G$22=$B$10,7,0)+IF('Standard Profiles'!$G$22=$B$17,14,0)+IF('Standard Profiles'!$G$22=$B$24,21,0),0)),0)</f>
        <v>0</v>
      </c>
      <c r="I8510">
        <f t="shared" si="944"/>
        <v>0.2412940684901318</v>
      </c>
      <c r="J8510">
        <f t="shared" si="945"/>
        <v>0.80431356163377277</v>
      </c>
      <c r="K8510">
        <f t="shared" si="946"/>
        <v>1.2064703424506591</v>
      </c>
      <c r="L8510">
        <f t="shared" si="947"/>
        <v>5.7910576437631631</v>
      </c>
      <c r="M8510">
        <f t="shared" si="948"/>
        <v>0</v>
      </c>
      <c r="N8510" s="46">
        <f t="shared" si="949"/>
        <v>45645.16666664611</v>
      </c>
    </row>
    <row r="8511" spans="2:14" x14ac:dyDescent="0.3">
      <c r="B8511">
        <f t="shared" si="943"/>
        <v>4</v>
      </c>
      <c r="C8511" s="16">
        <v>8477</v>
      </c>
      <c r="D8511" cm="1">
        <f t="array" ref="D8511">IFERROR(INDEX(Jesper!AH$2:AH$366,ROUNDDOWN($C8511/24,0)+1,1)*INDEX($D$3:$AA$30,INDEX(Jesper!$R$2:$R$366,ROW(INDEX(Jesper!AH$2:AH$366,ROUNDDOWN($C8511/24,0)+1,1))-1)+IF('Standard Profiles'!$G$18=$B$10,7,0)+IF('Standard Profiles'!$G$18=$B$17,14,0)+IF('Standard Profiles'!$G$18=$B$24,21,0),MOD($C8511,24)+1)/SUM(INDEX($D$3:$AA$30,INDEX(Jesper!$R$2:$R$366,ROW(INDEX(Jesper!AH$2:AH$366,ROUNDDOWN($C8511/24,0)+1,1))-1)+IF('Standard Profiles'!$G$18=$B$10,7,0)+IF('Standard Profiles'!$G$18=$B$17,14,0)+IF('Standard Profiles'!$G$18=$B$24,21,0),0)),0)</f>
        <v>10.366708127724181</v>
      </c>
      <c r="E8511" cm="1">
        <f t="array" ref="E8511">IFERROR(INDEX(Jesper!AI$2:AI$366,ROUNDDOWN($C8511/24,0)+1,1)*INDEX($D$3:$AA$30,INDEX(Jesper!$R$2:$R$366,ROW(INDEX(Jesper!AI$2:AI$366,ROUNDDOWN($C8511/24,0)+1,1))-1)+IF('Standard Profiles'!$G$19=$B$10,7,0)+IF('Standard Profiles'!$G$19=$B$17,14,0)+IF('Standard Profiles'!$G$19=$B$24,21,0),MOD($C8511,24)+1)/SUM(INDEX($D$3:$AA$30,INDEX(Jesper!$R$2:$R$366,ROW(INDEX(Jesper!AI$2:AI$366,ROUNDDOWN($C8511/24,0)+1,1))-1)+IF('Standard Profiles'!$G$19=$B$10,7,0)+IF('Standard Profiles'!$G$19=$B$17,14,0)+IF('Standard Profiles'!$G$19=$B$24,21,0),0)),0)</f>
        <v>0</v>
      </c>
      <c r="F8511" cm="1">
        <f t="array" ref="F8511">IFERROR(INDEX(Jesper!AJ$2:AJ$366,ROUNDDOWN($C8511/24,0)+1,1)*INDEX($D$3:$AA$30,INDEX(Jesper!$R$2:$R$366,ROW(INDEX(Jesper!AJ$2:AJ$366,ROUNDDOWN($C8511/24,0)+1,1))-1)+IF('Standard Profiles'!$G$20=$B$10,7,0)+IF('Standard Profiles'!$G$20=$B$17,14,0)+IF('Standard Profiles'!$G$20=$B$24,21,0),MOD($C8511,24)+1)/SUM(INDEX($D$3:$AA$30,INDEX(Jesper!$R$2:$R$366,ROW(INDEX(Jesper!AJ$2:AJ$366,ROUNDDOWN($C8511/24,0)+1,1))-1)+IF('Standard Profiles'!$G$20=$B$10,7,0)+IF('Standard Profiles'!$G$20=$B$17,14,0)+IF('Standard Profiles'!$G$20=$B$24,21,0),0)),0)</f>
        <v>0</v>
      </c>
      <c r="G8511" cm="1">
        <f t="array" ref="G8511">IFERROR(INDEX(Jesper!AK$2:AK$366,ROUNDDOWN($C8511/24,0)+1,1)*INDEX($D$3:$AA$30,INDEX(Jesper!$R$2:$R$366,ROW(INDEX(Jesper!AK$2:AK$366,ROUNDDOWN($C8511/24,0)+1,1))-1)+IF('Standard Profiles'!$G$21=$B$10,7,0)+IF('Standard Profiles'!$G$21=$B$17,14,0)+IF('Standard Profiles'!$G$21=$B$24,21,0),MOD($C8511,24)+1)/SUM(INDEX($D$3:$AA$30,INDEX(Jesper!$R$2:$R$366,ROW(INDEX(Jesper!AK$2:AK$366,ROUNDDOWN($C8511/24,0)+1,1))-1)+IF('Standard Profiles'!$G$21=$B$10,7,0)+IF('Standard Profiles'!$G$21=$B$17,14,0)+IF('Standard Profiles'!$G$21=$B$24,21,0),0)),0)</f>
        <v>0</v>
      </c>
      <c r="H8511" cm="1">
        <f t="array" ref="H8511">IFERROR(INDEX(Jesper!AL$2:AL$366,ROUNDDOWN($C8511/24,0)+1,1)*INDEX($D$3:$AA$30,INDEX(Jesper!$R$2:$R$366,ROW(INDEX(Jesper!AL$2:AL$366,ROUNDDOWN($C8511/24,0)+1,1))-1)+IF('Standard Profiles'!$G$22=$B$10,7,0)+IF('Standard Profiles'!$G$22=$B$17,14,0)+IF('Standard Profiles'!$G$22=$B$24,21,0),MOD($C8511,24)+1)/SUM(INDEX($D$3:$AA$30,INDEX(Jesper!$R$2:$R$366,ROW(INDEX(Jesper!AL$2:AL$366,ROUNDDOWN($C8511/24,0)+1,1))-1)+IF('Standard Profiles'!$G$22=$B$10,7,0)+IF('Standard Profiles'!$G$22=$B$17,14,0)+IF('Standard Profiles'!$G$22=$B$24,21,0),0)),0)</f>
        <v>0</v>
      </c>
      <c r="I8511">
        <f t="shared" si="944"/>
        <v>0.31100124383172539</v>
      </c>
      <c r="J8511">
        <f t="shared" si="945"/>
        <v>1.036670812772418</v>
      </c>
      <c r="K8511">
        <f t="shared" si="946"/>
        <v>1.5550062191586271</v>
      </c>
      <c r="L8511">
        <f t="shared" si="947"/>
        <v>7.4640298519614099</v>
      </c>
      <c r="M8511">
        <f t="shared" si="948"/>
        <v>0</v>
      </c>
      <c r="N8511" s="46">
        <f t="shared" si="949"/>
        <v>45645.208333312774</v>
      </c>
    </row>
    <row r="8512" spans="2:14" x14ac:dyDescent="0.3">
      <c r="B8512">
        <f t="shared" si="943"/>
        <v>4</v>
      </c>
      <c r="C8512" s="16">
        <v>8478</v>
      </c>
      <c r="D8512" cm="1">
        <f t="array" ref="D8512">IFERROR(INDEX(Jesper!AH$2:AH$366,ROUNDDOWN($C8512/24,0)+1,1)*INDEX($D$3:$AA$30,INDEX(Jesper!$R$2:$R$366,ROW(INDEX(Jesper!AH$2:AH$366,ROUNDDOWN($C8512/24,0)+1,1))-1)+IF('Standard Profiles'!$G$18=$B$10,7,0)+IF('Standard Profiles'!$G$18=$B$17,14,0)+IF('Standard Profiles'!$G$18=$B$24,21,0),MOD($C8512,24)+1)/SUM(INDEX($D$3:$AA$30,INDEX(Jesper!$R$2:$R$366,ROW(INDEX(Jesper!AH$2:AH$366,ROUNDDOWN($C8512/24,0)+1,1))-1)+IF('Standard Profiles'!$G$18=$B$10,7,0)+IF('Standard Profiles'!$G$18=$B$17,14,0)+IF('Standard Profiles'!$G$18=$B$24,21,0),0)),0)</f>
        <v>11.975335250991726</v>
      </c>
      <c r="E8512" cm="1">
        <f t="array" ref="E8512">IFERROR(INDEX(Jesper!AI$2:AI$366,ROUNDDOWN($C8512/24,0)+1,1)*INDEX($D$3:$AA$30,INDEX(Jesper!$R$2:$R$366,ROW(INDEX(Jesper!AI$2:AI$366,ROUNDDOWN($C8512/24,0)+1,1))-1)+IF('Standard Profiles'!$G$19=$B$10,7,0)+IF('Standard Profiles'!$G$19=$B$17,14,0)+IF('Standard Profiles'!$G$19=$B$24,21,0),MOD($C8512,24)+1)/SUM(INDEX($D$3:$AA$30,INDEX(Jesper!$R$2:$R$366,ROW(INDEX(Jesper!AI$2:AI$366,ROUNDDOWN($C8512/24,0)+1,1))-1)+IF('Standard Profiles'!$G$19=$B$10,7,0)+IF('Standard Profiles'!$G$19=$B$17,14,0)+IF('Standard Profiles'!$G$19=$B$24,21,0),0)),0)</f>
        <v>0</v>
      </c>
      <c r="F8512" cm="1">
        <f t="array" ref="F8512">IFERROR(INDEX(Jesper!AJ$2:AJ$366,ROUNDDOWN($C8512/24,0)+1,1)*INDEX($D$3:$AA$30,INDEX(Jesper!$R$2:$R$366,ROW(INDEX(Jesper!AJ$2:AJ$366,ROUNDDOWN($C8512/24,0)+1,1))-1)+IF('Standard Profiles'!$G$20=$B$10,7,0)+IF('Standard Profiles'!$G$20=$B$17,14,0)+IF('Standard Profiles'!$G$20=$B$24,21,0),MOD($C8512,24)+1)/SUM(INDEX($D$3:$AA$30,INDEX(Jesper!$R$2:$R$366,ROW(INDEX(Jesper!AJ$2:AJ$366,ROUNDDOWN($C8512/24,0)+1,1))-1)+IF('Standard Profiles'!$G$20=$B$10,7,0)+IF('Standard Profiles'!$G$20=$B$17,14,0)+IF('Standard Profiles'!$G$20=$B$24,21,0),0)),0)</f>
        <v>0</v>
      </c>
      <c r="G8512" cm="1">
        <f t="array" ref="G8512">IFERROR(INDEX(Jesper!AK$2:AK$366,ROUNDDOWN($C8512/24,0)+1,1)*INDEX($D$3:$AA$30,INDEX(Jesper!$R$2:$R$366,ROW(INDEX(Jesper!AK$2:AK$366,ROUNDDOWN($C8512/24,0)+1,1))-1)+IF('Standard Profiles'!$G$21=$B$10,7,0)+IF('Standard Profiles'!$G$21=$B$17,14,0)+IF('Standard Profiles'!$G$21=$B$24,21,0),MOD($C8512,24)+1)/SUM(INDEX($D$3:$AA$30,INDEX(Jesper!$R$2:$R$366,ROW(INDEX(Jesper!AK$2:AK$366,ROUNDDOWN($C8512/24,0)+1,1))-1)+IF('Standard Profiles'!$G$21=$B$10,7,0)+IF('Standard Profiles'!$G$21=$B$17,14,0)+IF('Standard Profiles'!$G$21=$B$24,21,0),0)),0)</f>
        <v>0</v>
      </c>
      <c r="H8512" cm="1">
        <f t="array" ref="H8512">IFERROR(INDEX(Jesper!AL$2:AL$366,ROUNDDOWN($C8512/24,0)+1,1)*INDEX($D$3:$AA$30,INDEX(Jesper!$R$2:$R$366,ROW(INDEX(Jesper!AL$2:AL$366,ROUNDDOWN($C8512/24,0)+1,1))-1)+IF('Standard Profiles'!$G$22=$B$10,7,0)+IF('Standard Profiles'!$G$22=$B$17,14,0)+IF('Standard Profiles'!$G$22=$B$24,21,0),MOD($C8512,24)+1)/SUM(INDEX($D$3:$AA$30,INDEX(Jesper!$R$2:$R$366,ROW(INDEX(Jesper!AL$2:AL$366,ROUNDDOWN($C8512/24,0)+1,1))-1)+IF('Standard Profiles'!$G$22=$B$10,7,0)+IF('Standard Profiles'!$G$22=$B$17,14,0)+IF('Standard Profiles'!$G$22=$B$24,21,0),0)),0)</f>
        <v>0</v>
      </c>
      <c r="I8512">
        <f t="shared" si="944"/>
        <v>0.35926005752975176</v>
      </c>
      <c r="J8512">
        <f t="shared" si="945"/>
        <v>1.1975335250991728</v>
      </c>
      <c r="K8512">
        <f t="shared" si="946"/>
        <v>1.7963002876487588</v>
      </c>
      <c r="L8512">
        <f t="shared" si="947"/>
        <v>8.6222413807140423</v>
      </c>
      <c r="M8512">
        <f t="shared" si="948"/>
        <v>0</v>
      </c>
      <c r="N8512" s="46">
        <f t="shared" si="949"/>
        <v>45645.249999979438</v>
      </c>
    </row>
    <row r="8513" spans="2:14" x14ac:dyDescent="0.3">
      <c r="B8513">
        <f t="shared" si="943"/>
        <v>4</v>
      </c>
      <c r="C8513" s="16">
        <v>8479</v>
      </c>
      <c r="D8513" cm="1">
        <f t="array" ref="D8513">IFERROR(INDEX(Jesper!AH$2:AH$366,ROUNDDOWN($C8513/24,0)+1,1)*INDEX($D$3:$AA$30,INDEX(Jesper!$R$2:$R$366,ROW(INDEX(Jesper!AH$2:AH$366,ROUNDDOWN($C8513/24,0)+1,1))-1)+IF('Standard Profiles'!$G$18=$B$10,7,0)+IF('Standard Profiles'!$G$18=$B$17,14,0)+IF('Standard Profiles'!$G$18=$B$24,21,0),MOD($C8513,24)+1)/SUM(INDEX($D$3:$AA$30,INDEX(Jesper!$R$2:$R$366,ROW(INDEX(Jesper!AH$2:AH$366,ROUNDDOWN($C8513/24,0)+1,1))-1)+IF('Standard Profiles'!$G$18=$B$10,7,0)+IF('Standard Profiles'!$G$18=$B$17,14,0)+IF('Standard Profiles'!$G$18=$B$24,21,0),0)),0)</f>
        <v>11.975335250991726</v>
      </c>
      <c r="E8513" cm="1">
        <f t="array" ref="E8513">IFERROR(INDEX(Jesper!AI$2:AI$366,ROUNDDOWN($C8513/24,0)+1,1)*INDEX($D$3:$AA$30,INDEX(Jesper!$R$2:$R$366,ROW(INDEX(Jesper!AI$2:AI$366,ROUNDDOWN($C8513/24,0)+1,1))-1)+IF('Standard Profiles'!$G$19=$B$10,7,0)+IF('Standard Profiles'!$G$19=$B$17,14,0)+IF('Standard Profiles'!$G$19=$B$24,21,0),MOD($C8513,24)+1)/SUM(INDEX($D$3:$AA$30,INDEX(Jesper!$R$2:$R$366,ROW(INDEX(Jesper!AI$2:AI$366,ROUNDDOWN($C8513/24,0)+1,1))-1)+IF('Standard Profiles'!$G$19=$B$10,7,0)+IF('Standard Profiles'!$G$19=$B$17,14,0)+IF('Standard Profiles'!$G$19=$B$24,21,0),0)),0)</f>
        <v>0</v>
      </c>
      <c r="F8513" cm="1">
        <f t="array" ref="F8513">IFERROR(INDEX(Jesper!AJ$2:AJ$366,ROUNDDOWN($C8513/24,0)+1,1)*INDEX($D$3:$AA$30,INDEX(Jesper!$R$2:$R$366,ROW(INDEX(Jesper!AJ$2:AJ$366,ROUNDDOWN($C8513/24,0)+1,1))-1)+IF('Standard Profiles'!$G$20=$B$10,7,0)+IF('Standard Profiles'!$G$20=$B$17,14,0)+IF('Standard Profiles'!$G$20=$B$24,21,0),MOD($C8513,24)+1)/SUM(INDEX($D$3:$AA$30,INDEX(Jesper!$R$2:$R$366,ROW(INDEX(Jesper!AJ$2:AJ$366,ROUNDDOWN($C8513/24,0)+1,1))-1)+IF('Standard Profiles'!$G$20=$B$10,7,0)+IF('Standard Profiles'!$G$20=$B$17,14,0)+IF('Standard Profiles'!$G$20=$B$24,21,0),0)),0)</f>
        <v>0</v>
      </c>
      <c r="G8513" cm="1">
        <f t="array" ref="G8513">IFERROR(INDEX(Jesper!AK$2:AK$366,ROUNDDOWN($C8513/24,0)+1,1)*INDEX($D$3:$AA$30,INDEX(Jesper!$R$2:$R$366,ROW(INDEX(Jesper!AK$2:AK$366,ROUNDDOWN($C8513/24,0)+1,1))-1)+IF('Standard Profiles'!$G$21=$B$10,7,0)+IF('Standard Profiles'!$G$21=$B$17,14,0)+IF('Standard Profiles'!$G$21=$B$24,21,0),MOD($C8513,24)+1)/SUM(INDEX($D$3:$AA$30,INDEX(Jesper!$R$2:$R$366,ROW(INDEX(Jesper!AK$2:AK$366,ROUNDDOWN($C8513/24,0)+1,1))-1)+IF('Standard Profiles'!$G$21=$B$10,7,0)+IF('Standard Profiles'!$G$21=$B$17,14,0)+IF('Standard Profiles'!$G$21=$B$24,21,0),0)),0)</f>
        <v>0</v>
      </c>
      <c r="H8513" cm="1">
        <f t="array" ref="H8513">IFERROR(INDEX(Jesper!AL$2:AL$366,ROUNDDOWN($C8513/24,0)+1,1)*INDEX($D$3:$AA$30,INDEX(Jesper!$R$2:$R$366,ROW(INDEX(Jesper!AL$2:AL$366,ROUNDDOWN($C8513/24,0)+1,1))-1)+IF('Standard Profiles'!$G$22=$B$10,7,0)+IF('Standard Profiles'!$G$22=$B$17,14,0)+IF('Standard Profiles'!$G$22=$B$24,21,0),MOD($C8513,24)+1)/SUM(INDEX($D$3:$AA$30,INDEX(Jesper!$R$2:$R$366,ROW(INDEX(Jesper!AL$2:AL$366,ROUNDDOWN($C8513/24,0)+1,1))-1)+IF('Standard Profiles'!$G$22=$B$10,7,0)+IF('Standard Profiles'!$G$22=$B$17,14,0)+IF('Standard Profiles'!$G$22=$B$24,21,0),0)),0)</f>
        <v>0</v>
      </c>
      <c r="I8513">
        <f t="shared" si="944"/>
        <v>0.35926005752975176</v>
      </c>
      <c r="J8513">
        <f t="shared" si="945"/>
        <v>1.1975335250991728</v>
      </c>
      <c r="K8513">
        <f t="shared" si="946"/>
        <v>1.7963002876487588</v>
      </c>
      <c r="L8513">
        <f t="shared" si="947"/>
        <v>8.6222413807140423</v>
      </c>
      <c r="M8513">
        <f t="shared" si="948"/>
        <v>0</v>
      </c>
      <c r="N8513" s="46">
        <f t="shared" si="949"/>
        <v>45645.291666646102</v>
      </c>
    </row>
    <row r="8514" spans="2:14" x14ac:dyDescent="0.3">
      <c r="B8514">
        <f t="shared" si="943"/>
        <v>4</v>
      </c>
      <c r="C8514" s="16">
        <v>8480</v>
      </c>
      <c r="D8514" cm="1">
        <f t="array" ref="D8514">IFERROR(INDEX(Jesper!AH$2:AH$366,ROUNDDOWN($C8514/24,0)+1,1)*INDEX($D$3:$AA$30,INDEX(Jesper!$R$2:$R$366,ROW(INDEX(Jesper!AH$2:AH$366,ROUNDDOWN($C8514/24,0)+1,1))-1)+IF('Standard Profiles'!$G$18=$B$10,7,0)+IF('Standard Profiles'!$G$18=$B$17,14,0)+IF('Standard Profiles'!$G$18=$B$24,21,0),MOD($C8514,24)+1)/SUM(INDEX($D$3:$AA$30,INDEX(Jesper!$R$2:$R$366,ROW(INDEX(Jesper!AH$2:AH$366,ROUNDDOWN($C8514/24,0)+1,1))-1)+IF('Standard Profiles'!$G$18=$B$10,7,0)+IF('Standard Profiles'!$G$18=$B$17,14,0)+IF('Standard Profiles'!$G$18=$B$24,21,0),0)),0)</f>
        <v>11.975335250991726</v>
      </c>
      <c r="E8514" cm="1">
        <f t="array" ref="E8514">IFERROR(INDEX(Jesper!AI$2:AI$366,ROUNDDOWN($C8514/24,0)+1,1)*INDEX($D$3:$AA$30,INDEX(Jesper!$R$2:$R$366,ROW(INDEX(Jesper!AI$2:AI$366,ROUNDDOWN($C8514/24,0)+1,1))-1)+IF('Standard Profiles'!$G$19=$B$10,7,0)+IF('Standard Profiles'!$G$19=$B$17,14,0)+IF('Standard Profiles'!$G$19=$B$24,21,0),MOD($C8514,24)+1)/SUM(INDEX($D$3:$AA$30,INDEX(Jesper!$R$2:$R$366,ROW(INDEX(Jesper!AI$2:AI$366,ROUNDDOWN($C8514/24,0)+1,1))-1)+IF('Standard Profiles'!$G$19=$B$10,7,0)+IF('Standard Profiles'!$G$19=$B$17,14,0)+IF('Standard Profiles'!$G$19=$B$24,21,0),0)),0)</f>
        <v>0</v>
      </c>
      <c r="F8514" cm="1">
        <f t="array" ref="F8514">IFERROR(INDEX(Jesper!AJ$2:AJ$366,ROUNDDOWN($C8514/24,0)+1,1)*INDEX($D$3:$AA$30,INDEX(Jesper!$R$2:$R$366,ROW(INDEX(Jesper!AJ$2:AJ$366,ROUNDDOWN($C8514/24,0)+1,1))-1)+IF('Standard Profiles'!$G$20=$B$10,7,0)+IF('Standard Profiles'!$G$20=$B$17,14,0)+IF('Standard Profiles'!$G$20=$B$24,21,0),MOD($C8514,24)+1)/SUM(INDEX($D$3:$AA$30,INDEX(Jesper!$R$2:$R$366,ROW(INDEX(Jesper!AJ$2:AJ$366,ROUNDDOWN($C8514/24,0)+1,1))-1)+IF('Standard Profiles'!$G$20=$B$10,7,0)+IF('Standard Profiles'!$G$20=$B$17,14,0)+IF('Standard Profiles'!$G$20=$B$24,21,0),0)),0)</f>
        <v>0</v>
      </c>
      <c r="G8514" cm="1">
        <f t="array" ref="G8514">IFERROR(INDEX(Jesper!AK$2:AK$366,ROUNDDOWN($C8514/24,0)+1,1)*INDEX($D$3:$AA$30,INDEX(Jesper!$R$2:$R$366,ROW(INDEX(Jesper!AK$2:AK$366,ROUNDDOWN($C8514/24,0)+1,1))-1)+IF('Standard Profiles'!$G$21=$B$10,7,0)+IF('Standard Profiles'!$G$21=$B$17,14,0)+IF('Standard Profiles'!$G$21=$B$24,21,0),MOD($C8514,24)+1)/SUM(INDEX($D$3:$AA$30,INDEX(Jesper!$R$2:$R$366,ROW(INDEX(Jesper!AK$2:AK$366,ROUNDDOWN($C8514/24,0)+1,1))-1)+IF('Standard Profiles'!$G$21=$B$10,7,0)+IF('Standard Profiles'!$G$21=$B$17,14,0)+IF('Standard Profiles'!$G$21=$B$24,21,0),0)),0)</f>
        <v>0</v>
      </c>
      <c r="H8514" cm="1">
        <f t="array" ref="H8514">IFERROR(INDEX(Jesper!AL$2:AL$366,ROUNDDOWN($C8514/24,0)+1,1)*INDEX($D$3:$AA$30,INDEX(Jesper!$R$2:$R$366,ROW(INDEX(Jesper!AL$2:AL$366,ROUNDDOWN($C8514/24,0)+1,1))-1)+IF('Standard Profiles'!$G$22=$B$10,7,0)+IF('Standard Profiles'!$G$22=$B$17,14,0)+IF('Standard Profiles'!$G$22=$B$24,21,0),MOD($C8514,24)+1)/SUM(INDEX($D$3:$AA$30,INDEX(Jesper!$R$2:$R$366,ROW(INDEX(Jesper!AL$2:AL$366,ROUNDDOWN($C8514/24,0)+1,1))-1)+IF('Standard Profiles'!$G$22=$B$10,7,0)+IF('Standard Profiles'!$G$22=$B$17,14,0)+IF('Standard Profiles'!$G$22=$B$24,21,0),0)),0)</f>
        <v>0</v>
      </c>
      <c r="I8514">
        <f t="shared" si="944"/>
        <v>0.35926005752975176</v>
      </c>
      <c r="J8514">
        <f t="shared" si="945"/>
        <v>1.1975335250991728</v>
      </c>
      <c r="K8514">
        <f t="shared" si="946"/>
        <v>1.7963002876487588</v>
      </c>
      <c r="L8514">
        <f t="shared" si="947"/>
        <v>8.6222413807140423</v>
      </c>
      <c r="M8514">
        <f t="shared" si="948"/>
        <v>0</v>
      </c>
      <c r="N8514" s="46">
        <f t="shared" si="949"/>
        <v>45645.333333312767</v>
      </c>
    </row>
    <row r="8515" spans="2:14" x14ac:dyDescent="0.3">
      <c r="B8515">
        <f t="shared" si="943"/>
        <v>4</v>
      </c>
      <c r="C8515" s="16">
        <v>8481</v>
      </c>
      <c r="D8515" cm="1">
        <f t="array" ref="D8515">IFERROR(INDEX(Jesper!AH$2:AH$366,ROUNDDOWN($C8515/24,0)+1,1)*INDEX($D$3:$AA$30,INDEX(Jesper!$R$2:$R$366,ROW(INDEX(Jesper!AH$2:AH$366,ROUNDDOWN($C8515/24,0)+1,1))-1)+IF('Standard Profiles'!$G$18=$B$10,7,0)+IF('Standard Profiles'!$G$18=$B$17,14,0)+IF('Standard Profiles'!$G$18=$B$24,21,0),MOD($C8515,24)+1)/SUM(INDEX($D$3:$AA$30,INDEX(Jesper!$R$2:$R$366,ROW(INDEX(Jesper!AH$2:AH$366,ROUNDDOWN($C8515/24,0)+1,1))-1)+IF('Standard Profiles'!$G$18=$B$10,7,0)+IF('Standard Profiles'!$G$18=$B$17,14,0)+IF('Standard Profiles'!$G$18=$B$24,21,0),0)),0)</f>
        <v>12.869016986140362</v>
      </c>
      <c r="E8515" cm="1">
        <f t="array" ref="E8515">IFERROR(INDEX(Jesper!AI$2:AI$366,ROUNDDOWN($C8515/24,0)+1,1)*INDEX($D$3:$AA$30,INDEX(Jesper!$R$2:$R$366,ROW(INDEX(Jesper!AI$2:AI$366,ROUNDDOWN($C8515/24,0)+1,1))-1)+IF('Standard Profiles'!$G$19=$B$10,7,0)+IF('Standard Profiles'!$G$19=$B$17,14,0)+IF('Standard Profiles'!$G$19=$B$24,21,0),MOD($C8515,24)+1)/SUM(INDEX($D$3:$AA$30,INDEX(Jesper!$R$2:$R$366,ROW(INDEX(Jesper!AI$2:AI$366,ROUNDDOWN($C8515/24,0)+1,1))-1)+IF('Standard Profiles'!$G$19=$B$10,7,0)+IF('Standard Profiles'!$G$19=$B$17,14,0)+IF('Standard Profiles'!$G$19=$B$24,21,0),0)),0)</f>
        <v>0</v>
      </c>
      <c r="F8515" cm="1">
        <f t="array" ref="F8515">IFERROR(INDEX(Jesper!AJ$2:AJ$366,ROUNDDOWN($C8515/24,0)+1,1)*INDEX($D$3:$AA$30,INDEX(Jesper!$R$2:$R$366,ROW(INDEX(Jesper!AJ$2:AJ$366,ROUNDDOWN($C8515/24,0)+1,1))-1)+IF('Standard Profiles'!$G$20=$B$10,7,0)+IF('Standard Profiles'!$G$20=$B$17,14,0)+IF('Standard Profiles'!$G$20=$B$24,21,0),MOD($C8515,24)+1)/SUM(INDEX($D$3:$AA$30,INDEX(Jesper!$R$2:$R$366,ROW(INDEX(Jesper!AJ$2:AJ$366,ROUNDDOWN($C8515/24,0)+1,1))-1)+IF('Standard Profiles'!$G$20=$B$10,7,0)+IF('Standard Profiles'!$G$20=$B$17,14,0)+IF('Standard Profiles'!$G$20=$B$24,21,0),0)),0)</f>
        <v>0</v>
      </c>
      <c r="G8515" cm="1">
        <f t="array" ref="G8515">IFERROR(INDEX(Jesper!AK$2:AK$366,ROUNDDOWN($C8515/24,0)+1,1)*INDEX($D$3:$AA$30,INDEX(Jesper!$R$2:$R$366,ROW(INDEX(Jesper!AK$2:AK$366,ROUNDDOWN($C8515/24,0)+1,1))-1)+IF('Standard Profiles'!$G$21=$B$10,7,0)+IF('Standard Profiles'!$G$21=$B$17,14,0)+IF('Standard Profiles'!$G$21=$B$24,21,0),MOD($C8515,24)+1)/SUM(INDEX($D$3:$AA$30,INDEX(Jesper!$R$2:$R$366,ROW(INDEX(Jesper!AK$2:AK$366,ROUNDDOWN($C8515/24,0)+1,1))-1)+IF('Standard Profiles'!$G$21=$B$10,7,0)+IF('Standard Profiles'!$G$21=$B$17,14,0)+IF('Standard Profiles'!$G$21=$B$24,21,0),0)),0)</f>
        <v>0</v>
      </c>
      <c r="H8515" cm="1">
        <f t="array" ref="H8515">IFERROR(INDEX(Jesper!AL$2:AL$366,ROUNDDOWN($C8515/24,0)+1,1)*INDEX($D$3:$AA$30,INDEX(Jesper!$R$2:$R$366,ROW(INDEX(Jesper!AL$2:AL$366,ROUNDDOWN($C8515/24,0)+1,1))-1)+IF('Standard Profiles'!$G$22=$B$10,7,0)+IF('Standard Profiles'!$G$22=$B$17,14,0)+IF('Standard Profiles'!$G$22=$B$24,21,0),MOD($C8515,24)+1)/SUM(INDEX($D$3:$AA$30,INDEX(Jesper!$R$2:$R$366,ROW(INDEX(Jesper!AL$2:AL$366,ROUNDDOWN($C8515/24,0)+1,1))-1)+IF('Standard Profiles'!$G$22=$B$10,7,0)+IF('Standard Profiles'!$G$22=$B$17,14,0)+IF('Standard Profiles'!$G$22=$B$24,21,0),0)),0)</f>
        <v>0</v>
      </c>
      <c r="I8515">
        <f t="shared" si="944"/>
        <v>0.38607050958421085</v>
      </c>
      <c r="J8515">
        <f t="shared" si="945"/>
        <v>1.2869016986140362</v>
      </c>
      <c r="K8515">
        <f t="shared" si="946"/>
        <v>1.9303525479210544</v>
      </c>
      <c r="L8515">
        <f t="shared" si="947"/>
        <v>9.2656922300210613</v>
      </c>
      <c r="M8515">
        <f t="shared" si="948"/>
        <v>0</v>
      </c>
      <c r="N8515" s="46">
        <f t="shared" si="949"/>
        <v>45645.374999979431</v>
      </c>
    </row>
    <row r="8516" spans="2:14" x14ac:dyDescent="0.3">
      <c r="B8516">
        <f t="shared" si="943"/>
        <v>4</v>
      </c>
      <c r="C8516" s="16">
        <v>8482</v>
      </c>
      <c r="D8516" cm="1">
        <f t="array" ref="D8516">IFERROR(INDEX(Jesper!AH$2:AH$366,ROUNDDOWN($C8516/24,0)+1,1)*INDEX($D$3:$AA$30,INDEX(Jesper!$R$2:$R$366,ROW(INDEX(Jesper!AH$2:AH$366,ROUNDDOWN($C8516/24,0)+1,1))-1)+IF('Standard Profiles'!$G$18=$B$10,7,0)+IF('Standard Profiles'!$G$18=$B$17,14,0)+IF('Standard Profiles'!$G$18=$B$24,21,0),MOD($C8516,24)+1)/SUM(INDEX($D$3:$AA$30,INDEX(Jesper!$R$2:$R$366,ROW(INDEX(Jesper!AH$2:AH$366,ROUNDDOWN($C8516/24,0)+1,1))-1)+IF('Standard Profiles'!$G$18=$B$10,7,0)+IF('Standard Profiles'!$G$18=$B$17,14,0)+IF('Standard Profiles'!$G$18=$B$24,21,0),0)),0)</f>
        <v>13.941435068318725</v>
      </c>
      <c r="E8516" cm="1">
        <f t="array" ref="E8516">IFERROR(INDEX(Jesper!AI$2:AI$366,ROUNDDOWN($C8516/24,0)+1,1)*INDEX($D$3:$AA$30,INDEX(Jesper!$R$2:$R$366,ROW(INDEX(Jesper!AI$2:AI$366,ROUNDDOWN($C8516/24,0)+1,1))-1)+IF('Standard Profiles'!$G$19=$B$10,7,0)+IF('Standard Profiles'!$G$19=$B$17,14,0)+IF('Standard Profiles'!$G$19=$B$24,21,0),MOD($C8516,24)+1)/SUM(INDEX($D$3:$AA$30,INDEX(Jesper!$R$2:$R$366,ROW(INDEX(Jesper!AI$2:AI$366,ROUNDDOWN($C8516/24,0)+1,1))-1)+IF('Standard Profiles'!$G$19=$B$10,7,0)+IF('Standard Profiles'!$G$19=$B$17,14,0)+IF('Standard Profiles'!$G$19=$B$24,21,0),0)),0)</f>
        <v>0</v>
      </c>
      <c r="F8516" cm="1">
        <f t="array" ref="F8516">IFERROR(INDEX(Jesper!AJ$2:AJ$366,ROUNDDOWN($C8516/24,0)+1,1)*INDEX($D$3:$AA$30,INDEX(Jesper!$R$2:$R$366,ROW(INDEX(Jesper!AJ$2:AJ$366,ROUNDDOWN($C8516/24,0)+1,1))-1)+IF('Standard Profiles'!$G$20=$B$10,7,0)+IF('Standard Profiles'!$G$20=$B$17,14,0)+IF('Standard Profiles'!$G$20=$B$24,21,0),MOD($C8516,24)+1)/SUM(INDEX($D$3:$AA$30,INDEX(Jesper!$R$2:$R$366,ROW(INDEX(Jesper!AJ$2:AJ$366,ROUNDDOWN($C8516/24,0)+1,1))-1)+IF('Standard Profiles'!$G$20=$B$10,7,0)+IF('Standard Profiles'!$G$20=$B$17,14,0)+IF('Standard Profiles'!$G$20=$B$24,21,0),0)),0)</f>
        <v>0</v>
      </c>
      <c r="G8516" cm="1">
        <f t="array" ref="G8516">IFERROR(INDEX(Jesper!AK$2:AK$366,ROUNDDOWN($C8516/24,0)+1,1)*INDEX($D$3:$AA$30,INDEX(Jesper!$R$2:$R$366,ROW(INDEX(Jesper!AK$2:AK$366,ROUNDDOWN($C8516/24,0)+1,1))-1)+IF('Standard Profiles'!$G$21=$B$10,7,0)+IF('Standard Profiles'!$G$21=$B$17,14,0)+IF('Standard Profiles'!$G$21=$B$24,21,0),MOD($C8516,24)+1)/SUM(INDEX($D$3:$AA$30,INDEX(Jesper!$R$2:$R$366,ROW(INDEX(Jesper!AK$2:AK$366,ROUNDDOWN($C8516/24,0)+1,1))-1)+IF('Standard Profiles'!$G$21=$B$10,7,0)+IF('Standard Profiles'!$G$21=$B$17,14,0)+IF('Standard Profiles'!$G$21=$B$24,21,0),0)),0)</f>
        <v>0</v>
      </c>
      <c r="H8516" cm="1">
        <f t="array" ref="H8516">IFERROR(INDEX(Jesper!AL$2:AL$366,ROUNDDOWN($C8516/24,0)+1,1)*INDEX($D$3:$AA$30,INDEX(Jesper!$R$2:$R$366,ROW(INDEX(Jesper!AL$2:AL$366,ROUNDDOWN($C8516/24,0)+1,1))-1)+IF('Standard Profiles'!$G$22=$B$10,7,0)+IF('Standard Profiles'!$G$22=$B$17,14,0)+IF('Standard Profiles'!$G$22=$B$24,21,0),MOD($C8516,24)+1)/SUM(INDEX($D$3:$AA$30,INDEX(Jesper!$R$2:$R$366,ROW(INDEX(Jesper!AL$2:AL$366,ROUNDDOWN($C8516/24,0)+1,1))-1)+IF('Standard Profiles'!$G$22=$B$10,7,0)+IF('Standard Profiles'!$G$22=$B$17,14,0)+IF('Standard Profiles'!$G$22=$B$24,21,0),0)),0)</f>
        <v>0</v>
      </c>
      <c r="I8516">
        <f t="shared" si="944"/>
        <v>0.41824305204956175</v>
      </c>
      <c r="J8516">
        <f t="shared" si="945"/>
        <v>1.3941435068318726</v>
      </c>
      <c r="K8516">
        <f t="shared" si="946"/>
        <v>2.0912152602478087</v>
      </c>
      <c r="L8516">
        <f t="shared" si="947"/>
        <v>10.037833249189482</v>
      </c>
      <c r="M8516">
        <f t="shared" si="948"/>
        <v>0</v>
      </c>
      <c r="N8516" s="46">
        <f t="shared" si="949"/>
        <v>45645.416666646095</v>
      </c>
    </row>
    <row r="8517" spans="2:14" x14ac:dyDescent="0.3">
      <c r="B8517">
        <f t="shared" si="943"/>
        <v>4</v>
      </c>
      <c r="C8517" s="16">
        <v>8483</v>
      </c>
      <c r="D8517" cm="1">
        <f t="array" ref="D8517">IFERROR(INDEX(Jesper!AH$2:AH$366,ROUNDDOWN($C8517/24,0)+1,1)*INDEX($D$3:$AA$30,INDEX(Jesper!$R$2:$R$366,ROW(INDEX(Jesper!AH$2:AH$366,ROUNDDOWN($C8517/24,0)+1,1))-1)+IF('Standard Profiles'!$G$18=$B$10,7,0)+IF('Standard Profiles'!$G$18=$B$17,14,0)+IF('Standard Profiles'!$G$18=$B$24,21,0),MOD($C8517,24)+1)/SUM(INDEX($D$3:$AA$30,INDEX(Jesper!$R$2:$R$366,ROW(INDEX(Jesper!AH$2:AH$366,ROUNDDOWN($C8517/24,0)+1,1))-1)+IF('Standard Profiles'!$G$18=$B$10,7,0)+IF('Standard Profiles'!$G$18=$B$17,14,0)+IF('Standard Profiles'!$G$18=$B$24,21,0),0)),0)</f>
        <v>16.086271232675454</v>
      </c>
      <c r="E8517" cm="1">
        <f t="array" ref="E8517">IFERROR(INDEX(Jesper!AI$2:AI$366,ROUNDDOWN($C8517/24,0)+1,1)*INDEX($D$3:$AA$30,INDEX(Jesper!$R$2:$R$366,ROW(INDEX(Jesper!AI$2:AI$366,ROUNDDOWN($C8517/24,0)+1,1))-1)+IF('Standard Profiles'!$G$19=$B$10,7,0)+IF('Standard Profiles'!$G$19=$B$17,14,0)+IF('Standard Profiles'!$G$19=$B$24,21,0),MOD($C8517,24)+1)/SUM(INDEX($D$3:$AA$30,INDEX(Jesper!$R$2:$R$366,ROW(INDEX(Jesper!AI$2:AI$366,ROUNDDOWN($C8517/24,0)+1,1))-1)+IF('Standard Profiles'!$G$19=$B$10,7,0)+IF('Standard Profiles'!$G$19=$B$17,14,0)+IF('Standard Profiles'!$G$19=$B$24,21,0),0)),0)</f>
        <v>0</v>
      </c>
      <c r="F8517" cm="1">
        <f t="array" ref="F8517">IFERROR(INDEX(Jesper!AJ$2:AJ$366,ROUNDDOWN($C8517/24,0)+1,1)*INDEX($D$3:$AA$30,INDEX(Jesper!$R$2:$R$366,ROW(INDEX(Jesper!AJ$2:AJ$366,ROUNDDOWN($C8517/24,0)+1,1))-1)+IF('Standard Profiles'!$G$20=$B$10,7,0)+IF('Standard Profiles'!$G$20=$B$17,14,0)+IF('Standard Profiles'!$G$20=$B$24,21,0),MOD($C8517,24)+1)/SUM(INDEX($D$3:$AA$30,INDEX(Jesper!$R$2:$R$366,ROW(INDEX(Jesper!AJ$2:AJ$366,ROUNDDOWN($C8517/24,0)+1,1))-1)+IF('Standard Profiles'!$G$20=$B$10,7,0)+IF('Standard Profiles'!$G$20=$B$17,14,0)+IF('Standard Profiles'!$G$20=$B$24,21,0),0)),0)</f>
        <v>0</v>
      </c>
      <c r="G8517" cm="1">
        <f t="array" ref="G8517">IFERROR(INDEX(Jesper!AK$2:AK$366,ROUNDDOWN($C8517/24,0)+1,1)*INDEX($D$3:$AA$30,INDEX(Jesper!$R$2:$R$366,ROW(INDEX(Jesper!AK$2:AK$366,ROUNDDOWN($C8517/24,0)+1,1))-1)+IF('Standard Profiles'!$G$21=$B$10,7,0)+IF('Standard Profiles'!$G$21=$B$17,14,0)+IF('Standard Profiles'!$G$21=$B$24,21,0),MOD($C8517,24)+1)/SUM(INDEX($D$3:$AA$30,INDEX(Jesper!$R$2:$R$366,ROW(INDEX(Jesper!AK$2:AK$366,ROUNDDOWN($C8517/24,0)+1,1))-1)+IF('Standard Profiles'!$G$21=$B$10,7,0)+IF('Standard Profiles'!$G$21=$B$17,14,0)+IF('Standard Profiles'!$G$21=$B$24,21,0),0)),0)</f>
        <v>0</v>
      </c>
      <c r="H8517" cm="1">
        <f t="array" ref="H8517">IFERROR(INDEX(Jesper!AL$2:AL$366,ROUNDDOWN($C8517/24,0)+1,1)*INDEX($D$3:$AA$30,INDEX(Jesper!$R$2:$R$366,ROW(INDEX(Jesper!AL$2:AL$366,ROUNDDOWN($C8517/24,0)+1,1))-1)+IF('Standard Profiles'!$G$22=$B$10,7,0)+IF('Standard Profiles'!$G$22=$B$17,14,0)+IF('Standard Profiles'!$G$22=$B$24,21,0),MOD($C8517,24)+1)/SUM(INDEX($D$3:$AA$30,INDEX(Jesper!$R$2:$R$366,ROW(INDEX(Jesper!AL$2:AL$366,ROUNDDOWN($C8517/24,0)+1,1))-1)+IF('Standard Profiles'!$G$22=$B$10,7,0)+IF('Standard Profiles'!$G$22=$B$17,14,0)+IF('Standard Profiles'!$G$22=$B$24,21,0),0)),0)</f>
        <v>0</v>
      </c>
      <c r="I8517">
        <f t="shared" si="944"/>
        <v>0.48258813698026359</v>
      </c>
      <c r="J8517">
        <f t="shared" si="945"/>
        <v>1.6086271232675455</v>
      </c>
      <c r="K8517">
        <f t="shared" si="946"/>
        <v>2.4129406849013182</v>
      </c>
      <c r="L8517">
        <f t="shared" si="947"/>
        <v>11.582115287526326</v>
      </c>
      <c r="M8517">
        <f t="shared" si="948"/>
        <v>0</v>
      </c>
      <c r="N8517" s="46">
        <f t="shared" si="949"/>
        <v>45645.458333312759</v>
      </c>
    </row>
    <row r="8518" spans="2:14" x14ac:dyDescent="0.3">
      <c r="B8518">
        <f t="shared" si="943"/>
        <v>4</v>
      </c>
      <c r="C8518" s="16">
        <v>8484</v>
      </c>
      <c r="D8518" cm="1">
        <f t="array" ref="D8518">IFERROR(INDEX(Jesper!AH$2:AH$366,ROUNDDOWN($C8518/24,0)+1,1)*INDEX($D$3:$AA$30,INDEX(Jesper!$R$2:$R$366,ROW(INDEX(Jesper!AH$2:AH$366,ROUNDDOWN($C8518/24,0)+1,1))-1)+IF('Standard Profiles'!$G$18=$B$10,7,0)+IF('Standard Profiles'!$G$18=$B$17,14,0)+IF('Standard Profiles'!$G$18=$B$24,21,0),MOD($C8518,24)+1)/SUM(INDEX($D$3:$AA$30,INDEX(Jesper!$R$2:$R$366,ROW(INDEX(Jesper!AH$2:AH$366,ROUNDDOWN($C8518/24,0)+1,1))-1)+IF('Standard Profiles'!$G$18=$B$10,7,0)+IF('Standard Profiles'!$G$18=$B$17,14,0)+IF('Standard Profiles'!$G$18=$B$24,21,0),0)),0)</f>
        <v>16.086271232675454</v>
      </c>
      <c r="E8518" cm="1">
        <f t="array" ref="E8518">IFERROR(INDEX(Jesper!AI$2:AI$366,ROUNDDOWN($C8518/24,0)+1,1)*INDEX($D$3:$AA$30,INDEX(Jesper!$R$2:$R$366,ROW(INDEX(Jesper!AI$2:AI$366,ROUNDDOWN($C8518/24,0)+1,1))-1)+IF('Standard Profiles'!$G$19=$B$10,7,0)+IF('Standard Profiles'!$G$19=$B$17,14,0)+IF('Standard Profiles'!$G$19=$B$24,21,0),MOD($C8518,24)+1)/SUM(INDEX($D$3:$AA$30,INDEX(Jesper!$R$2:$R$366,ROW(INDEX(Jesper!AI$2:AI$366,ROUNDDOWN($C8518/24,0)+1,1))-1)+IF('Standard Profiles'!$G$19=$B$10,7,0)+IF('Standard Profiles'!$G$19=$B$17,14,0)+IF('Standard Profiles'!$G$19=$B$24,21,0),0)),0)</f>
        <v>0</v>
      </c>
      <c r="F8518" cm="1">
        <f t="array" ref="F8518">IFERROR(INDEX(Jesper!AJ$2:AJ$366,ROUNDDOWN($C8518/24,0)+1,1)*INDEX($D$3:$AA$30,INDEX(Jesper!$R$2:$R$366,ROW(INDEX(Jesper!AJ$2:AJ$366,ROUNDDOWN($C8518/24,0)+1,1))-1)+IF('Standard Profiles'!$G$20=$B$10,7,0)+IF('Standard Profiles'!$G$20=$B$17,14,0)+IF('Standard Profiles'!$G$20=$B$24,21,0),MOD($C8518,24)+1)/SUM(INDEX($D$3:$AA$30,INDEX(Jesper!$R$2:$R$366,ROW(INDEX(Jesper!AJ$2:AJ$366,ROUNDDOWN($C8518/24,0)+1,1))-1)+IF('Standard Profiles'!$G$20=$B$10,7,0)+IF('Standard Profiles'!$G$20=$B$17,14,0)+IF('Standard Profiles'!$G$20=$B$24,21,0),0)),0)</f>
        <v>0</v>
      </c>
      <c r="G8518" cm="1">
        <f t="array" ref="G8518">IFERROR(INDEX(Jesper!AK$2:AK$366,ROUNDDOWN($C8518/24,0)+1,1)*INDEX($D$3:$AA$30,INDEX(Jesper!$R$2:$R$366,ROW(INDEX(Jesper!AK$2:AK$366,ROUNDDOWN($C8518/24,0)+1,1))-1)+IF('Standard Profiles'!$G$21=$B$10,7,0)+IF('Standard Profiles'!$G$21=$B$17,14,0)+IF('Standard Profiles'!$G$21=$B$24,21,0),MOD($C8518,24)+1)/SUM(INDEX($D$3:$AA$30,INDEX(Jesper!$R$2:$R$366,ROW(INDEX(Jesper!AK$2:AK$366,ROUNDDOWN($C8518/24,0)+1,1))-1)+IF('Standard Profiles'!$G$21=$B$10,7,0)+IF('Standard Profiles'!$G$21=$B$17,14,0)+IF('Standard Profiles'!$G$21=$B$24,21,0),0)),0)</f>
        <v>0</v>
      </c>
      <c r="H8518" cm="1">
        <f t="array" ref="H8518">IFERROR(INDEX(Jesper!AL$2:AL$366,ROUNDDOWN($C8518/24,0)+1,1)*INDEX($D$3:$AA$30,INDEX(Jesper!$R$2:$R$366,ROW(INDEX(Jesper!AL$2:AL$366,ROUNDDOWN($C8518/24,0)+1,1))-1)+IF('Standard Profiles'!$G$22=$B$10,7,0)+IF('Standard Profiles'!$G$22=$B$17,14,0)+IF('Standard Profiles'!$G$22=$B$24,21,0),MOD($C8518,24)+1)/SUM(INDEX($D$3:$AA$30,INDEX(Jesper!$R$2:$R$366,ROW(INDEX(Jesper!AL$2:AL$366,ROUNDDOWN($C8518/24,0)+1,1))-1)+IF('Standard Profiles'!$G$22=$B$10,7,0)+IF('Standard Profiles'!$G$22=$B$17,14,0)+IF('Standard Profiles'!$G$22=$B$24,21,0),0)),0)</f>
        <v>0</v>
      </c>
      <c r="I8518">
        <f t="shared" si="944"/>
        <v>0.48258813698026359</v>
      </c>
      <c r="J8518">
        <f t="shared" si="945"/>
        <v>1.6086271232675455</v>
      </c>
      <c r="K8518">
        <f t="shared" si="946"/>
        <v>2.4129406849013182</v>
      </c>
      <c r="L8518">
        <f t="shared" si="947"/>
        <v>11.582115287526326</v>
      </c>
      <c r="M8518">
        <f t="shared" si="948"/>
        <v>0</v>
      </c>
      <c r="N8518" s="46">
        <f t="shared" si="949"/>
        <v>45645.499999979424</v>
      </c>
    </row>
    <row r="8519" spans="2:14" x14ac:dyDescent="0.3">
      <c r="B8519">
        <f t="shared" si="943"/>
        <v>4</v>
      </c>
      <c r="C8519" s="16">
        <v>8485</v>
      </c>
      <c r="D8519" cm="1">
        <f t="array" ref="D8519">IFERROR(INDEX(Jesper!AH$2:AH$366,ROUNDDOWN($C8519/24,0)+1,1)*INDEX($D$3:$AA$30,INDEX(Jesper!$R$2:$R$366,ROW(INDEX(Jesper!AH$2:AH$366,ROUNDDOWN($C8519/24,0)+1,1))-1)+IF('Standard Profiles'!$G$18=$B$10,7,0)+IF('Standard Profiles'!$G$18=$B$17,14,0)+IF('Standard Profiles'!$G$18=$B$24,21,0),MOD($C8519,24)+1)/SUM(INDEX($D$3:$AA$30,INDEX(Jesper!$R$2:$R$366,ROW(INDEX(Jesper!AH$2:AH$366,ROUNDDOWN($C8519/24,0)+1,1))-1)+IF('Standard Profiles'!$G$18=$B$10,7,0)+IF('Standard Profiles'!$G$18=$B$17,14,0)+IF('Standard Profiles'!$G$18=$B$24,21,0),0)),0)</f>
        <v>16.086271232675454</v>
      </c>
      <c r="E8519" cm="1">
        <f t="array" ref="E8519">IFERROR(INDEX(Jesper!AI$2:AI$366,ROUNDDOWN($C8519/24,0)+1,1)*INDEX($D$3:$AA$30,INDEX(Jesper!$R$2:$R$366,ROW(INDEX(Jesper!AI$2:AI$366,ROUNDDOWN($C8519/24,0)+1,1))-1)+IF('Standard Profiles'!$G$19=$B$10,7,0)+IF('Standard Profiles'!$G$19=$B$17,14,0)+IF('Standard Profiles'!$G$19=$B$24,21,0),MOD($C8519,24)+1)/SUM(INDEX($D$3:$AA$30,INDEX(Jesper!$R$2:$R$366,ROW(INDEX(Jesper!AI$2:AI$366,ROUNDDOWN($C8519/24,0)+1,1))-1)+IF('Standard Profiles'!$G$19=$B$10,7,0)+IF('Standard Profiles'!$G$19=$B$17,14,0)+IF('Standard Profiles'!$G$19=$B$24,21,0),0)),0)</f>
        <v>0</v>
      </c>
      <c r="F8519" cm="1">
        <f t="array" ref="F8519">IFERROR(INDEX(Jesper!AJ$2:AJ$366,ROUNDDOWN($C8519/24,0)+1,1)*INDEX($D$3:$AA$30,INDEX(Jesper!$R$2:$R$366,ROW(INDEX(Jesper!AJ$2:AJ$366,ROUNDDOWN($C8519/24,0)+1,1))-1)+IF('Standard Profiles'!$G$20=$B$10,7,0)+IF('Standard Profiles'!$G$20=$B$17,14,0)+IF('Standard Profiles'!$G$20=$B$24,21,0),MOD($C8519,24)+1)/SUM(INDEX($D$3:$AA$30,INDEX(Jesper!$R$2:$R$366,ROW(INDEX(Jesper!AJ$2:AJ$366,ROUNDDOWN($C8519/24,0)+1,1))-1)+IF('Standard Profiles'!$G$20=$B$10,7,0)+IF('Standard Profiles'!$G$20=$B$17,14,0)+IF('Standard Profiles'!$G$20=$B$24,21,0),0)),0)</f>
        <v>0</v>
      </c>
      <c r="G8519" cm="1">
        <f t="array" ref="G8519">IFERROR(INDEX(Jesper!AK$2:AK$366,ROUNDDOWN($C8519/24,0)+1,1)*INDEX($D$3:$AA$30,INDEX(Jesper!$R$2:$R$366,ROW(INDEX(Jesper!AK$2:AK$366,ROUNDDOWN($C8519/24,0)+1,1))-1)+IF('Standard Profiles'!$G$21=$B$10,7,0)+IF('Standard Profiles'!$G$21=$B$17,14,0)+IF('Standard Profiles'!$G$21=$B$24,21,0),MOD($C8519,24)+1)/SUM(INDEX($D$3:$AA$30,INDEX(Jesper!$R$2:$R$366,ROW(INDEX(Jesper!AK$2:AK$366,ROUNDDOWN($C8519/24,0)+1,1))-1)+IF('Standard Profiles'!$G$21=$B$10,7,0)+IF('Standard Profiles'!$G$21=$B$17,14,0)+IF('Standard Profiles'!$G$21=$B$24,21,0),0)),0)</f>
        <v>0</v>
      </c>
      <c r="H8519" cm="1">
        <f t="array" ref="H8519">IFERROR(INDEX(Jesper!AL$2:AL$366,ROUNDDOWN($C8519/24,0)+1,1)*INDEX($D$3:$AA$30,INDEX(Jesper!$R$2:$R$366,ROW(INDEX(Jesper!AL$2:AL$366,ROUNDDOWN($C8519/24,0)+1,1))-1)+IF('Standard Profiles'!$G$22=$B$10,7,0)+IF('Standard Profiles'!$G$22=$B$17,14,0)+IF('Standard Profiles'!$G$22=$B$24,21,0),MOD($C8519,24)+1)/SUM(INDEX($D$3:$AA$30,INDEX(Jesper!$R$2:$R$366,ROW(INDEX(Jesper!AL$2:AL$366,ROUNDDOWN($C8519/24,0)+1,1))-1)+IF('Standard Profiles'!$G$22=$B$10,7,0)+IF('Standard Profiles'!$G$22=$B$17,14,0)+IF('Standard Profiles'!$G$22=$B$24,21,0),0)),0)</f>
        <v>0</v>
      </c>
      <c r="I8519">
        <f t="shared" si="944"/>
        <v>0.48258813698026359</v>
      </c>
      <c r="J8519">
        <f t="shared" si="945"/>
        <v>1.6086271232675455</v>
      </c>
      <c r="K8519">
        <f t="shared" si="946"/>
        <v>2.4129406849013182</v>
      </c>
      <c r="L8519">
        <f t="shared" si="947"/>
        <v>11.582115287526326</v>
      </c>
      <c r="M8519">
        <f t="shared" si="948"/>
        <v>0</v>
      </c>
      <c r="N8519" s="46">
        <f t="shared" si="949"/>
        <v>45645.541666646088</v>
      </c>
    </row>
    <row r="8520" spans="2:14" x14ac:dyDescent="0.3">
      <c r="B8520">
        <f t="shared" si="943"/>
        <v>4</v>
      </c>
      <c r="C8520" s="16">
        <v>8486</v>
      </c>
      <c r="D8520" cm="1">
        <f t="array" ref="D8520">IFERROR(INDEX(Jesper!AH$2:AH$366,ROUNDDOWN($C8520/24,0)+1,1)*INDEX($D$3:$AA$30,INDEX(Jesper!$R$2:$R$366,ROW(INDEX(Jesper!AH$2:AH$366,ROUNDDOWN($C8520/24,0)+1,1))-1)+IF('Standard Profiles'!$G$18=$B$10,7,0)+IF('Standard Profiles'!$G$18=$B$17,14,0)+IF('Standard Profiles'!$G$18=$B$24,21,0),MOD($C8520,24)+1)/SUM(INDEX($D$3:$AA$30,INDEX(Jesper!$R$2:$R$366,ROW(INDEX(Jesper!AH$2:AH$366,ROUNDDOWN($C8520/24,0)+1,1))-1)+IF('Standard Profiles'!$G$18=$B$10,7,0)+IF('Standard Profiles'!$G$18=$B$17,14,0)+IF('Standard Profiles'!$G$18=$B$24,21,0),0)),0)</f>
        <v>16.086271232675454</v>
      </c>
      <c r="E8520" cm="1">
        <f t="array" ref="E8520">IFERROR(INDEX(Jesper!AI$2:AI$366,ROUNDDOWN($C8520/24,0)+1,1)*INDEX($D$3:$AA$30,INDEX(Jesper!$R$2:$R$366,ROW(INDEX(Jesper!AI$2:AI$366,ROUNDDOWN($C8520/24,0)+1,1))-1)+IF('Standard Profiles'!$G$19=$B$10,7,0)+IF('Standard Profiles'!$G$19=$B$17,14,0)+IF('Standard Profiles'!$G$19=$B$24,21,0),MOD($C8520,24)+1)/SUM(INDEX($D$3:$AA$30,INDEX(Jesper!$R$2:$R$366,ROW(INDEX(Jesper!AI$2:AI$366,ROUNDDOWN($C8520/24,0)+1,1))-1)+IF('Standard Profiles'!$G$19=$B$10,7,0)+IF('Standard Profiles'!$G$19=$B$17,14,0)+IF('Standard Profiles'!$G$19=$B$24,21,0),0)),0)</f>
        <v>0</v>
      </c>
      <c r="F8520" cm="1">
        <f t="array" ref="F8520">IFERROR(INDEX(Jesper!AJ$2:AJ$366,ROUNDDOWN($C8520/24,0)+1,1)*INDEX($D$3:$AA$30,INDEX(Jesper!$R$2:$R$366,ROW(INDEX(Jesper!AJ$2:AJ$366,ROUNDDOWN($C8520/24,0)+1,1))-1)+IF('Standard Profiles'!$G$20=$B$10,7,0)+IF('Standard Profiles'!$G$20=$B$17,14,0)+IF('Standard Profiles'!$G$20=$B$24,21,0),MOD($C8520,24)+1)/SUM(INDEX($D$3:$AA$30,INDEX(Jesper!$R$2:$R$366,ROW(INDEX(Jesper!AJ$2:AJ$366,ROUNDDOWN($C8520/24,0)+1,1))-1)+IF('Standard Profiles'!$G$20=$B$10,7,0)+IF('Standard Profiles'!$G$20=$B$17,14,0)+IF('Standard Profiles'!$G$20=$B$24,21,0),0)),0)</f>
        <v>0</v>
      </c>
      <c r="G8520" cm="1">
        <f t="array" ref="G8520">IFERROR(INDEX(Jesper!AK$2:AK$366,ROUNDDOWN($C8520/24,0)+1,1)*INDEX($D$3:$AA$30,INDEX(Jesper!$R$2:$R$366,ROW(INDEX(Jesper!AK$2:AK$366,ROUNDDOWN($C8520/24,0)+1,1))-1)+IF('Standard Profiles'!$G$21=$B$10,7,0)+IF('Standard Profiles'!$G$21=$B$17,14,0)+IF('Standard Profiles'!$G$21=$B$24,21,0),MOD($C8520,24)+1)/SUM(INDEX($D$3:$AA$30,INDEX(Jesper!$R$2:$R$366,ROW(INDEX(Jesper!AK$2:AK$366,ROUNDDOWN($C8520/24,0)+1,1))-1)+IF('Standard Profiles'!$G$21=$B$10,7,0)+IF('Standard Profiles'!$G$21=$B$17,14,0)+IF('Standard Profiles'!$G$21=$B$24,21,0),0)),0)</f>
        <v>0</v>
      </c>
      <c r="H8520" cm="1">
        <f t="array" ref="H8520">IFERROR(INDEX(Jesper!AL$2:AL$366,ROUNDDOWN($C8520/24,0)+1,1)*INDEX($D$3:$AA$30,INDEX(Jesper!$R$2:$R$366,ROW(INDEX(Jesper!AL$2:AL$366,ROUNDDOWN($C8520/24,0)+1,1))-1)+IF('Standard Profiles'!$G$22=$B$10,7,0)+IF('Standard Profiles'!$G$22=$B$17,14,0)+IF('Standard Profiles'!$G$22=$B$24,21,0),MOD($C8520,24)+1)/SUM(INDEX($D$3:$AA$30,INDEX(Jesper!$R$2:$R$366,ROW(INDEX(Jesper!AL$2:AL$366,ROUNDDOWN($C8520/24,0)+1,1))-1)+IF('Standard Profiles'!$G$22=$B$10,7,0)+IF('Standard Profiles'!$G$22=$B$17,14,0)+IF('Standard Profiles'!$G$22=$B$24,21,0),0)),0)</f>
        <v>0</v>
      </c>
      <c r="I8520">
        <f t="shared" si="944"/>
        <v>0.48258813698026359</v>
      </c>
      <c r="J8520">
        <f t="shared" si="945"/>
        <v>1.6086271232675455</v>
      </c>
      <c r="K8520">
        <f t="shared" si="946"/>
        <v>2.4129406849013182</v>
      </c>
      <c r="L8520">
        <f t="shared" si="947"/>
        <v>11.582115287526326</v>
      </c>
      <c r="M8520">
        <f t="shared" si="948"/>
        <v>0</v>
      </c>
      <c r="N8520" s="46">
        <f t="shared" si="949"/>
        <v>45645.583333312752</v>
      </c>
    </row>
    <row r="8521" spans="2:14" x14ac:dyDescent="0.3">
      <c r="B8521">
        <f t="shared" si="943"/>
        <v>4</v>
      </c>
      <c r="C8521" s="16">
        <v>8487</v>
      </c>
      <c r="D8521" cm="1">
        <f t="array" ref="D8521">IFERROR(INDEX(Jesper!AH$2:AH$366,ROUNDDOWN($C8521/24,0)+1,1)*INDEX($D$3:$AA$30,INDEX(Jesper!$R$2:$R$366,ROW(INDEX(Jesper!AH$2:AH$366,ROUNDDOWN($C8521/24,0)+1,1))-1)+IF('Standard Profiles'!$G$18=$B$10,7,0)+IF('Standard Profiles'!$G$18=$B$17,14,0)+IF('Standard Profiles'!$G$18=$B$24,21,0),MOD($C8521,24)+1)/SUM(INDEX($D$3:$AA$30,INDEX(Jesper!$R$2:$R$366,ROW(INDEX(Jesper!AH$2:AH$366,ROUNDDOWN($C8521/24,0)+1,1))-1)+IF('Standard Profiles'!$G$18=$B$10,7,0)+IF('Standard Profiles'!$G$18=$B$17,14,0)+IF('Standard Profiles'!$G$18=$B$24,21,0),0)),0)</f>
        <v>16.086271232675454</v>
      </c>
      <c r="E8521" cm="1">
        <f t="array" ref="E8521">IFERROR(INDEX(Jesper!AI$2:AI$366,ROUNDDOWN($C8521/24,0)+1,1)*INDEX($D$3:$AA$30,INDEX(Jesper!$R$2:$R$366,ROW(INDEX(Jesper!AI$2:AI$366,ROUNDDOWN($C8521/24,0)+1,1))-1)+IF('Standard Profiles'!$G$19=$B$10,7,0)+IF('Standard Profiles'!$G$19=$B$17,14,0)+IF('Standard Profiles'!$G$19=$B$24,21,0),MOD($C8521,24)+1)/SUM(INDEX($D$3:$AA$30,INDEX(Jesper!$R$2:$R$366,ROW(INDEX(Jesper!AI$2:AI$366,ROUNDDOWN($C8521/24,0)+1,1))-1)+IF('Standard Profiles'!$G$19=$B$10,7,0)+IF('Standard Profiles'!$G$19=$B$17,14,0)+IF('Standard Profiles'!$G$19=$B$24,21,0),0)),0)</f>
        <v>0</v>
      </c>
      <c r="F8521" cm="1">
        <f t="array" ref="F8521">IFERROR(INDEX(Jesper!AJ$2:AJ$366,ROUNDDOWN($C8521/24,0)+1,1)*INDEX($D$3:$AA$30,INDEX(Jesper!$R$2:$R$366,ROW(INDEX(Jesper!AJ$2:AJ$366,ROUNDDOWN($C8521/24,0)+1,1))-1)+IF('Standard Profiles'!$G$20=$B$10,7,0)+IF('Standard Profiles'!$G$20=$B$17,14,0)+IF('Standard Profiles'!$G$20=$B$24,21,0),MOD($C8521,24)+1)/SUM(INDEX($D$3:$AA$30,INDEX(Jesper!$R$2:$R$366,ROW(INDEX(Jesper!AJ$2:AJ$366,ROUNDDOWN($C8521/24,0)+1,1))-1)+IF('Standard Profiles'!$G$20=$B$10,7,0)+IF('Standard Profiles'!$G$20=$B$17,14,0)+IF('Standard Profiles'!$G$20=$B$24,21,0),0)),0)</f>
        <v>0</v>
      </c>
      <c r="G8521" cm="1">
        <f t="array" ref="G8521">IFERROR(INDEX(Jesper!AK$2:AK$366,ROUNDDOWN($C8521/24,0)+1,1)*INDEX($D$3:$AA$30,INDEX(Jesper!$R$2:$R$366,ROW(INDEX(Jesper!AK$2:AK$366,ROUNDDOWN($C8521/24,0)+1,1))-1)+IF('Standard Profiles'!$G$21=$B$10,7,0)+IF('Standard Profiles'!$G$21=$B$17,14,0)+IF('Standard Profiles'!$G$21=$B$24,21,0),MOD($C8521,24)+1)/SUM(INDEX($D$3:$AA$30,INDEX(Jesper!$R$2:$R$366,ROW(INDEX(Jesper!AK$2:AK$366,ROUNDDOWN($C8521/24,0)+1,1))-1)+IF('Standard Profiles'!$G$21=$B$10,7,0)+IF('Standard Profiles'!$G$21=$B$17,14,0)+IF('Standard Profiles'!$G$21=$B$24,21,0),0)),0)</f>
        <v>0</v>
      </c>
      <c r="H8521" cm="1">
        <f t="array" ref="H8521">IFERROR(INDEX(Jesper!AL$2:AL$366,ROUNDDOWN($C8521/24,0)+1,1)*INDEX($D$3:$AA$30,INDEX(Jesper!$R$2:$R$366,ROW(INDEX(Jesper!AL$2:AL$366,ROUNDDOWN($C8521/24,0)+1,1))-1)+IF('Standard Profiles'!$G$22=$B$10,7,0)+IF('Standard Profiles'!$G$22=$B$17,14,0)+IF('Standard Profiles'!$G$22=$B$24,21,0),MOD($C8521,24)+1)/SUM(INDEX($D$3:$AA$30,INDEX(Jesper!$R$2:$R$366,ROW(INDEX(Jesper!AL$2:AL$366,ROUNDDOWN($C8521/24,0)+1,1))-1)+IF('Standard Profiles'!$G$22=$B$10,7,0)+IF('Standard Profiles'!$G$22=$B$17,14,0)+IF('Standard Profiles'!$G$22=$B$24,21,0),0)),0)</f>
        <v>0</v>
      </c>
      <c r="I8521">
        <f t="shared" si="944"/>
        <v>0.48258813698026359</v>
      </c>
      <c r="J8521">
        <f t="shared" si="945"/>
        <v>1.6086271232675455</v>
      </c>
      <c r="K8521">
        <f t="shared" si="946"/>
        <v>2.4129406849013182</v>
      </c>
      <c r="L8521">
        <f t="shared" si="947"/>
        <v>11.582115287526326</v>
      </c>
      <c r="M8521">
        <f t="shared" si="948"/>
        <v>0</v>
      </c>
      <c r="N8521" s="46">
        <f t="shared" si="949"/>
        <v>45645.624999979416</v>
      </c>
    </row>
    <row r="8522" spans="2:14" x14ac:dyDescent="0.3">
      <c r="B8522">
        <f t="shared" si="943"/>
        <v>4</v>
      </c>
      <c r="C8522" s="16">
        <v>8488</v>
      </c>
      <c r="D8522" cm="1">
        <f t="array" ref="D8522">IFERROR(INDEX(Jesper!AH$2:AH$366,ROUNDDOWN($C8522/24,0)+1,1)*INDEX($D$3:$AA$30,INDEX(Jesper!$R$2:$R$366,ROW(INDEX(Jesper!AH$2:AH$366,ROUNDDOWN($C8522/24,0)+1,1))-1)+IF('Standard Profiles'!$G$18=$B$10,7,0)+IF('Standard Profiles'!$G$18=$B$17,14,0)+IF('Standard Profiles'!$G$18=$B$24,21,0),MOD($C8522,24)+1)/SUM(INDEX($D$3:$AA$30,INDEX(Jesper!$R$2:$R$366,ROW(INDEX(Jesper!AH$2:AH$366,ROUNDDOWN($C8522/24,0)+1,1))-1)+IF('Standard Profiles'!$G$18=$B$10,7,0)+IF('Standard Profiles'!$G$18=$B$17,14,0)+IF('Standard Profiles'!$G$18=$B$24,21,0),0)),0)</f>
        <v>16.086271232675454</v>
      </c>
      <c r="E8522" cm="1">
        <f t="array" ref="E8522">IFERROR(INDEX(Jesper!AI$2:AI$366,ROUNDDOWN($C8522/24,0)+1,1)*INDEX($D$3:$AA$30,INDEX(Jesper!$R$2:$R$366,ROW(INDEX(Jesper!AI$2:AI$366,ROUNDDOWN($C8522/24,0)+1,1))-1)+IF('Standard Profiles'!$G$19=$B$10,7,0)+IF('Standard Profiles'!$G$19=$B$17,14,0)+IF('Standard Profiles'!$G$19=$B$24,21,0),MOD($C8522,24)+1)/SUM(INDEX($D$3:$AA$30,INDEX(Jesper!$R$2:$R$366,ROW(INDEX(Jesper!AI$2:AI$366,ROUNDDOWN($C8522/24,0)+1,1))-1)+IF('Standard Profiles'!$G$19=$B$10,7,0)+IF('Standard Profiles'!$G$19=$B$17,14,0)+IF('Standard Profiles'!$G$19=$B$24,21,0),0)),0)</f>
        <v>0</v>
      </c>
      <c r="F8522" cm="1">
        <f t="array" ref="F8522">IFERROR(INDEX(Jesper!AJ$2:AJ$366,ROUNDDOWN($C8522/24,0)+1,1)*INDEX($D$3:$AA$30,INDEX(Jesper!$R$2:$R$366,ROW(INDEX(Jesper!AJ$2:AJ$366,ROUNDDOWN($C8522/24,0)+1,1))-1)+IF('Standard Profiles'!$G$20=$B$10,7,0)+IF('Standard Profiles'!$G$20=$B$17,14,0)+IF('Standard Profiles'!$G$20=$B$24,21,0),MOD($C8522,24)+1)/SUM(INDEX($D$3:$AA$30,INDEX(Jesper!$R$2:$R$366,ROW(INDEX(Jesper!AJ$2:AJ$366,ROUNDDOWN($C8522/24,0)+1,1))-1)+IF('Standard Profiles'!$G$20=$B$10,7,0)+IF('Standard Profiles'!$G$20=$B$17,14,0)+IF('Standard Profiles'!$G$20=$B$24,21,0),0)),0)</f>
        <v>0</v>
      </c>
      <c r="G8522" cm="1">
        <f t="array" ref="G8522">IFERROR(INDEX(Jesper!AK$2:AK$366,ROUNDDOWN($C8522/24,0)+1,1)*INDEX($D$3:$AA$30,INDEX(Jesper!$R$2:$R$366,ROW(INDEX(Jesper!AK$2:AK$366,ROUNDDOWN($C8522/24,0)+1,1))-1)+IF('Standard Profiles'!$G$21=$B$10,7,0)+IF('Standard Profiles'!$G$21=$B$17,14,0)+IF('Standard Profiles'!$G$21=$B$24,21,0),MOD($C8522,24)+1)/SUM(INDEX($D$3:$AA$30,INDEX(Jesper!$R$2:$R$366,ROW(INDEX(Jesper!AK$2:AK$366,ROUNDDOWN($C8522/24,0)+1,1))-1)+IF('Standard Profiles'!$G$21=$B$10,7,0)+IF('Standard Profiles'!$G$21=$B$17,14,0)+IF('Standard Profiles'!$G$21=$B$24,21,0),0)),0)</f>
        <v>0</v>
      </c>
      <c r="H8522" cm="1">
        <f t="array" ref="H8522">IFERROR(INDEX(Jesper!AL$2:AL$366,ROUNDDOWN($C8522/24,0)+1,1)*INDEX($D$3:$AA$30,INDEX(Jesper!$R$2:$R$366,ROW(INDEX(Jesper!AL$2:AL$366,ROUNDDOWN($C8522/24,0)+1,1))-1)+IF('Standard Profiles'!$G$22=$B$10,7,0)+IF('Standard Profiles'!$G$22=$B$17,14,0)+IF('Standard Profiles'!$G$22=$B$24,21,0),MOD($C8522,24)+1)/SUM(INDEX($D$3:$AA$30,INDEX(Jesper!$R$2:$R$366,ROW(INDEX(Jesper!AL$2:AL$366,ROUNDDOWN($C8522/24,0)+1,1))-1)+IF('Standard Profiles'!$G$22=$B$10,7,0)+IF('Standard Profiles'!$G$22=$B$17,14,0)+IF('Standard Profiles'!$G$22=$B$24,21,0),0)),0)</f>
        <v>0</v>
      </c>
      <c r="I8522">
        <f t="shared" si="944"/>
        <v>0.48258813698026359</v>
      </c>
      <c r="J8522">
        <f t="shared" si="945"/>
        <v>1.6086271232675455</v>
      </c>
      <c r="K8522">
        <f t="shared" si="946"/>
        <v>2.4129406849013182</v>
      </c>
      <c r="L8522">
        <f t="shared" si="947"/>
        <v>11.582115287526326</v>
      </c>
      <c r="M8522">
        <f t="shared" si="948"/>
        <v>0</v>
      </c>
      <c r="N8522" s="46">
        <f t="shared" si="949"/>
        <v>45645.666666646081</v>
      </c>
    </row>
    <row r="8523" spans="2:14" x14ac:dyDescent="0.3">
      <c r="B8523">
        <f t="shared" si="943"/>
        <v>4</v>
      </c>
      <c r="C8523" s="16">
        <v>8489</v>
      </c>
      <c r="D8523" cm="1">
        <f t="array" ref="D8523">IFERROR(INDEX(Jesper!AH$2:AH$366,ROUNDDOWN($C8523/24,0)+1,1)*INDEX($D$3:$AA$30,INDEX(Jesper!$R$2:$R$366,ROW(INDEX(Jesper!AH$2:AH$366,ROUNDDOWN($C8523/24,0)+1,1))-1)+IF('Standard Profiles'!$G$18=$B$10,7,0)+IF('Standard Profiles'!$G$18=$B$17,14,0)+IF('Standard Profiles'!$G$18=$B$24,21,0),MOD($C8523,24)+1)/SUM(INDEX($D$3:$AA$30,INDEX(Jesper!$R$2:$R$366,ROW(INDEX(Jesper!AH$2:AH$366,ROUNDDOWN($C8523/24,0)+1,1))-1)+IF('Standard Profiles'!$G$18=$B$10,7,0)+IF('Standard Profiles'!$G$18=$B$17,14,0)+IF('Standard Profiles'!$G$18=$B$24,21,0),0)),0)</f>
        <v>16.086271232675454</v>
      </c>
      <c r="E8523" cm="1">
        <f t="array" ref="E8523">IFERROR(INDEX(Jesper!AI$2:AI$366,ROUNDDOWN($C8523/24,0)+1,1)*INDEX($D$3:$AA$30,INDEX(Jesper!$R$2:$R$366,ROW(INDEX(Jesper!AI$2:AI$366,ROUNDDOWN($C8523/24,0)+1,1))-1)+IF('Standard Profiles'!$G$19=$B$10,7,0)+IF('Standard Profiles'!$G$19=$B$17,14,0)+IF('Standard Profiles'!$G$19=$B$24,21,0),MOD($C8523,24)+1)/SUM(INDEX($D$3:$AA$30,INDEX(Jesper!$R$2:$R$366,ROW(INDEX(Jesper!AI$2:AI$366,ROUNDDOWN($C8523/24,0)+1,1))-1)+IF('Standard Profiles'!$G$19=$B$10,7,0)+IF('Standard Profiles'!$G$19=$B$17,14,0)+IF('Standard Profiles'!$G$19=$B$24,21,0),0)),0)</f>
        <v>0</v>
      </c>
      <c r="F8523" cm="1">
        <f t="array" ref="F8523">IFERROR(INDEX(Jesper!AJ$2:AJ$366,ROUNDDOWN($C8523/24,0)+1,1)*INDEX($D$3:$AA$30,INDEX(Jesper!$R$2:$R$366,ROW(INDEX(Jesper!AJ$2:AJ$366,ROUNDDOWN($C8523/24,0)+1,1))-1)+IF('Standard Profiles'!$G$20=$B$10,7,0)+IF('Standard Profiles'!$G$20=$B$17,14,0)+IF('Standard Profiles'!$G$20=$B$24,21,0),MOD($C8523,24)+1)/SUM(INDEX($D$3:$AA$30,INDEX(Jesper!$R$2:$R$366,ROW(INDEX(Jesper!AJ$2:AJ$366,ROUNDDOWN($C8523/24,0)+1,1))-1)+IF('Standard Profiles'!$G$20=$B$10,7,0)+IF('Standard Profiles'!$G$20=$B$17,14,0)+IF('Standard Profiles'!$G$20=$B$24,21,0),0)),0)</f>
        <v>0</v>
      </c>
      <c r="G8523" cm="1">
        <f t="array" ref="G8523">IFERROR(INDEX(Jesper!AK$2:AK$366,ROUNDDOWN($C8523/24,0)+1,1)*INDEX($D$3:$AA$30,INDEX(Jesper!$R$2:$R$366,ROW(INDEX(Jesper!AK$2:AK$366,ROUNDDOWN($C8523/24,0)+1,1))-1)+IF('Standard Profiles'!$G$21=$B$10,7,0)+IF('Standard Profiles'!$G$21=$B$17,14,0)+IF('Standard Profiles'!$G$21=$B$24,21,0),MOD($C8523,24)+1)/SUM(INDEX($D$3:$AA$30,INDEX(Jesper!$R$2:$R$366,ROW(INDEX(Jesper!AK$2:AK$366,ROUNDDOWN($C8523/24,0)+1,1))-1)+IF('Standard Profiles'!$G$21=$B$10,7,0)+IF('Standard Profiles'!$G$21=$B$17,14,0)+IF('Standard Profiles'!$G$21=$B$24,21,0),0)),0)</f>
        <v>0</v>
      </c>
      <c r="H8523" cm="1">
        <f t="array" ref="H8523">IFERROR(INDEX(Jesper!AL$2:AL$366,ROUNDDOWN($C8523/24,0)+1,1)*INDEX($D$3:$AA$30,INDEX(Jesper!$R$2:$R$366,ROW(INDEX(Jesper!AL$2:AL$366,ROUNDDOWN($C8523/24,0)+1,1))-1)+IF('Standard Profiles'!$G$22=$B$10,7,0)+IF('Standard Profiles'!$G$22=$B$17,14,0)+IF('Standard Profiles'!$G$22=$B$24,21,0),MOD($C8523,24)+1)/SUM(INDEX($D$3:$AA$30,INDEX(Jesper!$R$2:$R$366,ROW(INDEX(Jesper!AL$2:AL$366,ROUNDDOWN($C8523/24,0)+1,1))-1)+IF('Standard Profiles'!$G$22=$B$10,7,0)+IF('Standard Profiles'!$G$22=$B$17,14,0)+IF('Standard Profiles'!$G$22=$B$24,21,0),0)),0)</f>
        <v>0</v>
      </c>
      <c r="I8523">
        <f t="shared" si="944"/>
        <v>0.48258813698026359</v>
      </c>
      <c r="J8523">
        <f t="shared" si="945"/>
        <v>1.6086271232675455</v>
      </c>
      <c r="K8523">
        <f t="shared" si="946"/>
        <v>2.4129406849013182</v>
      </c>
      <c r="L8523">
        <f t="shared" si="947"/>
        <v>11.582115287526326</v>
      </c>
      <c r="M8523">
        <f t="shared" si="948"/>
        <v>0</v>
      </c>
      <c r="N8523" s="46">
        <f t="shared" si="949"/>
        <v>45645.708333312745</v>
      </c>
    </row>
    <row r="8524" spans="2:14" x14ac:dyDescent="0.3">
      <c r="B8524">
        <f t="shared" si="943"/>
        <v>4</v>
      </c>
      <c r="C8524" s="16">
        <v>8490</v>
      </c>
      <c r="D8524" cm="1">
        <f t="array" ref="D8524">IFERROR(INDEX(Jesper!AH$2:AH$366,ROUNDDOWN($C8524/24,0)+1,1)*INDEX($D$3:$AA$30,INDEX(Jesper!$R$2:$R$366,ROW(INDEX(Jesper!AH$2:AH$366,ROUNDDOWN($C8524/24,0)+1,1))-1)+IF('Standard Profiles'!$G$18=$B$10,7,0)+IF('Standard Profiles'!$G$18=$B$17,14,0)+IF('Standard Profiles'!$G$18=$B$24,21,0),MOD($C8524,24)+1)/SUM(INDEX($D$3:$AA$30,INDEX(Jesper!$R$2:$R$366,ROW(INDEX(Jesper!AH$2:AH$366,ROUNDDOWN($C8524/24,0)+1,1))-1)+IF('Standard Profiles'!$G$18=$B$10,7,0)+IF('Standard Profiles'!$G$18=$B$17,14,0)+IF('Standard Profiles'!$G$18=$B$24,21,0),0)),0)</f>
        <v>16.086271232675454</v>
      </c>
      <c r="E8524" cm="1">
        <f t="array" ref="E8524">IFERROR(INDEX(Jesper!AI$2:AI$366,ROUNDDOWN($C8524/24,0)+1,1)*INDEX($D$3:$AA$30,INDEX(Jesper!$R$2:$R$366,ROW(INDEX(Jesper!AI$2:AI$366,ROUNDDOWN($C8524/24,0)+1,1))-1)+IF('Standard Profiles'!$G$19=$B$10,7,0)+IF('Standard Profiles'!$G$19=$B$17,14,0)+IF('Standard Profiles'!$G$19=$B$24,21,0),MOD($C8524,24)+1)/SUM(INDEX($D$3:$AA$30,INDEX(Jesper!$R$2:$R$366,ROW(INDEX(Jesper!AI$2:AI$366,ROUNDDOWN($C8524/24,0)+1,1))-1)+IF('Standard Profiles'!$G$19=$B$10,7,0)+IF('Standard Profiles'!$G$19=$B$17,14,0)+IF('Standard Profiles'!$G$19=$B$24,21,0),0)),0)</f>
        <v>0</v>
      </c>
      <c r="F8524" cm="1">
        <f t="array" ref="F8524">IFERROR(INDEX(Jesper!AJ$2:AJ$366,ROUNDDOWN($C8524/24,0)+1,1)*INDEX($D$3:$AA$30,INDEX(Jesper!$R$2:$R$366,ROW(INDEX(Jesper!AJ$2:AJ$366,ROUNDDOWN($C8524/24,0)+1,1))-1)+IF('Standard Profiles'!$G$20=$B$10,7,0)+IF('Standard Profiles'!$G$20=$B$17,14,0)+IF('Standard Profiles'!$G$20=$B$24,21,0),MOD($C8524,24)+1)/SUM(INDEX($D$3:$AA$30,INDEX(Jesper!$R$2:$R$366,ROW(INDEX(Jesper!AJ$2:AJ$366,ROUNDDOWN($C8524/24,0)+1,1))-1)+IF('Standard Profiles'!$G$20=$B$10,7,0)+IF('Standard Profiles'!$G$20=$B$17,14,0)+IF('Standard Profiles'!$G$20=$B$24,21,0),0)),0)</f>
        <v>0</v>
      </c>
      <c r="G8524" cm="1">
        <f t="array" ref="G8524">IFERROR(INDEX(Jesper!AK$2:AK$366,ROUNDDOWN($C8524/24,0)+1,1)*INDEX($D$3:$AA$30,INDEX(Jesper!$R$2:$R$366,ROW(INDEX(Jesper!AK$2:AK$366,ROUNDDOWN($C8524/24,0)+1,1))-1)+IF('Standard Profiles'!$G$21=$B$10,7,0)+IF('Standard Profiles'!$G$21=$B$17,14,0)+IF('Standard Profiles'!$G$21=$B$24,21,0),MOD($C8524,24)+1)/SUM(INDEX($D$3:$AA$30,INDEX(Jesper!$R$2:$R$366,ROW(INDEX(Jesper!AK$2:AK$366,ROUNDDOWN($C8524/24,0)+1,1))-1)+IF('Standard Profiles'!$G$21=$B$10,7,0)+IF('Standard Profiles'!$G$21=$B$17,14,0)+IF('Standard Profiles'!$G$21=$B$24,21,0),0)),0)</f>
        <v>0</v>
      </c>
      <c r="H8524" cm="1">
        <f t="array" ref="H8524">IFERROR(INDEX(Jesper!AL$2:AL$366,ROUNDDOWN($C8524/24,0)+1,1)*INDEX($D$3:$AA$30,INDEX(Jesper!$R$2:$R$366,ROW(INDEX(Jesper!AL$2:AL$366,ROUNDDOWN($C8524/24,0)+1,1))-1)+IF('Standard Profiles'!$G$22=$B$10,7,0)+IF('Standard Profiles'!$G$22=$B$17,14,0)+IF('Standard Profiles'!$G$22=$B$24,21,0),MOD($C8524,24)+1)/SUM(INDEX($D$3:$AA$30,INDEX(Jesper!$R$2:$R$366,ROW(INDEX(Jesper!AL$2:AL$366,ROUNDDOWN($C8524/24,0)+1,1))-1)+IF('Standard Profiles'!$G$22=$B$10,7,0)+IF('Standard Profiles'!$G$22=$B$17,14,0)+IF('Standard Profiles'!$G$22=$B$24,21,0),0)),0)</f>
        <v>0</v>
      </c>
      <c r="I8524">
        <f t="shared" si="944"/>
        <v>0.48258813698026359</v>
      </c>
      <c r="J8524">
        <f t="shared" si="945"/>
        <v>1.6086271232675455</v>
      </c>
      <c r="K8524">
        <f t="shared" si="946"/>
        <v>2.4129406849013182</v>
      </c>
      <c r="L8524">
        <f t="shared" si="947"/>
        <v>11.582115287526326</v>
      </c>
      <c r="M8524">
        <f t="shared" si="948"/>
        <v>0</v>
      </c>
      <c r="N8524" s="46">
        <f t="shared" si="949"/>
        <v>45645.749999979409</v>
      </c>
    </row>
    <row r="8525" spans="2:14" x14ac:dyDescent="0.3">
      <c r="B8525">
        <f t="shared" si="943"/>
        <v>4</v>
      </c>
      <c r="C8525" s="16">
        <v>8491</v>
      </c>
      <c r="D8525" cm="1">
        <f t="array" ref="D8525">IFERROR(INDEX(Jesper!AH$2:AH$366,ROUNDDOWN($C8525/24,0)+1,1)*INDEX($D$3:$AA$30,INDEX(Jesper!$R$2:$R$366,ROW(INDEX(Jesper!AH$2:AH$366,ROUNDDOWN($C8525/24,0)+1,1))-1)+IF('Standard Profiles'!$G$18=$B$10,7,0)+IF('Standard Profiles'!$G$18=$B$17,14,0)+IF('Standard Profiles'!$G$18=$B$24,21,0),MOD($C8525,24)+1)/SUM(INDEX($D$3:$AA$30,INDEX(Jesper!$R$2:$R$366,ROW(INDEX(Jesper!AH$2:AH$366,ROUNDDOWN($C8525/24,0)+1,1))-1)+IF('Standard Profiles'!$G$18=$B$10,7,0)+IF('Standard Profiles'!$G$18=$B$17,14,0)+IF('Standard Profiles'!$G$18=$B$24,21,0),0)),0)</f>
        <v>13.405226027229546</v>
      </c>
      <c r="E8525" cm="1">
        <f t="array" ref="E8525">IFERROR(INDEX(Jesper!AI$2:AI$366,ROUNDDOWN($C8525/24,0)+1,1)*INDEX($D$3:$AA$30,INDEX(Jesper!$R$2:$R$366,ROW(INDEX(Jesper!AI$2:AI$366,ROUNDDOWN($C8525/24,0)+1,1))-1)+IF('Standard Profiles'!$G$19=$B$10,7,0)+IF('Standard Profiles'!$G$19=$B$17,14,0)+IF('Standard Profiles'!$G$19=$B$24,21,0),MOD($C8525,24)+1)/SUM(INDEX($D$3:$AA$30,INDEX(Jesper!$R$2:$R$366,ROW(INDEX(Jesper!AI$2:AI$366,ROUNDDOWN($C8525/24,0)+1,1))-1)+IF('Standard Profiles'!$G$19=$B$10,7,0)+IF('Standard Profiles'!$G$19=$B$17,14,0)+IF('Standard Profiles'!$G$19=$B$24,21,0),0)),0)</f>
        <v>0</v>
      </c>
      <c r="F8525" cm="1">
        <f t="array" ref="F8525">IFERROR(INDEX(Jesper!AJ$2:AJ$366,ROUNDDOWN($C8525/24,0)+1,1)*INDEX($D$3:$AA$30,INDEX(Jesper!$R$2:$R$366,ROW(INDEX(Jesper!AJ$2:AJ$366,ROUNDDOWN($C8525/24,0)+1,1))-1)+IF('Standard Profiles'!$G$20=$B$10,7,0)+IF('Standard Profiles'!$G$20=$B$17,14,0)+IF('Standard Profiles'!$G$20=$B$24,21,0),MOD($C8525,24)+1)/SUM(INDEX($D$3:$AA$30,INDEX(Jesper!$R$2:$R$366,ROW(INDEX(Jesper!AJ$2:AJ$366,ROUNDDOWN($C8525/24,0)+1,1))-1)+IF('Standard Profiles'!$G$20=$B$10,7,0)+IF('Standard Profiles'!$G$20=$B$17,14,0)+IF('Standard Profiles'!$G$20=$B$24,21,0),0)),0)</f>
        <v>0</v>
      </c>
      <c r="G8525" cm="1">
        <f t="array" ref="G8525">IFERROR(INDEX(Jesper!AK$2:AK$366,ROUNDDOWN($C8525/24,0)+1,1)*INDEX($D$3:$AA$30,INDEX(Jesper!$R$2:$R$366,ROW(INDEX(Jesper!AK$2:AK$366,ROUNDDOWN($C8525/24,0)+1,1))-1)+IF('Standard Profiles'!$G$21=$B$10,7,0)+IF('Standard Profiles'!$G$21=$B$17,14,0)+IF('Standard Profiles'!$G$21=$B$24,21,0),MOD($C8525,24)+1)/SUM(INDEX($D$3:$AA$30,INDEX(Jesper!$R$2:$R$366,ROW(INDEX(Jesper!AK$2:AK$366,ROUNDDOWN($C8525/24,0)+1,1))-1)+IF('Standard Profiles'!$G$21=$B$10,7,0)+IF('Standard Profiles'!$G$21=$B$17,14,0)+IF('Standard Profiles'!$G$21=$B$24,21,0),0)),0)</f>
        <v>0</v>
      </c>
      <c r="H8525" cm="1">
        <f t="array" ref="H8525">IFERROR(INDEX(Jesper!AL$2:AL$366,ROUNDDOWN($C8525/24,0)+1,1)*INDEX($D$3:$AA$30,INDEX(Jesper!$R$2:$R$366,ROW(INDEX(Jesper!AL$2:AL$366,ROUNDDOWN($C8525/24,0)+1,1))-1)+IF('Standard Profiles'!$G$22=$B$10,7,0)+IF('Standard Profiles'!$G$22=$B$17,14,0)+IF('Standard Profiles'!$G$22=$B$24,21,0),MOD($C8525,24)+1)/SUM(INDEX($D$3:$AA$30,INDEX(Jesper!$R$2:$R$366,ROW(INDEX(Jesper!AL$2:AL$366,ROUNDDOWN($C8525/24,0)+1,1))-1)+IF('Standard Profiles'!$G$22=$B$10,7,0)+IF('Standard Profiles'!$G$22=$B$17,14,0)+IF('Standard Profiles'!$G$22=$B$24,21,0),0)),0)</f>
        <v>0</v>
      </c>
      <c r="I8525">
        <f t="shared" si="944"/>
        <v>0.40215678081688633</v>
      </c>
      <c r="J8525">
        <f t="shared" si="945"/>
        <v>1.3405226027229546</v>
      </c>
      <c r="K8525">
        <f t="shared" si="946"/>
        <v>2.0107839040844318</v>
      </c>
      <c r="L8525">
        <f t="shared" si="947"/>
        <v>9.6517627396052728</v>
      </c>
      <c r="M8525">
        <f t="shared" si="948"/>
        <v>0</v>
      </c>
      <c r="N8525" s="46">
        <f t="shared" si="949"/>
        <v>45645.791666646073</v>
      </c>
    </row>
    <row r="8526" spans="2:14" x14ac:dyDescent="0.3">
      <c r="B8526">
        <f t="shared" si="943"/>
        <v>4</v>
      </c>
      <c r="C8526" s="16">
        <v>8492</v>
      </c>
      <c r="D8526" cm="1">
        <f t="array" ref="D8526">IFERROR(INDEX(Jesper!AH$2:AH$366,ROUNDDOWN($C8526/24,0)+1,1)*INDEX($D$3:$AA$30,INDEX(Jesper!$R$2:$R$366,ROW(INDEX(Jesper!AH$2:AH$366,ROUNDDOWN($C8526/24,0)+1,1))-1)+IF('Standard Profiles'!$G$18=$B$10,7,0)+IF('Standard Profiles'!$G$18=$B$17,14,0)+IF('Standard Profiles'!$G$18=$B$24,21,0),MOD($C8526,24)+1)/SUM(INDEX($D$3:$AA$30,INDEX(Jesper!$R$2:$R$366,ROW(INDEX(Jesper!AH$2:AH$366,ROUNDDOWN($C8526/24,0)+1,1))-1)+IF('Standard Profiles'!$G$18=$B$10,7,0)+IF('Standard Profiles'!$G$18=$B$17,14,0)+IF('Standard Profiles'!$G$18=$B$24,21,0),0)),0)</f>
        <v>10.724180821783637</v>
      </c>
      <c r="E8526" cm="1">
        <f t="array" ref="E8526">IFERROR(INDEX(Jesper!AI$2:AI$366,ROUNDDOWN($C8526/24,0)+1,1)*INDEX($D$3:$AA$30,INDEX(Jesper!$R$2:$R$366,ROW(INDEX(Jesper!AI$2:AI$366,ROUNDDOWN($C8526/24,0)+1,1))-1)+IF('Standard Profiles'!$G$19=$B$10,7,0)+IF('Standard Profiles'!$G$19=$B$17,14,0)+IF('Standard Profiles'!$G$19=$B$24,21,0),MOD($C8526,24)+1)/SUM(INDEX($D$3:$AA$30,INDEX(Jesper!$R$2:$R$366,ROW(INDEX(Jesper!AI$2:AI$366,ROUNDDOWN($C8526/24,0)+1,1))-1)+IF('Standard Profiles'!$G$19=$B$10,7,0)+IF('Standard Profiles'!$G$19=$B$17,14,0)+IF('Standard Profiles'!$G$19=$B$24,21,0),0)),0)</f>
        <v>0</v>
      </c>
      <c r="F8526" cm="1">
        <f t="array" ref="F8526">IFERROR(INDEX(Jesper!AJ$2:AJ$366,ROUNDDOWN($C8526/24,0)+1,1)*INDEX($D$3:$AA$30,INDEX(Jesper!$R$2:$R$366,ROW(INDEX(Jesper!AJ$2:AJ$366,ROUNDDOWN($C8526/24,0)+1,1))-1)+IF('Standard Profiles'!$G$20=$B$10,7,0)+IF('Standard Profiles'!$G$20=$B$17,14,0)+IF('Standard Profiles'!$G$20=$B$24,21,0),MOD($C8526,24)+1)/SUM(INDEX($D$3:$AA$30,INDEX(Jesper!$R$2:$R$366,ROW(INDEX(Jesper!AJ$2:AJ$366,ROUNDDOWN($C8526/24,0)+1,1))-1)+IF('Standard Profiles'!$G$20=$B$10,7,0)+IF('Standard Profiles'!$G$20=$B$17,14,0)+IF('Standard Profiles'!$G$20=$B$24,21,0),0)),0)</f>
        <v>0</v>
      </c>
      <c r="G8526" cm="1">
        <f t="array" ref="G8526">IFERROR(INDEX(Jesper!AK$2:AK$366,ROUNDDOWN($C8526/24,0)+1,1)*INDEX($D$3:$AA$30,INDEX(Jesper!$R$2:$R$366,ROW(INDEX(Jesper!AK$2:AK$366,ROUNDDOWN($C8526/24,0)+1,1))-1)+IF('Standard Profiles'!$G$21=$B$10,7,0)+IF('Standard Profiles'!$G$21=$B$17,14,0)+IF('Standard Profiles'!$G$21=$B$24,21,0),MOD($C8526,24)+1)/SUM(INDEX($D$3:$AA$30,INDEX(Jesper!$R$2:$R$366,ROW(INDEX(Jesper!AK$2:AK$366,ROUNDDOWN($C8526/24,0)+1,1))-1)+IF('Standard Profiles'!$G$21=$B$10,7,0)+IF('Standard Profiles'!$G$21=$B$17,14,0)+IF('Standard Profiles'!$G$21=$B$24,21,0),0)),0)</f>
        <v>0</v>
      </c>
      <c r="H8526" cm="1">
        <f t="array" ref="H8526">IFERROR(INDEX(Jesper!AL$2:AL$366,ROUNDDOWN($C8526/24,0)+1,1)*INDEX($D$3:$AA$30,INDEX(Jesper!$R$2:$R$366,ROW(INDEX(Jesper!AL$2:AL$366,ROUNDDOWN($C8526/24,0)+1,1))-1)+IF('Standard Profiles'!$G$22=$B$10,7,0)+IF('Standard Profiles'!$G$22=$B$17,14,0)+IF('Standard Profiles'!$G$22=$B$24,21,0),MOD($C8526,24)+1)/SUM(INDEX($D$3:$AA$30,INDEX(Jesper!$R$2:$R$366,ROW(INDEX(Jesper!AL$2:AL$366,ROUNDDOWN($C8526/24,0)+1,1))-1)+IF('Standard Profiles'!$G$22=$B$10,7,0)+IF('Standard Profiles'!$G$22=$B$17,14,0)+IF('Standard Profiles'!$G$22=$B$24,21,0),0)),0)</f>
        <v>0</v>
      </c>
      <c r="I8526">
        <f t="shared" si="944"/>
        <v>0.32172542465350912</v>
      </c>
      <c r="J8526">
        <f t="shared" si="945"/>
        <v>1.0724180821783638</v>
      </c>
      <c r="K8526">
        <f t="shared" si="946"/>
        <v>1.6086271232675455</v>
      </c>
      <c r="L8526">
        <f t="shared" si="947"/>
        <v>7.7214101916842184</v>
      </c>
      <c r="M8526">
        <f t="shared" si="948"/>
        <v>0</v>
      </c>
      <c r="N8526" s="46">
        <f t="shared" si="949"/>
        <v>45645.833333312738</v>
      </c>
    </row>
    <row r="8527" spans="2:14" x14ac:dyDescent="0.3">
      <c r="B8527">
        <f t="shared" si="943"/>
        <v>4</v>
      </c>
      <c r="C8527" s="16">
        <v>8493</v>
      </c>
      <c r="D8527" cm="1">
        <f t="array" ref="D8527">IFERROR(INDEX(Jesper!AH$2:AH$366,ROUNDDOWN($C8527/24,0)+1,1)*INDEX($D$3:$AA$30,INDEX(Jesper!$R$2:$R$366,ROW(INDEX(Jesper!AH$2:AH$366,ROUNDDOWN($C8527/24,0)+1,1))-1)+IF('Standard Profiles'!$G$18=$B$10,7,0)+IF('Standard Profiles'!$G$18=$B$17,14,0)+IF('Standard Profiles'!$G$18=$B$24,21,0),MOD($C8527,24)+1)/SUM(INDEX($D$3:$AA$30,INDEX(Jesper!$R$2:$R$366,ROW(INDEX(Jesper!AH$2:AH$366,ROUNDDOWN($C8527/24,0)+1,1))-1)+IF('Standard Profiles'!$G$18=$B$10,7,0)+IF('Standard Profiles'!$G$18=$B$17,14,0)+IF('Standard Profiles'!$G$18=$B$24,21,0),0)),0)</f>
        <v>8.043135616337727</v>
      </c>
      <c r="E8527" cm="1">
        <f t="array" ref="E8527">IFERROR(INDEX(Jesper!AI$2:AI$366,ROUNDDOWN($C8527/24,0)+1,1)*INDEX($D$3:$AA$30,INDEX(Jesper!$R$2:$R$366,ROW(INDEX(Jesper!AI$2:AI$366,ROUNDDOWN($C8527/24,0)+1,1))-1)+IF('Standard Profiles'!$G$19=$B$10,7,0)+IF('Standard Profiles'!$G$19=$B$17,14,0)+IF('Standard Profiles'!$G$19=$B$24,21,0),MOD($C8527,24)+1)/SUM(INDEX($D$3:$AA$30,INDEX(Jesper!$R$2:$R$366,ROW(INDEX(Jesper!AI$2:AI$366,ROUNDDOWN($C8527/24,0)+1,1))-1)+IF('Standard Profiles'!$G$19=$B$10,7,0)+IF('Standard Profiles'!$G$19=$B$17,14,0)+IF('Standard Profiles'!$G$19=$B$24,21,0),0)),0)</f>
        <v>0</v>
      </c>
      <c r="F8527" cm="1">
        <f t="array" ref="F8527">IFERROR(INDEX(Jesper!AJ$2:AJ$366,ROUNDDOWN($C8527/24,0)+1,1)*INDEX($D$3:$AA$30,INDEX(Jesper!$R$2:$R$366,ROW(INDEX(Jesper!AJ$2:AJ$366,ROUNDDOWN($C8527/24,0)+1,1))-1)+IF('Standard Profiles'!$G$20=$B$10,7,0)+IF('Standard Profiles'!$G$20=$B$17,14,0)+IF('Standard Profiles'!$G$20=$B$24,21,0),MOD($C8527,24)+1)/SUM(INDEX($D$3:$AA$30,INDEX(Jesper!$R$2:$R$366,ROW(INDEX(Jesper!AJ$2:AJ$366,ROUNDDOWN($C8527/24,0)+1,1))-1)+IF('Standard Profiles'!$G$20=$B$10,7,0)+IF('Standard Profiles'!$G$20=$B$17,14,0)+IF('Standard Profiles'!$G$20=$B$24,21,0),0)),0)</f>
        <v>0</v>
      </c>
      <c r="G8527" cm="1">
        <f t="array" ref="G8527">IFERROR(INDEX(Jesper!AK$2:AK$366,ROUNDDOWN($C8527/24,0)+1,1)*INDEX($D$3:$AA$30,INDEX(Jesper!$R$2:$R$366,ROW(INDEX(Jesper!AK$2:AK$366,ROUNDDOWN($C8527/24,0)+1,1))-1)+IF('Standard Profiles'!$G$21=$B$10,7,0)+IF('Standard Profiles'!$G$21=$B$17,14,0)+IF('Standard Profiles'!$G$21=$B$24,21,0),MOD($C8527,24)+1)/SUM(INDEX($D$3:$AA$30,INDEX(Jesper!$R$2:$R$366,ROW(INDEX(Jesper!AK$2:AK$366,ROUNDDOWN($C8527/24,0)+1,1))-1)+IF('Standard Profiles'!$G$21=$B$10,7,0)+IF('Standard Profiles'!$G$21=$B$17,14,0)+IF('Standard Profiles'!$G$21=$B$24,21,0),0)),0)</f>
        <v>0</v>
      </c>
      <c r="H8527" cm="1">
        <f t="array" ref="H8527">IFERROR(INDEX(Jesper!AL$2:AL$366,ROUNDDOWN($C8527/24,0)+1,1)*INDEX($D$3:$AA$30,INDEX(Jesper!$R$2:$R$366,ROW(INDEX(Jesper!AL$2:AL$366,ROUNDDOWN($C8527/24,0)+1,1))-1)+IF('Standard Profiles'!$G$22=$B$10,7,0)+IF('Standard Profiles'!$G$22=$B$17,14,0)+IF('Standard Profiles'!$G$22=$B$24,21,0),MOD($C8527,24)+1)/SUM(INDEX($D$3:$AA$30,INDEX(Jesper!$R$2:$R$366,ROW(INDEX(Jesper!AL$2:AL$366,ROUNDDOWN($C8527/24,0)+1,1))-1)+IF('Standard Profiles'!$G$22=$B$10,7,0)+IF('Standard Profiles'!$G$22=$B$17,14,0)+IF('Standard Profiles'!$G$22=$B$24,21,0),0)),0)</f>
        <v>0</v>
      </c>
      <c r="I8527">
        <f t="shared" si="944"/>
        <v>0.2412940684901318</v>
      </c>
      <c r="J8527">
        <f t="shared" si="945"/>
        <v>0.80431356163377277</v>
      </c>
      <c r="K8527">
        <f t="shared" si="946"/>
        <v>1.2064703424506591</v>
      </c>
      <c r="L8527">
        <f t="shared" si="947"/>
        <v>5.7910576437631631</v>
      </c>
      <c r="M8527">
        <f t="shared" si="948"/>
        <v>0</v>
      </c>
      <c r="N8527" s="46">
        <f t="shared" si="949"/>
        <v>45645.874999979402</v>
      </c>
    </row>
    <row r="8528" spans="2:14" x14ac:dyDescent="0.3">
      <c r="B8528">
        <f t="shared" si="943"/>
        <v>4</v>
      </c>
      <c r="C8528" s="16">
        <v>8494</v>
      </c>
      <c r="D8528" cm="1">
        <f t="array" ref="D8528">IFERROR(INDEX(Jesper!AH$2:AH$366,ROUNDDOWN($C8528/24,0)+1,1)*INDEX($D$3:$AA$30,INDEX(Jesper!$R$2:$R$366,ROW(INDEX(Jesper!AH$2:AH$366,ROUNDDOWN($C8528/24,0)+1,1))-1)+IF('Standard Profiles'!$G$18=$B$10,7,0)+IF('Standard Profiles'!$G$18=$B$17,14,0)+IF('Standard Profiles'!$G$18=$B$24,21,0),MOD($C8528,24)+1)/SUM(INDEX($D$3:$AA$30,INDEX(Jesper!$R$2:$R$366,ROW(INDEX(Jesper!AH$2:AH$366,ROUNDDOWN($C8528/24,0)+1,1))-1)+IF('Standard Profiles'!$G$18=$B$10,7,0)+IF('Standard Profiles'!$G$18=$B$17,14,0)+IF('Standard Profiles'!$G$18=$B$24,21,0),0)),0)</f>
        <v>8.043135616337727</v>
      </c>
      <c r="E8528" cm="1">
        <f t="array" ref="E8528">IFERROR(INDEX(Jesper!AI$2:AI$366,ROUNDDOWN($C8528/24,0)+1,1)*INDEX($D$3:$AA$30,INDEX(Jesper!$R$2:$R$366,ROW(INDEX(Jesper!AI$2:AI$366,ROUNDDOWN($C8528/24,0)+1,1))-1)+IF('Standard Profiles'!$G$19=$B$10,7,0)+IF('Standard Profiles'!$G$19=$B$17,14,0)+IF('Standard Profiles'!$G$19=$B$24,21,0),MOD($C8528,24)+1)/SUM(INDEX($D$3:$AA$30,INDEX(Jesper!$R$2:$R$366,ROW(INDEX(Jesper!AI$2:AI$366,ROUNDDOWN($C8528/24,0)+1,1))-1)+IF('Standard Profiles'!$G$19=$B$10,7,0)+IF('Standard Profiles'!$G$19=$B$17,14,0)+IF('Standard Profiles'!$G$19=$B$24,21,0),0)),0)</f>
        <v>0</v>
      </c>
      <c r="F8528" cm="1">
        <f t="array" ref="F8528">IFERROR(INDEX(Jesper!AJ$2:AJ$366,ROUNDDOWN($C8528/24,0)+1,1)*INDEX($D$3:$AA$30,INDEX(Jesper!$R$2:$R$366,ROW(INDEX(Jesper!AJ$2:AJ$366,ROUNDDOWN($C8528/24,0)+1,1))-1)+IF('Standard Profiles'!$G$20=$B$10,7,0)+IF('Standard Profiles'!$G$20=$B$17,14,0)+IF('Standard Profiles'!$G$20=$B$24,21,0),MOD($C8528,24)+1)/SUM(INDEX($D$3:$AA$30,INDEX(Jesper!$R$2:$R$366,ROW(INDEX(Jesper!AJ$2:AJ$366,ROUNDDOWN($C8528/24,0)+1,1))-1)+IF('Standard Profiles'!$G$20=$B$10,7,0)+IF('Standard Profiles'!$G$20=$B$17,14,0)+IF('Standard Profiles'!$G$20=$B$24,21,0),0)),0)</f>
        <v>0</v>
      </c>
      <c r="G8528" cm="1">
        <f t="array" ref="G8528">IFERROR(INDEX(Jesper!AK$2:AK$366,ROUNDDOWN($C8528/24,0)+1,1)*INDEX($D$3:$AA$30,INDEX(Jesper!$R$2:$R$366,ROW(INDEX(Jesper!AK$2:AK$366,ROUNDDOWN($C8528/24,0)+1,1))-1)+IF('Standard Profiles'!$G$21=$B$10,7,0)+IF('Standard Profiles'!$G$21=$B$17,14,0)+IF('Standard Profiles'!$G$21=$B$24,21,0),MOD($C8528,24)+1)/SUM(INDEX($D$3:$AA$30,INDEX(Jesper!$R$2:$R$366,ROW(INDEX(Jesper!AK$2:AK$366,ROUNDDOWN($C8528/24,0)+1,1))-1)+IF('Standard Profiles'!$G$21=$B$10,7,0)+IF('Standard Profiles'!$G$21=$B$17,14,0)+IF('Standard Profiles'!$G$21=$B$24,21,0),0)),0)</f>
        <v>0</v>
      </c>
      <c r="H8528" cm="1">
        <f t="array" ref="H8528">IFERROR(INDEX(Jesper!AL$2:AL$366,ROUNDDOWN($C8528/24,0)+1,1)*INDEX($D$3:$AA$30,INDEX(Jesper!$R$2:$R$366,ROW(INDEX(Jesper!AL$2:AL$366,ROUNDDOWN($C8528/24,0)+1,1))-1)+IF('Standard Profiles'!$G$22=$B$10,7,0)+IF('Standard Profiles'!$G$22=$B$17,14,0)+IF('Standard Profiles'!$G$22=$B$24,21,0),MOD($C8528,24)+1)/SUM(INDEX($D$3:$AA$30,INDEX(Jesper!$R$2:$R$366,ROW(INDEX(Jesper!AL$2:AL$366,ROUNDDOWN($C8528/24,0)+1,1))-1)+IF('Standard Profiles'!$G$22=$B$10,7,0)+IF('Standard Profiles'!$G$22=$B$17,14,0)+IF('Standard Profiles'!$G$22=$B$24,21,0),0)),0)</f>
        <v>0</v>
      </c>
      <c r="I8528">
        <f t="shared" si="944"/>
        <v>0.2412940684901318</v>
      </c>
      <c r="J8528">
        <f t="shared" si="945"/>
        <v>0.80431356163377277</v>
      </c>
      <c r="K8528">
        <f t="shared" si="946"/>
        <v>1.2064703424506591</v>
      </c>
      <c r="L8528">
        <f t="shared" si="947"/>
        <v>5.7910576437631631</v>
      </c>
      <c r="M8528">
        <f t="shared" si="948"/>
        <v>0</v>
      </c>
      <c r="N8528" s="46">
        <f t="shared" si="949"/>
        <v>45645.916666646066</v>
      </c>
    </row>
    <row r="8529" spans="2:14" x14ac:dyDescent="0.3">
      <c r="B8529">
        <f t="shared" si="943"/>
        <v>4</v>
      </c>
      <c r="C8529" s="16">
        <v>8495</v>
      </c>
      <c r="D8529" cm="1">
        <f t="array" ref="D8529">IFERROR(INDEX(Jesper!AH$2:AH$366,ROUNDDOWN($C8529/24,0)+1,1)*INDEX($D$3:$AA$30,INDEX(Jesper!$R$2:$R$366,ROW(INDEX(Jesper!AH$2:AH$366,ROUNDDOWN($C8529/24,0)+1,1))-1)+IF('Standard Profiles'!$G$18=$B$10,7,0)+IF('Standard Profiles'!$G$18=$B$17,14,0)+IF('Standard Profiles'!$G$18=$B$24,21,0),MOD($C8529,24)+1)/SUM(INDEX($D$3:$AA$30,INDEX(Jesper!$R$2:$R$366,ROW(INDEX(Jesper!AH$2:AH$366,ROUNDDOWN($C8529/24,0)+1,1))-1)+IF('Standard Profiles'!$G$18=$B$10,7,0)+IF('Standard Profiles'!$G$18=$B$17,14,0)+IF('Standard Profiles'!$G$18=$B$24,21,0),0)),0)</f>
        <v>8.043135616337727</v>
      </c>
      <c r="E8529" cm="1">
        <f t="array" ref="E8529">IFERROR(INDEX(Jesper!AI$2:AI$366,ROUNDDOWN($C8529/24,0)+1,1)*INDEX($D$3:$AA$30,INDEX(Jesper!$R$2:$R$366,ROW(INDEX(Jesper!AI$2:AI$366,ROUNDDOWN($C8529/24,0)+1,1))-1)+IF('Standard Profiles'!$G$19=$B$10,7,0)+IF('Standard Profiles'!$G$19=$B$17,14,0)+IF('Standard Profiles'!$G$19=$B$24,21,0),MOD($C8529,24)+1)/SUM(INDEX($D$3:$AA$30,INDEX(Jesper!$R$2:$R$366,ROW(INDEX(Jesper!AI$2:AI$366,ROUNDDOWN($C8529/24,0)+1,1))-1)+IF('Standard Profiles'!$G$19=$B$10,7,0)+IF('Standard Profiles'!$G$19=$B$17,14,0)+IF('Standard Profiles'!$G$19=$B$24,21,0),0)),0)</f>
        <v>0</v>
      </c>
      <c r="F8529" cm="1">
        <f t="array" ref="F8529">IFERROR(INDEX(Jesper!AJ$2:AJ$366,ROUNDDOWN($C8529/24,0)+1,1)*INDEX($D$3:$AA$30,INDEX(Jesper!$R$2:$R$366,ROW(INDEX(Jesper!AJ$2:AJ$366,ROUNDDOWN($C8529/24,0)+1,1))-1)+IF('Standard Profiles'!$G$20=$B$10,7,0)+IF('Standard Profiles'!$G$20=$B$17,14,0)+IF('Standard Profiles'!$G$20=$B$24,21,0),MOD($C8529,24)+1)/SUM(INDEX($D$3:$AA$30,INDEX(Jesper!$R$2:$R$366,ROW(INDEX(Jesper!AJ$2:AJ$366,ROUNDDOWN($C8529/24,0)+1,1))-1)+IF('Standard Profiles'!$G$20=$B$10,7,0)+IF('Standard Profiles'!$G$20=$B$17,14,0)+IF('Standard Profiles'!$G$20=$B$24,21,0),0)),0)</f>
        <v>0</v>
      </c>
      <c r="G8529" cm="1">
        <f t="array" ref="G8529">IFERROR(INDEX(Jesper!AK$2:AK$366,ROUNDDOWN($C8529/24,0)+1,1)*INDEX($D$3:$AA$30,INDEX(Jesper!$R$2:$R$366,ROW(INDEX(Jesper!AK$2:AK$366,ROUNDDOWN($C8529/24,0)+1,1))-1)+IF('Standard Profiles'!$G$21=$B$10,7,0)+IF('Standard Profiles'!$G$21=$B$17,14,0)+IF('Standard Profiles'!$G$21=$B$24,21,0),MOD($C8529,24)+1)/SUM(INDEX($D$3:$AA$30,INDEX(Jesper!$R$2:$R$366,ROW(INDEX(Jesper!AK$2:AK$366,ROUNDDOWN($C8529/24,0)+1,1))-1)+IF('Standard Profiles'!$G$21=$B$10,7,0)+IF('Standard Profiles'!$G$21=$B$17,14,0)+IF('Standard Profiles'!$G$21=$B$24,21,0),0)),0)</f>
        <v>0</v>
      </c>
      <c r="H8529" cm="1">
        <f t="array" ref="H8529">IFERROR(INDEX(Jesper!AL$2:AL$366,ROUNDDOWN($C8529/24,0)+1,1)*INDEX($D$3:$AA$30,INDEX(Jesper!$R$2:$R$366,ROW(INDEX(Jesper!AL$2:AL$366,ROUNDDOWN($C8529/24,0)+1,1))-1)+IF('Standard Profiles'!$G$22=$B$10,7,0)+IF('Standard Profiles'!$G$22=$B$17,14,0)+IF('Standard Profiles'!$G$22=$B$24,21,0),MOD($C8529,24)+1)/SUM(INDEX($D$3:$AA$30,INDEX(Jesper!$R$2:$R$366,ROW(INDEX(Jesper!AL$2:AL$366,ROUNDDOWN($C8529/24,0)+1,1))-1)+IF('Standard Profiles'!$G$22=$B$10,7,0)+IF('Standard Profiles'!$G$22=$B$17,14,0)+IF('Standard Profiles'!$G$22=$B$24,21,0),0)),0)</f>
        <v>0</v>
      </c>
      <c r="I8529">
        <f t="shared" si="944"/>
        <v>0.2412940684901318</v>
      </c>
      <c r="J8529">
        <f t="shared" si="945"/>
        <v>0.80431356163377277</v>
      </c>
      <c r="K8529">
        <f t="shared" si="946"/>
        <v>1.2064703424506591</v>
      </c>
      <c r="L8529">
        <f t="shared" si="947"/>
        <v>5.7910576437631631</v>
      </c>
      <c r="M8529">
        <f t="shared" si="948"/>
        <v>0</v>
      </c>
      <c r="N8529" s="46">
        <f t="shared" si="949"/>
        <v>45645.95833331273</v>
      </c>
    </row>
    <row r="8530" spans="2:14" x14ac:dyDescent="0.3">
      <c r="B8530">
        <f t="shared" si="943"/>
        <v>5</v>
      </c>
      <c r="C8530" s="16">
        <v>8496</v>
      </c>
      <c r="D8530" cm="1">
        <f t="array" ref="D8530">IFERROR(INDEX(Jesper!AH$2:AH$366,ROUNDDOWN($C8530/24,0)+1,1)*INDEX($D$3:$AA$30,INDEX(Jesper!$R$2:$R$366,ROW(INDEX(Jesper!AH$2:AH$366,ROUNDDOWN($C8530/24,0)+1,1))-1)+IF('Standard Profiles'!$G$18=$B$10,7,0)+IF('Standard Profiles'!$G$18=$B$17,14,0)+IF('Standard Profiles'!$G$18=$B$24,21,0),MOD($C8530,24)+1)/SUM(INDEX($D$3:$AA$30,INDEX(Jesper!$R$2:$R$366,ROW(INDEX(Jesper!AH$2:AH$366,ROUNDDOWN($C8530/24,0)+1,1))-1)+IF('Standard Profiles'!$G$18=$B$10,7,0)+IF('Standard Profiles'!$G$18=$B$17,14,0)+IF('Standard Profiles'!$G$18=$B$24,21,0),0)),0)</f>
        <v>8.9307441094605302</v>
      </c>
      <c r="E8530" cm="1">
        <f t="array" ref="E8530">IFERROR(INDEX(Jesper!AI$2:AI$366,ROUNDDOWN($C8530/24,0)+1,1)*INDEX($D$3:$AA$30,INDEX(Jesper!$R$2:$R$366,ROW(INDEX(Jesper!AI$2:AI$366,ROUNDDOWN($C8530/24,0)+1,1))-1)+IF('Standard Profiles'!$G$19=$B$10,7,0)+IF('Standard Profiles'!$G$19=$B$17,14,0)+IF('Standard Profiles'!$G$19=$B$24,21,0),MOD($C8530,24)+1)/SUM(INDEX($D$3:$AA$30,INDEX(Jesper!$R$2:$R$366,ROW(INDEX(Jesper!AI$2:AI$366,ROUNDDOWN($C8530/24,0)+1,1))-1)+IF('Standard Profiles'!$G$19=$B$10,7,0)+IF('Standard Profiles'!$G$19=$B$17,14,0)+IF('Standard Profiles'!$G$19=$B$24,21,0),0)),0)</f>
        <v>0</v>
      </c>
      <c r="F8530" cm="1">
        <f t="array" ref="F8530">IFERROR(INDEX(Jesper!AJ$2:AJ$366,ROUNDDOWN($C8530/24,0)+1,1)*INDEX($D$3:$AA$30,INDEX(Jesper!$R$2:$R$366,ROW(INDEX(Jesper!AJ$2:AJ$366,ROUNDDOWN($C8530/24,0)+1,1))-1)+IF('Standard Profiles'!$G$20=$B$10,7,0)+IF('Standard Profiles'!$G$20=$B$17,14,0)+IF('Standard Profiles'!$G$20=$B$24,21,0),MOD($C8530,24)+1)/SUM(INDEX($D$3:$AA$30,INDEX(Jesper!$R$2:$R$366,ROW(INDEX(Jesper!AJ$2:AJ$366,ROUNDDOWN($C8530/24,0)+1,1))-1)+IF('Standard Profiles'!$G$20=$B$10,7,0)+IF('Standard Profiles'!$G$20=$B$17,14,0)+IF('Standard Profiles'!$G$20=$B$24,21,0),0)),0)</f>
        <v>0</v>
      </c>
      <c r="G8530" cm="1">
        <f t="array" ref="G8530">IFERROR(INDEX(Jesper!AK$2:AK$366,ROUNDDOWN($C8530/24,0)+1,1)*INDEX($D$3:$AA$30,INDEX(Jesper!$R$2:$R$366,ROW(INDEX(Jesper!AK$2:AK$366,ROUNDDOWN($C8530/24,0)+1,1))-1)+IF('Standard Profiles'!$G$21=$B$10,7,0)+IF('Standard Profiles'!$G$21=$B$17,14,0)+IF('Standard Profiles'!$G$21=$B$24,21,0),MOD($C8530,24)+1)/SUM(INDEX($D$3:$AA$30,INDEX(Jesper!$R$2:$R$366,ROW(INDEX(Jesper!AK$2:AK$366,ROUNDDOWN($C8530/24,0)+1,1))-1)+IF('Standard Profiles'!$G$21=$B$10,7,0)+IF('Standard Profiles'!$G$21=$B$17,14,0)+IF('Standard Profiles'!$G$21=$B$24,21,0),0)),0)</f>
        <v>0</v>
      </c>
      <c r="H8530" cm="1">
        <f t="array" ref="H8530">IFERROR(INDEX(Jesper!AL$2:AL$366,ROUNDDOWN($C8530/24,0)+1,1)*INDEX($D$3:$AA$30,INDEX(Jesper!$R$2:$R$366,ROW(INDEX(Jesper!AL$2:AL$366,ROUNDDOWN($C8530/24,0)+1,1))-1)+IF('Standard Profiles'!$G$22=$B$10,7,0)+IF('Standard Profiles'!$G$22=$B$17,14,0)+IF('Standard Profiles'!$G$22=$B$24,21,0),MOD($C8530,24)+1)/SUM(INDEX($D$3:$AA$30,INDEX(Jesper!$R$2:$R$366,ROW(INDEX(Jesper!AL$2:AL$366,ROUNDDOWN($C8530/24,0)+1,1))-1)+IF('Standard Profiles'!$G$22=$B$10,7,0)+IF('Standard Profiles'!$G$22=$B$17,14,0)+IF('Standard Profiles'!$G$22=$B$24,21,0),0)),0)</f>
        <v>0</v>
      </c>
      <c r="I8530">
        <f t="shared" si="944"/>
        <v>0.26792232328381588</v>
      </c>
      <c r="J8530">
        <f t="shared" si="945"/>
        <v>0.89307441094605311</v>
      </c>
      <c r="K8530">
        <f t="shared" si="946"/>
        <v>1.3396116164190794</v>
      </c>
      <c r="L8530">
        <f t="shared" si="947"/>
        <v>6.4301357588115815</v>
      </c>
      <c r="M8530">
        <f t="shared" si="948"/>
        <v>0</v>
      </c>
      <c r="N8530" s="46">
        <f t="shared" si="949"/>
        <v>45645.999999979394</v>
      </c>
    </row>
    <row r="8531" spans="2:14" x14ac:dyDescent="0.3">
      <c r="B8531">
        <f t="shared" si="943"/>
        <v>5</v>
      </c>
      <c r="C8531" s="16">
        <v>8497</v>
      </c>
      <c r="D8531" cm="1">
        <f t="array" ref="D8531">IFERROR(INDEX(Jesper!AH$2:AH$366,ROUNDDOWN($C8531/24,0)+1,1)*INDEX($D$3:$AA$30,INDEX(Jesper!$R$2:$R$366,ROW(INDEX(Jesper!AH$2:AH$366,ROUNDDOWN($C8531/24,0)+1,1))-1)+IF('Standard Profiles'!$G$18=$B$10,7,0)+IF('Standard Profiles'!$G$18=$B$17,14,0)+IF('Standard Profiles'!$G$18=$B$24,21,0),MOD($C8531,24)+1)/SUM(INDEX($D$3:$AA$30,INDEX(Jesper!$R$2:$R$366,ROW(INDEX(Jesper!AH$2:AH$366,ROUNDDOWN($C8531/24,0)+1,1))-1)+IF('Standard Profiles'!$G$18=$B$10,7,0)+IF('Standard Profiles'!$G$18=$B$17,14,0)+IF('Standard Profiles'!$G$18=$B$24,21,0),0)),0)</f>
        <v>8.9307441094605302</v>
      </c>
      <c r="E8531" cm="1">
        <f t="array" ref="E8531">IFERROR(INDEX(Jesper!AI$2:AI$366,ROUNDDOWN($C8531/24,0)+1,1)*INDEX($D$3:$AA$30,INDEX(Jesper!$R$2:$R$366,ROW(INDEX(Jesper!AI$2:AI$366,ROUNDDOWN($C8531/24,0)+1,1))-1)+IF('Standard Profiles'!$G$19=$B$10,7,0)+IF('Standard Profiles'!$G$19=$B$17,14,0)+IF('Standard Profiles'!$G$19=$B$24,21,0),MOD($C8531,24)+1)/SUM(INDEX($D$3:$AA$30,INDEX(Jesper!$R$2:$R$366,ROW(INDEX(Jesper!AI$2:AI$366,ROUNDDOWN($C8531/24,0)+1,1))-1)+IF('Standard Profiles'!$G$19=$B$10,7,0)+IF('Standard Profiles'!$G$19=$B$17,14,0)+IF('Standard Profiles'!$G$19=$B$24,21,0),0)),0)</f>
        <v>0</v>
      </c>
      <c r="F8531" cm="1">
        <f t="array" ref="F8531">IFERROR(INDEX(Jesper!AJ$2:AJ$366,ROUNDDOWN($C8531/24,0)+1,1)*INDEX($D$3:$AA$30,INDEX(Jesper!$R$2:$R$366,ROW(INDEX(Jesper!AJ$2:AJ$366,ROUNDDOWN($C8531/24,0)+1,1))-1)+IF('Standard Profiles'!$G$20=$B$10,7,0)+IF('Standard Profiles'!$G$20=$B$17,14,0)+IF('Standard Profiles'!$G$20=$B$24,21,0),MOD($C8531,24)+1)/SUM(INDEX($D$3:$AA$30,INDEX(Jesper!$R$2:$R$366,ROW(INDEX(Jesper!AJ$2:AJ$366,ROUNDDOWN($C8531/24,0)+1,1))-1)+IF('Standard Profiles'!$G$20=$B$10,7,0)+IF('Standard Profiles'!$G$20=$B$17,14,0)+IF('Standard Profiles'!$G$20=$B$24,21,0),0)),0)</f>
        <v>0</v>
      </c>
      <c r="G8531" cm="1">
        <f t="array" ref="G8531">IFERROR(INDEX(Jesper!AK$2:AK$366,ROUNDDOWN($C8531/24,0)+1,1)*INDEX($D$3:$AA$30,INDEX(Jesper!$R$2:$R$366,ROW(INDEX(Jesper!AK$2:AK$366,ROUNDDOWN($C8531/24,0)+1,1))-1)+IF('Standard Profiles'!$G$21=$B$10,7,0)+IF('Standard Profiles'!$G$21=$B$17,14,0)+IF('Standard Profiles'!$G$21=$B$24,21,0),MOD($C8531,24)+1)/SUM(INDEX($D$3:$AA$30,INDEX(Jesper!$R$2:$R$366,ROW(INDEX(Jesper!AK$2:AK$366,ROUNDDOWN($C8531/24,0)+1,1))-1)+IF('Standard Profiles'!$G$21=$B$10,7,0)+IF('Standard Profiles'!$G$21=$B$17,14,0)+IF('Standard Profiles'!$G$21=$B$24,21,0),0)),0)</f>
        <v>0</v>
      </c>
      <c r="H8531" cm="1">
        <f t="array" ref="H8531">IFERROR(INDEX(Jesper!AL$2:AL$366,ROUNDDOWN($C8531/24,0)+1,1)*INDEX($D$3:$AA$30,INDEX(Jesper!$R$2:$R$366,ROW(INDEX(Jesper!AL$2:AL$366,ROUNDDOWN($C8531/24,0)+1,1))-1)+IF('Standard Profiles'!$G$22=$B$10,7,0)+IF('Standard Profiles'!$G$22=$B$17,14,0)+IF('Standard Profiles'!$G$22=$B$24,21,0),MOD($C8531,24)+1)/SUM(INDEX($D$3:$AA$30,INDEX(Jesper!$R$2:$R$366,ROW(INDEX(Jesper!AL$2:AL$366,ROUNDDOWN($C8531/24,0)+1,1))-1)+IF('Standard Profiles'!$G$22=$B$10,7,0)+IF('Standard Profiles'!$G$22=$B$17,14,0)+IF('Standard Profiles'!$G$22=$B$24,21,0),0)),0)</f>
        <v>0</v>
      </c>
      <c r="I8531">
        <f t="shared" si="944"/>
        <v>0.26792232328381588</v>
      </c>
      <c r="J8531">
        <f t="shared" si="945"/>
        <v>0.89307441094605311</v>
      </c>
      <c r="K8531">
        <f t="shared" si="946"/>
        <v>1.3396116164190794</v>
      </c>
      <c r="L8531">
        <f t="shared" si="947"/>
        <v>6.4301357588115815</v>
      </c>
      <c r="M8531">
        <f t="shared" si="948"/>
        <v>0</v>
      </c>
      <c r="N8531" s="46">
        <f t="shared" si="949"/>
        <v>45646.041666646059</v>
      </c>
    </row>
    <row r="8532" spans="2:14" x14ac:dyDescent="0.3">
      <c r="B8532">
        <f t="shared" si="943"/>
        <v>5</v>
      </c>
      <c r="C8532" s="16">
        <v>8498</v>
      </c>
      <c r="D8532" cm="1">
        <f t="array" ref="D8532">IFERROR(INDEX(Jesper!AH$2:AH$366,ROUNDDOWN($C8532/24,0)+1,1)*INDEX($D$3:$AA$30,INDEX(Jesper!$R$2:$R$366,ROW(INDEX(Jesper!AH$2:AH$366,ROUNDDOWN($C8532/24,0)+1,1))-1)+IF('Standard Profiles'!$G$18=$B$10,7,0)+IF('Standard Profiles'!$G$18=$B$17,14,0)+IF('Standard Profiles'!$G$18=$B$24,21,0),MOD($C8532,24)+1)/SUM(INDEX($D$3:$AA$30,INDEX(Jesper!$R$2:$R$366,ROW(INDEX(Jesper!AH$2:AH$366,ROUNDDOWN($C8532/24,0)+1,1))-1)+IF('Standard Profiles'!$G$18=$B$10,7,0)+IF('Standard Profiles'!$G$18=$B$17,14,0)+IF('Standard Profiles'!$G$18=$B$24,21,0),0)),0)</f>
        <v>8.9307441094605302</v>
      </c>
      <c r="E8532" cm="1">
        <f t="array" ref="E8532">IFERROR(INDEX(Jesper!AI$2:AI$366,ROUNDDOWN($C8532/24,0)+1,1)*INDEX($D$3:$AA$30,INDEX(Jesper!$R$2:$R$366,ROW(INDEX(Jesper!AI$2:AI$366,ROUNDDOWN($C8532/24,0)+1,1))-1)+IF('Standard Profiles'!$G$19=$B$10,7,0)+IF('Standard Profiles'!$G$19=$B$17,14,0)+IF('Standard Profiles'!$G$19=$B$24,21,0),MOD($C8532,24)+1)/SUM(INDEX($D$3:$AA$30,INDEX(Jesper!$R$2:$R$366,ROW(INDEX(Jesper!AI$2:AI$366,ROUNDDOWN($C8532/24,0)+1,1))-1)+IF('Standard Profiles'!$G$19=$B$10,7,0)+IF('Standard Profiles'!$G$19=$B$17,14,0)+IF('Standard Profiles'!$G$19=$B$24,21,0),0)),0)</f>
        <v>0</v>
      </c>
      <c r="F8532" cm="1">
        <f t="array" ref="F8532">IFERROR(INDEX(Jesper!AJ$2:AJ$366,ROUNDDOWN($C8532/24,0)+1,1)*INDEX($D$3:$AA$30,INDEX(Jesper!$R$2:$R$366,ROW(INDEX(Jesper!AJ$2:AJ$366,ROUNDDOWN($C8532/24,0)+1,1))-1)+IF('Standard Profiles'!$G$20=$B$10,7,0)+IF('Standard Profiles'!$G$20=$B$17,14,0)+IF('Standard Profiles'!$G$20=$B$24,21,0),MOD($C8532,24)+1)/SUM(INDEX($D$3:$AA$30,INDEX(Jesper!$R$2:$R$366,ROW(INDEX(Jesper!AJ$2:AJ$366,ROUNDDOWN($C8532/24,0)+1,1))-1)+IF('Standard Profiles'!$G$20=$B$10,7,0)+IF('Standard Profiles'!$G$20=$B$17,14,0)+IF('Standard Profiles'!$G$20=$B$24,21,0),0)),0)</f>
        <v>0</v>
      </c>
      <c r="G8532" cm="1">
        <f t="array" ref="G8532">IFERROR(INDEX(Jesper!AK$2:AK$366,ROUNDDOWN($C8532/24,0)+1,1)*INDEX($D$3:$AA$30,INDEX(Jesper!$R$2:$R$366,ROW(INDEX(Jesper!AK$2:AK$366,ROUNDDOWN($C8532/24,0)+1,1))-1)+IF('Standard Profiles'!$G$21=$B$10,7,0)+IF('Standard Profiles'!$G$21=$B$17,14,0)+IF('Standard Profiles'!$G$21=$B$24,21,0),MOD($C8532,24)+1)/SUM(INDEX($D$3:$AA$30,INDEX(Jesper!$R$2:$R$366,ROW(INDEX(Jesper!AK$2:AK$366,ROUNDDOWN($C8532/24,0)+1,1))-1)+IF('Standard Profiles'!$G$21=$B$10,7,0)+IF('Standard Profiles'!$G$21=$B$17,14,0)+IF('Standard Profiles'!$G$21=$B$24,21,0),0)),0)</f>
        <v>0</v>
      </c>
      <c r="H8532" cm="1">
        <f t="array" ref="H8532">IFERROR(INDEX(Jesper!AL$2:AL$366,ROUNDDOWN($C8532/24,0)+1,1)*INDEX($D$3:$AA$30,INDEX(Jesper!$R$2:$R$366,ROW(INDEX(Jesper!AL$2:AL$366,ROUNDDOWN($C8532/24,0)+1,1))-1)+IF('Standard Profiles'!$G$22=$B$10,7,0)+IF('Standard Profiles'!$G$22=$B$17,14,0)+IF('Standard Profiles'!$G$22=$B$24,21,0),MOD($C8532,24)+1)/SUM(INDEX($D$3:$AA$30,INDEX(Jesper!$R$2:$R$366,ROW(INDEX(Jesper!AL$2:AL$366,ROUNDDOWN($C8532/24,0)+1,1))-1)+IF('Standard Profiles'!$G$22=$B$10,7,0)+IF('Standard Profiles'!$G$22=$B$17,14,0)+IF('Standard Profiles'!$G$22=$B$24,21,0),0)),0)</f>
        <v>0</v>
      </c>
      <c r="I8532">
        <f t="shared" si="944"/>
        <v>0.26792232328381588</v>
      </c>
      <c r="J8532">
        <f t="shared" si="945"/>
        <v>0.89307441094605311</v>
      </c>
      <c r="K8532">
        <f t="shared" si="946"/>
        <v>1.3396116164190794</v>
      </c>
      <c r="L8532">
        <f t="shared" si="947"/>
        <v>6.4301357588115815</v>
      </c>
      <c r="M8532">
        <f t="shared" si="948"/>
        <v>0</v>
      </c>
      <c r="N8532" s="46">
        <f t="shared" si="949"/>
        <v>45646.083333312723</v>
      </c>
    </row>
    <row r="8533" spans="2:14" x14ac:dyDescent="0.3">
      <c r="B8533">
        <f t="shared" si="943"/>
        <v>5</v>
      </c>
      <c r="C8533" s="16">
        <v>8499</v>
      </c>
      <c r="D8533" cm="1">
        <f t="array" ref="D8533">IFERROR(INDEX(Jesper!AH$2:AH$366,ROUNDDOWN($C8533/24,0)+1,1)*INDEX($D$3:$AA$30,INDEX(Jesper!$R$2:$R$366,ROW(INDEX(Jesper!AH$2:AH$366,ROUNDDOWN($C8533/24,0)+1,1))-1)+IF('Standard Profiles'!$G$18=$B$10,7,0)+IF('Standard Profiles'!$G$18=$B$17,14,0)+IF('Standard Profiles'!$G$18=$B$24,21,0),MOD($C8533,24)+1)/SUM(INDEX($D$3:$AA$30,INDEX(Jesper!$R$2:$R$366,ROW(INDEX(Jesper!AH$2:AH$366,ROUNDDOWN($C8533/24,0)+1,1))-1)+IF('Standard Profiles'!$G$18=$B$10,7,0)+IF('Standard Profiles'!$G$18=$B$17,14,0)+IF('Standard Profiles'!$G$18=$B$24,21,0),0)),0)</f>
        <v>8.9307441094605302</v>
      </c>
      <c r="E8533" cm="1">
        <f t="array" ref="E8533">IFERROR(INDEX(Jesper!AI$2:AI$366,ROUNDDOWN($C8533/24,0)+1,1)*INDEX($D$3:$AA$30,INDEX(Jesper!$R$2:$R$366,ROW(INDEX(Jesper!AI$2:AI$366,ROUNDDOWN($C8533/24,0)+1,1))-1)+IF('Standard Profiles'!$G$19=$B$10,7,0)+IF('Standard Profiles'!$G$19=$B$17,14,0)+IF('Standard Profiles'!$G$19=$B$24,21,0),MOD($C8533,24)+1)/SUM(INDEX($D$3:$AA$30,INDEX(Jesper!$R$2:$R$366,ROW(INDEX(Jesper!AI$2:AI$366,ROUNDDOWN($C8533/24,0)+1,1))-1)+IF('Standard Profiles'!$G$19=$B$10,7,0)+IF('Standard Profiles'!$G$19=$B$17,14,0)+IF('Standard Profiles'!$G$19=$B$24,21,0),0)),0)</f>
        <v>0</v>
      </c>
      <c r="F8533" cm="1">
        <f t="array" ref="F8533">IFERROR(INDEX(Jesper!AJ$2:AJ$366,ROUNDDOWN($C8533/24,0)+1,1)*INDEX($D$3:$AA$30,INDEX(Jesper!$R$2:$R$366,ROW(INDEX(Jesper!AJ$2:AJ$366,ROUNDDOWN($C8533/24,0)+1,1))-1)+IF('Standard Profiles'!$G$20=$B$10,7,0)+IF('Standard Profiles'!$G$20=$B$17,14,0)+IF('Standard Profiles'!$G$20=$B$24,21,0),MOD($C8533,24)+1)/SUM(INDEX($D$3:$AA$30,INDEX(Jesper!$R$2:$R$366,ROW(INDEX(Jesper!AJ$2:AJ$366,ROUNDDOWN($C8533/24,0)+1,1))-1)+IF('Standard Profiles'!$G$20=$B$10,7,0)+IF('Standard Profiles'!$G$20=$B$17,14,0)+IF('Standard Profiles'!$G$20=$B$24,21,0),0)),0)</f>
        <v>0</v>
      </c>
      <c r="G8533" cm="1">
        <f t="array" ref="G8533">IFERROR(INDEX(Jesper!AK$2:AK$366,ROUNDDOWN($C8533/24,0)+1,1)*INDEX($D$3:$AA$30,INDEX(Jesper!$R$2:$R$366,ROW(INDEX(Jesper!AK$2:AK$366,ROUNDDOWN($C8533/24,0)+1,1))-1)+IF('Standard Profiles'!$G$21=$B$10,7,0)+IF('Standard Profiles'!$G$21=$B$17,14,0)+IF('Standard Profiles'!$G$21=$B$24,21,0),MOD($C8533,24)+1)/SUM(INDEX($D$3:$AA$30,INDEX(Jesper!$R$2:$R$366,ROW(INDEX(Jesper!AK$2:AK$366,ROUNDDOWN($C8533/24,0)+1,1))-1)+IF('Standard Profiles'!$G$21=$B$10,7,0)+IF('Standard Profiles'!$G$21=$B$17,14,0)+IF('Standard Profiles'!$G$21=$B$24,21,0),0)),0)</f>
        <v>0</v>
      </c>
      <c r="H8533" cm="1">
        <f t="array" ref="H8533">IFERROR(INDEX(Jesper!AL$2:AL$366,ROUNDDOWN($C8533/24,0)+1,1)*INDEX($D$3:$AA$30,INDEX(Jesper!$R$2:$R$366,ROW(INDEX(Jesper!AL$2:AL$366,ROUNDDOWN($C8533/24,0)+1,1))-1)+IF('Standard Profiles'!$G$22=$B$10,7,0)+IF('Standard Profiles'!$G$22=$B$17,14,0)+IF('Standard Profiles'!$G$22=$B$24,21,0),MOD($C8533,24)+1)/SUM(INDEX($D$3:$AA$30,INDEX(Jesper!$R$2:$R$366,ROW(INDEX(Jesper!AL$2:AL$366,ROUNDDOWN($C8533/24,0)+1,1))-1)+IF('Standard Profiles'!$G$22=$B$10,7,0)+IF('Standard Profiles'!$G$22=$B$17,14,0)+IF('Standard Profiles'!$G$22=$B$24,21,0),0)),0)</f>
        <v>0</v>
      </c>
      <c r="I8533">
        <f t="shared" si="944"/>
        <v>0.26792232328381588</v>
      </c>
      <c r="J8533">
        <f t="shared" si="945"/>
        <v>0.89307441094605311</v>
      </c>
      <c r="K8533">
        <f t="shared" si="946"/>
        <v>1.3396116164190794</v>
      </c>
      <c r="L8533">
        <f t="shared" si="947"/>
        <v>6.4301357588115815</v>
      </c>
      <c r="M8533">
        <f t="shared" si="948"/>
        <v>0</v>
      </c>
      <c r="N8533" s="46">
        <f t="shared" si="949"/>
        <v>45646.124999979387</v>
      </c>
    </row>
    <row r="8534" spans="2:14" x14ac:dyDescent="0.3">
      <c r="B8534">
        <f t="shared" si="943"/>
        <v>5</v>
      </c>
      <c r="C8534" s="16">
        <v>8500</v>
      </c>
      <c r="D8534" cm="1">
        <f t="array" ref="D8534">IFERROR(INDEX(Jesper!AH$2:AH$366,ROUNDDOWN($C8534/24,0)+1,1)*INDEX($D$3:$AA$30,INDEX(Jesper!$R$2:$R$366,ROW(INDEX(Jesper!AH$2:AH$366,ROUNDDOWN($C8534/24,0)+1,1))-1)+IF('Standard Profiles'!$G$18=$B$10,7,0)+IF('Standard Profiles'!$G$18=$B$17,14,0)+IF('Standard Profiles'!$G$18=$B$24,21,0),MOD($C8534,24)+1)/SUM(INDEX($D$3:$AA$30,INDEX(Jesper!$R$2:$R$366,ROW(INDEX(Jesper!AH$2:AH$366,ROUNDDOWN($C8534/24,0)+1,1))-1)+IF('Standard Profiles'!$G$18=$B$10,7,0)+IF('Standard Profiles'!$G$18=$B$17,14,0)+IF('Standard Profiles'!$G$18=$B$24,21,0),0)),0)</f>
        <v>8.9307441094605302</v>
      </c>
      <c r="E8534" cm="1">
        <f t="array" ref="E8534">IFERROR(INDEX(Jesper!AI$2:AI$366,ROUNDDOWN($C8534/24,0)+1,1)*INDEX($D$3:$AA$30,INDEX(Jesper!$R$2:$R$366,ROW(INDEX(Jesper!AI$2:AI$366,ROUNDDOWN($C8534/24,0)+1,1))-1)+IF('Standard Profiles'!$G$19=$B$10,7,0)+IF('Standard Profiles'!$G$19=$B$17,14,0)+IF('Standard Profiles'!$G$19=$B$24,21,0),MOD($C8534,24)+1)/SUM(INDEX($D$3:$AA$30,INDEX(Jesper!$R$2:$R$366,ROW(INDEX(Jesper!AI$2:AI$366,ROUNDDOWN($C8534/24,0)+1,1))-1)+IF('Standard Profiles'!$G$19=$B$10,7,0)+IF('Standard Profiles'!$G$19=$B$17,14,0)+IF('Standard Profiles'!$G$19=$B$24,21,0),0)),0)</f>
        <v>0</v>
      </c>
      <c r="F8534" cm="1">
        <f t="array" ref="F8534">IFERROR(INDEX(Jesper!AJ$2:AJ$366,ROUNDDOWN($C8534/24,0)+1,1)*INDEX($D$3:$AA$30,INDEX(Jesper!$R$2:$R$366,ROW(INDEX(Jesper!AJ$2:AJ$366,ROUNDDOWN($C8534/24,0)+1,1))-1)+IF('Standard Profiles'!$G$20=$B$10,7,0)+IF('Standard Profiles'!$G$20=$B$17,14,0)+IF('Standard Profiles'!$G$20=$B$24,21,0),MOD($C8534,24)+1)/SUM(INDEX($D$3:$AA$30,INDEX(Jesper!$R$2:$R$366,ROW(INDEX(Jesper!AJ$2:AJ$366,ROUNDDOWN($C8534/24,0)+1,1))-1)+IF('Standard Profiles'!$G$20=$B$10,7,0)+IF('Standard Profiles'!$G$20=$B$17,14,0)+IF('Standard Profiles'!$G$20=$B$24,21,0),0)),0)</f>
        <v>0</v>
      </c>
      <c r="G8534" cm="1">
        <f t="array" ref="G8534">IFERROR(INDEX(Jesper!AK$2:AK$366,ROUNDDOWN($C8534/24,0)+1,1)*INDEX($D$3:$AA$30,INDEX(Jesper!$R$2:$R$366,ROW(INDEX(Jesper!AK$2:AK$366,ROUNDDOWN($C8534/24,0)+1,1))-1)+IF('Standard Profiles'!$G$21=$B$10,7,0)+IF('Standard Profiles'!$G$21=$B$17,14,0)+IF('Standard Profiles'!$G$21=$B$24,21,0),MOD($C8534,24)+1)/SUM(INDEX($D$3:$AA$30,INDEX(Jesper!$R$2:$R$366,ROW(INDEX(Jesper!AK$2:AK$366,ROUNDDOWN($C8534/24,0)+1,1))-1)+IF('Standard Profiles'!$G$21=$B$10,7,0)+IF('Standard Profiles'!$G$21=$B$17,14,0)+IF('Standard Profiles'!$G$21=$B$24,21,0),0)),0)</f>
        <v>0</v>
      </c>
      <c r="H8534" cm="1">
        <f t="array" ref="H8534">IFERROR(INDEX(Jesper!AL$2:AL$366,ROUNDDOWN($C8534/24,0)+1,1)*INDEX($D$3:$AA$30,INDEX(Jesper!$R$2:$R$366,ROW(INDEX(Jesper!AL$2:AL$366,ROUNDDOWN($C8534/24,0)+1,1))-1)+IF('Standard Profiles'!$G$22=$B$10,7,0)+IF('Standard Profiles'!$G$22=$B$17,14,0)+IF('Standard Profiles'!$G$22=$B$24,21,0),MOD($C8534,24)+1)/SUM(INDEX($D$3:$AA$30,INDEX(Jesper!$R$2:$R$366,ROW(INDEX(Jesper!AL$2:AL$366,ROUNDDOWN($C8534/24,0)+1,1))-1)+IF('Standard Profiles'!$G$22=$B$10,7,0)+IF('Standard Profiles'!$G$22=$B$17,14,0)+IF('Standard Profiles'!$G$22=$B$24,21,0),0)),0)</f>
        <v>0</v>
      </c>
      <c r="I8534">
        <f t="shared" si="944"/>
        <v>0.26792232328381588</v>
      </c>
      <c r="J8534">
        <f t="shared" si="945"/>
        <v>0.89307441094605311</v>
      </c>
      <c r="K8534">
        <f t="shared" si="946"/>
        <v>1.3396116164190794</v>
      </c>
      <c r="L8534">
        <f t="shared" si="947"/>
        <v>6.4301357588115815</v>
      </c>
      <c r="M8534">
        <f t="shared" si="948"/>
        <v>0</v>
      </c>
      <c r="N8534" s="46">
        <f t="shared" si="949"/>
        <v>45646.166666646051</v>
      </c>
    </row>
    <row r="8535" spans="2:14" x14ac:dyDescent="0.3">
      <c r="B8535">
        <f t="shared" si="943"/>
        <v>5</v>
      </c>
      <c r="C8535" s="16">
        <v>8501</v>
      </c>
      <c r="D8535" cm="1">
        <f t="array" ref="D8535">IFERROR(INDEX(Jesper!AH$2:AH$366,ROUNDDOWN($C8535/24,0)+1,1)*INDEX($D$3:$AA$30,INDEX(Jesper!$R$2:$R$366,ROW(INDEX(Jesper!AH$2:AH$366,ROUNDDOWN($C8535/24,0)+1,1))-1)+IF('Standard Profiles'!$G$18=$B$10,7,0)+IF('Standard Profiles'!$G$18=$B$17,14,0)+IF('Standard Profiles'!$G$18=$B$24,21,0),MOD($C8535,24)+1)/SUM(INDEX($D$3:$AA$30,INDEX(Jesper!$R$2:$R$366,ROW(INDEX(Jesper!AH$2:AH$366,ROUNDDOWN($C8535/24,0)+1,1))-1)+IF('Standard Profiles'!$G$18=$B$10,7,0)+IF('Standard Profiles'!$G$18=$B$17,14,0)+IF('Standard Profiles'!$G$18=$B$24,21,0),0)),0)</f>
        <v>11.510736852193572</v>
      </c>
      <c r="E8535" cm="1">
        <f t="array" ref="E8535">IFERROR(INDEX(Jesper!AI$2:AI$366,ROUNDDOWN($C8535/24,0)+1,1)*INDEX($D$3:$AA$30,INDEX(Jesper!$R$2:$R$366,ROW(INDEX(Jesper!AI$2:AI$366,ROUNDDOWN($C8535/24,0)+1,1))-1)+IF('Standard Profiles'!$G$19=$B$10,7,0)+IF('Standard Profiles'!$G$19=$B$17,14,0)+IF('Standard Profiles'!$G$19=$B$24,21,0),MOD($C8535,24)+1)/SUM(INDEX($D$3:$AA$30,INDEX(Jesper!$R$2:$R$366,ROW(INDEX(Jesper!AI$2:AI$366,ROUNDDOWN($C8535/24,0)+1,1))-1)+IF('Standard Profiles'!$G$19=$B$10,7,0)+IF('Standard Profiles'!$G$19=$B$17,14,0)+IF('Standard Profiles'!$G$19=$B$24,21,0),0)),0)</f>
        <v>0</v>
      </c>
      <c r="F8535" cm="1">
        <f t="array" ref="F8535">IFERROR(INDEX(Jesper!AJ$2:AJ$366,ROUNDDOWN($C8535/24,0)+1,1)*INDEX($D$3:$AA$30,INDEX(Jesper!$R$2:$R$366,ROW(INDEX(Jesper!AJ$2:AJ$366,ROUNDDOWN($C8535/24,0)+1,1))-1)+IF('Standard Profiles'!$G$20=$B$10,7,0)+IF('Standard Profiles'!$G$20=$B$17,14,0)+IF('Standard Profiles'!$G$20=$B$24,21,0),MOD($C8535,24)+1)/SUM(INDEX($D$3:$AA$30,INDEX(Jesper!$R$2:$R$366,ROW(INDEX(Jesper!AJ$2:AJ$366,ROUNDDOWN($C8535/24,0)+1,1))-1)+IF('Standard Profiles'!$G$20=$B$10,7,0)+IF('Standard Profiles'!$G$20=$B$17,14,0)+IF('Standard Profiles'!$G$20=$B$24,21,0),0)),0)</f>
        <v>0</v>
      </c>
      <c r="G8535" cm="1">
        <f t="array" ref="G8535">IFERROR(INDEX(Jesper!AK$2:AK$366,ROUNDDOWN($C8535/24,0)+1,1)*INDEX($D$3:$AA$30,INDEX(Jesper!$R$2:$R$366,ROW(INDEX(Jesper!AK$2:AK$366,ROUNDDOWN($C8535/24,0)+1,1))-1)+IF('Standard Profiles'!$G$21=$B$10,7,0)+IF('Standard Profiles'!$G$21=$B$17,14,0)+IF('Standard Profiles'!$G$21=$B$24,21,0),MOD($C8535,24)+1)/SUM(INDEX($D$3:$AA$30,INDEX(Jesper!$R$2:$R$366,ROW(INDEX(Jesper!AK$2:AK$366,ROUNDDOWN($C8535/24,0)+1,1))-1)+IF('Standard Profiles'!$G$21=$B$10,7,0)+IF('Standard Profiles'!$G$21=$B$17,14,0)+IF('Standard Profiles'!$G$21=$B$24,21,0),0)),0)</f>
        <v>0</v>
      </c>
      <c r="H8535" cm="1">
        <f t="array" ref="H8535">IFERROR(INDEX(Jesper!AL$2:AL$366,ROUNDDOWN($C8535/24,0)+1,1)*INDEX($D$3:$AA$30,INDEX(Jesper!$R$2:$R$366,ROW(INDEX(Jesper!AL$2:AL$366,ROUNDDOWN($C8535/24,0)+1,1))-1)+IF('Standard Profiles'!$G$22=$B$10,7,0)+IF('Standard Profiles'!$G$22=$B$17,14,0)+IF('Standard Profiles'!$G$22=$B$24,21,0),MOD($C8535,24)+1)/SUM(INDEX($D$3:$AA$30,INDEX(Jesper!$R$2:$R$366,ROW(INDEX(Jesper!AL$2:AL$366,ROUNDDOWN($C8535/24,0)+1,1))-1)+IF('Standard Profiles'!$G$22=$B$10,7,0)+IF('Standard Profiles'!$G$22=$B$17,14,0)+IF('Standard Profiles'!$G$22=$B$24,21,0),0)),0)</f>
        <v>0</v>
      </c>
      <c r="I8535">
        <f t="shared" si="944"/>
        <v>0.34532210556580717</v>
      </c>
      <c r="J8535">
        <f t="shared" si="945"/>
        <v>1.1510736852193573</v>
      </c>
      <c r="K8535">
        <f t="shared" si="946"/>
        <v>1.7266105278290358</v>
      </c>
      <c r="L8535">
        <f t="shared" si="947"/>
        <v>8.2877305335793725</v>
      </c>
      <c r="M8535">
        <f t="shared" si="948"/>
        <v>0</v>
      </c>
      <c r="N8535" s="46">
        <f t="shared" si="949"/>
        <v>45646.208333312716</v>
      </c>
    </row>
    <row r="8536" spans="2:14" x14ac:dyDescent="0.3">
      <c r="B8536">
        <f t="shared" si="943"/>
        <v>5</v>
      </c>
      <c r="C8536" s="16">
        <v>8502</v>
      </c>
      <c r="D8536" cm="1">
        <f t="array" ref="D8536">IFERROR(INDEX(Jesper!AH$2:AH$366,ROUNDDOWN($C8536/24,0)+1,1)*INDEX($D$3:$AA$30,INDEX(Jesper!$R$2:$R$366,ROW(INDEX(Jesper!AH$2:AH$366,ROUNDDOWN($C8536/24,0)+1,1))-1)+IF('Standard Profiles'!$G$18=$B$10,7,0)+IF('Standard Profiles'!$G$18=$B$17,14,0)+IF('Standard Profiles'!$G$18=$B$24,21,0),MOD($C8536,24)+1)/SUM(INDEX($D$3:$AA$30,INDEX(Jesper!$R$2:$R$366,ROW(INDEX(Jesper!AH$2:AH$366,ROUNDDOWN($C8536/24,0)+1,1))-1)+IF('Standard Profiles'!$G$18=$B$10,7,0)+IF('Standard Profiles'!$G$18=$B$17,14,0)+IF('Standard Profiles'!$G$18=$B$24,21,0),0)),0)</f>
        <v>13.892268614716384</v>
      </c>
      <c r="E8536" cm="1">
        <f t="array" ref="E8536">IFERROR(INDEX(Jesper!AI$2:AI$366,ROUNDDOWN($C8536/24,0)+1,1)*INDEX($D$3:$AA$30,INDEX(Jesper!$R$2:$R$366,ROW(INDEX(Jesper!AI$2:AI$366,ROUNDDOWN($C8536/24,0)+1,1))-1)+IF('Standard Profiles'!$G$19=$B$10,7,0)+IF('Standard Profiles'!$G$19=$B$17,14,0)+IF('Standard Profiles'!$G$19=$B$24,21,0),MOD($C8536,24)+1)/SUM(INDEX($D$3:$AA$30,INDEX(Jesper!$R$2:$R$366,ROW(INDEX(Jesper!AI$2:AI$366,ROUNDDOWN($C8536/24,0)+1,1))-1)+IF('Standard Profiles'!$G$19=$B$10,7,0)+IF('Standard Profiles'!$G$19=$B$17,14,0)+IF('Standard Profiles'!$G$19=$B$24,21,0),0)),0)</f>
        <v>0</v>
      </c>
      <c r="F8536" cm="1">
        <f t="array" ref="F8536">IFERROR(INDEX(Jesper!AJ$2:AJ$366,ROUNDDOWN($C8536/24,0)+1,1)*INDEX($D$3:$AA$30,INDEX(Jesper!$R$2:$R$366,ROW(INDEX(Jesper!AJ$2:AJ$366,ROUNDDOWN($C8536/24,0)+1,1))-1)+IF('Standard Profiles'!$G$20=$B$10,7,0)+IF('Standard Profiles'!$G$20=$B$17,14,0)+IF('Standard Profiles'!$G$20=$B$24,21,0),MOD($C8536,24)+1)/SUM(INDEX($D$3:$AA$30,INDEX(Jesper!$R$2:$R$366,ROW(INDEX(Jesper!AJ$2:AJ$366,ROUNDDOWN($C8536/24,0)+1,1))-1)+IF('Standard Profiles'!$G$20=$B$10,7,0)+IF('Standard Profiles'!$G$20=$B$17,14,0)+IF('Standard Profiles'!$G$20=$B$24,21,0),0)),0)</f>
        <v>0</v>
      </c>
      <c r="G8536" cm="1">
        <f t="array" ref="G8536">IFERROR(INDEX(Jesper!AK$2:AK$366,ROUNDDOWN($C8536/24,0)+1,1)*INDEX($D$3:$AA$30,INDEX(Jesper!$R$2:$R$366,ROW(INDEX(Jesper!AK$2:AK$366,ROUNDDOWN($C8536/24,0)+1,1))-1)+IF('Standard Profiles'!$G$21=$B$10,7,0)+IF('Standard Profiles'!$G$21=$B$17,14,0)+IF('Standard Profiles'!$G$21=$B$24,21,0),MOD($C8536,24)+1)/SUM(INDEX($D$3:$AA$30,INDEX(Jesper!$R$2:$R$366,ROW(INDEX(Jesper!AK$2:AK$366,ROUNDDOWN($C8536/24,0)+1,1))-1)+IF('Standard Profiles'!$G$21=$B$10,7,0)+IF('Standard Profiles'!$G$21=$B$17,14,0)+IF('Standard Profiles'!$G$21=$B$24,21,0),0)),0)</f>
        <v>0</v>
      </c>
      <c r="H8536" cm="1">
        <f t="array" ref="H8536">IFERROR(INDEX(Jesper!AL$2:AL$366,ROUNDDOWN($C8536/24,0)+1,1)*INDEX($D$3:$AA$30,INDEX(Jesper!$R$2:$R$366,ROW(INDEX(Jesper!AL$2:AL$366,ROUNDDOWN($C8536/24,0)+1,1))-1)+IF('Standard Profiles'!$G$22=$B$10,7,0)+IF('Standard Profiles'!$G$22=$B$17,14,0)+IF('Standard Profiles'!$G$22=$B$24,21,0),MOD($C8536,24)+1)/SUM(INDEX($D$3:$AA$30,INDEX(Jesper!$R$2:$R$366,ROW(INDEX(Jesper!AL$2:AL$366,ROUNDDOWN($C8536/24,0)+1,1))-1)+IF('Standard Profiles'!$G$22=$B$10,7,0)+IF('Standard Profiles'!$G$22=$B$17,14,0)+IF('Standard Profiles'!$G$22=$B$24,21,0),0)),0)</f>
        <v>0</v>
      </c>
      <c r="I8536">
        <f t="shared" si="944"/>
        <v>0.41676805844149151</v>
      </c>
      <c r="J8536">
        <f t="shared" si="945"/>
        <v>1.3892268614716385</v>
      </c>
      <c r="K8536">
        <f t="shared" si="946"/>
        <v>2.0838402922074577</v>
      </c>
      <c r="L8536">
        <f t="shared" si="947"/>
        <v>10.002433402595797</v>
      </c>
      <c r="M8536">
        <f t="shared" si="948"/>
        <v>0</v>
      </c>
      <c r="N8536" s="46">
        <f t="shared" si="949"/>
        <v>45646.24999997938</v>
      </c>
    </row>
    <row r="8537" spans="2:14" x14ac:dyDescent="0.3">
      <c r="B8537">
        <f t="shared" si="943"/>
        <v>5</v>
      </c>
      <c r="C8537" s="16">
        <v>8503</v>
      </c>
      <c r="D8537" cm="1">
        <f t="array" ref="D8537">IFERROR(INDEX(Jesper!AH$2:AH$366,ROUNDDOWN($C8537/24,0)+1,1)*INDEX($D$3:$AA$30,INDEX(Jesper!$R$2:$R$366,ROW(INDEX(Jesper!AH$2:AH$366,ROUNDDOWN($C8537/24,0)+1,1))-1)+IF('Standard Profiles'!$G$18=$B$10,7,0)+IF('Standard Profiles'!$G$18=$B$17,14,0)+IF('Standard Profiles'!$G$18=$B$24,21,0),MOD($C8537,24)+1)/SUM(INDEX($D$3:$AA$30,INDEX(Jesper!$R$2:$R$366,ROW(INDEX(Jesper!AH$2:AH$366,ROUNDDOWN($C8537/24,0)+1,1))-1)+IF('Standard Profiles'!$G$18=$B$10,7,0)+IF('Standard Profiles'!$G$18=$B$17,14,0)+IF('Standard Profiles'!$G$18=$B$24,21,0),0)),0)</f>
        <v>13.892268614716384</v>
      </c>
      <c r="E8537" cm="1">
        <f t="array" ref="E8537">IFERROR(INDEX(Jesper!AI$2:AI$366,ROUNDDOWN($C8537/24,0)+1,1)*INDEX($D$3:$AA$30,INDEX(Jesper!$R$2:$R$366,ROW(INDEX(Jesper!AI$2:AI$366,ROUNDDOWN($C8537/24,0)+1,1))-1)+IF('Standard Profiles'!$G$19=$B$10,7,0)+IF('Standard Profiles'!$G$19=$B$17,14,0)+IF('Standard Profiles'!$G$19=$B$24,21,0),MOD($C8537,24)+1)/SUM(INDEX($D$3:$AA$30,INDEX(Jesper!$R$2:$R$366,ROW(INDEX(Jesper!AI$2:AI$366,ROUNDDOWN($C8537/24,0)+1,1))-1)+IF('Standard Profiles'!$G$19=$B$10,7,0)+IF('Standard Profiles'!$G$19=$B$17,14,0)+IF('Standard Profiles'!$G$19=$B$24,21,0),0)),0)</f>
        <v>0</v>
      </c>
      <c r="F8537" cm="1">
        <f t="array" ref="F8537">IFERROR(INDEX(Jesper!AJ$2:AJ$366,ROUNDDOWN($C8537/24,0)+1,1)*INDEX($D$3:$AA$30,INDEX(Jesper!$R$2:$R$366,ROW(INDEX(Jesper!AJ$2:AJ$366,ROUNDDOWN($C8537/24,0)+1,1))-1)+IF('Standard Profiles'!$G$20=$B$10,7,0)+IF('Standard Profiles'!$G$20=$B$17,14,0)+IF('Standard Profiles'!$G$20=$B$24,21,0),MOD($C8537,24)+1)/SUM(INDEX($D$3:$AA$30,INDEX(Jesper!$R$2:$R$366,ROW(INDEX(Jesper!AJ$2:AJ$366,ROUNDDOWN($C8537/24,0)+1,1))-1)+IF('Standard Profiles'!$G$20=$B$10,7,0)+IF('Standard Profiles'!$G$20=$B$17,14,0)+IF('Standard Profiles'!$G$20=$B$24,21,0),0)),0)</f>
        <v>0</v>
      </c>
      <c r="G8537" cm="1">
        <f t="array" ref="G8537">IFERROR(INDEX(Jesper!AK$2:AK$366,ROUNDDOWN($C8537/24,0)+1,1)*INDEX($D$3:$AA$30,INDEX(Jesper!$R$2:$R$366,ROW(INDEX(Jesper!AK$2:AK$366,ROUNDDOWN($C8537/24,0)+1,1))-1)+IF('Standard Profiles'!$G$21=$B$10,7,0)+IF('Standard Profiles'!$G$21=$B$17,14,0)+IF('Standard Profiles'!$G$21=$B$24,21,0),MOD($C8537,24)+1)/SUM(INDEX($D$3:$AA$30,INDEX(Jesper!$R$2:$R$366,ROW(INDEX(Jesper!AK$2:AK$366,ROUNDDOWN($C8537/24,0)+1,1))-1)+IF('Standard Profiles'!$G$21=$B$10,7,0)+IF('Standard Profiles'!$G$21=$B$17,14,0)+IF('Standard Profiles'!$G$21=$B$24,21,0),0)),0)</f>
        <v>0</v>
      </c>
      <c r="H8537" cm="1">
        <f t="array" ref="H8537">IFERROR(INDEX(Jesper!AL$2:AL$366,ROUNDDOWN($C8537/24,0)+1,1)*INDEX($D$3:$AA$30,INDEX(Jesper!$R$2:$R$366,ROW(INDEX(Jesper!AL$2:AL$366,ROUNDDOWN($C8537/24,0)+1,1))-1)+IF('Standard Profiles'!$G$22=$B$10,7,0)+IF('Standard Profiles'!$G$22=$B$17,14,0)+IF('Standard Profiles'!$G$22=$B$24,21,0),MOD($C8537,24)+1)/SUM(INDEX($D$3:$AA$30,INDEX(Jesper!$R$2:$R$366,ROW(INDEX(Jesper!AL$2:AL$366,ROUNDDOWN($C8537/24,0)+1,1))-1)+IF('Standard Profiles'!$G$22=$B$10,7,0)+IF('Standard Profiles'!$G$22=$B$17,14,0)+IF('Standard Profiles'!$G$22=$B$24,21,0),0)),0)</f>
        <v>0</v>
      </c>
      <c r="I8537">
        <f t="shared" si="944"/>
        <v>0.41676805844149151</v>
      </c>
      <c r="J8537">
        <f t="shared" si="945"/>
        <v>1.3892268614716385</v>
      </c>
      <c r="K8537">
        <f t="shared" si="946"/>
        <v>2.0838402922074577</v>
      </c>
      <c r="L8537">
        <f t="shared" si="947"/>
        <v>10.002433402595797</v>
      </c>
      <c r="M8537">
        <f t="shared" si="948"/>
        <v>0</v>
      </c>
      <c r="N8537" s="46">
        <f t="shared" si="949"/>
        <v>45646.291666646044</v>
      </c>
    </row>
    <row r="8538" spans="2:14" x14ac:dyDescent="0.3">
      <c r="B8538">
        <f t="shared" si="943"/>
        <v>5</v>
      </c>
      <c r="C8538" s="16">
        <v>8504</v>
      </c>
      <c r="D8538" cm="1">
        <f t="array" ref="D8538">IFERROR(INDEX(Jesper!AH$2:AH$366,ROUNDDOWN($C8538/24,0)+1,1)*INDEX($D$3:$AA$30,INDEX(Jesper!$R$2:$R$366,ROW(INDEX(Jesper!AH$2:AH$366,ROUNDDOWN($C8538/24,0)+1,1))-1)+IF('Standard Profiles'!$G$18=$B$10,7,0)+IF('Standard Profiles'!$G$18=$B$17,14,0)+IF('Standard Profiles'!$G$18=$B$24,21,0),MOD($C8538,24)+1)/SUM(INDEX($D$3:$AA$30,INDEX(Jesper!$R$2:$R$366,ROW(INDEX(Jesper!AH$2:AH$366,ROUNDDOWN($C8538/24,0)+1,1))-1)+IF('Standard Profiles'!$G$18=$B$10,7,0)+IF('Standard Profiles'!$G$18=$B$17,14,0)+IF('Standard Profiles'!$G$18=$B$24,21,0),0)),0)</f>
        <v>13.892268614716384</v>
      </c>
      <c r="E8538" cm="1">
        <f t="array" ref="E8538">IFERROR(INDEX(Jesper!AI$2:AI$366,ROUNDDOWN($C8538/24,0)+1,1)*INDEX($D$3:$AA$30,INDEX(Jesper!$R$2:$R$366,ROW(INDEX(Jesper!AI$2:AI$366,ROUNDDOWN($C8538/24,0)+1,1))-1)+IF('Standard Profiles'!$G$19=$B$10,7,0)+IF('Standard Profiles'!$G$19=$B$17,14,0)+IF('Standard Profiles'!$G$19=$B$24,21,0),MOD($C8538,24)+1)/SUM(INDEX($D$3:$AA$30,INDEX(Jesper!$R$2:$R$366,ROW(INDEX(Jesper!AI$2:AI$366,ROUNDDOWN($C8538/24,0)+1,1))-1)+IF('Standard Profiles'!$G$19=$B$10,7,0)+IF('Standard Profiles'!$G$19=$B$17,14,0)+IF('Standard Profiles'!$G$19=$B$24,21,0),0)),0)</f>
        <v>0</v>
      </c>
      <c r="F8538" cm="1">
        <f t="array" ref="F8538">IFERROR(INDEX(Jesper!AJ$2:AJ$366,ROUNDDOWN($C8538/24,0)+1,1)*INDEX($D$3:$AA$30,INDEX(Jesper!$R$2:$R$366,ROW(INDEX(Jesper!AJ$2:AJ$366,ROUNDDOWN($C8538/24,0)+1,1))-1)+IF('Standard Profiles'!$G$20=$B$10,7,0)+IF('Standard Profiles'!$G$20=$B$17,14,0)+IF('Standard Profiles'!$G$20=$B$24,21,0),MOD($C8538,24)+1)/SUM(INDEX($D$3:$AA$30,INDEX(Jesper!$R$2:$R$366,ROW(INDEX(Jesper!AJ$2:AJ$366,ROUNDDOWN($C8538/24,0)+1,1))-1)+IF('Standard Profiles'!$G$20=$B$10,7,0)+IF('Standard Profiles'!$G$20=$B$17,14,0)+IF('Standard Profiles'!$G$20=$B$24,21,0),0)),0)</f>
        <v>0</v>
      </c>
      <c r="G8538" cm="1">
        <f t="array" ref="G8538">IFERROR(INDEX(Jesper!AK$2:AK$366,ROUNDDOWN($C8538/24,0)+1,1)*INDEX($D$3:$AA$30,INDEX(Jesper!$R$2:$R$366,ROW(INDEX(Jesper!AK$2:AK$366,ROUNDDOWN($C8538/24,0)+1,1))-1)+IF('Standard Profiles'!$G$21=$B$10,7,0)+IF('Standard Profiles'!$G$21=$B$17,14,0)+IF('Standard Profiles'!$G$21=$B$24,21,0),MOD($C8538,24)+1)/SUM(INDEX($D$3:$AA$30,INDEX(Jesper!$R$2:$R$366,ROW(INDEX(Jesper!AK$2:AK$366,ROUNDDOWN($C8538/24,0)+1,1))-1)+IF('Standard Profiles'!$G$21=$B$10,7,0)+IF('Standard Profiles'!$G$21=$B$17,14,0)+IF('Standard Profiles'!$G$21=$B$24,21,0),0)),0)</f>
        <v>0</v>
      </c>
      <c r="H8538" cm="1">
        <f t="array" ref="H8538">IFERROR(INDEX(Jesper!AL$2:AL$366,ROUNDDOWN($C8538/24,0)+1,1)*INDEX($D$3:$AA$30,INDEX(Jesper!$R$2:$R$366,ROW(INDEX(Jesper!AL$2:AL$366,ROUNDDOWN($C8538/24,0)+1,1))-1)+IF('Standard Profiles'!$G$22=$B$10,7,0)+IF('Standard Profiles'!$G$22=$B$17,14,0)+IF('Standard Profiles'!$G$22=$B$24,21,0),MOD($C8538,24)+1)/SUM(INDEX($D$3:$AA$30,INDEX(Jesper!$R$2:$R$366,ROW(INDEX(Jesper!AL$2:AL$366,ROUNDDOWN($C8538/24,0)+1,1))-1)+IF('Standard Profiles'!$G$22=$B$10,7,0)+IF('Standard Profiles'!$G$22=$B$17,14,0)+IF('Standard Profiles'!$G$22=$B$24,21,0),0)),0)</f>
        <v>0</v>
      </c>
      <c r="I8538">
        <f t="shared" si="944"/>
        <v>0.41676805844149151</v>
      </c>
      <c r="J8538">
        <f t="shared" si="945"/>
        <v>1.3892268614716385</v>
      </c>
      <c r="K8538">
        <f t="shared" si="946"/>
        <v>2.0838402922074577</v>
      </c>
      <c r="L8538">
        <f t="shared" si="947"/>
        <v>10.002433402595797</v>
      </c>
      <c r="M8538">
        <f t="shared" si="948"/>
        <v>0</v>
      </c>
      <c r="N8538" s="46">
        <f t="shared" si="949"/>
        <v>45646.333333312708</v>
      </c>
    </row>
    <row r="8539" spans="2:14" x14ac:dyDescent="0.3">
      <c r="B8539">
        <f t="shared" si="943"/>
        <v>5</v>
      </c>
      <c r="C8539" s="16">
        <v>8505</v>
      </c>
      <c r="D8539" cm="1">
        <f t="array" ref="D8539">IFERROR(INDEX(Jesper!AH$2:AH$366,ROUNDDOWN($C8539/24,0)+1,1)*INDEX($D$3:$AA$30,INDEX(Jesper!$R$2:$R$366,ROW(INDEX(Jesper!AH$2:AH$366,ROUNDDOWN($C8539/24,0)+1,1))-1)+IF('Standard Profiles'!$G$18=$B$10,7,0)+IF('Standard Profiles'!$G$18=$B$17,14,0)+IF('Standard Profiles'!$G$18=$B$24,21,0),MOD($C8539,24)+1)/SUM(INDEX($D$3:$AA$30,INDEX(Jesper!$R$2:$R$366,ROW(INDEX(Jesper!AH$2:AH$366,ROUNDDOWN($C8539/24,0)+1,1))-1)+IF('Standard Profiles'!$G$18=$B$10,7,0)+IF('Standard Profiles'!$G$18=$B$17,14,0)+IF('Standard Profiles'!$G$18=$B$24,21,0),0)),0)</f>
        <v>14.884573515767553</v>
      </c>
      <c r="E8539" cm="1">
        <f t="array" ref="E8539">IFERROR(INDEX(Jesper!AI$2:AI$366,ROUNDDOWN($C8539/24,0)+1,1)*INDEX($D$3:$AA$30,INDEX(Jesper!$R$2:$R$366,ROW(INDEX(Jesper!AI$2:AI$366,ROUNDDOWN($C8539/24,0)+1,1))-1)+IF('Standard Profiles'!$G$19=$B$10,7,0)+IF('Standard Profiles'!$G$19=$B$17,14,0)+IF('Standard Profiles'!$G$19=$B$24,21,0),MOD($C8539,24)+1)/SUM(INDEX($D$3:$AA$30,INDEX(Jesper!$R$2:$R$366,ROW(INDEX(Jesper!AI$2:AI$366,ROUNDDOWN($C8539/24,0)+1,1))-1)+IF('Standard Profiles'!$G$19=$B$10,7,0)+IF('Standard Profiles'!$G$19=$B$17,14,0)+IF('Standard Profiles'!$G$19=$B$24,21,0),0)),0)</f>
        <v>0</v>
      </c>
      <c r="F8539" cm="1">
        <f t="array" ref="F8539">IFERROR(INDEX(Jesper!AJ$2:AJ$366,ROUNDDOWN($C8539/24,0)+1,1)*INDEX($D$3:$AA$30,INDEX(Jesper!$R$2:$R$366,ROW(INDEX(Jesper!AJ$2:AJ$366,ROUNDDOWN($C8539/24,0)+1,1))-1)+IF('Standard Profiles'!$G$20=$B$10,7,0)+IF('Standard Profiles'!$G$20=$B$17,14,0)+IF('Standard Profiles'!$G$20=$B$24,21,0),MOD($C8539,24)+1)/SUM(INDEX($D$3:$AA$30,INDEX(Jesper!$R$2:$R$366,ROW(INDEX(Jesper!AJ$2:AJ$366,ROUNDDOWN($C8539/24,0)+1,1))-1)+IF('Standard Profiles'!$G$20=$B$10,7,0)+IF('Standard Profiles'!$G$20=$B$17,14,0)+IF('Standard Profiles'!$G$20=$B$24,21,0),0)),0)</f>
        <v>0</v>
      </c>
      <c r="G8539" cm="1">
        <f t="array" ref="G8539">IFERROR(INDEX(Jesper!AK$2:AK$366,ROUNDDOWN($C8539/24,0)+1,1)*INDEX($D$3:$AA$30,INDEX(Jesper!$R$2:$R$366,ROW(INDEX(Jesper!AK$2:AK$366,ROUNDDOWN($C8539/24,0)+1,1))-1)+IF('Standard Profiles'!$G$21=$B$10,7,0)+IF('Standard Profiles'!$G$21=$B$17,14,0)+IF('Standard Profiles'!$G$21=$B$24,21,0),MOD($C8539,24)+1)/SUM(INDEX($D$3:$AA$30,INDEX(Jesper!$R$2:$R$366,ROW(INDEX(Jesper!AK$2:AK$366,ROUNDDOWN($C8539/24,0)+1,1))-1)+IF('Standard Profiles'!$G$21=$B$10,7,0)+IF('Standard Profiles'!$G$21=$B$17,14,0)+IF('Standard Profiles'!$G$21=$B$24,21,0),0)),0)</f>
        <v>0</v>
      </c>
      <c r="H8539" cm="1">
        <f t="array" ref="H8539">IFERROR(INDEX(Jesper!AL$2:AL$366,ROUNDDOWN($C8539/24,0)+1,1)*INDEX($D$3:$AA$30,INDEX(Jesper!$R$2:$R$366,ROW(INDEX(Jesper!AL$2:AL$366,ROUNDDOWN($C8539/24,0)+1,1))-1)+IF('Standard Profiles'!$G$22=$B$10,7,0)+IF('Standard Profiles'!$G$22=$B$17,14,0)+IF('Standard Profiles'!$G$22=$B$24,21,0),MOD($C8539,24)+1)/SUM(INDEX($D$3:$AA$30,INDEX(Jesper!$R$2:$R$366,ROW(INDEX(Jesper!AL$2:AL$366,ROUNDDOWN($C8539/24,0)+1,1))-1)+IF('Standard Profiles'!$G$22=$B$10,7,0)+IF('Standard Profiles'!$G$22=$B$17,14,0)+IF('Standard Profiles'!$G$22=$B$24,21,0),0)),0)</f>
        <v>0</v>
      </c>
      <c r="I8539">
        <f t="shared" si="944"/>
        <v>0.44653720547302655</v>
      </c>
      <c r="J8539">
        <f t="shared" si="945"/>
        <v>1.4884573515767554</v>
      </c>
      <c r="K8539">
        <f t="shared" si="946"/>
        <v>2.232686027365133</v>
      </c>
      <c r="L8539">
        <f t="shared" si="947"/>
        <v>10.716892931352637</v>
      </c>
      <c r="M8539">
        <f t="shared" si="948"/>
        <v>0</v>
      </c>
      <c r="N8539" s="46">
        <f t="shared" si="949"/>
        <v>45646.374999979373</v>
      </c>
    </row>
    <row r="8540" spans="2:14" x14ac:dyDescent="0.3">
      <c r="B8540">
        <f t="shared" si="943"/>
        <v>5</v>
      </c>
      <c r="C8540" s="16">
        <v>8506</v>
      </c>
      <c r="D8540" cm="1">
        <f t="array" ref="D8540">IFERROR(INDEX(Jesper!AH$2:AH$366,ROUNDDOWN($C8540/24,0)+1,1)*INDEX($D$3:$AA$30,INDEX(Jesper!$R$2:$R$366,ROW(INDEX(Jesper!AH$2:AH$366,ROUNDDOWN($C8540/24,0)+1,1))-1)+IF('Standard Profiles'!$G$18=$B$10,7,0)+IF('Standard Profiles'!$G$18=$B$17,14,0)+IF('Standard Profiles'!$G$18=$B$24,21,0),MOD($C8540,24)+1)/SUM(INDEX($D$3:$AA$30,INDEX(Jesper!$R$2:$R$366,ROW(INDEX(Jesper!AH$2:AH$366,ROUNDDOWN($C8540/24,0)+1,1))-1)+IF('Standard Profiles'!$G$18=$B$10,7,0)+IF('Standard Profiles'!$G$18=$B$17,14,0)+IF('Standard Profiles'!$G$18=$B$24,21,0),0)),0)</f>
        <v>15.479956456398254</v>
      </c>
      <c r="E8540" cm="1">
        <f t="array" ref="E8540">IFERROR(INDEX(Jesper!AI$2:AI$366,ROUNDDOWN($C8540/24,0)+1,1)*INDEX($D$3:$AA$30,INDEX(Jesper!$R$2:$R$366,ROW(INDEX(Jesper!AI$2:AI$366,ROUNDDOWN($C8540/24,0)+1,1))-1)+IF('Standard Profiles'!$G$19=$B$10,7,0)+IF('Standard Profiles'!$G$19=$B$17,14,0)+IF('Standard Profiles'!$G$19=$B$24,21,0),MOD($C8540,24)+1)/SUM(INDEX($D$3:$AA$30,INDEX(Jesper!$R$2:$R$366,ROW(INDEX(Jesper!AI$2:AI$366,ROUNDDOWN($C8540/24,0)+1,1))-1)+IF('Standard Profiles'!$G$19=$B$10,7,0)+IF('Standard Profiles'!$G$19=$B$17,14,0)+IF('Standard Profiles'!$G$19=$B$24,21,0),0)),0)</f>
        <v>0</v>
      </c>
      <c r="F8540" cm="1">
        <f t="array" ref="F8540">IFERROR(INDEX(Jesper!AJ$2:AJ$366,ROUNDDOWN($C8540/24,0)+1,1)*INDEX($D$3:$AA$30,INDEX(Jesper!$R$2:$R$366,ROW(INDEX(Jesper!AJ$2:AJ$366,ROUNDDOWN($C8540/24,0)+1,1))-1)+IF('Standard Profiles'!$G$20=$B$10,7,0)+IF('Standard Profiles'!$G$20=$B$17,14,0)+IF('Standard Profiles'!$G$20=$B$24,21,0),MOD($C8540,24)+1)/SUM(INDEX($D$3:$AA$30,INDEX(Jesper!$R$2:$R$366,ROW(INDEX(Jesper!AJ$2:AJ$366,ROUNDDOWN($C8540/24,0)+1,1))-1)+IF('Standard Profiles'!$G$20=$B$10,7,0)+IF('Standard Profiles'!$G$20=$B$17,14,0)+IF('Standard Profiles'!$G$20=$B$24,21,0),0)),0)</f>
        <v>0</v>
      </c>
      <c r="G8540" cm="1">
        <f t="array" ref="G8540">IFERROR(INDEX(Jesper!AK$2:AK$366,ROUNDDOWN($C8540/24,0)+1,1)*INDEX($D$3:$AA$30,INDEX(Jesper!$R$2:$R$366,ROW(INDEX(Jesper!AK$2:AK$366,ROUNDDOWN($C8540/24,0)+1,1))-1)+IF('Standard Profiles'!$G$21=$B$10,7,0)+IF('Standard Profiles'!$G$21=$B$17,14,0)+IF('Standard Profiles'!$G$21=$B$24,21,0),MOD($C8540,24)+1)/SUM(INDEX($D$3:$AA$30,INDEX(Jesper!$R$2:$R$366,ROW(INDEX(Jesper!AK$2:AK$366,ROUNDDOWN($C8540/24,0)+1,1))-1)+IF('Standard Profiles'!$G$21=$B$10,7,0)+IF('Standard Profiles'!$G$21=$B$17,14,0)+IF('Standard Profiles'!$G$21=$B$24,21,0),0)),0)</f>
        <v>0</v>
      </c>
      <c r="H8540" cm="1">
        <f t="array" ref="H8540">IFERROR(INDEX(Jesper!AL$2:AL$366,ROUNDDOWN($C8540/24,0)+1,1)*INDEX($D$3:$AA$30,INDEX(Jesper!$R$2:$R$366,ROW(INDEX(Jesper!AL$2:AL$366,ROUNDDOWN($C8540/24,0)+1,1))-1)+IF('Standard Profiles'!$G$22=$B$10,7,0)+IF('Standard Profiles'!$G$22=$B$17,14,0)+IF('Standard Profiles'!$G$22=$B$24,21,0),MOD($C8540,24)+1)/SUM(INDEX($D$3:$AA$30,INDEX(Jesper!$R$2:$R$366,ROW(INDEX(Jesper!AL$2:AL$366,ROUNDDOWN($C8540/24,0)+1,1))-1)+IF('Standard Profiles'!$G$22=$B$10,7,0)+IF('Standard Profiles'!$G$22=$B$17,14,0)+IF('Standard Profiles'!$G$22=$B$24,21,0),0)),0)</f>
        <v>0</v>
      </c>
      <c r="I8540">
        <f t="shared" si="944"/>
        <v>0.46439869369194758</v>
      </c>
      <c r="J8540">
        <f t="shared" si="945"/>
        <v>1.5479956456398254</v>
      </c>
      <c r="K8540">
        <f t="shared" si="946"/>
        <v>2.3219934684597381</v>
      </c>
      <c r="L8540">
        <f t="shared" si="947"/>
        <v>11.145568648606742</v>
      </c>
      <c r="M8540">
        <f t="shared" si="948"/>
        <v>0</v>
      </c>
      <c r="N8540" s="46">
        <f t="shared" si="949"/>
        <v>45646.416666646037</v>
      </c>
    </row>
    <row r="8541" spans="2:14" x14ac:dyDescent="0.3">
      <c r="B8541">
        <f t="shared" si="943"/>
        <v>5</v>
      </c>
      <c r="C8541" s="16">
        <v>8507</v>
      </c>
      <c r="D8541" cm="1">
        <f t="array" ref="D8541">IFERROR(INDEX(Jesper!AH$2:AH$366,ROUNDDOWN($C8541/24,0)+1,1)*INDEX($D$3:$AA$30,INDEX(Jesper!$R$2:$R$366,ROW(INDEX(Jesper!AH$2:AH$366,ROUNDDOWN($C8541/24,0)+1,1))-1)+IF('Standard Profiles'!$G$18=$B$10,7,0)+IF('Standard Profiles'!$G$18=$B$17,14,0)+IF('Standard Profiles'!$G$18=$B$24,21,0),MOD($C8541,24)+1)/SUM(INDEX($D$3:$AA$30,INDEX(Jesper!$R$2:$R$366,ROW(INDEX(Jesper!AH$2:AH$366,ROUNDDOWN($C8541/24,0)+1,1))-1)+IF('Standard Profiles'!$G$18=$B$10,7,0)+IF('Standard Profiles'!$G$18=$B$17,14,0)+IF('Standard Profiles'!$G$18=$B$24,21,0),0)),0)</f>
        <v>17.86148821892106</v>
      </c>
      <c r="E8541" cm="1">
        <f t="array" ref="E8541">IFERROR(INDEX(Jesper!AI$2:AI$366,ROUNDDOWN($C8541/24,0)+1,1)*INDEX($D$3:$AA$30,INDEX(Jesper!$R$2:$R$366,ROW(INDEX(Jesper!AI$2:AI$366,ROUNDDOWN($C8541/24,0)+1,1))-1)+IF('Standard Profiles'!$G$19=$B$10,7,0)+IF('Standard Profiles'!$G$19=$B$17,14,0)+IF('Standard Profiles'!$G$19=$B$24,21,0),MOD($C8541,24)+1)/SUM(INDEX($D$3:$AA$30,INDEX(Jesper!$R$2:$R$366,ROW(INDEX(Jesper!AI$2:AI$366,ROUNDDOWN($C8541/24,0)+1,1))-1)+IF('Standard Profiles'!$G$19=$B$10,7,0)+IF('Standard Profiles'!$G$19=$B$17,14,0)+IF('Standard Profiles'!$G$19=$B$24,21,0),0)),0)</f>
        <v>0</v>
      </c>
      <c r="F8541" cm="1">
        <f t="array" ref="F8541">IFERROR(INDEX(Jesper!AJ$2:AJ$366,ROUNDDOWN($C8541/24,0)+1,1)*INDEX($D$3:$AA$30,INDEX(Jesper!$R$2:$R$366,ROW(INDEX(Jesper!AJ$2:AJ$366,ROUNDDOWN($C8541/24,0)+1,1))-1)+IF('Standard Profiles'!$G$20=$B$10,7,0)+IF('Standard Profiles'!$G$20=$B$17,14,0)+IF('Standard Profiles'!$G$20=$B$24,21,0),MOD($C8541,24)+1)/SUM(INDEX($D$3:$AA$30,INDEX(Jesper!$R$2:$R$366,ROW(INDEX(Jesper!AJ$2:AJ$366,ROUNDDOWN($C8541/24,0)+1,1))-1)+IF('Standard Profiles'!$G$20=$B$10,7,0)+IF('Standard Profiles'!$G$20=$B$17,14,0)+IF('Standard Profiles'!$G$20=$B$24,21,0),0)),0)</f>
        <v>0</v>
      </c>
      <c r="G8541" cm="1">
        <f t="array" ref="G8541">IFERROR(INDEX(Jesper!AK$2:AK$366,ROUNDDOWN($C8541/24,0)+1,1)*INDEX($D$3:$AA$30,INDEX(Jesper!$R$2:$R$366,ROW(INDEX(Jesper!AK$2:AK$366,ROUNDDOWN($C8541/24,0)+1,1))-1)+IF('Standard Profiles'!$G$21=$B$10,7,0)+IF('Standard Profiles'!$G$21=$B$17,14,0)+IF('Standard Profiles'!$G$21=$B$24,21,0),MOD($C8541,24)+1)/SUM(INDEX($D$3:$AA$30,INDEX(Jesper!$R$2:$R$366,ROW(INDEX(Jesper!AK$2:AK$366,ROUNDDOWN($C8541/24,0)+1,1))-1)+IF('Standard Profiles'!$G$21=$B$10,7,0)+IF('Standard Profiles'!$G$21=$B$17,14,0)+IF('Standard Profiles'!$G$21=$B$24,21,0),0)),0)</f>
        <v>0</v>
      </c>
      <c r="H8541" cm="1">
        <f t="array" ref="H8541">IFERROR(INDEX(Jesper!AL$2:AL$366,ROUNDDOWN($C8541/24,0)+1,1)*INDEX($D$3:$AA$30,INDEX(Jesper!$R$2:$R$366,ROW(INDEX(Jesper!AL$2:AL$366,ROUNDDOWN($C8541/24,0)+1,1))-1)+IF('Standard Profiles'!$G$22=$B$10,7,0)+IF('Standard Profiles'!$G$22=$B$17,14,0)+IF('Standard Profiles'!$G$22=$B$24,21,0),MOD($C8541,24)+1)/SUM(INDEX($D$3:$AA$30,INDEX(Jesper!$R$2:$R$366,ROW(INDEX(Jesper!AL$2:AL$366,ROUNDDOWN($C8541/24,0)+1,1))-1)+IF('Standard Profiles'!$G$22=$B$10,7,0)+IF('Standard Profiles'!$G$22=$B$17,14,0)+IF('Standard Profiles'!$G$22=$B$24,21,0),0)),0)</f>
        <v>0</v>
      </c>
      <c r="I8541">
        <f t="shared" si="944"/>
        <v>0.53584464656763175</v>
      </c>
      <c r="J8541">
        <f t="shared" si="945"/>
        <v>1.7861488218921062</v>
      </c>
      <c r="K8541">
        <f t="shared" si="946"/>
        <v>2.6792232328381589</v>
      </c>
      <c r="L8541">
        <f t="shared" si="947"/>
        <v>12.860271517623163</v>
      </c>
      <c r="M8541">
        <f t="shared" si="948"/>
        <v>0</v>
      </c>
      <c r="N8541" s="46">
        <f t="shared" si="949"/>
        <v>45646.458333312701</v>
      </c>
    </row>
    <row r="8542" spans="2:14" x14ac:dyDescent="0.3">
      <c r="B8542">
        <f t="shared" si="943"/>
        <v>5</v>
      </c>
      <c r="C8542" s="16">
        <v>8508</v>
      </c>
      <c r="D8542" cm="1">
        <f t="array" ref="D8542">IFERROR(INDEX(Jesper!AH$2:AH$366,ROUNDDOWN($C8542/24,0)+1,1)*INDEX($D$3:$AA$30,INDEX(Jesper!$R$2:$R$366,ROW(INDEX(Jesper!AH$2:AH$366,ROUNDDOWN($C8542/24,0)+1,1))-1)+IF('Standard Profiles'!$G$18=$B$10,7,0)+IF('Standard Profiles'!$G$18=$B$17,14,0)+IF('Standard Profiles'!$G$18=$B$24,21,0),MOD($C8542,24)+1)/SUM(INDEX($D$3:$AA$30,INDEX(Jesper!$R$2:$R$366,ROW(INDEX(Jesper!AH$2:AH$366,ROUNDDOWN($C8542/24,0)+1,1))-1)+IF('Standard Profiles'!$G$18=$B$10,7,0)+IF('Standard Profiles'!$G$18=$B$17,14,0)+IF('Standard Profiles'!$G$18=$B$24,21,0),0)),0)</f>
        <v>17.86148821892106</v>
      </c>
      <c r="E8542" cm="1">
        <f t="array" ref="E8542">IFERROR(INDEX(Jesper!AI$2:AI$366,ROUNDDOWN($C8542/24,0)+1,1)*INDEX($D$3:$AA$30,INDEX(Jesper!$R$2:$R$366,ROW(INDEX(Jesper!AI$2:AI$366,ROUNDDOWN($C8542/24,0)+1,1))-1)+IF('Standard Profiles'!$G$19=$B$10,7,0)+IF('Standard Profiles'!$G$19=$B$17,14,0)+IF('Standard Profiles'!$G$19=$B$24,21,0),MOD($C8542,24)+1)/SUM(INDEX($D$3:$AA$30,INDEX(Jesper!$R$2:$R$366,ROW(INDEX(Jesper!AI$2:AI$366,ROUNDDOWN($C8542/24,0)+1,1))-1)+IF('Standard Profiles'!$G$19=$B$10,7,0)+IF('Standard Profiles'!$G$19=$B$17,14,0)+IF('Standard Profiles'!$G$19=$B$24,21,0),0)),0)</f>
        <v>0</v>
      </c>
      <c r="F8542" cm="1">
        <f t="array" ref="F8542">IFERROR(INDEX(Jesper!AJ$2:AJ$366,ROUNDDOWN($C8542/24,0)+1,1)*INDEX($D$3:$AA$30,INDEX(Jesper!$R$2:$R$366,ROW(INDEX(Jesper!AJ$2:AJ$366,ROUNDDOWN($C8542/24,0)+1,1))-1)+IF('Standard Profiles'!$G$20=$B$10,7,0)+IF('Standard Profiles'!$G$20=$B$17,14,0)+IF('Standard Profiles'!$G$20=$B$24,21,0),MOD($C8542,24)+1)/SUM(INDEX($D$3:$AA$30,INDEX(Jesper!$R$2:$R$366,ROW(INDEX(Jesper!AJ$2:AJ$366,ROUNDDOWN($C8542/24,0)+1,1))-1)+IF('Standard Profiles'!$G$20=$B$10,7,0)+IF('Standard Profiles'!$G$20=$B$17,14,0)+IF('Standard Profiles'!$G$20=$B$24,21,0),0)),0)</f>
        <v>0</v>
      </c>
      <c r="G8542" cm="1">
        <f t="array" ref="G8542">IFERROR(INDEX(Jesper!AK$2:AK$366,ROUNDDOWN($C8542/24,0)+1,1)*INDEX($D$3:$AA$30,INDEX(Jesper!$R$2:$R$366,ROW(INDEX(Jesper!AK$2:AK$366,ROUNDDOWN($C8542/24,0)+1,1))-1)+IF('Standard Profiles'!$G$21=$B$10,7,0)+IF('Standard Profiles'!$G$21=$B$17,14,0)+IF('Standard Profiles'!$G$21=$B$24,21,0),MOD($C8542,24)+1)/SUM(INDEX($D$3:$AA$30,INDEX(Jesper!$R$2:$R$366,ROW(INDEX(Jesper!AK$2:AK$366,ROUNDDOWN($C8542/24,0)+1,1))-1)+IF('Standard Profiles'!$G$21=$B$10,7,0)+IF('Standard Profiles'!$G$21=$B$17,14,0)+IF('Standard Profiles'!$G$21=$B$24,21,0),0)),0)</f>
        <v>0</v>
      </c>
      <c r="H8542" cm="1">
        <f t="array" ref="H8542">IFERROR(INDEX(Jesper!AL$2:AL$366,ROUNDDOWN($C8542/24,0)+1,1)*INDEX($D$3:$AA$30,INDEX(Jesper!$R$2:$R$366,ROW(INDEX(Jesper!AL$2:AL$366,ROUNDDOWN($C8542/24,0)+1,1))-1)+IF('Standard Profiles'!$G$22=$B$10,7,0)+IF('Standard Profiles'!$G$22=$B$17,14,0)+IF('Standard Profiles'!$G$22=$B$24,21,0),MOD($C8542,24)+1)/SUM(INDEX($D$3:$AA$30,INDEX(Jesper!$R$2:$R$366,ROW(INDEX(Jesper!AL$2:AL$366,ROUNDDOWN($C8542/24,0)+1,1))-1)+IF('Standard Profiles'!$G$22=$B$10,7,0)+IF('Standard Profiles'!$G$22=$B$17,14,0)+IF('Standard Profiles'!$G$22=$B$24,21,0),0)),0)</f>
        <v>0</v>
      </c>
      <c r="I8542">
        <f t="shared" si="944"/>
        <v>0.53584464656763175</v>
      </c>
      <c r="J8542">
        <f t="shared" si="945"/>
        <v>1.7861488218921062</v>
      </c>
      <c r="K8542">
        <f t="shared" si="946"/>
        <v>2.6792232328381589</v>
      </c>
      <c r="L8542">
        <f t="shared" si="947"/>
        <v>12.860271517623163</v>
      </c>
      <c r="M8542">
        <f t="shared" si="948"/>
        <v>0</v>
      </c>
      <c r="N8542" s="46">
        <f t="shared" si="949"/>
        <v>45646.499999979365</v>
      </c>
    </row>
    <row r="8543" spans="2:14" x14ac:dyDescent="0.3">
      <c r="B8543">
        <f t="shared" si="943"/>
        <v>5</v>
      </c>
      <c r="C8543" s="16">
        <v>8509</v>
      </c>
      <c r="D8543" cm="1">
        <f t="array" ref="D8543">IFERROR(INDEX(Jesper!AH$2:AH$366,ROUNDDOWN($C8543/24,0)+1,1)*INDEX($D$3:$AA$30,INDEX(Jesper!$R$2:$R$366,ROW(INDEX(Jesper!AH$2:AH$366,ROUNDDOWN($C8543/24,0)+1,1))-1)+IF('Standard Profiles'!$G$18=$B$10,7,0)+IF('Standard Profiles'!$G$18=$B$17,14,0)+IF('Standard Profiles'!$G$18=$B$24,21,0),MOD($C8543,24)+1)/SUM(INDEX($D$3:$AA$30,INDEX(Jesper!$R$2:$R$366,ROW(INDEX(Jesper!AH$2:AH$366,ROUNDDOWN($C8543/24,0)+1,1))-1)+IF('Standard Profiles'!$G$18=$B$10,7,0)+IF('Standard Profiles'!$G$18=$B$17,14,0)+IF('Standard Profiles'!$G$18=$B$24,21,0),0)),0)</f>
        <v>17.86148821892106</v>
      </c>
      <c r="E8543" cm="1">
        <f t="array" ref="E8543">IFERROR(INDEX(Jesper!AI$2:AI$366,ROUNDDOWN($C8543/24,0)+1,1)*INDEX($D$3:$AA$30,INDEX(Jesper!$R$2:$R$366,ROW(INDEX(Jesper!AI$2:AI$366,ROUNDDOWN($C8543/24,0)+1,1))-1)+IF('Standard Profiles'!$G$19=$B$10,7,0)+IF('Standard Profiles'!$G$19=$B$17,14,0)+IF('Standard Profiles'!$G$19=$B$24,21,0),MOD($C8543,24)+1)/SUM(INDEX($D$3:$AA$30,INDEX(Jesper!$R$2:$R$366,ROW(INDEX(Jesper!AI$2:AI$366,ROUNDDOWN($C8543/24,0)+1,1))-1)+IF('Standard Profiles'!$G$19=$B$10,7,0)+IF('Standard Profiles'!$G$19=$B$17,14,0)+IF('Standard Profiles'!$G$19=$B$24,21,0),0)),0)</f>
        <v>0</v>
      </c>
      <c r="F8543" cm="1">
        <f t="array" ref="F8543">IFERROR(INDEX(Jesper!AJ$2:AJ$366,ROUNDDOWN($C8543/24,0)+1,1)*INDEX($D$3:$AA$30,INDEX(Jesper!$R$2:$R$366,ROW(INDEX(Jesper!AJ$2:AJ$366,ROUNDDOWN($C8543/24,0)+1,1))-1)+IF('Standard Profiles'!$G$20=$B$10,7,0)+IF('Standard Profiles'!$G$20=$B$17,14,0)+IF('Standard Profiles'!$G$20=$B$24,21,0),MOD($C8543,24)+1)/SUM(INDEX($D$3:$AA$30,INDEX(Jesper!$R$2:$R$366,ROW(INDEX(Jesper!AJ$2:AJ$366,ROUNDDOWN($C8543/24,0)+1,1))-1)+IF('Standard Profiles'!$G$20=$B$10,7,0)+IF('Standard Profiles'!$G$20=$B$17,14,0)+IF('Standard Profiles'!$G$20=$B$24,21,0),0)),0)</f>
        <v>0</v>
      </c>
      <c r="G8543" cm="1">
        <f t="array" ref="G8543">IFERROR(INDEX(Jesper!AK$2:AK$366,ROUNDDOWN($C8543/24,0)+1,1)*INDEX($D$3:$AA$30,INDEX(Jesper!$R$2:$R$366,ROW(INDEX(Jesper!AK$2:AK$366,ROUNDDOWN($C8543/24,0)+1,1))-1)+IF('Standard Profiles'!$G$21=$B$10,7,0)+IF('Standard Profiles'!$G$21=$B$17,14,0)+IF('Standard Profiles'!$G$21=$B$24,21,0),MOD($C8543,24)+1)/SUM(INDEX($D$3:$AA$30,INDEX(Jesper!$R$2:$R$366,ROW(INDEX(Jesper!AK$2:AK$366,ROUNDDOWN($C8543/24,0)+1,1))-1)+IF('Standard Profiles'!$G$21=$B$10,7,0)+IF('Standard Profiles'!$G$21=$B$17,14,0)+IF('Standard Profiles'!$G$21=$B$24,21,0),0)),0)</f>
        <v>0</v>
      </c>
      <c r="H8543" cm="1">
        <f t="array" ref="H8543">IFERROR(INDEX(Jesper!AL$2:AL$366,ROUNDDOWN($C8543/24,0)+1,1)*INDEX($D$3:$AA$30,INDEX(Jesper!$R$2:$R$366,ROW(INDEX(Jesper!AL$2:AL$366,ROUNDDOWN($C8543/24,0)+1,1))-1)+IF('Standard Profiles'!$G$22=$B$10,7,0)+IF('Standard Profiles'!$G$22=$B$17,14,0)+IF('Standard Profiles'!$G$22=$B$24,21,0),MOD($C8543,24)+1)/SUM(INDEX($D$3:$AA$30,INDEX(Jesper!$R$2:$R$366,ROW(INDEX(Jesper!AL$2:AL$366,ROUNDDOWN($C8543/24,0)+1,1))-1)+IF('Standard Profiles'!$G$22=$B$10,7,0)+IF('Standard Profiles'!$G$22=$B$17,14,0)+IF('Standard Profiles'!$G$22=$B$24,21,0),0)),0)</f>
        <v>0</v>
      </c>
      <c r="I8543">
        <f t="shared" si="944"/>
        <v>0.53584464656763175</v>
      </c>
      <c r="J8543">
        <f t="shared" si="945"/>
        <v>1.7861488218921062</v>
      </c>
      <c r="K8543">
        <f t="shared" si="946"/>
        <v>2.6792232328381589</v>
      </c>
      <c r="L8543">
        <f t="shared" si="947"/>
        <v>12.860271517623163</v>
      </c>
      <c r="M8543">
        <f t="shared" si="948"/>
        <v>0</v>
      </c>
      <c r="N8543" s="46">
        <f t="shared" si="949"/>
        <v>45646.54166664603</v>
      </c>
    </row>
    <row r="8544" spans="2:14" x14ac:dyDescent="0.3">
      <c r="B8544">
        <f t="shared" si="943"/>
        <v>5</v>
      </c>
      <c r="C8544" s="16">
        <v>8510</v>
      </c>
      <c r="D8544" cm="1">
        <f t="array" ref="D8544">IFERROR(INDEX(Jesper!AH$2:AH$366,ROUNDDOWN($C8544/24,0)+1,1)*INDEX($D$3:$AA$30,INDEX(Jesper!$R$2:$R$366,ROW(INDEX(Jesper!AH$2:AH$366,ROUNDDOWN($C8544/24,0)+1,1))-1)+IF('Standard Profiles'!$G$18=$B$10,7,0)+IF('Standard Profiles'!$G$18=$B$17,14,0)+IF('Standard Profiles'!$G$18=$B$24,21,0),MOD($C8544,24)+1)/SUM(INDEX($D$3:$AA$30,INDEX(Jesper!$R$2:$R$366,ROW(INDEX(Jesper!AH$2:AH$366,ROUNDDOWN($C8544/24,0)+1,1))-1)+IF('Standard Profiles'!$G$18=$B$10,7,0)+IF('Standard Profiles'!$G$18=$B$17,14,0)+IF('Standard Profiles'!$G$18=$B$24,21,0),0)),0)</f>
        <v>17.86148821892106</v>
      </c>
      <c r="E8544" cm="1">
        <f t="array" ref="E8544">IFERROR(INDEX(Jesper!AI$2:AI$366,ROUNDDOWN($C8544/24,0)+1,1)*INDEX($D$3:$AA$30,INDEX(Jesper!$R$2:$R$366,ROW(INDEX(Jesper!AI$2:AI$366,ROUNDDOWN($C8544/24,0)+1,1))-1)+IF('Standard Profiles'!$G$19=$B$10,7,0)+IF('Standard Profiles'!$G$19=$B$17,14,0)+IF('Standard Profiles'!$G$19=$B$24,21,0),MOD($C8544,24)+1)/SUM(INDEX($D$3:$AA$30,INDEX(Jesper!$R$2:$R$366,ROW(INDEX(Jesper!AI$2:AI$366,ROUNDDOWN($C8544/24,0)+1,1))-1)+IF('Standard Profiles'!$G$19=$B$10,7,0)+IF('Standard Profiles'!$G$19=$B$17,14,0)+IF('Standard Profiles'!$G$19=$B$24,21,0),0)),0)</f>
        <v>0</v>
      </c>
      <c r="F8544" cm="1">
        <f t="array" ref="F8544">IFERROR(INDEX(Jesper!AJ$2:AJ$366,ROUNDDOWN($C8544/24,0)+1,1)*INDEX($D$3:$AA$30,INDEX(Jesper!$R$2:$R$366,ROW(INDEX(Jesper!AJ$2:AJ$366,ROUNDDOWN($C8544/24,0)+1,1))-1)+IF('Standard Profiles'!$G$20=$B$10,7,0)+IF('Standard Profiles'!$G$20=$B$17,14,0)+IF('Standard Profiles'!$G$20=$B$24,21,0),MOD($C8544,24)+1)/SUM(INDEX($D$3:$AA$30,INDEX(Jesper!$R$2:$R$366,ROW(INDEX(Jesper!AJ$2:AJ$366,ROUNDDOWN($C8544/24,0)+1,1))-1)+IF('Standard Profiles'!$G$20=$B$10,7,0)+IF('Standard Profiles'!$G$20=$B$17,14,0)+IF('Standard Profiles'!$G$20=$B$24,21,0),0)),0)</f>
        <v>0</v>
      </c>
      <c r="G8544" cm="1">
        <f t="array" ref="G8544">IFERROR(INDEX(Jesper!AK$2:AK$366,ROUNDDOWN($C8544/24,0)+1,1)*INDEX($D$3:$AA$30,INDEX(Jesper!$R$2:$R$366,ROW(INDEX(Jesper!AK$2:AK$366,ROUNDDOWN($C8544/24,0)+1,1))-1)+IF('Standard Profiles'!$G$21=$B$10,7,0)+IF('Standard Profiles'!$G$21=$B$17,14,0)+IF('Standard Profiles'!$G$21=$B$24,21,0),MOD($C8544,24)+1)/SUM(INDEX($D$3:$AA$30,INDEX(Jesper!$R$2:$R$366,ROW(INDEX(Jesper!AK$2:AK$366,ROUNDDOWN($C8544/24,0)+1,1))-1)+IF('Standard Profiles'!$G$21=$B$10,7,0)+IF('Standard Profiles'!$G$21=$B$17,14,0)+IF('Standard Profiles'!$G$21=$B$24,21,0),0)),0)</f>
        <v>0</v>
      </c>
      <c r="H8544" cm="1">
        <f t="array" ref="H8544">IFERROR(INDEX(Jesper!AL$2:AL$366,ROUNDDOWN($C8544/24,0)+1,1)*INDEX($D$3:$AA$30,INDEX(Jesper!$R$2:$R$366,ROW(INDEX(Jesper!AL$2:AL$366,ROUNDDOWN($C8544/24,0)+1,1))-1)+IF('Standard Profiles'!$G$22=$B$10,7,0)+IF('Standard Profiles'!$G$22=$B$17,14,0)+IF('Standard Profiles'!$G$22=$B$24,21,0),MOD($C8544,24)+1)/SUM(INDEX($D$3:$AA$30,INDEX(Jesper!$R$2:$R$366,ROW(INDEX(Jesper!AL$2:AL$366,ROUNDDOWN($C8544/24,0)+1,1))-1)+IF('Standard Profiles'!$G$22=$B$10,7,0)+IF('Standard Profiles'!$G$22=$B$17,14,0)+IF('Standard Profiles'!$G$22=$B$24,21,0),0)),0)</f>
        <v>0</v>
      </c>
      <c r="I8544">
        <f t="shared" si="944"/>
        <v>0.53584464656763175</v>
      </c>
      <c r="J8544">
        <f t="shared" si="945"/>
        <v>1.7861488218921062</v>
      </c>
      <c r="K8544">
        <f t="shared" si="946"/>
        <v>2.6792232328381589</v>
      </c>
      <c r="L8544">
        <f t="shared" si="947"/>
        <v>12.860271517623163</v>
      </c>
      <c r="M8544">
        <f t="shared" si="948"/>
        <v>0</v>
      </c>
      <c r="N8544" s="46">
        <f t="shared" si="949"/>
        <v>45646.583333312694</v>
      </c>
    </row>
    <row r="8545" spans="2:14" x14ac:dyDescent="0.3">
      <c r="B8545">
        <f t="shared" si="943"/>
        <v>5</v>
      </c>
      <c r="C8545" s="16">
        <v>8511</v>
      </c>
      <c r="D8545" cm="1">
        <f t="array" ref="D8545">IFERROR(INDEX(Jesper!AH$2:AH$366,ROUNDDOWN($C8545/24,0)+1,1)*INDEX($D$3:$AA$30,INDEX(Jesper!$R$2:$R$366,ROW(INDEX(Jesper!AH$2:AH$366,ROUNDDOWN($C8545/24,0)+1,1))-1)+IF('Standard Profiles'!$G$18=$B$10,7,0)+IF('Standard Profiles'!$G$18=$B$17,14,0)+IF('Standard Profiles'!$G$18=$B$24,21,0),MOD($C8545,24)+1)/SUM(INDEX($D$3:$AA$30,INDEX(Jesper!$R$2:$R$366,ROW(INDEX(Jesper!AH$2:AH$366,ROUNDDOWN($C8545/24,0)+1,1))-1)+IF('Standard Profiles'!$G$18=$B$10,7,0)+IF('Standard Profiles'!$G$18=$B$17,14,0)+IF('Standard Profiles'!$G$18=$B$24,21,0),0)),0)</f>
        <v>14.884573515767553</v>
      </c>
      <c r="E8545" cm="1">
        <f t="array" ref="E8545">IFERROR(INDEX(Jesper!AI$2:AI$366,ROUNDDOWN($C8545/24,0)+1,1)*INDEX($D$3:$AA$30,INDEX(Jesper!$R$2:$R$366,ROW(INDEX(Jesper!AI$2:AI$366,ROUNDDOWN($C8545/24,0)+1,1))-1)+IF('Standard Profiles'!$G$19=$B$10,7,0)+IF('Standard Profiles'!$G$19=$B$17,14,0)+IF('Standard Profiles'!$G$19=$B$24,21,0),MOD($C8545,24)+1)/SUM(INDEX($D$3:$AA$30,INDEX(Jesper!$R$2:$R$366,ROW(INDEX(Jesper!AI$2:AI$366,ROUNDDOWN($C8545/24,0)+1,1))-1)+IF('Standard Profiles'!$G$19=$B$10,7,0)+IF('Standard Profiles'!$G$19=$B$17,14,0)+IF('Standard Profiles'!$G$19=$B$24,21,0),0)),0)</f>
        <v>0</v>
      </c>
      <c r="F8545" cm="1">
        <f t="array" ref="F8545">IFERROR(INDEX(Jesper!AJ$2:AJ$366,ROUNDDOWN($C8545/24,0)+1,1)*INDEX($D$3:$AA$30,INDEX(Jesper!$R$2:$R$366,ROW(INDEX(Jesper!AJ$2:AJ$366,ROUNDDOWN($C8545/24,0)+1,1))-1)+IF('Standard Profiles'!$G$20=$B$10,7,0)+IF('Standard Profiles'!$G$20=$B$17,14,0)+IF('Standard Profiles'!$G$20=$B$24,21,0),MOD($C8545,24)+1)/SUM(INDEX($D$3:$AA$30,INDEX(Jesper!$R$2:$R$366,ROW(INDEX(Jesper!AJ$2:AJ$366,ROUNDDOWN($C8545/24,0)+1,1))-1)+IF('Standard Profiles'!$G$20=$B$10,7,0)+IF('Standard Profiles'!$G$20=$B$17,14,0)+IF('Standard Profiles'!$G$20=$B$24,21,0),0)),0)</f>
        <v>0</v>
      </c>
      <c r="G8545" cm="1">
        <f t="array" ref="G8545">IFERROR(INDEX(Jesper!AK$2:AK$366,ROUNDDOWN($C8545/24,0)+1,1)*INDEX($D$3:$AA$30,INDEX(Jesper!$R$2:$R$366,ROW(INDEX(Jesper!AK$2:AK$366,ROUNDDOWN($C8545/24,0)+1,1))-1)+IF('Standard Profiles'!$G$21=$B$10,7,0)+IF('Standard Profiles'!$G$21=$B$17,14,0)+IF('Standard Profiles'!$G$21=$B$24,21,0),MOD($C8545,24)+1)/SUM(INDEX($D$3:$AA$30,INDEX(Jesper!$R$2:$R$366,ROW(INDEX(Jesper!AK$2:AK$366,ROUNDDOWN($C8545/24,0)+1,1))-1)+IF('Standard Profiles'!$G$21=$B$10,7,0)+IF('Standard Profiles'!$G$21=$B$17,14,0)+IF('Standard Profiles'!$G$21=$B$24,21,0),0)),0)</f>
        <v>0</v>
      </c>
      <c r="H8545" cm="1">
        <f t="array" ref="H8545">IFERROR(INDEX(Jesper!AL$2:AL$366,ROUNDDOWN($C8545/24,0)+1,1)*INDEX($D$3:$AA$30,INDEX(Jesper!$R$2:$R$366,ROW(INDEX(Jesper!AL$2:AL$366,ROUNDDOWN($C8545/24,0)+1,1))-1)+IF('Standard Profiles'!$G$22=$B$10,7,0)+IF('Standard Profiles'!$G$22=$B$17,14,0)+IF('Standard Profiles'!$G$22=$B$24,21,0),MOD($C8545,24)+1)/SUM(INDEX($D$3:$AA$30,INDEX(Jesper!$R$2:$R$366,ROW(INDEX(Jesper!AL$2:AL$366,ROUNDDOWN($C8545/24,0)+1,1))-1)+IF('Standard Profiles'!$G$22=$B$10,7,0)+IF('Standard Profiles'!$G$22=$B$17,14,0)+IF('Standard Profiles'!$G$22=$B$24,21,0),0)),0)</f>
        <v>0</v>
      </c>
      <c r="I8545">
        <f t="shared" si="944"/>
        <v>0.44653720547302655</v>
      </c>
      <c r="J8545">
        <f t="shared" si="945"/>
        <v>1.4884573515767554</v>
      </c>
      <c r="K8545">
        <f t="shared" si="946"/>
        <v>2.232686027365133</v>
      </c>
      <c r="L8545">
        <f t="shared" si="947"/>
        <v>10.716892931352637</v>
      </c>
      <c r="M8545">
        <f t="shared" si="948"/>
        <v>0</v>
      </c>
      <c r="N8545" s="46">
        <f t="shared" si="949"/>
        <v>45646.624999979358</v>
      </c>
    </row>
    <row r="8546" spans="2:14" x14ac:dyDescent="0.3">
      <c r="B8546">
        <f t="shared" si="943"/>
        <v>5</v>
      </c>
      <c r="C8546" s="16">
        <v>8512</v>
      </c>
      <c r="D8546" cm="1">
        <f t="array" ref="D8546">IFERROR(INDEX(Jesper!AH$2:AH$366,ROUNDDOWN($C8546/24,0)+1,1)*INDEX($D$3:$AA$30,INDEX(Jesper!$R$2:$R$366,ROW(INDEX(Jesper!AH$2:AH$366,ROUNDDOWN($C8546/24,0)+1,1))-1)+IF('Standard Profiles'!$G$18=$B$10,7,0)+IF('Standard Profiles'!$G$18=$B$17,14,0)+IF('Standard Profiles'!$G$18=$B$24,21,0),MOD($C8546,24)+1)/SUM(INDEX($D$3:$AA$30,INDEX(Jesper!$R$2:$R$366,ROW(INDEX(Jesper!AH$2:AH$366,ROUNDDOWN($C8546/24,0)+1,1))-1)+IF('Standard Profiles'!$G$18=$B$10,7,0)+IF('Standard Profiles'!$G$18=$B$17,14,0)+IF('Standard Profiles'!$G$18=$B$24,21,0),0)),0)</f>
        <v>14.090729594926616</v>
      </c>
      <c r="E8546" cm="1">
        <f t="array" ref="E8546">IFERROR(INDEX(Jesper!AI$2:AI$366,ROUNDDOWN($C8546/24,0)+1,1)*INDEX($D$3:$AA$30,INDEX(Jesper!$R$2:$R$366,ROW(INDEX(Jesper!AI$2:AI$366,ROUNDDOWN($C8546/24,0)+1,1))-1)+IF('Standard Profiles'!$G$19=$B$10,7,0)+IF('Standard Profiles'!$G$19=$B$17,14,0)+IF('Standard Profiles'!$G$19=$B$24,21,0),MOD($C8546,24)+1)/SUM(INDEX($D$3:$AA$30,INDEX(Jesper!$R$2:$R$366,ROW(INDEX(Jesper!AI$2:AI$366,ROUNDDOWN($C8546/24,0)+1,1))-1)+IF('Standard Profiles'!$G$19=$B$10,7,0)+IF('Standard Profiles'!$G$19=$B$17,14,0)+IF('Standard Profiles'!$G$19=$B$24,21,0),0)),0)</f>
        <v>0</v>
      </c>
      <c r="F8546" cm="1">
        <f t="array" ref="F8546">IFERROR(INDEX(Jesper!AJ$2:AJ$366,ROUNDDOWN($C8546/24,0)+1,1)*INDEX($D$3:$AA$30,INDEX(Jesper!$R$2:$R$366,ROW(INDEX(Jesper!AJ$2:AJ$366,ROUNDDOWN($C8546/24,0)+1,1))-1)+IF('Standard Profiles'!$G$20=$B$10,7,0)+IF('Standard Profiles'!$G$20=$B$17,14,0)+IF('Standard Profiles'!$G$20=$B$24,21,0),MOD($C8546,24)+1)/SUM(INDEX($D$3:$AA$30,INDEX(Jesper!$R$2:$R$366,ROW(INDEX(Jesper!AJ$2:AJ$366,ROUNDDOWN($C8546/24,0)+1,1))-1)+IF('Standard Profiles'!$G$20=$B$10,7,0)+IF('Standard Profiles'!$G$20=$B$17,14,0)+IF('Standard Profiles'!$G$20=$B$24,21,0),0)),0)</f>
        <v>0</v>
      </c>
      <c r="G8546" cm="1">
        <f t="array" ref="G8546">IFERROR(INDEX(Jesper!AK$2:AK$366,ROUNDDOWN($C8546/24,0)+1,1)*INDEX($D$3:$AA$30,INDEX(Jesper!$R$2:$R$366,ROW(INDEX(Jesper!AK$2:AK$366,ROUNDDOWN($C8546/24,0)+1,1))-1)+IF('Standard Profiles'!$G$21=$B$10,7,0)+IF('Standard Profiles'!$G$21=$B$17,14,0)+IF('Standard Profiles'!$G$21=$B$24,21,0),MOD($C8546,24)+1)/SUM(INDEX($D$3:$AA$30,INDEX(Jesper!$R$2:$R$366,ROW(INDEX(Jesper!AK$2:AK$366,ROUNDDOWN($C8546/24,0)+1,1))-1)+IF('Standard Profiles'!$G$21=$B$10,7,0)+IF('Standard Profiles'!$G$21=$B$17,14,0)+IF('Standard Profiles'!$G$21=$B$24,21,0),0)),0)</f>
        <v>0</v>
      </c>
      <c r="H8546" cm="1">
        <f t="array" ref="H8546">IFERROR(INDEX(Jesper!AL$2:AL$366,ROUNDDOWN($C8546/24,0)+1,1)*INDEX($D$3:$AA$30,INDEX(Jesper!$R$2:$R$366,ROW(INDEX(Jesper!AL$2:AL$366,ROUNDDOWN($C8546/24,0)+1,1))-1)+IF('Standard Profiles'!$G$22=$B$10,7,0)+IF('Standard Profiles'!$G$22=$B$17,14,0)+IF('Standard Profiles'!$G$22=$B$24,21,0),MOD($C8546,24)+1)/SUM(INDEX($D$3:$AA$30,INDEX(Jesper!$R$2:$R$366,ROW(INDEX(Jesper!AL$2:AL$366,ROUNDDOWN($C8546/24,0)+1,1))-1)+IF('Standard Profiles'!$G$22=$B$10,7,0)+IF('Standard Profiles'!$G$22=$B$17,14,0)+IF('Standard Profiles'!$G$22=$B$24,21,0),0)),0)</f>
        <v>0</v>
      </c>
      <c r="I8546">
        <f t="shared" si="944"/>
        <v>0.42272188784779846</v>
      </c>
      <c r="J8546">
        <f t="shared" si="945"/>
        <v>1.4090729594926616</v>
      </c>
      <c r="K8546">
        <f t="shared" si="946"/>
        <v>2.1136094392389921</v>
      </c>
      <c r="L8546">
        <f t="shared" si="947"/>
        <v>10.145325308347163</v>
      </c>
      <c r="M8546">
        <f t="shared" si="948"/>
        <v>0</v>
      </c>
      <c r="N8546" s="46">
        <f t="shared" si="949"/>
        <v>45646.666666646022</v>
      </c>
    </row>
    <row r="8547" spans="2:14" x14ac:dyDescent="0.3">
      <c r="B8547">
        <f t="shared" ref="B8547:B8610" si="950">WEEKDAY(N8547,2)</f>
        <v>5</v>
      </c>
      <c r="C8547" s="16">
        <v>8513</v>
      </c>
      <c r="D8547" cm="1">
        <f t="array" ref="D8547">IFERROR(INDEX(Jesper!AH$2:AH$366,ROUNDDOWN($C8547/24,0)+1,1)*INDEX($D$3:$AA$30,INDEX(Jesper!$R$2:$R$366,ROW(INDEX(Jesper!AH$2:AH$366,ROUNDDOWN($C8547/24,0)+1,1))-1)+IF('Standard Profiles'!$G$18=$B$10,7,0)+IF('Standard Profiles'!$G$18=$B$17,14,0)+IF('Standard Profiles'!$G$18=$B$24,21,0),MOD($C8547,24)+1)/SUM(INDEX($D$3:$AA$30,INDEX(Jesper!$R$2:$R$366,ROW(INDEX(Jesper!AH$2:AH$366,ROUNDDOWN($C8547/24,0)+1,1))-1)+IF('Standard Profiles'!$G$18=$B$10,7,0)+IF('Standard Profiles'!$G$18=$B$17,14,0)+IF('Standard Profiles'!$G$18=$B$24,21,0),0)),0)</f>
        <v>14.090729594926616</v>
      </c>
      <c r="E8547" cm="1">
        <f t="array" ref="E8547">IFERROR(INDEX(Jesper!AI$2:AI$366,ROUNDDOWN($C8547/24,0)+1,1)*INDEX($D$3:$AA$30,INDEX(Jesper!$R$2:$R$366,ROW(INDEX(Jesper!AI$2:AI$366,ROUNDDOWN($C8547/24,0)+1,1))-1)+IF('Standard Profiles'!$G$19=$B$10,7,0)+IF('Standard Profiles'!$G$19=$B$17,14,0)+IF('Standard Profiles'!$G$19=$B$24,21,0),MOD($C8547,24)+1)/SUM(INDEX($D$3:$AA$30,INDEX(Jesper!$R$2:$R$366,ROW(INDEX(Jesper!AI$2:AI$366,ROUNDDOWN($C8547/24,0)+1,1))-1)+IF('Standard Profiles'!$G$19=$B$10,7,0)+IF('Standard Profiles'!$G$19=$B$17,14,0)+IF('Standard Profiles'!$G$19=$B$24,21,0),0)),0)</f>
        <v>0</v>
      </c>
      <c r="F8547" cm="1">
        <f t="array" ref="F8547">IFERROR(INDEX(Jesper!AJ$2:AJ$366,ROUNDDOWN($C8547/24,0)+1,1)*INDEX($D$3:$AA$30,INDEX(Jesper!$R$2:$R$366,ROW(INDEX(Jesper!AJ$2:AJ$366,ROUNDDOWN($C8547/24,0)+1,1))-1)+IF('Standard Profiles'!$G$20=$B$10,7,0)+IF('Standard Profiles'!$G$20=$B$17,14,0)+IF('Standard Profiles'!$G$20=$B$24,21,0),MOD($C8547,24)+1)/SUM(INDEX($D$3:$AA$30,INDEX(Jesper!$R$2:$R$366,ROW(INDEX(Jesper!AJ$2:AJ$366,ROUNDDOWN($C8547/24,0)+1,1))-1)+IF('Standard Profiles'!$G$20=$B$10,7,0)+IF('Standard Profiles'!$G$20=$B$17,14,0)+IF('Standard Profiles'!$G$20=$B$24,21,0),0)),0)</f>
        <v>0</v>
      </c>
      <c r="G8547" cm="1">
        <f t="array" ref="G8547">IFERROR(INDEX(Jesper!AK$2:AK$366,ROUNDDOWN($C8547/24,0)+1,1)*INDEX($D$3:$AA$30,INDEX(Jesper!$R$2:$R$366,ROW(INDEX(Jesper!AK$2:AK$366,ROUNDDOWN($C8547/24,0)+1,1))-1)+IF('Standard Profiles'!$G$21=$B$10,7,0)+IF('Standard Profiles'!$G$21=$B$17,14,0)+IF('Standard Profiles'!$G$21=$B$24,21,0),MOD($C8547,24)+1)/SUM(INDEX($D$3:$AA$30,INDEX(Jesper!$R$2:$R$366,ROW(INDEX(Jesper!AK$2:AK$366,ROUNDDOWN($C8547/24,0)+1,1))-1)+IF('Standard Profiles'!$G$21=$B$10,7,0)+IF('Standard Profiles'!$G$21=$B$17,14,0)+IF('Standard Profiles'!$G$21=$B$24,21,0),0)),0)</f>
        <v>0</v>
      </c>
      <c r="H8547" cm="1">
        <f t="array" ref="H8547">IFERROR(INDEX(Jesper!AL$2:AL$366,ROUNDDOWN($C8547/24,0)+1,1)*INDEX($D$3:$AA$30,INDEX(Jesper!$R$2:$R$366,ROW(INDEX(Jesper!AL$2:AL$366,ROUNDDOWN($C8547/24,0)+1,1))-1)+IF('Standard Profiles'!$G$22=$B$10,7,0)+IF('Standard Profiles'!$G$22=$B$17,14,0)+IF('Standard Profiles'!$G$22=$B$24,21,0),MOD($C8547,24)+1)/SUM(INDEX($D$3:$AA$30,INDEX(Jesper!$R$2:$R$366,ROW(INDEX(Jesper!AL$2:AL$366,ROUNDDOWN($C8547/24,0)+1,1))-1)+IF('Standard Profiles'!$G$22=$B$10,7,0)+IF('Standard Profiles'!$G$22=$B$17,14,0)+IF('Standard Profiles'!$G$22=$B$24,21,0),0)),0)</f>
        <v>0</v>
      </c>
      <c r="I8547">
        <f t="shared" ref="I8547:I8610" si="951">IF($B8547&lt;6,AC$37*$D8547+AC$38*$E8547+AC$39*$F8547+AC$40*$G8547,AC$46*$D8547+AC$47*$E8547+AC$48*$F8547+AC$49*$G8547+AC$50*$H8547)</f>
        <v>0.42272188784779846</v>
      </c>
      <c r="J8547">
        <f t="shared" ref="J8547:J8610" si="952">IF($B8547&lt;6,AD$37*$D8547+AD$38*$E8547+AD$39*$F8547+AD$40*$G8547,AD$46*$D8547+AD$47*$E8547+AD$48*$F8547+AD$49*$G8547+AD$50*$H8547)</f>
        <v>1.4090729594926616</v>
      </c>
      <c r="K8547">
        <f t="shared" ref="K8547:K8610" si="953">IF($B8547&lt;6,AE$37*$D8547+AE$38*$E8547+AE$39*$F8547+AE$40*$G8547,AE$46*$D8547+AE$47*$E8547+AE$48*$F8547+AE$49*$G8547+AE$50*$H8547)</f>
        <v>2.1136094392389921</v>
      </c>
      <c r="L8547">
        <f t="shared" ref="L8547:L8610" si="954">IF($B8547&lt;6,AF$37*$D8547+AF$38*$E8547+AF$39*$F8547+AF$40*$G8547,AF$46*$D8547+AF$47*$E8547+AF$48*$F8547+AF$49*$G8547+AF$50*$H8547)</f>
        <v>10.145325308347163</v>
      </c>
      <c r="M8547">
        <f t="shared" ref="M8547:M8610" si="955">IF($B8547&lt;6,AG$37*$D8547+AG$38*$E8547+AG$39*$F8547+AG$40*$G8547,AG$46*$D8547+AG$47*$E8547+AG$48*$F8547+AG$49*$G8547+AG$50*$H8547)</f>
        <v>0</v>
      </c>
      <c r="N8547" s="46">
        <f t="shared" si="949"/>
        <v>45646.708333312687</v>
      </c>
    </row>
    <row r="8548" spans="2:14" x14ac:dyDescent="0.3">
      <c r="B8548">
        <f t="shared" si="950"/>
        <v>5</v>
      </c>
      <c r="C8548" s="16">
        <v>8514</v>
      </c>
      <c r="D8548" cm="1">
        <f t="array" ref="D8548">IFERROR(INDEX(Jesper!AH$2:AH$366,ROUNDDOWN($C8548/24,0)+1,1)*INDEX($D$3:$AA$30,INDEX(Jesper!$R$2:$R$366,ROW(INDEX(Jesper!AH$2:AH$366,ROUNDDOWN($C8548/24,0)+1,1))-1)+IF('Standard Profiles'!$G$18=$B$10,7,0)+IF('Standard Profiles'!$G$18=$B$17,14,0)+IF('Standard Profiles'!$G$18=$B$24,21,0),MOD($C8548,24)+1)/SUM(INDEX($D$3:$AA$30,INDEX(Jesper!$R$2:$R$366,ROW(INDEX(Jesper!AH$2:AH$366,ROUNDDOWN($C8548/24,0)+1,1))-1)+IF('Standard Profiles'!$G$18=$B$10,7,0)+IF('Standard Profiles'!$G$18=$B$17,14,0)+IF('Standard Profiles'!$G$18=$B$24,21,0),0)),0)</f>
        <v>14.090729594926616</v>
      </c>
      <c r="E8548" cm="1">
        <f t="array" ref="E8548">IFERROR(INDEX(Jesper!AI$2:AI$366,ROUNDDOWN($C8548/24,0)+1,1)*INDEX($D$3:$AA$30,INDEX(Jesper!$R$2:$R$366,ROW(INDEX(Jesper!AI$2:AI$366,ROUNDDOWN($C8548/24,0)+1,1))-1)+IF('Standard Profiles'!$G$19=$B$10,7,0)+IF('Standard Profiles'!$G$19=$B$17,14,0)+IF('Standard Profiles'!$G$19=$B$24,21,0),MOD($C8548,24)+1)/SUM(INDEX($D$3:$AA$30,INDEX(Jesper!$R$2:$R$366,ROW(INDEX(Jesper!AI$2:AI$366,ROUNDDOWN($C8548/24,0)+1,1))-1)+IF('Standard Profiles'!$G$19=$B$10,7,0)+IF('Standard Profiles'!$G$19=$B$17,14,0)+IF('Standard Profiles'!$G$19=$B$24,21,0),0)),0)</f>
        <v>0</v>
      </c>
      <c r="F8548" cm="1">
        <f t="array" ref="F8548">IFERROR(INDEX(Jesper!AJ$2:AJ$366,ROUNDDOWN($C8548/24,0)+1,1)*INDEX($D$3:$AA$30,INDEX(Jesper!$R$2:$R$366,ROW(INDEX(Jesper!AJ$2:AJ$366,ROUNDDOWN($C8548/24,0)+1,1))-1)+IF('Standard Profiles'!$G$20=$B$10,7,0)+IF('Standard Profiles'!$G$20=$B$17,14,0)+IF('Standard Profiles'!$G$20=$B$24,21,0),MOD($C8548,24)+1)/SUM(INDEX($D$3:$AA$30,INDEX(Jesper!$R$2:$R$366,ROW(INDEX(Jesper!AJ$2:AJ$366,ROUNDDOWN($C8548/24,0)+1,1))-1)+IF('Standard Profiles'!$G$20=$B$10,7,0)+IF('Standard Profiles'!$G$20=$B$17,14,0)+IF('Standard Profiles'!$G$20=$B$24,21,0),0)),0)</f>
        <v>0</v>
      </c>
      <c r="G8548" cm="1">
        <f t="array" ref="G8548">IFERROR(INDEX(Jesper!AK$2:AK$366,ROUNDDOWN($C8548/24,0)+1,1)*INDEX($D$3:$AA$30,INDEX(Jesper!$R$2:$R$366,ROW(INDEX(Jesper!AK$2:AK$366,ROUNDDOWN($C8548/24,0)+1,1))-1)+IF('Standard Profiles'!$G$21=$B$10,7,0)+IF('Standard Profiles'!$G$21=$B$17,14,0)+IF('Standard Profiles'!$G$21=$B$24,21,0),MOD($C8548,24)+1)/SUM(INDEX($D$3:$AA$30,INDEX(Jesper!$R$2:$R$366,ROW(INDEX(Jesper!AK$2:AK$366,ROUNDDOWN($C8548/24,0)+1,1))-1)+IF('Standard Profiles'!$G$21=$B$10,7,0)+IF('Standard Profiles'!$G$21=$B$17,14,0)+IF('Standard Profiles'!$G$21=$B$24,21,0),0)),0)</f>
        <v>0</v>
      </c>
      <c r="H8548" cm="1">
        <f t="array" ref="H8548">IFERROR(INDEX(Jesper!AL$2:AL$366,ROUNDDOWN($C8548/24,0)+1,1)*INDEX($D$3:$AA$30,INDEX(Jesper!$R$2:$R$366,ROW(INDEX(Jesper!AL$2:AL$366,ROUNDDOWN($C8548/24,0)+1,1))-1)+IF('Standard Profiles'!$G$22=$B$10,7,0)+IF('Standard Profiles'!$G$22=$B$17,14,0)+IF('Standard Profiles'!$G$22=$B$24,21,0),MOD($C8548,24)+1)/SUM(INDEX($D$3:$AA$30,INDEX(Jesper!$R$2:$R$366,ROW(INDEX(Jesper!AL$2:AL$366,ROUNDDOWN($C8548/24,0)+1,1))-1)+IF('Standard Profiles'!$G$22=$B$10,7,0)+IF('Standard Profiles'!$G$22=$B$17,14,0)+IF('Standard Profiles'!$G$22=$B$24,21,0),0)),0)</f>
        <v>0</v>
      </c>
      <c r="I8548">
        <f t="shared" si="951"/>
        <v>0.42272188784779846</v>
      </c>
      <c r="J8548">
        <f t="shared" si="952"/>
        <v>1.4090729594926616</v>
      </c>
      <c r="K8548">
        <f t="shared" si="953"/>
        <v>2.1136094392389921</v>
      </c>
      <c r="L8548">
        <f t="shared" si="954"/>
        <v>10.145325308347163</v>
      </c>
      <c r="M8548">
        <f t="shared" si="955"/>
        <v>0</v>
      </c>
      <c r="N8548" s="46">
        <f t="shared" ref="N8548:N8611" si="956">N8547+1/24</f>
        <v>45646.749999979351</v>
      </c>
    </row>
    <row r="8549" spans="2:14" x14ac:dyDescent="0.3">
      <c r="B8549">
        <f t="shared" si="950"/>
        <v>5</v>
      </c>
      <c r="C8549" s="16">
        <v>8515</v>
      </c>
      <c r="D8549" cm="1">
        <f t="array" ref="D8549">IFERROR(INDEX(Jesper!AH$2:AH$366,ROUNDDOWN($C8549/24,0)+1,1)*INDEX($D$3:$AA$30,INDEX(Jesper!$R$2:$R$366,ROW(INDEX(Jesper!AH$2:AH$366,ROUNDDOWN($C8549/24,0)+1,1))-1)+IF('Standard Profiles'!$G$18=$B$10,7,0)+IF('Standard Profiles'!$G$18=$B$17,14,0)+IF('Standard Profiles'!$G$18=$B$24,21,0),MOD($C8549,24)+1)/SUM(INDEX($D$3:$AA$30,INDEX(Jesper!$R$2:$R$366,ROW(INDEX(Jesper!AH$2:AH$366,ROUNDDOWN($C8549/24,0)+1,1))-1)+IF('Standard Profiles'!$G$18=$B$10,7,0)+IF('Standard Profiles'!$G$18=$B$17,14,0)+IF('Standard Profiles'!$G$18=$B$24,21,0),0)),0)</f>
        <v>14.090729594926616</v>
      </c>
      <c r="E8549" cm="1">
        <f t="array" ref="E8549">IFERROR(INDEX(Jesper!AI$2:AI$366,ROUNDDOWN($C8549/24,0)+1,1)*INDEX($D$3:$AA$30,INDEX(Jesper!$R$2:$R$366,ROW(INDEX(Jesper!AI$2:AI$366,ROUNDDOWN($C8549/24,0)+1,1))-1)+IF('Standard Profiles'!$G$19=$B$10,7,0)+IF('Standard Profiles'!$G$19=$B$17,14,0)+IF('Standard Profiles'!$G$19=$B$24,21,0),MOD($C8549,24)+1)/SUM(INDEX($D$3:$AA$30,INDEX(Jesper!$R$2:$R$366,ROW(INDEX(Jesper!AI$2:AI$366,ROUNDDOWN($C8549/24,0)+1,1))-1)+IF('Standard Profiles'!$G$19=$B$10,7,0)+IF('Standard Profiles'!$G$19=$B$17,14,0)+IF('Standard Profiles'!$G$19=$B$24,21,0),0)),0)</f>
        <v>0</v>
      </c>
      <c r="F8549" cm="1">
        <f t="array" ref="F8549">IFERROR(INDEX(Jesper!AJ$2:AJ$366,ROUNDDOWN($C8549/24,0)+1,1)*INDEX($D$3:$AA$30,INDEX(Jesper!$R$2:$R$366,ROW(INDEX(Jesper!AJ$2:AJ$366,ROUNDDOWN($C8549/24,0)+1,1))-1)+IF('Standard Profiles'!$G$20=$B$10,7,0)+IF('Standard Profiles'!$G$20=$B$17,14,0)+IF('Standard Profiles'!$G$20=$B$24,21,0),MOD($C8549,24)+1)/SUM(INDEX($D$3:$AA$30,INDEX(Jesper!$R$2:$R$366,ROW(INDEX(Jesper!AJ$2:AJ$366,ROUNDDOWN($C8549/24,0)+1,1))-1)+IF('Standard Profiles'!$G$20=$B$10,7,0)+IF('Standard Profiles'!$G$20=$B$17,14,0)+IF('Standard Profiles'!$G$20=$B$24,21,0),0)),0)</f>
        <v>0</v>
      </c>
      <c r="G8549" cm="1">
        <f t="array" ref="G8549">IFERROR(INDEX(Jesper!AK$2:AK$366,ROUNDDOWN($C8549/24,0)+1,1)*INDEX($D$3:$AA$30,INDEX(Jesper!$R$2:$R$366,ROW(INDEX(Jesper!AK$2:AK$366,ROUNDDOWN($C8549/24,0)+1,1))-1)+IF('Standard Profiles'!$G$21=$B$10,7,0)+IF('Standard Profiles'!$G$21=$B$17,14,0)+IF('Standard Profiles'!$G$21=$B$24,21,0),MOD($C8549,24)+1)/SUM(INDEX($D$3:$AA$30,INDEX(Jesper!$R$2:$R$366,ROW(INDEX(Jesper!AK$2:AK$366,ROUNDDOWN($C8549/24,0)+1,1))-1)+IF('Standard Profiles'!$G$21=$B$10,7,0)+IF('Standard Profiles'!$G$21=$B$17,14,0)+IF('Standard Profiles'!$G$21=$B$24,21,0),0)),0)</f>
        <v>0</v>
      </c>
      <c r="H8549" cm="1">
        <f t="array" ref="H8549">IFERROR(INDEX(Jesper!AL$2:AL$366,ROUNDDOWN($C8549/24,0)+1,1)*INDEX($D$3:$AA$30,INDEX(Jesper!$R$2:$R$366,ROW(INDEX(Jesper!AL$2:AL$366,ROUNDDOWN($C8549/24,0)+1,1))-1)+IF('Standard Profiles'!$G$22=$B$10,7,0)+IF('Standard Profiles'!$G$22=$B$17,14,0)+IF('Standard Profiles'!$G$22=$B$24,21,0),MOD($C8549,24)+1)/SUM(INDEX($D$3:$AA$30,INDEX(Jesper!$R$2:$R$366,ROW(INDEX(Jesper!AL$2:AL$366,ROUNDDOWN($C8549/24,0)+1,1))-1)+IF('Standard Profiles'!$G$22=$B$10,7,0)+IF('Standard Profiles'!$G$22=$B$17,14,0)+IF('Standard Profiles'!$G$22=$B$24,21,0),0)),0)</f>
        <v>0</v>
      </c>
      <c r="I8549">
        <f t="shared" si="951"/>
        <v>0.42272188784779846</v>
      </c>
      <c r="J8549">
        <f t="shared" si="952"/>
        <v>1.4090729594926616</v>
      </c>
      <c r="K8549">
        <f t="shared" si="953"/>
        <v>2.1136094392389921</v>
      </c>
      <c r="L8549">
        <f t="shared" si="954"/>
        <v>10.145325308347163</v>
      </c>
      <c r="M8549">
        <f t="shared" si="955"/>
        <v>0</v>
      </c>
      <c r="N8549" s="46">
        <f t="shared" si="956"/>
        <v>45646.791666646015</v>
      </c>
    </row>
    <row r="8550" spans="2:14" x14ac:dyDescent="0.3">
      <c r="B8550">
        <f t="shared" si="950"/>
        <v>5</v>
      </c>
      <c r="C8550" s="16">
        <v>8516</v>
      </c>
      <c r="D8550" cm="1">
        <f t="array" ref="D8550">IFERROR(INDEX(Jesper!AH$2:AH$366,ROUNDDOWN($C8550/24,0)+1,1)*INDEX($D$3:$AA$30,INDEX(Jesper!$R$2:$R$366,ROW(INDEX(Jesper!AH$2:AH$366,ROUNDDOWN($C8550/24,0)+1,1))-1)+IF('Standard Profiles'!$G$18=$B$10,7,0)+IF('Standard Profiles'!$G$18=$B$17,14,0)+IF('Standard Profiles'!$G$18=$B$24,21,0),MOD($C8550,24)+1)/SUM(INDEX($D$3:$AA$30,INDEX(Jesper!$R$2:$R$366,ROW(INDEX(Jesper!AH$2:AH$366,ROUNDDOWN($C8550/24,0)+1,1))-1)+IF('Standard Profiles'!$G$18=$B$10,7,0)+IF('Standard Profiles'!$G$18=$B$17,14,0)+IF('Standard Profiles'!$G$18=$B$24,21,0),0)),0)</f>
        <v>10.915353911562871</v>
      </c>
      <c r="E8550" cm="1">
        <f t="array" ref="E8550">IFERROR(INDEX(Jesper!AI$2:AI$366,ROUNDDOWN($C8550/24,0)+1,1)*INDEX($D$3:$AA$30,INDEX(Jesper!$R$2:$R$366,ROW(INDEX(Jesper!AI$2:AI$366,ROUNDDOWN($C8550/24,0)+1,1))-1)+IF('Standard Profiles'!$G$19=$B$10,7,0)+IF('Standard Profiles'!$G$19=$B$17,14,0)+IF('Standard Profiles'!$G$19=$B$24,21,0),MOD($C8550,24)+1)/SUM(INDEX($D$3:$AA$30,INDEX(Jesper!$R$2:$R$366,ROW(INDEX(Jesper!AI$2:AI$366,ROUNDDOWN($C8550/24,0)+1,1))-1)+IF('Standard Profiles'!$G$19=$B$10,7,0)+IF('Standard Profiles'!$G$19=$B$17,14,0)+IF('Standard Profiles'!$G$19=$B$24,21,0),0)),0)</f>
        <v>0</v>
      </c>
      <c r="F8550" cm="1">
        <f t="array" ref="F8550">IFERROR(INDEX(Jesper!AJ$2:AJ$366,ROUNDDOWN($C8550/24,0)+1,1)*INDEX($D$3:$AA$30,INDEX(Jesper!$R$2:$R$366,ROW(INDEX(Jesper!AJ$2:AJ$366,ROUNDDOWN($C8550/24,0)+1,1))-1)+IF('Standard Profiles'!$G$20=$B$10,7,0)+IF('Standard Profiles'!$G$20=$B$17,14,0)+IF('Standard Profiles'!$G$20=$B$24,21,0),MOD($C8550,24)+1)/SUM(INDEX($D$3:$AA$30,INDEX(Jesper!$R$2:$R$366,ROW(INDEX(Jesper!AJ$2:AJ$366,ROUNDDOWN($C8550/24,0)+1,1))-1)+IF('Standard Profiles'!$G$20=$B$10,7,0)+IF('Standard Profiles'!$G$20=$B$17,14,0)+IF('Standard Profiles'!$G$20=$B$24,21,0),0)),0)</f>
        <v>0</v>
      </c>
      <c r="G8550" cm="1">
        <f t="array" ref="G8550">IFERROR(INDEX(Jesper!AK$2:AK$366,ROUNDDOWN($C8550/24,0)+1,1)*INDEX($D$3:$AA$30,INDEX(Jesper!$R$2:$R$366,ROW(INDEX(Jesper!AK$2:AK$366,ROUNDDOWN($C8550/24,0)+1,1))-1)+IF('Standard Profiles'!$G$21=$B$10,7,0)+IF('Standard Profiles'!$G$21=$B$17,14,0)+IF('Standard Profiles'!$G$21=$B$24,21,0),MOD($C8550,24)+1)/SUM(INDEX($D$3:$AA$30,INDEX(Jesper!$R$2:$R$366,ROW(INDEX(Jesper!AK$2:AK$366,ROUNDDOWN($C8550/24,0)+1,1))-1)+IF('Standard Profiles'!$G$21=$B$10,7,0)+IF('Standard Profiles'!$G$21=$B$17,14,0)+IF('Standard Profiles'!$G$21=$B$24,21,0),0)),0)</f>
        <v>0</v>
      </c>
      <c r="H8550" cm="1">
        <f t="array" ref="H8550">IFERROR(INDEX(Jesper!AL$2:AL$366,ROUNDDOWN($C8550/24,0)+1,1)*INDEX($D$3:$AA$30,INDEX(Jesper!$R$2:$R$366,ROW(INDEX(Jesper!AL$2:AL$366,ROUNDDOWN($C8550/24,0)+1,1))-1)+IF('Standard Profiles'!$G$22=$B$10,7,0)+IF('Standard Profiles'!$G$22=$B$17,14,0)+IF('Standard Profiles'!$G$22=$B$24,21,0),MOD($C8550,24)+1)/SUM(INDEX($D$3:$AA$30,INDEX(Jesper!$R$2:$R$366,ROW(INDEX(Jesper!AL$2:AL$366,ROUNDDOWN($C8550/24,0)+1,1))-1)+IF('Standard Profiles'!$G$22=$B$10,7,0)+IF('Standard Profiles'!$G$22=$B$17,14,0)+IF('Standard Profiles'!$G$22=$B$24,21,0),0)),0)</f>
        <v>0</v>
      </c>
      <c r="I8550">
        <f t="shared" si="951"/>
        <v>0.32746061734688614</v>
      </c>
      <c r="J8550">
        <f t="shared" si="952"/>
        <v>1.0915353911562871</v>
      </c>
      <c r="K8550">
        <f t="shared" si="953"/>
        <v>1.6373030867344307</v>
      </c>
      <c r="L8550">
        <f t="shared" si="954"/>
        <v>7.8590548163252665</v>
      </c>
      <c r="M8550">
        <f t="shared" si="955"/>
        <v>0</v>
      </c>
      <c r="N8550" s="46">
        <f t="shared" si="956"/>
        <v>45646.833333312679</v>
      </c>
    </row>
    <row r="8551" spans="2:14" x14ac:dyDescent="0.3">
      <c r="B8551">
        <f t="shared" si="950"/>
        <v>5</v>
      </c>
      <c r="C8551" s="16">
        <v>8517</v>
      </c>
      <c r="D8551" cm="1">
        <f t="array" ref="D8551">IFERROR(INDEX(Jesper!AH$2:AH$366,ROUNDDOWN($C8551/24,0)+1,1)*INDEX($D$3:$AA$30,INDEX(Jesper!$R$2:$R$366,ROW(INDEX(Jesper!AH$2:AH$366,ROUNDDOWN($C8551/24,0)+1,1))-1)+IF('Standard Profiles'!$G$18=$B$10,7,0)+IF('Standard Profiles'!$G$18=$B$17,14,0)+IF('Standard Profiles'!$G$18=$B$24,21,0),MOD($C8551,24)+1)/SUM(INDEX($D$3:$AA$30,INDEX(Jesper!$R$2:$R$366,ROW(INDEX(Jesper!AH$2:AH$366,ROUNDDOWN($C8551/24,0)+1,1))-1)+IF('Standard Profiles'!$G$18=$B$10,7,0)+IF('Standard Profiles'!$G$18=$B$17,14,0)+IF('Standard Profiles'!$G$18=$B$24,21,0),0)),0)</f>
        <v>4.1676805844149145</v>
      </c>
      <c r="E8551" cm="1">
        <f t="array" ref="E8551">IFERROR(INDEX(Jesper!AI$2:AI$366,ROUNDDOWN($C8551/24,0)+1,1)*INDEX($D$3:$AA$30,INDEX(Jesper!$R$2:$R$366,ROW(INDEX(Jesper!AI$2:AI$366,ROUNDDOWN($C8551/24,0)+1,1))-1)+IF('Standard Profiles'!$G$19=$B$10,7,0)+IF('Standard Profiles'!$G$19=$B$17,14,0)+IF('Standard Profiles'!$G$19=$B$24,21,0),MOD($C8551,24)+1)/SUM(INDEX($D$3:$AA$30,INDEX(Jesper!$R$2:$R$366,ROW(INDEX(Jesper!AI$2:AI$366,ROUNDDOWN($C8551/24,0)+1,1))-1)+IF('Standard Profiles'!$G$19=$B$10,7,0)+IF('Standard Profiles'!$G$19=$B$17,14,0)+IF('Standard Profiles'!$G$19=$B$24,21,0),0)),0)</f>
        <v>0</v>
      </c>
      <c r="F8551" cm="1">
        <f t="array" ref="F8551">IFERROR(INDEX(Jesper!AJ$2:AJ$366,ROUNDDOWN($C8551/24,0)+1,1)*INDEX($D$3:$AA$30,INDEX(Jesper!$R$2:$R$366,ROW(INDEX(Jesper!AJ$2:AJ$366,ROUNDDOWN($C8551/24,0)+1,1))-1)+IF('Standard Profiles'!$G$20=$B$10,7,0)+IF('Standard Profiles'!$G$20=$B$17,14,0)+IF('Standard Profiles'!$G$20=$B$24,21,0),MOD($C8551,24)+1)/SUM(INDEX($D$3:$AA$30,INDEX(Jesper!$R$2:$R$366,ROW(INDEX(Jesper!AJ$2:AJ$366,ROUNDDOWN($C8551/24,0)+1,1))-1)+IF('Standard Profiles'!$G$20=$B$10,7,0)+IF('Standard Profiles'!$G$20=$B$17,14,0)+IF('Standard Profiles'!$G$20=$B$24,21,0),0)),0)</f>
        <v>0</v>
      </c>
      <c r="G8551" cm="1">
        <f t="array" ref="G8551">IFERROR(INDEX(Jesper!AK$2:AK$366,ROUNDDOWN($C8551/24,0)+1,1)*INDEX($D$3:$AA$30,INDEX(Jesper!$R$2:$R$366,ROW(INDEX(Jesper!AK$2:AK$366,ROUNDDOWN($C8551/24,0)+1,1))-1)+IF('Standard Profiles'!$G$21=$B$10,7,0)+IF('Standard Profiles'!$G$21=$B$17,14,0)+IF('Standard Profiles'!$G$21=$B$24,21,0),MOD($C8551,24)+1)/SUM(INDEX($D$3:$AA$30,INDEX(Jesper!$R$2:$R$366,ROW(INDEX(Jesper!AK$2:AK$366,ROUNDDOWN($C8551/24,0)+1,1))-1)+IF('Standard Profiles'!$G$21=$B$10,7,0)+IF('Standard Profiles'!$G$21=$B$17,14,0)+IF('Standard Profiles'!$G$21=$B$24,21,0),0)),0)</f>
        <v>0</v>
      </c>
      <c r="H8551" cm="1">
        <f t="array" ref="H8551">IFERROR(INDEX(Jesper!AL$2:AL$366,ROUNDDOWN($C8551/24,0)+1,1)*INDEX($D$3:$AA$30,INDEX(Jesper!$R$2:$R$366,ROW(INDEX(Jesper!AL$2:AL$366,ROUNDDOWN($C8551/24,0)+1,1))-1)+IF('Standard Profiles'!$G$22=$B$10,7,0)+IF('Standard Profiles'!$G$22=$B$17,14,0)+IF('Standard Profiles'!$G$22=$B$24,21,0),MOD($C8551,24)+1)/SUM(INDEX($D$3:$AA$30,INDEX(Jesper!$R$2:$R$366,ROW(INDEX(Jesper!AL$2:AL$366,ROUNDDOWN($C8551/24,0)+1,1))-1)+IF('Standard Profiles'!$G$22=$B$10,7,0)+IF('Standard Profiles'!$G$22=$B$17,14,0)+IF('Standard Profiles'!$G$22=$B$24,21,0),0)),0)</f>
        <v>0</v>
      </c>
      <c r="I8551">
        <f t="shared" si="951"/>
        <v>0.12503041753244742</v>
      </c>
      <c r="J8551">
        <f t="shared" si="952"/>
        <v>0.41676805844149145</v>
      </c>
      <c r="K8551">
        <f t="shared" si="953"/>
        <v>0.62515208766223718</v>
      </c>
      <c r="L8551">
        <f t="shared" si="954"/>
        <v>3.0007300207787382</v>
      </c>
      <c r="M8551">
        <f t="shared" si="955"/>
        <v>0</v>
      </c>
      <c r="N8551" s="46">
        <f t="shared" si="956"/>
        <v>45646.874999979344</v>
      </c>
    </row>
    <row r="8552" spans="2:14" x14ac:dyDescent="0.3">
      <c r="B8552">
        <f t="shared" si="950"/>
        <v>5</v>
      </c>
      <c r="C8552" s="16">
        <v>8518</v>
      </c>
      <c r="D8552" cm="1">
        <f t="array" ref="D8552">IFERROR(INDEX(Jesper!AH$2:AH$366,ROUNDDOWN($C8552/24,0)+1,1)*INDEX($D$3:$AA$30,INDEX(Jesper!$R$2:$R$366,ROW(INDEX(Jesper!AH$2:AH$366,ROUNDDOWN($C8552/24,0)+1,1))-1)+IF('Standard Profiles'!$G$18=$B$10,7,0)+IF('Standard Profiles'!$G$18=$B$17,14,0)+IF('Standard Profiles'!$G$18=$B$24,21,0),MOD($C8552,24)+1)/SUM(INDEX($D$3:$AA$30,INDEX(Jesper!$R$2:$R$366,ROW(INDEX(Jesper!AH$2:AH$366,ROUNDDOWN($C8552/24,0)+1,1))-1)+IF('Standard Profiles'!$G$18=$B$10,7,0)+IF('Standard Profiles'!$G$18=$B$17,14,0)+IF('Standard Profiles'!$G$18=$B$24,21,0),0)),0)</f>
        <v>4.1676805844149145</v>
      </c>
      <c r="E8552" cm="1">
        <f t="array" ref="E8552">IFERROR(INDEX(Jesper!AI$2:AI$366,ROUNDDOWN($C8552/24,0)+1,1)*INDEX($D$3:$AA$30,INDEX(Jesper!$R$2:$R$366,ROW(INDEX(Jesper!AI$2:AI$366,ROUNDDOWN($C8552/24,0)+1,1))-1)+IF('Standard Profiles'!$G$19=$B$10,7,0)+IF('Standard Profiles'!$G$19=$B$17,14,0)+IF('Standard Profiles'!$G$19=$B$24,21,0),MOD($C8552,24)+1)/SUM(INDEX($D$3:$AA$30,INDEX(Jesper!$R$2:$R$366,ROW(INDEX(Jesper!AI$2:AI$366,ROUNDDOWN($C8552/24,0)+1,1))-1)+IF('Standard Profiles'!$G$19=$B$10,7,0)+IF('Standard Profiles'!$G$19=$B$17,14,0)+IF('Standard Profiles'!$G$19=$B$24,21,0),0)),0)</f>
        <v>0</v>
      </c>
      <c r="F8552" cm="1">
        <f t="array" ref="F8552">IFERROR(INDEX(Jesper!AJ$2:AJ$366,ROUNDDOWN($C8552/24,0)+1,1)*INDEX($D$3:$AA$30,INDEX(Jesper!$R$2:$R$366,ROW(INDEX(Jesper!AJ$2:AJ$366,ROUNDDOWN($C8552/24,0)+1,1))-1)+IF('Standard Profiles'!$G$20=$B$10,7,0)+IF('Standard Profiles'!$G$20=$B$17,14,0)+IF('Standard Profiles'!$G$20=$B$24,21,0),MOD($C8552,24)+1)/SUM(INDEX($D$3:$AA$30,INDEX(Jesper!$R$2:$R$366,ROW(INDEX(Jesper!AJ$2:AJ$366,ROUNDDOWN($C8552/24,0)+1,1))-1)+IF('Standard Profiles'!$G$20=$B$10,7,0)+IF('Standard Profiles'!$G$20=$B$17,14,0)+IF('Standard Profiles'!$G$20=$B$24,21,0),0)),0)</f>
        <v>0</v>
      </c>
      <c r="G8552" cm="1">
        <f t="array" ref="G8552">IFERROR(INDEX(Jesper!AK$2:AK$366,ROUNDDOWN($C8552/24,0)+1,1)*INDEX($D$3:$AA$30,INDEX(Jesper!$R$2:$R$366,ROW(INDEX(Jesper!AK$2:AK$366,ROUNDDOWN($C8552/24,0)+1,1))-1)+IF('Standard Profiles'!$G$21=$B$10,7,0)+IF('Standard Profiles'!$G$21=$B$17,14,0)+IF('Standard Profiles'!$G$21=$B$24,21,0),MOD($C8552,24)+1)/SUM(INDEX($D$3:$AA$30,INDEX(Jesper!$R$2:$R$366,ROW(INDEX(Jesper!AK$2:AK$366,ROUNDDOWN($C8552/24,0)+1,1))-1)+IF('Standard Profiles'!$G$21=$B$10,7,0)+IF('Standard Profiles'!$G$21=$B$17,14,0)+IF('Standard Profiles'!$G$21=$B$24,21,0),0)),0)</f>
        <v>0</v>
      </c>
      <c r="H8552" cm="1">
        <f t="array" ref="H8552">IFERROR(INDEX(Jesper!AL$2:AL$366,ROUNDDOWN($C8552/24,0)+1,1)*INDEX($D$3:$AA$30,INDEX(Jesper!$R$2:$R$366,ROW(INDEX(Jesper!AL$2:AL$366,ROUNDDOWN($C8552/24,0)+1,1))-1)+IF('Standard Profiles'!$G$22=$B$10,7,0)+IF('Standard Profiles'!$G$22=$B$17,14,0)+IF('Standard Profiles'!$G$22=$B$24,21,0),MOD($C8552,24)+1)/SUM(INDEX($D$3:$AA$30,INDEX(Jesper!$R$2:$R$366,ROW(INDEX(Jesper!AL$2:AL$366,ROUNDDOWN($C8552/24,0)+1,1))-1)+IF('Standard Profiles'!$G$22=$B$10,7,0)+IF('Standard Profiles'!$G$22=$B$17,14,0)+IF('Standard Profiles'!$G$22=$B$24,21,0),0)),0)</f>
        <v>0</v>
      </c>
      <c r="I8552">
        <f t="shared" si="951"/>
        <v>0.12503041753244742</v>
      </c>
      <c r="J8552">
        <f t="shared" si="952"/>
        <v>0.41676805844149145</v>
      </c>
      <c r="K8552">
        <f t="shared" si="953"/>
        <v>0.62515208766223718</v>
      </c>
      <c r="L8552">
        <f t="shared" si="954"/>
        <v>3.0007300207787382</v>
      </c>
      <c r="M8552">
        <f t="shared" si="955"/>
        <v>0</v>
      </c>
      <c r="N8552" s="46">
        <f t="shared" si="956"/>
        <v>45646.916666646008</v>
      </c>
    </row>
    <row r="8553" spans="2:14" x14ac:dyDescent="0.3">
      <c r="B8553">
        <f t="shared" si="950"/>
        <v>5</v>
      </c>
      <c r="C8553" s="16">
        <v>8519</v>
      </c>
      <c r="D8553" cm="1">
        <f t="array" ref="D8553">IFERROR(INDEX(Jesper!AH$2:AH$366,ROUNDDOWN($C8553/24,0)+1,1)*INDEX($D$3:$AA$30,INDEX(Jesper!$R$2:$R$366,ROW(INDEX(Jesper!AH$2:AH$366,ROUNDDOWN($C8553/24,0)+1,1))-1)+IF('Standard Profiles'!$G$18=$B$10,7,0)+IF('Standard Profiles'!$G$18=$B$17,14,0)+IF('Standard Profiles'!$G$18=$B$24,21,0),MOD($C8553,24)+1)/SUM(INDEX($D$3:$AA$30,INDEX(Jesper!$R$2:$R$366,ROW(INDEX(Jesper!AH$2:AH$366,ROUNDDOWN($C8553/24,0)+1,1))-1)+IF('Standard Profiles'!$G$18=$B$10,7,0)+IF('Standard Profiles'!$G$18=$B$17,14,0)+IF('Standard Profiles'!$G$18=$B$24,21,0),0)),0)</f>
        <v>4.1676805844149145</v>
      </c>
      <c r="E8553" cm="1">
        <f t="array" ref="E8553">IFERROR(INDEX(Jesper!AI$2:AI$366,ROUNDDOWN($C8553/24,0)+1,1)*INDEX($D$3:$AA$30,INDEX(Jesper!$R$2:$R$366,ROW(INDEX(Jesper!AI$2:AI$366,ROUNDDOWN($C8553/24,0)+1,1))-1)+IF('Standard Profiles'!$G$19=$B$10,7,0)+IF('Standard Profiles'!$G$19=$B$17,14,0)+IF('Standard Profiles'!$G$19=$B$24,21,0),MOD($C8553,24)+1)/SUM(INDEX($D$3:$AA$30,INDEX(Jesper!$R$2:$R$366,ROW(INDEX(Jesper!AI$2:AI$366,ROUNDDOWN($C8553/24,0)+1,1))-1)+IF('Standard Profiles'!$G$19=$B$10,7,0)+IF('Standard Profiles'!$G$19=$B$17,14,0)+IF('Standard Profiles'!$G$19=$B$24,21,0),0)),0)</f>
        <v>0</v>
      </c>
      <c r="F8553" cm="1">
        <f t="array" ref="F8553">IFERROR(INDEX(Jesper!AJ$2:AJ$366,ROUNDDOWN($C8553/24,0)+1,1)*INDEX($D$3:$AA$30,INDEX(Jesper!$R$2:$R$366,ROW(INDEX(Jesper!AJ$2:AJ$366,ROUNDDOWN($C8553/24,0)+1,1))-1)+IF('Standard Profiles'!$G$20=$B$10,7,0)+IF('Standard Profiles'!$G$20=$B$17,14,0)+IF('Standard Profiles'!$G$20=$B$24,21,0),MOD($C8553,24)+1)/SUM(INDEX($D$3:$AA$30,INDEX(Jesper!$R$2:$R$366,ROW(INDEX(Jesper!AJ$2:AJ$366,ROUNDDOWN($C8553/24,0)+1,1))-1)+IF('Standard Profiles'!$G$20=$B$10,7,0)+IF('Standard Profiles'!$G$20=$B$17,14,0)+IF('Standard Profiles'!$G$20=$B$24,21,0),0)),0)</f>
        <v>0</v>
      </c>
      <c r="G8553" cm="1">
        <f t="array" ref="G8553">IFERROR(INDEX(Jesper!AK$2:AK$366,ROUNDDOWN($C8553/24,0)+1,1)*INDEX($D$3:$AA$30,INDEX(Jesper!$R$2:$R$366,ROW(INDEX(Jesper!AK$2:AK$366,ROUNDDOWN($C8553/24,0)+1,1))-1)+IF('Standard Profiles'!$G$21=$B$10,7,0)+IF('Standard Profiles'!$G$21=$B$17,14,0)+IF('Standard Profiles'!$G$21=$B$24,21,0),MOD($C8553,24)+1)/SUM(INDEX($D$3:$AA$30,INDEX(Jesper!$R$2:$R$366,ROW(INDEX(Jesper!AK$2:AK$366,ROUNDDOWN($C8553/24,0)+1,1))-1)+IF('Standard Profiles'!$G$21=$B$10,7,0)+IF('Standard Profiles'!$G$21=$B$17,14,0)+IF('Standard Profiles'!$G$21=$B$24,21,0),0)),0)</f>
        <v>0</v>
      </c>
      <c r="H8553" cm="1">
        <f t="array" ref="H8553">IFERROR(INDEX(Jesper!AL$2:AL$366,ROUNDDOWN($C8553/24,0)+1,1)*INDEX($D$3:$AA$30,INDEX(Jesper!$R$2:$R$366,ROW(INDEX(Jesper!AL$2:AL$366,ROUNDDOWN($C8553/24,0)+1,1))-1)+IF('Standard Profiles'!$G$22=$B$10,7,0)+IF('Standard Profiles'!$G$22=$B$17,14,0)+IF('Standard Profiles'!$G$22=$B$24,21,0),MOD($C8553,24)+1)/SUM(INDEX($D$3:$AA$30,INDEX(Jesper!$R$2:$R$366,ROW(INDEX(Jesper!AL$2:AL$366,ROUNDDOWN($C8553/24,0)+1,1))-1)+IF('Standard Profiles'!$G$22=$B$10,7,0)+IF('Standard Profiles'!$G$22=$B$17,14,0)+IF('Standard Profiles'!$G$22=$B$24,21,0),0)),0)</f>
        <v>0</v>
      </c>
      <c r="I8553">
        <f t="shared" si="951"/>
        <v>0.12503041753244742</v>
      </c>
      <c r="J8553">
        <f t="shared" si="952"/>
        <v>0.41676805844149145</v>
      </c>
      <c r="K8553">
        <f t="shared" si="953"/>
        <v>0.62515208766223718</v>
      </c>
      <c r="L8553">
        <f t="shared" si="954"/>
        <v>3.0007300207787382</v>
      </c>
      <c r="M8553">
        <f t="shared" si="955"/>
        <v>0</v>
      </c>
      <c r="N8553" s="46">
        <f t="shared" si="956"/>
        <v>45646.958333312672</v>
      </c>
    </row>
    <row r="8554" spans="2:14" x14ac:dyDescent="0.3">
      <c r="B8554">
        <f t="shared" si="950"/>
        <v>6</v>
      </c>
      <c r="C8554" s="16">
        <v>8520</v>
      </c>
      <c r="D8554" cm="1">
        <f t="array" ref="D8554">IFERROR(INDEX(Jesper!AH$2:AH$366,ROUNDDOWN($C8554/24,0)+1,1)*INDEX($D$3:$AA$30,INDEX(Jesper!$R$2:$R$366,ROW(INDEX(Jesper!AH$2:AH$366,ROUNDDOWN($C8554/24,0)+1,1))-1)+IF('Standard Profiles'!$G$18=$B$10,7,0)+IF('Standard Profiles'!$G$18=$B$17,14,0)+IF('Standard Profiles'!$G$18=$B$24,21,0),MOD($C8554,24)+1)/SUM(INDEX($D$3:$AA$30,INDEX(Jesper!$R$2:$R$366,ROW(INDEX(Jesper!AH$2:AH$366,ROUNDDOWN($C8554/24,0)+1,1))-1)+IF('Standard Profiles'!$G$18=$B$10,7,0)+IF('Standard Profiles'!$G$18=$B$17,14,0)+IF('Standard Profiles'!$G$18=$B$24,21,0),0)),0)</f>
        <v>4.3776098073710603</v>
      </c>
      <c r="E8554" cm="1">
        <f t="array" ref="E8554">IFERROR(INDEX(Jesper!AI$2:AI$366,ROUNDDOWN($C8554/24,0)+1,1)*INDEX($D$3:$AA$30,INDEX(Jesper!$R$2:$R$366,ROW(INDEX(Jesper!AI$2:AI$366,ROUNDDOWN($C8554/24,0)+1,1))-1)+IF('Standard Profiles'!$G$19=$B$10,7,0)+IF('Standard Profiles'!$G$19=$B$17,14,0)+IF('Standard Profiles'!$G$19=$B$24,21,0),MOD($C8554,24)+1)/SUM(INDEX($D$3:$AA$30,INDEX(Jesper!$R$2:$R$366,ROW(INDEX(Jesper!AI$2:AI$366,ROUNDDOWN($C8554/24,0)+1,1))-1)+IF('Standard Profiles'!$G$19=$B$10,7,0)+IF('Standard Profiles'!$G$19=$B$17,14,0)+IF('Standard Profiles'!$G$19=$B$24,21,0),0)),0)</f>
        <v>1.0306683232049931</v>
      </c>
      <c r="F8554" cm="1">
        <f t="array" ref="F8554">IFERROR(INDEX(Jesper!AJ$2:AJ$366,ROUNDDOWN($C8554/24,0)+1,1)*INDEX($D$3:$AA$30,INDEX(Jesper!$R$2:$R$366,ROW(INDEX(Jesper!AJ$2:AJ$366,ROUNDDOWN($C8554/24,0)+1,1))-1)+IF('Standard Profiles'!$G$20=$B$10,7,0)+IF('Standard Profiles'!$G$20=$B$17,14,0)+IF('Standard Profiles'!$G$20=$B$24,21,0),MOD($C8554,24)+1)/SUM(INDEX($D$3:$AA$30,INDEX(Jesper!$R$2:$R$366,ROW(INDEX(Jesper!AJ$2:AJ$366,ROUNDDOWN($C8554/24,0)+1,1))-1)+IF('Standard Profiles'!$G$20=$B$10,7,0)+IF('Standard Profiles'!$G$20=$B$17,14,0)+IF('Standard Profiles'!$G$20=$B$24,21,0),0)),0)</f>
        <v>0</v>
      </c>
      <c r="G8554" cm="1">
        <f t="array" ref="G8554">IFERROR(INDEX(Jesper!AK$2:AK$366,ROUNDDOWN($C8554/24,0)+1,1)*INDEX($D$3:$AA$30,INDEX(Jesper!$R$2:$R$366,ROW(INDEX(Jesper!AK$2:AK$366,ROUNDDOWN($C8554/24,0)+1,1))-1)+IF('Standard Profiles'!$G$21=$B$10,7,0)+IF('Standard Profiles'!$G$21=$B$17,14,0)+IF('Standard Profiles'!$G$21=$B$24,21,0),MOD($C8554,24)+1)/SUM(INDEX($D$3:$AA$30,INDEX(Jesper!$R$2:$R$366,ROW(INDEX(Jesper!AK$2:AK$366,ROUNDDOWN($C8554/24,0)+1,1))-1)+IF('Standard Profiles'!$G$21=$B$10,7,0)+IF('Standard Profiles'!$G$21=$B$17,14,0)+IF('Standard Profiles'!$G$21=$B$24,21,0),0)),0)</f>
        <v>0</v>
      </c>
      <c r="H8554" cm="1">
        <f t="array" ref="H8554">IFERROR(INDEX(Jesper!AL$2:AL$366,ROUNDDOWN($C8554/24,0)+1,1)*INDEX($D$3:$AA$30,INDEX(Jesper!$R$2:$R$366,ROW(INDEX(Jesper!AL$2:AL$366,ROUNDDOWN($C8554/24,0)+1,1))-1)+IF('Standard Profiles'!$G$22=$B$10,7,0)+IF('Standard Profiles'!$G$22=$B$17,14,0)+IF('Standard Profiles'!$G$22=$B$24,21,0),MOD($C8554,24)+1)/SUM(INDEX($D$3:$AA$30,INDEX(Jesper!$R$2:$R$366,ROW(INDEX(Jesper!AL$2:AL$366,ROUNDDOWN($C8554/24,0)+1,1))-1)+IF('Standard Profiles'!$G$22=$B$10,7,0)+IF('Standard Profiles'!$G$22=$B$17,14,0)+IF('Standard Profiles'!$G$22=$B$24,21,0),0)),0)</f>
        <v>0</v>
      </c>
      <c r="I8554">
        <f t="shared" si="951"/>
        <v>9.2853002090539941E-2</v>
      </c>
      <c r="J8554">
        <f t="shared" si="952"/>
        <v>0.30951000696846653</v>
      </c>
      <c r="K8554">
        <f t="shared" si="953"/>
        <v>0.4642650104526998</v>
      </c>
      <c r="L8554">
        <f t="shared" si="954"/>
        <v>4.5416501110643477</v>
      </c>
      <c r="M8554">
        <f t="shared" si="955"/>
        <v>0</v>
      </c>
      <c r="N8554" s="46">
        <f t="shared" si="956"/>
        <v>45646.999999979336</v>
      </c>
    </row>
    <row r="8555" spans="2:14" x14ac:dyDescent="0.3">
      <c r="B8555">
        <f t="shared" si="950"/>
        <v>6</v>
      </c>
      <c r="C8555" s="16">
        <v>8521</v>
      </c>
      <c r="D8555" cm="1">
        <f t="array" ref="D8555">IFERROR(INDEX(Jesper!AH$2:AH$366,ROUNDDOWN($C8555/24,0)+1,1)*INDEX($D$3:$AA$30,INDEX(Jesper!$R$2:$R$366,ROW(INDEX(Jesper!AH$2:AH$366,ROUNDDOWN($C8555/24,0)+1,1))-1)+IF('Standard Profiles'!$G$18=$B$10,7,0)+IF('Standard Profiles'!$G$18=$B$17,14,0)+IF('Standard Profiles'!$G$18=$B$24,21,0),MOD($C8555,24)+1)/SUM(INDEX($D$3:$AA$30,INDEX(Jesper!$R$2:$R$366,ROW(INDEX(Jesper!AH$2:AH$366,ROUNDDOWN($C8555/24,0)+1,1))-1)+IF('Standard Profiles'!$G$18=$B$10,7,0)+IF('Standard Profiles'!$G$18=$B$17,14,0)+IF('Standard Profiles'!$G$18=$B$24,21,0),0)),0)</f>
        <v>8.5467620048673112</v>
      </c>
      <c r="E8555" cm="1">
        <f t="array" ref="E8555">IFERROR(INDEX(Jesper!AI$2:AI$366,ROUNDDOWN($C8555/24,0)+1,1)*INDEX($D$3:$AA$30,INDEX(Jesper!$R$2:$R$366,ROW(INDEX(Jesper!AI$2:AI$366,ROUNDDOWN($C8555/24,0)+1,1))-1)+IF('Standard Profiles'!$G$19=$B$10,7,0)+IF('Standard Profiles'!$G$19=$B$17,14,0)+IF('Standard Profiles'!$G$19=$B$24,21,0),MOD($C8555,24)+1)/SUM(INDEX($D$3:$AA$30,INDEX(Jesper!$R$2:$R$366,ROW(INDEX(Jesper!AI$2:AI$366,ROUNDDOWN($C8555/24,0)+1,1))-1)+IF('Standard Profiles'!$G$19=$B$10,7,0)+IF('Standard Profiles'!$G$19=$B$17,14,0)+IF('Standard Profiles'!$G$19=$B$24,21,0),0)),0)</f>
        <v>2.0122572024478442</v>
      </c>
      <c r="F8555" cm="1">
        <f t="array" ref="F8555">IFERROR(INDEX(Jesper!AJ$2:AJ$366,ROUNDDOWN($C8555/24,0)+1,1)*INDEX($D$3:$AA$30,INDEX(Jesper!$R$2:$R$366,ROW(INDEX(Jesper!AJ$2:AJ$366,ROUNDDOWN($C8555/24,0)+1,1))-1)+IF('Standard Profiles'!$G$20=$B$10,7,0)+IF('Standard Profiles'!$G$20=$B$17,14,0)+IF('Standard Profiles'!$G$20=$B$24,21,0),MOD($C8555,24)+1)/SUM(INDEX($D$3:$AA$30,INDEX(Jesper!$R$2:$R$366,ROW(INDEX(Jesper!AJ$2:AJ$366,ROUNDDOWN($C8555/24,0)+1,1))-1)+IF('Standard Profiles'!$G$20=$B$10,7,0)+IF('Standard Profiles'!$G$20=$B$17,14,0)+IF('Standard Profiles'!$G$20=$B$24,21,0),0)),0)</f>
        <v>0</v>
      </c>
      <c r="G8555" cm="1">
        <f t="array" ref="G8555">IFERROR(INDEX(Jesper!AK$2:AK$366,ROUNDDOWN($C8555/24,0)+1,1)*INDEX($D$3:$AA$30,INDEX(Jesper!$R$2:$R$366,ROW(INDEX(Jesper!AK$2:AK$366,ROUNDDOWN($C8555/24,0)+1,1))-1)+IF('Standard Profiles'!$G$21=$B$10,7,0)+IF('Standard Profiles'!$G$21=$B$17,14,0)+IF('Standard Profiles'!$G$21=$B$24,21,0),MOD($C8555,24)+1)/SUM(INDEX($D$3:$AA$30,INDEX(Jesper!$R$2:$R$366,ROW(INDEX(Jesper!AK$2:AK$366,ROUNDDOWN($C8555/24,0)+1,1))-1)+IF('Standard Profiles'!$G$21=$B$10,7,0)+IF('Standard Profiles'!$G$21=$B$17,14,0)+IF('Standard Profiles'!$G$21=$B$24,21,0),0)),0)</f>
        <v>0</v>
      </c>
      <c r="H8555" cm="1">
        <f t="array" ref="H8555">IFERROR(INDEX(Jesper!AL$2:AL$366,ROUNDDOWN($C8555/24,0)+1,1)*INDEX($D$3:$AA$30,INDEX(Jesper!$R$2:$R$366,ROW(INDEX(Jesper!AL$2:AL$366,ROUNDDOWN($C8555/24,0)+1,1))-1)+IF('Standard Profiles'!$G$22=$B$10,7,0)+IF('Standard Profiles'!$G$22=$B$17,14,0)+IF('Standard Profiles'!$G$22=$B$24,21,0),MOD($C8555,24)+1)/SUM(INDEX($D$3:$AA$30,INDEX(Jesper!$R$2:$R$366,ROW(INDEX(Jesper!AL$2:AL$366,ROUNDDOWN($C8555/24,0)+1,1))-1)+IF('Standard Profiles'!$G$22=$B$10,7,0)+IF('Standard Profiles'!$G$22=$B$17,14,0)+IF('Standard Profiles'!$G$22=$B$24,21,0),0)),0)</f>
        <v>0</v>
      </c>
      <c r="I8555">
        <f t="shared" si="951"/>
        <v>0.18128443265295899</v>
      </c>
      <c r="J8555">
        <f t="shared" si="952"/>
        <v>0.60428144217653001</v>
      </c>
      <c r="K8555">
        <f t="shared" si="953"/>
        <v>0.90642216326479508</v>
      </c>
      <c r="L8555">
        <f t="shared" si="954"/>
        <v>8.867031169220871</v>
      </c>
      <c r="M8555">
        <f t="shared" si="955"/>
        <v>0</v>
      </c>
      <c r="N8555" s="46">
        <f t="shared" si="956"/>
        <v>45647.041666646001</v>
      </c>
    </row>
    <row r="8556" spans="2:14" x14ac:dyDescent="0.3">
      <c r="B8556">
        <f t="shared" si="950"/>
        <v>6</v>
      </c>
      <c r="C8556" s="16">
        <v>8522</v>
      </c>
      <c r="D8556" cm="1">
        <f t="array" ref="D8556">IFERROR(INDEX(Jesper!AH$2:AH$366,ROUNDDOWN($C8556/24,0)+1,1)*INDEX($D$3:$AA$30,INDEX(Jesper!$R$2:$R$366,ROW(INDEX(Jesper!AH$2:AH$366,ROUNDDOWN($C8556/24,0)+1,1))-1)+IF('Standard Profiles'!$G$18=$B$10,7,0)+IF('Standard Profiles'!$G$18=$B$17,14,0)+IF('Standard Profiles'!$G$18=$B$24,21,0),MOD($C8556,24)+1)/SUM(INDEX($D$3:$AA$30,INDEX(Jesper!$R$2:$R$366,ROW(INDEX(Jesper!AH$2:AH$366,ROUNDDOWN($C8556/24,0)+1,1))-1)+IF('Standard Profiles'!$G$18=$B$10,7,0)+IF('Standard Profiles'!$G$18=$B$17,14,0)+IF('Standard Profiles'!$G$18=$B$24,21,0),0)),0)</f>
        <v>8.5467620048673112</v>
      </c>
      <c r="E8556" cm="1">
        <f t="array" ref="E8556">IFERROR(INDEX(Jesper!AI$2:AI$366,ROUNDDOWN($C8556/24,0)+1,1)*INDEX($D$3:$AA$30,INDEX(Jesper!$R$2:$R$366,ROW(INDEX(Jesper!AI$2:AI$366,ROUNDDOWN($C8556/24,0)+1,1))-1)+IF('Standard Profiles'!$G$19=$B$10,7,0)+IF('Standard Profiles'!$G$19=$B$17,14,0)+IF('Standard Profiles'!$G$19=$B$24,21,0),MOD($C8556,24)+1)/SUM(INDEX($D$3:$AA$30,INDEX(Jesper!$R$2:$R$366,ROW(INDEX(Jesper!AI$2:AI$366,ROUNDDOWN($C8556/24,0)+1,1))-1)+IF('Standard Profiles'!$G$19=$B$10,7,0)+IF('Standard Profiles'!$G$19=$B$17,14,0)+IF('Standard Profiles'!$G$19=$B$24,21,0),0)),0)</f>
        <v>2.0122572024478442</v>
      </c>
      <c r="F8556" cm="1">
        <f t="array" ref="F8556">IFERROR(INDEX(Jesper!AJ$2:AJ$366,ROUNDDOWN($C8556/24,0)+1,1)*INDEX($D$3:$AA$30,INDEX(Jesper!$R$2:$R$366,ROW(INDEX(Jesper!AJ$2:AJ$366,ROUNDDOWN($C8556/24,0)+1,1))-1)+IF('Standard Profiles'!$G$20=$B$10,7,0)+IF('Standard Profiles'!$G$20=$B$17,14,0)+IF('Standard Profiles'!$G$20=$B$24,21,0),MOD($C8556,24)+1)/SUM(INDEX($D$3:$AA$30,INDEX(Jesper!$R$2:$R$366,ROW(INDEX(Jesper!AJ$2:AJ$366,ROUNDDOWN($C8556/24,0)+1,1))-1)+IF('Standard Profiles'!$G$20=$B$10,7,0)+IF('Standard Profiles'!$G$20=$B$17,14,0)+IF('Standard Profiles'!$G$20=$B$24,21,0),0)),0)</f>
        <v>0</v>
      </c>
      <c r="G8556" cm="1">
        <f t="array" ref="G8556">IFERROR(INDEX(Jesper!AK$2:AK$366,ROUNDDOWN($C8556/24,0)+1,1)*INDEX($D$3:$AA$30,INDEX(Jesper!$R$2:$R$366,ROW(INDEX(Jesper!AK$2:AK$366,ROUNDDOWN($C8556/24,0)+1,1))-1)+IF('Standard Profiles'!$G$21=$B$10,7,0)+IF('Standard Profiles'!$G$21=$B$17,14,0)+IF('Standard Profiles'!$G$21=$B$24,21,0),MOD($C8556,24)+1)/SUM(INDEX($D$3:$AA$30,INDEX(Jesper!$R$2:$R$366,ROW(INDEX(Jesper!AK$2:AK$366,ROUNDDOWN($C8556/24,0)+1,1))-1)+IF('Standard Profiles'!$G$21=$B$10,7,0)+IF('Standard Profiles'!$G$21=$B$17,14,0)+IF('Standard Profiles'!$G$21=$B$24,21,0),0)),0)</f>
        <v>0</v>
      </c>
      <c r="H8556" cm="1">
        <f t="array" ref="H8556">IFERROR(INDEX(Jesper!AL$2:AL$366,ROUNDDOWN($C8556/24,0)+1,1)*INDEX($D$3:$AA$30,INDEX(Jesper!$R$2:$R$366,ROW(INDEX(Jesper!AL$2:AL$366,ROUNDDOWN($C8556/24,0)+1,1))-1)+IF('Standard Profiles'!$G$22=$B$10,7,0)+IF('Standard Profiles'!$G$22=$B$17,14,0)+IF('Standard Profiles'!$G$22=$B$24,21,0),MOD($C8556,24)+1)/SUM(INDEX($D$3:$AA$30,INDEX(Jesper!$R$2:$R$366,ROW(INDEX(Jesper!AL$2:AL$366,ROUNDDOWN($C8556/24,0)+1,1))-1)+IF('Standard Profiles'!$G$22=$B$10,7,0)+IF('Standard Profiles'!$G$22=$B$17,14,0)+IF('Standard Profiles'!$G$22=$B$24,21,0),0)),0)</f>
        <v>0</v>
      </c>
      <c r="I8556">
        <f t="shared" si="951"/>
        <v>0.18128443265295899</v>
      </c>
      <c r="J8556">
        <f t="shared" si="952"/>
        <v>0.60428144217653001</v>
      </c>
      <c r="K8556">
        <f t="shared" si="953"/>
        <v>0.90642216326479508</v>
      </c>
      <c r="L8556">
        <f t="shared" si="954"/>
        <v>8.867031169220871</v>
      </c>
      <c r="M8556">
        <f t="shared" si="955"/>
        <v>0</v>
      </c>
      <c r="N8556" s="46">
        <f t="shared" si="956"/>
        <v>45647.083333312665</v>
      </c>
    </row>
    <row r="8557" spans="2:14" x14ac:dyDescent="0.3">
      <c r="B8557">
        <f t="shared" si="950"/>
        <v>6</v>
      </c>
      <c r="C8557" s="16">
        <v>8523</v>
      </c>
      <c r="D8557" cm="1">
        <f t="array" ref="D8557">IFERROR(INDEX(Jesper!AH$2:AH$366,ROUNDDOWN($C8557/24,0)+1,1)*INDEX($D$3:$AA$30,INDEX(Jesper!$R$2:$R$366,ROW(INDEX(Jesper!AH$2:AH$366,ROUNDDOWN($C8557/24,0)+1,1))-1)+IF('Standard Profiles'!$G$18=$B$10,7,0)+IF('Standard Profiles'!$G$18=$B$17,14,0)+IF('Standard Profiles'!$G$18=$B$24,21,0),MOD($C8557,24)+1)/SUM(INDEX($D$3:$AA$30,INDEX(Jesper!$R$2:$R$366,ROW(INDEX(Jesper!AH$2:AH$366,ROUNDDOWN($C8557/24,0)+1,1))-1)+IF('Standard Profiles'!$G$18=$B$10,7,0)+IF('Standard Profiles'!$G$18=$B$17,14,0)+IF('Standard Profiles'!$G$18=$B$24,21,0),0)),0)</f>
        <v>8.5467620048673112</v>
      </c>
      <c r="E8557" cm="1">
        <f t="array" ref="E8557">IFERROR(INDEX(Jesper!AI$2:AI$366,ROUNDDOWN($C8557/24,0)+1,1)*INDEX($D$3:$AA$30,INDEX(Jesper!$R$2:$R$366,ROW(INDEX(Jesper!AI$2:AI$366,ROUNDDOWN($C8557/24,0)+1,1))-1)+IF('Standard Profiles'!$G$19=$B$10,7,0)+IF('Standard Profiles'!$G$19=$B$17,14,0)+IF('Standard Profiles'!$G$19=$B$24,21,0),MOD($C8557,24)+1)/SUM(INDEX($D$3:$AA$30,INDEX(Jesper!$R$2:$R$366,ROW(INDEX(Jesper!AI$2:AI$366,ROUNDDOWN($C8557/24,0)+1,1))-1)+IF('Standard Profiles'!$G$19=$B$10,7,0)+IF('Standard Profiles'!$G$19=$B$17,14,0)+IF('Standard Profiles'!$G$19=$B$24,21,0),0)),0)</f>
        <v>2.0122572024478442</v>
      </c>
      <c r="F8557" cm="1">
        <f t="array" ref="F8557">IFERROR(INDEX(Jesper!AJ$2:AJ$366,ROUNDDOWN($C8557/24,0)+1,1)*INDEX($D$3:$AA$30,INDEX(Jesper!$R$2:$R$366,ROW(INDEX(Jesper!AJ$2:AJ$366,ROUNDDOWN($C8557/24,0)+1,1))-1)+IF('Standard Profiles'!$G$20=$B$10,7,0)+IF('Standard Profiles'!$G$20=$B$17,14,0)+IF('Standard Profiles'!$G$20=$B$24,21,0),MOD($C8557,24)+1)/SUM(INDEX($D$3:$AA$30,INDEX(Jesper!$R$2:$R$366,ROW(INDEX(Jesper!AJ$2:AJ$366,ROUNDDOWN($C8557/24,0)+1,1))-1)+IF('Standard Profiles'!$G$20=$B$10,7,0)+IF('Standard Profiles'!$G$20=$B$17,14,0)+IF('Standard Profiles'!$G$20=$B$24,21,0),0)),0)</f>
        <v>0</v>
      </c>
      <c r="G8557" cm="1">
        <f t="array" ref="G8557">IFERROR(INDEX(Jesper!AK$2:AK$366,ROUNDDOWN($C8557/24,0)+1,1)*INDEX($D$3:$AA$30,INDEX(Jesper!$R$2:$R$366,ROW(INDEX(Jesper!AK$2:AK$366,ROUNDDOWN($C8557/24,0)+1,1))-1)+IF('Standard Profiles'!$G$21=$B$10,7,0)+IF('Standard Profiles'!$G$21=$B$17,14,0)+IF('Standard Profiles'!$G$21=$B$24,21,0),MOD($C8557,24)+1)/SUM(INDEX($D$3:$AA$30,INDEX(Jesper!$R$2:$R$366,ROW(INDEX(Jesper!AK$2:AK$366,ROUNDDOWN($C8557/24,0)+1,1))-1)+IF('Standard Profiles'!$G$21=$B$10,7,0)+IF('Standard Profiles'!$G$21=$B$17,14,0)+IF('Standard Profiles'!$G$21=$B$24,21,0),0)),0)</f>
        <v>0</v>
      </c>
      <c r="H8557" cm="1">
        <f t="array" ref="H8557">IFERROR(INDEX(Jesper!AL$2:AL$366,ROUNDDOWN($C8557/24,0)+1,1)*INDEX($D$3:$AA$30,INDEX(Jesper!$R$2:$R$366,ROW(INDEX(Jesper!AL$2:AL$366,ROUNDDOWN($C8557/24,0)+1,1))-1)+IF('Standard Profiles'!$G$22=$B$10,7,0)+IF('Standard Profiles'!$G$22=$B$17,14,0)+IF('Standard Profiles'!$G$22=$B$24,21,0),MOD($C8557,24)+1)/SUM(INDEX($D$3:$AA$30,INDEX(Jesper!$R$2:$R$366,ROW(INDEX(Jesper!AL$2:AL$366,ROUNDDOWN($C8557/24,0)+1,1))-1)+IF('Standard Profiles'!$G$22=$B$10,7,0)+IF('Standard Profiles'!$G$22=$B$17,14,0)+IF('Standard Profiles'!$G$22=$B$24,21,0),0)),0)</f>
        <v>0</v>
      </c>
      <c r="I8557">
        <f t="shared" si="951"/>
        <v>0.18128443265295899</v>
      </c>
      <c r="J8557">
        <f t="shared" si="952"/>
        <v>0.60428144217653001</v>
      </c>
      <c r="K8557">
        <f t="shared" si="953"/>
        <v>0.90642216326479508</v>
      </c>
      <c r="L8557">
        <f t="shared" si="954"/>
        <v>8.867031169220871</v>
      </c>
      <c r="M8557">
        <f t="shared" si="955"/>
        <v>0</v>
      </c>
      <c r="N8557" s="46">
        <f t="shared" si="956"/>
        <v>45647.124999979329</v>
      </c>
    </row>
    <row r="8558" spans="2:14" x14ac:dyDescent="0.3">
      <c r="B8558">
        <f t="shared" si="950"/>
        <v>6</v>
      </c>
      <c r="C8558" s="16">
        <v>8524</v>
      </c>
      <c r="D8558" cm="1">
        <f t="array" ref="D8558">IFERROR(INDEX(Jesper!AH$2:AH$366,ROUNDDOWN($C8558/24,0)+1,1)*INDEX($D$3:$AA$30,INDEX(Jesper!$R$2:$R$366,ROW(INDEX(Jesper!AH$2:AH$366,ROUNDDOWN($C8558/24,0)+1,1))-1)+IF('Standard Profiles'!$G$18=$B$10,7,0)+IF('Standard Profiles'!$G$18=$B$17,14,0)+IF('Standard Profiles'!$G$18=$B$24,21,0),MOD($C8558,24)+1)/SUM(INDEX($D$3:$AA$30,INDEX(Jesper!$R$2:$R$366,ROW(INDEX(Jesper!AH$2:AH$366,ROUNDDOWN($C8558/24,0)+1,1))-1)+IF('Standard Profiles'!$G$18=$B$10,7,0)+IF('Standard Profiles'!$G$18=$B$17,14,0)+IF('Standard Profiles'!$G$18=$B$24,21,0),0)),0)</f>
        <v>8.5467620048673112</v>
      </c>
      <c r="E8558" cm="1">
        <f t="array" ref="E8558">IFERROR(INDEX(Jesper!AI$2:AI$366,ROUNDDOWN($C8558/24,0)+1,1)*INDEX($D$3:$AA$30,INDEX(Jesper!$R$2:$R$366,ROW(INDEX(Jesper!AI$2:AI$366,ROUNDDOWN($C8558/24,0)+1,1))-1)+IF('Standard Profiles'!$G$19=$B$10,7,0)+IF('Standard Profiles'!$G$19=$B$17,14,0)+IF('Standard Profiles'!$G$19=$B$24,21,0),MOD($C8558,24)+1)/SUM(INDEX($D$3:$AA$30,INDEX(Jesper!$R$2:$R$366,ROW(INDEX(Jesper!AI$2:AI$366,ROUNDDOWN($C8558/24,0)+1,1))-1)+IF('Standard Profiles'!$G$19=$B$10,7,0)+IF('Standard Profiles'!$G$19=$B$17,14,0)+IF('Standard Profiles'!$G$19=$B$24,21,0),0)),0)</f>
        <v>2.0122572024478442</v>
      </c>
      <c r="F8558" cm="1">
        <f t="array" ref="F8558">IFERROR(INDEX(Jesper!AJ$2:AJ$366,ROUNDDOWN($C8558/24,0)+1,1)*INDEX($D$3:$AA$30,INDEX(Jesper!$R$2:$R$366,ROW(INDEX(Jesper!AJ$2:AJ$366,ROUNDDOWN($C8558/24,0)+1,1))-1)+IF('Standard Profiles'!$G$20=$B$10,7,0)+IF('Standard Profiles'!$G$20=$B$17,14,0)+IF('Standard Profiles'!$G$20=$B$24,21,0),MOD($C8558,24)+1)/SUM(INDEX($D$3:$AA$30,INDEX(Jesper!$R$2:$R$366,ROW(INDEX(Jesper!AJ$2:AJ$366,ROUNDDOWN($C8558/24,0)+1,1))-1)+IF('Standard Profiles'!$G$20=$B$10,7,0)+IF('Standard Profiles'!$G$20=$B$17,14,0)+IF('Standard Profiles'!$G$20=$B$24,21,0),0)),0)</f>
        <v>0</v>
      </c>
      <c r="G8558" cm="1">
        <f t="array" ref="G8558">IFERROR(INDEX(Jesper!AK$2:AK$366,ROUNDDOWN($C8558/24,0)+1,1)*INDEX($D$3:$AA$30,INDEX(Jesper!$R$2:$R$366,ROW(INDEX(Jesper!AK$2:AK$366,ROUNDDOWN($C8558/24,0)+1,1))-1)+IF('Standard Profiles'!$G$21=$B$10,7,0)+IF('Standard Profiles'!$G$21=$B$17,14,0)+IF('Standard Profiles'!$G$21=$B$24,21,0),MOD($C8558,24)+1)/SUM(INDEX($D$3:$AA$30,INDEX(Jesper!$R$2:$R$366,ROW(INDEX(Jesper!AK$2:AK$366,ROUNDDOWN($C8558/24,0)+1,1))-1)+IF('Standard Profiles'!$G$21=$B$10,7,0)+IF('Standard Profiles'!$G$21=$B$17,14,0)+IF('Standard Profiles'!$G$21=$B$24,21,0),0)),0)</f>
        <v>0</v>
      </c>
      <c r="H8558" cm="1">
        <f t="array" ref="H8558">IFERROR(INDEX(Jesper!AL$2:AL$366,ROUNDDOWN($C8558/24,0)+1,1)*INDEX($D$3:$AA$30,INDEX(Jesper!$R$2:$R$366,ROW(INDEX(Jesper!AL$2:AL$366,ROUNDDOWN($C8558/24,0)+1,1))-1)+IF('Standard Profiles'!$G$22=$B$10,7,0)+IF('Standard Profiles'!$G$22=$B$17,14,0)+IF('Standard Profiles'!$G$22=$B$24,21,0),MOD($C8558,24)+1)/SUM(INDEX($D$3:$AA$30,INDEX(Jesper!$R$2:$R$366,ROW(INDEX(Jesper!AL$2:AL$366,ROUNDDOWN($C8558/24,0)+1,1))-1)+IF('Standard Profiles'!$G$22=$B$10,7,0)+IF('Standard Profiles'!$G$22=$B$17,14,0)+IF('Standard Profiles'!$G$22=$B$24,21,0),0)),0)</f>
        <v>0</v>
      </c>
      <c r="I8558">
        <f t="shared" si="951"/>
        <v>0.18128443265295899</v>
      </c>
      <c r="J8558">
        <f t="shared" si="952"/>
        <v>0.60428144217653001</v>
      </c>
      <c r="K8558">
        <f t="shared" si="953"/>
        <v>0.90642216326479508</v>
      </c>
      <c r="L8558">
        <f t="shared" si="954"/>
        <v>8.867031169220871</v>
      </c>
      <c r="M8558">
        <f t="shared" si="955"/>
        <v>0</v>
      </c>
      <c r="N8558" s="46">
        <f t="shared" si="956"/>
        <v>45647.166666645993</v>
      </c>
    </row>
    <row r="8559" spans="2:14" x14ac:dyDescent="0.3">
      <c r="B8559">
        <f t="shared" si="950"/>
        <v>6</v>
      </c>
      <c r="C8559" s="16">
        <v>8525</v>
      </c>
      <c r="D8559" cm="1">
        <f t="array" ref="D8559">IFERROR(INDEX(Jesper!AH$2:AH$366,ROUNDDOWN($C8559/24,0)+1,1)*INDEX($D$3:$AA$30,INDEX(Jesper!$R$2:$R$366,ROW(INDEX(Jesper!AH$2:AH$366,ROUNDDOWN($C8559/24,0)+1,1))-1)+IF('Standard Profiles'!$G$18=$B$10,7,0)+IF('Standard Profiles'!$G$18=$B$17,14,0)+IF('Standard Profiles'!$G$18=$B$24,21,0),MOD($C8559,24)+1)/SUM(INDEX($D$3:$AA$30,INDEX(Jesper!$R$2:$R$366,ROW(INDEX(Jesper!AH$2:AH$366,ROUNDDOWN($C8559/24,0)+1,1))-1)+IF('Standard Profiles'!$G$18=$B$10,7,0)+IF('Standard Profiles'!$G$18=$B$17,14,0)+IF('Standard Profiles'!$G$18=$B$24,21,0),0)),0)</f>
        <v>10.631338103615434</v>
      </c>
      <c r="E8559" cm="1">
        <f t="array" ref="E8559">IFERROR(INDEX(Jesper!AI$2:AI$366,ROUNDDOWN($C8559/24,0)+1,1)*INDEX($D$3:$AA$30,INDEX(Jesper!$R$2:$R$366,ROW(INDEX(Jesper!AI$2:AI$366,ROUNDDOWN($C8559/24,0)+1,1))-1)+IF('Standard Profiles'!$G$19=$B$10,7,0)+IF('Standard Profiles'!$G$19=$B$17,14,0)+IF('Standard Profiles'!$G$19=$B$24,21,0),MOD($C8559,24)+1)/SUM(INDEX($D$3:$AA$30,INDEX(Jesper!$R$2:$R$366,ROW(INDEX(Jesper!AI$2:AI$366,ROUNDDOWN($C8559/24,0)+1,1))-1)+IF('Standard Profiles'!$G$19=$B$10,7,0)+IF('Standard Profiles'!$G$19=$B$17,14,0)+IF('Standard Profiles'!$G$19=$B$24,21,0),0)),0)</f>
        <v>2.5030516420692694</v>
      </c>
      <c r="F8559" cm="1">
        <f t="array" ref="F8559">IFERROR(INDEX(Jesper!AJ$2:AJ$366,ROUNDDOWN($C8559/24,0)+1,1)*INDEX($D$3:$AA$30,INDEX(Jesper!$R$2:$R$366,ROW(INDEX(Jesper!AJ$2:AJ$366,ROUNDDOWN($C8559/24,0)+1,1))-1)+IF('Standard Profiles'!$G$20=$B$10,7,0)+IF('Standard Profiles'!$G$20=$B$17,14,0)+IF('Standard Profiles'!$G$20=$B$24,21,0),MOD($C8559,24)+1)/SUM(INDEX($D$3:$AA$30,INDEX(Jesper!$R$2:$R$366,ROW(INDEX(Jesper!AJ$2:AJ$366,ROUNDDOWN($C8559/24,0)+1,1))-1)+IF('Standard Profiles'!$G$20=$B$10,7,0)+IF('Standard Profiles'!$G$20=$B$17,14,0)+IF('Standard Profiles'!$G$20=$B$24,21,0),0)),0)</f>
        <v>0</v>
      </c>
      <c r="G8559" cm="1">
        <f t="array" ref="G8559">IFERROR(INDEX(Jesper!AK$2:AK$366,ROUNDDOWN($C8559/24,0)+1,1)*INDEX($D$3:$AA$30,INDEX(Jesper!$R$2:$R$366,ROW(INDEX(Jesper!AK$2:AK$366,ROUNDDOWN($C8559/24,0)+1,1))-1)+IF('Standard Profiles'!$G$21=$B$10,7,0)+IF('Standard Profiles'!$G$21=$B$17,14,0)+IF('Standard Profiles'!$G$21=$B$24,21,0),MOD($C8559,24)+1)/SUM(INDEX($D$3:$AA$30,INDEX(Jesper!$R$2:$R$366,ROW(INDEX(Jesper!AK$2:AK$366,ROUNDDOWN($C8559/24,0)+1,1))-1)+IF('Standard Profiles'!$G$21=$B$10,7,0)+IF('Standard Profiles'!$G$21=$B$17,14,0)+IF('Standard Profiles'!$G$21=$B$24,21,0),0)),0)</f>
        <v>0</v>
      </c>
      <c r="H8559" cm="1">
        <f t="array" ref="H8559">IFERROR(INDEX(Jesper!AL$2:AL$366,ROUNDDOWN($C8559/24,0)+1,1)*INDEX($D$3:$AA$30,INDEX(Jesper!$R$2:$R$366,ROW(INDEX(Jesper!AL$2:AL$366,ROUNDDOWN($C8559/24,0)+1,1))-1)+IF('Standard Profiles'!$G$22=$B$10,7,0)+IF('Standard Profiles'!$G$22=$B$17,14,0)+IF('Standard Profiles'!$G$22=$B$24,21,0),MOD($C8559,24)+1)/SUM(INDEX($D$3:$AA$30,INDEX(Jesper!$R$2:$R$366,ROW(INDEX(Jesper!AL$2:AL$366,ROUNDDOWN($C8559/24,0)+1,1))-1)+IF('Standard Profiles'!$G$22=$B$10,7,0)+IF('Standard Profiles'!$G$22=$B$17,14,0)+IF('Standard Profiles'!$G$22=$B$24,21,0),0)),0)</f>
        <v>0</v>
      </c>
      <c r="I8559">
        <f t="shared" si="951"/>
        <v>0.22550014793416848</v>
      </c>
      <c r="J8559">
        <f t="shared" si="952"/>
        <v>0.75166715978056164</v>
      </c>
      <c r="K8559">
        <f t="shared" si="953"/>
        <v>1.1275007396708425</v>
      </c>
      <c r="L8559">
        <f t="shared" si="954"/>
        <v>11.029721698299131</v>
      </c>
      <c r="M8559">
        <f t="shared" si="955"/>
        <v>0</v>
      </c>
      <c r="N8559" s="46">
        <f t="shared" si="956"/>
        <v>45647.208333312657</v>
      </c>
    </row>
    <row r="8560" spans="2:14" x14ac:dyDescent="0.3">
      <c r="B8560">
        <f t="shared" si="950"/>
        <v>6</v>
      </c>
      <c r="C8560" s="16">
        <v>8526</v>
      </c>
      <c r="D8560" cm="1">
        <f t="array" ref="D8560">IFERROR(INDEX(Jesper!AH$2:AH$366,ROUNDDOWN($C8560/24,0)+1,1)*INDEX($D$3:$AA$30,INDEX(Jesper!$R$2:$R$366,ROW(INDEX(Jesper!AH$2:AH$366,ROUNDDOWN($C8560/24,0)+1,1))-1)+IF('Standard Profiles'!$G$18=$B$10,7,0)+IF('Standard Profiles'!$G$18=$B$17,14,0)+IF('Standard Profiles'!$G$18=$B$24,21,0),MOD($C8560,24)+1)/SUM(INDEX($D$3:$AA$30,INDEX(Jesper!$R$2:$R$366,ROW(INDEX(Jesper!AH$2:AH$366,ROUNDDOWN($C8560/24,0)+1,1))-1)+IF('Standard Profiles'!$G$18=$B$10,7,0)+IF('Standard Profiles'!$G$18=$B$17,14,0)+IF('Standard Profiles'!$G$18=$B$24,21,0),0)),0)</f>
        <v>13.341287031987997</v>
      </c>
      <c r="E8560" cm="1">
        <f t="array" ref="E8560">IFERROR(INDEX(Jesper!AI$2:AI$366,ROUNDDOWN($C8560/24,0)+1,1)*INDEX($D$3:$AA$30,INDEX(Jesper!$R$2:$R$366,ROW(INDEX(Jesper!AI$2:AI$366,ROUNDDOWN($C8560/24,0)+1,1))-1)+IF('Standard Profiles'!$G$19=$B$10,7,0)+IF('Standard Profiles'!$G$19=$B$17,14,0)+IF('Standard Profiles'!$G$19=$B$24,21,0),MOD($C8560,24)+1)/SUM(INDEX($D$3:$AA$30,INDEX(Jesper!$R$2:$R$366,ROW(INDEX(Jesper!AI$2:AI$366,ROUNDDOWN($C8560/24,0)+1,1))-1)+IF('Standard Profiles'!$G$19=$B$10,7,0)+IF('Standard Profiles'!$G$19=$B$17,14,0)+IF('Standard Profiles'!$G$19=$B$24,21,0),0)),0)</f>
        <v>3.1410844135771225</v>
      </c>
      <c r="F8560" cm="1">
        <f t="array" ref="F8560">IFERROR(INDEX(Jesper!AJ$2:AJ$366,ROUNDDOWN($C8560/24,0)+1,1)*INDEX($D$3:$AA$30,INDEX(Jesper!$R$2:$R$366,ROW(INDEX(Jesper!AJ$2:AJ$366,ROUNDDOWN($C8560/24,0)+1,1))-1)+IF('Standard Profiles'!$G$20=$B$10,7,0)+IF('Standard Profiles'!$G$20=$B$17,14,0)+IF('Standard Profiles'!$G$20=$B$24,21,0),MOD($C8560,24)+1)/SUM(INDEX($D$3:$AA$30,INDEX(Jesper!$R$2:$R$366,ROW(INDEX(Jesper!AJ$2:AJ$366,ROUNDDOWN($C8560/24,0)+1,1))-1)+IF('Standard Profiles'!$G$20=$B$10,7,0)+IF('Standard Profiles'!$G$20=$B$17,14,0)+IF('Standard Profiles'!$G$20=$B$24,21,0),0)),0)</f>
        <v>0</v>
      </c>
      <c r="G8560" cm="1">
        <f t="array" ref="G8560">IFERROR(INDEX(Jesper!AK$2:AK$366,ROUNDDOWN($C8560/24,0)+1,1)*INDEX($D$3:$AA$30,INDEX(Jesper!$R$2:$R$366,ROW(INDEX(Jesper!AK$2:AK$366,ROUNDDOWN($C8560/24,0)+1,1))-1)+IF('Standard Profiles'!$G$21=$B$10,7,0)+IF('Standard Profiles'!$G$21=$B$17,14,0)+IF('Standard Profiles'!$G$21=$B$24,21,0),MOD($C8560,24)+1)/SUM(INDEX($D$3:$AA$30,INDEX(Jesper!$R$2:$R$366,ROW(INDEX(Jesper!AK$2:AK$366,ROUNDDOWN($C8560/24,0)+1,1))-1)+IF('Standard Profiles'!$G$21=$B$10,7,0)+IF('Standard Profiles'!$G$21=$B$17,14,0)+IF('Standard Profiles'!$G$21=$B$24,21,0),0)),0)</f>
        <v>0</v>
      </c>
      <c r="H8560" cm="1">
        <f t="array" ref="H8560">IFERROR(INDEX(Jesper!AL$2:AL$366,ROUNDDOWN($C8560/24,0)+1,1)*INDEX($D$3:$AA$30,INDEX(Jesper!$R$2:$R$366,ROW(INDEX(Jesper!AL$2:AL$366,ROUNDDOWN($C8560/24,0)+1,1))-1)+IF('Standard Profiles'!$G$22=$B$10,7,0)+IF('Standard Profiles'!$G$22=$B$17,14,0)+IF('Standard Profiles'!$G$22=$B$24,21,0),MOD($C8560,24)+1)/SUM(INDEX($D$3:$AA$30,INDEX(Jesper!$R$2:$R$366,ROW(INDEX(Jesper!AL$2:AL$366,ROUNDDOWN($C8560/24,0)+1,1))-1)+IF('Standard Profiles'!$G$22=$B$10,7,0)+IF('Standard Profiles'!$G$22=$B$17,14,0)+IF('Standard Profiles'!$G$22=$B$24,21,0),0)),0)</f>
        <v>0</v>
      </c>
      <c r="I8560">
        <f t="shared" si="951"/>
        <v>0.28298057779974084</v>
      </c>
      <c r="J8560">
        <f t="shared" si="952"/>
        <v>0.94326859266580287</v>
      </c>
      <c r="K8560">
        <f t="shared" si="953"/>
        <v>1.4149028889987043</v>
      </c>
      <c r="L8560">
        <f t="shared" si="954"/>
        <v>13.841219386100873</v>
      </c>
      <c r="M8560">
        <f t="shared" si="955"/>
        <v>0</v>
      </c>
      <c r="N8560" s="46">
        <f t="shared" si="956"/>
        <v>45647.249999979322</v>
      </c>
    </row>
    <row r="8561" spans="2:14" x14ac:dyDescent="0.3">
      <c r="B8561">
        <f t="shared" si="950"/>
        <v>6</v>
      </c>
      <c r="C8561" s="16">
        <v>8527</v>
      </c>
      <c r="D8561" cm="1">
        <f t="array" ref="D8561">IFERROR(INDEX(Jesper!AH$2:AH$366,ROUNDDOWN($C8561/24,0)+1,1)*INDEX($D$3:$AA$30,INDEX(Jesper!$R$2:$R$366,ROW(INDEX(Jesper!AH$2:AH$366,ROUNDDOWN($C8561/24,0)+1,1))-1)+IF('Standard Profiles'!$G$18=$B$10,7,0)+IF('Standard Profiles'!$G$18=$B$17,14,0)+IF('Standard Profiles'!$G$18=$B$24,21,0),MOD($C8561,24)+1)/SUM(INDEX($D$3:$AA$30,INDEX(Jesper!$R$2:$R$366,ROW(INDEX(Jesper!AH$2:AH$366,ROUNDDOWN($C8561/24,0)+1,1))-1)+IF('Standard Profiles'!$G$18=$B$10,7,0)+IF('Standard Profiles'!$G$18=$B$17,14,0)+IF('Standard Profiles'!$G$18=$B$24,21,0),0)),0)</f>
        <v>15.217405520861309</v>
      </c>
      <c r="E8561" cm="1">
        <f t="array" ref="E8561">IFERROR(INDEX(Jesper!AI$2:AI$366,ROUNDDOWN($C8561/24,0)+1,1)*INDEX($D$3:$AA$30,INDEX(Jesper!$R$2:$R$366,ROW(INDEX(Jesper!AI$2:AI$366,ROUNDDOWN($C8561/24,0)+1,1))-1)+IF('Standard Profiles'!$G$19=$B$10,7,0)+IF('Standard Profiles'!$G$19=$B$17,14,0)+IF('Standard Profiles'!$G$19=$B$24,21,0),MOD($C8561,24)+1)/SUM(INDEX($D$3:$AA$30,INDEX(Jesper!$R$2:$R$366,ROW(INDEX(Jesper!AI$2:AI$366,ROUNDDOWN($C8561/24,0)+1,1))-1)+IF('Standard Profiles'!$G$19=$B$10,7,0)+IF('Standard Profiles'!$G$19=$B$17,14,0)+IF('Standard Profiles'!$G$19=$B$24,21,0),0)),0)</f>
        <v>3.5827994092364053</v>
      </c>
      <c r="F8561" cm="1">
        <f t="array" ref="F8561">IFERROR(INDEX(Jesper!AJ$2:AJ$366,ROUNDDOWN($C8561/24,0)+1,1)*INDEX($D$3:$AA$30,INDEX(Jesper!$R$2:$R$366,ROW(INDEX(Jesper!AJ$2:AJ$366,ROUNDDOWN($C8561/24,0)+1,1))-1)+IF('Standard Profiles'!$G$20=$B$10,7,0)+IF('Standard Profiles'!$G$20=$B$17,14,0)+IF('Standard Profiles'!$G$20=$B$24,21,0),MOD($C8561,24)+1)/SUM(INDEX($D$3:$AA$30,INDEX(Jesper!$R$2:$R$366,ROW(INDEX(Jesper!AJ$2:AJ$366,ROUNDDOWN($C8561/24,0)+1,1))-1)+IF('Standard Profiles'!$G$20=$B$10,7,0)+IF('Standard Profiles'!$G$20=$B$17,14,0)+IF('Standard Profiles'!$G$20=$B$24,21,0),0)),0)</f>
        <v>0</v>
      </c>
      <c r="G8561" cm="1">
        <f t="array" ref="G8561">IFERROR(INDEX(Jesper!AK$2:AK$366,ROUNDDOWN($C8561/24,0)+1,1)*INDEX($D$3:$AA$30,INDEX(Jesper!$R$2:$R$366,ROW(INDEX(Jesper!AK$2:AK$366,ROUNDDOWN($C8561/24,0)+1,1))-1)+IF('Standard Profiles'!$G$21=$B$10,7,0)+IF('Standard Profiles'!$G$21=$B$17,14,0)+IF('Standard Profiles'!$G$21=$B$24,21,0),MOD($C8561,24)+1)/SUM(INDEX($D$3:$AA$30,INDEX(Jesper!$R$2:$R$366,ROW(INDEX(Jesper!AK$2:AK$366,ROUNDDOWN($C8561/24,0)+1,1))-1)+IF('Standard Profiles'!$G$21=$B$10,7,0)+IF('Standard Profiles'!$G$21=$B$17,14,0)+IF('Standard Profiles'!$G$21=$B$24,21,0),0)),0)</f>
        <v>0</v>
      </c>
      <c r="H8561" cm="1">
        <f t="array" ref="H8561">IFERROR(INDEX(Jesper!AL$2:AL$366,ROUNDDOWN($C8561/24,0)+1,1)*INDEX($D$3:$AA$30,INDEX(Jesper!$R$2:$R$366,ROW(INDEX(Jesper!AL$2:AL$366,ROUNDDOWN($C8561/24,0)+1,1))-1)+IF('Standard Profiles'!$G$22=$B$10,7,0)+IF('Standard Profiles'!$G$22=$B$17,14,0)+IF('Standard Profiles'!$G$22=$B$24,21,0),MOD($C8561,24)+1)/SUM(INDEX($D$3:$AA$30,INDEX(Jesper!$R$2:$R$366,ROW(INDEX(Jesper!AL$2:AL$366,ROUNDDOWN($C8561/24,0)+1,1))-1)+IF('Standard Profiles'!$G$22=$B$10,7,0)+IF('Standard Profiles'!$G$22=$B$17,14,0)+IF('Standard Profiles'!$G$22=$B$24,21,0),0)),0)</f>
        <v>0</v>
      </c>
      <c r="I8561">
        <f t="shared" si="951"/>
        <v>0.32277472155282938</v>
      </c>
      <c r="J8561">
        <f t="shared" si="952"/>
        <v>1.0759157385094313</v>
      </c>
      <c r="K8561">
        <f t="shared" si="953"/>
        <v>1.6138736077641471</v>
      </c>
      <c r="L8561">
        <f t="shared" si="954"/>
        <v>15.787640862271306</v>
      </c>
      <c r="M8561">
        <f t="shared" si="955"/>
        <v>0</v>
      </c>
      <c r="N8561" s="46">
        <f t="shared" si="956"/>
        <v>45647.291666645986</v>
      </c>
    </row>
    <row r="8562" spans="2:14" x14ac:dyDescent="0.3">
      <c r="B8562">
        <f t="shared" si="950"/>
        <v>6</v>
      </c>
      <c r="C8562" s="16">
        <v>8528</v>
      </c>
      <c r="D8562" cm="1">
        <f t="array" ref="D8562">IFERROR(INDEX(Jesper!AH$2:AH$366,ROUNDDOWN($C8562/24,0)+1,1)*INDEX($D$3:$AA$30,INDEX(Jesper!$R$2:$R$366,ROW(INDEX(Jesper!AH$2:AH$366,ROUNDDOWN($C8562/24,0)+1,1))-1)+IF('Standard Profiles'!$G$18=$B$10,7,0)+IF('Standard Profiles'!$G$18=$B$17,14,0)+IF('Standard Profiles'!$G$18=$B$24,21,0),MOD($C8562,24)+1)/SUM(INDEX($D$3:$AA$30,INDEX(Jesper!$R$2:$R$366,ROW(INDEX(Jesper!AH$2:AH$366,ROUNDDOWN($C8562/24,0)+1,1))-1)+IF('Standard Profiles'!$G$18=$B$10,7,0)+IF('Standard Profiles'!$G$18=$B$17,14,0)+IF('Standard Profiles'!$G$18=$B$24,21,0),0)),0)</f>
        <v>15.217405520861309</v>
      </c>
      <c r="E8562" cm="1">
        <f t="array" ref="E8562">IFERROR(INDEX(Jesper!AI$2:AI$366,ROUNDDOWN($C8562/24,0)+1,1)*INDEX($D$3:$AA$30,INDEX(Jesper!$R$2:$R$366,ROW(INDEX(Jesper!AI$2:AI$366,ROUNDDOWN($C8562/24,0)+1,1))-1)+IF('Standard Profiles'!$G$19=$B$10,7,0)+IF('Standard Profiles'!$G$19=$B$17,14,0)+IF('Standard Profiles'!$G$19=$B$24,21,0),MOD($C8562,24)+1)/SUM(INDEX($D$3:$AA$30,INDEX(Jesper!$R$2:$R$366,ROW(INDEX(Jesper!AI$2:AI$366,ROUNDDOWN($C8562/24,0)+1,1))-1)+IF('Standard Profiles'!$G$19=$B$10,7,0)+IF('Standard Profiles'!$G$19=$B$17,14,0)+IF('Standard Profiles'!$G$19=$B$24,21,0),0)),0)</f>
        <v>3.5827994092364053</v>
      </c>
      <c r="F8562" cm="1">
        <f t="array" ref="F8562">IFERROR(INDEX(Jesper!AJ$2:AJ$366,ROUNDDOWN($C8562/24,0)+1,1)*INDEX($D$3:$AA$30,INDEX(Jesper!$R$2:$R$366,ROW(INDEX(Jesper!AJ$2:AJ$366,ROUNDDOWN($C8562/24,0)+1,1))-1)+IF('Standard Profiles'!$G$20=$B$10,7,0)+IF('Standard Profiles'!$G$20=$B$17,14,0)+IF('Standard Profiles'!$G$20=$B$24,21,0),MOD($C8562,24)+1)/SUM(INDEX($D$3:$AA$30,INDEX(Jesper!$R$2:$R$366,ROW(INDEX(Jesper!AJ$2:AJ$366,ROUNDDOWN($C8562/24,0)+1,1))-1)+IF('Standard Profiles'!$G$20=$B$10,7,0)+IF('Standard Profiles'!$G$20=$B$17,14,0)+IF('Standard Profiles'!$G$20=$B$24,21,0),0)),0)</f>
        <v>0</v>
      </c>
      <c r="G8562" cm="1">
        <f t="array" ref="G8562">IFERROR(INDEX(Jesper!AK$2:AK$366,ROUNDDOWN($C8562/24,0)+1,1)*INDEX($D$3:$AA$30,INDEX(Jesper!$R$2:$R$366,ROW(INDEX(Jesper!AK$2:AK$366,ROUNDDOWN($C8562/24,0)+1,1))-1)+IF('Standard Profiles'!$G$21=$B$10,7,0)+IF('Standard Profiles'!$G$21=$B$17,14,0)+IF('Standard Profiles'!$G$21=$B$24,21,0),MOD($C8562,24)+1)/SUM(INDEX($D$3:$AA$30,INDEX(Jesper!$R$2:$R$366,ROW(INDEX(Jesper!AK$2:AK$366,ROUNDDOWN($C8562/24,0)+1,1))-1)+IF('Standard Profiles'!$G$21=$B$10,7,0)+IF('Standard Profiles'!$G$21=$B$17,14,0)+IF('Standard Profiles'!$G$21=$B$24,21,0),0)),0)</f>
        <v>0</v>
      </c>
      <c r="H8562" cm="1">
        <f t="array" ref="H8562">IFERROR(INDEX(Jesper!AL$2:AL$366,ROUNDDOWN($C8562/24,0)+1,1)*INDEX($D$3:$AA$30,INDEX(Jesper!$R$2:$R$366,ROW(INDEX(Jesper!AL$2:AL$366,ROUNDDOWN($C8562/24,0)+1,1))-1)+IF('Standard Profiles'!$G$22=$B$10,7,0)+IF('Standard Profiles'!$G$22=$B$17,14,0)+IF('Standard Profiles'!$G$22=$B$24,21,0),MOD($C8562,24)+1)/SUM(INDEX($D$3:$AA$30,INDEX(Jesper!$R$2:$R$366,ROW(INDEX(Jesper!AL$2:AL$366,ROUNDDOWN($C8562/24,0)+1,1))-1)+IF('Standard Profiles'!$G$22=$B$10,7,0)+IF('Standard Profiles'!$G$22=$B$17,14,0)+IF('Standard Profiles'!$G$22=$B$24,21,0),0)),0)</f>
        <v>0</v>
      </c>
      <c r="I8562">
        <f t="shared" si="951"/>
        <v>0.32277472155282938</v>
      </c>
      <c r="J8562">
        <f t="shared" si="952"/>
        <v>1.0759157385094313</v>
      </c>
      <c r="K8562">
        <f t="shared" si="953"/>
        <v>1.6138736077641471</v>
      </c>
      <c r="L8562">
        <f t="shared" si="954"/>
        <v>15.787640862271306</v>
      </c>
      <c r="M8562">
        <f t="shared" si="955"/>
        <v>0</v>
      </c>
      <c r="N8562" s="46">
        <f t="shared" si="956"/>
        <v>45647.33333331265</v>
      </c>
    </row>
    <row r="8563" spans="2:14" x14ac:dyDescent="0.3">
      <c r="B8563">
        <f t="shared" si="950"/>
        <v>6</v>
      </c>
      <c r="C8563" s="16">
        <v>8529</v>
      </c>
      <c r="D8563" cm="1">
        <f t="array" ref="D8563">IFERROR(INDEX(Jesper!AH$2:AH$366,ROUNDDOWN($C8563/24,0)+1,1)*INDEX($D$3:$AA$30,INDEX(Jesper!$R$2:$R$366,ROW(INDEX(Jesper!AH$2:AH$366,ROUNDDOWN($C8563/24,0)+1,1))-1)+IF('Standard Profiles'!$G$18=$B$10,7,0)+IF('Standard Profiles'!$G$18=$B$17,14,0)+IF('Standard Profiles'!$G$18=$B$24,21,0),MOD($C8563,24)+1)/SUM(INDEX($D$3:$AA$30,INDEX(Jesper!$R$2:$R$366,ROW(INDEX(Jesper!AH$2:AH$366,ROUNDDOWN($C8563/24,0)+1,1))-1)+IF('Standard Profiles'!$G$18=$B$10,7,0)+IF('Standard Profiles'!$G$18=$B$17,14,0)+IF('Standard Profiles'!$G$18=$B$24,21,0),0)),0)</f>
        <v>15.217405520861309</v>
      </c>
      <c r="E8563" cm="1">
        <f t="array" ref="E8563">IFERROR(INDEX(Jesper!AI$2:AI$366,ROUNDDOWN($C8563/24,0)+1,1)*INDEX($D$3:$AA$30,INDEX(Jesper!$R$2:$R$366,ROW(INDEX(Jesper!AI$2:AI$366,ROUNDDOWN($C8563/24,0)+1,1))-1)+IF('Standard Profiles'!$G$19=$B$10,7,0)+IF('Standard Profiles'!$G$19=$B$17,14,0)+IF('Standard Profiles'!$G$19=$B$24,21,0),MOD($C8563,24)+1)/SUM(INDEX($D$3:$AA$30,INDEX(Jesper!$R$2:$R$366,ROW(INDEX(Jesper!AI$2:AI$366,ROUNDDOWN($C8563/24,0)+1,1))-1)+IF('Standard Profiles'!$G$19=$B$10,7,0)+IF('Standard Profiles'!$G$19=$B$17,14,0)+IF('Standard Profiles'!$G$19=$B$24,21,0),0)),0)</f>
        <v>3.5827994092364053</v>
      </c>
      <c r="F8563" cm="1">
        <f t="array" ref="F8563">IFERROR(INDEX(Jesper!AJ$2:AJ$366,ROUNDDOWN($C8563/24,0)+1,1)*INDEX($D$3:$AA$30,INDEX(Jesper!$R$2:$R$366,ROW(INDEX(Jesper!AJ$2:AJ$366,ROUNDDOWN($C8563/24,0)+1,1))-1)+IF('Standard Profiles'!$G$20=$B$10,7,0)+IF('Standard Profiles'!$G$20=$B$17,14,0)+IF('Standard Profiles'!$G$20=$B$24,21,0),MOD($C8563,24)+1)/SUM(INDEX($D$3:$AA$30,INDEX(Jesper!$R$2:$R$366,ROW(INDEX(Jesper!AJ$2:AJ$366,ROUNDDOWN($C8563/24,0)+1,1))-1)+IF('Standard Profiles'!$G$20=$B$10,7,0)+IF('Standard Profiles'!$G$20=$B$17,14,0)+IF('Standard Profiles'!$G$20=$B$24,21,0),0)),0)</f>
        <v>0</v>
      </c>
      <c r="G8563" cm="1">
        <f t="array" ref="G8563">IFERROR(INDEX(Jesper!AK$2:AK$366,ROUNDDOWN($C8563/24,0)+1,1)*INDEX($D$3:$AA$30,INDEX(Jesper!$R$2:$R$366,ROW(INDEX(Jesper!AK$2:AK$366,ROUNDDOWN($C8563/24,0)+1,1))-1)+IF('Standard Profiles'!$G$21=$B$10,7,0)+IF('Standard Profiles'!$G$21=$B$17,14,0)+IF('Standard Profiles'!$G$21=$B$24,21,0),MOD($C8563,24)+1)/SUM(INDEX($D$3:$AA$30,INDEX(Jesper!$R$2:$R$366,ROW(INDEX(Jesper!AK$2:AK$366,ROUNDDOWN($C8563/24,0)+1,1))-1)+IF('Standard Profiles'!$G$21=$B$10,7,0)+IF('Standard Profiles'!$G$21=$B$17,14,0)+IF('Standard Profiles'!$G$21=$B$24,21,0),0)),0)</f>
        <v>0</v>
      </c>
      <c r="H8563" cm="1">
        <f t="array" ref="H8563">IFERROR(INDEX(Jesper!AL$2:AL$366,ROUNDDOWN($C8563/24,0)+1,1)*INDEX($D$3:$AA$30,INDEX(Jesper!$R$2:$R$366,ROW(INDEX(Jesper!AL$2:AL$366,ROUNDDOWN($C8563/24,0)+1,1))-1)+IF('Standard Profiles'!$G$22=$B$10,7,0)+IF('Standard Profiles'!$G$22=$B$17,14,0)+IF('Standard Profiles'!$G$22=$B$24,21,0),MOD($C8563,24)+1)/SUM(INDEX($D$3:$AA$30,INDEX(Jesper!$R$2:$R$366,ROW(INDEX(Jesper!AL$2:AL$366,ROUNDDOWN($C8563/24,0)+1,1))-1)+IF('Standard Profiles'!$G$22=$B$10,7,0)+IF('Standard Profiles'!$G$22=$B$17,14,0)+IF('Standard Profiles'!$G$22=$B$24,21,0),0)),0)</f>
        <v>0</v>
      </c>
      <c r="I8563">
        <f t="shared" si="951"/>
        <v>0.32277472155282938</v>
      </c>
      <c r="J8563">
        <f t="shared" si="952"/>
        <v>1.0759157385094313</v>
      </c>
      <c r="K8563">
        <f t="shared" si="953"/>
        <v>1.6138736077641471</v>
      </c>
      <c r="L8563">
        <f t="shared" si="954"/>
        <v>15.787640862271306</v>
      </c>
      <c r="M8563">
        <f t="shared" si="955"/>
        <v>0</v>
      </c>
      <c r="N8563" s="46">
        <f t="shared" si="956"/>
        <v>45647.374999979314</v>
      </c>
    </row>
    <row r="8564" spans="2:14" x14ac:dyDescent="0.3">
      <c r="B8564">
        <f t="shared" si="950"/>
        <v>6</v>
      </c>
      <c r="C8564" s="16">
        <v>8530</v>
      </c>
      <c r="D8564" cm="1">
        <f t="array" ref="D8564">IFERROR(INDEX(Jesper!AH$2:AH$366,ROUNDDOWN($C8564/24,0)+1,1)*INDEX($D$3:$AA$30,INDEX(Jesper!$R$2:$R$366,ROW(INDEX(Jesper!AH$2:AH$366,ROUNDDOWN($C8564/24,0)+1,1))-1)+IF('Standard Profiles'!$G$18=$B$10,7,0)+IF('Standard Profiles'!$G$18=$B$17,14,0)+IF('Standard Profiles'!$G$18=$B$24,21,0),MOD($C8564,24)+1)/SUM(INDEX($D$3:$AA$30,INDEX(Jesper!$R$2:$R$366,ROW(INDEX(Jesper!AH$2:AH$366,ROUNDDOWN($C8564/24,0)+1,1))-1)+IF('Standard Profiles'!$G$18=$B$10,7,0)+IF('Standard Profiles'!$G$18=$B$17,14,0)+IF('Standard Profiles'!$G$18=$B$24,21,0),0)),0)</f>
        <v>15.217405520861309</v>
      </c>
      <c r="E8564" cm="1">
        <f t="array" ref="E8564">IFERROR(INDEX(Jesper!AI$2:AI$366,ROUNDDOWN($C8564/24,0)+1,1)*INDEX($D$3:$AA$30,INDEX(Jesper!$R$2:$R$366,ROW(INDEX(Jesper!AI$2:AI$366,ROUNDDOWN($C8564/24,0)+1,1))-1)+IF('Standard Profiles'!$G$19=$B$10,7,0)+IF('Standard Profiles'!$G$19=$B$17,14,0)+IF('Standard Profiles'!$G$19=$B$24,21,0),MOD($C8564,24)+1)/SUM(INDEX($D$3:$AA$30,INDEX(Jesper!$R$2:$R$366,ROW(INDEX(Jesper!AI$2:AI$366,ROUNDDOWN($C8564/24,0)+1,1))-1)+IF('Standard Profiles'!$G$19=$B$10,7,0)+IF('Standard Profiles'!$G$19=$B$17,14,0)+IF('Standard Profiles'!$G$19=$B$24,21,0),0)),0)</f>
        <v>3.5827994092364053</v>
      </c>
      <c r="F8564" cm="1">
        <f t="array" ref="F8564">IFERROR(INDEX(Jesper!AJ$2:AJ$366,ROUNDDOWN($C8564/24,0)+1,1)*INDEX($D$3:$AA$30,INDEX(Jesper!$R$2:$R$366,ROW(INDEX(Jesper!AJ$2:AJ$366,ROUNDDOWN($C8564/24,0)+1,1))-1)+IF('Standard Profiles'!$G$20=$B$10,7,0)+IF('Standard Profiles'!$G$20=$B$17,14,0)+IF('Standard Profiles'!$G$20=$B$24,21,0),MOD($C8564,24)+1)/SUM(INDEX($D$3:$AA$30,INDEX(Jesper!$R$2:$R$366,ROW(INDEX(Jesper!AJ$2:AJ$366,ROUNDDOWN($C8564/24,0)+1,1))-1)+IF('Standard Profiles'!$G$20=$B$10,7,0)+IF('Standard Profiles'!$G$20=$B$17,14,0)+IF('Standard Profiles'!$G$20=$B$24,21,0),0)),0)</f>
        <v>0</v>
      </c>
      <c r="G8564" cm="1">
        <f t="array" ref="G8564">IFERROR(INDEX(Jesper!AK$2:AK$366,ROUNDDOWN($C8564/24,0)+1,1)*INDEX($D$3:$AA$30,INDEX(Jesper!$R$2:$R$366,ROW(INDEX(Jesper!AK$2:AK$366,ROUNDDOWN($C8564/24,0)+1,1))-1)+IF('Standard Profiles'!$G$21=$B$10,7,0)+IF('Standard Profiles'!$G$21=$B$17,14,0)+IF('Standard Profiles'!$G$21=$B$24,21,0),MOD($C8564,24)+1)/SUM(INDEX($D$3:$AA$30,INDEX(Jesper!$R$2:$R$366,ROW(INDEX(Jesper!AK$2:AK$366,ROUNDDOWN($C8564/24,0)+1,1))-1)+IF('Standard Profiles'!$G$21=$B$10,7,0)+IF('Standard Profiles'!$G$21=$B$17,14,0)+IF('Standard Profiles'!$G$21=$B$24,21,0),0)),0)</f>
        <v>0</v>
      </c>
      <c r="H8564" cm="1">
        <f t="array" ref="H8564">IFERROR(INDEX(Jesper!AL$2:AL$366,ROUNDDOWN($C8564/24,0)+1,1)*INDEX($D$3:$AA$30,INDEX(Jesper!$R$2:$R$366,ROW(INDEX(Jesper!AL$2:AL$366,ROUNDDOWN($C8564/24,0)+1,1))-1)+IF('Standard Profiles'!$G$22=$B$10,7,0)+IF('Standard Profiles'!$G$22=$B$17,14,0)+IF('Standard Profiles'!$G$22=$B$24,21,0),MOD($C8564,24)+1)/SUM(INDEX($D$3:$AA$30,INDEX(Jesper!$R$2:$R$366,ROW(INDEX(Jesper!AL$2:AL$366,ROUNDDOWN($C8564/24,0)+1,1))-1)+IF('Standard Profiles'!$G$22=$B$10,7,0)+IF('Standard Profiles'!$G$22=$B$17,14,0)+IF('Standard Profiles'!$G$22=$B$24,21,0),0)),0)</f>
        <v>0</v>
      </c>
      <c r="I8564">
        <f t="shared" si="951"/>
        <v>0.32277472155282938</v>
      </c>
      <c r="J8564">
        <f t="shared" si="952"/>
        <v>1.0759157385094313</v>
      </c>
      <c r="K8564">
        <f t="shared" si="953"/>
        <v>1.6138736077641471</v>
      </c>
      <c r="L8564">
        <f t="shared" si="954"/>
        <v>15.787640862271306</v>
      </c>
      <c r="M8564">
        <f t="shared" si="955"/>
        <v>0</v>
      </c>
      <c r="N8564" s="46">
        <f t="shared" si="956"/>
        <v>45647.416666645979</v>
      </c>
    </row>
    <row r="8565" spans="2:14" x14ac:dyDescent="0.3">
      <c r="B8565">
        <f t="shared" si="950"/>
        <v>6</v>
      </c>
      <c r="C8565" s="16">
        <v>8531</v>
      </c>
      <c r="D8565" cm="1">
        <f t="array" ref="D8565">IFERROR(INDEX(Jesper!AH$2:AH$366,ROUNDDOWN($C8565/24,0)+1,1)*INDEX($D$3:$AA$30,INDEX(Jesper!$R$2:$R$366,ROW(INDEX(Jesper!AH$2:AH$366,ROUNDDOWN($C8565/24,0)+1,1))-1)+IF('Standard Profiles'!$G$18=$B$10,7,0)+IF('Standard Profiles'!$G$18=$B$17,14,0)+IF('Standard Profiles'!$G$18=$B$24,21,0),MOD($C8565,24)+1)/SUM(INDEX($D$3:$AA$30,INDEX(Jesper!$R$2:$R$366,ROW(INDEX(Jesper!AH$2:AH$366,ROUNDDOWN($C8565/24,0)+1,1))-1)+IF('Standard Profiles'!$G$18=$B$10,7,0)+IF('Standard Profiles'!$G$18=$B$17,14,0)+IF('Standard Profiles'!$G$18=$B$24,21,0),0)),0)</f>
        <v>15.217405520861309</v>
      </c>
      <c r="E8565" cm="1">
        <f t="array" ref="E8565">IFERROR(INDEX(Jesper!AI$2:AI$366,ROUNDDOWN($C8565/24,0)+1,1)*INDEX($D$3:$AA$30,INDEX(Jesper!$R$2:$R$366,ROW(INDEX(Jesper!AI$2:AI$366,ROUNDDOWN($C8565/24,0)+1,1))-1)+IF('Standard Profiles'!$G$19=$B$10,7,0)+IF('Standard Profiles'!$G$19=$B$17,14,0)+IF('Standard Profiles'!$G$19=$B$24,21,0),MOD($C8565,24)+1)/SUM(INDEX($D$3:$AA$30,INDEX(Jesper!$R$2:$R$366,ROW(INDEX(Jesper!AI$2:AI$366,ROUNDDOWN($C8565/24,0)+1,1))-1)+IF('Standard Profiles'!$G$19=$B$10,7,0)+IF('Standard Profiles'!$G$19=$B$17,14,0)+IF('Standard Profiles'!$G$19=$B$24,21,0),0)),0)</f>
        <v>3.5827994092364053</v>
      </c>
      <c r="F8565" cm="1">
        <f t="array" ref="F8565">IFERROR(INDEX(Jesper!AJ$2:AJ$366,ROUNDDOWN($C8565/24,0)+1,1)*INDEX($D$3:$AA$30,INDEX(Jesper!$R$2:$R$366,ROW(INDEX(Jesper!AJ$2:AJ$366,ROUNDDOWN($C8565/24,0)+1,1))-1)+IF('Standard Profiles'!$G$20=$B$10,7,0)+IF('Standard Profiles'!$G$20=$B$17,14,0)+IF('Standard Profiles'!$G$20=$B$24,21,0),MOD($C8565,24)+1)/SUM(INDEX($D$3:$AA$30,INDEX(Jesper!$R$2:$R$366,ROW(INDEX(Jesper!AJ$2:AJ$366,ROUNDDOWN($C8565/24,0)+1,1))-1)+IF('Standard Profiles'!$G$20=$B$10,7,0)+IF('Standard Profiles'!$G$20=$B$17,14,0)+IF('Standard Profiles'!$G$20=$B$24,21,0),0)),0)</f>
        <v>0</v>
      </c>
      <c r="G8565" cm="1">
        <f t="array" ref="G8565">IFERROR(INDEX(Jesper!AK$2:AK$366,ROUNDDOWN($C8565/24,0)+1,1)*INDEX($D$3:$AA$30,INDEX(Jesper!$R$2:$R$366,ROW(INDEX(Jesper!AK$2:AK$366,ROUNDDOWN($C8565/24,0)+1,1))-1)+IF('Standard Profiles'!$G$21=$B$10,7,0)+IF('Standard Profiles'!$G$21=$B$17,14,0)+IF('Standard Profiles'!$G$21=$B$24,21,0),MOD($C8565,24)+1)/SUM(INDEX($D$3:$AA$30,INDEX(Jesper!$R$2:$R$366,ROW(INDEX(Jesper!AK$2:AK$366,ROUNDDOWN($C8565/24,0)+1,1))-1)+IF('Standard Profiles'!$G$21=$B$10,7,0)+IF('Standard Profiles'!$G$21=$B$17,14,0)+IF('Standard Profiles'!$G$21=$B$24,21,0),0)),0)</f>
        <v>0</v>
      </c>
      <c r="H8565" cm="1">
        <f t="array" ref="H8565">IFERROR(INDEX(Jesper!AL$2:AL$366,ROUNDDOWN($C8565/24,0)+1,1)*INDEX($D$3:$AA$30,INDEX(Jesper!$R$2:$R$366,ROW(INDEX(Jesper!AL$2:AL$366,ROUNDDOWN($C8565/24,0)+1,1))-1)+IF('Standard Profiles'!$G$22=$B$10,7,0)+IF('Standard Profiles'!$G$22=$B$17,14,0)+IF('Standard Profiles'!$G$22=$B$24,21,0),MOD($C8565,24)+1)/SUM(INDEX($D$3:$AA$30,INDEX(Jesper!$R$2:$R$366,ROW(INDEX(Jesper!AL$2:AL$366,ROUNDDOWN($C8565/24,0)+1,1))-1)+IF('Standard Profiles'!$G$22=$B$10,7,0)+IF('Standard Profiles'!$G$22=$B$17,14,0)+IF('Standard Profiles'!$G$22=$B$24,21,0),0)),0)</f>
        <v>0</v>
      </c>
      <c r="I8565">
        <f t="shared" si="951"/>
        <v>0.32277472155282938</v>
      </c>
      <c r="J8565">
        <f t="shared" si="952"/>
        <v>1.0759157385094313</v>
      </c>
      <c r="K8565">
        <f t="shared" si="953"/>
        <v>1.6138736077641471</v>
      </c>
      <c r="L8565">
        <f t="shared" si="954"/>
        <v>15.787640862271306</v>
      </c>
      <c r="M8565">
        <f t="shared" si="955"/>
        <v>0</v>
      </c>
      <c r="N8565" s="46">
        <f t="shared" si="956"/>
        <v>45647.458333312643</v>
      </c>
    </row>
    <row r="8566" spans="2:14" x14ac:dyDescent="0.3">
      <c r="B8566">
        <f t="shared" si="950"/>
        <v>6</v>
      </c>
      <c r="C8566" s="16">
        <v>8532</v>
      </c>
      <c r="D8566" cm="1">
        <f t="array" ref="D8566">IFERROR(INDEX(Jesper!AH$2:AH$366,ROUNDDOWN($C8566/24,0)+1,1)*INDEX($D$3:$AA$30,INDEX(Jesper!$R$2:$R$366,ROW(INDEX(Jesper!AH$2:AH$366,ROUNDDOWN($C8566/24,0)+1,1))-1)+IF('Standard Profiles'!$G$18=$B$10,7,0)+IF('Standard Profiles'!$G$18=$B$17,14,0)+IF('Standard Profiles'!$G$18=$B$24,21,0),MOD($C8566,24)+1)/SUM(INDEX($D$3:$AA$30,INDEX(Jesper!$R$2:$R$366,ROW(INDEX(Jesper!AH$2:AH$366,ROUNDDOWN($C8566/24,0)+1,1))-1)+IF('Standard Profiles'!$G$18=$B$10,7,0)+IF('Standard Profiles'!$G$18=$B$17,14,0)+IF('Standard Profiles'!$G$18=$B$24,21,0),0)),0)</f>
        <v>15.217405520861309</v>
      </c>
      <c r="E8566" cm="1">
        <f t="array" ref="E8566">IFERROR(INDEX(Jesper!AI$2:AI$366,ROUNDDOWN($C8566/24,0)+1,1)*INDEX($D$3:$AA$30,INDEX(Jesper!$R$2:$R$366,ROW(INDEX(Jesper!AI$2:AI$366,ROUNDDOWN($C8566/24,0)+1,1))-1)+IF('Standard Profiles'!$G$19=$B$10,7,0)+IF('Standard Profiles'!$G$19=$B$17,14,0)+IF('Standard Profiles'!$G$19=$B$24,21,0),MOD($C8566,24)+1)/SUM(INDEX($D$3:$AA$30,INDEX(Jesper!$R$2:$R$366,ROW(INDEX(Jesper!AI$2:AI$366,ROUNDDOWN($C8566/24,0)+1,1))-1)+IF('Standard Profiles'!$G$19=$B$10,7,0)+IF('Standard Profiles'!$G$19=$B$17,14,0)+IF('Standard Profiles'!$G$19=$B$24,21,0),0)),0)</f>
        <v>3.5827994092364053</v>
      </c>
      <c r="F8566" cm="1">
        <f t="array" ref="F8566">IFERROR(INDEX(Jesper!AJ$2:AJ$366,ROUNDDOWN($C8566/24,0)+1,1)*INDEX($D$3:$AA$30,INDEX(Jesper!$R$2:$R$366,ROW(INDEX(Jesper!AJ$2:AJ$366,ROUNDDOWN($C8566/24,0)+1,1))-1)+IF('Standard Profiles'!$G$20=$B$10,7,0)+IF('Standard Profiles'!$G$20=$B$17,14,0)+IF('Standard Profiles'!$G$20=$B$24,21,0),MOD($C8566,24)+1)/SUM(INDEX($D$3:$AA$30,INDEX(Jesper!$R$2:$R$366,ROW(INDEX(Jesper!AJ$2:AJ$366,ROUNDDOWN($C8566/24,0)+1,1))-1)+IF('Standard Profiles'!$G$20=$B$10,7,0)+IF('Standard Profiles'!$G$20=$B$17,14,0)+IF('Standard Profiles'!$G$20=$B$24,21,0),0)),0)</f>
        <v>0</v>
      </c>
      <c r="G8566" cm="1">
        <f t="array" ref="G8566">IFERROR(INDEX(Jesper!AK$2:AK$366,ROUNDDOWN($C8566/24,0)+1,1)*INDEX($D$3:$AA$30,INDEX(Jesper!$R$2:$R$366,ROW(INDEX(Jesper!AK$2:AK$366,ROUNDDOWN($C8566/24,0)+1,1))-1)+IF('Standard Profiles'!$G$21=$B$10,7,0)+IF('Standard Profiles'!$G$21=$B$17,14,0)+IF('Standard Profiles'!$G$21=$B$24,21,0),MOD($C8566,24)+1)/SUM(INDEX($D$3:$AA$30,INDEX(Jesper!$R$2:$R$366,ROW(INDEX(Jesper!AK$2:AK$366,ROUNDDOWN($C8566/24,0)+1,1))-1)+IF('Standard Profiles'!$G$21=$B$10,7,0)+IF('Standard Profiles'!$G$21=$B$17,14,0)+IF('Standard Profiles'!$G$21=$B$24,21,0),0)),0)</f>
        <v>0</v>
      </c>
      <c r="H8566" cm="1">
        <f t="array" ref="H8566">IFERROR(INDEX(Jesper!AL$2:AL$366,ROUNDDOWN($C8566/24,0)+1,1)*INDEX($D$3:$AA$30,INDEX(Jesper!$R$2:$R$366,ROW(INDEX(Jesper!AL$2:AL$366,ROUNDDOWN($C8566/24,0)+1,1))-1)+IF('Standard Profiles'!$G$22=$B$10,7,0)+IF('Standard Profiles'!$G$22=$B$17,14,0)+IF('Standard Profiles'!$G$22=$B$24,21,0),MOD($C8566,24)+1)/SUM(INDEX($D$3:$AA$30,INDEX(Jesper!$R$2:$R$366,ROW(INDEX(Jesper!AL$2:AL$366,ROUNDDOWN($C8566/24,0)+1,1))-1)+IF('Standard Profiles'!$G$22=$B$10,7,0)+IF('Standard Profiles'!$G$22=$B$17,14,0)+IF('Standard Profiles'!$G$22=$B$24,21,0),0)),0)</f>
        <v>0</v>
      </c>
      <c r="I8566">
        <f t="shared" si="951"/>
        <v>0.32277472155282938</v>
      </c>
      <c r="J8566">
        <f t="shared" si="952"/>
        <v>1.0759157385094313</v>
      </c>
      <c r="K8566">
        <f t="shared" si="953"/>
        <v>1.6138736077641471</v>
      </c>
      <c r="L8566">
        <f t="shared" si="954"/>
        <v>15.787640862271306</v>
      </c>
      <c r="M8566">
        <f t="shared" si="955"/>
        <v>0</v>
      </c>
      <c r="N8566" s="46">
        <f t="shared" si="956"/>
        <v>45647.499999979307</v>
      </c>
    </row>
    <row r="8567" spans="2:14" x14ac:dyDescent="0.3">
      <c r="B8567">
        <f t="shared" si="950"/>
        <v>6</v>
      </c>
      <c r="C8567" s="16">
        <v>8533</v>
      </c>
      <c r="D8567" cm="1">
        <f t="array" ref="D8567">IFERROR(INDEX(Jesper!AH$2:AH$366,ROUNDDOWN($C8567/24,0)+1,1)*INDEX($D$3:$AA$30,INDEX(Jesper!$R$2:$R$366,ROW(INDEX(Jesper!AH$2:AH$366,ROUNDDOWN($C8567/24,0)+1,1))-1)+IF('Standard Profiles'!$G$18=$B$10,7,0)+IF('Standard Profiles'!$G$18=$B$17,14,0)+IF('Standard Profiles'!$G$18=$B$24,21,0),MOD($C8567,24)+1)/SUM(INDEX($D$3:$AA$30,INDEX(Jesper!$R$2:$R$366,ROW(INDEX(Jesper!AH$2:AH$366,ROUNDDOWN($C8567/24,0)+1,1))-1)+IF('Standard Profiles'!$G$18=$B$10,7,0)+IF('Standard Profiles'!$G$18=$B$17,14,0)+IF('Standard Profiles'!$G$18=$B$24,21,0),0)),0)</f>
        <v>15.217405520861309</v>
      </c>
      <c r="E8567" cm="1">
        <f t="array" ref="E8567">IFERROR(INDEX(Jesper!AI$2:AI$366,ROUNDDOWN($C8567/24,0)+1,1)*INDEX($D$3:$AA$30,INDEX(Jesper!$R$2:$R$366,ROW(INDEX(Jesper!AI$2:AI$366,ROUNDDOWN($C8567/24,0)+1,1))-1)+IF('Standard Profiles'!$G$19=$B$10,7,0)+IF('Standard Profiles'!$G$19=$B$17,14,0)+IF('Standard Profiles'!$G$19=$B$24,21,0),MOD($C8567,24)+1)/SUM(INDEX($D$3:$AA$30,INDEX(Jesper!$R$2:$R$366,ROW(INDEX(Jesper!AI$2:AI$366,ROUNDDOWN($C8567/24,0)+1,1))-1)+IF('Standard Profiles'!$G$19=$B$10,7,0)+IF('Standard Profiles'!$G$19=$B$17,14,0)+IF('Standard Profiles'!$G$19=$B$24,21,0),0)),0)</f>
        <v>3.5827994092364053</v>
      </c>
      <c r="F8567" cm="1">
        <f t="array" ref="F8567">IFERROR(INDEX(Jesper!AJ$2:AJ$366,ROUNDDOWN($C8567/24,0)+1,1)*INDEX($D$3:$AA$30,INDEX(Jesper!$R$2:$R$366,ROW(INDEX(Jesper!AJ$2:AJ$366,ROUNDDOWN($C8567/24,0)+1,1))-1)+IF('Standard Profiles'!$G$20=$B$10,7,0)+IF('Standard Profiles'!$G$20=$B$17,14,0)+IF('Standard Profiles'!$G$20=$B$24,21,0),MOD($C8567,24)+1)/SUM(INDEX($D$3:$AA$30,INDEX(Jesper!$R$2:$R$366,ROW(INDEX(Jesper!AJ$2:AJ$366,ROUNDDOWN($C8567/24,0)+1,1))-1)+IF('Standard Profiles'!$G$20=$B$10,7,0)+IF('Standard Profiles'!$G$20=$B$17,14,0)+IF('Standard Profiles'!$G$20=$B$24,21,0),0)),0)</f>
        <v>0</v>
      </c>
      <c r="G8567" cm="1">
        <f t="array" ref="G8567">IFERROR(INDEX(Jesper!AK$2:AK$366,ROUNDDOWN($C8567/24,0)+1,1)*INDEX($D$3:$AA$30,INDEX(Jesper!$R$2:$R$366,ROW(INDEX(Jesper!AK$2:AK$366,ROUNDDOWN($C8567/24,0)+1,1))-1)+IF('Standard Profiles'!$G$21=$B$10,7,0)+IF('Standard Profiles'!$G$21=$B$17,14,0)+IF('Standard Profiles'!$G$21=$B$24,21,0),MOD($C8567,24)+1)/SUM(INDEX($D$3:$AA$30,INDEX(Jesper!$R$2:$R$366,ROW(INDEX(Jesper!AK$2:AK$366,ROUNDDOWN($C8567/24,0)+1,1))-1)+IF('Standard Profiles'!$G$21=$B$10,7,0)+IF('Standard Profiles'!$G$21=$B$17,14,0)+IF('Standard Profiles'!$G$21=$B$24,21,0),0)),0)</f>
        <v>0</v>
      </c>
      <c r="H8567" cm="1">
        <f t="array" ref="H8567">IFERROR(INDEX(Jesper!AL$2:AL$366,ROUNDDOWN($C8567/24,0)+1,1)*INDEX($D$3:$AA$30,INDEX(Jesper!$R$2:$R$366,ROW(INDEX(Jesper!AL$2:AL$366,ROUNDDOWN($C8567/24,0)+1,1))-1)+IF('Standard Profiles'!$G$22=$B$10,7,0)+IF('Standard Profiles'!$G$22=$B$17,14,0)+IF('Standard Profiles'!$G$22=$B$24,21,0),MOD($C8567,24)+1)/SUM(INDEX($D$3:$AA$30,INDEX(Jesper!$R$2:$R$366,ROW(INDEX(Jesper!AL$2:AL$366,ROUNDDOWN($C8567/24,0)+1,1))-1)+IF('Standard Profiles'!$G$22=$B$10,7,0)+IF('Standard Profiles'!$G$22=$B$17,14,0)+IF('Standard Profiles'!$G$22=$B$24,21,0),0)),0)</f>
        <v>0</v>
      </c>
      <c r="I8567">
        <f t="shared" si="951"/>
        <v>0.32277472155282938</v>
      </c>
      <c r="J8567">
        <f t="shared" si="952"/>
        <v>1.0759157385094313</v>
      </c>
      <c r="K8567">
        <f t="shared" si="953"/>
        <v>1.6138736077641471</v>
      </c>
      <c r="L8567">
        <f t="shared" si="954"/>
        <v>15.787640862271306</v>
      </c>
      <c r="M8567">
        <f t="shared" si="955"/>
        <v>0</v>
      </c>
      <c r="N8567" s="46">
        <f t="shared" si="956"/>
        <v>45647.541666645971</v>
      </c>
    </row>
    <row r="8568" spans="2:14" x14ac:dyDescent="0.3">
      <c r="B8568">
        <f t="shared" si="950"/>
        <v>6</v>
      </c>
      <c r="C8568" s="16">
        <v>8534</v>
      </c>
      <c r="D8568" cm="1">
        <f t="array" ref="D8568">IFERROR(INDEX(Jesper!AH$2:AH$366,ROUNDDOWN($C8568/24,0)+1,1)*INDEX($D$3:$AA$30,INDEX(Jesper!$R$2:$R$366,ROW(INDEX(Jesper!AH$2:AH$366,ROUNDDOWN($C8568/24,0)+1,1))-1)+IF('Standard Profiles'!$G$18=$B$10,7,0)+IF('Standard Profiles'!$G$18=$B$17,14,0)+IF('Standard Profiles'!$G$18=$B$24,21,0),MOD($C8568,24)+1)/SUM(INDEX($D$3:$AA$30,INDEX(Jesper!$R$2:$R$366,ROW(INDEX(Jesper!AH$2:AH$366,ROUNDDOWN($C8568/24,0)+1,1))-1)+IF('Standard Profiles'!$G$18=$B$10,7,0)+IF('Standard Profiles'!$G$18=$B$17,14,0)+IF('Standard Profiles'!$G$18=$B$24,21,0),0)),0)</f>
        <v>15.217405520861309</v>
      </c>
      <c r="E8568" cm="1">
        <f t="array" ref="E8568">IFERROR(INDEX(Jesper!AI$2:AI$366,ROUNDDOWN($C8568/24,0)+1,1)*INDEX($D$3:$AA$30,INDEX(Jesper!$R$2:$R$366,ROW(INDEX(Jesper!AI$2:AI$366,ROUNDDOWN($C8568/24,0)+1,1))-1)+IF('Standard Profiles'!$G$19=$B$10,7,0)+IF('Standard Profiles'!$G$19=$B$17,14,0)+IF('Standard Profiles'!$G$19=$B$24,21,0),MOD($C8568,24)+1)/SUM(INDEX($D$3:$AA$30,INDEX(Jesper!$R$2:$R$366,ROW(INDEX(Jesper!AI$2:AI$366,ROUNDDOWN($C8568/24,0)+1,1))-1)+IF('Standard Profiles'!$G$19=$B$10,7,0)+IF('Standard Profiles'!$G$19=$B$17,14,0)+IF('Standard Profiles'!$G$19=$B$24,21,0),0)),0)</f>
        <v>3.5827994092364053</v>
      </c>
      <c r="F8568" cm="1">
        <f t="array" ref="F8568">IFERROR(INDEX(Jesper!AJ$2:AJ$366,ROUNDDOWN($C8568/24,0)+1,1)*INDEX($D$3:$AA$30,INDEX(Jesper!$R$2:$R$366,ROW(INDEX(Jesper!AJ$2:AJ$366,ROUNDDOWN($C8568/24,0)+1,1))-1)+IF('Standard Profiles'!$G$20=$B$10,7,0)+IF('Standard Profiles'!$G$20=$B$17,14,0)+IF('Standard Profiles'!$G$20=$B$24,21,0),MOD($C8568,24)+1)/SUM(INDEX($D$3:$AA$30,INDEX(Jesper!$R$2:$R$366,ROW(INDEX(Jesper!AJ$2:AJ$366,ROUNDDOWN($C8568/24,0)+1,1))-1)+IF('Standard Profiles'!$G$20=$B$10,7,0)+IF('Standard Profiles'!$G$20=$B$17,14,0)+IF('Standard Profiles'!$G$20=$B$24,21,0),0)),0)</f>
        <v>0</v>
      </c>
      <c r="G8568" cm="1">
        <f t="array" ref="G8568">IFERROR(INDEX(Jesper!AK$2:AK$366,ROUNDDOWN($C8568/24,0)+1,1)*INDEX($D$3:$AA$30,INDEX(Jesper!$R$2:$R$366,ROW(INDEX(Jesper!AK$2:AK$366,ROUNDDOWN($C8568/24,0)+1,1))-1)+IF('Standard Profiles'!$G$21=$B$10,7,0)+IF('Standard Profiles'!$G$21=$B$17,14,0)+IF('Standard Profiles'!$G$21=$B$24,21,0),MOD($C8568,24)+1)/SUM(INDEX($D$3:$AA$30,INDEX(Jesper!$R$2:$R$366,ROW(INDEX(Jesper!AK$2:AK$366,ROUNDDOWN($C8568/24,0)+1,1))-1)+IF('Standard Profiles'!$G$21=$B$10,7,0)+IF('Standard Profiles'!$G$21=$B$17,14,0)+IF('Standard Profiles'!$G$21=$B$24,21,0),0)),0)</f>
        <v>0</v>
      </c>
      <c r="H8568" cm="1">
        <f t="array" ref="H8568">IFERROR(INDEX(Jesper!AL$2:AL$366,ROUNDDOWN($C8568/24,0)+1,1)*INDEX($D$3:$AA$30,INDEX(Jesper!$R$2:$R$366,ROW(INDEX(Jesper!AL$2:AL$366,ROUNDDOWN($C8568/24,0)+1,1))-1)+IF('Standard Profiles'!$G$22=$B$10,7,0)+IF('Standard Profiles'!$G$22=$B$17,14,0)+IF('Standard Profiles'!$G$22=$B$24,21,0),MOD($C8568,24)+1)/SUM(INDEX($D$3:$AA$30,INDEX(Jesper!$R$2:$R$366,ROW(INDEX(Jesper!AL$2:AL$366,ROUNDDOWN($C8568/24,0)+1,1))-1)+IF('Standard Profiles'!$G$22=$B$10,7,0)+IF('Standard Profiles'!$G$22=$B$17,14,0)+IF('Standard Profiles'!$G$22=$B$24,21,0),0)),0)</f>
        <v>0</v>
      </c>
      <c r="I8568">
        <f t="shared" si="951"/>
        <v>0.32277472155282938</v>
      </c>
      <c r="J8568">
        <f t="shared" si="952"/>
        <v>1.0759157385094313</v>
      </c>
      <c r="K8568">
        <f t="shared" si="953"/>
        <v>1.6138736077641471</v>
      </c>
      <c r="L8568">
        <f t="shared" si="954"/>
        <v>15.787640862271306</v>
      </c>
      <c r="M8568">
        <f t="shared" si="955"/>
        <v>0</v>
      </c>
      <c r="N8568" s="46">
        <f t="shared" si="956"/>
        <v>45647.583333312636</v>
      </c>
    </row>
    <row r="8569" spans="2:14" x14ac:dyDescent="0.3">
      <c r="B8569">
        <f t="shared" si="950"/>
        <v>6</v>
      </c>
      <c r="C8569" s="16">
        <v>8535</v>
      </c>
      <c r="D8569" cm="1">
        <f t="array" ref="D8569">IFERROR(INDEX(Jesper!AH$2:AH$366,ROUNDDOWN($C8569/24,0)+1,1)*INDEX($D$3:$AA$30,INDEX(Jesper!$R$2:$R$366,ROW(INDEX(Jesper!AH$2:AH$366,ROUNDDOWN($C8569/24,0)+1,1))-1)+IF('Standard Profiles'!$G$18=$B$10,7,0)+IF('Standard Profiles'!$G$18=$B$17,14,0)+IF('Standard Profiles'!$G$18=$B$24,21,0),MOD($C8569,24)+1)/SUM(INDEX($D$3:$AA$30,INDEX(Jesper!$R$2:$R$366,ROW(INDEX(Jesper!AH$2:AH$366,ROUNDDOWN($C8569/24,0)+1,1))-1)+IF('Standard Profiles'!$G$18=$B$10,7,0)+IF('Standard Profiles'!$G$18=$B$17,14,0)+IF('Standard Profiles'!$G$18=$B$24,21,0),0)),0)</f>
        <v>13.75820225173762</v>
      </c>
      <c r="E8569" cm="1">
        <f t="array" ref="E8569">IFERROR(INDEX(Jesper!AI$2:AI$366,ROUNDDOWN($C8569/24,0)+1,1)*INDEX($D$3:$AA$30,INDEX(Jesper!$R$2:$R$366,ROW(INDEX(Jesper!AI$2:AI$366,ROUNDDOWN($C8569/24,0)+1,1))-1)+IF('Standard Profiles'!$G$19=$B$10,7,0)+IF('Standard Profiles'!$G$19=$B$17,14,0)+IF('Standard Profiles'!$G$19=$B$24,21,0),MOD($C8569,24)+1)/SUM(INDEX($D$3:$AA$30,INDEX(Jesper!$R$2:$R$366,ROW(INDEX(Jesper!AI$2:AI$366,ROUNDDOWN($C8569/24,0)+1,1))-1)+IF('Standard Profiles'!$G$19=$B$10,7,0)+IF('Standard Profiles'!$G$19=$B$17,14,0)+IF('Standard Profiles'!$G$19=$B$24,21,0),0)),0)</f>
        <v>3.2392433015014075</v>
      </c>
      <c r="F8569" cm="1">
        <f t="array" ref="F8569">IFERROR(INDEX(Jesper!AJ$2:AJ$366,ROUNDDOWN($C8569/24,0)+1,1)*INDEX($D$3:$AA$30,INDEX(Jesper!$R$2:$R$366,ROW(INDEX(Jesper!AJ$2:AJ$366,ROUNDDOWN($C8569/24,0)+1,1))-1)+IF('Standard Profiles'!$G$20=$B$10,7,0)+IF('Standard Profiles'!$G$20=$B$17,14,0)+IF('Standard Profiles'!$G$20=$B$24,21,0),MOD($C8569,24)+1)/SUM(INDEX($D$3:$AA$30,INDEX(Jesper!$R$2:$R$366,ROW(INDEX(Jesper!AJ$2:AJ$366,ROUNDDOWN($C8569/24,0)+1,1))-1)+IF('Standard Profiles'!$G$20=$B$10,7,0)+IF('Standard Profiles'!$G$20=$B$17,14,0)+IF('Standard Profiles'!$G$20=$B$24,21,0),0)),0)</f>
        <v>0</v>
      </c>
      <c r="G8569" cm="1">
        <f t="array" ref="G8569">IFERROR(INDEX(Jesper!AK$2:AK$366,ROUNDDOWN($C8569/24,0)+1,1)*INDEX($D$3:$AA$30,INDEX(Jesper!$R$2:$R$366,ROW(INDEX(Jesper!AK$2:AK$366,ROUNDDOWN($C8569/24,0)+1,1))-1)+IF('Standard Profiles'!$G$21=$B$10,7,0)+IF('Standard Profiles'!$G$21=$B$17,14,0)+IF('Standard Profiles'!$G$21=$B$24,21,0),MOD($C8569,24)+1)/SUM(INDEX($D$3:$AA$30,INDEX(Jesper!$R$2:$R$366,ROW(INDEX(Jesper!AK$2:AK$366,ROUNDDOWN($C8569/24,0)+1,1))-1)+IF('Standard Profiles'!$G$21=$B$10,7,0)+IF('Standard Profiles'!$G$21=$B$17,14,0)+IF('Standard Profiles'!$G$21=$B$24,21,0),0)),0)</f>
        <v>0</v>
      </c>
      <c r="H8569" cm="1">
        <f t="array" ref="H8569">IFERROR(INDEX(Jesper!AL$2:AL$366,ROUNDDOWN($C8569/24,0)+1,1)*INDEX($D$3:$AA$30,INDEX(Jesper!$R$2:$R$366,ROW(INDEX(Jesper!AL$2:AL$366,ROUNDDOWN($C8569/24,0)+1,1))-1)+IF('Standard Profiles'!$G$22=$B$10,7,0)+IF('Standard Profiles'!$G$22=$B$17,14,0)+IF('Standard Profiles'!$G$22=$B$24,21,0),MOD($C8569,24)+1)/SUM(INDEX($D$3:$AA$30,INDEX(Jesper!$R$2:$R$366,ROW(INDEX(Jesper!AL$2:AL$366,ROUNDDOWN($C8569/24,0)+1,1))-1)+IF('Standard Profiles'!$G$22=$B$10,7,0)+IF('Standard Profiles'!$G$22=$B$17,14,0)+IF('Standard Profiles'!$G$22=$B$24,21,0),0)),0)</f>
        <v>0</v>
      </c>
      <c r="I8569">
        <f t="shared" si="951"/>
        <v>0.29182372085598274</v>
      </c>
      <c r="J8569">
        <f t="shared" si="952"/>
        <v>0.9727457361866092</v>
      </c>
      <c r="K8569">
        <f t="shared" si="953"/>
        <v>1.4591186042799138</v>
      </c>
      <c r="L8569">
        <f t="shared" si="954"/>
        <v>14.273757491916522</v>
      </c>
      <c r="M8569">
        <f t="shared" si="955"/>
        <v>0</v>
      </c>
      <c r="N8569" s="46">
        <f t="shared" si="956"/>
        <v>45647.6249999793</v>
      </c>
    </row>
    <row r="8570" spans="2:14" x14ac:dyDescent="0.3">
      <c r="B8570">
        <f t="shared" si="950"/>
        <v>6</v>
      </c>
      <c r="C8570" s="16">
        <v>8536</v>
      </c>
      <c r="D8570" cm="1">
        <f t="array" ref="D8570">IFERROR(INDEX(Jesper!AH$2:AH$366,ROUNDDOWN($C8570/24,0)+1,1)*INDEX($D$3:$AA$30,INDEX(Jesper!$R$2:$R$366,ROW(INDEX(Jesper!AH$2:AH$366,ROUNDDOWN($C8570/24,0)+1,1))-1)+IF('Standard Profiles'!$G$18=$B$10,7,0)+IF('Standard Profiles'!$G$18=$B$17,14,0)+IF('Standard Profiles'!$G$18=$B$24,21,0),MOD($C8570,24)+1)/SUM(INDEX($D$3:$AA$30,INDEX(Jesper!$R$2:$R$366,ROW(INDEX(Jesper!AH$2:AH$366,ROUNDDOWN($C8570/24,0)+1,1))-1)+IF('Standard Profiles'!$G$18=$B$10,7,0)+IF('Standard Profiles'!$G$18=$B$17,14,0)+IF('Standard Profiles'!$G$18=$B$24,21,0),0)),0)</f>
        <v>12.507456592488747</v>
      </c>
      <c r="E8570" cm="1">
        <f t="array" ref="E8570">IFERROR(INDEX(Jesper!AI$2:AI$366,ROUNDDOWN($C8570/24,0)+1,1)*INDEX($D$3:$AA$30,INDEX(Jesper!$R$2:$R$366,ROW(INDEX(Jesper!AI$2:AI$366,ROUNDDOWN($C8570/24,0)+1,1))-1)+IF('Standard Profiles'!$G$19=$B$10,7,0)+IF('Standard Profiles'!$G$19=$B$17,14,0)+IF('Standard Profiles'!$G$19=$B$24,21,0),MOD($C8570,24)+1)/SUM(INDEX($D$3:$AA$30,INDEX(Jesper!$R$2:$R$366,ROW(INDEX(Jesper!AI$2:AI$366,ROUNDDOWN($C8570/24,0)+1,1))-1)+IF('Standard Profiles'!$G$19=$B$10,7,0)+IF('Standard Profiles'!$G$19=$B$17,14,0)+IF('Standard Profiles'!$G$19=$B$24,21,0),0)),0)</f>
        <v>2.9447666377285522</v>
      </c>
      <c r="F8570" cm="1">
        <f t="array" ref="F8570">IFERROR(INDEX(Jesper!AJ$2:AJ$366,ROUNDDOWN($C8570/24,0)+1,1)*INDEX($D$3:$AA$30,INDEX(Jesper!$R$2:$R$366,ROW(INDEX(Jesper!AJ$2:AJ$366,ROUNDDOWN($C8570/24,0)+1,1))-1)+IF('Standard Profiles'!$G$20=$B$10,7,0)+IF('Standard Profiles'!$G$20=$B$17,14,0)+IF('Standard Profiles'!$G$20=$B$24,21,0),MOD($C8570,24)+1)/SUM(INDEX($D$3:$AA$30,INDEX(Jesper!$R$2:$R$366,ROW(INDEX(Jesper!AJ$2:AJ$366,ROUNDDOWN($C8570/24,0)+1,1))-1)+IF('Standard Profiles'!$G$20=$B$10,7,0)+IF('Standard Profiles'!$G$20=$B$17,14,0)+IF('Standard Profiles'!$G$20=$B$24,21,0),0)),0)</f>
        <v>0</v>
      </c>
      <c r="G8570" cm="1">
        <f t="array" ref="G8570">IFERROR(INDEX(Jesper!AK$2:AK$366,ROUNDDOWN($C8570/24,0)+1,1)*INDEX($D$3:$AA$30,INDEX(Jesper!$R$2:$R$366,ROW(INDEX(Jesper!AK$2:AK$366,ROUNDDOWN($C8570/24,0)+1,1))-1)+IF('Standard Profiles'!$G$21=$B$10,7,0)+IF('Standard Profiles'!$G$21=$B$17,14,0)+IF('Standard Profiles'!$G$21=$B$24,21,0),MOD($C8570,24)+1)/SUM(INDEX($D$3:$AA$30,INDEX(Jesper!$R$2:$R$366,ROW(INDEX(Jesper!AK$2:AK$366,ROUNDDOWN($C8570/24,0)+1,1))-1)+IF('Standard Profiles'!$G$21=$B$10,7,0)+IF('Standard Profiles'!$G$21=$B$17,14,0)+IF('Standard Profiles'!$G$21=$B$24,21,0),0)),0)</f>
        <v>0</v>
      </c>
      <c r="H8570" cm="1">
        <f t="array" ref="H8570">IFERROR(INDEX(Jesper!AL$2:AL$366,ROUNDDOWN($C8570/24,0)+1,1)*INDEX($D$3:$AA$30,INDEX(Jesper!$R$2:$R$366,ROW(INDEX(Jesper!AL$2:AL$366,ROUNDDOWN($C8570/24,0)+1,1))-1)+IF('Standard Profiles'!$G$22=$B$10,7,0)+IF('Standard Profiles'!$G$22=$B$17,14,0)+IF('Standard Profiles'!$G$22=$B$24,21,0),MOD($C8570,24)+1)/SUM(INDEX($D$3:$AA$30,INDEX(Jesper!$R$2:$R$366,ROW(INDEX(Jesper!AL$2:AL$366,ROUNDDOWN($C8570/24,0)+1,1))-1)+IF('Standard Profiles'!$G$22=$B$10,7,0)+IF('Standard Profiles'!$G$22=$B$17,14,0)+IF('Standard Profiles'!$G$22=$B$24,21,0),0)),0)</f>
        <v>0</v>
      </c>
      <c r="I8570">
        <f t="shared" si="951"/>
        <v>0.26529429168725704</v>
      </c>
      <c r="J8570">
        <f t="shared" si="952"/>
        <v>0.88431430562419022</v>
      </c>
      <c r="K8570">
        <f t="shared" si="953"/>
        <v>1.3264714584362853</v>
      </c>
      <c r="L8570">
        <f t="shared" si="954"/>
        <v>12.976143174469568</v>
      </c>
      <c r="M8570">
        <f t="shared" si="955"/>
        <v>0</v>
      </c>
      <c r="N8570" s="46">
        <f t="shared" si="956"/>
        <v>45647.666666645964</v>
      </c>
    </row>
    <row r="8571" spans="2:14" x14ac:dyDescent="0.3">
      <c r="B8571">
        <f t="shared" si="950"/>
        <v>6</v>
      </c>
      <c r="C8571" s="16">
        <v>8537</v>
      </c>
      <c r="D8571" cm="1">
        <f t="array" ref="D8571">IFERROR(INDEX(Jesper!AH$2:AH$366,ROUNDDOWN($C8571/24,0)+1,1)*INDEX($D$3:$AA$30,INDEX(Jesper!$R$2:$R$366,ROW(INDEX(Jesper!AH$2:AH$366,ROUNDDOWN($C8571/24,0)+1,1))-1)+IF('Standard Profiles'!$G$18=$B$10,7,0)+IF('Standard Profiles'!$G$18=$B$17,14,0)+IF('Standard Profiles'!$G$18=$B$24,21,0),MOD($C8571,24)+1)/SUM(INDEX($D$3:$AA$30,INDEX(Jesper!$R$2:$R$366,ROW(INDEX(Jesper!AH$2:AH$366,ROUNDDOWN($C8571/24,0)+1,1))-1)+IF('Standard Profiles'!$G$18=$B$10,7,0)+IF('Standard Profiles'!$G$18=$B$17,14,0)+IF('Standard Profiles'!$G$18=$B$24,21,0),0)),0)</f>
        <v>11.256710933239873</v>
      </c>
      <c r="E8571" cm="1">
        <f t="array" ref="E8571">IFERROR(INDEX(Jesper!AI$2:AI$366,ROUNDDOWN($C8571/24,0)+1,1)*INDEX($D$3:$AA$30,INDEX(Jesper!$R$2:$R$366,ROW(INDEX(Jesper!AI$2:AI$366,ROUNDDOWN($C8571/24,0)+1,1))-1)+IF('Standard Profiles'!$G$19=$B$10,7,0)+IF('Standard Profiles'!$G$19=$B$17,14,0)+IF('Standard Profiles'!$G$19=$B$24,21,0),MOD($C8571,24)+1)/SUM(INDEX($D$3:$AA$30,INDEX(Jesper!$R$2:$R$366,ROW(INDEX(Jesper!AI$2:AI$366,ROUNDDOWN($C8571/24,0)+1,1))-1)+IF('Standard Profiles'!$G$19=$B$10,7,0)+IF('Standard Profiles'!$G$19=$B$17,14,0)+IF('Standard Profiles'!$G$19=$B$24,21,0),0)),0)</f>
        <v>2.6502899739556969</v>
      </c>
      <c r="F8571" cm="1">
        <f t="array" ref="F8571">IFERROR(INDEX(Jesper!AJ$2:AJ$366,ROUNDDOWN($C8571/24,0)+1,1)*INDEX($D$3:$AA$30,INDEX(Jesper!$R$2:$R$366,ROW(INDEX(Jesper!AJ$2:AJ$366,ROUNDDOWN($C8571/24,0)+1,1))-1)+IF('Standard Profiles'!$G$20=$B$10,7,0)+IF('Standard Profiles'!$G$20=$B$17,14,0)+IF('Standard Profiles'!$G$20=$B$24,21,0),MOD($C8571,24)+1)/SUM(INDEX($D$3:$AA$30,INDEX(Jesper!$R$2:$R$366,ROW(INDEX(Jesper!AJ$2:AJ$366,ROUNDDOWN($C8571/24,0)+1,1))-1)+IF('Standard Profiles'!$G$20=$B$10,7,0)+IF('Standard Profiles'!$G$20=$B$17,14,0)+IF('Standard Profiles'!$G$20=$B$24,21,0),0)),0)</f>
        <v>0</v>
      </c>
      <c r="G8571" cm="1">
        <f t="array" ref="G8571">IFERROR(INDEX(Jesper!AK$2:AK$366,ROUNDDOWN($C8571/24,0)+1,1)*INDEX($D$3:$AA$30,INDEX(Jesper!$R$2:$R$366,ROW(INDEX(Jesper!AK$2:AK$366,ROUNDDOWN($C8571/24,0)+1,1))-1)+IF('Standard Profiles'!$G$21=$B$10,7,0)+IF('Standard Profiles'!$G$21=$B$17,14,0)+IF('Standard Profiles'!$G$21=$B$24,21,0),MOD($C8571,24)+1)/SUM(INDEX($D$3:$AA$30,INDEX(Jesper!$R$2:$R$366,ROW(INDEX(Jesper!AK$2:AK$366,ROUNDDOWN($C8571/24,0)+1,1))-1)+IF('Standard Profiles'!$G$21=$B$10,7,0)+IF('Standard Profiles'!$G$21=$B$17,14,0)+IF('Standard Profiles'!$G$21=$B$24,21,0),0)),0)</f>
        <v>0</v>
      </c>
      <c r="H8571" cm="1">
        <f t="array" ref="H8571">IFERROR(INDEX(Jesper!AL$2:AL$366,ROUNDDOWN($C8571/24,0)+1,1)*INDEX($D$3:$AA$30,INDEX(Jesper!$R$2:$R$366,ROW(INDEX(Jesper!AL$2:AL$366,ROUNDDOWN($C8571/24,0)+1,1))-1)+IF('Standard Profiles'!$G$22=$B$10,7,0)+IF('Standard Profiles'!$G$22=$B$17,14,0)+IF('Standard Profiles'!$G$22=$B$24,21,0),MOD($C8571,24)+1)/SUM(INDEX($D$3:$AA$30,INDEX(Jesper!$R$2:$R$366,ROW(INDEX(Jesper!AL$2:AL$366,ROUNDDOWN($C8571/24,0)+1,1))-1)+IF('Standard Profiles'!$G$22=$B$10,7,0)+IF('Standard Profiles'!$G$22=$B$17,14,0)+IF('Standard Profiles'!$G$22=$B$24,21,0),0)),0)</f>
        <v>0</v>
      </c>
      <c r="I8571">
        <f t="shared" si="951"/>
        <v>0.23876486251853132</v>
      </c>
      <c r="J8571">
        <f t="shared" si="952"/>
        <v>0.79588287506177113</v>
      </c>
      <c r="K8571">
        <f t="shared" si="953"/>
        <v>1.1938243125926566</v>
      </c>
      <c r="L8571">
        <f t="shared" si="954"/>
        <v>11.678528857022611</v>
      </c>
      <c r="M8571">
        <f t="shared" si="955"/>
        <v>0</v>
      </c>
      <c r="N8571" s="46">
        <f t="shared" si="956"/>
        <v>45647.708333312628</v>
      </c>
    </row>
    <row r="8572" spans="2:14" x14ac:dyDescent="0.3">
      <c r="B8572">
        <f t="shared" si="950"/>
        <v>6</v>
      </c>
      <c r="C8572" s="16">
        <v>8538</v>
      </c>
      <c r="D8572" cm="1">
        <f t="array" ref="D8572">IFERROR(INDEX(Jesper!AH$2:AH$366,ROUNDDOWN($C8572/24,0)+1,1)*INDEX($D$3:$AA$30,INDEX(Jesper!$R$2:$R$366,ROW(INDEX(Jesper!AH$2:AH$366,ROUNDDOWN($C8572/24,0)+1,1))-1)+IF('Standard Profiles'!$G$18=$B$10,7,0)+IF('Standard Profiles'!$G$18=$B$17,14,0)+IF('Standard Profiles'!$G$18=$B$24,21,0),MOD($C8572,24)+1)/SUM(INDEX($D$3:$AA$30,INDEX(Jesper!$R$2:$R$366,ROW(INDEX(Jesper!AH$2:AH$366,ROUNDDOWN($C8572/24,0)+1,1))-1)+IF('Standard Profiles'!$G$18=$B$10,7,0)+IF('Standard Profiles'!$G$18=$B$17,14,0)+IF('Standard Profiles'!$G$18=$B$24,21,0),0)),0)</f>
        <v>10.839795713490245</v>
      </c>
      <c r="E8572" cm="1">
        <f t="array" ref="E8572">IFERROR(INDEX(Jesper!AI$2:AI$366,ROUNDDOWN($C8572/24,0)+1,1)*INDEX($D$3:$AA$30,INDEX(Jesper!$R$2:$R$366,ROW(INDEX(Jesper!AI$2:AI$366,ROUNDDOWN($C8572/24,0)+1,1))-1)+IF('Standard Profiles'!$G$19=$B$10,7,0)+IF('Standard Profiles'!$G$19=$B$17,14,0)+IF('Standard Profiles'!$G$19=$B$24,21,0),MOD($C8572,24)+1)/SUM(INDEX($D$3:$AA$30,INDEX(Jesper!$R$2:$R$366,ROW(INDEX(Jesper!AI$2:AI$366,ROUNDDOWN($C8572/24,0)+1,1))-1)+IF('Standard Profiles'!$G$19=$B$10,7,0)+IF('Standard Profiles'!$G$19=$B$17,14,0)+IF('Standard Profiles'!$G$19=$B$24,21,0),0)),0)</f>
        <v>2.5521310860314119</v>
      </c>
      <c r="F8572" cm="1">
        <f t="array" ref="F8572">IFERROR(INDEX(Jesper!AJ$2:AJ$366,ROUNDDOWN($C8572/24,0)+1,1)*INDEX($D$3:$AA$30,INDEX(Jesper!$R$2:$R$366,ROW(INDEX(Jesper!AJ$2:AJ$366,ROUNDDOWN($C8572/24,0)+1,1))-1)+IF('Standard Profiles'!$G$20=$B$10,7,0)+IF('Standard Profiles'!$G$20=$B$17,14,0)+IF('Standard Profiles'!$G$20=$B$24,21,0),MOD($C8572,24)+1)/SUM(INDEX($D$3:$AA$30,INDEX(Jesper!$R$2:$R$366,ROW(INDEX(Jesper!AJ$2:AJ$366,ROUNDDOWN($C8572/24,0)+1,1))-1)+IF('Standard Profiles'!$G$20=$B$10,7,0)+IF('Standard Profiles'!$G$20=$B$17,14,0)+IF('Standard Profiles'!$G$20=$B$24,21,0),0)),0)</f>
        <v>0</v>
      </c>
      <c r="G8572" cm="1">
        <f t="array" ref="G8572">IFERROR(INDEX(Jesper!AK$2:AK$366,ROUNDDOWN($C8572/24,0)+1,1)*INDEX($D$3:$AA$30,INDEX(Jesper!$R$2:$R$366,ROW(INDEX(Jesper!AK$2:AK$366,ROUNDDOWN($C8572/24,0)+1,1))-1)+IF('Standard Profiles'!$G$21=$B$10,7,0)+IF('Standard Profiles'!$G$21=$B$17,14,0)+IF('Standard Profiles'!$G$21=$B$24,21,0),MOD($C8572,24)+1)/SUM(INDEX($D$3:$AA$30,INDEX(Jesper!$R$2:$R$366,ROW(INDEX(Jesper!AK$2:AK$366,ROUNDDOWN($C8572/24,0)+1,1))-1)+IF('Standard Profiles'!$G$21=$B$10,7,0)+IF('Standard Profiles'!$G$21=$B$17,14,0)+IF('Standard Profiles'!$G$21=$B$24,21,0),0)),0)</f>
        <v>0</v>
      </c>
      <c r="H8572" cm="1">
        <f t="array" ref="H8572">IFERROR(INDEX(Jesper!AL$2:AL$366,ROUNDDOWN($C8572/24,0)+1,1)*INDEX($D$3:$AA$30,INDEX(Jesper!$R$2:$R$366,ROW(INDEX(Jesper!AL$2:AL$366,ROUNDDOWN($C8572/24,0)+1,1))-1)+IF('Standard Profiles'!$G$22=$B$10,7,0)+IF('Standard Profiles'!$G$22=$B$17,14,0)+IF('Standard Profiles'!$G$22=$B$24,21,0),MOD($C8572,24)+1)/SUM(INDEX($D$3:$AA$30,INDEX(Jesper!$R$2:$R$366,ROW(INDEX(Jesper!AL$2:AL$366,ROUNDDOWN($C8572/24,0)+1,1))-1)+IF('Standard Profiles'!$G$22=$B$10,7,0)+IF('Standard Profiles'!$G$22=$B$17,14,0)+IF('Standard Profiles'!$G$22=$B$24,21,0),0)),0)</f>
        <v>0</v>
      </c>
      <c r="I8572">
        <f t="shared" si="951"/>
        <v>0.22992171946228943</v>
      </c>
      <c r="J8572">
        <f t="shared" si="952"/>
        <v>0.76640573154096481</v>
      </c>
      <c r="K8572">
        <f t="shared" si="953"/>
        <v>1.1496085973114472</v>
      </c>
      <c r="L8572">
        <f t="shared" si="954"/>
        <v>11.245990751206955</v>
      </c>
      <c r="M8572">
        <f t="shared" si="955"/>
        <v>0</v>
      </c>
      <c r="N8572" s="46">
        <f t="shared" si="956"/>
        <v>45647.749999979293</v>
      </c>
    </row>
    <row r="8573" spans="2:14" x14ac:dyDescent="0.3">
      <c r="B8573">
        <f t="shared" si="950"/>
        <v>6</v>
      </c>
      <c r="C8573" s="16">
        <v>8539</v>
      </c>
      <c r="D8573" cm="1">
        <f t="array" ref="D8573">IFERROR(INDEX(Jesper!AH$2:AH$366,ROUNDDOWN($C8573/24,0)+1,1)*INDEX($D$3:$AA$30,INDEX(Jesper!$R$2:$R$366,ROW(INDEX(Jesper!AH$2:AH$366,ROUNDDOWN($C8573/24,0)+1,1))-1)+IF('Standard Profiles'!$G$18=$B$10,7,0)+IF('Standard Profiles'!$G$18=$B$17,14,0)+IF('Standard Profiles'!$G$18=$B$24,21,0),MOD($C8573,24)+1)/SUM(INDEX($D$3:$AA$30,INDEX(Jesper!$R$2:$R$366,ROW(INDEX(Jesper!AH$2:AH$366,ROUNDDOWN($C8573/24,0)+1,1))-1)+IF('Standard Profiles'!$G$18=$B$10,7,0)+IF('Standard Profiles'!$G$18=$B$17,14,0)+IF('Standard Profiles'!$G$18=$B$24,21,0),0)),0)</f>
        <v>8.7552196147421206</v>
      </c>
      <c r="E8573" cm="1">
        <f t="array" ref="E8573">IFERROR(INDEX(Jesper!AI$2:AI$366,ROUNDDOWN($C8573/24,0)+1,1)*INDEX($D$3:$AA$30,INDEX(Jesper!$R$2:$R$366,ROW(INDEX(Jesper!AI$2:AI$366,ROUNDDOWN($C8573/24,0)+1,1))-1)+IF('Standard Profiles'!$G$19=$B$10,7,0)+IF('Standard Profiles'!$G$19=$B$17,14,0)+IF('Standard Profiles'!$G$19=$B$24,21,0),MOD($C8573,24)+1)/SUM(INDEX($D$3:$AA$30,INDEX(Jesper!$R$2:$R$366,ROW(INDEX(Jesper!AI$2:AI$366,ROUNDDOWN($C8573/24,0)+1,1))-1)+IF('Standard Profiles'!$G$19=$B$10,7,0)+IF('Standard Profiles'!$G$19=$B$17,14,0)+IF('Standard Profiles'!$G$19=$B$24,21,0),0)),0)</f>
        <v>2.0613366464099863</v>
      </c>
      <c r="F8573" cm="1">
        <f t="array" ref="F8573">IFERROR(INDEX(Jesper!AJ$2:AJ$366,ROUNDDOWN($C8573/24,0)+1,1)*INDEX($D$3:$AA$30,INDEX(Jesper!$R$2:$R$366,ROW(INDEX(Jesper!AJ$2:AJ$366,ROUNDDOWN($C8573/24,0)+1,1))-1)+IF('Standard Profiles'!$G$20=$B$10,7,0)+IF('Standard Profiles'!$G$20=$B$17,14,0)+IF('Standard Profiles'!$G$20=$B$24,21,0),MOD($C8573,24)+1)/SUM(INDEX($D$3:$AA$30,INDEX(Jesper!$R$2:$R$366,ROW(INDEX(Jesper!AJ$2:AJ$366,ROUNDDOWN($C8573/24,0)+1,1))-1)+IF('Standard Profiles'!$G$20=$B$10,7,0)+IF('Standard Profiles'!$G$20=$B$17,14,0)+IF('Standard Profiles'!$G$20=$B$24,21,0),0)),0)</f>
        <v>0</v>
      </c>
      <c r="G8573" cm="1">
        <f t="array" ref="G8573">IFERROR(INDEX(Jesper!AK$2:AK$366,ROUNDDOWN($C8573/24,0)+1,1)*INDEX($D$3:$AA$30,INDEX(Jesper!$R$2:$R$366,ROW(INDEX(Jesper!AK$2:AK$366,ROUNDDOWN($C8573/24,0)+1,1))-1)+IF('Standard Profiles'!$G$21=$B$10,7,0)+IF('Standard Profiles'!$G$21=$B$17,14,0)+IF('Standard Profiles'!$G$21=$B$24,21,0),MOD($C8573,24)+1)/SUM(INDEX($D$3:$AA$30,INDEX(Jesper!$R$2:$R$366,ROW(INDEX(Jesper!AK$2:AK$366,ROUNDDOWN($C8573/24,0)+1,1))-1)+IF('Standard Profiles'!$G$21=$B$10,7,0)+IF('Standard Profiles'!$G$21=$B$17,14,0)+IF('Standard Profiles'!$G$21=$B$24,21,0),0)),0)</f>
        <v>0</v>
      </c>
      <c r="H8573" cm="1">
        <f t="array" ref="H8573">IFERROR(INDEX(Jesper!AL$2:AL$366,ROUNDDOWN($C8573/24,0)+1,1)*INDEX($D$3:$AA$30,INDEX(Jesper!$R$2:$R$366,ROW(INDEX(Jesper!AL$2:AL$366,ROUNDDOWN($C8573/24,0)+1,1))-1)+IF('Standard Profiles'!$G$22=$B$10,7,0)+IF('Standard Profiles'!$G$22=$B$17,14,0)+IF('Standard Profiles'!$G$22=$B$24,21,0),MOD($C8573,24)+1)/SUM(INDEX($D$3:$AA$30,INDEX(Jesper!$R$2:$R$366,ROW(INDEX(Jesper!AL$2:AL$366,ROUNDDOWN($C8573/24,0)+1,1))-1)+IF('Standard Profiles'!$G$22=$B$10,7,0)+IF('Standard Profiles'!$G$22=$B$17,14,0)+IF('Standard Profiles'!$G$22=$B$24,21,0),0)),0)</f>
        <v>0</v>
      </c>
      <c r="I8573">
        <f t="shared" si="951"/>
        <v>0.18570600418107988</v>
      </c>
      <c r="J8573">
        <f t="shared" si="952"/>
        <v>0.61902001393693307</v>
      </c>
      <c r="K8573">
        <f t="shared" si="953"/>
        <v>0.9285300209053996</v>
      </c>
      <c r="L8573">
        <f t="shared" si="954"/>
        <v>9.0833002221286954</v>
      </c>
      <c r="M8573">
        <f t="shared" si="955"/>
        <v>0</v>
      </c>
      <c r="N8573" s="46">
        <f t="shared" si="956"/>
        <v>45647.791666645957</v>
      </c>
    </row>
    <row r="8574" spans="2:14" x14ac:dyDescent="0.3">
      <c r="B8574">
        <f t="shared" si="950"/>
        <v>6</v>
      </c>
      <c r="C8574" s="16">
        <v>8540</v>
      </c>
      <c r="D8574" cm="1">
        <f t="array" ref="D8574">IFERROR(INDEX(Jesper!AH$2:AH$366,ROUNDDOWN($C8574/24,0)+1,1)*INDEX($D$3:$AA$30,INDEX(Jesper!$R$2:$R$366,ROW(INDEX(Jesper!AH$2:AH$366,ROUNDDOWN($C8574/24,0)+1,1))-1)+IF('Standard Profiles'!$G$18=$B$10,7,0)+IF('Standard Profiles'!$G$18=$B$17,14,0)+IF('Standard Profiles'!$G$18=$B$24,21,0),MOD($C8574,24)+1)/SUM(INDEX($D$3:$AA$30,INDEX(Jesper!$R$2:$R$366,ROW(INDEX(Jesper!AH$2:AH$366,ROUNDDOWN($C8574/24,0)+1,1))-1)+IF('Standard Profiles'!$G$18=$B$10,7,0)+IF('Standard Profiles'!$G$18=$B$17,14,0)+IF('Standard Profiles'!$G$18=$B$24,21,0),0)),0)</f>
        <v>6.4621859061191849</v>
      </c>
      <c r="E8574" cm="1">
        <f t="array" ref="E8574">IFERROR(INDEX(Jesper!AI$2:AI$366,ROUNDDOWN($C8574/24,0)+1,1)*INDEX($D$3:$AA$30,INDEX(Jesper!$R$2:$R$366,ROW(INDEX(Jesper!AI$2:AI$366,ROUNDDOWN($C8574/24,0)+1,1))-1)+IF('Standard Profiles'!$G$19=$B$10,7,0)+IF('Standard Profiles'!$G$19=$B$17,14,0)+IF('Standard Profiles'!$G$19=$B$24,21,0),MOD($C8574,24)+1)/SUM(INDEX($D$3:$AA$30,INDEX(Jesper!$R$2:$R$366,ROW(INDEX(Jesper!AI$2:AI$366,ROUNDDOWN($C8574/24,0)+1,1))-1)+IF('Standard Profiles'!$G$19=$B$10,7,0)+IF('Standard Profiles'!$G$19=$B$17,14,0)+IF('Standard Profiles'!$G$19=$B$24,21,0),0)),0)</f>
        <v>1.5214627628264186</v>
      </c>
      <c r="F8574" cm="1">
        <f t="array" ref="F8574">IFERROR(INDEX(Jesper!AJ$2:AJ$366,ROUNDDOWN($C8574/24,0)+1,1)*INDEX($D$3:$AA$30,INDEX(Jesper!$R$2:$R$366,ROW(INDEX(Jesper!AJ$2:AJ$366,ROUNDDOWN($C8574/24,0)+1,1))-1)+IF('Standard Profiles'!$G$20=$B$10,7,0)+IF('Standard Profiles'!$G$20=$B$17,14,0)+IF('Standard Profiles'!$G$20=$B$24,21,0),MOD($C8574,24)+1)/SUM(INDEX($D$3:$AA$30,INDEX(Jesper!$R$2:$R$366,ROW(INDEX(Jesper!AJ$2:AJ$366,ROUNDDOWN($C8574/24,0)+1,1))-1)+IF('Standard Profiles'!$G$20=$B$10,7,0)+IF('Standard Profiles'!$G$20=$B$17,14,0)+IF('Standard Profiles'!$G$20=$B$24,21,0),0)),0)</f>
        <v>0</v>
      </c>
      <c r="G8574" cm="1">
        <f t="array" ref="G8574">IFERROR(INDEX(Jesper!AK$2:AK$366,ROUNDDOWN($C8574/24,0)+1,1)*INDEX($D$3:$AA$30,INDEX(Jesper!$R$2:$R$366,ROW(INDEX(Jesper!AK$2:AK$366,ROUNDDOWN($C8574/24,0)+1,1))-1)+IF('Standard Profiles'!$G$21=$B$10,7,0)+IF('Standard Profiles'!$G$21=$B$17,14,0)+IF('Standard Profiles'!$G$21=$B$24,21,0),MOD($C8574,24)+1)/SUM(INDEX($D$3:$AA$30,INDEX(Jesper!$R$2:$R$366,ROW(INDEX(Jesper!AK$2:AK$366,ROUNDDOWN($C8574/24,0)+1,1))-1)+IF('Standard Profiles'!$G$21=$B$10,7,0)+IF('Standard Profiles'!$G$21=$B$17,14,0)+IF('Standard Profiles'!$G$21=$B$24,21,0),0)),0)</f>
        <v>0</v>
      </c>
      <c r="H8574" cm="1">
        <f t="array" ref="H8574">IFERROR(INDEX(Jesper!AL$2:AL$366,ROUNDDOWN($C8574/24,0)+1,1)*INDEX($D$3:$AA$30,INDEX(Jesper!$R$2:$R$366,ROW(INDEX(Jesper!AL$2:AL$366,ROUNDDOWN($C8574/24,0)+1,1))-1)+IF('Standard Profiles'!$G$22=$B$10,7,0)+IF('Standard Profiles'!$G$22=$B$17,14,0)+IF('Standard Profiles'!$G$22=$B$24,21,0),MOD($C8574,24)+1)/SUM(INDEX($D$3:$AA$30,INDEX(Jesper!$R$2:$R$366,ROW(INDEX(Jesper!AL$2:AL$366,ROUNDDOWN($C8574/24,0)+1,1))-1)+IF('Standard Profiles'!$G$22=$B$10,7,0)+IF('Standard Profiles'!$G$22=$B$17,14,0)+IF('Standard Profiles'!$G$22=$B$24,21,0),0)),0)</f>
        <v>0</v>
      </c>
      <c r="I8574">
        <f t="shared" si="951"/>
        <v>0.13706871737174944</v>
      </c>
      <c r="J8574">
        <f t="shared" si="952"/>
        <v>0.45689572457249822</v>
      </c>
      <c r="K8574">
        <f t="shared" si="953"/>
        <v>0.68534358685874741</v>
      </c>
      <c r="L8574">
        <f t="shared" si="954"/>
        <v>6.7043406401426084</v>
      </c>
      <c r="M8574">
        <f t="shared" si="955"/>
        <v>0</v>
      </c>
      <c r="N8574" s="46">
        <f t="shared" si="956"/>
        <v>45647.833333312621</v>
      </c>
    </row>
    <row r="8575" spans="2:14" x14ac:dyDescent="0.3">
      <c r="B8575">
        <f t="shared" si="950"/>
        <v>6</v>
      </c>
      <c r="C8575" s="16">
        <v>8541</v>
      </c>
      <c r="D8575" cm="1">
        <f t="array" ref="D8575">IFERROR(INDEX(Jesper!AH$2:AH$366,ROUNDDOWN($C8575/24,0)+1,1)*INDEX($D$3:$AA$30,INDEX(Jesper!$R$2:$R$366,ROW(INDEX(Jesper!AH$2:AH$366,ROUNDDOWN($C8575/24,0)+1,1))-1)+IF('Standard Profiles'!$G$18=$B$10,7,0)+IF('Standard Profiles'!$G$18=$B$17,14,0)+IF('Standard Profiles'!$G$18=$B$24,21,0),MOD($C8575,24)+1)/SUM(INDEX($D$3:$AA$30,INDEX(Jesper!$R$2:$R$366,ROW(INDEX(Jesper!AH$2:AH$366,ROUNDDOWN($C8575/24,0)+1,1))-1)+IF('Standard Profiles'!$G$18=$B$10,7,0)+IF('Standard Profiles'!$G$18=$B$17,14,0)+IF('Standard Profiles'!$G$18=$B$24,21,0),0)),0)</f>
        <v>6.4621859061191849</v>
      </c>
      <c r="E8575" cm="1">
        <f t="array" ref="E8575">IFERROR(INDEX(Jesper!AI$2:AI$366,ROUNDDOWN($C8575/24,0)+1,1)*INDEX($D$3:$AA$30,INDEX(Jesper!$R$2:$R$366,ROW(INDEX(Jesper!AI$2:AI$366,ROUNDDOWN($C8575/24,0)+1,1))-1)+IF('Standard Profiles'!$G$19=$B$10,7,0)+IF('Standard Profiles'!$G$19=$B$17,14,0)+IF('Standard Profiles'!$G$19=$B$24,21,0),MOD($C8575,24)+1)/SUM(INDEX($D$3:$AA$30,INDEX(Jesper!$R$2:$R$366,ROW(INDEX(Jesper!AI$2:AI$366,ROUNDDOWN($C8575/24,0)+1,1))-1)+IF('Standard Profiles'!$G$19=$B$10,7,0)+IF('Standard Profiles'!$G$19=$B$17,14,0)+IF('Standard Profiles'!$G$19=$B$24,21,0),0)),0)</f>
        <v>1.5214627628264186</v>
      </c>
      <c r="F8575" cm="1">
        <f t="array" ref="F8575">IFERROR(INDEX(Jesper!AJ$2:AJ$366,ROUNDDOWN($C8575/24,0)+1,1)*INDEX($D$3:$AA$30,INDEX(Jesper!$R$2:$R$366,ROW(INDEX(Jesper!AJ$2:AJ$366,ROUNDDOWN($C8575/24,0)+1,1))-1)+IF('Standard Profiles'!$G$20=$B$10,7,0)+IF('Standard Profiles'!$G$20=$B$17,14,0)+IF('Standard Profiles'!$G$20=$B$24,21,0),MOD($C8575,24)+1)/SUM(INDEX($D$3:$AA$30,INDEX(Jesper!$R$2:$R$366,ROW(INDEX(Jesper!AJ$2:AJ$366,ROUNDDOWN($C8575/24,0)+1,1))-1)+IF('Standard Profiles'!$G$20=$B$10,7,0)+IF('Standard Profiles'!$G$20=$B$17,14,0)+IF('Standard Profiles'!$G$20=$B$24,21,0),0)),0)</f>
        <v>0</v>
      </c>
      <c r="G8575" cm="1">
        <f t="array" ref="G8575">IFERROR(INDEX(Jesper!AK$2:AK$366,ROUNDDOWN($C8575/24,0)+1,1)*INDEX($D$3:$AA$30,INDEX(Jesper!$R$2:$R$366,ROW(INDEX(Jesper!AK$2:AK$366,ROUNDDOWN($C8575/24,0)+1,1))-1)+IF('Standard Profiles'!$G$21=$B$10,7,0)+IF('Standard Profiles'!$G$21=$B$17,14,0)+IF('Standard Profiles'!$G$21=$B$24,21,0),MOD($C8575,24)+1)/SUM(INDEX($D$3:$AA$30,INDEX(Jesper!$R$2:$R$366,ROW(INDEX(Jesper!AK$2:AK$366,ROUNDDOWN($C8575/24,0)+1,1))-1)+IF('Standard Profiles'!$G$21=$B$10,7,0)+IF('Standard Profiles'!$G$21=$B$17,14,0)+IF('Standard Profiles'!$G$21=$B$24,21,0),0)),0)</f>
        <v>0</v>
      </c>
      <c r="H8575" cm="1">
        <f t="array" ref="H8575">IFERROR(INDEX(Jesper!AL$2:AL$366,ROUNDDOWN($C8575/24,0)+1,1)*INDEX($D$3:$AA$30,INDEX(Jesper!$R$2:$R$366,ROW(INDEX(Jesper!AL$2:AL$366,ROUNDDOWN($C8575/24,0)+1,1))-1)+IF('Standard Profiles'!$G$22=$B$10,7,0)+IF('Standard Profiles'!$G$22=$B$17,14,0)+IF('Standard Profiles'!$G$22=$B$24,21,0),MOD($C8575,24)+1)/SUM(INDEX($D$3:$AA$30,INDEX(Jesper!$R$2:$R$366,ROW(INDEX(Jesper!AL$2:AL$366,ROUNDDOWN($C8575/24,0)+1,1))-1)+IF('Standard Profiles'!$G$22=$B$10,7,0)+IF('Standard Profiles'!$G$22=$B$17,14,0)+IF('Standard Profiles'!$G$22=$B$24,21,0),0)),0)</f>
        <v>0</v>
      </c>
      <c r="I8575">
        <f t="shared" si="951"/>
        <v>0.13706871737174944</v>
      </c>
      <c r="J8575">
        <f t="shared" si="952"/>
        <v>0.45689572457249822</v>
      </c>
      <c r="K8575">
        <f t="shared" si="953"/>
        <v>0.68534358685874741</v>
      </c>
      <c r="L8575">
        <f t="shared" si="954"/>
        <v>6.7043406401426084</v>
      </c>
      <c r="M8575">
        <f t="shared" si="955"/>
        <v>0</v>
      </c>
      <c r="N8575" s="46">
        <f t="shared" si="956"/>
        <v>45647.874999979285</v>
      </c>
    </row>
    <row r="8576" spans="2:14" x14ac:dyDescent="0.3">
      <c r="B8576">
        <f t="shared" si="950"/>
        <v>6</v>
      </c>
      <c r="C8576" s="16">
        <v>8542</v>
      </c>
      <c r="D8576" cm="1">
        <f t="array" ref="D8576">IFERROR(INDEX(Jesper!AH$2:AH$366,ROUNDDOWN($C8576/24,0)+1,1)*INDEX($D$3:$AA$30,INDEX(Jesper!$R$2:$R$366,ROW(INDEX(Jesper!AH$2:AH$366,ROUNDDOWN($C8576/24,0)+1,1))-1)+IF('Standard Profiles'!$G$18=$B$10,7,0)+IF('Standard Profiles'!$G$18=$B$17,14,0)+IF('Standard Profiles'!$G$18=$B$24,21,0),MOD($C8576,24)+1)/SUM(INDEX($D$3:$AA$30,INDEX(Jesper!$R$2:$R$366,ROW(INDEX(Jesper!AH$2:AH$366,ROUNDDOWN($C8576/24,0)+1,1))-1)+IF('Standard Profiles'!$G$18=$B$10,7,0)+IF('Standard Profiles'!$G$18=$B$17,14,0)+IF('Standard Profiles'!$G$18=$B$24,21,0),0)),0)</f>
        <v>6.4621859061191849</v>
      </c>
      <c r="E8576" cm="1">
        <f t="array" ref="E8576">IFERROR(INDEX(Jesper!AI$2:AI$366,ROUNDDOWN($C8576/24,0)+1,1)*INDEX($D$3:$AA$30,INDEX(Jesper!$R$2:$R$366,ROW(INDEX(Jesper!AI$2:AI$366,ROUNDDOWN($C8576/24,0)+1,1))-1)+IF('Standard Profiles'!$G$19=$B$10,7,0)+IF('Standard Profiles'!$G$19=$B$17,14,0)+IF('Standard Profiles'!$G$19=$B$24,21,0),MOD($C8576,24)+1)/SUM(INDEX($D$3:$AA$30,INDEX(Jesper!$R$2:$R$366,ROW(INDEX(Jesper!AI$2:AI$366,ROUNDDOWN($C8576/24,0)+1,1))-1)+IF('Standard Profiles'!$G$19=$B$10,7,0)+IF('Standard Profiles'!$G$19=$B$17,14,0)+IF('Standard Profiles'!$G$19=$B$24,21,0),0)),0)</f>
        <v>1.5214627628264186</v>
      </c>
      <c r="F8576" cm="1">
        <f t="array" ref="F8576">IFERROR(INDEX(Jesper!AJ$2:AJ$366,ROUNDDOWN($C8576/24,0)+1,1)*INDEX($D$3:$AA$30,INDEX(Jesper!$R$2:$R$366,ROW(INDEX(Jesper!AJ$2:AJ$366,ROUNDDOWN($C8576/24,0)+1,1))-1)+IF('Standard Profiles'!$G$20=$B$10,7,0)+IF('Standard Profiles'!$G$20=$B$17,14,0)+IF('Standard Profiles'!$G$20=$B$24,21,0),MOD($C8576,24)+1)/SUM(INDEX($D$3:$AA$30,INDEX(Jesper!$R$2:$R$366,ROW(INDEX(Jesper!AJ$2:AJ$366,ROUNDDOWN($C8576/24,0)+1,1))-1)+IF('Standard Profiles'!$G$20=$B$10,7,0)+IF('Standard Profiles'!$G$20=$B$17,14,0)+IF('Standard Profiles'!$G$20=$B$24,21,0),0)),0)</f>
        <v>0</v>
      </c>
      <c r="G8576" cm="1">
        <f t="array" ref="G8576">IFERROR(INDEX(Jesper!AK$2:AK$366,ROUNDDOWN($C8576/24,0)+1,1)*INDEX($D$3:$AA$30,INDEX(Jesper!$R$2:$R$366,ROW(INDEX(Jesper!AK$2:AK$366,ROUNDDOWN($C8576/24,0)+1,1))-1)+IF('Standard Profiles'!$G$21=$B$10,7,0)+IF('Standard Profiles'!$G$21=$B$17,14,0)+IF('Standard Profiles'!$G$21=$B$24,21,0),MOD($C8576,24)+1)/SUM(INDEX($D$3:$AA$30,INDEX(Jesper!$R$2:$R$366,ROW(INDEX(Jesper!AK$2:AK$366,ROUNDDOWN($C8576/24,0)+1,1))-1)+IF('Standard Profiles'!$G$21=$B$10,7,0)+IF('Standard Profiles'!$G$21=$B$17,14,0)+IF('Standard Profiles'!$G$21=$B$24,21,0),0)),0)</f>
        <v>0</v>
      </c>
      <c r="H8576" cm="1">
        <f t="array" ref="H8576">IFERROR(INDEX(Jesper!AL$2:AL$366,ROUNDDOWN($C8576/24,0)+1,1)*INDEX($D$3:$AA$30,INDEX(Jesper!$R$2:$R$366,ROW(INDEX(Jesper!AL$2:AL$366,ROUNDDOWN($C8576/24,0)+1,1))-1)+IF('Standard Profiles'!$G$22=$B$10,7,0)+IF('Standard Profiles'!$G$22=$B$17,14,0)+IF('Standard Profiles'!$G$22=$B$24,21,0),MOD($C8576,24)+1)/SUM(INDEX($D$3:$AA$30,INDEX(Jesper!$R$2:$R$366,ROW(INDEX(Jesper!AL$2:AL$366,ROUNDDOWN($C8576/24,0)+1,1))-1)+IF('Standard Profiles'!$G$22=$B$10,7,0)+IF('Standard Profiles'!$G$22=$B$17,14,0)+IF('Standard Profiles'!$G$22=$B$24,21,0),0)),0)</f>
        <v>0</v>
      </c>
      <c r="I8576">
        <f t="shared" si="951"/>
        <v>0.13706871737174944</v>
      </c>
      <c r="J8576">
        <f t="shared" si="952"/>
        <v>0.45689572457249822</v>
      </c>
      <c r="K8576">
        <f t="shared" si="953"/>
        <v>0.68534358685874741</v>
      </c>
      <c r="L8576">
        <f t="shared" si="954"/>
        <v>6.7043406401426084</v>
      </c>
      <c r="M8576">
        <f t="shared" si="955"/>
        <v>0</v>
      </c>
      <c r="N8576" s="46">
        <f t="shared" si="956"/>
        <v>45647.91666664595</v>
      </c>
    </row>
    <row r="8577" spans="2:14" x14ac:dyDescent="0.3">
      <c r="B8577">
        <f t="shared" si="950"/>
        <v>6</v>
      </c>
      <c r="C8577" s="16">
        <v>8543</v>
      </c>
      <c r="D8577" cm="1">
        <f t="array" ref="D8577">IFERROR(INDEX(Jesper!AH$2:AH$366,ROUNDDOWN($C8577/24,0)+1,1)*INDEX($D$3:$AA$30,INDEX(Jesper!$R$2:$R$366,ROW(INDEX(Jesper!AH$2:AH$366,ROUNDDOWN($C8577/24,0)+1,1))-1)+IF('Standard Profiles'!$G$18=$B$10,7,0)+IF('Standard Profiles'!$G$18=$B$17,14,0)+IF('Standard Profiles'!$G$18=$B$24,21,0),MOD($C8577,24)+1)/SUM(INDEX($D$3:$AA$30,INDEX(Jesper!$R$2:$R$366,ROW(INDEX(Jesper!AH$2:AH$366,ROUNDDOWN($C8577/24,0)+1,1))-1)+IF('Standard Profiles'!$G$18=$B$10,7,0)+IF('Standard Profiles'!$G$18=$B$17,14,0)+IF('Standard Profiles'!$G$18=$B$24,21,0),0)),0)</f>
        <v>6.4621859061191849</v>
      </c>
      <c r="E8577" cm="1">
        <f t="array" ref="E8577">IFERROR(INDEX(Jesper!AI$2:AI$366,ROUNDDOWN($C8577/24,0)+1,1)*INDEX($D$3:$AA$30,INDEX(Jesper!$R$2:$R$366,ROW(INDEX(Jesper!AI$2:AI$366,ROUNDDOWN($C8577/24,0)+1,1))-1)+IF('Standard Profiles'!$G$19=$B$10,7,0)+IF('Standard Profiles'!$G$19=$B$17,14,0)+IF('Standard Profiles'!$G$19=$B$24,21,0),MOD($C8577,24)+1)/SUM(INDEX($D$3:$AA$30,INDEX(Jesper!$R$2:$R$366,ROW(INDEX(Jesper!AI$2:AI$366,ROUNDDOWN($C8577/24,0)+1,1))-1)+IF('Standard Profiles'!$G$19=$B$10,7,0)+IF('Standard Profiles'!$G$19=$B$17,14,0)+IF('Standard Profiles'!$G$19=$B$24,21,0),0)),0)</f>
        <v>1.5214627628264186</v>
      </c>
      <c r="F8577" cm="1">
        <f t="array" ref="F8577">IFERROR(INDEX(Jesper!AJ$2:AJ$366,ROUNDDOWN($C8577/24,0)+1,1)*INDEX($D$3:$AA$30,INDEX(Jesper!$R$2:$R$366,ROW(INDEX(Jesper!AJ$2:AJ$366,ROUNDDOWN($C8577/24,0)+1,1))-1)+IF('Standard Profiles'!$G$20=$B$10,7,0)+IF('Standard Profiles'!$G$20=$B$17,14,0)+IF('Standard Profiles'!$G$20=$B$24,21,0),MOD($C8577,24)+1)/SUM(INDEX($D$3:$AA$30,INDEX(Jesper!$R$2:$R$366,ROW(INDEX(Jesper!AJ$2:AJ$366,ROUNDDOWN($C8577/24,0)+1,1))-1)+IF('Standard Profiles'!$G$20=$B$10,7,0)+IF('Standard Profiles'!$G$20=$B$17,14,0)+IF('Standard Profiles'!$G$20=$B$24,21,0),0)),0)</f>
        <v>0</v>
      </c>
      <c r="G8577" cm="1">
        <f t="array" ref="G8577">IFERROR(INDEX(Jesper!AK$2:AK$366,ROUNDDOWN($C8577/24,0)+1,1)*INDEX($D$3:$AA$30,INDEX(Jesper!$R$2:$R$366,ROW(INDEX(Jesper!AK$2:AK$366,ROUNDDOWN($C8577/24,0)+1,1))-1)+IF('Standard Profiles'!$G$21=$B$10,7,0)+IF('Standard Profiles'!$G$21=$B$17,14,0)+IF('Standard Profiles'!$G$21=$B$24,21,0),MOD($C8577,24)+1)/SUM(INDEX($D$3:$AA$30,INDEX(Jesper!$R$2:$R$366,ROW(INDEX(Jesper!AK$2:AK$366,ROUNDDOWN($C8577/24,0)+1,1))-1)+IF('Standard Profiles'!$G$21=$B$10,7,0)+IF('Standard Profiles'!$G$21=$B$17,14,0)+IF('Standard Profiles'!$G$21=$B$24,21,0),0)),0)</f>
        <v>0</v>
      </c>
      <c r="H8577" cm="1">
        <f t="array" ref="H8577">IFERROR(INDEX(Jesper!AL$2:AL$366,ROUNDDOWN($C8577/24,0)+1,1)*INDEX($D$3:$AA$30,INDEX(Jesper!$R$2:$R$366,ROW(INDEX(Jesper!AL$2:AL$366,ROUNDDOWN($C8577/24,0)+1,1))-1)+IF('Standard Profiles'!$G$22=$B$10,7,0)+IF('Standard Profiles'!$G$22=$B$17,14,0)+IF('Standard Profiles'!$G$22=$B$24,21,0),MOD($C8577,24)+1)/SUM(INDEX($D$3:$AA$30,INDEX(Jesper!$R$2:$R$366,ROW(INDEX(Jesper!AL$2:AL$366,ROUNDDOWN($C8577/24,0)+1,1))-1)+IF('Standard Profiles'!$G$22=$B$10,7,0)+IF('Standard Profiles'!$G$22=$B$17,14,0)+IF('Standard Profiles'!$G$22=$B$24,21,0),0)),0)</f>
        <v>0</v>
      </c>
      <c r="I8577">
        <f t="shared" si="951"/>
        <v>0.13706871737174944</v>
      </c>
      <c r="J8577">
        <f t="shared" si="952"/>
        <v>0.45689572457249822</v>
      </c>
      <c r="K8577">
        <f t="shared" si="953"/>
        <v>0.68534358685874741</v>
      </c>
      <c r="L8577">
        <f t="shared" si="954"/>
        <v>6.7043406401426084</v>
      </c>
      <c r="M8577">
        <f t="shared" si="955"/>
        <v>0</v>
      </c>
      <c r="N8577" s="46">
        <f t="shared" si="956"/>
        <v>45647.958333312614</v>
      </c>
    </row>
    <row r="8578" spans="2:14" x14ac:dyDescent="0.3">
      <c r="B8578">
        <f t="shared" si="950"/>
        <v>7</v>
      </c>
      <c r="C8578" s="16">
        <v>8544</v>
      </c>
      <c r="D8578" cm="1">
        <f t="array" ref="D8578">IFERROR(INDEX(Jesper!AH$2:AH$366,ROUNDDOWN($C8578/24,0)+1,1)*INDEX($D$3:$AA$30,INDEX(Jesper!$R$2:$R$366,ROW(INDEX(Jesper!AH$2:AH$366,ROUNDDOWN($C8578/24,0)+1,1))-1)+IF('Standard Profiles'!$G$18=$B$10,7,0)+IF('Standard Profiles'!$G$18=$B$17,14,0)+IF('Standard Profiles'!$G$18=$B$24,21,0),MOD($C8578,24)+1)/SUM(INDEX($D$3:$AA$30,INDEX(Jesper!$R$2:$R$366,ROW(INDEX(Jesper!AH$2:AH$366,ROUNDDOWN($C8578/24,0)+1,1))-1)+IF('Standard Profiles'!$G$18=$B$10,7,0)+IF('Standard Profiles'!$G$18=$B$17,14,0)+IF('Standard Profiles'!$G$18=$B$24,21,0),0)),0)</f>
        <v>7.4556143106250614</v>
      </c>
      <c r="E8578" cm="1">
        <f t="array" ref="E8578">IFERROR(INDEX(Jesper!AI$2:AI$366,ROUNDDOWN($C8578/24,0)+1,1)*INDEX($D$3:$AA$30,INDEX(Jesper!$R$2:$R$366,ROW(INDEX(Jesper!AI$2:AI$366,ROUNDDOWN($C8578/24,0)+1,1))-1)+IF('Standard Profiles'!$G$19=$B$10,7,0)+IF('Standard Profiles'!$G$19=$B$17,14,0)+IF('Standard Profiles'!$G$19=$B$24,21,0),MOD($C8578,24)+1)/SUM(INDEX($D$3:$AA$30,INDEX(Jesper!$R$2:$R$366,ROW(INDEX(Jesper!AI$2:AI$366,ROUNDDOWN($C8578/24,0)+1,1))-1)+IF('Standard Profiles'!$G$19=$B$10,7,0)+IF('Standard Profiles'!$G$19=$B$17,14,0)+IF('Standard Profiles'!$G$19=$B$24,21,0),0)),0)</f>
        <v>1.7885414335791721</v>
      </c>
      <c r="F8578" cm="1">
        <f t="array" ref="F8578">IFERROR(INDEX(Jesper!AJ$2:AJ$366,ROUNDDOWN($C8578/24,0)+1,1)*INDEX($D$3:$AA$30,INDEX(Jesper!$R$2:$R$366,ROW(INDEX(Jesper!AJ$2:AJ$366,ROUNDDOWN($C8578/24,0)+1,1))-1)+IF('Standard Profiles'!$G$20=$B$10,7,0)+IF('Standard Profiles'!$G$20=$B$17,14,0)+IF('Standard Profiles'!$G$20=$B$24,21,0),MOD($C8578,24)+1)/SUM(INDEX($D$3:$AA$30,INDEX(Jesper!$R$2:$R$366,ROW(INDEX(Jesper!AJ$2:AJ$366,ROUNDDOWN($C8578/24,0)+1,1))-1)+IF('Standard Profiles'!$G$20=$B$10,7,0)+IF('Standard Profiles'!$G$20=$B$17,14,0)+IF('Standard Profiles'!$G$20=$B$24,21,0),0)),0)</f>
        <v>0</v>
      </c>
      <c r="G8578" cm="1">
        <f t="array" ref="G8578">IFERROR(INDEX(Jesper!AK$2:AK$366,ROUNDDOWN($C8578/24,0)+1,1)*INDEX($D$3:$AA$30,INDEX(Jesper!$R$2:$R$366,ROW(INDEX(Jesper!AK$2:AK$366,ROUNDDOWN($C8578/24,0)+1,1))-1)+IF('Standard Profiles'!$G$21=$B$10,7,0)+IF('Standard Profiles'!$G$21=$B$17,14,0)+IF('Standard Profiles'!$G$21=$B$24,21,0),MOD($C8578,24)+1)/SUM(INDEX($D$3:$AA$30,INDEX(Jesper!$R$2:$R$366,ROW(INDEX(Jesper!AK$2:AK$366,ROUNDDOWN($C8578/24,0)+1,1))-1)+IF('Standard Profiles'!$G$21=$B$10,7,0)+IF('Standard Profiles'!$G$21=$B$17,14,0)+IF('Standard Profiles'!$G$21=$B$24,21,0),0)),0)</f>
        <v>0</v>
      </c>
      <c r="H8578" cm="1">
        <f t="array" ref="H8578">IFERROR(INDEX(Jesper!AL$2:AL$366,ROUNDDOWN($C8578/24,0)+1,1)*INDEX($D$3:$AA$30,INDEX(Jesper!$R$2:$R$366,ROW(INDEX(Jesper!AL$2:AL$366,ROUNDDOWN($C8578/24,0)+1,1))-1)+IF('Standard Profiles'!$G$22=$B$10,7,0)+IF('Standard Profiles'!$G$22=$B$17,14,0)+IF('Standard Profiles'!$G$22=$B$24,21,0),MOD($C8578,24)+1)/SUM(INDEX($D$3:$AA$30,INDEX(Jesper!$R$2:$R$366,ROW(INDEX(Jesper!AL$2:AL$366,ROUNDDOWN($C8578/24,0)+1,1))-1)+IF('Standard Profiles'!$G$22=$B$10,7,0)+IF('Standard Profiles'!$G$22=$B$17,14,0)+IF('Standard Profiles'!$G$22=$B$24,21,0),0)),0)</f>
        <v>0</v>
      </c>
      <c r="I8578">
        <f t="shared" si="951"/>
        <v>0.16112985888100653</v>
      </c>
      <c r="J8578">
        <f t="shared" si="952"/>
        <v>0.53709952960335516</v>
      </c>
      <c r="K8578">
        <f t="shared" si="953"/>
        <v>0.80564929440503275</v>
      </c>
      <c r="L8578">
        <f t="shared" si="954"/>
        <v>7.7402770613148393</v>
      </c>
      <c r="M8578">
        <f t="shared" si="955"/>
        <v>0</v>
      </c>
      <c r="N8578" s="46">
        <f t="shared" si="956"/>
        <v>45647.999999979278</v>
      </c>
    </row>
    <row r="8579" spans="2:14" x14ac:dyDescent="0.3">
      <c r="B8579">
        <f t="shared" si="950"/>
        <v>7</v>
      </c>
      <c r="C8579" s="16">
        <v>8545</v>
      </c>
      <c r="D8579" cm="1">
        <f t="array" ref="D8579">IFERROR(INDEX(Jesper!AH$2:AH$366,ROUNDDOWN($C8579/24,0)+1,1)*INDEX($D$3:$AA$30,INDEX(Jesper!$R$2:$R$366,ROW(INDEX(Jesper!AH$2:AH$366,ROUNDDOWN($C8579/24,0)+1,1))-1)+IF('Standard Profiles'!$G$18=$B$10,7,0)+IF('Standard Profiles'!$G$18=$B$17,14,0)+IF('Standard Profiles'!$G$18=$B$24,21,0),MOD($C8579,24)+1)/SUM(INDEX($D$3:$AA$30,INDEX(Jesper!$R$2:$R$366,ROW(INDEX(Jesper!AH$2:AH$366,ROUNDDOWN($C8579/24,0)+1,1))-1)+IF('Standard Profiles'!$G$18=$B$10,7,0)+IF('Standard Profiles'!$G$18=$B$17,14,0)+IF('Standard Profiles'!$G$18=$B$24,21,0),0)),0)</f>
        <v>8.658132747822652</v>
      </c>
      <c r="E8579" cm="1">
        <f t="array" ref="E8579">IFERROR(INDEX(Jesper!AI$2:AI$366,ROUNDDOWN($C8579/24,0)+1,1)*INDEX($D$3:$AA$30,INDEX(Jesper!$R$2:$R$366,ROW(INDEX(Jesper!AI$2:AI$366,ROUNDDOWN($C8579/24,0)+1,1))-1)+IF('Standard Profiles'!$G$19=$B$10,7,0)+IF('Standard Profiles'!$G$19=$B$17,14,0)+IF('Standard Profiles'!$G$19=$B$24,21,0),MOD($C8579,24)+1)/SUM(INDEX($D$3:$AA$30,INDEX(Jesper!$R$2:$R$366,ROW(INDEX(Jesper!AI$2:AI$366,ROUNDDOWN($C8579/24,0)+1,1))-1)+IF('Standard Profiles'!$G$19=$B$10,7,0)+IF('Standard Profiles'!$G$19=$B$17,14,0)+IF('Standard Profiles'!$G$19=$B$24,21,0),0)),0)</f>
        <v>2.0770158583500065</v>
      </c>
      <c r="F8579" cm="1">
        <f t="array" ref="F8579">IFERROR(INDEX(Jesper!AJ$2:AJ$366,ROUNDDOWN($C8579/24,0)+1,1)*INDEX($D$3:$AA$30,INDEX(Jesper!$R$2:$R$366,ROW(INDEX(Jesper!AJ$2:AJ$366,ROUNDDOWN($C8579/24,0)+1,1))-1)+IF('Standard Profiles'!$G$20=$B$10,7,0)+IF('Standard Profiles'!$G$20=$B$17,14,0)+IF('Standard Profiles'!$G$20=$B$24,21,0),MOD($C8579,24)+1)/SUM(INDEX($D$3:$AA$30,INDEX(Jesper!$R$2:$R$366,ROW(INDEX(Jesper!AJ$2:AJ$366,ROUNDDOWN($C8579/24,0)+1,1))-1)+IF('Standard Profiles'!$G$20=$B$10,7,0)+IF('Standard Profiles'!$G$20=$B$17,14,0)+IF('Standard Profiles'!$G$20=$B$24,21,0),0)),0)</f>
        <v>0</v>
      </c>
      <c r="G8579" cm="1">
        <f t="array" ref="G8579">IFERROR(INDEX(Jesper!AK$2:AK$366,ROUNDDOWN($C8579/24,0)+1,1)*INDEX($D$3:$AA$30,INDEX(Jesper!$R$2:$R$366,ROW(INDEX(Jesper!AK$2:AK$366,ROUNDDOWN($C8579/24,0)+1,1))-1)+IF('Standard Profiles'!$G$21=$B$10,7,0)+IF('Standard Profiles'!$G$21=$B$17,14,0)+IF('Standard Profiles'!$G$21=$B$24,21,0),MOD($C8579,24)+1)/SUM(INDEX($D$3:$AA$30,INDEX(Jesper!$R$2:$R$366,ROW(INDEX(Jesper!AK$2:AK$366,ROUNDDOWN($C8579/24,0)+1,1))-1)+IF('Standard Profiles'!$G$21=$B$10,7,0)+IF('Standard Profiles'!$G$21=$B$17,14,0)+IF('Standard Profiles'!$G$21=$B$24,21,0),0)),0)</f>
        <v>0</v>
      </c>
      <c r="H8579" cm="1">
        <f t="array" ref="H8579">IFERROR(INDEX(Jesper!AL$2:AL$366,ROUNDDOWN($C8579/24,0)+1,1)*INDEX($D$3:$AA$30,INDEX(Jesper!$R$2:$R$366,ROW(INDEX(Jesper!AL$2:AL$366,ROUNDDOWN($C8579/24,0)+1,1))-1)+IF('Standard Profiles'!$G$22=$B$10,7,0)+IF('Standard Profiles'!$G$22=$B$17,14,0)+IF('Standard Profiles'!$G$22=$B$24,21,0),MOD($C8579,24)+1)/SUM(INDEX($D$3:$AA$30,INDEX(Jesper!$R$2:$R$366,ROW(INDEX(Jesper!AL$2:AL$366,ROUNDDOWN($C8579/24,0)+1,1))-1)+IF('Standard Profiles'!$G$22=$B$10,7,0)+IF('Standard Profiles'!$G$22=$B$17,14,0)+IF('Standard Profiles'!$G$22=$B$24,21,0),0)),0)</f>
        <v>0</v>
      </c>
      <c r="I8579">
        <f t="shared" si="951"/>
        <v>0.18711854579729792</v>
      </c>
      <c r="J8579">
        <f t="shared" si="952"/>
        <v>0.62372848599099318</v>
      </c>
      <c r="K8579">
        <f t="shared" si="953"/>
        <v>0.93559272898648971</v>
      </c>
      <c r="L8579">
        <f t="shared" si="954"/>
        <v>8.988708845397877</v>
      </c>
      <c r="M8579">
        <f t="shared" si="955"/>
        <v>0</v>
      </c>
      <c r="N8579" s="46">
        <f t="shared" si="956"/>
        <v>45648.041666645942</v>
      </c>
    </row>
    <row r="8580" spans="2:14" x14ac:dyDescent="0.3">
      <c r="B8580">
        <f t="shared" si="950"/>
        <v>7</v>
      </c>
      <c r="C8580" s="16">
        <v>8546</v>
      </c>
      <c r="D8580" cm="1">
        <f t="array" ref="D8580">IFERROR(INDEX(Jesper!AH$2:AH$366,ROUNDDOWN($C8580/24,0)+1,1)*INDEX($D$3:$AA$30,INDEX(Jesper!$R$2:$R$366,ROW(INDEX(Jesper!AH$2:AH$366,ROUNDDOWN($C8580/24,0)+1,1))-1)+IF('Standard Profiles'!$G$18=$B$10,7,0)+IF('Standard Profiles'!$G$18=$B$17,14,0)+IF('Standard Profiles'!$G$18=$B$24,21,0),MOD($C8580,24)+1)/SUM(INDEX($D$3:$AA$30,INDEX(Jesper!$R$2:$R$366,ROW(INDEX(Jesper!AH$2:AH$366,ROUNDDOWN($C8580/24,0)+1,1))-1)+IF('Standard Profiles'!$G$18=$B$10,7,0)+IF('Standard Profiles'!$G$18=$B$17,14,0)+IF('Standard Profiles'!$G$18=$B$24,21,0),0)),0)</f>
        <v>8.658132747822652</v>
      </c>
      <c r="E8580" cm="1">
        <f t="array" ref="E8580">IFERROR(INDEX(Jesper!AI$2:AI$366,ROUNDDOWN($C8580/24,0)+1,1)*INDEX($D$3:$AA$30,INDEX(Jesper!$R$2:$R$366,ROW(INDEX(Jesper!AI$2:AI$366,ROUNDDOWN($C8580/24,0)+1,1))-1)+IF('Standard Profiles'!$G$19=$B$10,7,0)+IF('Standard Profiles'!$G$19=$B$17,14,0)+IF('Standard Profiles'!$G$19=$B$24,21,0),MOD($C8580,24)+1)/SUM(INDEX($D$3:$AA$30,INDEX(Jesper!$R$2:$R$366,ROW(INDEX(Jesper!AI$2:AI$366,ROUNDDOWN($C8580/24,0)+1,1))-1)+IF('Standard Profiles'!$G$19=$B$10,7,0)+IF('Standard Profiles'!$G$19=$B$17,14,0)+IF('Standard Profiles'!$G$19=$B$24,21,0),0)),0)</f>
        <v>2.0770158583500065</v>
      </c>
      <c r="F8580" cm="1">
        <f t="array" ref="F8580">IFERROR(INDEX(Jesper!AJ$2:AJ$366,ROUNDDOWN($C8580/24,0)+1,1)*INDEX($D$3:$AA$30,INDEX(Jesper!$R$2:$R$366,ROW(INDEX(Jesper!AJ$2:AJ$366,ROUNDDOWN($C8580/24,0)+1,1))-1)+IF('Standard Profiles'!$G$20=$B$10,7,0)+IF('Standard Profiles'!$G$20=$B$17,14,0)+IF('Standard Profiles'!$G$20=$B$24,21,0),MOD($C8580,24)+1)/SUM(INDEX($D$3:$AA$30,INDEX(Jesper!$R$2:$R$366,ROW(INDEX(Jesper!AJ$2:AJ$366,ROUNDDOWN($C8580/24,0)+1,1))-1)+IF('Standard Profiles'!$G$20=$B$10,7,0)+IF('Standard Profiles'!$G$20=$B$17,14,0)+IF('Standard Profiles'!$G$20=$B$24,21,0),0)),0)</f>
        <v>0</v>
      </c>
      <c r="G8580" cm="1">
        <f t="array" ref="G8580">IFERROR(INDEX(Jesper!AK$2:AK$366,ROUNDDOWN($C8580/24,0)+1,1)*INDEX($D$3:$AA$30,INDEX(Jesper!$R$2:$R$366,ROW(INDEX(Jesper!AK$2:AK$366,ROUNDDOWN($C8580/24,0)+1,1))-1)+IF('Standard Profiles'!$G$21=$B$10,7,0)+IF('Standard Profiles'!$G$21=$B$17,14,0)+IF('Standard Profiles'!$G$21=$B$24,21,0),MOD($C8580,24)+1)/SUM(INDEX($D$3:$AA$30,INDEX(Jesper!$R$2:$R$366,ROW(INDEX(Jesper!AK$2:AK$366,ROUNDDOWN($C8580/24,0)+1,1))-1)+IF('Standard Profiles'!$G$21=$B$10,7,0)+IF('Standard Profiles'!$G$21=$B$17,14,0)+IF('Standard Profiles'!$G$21=$B$24,21,0),0)),0)</f>
        <v>0</v>
      </c>
      <c r="H8580" cm="1">
        <f t="array" ref="H8580">IFERROR(INDEX(Jesper!AL$2:AL$366,ROUNDDOWN($C8580/24,0)+1,1)*INDEX($D$3:$AA$30,INDEX(Jesper!$R$2:$R$366,ROW(INDEX(Jesper!AL$2:AL$366,ROUNDDOWN($C8580/24,0)+1,1))-1)+IF('Standard Profiles'!$G$22=$B$10,7,0)+IF('Standard Profiles'!$G$22=$B$17,14,0)+IF('Standard Profiles'!$G$22=$B$24,21,0),MOD($C8580,24)+1)/SUM(INDEX($D$3:$AA$30,INDEX(Jesper!$R$2:$R$366,ROW(INDEX(Jesper!AL$2:AL$366,ROUNDDOWN($C8580/24,0)+1,1))-1)+IF('Standard Profiles'!$G$22=$B$10,7,0)+IF('Standard Profiles'!$G$22=$B$17,14,0)+IF('Standard Profiles'!$G$22=$B$24,21,0),0)),0)</f>
        <v>0</v>
      </c>
      <c r="I8580">
        <f t="shared" si="951"/>
        <v>0.18711854579729792</v>
      </c>
      <c r="J8580">
        <f t="shared" si="952"/>
        <v>0.62372848599099318</v>
      </c>
      <c r="K8580">
        <f t="shared" si="953"/>
        <v>0.93559272898648971</v>
      </c>
      <c r="L8580">
        <f t="shared" si="954"/>
        <v>8.988708845397877</v>
      </c>
      <c r="M8580">
        <f t="shared" si="955"/>
        <v>0</v>
      </c>
      <c r="N8580" s="46">
        <f t="shared" si="956"/>
        <v>45648.083333312607</v>
      </c>
    </row>
    <row r="8581" spans="2:14" x14ac:dyDescent="0.3">
      <c r="B8581">
        <f t="shared" si="950"/>
        <v>7</v>
      </c>
      <c r="C8581" s="16">
        <v>8547</v>
      </c>
      <c r="D8581" cm="1">
        <f t="array" ref="D8581">IFERROR(INDEX(Jesper!AH$2:AH$366,ROUNDDOWN($C8581/24,0)+1,1)*INDEX($D$3:$AA$30,INDEX(Jesper!$R$2:$R$366,ROW(INDEX(Jesper!AH$2:AH$366,ROUNDDOWN($C8581/24,0)+1,1))-1)+IF('Standard Profiles'!$G$18=$B$10,7,0)+IF('Standard Profiles'!$G$18=$B$17,14,0)+IF('Standard Profiles'!$G$18=$B$24,21,0),MOD($C8581,24)+1)/SUM(INDEX($D$3:$AA$30,INDEX(Jesper!$R$2:$R$366,ROW(INDEX(Jesper!AH$2:AH$366,ROUNDDOWN($C8581/24,0)+1,1))-1)+IF('Standard Profiles'!$G$18=$B$10,7,0)+IF('Standard Profiles'!$G$18=$B$17,14,0)+IF('Standard Profiles'!$G$18=$B$24,21,0),0)),0)</f>
        <v>8.658132747822652</v>
      </c>
      <c r="E8581" cm="1">
        <f t="array" ref="E8581">IFERROR(INDEX(Jesper!AI$2:AI$366,ROUNDDOWN($C8581/24,0)+1,1)*INDEX($D$3:$AA$30,INDEX(Jesper!$R$2:$R$366,ROW(INDEX(Jesper!AI$2:AI$366,ROUNDDOWN($C8581/24,0)+1,1))-1)+IF('Standard Profiles'!$G$19=$B$10,7,0)+IF('Standard Profiles'!$G$19=$B$17,14,0)+IF('Standard Profiles'!$G$19=$B$24,21,0),MOD($C8581,24)+1)/SUM(INDEX($D$3:$AA$30,INDEX(Jesper!$R$2:$R$366,ROW(INDEX(Jesper!AI$2:AI$366,ROUNDDOWN($C8581/24,0)+1,1))-1)+IF('Standard Profiles'!$G$19=$B$10,7,0)+IF('Standard Profiles'!$G$19=$B$17,14,0)+IF('Standard Profiles'!$G$19=$B$24,21,0),0)),0)</f>
        <v>2.0770158583500065</v>
      </c>
      <c r="F8581" cm="1">
        <f t="array" ref="F8581">IFERROR(INDEX(Jesper!AJ$2:AJ$366,ROUNDDOWN($C8581/24,0)+1,1)*INDEX($D$3:$AA$30,INDEX(Jesper!$R$2:$R$366,ROW(INDEX(Jesper!AJ$2:AJ$366,ROUNDDOWN($C8581/24,0)+1,1))-1)+IF('Standard Profiles'!$G$20=$B$10,7,0)+IF('Standard Profiles'!$G$20=$B$17,14,0)+IF('Standard Profiles'!$G$20=$B$24,21,0),MOD($C8581,24)+1)/SUM(INDEX($D$3:$AA$30,INDEX(Jesper!$R$2:$R$366,ROW(INDEX(Jesper!AJ$2:AJ$366,ROUNDDOWN($C8581/24,0)+1,1))-1)+IF('Standard Profiles'!$G$20=$B$10,7,0)+IF('Standard Profiles'!$G$20=$B$17,14,0)+IF('Standard Profiles'!$G$20=$B$24,21,0),0)),0)</f>
        <v>0</v>
      </c>
      <c r="G8581" cm="1">
        <f t="array" ref="G8581">IFERROR(INDEX(Jesper!AK$2:AK$366,ROUNDDOWN($C8581/24,0)+1,1)*INDEX($D$3:$AA$30,INDEX(Jesper!$R$2:$R$366,ROW(INDEX(Jesper!AK$2:AK$366,ROUNDDOWN($C8581/24,0)+1,1))-1)+IF('Standard Profiles'!$G$21=$B$10,7,0)+IF('Standard Profiles'!$G$21=$B$17,14,0)+IF('Standard Profiles'!$G$21=$B$24,21,0),MOD($C8581,24)+1)/SUM(INDEX($D$3:$AA$30,INDEX(Jesper!$R$2:$R$366,ROW(INDEX(Jesper!AK$2:AK$366,ROUNDDOWN($C8581/24,0)+1,1))-1)+IF('Standard Profiles'!$G$21=$B$10,7,0)+IF('Standard Profiles'!$G$21=$B$17,14,0)+IF('Standard Profiles'!$G$21=$B$24,21,0),0)),0)</f>
        <v>0</v>
      </c>
      <c r="H8581" cm="1">
        <f t="array" ref="H8581">IFERROR(INDEX(Jesper!AL$2:AL$366,ROUNDDOWN($C8581/24,0)+1,1)*INDEX($D$3:$AA$30,INDEX(Jesper!$R$2:$R$366,ROW(INDEX(Jesper!AL$2:AL$366,ROUNDDOWN($C8581/24,0)+1,1))-1)+IF('Standard Profiles'!$G$22=$B$10,7,0)+IF('Standard Profiles'!$G$22=$B$17,14,0)+IF('Standard Profiles'!$G$22=$B$24,21,0),MOD($C8581,24)+1)/SUM(INDEX($D$3:$AA$30,INDEX(Jesper!$R$2:$R$366,ROW(INDEX(Jesper!AL$2:AL$366,ROUNDDOWN($C8581/24,0)+1,1))-1)+IF('Standard Profiles'!$G$22=$B$10,7,0)+IF('Standard Profiles'!$G$22=$B$17,14,0)+IF('Standard Profiles'!$G$22=$B$24,21,0),0)),0)</f>
        <v>0</v>
      </c>
      <c r="I8581">
        <f t="shared" si="951"/>
        <v>0.18711854579729792</v>
      </c>
      <c r="J8581">
        <f t="shared" si="952"/>
        <v>0.62372848599099318</v>
      </c>
      <c r="K8581">
        <f t="shared" si="953"/>
        <v>0.93559272898648971</v>
      </c>
      <c r="L8581">
        <f t="shared" si="954"/>
        <v>8.988708845397877</v>
      </c>
      <c r="M8581">
        <f t="shared" si="955"/>
        <v>0</v>
      </c>
      <c r="N8581" s="46">
        <f t="shared" si="956"/>
        <v>45648.124999979271</v>
      </c>
    </row>
    <row r="8582" spans="2:14" x14ac:dyDescent="0.3">
      <c r="B8582">
        <f t="shared" si="950"/>
        <v>7</v>
      </c>
      <c r="C8582" s="16">
        <v>8548</v>
      </c>
      <c r="D8582" cm="1">
        <f t="array" ref="D8582">IFERROR(INDEX(Jesper!AH$2:AH$366,ROUNDDOWN($C8582/24,0)+1,1)*INDEX($D$3:$AA$30,INDEX(Jesper!$R$2:$R$366,ROW(INDEX(Jesper!AH$2:AH$366,ROUNDDOWN($C8582/24,0)+1,1))-1)+IF('Standard Profiles'!$G$18=$B$10,7,0)+IF('Standard Profiles'!$G$18=$B$17,14,0)+IF('Standard Profiles'!$G$18=$B$24,21,0),MOD($C8582,24)+1)/SUM(INDEX($D$3:$AA$30,INDEX(Jesper!$R$2:$R$366,ROW(INDEX(Jesper!AH$2:AH$366,ROUNDDOWN($C8582/24,0)+1,1))-1)+IF('Standard Profiles'!$G$18=$B$10,7,0)+IF('Standard Profiles'!$G$18=$B$17,14,0)+IF('Standard Profiles'!$G$18=$B$24,21,0),0)),0)</f>
        <v>8.658132747822652</v>
      </c>
      <c r="E8582" cm="1">
        <f t="array" ref="E8582">IFERROR(INDEX(Jesper!AI$2:AI$366,ROUNDDOWN($C8582/24,0)+1,1)*INDEX($D$3:$AA$30,INDEX(Jesper!$R$2:$R$366,ROW(INDEX(Jesper!AI$2:AI$366,ROUNDDOWN($C8582/24,0)+1,1))-1)+IF('Standard Profiles'!$G$19=$B$10,7,0)+IF('Standard Profiles'!$G$19=$B$17,14,0)+IF('Standard Profiles'!$G$19=$B$24,21,0),MOD($C8582,24)+1)/SUM(INDEX($D$3:$AA$30,INDEX(Jesper!$R$2:$R$366,ROW(INDEX(Jesper!AI$2:AI$366,ROUNDDOWN($C8582/24,0)+1,1))-1)+IF('Standard Profiles'!$G$19=$B$10,7,0)+IF('Standard Profiles'!$G$19=$B$17,14,0)+IF('Standard Profiles'!$G$19=$B$24,21,0),0)),0)</f>
        <v>2.0770158583500065</v>
      </c>
      <c r="F8582" cm="1">
        <f t="array" ref="F8582">IFERROR(INDEX(Jesper!AJ$2:AJ$366,ROUNDDOWN($C8582/24,0)+1,1)*INDEX($D$3:$AA$30,INDEX(Jesper!$R$2:$R$366,ROW(INDEX(Jesper!AJ$2:AJ$366,ROUNDDOWN($C8582/24,0)+1,1))-1)+IF('Standard Profiles'!$G$20=$B$10,7,0)+IF('Standard Profiles'!$G$20=$B$17,14,0)+IF('Standard Profiles'!$G$20=$B$24,21,0),MOD($C8582,24)+1)/SUM(INDEX($D$3:$AA$30,INDEX(Jesper!$R$2:$R$366,ROW(INDEX(Jesper!AJ$2:AJ$366,ROUNDDOWN($C8582/24,0)+1,1))-1)+IF('Standard Profiles'!$G$20=$B$10,7,0)+IF('Standard Profiles'!$G$20=$B$17,14,0)+IF('Standard Profiles'!$G$20=$B$24,21,0),0)),0)</f>
        <v>0</v>
      </c>
      <c r="G8582" cm="1">
        <f t="array" ref="G8582">IFERROR(INDEX(Jesper!AK$2:AK$366,ROUNDDOWN($C8582/24,0)+1,1)*INDEX($D$3:$AA$30,INDEX(Jesper!$R$2:$R$366,ROW(INDEX(Jesper!AK$2:AK$366,ROUNDDOWN($C8582/24,0)+1,1))-1)+IF('Standard Profiles'!$G$21=$B$10,7,0)+IF('Standard Profiles'!$G$21=$B$17,14,0)+IF('Standard Profiles'!$G$21=$B$24,21,0),MOD($C8582,24)+1)/SUM(INDEX($D$3:$AA$30,INDEX(Jesper!$R$2:$R$366,ROW(INDEX(Jesper!AK$2:AK$366,ROUNDDOWN($C8582/24,0)+1,1))-1)+IF('Standard Profiles'!$G$21=$B$10,7,0)+IF('Standard Profiles'!$G$21=$B$17,14,0)+IF('Standard Profiles'!$G$21=$B$24,21,0),0)),0)</f>
        <v>0</v>
      </c>
      <c r="H8582" cm="1">
        <f t="array" ref="H8582">IFERROR(INDEX(Jesper!AL$2:AL$366,ROUNDDOWN($C8582/24,0)+1,1)*INDEX($D$3:$AA$30,INDEX(Jesper!$R$2:$R$366,ROW(INDEX(Jesper!AL$2:AL$366,ROUNDDOWN($C8582/24,0)+1,1))-1)+IF('Standard Profiles'!$G$22=$B$10,7,0)+IF('Standard Profiles'!$G$22=$B$17,14,0)+IF('Standard Profiles'!$G$22=$B$24,21,0),MOD($C8582,24)+1)/SUM(INDEX($D$3:$AA$30,INDEX(Jesper!$R$2:$R$366,ROW(INDEX(Jesper!AL$2:AL$366,ROUNDDOWN($C8582/24,0)+1,1))-1)+IF('Standard Profiles'!$G$22=$B$10,7,0)+IF('Standard Profiles'!$G$22=$B$17,14,0)+IF('Standard Profiles'!$G$22=$B$24,21,0),0)),0)</f>
        <v>0</v>
      </c>
      <c r="I8582">
        <f t="shared" si="951"/>
        <v>0.18711854579729792</v>
      </c>
      <c r="J8582">
        <f t="shared" si="952"/>
        <v>0.62372848599099318</v>
      </c>
      <c r="K8582">
        <f t="shared" si="953"/>
        <v>0.93559272898648971</v>
      </c>
      <c r="L8582">
        <f t="shared" si="954"/>
        <v>8.988708845397877</v>
      </c>
      <c r="M8582">
        <f t="shared" si="955"/>
        <v>0</v>
      </c>
      <c r="N8582" s="46">
        <f t="shared" si="956"/>
        <v>45648.166666645935</v>
      </c>
    </row>
    <row r="8583" spans="2:14" x14ac:dyDescent="0.3">
      <c r="B8583">
        <f t="shared" si="950"/>
        <v>7</v>
      </c>
      <c r="C8583" s="16">
        <v>8549</v>
      </c>
      <c r="D8583" cm="1">
        <f t="array" ref="D8583">IFERROR(INDEX(Jesper!AH$2:AH$366,ROUNDDOWN($C8583/24,0)+1,1)*INDEX($D$3:$AA$30,INDEX(Jesper!$R$2:$R$366,ROW(INDEX(Jesper!AH$2:AH$366,ROUNDDOWN($C8583/24,0)+1,1))-1)+IF('Standard Profiles'!$G$18=$B$10,7,0)+IF('Standard Profiles'!$G$18=$B$17,14,0)+IF('Standard Profiles'!$G$18=$B$24,21,0),MOD($C8583,24)+1)/SUM(INDEX($D$3:$AA$30,INDEX(Jesper!$R$2:$R$366,ROW(INDEX(Jesper!AH$2:AH$366,ROUNDDOWN($C8583/24,0)+1,1))-1)+IF('Standard Profiles'!$G$18=$B$10,7,0)+IF('Standard Profiles'!$G$18=$B$17,14,0)+IF('Standard Profiles'!$G$18=$B$24,21,0),0)),0)</f>
        <v>10.822665934778314</v>
      </c>
      <c r="E8583" cm="1">
        <f t="array" ref="E8583">IFERROR(INDEX(Jesper!AI$2:AI$366,ROUNDDOWN($C8583/24,0)+1,1)*INDEX($D$3:$AA$30,INDEX(Jesper!$R$2:$R$366,ROW(INDEX(Jesper!AI$2:AI$366,ROUNDDOWN($C8583/24,0)+1,1))-1)+IF('Standard Profiles'!$G$19=$B$10,7,0)+IF('Standard Profiles'!$G$19=$B$17,14,0)+IF('Standard Profiles'!$G$19=$B$24,21,0),MOD($C8583,24)+1)/SUM(INDEX($D$3:$AA$30,INDEX(Jesper!$R$2:$R$366,ROW(INDEX(Jesper!AI$2:AI$366,ROUNDDOWN($C8583/24,0)+1,1))-1)+IF('Standard Profiles'!$G$19=$B$10,7,0)+IF('Standard Profiles'!$G$19=$B$17,14,0)+IF('Standard Profiles'!$G$19=$B$24,21,0),0)),0)</f>
        <v>2.5962698229375079</v>
      </c>
      <c r="F8583" cm="1">
        <f t="array" ref="F8583">IFERROR(INDEX(Jesper!AJ$2:AJ$366,ROUNDDOWN($C8583/24,0)+1,1)*INDEX($D$3:$AA$30,INDEX(Jesper!$R$2:$R$366,ROW(INDEX(Jesper!AJ$2:AJ$366,ROUNDDOWN($C8583/24,0)+1,1))-1)+IF('Standard Profiles'!$G$20=$B$10,7,0)+IF('Standard Profiles'!$G$20=$B$17,14,0)+IF('Standard Profiles'!$G$20=$B$24,21,0),MOD($C8583,24)+1)/SUM(INDEX($D$3:$AA$30,INDEX(Jesper!$R$2:$R$366,ROW(INDEX(Jesper!AJ$2:AJ$366,ROUNDDOWN($C8583/24,0)+1,1))-1)+IF('Standard Profiles'!$G$20=$B$10,7,0)+IF('Standard Profiles'!$G$20=$B$17,14,0)+IF('Standard Profiles'!$G$20=$B$24,21,0),0)),0)</f>
        <v>0</v>
      </c>
      <c r="G8583" cm="1">
        <f t="array" ref="G8583">IFERROR(INDEX(Jesper!AK$2:AK$366,ROUNDDOWN($C8583/24,0)+1,1)*INDEX($D$3:$AA$30,INDEX(Jesper!$R$2:$R$366,ROW(INDEX(Jesper!AK$2:AK$366,ROUNDDOWN($C8583/24,0)+1,1))-1)+IF('Standard Profiles'!$G$21=$B$10,7,0)+IF('Standard Profiles'!$G$21=$B$17,14,0)+IF('Standard Profiles'!$G$21=$B$24,21,0),MOD($C8583,24)+1)/SUM(INDEX($D$3:$AA$30,INDEX(Jesper!$R$2:$R$366,ROW(INDEX(Jesper!AK$2:AK$366,ROUNDDOWN($C8583/24,0)+1,1))-1)+IF('Standard Profiles'!$G$21=$B$10,7,0)+IF('Standard Profiles'!$G$21=$B$17,14,0)+IF('Standard Profiles'!$G$21=$B$24,21,0),0)),0)</f>
        <v>0</v>
      </c>
      <c r="H8583" cm="1">
        <f t="array" ref="H8583">IFERROR(INDEX(Jesper!AL$2:AL$366,ROUNDDOWN($C8583/24,0)+1,1)*INDEX($D$3:$AA$30,INDEX(Jesper!$R$2:$R$366,ROW(INDEX(Jesper!AL$2:AL$366,ROUNDDOWN($C8583/24,0)+1,1))-1)+IF('Standard Profiles'!$G$22=$B$10,7,0)+IF('Standard Profiles'!$G$22=$B$17,14,0)+IF('Standard Profiles'!$G$22=$B$24,21,0),MOD($C8583,24)+1)/SUM(INDEX($D$3:$AA$30,INDEX(Jesper!$R$2:$R$366,ROW(INDEX(Jesper!AL$2:AL$366,ROUNDDOWN($C8583/24,0)+1,1))-1)+IF('Standard Profiles'!$G$22=$B$10,7,0)+IF('Standard Profiles'!$G$22=$B$17,14,0)+IF('Standard Profiles'!$G$22=$B$24,21,0),0)),0)</f>
        <v>0</v>
      </c>
      <c r="I8583">
        <f t="shared" si="951"/>
        <v>0.2338981822466224</v>
      </c>
      <c r="J8583">
        <f t="shared" si="952"/>
        <v>0.77966060748874144</v>
      </c>
      <c r="K8583">
        <f t="shared" si="953"/>
        <v>1.169490911233112</v>
      </c>
      <c r="L8583">
        <f t="shared" si="954"/>
        <v>11.235886056747347</v>
      </c>
      <c r="M8583">
        <f t="shared" si="955"/>
        <v>0</v>
      </c>
      <c r="N8583" s="46">
        <f t="shared" si="956"/>
        <v>45648.208333312599</v>
      </c>
    </row>
    <row r="8584" spans="2:14" x14ac:dyDescent="0.3">
      <c r="B8584">
        <f t="shared" si="950"/>
        <v>7</v>
      </c>
      <c r="C8584" s="16">
        <v>8550</v>
      </c>
      <c r="D8584" cm="1">
        <f t="array" ref="D8584">IFERROR(INDEX(Jesper!AH$2:AH$366,ROUNDDOWN($C8584/24,0)+1,1)*INDEX($D$3:$AA$30,INDEX(Jesper!$R$2:$R$366,ROW(INDEX(Jesper!AH$2:AH$366,ROUNDDOWN($C8584/24,0)+1,1))-1)+IF('Standard Profiles'!$G$18=$B$10,7,0)+IF('Standard Profiles'!$G$18=$B$17,14,0)+IF('Standard Profiles'!$G$18=$B$24,21,0),MOD($C8584,24)+1)/SUM(INDEX($D$3:$AA$30,INDEX(Jesper!$R$2:$R$366,ROW(INDEX(Jesper!AH$2:AH$366,ROUNDDOWN($C8584/24,0)+1,1))-1)+IF('Standard Profiles'!$G$18=$B$10,7,0)+IF('Standard Profiles'!$G$18=$B$17,14,0)+IF('Standard Profiles'!$G$18=$B$24,21,0),0)),0)</f>
        <v>12.746695434294459</v>
      </c>
      <c r="E8584" cm="1">
        <f t="array" ref="E8584">IFERROR(INDEX(Jesper!AI$2:AI$366,ROUNDDOWN($C8584/24,0)+1,1)*INDEX($D$3:$AA$30,INDEX(Jesper!$R$2:$R$366,ROW(INDEX(Jesper!AI$2:AI$366,ROUNDDOWN($C8584/24,0)+1,1))-1)+IF('Standard Profiles'!$G$19=$B$10,7,0)+IF('Standard Profiles'!$G$19=$B$17,14,0)+IF('Standard Profiles'!$G$19=$B$24,21,0),MOD($C8584,24)+1)/SUM(INDEX($D$3:$AA$30,INDEX(Jesper!$R$2:$R$366,ROW(INDEX(Jesper!AI$2:AI$366,ROUNDDOWN($C8584/24,0)+1,1))-1)+IF('Standard Profiles'!$G$19=$B$10,7,0)+IF('Standard Profiles'!$G$19=$B$17,14,0)+IF('Standard Profiles'!$G$19=$B$24,21,0),0)),0)</f>
        <v>3.0578289025708427</v>
      </c>
      <c r="F8584" cm="1">
        <f t="array" ref="F8584">IFERROR(INDEX(Jesper!AJ$2:AJ$366,ROUNDDOWN($C8584/24,0)+1,1)*INDEX($D$3:$AA$30,INDEX(Jesper!$R$2:$R$366,ROW(INDEX(Jesper!AJ$2:AJ$366,ROUNDDOWN($C8584/24,0)+1,1))-1)+IF('Standard Profiles'!$G$20=$B$10,7,0)+IF('Standard Profiles'!$G$20=$B$17,14,0)+IF('Standard Profiles'!$G$20=$B$24,21,0),MOD($C8584,24)+1)/SUM(INDEX($D$3:$AA$30,INDEX(Jesper!$R$2:$R$366,ROW(INDEX(Jesper!AJ$2:AJ$366,ROUNDDOWN($C8584/24,0)+1,1))-1)+IF('Standard Profiles'!$G$20=$B$10,7,0)+IF('Standard Profiles'!$G$20=$B$17,14,0)+IF('Standard Profiles'!$G$20=$B$24,21,0),0)),0)</f>
        <v>0</v>
      </c>
      <c r="G8584" cm="1">
        <f t="array" ref="G8584">IFERROR(INDEX(Jesper!AK$2:AK$366,ROUNDDOWN($C8584/24,0)+1,1)*INDEX($D$3:$AA$30,INDEX(Jesper!$R$2:$R$366,ROW(INDEX(Jesper!AK$2:AK$366,ROUNDDOWN($C8584/24,0)+1,1))-1)+IF('Standard Profiles'!$G$21=$B$10,7,0)+IF('Standard Profiles'!$G$21=$B$17,14,0)+IF('Standard Profiles'!$G$21=$B$24,21,0),MOD($C8584,24)+1)/SUM(INDEX($D$3:$AA$30,INDEX(Jesper!$R$2:$R$366,ROW(INDEX(Jesper!AK$2:AK$366,ROUNDDOWN($C8584/24,0)+1,1))-1)+IF('Standard Profiles'!$G$21=$B$10,7,0)+IF('Standard Profiles'!$G$21=$B$17,14,0)+IF('Standard Profiles'!$G$21=$B$24,21,0),0)),0)</f>
        <v>0</v>
      </c>
      <c r="H8584" cm="1">
        <f t="array" ref="H8584">IFERROR(INDEX(Jesper!AL$2:AL$366,ROUNDDOWN($C8584/24,0)+1,1)*INDEX($D$3:$AA$30,INDEX(Jesper!$R$2:$R$366,ROW(INDEX(Jesper!AL$2:AL$366,ROUNDDOWN($C8584/24,0)+1,1))-1)+IF('Standard Profiles'!$G$22=$B$10,7,0)+IF('Standard Profiles'!$G$22=$B$17,14,0)+IF('Standard Profiles'!$G$22=$B$24,21,0),MOD($C8584,24)+1)/SUM(INDEX($D$3:$AA$30,INDEX(Jesper!$R$2:$R$366,ROW(INDEX(Jesper!AL$2:AL$366,ROUNDDOWN($C8584/24,0)+1,1))-1)+IF('Standard Profiles'!$G$22=$B$10,7,0)+IF('Standard Profiles'!$G$22=$B$17,14,0)+IF('Standard Profiles'!$G$22=$B$24,21,0),0)),0)</f>
        <v>0</v>
      </c>
      <c r="I8584">
        <f t="shared" si="951"/>
        <v>0.27548008131268859</v>
      </c>
      <c r="J8584">
        <f t="shared" si="952"/>
        <v>0.91826693770896217</v>
      </c>
      <c r="K8584">
        <f t="shared" si="953"/>
        <v>1.3774004065634431</v>
      </c>
      <c r="L8584">
        <f t="shared" si="954"/>
        <v>13.233376911280208</v>
      </c>
      <c r="M8584">
        <f t="shared" si="955"/>
        <v>0</v>
      </c>
      <c r="N8584" s="46">
        <f t="shared" si="956"/>
        <v>45648.249999979264</v>
      </c>
    </row>
    <row r="8585" spans="2:14" x14ac:dyDescent="0.3">
      <c r="B8585">
        <f t="shared" si="950"/>
        <v>7</v>
      </c>
      <c r="C8585" s="16">
        <v>8551</v>
      </c>
      <c r="D8585" cm="1">
        <f t="array" ref="D8585">IFERROR(INDEX(Jesper!AH$2:AH$366,ROUNDDOWN($C8585/24,0)+1,1)*INDEX($D$3:$AA$30,INDEX(Jesper!$R$2:$R$366,ROW(INDEX(Jesper!AH$2:AH$366,ROUNDDOWN($C8585/24,0)+1,1))-1)+IF('Standard Profiles'!$G$18=$B$10,7,0)+IF('Standard Profiles'!$G$18=$B$17,14,0)+IF('Standard Profiles'!$G$18=$B$24,21,0),MOD($C8585,24)+1)/SUM(INDEX($D$3:$AA$30,INDEX(Jesper!$R$2:$R$366,ROW(INDEX(Jesper!AH$2:AH$366,ROUNDDOWN($C8585/24,0)+1,1))-1)+IF('Standard Profiles'!$G$18=$B$10,7,0)+IF('Standard Profiles'!$G$18=$B$17,14,0)+IF('Standard Profiles'!$G$18=$B$24,21,0),0)),0)</f>
        <v>15.151732308689642</v>
      </c>
      <c r="E8585" cm="1">
        <f t="array" ref="E8585">IFERROR(INDEX(Jesper!AI$2:AI$366,ROUNDDOWN($C8585/24,0)+1,1)*INDEX($D$3:$AA$30,INDEX(Jesper!$R$2:$R$366,ROW(INDEX(Jesper!AI$2:AI$366,ROUNDDOWN($C8585/24,0)+1,1))-1)+IF('Standard Profiles'!$G$19=$B$10,7,0)+IF('Standard Profiles'!$G$19=$B$17,14,0)+IF('Standard Profiles'!$G$19=$B$24,21,0),MOD($C8585,24)+1)/SUM(INDEX($D$3:$AA$30,INDEX(Jesper!$R$2:$R$366,ROW(INDEX(Jesper!AI$2:AI$366,ROUNDDOWN($C8585/24,0)+1,1))-1)+IF('Standard Profiles'!$G$19=$B$10,7,0)+IF('Standard Profiles'!$G$19=$B$17,14,0)+IF('Standard Profiles'!$G$19=$B$24,21,0),0)),0)</f>
        <v>3.6347777521125115</v>
      </c>
      <c r="F8585" cm="1">
        <f t="array" ref="F8585">IFERROR(INDEX(Jesper!AJ$2:AJ$366,ROUNDDOWN($C8585/24,0)+1,1)*INDEX($D$3:$AA$30,INDEX(Jesper!$R$2:$R$366,ROW(INDEX(Jesper!AJ$2:AJ$366,ROUNDDOWN($C8585/24,0)+1,1))-1)+IF('Standard Profiles'!$G$20=$B$10,7,0)+IF('Standard Profiles'!$G$20=$B$17,14,0)+IF('Standard Profiles'!$G$20=$B$24,21,0),MOD($C8585,24)+1)/SUM(INDEX($D$3:$AA$30,INDEX(Jesper!$R$2:$R$366,ROW(INDEX(Jesper!AJ$2:AJ$366,ROUNDDOWN($C8585/24,0)+1,1))-1)+IF('Standard Profiles'!$G$20=$B$10,7,0)+IF('Standard Profiles'!$G$20=$B$17,14,0)+IF('Standard Profiles'!$G$20=$B$24,21,0),0)),0)</f>
        <v>0</v>
      </c>
      <c r="G8585" cm="1">
        <f t="array" ref="G8585">IFERROR(INDEX(Jesper!AK$2:AK$366,ROUNDDOWN($C8585/24,0)+1,1)*INDEX($D$3:$AA$30,INDEX(Jesper!$R$2:$R$366,ROW(INDEX(Jesper!AK$2:AK$366,ROUNDDOWN($C8585/24,0)+1,1))-1)+IF('Standard Profiles'!$G$21=$B$10,7,0)+IF('Standard Profiles'!$G$21=$B$17,14,0)+IF('Standard Profiles'!$G$21=$B$24,21,0),MOD($C8585,24)+1)/SUM(INDEX($D$3:$AA$30,INDEX(Jesper!$R$2:$R$366,ROW(INDEX(Jesper!AK$2:AK$366,ROUNDDOWN($C8585/24,0)+1,1))-1)+IF('Standard Profiles'!$G$21=$B$10,7,0)+IF('Standard Profiles'!$G$21=$B$17,14,0)+IF('Standard Profiles'!$G$21=$B$24,21,0),0)),0)</f>
        <v>0</v>
      </c>
      <c r="H8585" cm="1">
        <f t="array" ref="H8585">IFERROR(INDEX(Jesper!AL$2:AL$366,ROUNDDOWN($C8585/24,0)+1,1)*INDEX($D$3:$AA$30,INDEX(Jesper!$R$2:$R$366,ROW(INDEX(Jesper!AL$2:AL$366,ROUNDDOWN($C8585/24,0)+1,1))-1)+IF('Standard Profiles'!$G$22=$B$10,7,0)+IF('Standard Profiles'!$G$22=$B$17,14,0)+IF('Standard Profiles'!$G$22=$B$24,21,0),MOD($C8585,24)+1)/SUM(INDEX($D$3:$AA$30,INDEX(Jesper!$R$2:$R$366,ROW(INDEX(Jesper!AL$2:AL$366,ROUNDDOWN($C8585/24,0)+1,1))-1)+IF('Standard Profiles'!$G$22=$B$10,7,0)+IF('Standard Profiles'!$G$22=$B$17,14,0)+IF('Standard Profiles'!$G$22=$B$24,21,0),0)),0)</f>
        <v>0</v>
      </c>
      <c r="I8585">
        <f t="shared" si="951"/>
        <v>0.32745745514527141</v>
      </c>
      <c r="J8585">
        <f t="shared" si="952"/>
        <v>1.0915248504842381</v>
      </c>
      <c r="K8585">
        <f t="shared" si="953"/>
        <v>1.6372872757263572</v>
      </c>
      <c r="L8585">
        <f t="shared" si="954"/>
        <v>15.730240479446287</v>
      </c>
      <c r="M8585">
        <f t="shared" si="955"/>
        <v>0</v>
      </c>
      <c r="N8585" s="46">
        <f t="shared" si="956"/>
        <v>45648.291666645928</v>
      </c>
    </row>
    <row r="8586" spans="2:14" x14ac:dyDescent="0.3">
      <c r="B8586">
        <f t="shared" si="950"/>
        <v>7</v>
      </c>
      <c r="C8586" s="16">
        <v>8552</v>
      </c>
      <c r="D8586" cm="1">
        <f t="array" ref="D8586">IFERROR(INDEX(Jesper!AH$2:AH$366,ROUNDDOWN($C8586/24,0)+1,1)*INDEX($D$3:$AA$30,INDEX(Jesper!$R$2:$R$366,ROW(INDEX(Jesper!AH$2:AH$366,ROUNDDOWN($C8586/24,0)+1,1))-1)+IF('Standard Profiles'!$G$18=$B$10,7,0)+IF('Standard Profiles'!$G$18=$B$17,14,0)+IF('Standard Profiles'!$G$18=$B$24,21,0),MOD($C8586,24)+1)/SUM(INDEX($D$3:$AA$30,INDEX(Jesper!$R$2:$R$366,ROW(INDEX(Jesper!AH$2:AH$366,ROUNDDOWN($C8586/24,0)+1,1))-1)+IF('Standard Profiles'!$G$18=$B$10,7,0)+IF('Standard Profiles'!$G$18=$B$17,14,0)+IF('Standard Profiles'!$G$18=$B$24,21,0),0)),0)</f>
        <v>15.151732308689642</v>
      </c>
      <c r="E8586" cm="1">
        <f t="array" ref="E8586">IFERROR(INDEX(Jesper!AI$2:AI$366,ROUNDDOWN($C8586/24,0)+1,1)*INDEX($D$3:$AA$30,INDEX(Jesper!$R$2:$R$366,ROW(INDEX(Jesper!AI$2:AI$366,ROUNDDOWN($C8586/24,0)+1,1))-1)+IF('Standard Profiles'!$G$19=$B$10,7,0)+IF('Standard Profiles'!$G$19=$B$17,14,0)+IF('Standard Profiles'!$G$19=$B$24,21,0),MOD($C8586,24)+1)/SUM(INDEX($D$3:$AA$30,INDEX(Jesper!$R$2:$R$366,ROW(INDEX(Jesper!AI$2:AI$366,ROUNDDOWN($C8586/24,0)+1,1))-1)+IF('Standard Profiles'!$G$19=$B$10,7,0)+IF('Standard Profiles'!$G$19=$B$17,14,0)+IF('Standard Profiles'!$G$19=$B$24,21,0),0)),0)</f>
        <v>3.6347777521125115</v>
      </c>
      <c r="F8586" cm="1">
        <f t="array" ref="F8586">IFERROR(INDEX(Jesper!AJ$2:AJ$366,ROUNDDOWN($C8586/24,0)+1,1)*INDEX($D$3:$AA$30,INDEX(Jesper!$R$2:$R$366,ROW(INDEX(Jesper!AJ$2:AJ$366,ROUNDDOWN($C8586/24,0)+1,1))-1)+IF('Standard Profiles'!$G$20=$B$10,7,0)+IF('Standard Profiles'!$G$20=$B$17,14,0)+IF('Standard Profiles'!$G$20=$B$24,21,0),MOD($C8586,24)+1)/SUM(INDEX($D$3:$AA$30,INDEX(Jesper!$R$2:$R$366,ROW(INDEX(Jesper!AJ$2:AJ$366,ROUNDDOWN($C8586/24,0)+1,1))-1)+IF('Standard Profiles'!$G$20=$B$10,7,0)+IF('Standard Profiles'!$G$20=$B$17,14,0)+IF('Standard Profiles'!$G$20=$B$24,21,0),0)),0)</f>
        <v>0</v>
      </c>
      <c r="G8586" cm="1">
        <f t="array" ref="G8586">IFERROR(INDEX(Jesper!AK$2:AK$366,ROUNDDOWN($C8586/24,0)+1,1)*INDEX($D$3:$AA$30,INDEX(Jesper!$R$2:$R$366,ROW(INDEX(Jesper!AK$2:AK$366,ROUNDDOWN($C8586/24,0)+1,1))-1)+IF('Standard Profiles'!$G$21=$B$10,7,0)+IF('Standard Profiles'!$G$21=$B$17,14,0)+IF('Standard Profiles'!$G$21=$B$24,21,0),MOD($C8586,24)+1)/SUM(INDEX($D$3:$AA$30,INDEX(Jesper!$R$2:$R$366,ROW(INDEX(Jesper!AK$2:AK$366,ROUNDDOWN($C8586/24,0)+1,1))-1)+IF('Standard Profiles'!$G$21=$B$10,7,0)+IF('Standard Profiles'!$G$21=$B$17,14,0)+IF('Standard Profiles'!$G$21=$B$24,21,0),0)),0)</f>
        <v>0</v>
      </c>
      <c r="H8586" cm="1">
        <f t="array" ref="H8586">IFERROR(INDEX(Jesper!AL$2:AL$366,ROUNDDOWN($C8586/24,0)+1,1)*INDEX($D$3:$AA$30,INDEX(Jesper!$R$2:$R$366,ROW(INDEX(Jesper!AL$2:AL$366,ROUNDDOWN($C8586/24,0)+1,1))-1)+IF('Standard Profiles'!$G$22=$B$10,7,0)+IF('Standard Profiles'!$G$22=$B$17,14,0)+IF('Standard Profiles'!$G$22=$B$24,21,0),MOD($C8586,24)+1)/SUM(INDEX($D$3:$AA$30,INDEX(Jesper!$R$2:$R$366,ROW(INDEX(Jesper!AL$2:AL$366,ROUNDDOWN($C8586/24,0)+1,1))-1)+IF('Standard Profiles'!$G$22=$B$10,7,0)+IF('Standard Profiles'!$G$22=$B$17,14,0)+IF('Standard Profiles'!$G$22=$B$24,21,0),0)),0)</f>
        <v>0</v>
      </c>
      <c r="I8586">
        <f t="shared" si="951"/>
        <v>0.32745745514527141</v>
      </c>
      <c r="J8586">
        <f t="shared" si="952"/>
        <v>1.0915248504842381</v>
      </c>
      <c r="K8586">
        <f t="shared" si="953"/>
        <v>1.6372872757263572</v>
      </c>
      <c r="L8586">
        <f t="shared" si="954"/>
        <v>15.730240479446287</v>
      </c>
      <c r="M8586">
        <f t="shared" si="955"/>
        <v>0</v>
      </c>
      <c r="N8586" s="46">
        <f t="shared" si="956"/>
        <v>45648.333333312592</v>
      </c>
    </row>
    <row r="8587" spans="2:14" x14ac:dyDescent="0.3">
      <c r="B8587">
        <f t="shared" si="950"/>
        <v>7</v>
      </c>
      <c r="C8587" s="16">
        <v>8553</v>
      </c>
      <c r="D8587" cm="1">
        <f t="array" ref="D8587">IFERROR(INDEX(Jesper!AH$2:AH$366,ROUNDDOWN($C8587/24,0)+1,1)*INDEX($D$3:$AA$30,INDEX(Jesper!$R$2:$R$366,ROW(INDEX(Jesper!AH$2:AH$366,ROUNDDOWN($C8587/24,0)+1,1))-1)+IF('Standard Profiles'!$G$18=$B$10,7,0)+IF('Standard Profiles'!$G$18=$B$17,14,0)+IF('Standard Profiles'!$G$18=$B$24,21,0),MOD($C8587,24)+1)/SUM(INDEX($D$3:$AA$30,INDEX(Jesper!$R$2:$R$366,ROW(INDEX(Jesper!AH$2:AH$366,ROUNDDOWN($C8587/24,0)+1,1))-1)+IF('Standard Profiles'!$G$18=$B$10,7,0)+IF('Standard Profiles'!$G$18=$B$17,14,0)+IF('Standard Profiles'!$G$18=$B$24,21,0),0)),0)</f>
        <v>15.151732308689642</v>
      </c>
      <c r="E8587" cm="1">
        <f t="array" ref="E8587">IFERROR(INDEX(Jesper!AI$2:AI$366,ROUNDDOWN($C8587/24,0)+1,1)*INDEX($D$3:$AA$30,INDEX(Jesper!$R$2:$R$366,ROW(INDEX(Jesper!AI$2:AI$366,ROUNDDOWN($C8587/24,0)+1,1))-1)+IF('Standard Profiles'!$G$19=$B$10,7,0)+IF('Standard Profiles'!$G$19=$B$17,14,0)+IF('Standard Profiles'!$G$19=$B$24,21,0),MOD($C8587,24)+1)/SUM(INDEX($D$3:$AA$30,INDEX(Jesper!$R$2:$R$366,ROW(INDEX(Jesper!AI$2:AI$366,ROUNDDOWN($C8587/24,0)+1,1))-1)+IF('Standard Profiles'!$G$19=$B$10,7,0)+IF('Standard Profiles'!$G$19=$B$17,14,0)+IF('Standard Profiles'!$G$19=$B$24,21,0),0)),0)</f>
        <v>3.6347777521125115</v>
      </c>
      <c r="F8587" cm="1">
        <f t="array" ref="F8587">IFERROR(INDEX(Jesper!AJ$2:AJ$366,ROUNDDOWN($C8587/24,0)+1,1)*INDEX($D$3:$AA$30,INDEX(Jesper!$R$2:$R$366,ROW(INDEX(Jesper!AJ$2:AJ$366,ROUNDDOWN($C8587/24,0)+1,1))-1)+IF('Standard Profiles'!$G$20=$B$10,7,0)+IF('Standard Profiles'!$G$20=$B$17,14,0)+IF('Standard Profiles'!$G$20=$B$24,21,0),MOD($C8587,24)+1)/SUM(INDEX($D$3:$AA$30,INDEX(Jesper!$R$2:$R$366,ROW(INDEX(Jesper!AJ$2:AJ$366,ROUNDDOWN($C8587/24,0)+1,1))-1)+IF('Standard Profiles'!$G$20=$B$10,7,0)+IF('Standard Profiles'!$G$20=$B$17,14,0)+IF('Standard Profiles'!$G$20=$B$24,21,0),0)),0)</f>
        <v>0</v>
      </c>
      <c r="G8587" cm="1">
        <f t="array" ref="G8587">IFERROR(INDEX(Jesper!AK$2:AK$366,ROUNDDOWN($C8587/24,0)+1,1)*INDEX($D$3:$AA$30,INDEX(Jesper!$R$2:$R$366,ROW(INDEX(Jesper!AK$2:AK$366,ROUNDDOWN($C8587/24,0)+1,1))-1)+IF('Standard Profiles'!$G$21=$B$10,7,0)+IF('Standard Profiles'!$G$21=$B$17,14,0)+IF('Standard Profiles'!$G$21=$B$24,21,0),MOD($C8587,24)+1)/SUM(INDEX($D$3:$AA$30,INDEX(Jesper!$R$2:$R$366,ROW(INDEX(Jesper!AK$2:AK$366,ROUNDDOWN($C8587/24,0)+1,1))-1)+IF('Standard Profiles'!$G$21=$B$10,7,0)+IF('Standard Profiles'!$G$21=$B$17,14,0)+IF('Standard Profiles'!$G$21=$B$24,21,0),0)),0)</f>
        <v>0</v>
      </c>
      <c r="H8587" cm="1">
        <f t="array" ref="H8587">IFERROR(INDEX(Jesper!AL$2:AL$366,ROUNDDOWN($C8587/24,0)+1,1)*INDEX($D$3:$AA$30,INDEX(Jesper!$R$2:$R$366,ROW(INDEX(Jesper!AL$2:AL$366,ROUNDDOWN($C8587/24,0)+1,1))-1)+IF('Standard Profiles'!$G$22=$B$10,7,0)+IF('Standard Profiles'!$G$22=$B$17,14,0)+IF('Standard Profiles'!$G$22=$B$24,21,0),MOD($C8587,24)+1)/SUM(INDEX($D$3:$AA$30,INDEX(Jesper!$R$2:$R$366,ROW(INDEX(Jesper!AL$2:AL$366,ROUNDDOWN($C8587/24,0)+1,1))-1)+IF('Standard Profiles'!$G$22=$B$10,7,0)+IF('Standard Profiles'!$G$22=$B$17,14,0)+IF('Standard Profiles'!$G$22=$B$24,21,0),0)),0)</f>
        <v>0</v>
      </c>
      <c r="I8587">
        <f t="shared" si="951"/>
        <v>0.32745745514527141</v>
      </c>
      <c r="J8587">
        <f t="shared" si="952"/>
        <v>1.0915248504842381</v>
      </c>
      <c r="K8587">
        <f t="shared" si="953"/>
        <v>1.6372872757263572</v>
      </c>
      <c r="L8587">
        <f t="shared" si="954"/>
        <v>15.730240479446287</v>
      </c>
      <c r="M8587">
        <f t="shared" si="955"/>
        <v>0</v>
      </c>
      <c r="N8587" s="46">
        <f t="shared" si="956"/>
        <v>45648.374999979256</v>
      </c>
    </row>
    <row r="8588" spans="2:14" x14ac:dyDescent="0.3">
      <c r="B8588">
        <f t="shared" si="950"/>
        <v>7</v>
      </c>
      <c r="C8588" s="16">
        <v>8554</v>
      </c>
      <c r="D8588" cm="1">
        <f t="array" ref="D8588">IFERROR(INDEX(Jesper!AH$2:AH$366,ROUNDDOWN($C8588/24,0)+1,1)*INDEX($D$3:$AA$30,INDEX(Jesper!$R$2:$R$366,ROW(INDEX(Jesper!AH$2:AH$366,ROUNDDOWN($C8588/24,0)+1,1))-1)+IF('Standard Profiles'!$G$18=$B$10,7,0)+IF('Standard Profiles'!$G$18=$B$17,14,0)+IF('Standard Profiles'!$G$18=$B$24,21,0),MOD($C8588,24)+1)/SUM(INDEX($D$3:$AA$30,INDEX(Jesper!$R$2:$R$366,ROW(INDEX(Jesper!AH$2:AH$366,ROUNDDOWN($C8588/24,0)+1,1))-1)+IF('Standard Profiles'!$G$18=$B$10,7,0)+IF('Standard Profiles'!$G$18=$B$17,14,0)+IF('Standard Profiles'!$G$18=$B$24,21,0),0)),0)</f>
        <v>15.151732308689642</v>
      </c>
      <c r="E8588" cm="1">
        <f t="array" ref="E8588">IFERROR(INDEX(Jesper!AI$2:AI$366,ROUNDDOWN($C8588/24,0)+1,1)*INDEX($D$3:$AA$30,INDEX(Jesper!$R$2:$R$366,ROW(INDEX(Jesper!AI$2:AI$366,ROUNDDOWN($C8588/24,0)+1,1))-1)+IF('Standard Profiles'!$G$19=$B$10,7,0)+IF('Standard Profiles'!$G$19=$B$17,14,0)+IF('Standard Profiles'!$G$19=$B$24,21,0),MOD($C8588,24)+1)/SUM(INDEX($D$3:$AA$30,INDEX(Jesper!$R$2:$R$366,ROW(INDEX(Jesper!AI$2:AI$366,ROUNDDOWN($C8588/24,0)+1,1))-1)+IF('Standard Profiles'!$G$19=$B$10,7,0)+IF('Standard Profiles'!$G$19=$B$17,14,0)+IF('Standard Profiles'!$G$19=$B$24,21,0),0)),0)</f>
        <v>3.6347777521125115</v>
      </c>
      <c r="F8588" cm="1">
        <f t="array" ref="F8588">IFERROR(INDEX(Jesper!AJ$2:AJ$366,ROUNDDOWN($C8588/24,0)+1,1)*INDEX($D$3:$AA$30,INDEX(Jesper!$R$2:$R$366,ROW(INDEX(Jesper!AJ$2:AJ$366,ROUNDDOWN($C8588/24,0)+1,1))-1)+IF('Standard Profiles'!$G$20=$B$10,7,0)+IF('Standard Profiles'!$G$20=$B$17,14,0)+IF('Standard Profiles'!$G$20=$B$24,21,0),MOD($C8588,24)+1)/SUM(INDEX($D$3:$AA$30,INDEX(Jesper!$R$2:$R$366,ROW(INDEX(Jesper!AJ$2:AJ$366,ROUNDDOWN($C8588/24,0)+1,1))-1)+IF('Standard Profiles'!$G$20=$B$10,7,0)+IF('Standard Profiles'!$G$20=$B$17,14,0)+IF('Standard Profiles'!$G$20=$B$24,21,0),0)),0)</f>
        <v>0</v>
      </c>
      <c r="G8588" cm="1">
        <f t="array" ref="G8588">IFERROR(INDEX(Jesper!AK$2:AK$366,ROUNDDOWN($C8588/24,0)+1,1)*INDEX($D$3:$AA$30,INDEX(Jesper!$R$2:$R$366,ROW(INDEX(Jesper!AK$2:AK$366,ROUNDDOWN($C8588/24,0)+1,1))-1)+IF('Standard Profiles'!$G$21=$B$10,7,0)+IF('Standard Profiles'!$G$21=$B$17,14,0)+IF('Standard Profiles'!$G$21=$B$24,21,0),MOD($C8588,24)+1)/SUM(INDEX($D$3:$AA$30,INDEX(Jesper!$R$2:$R$366,ROW(INDEX(Jesper!AK$2:AK$366,ROUNDDOWN($C8588/24,0)+1,1))-1)+IF('Standard Profiles'!$G$21=$B$10,7,0)+IF('Standard Profiles'!$G$21=$B$17,14,0)+IF('Standard Profiles'!$G$21=$B$24,21,0),0)),0)</f>
        <v>0</v>
      </c>
      <c r="H8588" cm="1">
        <f t="array" ref="H8588">IFERROR(INDEX(Jesper!AL$2:AL$366,ROUNDDOWN($C8588/24,0)+1,1)*INDEX($D$3:$AA$30,INDEX(Jesper!$R$2:$R$366,ROW(INDEX(Jesper!AL$2:AL$366,ROUNDDOWN($C8588/24,0)+1,1))-1)+IF('Standard Profiles'!$G$22=$B$10,7,0)+IF('Standard Profiles'!$G$22=$B$17,14,0)+IF('Standard Profiles'!$G$22=$B$24,21,0),MOD($C8588,24)+1)/SUM(INDEX($D$3:$AA$30,INDEX(Jesper!$R$2:$R$366,ROW(INDEX(Jesper!AL$2:AL$366,ROUNDDOWN($C8588/24,0)+1,1))-1)+IF('Standard Profiles'!$G$22=$B$10,7,0)+IF('Standard Profiles'!$G$22=$B$17,14,0)+IF('Standard Profiles'!$G$22=$B$24,21,0),0)),0)</f>
        <v>0</v>
      </c>
      <c r="I8588">
        <f t="shared" si="951"/>
        <v>0.32745745514527141</v>
      </c>
      <c r="J8588">
        <f t="shared" si="952"/>
        <v>1.0915248504842381</v>
      </c>
      <c r="K8588">
        <f t="shared" si="953"/>
        <v>1.6372872757263572</v>
      </c>
      <c r="L8588">
        <f t="shared" si="954"/>
        <v>15.730240479446287</v>
      </c>
      <c r="M8588">
        <f t="shared" si="955"/>
        <v>0</v>
      </c>
      <c r="N8588" s="46">
        <f t="shared" si="956"/>
        <v>45648.41666664592</v>
      </c>
    </row>
    <row r="8589" spans="2:14" x14ac:dyDescent="0.3">
      <c r="B8589">
        <f t="shared" si="950"/>
        <v>7</v>
      </c>
      <c r="C8589" s="16">
        <v>8555</v>
      </c>
      <c r="D8589" cm="1">
        <f t="array" ref="D8589">IFERROR(INDEX(Jesper!AH$2:AH$366,ROUNDDOWN($C8589/24,0)+1,1)*INDEX($D$3:$AA$30,INDEX(Jesper!$R$2:$R$366,ROW(INDEX(Jesper!AH$2:AH$366,ROUNDDOWN($C8589/24,0)+1,1))-1)+IF('Standard Profiles'!$G$18=$B$10,7,0)+IF('Standard Profiles'!$G$18=$B$17,14,0)+IF('Standard Profiles'!$G$18=$B$24,21,0),MOD($C8589,24)+1)/SUM(INDEX($D$3:$AA$30,INDEX(Jesper!$R$2:$R$366,ROW(INDEX(Jesper!AH$2:AH$366,ROUNDDOWN($C8589/24,0)+1,1))-1)+IF('Standard Profiles'!$G$18=$B$10,7,0)+IF('Standard Profiles'!$G$18=$B$17,14,0)+IF('Standard Profiles'!$G$18=$B$24,21,0),0)),0)</f>
        <v>15.151732308689642</v>
      </c>
      <c r="E8589" cm="1">
        <f t="array" ref="E8589">IFERROR(INDEX(Jesper!AI$2:AI$366,ROUNDDOWN($C8589/24,0)+1,1)*INDEX($D$3:$AA$30,INDEX(Jesper!$R$2:$R$366,ROW(INDEX(Jesper!AI$2:AI$366,ROUNDDOWN($C8589/24,0)+1,1))-1)+IF('Standard Profiles'!$G$19=$B$10,7,0)+IF('Standard Profiles'!$G$19=$B$17,14,0)+IF('Standard Profiles'!$G$19=$B$24,21,0),MOD($C8589,24)+1)/SUM(INDEX($D$3:$AA$30,INDEX(Jesper!$R$2:$R$366,ROW(INDEX(Jesper!AI$2:AI$366,ROUNDDOWN($C8589/24,0)+1,1))-1)+IF('Standard Profiles'!$G$19=$B$10,7,0)+IF('Standard Profiles'!$G$19=$B$17,14,0)+IF('Standard Profiles'!$G$19=$B$24,21,0),0)),0)</f>
        <v>3.6347777521125115</v>
      </c>
      <c r="F8589" cm="1">
        <f t="array" ref="F8589">IFERROR(INDEX(Jesper!AJ$2:AJ$366,ROUNDDOWN($C8589/24,0)+1,1)*INDEX($D$3:$AA$30,INDEX(Jesper!$R$2:$R$366,ROW(INDEX(Jesper!AJ$2:AJ$366,ROUNDDOWN($C8589/24,0)+1,1))-1)+IF('Standard Profiles'!$G$20=$B$10,7,0)+IF('Standard Profiles'!$G$20=$B$17,14,0)+IF('Standard Profiles'!$G$20=$B$24,21,0),MOD($C8589,24)+1)/SUM(INDEX($D$3:$AA$30,INDEX(Jesper!$R$2:$R$366,ROW(INDEX(Jesper!AJ$2:AJ$366,ROUNDDOWN($C8589/24,0)+1,1))-1)+IF('Standard Profiles'!$G$20=$B$10,7,0)+IF('Standard Profiles'!$G$20=$B$17,14,0)+IF('Standard Profiles'!$G$20=$B$24,21,0),0)),0)</f>
        <v>0</v>
      </c>
      <c r="G8589" cm="1">
        <f t="array" ref="G8589">IFERROR(INDEX(Jesper!AK$2:AK$366,ROUNDDOWN($C8589/24,0)+1,1)*INDEX($D$3:$AA$30,INDEX(Jesper!$R$2:$R$366,ROW(INDEX(Jesper!AK$2:AK$366,ROUNDDOWN($C8589/24,0)+1,1))-1)+IF('Standard Profiles'!$G$21=$B$10,7,0)+IF('Standard Profiles'!$G$21=$B$17,14,0)+IF('Standard Profiles'!$G$21=$B$24,21,0),MOD($C8589,24)+1)/SUM(INDEX($D$3:$AA$30,INDEX(Jesper!$R$2:$R$366,ROW(INDEX(Jesper!AK$2:AK$366,ROUNDDOWN($C8589/24,0)+1,1))-1)+IF('Standard Profiles'!$G$21=$B$10,7,0)+IF('Standard Profiles'!$G$21=$B$17,14,0)+IF('Standard Profiles'!$G$21=$B$24,21,0),0)),0)</f>
        <v>0</v>
      </c>
      <c r="H8589" cm="1">
        <f t="array" ref="H8589">IFERROR(INDEX(Jesper!AL$2:AL$366,ROUNDDOWN($C8589/24,0)+1,1)*INDEX($D$3:$AA$30,INDEX(Jesper!$R$2:$R$366,ROW(INDEX(Jesper!AL$2:AL$366,ROUNDDOWN($C8589/24,0)+1,1))-1)+IF('Standard Profiles'!$G$22=$B$10,7,0)+IF('Standard Profiles'!$G$22=$B$17,14,0)+IF('Standard Profiles'!$G$22=$B$24,21,0),MOD($C8589,24)+1)/SUM(INDEX($D$3:$AA$30,INDEX(Jesper!$R$2:$R$366,ROW(INDEX(Jesper!AL$2:AL$366,ROUNDDOWN($C8589/24,0)+1,1))-1)+IF('Standard Profiles'!$G$22=$B$10,7,0)+IF('Standard Profiles'!$G$22=$B$17,14,0)+IF('Standard Profiles'!$G$22=$B$24,21,0),0)),0)</f>
        <v>0</v>
      </c>
      <c r="I8589">
        <f t="shared" si="951"/>
        <v>0.32745745514527141</v>
      </c>
      <c r="J8589">
        <f t="shared" si="952"/>
        <v>1.0915248504842381</v>
      </c>
      <c r="K8589">
        <f t="shared" si="953"/>
        <v>1.6372872757263572</v>
      </c>
      <c r="L8589">
        <f t="shared" si="954"/>
        <v>15.730240479446287</v>
      </c>
      <c r="M8589">
        <f t="shared" si="955"/>
        <v>0</v>
      </c>
      <c r="N8589" s="46">
        <f t="shared" si="956"/>
        <v>45648.458333312585</v>
      </c>
    </row>
    <row r="8590" spans="2:14" x14ac:dyDescent="0.3">
      <c r="B8590">
        <f t="shared" si="950"/>
        <v>7</v>
      </c>
      <c r="C8590" s="16">
        <v>8556</v>
      </c>
      <c r="D8590" cm="1">
        <f t="array" ref="D8590">IFERROR(INDEX(Jesper!AH$2:AH$366,ROUNDDOWN($C8590/24,0)+1,1)*INDEX($D$3:$AA$30,INDEX(Jesper!$R$2:$R$366,ROW(INDEX(Jesper!AH$2:AH$366,ROUNDDOWN($C8590/24,0)+1,1))-1)+IF('Standard Profiles'!$G$18=$B$10,7,0)+IF('Standard Profiles'!$G$18=$B$17,14,0)+IF('Standard Profiles'!$G$18=$B$24,21,0),MOD($C8590,24)+1)/SUM(INDEX($D$3:$AA$30,INDEX(Jesper!$R$2:$R$366,ROW(INDEX(Jesper!AH$2:AH$366,ROUNDDOWN($C8590/24,0)+1,1))-1)+IF('Standard Profiles'!$G$18=$B$10,7,0)+IF('Standard Profiles'!$G$18=$B$17,14,0)+IF('Standard Profiles'!$G$18=$B$24,21,0),0)),0)</f>
        <v>15.151732308689642</v>
      </c>
      <c r="E8590" cm="1">
        <f t="array" ref="E8590">IFERROR(INDEX(Jesper!AI$2:AI$366,ROUNDDOWN($C8590/24,0)+1,1)*INDEX($D$3:$AA$30,INDEX(Jesper!$R$2:$R$366,ROW(INDEX(Jesper!AI$2:AI$366,ROUNDDOWN($C8590/24,0)+1,1))-1)+IF('Standard Profiles'!$G$19=$B$10,7,0)+IF('Standard Profiles'!$G$19=$B$17,14,0)+IF('Standard Profiles'!$G$19=$B$24,21,0),MOD($C8590,24)+1)/SUM(INDEX($D$3:$AA$30,INDEX(Jesper!$R$2:$R$366,ROW(INDEX(Jesper!AI$2:AI$366,ROUNDDOWN($C8590/24,0)+1,1))-1)+IF('Standard Profiles'!$G$19=$B$10,7,0)+IF('Standard Profiles'!$G$19=$B$17,14,0)+IF('Standard Profiles'!$G$19=$B$24,21,0),0)),0)</f>
        <v>3.6347777521125115</v>
      </c>
      <c r="F8590" cm="1">
        <f t="array" ref="F8590">IFERROR(INDEX(Jesper!AJ$2:AJ$366,ROUNDDOWN($C8590/24,0)+1,1)*INDEX($D$3:$AA$30,INDEX(Jesper!$R$2:$R$366,ROW(INDEX(Jesper!AJ$2:AJ$366,ROUNDDOWN($C8590/24,0)+1,1))-1)+IF('Standard Profiles'!$G$20=$B$10,7,0)+IF('Standard Profiles'!$G$20=$B$17,14,0)+IF('Standard Profiles'!$G$20=$B$24,21,0),MOD($C8590,24)+1)/SUM(INDEX($D$3:$AA$30,INDEX(Jesper!$R$2:$R$366,ROW(INDEX(Jesper!AJ$2:AJ$366,ROUNDDOWN($C8590/24,0)+1,1))-1)+IF('Standard Profiles'!$G$20=$B$10,7,0)+IF('Standard Profiles'!$G$20=$B$17,14,0)+IF('Standard Profiles'!$G$20=$B$24,21,0),0)),0)</f>
        <v>0</v>
      </c>
      <c r="G8590" cm="1">
        <f t="array" ref="G8590">IFERROR(INDEX(Jesper!AK$2:AK$366,ROUNDDOWN($C8590/24,0)+1,1)*INDEX($D$3:$AA$30,INDEX(Jesper!$R$2:$R$366,ROW(INDEX(Jesper!AK$2:AK$366,ROUNDDOWN($C8590/24,0)+1,1))-1)+IF('Standard Profiles'!$G$21=$B$10,7,0)+IF('Standard Profiles'!$G$21=$B$17,14,0)+IF('Standard Profiles'!$G$21=$B$24,21,0),MOD($C8590,24)+1)/SUM(INDEX($D$3:$AA$30,INDEX(Jesper!$R$2:$R$366,ROW(INDEX(Jesper!AK$2:AK$366,ROUNDDOWN($C8590/24,0)+1,1))-1)+IF('Standard Profiles'!$G$21=$B$10,7,0)+IF('Standard Profiles'!$G$21=$B$17,14,0)+IF('Standard Profiles'!$G$21=$B$24,21,0),0)),0)</f>
        <v>0</v>
      </c>
      <c r="H8590" cm="1">
        <f t="array" ref="H8590">IFERROR(INDEX(Jesper!AL$2:AL$366,ROUNDDOWN($C8590/24,0)+1,1)*INDEX($D$3:$AA$30,INDEX(Jesper!$R$2:$R$366,ROW(INDEX(Jesper!AL$2:AL$366,ROUNDDOWN($C8590/24,0)+1,1))-1)+IF('Standard Profiles'!$G$22=$B$10,7,0)+IF('Standard Profiles'!$G$22=$B$17,14,0)+IF('Standard Profiles'!$G$22=$B$24,21,0),MOD($C8590,24)+1)/SUM(INDEX($D$3:$AA$30,INDEX(Jesper!$R$2:$R$366,ROW(INDEX(Jesper!AL$2:AL$366,ROUNDDOWN($C8590/24,0)+1,1))-1)+IF('Standard Profiles'!$G$22=$B$10,7,0)+IF('Standard Profiles'!$G$22=$B$17,14,0)+IF('Standard Profiles'!$G$22=$B$24,21,0),0)),0)</f>
        <v>0</v>
      </c>
      <c r="I8590">
        <f t="shared" si="951"/>
        <v>0.32745745514527141</v>
      </c>
      <c r="J8590">
        <f t="shared" si="952"/>
        <v>1.0915248504842381</v>
      </c>
      <c r="K8590">
        <f t="shared" si="953"/>
        <v>1.6372872757263572</v>
      </c>
      <c r="L8590">
        <f t="shared" si="954"/>
        <v>15.730240479446287</v>
      </c>
      <c r="M8590">
        <f t="shared" si="955"/>
        <v>0</v>
      </c>
      <c r="N8590" s="46">
        <f t="shared" si="956"/>
        <v>45648.499999979249</v>
      </c>
    </row>
    <row r="8591" spans="2:14" x14ac:dyDescent="0.3">
      <c r="B8591">
        <f t="shared" si="950"/>
        <v>7</v>
      </c>
      <c r="C8591" s="16">
        <v>8557</v>
      </c>
      <c r="D8591" cm="1">
        <f t="array" ref="D8591">IFERROR(INDEX(Jesper!AH$2:AH$366,ROUNDDOWN($C8591/24,0)+1,1)*INDEX($D$3:$AA$30,INDEX(Jesper!$R$2:$R$366,ROW(INDEX(Jesper!AH$2:AH$366,ROUNDDOWN($C8591/24,0)+1,1))-1)+IF('Standard Profiles'!$G$18=$B$10,7,0)+IF('Standard Profiles'!$G$18=$B$17,14,0)+IF('Standard Profiles'!$G$18=$B$24,21,0),MOD($C8591,24)+1)/SUM(INDEX($D$3:$AA$30,INDEX(Jesper!$R$2:$R$366,ROW(INDEX(Jesper!AH$2:AH$366,ROUNDDOWN($C8591/24,0)+1,1))-1)+IF('Standard Profiles'!$G$18=$B$10,7,0)+IF('Standard Profiles'!$G$18=$B$17,14,0)+IF('Standard Profiles'!$G$18=$B$24,21,0),0)),0)</f>
        <v>15.151732308689642</v>
      </c>
      <c r="E8591" cm="1">
        <f t="array" ref="E8591">IFERROR(INDEX(Jesper!AI$2:AI$366,ROUNDDOWN($C8591/24,0)+1,1)*INDEX($D$3:$AA$30,INDEX(Jesper!$R$2:$R$366,ROW(INDEX(Jesper!AI$2:AI$366,ROUNDDOWN($C8591/24,0)+1,1))-1)+IF('Standard Profiles'!$G$19=$B$10,7,0)+IF('Standard Profiles'!$G$19=$B$17,14,0)+IF('Standard Profiles'!$G$19=$B$24,21,0),MOD($C8591,24)+1)/SUM(INDEX($D$3:$AA$30,INDEX(Jesper!$R$2:$R$366,ROW(INDEX(Jesper!AI$2:AI$366,ROUNDDOWN($C8591/24,0)+1,1))-1)+IF('Standard Profiles'!$G$19=$B$10,7,0)+IF('Standard Profiles'!$G$19=$B$17,14,0)+IF('Standard Profiles'!$G$19=$B$24,21,0),0)),0)</f>
        <v>3.6347777521125115</v>
      </c>
      <c r="F8591" cm="1">
        <f t="array" ref="F8591">IFERROR(INDEX(Jesper!AJ$2:AJ$366,ROUNDDOWN($C8591/24,0)+1,1)*INDEX($D$3:$AA$30,INDEX(Jesper!$R$2:$R$366,ROW(INDEX(Jesper!AJ$2:AJ$366,ROUNDDOWN($C8591/24,0)+1,1))-1)+IF('Standard Profiles'!$G$20=$B$10,7,0)+IF('Standard Profiles'!$G$20=$B$17,14,0)+IF('Standard Profiles'!$G$20=$B$24,21,0),MOD($C8591,24)+1)/SUM(INDEX($D$3:$AA$30,INDEX(Jesper!$R$2:$R$366,ROW(INDEX(Jesper!AJ$2:AJ$366,ROUNDDOWN($C8591/24,0)+1,1))-1)+IF('Standard Profiles'!$G$20=$B$10,7,0)+IF('Standard Profiles'!$G$20=$B$17,14,0)+IF('Standard Profiles'!$G$20=$B$24,21,0),0)),0)</f>
        <v>0</v>
      </c>
      <c r="G8591" cm="1">
        <f t="array" ref="G8591">IFERROR(INDEX(Jesper!AK$2:AK$366,ROUNDDOWN($C8591/24,0)+1,1)*INDEX($D$3:$AA$30,INDEX(Jesper!$R$2:$R$366,ROW(INDEX(Jesper!AK$2:AK$366,ROUNDDOWN($C8591/24,0)+1,1))-1)+IF('Standard Profiles'!$G$21=$B$10,7,0)+IF('Standard Profiles'!$G$21=$B$17,14,0)+IF('Standard Profiles'!$G$21=$B$24,21,0),MOD($C8591,24)+1)/SUM(INDEX($D$3:$AA$30,INDEX(Jesper!$R$2:$R$366,ROW(INDEX(Jesper!AK$2:AK$366,ROUNDDOWN($C8591/24,0)+1,1))-1)+IF('Standard Profiles'!$G$21=$B$10,7,0)+IF('Standard Profiles'!$G$21=$B$17,14,0)+IF('Standard Profiles'!$G$21=$B$24,21,0),0)),0)</f>
        <v>0</v>
      </c>
      <c r="H8591" cm="1">
        <f t="array" ref="H8591">IFERROR(INDEX(Jesper!AL$2:AL$366,ROUNDDOWN($C8591/24,0)+1,1)*INDEX($D$3:$AA$30,INDEX(Jesper!$R$2:$R$366,ROW(INDEX(Jesper!AL$2:AL$366,ROUNDDOWN($C8591/24,0)+1,1))-1)+IF('Standard Profiles'!$G$22=$B$10,7,0)+IF('Standard Profiles'!$G$22=$B$17,14,0)+IF('Standard Profiles'!$G$22=$B$24,21,0),MOD($C8591,24)+1)/SUM(INDEX($D$3:$AA$30,INDEX(Jesper!$R$2:$R$366,ROW(INDEX(Jesper!AL$2:AL$366,ROUNDDOWN($C8591/24,0)+1,1))-1)+IF('Standard Profiles'!$G$22=$B$10,7,0)+IF('Standard Profiles'!$G$22=$B$17,14,0)+IF('Standard Profiles'!$G$22=$B$24,21,0),0)),0)</f>
        <v>0</v>
      </c>
      <c r="I8591">
        <f t="shared" si="951"/>
        <v>0.32745745514527141</v>
      </c>
      <c r="J8591">
        <f t="shared" si="952"/>
        <v>1.0915248504842381</v>
      </c>
      <c r="K8591">
        <f t="shared" si="953"/>
        <v>1.6372872757263572</v>
      </c>
      <c r="L8591">
        <f t="shared" si="954"/>
        <v>15.730240479446287</v>
      </c>
      <c r="M8591">
        <f t="shared" si="955"/>
        <v>0</v>
      </c>
      <c r="N8591" s="46">
        <f t="shared" si="956"/>
        <v>45648.541666645913</v>
      </c>
    </row>
    <row r="8592" spans="2:14" x14ac:dyDescent="0.3">
      <c r="B8592">
        <f t="shared" si="950"/>
        <v>7</v>
      </c>
      <c r="C8592" s="16">
        <v>8558</v>
      </c>
      <c r="D8592" cm="1">
        <f t="array" ref="D8592">IFERROR(INDEX(Jesper!AH$2:AH$366,ROUNDDOWN($C8592/24,0)+1,1)*INDEX($D$3:$AA$30,INDEX(Jesper!$R$2:$R$366,ROW(INDEX(Jesper!AH$2:AH$366,ROUNDDOWN($C8592/24,0)+1,1))-1)+IF('Standard Profiles'!$G$18=$B$10,7,0)+IF('Standard Profiles'!$G$18=$B$17,14,0)+IF('Standard Profiles'!$G$18=$B$24,21,0),MOD($C8592,24)+1)/SUM(INDEX($D$3:$AA$30,INDEX(Jesper!$R$2:$R$366,ROW(INDEX(Jesper!AH$2:AH$366,ROUNDDOWN($C8592/24,0)+1,1))-1)+IF('Standard Profiles'!$G$18=$B$10,7,0)+IF('Standard Profiles'!$G$18=$B$17,14,0)+IF('Standard Profiles'!$G$18=$B$24,21,0),0)),0)</f>
        <v>15.151732308689642</v>
      </c>
      <c r="E8592" cm="1">
        <f t="array" ref="E8592">IFERROR(INDEX(Jesper!AI$2:AI$366,ROUNDDOWN($C8592/24,0)+1,1)*INDEX($D$3:$AA$30,INDEX(Jesper!$R$2:$R$366,ROW(INDEX(Jesper!AI$2:AI$366,ROUNDDOWN($C8592/24,0)+1,1))-1)+IF('Standard Profiles'!$G$19=$B$10,7,0)+IF('Standard Profiles'!$G$19=$B$17,14,0)+IF('Standard Profiles'!$G$19=$B$24,21,0),MOD($C8592,24)+1)/SUM(INDEX($D$3:$AA$30,INDEX(Jesper!$R$2:$R$366,ROW(INDEX(Jesper!AI$2:AI$366,ROUNDDOWN($C8592/24,0)+1,1))-1)+IF('Standard Profiles'!$G$19=$B$10,7,0)+IF('Standard Profiles'!$G$19=$B$17,14,0)+IF('Standard Profiles'!$G$19=$B$24,21,0),0)),0)</f>
        <v>3.6347777521125115</v>
      </c>
      <c r="F8592" cm="1">
        <f t="array" ref="F8592">IFERROR(INDEX(Jesper!AJ$2:AJ$366,ROUNDDOWN($C8592/24,0)+1,1)*INDEX($D$3:$AA$30,INDEX(Jesper!$R$2:$R$366,ROW(INDEX(Jesper!AJ$2:AJ$366,ROUNDDOWN($C8592/24,0)+1,1))-1)+IF('Standard Profiles'!$G$20=$B$10,7,0)+IF('Standard Profiles'!$G$20=$B$17,14,0)+IF('Standard Profiles'!$G$20=$B$24,21,0),MOD($C8592,24)+1)/SUM(INDEX($D$3:$AA$30,INDEX(Jesper!$R$2:$R$366,ROW(INDEX(Jesper!AJ$2:AJ$366,ROUNDDOWN($C8592/24,0)+1,1))-1)+IF('Standard Profiles'!$G$20=$B$10,7,0)+IF('Standard Profiles'!$G$20=$B$17,14,0)+IF('Standard Profiles'!$G$20=$B$24,21,0),0)),0)</f>
        <v>0</v>
      </c>
      <c r="G8592" cm="1">
        <f t="array" ref="G8592">IFERROR(INDEX(Jesper!AK$2:AK$366,ROUNDDOWN($C8592/24,0)+1,1)*INDEX($D$3:$AA$30,INDEX(Jesper!$R$2:$R$366,ROW(INDEX(Jesper!AK$2:AK$366,ROUNDDOWN($C8592/24,0)+1,1))-1)+IF('Standard Profiles'!$G$21=$B$10,7,0)+IF('Standard Profiles'!$G$21=$B$17,14,0)+IF('Standard Profiles'!$G$21=$B$24,21,0),MOD($C8592,24)+1)/SUM(INDEX($D$3:$AA$30,INDEX(Jesper!$R$2:$R$366,ROW(INDEX(Jesper!AK$2:AK$366,ROUNDDOWN($C8592/24,0)+1,1))-1)+IF('Standard Profiles'!$G$21=$B$10,7,0)+IF('Standard Profiles'!$G$21=$B$17,14,0)+IF('Standard Profiles'!$G$21=$B$24,21,0),0)),0)</f>
        <v>0</v>
      </c>
      <c r="H8592" cm="1">
        <f t="array" ref="H8592">IFERROR(INDEX(Jesper!AL$2:AL$366,ROUNDDOWN($C8592/24,0)+1,1)*INDEX($D$3:$AA$30,INDEX(Jesper!$R$2:$R$366,ROW(INDEX(Jesper!AL$2:AL$366,ROUNDDOWN($C8592/24,0)+1,1))-1)+IF('Standard Profiles'!$G$22=$B$10,7,0)+IF('Standard Profiles'!$G$22=$B$17,14,0)+IF('Standard Profiles'!$G$22=$B$24,21,0),MOD($C8592,24)+1)/SUM(INDEX($D$3:$AA$30,INDEX(Jesper!$R$2:$R$366,ROW(INDEX(Jesper!AL$2:AL$366,ROUNDDOWN($C8592/24,0)+1,1))-1)+IF('Standard Profiles'!$G$22=$B$10,7,0)+IF('Standard Profiles'!$G$22=$B$17,14,0)+IF('Standard Profiles'!$G$22=$B$24,21,0),0)),0)</f>
        <v>0</v>
      </c>
      <c r="I8592">
        <f t="shared" si="951"/>
        <v>0.32745745514527141</v>
      </c>
      <c r="J8592">
        <f t="shared" si="952"/>
        <v>1.0915248504842381</v>
      </c>
      <c r="K8592">
        <f t="shared" si="953"/>
        <v>1.6372872757263572</v>
      </c>
      <c r="L8592">
        <f t="shared" si="954"/>
        <v>15.730240479446287</v>
      </c>
      <c r="M8592">
        <f t="shared" si="955"/>
        <v>0</v>
      </c>
      <c r="N8592" s="46">
        <f t="shared" si="956"/>
        <v>45648.583333312577</v>
      </c>
    </row>
    <row r="8593" spans="2:14" x14ac:dyDescent="0.3">
      <c r="B8593">
        <f t="shared" si="950"/>
        <v>7</v>
      </c>
      <c r="C8593" s="16">
        <v>8559</v>
      </c>
      <c r="D8593" cm="1">
        <f t="array" ref="D8593">IFERROR(INDEX(Jesper!AH$2:AH$366,ROUNDDOWN($C8593/24,0)+1,1)*INDEX($D$3:$AA$30,INDEX(Jesper!$R$2:$R$366,ROW(INDEX(Jesper!AH$2:AH$366,ROUNDDOWN($C8593/24,0)+1,1))-1)+IF('Standard Profiles'!$G$18=$B$10,7,0)+IF('Standard Profiles'!$G$18=$B$17,14,0)+IF('Standard Profiles'!$G$18=$B$24,21,0),MOD($C8593,24)+1)/SUM(INDEX($D$3:$AA$30,INDEX(Jesper!$R$2:$R$366,ROW(INDEX(Jesper!AH$2:AH$366,ROUNDDOWN($C8593/24,0)+1,1))-1)+IF('Standard Profiles'!$G$18=$B$10,7,0)+IF('Standard Profiles'!$G$18=$B$17,14,0)+IF('Standard Profiles'!$G$18=$B$24,21,0),0)),0)</f>
        <v>13.468206496613014</v>
      </c>
      <c r="E8593" cm="1">
        <f t="array" ref="E8593">IFERROR(INDEX(Jesper!AI$2:AI$366,ROUNDDOWN($C8593/24,0)+1,1)*INDEX($D$3:$AA$30,INDEX(Jesper!$R$2:$R$366,ROW(INDEX(Jesper!AI$2:AI$366,ROUNDDOWN($C8593/24,0)+1,1))-1)+IF('Standard Profiles'!$G$19=$B$10,7,0)+IF('Standard Profiles'!$G$19=$B$17,14,0)+IF('Standard Profiles'!$G$19=$B$24,21,0),MOD($C8593,24)+1)/SUM(INDEX($D$3:$AA$30,INDEX(Jesper!$R$2:$R$366,ROW(INDEX(Jesper!AI$2:AI$366,ROUNDDOWN($C8593/24,0)+1,1))-1)+IF('Standard Profiles'!$G$19=$B$10,7,0)+IF('Standard Profiles'!$G$19=$B$17,14,0)+IF('Standard Profiles'!$G$19=$B$24,21,0),0)),0)</f>
        <v>3.2309135574333436</v>
      </c>
      <c r="F8593" cm="1">
        <f t="array" ref="F8593">IFERROR(INDEX(Jesper!AJ$2:AJ$366,ROUNDDOWN($C8593/24,0)+1,1)*INDEX($D$3:$AA$30,INDEX(Jesper!$R$2:$R$366,ROW(INDEX(Jesper!AJ$2:AJ$366,ROUNDDOWN($C8593/24,0)+1,1))-1)+IF('Standard Profiles'!$G$20=$B$10,7,0)+IF('Standard Profiles'!$G$20=$B$17,14,0)+IF('Standard Profiles'!$G$20=$B$24,21,0),MOD($C8593,24)+1)/SUM(INDEX($D$3:$AA$30,INDEX(Jesper!$R$2:$R$366,ROW(INDEX(Jesper!AJ$2:AJ$366,ROUNDDOWN($C8593/24,0)+1,1))-1)+IF('Standard Profiles'!$G$20=$B$10,7,0)+IF('Standard Profiles'!$G$20=$B$17,14,0)+IF('Standard Profiles'!$G$20=$B$24,21,0),0)),0)</f>
        <v>0</v>
      </c>
      <c r="G8593" cm="1">
        <f t="array" ref="G8593">IFERROR(INDEX(Jesper!AK$2:AK$366,ROUNDDOWN($C8593/24,0)+1,1)*INDEX($D$3:$AA$30,INDEX(Jesper!$R$2:$R$366,ROW(INDEX(Jesper!AK$2:AK$366,ROUNDDOWN($C8593/24,0)+1,1))-1)+IF('Standard Profiles'!$G$21=$B$10,7,0)+IF('Standard Profiles'!$G$21=$B$17,14,0)+IF('Standard Profiles'!$G$21=$B$24,21,0),MOD($C8593,24)+1)/SUM(INDEX($D$3:$AA$30,INDEX(Jesper!$R$2:$R$366,ROW(INDEX(Jesper!AK$2:AK$366,ROUNDDOWN($C8593/24,0)+1,1))-1)+IF('Standard Profiles'!$G$21=$B$10,7,0)+IF('Standard Profiles'!$G$21=$B$17,14,0)+IF('Standard Profiles'!$G$21=$B$24,21,0),0)),0)</f>
        <v>0</v>
      </c>
      <c r="H8593" cm="1">
        <f t="array" ref="H8593">IFERROR(INDEX(Jesper!AL$2:AL$366,ROUNDDOWN($C8593/24,0)+1,1)*INDEX($D$3:$AA$30,INDEX(Jesper!$R$2:$R$366,ROW(INDEX(Jesper!AL$2:AL$366,ROUNDDOWN($C8593/24,0)+1,1))-1)+IF('Standard Profiles'!$G$22=$B$10,7,0)+IF('Standard Profiles'!$G$22=$B$17,14,0)+IF('Standard Profiles'!$G$22=$B$24,21,0),MOD($C8593,24)+1)/SUM(INDEX($D$3:$AA$30,INDEX(Jesper!$R$2:$R$366,ROW(INDEX(Jesper!AL$2:AL$366,ROUNDDOWN($C8593/24,0)+1,1))-1)+IF('Standard Profiles'!$G$22=$B$10,7,0)+IF('Standard Profiles'!$G$22=$B$17,14,0)+IF('Standard Profiles'!$G$22=$B$24,21,0),0)),0)</f>
        <v>0</v>
      </c>
      <c r="I8593">
        <f t="shared" si="951"/>
        <v>0.29107329346246347</v>
      </c>
      <c r="J8593">
        <f t="shared" si="952"/>
        <v>0.970244311541545</v>
      </c>
      <c r="K8593">
        <f t="shared" si="953"/>
        <v>1.4553664673123174</v>
      </c>
      <c r="L8593">
        <f t="shared" si="954"/>
        <v>13.982435981730031</v>
      </c>
      <c r="M8593">
        <f t="shared" si="955"/>
        <v>0</v>
      </c>
      <c r="N8593" s="46">
        <f t="shared" si="956"/>
        <v>45648.624999979242</v>
      </c>
    </row>
    <row r="8594" spans="2:14" x14ac:dyDescent="0.3">
      <c r="B8594">
        <f t="shared" si="950"/>
        <v>7</v>
      </c>
      <c r="C8594" s="16">
        <v>8560</v>
      </c>
      <c r="D8594" cm="1">
        <f t="array" ref="D8594">IFERROR(INDEX(Jesper!AH$2:AH$366,ROUNDDOWN($C8594/24,0)+1,1)*INDEX($D$3:$AA$30,INDEX(Jesper!$R$2:$R$366,ROW(INDEX(Jesper!AH$2:AH$366,ROUNDDOWN($C8594/24,0)+1,1))-1)+IF('Standard Profiles'!$G$18=$B$10,7,0)+IF('Standard Profiles'!$G$18=$B$17,14,0)+IF('Standard Profiles'!$G$18=$B$24,21,0),MOD($C8594,24)+1)/SUM(INDEX($D$3:$AA$30,INDEX(Jesper!$R$2:$R$366,ROW(INDEX(Jesper!AH$2:AH$366,ROUNDDOWN($C8594/24,0)+1,1))-1)+IF('Standard Profiles'!$G$18=$B$10,7,0)+IF('Standard Profiles'!$G$18=$B$17,14,0)+IF('Standard Profiles'!$G$18=$B$24,21,0),0)),0)</f>
        <v>13.227702809173495</v>
      </c>
      <c r="E8594" cm="1">
        <f t="array" ref="E8594">IFERROR(INDEX(Jesper!AI$2:AI$366,ROUNDDOWN($C8594/24,0)+1,1)*INDEX($D$3:$AA$30,INDEX(Jesper!$R$2:$R$366,ROW(INDEX(Jesper!AI$2:AI$366,ROUNDDOWN($C8594/24,0)+1,1))-1)+IF('Standard Profiles'!$G$19=$B$10,7,0)+IF('Standard Profiles'!$G$19=$B$17,14,0)+IF('Standard Profiles'!$G$19=$B$24,21,0),MOD($C8594,24)+1)/SUM(INDEX($D$3:$AA$30,INDEX(Jesper!$R$2:$R$366,ROW(INDEX(Jesper!AI$2:AI$366,ROUNDDOWN($C8594/24,0)+1,1))-1)+IF('Standard Profiles'!$G$19=$B$10,7,0)+IF('Standard Profiles'!$G$19=$B$17,14,0)+IF('Standard Profiles'!$G$19=$B$24,21,0),0)),0)</f>
        <v>3.1732186724791762</v>
      </c>
      <c r="F8594" cm="1">
        <f t="array" ref="F8594">IFERROR(INDEX(Jesper!AJ$2:AJ$366,ROUNDDOWN($C8594/24,0)+1,1)*INDEX($D$3:$AA$30,INDEX(Jesper!$R$2:$R$366,ROW(INDEX(Jesper!AJ$2:AJ$366,ROUNDDOWN($C8594/24,0)+1,1))-1)+IF('Standard Profiles'!$G$20=$B$10,7,0)+IF('Standard Profiles'!$G$20=$B$17,14,0)+IF('Standard Profiles'!$G$20=$B$24,21,0),MOD($C8594,24)+1)/SUM(INDEX($D$3:$AA$30,INDEX(Jesper!$R$2:$R$366,ROW(INDEX(Jesper!AJ$2:AJ$366,ROUNDDOWN($C8594/24,0)+1,1))-1)+IF('Standard Profiles'!$G$20=$B$10,7,0)+IF('Standard Profiles'!$G$20=$B$17,14,0)+IF('Standard Profiles'!$G$20=$B$24,21,0),0)),0)</f>
        <v>0</v>
      </c>
      <c r="G8594" cm="1">
        <f t="array" ref="G8594">IFERROR(INDEX(Jesper!AK$2:AK$366,ROUNDDOWN($C8594/24,0)+1,1)*INDEX($D$3:$AA$30,INDEX(Jesper!$R$2:$R$366,ROW(INDEX(Jesper!AK$2:AK$366,ROUNDDOWN($C8594/24,0)+1,1))-1)+IF('Standard Profiles'!$G$21=$B$10,7,0)+IF('Standard Profiles'!$G$21=$B$17,14,0)+IF('Standard Profiles'!$G$21=$B$24,21,0),MOD($C8594,24)+1)/SUM(INDEX($D$3:$AA$30,INDEX(Jesper!$R$2:$R$366,ROW(INDEX(Jesper!AK$2:AK$366,ROUNDDOWN($C8594/24,0)+1,1))-1)+IF('Standard Profiles'!$G$21=$B$10,7,0)+IF('Standard Profiles'!$G$21=$B$17,14,0)+IF('Standard Profiles'!$G$21=$B$24,21,0),0)),0)</f>
        <v>0</v>
      </c>
      <c r="H8594" cm="1">
        <f t="array" ref="H8594">IFERROR(INDEX(Jesper!AL$2:AL$366,ROUNDDOWN($C8594/24,0)+1,1)*INDEX($D$3:$AA$30,INDEX(Jesper!$R$2:$R$366,ROW(INDEX(Jesper!AL$2:AL$366,ROUNDDOWN($C8594/24,0)+1,1))-1)+IF('Standard Profiles'!$G$22=$B$10,7,0)+IF('Standard Profiles'!$G$22=$B$17,14,0)+IF('Standard Profiles'!$G$22=$B$24,21,0),MOD($C8594,24)+1)/SUM(INDEX($D$3:$AA$30,INDEX(Jesper!$R$2:$R$366,ROW(INDEX(Jesper!AL$2:AL$366,ROUNDDOWN($C8594/24,0)+1,1))-1)+IF('Standard Profiles'!$G$22=$B$10,7,0)+IF('Standard Profiles'!$G$22=$B$17,14,0)+IF('Standard Profiles'!$G$22=$B$24,21,0),0)),0)</f>
        <v>0</v>
      </c>
      <c r="I8594">
        <f t="shared" si="951"/>
        <v>0.28587555607920512</v>
      </c>
      <c r="J8594">
        <f t="shared" si="952"/>
        <v>0.95291852026401724</v>
      </c>
      <c r="K8594">
        <f t="shared" si="953"/>
        <v>1.4293777803960259</v>
      </c>
      <c r="L8594">
        <f t="shared" si="954"/>
        <v>13.732749624913424</v>
      </c>
      <c r="M8594">
        <f t="shared" si="955"/>
        <v>0</v>
      </c>
      <c r="N8594" s="46">
        <f t="shared" si="956"/>
        <v>45648.666666645906</v>
      </c>
    </row>
    <row r="8595" spans="2:14" x14ac:dyDescent="0.3">
      <c r="B8595">
        <f t="shared" si="950"/>
        <v>7</v>
      </c>
      <c r="C8595" s="16">
        <v>8561</v>
      </c>
      <c r="D8595" cm="1">
        <f t="array" ref="D8595">IFERROR(INDEX(Jesper!AH$2:AH$366,ROUNDDOWN($C8595/24,0)+1,1)*INDEX($D$3:$AA$30,INDEX(Jesper!$R$2:$R$366,ROW(INDEX(Jesper!AH$2:AH$366,ROUNDDOWN($C8595/24,0)+1,1))-1)+IF('Standard Profiles'!$G$18=$B$10,7,0)+IF('Standard Profiles'!$G$18=$B$17,14,0)+IF('Standard Profiles'!$G$18=$B$24,21,0),MOD($C8595,24)+1)/SUM(INDEX($D$3:$AA$30,INDEX(Jesper!$R$2:$R$366,ROW(INDEX(Jesper!AH$2:AH$366,ROUNDDOWN($C8595/24,0)+1,1))-1)+IF('Standard Profiles'!$G$18=$B$10,7,0)+IF('Standard Profiles'!$G$18=$B$17,14,0)+IF('Standard Profiles'!$G$18=$B$24,21,0),0)),0)</f>
        <v>11.303673309657352</v>
      </c>
      <c r="E8595" cm="1">
        <f t="array" ref="E8595">IFERROR(INDEX(Jesper!AI$2:AI$366,ROUNDDOWN($C8595/24,0)+1,1)*INDEX($D$3:$AA$30,INDEX(Jesper!$R$2:$R$366,ROW(INDEX(Jesper!AI$2:AI$366,ROUNDDOWN($C8595/24,0)+1,1))-1)+IF('Standard Profiles'!$G$19=$B$10,7,0)+IF('Standard Profiles'!$G$19=$B$17,14,0)+IF('Standard Profiles'!$G$19=$B$24,21,0),MOD($C8595,24)+1)/SUM(INDEX($D$3:$AA$30,INDEX(Jesper!$R$2:$R$366,ROW(INDEX(Jesper!AI$2:AI$366,ROUNDDOWN($C8595/24,0)+1,1))-1)+IF('Standard Profiles'!$G$19=$B$10,7,0)+IF('Standard Profiles'!$G$19=$B$17,14,0)+IF('Standard Profiles'!$G$19=$B$24,21,0),0)),0)</f>
        <v>2.7116595928458418</v>
      </c>
      <c r="F8595" cm="1">
        <f t="array" ref="F8595">IFERROR(INDEX(Jesper!AJ$2:AJ$366,ROUNDDOWN($C8595/24,0)+1,1)*INDEX($D$3:$AA$30,INDEX(Jesper!$R$2:$R$366,ROW(INDEX(Jesper!AJ$2:AJ$366,ROUNDDOWN($C8595/24,0)+1,1))-1)+IF('Standard Profiles'!$G$20=$B$10,7,0)+IF('Standard Profiles'!$G$20=$B$17,14,0)+IF('Standard Profiles'!$G$20=$B$24,21,0),MOD($C8595,24)+1)/SUM(INDEX($D$3:$AA$30,INDEX(Jesper!$R$2:$R$366,ROW(INDEX(Jesper!AJ$2:AJ$366,ROUNDDOWN($C8595/24,0)+1,1))-1)+IF('Standard Profiles'!$G$20=$B$10,7,0)+IF('Standard Profiles'!$G$20=$B$17,14,0)+IF('Standard Profiles'!$G$20=$B$24,21,0),0)),0)</f>
        <v>0</v>
      </c>
      <c r="G8595" cm="1">
        <f t="array" ref="G8595">IFERROR(INDEX(Jesper!AK$2:AK$366,ROUNDDOWN($C8595/24,0)+1,1)*INDEX($D$3:$AA$30,INDEX(Jesper!$R$2:$R$366,ROW(INDEX(Jesper!AK$2:AK$366,ROUNDDOWN($C8595/24,0)+1,1))-1)+IF('Standard Profiles'!$G$21=$B$10,7,0)+IF('Standard Profiles'!$G$21=$B$17,14,0)+IF('Standard Profiles'!$G$21=$B$24,21,0),MOD($C8595,24)+1)/SUM(INDEX($D$3:$AA$30,INDEX(Jesper!$R$2:$R$366,ROW(INDEX(Jesper!AK$2:AK$366,ROUNDDOWN($C8595/24,0)+1,1))-1)+IF('Standard Profiles'!$G$21=$B$10,7,0)+IF('Standard Profiles'!$G$21=$B$17,14,0)+IF('Standard Profiles'!$G$21=$B$24,21,0),0)),0)</f>
        <v>0</v>
      </c>
      <c r="H8595" cm="1">
        <f t="array" ref="H8595">IFERROR(INDEX(Jesper!AL$2:AL$366,ROUNDDOWN($C8595/24,0)+1,1)*INDEX($D$3:$AA$30,INDEX(Jesper!$R$2:$R$366,ROW(INDEX(Jesper!AL$2:AL$366,ROUNDDOWN($C8595/24,0)+1,1))-1)+IF('Standard Profiles'!$G$22=$B$10,7,0)+IF('Standard Profiles'!$G$22=$B$17,14,0)+IF('Standard Profiles'!$G$22=$B$24,21,0),MOD($C8595,24)+1)/SUM(INDEX($D$3:$AA$30,INDEX(Jesper!$R$2:$R$366,ROW(INDEX(Jesper!AL$2:AL$366,ROUNDDOWN($C8595/24,0)+1,1))-1)+IF('Standard Profiles'!$G$22=$B$10,7,0)+IF('Standard Profiles'!$G$22=$B$17,14,0)+IF('Standard Profiles'!$G$22=$B$24,21,0),0)),0)</f>
        <v>0</v>
      </c>
      <c r="I8595">
        <f t="shared" si="951"/>
        <v>0.24429365701313896</v>
      </c>
      <c r="J8595">
        <f t="shared" si="952"/>
        <v>0.81431219004379662</v>
      </c>
      <c r="K8595">
        <f t="shared" si="953"/>
        <v>1.221468285065695</v>
      </c>
      <c r="L8595">
        <f t="shared" si="954"/>
        <v>11.735258770380563</v>
      </c>
      <c r="M8595">
        <f t="shared" si="955"/>
        <v>0</v>
      </c>
      <c r="N8595" s="46">
        <f t="shared" si="956"/>
        <v>45648.70833331257</v>
      </c>
    </row>
    <row r="8596" spans="2:14" x14ac:dyDescent="0.3">
      <c r="B8596">
        <f t="shared" si="950"/>
        <v>7</v>
      </c>
      <c r="C8596" s="16">
        <v>8562</v>
      </c>
      <c r="D8596" cm="1">
        <f t="array" ref="D8596">IFERROR(INDEX(Jesper!AH$2:AH$366,ROUNDDOWN($C8596/24,0)+1,1)*INDEX($D$3:$AA$30,INDEX(Jesper!$R$2:$R$366,ROW(INDEX(Jesper!AH$2:AH$366,ROUNDDOWN($C8596/24,0)+1,1))-1)+IF('Standard Profiles'!$G$18=$B$10,7,0)+IF('Standard Profiles'!$G$18=$B$17,14,0)+IF('Standard Profiles'!$G$18=$B$24,21,0),MOD($C8596,24)+1)/SUM(INDEX($D$3:$AA$30,INDEX(Jesper!$R$2:$R$366,ROW(INDEX(Jesper!AH$2:AH$366,ROUNDDOWN($C8596/24,0)+1,1))-1)+IF('Standard Profiles'!$G$18=$B$10,7,0)+IF('Standard Profiles'!$G$18=$B$17,14,0)+IF('Standard Profiles'!$G$18=$B$24,21,0),0)),0)</f>
        <v>10.582162247338799</v>
      </c>
      <c r="E8596" cm="1">
        <f t="array" ref="E8596">IFERROR(INDEX(Jesper!AI$2:AI$366,ROUNDDOWN($C8596/24,0)+1,1)*INDEX($D$3:$AA$30,INDEX(Jesper!$R$2:$R$366,ROW(INDEX(Jesper!AI$2:AI$366,ROUNDDOWN($C8596/24,0)+1,1))-1)+IF('Standard Profiles'!$G$19=$B$10,7,0)+IF('Standard Profiles'!$G$19=$B$17,14,0)+IF('Standard Profiles'!$G$19=$B$24,21,0),MOD($C8596,24)+1)/SUM(INDEX($D$3:$AA$30,INDEX(Jesper!$R$2:$R$366,ROW(INDEX(Jesper!AI$2:AI$366,ROUNDDOWN($C8596/24,0)+1,1))-1)+IF('Standard Profiles'!$G$19=$B$10,7,0)+IF('Standard Profiles'!$G$19=$B$17,14,0)+IF('Standard Profiles'!$G$19=$B$24,21,0),0)),0)</f>
        <v>2.5385749379833413</v>
      </c>
      <c r="F8596" cm="1">
        <f t="array" ref="F8596">IFERROR(INDEX(Jesper!AJ$2:AJ$366,ROUNDDOWN($C8596/24,0)+1,1)*INDEX($D$3:$AA$30,INDEX(Jesper!$R$2:$R$366,ROW(INDEX(Jesper!AJ$2:AJ$366,ROUNDDOWN($C8596/24,0)+1,1))-1)+IF('Standard Profiles'!$G$20=$B$10,7,0)+IF('Standard Profiles'!$G$20=$B$17,14,0)+IF('Standard Profiles'!$G$20=$B$24,21,0),MOD($C8596,24)+1)/SUM(INDEX($D$3:$AA$30,INDEX(Jesper!$R$2:$R$366,ROW(INDEX(Jesper!AJ$2:AJ$366,ROUNDDOWN($C8596/24,0)+1,1))-1)+IF('Standard Profiles'!$G$20=$B$10,7,0)+IF('Standard Profiles'!$G$20=$B$17,14,0)+IF('Standard Profiles'!$G$20=$B$24,21,0),0)),0)</f>
        <v>0</v>
      </c>
      <c r="G8596" cm="1">
        <f t="array" ref="G8596">IFERROR(INDEX(Jesper!AK$2:AK$366,ROUNDDOWN($C8596/24,0)+1,1)*INDEX($D$3:$AA$30,INDEX(Jesper!$R$2:$R$366,ROW(INDEX(Jesper!AK$2:AK$366,ROUNDDOWN($C8596/24,0)+1,1))-1)+IF('Standard Profiles'!$G$21=$B$10,7,0)+IF('Standard Profiles'!$G$21=$B$17,14,0)+IF('Standard Profiles'!$G$21=$B$24,21,0),MOD($C8596,24)+1)/SUM(INDEX($D$3:$AA$30,INDEX(Jesper!$R$2:$R$366,ROW(INDEX(Jesper!AK$2:AK$366,ROUNDDOWN($C8596/24,0)+1,1))-1)+IF('Standard Profiles'!$G$21=$B$10,7,0)+IF('Standard Profiles'!$G$21=$B$17,14,0)+IF('Standard Profiles'!$G$21=$B$24,21,0),0)),0)</f>
        <v>0</v>
      </c>
      <c r="H8596" cm="1">
        <f t="array" ref="H8596">IFERROR(INDEX(Jesper!AL$2:AL$366,ROUNDDOWN($C8596/24,0)+1,1)*INDEX($D$3:$AA$30,INDEX(Jesper!$R$2:$R$366,ROW(INDEX(Jesper!AL$2:AL$366,ROUNDDOWN($C8596/24,0)+1,1))-1)+IF('Standard Profiles'!$G$22=$B$10,7,0)+IF('Standard Profiles'!$G$22=$B$17,14,0)+IF('Standard Profiles'!$G$22=$B$24,21,0),MOD($C8596,24)+1)/SUM(INDEX($D$3:$AA$30,INDEX(Jesper!$R$2:$R$366,ROW(INDEX(Jesper!AL$2:AL$366,ROUNDDOWN($C8596/24,0)+1,1))-1)+IF('Standard Profiles'!$G$22=$B$10,7,0)+IF('Standard Profiles'!$G$22=$B$17,14,0)+IF('Standard Profiles'!$G$22=$B$24,21,0),0)),0)</f>
        <v>0</v>
      </c>
      <c r="I8596">
        <f t="shared" si="951"/>
        <v>0.22870044486336413</v>
      </c>
      <c r="J8596">
        <f t="shared" si="952"/>
        <v>0.76233481621121391</v>
      </c>
      <c r="K8596">
        <f t="shared" si="953"/>
        <v>1.1435022243168209</v>
      </c>
      <c r="L8596">
        <f t="shared" si="954"/>
        <v>10.986199699930742</v>
      </c>
      <c r="M8596">
        <f t="shared" si="955"/>
        <v>0</v>
      </c>
      <c r="N8596" s="46">
        <f t="shared" si="956"/>
        <v>45648.749999979234</v>
      </c>
    </row>
    <row r="8597" spans="2:14" x14ac:dyDescent="0.3">
      <c r="B8597">
        <f t="shared" si="950"/>
        <v>7</v>
      </c>
      <c r="C8597" s="16">
        <v>8563</v>
      </c>
      <c r="D8597" cm="1">
        <f t="array" ref="D8597">IFERROR(INDEX(Jesper!AH$2:AH$366,ROUNDDOWN($C8597/24,0)+1,1)*INDEX($D$3:$AA$30,INDEX(Jesper!$R$2:$R$366,ROW(INDEX(Jesper!AH$2:AH$366,ROUNDDOWN($C8597/24,0)+1,1))-1)+IF('Standard Profiles'!$G$18=$B$10,7,0)+IF('Standard Profiles'!$G$18=$B$17,14,0)+IF('Standard Profiles'!$G$18=$B$24,21,0),MOD($C8597,24)+1)/SUM(INDEX($D$3:$AA$30,INDEX(Jesper!$R$2:$R$366,ROW(INDEX(Jesper!AH$2:AH$366,ROUNDDOWN($C8597/24,0)+1,1))-1)+IF('Standard Profiles'!$G$18=$B$10,7,0)+IF('Standard Profiles'!$G$18=$B$17,14,0)+IF('Standard Profiles'!$G$18=$B$24,21,0),0)),0)</f>
        <v>8.8986364352621692</v>
      </c>
      <c r="E8597" cm="1">
        <f t="array" ref="E8597">IFERROR(INDEX(Jesper!AI$2:AI$366,ROUNDDOWN($C8597/24,0)+1,1)*INDEX($D$3:$AA$30,INDEX(Jesper!$R$2:$R$366,ROW(INDEX(Jesper!AI$2:AI$366,ROUNDDOWN($C8597/24,0)+1,1))-1)+IF('Standard Profiles'!$G$19=$B$10,7,0)+IF('Standard Profiles'!$G$19=$B$17,14,0)+IF('Standard Profiles'!$G$19=$B$24,21,0),MOD($C8597,24)+1)/SUM(INDEX($D$3:$AA$30,INDEX(Jesper!$R$2:$R$366,ROW(INDEX(Jesper!AI$2:AI$366,ROUNDDOWN($C8597/24,0)+1,1))-1)+IF('Standard Profiles'!$G$19=$B$10,7,0)+IF('Standard Profiles'!$G$19=$B$17,14,0)+IF('Standard Profiles'!$G$19=$B$24,21,0),0)),0)</f>
        <v>2.134710743304173</v>
      </c>
      <c r="F8597" cm="1">
        <f t="array" ref="F8597">IFERROR(INDEX(Jesper!AJ$2:AJ$366,ROUNDDOWN($C8597/24,0)+1,1)*INDEX($D$3:$AA$30,INDEX(Jesper!$R$2:$R$366,ROW(INDEX(Jesper!AJ$2:AJ$366,ROUNDDOWN($C8597/24,0)+1,1))-1)+IF('Standard Profiles'!$G$20=$B$10,7,0)+IF('Standard Profiles'!$G$20=$B$17,14,0)+IF('Standard Profiles'!$G$20=$B$24,21,0),MOD($C8597,24)+1)/SUM(INDEX($D$3:$AA$30,INDEX(Jesper!$R$2:$R$366,ROW(INDEX(Jesper!AJ$2:AJ$366,ROUNDDOWN($C8597/24,0)+1,1))-1)+IF('Standard Profiles'!$G$20=$B$10,7,0)+IF('Standard Profiles'!$G$20=$B$17,14,0)+IF('Standard Profiles'!$G$20=$B$24,21,0),0)),0)</f>
        <v>0</v>
      </c>
      <c r="G8597" cm="1">
        <f t="array" ref="G8597">IFERROR(INDEX(Jesper!AK$2:AK$366,ROUNDDOWN($C8597/24,0)+1,1)*INDEX($D$3:$AA$30,INDEX(Jesper!$R$2:$R$366,ROW(INDEX(Jesper!AK$2:AK$366,ROUNDDOWN($C8597/24,0)+1,1))-1)+IF('Standard Profiles'!$G$21=$B$10,7,0)+IF('Standard Profiles'!$G$21=$B$17,14,0)+IF('Standard Profiles'!$G$21=$B$24,21,0),MOD($C8597,24)+1)/SUM(INDEX($D$3:$AA$30,INDEX(Jesper!$R$2:$R$366,ROW(INDEX(Jesper!AK$2:AK$366,ROUNDDOWN($C8597/24,0)+1,1))-1)+IF('Standard Profiles'!$G$21=$B$10,7,0)+IF('Standard Profiles'!$G$21=$B$17,14,0)+IF('Standard Profiles'!$G$21=$B$24,21,0),0)),0)</f>
        <v>0</v>
      </c>
      <c r="H8597" cm="1">
        <f t="array" ref="H8597">IFERROR(INDEX(Jesper!AL$2:AL$366,ROUNDDOWN($C8597/24,0)+1,1)*INDEX($D$3:$AA$30,INDEX(Jesper!$R$2:$R$366,ROW(INDEX(Jesper!AL$2:AL$366,ROUNDDOWN($C8597/24,0)+1,1))-1)+IF('Standard Profiles'!$G$22=$B$10,7,0)+IF('Standard Profiles'!$G$22=$B$17,14,0)+IF('Standard Profiles'!$G$22=$B$24,21,0),MOD($C8597,24)+1)/SUM(INDEX($D$3:$AA$30,INDEX(Jesper!$R$2:$R$366,ROW(INDEX(Jesper!AL$2:AL$366,ROUNDDOWN($C8597/24,0)+1,1))-1)+IF('Standard Profiles'!$G$22=$B$10,7,0)+IF('Standard Profiles'!$G$22=$B$17,14,0)+IF('Standard Profiles'!$G$22=$B$24,21,0),0)),0)</f>
        <v>0</v>
      </c>
      <c r="I8597">
        <f t="shared" si="951"/>
        <v>0.19231628318055619</v>
      </c>
      <c r="J8597">
        <f t="shared" si="952"/>
        <v>0.64105427726852071</v>
      </c>
      <c r="K8597">
        <f t="shared" si="953"/>
        <v>0.96158141590278101</v>
      </c>
      <c r="L8597">
        <f t="shared" si="954"/>
        <v>9.238395202214484</v>
      </c>
      <c r="M8597">
        <f t="shared" si="955"/>
        <v>0</v>
      </c>
      <c r="N8597" s="46">
        <f t="shared" si="956"/>
        <v>45648.791666645899</v>
      </c>
    </row>
    <row r="8598" spans="2:14" x14ac:dyDescent="0.3">
      <c r="B8598">
        <f t="shared" si="950"/>
        <v>7</v>
      </c>
      <c r="C8598" s="16">
        <v>8564</v>
      </c>
      <c r="D8598" cm="1">
        <f t="array" ref="D8598">IFERROR(INDEX(Jesper!AH$2:AH$366,ROUNDDOWN($C8598/24,0)+1,1)*INDEX($D$3:$AA$30,INDEX(Jesper!$R$2:$R$366,ROW(INDEX(Jesper!AH$2:AH$366,ROUNDDOWN($C8598/24,0)+1,1))-1)+IF('Standard Profiles'!$G$18=$B$10,7,0)+IF('Standard Profiles'!$G$18=$B$17,14,0)+IF('Standard Profiles'!$G$18=$B$24,21,0),MOD($C8598,24)+1)/SUM(INDEX($D$3:$AA$30,INDEX(Jesper!$R$2:$R$366,ROW(INDEX(Jesper!AH$2:AH$366,ROUNDDOWN($C8598/24,0)+1,1))-1)+IF('Standard Profiles'!$G$18=$B$10,7,0)+IF('Standard Profiles'!$G$18=$B$17,14,0)+IF('Standard Profiles'!$G$18=$B$24,21,0),0)),0)</f>
        <v>7.4556143106250614</v>
      </c>
      <c r="E8598" cm="1">
        <f t="array" ref="E8598">IFERROR(INDEX(Jesper!AI$2:AI$366,ROUNDDOWN($C8598/24,0)+1,1)*INDEX($D$3:$AA$30,INDEX(Jesper!$R$2:$R$366,ROW(INDEX(Jesper!AI$2:AI$366,ROUNDDOWN($C8598/24,0)+1,1))-1)+IF('Standard Profiles'!$G$19=$B$10,7,0)+IF('Standard Profiles'!$G$19=$B$17,14,0)+IF('Standard Profiles'!$G$19=$B$24,21,0),MOD($C8598,24)+1)/SUM(INDEX($D$3:$AA$30,INDEX(Jesper!$R$2:$R$366,ROW(INDEX(Jesper!AI$2:AI$366,ROUNDDOWN($C8598/24,0)+1,1))-1)+IF('Standard Profiles'!$G$19=$B$10,7,0)+IF('Standard Profiles'!$G$19=$B$17,14,0)+IF('Standard Profiles'!$G$19=$B$24,21,0),0)),0)</f>
        <v>1.7885414335791721</v>
      </c>
      <c r="F8598" cm="1">
        <f t="array" ref="F8598">IFERROR(INDEX(Jesper!AJ$2:AJ$366,ROUNDDOWN($C8598/24,0)+1,1)*INDEX($D$3:$AA$30,INDEX(Jesper!$R$2:$R$366,ROW(INDEX(Jesper!AJ$2:AJ$366,ROUNDDOWN($C8598/24,0)+1,1))-1)+IF('Standard Profiles'!$G$20=$B$10,7,0)+IF('Standard Profiles'!$G$20=$B$17,14,0)+IF('Standard Profiles'!$G$20=$B$24,21,0),MOD($C8598,24)+1)/SUM(INDEX($D$3:$AA$30,INDEX(Jesper!$R$2:$R$366,ROW(INDEX(Jesper!AJ$2:AJ$366,ROUNDDOWN($C8598/24,0)+1,1))-1)+IF('Standard Profiles'!$G$20=$B$10,7,0)+IF('Standard Profiles'!$G$20=$B$17,14,0)+IF('Standard Profiles'!$G$20=$B$24,21,0),0)),0)</f>
        <v>0</v>
      </c>
      <c r="G8598" cm="1">
        <f t="array" ref="G8598">IFERROR(INDEX(Jesper!AK$2:AK$366,ROUNDDOWN($C8598/24,0)+1,1)*INDEX($D$3:$AA$30,INDEX(Jesper!$R$2:$R$366,ROW(INDEX(Jesper!AK$2:AK$366,ROUNDDOWN($C8598/24,0)+1,1))-1)+IF('Standard Profiles'!$G$21=$B$10,7,0)+IF('Standard Profiles'!$G$21=$B$17,14,0)+IF('Standard Profiles'!$G$21=$B$24,21,0),MOD($C8598,24)+1)/SUM(INDEX($D$3:$AA$30,INDEX(Jesper!$R$2:$R$366,ROW(INDEX(Jesper!AK$2:AK$366,ROUNDDOWN($C8598/24,0)+1,1))-1)+IF('Standard Profiles'!$G$21=$B$10,7,0)+IF('Standard Profiles'!$G$21=$B$17,14,0)+IF('Standard Profiles'!$G$21=$B$24,21,0),0)),0)</f>
        <v>0</v>
      </c>
      <c r="H8598" cm="1">
        <f t="array" ref="H8598">IFERROR(INDEX(Jesper!AL$2:AL$366,ROUNDDOWN($C8598/24,0)+1,1)*INDEX($D$3:$AA$30,INDEX(Jesper!$R$2:$R$366,ROW(INDEX(Jesper!AL$2:AL$366,ROUNDDOWN($C8598/24,0)+1,1))-1)+IF('Standard Profiles'!$G$22=$B$10,7,0)+IF('Standard Profiles'!$G$22=$B$17,14,0)+IF('Standard Profiles'!$G$22=$B$24,21,0),MOD($C8598,24)+1)/SUM(INDEX($D$3:$AA$30,INDEX(Jesper!$R$2:$R$366,ROW(INDEX(Jesper!AL$2:AL$366,ROUNDDOWN($C8598/24,0)+1,1))-1)+IF('Standard Profiles'!$G$22=$B$10,7,0)+IF('Standard Profiles'!$G$22=$B$17,14,0)+IF('Standard Profiles'!$G$22=$B$24,21,0),0)),0)</f>
        <v>0</v>
      </c>
      <c r="I8598">
        <f t="shared" si="951"/>
        <v>0.16112985888100653</v>
      </c>
      <c r="J8598">
        <f t="shared" si="952"/>
        <v>0.53709952960335516</v>
      </c>
      <c r="K8598">
        <f t="shared" si="953"/>
        <v>0.80564929440503275</v>
      </c>
      <c r="L8598">
        <f t="shared" si="954"/>
        <v>7.7402770613148393</v>
      </c>
      <c r="M8598">
        <f t="shared" si="955"/>
        <v>0</v>
      </c>
      <c r="N8598" s="46">
        <f t="shared" si="956"/>
        <v>45648.833333312563</v>
      </c>
    </row>
    <row r="8599" spans="2:14" x14ac:dyDescent="0.3">
      <c r="B8599">
        <f t="shared" si="950"/>
        <v>7</v>
      </c>
      <c r="C8599" s="16">
        <v>8565</v>
      </c>
      <c r="D8599" cm="1">
        <f t="array" ref="D8599">IFERROR(INDEX(Jesper!AH$2:AH$366,ROUNDDOWN($C8599/24,0)+1,1)*INDEX($D$3:$AA$30,INDEX(Jesper!$R$2:$R$366,ROW(INDEX(Jesper!AH$2:AH$366,ROUNDDOWN($C8599/24,0)+1,1))-1)+IF('Standard Profiles'!$G$18=$B$10,7,0)+IF('Standard Profiles'!$G$18=$B$17,14,0)+IF('Standard Profiles'!$G$18=$B$24,21,0),MOD($C8599,24)+1)/SUM(INDEX($D$3:$AA$30,INDEX(Jesper!$R$2:$R$366,ROW(INDEX(Jesper!AH$2:AH$366,ROUNDDOWN($C8599/24,0)+1,1))-1)+IF('Standard Profiles'!$G$18=$B$10,7,0)+IF('Standard Profiles'!$G$18=$B$17,14,0)+IF('Standard Profiles'!$G$18=$B$24,21,0),0)),0)</f>
        <v>6.493599560866989</v>
      </c>
      <c r="E8599" cm="1">
        <f t="array" ref="E8599">IFERROR(INDEX(Jesper!AI$2:AI$366,ROUNDDOWN($C8599/24,0)+1,1)*INDEX($D$3:$AA$30,INDEX(Jesper!$R$2:$R$366,ROW(INDEX(Jesper!AI$2:AI$366,ROUNDDOWN($C8599/24,0)+1,1))-1)+IF('Standard Profiles'!$G$19=$B$10,7,0)+IF('Standard Profiles'!$G$19=$B$17,14,0)+IF('Standard Profiles'!$G$19=$B$24,21,0),MOD($C8599,24)+1)/SUM(INDEX($D$3:$AA$30,INDEX(Jesper!$R$2:$R$366,ROW(INDEX(Jesper!AI$2:AI$366,ROUNDDOWN($C8599/24,0)+1,1))-1)+IF('Standard Profiles'!$G$19=$B$10,7,0)+IF('Standard Profiles'!$G$19=$B$17,14,0)+IF('Standard Profiles'!$G$19=$B$24,21,0),0)),0)</f>
        <v>1.5577618937625048</v>
      </c>
      <c r="F8599" cm="1">
        <f t="array" ref="F8599">IFERROR(INDEX(Jesper!AJ$2:AJ$366,ROUNDDOWN($C8599/24,0)+1,1)*INDEX($D$3:$AA$30,INDEX(Jesper!$R$2:$R$366,ROW(INDEX(Jesper!AJ$2:AJ$366,ROUNDDOWN($C8599/24,0)+1,1))-1)+IF('Standard Profiles'!$G$20=$B$10,7,0)+IF('Standard Profiles'!$G$20=$B$17,14,0)+IF('Standard Profiles'!$G$20=$B$24,21,0),MOD($C8599,24)+1)/SUM(INDEX($D$3:$AA$30,INDEX(Jesper!$R$2:$R$366,ROW(INDEX(Jesper!AJ$2:AJ$366,ROUNDDOWN($C8599/24,0)+1,1))-1)+IF('Standard Profiles'!$G$20=$B$10,7,0)+IF('Standard Profiles'!$G$20=$B$17,14,0)+IF('Standard Profiles'!$G$20=$B$24,21,0),0)),0)</f>
        <v>0</v>
      </c>
      <c r="G8599" cm="1">
        <f t="array" ref="G8599">IFERROR(INDEX(Jesper!AK$2:AK$366,ROUNDDOWN($C8599/24,0)+1,1)*INDEX($D$3:$AA$30,INDEX(Jesper!$R$2:$R$366,ROW(INDEX(Jesper!AK$2:AK$366,ROUNDDOWN($C8599/24,0)+1,1))-1)+IF('Standard Profiles'!$G$21=$B$10,7,0)+IF('Standard Profiles'!$G$21=$B$17,14,0)+IF('Standard Profiles'!$G$21=$B$24,21,0),MOD($C8599,24)+1)/SUM(INDEX($D$3:$AA$30,INDEX(Jesper!$R$2:$R$366,ROW(INDEX(Jesper!AK$2:AK$366,ROUNDDOWN($C8599/24,0)+1,1))-1)+IF('Standard Profiles'!$G$21=$B$10,7,0)+IF('Standard Profiles'!$G$21=$B$17,14,0)+IF('Standard Profiles'!$G$21=$B$24,21,0),0)),0)</f>
        <v>0</v>
      </c>
      <c r="H8599" cm="1">
        <f t="array" ref="H8599">IFERROR(INDEX(Jesper!AL$2:AL$366,ROUNDDOWN($C8599/24,0)+1,1)*INDEX($D$3:$AA$30,INDEX(Jesper!$R$2:$R$366,ROW(INDEX(Jesper!AL$2:AL$366,ROUNDDOWN($C8599/24,0)+1,1))-1)+IF('Standard Profiles'!$G$22=$B$10,7,0)+IF('Standard Profiles'!$G$22=$B$17,14,0)+IF('Standard Profiles'!$G$22=$B$24,21,0),MOD($C8599,24)+1)/SUM(INDEX($D$3:$AA$30,INDEX(Jesper!$R$2:$R$366,ROW(INDEX(Jesper!AL$2:AL$366,ROUNDDOWN($C8599/24,0)+1,1))-1)+IF('Standard Profiles'!$G$22=$B$10,7,0)+IF('Standard Profiles'!$G$22=$B$17,14,0)+IF('Standard Profiles'!$G$22=$B$24,21,0),0)),0)</f>
        <v>0</v>
      </c>
      <c r="I8599">
        <f t="shared" si="951"/>
        <v>0.14033890934797344</v>
      </c>
      <c r="J8599">
        <f t="shared" si="952"/>
        <v>0.46779636449324485</v>
      </c>
      <c r="K8599">
        <f t="shared" si="953"/>
        <v>0.70169454673986731</v>
      </c>
      <c r="L8599">
        <f t="shared" si="954"/>
        <v>6.7415316340484086</v>
      </c>
      <c r="M8599">
        <f t="shared" si="955"/>
        <v>0</v>
      </c>
      <c r="N8599" s="46">
        <f t="shared" si="956"/>
        <v>45648.874999979227</v>
      </c>
    </row>
    <row r="8600" spans="2:14" x14ac:dyDescent="0.3">
      <c r="B8600">
        <f t="shared" si="950"/>
        <v>7</v>
      </c>
      <c r="C8600" s="16">
        <v>8566</v>
      </c>
      <c r="D8600" cm="1">
        <f t="array" ref="D8600">IFERROR(INDEX(Jesper!AH$2:AH$366,ROUNDDOWN($C8600/24,0)+1,1)*INDEX($D$3:$AA$30,INDEX(Jesper!$R$2:$R$366,ROW(INDEX(Jesper!AH$2:AH$366,ROUNDDOWN($C8600/24,0)+1,1))-1)+IF('Standard Profiles'!$G$18=$B$10,7,0)+IF('Standard Profiles'!$G$18=$B$17,14,0)+IF('Standard Profiles'!$G$18=$B$24,21,0),MOD($C8600,24)+1)/SUM(INDEX($D$3:$AA$30,INDEX(Jesper!$R$2:$R$366,ROW(INDEX(Jesper!AH$2:AH$366,ROUNDDOWN($C8600/24,0)+1,1))-1)+IF('Standard Profiles'!$G$18=$B$10,7,0)+IF('Standard Profiles'!$G$18=$B$17,14,0)+IF('Standard Profiles'!$G$18=$B$24,21,0),0)),0)</f>
        <v>6.493599560866989</v>
      </c>
      <c r="E8600" cm="1">
        <f t="array" ref="E8600">IFERROR(INDEX(Jesper!AI$2:AI$366,ROUNDDOWN($C8600/24,0)+1,1)*INDEX($D$3:$AA$30,INDEX(Jesper!$R$2:$R$366,ROW(INDEX(Jesper!AI$2:AI$366,ROUNDDOWN($C8600/24,0)+1,1))-1)+IF('Standard Profiles'!$G$19=$B$10,7,0)+IF('Standard Profiles'!$G$19=$B$17,14,0)+IF('Standard Profiles'!$G$19=$B$24,21,0),MOD($C8600,24)+1)/SUM(INDEX($D$3:$AA$30,INDEX(Jesper!$R$2:$R$366,ROW(INDEX(Jesper!AI$2:AI$366,ROUNDDOWN($C8600/24,0)+1,1))-1)+IF('Standard Profiles'!$G$19=$B$10,7,0)+IF('Standard Profiles'!$G$19=$B$17,14,0)+IF('Standard Profiles'!$G$19=$B$24,21,0),0)),0)</f>
        <v>1.5577618937625048</v>
      </c>
      <c r="F8600" cm="1">
        <f t="array" ref="F8600">IFERROR(INDEX(Jesper!AJ$2:AJ$366,ROUNDDOWN($C8600/24,0)+1,1)*INDEX($D$3:$AA$30,INDEX(Jesper!$R$2:$R$366,ROW(INDEX(Jesper!AJ$2:AJ$366,ROUNDDOWN($C8600/24,0)+1,1))-1)+IF('Standard Profiles'!$G$20=$B$10,7,0)+IF('Standard Profiles'!$G$20=$B$17,14,0)+IF('Standard Profiles'!$G$20=$B$24,21,0),MOD($C8600,24)+1)/SUM(INDEX($D$3:$AA$30,INDEX(Jesper!$R$2:$R$366,ROW(INDEX(Jesper!AJ$2:AJ$366,ROUNDDOWN($C8600/24,0)+1,1))-1)+IF('Standard Profiles'!$G$20=$B$10,7,0)+IF('Standard Profiles'!$G$20=$B$17,14,0)+IF('Standard Profiles'!$G$20=$B$24,21,0),0)),0)</f>
        <v>0</v>
      </c>
      <c r="G8600" cm="1">
        <f t="array" ref="G8600">IFERROR(INDEX(Jesper!AK$2:AK$366,ROUNDDOWN($C8600/24,0)+1,1)*INDEX($D$3:$AA$30,INDEX(Jesper!$R$2:$R$366,ROW(INDEX(Jesper!AK$2:AK$366,ROUNDDOWN($C8600/24,0)+1,1))-1)+IF('Standard Profiles'!$G$21=$B$10,7,0)+IF('Standard Profiles'!$G$21=$B$17,14,0)+IF('Standard Profiles'!$G$21=$B$24,21,0),MOD($C8600,24)+1)/SUM(INDEX($D$3:$AA$30,INDEX(Jesper!$R$2:$R$366,ROW(INDEX(Jesper!AK$2:AK$366,ROUNDDOWN($C8600/24,0)+1,1))-1)+IF('Standard Profiles'!$G$21=$B$10,7,0)+IF('Standard Profiles'!$G$21=$B$17,14,0)+IF('Standard Profiles'!$G$21=$B$24,21,0),0)),0)</f>
        <v>0</v>
      </c>
      <c r="H8600" cm="1">
        <f t="array" ref="H8600">IFERROR(INDEX(Jesper!AL$2:AL$366,ROUNDDOWN($C8600/24,0)+1,1)*INDEX($D$3:$AA$30,INDEX(Jesper!$R$2:$R$366,ROW(INDEX(Jesper!AL$2:AL$366,ROUNDDOWN($C8600/24,0)+1,1))-1)+IF('Standard Profiles'!$G$22=$B$10,7,0)+IF('Standard Profiles'!$G$22=$B$17,14,0)+IF('Standard Profiles'!$G$22=$B$24,21,0),MOD($C8600,24)+1)/SUM(INDEX($D$3:$AA$30,INDEX(Jesper!$R$2:$R$366,ROW(INDEX(Jesper!AL$2:AL$366,ROUNDDOWN($C8600/24,0)+1,1))-1)+IF('Standard Profiles'!$G$22=$B$10,7,0)+IF('Standard Profiles'!$G$22=$B$17,14,0)+IF('Standard Profiles'!$G$22=$B$24,21,0),0)),0)</f>
        <v>0</v>
      </c>
      <c r="I8600">
        <f t="shared" si="951"/>
        <v>0.14033890934797344</v>
      </c>
      <c r="J8600">
        <f t="shared" si="952"/>
        <v>0.46779636449324485</v>
      </c>
      <c r="K8600">
        <f t="shared" si="953"/>
        <v>0.70169454673986731</v>
      </c>
      <c r="L8600">
        <f t="shared" si="954"/>
        <v>6.7415316340484086</v>
      </c>
      <c r="M8600">
        <f t="shared" si="955"/>
        <v>0</v>
      </c>
      <c r="N8600" s="46">
        <f t="shared" si="956"/>
        <v>45648.916666645891</v>
      </c>
    </row>
    <row r="8601" spans="2:14" x14ac:dyDescent="0.3">
      <c r="B8601">
        <f t="shared" si="950"/>
        <v>7</v>
      </c>
      <c r="C8601" s="16">
        <v>8567</v>
      </c>
      <c r="D8601" cm="1">
        <f t="array" ref="D8601">IFERROR(INDEX(Jesper!AH$2:AH$366,ROUNDDOWN($C8601/24,0)+1,1)*INDEX($D$3:$AA$30,INDEX(Jesper!$R$2:$R$366,ROW(INDEX(Jesper!AH$2:AH$366,ROUNDDOWN($C8601/24,0)+1,1))-1)+IF('Standard Profiles'!$G$18=$B$10,7,0)+IF('Standard Profiles'!$G$18=$B$17,14,0)+IF('Standard Profiles'!$G$18=$B$24,21,0),MOD($C8601,24)+1)/SUM(INDEX($D$3:$AA$30,INDEX(Jesper!$R$2:$R$366,ROW(INDEX(Jesper!AH$2:AH$366,ROUNDDOWN($C8601/24,0)+1,1))-1)+IF('Standard Profiles'!$G$18=$B$10,7,0)+IF('Standard Profiles'!$G$18=$B$17,14,0)+IF('Standard Profiles'!$G$18=$B$24,21,0),0)),0)</f>
        <v>6.493599560866989</v>
      </c>
      <c r="E8601" cm="1">
        <f t="array" ref="E8601">IFERROR(INDEX(Jesper!AI$2:AI$366,ROUNDDOWN($C8601/24,0)+1,1)*INDEX($D$3:$AA$30,INDEX(Jesper!$R$2:$R$366,ROW(INDEX(Jesper!AI$2:AI$366,ROUNDDOWN($C8601/24,0)+1,1))-1)+IF('Standard Profiles'!$G$19=$B$10,7,0)+IF('Standard Profiles'!$G$19=$B$17,14,0)+IF('Standard Profiles'!$G$19=$B$24,21,0),MOD($C8601,24)+1)/SUM(INDEX($D$3:$AA$30,INDEX(Jesper!$R$2:$R$366,ROW(INDEX(Jesper!AI$2:AI$366,ROUNDDOWN($C8601/24,0)+1,1))-1)+IF('Standard Profiles'!$G$19=$B$10,7,0)+IF('Standard Profiles'!$G$19=$B$17,14,0)+IF('Standard Profiles'!$G$19=$B$24,21,0),0)),0)</f>
        <v>1.5577618937625048</v>
      </c>
      <c r="F8601" cm="1">
        <f t="array" ref="F8601">IFERROR(INDEX(Jesper!AJ$2:AJ$366,ROUNDDOWN($C8601/24,0)+1,1)*INDEX($D$3:$AA$30,INDEX(Jesper!$R$2:$R$366,ROW(INDEX(Jesper!AJ$2:AJ$366,ROUNDDOWN($C8601/24,0)+1,1))-1)+IF('Standard Profiles'!$G$20=$B$10,7,0)+IF('Standard Profiles'!$G$20=$B$17,14,0)+IF('Standard Profiles'!$G$20=$B$24,21,0),MOD($C8601,24)+1)/SUM(INDEX($D$3:$AA$30,INDEX(Jesper!$R$2:$R$366,ROW(INDEX(Jesper!AJ$2:AJ$366,ROUNDDOWN($C8601/24,0)+1,1))-1)+IF('Standard Profiles'!$G$20=$B$10,7,0)+IF('Standard Profiles'!$G$20=$B$17,14,0)+IF('Standard Profiles'!$G$20=$B$24,21,0),0)),0)</f>
        <v>0</v>
      </c>
      <c r="G8601" cm="1">
        <f t="array" ref="G8601">IFERROR(INDEX(Jesper!AK$2:AK$366,ROUNDDOWN($C8601/24,0)+1,1)*INDEX($D$3:$AA$30,INDEX(Jesper!$R$2:$R$366,ROW(INDEX(Jesper!AK$2:AK$366,ROUNDDOWN($C8601/24,0)+1,1))-1)+IF('Standard Profiles'!$G$21=$B$10,7,0)+IF('Standard Profiles'!$G$21=$B$17,14,0)+IF('Standard Profiles'!$G$21=$B$24,21,0),MOD($C8601,24)+1)/SUM(INDEX($D$3:$AA$30,INDEX(Jesper!$R$2:$R$366,ROW(INDEX(Jesper!AK$2:AK$366,ROUNDDOWN($C8601/24,0)+1,1))-1)+IF('Standard Profiles'!$G$21=$B$10,7,0)+IF('Standard Profiles'!$G$21=$B$17,14,0)+IF('Standard Profiles'!$G$21=$B$24,21,0),0)),0)</f>
        <v>0</v>
      </c>
      <c r="H8601" cm="1">
        <f t="array" ref="H8601">IFERROR(INDEX(Jesper!AL$2:AL$366,ROUNDDOWN($C8601/24,0)+1,1)*INDEX($D$3:$AA$30,INDEX(Jesper!$R$2:$R$366,ROW(INDEX(Jesper!AL$2:AL$366,ROUNDDOWN($C8601/24,0)+1,1))-1)+IF('Standard Profiles'!$G$22=$B$10,7,0)+IF('Standard Profiles'!$G$22=$B$17,14,0)+IF('Standard Profiles'!$G$22=$B$24,21,0),MOD($C8601,24)+1)/SUM(INDEX($D$3:$AA$30,INDEX(Jesper!$R$2:$R$366,ROW(INDEX(Jesper!AL$2:AL$366,ROUNDDOWN($C8601/24,0)+1,1))-1)+IF('Standard Profiles'!$G$22=$B$10,7,0)+IF('Standard Profiles'!$G$22=$B$17,14,0)+IF('Standard Profiles'!$G$22=$B$24,21,0),0)),0)</f>
        <v>0</v>
      </c>
      <c r="I8601">
        <f t="shared" si="951"/>
        <v>0.14033890934797344</v>
      </c>
      <c r="J8601">
        <f t="shared" si="952"/>
        <v>0.46779636449324485</v>
      </c>
      <c r="K8601">
        <f t="shared" si="953"/>
        <v>0.70169454673986731</v>
      </c>
      <c r="L8601">
        <f t="shared" si="954"/>
        <v>6.7415316340484086</v>
      </c>
      <c r="M8601">
        <f t="shared" si="955"/>
        <v>0</v>
      </c>
      <c r="N8601" s="46">
        <f t="shared" si="956"/>
        <v>45648.958333312556</v>
      </c>
    </row>
    <row r="8602" spans="2:14" x14ac:dyDescent="0.3">
      <c r="B8602">
        <f t="shared" si="950"/>
        <v>1</v>
      </c>
      <c r="C8602" s="16">
        <v>8568</v>
      </c>
      <c r="D8602" cm="1">
        <f t="array" ref="D8602">IFERROR(INDEX(Jesper!AH$2:AH$366,ROUNDDOWN($C8602/24,0)+1,1)*INDEX($D$3:$AA$30,INDEX(Jesper!$R$2:$R$366,ROW(INDEX(Jesper!AH$2:AH$366,ROUNDDOWN($C8602/24,0)+1,1))-1)+IF('Standard Profiles'!$G$18=$B$10,7,0)+IF('Standard Profiles'!$G$18=$B$17,14,0)+IF('Standard Profiles'!$G$18=$B$24,21,0),MOD($C8602,24)+1)/SUM(INDEX($D$3:$AA$30,INDEX(Jesper!$R$2:$R$366,ROW(INDEX(Jesper!AH$2:AH$366,ROUNDDOWN($C8602/24,0)+1,1))-1)+IF('Standard Profiles'!$G$18=$B$10,7,0)+IF('Standard Profiles'!$G$18=$B$17,14,0)+IF('Standard Profiles'!$G$18=$B$24,21,0),0)),0)</f>
        <v>2.8434821057580737</v>
      </c>
      <c r="E8602" cm="1">
        <f t="array" ref="E8602">IFERROR(INDEX(Jesper!AI$2:AI$366,ROUNDDOWN($C8602/24,0)+1,1)*INDEX($D$3:$AA$30,INDEX(Jesper!$R$2:$R$366,ROW(INDEX(Jesper!AI$2:AI$366,ROUNDDOWN($C8602/24,0)+1,1))-1)+IF('Standard Profiles'!$G$19=$B$10,7,0)+IF('Standard Profiles'!$G$19=$B$17,14,0)+IF('Standard Profiles'!$G$19=$B$24,21,0),MOD($C8602,24)+1)/SUM(INDEX($D$3:$AA$30,INDEX(Jesper!$R$2:$R$366,ROW(INDEX(Jesper!AI$2:AI$366,ROUNDDOWN($C8602/24,0)+1,1))-1)+IF('Standard Profiles'!$G$19=$B$10,7,0)+IF('Standard Profiles'!$G$19=$B$17,14,0)+IF('Standard Profiles'!$G$19=$B$24,21,0),0)),0)</f>
        <v>0</v>
      </c>
      <c r="F8602" cm="1">
        <f t="array" ref="F8602">IFERROR(INDEX(Jesper!AJ$2:AJ$366,ROUNDDOWN($C8602/24,0)+1,1)*INDEX($D$3:$AA$30,INDEX(Jesper!$R$2:$R$366,ROW(INDEX(Jesper!AJ$2:AJ$366,ROUNDDOWN($C8602/24,0)+1,1))-1)+IF('Standard Profiles'!$G$20=$B$10,7,0)+IF('Standard Profiles'!$G$20=$B$17,14,0)+IF('Standard Profiles'!$G$20=$B$24,21,0),MOD($C8602,24)+1)/SUM(INDEX($D$3:$AA$30,INDEX(Jesper!$R$2:$R$366,ROW(INDEX(Jesper!AJ$2:AJ$366,ROUNDDOWN($C8602/24,0)+1,1))-1)+IF('Standard Profiles'!$G$20=$B$10,7,0)+IF('Standard Profiles'!$G$20=$B$17,14,0)+IF('Standard Profiles'!$G$20=$B$24,21,0),0)),0)</f>
        <v>0</v>
      </c>
      <c r="G8602" cm="1">
        <f t="array" ref="G8602">IFERROR(INDEX(Jesper!AK$2:AK$366,ROUNDDOWN($C8602/24,0)+1,1)*INDEX($D$3:$AA$30,INDEX(Jesper!$R$2:$R$366,ROW(INDEX(Jesper!AK$2:AK$366,ROUNDDOWN($C8602/24,0)+1,1))-1)+IF('Standard Profiles'!$G$21=$B$10,7,0)+IF('Standard Profiles'!$G$21=$B$17,14,0)+IF('Standard Profiles'!$G$21=$B$24,21,0),MOD($C8602,24)+1)/SUM(INDEX($D$3:$AA$30,INDEX(Jesper!$R$2:$R$366,ROW(INDEX(Jesper!AK$2:AK$366,ROUNDDOWN($C8602/24,0)+1,1))-1)+IF('Standard Profiles'!$G$21=$B$10,7,0)+IF('Standard Profiles'!$G$21=$B$17,14,0)+IF('Standard Profiles'!$G$21=$B$24,21,0),0)),0)</f>
        <v>0</v>
      </c>
      <c r="H8602" cm="1">
        <f t="array" ref="H8602">IFERROR(INDEX(Jesper!AL$2:AL$366,ROUNDDOWN($C8602/24,0)+1,1)*INDEX($D$3:$AA$30,INDEX(Jesper!$R$2:$R$366,ROW(INDEX(Jesper!AL$2:AL$366,ROUNDDOWN($C8602/24,0)+1,1))-1)+IF('Standard Profiles'!$G$22=$B$10,7,0)+IF('Standard Profiles'!$G$22=$B$17,14,0)+IF('Standard Profiles'!$G$22=$B$24,21,0),MOD($C8602,24)+1)/SUM(INDEX($D$3:$AA$30,INDEX(Jesper!$R$2:$R$366,ROW(INDEX(Jesper!AL$2:AL$366,ROUNDDOWN($C8602/24,0)+1,1))-1)+IF('Standard Profiles'!$G$22=$B$10,7,0)+IF('Standard Profiles'!$G$22=$B$17,14,0)+IF('Standard Profiles'!$G$22=$B$24,21,0),0)),0)</f>
        <v>0</v>
      </c>
      <c r="I8602">
        <f t="shared" si="951"/>
        <v>8.5304463172742206E-2</v>
      </c>
      <c r="J8602">
        <f t="shared" si="952"/>
        <v>0.28434821057580739</v>
      </c>
      <c r="K8602">
        <f t="shared" si="953"/>
        <v>0.42652231586371103</v>
      </c>
      <c r="L8602">
        <f t="shared" si="954"/>
        <v>2.047307116145813</v>
      </c>
      <c r="M8602">
        <f t="shared" si="955"/>
        <v>0</v>
      </c>
      <c r="N8602" s="46">
        <f t="shared" si="956"/>
        <v>45648.99999997922</v>
      </c>
    </row>
    <row r="8603" spans="2:14" x14ac:dyDescent="0.3">
      <c r="B8603">
        <f t="shared" si="950"/>
        <v>1</v>
      </c>
      <c r="C8603" s="16">
        <v>8569</v>
      </c>
      <c r="D8603" cm="1">
        <f t="array" ref="D8603">IFERROR(INDEX(Jesper!AH$2:AH$366,ROUNDDOWN($C8603/24,0)+1,1)*INDEX($D$3:$AA$30,INDEX(Jesper!$R$2:$R$366,ROW(INDEX(Jesper!AH$2:AH$366,ROUNDDOWN($C8603/24,0)+1,1))-1)+IF('Standard Profiles'!$G$18=$B$10,7,0)+IF('Standard Profiles'!$G$18=$B$17,14,0)+IF('Standard Profiles'!$G$18=$B$24,21,0),MOD($C8603,24)+1)/SUM(INDEX($D$3:$AA$30,INDEX(Jesper!$R$2:$R$366,ROW(INDEX(Jesper!AH$2:AH$366,ROUNDDOWN($C8603/24,0)+1,1))-1)+IF('Standard Profiles'!$G$18=$B$10,7,0)+IF('Standard Profiles'!$G$18=$B$17,14,0)+IF('Standard Profiles'!$G$18=$B$24,21,0),0)),0)</f>
        <v>2.8434821057580737</v>
      </c>
      <c r="E8603" cm="1">
        <f t="array" ref="E8603">IFERROR(INDEX(Jesper!AI$2:AI$366,ROUNDDOWN($C8603/24,0)+1,1)*INDEX($D$3:$AA$30,INDEX(Jesper!$R$2:$R$366,ROW(INDEX(Jesper!AI$2:AI$366,ROUNDDOWN($C8603/24,0)+1,1))-1)+IF('Standard Profiles'!$G$19=$B$10,7,0)+IF('Standard Profiles'!$G$19=$B$17,14,0)+IF('Standard Profiles'!$G$19=$B$24,21,0),MOD($C8603,24)+1)/SUM(INDEX($D$3:$AA$30,INDEX(Jesper!$R$2:$R$366,ROW(INDEX(Jesper!AI$2:AI$366,ROUNDDOWN($C8603/24,0)+1,1))-1)+IF('Standard Profiles'!$G$19=$B$10,7,0)+IF('Standard Profiles'!$G$19=$B$17,14,0)+IF('Standard Profiles'!$G$19=$B$24,21,0),0)),0)</f>
        <v>0</v>
      </c>
      <c r="F8603" cm="1">
        <f t="array" ref="F8603">IFERROR(INDEX(Jesper!AJ$2:AJ$366,ROUNDDOWN($C8603/24,0)+1,1)*INDEX($D$3:$AA$30,INDEX(Jesper!$R$2:$R$366,ROW(INDEX(Jesper!AJ$2:AJ$366,ROUNDDOWN($C8603/24,0)+1,1))-1)+IF('Standard Profiles'!$G$20=$B$10,7,0)+IF('Standard Profiles'!$G$20=$B$17,14,0)+IF('Standard Profiles'!$G$20=$B$24,21,0),MOD($C8603,24)+1)/SUM(INDEX($D$3:$AA$30,INDEX(Jesper!$R$2:$R$366,ROW(INDEX(Jesper!AJ$2:AJ$366,ROUNDDOWN($C8603/24,0)+1,1))-1)+IF('Standard Profiles'!$G$20=$B$10,7,0)+IF('Standard Profiles'!$G$20=$B$17,14,0)+IF('Standard Profiles'!$G$20=$B$24,21,0),0)),0)</f>
        <v>0</v>
      </c>
      <c r="G8603" cm="1">
        <f t="array" ref="G8603">IFERROR(INDEX(Jesper!AK$2:AK$366,ROUNDDOWN($C8603/24,0)+1,1)*INDEX($D$3:$AA$30,INDEX(Jesper!$R$2:$R$366,ROW(INDEX(Jesper!AK$2:AK$366,ROUNDDOWN($C8603/24,0)+1,1))-1)+IF('Standard Profiles'!$G$21=$B$10,7,0)+IF('Standard Profiles'!$G$21=$B$17,14,0)+IF('Standard Profiles'!$G$21=$B$24,21,0),MOD($C8603,24)+1)/SUM(INDEX($D$3:$AA$30,INDEX(Jesper!$R$2:$R$366,ROW(INDEX(Jesper!AK$2:AK$366,ROUNDDOWN($C8603/24,0)+1,1))-1)+IF('Standard Profiles'!$G$21=$B$10,7,0)+IF('Standard Profiles'!$G$21=$B$17,14,0)+IF('Standard Profiles'!$G$21=$B$24,21,0),0)),0)</f>
        <v>0</v>
      </c>
      <c r="H8603" cm="1">
        <f t="array" ref="H8603">IFERROR(INDEX(Jesper!AL$2:AL$366,ROUNDDOWN($C8603/24,0)+1,1)*INDEX($D$3:$AA$30,INDEX(Jesper!$R$2:$R$366,ROW(INDEX(Jesper!AL$2:AL$366,ROUNDDOWN($C8603/24,0)+1,1))-1)+IF('Standard Profiles'!$G$22=$B$10,7,0)+IF('Standard Profiles'!$G$22=$B$17,14,0)+IF('Standard Profiles'!$G$22=$B$24,21,0),MOD($C8603,24)+1)/SUM(INDEX($D$3:$AA$30,INDEX(Jesper!$R$2:$R$366,ROW(INDEX(Jesper!AL$2:AL$366,ROUNDDOWN($C8603/24,0)+1,1))-1)+IF('Standard Profiles'!$G$22=$B$10,7,0)+IF('Standard Profiles'!$G$22=$B$17,14,0)+IF('Standard Profiles'!$G$22=$B$24,21,0),0)),0)</f>
        <v>0</v>
      </c>
      <c r="I8603">
        <f t="shared" si="951"/>
        <v>8.5304463172742206E-2</v>
      </c>
      <c r="J8603">
        <f t="shared" si="952"/>
        <v>0.28434821057580739</v>
      </c>
      <c r="K8603">
        <f t="shared" si="953"/>
        <v>0.42652231586371103</v>
      </c>
      <c r="L8603">
        <f t="shared" si="954"/>
        <v>2.047307116145813</v>
      </c>
      <c r="M8603">
        <f t="shared" si="955"/>
        <v>0</v>
      </c>
      <c r="N8603" s="46">
        <f t="shared" si="956"/>
        <v>45649.041666645884</v>
      </c>
    </row>
    <row r="8604" spans="2:14" x14ac:dyDescent="0.3">
      <c r="B8604">
        <f t="shared" si="950"/>
        <v>1</v>
      </c>
      <c r="C8604" s="16">
        <v>8570</v>
      </c>
      <c r="D8604" cm="1">
        <f t="array" ref="D8604">IFERROR(INDEX(Jesper!AH$2:AH$366,ROUNDDOWN($C8604/24,0)+1,1)*INDEX($D$3:$AA$30,INDEX(Jesper!$R$2:$R$366,ROW(INDEX(Jesper!AH$2:AH$366,ROUNDDOWN($C8604/24,0)+1,1))-1)+IF('Standard Profiles'!$G$18=$B$10,7,0)+IF('Standard Profiles'!$G$18=$B$17,14,0)+IF('Standard Profiles'!$G$18=$B$24,21,0),MOD($C8604,24)+1)/SUM(INDEX($D$3:$AA$30,INDEX(Jesper!$R$2:$R$366,ROW(INDEX(Jesper!AH$2:AH$366,ROUNDDOWN($C8604/24,0)+1,1))-1)+IF('Standard Profiles'!$G$18=$B$10,7,0)+IF('Standard Profiles'!$G$18=$B$17,14,0)+IF('Standard Profiles'!$G$18=$B$24,21,0),0)),0)</f>
        <v>2.8434821057580737</v>
      </c>
      <c r="E8604" cm="1">
        <f t="array" ref="E8604">IFERROR(INDEX(Jesper!AI$2:AI$366,ROUNDDOWN($C8604/24,0)+1,1)*INDEX($D$3:$AA$30,INDEX(Jesper!$R$2:$R$366,ROW(INDEX(Jesper!AI$2:AI$366,ROUNDDOWN($C8604/24,0)+1,1))-1)+IF('Standard Profiles'!$G$19=$B$10,7,0)+IF('Standard Profiles'!$G$19=$B$17,14,0)+IF('Standard Profiles'!$G$19=$B$24,21,0),MOD($C8604,24)+1)/SUM(INDEX($D$3:$AA$30,INDEX(Jesper!$R$2:$R$366,ROW(INDEX(Jesper!AI$2:AI$366,ROUNDDOWN($C8604/24,0)+1,1))-1)+IF('Standard Profiles'!$G$19=$B$10,7,0)+IF('Standard Profiles'!$G$19=$B$17,14,0)+IF('Standard Profiles'!$G$19=$B$24,21,0),0)),0)</f>
        <v>0</v>
      </c>
      <c r="F8604" cm="1">
        <f t="array" ref="F8604">IFERROR(INDEX(Jesper!AJ$2:AJ$366,ROUNDDOWN($C8604/24,0)+1,1)*INDEX($D$3:$AA$30,INDEX(Jesper!$R$2:$R$366,ROW(INDEX(Jesper!AJ$2:AJ$366,ROUNDDOWN($C8604/24,0)+1,1))-1)+IF('Standard Profiles'!$G$20=$B$10,7,0)+IF('Standard Profiles'!$G$20=$B$17,14,0)+IF('Standard Profiles'!$G$20=$B$24,21,0),MOD($C8604,24)+1)/SUM(INDEX($D$3:$AA$30,INDEX(Jesper!$R$2:$R$366,ROW(INDEX(Jesper!AJ$2:AJ$366,ROUNDDOWN($C8604/24,0)+1,1))-1)+IF('Standard Profiles'!$G$20=$B$10,7,0)+IF('Standard Profiles'!$G$20=$B$17,14,0)+IF('Standard Profiles'!$G$20=$B$24,21,0),0)),0)</f>
        <v>0</v>
      </c>
      <c r="G8604" cm="1">
        <f t="array" ref="G8604">IFERROR(INDEX(Jesper!AK$2:AK$366,ROUNDDOWN($C8604/24,0)+1,1)*INDEX($D$3:$AA$30,INDEX(Jesper!$R$2:$R$366,ROW(INDEX(Jesper!AK$2:AK$366,ROUNDDOWN($C8604/24,0)+1,1))-1)+IF('Standard Profiles'!$G$21=$B$10,7,0)+IF('Standard Profiles'!$G$21=$B$17,14,0)+IF('Standard Profiles'!$G$21=$B$24,21,0),MOD($C8604,24)+1)/SUM(INDEX($D$3:$AA$30,INDEX(Jesper!$R$2:$R$366,ROW(INDEX(Jesper!AK$2:AK$366,ROUNDDOWN($C8604/24,0)+1,1))-1)+IF('Standard Profiles'!$G$21=$B$10,7,0)+IF('Standard Profiles'!$G$21=$B$17,14,0)+IF('Standard Profiles'!$G$21=$B$24,21,0),0)),0)</f>
        <v>0</v>
      </c>
      <c r="H8604" cm="1">
        <f t="array" ref="H8604">IFERROR(INDEX(Jesper!AL$2:AL$366,ROUNDDOWN($C8604/24,0)+1,1)*INDEX($D$3:$AA$30,INDEX(Jesper!$R$2:$R$366,ROW(INDEX(Jesper!AL$2:AL$366,ROUNDDOWN($C8604/24,0)+1,1))-1)+IF('Standard Profiles'!$G$22=$B$10,7,0)+IF('Standard Profiles'!$G$22=$B$17,14,0)+IF('Standard Profiles'!$G$22=$B$24,21,0),MOD($C8604,24)+1)/SUM(INDEX($D$3:$AA$30,INDEX(Jesper!$R$2:$R$366,ROW(INDEX(Jesper!AL$2:AL$366,ROUNDDOWN($C8604/24,0)+1,1))-1)+IF('Standard Profiles'!$G$22=$B$10,7,0)+IF('Standard Profiles'!$G$22=$B$17,14,0)+IF('Standard Profiles'!$G$22=$B$24,21,0),0)),0)</f>
        <v>0</v>
      </c>
      <c r="I8604">
        <f t="shared" si="951"/>
        <v>8.5304463172742206E-2</v>
      </c>
      <c r="J8604">
        <f t="shared" si="952"/>
        <v>0.28434821057580739</v>
      </c>
      <c r="K8604">
        <f t="shared" si="953"/>
        <v>0.42652231586371103</v>
      </c>
      <c r="L8604">
        <f t="shared" si="954"/>
        <v>2.047307116145813</v>
      </c>
      <c r="M8604">
        <f t="shared" si="955"/>
        <v>0</v>
      </c>
      <c r="N8604" s="46">
        <f t="shared" si="956"/>
        <v>45649.083333312548</v>
      </c>
    </row>
    <row r="8605" spans="2:14" x14ac:dyDescent="0.3">
      <c r="B8605">
        <f t="shared" si="950"/>
        <v>1</v>
      </c>
      <c r="C8605" s="16">
        <v>8571</v>
      </c>
      <c r="D8605" cm="1">
        <f t="array" ref="D8605">IFERROR(INDEX(Jesper!AH$2:AH$366,ROUNDDOWN($C8605/24,0)+1,1)*INDEX($D$3:$AA$30,INDEX(Jesper!$R$2:$R$366,ROW(INDEX(Jesper!AH$2:AH$366,ROUNDDOWN($C8605/24,0)+1,1))-1)+IF('Standard Profiles'!$G$18=$B$10,7,0)+IF('Standard Profiles'!$G$18=$B$17,14,0)+IF('Standard Profiles'!$G$18=$B$24,21,0),MOD($C8605,24)+1)/SUM(INDEX($D$3:$AA$30,INDEX(Jesper!$R$2:$R$366,ROW(INDEX(Jesper!AH$2:AH$366,ROUNDDOWN($C8605/24,0)+1,1))-1)+IF('Standard Profiles'!$G$18=$B$10,7,0)+IF('Standard Profiles'!$G$18=$B$17,14,0)+IF('Standard Profiles'!$G$18=$B$24,21,0),0)),0)</f>
        <v>2.8434821057580737</v>
      </c>
      <c r="E8605" cm="1">
        <f t="array" ref="E8605">IFERROR(INDEX(Jesper!AI$2:AI$366,ROUNDDOWN($C8605/24,0)+1,1)*INDEX($D$3:$AA$30,INDEX(Jesper!$R$2:$R$366,ROW(INDEX(Jesper!AI$2:AI$366,ROUNDDOWN($C8605/24,0)+1,1))-1)+IF('Standard Profiles'!$G$19=$B$10,7,0)+IF('Standard Profiles'!$G$19=$B$17,14,0)+IF('Standard Profiles'!$G$19=$B$24,21,0),MOD($C8605,24)+1)/SUM(INDEX($D$3:$AA$30,INDEX(Jesper!$R$2:$R$366,ROW(INDEX(Jesper!AI$2:AI$366,ROUNDDOWN($C8605/24,0)+1,1))-1)+IF('Standard Profiles'!$G$19=$B$10,7,0)+IF('Standard Profiles'!$G$19=$B$17,14,0)+IF('Standard Profiles'!$G$19=$B$24,21,0),0)),0)</f>
        <v>0</v>
      </c>
      <c r="F8605" cm="1">
        <f t="array" ref="F8605">IFERROR(INDEX(Jesper!AJ$2:AJ$366,ROUNDDOWN($C8605/24,0)+1,1)*INDEX($D$3:$AA$30,INDEX(Jesper!$R$2:$R$366,ROW(INDEX(Jesper!AJ$2:AJ$366,ROUNDDOWN($C8605/24,0)+1,1))-1)+IF('Standard Profiles'!$G$20=$B$10,7,0)+IF('Standard Profiles'!$G$20=$B$17,14,0)+IF('Standard Profiles'!$G$20=$B$24,21,0),MOD($C8605,24)+1)/SUM(INDEX($D$3:$AA$30,INDEX(Jesper!$R$2:$R$366,ROW(INDEX(Jesper!AJ$2:AJ$366,ROUNDDOWN($C8605/24,0)+1,1))-1)+IF('Standard Profiles'!$G$20=$B$10,7,0)+IF('Standard Profiles'!$G$20=$B$17,14,0)+IF('Standard Profiles'!$G$20=$B$24,21,0),0)),0)</f>
        <v>0</v>
      </c>
      <c r="G8605" cm="1">
        <f t="array" ref="G8605">IFERROR(INDEX(Jesper!AK$2:AK$366,ROUNDDOWN($C8605/24,0)+1,1)*INDEX($D$3:$AA$30,INDEX(Jesper!$R$2:$R$366,ROW(INDEX(Jesper!AK$2:AK$366,ROUNDDOWN($C8605/24,0)+1,1))-1)+IF('Standard Profiles'!$G$21=$B$10,7,0)+IF('Standard Profiles'!$G$21=$B$17,14,0)+IF('Standard Profiles'!$G$21=$B$24,21,0),MOD($C8605,24)+1)/SUM(INDEX($D$3:$AA$30,INDEX(Jesper!$R$2:$R$366,ROW(INDEX(Jesper!AK$2:AK$366,ROUNDDOWN($C8605/24,0)+1,1))-1)+IF('Standard Profiles'!$G$21=$B$10,7,0)+IF('Standard Profiles'!$G$21=$B$17,14,0)+IF('Standard Profiles'!$G$21=$B$24,21,0),0)),0)</f>
        <v>0</v>
      </c>
      <c r="H8605" cm="1">
        <f t="array" ref="H8605">IFERROR(INDEX(Jesper!AL$2:AL$366,ROUNDDOWN($C8605/24,0)+1,1)*INDEX($D$3:$AA$30,INDEX(Jesper!$R$2:$R$366,ROW(INDEX(Jesper!AL$2:AL$366,ROUNDDOWN($C8605/24,0)+1,1))-1)+IF('Standard Profiles'!$G$22=$B$10,7,0)+IF('Standard Profiles'!$G$22=$B$17,14,0)+IF('Standard Profiles'!$G$22=$B$24,21,0),MOD($C8605,24)+1)/SUM(INDEX($D$3:$AA$30,INDEX(Jesper!$R$2:$R$366,ROW(INDEX(Jesper!AL$2:AL$366,ROUNDDOWN($C8605/24,0)+1,1))-1)+IF('Standard Profiles'!$G$22=$B$10,7,0)+IF('Standard Profiles'!$G$22=$B$17,14,0)+IF('Standard Profiles'!$G$22=$B$24,21,0),0)),0)</f>
        <v>0</v>
      </c>
      <c r="I8605">
        <f t="shared" si="951"/>
        <v>8.5304463172742206E-2</v>
      </c>
      <c r="J8605">
        <f t="shared" si="952"/>
        <v>0.28434821057580739</v>
      </c>
      <c r="K8605">
        <f t="shared" si="953"/>
        <v>0.42652231586371103</v>
      </c>
      <c r="L8605">
        <f t="shared" si="954"/>
        <v>2.047307116145813</v>
      </c>
      <c r="M8605">
        <f t="shared" si="955"/>
        <v>0</v>
      </c>
      <c r="N8605" s="46">
        <f t="shared" si="956"/>
        <v>45649.124999979213</v>
      </c>
    </row>
    <row r="8606" spans="2:14" x14ac:dyDescent="0.3">
      <c r="B8606">
        <f t="shared" si="950"/>
        <v>1</v>
      </c>
      <c r="C8606" s="16">
        <v>8572</v>
      </c>
      <c r="D8606" cm="1">
        <f t="array" ref="D8606">IFERROR(INDEX(Jesper!AH$2:AH$366,ROUNDDOWN($C8606/24,0)+1,1)*INDEX($D$3:$AA$30,INDEX(Jesper!$R$2:$R$366,ROW(INDEX(Jesper!AH$2:AH$366,ROUNDDOWN($C8606/24,0)+1,1))-1)+IF('Standard Profiles'!$G$18=$B$10,7,0)+IF('Standard Profiles'!$G$18=$B$17,14,0)+IF('Standard Profiles'!$G$18=$B$24,21,0),MOD($C8606,24)+1)/SUM(INDEX($D$3:$AA$30,INDEX(Jesper!$R$2:$R$366,ROW(INDEX(Jesper!AH$2:AH$366,ROUNDDOWN($C8606/24,0)+1,1))-1)+IF('Standard Profiles'!$G$18=$B$10,7,0)+IF('Standard Profiles'!$G$18=$B$17,14,0)+IF('Standard Profiles'!$G$18=$B$24,21,0),0)),0)</f>
        <v>2.8434821057580737</v>
      </c>
      <c r="E8606" cm="1">
        <f t="array" ref="E8606">IFERROR(INDEX(Jesper!AI$2:AI$366,ROUNDDOWN($C8606/24,0)+1,1)*INDEX($D$3:$AA$30,INDEX(Jesper!$R$2:$R$366,ROW(INDEX(Jesper!AI$2:AI$366,ROUNDDOWN($C8606/24,0)+1,1))-1)+IF('Standard Profiles'!$G$19=$B$10,7,0)+IF('Standard Profiles'!$G$19=$B$17,14,0)+IF('Standard Profiles'!$G$19=$B$24,21,0),MOD($C8606,24)+1)/SUM(INDEX($D$3:$AA$30,INDEX(Jesper!$R$2:$R$366,ROW(INDEX(Jesper!AI$2:AI$366,ROUNDDOWN($C8606/24,0)+1,1))-1)+IF('Standard Profiles'!$G$19=$B$10,7,0)+IF('Standard Profiles'!$G$19=$B$17,14,0)+IF('Standard Profiles'!$G$19=$B$24,21,0),0)),0)</f>
        <v>0</v>
      </c>
      <c r="F8606" cm="1">
        <f t="array" ref="F8606">IFERROR(INDEX(Jesper!AJ$2:AJ$366,ROUNDDOWN($C8606/24,0)+1,1)*INDEX($D$3:$AA$30,INDEX(Jesper!$R$2:$R$366,ROW(INDEX(Jesper!AJ$2:AJ$366,ROUNDDOWN($C8606/24,0)+1,1))-1)+IF('Standard Profiles'!$G$20=$B$10,7,0)+IF('Standard Profiles'!$G$20=$B$17,14,0)+IF('Standard Profiles'!$G$20=$B$24,21,0),MOD($C8606,24)+1)/SUM(INDEX($D$3:$AA$30,INDEX(Jesper!$R$2:$R$366,ROW(INDEX(Jesper!AJ$2:AJ$366,ROUNDDOWN($C8606/24,0)+1,1))-1)+IF('Standard Profiles'!$G$20=$B$10,7,0)+IF('Standard Profiles'!$G$20=$B$17,14,0)+IF('Standard Profiles'!$G$20=$B$24,21,0),0)),0)</f>
        <v>0</v>
      </c>
      <c r="G8606" cm="1">
        <f t="array" ref="G8606">IFERROR(INDEX(Jesper!AK$2:AK$366,ROUNDDOWN($C8606/24,0)+1,1)*INDEX($D$3:$AA$30,INDEX(Jesper!$R$2:$R$366,ROW(INDEX(Jesper!AK$2:AK$366,ROUNDDOWN($C8606/24,0)+1,1))-1)+IF('Standard Profiles'!$G$21=$B$10,7,0)+IF('Standard Profiles'!$G$21=$B$17,14,0)+IF('Standard Profiles'!$G$21=$B$24,21,0),MOD($C8606,24)+1)/SUM(INDEX($D$3:$AA$30,INDEX(Jesper!$R$2:$R$366,ROW(INDEX(Jesper!AK$2:AK$366,ROUNDDOWN($C8606/24,0)+1,1))-1)+IF('Standard Profiles'!$G$21=$B$10,7,0)+IF('Standard Profiles'!$G$21=$B$17,14,0)+IF('Standard Profiles'!$G$21=$B$24,21,0),0)),0)</f>
        <v>0</v>
      </c>
      <c r="H8606" cm="1">
        <f t="array" ref="H8606">IFERROR(INDEX(Jesper!AL$2:AL$366,ROUNDDOWN($C8606/24,0)+1,1)*INDEX($D$3:$AA$30,INDEX(Jesper!$R$2:$R$366,ROW(INDEX(Jesper!AL$2:AL$366,ROUNDDOWN($C8606/24,0)+1,1))-1)+IF('Standard Profiles'!$G$22=$B$10,7,0)+IF('Standard Profiles'!$G$22=$B$17,14,0)+IF('Standard Profiles'!$G$22=$B$24,21,0),MOD($C8606,24)+1)/SUM(INDEX($D$3:$AA$30,INDEX(Jesper!$R$2:$R$366,ROW(INDEX(Jesper!AL$2:AL$366,ROUNDDOWN($C8606/24,0)+1,1))-1)+IF('Standard Profiles'!$G$22=$B$10,7,0)+IF('Standard Profiles'!$G$22=$B$17,14,0)+IF('Standard Profiles'!$G$22=$B$24,21,0),0)),0)</f>
        <v>0</v>
      </c>
      <c r="I8606">
        <f t="shared" si="951"/>
        <v>8.5304463172742206E-2</v>
      </c>
      <c r="J8606">
        <f t="shared" si="952"/>
        <v>0.28434821057580739</v>
      </c>
      <c r="K8606">
        <f t="shared" si="953"/>
        <v>0.42652231586371103</v>
      </c>
      <c r="L8606">
        <f t="shared" si="954"/>
        <v>2.047307116145813</v>
      </c>
      <c r="M8606">
        <f t="shared" si="955"/>
        <v>0</v>
      </c>
      <c r="N8606" s="46">
        <f t="shared" si="956"/>
        <v>45649.166666645877</v>
      </c>
    </row>
    <row r="8607" spans="2:14" x14ac:dyDescent="0.3">
      <c r="B8607">
        <f t="shared" si="950"/>
        <v>1</v>
      </c>
      <c r="C8607" s="16">
        <v>8573</v>
      </c>
      <c r="D8607" cm="1">
        <f t="array" ref="D8607">IFERROR(INDEX(Jesper!AH$2:AH$366,ROUNDDOWN($C8607/24,0)+1,1)*INDEX($D$3:$AA$30,INDEX(Jesper!$R$2:$R$366,ROW(INDEX(Jesper!AH$2:AH$366,ROUNDDOWN($C8607/24,0)+1,1))-1)+IF('Standard Profiles'!$G$18=$B$10,7,0)+IF('Standard Profiles'!$G$18=$B$17,14,0)+IF('Standard Profiles'!$G$18=$B$24,21,0),MOD($C8607,24)+1)/SUM(INDEX($D$3:$AA$30,INDEX(Jesper!$R$2:$R$366,ROW(INDEX(Jesper!AH$2:AH$366,ROUNDDOWN($C8607/24,0)+1,1))-1)+IF('Standard Profiles'!$G$18=$B$10,7,0)+IF('Standard Profiles'!$G$18=$B$17,14,0)+IF('Standard Profiles'!$G$18=$B$24,21,0),0)),0)</f>
        <v>12.321755791618317</v>
      </c>
      <c r="E8607" cm="1">
        <f t="array" ref="E8607">IFERROR(INDEX(Jesper!AI$2:AI$366,ROUNDDOWN($C8607/24,0)+1,1)*INDEX($D$3:$AA$30,INDEX(Jesper!$R$2:$R$366,ROW(INDEX(Jesper!AI$2:AI$366,ROUNDDOWN($C8607/24,0)+1,1))-1)+IF('Standard Profiles'!$G$19=$B$10,7,0)+IF('Standard Profiles'!$G$19=$B$17,14,0)+IF('Standard Profiles'!$G$19=$B$24,21,0),MOD($C8607,24)+1)/SUM(INDEX($D$3:$AA$30,INDEX(Jesper!$R$2:$R$366,ROW(INDEX(Jesper!AI$2:AI$366,ROUNDDOWN($C8607/24,0)+1,1))-1)+IF('Standard Profiles'!$G$19=$B$10,7,0)+IF('Standard Profiles'!$G$19=$B$17,14,0)+IF('Standard Profiles'!$G$19=$B$24,21,0),0)),0)</f>
        <v>0</v>
      </c>
      <c r="F8607" cm="1">
        <f t="array" ref="F8607">IFERROR(INDEX(Jesper!AJ$2:AJ$366,ROUNDDOWN($C8607/24,0)+1,1)*INDEX($D$3:$AA$30,INDEX(Jesper!$R$2:$R$366,ROW(INDEX(Jesper!AJ$2:AJ$366,ROUNDDOWN($C8607/24,0)+1,1))-1)+IF('Standard Profiles'!$G$20=$B$10,7,0)+IF('Standard Profiles'!$G$20=$B$17,14,0)+IF('Standard Profiles'!$G$20=$B$24,21,0),MOD($C8607,24)+1)/SUM(INDEX($D$3:$AA$30,INDEX(Jesper!$R$2:$R$366,ROW(INDEX(Jesper!AJ$2:AJ$366,ROUNDDOWN($C8607/24,0)+1,1))-1)+IF('Standard Profiles'!$G$20=$B$10,7,0)+IF('Standard Profiles'!$G$20=$B$17,14,0)+IF('Standard Profiles'!$G$20=$B$24,21,0),0)),0)</f>
        <v>0</v>
      </c>
      <c r="G8607" cm="1">
        <f t="array" ref="G8607">IFERROR(INDEX(Jesper!AK$2:AK$366,ROUNDDOWN($C8607/24,0)+1,1)*INDEX($D$3:$AA$30,INDEX(Jesper!$R$2:$R$366,ROW(INDEX(Jesper!AK$2:AK$366,ROUNDDOWN($C8607/24,0)+1,1))-1)+IF('Standard Profiles'!$G$21=$B$10,7,0)+IF('Standard Profiles'!$G$21=$B$17,14,0)+IF('Standard Profiles'!$G$21=$B$24,21,0),MOD($C8607,24)+1)/SUM(INDEX($D$3:$AA$30,INDEX(Jesper!$R$2:$R$366,ROW(INDEX(Jesper!AK$2:AK$366,ROUNDDOWN($C8607/24,0)+1,1))-1)+IF('Standard Profiles'!$G$21=$B$10,7,0)+IF('Standard Profiles'!$G$21=$B$17,14,0)+IF('Standard Profiles'!$G$21=$B$24,21,0),0)),0)</f>
        <v>0</v>
      </c>
      <c r="H8607" cm="1">
        <f t="array" ref="H8607">IFERROR(INDEX(Jesper!AL$2:AL$366,ROUNDDOWN($C8607/24,0)+1,1)*INDEX($D$3:$AA$30,INDEX(Jesper!$R$2:$R$366,ROW(INDEX(Jesper!AL$2:AL$366,ROUNDDOWN($C8607/24,0)+1,1))-1)+IF('Standard Profiles'!$G$22=$B$10,7,0)+IF('Standard Profiles'!$G$22=$B$17,14,0)+IF('Standard Profiles'!$G$22=$B$24,21,0),MOD($C8607,24)+1)/SUM(INDEX($D$3:$AA$30,INDEX(Jesper!$R$2:$R$366,ROW(INDEX(Jesper!AL$2:AL$366,ROUNDDOWN($C8607/24,0)+1,1))-1)+IF('Standard Profiles'!$G$22=$B$10,7,0)+IF('Standard Profiles'!$G$22=$B$17,14,0)+IF('Standard Profiles'!$G$22=$B$24,21,0),0)),0)</f>
        <v>0</v>
      </c>
      <c r="I8607">
        <f t="shared" si="951"/>
        <v>0.36965267374854949</v>
      </c>
      <c r="J8607">
        <f t="shared" si="952"/>
        <v>1.2321755791618318</v>
      </c>
      <c r="K8607">
        <f t="shared" si="953"/>
        <v>1.8482633687427474</v>
      </c>
      <c r="L8607">
        <f t="shared" si="954"/>
        <v>8.8716641699651877</v>
      </c>
      <c r="M8607">
        <f t="shared" si="955"/>
        <v>0</v>
      </c>
      <c r="N8607" s="46">
        <f t="shared" si="956"/>
        <v>45649.208333312541</v>
      </c>
    </row>
    <row r="8608" spans="2:14" x14ac:dyDescent="0.3">
      <c r="B8608">
        <f t="shared" si="950"/>
        <v>1</v>
      </c>
      <c r="C8608" s="16">
        <v>8574</v>
      </c>
      <c r="D8608" cm="1">
        <f t="array" ref="D8608">IFERROR(INDEX(Jesper!AH$2:AH$366,ROUNDDOWN($C8608/24,0)+1,1)*INDEX($D$3:$AA$30,INDEX(Jesper!$R$2:$R$366,ROW(INDEX(Jesper!AH$2:AH$366,ROUNDDOWN($C8608/24,0)+1,1))-1)+IF('Standard Profiles'!$G$18=$B$10,7,0)+IF('Standard Profiles'!$G$18=$B$17,14,0)+IF('Standard Profiles'!$G$18=$B$24,21,0),MOD($C8608,24)+1)/SUM(INDEX($D$3:$AA$30,INDEX(Jesper!$R$2:$R$366,ROW(INDEX(Jesper!AH$2:AH$366,ROUNDDOWN($C8608/24,0)+1,1))-1)+IF('Standard Profiles'!$G$18=$B$10,7,0)+IF('Standard Profiles'!$G$18=$B$17,14,0)+IF('Standard Profiles'!$G$18=$B$24,21,0),0)),0)</f>
        <v>13.980453686643861</v>
      </c>
      <c r="E8608" cm="1">
        <f t="array" ref="E8608">IFERROR(INDEX(Jesper!AI$2:AI$366,ROUNDDOWN($C8608/24,0)+1,1)*INDEX($D$3:$AA$30,INDEX(Jesper!$R$2:$R$366,ROW(INDEX(Jesper!AI$2:AI$366,ROUNDDOWN($C8608/24,0)+1,1))-1)+IF('Standard Profiles'!$G$19=$B$10,7,0)+IF('Standard Profiles'!$G$19=$B$17,14,0)+IF('Standard Profiles'!$G$19=$B$24,21,0),MOD($C8608,24)+1)/SUM(INDEX($D$3:$AA$30,INDEX(Jesper!$R$2:$R$366,ROW(INDEX(Jesper!AI$2:AI$366,ROUNDDOWN($C8608/24,0)+1,1))-1)+IF('Standard Profiles'!$G$19=$B$10,7,0)+IF('Standard Profiles'!$G$19=$B$17,14,0)+IF('Standard Profiles'!$G$19=$B$24,21,0),0)),0)</f>
        <v>0</v>
      </c>
      <c r="F8608" cm="1">
        <f t="array" ref="F8608">IFERROR(INDEX(Jesper!AJ$2:AJ$366,ROUNDDOWN($C8608/24,0)+1,1)*INDEX($D$3:$AA$30,INDEX(Jesper!$R$2:$R$366,ROW(INDEX(Jesper!AJ$2:AJ$366,ROUNDDOWN($C8608/24,0)+1,1))-1)+IF('Standard Profiles'!$G$20=$B$10,7,0)+IF('Standard Profiles'!$G$20=$B$17,14,0)+IF('Standard Profiles'!$G$20=$B$24,21,0),MOD($C8608,24)+1)/SUM(INDEX($D$3:$AA$30,INDEX(Jesper!$R$2:$R$366,ROW(INDEX(Jesper!AJ$2:AJ$366,ROUNDDOWN($C8608/24,0)+1,1))-1)+IF('Standard Profiles'!$G$20=$B$10,7,0)+IF('Standard Profiles'!$G$20=$B$17,14,0)+IF('Standard Profiles'!$G$20=$B$24,21,0),0)),0)</f>
        <v>0</v>
      </c>
      <c r="G8608" cm="1">
        <f t="array" ref="G8608">IFERROR(INDEX(Jesper!AK$2:AK$366,ROUNDDOWN($C8608/24,0)+1,1)*INDEX($D$3:$AA$30,INDEX(Jesper!$R$2:$R$366,ROW(INDEX(Jesper!AK$2:AK$366,ROUNDDOWN($C8608/24,0)+1,1))-1)+IF('Standard Profiles'!$G$21=$B$10,7,0)+IF('Standard Profiles'!$G$21=$B$17,14,0)+IF('Standard Profiles'!$G$21=$B$24,21,0),MOD($C8608,24)+1)/SUM(INDEX($D$3:$AA$30,INDEX(Jesper!$R$2:$R$366,ROW(INDEX(Jesper!AK$2:AK$366,ROUNDDOWN($C8608/24,0)+1,1))-1)+IF('Standard Profiles'!$G$21=$B$10,7,0)+IF('Standard Profiles'!$G$21=$B$17,14,0)+IF('Standard Profiles'!$G$21=$B$24,21,0),0)),0)</f>
        <v>0</v>
      </c>
      <c r="H8608" cm="1">
        <f t="array" ref="H8608">IFERROR(INDEX(Jesper!AL$2:AL$366,ROUNDDOWN($C8608/24,0)+1,1)*INDEX($D$3:$AA$30,INDEX(Jesper!$R$2:$R$366,ROW(INDEX(Jesper!AL$2:AL$366,ROUNDDOWN($C8608/24,0)+1,1))-1)+IF('Standard Profiles'!$G$22=$B$10,7,0)+IF('Standard Profiles'!$G$22=$B$17,14,0)+IF('Standard Profiles'!$G$22=$B$24,21,0),MOD($C8608,24)+1)/SUM(INDEX($D$3:$AA$30,INDEX(Jesper!$R$2:$R$366,ROW(INDEX(Jesper!AL$2:AL$366,ROUNDDOWN($C8608/24,0)+1,1))-1)+IF('Standard Profiles'!$G$22=$B$10,7,0)+IF('Standard Profiles'!$G$22=$B$17,14,0)+IF('Standard Profiles'!$G$22=$B$24,21,0),0)),0)</f>
        <v>0</v>
      </c>
      <c r="I8608">
        <f t="shared" si="951"/>
        <v>0.41941361059931581</v>
      </c>
      <c r="J8608">
        <f t="shared" si="952"/>
        <v>1.3980453686643861</v>
      </c>
      <c r="K8608">
        <f t="shared" si="953"/>
        <v>2.0970680529965788</v>
      </c>
      <c r="L8608">
        <f t="shared" si="954"/>
        <v>10.065926654383579</v>
      </c>
      <c r="M8608">
        <f t="shared" si="955"/>
        <v>0</v>
      </c>
      <c r="N8608" s="46">
        <f t="shared" si="956"/>
        <v>45649.249999979205</v>
      </c>
    </row>
    <row r="8609" spans="2:14" x14ac:dyDescent="0.3">
      <c r="B8609">
        <f t="shared" si="950"/>
        <v>1</v>
      </c>
      <c r="C8609" s="16">
        <v>8575</v>
      </c>
      <c r="D8609" cm="1">
        <f t="array" ref="D8609">IFERROR(INDEX(Jesper!AH$2:AH$366,ROUNDDOWN($C8609/24,0)+1,1)*INDEX($D$3:$AA$30,INDEX(Jesper!$R$2:$R$366,ROW(INDEX(Jesper!AH$2:AH$366,ROUNDDOWN($C8609/24,0)+1,1))-1)+IF('Standard Profiles'!$G$18=$B$10,7,0)+IF('Standard Profiles'!$G$18=$B$17,14,0)+IF('Standard Profiles'!$G$18=$B$24,21,0),MOD($C8609,24)+1)/SUM(INDEX($D$3:$AA$30,INDEX(Jesper!$R$2:$R$366,ROW(INDEX(Jesper!AH$2:AH$366,ROUNDDOWN($C8609/24,0)+1,1))-1)+IF('Standard Profiles'!$G$18=$B$10,7,0)+IF('Standard Profiles'!$G$18=$B$17,14,0)+IF('Standard Profiles'!$G$18=$B$24,21,0),0)),0)</f>
        <v>13.980453686643861</v>
      </c>
      <c r="E8609" cm="1">
        <f t="array" ref="E8609">IFERROR(INDEX(Jesper!AI$2:AI$366,ROUNDDOWN($C8609/24,0)+1,1)*INDEX($D$3:$AA$30,INDEX(Jesper!$R$2:$R$366,ROW(INDEX(Jesper!AI$2:AI$366,ROUNDDOWN($C8609/24,0)+1,1))-1)+IF('Standard Profiles'!$G$19=$B$10,7,0)+IF('Standard Profiles'!$G$19=$B$17,14,0)+IF('Standard Profiles'!$G$19=$B$24,21,0),MOD($C8609,24)+1)/SUM(INDEX($D$3:$AA$30,INDEX(Jesper!$R$2:$R$366,ROW(INDEX(Jesper!AI$2:AI$366,ROUNDDOWN($C8609/24,0)+1,1))-1)+IF('Standard Profiles'!$G$19=$B$10,7,0)+IF('Standard Profiles'!$G$19=$B$17,14,0)+IF('Standard Profiles'!$G$19=$B$24,21,0),0)),0)</f>
        <v>0</v>
      </c>
      <c r="F8609" cm="1">
        <f t="array" ref="F8609">IFERROR(INDEX(Jesper!AJ$2:AJ$366,ROUNDDOWN($C8609/24,0)+1,1)*INDEX($D$3:$AA$30,INDEX(Jesper!$R$2:$R$366,ROW(INDEX(Jesper!AJ$2:AJ$366,ROUNDDOWN($C8609/24,0)+1,1))-1)+IF('Standard Profiles'!$G$20=$B$10,7,0)+IF('Standard Profiles'!$G$20=$B$17,14,0)+IF('Standard Profiles'!$G$20=$B$24,21,0),MOD($C8609,24)+1)/SUM(INDEX($D$3:$AA$30,INDEX(Jesper!$R$2:$R$366,ROW(INDEX(Jesper!AJ$2:AJ$366,ROUNDDOWN($C8609/24,0)+1,1))-1)+IF('Standard Profiles'!$G$20=$B$10,7,0)+IF('Standard Profiles'!$G$20=$B$17,14,0)+IF('Standard Profiles'!$G$20=$B$24,21,0),0)),0)</f>
        <v>0</v>
      </c>
      <c r="G8609" cm="1">
        <f t="array" ref="G8609">IFERROR(INDEX(Jesper!AK$2:AK$366,ROUNDDOWN($C8609/24,0)+1,1)*INDEX($D$3:$AA$30,INDEX(Jesper!$R$2:$R$366,ROW(INDEX(Jesper!AK$2:AK$366,ROUNDDOWN($C8609/24,0)+1,1))-1)+IF('Standard Profiles'!$G$21=$B$10,7,0)+IF('Standard Profiles'!$G$21=$B$17,14,0)+IF('Standard Profiles'!$G$21=$B$24,21,0),MOD($C8609,24)+1)/SUM(INDEX($D$3:$AA$30,INDEX(Jesper!$R$2:$R$366,ROW(INDEX(Jesper!AK$2:AK$366,ROUNDDOWN($C8609/24,0)+1,1))-1)+IF('Standard Profiles'!$G$21=$B$10,7,0)+IF('Standard Profiles'!$G$21=$B$17,14,0)+IF('Standard Profiles'!$G$21=$B$24,21,0),0)),0)</f>
        <v>0</v>
      </c>
      <c r="H8609" cm="1">
        <f t="array" ref="H8609">IFERROR(INDEX(Jesper!AL$2:AL$366,ROUNDDOWN($C8609/24,0)+1,1)*INDEX($D$3:$AA$30,INDEX(Jesper!$R$2:$R$366,ROW(INDEX(Jesper!AL$2:AL$366,ROUNDDOWN($C8609/24,0)+1,1))-1)+IF('Standard Profiles'!$G$22=$B$10,7,0)+IF('Standard Profiles'!$G$22=$B$17,14,0)+IF('Standard Profiles'!$G$22=$B$24,21,0),MOD($C8609,24)+1)/SUM(INDEX($D$3:$AA$30,INDEX(Jesper!$R$2:$R$366,ROW(INDEX(Jesper!AL$2:AL$366,ROUNDDOWN($C8609/24,0)+1,1))-1)+IF('Standard Profiles'!$G$22=$B$10,7,0)+IF('Standard Profiles'!$G$22=$B$17,14,0)+IF('Standard Profiles'!$G$22=$B$24,21,0),0)),0)</f>
        <v>0</v>
      </c>
      <c r="I8609">
        <f t="shared" si="951"/>
        <v>0.41941361059931581</v>
      </c>
      <c r="J8609">
        <f t="shared" si="952"/>
        <v>1.3980453686643861</v>
      </c>
      <c r="K8609">
        <f t="shared" si="953"/>
        <v>2.0970680529965788</v>
      </c>
      <c r="L8609">
        <f t="shared" si="954"/>
        <v>10.065926654383579</v>
      </c>
      <c r="M8609">
        <f t="shared" si="955"/>
        <v>0</v>
      </c>
      <c r="N8609" s="46">
        <f t="shared" si="956"/>
        <v>45649.29166664587</v>
      </c>
    </row>
    <row r="8610" spans="2:14" x14ac:dyDescent="0.3">
      <c r="B8610">
        <f t="shared" si="950"/>
        <v>1</v>
      </c>
      <c r="C8610" s="16">
        <v>8576</v>
      </c>
      <c r="D8610" cm="1">
        <f t="array" ref="D8610">IFERROR(INDEX(Jesper!AH$2:AH$366,ROUNDDOWN($C8610/24,0)+1,1)*INDEX($D$3:$AA$30,INDEX(Jesper!$R$2:$R$366,ROW(INDEX(Jesper!AH$2:AH$366,ROUNDDOWN($C8610/24,0)+1,1))-1)+IF('Standard Profiles'!$G$18=$B$10,7,0)+IF('Standard Profiles'!$G$18=$B$17,14,0)+IF('Standard Profiles'!$G$18=$B$24,21,0),MOD($C8610,24)+1)/SUM(INDEX($D$3:$AA$30,INDEX(Jesper!$R$2:$R$366,ROW(INDEX(Jesper!AH$2:AH$366,ROUNDDOWN($C8610/24,0)+1,1))-1)+IF('Standard Profiles'!$G$18=$B$10,7,0)+IF('Standard Profiles'!$G$18=$B$17,14,0)+IF('Standard Profiles'!$G$18=$B$24,21,0),0)),0)</f>
        <v>13.980453686643861</v>
      </c>
      <c r="E8610" cm="1">
        <f t="array" ref="E8610">IFERROR(INDEX(Jesper!AI$2:AI$366,ROUNDDOWN($C8610/24,0)+1,1)*INDEX($D$3:$AA$30,INDEX(Jesper!$R$2:$R$366,ROW(INDEX(Jesper!AI$2:AI$366,ROUNDDOWN($C8610/24,0)+1,1))-1)+IF('Standard Profiles'!$G$19=$B$10,7,0)+IF('Standard Profiles'!$G$19=$B$17,14,0)+IF('Standard Profiles'!$G$19=$B$24,21,0),MOD($C8610,24)+1)/SUM(INDEX($D$3:$AA$30,INDEX(Jesper!$R$2:$R$366,ROW(INDEX(Jesper!AI$2:AI$366,ROUNDDOWN($C8610/24,0)+1,1))-1)+IF('Standard Profiles'!$G$19=$B$10,7,0)+IF('Standard Profiles'!$G$19=$B$17,14,0)+IF('Standard Profiles'!$G$19=$B$24,21,0),0)),0)</f>
        <v>0</v>
      </c>
      <c r="F8610" cm="1">
        <f t="array" ref="F8610">IFERROR(INDEX(Jesper!AJ$2:AJ$366,ROUNDDOWN($C8610/24,0)+1,1)*INDEX($D$3:$AA$30,INDEX(Jesper!$R$2:$R$366,ROW(INDEX(Jesper!AJ$2:AJ$366,ROUNDDOWN($C8610/24,0)+1,1))-1)+IF('Standard Profiles'!$G$20=$B$10,7,0)+IF('Standard Profiles'!$G$20=$B$17,14,0)+IF('Standard Profiles'!$G$20=$B$24,21,0),MOD($C8610,24)+1)/SUM(INDEX($D$3:$AA$30,INDEX(Jesper!$R$2:$R$366,ROW(INDEX(Jesper!AJ$2:AJ$366,ROUNDDOWN($C8610/24,0)+1,1))-1)+IF('Standard Profiles'!$G$20=$B$10,7,0)+IF('Standard Profiles'!$G$20=$B$17,14,0)+IF('Standard Profiles'!$G$20=$B$24,21,0),0)),0)</f>
        <v>0</v>
      </c>
      <c r="G8610" cm="1">
        <f t="array" ref="G8610">IFERROR(INDEX(Jesper!AK$2:AK$366,ROUNDDOWN($C8610/24,0)+1,1)*INDEX($D$3:$AA$30,INDEX(Jesper!$R$2:$R$366,ROW(INDEX(Jesper!AK$2:AK$366,ROUNDDOWN($C8610/24,0)+1,1))-1)+IF('Standard Profiles'!$G$21=$B$10,7,0)+IF('Standard Profiles'!$G$21=$B$17,14,0)+IF('Standard Profiles'!$G$21=$B$24,21,0),MOD($C8610,24)+1)/SUM(INDEX($D$3:$AA$30,INDEX(Jesper!$R$2:$R$366,ROW(INDEX(Jesper!AK$2:AK$366,ROUNDDOWN($C8610/24,0)+1,1))-1)+IF('Standard Profiles'!$G$21=$B$10,7,0)+IF('Standard Profiles'!$G$21=$B$17,14,0)+IF('Standard Profiles'!$G$21=$B$24,21,0),0)),0)</f>
        <v>0</v>
      </c>
      <c r="H8610" cm="1">
        <f t="array" ref="H8610">IFERROR(INDEX(Jesper!AL$2:AL$366,ROUNDDOWN($C8610/24,0)+1,1)*INDEX($D$3:$AA$30,INDEX(Jesper!$R$2:$R$366,ROW(INDEX(Jesper!AL$2:AL$366,ROUNDDOWN($C8610/24,0)+1,1))-1)+IF('Standard Profiles'!$G$22=$B$10,7,0)+IF('Standard Profiles'!$G$22=$B$17,14,0)+IF('Standard Profiles'!$G$22=$B$24,21,0),MOD($C8610,24)+1)/SUM(INDEX($D$3:$AA$30,INDEX(Jesper!$R$2:$R$366,ROW(INDEX(Jesper!AL$2:AL$366,ROUNDDOWN($C8610/24,0)+1,1))-1)+IF('Standard Profiles'!$G$22=$B$10,7,0)+IF('Standard Profiles'!$G$22=$B$17,14,0)+IF('Standard Profiles'!$G$22=$B$24,21,0),0)),0)</f>
        <v>0</v>
      </c>
      <c r="I8610">
        <f t="shared" si="951"/>
        <v>0.41941361059931581</v>
      </c>
      <c r="J8610">
        <f t="shared" si="952"/>
        <v>1.3980453686643861</v>
      </c>
      <c r="K8610">
        <f t="shared" si="953"/>
        <v>2.0970680529965788</v>
      </c>
      <c r="L8610">
        <f t="shared" si="954"/>
        <v>10.065926654383579</v>
      </c>
      <c r="M8610">
        <f t="shared" si="955"/>
        <v>0</v>
      </c>
      <c r="N8610" s="46">
        <f t="shared" si="956"/>
        <v>45649.333333312534</v>
      </c>
    </row>
    <row r="8611" spans="2:14" x14ac:dyDescent="0.3">
      <c r="B8611">
        <f t="shared" ref="B8611:B8674" si="957">WEEKDAY(N8611,2)</f>
        <v>1</v>
      </c>
      <c r="C8611" s="16">
        <v>8577</v>
      </c>
      <c r="D8611" cm="1">
        <f t="array" ref="D8611">IFERROR(INDEX(Jesper!AH$2:AH$366,ROUNDDOWN($C8611/24,0)+1,1)*INDEX($D$3:$AA$30,INDEX(Jesper!$R$2:$R$366,ROW(INDEX(Jesper!AH$2:AH$366,ROUNDDOWN($C8611/24,0)+1,1))-1)+IF('Standard Profiles'!$G$18=$B$10,7,0)+IF('Standard Profiles'!$G$18=$B$17,14,0)+IF('Standard Profiles'!$G$18=$B$24,21,0),MOD($C8611,24)+1)/SUM(INDEX($D$3:$AA$30,INDEX(Jesper!$R$2:$R$366,ROW(INDEX(Jesper!AH$2:AH$366,ROUNDDOWN($C8611/24,0)+1,1))-1)+IF('Standard Profiles'!$G$18=$B$10,7,0)+IF('Standard Profiles'!$G$18=$B$17,14,0)+IF('Standard Profiles'!$G$18=$B$24,21,0),0)),0)</f>
        <v>14.928281055229885</v>
      </c>
      <c r="E8611" cm="1">
        <f t="array" ref="E8611">IFERROR(INDEX(Jesper!AI$2:AI$366,ROUNDDOWN($C8611/24,0)+1,1)*INDEX($D$3:$AA$30,INDEX(Jesper!$R$2:$R$366,ROW(INDEX(Jesper!AI$2:AI$366,ROUNDDOWN($C8611/24,0)+1,1))-1)+IF('Standard Profiles'!$G$19=$B$10,7,0)+IF('Standard Profiles'!$G$19=$B$17,14,0)+IF('Standard Profiles'!$G$19=$B$24,21,0),MOD($C8611,24)+1)/SUM(INDEX($D$3:$AA$30,INDEX(Jesper!$R$2:$R$366,ROW(INDEX(Jesper!AI$2:AI$366,ROUNDDOWN($C8611/24,0)+1,1))-1)+IF('Standard Profiles'!$G$19=$B$10,7,0)+IF('Standard Profiles'!$G$19=$B$17,14,0)+IF('Standard Profiles'!$G$19=$B$24,21,0),0)),0)</f>
        <v>0</v>
      </c>
      <c r="F8611" cm="1">
        <f t="array" ref="F8611">IFERROR(INDEX(Jesper!AJ$2:AJ$366,ROUNDDOWN($C8611/24,0)+1,1)*INDEX($D$3:$AA$30,INDEX(Jesper!$R$2:$R$366,ROW(INDEX(Jesper!AJ$2:AJ$366,ROUNDDOWN($C8611/24,0)+1,1))-1)+IF('Standard Profiles'!$G$20=$B$10,7,0)+IF('Standard Profiles'!$G$20=$B$17,14,0)+IF('Standard Profiles'!$G$20=$B$24,21,0),MOD($C8611,24)+1)/SUM(INDEX($D$3:$AA$30,INDEX(Jesper!$R$2:$R$366,ROW(INDEX(Jesper!AJ$2:AJ$366,ROUNDDOWN($C8611/24,0)+1,1))-1)+IF('Standard Profiles'!$G$20=$B$10,7,0)+IF('Standard Profiles'!$G$20=$B$17,14,0)+IF('Standard Profiles'!$G$20=$B$24,21,0),0)),0)</f>
        <v>0</v>
      </c>
      <c r="G8611" cm="1">
        <f t="array" ref="G8611">IFERROR(INDEX(Jesper!AK$2:AK$366,ROUNDDOWN($C8611/24,0)+1,1)*INDEX($D$3:$AA$30,INDEX(Jesper!$R$2:$R$366,ROW(INDEX(Jesper!AK$2:AK$366,ROUNDDOWN($C8611/24,0)+1,1))-1)+IF('Standard Profiles'!$G$21=$B$10,7,0)+IF('Standard Profiles'!$G$21=$B$17,14,0)+IF('Standard Profiles'!$G$21=$B$24,21,0),MOD($C8611,24)+1)/SUM(INDEX($D$3:$AA$30,INDEX(Jesper!$R$2:$R$366,ROW(INDEX(Jesper!AK$2:AK$366,ROUNDDOWN($C8611/24,0)+1,1))-1)+IF('Standard Profiles'!$G$21=$B$10,7,0)+IF('Standard Profiles'!$G$21=$B$17,14,0)+IF('Standard Profiles'!$G$21=$B$24,21,0),0)),0)</f>
        <v>0</v>
      </c>
      <c r="H8611" cm="1">
        <f t="array" ref="H8611">IFERROR(INDEX(Jesper!AL$2:AL$366,ROUNDDOWN($C8611/24,0)+1,1)*INDEX($D$3:$AA$30,INDEX(Jesper!$R$2:$R$366,ROW(INDEX(Jesper!AL$2:AL$366,ROUNDDOWN($C8611/24,0)+1,1))-1)+IF('Standard Profiles'!$G$22=$B$10,7,0)+IF('Standard Profiles'!$G$22=$B$17,14,0)+IF('Standard Profiles'!$G$22=$B$24,21,0),MOD($C8611,24)+1)/SUM(INDEX($D$3:$AA$30,INDEX(Jesper!$R$2:$R$366,ROW(INDEX(Jesper!AL$2:AL$366,ROUNDDOWN($C8611/24,0)+1,1))-1)+IF('Standard Profiles'!$G$22=$B$10,7,0)+IF('Standard Profiles'!$G$22=$B$17,14,0)+IF('Standard Profiles'!$G$22=$B$24,21,0),0)),0)</f>
        <v>0</v>
      </c>
      <c r="I8611">
        <f t="shared" ref="I8611:I8674" si="958">IF($B8611&lt;6,AC$37*$D8611+AC$38*$E8611+AC$39*$F8611+AC$40*$G8611,AC$46*$D8611+AC$47*$E8611+AC$48*$F8611+AC$49*$G8611+AC$50*$H8611)</f>
        <v>0.44784843165689653</v>
      </c>
      <c r="J8611">
        <f t="shared" ref="J8611:J8674" si="959">IF($B8611&lt;6,AD$37*$D8611+AD$38*$E8611+AD$39*$F8611+AD$40*$G8611,AD$46*$D8611+AD$47*$E8611+AD$48*$F8611+AD$49*$G8611+AD$50*$H8611)</f>
        <v>1.4928281055229886</v>
      </c>
      <c r="K8611">
        <f t="shared" ref="K8611:K8674" si="960">IF($B8611&lt;6,AE$37*$D8611+AE$38*$E8611+AE$39*$F8611+AE$40*$G8611,AE$46*$D8611+AE$47*$E8611+AE$48*$F8611+AE$49*$G8611+AE$50*$H8611)</f>
        <v>2.2392421582844828</v>
      </c>
      <c r="L8611">
        <f t="shared" ref="L8611:L8674" si="961">IF($B8611&lt;6,AF$37*$D8611+AF$38*$E8611+AF$39*$F8611+AF$40*$G8611,AF$46*$D8611+AF$47*$E8611+AF$48*$F8611+AF$49*$G8611+AF$50*$H8611)</f>
        <v>10.748362359765517</v>
      </c>
      <c r="M8611">
        <f t="shared" ref="M8611:M8674" si="962">IF($B8611&lt;6,AG$37*$D8611+AG$38*$E8611+AG$39*$F8611+AG$40*$G8611,AG$46*$D8611+AG$47*$E8611+AG$48*$F8611+AG$49*$G8611+AG$50*$H8611)</f>
        <v>0</v>
      </c>
      <c r="N8611" s="46">
        <f t="shared" si="956"/>
        <v>45649.374999979198</v>
      </c>
    </row>
    <row r="8612" spans="2:14" x14ac:dyDescent="0.3">
      <c r="B8612">
        <f t="shared" si="957"/>
        <v>1</v>
      </c>
      <c r="C8612" s="16">
        <v>8578</v>
      </c>
      <c r="D8612" cm="1">
        <f t="array" ref="D8612">IFERROR(INDEX(Jesper!AH$2:AH$366,ROUNDDOWN($C8612/24,0)+1,1)*INDEX($D$3:$AA$30,INDEX(Jesper!$R$2:$R$366,ROW(INDEX(Jesper!AH$2:AH$366,ROUNDDOWN($C8612/24,0)+1,1))-1)+IF('Standard Profiles'!$G$18=$B$10,7,0)+IF('Standard Profiles'!$G$18=$B$17,14,0)+IF('Standard Profiles'!$G$18=$B$24,21,0),MOD($C8612,24)+1)/SUM(INDEX($D$3:$AA$30,INDEX(Jesper!$R$2:$R$366,ROW(INDEX(Jesper!AH$2:AH$366,ROUNDDOWN($C8612/24,0)+1,1))-1)+IF('Standard Profiles'!$G$18=$B$10,7,0)+IF('Standard Profiles'!$G$18=$B$17,14,0)+IF('Standard Profiles'!$G$18=$B$24,21,0),0)),0)</f>
        <v>14.928281055229885</v>
      </c>
      <c r="E8612" cm="1">
        <f t="array" ref="E8612">IFERROR(INDEX(Jesper!AI$2:AI$366,ROUNDDOWN($C8612/24,0)+1,1)*INDEX($D$3:$AA$30,INDEX(Jesper!$R$2:$R$366,ROW(INDEX(Jesper!AI$2:AI$366,ROUNDDOWN($C8612/24,0)+1,1))-1)+IF('Standard Profiles'!$G$19=$B$10,7,0)+IF('Standard Profiles'!$G$19=$B$17,14,0)+IF('Standard Profiles'!$G$19=$B$24,21,0),MOD($C8612,24)+1)/SUM(INDEX($D$3:$AA$30,INDEX(Jesper!$R$2:$R$366,ROW(INDEX(Jesper!AI$2:AI$366,ROUNDDOWN($C8612/24,0)+1,1))-1)+IF('Standard Profiles'!$G$19=$B$10,7,0)+IF('Standard Profiles'!$G$19=$B$17,14,0)+IF('Standard Profiles'!$G$19=$B$24,21,0),0)),0)</f>
        <v>0</v>
      </c>
      <c r="F8612" cm="1">
        <f t="array" ref="F8612">IFERROR(INDEX(Jesper!AJ$2:AJ$366,ROUNDDOWN($C8612/24,0)+1,1)*INDEX($D$3:$AA$30,INDEX(Jesper!$R$2:$R$366,ROW(INDEX(Jesper!AJ$2:AJ$366,ROUNDDOWN($C8612/24,0)+1,1))-1)+IF('Standard Profiles'!$G$20=$B$10,7,0)+IF('Standard Profiles'!$G$20=$B$17,14,0)+IF('Standard Profiles'!$G$20=$B$24,21,0),MOD($C8612,24)+1)/SUM(INDEX($D$3:$AA$30,INDEX(Jesper!$R$2:$R$366,ROW(INDEX(Jesper!AJ$2:AJ$366,ROUNDDOWN($C8612/24,0)+1,1))-1)+IF('Standard Profiles'!$G$20=$B$10,7,0)+IF('Standard Profiles'!$G$20=$B$17,14,0)+IF('Standard Profiles'!$G$20=$B$24,21,0),0)),0)</f>
        <v>0</v>
      </c>
      <c r="G8612" cm="1">
        <f t="array" ref="G8612">IFERROR(INDEX(Jesper!AK$2:AK$366,ROUNDDOWN($C8612/24,0)+1,1)*INDEX($D$3:$AA$30,INDEX(Jesper!$R$2:$R$366,ROW(INDEX(Jesper!AK$2:AK$366,ROUNDDOWN($C8612/24,0)+1,1))-1)+IF('Standard Profiles'!$G$21=$B$10,7,0)+IF('Standard Profiles'!$G$21=$B$17,14,0)+IF('Standard Profiles'!$G$21=$B$24,21,0),MOD($C8612,24)+1)/SUM(INDEX($D$3:$AA$30,INDEX(Jesper!$R$2:$R$366,ROW(INDEX(Jesper!AK$2:AK$366,ROUNDDOWN($C8612/24,0)+1,1))-1)+IF('Standard Profiles'!$G$21=$B$10,7,0)+IF('Standard Profiles'!$G$21=$B$17,14,0)+IF('Standard Profiles'!$G$21=$B$24,21,0),0)),0)</f>
        <v>0</v>
      </c>
      <c r="H8612" cm="1">
        <f t="array" ref="H8612">IFERROR(INDEX(Jesper!AL$2:AL$366,ROUNDDOWN($C8612/24,0)+1,1)*INDEX($D$3:$AA$30,INDEX(Jesper!$R$2:$R$366,ROW(INDEX(Jesper!AL$2:AL$366,ROUNDDOWN($C8612/24,0)+1,1))-1)+IF('Standard Profiles'!$G$22=$B$10,7,0)+IF('Standard Profiles'!$G$22=$B$17,14,0)+IF('Standard Profiles'!$G$22=$B$24,21,0),MOD($C8612,24)+1)/SUM(INDEX($D$3:$AA$30,INDEX(Jesper!$R$2:$R$366,ROW(INDEX(Jesper!AL$2:AL$366,ROUNDDOWN($C8612/24,0)+1,1))-1)+IF('Standard Profiles'!$G$22=$B$10,7,0)+IF('Standard Profiles'!$G$22=$B$17,14,0)+IF('Standard Profiles'!$G$22=$B$24,21,0),0)),0)</f>
        <v>0</v>
      </c>
      <c r="I8612">
        <f t="shared" si="958"/>
        <v>0.44784843165689653</v>
      </c>
      <c r="J8612">
        <f t="shared" si="959"/>
        <v>1.4928281055229886</v>
      </c>
      <c r="K8612">
        <f t="shared" si="960"/>
        <v>2.2392421582844828</v>
      </c>
      <c r="L8612">
        <f t="shared" si="961"/>
        <v>10.748362359765517</v>
      </c>
      <c r="M8612">
        <f t="shared" si="962"/>
        <v>0</v>
      </c>
      <c r="N8612" s="46">
        <f t="shared" ref="N8612:N8675" si="963">N8611+1/24</f>
        <v>45649.416666645862</v>
      </c>
    </row>
    <row r="8613" spans="2:14" x14ac:dyDescent="0.3">
      <c r="B8613">
        <f t="shared" si="957"/>
        <v>1</v>
      </c>
      <c r="C8613" s="16">
        <v>8579</v>
      </c>
      <c r="D8613" cm="1">
        <f t="array" ref="D8613">IFERROR(INDEX(Jesper!AH$2:AH$366,ROUNDDOWN($C8613/24,0)+1,1)*INDEX($D$3:$AA$30,INDEX(Jesper!$R$2:$R$366,ROW(INDEX(Jesper!AH$2:AH$366,ROUNDDOWN($C8613/24,0)+1,1))-1)+IF('Standard Profiles'!$G$18=$B$10,7,0)+IF('Standard Profiles'!$G$18=$B$17,14,0)+IF('Standard Profiles'!$G$18=$B$24,21,0),MOD($C8613,24)+1)/SUM(INDEX($D$3:$AA$30,INDEX(Jesper!$R$2:$R$366,ROW(INDEX(Jesper!AH$2:AH$366,ROUNDDOWN($C8613/24,0)+1,1))-1)+IF('Standard Profiles'!$G$18=$B$10,7,0)+IF('Standard Profiles'!$G$18=$B$17,14,0)+IF('Standard Profiles'!$G$18=$B$24,21,0),0)),0)</f>
        <v>18.956547371720493</v>
      </c>
      <c r="E8613" cm="1">
        <f t="array" ref="E8613">IFERROR(INDEX(Jesper!AI$2:AI$366,ROUNDDOWN($C8613/24,0)+1,1)*INDEX($D$3:$AA$30,INDEX(Jesper!$R$2:$R$366,ROW(INDEX(Jesper!AI$2:AI$366,ROUNDDOWN($C8613/24,0)+1,1))-1)+IF('Standard Profiles'!$G$19=$B$10,7,0)+IF('Standard Profiles'!$G$19=$B$17,14,0)+IF('Standard Profiles'!$G$19=$B$24,21,0),MOD($C8613,24)+1)/SUM(INDEX($D$3:$AA$30,INDEX(Jesper!$R$2:$R$366,ROW(INDEX(Jesper!AI$2:AI$366,ROUNDDOWN($C8613/24,0)+1,1))-1)+IF('Standard Profiles'!$G$19=$B$10,7,0)+IF('Standard Profiles'!$G$19=$B$17,14,0)+IF('Standard Profiles'!$G$19=$B$24,21,0),0)),0)</f>
        <v>0</v>
      </c>
      <c r="F8613" cm="1">
        <f t="array" ref="F8613">IFERROR(INDEX(Jesper!AJ$2:AJ$366,ROUNDDOWN($C8613/24,0)+1,1)*INDEX($D$3:$AA$30,INDEX(Jesper!$R$2:$R$366,ROW(INDEX(Jesper!AJ$2:AJ$366,ROUNDDOWN($C8613/24,0)+1,1))-1)+IF('Standard Profiles'!$G$20=$B$10,7,0)+IF('Standard Profiles'!$G$20=$B$17,14,0)+IF('Standard Profiles'!$G$20=$B$24,21,0),MOD($C8613,24)+1)/SUM(INDEX($D$3:$AA$30,INDEX(Jesper!$R$2:$R$366,ROW(INDEX(Jesper!AJ$2:AJ$366,ROUNDDOWN($C8613/24,0)+1,1))-1)+IF('Standard Profiles'!$G$20=$B$10,7,0)+IF('Standard Profiles'!$G$20=$B$17,14,0)+IF('Standard Profiles'!$G$20=$B$24,21,0),0)),0)</f>
        <v>0</v>
      </c>
      <c r="G8613" cm="1">
        <f t="array" ref="G8613">IFERROR(INDEX(Jesper!AK$2:AK$366,ROUNDDOWN($C8613/24,0)+1,1)*INDEX($D$3:$AA$30,INDEX(Jesper!$R$2:$R$366,ROW(INDEX(Jesper!AK$2:AK$366,ROUNDDOWN($C8613/24,0)+1,1))-1)+IF('Standard Profiles'!$G$21=$B$10,7,0)+IF('Standard Profiles'!$G$21=$B$17,14,0)+IF('Standard Profiles'!$G$21=$B$24,21,0),MOD($C8613,24)+1)/SUM(INDEX($D$3:$AA$30,INDEX(Jesper!$R$2:$R$366,ROW(INDEX(Jesper!AK$2:AK$366,ROUNDDOWN($C8613/24,0)+1,1))-1)+IF('Standard Profiles'!$G$21=$B$10,7,0)+IF('Standard Profiles'!$G$21=$B$17,14,0)+IF('Standard Profiles'!$G$21=$B$24,21,0),0)),0)</f>
        <v>0</v>
      </c>
      <c r="H8613" cm="1">
        <f t="array" ref="H8613">IFERROR(INDEX(Jesper!AL$2:AL$366,ROUNDDOWN($C8613/24,0)+1,1)*INDEX($D$3:$AA$30,INDEX(Jesper!$R$2:$R$366,ROW(INDEX(Jesper!AL$2:AL$366,ROUNDDOWN($C8613/24,0)+1,1))-1)+IF('Standard Profiles'!$G$22=$B$10,7,0)+IF('Standard Profiles'!$G$22=$B$17,14,0)+IF('Standard Profiles'!$G$22=$B$24,21,0),MOD($C8613,24)+1)/SUM(INDEX($D$3:$AA$30,INDEX(Jesper!$R$2:$R$366,ROW(INDEX(Jesper!AL$2:AL$366,ROUNDDOWN($C8613/24,0)+1,1))-1)+IF('Standard Profiles'!$G$22=$B$10,7,0)+IF('Standard Profiles'!$G$22=$B$17,14,0)+IF('Standard Profiles'!$G$22=$B$24,21,0),0)),0)</f>
        <v>0</v>
      </c>
      <c r="I8613">
        <f t="shared" si="958"/>
        <v>0.56869642115161478</v>
      </c>
      <c r="J8613">
        <f t="shared" si="959"/>
        <v>1.8956547371720494</v>
      </c>
      <c r="K8613">
        <f t="shared" si="960"/>
        <v>2.8434821057580737</v>
      </c>
      <c r="L8613">
        <f t="shared" si="961"/>
        <v>13.648714107638755</v>
      </c>
      <c r="M8613">
        <f t="shared" si="962"/>
        <v>0</v>
      </c>
      <c r="N8613" s="46">
        <f t="shared" si="963"/>
        <v>45649.458333312527</v>
      </c>
    </row>
    <row r="8614" spans="2:14" x14ac:dyDescent="0.3">
      <c r="B8614">
        <f t="shared" si="957"/>
        <v>1</v>
      </c>
      <c r="C8614" s="16">
        <v>8580</v>
      </c>
      <c r="D8614" cm="1">
        <f t="array" ref="D8614">IFERROR(INDEX(Jesper!AH$2:AH$366,ROUNDDOWN($C8614/24,0)+1,1)*INDEX($D$3:$AA$30,INDEX(Jesper!$R$2:$R$366,ROW(INDEX(Jesper!AH$2:AH$366,ROUNDDOWN($C8614/24,0)+1,1))-1)+IF('Standard Profiles'!$G$18=$B$10,7,0)+IF('Standard Profiles'!$G$18=$B$17,14,0)+IF('Standard Profiles'!$G$18=$B$24,21,0),MOD($C8614,24)+1)/SUM(INDEX($D$3:$AA$30,INDEX(Jesper!$R$2:$R$366,ROW(INDEX(Jesper!AH$2:AH$366,ROUNDDOWN($C8614/24,0)+1,1))-1)+IF('Standard Profiles'!$G$18=$B$10,7,0)+IF('Standard Profiles'!$G$18=$B$17,14,0)+IF('Standard Profiles'!$G$18=$B$24,21,0),0)),0)</f>
        <v>18.956547371720493</v>
      </c>
      <c r="E8614" cm="1">
        <f t="array" ref="E8614">IFERROR(INDEX(Jesper!AI$2:AI$366,ROUNDDOWN($C8614/24,0)+1,1)*INDEX($D$3:$AA$30,INDEX(Jesper!$R$2:$R$366,ROW(INDEX(Jesper!AI$2:AI$366,ROUNDDOWN($C8614/24,0)+1,1))-1)+IF('Standard Profiles'!$G$19=$B$10,7,0)+IF('Standard Profiles'!$G$19=$B$17,14,0)+IF('Standard Profiles'!$G$19=$B$24,21,0),MOD($C8614,24)+1)/SUM(INDEX($D$3:$AA$30,INDEX(Jesper!$R$2:$R$366,ROW(INDEX(Jesper!AI$2:AI$366,ROUNDDOWN($C8614/24,0)+1,1))-1)+IF('Standard Profiles'!$G$19=$B$10,7,0)+IF('Standard Profiles'!$G$19=$B$17,14,0)+IF('Standard Profiles'!$G$19=$B$24,21,0),0)),0)</f>
        <v>0</v>
      </c>
      <c r="F8614" cm="1">
        <f t="array" ref="F8614">IFERROR(INDEX(Jesper!AJ$2:AJ$366,ROUNDDOWN($C8614/24,0)+1,1)*INDEX($D$3:$AA$30,INDEX(Jesper!$R$2:$R$366,ROW(INDEX(Jesper!AJ$2:AJ$366,ROUNDDOWN($C8614/24,0)+1,1))-1)+IF('Standard Profiles'!$G$20=$B$10,7,0)+IF('Standard Profiles'!$G$20=$B$17,14,0)+IF('Standard Profiles'!$G$20=$B$24,21,0),MOD($C8614,24)+1)/SUM(INDEX($D$3:$AA$30,INDEX(Jesper!$R$2:$R$366,ROW(INDEX(Jesper!AJ$2:AJ$366,ROUNDDOWN($C8614/24,0)+1,1))-1)+IF('Standard Profiles'!$G$20=$B$10,7,0)+IF('Standard Profiles'!$G$20=$B$17,14,0)+IF('Standard Profiles'!$G$20=$B$24,21,0),0)),0)</f>
        <v>0</v>
      </c>
      <c r="G8614" cm="1">
        <f t="array" ref="G8614">IFERROR(INDEX(Jesper!AK$2:AK$366,ROUNDDOWN($C8614/24,0)+1,1)*INDEX($D$3:$AA$30,INDEX(Jesper!$R$2:$R$366,ROW(INDEX(Jesper!AK$2:AK$366,ROUNDDOWN($C8614/24,0)+1,1))-1)+IF('Standard Profiles'!$G$21=$B$10,7,0)+IF('Standard Profiles'!$G$21=$B$17,14,0)+IF('Standard Profiles'!$G$21=$B$24,21,0),MOD($C8614,24)+1)/SUM(INDEX($D$3:$AA$30,INDEX(Jesper!$R$2:$R$366,ROW(INDEX(Jesper!AK$2:AK$366,ROUNDDOWN($C8614/24,0)+1,1))-1)+IF('Standard Profiles'!$G$21=$B$10,7,0)+IF('Standard Profiles'!$G$21=$B$17,14,0)+IF('Standard Profiles'!$G$21=$B$24,21,0),0)),0)</f>
        <v>0</v>
      </c>
      <c r="H8614" cm="1">
        <f t="array" ref="H8614">IFERROR(INDEX(Jesper!AL$2:AL$366,ROUNDDOWN($C8614/24,0)+1,1)*INDEX($D$3:$AA$30,INDEX(Jesper!$R$2:$R$366,ROW(INDEX(Jesper!AL$2:AL$366,ROUNDDOWN($C8614/24,0)+1,1))-1)+IF('Standard Profiles'!$G$22=$B$10,7,0)+IF('Standard Profiles'!$G$22=$B$17,14,0)+IF('Standard Profiles'!$G$22=$B$24,21,0),MOD($C8614,24)+1)/SUM(INDEX($D$3:$AA$30,INDEX(Jesper!$R$2:$R$366,ROW(INDEX(Jesper!AL$2:AL$366,ROUNDDOWN($C8614/24,0)+1,1))-1)+IF('Standard Profiles'!$G$22=$B$10,7,0)+IF('Standard Profiles'!$G$22=$B$17,14,0)+IF('Standard Profiles'!$G$22=$B$24,21,0),0)),0)</f>
        <v>0</v>
      </c>
      <c r="I8614">
        <f t="shared" si="958"/>
        <v>0.56869642115161478</v>
      </c>
      <c r="J8614">
        <f t="shared" si="959"/>
        <v>1.8956547371720494</v>
      </c>
      <c r="K8614">
        <f t="shared" si="960"/>
        <v>2.8434821057580737</v>
      </c>
      <c r="L8614">
        <f t="shared" si="961"/>
        <v>13.648714107638755</v>
      </c>
      <c r="M8614">
        <f t="shared" si="962"/>
        <v>0</v>
      </c>
      <c r="N8614" s="46">
        <f t="shared" si="963"/>
        <v>45649.499999979191</v>
      </c>
    </row>
    <row r="8615" spans="2:14" x14ac:dyDescent="0.3">
      <c r="B8615">
        <f t="shared" si="957"/>
        <v>1</v>
      </c>
      <c r="C8615" s="16">
        <v>8581</v>
      </c>
      <c r="D8615" cm="1">
        <f t="array" ref="D8615">IFERROR(INDEX(Jesper!AH$2:AH$366,ROUNDDOWN($C8615/24,0)+1,1)*INDEX($D$3:$AA$30,INDEX(Jesper!$R$2:$R$366,ROW(INDEX(Jesper!AH$2:AH$366,ROUNDDOWN($C8615/24,0)+1,1))-1)+IF('Standard Profiles'!$G$18=$B$10,7,0)+IF('Standard Profiles'!$G$18=$B$17,14,0)+IF('Standard Profiles'!$G$18=$B$24,21,0),MOD($C8615,24)+1)/SUM(INDEX($D$3:$AA$30,INDEX(Jesper!$R$2:$R$366,ROW(INDEX(Jesper!AH$2:AH$366,ROUNDDOWN($C8615/24,0)+1,1))-1)+IF('Standard Profiles'!$G$18=$B$10,7,0)+IF('Standard Profiles'!$G$18=$B$17,14,0)+IF('Standard Profiles'!$G$18=$B$24,21,0),0)),0)</f>
        <v>12.558712633764825</v>
      </c>
      <c r="E8615" cm="1">
        <f t="array" ref="E8615">IFERROR(INDEX(Jesper!AI$2:AI$366,ROUNDDOWN($C8615/24,0)+1,1)*INDEX($D$3:$AA$30,INDEX(Jesper!$R$2:$R$366,ROW(INDEX(Jesper!AI$2:AI$366,ROUNDDOWN($C8615/24,0)+1,1))-1)+IF('Standard Profiles'!$G$19=$B$10,7,0)+IF('Standard Profiles'!$G$19=$B$17,14,0)+IF('Standard Profiles'!$G$19=$B$24,21,0),MOD($C8615,24)+1)/SUM(INDEX($D$3:$AA$30,INDEX(Jesper!$R$2:$R$366,ROW(INDEX(Jesper!AI$2:AI$366,ROUNDDOWN($C8615/24,0)+1,1))-1)+IF('Standard Profiles'!$G$19=$B$10,7,0)+IF('Standard Profiles'!$G$19=$B$17,14,0)+IF('Standard Profiles'!$G$19=$B$24,21,0),0)),0)</f>
        <v>0</v>
      </c>
      <c r="F8615" cm="1">
        <f t="array" ref="F8615">IFERROR(INDEX(Jesper!AJ$2:AJ$366,ROUNDDOWN($C8615/24,0)+1,1)*INDEX($D$3:$AA$30,INDEX(Jesper!$R$2:$R$366,ROW(INDEX(Jesper!AJ$2:AJ$366,ROUNDDOWN($C8615/24,0)+1,1))-1)+IF('Standard Profiles'!$G$20=$B$10,7,0)+IF('Standard Profiles'!$G$20=$B$17,14,0)+IF('Standard Profiles'!$G$20=$B$24,21,0),MOD($C8615,24)+1)/SUM(INDEX($D$3:$AA$30,INDEX(Jesper!$R$2:$R$366,ROW(INDEX(Jesper!AJ$2:AJ$366,ROUNDDOWN($C8615/24,0)+1,1))-1)+IF('Standard Profiles'!$G$20=$B$10,7,0)+IF('Standard Profiles'!$G$20=$B$17,14,0)+IF('Standard Profiles'!$G$20=$B$24,21,0),0)),0)</f>
        <v>0</v>
      </c>
      <c r="G8615" cm="1">
        <f t="array" ref="G8615">IFERROR(INDEX(Jesper!AK$2:AK$366,ROUNDDOWN($C8615/24,0)+1,1)*INDEX($D$3:$AA$30,INDEX(Jesper!$R$2:$R$366,ROW(INDEX(Jesper!AK$2:AK$366,ROUNDDOWN($C8615/24,0)+1,1))-1)+IF('Standard Profiles'!$G$21=$B$10,7,0)+IF('Standard Profiles'!$G$21=$B$17,14,0)+IF('Standard Profiles'!$G$21=$B$24,21,0),MOD($C8615,24)+1)/SUM(INDEX($D$3:$AA$30,INDEX(Jesper!$R$2:$R$366,ROW(INDEX(Jesper!AK$2:AK$366,ROUNDDOWN($C8615/24,0)+1,1))-1)+IF('Standard Profiles'!$G$21=$B$10,7,0)+IF('Standard Profiles'!$G$21=$B$17,14,0)+IF('Standard Profiles'!$G$21=$B$24,21,0),0)),0)</f>
        <v>0</v>
      </c>
      <c r="H8615" cm="1">
        <f t="array" ref="H8615">IFERROR(INDEX(Jesper!AL$2:AL$366,ROUNDDOWN($C8615/24,0)+1,1)*INDEX($D$3:$AA$30,INDEX(Jesper!$R$2:$R$366,ROW(INDEX(Jesper!AL$2:AL$366,ROUNDDOWN($C8615/24,0)+1,1))-1)+IF('Standard Profiles'!$G$22=$B$10,7,0)+IF('Standard Profiles'!$G$22=$B$17,14,0)+IF('Standard Profiles'!$G$22=$B$24,21,0),MOD($C8615,24)+1)/SUM(INDEX($D$3:$AA$30,INDEX(Jesper!$R$2:$R$366,ROW(INDEX(Jesper!AL$2:AL$366,ROUNDDOWN($C8615/24,0)+1,1))-1)+IF('Standard Profiles'!$G$22=$B$10,7,0)+IF('Standard Profiles'!$G$22=$B$17,14,0)+IF('Standard Profiles'!$G$22=$B$24,21,0),0)),0)</f>
        <v>0</v>
      </c>
      <c r="I8615">
        <f t="shared" si="958"/>
        <v>0.37676137901294476</v>
      </c>
      <c r="J8615">
        <f t="shared" si="959"/>
        <v>1.2558712633764826</v>
      </c>
      <c r="K8615">
        <f t="shared" si="960"/>
        <v>1.8838068950647238</v>
      </c>
      <c r="L8615">
        <f t="shared" si="961"/>
        <v>9.0422730963106748</v>
      </c>
      <c r="M8615">
        <f t="shared" si="962"/>
        <v>0</v>
      </c>
      <c r="N8615" s="46">
        <f t="shared" si="963"/>
        <v>45649.541666645855</v>
      </c>
    </row>
    <row r="8616" spans="2:14" x14ac:dyDescent="0.3">
      <c r="B8616">
        <f t="shared" si="957"/>
        <v>1</v>
      </c>
      <c r="C8616" s="16">
        <v>8582</v>
      </c>
      <c r="D8616" cm="1">
        <f t="array" ref="D8616">IFERROR(INDEX(Jesper!AH$2:AH$366,ROUNDDOWN($C8616/24,0)+1,1)*INDEX($D$3:$AA$30,INDEX(Jesper!$R$2:$R$366,ROW(INDEX(Jesper!AH$2:AH$366,ROUNDDOWN($C8616/24,0)+1,1))-1)+IF('Standard Profiles'!$G$18=$B$10,7,0)+IF('Standard Profiles'!$G$18=$B$17,14,0)+IF('Standard Profiles'!$G$18=$B$24,21,0),MOD($C8616,24)+1)/SUM(INDEX($D$3:$AA$30,INDEX(Jesper!$R$2:$R$366,ROW(INDEX(Jesper!AH$2:AH$366,ROUNDDOWN($C8616/24,0)+1,1))-1)+IF('Standard Profiles'!$G$18=$B$10,7,0)+IF('Standard Profiles'!$G$18=$B$17,14,0)+IF('Standard Profiles'!$G$18=$B$24,21,0),0)),0)</f>
        <v>18.956547371720493</v>
      </c>
      <c r="E8616" cm="1">
        <f t="array" ref="E8616">IFERROR(INDEX(Jesper!AI$2:AI$366,ROUNDDOWN($C8616/24,0)+1,1)*INDEX($D$3:$AA$30,INDEX(Jesper!$R$2:$R$366,ROW(INDEX(Jesper!AI$2:AI$366,ROUNDDOWN($C8616/24,0)+1,1))-1)+IF('Standard Profiles'!$G$19=$B$10,7,0)+IF('Standard Profiles'!$G$19=$B$17,14,0)+IF('Standard Profiles'!$G$19=$B$24,21,0),MOD($C8616,24)+1)/SUM(INDEX($D$3:$AA$30,INDEX(Jesper!$R$2:$R$366,ROW(INDEX(Jesper!AI$2:AI$366,ROUNDDOWN($C8616/24,0)+1,1))-1)+IF('Standard Profiles'!$G$19=$B$10,7,0)+IF('Standard Profiles'!$G$19=$B$17,14,0)+IF('Standard Profiles'!$G$19=$B$24,21,0),0)),0)</f>
        <v>0</v>
      </c>
      <c r="F8616" cm="1">
        <f t="array" ref="F8616">IFERROR(INDEX(Jesper!AJ$2:AJ$366,ROUNDDOWN($C8616/24,0)+1,1)*INDEX($D$3:$AA$30,INDEX(Jesper!$R$2:$R$366,ROW(INDEX(Jesper!AJ$2:AJ$366,ROUNDDOWN($C8616/24,0)+1,1))-1)+IF('Standard Profiles'!$G$20=$B$10,7,0)+IF('Standard Profiles'!$G$20=$B$17,14,0)+IF('Standard Profiles'!$G$20=$B$24,21,0),MOD($C8616,24)+1)/SUM(INDEX($D$3:$AA$30,INDEX(Jesper!$R$2:$R$366,ROW(INDEX(Jesper!AJ$2:AJ$366,ROUNDDOWN($C8616/24,0)+1,1))-1)+IF('Standard Profiles'!$G$20=$B$10,7,0)+IF('Standard Profiles'!$G$20=$B$17,14,0)+IF('Standard Profiles'!$G$20=$B$24,21,0),0)),0)</f>
        <v>0</v>
      </c>
      <c r="G8616" cm="1">
        <f t="array" ref="G8616">IFERROR(INDEX(Jesper!AK$2:AK$366,ROUNDDOWN($C8616/24,0)+1,1)*INDEX($D$3:$AA$30,INDEX(Jesper!$R$2:$R$366,ROW(INDEX(Jesper!AK$2:AK$366,ROUNDDOWN($C8616/24,0)+1,1))-1)+IF('Standard Profiles'!$G$21=$B$10,7,0)+IF('Standard Profiles'!$G$21=$B$17,14,0)+IF('Standard Profiles'!$G$21=$B$24,21,0),MOD($C8616,24)+1)/SUM(INDEX($D$3:$AA$30,INDEX(Jesper!$R$2:$R$366,ROW(INDEX(Jesper!AK$2:AK$366,ROUNDDOWN($C8616/24,0)+1,1))-1)+IF('Standard Profiles'!$G$21=$B$10,7,0)+IF('Standard Profiles'!$G$21=$B$17,14,0)+IF('Standard Profiles'!$G$21=$B$24,21,0),0)),0)</f>
        <v>0</v>
      </c>
      <c r="H8616" cm="1">
        <f t="array" ref="H8616">IFERROR(INDEX(Jesper!AL$2:AL$366,ROUNDDOWN($C8616/24,0)+1,1)*INDEX($D$3:$AA$30,INDEX(Jesper!$R$2:$R$366,ROW(INDEX(Jesper!AL$2:AL$366,ROUNDDOWN($C8616/24,0)+1,1))-1)+IF('Standard Profiles'!$G$22=$B$10,7,0)+IF('Standard Profiles'!$G$22=$B$17,14,0)+IF('Standard Profiles'!$G$22=$B$24,21,0),MOD($C8616,24)+1)/SUM(INDEX($D$3:$AA$30,INDEX(Jesper!$R$2:$R$366,ROW(INDEX(Jesper!AL$2:AL$366,ROUNDDOWN($C8616/24,0)+1,1))-1)+IF('Standard Profiles'!$G$22=$B$10,7,0)+IF('Standard Profiles'!$G$22=$B$17,14,0)+IF('Standard Profiles'!$G$22=$B$24,21,0),0)),0)</f>
        <v>0</v>
      </c>
      <c r="I8616">
        <f t="shared" si="958"/>
        <v>0.56869642115161478</v>
      </c>
      <c r="J8616">
        <f t="shared" si="959"/>
        <v>1.8956547371720494</v>
      </c>
      <c r="K8616">
        <f t="shared" si="960"/>
        <v>2.8434821057580737</v>
      </c>
      <c r="L8616">
        <f t="shared" si="961"/>
        <v>13.648714107638755</v>
      </c>
      <c r="M8616">
        <f t="shared" si="962"/>
        <v>0</v>
      </c>
      <c r="N8616" s="46">
        <f t="shared" si="963"/>
        <v>45649.583333312519</v>
      </c>
    </row>
    <row r="8617" spans="2:14" x14ac:dyDescent="0.3">
      <c r="B8617">
        <f t="shared" si="957"/>
        <v>1</v>
      </c>
      <c r="C8617" s="16">
        <v>8583</v>
      </c>
      <c r="D8617" cm="1">
        <f t="array" ref="D8617">IFERROR(INDEX(Jesper!AH$2:AH$366,ROUNDDOWN($C8617/24,0)+1,1)*INDEX($D$3:$AA$30,INDEX(Jesper!$R$2:$R$366,ROW(INDEX(Jesper!AH$2:AH$366,ROUNDDOWN($C8617/24,0)+1,1))-1)+IF('Standard Profiles'!$G$18=$B$10,7,0)+IF('Standard Profiles'!$G$18=$B$17,14,0)+IF('Standard Profiles'!$G$18=$B$24,21,0),MOD($C8617,24)+1)/SUM(INDEX($D$3:$AA$30,INDEX(Jesper!$R$2:$R$366,ROW(INDEX(Jesper!AH$2:AH$366,ROUNDDOWN($C8617/24,0)+1,1))-1)+IF('Standard Profiles'!$G$18=$B$10,7,0)+IF('Standard Profiles'!$G$18=$B$17,14,0)+IF('Standard Profiles'!$G$18=$B$24,21,0),0)),0)</f>
        <v>18.956547371720493</v>
      </c>
      <c r="E8617" cm="1">
        <f t="array" ref="E8617">IFERROR(INDEX(Jesper!AI$2:AI$366,ROUNDDOWN($C8617/24,0)+1,1)*INDEX($D$3:$AA$30,INDEX(Jesper!$R$2:$R$366,ROW(INDEX(Jesper!AI$2:AI$366,ROUNDDOWN($C8617/24,0)+1,1))-1)+IF('Standard Profiles'!$G$19=$B$10,7,0)+IF('Standard Profiles'!$G$19=$B$17,14,0)+IF('Standard Profiles'!$G$19=$B$24,21,0),MOD($C8617,24)+1)/SUM(INDEX($D$3:$AA$30,INDEX(Jesper!$R$2:$R$366,ROW(INDEX(Jesper!AI$2:AI$366,ROUNDDOWN($C8617/24,0)+1,1))-1)+IF('Standard Profiles'!$G$19=$B$10,7,0)+IF('Standard Profiles'!$G$19=$B$17,14,0)+IF('Standard Profiles'!$G$19=$B$24,21,0),0)),0)</f>
        <v>0</v>
      </c>
      <c r="F8617" cm="1">
        <f t="array" ref="F8617">IFERROR(INDEX(Jesper!AJ$2:AJ$366,ROUNDDOWN($C8617/24,0)+1,1)*INDEX($D$3:$AA$30,INDEX(Jesper!$R$2:$R$366,ROW(INDEX(Jesper!AJ$2:AJ$366,ROUNDDOWN($C8617/24,0)+1,1))-1)+IF('Standard Profiles'!$G$20=$B$10,7,0)+IF('Standard Profiles'!$G$20=$B$17,14,0)+IF('Standard Profiles'!$G$20=$B$24,21,0),MOD($C8617,24)+1)/SUM(INDEX($D$3:$AA$30,INDEX(Jesper!$R$2:$R$366,ROW(INDEX(Jesper!AJ$2:AJ$366,ROUNDDOWN($C8617/24,0)+1,1))-1)+IF('Standard Profiles'!$G$20=$B$10,7,0)+IF('Standard Profiles'!$G$20=$B$17,14,0)+IF('Standard Profiles'!$G$20=$B$24,21,0),0)),0)</f>
        <v>0</v>
      </c>
      <c r="G8617" cm="1">
        <f t="array" ref="G8617">IFERROR(INDEX(Jesper!AK$2:AK$366,ROUNDDOWN($C8617/24,0)+1,1)*INDEX($D$3:$AA$30,INDEX(Jesper!$R$2:$R$366,ROW(INDEX(Jesper!AK$2:AK$366,ROUNDDOWN($C8617/24,0)+1,1))-1)+IF('Standard Profiles'!$G$21=$B$10,7,0)+IF('Standard Profiles'!$G$21=$B$17,14,0)+IF('Standard Profiles'!$G$21=$B$24,21,0),MOD($C8617,24)+1)/SUM(INDEX($D$3:$AA$30,INDEX(Jesper!$R$2:$R$366,ROW(INDEX(Jesper!AK$2:AK$366,ROUNDDOWN($C8617/24,0)+1,1))-1)+IF('Standard Profiles'!$G$21=$B$10,7,0)+IF('Standard Profiles'!$G$21=$B$17,14,0)+IF('Standard Profiles'!$G$21=$B$24,21,0),0)),0)</f>
        <v>0</v>
      </c>
      <c r="H8617" cm="1">
        <f t="array" ref="H8617">IFERROR(INDEX(Jesper!AL$2:AL$366,ROUNDDOWN($C8617/24,0)+1,1)*INDEX($D$3:$AA$30,INDEX(Jesper!$R$2:$R$366,ROW(INDEX(Jesper!AL$2:AL$366,ROUNDDOWN($C8617/24,0)+1,1))-1)+IF('Standard Profiles'!$G$22=$B$10,7,0)+IF('Standard Profiles'!$G$22=$B$17,14,0)+IF('Standard Profiles'!$G$22=$B$24,21,0),MOD($C8617,24)+1)/SUM(INDEX($D$3:$AA$30,INDEX(Jesper!$R$2:$R$366,ROW(INDEX(Jesper!AL$2:AL$366,ROUNDDOWN($C8617/24,0)+1,1))-1)+IF('Standard Profiles'!$G$22=$B$10,7,0)+IF('Standard Profiles'!$G$22=$B$17,14,0)+IF('Standard Profiles'!$G$22=$B$24,21,0),0)),0)</f>
        <v>0</v>
      </c>
      <c r="I8617">
        <f t="shared" si="958"/>
        <v>0.56869642115161478</v>
      </c>
      <c r="J8617">
        <f t="shared" si="959"/>
        <v>1.8956547371720494</v>
      </c>
      <c r="K8617">
        <f t="shared" si="960"/>
        <v>2.8434821057580737</v>
      </c>
      <c r="L8617">
        <f t="shared" si="961"/>
        <v>13.648714107638755</v>
      </c>
      <c r="M8617">
        <f t="shared" si="962"/>
        <v>0</v>
      </c>
      <c r="N8617" s="46">
        <f t="shared" si="963"/>
        <v>45649.624999979183</v>
      </c>
    </row>
    <row r="8618" spans="2:14" x14ac:dyDescent="0.3">
      <c r="B8618">
        <f t="shared" si="957"/>
        <v>1</v>
      </c>
      <c r="C8618" s="16">
        <v>8584</v>
      </c>
      <c r="D8618" cm="1">
        <f t="array" ref="D8618">IFERROR(INDEX(Jesper!AH$2:AH$366,ROUNDDOWN($C8618/24,0)+1,1)*INDEX($D$3:$AA$30,INDEX(Jesper!$R$2:$R$366,ROW(INDEX(Jesper!AH$2:AH$366,ROUNDDOWN($C8618/24,0)+1,1))-1)+IF('Standard Profiles'!$G$18=$B$10,7,0)+IF('Standard Profiles'!$G$18=$B$17,14,0)+IF('Standard Profiles'!$G$18=$B$24,21,0),MOD($C8618,24)+1)/SUM(INDEX($D$3:$AA$30,INDEX(Jesper!$R$2:$R$366,ROW(INDEX(Jesper!AH$2:AH$366,ROUNDDOWN($C8618/24,0)+1,1))-1)+IF('Standard Profiles'!$G$18=$B$10,7,0)+IF('Standard Profiles'!$G$18=$B$17,14,0)+IF('Standard Profiles'!$G$18=$B$24,21,0),0)),0)</f>
        <v>18.956547371720493</v>
      </c>
      <c r="E8618" cm="1">
        <f t="array" ref="E8618">IFERROR(INDEX(Jesper!AI$2:AI$366,ROUNDDOWN($C8618/24,0)+1,1)*INDEX($D$3:$AA$30,INDEX(Jesper!$R$2:$R$366,ROW(INDEX(Jesper!AI$2:AI$366,ROUNDDOWN($C8618/24,0)+1,1))-1)+IF('Standard Profiles'!$G$19=$B$10,7,0)+IF('Standard Profiles'!$G$19=$B$17,14,0)+IF('Standard Profiles'!$G$19=$B$24,21,0),MOD($C8618,24)+1)/SUM(INDEX($D$3:$AA$30,INDEX(Jesper!$R$2:$R$366,ROW(INDEX(Jesper!AI$2:AI$366,ROUNDDOWN($C8618/24,0)+1,1))-1)+IF('Standard Profiles'!$G$19=$B$10,7,0)+IF('Standard Profiles'!$G$19=$B$17,14,0)+IF('Standard Profiles'!$G$19=$B$24,21,0),0)),0)</f>
        <v>0</v>
      </c>
      <c r="F8618" cm="1">
        <f t="array" ref="F8618">IFERROR(INDEX(Jesper!AJ$2:AJ$366,ROUNDDOWN($C8618/24,0)+1,1)*INDEX($D$3:$AA$30,INDEX(Jesper!$R$2:$R$366,ROW(INDEX(Jesper!AJ$2:AJ$366,ROUNDDOWN($C8618/24,0)+1,1))-1)+IF('Standard Profiles'!$G$20=$B$10,7,0)+IF('Standard Profiles'!$G$20=$B$17,14,0)+IF('Standard Profiles'!$G$20=$B$24,21,0),MOD($C8618,24)+1)/SUM(INDEX($D$3:$AA$30,INDEX(Jesper!$R$2:$R$366,ROW(INDEX(Jesper!AJ$2:AJ$366,ROUNDDOWN($C8618/24,0)+1,1))-1)+IF('Standard Profiles'!$G$20=$B$10,7,0)+IF('Standard Profiles'!$G$20=$B$17,14,0)+IF('Standard Profiles'!$G$20=$B$24,21,0),0)),0)</f>
        <v>0</v>
      </c>
      <c r="G8618" cm="1">
        <f t="array" ref="G8618">IFERROR(INDEX(Jesper!AK$2:AK$366,ROUNDDOWN($C8618/24,0)+1,1)*INDEX($D$3:$AA$30,INDEX(Jesper!$R$2:$R$366,ROW(INDEX(Jesper!AK$2:AK$366,ROUNDDOWN($C8618/24,0)+1,1))-1)+IF('Standard Profiles'!$G$21=$B$10,7,0)+IF('Standard Profiles'!$G$21=$B$17,14,0)+IF('Standard Profiles'!$G$21=$B$24,21,0),MOD($C8618,24)+1)/SUM(INDEX($D$3:$AA$30,INDEX(Jesper!$R$2:$R$366,ROW(INDEX(Jesper!AK$2:AK$366,ROUNDDOWN($C8618/24,0)+1,1))-1)+IF('Standard Profiles'!$G$21=$B$10,7,0)+IF('Standard Profiles'!$G$21=$B$17,14,0)+IF('Standard Profiles'!$G$21=$B$24,21,0),0)),0)</f>
        <v>0</v>
      </c>
      <c r="H8618" cm="1">
        <f t="array" ref="H8618">IFERROR(INDEX(Jesper!AL$2:AL$366,ROUNDDOWN($C8618/24,0)+1,1)*INDEX($D$3:$AA$30,INDEX(Jesper!$R$2:$R$366,ROW(INDEX(Jesper!AL$2:AL$366,ROUNDDOWN($C8618/24,0)+1,1))-1)+IF('Standard Profiles'!$G$22=$B$10,7,0)+IF('Standard Profiles'!$G$22=$B$17,14,0)+IF('Standard Profiles'!$G$22=$B$24,21,0),MOD($C8618,24)+1)/SUM(INDEX($D$3:$AA$30,INDEX(Jesper!$R$2:$R$366,ROW(INDEX(Jesper!AL$2:AL$366,ROUNDDOWN($C8618/24,0)+1,1))-1)+IF('Standard Profiles'!$G$22=$B$10,7,0)+IF('Standard Profiles'!$G$22=$B$17,14,0)+IF('Standard Profiles'!$G$22=$B$24,21,0),0)),0)</f>
        <v>0</v>
      </c>
      <c r="I8618">
        <f t="shared" si="958"/>
        <v>0.56869642115161478</v>
      </c>
      <c r="J8618">
        <f t="shared" si="959"/>
        <v>1.8956547371720494</v>
      </c>
      <c r="K8618">
        <f t="shared" si="960"/>
        <v>2.8434821057580737</v>
      </c>
      <c r="L8618">
        <f t="shared" si="961"/>
        <v>13.648714107638755</v>
      </c>
      <c r="M8618">
        <f t="shared" si="962"/>
        <v>0</v>
      </c>
      <c r="N8618" s="46">
        <f t="shared" si="963"/>
        <v>45649.666666645848</v>
      </c>
    </row>
    <row r="8619" spans="2:14" x14ac:dyDescent="0.3">
      <c r="B8619">
        <f t="shared" si="957"/>
        <v>1</v>
      </c>
      <c r="C8619" s="16">
        <v>8585</v>
      </c>
      <c r="D8619" cm="1">
        <f t="array" ref="D8619">IFERROR(INDEX(Jesper!AH$2:AH$366,ROUNDDOWN($C8619/24,0)+1,1)*INDEX($D$3:$AA$30,INDEX(Jesper!$R$2:$R$366,ROW(INDEX(Jesper!AH$2:AH$366,ROUNDDOWN($C8619/24,0)+1,1))-1)+IF('Standard Profiles'!$G$18=$B$10,7,0)+IF('Standard Profiles'!$G$18=$B$17,14,0)+IF('Standard Profiles'!$G$18=$B$24,21,0),MOD($C8619,24)+1)/SUM(INDEX($D$3:$AA$30,INDEX(Jesper!$R$2:$R$366,ROW(INDEX(Jesper!AH$2:AH$366,ROUNDDOWN($C8619/24,0)+1,1))-1)+IF('Standard Profiles'!$G$18=$B$10,7,0)+IF('Standard Profiles'!$G$18=$B$17,14,0)+IF('Standard Profiles'!$G$18=$B$24,21,0),0)),0)</f>
        <v>18.956547371720493</v>
      </c>
      <c r="E8619" cm="1">
        <f t="array" ref="E8619">IFERROR(INDEX(Jesper!AI$2:AI$366,ROUNDDOWN($C8619/24,0)+1,1)*INDEX($D$3:$AA$30,INDEX(Jesper!$R$2:$R$366,ROW(INDEX(Jesper!AI$2:AI$366,ROUNDDOWN($C8619/24,0)+1,1))-1)+IF('Standard Profiles'!$G$19=$B$10,7,0)+IF('Standard Profiles'!$G$19=$B$17,14,0)+IF('Standard Profiles'!$G$19=$B$24,21,0),MOD($C8619,24)+1)/SUM(INDEX($D$3:$AA$30,INDEX(Jesper!$R$2:$R$366,ROW(INDEX(Jesper!AI$2:AI$366,ROUNDDOWN($C8619/24,0)+1,1))-1)+IF('Standard Profiles'!$G$19=$B$10,7,0)+IF('Standard Profiles'!$G$19=$B$17,14,0)+IF('Standard Profiles'!$G$19=$B$24,21,0),0)),0)</f>
        <v>0</v>
      </c>
      <c r="F8619" cm="1">
        <f t="array" ref="F8619">IFERROR(INDEX(Jesper!AJ$2:AJ$366,ROUNDDOWN($C8619/24,0)+1,1)*INDEX($D$3:$AA$30,INDEX(Jesper!$R$2:$R$366,ROW(INDEX(Jesper!AJ$2:AJ$366,ROUNDDOWN($C8619/24,0)+1,1))-1)+IF('Standard Profiles'!$G$20=$B$10,7,0)+IF('Standard Profiles'!$G$20=$B$17,14,0)+IF('Standard Profiles'!$G$20=$B$24,21,0),MOD($C8619,24)+1)/SUM(INDEX($D$3:$AA$30,INDEX(Jesper!$R$2:$R$366,ROW(INDEX(Jesper!AJ$2:AJ$366,ROUNDDOWN($C8619/24,0)+1,1))-1)+IF('Standard Profiles'!$G$20=$B$10,7,0)+IF('Standard Profiles'!$G$20=$B$17,14,0)+IF('Standard Profiles'!$G$20=$B$24,21,0),0)),0)</f>
        <v>0</v>
      </c>
      <c r="G8619" cm="1">
        <f t="array" ref="G8619">IFERROR(INDEX(Jesper!AK$2:AK$366,ROUNDDOWN($C8619/24,0)+1,1)*INDEX($D$3:$AA$30,INDEX(Jesper!$R$2:$R$366,ROW(INDEX(Jesper!AK$2:AK$366,ROUNDDOWN($C8619/24,0)+1,1))-1)+IF('Standard Profiles'!$G$21=$B$10,7,0)+IF('Standard Profiles'!$G$21=$B$17,14,0)+IF('Standard Profiles'!$G$21=$B$24,21,0),MOD($C8619,24)+1)/SUM(INDEX($D$3:$AA$30,INDEX(Jesper!$R$2:$R$366,ROW(INDEX(Jesper!AK$2:AK$366,ROUNDDOWN($C8619/24,0)+1,1))-1)+IF('Standard Profiles'!$G$21=$B$10,7,0)+IF('Standard Profiles'!$G$21=$B$17,14,0)+IF('Standard Profiles'!$G$21=$B$24,21,0),0)),0)</f>
        <v>0</v>
      </c>
      <c r="H8619" cm="1">
        <f t="array" ref="H8619">IFERROR(INDEX(Jesper!AL$2:AL$366,ROUNDDOWN($C8619/24,0)+1,1)*INDEX($D$3:$AA$30,INDEX(Jesper!$R$2:$R$366,ROW(INDEX(Jesper!AL$2:AL$366,ROUNDDOWN($C8619/24,0)+1,1))-1)+IF('Standard Profiles'!$G$22=$B$10,7,0)+IF('Standard Profiles'!$G$22=$B$17,14,0)+IF('Standard Profiles'!$G$22=$B$24,21,0),MOD($C8619,24)+1)/SUM(INDEX($D$3:$AA$30,INDEX(Jesper!$R$2:$R$366,ROW(INDEX(Jesper!AL$2:AL$366,ROUNDDOWN($C8619/24,0)+1,1))-1)+IF('Standard Profiles'!$G$22=$B$10,7,0)+IF('Standard Profiles'!$G$22=$B$17,14,0)+IF('Standard Profiles'!$G$22=$B$24,21,0),0)),0)</f>
        <v>0</v>
      </c>
      <c r="I8619">
        <f t="shared" si="958"/>
        <v>0.56869642115161478</v>
      </c>
      <c r="J8619">
        <f t="shared" si="959"/>
        <v>1.8956547371720494</v>
      </c>
      <c r="K8619">
        <f t="shared" si="960"/>
        <v>2.8434821057580737</v>
      </c>
      <c r="L8619">
        <f t="shared" si="961"/>
        <v>13.648714107638755</v>
      </c>
      <c r="M8619">
        <f t="shared" si="962"/>
        <v>0</v>
      </c>
      <c r="N8619" s="46">
        <f t="shared" si="963"/>
        <v>45649.708333312512</v>
      </c>
    </row>
    <row r="8620" spans="2:14" x14ac:dyDescent="0.3">
      <c r="B8620">
        <f t="shared" si="957"/>
        <v>1</v>
      </c>
      <c r="C8620" s="16">
        <v>8586</v>
      </c>
      <c r="D8620" cm="1">
        <f t="array" ref="D8620">IFERROR(INDEX(Jesper!AH$2:AH$366,ROUNDDOWN($C8620/24,0)+1,1)*INDEX($D$3:$AA$30,INDEX(Jesper!$R$2:$R$366,ROW(INDEX(Jesper!AH$2:AH$366,ROUNDDOWN($C8620/24,0)+1,1))-1)+IF('Standard Profiles'!$G$18=$B$10,7,0)+IF('Standard Profiles'!$G$18=$B$17,14,0)+IF('Standard Profiles'!$G$18=$B$24,21,0),MOD($C8620,24)+1)/SUM(INDEX($D$3:$AA$30,INDEX(Jesper!$R$2:$R$366,ROW(INDEX(Jesper!AH$2:AH$366,ROUNDDOWN($C8620/24,0)+1,1))-1)+IF('Standard Profiles'!$G$18=$B$10,7,0)+IF('Standard Profiles'!$G$18=$B$17,14,0)+IF('Standard Profiles'!$G$18=$B$24,21,0),0)),0)</f>
        <v>18.956547371720493</v>
      </c>
      <c r="E8620" cm="1">
        <f t="array" ref="E8620">IFERROR(INDEX(Jesper!AI$2:AI$366,ROUNDDOWN($C8620/24,0)+1,1)*INDEX($D$3:$AA$30,INDEX(Jesper!$R$2:$R$366,ROW(INDEX(Jesper!AI$2:AI$366,ROUNDDOWN($C8620/24,0)+1,1))-1)+IF('Standard Profiles'!$G$19=$B$10,7,0)+IF('Standard Profiles'!$G$19=$B$17,14,0)+IF('Standard Profiles'!$G$19=$B$24,21,0),MOD($C8620,24)+1)/SUM(INDEX($D$3:$AA$30,INDEX(Jesper!$R$2:$R$366,ROW(INDEX(Jesper!AI$2:AI$366,ROUNDDOWN($C8620/24,0)+1,1))-1)+IF('Standard Profiles'!$G$19=$B$10,7,0)+IF('Standard Profiles'!$G$19=$B$17,14,0)+IF('Standard Profiles'!$G$19=$B$24,21,0),0)),0)</f>
        <v>0</v>
      </c>
      <c r="F8620" cm="1">
        <f t="array" ref="F8620">IFERROR(INDEX(Jesper!AJ$2:AJ$366,ROUNDDOWN($C8620/24,0)+1,1)*INDEX($D$3:$AA$30,INDEX(Jesper!$R$2:$R$366,ROW(INDEX(Jesper!AJ$2:AJ$366,ROUNDDOWN($C8620/24,0)+1,1))-1)+IF('Standard Profiles'!$G$20=$B$10,7,0)+IF('Standard Profiles'!$G$20=$B$17,14,0)+IF('Standard Profiles'!$G$20=$B$24,21,0),MOD($C8620,24)+1)/SUM(INDEX($D$3:$AA$30,INDEX(Jesper!$R$2:$R$366,ROW(INDEX(Jesper!AJ$2:AJ$366,ROUNDDOWN($C8620/24,0)+1,1))-1)+IF('Standard Profiles'!$G$20=$B$10,7,0)+IF('Standard Profiles'!$G$20=$B$17,14,0)+IF('Standard Profiles'!$G$20=$B$24,21,0),0)),0)</f>
        <v>0</v>
      </c>
      <c r="G8620" cm="1">
        <f t="array" ref="G8620">IFERROR(INDEX(Jesper!AK$2:AK$366,ROUNDDOWN($C8620/24,0)+1,1)*INDEX($D$3:$AA$30,INDEX(Jesper!$R$2:$R$366,ROW(INDEX(Jesper!AK$2:AK$366,ROUNDDOWN($C8620/24,0)+1,1))-1)+IF('Standard Profiles'!$G$21=$B$10,7,0)+IF('Standard Profiles'!$G$21=$B$17,14,0)+IF('Standard Profiles'!$G$21=$B$24,21,0),MOD($C8620,24)+1)/SUM(INDEX($D$3:$AA$30,INDEX(Jesper!$R$2:$R$366,ROW(INDEX(Jesper!AK$2:AK$366,ROUNDDOWN($C8620/24,0)+1,1))-1)+IF('Standard Profiles'!$G$21=$B$10,7,0)+IF('Standard Profiles'!$G$21=$B$17,14,0)+IF('Standard Profiles'!$G$21=$B$24,21,0),0)),0)</f>
        <v>0</v>
      </c>
      <c r="H8620" cm="1">
        <f t="array" ref="H8620">IFERROR(INDEX(Jesper!AL$2:AL$366,ROUNDDOWN($C8620/24,0)+1,1)*INDEX($D$3:$AA$30,INDEX(Jesper!$R$2:$R$366,ROW(INDEX(Jesper!AL$2:AL$366,ROUNDDOWN($C8620/24,0)+1,1))-1)+IF('Standard Profiles'!$G$22=$B$10,7,0)+IF('Standard Profiles'!$G$22=$B$17,14,0)+IF('Standard Profiles'!$G$22=$B$24,21,0),MOD($C8620,24)+1)/SUM(INDEX($D$3:$AA$30,INDEX(Jesper!$R$2:$R$366,ROW(INDEX(Jesper!AL$2:AL$366,ROUNDDOWN($C8620/24,0)+1,1))-1)+IF('Standard Profiles'!$G$22=$B$10,7,0)+IF('Standard Profiles'!$G$22=$B$17,14,0)+IF('Standard Profiles'!$G$22=$B$24,21,0),0)),0)</f>
        <v>0</v>
      </c>
      <c r="I8620">
        <f t="shared" si="958"/>
        <v>0.56869642115161478</v>
      </c>
      <c r="J8620">
        <f t="shared" si="959"/>
        <v>1.8956547371720494</v>
      </c>
      <c r="K8620">
        <f t="shared" si="960"/>
        <v>2.8434821057580737</v>
      </c>
      <c r="L8620">
        <f t="shared" si="961"/>
        <v>13.648714107638755</v>
      </c>
      <c r="M8620">
        <f t="shared" si="962"/>
        <v>0</v>
      </c>
      <c r="N8620" s="46">
        <f t="shared" si="963"/>
        <v>45649.749999979176</v>
      </c>
    </row>
    <row r="8621" spans="2:14" x14ac:dyDescent="0.3">
      <c r="B8621">
        <f t="shared" si="957"/>
        <v>1</v>
      </c>
      <c r="C8621" s="16">
        <v>8587</v>
      </c>
      <c r="D8621" cm="1">
        <f t="array" ref="D8621">IFERROR(INDEX(Jesper!AH$2:AH$366,ROUNDDOWN($C8621/24,0)+1,1)*INDEX($D$3:$AA$30,INDEX(Jesper!$R$2:$R$366,ROW(INDEX(Jesper!AH$2:AH$366,ROUNDDOWN($C8621/24,0)+1,1))-1)+IF('Standard Profiles'!$G$18=$B$10,7,0)+IF('Standard Profiles'!$G$18=$B$17,14,0)+IF('Standard Profiles'!$G$18=$B$24,21,0),MOD($C8621,24)+1)/SUM(INDEX($D$3:$AA$30,INDEX(Jesper!$R$2:$R$366,ROW(INDEX(Jesper!AH$2:AH$366,ROUNDDOWN($C8621/24,0)+1,1))-1)+IF('Standard Profiles'!$G$18=$B$10,7,0)+IF('Standard Profiles'!$G$18=$B$17,14,0)+IF('Standard Profiles'!$G$18=$B$24,21,0),0)),0)</f>
        <v>15.876108423815909</v>
      </c>
      <c r="E8621" cm="1">
        <f t="array" ref="E8621">IFERROR(INDEX(Jesper!AI$2:AI$366,ROUNDDOWN($C8621/24,0)+1,1)*INDEX($D$3:$AA$30,INDEX(Jesper!$R$2:$R$366,ROW(INDEX(Jesper!AI$2:AI$366,ROUNDDOWN($C8621/24,0)+1,1))-1)+IF('Standard Profiles'!$G$19=$B$10,7,0)+IF('Standard Profiles'!$G$19=$B$17,14,0)+IF('Standard Profiles'!$G$19=$B$24,21,0),MOD($C8621,24)+1)/SUM(INDEX($D$3:$AA$30,INDEX(Jesper!$R$2:$R$366,ROW(INDEX(Jesper!AI$2:AI$366,ROUNDDOWN($C8621/24,0)+1,1))-1)+IF('Standard Profiles'!$G$19=$B$10,7,0)+IF('Standard Profiles'!$G$19=$B$17,14,0)+IF('Standard Profiles'!$G$19=$B$24,21,0),0)),0)</f>
        <v>0</v>
      </c>
      <c r="F8621" cm="1">
        <f t="array" ref="F8621">IFERROR(INDEX(Jesper!AJ$2:AJ$366,ROUNDDOWN($C8621/24,0)+1,1)*INDEX($D$3:$AA$30,INDEX(Jesper!$R$2:$R$366,ROW(INDEX(Jesper!AJ$2:AJ$366,ROUNDDOWN($C8621/24,0)+1,1))-1)+IF('Standard Profiles'!$G$20=$B$10,7,0)+IF('Standard Profiles'!$G$20=$B$17,14,0)+IF('Standard Profiles'!$G$20=$B$24,21,0),MOD($C8621,24)+1)/SUM(INDEX($D$3:$AA$30,INDEX(Jesper!$R$2:$R$366,ROW(INDEX(Jesper!AJ$2:AJ$366,ROUNDDOWN($C8621/24,0)+1,1))-1)+IF('Standard Profiles'!$G$20=$B$10,7,0)+IF('Standard Profiles'!$G$20=$B$17,14,0)+IF('Standard Profiles'!$G$20=$B$24,21,0),0)),0)</f>
        <v>0</v>
      </c>
      <c r="G8621" cm="1">
        <f t="array" ref="G8621">IFERROR(INDEX(Jesper!AK$2:AK$366,ROUNDDOWN($C8621/24,0)+1,1)*INDEX($D$3:$AA$30,INDEX(Jesper!$R$2:$R$366,ROW(INDEX(Jesper!AK$2:AK$366,ROUNDDOWN($C8621/24,0)+1,1))-1)+IF('Standard Profiles'!$G$21=$B$10,7,0)+IF('Standard Profiles'!$G$21=$B$17,14,0)+IF('Standard Profiles'!$G$21=$B$24,21,0),MOD($C8621,24)+1)/SUM(INDEX($D$3:$AA$30,INDEX(Jesper!$R$2:$R$366,ROW(INDEX(Jesper!AK$2:AK$366,ROUNDDOWN($C8621/24,0)+1,1))-1)+IF('Standard Profiles'!$G$21=$B$10,7,0)+IF('Standard Profiles'!$G$21=$B$17,14,0)+IF('Standard Profiles'!$G$21=$B$24,21,0),0)),0)</f>
        <v>0</v>
      </c>
      <c r="H8621" cm="1">
        <f t="array" ref="H8621">IFERROR(INDEX(Jesper!AL$2:AL$366,ROUNDDOWN($C8621/24,0)+1,1)*INDEX($D$3:$AA$30,INDEX(Jesper!$R$2:$R$366,ROW(INDEX(Jesper!AL$2:AL$366,ROUNDDOWN($C8621/24,0)+1,1))-1)+IF('Standard Profiles'!$G$22=$B$10,7,0)+IF('Standard Profiles'!$G$22=$B$17,14,0)+IF('Standard Profiles'!$G$22=$B$24,21,0),MOD($C8621,24)+1)/SUM(INDEX($D$3:$AA$30,INDEX(Jesper!$R$2:$R$366,ROW(INDEX(Jesper!AL$2:AL$366,ROUNDDOWN($C8621/24,0)+1,1))-1)+IF('Standard Profiles'!$G$22=$B$10,7,0)+IF('Standard Profiles'!$G$22=$B$17,14,0)+IF('Standard Profiles'!$G$22=$B$24,21,0),0)),0)</f>
        <v>0</v>
      </c>
      <c r="I8621">
        <f t="shared" si="958"/>
        <v>0.47628325271447725</v>
      </c>
      <c r="J8621">
        <f t="shared" si="959"/>
        <v>1.5876108423815909</v>
      </c>
      <c r="K8621">
        <f t="shared" si="960"/>
        <v>2.3814162635723863</v>
      </c>
      <c r="L8621">
        <f t="shared" si="961"/>
        <v>11.430798065147455</v>
      </c>
      <c r="M8621">
        <f t="shared" si="962"/>
        <v>0</v>
      </c>
      <c r="N8621" s="46">
        <f t="shared" si="963"/>
        <v>45649.79166664584</v>
      </c>
    </row>
    <row r="8622" spans="2:14" x14ac:dyDescent="0.3">
      <c r="B8622">
        <f t="shared" si="957"/>
        <v>1</v>
      </c>
      <c r="C8622" s="16">
        <v>8588</v>
      </c>
      <c r="D8622" cm="1">
        <f t="array" ref="D8622">IFERROR(INDEX(Jesper!AH$2:AH$366,ROUNDDOWN($C8622/24,0)+1,1)*INDEX($D$3:$AA$30,INDEX(Jesper!$R$2:$R$366,ROW(INDEX(Jesper!AH$2:AH$366,ROUNDDOWN($C8622/24,0)+1,1))-1)+IF('Standard Profiles'!$G$18=$B$10,7,0)+IF('Standard Profiles'!$G$18=$B$17,14,0)+IF('Standard Profiles'!$G$18=$B$24,21,0),MOD($C8622,24)+1)/SUM(INDEX($D$3:$AA$30,INDEX(Jesper!$R$2:$R$366,ROW(INDEX(Jesper!AH$2:AH$366,ROUNDDOWN($C8622/24,0)+1,1))-1)+IF('Standard Profiles'!$G$18=$B$10,7,0)+IF('Standard Profiles'!$G$18=$B$17,14,0)+IF('Standard Profiles'!$G$18=$B$24,21,0),0)),0)</f>
        <v>13.032626318057837</v>
      </c>
      <c r="E8622" cm="1">
        <f t="array" ref="E8622">IFERROR(INDEX(Jesper!AI$2:AI$366,ROUNDDOWN($C8622/24,0)+1,1)*INDEX($D$3:$AA$30,INDEX(Jesper!$R$2:$R$366,ROW(INDEX(Jesper!AI$2:AI$366,ROUNDDOWN($C8622/24,0)+1,1))-1)+IF('Standard Profiles'!$G$19=$B$10,7,0)+IF('Standard Profiles'!$G$19=$B$17,14,0)+IF('Standard Profiles'!$G$19=$B$24,21,0),MOD($C8622,24)+1)/SUM(INDEX($D$3:$AA$30,INDEX(Jesper!$R$2:$R$366,ROW(INDEX(Jesper!AI$2:AI$366,ROUNDDOWN($C8622/24,0)+1,1))-1)+IF('Standard Profiles'!$G$19=$B$10,7,0)+IF('Standard Profiles'!$G$19=$B$17,14,0)+IF('Standard Profiles'!$G$19=$B$24,21,0),0)),0)</f>
        <v>0</v>
      </c>
      <c r="F8622" cm="1">
        <f t="array" ref="F8622">IFERROR(INDEX(Jesper!AJ$2:AJ$366,ROUNDDOWN($C8622/24,0)+1,1)*INDEX($D$3:$AA$30,INDEX(Jesper!$R$2:$R$366,ROW(INDEX(Jesper!AJ$2:AJ$366,ROUNDDOWN($C8622/24,0)+1,1))-1)+IF('Standard Profiles'!$G$20=$B$10,7,0)+IF('Standard Profiles'!$G$20=$B$17,14,0)+IF('Standard Profiles'!$G$20=$B$24,21,0),MOD($C8622,24)+1)/SUM(INDEX($D$3:$AA$30,INDEX(Jesper!$R$2:$R$366,ROW(INDEX(Jesper!AJ$2:AJ$366,ROUNDDOWN($C8622/24,0)+1,1))-1)+IF('Standard Profiles'!$G$20=$B$10,7,0)+IF('Standard Profiles'!$G$20=$B$17,14,0)+IF('Standard Profiles'!$G$20=$B$24,21,0),0)),0)</f>
        <v>0</v>
      </c>
      <c r="G8622" cm="1">
        <f t="array" ref="G8622">IFERROR(INDEX(Jesper!AK$2:AK$366,ROUNDDOWN($C8622/24,0)+1,1)*INDEX($D$3:$AA$30,INDEX(Jesper!$R$2:$R$366,ROW(INDEX(Jesper!AK$2:AK$366,ROUNDDOWN($C8622/24,0)+1,1))-1)+IF('Standard Profiles'!$G$21=$B$10,7,0)+IF('Standard Profiles'!$G$21=$B$17,14,0)+IF('Standard Profiles'!$G$21=$B$24,21,0),MOD($C8622,24)+1)/SUM(INDEX($D$3:$AA$30,INDEX(Jesper!$R$2:$R$366,ROW(INDEX(Jesper!AK$2:AK$366,ROUNDDOWN($C8622/24,0)+1,1))-1)+IF('Standard Profiles'!$G$21=$B$10,7,0)+IF('Standard Profiles'!$G$21=$B$17,14,0)+IF('Standard Profiles'!$G$21=$B$24,21,0),0)),0)</f>
        <v>0</v>
      </c>
      <c r="H8622" cm="1">
        <f t="array" ref="H8622">IFERROR(INDEX(Jesper!AL$2:AL$366,ROUNDDOWN($C8622/24,0)+1,1)*INDEX($D$3:$AA$30,INDEX(Jesper!$R$2:$R$366,ROW(INDEX(Jesper!AL$2:AL$366,ROUNDDOWN($C8622/24,0)+1,1))-1)+IF('Standard Profiles'!$G$22=$B$10,7,0)+IF('Standard Profiles'!$G$22=$B$17,14,0)+IF('Standard Profiles'!$G$22=$B$24,21,0),MOD($C8622,24)+1)/SUM(INDEX($D$3:$AA$30,INDEX(Jesper!$R$2:$R$366,ROW(INDEX(Jesper!AL$2:AL$366,ROUNDDOWN($C8622/24,0)+1,1))-1)+IF('Standard Profiles'!$G$22=$B$10,7,0)+IF('Standard Profiles'!$G$22=$B$17,14,0)+IF('Standard Profiles'!$G$22=$B$24,21,0),0)),0)</f>
        <v>0</v>
      </c>
      <c r="I8622">
        <f t="shared" si="958"/>
        <v>0.39097878954173509</v>
      </c>
      <c r="J8622">
        <f t="shared" si="959"/>
        <v>1.3032626318057838</v>
      </c>
      <c r="K8622">
        <f t="shared" si="960"/>
        <v>1.9548939477086753</v>
      </c>
      <c r="L8622">
        <f t="shared" si="961"/>
        <v>9.3834909490016418</v>
      </c>
      <c r="M8622">
        <f t="shared" si="962"/>
        <v>0</v>
      </c>
      <c r="N8622" s="46">
        <f t="shared" si="963"/>
        <v>45649.833333312505</v>
      </c>
    </row>
    <row r="8623" spans="2:14" x14ac:dyDescent="0.3">
      <c r="B8623">
        <f t="shared" si="957"/>
        <v>1</v>
      </c>
      <c r="C8623" s="16">
        <v>8589</v>
      </c>
      <c r="D8623" cm="1">
        <f t="array" ref="D8623">IFERROR(INDEX(Jesper!AH$2:AH$366,ROUNDDOWN($C8623/24,0)+1,1)*INDEX($D$3:$AA$30,INDEX(Jesper!$R$2:$R$366,ROW(INDEX(Jesper!AH$2:AH$366,ROUNDDOWN($C8623/24,0)+1,1))-1)+IF('Standard Profiles'!$G$18=$B$10,7,0)+IF('Standard Profiles'!$G$18=$B$17,14,0)+IF('Standard Profiles'!$G$18=$B$24,21,0),MOD($C8623,24)+1)/SUM(INDEX($D$3:$AA$30,INDEX(Jesper!$R$2:$R$366,ROW(INDEX(Jesper!AH$2:AH$366,ROUNDDOWN($C8623/24,0)+1,1))-1)+IF('Standard Profiles'!$G$18=$B$10,7,0)+IF('Standard Profiles'!$G$18=$B$17,14,0)+IF('Standard Profiles'!$G$18=$B$24,21,0),0)),0)</f>
        <v>9.4782736858602465</v>
      </c>
      <c r="E8623" cm="1">
        <f t="array" ref="E8623">IFERROR(INDEX(Jesper!AI$2:AI$366,ROUNDDOWN($C8623/24,0)+1,1)*INDEX($D$3:$AA$30,INDEX(Jesper!$R$2:$R$366,ROW(INDEX(Jesper!AI$2:AI$366,ROUNDDOWN($C8623/24,0)+1,1))-1)+IF('Standard Profiles'!$G$19=$B$10,7,0)+IF('Standard Profiles'!$G$19=$B$17,14,0)+IF('Standard Profiles'!$G$19=$B$24,21,0),MOD($C8623,24)+1)/SUM(INDEX($D$3:$AA$30,INDEX(Jesper!$R$2:$R$366,ROW(INDEX(Jesper!AI$2:AI$366,ROUNDDOWN($C8623/24,0)+1,1))-1)+IF('Standard Profiles'!$G$19=$B$10,7,0)+IF('Standard Profiles'!$G$19=$B$17,14,0)+IF('Standard Profiles'!$G$19=$B$24,21,0),0)),0)</f>
        <v>0</v>
      </c>
      <c r="F8623" cm="1">
        <f t="array" ref="F8623">IFERROR(INDEX(Jesper!AJ$2:AJ$366,ROUNDDOWN($C8623/24,0)+1,1)*INDEX($D$3:$AA$30,INDEX(Jesper!$R$2:$R$366,ROW(INDEX(Jesper!AJ$2:AJ$366,ROUNDDOWN($C8623/24,0)+1,1))-1)+IF('Standard Profiles'!$G$20=$B$10,7,0)+IF('Standard Profiles'!$G$20=$B$17,14,0)+IF('Standard Profiles'!$G$20=$B$24,21,0),MOD($C8623,24)+1)/SUM(INDEX($D$3:$AA$30,INDEX(Jesper!$R$2:$R$366,ROW(INDEX(Jesper!AJ$2:AJ$366,ROUNDDOWN($C8623/24,0)+1,1))-1)+IF('Standard Profiles'!$G$20=$B$10,7,0)+IF('Standard Profiles'!$G$20=$B$17,14,0)+IF('Standard Profiles'!$G$20=$B$24,21,0),0)),0)</f>
        <v>0</v>
      </c>
      <c r="G8623" cm="1">
        <f t="array" ref="G8623">IFERROR(INDEX(Jesper!AK$2:AK$366,ROUNDDOWN($C8623/24,0)+1,1)*INDEX($D$3:$AA$30,INDEX(Jesper!$R$2:$R$366,ROW(INDEX(Jesper!AK$2:AK$366,ROUNDDOWN($C8623/24,0)+1,1))-1)+IF('Standard Profiles'!$G$21=$B$10,7,0)+IF('Standard Profiles'!$G$21=$B$17,14,0)+IF('Standard Profiles'!$G$21=$B$24,21,0),MOD($C8623,24)+1)/SUM(INDEX($D$3:$AA$30,INDEX(Jesper!$R$2:$R$366,ROW(INDEX(Jesper!AK$2:AK$366,ROUNDDOWN($C8623/24,0)+1,1))-1)+IF('Standard Profiles'!$G$21=$B$10,7,0)+IF('Standard Profiles'!$G$21=$B$17,14,0)+IF('Standard Profiles'!$G$21=$B$24,21,0),0)),0)</f>
        <v>0</v>
      </c>
      <c r="H8623" cm="1">
        <f t="array" ref="H8623">IFERROR(INDEX(Jesper!AL$2:AL$366,ROUNDDOWN($C8623/24,0)+1,1)*INDEX($D$3:$AA$30,INDEX(Jesper!$R$2:$R$366,ROW(INDEX(Jesper!AL$2:AL$366,ROUNDDOWN($C8623/24,0)+1,1))-1)+IF('Standard Profiles'!$G$22=$B$10,7,0)+IF('Standard Profiles'!$G$22=$B$17,14,0)+IF('Standard Profiles'!$G$22=$B$24,21,0),MOD($C8623,24)+1)/SUM(INDEX($D$3:$AA$30,INDEX(Jesper!$R$2:$R$366,ROW(INDEX(Jesper!AL$2:AL$366,ROUNDDOWN($C8623/24,0)+1,1))-1)+IF('Standard Profiles'!$G$22=$B$10,7,0)+IF('Standard Profiles'!$G$22=$B$17,14,0)+IF('Standard Profiles'!$G$22=$B$24,21,0),0)),0)</f>
        <v>0</v>
      </c>
      <c r="I8623">
        <f t="shared" si="958"/>
        <v>0.28434821057580739</v>
      </c>
      <c r="J8623">
        <f t="shared" si="959"/>
        <v>0.94782736858602468</v>
      </c>
      <c r="K8623">
        <f t="shared" si="960"/>
        <v>1.4217410528790368</v>
      </c>
      <c r="L8623">
        <f t="shared" si="961"/>
        <v>6.8243570538193774</v>
      </c>
      <c r="M8623">
        <f t="shared" si="962"/>
        <v>0</v>
      </c>
      <c r="N8623" s="46">
        <f t="shared" si="963"/>
        <v>45649.874999979169</v>
      </c>
    </row>
    <row r="8624" spans="2:14" x14ac:dyDescent="0.3">
      <c r="B8624">
        <f t="shared" si="957"/>
        <v>1</v>
      </c>
      <c r="C8624" s="16">
        <v>8590</v>
      </c>
      <c r="D8624" cm="1">
        <f t="array" ref="D8624">IFERROR(INDEX(Jesper!AH$2:AH$366,ROUNDDOWN($C8624/24,0)+1,1)*INDEX($D$3:$AA$30,INDEX(Jesper!$R$2:$R$366,ROW(INDEX(Jesper!AH$2:AH$366,ROUNDDOWN($C8624/24,0)+1,1))-1)+IF('Standard Profiles'!$G$18=$B$10,7,0)+IF('Standard Profiles'!$G$18=$B$17,14,0)+IF('Standard Profiles'!$G$18=$B$24,21,0),MOD($C8624,24)+1)/SUM(INDEX($D$3:$AA$30,INDEX(Jesper!$R$2:$R$366,ROW(INDEX(Jesper!AH$2:AH$366,ROUNDDOWN($C8624/24,0)+1,1))-1)+IF('Standard Profiles'!$G$18=$B$10,7,0)+IF('Standard Profiles'!$G$18=$B$17,14,0)+IF('Standard Profiles'!$G$18=$B$24,21,0),0)),0)</f>
        <v>9.0043600015672318</v>
      </c>
      <c r="E8624" cm="1">
        <f t="array" ref="E8624">IFERROR(INDEX(Jesper!AI$2:AI$366,ROUNDDOWN($C8624/24,0)+1,1)*INDEX($D$3:$AA$30,INDEX(Jesper!$R$2:$R$366,ROW(INDEX(Jesper!AI$2:AI$366,ROUNDDOWN($C8624/24,0)+1,1))-1)+IF('Standard Profiles'!$G$19=$B$10,7,0)+IF('Standard Profiles'!$G$19=$B$17,14,0)+IF('Standard Profiles'!$G$19=$B$24,21,0),MOD($C8624,24)+1)/SUM(INDEX($D$3:$AA$30,INDEX(Jesper!$R$2:$R$366,ROW(INDEX(Jesper!AI$2:AI$366,ROUNDDOWN($C8624/24,0)+1,1))-1)+IF('Standard Profiles'!$G$19=$B$10,7,0)+IF('Standard Profiles'!$G$19=$B$17,14,0)+IF('Standard Profiles'!$G$19=$B$24,21,0),0)),0)</f>
        <v>0</v>
      </c>
      <c r="F8624" cm="1">
        <f t="array" ref="F8624">IFERROR(INDEX(Jesper!AJ$2:AJ$366,ROUNDDOWN($C8624/24,0)+1,1)*INDEX($D$3:$AA$30,INDEX(Jesper!$R$2:$R$366,ROW(INDEX(Jesper!AJ$2:AJ$366,ROUNDDOWN($C8624/24,0)+1,1))-1)+IF('Standard Profiles'!$G$20=$B$10,7,0)+IF('Standard Profiles'!$G$20=$B$17,14,0)+IF('Standard Profiles'!$G$20=$B$24,21,0),MOD($C8624,24)+1)/SUM(INDEX($D$3:$AA$30,INDEX(Jesper!$R$2:$R$366,ROW(INDEX(Jesper!AJ$2:AJ$366,ROUNDDOWN($C8624/24,0)+1,1))-1)+IF('Standard Profiles'!$G$20=$B$10,7,0)+IF('Standard Profiles'!$G$20=$B$17,14,0)+IF('Standard Profiles'!$G$20=$B$24,21,0),0)),0)</f>
        <v>0</v>
      </c>
      <c r="G8624" cm="1">
        <f t="array" ref="G8624">IFERROR(INDEX(Jesper!AK$2:AK$366,ROUNDDOWN($C8624/24,0)+1,1)*INDEX($D$3:$AA$30,INDEX(Jesper!$R$2:$R$366,ROW(INDEX(Jesper!AK$2:AK$366,ROUNDDOWN($C8624/24,0)+1,1))-1)+IF('Standard Profiles'!$G$21=$B$10,7,0)+IF('Standard Profiles'!$G$21=$B$17,14,0)+IF('Standard Profiles'!$G$21=$B$24,21,0),MOD($C8624,24)+1)/SUM(INDEX($D$3:$AA$30,INDEX(Jesper!$R$2:$R$366,ROW(INDEX(Jesper!AK$2:AK$366,ROUNDDOWN($C8624/24,0)+1,1))-1)+IF('Standard Profiles'!$G$21=$B$10,7,0)+IF('Standard Profiles'!$G$21=$B$17,14,0)+IF('Standard Profiles'!$G$21=$B$24,21,0),0)),0)</f>
        <v>0</v>
      </c>
      <c r="H8624" cm="1">
        <f t="array" ref="H8624">IFERROR(INDEX(Jesper!AL$2:AL$366,ROUNDDOWN($C8624/24,0)+1,1)*INDEX($D$3:$AA$30,INDEX(Jesper!$R$2:$R$366,ROW(INDEX(Jesper!AL$2:AL$366,ROUNDDOWN($C8624/24,0)+1,1))-1)+IF('Standard Profiles'!$G$22=$B$10,7,0)+IF('Standard Profiles'!$G$22=$B$17,14,0)+IF('Standard Profiles'!$G$22=$B$24,21,0),MOD($C8624,24)+1)/SUM(INDEX($D$3:$AA$30,INDEX(Jesper!$R$2:$R$366,ROW(INDEX(Jesper!AL$2:AL$366,ROUNDDOWN($C8624/24,0)+1,1))-1)+IF('Standard Profiles'!$G$22=$B$10,7,0)+IF('Standard Profiles'!$G$22=$B$17,14,0)+IF('Standard Profiles'!$G$22=$B$24,21,0),0)),0)</f>
        <v>0</v>
      </c>
      <c r="I8624">
        <f t="shared" si="958"/>
        <v>0.27013080004701695</v>
      </c>
      <c r="J8624">
        <f t="shared" si="959"/>
        <v>0.9004360001567232</v>
      </c>
      <c r="K8624">
        <f t="shared" si="960"/>
        <v>1.3506540002350846</v>
      </c>
      <c r="L8624">
        <f t="shared" si="961"/>
        <v>6.4831392011284068</v>
      </c>
      <c r="M8624">
        <f t="shared" si="962"/>
        <v>0</v>
      </c>
      <c r="N8624" s="46">
        <f t="shared" si="963"/>
        <v>45649.916666645833</v>
      </c>
    </row>
    <row r="8625" spans="2:14" x14ac:dyDescent="0.3">
      <c r="B8625">
        <f t="shared" si="957"/>
        <v>1</v>
      </c>
      <c r="C8625" s="16">
        <v>8591</v>
      </c>
      <c r="D8625" cm="1">
        <f t="array" ref="D8625">IFERROR(INDEX(Jesper!AH$2:AH$366,ROUNDDOWN($C8625/24,0)+1,1)*INDEX($D$3:$AA$30,INDEX(Jesper!$R$2:$R$366,ROW(INDEX(Jesper!AH$2:AH$366,ROUNDDOWN($C8625/24,0)+1,1))-1)+IF('Standard Profiles'!$G$18=$B$10,7,0)+IF('Standard Profiles'!$G$18=$B$17,14,0)+IF('Standard Profiles'!$G$18=$B$24,21,0),MOD($C8625,24)+1)/SUM(INDEX($D$3:$AA$30,INDEX(Jesper!$R$2:$R$366,ROW(INDEX(Jesper!AH$2:AH$366,ROUNDDOWN($C8625/24,0)+1,1))-1)+IF('Standard Profiles'!$G$18=$B$10,7,0)+IF('Standard Profiles'!$G$18=$B$17,14,0)+IF('Standard Profiles'!$G$18=$B$24,21,0),0)),0)</f>
        <v>9.0043600015672318</v>
      </c>
      <c r="E8625" cm="1">
        <f t="array" ref="E8625">IFERROR(INDEX(Jesper!AI$2:AI$366,ROUNDDOWN($C8625/24,0)+1,1)*INDEX($D$3:$AA$30,INDEX(Jesper!$R$2:$R$366,ROW(INDEX(Jesper!AI$2:AI$366,ROUNDDOWN($C8625/24,0)+1,1))-1)+IF('Standard Profiles'!$G$19=$B$10,7,0)+IF('Standard Profiles'!$G$19=$B$17,14,0)+IF('Standard Profiles'!$G$19=$B$24,21,0),MOD($C8625,24)+1)/SUM(INDEX($D$3:$AA$30,INDEX(Jesper!$R$2:$R$366,ROW(INDEX(Jesper!AI$2:AI$366,ROUNDDOWN($C8625/24,0)+1,1))-1)+IF('Standard Profiles'!$G$19=$B$10,7,0)+IF('Standard Profiles'!$G$19=$B$17,14,0)+IF('Standard Profiles'!$G$19=$B$24,21,0),0)),0)</f>
        <v>0</v>
      </c>
      <c r="F8625" cm="1">
        <f t="array" ref="F8625">IFERROR(INDEX(Jesper!AJ$2:AJ$366,ROUNDDOWN($C8625/24,0)+1,1)*INDEX($D$3:$AA$30,INDEX(Jesper!$R$2:$R$366,ROW(INDEX(Jesper!AJ$2:AJ$366,ROUNDDOWN($C8625/24,0)+1,1))-1)+IF('Standard Profiles'!$G$20=$B$10,7,0)+IF('Standard Profiles'!$G$20=$B$17,14,0)+IF('Standard Profiles'!$G$20=$B$24,21,0),MOD($C8625,24)+1)/SUM(INDEX($D$3:$AA$30,INDEX(Jesper!$R$2:$R$366,ROW(INDEX(Jesper!AJ$2:AJ$366,ROUNDDOWN($C8625/24,0)+1,1))-1)+IF('Standard Profiles'!$G$20=$B$10,7,0)+IF('Standard Profiles'!$G$20=$B$17,14,0)+IF('Standard Profiles'!$G$20=$B$24,21,0),0)),0)</f>
        <v>0</v>
      </c>
      <c r="G8625" cm="1">
        <f t="array" ref="G8625">IFERROR(INDEX(Jesper!AK$2:AK$366,ROUNDDOWN($C8625/24,0)+1,1)*INDEX($D$3:$AA$30,INDEX(Jesper!$R$2:$R$366,ROW(INDEX(Jesper!AK$2:AK$366,ROUNDDOWN($C8625/24,0)+1,1))-1)+IF('Standard Profiles'!$G$21=$B$10,7,0)+IF('Standard Profiles'!$G$21=$B$17,14,0)+IF('Standard Profiles'!$G$21=$B$24,21,0),MOD($C8625,24)+1)/SUM(INDEX($D$3:$AA$30,INDEX(Jesper!$R$2:$R$366,ROW(INDEX(Jesper!AK$2:AK$366,ROUNDDOWN($C8625/24,0)+1,1))-1)+IF('Standard Profiles'!$G$21=$B$10,7,0)+IF('Standard Profiles'!$G$21=$B$17,14,0)+IF('Standard Profiles'!$G$21=$B$24,21,0),0)),0)</f>
        <v>0</v>
      </c>
      <c r="H8625" cm="1">
        <f t="array" ref="H8625">IFERROR(INDEX(Jesper!AL$2:AL$366,ROUNDDOWN($C8625/24,0)+1,1)*INDEX($D$3:$AA$30,INDEX(Jesper!$R$2:$R$366,ROW(INDEX(Jesper!AL$2:AL$366,ROUNDDOWN($C8625/24,0)+1,1))-1)+IF('Standard Profiles'!$G$22=$B$10,7,0)+IF('Standard Profiles'!$G$22=$B$17,14,0)+IF('Standard Profiles'!$G$22=$B$24,21,0),MOD($C8625,24)+1)/SUM(INDEX($D$3:$AA$30,INDEX(Jesper!$R$2:$R$366,ROW(INDEX(Jesper!AL$2:AL$366,ROUNDDOWN($C8625/24,0)+1,1))-1)+IF('Standard Profiles'!$G$22=$B$10,7,0)+IF('Standard Profiles'!$G$22=$B$17,14,0)+IF('Standard Profiles'!$G$22=$B$24,21,0),0)),0)</f>
        <v>0</v>
      </c>
      <c r="I8625">
        <f t="shared" si="958"/>
        <v>0.27013080004701695</v>
      </c>
      <c r="J8625">
        <f t="shared" si="959"/>
        <v>0.9004360001567232</v>
      </c>
      <c r="K8625">
        <f t="shared" si="960"/>
        <v>1.3506540002350846</v>
      </c>
      <c r="L8625">
        <f t="shared" si="961"/>
        <v>6.4831392011284068</v>
      </c>
      <c r="M8625">
        <f t="shared" si="962"/>
        <v>0</v>
      </c>
      <c r="N8625" s="46">
        <f t="shared" si="963"/>
        <v>45649.958333312497</v>
      </c>
    </row>
    <row r="8626" spans="2:14" x14ac:dyDescent="0.3">
      <c r="B8626">
        <f t="shared" si="957"/>
        <v>2</v>
      </c>
      <c r="C8626" s="16">
        <v>8592</v>
      </c>
      <c r="D8626" cm="1">
        <f t="array" ref="D8626">IFERROR(INDEX(Jesper!AH$2:AH$366,ROUNDDOWN($C8626/24,0)+1,1)*INDEX($D$3:$AA$30,INDEX(Jesper!$R$2:$R$366,ROW(INDEX(Jesper!AH$2:AH$366,ROUNDDOWN($C8626/24,0)+1,1))-1)+IF('Standard Profiles'!$G$18=$B$10,7,0)+IF('Standard Profiles'!$G$18=$B$17,14,0)+IF('Standard Profiles'!$G$18=$B$24,21,0),MOD($C8626,24)+1)/SUM(INDEX($D$3:$AA$30,INDEX(Jesper!$R$2:$R$366,ROW(INDEX(Jesper!AH$2:AH$366,ROUNDDOWN($C8626/24,0)+1,1))-1)+IF('Standard Profiles'!$G$18=$B$10,7,0)+IF('Standard Profiles'!$G$18=$B$17,14,0)+IF('Standard Profiles'!$G$18=$B$24,21,0),0)),0)</f>
        <v>8.0238850371965924</v>
      </c>
      <c r="E8626" cm="1">
        <f t="array" ref="E8626">IFERROR(INDEX(Jesper!AI$2:AI$366,ROUNDDOWN($C8626/24,0)+1,1)*INDEX($D$3:$AA$30,INDEX(Jesper!$R$2:$R$366,ROW(INDEX(Jesper!AI$2:AI$366,ROUNDDOWN($C8626/24,0)+1,1))-1)+IF('Standard Profiles'!$G$19=$B$10,7,0)+IF('Standard Profiles'!$G$19=$B$17,14,0)+IF('Standard Profiles'!$G$19=$B$24,21,0),MOD($C8626,24)+1)/SUM(INDEX($D$3:$AA$30,INDEX(Jesper!$R$2:$R$366,ROW(INDEX(Jesper!AI$2:AI$366,ROUNDDOWN($C8626/24,0)+1,1))-1)+IF('Standard Profiles'!$G$19=$B$10,7,0)+IF('Standard Profiles'!$G$19=$B$17,14,0)+IF('Standard Profiles'!$G$19=$B$24,21,0),0)),0)</f>
        <v>0</v>
      </c>
      <c r="F8626" cm="1">
        <f t="array" ref="F8626">IFERROR(INDEX(Jesper!AJ$2:AJ$366,ROUNDDOWN($C8626/24,0)+1,1)*INDEX($D$3:$AA$30,INDEX(Jesper!$R$2:$R$366,ROW(INDEX(Jesper!AJ$2:AJ$366,ROUNDDOWN($C8626/24,0)+1,1))-1)+IF('Standard Profiles'!$G$20=$B$10,7,0)+IF('Standard Profiles'!$G$20=$B$17,14,0)+IF('Standard Profiles'!$G$20=$B$24,21,0),MOD($C8626,24)+1)/SUM(INDEX($D$3:$AA$30,INDEX(Jesper!$R$2:$R$366,ROW(INDEX(Jesper!AJ$2:AJ$366,ROUNDDOWN($C8626/24,0)+1,1))-1)+IF('Standard Profiles'!$G$20=$B$10,7,0)+IF('Standard Profiles'!$G$20=$B$17,14,0)+IF('Standard Profiles'!$G$20=$B$24,21,0),0)),0)</f>
        <v>0</v>
      </c>
      <c r="G8626" cm="1">
        <f t="array" ref="G8626">IFERROR(INDEX(Jesper!AK$2:AK$366,ROUNDDOWN($C8626/24,0)+1,1)*INDEX($D$3:$AA$30,INDEX(Jesper!$R$2:$R$366,ROW(INDEX(Jesper!AK$2:AK$366,ROUNDDOWN($C8626/24,0)+1,1))-1)+IF('Standard Profiles'!$G$21=$B$10,7,0)+IF('Standard Profiles'!$G$21=$B$17,14,0)+IF('Standard Profiles'!$G$21=$B$24,21,0),MOD($C8626,24)+1)/SUM(INDEX($D$3:$AA$30,INDEX(Jesper!$R$2:$R$366,ROW(INDEX(Jesper!AK$2:AK$366,ROUNDDOWN($C8626/24,0)+1,1))-1)+IF('Standard Profiles'!$G$21=$B$10,7,0)+IF('Standard Profiles'!$G$21=$B$17,14,0)+IF('Standard Profiles'!$G$21=$B$24,21,0),0)),0)</f>
        <v>0</v>
      </c>
      <c r="H8626" cm="1">
        <f t="array" ref="H8626">IFERROR(INDEX(Jesper!AL$2:AL$366,ROUNDDOWN($C8626/24,0)+1,1)*INDEX($D$3:$AA$30,INDEX(Jesper!$R$2:$R$366,ROW(INDEX(Jesper!AL$2:AL$366,ROUNDDOWN($C8626/24,0)+1,1))-1)+IF('Standard Profiles'!$G$22=$B$10,7,0)+IF('Standard Profiles'!$G$22=$B$17,14,0)+IF('Standard Profiles'!$G$22=$B$24,21,0),MOD($C8626,24)+1)/SUM(INDEX($D$3:$AA$30,INDEX(Jesper!$R$2:$R$366,ROW(INDEX(Jesper!AL$2:AL$366,ROUNDDOWN($C8626/24,0)+1,1))-1)+IF('Standard Profiles'!$G$22=$B$10,7,0)+IF('Standard Profiles'!$G$22=$B$17,14,0)+IF('Standard Profiles'!$G$22=$B$24,21,0),0)),0)</f>
        <v>0</v>
      </c>
      <c r="I8626">
        <f t="shared" si="958"/>
        <v>0.24071655111589776</v>
      </c>
      <c r="J8626">
        <f t="shared" si="959"/>
        <v>0.80238850371965931</v>
      </c>
      <c r="K8626">
        <f t="shared" si="960"/>
        <v>1.2035827555794889</v>
      </c>
      <c r="L8626">
        <f t="shared" si="961"/>
        <v>5.7771972267815466</v>
      </c>
      <c r="M8626">
        <f t="shared" si="962"/>
        <v>0</v>
      </c>
      <c r="N8626" s="46">
        <f t="shared" si="963"/>
        <v>45649.999999979162</v>
      </c>
    </row>
    <row r="8627" spans="2:14" x14ac:dyDescent="0.3">
      <c r="B8627">
        <f t="shared" si="957"/>
        <v>2</v>
      </c>
      <c r="C8627" s="16">
        <v>8593</v>
      </c>
      <c r="D8627" cm="1">
        <f t="array" ref="D8627">IFERROR(INDEX(Jesper!AH$2:AH$366,ROUNDDOWN($C8627/24,0)+1,1)*INDEX($D$3:$AA$30,INDEX(Jesper!$R$2:$R$366,ROW(INDEX(Jesper!AH$2:AH$366,ROUNDDOWN($C8627/24,0)+1,1))-1)+IF('Standard Profiles'!$G$18=$B$10,7,0)+IF('Standard Profiles'!$G$18=$B$17,14,0)+IF('Standard Profiles'!$G$18=$B$24,21,0),MOD($C8627,24)+1)/SUM(INDEX($D$3:$AA$30,INDEX(Jesper!$R$2:$R$366,ROW(INDEX(Jesper!AH$2:AH$366,ROUNDDOWN($C8627/24,0)+1,1))-1)+IF('Standard Profiles'!$G$18=$B$10,7,0)+IF('Standard Profiles'!$G$18=$B$17,14,0)+IF('Standard Profiles'!$G$18=$B$24,21,0),0)),0)</f>
        <v>8.0238850371965924</v>
      </c>
      <c r="E8627" cm="1">
        <f t="array" ref="E8627">IFERROR(INDEX(Jesper!AI$2:AI$366,ROUNDDOWN($C8627/24,0)+1,1)*INDEX($D$3:$AA$30,INDEX(Jesper!$R$2:$R$366,ROW(INDEX(Jesper!AI$2:AI$366,ROUNDDOWN($C8627/24,0)+1,1))-1)+IF('Standard Profiles'!$G$19=$B$10,7,0)+IF('Standard Profiles'!$G$19=$B$17,14,0)+IF('Standard Profiles'!$G$19=$B$24,21,0),MOD($C8627,24)+1)/SUM(INDEX($D$3:$AA$30,INDEX(Jesper!$R$2:$R$366,ROW(INDEX(Jesper!AI$2:AI$366,ROUNDDOWN($C8627/24,0)+1,1))-1)+IF('Standard Profiles'!$G$19=$B$10,7,0)+IF('Standard Profiles'!$G$19=$B$17,14,0)+IF('Standard Profiles'!$G$19=$B$24,21,0),0)),0)</f>
        <v>0</v>
      </c>
      <c r="F8627" cm="1">
        <f t="array" ref="F8627">IFERROR(INDEX(Jesper!AJ$2:AJ$366,ROUNDDOWN($C8627/24,0)+1,1)*INDEX($D$3:$AA$30,INDEX(Jesper!$R$2:$R$366,ROW(INDEX(Jesper!AJ$2:AJ$366,ROUNDDOWN($C8627/24,0)+1,1))-1)+IF('Standard Profiles'!$G$20=$B$10,7,0)+IF('Standard Profiles'!$G$20=$B$17,14,0)+IF('Standard Profiles'!$G$20=$B$24,21,0),MOD($C8627,24)+1)/SUM(INDEX($D$3:$AA$30,INDEX(Jesper!$R$2:$R$366,ROW(INDEX(Jesper!AJ$2:AJ$366,ROUNDDOWN($C8627/24,0)+1,1))-1)+IF('Standard Profiles'!$G$20=$B$10,7,0)+IF('Standard Profiles'!$G$20=$B$17,14,0)+IF('Standard Profiles'!$G$20=$B$24,21,0),0)),0)</f>
        <v>0</v>
      </c>
      <c r="G8627" cm="1">
        <f t="array" ref="G8627">IFERROR(INDEX(Jesper!AK$2:AK$366,ROUNDDOWN($C8627/24,0)+1,1)*INDEX($D$3:$AA$30,INDEX(Jesper!$R$2:$R$366,ROW(INDEX(Jesper!AK$2:AK$366,ROUNDDOWN($C8627/24,0)+1,1))-1)+IF('Standard Profiles'!$G$21=$B$10,7,0)+IF('Standard Profiles'!$G$21=$B$17,14,0)+IF('Standard Profiles'!$G$21=$B$24,21,0),MOD($C8627,24)+1)/SUM(INDEX($D$3:$AA$30,INDEX(Jesper!$R$2:$R$366,ROW(INDEX(Jesper!AK$2:AK$366,ROUNDDOWN($C8627/24,0)+1,1))-1)+IF('Standard Profiles'!$G$21=$B$10,7,0)+IF('Standard Profiles'!$G$21=$B$17,14,0)+IF('Standard Profiles'!$G$21=$B$24,21,0),0)),0)</f>
        <v>0</v>
      </c>
      <c r="H8627" cm="1">
        <f t="array" ref="H8627">IFERROR(INDEX(Jesper!AL$2:AL$366,ROUNDDOWN($C8627/24,0)+1,1)*INDEX($D$3:$AA$30,INDEX(Jesper!$R$2:$R$366,ROW(INDEX(Jesper!AL$2:AL$366,ROUNDDOWN($C8627/24,0)+1,1))-1)+IF('Standard Profiles'!$G$22=$B$10,7,0)+IF('Standard Profiles'!$G$22=$B$17,14,0)+IF('Standard Profiles'!$G$22=$B$24,21,0),MOD($C8627,24)+1)/SUM(INDEX($D$3:$AA$30,INDEX(Jesper!$R$2:$R$366,ROW(INDEX(Jesper!AL$2:AL$366,ROUNDDOWN($C8627/24,0)+1,1))-1)+IF('Standard Profiles'!$G$22=$B$10,7,0)+IF('Standard Profiles'!$G$22=$B$17,14,0)+IF('Standard Profiles'!$G$22=$B$24,21,0),0)),0)</f>
        <v>0</v>
      </c>
      <c r="I8627">
        <f t="shared" si="958"/>
        <v>0.24071655111589776</v>
      </c>
      <c r="J8627">
        <f t="shared" si="959"/>
        <v>0.80238850371965931</v>
      </c>
      <c r="K8627">
        <f t="shared" si="960"/>
        <v>1.2035827555794889</v>
      </c>
      <c r="L8627">
        <f t="shared" si="961"/>
        <v>5.7771972267815466</v>
      </c>
      <c r="M8627">
        <f t="shared" si="962"/>
        <v>0</v>
      </c>
      <c r="N8627" s="46">
        <f t="shared" si="963"/>
        <v>45650.041666645826</v>
      </c>
    </row>
    <row r="8628" spans="2:14" x14ac:dyDescent="0.3">
      <c r="B8628">
        <f t="shared" si="957"/>
        <v>2</v>
      </c>
      <c r="C8628" s="16">
        <v>8594</v>
      </c>
      <c r="D8628" cm="1">
        <f t="array" ref="D8628">IFERROR(INDEX(Jesper!AH$2:AH$366,ROUNDDOWN($C8628/24,0)+1,1)*INDEX($D$3:$AA$30,INDEX(Jesper!$R$2:$R$366,ROW(INDEX(Jesper!AH$2:AH$366,ROUNDDOWN($C8628/24,0)+1,1))-1)+IF('Standard Profiles'!$G$18=$B$10,7,0)+IF('Standard Profiles'!$G$18=$B$17,14,0)+IF('Standard Profiles'!$G$18=$B$24,21,0),MOD($C8628,24)+1)/SUM(INDEX($D$3:$AA$30,INDEX(Jesper!$R$2:$R$366,ROW(INDEX(Jesper!AH$2:AH$366,ROUNDDOWN($C8628/24,0)+1,1))-1)+IF('Standard Profiles'!$G$18=$B$10,7,0)+IF('Standard Profiles'!$G$18=$B$17,14,0)+IF('Standard Profiles'!$G$18=$B$24,21,0),0)),0)</f>
        <v>8.0238850371965924</v>
      </c>
      <c r="E8628" cm="1">
        <f t="array" ref="E8628">IFERROR(INDEX(Jesper!AI$2:AI$366,ROUNDDOWN($C8628/24,0)+1,1)*INDEX($D$3:$AA$30,INDEX(Jesper!$R$2:$R$366,ROW(INDEX(Jesper!AI$2:AI$366,ROUNDDOWN($C8628/24,0)+1,1))-1)+IF('Standard Profiles'!$G$19=$B$10,7,0)+IF('Standard Profiles'!$G$19=$B$17,14,0)+IF('Standard Profiles'!$G$19=$B$24,21,0),MOD($C8628,24)+1)/SUM(INDEX($D$3:$AA$30,INDEX(Jesper!$R$2:$R$366,ROW(INDEX(Jesper!AI$2:AI$366,ROUNDDOWN($C8628/24,0)+1,1))-1)+IF('Standard Profiles'!$G$19=$B$10,7,0)+IF('Standard Profiles'!$G$19=$B$17,14,0)+IF('Standard Profiles'!$G$19=$B$24,21,0),0)),0)</f>
        <v>0</v>
      </c>
      <c r="F8628" cm="1">
        <f t="array" ref="F8628">IFERROR(INDEX(Jesper!AJ$2:AJ$366,ROUNDDOWN($C8628/24,0)+1,1)*INDEX($D$3:$AA$30,INDEX(Jesper!$R$2:$R$366,ROW(INDEX(Jesper!AJ$2:AJ$366,ROUNDDOWN($C8628/24,0)+1,1))-1)+IF('Standard Profiles'!$G$20=$B$10,7,0)+IF('Standard Profiles'!$G$20=$B$17,14,0)+IF('Standard Profiles'!$G$20=$B$24,21,0),MOD($C8628,24)+1)/SUM(INDEX($D$3:$AA$30,INDEX(Jesper!$R$2:$R$366,ROW(INDEX(Jesper!AJ$2:AJ$366,ROUNDDOWN($C8628/24,0)+1,1))-1)+IF('Standard Profiles'!$G$20=$B$10,7,0)+IF('Standard Profiles'!$G$20=$B$17,14,0)+IF('Standard Profiles'!$G$20=$B$24,21,0),0)),0)</f>
        <v>0</v>
      </c>
      <c r="G8628" cm="1">
        <f t="array" ref="G8628">IFERROR(INDEX(Jesper!AK$2:AK$366,ROUNDDOWN($C8628/24,0)+1,1)*INDEX($D$3:$AA$30,INDEX(Jesper!$R$2:$R$366,ROW(INDEX(Jesper!AK$2:AK$366,ROUNDDOWN($C8628/24,0)+1,1))-1)+IF('Standard Profiles'!$G$21=$B$10,7,0)+IF('Standard Profiles'!$G$21=$B$17,14,0)+IF('Standard Profiles'!$G$21=$B$24,21,0),MOD($C8628,24)+1)/SUM(INDEX($D$3:$AA$30,INDEX(Jesper!$R$2:$R$366,ROW(INDEX(Jesper!AK$2:AK$366,ROUNDDOWN($C8628/24,0)+1,1))-1)+IF('Standard Profiles'!$G$21=$B$10,7,0)+IF('Standard Profiles'!$G$21=$B$17,14,0)+IF('Standard Profiles'!$G$21=$B$24,21,0),0)),0)</f>
        <v>0</v>
      </c>
      <c r="H8628" cm="1">
        <f t="array" ref="H8628">IFERROR(INDEX(Jesper!AL$2:AL$366,ROUNDDOWN($C8628/24,0)+1,1)*INDEX($D$3:$AA$30,INDEX(Jesper!$R$2:$R$366,ROW(INDEX(Jesper!AL$2:AL$366,ROUNDDOWN($C8628/24,0)+1,1))-1)+IF('Standard Profiles'!$G$22=$B$10,7,0)+IF('Standard Profiles'!$G$22=$B$17,14,0)+IF('Standard Profiles'!$G$22=$B$24,21,0),MOD($C8628,24)+1)/SUM(INDEX($D$3:$AA$30,INDEX(Jesper!$R$2:$R$366,ROW(INDEX(Jesper!AL$2:AL$366,ROUNDDOWN($C8628/24,0)+1,1))-1)+IF('Standard Profiles'!$G$22=$B$10,7,0)+IF('Standard Profiles'!$G$22=$B$17,14,0)+IF('Standard Profiles'!$G$22=$B$24,21,0),0)),0)</f>
        <v>0</v>
      </c>
      <c r="I8628">
        <f t="shared" si="958"/>
        <v>0.24071655111589776</v>
      </c>
      <c r="J8628">
        <f t="shared" si="959"/>
        <v>0.80238850371965931</v>
      </c>
      <c r="K8628">
        <f t="shared" si="960"/>
        <v>1.2035827555794889</v>
      </c>
      <c r="L8628">
        <f t="shared" si="961"/>
        <v>5.7771972267815466</v>
      </c>
      <c r="M8628">
        <f t="shared" si="962"/>
        <v>0</v>
      </c>
      <c r="N8628" s="46">
        <f t="shared" si="963"/>
        <v>45650.08333331249</v>
      </c>
    </row>
    <row r="8629" spans="2:14" x14ac:dyDescent="0.3">
      <c r="B8629">
        <f t="shared" si="957"/>
        <v>2</v>
      </c>
      <c r="C8629" s="16">
        <v>8595</v>
      </c>
      <c r="D8629" cm="1">
        <f t="array" ref="D8629">IFERROR(INDEX(Jesper!AH$2:AH$366,ROUNDDOWN($C8629/24,0)+1,1)*INDEX($D$3:$AA$30,INDEX(Jesper!$R$2:$R$366,ROW(INDEX(Jesper!AH$2:AH$366,ROUNDDOWN($C8629/24,0)+1,1))-1)+IF('Standard Profiles'!$G$18=$B$10,7,0)+IF('Standard Profiles'!$G$18=$B$17,14,0)+IF('Standard Profiles'!$G$18=$B$24,21,0),MOD($C8629,24)+1)/SUM(INDEX($D$3:$AA$30,INDEX(Jesper!$R$2:$R$366,ROW(INDEX(Jesper!AH$2:AH$366,ROUNDDOWN($C8629/24,0)+1,1))-1)+IF('Standard Profiles'!$G$18=$B$10,7,0)+IF('Standard Profiles'!$G$18=$B$17,14,0)+IF('Standard Profiles'!$G$18=$B$24,21,0),0)),0)</f>
        <v>8.0238850371965924</v>
      </c>
      <c r="E8629" cm="1">
        <f t="array" ref="E8629">IFERROR(INDEX(Jesper!AI$2:AI$366,ROUNDDOWN($C8629/24,0)+1,1)*INDEX($D$3:$AA$30,INDEX(Jesper!$R$2:$R$366,ROW(INDEX(Jesper!AI$2:AI$366,ROUNDDOWN($C8629/24,0)+1,1))-1)+IF('Standard Profiles'!$G$19=$B$10,7,0)+IF('Standard Profiles'!$G$19=$B$17,14,0)+IF('Standard Profiles'!$G$19=$B$24,21,0),MOD($C8629,24)+1)/SUM(INDEX($D$3:$AA$30,INDEX(Jesper!$R$2:$R$366,ROW(INDEX(Jesper!AI$2:AI$366,ROUNDDOWN($C8629/24,0)+1,1))-1)+IF('Standard Profiles'!$G$19=$B$10,7,0)+IF('Standard Profiles'!$G$19=$B$17,14,0)+IF('Standard Profiles'!$G$19=$B$24,21,0),0)),0)</f>
        <v>0</v>
      </c>
      <c r="F8629" cm="1">
        <f t="array" ref="F8629">IFERROR(INDEX(Jesper!AJ$2:AJ$366,ROUNDDOWN($C8629/24,0)+1,1)*INDEX($D$3:$AA$30,INDEX(Jesper!$R$2:$R$366,ROW(INDEX(Jesper!AJ$2:AJ$366,ROUNDDOWN($C8629/24,0)+1,1))-1)+IF('Standard Profiles'!$G$20=$B$10,7,0)+IF('Standard Profiles'!$G$20=$B$17,14,0)+IF('Standard Profiles'!$G$20=$B$24,21,0),MOD($C8629,24)+1)/SUM(INDEX($D$3:$AA$30,INDEX(Jesper!$R$2:$R$366,ROW(INDEX(Jesper!AJ$2:AJ$366,ROUNDDOWN($C8629/24,0)+1,1))-1)+IF('Standard Profiles'!$G$20=$B$10,7,0)+IF('Standard Profiles'!$G$20=$B$17,14,0)+IF('Standard Profiles'!$G$20=$B$24,21,0),0)),0)</f>
        <v>0</v>
      </c>
      <c r="G8629" cm="1">
        <f t="array" ref="G8629">IFERROR(INDEX(Jesper!AK$2:AK$366,ROUNDDOWN($C8629/24,0)+1,1)*INDEX($D$3:$AA$30,INDEX(Jesper!$R$2:$R$366,ROW(INDEX(Jesper!AK$2:AK$366,ROUNDDOWN($C8629/24,0)+1,1))-1)+IF('Standard Profiles'!$G$21=$B$10,7,0)+IF('Standard Profiles'!$G$21=$B$17,14,0)+IF('Standard Profiles'!$G$21=$B$24,21,0),MOD($C8629,24)+1)/SUM(INDEX($D$3:$AA$30,INDEX(Jesper!$R$2:$R$366,ROW(INDEX(Jesper!AK$2:AK$366,ROUNDDOWN($C8629/24,0)+1,1))-1)+IF('Standard Profiles'!$G$21=$B$10,7,0)+IF('Standard Profiles'!$G$21=$B$17,14,0)+IF('Standard Profiles'!$G$21=$B$24,21,0),0)),0)</f>
        <v>0</v>
      </c>
      <c r="H8629" cm="1">
        <f t="array" ref="H8629">IFERROR(INDEX(Jesper!AL$2:AL$366,ROUNDDOWN($C8629/24,0)+1,1)*INDEX($D$3:$AA$30,INDEX(Jesper!$R$2:$R$366,ROW(INDEX(Jesper!AL$2:AL$366,ROUNDDOWN($C8629/24,0)+1,1))-1)+IF('Standard Profiles'!$G$22=$B$10,7,0)+IF('Standard Profiles'!$G$22=$B$17,14,0)+IF('Standard Profiles'!$G$22=$B$24,21,0),MOD($C8629,24)+1)/SUM(INDEX($D$3:$AA$30,INDEX(Jesper!$R$2:$R$366,ROW(INDEX(Jesper!AL$2:AL$366,ROUNDDOWN($C8629/24,0)+1,1))-1)+IF('Standard Profiles'!$G$22=$B$10,7,0)+IF('Standard Profiles'!$G$22=$B$17,14,0)+IF('Standard Profiles'!$G$22=$B$24,21,0),0)),0)</f>
        <v>0</v>
      </c>
      <c r="I8629">
        <f t="shared" si="958"/>
        <v>0.24071655111589776</v>
      </c>
      <c r="J8629">
        <f t="shared" si="959"/>
        <v>0.80238850371965931</v>
      </c>
      <c r="K8629">
        <f t="shared" si="960"/>
        <v>1.2035827555794889</v>
      </c>
      <c r="L8629">
        <f t="shared" si="961"/>
        <v>5.7771972267815466</v>
      </c>
      <c r="M8629">
        <f t="shared" si="962"/>
        <v>0</v>
      </c>
      <c r="N8629" s="46">
        <f t="shared" si="963"/>
        <v>45650.124999979154</v>
      </c>
    </row>
    <row r="8630" spans="2:14" x14ac:dyDescent="0.3">
      <c r="B8630">
        <f t="shared" si="957"/>
        <v>2</v>
      </c>
      <c r="C8630" s="16">
        <v>8596</v>
      </c>
      <c r="D8630" cm="1">
        <f t="array" ref="D8630">IFERROR(INDEX(Jesper!AH$2:AH$366,ROUNDDOWN($C8630/24,0)+1,1)*INDEX($D$3:$AA$30,INDEX(Jesper!$R$2:$R$366,ROW(INDEX(Jesper!AH$2:AH$366,ROUNDDOWN($C8630/24,0)+1,1))-1)+IF('Standard Profiles'!$G$18=$B$10,7,0)+IF('Standard Profiles'!$G$18=$B$17,14,0)+IF('Standard Profiles'!$G$18=$B$24,21,0),MOD($C8630,24)+1)/SUM(INDEX($D$3:$AA$30,INDEX(Jesper!$R$2:$R$366,ROW(INDEX(Jesper!AH$2:AH$366,ROUNDDOWN($C8630/24,0)+1,1))-1)+IF('Standard Profiles'!$G$18=$B$10,7,0)+IF('Standard Profiles'!$G$18=$B$17,14,0)+IF('Standard Profiles'!$G$18=$B$24,21,0),0)),0)</f>
        <v>8.0238850371965924</v>
      </c>
      <c r="E8630" cm="1">
        <f t="array" ref="E8630">IFERROR(INDEX(Jesper!AI$2:AI$366,ROUNDDOWN($C8630/24,0)+1,1)*INDEX($D$3:$AA$30,INDEX(Jesper!$R$2:$R$366,ROW(INDEX(Jesper!AI$2:AI$366,ROUNDDOWN($C8630/24,0)+1,1))-1)+IF('Standard Profiles'!$G$19=$B$10,7,0)+IF('Standard Profiles'!$G$19=$B$17,14,0)+IF('Standard Profiles'!$G$19=$B$24,21,0),MOD($C8630,24)+1)/SUM(INDEX($D$3:$AA$30,INDEX(Jesper!$R$2:$R$366,ROW(INDEX(Jesper!AI$2:AI$366,ROUNDDOWN($C8630/24,0)+1,1))-1)+IF('Standard Profiles'!$G$19=$B$10,7,0)+IF('Standard Profiles'!$G$19=$B$17,14,0)+IF('Standard Profiles'!$G$19=$B$24,21,0),0)),0)</f>
        <v>0</v>
      </c>
      <c r="F8630" cm="1">
        <f t="array" ref="F8630">IFERROR(INDEX(Jesper!AJ$2:AJ$366,ROUNDDOWN($C8630/24,0)+1,1)*INDEX($D$3:$AA$30,INDEX(Jesper!$R$2:$R$366,ROW(INDEX(Jesper!AJ$2:AJ$366,ROUNDDOWN($C8630/24,0)+1,1))-1)+IF('Standard Profiles'!$G$20=$B$10,7,0)+IF('Standard Profiles'!$G$20=$B$17,14,0)+IF('Standard Profiles'!$G$20=$B$24,21,0),MOD($C8630,24)+1)/SUM(INDEX($D$3:$AA$30,INDEX(Jesper!$R$2:$R$366,ROW(INDEX(Jesper!AJ$2:AJ$366,ROUNDDOWN($C8630/24,0)+1,1))-1)+IF('Standard Profiles'!$G$20=$B$10,7,0)+IF('Standard Profiles'!$G$20=$B$17,14,0)+IF('Standard Profiles'!$G$20=$B$24,21,0),0)),0)</f>
        <v>0</v>
      </c>
      <c r="G8630" cm="1">
        <f t="array" ref="G8630">IFERROR(INDEX(Jesper!AK$2:AK$366,ROUNDDOWN($C8630/24,0)+1,1)*INDEX($D$3:$AA$30,INDEX(Jesper!$R$2:$R$366,ROW(INDEX(Jesper!AK$2:AK$366,ROUNDDOWN($C8630/24,0)+1,1))-1)+IF('Standard Profiles'!$G$21=$B$10,7,0)+IF('Standard Profiles'!$G$21=$B$17,14,0)+IF('Standard Profiles'!$G$21=$B$24,21,0),MOD($C8630,24)+1)/SUM(INDEX($D$3:$AA$30,INDEX(Jesper!$R$2:$R$366,ROW(INDEX(Jesper!AK$2:AK$366,ROUNDDOWN($C8630/24,0)+1,1))-1)+IF('Standard Profiles'!$G$21=$B$10,7,0)+IF('Standard Profiles'!$G$21=$B$17,14,0)+IF('Standard Profiles'!$G$21=$B$24,21,0),0)),0)</f>
        <v>0</v>
      </c>
      <c r="H8630" cm="1">
        <f t="array" ref="H8630">IFERROR(INDEX(Jesper!AL$2:AL$366,ROUNDDOWN($C8630/24,0)+1,1)*INDEX($D$3:$AA$30,INDEX(Jesper!$R$2:$R$366,ROW(INDEX(Jesper!AL$2:AL$366,ROUNDDOWN($C8630/24,0)+1,1))-1)+IF('Standard Profiles'!$G$22=$B$10,7,0)+IF('Standard Profiles'!$G$22=$B$17,14,0)+IF('Standard Profiles'!$G$22=$B$24,21,0),MOD($C8630,24)+1)/SUM(INDEX($D$3:$AA$30,INDEX(Jesper!$R$2:$R$366,ROW(INDEX(Jesper!AL$2:AL$366,ROUNDDOWN($C8630/24,0)+1,1))-1)+IF('Standard Profiles'!$G$22=$B$10,7,0)+IF('Standard Profiles'!$G$22=$B$17,14,0)+IF('Standard Profiles'!$G$22=$B$24,21,0),0)),0)</f>
        <v>0</v>
      </c>
      <c r="I8630">
        <f t="shared" si="958"/>
        <v>0.24071655111589776</v>
      </c>
      <c r="J8630">
        <f t="shared" si="959"/>
        <v>0.80238850371965931</v>
      </c>
      <c r="K8630">
        <f t="shared" si="960"/>
        <v>1.2035827555794889</v>
      </c>
      <c r="L8630">
        <f t="shared" si="961"/>
        <v>5.7771972267815466</v>
      </c>
      <c r="M8630">
        <f t="shared" si="962"/>
        <v>0</v>
      </c>
      <c r="N8630" s="46">
        <f t="shared" si="963"/>
        <v>45650.166666645819</v>
      </c>
    </row>
    <row r="8631" spans="2:14" x14ac:dyDescent="0.3">
      <c r="B8631">
        <f t="shared" si="957"/>
        <v>2</v>
      </c>
      <c r="C8631" s="16">
        <v>8597</v>
      </c>
      <c r="D8631" cm="1">
        <f t="array" ref="D8631">IFERROR(INDEX(Jesper!AH$2:AH$366,ROUNDDOWN($C8631/24,0)+1,1)*INDEX($D$3:$AA$30,INDEX(Jesper!$R$2:$R$366,ROW(INDEX(Jesper!AH$2:AH$366,ROUNDDOWN($C8631/24,0)+1,1))-1)+IF('Standard Profiles'!$G$18=$B$10,7,0)+IF('Standard Profiles'!$G$18=$B$17,14,0)+IF('Standard Profiles'!$G$18=$B$24,21,0),MOD($C8631,24)+1)/SUM(INDEX($D$3:$AA$30,INDEX(Jesper!$R$2:$R$366,ROW(INDEX(Jesper!AH$2:AH$366,ROUNDDOWN($C8631/24,0)+1,1))-1)+IF('Standard Profiles'!$G$18=$B$10,7,0)+IF('Standard Profiles'!$G$18=$B$17,14,0)+IF('Standard Profiles'!$G$18=$B$24,21,0),0)),0)</f>
        <v>10.43105054835557</v>
      </c>
      <c r="E8631" cm="1">
        <f t="array" ref="E8631">IFERROR(INDEX(Jesper!AI$2:AI$366,ROUNDDOWN($C8631/24,0)+1,1)*INDEX($D$3:$AA$30,INDEX(Jesper!$R$2:$R$366,ROW(INDEX(Jesper!AI$2:AI$366,ROUNDDOWN($C8631/24,0)+1,1))-1)+IF('Standard Profiles'!$G$19=$B$10,7,0)+IF('Standard Profiles'!$G$19=$B$17,14,0)+IF('Standard Profiles'!$G$19=$B$24,21,0),MOD($C8631,24)+1)/SUM(INDEX($D$3:$AA$30,INDEX(Jesper!$R$2:$R$366,ROW(INDEX(Jesper!AI$2:AI$366,ROUNDDOWN($C8631/24,0)+1,1))-1)+IF('Standard Profiles'!$G$19=$B$10,7,0)+IF('Standard Profiles'!$G$19=$B$17,14,0)+IF('Standard Profiles'!$G$19=$B$24,21,0),0)),0)</f>
        <v>0</v>
      </c>
      <c r="F8631" cm="1">
        <f t="array" ref="F8631">IFERROR(INDEX(Jesper!AJ$2:AJ$366,ROUNDDOWN($C8631/24,0)+1,1)*INDEX($D$3:$AA$30,INDEX(Jesper!$R$2:$R$366,ROW(INDEX(Jesper!AJ$2:AJ$366,ROUNDDOWN($C8631/24,0)+1,1))-1)+IF('Standard Profiles'!$G$20=$B$10,7,0)+IF('Standard Profiles'!$G$20=$B$17,14,0)+IF('Standard Profiles'!$G$20=$B$24,21,0),MOD($C8631,24)+1)/SUM(INDEX($D$3:$AA$30,INDEX(Jesper!$R$2:$R$366,ROW(INDEX(Jesper!AJ$2:AJ$366,ROUNDDOWN($C8631/24,0)+1,1))-1)+IF('Standard Profiles'!$G$20=$B$10,7,0)+IF('Standard Profiles'!$G$20=$B$17,14,0)+IF('Standard Profiles'!$G$20=$B$24,21,0),0)),0)</f>
        <v>0</v>
      </c>
      <c r="G8631" cm="1">
        <f t="array" ref="G8631">IFERROR(INDEX(Jesper!AK$2:AK$366,ROUNDDOWN($C8631/24,0)+1,1)*INDEX($D$3:$AA$30,INDEX(Jesper!$R$2:$R$366,ROW(INDEX(Jesper!AK$2:AK$366,ROUNDDOWN($C8631/24,0)+1,1))-1)+IF('Standard Profiles'!$G$21=$B$10,7,0)+IF('Standard Profiles'!$G$21=$B$17,14,0)+IF('Standard Profiles'!$G$21=$B$24,21,0),MOD($C8631,24)+1)/SUM(INDEX($D$3:$AA$30,INDEX(Jesper!$R$2:$R$366,ROW(INDEX(Jesper!AK$2:AK$366,ROUNDDOWN($C8631/24,0)+1,1))-1)+IF('Standard Profiles'!$G$21=$B$10,7,0)+IF('Standard Profiles'!$G$21=$B$17,14,0)+IF('Standard Profiles'!$G$21=$B$24,21,0),0)),0)</f>
        <v>0</v>
      </c>
      <c r="H8631" cm="1">
        <f t="array" ref="H8631">IFERROR(INDEX(Jesper!AL$2:AL$366,ROUNDDOWN($C8631/24,0)+1,1)*INDEX($D$3:$AA$30,INDEX(Jesper!$R$2:$R$366,ROW(INDEX(Jesper!AL$2:AL$366,ROUNDDOWN($C8631/24,0)+1,1))-1)+IF('Standard Profiles'!$G$22=$B$10,7,0)+IF('Standard Profiles'!$G$22=$B$17,14,0)+IF('Standard Profiles'!$G$22=$B$24,21,0),MOD($C8631,24)+1)/SUM(INDEX($D$3:$AA$30,INDEX(Jesper!$R$2:$R$366,ROW(INDEX(Jesper!AL$2:AL$366,ROUNDDOWN($C8631/24,0)+1,1))-1)+IF('Standard Profiles'!$G$22=$B$10,7,0)+IF('Standard Profiles'!$G$22=$B$17,14,0)+IF('Standard Profiles'!$G$22=$B$24,21,0),0)),0)</f>
        <v>0</v>
      </c>
      <c r="I8631">
        <f t="shared" si="958"/>
        <v>0.31293151645066708</v>
      </c>
      <c r="J8631">
        <f t="shared" si="959"/>
        <v>1.0431050548355569</v>
      </c>
      <c r="K8631">
        <f t="shared" si="960"/>
        <v>1.5646575822533355</v>
      </c>
      <c r="L8631">
        <f t="shared" si="961"/>
        <v>7.5103563948160099</v>
      </c>
      <c r="M8631">
        <f t="shared" si="962"/>
        <v>0</v>
      </c>
      <c r="N8631" s="46">
        <f t="shared" si="963"/>
        <v>45650.208333312483</v>
      </c>
    </row>
    <row r="8632" spans="2:14" x14ac:dyDescent="0.3">
      <c r="B8632">
        <f t="shared" si="957"/>
        <v>2</v>
      </c>
      <c r="C8632" s="16">
        <v>8598</v>
      </c>
      <c r="D8632" cm="1">
        <f t="array" ref="D8632">IFERROR(INDEX(Jesper!AH$2:AH$366,ROUNDDOWN($C8632/24,0)+1,1)*INDEX($D$3:$AA$30,INDEX(Jesper!$R$2:$R$366,ROW(INDEX(Jesper!AH$2:AH$366,ROUNDDOWN($C8632/24,0)+1,1))-1)+IF('Standard Profiles'!$G$18=$B$10,7,0)+IF('Standard Profiles'!$G$18=$B$17,14,0)+IF('Standard Profiles'!$G$18=$B$24,21,0),MOD($C8632,24)+1)/SUM(INDEX($D$3:$AA$30,INDEX(Jesper!$R$2:$R$366,ROW(INDEX(Jesper!AH$2:AH$366,ROUNDDOWN($C8632/24,0)+1,1))-1)+IF('Standard Profiles'!$G$18=$B$10,7,0)+IF('Standard Profiles'!$G$18=$B$17,14,0)+IF('Standard Profiles'!$G$18=$B$24,21,0),0)),0)</f>
        <v>11.634633303935058</v>
      </c>
      <c r="E8632" cm="1">
        <f t="array" ref="E8632">IFERROR(INDEX(Jesper!AI$2:AI$366,ROUNDDOWN($C8632/24,0)+1,1)*INDEX($D$3:$AA$30,INDEX(Jesper!$R$2:$R$366,ROW(INDEX(Jesper!AI$2:AI$366,ROUNDDOWN($C8632/24,0)+1,1))-1)+IF('Standard Profiles'!$G$19=$B$10,7,0)+IF('Standard Profiles'!$G$19=$B$17,14,0)+IF('Standard Profiles'!$G$19=$B$24,21,0),MOD($C8632,24)+1)/SUM(INDEX($D$3:$AA$30,INDEX(Jesper!$R$2:$R$366,ROW(INDEX(Jesper!AI$2:AI$366,ROUNDDOWN($C8632/24,0)+1,1))-1)+IF('Standard Profiles'!$G$19=$B$10,7,0)+IF('Standard Profiles'!$G$19=$B$17,14,0)+IF('Standard Profiles'!$G$19=$B$24,21,0),0)),0)</f>
        <v>0</v>
      </c>
      <c r="F8632" cm="1">
        <f t="array" ref="F8632">IFERROR(INDEX(Jesper!AJ$2:AJ$366,ROUNDDOWN($C8632/24,0)+1,1)*INDEX($D$3:$AA$30,INDEX(Jesper!$R$2:$R$366,ROW(INDEX(Jesper!AJ$2:AJ$366,ROUNDDOWN($C8632/24,0)+1,1))-1)+IF('Standard Profiles'!$G$20=$B$10,7,0)+IF('Standard Profiles'!$G$20=$B$17,14,0)+IF('Standard Profiles'!$G$20=$B$24,21,0),MOD($C8632,24)+1)/SUM(INDEX($D$3:$AA$30,INDEX(Jesper!$R$2:$R$366,ROW(INDEX(Jesper!AJ$2:AJ$366,ROUNDDOWN($C8632/24,0)+1,1))-1)+IF('Standard Profiles'!$G$20=$B$10,7,0)+IF('Standard Profiles'!$G$20=$B$17,14,0)+IF('Standard Profiles'!$G$20=$B$24,21,0),0)),0)</f>
        <v>0</v>
      </c>
      <c r="G8632" cm="1">
        <f t="array" ref="G8632">IFERROR(INDEX(Jesper!AK$2:AK$366,ROUNDDOWN($C8632/24,0)+1,1)*INDEX($D$3:$AA$30,INDEX(Jesper!$R$2:$R$366,ROW(INDEX(Jesper!AK$2:AK$366,ROUNDDOWN($C8632/24,0)+1,1))-1)+IF('Standard Profiles'!$G$21=$B$10,7,0)+IF('Standard Profiles'!$G$21=$B$17,14,0)+IF('Standard Profiles'!$G$21=$B$24,21,0),MOD($C8632,24)+1)/SUM(INDEX($D$3:$AA$30,INDEX(Jesper!$R$2:$R$366,ROW(INDEX(Jesper!AK$2:AK$366,ROUNDDOWN($C8632/24,0)+1,1))-1)+IF('Standard Profiles'!$G$21=$B$10,7,0)+IF('Standard Profiles'!$G$21=$B$17,14,0)+IF('Standard Profiles'!$G$21=$B$24,21,0),0)),0)</f>
        <v>0</v>
      </c>
      <c r="H8632" cm="1">
        <f t="array" ref="H8632">IFERROR(INDEX(Jesper!AL$2:AL$366,ROUNDDOWN($C8632/24,0)+1,1)*INDEX($D$3:$AA$30,INDEX(Jesper!$R$2:$R$366,ROW(INDEX(Jesper!AL$2:AL$366,ROUNDDOWN($C8632/24,0)+1,1))-1)+IF('Standard Profiles'!$G$22=$B$10,7,0)+IF('Standard Profiles'!$G$22=$B$17,14,0)+IF('Standard Profiles'!$G$22=$B$24,21,0),MOD($C8632,24)+1)/SUM(INDEX($D$3:$AA$30,INDEX(Jesper!$R$2:$R$366,ROW(INDEX(Jesper!AL$2:AL$366,ROUNDDOWN($C8632/24,0)+1,1))-1)+IF('Standard Profiles'!$G$22=$B$10,7,0)+IF('Standard Profiles'!$G$22=$B$17,14,0)+IF('Standard Profiles'!$G$22=$B$24,21,0),0)),0)</f>
        <v>0</v>
      </c>
      <c r="I8632">
        <f t="shared" si="958"/>
        <v>0.3490389991180517</v>
      </c>
      <c r="J8632">
        <f t="shared" si="959"/>
        <v>1.1634633303935058</v>
      </c>
      <c r="K8632">
        <f t="shared" si="960"/>
        <v>1.7451949955902586</v>
      </c>
      <c r="L8632">
        <f t="shared" si="961"/>
        <v>8.3769359788332416</v>
      </c>
      <c r="M8632">
        <f t="shared" si="962"/>
        <v>0</v>
      </c>
      <c r="N8632" s="46">
        <f t="shared" si="963"/>
        <v>45650.249999979147</v>
      </c>
    </row>
    <row r="8633" spans="2:14" x14ac:dyDescent="0.3">
      <c r="B8633">
        <f t="shared" si="957"/>
        <v>2</v>
      </c>
      <c r="C8633" s="16">
        <v>8599</v>
      </c>
      <c r="D8633" cm="1">
        <f t="array" ref="D8633">IFERROR(INDEX(Jesper!AH$2:AH$366,ROUNDDOWN($C8633/24,0)+1,1)*INDEX($D$3:$AA$30,INDEX(Jesper!$R$2:$R$366,ROW(INDEX(Jesper!AH$2:AH$366,ROUNDDOWN($C8633/24,0)+1,1))-1)+IF('Standard Profiles'!$G$18=$B$10,7,0)+IF('Standard Profiles'!$G$18=$B$17,14,0)+IF('Standard Profiles'!$G$18=$B$24,21,0),MOD($C8633,24)+1)/SUM(INDEX($D$3:$AA$30,INDEX(Jesper!$R$2:$R$366,ROW(INDEX(Jesper!AH$2:AH$366,ROUNDDOWN($C8633/24,0)+1,1))-1)+IF('Standard Profiles'!$G$18=$B$10,7,0)+IF('Standard Profiles'!$G$18=$B$17,14,0)+IF('Standard Profiles'!$G$18=$B$24,21,0),0)),0)</f>
        <v>12.03582755579489</v>
      </c>
      <c r="E8633" cm="1">
        <f t="array" ref="E8633">IFERROR(INDEX(Jesper!AI$2:AI$366,ROUNDDOWN($C8633/24,0)+1,1)*INDEX($D$3:$AA$30,INDEX(Jesper!$R$2:$R$366,ROW(INDEX(Jesper!AI$2:AI$366,ROUNDDOWN($C8633/24,0)+1,1))-1)+IF('Standard Profiles'!$G$19=$B$10,7,0)+IF('Standard Profiles'!$G$19=$B$17,14,0)+IF('Standard Profiles'!$G$19=$B$24,21,0),MOD($C8633,24)+1)/SUM(INDEX($D$3:$AA$30,INDEX(Jesper!$R$2:$R$366,ROW(INDEX(Jesper!AI$2:AI$366,ROUNDDOWN($C8633/24,0)+1,1))-1)+IF('Standard Profiles'!$G$19=$B$10,7,0)+IF('Standard Profiles'!$G$19=$B$17,14,0)+IF('Standard Profiles'!$G$19=$B$24,21,0),0)),0)</f>
        <v>0</v>
      </c>
      <c r="F8633" cm="1">
        <f t="array" ref="F8633">IFERROR(INDEX(Jesper!AJ$2:AJ$366,ROUNDDOWN($C8633/24,0)+1,1)*INDEX($D$3:$AA$30,INDEX(Jesper!$R$2:$R$366,ROW(INDEX(Jesper!AJ$2:AJ$366,ROUNDDOWN($C8633/24,0)+1,1))-1)+IF('Standard Profiles'!$G$20=$B$10,7,0)+IF('Standard Profiles'!$G$20=$B$17,14,0)+IF('Standard Profiles'!$G$20=$B$24,21,0),MOD($C8633,24)+1)/SUM(INDEX($D$3:$AA$30,INDEX(Jesper!$R$2:$R$366,ROW(INDEX(Jesper!AJ$2:AJ$366,ROUNDDOWN($C8633/24,0)+1,1))-1)+IF('Standard Profiles'!$G$20=$B$10,7,0)+IF('Standard Profiles'!$G$20=$B$17,14,0)+IF('Standard Profiles'!$G$20=$B$24,21,0),0)),0)</f>
        <v>0</v>
      </c>
      <c r="G8633" cm="1">
        <f t="array" ref="G8633">IFERROR(INDEX(Jesper!AK$2:AK$366,ROUNDDOWN($C8633/24,0)+1,1)*INDEX($D$3:$AA$30,INDEX(Jesper!$R$2:$R$366,ROW(INDEX(Jesper!AK$2:AK$366,ROUNDDOWN($C8633/24,0)+1,1))-1)+IF('Standard Profiles'!$G$21=$B$10,7,0)+IF('Standard Profiles'!$G$21=$B$17,14,0)+IF('Standard Profiles'!$G$21=$B$24,21,0),MOD($C8633,24)+1)/SUM(INDEX($D$3:$AA$30,INDEX(Jesper!$R$2:$R$366,ROW(INDEX(Jesper!AK$2:AK$366,ROUNDDOWN($C8633/24,0)+1,1))-1)+IF('Standard Profiles'!$G$21=$B$10,7,0)+IF('Standard Profiles'!$G$21=$B$17,14,0)+IF('Standard Profiles'!$G$21=$B$24,21,0),0)),0)</f>
        <v>0</v>
      </c>
      <c r="H8633" cm="1">
        <f t="array" ref="H8633">IFERROR(INDEX(Jesper!AL$2:AL$366,ROUNDDOWN($C8633/24,0)+1,1)*INDEX($D$3:$AA$30,INDEX(Jesper!$R$2:$R$366,ROW(INDEX(Jesper!AL$2:AL$366,ROUNDDOWN($C8633/24,0)+1,1))-1)+IF('Standard Profiles'!$G$22=$B$10,7,0)+IF('Standard Profiles'!$G$22=$B$17,14,0)+IF('Standard Profiles'!$G$22=$B$24,21,0),MOD($C8633,24)+1)/SUM(INDEX($D$3:$AA$30,INDEX(Jesper!$R$2:$R$366,ROW(INDEX(Jesper!AL$2:AL$366,ROUNDDOWN($C8633/24,0)+1,1))-1)+IF('Standard Profiles'!$G$22=$B$10,7,0)+IF('Standard Profiles'!$G$22=$B$17,14,0)+IF('Standard Profiles'!$G$22=$B$24,21,0),0)),0)</f>
        <v>0</v>
      </c>
      <c r="I8633">
        <f t="shared" si="958"/>
        <v>0.36107482667384672</v>
      </c>
      <c r="J8633">
        <f t="shared" si="959"/>
        <v>1.2035827555794891</v>
      </c>
      <c r="K8633">
        <f t="shared" si="960"/>
        <v>1.8053741333692335</v>
      </c>
      <c r="L8633">
        <f t="shared" si="961"/>
        <v>8.6657958401723203</v>
      </c>
      <c r="M8633">
        <f t="shared" si="962"/>
        <v>0</v>
      </c>
      <c r="N8633" s="46">
        <f t="shared" si="963"/>
        <v>45650.291666645811</v>
      </c>
    </row>
    <row r="8634" spans="2:14" x14ac:dyDescent="0.3">
      <c r="B8634">
        <f t="shared" si="957"/>
        <v>2</v>
      </c>
      <c r="C8634" s="16">
        <v>8600</v>
      </c>
      <c r="D8634" cm="1">
        <f t="array" ref="D8634">IFERROR(INDEX(Jesper!AH$2:AH$366,ROUNDDOWN($C8634/24,0)+1,1)*INDEX($D$3:$AA$30,INDEX(Jesper!$R$2:$R$366,ROW(INDEX(Jesper!AH$2:AH$366,ROUNDDOWN($C8634/24,0)+1,1))-1)+IF('Standard Profiles'!$G$18=$B$10,7,0)+IF('Standard Profiles'!$G$18=$B$17,14,0)+IF('Standard Profiles'!$G$18=$B$24,21,0),MOD($C8634,24)+1)/SUM(INDEX($D$3:$AA$30,INDEX(Jesper!$R$2:$R$366,ROW(INDEX(Jesper!AH$2:AH$366,ROUNDDOWN($C8634/24,0)+1,1))-1)+IF('Standard Profiles'!$G$18=$B$10,7,0)+IF('Standard Profiles'!$G$18=$B$17,14,0)+IF('Standard Profiles'!$G$18=$B$24,21,0),0)),0)</f>
        <v>12.03582755579489</v>
      </c>
      <c r="E8634" cm="1">
        <f t="array" ref="E8634">IFERROR(INDEX(Jesper!AI$2:AI$366,ROUNDDOWN($C8634/24,0)+1,1)*INDEX($D$3:$AA$30,INDEX(Jesper!$R$2:$R$366,ROW(INDEX(Jesper!AI$2:AI$366,ROUNDDOWN($C8634/24,0)+1,1))-1)+IF('Standard Profiles'!$G$19=$B$10,7,0)+IF('Standard Profiles'!$G$19=$B$17,14,0)+IF('Standard Profiles'!$G$19=$B$24,21,0),MOD($C8634,24)+1)/SUM(INDEX($D$3:$AA$30,INDEX(Jesper!$R$2:$R$366,ROW(INDEX(Jesper!AI$2:AI$366,ROUNDDOWN($C8634/24,0)+1,1))-1)+IF('Standard Profiles'!$G$19=$B$10,7,0)+IF('Standard Profiles'!$G$19=$B$17,14,0)+IF('Standard Profiles'!$G$19=$B$24,21,0),0)),0)</f>
        <v>0</v>
      </c>
      <c r="F8634" cm="1">
        <f t="array" ref="F8634">IFERROR(INDEX(Jesper!AJ$2:AJ$366,ROUNDDOWN($C8634/24,0)+1,1)*INDEX($D$3:$AA$30,INDEX(Jesper!$R$2:$R$366,ROW(INDEX(Jesper!AJ$2:AJ$366,ROUNDDOWN($C8634/24,0)+1,1))-1)+IF('Standard Profiles'!$G$20=$B$10,7,0)+IF('Standard Profiles'!$G$20=$B$17,14,0)+IF('Standard Profiles'!$G$20=$B$24,21,0),MOD($C8634,24)+1)/SUM(INDEX($D$3:$AA$30,INDEX(Jesper!$R$2:$R$366,ROW(INDEX(Jesper!AJ$2:AJ$366,ROUNDDOWN($C8634/24,0)+1,1))-1)+IF('Standard Profiles'!$G$20=$B$10,7,0)+IF('Standard Profiles'!$G$20=$B$17,14,0)+IF('Standard Profiles'!$G$20=$B$24,21,0),0)),0)</f>
        <v>0</v>
      </c>
      <c r="G8634" cm="1">
        <f t="array" ref="G8634">IFERROR(INDEX(Jesper!AK$2:AK$366,ROUNDDOWN($C8634/24,0)+1,1)*INDEX($D$3:$AA$30,INDEX(Jesper!$R$2:$R$366,ROW(INDEX(Jesper!AK$2:AK$366,ROUNDDOWN($C8634/24,0)+1,1))-1)+IF('Standard Profiles'!$G$21=$B$10,7,0)+IF('Standard Profiles'!$G$21=$B$17,14,0)+IF('Standard Profiles'!$G$21=$B$24,21,0),MOD($C8634,24)+1)/SUM(INDEX($D$3:$AA$30,INDEX(Jesper!$R$2:$R$366,ROW(INDEX(Jesper!AK$2:AK$366,ROUNDDOWN($C8634/24,0)+1,1))-1)+IF('Standard Profiles'!$G$21=$B$10,7,0)+IF('Standard Profiles'!$G$21=$B$17,14,0)+IF('Standard Profiles'!$G$21=$B$24,21,0),0)),0)</f>
        <v>0</v>
      </c>
      <c r="H8634" cm="1">
        <f t="array" ref="H8634">IFERROR(INDEX(Jesper!AL$2:AL$366,ROUNDDOWN($C8634/24,0)+1,1)*INDEX($D$3:$AA$30,INDEX(Jesper!$R$2:$R$366,ROW(INDEX(Jesper!AL$2:AL$366,ROUNDDOWN($C8634/24,0)+1,1))-1)+IF('Standard Profiles'!$G$22=$B$10,7,0)+IF('Standard Profiles'!$G$22=$B$17,14,0)+IF('Standard Profiles'!$G$22=$B$24,21,0),MOD($C8634,24)+1)/SUM(INDEX($D$3:$AA$30,INDEX(Jesper!$R$2:$R$366,ROW(INDEX(Jesper!AL$2:AL$366,ROUNDDOWN($C8634/24,0)+1,1))-1)+IF('Standard Profiles'!$G$22=$B$10,7,0)+IF('Standard Profiles'!$G$22=$B$17,14,0)+IF('Standard Profiles'!$G$22=$B$24,21,0),0)),0)</f>
        <v>0</v>
      </c>
      <c r="I8634">
        <f t="shared" si="958"/>
        <v>0.36107482667384672</v>
      </c>
      <c r="J8634">
        <f t="shared" si="959"/>
        <v>1.2035827555794891</v>
      </c>
      <c r="K8634">
        <f t="shared" si="960"/>
        <v>1.8053741333692335</v>
      </c>
      <c r="L8634">
        <f t="shared" si="961"/>
        <v>8.6657958401723203</v>
      </c>
      <c r="M8634">
        <f t="shared" si="962"/>
        <v>0</v>
      </c>
      <c r="N8634" s="46">
        <f t="shared" si="963"/>
        <v>45650.333333312476</v>
      </c>
    </row>
    <row r="8635" spans="2:14" x14ac:dyDescent="0.3">
      <c r="B8635">
        <f t="shared" si="957"/>
        <v>2</v>
      </c>
      <c r="C8635" s="16">
        <v>8601</v>
      </c>
      <c r="D8635" cm="1">
        <f t="array" ref="D8635">IFERROR(INDEX(Jesper!AH$2:AH$366,ROUNDDOWN($C8635/24,0)+1,1)*INDEX($D$3:$AA$30,INDEX(Jesper!$R$2:$R$366,ROW(INDEX(Jesper!AH$2:AH$366,ROUNDDOWN($C8635/24,0)+1,1))-1)+IF('Standard Profiles'!$G$18=$B$10,7,0)+IF('Standard Profiles'!$G$18=$B$17,14,0)+IF('Standard Profiles'!$G$18=$B$24,21,0),MOD($C8635,24)+1)/SUM(INDEX($D$3:$AA$30,INDEX(Jesper!$R$2:$R$366,ROW(INDEX(Jesper!AH$2:AH$366,ROUNDDOWN($C8635/24,0)+1,1))-1)+IF('Standard Profiles'!$G$18=$B$10,7,0)+IF('Standard Profiles'!$G$18=$B$17,14,0)+IF('Standard Profiles'!$G$18=$B$24,21,0),0)),0)</f>
        <v>13.038813185444463</v>
      </c>
      <c r="E8635" cm="1">
        <f t="array" ref="E8635">IFERROR(INDEX(Jesper!AI$2:AI$366,ROUNDDOWN($C8635/24,0)+1,1)*INDEX($D$3:$AA$30,INDEX(Jesper!$R$2:$R$366,ROW(INDEX(Jesper!AI$2:AI$366,ROUNDDOWN($C8635/24,0)+1,1))-1)+IF('Standard Profiles'!$G$19=$B$10,7,0)+IF('Standard Profiles'!$G$19=$B$17,14,0)+IF('Standard Profiles'!$G$19=$B$24,21,0),MOD($C8635,24)+1)/SUM(INDEX($D$3:$AA$30,INDEX(Jesper!$R$2:$R$366,ROW(INDEX(Jesper!AI$2:AI$366,ROUNDDOWN($C8635/24,0)+1,1))-1)+IF('Standard Profiles'!$G$19=$B$10,7,0)+IF('Standard Profiles'!$G$19=$B$17,14,0)+IF('Standard Profiles'!$G$19=$B$24,21,0),0)),0)</f>
        <v>0</v>
      </c>
      <c r="F8635" cm="1">
        <f t="array" ref="F8635">IFERROR(INDEX(Jesper!AJ$2:AJ$366,ROUNDDOWN($C8635/24,0)+1,1)*INDEX($D$3:$AA$30,INDEX(Jesper!$R$2:$R$366,ROW(INDEX(Jesper!AJ$2:AJ$366,ROUNDDOWN($C8635/24,0)+1,1))-1)+IF('Standard Profiles'!$G$20=$B$10,7,0)+IF('Standard Profiles'!$G$20=$B$17,14,0)+IF('Standard Profiles'!$G$20=$B$24,21,0),MOD($C8635,24)+1)/SUM(INDEX($D$3:$AA$30,INDEX(Jesper!$R$2:$R$366,ROW(INDEX(Jesper!AJ$2:AJ$366,ROUNDDOWN($C8635/24,0)+1,1))-1)+IF('Standard Profiles'!$G$20=$B$10,7,0)+IF('Standard Profiles'!$G$20=$B$17,14,0)+IF('Standard Profiles'!$G$20=$B$24,21,0),0)),0)</f>
        <v>0</v>
      </c>
      <c r="G8635" cm="1">
        <f t="array" ref="G8635">IFERROR(INDEX(Jesper!AK$2:AK$366,ROUNDDOWN($C8635/24,0)+1,1)*INDEX($D$3:$AA$30,INDEX(Jesper!$R$2:$R$366,ROW(INDEX(Jesper!AK$2:AK$366,ROUNDDOWN($C8635/24,0)+1,1))-1)+IF('Standard Profiles'!$G$21=$B$10,7,0)+IF('Standard Profiles'!$G$21=$B$17,14,0)+IF('Standard Profiles'!$G$21=$B$24,21,0),MOD($C8635,24)+1)/SUM(INDEX($D$3:$AA$30,INDEX(Jesper!$R$2:$R$366,ROW(INDEX(Jesper!AK$2:AK$366,ROUNDDOWN($C8635/24,0)+1,1))-1)+IF('Standard Profiles'!$G$21=$B$10,7,0)+IF('Standard Profiles'!$G$21=$B$17,14,0)+IF('Standard Profiles'!$G$21=$B$24,21,0),0)),0)</f>
        <v>0</v>
      </c>
      <c r="H8635" cm="1">
        <f t="array" ref="H8635">IFERROR(INDEX(Jesper!AL$2:AL$366,ROUNDDOWN($C8635/24,0)+1,1)*INDEX($D$3:$AA$30,INDEX(Jesper!$R$2:$R$366,ROW(INDEX(Jesper!AL$2:AL$366,ROUNDDOWN($C8635/24,0)+1,1))-1)+IF('Standard Profiles'!$G$22=$B$10,7,0)+IF('Standard Profiles'!$G$22=$B$17,14,0)+IF('Standard Profiles'!$G$22=$B$24,21,0),MOD($C8635,24)+1)/SUM(INDEX($D$3:$AA$30,INDEX(Jesper!$R$2:$R$366,ROW(INDEX(Jesper!AL$2:AL$366,ROUNDDOWN($C8635/24,0)+1,1))-1)+IF('Standard Profiles'!$G$22=$B$10,7,0)+IF('Standard Profiles'!$G$22=$B$17,14,0)+IF('Standard Profiles'!$G$22=$B$24,21,0),0)),0)</f>
        <v>0</v>
      </c>
      <c r="I8635">
        <f t="shared" si="958"/>
        <v>0.39116439556333388</v>
      </c>
      <c r="J8635">
        <f t="shared" si="959"/>
        <v>1.3038813185444464</v>
      </c>
      <c r="K8635">
        <f t="shared" si="960"/>
        <v>1.9558219778166692</v>
      </c>
      <c r="L8635">
        <f t="shared" si="961"/>
        <v>9.3879454935200126</v>
      </c>
      <c r="M8635">
        <f t="shared" si="962"/>
        <v>0</v>
      </c>
      <c r="N8635" s="46">
        <f t="shared" si="963"/>
        <v>45650.37499997914</v>
      </c>
    </row>
    <row r="8636" spans="2:14" x14ac:dyDescent="0.3">
      <c r="B8636">
        <f t="shared" si="957"/>
        <v>2</v>
      </c>
      <c r="C8636" s="16">
        <v>8602</v>
      </c>
      <c r="D8636" cm="1">
        <f t="array" ref="D8636">IFERROR(INDEX(Jesper!AH$2:AH$366,ROUNDDOWN($C8636/24,0)+1,1)*INDEX($D$3:$AA$30,INDEX(Jesper!$R$2:$R$366,ROW(INDEX(Jesper!AH$2:AH$366,ROUNDDOWN($C8636/24,0)+1,1))-1)+IF('Standard Profiles'!$G$18=$B$10,7,0)+IF('Standard Profiles'!$G$18=$B$17,14,0)+IF('Standard Profiles'!$G$18=$B$24,21,0),MOD($C8636,24)+1)/SUM(INDEX($D$3:$AA$30,INDEX(Jesper!$R$2:$R$366,ROW(INDEX(Jesper!AH$2:AH$366,ROUNDDOWN($C8636/24,0)+1,1))-1)+IF('Standard Profiles'!$G$18=$B$10,7,0)+IF('Standard Profiles'!$G$18=$B$17,14,0)+IF('Standard Profiles'!$G$18=$B$24,21,0),0)),0)</f>
        <v>13.640604563234207</v>
      </c>
      <c r="E8636" cm="1">
        <f t="array" ref="E8636">IFERROR(INDEX(Jesper!AI$2:AI$366,ROUNDDOWN($C8636/24,0)+1,1)*INDEX($D$3:$AA$30,INDEX(Jesper!$R$2:$R$366,ROW(INDEX(Jesper!AI$2:AI$366,ROUNDDOWN($C8636/24,0)+1,1))-1)+IF('Standard Profiles'!$G$19=$B$10,7,0)+IF('Standard Profiles'!$G$19=$B$17,14,0)+IF('Standard Profiles'!$G$19=$B$24,21,0),MOD($C8636,24)+1)/SUM(INDEX($D$3:$AA$30,INDEX(Jesper!$R$2:$R$366,ROW(INDEX(Jesper!AI$2:AI$366,ROUNDDOWN($C8636/24,0)+1,1))-1)+IF('Standard Profiles'!$G$19=$B$10,7,0)+IF('Standard Profiles'!$G$19=$B$17,14,0)+IF('Standard Profiles'!$G$19=$B$24,21,0),0)),0)</f>
        <v>0</v>
      </c>
      <c r="F8636" cm="1">
        <f t="array" ref="F8636">IFERROR(INDEX(Jesper!AJ$2:AJ$366,ROUNDDOWN($C8636/24,0)+1,1)*INDEX($D$3:$AA$30,INDEX(Jesper!$R$2:$R$366,ROW(INDEX(Jesper!AJ$2:AJ$366,ROUNDDOWN($C8636/24,0)+1,1))-1)+IF('Standard Profiles'!$G$20=$B$10,7,0)+IF('Standard Profiles'!$G$20=$B$17,14,0)+IF('Standard Profiles'!$G$20=$B$24,21,0),MOD($C8636,24)+1)/SUM(INDEX($D$3:$AA$30,INDEX(Jesper!$R$2:$R$366,ROW(INDEX(Jesper!AJ$2:AJ$366,ROUNDDOWN($C8636/24,0)+1,1))-1)+IF('Standard Profiles'!$G$20=$B$10,7,0)+IF('Standard Profiles'!$G$20=$B$17,14,0)+IF('Standard Profiles'!$G$20=$B$24,21,0),0)),0)</f>
        <v>0</v>
      </c>
      <c r="G8636" cm="1">
        <f t="array" ref="G8636">IFERROR(INDEX(Jesper!AK$2:AK$366,ROUNDDOWN($C8636/24,0)+1,1)*INDEX($D$3:$AA$30,INDEX(Jesper!$R$2:$R$366,ROW(INDEX(Jesper!AK$2:AK$366,ROUNDDOWN($C8636/24,0)+1,1))-1)+IF('Standard Profiles'!$G$21=$B$10,7,0)+IF('Standard Profiles'!$G$21=$B$17,14,0)+IF('Standard Profiles'!$G$21=$B$24,21,0),MOD($C8636,24)+1)/SUM(INDEX($D$3:$AA$30,INDEX(Jesper!$R$2:$R$366,ROW(INDEX(Jesper!AK$2:AK$366,ROUNDDOWN($C8636/24,0)+1,1))-1)+IF('Standard Profiles'!$G$21=$B$10,7,0)+IF('Standard Profiles'!$G$21=$B$17,14,0)+IF('Standard Profiles'!$G$21=$B$24,21,0),0)),0)</f>
        <v>0</v>
      </c>
      <c r="H8636" cm="1">
        <f t="array" ref="H8636">IFERROR(INDEX(Jesper!AL$2:AL$366,ROUNDDOWN($C8636/24,0)+1,1)*INDEX($D$3:$AA$30,INDEX(Jesper!$R$2:$R$366,ROW(INDEX(Jesper!AL$2:AL$366,ROUNDDOWN($C8636/24,0)+1,1))-1)+IF('Standard Profiles'!$G$22=$B$10,7,0)+IF('Standard Profiles'!$G$22=$B$17,14,0)+IF('Standard Profiles'!$G$22=$B$24,21,0),MOD($C8636,24)+1)/SUM(INDEX($D$3:$AA$30,INDEX(Jesper!$R$2:$R$366,ROW(INDEX(Jesper!AL$2:AL$366,ROUNDDOWN($C8636/24,0)+1,1))-1)+IF('Standard Profiles'!$G$22=$B$10,7,0)+IF('Standard Profiles'!$G$22=$B$17,14,0)+IF('Standard Profiles'!$G$22=$B$24,21,0),0)),0)</f>
        <v>0</v>
      </c>
      <c r="I8636">
        <f t="shared" si="958"/>
        <v>0.40921813689702619</v>
      </c>
      <c r="J8636">
        <f t="shared" si="959"/>
        <v>1.3640604563234209</v>
      </c>
      <c r="K8636">
        <f t="shared" si="960"/>
        <v>2.0460906844851312</v>
      </c>
      <c r="L8636">
        <f t="shared" si="961"/>
        <v>9.8212352855286298</v>
      </c>
      <c r="M8636">
        <f t="shared" si="962"/>
        <v>0</v>
      </c>
      <c r="N8636" s="46">
        <f t="shared" si="963"/>
        <v>45650.416666645804</v>
      </c>
    </row>
    <row r="8637" spans="2:14" x14ac:dyDescent="0.3">
      <c r="B8637">
        <f t="shared" si="957"/>
        <v>2</v>
      </c>
      <c r="C8637" s="16">
        <v>8603</v>
      </c>
      <c r="D8637" cm="1">
        <f t="array" ref="D8637">IFERROR(INDEX(Jesper!AH$2:AH$366,ROUNDDOWN($C8637/24,0)+1,1)*INDEX($D$3:$AA$30,INDEX(Jesper!$R$2:$R$366,ROW(INDEX(Jesper!AH$2:AH$366,ROUNDDOWN($C8637/24,0)+1,1))-1)+IF('Standard Profiles'!$G$18=$B$10,7,0)+IF('Standard Profiles'!$G$18=$B$17,14,0)+IF('Standard Profiles'!$G$18=$B$24,21,0),MOD($C8637,24)+1)/SUM(INDEX($D$3:$AA$30,INDEX(Jesper!$R$2:$R$366,ROW(INDEX(Jesper!AH$2:AH$366,ROUNDDOWN($C8637/24,0)+1,1))-1)+IF('Standard Profiles'!$G$18=$B$10,7,0)+IF('Standard Profiles'!$G$18=$B$17,14,0)+IF('Standard Profiles'!$G$18=$B$24,21,0),0)),0)</f>
        <v>16.047770074393185</v>
      </c>
      <c r="E8637" cm="1">
        <f t="array" ref="E8637">IFERROR(INDEX(Jesper!AI$2:AI$366,ROUNDDOWN($C8637/24,0)+1,1)*INDEX($D$3:$AA$30,INDEX(Jesper!$R$2:$R$366,ROW(INDEX(Jesper!AI$2:AI$366,ROUNDDOWN($C8637/24,0)+1,1))-1)+IF('Standard Profiles'!$G$19=$B$10,7,0)+IF('Standard Profiles'!$G$19=$B$17,14,0)+IF('Standard Profiles'!$G$19=$B$24,21,0),MOD($C8637,24)+1)/SUM(INDEX($D$3:$AA$30,INDEX(Jesper!$R$2:$R$366,ROW(INDEX(Jesper!AI$2:AI$366,ROUNDDOWN($C8637/24,0)+1,1))-1)+IF('Standard Profiles'!$G$19=$B$10,7,0)+IF('Standard Profiles'!$G$19=$B$17,14,0)+IF('Standard Profiles'!$G$19=$B$24,21,0),0)),0)</f>
        <v>0</v>
      </c>
      <c r="F8637" cm="1">
        <f t="array" ref="F8637">IFERROR(INDEX(Jesper!AJ$2:AJ$366,ROUNDDOWN($C8637/24,0)+1,1)*INDEX($D$3:$AA$30,INDEX(Jesper!$R$2:$R$366,ROW(INDEX(Jesper!AJ$2:AJ$366,ROUNDDOWN($C8637/24,0)+1,1))-1)+IF('Standard Profiles'!$G$20=$B$10,7,0)+IF('Standard Profiles'!$G$20=$B$17,14,0)+IF('Standard Profiles'!$G$20=$B$24,21,0),MOD($C8637,24)+1)/SUM(INDEX($D$3:$AA$30,INDEX(Jesper!$R$2:$R$366,ROW(INDEX(Jesper!AJ$2:AJ$366,ROUNDDOWN($C8637/24,0)+1,1))-1)+IF('Standard Profiles'!$G$20=$B$10,7,0)+IF('Standard Profiles'!$G$20=$B$17,14,0)+IF('Standard Profiles'!$G$20=$B$24,21,0),0)),0)</f>
        <v>0</v>
      </c>
      <c r="G8637" cm="1">
        <f t="array" ref="G8637">IFERROR(INDEX(Jesper!AK$2:AK$366,ROUNDDOWN($C8637/24,0)+1,1)*INDEX($D$3:$AA$30,INDEX(Jesper!$R$2:$R$366,ROW(INDEX(Jesper!AK$2:AK$366,ROUNDDOWN($C8637/24,0)+1,1))-1)+IF('Standard Profiles'!$G$21=$B$10,7,0)+IF('Standard Profiles'!$G$21=$B$17,14,0)+IF('Standard Profiles'!$G$21=$B$24,21,0),MOD($C8637,24)+1)/SUM(INDEX($D$3:$AA$30,INDEX(Jesper!$R$2:$R$366,ROW(INDEX(Jesper!AK$2:AK$366,ROUNDDOWN($C8637/24,0)+1,1))-1)+IF('Standard Profiles'!$G$21=$B$10,7,0)+IF('Standard Profiles'!$G$21=$B$17,14,0)+IF('Standard Profiles'!$G$21=$B$24,21,0),0)),0)</f>
        <v>0</v>
      </c>
      <c r="H8637" cm="1">
        <f t="array" ref="H8637">IFERROR(INDEX(Jesper!AL$2:AL$366,ROUNDDOWN($C8637/24,0)+1,1)*INDEX($D$3:$AA$30,INDEX(Jesper!$R$2:$R$366,ROW(INDEX(Jesper!AL$2:AL$366,ROUNDDOWN($C8637/24,0)+1,1))-1)+IF('Standard Profiles'!$G$22=$B$10,7,0)+IF('Standard Profiles'!$G$22=$B$17,14,0)+IF('Standard Profiles'!$G$22=$B$24,21,0),MOD($C8637,24)+1)/SUM(INDEX($D$3:$AA$30,INDEX(Jesper!$R$2:$R$366,ROW(INDEX(Jesper!AL$2:AL$366,ROUNDDOWN($C8637/24,0)+1,1))-1)+IF('Standard Profiles'!$G$22=$B$10,7,0)+IF('Standard Profiles'!$G$22=$B$17,14,0)+IF('Standard Profiles'!$G$22=$B$24,21,0),0)),0)</f>
        <v>0</v>
      </c>
      <c r="I8637">
        <f t="shared" si="958"/>
        <v>0.48143310223179553</v>
      </c>
      <c r="J8637">
        <f t="shared" si="959"/>
        <v>1.6047770074393186</v>
      </c>
      <c r="K8637">
        <f t="shared" si="960"/>
        <v>2.4071655111589778</v>
      </c>
      <c r="L8637">
        <f t="shared" si="961"/>
        <v>11.554394453563093</v>
      </c>
      <c r="M8637">
        <f t="shared" si="962"/>
        <v>0</v>
      </c>
      <c r="N8637" s="46">
        <f t="shared" si="963"/>
        <v>45650.458333312468</v>
      </c>
    </row>
    <row r="8638" spans="2:14" x14ac:dyDescent="0.3">
      <c r="B8638">
        <f t="shared" si="957"/>
        <v>2</v>
      </c>
      <c r="C8638" s="16">
        <v>8604</v>
      </c>
      <c r="D8638" cm="1">
        <f t="array" ref="D8638">IFERROR(INDEX(Jesper!AH$2:AH$366,ROUNDDOWN($C8638/24,0)+1,1)*INDEX($D$3:$AA$30,INDEX(Jesper!$R$2:$R$366,ROW(INDEX(Jesper!AH$2:AH$366,ROUNDDOWN($C8638/24,0)+1,1))-1)+IF('Standard Profiles'!$G$18=$B$10,7,0)+IF('Standard Profiles'!$G$18=$B$17,14,0)+IF('Standard Profiles'!$G$18=$B$24,21,0),MOD($C8638,24)+1)/SUM(INDEX($D$3:$AA$30,INDEX(Jesper!$R$2:$R$366,ROW(INDEX(Jesper!AH$2:AH$366,ROUNDDOWN($C8638/24,0)+1,1))-1)+IF('Standard Profiles'!$G$18=$B$10,7,0)+IF('Standard Profiles'!$G$18=$B$17,14,0)+IF('Standard Profiles'!$G$18=$B$24,21,0),0)),0)</f>
        <v>16.047770074393185</v>
      </c>
      <c r="E8638" cm="1">
        <f t="array" ref="E8638">IFERROR(INDEX(Jesper!AI$2:AI$366,ROUNDDOWN($C8638/24,0)+1,1)*INDEX($D$3:$AA$30,INDEX(Jesper!$R$2:$R$366,ROW(INDEX(Jesper!AI$2:AI$366,ROUNDDOWN($C8638/24,0)+1,1))-1)+IF('Standard Profiles'!$G$19=$B$10,7,0)+IF('Standard Profiles'!$G$19=$B$17,14,0)+IF('Standard Profiles'!$G$19=$B$24,21,0),MOD($C8638,24)+1)/SUM(INDEX($D$3:$AA$30,INDEX(Jesper!$R$2:$R$366,ROW(INDEX(Jesper!AI$2:AI$366,ROUNDDOWN($C8638/24,0)+1,1))-1)+IF('Standard Profiles'!$G$19=$B$10,7,0)+IF('Standard Profiles'!$G$19=$B$17,14,0)+IF('Standard Profiles'!$G$19=$B$24,21,0),0)),0)</f>
        <v>0</v>
      </c>
      <c r="F8638" cm="1">
        <f t="array" ref="F8638">IFERROR(INDEX(Jesper!AJ$2:AJ$366,ROUNDDOWN($C8638/24,0)+1,1)*INDEX($D$3:$AA$30,INDEX(Jesper!$R$2:$R$366,ROW(INDEX(Jesper!AJ$2:AJ$366,ROUNDDOWN($C8638/24,0)+1,1))-1)+IF('Standard Profiles'!$G$20=$B$10,7,0)+IF('Standard Profiles'!$G$20=$B$17,14,0)+IF('Standard Profiles'!$G$20=$B$24,21,0),MOD($C8638,24)+1)/SUM(INDEX($D$3:$AA$30,INDEX(Jesper!$R$2:$R$366,ROW(INDEX(Jesper!AJ$2:AJ$366,ROUNDDOWN($C8638/24,0)+1,1))-1)+IF('Standard Profiles'!$G$20=$B$10,7,0)+IF('Standard Profiles'!$G$20=$B$17,14,0)+IF('Standard Profiles'!$G$20=$B$24,21,0),0)),0)</f>
        <v>0</v>
      </c>
      <c r="G8638" cm="1">
        <f t="array" ref="G8638">IFERROR(INDEX(Jesper!AK$2:AK$366,ROUNDDOWN($C8638/24,0)+1,1)*INDEX($D$3:$AA$30,INDEX(Jesper!$R$2:$R$366,ROW(INDEX(Jesper!AK$2:AK$366,ROUNDDOWN($C8638/24,0)+1,1))-1)+IF('Standard Profiles'!$G$21=$B$10,7,0)+IF('Standard Profiles'!$G$21=$B$17,14,0)+IF('Standard Profiles'!$G$21=$B$24,21,0),MOD($C8638,24)+1)/SUM(INDEX($D$3:$AA$30,INDEX(Jesper!$R$2:$R$366,ROW(INDEX(Jesper!AK$2:AK$366,ROUNDDOWN($C8638/24,0)+1,1))-1)+IF('Standard Profiles'!$G$21=$B$10,7,0)+IF('Standard Profiles'!$G$21=$B$17,14,0)+IF('Standard Profiles'!$G$21=$B$24,21,0),0)),0)</f>
        <v>0</v>
      </c>
      <c r="H8638" cm="1">
        <f t="array" ref="H8638">IFERROR(INDEX(Jesper!AL$2:AL$366,ROUNDDOWN($C8638/24,0)+1,1)*INDEX($D$3:$AA$30,INDEX(Jesper!$R$2:$R$366,ROW(INDEX(Jesper!AL$2:AL$366,ROUNDDOWN($C8638/24,0)+1,1))-1)+IF('Standard Profiles'!$G$22=$B$10,7,0)+IF('Standard Profiles'!$G$22=$B$17,14,0)+IF('Standard Profiles'!$G$22=$B$24,21,0),MOD($C8638,24)+1)/SUM(INDEX($D$3:$AA$30,INDEX(Jesper!$R$2:$R$366,ROW(INDEX(Jesper!AL$2:AL$366,ROUNDDOWN($C8638/24,0)+1,1))-1)+IF('Standard Profiles'!$G$22=$B$10,7,0)+IF('Standard Profiles'!$G$22=$B$17,14,0)+IF('Standard Profiles'!$G$22=$B$24,21,0),0)),0)</f>
        <v>0</v>
      </c>
      <c r="I8638">
        <f t="shared" si="958"/>
        <v>0.48143310223179553</v>
      </c>
      <c r="J8638">
        <f t="shared" si="959"/>
        <v>1.6047770074393186</v>
      </c>
      <c r="K8638">
        <f t="shared" si="960"/>
        <v>2.4071655111589778</v>
      </c>
      <c r="L8638">
        <f t="shared" si="961"/>
        <v>11.554394453563093</v>
      </c>
      <c r="M8638">
        <f t="shared" si="962"/>
        <v>0</v>
      </c>
      <c r="N8638" s="46">
        <f t="shared" si="963"/>
        <v>45650.499999979133</v>
      </c>
    </row>
    <row r="8639" spans="2:14" x14ac:dyDescent="0.3">
      <c r="B8639">
        <f t="shared" si="957"/>
        <v>2</v>
      </c>
      <c r="C8639" s="16">
        <v>8605</v>
      </c>
      <c r="D8639" cm="1">
        <f t="array" ref="D8639">IFERROR(INDEX(Jesper!AH$2:AH$366,ROUNDDOWN($C8639/24,0)+1,1)*INDEX($D$3:$AA$30,INDEX(Jesper!$R$2:$R$366,ROW(INDEX(Jesper!AH$2:AH$366,ROUNDDOWN($C8639/24,0)+1,1))-1)+IF('Standard Profiles'!$G$18=$B$10,7,0)+IF('Standard Profiles'!$G$18=$B$17,14,0)+IF('Standard Profiles'!$G$18=$B$24,21,0),MOD($C8639,24)+1)/SUM(INDEX($D$3:$AA$30,INDEX(Jesper!$R$2:$R$366,ROW(INDEX(Jesper!AH$2:AH$366,ROUNDDOWN($C8639/24,0)+1,1))-1)+IF('Standard Profiles'!$G$18=$B$10,7,0)+IF('Standard Profiles'!$G$18=$B$17,14,0)+IF('Standard Profiles'!$G$18=$B$24,21,0),0)),0)</f>
        <v>16.047770074393185</v>
      </c>
      <c r="E8639" cm="1">
        <f t="array" ref="E8639">IFERROR(INDEX(Jesper!AI$2:AI$366,ROUNDDOWN($C8639/24,0)+1,1)*INDEX($D$3:$AA$30,INDEX(Jesper!$R$2:$R$366,ROW(INDEX(Jesper!AI$2:AI$366,ROUNDDOWN($C8639/24,0)+1,1))-1)+IF('Standard Profiles'!$G$19=$B$10,7,0)+IF('Standard Profiles'!$G$19=$B$17,14,0)+IF('Standard Profiles'!$G$19=$B$24,21,0),MOD($C8639,24)+1)/SUM(INDEX($D$3:$AA$30,INDEX(Jesper!$R$2:$R$366,ROW(INDEX(Jesper!AI$2:AI$366,ROUNDDOWN($C8639/24,0)+1,1))-1)+IF('Standard Profiles'!$G$19=$B$10,7,0)+IF('Standard Profiles'!$G$19=$B$17,14,0)+IF('Standard Profiles'!$G$19=$B$24,21,0),0)),0)</f>
        <v>0</v>
      </c>
      <c r="F8639" cm="1">
        <f t="array" ref="F8639">IFERROR(INDEX(Jesper!AJ$2:AJ$366,ROUNDDOWN($C8639/24,0)+1,1)*INDEX($D$3:$AA$30,INDEX(Jesper!$R$2:$R$366,ROW(INDEX(Jesper!AJ$2:AJ$366,ROUNDDOWN($C8639/24,0)+1,1))-1)+IF('Standard Profiles'!$G$20=$B$10,7,0)+IF('Standard Profiles'!$G$20=$B$17,14,0)+IF('Standard Profiles'!$G$20=$B$24,21,0),MOD($C8639,24)+1)/SUM(INDEX($D$3:$AA$30,INDEX(Jesper!$R$2:$R$366,ROW(INDEX(Jesper!AJ$2:AJ$366,ROUNDDOWN($C8639/24,0)+1,1))-1)+IF('Standard Profiles'!$G$20=$B$10,7,0)+IF('Standard Profiles'!$G$20=$B$17,14,0)+IF('Standard Profiles'!$G$20=$B$24,21,0),0)),0)</f>
        <v>0</v>
      </c>
      <c r="G8639" cm="1">
        <f t="array" ref="G8639">IFERROR(INDEX(Jesper!AK$2:AK$366,ROUNDDOWN($C8639/24,0)+1,1)*INDEX($D$3:$AA$30,INDEX(Jesper!$R$2:$R$366,ROW(INDEX(Jesper!AK$2:AK$366,ROUNDDOWN($C8639/24,0)+1,1))-1)+IF('Standard Profiles'!$G$21=$B$10,7,0)+IF('Standard Profiles'!$G$21=$B$17,14,0)+IF('Standard Profiles'!$G$21=$B$24,21,0),MOD($C8639,24)+1)/SUM(INDEX($D$3:$AA$30,INDEX(Jesper!$R$2:$R$366,ROW(INDEX(Jesper!AK$2:AK$366,ROUNDDOWN($C8639/24,0)+1,1))-1)+IF('Standard Profiles'!$G$21=$B$10,7,0)+IF('Standard Profiles'!$G$21=$B$17,14,0)+IF('Standard Profiles'!$G$21=$B$24,21,0),0)),0)</f>
        <v>0</v>
      </c>
      <c r="H8639" cm="1">
        <f t="array" ref="H8639">IFERROR(INDEX(Jesper!AL$2:AL$366,ROUNDDOWN($C8639/24,0)+1,1)*INDEX($D$3:$AA$30,INDEX(Jesper!$R$2:$R$366,ROW(INDEX(Jesper!AL$2:AL$366,ROUNDDOWN($C8639/24,0)+1,1))-1)+IF('Standard Profiles'!$G$22=$B$10,7,0)+IF('Standard Profiles'!$G$22=$B$17,14,0)+IF('Standard Profiles'!$G$22=$B$24,21,0),MOD($C8639,24)+1)/SUM(INDEX($D$3:$AA$30,INDEX(Jesper!$R$2:$R$366,ROW(INDEX(Jesper!AL$2:AL$366,ROUNDDOWN($C8639/24,0)+1,1))-1)+IF('Standard Profiles'!$G$22=$B$10,7,0)+IF('Standard Profiles'!$G$22=$B$17,14,0)+IF('Standard Profiles'!$G$22=$B$24,21,0),0)),0)</f>
        <v>0</v>
      </c>
      <c r="I8639">
        <f t="shared" si="958"/>
        <v>0.48143310223179553</v>
      </c>
      <c r="J8639">
        <f t="shared" si="959"/>
        <v>1.6047770074393186</v>
      </c>
      <c r="K8639">
        <f t="shared" si="960"/>
        <v>2.4071655111589778</v>
      </c>
      <c r="L8639">
        <f t="shared" si="961"/>
        <v>11.554394453563093</v>
      </c>
      <c r="M8639">
        <f t="shared" si="962"/>
        <v>0</v>
      </c>
      <c r="N8639" s="46">
        <f t="shared" si="963"/>
        <v>45650.541666645797</v>
      </c>
    </row>
    <row r="8640" spans="2:14" x14ac:dyDescent="0.3">
      <c r="B8640">
        <f t="shared" si="957"/>
        <v>2</v>
      </c>
      <c r="C8640" s="16">
        <v>8606</v>
      </c>
      <c r="D8640" cm="1">
        <f t="array" ref="D8640">IFERROR(INDEX(Jesper!AH$2:AH$366,ROUNDDOWN($C8640/24,0)+1,1)*INDEX($D$3:$AA$30,INDEX(Jesper!$R$2:$R$366,ROW(INDEX(Jesper!AH$2:AH$366,ROUNDDOWN($C8640/24,0)+1,1))-1)+IF('Standard Profiles'!$G$18=$B$10,7,0)+IF('Standard Profiles'!$G$18=$B$17,14,0)+IF('Standard Profiles'!$G$18=$B$24,21,0),MOD($C8640,24)+1)/SUM(INDEX($D$3:$AA$30,INDEX(Jesper!$R$2:$R$366,ROW(INDEX(Jesper!AH$2:AH$366,ROUNDDOWN($C8640/24,0)+1,1))-1)+IF('Standard Profiles'!$G$18=$B$10,7,0)+IF('Standard Profiles'!$G$18=$B$17,14,0)+IF('Standard Profiles'!$G$18=$B$24,21,0),0)),0)</f>
        <v>16.047770074393185</v>
      </c>
      <c r="E8640" cm="1">
        <f t="array" ref="E8640">IFERROR(INDEX(Jesper!AI$2:AI$366,ROUNDDOWN($C8640/24,0)+1,1)*INDEX($D$3:$AA$30,INDEX(Jesper!$R$2:$R$366,ROW(INDEX(Jesper!AI$2:AI$366,ROUNDDOWN($C8640/24,0)+1,1))-1)+IF('Standard Profiles'!$G$19=$B$10,7,0)+IF('Standard Profiles'!$G$19=$B$17,14,0)+IF('Standard Profiles'!$G$19=$B$24,21,0),MOD($C8640,24)+1)/SUM(INDEX($D$3:$AA$30,INDEX(Jesper!$R$2:$R$366,ROW(INDEX(Jesper!AI$2:AI$366,ROUNDDOWN($C8640/24,0)+1,1))-1)+IF('Standard Profiles'!$G$19=$B$10,7,0)+IF('Standard Profiles'!$G$19=$B$17,14,0)+IF('Standard Profiles'!$G$19=$B$24,21,0),0)),0)</f>
        <v>0</v>
      </c>
      <c r="F8640" cm="1">
        <f t="array" ref="F8640">IFERROR(INDEX(Jesper!AJ$2:AJ$366,ROUNDDOWN($C8640/24,0)+1,1)*INDEX($D$3:$AA$30,INDEX(Jesper!$R$2:$R$366,ROW(INDEX(Jesper!AJ$2:AJ$366,ROUNDDOWN($C8640/24,0)+1,1))-1)+IF('Standard Profiles'!$G$20=$B$10,7,0)+IF('Standard Profiles'!$G$20=$B$17,14,0)+IF('Standard Profiles'!$G$20=$B$24,21,0),MOD($C8640,24)+1)/SUM(INDEX($D$3:$AA$30,INDEX(Jesper!$R$2:$R$366,ROW(INDEX(Jesper!AJ$2:AJ$366,ROUNDDOWN($C8640/24,0)+1,1))-1)+IF('Standard Profiles'!$G$20=$B$10,7,0)+IF('Standard Profiles'!$G$20=$B$17,14,0)+IF('Standard Profiles'!$G$20=$B$24,21,0),0)),0)</f>
        <v>0</v>
      </c>
      <c r="G8640" cm="1">
        <f t="array" ref="G8640">IFERROR(INDEX(Jesper!AK$2:AK$366,ROUNDDOWN($C8640/24,0)+1,1)*INDEX($D$3:$AA$30,INDEX(Jesper!$R$2:$R$366,ROW(INDEX(Jesper!AK$2:AK$366,ROUNDDOWN($C8640/24,0)+1,1))-1)+IF('Standard Profiles'!$G$21=$B$10,7,0)+IF('Standard Profiles'!$G$21=$B$17,14,0)+IF('Standard Profiles'!$G$21=$B$24,21,0),MOD($C8640,24)+1)/SUM(INDEX($D$3:$AA$30,INDEX(Jesper!$R$2:$R$366,ROW(INDEX(Jesper!AK$2:AK$366,ROUNDDOWN($C8640/24,0)+1,1))-1)+IF('Standard Profiles'!$G$21=$B$10,7,0)+IF('Standard Profiles'!$G$21=$B$17,14,0)+IF('Standard Profiles'!$G$21=$B$24,21,0),0)),0)</f>
        <v>0</v>
      </c>
      <c r="H8640" cm="1">
        <f t="array" ref="H8640">IFERROR(INDEX(Jesper!AL$2:AL$366,ROUNDDOWN($C8640/24,0)+1,1)*INDEX($D$3:$AA$30,INDEX(Jesper!$R$2:$R$366,ROW(INDEX(Jesper!AL$2:AL$366,ROUNDDOWN($C8640/24,0)+1,1))-1)+IF('Standard Profiles'!$G$22=$B$10,7,0)+IF('Standard Profiles'!$G$22=$B$17,14,0)+IF('Standard Profiles'!$G$22=$B$24,21,0),MOD($C8640,24)+1)/SUM(INDEX($D$3:$AA$30,INDEX(Jesper!$R$2:$R$366,ROW(INDEX(Jesper!AL$2:AL$366,ROUNDDOWN($C8640/24,0)+1,1))-1)+IF('Standard Profiles'!$G$22=$B$10,7,0)+IF('Standard Profiles'!$G$22=$B$17,14,0)+IF('Standard Profiles'!$G$22=$B$24,21,0),0)),0)</f>
        <v>0</v>
      </c>
      <c r="I8640">
        <f t="shared" si="958"/>
        <v>0.48143310223179553</v>
      </c>
      <c r="J8640">
        <f t="shared" si="959"/>
        <v>1.6047770074393186</v>
      </c>
      <c r="K8640">
        <f t="shared" si="960"/>
        <v>2.4071655111589778</v>
      </c>
      <c r="L8640">
        <f t="shared" si="961"/>
        <v>11.554394453563093</v>
      </c>
      <c r="M8640">
        <f t="shared" si="962"/>
        <v>0</v>
      </c>
      <c r="N8640" s="46">
        <f t="shared" si="963"/>
        <v>45650.583333312461</v>
      </c>
    </row>
    <row r="8641" spans="2:14" x14ac:dyDescent="0.3">
      <c r="B8641">
        <f t="shared" si="957"/>
        <v>2</v>
      </c>
      <c r="C8641" s="16">
        <v>8607</v>
      </c>
      <c r="D8641" cm="1">
        <f t="array" ref="D8641">IFERROR(INDEX(Jesper!AH$2:AH$366,ROUNDDOWN($C8641/24,0)+1,1)*INDEX($D$3:$AA$30,INDEX(Jesper!$R$2:$R$366,ROW(INDEX(Jesper!AH$2:AH$366,ROUNDDOWN($C8641/24,0)+1,1))-1)+IF('Standard Profiles'!$G$18=$B$10,7,0)+IF('Standard Profiles'!$G$18=$B$17,14,0)+IF('Standard Profiles'!$G$18=$B$24,21,0),MOD($C8641,24)+1)/SUM(INDEX($D$3:$AA$30,INDEX(Jesper!$R$2:$R$366,ROW(INDEX(Jesper!AH$2:AH$366,ROUNDDOWN($C8641/24,0)+1,1))-1)+IF('Standard Profiles'!$G$18=$B$10,7,0)+IF('Standard Profiles'!$G$18=$B$17,14,0)+IF('Standard Profiles'!$G$18=$B$24,21,0),0)),0)</f>
        <v>16.047770074393185</v>
      </c>
      <c r="E8641" cm="1">
        <f t="array" ref="E8641">IFERROR(INDEX(Jesper!AI$2:AI$366,ROUNDDOWN($C8641/24,0)+1,1)*INDEX($D$3:$AA$30,INDEX(Jesper!$R$2:$R$366,ROW(INDEX(Jesper!AI$2:AI$366,ROUNDDOWN($C8641/24,0)+1,1))-1)+IF('Standard Profiles'!$G$19=$B$10,7,0)+IF('Standard Profiles'!$G$19=$B$17,14,0)+IF('Standard Profiles'!$G$19=$B$24,21,0),MOD($C8641,24)+1)/SUM(INDEX($D$3:$AA$30,INDEX(Jesper!$R$2:$R$366,ROW(INDEX(Jesper!AI$2:AI$366,ROUNDDOWN($C8641/24,0)+1,1))-1)+IF('Standard Profiles'!$G$19=$B$10,7,0)+IF('Standard Profiles'!$G$19=$B$17,14,0)+IF('Standard Profiles'!$G$19=$B$24,21,0),0)),0)</f>
        <v>0</v>
      </c>
      <c r="F8641" cm="1">
        <f t="array" ref="F8641">IFERROR(INDEX(Jesper!AJ$2:AJ$366,ROUNDDOWN($C8641/24,0)+1,1)*INDEX($D$3:$AA$30,INDEX(Jesper!$R$2:$R$366,ROW(INDEX(Jesper!AJ$2:AJ$366,ROUNDDOWN($C8641/24,0)+1,1))-1)+IF('Standard Profiles'!$G$20=$B$10,7,0)+IF('Standard Profiles'!$G$20=$B$17,14,0)+IF('Standard Profiles'!$G$20=$B$24,21,0),MOD($C8641,24)+1)/SUM(INDEX($D$3:$AA$30,INDEX(Jesper!$R$2:$R$366,ROW(INDEX(Jesper!AJ$2:AJ$366,ROUNDDOWN($C8641/24,0)+1,1))-1)+IF('Standard Profiles'!$G$20=$B$10,7,0)+IF('Standard Profiles'!$G$20=$B$17,14,0)+IF('Standard Profiles'!$G$20=$B$24,21,0),0)),0)</f>
        <v>0</v>
      </c>
      <c r="G8641" cm="1">
        <f t="array" ref="G8641">IFERROR(INDEX(Jesper!AK$2:AK$366,ROUNDDOWN($C8641/24,0)+1,1)*INDEX($D$3:$AA$30,INDEX(Jesper!$R$2:$R$366,ROW(INDEX(Jesper!AK$2:AK$366,ROUNDDOWN($C8641/24,0)+1,1))-1)+IF('Standard Profiles'!$G$21=$B$10,7,0)+IF('Standard Profiles'!$G$21=$B$17,14,0)+IF('Standard Profiles'!$G$21=$B$24,21,0),MOD($C8641,24)+1)/SUM(INDEX($D$3:$AA$30,INDEX(Jesper!$R$2:$R$366,ROW(INDEX(Jesper!AK$2:AK$366,ROUNDDOWN($C8641/24,0)+1,1))-1)+IF('Standard Profiles'!$G$21=$B$10,7,0)+IF('Standard Profiles'!$G$21=$B$17,14,0)+IF('Standard Profiles'!$G$21=$B$24,21,0),0)),0)</f>
        <v>0</v>
      </c>
      <c r="H8641" cm="1">
        <f t="array" ref="H8641">IFERROR(INDEX(Jesper!AL$2:AL$366,ROUNDDOWN($C8641/24,0)+1,1)*INDEX($D$3:$AA$30,INDEX(Jesper!$R$2:$R$366,ROW(INDEX(Jesper!AL$2:AL$366,ROUNDDOWN($C8641/24,0)+1,1))-1)+IF('Standard Profiles'!$G$22=$B$10,7,0)+IF('Standard Profiles'!$G$22=$B$17,14,0)+IF('Standard Profiles'!$G$22=$B$24,21,0),MOD($C8641,24)+1)/SUM(INDEX($D$3:$AA$30,INDEX(Jesper!$R$2:$R$366,ROW(INDEX(Jesper!AL$2:AL$366,ROUNDDOWN($C8641/24,0)+1,1))-1)+IF('Standard Profiles'!$G$22=$B$10,7,0)+IF('Standard Profiles'!$G$22=$B$17,14,0)+IF('Standard Profiles'!$G$22=$B$24,21,0),0)),0)</f>
        <v>0</v>
      </c>
      <c r="I8641">
        <f t="shared" si="958"/>
        <v>0.48143310223179553</v>
      </c>
      <c r="J8641">
        <f t="shared" si="959"/>
        <v>1.6047770074393186</v>
      </c>
      <c r="K8641">
        <f t="shared" si="960"/>
        <v>2.4071655111589778</v>
      </c>
      <c r="L8641">
        <f t="shared" si="961"/>
        <v>11.554394453563093</v>
      </c>
      <c r="M8641">
        <f t="shared" si="962"/>
        <v>0</v>
      </c>
      <c r="N8641" s="46">
        <f t="shared" si="963"/>
        <v>45650.624999979125</v>
      </c>
    </row>
    <row r="8642" spans="2:14" x14ac:dyDescent="0.3">
      <c r="B8642">
        <f t="shared" si="957"/>
        <v>2</v>
      </c>
      <c r="C8642" s="16">
        <v>8608</v>
      </c>
      <c r="D8642" cm="1">
        <f t="array" ref="D8642">IFERROR(INDEX(Jesper!AH$2:AH$366,ROUNDDOWN($C8642/24,0)+1,1)*INDEX($D$3:$AA$30,INDEX(Jesper!$R$2:$R$366,ROW(INDEX(Jesper!AH$2:AH$366,ROUNDDOWN($C8642/24,0)+1,1))-1)+IF('Standard Profiles'!$G$18=$B$10,7,0)+IF('Standard Profiles'!$G$18=$B$17,14,0)+IF('Standard Profiles'!$G$18=$B$24,21,0),MOD($C8642,24)+1)/SUM(INDEX($D$3:$AA$30,INDEX(Jesper!$R$2:$R$366,ROW(INDEX(Jesper!AH$2:AH$366,ROUNDDOWN($C8642/24,0)+1,1))-1)+IF('Standard Profiles'!$G$18=$B$10,7,0)+IF('Standard Profiles'!$G$18=$B$17,14,0)+IF('Standard Profiles'!$G$18=$B$24,21,0),0)),0)</f>
        <v>16.047770074393185</v>
      </c>
      <c r="E8642" cm="1">
        <f t="array" ref="E8642">IFERROR(INDEX(Jesper!AI$2:AI$366,ROUNDDOWN($C8642/24,0)+1,1)*INDEX($D$3:$AA$30,INDEX(Jesper!$R$2:$R$366,ROW(INDEX(Jesper!AI$2:AI$366,ROUNDDOWN($C8642/24,0)+1,1))-1)+IF('Standard Profiles'!$G$19=$B$10,7,0)+IF('Standard Profiles'!$G$19=$B$17,14,0)+IF('Standard Profiles'!$G$19=$B$24,21,0),MOD($C8642,24)+1)/SUM(INDEX($D$3:$AA$30,INDEX(Jesper!$R$2:$R$366,ROW(INDEX(Jesper!AI$2:AI$366,ROUNDDOWN($C8642/24,0)+1,1))-1)+IF('Standard Profiles'!$G$19=$B$10,7,0)+IF('Standard Profiles'!$G$19=$B$17,14,0)+IF('Standard Profiles'!$G$19=$B$24,21,0),0)),0)</f>
        <v>0</v>
      </c>
      <c r="F8642" cm="1">
        <f t="array" ref="F8642">IFERROR(INDEX(Jesper!AJ$2:AJ$366,ROUNDDOWN($C8642/24,0)+1,1)*INDEX($D$3:$AA$30,INDEX(Jesper!$R$2:$R$366,ROW(INDEX(Jesper!AJ$2:AJ$366,ROUNDDOWN($C8642/24,0)+1,1))-1)+IF('Standard Profiles'!$G$20=$B$10,7,0)+IF('Standard Profiles'!$G$20=$B$17,14,0)+IF('Standard Profiles'!$G$20=$B$24,21,0),MOD($C8642,24)+1)/SUM(INDEX($D$3:$AA$30,INDEX(Jesper!$R$2:$R$366,ROW(INDEX(Jesper!AJ$2:AJ$366,ROUNDDOWN($C8642/24,0)+1,1))-1)+IF('Standard Profiles'!$G$20=$B$10,7,0)+IF('Standard Profiles'!$G$20=$B$17,14,0)+IF('Standard Profiles'!$G$20=$B$24,21,0),0)),0)</f>
        <v>0</v>
      </c>
      <c r="G8642" cm="1">
        <f t="array" ref="G8642">IFERROR(INDEX(Jesper!AK$2:AK$366,ROUNDDOWN($C8642/24,0)+1,1)*INDEX($D$3:$AA$30,INDEX(Jesper!$R$2:$R$366,ROW(INDEX(Jesper!AK$2:AK$366,ROUNDDOWN($C8642/24,0)+1,1))-1)+IF('Standard Profiles'!$G$21=$B$10,7,0)+IF('Standard Profiles'!$G$21=$B$17,14,0)+IF('Standard Profiles'!$G$21=$B$24,21,0),MOD($C8642,24)+1)/SUM(INDEX($D$3:$AA$30,INDEX(Jesper!$R$2:$R$366,ROW(INDEX(Jesper!AK$2:AK$366,ROUNDDOWN($C8642/24,0)+1,1))-1)+IF('Standard Profiles'!$G$21=$B$10,7,0)+IF('Standard Profiles'!$G$21=$B$17,14,0)+IF('Standard Profiles'!$G$21=$B$24,21,0),0)),0)</f>
        <v>0</v>
      </c>
      <c r="H8642" cm="1">
        <f t="array" ref="H8642">IFERROR(INDEX(Jesper!AL$2:AL$366,ROUNDDOWN($C8642/24,0)+1,1)*INDEX($D$3:$AA$30,INDEX(Jesper!$R$2:$R$366,ROW(INDEX(Jesper!AL$2:AL$366,ROUNDDOWN($C8642/24,0)+1,1))-1)+IF('Standard Profiles'!$G$22=$B$10,7,0)+IF('Standard Profiles'!$G$22=$B$17,14,0)+IF('Standard Profiles'!$G$22=$B$24,21,0),MOD($C8642,24)+1)/SUM(INDEX($D$3:$AA$30,INDEX(Jesper!$R$2:$R$366,ROW(INDEX(Jesper!AL$2:AL$366,ROUNDDOWN($C8642/24,0)+1,1))-1)+IF('Standard Profiles'!$G$22=$B$10,7,0)+IF('Standard Profiles'!$G$22=$B$17,14,0)+IF('Standard Profiles'!$G$22=$B$24,21,0),0)),0)</f>
        <v>0</v>
      </c>
      <c r="I8642">
        <f t="shared" si="958"/>
        <v>0.48143310223179553</v>
      </c>
      <c r="J8642">
        <f t="shared" si="959"/>
        <v>1.6047770074393186</v>
      </c>
      <c r="K8642">
        <f t="shared" si="960"/>
        <v>2.4071655111589778</v>
      </c>
      <c r="L8642">
        <f t="shared" si="961"/>
        <v>11.554394453563093</v>
      </c>
      <c r="M8642">
        <f t="shared" si="962"/>
        <v>0</v>
      </c>
      <c r="N8642" s="46">
        <f t="shared" si="963"/>
        <v>45650.66666664579</v>
      </c>
    </row>
    <row r="8643" spans="2:14" x14ac:dyDescent="0.3">
      <c r="B8643">
        <f t="shared" si="957"/>
        <v>2</v>
      </c>
      <c r="C8643" s="16">
        <v>8609</v>
      </c>
      <c r="D8643" cm="1">
        <f t="array" ref="D8643">IFERROR(INDEX(Jesper!AH$2:AH$366,ROUNDDOWN($C8643/24,0)+1,1)*INDEX($D$3:$AA$30,INDEX(Jesper!$R$2:$R$366,ROW(INDEX(Jesper!AH$2:AH$366,ROUNDDOWN($C8643/24,0)+1,1))-1)+IF('Standard Profiles'!$G$18=$B$10,7,0)+IF('Standard Profiles'!$G$18=$B$17,14,0)+IF('Standard Profiles'!$G$18=$B$24,21,0),MOD($C8643,24)+1)/SUM(INDEX($D$3:$AA$30,INDEX(Jesper!$R$2:$R$366,ROW(INDEX(Jesper!AH$2:AH$366,ROUNDDOWN($C8643/24,0)+1,1))-1)+IF('Standard Profiles'!$G$18=$B$10,7,0)+IF('Standard Profiles'!$G$18=$B$17,14,0)+IF('Standard Profiles'!$G$18=$B$24,21,0),0)),0)</f>
        <v>16.047770074393185</v>
      </c>
      <c r="E8643" cm="1">
        <f t="array" ref="E8643">IFERROR(INDEX(Jesper!AI$2:AI$366,ROUNDDOWN($C8643/24,0)+1,1)*INDEX($D$3:$AA$30,INDEX(Jesper!$R$2:$R$366,ROW(INDEX(Jesper!AI$2:AI$366,ROUNDDOWN($C8643/24,0)+1,1))-1)+IF('Standard Profiles'!$G$19=$B$10,7,0)+IF('Standard Profiles'!$G$19=$B$17,14,0)+IF('Standard Profiles'!$G$19=$B$24,21,0),MOD($C8643,24)+1)/SUM(INDEX($D$3:$AA$30,INDEX(Jesper!$R$2:$R$366,ROW(INDEX(Jesper!AI$2:AI$366,ROUNDDOWN($C8643/24,0)+1,1))-1)+IF('Standard Profiles'!$G$19=$B$10,7,0)+IF('Standard Profiles'!$G$19=$B$17,14,0)+IF('Standard Profiles'!$G$19=$B$24,21,0),0)),0)</f>
        <v>0</v>
      </c>
      <c r="F8643" cm="1">
        <f t="array" ref="F8643">IFERROR(INDEX(Jesper!AJ$2:AJ$366,ROUNDDOWN($C8643/24,0)+1,1)*INDEX($D$3:$AA$30,INDEX(Jesper!$R$2:$R$366,ROW(INDEX(Jesper!AJ$2:AJ$366,ROUNDDOWN($C8643/24,0)+1,1))-1)+IF('Standard Profiles'!$G$20=$B$10,7,0)+IF('Standard Profiles'!$G$20=$B$17,14,0)+IF('Standard Profiles'!$G$20=$B$24,21,0),MOD($C8643,24)+1)/SUM(INDEX($D$3:$AA$30,INDEX(Jesper!$R$2:$R$366,ROW(INDEX(Jesper!AJ$2:AJ$366,ROUNDDOWN($C8643/24,0)+1,1))-1)+IF('Standard Profiles'!$G$20=$B$10,7,0)+IF('Standard Profiles'!$G$20=$B$17,14,0)+IF('Standard Profiles'!$G$20=$B$24,21,0),0)),0)</f>
        <v>0</v>
      </c>
      <c r="G8643" cm="1">
        <f t="array" ref="G8643">IFERROR(INDEX(Jesper!AK$2:AK$366,ROUNDDOWN($C8643/24,0)+1,1)*INDEX($D$3:$AA$30,INDEX(Jesper!$R$2:$R$366,ROW(INDEX(Jesper!AK$2:AK$366,ROUNDDOWN($C8643/24,0)+1,1))-1)+IF('Standard Profiles'!$G$21=$B$10,7,0)+IF('Standard Profiles'!$G$21=$B$17,14,0)+IF('Standard Profiles'!$G$21=$B$24,21,0),MOD($C8643,24)+1)/SUM(INDEX($D$3:$AA$30,INDEX(Jesper!$R$2:$R$366,ROW(INDEX(Jesper!AK$2:AK$366,ROUNDDOWN($C8643/24,0)+1,1))-1)+IF('Standard Profiles'!$G$21=$B$10,7,0)+IF('Standard Profiles'!$G$21=$B$17,14,0)+IF('Standard Profiles'!$G$21=$B$24,21,0),0)),0)</f>
        <v>0</v>
      </c>
      <c r="H8643" cm="1">
        <f t="array" ref="H8643">IFERROR(INDEX(Jesper!AL$2:AL$366,ROUNDDOWN($C8643/24,0)+1,1)*INDEX($D$3:$AA$30,INDEX(Jesper!$R$2:$R$366,ROW(INDEX(Jesper!AL$2:AL$366,ROUNDDOWN($C8643/24,0)+1,1))-1)+IF('Standard Profiles'!$G$22=$B$10,7,0)+IF('Standard Profiles'!$G$22=$B$17,14,0)+IF('Standard Profiles'!$G$22=$B$24,21,0),MOD($C8643,24)+1)/SUM(INDEX($D$3:$AA$30,INDEX(Jesper!$R$2:$R$366,ROW(INDEX(Jesper!AL$2:AL$366,ROUNDDOWN($C8643/24,0)+1,1))-1)+IF('Standard Profiles'!$G$22=$B$10,7,0)+IF('Standard Profiles'!$G$22=$B$17,14,0)+IF('Standard Profiles'!$G$22=$B$24,21,0),0)),0)</f>
        <v>0</v>
      </c>
      <c r="I8643">
        <f t="shared" si="958"/>
        <v>0.48143310223179553</v>
      </c>
      <c r="J8643">
        <f t="shared" si="959"/>
        <v>1.6047770074393186</v>
      </c>
      <c r="K8643">
        <f t="shared" si="960"/>
        <v>2.4071655111589778</v>
      </c>
      <c r="L8643">
        <f t="shared" si="961"/>
        <v>11.554394453563093</v>
      </c>
      <c r="M8643">
        <f t="shared" si="962"/>
        <v>0</v>
      </c>
      <c r="N8643" s="46">
        <f t="shared" si="963"/>
        <v>45650.708333312454</v>
      </c>
    </row>
    <row r="8644" spans="2:14" x14ac:dyDescent="0.3">
      <c r="B8644">
        <f t="shared" si="957"/>
        <v>2</v>
      </c>
      <c r="C8644" s="16">
        <v>8610</v>
      </c>
      <c r="D8644" cm="1">
        <f t="array" ref="D8644">IFERROR(INDEX(Jesper!AH$2:AH$366,ROUNDDOWN($C8644/24,0)+1,1)*INDEX($D$3:$AA$30,INDEX(Jesper!$R$2:$R$366,ROW(INDEX(Jesper!AH$2:AH$366,ROUNDDOWN($C8644/24,0)+1,1))-1)+IF('Standard Profiles'!$G$18=$B$10,7,0)+IF('Standard Profiles'!$G$18=$B$17,14,0)+IF('Standard Profiles'!$G$18=$B$24,21,0),MOD($C8644,24)+1)/SUM(INDEX($D$3:$AA$30,INDEX(Jesper!$R$2:$R$366,ROW(INDEX(Jesper!AH$2:AH$366,ROUNDDOWN($C8644/24,0)+1,1))-1)+IF('Standard Profiles'!$G$18=$B$10,7,0)+IF('Standard Profiles'!$G$18=$B$17,14,0)+IF('Standard Profiles'!$G$18=$B$24,21,0),0)),0)</f>
        <v>16.047770074393185</v>
      </c>
      <c r="E8644" cm="1">
        <f t="array" ref="E8644">IFERROR(INDEX(Jesper!AI$2:AI$366,ROUNDDOWN($C8644/24,0)+1,1)*INDEX($D$3:$AA$30,INDEX(Jesper!$R$2:$R$366,ROW(INDEX(Jesper!AI$2:AI$366,ROUNDDOWN($C8644/24,0)+1,1))-1)+IF('Standard Profiles'!$G$19=$B$10,7,0)+IF('Standard Profiles'!$G$19=$B$17,14,0)+IF('Standard Profiles'!$G$19=$B$24,21,0),MOD($C8644,24)+1)/SUM(INDEX($D$3:$AA$30,INDEX(Jesper!$R$2:$R$366,ROW(INDEX(Jesper!AI$2:AI$366,ROUNDDOWN($C8644/24,0)+1,1))-1)+IF('Standard Profiles'!$G$19=$B$10,7,0)+IF('Standard Profiles'!$G$19=$B$17,14,0)+IF('Standard Profiles'!$G$19=$B$24,21,0),0)),0)</f>
        <v>0</v>
      </c>
      <c r="F8644" cm="1">
        <f t="array" ref="F8644">IFERROR(INDEX(Jesper!AJ$2:AJ$366,ROUNDDOWN($C8644/24,0)+1,1)*INDEX($D$3:$AA$30,INDEX(Jesper!$R$2:$R$366,ROW(INDEX(Jesper!AJ$2:AJ$366,ROUNDDOWN($C8644/24,0)+1,1))-1)+IF('Standard Profiles'!$G$20=$B$10,7,0)+IF('Standard Profiles'!$G$20=$B$17,14,0)+IF('Standard Profiles'!$G$20=$B$24,21,0),MOD($C8644,24)+1)/SUM(INDEX($D$3:$AA$30,INDEX(Jesper!$R$2:$R$366,ROW(INDEX(Jesper!AJ$2:AJ$366,ROUNDDOWN($C8644/24,0)+1,1))-1)+IF('Standard Profiles'!$G$20=$B$10,7,0)+IF('Standard Profiles'!$G$20=$B$17,14,0)+IF('Standard Profiles'!$G$20=$B$24,21,0),0)),0)</f>
        <v>0</v>
      </c>
      <c r="G8644" cm="1">
        <f t="array" ref="G8644">IFERROR(INDEX(Jesper!AK$2:AK$366,ROUNDDOWN($C8644/24,0)+1,1)*INDEX($D$3:$AA$30,INDEX(Jesper!$R$2:$R$366,ROW(INDEX(Jesper!AK$2:AK$366,ROUNDDOWN($C8644/24,0)+1,1))-1)+IF('Standard Profiles'!$G$21=$B$10,7,0)+IF('Standard Profiles'!$G$21=$B$17,14,0)+IF('Standard Profiles'!$G$21=$B$24,21,0),MOD($C8644,24)+1)/SUM(INDEX($D$3:$AA$30,INDEX(Jesper!$R$2:$R$366,ROW(INDEX(Jesper!AK$2:AK$366,ROUNDDOWN($C8644/24,0)+1,1))-1)+IF('Standard Profiles'!$G$21=$B$10,7,0)+IF('Standard Profiles'!$G$21=$B$17,14,0)+IF('Standard Profiles'!$G$21=$B$24,21,0),0)),0)</f>
        <v>0</v>
      </c>
      <c r="H8644" cm="1">
        <f t="array" ref="H8644">IFERROR(INDEX(Jesper!AL$2:AL$366,ROUNDDOWN($C8644/24,0)+1,1)*INDEX($D$3:$AA$30,INDEX(Jesper!$R$2:$R$366,ROW(INDEX(Jesper!AL$2:AL$366,ROUNDDOWN($C8644/24,0)+1,1))-1)+IF('Standard Profiles'!$G$22=$B$10,7,0)+IF('Standard Profiles'!$G$22=$B$17,14,0)+IF('Standard Profiles'!$G$22=$B$24,21,0),MOD($C8644,24)+1)/SUM(INDEX($D$3:$AA$30,INDEX(Jesper!$R$2:$R$366,ROW(INDEX(Jesper!AL$2:AL$366,ROUNDDOWN($C8644/24,0)+1,1))-1)+IF('Standard Profiles'!$G$22=$B$10,7,0)+IF('Standard Profiles'!$G$22=$B$17,14,0)+IF('Standard Profiles'!$G$22=$B$24,21,0),0)),0)</f>
        <v>0</v>
      </c>
      <c r="I8644">
        <f t="shared" si="958"/>
        <v>0.48143310223179553</v>
      </c>
      <c r="J8644">
        <f t="shared" si="959"/>
        <v>1.6047770074393186</v>
      </c>
      <c r="K8644">
        <f t="shared" si="960"/>
        <v>2.4071655111589778</v>
      </c>
      <c r="L8644">
        <f t="shared" si="961"/>
        <v>11.554394453563093</v>
      </c>
      <c r="M8644">
        <f t="shared" si="962"/>
        <v>0</v>
      </c>
      <c r="N8644" s="46">
        <f t="shared" si="963"/>
        <v>45650.749999979118</v>
      </c>
    </row>
    <row r="8645" spans="2:14" x14ac:dyDescent="0.3">
      <c r="B8645">
        <f t="shared" si="957"/>
        <v>2</v>
      </c>
      <c r="C8645" s="16">
        <v>8611</v>
      </c>
      <c r="D8645" cm="1">
        <f t="array" ref="D8645">IFERROR(INDEX(Jesper!AH$2:AH$366,ROUNDDOWN($C8645/24,0)+1,1)*INDEX($D$3:$AA$30,INDEX(Jesper!$R$2:$R$366,ROW(INDEX(Jesper!AH$2:AH$366,ROUNDDOWN($C8645/24,0)+1,1))-1)+IF('Standard Profiles'!$G$18=$B$10,7,0)+IF('Standard Profiles'!$G$18=$B$17,14,0)+IF('Standard Profiles'!$G$18=$B$24,21,0),MOD($C8645,24)+1)/SUM(INDEX($D$3:$AA$30,INDEX(Jesper!$R$2:$R$366,ROW(INDEX(Jesper!AH$2:AH$366,ROUNDDOWN($C8645/24,0)+1,1))-1)+IF('Standard Profiles'!$G$18=$B$10,7,0)+IF('Standard Profiles'!$G$18=$B$17,14,0)+IF('Standard Profiles'!$G$18=$B$24,21,0),0)),0)</f>
        <v>13.440007437304294</v>
      </c>
      <c r="E8645" cm="1">
        <f t="array" ref="E8645">IFERROR(INDEX(Jesper!AI$2:AI$366,ROUNDDOWN($C8645/24,0)+1,1)*INDEX($D$3:$AA$30,INDEX(Jesper!$R$2:$R$366,ROW(INDEX(Jesper!AI$2:AI$366,ROUNDDOWN($C8645/24,0)+1,1))-1)+IF('Standard Profiles'!$G$19=$B$10,7,0)+IF('Standard Profiles'!$G$19=$B$17,14,0)+IF('Standard Profiles'!$G$19=$B$24,21,0),MOD($C8645,24)+1)/SUM(INDEX($D$3:$AA$30,INDEX(Jesper!$R$2:$R$366,ROW(INDEX(Jesper!AI$2:AI$366,ROUNDDOWN($C8645/24,0)+1,1))-1)+IF('Standard Profiles'!$G$19=$B$10,7,0)+IF('Standard Profiles'!$G$19=$B$17,14,0)+IF('Standard Profiles'!$G$19=$B$24,21,0),0)),0)</f>
        <v>0</v>
      </c>
      <c r="F8645" cm="1">
        <f t="array" ref="F8645">IFERROR(INDEX(Jesper!AJ$2:AJ$366,ROUNDDOWN($C8645/24,0)+1,1)*INDEX($D$3:$AA$30,INDEX(Jesper!$R$2:$R$366,ROW(INDEX(Jesper!AJ$2:AJ$366,ROUNDDOWN($C8645/24,0)+1,1))-1)+IF('Standard Profiles'!$G$20=$B$10,7,0)+IF('Standard Profiles'!$G$20=$B$17,14,0)+IF('Standard Profiles'!$G$20=$B$24,21,0),MOD($C8645,24)+1)/SUM(INDEX($D$3:$AA$30,INDEX(Jesper!$R$2:$R$366,ROW(INDEX(Jesper!AJ$2:AJ$366,ROUNDDOWN($C8645/24,0)+1,1))-1)+IF('Standard Profiles'!$G$20=$B$10,7,0)+IF('Standard Profiles'!$G$20=$B$17,14,0)+IF('Standard Profiles'!$G$20=$B$24,21,0),0)),0)</f>
        <v>0</v>
      </c>
      <c r="G8645" cm="1">
        <f t="array" ref="G8645">IFERROR(INDEX(Jesper!AK$2:AK$366,ROUNDDOWN($C8645/24,0)+1,1)*INDEX($D$3:$AA$30,INDEX(Jesper!$R$2:$R$366,ROW(INDEX(Jesper!AK$2:AK$366,ROUNDDOWN($C8645/24,0)+1,1))-1)+IF('Standard Profiles'!$G$21=$B$10,7,0)+IF('Standard Profiles'!$G$21=$B$17,14,0)+IF('Standard Profiles'!$G$21=$B$24,21,0),MOD($C8645,24)+1)/SUM(INDEX($D$3:$AA$30,INDEX(Jesper!$R$2:$R$366,ROW(INDEX(Jesper!AK$2:AK$366,ROUNDDOWN($C8645/24,0)+1,1))-1)+IF('Standard Profiles'!$G$21=$B$10,7,0)+IF('Standard Profiles'!$G$21=$B$17,14,0)+IF('Standard Profiles'!$G$21=$B$24,21,0),0)),0)</f>
        <v>0</v>
      </c>
      <c r="H8645" cm="1">
        <f t="array" ref="H8645">IFERROR(INDEX(Jesper!AL$2:AL$366,ROUNDDOWN($C8645/24,0)+1,1)*INDEX($D$3:$AA$30,INDEX(Jesper!$R$2:$R$366,ROW(INDEX(Jesper!AL$2:AL$366,ROUNDDOWN($C8645/24,0)+1,1))-1)+IF('Standard Profiles'!$G$22=$B$10,7,0)+IF('Standard Profiles'!$G$22=$B$17,14,0)+IF('Standard Profiles'!$G$22=$B$24,21,0),MOD($C8645,24)+1)/SUM(INDEX($D$3:$AA$30,INDEX(Jesper!$R$2:$R$366,ROW(INDEX(Jesper!AL$2:AL$366,ROUNDDOWN($C8645/24,0)+1,1))-1)+IF('Standard Profiles'!$G$22=$B$10,7,0)+IF('Standard Profiles'!$G$22=$B$17,14,0)+IF('Standard Profiles'!$G$22=$B$24,21,0),0)),0)</f>
        <v>0</v>
      </c>
      <c r="I8645">
        <f t="shared" si="958"/>
        <v>0.40320022311912879</v>
      </c>
      <c r="J8645">
        <f t="shared" si="959"/>
        <v>1.3440007437304295</v>
      </c>
      <c r="K8645">
        <f t="shared" si="960"/>
        <v>2.0160011155956439</v>
      </c>
      <c r="L8645">
        <f t="shared" si="961"/>
        <v>9.6768053548590913</v>
      </c>
      <c r="M8645">
        <f t="shared" si="962"/>
        <v>0</v>
      </c>
      <c r="N8645" s="46">
        <f t="shared" si="963"/>
        <v>45650.791666645782</v>
      </c>
    </row>
    <row r="8646" spans="2:14" x14ac:dyDescent="0.3">
      <c r="B8646">
        <f t="shared" si="957"/>
        <v>2</v>
      </c>
      <c r="C8646" s="16">
        <v>8612</v>
      </c>
      <c r="D8646" cm="1">
        <f t="array" ref="D8646">IFERROR(INDEX(Jesper!AH$2:AH$366,ROUNDDOWN($C8646/24,0)+1,1)*INDEX($D$3:$AA$30,INDEX(Jesper!$R$2:$R$366,ROW(INDEX(Jesper!AH$2:AH$366,ROUNDDOWN($C8646/24,0)+1,1))-1)+IF('Standard Profiles'!$G$18=$B$10,7,0)+IF('Standard Profiles'!$G$18=$B$17,14,0)+IF('Standard Profiles'!$G$18=$B$24,21,0),MOD($C8646,24)+1)/SUM(INDEX($D$3:$AA$30,INDEX(Jesper!$R$2:$R$366,ROW(INDEX(Jesper!AH$2:AH$366,ROUNDDOWN($C8646/24,0)+1,1))-1)+IF('Standard Profiles'!$G$18=$B$10,7,0)+IF('Standard Profiles'!$G$18=$B$17,14,0)+IF('Standard Profiles'!$G$18=$B$24,21,0),0)),0)</f>
        <v>11.032841926145315</v>
      </c>
      <c r="E8646" cm="1">
        <f t="array" ref="E8646">IFERROR(INDEX(Jesper!AI$2:AI$366,ROUNDDOWN($C8646/24,0)+1,1)*INDEX($D$3:$AA$30,INDEX(Jesper!$R$2:$R$366,ROW(INDEX(Jesper!AI$2:AI$366,ROUNDDOWN($C8646/24,0)+1,1))-1)+IF('Standard Profiles'!$G$19=$B$10,7,0)+IF('Standard Profiles'!$G$19=$B$17,14,0)+IF('Standard Profiles'!$G$19=$B$24,21,0),MOD($C8646,24)+1)/SUM(INDEX($D$3:$AA$30,INDEX(Jesper!$R$2:$R$366,ROW(INDEX(Jesper!AI$2:AI$366,ROUNDDOWN($C8646/24,0)+1,1))-1)+IF('Standard Profiles'!$G$19=$B$10,7,0)+IF('Standard Profiles'!$G$19=$B$17,14,0)+IF('Standard Profiles'!$G$19=$B$24,21,0),0)),0)</f>
        <v>0</v>
      </c>
      <c r="F8646" cm="1">
        <f t="array" ref="F8646">IFERROR(INDEX(Jesper!AJ$2:AJ$366,ROUNDDOWN($C8646/24,0)+1,1)*INDEX($D$3:$AA$30,INDEX(Jesper!$R$2:$R$366,ROW(INDEX(Jesper!AJ$2:AJ$366,ROUNDDOWN($C8646/24,0)+1,1))-1)+IF('Standard Profiles'!$G$20=$B$10,7,0)+IF('Standard Profiles'!$G$20=$B$17,14,0)+IF('Standard Profiles'!$G$20=$B$24,21,0),MOD($C8646,24)+1)/SUM(INDEX($D$3:$AA$30,INDEX(Jesper!$R$2:$R$366,ROW(INDEX(Jesper!AJ$2:AJ$366,ROUNDDOWN($C8646/24,0)+1,1))-1)+IF('Standard Profiles'!$G$20=$B$10,7,0)+IF('Standard Profiles'!$G$20=$B$17,14,0)+IF('Standard Profiles'!$G$20=$B$24,21,0),0)),0)</f>
        <v>0</v>
      </c>
      <c r="G8646" cm="1">
        <f t="array" ref="G8646">IFERROR(INDEX(Jesper!AK$2:AK$366,ROUNDDOWN($C8646/24,0)+1,1)*INDEX($D$3:$AA$30,INDEX(Jesper!$R$2:$R$366,ROW(INDEX(Jesper!AK$2:AK$366,ROUNDDOWN($C8646/24,0)+1,1))-1)+IF('Standard Profiles'!$G$21=$B$10,7,0)+IF('Standard Profiles'!$G$21=$B$17,14,0)+IF('Standard Profiles'!$G$21=$B$24,21,0),MOD($C8646,24)+1)/SUM(INDEX($D$3:$AA$30,INDEX(Jesper!$R$2:$R$366,ROW(INDEX(Jesper!AK$2:AK$366,ROUNDDOWN($C8646/24,0)+1,1))-1)+IF('Standard Profiles'!$G$21=$B$10,7,0)+IF('Standard Profiles'!$G$21=$B$17,14,0)+IF('Standard Profiles'!$G$21=$B$24,21,0),0)),0)</f>
        <v>0</v>
      </c>
      <c r="H8646" cm="1">
        <f t="array" ref="H8646">IFERROR(INDEX(Jesper!AL$2:AL$366,ROUNDDOWN($C8646/24,0)+1,1)*INDEX($D$3:$AA$30,INDEX(Jesper!$R$2:$R$366,ROW(INDEX(Jesper!AL$2:AL$366,ROUNDDOWN($C8646/24,0)+1,1))-1)+IF('Standard Profiles'!$G$22=$B$10,7,0)+IF('Standard Profiles'!$G$22=$B$17,14,0)+IF('Standard Profiles'!$G$22=$B$24,21,0),MOD($C8646,24)+1)/SUM(INDEX($D$3:$AA$30,INDEX(Jesper!$R$2:$R$366,ROW(INDEX(Jesper!AL$2:AL$366,ROUNDDOWN($C8646/24,0)+1,1))-1)+IF('Standard Profiles'!$G$22=$B$10,7,0)+IF('Standard Profiles'!$G$22=$B$17,14,0)+IF('Standard Profiles'!$G$22=$B$24,21,0),0)),0)</f>
        <v>0</v>
      </c>
      <c r="I8646">
        <f t="shared" si="958"/>
        <v>0.33098525778435944</v>
      </c>
      <c r="J8646">
        <f t="shared" si="959"/>
        <v>1.1032841926145316</v>
      </c>
      <c r="K8646">
        <f t="shared" si="960"/>
        <v>1.6549262889217971</v>
      </c>
      <c r="L8646">
        <f t="shared" si="961"/>
        <v>7.9436461868246262</v>
      </c>
      <c r="M8646">
        <f t="shared" si="962"/>
        <v>0</v>
      </c>
      <c r="N8646" s="46">
        <f t="shared" si="963"/>
        <v>45650.833333312446</v>
      </c>
    </row>
    <row r="8647" spans="2:14" x14ac:dyDescent="0.3">
      <c r="B8647">
        <f t="shared" si="957"/>
        <v>2</v>
      </c>
      <c r="C8647" s="16">
        <v>8613</v>
      </c>
      <c r="D8647" cm="1">
        <f t="array" ref="D8647">IFERROR(INDEX(Jesper!AH$2:AH$366,ROUNDDOWN($C8647/24,0)+1,1)*INDEX($D$3:$AA$30,INDEX(Jesper!$R$2:$R$366,ROW(INDEX(Jesper!AH$2:AH$366,ROUNDDOWN($C8647/24,0)+1,1))-1)+IF('Standard Profiles'!$G$18=$B$10,7,0)+IF('Standard Profiles'!$G$18=$B$17,14,0)+IF('Standard Profiles'!$G$18=$B$24,21,0),MOD($C8647,24)+1)/SUM(INDEX($D$3:$AA$30,INDEX(Jesper!$R$2:$R$366,ROW(INDEX(Jesper!AH$2:AH$366,ROUNDDOWN($C8647/24,0)+1,1))-1)+IF('Standard Profiles'!$G$18=$B$10,7,0)+IF('Standard Profiles'!$G$18=$B$17,14,0)+IF('Standard Profiles'!$G$18=$B$24,21,0),0)),0)</f>
        <v>8.0238850371965924</v>
      </c>
      <c r="E8647" cm="1">
        <f t="array" ref="E8647">IFERROR(INDEX(Jesper!AI$2:AI$366,ROUNDDOWN($C8647/24,0)+1,1)*INDEX($D$3:$AA$30,INDEX(Jesper!$R$2:$R$366,ROW(INDEX(Jesper!AI$2:AI$366,ROUNDDOWN($C8647/24,0)+1,1))-1)+IF('Standard Profiles'!$G$19=$B$10,7,0)+IF('Standard Profiles'!$G$19=$B$17,14,0)+IF('Standard Profiles'!$G$19=$B$24,21,0),MOD($C8647,24)+1)/SUM(INDEX($D$3:$AA$30,INDEX(Jesper!$R$2:$R$366,ROW(INDEX(Jesper!AI$2:AI$366,ROUNDDOWN($C8647/24,0)+1,1))-1)+IF('Standard Profiles'!$G$19=$B$10,7,0)+IF('Standard Profiles'!$G$19=$B$17,14,0)+IF('Standard Profiles'!$G$19=$B$24,21,0),0)),0)</f>
        <v>0</v>
      </c>
      <c r="F8647" cm="1">
        <f t="array" ref="F8647">IFERROR(INDEX(Jesper!AJ$2:AJ$366,ROUNDDOWN($C8647/24,0)+1,1)*INDEX($D$3:$AA$30,INDEX(Jesper!$R$2:$R$366,ROW(INDEX(Jesper!AJ$2:AJ$366,ROUNDDOWN($C8647/24,0)+1,1))-1)+IF('Standard Profiles'!$G$20=$B$10,7,0)+IF('Standard Profiles'!$G$20=$B$17,14,0)+IF('Standard Profiles'!$G$20=$B$24,21,0),MOD($C8647,24)+1)/SUM(INDEX($D$3:$AA$30,INDEX(Jesper!$R$2:$R$366,ROW(INDEX(Jesper!AJ$2:AJ$366,ROUNDDOWN($C8647/24,0)+1,1))-1)+IF('Standard Profiles'!$G$20=$B$10,7,0)+IF('Standard Profiles'!$G$20=$B$17,14,0)+IF('Standard Profiles'!$G$20=$B$24,21,0),0)),0)</f>
        <v>0</v>
      </c>
      <c r="G8647" cm="1">
        <f t="array" ref="G8647">IFERROR(INDEX(Jesper!AK$2:AK$366,ROUNDDOWN($C8647/24,0)+1,1)*INDEX($D$3:$AA$30,INDEX(Jesper!$R$2:$R$366,ROW(INDEX(Jesper!AK$2:AK$366,ROUNDDOWN($C8647/24,0)+1,1))-1)+IF('Standard Profiles'!$G$21=$B$10,7,0)+IF('Standard Profiles'!$G$21=$B$17,14,0)+IF('Standard Profiles'!$G$21=$B$24,21,0),MOD($C8647,24)+1)/SUM(INDEX($D$3:$AA$30,INDEX(Jesper!$R$2:$R$366,ROW(INDEX(Jesper!AK$2:AK$366,ROUNDDOWN($C8647/24,0)+1,1))-1)+IF('Standard Profiles'!$G$21=$B$10,7,0)+IF('Standard Profiles'!$G$21=$B$17,14,0)+IF('Standard Profiles'!$G$21=$B$24,21,0),0)),0)</f>
        <v>0</v>
      </c>
      <c r="H8647" cm="1">
        <f t="array" ref="H8647">IFERROR(INDEX(Jesper!AL$2:AL$366,ROUNDDOWN($C8647/24,0)+1,1)*INDEX($D$3:$AA$30,INDEX(Jesper!$R$2:$R$366,ROW(INDEX(Jesper!AL$2:AL$366,ROUNDDOWN($C8647/24,0)+1,1))-1)+IF('Standard Profiles'!$G$22=$B$10,7,0)+IF('Standard Profiles'!$G$22=$B$17,14,0)+IF('Standard Profiles'!$G$22=$B$24,21,0),MOD($C8647,24)+1)/SUM(INDEX($D$3:$AA$30,INDEX(Jesper!$R$2:$R$366,ROW(INDEX(Jesper!AL$2:AL$366,ROUNDDOWN($C8647/24,0)+1,1))-1)+IF('Standard Profiles'!$G$22=$B$10,7,0)+IF('Standard Profiles'!$G$22=$B$17,14,0)+IF('Standard Profiles'!$G$22=$B$24,21,0),0)),0)</f>
        <v>0</v>
      </c>
      <c r="I8647">
        <f t="shared" si="958"/>
        <v>0.24071655111589776</v>
      </c>
      <c r="J8647">
        <f t="shared" si="959"/>
        <v>0.80238850371965931</v>
      </c>
      <c r="K8647">
        <f t="shared" si="960"/>
        <v>1.2035827555794889</v>
      </c>
      <c r="L8647">
        <f t="shared" si="961"/>
        <v>5.7771972267815466</v>
      </c>
      <c r="M8647">
        <f t="shared" si="962"/>
        <v>0</v>
      </c>
      <c r="N8647" s="46">
        <f t="shared" si="963"/>
        <v>45650.874999979111</v>
      </c>
    </row>
    <row r="8648" spans="2:14" x14ac:dyDescent="0.3">
      <c r="B8648">
        <f t="shared" si="957"/>
        <v>2</v>
      </c>
      <c r="C8648" s="16">
        <v>8614</v>
      </c>
      <c r="D8648" cm="1">
        <f t="array" ref="D8648">IFERROR(INDEX(Jesper!AH$2:AH$366,ROUNDDOWN($C8648/24,0)+1,1)*INDEX($D$3:$AA$30,INDEX(Jesper!$R$2:$R$366,ROW(INDEX(Jesper!AH$2:AH$366,ROUNDDOWN($C8648/24,0)+1,1))-1)+IF('Standard Profiles'!$G$18=$B$10,7,0)+IF('Standard Profiles'!$G$18=$B$17,14,0)+IF('Standard Profiles'!$G$18=$B$24,21,0),MOD($C8648,24)+1)/SUM(INDEX($D$3:$AA$30,INDEX(Jesper!$R$2:$R$366,ROW(INDEX(Jesper!AH$2:AH$366,ROUNDDOWN($C8648/24,0)+1,1))-1)+IF('Standard Profiles'!$G$18=$B$10,7,0)+IF('Standard Profiles'!$G$18=$B$17,14,0)+IF('Standard Profiles'!$G$18=$B$24,21,0),0)),0)</f>
        <v>8.0238850371965924</v>
      </c>
      <c r="E8648" cm="1">
        <f t="array" ref="E8648">IFERROR(INDEX(Jesper!AI$2:AI$366,ROUNDDOWN($C8648/24,0)+1,1)*INDEX($D$3:$AA$30,INDEX(Jesper!$R$2:$R$366,ROW(INDEX(Jesper!AI$2:AI$366,ROUNDDOWN($C8648/24,0)+1,1))-1)+IF('Standard Profiles'!$G$19=$B$10,7,0)+IF('Standard Profiles'!$G$19=$B$17,14,0)+IF('Standard Profiles'!$G$19=$B$24,21,0),MOD($C8648,24)+1)/SUM(INDEX($D$3:$AA$30,INDEX(Jesper!$R$2:$R$366,ROW(INDEX(Jesper!AI$2:AI$366,ROUNDDOWN($C8648/24,0)+1,1))-1)+IF('Standard Profiles'!$G$19=$B$10,7,0)+IF('Standard Profiles'!$G$19=$B$17,14,0)+IF('Standard Profiles'!$G$19=$B$24,21,0),0)),0)</f>
        <v>0</v>
      </c>
      <c r="F8648" cm="1">
        <f t="array" ref="F8648">IFERROR(INDEX(Jesper!AJ$2:AJ$366,ROUNDDOWN($C8648/24,0)+1,1)*INDEX($D$3:$AA$30,INDEX(Jesper!$R$2:$R$366,ROW(INDEX(Jesper!AJ$2:AJ$366,ROUNDDOWN($C8648/24,0)+1,1))-1)+IF('Standard Profiles'!$G$20=$B$10,7,0)+IF('Standard Profiles'!$G$20=$B$17,14,0)+IF('Standard Profiles'!$G$20=$B$24,21,0),MOD($C8648,24)+1)/SUM(INDEX($D$3:$AA$30,INDEX(Jesper!$R$2:$R$366,ROW(INDEX(Jesper!AJ$2:AJ$366,ROUNDDOWN($C8648/24,0)+1,1))-1)+IF('Standard Profiles'!$G$20=$B$10,7,0)+IF('Standard Profiles'!$G$20=$B$17,14,0)+IF('Standard Profiles'!$G$20=$B$24,21,0),0)),0)</f>
        <v>0</v>
      </c>
      <c r="G8648" cm="1">
        <f t="array" ref="G8648">IFERROR(INDEX(Jesper!AK$2:AK$366,ROUNDDOWN($C8648/24,0)+1,1)*INDEX($D$3:$AA$30,INDEX(Jesper!$R$2:$R$366,ROW(INDEX(Jesper!AK$2:AK$366,ROUNDDOWN($C8648/24,0)+1,1))-1)+IF('Standard Profiles'!$G$21=$B$10,7,0)+IF('Standard Profiles'!$G$21=$B$17,14,0)+IF('Standard Profiles'!$G$21=$B$24,21,0),MOD($C8648,24)+1)/SUM(INDEX($D$3:$AA$30,INDEX(Jesper!$R$2:$R$366,ROW(INDEX(Jesper!AK$2:AK$366,ROUNDDOWN($C8648/24,0)+1,1))-1)+IF('Standard Profiles'!$G$21=$B$10,7,0)+IF('Standard Profiles'!$G$21=$B$17,14,0)+IF('Standard Profiles'!$G$21=$B$24,21,0),0)),0)</f>
        <v>0</v>
      </c>
      <c r="H8648" cm="1">
        <f t="array" ref="H8648">IFERROR(INDEX(Jesper!AL$2:AL$366,ROUNDDOWN($C8648/24,0)+1,1)*INDEX($D$3:$AA$30,INDEX(Jesper!$R$2:$R$366,ROW(INDEX(Jesper!AL$2:AL$366,ROUNDDOWN($C8648/24,0)+1,1))-1)+IF('Standard Profiles'!$G$22=$B$10,7,0)+IF('Standard Profiles'!$G$22=$B$17,14,0)+IF('Standard Profiles'!$G$22=$B$24,21,0),MOD($C8648,24)+1)/SUM(INDEX($D$3:$AA$30,INDEX(Jesper!$R$2:$R$366,ROW(INDEX(Jesper!AL$2:AL$366,ROUNDDOWN($C8648/24,0)+1,1))-1)+IF('Standard Profiles'!$G$22=$B$10,7,0)+IF('Standard Profiles'!$G$22=$B$17,14,0)+IF('Standard Profiles'!$G$22=$B$24,21,0),0)),0)</f>
        <v>0</v>
      </c>
      <c r="I8648">
        <f t="shared" si="958"/>
        <v>0.24071655111589776</v>
      </c>
      <c r="J8648">
        <f t="shared" si="959"/>
        <v>0.80238850371965931</v>
      </c>
      <c r="K8648">
        <f t="shared" si="960"/>
        <v>1.2035827555794889</v>
      </c>
      <c r="L8648">
        <f t="shared" si="961"/>
        <v>5.7771972267815466</v>
      </c>
      <c r="M8648">
        <f t="shared" si="962"/>
        <v>0</v>
      </c>
      <c r="N8648" s="46">
        <f t="shared" si="963"/>
        <v>45650.916666645775</v>
      </c>
    </row>
    <row r="8649" spans="2:14" x14ac:dyDescent="0.3">
      <c r="B8649">
        <f t="shared" si="957"/>
        <v>2</v>
      </c>
      <c r="C8649" s="16">
        <v>8615</v>
      </c>
      <c r="D8649" cm="1">
        <f t="array" ref="D8649">IFERROR(INDEX(Jesper!AH$2:AH$366,ROUNDDOWN($C8649/24,0)+1,1)*INDEX($D$3:$AA$30,INDEX(Jesper!$R$2:$R$366,ROW(INDEX(Jesper!AH$2:AH$366,ROUNDDOWN($C8649/24,0)+1,1))-1)+IF('Standard Profiles'!$G$18=$B$10,7,0)+IF('Standard Profiles'!$G$18=$B$17,14,0)+IF('Standard Profiles'!$G$18=$B$24,21,0),MOD($C8649,24)+1)/SUM(INDEX($D$3:$AA$30,INDEX(Jesper!$R$2:$R$366,ROW(INDEX(Jesper!AH$2:AH$366,ROUNDDOWN($C8649/24,0)+1,1))-1)+IF('Standard Profiles'!$G$18=$B$10,7,0)+IF('Standard Profiles'!$G$18=$B$17,14,0)+IF('Standard Profiles'!$G$18=$B$24,21,0),0)),0)</f>
        <v>8.0238850371965924</v>
      </c>
      <c r="E8649" cm="1">
        <f t="array" ref="E8649">IFERROR(INDEX(Jesper!AI$2:AI$366,ROUNDDOWN($C8649/24,0)+1,1)*INDEX($D$3:$AA$30,INDEX(Jesper!$R$2:$R$366,ROW(INDEX(Jesper!AI$2:AI$366,ROUNDDOWN($C8649/24,0)+1,1))-1)+IF('Standard Profiles'!$G$19=$B$10,7,0)+IF('Standard Profiles'!$G$19=$B$17,14,0)+IF('Standard Profiles'!$G$19=$B$24,21,0),MOD($C8649,24)+1)/SUM(INDEX($D$3:$AA$30,INDEX(Jesper!$R$2:$R$366,ROW(INDEX(Jesper!AI$2:AI$366,ROUNDDOWN($C8649/24,0)+1,1))-1)+IF('Standard Profiles'!$G$19=$B$10,7,0)+IF('Standard Profiles'!$G$19=$B$17,14,0)+IF('Standard Profiles'!$G$19=$B$24,21,0),0)),0)</f>
        <v>0</v>
      </c>
      <c r="F8649" cm="1">
        <f t="array" ref="F8649">IFERROR(INDEX(Jesper!AJ$2:AJ$366,ROUNDDOWN($C8649/24,0)+1,1)*INDEX($D$3:$AA$30,INDEX(Jesper!$R$2:$R$366,ROW(INDEX(Jesper!AJ$2:AJ$366,ROUNDDOWN($C8649/24,0)+1,1))-1)+IF('Standard Profiles'!$G$20=$B$10,7,0)+IF('Standard Profiles'!$G$20=$B$17,14,0)+IF('Standard Profiles'!$G$20=$B$24,21,0),MOD($C8649,24)+1)/SUM(INDEX($D$3:$AA$30,INDEX(Jesper!$R$2:$R$366,ROW(INDEX(Jesper!AJ$2:AJ$366,ROUNDDOWN($C8649/24,0)+1,1))-1)+IF('Standard Profiles'!$G$20=$B$10,7,0)+IF('Standard Profiles'!$G$20=$B$17,14,0)+IF('Standard Profiles'!$G$20=$B$24,21,0),0)),0)</f>
        <v>0</v>
      </c>
      <c r="G8649" cm="1">
        <f t="array" ref="G8649">IFERROR(INDEX(Jesper!AK$2:AK$366,ROUNDDOWN($C8649/24,0)+1,1)*INDEX($D$3:$AA$30,INDEX(Jesper!$R$2:$R$366,ROW(INDEX(Jesper!AK$2:AK$366,ROUNDDOWN($C8649/24,0)+1,1))-1)+IF('Standard Profiles'!$G$21=$B$10,7,0)+IF('Standard Profiles'!$G$21=$B$17,14,0)+IF('Standard Profiles'!$G$21=$B$24,21,0),MOD($C8649,24)+1)/SUM(INDEX($D$3:$AA$30,INDEX(Jesper!$R$2:$R$366,ROW(INDEX(Jesper!AK$2:AK$366,ROUNDDOWN($C8649/24,0)+1,1))-1)+IF('Standard Profiles'!$G$21=$B$10,7,0)+IF('Standard Profiles'!$G$21=$B$17,14,0)+IF('Standard Profiles'!$G$21=$B$24,21,0),0)),0)</f>
        <v>0</v>
      </c>
      <c r="H8649" cm="1">
        <f t="array" ref="H8649">IFERROR(INDEX(Jesper!AL$2:AL$366,ROUNDDOWN($C8649/24,0)+1,1)*INDEX($D$3:$AA$30,INDEX(Jesper!$R$2:$R$366,ROW(INDEX(Jesper!AL$2:AL$366,ROUNDDOWN($C8649/24,0)+1,1))-1)+IF('Standard Profiles'!$G$22=$B$10,7,0)+IF('Standard Profiles'!$G$22=$B$17,14,0)+IF('Standard Profiles'!$G$22=$B$24,21,0),MOD($C8649,24)+1)/SUM(INDEX($D$3:$AA$30,INDEX(Jesper!$R$2:$R$366,ROW(INDEX(Jesper!AL$2:AL$366,ROUNDDOWN($C8649/24,0)+1,1))-1)+IF('Standard Profiles'!$G$22=$B$10,7,0)+IF('Standard Profiles'!$G$22=$B$17,14,0)+IF('Standard Profiles'!$G$22=$B$24,21,0),0)),0)</f>
        <v>0</v>
      </c>
      <c r="I8649">
        <f t="shared" si="958"/>
        <v>0.24071655111589776</v>
      </c>
      <c r="J8649">
        <f t="shared" si="959"/>
        <v>0.80238850371965931</v>
      </c>
      <c r="K8649">
        <f t="shared" si="960"/>
        <v>1.2035827555794889</v>
      </c>
      <c r="L8649">
        <f t="shared" si="961"/>
        <v>5.7771972267815466</v>
      </c>
      <c r="M8649">
        <f t="shared" si="962"/>
        <v>0</v>
      </c>
      <c r="N8649" s="46">
        <f t="shared" si="963"/>
        <v>45650.958333312439</v>
      </c>
    </row>
    <row r="8650" spans="2:14" x14ac:dyDescent="0.3">
      <c r="B8650">
        <f t="shared" si="957"/>
        <v>3</v>
      </c>
      <c r="C8650" s="16">
        <v>8616</v>
      </c>
      <c r="D8650" cm="1">
        <f t="array" ref="D8650">IFERROR(INDEX(Jesper!AH$2:AH$366,ROUNDDOWN($C8650/24,0)+1,1)*INDEX($D$3:$AA$30,INDEX(Jesper!$R$2:$R$366,ROW(INDEX(Jesper!AH$2:AH$366,ROUNDDOWN($C8650/24,0)+1,1))-1)+IF('Standard Profiles'!$G$18=$B$10,7,0)+IF('Standard Profiles'!$G$18=$B$17,14,0)+IF('Standard Profiles'!$G$18=$B$24,21,0),MOD($C8650,24)+1)/SUM(INDEX($D$3:$AA$30,INDEX(Jesper!$R$2:$R$366,ROW(INDEX(Jesper!AH$2:AH$366,ROUNDDOWN($C8650/24,0)+1,1))-1)+IF('Standard Profiles'!$G$18=$B$10,7,0)+IF('Standard Profiles'!$G$18=$B$17,14,0)+IF('Standard Profiles'!$G$18=$B$24,21,0),0)),0)</f>
        <v>6.9914311708555221</v>
      </c>
      <c r="E8650" cm="1">
        <f t="array" ref="E8650">IFERROR(INDEX(Jesper!AI$2:AI$366,ROUNDDOWN($C8650/24,0)+1,1)*INDEX($D$3:$AA$30,INDEX(Jesper!$R$2:$R$366,ROW(INDEX(Jesper!AI$2:AI$366,ROUNDDOWN($C8650/24,0)+1,1))-1)+IF('Standard Profiles'!$G$19=$B$10,7,0)+IF('Standard Profiles'!$G$19=$B$17,14,0)+IF('Standard Profiles'!$G$19=$B$24,21,0),MOD($C8650,24)+1)/SUM(INDEX($D$3:$AA$30,INDEX(Jesper!$R$2:$R$366,ROW(INDEX(Jesper!AI$2:AI$366,ROUNDDOWN($C8650/24,0)+1,1))-1)+IF('Standard Profiles'!$G$19=$B$10,7,0)+IF('Standard Profiles'!$G$19=$B$17,14,0)+IF('Standard Profiles'!$G$19=$B$24,21,0),0)),0)</f>
        <v>0</v>
      </c>
      <c r="F8650" cm="1">
        <f t="array" ref="F8650">IFERROR(INDEX(Jesper!AJ$2:AJ$366,ROUNDDOWN($C8650/24,0)+1,1)*INDEX($D$3:$AA$30,INDEX(Jesper!$R$2:$R$366,ROW(INDEX(Jesper!AJ$2:AJ$366,ROUNDDOWN($C8650/24,0)+1,1))-1)+IF('Standard Profiles'!$G$20=$B$10,7,0)+IF('Standard Profiles'!$G$20=$B$17,14,0)+IF('Standard Profiles'!$G$20=$B$24,21,0),MOD($C8650,24)+1)/SUM(INDEX($D$3:$AA$30,INDEX(Jesper!$R$2:$R$366,ROW(INDEX(Jesper!AJ$2:AJ$366,ROUNDDOWN($C8650/24,0)+1,1))-1)+IF('Standard Profiles'!$G$20=$B$10,7,0)+IF('Standard Profiles'!$G$20=$B$17,14,0)+IF('Standard Profiles'!$G$20=$B$24,21,0),0)),0)</f>
        <v>0</v>
      </c>
      <c r="G8650" cm="1">
        <f t="array" ref="G8650">IFERROR(INDEX(Jesper!AK$2:AK$366,ROUNDDOWN($C8650/24,0)+1,1)*INDEX($D$3:$AA$30,INDEX(Jesper!$R$2:$R$366,ROW(INDEX(Jesper!AK$2:AK$366,ROUNDDOWN($C8650/24,0)+1,1))-1)+IF('Standard Profiles'!$G$21=$B$10,7,0)+IF('Standard Profiles'!$G$21=$B$17,14,0)+IF('Standard Profiles'!$G$21=$B$24,21,0),MOD($C8650,24)+1)/SUM(INDEX($D$3:$AA$30,INDEX(Jesper!$R$2:$R$366,ROW(INDEX(Jesper!AK$2:AK$366,ROUNDDOWN($C8650/24,0)+1,1))-1)+IF('Standard Profiles'!$G$21=$B$10,7,0)+IF('Standard Profiles'!$G$21=$B$17,14,0)+IF('Standard Profiles'!$G$21=$B$24,21,0),0)),0)</f>
        <v>0</v>
      </c>
      <c r="H8650" cm="1">
        <f t="array" ref="H8650">IFERROR(INDEX(Jesper!AL$2:AL$366,ROUNDDOWN($C8650/24,0)+1,1)*INDEX($D$3:$AA$30,INDEX(Jesper!$R$2:$R$366,ROW(INDEX(Jesper!AL$2:AL$366,ROUNDDOWN($C8650/24,0)+1,1))-1)+IF('Standard Profiles'!$G$22=$B$10,7,0)+IF('Standard Profiles'!$G$22=$B$17,14,0)+IF('Standard Profiles'!$G$22=$B$24,21,0),MOD($C8650,24)+1)/SUM(INDEX($D$3:$AA$30,INDEX(Jesper!$R$2:$R$366,ROW(INDEX(Jesper!AL$2:AL$366,ROUNDDOWN($C8650/24,0)+1,1))-1)+IF('Standard Profiles'!$G$22=$B$10,7,0)+IF('Standard Profiles'!$G$22=$B$17,14,0)+IF('Standard Profiles'!$G$22=$B$24,21,0),0)),0)</f>
        <v>0</v>
      </c>
      <c r="I8650">
        <f t="shared" si="958"/>
        <v>0.20974293512566566</v>
      </c>
      <c r="J8650">
        <f t="shared" si="959"/>
        <v>0.69914311708555221</v>
      </c>
      <c r="K8650">
        <f t="shared" si="960"/>
        <v>1.0487146756283283</v>
      </c>
      <c r="L8650">
        <f t="shared" si="961"/>
        <v>5.0338304430159759</v>
      </c>
      <c r="M8650">
        <f t="shared" si="962"/>
        <v>0</v>
      </c>
      <c r="N8650" s="46">
        <f t="shared" si="963"/>
        <v>45650.999999979103</v>
      </c>
    </row>
    <row r="8651" spans="2:14" x14ac:dyDescent="0.3">
      <c r="B8651">
        <f t="shared" si="957"/>
        <v>3</v>
      </c>
      <c r="C8651" s="16">
        <v>8617</v>
      </c>
      <c r="D8651" cm="1">
        <f t="array" ref="D8651">IFERROR(INDEX(Jesper!AH$2:AH$366,ROUNDDOWN($C8651/24,0)+1,1)*INDEX($D$3:$AA$30,INDEX(Jesper!$R$2:$R$366,ROW(INDEX(Jesper!AH$2:AH$366,ROUNDDOWN($C8651/24,0)+1,1))-1)+IF('Standard Profiles'!$G$18=$B$10,7,0)+IF('Standard Profiles'!$G$18=$B$17,14,0)+IF('Standard Profiles'!$G$18=$B$24,21,0),MOD($C8651,24)+1)/SUM(INDEX($D$3:$AA$30,INDEX(Jesper!$R$2:$R$366,ROW(INDEX(Jesper!AH$2:AH$366,ROUNDDOWN($C8651/24,0)+1,1))-1)+IF('Standard Profiles'!$G$18=$B$10,7,0)+IF('Standard Profiles'!$G$18=$B$17,14,0)+IF('Standard Profiles'!$G$18=$B$24,21,0),0)),0)</f>
        <v>7.8653600672124613</v>
      </c>
      <c r="E8651" cm="1">
        <f t="array" ref="E8651">IFERROR(INDEX(Jesper!AI$2:AI$366,ROUNDDOWN($C8651/24,0)+1,1)*INDEX($D$3:$AA$30,INDEX(Jesper!$R$2:$R$366,ROW(INDEX(Jesper!AI$2:AI$366,ROUNDDOWN($C8651/24,0)+1,1))-1)+IF('Standard Profiles'!$G$19=$B$10,7,0)+IF('Standard Profiles'!$G$19=$B$17,14,0)+IF('Standard Profiles'!$G$19=$B$24,21,0),MOD($C8651,24)+1)/SUM(INDEX($D$3:$AA$30,INDEX(Jesper!$R$2:$R$366,ROW(INDEX(Jesper!AI$2:AI$366,ROUNDDOWN($C8651/24,0)+1,1))-1)+IF('Standard Profiles'!$G$19=$B$10,7,0)+IF('Standard Profiles'!$G$19=$B$17,14,0)+IF('Standard Profiles'!$G$19=$B$24,21,0),0)),0)</f>
        <v>0</v>
      </c>
      <c r="F8651" cm="1">
        <f t="array" ref="F8651">IFERROR(INDEX(Jesper!AJ$2:AJ$366,ROUNDDOWN($C8651/24,0)+1,1)*INDEX($D$3:$AA$30,INDEX(Jesper!$R$2:$R$366,ROW(INDEX(Jesper!AJ$2:AJ$366,ROUNDDOWN($C8651/24,0)+1,1))-1)+IF('Standard Profiles'!$G$20=$B$10,7,0)+IF('Standard Profiles'!$G$20=$B$17,14,0)+IF('Standard Profiles'!$G$20=$B$24,21,0),MOD($C8651,24)+1)/SUM(INDEX($D$3:$AA$30,INDEX(Jesper!$R$2:$R$366,ROW(INDEX(Jesper!AJ$2:AJ$366,ROUNDDOWN($C8651/24,0)+1,1))-1)+IF('Standard Profiles'!$G$20=$B$10,7,0)+IF('Standard Profiles'!$G$20=$B$17,14,0)+IF('Standard Profiles'!$G$20=$B$24,21,0),0)),0)</f>
        <v>0</v>
      </c>
      <c r="G8651" cm="1">
        <f t="array" ref="G8651">IFERROR(INDEX(Jesper!AK$2:AK$366,ROUNDDOWN($C8651/24,0)+1,1)*INDEX($D$3:$AA$30,INDEX(Jesper!$R$2:$R$366,ROW(INDEX(Jesper!AK$2:AK$366,ROUNDDOWN($C8651/24,0)+1,1))-1)+IF('Standard Profiles'!$G$21=$B$10,7,0)+IF('Standard Profiles'!$G$21=$B$17,14,0)+IF('Standard Profiles'!$G$21=$B$24,21,0),MOD($C8651,24)+1)/SUM(INDEX($D$3:$AA$30,INDEX(Jesper!$R$2:$R$366,ROW(INDEX(Jesper!AK$2:AK$366,ROUNDDOWN($C8651/24,0)+1,1))-1)+IF('Standard Profiles'!$G$21=$B$10,7,0)+IF('Standard Profiles'!$G$21=$B$17,14,0)+IF('Standard Profiles'!$G$21=$B$24,21,0),0)),0)</f>
        <v>0</v>
      </c>
      <c r="H8651" cm="1">
        <f t="array" ref="H8651">IFERROR(INDEX(Jesper!AL$2:AL$366,ROUNDDOWN($C8651/24,0)+1,1)*INDEX($D$3:$AA$30,INDEX(Jesper!$R$2:$R$366,ROW(INDEX(Jesper!AL$2:AL$366,ROUNDDOWN($C8651/24,0)+1,1))-1)+IF('Standard Profiles'!$G$22=$B$10,7,0)+IF('Standard Profiles'!$G$22=$B$17,14,0)+IF('Standard Profiles'!$G$22=$B$24,21,0),MOD($C8651,24)+1)/SUM(INDEX($D$3:$AA$30,INDEX(Jesper!$R$2:$R$366,ROW(INDEX(Jesper!AL$2:AL$366,ROUNDDOWN($C8651/24,0)+1,1))-1)+IF('Standard Profiles'!$G$22=$B$10,7,0)+IF('Standard Profiles'!$G$22=$B$17,14,0)+IF('Standard Profiles'!$G$22=$B$24,21,0),0)),0)</f>
        <v>0</v>
      </c>
      <c r="I8651">
        <f t="shared" si="958"/>
        <v>0.23596080201637382</v>
      </c>
      <c r="J8651">
        <f t="shared" si="959"/>
        <v>0.78653600672124613</v>
      </c>
      <c r="K8651">
        <f t="shared" si="960"/>
        <v>1.1798040100818692</v>
      </c>
      <c r="L8651">
        <f t="shared" si="961"/>
        <v>5.6630592483929716</v>
      </c>
      <c r="M8651">
        <f t="shared" si="962"/>
        <v>0</v>
      </c>
      <c r="N8651" s="46">
        <f t="shared" si="963"/>
        <v>45651.041666645768</v>
      </c>
    </row>
    <row r="8652" spans="2:14" x14ac:dyDescent="0.3">
      <c r="B8652">
        <f t="shared" si="957"/>
        <v>3</v>
      </c>
      <c r="C8652" s="16">
        <v>8618</v>
      </c>
      <c r="D8652" cm="1">
        <f t="array" ref="D8652">IFERROR(INDEX(Jesper!AH$2:AH$366,ROUNDDOWN($C8652/24,0)+1,1)*INDEX($D$3:$AA$30,INDEX(Jesper!$R$2:$R$366,ROW(INDEX(Jesper!AH$2:AH$366,ROUNDDOWN($C8652/24,0)+1,1))-1)+IF('Standard Profiles'!$G$18=$B$10,7,0)+IF('Standard Profiles'!$G$18=$B$17,14,0)+IF('Standard Profiles'!$G$18=$B$24,21,0),MOD($C8652,24)+1)/SUM(INDEX($D$3:$AA$30,INDEX(Jesper!$R$2:$R$366,ROW(INDEX(Jesper!AH$2:AH$366,ROUNDDOWN($C8652/24,0)+1,1))-1)+IF('Standard Profiles'!$G$18=$B$10,7,0)+IF('Standard Profiles'!$G$18=$B$17,14,0)+IF('Standard Profiles'!$G$18=$B$24,21,0),0)),0)</f>
        <v>7.8653600672124613</v>
      </c>
      <c r="E8652" cm="1">
        <f t="array" ref="E8652">IFERROR(INDEX(Jesper!AI$2:AI$366,ROUNDDOWN($C8652/24,0)+1,1)*INDEX($D$3:$AA$30,INDEX(Jesper!$R$2:$R$366,ROW(INDEX(Jesper!AI$2:AI$366,ROUNDDOWN($C8652/24,0)+1,1))-1)+IF('Standard Profiles'!$G$19=$B$10,7,0)+IF('Standard Profiles'!$G$19=$B$17,14,0)+IF('Standard Profiles'!$G$19=$B$24,21,0),MOD($C8652,24)+1)/SUM(INDEX($D$3:$AA$30,INDEX(Jesper!$R$2:$R$366,ROW(INDEX(Jesper!AI$2:AI$366,ROUNDDOWN($C8652/24,0)+1,1))-1)+IF('Standard Profiles'!$G$19=$B$10,7,0)+IF('Standard Profiles'!$G$19=$B$17,14,0)+IF('Standard Profiles'!$G$19=$B$24,21,0),0)),0)</f>
        <v>0</v>
      </c>
      <c r="F8652" cm="1">
        <f t="array" ref="F8652">IFERROR(INDEX(Jesper!AJ$2:AJ$366,ROUNDDOWN($C8652/24,0)+1,1)*INDEX($D$3:$AA$30,INDEX(Jesper!$R$2:$R$366,ROW(INDEX(Jesper!AJ$2:AJ$366,ROUNDDOWN($C8652/24,0)+1,1))-1)+IF('Standard Profiles'!$G$20=$B$10,7,0)+IF('Standard Profiles'!$G$20=$B$17,14,0)+IF('Standard Profiles'!$G$20=$B$24,21,0),MOD($C8652,24)+1)/SUM(INDEX($D$3:$AA$30,INDEX(Jesper!$R$2:$R$366,ROW(INDEX(Jesper!AJ$2:AJ$366,ROUNDDOWN($C8652/24,0)+1,1))-1)+IF('Standard Profiles'!$G$20=$B$10,7,0)+IF('Standard Profiles'!$G$20=$B$17,14,0)+IF('Standard Profiles'!$G$20=$B$24,21,0),0)),0)</f>
        <v>0</v>
      </c>
      <c r="G8652" cm="1">
        <f t="array" ref="G8652">IFERROR(INDEX(Jesper!AK$2:AK$366,ROUNDDOWN($C8652/24,0)+1,1)*INDEX($D$3:$AA$30,INDEX(Jesper!$R$2:$R$366,ROW(INDEX(Jesper!AK$2:AK$366,ROUNDDOWN($C8652/24,0)+1,1))-1)+IF('Standard Profiles'!$G$21=$B$10,7,0)+IF('Standard Profiles'!$G$21=$B$17,14,0)+IF('Standard Profiles'!$G$21=$B$24,21,0),MOD($C8652,24)+1)/SUM(INDEX($D$3:$AA$30,INDEX(Jesper!$R$2:$R$366,ROW(INDEX(Jesper!AK$2:AK$366,ROUNDDOWN($C8652/24,0)+1,1))-1)+IF('Standard Profiles'!$G$21=$B$10,7,0)+IF('Standard Profiles'!$G$21=$B$17,14,0)+IF('Standard Profiles'!$G$21=$B$24,21,0),0)),0)</f>
        <v>0</v>
      </c>
      <c r="H8652" cm="1">
        <f t="array" ref="H8652">IFERROR(INDEX(Jesper!AL$2:AL$366,ROUNDDOWN($C8652/24,0)+1,1)*INDEX($D$3:$AA$30,INDEX(Jesper!$R$2:$R$366,ROW(INDEX(Jesper!AL$2:AL$366,ROUNDDOWN($C8652/24,0)+1,1))-1)+IF('Standard Profiles'!$G$22=$B$10,7,0)+IF('Standard Profiles'!$G$22=$B$17,14,0)+IF('Standard Profiles'!$G$22=$B$24,21,0),MOD($C8652,24)+1)/SUM(INDEX($D$3:$AA$30,INDEX(Jesper!$R$2:$R$366,ROW(INDEX(Jesper!AL$2:AL$366,ROUNDDOWN($C8652/24,0)+1,1))-1)+IF('Standard Profiles'!$G$22=$B$10,7,0)+IF('Standard Profiles'!$G$22=$B$17,14,0)+IF('Standard Profiles'!$G$22=$B$24,21,0),0)),0)</f>
        <v>0</v>
      </c>
      <c r="I8652">
        <f t="shared" si="958"/>
        <v>0.23596080201637382</v>
      </c>
      <c r="J8652">
        <f t="shared" si="959"/>
        <v>0.78653600672124613</v>
      </c>
      <c r="K8652">
        <f t="shared" si="960"/>
        <v>1.1798040100818692</v>
      </c>
      <c r="L8652">
        <f t="shared" si="961"/>
        <v>5.6630592483929716</v>
      </c>
      <c r="M8652">
        <f t="shared" si="962"/>
        <v>0</v>
      </c>
      <c r="N8652" s="46">
        <f t="shared" si="963"/>
        <v>45651.083333312432</v>
      </c>
    </row>
    <row r="8653" spans="2:14" x14ac:dyDescent="0.3">
      <c r="B8653">
        <f t="shared" si="957"/>
        <v>3</v>
      </c>
      <c r="C8653" s="16">
        <v>8619</v>
      </c>
      <c r="D8653" cm="1">
        <f t="array" ref="D8653">IFERROR(INDEX(Jesper!AH$2:AH$366,ROUNDDOWN($C8653/24,0)+1,1)*INDEX($D$3:$AA$30,INDEX(Jesper!$R$2:$R$366,ROW(INDEX(Jesper!AH$2:AH$366,ROUNDDOWN($C8653/24,0)+1,1))-1)+IF('Standard Profiles'!$G$18=$B$10,7,0)+IF('Standard Profiles'!$G$18=$B$17,14,0)+IF('Standard Profiles'!$G$18=$B$24,21,0),MOD($C8653,24)+1)/SUM(INDEX($D$3:$AA$30,INDEX(Jesper!$R$2:$R$366,ROW(INDEX(Jesper!AH$2:AH$366,ROUNDDOWN($C8653/24,0)+1,1))-1)+IF('Standard Profiles'!$G$18=$B$10,7,0)+IF('Standard Profiles'!$G$18=$B$17,14,0)+IF('Standard Profiles'!$G$18=$B$24,21,0),0)),0)</f>
        <v>7.8653600672124613</v>
      </c>
      <c r="E8653" cm="1">
        <f t="array" ref="E8653">IFERROR(INDEX(Jesper!AI$2:AI$366,ROUNDDOWN($C8653/24,0)+1,1)*INDEX($D$3:$AA$30,INDEX(Jesper!$R$2:$R$366,ROW(INDEX(Jesper!AI$2:AI$366,ROUNDDOWN($C8653/24,0)+1,1))-1)+IF('Standard Profiles'!$G$19=$B$10,7,0)+IF('Standard Profiles'!$G$19=$B$17,14,0)+IF('Standard Profiles'!$G$19=$B$24,21,0),MOD($C8653,24)+1)/SUM(INDEX($D$3:$AA$30,INDEX(Jesper!$R$2:$R$366,ROW(INDEX(Jesper!AI$2:AI$366,ROUNDDOWN($C8653/24,0)+1,1))-1)+IF('Standard Profiles'!$G$19=$B$10,7,0)+IF('Standard Profiles'!$G$19=$B$17,14,0)+IF('Standard Profiles'!$G$19=$B$24,21,0),0)),0)</f>
        <v>0</v>
      </c>
      <c r="F8653" cm="1">
        <f t="array" ref="F8653">IFERROR(INDEX(Jesper!AJ$2:AJ$366,ROUNDDOWN($C8653/24,0)+1,1)*INDEX($D$3:$AA$30,INDEX(Jesper!$R$2:$R$366,ROW(INDEX(Jesper!AJ$2:AJ$366,ROUNDDOWN($C8653/24,0)+1,1))-1)+IF('Standard Profiles'!$G$20=$B$10,7,0)+IF('Standard Profiles'!$G$20=$B$17,14,0)+IF('Standard Profiles'!$G$20=$B$24,21,0),MOD($C8653,24)+1)/SUM(INDEX($D$3:$AA$30,INDEX(Jesper!$R$2:$R$366,ROW(INDEX(Jesper!AJ$2:AJ$366,ROUNDDOWN($C8653/24,0)+1,1))-1)+IF('Standard Profiles'!$G$20=$B$10,7,0)+IF('Standard Profiles'!$G$20=$B$17,14,0)+IF('Standard Profiles'!$G$20=$B$24,21,0),0)),0)</f>
        <v>0</v>
      </c>
      <c r="G8653" cm="1">
        <f t="array" ref="G8653">IFERROR(INDEX(Jesper!AK$2:AK$366,ROUNDDOWN($C8653/24,0)+1,1)*INDEX($D$3:$AA$30,INDEX(Jesper!$R$2:$R$366,ROW(INDEX(Jesper!AK$2:AK$366,ROUNDDOWN($C8653/24,0)+1,1))-1)+IF('Standard Profiles'!$G$21=$B$10,7,0)+IF('Standard Profiles'!$G$21=$B$17,14,0)+IF('Standard Profiles'!$G$21=$B$24,21,0),MOD($C8653,24)+1)/SUM(INDEX($D$3:$AA$30,INDEX(Jesper!$R$2:$R$366,ROW(INDEX(Jesper!AK$2:AK$366,ROUNDDOWN($C8653/24,0)+1,1))-1)+IF('Standard Profiles'!$G$21=$B$10,7,0)+IF('Standard Profiles'!$G$21=$B$17,14,0)+IF('Standard Profiles'!$G$21=$B$24,21,0),0)),0)</f>
        <v>0</v>
      </c>
      <c r="H8653" cm="1">
        <f t="array" ref="H8653">IFERROR(INDEX(Jesper!AL$2:AL$366,ROUNDDOWN($C8653/24,0)+1,1)*INDEX($D$3:$AA$30,INDEX(Jesper!$R$2:$R$366,ROW(INDEX(Jesper!AL$2:AL$366,ROUNDDOWN($C8653/24,0)+1,1))-1)+IF('Standard Profiles'!$G$22=$B$10,7,0)+IF('Standard Profiles'!$G$22=$B$17,14,0)+IF('Standard Profiles'!$G$22=$B$24,21,0),MOD($C8653,24)+1)/SUM(INDEX($D$3:$AA$30,INDEX(Jesper!$R$2:$R$366,ROW(INDEX(Jesper!AL$2:AL$366,ROUNDDOWN($C8653/24,0)+1,1))-1)+IF('Standard Profiles'!$G$22=$B$10,7,0)+IF('Standard Profiles'!$G$22=$B$17,14,0)+IF('Standard Profiles'!$G$22=$B$24,21,0),0)),0)</f>
        <v>0</v>
      </c>
      <c r="I8653">
        <f t="shared" si="958"/>
        <v>0.23596080201637382</v>
      </c>
      <c r="J8653">
        <f t="shared" si="959"/>
        <v>0.78653600672124613</v>
      </c>
      <c r="K8653">
        <f t="shared" si="960"/>
        <v>1.1798040100818692</v>
      </c>
      <c r="L8653">
        <f t="shared" si="961"/>
        <v>5.6630592483929716</v>
      </c>
      <c r="M8653">
        <f t="shared" si="962"/>
        <v>0</v>
      </c>
      <c r="N8653" s="46">
        <f t="shared" si="963"/>
        <v>45651.124999979096</v>
      </c>
    </row>
    <row r="8654" spans="2:14" x14ac:dyDescent="0.3">
      <c r="B8654">
        <f t="shared" si="957"/>
        <v>3</v>
      </c>
      <c r="C8654" s="16">
        <v>8620</v>
      </c>
      <c r="D8654" cm="1">
        <f t="array" ref="D8654">IFERROR(INDEX(Jesper!AH$2:AH$366,ROUNDDOWN($C8654/24,0)+1,1)*INDEX($D$3:$AA$30,INDEX(Jesper!$R$2:$R$366,ROW(INDEX(Jesper!AH$2:AH$366,ROUNDDOWN($C8654/24,0)+1,1))-1)+IF('Standard Profiles'!$G$18=$B$10,7,0)+IF('Standard Profiles'!$G$18=$B$17,14,0)+IF('Standard Profiles'!$G$18=$B$24,21,0),MOD($C8654,24)+1)/SUM(INDEX($D$3:$AA$30,INDEX(Jesper!$R$2:$R$366,ROW(INDEX(Jesper!AH$2:AH$366,ROUNDDOWN($C8654/24,0)+1,1))-1)+IF('Standard Profiles'!$G$18=$B$10,7,0)+IF('Standard Profiles'!$G$18=$B$17,14,0)+IF('Standard Profiles'!$G$18=$B$24,21,0),0)),0)</f>
        <v>7.8653600672124613</v>
      </c>
      <c r="E8654" cm="1">
        <f t="array" ref="E8654">IFERROR(INDEX(Jesper!AI$2:AI$366,ROUNDDOWN($C8654/24,0)+1,1)*INDEX($D$3:$AA$30,INDEX(Jesper!$R$2:$R$366,ROW(INDEX(Jesper!AI$2:AI$366,ROUNDDOWN($C8654/24,0)+1,1))-1)+IF('Standard Profiles'!$G$19=$B$10,7,0)+IF('Standard Profiles'!$G$19=$B$17,14,0)+IF('Standard Profiles'!$G$19=$B$24,21,0),MOD($C8654,24)+1)/SUM(INDEX($D$3:$AA$30,INDEX(Jesper!$R$2:$R$366,ROW(INDEX(Jesper!AI$2:AI$366,ROUNDDOWN($C8654/24,0)+1,1))-1)+IF('Standard Profiles'!$G$19=$B$10,7,0)+IF('Standard Profiles'!$G$19=$B$17,14,0)+IF('Standard Profiles'!$G$19=$B$24,21,0),0)),0)</f>
        <v>0</v>
      </c>
      <c r="F8654" cm="1">
        <f t="array" ref="F8654">IFERROR(INDEX(Jesper!AJ$2:AJ$366,ROUNDDOWN($C8654/24,0)+1,1)*INDEX($D$3:$AA$30,INDEX(Jesper!$R$2:$R$366,ROW(INDEX(Jesper!AJ$2:AJ$366,ROUNDDOWN($C8654/24,0)+1,1))-1)+IF('Standard Profiles'!$G$20=$B$10,7,0)+IF('Standard Profiles'!$G$20=$B$17,14,0)+IF('Standard Profiles'!$G$20=$B$24,21,0),MOD($C8654,24)+1)/SUM(INDEX($D$3:$AA$30,INDEX(Jesper!$R$2:$R$366,ROW(INDEX(Jesper!AJ$2:AJ$366,ROUNDDOWN($C8654/24,0)+1,1))-1)+IF('Standard Profiles'!$G$20=$B$10,7,0)+IF('Standard Profiles'!$G$20=$B$17,14,0)+IF('Standard Profiles'!$G$20=$B$24,21,0),0)),0)</f>
        <v>0</v>
      </c>
      <c r="G8654" cm="1">
        <f t="array" ref="G8654">IFERROR(INDEX(Jesper!AK$2:AK$366,ROUNDDOWN($C8654/24,0)+1,1)*INDEX($D$3:$AA$30,INDEX(Jesper!$R$2:$R$366,ROW(INDEX(Jesper!AK$2:AK$366,ROUNDDOWN($C8654/24,0)+1,1))-1)+IF('Standard Profiles'!$G$21=$B$10,7,0)+IF('Standard Profiles'!$G$21=$B$17,14,0)+IF('Standard Profiles'!$G$21=$B$24,21,0),MOD($C8654,24)+1)/SUM(INDEX($D$3:$AA$30,INDEX(Jesper!$R$2:$R$366,ROW(INDEX(Jesper!AK$2:AK$366,ROUNDDOWN($C8654/24,0)+1,1))-1)+IF('Standard Profiles'!$G$21=$B$10,7,0)+IF('Standard Profiles'!$G$21=$B$17,14,0)+IF('Standard Profiles'!$G$21=$B$24,21,0),0)),0)</f>
        <v>0</v>
      </c>
      <c r="H8654" cm="1">
        <f t="array" ref="H8654">IFERROR(INDEX(Jesper!AL$2:AL$366,ROUNDDOWN($C8654/24,0)+1,1)*INDEX($D$3:$AA$30,INDEX(Jesper!$R$2:$R$366,ROW(INDEX(Jesper!AL$2:AL$366,ROUNDDOWN($C8654/24,0)+1,1))-1)+IF('Standard Profiles'!$G$22=$B$10,7,0)+IF('Standard Profiles'!$G$22=$B$17,14,0)+IF('Standard Profiles'!$G$22=$B$24,21,0),MOD($C8654,24)+1)/SUM(INDEX($D$3:$AA$30,INDEX(Jesper!$R$2:$R$366,ROW(INDEX(Jesper!AL$2:AL$366,ROUNDDOWN($C8654/24,0)+1,1))-1)+IF('Standard Profiles'!$G$22=$B$10,7,0)+IF('Standard Profiles'!$G$22=$B$17,14,0)+IF('Standard Profiles'!$G$22=$B$24,21,0),0)),0)</f>
        <v>0</v>
      </c>
      <c r="I8654">
        <f t="shared" si="958"/>
        <v>0.23596080201637382</v>
      </c>
      <c r="J8654">
        <f t="shared" si="959"/>
        <v>0.78653600672124613</v>
      </c>
      <c r="K8654">
        <f t="shared" si="960"/>
        <v>1.1798040100818692</v>
      </c>
      <c r="L8654">
        <f t="shared" si="961"/>
        <v>5.6630592483929716</v>
      </c>
      <c r="M8654">
        <f t="shared" si="962"/>
        <v>0</v>
      </c>
      <c r="N8654" s="46">
        <f t="shared" si="963"/>
        <v>45651.16666664576</v>
      </c>
    </row>
    <row r="8655" spans="2:14" x14ac:dyDescent="0.3">
      <c r="B8655">
        <f t="shared" si="957"/>
        <v>3</v>
      </c>
      <c r="C8655" s="16">
        <v>8621</v>
      </c>
      <c r="D8655" cm="1">
        <f t="array" ref="D8655">IFERROR(INDEX(Jesper!AH$2:AH$366,ROUNDDOWN($C8655/24,0)+1,1)*INDEX($D$3:$AA$30,INDEX(Jesper!$R$2:$R$366,ROW(INDEX(Jesper!AH$2:AH$366,ROUNDDOWN($C8655/24,0)+1,1))-1)+IF('Standard Profiles'!$G$18=$B$10,7,0)+IF('Standard Profiles'!$G$18=$B$17,14,0)+IF('Standard Profiles'!$G$18=$B$24,21,0),MOD($C8655,24)+1)/SUM(INDEX($D$3:$AA$30,INDEX(Jesper!$R$2:$R$366,ROW(INDEX(Jesper!AH$2:AH$366,ROUNDDOWN($C8655/24,0)+1,1))-1)+IF('Standard Profiles'!$G$18=$B$10,7,0)+IF('Standard Profiles'!$G$18=$B$17,14,0)+IF('Standard Profiles'!$G$18=$B$24,21,0),0)),0)</f>
        <v>10.137575197740507</v>
      </c>
      <c r="E8655" cm="1">
        <f t="array" ref="E8655">IFERROR(INDEX(Jesper!AI$2:AI$366,ROUNDDOWN($C8655/24,0)+1,1)*INDEX($D$3:$AA$30,INDEX(Jesper!$R$2:$R$366,ROW(INDEX(Jesper!AI$2:AI$366,ROUNDDOWN($C8655/24,0)+1,1))-1)+IF('Standard Profiles'!$G$19=$B$10,7,0)+IF('Standard Profiles'!$G$19=$B$17,14,0)+IF('Standard Profiles'!$G$19=$B$24,21,0),MOD($C8655,24)+1)/SUM(INDEX($D$3:$AA$30,INDEX(Jesper!$R$2:$R$366,ROW(INDEX(Jesper!AI$2:AI$366,ROUNDDOWN($C8655/24,0)+1,1))-1)+IF('Standard Profiles'!$G$19=$B$10,7,0)+IF('Standard Profiles'!$G$19=$B$17,14,0)+IF('Standard Profiles'!$G$19=$B$24,21,0),0)),0)</f>
        <v>0</v>
      </c>
      <c r="F8655" cm="1">
        <f t="array" ref="F8655">IFERROR(INDEX(Jesper!AJ$2:AJ$366,ROUNDDOWN($C8655/24,0)+1,1)*INDEX($D$3:$AA$30,INDEX(Jesper!$R$2:$R$366,ROW(INDEX(Jesper!AJ$2:AJ$366,ROUNDDOWN($C8655/24,0)+1,1))-1)+IF('Standard Profiles'!$G$20=$B$10,7,0)+IF('Standard Profiles'!$G$20=$B$17,14,0)+IF('Standard Profiles'!$G$20=$B$24,21,0),MOD($C8655,24)+1)/SUM(INDEX($D$3:$AA$30,INDEX(Jesper!$R$2:$R$366,ROW(INDEX(Jesper!AJ$2:AJ$366,ROUNDDOWN($C8655/24,0)+1,1))-1)+IF('Standard Profiles'!$G$20=$B$10,7,0)+IF('Standard Profiles'!$G$20=$B$17,14,0)+IF('Standard Profiles'!$G$20=$B$24,21,0),0)),0)</f>
        <v>0</v>
      </c>
      <c r="G8655" cm="1">
        <f t="array" ref="G8655">IFERROR(INDEX(Jesper!AK$2:AK$366,ROUNDDOWN($C8655/24,0)+1,1)*INDEX($D$3:$AA$30,INDEX(Jesper!$R$2:$R$366,ROW(INDEX(Jesper!AK$2:AK$366,ROUNDDOWN($C8655/24,0)+1,1))-1)+IF('Standard Profiles'!$G$21=$B$10,7,0)+IF('Standard Profiles'!$G$21=$B$17,14,0)+IF('Standard Profiles'!$G$21=$B$24,21,0),MOD($C8655,24)+1)/SUM(INDEX($D$3:$AA$30,INDEX(Jesper!$R$2:$R$366,ROW(INDEX(Jesper!AK$2:AK$366,ROUNDDOWN($C8655/24,0)+1,1))-1)+IF('Standard Profiles'!$G$21=$B$10,7,0)+IF('Standard Profiles'!$G$21=$B$17,14,0)+IF('Standard Profiles'!$G$21=$B$24,21,0),0)),0)</f>
        <v>0</v>
      </c>
      <c r="H8655" cm="1">
        <f t="array" ref="H8655">IFERROR(INDEX(Jesper!AL$2:AL$366,ROUNDDOWN($C8655/24,0)+1,1)*INDEX($D$3:$AA$30,INDEX(Jesper!$R$2:$R$366,ROW(INDEX(Jesper!AL$2:AL$366,ROUNDDOWN($C8655/24,0)+1,1))-1)+IF('Standard Profiles'!$G$22=$B$10,7,0)+IF('Standard Profiles'!$G$22=$B$17,14,0)+IF('Standard Profiles'!$G$22=$B$24,21,0),MOD($C8655,24)+1)/SUM(INDEX($D$3:$AA$30,INDEX(Jesper!$R$2:$R$366,ROW(INDEX(Jesper!AL$2:AL$366,ROUNDDOWN($C8655/24,0)+1,1))-1)+IF('Standard Profiles'!$G$22=$B$10,7,0)+IF('Standard Profiles'!$G$22=$B$17,14,0)+IF('Standard Profiles'!$G$22=$B$24,21,0),0)),0)</f>
        <v>0</v>
      </c>
      <c r="I8655">
        <f t="shared" si="958"/>
        <v>0.30412725593221518</v>
      </c>
      <c r="J8655">
        <f t="shared" si="959"/>
        <v>1.0137575197740507</v>
      </c>
      <c r="K8655">
        <f t="shared" si="960"/>
        <v>1.520636279661076</v>
      </c>
      <c r="L8655">
        <f t="shared" si="961"/>
        <v>7.2990541423731647</v>
      </c>
      <c r="M8655">
        <f t="shared" si="962"/>
        <v>0</v>
      </c>
      <c r="N8655" s="46">
        <f t="shared" si="963"/>
        <v>45651.208333312425</v>
      </c>
    </row>
    <row r="8656" spans="2:14" x14ac:dyDescent="0.3">
      <c r="B8656">
        <f t="shared" si="957"/>
        <v>3</v>
      </c>
      <c r="C8656" s="16">
        <v>8622</v>
      </c>
      <c r="D8656" cm="1">
        <f t="array" ref="D8656">IFERROR(INDEX(Jesper!AH$2:AH$366,ROUNDDOWN($C8656/24,0)+1,1)*INDEX($D$3:$AA$30,INDEX(Jesper!$R$2:$R$366,ROW(INDEX(Jesper!AH$2:AH$366,ROUNDDOWN($C8656/24,0)+1,1))-1)+IF('Standard Profiles'!$G$18=$B$10,7,0)+IF('Standard Profiles'!$G$18=$B$17,14,0)+IF('Standard Profiles'!$G$18=$B$24,21,0),MOD($C8656,24)+1)/SUM(INDEX($D$3:$AA$30,INDEX(Jesper!$R$2:$R$366,ROW(INDEX(Jesper!AH$2:AH$366,ROUNDDOWN($C8656/24,0)+1,1))-1)+IF('Standard Profiles'!$G$18=$B$10,7,0)+IF('Standard Profiles'!$G$18=$B$17,14,0)+IF('Standard Profiles'!$G$18=$B$24,21,0),0)),0)</f>
        <v>11.710647211183</v>
      </c>
      <c r="E8656" cm="1">
        <f t="array" ref="E8656">IFERROR(INDEX(Jesper!AI$2:AI$366,ROUNDDOWN($C8656/24,0)+1,1)*INDEX($D$3:$AA$30,INDEX(Jesper!$R$2:$R$366,ROW(INDEX(Jesper!AI$2:AI$366,ROUNDDOWN($C8656/24,0)+1,1))-1)+IF('Standard Profiles'!$G$19=$B$10,7,0)+IF('Standard Profiles'!$G$19=$B$17,14,0)+IF('Standard Profiles'!$G$19=$B$24,21,0),MOD($C8656,24)+1)/SUM(INDEX($D$3:$AA$30,INDEX(Jesper!$R$2:$R$366,ROW(INDEX(Jesper!AI$2:AI$366,ROUNDDOWN($C8656/24,0)+1,1))-1)+IF('Standard Profiles'!$G$19=$B$10,7,0)+IF('Standard Profiles'!$G$19=$B$17,14,0)+IF('Standard Profiles'!$G$19=$B$24,21,0),0)),0)</f>
        <v>0</v>
      </c>
      <c r="F8656" cm="1">
        <f t="array" ref="F8656">IFERROR(INDEX(Jesper!AJ$2:AJ$366,ROUNDDOWN($C8656/24,0)+1,1)*INDEX($D$3:$AA$30,INDEX(Jesper!$R$2:$R$366,ROW(INDEX(Jesper!AJ$2:AJ$366,ROUNDDOWN($C8656/24,0)+1,1))-1)+IF('Standard Profiles'!$G$20=$B$10,7,0)+IF('Standard Profiles'!$G$20=$B$17,14,0)+IF('Standard Profiles'!$G$20=$B$24,21,0),MOD($C8656,24)+1)/SUM(INDEX($D$3:$AA$30,INDEX(Jesper!$R$2:$R$366,ROW(INDEX(Jesper!AJ$2:AJ$366,ROUNDDOWN($C8656/24,0)+1,1))-1)+IF('Standard Profiles'!$G$20=$B$10,7,0)+IF('Standard Profiles'!$G$20=$B$17,14,0)+IF('Standard Profiles'!$G$20=$B$24,21,0),0)),0)</f>
        <v>0</v>
      </c>
      <c r="G8656" cm="1">
        <f t="array" ref="G8656">IFERROR(INDEX(Jesper!AK$2:AK$366,ROUNDDOWN($C8656/24,0)+1,1)*INDEX($D$3:$AA$30,INDEX(Jesper!$R$2:$R$366,ROW(INDEX(Jesper!AK$2:AK$366,ROUNDDOWN($C8656/24,0)+1,1))-1)+IF('Standard Profiles'!$G$21=$B$10,7,0)+IF('Standard Profiles'!$G$21=$B$17,14,0)+IF('Standard Profiles'!$G$21=$B$24,21,0),MOD($C8656,24)+1)/SUM(INDEX($D$3:$AA$30,INDEX(Jesper!$R$2:$R$366,ROW(INDEX(Jesper!AK$2:AK$366,ROUNDDOWN($C8656/24,0)+1,1))-1)+IF('Standard Profiles'!$G$21=$B$10,7,0)+IF('Standard Profiles'!$G$21=$B$17,14,0)+IF('Standard Profiles'!$G$21=$B$24,21,0),0)),0)</f>
        <v>0</v>
      </c>
      <c r="H8656" cm="1">
        <f t="array" ref="H8656">IFERROR(INDEX(Jesper!AL$2:AL$366,ROUNDDOWN($C8656/24,0)+1,1)*INDEX($D$3:$AA$30,INDEX(Jesper!$R$2:$R$366,ROW(INDEX(Jesper!AL$2:AL$366,ROUNDDOWN($C8656/24,0)+1,1))-1)+IF('Standard Profiles'!$G$22=$B$10,7,0)+IF('Standard Profiles'!$G$22=$B$17,14,0)+IF('Standard Profiles'!$G$22=$B$24,21,0),MOD($C8656,24)+1)/SUM(INDEX($D$3:$AA$30,INDEX(Jesper!$R$2:$R$366,ROW(INDEX(Jesper!AL$2:AL$366,ROUNDDOWN($C8656/24,0)+1,1))-1)+IF('Standard Profiles'!$G$22=$B$10,7,0)+IF('Standard Profiles'!$G$22=$B$17,14,0)+IF('Standard Profiles'!$G$22=$B$24,21,0),0)),0)</f>
        <v>0</v>
      </c>
      <c r="I8656">
        <f t="shared" si="958"/>
        <v>0.35131941633548996</v>
      </c>
      <c r="J8656">
        <f t="shared" si="959"/>
        <v>1.1710647211183001</v>
      </c>
      <c r="K8656">
        <f t="shared" si="960"/>
        <v>1.7565970816774499</v>
      </c>
      <c r="L8656">
        <f t="shared" si="961"/>
        <v>8.4316659920517587</v>
      </c>
      <c r="M8656">
        <f t="shared" si="962"/>
        <v>0</v>
      </c>
      <c r="N8656" s="46">
        <f t="shared" si="963"/>
        <v>45651.249999979089</v>
      </c>
    </row>
    <row r="8657" spans="2:14" x14ac:dyDescent="0.3">
      <c r="B8657">
        <f t="shared" si="957"/>
        <v>3</v>
      </c>
      <c r="C8657" s="16">
        <v>8623</v>
      </c>
      <c r="D8657" cm="1">
        <f t="array" ref="D8657">IFERROR(INDEX(Jesper!AH$2:AH$366,ROUNDDOWN($C8657/24,0)+1,1)*INDEX($D$3:$AA$30,INDEX(Jesper!$R$2:$R$366,ROW(INDEX(Jesper!AH$2:AH$366,ROUNDDOWN($C8657/24,0)+1,1))-1)+IF('Standard Profiles'!$G$18=$B$10,7,0)+IF('Standard Profiles'!$G$18=$B$17,14,0)+IF('Standard Profiles'!$G$18=$B$24,21,0),MOD($C8657,24)+1)/SUM(INDEX($D$3:$AA$30,INDEX(Jesper!$R$2:$R$366,ROW(INDEX(Jesper!AH$2:AH$366,ROUNDDOWN($C8657/24,0)+1,1))-1)+IF('Standard Profiles'!$G$18=$B$10,7,0)+IF('Standard Profiles'!$G$18=$B$17,14,0)+IF('Standard Profiles'!$G$18=$B$24,21,0),0)),0)</f>
        <v>11.710647211183</v>
      </c>
      <c r="E8657" cm="1">
        <f t="array" ref="E8657">IFERROR(INDEX(Jesper!AI$2:AI$366,ROUNDDOWN($C8657/24,0)+1,1)*INDEX($D$3:$AA$30,INDEX(Jesper!$R$2:$R$366,ROW(INDEX(Jesper!AI$2:AI$366,ROUNDDOWN($C8657/24,0)+1,1))-1)+IF('Standard Profiles'!$G$19=$B$10,7,0)+IF('Standard Profiles'!$G$19=$B$17,14,0)+IF('Standard Profiles'!$G$19=$B$24,21,0),MOD($C8657,24)+1)/SUM(INDEX($D$3:$AA$30,INDEX(Jesper!$R$2:$R$366,ROW(INDEX(Jesper!AI$2:AI$366,ROUNDDOWN($C8657/24,0)+1,1))-1)+IF('Standard Profiles'!$G$19=$B$10,7,0)+IF('Standard Profiles'!$G$19=$B$17,14,0)+IF('Standard Profiles'!$G$19=$B$24,21,0),0)),0)</f>
        <v>0</v>
      </c>
      <c r="F8657" cm="1">
        <f t="array" ref="F8657">IFERROR(INDEX(Jesper!AJ$2:AJ$366,ROUNDDOWN($C8657/24,0)+1,1)*INDEX($D$3:$AA$30,INDEX(Jesper!$R$2:$R$366,ROW(INDEX(Jesper!AJ$2:AJ$366,ROUNDDOWN($C8657/24,0)+1,1))-1)+IF('Standard Profiles'!$G$20=$B$10,7,0)+IF('Standard Profiles'!$G$20=$B$17,14,0)+IF('Standard Profiles'!$G$20=$B$24,21,0),MOD($C8657,24)+1)/SUM(INDEX($D$3:$AA$30,INDEX(Jesper!$R$2:$R$366,ROW(INDEX(Jesper!AJ$2:AJ$366,ROUNDDOWN($C8657/24,0)+1,1))-1)+IF('Standard Profiles'!$G$20=$B$10,7,0)+IF('Standard Profiles'!$G$20=$B$17,14,0)+IF('Standard Profiles'!$G$20=$B$24,21,0),0)),0)</f>
        <v>0</v>
      </c>
      <c r="G8657" cm="1">
        <f t="array" ref="G8657">IFERROR(INDEX(Jesper!AK$2:AK$366,ROUNDDOWN($C8657/24,0)+1,1)*INDEX($D$3:$AA$30,INDEX(Jesper!$R$2:$R$366,ROW(INDEX(Jesper!AK$2:AK$366,ROUNDDOWN($C8657/24,0)+1,1))-1)+IF('Standard Profiles'!$G$21=$B$10,7,0)+IF('Standard Profiles'!$G$21=$B$17,14,0)+IF('Standard Profiles'!$G$21=$B$24,21,0),MOD($C8657,24)+1)/SUM(INDEX($D$3:$AA$30,INDEX(Jesper!$R$2:$R$366,ROW(INDEX(Jesper!AK$2:AK$366,ROUNDDOWN($C8657/24,0)+1,1))-1)+IF('Standard Profiles'!$G$21=$B$10,7,0)+IF('Standard Profiles'!$G$21=$B$17,14,0)+IF('Standard Profiles'!$G$21=$B$24,21,0),0)),0)</f>
        <v>0</v>
      </c>
      <c r="H8657" cm="1">
        <f t="array" ref="H8657">IFERROR(INDEX(Jesper!AL$2:AL$366,ROUNDDOWN($C8657/24,0)+1,1)*INDEX($D$3:$AA$30,INDEX(Jesper!$R$2:$R$366,ROW(INDEX(Jesper!AL$2:AL$366,ROUNDDOWN($C8657/24,0)+1,1))-1)+IF('Standard Profiles'!$G$22=$B$10,7,0)+IF('Standard Profiles'!$G$22=$B$17,14,0)+IF('Standard Profiles'!$G$22=$B$24,21,0),MOD($C8657,24)+1)/SUM(INDEX($D$3:$AA$30,INDEX(Jesper!$R$2:$R$366,ROW(INDEX(Jesper!AL$2:AL$366,ROUNDDOWN($C8657/24,0)+1,1))-1)+IF('Standard Profiles'!$G$22=$B$10,7,0)+IF('Standard Profiles'!$G$22=$B$17,14,0)+IF('Standard Profiles'!$G$22=$B$24,21,0),0)),0)</f>
        <v>0</v>
      </c>
      <c r="I8657">
        <f t="shared" si="958"/>
        <v>0.35131941633548996</v>
      </c>
      <c r="J8657">
        <f t="shared" si="959"/>
        <v>1.1710647211183001</v>
      </c>
      <c r="K8657">
        <f t="shared" si="960"/>
        <v>1.7565970816774499</v>
      </c>
      <c r="L8657">
        <f t="shared" si="961"/>
        <v>8.4316659920517587</v>
      </c>
      <c r="M8657">
        <f t="shared" si="962"/>
        <v>0</v>
      </c>
      <c r="N8657" s="46">
        <f t="shared" si="963"/>
        <v>45651.291666645753</v>
      </c>
    </row>
    <row r="8658" spans="2:14" x14ac:dyDescent="0.3">
      <c r="B8658">
        <f t="shared" si="957"/>
        <v>3</v>
      </c>
      <c r="C8658" s="16">
        <v>8624</v>
      </c>
      <c r="D8658" cm="1">
        <f t="array" ref="D8658">IFERROR(INDEX(Jesper!AH$2:AH$366,ROUNDDOWN($C8658/24,0)+1,1)*INDEX($D$3:$AA$30,INDEX(Jesper!$R$2:$R$366,ROW(INDEX(Jesper!AH$2:AH$366,ROUNDDOWN($C8658/24,0)+1,1))-1)+IF('Standard Profiles'!$G$18=$B$10,7,0)+IF('Standard Profiles'!$G$18=$B$17,14,0)+IF('Standard Profiles'!$G$18=$B$24,21,0),MOD($C8658,24)+1)/SUM(INDEX($D$3:$AA$30,INDEX(Jesper!$R$2:$R$366,ROW(INDEX(Jesper!AH$2:AH$366,ROUNDDOWN($C8658/24,0)+1,1))-1)+IF('Standard Profiles'!$G$18=$B$10,7,0)+IF('Standard Profiles'!$G$18=$B$17,14,0)+IF('Standard Profiles'!$G$18=$B$24,21,0),0)),0)</f>
        <v>11.710647211183</v>
      </c>
      <c r="E8658" cm="1">
        <f t="array" ref="E8658">IFERROR(INDEX(Jesper!AI$2:AI$366,ROUNDDOWN($C8658/24,0)+1,1)*INDEX($D$3:$AA$30,INDEX(Jesper!$R$2:$R$366,ROW(INDEX(Jesper!AI$2:AI$366,ROUNDDOWN($C8658/24,0)+1,1))-1)+IF('Standard Profiles'!$G$19=$B$10,7,0)+IF('Standard Profiles'!$G$19=$B$17,14,0)+IF('Standard Profiles'!$G$19=$B$24,21,0),MOD($C8658,24)+1)/SUM(INDEX($D$3:$AA$30,INDEX(Jesper!$R$2:$R$366,ROW(INDEX(Jesper!AI$2:AI$366,ROUNDDOWN($C8658/24,0)+1,1))-1)+IF('Standard Profiles'!$G$19=$B$10,7,0)+IF('Standard Profiles'!$G$19=$B$17,14,0)+IF('Standard Profiles'!$G$19=$B$24,21,0),0)),0)</f>
        <v>0</v>
      </c>
      <c r="F8658" cm="1">
        <f t="array" ref="F8658">IFERROR(INDEX(Jesper!AJ$2:AJ$366,ROUNDDOWN($C8658/24,0)+1,1)*INDEX($D$3:$AA$30,INDEX(Jesper!$R$2:$R$366,ROW(INDEX(Jesper!AJ$2:AJ$366,ROUNDDOWN($C8658/24,0)+1,1))-1)+IF('Standard Profiles'!$G$20=$B$10,7,0)+IF('Standard Profiles'!$G$20=$B$17,14,0)+IF('Standard Profiles'!$G$20=$B$24,21,0),MOD($C8658,24)+1)/SUM(INDEX($D$3:$AA$30,INDEX(Jesper!$R$2:$R$366,ROW(INDEX(Jesper!AJ$2:AJ$366,ROUNDDOWN($C8658/24,0)+1,1))-1)+IF('Standard Profiles'!$G$20=$B$10,7,0)+IF('Standard Profiles'!$G$20=$B$17,14,0)+IF('Standard Profiles'!$G$20=$B$24,21,0),0)),0)</f>
        <v>0</v>
      </c>
      <c r="G8658" cm="1">
        <f t="array" ref="G8658">IFERROR(INDEX(Jesper!AK$2:AK$366,ROUNDDOWN($C8658/24,0)+1,1)*INDEX($D$3:$AA$30,INDEX(Jesper!$R$2:$R$366,ROW(INDEX(Jesper!AK$2:AK$366,ROUNDDOWN($C8658/24,0)+1,1))-1)+IF('Standard Profiles'!$G$21=$B$10,7,0)+IF('Standard Profiles'!$G$21=$B$17,14,0)+IF('Standard Profiles'!$G$21=$B$24,21,0),MOD($C8658,24)+1)/SUM(INDEX($D$3:$AA$30,INDEX(Jesper!$R$2:$R$366,ROW(INDEX(Jesper!AK$2:AK$366,ROUNDDOWN($C8658/24,0)+1,1))-1)+IF('Standard Profiles'!$G$21=$B$10,7,0)+IF('Standard Profiles'!$G$21=$B$17,14,0)+IF('Standard Profiles'!$G$21=$B$24,21,0),0)),0)</f>
        <v>0</v>
      </c>
      <c r="H8658" cm="1">
        <f t="array" ref="H8658">IFERROR(INDEX(Jesper!AL$2:AL$366,ROUNDDOWN($C8658/24,0)+1,1)*INDEX($D$3:$AA$30,INDEX(Jesper!$R$2:$R$366,ROW(INDEX(Jesper!AL$2:AL$366,ROUNDDOWN($C8658/24,0)+1,1))-1)+IF('Standard Profiles'!$G$22=$B$10,7,0)+IF('Standard Profiles'!$G$22=$B$17,14,0)+IF('Standard Profiles'!$G$22=$B$24,21,0),MOD($C8658,24)+1)/SUM(INDEX($D$3:$AA$30,INDEX(Jesper!$R$2:$R$366,ROW(INDEX(Jesper!AL$2:AL$366,ROUNDDOWN($C8658/24,0)+1,1))-1)+IF('Standard Profiles'!$G$22=$B$10,7,0)+IF('Standard Profiles'!$G$22=$B$17,14,0)+IF('Standard Profiles'!$G$22=$B$24,21,0),0)),0)</f>
        <v>0</v>
      </c>
      <c r="I8658">
        <f t="shared" si="958"/>
        <v>0.35131941633548996</v>
      </c>
      <c r="J8658">
        <f t="shared" si="959"/>
        <v>1.1710647211183001</v>
      </c>
      <c r="K8658">
        <f t="shared" si="960"/>
        <v>1.7565970816774499</v>
      </c>
      <c r="L8658">
        <f t="shared" si="961"/>
        <v>8.4316659920517587</v>
      </c>
      <c r="M8658">
        <f t="shared" si="962"/>
        <v>0</v>
      </c>
      <c r="N8658" s="46">
        <f t="shared" si="963"/>
        <v>45651.333333312417</v>
      </c>
    </row>
    <row r="8659" spans="2:14" x14ac:dyDescent="0.3">
      <c r="B8659">
        <f t="shared" si="957"/>
        <v>3</v>
      </c>
      <c r="C8659" s="16">
        <v>8625</v>
      </c>
      <c r="D8659" cm="1">
        <f t="array" ref="D8659">IFERROR(INDEX(Jesper!AH$2:AH$366,ROUNDDOWN($C8659/24,0)+1,1)*INDEX($D$3:$AA$30,INDEX(Jesper!$R$2:$R$366,ROW(INDEX(Jesper!AH$2:AH$366,ROUNDDOWN($C8659/24,0)+1,1))-1)+IF('Standard Profiles'!$G$18=$B$10,7,0)+IF('Standard Profiles'!$G$18=$B$17,14,0)+IF('Standard Profiles'!$G$18=$B$24,21,0),MOD($C8659,24)+1)/SUM(INDEX($D$3:$AA$30,INDEX(Jesper!$R$2:$R$366,ROW(INDEX(Jesper!AH$2:AH$366,ROUNDDOWN($C8659/24,0)+1,1))-1)+IF('Standard Profiles'!$G$18=$B$10,7,0)+IF('Standard Profiles'!$G$18=$B$17,14,0)+IF('Standard Profiles'!$G$18=$B$24,21,0),0)),0)</f>
        <v>12.58457610753994</v>
      </c>
      <c r="E8659" cm="1">
        <f t="array" ref="E8659">IFERROR(INDEX(Jesper!AI$2:AI$366,ROUNDDOWN($C8659/24,0)+1,1)*INDEX($D$3:$AA$30,INDEX(Jesper!$R$2:$R$366,ROW(INDEX(Jesper!AI$2:AI$366,ROUNDDOWN($C8659/24,0)+1,1))-1)+IF('Standard Profiles'!$G$19=$B$10,7,0)+IF('Standard Profiles'!$G$19=$B$17,14,0)+IF('Standard Profiles'!$G$19=$B$24,21,0),MOD($C8659,24)+1)/SUM(INDEX($D$3:$AA$30,INDEX(Jesper!$R$2:$R$366,ROW(INDEX(Jesper!AI$2:AI$366,ROUNDDOWN($C8659/24,0)+1,1))-1)+IF('Standard Profiles'!$G$19=$B$10,7,0)+IF('Standard Profiles'!$G$19=$B$17,14,0)+IF('Standard Profiles'!$G$19=$B$24,21,0),0)),0)</f>
        <v>0</v>
      </c>
      <c r="F8659" cm="1">
        <f t="array" ref="F8659">IFERROR(INDEX(Jesper!AJ$2:AJ$366,ROUNDDOWN($C8659/24,0)+1,1)*INDEX($D$3:$AA$30,INDEX(Jesper!$R$2:$R$366,ROW(INDEX(Jesper!AJ$2:AJ$366,ROUNDDOWN($C8659/24,0)+1,1))-1)+IF('Standard Profiles'!$G$20=$B$10,7,0)+IF('Standard Profiles'!$G$20=$B$17,14,0)+IF('Standard Profiles'!$G$20=$B$24,21,0),MOD($C8659,24)+1)/SUM(INDEX($D$3:$AA$30,INDEX(Jesper!$R$2:$R$366,ROW(INDEX(Jesper!AJ$2:AJ$366,ROUNDDOWN($C8659/24,0)+1,1))-1)+IF('Standard Profiles'!$G$20=$B$10,7,0)+IF('Standard Profiles'!$G$20=$B$17,14,0)+IF('Standard Profiles'!$G$20=$B$24,21,0),0)),0)</f>
        <v>0</v>
      </c>
      <c r="G8659" cm="1">
        <f t="array" ref="G8659">IFERROR(INDEX(Jesper!AK$2:AK$366,ROUNDDOWN($C8659/24,0)+1,1)*INDEX($D$3:$AA$30,INDEX(Jesper!$R$2:$R$366,ROW(INDEX(Jesper!AK$2:AK$366,ROUNDDOWN($C8659/24,0)+1,1))-1)+IF('Standard Profiles'!$G$21=$B$10,7,0)+IF('Standard Profiles'!$G$21=$B$17,14,0)+IF('Standard Profiles'!$G$21=$B$24,21,0),MOD($C8659,24)+1)/SUM(INDEX($D$3:$AA$30,INDEX(Jesper!$R$2:$R$366,ROW(INDEX(Jesper!AK$2:AK$366,ROUNDDOWN($C8659/24,0)+1,1))-1)+IF('Standard Profiles'!$G$21=$B$10,7,0)+IF('Standard Profiles'!$G$21=$B$17,14,0)+IF('Standard Profiles'!$G$21=$B$24,21,0),0)),0)</f>
        <v>0</v>
      </c>
      <c r="H8659" cm="1">
        <f t="array" ref="H8659">IFERROR(INDEX(Jesper!AL$2:AL$366,ROUNDDOWN($C8659/24,0)+1,1)*INDEX($D$3:$AA$30,INDEX(Jesper!$R$2:$R$366,ROW(INDEX(Jesper!AL$2:AL$366,ROUNDDOWN($C8659/24,0)+1,1))-1)+IF('Standard Profiles'!$G$22=$B$10,7,0)+IF('Standard Profiles'!$G$22=$B$17,14,0)+IF('Standard Profiles'!$G$22=$B$24,21,0),MOD($C8659,24)+1)/SUM(INDEX($D$3:$AA$30,INDEX(Jesper!$R$2:$R$366,ROW(INDEX(Jesper!AL$2:AL$366,ROUNDDOWN($C8659/24,0)+1,1))-1)+IF('Standard Profiles'!$G$22=$B$10,7,0)+IF('Standard Profiles'!$G$22=$B$17,14,0)+IF('Standard Profiles'!$G$22=$B$24,21,0),0)),0)</f>
        <v>0</v>
      </c>
      <c r="I8659">
        <f t="shared" si="958"/>
        <v>0.37753728322619817</v>
      </c>
      <c r="J8659">
        <f t="shared" si="959"/>
        <v>1.258457610753994</v>
      </c>
      <c r="K8659">
        <f t="shared" si="960"/>
        <v>1.887686416130991</v>
      </c>
      <c r="L8659">
        <f t="shared" si="961"/>
        <v>9.060894797428757</v>
      </c>
      <c r="M8659">
        <f t="shared" si="962"/>
        <v>0</v>
      </c>
      <c r="N8659" s="46">
        <f t="shared" si="963"/>
        <v>45651.374999979082</v>
      </c>
    </row>
    <row r="8660" spans="2:14" x14ac:dyDescent="0.3">
      <c r="B8660">
        <f t="shared" si="957"/>
        <v>3</v>
      </c>
      <c r="C8660" s="16">
        <v>8626</v>
      </c>
      <c r="D8660" cm="1">
        <f t="array" ref="D8660">IFERROR(INDEX(Jesper!AH$2:AH$366,ROUNDDOWN($C8660/24,0)+1,1)*INDEX($D$3:$AA$30,INDEX(Jesper!$R$2:$R$366,ROW(INDEX(Jesper!AH$2:AH$366,ROUNDDOWN($C8660/24,0)+1,1))-1)+IF('Standard Profiles'!$G$18=$B$10,7,0)+IF('Standard Profiles'!$G$18=$B$17,14,0)+IF('Standard Profiles'!$G$18=$B$24,21,0),MOD($C8660,24)+1)/SUM(INDEX($D$3:$AA$30,INDEX(Jesper!$R$2:$R$366,ROW(INDEX(Jesper!AH$2:AH$366,ROUNDDOWN($C8660/24,0)+1,1))-1)+IF('Standard Profiles'!$G$18=$B$10,7,0)+IF('Standard Profiles'!$G$18=$B$17,14,0)+IF('Standard Profiles'!$G$18=$B$24,21,0),0)),0)</f>
        <v>13.633290783168267</v>
      </c>
      <c r="E8660" cm="1">
        <f t="array" ref="E8660">IFERROR(INDEX(Jesper!AI$2:AI$366,ROUNDDOWN($C8660/24,0)+1,1)*INDEX($D$3:$AA$30,INDEX(Jesper!$R$2:$R$366,ROW(INDEX(Jesper!AI$2:AI$366,ROUNDDOWN($C8660/24,0)+1,1))-1)+IF('Standard Profiles'!$G$19=$B$10,7,0)+IF('Standard Profiles'!$G$19=$B$17,14,0)+IF('Standard Profiles'!$G$19=$B$24,21,0),MOD($C8660,24)+1)/SUM(INDEX($D$3:$AA$30,INDEX(Jesper!$R$2:$R$366,ROW(INDEX(Jesper!AI$2:AI$366,ROUNDDOWN($C8660/24,0)+1,1))-1)+IF('Standard Profiles'!$G$19=$B$10,7,0)+IF('Standard Profiles'!$G$19=$B$17,14,0)+IF('Standard Profiles'!$G$19=$B$24,21,0),0)),0)</f>
        <v>0</v>
      </c>
      <c r="F8660" cm="1">
        <f t="array" ref="F8660">IFERROR(INDEX(Jesper!AJ$2:AJ$366,ROUNDDOWN($C8660/24,0)+1,1)*INDEX($D$3:$AA$30,INDEX(Jesper!$R$2:$R$366,ROW(INDEX(Jesper!AJ$2:AJ$366,ROUNDDOWN($C8660/24,0)+1,1))-1)+IF('Standard Profiles'!$G$20=$B$10,7,0)+IF('Standard Profiles'!$G$20=$B$17,14,0)+IF('Standard Profiles'!$G$20=$B$24,21,0),MOD($C8660,24)+1)/SUM(INDEX($D$3:$AA$30,INDEX(Jesper!$R$2:$R$366,ROW(INDEX(Jesper!AJ$2:AJ$366,ROUNDDOWN($C8660/24,0)+1,1))-1)+IF('Standard Profiles'!$G$20=$B$10,7,0)+IF('Standard Profiles'!$G$20=$B$17,14,0)+IF('Standard Profiles'!$G$20=$B$24,21,0),0)),0)</f>
        <v>0</v>
      </c>
      <c r="G8660" cm="1">
        <f t="array" ref="G8660">IFERROR(INDEX(Jesper!AK$2:AK$366,ROUNDDOWN($C8660/24,0)+1,1)*INDEX($D$3:$AA$30,INDEX(Jesper!$R$2:$R$366,ROW(INDEX(Jesper!AK$2:AK$366,ROUNDDOWN($C8660/24,0)+1,1))-1)+IF('Standard Profiles'!$G$21=$B$10,7,0)+IF('Standard Profiles'!$G$21=$B$17,14,0)+IF('Standard Profiles'!$G$21=$B$24,21,0),MOD($C8660,24)+1)/SUM(INDEX($D$3:$AA$30,INDEX(Jesper!$R$2:$R$366,ROW(INDEX(Jesper!AK$2:AK$366,ROUNDDOWN($C8660/24,0)+1,1))-1)+IF('Standard Profiles'!$G$21=$B$10,7,0)+IF('Standard Profiles'!$G$21=$B$17,14,0)+IF('Standard Profiles'!$G$21=$B$24,21,0),0)),0)</f>
        <v>0</v>
      </c>
      <c r="H8660" cm="1">
        <f t="array" ref="H8660">IFERROR(INDEX(Jesper!AL$2:AL$366,ROUNDDOWN($C8660/24,0)+1,1)*INDEX($D$3:$AA$30,INDEX(Jesper!$R$2:$R$366,ROW(INDEX(Jesper!AL$2:AL$366,ROUNDDOWN($C8660/24,0)+1,1))-1)+IF('Standard Profiles'!$G$22=$B$10,7,0)+IF('Standard Profiles'!$G$22=$B$17,14,0)+IF('Standard Profiles'!$G$22=$B$24,21,0),MOD($C8660,24)+1)/SUM(INDEX($D$3:$AA$30,INDEX(Jesper!$R$2:$R$366,ROW(INDEX(Jesper!AL$2:AL$366,ROUNDDOWN($C8660/24,0)+1,1))-1)+IF('Standard Profiles'!$G$22=$B$10,7,0)+IF('Standard Profiles'!$G$22=$B$17,14,0)+IF('Standard Profiles'!$G$22=$B$24,21,0),0)),0)</f>
        <v>0</v>
      </c>
      <c r="I8660">
        <f t="shared" si="958"/>
        <v>0.40899872349504801</v>
      </c>
      <c r="J8660">
        <f t="shared" si="959"/>
        <v>1.3633290783168268</v>
      </c>
      <c r="K8660">
        <f t="shared" si="960"/>
        <v>2.0449936174752401</v>
      </c>
      <c r="L8660">
        <f t="shared" si="961"/>
        <v>9.8159693638811518</v>
      </c>
      <c r="M8660">
        <f t="shared" si="962"/>
        <v>0</v>
      </c>
      <c r="N8660" s="46">
        <f t="shared" si="963"/>
        <v>45651.416666645746</v>
      </c>
    </row>
    <row r="8661" spans="2:14" x14ac:dyDescent="0.3">
      <c r="B8661">
        <f t="shared" si="957"/>
        <v>3</v>
      </c>
      <c r="C8661" s="16">
        <v>8627</v>
      </c>
      <c r="D8661" cm="1">
        <f t="array" ref="D8661">IFERROR(INDEX(Jesper!AH$2:AH$366,ROUNDDOWN($C8661/24,0)+1,1)*INDEX($D$3:$AA$30,INDEX(Jesper!$R$2:$R$366,ROW(INDEX(Jesper!AH$2:AH$366,ROUNDDOWN($C8661/24,0)+1,1))-1)+IF('Standard Profiles'!$G$18=$B$10,7,0)+IF('Standard Profiles'!$G$18=$B$17,14,0)+IF('Standard Profiles'!$G$18=$B$24,21,0),MOD($C8661,24)+1)/SUM(INDEX($D$3:$AA$30,INDEX(Jesper!$R$2:$R$366,ROW(INDEX(Jesper!AH$2:AH$366,ROUNDDOWN($C8661/24,0)+1,1))-1)+IF('Standard Profiles'!$G$18=$B$10,7,0)+IF('Standard Profiles'!$G$18=$B$17,14,0)+IF('Standard Profiles'!$G$18=$B$24,21,0),0)),0)</f>
        <v>15.730720134424923</v>
      </c>
      <c r="E8661" cm="1">
        <f t="array" ref="E8661">IFERROR(INDEX(Jesper!AI$2:AI$366,ROUNDDOWN($C8661/24,0)+1,1)*INDEX($D$3:$AA$30,INDEX(Jesper!$R$2:$R$366,ROW(INDEX(Jesper!AI$2:AI$366,ROUNDDOWN($C8661/24,0)+1,1))-1)+IF('Standard Profiles'!$G$19=$B$10,7,0)+IF('Standard Profiles'!$G$19=$B$17,14,0)+IF('Standard Profiles'!$G$19=$B$24,21,0),MOD($C8661,24)+1)/SUM(INDEX($D$3:$AA$30,INDEX(Jesper!$R$2:$R$366,ROW(INDEX(Jesper!AI$2:AI$366,ROUNDDOWN($C8661/24,0)+1,1))-1)+IF('Standard Profiles'!$G$19=$B$10,7,0)+IF('Standard Profiles'!$G$19=$B$17,14,0)+IF('Standard Profiles'!$G$19=$B$24,21,0),0)),0)</f>
        <v>0</v>
      </c>
      <c r="F8661" cm="1">
        <f t="array" ref="F8661">IFERROR(INDEX(Jesper!AJ$2:AJ$366,ROUNDDOWN($C8661/24,0)+1,1)*INDEX($D$3:$AA$30,INDEX(Jesper!$R$2:$R$366,ROW(INDEX(Jesper!AJ$2:AJ$366,ROUNDDOWN($C8661/24,0)+1,1))-1)+IF('Standard Profiles'!$G$20=$B$10,7,0)+IF('Standard Profiles'!$G$20=$B$17,14,0)+IF('Standard Profiles'!$G$20=$B$24,21,0),MOD($C8661,24)+1)/SUM(INDEX($D$3:$AA$30,INDEX(Jesper!$R$2:$R$366,ROW(INDEX(Jesper!AJ$2:AJ$366,ROUNDDOWN($C8661/24,0)+1,1))-1)+IF('Standard Profiles'!$G$20=$B$10,7,0)+IF('Standard Profiles'!$G$20=$B$17,14,0)+IF('Standard Profiles'!$G$20=$B$24,21,0),0)),0)</f>
        <v>0</v>
      </c>
      <c r="G8661" cm="1">
        <f t="array" ref="G8661">IFERROR(INDEX(Jesper!AK$2:AK$366,ROUNDDOWN($C8661/24,0)+1,1)*INDEX($D$3:$AA$30,INDEX(Jesper!$R$2:$R$366,ROW(INDEX(Jesper!AK$2:AK$366,ROUNDDOWN($C8661/24,0)+1,1))-1)+IF('Standard Profiles'!$G$21=$B$10,7,0)+IF('Standard Profiles'!$G$21=$B$17,14,0)+IF('Standard Profiles'!$G$21=$B$24,21,0),MOD($C8661,24)+1)/SUM(INDEX($D$3:$AA$30,INDEX(Jesper!$R$2:$R$366,ROW(INDEX(Jesper!AK$2:AK$366,ROUNDDOWN($C8661/24,0)+1,1))-1)+IF('Standard Profiles'!$G$21=$B$10,7,0)+IF('Standard Profiles'!$G$21=$B$17,14,0)+IF('Standard Profiles'!$G$21=$B$24,21,0),0)),0)</f>
        <v>0</v>
      </c>
      <c r="H8661" cm="1">
        <f t="array" ref="H8661">IFERROR(INDEX(Jesper!AL$2:AL$366,ROUNDDOWN($C8661/24,0)+1,1)*INDEX($D$3:$AA$30,INDEX(Jesper!$R$2:$R$366,ROW(INDEX(Jesper!AL$2:AL$366,ROUNDDOWN($C8661/24,0)+1,1))-1)+IF('Standard Profiles'!$G$22=$B$10,7,0)+IF('Standard Profiles'!$G$22=$B$17,14,0)+IF('Standard Profiles'!$G$22=$B$24,21,0),MOD($C8661,24)+1)/SUM(INDEX($D$3:$AA$30,INDEX(Jesper!$R$2:$R$366,ROW(INDEX(Jesper!AL$2:AL$366,ROUNDDOWN($C8661/24,0)+1,1))-1)+IF('Standard Profiles'!$G$22=$B$10,7,0)+IF('Standard Profiles'!$G$22=$B$17,14,0)+IF('Standard Profiles'!$G$22=$B$24,21,0),0)),0)</f>
        <v>0</v>
      </c>
      <c r="I8661">
        <f t="shared" si="958"/>
        <v>0.47192160403274763</v>
      </c>
      <c r="J8661">
        <f t="shared" si="959"/>
        <v>1.5730720134424923</v>
      </c>
      <c r="K8661">
        <f t="shared" si="960"/>
        <v>2.3596080201637384</v>
      </c>
      <c r="L8661">
        <f t="shared" si="961"/>
        <v>11.326118496785943</v>
      </c>
      <c r="M8661">
        <f t="shared" si="962"/>
        <v>0</v>
      </c>
      <c r="N8661" s="46">
        <f t="shared" si="963"/>
        <v>45651.45833331241</v>
      </c>
    </row>
    <row r="8662" spans="2:14" x14ac:dyDescent="0.3">
      <c r="B8662">
        <f t="shared" si="957"/>
        <v>3</v>
      </c>
      <c r="C8662" s="16">
        <v>8628</v>
      </c>
      <c r="D8662" cm="1">
        <f t="array" ref="D8662">IFERROR(INDEX(Jesper!AH$2:AH$366,ROUNDDOWN($C8662/24,0)+1,1)*INDEX($D$3:$AA$30,INDEX(Jesper!$R$2:$R$366,ROW(INDEX(Jesper!AH$2:AH$366,ROUNDDOWN($C8662/24,0)+1,1))-1)+IF('Standard Profiles'!$G$18=$B$10,7,0)+IF('Standard Profiles'!$G$18=$B$17,14,0)+IF('Standard Profiles'!$G$18=$B$24,21,0),MOD($C8662,24)+1)/SUM(INDEX($D$3:$AA$30,INDEX(Jesper!$R$2:$R$366,ROW(INDEX(Jesper!AH$2:AH$366,ROUNDDOWN($C8662/24,0)+1,1))-1)+IF('Standard Profiles'!$G$18=$B$10,7,0)+IF('Standard Profiles'!$G$18=$B$17,14,0)+IF('Standard Profiles'!$G$18=$B$24,21,0),0)),0)</f>
        <v>15.730720134424923</v>
      </c>
      <c r="E8662" cm="1">
        <f t="array" ref="E8662">IFERROR(INDEX(Jesper!AI$2:AI$366,ROUNDDOWN($C8662/24,0)+1,1)*INDEX($D$3:$AA$30,INDEX(Jesper!$R$2:$R$366,ROW(INDEX(Jesper!AI$2:AI$366,ROUNDDOWN($C8662/24,0)+1,1))-1)+IF('Standard Profiles'!$G$19=$B$10,7,0)+IF('Standard Profiles'!$G$19=$B$17,14,0)+IF('Standard Profiles'!$G$19=$B$24,21,0),MOD($C8662,24)+1)/SUM(INDEX($D$3:$AA$30,INDEX(Jesper!$R$2:$R$366,ROW(INDEX(Jesper!AI$2:AI$366,ROUNDDOWN($C8662/24,0)+1,1))-1)+IF('Standard Profiles'!$G$19=$B$10,7,0)+IF('Standard Profiles'!$G$19=$B$17,14,0)+IF('Standard Profiles'!$G$19=$B$24,21,0),0)),0)</f>
        <v>0</v>
      </c>
      <c r="F8662" cm="1">
        <f t="array" ref="F8662">IFERROR(INDEX(Jesper!AJ$2:AJ$366,ROUNDDOWN($C8662/24,0)+1,1)*INDEX($D$3:$AA$30,INDEX(Jesper!$R$2:$R$366,ROW(INDEX(Jesper!AJ$2:AJ$366,ROUNDDOWN($C8662/24,0)+1,1))-1)+IF('Standard Profiles'!$G$20=$B$10,7,0)+IF('Standard Profiles'!$G$20=$B$17,14,0)+IF('Standard Profiles'!$G$20=$B$24,21,0),MOD($C8662,24)+1)/SUM(INDEX($D$3:$AA$30,INDEX(Jesper!$R$2:$R$366,ROW(INDEX(Jesper!AJ$2:AJ$366,ROUNDDOWN($C8662/24,0)+1,1))-1)+IF('Standard Profiles'!$G$20=$B$10,7,0)+IF('Standard Profiles'!$G$20=$B$17,14,0)+IF('Standard Profiles'!$G$20=$B$24,21,0),0)),0)</f>
        <v>0</v>
      </c>
      <c r="G8662" cm="1">
        <f t="array" ref="G8662">IFERROR(INDEX(Jesper!AK$2:AK$366,ROUNDDOWN($C8662/24,0)+1,1)*INDEX($D$3:$AA$30,INDEX(Jesper!$R$2:$R$366,ROW(INDEX(Jesper!AK$2:AK$366,ROUNDDOWN($C8662/24,0)+1,1))-1)+IF('Standard Profiles'!$G$21=$B$10,7,0)+IF('Standard Profiles'!$G$21=$B$17,14,0)+IF('Standard Profiles'!$G$21=$B$24,21,0),MOD($C8662,24)+1)/SUM(INDEX($D$3:$AA$30,INDEX(Jesper!$R$2:$R$366,ROW(INDEX(Jesper!AK$2:AK$366,ROUNDDOWN($C8662/24,0)+1,1))-1)+IF('Standard Profiles'!$G$21=$B$10,7,0)+IF('Standard Profiles'!$G$21=$B$17,14,0)+IF('Standard Profiles'!$G$21=$B$24,21,0),0)),0)</f>
        <v>0</v>
      </c>
      <c r="H8662" cm="1">
        <f t="array" ref="H8662">IFERROR(INDEX(Jesper!AL$2:AL$366,ROUNDDOWN($C8662/24,0)+1,1)*INDEX($D$3:$AA$30,INDEX(Jesper!$R$2:$R$366,ROW(INDEX(Jesper!AL$2:AL$366,ROUNDDOWN($C8662/24,0)+1,1))-1)+IF('Standard Profiles'!$G$22=$B$10,7,0)+IF('Standard Profiles'!$G$22=$B$17,14,0)+IF('Standard Profiles'!$G$22=$B$24,21,0),MOD($C8662,24)+1)/SUM(INDEX($D$3:$AA$30,INDEX(Jesper!$R$2:$R$366,ROW(INDEX(Jesper!AL$2:AL$366,ROUNDDOWN($C8662/24,0)+1,1))-1)+IF('Standard Profiles'!$G$22=$B$10,7,0)+IF('Standard Profiles'!$G$22=$B$17,14,0)+IF('Standard Profiles'!$G$22=$B$24,21,0),0)),0)</f>
        <v>0</v>
      </c>
      <c r="I8662">
        <f t="shared" si="958"/>
        <v>0.47192160403274763</v>
      </c>
      <c r="J8662">
        <f t="shared" si="959"/>
        <v>1.5730720134424923</v>
      </c>
      <c r="K8662">
        <f t="shared" si="960"/>
        <v>2.3596080201637384</v>
      </c>
      <c r="L8662">
        <f t="shared" si="961"/>
        <v>11.326118496785943</v>
      </c>
      <c r="M8662">
        <f t="shared" si="962"/>
        <v>0</v>
      </c>
      <c r="N8662" s="46">
        <f t="shared" si="963"/>
        <v>45651.499999979074</v>
      </c>
    </row>
    <row r="8663" spans="2:14" x14ac:dyDescent="0.3">
      <c r="B8663">
        <f t="shared" si="957"/>
        <v>3</v>
      </c>
      <c r="C8663" s="16">
        <v>8629</v>
      </c>
      <c r="D8663" cm="1">
        <f t="array" ref="D8663">IFERROR(INDEX(Jesper!AH$2:AH$366,ROUNDDOWN($C8663/24,0)+1,1)*INDEX($D$3:$AA$30,INDEX(Jesper!$R$2:$R$366,ROW(INDEX(Jesper!AH$2:AH$366,ROUNDDOWN($C8663/24,0)+1,1))-1)+IF('Standard Profiles'!$G$18=$B$10,7,0)+IF('Standard Profiles'!$G$18=$B$17,14,0)+IF('Standard Profiles'!$G$18=$B$24,21,0),MOD($C8663,24)+1)/SUM(INDEX($D$3:$AA$30,INDEX(Jesper!$R$2:$R$366,ROW(INDEX(Jesper!AH$2:AH$366,ROUNDDOWN($C8663/24,0)+1,1))-1)+IF('Standard Profiles'!$G$18=$B$10,7,0)+IF('Standard Profiles'!$G$18=$B$17,14,0)+IF('Standard Profiles'!$G$18=$B$24,21,0),0)),0)</f>
        <v>15.730720134424923</v>
      </c>
      <c r="E8663" cm="1">
        <f t="array" ref="E8663">IFERROR(INDEX(Jesper!AI$2:AI$366,ROUNDDOWN($C8663/24,0)+1,1)*INDEX($D$3:$AA$30,INDEX(Jesper!$R$2:$R$366,ROW(INDEX(Jesper!AI$2:AI$366,ROUNDDOWN($C8663/24,0)+1,1))-1)+IF('Standard Profiles'!$G$19=$B$10,7,0)+IF('Standard Profiles'!$G$19=$B$17,14,0)+IF('Standard Profiles'!$G$19=$B$24,21,0),MOD($C8663,24)+1)/SUM(INDEX($D$3:$AA$30,INDEX(Jesper!$R$2:$R$366,ROW(INDEX(Jesper!AI$2:AI$366,ROUNDDOWN($C8663/24,0)+1,1))-1)+IF('Standard Profiles'!$G$19=$B$10,7,0)+IF('Standard Profiles'!$G$19=$B$17,14,0)+IF('Standard Profiles'!$G$19=$B$24,21,0),0)),0)</f>
        <v>0</v>
      </c>
      <c r="F8663" cm="1">
        <f t="array" ref="F8663">IFERROR(INDEX(Jesper!AJ$2:AJ$366,ROUNDDOWN($C8663/24,0)+1,1)*INDEX($D$3:$AA$30,INDEX(Jesper!$R$2:$R$366,ROW(INDEX(Jesper!AJ$2:AJ$366,ROUNDDOWN($C8663/24,0)+1,1))-1)+IF('Standard Profiles'!$G$20=$B$10,7,0)+IF('Standard Profiles'!$G$20=$B$17,14,0)+IF('Standard Profiles'!$G$20=$B$24,21,0),MOD($C8663,24)+1)/SUM(INDEX($D$3:$AA$30,INDEX(Jesper!$R$2:$R$366,ROW(INDEX(Jesper!AJ$2:AJ$366,ROUNDDOWN($C8663/24,0)+1,1))-1)+IF('Standard Profiles'!$G$20=$B$10,7,0)+IF('Standard Profiles'!$G$20=$B$17,14,0)+IF('Standard Profiles'!$G$20=$B$24,21,0),0)),0)</f>
        <v>0</v>
      </c>
      <c r="G8663" cm="1">
        <f t="array" ref="G8663">IFERROR(INDEX(Jesper!AK$2:AK$366,ROUNDDOWN($C8663/24,0)+1,1)*INDEX($D$3:$AA$30,INDEX(Jesper!$R$2:$R$366,ROW(INDEX(Jesper!AK$2:AK$366,ROUNDDOWN($C8663/24,0)+1,1))-1)+IF('Standard Profiles'!$G$21=$B$10,7,0)+IF('Standard Profiles'!$G$21=$B$17,14,0)+IF('Standard Profiles'!$G$21=$B$24,21,0),MOD($C8663,24)+1)/SUM(INDEX($D$3:$AA$30,INDEX(Jesper!$R$2:$R$366,ROW(INDEX(Jesper!AK$2:AK$366,ROUNDDOWN($C8663/24,0)+1,1))-1)+IF('Standard Profiles'!$G$21=$B$10,7,0)+IF('Standard Profiles'!$G$21=$B$17,14,0)+IF('Standard Profiles'!$G$21=$B$24,21,0),0)),0)</f>
        <v>0</v>
      </c>
      <c r="H8663" cm="1">
        <f t="array" ref="H8663">IFERROR(INDEX(Jesper!AL$2:AL$366,ROUNDDOWN($C8663/24,0)+1,1)*INDEX($D$3:$AA$30,INDEX(Jesper!$R$2:$R$366,ROW(INDEX(Jesper!AL$2:AL$366,ROUNDDOWN($C8663/24,0)+1,1))-1)+IF('Standard Profiles'!$G$22=$B$10,7,0)+IF('Standard Profiles'!$G$22=$B$17,14,0)+IF('Standard Profiles'!$G$22=$B$24,21,0),MOD($C8663,24)+1)/SUM(INDEX($D$3:$AA$30,INDEX(Jesper!$R$2:$R$366,ROW(INDEX(Jesper!AL$2:AL$366,ROUNDDOWN($C8663/24,0)+1,1))-1)+IF('Standard Profiles'!$G$22=$B$10,7,0)+IF('Standard Profiles'!$G$22=$B$17,14,0)+IF('Standard Profiles'!$G$22=$B$24,21,0),0)),0)</f>
        <v>0</v>
      </c>
      <c r="I8663">
        <f t="shared" si="958"/>
        <v>0.47192160403274763</v>
      </c>
      <c r="J8663">
        <f t="shared" si="959"/>
        <v>1.5730720134424923</v>
      </c>
      <c r="K8663">
        <f t="shared" si="960"/>
        <v>2.3596080201637384</v>
      </c>
      <c r="L8663">
        <f t="shared" si="961"/>
        <v>11.326118496785943</v>
      </c>
      <c r="M8663">
        <f t="shared" si="962"/>
        <v>0</v>
      </c>
      <c r="N8663" s="46">
        <f t="shared" si="963"/>
        <v>45651.541666645739</v>
      </c>
    </row>
    <row r="8664" spans="2:14" x14ac:dyDescent="0.3">
      <c r="B8664">
        <f t="shared" si="957"/>
        <v>3</v>
      </c>
      <c r="C8664" s="16">
        <v>8630</v>
      </c>
      <c r="D8664" cm="1">
        <f t="array" ref="D8664">IFERROR(INDEX(Jesper!AH$2:AH$366,ROUNDDOWN($C8664/24,0)+1,1)*INDEX($D$3:$AA$30,INDEX(Jesper!$R$2:$R$366,ROW(INDEX(Jesper!AH$2:AH$366,ROUNDDOWN($C8664/24,0)+1,1))-1)+IF('Standard Profiles'!$G$18=$B$10,7,0)+IF('Standard Profiles'!$G$18=$B$17,14,0)+IF('Standard Profiles'!$G$18=$B$24,21,0),MOD($C8664,24)+1)/SUM(INDEX($D$3:$AA$30,INDEX(Jesper!$R$2:$R$366,ROW(INDEX(Jesper!AH$2:AH$366,ROUNDDOWN($C8664/24,0)+1,1))-1)+IF('Standard Profiles'!$G$18=$B$10,7,0)+IF('Standard Profiles'!$G$18=$B$17,14,0)+IF('Standard Profiles'!$G$18=$B$24,21,0),0)),0)</f>
        <v>15.730720134424923</v>
      </c>
      <c r="E8664" cm="1">
        <f t="array" ref="E8664">IFERROR(INDEX(Jesper!AI$2:AI$366,ROUNDDOWN($C8664/24,0)+1,1)*INDEX($D$3:$AA$30,INDEX(Jesper!$R$2:$R$366,ROW(INDEX(Jesper!AI$2:AI$366,ROUNDDOWN($C8664/24,0)+1,1))-1)+IF('Standard Profiles'!$G$19=$B$10,7,0)+IF('Standard Profiles'!$G$19=$B$17,14,0)+IF('Standard Profiles'!$G$19=$B$24,21,0),MOD($C8664,24)+1)/SUM(INDEX($D$3:$AA$30,INDEX(Jesper!$R$2:$R$366,ROW(INDEX(Jesper!AI$2:AI$366,ROUNDDOWN($C8664/24,0)+1,1))-1)+IF('Standard Profiles'!$G$19=$B$10,7,0)+IF('Standard Profiles'!$G$19=$B$17,14,0)+IF('Standard Profiles'!$G$19=$B$24,21,0),0)),0)</f>
        <v>0</v>
      </c>
      <c r="F8664" cm="1">
        <f t="array" ref="F8664">IFERROR(INDEX(Jesper!AJ$2:AJ$366,ROUNDDOWN($C8664/24,0)+1,1)*INDEX($D$3:$AA$30,INDEX(Jesper!$R$2:$R$366,ROW(INDEX(Jesper!AJ$2:AJ$366,ROUNDDOWN($C8664/24,0)+1,1))-1)+IF('Standard Profiles'!$G$20=$B$10,7,0)+IF('Standard Profiles'!$G$20=$B$17,14,0)+IF('Standard Profiles'!$G$20=$B$24,21,0),MOD($C8664,24)+1)/SUM(INDEX($D$3:$AA$30,INDEX(Jesper!$R$2:$R$366,ROW(INDEX(Jesper!AJ$2:AJ$366,ROUNDDOWN($C8664/24,0)+1,1))-1)+IF('Standard Profiles'!$G$20=$B$10,7,0)+IF('Standard Profiles'!$G$20=$B$17,14,0)+IF('Standard Profiles'!$G$20=$B$24,21,0),0)),0)</f>
        <v>0</v>
      </c>
      <c r="G8664" cm="1">
        <f t="array" ref="G8664">IFERROR(INDEX(Jesper!AK$2:AK$366,ROUNDDOWN($C8664/24,0)+1,1)*INDEX($D$3:$AA$30,INDEX(Jesper!$R$2:$R$366,ROW(INDEX(Jesper!AK$2:AK$366,ROUNDDOWN($C8664/24,0)+1,1))-1)+IF('Standard Profiles'!$G$21=$B$10,7,0)+IF('Standard Profiles'!$G$21=$B$17,14,0)+IF('Standard Profiles'!$G$21=$B$24,21,0),MOD($C8664,24)+1)/SUM(INDEX($D$3:$AA$30,INDEX(Jesper!$R$2:$R$366,ROW(INDEX(Jesper!AK$2:AK$366,ROUNDDOWN($C8664/24,0)+1,1))-1)+IF('Standard Profiles'!$G$21=$B$10,7,0)+IF('Standard Profiles'!$G$21=$B$17,14,0)+IF('Standard Profiles'!$G$21=$B$24,21,0),0)),0)</f>
        <v>0</v>
      </c>
      <c r="H8664" cm="1">
        <f t="array" ref="H8664">IFERROR(INDEX(Jesper!AL$2:AL$366,ROUNDDOWN($C8664/24,0)+1,1)*INDEX($D$3:$AA$30,INDEX(Jesper!$R$2:$R$366,ROW(INDEX(Jesper!AL$2:AL$366,ROUNDDOWN($C8664/24,0)+1,1))-1)+IF('Standard Profiles'!$G$22=$B$10,7,0)+IF('Standard Profiles'!$G$22=$B$17,14,0)+IF('Standard Profiles'!$G$22=$B$24,21,0),MOD($C8664,24)+1)/SUM(INDEX($D$3:$AA$30,INDEX(Jesper!$R$2:$R$366,ROW(INDEX(Jesper!AL$2:AL$366,ROUNDDOWN($C8664/24,0)+1,1))-1)+IF('Standard Profiles'!$G$22=$B$10,7,0)+IF('Standard Profiles'!$G$22=$B$17,14,0)+IF('Standard Profiles'!$G$22=$B$24,21,0),0)),0)</f>
        <v>0</v>
      </c>
      <c r="I8664">
        <f t="shared" si="958"/>
        <v>0.47192160403274763</v>
      </c>
      <c r="J8664">
        <f t="shared" si="959"/>
        <v>1.5730720134424923</v>
      </c>
      <c r="K8664">
        <f t="shared" si="960"/>
        <v>2.3596080201637384</v>
      </c>
      <c r="L8664">
        <f t="shared" si="961"/>
        <v>11.326118496785943</v>
      </c>
      <c r="M8664">
        <f t="shared" si="962"/>
        <v>0</v>
      </c>
      <c r="N8664" s="46">
        <f t="shared" si="963"/>
        <v>45651.583333312403</v>
      </c>
    </row>
    <row r="8665" spans="2:14" x14ac:dyDescent="0.3">
      <c r="B8665">
        <f t="shared" si="957"/>
        <v>3</v>
      </c>
      <c r="C8665" s="16">
        <v>8631</v>
      </c>
      <c r="D8665" cm="1">
        <f t="array" ref="D8665">IFERROR(INDEX(Jesper!AH$2:AH$366,ROUNDDOWN($C8665/24,0)+1,1)*INDEX($D$3:$AA$30,INDEX(Jesper!$R$2:$R$366,ROW(INDEX(Jesper!AH$2:AH$366,ROUNDDOWN($C8665/24,0)+1,1))-1)+IF('Standard Profiles'!$G$18=$B$10,7,0)+IF('Standard Profiles'!$G$18=$B$17,14,0)+IF('Standard Profiles'!$G$18=$B$24,21,0),MOD($C8665,24)+1)/SUM(INDEX($D$3:$AA$30,INDEX(Jesper!$R$2:$R$366,ROW(INDEX(Jesper!AH$2:AH$366,ROUNDDOWN($C8665/24,0)+1,1))-1)+IF('Standard Profiles'!$G$18=$B$10,7,0)+IF('Standard Profiles'!$G$18=$B$17,14,0)+IF('Standard Profiles'!$G$18=$B$24,21,0),0)),0)</f>
        <v>15.730720134424923</v>
      </c>
      <c r="E8665" cm="1">
        <f t="array" ref="E8665">IFERROR(INDEX(Jesper!AI$2:AI$366,ROUNDDOWN($C8665/24,0)+1,1)*INDEX($D$3:$AA$30,INDEX(Jesper!$R$2:$R$366,ROW(INDEX(Jesper!AI$2:AI$366,ROUNDDOWN($C8665/24,0)+1,1))-1)+IF('Standard Profiles'!$G$19=$B$10,7,0)+IF('Standard Profiles'!$G$19=$B$17,14,0)+IF('Standard Profiles'!$G$19=$B$24,21,0),MOD($C8665,24)+1)/SUM(INDEX($D$3:$AA$30,INDEX(Jesper!$R$2:$R$366,ROW(INDEX(Jesper!AI$2:AI$366,ROUNDDOWN($C8665/24,0)+1,1))-1)+IF('Standard Profiles'!$G$19=$B$10,7,0)+IF('Standard Profiles'!$G$19=$B$17,14,0)+IF('Standard Profiles'!$G$19=$B$24,21,0),0)),0)</f>
        <v>0</v>
      </c>
      <c r="F8665" cm="1">
        <f t="array" ref="F8665">IFERROR(INDEX(Jesper!AJ$2:AJ$366,ROUNDDOWN($C8665/24,0)+1,1)*INDEX($D$3:$AA$30,INDEX(Jesper!$R$2:$R$366,ROW(INDEX(Jesper!AJ$2:AJ$366,ROUNDDOWN($C8665/24,0)+1,1))-1)+IF('Standard Profiles'!$G$20=$B$10,7,0)+IF('Standard Profiles'!$G$20=$B$17,14,0)+IF('Standard Profiles'!$G$20=$B$24,21,0),MOD($C8665,24)+1)/SUM(INDEX($D$3:$AA$30,INDEX(Jesper!$R$2:$R$366,ROW(INDEX(Jesper!AJ$2:AJ$366,ROUNDDOWN($C8665/24,0)+1,1))-1)+IF('Standard Profiles'!$G$20=$B$10,7,0)+IF('Standard Profiles'!$G$20=$B$17,14,0)+IF('Standard Profiles'!$G$20=$B$24,21,0),0)),0)</f>
        <v>0</v>
      </c>
      <c r="G8665" cm="1">
        <f t="array" ref="G8665">IFERROR(INDEX(Jesper!AK$2:AK$366,ROUNDDOWN($C8665/24,0)+1,1)*INDEX($D$3:$AA$30,INDEX(Jesper!$R$2:$R$366,ROW(INDEX(Jesper!AK$2:AK$366,ROUNDDOWN($C8665/24,0)+1,1))-1)+IF('Standard Profiles'!$G$21=$B$10,7,0)+IF('Standard Profiles'!$G$21=$B$17,14,0)+IF('Standard Profiles'!$G$21=$B$24,21,0),MOD($C8665,24)+1)/SUM(INDEX($D$3:$AA$30,INDEX(Jesper!$R$2:$R$366,ROW(INDEX(Jesper!AK$2:AK$366,ROUNDDOWN($C8665/24,0)+1,1))-1)+IF('Standard Profiles'!$G$21=$B$10,7,0)+IF('Standard Profiles'!$G$21=$B$17,14,0)+IF('Standard Profiles'!$G$21=$B$24,21,0),0)),0)</f>
        <v>0</v>
      </c>
      <c r="H8665" cm="1">
        <f t="array" ref="H8665">IFERROR(INDEX(Jesper!AL$2:AL$366,ROUNDDOWN($C8665/24,0)+1,1)*INDEX($D$3:$AA$30,INDEX(Jesper!$R$2:$R$366,ROW(INDEX(Jesper!AL$2:AL$366,ROUNDDOWN($C8665/24,0)+1,1))-1)+IF('Standard Profiles'!$G$22=$B$10,7,0)+IF('Standard Profiles'!$G$22=$B$17,14,0)+IF('Standard Profiles'!$G$22=$B$24,21,0),MOD($C8665,24)+1)/SUM(INDEX($D$3:$AA$30,INDEX(Jesper!$R$2:$R$366,ROW(INDEX(Jesper!AL$2:AL$366,ROUNDDOWN($C8665/24,0)+1,1))-1)+IF('Standard Profiles'!$G$22=$B$10,7,0)+IF('Standard Profiles'!$G$22=$B$17,14,0)+IF('Standard Profiles'!$G$22=$B$24,21,0),0)),0)</f>
        <v>0</v>
      </c>
      <c r="I8665">
        <f t="shared" si="958"/>
        <v>0.47192160403274763</v>
      </c>
      <c r="J8665">
        <f t="shared" si="959"/>
        <v>1.5730720134424923</v>
      </c>
      <c r="K8665">
        <f t="shared" si="960"/>
        <v>2.3596080201637384</v>
      </c>
      <c r="L8665">
        <f t="shared" si="961"/>
        <v>11.326118496785943</v>
      </c>
      <c r="M8665">
        <f t="shared" si="962"/>
        <v>0</v>
      </c>
      <c r="N8665" s="46">
        <f t="shared" si="963"/>
        <v>45651.624999979067</v>
      </c>
    </row>
    <row r="8666" spans="2:14" x14ac:dyDescent="0.3">
      <c r="B8666">
        <f t="shared" si="957"/>
        <v>3</v>
      </c>
      <c r="C8666" s="16">
        <v>8632</v>
      </c>
      <c r="D8666" cm="1">
        <f t="array" ref="D8666">IFERROR(INDEX(Jesper!AH$2:AH$366,ROUNDDOWN($C8666/24,0)+1,1)*INDEX($D$3:$AA$30,INDEX(Jesper!$R$2:$R$366,ROW(INDEX(Jesper!AH$2:AH$366,ROUNDDOWN($C8666/24,0)+1,1))-1)+IF('Standard Profiles'!$G$18=$B$10,7,0)+IF('Standard Profiles'!$G$18=$B$17,14,0)+IF('Standard Profiles'!$G$18=$B$24,21,0),MOD($C8666,24)+1)/SUM(INDEX($D$3:$AA$30,INDEX(Jesper!$R$2:$R$366,ROW(INDEX(Jesper!AH$2:AH$366,ROUNDDOWN($C8666/24,0)+1,1))-1)+IF('Standard Profiles'!$G$18=$B$10,7,0)+IF('Standard Profiles'!$G$18=$B$17,14,0)+IF('Standard Profiles'!$G$18=$B$24,21,0),0)),0)</f>
        <v>15.730720134424923</v>
      </c>
      <c r="E8666" cm="1">
        <f t="array" ref="E8666">IFERROR(INDEX(Jesper!AI$2:AI$366,ROUNDDOWN($C8666/24,0)+1,1)*INDEX($D$3:$AA$30,INDEX(Jesper!$R$2:$R$366,ROW(INDEX(Jesper!AI$2:AI$366,ROUNDDOWN($C8666/24,0)+1,1))-1)+IF('Standard Profiles'!$G$19=$B$10,7,0)+IF('Standard Profiles'!$G$19=$B$17,14,0)+IF('Standard Profiles'!$G$19=$B$24,21,0),MOD($C8666,24)+1)/SUM(INDEX($D$3:$AA$30,INDEX(Jesper!$R$2:$R$366,ROW(INDEX(Jesper!AI$2:AI$366,ROUNDDOWN($C8666/24,0)+1,1))-1)+IF('Standard Profiles'!$G$19=$B$10,7,0)+IF('Standard Profiles'!$G$19=$B$17,14,0)+IF('Standard Profiles'!$G$19=$B$24,21,0),0)),0)</f>
        <v>0</v>
      </c>
      <c r="F8666" cm="1">
        <f t="array" ref="F8666">IFERROR(INDEX(Jesper!AJ$2:AJ$366,ROUNDDOWN($C8666/24,0)+1,1)*INDEX($D$3:$AA$30,INDEX(Jesper!$R$2:$R$366,ROW(INDEX(Jesper!AJ$2:AJ$366,ROUNDDOWN($C8666/24,0)+1,1))-1)+IF('Standard Profiles'!$G$20=$B$10,7,0)+IF('Standard Profiles'!$G$20=$B$17,14,0)+IF('Standard Profiles'!$G$20=$B$24,21,0),MOD($C8666,24)+1)/SUM(INDEX($D$3:$AA$30,INDEX(Jesper!$R$2:$R$366,ROW(INDEX(Jesper!AJ$2:AJ$366,ROUNDDOWN($C8666/24,0)+1,1))-1)+IF('Standard Profiles'!$G$20=$B$10,7,0)+IF('Standard Profiles'!$G$20=$B$17,14,0)+IF('Standard Profiles'!$G$20=$B$24,21,0),0)),0)</f>
        <v>0</v>
      </c>
      <c r="G8666" cm="1">
        <f t="array" ref="G8666">IFERROR(INDEX(Jesper!AK$2:AK$366,ROUNDDOWN($C8666/24,0)+1,1)*INDEX($D$3:$AA$30,INDEX(Jesper!$R$2:$R$366,ROW(INDEX(Jesper!AK$2:AK$366,ROUNDDOWN($C8666/24,0)+1,1))-1)+IF('Standard Profiles'!$G$21=$B$10,7,0)+IF('Standard Profiles'!$G$21=$B$17,14,0)+IF('Standard Profiles'!$G$21=$B$24,21,0),MOD($C8666,24)+1)/SUM(INDEX($D$3:$AA$30,INDEX(Jesper!$R$2:$R$366,ROW(INDEX(Jesper!AK$2:AK$366,ROUNDDOWN($C8666/24,0)+1,1))-1)+IF('Standard Profiles'!$G$21=$B$10,7,0)+IF('Standard Profiles'!$G$21=$B$17,14,0)+IF('Standard Profiles'!$G$21=$B$24,21,0),0)),0)</f>
        <v>0</v>
      </c>
      <c r="H8666" cm="1">
        <f t="array" ref="H8666">IFERROR(INDEX(Jesper!AL$2:AL$366,ROUNDDOWN($C8666/24,0)+1,1)*INDEX($D$3:$AA$30,INDEX(Jesper!$R$2:$R$366,ROW(INDEX(Jesper!AL$2:AL$366,ROUNDDOWN($C8666/24,0)+1,1))-1)+IF('Standard Profiles'!$G$22=$B$10,7,0)+IF('Standard Profiles'!$G$22=$B$17,14,0)+IF('Standard Profiles'!$G$22=$B$24,21,0),MOD($C8666,24)+1)/SUM(INDEX($D$3:$AA$30,INDEX(Jesper!$R$2:$R$366,ROW(INDEX(Jesper!AL$2:AL$366,ROUNDDOWN($C8666/24,0)+1,1))-1)+IF('Standard Profiles'!$G$22=$B$10,7,0)+IF('Standard Profiles'!$G$22=$B$17,14,0)+IF('Standard Profiles'!$G$22=$B$24,21,0),0)),0)</f>
        <v>0</v>
      </c>
      <c r="I8666">
        <f t="shared" si="958"/>
        <v>0.47192160403274763</v>
      </c>
      <c r="J8666">
        <f t="shared" si="959"/>
        <v>1.5730720134424923</v>
      </c>
      <c r="K8666">
        <f t="shared" si="960"/>
        <v>2.3596080201637384</v>
      </c>
      <c r="L8666">
        <f t="shared" si="961"/>
        <v>11.326118496785943</v>
      </c>
      <c r="M8666">
        <f t="shared" si="962"/>
        <v>0</v>
      </c>
      <c r="N8666" s="46">
        <f t="shared" si="963"/>
        <v>45651.666666645731</v>
      </c>
    </row>
    <row r="8667" spans="2:14" x14ac:dyDescent="0.3">
      <c r="B8667">
        <f t="shared" si="957"/>
        <v>3</v>
      </c>
      <c r="C8667" s="16">
        <v>8633</v>
      </c>
      <c r="D8667" cm="1">
        <f t="array" ref="D8667">IFERROR(INDEX(Jesper!AH$2:AH$366,ROUNDDOWN($C8667/24,0)+1,1)*INDEX($D$3:$AA$30,INDEX(Jesper!$R$2:$R$366,ROW(INDEX(Jesper!AH$2:AH$366,ROUNDDOWN($C8667/24,0)+1,1))-1)+IF('Standard Profiles'!$G$18=$B$10,7,0)+IF('Standard Profiles'!$G$18=$B$17,14,0)+IF('Standard Profiles'!$G$18=$B$24,21,0),MOD($C8667,24)+1)/SUM(INDEX($D$3:$AA$30,INDEX(Jesper!$R$2:$R$366,ROW(INDEX(Jesper!AH$2:AH$366,ROUNDDOWN($C8667/24,0)+1,1))-1)+IF('Standard Profiles'!$G$18=$B$10,7,0)+IF('Standard Profiles'!$G$18=$B$17,14,0)+IF('Standard Profiles'!$G$18=$B$24,21,0),0)),0)</f>
        <v>15.730720134424923</v>
      </c>
      <c r="E8667" cm="1">
        <f t="array" ref="E8667">IFERROR(INDEX(Jesper!AI$2:AI$366,ROUNDDOWN($C8667/24,0)+1,1)*INDEX($D$3:$AA$30,INDEX(Jesper!$R$2:$R$366,ROW(INDEX(Jesper!AI$2:AI$366,ROUNDDOWN($C8667/24,0)+1,1))-1)+IF('Standard Profiles'!$G$19=$B$10,7,0)+IF('Standard Profiles'!$G$19=$B$17,14,0)+IF('Standard Profiles'!$G$19=$B$24,21,0),MOD($C8667,24)+1)/SUM(INDEX($D$3:$AA$30,INDEX(Jesper!$R$2:$R$366,ROW(INDEX(Jesper!AI$2:AI$366,ROUNDDOWN($C8667/24,0)+1,1))-1)+IF('Standard Profiles'!$G$19=$B$10,7,0)+IF('Standard Profiles'!$G$19=$B$17,14,0)+IF('Standard Profiles'!$G$19=$B$24,21,0),0)),0)</f>
        <v>0</v>
      </c>
      <c r="F8667" cm="1">
        <f t="array" ref="F8667">IFERROR(INDEX(Jesper!AJ$2:AJ$366,ROUNDDOWN($C8667/24,0)+1,1)*INDEX($D$3:$AA$30,INDEX(Jesper!$R$2:$R$366,ROW(INDEX(Jesper!AJ$2:AJ$366,ROUNDDOWN($C8667/24,0)+1,1))-1)+IF('Standard Profiles'!$G$20=$B$10,7,0)+IF('Standard Profiles'!$G$20=$B$17,14,0)+IF('Standard Profiles'!$G$20=$B$24,21,0),MOD($C8667,24)+1)/SUM(INDEX($D$3:$AA$30,INDEX(Jesper!$R$2:$R$366,ROW(INDEX(Jesper!AJ$2:AJ$366,ROUNDDOWN($C8667/24,0)+1,1))-1)+IF('Standard Profiles'!$G$20=$B$10,7,0)+IF('Standard Profiles'!$G$20=$B$17,14,0)+IF('Standard Profiles'!$G$20=$B$24,21,0),0)),0)</f>
        <v>0</v>
      </c>
      <c r="G8667" cm="1">
        <f t="array" ref="G8667">IFERROR(INDEX(Jesper!AK$2:AK$366,ROUNDDOWN($C8667/24,0)+1,1)*INDEX($D$3:$AA$30,INDEX(Jesper!$R$2:$R$366,ROW(INDEX(Jesper!AK$2:AK$366,ROUNDDOWN($C8667/24,0)+1,1))-1)+IF('Standard Profiles'!$G$21=$B$10,7,0)+IF('Standard Profiles'!$G$21=$B$17,14,0)+IF('Standard Profiles'!$G$21=$B$24,21,0),MOD($C8667,24)+1)/SUM(INDEX($D$3:$AA$30,INDEX(Jesper!$R$2:$R$366,ROW(INDEX(Jesper!AK$2:AK$366,ROUNDDOWN($C8667/24,0)+1,1))-1)+IF('Standard Profiles'!$G$21=$B$10,7,0)+IF('Standard Profiles'!$G$21=$B$17,14,0)+IF('Standard Profiles'!$G$21=$B$24,21,0),0)),0)</f>
        <v>0</v>
      </c>
      <c r="H8667" cm="1">
        <f t="array" ref="H8667">IFERROR(INDEX(Jesper!AL$2:AL$366,ROUNDDOWN($C8667/24,0)+1,1)*INDEX($D$3:$AA$30,INDEX(Jesper!$R$2:$R$366,ROW(INDEX(Jesper!AL$2:AL$366,ROUNDDOWN($C8667/24,0)+1,1))-1)+IF('Standard Profiles'!$G$22=$B$10,7,0)+IF('Standard Profiles'!$G$22=$B$17,14,0)+IF('Standard Profiles'!$G$22=$B$24,21,0),MOD($C8667,24)+1)/SUM(INDEX($D$3:$AA$30,INDEX(Jesper!$R$2:$R$366,ROW(INDEX(Jesper!AL$2:AL$366,ROUNDDOWN($C8667/24,0)+1,1))-1)+IF('Standard Profiles'!$G$22=$B$10,7,0)+IF('Standard Profiles'!$G$22=$B$17,14,0)+IF('Standard Profiles'!$G$22=$B$24,21,0),0)),0)</f>
        <v>0</v>
      </c>
      <c r="I8667">
        <f t="shared" si="958"/>
        <v>0.47192160403274763</v>
      </c>
      <c r="J8667">
        <f t="shared" si="959"/>
        <v>1.5730720134424923</v>
      </c>
      <c r="K8667">
        <f t="shared" si="960"/>
        <v>2.3596080201637384</v>
      </c>
      <c r="L8667">
        <f t="shared" si="961"/>
        <v>11.326118496785943</v>
      </c>
      <c r="M8667">
        <f t="shared" si="962"/>
        <v>0</v>
      </c>
      <c r="N8667" s="46">
        <f t="shared" si="963"/>
        <v>45651.708333312396</v>
      </c>
    </row>
    <row r="8668" spans="2:14" x14ac:dyDescent="0.3">
      <c r="B8668">
        <f t="shared" si="957"/>
        <v>3</v>
      </c>
      <c r="C8668" s="16">
        <v>8634</v>
      </c>
      <c r="D8668" cm="1">
        <f t="array" ref="D8668">IFERROR(INDEX(Jesper!AH$2:AH$366,ROUNDDOWN($C8668/24,0)+1,1)*INDEX($D$3:$AA$30,INDEX(Jesper!$R$2:$R$366,ROW(INDEX(Jesper!AH$2:AH$366,ROUNDDOWN($C8668/24,0)+1,1))-1)+IF('Standard Profiles'!$G$18=$B$10,7,0)+IF('Standard Profiles'!$G$18=$B$17,14,0)+IF('Standard Profiles'!$G$18=$B$24,21,0),MOD($C8668,24)+1)/SUM(INDEX($D$3:$AA$30,INDEX(Jesper!$R$2:$R$366,ROW(INDEX(Jesper!AH$2:AH$366,ROUNDDOWN($C8668/24,0)+1,1))-1)+IF('Standard Profiles'!$G$18=$B$10,7,0)+IF('Standard Profiles'!$G$18=$B$17,14,0)+IF('Standard Profiles'!$G$18=$B$24,21,0),0)),0)</f>
        <v>15.730720134424923</v>
      </c>
      <c r="E8668" cm="1">
        <f t="array" ref="E8668">IFERROR(INDEX(Jesper!AI$2:AI$366,ROUNDDOWN($C8668/24,0)+1,1)*INDEX($D$3:$AA$30,INDEX(Jesper!$R$2:$R$366,ROW(INDEX(Jesper!AI$2:AI$366,ROUNDDOWN($C8668/24,0)+1,1))-1)+IF('Standard Profiles'!$G$19=$B$10,7,0)+IF('Standard Profiles'!$G$19=$B$17,14,0)+IF('Standard Profiles'!$G$19=$B$24,21,0),MOD($C8668,24)+1)/SUM(INDEX($D$3:$AA$30,INDEX(Jesper!$R$2:$R$366,ROW(INDEX(Jesper!AI$2:AI$366,ROUNDDOWN($C8668/24,0)+1,1))-1)+IF('Standard Profiles'!$G$19=$B$10,7,0)+IF('Standard Profiles'!$G$19=$B$17,14,0)+IF('Standard Profiles'!$G$19=$B$24,21,0),0)),0)</f>
        <v>0</v>
      </c>
      <c r="F8668" cm="1">
        <f t="array" ref="F8668">IFERROR(INDEX(Jesper!AJ$2:AJ$366,ROUNDDOWN($C8668/24,0)+1,1)*INDEX($D$3:$AA$30,INDEX(Jesper!$R$2:$R$366,ROW(INDEX(Jesper!AJ$2:AJ$366,ROUNDDOWN($C8668/24,0)+1,1))-1)+IF('Standard Profiles'!$G$20=$B$10,7,0)+IF('Standard Profiles'!$G$20=$B$17,14,0)+IF('Standard Profiles'!$G$20=$B$24,21,0),MOD($C8668,24)+1)/SUM(INDEX($D$3:$AA$30,INDEX(Jesper!$R$2:$R$366,ROW(INDEX(Jesper!AJ$2:AJ$366,ROUNDDOWN($C8668/24,0)+1,1))-1)+IF('Standard Profiles'!$G$20=$B$10,7,0)+IF('Standard Profiles'!$G$20=$B$17,14,0)+IF('Standard Profiles'!$G$20=$B$24,21,0),0)),0)</f>
        <v>0</v>
      </c>
      <c r="G8668" cm="1">
        <f t="array" ref="G8668">IFERROR(INDEX(Jesper!AK$2:AK$366,ROUNDDOWN($C8668/24,0)+1,1)*INDEX($D$3:$AA$30,INDEX(Jesper!$R$2:$R$366,ROW(INDEX(Jesper!AK$2:AK$366,ROUNDDOWN($C8668/24,0)+1,1))-1)+IF('Standard Profiles'!$G$21=$B$10,7,0)+IF('Standard Profiles'!$G$21=$B$17,14,0)+IF('Standard Profiles'!$G$21=$B$24,21,0),MOD($C8668,24)+1)/SUM(INDEX($D$3:$AA$30,INDEX(Jesper!$R$2:$R$366,ROW(INDEX(Jesper!AK$2:AK$366,ROUNDDOWN($C8668/24,0)+1,1))-1)+IF('Standard Profiles'!$G$21=$B$10,7,0)+IF('Standard Profiles'!$G$21=$B$17,14,0)+IF('Standard Profiles'!$G$21=$B$24,21,0),0)),0)</f>
        <v>0</v>
      </c>
      <c r="H8668" cm="1">
        <f t="array" ref="H8668">IFERROR(INDEX(Jesper!AL$2:AL$366,ROUNDDOWN($C8668/24,0)+1,1)*INDEX($D$3:$AA$30,INDEX(Jesper!$R$2:$R$366,ROW(INDEX(Jesper!AL$2:AL$366,ROUNDDOWN($C8668/24,0)+1,1))-1)+IF('Standard Profiles'!$G$22=$B$10,7,0)+IF('Standard Profiles'!$G$22=$B$17,14,0)+IF('Standard Profiles'!$G$22=$B$24,21,0),MOD($C8668,24)+1)/SUM(INDEX($D$3:$AA$30,INDEX(Jesper!$R$2:$R$366,ROW(INDEX(Jesper!AL$2:AL$366,ROUNDDOWN($C8668/24,0)+1,1))-1)+IF('Standard Profiles'!$G$22=$B$10,7,0)+IF('Standard Profiles'!$G$22=$B$17,14,0)+IF('Standard Profiles'!$G$22=$B$24,21,0),0)),0)</f>
        <v>0</v>
      </c>
      <c r="I8668">
        <f t="shared" si="958"/>
        <v>0.47192160403274763</v>
      </c>
      <c r="J8668">
        <f t="shared" si="959"/>
        <v>1.5730720134424923</v>
      </c>
      <c r="K8668">
        <f t="shared" si="960"/>
        <v>2.3596080201637384</v>
      </c>
      <c r="L8668">
        <f t="shared" si="961"/>
        <v>11.326118496785943</v>
      </c>
      <c r="M8668">
        <f t="shared" si="962"/>
        <v>0</v>
      </c>
      <c r="N8668" s="46">
        <f t="shared" si="963"/>
        <v>45651.74999997906</v>
      </c>
    </row>
    <row r="8669" spans="2:14" x14ac:dyDescent="0.3">
      <c r="B8669">
        <f t="shared" si="957"/>
        <v>3</v>
      </c>
      <c r="C8669" s="16">
        <v>8635</v>
      </c>
      <c r="D8669" cm="1">
        <f t="array" ref="D8669">IFERROR(INDEX(Jesper!AH$2:AH$366,ROUNDDOWN($C8669/24,0)+1,1)*INDEX($D$3:$AA$30,INDEX(Jesper!$R$2:$R$366,ROW(INDEX(Jesper!AH$2:AH$366,ROUNDDOWN($C8669/24,0)+1,1))-1)+IF('Standard Profiles'!$G$18=$B$10,7,0)+IF('Standard Profiles'!$G$18=$B$17,14,0)+IF('Standard Profiles'!$G$18=$B$24,21,0),MOD($C8669,24)+1)/SUM(INDEX($D$3:$AA$30,INDEX(Jesper!$R$2:$R$366,ROW(INDEX(Jesper!AH$2:AH$366,ROUNDDOWN($C8669/24,0)+1,1))-1)+IF('Standard Profiles'!$G$18=$B$10,7,0)+IF('Standard Profiles'!$G$18=$B$17,14,0)+IF('Standard Profiles'!$G$18=$B$24,21,0),0)),0)</f>
        <v>13.108933445354104</v>
      </c>
      <c r="E8669" cm="1">
        <f t="array" ref="E8669">IFERROR(INDEX(Jesper!AI$2:AI$366,ROUNDDOWN($C8669/24,0)+1,1)*INDEX($D$3:$AA$30,INDEX(Jesper!$R$2:$R$366,ROW(INDEX(Jesper!AI$2:AI$366,ROUNDDOWN($C8669/24,0)+1,1))-1)+IF('Standard Profiles'!$G$19=$B$10,7,0)+IF('Standard Profiles'!$G$19=$B$17,14,0)+IF('Standard Profiles'!$G$19=$B$24,21,0),MOD($C8669,24)+1)/SUM(INDEX($D$3:$AA$30,INDEX(Jesper!$R$2:$R$366,ROW(INDEX(Jesper!AI$2:AI$366,ROUNDDOWN($C8669/24,0)+1,1))-1)+IF('Standard Profiles'!$G$19=$B$10,7,0)+IF('Standard Profiles'!$G$19=$B$17,14,0)+IF('Standard Profiles'!$G$19=$B$24,21,0),0)),0)</f>
        <v>0</v>
      </c>
      <c r="F8669" cm="1">
        <f t="array" ref="F8669">IFERROR(INDEX(Jesper!AJ$2:AJ$366,ROUNDDOWN($C8669/24,0)+1,1)*INDEX($D$3:$AA$30,INDEX(Jesper!$R$2:$R$366,ROW(INDEX(Jesper!AJ$2:AJ$366,ROUNDDOWN($C8669/24,0)+1,1))-1)+IF('Standard Profiles'!$G$20=$B$10,7,0)+IF('Standard Profiles'!$G$20=$B$17,14,0)+IF('Standard Profiles'!$G$20=$B$24,21,0),MOD($C8669,24)+1)/SUM(INDEX($D$3:$AA$30,INDEX(Jesper!$R$2:$R$366,ROW(INDEX(Jesper!AJ$2:AJ$366,ROUNDDOWN($C8669/24,0)+1,1))-1)+IF('Standard Profiles'!$G$20=$B$10,7,0)+IF('Standard Profiles'!$G$20=$B$17,14,0)+IF('Standard Profiles'!$G$20=$B$24,21,0),0)),0)</f>
        <v>0</v>
      </c>
      <c r="G8669" cm="1">
        <f t="array" ref="G8669">IFERROR(INDEX(Jesper!AK$2:AK$366,ROUNDDOWN($C8669/24,0)+1,1)*INDEX($D$3:$AA$30,INDEX(Jesper!$R$2:$R$366,ROW(INDEX(Jesper!AK$2:AK$366,ROUNDDOWN($C8669/24,0)+1,1))-1)+IF('Standard Profiles'!$G$21=$B$10,7,0)+IF('Standard Profiles'!$G$21=$B$17,14,0)+IF('Standard Profiles'!$G$21=$B$24,21,0),MOD($C8669,24)+1)/SUM(INDEX($D$3:$AA$30,INDEX(Jesper!$R$2:$R$366,ROW(INDEX(Jesper!AK$2:AK$366,ROUNDDOWN($C8669/24,0)+1,1))-1)+IF('Standard Profiles'!$G$21=$B$10,7,0)+IF('Standard Profiles'!$G$21=$B$17,14,0)+IF('Standard Profiles'!$G$21=$B$24,21,0),0)),0)</f>
        <v>0</v>
      </c>
      <c r="H8669" cm="1">
        <f t="array" ref="H8669">IFERROR(INDEX(Jesper!AL$2:AL$366,ROUNDDOWN($C8669/24,0)+1,1)*INDEX($D$3:$AA$30,INDEX(Jesper!$R$2:$R$366,ROW(INDEX(Jesper!AL$2:AL$366,ROUNDDOWN($C8669/24,0)+1,1))-1)+IF('Standard Profiles'!$G$22=$B$10,7,0)+IF('Standard Profiles'!$G$22=$B$17,14,0)+IF('Standard Profiles'!$G$22=$B$24,21,0),MOD($C8669,24)+1)/SUM(INDEX($D$3:$AA$30,INDEX(Jesper!$R$2:$R$366,ROW(INDEX(Jesper!AL$2:AL$366,ROUNDDOWN($C8669/24,0)+1,1))-1)+IF('Standard Profiles'!$G$22=$B$10,7,0)+IF('Standard Profiles'!$G$22=$B$17,14,0)+IF('Standard Profiles'!$G$22=$B$24,21,0),0)),0)</f>
        <v>0</v>
      </c>
      <c r="I8669">
        <f t="shared" si="958"/>
        <v>0.39326800336062312</v>
      </c>
      <c r="J8669">
        <f t="shared" si="959"/>
        <v>1.3108933445354105</v>
      </c>
      <c r="K8669">
        <f t="shared" si="960"/>
        <v>1.9663400168031155</v>
      </c>
      <c r="L8669">
        <f t="shared" si="961"/>
        <v>9.4384320806549553</v>
      </c>
      <c r="M8669">
        <f t="shared" si="962"/>
        <v>0</v>
      </c>
      <c r="N8669" s="46">
        <f t="shared" si="963"/>
        <v>45651.791666645724</v>
      </c>
    </row>
    <row r="8670" spans="2:14" x14ac:dyDescent="0.3">
      <c r="B8670">
        <f t="shared" si="957"/>
        <v>3</v>
      </c>
      <c r="C8670" s="16">
        <v>8636</v>
      </c>
      <c r="D8670" cm="1">
        <f t="array" ref="D8670">IFERROR(INDEX(Jesper!AH$2:AH$366,ROUNDDOWN($C8670/24,0)+1,1)*INDEX($D$3:$AA$30,INDEX(Jesper!$R$2:$R$366,ROW(INDEX(Jesper!AH$2:AH$366,ROUNDDOWN($C8670/24,0)+1,1))-1)+IF('Standard Profiles'!$G$18=$B$10,7,0)+IF('Standard Profiles'!$G$18=$B$17,14,0)+IF('Standard Profiles'!$G$18=$B$24,21,0),MOD($C8670,24)+1)/SUM(INDEX($D$3:$AA$30,INDEX(Jesper!$R$2:$R$366,ROW(INDEX(Jesper!AH$2:AH$366,ROUNDDOWN($C8670/24,0)+1,1))-1)+IF('Standard Profiles'!$G$18=$B$10,7,0)+IF('Standard Profiles'!$G$18=$B$17,14,0)+IF('Standard Profiles'!$G$18=$B$24,21,0),0)),0)</f>
        <v>10.487146756283284</v>
      </c>
      <c r="E8670" cm="1">
        <f t="array" ref="E8670">IFERROR(INDEX(Jesper!AI$2:AI$366,ROUNDDOWN($C8670/24,0)+1,1)*INDEX($D$3:$AA$30,INDEX(Jesper!$R$2:$R$366,ROW(INDEX(Jesper!AI$2:AI$366,ROUNDDOWN($C8670/24,0)+1,1))-1)+IF('Standard Profiles'!$G$19=$B$10,7,0)+IF('Standard Profiles'!$G$19=$B$17,14,0)+IF('Standard Profiles'!$G$19=$B$24,21,0),MOD($C8670,24)+1)/SUM(INDEX($D$3:$AA$30,INDEX(Jesper!$R$2:$R$366,ROW(INDEX(Jesper!AI$2:AI$366,ROUNDDOWN($C8670/24,0)+1,1))-1)+IF('Standard Profiles'!$G$19=$B$10,7,0)+IF('Standard Profiles'!$G$19=$B$17,14,0)+IF('Standard Profiles'!$G$19=$B$24,21,0),0)),0)</f>
        <v>0</v>
      </c>
      <c r="F8670" cm="1">
        <f t="array" ref="F8670">IFERROR(INDEX(Jesper!AJ$2:AJ$366,ROUNDDOWN($C8670/24,0)+1,1)*INDEX($D$3:$AA$30,INDEX(Jesper!$R$2:$R$366,ROW(INDEX(Jesper!AJ$2:AJ$366,ROUNDDOWN($C8670/24,0)+1,1))-1)+IF('Standard Profiles'!$G$20=$B$10,7,0)+IF('Standard Profiles'!$G$20=$B$17,14,0)+IF('Standard Profiles'!$G$20=$B$24,21,0),MOD($C8670,24)+1)/SUM(INDEX($D$3:$AA$30,INDEX(Jesper!$R$2:$R$366,ROW(INDEX(Jesper!AJ$2:AJ$366,ROUNDDOWN($C8670/24,0)+1,1))-1)+IF('Standard Profiles'!$G$20=$B$10,7,0)+IF('Standard Profiles'!$G$20=$B$17,14,0)+IF('Standard Profiles'!$G$20=$B$24,21,0),0)),0)</f>
        <v>0</v>
      </c>
      <c r="G8670" cm="1">
        <f t="array" ref="G8670">IFERROR(INDEX(Jesper!AK$2:AK$366,ROUNDDOWN($C8670/24,0)+1,1)*INDEX($D$3:$AA$30,INDEX(Jesper!$R$2:$R$366,ROW(INDEX(Jesper!AK$2:AK$366,ROUNDDOWN($C8670/24,0)+1,1))-1)+IF('Standard Profiles'!$G$21=$B$10,7,0)+IF('Standard Profiles'!$G$21=$B$17,14,0)+IF('Standard Profiles'!$G$21=$B$24,21,0),MOD($C8670,24)+1)/SUM(INDEX($D$3:$AA$30,INDEX(Jesper!$R$2:$R$366,ROW(INDEX(Jesper!AK$2:AK$366,ROUNDDOWN($C8670/24,0)+1,1))-1)+IF('Standard Profiles'!$G$21=$B$10,7,0)+IF('Standard Profiles'!$G$21=$B$17,14,0)+IF('Standard Profiles'!$G$21=$B$24,21,0),0)),0)</f>
        <v>0</v>
      </c>
      <c r="H8670" cm="1">
        <f t="array" ref="H8670">IFERROR(INDEX(Jesper!AL$2:AL$366,ROUNDDOWN($C8670/24,0)+1,1)*INDEX($D$3:$AA$30,INDEX(Jesper!$R$2:$R$366,ROW(INDEX(Jesper!AL$2:AL$366,ROUNDDOWN($C8670/24,0)+1,1))-1)+IF('Standard Profiles'!$G$22=$B$10,7,0)+IF('Standard Profiles'!$G$22=$B$17,14,0)+IF('Standard Profiles'!$G$22=$B$24,21,0),MOD($C8670,24)+1)/SUM(INDEX($D$3:$AA$30,INDEX(Jesper!$R$2:$R$366,ROW(INDEX(Jesper!AL$2:AL$366,ROUNDDOWN($C8670/24,0)+1,1))-1)+IF('Standard Profiles'!$G$22=$B$10,7,0)+IF('Standard Profiles'!$G$22=$B$17,14,0)+IF('Standard Profiles'!$G$22=$B$24,21,0),0)),0)</f>
        <v>0</v>
      </c>
      <c r="I8670">
        <f t="shared" si="958"/>
        <v>0.3146144026884985</v>
      </c>
      <c r="J8670">
        <f t="shared" si="959"/>
        <v>1.0487146756283285</v>
      </c>
      <c r="K8670">
        <f t="shared" si="960"/>
        <v>1.5730720134424925</v>
      </c>
      <c r="L8670">
        <f t="shared" si="961"/>
        <v>7.5507456645239639</v>
      </c>
      <c r="M8670">
        <f t="shared" si="962"/>
        <v>0</v>
      </c>
      <c r="N8670" s="46">
        <f t="shared" si="963"/>
        <v>45651.833333312388</v>
      </c>
    </row>
    <row r="8671" spans="2:14" x14ac:dyDescent="0.3">
      <c r="B8671">
        <f t="shared" si="957"/>
        <v>3</v>
      </c>
      <c r="C8671" s="16">
        <v>8637</v>
      </c>
      <c r="D8671" cm="1">
        <f t="array" ref="D8671">IFERROR(INDEX(Jesper!AH$2:AH$366,ROUNDDOWN($C8671/24,0)+1,1)*INDEX($D$3:$AA$30,INDEX(Jesper!$R$2:$R$366,ROW(INDEX(Jesper!AH$2:AH$366,ROUNDDOWN($C8671/24,0)+1,1))-1)+IF('Standard Profiles'!$G$18=$B$10,7,0)+IF('Standard Profiles'!$G$18=$B$17,14,0)+IF('Standard Profiles'!$G$18=$B$24,21,0),MOD($C8671,24)+1)/SUM(INDEX($D$3:$AA$30,INDEX(Jesper!$R$2:$R$366,ROW(INDEX(Jesper!AH$2:AH$366,ROUNDDOWN($C8671/24,0)+1,1))-1)+IF('Standard Profiles'!$G$18=$B$10,7,0)+IF('Standard Profiles'!$G$18=$B$17,14,0)+IF('Standard Profiles'!$G$18=$B$24,21,0),0)),0)</f>
        <v>7.8653600672124613</v>
      </c>
      <c r="E8671" cm="1">
        <f t="array" ref="E8671">IFERROR(INDEX(Jesper!AI$2:AI$366,ROUNDDOWN($C8671/24,0)+1,1)*INDEX($D$3:$AA$30,INDEX(Jesper!$R$2:$R$366,ROW(INDEX(Jesper!AI$2:AI$366,ROUNDDOWN($C8671/24,0)+1,1))-1)+IF('Standard Profiles'!$G$19=$B$10,7,0)+IF('Standard Profiles'!$G$19=$B$17,14,0)+IF('Standard Profiles'!$G$19=$B$24,21,0),MOD($C8671,24)+1)/SUM(INDEX($D$3:$AA$30,INDEX(Jesper!$R$2:$R$366,ROW(INDEX(Jesper!AI$2:AI$366,ROUNDDOWN($C8671/24,0)+1,1))-1)+IF('Standard Profiles'!$G$19=$B$10,7,0)+IF('Standard Profiles'!$G$19=$B$17,14,0)+IF('Standard Profiles'!$G$19=$B$24,21,0),0)),0)</f>
        <v>0</v>
      </c>
      <c r="F8671" cm="1">
        <f t="array" ref="F8671">IFERROR(INDEX(Jesper!AJ$2:AJ$366,ROUNDDOWN($C8671/24,0)+1,1)*INDEX($D$3:$AA$30,INDEX(Jesper!$R$2:$R$366,ROW(INDEX(Jesper!AJ$2:AJ$366,ROUNDDOWN($C8671/24,0)+1,1))-1)+IF('Standard Profiles'!$G$20=$B$10,7,0)+IF('Standard Profiles'!$G$20=$B$17,14,0)+IF('Standard Profiles'!$G$20=$B$24,21,0),MOD($C8671,24)+1)/SUM(INDEX($D$3:$AA$30,INDEX(Jesper!$R$2:$R$366,ROW(INDEX(Jesper!AJ$2:AJ$366,ROUNDDOWN($C8671/24,0)+1,1))-1)+IF('Standard Profiles'!$G$20=$B$10,7,0)+IF('Standard Profiles'!$G$20=$B$17,14,0)+IF('Standard Profiles'!$G$20=$B$24,21,0),0)),0)</f>
        <v>0</v>
      </c>
      <c r="G8671" cm="1">
        <f t="array" ref="G8671">IFERROR(INDEX(Jesper!AK$2:AK$366,ROUNDDOWN($C8671/24,0)+1,1)*INDEX($D$3:$AA$30,INDEX(Jesper!$R$2:$R$366,ROW(INDEX(Jesper!AK$2:AK$366,ROUNDDOWN($C8671/24,0)+1,1))-1)+IF('Standard Profiles'!$G$21=$B$10,7,0)+IF('Standard Profiles'!$G$21=$B$17,14,0)+IF('Standard Profiles'!$G$21=$B$24,21,0),MOD($C8671,24)+1)/SUM(INDEX($D$3:$AA$30,INDEX(Jesper!$R$2:$R$366,ROW(INDEX(Jesper!AK$2:AK$366,ROUNDDOWN($C8671/24,0)+1,1))-1)+IF('Standard Profiles'!$G$21=$B$10,7,0)+IF('Standard Profiles'!$G$21=$B$17,14,0)+IF('Standard Profiles'!$G$21=$B$24,21,0),0)),0)</f>
        <v>0</v>
      </c>
      <c r="H8671" cm="1">
        <f t="array" ref="H8671">IFERROR(INDEX(Jesper!AL$2:AL$366,ROUNDDOWN($C8671/24,0)+1,1)*INDEX($D$3:$AA$30,INDEX(Jesper!$R$2:$R$366,ROW(INDEX(Jesper!AL$2:AL$366,ROUNDDOWN($C8671/24,0)+1,1))-1)+IF('Standard Profiles'!$G$22=$B$10,7,0)+IF('Standard Profiles'!$G$22=$B$17,14,0)+IF('Standard Profiles'!$G$22=$B$24,21,0),MOD($C8671,24)+1)/SUM(INDEX($D$3:$AA$30,INDEX(Jesper!$R$2:$R$366,ROW(INDEX(Jesper!AL$2:AL$366,ROUNDDOWN($C8671/24,0)+1,1))-1)+IF('Standard Profiles'!$G$22=$B$10,7,0)+IF('Standard Profiles'!$G$22=$B$17,14,0)+IF('Standard Profiles'!$G$22=$B$24,21,0),0)),0)</f>
        <v>0</v>
      </c>
      <c r="I8671">
        <f t="shared" si="958"/>
        <v>0.23596080201637382</v>
      </c>
      <c r="J8671">
        <f t="shared" si="959"/>
        <v>0.78653600672124613</v>
      </c>
      <c r="K8671">
        <f t="shared" si="960"/>
        <v>1.1798040100818692</v>
      </c>
      <c r="L8671">
        <f t="shared" si="961"/>
        <v>5.6630592483929716</v>
      </c>
      <c r="M8671">
        <f t="shared" si="962"/>
        <v>0</v>
      </c>
      <c r="N8671" s="46">
        <f t="shared" si="963"/>
        <v>45651.874999979053</v>
      </c>
    </row>
    <row r="8672" spans="2:14" x14ac:dyDescent="0.3">
      <c r="B8672">
        <f t="shared" si="957"/>
        <v>3</v>
      </c>
      <c r="C8672" s="16">
        <v>8638</v>
      </c>
      <c r="D8672" cm="1">
        <f t="array" ref="D8672">IFERROR(INDEX(Jesper!AH$2:AH$366,ROUNDDOWN($C8672/24,0)+1,1)*INDEX($D$3:$AA$30,INDEX(Jesper!$R$2:$R$366,ROW(INDEX(Jesper!AH$2:AH$366,ROUNDDOWN($C8672/24,0)+1,1))-1)+IF('Standard Profiles'!$G$18=$B$10,7,0)+IF('Standard Profiles'!$G$18=$B$17,14,0)+IF('Standard Profiles'!$G$18=$B$24,21,0),MOD($C8672,24)+1)/SUM(INDEX($D$3:$AA$30,INDEX(Jesper!$R$2:$R$366,ROW(INDEX(Jesper!AH$2:AH$366,ROUNDDOWN($C8672/24,0)+1,1))-1)+IF('Standard Profiles'!$G$18=$B$10,7,0)+IF('Standard Profiles'!$G$18=$B$17,14,0)+IF('Standard Profiles'!$G$18=$B$24,21,0),0)),0)</f>
        <v>7.8653600672124613</v>
      </c>
      <c r="E8672" cm="1">
        <f t="array" ref="E8672">IFERROR(INDEX(Jesper!AI$2:AI$366,ROUNDDOWN($C8672/24,0)+1,1)*INDEX($D$3:$AA$30,INDEX(Jesper!$R$2:$R$366,ROW(INDEX(Jesper!AI$2:AI$366,ROUNDDOWN($C8672/24,0)+1,1))-1)+IF('Standard Profiles'!$G$19=$B$10,7,0)+IF('Standard Profiles'!$G$19=$B$17,14,0)+IF('Standard Profiles'!$G$19=$B$24,21,0),MOD($C8672,24)+1)/SUM(INDEX($D$3:$AA$30,INDEX(Jesper!$R$2:$R$366,ROW(INDEX(Jesper!AI$2:AI$366,ROUNDDOWN($C8672/24,0)+1,1))-1)+IF('Standard Profiles'!$G$19=$B$10,7,0)+IF('Standard Profiles'!$G$19=$B$17,14,0)+IF('Standard Profiles'!$G$19=$B$24,21,0),0)),0)</f>
        <v>0</v>
      </c>
      <c r="F8672" cm="1">
        <f t="array" ref="F8672">IFERROR(INDEX(Jesper!AJ$2:AJ$366,ROUNDDOWN($C8672/24,0)+1,1)*INDEX($D$3:$AA$30,INDEX(Jesper!$R$2:$R$366,ROW(INDEX(Jesper!AJ$2:AJ$366,ROUNDDOWN($C8672/24,0)+1,1))-1)+IF('Standard Profiles'!$G$20=$B$10,7,0)+IF('Standard Profiles'!$G$20=$B$17,14,0)+IF('Standard Profiles'!$G$20=$B$24,21,0),MOD($C8672,24)+1)/SUM(INDEX($D$3:$AA$30,INDEX(Jesper!$R$2:$R$366,ROW(INDEX(Jesper!AJ$2:AJ$366,ROUNDDOWN($C8672/24,0)+1,1))-1)+IF('Standard Profiles'!$G$20=$B$10,7,0)+IF('Standard Profiles'!$G$20=$B$17,14,0)+IF('Standard Profiles'!$G$20=$B$24,21,0),0)),0)</f>
        <v>0</v>
      </c>
      <c r="G8672" cm="1">
        <f t="array" ref="G8672">IFERROR(INDEX(Jesper!AK$2:AK$366,ROUNDDOWN($C8672/24,0)+1,1)*INDEX($D$3:$AA$30,INDEX(Jesper!$R$2:$R$366,ROW(INDEX(Jesper!AK$2:AK$366,ROUNDDOWN($C8672/24,0)+1,1))-1)+IF('Standard Profiles'!$G$21=$B$10,7,0)+IF('Standard Profiles'!$G$21=$B$17,14,0)+IF('Standard Profiles'!$G$21=$B$24,21,0),MOD($C8672,24)+1)/SUM(INDEX($D$3:$AA$30,INDEX(Jesper!$R$2:$R$366,ROW(INDEX(Jesper!AK$2:AK$366,ROUNDDOWN($C8672/24,0)+1,1))-1)+IF('Standard Profiles'!$G$21=$B$10,7,0)+IF('Standard Profiles'!$G$21=$B$17,14,0)+IF('Standard Profiles'!$G$21=$B$24,21,0),0)),0)</f>
        <v>0</v>
      </c>
      <c r="H8672" cm="1">
        <f t="array" ref="H8672">IFERROR(INDEX(Jesper!AL$2:AL$366,ROUNDDOWN($C8672/24,0)+1,1)*INDEX($D$3:$AA$30,INDEX(Jesper!$R$2:$R$366,ROW(INDEX(Jesper!AL$2:AL$366,ROUNDDOWN($C8672/24,0)+1,1))-1)+IF('Standard Profiles'!$G$22=$B$10,7,0)+IF('Standard Profiles'!$G$22=$B$17,14,0)+IF('Standard Profiles'!$G$22=$B$24,21,0),MOD($C8672,24)+1)/SUM(INDEX($D$3:$AA$30,INDEX(Jesper!$R$2:$R$366,ROW(INDEX(Jesper!AL$2:AL$366,ROUNDDOWN($C8672/24,0)+1,1))-1)+IF('Standard Profiles'!$G$22=$B$10,7,0)+IF('Standard Profiles'!$G$22=$B$17,14,0)+IF('Standard Profiles'!$G$22=$B$24,21,0),0)),0)</f>
        <v>0</v>
      </c>
      <c r="I8672">
        <f t="shared" si="958"/>
        <v>0.23596080201637382</v>
      </c>
      <c r="J8672">
        <f t="shared" si="959"/>
        <v>0.78653600672124613</v>
      </c>
      <c r="K8672">
        <f t="shared" si="960"/>
        <v>1.1798040100818692</v>
      </c>
      <c r="L8672">
        <f t="shared" si="961"/>
        <v>5.6630592483929716</v>
      </c>
      <c r="M8672">
        <f t="shared" si="962"/>
        <v>0</v>
      </c>
      <c r="N8672" s="46">
        <f t="shared" si="963"/>
        <v>45651.916666645717</v>
      </c>
    </row>
    <row r="8673" spans="2:14" x14ac:dyDescent="0.3">
      <c r="B8673">
        <f t="shared" si="957"/>
        <v>3</v>
      </c>
      <c r="C8673" s="16">
        <v>8639</v>
      </c>
      <c r="D8673" cm="1">
        <f t="array" ref="D8673">IFERROR(INDEX(Jesper!AH$2:AH$366,ROUNDDOWN($C8673/24,0)+1,1)*INDEX($D$3:$AA$30,INDEX(Jesper!$R$2:$R$366,ROW(INDEX(Jesper!AH$2:AH$366,ROUNDDOWN($C8673/24,0)+1,1))-1)+IF('Standard Profiles'!$G$18=$B$10,7,0)+IF('Standard Profiles'!$G$18=$B$17,14,0)+IF('Standard Profiles'!$G$18=$B$24,21,0),MOD($C8673,24)+1)/SUM(INDEX($D$3:$AA$30,INDEX(Jesper!$R$2:$R$366,ROW(INDEX(Jesper!AH$2:AH$366,ROUNDDOWN($C8673/24,0)+1,1))-1)+IF('Standard Profiles'!$G$18=$B$10,7,0)+IF('Standard Profiles'!$G$18=$B$17,14,0)+IF('Standard Profiles'!$G$18=$B$24,21,0),0)),0)</f>
        <v>7.8653600672124613</v>
      </c>
      <c r="E8673" cm="1">
        <f t="array" ref="E8673">IFERROR(INDEX(Jesper!AI$2:AI$366,ROUNDDOWN($C8673/24,0)+1,1)*INDEX($D$3:$AA$30,INDEX(Jesper!$R$2:$R$366,ROW(INDEX(Jesper!AI$2:AI$366,ROUNDDOWN($C8673/24,0)+1,1))-1)+IF('Standard Profiles'!$G$19=$B$10,7,0)+IF('Standard Profiles'!$G$19=$B$17,14,0)+IF('Standard Profiles'!$G$19=$B$24,21,0),MOD($C8673,24)+1)/SUM(INDEX($D$3:$AA$30,INDEX(Jesper!$R$2:$R$366,ROW(INDEX(Jesper!AI$2:AI$366,ROUNDDOWN($C8673/24,0)+1,1))-1)+IF('Standard Profiles'!$G$19=$B$10,7,0)+IF('Standard Profiles'!$G$19=$B$17,14,0)+IF('Standard Profiles'!$G$19=$B$24,21,0),0)),0)</f>
        <v>0</v>
      </c>
      <c r="F8673" cm="1">
        <f t="array" ref="F8673">IFERROR(INDEX(Jesper!AJ$2:AJ$366,ROUNDDOWN($C8673/24,0)+1,1)*INDEX($D$3:$AA$30,INDEX(Jesper!$R$2:$R$366,ROW(INDEX(Jesper!AJ$2:AJ$366,ROUNDDOWN($C8673/24,0)+1,1))-1)+IF('Standard Profiles'!$G$20=$B$10,7,0)+IF('Standard Profiles'!$G$20=$B$17,14,0)+IF('Standard Profiles'!$G$20=$B$24,21,0),MOD($C8673,24)+1)/SUM(INDEX($D$3:$AA$30,INDEX(Jesper!$R$2:$R$366,ROW(INDEX(Jesper!AJ$2:AJ$366,ROUNDDOWN($C8673/24,0)+1,1))-1)+IF('Standard Profiles'!$G$20=$B$10,7,0)+IF('Standard Profiles'!$G$20=$B$17,14,0)+IF('Standard Profiles'!$G$20=$B$24,21,0),0)),0)</f>
        <v>0</v>
      </c>
      <c r="G8673" cm="1">
        <f t="array" ref="G8673">IFERROR(INDEX(Jesper!AK$2:AK$366,ROUNDDOWN($C8673/24,0)+1,1)*INDEX($D$3:$AA$30,INDEX(Jesper!$R$2:$R$366,ROW(INDEX(Jesper!AK$2:AK$366,ROUNDDOWN($C8673/24,0)+1,1))-1)+IF('Standard Profiles'!$G$21=$B$10,7,0)+IF('Standard Profiles'!$G$21=$B$17,14,0)+IF('Standard Profiles'!$G$21=$B$24,21,0),MOD($C8673,24)+1)/SUM(INDEX($D$3:$AA$30,INDEX(Jesper!$R$2:$R$366,ROW(INDEX(Jesper!AK$2:AK$366,ROUNDDOWN($C8673/24,0)+1,1))-1)+IF('Standard Profiles'!$G$21=$B$10,7,0)+IF('Standard Profiles'!$G$21=$B$17,14,0)+IF('Standard Profiles'!$G$21=$B$24,21,0),0)),0)</f>
        <v>0</v>
      </c>
      <c r="H8673" cm="1">
        <f t="array" ref="H8673">IFERROR(INDEX(Jesper!AL$2:AL$366,ROUNDDOWN($C8673/24,0)+1,1)*INDEX($D$3:$AA$30,INDEX(Jesper!$R$2:$R$366,ROW(INDEX(Jesper!AL$2:AL$366,ROUNDDOWN($C8673/24,0)+1,1))-1)+IF('Standard Profiles'!$G$22=$B$10,7,0)+IF('Standard Profiles'!$G$22=$B$17,14,0)+IF('Standard Profiles'!$G$22=$B$24,21,0),MOD($C8673,24)+1)/SUM(INDEX($D$3:$AA$30,INDEX(Jesper!$R$2:$R$366,ROW(INDEX(Jesper!AL$2:AL$366,ROUNDDOWN($C8673/24,0)+1,1))-1)+IF('Standard Profiles'!$G$22=$B$10,7,0)+IF('Standard Profiles'!$G$22=$B$17,14,0)+IF('Standard Profiles'!$G$22=$B$24,21,0),0)),0)</f>
        <v>0</v>
      </c>
      <c r="I8673">
        <f t="shared" si="958"/>
        <v>0.23596080201637382</v>
      </c>
      <c r="J8673">
        <f t="shared" si="959"/>
        <v>0.78653600672124613</v>
      </c>
      <c r="K8673">
        <f t="shared" si="960"/>
        <v>1.1798040100818692</v>
      </c>
      <c r="L8673">
        <f t="shared" si="961"/>
        <v>5.6630592483929716</v>
      </c>
      <c r="M8673">
        <f t="shared" si="962"/>
        <v>0</v>
      </c>
      <c r="N8673" s="46">
        <f t="shared" si="963"/>
        <v>45651.958333312381</v>
      </c>
    </row>
    <row r="8674" spans="2:14" x14ac:dyDescent="0.3">
      <c r="B8674">
        <f t="shared" si="957"/>
        <v>4</v>
      </c>
      <c r="C8674" s="16">
        <v>8640</v>
      </c>
      <c r="D8674" cm="1">
        <f t="array" ref="D8674">IFERROR(INDEX(Jesper!AH$2:AH$366,ROUNDDOWN($C8674/24,0)+1,1)*INDEX($D$3:$AA$30,INDEX(Jesper!$R$2:$R$366,ROW(INDEX(Jesper!AH$2:AH$366,ROUNDDOWN($C8674/24,0)+1,1))-1)+IF('Standard Profiles'!$G$18=$B$10,7,0)+IF('Standard Profiles'!$G$18=$B$17,14,0)+IF('Standard Profiles'!$G$18=$B$24,21,0),MOD($C8674,24)+1)/SUM(INDEX($D$3:$AA$30,INDEX(Jesper!$R$2:$R$366,ROW(INDEX(Jesper!AH$2:AH$366,ROUNDDOWN($C8674/24,0)+1,1))-1)+IF('Standard Profiles'!$G$18=$B$10,7,0)+IF('Standard Profiles'!$G$18=$B$17,14,0)+IF('Standard Profiles'!$G$18=$B$24,21,0),0)),0)</f>
        <v>7.9084745768814466</v>
      </c>
      <c r="E8674" cm="1">
        <f t="array" ref="E8674">IFERROR(INDEX(Jesper!AI$2:AI$366,ROUNDDOWN($C8674/24,0)+1,1)*INDEX($D$3:$AA$30,INDEX(Jesper!$R$2:$R$366,ROW(INDEX(Jesper!AI$2:AI$366,ROUNDDOWN($C8674/24,0)+1,1))-1)+IF('Standard Profiles'!$G$19=$B$10,7,0)+IF('Standard Profiles'!$G$19=$B$17,14,0)+IF('Standard Profiles'!$G$19=$B$24,21,0),MOD($C8674,24)+1)/SUM(INDEX($D$3:$AA$30,INDEX(Jesper!$R$2:$R$366,ROW(INDEX(Jesper!AI$2:AI$366,ROUNDDOWN($C8674/24,0)+1,1))-1)+IF('Standard Profiles'!$G$19=$B$10,7,0)+IF('Standard Profiles'!$G$19=$B$17,14,0)+IF('Standard Profiles'!$G$19=$B$24,21,0),0)),0)</f>
        <v>0</v>
      </c>
      <c r="F8674" cm="1">
        <f t="array" ref="F8674">IFERROR(INDEX(Jesper!AJ$2:AJ$366,ROUNDDOWN($C8674/24,0)+1,1)*INDEX($D$3:$AA$30,INDEX(Jesper!$R$2:$R$366,ROW(INDEX(Jesper!AJ$2:AJ$366,ROUNDDOWN($C8674/24,0)+1,1))-1)+IF('Standard Profiles'!$G$20=$B$10,7,0)+IF('Standard Profiles'!$G$20=$B$17,14,0)+IF('Standard Profiles'!$G$20=$B$24,21,0),MOD($C8674,24)+1)/SUM(INDEX($D$3:$AA$30,INDEX(Jesper!$R$2:$R$366,ROW(INDEX(Jesper!AJ$2:AJ$366,ROUNDDOWN($C8674/24,0)+1,1))-1)+IF('Standard Profiles'!$G$20=$B$10,7,0)+IF('Standard Profiles'!$G$20=$B$17,14,0)+IF('Standard Profiles'!$G$20=$B$24,21,0),0)),0)</f>
        <v>0</v>
      </c>
      <c r="G8674" cm="1">
        <f t="array" ref="G8674">IFERROR(INDEX(Jesper!AK$2:AK$366,ROUNDDOWN($C8674/24,0)+1,1)*INDEX($D$3:$AA$30,INDEX(Jesper!$R$2:$R$366,ROW(INDEX(Jesper!AK$2:AK$366,ROUNDDOWN($C8674/24,0)+1,1))-1)+IF('Standard Profiles'!$G$21=$B$10,7,0)+IF('Standard Profiles'!$G$21=$B$17,14,0)+IF('Standard Profiles'!$G$21=$B$24,21,0),MOD($C8674,24)+1)/SUM(INDEX($D$3:$AA$30,INDEX(Jesper!$R$2:$R$366,ROW(INDEX(Jesper!AK$2:AK$366,ROUNDDOWN($C8674/24,0)+1,1))-1)+IF('Standard Profiles'!$G$21=$B$10,7,0)+IF('Standard Profiles'!$G$21=$B$17,14,0)+IF('Standard Profiles'!$G$21=$B$24,21,0),0)),0)</f>
        <v>0</v>
      </c>
      <c r="H8674" cm="1">
        <f t="array" ref="H8674">IFERROR(INDEX(Jesper!AL$2:AL$366,ROUNDDOWN($C8674/24,0)+1,1)*INDEX($D$3:$AA$30,INDEX(Jesper!$R$2:$R$366,ROW(INDEX(Jesper!AL$2:AL$366,ROUNDDOWN($C8674/24,0)+1,1))-1)+IF('Standard Profiles'!$G$22=$B$10,7,0)+IF('Standard Profiles'!$G$22=$B$17,14,0)+IF('Standard Profiles'!$G$22=$B$24,21,0),MOD($C8674,24)+1)/SUM(INDEX($D$3:$AA$30,INDEX(Jesper!$R$2:$R$366,ROW(INDEX(Jesper!AL$2:AL$366,ROUNDDOWN($C8674/24,0)+1,1))-1)+IF('Standard Profiles'!$G$22=$B$10,7,0)+IF('Standard Profiles'!$G$22=$B$17,14,0)+IF('Standard Profiles'!$G$22=$B$24,21,0),0)),0)</f>
        <v>0</v>
      </c>
      <c r="I8674">
        <f t="shared" si="958"/>
        <v>0.23725423730644338</v>
      </c>
      <c r="J8674">
        <f t="shared" si="959"/>
        <v>0.79084745768814468</v>
      </c>
      <c r="K8674">
        <f t="shared" si="960"/>
        <v>1.1862711865322169</v>
      </c>
      <c r="L8674">
        <f t="shared" si="961"/>
        <v>5.6941016953546413</v>
      </c>
      <c r="M8674">
        <f t="shared" si="962"/>
        <v>0</v>
      </c>
      <c r="N8674" s="46">
        <f t="shared" si="963"/>
        <v>45651.999999979045</v>
      </c>
    </row>
    <row r="8675" spans="2:14" x14ac:dyDescent="0.3">
      <c r="B8675">
        <f t="shared" ref="B8675:B8738" si="964">WEEKDAY(N8675,2)</f>
        <v>4</v>
      </c>
      <c r="C8675" s="16">
        <v>8641</v>
      </c>
      <c r="D8675" cm="1">
        <f t="array" ref="D8675">IFERROR(INDEX(Jesper!AH$2:AH$366,ROUNDDOWN($C8675/24,0)+1,1)*INDEX($D$3:$AA$30,INDEX(Jesper!$R$2:$R$366,ROW(INDEX(Jesper!AH$2:AH$366,ROUNDDOWN($C8675/24,0)+1,1))-1)+IF('Standard Profiles'!$G$18=$B$10,7,0)+IF('Standard Profiles'!$G$18=$B$17,14,0)+IF('Standard Profiles'!$G$18=$B$24,21,0),MOD($C8675,24)+1)/SUM(INDEX($D$3:$AA$30,INDEX(Jesper!$R$2:$R$366,ROW(INDEX(Jesper!AH$2:AH$366,ROUNDDOWN($C8675/24,0)+1,1))-1)+IF('Standard Profiles'!$G$18=$B$10,7,0)+IF('Standard Profiles'!$G$18=$B$17,14,0)+IF('Standard Profiles'!$G$18=$B$24,21,0),0)),0)</f>
        <v>7.9084745768814466</v>
      </c>
      <c r="E8675" cm="1">
        <f t="array" ref="E8675">IFERROR(INDEX(Jesper!AI$2:AI$366,ROUNDDOWN($C8675/24,0)+1,1)*INDEX($D$3:$AA$30,INDEX(Jesper!$R$2:$R$366,ROW(INDEX(Jesper!AI$2:AI$366,ROUNDDOWN($C8675/24,0)+1,1))-1)+IF('Standard Profiles'!$G$19=$B$10,7,0)+IF('Standard Profiles'!$G$19=$B$17,14,0)+IF('Standard Profiles'!$G$19=$B$24,21,0),MOD($C8675,24)+1)/SUM(INDEX($D$3:$AA$30,INDEX(Jesper!$R$2:$R$366,ROW(INDEX(Jesper!AI$2:AI$366,ROUNDDOWN($C8675/24,0)+1,1))-1)+IF('Standard Profiles'!$G$19=$B$10,7,0)+IF('Standard Profiles'!$G$19=$B$17,14,0)+IF('Standard Profiles'!$G$19=$B$24,21,0),0)),0)</f>
        <v>0</v>
      </c>
      <c r="F8675" cm="1">
        <f t="array" ref="F8675">IFERROR(INDEX(Jesper!AJ$2:AJ$366,ROUNDDOWN($C8675/24,0)+1,1)*INDEX($D$3:$AA$30,INDEX(Jesper!$R$2:$R$366,ROW(INDEX(Jesper!AJ$2:AJ$366,ROUNDDOWN($C8675/24,0)+1,1))-1)+IF('Standard Profiles'!$G$20=$B$10,7,0)+IF('Standard Profiles'!$G$20=$B$17,14,0)+IF('Standard Profiles'!$G$20=$B$24,21,0),MOD($C8675,24)+1)/SUM(INDEX($D$3:$AA$30,INDEX(Jesper!$R$2:$R$366,ROW(INDEX(Jesper!AJ$2:AJ$366,ROUNDDOWN($C8675/24,0)+1,1))-1)+IF('Standard Profiles'!$G$20=$B$10,7,0)+IF('Standard Profiles'!$G$20=$B$17,14,0)+IF('Standard Profiles'!$G$20=$B$24,21,0),0)),0)</f>
        <v>0</v>
      </c>
      <c r="G8675" cm="1">
        <f t="array" ref="G8675">IFERROR(INDEX(Jesper!AK$2:AK$366,ROUNDDOWN($C8675/24,0)+1,1)*INDEX($D$3:$AA$30,INDEX(Jesper!$R$2:$R$366,ROW(INDEX(Jesper!AK$2:AK$366,ROUNDDOWN($C8675/24,0)+1,1))-1)+IF('Standard Profiles'!$G$21=$B$10,7,0)+IF('Standard Profiles'!$G$21=$B$17,14,0)+IF('Standard Profiles'!$G$21=$B$24,21,0),MOD($C8675,24)+1)/SUM(INDEX($D$3:$AA$30,INDEX(Jesper!$R$2:$R$366,ROW(INDEX(Jesper!AK$2:AK$366,ROUNDDOWN($C8675/24,0)+1,1))-1)+IF('Standard Profiles'!$G$21=$B$10,7,0)+IF('Standard Profiles'!$G$21=$B$17,14,0)+IF('Standard Profiles'!$G$21=$B$24,21,0),0)),0)</f>
        <v>0</v>
      </c>
      <c r="H8675" cm="1">
        <f t="array" ref="H8675">IFERROR(INDEX(Jesper!AL$2:AL$366,ROUNDDOWN($C8675/24,0)+1,1)*INDEX($D$3:$AA$30,INDEX(Jesper!$R$2:$R$366,ROW(INDEX(Jesper!AL$2:AL$366,ROUNDDOWN($C8675/24,0)+1,1))-1)+IF('Standard Profiles'!$G$22=$B$10,7,0)+IF('Standard Profiles'!$G$22=$B$17,14,0)+IF('Standard Profiles'!$G$22=$B$24,21,0),MOD($C8675,24)+1)/SUM(INDEX($D$3:$AA$30,INDEX(Jesper!$R$2:$R$366,ROW(INDEX(Jesper!AL$2:AL$366,ROUNDDOWN($C8675/24,0)+1,1))-1)+IF('Standard Profiles'!$G$22=$B$10,7,0)+IF('Standard Profiles'!$G$22=$B$17,14,0)+IF('Standard Profiles'!$G$22=$B$24,21,0),0)),0)</f>
        <v>0</v>
      </c>
      <c r="I8675">
        <f t="shared" ref="I8675:I8738" si="965">IF($B8675&lt;6,AC$37*$D8675+AC$38*$E8675+AC$39*$F8675+AC$40*$G8675,AC$46*$D8675+AC$47*$E8675+AC$48*$F8675+AC$49*$G8675+AC$50*$H8675)</f>
        <v>0.23725423730644338</v>
      </c>
      <c r="J8675">
        <f t="shared" ref="J8675:J8738" si="966">IF($B8675&lt;6,AD$37*$D8675+AD$38*$E8675+AD$39*$F8675+AD$40*$G8675,AD$46*$D8675+AD$47*$E8675+AD$48*$F8675+AD$49*$G8675+AD$50*$H8675)</f>
        <v>0.79084745768814468</v>
      </c>
      <c r="K8675">
        <f t="shared" ref="K8675:K8738" si="967">IF($B8675&lt;6,AE$37*$D8675+AE$38*$E8675+AE$39*$F8675+AE$40*$G8675,AE$46*$D8675+AE$47*$E8675+AE$48*$F8675+AE$49*$G8675+AE$50*$H8675)</f>
        <v>1.1862711865322169</v>
      </c>
      <c r="L8675">
        <f t="shared" ref="L8675:L8738" si="968">IF($B8675&lt;6,AF$37*$D8675+AF$38*$E8675+AF$39*$F8675+AF$40*$G8675,AF$46*$D8675+AF$47*$E8675+AF$48*$F8675+AF$49*$G8675+AF$50*$H8675)</f>
        <v>5.6941016953546413</v>
      </c>
      <c r="M8675">
        <f t="shared" ref="M8675:M8738" si="969">IF($B8675&lt;6,AG$37*$D8675+AG$38*$E8675+AG$39*$F8675+AG$40*$G8675,AG$46*$D8675+AG$47*$E8675+AG$48*$F8675+AG$49*$G8675+AG$50*$H8675)</f>
        <v>0</v>
      </c>
      <c r="N8675" s="46">
        <f t="shared" si="963"/>
        <v>45652.041666645709</v>
      </c>
    </row>
    <row r="8676" spans="2:14" x14ac:dyDescent="0.3">
      <c r="B8676">
        <f t="shared" si="964"/>
        <v>4</v>
      </c>
      <c r="C8676" s="16">
        <v>8642</v>
      </c>
      <c r="D8676" cm="1">
        <f t="array" ref="D8676">IFERROR(INDEX(Jesper!AH$2:AH$366,ROUNDDOWN($C8676/24,0)+1,1)*INDEX($D$3:$AA$30,INDEX(Jesper!$R$2:$R$366,ROW(INDEX(Jesper!AH$2:AH$366,ROUNDDOWN($C8676/24,0)+1,1))-1)+IF('Standard Profiles'!$G$18=$B$10,7,0)+IF('Standard Profiles'!$G$18=$B$17,14,0)+IF('Standard Profiles'!$G$18=$B$24,21,0),MOD($C8676,24)+1)/SUM(INDEX($D$3:$AA$30,INDEX(Jesper!$R$2:$R$366,ROW(INDEX(Jesper!AH$2:AH$366,ROUNDDOWN($C8676/24,0)+1,1))-1)+IF('Standard Profiles'!$G$18=$B$10,7,0)+IF('Standard Profiles'!$G$18=$B$17,14,0)+IF('Standard Profiles'!$G$18=$B$24,21,0),0)),0)</f>
        <v>7.9084745768814466</v>
      </c>
      <c r="E8676" cm="1">
        <f t="array" ref="E8676">IFERROR(INDEX(Jesper!AI$2:AI$366,ROUNDDOWN($C8676/24,0)+1,1)*INDEX($D$3:$AA$30,INDEX(Jesper!$R$2:$R$366,ROW(INDEX(Jesper!AI$2:AI$366,ROUNDDOWN($C8676/24,0)+1,1))-1)+IF('Standard Profiles'!$G$19=$B$10,7,0)+IF('Standard Profiles'!$G$19=$B$17,14,0)+IF('Standard Profiles'!$G$19=$B$24,21,0),MOD($C8676,24)+1)/SUM(INDEX($D$3:$AA$30,INDEX(Jesper!$R$2:$R$366,ROW(INDEX(Jesper!AI$2:AI$366,ROUNDDOWN($C8676/24,0)+1,1))-1)+IF('Standard Profiles'!$G$19=$B$10,7,0)+IF('Standard Profiles'!$G$19=$B$17,14,0)+IF('Standard Profiles'!$G$19=$B$24,21,0),0)),0)</f>
        <v>0</v>
      </c>
      <c r="F8676" cm="1">
        <f t="array" ref="F8676">IFERROR(INDEX(Jesper!AJ$2:AJ$366,ROUNDDOWN($C8676/24,0)+1,1)*INDEX($D$3:$AA$30,INDEX(Jesper!$R$2:$R$366,ROW(INDEX(Jesper!AJ$2:AJ$366,ROUNDDOWN($C8676/24,0)+1,1))-1)+IF('Standard Profiles'!$G$20=$B$10,7,0)+IF('Standard Profiles'!$G$20=$B$17,14,0)+IF('Standard Profiles'!$G$20=$B$24,21,0),MOD($C8676,24)+1)/SUM(INDEX($D$3:$AA$30,INDEX(Jesper!$R$2:$R$366,ROW(INDEX(Jesper!AJ$2:AJ$366,ROUNDDOWN($C8676/24,0)+1,1))-1)+IF('Standard Profiles'!$G$20=$B$10,7,0)+IF('Standard Profiles'!$G$20=$B$17,14,0)+IF('Standard Profiles'!$G$20=$B$24,21,0),0)),0)</f>
        <v>0</v>
      </c>
      <c r="G8676" cm="1">
        <f t="array" ref="G8676">IFERROR(INDEX(Jesper!AK$2:AK$366,ROUNDDOWN($C8676/24,0)+1,1)*INDEX($D$3:$AA$30,INDEX(Jesper!$R$2:$R$366,ROW(INDEX(Jesper!AK$2:AK$366,ROUNDDOWN($C8676/24,0)+1,1))-1)+IF('Standard Profiles'!$G$21=$B$10,7,0)+IF('Standard Profiles'!$G$21=$B$17,14,0)+IF('Standard Profiles'!$G$21=$B$24,21,0),MOD($C8676,24)+1)/SUM(INDEX($D$3:$AA$30,INDEX(Jesper!$R$2:$R$366,ROW(INDEX(Jesper!AK$2:AK$366,ROUNDDOWN($C8676/24,0)+1,1))-1)+IF('Standard Profiles'!$G$21=$B$10,7,0)+IF('Standard Profiles'!$G$21=$B$17,14,0)+IF('Standard Profiles'!$G$21=$B$24,21,0),0)),0)</f>
        <v>0</v>
      </c>
      <c r="H8676" cm="1">
        <f t="array" ref="H8676">IFERROR(INDEX(Jesper!AL$2:AL$366,ROUNDDOWN($C8676/24,0)+1,1)*INDEX($D$3:$AA$30,INDEX(Jesper!$R$2:$R$366,ROW(INDEX(Jesper!AL$2:AL$366,ROUNDDOWN($C8676/24,0)+1,1))-1)+IF('Standard Profiles'!$G$22=$B$10,7,0)+IF('Standard Profiles'!$G$22=$B$17,14,0)+IF('Standard Profiles'!$G$22=$B$24,21,0),MOD($C8676,24)+1)/SUM(INDEX($D$3:$AA$30,INDEX(Jesper!$R$2:$R$366,ROW(INDEX(Jesper!AL$2:AL$366,ROUNDDOWN($C8676/24,0)+1,1))-1)+IF('Standard Profiles'!$G$22=$B$10,7,0)+IF('Standard Profiles'!$G$22=$B$17,14,0)+IF('Standard Profiles'!$G$22=$B$24,21,0),0)),0)</f>
        <v>0</v>
      </c>
      <c r="I8676">
        <f t="shared" si="965"/>
        <v>0.23725423730644338</v>
      </c>
      <c r="J8676">
        <f t="shared" si="966"/>
        <v>0.79084745768814468</v>
      </c>
      <c r="K8676">
        <f t="shared" si="967"/>
        <v>1.1862711865322169</v>
      </c>
      <c r="L8676">
        <f t="shared" si="968"/>
        <v>5.6941016953546413</v>
      </c>
      <c r="M8676">
        <f t="shared" si="969"/>
        <v>0</v>
      </c>
      <c r="N8676" s="46">
        <f t="shared" ref="N8676:N8739" si="970">N8675+1/24</f>
        <v>45652.083333312374</v>
      </c>
    </row>
    <row r="8677" spans="2:14" x14ac:dyDescent="0.3">
      <c r="B8677">
        <f t="shared" si="964"/>
        <v>4</v>
      </c>
      <c r="C8677" s="16">
        <v>8643</v>
      </c>
      <c r="D8677" cm="1">
        <f t="array" ref="D8677">IFERROR(INDEX(Jesper!AH$2:AH$366,ROUNDDOWN($C8677/24,0)+1,1)*INDEX($D$3:$AA$30,INDEX(Jesper!$R$2:$R$366,ROW(INDEX(Jesper!AH$2:AH$366,ROUNDDOWN($C8677/24,0)+1,1))-1)+IF('Standard Profiles'!$G$18=$B$10,7,0)+IF('Standard Profiles'!$G$18=$B$17,14,0)+IF('Standard Profiles'!$G$18=$B$24,21,0),MOD($C8677,24)+1)/SUM(INDEX($D$3:$AA$30,INDEX(Jesper!$R$2:$R$366,ROW(INDEX(Jesper!AH$2:AH$366,ROUNDDOWN($C8677/24,0)+1,1))-1)+IF('Standard Profiles'!$G$18=$B$10,7,0)+IF('Standard Profiles'!$G$18=$B$17,14,0)+IF('Standard Profiles'!$G$18=$B$24,21,0),0)),0)</f>
        <v>7.9084745768814466</v>
      </c>
      <c r="E8677" cm="1">
        <f t="array" ref="E8677">IFERROR(INDEX(Jesper!AI$2:AI$366,ROUNDDOWN($C8677/24,0)+1,1)*INDEX($D$3:$AA$30,INDEX(Jesper!$R$2:$R$366,ROW(INDEX(Jesper!AI$2:AI$366,ROUNDDOWN($C8677/24,0)+1,1))-1)+IF('Standard Profiles'!$G$19=$B$10,7,0)+IF('Standard Profiles'!$G$19=$B$17,14,0)+IF('Standard Profiles'!$G$19=$B$24,21,0),MOD($C8677,24)+1)/SUM(INDEX($D$3:$AA$30,INDEX(Jesper!$R$2:$R$366,ROW(INDEX(Jesper!AI$2:AI$366,ROUNDDOWN($C8677/24,0)+1,1))-1)+IF('Standard Profiles'!$G$19=$B$10,7,0)+IF('Standard Profiles'!$G$19=$B$17,14,0)+IF('Standard Profiles'!$G$19=$B$24,21,0),0)),0)</f>
        <v>0</v>
      </c>
      <c r="F8677" cm="1">
        <f t="array" ref="F8677">IFERROR(INDEX(Jesper!AJ$2:AJ$366,ROUNDDOWN($C8677/24,0)+1,1)*INDEX($D$3:$AA$30,INDEX(Jesper!$R$2:$R$366,ROW(INDEX(Jesper!AJ$2:AJ$366,ROUNDDOWN($C8677/24,0)+1,1))-1)+IF('Standard Profiles'!$G$20=$B$10,7,0)+IF('Standard Profiles'!$G$20=$B$17,14,0)+IF('Standard Profiles'!$G$20=$B$24,21,0),MOD($C8677,24)+1)/SUM(INDEX($D$3:$AA$30,INDEX(Jesper!$R$2:$R$366,ROW(INDEX(Jesper!AJ$2:AJ$366,ROUNDDOWN($C8677/24,0)+1,1))-1)+IF('Standard Profiles'!$G$20=$B$10,7,0)+IF('Standard Profiles'!$G$20=$B$17,14,0)+IF('Standard Profiles'!$G$20=$B$24,21,0),0)),0)</f>
        <v>0</v>
      </c>
      <c r="G8677" cm="1">
        <f t="array" ref="G8677">IFERROR(INDEX(Jesper!AK$2:AK$366,ROUNDDOWN($C8677/24,0)+1,1)*INDEX($D$3:$AA$30,INDEX(Jesper!$R$2:$R$366,ROW(INDEX(Jesper!AK$2:AK$366,ROUNDDOWN($C8677/24,0)+1,1))-1)+IF('Standard Profiles'!$G$21=$B$10,7,0)+IF('Standard Profiles'!$G$21=$B$17,14,0)+IF('Standard Profiles'!$G$21=$B$24,21,0),MOD($C8677,24)+1)/SUM(INDEX($D$3:$AA$30,INDEX(Jesper!$R$2:$R$366,ROW(INDEX(Jesper!AK$2:AK$366,ROUNDDOWN($C8677/24,0)+1,1))-1)+IF('Standard Profiles'!$G$21=$B$10,7,0)+IF('Standard Profiles'!$G$21=$B$17,14,0)+IF('Standard Profiles'!$G$21=$B$24,21,0),0)),0)</f>
        <v>0</v>
      </c>
      <c r="H8677" cm="1">
        <f t="array" ref="H8677">IFERROR(INDEX(Jesper!AL$2:AL$366,ROUNDDOWN($C8677/24,0)+1,1)*INDEX($D$3:$AA$30,INDEX(Jesper!$R$2:$R$366,ROW(INDEX(Jesper!AL$2:AL$366,ROUNDDOWN($C8677/24,0)+1,1))-1)+IF('Standard Profiles'!$G$22=$B$10,7,0)+IF('Standard Profiles'!$G$22=$B$17,14,0)+IF('Standard Profiles'!$G$22=$B$24,21,0),MOD($C8677,24)+1)/SUM(INDEX($D$3:$AA$30,INDEX(Jesper!$R$2:$R$366,ROW(INDEX(Jesper!AL$2:AL$366,ROUNDDOWN($C8677/24,0)+1,1))-1)+IF('Standard Profiles'!$G$22=$B$10,7,0)+IF('Standard Profiles'!$G$22=$B$17,14,0)+IF('Standard Profiles'!$G$22=$B$24,21,0),0)),0)</f>
        <v>0</v>
      </c>
      <c r="I8677">
        <f t="shared" si="965"/>
        <v>0.23725423730644338</v>
      </c>
      <c r="J8677">
        <f t="shared" si="966"/>
        <v>0.79084745768814468</v>
      </c>
      <c r="K8677">
        <f t="shared" si="967"/>
        <v>1.1862711865322169</v>
      </c>
      <c r="L8677">
        <f t="shared" si="968"/>
        <v>5.6941016953546413</v>
      </c>
      <c r="M8677">
        <f t="shared" si="969"/>
        <v>0</v>
      </c>
      <c r="N8677" s="46">
        <f t="shared" si="970"/>
        <v>45652.124999979038</v>
      </c>
    </row>
    <row r="8678" spans="2:14" x14ac:dyDescent="0.3">
      <c r="B8678">
        <f t="shared" si="964"/>
        <v>4</v>
      </c>
      <c r="C8678" s="16">
        <v>8644</v>
      </c>
      <c r="D8678" cm="1">
        <f t="array" ref="D8678">IFERROR(INDEX(Jesper!AH$2:AH$366,ROUNDDOWN($C8678/24,0)+1,1)*INDEX($D$3:$AA$30,INDEX(Jesper!$R$2:$R$366,ROW(INDEX(Jesper!AH$2:AH$366,ROUNDDOWN($C8678/24,0)+1,1))-1)+IF('Standard Profiles'!$G$18=$B$10,7,0)+IF('Standard Profiles'!$G$18=$B$17,14,0)+IF('Standard Profiles'!$G$18=$B$24,21,0),MOD($C8678,24)+1)/SUM(INDEX($D$3:$AA$30,INDEX(Jesper!$R$2:$R$366,ROW(INDEX(Jesper!AH$2:AH$366,ROUNDDOWN($C8678/24,0)+1,1))-1)+IF('Standard Profiles'!$G$18=$B$10,7,0)+IF('Standard Profiles'!$G$18=$B$17,14,0)+IF('Standard Profiles'!$G$18=$B$24,21,0),0)),0)</f>
        <v>7.9084745768814466</v>
      </c>
      <c r="E8678" cm="1">
        <f t="array" ref="E8678">IFERROR(INDEX(Jesper!AI$2:AI$366,ROUNDDOWN($C8678/24,0)+1,1)*INDEX($D$3:$AA$30,INDEX(Jesper!$R$2:$R$366,ROW(INDEX(Jesper!AI$2:AI$366,ROUNDDOWN($C8678/24,0)+1,1))-1)+IF('Standard Profiles'!$G$19=$B$10,7,0)+IF('Standard Profiles'!$G$19=$B$17,14,0)+IF('Standard Profiles'!$G$19=$B$24,21,0),MOD($C8678,24)+1)/SUM(INDEX($D$3:$AA$30,INDEX(Jesper!$R$2:$R$366,ROW(INDEX(Jesper!AI$2:AI$366,ROUNDDOWN($C8678/24,0)+1,1))-1)+IF('Standard Profiles'!$G$19=$B$10,7,0)+IF('Standard Profiles'!$G$19=$B$17,14,0)+IF('Standard Profiles'!$G$19=$B$24,21,0),0)),0)</f>
        <v>0</v>
      </c>
      <c r="F8678" cm="1">
        <f t="array" ref="F8678">IFERROR(INDEX(Jesper!AJ$2:AJ$366,ROUNDDOWN($C8678/24,0)+1,1)*INDEX($D$3:$AA$30,INDEX(Jesper!$R$2:$R$366,ROW(INDEX(Jesper!AJ$2:AJ$366,ROUNDDOWN($C8678/24,0)+1,1))-1)+IF('Standard Profiles'!$G$20=$B$10,7,0)+IF('Standard Profiles'!$G$20=$B$17,14,0)+IF('Standard Profiles'!$G$20=$B$24,21,0),MOD($C8678,24)+1)/SUM(INDEX($D$3:$AA$30,INDEX(Jesper!$R$2:$R$366,ROW(INDEX(Jesper!AJ$2:AJ$366,ROUNDDOWN($C8678/24,0)+1,1))-1)+IF('Standard Profiles'!$G$20=$B$10,7,0)+IF('Standard Profiles'!$G$20=$B$17,14,0)+IF('Standard Profiles'!$G$20=$B$24,21,0),0)),0)</f>
        <v>0</v>
      </c>
      <c r="G8678" cm="1">
        <f t="array" ref="G8678">IFERROR(INDEX(Jesper!AK$2:AK$366,ROUNDDOWN($C8678/24,0)+1,1)*INDEX($D$3:$AA$30,INDEX(Jesper!$R$2:$R$366,ROW(INDEX(Jesper!AK$2:AK$366,ROUNDDOWN($C8678/24,0)+1,1))-1)+IF('Standard Profiles'!$G$21=$B$10,7,0)+IF('Standard Profiles'!$G$21=$B$17,14,0)+IF('Standard Profiles'!$G$21=$B$24,21,0),MOD($C8678,24)+1)/SUM(INDEX($D$3:$AA$30,INDEX(Jesper!$R$2:$R$366,ROW(INDEX(Jesper!AK$2:AK$366,ROUNDDOWN($C8678/24,0)+1,1))-1)+IF('Standard Profiles'!$G$21=$B$10,7,0)+IF('Standard Profiles'!$G$21=$B$17,14,0)+IF('Standard Profiles'!$G$21=$B$24,21,0),0)),0)</f>
        <v>0</v>
      </c>
      <c r="H8678" cm="1">
        <f t="array" ref="H8678">IFERROR(INDEX(Jesper!AL$2:AL$366,ROUNDDOWN($C8678/24,0)+1,1)*INDEX($D$3:$AA$30,INDEX(Jesper!$R$2:$R$366,ROW(INDEX(Jesper!AL$2:AL$366,ROUNDDOWN($C8678/24,0)+1,1))-1)+IF('Standard Profiles'!$G$22=$B$10,7,0)+IF('Standard Profiles'!$G$22=$B$17,14,0)+IF('Standard Profiles'!$G$22=$B$24,21,0),MOD($C8678,24)+1)/SUM(INDEX($D$3:$AA$30,INDEX(Jesper!$R$2:$R$366,ROW(INDEX(Jesper!AL$2:AL$366,ROUNDDOWN($C8678/24,0)+1,1))-1)+IF('Standard Profiles'!$G$22=$B$10,7,0)+IF('Standard Profiles'!$G$22=$B$17,14,0)+IF('Standard Profiles'!$G$22=$B$24,21,0),0)),0)</f>
        <v>0</v>
      </c>
      <c r="I8678">
        <f t="shared" si="965"/>
        <v>0.23725423730644338</v>
      </c>
      <c r="J8678">
        <f t="shared" si="966"/>
        <v>0.79084745768814468</v>
      </c>
      <c r="K8678">
        <f t="shared" si="967"/>
        <v>1.1862711865322169</v>
      </c>
      <c r="L8678">
        <f t="shared" si="968"/>
        <v>5.6941016953546413</v>
      </c>
      <c r="M8678">
        <f t="shared" si="969"/>
        <v>0</v>
      </c>
      <c r="N8678" s="46">
        <f t="shared" si="970"/>
        <v>45652.166666645702</v>
      </c>
    </row>
    <row r="8679" spans="2:14" x14ac:dyDescent="0.3">
      <c r="B8679">
        <f t="shared" si="964"/>
        <v>4</v>
      </c>
      <c r="C8679" s="16">
        <v>8645</v>
      </c>
      <c r="D8679" cm="1">
        <f t="array" ref="D8679">IFERROR(INDEX(Jesper!AH$2:AH$366,ROUNDDOWN($C8679/24,0)+1,1)*INDEX($D$3:$AA$30,INDEX(Jesper!$R$2:$R$366,ROW(INDEX(Jesper!AH$2:AH$366,ROUNDDOWN($C8679/24,0)+1,1))-1)+IF('Standard Profiles'!$G$18=$B$10,7,0)+IF('Standard Profiles'!$G$18=$B$17,14,0)+IF('Standard Profiles'!$G$18=$B$24,21,0),MOD($C8679,24)+1)/SUM(INDEX($D$3:$AA$30,INDEX(Jesper!$R$2:$R$366,ROW(INDEX(Jesper!AH$2:AH$366,ROUNDDOWN($C8679/24,0)+1,1))-1)+IF('Standard Profiles'!$G$18=$B$10,7,0)+IF('Standard Profiles'!$G$18=$B$17,14,0)+IF('Standard Profiles'!$G$18=$B$24,21,0),0)),0)</f>
        <v>10.193145010202754</v>
      </c>
      <c r="E8679" cm="1">
        <f t="array" ref="E8679">IFERROR(INDEX(Jesper!AI$2:AI$366,ROUNDDOWN($C8679/24,0)+1,1)*INDEX($D$3:$AA$30,INDEX(Jesper!$R$2:$R$366,ROW(INDEX(Jesper!AI$2:AI$366,ROUNDDOWN($C8679/24,0)+1,1))-1)+IF('Standard Profiles'!$G$19=$B$10,7,0)+IF('Standard Profiles'!$G$19=$B$17,14,0)+IF('Standard Profiles'!$G$19=$B$24,21,0),MOD($C8679,24)+1)/SUM(INDEX($D$3:$AA$30,INDEX(Jesper!$R$2:$R$366,ROW(INDEX(Jesper!AI$2:AI$366,ROUNDDOWN($C8679/24,0)+1,1))-1)+IF('Standard Profiles'!$G$19=$B$10,7,0)+IF('Standard Profiles'!$G$19=$B$17,14,0)+IF('Standard Profiles'!$G$19=$B$24,21,0),0)),0)</f>
        <v>0</v>
      </c>
      <c r="F8679" cm="1">
        <f t="array" ref="F8679">IFERROR(INDEX(Jesper!AJ$2:AJ$366,ROUNDDOWN($C8679/24,0)+1,1)*INDEX($D$3:$AA$30,INDEX(Jesper!$R$2:$R$366,ROW(INDEX(Jesper!AJ$2:AJ$366,ROUNDDOWN($C8679/24,0)+1,1))-1)+IF('Standard Profiles'!$G$20=$B$10,7,0)+IF('Standard Profiles'!$G$20=$B$17,14,0)+IF('Standard Profiles'!$G$20=$B$24,21,0),MOD($C8679,24)+1)/SUM(INDEX($D$3:$AA$30,INDEX(Jesper!$R$2:$R$366,ROW(INDEX(Jesper!AJ$2:AJ$366,ROUNDDOWN($C8679/24,0)+1,1))-1)+IF('Standard Profiles'!$G$20=$B$10,7,0)+IF('Standard Profiles'!$G$20=$B$17,14,0)+IF('Standard Profiles'!$G$20=$B$24,21,0),0)),0)</f>
        <v>0</v>
      </c>
      <c r="G8679" cm="1">
        <f t="array" ref="G8679">IFERROR(INDEX(Jesper!AK$2:AK$366,ROUNDDOWN($C8679/24,0)+1,1)*INDEX($D$3:$AA$30,INDEX(Jesper!$R$2:$R$366,ROW(INDEX(Jesper!AK$2:AK$366,ROUNDDOWN($C8679/24,0)+1,1))-1)+IF('Standard Profiles'!$G$21=$B$10,7,0)+IF('Standard Profiles'!$G$21=$B$17,14,0)+IF('Standard Profiles'!$G$21=$B$24,21,0),MOD($C8679,24)+1)/SUM(INDEX($D$3:$AA$30,INDEX(Jesper!$R$2:$R$366,ROW(INDEX(Jesper!AK$2:AK$366,ROUNDDOWN($C8679/24,0)+1,1))-1)+IF('Standard Profiles'!$G$21=$B$10,7,0)+IF('Standard Profiles'!$G$21=$B$17,14,0)+IF('Standard Profiles'!$G$21=$B$24,21,0),0)),0)</f>
        <v>0</v>
      </c>
      <c r="H8679" cm="1">
        <f t="array" ref="H8679">IFERROR(INDEX(Jesper!AL$2:AL$366,ROUNDDOWN($C8679/24,0)+1,1)*INDEX($D$3:$AA$30,INDEX(Jesper!$R$2:$R$366,ROW(INDEX(Jesper!AL$2:AL$366,ROUNDDOWN($C8679/24,0)+1,1))-1)+IF('Standard Profiles'!$G$22=$B$10,7,0)+IF('Standard Profiles'!$G$22=$B$17,14,0)+IF('Standard Profiles'!$G$22=$B$24,21,0),MOD($C8679,24)+1)/SUM(INDEX($D$3:$AA$30,INDEX(Jesper!$R$2:$R$366,ROW(INDEX(Jesper!AL$2:AL$366,ROUNDDOWN($C8679/24,0)+1,1))-1)+IF('Standard Profiles'!$G$22=$B$10,7,0)+IF('Standard Profiles'!$G$22=$B$17,14,0)+IF('Standard Profiles'!$G$22=$B$24,21,0),0)),0)</f>
        <v>0</v>
      </c>
      <c r="I8679">
        <f t="shared" si="965"/>
        <v>0.3057943503060826</v>
      </c>
      <c r="J8679">
        <f t="shared" si="966"/>
        <v>1.0193145010202753</v>
      </c>
      <c r="K8679">
        <f t="shared" si="967"/>
        <v>1.5289717515304131</v>
      </c>
      <c r="L8679">
        <f t="shared" si="968"/>
        <v>7.3390644073459823</v>
      </c>
      <c r="M8679">
        <f t="shared" si="969"/>
        <v>0</v>
      </c>
      <c r="N8679" s="46">
        <f t="shared" si="970"/>
        <v>45652.208333312366</v>
      </c>
    </row>
    <row r="8680" spans="2:14" x14ac:dyDescent="0.3">
      <c r="B8680">
        <f t="shared" si="964"/>
        <v>4</v>
      </c>
      <c r="C8680" s="16">
        <v>8646</v>
      </c>
      <c r="D8680" cm="1">
        <f t="array" ref="D8680">IFERROR(INDEX(Jesper!AH$2:AH$366,ROUNDDOWN($C8680/24,0)+1,1)*INDEX($D$3:$AA$30,INDEX(Jesper!$R$2:$R$366,ROW(INDEX(Jesper!AH$2:AH$366,ROUNDDOWN($C8680/24,0)+1,1))-1)+IF('Standard Profiles'!$G$18=$B$10,7,0)+IF('Standard Profiles'!$G$18=$B$17,14,0)+IF('Standard Profiles'!$G$18=$B$24,21,0),MOD($C8680,24)+1)/SUM(INDEX($D$3:$AA$30,INDEX(Jesper!$R$2:$R$366,ROW(INDEX(Jesper!AH$2:AH$366,ROUNDDOWN($C8680/24,0)+1,1))-1)+IF('Standard Profiles'!$G$18=$B$10,7,0)+IF('Standard Profiles'!$G$18=$B$17,14,0)+IF('Standard Profiles'!$G$18=$B$24,21,0),0)),0)</f>
        <v>11.774839925579045</v>
      </c>
      <c r="E8680" cm="1">
        <f t="array" ref="E8680">IFERROR(INDEX(Jesper!AI$2:AI$366,ROUNDDOWN($C8680/24,0)+1,1)*INDEX($D$3:$AA$30,INDEX(Jesper!$R$2:$R$366,ROW(INDEX(Jesper!AI$2:AI$366,ROUNDDOWN($C8680/24,0)+1,1))-1)+IF('Standard Profiles'!$G$19=$B$10,7,0)+IF('Standard Profiles'!$G$19=$B$17,14,0)+IF('Standard Profiles'!$G$19=$B$24,21,0),MOD($C8680,24)+1)/SUM(INDEX($D$3:$AA$30,INDEX(Jesper!$R$2:$R$366,ROW(INDEX(Jesper!AI$2:AI$366,ROUNDDOWN($C8680/24,0)+1,1))-1)+IF('Standard Profiles'!$G$19=$B$10,7,0)+IF('Standard Profiles'!$G$19=$B$17,14,0)+IF('Standard Profiles'!$G$19=$B$24,21,0),0)),0)</f>
        <v>0</v>
      </c>
      <c r="F8680" cm="1">
        <f t="array" ref="F8680">IFERROR(INDEX(Jesper!AJ$2:AJ$366,ROUNDDOWN($C8680/24,0)+1,1)*INDEX($D$3:$AA$30,INDEX(Jesper!$R$2:$R$366,ROW(INDEX(Jesper!AJ$2:AJ$366,ROUNDDOWN($C8680/24,0)+1,1))-1)+IF('Standard Profiles'!$G$20=$B$10,7,0)+IF('Standard Profiles'!$G$20=$B$17,14,0)+IF('Standard Profiles'!$G$20=$B$24,21,0),MOD($C8680,24)+1)/SUM(INDEX($D$3:$AA$30,INDEX(Jesper!$R$2:$R$366,ROW(INDEX(Jesper!AJ$2:AJ$366,ROUNDDOWN($C8680/24,0)+1,1))-1)+IF('Standard Profiles'!$G$20=$B$10,7,0)+IF('Standard Profiles'!$G$20=$B$17,14,0)+IF('Standard Profiles'!$G$20=$B$24,21,0),0)),0)</f>
        <v>0</v>
      </c>
      <c r="G8680" cm="1">
        <f t="array" ref="G8680">IFERROR(INDEX(Jesper!AK$2:AK$366,ROUNDDOWN($C8680/24,0)+1,1)*INDEX($D$3:$AA$30,INDEX(Jesper!$R$2:$R$366,ROW(INDEX(Jesper!AK$2:AK$366,ROUNDDOWN($C8680/24,0)+1,1))-1)+IF('Standard Profiles'!$G$21=$B$10,7,0)+IF('Standard Profiles'!$G$21=$B$17,14,0)+IF('Standard Profiles'!$G$21=$B$24,21,0),MOD($C8680,24)+1)/SUM(INDEX($D$3:$AA$30,INDEX(Jesper!$R$2:$R$366,ROW(INDEX(Jesper!AK$2:AK$366,ROUNDDOWN($C8680/24,0)+1,1))-1)+IF('Standard Profiles'!$G$21=$B$10,7,0)+IF('Standard Profiles'!$G$21=$B$17,14,0)+IF('Standard Profiles'!$G$21=$B$24,21,0),0)),0)</f>
        <v>0</v>
      </c>
      <c r="H8680" cm="1">
        <f t="array" ref="H8680">IFERROR(INDEX(Jesper!AL$2:AL$366,ROUNDDOWN($C8680/24,0)+1,1)*INDEX($D$3:$AA$30,INDEX(Jesper!$R$2:$R$366,ROW(INDEX(Jesper!AL$2:AL$366,ROUNDDOWN($C8680/24,0)+1,1))-1)+IF('Standard Profiles'!$G$22=$B$10,7,0)+IF('Standard Profiles'!$G$22=$B$17,14,0)+IF('Standard Profiles'!$G$22=$B$24,21,0),MOD($C8680,24)+1)/SUM(INDEX($D$3:$AA$30,INDEX(Jesper!$R$2:$R$366,ROW(INDEX(Jesper!AL$2:AL$366,ROUNDDOWN($C8680/24,0)+1,1))-1)+IF('Standard Profiles'!$G$22=$B$10,7,0)+IF('Standard Profiles'!$G$22=$B$17,14,0)+IF('Standard Profiles'!$G$22=$B$24,21,0),0)),0)</f>
        <v>0</v>
      </c>
      <c r="I8680">
        <f t="shared" si="965"/>
        <v>0.35324519776737134</v>
      </c>
      <c r="J8680">
        <f t="shared" si="966"/>
        <v>1.1774839925579046</v>
      </c>
      <c r="K8680">
        <f t="shared" si="967"/>
        <v>1.7662259888368566</v>
      </c>
      <c r="L8680">
        <f t="shared" si="968"/>
        <v>8.4778847464169118</v>
      </c>
      <c r="M8680">
        <f t="shared" si="969"/>
        <v>0</v>
      </c>
      <c r="N8680" s="46">
        <f t="shared" si="970"/>
        <v>45652.249999979031</v>
      </c>
    </row>
    <row r="8681" spans="2:14" x14ac:dyDescent="0.3">
      <c r="B8681">
        <f t="shared" si="964"/>
        <v>4</v>
      </c>
      <c r="C8681" s="16">
        <v>8647</v>
      </c>
      <c r="D8681" cm="1">
        <f t="array" ref="D8681">IFERROR(INDEX(Jesper!AH$2:AH$366,ROUNDDOWN($C8681/24,0)+1,1)*INDEX($D$3:$AA$30,INDEX(Jesper!$R$2:$R$366,ROW(INDEX(Jesper!AH$2:AH$366,ROUNDDOWN($C8681/24,0)+1,1))-1)+IF('Standard Profiles'!$G$18=$B$10,7,0)+IF('Standard Profiles'!$G$18=$B$17,14,0)+IF('Standard Profiles'!$G$18=$B$24,21,0),MOD($C8681,24)+1)/SUM(INDEX($D$3:$AA$30,INDEX(Jesper!$R$2:$R$366,ROW(INDEX(Jesper!AH$2:AH$366,ROUNDDOWN($C8681/24,0)+1,1))-1)+IF('Standard Profiles'!$G$18=$B$10,7,0)+IF('Standard Profiles'!$G$18=$B$17,14,0)+IF('Standard Profiles'!$G$18=$B$24,21,0),0)),0)</f>
        <v>11.774839925579045</v>
      </c>
      <c r="E8681" cm="1">
        <f t="array" ref="E8681">IFERROR(INDEX(Jesper!AI$2:AI$366,ROUNDDOWN($C8681/24,0)+1,1)*INDEX($D$3:$AA$30,INDEX(Jesper!$R$2:$R$366,ROW(INDEX(Jesper!AI$2:AI$366,ROUNDDOWN($C8681/24,0)+1,1))-1)+IF('Standard Profiles'!$G$19=$B$10,7,0)+IF('Standard Profiles'!$G$19=$B$17,14,0)+IF('Standard Profiles'!$G$19=$B$24,21,0),MOD($C8681,24)+1)/SUM(INDEX($D$3:$AA$30,INDEX(Jesper!$R$2:$R$366,ROW(INDEX(Jesper!AI$2:AI$366,ROUNDDOWN($C8681/24,0)+1,1))-1)+IF('Standard Profiles'!$G$19=$B$10,7,0)+IF('Standard Profiles'!$G$19=$B$17,14,0)+IF('Standard Profiles'!$G$19=$B$24,21,0),0)),0)</f>
        <v>0</v>
      </c>
      <c r="F8681" cm="1">
        <f t="array" ref="F8681">IFERROR(INDEX(Jesper!AJ$2:AJ$366,ROUNDDOWN($C8681/24,0)+1,1)*INDEX($D$3:$AA$30,INDEX(Jesper!$R$2:$R$366,ROW(INDEX(Jesper!AJ$2:AJ$366,ROUNDDOWN($C8681/24,0)+1,1))-1)+IF('Standard Profiles'!$G$20=$B$10,7,0)+IF('Standard Profiles'!$G$20=$B$17,14,0)+IF('Standard Profiles'!$G$20=$B$24,21,0),MOD($C8681,24)+1)/SUM(INDEX($D$3:$AA$30,INDEX(Jesper!$R$2:$R$366,ROW(INDEX(Jesper!AJ$2:AJ$366,ROUNDDOWN($C8681/24,0)+1,1))-1)+IF('Standard Profiles'!$G$20=$B$10,7,0)+IF('Standard Profiles'!$G$20=$B$17,14,0)+IF('Standard Profiles'!$G$20=$B$24,21,0),0)),0)</f>
        <v>0</v>
      </c>
      <c r="G8681" cm="1">
        <f t="array" ref="G8681">IFERROR(INDEX(Jesper!AK$2:AK$366,ROUNDDOWN($C8681/24,0)+1,1)*INDEX($D$3:$AA$30,INDEX(Jesper!$R$2:$R$366,ROW(INDEX(Jesper!AK$2:AK$366,ROUNDDOWN($C8681/24,0)+1,1))-1)+IF('Standard Profiles'!$G$21=$B$10,7,0)+IF('Standard Profiles'!$G$21=$B$17,14,0)+IF('Standard Profiles'!$G$21=$B$24,21,0),MOD($C8681,24)+1)/SUM(INDEX($D$3:$AA$30,INDEX(Jesper!$R$2:$R$366,ROW(INDEX(Jesper!AK$2:AK$366,ROUNDDOWN($C8681/24,0)+1,1))-1)+IF('Standard Profiles'!$G$21=$B$10,7,0)+IF('Standard Profiles'!$G$21=$B$17,14,0)+IF('Standard Profiles'!$G$21=$B$24,21,0),0)),0)</f>
        <v>0</v>
      </c>
      <c r="H8681" cm="1">
        <f t="array" ref="H8681">IFERROR(INDEX(Jesper!AL$2:AL$366,ROUNDDOWN($C8681/24,0)+1,1)*INDEX($D$3:$AA$30,INDEX(Jesper!$R$2:$R$366,ROW(INDEX(Jesper!AL$2:AL$366,ROUNDDOWN($C8681/24,0)+1,1))-1)+IF('Standard Profiles'!$G$22=$B$10,7,0)+IF('Standard Profiles'!$G$22=$B$17,14,0)+IF('Standard Profiles'!$G$22=$B$24,21,0),MOD($C8681,24)+1)/SUM(INDEX($D$3:$AA$30,INDEX(Jesper!$R$2:$R$366,ROW(INDEX(Jesper!AL$2:AL$366,ROUNDDOWN($C8681/24,0)+1,1))-1)+IF('Standard Profiles'!$G$22=$B$10,7,0)+IF('Standard Profiles'!$G$22=$B$17,14,0)+IF('Standard Profiles'!$G$22=$B$24,21,0),0)),0)</f>
        <v>0</v>
      </c>
      <c r="I8681">
        <f t="shared" si="965"/>
        <v>0.35324519776737134</v>
      </c>
      <c r="J8681">
        <f t="shared" si="966"/>
        <v>1.1774839925579046</v>
      </c>
      <c r="K8681">
        <f t="shared" si="967"/>
        <v>1.7662259888368566</v>
      </c>
      <c r="L8681">
        <f t="shared" si="968"/>
        <v>8.4778847464169118</v>
      </c>
      <c r="M8681">
        <f t="shared" si="969"/>
        <v>0</v>
      </c>
      <c r="N8681" s="46">
        <f t="shared" si="970"/>
        <v>45652.291666645695</v>
      </c>
    </row>
    <row r="8682" spans="2:14" x14ac:dyDescent="0.3">
      <c r="B8682">
        <f t="shared" si="964"/>
        <v>4</v>
      </c>
      <c r="C8682" s="16">
        <v>8648</v>
      </c>
      <c r="D8682" cm="1">
        <f t="array" ref="D8682">IFERROR(INDEX(Jesper!AH$2:AH$366,ROUNDDOWN($C8682/24,0)+1,1)*INDEX($D$3:$AA$30,INDEX(Jesper!$R$2:$R$366,ROW(INDEX(Jesper!AH$2:AH$366,ROUNDDOWN($C8682/24,0)+1,1))-1)+IF('Standard Profiles'!$G$18=$B$10,7,0)+IF('Standard Profiles'!$G$18=$B$17,14,0)+IF('Standard Profiles'!$G$18=$B$24,21,0),MOD($C8682,24)+1)/SUM(INDEX($D$3:$AA$30,INDEX(Jesper!$R$2:$R$366,ROW(INDEX(Jesper!AH$2:AH$366,ROUNDDOWN($C8682/24,0)+1,1))-1)+IF('Standard Profiles'!$G$18=$B$10,7,0)+IF('Standard Profiles'!$G$18=$B$17,14,0)+IF('Standard Profiles'!$G$18=$B$24,21,0),0)),0)</f>
        <v>11.774839925579045</v>
      </c>
      <c r="E8682" cm="1">
        <f t="array" ref="E8682">IFERROR(INDEX(Jesper!AI$2:AI$366,ROUNDDOWN($C8682/24,0)+1,1)*INDEX($D$3:$AA$30,INDEX(Jesper!$R$2:$R$366,ROW(INDEX(Jesper!AI$2:AI$366,ROUNDDOWN($C8682/24,0)+1,1))-1)+IF('Standard Profiles'!$G$19=$B$10,7,0)+IF('Standard Profiles'!$G$19=$B$17,14,0)+IF('Standard Profiles'!$G$19=$B$24,21,0),MOD($C8682,24)+1)/SUM(INDEX($D$3:$AA$30,INDEX(Jesper!$R$2:$R$366,ROW(INDEX(Jesper!AI$2:AI$366,ROUNDDOWN($C8682/24,0)+1,1))-1)+IF('Standard Profiles'!$G$19=$B$10,7,0)+IF('Standard Profiles'!$G$19=$B$17,14,0)+IF('Standard Profiles'!$G$19=$B$24,21,0),0)),0)</f>
        <v>0</v>
      </c>
      <c r="F8682" cm="1">
        <f t="array" ref="F8682">IFERROR(INDEX(Jesper!AJ$2:AJ$366,ROUNDDOWN($C8682/24,0)+1,1)*INDEX($D$3:$AA$30,INDEX(Jesper!$R$2:$R$366,ROW(INDEX(Jesper!AJ$2:AJ$366,ROUNDDOWN($C8682/24,0)+1,1))-1)+IF('Standard Profiles'!$G$20=$B$10,7,0)+IF('Standard Profiles'!$G$20=$B$17,14,0)+IF('Standard Profiles'!$G$20=$B$24,21,0),MOD($C8682,24)+1)/SUM(INDEX($D$3:$AA$30,INDEX(Jesper!$R$2:$R$366,ROW(INDEX(Jesper!AJ$2:AJ$366,ROUNDDOWN($C8682/24,0)+1,1))-1)+IF('Standard Profiles'!$G$20=$B$10,7,0)+IF('Standard Profiles'!$G$20=$B$17,14,0)+IF('Standard Profiles'!$G$20=$B$24,21,0),0)),0)</f>
        <v>0</v>
      </c>
      <c r="G8682" cm="1">
        <f t="array" ref="G8682">IFERROR(INDEX(Jesper!AK$2:AK$366,ROUNDDOWN($C8682/24,0)+1,1)*INDEX($D$3:$AA$30,INDEX(Jesper!$R$2:$R$366,ROW(INDEX(Jesper!AK$2:AK$366,ROUNDDOWN($C8682/24,0)+1,1))-1)+IF('Standard Profiles'!$G$21=$B$10,7,0)+IF('Standard Profiles'!$G$21=$B$17,14,0)+IF('Standard Profiles'!$G$21=$B$24,21,0),MOD($C8682,24)+1)/SUM(INDEX($D$3:$AA$30,INDEX(Jesper!$R$2:$R$366,ROW(INDEX(Jesper!AK$2:AK$366,ROUNDDOWN($C8682/24,0)+1,1))-1)+IF('Standard Profiles'!$G$21=$B$10,7,0)+IF('Standard Profiles'!$G$21=$B$17,14,0)+IF('Standard Profiles'!$G$21=$B$24,21,0),0)),0)</f>
        <v>0</v>
      </c>
      <c r="H8682" cm="1">
        <f t="array" ref="H8682">IFERROR(INDEX(Jesper!AL$2:AL$366,ROUNDDOWN($C8682/24,0)+1,1)*INDEX($D$3:$AA$30,INDEX(Jesper!$R$2:$R$366,ROW(INDEX(Jesper!AL$2:AL$366,ROUNDDOWN($C8682/24,0)+1,1))-1)+IF('Standard Profiles'!$G$22=$B$10,7,0)+IF('Standard Profiles'!$G$22=$B$17,14,0)+IF('Standard Profiles'!$G$22=$B$24,21,0),MOD($C8682,24)+1)/SUM(INDEX($D$3:$AA$30,INDEX(Jesper!$R$2:$R$366,ROW(INDEX(Jesper!AL$2:AL$366,ROUNDDOWN($C8682/24,0)+1,1))-1)+IF('Standard Profiles'!$G$22=$B$10,7,0)+IF('Standard Profiles'!$G$22=$B$17,14,0)+IF('Standard Profiles'!$G$22=$B$24,21,0),0)),0)</f>
        <v>0</v>
      </c>
      <c r="I8682">
        <f t="shared" si="965"/>
        <v>0.35324519776737134</v>
      </c>
      <c r="J8682">
        <f t="shared" si="966"/>
        <v>1.1774839925579046</v>
      </c>
      <c r="K8682">
        <f t="shared" si="967"/>
        <v>1.7662259888368566</v>
      </c>
      <c r="L8682">
        <f t="shared" si="968"/>
        <v>8.4778847464169118</v>
      </c>
      <c r="M8682">
        <f t="shared" si="969"/>
        <v>0</v>
      </c>
      <c r="N8682" s="46">
        <f t="shared" si="970"/>
        <v>45652.333333312359</v>
      </c>
    </row>
    <row r="8683" spans="2:14" x14ac:dyDescent="0.3">
      <c r="B8683">
        <f t="shared" si="964"/>
        <v>4</v>
      </c>
      <c r="C8683" s="16">
        <v>8649</v>
      </c>
      <c r="D8683" cm="1">
        <f t="array" ref="D8683">IFERROR(INDEX(Jesper!AH$2:AH$366,ROUNDDOWN($C8683/24,0)+1,1)*INDEX($D$3:$AA$30,INDEX(Jesper!$R$2:$R$366,ROW(INDEX(Jesper!AH$2:AH$366,ROUNDDOWN($C8683/24,0)+1,1))-1)+IF('Standard Profiles'!$G$18=$B$10,7,0)+IF('Standard Profiles'!$G$18=$B$17,14,0)+IF('Standard Profiles'!$G$18=$B$24,21,0),MOD($C8683,24)+1)/SUM(INDEX($D$3:$AA$30,INDEX(Jesper!$R$2:$R$366,ROW(INDEX(Jesper!AH$2:AH$366,ROUNDDOWN($C8683/24,0)+1,1))-1)+IF('Standard Profiles'!$G$18=$B$10,7,0)+IF('Standard Profiles'!$G$18=$B$17,14,0)+IF('Standard Profiles'!$G$18=$B$24,21,0),0)),0)</f>
        <v>12.653559323010315</v>
      </c>
      <c r="E8683" cm="1">
        <f t="array" ref="E8683">IFERROR(INDEX(Jesper!AI$2:AI$366,ROUNDDOWN($C8683/24,0)+1,1)*INDEX($D$3:$AA$30,INDEX(Jesper!$R$2:$R$366,ROW(INDEX(Jesper!AI$2:AI$366,ROUNDDOWN($C8683/24,0)+1,1))-1)+IF('Standard Profiles'!$G$19=$B$10,7,0)+IF('Standard Profiles'!$G$19=$B$17,14,0)+IF('Standard Profiles'!$G$19=$B$24,21,0),MOD($C8683,24)+1)/SUM(INDEX($D$3:$AA$30,INDEX(Jesper!$R$2:$R$366,ROW(INDEX(Jesper!AI$2:AI$366,ROUNDDOWN($C8683/24,0)+1,1))-1)+IF('Standard Profiles'!$G$19=$B$10,7,0)+IF('Standard Profiles'!$G$19=$B$17,14,0)+IF('Standard Profiles'!$G$19=$B$24,21,0),0)),0)</f>
        <v>0</v>
      </c>
      <c r="F8683" cm="1">
        <f t="array" ref="F8683">IFERROR(INDEX(Jesper!AJ$2:AJ$366,ROUNDDOWN($C8683/24,0)+1,1)*INDEX($D$3:$AA$30,INDEX(Jesper!$R$2:$R$366,ROW(INDEX(Jesper!AJ$2:AJ$366,ROUNDDOWN($C8683/24,0)+1,1))-1)+IF('Standard Profiles'!$G$20=$B$10,7,0)+IF('Standard Profiles'!$G$20=$B$17,14,0)+IF('Standard Profiles'!$G$20=$B$24,21,0),MOD($C8683,24)+1)/SUM(INDEX($D$3:$AA$30,INDEX(Jesper!$R$2:$R$366,ROW(INDEX(Jesper!AJ$2:AJ$366,ROUNDDOWN($C8683/24,0)+1,1))-1)+IF('Standard Profiles'!$G$20=$B$10,7,0)+IF('Standard Profiles'!$G$20=$B$17,14,0)+IF('Standard Profiles'!$G$20=$B$24,21,0),0)),0)</f>
        <v>0</v>
      </c>
      <c r="G8683" cm="1">
        <f t="array" ref="G8683">IFERROR(INDEX(Jesper!AK$2:AK$366,ROUNDDOWN($C8683/24,0)+1,1)*INDEX($D$3:$AA$30,INDEX(Jesper!$R$2:$R$366,ROW(INDEX(Jesper!AK$2:AK$366,ROUNDDOWN($C8683/24,0)+1,1))-1)+IF('Standard Profiles'!$G$21=$B$10,7,0)+IF('Standard Profiles'!$G$21=$B$17,14,0)+IF('Standard Profiles'!$G$21=$B$24,21,0),MOD($C8683,24)+1)/SUM(INDEX($D$3:$AA$30,INDEX(Jesper!$R$2:$R$366,ROW(INDEX(Jesper!AK$2:AK$366,ROUNDDOWN($C8683/24,0)+1,1))-1)+IF('Standard Profiles'!$G$21=$B$10,7,0)+IF('Standard Profiles'!$G$21=$B$17,14,0)+IF('Standard Profiles'!$G$21=$B$24,21,0),0)),0)</f>
        <v>0</v>
      </c>
      <c r="H8683" cm="1">
        <f t="array" ref="H8683">IFERROR(INDEX(Jesper!AL$2:AL$366,ROUNDDOWN($C8683/24,0)+1,1)*INDEX($D$3:$AA$30,INDEX(Jesper!$R$2:$R$366,ROW(INDEX(Jesper!AL$2:AL$366,ROUNDDOWN($C8683/24,0)+1,1))-1)+IF('Standard Profiles'!$G$22=$B$10,7,0)+IF('Standard Profiles'!$G$22=$B$17,14,0)+IF('Standard Profiles'!$G$22=$B$24,21,0),MOD($C8683,24)+1)/SUM(INDEX($D$3:$AA$30,INDEX(Jesper!$R$2:$R$366,ROW(INDEX(Jesper!AL$2:AL$366,ROUNDDOWN($C8683/24,0)+1,1))-1)+IF('Standard Profiles'!$G$22=$B$10,7,0)+IF('Standard Profiles'!$G$22=$B$17,14,0)+IF('Standard Profiles'!$G$22=$B$24,21,0),0)),0)</f>
        <v>0</v>
      </c>
      <c r="I8683">
        <f t="shared" si="965"/>
        <v>0.37960677969030943</v>
      </c>
      <c r="J8683">
        <f t="shared" si="966"/>
        <v>1.2653559323010315</v>
      </c>
      <c r="K8683">
        <f t="shared" si="967"/>
        <v>1.8980338984515472</v>
      </c>
      <c r="L8683">
        <f t="shared" si="968"/>
        <v>9.1105627125674271</v>
      </c>
      <c r="M8683">
        <f t="shared" si="969"/>
        <v>0</v>
      </c>
      <c r="N8683" s="46">
        <f t="shared" si="970"/>
        <v>45652.374999979023</v>
      </c>
    </row>
    <row r="8684" spans="2:14" x14ac:dyDescent="0.3">
      <c r="B8684">
        <f t="shared" si="964"/>
        <v>4</v>
      </c>
      <c r="C8684" s="16">
        <v>8650</v>
      </c>
      <c r="D8684" cm="1">
        <f t="array" ref="D8684">IFERROR(INDEX(Jesper!AH$2:AH$366,ROUNDDOWN($C8684/24,0)+1,1)*INDEX($D$3:$AA$30,INDEX(Jesper!$R$2:$R$366,ROW(INDEX(Jesper!AH$2:AH$366,ROUNDDOWN($C8684/24,0)+1,1))-1)+IF('Standard Profiles'!$G$18=$B$10,7,0)+IF('Standard Profiles'!$G$18=$B$17,14,0)+IF('Standard Profiles'!$G$18=$B$24,21,0),MOD($C8684,24)+1)/SUM(INDEX($D$3:$AA$30,INDEX(Jesper!$R$2:$R$366,ROW(INDEX(Jesper!AH$2:AH$366,ROUNDDOWN($C8684/24,0)+1,1))-1)+IF('Standard Profiles'!$G$18=$B$10,7,0)+IF('Standard Profiles'!$G$18=$B$17,14,0)+IF('Standard Profiles'!$G$18=$B$24,21,0),0)),0)</f>
        <v>13.70802259992784</v>
      </c>
      <c r="E8684" cm="1">
        <f t="array" ref="E8684">IFERROR(INDEX(Jesper!AI$2:AI$366,ROUNDDOWN($C8684/24,0)+1,1)*INDEX($D$3:$AA$30,INDEX(Jesper!$R$2:$R$366,ROW(INDEX(Jesper!AI$2:AI$366,ROUNDDOWN($C8684/24,0)+1,1))-1)+IF('Standard Profiles'!$G$19=$B$10,7,0)+IF('Standard Profiles'!$G$19=$B$17,14,0)+IF('Standard Profiles'!$G$19=$B$24,21,0),MOD($C8684,24)+1)/SUM(INDEX($D$3:$AA$30,INDEX(Jesper!$R$2:$R$366,ROW(INDEX(Jesper!AI$2:AI$366,ROUNDDOWN($C8684/24,0)+1,1))-1)+IF('Standard Profiles'!$G$19=$B$10,7,0)+IF('Standard Profiles'!$G$19=$B$17,14,0)+IF('Standard Profiles'!$G$19=$B$24,21,0),0)),0)</f>
        <v>0</v>
      </c>
      <c r="F8684" cm="1">
        <f t="array" ref="F8684">IFERROR(INDEX(Jesper!AJ$2:AJ$366,ROUNDDOWN($C8684/24,0)+1,1)*INDEX($D$3:$AA$30,INDEX(Jesper!$R$2:$R$366,ROW(INDEX(Jesper!AJ$2:AJ$366,ROUNDDOWN($C8684/24,0)+1,1))-1)+IF('Standard Profiles'!$G$20=$B$10,7,0)+IF('Standard Profiles'!$G$20=$B$17,14,0)+IF('Standard Profiles'!$G$20=$B$24,21,0),MOD($C8684,24)+1)/SUM(INDEX($D$3:$AA$30,INDEX(Jesper!$R$2:$R$366,ROW(INDEX(Jesper!AJ$2:AJ$366,ROUNDDOWN($C8684/24,0)+1,1))-1)+IF('Standard Profiles'!$G$20=$B$10,7,0)+IF('Standard Profiles'!$G$20=$B$17,14,0)+IF('Standard Profiles'!$G$20=$B$24,21,0),0)),0)</f>
        <v>0</v>
      </c>
      <c r="G8684" cm="1">
        <f t="array" ref="G8684">IFERROR(INDEX(Jesper!AK$2:AK$366,ROUNDDOWN($C8684/24,0)+1,1)*INDEX($D$3:$AA$30,INDEX(Jesper!$R$2:$R$366,ROW(INDEX(Jesper!AK$2:AK$366,ROUNDDOWN($C8684/24,0)+1,1))-1)+IF('Standard Profiles'!$G$21=$B$10,7,0)+IF('Standard Profiles'!$G$21=$B$17,14,0)+IF('Standard Profiles'!$G$21=$B$24,21,0),MOD($C8684,24)+1)/SUM(INDEX($D$3:$AA$30,INDEX(Jesper!$R$2:$R$366,ROW(INDEX(Jesper!AK$2:AK$366,ROUNDDOWN($C8684/24,0)+1,1))-1)+IF('Standard Profiles'!$G$21=$B$10,7,0)+IF('Standard Profiles'!$G$21=$B$17,14,0)+IF('Standard Profiles'!$G$21=$B$24,21,0),0)),0)</f>
        <v>0</v>
      </c>
      <c r="H8684" cm="1">
        <f t="array" ref="H8684">IFERROR(INDEX(Jesper!AL$2:AL$366,ROUNDDOWN($C8684/24,0)+1,1)*INDEX($D$3:$AA$30,INDEX(Jesper!$R$2:$R$366,ROW(INDEX(Jesper!AL$2:AL$366,ROUNDDOWN($C8684/24,0)+1,1))-1)+IF('Standard Profiles'!$G$22=$B$10,7,0)+IF('Standard Profiles'!$G$22=$B$17,14,0)+IF('Standard Profiles'!$G$22=$B$24,21,0),MOD($C8684,24)+1)/SUM(INDEX($D$3:$AA$30,INDEX(Jesper!$R$2:$R$366,ROW(INDEX(Jesper!AL$2:AL$366,ROUNDDOWN($C8684/24,0)+1,1))-1)+IF('Standard Profiles'!$G$22=$B$10,7,0)+IF('Standard Profiles'!$G$22=$B$17,14,0)+IF('Standard Profiles'!$G$22=$B$24,21,0),0)),0)</f>
        <v>0</v>
      </c>
      <c r="I8684">
        <f t="shared" si="965"/>
        <v>0.4112406779978352</v>
      </c>
      <c r="J8684">
        <f t="shared" si="966"/>
        <v>1.370802259992784</v>
      </c>
      <c r="K8684">
        <f t="shared" si="967"/>
        <v>2.0562033899891761</v>
      </c>
      <c r="L8684">
        <f t="shared" si="968"/>
        <v>9.8697762719480444</v>
      </c>
      <c r="M8684">
        <f t="shared" si="969"/>
        <v>0</v>
      </c>
      <c r="N8684" s="46">
        <f t="shared" si="970"/>
        <v>45652.416666645688</v>
      </c>
    </row>
    <row r="8685" spans="2:14" x14ac:dyDescent="0.3">
      <c r="B8685">
        <f t="shared" si="964"/>
        <v>4</v>
      </c>
      <c r="C8685" s="16">
        <v>8651</v>
      </c>
      <c r="D8685" cm="1">
        <f t="array" ref="D8685">IFERROR(INDEX(Jesper!AH$2:AH$366,ROUNDDOWN($C8685/24,0)+1,1)*INDEX($D$3:$AA$30,INDEX(Jesper!$R$2:$R$366,ROW(INDEX(Jesper!AH$2:AH$366,ROUNDDOWN($C8685/24,0)+1,1))-1)+IF('Standard Profiles'!$G$18=$B$10,7,0)+IF('Standard Profiles'!$G$18=$B$17,14,0)+IF('Standard Profiles'!$G$18=$B$24,21,0),MOD($C8685,24)+1)/SUM(INDEX($D$3:$AA$30,INDEX(Jesper!$R$2:$R$366,ROW(INDEX(Jesper!AH$2:AH$366,ROUNDDOWN($C8685/24,0)+1,1))-1)+IF('Standard Profiles'!$G$18=$B$10,7,0)+IF('Standard Profiles'!$G$18=$B$17,14,0)+IF('Standard Profiles'!$G$18=$B$24,21,0),0)),0)</f>
        <v>15.816949153762893</v>
      </c>
      <c r="E8685" cm="1">
        <f t="array" ref="E8685">IFERROR(INDEX(Jesper!AI$2:AI$366,ROUNDDOWN($C8685/24,0)+1,1)*INDEX($D$3:$AA$30,INDEX(Jesper!$R$2:$R$366,ROW(INDEX(Jesper!AI$2:AI$366,ROUNDDOWN($C8685/24,0)+1,1))-1)+IF('Standard Profiles'!$G$19=$B$10,7,0)+IF('Standard Profiles'!$G$19=$B$17,14,0)+IF('Standard Profiles'!$G$19=$B$24,21,0),MOD($C8685,24)+1)/SUM(INDEX($D$3:$AA$30,INDEX(Jesper!$R$2:$R$366,ROW(INDEX(Jesper!AI$2:AI$366,ROUNDDOWN($C8685/24,0)+1,1))-1)+IF('Standard Profiles'!$G$19=$B$10,7,0)+IF('Standard Profiles'!$G$19=$B$17,14,0)+IF('Standard Profiles'!$G$19=$B$24,21,0),0)),0)</f>
        <v>0</v>
      </c>
      <c r="F8685" cm="1">
        <f t="array" ref="F8685">IFERROR(INDEX(Jesper!AJ$2:AJ$366,ROUNDDOWN($C8685/24,0)+1,1)*INDEX($D$3:$AA$30,INDEX(Jesper!$R$2:$R$366,ROW(INDEX(Jesper!AJ$2:AJ$366,ROUNDDOWN($C8685/24,0)+1,1))-1)+IF('Standard Profiles'!$G$20=$B$10,7,0)+IF('Standard Profiles'!$G$20=$B$17,14,0)+IF('Standard Profiles'!$G$20=$B$24,21,0),MOD($C8685,24)+1)/SUM(INDEX($D$3:$AA$30,INDEX(Jesper!$R$2:$R$366,ROW(INDEX(Jesper!AJ$2:AJ$366,ROUNDDOWN($C8685/24,0)+1,1))-1)+IF('Standard Profiles'!$G$20=$B$10,7,0)+IF('Standard Profiles'!$G$20=$B$17,14,0)+IF('Standard Profiles'!$G$20=$B$24,21,0),0)),0)</f>
        <v>0</v>
      </c>
      <c r="G8685" cm="1">
        <f t="array" ref="G8685">IFERROR(INDEX(Jesper!AK$2:AK$366,ROUNDDOWN($C8685/24,0)+1,1)*INDEX($D$3:$AA$30,INDEX(Jesper!$R$2:$R$366,ROW(INDEX(Jesper!AK$2:AK$366,ROUNDDOWN($C8685/24,0)+1,1))-1)+IF('Standard Profiles'!$G$21=$B$10,7,0)+IF('Standard Profiles'!$G$21=$B$17,14,0)+IF('Standard Profiles'!$G$21=$B$24,21,0),MOD($C8685,24)+1)/SUM(INDEX($D$3:$AA$30,INDEX(Jesper!$R$2:$R$366,ROW(INDEX(Jesper!AK$2:AK$366,ROUNDDOWN($C8685/24,0)+1,1))-1)+IF('Standard Profiles'!$G$21=$B$10,7,0)+IF('Standard Profiles'!$G$21=$B$17,14,0)+IF('Standard Profiles'!$G$21=$B$24,21,0),0)),0)</f>
        <v>0</v>
      </c>
      <c r="H8685" cm="1">
        <f t="array" ref="H8685">IFERROR(INDEX(Jesper!AL$2:AL$366,ROUNDDOWN($C8685/24,0)+1,1)*INDEX($D$3:$AA$30,INDEX(Jesper!$R$2:$R$366,ROW(INDEX(Jesper!AL$2:AL$366,ROUNDDOWN($C8685/24,0)+1,1))-1)+IF('Standard Profiles'!$G$22=$B$10,7,0)+IF('Standard Profiles'!$G$22=$B$17,14,0)+IF('Standard Profiles'!$G$22=$B$24,21,0),MOD($C8685,24)+1)/SUM(INDEX($D$3:$AA$30,INDEX(Jesper!$R$2:$R$366,ROW(INDEX(Jesper!AL$2:AL$366,ROUNDDOWN($C8685/24,0)+1,1))-1)+IF('Standard Profiles'!$G$22=$B$10,7,0)+IF('Standard Profiles'!$G$22=$B$17,14,0)+IF('Standard Profiles'!$G$22=$B$24,21,0),0)),0)</f>
        <v>0</v>
      </c>
      <c r="I8685">
        <f t="shared" si="965"/>
        <v>0.47450847461288675</v>
      </c>
      <c r="J8685">
        <f t="shared" si="966"/>
        <v>1.5816949153762894</v>
      </c>
      <c r="K8685">
        <f t="shared" si="967"/>
        <v>2.3725423730644337</v>
      </c>
      <c r="L8685">
        <f t="shared" si="968"/>
        <v>11.388203390709283</v>
      </c>
      <c r="M8685">
        <f t="shared" si="969"/>
        <v>0</v>
      </c>
      <c r="N8685" s="46">
        <f t="shared" si="970"/>
        <v>45652.458333312352</v>
      </c>
    </row>
    <row r="8686" spans="2:14" x14ac:dyDescent="0.3">
      <c r="B8686">
        <f t="shared" si="964"/>
        <v>4</v>
      </c>
      <c r="C8686" s="16">
        <v>8652</v>
      </c>
      <c r="D8686" cm="1">
        <f t="array" ref="D8686">IFERROR(INDEX(Jesper!AH$2:AH$366,ROUNDDOWN($C8686/24,0)+1,1)*INDEX($D$3:$AA$30,INDEX(Jesper!$R$2:$R$366,ROW(INDEX(Jesper!AH$2:AH$366,ROUNDDOWN($C8686/24,0)+1,1))-1)+IF('Standard Profiles'!$G$18=$B$10,7,0)+IF('Standard Profiles'!$G$18=$B$17,14,0)+IF('Standard Profiles'!$G$18=$B$24,21,0),MOD($C8686,24)+1)/SUM(INDEX($D$3:$AA$30,INDEX(Jesper!$R$2:$R$366,ROW(INDEX(Jesper!AH$2:AH$366,ROUNDDOWN($C8686/24,0)+1,1))-1)+IF('Standard Profiles'!$G$18=$B$10,7,0)+IF('Standard Profiles'!$G$18=$B$17,14,0)+IF('Standard Profiles'!$G$18=$B$24,21,0),0)),0)</f>
        <v>15.816949153762893</v>
      </c>
      <c r="E8686" cm="1">
        <f t="array" ref="E8686">IFERROR(INDEX(Jesper!AI$2:AI$366,ROUNDDOWN($C8686/24,0)+1,1)*INDEX($D$3:$AA$30,INDEX(Jesper!$R$2:$R$366,ROW(INDEX(Jesper!AI$2:AI$366,ROUNDDOWN($C8686/24,0)+1,1))-1)+IF('Standard Profiles'!$G$19=$B$10,7,0)+IF('Standard Profiles'!$G$19=$B$17,14,0)+IF('Standard Profiles'!$G$19=$B$24,21,0),MOD($C8686,24)+1)/SUM(INDEX($D$3:$AA$30,INDEX(Jesper!$R$2:$R$366,ROW(INDEX(Jesper!AI$2:AI$366,ROUNDDOWN($C8686/24,0)+1,1))-1)+IF('Standard Profiles'!$G$19=$B$10,7,0)+IF('Standard Profiles'!$G$19=$B$17,14,0)+IF('Standard Profiles'!$G$19=$B$24,21,0),0)),0)</f>
        <v>0</v>
      </c>
      <c r="F8686" cm="1">
        <f t="array" ref="F8686">IFERROR(INDEX(Jesper!AJ$2:AJ$366,ROUNDDOWN($C8686/24,0)+1,1)*INDEX($D$3:$AA$30,INDEX(Jesper!$R$2:$R$366,ROW(INDEX(Jesper!AJ$2:AJ$366,ROUNDDOWN($C8686/24,0)+1,1))-1)+IF('Standard Profiles'!$G$20=$B$10,7,0)+IF('Standard Profiles'!$G$20=$B$17,14,0)+IF('Standard Profiles'!$G$20=$B$24,21,0),MOD($C8686,24)+1)/SUM(INDEX($D$3:$AA$30,INDEX(Jesper!$R$2:$R$366,ROW(INDEX(Jesper!AJ$2:AJ$366,ROUNDDOWN($C8686/24,0)+1,1))-1)+IF('Standard Profiles'!$G$20=$B$10,7,0)+IF('Standard Profiles'!$G$20=$B$17,14,0)+IF('Standard Profiles'!$G$20=$B$24,21,0),0)),0)</f>
        <v>0</v>
      </c>
      <c r="G8686" cm="1">
        <f t="array" ref="G8686">IFERROR(INDEX(Jesper!AK$2:AK$366,ROUNDDOWN($C8686/24,0)+1,1)*INDEX($D$3:$AA$30,INDEX(Jesper!$R$2:$R$366,ROW(INDEX(Jesper!AK$2:AK$366,ROUNDDOWN($C8686/24,0)+1,1))-1)+IF('Standard Profiles'!$G$21=$B$10,7,0)+IF('Standard Profiles'!$G$21=$B$17,14,0)+IF('Standard Profiles'!$G$21=$B$24,21,0),MOD($C8686,24)+1)/SUM(INDEX($D$3:$AA$30,INDEX(Jesper!$R$2:$R$366,ROW(INDEX(Jesper!AK$2:AK$366,ROUNDDOWN($C8686/24,0)+1,1))-1)+IF('Standard Profiles'!$G$21=$B$10,7,0)+IF('Standard Profiles'!$G$21=$B$17,14,0)+IF('Standard Profiles'!$G$21=$B$24,21,0),0)),0)</f>
        <v>0</v>
      </c>
      <c r="H8686" cm="1">
        <f t="array" ref="H8686">IFERROR(INDEX(Jesper!AL$2:AL$366,ROUNDDOWN($C8686/24,0)+1,1)*INDEX($D$3:$AA$30,INDEX(Jesper!$R$2:$R$366,ROW(INDEX(Jesper!AL$2:AL$366,ROUNDDOWN($C8686/24,0)+1,1))-1)+IF('Standard Profiles'!$G$22=$B$10,7,0)+IF('Standard Profiles'!$G$22=$B$17,14,0)+IF('Standard Profiles'!$G$22=$B$24,21,0),MOD($C8686,24)+1)/SUM(INDEX($D$3:$AA$30,INDEX(Jesper!$R$2:$R$366,ROW(INDEX(Jesper!AL$2:AL$366,ROUNDDOWN($C8686/24,0)+1,1))-1)+IF('Standard Profiles'!$G$22=$B$10,7,0)+IF('Standard Profiles'!$G$22=$B$17,14,0)+IF('Standard Profiles'!$G$22=$B$24,21,0),0)),0)</f>
        <v>0</v>
      </c>
      <c r="I8686">
        <f t="shared" si="965"/>
        <v>0.47450847461288675</v>
      </c>
      <c r="J8686">
        <f t="shared" si="966"/>
        <v>1.5816949153762894</v>
      </c>
      <c r="K8686">
        <f t="shared" si="967"/>
        <v>2.3725423730644337</v>
      </c>
      <c r="L8686">
        <f t="shared" si="968"/>
        <v>11.388203390709283</v>
      </c>
      <c r="M8686">
        <f t="shared" si="969"/>
        <v>0</v>
      </c>
      <c r="N8686" s="46">
        <f t="shared" si="970"/>
        <v>45652.499999979016</v>
      </c>
    </row>
    <row r="8687" spans="2:14" x14ac:dyDescent="0.3">
      <c r="B8687">
        <f t="shared" si="964"/>
        <v>4</v>
      </c>
      <c r="C8687" s="16">
        <v>8653</v>
      </c>
      <c r="D8687" cm="1">
        <f t="array" ref="D8687">IFERROR(INDEX(Jesper!AH$2:AH$366,ROUNDDOWN($C8687/24,0)+1,1)*INDEX($D$3:$AA$30,INDEX(Jesper!$R$2:$R$366,ROW(INDEX(Jesper!AH$2:AH$366,ROUNDDOWN($C8687/24,0)+1,1))-1)+IF('Standard Profiles'!$G$18=$B$10,7,0)+IF('Standard Profiles'!$G$18=$B$17,14,0)+IF('Standard Profiles'!$G$18=$B$24,21,0),MOD($C8687,24)+1)/SUM(INDEX($D$3:$AA$30,INDEX(Jesper!$R$2:$R$366,ROW(INDEX(Jesper!AH$2:AH$366,ROUNDDOWN($C8687/24,0)+1,1))-1)+IF('Standard Profiles'!$G$18=$B$10,7,0)+IF('Standard Profiles'!$G$18=$B$17,14,0)+IF('Standard Profiles'!$G$18=$B$24,21,0),0)),0)</f>
        <v>15.816949153762893</v>
      </c>
      <c r="E8687" cm="1">
        <f t="array" ref="E8687">IFERROR(INDEX(Jesper!AI$2:AI$366,ROUNDDOWN($C8687/24,0)+1,1)*INDEX($D$3:$AA$30,INDEX(Jesper!$R$2:$R$366,ROW(INDEX(Jesper!AI$2:AI$366,ROUNDDOWN($C8687/24,0)+1,1))-1)+IF('Standard Profiles'!$G$19=$B$10,7,0)+IF('Standard Profiles'!$G$19=$B$17,14,0)+IF('Standard Profiles'!$G$19=$B$24,21,0),MOD($C8687,24)+1)/SUM(INDEX($D$3:$AA$30,INDEX(Jesper!$R$2:$R$366,ROW(INDEX(Jesper!AI$2:AI$366,ROUNDDOWN($C8687/24,0)+1,1))-1)+IF('Standard Profiles'!$G$19=$B$10,7,0)+IF('Standard Profiles'!$G$19=$B$17,14,0)+IF('Standard Profiles'!$G$19=$B$24,21,0),0)),0)</f>
        <v>0</v>
      </c>
      <c r="F8687" cm="1">
        <f t="array" ref="F8687">IFERROR(INDEX(Jesper!AJ$2:AJ$366,ROUNDDOWN($C8687/24,0)+1,1)*INDEX($D$3:$AA$30,INDEX(Jesper!$R$2:$R$366,ROW(INDEX(Jesper!AJ$2:AJ$366,ROUNDDOWN($C8687/24,0)+1,1))-1)+IF('Standard Profiles'!$G$20=$B$10,7,0)+IF('Standard Profiles'!$G$20=$B$17,14,0)+IF('Standard Profiles'!$G$20=$B$24,21,0),MOD($C8687,24)+1)/SUM(INDEX($D$3:$AA$30,INDEX(Jesper!$R$2:$R$366,ROW(INDEX(Jesper!AJ$2:AJ$366,ROUNDDOWN($C8687/24,0)+1,1))-1)+IF('Standard Profiles'!$G$20=$B$10,7,0)+IF('Standard Profiles'!$G$20=$B$17,14,0)+IF('Standard Profiles'!$G$20=$B$24,21,0),0)),0)</f>
        <v>0</v>
      </c>
      <c r="G8687" cm="1">
        <f t="array" ref="G8687">IFERROR(INDEX(Jesper!AK$2:AK$366,ROUNDDOWN($C8687/24,0)+1,1)*INDEX($D$3:$AA$30,INDEX(Jesper!$R$2:$R$366,ROW(INDEX(Jesper!AK$2:AK$366,ROUNDDOWN($C8687/24,0)+1,1))-1)+IF('Standard Profiles'!$G$21=$B$10,7,0)+IF('Standard Profiles'!$G$21=$B$17,14,0)+IF('Standard Profiles'!$G$21=$B$24,21,0),MOD($C8687,24)+1)/SUM(INDEX($D$3:$AA$30,INDEX(Jesper!$R$2:$R$366,ROW(INDEX(Jesper!AK$2:AK$366,ROUNDDOWN($C8687/24,0)+1,1))-1)+IF('Standard Profiles'!$G$21=$B$10,7,0)+IF('Standard Profiles'!$G$21=$B$17,14,0)+IF('Standard Profiles'!$G$21=$B$24,21,0),0)),0)</f>
        <v>0</v>
      </c>
      <c r="H8687" cm="1">
        <f t="array" ref="H8687">IFERROR(INDEX(Jesper!AL$2:AL$366,ROUNDDOWN($C8687/24,0)+1,1)*INDEX($D$3:$AA$30,INDEX(Jesper!$R$2:$R$366,ROW(INDEX(Jesper!AL$2:AL$366,ROUNDDOWN($C8687/24,0)+1,1))-1)+IF('Standard Profiles'!$G$22=$B$10,7,0)+IF('Standard Profiles'!$G$22=$B$17,14,0)+IF('Standard Profiles'!$G$22=$B$24,21,0),MOD($C8687,24)+1)/SUM(INDEX($D$3:$AA$30,INDEX(Jesper!$R$2:$R$366,ROW(INDEX(Jesper!AL$2:AL$366,ROUNDDOWN($C8687/24,0)+1,1))-1)+IF('Standard Profiles'!$G$22=$B$10,7,0)+IF('Standard Profiles'!$G$22=$B$17,14,0)+IF('Standard Profiles'!$G$22=$B$24,21,0),0)),0)</f>
        <v>0</v>
      </c>
      <c r="I8687">
        <f t="shared" si="965"/>
        <v>0.47450847461288675</v>
      </c>
      <c r="J8687">
        <f t="shared" si="966"/>
        <v>1.5816949153762894</v>
      </c>
      <c r="K8687">
        <f t="shared" si="967"/>
        <v>2.3725423730644337</v>
      </c>
      <c r="L8687">
        <f t="shared" si="968"/>
        <v>11.388203390709283</v>
      </c>
      <c r="M8687">
        <f t="shared" si="969"/>
        <v>0</v>
      </c>
      <c r="N8687" s="46">
        <f t="shared" si="970"/>
        <v>45652.54166664568</v>
      </c>
    </row>
    <row r="8688" spans="2:14" x14ac:dyDescent="0.3">
      <c r="B8688">
        <f t="shared" si="964"/>
        <v>4</v>
      </c>
      <c r="C8688" s="16">
        <v>8654</v>
      </c>
      <c r="D8688" cm="1">
        <f t="array" ref="D8688">IFERROR(INDEX(Jesper!AH$2:AH$366,ROUNDDOWN($C8688/24,0)+1,1)*INDEX($D$3:$AA$30,INDEX(Jesper!$R$2:$R$366,ROW(INDEX(Jesper!AH$2:AH$366,ROUNDDOWN($C8688/24,0)+1,1))-1)+IF('Standard Profiles'!$G$18=$B$10,7,0)+IF('Standard Profiles'!$G$18=$B$17,14,0)+IF('Standard Profiles'!$G$18=$B$24,21,0),MOD($C8688,24)+1)/SUM(INDEX($D$3:$AA$30,INDEX(Jesper!$R$2:$R$366,ROW(INDEX(Jesper!AH$2:AH$366,ROUNDDOWN($C8688/24,0)+1,1))-1)+IF('Standard Profiles'!$G$18=$B$10,7,0)+IF('Standard Profiles'!$G$18=$B$17,14,0)+IF('Standard Profiles'!$G$18=$B$24,21,0),0)),0)</f>
        <v>15.816949153762893</v>
      </c>
      <c r="E8688" cm="1">
        <f t="array" ref="E8688">IFERROR(INDEX(Jesper!AI$2:AI$366,ROUNDDOWN($C8688/24,0)+1,1)*INDEX($D$3:$AA$30,INDEX(Jesper!$R$2:$R$366,ROW(INDEX(Jesper!AI$2:AI$366,ROUNDDOWN($C8688/24,0)+1,1))-1)+IF('Standard Profiles'!$G$19=$B$10,7,0)+IF('Standard Profiles'!$G$19=$B$17,14,0)+IF('Standard Profiles'!$G$19=$B$24,21,0),MOD($C8688,24)+1)/SUM(INDEX($D$3:$AA$30,INDEX(Jesper!$R$2:$R$366,ROW(INDEX(Jesper!AI$2:AI$366,ROUNDDOWN($C8688/24,0)+1,1))-1)+IF('Standard Profiles'!$G$19=$B$10,7,0)+IF('Standard Profiles'!$G$19=$B$17,14,0)+IF('Standard Profiles'!$G$19=$B$24,21,0),0)),0)</f>
        <v>0</v>
      </c>
      <c r="F8688" cm="1">
        <f t="array" ref="F8688">IFERROR(INDEX(Jesper!AJ$2:AJ$366,ROUNDDOWN($C8688/24,0)+1,1)*INDEX($D$3:$AA$30,INDEX(Jesper!$R$2:$R$366,ROW(INDEX(Jesper!AJ$2:AJ$366,ROUNDDOWN($C8688/24,0)+1,1))-1)+IF('Standard Profiles'!$G$20=$B$10,7,0)+IF('Standard Profiles'!$G$20=$B$17,14,0)+IF('Standard Profiles'!$G$20=$B$24,21,0),MOD($C8688,24)+1)/SUM(INDEX($D$3:$AA$30,INDEX(Jesper!$R$2:$R$366,ROW(INDEX(Jesper!AJ$2:AJ$366,ROUNDDOWN($C8688/24,0)+1,1))-1)+IF('Standard Profiles'!$G$20=$B$10,7,0)+IF('Standard Profiles'!$G$20=$B$17,14,0)+IF('Standard Profiles'!$G$20=$B$24,21,0),0)),0)</f>
        <v>0</v>
      </c>
      <c r="G8688" cm="1">
        <f t="array" ref="G8688">IFERROR(INDEX(Jesper!AK$2:AK$366,ROUNDDOWN($C8688/24,0)+1,1)*INDEX($D$3:$AA$30,INDEX(Jesper!$R$2:$R$366,ROW(INDEX(Jesper!AK$2:AK$366,ROUNDDOWN($C8688/24,0)+1,1))-1)+IF('Standard Profiles'!$G$21=$B$10,7,0)+IF('Standard Profiles'!$G$21=$B$17,14,0)+IF('Standard Profiles'!$G$21=$B$24,21,0),MOD($C8688,24)+1)/SUM(INDEX($D$3:$AA$30,INDEX(Jesper!$R$2:$R$366,ROW(INDEX(Jesper!AK$2:AK$366,ROUNDDOWN($C8688/24,0)+1,1))-1)+IF('Standard Profiles'!$G$21=$B$10,7,0)+IF('Standard Profiles'!$G$21=$B$17,14,0)+IF('Standard Profiles'!$G$21=$B$24,21,0),0)),0)</f>
        <v>0</v>
      </c>
      <c r="H8688" cm="1">
        <f t="array" ref="H8688">IFERROR(INDEX(Jesper!AL$2:AL$366,ROUNDDOWN($C8688/24,0)+1,1)*INDEX($D$3:$AA$30,INDEX(Jesper!$R$2:$R$366,ROW(INDEX(Jesper!AL$2:AL$366,ROUNDDOWN($C8688/24,0)+1,1))-1)+IF('Standard Profiles'!$G$22=$B$10,7,0)+IF('Standard Profiles'!$G$22=$B$17,14,0)+IF('Standard Profiles'!$G$22=$B$24,21,0),MOD($C8688,24)+1)/SUM(INDEX($D$3:$AA$30,INDEX(Jesper!$R$2:$R$366,ROW(INDEX(Jesper!AL$2:AL$366,ROUNDDOWN($C8688/24,0)+1,1))-1)+IF('Standard Profiles'!$G$22=$B$10,7,0)+IF('Standard Profiles'!$G$22=$B$17,14,0)+IF('Standard Profiles'!$G$22=$B$24,21,0),0)),0)</f>
        <v>0</v>
      </c>
      <c r="I8688">
        <f t="shared" si="965"/>
        <v>0.47450847461288675</v>
      </c>
      <c r="J8688">
        <f t="shared" si="966"/>
        <v>1.5816949153762894</v>
      </c>
      <c r="K8688">
        <f t="shared" si="967"/>
        <v>2.3725423730644337</v>
      </c>
      <c r="L8688">
        <f t="shared" si="968"/>
        <v>11.388203390709283</v>
      </c>
      <c r="M8688">
        <f t="shared" si="969"/>
        <v>0</v>
      </c>
      <c r="N8688" s="46">
        <f t="shared" si="970"/>
        <v>45652.583333312345</v>
      </c>
    </row>
    <row r="8689" spans="2:14" x14ac:dyDescent="0.3">
      <c r="B8689">
        <f t="shared" si="964"/>
        <v>4</v>
      </c>
      <c r="C8689" s="16">
        <v>8655</v>
      </c>
      <c r="D8689" cm="1">
        <f t="array" ref="D8689">IFERROR(INDEX(Jesper!AH$2:AH$366,ROUNDDOWN($C8689/24,0)+1,1)*INDEX($D$3:$AA$30,INDEX(Jesper!$R$2:$R$366,ROW(INDEX(Jesper!AH$2:AH$366,ROUNDDOWN($C8689/24,0)+1,1))-1)+IF('Standard Profiles'!$G$18=$B$10,7,0)+IF('Standard Profiles'!$G$18=$B$17,14,0)+IF('Standard Profiles'!$G$18=$B$24,21,0),MOD($C8689,24)+1)/SUM(INDEX($D$3:$AA$30,INDEX(Jesper!$R$2:$R$366,ROW(INDEX(Jesper!AH$2:AH$366,ROUNDDOWN($C8689/24,0)+1,1))-1)+IF('Standard Profiles'!$G$18=$B$10,7,0)+IF('Standard Profiles'!$G$18=$B$17,14,0)+IF('Standard Profiles'!$G$18=$B$24,21,0),0)),0)</f>
        <v>15.816949153762893</v>
      </c>
      <c r="E8689" cm="1">
        <f t="array" ref="E8689">IFERROR(INDEX(Jesper!AI$2:AI$366,ROUNDDOWN($C8689/24,0)+1,1)*INDEX($D$3:$AA$30,INDEX(Jesper!$R$2:$R$366,ROW(INDEX(Jesper!AI$2:AI$366,ROUNDDOWN($C8689/24,0)+1,1))-1)+IF('Standard Profiles'!$G$19=$B$10,7,0)+IF('Standard Profiles'!$G$19=$B$17,14,0)+IF('Standard Profiles'!$G$19=$B$24,21,0),MOD($C8689,24)+1)/SUM(INDEX($D$3:$AA$30,INDEX(Jesper!$R$2:$R$366,ROW(INDEX(Jesper!AI$2:AI$366,ROUNDDOWN($C8689/24,0)+1,1))-1)+IF('Standard Profiles'!$G$19=$B$10,7,0)+IF('Standard Profiles'!$G$19=$B$17,14,0)+IF('Standard Profiles'!$G$19=$B$24,21,0),0)),0)</f>
        <v>0</v>
      </c>
      <c r="F8689" cm="1">
        <f t="array" ref="F8689">IFERROR(INDEX(Jesper!AJ$2:AJ$366,ROUNDDOWN($C8689/24,0)+1,1)*INDEX($D$3:$AA$30,INDEX(Jesper!$R$2:$R$366,ROW(INDEX(Jesper!AJ$2:AJ$366,ROUNDDOWN($C8689/24,0)+1,1))-1)+IF('Standard Profiles'!$G$20=$B$10,7,0)+IF('Standard Profiles'!$G$20=$B$17,14,0)+IF('Standard Profiles'!$G$20=$B$24,21,0),MOD($C8689,24)+1)/SUM(INDEX($D$3:$AA$30,INDEX(Jesper!$R$2:$R$366,ROW(INDEX(Jesper!AJ$2:AJ$366,ROUNDDOWN($C8689/24,0)+1,1))-1)+IF('Standard Profiles'!$G$20=$B$10,7,0)+IF('Standard Profiles'!$G$20=$B$17,14,0)+IF('Standard Profiles'!$G$20=$B$24,21,0),0)),0)</f>
        <v>0</v>
      </c>
      <c r="G8689" cm="1">
        <f t="array" ref="G8689">IFERROR(INDEX(Jesper!AK$2:AK$366,ROUNDDOWN($C8689/24,0)+1,1)*INDEX($D$3:$AA$30,INDEX(Jesper!$R$2:$R$366,ROW(INDEX(Jesper!AK$2:AK$366,ROUNDDOWN($C8689/24,0)+1,1))-1)+IF('Standard Profiles'!$G$21=$B$10,7,0)+IF('Standard Profiles'!$G$21=$B$17,14,0)+IF('Standard Profiles'!$G$21=$B$24,21,0),MOD($C8689,24)+1)/SUM(INDEX($D$3:$AA$30,INDEX(Jesper!$R$2:$R$366,ROW(INDEX(Jesper!AK$2:AK$366,ROUNDDOWN($C8689/24,0)+1,1))-1)+IF('Standard Profiles'!$G$21=$B$10,7,0)+IF('Standard Profiles'!$G$21=$B$17,14,0)+IF('Standard Profiles'!$G$21=$B$24,21,0),0)),0)</f>
        <v>0</v>
      </c>
      <c r="H8689" cm="1">
        <f t="array" ref="H8689">IFERROR(INDEX(Jesper!AL$2:AL$366,ROUNDDOWN($C8689/24,0)+1,1)*INDEX($D$3:$AA$30,INDEX(Jesper!$R$2:$R$366,ROW(INDEX(Jesper!AL$2:AL$366,ROUNDDOWN($C8689/24,0)+1,1))-1)+IF('Standard Profiles'!$G$22=$B$10,7,0)+IF('Standard Profiles'!$G$22=$B$17,14,0)+IF('Standard Profiles'!$G$22=$B$24,21,0),MOD($C8689,24)+1)/SUM(INDEX($D$3:$AA$30,INDEX(Jesper!$R$2:$R$366,ROW(INDEX(Jesper!AL$2:AL$366,ROUNDDOWN($C8689/24,0)+1,1))-1)+IF('Standard Profiles'!$G$22=$B$10,7,0)+IF('Standard Profiles'!$G$22=$B$17,14,0)+IF('Standard Profiles'!$G$22=$B$24,21,0),0)),0)</f>
        <v>0</v>
      </c>
      <c r="I8689">
        <f t="shared" si="965"/>
        <v>0.47450847461288675</v>
      </c>
      <c r="J8689">
        <f t="shared" si="966"/>
        <v>1.5816949153762894</v>
      </c>
      <c r="K8689">
        <f t="shared" si="967"/>
        <v>2.3725423730644337</v>
      </c>
      <c r="L8689">
        <f t="shared" si="968"/>
        <v>11.388203390709283</v>
      </c>
      <c r="M8689">
        <f t="shared" si="969"/>
        <v>0</v>
      </c>
      <c r="N8689" s="46">
        <f t="shared" si="970"/>
        <v>45652.624999979009</v>
      </c>
    </row>
    <row r="8690" spans="2:14" x14ac:dyDescent="0.3">
      <c r="B8690">
        <f t="shared" si="964"/>
        <v>4</v>
      </c>
      <c r="C8690" s="16">
        <v>8656</v>
      </c>
      <c r="D8690" cm="1">
        <f t="array" ref="D8690">IFERROR(INDEX(Jesper!AH$2:AH$366,ROUNDDOWN($C8690/24,0)+1,1)*INDEX($D$3:$AA$30,INDEX(Jesper!$R$2:$R$366,ROW(INDEX(Jesper!AH$2:AH$366,ROUNDDOWN($C8690/24,0)+1,1))-1)+IF('Standard Profiles'!$G$18=$B$10,7,0)+IF('Standard Profiles'!$G$18=$B$17,14,0)+IF('Standard Profiles'!$G$18=$B$24,21,0),MOD($C8690,24)+1)/SUM(INDEX($D$3:$AA$30,INDEX(Jesper!$R$2:$R$366,ROW(INDEX(Jesper!AH$2:AH$366,ROUNDDOWN($C8690/24,0)+1,1))-1)+IF('Standard Profiles'!$G$18=$B$10,7,0)+IF('Standard Profiles'!$G$18=$B$17,14,0)+IF('Standard Profiles'!$G$18=$B$24,21,0),0)),0)</f>
        <v>15.816949153762893</v>
      </c>
      <c r="E8690" cm="1">
        <f t="array" ref="E8690">IFERROR(INDEX(Jesper!AI$2:AI$366,ROUNDDOWN($C8690/24,0)+1,1)*INDEX($D$3:$AA$30,INDEX(Jesper!$R$2:$R$366,ROW(INDEX(Jesper!AI$2:AI$366,ROUNDDOWN($C8690/24,0)+1,1))-1)+IF('Standard Profiles'!$G$19=$B$10,7,0)+IF('Standard Profiles'!$G$19=$B$17,14,0)+IF('Standard Profiles'!$G$19=$B$24,21,0),MOD($C8690,24)+1)/SUM(INDEX($D$3:$AA$30,INDEX(Jesper!$R$2:$R$366,ROW(INDEX(Jesper!AI$2:AI$366,ROUNDDOWN($C8690/24,0)+1,1))-1)+IF('Standard Profiles'!$G$19=$B$10,7,0)+IF('Standard Profiles'!$G$19=$B$17,14,0)+IF('Standard Profiles'!$G$19=$B$24,21,0),0)),0)</f>
        <v>0</v>
      </c>
      <c r="F8690" cm="1">
        <f t="array" ref="F8690">IFERROR(INDEX(Jesper!AJ$2:AJ$366,ROUNDDOWN($C8690/24,0)+1,1)*INDEX($D$3:$AA$30,INDEX(Jesper!$R$2:$R$366,ROW(INDEX(Jesper!AJ$2:AJ$366,ROUNDDOWN($C8690/24,0)+1,1))-1)+IF('Standard Profiles'!$G$20=$B$10,7,0)+IF('Standard Profiles'!$G$20=$B$17,14,0)+IF('Standard Profiles'!$G$20=$B$24,21,0),MOD($C8690,24)+1)/SUM(INDEX($D$3:$AA$30,INDEX(Jesper!$R$2:$R$366,ROW(INDEX(Jesper!AJ$2:AJ$366,ROUNDDOWN($C8690/24,0)+1,1))-1)+IF('Standard Profiles'!$G$20=$B$10,7,0)+IF('Standard Profiles'!$G$20=$B$17,14,0)+IF('Standard Profiles'!$G$20=$B$24,21,0),0)),0)</f>
        <v>0</v>
      </c>
      <c r="G8690" cm="1">
        <f t="array" ref="G8690">IFERROR(INDEX(Jesper!AK$2:AK$366,ROUNDDOWN($C8690/24,0)+1,1)*INDEX($D$3:$AA$30,INDEX(Jesper!$R$2:$R$366,ROW(INDEX(Jesper!AK$2:AK$366,ROUNDDOWN($C8690/24,0)+1,1))-1)+IF('Standard Profiles'!$G$21=$B$10,7,0)+IF('Standard Profiles'!$G$21=$B$17,14,0)+IF('Standard Profiles'!$G$21=$B$24,21,0),MOD($C8690,24)+1)/SUM(INDEX($D$3:$AA$30,INDEX(Jesper!$R$2:$R$366,ROW(INDEX(Jesper!AK$2:AK$366,ROUNDDOWN($C8690/24,0)+1,1))-1)+IF('Standard Profiles'!$G$21=$B$10,7,0)+IF('Standard Profiles'!$G$21=$B$17,14,0)+IF('Standard Profiles'!$G$21=$B$24,21,0),0)),0)</f>
        <v>0</v>
      </c>
      <c r="H8690" cm="1">
        <f t="array" ref="H8690">IFERROR(INDEX(Jesper!AL$2:AL$366,ROUNDDOWN($C8690/24,0)+1,1)*INDEX($D$3:$AA$30,INDEX(Jesper!$R$2:$R$366,ROW(INDEX(Jesper!AL$2:AL$366,ROUNDDOWN($C8690/24,0)+1,1))-1)+IF('Standard Profiles'!$G$22=$B$10,7,0)+IF('Standard Profiles'!$G$22=$B$17,14,0)+IF('Standard Profiles'!$G$22=$B$24,21,0),MOD($C8690,24)+1)/SUM(INDEX($D$3:$AA$30,INDEX(Jesper!$R$2:$R$366,ROW(INDEX(Jesper!AL$2:AL$366,ROUNDDOWN($C8690/24,0)+1,1))-1)+IF('Standard Profiles'!$G$22=$B$10,7,0)+IF('Standard Profiles'!$G$22=$B$17,14,0)+IF('Standard Profiles'!$G$22=$B$24,21,0),0)),0)</f>
        <v>0</v>
      </c>
      <c r="I8690">
        <f t="shared" si="965"/>
        <v>0.47450847461288675</v>
      </c>
      <c r="J8690">
        <f t="shared" si="966"/>
        <v>1.5816949153762894</v>
      </c>
      <c r="K8690">
        <f t="shared" si="967"/>
        <v>2.3725423730644337</v>
      </c>
      <c r="L8690">
        <f t="shared" si="968"/>
        <v>11.388203390709283</v>
      </c>
      <c r="M8690">
        <f t="shared" si="969"/>
        <v>0</v>
      </c>
      <c r="N8690" s="46">
        <f t="shared" si="970"/>
        <v>45652.666666645673</v>
      </c>
    </row>
    <row r="8691" spans="2:14" x14ac:dyDescent="0.3">
      <c r="B8691">
        <f t="shared" si="964"/>
        <v>4</v>
      </c>
      <c r="C8691" s="16">
        <v>8657</v>
      </c>
      <c r="D8691" cm="1">
        <f t="array" ref="D8691">IFERROR(INDEX(Jesper!AH$2:AH$366,ROUNDDOWN($C8691/24,0)+1,1)*INDEX($D$3:$AA$30,INDEX(Jesper!$R$2:$R$366,ROW(INDEX(Jesper!AH$2:AH$366,ROUNDDOWN($C8691/24,0)+1,1))-1)+IF('Standard Profiles'!$G$18=$B$10,7,0)+IF('Standard Profiles'!$G$18=$B$17,14,0)+IF('Standard Profiles'!$G$18=$B$24,21,0),MOD($C8691,24)+1)/SUM(INDEX($D$3:$AA$30,INDEX(Jesper!$R$2:$R$366,ROW(INDEX(Jesper!AH$2:AH$366,ROUNDDOWN($C8691/24,0)+1,1))-1)+IF('Standard Profiles'!$G$18=$B$10,7,0)+IF('Standard Profiles'!$G$18=$B$17,14,0)+IF('Standard Profiles'!$G$18=$B$24,21,0),0)),0)</f>
        <v>15.816949153762893</v>
      </c>
      <c r="E8691" cm="1">
        <f t="array" ref="E8691">IFERROR(INDEX(Jesper!AI$2:AI$366,ROUNDDOWN($C8691/24,0)+1,1)*INDEX($D$3:$AA$30,INDEX(Jesper!$R$2:$R$366,ROW(INDEX(Jesper!AI$2:AI$366,ROUNDDOWN($C8691/24,0)+1,1))-1)+IF('Standard Profiles'!$G$19=$B$10,7,0)+IF('Standard Profiles'!$G$19=$B$17,14,0)+IF('Standard Profiles'!$G$19=$B$24,21,0),MOD($C8691,24)+1)/SUM(INDEX($D$3:$AA$30,INDEX(Jesper!$R$2:$R$366,ROW(INDEX(Jesper!AI$2:AI$366,ROUNDDOWN($C8691/24,0)+1,1))-1)+IF('Standard Profiles'!$G$19=$B$10,7,0)+IF('Standard Profiles'!$G$19=$B$17,14,0)+IF('Standard Profiles'!$G$19=$B$24,21,0),0)),0)</f>
        <v>0</v>
      </c>
      <c r="F8691" cm="1">
        <f t="array" ref="F8691">IFERROR(INDEX(Jesper!AJ$2:AJ$366,ROUNDDOWN($C8691/24,0)+1,1)*INDEX($D$3:$AA$30,INDEX(Jesper!$R$2:$R$366,ROW(INDEX(Jesper!AJ$2:AJ$366,ROUNDDOWN($C8691/24,0)+1,1))-1)+IF('Standard Profiles'!$G$20=$B$10,7,0)+IF('Standard Profiles'!$G$20=$B$17,14,0)+IF('Standard Profiles'!$G$20=$B$24,21,0),MOD($C8691,24)+1)/SUM(INDEX($D$3:$AA$30,INDEX(Jesper!$R$2:$R$366,ROW(INDEX(Jesper!AJ$2:AJ$366,ROUNDDOWN($C8691/24,0)+1,1))-1)+IF('Standard Profiles'!$G$20=$B$10,7,0)+IF('Standard Profiles'!$G$20=$B$17,14,0)+IF('Standard Profiles'!$G$20=$B$24,21,0),0)),0)</f>
        <v>0</v>
      </c>
      <c r="G8691" cm="1">
        <f t="array" ref="G8691">IFERROR(INDEX(Jesper!AK$2:AK$366,ROUNDDOWN($C8691/24,0)+1,1)*INDEX($D$3:$AA$30,INDEX(Jesper!$R$2:$R$366,ROW(INDEX(Jesper!AK$2:AK$366,ROUNDDOWN($C8691/24,0)+1,1))-1)+IF('Standard Profiles'!$G$21=$B$10,7,0)+IF('Standard Profiles'!$G$21=$B$17,14,0)+IF('Standard Profiles'!$G$21=$B$24,21,0),MOD($C8691,24)+1)/SUM(INDEX($D$3:$AA$30,INDEX(Jesper!$R$2:$R$366,ROW(INDEX(Jesper!AK$2:AK$366,ROUNDDOWN($C8691/24,0)+1,1))-1)+IF('Standard Profiles'!$G$21=$B$10,7,0)+IF('Standard Profiles'!$G$21=$B$17,14,0)+IF('Standard Profiles'!$G$21=$B$24,21,0),0)),0)</f>
        <v>0</v>
      </c>
      <c r="H8691" cm="1">
        <f t="array" ref="H8691">IFERROR(INDEX(Jesper!AL$2:AL$366,ROUNDDOWN($C8691/24,0)+1,1)*INDEX($D$3:$AA$30,INDEX(Jesper!$R$2:$R$366,ROW(INDEX(Jesper!AL$2:AL$366,ROUNDDOWN($C8691/24,0)+1,1))-1)+IF('Standard Profiles'!$G$22=$B$10,7,0)+IF('Standard Profiles'!$G$22=$B$17,14,0)+IF('Standard Profiles'!$G$22=$B$24,21,0),MOD($C8691,24)+1)/SUM(INDEX($D$3:$AA$30,INDEX(Jesper!$R$2:$R$366,ROW(INDEX(Jesper!AL$2:AL$366,ROUNDDOWN($C8691/24,0)+1,1))-1)+IF('Standard Profiles'!$G$22=$B$10,7,0)+IF('Standard Profiles'!$G$22=$B$17,14,0)+IF('Standard Profiles'!$G$22=$B$24,21,0),0)),0)</f>
        <v>0</v>
      </c>
      <c r="I8691">
        <f t="shared" si="965"/>
        <v>0.47450847461288675</v>
      </c>
      <c r="J8691">
        <f t="shared" si="966"/>
        <v>1.5816949153762894</v>
      </c>
      <c r="K8691">
        <f t="shared" si="967"/>
        <v>2.3725423730644337</v>
      </c>
      <c r="L8691">
        <f t="shared" si="968"/>
        <v>11.388203390709283</v>
      </c>
      <c r="M8691">
        <f t="shared" si="969"/>
        <v>0</v>
      </c>
      <c r="N8691" s="46">
        <f t="shared" si="970"/>
        <v>45652.708333312337</v>
      </c>
    </row>
    <row r="8692" spans="2:14" x14ac:dyDescent="0.3">
      <c r="B8692">
        <f t="shared" si="964"/>
        <v>4</v>
      </c>
      <c r="C8692" s="16">
        <v>8658</v>
      </c>
      <c r="D8692" cm="1">
        <f t="array" ref="D8692">IFERROR(INDEX(Jesper!AH$2:AH$366,ROUNDDOWN($C8692/24,0)+1,1)*INDEX($D$3:$AA$30,INDEX(Jesper!$R$2:$R$366,ROW(INDEX(Jesper!AH$2:AH$366,ROUNDDOWN($C8692/24,0)+1,1))-1)+IF('Standard Profiles'!$G$18=$B$10,7,0)+IF('Standard Profiles'!$G$18=$B$17,14,0)+IF('Standard Profiles'!$G$18=$B$24,21,0),MOD($C8692,24)+1)/SUM(INDEX($D$3:$AA$30,INDEX(Jesper!$R$2:$R$366,ROW(INDEX(Jesper!AH$2:AH$366,ROUNDDOWN($C8692/24,0)+1,1))-1)+IF('Standard Profiles'!$G$18=$B$10,7,0)+IF('Standard Profiles'!$G$18=$B$17,14,0)+IF('Standard Profiles'!$G$18=$B$24,21,0),0)),0)</f>
        <v>15.816949153762893</v>
      </c>
      <c r="E8692" cm="1">
        <f t="array" ref="E8692">IFERROR(INDEX(Jesper!AI$2:AI$366,ROUNDDOWN($C8692/24,0)+1,1)*INDEX($D$3:$AA$30,INDEX(Jesper!$R$2:$R$366,ROW(INDEX(Jesper!AI$2:AI$366,ROUNDDOWN($C8692/24,0)+1,1))-1)+IF('Standard Profiles'!$G$19=$B$10,7,0)+IF('Standard Profiles'!$G$19=$B$17,14,0)+IF('Standard Profiles'!$G$19=$B$24,21,0),MOD($C8692,24)+1)/SUM(INDEX($D$3:$AA$30,INDEX(Jesper!$R$2:$R$366,ROW(INDEX(Jesper!AI$2:AI$366,ROUNDDOWN($C8692/24,0)+1,1))-1)+IF('Standard Profiles'!$G$19=$B$10,7,0)+IF('Standard Profiles'!$G$19=$B$17,14,0)+IF('Standard Profiles'!$G$19=$B$24,21,0),0)),0)</f>
        <v>0</v>
      </c>
      <c r="F8692" cm="1">
        <f t="array" ref="F8692">IFERROR(INDEX(Jesper!AJ$2:AJ$366,ROUNDDOWN($C8692/24,0)+1,1)*INDEX($D$3:$AA$30,INDEX(Jesper!$R$2:$R$366,ROW(INDEX(Jesper!AJ$2:AJ$366,ROUNDDOWN($C8692/24,0)+1,1))-1)+IF('Standard Profiles'!$G$20=$B$10,7,0)+IF('Standard Profiles'!$G$20=$B$17,14,0)+IF('Standard Profiles'!$G$20=$B$24,21,0),MOD($C8692,24)+1)/SUM(INDEX($D$3:$AA$30,INDEX(Jesper!$R$2:$R$366,ROW(INDEX(Jesper!AJ$2:AJ$366,ROUNDDOWN($C8692/24,0)+1,1))-1)+IF('Standard Profiles'!$G$20=$B$10,7,0)+IF('Standard Profiles'!$G$20=$B$17,14,0)+IF('Standard Profiles'!$G$20=$B$24,21,0),0)),0)</f>
        <v>0</v>
      </c>
      <c r="G8692" cm="1">
        <f t="array" ref="G8692">IFERROR(INDEX(Jesper!AK$2:AK$366,ROUNDDOWN($C8692/24,0)+1,1)*INDEX($D$3:$AA$30,INDEX(Jesper!$R$2:$R$366,ROW(INDEX(Jesper!AK$2:AK$366,ROUNDDOWN($C8692/24,0)+1,1))-1)+IF('Standard Profiles'!$G$21=$B$10,7,0)+IF('Standard Profiles'!$G$21=$B$17,14,0)+IF('Standard Profiles'!$G$21=$B$24,21,0),MOD($C8692,24)+1)/SUM(INDEX($D$3:$AA$30,INDEX(Jesper!$R$2:$R$366,ROW(INDEX(Jesper!AK$2:AK$366,ROUNDDOWN($C8692/24,0)+1,1))-1)+IF('Standard Profiles'!$G$21=$B$10,7,0)+IF('Standard Profiles'!$G$21=$B$17,14,0)+IF('Standard Profiles'!$G$21=$B$24,21,0),0)),0)</f>
        <v>0</v>
      </c>
      <c r="H8692" cm="1">
        <f t="array" ref="H8692">IFERROR(INDEX(Jesper!AL$2:AL$366,ROUNDDOWN($C8692/24,0)+1,1)*INDEX($D$3:$AA$30,INDEX(Jesper!$R$2:$R$366,ROW(INDEX(Jesper!AL$2:AL$366,ROUNDDOWN($C8692/24,0)+1,1))-1)+IF('Standard Profiles'!$G$22=$B$10,7,0)+IF('Standard Profiles'!$G$22=$B$17,14,0)+IF('Standard Profiles'!$G$22=$B$24,21,0),MOD($C8692,24)+1)/SUM(INDEX($D$3:$AA$30,INDEX(Jesper!$R$2:$R$366,ROW(INDEX(Jesper!AL$2:AL$366,ROUNDDOWN($C8692/24,0)+1,1))-1)+IF('Standard Profiles'!$G$22=$B$10,7,0)+IF('Standard Profiles'!$G$22=$B$17,14,0)+IF('Standard Profiles'!$G$22=$B$24,21,0),0)),0)</f>
        <v>0</v>
      </c>
      <c r="I8692">
        <f t="shared" si="965"/>
        <v>0.47450847461288675</v>
      </c>
      <c r="J8692">
        <f t="shared" si="966"/>
        <v>1.5816949153762894</v>
      </c>
      <c r="K8692">
        <f t="shared" si="967"/>
        <v>2.3725423730644337</v>
      </c>
      <c r="L8692">
        <f t="shared" si="968"/>
        <v>11.388203390709283</v>
      </c>
      <c r="M8692">
        <f t="shared" si="969"/>
        <v>0</v>
      </c>
      <c r="N8692" s="46">
        <f t="shared" si="970"/>
        <v>45652.749999979002</v>
      </c>
    </row>
    <row r="8693" spans="2:14" x14ac:dyDescent="0.3">
      <c r="B8693">
        <f t="shared" si="964"/>
        <v>4</v>
      </c>
      <c r="C8693" s="16">
        <v>8659</v>
      </c>
      <c r="D8693" cm="1">
        <f t="array" ref="D8693">IFERROR(INDEX(Jesper!AH$2:AH$366,ROUNDDOWN($C8693/24,0)+1,1)*INDEX($D$3:$AA$30,INDEX(Jesper!$R$2:$R$366,ROW(INDEX(Jesper!AH$2:AH$366,ROUNDDOWN($C8693/24,0)+1,1))-1)+IF('Standard Profiles'!$G$18=$B$10,7,0)+IF('Standard Profiles'!$G$18=$B$17,14,0)+IF('Standard Profiles'!$G$18=$B$24,21,0),MOD($C8693,24)+1)/SUM(INDEX($D$3:$AA$30,INDEX(Jesper!$R$2:$R$366,ROW(INDEX(Jesper!AH$2:AH$366,ROUNDDOWN($C8693/24,0)+1,1))-1)+IF('Standard Profiles'!$G$18=$B$10,7,0)+IF('Standard Profiles'!$G$18=$B$17,14,0)+IF('Standard Profiles'!$G$18=$B$24,21,0),0)),0)</f>
        <v>13.180790961469079</v>
      </c>
      <c r="E8693" cm="1">
        <f t="array" ref="E8693">IFERROR(INDEX(Jesper!AI$2:AI$366,ROUNDDOWN($C8693/24,0)+1,1)*INDEX($D$3:$AA$30,INDEX(Jesper!$R$2:$R$366,ROW(INDEX(Jesper!AI$2:AI$366,ROUNDDOWN($C8693/24,0)+1,1))-1)+IF('Standard Profiles'!$G$19=$B$10,7,0)+IF('Standard Profiles'!$G$19=$B$17,14,0)+IF('Standard Profiles'!$G$19=$B$24,21,0),MOD($C8693,24)+1)/SUM(INDEX($D$3:$AA$30,INDEX(Jesper!$R$2:$R$366,ROW(INDEX(Jesper!AI$2:AI$366,ROUNDDOWN($C8693/24,0)+1,1))-1)+IF('Standard Profiles'!$G$19=$B$10,7,0)+IF('Standard Profiles'!$G$19=$B$17,14,0)+IF('Standard Profiles'!$G$19=$B$24,21,0),0)),0)</f>
        <v>0</v>
      </c>
      <c r="F8693" cm="1">
        <f t="array" ref="F8693">IFERROR(INDEX(Jesper!AJ$2:AJ$366,ROUNDDOWN($C8693/24,0)+1,1)*INDEX($D$3:$AA$30,INDEX(Jesper!$R$2:$R$366,ROW(INDEX(Jesper!AJ$2:AJ$366,ROUNDDOWN($C8693/24,0)+1,1))-1)+IF('Standard Profiles'!$G$20=$B$10,7,0)+IF('Standard Profiles'!$G$20=$B$17,14,0)+IF('Standard Profiles'!$G$20=$B$24,21,0),MOD($C8693,24)+1)/SUM(INDEX($D$3:$AA$30,INDEX(Jesper!$R$2:$R$366,ROW(INDEX(Jesper!AJ$2:AJ$366,ROUNDDOWN($C8693/24,0)+1,1))-1)+IF('Standard Profiles'!$G$20=$B$10,7,0)+IF('Standard Profiles'!$G$20=$B$17,14,0)+IF('Standard Profiles'!$G$20=$B$24,21,0),0)),0)</f>
        <v>0</v>
      </c>
      <c r="G8693" cm="1">
        <f t="array" ref="G8693">IFERROR(INDEX(Jesper!AK$2:AK$366,ROUNDDOWN($C8693/24,0)+1,1)*INDEX($D$3:$AA$30,INDEX(Jesper!$R$2:$R$366,ROW(INDEX(Jesper!AK$2:AK$366,ROUNDDOWN($C8693/24,0)+1,1))-1)+IF('Standard Profiles'!$G$21=$B$10,7,0)+IF('Standard Profiles'!$G$21=$B$17,14,0)+IF('Standard Profiles'!$G$21=$B$24,21,0),MOD($C8693,24)+1)/SUM(INDEX($D$3:$AA$30,INDEX(Jesper!$R$2:$R$366,ROW(INDEX(Jesper!AK$2:AK$366,ROUNDDOWN($C8693/24,0)+1,1))-1)+IF('Standard Profiles'!$G$21=$B$10,7,0)+IF('Standard Profiles'!$G$21=$B$17,14,0)+IF('Standard Profiles'!$G$21=$B$24,21,0),0)),0)</f>
        <v>0</v>
      </c>
      <c r="H8693" cm="1">
        <f t="array" ref="H8693">IFERROR(INDEX(Jesper!AL$2:AL$366,ROUNDDOWN($C8693/24,0)+1,1)*INDEX($D$3:$AA$30,INDEX(Jesper!$R$2:$R$366,ROW(INDEX(Jesper!AL$2:AL$366,ROUNDDOWN($C8693/24,0)+1,1))-1)+IF('Standard Profiles'!$G$22=$B$10,7,0)+IF('Standard Profiles'!$G$22=$B$17,14,0)+IF('Standard Profiles'!$G$22=$B$24,21,0),MOD($C8693,24)+1)/SUM(INDEX($D$3:$AA$30,INDEX(Jesper!$R$2:$R$366,ROW(INDEX(Jesper!AL$2:AL$366,ROUNDDOWN($C8693/24,0)+1,1))-1)+IF('Standard Profiles'!$G$22=$B$10,7,0)+IF('Standard Profiles'!$G$22=$B$17,14,0)+IF('Standard Profiles'!$G$22=$B$24,21,0),0)),0)</f>
        <v>0</v>
      </c>
      <c r="I8693">
        <f t="shared" si="965"/>
        <v>0.39542372884407234</v>
      </c>
      <c r="J8693">
        <f t="shared" si="966"/>
        <v>1.318079096146908</v>
      </c>
      <c r="K8693">
        <f t="shared" si="967"/>
        <v>1.9771186442203617</v>
      </c>
      <c r="L8693">
        <f t="shared" si="968"/>
        <v>9.4901694922577366</v>
      </c>
      <c r="M8693">
        <f t="shared" si="969"/>
        <v>0</v>
      </c>
      <c r="N8693" s="46">
        <f t="shared" si="970"/>
        <v>45652.791666645666</v>
      </c>
    </row>
    <row r="8694" spans="2:14" x14ac:dyDescent="0.3">
      <c r="B8694">
        <f t="shared" si="964"/>
        <v>4</v>
      </c>
      <c r="C8694" s="16">
        <v>8660</v>
      </c>
      <c r="D8694" cm="1">
        <f t="array" ref="D8694">IFERROR(INDEX(Jesper!AH$2:AH$366,ROUNDDOWN($C8694/24,0)+1,1)*INDEX($D$3:$AA$30,INDEX(Jesper!$R$2:$R$366,ROW(INDEX(Jesper!AH$2:AH$366,ROUNDDOWN($C8694/24,0)+1,1))-1)+IF('Standard Profiles'!$G$18=$B$10,7,0)+IF('Standard Profiles'!$G$18=$B$17,14,0)+IF('Standard Profiles'!$G$18=$B$24,21,0),MOD($C8694,24)+1)/SUM(INDEX($D$3:$AA$30,INDEX(Jesper!$R$2:$R$366,ROW(INDEX(Jesper!AH$2:AH$366,ROUNDDOWN($C8694/24,0)+1,1))-1)+IF('Standard Profiles'!$G$18=$B$10,7,0)+IF('Standard Profiles'!$G$18=$B$17,14,0)+IF('Standard Profiles'!$G$18=$B$24,21,0),0)),0)</f>
        <v>10.544632769175264</v>
      </c>
      <c r="E8694" cm="1">
        <f t="array" ref="E8694">IFERROR(INDEX(Jesper!AI$2:AI$366,ROUNDDOWN($C8694/24,0)+1,1)*INDEX($D$3:$AA$30,INDEX(Jesper!$R$2:$R$366,ROW(INDEX(Jesper!AI$2:AI$366,ROUNDDOWN($C8694/24,0)+1,1))-1)+IF('Standard Profiles'!$G$19=$B$10,7,0)+IF('Standard Profiles'!$G$19=$B$17,14,0)+IF('Standard Profiles'!$G$19=$B$24,21,0),MOD($C8694,24)+1)/SUM(INDEX($D$3:$AA$30,INDEX(Jesper!$R$2:$R$366,ROW(INDEX(Jesper!AI$2:AI$366,ROUNDDOWN($C8694/24,0)+1,1))-1)+IF('Standard Profiles'!$G$19=$B$10,7,0)+IF('Standard Profiles'!$G$19=$B$17,14,0)+IF('Standard Profiles'!$G$19=$B$24,21,0),0)),0)</f>
        <v>0</v>
      </c>
      <c r="F8694" cm="1">
        <f t="array" ref="F8694">IFERROR(INDEX(Jesper!AJ$2:AJ$366,ROUNDDOWN($C8694/24,0)+1,1)*INDEX($D$3:$AA$30,INDEX(Jesper!$R$2:$R$366,ROW(INDEX(Jesper!AJ$2:AJ$366,ROUNDDOWN($C8694/24,0)+1,1))-1)+IF('Standard Profiles'!$G$20=$B$10,7,0)+IF('Standard Profiles'!$G$20=$B$17,14,0)+IF('Standard Profiles'!$G$20=$B$24,21,0),MOD($C8694,24)+1)/SUM(INDEX($D$3:$AA$30,INDEX(Jesper!$R$2:$R$366,ROW(INDEX(Jesper!AJ$2:AJ$366,ROUNDDOWN($C8694/24,0)+1,1))-1)+IF('Standard Profiles'!$G$20=$B$10,7,0)+IF('Standard Profiles'!$G$20=$B$17,14,0)+IF('Standard Profiles'!$G$20=$B$24,21,0),0)),0)</f>
        <v>0</v>
      </c>
      <c r="G8694" cm="1">
        <f t="array" ref="G8694">IFERROR(INDEX(Jesper!AK$2:AK$366,ROUNDDOWN($C8694/24,0)+1,1)*INDEX($D$3:$AA$30,INDEX(Jesper!$R$2:$R$366,ROW(INDEX(Jesper!AK$2:AK$366,ROUNDDOWN($C8694/24,0)+1,1))-1)+IF('Standard Profiles'!$G$21=$B$10,7,0)+IF('Standard Profiles'!$G$21=$B$17,14,0)+IF('Standard Profiles'!$G$21=$B$24,21,0),MOD($C8694,24)+1)/SUM(INDEX($D$3:$AA$30,INDEX(Jesper!$R$2:$R$366,ROW(INDEX(Jesper!AK$2:AK$366,ROUNDDOWN($C8694/24,0)+1,1))-1)+IF('Standard Profiles'!$G$21=$B$10,7,0)+IF('Standard Profiles'!$G$21=$B$17,14,0)+IF('Standard Profiles'!$G$21=$B$24,21,0),0)),0)</f>
        <v>0</v>
      </c>
      <c r="H8694" cm="1">
        <f t="array" ref="H8694">IFERROR(INDEX(Jesper!AL$2:AL$366,ROUNDDOWN($C8694/24,0)+1,1)*INDEX($D$3:$AA$30,INDEX(Jesper!$R$2:$R$366,ROW(INDEX(Jesper!AL$2:AL$366,ROUNDDOWN($C8694/24,0)+1,1))-1)+IF('Standard Profiles'!$G$22=$B$10,7,0)+IF('Standard Profiles'!$G$22=$B$17,14,0)+IF('Standard Profiles'!$G$22=$B$24,21,0),MOD($C8694,24)+1)/SUM(INDEX($D$3:$AA$30,INDEX(Jesper!$R$2:$R$366,ROW(INDEX(Jesper!AL$2:AL$366,ROUNDDOWN($C8694/24,0)+1,1))-1)+IF('Standard Profiles'!$G$22=$B$10,7,0)+IF('Standard Profiles'!$G$22=$B$17,14,0)+IF('Standard Profiles'!$G$22=$B$24,21,0),0)),0)</f>
        <v>0</v>
      </c>
      <c r="I8694">
        <f t="shared" si="965"/>
        <v>0.31633898307525793</v>
      </c>
      <c r="J8694">
        <f t="shared" si="966"/>
        <v>1.0544632769175264</v>
      </c>
      <c r="K8694">
        <f t="shared" si="967"/>
        <v>1.5816949153762896</v>
      </c>
      <c r="L8694">
        <f t="shared" si="968"/>
        <v>7.5921355938061899</v>
      </c>
      <c r="M8694">
        <f t="shared" si="969"/>
        <v>0</v>
      </c>
      <c r="N8694" s="46">
        <f t="shared" si="970"/>
        <v>45652.83333331233</v>
      </c>
    </row>
    <row r="8695" spans="2:14" x14ac:dyDescent="0.3">
      <c r="B8695">
        <f t="shared" si="964"/>
        <v>4</v>
      </c>
      <c r="C8695" s="16">
        <v>8661</v>
      </c>
      <c r="D8695" cm="1">
        <f t="array" ref="D8695">IFERROR(INDEX(Jesper!AH$2:AH$366,ROUNDDOWN($C8695/24,0)+1,1)*INDEX($D$3:$AA$30,INDEX(Jesper!$R$2:$R$366,ROW(INDEX(Jesper!AH$2:AH$366,ROUNDDOWN($C8695/24,0)+1,1))-1)+IF('Standard Profiles'!$G$18=$B$10,7,0)+IF('Standard Profiles'!$G$18=$B$17,14,0)+IF('Standard Profiles'!$G$18=$B$24,21,0),MOD($C8695,24)+1)/SUM(INDEX($D$3:$AA$30,INDEX(Jesper!$R$2:$R$366,ROW(INDEX(Jesper!AH$2:AH$366,ROUNDDOWN($C8695/24,0)+1,1))-1)+IF('Standard Profiles'!$G$18=$B$10,7,0)+IF('Standard Profiles'!$G$18=$B$17,14,0)+IF('Standard Profiles'!$G$18=$B$24,21,0),0)),0)</f>
        <v>7.9084745768814466</v>
      </c>
      <c r="E8695" cm="1">
        <f t="array" ref="E8695">IFERROR(INDEX(Jesper!AI$2:AI$366,ROUNDDOWN($C8695/24,0)+1,1)*INDEX($D$3:$AA$30,INDEX(Jesper!$R$2:$R$366,ROW(INDEX(Jesper!AI$2:AI$366,ROUNDDOWN($C8695/24,0)+1,1))-1)+IF('Standard Profiles'!$G$19=$B$10,7,0)+IF('Standard Profiles'!$G$19=$B$17,14,0)+IF('Standard Profiles'!$G$19=$B$24,21,0),MOD($C8695,24)+1)/SUM(INDEX($D$3:$AA$30,INDEX(Jesper!$R$2:$R$366,ROW(INDEX(Jesper!AI$2:AI$366,ROUNDDOWN($C8695/24,0)+1,1))-1)+IF('Standard Profiles'!$G$19=$B$10,7,0)+IF('Standard Profiles'!$G$19=$B$17,14,0)+IF('Standard Profiles'!$G$19=$B$24,21,0),0)),0)</f>
        <v>0</v>
      </c>
      <c r="F8695" cm="1">
        <f t="array" ref="F8695">IFERROR(INDEX(Jesper!AJ$2:AJ$366,ROUNDDOWN($C8695/24,0)+1,1)*INDEX($D$3:$AA$30,INDEX(Jesper!$R$2:$R$366,ROW(INDEX(Jesper!AJ$2:AJ$366,ROUNDDOWN($C8695/24,0)+1,1))-1)+IF('Standard Profiles'!$G$20=$B$10,7,0)+IF('Standard Profiles'!$G$20=$B$17,14,0)+IF('Standard Profiles'!$G$20=$B$24,21,0),MOD($C8695,24)+1)/SUM(INDEX($D$3:$AA$30,INDEX(Jesper!$R$2:$R$366,ROW(INDEX(Jesper!AJ$2:AJ$366,ROUNDDOWN($C8695/24,0)+1,1))-1)+IF('Standard Profiles'!$G$20=$B$10,7,0)+IF('Standard Profiles'!$G$20=$B$17,14,0)+IF('Standard Profiles'!$G$20=$B$24,21,0),0)),0)</f>
        <v>0</v>
      </c>
      <c r="G8695" cm="1">
        <f t="array" ref="G8695">IFERROR(INDEX(Jesper!AK$2:AK$366,ROUNDDOWN($C8695/24,0)+1,1)*INDEX($D$3:$AA$30,INDEX(Jesper!$R$2:$R$366,ROW(INDEX(Jesper!AK$2:AK$366,ROUNDDOWN($C8695/24,0)+1,1))-1)+IF('Standard Profiles'!$G$21=$B$10,7,0)+IF('Standard Profiles'!$G$21=$B$17,14,0)+IF('Standard Profiles'!$G$21=$B$24,21,0),MOD($C8695,24)+1)/SUM(INDEX($D$3:$AA$30,INDEX(Jesper!$R$2:$R$366,ROW(INDEX(Jesper!AK$2:AK$366,ROUNDDOWN($C8695/24,0)+1,1))-1)+IF('Standard Profiles'!$G$21=$B$10,7,0)+IF('Standard Profiles'!$G$21=$B$17,14,0)+IF('Standard Profiles'!$G$21=$B$24,21,0),0)),0)</f>
        <v>0</v>
      </c>
      <c r="H8695" cm="1">
        <f t="array" ref="H8695">IFERROR(INDEX(Jesper!AL$2:AL$366,ROUNDDOWN($C8695/24,0)+1,1)*INDEX($D$3:$AA$30,INDEX(Jesper!$R$2:$R$366,ROW(INDEX(Jesper!AL$2:AL$366,ROUNDDOWN($C8695/24,0)+1,1))-1)+IF('Standard Profiles'!$G$22=$B$10,7,0)+IF('Standard Profiles'!$G$22=$B$17,14,0)+IF('Standard Profiles'!$G$22=$B$24,21,0),MOD($C8695,24)+1)/SUM(INDEX($D$3:$AA$30,INDEX(Jesper!$R$2:$R$366,ROW(INDEX(Jesper!AL$2:AL$366,ROUNDDOWN($C8695/24,0)+1,1))-1)+IF('Standard Profiles'!$G$22=$B$10,7,0)+IF('Standard Profiles'!$G$22=$B$17,14,0)+IF('Standard Profiles'!$G$22=$B$24,21,0),0)),0)</f>
        <v>0</v>
      </c>
      <c r="I8695">
        <f t="shared" si="965"/>
        <v>0.23725423730644338</v>
      </c>
      <c r="J8695">
        <f t="shared" si="966"/>
        <v>0.79084745768814468</v>
      </c>
      <c r="K8695">
        <f t="shared" si="967"/>
        <v>1.1862711865322169</v>
      </c>
      <c r="L8695">
        <f t="shared" si="968"/>
        <v>5.6941016953546413</v>
      </c>
      <c r="M8695">
        <f t="shared" si="969"/>
        <v>0</v>
      </c>
      <c r="N8695" s="46">
        <f t="shared" si="970"/>
        <v>45652.874999978994</v>
      </c>
    </row>
    <row r="8696" spans="2:14" x14ac:dyDescent="0.3">
      <c r="B8696">
        <f t="shared" si="964"/>
        <v>4</v>
      </c>
      <c r="C8696" s="16">
        <v>8662</v>
      </c>
      <c r="D8696" cm="1">
        <f t="array" ref="D8696">IFERROR(INDEX(Jesper!AH$2:AH$366,ROUNDDOWN($C8696/24,0)+1,1)*INDEX($D$3:$AA$30,INDEX(Jesper!$R$2:$R$366,ROW(INDEX(Jesper!AH$2:AH$366,ROUNDDOWN($C8696/24,0)+1,1))-1)+IF('Standard Profiles'!$G$18=$B$10,7,0)+IF('Standard Profiles'!$G$18=$B$17,14,0)+IF('Standard Profiles'!$G$18=$B$24,21,0),MOD($C8696,24)+1)/SUM(INDEX($D$3:$AA$30,INDEX(Jesper!$R$2:$R$366,ROW(INDEX(Jesper!AH$2:AH$366,ROUNDDOWN($C8696/24,0)+1,1))-1)+IF('Standard Profiles'!$G$18=$B$10,7,0)+IF('Standard Profiles'!$G$18=$B$17,14,0)+IF('Standard Profiles'!$G$18=$B$24,21,0),0)),0)</f>
        <v>7.9084745768814466</v>
      </c>
      <c r="E8696" cm="1">
        <f t="array" ref="E8696">IFERROR(INDEX(Jesper!AI$2:AI$366,ROUNDDOWN($C8696/24,0)+1,1)*INDEX($D$3:$AA$30,INDEX(Jesper!$R$2:$R$366,ROW(INDEX(Jesper!AI$2:AI$366,ROUNDDOWN($C8696/24,0)+1,1))-1)+IF('Standard Profiles'!$G$19=$B$10,7,0)+IF('Standard Profiles'!$G$19=$B$17,14,0)+IF('Standard Profiles'!$G$19=$B$24,21,0),MOD($C8696,24)+1)/SUM(INDEX($D$3:$AA$30,INDEX(Jesper!$R$2:$R$366,ROW(INDEX(Jesper!AI$2:AI$366,ROUNDDOWN($C8696/24,0)+1,1))-1)+IF('Standard Profiles'!$G$19=$B$10,7,0)+IF('Standard Profiles'!$G$19=$B$17,14,0)+IF('Standard Profiles'!$G$19=$B$24,21,0),0)),0)</f>
        <v>0</v>
      </c>
      <c r="F8696" cm="1">
        <f t="array" ref="F8696">IFERROR(INDEX(Jesper!AJ$2:AJ$366,ROUNDDOWN($C8696/24,0)+1,1)*INDEX($D$3:$AA$30,INDEX(Jesper!$R$2:$R$366,ROW(INDEX(Jesper!AJ$2:AJ$366,ROUNDDOWN($C8696/24,0)+1,1))-1)+IF('Standard Profiles'!$G$20=$B$10,7,0)+IF('Standard Profiles'!$G$20=$B$17,14,0)+IF('Standard Profiles'!$G$20=$B$24,21,0),MOD($C8696,24)+1)/SUM(INDEX($D$3:$AA$30,INDEX(Jesper!$R$2:$R$366,ROW(INDEX(Jesper!AJ$2:AJ$366,ROUNDDOWN($C8696/24,0)+1,1))-1)+IF('Standard Profiles'!$G$20=$B$10,7,0)+IF('Standard Profiles'!$G$20=$B$17,14,0)+IF('Standard Profiles'!$G$20=$B$24,21,0),0)),0)</f>
        <v>0</v>
      </c>
      <c r="G8696" cm="1">
        <f t="array" ref="G8696">IFERROR(INDEX(Jesper!AK$2:AK$366,ROUNDDOWN($C8696/24,0)+1,1)*INDEX($D$3:$AA$30,INDEX(Jesper!$R$2:$R$366,ROW(INDEX(Jesper!AK$2:AK$366,ROUNDDOWN($C8696/24,0)+1,1))-1)+IF('Standard Profiles'!$G$21=$B$10,7,0)+IF('Standard Profiles'!$G$21=$B$17,14,0)+IF('Standard Profiles'!$G$21=$B$24,21,0),MOD($C8696,24)+1)/SUM(INDEX($D$3:$AA$30,INDEX(Jesper!$R$2:$R$366,ROW(INDEX(Jesper!AK$2:AK$366,ROUNDDOWN($C8696/24,0)+1,1))-1)+IF('Standard Profiles'!$G$21=$B$10,7,0)+IF('Standard Profiles'!$G$21=$B$17,14,0)+IF('Standard Profiles'!$G$21=$B$24,21,0),0)),0)</f>
        <v>0</v>
      </c>
      <c r="H8696" cm="1">
        <f t="array" ref="H8696">IFERROR(INDEX(Jesper!AL$2:AL$366,ROUNDDOWN($C8696/24,0)+1,1)*INDEX($D$3:$AA$30,INDEX(Jesper!$R$2:$R$366,ROW(INDEX(Jesper!AL$2:AL$366,ROUNDDOWN($C8696/24,0)+1,1))-1)+IF('Standard Profiles'!$G$22=$B$10,7,0)+IF('Standard Profiles'!$G$22=$B$17,14,0)+IF('Standard Profiles'!$G$22=$B$24,21,0),MOD($C8696,24)+1)/SUM(INDEX($D$3:$AA$30,INDEX(Jesper!$R$2:$R$366,ROW(INDEX(Jesper!AL$2:AL$366,ROUNDDOWN($C8696/24,0)+1,1))-1)+IF('Standard Profiles'!$G$22=$B$10,7,0)+IF('Standard Profiles'!$G$22=$B$17,14,0)+IF('Standard Profiles'!$G$22=$B$24,21,0),0)),0)</f>
        <v>0</v>
      </c>
      <c r="I8696">
        <f t="shared" si="965"/>
        <v>0.23725423730644338</v>
      </c>
      <c r="J8696">
        <f t="shared" si="966"/>
        <v>0.79084745768814468</v>
      </c>
      <c r="K8696">
        <f t="shared" si="967"/>
        <v>1.1862711865322169</v>
      </c>
      <c r="L8696">
        <f t="shared" si="968"/>
        <v>5.6941016953546413</v>
      </c>
      <c r="M8696">
        <f t="shared" si="969"/>
        <v>0</v>
      </c>
      <c r="N8696" s="46">
        <f t="shared" si="970"/>
        <v>45652.916666645659</v>
      </c>
    </row>
    <row r="8697" spans="2:14" x14ac:dyDescent="0.3">
      <c r="B8697">
        <f t="shared" si="964"/>
        <v>4</v>
      </c>
      <c r="C8697" s="16">
        <v>8663</v>
      </c>
      <c r="D8697" cm="1">
        <f t="array" ref="D8697">IFERROR(INDEX(Jesper!AH$2:AH$366,ROUNDDOWN($C8697/24,0)+1,1)*INDEX($D$3:$AA$30,INDEX(Jesper!$R$2:$R$366,ROW(INDEX(Jesper!AH$2:AH$366,ROUNDDOWN($C8697/24,0)+1,1))-1)+IF('Standard Profiles'!$G$18=$B$10,7,0)+IF('Standard Profiles'!$G$18=$B$17,14,0)+IF('Standard Profiles'!$G$18=$B$24,21,0),MOD($C8697,24)+1)/SUM(INDEX($D$3:$AA$30,INDEX(Jesper!$R$2:$R$366,ROW(INDEX(Jesper!AH$2:AH$366,ROUNDDOWN($C8697/24,0)+1,1))-1)+IF('Standard Profiles'!$G$18=$B$10,7,0)+IF('Standard Profiles'!$G$18=$B$17,14,0)+IF('Standard Profiles'!$G$18=$B$24,21,0),0)),0)</f>
        <v>7.9084745768814466</v>
      </c>
      <c r="E8697" cm="1">
        <f t="array" ref="E8697">IFERROR(INDEX(Jesper!AI$2:AI$366,ROUNDDOWN($C8697/24,0)+1,1)*INDEX($D$3:$AA$30,INDEX(Jesper!$R$2:$R$366,ROW(INDEX(Jesper!AI$2:AI$366,ROUNDDOWN($C8697/24,0)+1,1))-1)+IF('Standard Profiles'!$G$19=$B$10,7,0)+IF('Standard Profiles'!$G$19=$B$17,14,0)+IF('Standard Profiles'!$G$19=$B$24,21,0),MOD($C8697,24)+1)/SUM(INDEX($D$3:$AA$30,INDEX(Jesper!$R$2:$R$366,ROW(INDEX(Jesper!AI$2:AI$366,ROUNDDOWN($C8697/24,0)+1,1))-1)+IF('Standard Profiles'!$G$19=$B$10,7,0)+IF('Standard Profiles'!$G$19=$B$17,14,0)+IF('Standard Profiles'!$G$19=$B$24,21,0),0)),0)</f>
        <v>0</v>
      </c>
      <c r="F8697" cm="1">
        <f t="array" ref="F8697">IFERROR(INDEX(Jesper!AJ$2:AJ$366,ROUNDDOWN($C8697/24,0)+1,1)*INDEX($D$3:$AA$30,INDEX(Jesper!$R$2:$R$366,ROW(INDEX(Jesper!AJ$2:AJ$366,ROUNDDOWN($C8697/24,0)+1,1))-1)+IF('Standard Profiles'!$G$20=$B$10,7,0)+IF('Standard Profiles'!$G$20=$B$17,14,0)+IF('Standard Profiles'!$G$20=$B$24,21,0),MOD($C8697,24)+1)/SUM(INDEX($D$3:$AA$30,INDEX(Jesper!$R$2:$R$366,ROW(INDEX(Jesper!AJ$2:AJ$366,ROUNDDOWN($C8697/24,0)+1,1))-1)+IF('Standard Profiles'!$G$20=$B$10,7,0)+IF('Standard Profiles'!$G$20=$B$17,14,0)+IF('Standard Profiles'!$G$20=$B$24,21,0),0)),0)</f>
        <v>0</v>
      </c>
      <c r="G8697" cm="1">
        <f t="array" ref="G8697">IFERROR(INDEX(Jesper!AK$2:AK$366,ROUNDDOWN($C8697/24,0)+1,1)*INDEX($D$3:$AA$30,INDEX(Jesper!$R$2:$R$366,ROW(INDEX(Jesper!AK$2:AK$366,ROUNDDOWN($C8697/24,0)+1,1))-1)+IF('Standard Profiles'!$G$21=$B$10,7,0)+IF('Standard Profiles'!$G$21=$B$17,14,0)+IF('Standard Profiles'!$G$21=$B$24,21,0),MOD($C8697,24)+1)/SUM(INDEX($D$3:$AA$30,INDEX(Jesper!$R$2:$R$366,ROW(INDEX(Jesper!AK$2:AK$366,ROUNDDOWN($C8697/24,0)+1,1))-1)+IF('Standard Profiles'!$G$21=$B$10,7,0)+IF('Standard Profiles'!$G$21=$B$17,14,0)+IF('Standard Profiles'!$G$21=$B$24,21,0),0)),0)</f>
        <v>0</v>
      </c>
      <c r="H8697" cm="1">
        <f t="array" ref="H8697">IFERROR(INDEX(Jesper!AL$2:AL$366,ROUNDDOWN($C8697/24,0)+1,1)*INDEX($D$3:$AA$30,INDEX(Jesper!$R$2:$R$366,ROW(INDEX(Jesper!AL$2:AL$366,ROUNDDOWN($C8697/24,0)+1,1))-1)+IF('Standard Profiles'!$G$22=$B$10,7,0)+IF('Standard Profiles'!$G$22=$B$17,14,0)+IF('Standard Profiles'!$G$22=$B$24,21,0),MOD($C8697,24)+1)/SUM(INDEX($D$3:$AA$30,INDEX(Jesper!$R$2:$R$366,ROW(INDEX(Jesper!AL$2:AL$366,ROUNDDOWN($C8697/24,0)+1,1))-1)+IF('Standard Profiles'!$G$22=$B$10,7,0)+IF('Standard Profiles'!$G$22=$B$17,14,0)+IF('Standard Profiles'!$G$22=$B$24,21,0),0)),0)</f>
        <v>0</v>
      </c>
      <c r="I8697">
        <f t="shared" si="965"/>
        <v>0.23725423730644338</v>
      </c>
      <c r="J8697">
        <f t="shared" si="966"/>
        <v>0.79084745768814468</v>
      </c>
      <c r="K8697">
        <f t="shared" si="967"/>
        <v>1.1862711865322169</v>
      </c>
      <c r="L8697">
        <f t="shared" si="968"/>
        <v>5.6941016953546413</v>
      </c>
      <c r="M8697">
        <f t="shared" si="969"/>
        <v>0</v>
      </c>
      <c r="N8697" s="46">
        <f t="shared" si="970"/>
        <v>45652.958333312323</v>
      </c>
    </row>
    <row r="8698" spans="2:14" x14ac:dyDescent="0.3">
      <c r="B8698">
        <f t="shared" si="964"/>
        <v>5</v>
      </c>
      <c r="C8698" s="16">
        <v>8664</v>
      </c>
      <c r="D8698" cm="1">
        <f t="array" ref="D8698">IFERROR(INDEX(Jesper!AH$2:AH$366,ROUNDDOWN($C8698/24,0)+1,1)*INDEX($D$3:$AA$30,INDEX(Jesper!$R$2:$R$366,ROW(INDEX(Jesper!AH$2:AH$366,ROUNDDOWN($C8698/24,0)+1,1))-1)+IF('Standard Profiles'!$G$18=$B$10,7,0)+IF('Standard Profiles'!$G$18=$B$17,14,0)+IF('Standard Profiles'!$G$18=$B$24,21,0),MOD($C8698,24)+1)/SUM(INDEX($D$3:$AA$30,INDEX(Jesper!$R$2:$R$366,ROW(INDEX(Jesper!AH$2:AH$366,ROUNDDOWN($C8698/24,0)+1,1))-1)+IF('Standard Profiles'!$G$18=$B$10,7,0)+IF('Standard Profiles'!$G$18=$B$17,14,0)+IF('Standard Profiles'!$G$18=$B$24,21,0),0)),0)</f>
        <v>9.00447624974273</v>
      </c>
      <c r="E8698" cm="1">
        <f t="array" ref="E8698">IFERROR(INDEX(Jesper!AI$2:AI$366,ROUNDDOWN($C8698/24,0)+1,1)*INDEX($D$3:$AA$30,INDEX(Jesper!$R$2:$R$366,ROW(INDEX(Jesper!AI$2:AI$366,ROUNDDOWN($C8698/24,0)+1,1))-1)+IF('Standard Profiles'!$G$19=$B$10,7,0)+IF('Standard Profiles'!$G$19=$B$17,14,0)+IF('Standard Profiles'!$G$19=$B$24,21,0),MOD($C8698,24)+1)/SUM(INDEX($D$3:$AA$30,INDEX(Jesper!$R$2:$R$366,ROW(INDEX(Jesper!AI$2:AI$366,ROUNDDOWN($C8698/24,0)+1,1))-1)+IF('Standard Profiles'!$G$19=$B$10,7,0)+IF('Standard Profiles'!$G$19=$B$17,14,0)+IF('Standard Profiles'!$G$19=$B$24,21,0),0)),0)</f>
        <v>0</v>
      </c>
      <c r="F8698" cm="1">
        <f t="array" ref="F8698">IFERROR(INDEX(Jesper!AJ$2:AJ$366,ROUNDDOWN($C8698/24,0)+1,1)*INDEX($D$3:$AA$30,INDEX(Jesper!$R$2:$R$366,ROW(INDEX(Jesper!AJ$2:AJ$366,ROUNDDOWN($C8698/24,0)+1,1))-1)+IF('Standard Profiles'!$G$20=$B$10,7,0)+IF('Standard Profiles'!$G$20=$B$17,14,0)+IF('Standard Profiles'!$G$20=$B$24,21,0),MOD($C8698,24)+1)/SUM(INDEX($D$3:$AA$30,INDEX(Jesper!$R$2:$R$366,ROW(INDEX(Jesper!AJ$2:AJ$366,ROUNDDOWN($C8698/24,0)+1,1))-1)+IF('Standard Profiles'!$G$20=$B$10,7,0)+IF('Standard Profiles'!$G$20=$B$17,14,0)+IF('Standard Profiles'!$G$20=$B$24,21,0),0)),0)</f>
        <v>0</v>
      </c>
      <c r="G8698" cm="1">
        <f t="array" ref="G8698">IFERROR(INDEX(Jesper!AK$2:AK$366,ROUNDDOWN($C8698/24,0)+1,1)*INDEX($D$3:$AA$30,INDEX(Jesper!$R$2:$R$366,ROW(INDEX(Jesper!AK$2:AK$366,ROUNDDOWN($C8698/24,0)+1,1))-1)+IF('Standard Profiles'!$G$21=$B$10,7,0)+IF('Standard Profiles'!$G$21=$B$17,14,0)+IF('Standard Profiles'!$G$21=$B$24,21,0),MOD($C8698,24)+1)/SUM(INDEX($D$3:$AA$30,INDEX(Jesper!$R$2:$R$366,ROW(INDEX(Jesper!AK$2:AK$366,ROUNDDOWN($C8698/24,0)+1,1))-1)+IF('Standard Profiles'!$G$21=$B$10,7,0)+IF('Standard Profiles'!$G$21=$B$17,14,0)+IF('Standard Profiles'!$G$21=$B$24,21,0),0)),0)</f>
        <v>0</v>
      </c>
      <c r="H8698" cm="1">
        <f t="array" ref="H8698">IFERROR(INDEX(Jesper!AL$2:AL$366,ROUNDDOWN($C8698/24,0)+1,1)*INDEX($D$3:$AA$30,INDEX(Jesper!$R$2:$R$366,ROW(INDEX(Jesper!AL$2:AL$366,ROUNDDOWN($C8698/24,0)+1,1))-1)+IF('Standard Profiles'!$G$22=$B$10,7,0)+IF('Standard Profiles'!$G$22=$B$17,14,0)+IF('Standard Profiles'!$G$22=$B$24,21,0),MOD($C8698,24)+1)/SUM(INDEX($D$3:$AA$30,INDEX(Jesper!$R$2:$R$366,ROW(INDEX(Jesper!AL$2:AL$366,ROUNDDOWN($C8698/24,0)+1,1))-1)+IF('Standard Profiles'!$G$22=$B$10,7,0)+IF('Standard Profiles'!$G$22=$B$17,14,0)+IF('Standard Profiles'!$G$22=$B$24,21,0),0)),0)</f>
        <v>0</v>
      </c>
      <c r="I8698">
        <f t="shared" si="965"/>
        <v>0.27013428749228191</v>
      </c>
      <c r="J8698">
        <f t="shared" si="966"/>
        <v>0.900447624974273</v>
      </c>
      <c r="K8698">
        <f t="shared" si="967"/>
        <v>1.3506714374614095</v>
      </c>
      <c r="L8698">
        <f t="shared" si="968"/>
        <v>6.4832228998147654</v>
      </c>
      <c r="M8698">
        <f t="shared" si="969"/>
        <v>0</v>
      </c>
      <c r="N8698" s="46">
        <f t="shared" si="970"/>
        <v>45652.999999978987</v>
      </c>
    </row>
    <row r="8699" spans="2:14" x14ac:dyDescent="0.3">
      <c r="B8699">
        <f t="shared" si="964"/>
        <v>5</v>
      </c>
      <c r="C8699" s="16">
        <v>8665</v>
      </c>
      <c r="D8699" cm="1">
        <f t="array" ref="D8699">IFERROR(INDEX(Jesper!AH$2:AH$366,ROUNDDOWN($C8699/24,0)+1,1)*INDEX($D$3:$AA$30,INDEX(Jesper!$R$2:$R$366,ROW(INDEX(Jesper!AH$2:AH$366,ROUNDDOWN($C8699/24,0)+1,1))-1)+IF('Standard Profiles'!$G$18=$B$10,7,0)+IF('Standard Profiles'!$G$18=$B$17,14,0)+IF('Standard Profiles'!$G$18=$B$24,21,0),MOD($C8699,24)+1)/SUM(INDEX($D$3:$AA$30,INDEX(Jesper!$R$2:$R$366,ROW(INDEX(Jesper!AH$2:AH$366,ROUNDDOWN($C8699/24,0)+1,1))-1)+IF('Standard Profiles'!$G$18=$B$10,7,0)+IF('Standard Profiles'!$G$18=$B$17,14,0)+IF('Standard Profiles'!$G$18=$B$24,21,0),0)),0)</f>
        <v>9.00447624974273</v>
      </c>
      <c r="E8699" cm="1">
        <f t="array" ref="E8699">IFERROR(INDEX(Jesper!AI$2:AI$366,ROUNDDOWN($C8699/24,0)+1,1)*INDEX($D$3:$AA$30,INDEX(Jesper!$R$2:$R$366,ROW(INDEX(Jesper!AI$2:AI$366,ROUNDDOWN($C8699/24,0)+1,1))-1)+IF('Standard Profiles'!$G$19=$B$10,7,0)+IF('Standard Profiles'!$G$19=$B$17,14,0)+IF('Standard Profiles'!$G$19=$B$24,21,0),MOD($C8699,24)+1)/SUM(INDEX($D$3:$AA$30,INDEX(Jesper!$R$2:$R$366,ROW(INDEX(Jesper!AI$2:AI$366,ROUNDDOWN($C8699/24,0)+1,1))-1)+IF('Standard Profiles'!$G$19=$B$10,7,0)+IF('Standard Profiles'!$G$19=$B$17,14,0)+IF('Standard Profiles'!$G$19=$B$24,21,0),0)),0)</f>
        <v>0</v>
      </c>
      <c r="F8699" cm="1">
        <f t="array" ref="F8699">IFERROR(INDEX(Jesper!AJ$2:AJ$366,ROUNDDOWN($C8699/24,0)+1,1)*INDEX($D$3:$AA$30,INDEX(Jesper!$R$2:$R$366,ROW(INDEX(Jesper!AJ$2:AJ$366,ROUNDDOWN($C8699/24,0)+1,1))-1)+IF('Standard Profiles'!$G$20=$B$10,7,0)+IF('Standard Profiles'!$G$20=$B$17,14,0)+IF('Standard Profiles'!$G$20=$B$24,21,0),MOD($C8699,24)+1)/SUM(INDEX($D$3:$AA$30,INDEX(Jesper!$R$2:$R$366,ROW(INDEX(Jesper!AJ$2:AJ$366,ROUNDDOWN($C8699/24,0)+1,1))-1)+IF('Standard Profiles'!$G$20=$B$10,7,0)+IF('Standard Profiles'!$G$20=$B$17,14,0)+IF('Standard Profiles'!$G$20=$B$24,21,0),0)),0)</f>
        <v>0</v>
      </c>
      <c r="G8699" cm="1">
        <f t="array" ref="G8699">IFERROR(INDEX(Jesper!AK$2:AK$366,ROUNDDOWN($C8699/24,0)+1,1)*INDEX($D$3:$AA$30,INDEX(Jesper!$R$2:$R$366,ROW(INDEX(Jesper!AK$2:AK$366,ROUNDDOWN($C8699/24,0)+1,1))-1)+IF('Standard Profiles'!$G$21=$B$10,7,0)+IF('Standard Profiles'!$G$21=$B$17,14,0)+IF('Standard Profiles'!$G$21=$B$24,21,0),MOD($C8699,24)+1)/SUM(INDEX($D$3:$AA$30,INDEX(Jesper!$R$2:$R$366,ROW(INDEX(Jesper!AK$2:AK$366,ROUNDDOWN($C8699/24,0)+1,1))-1)+IF('Standard Profiles'!$G$21=$B$10,7,0)+IF('Standard Profiles'!$G$21=$B$17,14,0)+IF('Standard Profiles'!$G$21=$B$24,21,0),0)),0)</f>
        <v>0</v>
      </c>
      <c r="H8699" cm="1">
        <f t="array" ref="H8699">IFERROR(INDEX(Jesper!AL$2:AL$366,ROUNDDOWN($C8699/24,0)+1,1)*INDEX($D$3:$AA$30,INDEX(Jesper!$R$2:$R$366,ROW(INDEX(Jesper!AL$2:AL$366,ROUNDDOWN($C8699/24,0)+1,1))-1)+IF('Standard Profiles'!$G$22=$B$10,7,0)+IF('Standard Profiles'!$G$22=$B$17,14,0)+IF('Standard Profiles'!$G$22=$B$24,21,0),MOD($C8699,24)+1)/SUM(INDEX($D$3:$AA$30,INDEX(Jesper!$R$2:$R$366,ROW(INDEX(Jesper!AL$2:AL$366,ROUNDDOWN($C8699/24,0)+1,1))-1)+IF('Standard Profiles'!$G$22=$B$10,7,0)+IF('Standard Profiles'!$G$22=$B$17,14,0)+IF('Standard Profiles'!$G$22=$B$24,21,0),0)),0)</f>
        <v>0</v>
      </c>
      <c r="I8699">
        <f t="shared" si="965"/>
        <v>0.27013428749228191</v>
      </c>
      <c r="J8699">
        <f t="shared" si="966"/>
        <v>0.900447624974273</v>
      </c>
      <c r="K8699">
        <f t="shared" si="967"/>
        <v>1.3506714374614095</v>
      </c>
      <c r="L8699">
        <f t="shared" si="968"/>
        <v>6.4832228998147654</v>
      </c>
      <c r="M8699">
        <f t="shared" si="969"/>
        <v>0</v>
      </c>
      <c r="N8699" s="46">
        <f t="shared" si="970"/>
        <v>45653.041666645651</v>
      </c>
    </row>
    <row r="8700" spans="2:14" x14ac:dyDescent="0.3">
      <c r="B8700">
        <f t="shared" si="964"/>
        <v>5</v>
      </c>
      <c r="C8700" s="16">
        <v>8666</v>
      </c>
      <c r="D8700" cm="1">
        <f t="array" ref="D8700">IFERROR(INDEX(Jesper!AH$2:AH$366,ROUNDDOWN($C8700/24,0)+1,1)*INDEX($D$3:$AA$30,INDEX(Jesper!$R$2:$R$366,ROW(INDEX(Jesper!AH$2:AH$366,ROUNDDOWN($C8700/24,0)+1,1))-1)+IF('Standard Profiles'!$G$18=$B$10,7,0)+IF('Standard Profiles'!$G$18=$B$17,14,0)+IF('Standard Profiles'!$G$18=$B$24,21,0),MOD($C8700,24)+1)/SUM(INDEX($D$3:$AA$30,INDEX(Jesper!$R$2:$R$366,ROW(INDEX(Jesper!AH$2:AH$366,ROUNDDOWN($C8700/24,0)+1,1))-1)+IF('Standard Profiles'!$G$18=$B$10,7,0)+IF('Standard Profiles'!$G$18=$B$17,14,0)+IF('Standard Profiles'!$G$18=$B$24,21,0),0)),0)</f>
        <v>9.00447624974273</v>
      </c>
      <c r="E8700" cm="1">
        <f t="array" ref="E8700">IFERROR(INDEX(Jesper!AI$2:AI$366,ROUNDDOWN($C8700/24,0)+1,1)*INDEX($D$3:$AA$30,INDEX(Jesper!$R$2:$R$366,ROW(INDEX(Jesper!AI$2:AI$366,ROUNDDOWN($C8700/24,0)+1,1))-1)+IF('Standard Profiles'!$G$19=$B$10,7,0)+IF('Standard Profiles'!$G$19=$B$17,14,0)+IF('Standard Profiles'!$G$19=$B$24,21,0),MOD($C8700,24)+1)/SUM(INDEX($D$3:$AA$30,INDEX(Jesper!$R$2:$R$366,ROW(INDEX(Jesper!AI$2:AI$366,ROUNDDOWN($C8700/24,0)+1,1))-1)+IF('Standard Profiles'!$G$19=$B$10,7,0)+IF('Standard Profiles'!$G$19=$B$17,14,0)+IF('Standard Profiles'!$G$19=$B$24,21,0),0)),0)</f>
        <v>0</v>
      </c>
      <c r="F8700" cm="1">
        <f t="array" ref="F8700">IFERROR(INDEX(Jesper!AJ$2:AJ$366,ROUNDDOWN($C8700/24,0)+1,1)*INDEX($D$3:$AA$30,INDEX(Jesper!$R$2:$R$366,ROW(INDEX(Jesper!AJ$2:AJ$366,ROUNDDOWN($C8700/24,0)+1,1))-1)+IF('Standard Profiles'!$G$20=$B$10,7,0)+IF('Standard Profiles'!$G$20=$B$17,14,0)+IF('Standard Profiles'!$G$20=$B$24,21,0),MOD($C8700,24)+1)/SUM(INDEX($D$3:$AA$30,INDEX(Jesper!$R$2:$R$366,ROW(INDEX(Jesper!AJ$2:AJ$366,ROUNDDOWN($C8700/24,0)+1,1))-1)+IF('Standard Profiles'!$G$20=$B$10,7,0)+IF('Standard Profiles'!$G$20=$B$17,14,0)+IF('Standard Profiles'!$G$20=$B$24,21,0),0)),0)</f>
        <v>0</v>
      </c>
      <c r="G8700" cm="1">
        <f t="array" ref="G8700">IFERROR(INDEX(Jesper!AK$2:AK$366,ROUNDDOWN($C8700/24,0)+1,1)*INDEX($D$3:$AA$30,INDEX(Jesper!$R$2:$R$366,ROW(INDEX(Jesper!AK$2:AK$366,ROUNDDOWN($C8700/24,0)+1,1))-1)+IF('Standard Profiles'!$G$21=$B$10,7,0)+IF('Standard Profiles'!$G$21=$B$17,14,0)+IF('Standard Profiles'!$G$21=$B$24,21,0),MOD($C8700,24)+1)/SUM(INDEX($D$3:$AA$30,INDEX(Jesper!$R$2:$R$366,ROW(INDEX(Jesper!AK$2:AK$366,ROUNDDOWN($C8700/24,0)+1,1))-1)+IF('Standard Profiles'!$G$21=$B$10,7,0)+IF('Standard Profiles'!$G$21=$B$17,14,0)+IF('Standard Profiles'!$G$21=$B$24,21,0),0)),0)</f>
        <v>0</v>
      </c>
      <c r="H8700" cm="1">
        <f t="array" ref="H8700">IFERROR(INDEX(Jesper!AL$2:AL$366,ROUNDDOWN($C8700/24,0)+1,1)*INDEX($D$3:$AA$30,INDEX(Jesper!$R$2:$R$366,ROW(INDEX(Jesper!AL$2:AL$366,ROUNDDOWN($C8700/24,0)+1,1))-1)+IF('Standard Profiles'!$G$22=$B$10,7,0)+IF('Standard Profiles'!$G$22=$B$17,14,0)+IF('Standard Profiles'!$G$22=$B$24,21,0),MOD($C8700,24)+1)/SUM(INDEX($D$3:$AA$30,INDEX(Jesper!$R$2:$R$366,ROW(INDEX(Jesper!AL$2:AL$366,ROUNDDOWN($C8700/24,0)+1,1))-1)+IF('Standard Profiles'!$G$22=$B$10,7,0)+IF('Standard Profiles'!$G$22=$B$17,14,0)+IF('Standard Profiles'!$G$22=$B$24,21,0),0)),0)</f>
        <v>0</v>
      </c>
      <c r="I8700">
        <f t="shared" si="965"/>
        <v>0.27013428749228191</v>
      </c>
      <c r="J8700">
        <f t="shared" si="966"/>
        <v>0.900447624974273</v>
      </c>
      <c r="K8700">
        <f t="shared" si="967"/>
        <v>1.3506714374614095</v>
      </c>
      <c r="L8700">
        <f t="shared" si="968"/>
        <v>6.4832228998147654</v>
      </c>
      <c r="M8700">
        <f t="shared" si="969"/>
        <v>0</v>
      </c>
      <c r="N8700" s="46">
        <f t="shared" si="970"/>
        <v>45653.083333312316</v>
      </c>
    </row>
    <row r="8701" spans="2:14" x14ac:dyDescent="0.3">
      <c r="B8701">
        <f t="shared" si="964"/>
        <v>5</v>
      </c>
      <c r="C8701" s="16">
        <v>8667</v>
      </c>
      <c r="D8701" cm="1">
        <f t="array" ref="D8701">IFERROR(INDEX(Jesper!AH$2:AH$366,ROUNDDOWN($C8701/24,0)+1,1)*INDEX($D$3:$AA$30,INDEX(Jesper!$R$2:$R$366,ROW(INDEX(Jesper!AH$2:AH$366,ROUNDDOWN($C8701/24,0)+1,1))-1)+IF('Standard Profiles'!$G$18=$B$10,7,0)+IF('Standard Profiles'!$G$18=$B$17,14,0)+IF('Standard Profiles'!$G$18=$B$24,21,0),MOD($C8701,24)+1)/SUM(INDEX($D$3:$AA$30,INDEX(Jesper!$R$2:$R$366,ROW(INDEX(Jesper!AH$2:AH$366,ROUNDDOWN($C8701/24,0)+1,1))-1)+IF('Standard Profiles'!$G$18=$B$10,7,0)+IF('Standard Profiles'!$G$18=$B$17,14,0)+IF('Standard Profiles'!$G$18=$B$24,21,0),0)),0)</f>
        <v>9.00447624974273</v>
      </c>
      <c r="E8701" cm="1">
        <f t="array" ref="E8701">IFERROR(INDEX(Jesper!AI$2:AI$366,ROUNDDOWN($C8701/24,0)+1,1)*INDEX($D$3:$AA$30,INDEX(Jesper!$R$2:$R$366,ROW(INDEX(Jesper!AI$2:AI$366,ROUNDDOWN($C8701/24,0)+1,1))-1)+IF('Standard Profiles'!$G$19=$B$10,7,0)+IF('Standard Profiles'!$G$19=$B$17,14,0)+IF('Standard Profiles'!$G$19=$B$24,21,0),MOD($C8701,24)+1)/SUM(INDEX($D$3:$AA$30,INDEX(Jesper!$R$2:$R$366,ROW(INDEX(Jesper!AI$2:AI$366,ROUNDDOWN($C8701/24,0)+1,1))-1)+IF('Standard Profiles'!$G$19=$B$10,7,0)+IF('Standard Profiles'!$G$19=$B$17,14,0)+IF('Standard Profiles'!$G$19=$B$24,21,0),0)),0)</f>
        <v>0</v>
      </c>
      <c r="F8701" cm="1">
        <f t="array" ref="F8701">IFERROR(INDEX(Jesper!AJ$2:AJ$366,ROUNDDOWN($C8701/24,0)+1,1)*INDEX($D$3:$AA$30,INDEX(Jesper!$R$2:$R$366,ROW(INDEX(Jesper!AJ$2:AJ$366,ROUNDDOWN($C8701/24,0)+1,1))-1)+IF('Standard Profiles'!$G$20=$B$10,7,0)+IF('Standard Profiles'!$G$20=$B$17,14,0)+IF('Standard Profiles'!$G$20=$B$24,21,0),MOD($C8701,24)+1)/SUM(INDEX($D$3:$AA$30,INDEX(Jesper!$R$2:$R$366,ROW(INDEX(Jesper!AJ$2:AJ$366,ROUNDDOWN($C8701/24,0)+1,1))-1)+IF('Standard Profiles'!$G$20=$B$10,7,0)+IF('Standard Profiles'!$G$20=$B$17,14,0)+IF('Standard Profiles'!$G$20=$B$24,21,0),0)),0)</f>
        <v>0</v>
      </c>
      <c r="G8701" cm="1">
        <f t="array" ref="G8701">IFERROR(INDEX(Jesper!AK$2:AK$366,ROUNDDOWN($C8701/24,0)+1,1)*INDEX($D$3:$AA$30,INDEX(Jesper!$R$2:$R$366,ROW(INDEX(Jesper!AK$2:AK$366,ROUNDDOWN($C8701/24,0)+1,1))-1)+IF('Standard Profiles'!$G$21=$B$10,7,0)+IF('Standard Profiles'!$G$21=$B$17,14,0)+IF('Standard Profiles'!$G$21=$B$24,21,0),MOD($C8701,24)+1)/SUM(INDEX($D$3:$AA$30,INDEX(Jesper!$R$2:$R$366,ROW(INDEX(Jesper!AK$2:AK$366,ROUNDDOWN($C8701/24,0)+1,1))-1)+IF('Standard Profiles'!$G$21=$B$10,7,0)+IF('Standard Profiles'!$G$21=$B$17,14,0)+IF('Standard Profiles'!$G$21=$B$24,21,0),0)),0)</f>
        <v>0</v>
      </c>
      <c r="H8701" cm="1">
        <f t="array" ref="H8701">IFERROR(INDEX(Jesper!AL$2:AL$366,ROUNDDOWN($C8701/24,0)+1,1)*INDEX($D$3:$AA$30,INDEX(Jesper!$R$2:$R$366,ROW(INDEX(Jesper!AL$2:AL$366,ROUNDDOWN($C8701/24,0)+1,1))-1)+IF('Standard Profiles'!$G$22=$B$10,7,0)+IF('Standard Profiles'!$G$22=$B$17,14,0)+IF('Standard Profiles'!$G$22=$B$24,21,0),MOD($C8701,24)+1)/SUM(INDEX($D$3:$AA$30,INDEX(Jesper!$R$2:$R$366,ROW(INDEX(Jesper!AL$2:AL$366,ROUNDDOWN($C8701/24,0)+1,1))-1)+IF('Standard Profiles'!$G$22=$B$10,7,0)+IF('Standard Profiles'!$G$22=$B$17,14,0)+IF('Standard Profiles'!$G$22=$B$24,21,0),0)),0)</f>
        <v>0</v>
      </c>
      <c r="I8701">
        <f t="shared" si="965"/>
        <v>0.27013428749228191</v>
      </c>
      <c r="J8701">
        <f t="shared" si="966"/>
        <v>0.900447624974273</v>
      </c>
      <c r="K8701">
        <f t="shared" si="967"/>
        <v>1.3506714374614095</v>
      </c>
      <c r="L8701">
        <f t="shared" si="968"/>
        <v>6.4832228998147654</v>
      </c>
      <c r="M8701">
        <f t="shared" si="969"/>
        <v>0</v>
      </c>
      <c r="N8701" s="46">
        <f t="shared" si="970"/>
        <v>45653.12499997898</v>
      </c>
    </row>
    <row r="8702" spans="2:14" x14ac:dyDescent="0.3">
      <c r="B8702">
        <f t="shared" si="964"/>
        <v>5</v>
      </c>
      <c r="C8702" s="16">
        <v>8668</v>
      </c>
      <c r="D8702" cm="1">
        <f t="array" ref="D8702">IFERROR(INDEX(Jesper!AH$2:AH$366,ROUNDDOWN($C8702/24,0)+1,1)*INDEX($D$3:$AA$30,INDEX(Jesper!$R$2:$R$366,ROW(INDEX(Jesper!AH$2:AH$366,ROUNDDOWN($C8702/24,0)+1,1))-1)+IF('Standard Profiles'!$G$18=$B$10,7,0)+IF('Standard Profiles'!$G$18=$B$17,14,0)+IF('Standard Profiles'!$G$18=$B$24,21,0),MOD($C8702,24)+1)/SUM(INDEX($D$3:$AA$30,INDEX(Jesper!$R$2:$R$366,ROW(INDEX(Jesper!AH$2:AH$366,ROUNDDOWN($C8702/24,0)+1,1))-1)+IF('Standard Profiles'!$G$18=$B$10,7,0)+IF('Standard Profiles'!$G$18=$B$17,14,0)+IF('Standard Profiles'!$G$18=$B$24,21,0),0)),0)</f>
        <v>9.00447624974273</v>
      </c>
      <c r="E8702" cm="1">
        <f t="array" ref="E8702">IFERROR(INDEX(Jesper!AI$2:AI$366,ROUNDDOWN($C8702/24,0)+1,1)*INDEX($D$3:$AA$30,INDEX(Jesper!$R$2:$R$366,ROW(INDEX(Jesper!AI$2:AI$366,ROUNDDOWN($C8702/24,0)+1,1))-1)+IF('Standard Profiles'!$G$19=$B$10,7,0)+IF('Standard Profiles'!$G$19=$B$17,14,0)+IF('Standard Profiles'!$G$19=$B$24,21,0),MOD($C8702,24)+1)/SUM(INDEX($D$3:$AA$30,INDEX(Jesper!$R$2:$R$366,ROW(INDEX(Jesper!AI$2:AI$366,ROUNDDOWN($C8702/24,0)+1,1))-1)+IF('Standard Profiles'!$G$19=$B$10,7,0)+IF('Standard Profiles'!$G$19=$B$17,14,0)+IF('Standard Profiles'!$G$19=$B$24,21,0),0)),0)</f>
        <v>0</v>
      </c>
      <c r="F8702" cm="1">
        <f t="array" ref="F8702">IFERROR(INDEX(Jesper!AJ$2:AJ$366,ROUNDDOWN($C8702/24,0)+1,1)*INDEX($D$3:$AA$30,INDEX(Jesper!$R$2:$R$366,ROW(INDEX(Jesper!AJ$2:AJ$366,ROUNDDOWN($C8702/24,0)+1,1))-1)+IF('Standard Profiles'!$G$20=$B$10,7,0)+IF('Standard Profiles'!$G$20=$B$17,14,0)+IF('Standard Profiles'!$G$20=$B$24,21,0),MOD($C8702,24)+1)/SUM(INDEX($D$3:$AA$30,INDEX(Jesper!$R$2:$R$366,ROW(INDEX(Jesper!AJ$2:AJ$366,ROUNDDOWN($C8702/24,0)+1,1))-1)+IF('Standard Profiles'!$G$20=$B$10,7,0)+IF('Standard Profiles'!$G$20=$B$17,14,0)+IF('Standard Profiles'!$G$20=$B$24,21,0),0)),0)</f>
        <v>0</v>
      </c>
      <c r="G8702" cm="1">
        <f t="array" ref="G8702">IFERROR(INDEX(Jesper!AK$2:AK$366,ROUNDDOWN($C8702/24,0)+1,1)*INDEX($D$3:$AA$30,INDEX(Jesper!$R$2:$R$366,ROW(INDEX(Jesper!AK$2:AK$366,ROUNDDOWN($C8702/24,0)+1,1))-1)+IF('Standard Profiles'!$G$21=$B$10,7,0)+IF('Standard Profiles'!$G$21=$B$17,14,0)+IF('Standard Profiles'!$G$21=$B$24,21,0),MOD($C8702,24)+1)/SUM(INDEX($D$3:$AA$30,INDEX(Jesper!$R$2:$R$366,ROW(INDEX(Jesper!AK$2:AK$366,ROUNDDOWN($C8702/24,0)+1,1))-1)+IF('Standard Profiles'!$G$21=$B$10,7,0)+IF('Standard Profiles'!$G$21=$B$17,14,0)+IF('Standard Profiles'!$G$21=$B$24,21,0),0)),0)</f>
        <v>0</v>
      </c>
      <c r="H8702" cm="1">
        <f t="array" ref="H8702">IFERROR(INDEX(Jesper!AL$2:AL$366,ROUNDDOWN($C8702/24,0)+1,1)*INDEX($D$3:$AA$30,INDEX(Jesper!$R$2:$R$366,ROW(INDEX(Jesper!AL$2:AL$366,ROUNDDOWN($C8702/24,0)+1,1))-1)+IF('Standard Profiles'!$G$22=$B$10,7,0)+IF('Standard Profiles'!$G$22=$B$17,14,0)+IF('Standard Profiles'!$G$22=$B$24,21,0),MOD($C8702,24)+1)/SUM(INDEX($D$3:$AA$30,INDEX(Jesper!$R$2:$R$366,ROW(INDEX(Jesper!AL$2:AL$366,ROUNDDOWN($C8702/24,0)+1,1))-1)+IF('Standard Profiles'!$G$22=$B$10,7,0)+IF('Standard Profiles'!$G$22=$B$17,14,0)+IF('Standard Profiles'!$G$22=$B$24,21,0),0)),0)</f>
        <v>0</v>
      </c>
      <c r="I8702">
        <f t="shared" si="965"/>
        <v>0.27013428749228191</v>
      </c>
      <c r="J8702">
        <f t="shared" si="966"/>
        <v>0.900447624974273</v>
      </c>
      <c r="K8702">
        <f t="shared" si="967"/>
        <v>1.3506714374614095</v>
      </c>
      <c r="L8702">
        <f t="shared" si="968"/>
        <v>6.4832228998147654</v>
      </c>
      <c r="M8702">
        <f t="shared" si="969"/>
        <v>0</v>
      </c>
      <c r="N8702" s="46">
        <f t="shared" si="970"/>
        <v>45653.166666645644</v>
      </c>
    </row>
    <row r="8703" spans="2:14" x14ac:dyDescent="0.3">
      <c r="B8703">
        <f t="shared" si="964"/>
        <v>5</v>
      </c>
      <c r="C8703" s="16">
        <v>8669</v>
      </c>
      <c r="D8703" cm="1">
        <f t="array" ref="D8703">IFERROR(INDEX(Jesper!AH$2:AH$366,ROUNDDOWN($C8703/24,0)+1,1)*INDEX($D$3:$AA$30,INDEX(Jesper!$R$2:$R$366,ROW(INDEX(Jesper!AH$2:AH$366,ROUNDDOWN($C8703/24,0)+1,1))-1)+IF('Standard Profiles'!$G$18=$B$10,7,0)+IF('Standard Profiles'!$G$18=$B$17,14,0)+IF('Standard Profiles'!$G$18=$B$24,21,0),MOD($C8703,24)+1)/SUM(INDEX($D$3:$AA$30,INDEX(Jesper!$R$2:$R$366,ROW(INDEX(Jesper!AH$2:AH$366,ROUNDDOWN($C8703/24,0)+1,1))-1)+IF('Standard Profiles'!$G$18=$B$10,7,0)+IF('Standard Profiles'!$G$18=$B$17,14,0)+IF('Standard Profiles'!$G$18=$B$24,21,0),0)),0)</f>
        <v>11.605769388557297</v>
      </c>
      <c r="E8703" cm="1">
        <f t="array" ref="E8703">IFERROR(INDEX(Jesper!AI$2:AI$366,ROUNDDOWN($C8703/24,0)+1,1)*INDEX($D$3:$AA$30,INDEX(Jesper!$R$2:$R$366,ROW(INDEX(Jesper!AI$2:AI$366,ROUNDDOWN($C8703/24,0)+1,1))-1)+IF('Standard Profiles'!$G$19=$B$10,7,0)+IF('Standard Profiles'!$G$19=$B$17,14,0)+IF('Standard Profiles'!$G$19=$B$24,21,0),MOD($C8703,24)+1)/SUM(INDEX($D$3:$AA$30,INDEX(Jesper!$R$2:$R$366,ROW(INDEX(Jesper!AI$2:AI$366,ROUNDDOWN($C8703/24,0)+1,1))-1)+IF('Standard Profiles'!$G$19=$B$10,7,0)+IF('Standard Profiles'!$G$19=$B$17,14,0)+IF('Standard Profiles'!$G$19=$B$24,21,0),0)),0)</f>
        <v>0</v>
      </c>
      <c r="F8703" cm="1">
        <f t="array" ref="F8703">IFERROR(INDEX(Jesper!AJ$2:AJ$366,ROUNDDOWN($C8703/24,0)+1,1)*INDEX($D$3:$AA$30,INDEX(Jesper!$R$2:$R$366,ROW(INDEX(Jesper!AJ$2:AJ$366,ROUNDDOWN($C8703/24,0)+1,1))-1)+IF('Standard Profiles'!$G$20=$B$10,7,0)+IF('Standard Profiles'!$G$20=$B$17,14,0)+IF('Standard Profiles'!$G$20=$B$24,21,0),MOD($C8703,24)+1)/SUM(INDEX($D$3:$AA$30,INDEX(Jesper!$R$2:$R$366,ROW(INDEX(Jesper!AJ$2:AJ$366,ROUNDDOWN($C8703/24,0)+1,1))-1)+IF('Standard Profiles'!$G$20=$B$10,7,0)+IF('Standard Profiles'!$G$20=$B$17,14,0)+IF('Standard Profiles'!$G$20=$B$24,21,0),0)),0)</f>
        <v>0</v>
      </c>
      <c r="G8703" cm="1">
        <f t="array" ref="G8703">IFERROR(INDEX(Jesper!AK$2:AK$366,ROUNDDOWN($C8703/24,0)+1,1)*INDEX($D$3:$AA$30,INDEX(Jesper!$R$2:$R$366,ROW(INDEX(Jesper!AK$2:AK$366,ROUNDDOWN($C8703/24,0)+1,1))-1)+IF('Standard Profiles'!$G$21=$B$10,7,0)+IF('Standard Profiles'!$G$21=$B$17,14,0)+IF('Standard Profiles'!$G$21=$B$24,21,0),MOD($C8703,24)+1)/SUM(INDEX($D$3:$AA$30,INDEX(Jesper!$R$2:$R$366,ROW(INDEX(Jesper!AK$2:AK$366,ROUNDDOWN($C8703/24,0)+1,1))-1)+IF('Standard Profiles'!$G$21=$B$10,7,0)+IF('Standard Profiles'!$G$21=$B$17,14,0)+IF('Standard Profiles'!$G$21=$B$24,21,0),0)),0)</f>
        <v>0</v>
      </c>
      <c r="H8703" cm="1">
        <f t="array" ref="H8703">IFERROR(INDEX(Jesper!AL$2:AL$366,ROUNDDOWN($C8703/24,0)+1,1)*INDEX($D$3:$AA$30,INDEX(Jesper!$R$2:$R$366,ROW(INDEX(Jesper!AL$2:AL$366,ROUNDDOWN($C8703/24,0)+1,1))-1)+IF('Standard Profiles'!$G$22=$B$10,7,0)+IF('Standard Profiles'!$G$22=$B$17,14,0)+IF('Standard Profiles'!$G$22=$B$24,21,0),MOD($C8703,24)+1)/SUM(INDEX($D$3:$AA$30,INDEX(Jesper!$R$2:$R$366,ROW(INDEX(Jesper!AL$2:AL$366,ROUNDDOWN($C8703/24,0)+1,1))-1)+IF('Standard Profiles'!$G$22=$B$10,7,0)+IF('Standard Profiles'!$G$22=$B$17,14,0)+IF('Standard Profiles'!$G$22=$B$24,21,0),0)),0)</f>
        <v>0</v>
      </c>
      <c r="I8703">
        <f t="shared" si="965"/>
        <v>0.3481730816567189</v>
      </c>
      <c r="J8703">
        <f t="shared" si="966"/>
        <v>1.1605769388557297</v>
      </c>
      <c r="K8703">
        <f t="shared" si="967"/>
        <v>1.7408654082835946</v>
      </c>
      <c r="L8703">
        <f t="shared" si="968"/>
        <v>8.3561539597612544</v>
      </c>
      <c r="M8703">
        <f t="shared" si="969"/>
        <v>0</v>
      </c>
      <c r="N8703" s="46">
        <f t="shared" si="970"/>
        <v>45653.208333312308</v>
      </c>
    </row>
    <row r="8704" spans="2:14" x14ac:dyDescent="0.3">
      <c r="B8704">
        <f t="shared" si="964"/>
        <v>5</v>
      </c>
      <c r="C8704" s="16">
        <v>8670</v>
      </c>
      <c r="D8704" cm="1">
        <f t="array" ref="D8704">IFERROR(INDEX(Jesper!AH$2:AH$366,ROUNDDOWN($C8704/24,0)+1,1)*INDEX($D$3:$AA$30,INDEX(Jesper!$R$2:$R$366,ROW(INDEX(Jesper!AH$2:AH$366,ROUNDDOWN($C8704/24,0)+1,1))-1)+IF('Standard Profiles'!$G$18=$B$10,7,0)+IF('Standard Profiles'!$G$18=$B$17,14,0)+IF('Standard Profiles'!$G$18=$B$24,21,0),MOD($C8704,24)+1)/SUM(INDEX($D$3:$AA$30,INDEX(Jesper!$R$2:$R$366,ROW(INDEX(Jesper!AH$2:AH$366,ROUNDDOWN($C8704/24,0)+1,1))-1)+IF('Standard Profiles'!$G$18=$B$10,7,0)+IF('Standard Profiles'!$G$18=$B$17,14,0)+IF('Standard Profiles'!$G$18=$B$24,21,0),0)),0)</f>
        <v>14.00696305515536</v>
      </c>
      <c r="E8704" cm="1">
        <f t="array" ref="E8704">IFERROR(INDEX(Jesper!AI$2:AI$366,ROUNDDOWN($C8704/24,0)+1,1)*INDEX($D$3:$AA$30,INDEX(Jesper!$R$2:$R$366,ROW(INDEX(Jesper!AI$2:AI$366,ROUNDDOWN($C8704/24,0)+1,1))-1)+IF('Standard Profiles'!$G$19=$B$10,7,0)+IF('Standard Profiles'!$G$19=$B$17,14,0)+IF('Standard Profiles'!$G$19=$B$24,21,0),MOD($C8704,24)+1)/SUM(INDEX($D$3:$AA$30,INDEX(Jesper!$R$2:$R$366,ROW(INDEX(Jesper!AI$2:AI$366,ROUNDDOWN($C8704/24,0)+1,1))-1)+IF('Standard Profiles'!$G$19=$B$10,7,0)+IF('Standard Profiles'!$G$19=$B$17,14,0)+IF('Standard Profiles'!$G$19=$B$24,21,0),0)),0)</f>
        <v>0</v>
      </c>
      <c r="F8704" cm="1">
        <f t="array" ref="F8704">IFERROR(INDEX(Jesper!AJ$2:AJ$366,ROUNDDOWN($C8704/24,0)+1,1)*INDEX($D$3:$AA$30,INDEX(Jesper!$R$2:$R$366,ROW(INDEX(Jesper!AJ$2:AJ$366,ROUNDDOWN($C8704/24,0)+1,1))-1)+IF('Standard Profiles'!$G$20=$B$10,7,0)+IF('Standard Profiles'!$G$20=$B$17,14,0)+IF('Standard Profiles'!$G$20=$B$24,21,0),MOD($C8704,24)+1)/SUM(INDEX($D$3:$AA$30,INDEX(Jesper!$R$2:$R$366,ROW(INDEX(Jesper!AJ$2:AJ$366,ROUNDDOWN($C8704/24,0)+1,1))-1)+IF('Standard Profiles'!$G$20=$B$10,7,0)+IF('Standard Profiles'!$G$20=$B$17,14,0)+IF('Standard Profiles'!$G$20=$B$24,21,0),0)),0)</f>
        <v>0</v>
      </c>
      <c r="G8704" cm="1">
        <f t="array" ref="G8704">IFERROR(INDEX(Jesper!AK$2:AK$366,ROUNDDOWN($C8704/24,0)+1,1)*INDEX($D$3:$AA$30,INDEX(Jesper!$R$2:$R$366,ROW(INDEX(Jesper!AK$2:AK$366,ROUNDDOWN($C8704/24,0)+1,1))-1)+IF('Standard Profiles'!$G$21=$B$10,7,0)+IF('Standard Profiles'!$G$21=$B$17,14,0)+IF('Standard Profiles'!$G$21=$B$24,21,0),MOD($C8704,24)+1)/SUM(INDEX($D$3:$AA$30,INDEX(Jesper!$R$2:$R$366,ROW(INDEX(Jesper!AK$2:AK$366,ROUNDDOWN($C8704/24,0)+1,1))-1)+IF('Standard Profiles'!$G$21=$B$10,7,0)+IF('Standard Profiles'!$G$21=$B$17,14,0)+IF('Standard Profiles'!$G$21=$B$24,21,0),0)),0)</f>
        <v>0</v>
      </c>
      <c r="H8704" cm="1">
        <f t="array" ref="H8704">IFERROR(INDEX(Jesper!AL$2:AL$366,ROUNDDOWN($C8704/24,0)+1,1)*INDEX($D$3:$AA$30,INDEX(Jesper!$R$2:$R$366,ROW(INDEX(Jesper!AL$2:AL$366,ROUNDDOWN($C8704/24,0)+1,1))-1)+IF('Standard Profiles'!$G$22=$B$10,7,0)+IF('Standard Profiles'!$G$22=$B$17,14,0)+IF('Standard Profiles'!$G$22=$B$24,21,0),MOD($C8704,24)+1)/SUM(INDEX($D$3:$AA$30,INDEX(Jesper!$R$2:$R$366,ROW(INDEX(Jesper!AL$2:AL$366,ROUNDDOWN($C8704/24,0)+1,1))-1)+IF('Standard Profiles'!$G$22=$B$10,7,0)+IF('Standard Profiles'!$G$22=$B$17,14,0)+IF('Standard Profiles'!$G$22=$B$24,21,0),0)),0)</f>
        <v>0</v>
      </c>
      <c r="I8704">
        <f t="shared" si="965"/>
        <v>0.4202088916546608</v>
      </c>
      <c r="J8704">
        <f t="shared" si="966"/>
        <v>1.4006963055155361</v>
      </c>
      <c r="K8704">
        <f t="shared" si="967"/>
        <v>2.1010444582733041</v>
      </c>
      <c r="L8704">
        <f t="shared" si="968"/>
        <v>10.085013399711858</v>
      </c>
      <c r="M8704">
        <f t="shared" si="969"/>
        <v>0</v>
      </c>
      <c r="N8704" s="46">
        <f t="shared" si="970"/>
        <v>45653.249999978972</v>
      </c>
    </row>
    <row r="8705" spans="2:14" x14ac:dyDescent="0.3">
      <c r="B8705">
        <f t="shared" si="964"/>
        <v>5</v>
      </c>
      <c r="C8705" s="16">
        <v>8671</v>
      </c>
      <c r="D8705" cm="1">
        <f t="array" ref="D8705">IFERROR(INDEX(Jesper!AH$2:AH$366,ROUNDDOWN($C8705/24,0)+1,1)*INDEX($D$3:$AA$30,INDEX(Jesper!$R$2:$R$366,ROW(INDEX(Jesper!AH$2:AH$366,ROUNDDOWN($C8705/24,0)+1,1))-1)+IF('Standard Profiles'!$G$18=$B$10,7,0)+IF('Standard Profiles'!$G$18=$B$17,14,0)+IF('Standard Profiles'!$G$18=$B$24,21,0),MOD($C8705,24)+1)/SUM(INDEX($D$3:$AA$30,INDEX(Jesper!$R$2:$R$366,ROW(INDEX(Jesper!AH$2:AH$366,ROUNDDOWN($C8705/24,0)+1,1))-1)+IF('Standard Profiles'!$G$18=$B$10,7,0)+IF('Standard Profiles'!$G$18=$B$17,14,0)+IF('Standard Profiles'!$G$18=$B$24,21,0),0)),0)</f>
        <v>14.00696305515536</v>
      </c>
      <c r="E8705" cm="1">
        <f t="array" ref="E8705">IFERROR(INDEX(Jesper!AI$2:AI$366,ROUNDDOWN($C8705/24,0)+1,1)*INDEX($D$3:$AA$30,INDEX(Jesper!$R$2:$R$366,ROW(INDEX(Jesper!AI$2:AI$366,ROUNDDOWN($C8705/24,0)+1,1))-1)+IF('Standard Profiles'!$G$19=$B$10,7,0)+IF('Standard Profiles'!$G$19=$B$17,14,0)+IF('Standard Profiles'!$G$19=$B$24,21,0),MOD($C8705,24)+1)/SUM(INDEX($D$3:$AA$30,INDEX(Jesper!$R$2:$R$366,ROW(INDEX(Jesper!AI$2:AI$366,ROUNDDOWN($C8705/24,0)+1,1))-1)+IF('Standard Profiles'!$G$19=$B$10,7,0)+IF('Standard Profiles'!$G$19=$B$17,14,0)+IF('Standard Profiles'!$G$19=$B$24,21,0),0)),0)</f>
        <v>0</v>
      </c>
      <c r="F8705" cm="1">
        <f t="array" ref="F8705">IFERROR(INDEX(Jesper!AJ$2:AJ$366,ROUNDDOWN($C8705/24,0)+1,1)*INDEX($D$3:$AA$30,INDEX(Jesper!$R$2:$R$366,ROW(INDEX(Jesper!AJ$2:AJ$366,ROUNDDOWN($C8705/24,0)+1,1))-1)+IF('Standard Profiles'!$G$20=$B$10,7,0)+IF('Standard Profiles'!$G$20=$B$17,14,0)+IF('Standard Profiles'!$G$20=$B$24,21,0),MOD($C8705,24)+1)/SUM(INDEX($D$3:$AA$30,INDEX(Jesper!$R$2:$R$366,ROW(INDEX(Jesper!AJ$2:AJ$366,ROUNDDOWN($C8705/24,0)+1,1))-1)+IF('Standard Profiles'!$G$20=$B$10,7,0)+IF('Standard Profiles'!$G$20=$B$17,14,0)+IF('Standard Profiles'!$G$20=$B$24,21,0),0)),0)</f>
        <v>0</v>
      </c>
      <c r="G8705" cm="1">
        <f t="array" ref="G8705">IFERROR(INDEX(Jesper!AK$2:AK$366,ROUNDDOWN($C8705/24,0)+1,1)*INDEX($D$3:$AA$30,INDEX(Jesper!$R$2:$R$366,ROW(INDEX(Jesper!AK$2:AK$366,ROUNDDOWN($C8705/24,0)+1,1))-1)+IF('Standard Profiles'!$G$21=$B$10,7,0)+IF('Standard Profiles'!$G$21=$B$17,14,0)+IF('Standard Profiles'!$G$21=$B$24,21,0),MOD($C8705,24)+1)/SUM(INDEX($D$3:$AA$30,INDEX(Jesper!$R$2:$R$366,ROW(INDEX(Jesper!AK$2:AK$366,ROUNDDOWN($C8705/24,0)+1,1))-1)+IF('Standard Profiles'!$G$21=$B$10,7,0)+IF('Standard Profiles'!$G$21=$B$17,14,0)+IF('Standard Profiles'!$G$21=$B$24,21,0),0)),0)</f>
        <v>0</v>
      </c>
      <c r="H8705" cm="1">
        <f t="array" ref="H8705">IFERROR(INDEX(Jesper!AL$2:AL$366,ROUNDDOWN($C8705/24,0)+1,1)*INDEX($D$3:$AA$30,INDEX(Jesper!$R$2:$R$366,ROW(INDEX(Jesper!AL$2:AL$366,ROUNDDOWN($C8705/24,0)+1,1))-1)+IF('Standard Profiles'!$G$22=$B$10,7,0)+IF('Standard Profiles'!$G$22=$B$17,14,0)+IF('Standard Profiles'!$G$22=$B$24,21,0),MOD($C8705,24)+1)/SUM(INDEX($D$3:$AA$30,INDEX(Jesper!$R$2:$R$366,ROW(INDEX(Jesper!AL$2:AL$366,ROUNDDOWN($C8705/24,0)+1,1))-1)+IF('Standard Profiles'!$G$22=$B$10,7,0)+IF('Standard Profiles'!$G$22=$B$17,14,0)+IF('Standard Profiles'!$G$22=$B$24,21,0),0)),0)</f>
        <v>0</v>
      </c>
      <c r="I8705">
        <f t="shared" si="965"/>
        <v>0.4202088916546608</v>
      </c>
      <c r="J8705">
        <f t="shared" si="966"/>
        <v>1.4006963055155361</v>
      </c>
      <c r="K8705">
        <f t="shared" si="967"/>
        <v>2.1010444582733041</v>
      </c>
      <c r="L8705">
        <f t="shared" si="968"/>
        <v>10.085013399711858</v>
      </c>
      <c r="M8705">
        <f t="shared" si="969"/>
        <v>0</v>
      </c>
      <c r="N8705" s="46">
        <f t="shared" si="970"/>
        <v>45653.291666645637</v>
      </c>
    </row>
    <row r="8706" spans="2:14" x14ac:dyDescent="0.3">
      <c r="B8706">
        <f t="shared" si="964"/>
        <v>5</v>
      </c>
      <c r="C8706" s="16">
        <v>8672</v>
      </c>
      <c r="D8706" cm="1">
        <f t="array" ref="D8706">IFERROR(INDEX(Jesper!AH$2:AH$366,ROUNDDOWN($C8706/24,0)+1,1)*INDEX($D$3:$AA$30,INDEX(Jesper!$R$2:$R$366,ROW(INDEX(Jesper!AH$2:AH$366,ROUNDDOWN($C8706/24,0)+1,1))-1)+IF('Standard Profiles'!$G$18=$B$10,7,0)+IF('Standard Profiles'!$G$18=$B$17,14,0)+IF('Standard Profiles'!$G$18=$B$24,21,0),MOD($C8706,24)+1)/SUM(INDEX($D$3:$AA$30,INDEX(Jesper!$R$2:$R$366,ROW(INDEX(Jesper!AH$2:AH$366,ROUNDDOWN($C8706/24,0)+1,1))-1)+IF('Standard Profiles'!$G$18=$B$10,7,0)+IF('Standard Profiles'!$G$18=$B$17,14,0)+IF('Standard Profiles'!$G$18=$B$24,21,0),0)),0)</f>
        <v>14.00696305515536</v>
      </c>
      <c r="E8706" cm="1">
        <f t="array" ref="E8706">IFERROR(INDEX(Jesper!AI$2:AI$366,ROUNDDOWN($C8706/24,0)+1,1)*INDEX($D$3:$AA$30,INDEX(Jesper!$R$2:$R$366,ROW(INDEX(Jesper!AI$2:AI$366,ROUNDDOWN($C8706/24,0)+1,1))-1)+IF('Standard Profiles'!$G$19=$B$10,7,0)+IF('Standard Profiles'!$G$19=$B$17,14,0)+IF('Standard Profiles'!$G$19=$B$24,21,0),MOD($C8706,24)+1)/SUM(INDEX($D$3:$AA$30,INDEX(Jesper!$R$2:$R$366,ROW(INDEX(Jesper!AI$2:AI$366,ROUNDDOWN($C8706/24,0)+1,1))-1)+IF('Standard Profiles'!$G$19=$B$10,7,0)+IF('Standard Profiles'!$G$19=$B$17,14,0)+IF('Standard Profiles'!$G$19=$B$24,21,0),0)),0)</f>
        <v>0</v>
      </c>
      <c r="F8706" cm="1">
        <f t="array" ref="F8706">IFERROR(INDEX(Jesper!AJ$2:AJ$366,ROUNDDOWN($C8706/24,0)+1,1)*INDEX($D$3:$AA$30,INDEX(Jesper!$R$2:$R$366,ROW(INDEX(Jesper!AJ$2:AJ$366,ROUNDDOWN($C8706/24,0)+1,1))-1)+IF('Standard Profiles'!$G$20=$B$10,7,0)+IF('Standard Profiles'!$G$20=$B$17,14,0)+IF('Standard Profiles'!$G$20=$B$24,21,0),MOD($C8706,24)+1)/SUM(INDEX($D$3:$AA$30,INDEX(Jesper!$R$2:$R$366,ROW(INDEX(Jesper!AJ$2:AJ$366,ROUNDDOWN($C8706/24,0)+1,1))-1)+IF('Standard Profiles'!$G$20=$B$10,7,0)+IF('Standard Profiles'!$G$20=$B$17,14,0)+IF('Standard Profiles'!$G$20=$B$24,21,0),0)),0)</f>
        <v>0</v>
      </c>
      <c r="G8706" cm="1">
        <f t="array" ref="G8706">IFERROR(INDEX(Jesper!AK$2:AK$366,ROUNDDOWN($C8706/24,0)+1,1)*INDEX($D$3:$AA$30,INDEX(Jesper!$R$2:$R$366,ROW(INDEX(Jesper!AK$2:AK$366,ROUNDDOWN($C8706/24,0)+1,1))-1)+IF('Standard Profiles'!$G$21=$B$10,7,0)+IF('Standard Profiles'!$G$21=$B$17,14,0)+IF('Standard Profiles'!$G$21=$B$24,21,0),MOD($C8706,24)+1)/SUM(INDEX($D$3:$AA$30,INDEX(Jesper!$R$2:$R$366,ROW(INDEX(Jesper!AK$2:AK$366,ROUNDDOWN($C8706/24,0)+1,1))-1)+IF('Standard Profiles'!$G$21=$B$10,7,0)+IF('Standard Profiles'!$G$21=$B$17,14,0)+IF('Standard Profiles'!$G$21=$B$24,21,0),0)),0)</f>
        <v>0</v>
      </c>
      <c r="H8706" cm="1">
        <f t="array" ref="H8706">IFERROR(INDEX(Jesper!AL$2:AL$366,ROUNDDOWN($C8706/24,0)+1,1)*INDEX($D$3:$AA$30,INDEX(Jesper!$R$2:$R$366,ROW(INDEX(Jesper!AL$2:AL$366,ROUNDDOWN($C8706/24,0)+1,1))-1)+IF('Standard Profiles'!$G$22=$B$10,7,0)+IF('Standard Profiles'!$G$22=$B$17,14,0)+IF('Standard Profiles'!$G$22=$B$24,21,0),MOD($C8706,24)+1)/SUM(INDEX($D$3:$AA$30,INDEX(Jesper!$R$2:$R$366,ROW(INDEX(Jesper!AL$2:AL$366,ROUNDDOWN($C8706/24,0)+1,1))-1)+IF('Standard Profiles'!$G$22=$B$10,7,0)+IF('Standard Profiles'!$G$22=$B$17,14,0)+IF('Standard Profiles'!$G$22=$B$24,21,0),0)),0)</f>
        <v>0</v>
      </c>
      <c r="I8706">
        <f t="shared" si="965"/>
        <v>0.4202088916546608</v>
      </c>
      <c r="J8706">
        <f t="shared" si="966"/>
        <v>1.4006963055155361</v>
      </c>
      <c r="K8706">
        <f t="shared" si="967"/>
        <v>2.1010444582733041</v>
      </c>
      <c r="L8706">
        <f t="shared" si="968"/>
        <v>10.085013399711858</v>
      </c>
      <c r="M8706">
        <f t="shared" si="969"/>
        <v>0</v>
      </c>
      <c r="N8706" s="46">
        <f t="shared" si="970"/>
        <v>45653.333333312301</v>
      </c>
    </row>
    <row r="8707" spans="2:14" x14ac:dyDescent="0.3">
      <c r="B8707">
        <f t="shared" si="964"/>
        <v>5</v>
      </c>
      <c r="C8707" s="16">
        <v>8673</v>
      </c>
      <c r="D8707" cm="1">
        <f t="array" ref="D8707">IFERROR(INDEX(Jesper!AH$2:AH$366,ROUNDDOWN($C8707/24,0)+1,1)*INDEX($D$3:$AA$30,INDEX(Jesper!$R$2:$R$366,ROW(INDEX(Jesper!AH$2:AH$366,ROUNDDOWN($C8707/24,0)+1,1))-1)+IF('Standard Profiles'!$G$18=$B$10,7,0)+IF('Standard Profiles'!$G$18=$B$17,14,0)+IF('Standard Profiles'!$G$18=$B$24,21,0),MOD($C8707,24)+1)/SUM(INDEX($D$3:$AA$30,INDEX(Jesper!$R$2:$R$366,ROW(INDEX(Jesper!AH$2:AH$366,ROUNDDOWN($C8707/24,0)+1,1))-1)+IF('Standard Profiles'!$G$18=$B$10,7,0)+IF('Standard Profiles'!$G$18=$B$17,14,0)+IF('Standard Profiles'!$G$18=$B$24,21,0),0)),0)</f>
        <v>15.007460416237883</v>
      </c>
      <c r="E8707" cm="1">
        <f t="array" ref="E8707">IFERROR(INDEX(Jesper!AI$2:AI$366,ROUNDDOWN($C8707/24,0)+1,1)*INDEX($D$3:$AA$30,INDEX(Jesper!$R$2:$R$366,ROW(INDEX(Jesper!AI$2:AI$366,ROUNDDOWN($C8707/24,0)+1,1))-1)+IF('Standard Profiles'!$G$19=$B$10,7,0)+IF('Standard Profiles'!$G$19=$B$17,14,0)+IF('Standard Profiles'!$G$19=$B$24,21,0),MOD($C8707,24)+1)/SUM(INDEX($D$3:$AA$30,INDEX(Jesper!$R$2:$R$366,ROW(INDEX(Jesper!AI$2:AI$366,ROUNDDOWN($C8707/24,0)+1,1))-1)+IF('Standard Profiles'!$G$19=$B$10,7,0)+IF('Standard Profiles'!$G$19=$B$17,14,0)+IF('Standard Profiles'!$G$19=$B$24,21,0),0)),0)</f>
        <v>0</v>
      </c>
      <c r="F8707" cm="1">
        <f t="array" ref="F8707">IFERROR(INDEX(Jesper!AJ$2:AJ$366,ROUNDDOWN($C8707/24,0)+1,1)*INDEX($D$3:$AA$30,INDEX(Jesper!$R$2:$R$366,ROW(INDEX(Jesper!AJ$2:AJ$366,ROUNDDOWN($C8707/24,0)+1,1))-1)+IF('Standard Profiles'!$G$20=$B$10,7,0)+IF('Standard Profiles'!$G$20=$B$17,14,0)+IF('Standard Profiles'!$G$20=$B$24,21,0),MOD($C8707,24)+1)/SUM(INDEX($D$3:$AA$30,INDEX(Jesper!$R$2:$R$366,ROW(INDEX(Jesper!AJ$2:AJ$366,ROUNDDOWN($C8707/24,0)+1,1))-1)+IF('Standard Profiles'!$G$20=$B$10,7,0)+IF('Standard Profiles'!$G$20=$B$17,14,0)+IF('Standard Profiles'!$G$20=$B$24,21,0),0)),0)</f>
        <v>0</v>
      </c>
      <c r="G8707" cm="1">
        <f t="array" ref="G8707">IFERROR(INDEX(Jesper!AK$2:AK$366,ROUNDDOWN($C8707/24,0)+1,1)*INDEX($D$3:$AA$30,INDEX(Jesper!$R$2:$R$366,ROW(INDEX(Jesper!AK$2:AK$366,ROUNDDOWN($C8707/24,0)+1,1))-1)+IF('Standard Profiles'!$G$21=$B$10,7,0)+IF('Standard Profiles'!$G$21=$B$17,14,0)+IF('Standard Profiles'!$G$21=$B$24,21,0),MOD($C8707,24)+1)/SUM(INDEX($D$3:$AA$30,INDEX(Jesper!$R$2:$R$366,ROW(INDEX(Jesper!AK$2:AK$366,ROUNDDOWN($C8707/24,0)+1,1))-1)+IF('Standard Profiles'!$G$21=$B$10,7,0)+IF('Standard Profiles'!$G$21=$B$17,14,0)+IF('Standard Profiles'!$G$21=$B$24,21,0),0)),0)</f>
        <v>0</v>
      </c>
      <c r="H8707" cm="1">
        <f t="array" ref="H8707">IFERROR(INDEX(Jesper!AL$2:AL$366,ROUNDDOWN($C8707/24,0)+1,1)*INDEX($D$3:$AA$30,INDEX(Jesper!$R$2:$R$366,ROW(INDEX(Jesper!AL$2:AL$366,ROUNDDOWN($C8707/24,0)+1,1))-1)+IF('Standard Profiles'!$G$22=$B$10,7,0)+IF('Standard Profiles'!$G$22=$B$17,14,0)+IF('Standard Profiles'!$G$22=$B$24,21,0),MOD($C8707,24)+1)/SUM(INDEX($D$3:$AA$30,INDEX(Jesper!$R$2:$R$366,ROW(INDEX(Jesper!AL$2:AL$366,ROUNDDOWN($C8707/24,0)+1,1))-1)+IF('Standard Profiles'!$G$22=$B$10,7,0)+IF('Standard Profiles'!$G$22=$B$17,14,0)+IF('Standard Profiles'!$G$22=$B$24,21,0),0)),0)</f>
        <v>0</v>
      </c>
      <c r="I8707">
        <f t="shared" si="965"/>
        <v>0.4502238124871365</v>
      </c>
      <c r="J8707">
        <f t="shared" si="966"/>
        <v>1.5007460416237883</v>
      </c>
      <c r="K8707">
        <f t="shared" si="967"/>
        <v>2.2511190624356825</v>
      </c>
      <c r="L8707">
        <f t="shared" si="968"/>
        <v>10.805371499691276</v>
      </c>
      <c r="M8707">
        <f t="shared" si="969"/>
        <v>0</v>
      </c>
      <c r="N8707" s="46">
        <f t="shared" si="970"/>
        <v>45653.374999978965</v>
      </c>
    </row>
    <row r="8708" spans="2:14" x14ac:dyDescent="0.3">
      <c r="B8708">
        <f t="shared" si="964"/>
        <v>5</v>
      </c>
      <c r="C8708" s="16">
        <v>8674</v>
      </c>
      <c r="D8708" cm="1">
        <f t="array" ref="D8708">IFERROR(INDEX(Jesper!AH$2:AH$366,ROUNDDOWN($C8708/24,0)+1,1)*INDEX($D$3:$AA$30,INDEX(Jesper!$R$2:$R$366,ROW(INDEX(Jesper!AH$2:AH$366,ROUNDDOWN($C8708/24,0)+1,1))-1)+IF('Standard Profiles'!$G$18=$B$10,7,0)+IF('Standard Profiles'!$G$18=$B$17,14,0)+IF('Standard Profiles'!$G$18=$B$24,21,0),MOD($C8708,24)+1)/SUM(INDEX($D$3:$AA$30,INDEX(Jesper!$R$2:$R$366,ROW(INDEX(Jesper!AH$2:AH$366,ROUNDDOWN($C8708/24,0)+1,1))-1)+IF('Standard Profiles'!$G$18=$B$10,7,0)+IF('Standard Profiles'!$G$18=$B$17,14,0)+IF('Standard Profiles'!$G$18=$B$24,21,0),0)),0)</f>
        <v>15.6077588328874</v>
      </c>
      <c r="E8708" cm="1">
        <f t="array" ref="E8708">IFERROR(INDEX(Jesper!AI$2:AI$366,ROUNDDOWN($C8708/24,0)+1,1)*INDEX($D$3:$AA$30,INDEX(Jesper!$R$2:$R$366,ROW(INDEX(Jesper!AI$2:AI$366,ROUNDDOWN($C8708/24,0)+1,1))-1)+IF('Standard Profiles'!$G$19=$B$10,7,0)+IF('Standard Profiles'!$G$19=$B$17,14,0)+IF('Standard Profiles'!$G$19=$B$24,21,0),MOD($C8708,24)+1)/SUM(INDEX($D$3:$AA$30,INDEX(Jesper!$R$2:$R$366,ROW(INDEX(Jesper!AI$2:AI$366,ROUNDDOWN($C8708/24,0)+1,1))-1)+IF('Standard Profiles'!$G$19=$B$10,7,0)+IF('Standard Profiles'!$G$19=$B$17,14,0)+IF('Standard Profiles'!$G$19=$B$24,21,0),0)),0)</f>
        <v>0</v>
      </c>
      <c r="F8708" cm="1">
        <f t="array" ref="F8708">IFERROR(INDEX(Jesper!AJ$2:AJ$366,ROUNDDOWN($C8708/24,0)+1,1)*INDEX($D$3:$AA$30,INDEX(Jesper!$R$2:$R$366,ROW(INDEX(Jesper!AJ$2:AJ$366,ROUNDDOWN($C8708/24,0)+1,1))-1)+IF('Standard Profiles'!$G$20=$B$10,7,0)+IF('Standard Profiles'!$G$20=$B$17,14,0)+IF('Standard Profiles'!$G$20=$B$24,21,0),MOD($C8708,24)+1)/SUM(INDEX($D$3:$AA$30,INDEX(Jesper!$R$2:$R$366,ROW(INDEX(Jesper!AJ$2:AJ$366,ROUNDDOWN($C8708/24,0)+1,1))-1)+IF('Standard Profiles'!$G$20=$B$10,7,0)+IF('Standard Profiles'!$G$20=$B$17,14,0)+IF('Standard Profiles'!$G$20=$B$24,21,0),0)),0)</f>
        <v>0</v>
      </c>
      <c r="G8708" cm="1">
        <f t="array" ref="G8708">IFERROR(INDEX(Jesper!AK$2:AK$366,ROUNDDOWN($C8708/24,0)+1,1)*INDEX($D$3:$AA$30,INDEX(Jesper!$R$2:$R$366,ROW(INDEX(Jesper!AK$2:AK$366,ROUNDDOWN($C8708/24,0)+1,1))-1)+IF('Standard Profiles'!$G$21=$B$10,7,0)+IF('Standard Profiles'!$G$21=$B$17,14,0)+IF('Standard Profiles'!$G$21=$B$24,21,0),MOD($C8708,24)+1)/SUM(INDEX($D$3:$AA$30,INDEX(Jesper!$R$2:$R$366,ROW(INDEX(Jesper!AK$2:AK$366,ROUNDDOWN($C8708/24,0)+1,1))-1)+IF('Standard Profiles'!$G$21=$B$10,7,0)+IF('Standard Profiles'!$G$21=$B$17,14,0)+IF('Standard Profiles'!$G$21=$B$24,21,0),0)),0)</f>
        <v>0</v>
      </c>
      <c r="H8708" cm="1">
        <f t="array" ref="H8708">IFERROR(INDEX(Jesper!AL$2:AL$366,ROUNDDOWN($C8708/24,0)+1,1)*INDEX($D$3:$AA$30,INDEX(Jesper!$R$2:$R$366,ROW(INDEX(Jesper!AL$2:AL$366,ROUNDDOWN($C8708/24,0)+1,1))-1)+IF('Standard Profiles'!$G$22=$B$10,7,0)+IF('Standard Profiles'!$G$22=$B$17,14,0)+IF('Standard Profiles'!$G$22=$B$24,21,0),MOD($C8708,24)+1)/SUM(INDEX($D$3:$AA$30,INDEX(Jesper!$R$2:$R$366,ROW(INDEX(Jesper!AL$2:AL$366,ROUNDDOWN($C8708/24,0)+1,1))-1)+IF('Standard Profiles'!$G$22=$B$10,7,0)+IF('Standard Profiles'!$G$22=$B$17,14,0)+IF('Standard Profiles'!$G$22=$B$24,21,0),0)),0)</f>
        <v>0</v>
      </c>
      <c r="I8708">
        <f t="shared" si="965"/>
        <v>0.46823276498662197</v>
      </c>
      <c r="J8708">
        <f t="shared" si="966"/>
        <v>1.5607758832887402</v>
      </c>
      <c r="K8708">
        <f t="shared" si="967"/>
        <v>2.3411638249331101</v>
      </c>
      <c r="L8708">
        <f t="shared" si="968"/>
        <v>11.237586359678929</v>
      </c>
      <c r="M8708">
        <f t="shared" si="969"/>
        <v>0</v>
      </c>
      <c r="N8708" s="46">
        <f t="shared" si="970"/>
        <v>45653.416666645629</v>
      </c>
    </row>
    <row r="8709" spans="2:14" x14ac:dyDescent="0.3">
      <c r="B8709">
        <f t="shared" si="964"/>
        <v>5</v>
      </c>
      <c r="C8709" s="16">
        <v>8675</v>
      </c>
      <c r="D8709" cm="1">
        <f t="array" ref="D8709">IFERROR(INDEX(Jesper!AH$2:AH$366,ROUNDDOWN($C8709/24,0)+1,1)*INDEX($D$3:$AA$30,INDEX(Jesper!$R$2:$R$366,ROW(INDEX(Jesper!AH$2:AH$366,ROUNDDOWN($C8709/24,0)+1,1))-1)+IF('Standard Profiles'!$G$18=$B$10,7,0)+IF('Standard Profiles'!$G$18=$B$17,14,0)+IF('Standard Profiles'!$G$18=$B$24,21,0),MOD($C8709,24)+1)/SUM(INDEX($D$3:$AA$30,INDEX(Jesper!$R$2:$R$366,ROW(INDEX(Jesper!AH$2:AH$366,ROUNDDOWN($C8709/24,0)+1,1))-1)+IF('Standard Profiles'!$G$18=$B$10,7,0)+IF('Standard Profiles'!$G$18=$B$17,14,0)+IF('Standard Profiles'!$G$18=$B$24,21,0),0)),0)</f>
        <v>18.00895249948546</v>
      </c>
      <c r="E8709" cm="1">
        <f t="array" ref="E8709">IFERROR(INDEX(Jesper!AI$2:AI$366,ROUNDDOWN($C8709/24,0)+1,1)*INDEX($D$3:$AA$30,INDEX(Jesper!$R$2:$R$366,ROW(INDEX(Jesper!AI$2:AI$366,ROUNDDOWN($C8709/24,0)+1,1))-1)+IF('Standard Profiles'!$G$19=$B$10,7,0)+IF('Standard Profiles'!$G$19=$B$17,14,0)+IF('Standard Profiles'!$G$19=$B$24,21,0),MOD($C8709,24)+1)/SUM(INDEX($D$3:$AA$30,INDEX(Jesper!$R$2:$R$366,ROW(INDEX(Jesper!AI$2:AI$366,ROUNDDOWN($C8709/24,0)+1,1))-1)+IF('Standard Profiles'!$G$19=$B$10,7,0)+IF('Standard Profiles'!$G$19=$B$17,14,0)+IF('Standard Profiles'!$G$19=$B$24,21,0),0)),0)</f>
        <v>0</v>
      </c>
      <c r="F8709" cm="1">
        <f t="array" ref="F8709">IFERROR(INDEX(Jesper!AJ$2:AJ$366,ROUNDDOWN($C8709/24,0)+1,1)*INDEX($D$3:$AA$30,INDEX(Jesper!$R$2:$R$366,ROW(INDEX(Jesper!AJ$2:AJ$366,ROUNDDOWN($C8709/24,0)+1,1))-1)+IF('Standard Profiles'!$G$20=$B$10,7,0)+IF('Standard Profiles'!$G$20=$B$17,14,0)+IF('Standard Profiles'!$G$20=$B$24,21,0),MOD($C8709,24)+1)/SUM(INDEX($D$3:$AA$30,INDEX(Jesper!$R$2:$R$366,ROW(INDEX(Jesper!AJ$2:AJ$366,ROUNDDOWN($C8709/24,0)+1,1))-1)+IF('Standard Profiles'!$G$20=$B$10,7,0)+IF('Standard Profiles'!$G$20=$B$17,14,0)+IF('Standard Profiles'!$G$20=$B$24,21,0),0)),0)</f>
        <v>0</v>
      </c>
      <c r="G8709" cm="1">
        <f t="array" ref="G8709">IFERROR(INDEX(Jesper!AK$2:AK$366,ROUNDDOWN($C8709/24,0)+1,1)*INDEX($D$3:$AA$30,INDEX(Jesper!$R$2:$R$366,ROW(INDEX(Jesper!AK$2:AK$366,ROUNDDOWN($C8709/24,0)+1,1))-1)+IF('Standard Profiles'!$G$21=$B$10,7,0)+IF('Standard Profiles'!$G$21=$B$17,14,0)+IF('Standard Profiles'!$G$21=$B$24,21,0),MOD($C8709,24)+1)/SUM(INDEX($D$3:$AA$30,INDEX(Jesper!$R$2:$R$366,ROW(INDEX(Jesper!AK$2:AK$366,ROUNDDOWN($C8709/24,0)+1,1))-1)+IF('Standard Profiles'!$G$21=$B$10,7,0)+IF('Standard Profiles'!$G$21=$B$17,14,0)+IF('Standard Profiles'!$G$21=$B$24,21,0),0)),0)</f>
        <v>0</v>
      </c>
      <c r="H8709" cm="1">
        <f t="array" ref="H8709">IFERROR(INDEX(Jesper!AL$2:AL$366,ROUNDDOWN($C8709/24,0)+1,1)*INDEX($D$3:$AA$30,INDEX(Jesper!$R$2:$R$366,ROW(INDEX(Jesper!AL$2:AL$366,ROUNDDOWN($C8709/24,0)+1,1))-1)+IF('Standard Profiles'!$G$22=$B$10,7,0)+IF('Standard Profiles'!$G$22=$B$17,14,0)+IF('Standard Profiles'!$G$22=$B$24,21,0),MOD($C8709,24)+1)/SUM(INDEX($D$3:$AA$30,INDEX(Jesper!$R$2:$R$366,ROW(INDEX(Jesper!AL$2:AL$366,ROUNDDOWN($C8709/24,0)+1,1))-1)+IF('Standard Profiles'!$G$22=$B$10,7,0)+IF('Standard Profiles'!$G$22=$B$17,14,0)+IF('Standard Profiles'!$G$22=$B$24,21,0),0)),0)</f>
        <v>0</v>
      </c>
      <c r="I8709">
        <f t="shared" si="965"/>
        <v>0.54026857498456382</v>
      </c>
      <c r="J8709">
        <f t="shared" si="966"/>
        <v>1.800895249948546</v>
      </c>
      <c r="K8709">
        <f t="shared" si="967"/>
        <v>2.701342874922819</v>
      </c>
      <c r="L8709">
        <f t="shared" si="968"/>
        <v>12.966445799629531</v>
      </c>
      <c r="M8709">
        <f t="shared" si="969"/>
        <v>0</v>
      </c>
      <c r="N8709" s="46">
        <f t="shared" si="970"/>
        <v>45653.458333312294</v>
      </c>
    </row>
    <row r="8710" spans="2:14" x14ac:dyDescent="0.3">
      <c r="B8710">
        <f t="shared" si="964"/>
        <v>5</v>
      </c>
      <c r="C8710" s="16">
        <v>8676</v>
      </c>
      <c r="D8710" cm="1">
        <f t="array" ref="D8710">IFERROR(INDEX(Jesper!AH$2:AH$366,ROUNDDOWN($C8710/24,0)+1,1)*INDEX($D$3:$AA$30,INDEX(Jesper!$R$2:$R$366,ROW(INDEX(Jesper!AH$2:AH$366,ROUNDDOWN($C8710/24,0)+1,1))-1)+IF('Standard Profiles'!$G$18=$B$10,7,0)+IF('Standard Profiles'!$G$18=$B$17,14,0)+IF('Standard Profiles'!$G$18=$B$24,21,0),MOD($C8710,24)+1)/SUM(INDEX($D$3:$AA$30,INDEX(Jesper!$R$2:$R$366,ROW(INDEX(Jesper!AH$2:AH$366,ROUNDDOWN($C8710/24,0)+1,1))-1)+IF('Standard Profiles'!$G$18=$B$10,7,0)+IF('Standard Profiles'!$G$18=$B$17,14,0)+IF('Standard Profiles'!$G$18=$B$24,21,0),0)),0)</f>
        <v>18.00895249948546</v>
      </c>
      <c r="E8710" cm="1">
        <f t="array" ref="E8710">IFERROR(INDEX(Jesper!AI$2:AI$366,ROUNDDOWN($C8710/24,0)+1,1)*INDEX($D$3:$AA$30,INDEX(Jesper!$R$2:$R$366,ROW(INDEX(Jesper!AI$2:AI$366,ROUNDDOWN($C8710/24,0)+1,1))-1)+IF('Standard Profiles'!$G$19=$B$10,7,0)+IF('Standard Profiles'!$G$19=$B$17,14,0)+IF('Standard Profiles'!$G$19=$B$24,21,0),MOD($C8710,24)+1)/SUM(INDEX($D$3:$AA$30,INDEX(Jesper!$R$2:$R$366,ROW(INDEX(Jesper!AI$2:AI$366,ROUNDDOWN($C8710/24,0)+1,1))-1)+IF('Standard Profiles'!$G$19=$B$10,7,0)+IF('Standard Profiles'!$G$19=$B$17,14,0)+IF('Standard Profiles'!$G$19=$B$24,21,0),0)),0)</f>
        <v>0</v>
      </c>
      <c r="F8710" cm="1">
        <f t="array" ref="F8710">IFERROR(INDEX(Jesper!AJ$2:AJ$366,ROUNDDOWN($C8710/24,0)+1,1)*INDEX($D$3:$AA$30,INDEX(Jesper!$R$2:$R$366,ROW(INDEX(Jesper!AJ$2:AJ$366,ROUNDDOWN($C8710/24,0)+1,1))-1)+IF('Standard Profiles'!$G$20=$B$10,7,0)+IF('Standard Profiles'!$G$20=$B$17,14,0)+IF('Standard Profiles'!$G$20=$B$24,21,0),MOD($C8710,24)+1)/SUM(INDEX($D$3:$AA$30,INDEX(Jesper!$R$2:$R$366,ROW(INDEX(Jesper!AJ$2:AJ$366,ROUNDDOWN($C8710/24,0)+1,1))-1)+IF('Standard Profiles'!$G$20=$B$10,7,0)+IF('Standard Profiles'!$G$20=$B$17,14,0)+IF('Standard Profiles'!$G$20=$B$24,21,0),0)),0)</f>
        <v>0</v>
      </c>
      <c r="G8710" cm="1">
        <f t="array" ref="G8710">IFERROR(INDEX(Jesper!AK$2:AK$366,ROUNDDOWN($C8710/24,0)+1,1)*INDEX($D$3:$AA$30,INDEX(Jesper!$R$2:$R$366,ROW(INDEX(Jesper!AK$2:AK$366,ROUNDDOWN($C8710/24,0)+1,1))-1)+IF('Standard Profiles'!$G$21=$B$10,7,0)+IF('Standard Profiles'!$G$21=$B$17,14,0)+IF('Standard Profiles'!$G$21=$B$24,21,0),MOD($C8710,24)+1)/SUM(INDEX($D$3:$AA$30,INDEX(Jesper!$R$2:$R$366,ROW(INDEX(Jesper!AK$2:AK$366,ROUNDDOWN($C8710/24,0)+1,1))-1)+IF('Standard Profiles'!$G$21=$B$10,7,0)+IF('Standard Profiles'!$G$21=$B$17,14,0)+IF('Standard Profiles'!$G$21=$B$24,21,0),0)),0)</f>
        <v>0</v>
      </c>
      <c r="H8710" cm="1">
        <f t="array" ref="H8710">IFERROR(INDEX(Jesper!AL$2:AL$366,ROUNDDOWN($C8710/24,0)+1,1)*INDEX($D$3:$AA$30,INDEX(Jesper!$R$2:$R$366,ROW(INDEX(Jesper!AL$2:AL$366,ROUNDDOWN($C8710/24,0)+1,1))-1)+IF('Standard Profiles'!$G$22=$B$10,7,0)+IF('Standard Profiles'!$G$22=$B$17,14,0)+IF('Standard Profiles'!$G$22=$B$24,21,0),MOD($C8710,24)+1)/SUM(INDEX($D$3:$AA$30,INDEX(Jesper!$R$2:$R$366,ROW(INDEX(Jesper!AL$2:AL$366,ROUNDDOWN($C8710/24,0)+1,1))-1)+IF('Standard Profiles'!$G$22=$B$10,7,0)+IF('Standard Profiles'!$G$22=$B$17,14,0)+IF('Standard Profiles'!$G$22=$B$24,21,0),0)),0)</f>
        <v>0</v>
      </c>
      <c r="I8710">
        <f t="shared" si="965"/>
        <v>0.54026857498456382</v>
      </c>
      <c r="J8710">
        <f t="shared" si="966"/>
        <v>1.800895249948546</v>
      </c>
      <c r="K8710">
        <f t="shared" si="967"/>
        <v>2.701342874922819</v>
      </c>
      <c r="L8710">
        <f t="shared" si="968"/>
        <v>12.966445799629531</v>
      </c>
      <c r="M8710">
        <f t="shared" si="969"/>
        <v>0</v>
      </c>
      <c r="N8710" s="46">
        <f t="shared" si="970"/>
        <v>45653.499999978958</v>
      </c>
    </row>
    <row r="8711" spans="2:14" x14ac:dyDescent="0.3">
      <c r="B8711">
        <f t="shared" si="964"/>
        <v>5</v>
      </c>
      <c r="C8711" s="16">
        <v>8677</v>
      </c>
      <c r="D8711" cm="1">
        <f t="array" ref="D8711">IFERROR(INDEX(Jesper!AH$2:AH$366,ROUNDDOWN($C8711/24,0)+1,1)*INDEX($D$3:$AA$30,INDEX(Jesper!$R$2:$R$366,ROW(INDEX(Jesper!AH$2:AH$366,ROUNDDOWN($C8711/24,0)+1,1))-1)+IF('Standard Profiles'!$G$18=$B$10,7,0)+IF('Standard Profiles'!$G$18=$B$17,14,0)+IF('Standard Profiles'!$G$18=$B$24,21,0),MOD($C8711,24)+1)/SUM(INDEX($D$3:$AA$30,INDEX(Jesper!$R$2:$R$366,ROW(INDEX(Jesper!AH$2:AH$366,ROUNDDOWN($C8711/24,0)+1,1))-1)+IF('Standard Profiles'!$G$18=$B$10,7,0)+IF('Standard Profiles'!$G$18=$B$17,14,0)+IF('Standard Profiles'!$G$18=$B$24,21,0),0)),0)</f>
        <v>18.00895249948546</v>
      </c>
      <c r="E8711" cm="1">
        <f t="array" ref="E8711">IFERROR(INDEX(Jesper!AI$2:AI$366,ROUNDDOWN($C8711/24,0)+1,1)*INDEX($D$3:$AA$30,INDEX(Jesper!$R$2:$R$366,ROW(INDEX(Jesper!AI$2:AI$366,ROUNDDOWN($C8711/24,0)+1,1))-1)+IF('Standard Profiles'!$G$19=$B$10,7,0)+IF('Standard Profiles'!$G$19=$B$17,14,0)+IF('Standard Profiles'!$G$19=$B$24,21,0),MOD($C8711,24)+1)/SUM(INDEX($D$3:$AA$30,INDEX(Jesper!$R$2:$R$366,ROW(INDEX(Jesper!AI$2:AI$366,ROUNDDOWN($C8711/24,0)+1,1))-1)+IF('Standard Profiles'!$G$19=$B$10,7,0)+IF('Standard Profiles'!$G$19=$B$17,14,0)+IF('Standard Profiles'!$G$19=$B$24,21,0),0)),0)</f>
        <v>0</v>
      </c>
      <c r="F8711" cm="1">
        <f t="array" ref="F8711">IFERROR(INDEX(Jesper!AJ$2:AJ$366,ROUNDDOWN($C8711/24,0)+1,1)*INDEX($D$3:$AA$30,INDEX(Jesper!$R$2:$R$366,ROW(INDEX(Jesper!AJ$2:AJ$366,ROUNDDOWN($C8711/24,0)+1,1))-1)+IF('Standard Profiles'!$G$20=$B$10,7,0)+IF('Standard Profiles'!$G$20=$B$17,14,0)+IF('Standard Profiles'!$G$20=$B$24,21,0),MOD($C8711,24)+1)/SUM(INDEX($D$3:$AA$30,INDEX(Jesper!$R$2:$R$366,ROW(INDEX(Jesper!AJ$2:AJ$366,ROUNDDOWN($C8711/24,0)+1,1))-1)+IF('Standard Profiles'!$G$20=$B$10,7,0)+IF('Standard Profiles'!$G$20=$B$17,14,0)+IF('Standard Profiles'!$G$20=$B$24,21,0),0)),0)</f>
        <v>0</v>
      </c>
      <c r="G8711" cm="1">
        <f t="array" ref="G8711">IFERROR(INDEX(Jesper!AK$2:AK$366,ROUNDDOWN($C8711/24,0)+1,1)*INDEX($D$3:$AA$30,INDEX(Jesper!$R$2:$R$366,ROW(INDEX(Jesper!AK$2:AK$366,ROUNDDOWN($C8711/24,0)+1,1))-1)+IF('Standard Profiles'!$G$21=$B$10,7,0)+IF('Standard Profiles'!$G$21=$B$17,14,0)+IF('Standard Profiles'!$G$21=$B$24,21,0),MOD($C8711,24)+1)/SUM(INDEX($D$3:$AA$30,INDEX(Jesper!$R$2:$R$366,ROW(INDEX(Jesper!AK$2:AK$366,ROUNDDOWN($C8711/24,0)+1,1))-1)+IF('Standard Profiles'!$G$21=$B$10,7,0)+IF('Standard Profiles'!$G$21=$B$17,14,0)+IF('Standard Profiles'!$G$21=$B$24,21,0),0)),0)</f>
        <v>0</v>
      </c>
      <c r="H8711" cm="1">
        <f t="array" ref="H8711">IFERROR(INDEX(Jesper!AL$2:AL$366,ROUNDDOWN($C8711/24,0)+1,1)*INDEX($D$3:$AA$30,INDEX(Jesper!$R$2:$R$366,ROW(INDEX(Jesper!AL$2:AL$366,ROUNDDOWN($C8711/24,0)+1,1))-1)+IF('Standard Profiles'!$G$22=$B$10,7,0)+IF('Standard Profiles'!$G$22=$B$17,14,0)+IF('Standard Profiles'!$G$22=$B$24,21,0),MOD($C8711,24)+1)/SUM(INDEX($D$3:$AA$30,INDEX(Jesper!$R$2:$R$366,ROW(INDEX(Jesper!AL$2:AL$366,ROUNDDOWN($C8711/24,0)+1,1))-1)+IF('Standard Profiles'!$G$22=$B$10,7,0)+IF('Standard Profiles'!$G$22=$B$17,14,0)+IF('Standard Profiles'!$G$22=$B$24,21,0),0)),0)</f>
        <v>0</v>
      </c>
      <c r="I8711">
        <f t="shared" si="965"/>
        <v>0.54026857498456382</v>
      </c>
      <c r="J8711">
        <f t="shared" si="966"/>
        <v>1.800895249948546</v>
      </c>
      <c r="K8711">
        <f t="shared" si="967"/>
        <v>2.701342874922819</v>
      </c>
      <c r="L8711">
        <f t="shared" si="968"/>
        <v>12.966445799629531</v>
      </c>
      <c r="M8711">
        <f t="shared" si="969"/>
        <v>0</v>
      </c>
      <c r="N8711" s="46">
        <f t="shared" si="970"/>
        <v>45653.541666645622</v>
      </c>
    </row>
    <row r="8712" spans="2:14" x14ac:dyDescent="0.3">
      <c r="B8712">
        <f t="shared" si="964"/>
        <v>5</v>
      </c>
      <c r="C8712" s="16">
        <v>8678</v>
      </c>
      <c r="D8712" cm="1">
        <f t="array" ref="D8712">IFERROR(INDEX(Jesper!AH$2:AH$366,ROUNDDOWN($C8712/24,0)+1,1)*INDEX($D$3:$AA$30,INDEX(Jesper!$R$2:$R$366,ROW(INDEX(Jesper!AH$2:AH$366,ROUNDDOWN($C8712/24,0)+1,1))-1)+IF('Standard Profiles'!$G$18=$B$10,7,0)+IF('Standard Profiles'!$G$18=$B$17,14,0)+IF('Standard Profiles'!$G$18=$B$24,21,0),MOD($C8712,24)+1)/SUM(INDEX($D$3:$AA$30,INDEX(Jesper!$R$2:$R$366,ROW(INDEX(Jesper!AH$2:AH$366,ROUNDDOWN($C8712/24,0)+1,1))-1)+IF('Standard Profiles'!$G$18=$B$10,7,0)+IF('Standard Profiles'!$G$18=$B$17,14,0)+IF('Standard Profiles'!$G$18=$B$24,21,0),0)),0)</f>
        <v>18.00895249948546</v>
      </c>
      <c r="E8712" cm="1">
        <f t="array" ref="E8712">IFERROR(INDEX(Jesper!AI$2:AI$366,ROUNDDOWN($C8712/24,0)+1,1)*INDEX($D$3:$AA$30,INDEX(Jesper!$R$2:$R$366,ROW(INDEX(Jesper!AI$2:AI$366,ROUNDDOWN($C8712/24,0)+1,1))-1)+IF('Standard Profiles'!$G$19=$B$10,7,0)+IF('Standard Profiles'!$G$19=$B$17,14,0)+IF('Standard Profiles'!$G$19=$B$24,21,0),MOD($C8712,24)+1)/SUM(INDEX($D$3:$AA$30,INDEX(Jesper!$R$2:$R$366,ROW(INDEX(Jesper!AI$2:AI$366,ROUNDDOWN($C8712/24,0)+1,1))-1)+IF('Standard Profiles'!$G$19=$B$10,7,0)+IF('Standard Profiles'!$G$19=$B$17,14,0)+IF('Standard Profiles'!$G$19=$B$24,21,0),0)),0)</f>
        <v>0</v>
      </c>
      <c r="F8712" cm="1">
        <f t="array" ref="F8712">IFERROR(INDEX(Jesper!AJ$2:AJ$366,ROUNDDOWN($C8712/24,0)+1,1)*INDEX($D$3:$AA$30,INDEX(Jesper!$R$2:$R$366,ROW(INDEX(Jesper!AJ$2:AJ$366,ROUNDDOWN($C8712/24,0)+1,1))-1)+IF('Standard Profiles'!$G$20=$B$10,7,0)+IF('Standard Profiles'!$G$20=$B$17,14,0)+IF('Standard Profiles'!$G$20=$B$24,21,0),MOD($C8712,24)+1)/SUM(INDEX($D$3:$AA$30,INDEX(Jesper!$R$2:$R$366,ROW(INDEX(Jesper!AJ$2:AJ$366,ROUNDDOWN($C8712/24,0)+1,1))-1)+IF('Standard Profiles'!$G$20=$B$10,7,0)+IF('Standard Profiles'!$G$20=$B$17,14,0)+IF('Standard Profiles'!$G$20=$B$24,21,0),0)),0)</f>
        <v>0</v>
      </c>
      <c r="G8712" cm="1">
        <f t="array" ref="G8712">IFERROR(INDEX(Jesper!AK$2:AK$366,ROUNDDOWN($C8712/24,0)+1,1)*INDEX($D$3:$AA$30,INDEX(Jesper!$R$2:$R$366,ROW(INDEX(Jesper!AK$2:AK$366,ROUNDDOWN($C8712/24,0)+1,1))-1)+IF('Standard Profiles'!$G$21=$B$10,7,0)+IF('Standard Profiles'!$G$21=$B$17,14,0)+IF('Standard Profiles'!$G$21=$B$24,21,0),MOD($C8712,24)+1)/SUM(INDEX($D$3:$AA$30,INDEX(Jesper!$R$2:$R$366,ROW(INDEX(Jesper!AK$2:AK$366,ROUNDDOWN($C8712/24,0)+1,1))-1)+IF('Standard Profiles'!$G$21=$B$10,7,0)+IF('Standard Profiles'!$G$21=$B$17,14,0)+IF('Standard Profiles'!$G$21=$B$24,21,0),0)),0)</f>
        <v>0</v>
      </c>
      <c r="H8712" cm="1">
        <f t="array" ref="H8712">IFERROR(INDEX(Jesper!AL$2:AL$366,ROUNDDOWN($C8712/24,0)+1,1)*INDEX($D$3:$AA$30,INDEX(Jesper!$R$2:$R$366,ROW(INDEX(Jesper!AL$2:AL$366,ROUNDDOWN($C8712/24,0)+1,1))-1)+IF('Standard Profiles'!$G$22=$B$10,7,0)+IF('Standard Profiles'!$G$22=$B$17,14,0)+IF('Standard Profiles'!$G$22=$B$24,21,0),MOD($C8712,24)+1)/SUM(INDEX($D$3:$AA$30,INDEX(Jesper!$R$2:$R$366,ROW(INDEX(Jesper!AL$2:AL$366,ROUNDDOWN($C8712/24,0)+1,1))-1)+IF('Standard Profiles'!$G$22=$B$10,7,0)+IF('Standard Profiles'!$G$22=$B$17,14,0)+IF('Standard Profiles'!$G$22=$B$24,21,0),0)),0)</f>
        <v>0</v>
      </c>
      <c r="I8712">
        <f t="shared" si="965"/>
        <v>0.54026857498456382</v>
      </c>
      <c r="J8712">
        <f t="shared" si="966"/>
        <v>1.800895249948546</v>
      </c>
      <c r="K8712">
        <f t="shared" si="967"/>
        <v>2.701342874922819</v>
      </c>
      <c r="L8712">
        <f t="shared" si="968"/>
        <v>12.966445799629531</v>
      </c>
      <c r="M8712">
        <f t="shared" si="969"/>
        <v>0</v>
      </c>
      <c r="N8712" s="46">
        <f t="shared" si="970"/>
        <v>45653.583333312286</v>
      </c>
    </row>
    <row r="8713" spans="2:14" x14ac:dyDescent="0.3">
      <c r="B8713">
        <f t="shared" si="964"/>
        <v>5</v>
      </c>
      <c r="C8713" s="16">
        <v>8679</v>
      </c>
      <c r="D8713" cm="1">
        <f t="array" ref="D8713">IFERROR(INDEX(Jesper!AH$2:AH$366,ROUNDDOWN($C8713/24,0)+1,1)*INDEX($D$3:$AA$30,INDEX(Jesper!$R$2:$R$366,ROW(INDEX(Jesper!AH$2:AH$366,ROUNDDOWN($C8713/24,0)+1,1))-1)+IF('Standard Profiles'!$G$18=$B$10,7,0)+IF('Standard Profiles'!$G$18=$B$17,14,0)+IF('Standard Profiles'!$G$18=$B$24,21,0),MOD($C8713,24)+1)/SUM(INDEX($D$3:$AA$30,INDEX(Jesper!$R$2:$R$366,ROW(INDEX(Jesper!AH$2:AH$366,ROUNDDOWN($C8713/24,0)+1,1))-1)+IF('Standard Profiles'!$G$18=$B$10,7,0)+IF('Standard Profiles'!$G$18=$B$17,14,0)+IF('Standard Profiles'!$G$18=$B$24,21,0),0)),0)</f>
        <v>15.007460416237883</v>
      </c>
      <c r="E8713" cm="1">
        <f t="array" ref="E8713">IFERROR(INDEX(Jesper!AI$2:AI$366,ROUNDDOWN($C8713/24,0)+1,1)*INDEX($D$3:$AA$30,INDEX(Jesper!$R$2:$R$366,ROW(INDEX(Jesper!AI$2:AI$366,ROUNDDOWN($C8713/24,0)+1,1))-1)+IF('Standard Profiles'!$G$19=$B$10,7,0)+IF('Standard Profiles'!$G$19=$B$17,14,0)+IF('Standard Profiles'!$G$19=$B$24,21,0),MOD($C8713,24)+1)/SUM(INDEX($D$3:$AA$30,INDEX(Jesper!$R$2:$R$366,ROW(INDEX(Jesper!AI$2:AI$366,ROUNDDOWN($C8713/24,0)+1,1))-1)+IF('Standard Profiles'!$G$19=$B$10,7,0)+IF('Standard Profiles'!$G$19=$B$17,14,0)+IF('Standard Profiles'!$G$19=$B$24,21,0),0)),0)</f>
        <v>0</v>
      </c>
      <c r="F8713" cm="1">
        <f t="array" ref="F8713">IFERROR(INDEX(Jesper!AJ$2:AJ$366,ROUNDDOWN($C8713/24,0)+1,1)*INDEX($D$3:$AA$30,INDEX(Jesper!$R$2:$R$366,ROW(INDEX(Jesper!AJ$2:AJ$366,ROUNDDOWN($C8713/24,0)+1,1))-1)+IF('Standard Profiles'!$G$20=$B$10,7,0)+IF('Standard Profiles'!$G$20=$B$17,14,0)+IF('Standard Profiles'!$G$20=$B$24,21,0),MOD($C8713,24)+1)/SUM(INDEX($D$3:$AA$30,INDEX(Jesper!$R$2:$R$366,ROW(INDEX(Jesper!AJ$2:AJ$366,ROUNDDOWN($C8713/24,0)+1,1))-1)+IF('Standard Profiles'!$G$20=$B$10,7,0)+IF('Standard Profiles'!$G$20=$B$17,14,0)+IF('Standard Profiles'!$G$20=$B$24,21,0),0)),0)</f>
        <v>0</v>
      </c>
      <c r="G8713" cm="1">
        <f t="array" ref="G8713">IFERROR(INDEX(Jesper!AK$2:AK$366,ROUNDDOWN($C8713/24,0)+1,1)*INDEX($D$3:$AA$30,INDEX(Jesper!$R$2:$R$366,ROW(INDEX(Jesper!AK$2:AK$366,ROUNDDOWN($C8713/24,0)+1,1))-1)+IF('Standard Profiles'!$G$21=$B$10,7,0)+IF('Standard Profiles'!$G$21=$B$17,14,0)+IF('Standard Profiles'!$G$21=$B$24,21,0),MOD($C8713,24)+1)/SUM(INDEX($D$3:$AA$30,INDEX(Jesper!$R$2:$R$366,ROW(INDEX(Jesper!AK$2:AK$366,ROUNDDOWN($C8713/24,0)+1,1))-1)+IF('Standard Profiles'!$G$21=$B$10,7,0)+IF('Standard Profiles'!$G$21=$B$17,14,0)+IF('Standard Profiles'!$G$21=$B$24,21,0),0)),0)</f>
        <v>0</v>
      </c>
      <c r="H8713" cm="1">
        <f t="array" ref="H8713">IFERROR(INDEX(Jesper!AL$2:AL$366,ROUNDDOWN($C8713/24,0)+1,1)*INDEX($D$3:$AA$30,INDEX(Jesper!$R$2:$R$366,ROW(INDEX(Jesper!AL$2:AL$366,ROUNDDOWN($C8713/24,0)+1,1))-1)+IF('Standard Profiles'!$G$22=$B$10,7,0)+IF('Standard Profiles'!$G$22=$B$17,14,0)+IF('Standard Profiles'!$G$22=$B$24,21,0),MOD($C8713,24)+1)/SUM(INDEX($D$3:$AA$30,INDEX(Jesper!$R$2:$R$366,ROW(INDEX(Jesper!AL$2:AL$366,ROUNDDOWN($C8713/24,0)+1,1))-1)+IF('Standard Profiles'!$G$22=$B$10,7,0)+IF('Standard Profiles'!$G$22=$B$17,14,0)+IF('Standard Profiles'!$G$22=$B$24,21,0),0)),0)</f>
        <v>0</v>
      </c>
      <c r="I8713">
        <f t="shared" si="965"/>
        <v>0.4502238124871365</v>
      </c>
      <c r="J8713">
        <f t="shared" si="966"/>
        <v>1.5007460416237883</v>
      </c>
      <c r="K8713">
        <f t="shared" si="967"/>
        <v>2.2511190624356825</v>
      </c>
      <c r="L8713">
        <f t="shared" si="968"/>
        <v>10.805371499691276</v>
      </c>
      <c r="M8713">
        <f t="shared" si="969"/>
        <v>0</v>
      </c>
      <c r="N8713" s="46">
        <f t="shared" si="970"/>
        <v>45653.624999978951</v>
      </c>
    </row>
    <row r="8714" spans="2:14" x14ac:dyDescent="0.3">
      <c r="B8714">
        <f t="shared" si="964"/>
        <v>5</v>
      </c>
      <c r="C8714" s="16">
        <v>8680</v>
      </c>
      <c r="D8714" cm="1">
        <f t="array" ref="D8714">IFERROR(INDEX(Jesper!AH$2:AH$366,ROUNDDOWN($C8714/24,0)+1,1)*INDEX($D$3:$AA$30,INDEX(Jesper!$R$2:$R$366,ROW(INDEX(Jesper!AH$2:AH$366,ROUNDDOWN($C8714/24,0)+1,1))-1)+IF('Standard Profiles'!$G$18=$B$10,7,0)+IF('Standard Profiles'!$G$18=$B$17,14,0)+IF('Standard Profiles'!$G$18=$B$24,21,0),MOD($C8714,24)+1)/SUM(INDEX($D$3:$AA$30,INDEX(Jesper!$R$2:$R$366,ROW(INDEX(Jesper!AH$2:AH$366,ROUNDDOWN($C8714/24,0)+1,1))-1)+IF('Standard Profiles'!$G$18=$B$10,7,0)+IF('Standard Profiles'!$G$18=$B$17,14,0)+IF('Standard Profiles'!$G$18=$B$24,21,0),0)),0)</f>
        <v>14.207062527371866</v>
      </c>
      <c r="E8714" cm="1">
        <f t="array" ref="E8714">IFERROR(INDEX(Jesper!AI$2:AI$366,ROUNDDOWN($C8714/24,0)+1,1)*INDEX($D$3:$AA$30,INDEX(Jesper!$R$2:$R$366,ROW(INDEX(Jesper!AI$2:AI$366,ROUNDDOWN($C8714/24,0)+1,1))-1)+IF('Standard Profiles'!$G$19=$B$10,7,0)+IF('Standard Profiles'!$G$19=$B$17,14,0)+IF('Standard Profiles'!$G$19=$B$24,21,0),MOD($C8714,24)+1)/SUM(INDEX($D$3:$AA$30,INDEX(Jesper!$R$2:$R$366,ROW(INDEX(Jesper!AI$2:AI$366,ROUNDDOWN($C8714/24,0)+1,1))-1)+IF('Standard Profiles'!$G$19=$B$10,7,0)+IF('Standard Profiles'!$G$19=$B$17,14,0)+IF('Standard Profiles'!$G$19=$B$24,21,0),0)),0)</f>
        <v>0</v>
      </c>
      <c r="F8714" cm="1">
        <f t="array" ref="F8714">IFERROR(INDEX(Jesper!AJ$2:AJ$366,ROUNDDOWN($C8714/24,0)+1,1)*INDEX($D$3:$AA$30,INDEX(Jesper!$R$2:$R$366,ROW(INDEX(Jesper!AJ$2:AJ$366,ROUNDDOWN($C8714/24,0)+1,1))-1)+IF('Standard Profiles'!$G$20=$B$10,7,0)+IF('Standard Profiles'!$G$20=$B$17,14,0)+IF('Standard Profiles'!$G$20=$B$24,21,0),MOD($C8714,24)+1)/SUM(INDEX($D$3:$AA$30,INDEX(Jesper!$R$2:$R$366,ROW(INDEX(Jesper!AJ$2:AJ$366,ROUNDDOWN($C8714/24,0)+1,1))-1)+IF('Standard Profiles'!$G$20=$B$10,7,0)+IF('Standard Profiles'!$G$20=$B$17,14,0)+IF('Standard Profiles'!$G$20=$B$24,21,0),0)),0)</f>
        <v>0</v>
      </c>
      <c r="G8714" cm="1">
        <f t="array" ref="G8714">IFERROR(INDEX(Jesper!AK$2:AK$366,ROUNDDOWN($C8714/24,0)+1,1)*INDEX($D$3:$AA$30,INDEX(Jesper!$R$2:$R$366,ROW(INDEX(Jesper!AK$2:AK$366,ROUNDDOWN($C8714/24,0)+1,1))-1)+IF('Standard Profiles'!$G$21=$B$10,7,0)+IF('Standard Profiles'!$G$21=$B$17,14,0)+IF('Standard Profiles'!$G$21=$B$24,21,0),MOD($C8714,24)+1)/SUM(INDEX($D$3:$AA$30,INDEX(Jesper!$R$2:$R$366,ROW(INDEX(Jesper!AK$2:AK$366,ROUNDDOWN($C8714/24,0)+1,1))-1)+IF('Standard Profiles'!$G$21=$B$10,7,0)+IF('Standard Profiles'!$G$21=$B$17,14,0)+IF('Standard Profiles'!$G$21=$B$24,21,0),0)),0)</f>
        <v>0</v>
      </c>
      <c r="H8714" cm="1">
        <f t="array" ref="H8714">IFERROR(INDEX(Jesper!AL$2:AL$366,ROUNDDOWN($C8714/24,0)+1,1)*INDEX($D$3:$AA$30,INDEX(Jesper!$R$2:$R$366,ROW(INDEX(Jesper!AL$2:AL$366,ROUNDDOWN($C8714/24,0)+1,1))-1)+IF('Standard Profiles'!$G$22=$B$10,7,0)+IF('Standard Profiles'!$G$22=$B$17,14,0)+IF('Standard Profiles'!$G$22=$B$24,21,0),MOD($C8714,24)+1)/SUM(INDEX($D$3:$AA$30,INDEX(Jesper!$R$2:$R$366,ROW(INDEX(Jesper!AL$2:AL$366,ROUNDDOWN($C8714/24,0)+1,1))-1)+IF('Standard Profiles'!$G$22=$B$10,7,0)+IF('Standard Profiles'!$G$22=$B$17,14,0)+IF('Standard Profiles'!$G$22=$B$24,21,0),0)),0)</f>
        <v>0</v>
      </c>
      <c r="I8714">
        <f t="shared" si="965"/>
        <v>0.42621187582115594</v>
      </c>
      <c r="J8714">
        <f t="shared" si="966"/>
        <v>1.4207062527371868</v>
      </c>
      <c r="K8714">
        <f t="shared" si="967"/>
        <v>2.1310593791057797</v>
      </c>
      <c r="L8714">
        <f t="shared" si="968"/>
        <v>10.229085019707743</v>
      </c>
      <c r="M8714">
        <f t="shared" si="969"/>
        <v>0</v>
      </c>
      <c r="N8714" s="46">
        <f t="shared" si="970"/>
        <v>45653.666666645615</v>
      </c>
    </row>
    <row r="8715" spans="2:14" x14ac:dyDescent="0.3">
      <c r="B8715">
        <f t="shared" si="964"/>
        <v>5</v>
      </c>
      <c r="C8715" s="16">
        <v>8681</v>
      </c>
      <c r="D8715" cm="1">
        <f t="array" ref="D8715">IFERROR(INDEX(Jesper!AH$2:AH$366,ROUNDDOWN($C8715/24,0)+1,1)*INDEX($D$3:$AA$30,INDEX(Jesper!$R$2:$R$366,ROW(INDEX(Jesper!AH$2:AH$366,ROUNDDOWN($C8715/24,0)+1,1))-1)+IF('Standard Profiles'!$G$18=$B$10,7,0)+IF('Standard Profiles'!$G$18=$B$17,14,0)+IF('Standard Profiles'!$G$18=$B$24,21,0),MOD($C8715,24)+1)/SUM(INDEX($D$3:$AA$30,INDEX(Jesper!$R$2:$R$366,ROW(INDEX(Jesper!AH$2:AH$366,ROUNDDOWN($C8715/24,0)+1,1))-1)+IF('Standard Profiles'!$G$18=$B$10,7,0)+IF('Standard Profiles'!$G$18=$B$17,14,0)+IF('Standard Profiles'!$G$18=$B$24,21,0),0)),0)</f>
        <v>14.207062527371866</v>
      </c>
      <c r="E8715" cm="1">
        <f t="array" ref="E8715">IFERROR(INDEX(Jesper!AI$2:AI$366,ROUNDDOWN($C8715/24,0)+1,1)*INDEX($D$3:$AA$30,INDEX(Jesper!$R$2:$R$366,ROW(INDEX(Jesper!AI$2:AI$366,ROUNDDOWN($C8715/24,0)+1,1))-1)+IF('Standard Profiles'!$G$19=$B$10,7,0)+IF('Standard Profiles'!$G$19=$B$17,14,0)+IF('Standard Profiles'!$G$19=$B$24,21,0),MOD($C8715,24)+1)/SUM(INDEX($D$3:$AA$30,INDEX(Jesper!$R$2:$R$366,ROW(INDEX(Jesper!AI$2:AI$366,ROUNDDOWN($C8715/24,0)+1,1))-1)+IF('Standard Profiles'!$G$19=$B$10,7,0)+IF('Standard Profiles'!$G$19=$B$17,14,0)+IF('Standard Profiles'!$G$19=$B$24,21,0),0)),0)</f>
        <v>0</v>
      </c>
      <c r="F8715" cm="1">
        <f t="array" ref="F8715">IFERROR(INDEX(Jesper!AJ$2:AJ$366,ROUNDDOWN($C8715/24,0)+1,1)*INDEX($D$3:$AA$30,INDEX(Jesper!$R$2:$R$366,ROW(INDEX(Jesper!AJ$2:AJ$366,ROUNDDOWN($C8715/24,0)+1,1))-1)+IF('Standard Profiles'!$G$20=$B$10,7,0)+IF('Standard Profiles'!$G$20=$B$17,14,0)+IF('Standard Profiles'!$G$20=$B$24,21,0),MOD($C8715,24)+1)/SUM(INDEX($D$3:$AA$30,INDEX(Jesper!$R$2:$R$366,ROW(INDEX(Jesper!AJ$2:AJ$366,ROUNDDOWN($C8715/24,0)+1,1))-1)+IF('Standard Profiles'!$G$20=$B$10,7,0)+IF('Standard Profiles'!$G$20=$B$17,14,0)+IF('Standard Profiles'!$G$20=$B$24,21,0),0)),0)</f>
        <v>0</v>
      </c>
      <c r="G8715" cm="1">
        <f t="array" ref="G8715">IFERROR(INDEX(Jesper!AK$2:AK$366,ROUNDDOWN($C8715/24,0)+1,1)*INDEX($D$3:$AA$30,INDEX(Jesper!$R$2:$R$366,ROW(INDEX(Jesper!AK$2:AK$366,ROUNDDOWN($C8715/24,0)+1,1))-1)+IF('Standard Profiles'!$G$21=$B$10,7,0)+IF('Standard Profiles'!$G$21=$B$17,14,0)+IF('Standard Profiles'!$G$21=$B$24,21,0),MOD($C8715,24)+1)/SUM(INDEX($D$3:$AA$30,INDEX(Jesper!$R$2:$R$366,ROW(INDEX(Jesper!AK$2:AK$366,ROUNDDOWN($C8715/24,0)+1,1))-1)+IF('Standard Profiles'!$G$21=$B$10,7,0)+IF('Standard Profiles'!$G$21=$B$17,14,0)+IF('Standard Profiles'!$G$21=$B$24,21,0),0)),0)</f>
        <v>0</v>
      </c>
      <c r="H8715" cm="1">
        <f t="array" ref="H8715">IFERROR(INDEX(Jesper!AL$2:AL$366,ROUNDDOWN($C8715/24,0)+1,1)*INDEX($D$3:$AA$30,INDEX(Jesper!$R$2:$R$366,ROW(INDEX(Jesper!AL$2:AL$366,ROUNDDOWN($C8715/24,0)+1,1))-1)+IF('Standard Profiles'!$G$22=$B$10,7,0)+IF('Standard Profiles'!$G$22=$B$17,14,0)+IF('Standard Profiles'!$G$22=$B$24,21,0),MOD($C8715,24)+1)/SUM(INDEX($D$3:$AA$30,INDEX(Jesper!$R$2:$R$366,ROW(INDEX(Jesper!AL$2:AL$366,ROUNDDOWN($C8715/24,0)+1,1))-1)+IF('Standard Profiles'!$G$22=$B$10,7,0)+IF('Standard Profiles'!$G$22=$B$17,14,0)+IF('Standard Profiles'!$G$22=$B$24,21,0),0)),0)</f>
        <v>0</v>
      </c>
      <c r="I8715">
        <f t="shared" si="965"/>
        <v>0.42621187582115594</v>
      </c>
      <c r="J8715">
        <f t="shared" si="966"/>
        <v>1.4207062527371868</v>
      </c>
      <c r="K8715">
        <f t="shared" si="967"/>
        <v>2.1310593791057797</v>
      </c>
      <c r="L8715">
        <f t="shared" si="968"/>
        <v>10.229085019707743</v>
      </c>
      <c r="M8715">
        <f t="shared" si="969"/>
        <v>0</v>
      </c>
      <c r="N8715" s="46">
        <f t="shared" si="970"/>
        <v>45653.708333312279</v>
      </c>
    </row>
    <row r="8716" spans="2:14" x14ac:dyDescent="0.3">
      <c r="B8716">
        <f t="shared" si="964"/>
        <v>5</v>
      </c>
      <c r="C8716" s="16">
        <v>8682</v>
      </c>
      <c r="D8716" cm="1">
        <f t="array" ref="D8716">IFERROR(INDEX(Jesper!AH$2:AH$366,ROUNDDOWN($C8716/24,0)+1,1)*INDEX($D$3:$AA$30,INDEX(Jesper!$R$2:$R$366,ROW(INDEX(Jesper!AH$2:AH$366,ROUNDDOWN($C8716/24,0)+1,1))-1)+IF('Standard Profiles'!$G$18=$B$10,7,0)+IF('Standard Profiles'!$G$18=$B$17,14,0)+IF('Standard Profiles'!$G$18=$B$24,21,0),MOD($C8716,24)+1)/SUM(INDEX($D$3:$AA$30,INDEX(Jesper!$R$2:$R$366,ROW(INDEX(Jesper!AH$2:AH$366,ROUNDDOWN($C8716/24,0)+1,1))-1)+IF('Standard Profiles'!$G$18=$B$10,7,0)+IF('Standard Profiles'!$G$18=$B$17,14,0)+IF('Standard Profiles'!$G$18=$B$24,21,0),0)),0)</f>
        <v>14.207062527371866</v>
      </c>
      <c r="E8716" cm="1">
        <f t="array" ref="E8716">IFERROR(INDEX(Jesper!AI$2:AI$366,ROUNDDOWN($C8716/24,0)+1,1)*INDEX($D$3:$AA$30,INDEX(Jesper!$R$2:$R$366,ROW(INDEX(Jesper!AI$2:AI$366,ROUNDDOWN($C8716/24,0)+1,1))-1)+IF('Standard Profiles'!$G$19=$B$10,7,0)+IF('Standard Profiles'!$G$19=$B$17,14,0)+IF('Standard Profiles'!$G$19=$B$24,21,0),MOD($C8716,24)+1)/SUM(INDEX($D$3:$AA$30,INDEX(Jesper!$R$2:$R$366,ROW(INDEX(Jesper!AI$2:AI$366,ROUNDDOWN($C8716/24,0)+1,1))-1)+IF('Standard Profiles'!$G$19=$B$10,7,0)+IF('Standard Profiles'!$G$19=$B$17,14,0)+IF('Standard Profiles'!$G$19=$B$24,21,0),0)),0)</f>
        <v>0</v>
      </c>
      <c r="F8716" cm="1">
        <f t="array" ref="F8716">IFERROR(INDEX(Jesper!AJ$2:AJ$366,ROUNDDOWN($C8716/24,0)+1,1)*INDEX($D$3:$AA$30,INDEX(Jesper!$R$2:$R$366,ROW(INDEX(Jesper!AJ$2:AJ$366,ROUNDDOWN($C8716/24,0)+1,1))-1)+IF('Standard Profiles'!$G$20=$B$10,7,0)+IF('Standard Profiles'!$G$20=$B$17,14,0)+IF('Standard Profiles'!$G$20=$B$24,21,0),MOD($C8716,24)+1)/SUM(INDEX($D$3:$AA$30,INDEX(Jesper!$R$2:$R$366,ROW(INDEX(Jesper!AJ$2:AJ$366,ROUNDDOWN($C8716/24,0)+1,1))-1)+IF('Standard Profiles'!$G$20=$B$10,7,0)+IF('Standard Profiles'!$G$20=$B$17,14,0)+IF('Standard Profiles'!$G$20=$B$24,21,0),0)),0)</f>
        <v>0</v>
      </c>
      <c r="G8716" cm="1">
        <f t="array" ref="G8716">IFERROR(INDEX(Jesper!AK$2:AK$366,ROUNDDOWN($C8716/24,0)+1,1)*INDEX($D$3:$AA$30,INDEX(Jesper!$R$2:$R$366,ROW(INDEX(Jesper!AK$2:AK$366,ROUNDDOWN($C8716/24,0)+1,1))-1)+IF('Standard Profiles'!$G$21=$B$10,7,0)+IF('Standard Profiles'!$G$21=$B$17,14,0)+IF('Standard Profiles'!$G$21=$B$24,21,0),MOD($C8716,24)+1)/SUM(INDEX($D$3:$AA$30,INDEX(Jesper!$R$2:$R$366,ROW(INDEX(Jesper!AK$2:AK$366,ROUNDDOWN($C8716/24,0)+1,1))-1)+IF('Standard Profiles'!$G$21=$B$10,7,0)+IF('Standard Profiles'!$G$21=$B$17,14,0)+IF('Standard Profiles'!$G$21=$B$24,21,0),0)),0)</f>
        <v>0</v>
      </c>
      <c r="H8716" cm="1">
        <f t="array" ref="H8716">IFERROR(INDEX(Jesper!AL$2:AL$366,ROUNDDOWN($C8716/24,0)+1,1)*INDEX($D$3:$AA$30,INDEX(Jesper!$R$2:$R$366,ROW(INDEX(Jesper!AL$2:AL$366,ROUNDDOWN($C8716/24,0)+1,1))-1)+IF('Standard Profiles'!$G$22=$B$10,7,0)+IF('Standard Profiles'!$G$22=$B$17,14,0)+IF('Standard Profiles'!$G$22=$B$24,21,0),MOD($C8716,24)+1)/SUM(INDEX($D$3:$AA$30,INDEX(Jesper!$R$2:$R$366,ROW(INDEX(Jesper!AL$2:AL$366,ROUNDDOWN($C8716/24,0)+1,1))-1)+IF('Standard Profiles'!$G$22=$B$10,7,0)+IF('Standard Profiles'!$G$22=$B$17,14,0)+IF('Standard Profiles'!$G$22=$B$24,21,0),0)),0)</f>
        <v>0</v>
      </c>
      <c r="I8716">
        <f t="shared" si="965"/>
        <v>0.42621187582115594</v>
      </c>
      <c r="J8716">
        <f t="shared" si="966"/>
        <v>1.4207062527371868</v>
      </c>
      <c r="K8716">
        <f t="shared" si="967"/>
        <v>2.1310593791057797</v>
      </c>
      <c r="L8716">
        <f t="shared" si="968"/>
        <v>10.229085019707743</v>
      </c>
      <c r="M8716">
        <f t="shared" si="969"/>
        <v>0</v>
      </c>
      <c r="N8716" s="46">
        <f t="shared" si="970"/>
        <v>45653.749999978943</v>
      </c>
    </row>
    <row r="8717" spans="2:14" x14ac:dyDescent="0.3">
      <c r="B8717">
        <f t="shared" si="964"/>
        <v>5</v>
      </c>
      <c r="C8717" s="16">
        <v>8683</v>
      </c>
      <c r="D8717" cm="1">
        <f t="array" ref="D8717">IFERROR(INDEX(Jesper!AH$2:AH$366,ROUNDDOWN($C8717/24,0)+1,1)*INDEX($D$3:$AA$30,INDEX(Jesper!$R$2:$R$366,ROW(INDEX(Jesper!AH$2:AH$366,ROUNDDOWN($C8717/24,0)+1,1))-1)+IF('Standard Profiles'!$G$18=$B$10,7,0)+IF('Standard Profiles'!$G$18=$B$17,14,0)+IF('Standard Profiles'!$G$18=$B$24,21,0),MOD($C8717,24)+1)/SUM(INDEX($D$3:$AA$30,INDEX(Jesper!$R$2:$R$366,ROW(INDEX(Jesper!AH$2:AH$366,ROUNDDOWN($C8717/24,0)+1,1))-1)+IF('Standard Profiles'!$G$18=$B$10,7,0)+IF('Standard Profiles'!$G$18=$B$17,14,0)+IF('Standard Profiles'!$G$18=$B$24,21,0),0)),0)</f>
        <v>14.207062527371866</v>
      </c>
      <c r="E8717" cm="1">
        <f t="array" ref="E8717">IFERROR(INDEX(Jesper!AI$2:AI$366,ROUNDDOWN($C8717/24,0)+1,1)*INDEX($D$3:$AA$30,INDEX(Jesper!$R$2:$R$366,ROW(INDEX(Jesper!AI$2:AI$366,ROUNDDOWN($C8717/24,0)+1,1))-1)+IF('Standard Profiles'!$G$19=$B$10,7,0)+IF('Standard Profiles'!$G$19=$B$17,14,0)+IF('Standard Profiles'!$G$19=$B$24,21,0),MOD($C8717,24)+1)/SUM(INDEX($D$3:$AA$30,INDEX(Jesper!$R$2:$R$366,ROW(INDEX(Jesper!AI$2:AI$366,ROUNDDOWN($C8717/24,0)+1,1))-1)+IF('Standard Profiles'!$G$19=$B$10,7,0)+IF('Standard Profiles'!$G$19=$B$17,14,0)+IF('Standard Profiles'!$G$19=$B$24,21,0),0)),0)</f>
        <v>0</v>
      </c>
      <c r="F8717" cm="1">
        <f t="array" ref="F8717">IFERROR(INDEX(Jesper!AJ$2:AJ$366,ROUNDDOWN($C8717/24,0)+1,1)*INDEX($D$3:$AA$30,INDEX(Jesper!$R$2:$R$366,ROW(INDEX(Jesper!AJ$2:AJ$366,ROUNDDOWN($C8717/24,0)+1,1))-1)+IF('Standard Profiles'!$G$20=$B$10,7,0)+IF('Standard Profiles'!$G$20=$B$17,14,0)+IF('Standard Profiles'!$G$20=$B$24,21,0),MOD($C8717,24)+1)/SUM(INDEX($D$3:$AA$30,INDEX(Jesper!$R$2:$R$366,ROW(INDEX(Jesper!AJ$2:AJ$366,ROUNDDOWN($C8717/24,0)+1,1))-1)+IF('Standard Profiles'!$G$20=$B$10,7,0)+IF('Standard Profiles'!$G$20=$B$17,14,0)+IF('Standard Profiles'!$G$20=$B$24,21,0),0)),0)</f>
        <v>0</v>
      </c>
      <c r="G8717" cm="1">
        <f t="array" ref="G8717">IFERROR(INDEX(Jesper!AK$2:AK$366,ROUNDDOWN($C8717/24,0)+1,1)*INDEX($D$3:$AA$30,INDEX(Jesper!$R$2:$R$366,ROW(INDEX(Jesper!AK$2:AK$366,ROUNDDOWN($C8717/24,0)+1,1))-1)+IF('Standard Profiles'!$G$21=$B$10,7,0)+IF('Standard Profiles'!$G$21=$B$17,14,0)+IF('Standard Profiles'!$G$21=$B$24,21,0),MOD($C8717,24)+1)/SUM(INDEX($D$3:$AA$30,INDEX(Jesper!$R$2:$R$366,ROW(INDEX(Jesper!AK$2:AK$366,ROUNDDOWN($C8717/24,0)+1,1))-1)+IF('Standard Profiles'!$G$21=$B$10,7,0)+IF('Standard Profiles'!$G$21=$B$17,14,0)+IF('Standard Profiles'!$G$21=$B$24,21,0),0)),0)</f>
        <v>0</v>
      </c>
      <c r="H8717" cm="1">
        <f t="array" ref="H8717">IFERROR(INDEX(Jesper!AL$2:AL$366,ROUNDDOWN($C8717/24,0)+1,1)*INDEX($D$3:$AA$30,INDEX(Jesper!$R$2:$R$366,ROW(INDEX(Jesper!AL$2:AL$366,ROUNDDOWN($C8717/24,0)+1,1))-1)+IF('Standard Profiles'!$G$22=$B$10,7,0)+IF('Standard Profiles'!$G$22=$B$17,14,0)+IF('Standard Profiles'!$G$22=$B$24,21,0),MOD($C8717,24)+1)/SUM(INDEX($D$3:$AA$30,INDEX(Jesper!$R$2:$R$366,ROW(INDEX(Jesper!AL$2:AL$366,ROUNDDOWN($C8717/24,0)+1,1))-1)+IF('Standard Profiles'!$G$22=$B$10,7,0)+IF('Standard Profiles'!$G$22=$B$17,14,0)+IF('Standard Profiles'!$G$22=$B$24,21,0),0)),0)</f>
        <v>0</v>
      </c>
      <c r="I8717">
        <f t="shared" si="965"/>
        <v>0.42621187582115594</v>
      </c>
      <c r="J8717">
        <f t="shared" si="966"/>
        <v>1.4207062527371868</v>
      </c>
      <c r="K8717">
        <f t="shared" si="967"/>
        <v>2.1310593791057797</v>
      </c>
      <c r="L8717">
        <f t="shared" si="968"/>
        <v>10.229085019707743</v>
      </c>
      <c r="M8717">
        <f t="shared" si="969"/>
        <v>0</v>
      </c>
      <c r="N8717" s="46">
        <f t="shared" si="970"/>
        <v>45653.791666645608</v>
      </c>
    </row>
    <row r="8718" spans="2:14" x14ac:dyDescent="0.3">
      <c r="B8718">
        <f t="shared" si="964"/>
        <v>5</v>
      </c>
      <c r="C8718" s="16">
        <v>8684</v>
      </c>
      <c r="D8718" cm="1">
        <f t="array" ref="D8718">IFERROR(INDEX(Jesper!AH$2:AH$366,ROUNDDOWN($C8718/24,0)+1,1)*INDEX($D$3:$AA$30,INDEX(Jesper!$R$2:$R$366,ROW(INDEX(Jesper!AH$2:AH$366,ROUNDDOWN($C8718/24,0)+1,1))-1)+IF('Standard Profiles'!$G$18=$B$10,7,0)+IF('Standard Profiles'!$G$18=$B$17,14,0)+IF('Standard Profiles'!$G$18=$B$24,21,0),MOD($C8718,24)+1)/SUM(INDEX($D$3:$AA$30,INDEX(Jesper!$R$2:$R$366,ROW(INDEX(Jesper!AH$2:AH$366,ROUNDDOWN($C8718/24,0)+1,1))-1)+IF('Standard Profiles'!$G$18=$B$10,7,0)+IF('Standard Profiles'!$G$18=$B$17,14,0)+IF('Standard Profiles'!$G$18=$B$24,21,0),0)),0)</f>
        <v>11.005470971907782</v>
      </c>
      <c r="E8718" cm="1">
        <f t="array" ref="E8718">IFERROR(INDEX(Jesper!AI$2:AI$366,ROUNDDOWN($C8718/24,0)+1,1)*INDEX($D$3:$AA$30,INDEX(Jesper!$R$2:$R$366,ROW(INDEX(Jesper!AI$2:AI$366,ROUNDDOWN($C8718/24,0)+1,1))-1)+IF('Standard Profiles'!$G$19=$B$10,7,0)+IF('Standard Profiles'!$G$19=$B$17,14,0)+IF('Standard Profiles'!$G$19=$B$24,21,0),MOD($C8718,24)+1)/SUM(INDEX($D$3:$AA$30,INDEX(Jesper!$R$2:$R$366,ROW(INDEX(Jesper!AI$2:AI$366,ROUNDDOWN($C8718/24,0)+1,1))-1)+IF('Standard Profiles'!$G$19=$B$10,7,0)+IF('Standard Profiles'!$G$19=$B$17,14,0)+IF('Standard Profiles'!$G$19=$B$24,21,0),0)),0)</f>
        <v>0</v>
      </c>
      <c r="F8718" cm="1">
        <f t="array" ref="F8718">IFERROR(INDEX(Jesper!AJ$2:AJ$366,ROUNDDOWN($C8718/24,0)+1,1)*INDEX($D$3:$AA$30,INDEX(Jesper!$R$2:$R$366,ROW(INDEX(Jesper!AJ$2:AJ$366,ROUNDDOWN($C8718/24,0)+1,1))-1)+IF('Standard Profiles'!$G$20=$B$10,7,0)+IF('Standard Profiles'!$G$20=$B$17,14,0)+IF('Standard Profiles'!$G$20=$B$24,21,0),MOD($C8718,24)+1)/SUM(INDEX($D$3:$AA$30,INDEX(Jesper!$R$2:$R$366,ROW(INDEX(Jesper!AJ$2:AJ$366,ROUNDDOWN($C8718/24,0)+1,1))-1)+IF('Standard Profiles'!$G$20=$B$10,7,0)+IF('Standard Profiles'!$G$20=$B$17,14,0)+IF('Standard Profiles'!$G$20=$B$24,21,0),0)),0)</f>
        <v>0</v>
      </c>
      <c r="G8718" cm="1">
        <f t="array" ref="G8718">IFERROR(INDEX(Jesper!AK$2:AK$366,ROUNDDOWN($C8718/24,0)+1,1)*INDEX($D$3:$AA$30,INDEX(Jesper!$R$2:$R$366,ROW(INDEX(Jesper!AK$2:AK$366,ROUNDDOWN($C8718/24,0)+1,1))-1)+IF('Standard Profiles'!$G$21=$B$10,7,0)+IF('Standard Profiles'!$G$21=$B$17,14,0)+IF('Standard Profiles'!$G$21=$B$24,21,0),MOD($C8718,24)+1)/SUM(INDEX($D$3:$AA$30,INDEX(Jesper!$R$2:$R$366,ROW(INDEX(Jesper!AK$2:AK$366,ROUNDDOWN($C8718/24,0)+1,1))-1)+IF('Standard Profiles'!$G$21=$B$10,7,0)+IF('Standard Profiles'!$G$21=$B$17,14,0)+IF('Standard Profiles'!$G$21=$B$24,21,0),0)),0)</f>
        <v>0</v>
      </c>
      <c r="H8718" cm="1">
        <f t="array" ref="H8718">IFERROR(INDEX(Jesper!AL$2:AL$366,ROUNDDOWN($C8718/24,0)+1,1)*INDEX($D$3:$AA$30,INDEX(Jesper!$R$2:$R$366,ROW(INDEX(Jesper!AL$2:AL$366,ROUNDDOWN($C8718/24,0)+1,1))-1)+IF('Standard Profiles'!$G$22=$B$10,7,0)+IF('Standard Profiles'!$G$22=$B$17,14,0)+IF('Standard Profiles'!$G$22=$B$24,21,0),MOD($C8718,24)+1)/SUM(INDEX($D$3:$AA$30,INDEX(Jesper!$R$2:$R$366,ROW(INDEX(Jesper!AL$2:AL$366,ROUNDDOWN($C8718/24,0)+1,1))-1)+IF('Standard Profiles'!$G$22=$B$10,7,0)+IF('Standard Profiles'!$G$22=$B$17,14,0)+IF('Standard Profiles'!$G$22=$B$24,21,0),0)),0)</f>
        <v>0</v>
      </c>
      <c r="I8718">
        <f t="shared" si="965"/>
        <v>0.33016412915723342</v>
      </c>
      <c r="J8718">
        <f t="shared" si="966"/>
        <v>1.1005470971907783</v>
      </c>
      <c r="K8718">
        <f t="shared" si="967"/>
        <v>1.6508206457861672</v>
      </c>
      <c r="L8718">
        <f t="shared" si="968"/>
        <v>7.9239390997736026</v>
      </c>
      <c r="M8718">
        <f t="shared" si="969"/>
        <v>0</v>
      </c>
      <c r="N8718" s="46">
        <f t="shared" si="970"/>
        <v>45653.833333312272</v>
      </c>
    </row>
    <row r="8719" spans="2:14" x14ac:dyDescent="0.3">
      <c r="B8719">
        <f t="shared" si="964"/>
        <v>5</v>
      </c>
      <c r="C8719" s="16">
        <v>8685</v>
      </c>
      <c r="D8719" cm="1">
        <f t="array" ref="D8719">IFERROR(INDEX(Jesper!AH$2:AH$366,ROUNDDOWN($C8719/24,0)+1,1)*INDEX($D$3:$AA$30,INDEX(Jesper!$R$2:$R$366,ROW(INDEX(Jesper!AH$2:AH$366,ROUNDDOWN($C8719/24,0)+1,1))-1)+IF('Standard Profiles'!$G$18=$B$10,7,0)+IF('Standard Profiles'!$G$18=$B$17,14,0)+IF('Standard Profiles'!$G$18=$B$24,21,0),MOD($C8719,24)+1)/SUM(INDEX($D$3:$AA$30,INDEX(Jesper!$R$2:$R$366,ROW(INDEX(Jesper!AH$2:AH$366,ROUNDDOWN($C8719/24,0)+1,1))-1)+IF('Standard Profiles'!$G$18=$B$10,7,0)+IF('Standard Profiles'!$G$18=$B$17,14,0)+IF('Standard Profiles'!$G$18=$B$24,21,0),0)),0)</f>
        <v>4.2020889165466073</v>
      </c>
      <c r="E8719" cm="1">
        <f t="array" ref="E8719">IFERROR(INDEX(Jesper!AI$2:AI$366,ROUNDDOWN($C8719/24,0)+1,1)*INDEX($D$3:$AA$30,INDEX(Jesper!$R$2:$R$366,ROW(INDEX(Jesper!AI$2:AI$366,ROUNDDOWN($C8719/24,0)+1,1))-1)+IF('Standard Profiles'!$G$19=$B$10,7,0)+IF('Standard Profiles'!$G$19=$B$17,14,0)+IF('Standard Profiles'!$G$19=$B$24,21,0),MOD($C8719,24)+1)/SUM(INDEX($D$3:$AA$30,INDEX(Jesper!$R$2:$R$366,ROW(INDEX(Jesper!AI$2:AI$366,ROUNDDOWN($C8719/24,0)+1,1))-1)+IF('Standard Profiles'!$G$19=$B$10,7,0)+IF('Standard Profiles'!$G$19=$B$17,14,0)+IF('Standard Profiles'!$G$19=$B$24,21,0),0)),0)</f>
        <v>0</v>
      </c>
      <c r="F8719" cm="1">
        <f t="array" ref="F8719">IFERROR(INDEX(Jesper!AJ$2:AJ$366,ROUNDDOWN($C8719/24,0)+1,1)*INDEX($D$3:$AA$30,INDEX(Jesper!$R$2:$R$366,ROW(INDEX(Jesper!AJ$2:AJ$366,ROUNDDOWN($C8719/24,0)+1,1))-1)+IF('Standard Profiles'!$G$20=$B$10,7,0)+IF('Standard Profiles'!$G$20=$B$17,14,0)+IF('Standard Profiles'!$G$20=$B$24,21,0),MOD($C8719,24)+1)/SUM(INDEX($D$3:$AA$30,INDEX(Jesper!$R$2:$R$366,ROW(INDEX(Jesper!AJ$2:AJ$366,ROUNDDOWN($C8719/24,0)+1,1))-1)+IF('Standard Profiles'!$G$20=$B$10,7,0)+IF('Standard Profiles'!$G$20=$B$17,14,0)+IF('Standard Profiles'!$G$20=$B$24,21,0),0)),0)</f>
        <v>0</v>
      </c>
      <c r="G8719" cm="1">
        <f t="array" ref="G8719">IFERROR(INDEX(Jesper!AK$2:AK$366,ROUNDDOWN($C8719/24,0)+1,1)*INDEX($D$3:$AA$30,INDEX(Jesper!$R$2:$R$366,ROW(INDEX(Jesper!AK$2:AK$366,ROUNDDOWN($C8719/24,0)+1,1))-1)+IF('Standard Profiles'!$G$21=$B$10,7,0)+IF('Standard Profiles'!$G$21=$B$17,14,0)+IF('Standard Profiles'!$G$21=$B$24,21,0),MOD($C8719,24)+1)/SUM(INDEX($D$3:$AA$30,INDEX(Jesper!$R$2:$R$366,ROW(INDEX(Jesper!AK$2:AK$366,ROUNDDOWN($C8719/24,0)+1,1))-1)+IF('Standard Profiles'!$G$21=$B$10,7,0)+IF('Standard Profiles'!$G$21=$B$17,14,0)+IF('Standard Profiles'!$G$21=$B$24,21,0),0)),0)</f>
        <v>0</v>
      </c>
      <c r="H8719" cm="1">
        <f t="array" ref="H8719">IFERROR(INDEX(Jesper!AL$2:AL$366,ROUNDDOWN($C8719/24,0)+1,1)*INDEX($D$3:$AA$30,INDEX(Jesper!$R$2:$R$366,ROW(INDEX(Jesper!AL$2:AL$366,ROUNDDOWN($C8719/24,0)+1,1))-1)+IF('Standard Profiles'!$G$22=$B$10,7,0)+IF('Standard Profiles'!$G$22=$B$17,14,0)+IF('Standard Profiles'!$G$22=$B$24,21,0),MOD($C8719,24)+1)/SUM(INDEX($D$3:$AA$30,INDEX(Jesper!$R$2:$R$366,ROW(INDEX(Jesper!AL$2:AL$366,ROUNDDOWN($C8719/24,0)+1,1))-1)+IF('Standard Profiles'!$G$22=$B$10,7,0)+IF('Standard Profiles'!$G$22=$B$17,14,0)+IF('Standard Profiles'!$G$22=$B$24,21,0),0)),0)</f>
        <v>0</v>
      </c>
      <c r="I8719">
        <f t="shared" si="965"/>
        <v>0.12606266749639822</v>
      </c>
      <c r="J8719">
        <f t="shared" si="966"/>
        <v>0.42020889165466074</v>
      </c>
      <c r="K8719">
        <f t="shared" si="967"/>
        <v>0.63031333748199103</v>
      </c>
      <c r="L8719">
        <f t="shared" si="968"/>
        <v>3.0255040199135572</v>
      </c>
      <c r="M8719">
        <f t="shared" si="969"/>
        <v>0</v>
      </c>
      <c r="N8719" s="46">
        <f t="shared" si="970"/>
        <v>45653.874999978936</v>
      </c>
    </row>
    <row r="8720" spans="2:14" x14ac:dyDescent="0.3">
      <c r="B8720">
        <f t="shared" si="964"/>
        <v>5</v>
      </c>
      <c r="C8720" s="16">
        <v>8686</v>
      </c>
      <c r="D8720" cm="1">
        <f t="array" ref="D8720">IFERROR(INDEX(Jesper!AH$2:AH$366,ROUNDDOWN($C8720/24,0)+1,1)*INDEX($D$3:$AA$30,INDEX(Jesper!$R$2:$R$366,ROW(INDEX(Jesper!AH$2:AH$366,ROUNDDOWN($C8720/24,0)+1,1))-1)+IF('Standard Profiles'!$G$18=$B$10,7,0)+IF('Standard Profiles'!$G$18=$B$17,14,0)+IF('Standard Profiles'!$G$18=$B$24,21,0),MOD($C8720,24)+1)/SUM(INDEX($D$3:$AA$30,INDEX(Jesper!$R$2:$R$366,ROW(INDEX(Jesper!AH$2:AH$366,ROUNDDOWN($C8720/24,0)+1,1))-1)+IF('Standard Profiles'!$G$18=$B$10,7,0)+IF('Standard Profiles'!$G$18=$B$17,14,0)+IF('Standard Profiles'!$G$18=$B$24,21,0),0)),0)</f>
        <v>4.2020889165466073</v>
      </c>
      <c r="E8720" cm="1">
        <f t="array" ref="E8720">IFERROR(INDEX(Jesper!AI$2:AI$366,ROUNDDOWN($C8720/24,0)+1,1)*INDEX($D$3:$AA$30,INDEX(Jesper!$R$2:$R$366,ROW(INDEX(Jesper!AI$2:AI$366,ROUNDDOWN($C8720/24,0)+1,1))-1)+IF('Standard Profiles'!$G$19=$B$10,7,0)+IF('Standard Profiles'!$G$19=$B$17,14,0)+IF('Standard Profiles'!$G$19=$B$24,21,0),MOD($C8720,24)+1)/SUM(INDEX($D$3:$AA$30,INDEX(Jesper!$R$2:$R$366,ROW(INDEX(Jesper!AI$2:AI$366,ROUNDDOWN($C8720/24,0)+1,1))-1)+IF('Standard Profiles'!$G$19=$B$10,7,0)+IF('Standard Profiles'!$G$19=$B$17,14,0)+IF('Standard Profiles'!$G$19=$B$24,21,0),0)),0)</f>
        <v>0</v>
      </c>
      <c r="F8720" cm="1">
        <f t="array" ref="F8720">IFERROR(INDEX(Jesper!AJ$2:AJ$366,ROUNDDOWN($C8720/24,0)+1,1)*INDEX($D$3:$AA$30,INDEX(Jesper!$R$2:$R$366,ROW(INDEX(Jesper!AJ$2:AJ$366,ROUNDDOWN($C8720/24,0)+1,1))-1)+IF('Standard Profiles'!$G$20=$B$10,7,0)+IF('Standard Profiles'!$G$20=$B$17,14,0)+IF('Standard Profiles'!$G$20=$B$24,21,0),MOD($C8720,24)+1)/SUM(INDEX($D$3:$AA$30,INDEX(Jesper!$R$2:$R$366,ROW(INDEX(Jesper!AJ$2:AJ$366,ROUNDDOWN($C8720/24,0)+1,1))-1)+IF('Standard Profiles'!$G$20=$B$10,7,0)+IF('Standard Profiles'!$G$20=$B$17,14,0)+IF('Standard Profiles'!$G$20=$B$24,21,0),0)),0)</f>
        <v>0</v>
      </c>
      <c r="G8720" cm="1">
        <f t="array" ref="G8720">IFERROR(INDEX(Jesper!AK$2:AK$366,ROUNDDOWN($C8720/24,0)+1,1)*INDEX($D$3:$AA$30,INDEX(Jesper!$R$2:$R$366,ROW(INDEX(Jesper!AK$2:AK$366,ROUNDDOWN($C8720/24,0)+1,1))-1)+IF('Standard Profiles'!$G$21=$B$10,7,0)+IF('Standard Profiles'!$G$21=$B$17,14,0)+IF('Standard Profiles'!$G$21=$B$24,21,0),MOD($C8720,24)+1)/SUM(INDEX($D$3:$AA$30,INDEX(Jesper!$R$2:$R$366,ROW(INDEX(Jesper!AK$2:AK$366,ROUNDDOWN($C8720/24,0)+1,1))-1)+IF('Standard Profiles'!$G$21=$B$10,7,0)+IF('Standard Profiles'!$G$21=$B$17,14,0)+IF('Standard Profiles'!$G$21=$B$24,21,0),0)),0)</f>
        <v>0</v>
      </c>
      <c r="H8720" cm="1">
        <f t="array" ref="H8720">IFERROR(INDEX(Jesper!AL$2:AL$366,ROUNDDOWN($C8720/24,0)+1,1)*INDEX($D$3:$AA$30,INDEX(Jesper!$R$2:$R$366,ROW(INDEX(Jesper!AL$2:AL$366,ROUNDDOWN($C8720/24,0)+1,1))-1)+IF('Standard Profiles'!$G$22=$B$10,7,0)+IF('Standard Profiles'!$G$22=$B$17,14,0)+IF('Standard Profiles'!$G$22=$B$24,21,0),MOD($C8720,24)+1)/SUM(INDEX($D$3:$AA$30,INDEX(Jesper!$R$2:$R$366,ROW(INDEX(Jesper!AL$2:AL$366,ROUNDDOWN($C8720/24,0)+1,1))-1)+IF('Standard Profiles'!$G$22=$B$10,7,0)+IF('Standard Profiles'!$G$22=$B$17,14,0)+IF('Standard Profiles'!$G$22=$B$24,21,0),0)),0)</f>
        <v>0</v>
      </c>
      <c r="I8720">
        <f t="shared" si="965"/>
        <v>0.12606266749639822</v>
      </c>
      <c r="J8720">
        <f t="shared" si="966"/>
        <v>0.42020889165466074</v>
      </c>
      <c r="K8720">
        <f t="shared" si="967"/>
        <v>0.63031333748199103</v>
      </c>
      <c r="L8720">
        <f t="shared" si="968"/>
        <v>3.0255040199135572</v>
      </c>
      <c r="M8720">
        <f t="shared" si="969"/>
        <v>0</v>
      </c>
      <c r="N8720" s="46">
        <f t="shared" si="970"/>
        <v>45653.9166666456</v>
      </c>
    </row>
    <row r="8721" spans="2:14" x14ac:dyDescent="0.3">
      <c r="B8721">
        <f t="shared" si="964"/>
        <v>5</v>
      </c>
      <c r="C8721" s="16">
        <v>8687</v>
      </c>
      <c r="D8721" cm="1">
        <f t="array" ref="D8721">IFERROR(INDEX(Jesper!AH$2:AH$366,ROUNDDOWN($C8721/24,0)+1,1)*INDEX($D$3:$AA$30,INDEX(Jesper!$R$2:$R$366,ROW(INDEX(Jesper!AH$2:AH$366,ROUNDDOWN($C8721/24,0)+1,1))-1)+IF('Standard Profiles'!$G$18=$B$10,7,0)+IF('Standard Profiles'!$G$18=$B$17,14,0)+IF('Standard Profiles'!$G$18=$B$24,21,0),MOD($C8721,24)+1)/SUM(INDEX($D$3:$AA$30,INDEX(Jesper!$R$2:$R$366,ROW(INDEX(Jesper!AH$2:AH$366,ROUNDDOWN($C8721/24,0)+1,1))-1)+IF('Standard Profiles'!$G$18=$B$10,7,0)+IF('Standard Profiles'!$G$18=$B$17,14,0)+IF('Standard Profiles'!$G$18=$B$24,21,0),0)),0)</f>
        <v>4.2020889165466073</v>
      </c>
      <c r="E8721" cm="1">
        <f t="array" ref="E8721">IFERROR(INDEX(Jesper!AI$2:AI$366,ROUNDDOWN($C8721/24,0)+1,1)*INDEX($D$3:$AA$30,INDEX(Jesper!$R$2:$R$366,ROW(INDEX(Jesper!AI$2:AI$366,ROUNDDOWN($C8721/24,0)+1,1))-1)+IF('Standard Profiles'!$G$19=$B$10,7,0)+IF('Standard Profiles'!$G$19=$B$17,14,0)+IF('Standard Profiles'!$G$19=$B$24,21,0),MOD($C8721,24)+1)/SUM(INDEX($D$3:$AA$30,INDEX(Jesper!$R$2:$R$366,ROW(INDEX(Jesper!AI$2:AI$366,ROUNDDOWN($C8721/24,0)+1,1))-1)+IF('Standard Profiles'!$G$19=$B$10,7,0)+IF('Standard Profiles'!$G$19=$B$17,14,0)+IF('Standard Profiles'!$G$19=$B$24,21,0),0)),0)</f>
        <v>0</v>
      </c>
      <c r="F8721" cm="1">
        <f t="array" ref="F8721">IFERROR(INDEX(Jesper!AJ$2:AJ$366,ROUNDDOWN($C8721/24,0)+1,1)*INDEX($D$3:$AA$30,INDEX(Jesper!$R$2:$R$366,ROW(INDEX(Jesper!AJ$2:AJ$366,ROUNDDOWN($C8721/24,0)+1,1))-1)+IF('Standard Profiles'!$G$20=$B$10,7,0)+IF('Standard Profiles'!$G$20=$B$17,14,0)+IF('Standard Profiles'!$G$20=$B$24,21,0),MOD($C8721,24)+1)/SUM(INDEX($D$3:$AA$30,INDEX(Jesper!$R$2:$R$366,ROW(INDEX(Jesper!AJ$2:AJ$366,ROUNDDOWN($C8721/24,0)+1,1))-1)+IF('Standard Profiles'!$G$20=$B$10,7,0)+IF('Standard Profiles'!$G$20=$B$17,14,0)+IF('Standard Profiles'!$G$20=$B$24,21,0),0)),0)</f>
        <v>0</v>
      </c>
      <c r="G8721" cm="1">
        <f t="array" ref="G8721">IFERROR(INDEX(Jesper!AK$2:AK$366,ROUNDDOWN($C8721/24,0)+1,1)*INDEX($D$3:$AA$30,INDEX(Jesper!$R$2:$R$366,ROW(INDEX(Jesper!AK$2:AK$366,ROUNDDOWN($C8721/24,0)+1,1))-1)+IF('Standard Profiles'!$G$21=$B$10,7,0)+IF('Standard Profiles'!$G$21=$B$17,14,0)+IF('Standard Profiles'!$G$21=$B$24,21,0),MOD($C8721,24)+1)/SUM(INDEX($D$3:$AA$30,INDEX(Jesper!$R$2:$R$366,ROW(INDEX(Jesper!AK$2:AK$366,ROUNDDOWN($C8721/24,0)+1,1))-1)+IF('Standard Profiles'!$G$21=$B$10,7,0)+IF('Standard Profiles'!$G$21=$B$17,14,0)+IF('Standard Profiles'!$G$21=$B$24,21,0),0)),0)</f>
        <v>0</v>
      </c>
      <c r="H8721" cm="1">
        <f t="array" ref="H8721">IFERROR(INDEX(Jesper!AL$2:AL$366,ROUNDDOWN($C8721/24,0)+1,1)*INDEX($D$3:$AA$30,INDEX(Jesper!$R$2:$R$366,ROW(INDEX(Jesper!AL$2:AL$366,ROUNDDOWN($C8721/24,0)+1,1))-1)+IF('Standard Profiles'!$G$22=$B$10,7,0)+IF('Standard Profiles'!$G$22=$B$17,14,0)+IF('Standard Profiles'!$G$22=$B$24,21,0),MOD($C8721,24)+1)/SUM(INDEX($D$3:$AA$30,INDEX(Jesper!$R$2:$R$366,ROW(INDEX(Jesper!AL$2:AL$366,ROUNDDOWN($C8721/24,0)+1,1))-1)+IF('Standard Profiles'!$G$22=$B$10,7,0)+IF('Standard Profiles'!$G$22=$B$17,14,0)+IF('Standard Profiles'!$G$22=$B$24,21,0),0)),0)</f>
        <v>0</v>
      </c>
      <c r="I8721">
        <f t="shared" si="965"/>
        <v>0.12606266749639822</v>
      </c>
      <c r="J8721">
        <f t="shared" si="966"/>
        <v>0.42020889165466074</v>
      </c>
      <c r="K8721">
        <f t="shared" si="967"/>
        <v>0.63031333748199103</v>
      </c>
      <c r="L8721">
        <f t="shared" si="968"/>
        <v>3.0255040199135572</v>
      </c>
      <c r="M8721">
        <f t="shared" si="969"/>
        <v>0</v>
      </c>
      <c r="N8721" s="46">
        <f t="shared" si="970"/>
        <v>45653.958333312265</v>
      </c>
    </row>
    <row r="8722" spans="2:14" x14ac:dyDescent="0.3">
      <c r="B8722">
        <f t="shared" si="964"/>
        <v>6</v>
      </c>
      <c r="C8722" s="16">
        <v>8688</v>
      </c>
      <c r="D8722" cm="1">
        <f t="array" ref="D8722">IFERROR(INDEX(Jesper!AH$2:AH$366,ROUNDDOWN($C8722/24,0)+1,1)*INDEX($D$3:$AA$30,INDEX(Jesper!$R$2:$R$366,ROW(INDEX(Jesper!AH$2:AH$366,ROUNDDOWN($C8722/24,0)+1,1))-1)+IF('Standard Profiles'!$G$18=$B$10,7,0)+IF('Standard Profiles'!$G$18=$B$17,14,0)+IF('Standard Profiles'!$G$18=$B$24,21,0),MOD($C8722,24)+1)/SUM(INDEX($D$3:$AA$30,INDEX(Jesper!$R$2:$R$366,ROW(INDEX(Jesper!AH$2:AH$366,ROUNDDOWN($C8722/24,0)+1,1))-1)+IF('Standard Profiles'!$G$18=$B$10,7,0)+IF('Standard Profiles'!$G$18=$B$17,14,0)+IF('Standard Profiles'!$G$18=$B$24,21,0),0)),0)</f>
        <v>4.4258047159046612</v>
      </c>
      <c r="E8722" cm="1">
        <f t="array" ref="E8722">IFERROR(INDEX(Jesper!AI$2:AI$366,ROUNDDOWN($C8722/24,0)+1,1)*INDEX($D$3:$AA$30,INDEX(Jesper!$R$2:$R$366,ROW(INDEX(Jesper!AI$2:AI$366,ROUNDDOWN($C8722/24,0)+1,1))-1)+IF('Standard Profiles'!$G$19=$B$10,7,0)+IF('Standard Profiles'!$G$19=$B$17,14,0)+IF('Standard Profiles'!$G$19=$B$24,21,0),MOD($C8722,24)+1)/SUM(INDEX($D$3:$AA$30,INDEX(Jesper!$R$2:$R$366,ROW(INDEX(Jesper!AI$2:AI$366,ROUNDDOWN($C8722/24,0)+1,1))-1)+IF('Standard Profiles'!$G$19=$B$10,7,0)+IF('Standard Profiles'!$G$19=$B$17,14,0)+IF('Standard Profiles'!$G$19=$B$24,21,0),0)),0)</f>
        <v>1.0564006417104548</v>
      </c>
      <c r="F8722" cm="1">
        <f t="array" ref="F8722">IFERROR(INDEX(Jesper!AJ$2:AJ$366,ROUNDDOWN($C8722/24,0)+1,1)*INDEX($D$3:$AA$30,INDEX(Jesper!$R$2:$R$366,ROW(INDEX(Jesper!AJ$2:AJ$366,ROUNDDOWN($C8722/24,0)+1,1))-1)+IF('Standard Profiles'!$G$20=$B$10,7,0)+IF('Standard Profiles'!$G$20=$B$17,14,0)+IF('Standard Profiles'!$G$20=$B$24,21,0),MOD($C8722,24)+1)/SUM(INDEX($D$3:$AA$30,INDEX(Jesper!$R$2:$R$366,ROW(INDEX(Jesper!AJ$2:AJ$366,ROUNDDOWN($C8722/24,0)+1,1))-1)+IF('Standard Profiles'!$G$20=$B$10,7,0)+IF('Standard Profiles'!$G$20=$B$17,14,0)+IF('Standard Profiles'!$G$20=$B$24,21,0),0)),0)</f>
        <v>0</v>
      </c>
      <c r="G8722" cm="1">
        <f t="array" ref="G8722">IFERROR(INDEX(Jesper!AK$2:AK$366,ROUNDDOWN($C8722/24,0)+1,1)*INDEX($D$3:$AA$30,INDEX(Jesper!$R$2:$R$366,ROW(INDEX(Jesper!AK$2:AK$366,ROUNDDOWN($C8722/24,0)+1,1))-1)+IF('Standard Profiles'!$G$21=$B$10,7,0)+IF('Standard Profiles'!$G$21=$B$17,14,0)+IF('Standard Profiles'!$G$21=$B$24,21,0),MOD($C8722,24)+1)/SUM(INDEX($D$3:$AA$30,INDEX(Jesper!$R$2:$R$366,ROW(INDEX(Jesper!AK$2:AK$366,ROUNDDOWN($C8722/24,0)+1,1))-1)+IF('Standard Profiles'!$G$21=$B$10,7,0)+IF('Standard Profiles'!$G$21=$B$17,14,0)+IF('Standard Profiles'!$G$21=$B$24,21,0),0)),0)</f>
        <v>0</v>
      </c>
      <c r="H8722" cm="1">
        <f t="array" ref="H8722">IFERROR(INDEX(Jesper!AL$2:AL$366,ROUNDDOWN($C8722/24,0)+1,1)*INDEX($D$3:$AA$30,INDEX(Jesper!$R$2:$R$366,ROW(INDEX(Jesper!AL$2:AL$366,ROUNDDOWN($C8722/24,0)+1,1))-1)+IF('Standard Profiles'!$G$22=$B$10,7,0)+IF('Standard Profiles'!$G$22=$B$17,14,0)+IF('Standard Profiles'!$G$22=$B$24,21,0),MOD($C8722,24)+1)/SUM(INDEX($D$3:$AA$30,INDEX(Jesper!$R$2:$R$366,ROW(INDEX(Jesper!AL$2:AL$366,ROUNDDOWN($C8722/24,0)+1,1))-1)+IF('Standard Profiles'!$G$22=$B$10,7,0)+IF('Standard Profiles'!$G$22=$B$17,14,0)+IF('Standard Profiles'!$G$22=$B$24,21,0),0)),0)</f>
        <v>0</v>
      </c>
      <c r="I8722">
        <f t="shared" si="965"/>
        <v>9.5171228982923878E-2</v>
      </c>
      <c r="J8722">
        <f t="shared" si="966"/>
        <v>0.31723742994307963</v>
      </c>
      <c r="K8722">
        <f t="shared" si="967"/>
        <v>0.47585614491461947</v>
      </c>
      <c r="L8722">
        <f t="shared" si="968"/>
        <v>4.5939405537744928</v>
      </c>
      <c r="M8722">
        <f t="shared" si="969"/>
        <v>0</v>
      </c>
      <c r="N8722" s="46">
        <f t="shared" si="970"/>
        <v>45653.999999978929</v>
      </c>
    </row>
    <row r="8723" spans="2:14" x14ac:dyDescent="0.3">
      <c r="B8723">
        <f t="shared" si="964"/>
        <v>6</v>
      </c>
      <c r="C8723" s="16">
        <v>8689</v>
      </c>
      <c r="D8723" cm="1">
        <f t="array" ref="D8723">IFERROR(INDEX(Jesper!AH$2:AH$366,ROUNDDOWN($C8723/24,0)+1,1)*INDEX($D$3:$AA$30,INDEX(Jesper!$R$2:$R$366,ROW(INDEX(Jesper!AH$2:AH$366,ROUNDDOWN($C8723/24,0)+1,1))-1)+IF('Standard Profiles'!$G$18=$B$10,7,0)+IF('Standard Profiles'!$G$18=$B$17,14,0)+IF('Standard Profiles'!$G$18=$B$24,21,0),MOD($C8723,24)+1)/SUM(INDEX($D$3:$AA$30,INDEX(Jesper!$R$2:$R$366,ROW(INDEX(Jesper!AH$2:AH$366,ROUNDDOWN($C8723/24,0)+1,1))-1)+IF('Standard Profiles'!$G$18=$B$10,7,0)+IF('Standard Profiles'!$G$18=$B$17,14,0)+IF('Standard Profiles'!$G$18=$B$24,21,0),0)),0)</f>
        <v>8.6408568262900527</v>
      </c>
      <c r="E8723" cm="1">
        <f t="array" ref="E8723">IFERROR(INDEX(Jesper!AI$2:AI$366,ROUNDDOWN($C8723/24,0)+1,1)*INDEX($D$3:$AA$30,INDEX(Jesper!$R$2:$R$366,ROW(INDEX(Jesper!AI$2:AI$366,ROUNDDOWN($C8723/24,0)+1,1))-1)+IF('Standard Profiles'!$G$19=$B$10,7,0)+IF('Standard Profiles'!$G$19=$B$17,14,0)+IF('Standard Profiles'!$G$19=$B$24,21,0),MOD($C8723,24)+1)/SUM(INDEX($D$3:$AA$30,INDEX(Jesper!$R$2:$R$366,ROW(INDEX(Jesper!AI$2:AI$366,ROUNDDOWN($C8723/24,0)+1,1))-1)+IF('Standard Profiles'!$G$19=$B$10,7,0)+IF('Standard Profiles'!$G$19=$B$17,14,0)+IF('Standard Profiles'!$G$19=$B$24,21,0),0)),0)</f>
        <v>2.0624964909585071</v>
      </c>
      <c r="F8723" cm="1">
        <f t="array" ref="F8723">IFERROR(INDEX(Jesper!AJ$2:AJ$366,ROUNDDOWN($C8723/24,0)+1,1)*INDEX($D$3:$AA$30,INDEX(Jesper!$R$2:$R$366,ROW(INDEX(Jesper!AJ$2:AJ$366,ROUNDDOWN($C8723/24,0)+1,1))-1)+IF('Standard Profiles'!$G$20=$B$10,7,0)+IF('Standard Profiles'!$G$20=$B$17,14,0)+IF('Standard Profiles'!$G$20=$B$24,21,0),MOD($C8723,24)+1)/SUM(INDEX($D$3:$AA$30,INDEX(Jesper!$R$2:$R$366,ROW(INDEX(Jesper!AJ$2:AJ$366,ROUNDDOWN($C8723/24,0)+1,1))-1)+IF('Standard Profiles'!$G$20=$B$10,7,0)+IF('Standard Profiles'!$G$20=$B$17,14,0)+IF('Standard Profiles'!$G$20=$B$24,21,0),0)),0)</f>
        <v>0</v>
      </c>
      <c r="G8723" cm="1">
        <f t="array" ref="G8723">IFERROR(INDEX(Jesper!AK$2:AK$366,ROUNDDOWN($C8723/24,0)+1,1)*INDEX($D$3:$AA$30,INDEX(Jesper!$R$2:$R$366,ROW(INDEX(Jesper!AK$2:AK$366,ROUNDDOWN($C8723/24,0)+1,1))-1)+IF('Standard Profiles'!$G$21=$B$10,7,0)+IF('Standard Profiles'!$G$21=$B$17,14,0)+IF('Standard Profiles'!$G$21=$B$24,21,0),MOD($C8723,24)+1)/SUM(INDEX($D$3:$AA$30,INDEX(Jesper!$R$2:$R$366,ROW(INDEX(Jesper!AK$2:AK$366,ROUNDDOWN($C8723/24,0)+1,1))-1)+IF('Standard Profiles'!$G$21=$B$10,7,0)+IF('Standard Profiles'!$G$21=$B$17,14,0)+IF('Standard Profiles'!$G$21=$B$24,21,0),0)),0)</f>
        <v>0</v>
      </c>
      <c r="H8723" cm="1">
        <f t="array" ref="H8723">IFERROR(INDEX(Jesper!AL$2:AL$366,ROUNDDOWN($C8723/24,0)+1,1)*INDEX($D$3:$AA$30,INDEX(Jesper!$R$2:$R$366,ROW(INDEX(Jesper!AL$2:AL$366,ROUNDDOWN($C8723/24,0)+1,1))-1)+IF('Standard Profiles'!$G$22=$B$10,7,0)+IF('Standard Profiles'!$G$22=$B$17,14,0)+IF('Standard Profiles'!$G$22=$B$24,21,0),MOD($C8723,24)+1)/SUM(INDEX($D$3:$AA$30,INDEX(Jesper!$R$2:$R$366,ROW(INDEX(Jesper!AL$2:AL$366,ROUNDDOWN($C8723/24,0)+1,1))-1)+IF('Standard Profiles'!$G$22=$B$10,7,0)+IF('Standard Profiles'!$G$22=$B$17,14,0)+IF('Standard Profiles'!$G$22=$B$24,21,0),0)),0)</f>
        <v>0</v>
      </c>
      <c r="I8723">
        <f t="shared" si="965"/>
        <v>0.18581049468094663</v>
      </c>
      <c r="J8723">
        <f t="shared" si="966"/>
        <v>0.61936831560315553</v>
      </c>
      <c r="K8723">
        <f t="shared" si="967"/>
        <v>0.92905247340473329</v>
      </c>
      <c r="L8723">
        <f t="shared" si="968"/>
        <v>8.9691220335597244</v>
      </c>
      <c r="M8723">
        <f t="shared" si="969"/>
        <v>0</v>
      </c>
      <c r="N8723" s="46">
        <f t="shared" si="970"/>
        <v>45654.041666645593</v>
      </c>
    </row>
    <row r="8724" spans="2:14" x14ac:dyDescent="0.3">
      <c r="B8724">
        <f t="shared" si="964"/>
        <v>6</v>
      </c>
      <c r="C8724" s="16">
        <v>8690</v>
      </c>
      <c r="D8724" cm="1">
        <f t="array" ref="D8724">IFERROR(INDEX(Jesper!AH$2:AH$366,ROUNDDOWN($C8724/24,0)+1,1)*INDEX($D$3:$AA$30,INDEX(Jesper!$R$2:$R$366,ROW(INDEX(Jesper!AH$2:AH$366,ROUNDDOWN($C8724/24,0)+1,1))-1)+IF('Standard Profiles'!$G$18=$B$10,7,0)+IF('Standard Profiles'!$G$18=$B$17,14,0)+IF('Standard Profiles'!$G$18=$B$24,21,0),MOD($C8724,24)+1)/SUM(INDEX($D$3:$AA$30,INDEX(Jesper!$R$2:$R$366,ROW(INDEX(Jesper!AH$2:AH$366,ROUNDDOWN($C8724/24,0)+1,1))-1)+IF('Standard Profiles'!$G$18=$B$10,7,0)+IF('Standard Profiles'!$G$18=$B$17,14,0)+IF('Standard Profiles'!$G$18=$B$24,21,0),0)),0)</f>
        <v>8.6408568262900527</v>
      </c>
      <c r="E8724" cm="1">
        <f t="array" ref="E8724">IFERROR(INDEX(Jesper!AI$2:AI$366,ROUNDDOWN($C8724/24,0)+1,1)*INDEX($D$3:$AA$30,INDEX(Jesper!$R$2:$R$366,ROW(INDEX(Jesper!AI$2:AI$366,ROUNDDOWN($C8724/24,0)+1,1))-1)+IF('Standard Profiles'!$G$19=$B$10,7,0)+IF('Standard Profiles'!$G$19=$B$17,14,0)+IF('Standard Profiles'!$G$19=$B$24,21,0),MOD($C8724,24)+1)/SUM(INDEX($D$3:$AA$30,INDEX(Jesper!$R$2:$R$366,ROW(INDEX(Jesper!AI$2:AI$366,ROUNDDOWN($C8724/24,0)+1,1))-1)+IF('Standard Profiles'!$G$19=$B$10,7,0)+IF('Standard Profiles'!$G$19=$B$17,14,0)+IF('Standard Profiles'!$G$19=$B$24,21,0),0)),0)</f>
        <v>2.0624964909585071</v>
      </c>
      <c r="F8724" cm="1">
        <f t="array" ref="F8724">IFERROR(INDEX(Jesper!AJ$2:AJ$366,ROUNDDOWN($C8724/24,0)+1,1)*INDEX($D$3:$AA$30,INDEX(Jesper!$R$2:$R$366,ROW(INDEX(Jesper!AJ$2:AJ$366,ROUNDDOWN($C8724/24,0)+1,1))-1)+IF('Standard Profiles'!$G$20=$B$10,7,0)+IF('Standard Profiles'!$G$20=$B$17,14,0)+IF('Standard Profiles'!$G$20=$B$24,21,0),MOD($C8724,24)+1)/SUM(INDEX($D$3:$AA$30,INDEX(Jesper!$R$2:$R$366,ROW(INDEX(Jesper!AJ$2:AJ$366,ROUNDDOWN($C8724/24,0)+1,1))-1)+IF('Standard Profiles'!$G$20=$B$10,7,0)+IF('Standard Profiles'!$G$20=$B$17,14,0)+IF('Standard Profiles'!$G$20=$B$24,21,0),0)),0)</f>
        <v>0</v>
      </c>
      <c r="G8724" cm="1">
        <f t="array" ref="G8724">IFERROR(INDEX(Jesper!AK$2:AK$366,ROUNDDOWN($C8724/24,0)+1,1)*INDEX($D$3:$AA$30,INDEX(Jesper!$R$2:$R$366,ROW(INDEX(Jesper!AK$2:AK$366,ROUNDDOWN($C8724/24,0)+1,1))-1)+IF('Standard Profiles'!$G$21=$B$10,7,0)+IF('Standard Profiles'!$G$21=$B$17,14,0)+IF('Standard Profiles'!$G$21=$B$24,21,0),MOD($C8724,24)+1)/SUM(INDEX($D$3:$AA$30,INDEX(Jesper!$R$2:$R$366,ROW(INDEX(Jesper!AK$2:AK$366,ROUNDDOWN($C8724/24,0)+1,1))-1)+IF('Standard Profiles'!$G$21=$B$10,7,0)+IF('Standard Profiles'!$G$21=$B$17,14,0)+IF('Standard Profiles'!$G$21=$B$24,21,0),0)),0)</f>
        <v>0</v>
      </c>
      <c r="H8724" cm="1">
        <f t="array" ref="H8724">IFERROR(INDEX(Jesper!AL$2:AL$366,ROUNDDOWN($C8724/24,0)+1,1)*INDEX($D$3:$AA$30,INDEX(Jesper!$R$2:$R$366,ROW(INDEX(Jesper!AL$2:AL$366,ROUNDDOWN($C8724/24,0)+1,1))-1)+IF('Standard Profiles'!$G$22=$B$10,7,0)+IF('Standard Profiles'!$G$22=$B$17,14,0)+IF('Standard Profiles'!$G$22=$B$24,21,0),MOD($C8724,24)+1)/SUM(INDEX($D$3:$AA$30,INDEX(Jesper!$R$2:$R$366,ROW(INDEX(Jesper!AL$2:AL$366,ROUNDDOWN($C8724/24,0)+1,1))-1)+IF('Standard Profiles'!$G$22=$B$10,7,0)+IF('Standard Profiles'!$G$22=$B$17,14,0)+IF('Standard Profiles'!$G$22=$B$24,21,0),0)),0)</f>
        <v>0</v>
      </c>
      <c r="I8724">
        <f t="shared" si="965"/>
        <v>0.18581049468094663</v>
      </c>
      <c r="J8724">
        <f t="shared" si="966"/>
        <v>0.61936831560315553</v>
      </c>
      <c r="K8724">
        <f t="shared" si="967"/>
        <v>0.92905247340473329</v>
      </c>
      <c r="L8724">
        <f t="shared" si="968"/>
        <v>8.9691220335597244</v>
      </c>
      <c r="M8724">
        <f t="shared" si="969"/>
        <v>0</v>
      </c>
      <c r="N8724" s="46">
        <f t="shared" si="970"/>
        <v>45654.083333312257</v>
      </c>
    </row>
    <row r="8725" spans="2:14" x14ac:dyDescent="0.3">
      <c r="B8725">
        <f t="shared" si="964"/>
        <v>6</v>
      </c>
      <c r="C8725" s="16">
        <v>8691</v>
      </c>
      <c r="D8725" cm="1">
        <f t="array" ref="D8725">IFERROR(INDEX(Jesper!AH$2:AH$366,ROUNDDOWN($C8725/24,0)+1,1)*INDEX($D$3:$AA$30,INDEX(Jesper!$R$2:$R$366,ROW(INDEX(Jesper!AH$2:AH$366,ROUNDDOWN($C8725/24,0)+1,1))-1)+IF('Standard Profiles'!$G$18=$B$10,7,0)+IF('Standard Profiles'!$G$18=$B$17,14,0)+IF('Standard Profiles'!$G$18=$B$24,21,0),MOD($C8725,24)+1)/SUM(INDEX($D$3:$AA$30,INDEX(Jesper!$R$2:$R$366,ROW(INDEX(Jesper!AH$2:AH$366,ROUNDDOWN($C8725/24,0)+1,1))-1)+IF('Standard Profiles'!$G$18=$B$10,7,0)+IF('Standard Profiles'!$G$18=$B$17,14,0)+IF('Standard Profiles'!$G$18=$B$24,21,0),0)),0)</f>
        <v>8.6408568262900527</v>
      </c>
      <c r="E8725" cm="1">
        <f t="array" ref="E8725">IFERROR(INDEX(Jesper!AI$2:AI$366,ROUNDDOWN($C8725/24,0)+1,1)*INDEX($D$3:$AA$30,INDEX(Jesper!$R$2:$R$366,ROW(INDEX(Jesper!AI$2:AI$366,ROUNDDOWN($C8725/24,0)+1,1))-1)+IF('Standard Profiles'!$G$19=$B$10,7,0)+IF('Standard Profiles'!$G$19=$B$17,14,0)+IF('Standard Profiles'!$G$19=$B$24,21,0),MOD($C8725,24)+1)/SUM(INDEX($D$3:$AA$30,INDEX(Jesper!$R$2:$R$366,ROW(INDEX(Jesper!AI$2:AI$366,ROUNDDOWN($C8725/24,0)+1,1))-1)+IF('Standard Profiles'!$G$19=$B$10,7,0)+IF('Standard Profiles'!$G$19=$B$17,14,0)+IF('Standard Profiles'!$G$19=$B$24,21,0),0)),0)</f>
        <v>2.0624964909585071</v>
      </c>
      <c r="F8725" cm="1">
        <f t="array" ref="F8725">IFERROR(INDEX(Jesper!AJ$2:AJ$366,ROUNDDOWN($C8725/24,0)+1,1)*INDEX($D$3:$AA$30,INDEX(Jesper!$R$2:$R$366,ROW(INDEX(Jesper!AJ$2:AJ$366,ROUNDDOWN($C8725/24,0)+1,1))-1)+IF('Standard Profiles'!$G$20=$B$10,7,0)+IF('Standard Profiles'!$G$20=$B$17,14,0)+IF('Standard Profiles'!$G$20=$B$24,21,0),MOD($C8725,24)+1)/SUM(INDEX($D$3:$AA$30,INDEX(Jesper!$R$2:$R$366,ROW(INDEX(Jesper!AJ$2:AJ$366,ROUNDDOWN($C8725/24,0)+1,1))-1)+IF('Standard Profiles'!$G$20=$B$10,7,0)+IF('Standard Profiles'!$G$20=$B$17,14,0)+IF('Standard Profiles'!$G$20=$B$24,21,0),0)),0)</f>
        <v>0</v>
      </c>
      <c r="G8725" cm="1">
        <f t="array" ref="G8725">IFERROR(INDEX(Jesper!AK$2:AK$366,ROUNDDOWN($C8725/24,0)+1,1)*INDEX($D$3:$AA$30,INDEX(Jesper!$R$2:$R$366,ROW(INDEX(Jesper!AK$2:AK$366,ROUNDDOWN($C8725/24,0)+1,1))-1)+IF('Standard Profiles'!$G$21=$B$10,7,0)+IF('Standard Profiles'!$G$21=$B$17,14,0)+IF('Standard Profiles'!$G$21=$B$24,21,0),MOD($C8725,24)+1)/SUM(INDEX($D$3:$AA$30,INDEX(Jesper!$R$2:$R$366,ROW(INDEX(Jesper!AK$2:AK$366,ROUNDDOWN($C8725/24,0)+1,1))-1)+IF('Standard Profiles'!$G$21=$B$10,7,0)+IF('Standard Profiles'!$G$21=$B$17,14,0)+IF('Standard Profiles'!$G$21=$B$24,21,0),0)),0)</f>
        <v>0</v>
      </c>
      <c r="H8725" cm="1">
        <f t="array" ref="H8725">IFERROR(INDEX(Jesper!AL$2:AL$366,ROUNDDOWN($C8725/24,0)+1,1)*INDEX($D$3:$AA$30,INDEX(Jesper!$R$2:$R$366,ROW(INDEX(Jesper!AL$2:AL$366,ROUNDDOWN($C8725/24,0)+1,1))-1)+IF('Standard Profiles'!$G$22=$B$10,7,0)+IF('Standard Profiles'!$G$22=$B$17,14,0)+IF('Standard Profiles'!$G$22=$B$24,21,0),MOD($C8725,24)+1)/SUM(INDEX($D$3:$AA$30,INDEX(Jesper!$R$2:$R$366,ROW(INDEX(Jesper!AL$2:AL$366,ROUNDDOWN($C8725/24,0)+1,1))-1)+IF('Standard Profiles'!$G$22=$B$10,7,0)+IF('Standard Profiles'!$G$22=$B$17,14,0)+IF('Standard Profiles'!$G$22=$B$24,21,0),0)),0)</f>
        <v>0</v>
      </c>
      <c r="I8725">
        <f t="shared" si="965"/>
        <v>0.18581049468094663</v>
      </c>
      <c r="J8725">
        <f t="shared" si="966"/>
        <v>0.61936831560315553</v>
      </c>
      <c r="K8725">
        <f t="shared" si="967"/>
        <v>0.92905247340473329</v>
      </c>
      <c r="L8725">
        <f t="shared" si="968"/>
        <v>8.9691220335597244</v>
      </c>
      <c r="M8725">
        <f t="shared" si="969"/>
        <v>0</v>
      </c>
      <c r="N8725" s="46">
        <f t="shared" si="970"/>
        <v>45654.124999978922</v>
      </c>
    </row>
    <row r="8726" spans="2:14" x14ac:dyDescent="0.3">
      <c r="B8726">
        <f t="shared" si="964"/>
        <v>6</v>
      </c>
      <c r="C8726" s="16">
        <v>8692</v>
      </c>
      <c r="D8726" cm="1">
        <f t="array" ref="D8726">IFERROR(INDEX(Jesper!AH$2:AH$366,ROUNDDOWN($C8726/24,0)+1,1)*INDEX($D$3:$AA$30,INDEX(Jesper!$R$2:$R$366,ROW(INDEX(Jesper!AH$2:AH$366,ROUNDDOWN($C8726/24,0)+1,1))-1)+IF('Standard Profiles'!$G$18=$B$10,7,0)+IF('Standard Profiles'!$G$18=$B$17,14,0)+IF('Standard Profiles'!$G$18=$B$24,21,0),MOD($C8726,24)+1)/SUM(INDEX($D$3:$AA$30,INDEX(Jesper!$R$2:$R$366,ROW(INDEX(Jesper!AH$2:AH$366,ROUNDDOWN($C8726/24,0)+1,1))-1)+IF('Standard Profiles'!$G$18=$B$10,7,0)+IF('Standard Profiles'!$G$18=$B$17,14,0)+IF('Standard Profiles'!$G$18=$B$24,21,0),0)),0)</f>
        <v>8.6408568262900527</v>
      </c>
      <c r="E8726" cm="1">
        <f t="array" ref="E8726">IFERROR(INDEX(Jesper!AI$2:AI$366,ROUNDDOWN($C8726/24,0)+1,1)*INDEX($D$3:$AA$30,INDEX(Jesper!$R$2:$R$366,ROW(INDEX(Jesper!AI$2:AI$366,ROUNDDOWN($C8726/24,0)+1,1))-1)+IF('Standard Profiles'!$G$19=$B$10,7,0)+IF('Standard Profiles'!$G$19=$B$17,14,0)+IF('Standard Profiles'!$G$19=$B$24,21,0),MOD($C8726,24)+1)/SUM(INDEX($D$3:$AA$30,INDEX(Jesper!$R$2:$R$366,ROW(INDEX(Jesper!AI$2:AI$366,ROUNDDOWN($C8726/24,0)+1,1))-1)+IF('Standard Profiles'!$G$19=$B$10,7,0)+IF('Standard Profiles'!$G$19=$B$17,14,0)+IF('Standard Profiles'!$G$19=$B$24,21,0),0)),0)</f>
        <v>2.0624964909585071</v>
      </c>
      <c r="F8726" cm="1">
        <f t="array" ref="F8726">IFERROR(INDEX(Jesper!AJ$2:AJ$366,ROUNDDOWN($C8726/24,0)+1,1)*INDEX($D$3:$AA$30,INDEX(Jesper!$R$2:$R$366,ROW(INDEX(Jesper!AJ$2:AJ$366,ROUNDDOWN($C8726/24,0)+1,1))-1)+IF('Standard Profiles'!$G$20=$B$10,7,0)+IF('Standard Profiles'!$G$20=$B$17,14,0)+IF('Standard Profiles'!$G$20=$B$24,21,0),MOD($C8726,24)+1)/SUM(INDEX($D$3:$AA$30,INDEX(Jesper!$R$2:$R$366,ROW(INDEX(Jesper!AJ$2:AJ$366,ROUNDDOWN($C8726/24,0)+1,1))-1)+IF('Standard Profiles'!$G$20=$B$10,7,0)+IF('Standard Profiles'!$G$20=$B$17,14,0)+IF('Standard Profiles'!$G$20=$B$24,21,0),0)),0)</f>
        <v>0</v>
      </c>
      <c r="G8726" cm="1">
        <f t="array" ref="G8726">IFERROR(INDEX(Jesper!AK$2:AK$366,ROUNDDOWN($C8726/24,0)+1,1)*INDEX($D$3:$AA$30,INDEX(Jesper!$R$2:$R$366,ROW(INDEX(Jesper!AK$2:AK$366,ROUNDDOWN($C8726/24,0)+1,1))-1)+IF('Standard Profiles'!$G$21=$B$10,7,0)+IF('Standard Profiles'!$G$21=$B$17,14,0)+IF('Standard Profiles'!$G$21=$B$24,21,0),MOD($C8726,24)+1)/SUM(INDEX($D$3:$AA$30,INDEX(Jesper!$R$2:$R$366,ROW(INDEX(Jesper!AK$2:AK$366,ROUNDDOWN($C8726/24,0)+1,1))-1)+IF('Standard Profiles'!$G$21=$B$10,7,0)+IF('Standard Profiles'!$G$21=$B$17,14,0)+IF('Standard Profiles'!$G$21=$B$24,21,0),0)),0)</f>
        <v>0</v>
      </c>
      <c r="H8726" cm="1">
        <f t="array" ref="H8726">IFERROR(INDEX(Jesper!AL$2:AL$366,ROUNDDOWN($C8726/24,0)+1,1)*INDEX($D$3:$AA$30,INDEX(Jesper!$R$2:$R$366,ROW(INDEX(Jesper!AL$2:AL$366,ROUNDDOWN($C8726/24,0)+1,1))-1)+IF('Standard Profiles'!$G$22=$B$10,7,0)+IF('Standard Profiles'!$G$22=$B$17,14,0)+IF('Standard Profiles'!$G$22=$B$24,21,0),MOD($C8726,24)+1)/SUM(INDEX($D$3:$AA$30,INDEX(Jesper!$R$2:$R$366,ROW(INDEX(Jesper!AL$2:AL$366,ROUNDDOWN($C8726/24,0)+1,1))-1)+IF('Standard Profiles'!$G$22=$B$10,7,0)+IF('Standard Profiles'!$G$22=$B$17,14,0)+IF('Standard Profiles'!$G$22=$B$24,21,0),0)),0)</f>
        <v>0</v>
      </c>
      <c r="I8726">
        <f t="shared" si="965"/>
        <v>0.18581049468094663</v>
      </c>
      <c r="J8726">
        <f t="shared" si="966"/>
        <v>0.61936831560315553</v>
      </c>
      <c r="K8726">
        <f t="shared" si="967"/>
        <v>0.92905247340473329</v>
      </c>
      <c r="L8726">
        <f t="shared" si="968"/>
        <v>8.9691220335597244</v>
      </c>
      <c r="M8726">
        <f t="shared" si="969"/>
        <v>0</v>
      </c>
      <c r="N8726" s="46">
        <f t="shared" si="970"/>
        <v>45654.166666645586</v>
      </c>
    </row>
    <row r="8727" spans="2:14" x14ac:dyDescent="0.3">
      <c r="B8727">
        <f t="shared" si="964"/>
        <v>6</v>
      </c>
      <c r="C8727" s="16">
        <v>8693</v>
      </c>
      <c r="D8727" cm="1">
        <f t="array" ref="D8727">IFERROR(INDEX(Jesper!AH$2:AH$366,ROUNDDOWN($C8727/24,0)+1,1)*INDEX($D$3:$AA$30,INDEX(Jesper!$R$2:$R$366,ROW(INDEX(Jesper!AH$2:AH$366,ROUNDDOWN($C8727/24,0)+1,1))-1)+IF('Standard Profiles'!$G$18=$B$10,7,0)+IF('Standard Profiles'!$G$18=$B$17,14,0)+IF('Standard Profiles'!$G$18=$B$24,21,0),MOD($C8727,24)+1)/SUM(INDEX($D$3:$AA$30,INDEX(Jesper!$R$2:$R$366,ROW(INDEX(Jesper!AH$2:AH$366,ROUNDDOWN($C8727/24,0)+1,1))-1)+IF('Standard Profiles'!$G$18=$B$10,7,0)+IF('Standard Profiles'!$G$18=$B$17,14,0)+IF('Standard Profiles'!$G$18=$B$24,21,0),0)),0)</f>
        <v>10.748382881482749</v>
      </c>
      <c r="E8727" cm="1">
        <f t="array" ref="E8727">IFERROR(INDEX(Jesper!AI$2:AI$366,ROUNDDOWN($C8727/24,0)+1,1)*INDEX($D$3:$AA$30,INDEX(Jesper!$R$2:$R$366,ROW(INDEX(Jesper!AI$2:AI$366,ROUNDDOWN($C8727/24,0)+1,1))-1)+IF('Standard Profiles'!$G$19=$B$10,7,0)+IF('Standard Profiles'!$G$19=$B$17,14,0)+IF('Standard Profiles'!$G$19=$B$24,21,0),MOD($C8727,24)+1)/SUM(INDEX($D$3:$AA$30,INDEX(Jesper!$R$2:$R$366,ROW(INDEX(Jesper!AI$2:AI$366,ROUNDDOWN($C8727/24,0)+1,1))-1)+IF('Standard Profiles'!$G$19=$B$10,7,0)+IF('Standard Profiles'!$G$19=$B$17,14,0)+IF('Standard Profiles'!$G$19=$B$24,21,0),0)),0)</f>
        <v>2.5655444155825333</v>
      </c>
      <c r="F8727" cm="1">
        <f t="array" ref="F8727">IFERROR(INDEX(Jesper!AJ$2:AJ$366,ROUNDDOWN($C8727/24,0)+1,1)*INDEX($D$3:$AA$30,INDEX(Jesper!$R$2:$R$366,ROW(INDEX(Jesper!AJ$2:AJ$366,ROUNDDOWN($C8727/24,0)+1,1))-1)+IF('Standard Profiles'!$G$20=$B$10,7,0)+IF('Standard Profiles'!$G$20=$B$17,14,0)+IF('Standard Profiles'!$G$20=$B$24,21,0),MOD($C8727,24)+1)/SUM(INDEX($D$3:$AA$30,INDEX(Jesper!$R$2:$R$366,ROW(INDEX(Jesper!AJ$2:AJ$366,ROUNDDOWN($C8727/24,0)+1,1))-1)+IF('Standard Profiles'!$G$20=$B$10,7,0)+IF('Standard Profiles'!$G$20=$B$17,14,0)+IF('Standard Profiles'!$G$20=$B$24,21,0),0)),0)</f>
        <v>0</v>
      </c>
      <c r="G8727" cm="1">
        <f t="array" ref="G8727">IFERROR(INDEX(Jesper!AK$2:AK$366,ROUNDDOWN($C8727/24,0)+1,1)*INDEX($D$3:$AA$30,INDEX(Jesper!$R$2:$R$366,ROW(INDEX(Jesper!AK$2:AK$366,ROUNDDOWN($C8727/24,0)+1,1))-1)+IF('Standard Profiles'!$G$21=$B$10,7,0)+IF('Standard Profiles'!$G$21=$B$17,14,0)+IF('Standard Profiles'!$G$21=$B$24,21,0),MOD($C8727,24)+1)/SUM(INDEX($D$3:$AA$30,INDEX(Jesper!$R$2:$R$366,ROW(INDEX(Jesper!AK$2:AK$366,ROUNDDOWN($C8727/24,0)+1,1))-1)+IF('Standard Profiles'!$G$21=$B$10,7,0)+IF('Standard Profiles'!$G$21=$B$17,14,0)+IF('Standard Profiles'!$G$21=$B$24,21,0),0)),0)</f>
        <v>0</v>
      </c>
      <c r="H8727" cm="1">
        <f t="array" ref="H8727">IFERROR(INDEX(Jesper!AL$2:AL$366,ROUNDDOWN($C8727/24,0)+1,1)*INDEX($D$3:$AA$30,INDEX(Jesper!$R$2:$R$366,ROW(INDEX(Jesper!AL$2:AL$366,ROUNDDOWN($C8727/24,0)+1,1))-1)+IF('Standard Profiles'!$G$22=$B$10,7,0)+IF('Standard Profiles'!$G$22=$B$17,14,0)+IF('Standard Profiles'!$G$22=$B$24,21,0),MOD($C8727,24)+1)/SUM(INDEX($D$3:$AA$30,INDEX(Jesper!$R$2:$R$366,ROW(INDEX(Jesper!AL$2:AL$366,ROUNDDOWN($C8727/24,0)+1,1))-1)+IF('Standard Profiles'!$G$22=$B$10,7,0)+IF('Standard Profiles'!$G$22=$B$17,14,0)+IF('Standard Profiles'!$G$22=$B$24,21,0),0)),0)</f>
        <v>0</v>
      </c>
      <c r="I8727">
        <f t="shared" si="965"/>
        <v>0.23113012752995801</v>
      </c>
      <c r="J8727">
        <f t="shared" si="966"/>
        <v>0.77043375843319351</v>
      </c>
      <c r="K8727">
        <f t="shared" si="967"/>
        <v>1.1556506376497901</v>
      </c>
      <c r="L8727">
        <f t="shared" si="968"/>
        <v>11.156712773452341</v>
      </c>
      <c r="M8727">
        <f t="shared" si="969"/>
        <v>0</v>
      </c>
      <c r="N8727" s="46">
        <f t="shared" si="970"/>
        <v>45654.20833331225</v>
      </c>
    </row>
    <row r="8728" spans="2:14" x14ac:dyDescent="0.3">
      <c r="B8728">
        <f t="shared" si="964"/>
        <v>6</v>
      </c>
      <c r="C8728" s="16">
        <v>8694</v>
      </c>
      <c r="D8728" cm="1">
        <f t="array" ref="D8728">IFERROR(INDEX(Jesper!AH$2:AH$366,ROUNDDOWN($C8728/24,0)+1,1)*INDEX($D$3:$AA$30,INDEX(Jesper!$R$2:$R$366,ROW(INDEX(Jesper!AH$2:AH$366,ROUNDDOWN($C8728/24,0)+1,1))-1)+IF('Standard Profiles'!$G$18=$B$10,7,0)+IF('Standard Profiles'!$G$18=$B$17,14,0)+IF('Standard Profiles'!$G$18=$B$24,21,0),MOD($C8728,24)+1)/SUM(INDEX($D$3:$AA$30,INDEX(Jesper!$R$2:$R$366,ROW(INDEX(Jesper!AH$2:AH$366,ROUNDDOWN($C8728/24,0)+1,1))-1)+IF('Standard Profiles'!$G$18=$B$10,7,0)+IF('Standard Profiles'!$G$18=$B$17,14,0)+IF('Standard Profiles'!$G$18=$B$24,21,0),0)),0)</f>
        <v>13.488166753233253</v>
      </c>
      <c r="E8728" cm="1">
        <f t="array" ref="E8728">IFERROR(INDEX(Jesper!AI$2:AI$366,ROUNDDOWN($C8728/24,0)+1,1)*INDEX($D$3:$AA$30,INDEX(Jesper!$R$2:$R$366,ROW(INDEX(Jesper!AI$2:AI$366,ROUNDDOWN($C8728/24,0)+1,1))-1)+IF('Standard Profiles'!$G$19=$B$10,7,0)+IF('Standard Profiles'!$G$19=$B$17,14,0)+IF('Standard Profiles'!$G$19=$B$24,21,0),MOD($C8728,24)+1)/SUM(INDEX($D$3:$AA$30,INDEX(Jesper!$R$2:$R$366,ROW(INDEX(Jesper!AI$2:AI$366,ROUNDDOWN($C8728/24,0)+1,1))-1)+IF('Standard Profiles'!$G$19=$B$10,7,0)+IF('Standard Profiles'!$G$19=$B$17,14,0)+IF('Standard Profiles'!$G$19=$B$24,21,0),0)),0)</f>
        <v>3.2195067175937679</v>
      </c>
      <c r="F8728" cm="1">
        <f t="array" ref="F8728">IFERROR(INDEX(Jesper!AJ$2:AJ$366,ROUNDDOWN($C8728/24,0)+1,1)*INDEX($D$3:$AA$30,INDEX(Jesper!$R$2:$R$366,ROW(INDEX(Jesper!AJ$2:AJ$366,ROUNDDOWN($C8728/24,0)+1,1))-1)+IF('Standard Profiles'!$G$20=$B$10,7,0)+IF('Standard Profiles'!$G$20=$B$17,14,0)+IF('Standard Profiles'!$G$20=$B$24,21,0),MOD($C8728,24)+1)/SUM(INDEX($D$3:$AA$30,INDEX(Jesper!$R$2:$R$366,ROW(INDEX(Jesper!AJ$2:AJ$366,ROUNDDOWN($C8728/24,0)+1,1))-1)+IF('Standard Profiles'!$G$20=$B$10,7,0)+IF('Standard Profiles'!$G$20=$B$17,14,0)+IF('Standard Profiles'!$G$20=$B$24,21,0),0)),0)</f>
        <v>0</v>
      </c>
      <c r="G8728" cm="1">
        <f t="array" ref="G8728">IFERROR(INDEX(Jesper!AK$2:AK$366,ROUNDDOWN($C8728/24,0)+1,1)*INDEX($D$3:$AA$30,INDEX(Jesper!$R$2:$R$366,ROW(INDEX(Jesper!AK$2:AK$366,ROUNDDOWN($C8728/24,0)+1,1))-1)+IF('Standard Profiles'!$G$21=$B$10,7,0)+IF('Standard Profiles'!$G$21=$B$17,14,0)+IF('Standard Profiles'!$G$21=$B$24,21,0),MOD($C8728,24)+1)/SUM(INDEX($D$3:$AA$30,INDEX(Jesper!$R$2:$R$366,ROW(INDEX(Jesper!AK$2:AK$366,ROUNDDOWN($C8728/24,0)+1,1))-1)+IF('Standard Profiles'!$G$21=$B$10,7,0)+IF('Standard Profiles'!$G$21=$B$17,14,0)+IF('Standard Profiles'!$G$21=$B$24,21,0),0)),0)</f>
        <v>0</v>
      </c>
      <c r="H8728" cm="1">
        <f t="array" ref="H8728">IFERROR(INDEX(Jesper!AL$2:AL$366,ROUNDDOWN($C8728/24,0)+1,1)*INDEX($D$3:$AA$30,INDEX(Jesper!$R$2:$R$366,ROW(INDEX(Jesper!AL$2:AL$366,ROUNDDOWN($C8728/24,0)+1,1))-1)+IF('Standard Profiles'!$G$22=$B$10,7,0)+IF('Standard Profiles'!$G$22=$B$17,14,0)+IF('Standard Profiles'!$G$22=$B$24,21,0),MOD($C8728,24)+1)/SUM(INDEX($D$3:$AA$30,INDEX(Jesper!$R$2:$R$366,ROW(INDEX(Jesper!AL$2:AL$366,ROUNDDOWN($C8728/24,0)+1,1))-1)+IF('Standard Profiles'!$G$22=$B$10,7,0)+IF('Standard Profiles'!$G$22=$B$17,14,0)+IF('Standard Profiles'!$G$22=$B$24,21,0),0)),0)</f>
        <v>0</v>
      </c>
      <c r="I8728">
        <f t="shared" si="965"/>
        <v>0.29004565023367285</v>
      </c>
      <c r="J8728">
        <f t="shared" si="966"/>
        <v>0.96681883411224301</v>
      </c>
      <c r="K8728">
        <f t="shared" si="967"/>
        <v>1.4502282511683644</v>
      </c>
      <c r="L8728">
        <f t="shared" si="968"/>
        <v>14.000580735312742</v>
      </c>
      <c r="M8728">
        <f t="shared" si="969"/>
        <v>0</v>
      </c>
      <c r="N8728" s="46">
        <f t="shared" si="970"/>
        <v>45654.249999978914</v>
      </c>
    </row>
    <row r="8729" spans="2:14" x14ac:dyDescent="0.3">
      <c r="B8729">
        <f t="shared" si="964"/>
        <v>6</v>
      </c>
      <c r="C8729" s="16">
        <v>8695</v>
      </c>
      <c r="D8729" cm="1">
        <f t="array" ref="D8729">IFERROR(INDEX(Jesper!AH$2:AH$366,ROUNDDOWN($C8729/24,0)+1,1)*INDEX($D$3:$AA$30,INDEX(Jesper!$R$2:$R$366,ROW(INDEX(Jesper!AH$2:AH$366,ROUNDDOWN($C8729/24,0)+1,1))-1)+IF('Standard Profiles'!$G$18=$B$10,7,0)+IF('Standard Profiles'!$G$18=$B$17,14,0)+IF('Standard Profiles'!$G$18=$B$24,21,0),MOD($C8729,24)+1)/SUM(INDEX($D$3:$AA$30,INDEX(Jesper!$R$2:$R$366,ROW(INDEX(Jesper!AH$2:AH$366,ROUNDDOWN($C8729/24,0)+1,1))-1)+IF('Standard Profiles'!$G$18=$B$10,7,0)+IF('Standard Profiles'!$G$18=$B$17,14,0)+IF('Standard Profiles'!$G$18=$B$24,21,0),0)),0)</f>
        <v>15.384940202906678</v>
      </c>
      <c r="E8729" cm="1">
        <f t="array" ref="E8729">IFERROR(INDEX(Jesper!AI$2:AI$366,ROUNDDOWN($C8729/24,0)+1,1)*INDEX($D$3:$AA$30,INDEX(Jesper!$R$2:$R$366,ROW(INDEX(Jesper!AI$2:AI$366,ROUNDDOWN($C8729/24,0)+1,1))-1)+IF('Standard Profiles'!$G$19=$B$10,7,0)+IF('Standard Profiles'!$G$19=$B$17,14,0)+IF('Standard Profiles'!$G$19=$B$24,21,0),MOD($C8729,24)+1)/SUM(INDEX($D$3:$AA$30,INDEX(Jesper!$R$2:$R$366,ROW(INDEX(Jesper!AI$2:AI$366,ROUNDDOWN($C8729/24,0)+1,1))-1)+IF('Standard Profiles'!$G$19=$B$10,7,0)+IF('Standard Profiles'!$G$19=$B$17,14,0)+IF('Standard Profiles'!$G$19=$B$24,21,0),0)),0)</f>
        <v>3.6722498497553913</v>
      </c>
      <c r="F8729" cm="1">
        <f t="array" ref="F8729">IFERROR(INDEX(Jesper!AJ$2:AJ$366,ROUNDDOWN($C8729/24,0)+1,1)*INDEX($D$3:$AA$30,INDEX(Jesper!$R$2:$R$366,ROW(INDEX(Jesper!AJ$2:AJ$366,ROUNDDOWN($C8729/24,0)+1,1))-1)+IF('Standard Profiles'!$G$20=$B$10,7,0)+IF('Standard Profiles'!$G$20=$B$17,14,0)+IF('Standard Profiles'!$G$20=$B$24,21,0),MOD($C8729,24)+1)/SUM(INDEX($D$3:$AA$30,INDEX(Jesper!$R$2:$R$366,ROW(INDEX(Jesper!AJ$2:AJ$366,ROUNDDOWN($C8729/24,0)+1,1))-1)+IF('Standard Profiles'!$G$20=$B$10,7,0)+IF('Standard Profiles'!$G$20=$B$17,14,0)+IF('Standard Profiles'!$G$20=$B$24,21,0),0)),0)</f>
        <v>0</v>
      </c>
      <c r="G8729" cm="1">
        <f t="array" ref="G8729">IFERROR(INDEX(Jesper!AK$2:AK$366,ROUNDDOWN($C8729/24,0)+1,1)*INDEX($D$3:$AA$30,INDEX(Jesper!$R$2:$R$366,ROW(INDEX(Jesper!AK$2:AK$366,ROUNDDOWN($C8729/24,0)+1,1))-1)+IF('Standard Profiles'!$G$21=$B$10,7,0)+IF('Standard Profiles'!$G$21=$B$17,14,0)+IF('Standard Profiles'!$G$21=$B$24,21,0),MOD($C8729,24)+1)/SUM(INDEX($D$3:$AA$30,INDEX(Jesper!$R$2:$R$366,ROW(INDEX(Jesper!AK$2:AK$366,ROUNDDOWN($C8729/24,0)+1,1))-1)+IF('Standard Profiles'!$G$21=$B$10,7,0)+IF('Standard Profiles'!$G$21=$B$17,14,0)+IF('Standard Profiles'!$G$21=$B$24,21,0),0)),0)</f>
        <v>0</v>
      </c>
      <c r="H8729" cm="1">
        <f t="array" ref="H8729">IFERROR(INDEX(Jesper!AL$2:AL$366,ROUNDDOWN($C8729/24,0)+1,1)*INDEX($D$3:$AA$30,INDEX(Jesper!$R$2:$R$366,ROW(INDEX(Jesper!AL$2:AL$366,ROUNDDOWN($C8729/24,0)+1,1))-1)+IF('Standard Profiles'!$G$22=$B$10,7,0)+IF('Standard Profiles'!$G$22=$B$17,14,0)+IF('Standard Profiles'!$G$22=$B$24,21,0),MOD($C8729,24)+1)/SUM(INDEX($D$3:$AA$30,INDEX(Jesper!$R$2:$R$366,ROW(INDEX(Jesper!AL$2:AL$366,ROUNDDOWN($C8729/24,0)+1,1))-1)+IF('Standard Profiles'!$G$22=$B$10,7,0)+IF('Standard Profiles'!$G$22=$B$17,14,0)+IF('Standard Profiles'!$G$22=$B$24,21,0),0)),0)</f>
        <v>0</v>
      </c>
      <c r="I8729">
        <f t="shared" si="965"/>
        <v>0.33083331979778308</v>
      </c>
      <c r="J8729">
        <f t="shared" si="966"/>
        <v>1.1027777326592771</v>
      </c>
      <c r="K8729">
        <f t="shared" si="967"/>
        <v>1.6541665989889156</v>
      </c>
      <c r="L8729">
        <f t="shared" si="968"/>
        <v>15.969412401216093</v>
      </c>
      <c r="M8729">
        <f t="shared" si="969"/>
        <v>0</v>
      </c>
      <c r="N8729" s="46">
        <f t="shared" si="970"/>
        <v>45654.291666645579</v>
      </c>
    </row>
    <row r="8730" spans="2:14" x14ac:dyDescent="0.3">
      <c r="B8730">
        <f t="shared" si="964"/>
        <v>6</v>
      </c>
      <c r="C8730" s="16">
        <v>8696</v>
      </c>
      <c r="D8730" cm="1">
        <f t="array" ref="D8730">IFERROR(INDEX(Jesper!AH$2:AH$366,ROUNDDOWN($C8730/24,0)+1,1)*INDEX($D$3:$AA$30,INDEX(Jesper!$R$2:$R$366,ROW(INDEX(Jesper!AH$2:AH$366,ROUNDDOWN($C8730/24,0)+1,1))-1)+IF('Standard Profiles'!$G$18=$B$10,7,0)+IF('Standard Profiles'!$G$18=$B$17,14,0)+IF('Standard Profiles'!$G$18=$B$24,21,0),MOD($C8730,24)+1)/SUM(INDEX($D$3:$AA$30,INDEX(Jesper!$R$2:$R$366,ROW(INDEX(Jesper!AH$2:AH$366,ROUNDDOWN($C8730/24,0)+1,1))-1)+IF('Standard Profiles'!$G$18=$B$10,7,0)+IF('Standard Profiles'!$G$18=$B$17,14,0)+IF('Standard Profiles'!$G$18=$B$24,21,0),0)),0)</f>
        <v>15.384940202906678</v>
      </c>
      <c r="E8730" cm="1">
        <f t="array" ref="E8730">IFERROR(INDEX(Jesper!AI$2:AI$366,ROUNDDOWN($C8730/24,0)+1,1)*INDEX($D$3:$AA$30,INDEX(Jesper!$R$2:$R$366,ROW(INDEX(Jesper!AI$2:AI$366,ROUNDDOWN($C8730/24,0)+1,1))-1)+IF('Standard Profiles'!$G$19=$B$10,7,0)+IF('Standard Profiles'!$G$19=$B$17,14,0)+IF('Standard Profiles'!$G$19=$B$24,21,0),MOD($C8730,24)+1)/SUM(INDEX($D$3:$AA$30,INDEX(Jesper!$R$2:$R$366,ROW(INDEX(Jesper!AI$2:AI$366,ROUNDDOWN($C8730/24,0)+1,1))-1)+IF('Standard Profiles'!$G$19=$B$10,7,0)+IF('Standard Profiles'!$G$19=$B$17,14,0)+IF('Standard Profiles'!$G$19=$B$24,21,0),0)),0)</f>
        <v>3.6722498497553913</v>
      </c>
      <c r="F8730" cm="1">
        <f t="array" ref="F8730">IFERROR(INDEX(Jesper!AJ$2:AJ$366,ROUNDDOWN($C8730/24,0)+1,1)*INDEX($D$3:$AA$30,INDEX(Jesper!$R$2:$R$366,ROW(INDEX(Jesper!AJ$2:AJ$366,ROUNDDOWN($C8730/24,0)+1,1))-1)+IF('Standard Profiles'!$G$20=$B$10,7,0)+IF('Standard Profiles'!$G$20=$B$17,14,0)+IF('Standard Profiles'!$G$20=$B$24,21,0),MOD($C8730,24)+1)/SUM(INDEX($D$3:$AA$30,INDEX(Jesper!$R$2:$R$366,ROW(INDEX(Jesper!AJ$2:AJ$366,ROUNDDOWN($C8730/24,0)+1,1))-1)+IF('Standard Profiles'!$G$20=$B$10,7,0)+IF('Standard Profiles'!$G$20=$B$17,14,0)+IF('Standard Profiles'!$G$20=$B$24,21,0),0)),0)</f>
        <v>0</v>
      </c>
      <c r="G8730" cm="1">
        <f t="array" ref="G8730">IFERROR(INDEX(Jesper!AK$2:AK$366,ROUNDDOWN($C8730/24,0)+1,1)*INDEX($D$3:$AA$30,INDEX(Jesper!$R$2:$R$366,ROW(INDEX(Jesper!AK$2:AK$366,ROUNDDOWN($C8730/24,0)+1,1))-1)+IF('Standard Profiles'!$G$21=$B$10,7,0)+IF('Standard Profiles'!$G$21=$B$17,14,0)+IF('Standard Profiles'!$G$21=$B$24,21,0),MOD($C8730,24)+1)/SUM(INDEX($D$3:$AA$30,INDEX(Jesper!$R$2:$R$366,ROW(INDEX(Jesper!AK$2:AK$366,ROUNDDOWN($C8730/24,0)+1,1))-1)+IF('Standard Profiles'!$G$21=$B$10,7,0)+IF('Standard Profiles'!$G$21=$B$17,14,0)+IF('Standard Profiles'!$G$21=$B$24,21,0),0)),0)</f>
        <v>0</v>
      </c>
      <c r="H8730" cm="1">
        <f t="array" ref="H8730">IFERROR(INDEX(Jesper!AL$2:AL$366,ROUNDDOWN($C8730/24,0)+1,1)*INDEX($D$3:$AA$30,INDEX(Jesper!$R$2:$R$366,ROW(INDEX(Jesper!AL$2:AL$366,ROUNDDOWN($C8730/24,0)+1,1))-1)+IF('Standard Profiles'!$G$22=$B$10,7,0)+IF('Standard Profiles'!$G$22=$B$17,14,0)+IF('Standard Profiles'!$G$22=$B$24,21,0),MOD($C8730,24)+1)/SUM(INDEX($D$3:$AA$30,INDEX(Jesper!$R$2:$R$366,ROW(INDEX(Jesper!AL$2:AL$366,ROUNDDOWN($C8730/24,0)+1,1))-1)+IF('Standard Profiles'!$G$22=$B$10,7,0)+IF('Standard Profiles'!$G$22=$B$17,14,0)+IF('Standard Profiles'!$G$22=$B$24,21,0),0)),0)</f>
        <v>0</v>
      </c>
      <c r="I8730">
        <f t="shared" si="965"/>
        <v>0.33083331979778308</v>
      </c>
      <c r="J8730">
        <f t="shared" si="966"/>
        <v>1.1027777326592771</v>
      </c>
      <c r="K8730">
        <f t="shared" si="967"/>
        <v>1.6541665989889156</v>
      </c>
      <c r="L8730">
        <f t="shared" si="968"/>
        <v>15.969412401216093</v>
      </c>
      <c r="M8730">
        <f t="shared" si="969"/>
        <v>0</v>
      </c>
      <c r="N8730" s="46">
        <f t="shared" si="970"/>
        <v>45654.333333312243</v>
      </c>
    </row>
    <row r="8731" spans="2:14" x14ac:dyDescent="0.3">
      <c r="B8731">
        <f t="shared" si="964"/>
        <v>6</v>
      </c>
      <c r="C8731" s="16">
        <v>8697</v>
      </c>
      <c r="D8731" cm="1">
        <f t="array" ref="D8731">IFERROR(INDEX(Jesper!AH$2:AH$366,ROUNDDOWN($C8731/24,0)+1,1)*INDEX($D$3:$AA$30,INDEX(Jesper!$R$2:$R$366,ROW(INDEX(Jesper!AH$2:AH$366,ROUNDDOWN($C8731/24,0)+1,1))-1)+IF('Standard Profiles'!$G$18=$B$10,7,0)+IF('Standard Profiles'!$G$18=$B$17,14,0)+IF('Standard Profiles'!$G$18=$B$24,21,0),MOD($C8731,24)+1)/SUM(INDEX($D$3:$AA$30,INDEX(Jesper!$R$2:$R$366,ROW(INDEX(Jesper!AH$2:AH$366,ROUNDDOWN($C8731/24,0)+1,1))-1)+IF('Standard Profiles'!$G$18=$B$10,7,0)+IF('Standard Profiles'!$G$18=$B$17,14,0)+IF('Standard Profiles'!$G$18=$B$24,21,0),0)),0)</f>
        <v>15.384940202906678</v>
      </c>
      <c r="E8731" cm="1">
        <f t="array" ref="E8731">IFERROR(INDEX(Jesper!AI$2:AI$366,ROUNDDOWN($C8731/24,0)+1,1)*INDEX($D$3:$AA$30,INDEX(Jesper!$R$2:$R$366,ROW(INDEX(Jesper!AI$2:AI$366,ROUNDDOWN($C8731/24,0)+1,1))-1)+IF('Standard Profiles'!$G$19=$B$10,7,0)+IF('Standard Profiles'!$G$19=$B$17,14,0)+IF('Standard Profiles'!$G$19=$B$24,21,0),MOD($C8731,24)+1)/SUM(INDEX($D$3:$AA$30,INDEX(Jesper!$R$2:$R$366,ROW(INDEX(Jesper!AI$2:AI$366,ROUNDDOWN($C8731/24,0)+1,1))-1)+IF('Standard Profiles'!$G$19=$B$10,7,0)+IF('Standard Profiles'!$G$19=$B$17,14,0)+IF('Standard Profiles'!$G$19=$B$24,21,0),0)),0)</f>
        <v>3.6722498497553913</v>
      </c>
      <c r="F8731" cm="1">
        <f t="array" ref="F8731">IFERROR(INDEX(Jesper!AJ$2:AJ$366,ROUNDDOWN($C8731/24,0)+1,1)*INDEX($D$3:$AA$30,INDEX(Jesper!$R$2:$R$366,ROW(INDEX(Jesper!AJ$2:AJ$366,ROUNDDOWN($C8731/24,0)+1,1))-1)+IF('Standard Profiles'!$G$20=$B$10,7,0)+IF('Standard Profiles'!$G$20=$B$17,14,0)+IF('Standard Profiles'!$G$20=$B$24,21,0),MOD($C8731,24)+1)/SUM(INDEX($D$3:$AA$30,INDEX(Jesper!$R$2:$R$366,ROW(INDEX(Jesper!AJ$2:AJ$366,ROUNDDOWN($C8731/24,0)+1,1))-1)+IF('Standard Profiles'!$G$20=$B$10,7,0)+IF('Standard Profiles'!$G$20=$B$17,14,0)+IF('Standard Profiles'!$G$20=$B$24,21,0),0)),0)</f>
        <v>0</v>
      </c>
      <c r="G8731" cm="1">
        <f t="array" ref="G8731">IFERROR(INDEX(Jesper!AK$2:AK$366,ROUNDDOWN($C8731/24,0)+1,1)*INDEX($D$3:$AA$30,INDEX(Jesper!$R$2:$R$366,ROW(INDEX(Jesper!AK$2:AK$366,ROUNDDOWN($C8731/24,0)+1,1))-1)+IF('Standard Profiles'!$G$21=$B$10,7,0)+IF('Standard Profiles'!$G$21=$B$17,14,0)+IF('Standard Profiles'!$G$21=$B$24,21,0),MOD($C8731,24)+1)/SUM(INDEX($D$3:$AA$30,INDEX(Jesper!$R$2:$R$366,ROW(INDEX(Jesper!AK$2:AK$366,ROUNDDOWN($C8731/24,0)+1,1))-1)+IF('Standard Profiles'!$G$21=$B$10,7,0)+IF('Standard Profiles'!$G$21=$B$17,14,0)+IF('Standard Profiles'!$G$21=$B$24,21,0),0)),0)</f>
        <v>0</v>
      </c>
      <c r="H8731" cm="1">
        <f t="array" ref="H8731">IFERROR(INDEX(Jesper!AL$2:AL$366,ROUNDDOWN($C8731/24,0)+1,1)*INDEX($D$3:$AA$30,INDEX(Jesper!$R$2:$R$366,ROW(INDEX(Jesper!AL$2:AL$366,ROUNDDOWN($C8731/24,0)+1,1))-1)+IF('Standard Profiles'!$G$22=$B$10,7,0)+IF('Standard Profiles'!$G$22=$B$17,14,0)+IF('Standard Profiles'!$G$22=$B$24,21,0),MOD($C8731,24)+1)/SUM(INDEX($D$3:$AA$30,INDEX(Jesper!$R$2:$R$366,ROW(INDEX(Jesper!AL$2:AL$366,ROUNDDOWN($C8731/24,0)+1,1))-1)+IF('Standard Profiles'!$G$22=$B$10,7,0)+IF('Standard Profiles'!$G$22=$B$17,14,0)+IF('Standard Profiles'!$G$22=$B$24,21,0),0)),0)</f>
        <v>0</v>
      </c>
      <c r="I8731">
        <f t="shared" si="965"/>
        <v>0.33083331979778308</v>
      </c>
      <c r="J8731">
        <f t="shared" si="966"/>
        <v>1.1027777326592771</v>
      </c>
      <c r="K8731">
        <f t="shared" si="967"/>
        <v>1.6541665989889156</v>
      </c>
      <c r="L8731">
        <f t="shared" si="968"/>
        <v>15.969412401216093</v>
      </c>
      <c r="M8731">
        <f t="shared" si="969"/>
        <v>0</v>
      </c>
      <c r="N8731" s="46">
        <f t="shared" si="970"/>
        <v>45654.374999978907</v>
      </c>
    </row>
    <row r="8732" spans="2:14" x14ac:dyDescent="0.3">
      <c r="B8732">
        <f t="shared" si="964"/>
        <v>6</v>
      </c>
      <c r="C8732" s="16">
        <v>8698</v>
      </c>
      <c r="D8732" cm="1">
        <f t="array" ref="D8732">IFERROR(INDEX(Jesper!AH$2:AH$366,ROUNDDOWN($C8732/24,0)+1,1)*INDEX($D$3:$AA$30,INDEX(Jesper!$R$2:$R$366,ROW(INDEX(Jesper!AH$2:AH$366,ROUNDDOWN($C8732/24,0)+1,1))-1)+IF('Standard Profiles'!$G$18=$B$10,7,0)+IF('Standard Profiles'!$G$18=$B$17,14,0)+IF('Standard Profiles'!$G$18=$B$24,21,0),MOD($C8732,24)+1)/SUM(INDEX($D$3:$AA$30,INDEX(Jesper!$R$2:$R$366,ROW(INDEX(Jesper!AH$2:AH$366,ROUNDDOWN($C8732/24,0)+1,1))-1)+IF('Standard Profiles'!$G$18=$B$10,7,0)+IF('Standard Profiles'!$G$18=$B$17,14,0)+IF('Standard Profiles'!$G$18=$B$24,21,0),0)),0)</f>
        <v>15.384940202906678</v>
      </c>
      <c r="E8732" cm="1">
        <f t="array" ref="E8732">IFERROR(INDEX(Jesper!AI$2:AI$366,ROUNDDOWN($C8732/24,0)+1,1)*INDEX($D$3:$AA$30,INDEX(Jesper!$R$2:$R$366,ROW(INDEX(Jesper!AI$2:AI$366,ROUNDDOWN($C8732/24,0)+1,1))-1)+IF('Standard Profiles'!$G$19=$B$10,7,0)+IF('Standard Profiles'!$G$19=$B$17,14,0)+IF('Standard Profiles'!$G$19=$B$24,21,0),MOD($C8732,24)+1)/SUM(INDEX($D$3:$AA$30,INDEX(Jesper!$R$2:$R$366,ROW(INDEX(Jesper!AI$2:AI$366,ROUNDDOWN($C8732/24,0)+1,1))-1)+IF('Standard Profiles'!$G$19=$B$10,7,0)+IF('Standard Profiles'!$G$19=$B$17,14,0)+IF('Standard Profiles'!$G$19=$B$24,21,0),0)),0)</f>
        <v>3.6722498497553913</v>
      </c>
      <c r="F8732" cm="1">
        <f t="array" ref="F8732">IFERROR(INDEX(Jesper!AJ$2:AJ$366,ROUNDDOWN($C8732/24,0)+1,1)*INDEX($D$3:$AA$30,INDEX(Jesper!$R$2:$R$366,ROW(INDEX(Jesper!AJ$2:AJ$366,ROUNDDOWN($C8732/24,0)+1,1))-1)+IF('Standard Profiles'!$G$20=$B$10,7,0)+IF('Standard Profiles'!$G$20=$B$17,14,0)+IF('Standard Profiles'!$G$20=$B$24,21,0),MOD($C8732,24)+1)/SUM(INDEX($D$3:$AA$30,INDEX(Jesper!$R$2:$R$366,ROW(INDEX(Jesper!AJ$2:AJ$366,ROUNDDOWN($C8732/24,0)+1,1))-1)+IF('Standard Profiles'!$G$20=$B$10,7,0)+IF('Standard Profiles'!$G$20=$B$17,14,0)+IF('Standard Profiles'!$G$20=$B$24,21,0),0)),0)</f>
        <v>0</v>
      </c>
      <c r="G8732" cm="1">
        <f t="array" ref="G8732">IFERROR(INDEX(Jesper!AK$2:AK$366,ROUNDDOWN($C8732/24,0)+1,1)*INDEX($D$3:$AA$30,INDEX(Jesper!$R$2:$R$366,ROW(INDEX(Jesper!AK$2:AK$366,ROUNDDOWN($C8732/24,0)+1,1))-1)+IF('Standard Profiles'!$G$21=$B$10,7,0)+IF('Standard Profiles'!$G$21=$B$17,14,0)+IF('Standard Profiles'!$G$21=$B$24,21,0),MOD($C8732,24)+1)/SUM(INDEX($D$3:$AA$30,INDEX(Jesper!$R$2:$R$366,ROW(INDEX(Jesper!AK$2:AK$366,ROUNDDOWN($C8732/24,0)+1,1))-1)+IF('Standard Profiles'!$G$21=$B$10,7,0)+IF('Standard Profiles'!$G$21=$B$17,14,0)+IF('Standard Profiles'!$G$21=$B$24,21,0),0)),0)</f>
        <v>0</v>
      </c>
      <c r="H8732" cm="1">
        <f t="array" ref="H8732">IFERROR(INDEX(Jesper!AL$2:AL$366,ROUNDDOWN($C8732/24,0)+1,1)*INDEX($D$3:$AA$30,INDEX(Jesper!$R$2:$R$366,ROW(INDEX(Jesper!AL$2:AL$366,ROUNDDOWN($C8732/24,0)+1,1))-1)+IF('Standard Profiles'!$G$22=$B$10,7,0)+IF('Standard Profiles'!$G$22=$B$17,14,0)+IF('Standard Profiles'!$G$22=$B$24,21,0),MOD($C8732,24)+1)/SUM(INDEX($D$3:$AA$30,INDEX(Jesper!$R$2:$R$366,ROW(INDEX(Jesper!AL$2:AL$366,ROUNDDOWN($C8732/24,0)+1,1))-1)+IF('Standard Profiles'!$G$22=$B$10,7,0)+IF('Standard Profiles'!$G$22=$B$17,14,0)+IF('Standard Profiles'!$G$22=$B$24,21,0),0)),0)</f>
        <v>0</v>
      </c>
      <c r="I8732">
        <f t="shared" si="965"/>
        <v>0.33083331979778308</v>
      </c>
      <c r="J8732">
        <f t="shared" si="966"/>
        <v>1.1027777326592771</v>
      </c>
      <c r="K8732">
        <f t="shared" si="967"/>
        <v>1.6541665989889156</v>
      </c>
      <c r="L8732">
        <f t="shared" si="968"/>
        <v>15.969412401216093</v>
      </c>
      <c r="M8732">
        <f t="shared" si="969"/>
        <v>0</v>
      </c>
      <c r="N8732" s="46">
        <f t="shared" si="970"/>
        <v>45654.416666645571</v>
      </c>
    </row>
    <row r="8733" spans="2:14" x14ac:dyDescent="0.3">
      <c r="B8733">
        <f t="shared" si="964"/>
        <v>6</v>
      </c>
      <c r="C8733" s="16">
        <v>8699</v>
      </c>
      <c r="D8733" cm="1">
        <f t="array" ref="D8733">IFERROR(INDEX(Jesper!AH$2:AH$366,ROUNDDOWN($C8733/24,0)+1,1)*INDEX($D$3:$AA$30,INDEX(Jesper!$R$2:$R$366,ROW(INDEX(Jesper!AH$2:AH$366,ROUNDDOWN($C8733/24,0)+1,1))-1)+IF('Standard Profiles'!$G$18=$B$10,7,0)+IF('Standard Profiles'!$G$18=$B$17,14,0)+IF('Standard Profiles'!$G$18=$B$24,21,0),MOD($C8733,24)+1)/SUM(INDEX($D$3:$AA$30,INDEX(Jesper!$R$2:$R$366,ROW(INDEX(Jesper!AH$2:AH$366,ROUNDDOWN($C8733/24,0)+1,1))-1)+IF('Standard Profiles'!$G$18=$B$10,7,0)+IF('Standard Profiles'!$G$18=$B$17,14,0)+IF('Standard Profiles'!$G$18=$B$24,21,0),0)),0)</f>
        <v>15.384940202906678</v>
      </c>
      <c r="E8733" cm="1">
        <f t="array" ref="E8733">IFERROR(INDEX(Jesper!AI$2:AI$366,ROUNDDOWN($C8733/24,0)+1,1)*INDEX($D$3:$AA$30,INDEX(Jesper!$R$2:$R$366,ROW(INDEX(Jesper!AI$2:AI$366,ROUNDDOWN($C8733/24,0)+1,1))-1)+IF('Standard Profiles'!$G$19=$B$10,7,0)+IF('Standard Profiles'!$G$19=$B$17,14,0)+IF('Standard Profiles'!$G$19=$B$24,21,0),MOD($C8733,24)+1)/SUM(INDEX($D$3:$AA$30,INDEX(Jesper!$R$2:$R$366,ROW(INDEX(Jesper!AI$2:AI$366,ROUNDDOWN($C8733/24,0)+1,1))-1)+IF('Standard Profiles'!$G$19=$B$10,7,0)+IF('Standard Profiles'!$G$19=$B$17,14,0)+IF('Standard Profiles'!$G$19=$B$24,21,0),0)),0)</f>
        <v>3.6722498497553913</v>
      </c>
      <c r="F8733" cm="1">
        <f t="array" ref="F8733">IFERROR(INDEX(Jesper!AJ$2:AJ$366,ROUNDDOWN($C8733/24,0)+1,1)*INDEX($D$3:$AA$30,INDEX(Jesper!$R$2:$R$366,ROW(INDEX(Jesper!AJ$2:AJ$366,ROUNDDOWN($C8733/24,0)+1,1))-1)+IF('Standard Profiles'!$G$20=$B$10,7,0)+IF('Standard Profiles'!$G$20=$B$17,14,0)+IF('Standard Profiles'!$G$20=$B$24,21,0),MOD($C8733,24)+1)/SUM(INDEX($D$3:$AA$30,INDEX(Jesper!$R$2:$R$366,ROW(INDEX(Jesper!AJ$2:AJ$366,ROUNDDOWN($C8733/24,0)+1,1))-1)+IF('Standard Profiles'!$G$20=$B$10,7,0)+IF('Standard Profiles'!$G$20=$B$17,14,0)+IF('Standard Profiles'!$G$20=$B$24,21,0),0)),0)</f>
        <v>0</v>
      </c>
      <c r="G8733" cm="1">
        <f t="array" ref="G8733">IFERROR(INDEX(Jesper!AK$2:AK$366,ROUNDDOWN($C8733/24,0)+1,1)*INDEX($D$3:$AA$30,INDEX(Jesper!$R$2:$R$366,ROW(INDEX(Jesper!AK$2:AK$366,ROUNDDOWN($C8733/24,0)+1,1))-1)+IF('Standard Profiles'!$G$21=$B$10,7,0)+IF('Standard Profiles'!$G$21=$B$17,14,0)+IF('Standard Profiles'!$G$21=$B$24,21,0),MOD($C8733,24)+1)/SUM(INDEX($D$3:$AA$30,INDEX(Jesper!$R$2:$R$366,ROW(INDEX(Jesper!AK$2:AK$366,ROUNDDOWN($C8733/24,0)+1,1))-1)+IF('Standard Profiles'!$G$21=$B$10,7,0)+IF('Standard Profiles'!$G$21=$B$17,14,0)+IF('Standard Profiles'!$G$21=$B$24,21,0),0)),0)</f>
        <v>0</v>
      </c>
      <c r="H8733" cm="1">
        <f t="array" ref="H8733">IFERROR(INDEX(Jesper!AL$2:AL$366,ROUNDDOWN($C8733/24,0)+1,1)*INDEX($D$3:$AA$30,INDEX(Jesper!$R$2:$R$366,ROW(INDEX(Jesper!AL$2:AL$366,ROUNDDOWN($C8733/24,0)+1,1))-1)+IF('Standard Profiles'!$G$22=$B$10,7,0)+IF('Standard Profiles'!$G$22=$B$17,14,0)+IF('Standard Profiles'!$G$22=$B$24,21,0),MOD($C8733,24)+1)/SUM(INDEX($D$3:$AA$30,INDEX(Jesper!$R$2:$R$366,ROW(INDEX(Jesper!AL$2:AL$366,ROUNDDOWN($C8733/24,0)+1,1))-1)+IF('Standard Profiles'!$G$22=$B$10,7,0)+IF('Standard Profiles'!$G$22=$B$17,14,0)+IF('Standard Profiles'!$G$22=$B$24,21,0),0)),0)</f>
        <v>0</v>
      </c>
      <c r="I8733">
        <f t="shared" si="965"/>
        <v>0.33083331979778308</v>
      </c>
      <c r="J8733">
        <f t="shared" si="966"/>
        <v>1.1027777326592771</v>
      </c>
      <c r="K8733">
        <f t="shared" si="967"/>
        <v>1.6541665989889156</v>
      </c>
      <c r="L8733">
        <f t="shared" si="968"/>
        <v>15.969412401216093</v>
      </c>
      <c r="M8733">
        <f t="shared" si="969"/>
        <v>0</v>
      </c>
      <c r="N8733" s="46">
        <f t="shared" si="970"/>
        <v>45654.458333312235</v>
      </c>
    </row>
    <row r="8734" spans="2:14" x14ac:dyDescent="0.3">
      <c r="B8734">
        <f t="shared" si="964"/>
        <v>6</v>
      </c>
      <c r="C8734" s="16">
        <v>8700</v>
      </c>
      <c r="D8734" cm="1">
        <f t="array" ref="D8734">IFERROR(INDEX(Jesper!AH$2:AH$366,ROUNDDOWN($C8734/24,0)+1,1)*INDEX($D$3:$AA$30,INDEX(Jesper!$R$2:$R$366,ROW(INDEX(Jesper!AH$2:AH$366,ROUNDDOWN($C8734/24,0)+1,1))-1)+IF('Standard Profiles'!$G$18=$B$10,7,0)+IF('Standard Profiles'!$G$18=$B$17,14,0)+IF('Standard Profiles'!$G$18=$B$24,21,0),MOD($C8734,24)+1)/SUM(INDEX($D$3:$AA$30,INDEX(Jesper!$R$2:$R$366,ROW(INDEX(Jesper!AH$2:AH$366,ROUNDDOWN($C8734/24,0)+1,1))-1)+IF('Standard Profiles'!$G$18=$B$10,7,0)+IF('Standard Profiles'!$G$18=$B$17,14,0)+IF('Standard Profiles'!$G$18=$B$24,21,0),0)),0)</f>
        <v>15.384940202906678</v>
      </c>
      <c r="E8734" cm="1">
        <f t="array" ref="E8734">IFERROR(INDEX(Jesper!AI$2:AI$366,ROUNDDOWN($C8734/24,0)+1,1)*INDEX($D$3:$AA$30,INDEX(Jesper!$R$2:$R$366,ROW(INDEX(Jesper!AI$2:AI$366,ROUNDDOWN($C8734/24,0)+1,1))-1)+IF('Standard Profiles'!$G$19=$B$10,7,0)+IF('Standard Profiles'!$G$19=$B$17,14,0)+IF('Standard Profiles'!$G$19=$B$24,21,0),MOD($C8734,24)+1)/SUM(INDEX($D$3:$AA$30,INDEX(Jesper!$R$2:$R$366,ROW(INDEX(Jesper!AI$2:AI$366,ROUNDDOWN($C8734/24,0)+1,1))-1)+IF('Standard Profiles'!$G$19=$B$10,7,0)+IF('Standard Profiles'!$G$19=$B$17,14,0)+IF('Standard Profiles'!$G$19=$B$24,21,0),0)),0)</f>
        <v>3.6722498497553913</v>
      </c>
      <c r="F8734" cm="1">
        <f t="array" ref="F8734">IFERROR(INDEX(Jesper!AJ$2:AJ$366,ROUNDDOWN($C8734/24,0)+1,1)*INDEX($D$3:$AA$30,INDEX(Jesper!$R$2:$R$366,ROW(INDEX(Jesper!AJ$2:AJ$366,ROUNDDOWN($C8734/24,0)+1,1))-1)+IF('Standard Profiles'!$G$20=$B$10,7,0)+IF('Standard Profiles'!$G$20=$B$17,14,0)+IF('Standard Profiles'!$G$20=$B$24,21,0),MOD($C8734,24)+1)/SUM(INDEX($D$3:$AA$30,INDEX(Jesper!$R$2:$R$366,ROW(INDEX(Jesper!AJ$2:AJ$366,ROUNDDOWN($C8734/24,0)+1,1))-1)+IF('Standard Profiles'!$G$20=$B$10,7,0)+IF('Standard Profiles'!$G$20=$B$17,14,0)+IF('Standard Profiles'!$G$20=$B$24,21,0),0)),0)</f>
        <v>0</v>
      </c>
      <c r="G8734" cm="1">
        <f t="array" ref="G8734">IFERROR(INDEX(Jesper!AK$2:AK$366,ROUNDDOWN($C8734/24,0)+1,1)*INDEX($D$3:$AA$30,INDEX(Jesper!$R$2:$R$366,ROW(INDEX(Jesper!AK$2:AK$366,ROUNDDOWN($C8734/24,0)+1,1))-1)+IF('Standard Profiles'!$G$21=$B$10,7,0)+IF('Standard Profiles'!$G$21=$B$17,14,0)+IF('Standard Profiles'!$G$21=$B$24,21,0),MOD($C8734,24)+1)/SUM(INDEX($D$3:$AA$30,INDEX(Jesper!$R$2:$R$366,ROW(INDEX(Jesper!AK$2:AK$366,ROUNDDOWN($C8734/24,0)+1,1))-1)+IF('Standard Profiles'!$G$21=$B$10,7,0)+IF('Standard Profiles'!$G$21=$B$17,14,0)+IF('Standard Profiles'!$G$21=$B$24,21,0),0)),0)</f>
        <v>0</v>
      </c>
      <c r="H8734" cm="1">
        <f t="array" ref="H8734">IFERROR(INDEX(Jesper!AL$2:AL$366,ROUNDDOWN($C8734/24,0)+1,1)*INDEX($D$3:$AA$30,INDEX(Jesper!$R$2:$R$366,ROW(INDEX(Jesper!AL$2:AL$366,ROUNDDOWN($C8734/24,0)+1,1))-1)+IF('Standard Profiles'!$G$22=$B$10,7,0)+IF('Standard Profiles'!$G$22=$B$17,14,0)+IF('Standard Profiles'!$G$22=$B$24,21,0),MOD($C8734,24)+1)/SUM(INDEX($D$3:$AA$30,INDEX(Jesper!$R$2:$R$366,ROW(INDEX(Jesper!AL$2:AL$366,ROUNDDOWN($C8734/24,0)+1,1))-1)+IF('Standard Profiles'!$G$22=$B$10,7,0)+IF('Standard Profiles'!$G$22=$B$17,14,0)+IF('Standard Profiles'!$G$22=$B$24,21,0),0)),0)</f>
        <v>0</v>
      </c>
      <c r="I8734">
        <f t="shared" si="965"/>
        <v>0.33083331979778308</v>
      </c>
      <c r="J8734">
        <f t="shared" si="966"/>
        <v>1.1027777326592771</v>
      </c>
      <c r="K8734">
        <f t="shared" si="967"/>
        <v>1.6541665989889156</v>
      </c>
      <c r="L8734">
        <f t="shared" si="968"/>
        <v>15.969412401216093</v>
      </c>
      <c r="M8734">
        <f t="shared" si="969"/>
        <v>0</v>
      </c>
      <c r="N8734" s="46">
        <f t="shared" si="970"/>
        <v>45654.4999999789</v>
      </c>
    </row>
    <row r="8735" spans="2:14" x14ac:dyDescent="0.3">
      <c r="B8735">
        <f t="shared" si="964"/>
        <v>6</v>
      </c>
      <c r="C8735" s="16">
        <v>8701</v>
      </c>
      <c r="D8735" cm="1">
        <f t="array" ref="D8735">IFERROR(INDEX(Jesper!AH$2:AH$366,ROUNDDOWN($C8735/24,0)+1,1)*INDEX($D$3:$AA$30,INDEX(Jesper!$R$2:$R$366,ROW(INDEX(Jesper!AH$2:AH$366,ROUNDDOWN($C8735/24,0)+1,1))-1)+IF('Standard Profiles'!$G$18=$B$10,7,0)+IF('Standard Profiles'!$G$18=$B$17,14,0)+IF('Standard Profiles'!$G$18=$B$24,21,0),MOD($C8735,24)+1)/SUM(INDEX($D$3:$AA$30,INDEX(Jesper!$R$2:$R$366,ROW(INDEX(Jesper!AH$2:AH$366,ROUNDDOWN($C8735/24,0)+1,1))-1)+IF('Standard Profiles'!$G$18=$B$10,7,0)+IF('Standard Profiles'!$G$18=$B$17,14,0)+IF('Standard Profiles'!$G$18=$B$24,21,0),0)),0)</f>
        <v>15.384940202906678</v>
      </c>
      <c r="E8735" cm="1">
        <f t="array" ref="E8735">IFERROR(INDEX(Jesper!AI$2:AI$366,ROUNDDOWN($C8735/24,0)+1,1)*INDEX($D$3:$AA$30,INDEX(Jesper!$R$2:$R$366,ROW(INDEX(Jesper!AI$2:AI$366,ROUNDDOWN($C8735/24,0)+1,1))-1)+IF('Standard Profiles'!$G$19=$B$10,7,0)+IF('Standard Profiles'!$G$19=$B$17,14,0)+IF('Standard Profiles'!$G$19=$B$24,21,0),MOD($C8735,24)+1)/SUM(INDEX($D$3:$AA$30,INDEX(Jesper!$R$2:$R$366,ROW(INDEX(Jesper!AI$2:AI$366,ROUNDDOWN($C8735/24,0)+1,1))-1)+IF('Standard Profiles'!$G$19=$B$10,7,0)+IF('Standard Profiles'!$G$19=$B$17,14,0)+IF('Standard Profiles'!$G$19=$B$24,21,0),0)),0)</f>
        <v>3.6722498497553913</v>
      </c>
      <c r="F8735" cm="1">
        <f t="array" ref="F8735">IFERROR(INDEX(Jesper!AJ$2:AJ$366,ROUNDDOWN($C8735/24,0)+1,1)*INDEX($D$3:$AA$30,INDEX(Jesper!$R$2:$R$366,ROW(INDEX(Jesper!AJ$2:AJ$366,ROUNDDOWN($C8735/24,0)+1,1))-1)+IF('Standard Profiles'!$G$20=$B$10,7,0)+IF('Standard Profiles'!$G$20=$B$17,14,0)+IF('Standard Profiles'!$G$20=$B$24,21,0),MOD($C8735,24)+1)/SUM(INDEX($D$3:$AA$30,INDEX(Jesper!$R$2:$R$366,ROW(INDEX(Jesper!AJ$2:AJ$366,ROUNDDOWN($C8735/24,0)+1,1))-1)+IF('Standard Profiles'!$G$20=$B$10,7,0)+IF('Standard Profiles'!$G$20=$B$17,14,0)+IF('Standard Profiles'!$G$20=$B$24,21,0),0)),0)</f>
        <v>0</v>
      </c>
      <c r="G8735" cm="1">
        <f t="array" ref="G8735">IFERROR(INDEX(Jesper!AK$2:AK$366,ROUNDDOWN($C8735/24,0)+1,1)*INDEX($D$3:$AA$30,INDEX(Jesper!$R$2:$R$366,ROW(INDEX(Jesper!AK$2:AK$366,ROUNDDOWN($C8735/24,0)+1,1))-1)+IF('Standard Profiles'!$G$21=$B$10,7,0)+IF('Standard Profiles'!$G$21=$B$17,14,0)+IF('Standard Profiles'!$G$21=$B$24,21,0),MOD($C8735,24)+1)/SUM(INDEX($D$3:$AA$30,INDEX(Jesper!$R$2:$R$366,ROW(INDEX(Jesper!AK$2:AK$366,ROUNDDOWN($C8735/24,0)+1,1))-1)+IF('Standard Profiles'!$G$21=$B$10,7,0)+IF('Standard Profiles'!$G$21=$B$17,14,0)+IF('Standard Profiles'!$G$21=$B$24,21,0),0)),0)</f>
        <v>0</v>
      </c>
      <c r="H8735" cm="1">
        <f t="array" ref="H8735">IFERROR(INDEX(Jesper!AL$2:AL$366,ROUNDDOWN($C8735/24,0)+1,1)*INDEX($D$3:$AA$30,INDEX(Jesper!$R$2:$R$366,ROW(INDEX(Jesper!AL$2:AL$366,ROUNDDOWN($C8735/24,0)+1,1))-1)+IF('Standard Profiles'!$G$22=$B$10,7,0)+IF('Standard Profiles'!$G$22=$B$17,14,0)+IF('Standard Profiles'!$G$22=$B$24,21,0),MOD($C8735,24)+1)/SUM(INDEX($D$3:$AA$30,INDEX(Jesper!$R$2:$R$366,ROW(INDEX(Jesper!AL$2:AL$366,ROUNDDOWN($C8735/24,0)+1,1))-1)+IF('Standard Profiles'!$G$22=$B$10,7,0)+IF('Standard Profiles'!$G$22=$B$17,14,0)+IF('Standard Profiles'!$G$22=$B$24,21,0),0)),0)</f>
        <v>0</v>
      </c>
      <c r="I8735">
        <f t="shared" si="965"/>
        <v>0.33083331979778308</v>
      </c>
      <c r="J8735">
        <f t="shared" si="966"/>
        <v>1.1027777326592771</v>
      </c>
      <c r="K8735">
        <f t="shared" si="967"/>
        <v>1.6541665989889156</v>
      </c>
      <c r="L8735">
        <f t="shared" si="968"/>
        <v>15.969412401216093</v>
      </c>
      <c r="M8735">
        <f t="shared" si="969"/>
        <v>0</v>
      </c>
      <c r="N8735" s="46">
        <f t="shared" si="970"/>
        <v>45654.541666645564</v>
      </c>
    </row>
    <row r="8736" spans="2:14" x14ac:dyDescent="0.3">
      <c r="B8736">
        <f t="shared" si="964"/>
        <v>6</v>
      </c>
      <c r="C8736" s="16">
        <v>8702</v>
      </c>
      <c r="D8736" cm="1">
        <f t="array" ref="D8736">IFERROR(INDEX(Jesper!AH$2:AH$366,ROUNDDOWN($C8736/24,0)+1,1)*INDEX($D$3:$AA$30,INDEX(Jesper!$R$2:$R$366,ROW(INDEX(Jesper!AH$2:AH$366,ROUNDDOWN($C8736/24,0)+1,1))-1)+IF('Standard Profiles'!$G$18=$B$10,7,0)+IF('Standard Profiles'!$G$18=$B$17,14,0)+IF('Standard Profiles'!$G$18=$B$24,21,0),MOD($C8736,24)+1)/SUM(INDEX($D$3:$AA$30,INDEX(Jesper!$R$2:$R$366,ROW(INDEX(Jesper!AH$2:AH$366,ROUNDDOWN($C8736/24,0)+1,1))-1)+IF('Standard Profiles'!$G$18=$B$10,7,0)+IF('Standard Profiles'!$G$18=$B$17,14,0)+IF('Standard Profiles'!$G$18=$B$24,21,0),0)),0)</f>
        <v>15.384940202906678</v>
      </c>
      <c r="E8736" cm="1">
        <f t="array" ref="E8736">IFERROR(INDEX(Jesper!AI$2:AI$366,ROUNDDOWN($C8736/24,0)+1,1)*INDEX($D$3:$AA$30,INDEX(Jesper!$R$2:$R$366,ROW(INDEX(Jesper!AI$2:AI$366,ROUNDDOWN($C8736/24,0)+1,1))-1)+IF('Standard Profiles'!$G$19=$B$10,7,0)+IF('Standard Profiles'!$G$19=$B$17,14,0)+IF('Standard Profiles'!$G$19=$B$24,21,0),MOD($C8736,24)+1)/SUM(INDEX($D$3:$AA$30,INDEX(Jesper!$R$2:$R$366,ROW(INDEX(Jesper!AI$2:AI$366,ROUNDDOWN($C8736/24,0)+1,1))-1)+IF('Standard Profiles'!$G$19=$B$10,7,0)+IF('Standard Profiles'!$G$19=$B$17,14,0)+IF('Standard Profiles'!$G$19=$B$24,21,0),0)),0)</f>
        <v>3.6722498497553913</v>
      </c>
      <c r="F8736" cm="1">
        <f t="array" ref="F8736">IFERROR(INDEX(Jesper!AJ$2:AJ$366,ROUNDDOWN($C8736/24,0)+1,1)*INDEX($D$3:$AA$30,INDEX(Jesper!$R$2:$R$366,ROW(INDEX(Jesper!AJ$2:AJ$366,ROUNDDOWN($C8736/24,0)+1,1))-1)+IF('Standard Profiles'!$G$20=$B$10,7,0)+IF('Standard Profiles'!$G$20=$B$17,14,0)+IF('Standard Profiles'!$G$20=$B$24,21,0),MOD($C8736,24)+1)/SUM(INDEX($D$3:$AA$30,INDEX(Jesper!$R$2:$R$366,ROW(INDEX(Jesper!AJ$2:AJ$366,ROUNDDOWN($C8736/24,0)+1,1))-1)+IF('Standard Profiles'!$G$20=$B$10,7,0)+IF('Standard Profiles'!$G$20=$B$17,14,0)+IF('Standard Profiles'!$G$20=$B$24,21,0),0)),0)</f>
        <v>0</v>
      </c>
      <c r="G8736" cm="1">
        <f t="array" ref="G8736">IFERROR(INDEX(Jesper!AK$2:AK$366,ROUNDDOWN($C8736/24,0)+1,1)*INDEX($D$3:$AA$30,INDEX(Jesper!$R$2:$R$366,ROW(INDEX(Jesper!AK$2:AK$366,ROUNDDOWN($C8736/24,0)+1,1))-1)+IF('Standard Profiles'!$G$21=$B$10,7,0)+IF('Standard Profiles'!$G$21=$B$17,14,0)+IF('Standard Profiles'!$G$21=$B$24,21,0),MOD($C8736,24)+1)/SUM(INDEX($D$3:$AA$30,INDEX(Jesper!$R$2:$R$366,ROW(INDEX(Jesper!AK$2:AK$366,ROUNDDOWN($C8736/24,0)+1,1))-1)+IF('Standard Profiles'!$G$21=$B$10,7,0)+IF('Standard Profiles'!$G$21=$B$17,14,0)+IF('Standard Profiles'!$G$21=$B$24,21,0),0)),0)</f>
        <v>0</v>
      </c>
      <c r="H8736" cm="1">
        <f t="array" ref="H8736">IFERROR(INDEX(Jesper!AL$2:AL$366,ROUNDDOWN($C8736/24,0)+1,1)*INDEX($D$3:$AA$30,INDEX(Jesper!$R$2:$R$366,ROW(INDEX(Jesper!AL$2:AL$366,ROUNDDOWN($C8736/24,0)+1,1))-1)+IF('Standard Profiles'!$G$22=$B$10,7,0)+IF('Standard Profiles'!$G$22=$B$17,14,0)+IF('Standard Profiles'!$G$22=$B$24,21,0),MOD($C8736,24)+1)/SUM(INDEX($D$3:$AA$30,INDEX(Jesper!$R$2:$R$366,ROW(INDEX(Jesper!AL$2:AL$366,ROUNDDOWN($C8736/24,0)+1,1))-1)+IF('Standard Profiles'!$G$22=$B$10,7,0)+IF('Standard Profiles'!$G$22=$B$17,14,0)+IF('Standard Profiles'!$G$22=$B$24,21,0),0)),0)</f>
        <v>0</v>
      </c>
      <c r="I8736">
        <f t="shared" si="965"/>
        <v>0.33083331979778308</v>
      </c>
      <c r="J8736">
        <f t="shared" si="966"/>
        <v>1.1027777326592771</v>
      </c>
      <c r="K8736">
        <f t="shared" si="967"/>
        <v>1.6541665989889156</v>
      </c>
      <c r="L8736">
        <f t="shared" si="968"/>
        <v>15.969412401216093</v>
      </c>
      <c r="M8736">
        <f t="shared" si="969"/>
        <v>0</v>
      </c>
      <c r="N8736" s="46">
        <f t="shared" si="970"/>
        <v>45654.583333312228</v>
      </c>
    </row>
    <row r="8737" spans="2:14" x14ac:dyDescent="0.3">
      <c r="B8737">
        <f t="shared" si="964"/>
        <v>6</v>
      </c>
      <c r="C8737" s="16">
        <v>8703</v>
      </c>
      <c r="D8737" cm="1">
        <f t="array" ref="D8737">IFERROR(INDEX(Jesper!AH$2:AH$366,ROUNDDOWN($C8737/24,0)+1,1)*INDEX($D$3:$AA$30,INDEX(Jesper!$R$2:$R$366,ROW(INDEX(Jesper!AH$2:AH$366,ROUNDDOWN($C8737/24,0)+1,1))-1)+IF('Standard Profiles'!$G$18=$B$10,7,0)+IF('Standard Profiles'!$G$18=$B$17,14,0)+IF('Standard Profiles'!$G$18=$B$24,21,0),MOD($C8737,24)+1)/SUM(INDEX($D$3:$AA$30,INDEX(Jesper!$R$2:$R$366,ROW(INDEX(Jesper!AH$2:AH$366,ROUNDDOWN($C8737/24,0)+1,1))-1)+IF('Standard Profiles'!$G$18=$B$10,7,0)+IF('Standard Profiles'!$G$18=$B$17,14,0)+IF('Standard Profiles'!$G$18=$B$24,21,0),0)),0)</f>
        <v>13.909671964271793</v>
      </c>
      <c r="E8737" cm="1">
        <f t="array" ref="E8737">IFERROR(INDEX(Jesper!AI$2:AI$366,ROUNDDOWN($C8737/24,0)+1,1)*INDEX($D$3:$AA$30,INDEX(Jesper!$R$2:$R$366,ROW(INDEX(Jesper!AI$2:AI$366,ROUNDDOWN($C8737/24,0)+1,1))-1)+IF('Standard Profiles'!$G$19=$B$10,7,0)+IF('Standard Profiles'!$G$19=$B$17,14,0)+IF('Standard Profiles'!$G$19=$B$24,21,0),MOD($C8737,24)+1)/SUM(INDEX($D$3:$AA$30,INDEX(Jesper!$R$2:$R$366,ROW(INDEX(Jesper!AI$2:AI$366,ROUNDDOWN($C8737/24,0)+1,1))-1)+IF('Standard Profiles'!$G$19=$B$10,7,0)+IF('Standard Profiles'!$G$19=$B$17,14,0)+IF('Standard Profiles'!$G$19=$B$24,21,0),0)),0)</f>
        <v>3.3201163025185729</v>
      </c>
      <c r="F8737" cm="1">
        <f t="array" ref="F8737">IFERROR(INDEX(Jesper!AJ$2:AJ$366,ROUNDDOWN($C8737/24,0)+1,1)*INDEX($D$3:$AA$30,INDEX(Jesper!$R$2:$R$366,ROW(INDEX(Jesper!AJ$2:AJ$366,ROUNDDOWN($C8737/24,0)+1,1))-1)+IF('Standard Profiles'!$G$20=$B$10,7,0)+IF('Standard Profiles'!$G$20=$B$17,14,0)+IF('Standard Profiles'!$G$20=$B$24,21,0),MOD($C8737,24)+1)/SUM(INDEX($D$3:$AA$30,INDEX(Jesper!$R$2:$R$366,ROW(INDEX(Jesper!AJ$2:AJ$366,ROUNDDOWN($C8737/24,0)+1,1))-1)+IF('Standard Profiles'!$G$20=$B$10,7,0)+IF('Standard Profiles'!$G$20=$B$17,14,0)+IF('Standard Profiles'!$G$20=$B$24,21,0),0)),0)</f>
        <v>0</v>
      </c>
      <c r="G8737" cm="1">
        <f t="array" ref="G8737">IFERROR(INDEX(Jesper!AK$2:AK$366,ROUNDDOWN($C8737/24,0)+1,1)*INDEX($D$3:$AA$30,INDEX(Jesper!$R$2:$R$366,ROW(INDEX(Jesper!AK$2:AK$366,ROUNDDOWN($C8737/24,0)+1,1))-1)+IF('Standard Profiles'!$G$21=$B$10,7,0)+IF('Standard Profiles'!$G$21=$B$17,14,0)+IF('Standard Profiles'!$G$21=$B$24,21,0),MOD($C8737,24)+1)/SUM(INDEX($D$3:$AA$30,INDEX(Jesper!$R$2:$R$366,ROW(INDEX(Jesper!AK$2:AK$366,ROUNDDOWN($C8737/24,0)+1,1))-1)+IF('Standard Profiles'!$G$21=$B$10,7,0)+IF('Standard Profiles'!$G$21=$B$17,14,0)+IF('Standard Profiles'!$G$21=$B$24,21,0),0)),0)</f>
        <v>0</v>
      </c>
      <c r="H8737" cm="1">
        <f t="array" ref="H8737">IFERROR(INDEX(Jesper!AL$2:AL$366,ROUNDDOWN($C8737/24,0)+1,1)*INDEX($D$3:$AA$30,INDEX(Jesper!$R$2:$R$366,ROW(INDEX(Jesper!AL$2:AL$366,ROUNDDOWN($C8737/24,0)+1,1))-1)+IF('Standard Profiles'!$G$22=$B$10,7,0)+IF('Standard Profiles'!$G$22=$B$17,14,0)+IF('Standard Profiles'!$G$22=$B$24,21,0),MOD($C8737,24)+1)/SUM(INDEX($D$3:$AA$30,INDEX(Jesper!$R$2:$R$366,ROW(INDEX(Jesper!AL$2:AL$366,ROUNDDOWN($C8737/24,0)+1,1))-1)+IF('Standard Profiles'!$G$22=$B$10,7,0)+IF('Standard Profiles'!$G$22=$B$17,14,0)+IF('Standard Profiles'!$G$22=$B$24,21,0),0)),0)</f>
        <v>0</v>
      </c>
      <c r="I8737">
        <f t="shared" si="965"/>
        <v>0.29910957680347511</v>
      </c>
      <c r="J8737">
        <f t="shared" si="966"/>
        <v>0.99703192267825047</v>
      </c>
      <c r="K8737">
        <f t="shared" si="967"/>
        <v>1.4955478840173757</v>
      </c>
      <c r="L8737">
        <f t="shared" si="968"/>
        <v>14.438098883291264</v>
      </c>
      <c r="M8737">
        <f t="shared" si="969"/>
        <v>0</v>
      </c>
      <c r="N8737" s="46">
        <f t="shared" si="970"/>
        <v>45654.624999978892</v>
      </c>
    </row>
    <row r="8738" spans="2:14" x14ac:dyDescent="0.3">
      <c r="B8738">
        <f t="shared" si="964"/>
        <v>6</v>
      </c>
      <c r="C8738" s="16">
        <v>8704</v>
      </c>
      <c r="D8738" cm="1">
        <f t="array" ref="D8738">IFERROR(INDEX(Jesper!AH$2:AH$366,ROUNDDOWN($C8738/24,0)+1,1)*INDEX($D$3:$AA$30,INDEX(Jesper!$R$2:$R$366,ROW(INDEX(Jesper!AH$2:AH$366,ROUNDDOWN($C8738/24,0)+1,1))-1)+IF('Standard Profiles'!$G$18=$B$10,7,0)+IF('Standard Profiles'!$G$18=$B$17,14,0)+IF('Standard Profiles'!$G$18=$B$24,21,0),MOD($C8738,24)+1)/SUM(INDEX($D$3:$AA$30,INDEX(Jesper!$R$2:$R$366,ROW(INDEX(Jesper!AH$2:AH$366,ROUNDDOWN($C8738/24,0)+1,1))-1)+IF('Standard Profiles'!$G$18=$B$10,7,0)+IF('Standard Profiles'!$G$18=$B$17,14,0)+IF('Standard Profiles'!$G$18=$B$24,21,0),0)),0)</f>
        <v>12.645156331156175</v>
      </c>
      <c r="E8738" cm="1">
        <f t="array" ref="E8738">IFERROR(INDEX(Jesper!AI$2:AI$366,ROUNDDOWN($C8738/24,0)+1,1)*INDEX($D$3:$AA$30,INDEX(Jesper!$R$2:$R$366,ROW(INDEX(Jesper!AI$2:AI$366,ROUNDDOWN($C8738/24,0)+1,1))-1)+IF('Standard Profiles'!$G$19=$B$10,7,0)+IF('Standard Profiles'!$G$19=$B$17,14,0)+IF('Standard Profiles'!$G$19=$B$24,21,0),MOD($C8738,24)+1)/SUM(INDEX($D$3:$AA$30,INDEX(Jesper!$R$2:$R$366,ROW(INDEX(Jesper!AI$2:AI$366,ROUNDDOWN($C8738/24,0)+1,1))-1)+IF('Standard Profiles'!$G$19=$B$10,7,0)+IF('Standard Profiles'!$G$19=$B$17,14,0)+IF('Standard Profiles'!$G$19=$B$24,21,0),0)),0)</f>
        <v>3.0182875477441566</v>
      </c>
      <c r="F8738" cm="1">
        <f t="array" ref="F8738">IFERROR(INDEX(Jesper!AJ$2:AJ$366,ROUNDDOWN($C8738/24,0)+1,1)*INDEX($D$3:$AA$30,INDEX(Jesper!$R$2:$R$366,ROW(INDEX(Jesper!AJ$2:AJ$366,ROUNDDOWN($C8738/24,0)+1,1))-1)+IF('Standard Profiles'!$G$20=$B$10,7,0)+IF('Standard Profiles'!$G$20=$B$17,14,0)+IF('Standard Profiles'!$G$20=$B$24,21,0),MOD($C8738,24)+1)/SUM(INDEX($D$3:$AA$30,INDEX(Jesper!$R$2:$R$366,ROW(INDEX(Jesper!AJ$2:AJ$366,ROUNDDOWN($C8738/24,0)+1,1))-1)+IF('Standard Profiles'!$G$20=$B$10,7,0)+IF('Standard Profiles'!$G$20=$B$17,14,0)+IF('Standard Profiles'!$G$20=$B$24,21,0),0)),0)</f>
        <v>0</v>
      </c>
      <c r="G8738" cm="1">
        <f t="array" ref="G8738">IFERROR(INDEX(Jesper!AK$2:AK$366,ROUNDDOWN($C8738/24,0)+1,1)*INDEX($D$3:$AA$30,INDEX(Jesper!$R$2:$R$366,ROW(INDEX(Jesper!AK$2:AK$366,ROUNDDOWN($C8738/24,0)+1,1))-1)+IF('Standard Profiles'!$G$21=$B$10,7,0)+IF('Standard Profiles'!$G$21=$B$17,14,0)+IF('Standard Profiles'!$G$21=$B$24,21,0),MOD($C8738,24)+1)/SUM(INDEX($D$3:$AA$30,INDEX(Jesper!$R$2:$R$366,ROW(INDEX(Jesper!AK$2:AK$366,ROUNDDOWN($C8738/24,0)+1,1))-1)+IF('Standard Profiles'!$G$21=$B$10,7,0)+IF('Standard Profiles'!$G$21=$B$17,14,0)+IF('Standard Profiles'!$G$21=$B$24,21,0),0)),0)</f>
        <v>0</v>
      </c>
      <c r="H8738" cm="1">
        <f t="array" ref="H8738">IFERROR(INDEX(Jesper!AL$2:AL$366,ROUNDDOWN($C8738/24,0)+1,1)*INDEX($D$3:$AA$30,INDEX(Jesper!$R$2:$R$366,ROW(INDEX(Jesper!AL$2:AL$366,ROUNDDOWN($C8738/24,0)+1,1))-1)+IF('Standard Profiles'!$G$22=$B$10,7,0)+IF('Standard Profiles'!$G$22=$B$17,14,0)+IF('Standard Profiles'!$G$22=$B$24,21,0),MOD($C8738,24)+1)/SUM(INDEX($D$3:$AA$30,INDEX(Jesper!$R$2:$R$366,ROW(INDEX(Jesper!AL$2:AL$366,ROUNDDOWN($C8738/24,0)+1,1))-1)+IF('Standard Profiles'!$G$22=$B$10,7,0)+IF('Standard Profiles'!$G$22=$B$17,14,0)+IF('Standard Profiles'!$G$22=$B$24,21,0),0)),0)</f>
        <v>0</v>
      </c>
      <c r="I8738">
        <f t="shared" si="965"/>
        <v>0.27191779709406821</v>
      </c>
      <c r="J8738">
        <f t="shared" si="966"/>
        <v>0.90639265698022753</v>
      </c>
      <c r="K8738">
        <f t="shared" si="967"/>
        <v>1.3595889854703413</v>
      </c>
      <c r="L8738">
        <f t="shared" si="968"/>
        <v>13.125544439355695</v>
      </c>
      <c r="M8738">
        <f t="shared" si="969"/>
        <v>0</v>
      </c>
      <c r="N8738" s="46">
        <f t="shared" si="970"/>
        <v>45654.666666645557</v>
      </c>
    </row>
    <row r="8739" spans="2:14" x14ac:dyDescent="0.3">
      <c r="B8739">
        <f t="shared" ref="B8739:B8793" si="971">WEEKDAY(N8739,2)</f>
        <v>6</v>
      </c>
      <c r="C8739" s="16">
        <v>8705</v>
      </c>
      <c r="D8739" cm="1">
        <f t="array" ref="D8739">IFERROR(INDEX(Jesper!AH$2:AH$366,ROUNDDOWN($C8739/24,0)+1,1)*INDEX($D$3:$AA$30,INDEX(Jesper!$R$2:$R$366,ROW(INDEX(Jesper!AH$2:AH$366,ROUNDDOWN($C8739/24,0)+1,1))-1)+IF('Standard Profiles'!$G$18=$B$10,7,0)+IF('Standard Profiles'!$G$18=$B$17,14,0)+IF('Standard Profiles'!$G$18=$B$24,21,0),MOD($C8739,24)+1)/SUM(INDEX($D$3:$AA$30,INDEX(Jesper!$R$2:$R$366,ROW(INDEX(Jesper!AH$2:AH$366,ROUNDDOWN($C8739/24,0)+1,1))-1)+IF('Standard Profiles'!$G$18=$B$10,7,0)+IF('Standard Profiles'!$G$18=$B$17,14,0)+IF('Standard Profiles'!$G$18=$B$24,21,0),0)),0)</f>
        <v>11.380640698040557</v>
      </c>
      <c r="E8739" cm="1">
        <f t="array" ref="E8739">IFERROR(INDEX(Jesper!AI$2:AI$366,ROUNDDOWN($C8739/24,0)+1,1)*INDEX($D$3:$AA$30,INDEX(Jesper!$R$2:$R$366,ROW(INDEX(Jesper!AI$2:AI$366,ROUNDDOWN($C8739/24,0)+1,1))-1)+IF('Standard Profiles'!$G$19=$B$10,7,0)+IF('Standard Profiles'!$G$19=$B$17,14,0)+IF('Standard Profiles'!$G$19=$B$24,21,0),MOD($C8739,24)+1)/SUM(INDEX($D$3:$AA$30,INDEX(Jesper!$R$2:$R$366,ROW(INDEX(Jesper!AI$2:AI$366,ROUNDDOWN($C8739/24,0)+1,1))-1)+IF('Standard Profiles'!$G$19=$B$10,7,0)+IF('Standard Profiles'!$G$19=$B$17,14,0)+IF('Standard Profiles'!$G$19=$B$24,21,0),0)),0)</f>
        <v>2.7164587929697412</v>
      </c>
      <c r="F8739" cm="1">
        <f t="array" ref="F8739">IFERROR(INDEX(Jesper!AJ$2:AJ$366,ROUNDDOWN($C8739/24,0)+1,1)*INDEX($D$3:$AA$30,INDEX(Jesper!$R$2:$R$366,ROW(INDEX(Jesper!AJ$2:AJ$366,ROUNDDOWN($C8739/24,0)+1,1))-1)+IF('Standard Profiles'!$G$20=$B$10,7,0)+IF('Standard Profiles'!$G$20=$B$17,14,0)+IF('Standard Profiles'!$G$20=$B$24,21,0),MOD($C8739,24)+1)/SUM(INDEX($D$3:$AA$30,INDEX(Jesper!$R$2:$R$366,ROW(INDEX(Jesper!AJ$2:AJ$366,ROUNDDOWN($C8739/24,0)+1,1))-1)+IF('Standard Profiles'!$G$20=$B$10,7,0)+IF('Standard Profiles'!$G$20=$B$17,14,0)+IF('Standard Profiles'!$G$20=$B$24,21,0),0)),0)</f>
        <v>0</v>
      </c>
      <c r="G8739" cm="1">
        <f t="array" ref="G8739">IFERROR(INDEX(Jesper!AK$2:AK$366,ROUNDDOWN($C8739/24,0)+1,1)*INDEX($D$3:$AA$30,INDEX(Jesper!$R$2:$R$366,ROW(INDEX(Jesper!AK$2:AK$366,ROUNDDOWN($C8739/24,0)+1,1))-1)+IF('Standard Profiles'!$G$21=$B$10,7,0)+IF('Standard Profiles'!$G$21=$B$17,14,0)+IF('Standard Profiles'!$G$21=$B$24,21,0),MOD($C8739,24)+1)/SUM(INDEX($D$3:$AA$30,INDEX(Jesper!$R$2:$R$366,ROW(INDEX(Jesper!AK$2:AK$366,ROUNDDOWN($C8739/24,0)+1,1))-1)+IF('Standard Profiles'!$G$21=$B$10,7,0)+IF('Standard Profiles'!$G$21=$B$17,14,0)+IF('Standard Profiles'!$G$21=$B$24,21,0),0)),0)</f>
        <v>0</v>
      </c>
      <c r="H8739" cm="1">
        <f t="array" ref="H8739">IFERROR(INDEX(Jesper!AL$2:AL$366,ROUNDDOWN($C8739/24,0)+1,1)*INDEX($D$3:$AA$30,INDEX(Jesper!$R$2:$R$366,ROW(INDEX(Jesper!AL$2:AL$366,ROUNDDOWN($C8739/24,0)+1,1))-1)+IF('Standard Profiles'!$G$22=$B$10,7,0)+IF('Standard Profiles'!$G$22=$B$17,14,0)+IF('Standard Profiles'!$G$22=$B$24,21,0),MOD($C8739,24)+1)/SUM(INDEX($D$3:$AA$30,INDEX(Jesper!$R$2:$R$366,ROW(INDEX(Jesper!AL$2:AL$366,ROUNDDOWN($C8739/24,0)+1,1))-1)+IF('Standard Profiles'!$G$22=$B$10,7,0)+IF('Standard Profiles'!$G$22=$B$17,14,0)+IF('Standard Profiles'!$G$22=$B$24,21,0),0)),0)</f>
        <v>0</v>
      </c>
      <c r="I8739">
        <f t="shared" ref="I8739:I8793" si="972">IF($B8739&lt;6,AC$37*$D8739+AC$38*$E8739+AC$39*$F8739+AC$40*$G8739,AC$46*$D8739+AC$47*$E8739+AC$48*$F8739+AC$49*$G8739+AC$50*$H8739)</f>
        <v>0.24472601738466143</v>
      </c>
      <c r="J8739">
        <f t="shared" ref="J8739:J8793" si="973">IF($B8739&lt;6,AD$37*$D8739+AD$38*$E8739+AD$39*$F8739+AD$40*$G8739,AD$46*$D8739+AD$47*$E8739+AD$48*$F8739+AD$49*$G8739+AD$50*$H8739)</f>
        <v>0.81575339128220492</v>
      </c>
      <c r="K8739">
        <f t="shared" ref="K8739:K8793" si="974">IF($B8739&lt;6,AE$37*$D8739+AE$38*$E8739+AE$39*$F8739+AE$40*$G8739,AE$46*$D8739+AE$47*$E8739+AE$48*$F8739+AE$49*$G8739+AE$50*$H8739)</f>
        <v>1.2236300869233074</v>
      </c>
      <c r="L8739">
        <f t="shared" ref="L8739:L8793" si="975">IF($B8739&lt;6,AF$37*$D8739+AF$38*$E8739+AF$39*$F8739+AF$40*$G8739,AF$46*$D8739+AF$47*$E8739+AF$48*$F8739+AF$49*$G8739+AF$50*$H8739)</f>
        <v>11.812989995420125</v>
      </c>
      <c r="M8739">
        <f t="shared" ref="M8739:M8793" si="976">IF($B8739&lt;6,AG$37*$D8739+AG$38*$E8739+AG$39*$F8739+AG$40*$G8739,AG$46*$D8739+AG$47*$E8739+AG$48*$F8739+AG$49*$G8739+AG$50*$H8739)</f>
        <v>0</v>
      </c>
      <c r="N8739" s="46">
        <f t="shared" si="970"/>
        <v>45654.708333312221</v>
      </c>
    </row>
    <row r="8740" spans="2:14" x14ac:dyDescent="0.3">
      <c r="B8740">
        <f t="shared" si="971"/>
        <v>6</v>
      </c>
      <c r="C8740" s="16">
        <v>8706</v>
      </c>
      <c r="D8740" cm="1">
        <f t="array" ref="D8740">IFERROR(INDEX(Jesper!AH$2:AH$366,ROUNDDOWN($C8740/24,0)+1,1)*INDEX($D$3:$AA$30,INDEX(Jesper!$R$2:$R$366,ROW(INDEX(Jesper!AH$2:AH$366,ROUNDDOWN($C8740/24,0)+1,1))-1)+IF('Standard Profiles'!$G$18=$B$10,7,0)+IF('Standard Profiles'!$G$18=$B$17,14,0)+IF('Standard Profiles'!$G$18=$B$24,21,0),MOD($C8740,24)+1)/SUM(INDEX($D$3:$AA$30,INDEX(Jesper!$R$2:$R$366,ROW(INDEX(Jesper!AH$2:AH$366,ROUNDDOWN($C8740/24,0)+1,1))-1)+IF('Standard Profiles'!$G$18=$B$10,7,0)+IF('Standard Profiles'!$G$18=$B$17,14,0)+IF('Standard Profiles'!$G$18=$B$24,21,0),0)),0)</f>
        <v>10.959135487002017</v>
      </c>
      <c r="E8740" cm="1">
        <f t="array" ref="E8740">IFERROR(INDEX(Jesper!AI$2:AI$366,ROUNDDOWN($C8740/24,0)+1,1)*INDEX($D$3:$AA$30,INDEX(Jesper!$R$2:$R$366,ROW(INDEX(Jesper!AI$2:AI$366,ROUNDDOWN($C8740/24,0)+1,1))-1)+IF('Standard Profiles'!$G$19=$B$10,7,0)+IF('Standard Profiles'!$G$19=$B$17,14,0)+IF('Standard Profiles'!$G$19=$B$24,21,0),MOD($C8740,24)+1)/SUM(INDEX($D$3:$AA$30,INDEX(Jesper!$R$2:$R$366,ROW(INDEX(Jesper!AI$2:AI$366,ROUNDDOWN($C8740/24,0)+1,1))-1)+IF('Standard Profiles'!$G$19=$B$10,7,0)+IF('Standard Profiles'!$G$19=$B$17,14,0)+IF('Standard Profiles'!$G$19=$B$24,21,0),0)),0)</f>
        <v>2.6158492080449358</v>
      </c>
      <c r="F8740" cm="1">
        <f t="array" ref="F8740">IFERROR(INDEX(Jesper!AJ$2:AJ$366,ROUNDDOWN($C8740/24,0)+1,1)*INDEX($D$3:$AA$30,INDEX(Jesper!$R$2:$R$366,ROW(INDEX(Jesper!AJ$2:AJ$366,ROUNDDOWN($C8740/24,0)+1,1))-1)+IF('Standard Profiles'!$G$20=$B$10,7,0)+IF('Standard Profiles'!$G$20=$B$17,14,0)+IF('Standard Profiles'!$G$20=$B$24,21,0),MOD($C8740,24)+1)/SUM(INDEX($D$3:$AA$30,INDEX(Jesper!$R$2:$R$366,ROW(INDEX(Jesper!AJ$2:AJ$366,ROUNDDOWN($C8740/24,0)+1,1))-1)+IF('Standard Profiles'!$G$20=$B$10,7,0)+IF('Standard Profiles'!$G$20=$B$17,14,0)+IF('Standard Profiles'!$G$20=$B$24,21,0),0)),0)</f>
        <v>0</v>
      </c>
      <c r="G8740" cm="1">
        <f t="array" ref="G8740">IFERROR(INDEX(Jesper!AK$2:AK$366,ROUNDDOWN($C8740/24,0)+1,1)*INDEX($D$3:$AA$30,INDEX(Jesper!$R$2:$R$366,ROW(INDEX(Jesper!AK$2:AK$366,ROUNDDOWN($C8740/24,0)+1,1))-1)+IF('Standard Profiles'!$G$21=$B$10,7,0)+IF('Standard Profiles'!$G$21=$B$17,14,0)+IF('Standard Profiles'!$G$21=$B$24,21,0),MOD($C8740,24)+1)/SUM(INDEX($D$3:$AA$30,INDEX(Jesper!$R$2:$R$366,ROW(INDEX(Jesper!AK$2:AK$366,ROUNDDOWN($C8740/24,0)+1,1))-1)+IF('Standard Profiles'!$G$21=$B$10,7,0)+IF('Standard Profiles'!$G$21=$B$17,14,0)+IF('Standard Profiles'!$G$21=$B$24,21,0),0)),0)</f>
        <v>0</v>
      </c>
      <c r="H8740" cm="1">
        <f t="array" ref="H8740">IFERROR(INDEX(Jesper!AL$2:AL$366,ROUNDDOWN($C8740/24,0)+1,1)*INDEX($D$3:$AA$30,INDEX(Jesper!$R$2:$R$366,ROW(INDEX(Jesper!AL$2:AL$366,ROUNDDOWN($C8740/24,0)+1,1))-1)+IF('Standard Profiles'!$G$22=$B$10,7,0)+IF('Standard Profiles'!$G$22=$B$17,14,0)+IF('Standard Profiles'!$G$22=$B$24,21,0),MOD($C8740,24)+1)/SUM(INDEX($D$3:$AA$30,INDEX(Jesper!$R$2:$R$366,ROW(INDEX(Jesper!AL$2:AL$366,ROUNDDOWN($C8740/24,0)+1,1))-1)+IF('Standard Profiles'!$G$22=$B$10,7,0)+IF('Standard Profiles'!$G$22=$B$17,14,0)+IF('Standard Profiles'!$G$22=$B$24,21,0),0)),0)</f>
        <v>0</v>
      </c>
      <c r="I8740">
        <f t="shared" si="972"/>
        <v>0.23566209081485914</v>
      </c>
      <c r="J8740">
        <f t="shared" si="973"/>
        <v>0.78554030271619724</v>
      </c>
      <c r="K8740">
        <f t="shared" si="974"/>
        <v>1.1783104540742959</v>
      </c>
      <c r="L8740">
        <f t="shared" si="975"/>
        <v>11.375471847441601</v>
      </c>
      <c r="M8740">
        <f t="shared" si="976"/>
        <v>0</v>
      </c>
      <c r="N8740" s="46">
        <f t="shared" ref="N8740:N8793" si="977">N8739+1/24</f>
        <v>45654.749999978885</v>
      </c>
    </row>
    <row r="8741" spans="2:14" x14ac:dyDescent="0.3">
      <c r="B8741">
        <f t="shared" si="971"/>
        <v>6</v>
      </c>
      <c r="C8741" s="16">
        <v>8707</v>
      </c>
      <c r="D8741" cm="1">
        <f t="array" ref="D8741">IFERROR(INDEX(Jesper!AH$2:AH$366,ROUNDDOWN($C8741/24,0)+1,1)*INDEX($D$3:$AA$30,INDEX(Jesper!$R$2:$R$366,ROW(INDEX(Jesper!AH$2:AH$366,ROUNDDOWN($C8741/24,0)+1,1))-1)+IF('Standard Profiles'!$G$18=$B$10,7,0)+IF('Standard Profiles'!$G$18=$B$17,14,0)+IF('Standard Profiles'!$G$18=$B$24,21,0),MOD($C8741,24)+1)/SUM(INDEX($D$3:$AA$30,INDEX(Jesper!$R$2:$R$366,ROW(INDEX(Jesper!AH$2:AH$366,ROUNDDOWN($C8741/24,0)+1,1))-1)+IF('Standard Profiles'!$G$18=$B$10,7,0)+IF('Standard Profiles'!$G$18=$B$17,14,0)+IF('Standard Profiles'!$G$18=$B$24,21,0),0)),0)</f>
        <v>8.8516094318093224</v>
      </c>
      <c r="E8741" cm="1">
        <f t="array" ref="E8741">IFERROR(INDEX(Jesper!AI$2:AI$366,ROUNDDOWN($C8741/24,0)+1,1)*INDEX($D$3:$AA$30,INDEX(Jesper!$R$2:$R$366,ROW(INDEX(Jesper!AI$2:AI$366,ROUNDDOWN($C8741/24,0)+1,1))-1)+IF('Standard Profiles'!$G$19=$B$10,7,0)+IF('Standard Profiles'!$G$19=$B$17,14,0)+IF('Standard Profiles'!$G$19=$B$24,21,0),MOD($C8741,24)+1)/SUM(INDEX($D$3:$AA$30,INDEX(Jesper!$R$2:$R$366,ROW(INDEX(Jesper!AI$2:AI$366,ROUNDDOWN($C8741/24,0)+1,1))-1)+IF('Standard Profiles'!$G$19=$B$10,7,0)+IF('Standard Profiles'!$G$19=$B$17,14,0)+IF('Standard Profiles'!$G$19=$B$24,21,0),0)),0)</f>
        <v>2.1128012834209096</v>
      </c>
      <c r="F8741" cm="1">
        <f t="array" ref="F8741">IFERROR(INDEX(Jesper!AJ$2:AJ$366,ROUNDDOWN($C8741/24,0)+1,1)*INDEX($D$3:$AA$30,INDEX(Jesper!$R$2:$R$366,ROW(INDEX(Jesper!AJ$2:AJ$366,ROUNDDOWN($C8741/24,0)+1,1))-1)+IF('Standard Profiles'!$G$20=$B$10,7,0)+IF('Standard Profiles'!$G$20=$B$17,14,0)+IF('Standard Profiles'!$G$20=$B$24,21,0),MOD($C8741,24)+1)/SUM(INDEX($D$3:$AA$30,INDEX(Jesper!$R$2:$R$366,ROW(INDEX(Jesper!AJ$2:AJ$366,ROUNDDOWN($C8741/24,0)+1,1))-1)+IF('Standard Profiles'!$G$20=$B$10,7,0)+IF('Standard Profiles'!$G$20=$B$17,14,0)+IF('Standard Profiles'!$G$20=$B$24,21,0),0)),0)</f>
        <v>0</v>
      </c>
      <c r="G8741" cm="1">
        <f t="array" ref="G8741">IFERROR(INDEX(Jesper!AK$2:AK$366,ROUNDDOWN($C8741/24,0)+1,1)*INDEX($D$3:$AA$30,INDEX(Jesper!$R$2:$R$366,ROW(INDEX(Jesper!AK$2:AK$366,ROUNDDOWN($C8741/24,0)+1,1))-1)+IF('Standard Profiles'!$G$21=$B$10,7,0)+IF('Standard Profiles'!$G$21=$B$17,14,0)+IF('Standard Profiles'!$G$21=$B$24,21,0),MOD($C8741,24)+1)/SUM(INDEX($D$3:$AA$30,INDEX(Jesper!$R$2:$R$366,ROW(INDEX(Jesper!AK$2:AK$366,ROUNDDOWN($C8741/24,0)+1,1))-1)+IF('Standard Profiles'!$G$21=$B$10,7,0)+IF('Standard Profiles'!$G$21=$B$17,14,0)+IF('Standard Profiles'!$G$21=$B$24,21,0),0)),0)</f>
        <v>0</v>
      </c>
      <c r="H8741" cm="1">
        <f t="array" ref="H8741">IFERROR(INDEX(Jesper!AL$2:AL$366,ROUNDDOWN($C8741/24,0)+1,1)*INDEX($D$3:$AA$30,INDEX(Jesper!$R$2:$R$366,ROW(INDEX(Jesper!AL$2:AL$366,ROUNDDOWN($C8741/24,0)+1,1))-1)+IF('Standard Profiles'!$G$22=$B$10,7,0)+IF('Standard Profiles'!$G$22=$B$17,14,0)+IF('Standard Profiles'!$G$22=$B$24,21,0),MOD($C8741,24)+1)/SUM(INDEX($D$3:$AA$30,INDEX(Jesper!$R$2:$R$366,ROW(INDEX(Jesper!AL$2:AL$366,ROUNDDOWN($C8741/24,0)+1,1))-1)+IF('Standard Profiles'!$G$22=$B$10,7,0)+IF('Standard Profiles'!$G$22=$B$17,14,0)+IF('Standard Profiles'!$G$22=$B$24,21,0),0)),0)</f>
        <v>0</v>
      </c>
      <c r="I8741">
        <f t="shared" si="972"/>
        <v>0.19034245796584776</v>
      </c>
      <c r="J8741">
        <f t="shared" si="973"/>
        <v>0.63447485988615926</v>
      </c>
      <c r="K8741">
        <f t="shared" si="974"/>
        <v>0.95171228982923894</v>
      </c>
      <c r="L8741">
        <f t="shared" si="975"/>
        <v>9.1878811075489857</v>
      </c>
      <c r="M8741">
        <f t="shared" si="976"/>
        <v>0</v>
      </c>
      <c r="N8741" s="46">
        <f t="shared" si="977"/>
        <v>45654.791666645549</v>
      </c>
    </row>
    <row r="8742" spans="2:14" x14ac:dyDescent="0.3">
      <c r="B8742">
        <f t="shared" si="971"/>
        <v>6</v>
      </c>
      <c r="C8742" s="16">
        <v>8708</v>
      </c>
      <c r="D8742" cm="1">
        <f t="array" ref="D8742">IFERROR(INDEX(Jesper!AH$2:AH$366,ROUNDDOWN($C8742/24,0)+1,1)*INDEX($D$3:$AA$30,INDEX(Jesper!$R$2:$R$366,ROW(INDEX(Jesper!AH$2:AH$366,ROUNDDOWN($C8742/24,0)+1,1))-1)+IF('Standard Profiles'!$G$18=$B$10,7,0)+IF('Standard Profiles'!$G$18=$B$17,14,0)+IF('Standard Profiles'!$G$18=$B$24,21,0),MOD($C8742,24)+1)/SUM(INDEX($D$3:$AA$30,INDEX(Jesper!$R$2:$R$366,ROW(INDEX(Jesper!AH$2:AH$366,ROUNDDOWN($C8742/24,0)+1,1))-1)+IF('Standard Profiles'!$G$18=$B$10,7,0)+IF('Standard Profiles'!$G$18=$B$17,14,0)+IF('Standard Profiles'!$G$18=$B$24,21,0),0)),0)</f>
        <v>6.533330771097356</v>
      </c>
      <c r="E8742" cm="1">
        <f t="array" ref="E8742">IFERROR(INDEX(Jesper!AI$2:AI$366,ROUNDDOWN($C8742/24,0)+1,1)*INDEX($D$3:$AA$30,INDEX(Jesper!$R$2:$R$366,ROW(INDEX(Jesper!AI$2:AI$366,ROUNDDOWN($C8742/24,0)+1,1))-1)+IF('Standard Profiles'!$G$19=$B$10,7,0)+IF('Standard Profiles'!$G$19=$B$17,14,0)+IF('Standard Profiles'!$G$19=$B$24,21,0),MOD($C8742,24)+1)/SUM(INDEX($D$3:$AA$30,INDEX(Jesper!$R$2:$R$366,ROW(INDEX(Jesper!AI$2:AI$366,ROUNDDOWN($C8742/24,0)+1,1))-1)+IF('Standard Profiles'!$G$19=$B$10,7,0)+IF('Standard Profiles'!$G$19=$B$17,14,0)+IF('Standard Profiles'!$G$19=$B$24,21,0),0)),0)</f>
        <v>1.559448566334481</v>
      </c>
      <c r="F8742" cm="1">
        <f t="array" ref="F8742">IFERROR(INDEX(Jesper!AJ$2:AJ$366,ROUNDDOWN($C8742/24,0)+1,1)*INDEX($D$3:$AA$30,INDEX(Jesper!$R$2:$R$366,ROW(INDEX(Jesper!AJ$2:AJ$366,ROUNDDOWN($C8742/24,0)+1,1))-1)+IF('Standard Profiles'!$G$20=$B$10,7,0)+IF('Standard Profiles'!$G$20=$B$17,14,0)+IF('Standard Profiles'!$G$20=$B$24,21,0),MOD($C8742,24)+1)/SUM(INDEX($D$3:$AA$30,INDEX(Jesper!$R$2:$R$366,ROW(INDEX(Jesper!AJ$2:AJ$366,ROUNDDOWN($C8742/24,0)+1,1))-1)+IF('Standard Profiles'!$G$20=$B$10,7,0)+IF('Standard Profiles'!$G$20=$B$17,14,0)+IF('Standard Profiles'!$G$20=$B$24,21,0),0)),0)</f>
        <v>0</v>
      </c>
      <c r="G8742" cm="1">
        <f t="array" ref="G8742">IFERROR(INDEX(Jesper!AK$2:AK$366,ROUNDDOWN($C8742/24,0)+1,1)*INDEX($D$3:$AA$30,INDEX(Jesper!$R$2:$R$366,ROW(INDEX(Jesper!AK$2:AK$366,ROUNDDOWN($C8742/24,0)+1,1))-1)+IF('Standard Profiles'!$G$21=$B$10,7,0)+IF('Standard Profiles'!$G$21=$B$17,14,0)+IF('Standard Profiles'!$G$21=$B$24,21,0),MOD($C8742,24)+1)/SUM(INDEX($D$3:$AA$30,INDEX(Jesper!$R$2:$R$366,ROW(INDEX(Jesper!AK$2:AK$366,ROUNDDOWN($C8742/24,0)+1,1))-1)+IF('Standard Profiles'!$G$21=$B$10,7,0)+IF('Standard Profiles'!$G$21=$B$17,14,0)+IF('Standard Profiles'!$G$21=$B$24,21,0),0)),0)</f>
        <v>0</v>
      </c>
      <c r="H8742" cm="1">
        <f t="array" ref="H8742">IFERROR(INDEX(Jesper!AL$2:AL$366,ROUNDDOWN($C8742/24,0)+1,1)*INDEX($D$3:$AA$30,INDEX(Jesper!$R$2:$R$366,ROW(INDEX(Jesper!AL$2:AL$366,ROUNDDOWN($C8742/24,0)+1,1))-1)+IF('Standard Profiles'!$G$22=$B$10,7,0)+IF('Standard Profiles'!$G$22=$B$17,14,0)+IF('Standard Profiles'!$G$22=$B$24,21,0),MOD($C8742,24)+1)/SUM(INDEX($D$3:$AA$30,INDEX(Jesper!$R$2:$R$366,ROW(INDEX(Jesper!AL$2:AL$366,ROUNDDOWN($C8742/24,0)+1,1))-1)+IF('Standard Profiles'!$G$22=$B$10,7,0)+IF('Standard Profiles'!$G$22=$B$17,14,0)+IF('Standard Profiles'!$G$22=$B$24,21,0),0)),0)</f>
        <v>0</v>
      </c>
      <c r="I8742">
        <f t="shared" si="972"/>
        <v>0.14049086183193527</v>
      </c>
      <c r="J8742">
        <f t="shared" si="973"/>
        <v>0.46830287277311761</v>
      </c>
      <c r="K8742">
        <f t="shared" si="974"/>
        <v>0.70245430915967644</v>
      </c>
      <c r="L8742">
        <f t="shared" si="975"/>
        <v>6.7815312936671077</v>
      </c>
      <c r="M8742">
        <f t="shared" si="976"/>
        <v>0</v>
      </c>
      <c r="N8742" s="46">
        <f t="shared" si="977"/>
        <v>45654.833333312214</v>
      </c>
    </row>
    <row r="8743" spans="2:14" x14ac:dyDescent="0.3">
      <c r="B8743">
        <f t="shared" si="971"/>
        <v>6</v>
      </c>
      <c r="C8743" s="16">
        <v>8709</v>
      </c>
      <c r="D8743" cm="1">
        <f t="array" ref="D8743">IFERROR(INDEX(Jesper!AH$2:AH$366,ROUNDDOWN($C8743/24,0)+1,1)*INDEX($D$3:$AA$30,INDEX(Jesper!$R$2:$R$366,ROW(INDEX(Jesper!AH$2:AH$366,ROUNDDOWN($C8743/24,0)+1,1))-1)+IF('Standard Profiles'!$G$18=$B$10,7,0)+IF('Standard Profiles'!$G$18=$B$17,14,0)+IF('Standard Profiles'!$G$18=$B$24,21,0),MOD($C8743,24)+1)/SUM(INDEX($D$3:$AA$30,INDEX(Jesper!$R$2:$R$366,ROW(INDEX(Jesper!AH$2:AH$366,ROUNDDOWN($C8743/24,0)+1,1))-1)+IF('Standard Profiles'!$G$18=$B$10,7,0)+IF('Standard Profiles'!$G$18=$B$17,14,0)+IF('Standard Profiles'!$G$18=$B$24,21,0),0)),0)</f>
        <v>6.533330771097356</v>
      </c>
      <c r="E8743" cm="1">
        <f t="array" ref="E8743">IFERROR(INDEX(Jesper!AI$2:AI$366,ROUNDDOWN($C8743/24,0)+1,1)*INDEX($D$3:$AA$30,INDEX(Jesper!$R$2:$R$366,ROW(INDEX(Jesper!AI$2:AI$366,ROUNDDOWN($C8743/24,0)+1,1))-1)+IF('Standard Profiles'!$G$19=$B$10,7,0)+IF('Standard Profiles'!$G$19=$B$17,14,0)+IF('Standard Profiles'!$G$19=$B$24,21,0),MOD($C8743,24)+1)/SUM(INDEX($D$3:$AA$30,INDEX(Jesper!$R$2:$R$366,ROW(INDEX(Jesper!AI$2:AI$366,ROUNDDOWN($C8743/24,0)+1,1))-1)+IF('Standard Profiles'!$G$19=$B$10,7,0)+IF('Standard Profiles'!$G$19=$B$17,14,0)+IF('Standard Profiles'!$G$19=$B$24,21,0),0)),0)</f>
        <v>1.559448566334481</v>
      </c>
      <c r="F8743" cm="1">
        <f t="array" ref="F8743">IFERROR(INDEX(Jesper!AJ$2:AJ$366,ROUNDDOWN($C8743/24,0)+1,1)*INDEX($D$3:$AA$30,INDEX(Jesper!$R$2:$R$366,ROW(INDEX(Jesper!AJ$2:AJ$366,ROUNDDOWN($C8743/24,0)+1,1))-1)+IF('Standard Profiles'!$G$20=$B$10,7,0)+IF('Standard Profiles'!$G$20=$B$17,14,0)+IF('Standard Profiles'!$G$20=$B$24,21,0),MOD($C8743,24)+1)/SUM(INDEX($D$3:$AA$30,INDEX(Jesper!$R$2:$R$366,ROW(INDEX(Jesper!AJ$2:AJ$366,ROUNDDOWN($C8743/24,0)+1,1))-1)+IF('Standard Profiles'!$G$20=$B$10,7,0)+IF('Standard Profiles'!$G$20=$B$17,14,0)+IF('Standard Profiles'!$G$20=$B$24,21,0),0)),0)</f>
        <v>0</v>
      </c>
      <c r="G8743" cm="1">
        <f t="array" ref="G8743">IFERROR(INDEX(Jesper!AK$2:AK$366,ROUNDDOWN($C8743/24,0)+1,1)*INDEX($D$3:$AA$30,INDEX(Jesper!$R$2:$R$366,ROW(INDEX(Jesper!AK$2:AK$366,ROUNDDOWN($C8743/24,0)+1,1))-1)+IF('Standard Profiles'!$G$21=$B$10,7,0)+IF('Standard Profiles'!$G$21=$B$17,14,0)+IF('Standard Profiles'!$G$21=$B$24,21,0),MOD($C8743,24)+1)/SUM(INDEX($D$3:$AA$30,INDEX(Jesper!$R$2:$R$366,ROW(INDEX(Jesper!AK$2:AK$366,ROUNDDOWN($C8743/24,0)+1,1))-1)+IF('Standard Profiles'!$G$21=$B$10,7,0)+IF('Standard Profiles'!$G$21=$B$17,14,0)+IF('Standard Profiles'!$G$21=$B$24,21,0),0)),0)</f>
        <v>0</v>
      </c>
      <c r="H8743" cm="1">
        <f t="array" ref="H8743">IFERROR(INDEX(Jesper!AL$2:AL$366,ROUNDDOWN($C8743/24,0)+1,1)*INDEX($D$3:$AA$30,INDEX(Jesper!$R$2:$R$366,ROW(INDEX(Jesper!AL$2:AL$366,ROUNDDOWN($C8743/24,0)+1,1))-1)+IF('Standard Profiles'!$G$22=$B$10,7,0)+IF('Standard Profiles'!$G$22=$B$17,14,0)+IF('Standard Profiles'!$G$22=$B$24,21,0),MOD($C8743,24)+1)/SUM(INDEX($D$3:$AA$30,INDEX(Jesper!$R$2:$R$366,ROW(INDEX(Jesper!AL$2:AL$366,ROUNDDOWN($C8743/24,0)+1,1))-1)+IF('Standard Profiles'!$G$22=$B$10,7,0)+IF('Standard Profiles'!$G$22=$B$17,14,0)+IF('Standard Profiles'!$G$22=$B$24,21,0),0)),0)</f>
        <v>0</v>
      </c>
      <c r="I8743">
        <f t="shared" si="972"/>
        <v>0.14049086183193527</v>
      </c>
      <c r="J8743">
        <f t="shared" si="973"/>
        <v>0.46830287277311761</v>
      </c>
      <c r="K8743">
        <f t="shared" si="974"/>
        <v>0.70245430915967644</v>
      </c>
      <c r="L8743">
        <f t="shared" si="975"/>
        <v>6.7815312936671077</v>
      </c>
      <c r="M8743">
        <f t="shared" si="976"/>
        <v>0</v>
      </c>
      <c r="N8743" s="46">
        <f t="shared" si="977"/>
        <v>45654.874999978878</v>
      </c>
    </row>
    <row r="8744" spans="2:14" x14ac:dyDescent="0.3">
      <c r="B8744">
        <f t="shared" si="971"/>
        <v>6</v>
      </c>
      <c r="C8744" s="16">
        <v>8710</v>
      </c>
      <c r="D8744" cm="1">
        <f t="array" ref="D8744">IFERROR(INDEX(Jesper!AH$2:AH$366,ROUNDDOWN($C8744/24,0)+1,1)*INDEX($D$3:$AA$30,INDEX(Jesper!$R$2:$R$366,ROW(INDEX(Jesper!AH$2:AH$366,ROUNDDOWN($C8744/24,0)+1,1))-1)+IF('Standard Profiles'!$G$18=$B$10,7,0)+IF('Standard Profiles'!$G$18=$B$17,14,0)+IF('Standard Profiles'!$G$18=$B$24,21,0),MOD($C8744,24)+1)/SUM(INDEX($D$3:$AA$30,INDEX(Jesper!$R$2:$R$366,ROW(INDEX(Jesper!AH$2:AH$366,ROUNDDOWN($C8744/24,0)+1,1))-1)+IF('Standard Profiles'!$G$18=$B$10,7,0)+IF('Standard Profiles'!$G$18=$B$17,14,0)+IF('Standard Profiles'!$G$18=$B$24,21,0),0)),0)</f>
        <v>6.533330771097356</v>
      </c>
      <c r="E8744" cm="1">
        <f t="array" ref="E8744">IFERROR(INDEX(Jesper!AI$2:AI$366,ROUNDDOWN($C8744/24,0)+1,1)*INDEX($D$3:$AA$30,INDEX(Jesper!$R$2:$R$366,ROW(INDEX(Jesper!AI$2:AI$366,ROUNDDOWN($C8744/24,0)+1,1))-1)+IF('Standard Profiles'!$G$19=$B$10,7,0)+IF('Standard Profiles'!$G$19=$B$17,14,0)+IF('Standard Profiles'!$G$19=$B$24,21,0),MOD($C8744,24)+1)/SUM(INDEX($D$3:$AA$30,INDEX(Jesper!$R$2:$R$366,ROW(INDEX(Jesper!AI$2:AI$366,ROUNDDOWN($C8744/24,0)+1,1))-1)+IF('Standard Profiles'!$G$19=$B$10,7,0)+IF('Standard Profiles'!$G$19=$B$17,14,0)+IF('Standard Profiles'!$G$19=$B$24,21,0),0)),0)</f>
        <v>1.559448566334481</v>
      </c>
      <c r="F8744" cm="1">
        <f t="array" ref="F8744">IFERROR(INDEX(Jesper!AJ$2:AJ$366,ROUNDDOWN($C8744/24,0)+1,1)*INDEX($D$3:$AA$30,INDEX(Jesper!$R$2:$R$366,ROW(INDEX(Jesper!AJ$2:AJ$366,ROUNDDOWN($C8744/24,0)+1,1))-1)+IF('Standard Profiles'!$G$20=$B$10,7,0)+IF('Standard Profiles'!$G$20=$B$17,14,0)+IF('Standard Profiles'!$G$20=$B$24,21,0),MOD($C8744,24)+1)/SUM(INDEX($D$3:$AA$30,INDEX(Jesper!$R$2:$R$366,ROW(INDEX(Jesper!AJ$2:AJ$366,ROUNDDOWN($C8744/24,0)+1,1))-1)+IF('Standard Profiles'!$G$20=$B$10,7,0)+IF('Standard Profiles'!$G$20=$B$17,14,0)+IF('Standard Profiles'!$G$20=$B$24,21,0),0)),0)</f>
        <v>0</v>
      </c>
      <c r="G8744" cm="1">
        <f t="array" ref="G8744">IFERROR(INDEX(Jesper!AK$2:AK$366,ROUNDDOWN($C8744/24,0)+1,1)*INDEX($D$3:$AA$30,INDEX(Jesper!$R$2:$R$366,ROW(INDEX(Jesper!AK$2:AK$366,ROUNDDOWN($C8744/24,0)+1,1))-1)+IF('Standard Profiles'!$G$21=$B$10,7,0)+IF('Standard Profiles'!$G$21=$B$17,14,0)+IF('Standard Profiles'!$G$21=$B$24,21,0),MOD($C8744,24)+1)/SUM(INDEX($D$3:$AA$30,INDEX(Jesper!$R$2:$R$366,ROW(INDEX(Jesper!AK$2:AK$366,ROUNDDOWN($C8744/24,0)+1,1))-1)+IF('Standard Profiles'!$G$21=$B$10,7,0)+IF('Standard Profiles'!$G$21=$B$17,14,0)+IF('Standard Profiles'!$G$21=$B$24,21,0),0)),0)</f>
        <v>0</v>
      </c>
      <c r="H8744" cm="1">
        <f t="array" ref="H8744">IFERROR(INDEX(Jesper!AL$2:AL$366,ROUNDDOWN($C8744/24,0)+1,1)*INDEX($D$3:$AA$30,INDEX(Jesper!$R$2:$R$366,ROW(INDEX(Jesper!AL$2:AL$366,ROUNDDOWN($C8744/24,0)+1,1))-1)+IF('Standard Profiles'!$G$22=$B$10,7,0)+IF('Standard Profiles'!$G$22=$B$17,14,0)+IF('Standard Profiles'!$G$22=$B$24,21,0),MOD($C8744,24)+1)/SUM(INDEX($D$3:$AA$30,INDEX(Jesper!$R$2:$R$366,ROW(INDEX(Jesper!AL$2:AL$366,ROUNDDOWN($C8744/24,0)+1,1))-1)+IF('Standard Profiles'!$G$22=$B$10,7,0)+IF('Standard Profiles'!$G$22=$B$17,14,0)+IF('Standard Profiles'!$G$22=$B$24,21,0),0)),0)</f>
        <v>0</v>
      </c>
      <c r="I8744">
        <f t="shared" si="972"/>
        <v>0.14049086183193527</v>
      </c>
      <c r="J8744">
        <f t="shared" si="973"/>
        <v>0.46830287277311761</v>
      </c>
      <c r="K8744">
        <f t="shared" si="974"/>
        <v>0.70245430915967644</v>
      </c>
      <c r="L8744">
        <f t="shared" si="975"/>
        <v>6.7815312936671077</v>
      </c>
      <c r="M8744">
        <f t="shared" si="976"/>
        <v>0</v>
      </c>
      <c r="N8744" s="46">
        <f t="shared" si="977"/>
        <v>45654.916666645542</v>
      </c>
    </row>
    <row r="8745" spans="2:14" x14ac:dyDescent="0.3">
      <c r="B8745">
        <f t="shared" si="971"/>
        <v>6</v>
      </c>
      <c r="C8745" s="16">
        <v>8711</v>
      </c>
      <c r="D8745" cm="1">
        <f t="array" ref="D8745">IFERROR(INDEX(Jesper!AH$2:AH$366,ROUNDDOWN($C8745/24,0)+1,1)*INDEX($D$3:$AA$30,INDEX(Jesper!$R$2:$R$366,ROW(INDEX(Jesper!AH$2:AH$366,ROUNDDOWN($C8745/24,0)+1,1))-1)+IF('Standard Profiles'!$G$18=$B$10,7,0)+IF('Standard Profiles'!$G$18=$B$17,14,0)+IF('Standard Profiles'!$G$18=$B$24,21,0),MOD($C8745,24)+1)/SUM(INDEX($D$3:$AA$30,INDEX(Jesper!$R$2:$R$366,ROW(INDEX(Jesper!AH$2:AH$366,ROUNDDOWN($C8745/24,0)+1,1))-1)+IF('Standard Profiles'!$G$18=$B$10,7,0)+IF('Standard Profiles'!$G$18=$B$17,14,0)+IF('Standard Profiles'!$G$18=$B$24,21,0),0)),0)</f>
        <v>6.533330771097356</v>
      </c>
      <c r="E8745" cm="1">
        <f t="array" ref="E8745">IFERROR(INDEX(Jesper!AI$2:AI$366,ROUNDDOWN($C8745/24,0)+1,1)*INDEX($D$3:$AA$30,INDEX(Jesper!$R$2:$R$366,ROW(INDEX(Jesper!AI$2:AI$366,ROUNDDOWN($C8745/24,0)+1,1))-1)+IF('Standard Profiles'!$G$19=$B$10,7,0)+IF('Standard Profiles'!$G$19=$B$17,14,0)+IF('Standard Profiles'!$G$19=$B$24,21,0),MOD($C8745,24)+1)/SUM(INDEX($D$3:$AA$30,INDEX(Jesper!$R$2:$R$366,ROW(INDEX(Jesper!AI$2:AI$366,ROUNDDOWN($C8745/24,0)+1,1))-1)+IF('Standard Profiles'!$G$19=$B$10,7,0)+IF('Standard Profiles'!$G$19=$B$17,14,0)+IF('Standard Profiles'!$G$19=$B$24,21,0),0)),0)</f>
        <v>1.559448566334481</v>
      </c>
      <c r="F8745" cm="1">
        <f t="array" ref="F8745">IFERROR(INDEX(Jesper!AJ$2:AJ$366,ROUNDDOWN($C8745/24,0)+1,1)*INDEX($D$3:$AA$30,INDEX(Jesper!$R$2:$R$366,ROW(INDEX(Jesper!AJ$2:AJ$366,ROUNDDOWN($C8745/24,0)+1,1))-1)+IF('Standard Profiles'!$G$20=$B$10,7,0)+IF('Standard Profiles'!$G$20=$B$17,14,0)+IF('Standard Profiles'!$G$20=$B$24,21,0),MOD($C8745,24)+1)/SUM(INDEX($D$3:$AA$30,INDEX(Jesper!$R$2:$R$366,ROW(INDEX(Jesper!AJ$2:AJ$366,ROUNDDOWN($C8745/24,0)+1,1))-1)+IF('Standard Profiles'!$G$20=$B$10,7,0)+IF('Standard Profiles'!$G$20=$B$17,14,0)+IF('Standard Profiles'!$G$20=$B$24,21,0),0)),0)</f>
        <v>0</v>
      </c>
      <c r="G8745" cm="1">
        <f t="array" ref="G8745">IFERROR(INDEX(Jesper!AK$2:AK$366,ROUNDDOWN($C8745/24,0)+1,1)*INDEX($D$3:$AA$30,INDEX(Jesper!$R$2:$R$366,ROW(INDEX(Jesper!AK$2:AK$366,ROUNDDOWN($C8745/24,0)+1,1))-1)+IF('Standard Profiles'!$G$21=$B$10,7,0)+IF('Standard Profiles'!$G$21=$B$17,14,0)+IF('Standard Profiles'!$G$21=$B$24,21,0),MOD($C8745,24)+1)/SUM(INDEX($D$3:$AA$30,INDEX(Jesper!$R$2:$R$366,ROW(INDEX(Jesper!AK$2:AK$366,ROUNDDOWN($C8745/24,0)+1,1))-1)+IF('Standard Profiles'!$G$21=$B$10,7,0)+IF('Standard Profiles'!$G$21=$B$17,14,0)+IF('Standard Profiles'!$G$21=$B$24,21,0),0)),0)</f>
        <v>0</v>
      </c>
      <c r="H8745" cm="1">
        <f t="array" ref="H8745">IFERROR(INDEX(Jesper!AL$2:AL$366,ROUNDDOWN($C8745/24,0)+1,1)*INDEX($D$3:$AA$30,INDEX(Jesper!$R$2:$R$366,ROW(INDEX(Jesper!AL$2:AL$366,ROUNDDOWN($C8745/24,0)+1,1))-1)+IF('Standard Profiles'!$G$22=$B$10,7,0)+IF('Standard Profiles'!$G$22=$B$17,14,0)+IF('Standard Profiles'!$G$22=$B$24,21,0),MOD($C8745,24)+1)/SUM(INDEX($D$3:$AA$30,INDEX(Jesper!$R$2:$R$366,ROW(INDEX(Jesper!AL$2:AL$366,ROUNDDOWN($C8745/24,0)+1,1))-1)+IF('Standard Profiles'!$G$22=$B$10,7,0)+IF('Standard Profiles'!$G$22=$B$17,14,0)+IF('Standard Profiles'!$G$22=$B$24,21,0),0)),0)</f>
        <v>0</v>
      </c>
      <c r="I8745">
        <f t="shared" si="972"/>
        <v>0.14049086183193527</v>
      </c>
      <c r="J8745">
        <f t="shared" si="973"/>
        <v>0.46830287277311761</v>
      </c>
      <c r="K8745">
        <f t="shared" si="974"/>
        <v>0.70245430915967644</v>
      </c>
      <c r="L8745">
        <f t="shared" si="975"/>
        <v>6.7815312936671077</v>
      </c>
      <c r="M8745">
        <f t="shared" si="976"/>
        <v>0</v>
      </c>
      <c r="N8745" s="46">
        <f t="shared" si="977"/>
        <v>45654.958333312206</v>
      </c>
    </row>
    <row r="8746" spans="2:14" x14ac:dyDescent="0.3">
      <c r="B8746">
        <f t="shared" si="971"/>
        <v>7</v>
      </c>
      <c r="C8746" s="16">
        <v>8712</v>
      </c>
      <c r="D8746" cm="1">
        <f t="array" ref="D8746">IFERROR(INDEX(Jesper!AH$2:AH$366,ROUNDDOWN($C8746/24,0)+1,1)*INDEX($D$3:$AA$30,INDEX(Jesper!$R$2:$R$366,ROW(INDEX(Jesper!AH$2:AH$366,ROUNDDOWN($C8746/24,0)+1,1))-1)+IF('Standard Profiles'!$G$18=$B$10,7,0)+IF('Standard Profiles'!$G$18=$B$17,14,0)+IF('Standard Profiles'!$G$18=$B$24,21,0),MOD($C8746,24)+1)/SUM(INDEX($D$3:$AA$30,INDEX(Jesper!$R$2:$R$366,ROW(INDEX(Jesper!AH$2:AH$366,ROUNDDOWN($C8746/24,0)+1,1))-1)+IF('Standard Profiles'!$G$18=$B$10,7,0)+IF('Standard Profiles'!$G$18=$B$17,14,0)+IF('Standard Profiles'!$G$18=$B$24,21,0),0)),0)</f>
        <v>7.3545419293063388</v>
      </c>
      <c r="E8746" cm="1">
        <f t="array" ref="E8746">IFERROR(INDEX(Jesper!AI$2:AI$366,ROUNDDOWN($C8746/24,0)+1,1)*INDEX($D$3:$AA$30,INDEX(Jesper!$R$2:$R$366,ROW(INDEX(Jesper!AI$2:AI$366,ROUNDDOWN($C8746/24,0)+1,1))-1)+IF('Standard Profiles'!$G$19=$B$10,7,0)+IF('Standard Profiles'!$G$19=$B$17,14,0)+IF('Standard Profiles'!$G$19=$B$24,21,0),MOD($C8746,24)+1)/SUM(INDEX($D$3:$AA$30,INDEX(Jesper!$R$2:$R$366,ROW(INDEX(Jesper!AI$2:AI$366,ROUNDDOWN($C8746/24,0)+1,1))-1)+IF('Standard Profiles'!$G$19=$B$10,7,0)+IF('Standard Profiles'!$G$19=$B$17,14,0)+IF('Standard Profiles'!$G$19=$B$24,21,0),0)),0)</f>
        <v>1.734576672833011</v>
      </c>
      <c r="F8746" cm="1">
        <f t="array" ref="F8746">IFERROR(INDEX(Jesper!AJ$2:AJ$366,ROUNDDOWN($C8746/24,0)+1,1)*INDEX($D$3:$AA$30,INDEX(Jesper!$R$2:$R$366,ROW(INDEX(Jesper!AJ$2:AJ$366,ROUNDDOWN($C8746/24,0)+1,1))-1)+IF('Standard Profiles'!$G$20=$B$10,7,0)+IF('Standard Profiles'!$G$20=$B$17,14,0)+IF('Standard Profiles'!$G$20=$B$24,21,0),MOD($C8746,24)+1)/SUM(INDEX($D$3:$AA$30,INDEX(Jesper!$R$2:$R$366,ROW(INDEX(Jesper!AJ$2:AJ$366,ROUNDDOWN($C8746/24,0)+1,1))-1)+IF('Standard Profiles'!$G$20=$B$10,7,0)+IF('Standard Profiles'!$G$20=$B$17,14,0)+IF('Standard Profiles'!$G$20=$B$24,21,0),0)),0)</f>
        <v>0</v>
      </c>
      <c r="G8746" cm="1">
        <f t="array" ref="G8746">IFERROR(INDEX(Jesper!AK$2:AK$366,ROUNDDOWN($C8746/24,0)+1,1)*INDEX($D$3:$AA$30,INDEX(Jesper!$R$2:$R$366,ROW(INDEX(Jesper!AK$2:AK$366,ROUNDDOWN($C8746/24,0)+1,1))-1)+IF('Standard Profiles'!$G$21=$B$10,7,0)+IF('Standard Profiles'!$G$21=$B$17,14,0)+IF('Standard Profiles'!$G$21=$B$24,21,0),MOD($C8746,24)+1)/SUM(INDEX($D$3:$AA$30,INDEX(Jesper!$R$2:$R$366,ROW(INDEX(Jesper!AK$2:AK$366,ROUNDDOWN($C8746/24,0)+1,1))-1)+IF('Standard Profiles'!$G$21=$B$10,7,0)+IF('Standard Profiles'!$G$21=$B$17,14,0)+IF('Standard Profiles'!$G$21=$B$24,21,0),0)),0)</f>
        <v>0</v>
      </c>
      <c r="H8746" cm="1">
        <f t="array" ref="H8746">IFERROR(INDEX(Jesper!AL$2:AL$366,ROUNDDOWN($C8746/24,0)+1,1)*INDEX($D$3:$AA$30,INDEX(Jesper!$R$2:$R$366,ROW(INDEX(Jesper!AL$2:AL$366,ROUNDDOWN($C8746/24,0)+1,1))-1)+IF('Standard Profiles'!$G$22=$B$10,7,0)+IF('Standard Profiles'!$G$22=$B$17,14,0)+IF('Standard Profiles'!$G$22=$B$24,21,0),MOD($C8746,24)+1)/SUM(INDEX($D$3:$AA$30,INDEX(Jesper!$R$2:$R$366,ROW(INDEX(Jesper!AL$2:AL$366,ROUNDDOWN($C8746/24,0)+1,1))-1)+IF('Standard Profiles'!$G$22=$B$10,7,0)+IF('Standard Profiles'!$G$22=$B$17,14,0)+IF('Standard Profiles'!$G$22=$B$24,21,0),0)),0)</f>
        <v>0</v>
      </c>
      <c r="I8746">
        <f t="shared" si="972"/>
        <v>0.15626816872369473</v>
      </c>
      <c r="J8746">
        <f t="shared" si="973"/>
        <v>0.52089389574564915</v>
      </c>
      <c r="K8746">
        <f t="shared" si="974"/>
        <v>0.78134084361847367</v>
      </c>
      <c r="L8746">
        <f t="shared" si="975"/>
        <v>7.6306156940515324</v>
      </c>
      <c r="M8746">
        <f t="shared" si="976"/>
        <v>0</v>
      </c>
      <c r="N8746" s="46">
        <f t="shared" si="977"/>
        <v>45654.999999978871</v>
      </c>
    </row>
    <row r="8747" spans="2:14" x14ac:dyDescent="0.3">
      <c r="B8747">
        <f t="shared" si="971"/>
        <v>7</v>
      </c>
      <c r="C8747" s="16">
        <v>8713</v>
      </c>
      <c r="D8747" cm="1">
        <f t="array" ref="D8747">IFERROR(INDEX(Jesper!AH$2:AH$366,ROUNDDOWN($C8747/24,0)+1,1)*INDEX($D$3:$AA$30,INDEX(Jesper!$R$2:$R$366,ROW(INDEX(Jesper!AH$2:AH$366,ROUNDDOWN($C8747/24,0)+1,1))-1)+IF('Standard Profiles'!$G$18=$B$10,7,0)+IF('Standard Profiles'!$G$18=$B$17,14,0)+IF('Standard Profiles'!$G$18=$B$24,21,0),MOD($C8747,24)+1)/SUM(INDEX($D$3:$AA$30,INDEX(Jesper!$R$2:$R$366,ROW(INDEX(Jesper!AH$2:AH$366,ROUNDDOWN($C8747/24,0)+1,1))-1)+IF('Standard Profiles'!$G$18=$B$10,7,0)+IF('Standard Profiles'!$G$18=$B$17,14,0)+IF('Standard Profiles'!$G$18=$B$24,21,0),0)),0)</f>
        <v>8.5407583695170377</v>
      </c>
      <c r="E8747" cm="1">
        <f t="array" ref="E8747">IFERROR(INDEX(Jesper!AI$2:AI$366,ROUNDDOWN($C8747/24,0)+1,1)*INDEX($D$3:$AA$30,INDEX(Jesper!$R$2:$R$366,ROW(INDEX(Jesper!AI$2:AI$366,ROUNDDOWN($C8747/24,0)+1,1))-1)+IF('Standard Profiles'!$G$19=$B$10,7,0)+IF('Standard Profiles'!$G$19=$B$17,14,0)+IF('Standard Profiles'!$G$19=$B$24,21,0),MOD($C8747,24)+1)/SUM(INDEX($D$3:$AA$30,INDEX(Jesper!$R$2:$R$366,ROW(INDEX(Jesper!AI$2:AI$366,ROUNDDOWN($C8747/24,0)+1,1))-1)+IF('Standard Profiles'!$G$19=$B$10,7,0)+IF('Standard Profiles'!$G$19=$B$17,14,0)+IF('Standard Profiles'!$G$19=$B$24,21,0),0)),0)</f>
        <v>2.0143471039351097</v>
      </c>
      <c r="F8747" cm="1">
        <f t="array" ref="F8747">IFERROR(INDEX(Jesper!AJ$2:AJ$366,ROUNDDOWN($C8747/24,0)+1,1)*INDEX($D$3:$AA$30,INDEX(Jesper!$R$2:$R$366,ROW(INDEX(Jesper!AJ$2:AJ$366,ROUNDDOWN($C8747/24,0)+1,1))-1)+IF('Standard Profiles'!$G$20=$B$10,7,0)+IF('Standard Profiles'!$G$20=$B$17,14,0)+IF('Standard Profiles'!$G$20=$B$24,21,0),MOD($C8747,24)+1)/SUM(INDEX($D$3:$AA$30,INDEX(Jesper!$R$2:$R$366,ROW(INDEX(Jesper!AJ$2:AJ$366,ROUNDDOWN($C8747/24,0)+1,1))-1)+IF('Standard Profiles'!$G$20=$B$10,7,0)+IF('Standard Profiles'!$G$20=$B$17,14,0)+IF('Standard Profiles'!$G$20=$B$24,21,0),0)),0)</f>
        <v>0</v>
      </c>
      <c r="G8747" cm="1">
        <f t="array" ref="G8747">IFERROR(INDEX(Jesper!AK$2:AK$366,ROUNDDOWN($C8747/24,0)+1,1)*INDEX($D$3:$AA$30,INDEX(Jesper!$R$2:$R$366,ROW(INDEX(Jesper!AK$2:AK$366,ROUNDDOWN($C8747/24,0)+1,1))-1)+IF('Standard Profiles'!$G$21=$B$10,7,0)+IF('Standard Profiles'!$G$21=$B$17,14,0)+IF('Standard Profiles'!$G$21=$B$24,21,0),MOD($C8747,24)+1)/SUM(INDEX($D$3:$AA$30,INDEX(Jesper!$R$2:$R$366,ROW(INDEX(Jesper!AK$2:AK$366,ROUNDDOWN($C8747/24,0)+1,1))-1)+IF('Standard Profiles'!$G$21=$B$10,7,0)+IF('Standard Profiles'!$G$21=$B$17,14,0)+IF('Standard Profiles'!$G$21=$B$24,21,0),0)),0)</f>
        <v>0</v>
      </c>
      <c r="H8747" cm="1">
        <f t="array" ref="H8747">IFERROR(INDEX(Jesper!AL$2:AL$366,ROUNDDOWN($C8747/24,0)+1,1)*INDEX($D$3:$AA$30,INDEX(Jesper!$R$2:$R$366,ROW(INDEX(Jesper!AL$2:AL$366,ROUNDDOWN($C8747/24,0)+1,1))-1)+IF('Standard Profiles'!$G$22=$B$10,7,0)+IF('Standard Profiles'!$G$22=$B$17,14,0)+IF('Standard Profiles'!$G$22=$B$24,21,0),MOD($C8747,24)+1)/SUM(INDEX($D$3:$AA$30,INDEX(Jesper!$R$2:$R$366,ROW(INDEX(Jesper!AL$2:AL$366,ROUNDDOWN($C8747/24,0)+1,1))-1)+IF('Standard Profiles'!$G$22=$B$10,7,0)+IF('Standard Profiles'!$G$22=$B$17,14,0)+IF('Standard Profiles'!$G$22=$B$24,21,0),0)),0)</f>
        <v>0</v>
      </c>
      <c r="I8747">
        <f t="shared" si="972"/>
        <v>0.18147271206622614</v>
      </c>
      <c r="J8747">
        <f t="shared" si="973"/>
        <v>0.60490904022075387</v>
      </c>
      <c r="K8747">
        <f t="shared" si="974"/>
        <v>0.90736356033113086</v>
      </c>
      <c r="L8747">
        <f t="shared" si="975"/>
        <v>8.8613601608340371</v>
      </c>
      <c r="M8747">
        <f t="shared" si="976"/>
        <v>0</v>
      </c>
      <c r="N8747" s="46">
        <f t="shared" si="977"/>
        <v>45655.041666645535</v>
      </c>
    </row>
    <row r="8748" spans="2:14" x14ac:dyDescent="0.3">
      <c r="B8748">
        <f t="shared" si="971"/>
        <v>7</v>
      </c>
      <c r="C8748" s="16">
        <v>8714</v>
      </c>
      <c r="D8748" cm="1">
        <f t="array" ref="D8748">IFERROR(INDEX(Jesper!AH$2:AH$366,ROUNDDOWN($C8748/24,0)+1,1)*INDEX($D$3:$AA$30,INDEX(Jesper!$R$2:$R$366,ROW(INDEX(Jesper!AH$2:AH$366,ROUNDDOWN($C8748/24,0)+1,1))-1)+IF('Standard Profiles'!$G$18=$B$10,7,0)+IF('Standard Profiles'!$G$18=$B$17,14,0)+IF('Standard Profiles'!$G$18=$B$24,21,0),MOD($C8748,24)+1)/SUM(INDEX($D$3:$AA$30,INDEX(Jesper!$R$2:$R$366,ROW(INDEX(Jesper!AH$2:AH$366,ROUNDDOWN($C8748/24,0)+1,1))-1)+IF('Standard Profiles'!$G$18=$B$10,7,0)+IF('Standard Profiles'!$G$18=$B$17,14,0)+IF('Standard Profiles'!$G$18=$B$24,21,0),0)),0)</f>
        <v>8.5407583695170377</v>
      </c>
      <c r="E8748" cm="1">
        <f t="array" ref="E8748">IFERROR(INDEX(Jesper!AI$2:AI$366,ROUNDDOWN($C8748/24,0)+1,1)*INDEX($D$3:$AA$30,INDEX(Jesper!$R$2:$R$366,ROW(INDEX(Jesper!AI$2:AI$366,ROUNDDOWN($C8748/24,0)+1,1))-1)+IF('Standard Profiles'!$G$19=$B$10,7,0)+IF('Standard Profiles'!$G$19=$B$17,14,0)+IF('Standard Profiles'!$G$19=$B$24,21,0),MOD($C8748,24)+1)/SUM(INDEX($D$3:$AA$30,INDEX(Jesper!$R$2:$R$366,ROW(INDEX(Jesper!AI$2:AI$366,ROUNDDOWN($C8748/24,0)+1,1))-1)+IF('Standard Profiles'!$G$19=$B$10,7,0)+IF('Standard Profiles'!$G$19=$B$17,14,0)+IF('Standard Profiles'!$G$19=$B$24,21,0),0)),0)</f>
        <v>2.0143471039351097</v>
      </c>
      <c r="F8748" cm="1">
        <f t="array" ref="F8748">IFERROR(INDEX(Jesper!AJ$2:AJ$366,ROUNDDOWN($C8748/24,0)+1,1)*INDEX($D$3:$AA$30,INDEX(Jesper!$R$2:$R$366,ROW(INDEX(Jesper!AJ$2:AJ$366,ROUNDDOWN($C8748/24,0)+1,1))-1)+IF('Standard Profiles'!$G$20=$B$10,7,0)+IF('Standard Profiles'!$G$20=$B$17,14,0)+IF('Standard Profiles'!$G$20=$B$24,21,0),MOD($C8748,24)+1)/SUM(INDEX($D$3:$AA$30,INDEX(Jesper!$R$2:$R$366,ROW(INDEX(Jesper!AJ$2:AJ$366,ROUNDDOWN($C8748/24,0)+1,1))-1)+IF('Standard Profiles'!$G$20=$B$10,7,0)+IF('Standard Profiles'!$G$20=$B$17,14,0)+IF('Standard Profiles'!$G$20=$B$24,21,0),0)),0)</f>
        <v>0</v>
      </c>
      <c r="G8748" cm="1">
        <f t="array" ref="G8748">IFERROR(INDEX(Jesper!AK$2:AK$366,ROUNDDOWN($C8748/24,0)+1,1)*INDEX($D$3:$AA$30,INDEX(Jesper!$R$2:$R$366,ROW(INDEX(Jesper!AK$2:AK$366,ROUNDDOWN($C8748/24,0)+1,1))-1)+IF('Standard Profiles'!$G$21=$B$10,7,0)+IF('Standard Profiles'!$G$21=$B$17,14,0)+IF('Standard Profiles'!$G$21=$B$24,21,0),MOD($C8748,24)+1)/SUM(INDEX($D$3:$AA$30,INDEX(Jesper!$R$2:$R$366,ROW(INDEX(Jesper!AK$2:AK$366,ROUNDDOWN($C8748/24,0)+1,1))-1)+IF('Standard Profiles'!$G$21=$B$10,7,0)+IF('Standard Profiles'!$G$21=$B$17,14,0)+IF('Standard Profiles'!$G$21=$B$24,21,0),0)),0)</f>
        <v>0</v>
      </c>
      <c r="H8748" cm="1">
        <f t="array" ref="H8748">IFERROR(INDEX(Jesper!AL$2:AL$366,ROUNDDOWN($C8748/24,0)+1,1)*INDEX($D$3:$AA$30,INDEX(Jesper!$R$2:$R$366,ROW(INDEX(Jesper!AL$2:AL$366,ROUNDDOWN($C8748/24,0)+1,1))-1)+IF('Standard Profiles'!$G$22=$B$10,7,0)+IF('Standard Profiles'!$G$22=$B$17,14,0)+IF('Standard Profiles'!$G$22=$B$24,21,0),MOD($C8748,24)+1)/SUM(INDEX($D$3:$AA$30,INDEX(Jesper!$R$2:$R$366,ROW(INDEX(Jesper!AL$2:AL$366,ROUNDDOWN($C8748/24,0)+1,1))-1)+IF('Standard Profiles'!$G$22=$B$10,7,0)+IF('Standard Profiles'!$G$22=$B$17,14,0)+IF('Standard Profiles'!$G$22=$B$24,21,0),0)),0)</f>
        <v>0</v>
      </c>
      <c r="I8748">
        <f t="shared" si="972"/>
        <v>0.18147271206622614</v>
      </c>
      <c r="J8748">
        <f t="shared" si="973"/>
        <v>0.60490904022075387</v>
      </c>
      <c r="K8748">
        <f t="shared" si="974"/>
        <v>0.90736356033113086</v>
      </c>
      <c r="L8748">
        <f t="shared" si="975"/>
        <v>8.8613601608340371</v>
      </c>
      <c r="M8748">
        <f t="shared" si="976"/>
        <v>0</v>
      </c>
      <c r="N8748" s="46">
        <f t="shared" si="977"/>
        <v>45655.083333312199</v>
      </c>
    </row>
    <row r="8749" spans="2:14" x14ac:dyDescent="0.3">
      <c r="B8749">
        <f t="shared" si="971"/>
        <v>7</v>
      </c>
      <c r="C8749" s="16">
        <v>8715</v>
      </c>
      <c r="D8749" cm="1">
        <f t="array" ref="D8749">IFERROR(INDEX(Jesper!AH$2:AH$366,ROUNDDOWN($C8749/24,0)+1,1)*INDEX($D$3:$AA$30,INDEX(Jesper!$R$2:$R$366,ROW(INDEX(Jesper!AH$2:AH$366,ROUNDDOWN($C8749/24,0)+1,1))-1)+IF('Standard Profiles'!$G$18=$B$10,7,0)+IF('Standard Profiles'!$G$18=$B$17,14,0)+IF('Standard Profiles'!$G$18=$B$24,21,0),MOD($C8749,24)+1)/SUM(INDEX($D$3:$AA$30,INDEX(Jesper!$R$2:$R$366,ROW(INDEX(Jesper!AH$2:AH$366,ROUNDDOWN($C8749/24,0)+1,1))-1)+IF('Standard Profiles'!$G$18=$B$10,7,0)+IF('Standard Profiles'!$G$18=$B$17,14,0)+IF('Standard Profiles'!$G$18=$B$24,21,0),0)),0)</f>
        <v>8.5407583695170377</v>
      </c>
      <c r="E8749" cm="1">
        <f t="array" ref="E8749">IFERROR(INDEX(Jesper!AI$2:AI$366,ROUNDDOWN($C8749/24,0)+1,1)*INDEX($D$3:$AA$30,INDEX(Jesper!$R$2:$R$366,ROW(INDEX(Jesper!AI$2:AI$366,ROUNDDOWN($C8749/24,0)+1,1))-1)+IF('Standard Profiles'!$G$19=$B$10,7,0)+IF('Standard Profiles'!$G$19=$B$17,14,0)+IF('Standard Profiles'!$G$19=$B$24,21,0),MOD($C8749,24)+1)/SUM(INDEX($D$3:$AA$30,INDEX(Jesper!$R$2:$R$366,ROW(INDEX(Jesper!AI$2:AI$366,ROUNDDOWN($C8749/24,0)+1,1))-1)+IF('Standard Profiles'!$G$19=$B$10,7,0)+IF('Standard Profiles'!$G$19=$B$17,14,0)+IF('Standard Profiles'!$G$19=$B$24,21,0),0)),0)</f>
        <v>2.0143471039351097</v>
      </c>
      <c r="F8749" cm="1">
        <f t="array" ref="F8749">IFERROR(INDEX(Jesper!AJ$2:AJ$366,ROUNDDOWN($C8749/24,0)+1,1)*INDEX($D$3:$AA$30,INDEX(Jesper!$R$2:$R$366,ROW(INDEX(Jesper!AJ$2:AJ$366,ROUNDDOWN($C8749/24,0)+1,1))-1)+IF('Standard Profiles'!$G$20=$B$10,7,0)+IF('Standard Profiles'!$G$20=$B$17,14,0)+IF('Standard Profiles'!$G$20=$B$24,21,0),MOD($C8749,24)+1)/SUM(INDEX($D$3:$AA$30,INDEX(Jesper!$R$2:$R$366,ROW(INDEX(Jesper!AJ$2:AJ$366,ROUNDDOWN($C8749/24,0)+1,1))-1)+IF('Standard Profiles'!$G$20=$B$10,7,0)+IF('Standard Profiles'!$G$20=$B$17,14,0)+IF('Standard Profiles'!$G$20=$B$24,21,0),0)),0)</f>
        <v>0</v>
      </c>
      <c r="G8749" cm="1">
        <f t="array" ref="G8749">IFERROR(INDEX(Jesper!AK$2:AK$366,ROUNDDOWN($C8749/24,0)+1,1)*INDEX($D$3:$AA$30,INDEX(Jesper!$R$2:$R$366,ROW(INDEX(Jesper!AK$2:AK$366,ROUNDDOWN($C8749/24,0)+1,1))-1)+IF('Standard Profiles'!$G$21=$B$10,7,0)+IF('Standard Profiles'!$G$21=$B$17,14,0)+IF('Standard Profiles'!$G$21=$B$24,21,0),MOD($C8749,24)+1)/SUM(INDEX($D$3:$AA$30,INDEX(Jesper!$R$2:$R$366,ROW(INDEX(Jesper!AK$2:AK$366,ROUNDDOWN($C8749/24,0)+1,1))-1)+IF('Standard Profiles'!$G$21=$B$10,7,0)+IF('Standard Profiles'!$G$21=$B$17,14,0)+IF('Standard Profiles'!$G$21=$B$24,21,0),0)),0)</f>
        <v>0</v>
      </c>
      <c r="H8749" cm="1">
        <f t="array" ref="H8749">IFERROR(INDEX(Jesper!AL$2:AL$366,ROUNDDOWN($C8749/24,0)+1,1)*INDEX($D$3:$AA$30,INDEX(Jesper!$R$2:$R$366,ROW(INDEX(Jesper!AL$2:AL$366,ROUNDDOWN($C8749/24,0)+1,1))-1)+IF('Standard Profiles'!$G$22=$B$10,7,0)+IF('Standard Profiles'!$G$22=$B$17,14,0)+IF('Standard Profiles'!$G$22=$B$24,21,0),MOD($C8749,24)+1)/SUM(INDEX($D$3:$AA$30,INDEX(Jesper!$R$2:$R$366,ROW(INDEX(Jesper!AL$2:AL$366,ROUNDDOWN($C8749/24,0)+1,1))-1)+IF('Standard Profiles'!$G$22=$B$10,7,0)+IF('Standard Profiles'!$G$22=$B$17,14,0)+IF('Standard Profiles'!$G$22=$B$24,21,0),0)),0)</f>
        <v>0</v>
      </c>
      <c r="I8749">
        <f t="shared" si="972"/>
        <v>0.18147271206622614</v>
      </c>
      <c r="J8749">
        <f t="shared" si="973"/>
        <v>0.60490904022075387</v>
      </c>
      <c r="K8749">
        <f t="shared" si="974"/>
        <v>0.90736356033113086</v>
      </c>
      <c r="L8749">
        <f t="shared" si="975"/>
        <v>8.8613601608340371</v>
      </c>
      <c r="M8749">
        <f t="shared" si="976"/>
        <v>0</v>
      </c>
      <c r="N8749" s="46">
        <f t="shared" si="977"/>
        <v>45655.124999978863</v>
      </c>
    </row>
    <row r="8750" spans="2:14" x14ac:dyDescent="0.3">
      <c r="B8750">
        <f t="shared" si="971"/>
        <v>7</v>
      </c>
      <c r="C8750" s="16">
        <v>8716</v>
      </c>
      <c r="D8750" cm="1">
        <f t="array" ref="D8750">IFERROR(INDEX(Jesper!AH$2:AH$366,ROUNDDOWN($C8750/24,0)+1,1)*INDEX($D$3:$AA$30,INDEX(Jesper!$R$2:$R$366,ROW(INDEX(Jesper!AH$2:AH$366,ROUNDDOWN($C8750/24,0)+1,1))-1)+IF('Standard Profiles'!$G$18=$B$10,7,0)+IF('Standard Profiles'!$G$18=$B$17,14,0)+IF('Standard Profiles'!$G$18=$B$24,21,0),MOD($C8750,24)+1)/SUM(INDEX($D$3:$AA$30,INDEX(Jesper!$R$2:$R$366,ROW(INDEX(Jesper!AH$2:AH$366,ROUNDDOWN($C8750/24,0)+1,1))-1)+IF('Standard Profiles'!$G$18=$B$10,7,0)+IF('Standard Profiles'!$G$18=$B$17,14,0)+IF('Standard Profiles'!$G$18=$B$24,21,0),0)),0)</f>
        <v>8.5407583695170377</v>
      </c>
      <c r="E8750" cm="1">
        <f t="array" ref="E8750">IFERROR(INDEX(Jesper!AI$2:AI$366,ROUNDDOWN($C8750/24,0)+1,1)*INDEX($D$3:$AA$30,INDEX(Jesper!$R$2:$R$366,ROW(INDEX(Jesper!AI$2:AI$366,ROUNDDOWN($C8750/24,0)+1,1))-1)+IF('Standard Profiles'!$G$19=$B$10,7,0)+IF('Standard Profiles'!$G$19=$B$17,14,0)+IF('Standard Profiles'!$G$19=$B$24,21,0),MOD($C8750,24)+1)/SUM(INDEX($D$3:$AA$30,INDEX(Jesper!$R$2:$R$366,ROW(INDEX(Jesper!AI$2:AI$366,ROUNDDOWN($C8750/24,0)+1,1))-1)+IF('Standard Profiles'!$G$19=$B$10,7,0)+IF('Standard Profiles'!$G$19=$B$17,14,0)+IF('Standard Profiles'!$G$19=$B$24,21,0),0)),0)</f>
        <v>2.0143471039351097</v>
      </c>
      <c r="F8750" cm="1">
        <f t="array" ref="F8750">IFERROR(INDEX(Jesper!AJ$2:AJ$366,ROUNDDOWN($C8750/24,0)+1,1)*INDEX($D$3:$AA$30,INDEX(Jesper!$R$2:$R$366,ROW(INDEX(Jesper!AJ$2:AJ$366,ROUNDDOWN($C8750/24,0)+1,1))-1)+IF('Standard Profiles'!$G$20=$B$10,7,0)+IF('Standard Profiles'!$G$20=$B$17,14,0)+IF('Standard Profiles'!$G$20=$B$24,21,0),MOD($C8750,24)+1)/SUM(INDEX($D$3:$AA$30,INDEX(Jesper!$R$2:$R$366,ROW(INDEX(Jesper!AJ$2:AJ$366,ROUNDDOWN($C8750/24,0)+1,1))-1)+IF('Standard Profiles'!$G$20=$B$10,7,0)+IF('Standard Profiles'!$G$20=$B$17,14,0)+IF('Standard Profiles'!$G$20=$B$24,21,0),0)),0)</f>
        <v>0</v>
      </c>
      <c r="G8750" cm="1">
        <f t="array" ref="G8750">IFERROR(INDEX(Jesper!AK$2:AK$366,ROUNDDOWN($C8750/24,0)+1,1)*INDEX($D$3:$AA$30,INDEX(Jesper!$R$2:$R$366,ROW(INDEX(Jesper!AK$2:AK$366,ROUNDDOWN($C8750/24,0)+1,1))-1)+IF('Standard Profiles'!$G$21=$B$10,7,0)+IF('Standard Profiles'!$G$21=$B$17,14,0)+IF('Standard Profiles'!$G$21=$B$24,21,0),MOD($C8750,24)+1)/SUM(INDEX($D$3:$AA$30,INDEX(Jesper!$R$2:$R$366,ROW(INDEX(Jesper!AK$2:AK$366,ROUNDDOWN($C8750/24,0)+1,1))-1)+IF('Standard Profiles'!$G$21=$B$10,7,0)+IF('Standard Profiles'!$G$21=$B$17,14,0)+IF('Standard Profiles'!$G$21=$B$24,21,0),0)),0)</f>
        <v>0</v>
      </c>
      <c r="H8750" cm="1">
        <f t="array" ref="H8750">IFERROR(INDEX(Jesper!AL$2:AL$366,ROUNDDOWN($C8750/24,0)+1,1)*INDEX($D$3:$AA$30,INDEX(Jesper!$R$2:$R$366,ROW(INDEX(Jesper!AL$2:AL$366,ROUNDDOWN($C8750/24,0)+1,1))-1)+IF('Standard Profiles'!$G$22=$B$10,7,0)+IF('Standard Profiles'!$G$22=$B$17,14,0)+IF('Standard Profiles'!$G$22=$B$24,21,0),MOD($C8750,24)+1)/SUM(INDEX($D$3:$AA$30,INDEX(Jesper!$R$2:$R$366,ROW(INDEX(Jesper!AL$2:AL$366,ROUNDDOWN($C8750/24,0)+1,1))-1)+IF('Standard Profiles'!$G$22=$B$10,7,0)+IF('Standard Profiles'!$G$22=$B$17,14,0)+IF('Standard Profiles'!$G$22=$B$24,21,0),0)),0)</f>
        <v>0</v>
      </c>
      <c r="I8750">
        <f t="shared" si="972"/>
        <v>0.18147271206622614</v>
      </c>
      <c r="J8750">
        <f t="shared" si="973"/>
        <v>0.60490904022075387</v>
      </c>
      <c r="K8750">
        <f t="shared" si="974"/>
        <v>0.90736356033113086</v>
      </c>
      <c r="L8750">
        <f t="shared" si="975"/>
        <v>8.8613601608340371</v>
      </c>
      <c r="M8750">
        <f t="shared" si="976"/>
        <v>0</v>
      </c>
      <c r="N8750" s="46">
        <f t="shared" si="977"/>
        <v>45655.166666645528</v>
      </c>
    </row>
    <row r="8751" spans="2:14" x14ac:dyDescent="0.3">
      <c r="B8751">
        <f t="shared" si="971"/>
        <v>7</v>
      </c>
      <c r="C8751" s="16">
        <v>8717</v>
      </c>
      <c r="D8751" cm="1">
        <f t="array" ref="D8751">IFERROR(INDEX(Jesper!AH$2:AH$366,ROUNDDOWN($C8751/24,0)+1,1)*INDEX($D$3:$AA$30,INDEX(Jesper!$R$2:$R$366,ROW(INDEX(Jesper!AH$2:AH$366,ROUNDDOWN($C8751/24,0)+1,1))-1)+IF('Standard Profiles'!$G$18=$B$10,7,0)+IF('Standard Profiles'!$G$18=$B$17,14,0)+IF('Standard Profiles'!$G$18=$B$24,21,0),MOD($C8751,24)+1)/SUM(INDEX($D$3:$AA$30,INDEX(Jesper!$R$2:$R$366,ROW(INDEX(Jesper!AH$2:AH$366,ROUNDDOWN($C8751/24,0)+1,1))-1)+IF('Standard Profiles'!$G$18=$B$10,7,0)+IF('Standard Profiles'!$G$18=$B$17,14,0)+IF('Standard Profiles'!$G$18=$B$24,21,0),0)),0)</f>
        <v>10.675947961896298</v>
      </c>
      <c r="E8751" cm="1">
        <f t="array" ref="E8751">IFERROR(INDEX(Jesper!AI$2:AI$366,ROUNDDOWN($C8751/24,0)+1,1)*INDEX($D$3:$AA$30,INDEX(Jesper!$R$2:$R$366,ROW(INDEX(Jesper!AI$2:AI$366,ROUNDDOWN($C8751/24,0)+1,1))-1)+IF('Standard Profiles'!$G$19=$B$10,7,0)+IF('Standard Profiles'!$G$19=$B$17,14,0)+IF('Standard Profiles'!$G$19=$B$24,21,0),MOD($C8751,24)+1)/SUM(INDEX($D$3:$AA$30,INDEX(Jesper!$R$2:$R$366,ROW(INDEX(Jesper!AI$2:AI$366,ROUNDDOWN($C8751/24,0)+1,1))-1)+IF('Standard Profiles'!$G$19=$B$10,7,0)+IF('Standard Profiles'!$G$19=$B$17,14,0)+IF('Standard Profiles'!$G$19=$B$24,21,0),0)),0)</f>
        <v>2.5179338799188868</v>
      </c>
      <c r="F8751" cm="1">
        <f t="array" ref="F8751">IFERROR(INDEX(Jesper!AJ$2:AJ$366,ROUNDDOWN($C8751/24,0)+1,1)*INDEX($D$3:$AA$30,INDEX(Jesper!$R$2:$R$366,ROW(INDEX(Jesper!AJ$2:AJ$366,ROUNDDOWN($C8751/24,0)+1,1))-1)+IF('Standard Profiles'!$G$20=$B$10,7,0)+IF('Standard Profiles'!$G$20=$B$17,14,0)+IF('Standard Profiles'!$G$20=$B$24,21,0),MOD($C8751,24)+1)/SUM(INDEX($D$3:$AA$30,INDEX(Jesper!$R$2:$R$366,ROW(INDEX(Jesper!AJ$2:AJ$366,ROUNDDOWN($C8751/24,0)+1,1))-1)+IF('Standard Profiles'!$G$20=$B$10,7,0)+IF('Standard Profiles'!$G$20=$B$17,14,0)+IF('Standard Profiles'!$G$20=$B$24,21,0),0)),0)</f>
        <v>0</v>
      </c>
      <c r="G8751" cm="1">
        <f t="array" ref="G8751">IFERROR(INDEX(Jesper!AK$2:AK$366,ROUNDDOWN($C8751/24,0)+1,1)*INDEX($D$3:$AA$30,INDEX(Jesper!$R$2:$R$366,ROW(INDEX(Jesper!AK$2:AK$366,ROUNDDOWN($C8751/24,0)+1,1))-1)+IF('Standard Profiles'!$G$21=$B$10,7,0)+IF('Standard Profiles'!$G$21=$B$17,14,0)+IF('Standard Profiles'!$G$21=$B$24,21,0),MOD($C8751,24)+1)/SUM(INDEX($D$3:$AA$30,INDEX(Jesper!$R$2:$R$366,ROW(INDEX(Jesper!AK$2:AK$366,ROUNDDOWN($C8751/24,0)+1,1))-1)+IF('Standard Profiles'!$G$21=$B$10,7,0)+IF('Standard Profiles'!$G$21=$B$17,14,0)+IF('Standard Profiles'!$G$21=$B$24,21,0),0)),0)</f>
        <v>0</v>
      </c>
      <c r="H8751" cm="1">
        <f t="array" ref="H8751">IFERROR(INDEX(Jesper!AL$2:AL$366,ROUNDDOWN($C8751/24,0)+1,1)*INDEX($D$3:$AA$30,INDEX(Jesper!$R$2:$R$366,ROW(INDEX(Jesper!AL$2:AL$366,ROUNDDOWN($C8751/24,0)+1,1))-1)+IF('Standard Profiles'!$G$22=$B$10,7,0)+IF('Standard Profiles'!$G$22=$B$17,14,0)+IF('Standard Profiles'!$G$22=$B$24,21,0),MOD($C8751,24)+1)/SUM(INDEX($D$3:$AA$30,INDEX(Jesper!$R$2:$R$366,ROW(INDEX(Jesper!AL$2:AL$366,ROUNDDOWN($C8751/24,0)+1,1))-1)+IF('Standard Profiles'!$G$22=$B$10,7,0)+IF('Standard Profiles'!$G$22=$B$17,14,0)+IF('Standard Profiles'!$G$22=$B$24,21,0),0)),0)</f>
        <v>0</v>
      </c>
      <c r="I8751">
        <f t="shared" si="972"/>
        <v>0.22684089008278266</v>
      </c>
      <c r="J8751">
        <f t="shared" si="973"/>
        <v>0.75613630027594225</v>
      </c>
      <c r="K8751">
        <f t="shared" si="974"/>
        <v>1.1342044504139135</v>
      </c>
      <c r="L8751">
        <f t="shared" si="975"/>
        <v>11.076700201042547</v>
      </c>
      <c r="M8751">
        <f t="shared" si="976"/>
        <v>0</v>
      </c>
      <c r="N8751" s="46">
        <f t="shared" si="977"/>
        <v>45655.208333312192</v>
      </c>
    </row>
    <row r="8752" spans="2:14" x14ac:dyDescent="0.3">
      <c r="B8752">
        <f t="shared" si="971"/>
        <v>7</v>
      </c>
      <c r="C8752" s="16">
        <v>8718</v>
      </c>
      <c r="D8752" cm="1">
        <f t="array" ref="D8752">IFERROR(INDEX(Jesper!AH$2:AH$366,ROUNDDOWN($C8752/24,0)+1,1)*INDEX($D$3:$AA$30,INDEX(Jesper!$R$2:$R$366,ROW(INDEX(Jesper!AH$2:AH$366,ROUNDDOWN($C8752/24,0)+1,1))-1)+IF('Standard Profiles'!$G$18=$B$10,7,0)+IF('Standard Profiles'!$G$18=$B$17,14,0)+IF('Standard Profiles'!$G$18=$B$24,21,0),MOD($C8752,24)+1)/SUM(INDEX($D$3:$AA$30,INDEX(Jesper!$R$2:$R$366,ROW(INDEX(Jesper!AH$2:AH$366,ROUNDDOWN($C8752/24,0)+1,1))-1)+IF('Standard Profiles'!$G$18=$B$10,7,0)+IF('Standard Profiles'!$G$18=$B$17,14,0)+IF('Standard Profiles'!$G$18=$B$24,21,0),0)),0)</f>
        <v>12.573894266233419</v>
      </c>
      <c r="E8752" cm="1">
        <f t="array" ref="E8752">IFERROR(INDEX(Jesper!AI$2:AI$366,ROUNDDOWN($C8752/24,0)+1,1)*INDEX($D$3:$AA$30,INDEX(Jesper!$R$2:$R$366,ROW(INDEX(Jesper!AI$2:AI$366,ROUNDDOWN($C8752/24,0)+1,1))-1)+IF('Standard Profiles'!$G$19=$B$10,7,0)+IF('Standard Profiles'!$G$19=$B$17,14,0)+IF('Standard Profiles'!$G$19=$B$24,21,0),MOD($C8752,24)+1)/SUM(INDEX($D$3:$AA$30,INDEX(Jesper!$R$2:$R$366,ROW(INDEX(Jesper!AI$2:AI$366,ROUNDDOWN($C8752/24,0)+1,1))-1)+IF('Standard Profiles'!$G$19=$B$10,7,0)+IF('Standard Profiles'!$G$19=$B$17,14,0)+IF('Standard Profiles'!$G$19=$B$24,21,0),0)),0)</f>
        <v>2.9655665696822444</v>
      </c>
      <c r="F8752" cm="1">
        <f t="array" ref="F8752">IFERROR(INDEX(Jesper!AJ$2:AJ$366,ROUNDDOWN($C8752/24,0)+1,1)*INDEX($D$3:$AA$30,INDEX(Jesper!$R$2:$R$366,ROW(INDEX(Jesper!AJ$2:AJ$366,ROUNDDOWN($C8752/24,0)+1,1))-1)+IF('Standard Profiles'!$G$20=$B$10,7,0)+IF('Standard Profiles'!$G$20=$B$17,14,0)+IF('Standard Profiles'!$G$20=$B$24,21,0),MOD($C8752,24)+1)/SUM(INDEX($D$3:$AA$30,INDEX(Jesper!$R$2:$R$366,ROW(INDEX(Jesper!AJ$2:AJ$366,ROUNDDOWN($C8752/24,0)+1,1))-1)+IF('Standard Profiles'!$G$20=$B$10,7,0)+IF('Standard Profiles'!$G$20=$B$17,14,0)+IF('Standard Profiles'!$G$20=$B$24,21,0),0)),0)</f>
        <v>0</v>
      </c>
      <c r="G8752" cm="1">
        <f t="array" ref="G8752">IFERROR(INDEX(Jesper!AK$2:AK$366,ROUNDDOWN($C8752/24,0)+1,1)*INDEX($D$3:$AA$30,INDEX(Jesper!$R$2:$R$366,ROW(INDEX(Jesper!AK$2:AK$366,ROUNDDOWN($C8752/24,0)+1,1))-1)+IF('Standard Profiles'!$G$21=$B$10,7,0)+IF('Standard Profiles'!$G$21=$B$17,14,0)+IF('Standard Profiles'!$G$21=$B$24,21,0),MOD($C8752,24)+1)/SUM(INDEX($D$3:$AA$30,INDEX(Jesper!$R$2:$R$366,ROW(INDEX(Jesper!AK$2:AK$366,ROUNDDOWN($C8752/24,0)+1,1))-1)+IF('Standard Profiles'!$G$21=$B$10,7,0)+IF('Standard Profiles'!$G$21=$B$17,14,0)+IF('Standard Profiles'!$G$21=$B$24,21,0),0)),0)</f>
        <v>0</v>
      </c>
      <c r="H8752" cm="1">
        <f t="array" ref="H8752">IFERROR(INDEX(Jesper!AL$2:AL$366,ROUNDDOWN($C8752/24,0)+1,1)*INDEX($D$3:$AA$30,INDEX(Jesper!$R$2:$R$366,ROW(INDEX(Jesper!AL$2:AL$366,ROUNDDOWN($C8752/24,0)+1,1))-1)+IF('Standard Profiles'!$G$22=$B$10,7,0)+IF('Standard Profiles'!$G$22=$B$17,14,0)+IF('Standard Profiles'!$G$22=$B$24,21,0),MOD($C8752,24)+1)/SUM(INDEX($D$3:$AA$30,INDEX(Jesper!$R$2:$R$366,ROW(INDEX(Jesper!AL$2:AL$366,ROUNDDOWN($C8752/24,0)+1,1))-1)+IF('Standard Profiles'!$G$22=$B$10,7,0)+IF('Standard Profiles'!$G$22=$B$17,14,0)+IF('Standard Profiles'!$G$22=$B$24,21,0),0)),0)</f>
        <v>0</v>
      </c>
      <c r="I8752">
        <f t="shared" si="972"/>
        <v>0.26716815943083289</v>
      </c>
      <c r="J8752">
        <f t="shared" si="973"/>
        <v>0.8905605314361098</v>
      </c>
      <c r="K8752">
        <f t="shared" si="974"/>
        <v>1.3358407971541646</v>
      </c>
      <c r="L8752">
        <f t="shared" si="975"/>
        <v>13.045891347894555</v>
      </c>
      <c r="M8752">
        <f t="shared" si="976"/>
        <v>0</v>
      </c>
      <c r="N8752" s="46">
        <f t="shared" si="977"/>
        <v>45655.249999978856</v>
      </c>
    </row>
    <row r="8753" spans="2:14" x14ac:dyDescent="0.3">
      <c r="B8753">
        <f t="shared" si="971"/>
        <v>7</v>
      </c>
      <c r="C8753" s="16">
        <v>8719</v>
      </c>
      <c r="D8753" cm="1">
        <f t="array" ref="D8753">IFERROR(INDEX(Jesper!AH$2:AH$366,ROUNDDOWN($C8753/24,0)+1,1)*INDEX($D$3:$AA$30,INDEX(Jesper!$R$2:$R$366,ROW(INDEX(Jesper!AH$2:AH$366,ROUNDDOWN($C8753/24,0)+1,1))-1)+IF('Standard Profiles'!$G$18=$B$10,7,0)+IF('Standard Profiles'!$G$18=$B$17,14,0)+IF('Standard Profiles'!$G$18=$B$24,21,0),MOD($C8753,24)+1)/SUM(INDEX($D$3:$AA$30,INDEX(Jesper!$R$2:$R$366,ROW(INDEX(Jesper!AH$2:AH$366,ROUNDDOWN($C8753/24,0)+1,1))-1)+IF('Standard Profiles'!$G$18=$B$10,7,0)+IF('Standard Profiles'!$G$18=$B$17,14,0)+IF('Standard Profiles'!$G$18=$B$24,21,0),0)),0)</f>
        <v>14.946327146654816</v>
      </c>
      <c r="E8753" cm="1">
        <f t="array" ref="E8753">IFERROR(INDEX(Jesper!AI$2:AI$366,ROUNDDOWN($C8753/24,0)+1,1)*INDEX($D$3:$AA$30,INDEX(Jesper!$R$2:$R$366,ROW(INDEX(Jesper!AI$2:AI$366,ROUNDDOWN($C8753/24,0)+1,1))-1)+IF('Standard Profiles'!$G$19=$B$10,7,0)+IF('Standard Profiles'!$G$19=$B$17,14,0)+IF('Standard Profiles'!$G$19=$B$24,21,0),MOD($C8753,24)+1)/SUM(INDEX($D$3:$AA$30,INDEX(Jesper!$R$2:$R$366,ROW(INDEX(Jesper!AI$2:AI$366,ROUNDDOWN($C8753/24,0)+1,1))-1)+IF('Standard Profiles'!$G$19=$B$10,7,0)+IF('Standard Profiles'!$G$19=$B$17,14,0)+IF('Standard Profiles'!$G$19=$B$24,21,0),0)),0)</f>
        <v>3.5251074318864415</v>
      </c>
      <c r="F8753" cm="1">
        <f t="array" ref="F8753">IFERROR(INDEX(Jesper!AJ$2:AJ$366,ROUNDDOWN($C8753/24,0)+1,1)*INDEX($D$3:$AA$30,INDEX(Jesper!$R$2:$R$366,ROW(INDEX(Jesper!AJ$2:AJ$366,ROUNDDOWN($C8753/24,0)+1,1))-1)+IF('Standard Profiles'!$G$20=$B$10,7,0)+IF('Standard Profiles'!$G$20=$B$17,14,0)+IF('Standard Profiles'!$G$20=$B$24,21,0),MOD($C8753,24)+1)/SUM(INDEX($D$3:$AA$30,INDEX(Jesper!$R$2:$R$366,ROW(INDEX(Jesper!AJ$2:AJ$366,ROUNDDOWN($C8753/24,0)+1,1))-1)+IF('Standard Profiles'!$G$20=$B$10,7,0)+IF('Standard Profiles'!$G$20=$B$17,14,0)+IF('Standard Profiles'!$G$20=$B$24,21,0),0)),0)</f>
        <v>0</v>
      </c>
      <c r="G8753" cm="1">
        <f t="array" ref="G8753">IFERROR(INDEX(Jesper!AK$2:AK$366,ROUNDDOWN($C8753/24,0)+1,1)*INDEX($D$3:$AA$30,INDEX(Jesper!$R$2:$R$366,ROW(INDEX(Jesper!AK$2:AK$366,ROUNDDOWN($C8753/24,0)+1,1))-1)+IF('Standard Profiles'!$G$21=$B$10,7,0)+IF('Standard Profiles'!$G$21=$B$17,14,0)+IF('Standard Profiles'!$G$21=$B$24,21,0),MOD($C8753,24)+1)/SUM(INDEX($D$3:$AA$30,INDEX(Jesper!$R$2:$R$366,ROW(INDEX(Jesper!AK$2:AK$366,ROUNDDOWN($C8753/24,0)+1,1))-1)+IF('Standard Profiles'!$G$21=$B$10,7,0)+IF('Standard Profiles'!$G$21=$B$17,14,0)+IF('Standard Profiles'!$G$21=$B$24,21,0),0)),0)</f>
        <v>0</v>
      </c>
      <c r="H8753" cm="1">
        <f t="array" ref="H8753">IFERROR(INDEX(Jesper!AL$2:AL$366,ROUNDDOWN($C8753/24,0)+1,1)*INDEX($D$3:$AA$30,INDEX(Jesper!$R$2:$R$366,ROW(INDEX(Jesper!AL$2:AL$366,ROUNDDOWN($C8753/24,0)+1,1))-1)+IF('Standard Profiles'!$G$22=$B$10,7,0)+IF('Standard Profiles'!$G$22=$B$17,14,0)+IF('Standard Profiles'!$G$22=$B$24,21,0),MOD($C8753,24)+1)/SUM(INDEX($D$3:$AA$30,INDEX(Jesper!$R$2:$R$366,ROW(INDEX(Jesper!AL$2:AL$366,ROUNDDOWN($C8753/24,0)+1,1))-1)+IF('Standard Profiles'!$G$22=$B$10,7,0)+IF('Standard Profiles'!$G$22=$B$17,14,0)+IF('Standard Profiles'!$G$22=$B$24,21,0),0)),0)</f>
        <v>0</v>
      </c>
      <c r="I8753">
        <f t="shared" si="972"/>
        <v>0.31757724611589572</v>
      </c>
      <c r="J8753">
        <f t="shared" si="973"/>
        <v>1.0585908203863192</v>
      </c>
      <c r="K8753">
        <f t="shared" si="974"/>
        <v>1.5878862305794788</v>
      </c>
      <c r="L8753">
        <f t="shared" si="975"/>
        <v>15.507380281459564</v>
      </c>
      <c r="M8753">
        <f t="shared" si="976"/>
        <v>0</v>
      </c>
      <c r="N8753" s="46">
        <f t="shared" si="977"/>
        <v>45655.29166664552</v>
      </c>
    </row>
    <row r="8754" spans="2:14" x14ac:dyDescent="0.3">
      <c r="B8754">
        <f t="shared" si="971"/>
        <v>7</v>
      </c>
      <c r="C8754" s="16">
        <v>8720</v>
      </c>
      <c r="D8754" cm="1">
        <f t="array" ref="D8754">IFERROR(INDEX(Jesper!AH$2:AH$366,ROUNDDOWN($C8754/24,0)+1,1)*INDEX($D$3:$AA$30,INDEX(Jesper!$R$2:$R$366,ROW(INDEX(Jesper!AH$2:AH$366,ROUNDDOWN($C8754/24,0)+1,1))-1)+IF('Standard Profiles'!$G$18=$B$10,7,0)+IF('Standard Profiles'!$G$18=$B$17,14,0)+IF('Standard Profiles'!$G$18=$B$24,21,0),MOD($C8754,24)+1)/SUM(INDEX($D$3:$AA$30,INDEX(Jesper!$R$2:$R$366,ROW(INDEX(Jesper!AH$2:AH$366,ROUNDDOWN($C8754/24,0)+1,1))-1)+IF('Standard Profiles'!$G$18=$B$10,7,0)+IF('Standard Profiles'!$G$18=$B$17,14,0)+IF('Standard Profiles'!$G$18=$B$24,21,0),0)),0)</f>
        <v>14.946327146654816</v>
      </c>
      <c r="E8754" cm="1">
        <f t="array" ref="E8754">IFERROR(INDEX(Jesper!AI$2:AI$366,ROUNDDOWN($C8754/24,0)+1,1)*INDEX($D$3:$AA$30,INDEX(Jesper!$R$2:$R$366,ROW(INDEX(Jesper!AI$2:AI$366,ROUNDDOWN($C8754/24,0)+1,1))-1)+IF('Standard Profiles'!$G$19=$B$10,7,0)+IF('Standard Profiles'!$G$19=$B$17,14,0)+IF('Standard Profiles'!$G$19=$B$24,21,0),MOD($C8754,24)+1)/SUM(INDEX($D$3:$AA$30,INDEX(Jesper!$R$2:$R$366,ROW(INDEX(Jesper!AI$2:AI$366,ROUNDDOWN($C8754/24,0)+1,1))-1)+IF('Standard Profiles'!$G$19=$B$10,7,0)+IF('Standard Profiles'!$G$19=$B$17,14,0)+IF('Standard Profiles'!$G$19=$B$24,21,0),0)),0)</f>
        <v>3.5251074318864415</v>
      </c>
      <c r="F8754" cm="1">
        <f t="array" ref="F8754">IFERROR(INDEX(Jesper!AJ$2:AJ$366,ROUNDDOWN($C8754/24,0)+1,1)*INDEX($D$3:$AA$30,INDEX(Jesper!$R$2:$R$366,ROW(INDEX(Jesper!AJ$2:AJ$366,ROUNDDOWN($C8754/24,0)+1,1))-1)+IF('Standard Profiles'!$G$20=$B$10,7,0)+IF('Standard Profiles'!$G$20=$B$17,14,0)+IF('Standard Profiles'!$G$20=$B$24,21,0),MOD($C8754,24)+1)/SUM(INDEX($D$3:$AA$30,INDEX(Jesper!$R$2:$R$366,ROW(INDEX(Jesper!AJ$2:AJ$366,ROUNDDOWN($C8754/24,0)+1,1))-1)+IF('Standard Profiles'!$G$20=$B$10,7,0)+IF('Standard Profiles'!$G$20=$B$17,14,0)+IF('Standard Profiles'!$G$20=$B$24,21,0),0)),0)</f>
        <v>0</v>
      </c>
      <c r="G8754" cm="1">
        <f t="array" ref="G8754">IFERROR(INDEX(Jesper!AK$2:AK$366,ROUNDDOWN($C8754/24,0)+1,1)*INDEX($D$3:$AA$30,INDEX(Jesper!$R$2:$R$366,ROW(INDEX(Jesper!AK$2:AK$366,ROUNDDOWN($C8754/24,0)+1,1))-1)+IF('Standard Profiles'!$G$21=$B$10,7,0)+IF('Standard Profiles'!$G$21=$B$17,14,0)+IF('Standard Profiles'!$G$21=$B$24,21,0),MOD($C8754,24)+1)/SUM(INDEX($D$3:$AA$30,INDEX(Jesper!$R$2:$R$366,ROW(INDEX(Jesper!AK$2:AK$366,ROUNDDOWN($C8754/24,0)+1,1))-1)+IF('Standard Profiles'!$G$21=$B$10,7,0)+IF('Standard Profiles'!$G$21=$B$17,14,0)+IF('Standard Profiles'!$G$21=$B$24,21,0),0)),0)</f>
        <v>0</v>
      </c>
      <c r="H8754" cm="1">
        <f t="array" ref="H8754">IFERROR(INDEX(Jesper!AL$2:AL$366,ROUNDDOWN($C8754/24,0)+1,1)*INDEX($D$3:$AA$30,INDEX(Jesper!$R$2:$R$366,ROW(INDEX(Jesper!AL$2:AL$366,ROUNDDOWN($C8754/24,0)+1,1))-1)+IF('Standard Profiles'!$G$22=$B$10,7,0)+IF('Standard Profiles'!$G$22=$B$17,14,0)+IF('Standard Profiles'!$G$22=$B$24,21,0),MOD($C8754,24)+1)/SUM(INDEX($D$3:$AA$30,INDEX(Jesper!$R$2:$R$366,ROW(INDEX(Jesper!AL$2:AL$366,ROUNDDOWN($C8754/24,0)+1,1))-1)+IF('Standard Profiles'!$G$22=$B$10,7,0)+IF('Standard Profiles'!$G$22=$B$17,14,0)+IF('Standard Profiles'!$G$22=$B$24,21,0),0)),0)</f>
        <v>0</v>
      </c>
      <c r="I8754">
        <f t="shared" si="972"/>
        <v>0.31757724611589572</v>
      </c>
      <c r="J8754">
        <f t="shared" si="973"/>
        <v>1.0585908203863192</v>
      </c>
      <c r="K8754">
        <f t="shared" si="974"/>
        <v>1.5878862305794788</v>
      </c>
      <c r="L8754">
        <f t="shared" si="975"/>
        <v>15.507380281459564</v>
      </c>
      <c r="M8754">
        <f t="shared" si="976"/>
        <v>0</v>
      </c>
      <c r="N8754" s="46">
        <f t="shared" si="977"/>
        <v>45655.333333312185</v>
      </c>
    </row>
    <row r="8755" spans="2:14" x14ac:dyDescent="0.3">
      <c r="B8755">
        <f t="shared" si="971"/>
        <v>7</v>
      </c>
      <c r="C8755" s="16">
        <v>8721</v>
      </c>
      <c r="D8755" cm="1">
        <f t="array" ref="D8755">IFERROR(INDEX(Jesper!AH$2:AH$366,ROUNDDOWN($C8755/24,0)+1,1)*INDEX($D$3:$AA$30,INDEX(Jesper!$R$2:$R$366,ROW(INDEX(Jesper!AH$2:AH$366,ROUNDDOWN($C8755/24,0)+1,1))-1)+IF('Standard Profiles'!$G$18=$B$10,7,0)+IF('Standard Profiles'!$G$18=$B$17,14,0)+IF('Standard Profiles'!$G$18=$B$24,21,0),MOD($C8755,24)+1)/SUM(INDEX($D$3:$AA$30,INDEX(Jesper!$R$2:$R$366,ROW(INDEX(Jesper!AH$2:AH$366,ROUNDDOWN($C8755/24,0)+1,1))-1)+IF('Standard Profiles'!$G$18=$B$10,7,0)+IF('Standard Profiles'!$G$18=$B$17,14,0)+IF('Standard Profiles'!$G$18=$B$24,21,0),0)),0)</f>
        <v>14.946327146654816</v>
      </c>
      <c r="E8755" cm="1">
        <f t="array" ref="E8755">IFERROR(INDEX(Jesper!AI$2:AI$366,ROUNDDOWN($C8755/24,0)+1,1)*INDEX($D$3:$AA$30,INDEX(Jesper!$R$2:$R$366,ROW(INDEX(Jesper!AI$2:AI$366,ROUNDDOWN($C8755/24,0)+1,1))-1)+IF('Standard Profiles'!$G$19=$B$10,7,0)+IF('Standard Profiles'!$G$19=$B$17,14,0)+IF('Standard Profiles'!$G$19=$B$24,21,0),MOD($C8755,24)+1)/SUM(INDEX($D$3:$AA$30,INDEX(Jesper!$R$2:$R$366,ROW(INDEX(Jesper!AI$2:AI$366,ROUNDDOWN($C8755/24,0)+1,1))-1)+IF('Standard Profiles'!$G$19=$B$10,7,0)+IF('Standard Profiles'!$G$19=$B$17,14,0)+IF('Standard Profiles'!$G$19=$B$24,21,0),0)),0)</f>
        <v>3.5251074318864415</v>
      </c>
      <c r="F8755" cm="1">
        <f t="array" ref="F8755">IFERROR(INDEX(Jesper!AJ$2:AJ$366,ROUNDDOWN($C8755/24,0)+1,1)*INDEX($D$3:$AA$30,INDEX(Jesper!$R$2:$R$366,ROW(INDEX(Jesper!AJ$2:AJ$366,ROUNDDOWN($C8755/24,0)+1,1))-1)+IF('Standard Profiles'!$G$20=$B$10,7,0)+IF('Standard Profiles'!$G$20=$B$17,14,0)+IF('Standard Profiles'!$G$20=$B$24,21,0),MOD($C8755,24)+1)/SUM(INDEX($D$3:$AA$30,INDEX(Jesper!$R$2:$R$366,ROW(INDEX(Jesper!AJ$2:AJ$366,ROUNDDOWN($C8755/24,0)+1,1))-1)+IF('Standard Profiles'!$G$20=$B$10,7,0)+IF('Standard Profiles'!$G$20=$B$17,14,0)+IF('Standard Profiles'!$G$20=$B$24,21,0),0)),0)</f>
        <v>0</v>
      </c>
      <c r="G8755" cm="1">
        <f t="array" ref="G8755">IFERROR(INDEX(Jesper!AK$2:AK$366,ROUNDDOWN($C8755/24,0)+1,1)*INDEX($D$3:$AA$30,INDEX(Jesper!$R$2:$R$366,ROW(INDEX(Jesper!AK$2:AK$366,ROUNDDOWN($C8755/24,0)+1,1))-1)+IF('Standard Profiles'!$G$21=$B$10,7,0)+IF('Standard Profiles'!$G$21=$B$17,14,0)+IF('Standard Profiles'!$G$21=$B$24,21,0),MOD($C8755,24)+1)/SUM(INDEX($D$3:$AA$30,INDEX(Jesper!$R$2:$R$366,ROW(INDEX(Jesper!AK$2:AK$366,ROUNDDOWN($C8755/24,0)+1,1))-1)+IF('Standard Profiles'!$G$21=$B$10,7,0)+IF('Standard Profiles'!$G$21=$B$17,14,0)+IF('Standard Profiles'!$G$21=$B$24,21,0),0)),0)</f>
        <v>0</v>
      </c>
      <c r="H8755" cm="1">
        <f t="array" ref="H8755">IFERROR(INDEX(Jesper!AL$2:AL$366,ROUNDDOWN($C8755/24,0)+1,1)*INDEX($D$3:$AA$30,INDEX(Jesper!$R$2:$R$366,ROW(INDEX(Jesper!AL$2:AL$366,ROUNDDOWN($C8755/24,0)+1,1))-1)+IF('Standard Profiles'!$G$22=$B$10,7,0)+IF('Standard Profiles'!$G$22=$B$17,14,0)+IF('Standard Profiles'!$G$22=$B$24,21,0),MOD($C8755,24)+1)/SUM(INDEX($D$3:$AA$30,INDEX(Jesper!$R$2:$R$366,ROW(INDEX(Jesper!AL$2:AL$366,ROUNDDOWN($C8755/24,0)+1,1))-1)+IF('Standard Profiles'!$G$22=$B$10,7,0)+IF('Standard Profiles'!$G$22=$B$17,14,0)+IF('Standard Profiles'!$G$22=$B$24,21,0),0)),0)</f>
        <v>0</v>
      </c>
      <c r="I8755">
        <f t="shared" si="972"/>
        <v>0.31757724611589572</v>
      </c>
      <c r="J8755">
        <f t="shared" si="973"/>
        <v>1.0585908203863192</v>
      </c>
      <c r="K8755">
        <f t="shared" si="974"/>
        <v>1.5878862305794788</v>
      </c>
      <c r="L8755">
        <f t="shared" si="975"/>
        <v>15.507380281459564</v>
      </c>
      <c r="M8755">
        <f t="shared" si="976"/>
        <v>0</v>
      </c>
      <c r="N8755" s="46">
        <f t="shared" si="977"/>
        <v>45655.374999978849</v>
      </c>
    </row>
    <row r="8756" spans="2:14" x14ac:dyDescent="0.3">
      <c r="B8756">
        <f t="shared" si="971"/>
        <v>7</v>
      </c>
      <c r="C8756" s="16">
        <v>8722</v>
      </c>
      <c r="D8756" cm="1">
        <f t="array" ref="D8756">IFERROR(INDEX(Jesper!AH$2:AH$366,ROUNDDOWN($C8756/24,0)+1,1)*INDEX($D$3:$AA$30,INDEX(Jesper!$R$2:$R$366,ROW(INDEX(Jesper!AH$2:AH$366,ROUNDDOWN($C8756/24,0)+1,1))-1)+IF('Standard Profiles'!$G$18=$B$10,7,0)+IF('Standard Profiles'!$G$18=$B$17,14,0)+IF('Standard Profiles'!$G$18=$B$24,21,0),MOD($C8756,24)+1)/SUM(INDEX($D$3:$AA$30,INDEX(Jesper!$R$2:$R$366,ROW(INDEX(Jesper!AH$2:AH$366,ROUNDDOWN($C8756/24,0)+1,1))-1)+IF('Standard Profiles'!$G$18=$B$10,7,0)+IF('Standard Profiles'!$G$18=$B$17,14,0)+IF('Standard Profiles'!$G$18=$B$24,21,0),0)),0)</f>
        <v>14.946327146654816</v>
      </c>
      <c r="E8756" cm="1">
        <f t="array" ref="E8756">IFERROR(INDEX(Jesper!AI$2:AI$366,ROUNDDOWN($C8756/24,0)+1,1)*INDEX($D$3:$AA$30,INDEX(Jesper!$R$2:$R$366,ROW(INDEX(Jesper!AI$2:AI$366,ROUNDDOWN($C8756/24,0)+1,1))-1)+IF('Standard Profiles'!$G$19=$B$10,7,0)+IF('Standard Profiles'!$G$19=$B$17,14,0)+IF('Standard Profiles'!$G$19=$B$24,21,0),MOD($C8756,24)+1)/SUM(INDEX($D$3:$AA$30,INDEX(Jesper!$R$2:$R$366,ROW(INDEX(Jesper!AI$2:AI$366,ROUNDDOWN($C8756/24,0)+1,1))-1)+IF('Standard Profiles'!$G$19=$B$10,7,0)+IF('Standard Profiles'!$G$19=$B$17,14,0)+IF('Standard Profiles'!$G$19=$B$24,21,0),0)),0)</f>
        <v>3.5251074318864415</v>
      </c>
      <c r="F8756" cm="1">
        <f t="array" ref="F8756">IFERROR(INDEX(Jesper!AJ$2:AJ$366,ROUNDDOWN($C8756/24,0)+1,1)*INDEX($D$3:$AA$30,INDEX(Jesper!$R$2:$R$366,ROW(INDEX(Jesper!AJ$2:AJ$366,ROUNDDOWN($C8756/24,0)+1,1))-1)+IF('Standard Profiles'!$G$20=$B$10,7,0)+IF('Standard Profiles'!$G$20=$B$17,14,0)+IF('Standard Profiles'!$G$20=$B$24,21,0),MOD($C8756,24)+1)/SUM(INDEX($D$3:$AA$30,INDEX(Jesper!$R$2:$R$366,ROW(INDEX(Jesper!AJ$2:AJ$366,ROUNDDOWN($C8756/24,0)+1,1))-1)+IF('Standard Profiles'!$G$20=$B$10,7,0)+IF('Standard Profiles'!$G$20=$B$17,14,0)+IF('Standard Profiles'!$G$20=$B$24,21,0),0)),0)</f>
        <v>0</v>
      </c>
      <c r="G8756" cm="1">
        <f t="array" ref="G8756">IFERROR(INDEX(Jesper!AK$2:AK$366,ROUNDDOWN($C8756/24,0)+1,1)*INDEX($D$3:$AA$30,INDEX(Jesper!$R$2:$R$366,ROW(INDEX(Jesper!AK$2:AK$366,ROUNDDOWN($C8756/24,0)+1,1))-1)+IF('Standard Profiles'!$G$21=$B$10,7,0)+IF('Standard Profiles'!$G$21=$B$17,14,0)+IF('Standard Profiles'!$G$21=$B$24,21,0),MOD($C8756,24)+1)/SUM(INDEX($D$3:$AA$30,INDEX(Jesper!$R$2:$R$366,ROW(INDEX(Jesper!AK$2:AK$366,ROUNDDOWN($C8756/24,0)+1,1))-1)+IF('Standard Profiles'!$G$21=$B$10,7,0)+IF('Standard Profiles'!$G$21=$B$17,14,0)+IF('Standard Profiles'!$G$21=$B$24,21,0),0)),0)</f>
        <v>0</v>
      </c>
      <c r="H8756" cm="1">
        <f t="array" ref="H8756">IFERROR(INDEX(Jesper!AL$2:AL$366,ROUNDDOWN($C8756/24,0)+1,1)*INDEX($D$3:$AA$30,INDEX(Jesper!$R$2:$R$366,ROW(INDEX(Jesper!AL$2:AL$366,ROUNDDOWN($C8756/24,0)+1,1))-1)+IF('Standard Profiles'!$G$22=$B$10,7,0)+IF('Standard Profiles'!$G$22=$B$17,14,0)+IF('Standard Profiles'!$G$22=$B$24,21,0),MOD($C8756,24)+1)/SUM(INDEX($D$3:$AA$30,INDEX(Jesper!$R$2:$R$366,ROW(INDEX(Jesper!AL$2:AL$366,ROUNDDOWN($C8756/24,0)+1,1))-1)+IF('Standard Profiles'!$G$22=$B$10,7,0)+IF('Standard Profiles'!$G$22=$B$17,14,0)+IF('Standard Profiles'!$G$22=$B$24,21,0),0)),0)</f>
        <v>0</v>
      </c>
      <c r="I8756">
        <f t="shared" si="972"/>
        <v>0.31757724611589572</v>
      </c>
      <c r="J8756">
        <f t="shared" si="973"/>
        <v>1.0585908203863192</v>
      </c>
      <c r="K8756">
        <f t="shared" si="974"/>
        <v>1.5878862305794788</v>
      </c>
      <c r="L8756">
        <f t="shared" si="975"/>
        <v>15.507380281459564</v>
      </c>
      <c r="M8756">
        <f t="shared" si="976"/>
        <v>0</v>
      </c>
      <c r="N8756" s="46">
        <f t="shared" si="977"/>
        <v>45655.416666645513</v>
      </c>
    </row>
    <row r="8757" spans="2:14" x14ac:dyDescent="0.3">
      <c r="B8757">
        <f t="shared" si="971"/>
        <v>7</v>
      </c>
      <c r="C8757" s="16">
        <v>8723</v>
      </c>
      <c r="D8757" cm="1">
        <f t="array" ref="D8757">IFERROR(INDEX(Jesper!AH$2:AH$366,ROUNDDOWN($C8757/24,0)+1,1)*INDEX($D$3:$AA$30,INDEX(Jesper!$R$2:$R$366,ROW(INDEX(Jesper!AH$2:AH$366,ROUNDDOWN($C8757/24,0)+1,1))-1)+IF('Standard Profiles'!$G$18=$B$10,7,0)+IF('Standard Profiles'!$G$18=$B$17,14,0)+IF('Standard Profiles'!$G$18=$B$24,21,0),MOD($C8757,24)+1)/SUM(INDEX($D$3:$AA$30,INDEX(Jesper!$R$2:$R$366,ROW(INDEX(Jesper!AH$2:AH$366,ROUNDDOWN($C8757/24,0)+1,1))-1)+IF('Standard Profiles'!$G$18=$B$10,7,0)+IF('Standard Profiles'!$G$18=$B$17,14,0)+IF('Standard Profiles'!$G$18=$B$24,21,0),0)),0)</f>
        <v>14.946327146654816</v>
      </c>
      <c r="E8757" cm="1">
        <f t="array" ref="E8757">IFERROR(INDEX(Jesper!AI$2:AI$366,ROUNDDOWN($C8757/24,0)+1,1)*INDEX($D$3:$AA$30,INDEX(Jesper!$R$2:$R$366,ROW(INDEX(Jesper!AI$2:AI$366,ROUNDDOWN($C8757/24,0)+1,1))-1)+IF('Standard Profiles'!$G$19=$B$10,7,0)+IF('Standard Profiles'!$G$19=$B$17,14,0)+IF('Standard Profiles'!$G$19=$B$24,21,0),MOD($C8757,24)+1)/SUM(INDEX($D$3:$AA$30,INDEX(Jesper!$R$2:$R$366,ROW(INDEX(Jesper!AI$2:AI$366,ROUNDDOWN($C8757/24,0)+1,1))-1)+IF('Standard Profiles'!$G$19=$B$10,7,0)+IF('Standard Profiles'!$G$19=$B$17,14,0)+IF('Standard Profiles'!$G$19=$B$24,21,0),0)),0)</f>
        <v>3.5251074318864415</v>
      </c>
      <c r="F8757" cm="1">
        <f t="array" ref="F8757">IFERROR(INDEX(Jesper!AJ$2:AJ$366,ROUNDDOWN($C8757/24,0)+1,1)*INDEX($D$3:$AA$30,INDEX(Jesper!$R$2:$R$366,ROW(INDEX(Jesper!AJ$2:AJ$366,ROUNDDOWN($C8757/24,0)+1,1))-1)+IF('Standard Profiles'!$G$20=$B$10,7,0)+IF('Standard Profiles'!$G$20=$B$17,14,0)+IF('Standard Profiles'!$G$20=$B$24,21,0),MOD($C8757,24)+1)/SUM(INDEX($D$3:$AA$30,INDEX(Jesper!$R$2:$R$366,ROW(INDEX(Jesper!AJ$2:AJ$366,ROUNDDOWN($C8757/24,0)+1,1))-1)+IF('Standard Profiles'!$G$20=$B$10,7,0)+IF('Standard Profiles'!$G$20=$B$17,14,0)+IF('Standard Profiles'!$G$20=$B$24,21,0),0)),0)</f>
        <v>0</v>
      </c>
      <c r="G8757" cm="1">
        <f t="array" ref="G8757">IFERROR(INDEX(Jesper!AK$2:AK$366,ROUNDDOWN($C8757/24,0)+1,1)*INDEX($D$3:$AA$30,INDEX(Jesper!$R$2:$R$366,ROW(INDEX(Jesper!AK$2:AK$366,ROUNDDOWN($C8757/24,0)+1,1))-1)+IF('Standard Profiles'!$G$21=$B$10,7,0)+IF('Standard Profiles'!$G$21=$B$17,14,0)+IF('Standard Profiles'!$G$21=$B$24,21,0),MOD($C8757,24)+1)/SUM(INDEX($D$3:$AA$30,INDEX(Jesper!$R$2:$R$366,ROW(INDEX(Jesper!AK$2:AK$366,ROUNDDOWN($C8757/24,0)+1,1))-1)+IF('Standard Profiles'!$G$21=$B$10,7,0)+IF('Standard Profiles'!$G$21=$B$17,14,0)+IF('Standard Profiles'!$G$21=$B$24,21,0),0)),0)</f>
        <v>0</v>
      </c>
      <c r="H8757" cm="1">
        <f t="array" ref="H8757">IFERROR(INDEX(Jesper!AL$2:AL$366,ROUNDDOWN($C8757/24,0)+1,1)*INDEX($D$3:$AA$30,INDEX(Jesper!$R$2:$R$366,ROW(INDEX(Jesper!AL$2:AL$366,ROUNDDOWN($C8757/24,0)+1,1))-1)+IF('Standard Profiles'!$G$22=$B$10,7,0)+IF('Standard Profiles'!$G$22=$B$17,14,0)+IF('Standard Profiles'!$G$22=$B$24,21,0),MOD($C8757,24)+1)/SUM(INDEX($D$3:$AA$30,INDEX(Jesper!$R$2:$R$366,ROW(INDEX(Jesper!AL$2:AL$366,ROUNDDOWN($C8757/24,0)+1,1))-1)+IF('Standard Profiles'!$G$22=$B$10,7,0)+IF('Standard Profiles'!$G$22=$B$17,14,0)+IF('Standard Profiles'!$G$22=$B$24,21,0),0)),0)</f>
        <v>0</v>
      </c>
      <c r="I8757">
        <f t="shared" si="972"/>
        <v>0.31757724611589572</v>
      </c>
      <c r="J8757">
        <f t="shared" si="973"/>
        <v>1.0585908203863192</v>
      </c>
      <c r="K8757">
        <f t="shared" si="974"/>
        <v>1.5878862305794788</v>
      </c>
      <c r="L8757">
        <f t="shared" si="975"/>
        <v>15.507380281459564</v>
      </c>
      <c r="M8757">
        <f t="shared" si="976"/>
        <v>0</v>
      </c>
      <c r="N8757" s="46">
        <f t="shared" si="977"/>
        <v>45655.458333312177</v>
      </c>
    </row>
    <row r="8758" spans="2:14" x14ac:dyDescent="0.3">
      <c r="B8758">
        <f t="shared" si="971"/>
        <v>7</v>
      </c>
      <c r="C8758" s="16">
        <v>8724</v>
      </c>
      <c r="D8758" cm="1">
        <f t="array" ref="D8758">IFERROR(INDEX(Jesper!AH$2:AH$366,ROUNDDOWN($C8758/24,0)+1,1)*INDEX($D$3:$AA$30,INDEX(Jesper!$R$2:$R$366,ROW(INDEX(Jesper!AH$2:AH$366,ROUNDDOWN($C8758/24,0)+1,1))-1)+IF('Standard Profiles'!$G$18=$B$10,7,0)+IF('Standard Profiles'!$G$18=$B$17,14,0)+IF('Standard Profiles'!$G$18=$B$24,21,0),MOD($C8758,24)+1)/SUM(INDEX($D$3:$AA$30,INDEX(Jesper!$R$2:$R$366,ROW(INDEX(Jesper!AH$2:AH$366,ROUNDDOWN($C8758/24,0)+1,1))-1)+IF('Standard Profiles'!$G$18=$B$10,7,0)+IF('Standard Profiles'!$G$18=$B$17,14,0)+IF('Standard Profiles'!$G$18=$B$24,21,0),0)),0)</f>
        <v>14.946327146654816</v>
      </c>
      <c r="E8758" cm="1">
        <f t="array" ref="E8758">IFERROR(INDEX(Jesper!AI$2:AI$366,ROUNDDOWN($C8758/24,0)+1,1)*INDEX($D$3:$AA$30,INDEX(Jesper!$R$2:$R$366,ROW(INDEX(Jesper!AI$2:AI$366,ROUNDDOWN($C8758/24,0)+1,1))-1)+IF('Standard Profiles'!$G$19=$B$10,7,0)+IF('Standard Profiles'!$G$19=$B$17,14,0)+IF('Standard Profiles'!$G$19=$B$24,21,0),MOD($C8758,24)+1)/SUM(INDEX($D$3:$AA$30,INDEX(Jesper!$R$2:$R$366,ROW(INDEX(Jesper!AI$2:AI$366,ROUNDDOWN($C8758/24,0)+1,1))-1)+IF('Standard Profiles'!$G$19=$B$10,7,0)+IF('Standard Profiles'!$G$19=$B$17,14,0)+IF('Standard Profiles'!$G$19=$B$24,21,0),0)),0)</f>
        <v>3.5251074318864415</v>
      </c>
      <c r="F8758" cm="1">
        <f t="array" ref="F8758">IFERROR(INDEX(Jesper!AJ$2:AJ$366,ROUNDDOWN($C8758/24,0)+1,1)*INDEX($D$3:$AA$30,INDEX(Jesper!$R$2:$R$366,ROW(INDEX(Jesper!AJ$2:AJ$366,ROUNDDOWN($C8758/24,0)+1,1))-1)+IF('Standard Profiles'!$G$20=$B$10,7,0)+IF('Standard Profiles'!$G$20=$B$17,14,0)+IF('Standard Profiles'!$G$20=$B$24,21,0),MOD($C8758,24)+1)/SUM(INDEX($D$3:$AA$30,INDEX(Jesper!$R$2:$R$366,ROW(INDEX(Jesper!AJ$2:AJ$366,ROUNDDOWN($C8758/24,0)+1,1))-1)+IF('Standard Profiles'!$G$20=$B$10,7,0)+IF('Standard Profiles'!$G$20=$B$17,14,0)+IF('Standard Profiles'!$G$20=$B$24,21,0),0)),0)</f>
        <v>0</v>
      </c>
      <c r="G8758" cm="1">
        <f t="array" ref="G8758">IFERROR(INDEX(Jesper!AK$2:AK$366,ROUNDDOWN($C8758/24,0)+1,1)*INDEX($D$3:$AA$30,INDEX(Jesper!$R$2:$R$366,ROW(INDEX(Jesper!AK$2:AK$366,ROUNDDOWN($C8758/24,0)+1,1))-1)+IF('Standard Profiles'!$G$21=$B$10,7,0)+IF('Standard Profiles'!$G$21=$B$17,14,0)+IF('Standard Profiles'!$G$21=$B$24,21,0),MOD($C8758,24)+1)/SUM(INDEX($D$3:$AA$30,INDEX(Jesper!$R$2:$R$366,ROW(INDEX(Jesper!AK$2:AK$366,ROUNDDOWN($C8758/24,0)+1,1))-1)+IF('Standard Profiles'!$G$21=$B$10,7,0)+IF('Standard Profiles'!$G$21=$B$17,14,0)+IF('Standard Profiles'!$G$21=$B$24,21,0),0)),0)</f>
        <v>0</v>
      </c>
      <c r="H8758" cm="1">
        <f t="array" ref="H8758">IFERROR(INDEX(Jesper!AL$2:AL$366,ROUNDDOWN($C8758/24,0)+1,1)*INDEX($D$3:$AA$30,INDEX(Jesper!$R$2:$R$366,ROW(INDEX(Jesper!AL$2:AL$366,ROUNDDOWN($C8758/24,0)+1,1))-1)+IF('Standard Profiles'!$G$22=$B$10,7,0)+IF('Standard Profiles'!$G$22=$B$17,14,0)+IF('Standard Profiles'!$G$22=$B$24,21,0),MOD($C8758,24)+1)/SUM(INDEX($D$3:$AA$30,INDEX(Jesper!$R$2:$R$366,ROW(INDEX(Jesper!AL$2:AL$366,ROUNDDOWN($C8758/24,0)+1,1))-1)+IF('Standard Profiles'!$G$22=$B$10,7,0)+IF('Standard Profiles'!$G$22=$B$17,14,0)+IF('Standard Profiles'!$G$22=$B$24,21,0),0)),0)</f>
        <v>0</v>
      </c>
      <c r="I8758">
        <f t="shared" si="972"/>
        <v>0.31757724611589572</v>
      </c>
      <c r="J8758">
        <f t="shared" si="973"/>
        <v>1.0585908203863192</v>
      </c>
      <c r="K8758">
        <f t="shared" si="974"/>
        <v>1.5878862305794788</v>
      </c>
      <c r="L8758">
        <f t="shared" si="975"/>
        <v>15.507380281459564</v>
      </c>
      <c r="M8758">
        <f t="shared" si="976"/>
        <v>0</v>
      </c>
      <c r="N8758" s="46">
        <f t="shared" si="977"/>
        <v>45655.499999978842</v>
      </c>
    </row>
    <row r="8759" spans="2:14" x14ac:dyDescent="0.3">
      <c r="B8759">
        <f t="shared" si="971"/>
        <v>7</v>
      </c>
      <c r="C8759" s="16">
        <v>8725</v>
      </c>
      <c r="D8759" cm="1">
        <f t="array" ref="D8759">IFERROR(INDEX(Jesper!AH$2:AH$366,ROUNDDOWN($C8759/24,0)+1,1)*INDEX($D$3:$AA$30,INDEX(Jesper!$R$2:$R$366,ROW(INDEX(Jesper!AH$2:AH$366,ROUNDDOWN($C8759/24,0)+1,1))-1)+IF('Standard Profiles'!$G$18=$B$10,7,0)+IF('Standard Profiles'!$G$18=$B$17,14,0)+IF('Standard Profiles'!$G$18=$B$24,21,0),MOD($C8759,24)+1)/SUM(INDEX($D$3:$AA$30,INDEX(Jesper!$R$2:$R$366,ROW(INDEX(Jesper!AH$2:AH$366,ROUNDDOWN($C8759/24,0)+1,1))-1)+IF('Standard Profiles'!$G$18=$B$10,7,0)+IF('Standard Profiles'!$G$18=$B$17,14,0)+IF('Standard Profiles'!$G$18=$B$24,21,0),0)),0)</f>
        <v>14.946327146654816</v>
      </c>
      <c r="E8759" cm="1">
        <f t="array" ref="E8759">IFERROR(INDEX(Jesper!AI$2:AI$366,ROUNDDOWN($C8759/24,0)+1,1)*INDEX($D$3:$AA$30,INDEX(Jesper!$R$2:$R$366,ROW(INDEX(Jesper!AI$2:AI$366,ROUNDDOWN($C8759/24,0)+1,1))-1)+IF('Standard Profiles'!$G$19=$B$10,7,0)+IF('Standard Profiles'!$G$19=$B$17,14,0)+IF('Standard Profiles'!$G$19=$B$24,21,0),MOD($C8759,24)+1)/SUM(INDEX($D$3:$AA$30,INDEX(Jesper!$R$2:$R$366,ROW(INDEX(Jesper!AI$2:AI$366,ROUNDDOWN($C8759/24,0)+1,1))-1)+IF('Standard Profiles'!$G$19=$B$10,7,0)+IF('Standard Profiles'!$G$19=$B$17,14,0)+IF('Standard Profiles'!$G$19=$B$24,21,0),0)),0)</f>
        <v>3.5251074318864415</v>
      </c>
      <c r="F8759" cm="1">
        <f t="array" ref="F8759">IFERROR(INDEX(Jesper!AJ$2:AJ$366,ROUNDDOWN($C8759/24,0)+1,1)*INDEX($D$3:$AA$30,INDEX(Jesper!$R$2:$R$366,ROW(INDEX(Jesper!AJ$2:AJ$366,ROUNDDOWN($C8759/24,0)+1,1))-1)+IF('Standard Profiles'!$G$20=$B$10,7,0)+IF('Standard Profiles'!$G$20=$B$17,14,0)+IF('Standard Profiles'!$G$20=$B$24,21,0),MOD($C8759,24)+1)/SUM(INDEX($D$3:$AA$30,INDEX(Jesper!$R$2:$R$366,ROW(INDEX(Jesper!AJ$2:AJ$366,ROUNDDOWN($C8759/24,0)+1,1))-1)+IF('Standard Profiles'!$G$20=$B$10,7,0)+IF('Standard Profiles'!$G$20=$B$17,14,0)+IF('Standard Profiles'!$G$20=$B$24,21,0),0)),0)</f>
        <v>0</v>
      </c>
      <c r="G8759" cm="1">
        <f t="array" ref="G8759">IFERROR(INDEX(Jesper!AK$2:AK$366,ROUNDDOWN($C8759/24,0)+1,1)*INDEX($D$3:$AA$30,INDEX(Jesper!$R$2:$R$366,ROW(INDEX(Jesper!AK$2:AK$366,ROUNDDOWN($C8759/24,0)+1,1))-1)+IF('Standard Profiles'!$G$21=$B$10,7,0)+IF('Standard Profiles'!$G$21=$B$17,14,0)+IF('Standard Profiles'!$G$21=$B$24,21,0),MOD($C8759,24)+1)/SUM(INDEX($D$3:$AA$30,INDEX(Jesper!$R$2:$R$366,ROW(INDEX(Jesper!AK$2:AK$366,ROUNDDOWN($C8759/24,0)+1,1))-1)+IF('Standard Profiles'!$G$21=$B$10,7,0)+IF('Standard Profiles'!$G$21=$B$17,14,0)+IF('Standard Profiles'!$G$21=$B$24,21,0),0)),0)</f>
        <v>0</v>
      </c>
      <c r="H8759" cm="1">
        <f t="array" ref="H8759">IFERROR(INDEX(Jesper!AL$2:AL$366,ROUNDDOWN($C8759/24,0)+1,1)*INDEX($D$3:$AA$30,INDEX(Jesper!$R$2:$R$366,ROW(INDEX(Jesper!AL$2:AL$366,ROUNDDOWN($C8759/24,0)+1,1))-1)+IF('Standard Profiles'!$G$22=$B$10,7,0)+IF('Standard Profiles'!$G$22=$B$17,14,0)+IF('Standard Profiles'!$G$22=$B$24,21,0),MOD($C8759,24)+1)/SUM(INDEX($D$3:$AA$30,INDEX(Jesper!$R$2:$R$366,ROW(INDEX(Jesper!AL$2:AL$366,ROUNDDOWN($C8759/24,0)+1,1))-1)+IF('Standard Profiles'!$G$22=$B$10,7,0)+IF('Standard Profiles'!$G$22=$B$17,14,0)+IF('Standard Profiles'!$G$22=$B$24,21,0),0)),0)</f>
        <v>0</v>
      </c>
      <c r="I8759">
        <f t="shared" si="972"/>
        <v>0.31757724611589572</v>
      </c>
      <c r="J8759">
        <f t="shared" si="973"/>
        <v>1.0585908203863192</v>
      </c>
      <c r="K8759">
        <f t="shared" si="974"/>
        <v>1.5878862305794788</v>
      </c>
      <c r="L8759">
        <f t="shared" si="975"/>
        <v>15.507380281459564</v>
      </c>
      <c r="M8759">
        <f t="shared" si="976"/>
        <v>0</v>
      </c>
      <c r="N8759" s="46">
        <f t="shared" si="977"/>
        <v>45655.541666645506</v>
      </c>
    </row>
    <row r="8760" spans="2:14" x14ac:dyDescent="0.3">
      <c r="B8760">
        <f t="shared" si="971"/>
        <v>7</v>
      </c>
      <c r="C8760" s="16">
        <v>8726</v>
      </c>
      <c r="D8760" cm="1">
        <f t="array" ref="D8760">IFERROR(INDEX(Jesper!AH$2:AH$366,ROUNDDOWN($C8760/24,0)+1,1)*INDEX($D$3:$AA$30,INDEX(Jesper!$R$2:$R$366,ROW(INDEX(Jesper!AH$2:AH$366,ROUNDDOWN($C8760/24,0)+1,1))-1)+IF('Standard Profiles'!$G$18=$B$10,7,0)+IF('Standard Profiles'!$G$18=$B$17,14,0)+IF('Standard Profiles'!$G$18=$B$24,21,0),MOD($C8760,24)+1)/SUM(INDEX($D$3:$AA$30,INDEX(Jesper!$R$2:$R$366,ROW(INDEX(Jesper!AH$2:AH$366,ROUNDDOWN($C8760/24,0)+1,1))-1)+IF('Standard Profiles'!$G$18=$B$10,7,0)+IF('Standard Profiles'!$G$18=$B$17,14,0)+IF('Standard Profiles'!$G$18=$B$24,21,0),0)),0)</f>
        <v>14.946327146654816</v>
      </c>
      <c r="E8760" cm="1">
        <f t="array" ref="E8760">IFERROR(INDEX(Jesper!AI$2:AI$366,ROUNDDOWN($C8760/24,0)+1,1)*INDEX($D$3:$AA$30,INDEX(Jesper!$R$2:$R$366,ROW(INDEX(Jesper!AI$2:AI$366,ROUNDDOWN($C8760/24,0)+1,1))-1)+IF('Standard Profiles'!$G$19=$B$10,7,0)+IF('Standard Profiles'!$G$19=$B$17,14,0)+IF('Standard Profiles'!$G$19=$B$24,21,0),MOD($C8760,24)+1)/SUM(INDEX($D$3:$AA$30,INDEX(Jesper!$R$2:$R$366,ROW(INDEX(Jesper!AI$2:AI$366,ROUNDDOWN($C8760/24,0)+1,1))-1)+IF('Standard Profiles'!$G$19=$B$10,7,0)+IF('Standard Profiles'!$G$19=$B$17,14,0)+IF('Standard Profiles'!$G$19=$B$24,21,0),0)),0)</f>
        <v>3.5251074318864415</v>
      </c>
      <c r="F8760" cm="1">
        <f t="array" ref="F8760">IFERROR(INDEX(Jesper!AJ$2:AJ$366,ROUNDDOWN($C8760/24,0)+1,1)*INDEX($D$3:$AA$30,INDEX(Jesper!$R$2:$R$366,ROW(INDEX(Jesper!AJ$2:AJ$366,ROUNDDOWN($C8760/24,0)+1,1))-1)+IF('Standard Profiles'!$G$20=$B$10,7,0)+IF('Standard Profiles'!$G$20=$B$17,14,0)+IF('Standard Profiles'!$G$20=$B$24,21,0),MOD($C8760,24)+1)/SUM(INDEX($D$3:$AA$30,INDEX(Jesper!$R$2:$R$366,ROW(INDEX(Jesper!AJ$2:AJ$366,ROUNDDOWN($C8760/24,0)+1,1))-1)+IF('Standard Profiles'!$G$20=$B$10,7,0)+IF('Standard Profiles'!$G$20=$B$17,14,0)+IF('Standard Profiles'!$G$20=$B$24,21,0),0)),0)</f>
        <v>0</v>
      </c>
      <c r="G8760" cm="1">
        <f t="array" ref="G8760">IFERROR(INDEX(Jesper!AK$2:AK$366,ROUNDDOWN($C8760/24,0)+1,1)*INDEX($D$3:$AA$30,INDEX(Jesper!$R$2:$R$366,ROW(INDEX(Jesper!AK$2:AK$366,ROUNDDOWN($C8760/24,0)+1,1))-1)+IF('Standard Profiles'!$G$21=$B$10,7,0)+IF('Standard Profiles'!$G$21=$B$17,14,0)+IF('Standard Profiles'!$G$21=$B$24,21,0),MOD($C8760,24)+1)/SUM(INDEX($D$3:$AA$30,INDEX(Jesper!$R$2:$R$366,ROW(INDEX(Jesper!AK$2:AK$366,ROUNDDOWN($C8760/24,0)+1,1))-1)+IF('Standard Profiles'!$G$21=$B$10,7,0)+IF('Standard Profiles'!$G$21=$B$17,14,0)+IF('Standard Profiles'!$G$21=$B$24,21,0),0)),0)</f>
        <v>0</v>
      </c>
      <c r="H8760" cm="1">
        <f t="array" ref="H8760">IFERROR(INDEX(Jesper!AL$2:AL$366,ROUNDDOWN($C8760/24,0)+1,1)*INDEX($D$3:$AA$30,INDEX(Jesper!$R$2:$R$366,ROW(INDEX(Jesper!AL$2:AL$366,ROUNDDOWN($C8760/24,0)+1,1))-1)+IF('Standard Profiles'!$G$22=$B$10,7,0)+IF('Standard Profiles'!$G$22=$B$17,14,0)+IF('Standard Profiles'!$G$22=$B$24,21,0),MOD($C8760,24)+1)/SUM(INDEX($D$3:$AA$30,INDEX(Jesper!$R$2:$R$366,ROW(INDEX(Jesper!AL$2:AL$366,ROUNDDOWN($C8760/24,0)+1,1))-1)+IF('Standard Profiles'!$G$22=$B$10,7,0)+IF('Standard Profiles'!$G$22=$B$17,14,0)+IF('Standard Profiles'!$G$22=$B$24,21,0),0)),0)</f>
        <v>0</v>
      </c>
      <c r="I8760">
        <f t="shared" si="972"/>
        <v>0.31757724611589572</v>
      </c>
      <c r="J8760">
        <f t="shared" si="973"/>
        <v>1.0585908203863192</v>
      </c>
      <c r="K8760">
        <f t="shared" si="974"/>
        <v>1.5878862305794788</v>
      </c>
      <c r="L8760">
        <f t="shared" si="975"/>
        <v>15.507380281459564</v>
      </c>
      <c r="M8760">
        <f t="shared" si="976"/>
        <v>0</v>
      </c>
      <c r="N8760" s="46">
        <f t="shared" si="977"/>
        <v>45655.58333331217</v>
      </c>
    </row>
    <row r="8761" spans="2:14" x14ac:dyDescent="0.3">
      <c r="B8761">
        <f t="shared" si="971"/>
        <v>7</v>
      </c>
      <c r="C8761" s="16">
        <v>8727</v>
      </c>
      <c r="D8761" cm="1">
        <f t="array" ref="D8761">IFERROR(INDEX(Jesper!AH$2:AH$366,ROUNDDOWN($C8761/24,0)+1,1)*INDEX($D$3:$AA$30,INDEX(Jesper!$R$2:$R$366,ROW(INDEX(Jesper!AH$2:AH$366,ROUNDDOWN($C8761/24,0)+1,1))-1)+IF('Standard Profiles'!$G$18=$B$10,7,0)+IF('Standard Profiles'!$G$18=$B$17,14,0)+IF('Standard Profiles'!$G$18=$B$24,21,0),MOD($C8761,24)+1)/SUM(INDEX($D$3:$AA$30,INDEX(Jesper!$R$2:$R$366,ROW(INDEX(Jesper!AH$2:AH$366,ROUNDDOWN($C8761/24,0)+1,1))-1)+IF('Standard Profiles'!$G$18=$B$10,7,0)+IF('Standard Profiles'!$G$18=$B$17,14,0)+IF('Standard Profiles'!$G$18=$B$24,21,0),0)),0)</f>
        <v>13.285624130359837</v>
      </c>
      <c r="E8761" cm="1">
        <f t="array" ref="E8761">IFERROR(INDEX(Jesper!AI$2:AI$366,ROUNDDOWN($C8761/24,0)+1,1)*INDEX($D$3:$AA$30,INDEX(Jesper!$R$2:$R$366,ROW(INDEX(Jesper!AI$2:AI$366,ROUNDDOWN($C8761/24,0)+1,1))-1)+IF('Standard Profiles'!$G$19=$B$10,7,0)+IF('Standard Profiles'!$G$19=$B$17,14,0)+IF('Standard Profiles'!$G$19=$B$24,21,0),MOD($C8761,24)+1)/SUM(INDEX($D$3:$AA$30,INDEX(Jesper!$R$2:$R$366,ROW(INDEX(Jesper!AI$2:AI$366,ROUNDDOWN($C8761/24,0)+1,1))-1)+IF('Standard Profiles'!$G$19=$B$10,7,0)+IF('Standard Profiles'!$G$19=$B$17,14,0)+IF('Standard Profiles'!$G$19=$B$24,21,0),0)),0)</f>
        <v>3.1334288283435039</v>
      </c>
      <c r="F8761" cm="1">
        <f t="array" ref="F8761">IFERROR(INDEX(Jesper!AJ$2:AJ$366,ROUNDDOWN($C8761/24,0)+1,1)*INDEX($D$3:$AA$30,INDEX(Jesper!$R$2:$R$366,ROW(INDEX(Jesper!AJ$2:AJ$366,ROUNDDOWN($C8761/24,0)+1,1))-1)+IF('Standard Profiles'!$G$20=$B$10,7,0)+IF('Standard Profiles'!$G$20=$B$17,14,0)+IF('Standard Profiles'!$G$20=$B$24,21,0),MOD($C8761,24)+1)/SUM(INDEX($D$3:$AA$30,INDEX(Jesper!$R$2:$R$366,ROW(INDEX(Jesper!AJ$2:AJ$366,ROUNDDOWN($C8761/24,0)+1,1))-1)+IF('Standard Profiles'!$G$20=$B$10,7,0)+IF('Standard Profiles'!$G$20=$B$17,14,0)+IF('Standard Profiles'!$G$20=$B$24,21,0),0)),0)</f>
        <v>0</v>
      </c>
      <c r="G8761" cm="1">
        <f t="array" ref="G8761">IFERROR(INDEX(Jesper!AK$2:AK$366,ROUNDDOWN($C8761/24,0)+1,1)*INDEX($D$3:$AA$30,INDEX(Jesper!$R$2:$R$366,ROW(INDEX(Jesper!AK$2:AK$366,ROUNDDOWN($C8761/24,0)+1,1))-1)+IF('Standard Profiles'!$G$21=$B$10,7,0)+IF('Standard Profiles'!$G$21=$B$17,14,0)+IF('Standard Profiles'!$G$21=$B$24,21,0),MOD($C8761,24)+1)/SUM(INDEX($D$3:$AA$30,INDEX(Jesper!$R$2:$R$366,ROW(INDEX(Jesper!AK$2:AK$366,ROUNDDOWN($C8761/24,0)+1,1))-1)+IF('Standard Profiles'!$G$21=$B$10,7,0)+IF('Standard Profiles'!$G$21=$B$17,14,0)+IF('Standard Profiles'!$G$21=$B$24,21,0),0)),0)</f>
        <v>0</v>
      </c>
      <c r="H8761" cm="1">
        <f t="array" ref="H8761">IFERROR(INDEX(Jesper!AL$2:AL$366,ROUNDDOWN($C8761/24,0)+1,1)*INDEX($D$3:$AA$30,INDEX(Jesper!$R$2:$R$366,ROW(INDEX(Jesper!AL$2:AL$366,ROUNDDOWN($C8761/24,0)+1,1))-1)+IF('Standard Profiles'!$G$22=$B$10,7,0)+IF('Standard Profiles'!$G$22=$B$17,14,0)+IF('Standard Profiles'!$G$22=$B$24,21,0),MOD($C8761,24)+1)/SUM(INDEX($D$3:$AA$30,INDEX(Jesper!$R$2:$R$366,ROW(INDEX(Jesper!AL$2:AL$366,ROUNDDOWN($C8761/24,0)+1,1))-1)+IF('Standard Profiles'!$G$22=$B$10,7,0)+IF('Standard Profiles'!$G$22=$B$17,14,0)+IF('Standard Profiles'!$G$22=$B$24,21,0),0)),0)</f>
        <v>0</v>
      </c>
      <c r="I8761">
        <f t="shared" si="972"/>
        <v>0.28229088543635178</v>
      </c>
      <c r="J8761">
        <f t="shared" si="973"/>
        <v>0.94096961812117275</v>
      </c>
      <c r="K8761">
        <f t="shared" si="974"/>
        <v>1.4114544271817591</v>
      </c>
      <c r="L8761">
        <f t="shared" si="975"/>
        <v>13.784338027964058</v>
      </c>
      <c r="M8761">
        <f t="shared" si="976"/>
        <v>0</v>
      </c>
      <c r="N8761" s="46">
        <f t="shared" si="977"/>
        <v>45655.624999978834</v>
      </c>
    </row>
    <row r="8762" spans="2:14" x14ac:dyDescent="0.3">
      <c r="B8762">
        <f t="shared" si="971"/>
        <v>7</v>
      </c>
      <c r="C8762" s="16">
        <v>8728</v>
      </c>
      <c r="D8762" cm="1">
        <f t="array" ref="D8762">IFERROR(INDEX(Jesper!AH$2:AH$366,ROUNDDOWN($C8762/24,0)+1,1)*INDEX($D$3:$AA$30,INDEX(Jesper!$R$2:$R$366,ROW(INDEX(Jesper!AH$2:AH$366,ROUNDDOWN($C8762/24,0)+1,1))-1)+IF('Standard Profiles'!$G$18=$B$10,7,0)+IF('Standard Profiles'!$G$18=$B$17,14,0)+IF('Standard Profiles'!$G$18=$B$24,21,0),MOD($C8762,24)+1)/SUM(INDEX($D$3:$AA$30,INDEX(Jesper!$R$2:$R$366,ROW(INDEX(Jesper!AH$2:AH$366,ROUNDDOWN($C8762/24,0)+1,1))-1)+IF('Standard Profiles'!$G$18=$B$10,7,0)+IF('Standard Profiles'!$G$18=$B$17,14,0)+IF('Standard Profiles'!$G$18=$B$24,21,0),0)),0)</f>
        <v>13.048380842317696</v>
      </c>
      <c r="E8762" cm="1">
        <f t="array" ref="E8762">IFERROR(INDEX(Jesper!AI$2:AI$366,ROUNDDOWN($C8762/24,0)+1,1)*INDEX($D$3:$AA$30,INDEX(Jesper!$R$2:$R$366,ROW(INDEX(Jesper!AI$2:AI$366,ROUNDDOWN($C8762/24,0)+1,1))-1)+IF('Standard Profiles'!$G$19=$B$10,7,0)+IF('Standard Profiles'!$G$19=$B$17,14,0)+IF('Standard Profiles'!$G$19=$B$24,21,0),MOD($C8762,24)+1)/SUM(INDEX($D$3:$AA$30,INDEX(Jesper!$R$2:$R$366,ROW(INDEX(Jesper!AI$2:AI$366,ROUNDDOWN($C8762/24,0)+1,1))-1)+IF('Standard Profiles'!$G$19=$B$10,7,0)+IF('Standard Profiles'!$G$19=$B$17,14,0)+IF('Standard Profiles'!$G$19=$B$24,21,0),0)),0)</f>
        <v>3.0774747421230839</v>
      </c>
      <c r="F8762" cm="1">
        <f t="array" ref="F8762">IFERROR(INDEX(Jesper!AJ$2:AJ$366,ROUNDDOWN($C8762/24,0)+1,1)*INDEX($D$3:$AA$30,INDEX(Jesper!$R$2:$R$366,ROW(INDEX(Jesper!AJ$2:AJ$366,ROUNDDOWN($C8762/24,0)+1,1))-1)+IF('Standard Profiles'!$G$20=$B$10,7,0)+IF('Standard Profiles'!$G$20=$B$17,14,0)+IF('Standard Profiles'!$G$20=$B$24,21,0),MOD($C8762,24)+1)/SUM(INDEX($D$3:$AA$30,INDEX(Jesper!$R$2:$R$366,ROW(INDEX(Jesper!AJ$2:AJ$366,ROUNDDOWN($C8762/24,0)+1,1))-1)+IF('Standard Profiles'!$G$20=$B$10,7,0)+IF('Standard Profiles'!$G$20=$B$17,14,0)+IF('Standard Profiles'!$G$20=$B$24,21,0),0)),0)</f>
        <v>0</v>
      </c>
      <c r="G8762" cm="1">
        <f t="array" ref="G8762">IFERROR(INDEX(Jesper!AK$2:AK$366,ROUNDDOWN($C8762/24,0)+1,1)*INDEX($D$3:$AA$30,INDEX(Jesper!$R$2:$R$366,ROW(INDEX(Jesper!AK$2:AK$366,ROUNDDOWN($C8762/24,0)+1,1))-1)+IF('Standard Profiles'!$G$21=$B$10,7,0)+IF('Standard Profiles'!$G$21=$B$17,14,0)+IF('Standard Profiles'!$G$21=$B$24,21,0),MOD($C8762,24)+1)/SUM(INDEX($D$3:$AA$30,INDEX(Jesper!$R$2:$R$366,ROW(INDEX(Jesper!AK$2:AK$366,ROUNDDOWN($C8762/24,0)+1,1))-1)+IF('Standard Profiles'!$G$21=$B$10,7,0)+IF('Standard Profiles'!$G$21=$B$17,14,0)+IF('Standard Profiles'!$G$21=$B$24,21,0),0)),0)</f>
        <v>0</v>
      </c>
      <c r="H8762" cm="1">
        <f t="array" ref="H8762">IFERROR(INDEX(Jesper!AL$2:AL$366,ROUNDDOWN($C8762/24,0)+1,1)*INDEX($D$3:$AA$30,INDEX(Jesper!$R$2:$R$366,ROW(INDEX(Jesper!AL$2:AL$366,ROUNDDOWN($C8762/24,0)+1,1))-1)+IF('Standard Profiles'!$G$22=$B$10,7,0)+IF('Standard Profiles'!$G$22=$B$17,14,0)+IF('Standard Profiles'!$G$22=$B$24,21,0),MOD($C8762,24)+1)/SUM(INDEX($D$3:$AA$30,INDEX(Jesper!$R$2:$R$366,ROW(INDEX(Jesper!AL$2:AL$366,ROUNDDOWN($C8762/24,0)+1,1))-1)+IF('Standard Profiles'!$G$22=$B$10,7,0)+IF('Standard Profiles'!$G$22=$B$17,14,0)+IF('Standard Profiles'!$G$22=$B$24,21,0),0)),0)</f>
        <v>0</v>
      </c>
      <c r="I8762">
        <f t="shared" si="972"/>
        <v>0.27724997676784546</v>
      </c>
      <c r="J8762">
        <f t="shared" si="973"/>
        <v>0.92416658922615169</v>
      </c>
      <c r="K8762">
        <f t="shared" si="974"/>
        <v>1.3862498838392274</v>
      </c>
      <c r="L8762">
        <f t="shared" si="975"/>
        <v>13.538189134607556</v>
      </c>
      <c r="M8762">
        <f t="shared" si="976"/>
        <v>0</v>
      </c>
      <c r="N8762" s="46">
        <f t="shared" si="977"/>
        <v>45655.666666645498</v>
      </c>
    </row>
    <row r="8763" spans="2:14" x14ac:dyDescent="0.3">
      <c r="B8763">
        <f t="shared" si="971"/>
        <v>7</v>
      </c>
      <c r="C8763" s="16">
        <v>8729</v>
      </c>
      <c r="D8763" cm="1">
        <f t="array" ref="D8763">IFERROR(INDEX(Jesper!AH$2:AH$366,ROUNDDOWN($C8763/24,0)+1,1)*INDEX($D$3:$AA$30,INDEX(Jesper!$R$2:$R$366,ROW(INDEX(Jesper!AH$2:AH$366,ROUNDDOWN($C8763/24,0)+1,1))-1)+IF('Standard Profiles'!$G$18=$B$10,7,0)+IF('Standard Profiles'!$G$18=$B$17,14,0)+IF('Standard Profiles'!$G$18=$B$24,21,0),MOD($C8763,24)+1)/SUM(INDEX($D$3:$AA$30,INDEX(Jesper!$R$2:$R$366,ROW(INDEX(Jesper!AH$2:AH$366,ROUNDDOWN($C8763/24,0)+1,1))-1)+IF('Standard Profiles'!$G$18=$B$10,7,0)+IF('Standard Profiles'!$G$18=$B$17,14,0)+IF('Standard Profiles'!$G$18=$B$24,21,0),0)),0)</f>
        <v>11.15043453798058</v>
      </c>
      <c r="E8763" cm="1">
        <f t="array" ref="E8763">IFERROR(INDEX(Jesper!AI$2:AI$366,ROUNDDOWN($C8763/24,0)+1,1)*INDEX($D$3:$AA$30,INDEX(Jesper!$R$2:$R$366,ROW(INDEX(Jesper!AI$2:AI$366,ROUNDDOWN($C8763/24,0)+1,1))-1)+IF('Standard Profiles'!$G$19=$B$10,7,0)+IF('Standard Profiles'!$G$19=$B$17,14,0)+IF('Standard Profiles'!$G$19=$B$24,21,0),MOD($C8763,24)+1)/SUM(INDEX($D$3:$AA$30,INDEX(Jesper!$R$2:$R$366,ROW(INDEX(Jesper!AI$2:AI$366,ROUNDDOWN($C8763/24,0)+1,1))-1)+IF('Standard Profiles'!$G$19=$B$10,7,0)+IF('Standard Profiles'!$G$19=$B$17,14,0)+IF('Standard Profiles'!$G$19=$B$24,21,0),0)),0)</f>
        <v>2.6298420523597263</v>
      </c>
      <c r="F8763" cm="1">
        <f t="array" ref="F8763">IFERROR(INDEX(Jesper!AJ$2:AJ$366,ROUNDDOWN($C8763/24,0)+1,1)*INDEX($D$3:$AA$30,INDEX(Jesper!$R$2:$R$366,ROW(INDEX(Jesper!AJ$2:AJ$366,ROUNDDOWN($C8763/24,0)+1,1))-1)+IF('Standard Profiles'!$G$20=$B$10,7,0)+IF('Standard Profiles'!$G$20=$B$17,14,0)+IF('Standard Profiles'!$G$20=$B$24,21,0),MOD($C8763,24)+1)/SUM(INDEX($D$3:$AA$30,INDEX(Jesper!$R$2:$R$366,ROW(INDEX(Jesper!AJ$2:AJ$366,ROUNDDOWN($C8763/24,0)+1,1))-1)+IF('Standard Profiles'!$G$20=$B$10,7,0)+IF('Standard Profiles'!$G$20=$B$17,14,0)+IF('Standard Profiles'!$G$20=$B$24,21,0),0)),0)</f>
        <v>0</v>
      </c>
      <c r="G8763" cm="1">
        <f t="array" ref="G8763">IFERROR(INDEX(Jesper!AK$2:AK$366,ROUNDDOWN($C8763/24,0)+1,1)*INDEX($D$3:$AA$30,INDEX(Jesper!$R$2:$R$366,ROW(INDEX(Jesper!AK$2:AK$366,ROUNDDOWN($C8763/24,0)+1,1))-1)+IF('Standard Profiles'!$G$21=$B$10,7,0)+IF('Standard Profiles'!$G$21=$B$17,14,0)+IF('Standard Profiles'!$G$21=$B$24,21,0),MOD($C8763,24)+1)/SUM(INDEX($D$3:$AA$30,INDEX(Jesper!$R$2:$R$366,ROW(INDEX(Jesper!AK$2:AK$366,ROUNDDOWN($C8763/24,0)+1,1))-1)+IF('Standard Profiles'!$G$21=$B$10,7,0)+IF('Standard Profiles'!$G$21=$B$17,14,0)+IF('Standard Profiles'!$G$21=$B$24,21,0),0)),0)</f>
        <v>0</v>
      </c>
      <c r="H8763" cm="1">
        <f t="array" ref="H8763">IFERROR(INDEX(Jesper!AL$2:AL$366,ROUNDDOWN($C8763/24,0)+1,1)*INDEX($D$3:$AA$30,INDEX(Jesper!$R$2:$R$366,ROW(INDEX(Jesper!AL$2:AL$366,ROUNDDOWN($C8763/24,0)+1,1))-1)+IF('Standard Profiles'!$G$22=$B$10,7,0)+IF('Standard Profiles'!$G$22=$B$17,14,0)+IF('Standard Profiles'!$G$22=$B$24,21,0),MOD($C8763,24)+1)/SUM(INDEX($D$3:$AA$30,INDEX(Jesper!$R$2:$R$366,ROW(INDEX(Jesper!AL$2:AL$366,ROUNDDOWN($C8763/24,0)+1,1))-1)+IF('Standard Profiles'!$G$22=$B$10,7,0)+IF('Standard Profiles'!$G$22=$B$17,14,0)+IF('Standard Profiles'!$G$22=$B$24,21,0),0)),0)</f>
        <v>0</v>
      </c>
      <c r="I8763">
        <f t="shared" si="972"/>
        <v>0.23692270741979524</v>
      </c>
      <c r="J8763">
        <f t="shared" si="973"/>
        <v>0.78974235806598414</v>
      </c>
      <c r="K8763">
        <f t="shared" si="974"/>
        <v>1.1846135370989763</v>
      </c>
      <c r="L8763">
        <f t="shared" si="975"/>
        <v>11.568997987755552</v>
      </c>
      <c r="M8763">
        <f t="shared" si="976"/>
        <v>0</v>
      </c>
      <c r="N8763" s="46">
        <f t="shared" si="977"/>
        <v>45655.708333312163</v>
      </c>
    </row>
    <row r="8764" spans="2:14" x14ac:dyDescent="0.3">
      <c r="B8764">
        <f t="shared" si="971"/>
        <v>7</v>
      </c>
      <c r="C8764" s="16">
        <v>8730</v>
      </c>
      <c r="D8764" cm="1">
        <f t="array" ref="D8764">IFERROR(INDEX(Jesper!AH$2:AH$366,ROUNDDOWN($C8764/24,0)+1,1)*INDEX($D$3:$AA$30,INDEX(Jesper!$R$2:$R$366,ROW(INDEX(Jesper!AH$2:AH$366,ROUNDDOWN($C8764/24,0)+1,1))-1)+IF('Standard Profiles'!$G$18=$B$10,7,0)+IF('Standard Profiles'!$G$18=$B$17,14,0)+IF('Standard Profiles'!$G$18=$B$24,21,0),MOD($C8764,24)+1)/SUM(INDEX($D$3:$AA$30,INDEX(Jesper!$R$2:$R$366,ROW(INDEX(Jesper!AH$2:AH$366,ROUNDDOWN($C8764/24,0)+1,1))-1)+IF('Standard Profiles'!$G$18=$B$10,7,0)+IF('Standard Profiles'!$G$18=$B$17,14,0)+IF('Standard Profiles'!$G$18=$B$24,21,0),0)),0)</f>
        <v>10.438704673854158</v>
      </c>
      <c r="E8764" cm="1">
        <f t="array" ref="E8764">IFERROR(INDEX(Jesper!AI$2:AI$366,ROUNDDOWN($C8764/24,0)+1,1)*INDEX($D$3:$AA$30,INDEX(Jesper!$R$2:$R$366,ROW(INDEX(Jesper!AI$2:AI$366,ROUNDDOWN($C8764/24,0)+1,1))-1)+IF('Standard Profiles'!$G$19=$B$10,7,0)+IF('Standard Profiles'!$G$19=$B$17,14,0)+IF('Standard Profiles'!$G$19=$B$24,21,0),MOD($C8764,24)+1)/SUM(INDEX($D$3:$AA$30,INDEX(Jesper!$R$2:$R$366,ROW(INDEX(Jesper!AI$2:AI$366,ROUNDDOWN($C8764/24,0)+1,1))-1)+IF('Standard Profiles'!$G$19=$B$10,7,0)+IF('Standard Profiles'!$G$19=$B$17,14,0)+IF('Standard Profiles'!$G$19=$B$24,21,0),0)),0)</f>
        <v>2.4619797936984678</v>
      </c>
      <c r="F8764" cm="1">
        <f t="array" ref="F8764">IFERROR(INDEX(Jesper!AJ$2:AJ$366,ROUNDDOWN($C8764/24,0)+1,1)*INDEX($D$3:$AA$30,INDEX(Jesper!$R$2:$R$366,ROW(INDEX(Jesper!AJ$2:AJ$366,ROUNDDOWN($C8764/24,0)+1,1))-1)+IF('Standard Profiles'!$G$20=$B$10,7,0)+IF('Standard Profiles'!$G$20=$B$17,14,0)+IF('Standard Profiles'!$G$20=$B$24,21,0),MOD($C8764,24)+1)/SUM(INDEX($D$3:$AA$30,INDEX(Jesper!$R$2:$R$366,ROW(INDEX(Jesper!AJ$2:AJ$366,ROUNDDOWN($C8764/24,0)+1,1))-1)+IF('Standard Profiles'!$G$20=$B$10,7,0)+IF('Standard Profiles'!$G$20=$B$17,14,0)+IF('Standard Profiles'!$G$20=$B$24,21,0),0)),0)</f>
        <v>0</v>
      </c>
      <c r="G8764" cm="1">
        <f t="array" ref="G8764">IFERROR(INDEX(Jesper!AK$2:AK$366,ROUNDDOWN($C8764/24,0)+1,1)*INDEX($D$3:$AA$30,INDEX(Jesper!$R$2:$R$366,ROW(INDEX(Jesper!AK$2:AK$366,ROUNDDOWN($C8764/24,0)+1,1))-1)+IF('Standard Profiles'!$G$21=$B$10,7,0)+IF('Standard Profiles'!$G$21=$B$17,14,0)+IF('Standard Profiles'!$G$21=$B$24,21,0),MOD($C8764,24)+1)/SUM(INDEX($D$3:$AA$30,INDEX(Jesper!$R$2:$R$366,ROW(INDEX(Jesper!AK$2:AK$366,ROUNDDOWN($C8764/24,0)+1,1))-1)+IF('Standard Profiles'!$G$21=$B$10,7,0)+IF('Standard Profiles'!$G$21=$B$17,14,0)+IF('Standard Profiles'!$G$21=$B$24,21,0),0)),0)</f>
        <v>0</v>
      </c>
      <c r="H8764" cm="1">
        <f t="array" ref="H8764">IFERROR(INDEX(Jesper!AL$2:AL$366,ROUNDDOWN($C8764/24,0)+1,1)*INDEX($D$3:$AA$30,INDEX(Jesper!$R$2:$R$366,ROW(INDEX(Jesper!AL$2:AL$366,ROUNDDOWN($C8764/24,0)+1,1))-1)+IF('Standard Profiles'!$G$22=$B$10,7,0)+IF('Standard Profiles'!$G$22=$B$17,14,0)+IF('Standard Profiles'!$G$22=$B$24,21,0),MOD($C8764,24)+1)/SUM(INDEX($D$3:$AA$30,INDEX(Jesper!$R$2:$R$366,ROW(INDEX(Jesper!AL$2:AL$366,ROUNDDOWN($C8764/24,0)+1,1))-1)+IF('Standard Profiles'!$G$22=$B$10,7,0)+IF('Standard Profiles'!$G$22=$B$17,14,0)+IF('Standard Profiles'!$G$22=$B$24,21,0),0)),0)</f>
        <v>0</v>
      </c>
      <c r="I8764">
        <f t="shared" si="972"/>
        <v>0.22179998141427643</v>
      </c>
      <c r="J8764">
        <f t="shared" si="973"/>
        <v>0.73933327138092153</v>
      </c>
      <c r="K8764">
        <f t="shared" si="974"/>
        <v>1.1089999070713823</v>
      </c>
      <c r="L8764">
        <f t="shared" si="975"/>
        <v>10.830551307686045</v>
      </c>
      <c r="M8764">
        <f t="shared" si="976"/>
        <v>0</v>
      </c>
      <c r="N8764" s="46">
        <f t="shared" si="977"/>
        <v>45655.749999978827</v>
      </c>
    </row>
    <row r="8765" spans="2:14" x14ac:dyDescent="0.3">
      <c r="B8765">
        <f t="shared" si="971"/>
        <v>7</v>
      </c>
      <c r="C8765" s="16">
        <v>8731</v>
      </c>
      <c r="D8765" cm="1">
        <f t="array" ref="D8765">IFERROR(INDEX(Jesper!AH$2:AH$366,ROUNDDOWN($C8765/24,0)+1,1)*INDEX($D$3:$AA$30,INDEX(Jesper!$R$2:$R$366,ROW(INDEX(Jesper!AH$2:AH$366,ROUNDDOWN($C8765/24,0)+1,1))-1)+IF('Standard Profiles'!$G$18=$B$10,7,0)+IF('Standard Profiles'!$G$18=$B$17,14,0)+IF('Standard Profiles'!$G$18=$B$24,21,0),MOD($C8765,24)+1)/SUM(INDEX($D$3:$AA$30,INDEX(Jesper!$R$2:$R$366,ROW(INDEX(Jesper!AH$2:AH$366,ROUNDDOWN($C8765/24,0)+1,1))-1)+IF('Standard Profiles'!$G$18=$B$10,7,0)+IF('Standard Profiles'!$G$18=$B$17,14,0)+IF('Standard Profiles'!$G$18=$B$24,21,0),0)),0)</f>
        <v>8.7780016575591784</v>
      </c>
      <c r="E8765" cm="1">
        <f t="array" ref="E8765">IFERROR(INDEX(Jesper!AI$2:AI$366,ROUNDDOWN($C8765/24,0)+1,1)*INDEX($D$3:$AA$30,INDEX(Jesper!$R$2:$R$366,ROW(INDEX(Jesper!AI$2:AI$366,ROUNDDOWN($C8765/24,0)+1,1))-1)+IF('Standard Profiles'!$G$19=$B$10,7,0)+IF('Standard Profiles'!$G$19=$B$17,14,0)+IF('Standard Profiles'!$G$19=$B$24,21,0),MOD($C8765,24)+1)/SUM(INDEX($D$3:$AA$30,INDEX(Jesper!$R$2:$R$366,ROW(INDEX(Jesper!AI$2:AI$366,ROUNDDOWN($C8765/24,0)+1,1))-1)+IF('Standard Profiles'!$G$19=$B$10,7,0)+IF('Standard Profiles'!$G$19=$B$17,14,0)+IF('Standard Profiles'!$G$19=$B$24,21,0),0)),0)</f>
        <v>2.0703011901555297</v>
      </c>
      <c r="F8765" cm="1">
        <f t="array" ref="F8765">IFERROR(INDEX(Jesper!AJ$2:AJ$366,ROUNDDOWN($C8765/24,0)+1,1)*INDEX($D$3:$AA$30,INDEX(Jesper!$R$2:$R$366,ROW(INDEX(Jesper!AJ$2:AJ$366,ROUNDDOWN($C8765/24,0)+1,1))-1)+IF('Standard Profiles'!$G$20=$B$10,7,0)+IF('Standard Profiles'!$G$20=$B$17,14,0)+IF('Standard Profiles'!$G$20=$B$24,21,0),MOD($C8765,24)+1)/SUM(INDEX($D$3:$AA$30,INDEX(Jesper!$R$2:$R$366,ROW(INDEX(Jesper!AJ$2:AJ$366,ROUNDDOWN($C8765/24,0)+1,1))-1)+IF('Standard Profiles'!$G$20=$B$10,7,0)+IF('Standard Profiles'!$G$20=$B$17,14,0)+IF('Standard Profiles'!$G$20=$B$24,21,0),0)),0)</f>
        <v>0</v>
      </c>
      <c r="G8765" cm="1">
        <f t="array" ref="G8765">IFERROR(INDEX(Jesper!AK$2:AK$366,ROUNDDOWN($C8765/24,0)+1,1)*INDEX($D$3:$AA$30,INDEX(Jesper!$R$2:$R$366,ROW(INDEX(Jesper!AK$2:AK$366,ROUNDDOWN($C8765/24,0)+1,1))-1)+IF('Standard Profiles'!$G$21=$B$10,7,0)+IF('Standard Profiles'!$G$21=$B$17,14,0)+IF('Standard Profiles'!$G$21=$B$24,21,0),MOD($C8765,24)+1)/SUM(INDEX($D$3:$AA$30,INDEX(Jesper!$R$2:$R$366,ROW(INDEX(Jesper!AK$2:AK$366,ROUNDDOWN($C8765/24,0)+1,1))-1)+IF('Standard Profiles'!$G$21=$B$10,7,0)+IF('Standard Profiles'!$G$21=$B$17,14,0)+IF('Standard Profiles'!$G$21=$B$24,21,0),0)),0)</f>
        <v>0</v>
      </c>
      <c r="H8765" cm="1">
        <f t="array" ref="H8765">IFERROR(INDEX(Jesper!AL$2:AL$366,ROUNDDOWN($C8765/24,0)+1,1)*INDEX($D$3:$AA$30,INDEX(Jesper!$R$2:$R$366,ROW(INDEX(Jesper!AL$2:AL$366,ROUNDDOWN($C8765/24,0)+1,1))-1)+IF('Standard Profiles'!$G$22=$B$10,7,0)+IF('Standard Profiles'!$G$22=$B$17,14,0)+IF('Standard Profiles'!$G$22=$B$24,21,0),MOD($C8765,24)+1)/SUM(INDEX($D$3:$AA$30,INDEX(Jesper!$R$2:$R$366,ROW(INDEX(Jesper!AL$2:AL$366,ROUNDDOWN($C8765/24,0)+1,1))-1)+IF('Standard Profiles'!$G$22=$B$10,7,0)+IF('Standard Profiles'!$G$22=$B$17,14,0)+IF('Standard Profiles'!$G$22=$B$24,21,0),0)),0)</f>
        <v>0</v>
      </c>
      <c r="I8765">
        <f t="shared" si="972"/>
        <v>0.18651362073473246</v>
      </c>
      <c r="J8765">
        <f t="shared" si="973"/>
        <v>0.62171206911577492</v>
      </c>
      <c r="K8765">
        <f t="shared" si="974"/>
        <v>0.93256810367366239</v>
      </c>
      <c r="L8765">
        <f t="shared" si="975"/>
        <v>9.1075090541905386</v>
      </c>
      <c r="M8765">
        <f t="shared" si="976"/>
        <v>0</v>
      </c>
      <c r="N8765" s="46">
        <f t="shared" si="977"/>
        <v>45655.791666645491</v>
      </c>
    </row>
    <row r="8766" spans="2:14" x14ac:dyDescent="0.3">
      <c r="B8766">
        <f t="shared" si="971"/>
        <v>7</v>
      </c>
      <c r="C8766" s="16">
        <v>8732</v>
      </c>
      <c r="D8766" cm="1">
        <f t="array" ref="D8766">IFERROR(INDEX(Jesper!AH$2:AH$366,ROUNDDOWN($C8766/24,0)+1,1)*INDEX($D$3:$AA$30,INDEX(Jesper!$R$2:$R$366,ROW(INDEX(Jesper!AH$2:AH$366,ROUNDDOWN($C8766/24,0)+1,1))-1)+IF('Standard Profiles'!$G$18=$B$10,7,0)+IF('Standard Profiles'!$G$18=$B$17,14,0)+IF('Standard Profiles'!$G$18=$B$24,21,0),MOD($C8766,24)+1)/SUM(INDEX($D$3:$AA$30,INDEX(Jesper!$R$2:$R$366,ROW(INDEX(Jesper!AH$2:AH$366,ROUNDDOWN($C8766/24,0)+1,1))-1)+IF('Standard Profiles'!$G$18=$B$10,7,0)+IF('Standard Profiles'!$G$18=$B$17,14,0)+IF('Standard Profiles'!$G$18=$B$24,21,0),0)),0)</f>
        <v>7.3545419293063388</v>
      </c>
      <c r="E8766" cm="1">
        <f t="array" ref="E8766">IFERROR(INDEX(Jesper!AI$2:AI$366,ROUNDDOWN($C8766/24,0)+1,1)*INDEX($D$3:$AA$30,INDEX(Jesper!$R$2:$R$366,ROW(INDEX(Jesper!AI$2:AI$366,ROUNDDOWN($C8766/24,0)+1,1))-1)+IF('Standard Profiles'!$G$19=$B$10,7,0)+IF('Standard Profiles'!$G$19=$B$17,14,0)+IF('Standard Profiles'!$G$19=$B$24,21,0),MOD($C8766,24)+1)/SUM(INDEX($D$3:$AA$30,INDEX(Jesper!$R$2:$R$366,ROW(INDEX(Jesper!AI$2:AI$366,ROUNDDOWN($C8766/24,0)+1,1))-1)+IF('Standard Profiles'!$G$19=$B$10,7,0)+IF('Standard Profiles'!$G$19=$B$17,14,0)+IF('Standard Profiles'!$G$19=$B$24,21,0),0)),0)</f>
        <v>1.734576672833011</v>
      </c>
      <c r="F8766" cm="1">
        <f t="array" ref="F8766">IFERROR(INDEX(Jesper!AJ$2:AJ$366,ROUNDDOWN($C8766/24,0)+1,1)*INDEX($D$3:$AA$30,INDEX(Jesper!$R$2:$R$366,ROW(INDEX(Jesper!AJ$2:AJ$366,ROUNDDOWN($C8766/24,0)+1,1))-1)+IF('Standard Profiles'!$G$20=$B$10,7,0)+IF('Standard Profiles'!$G$20=$B$17,14,0)+IF('Standard Profiles'!$G$20=$B$24,21,0),MOD($C8766,24)+1)/SUM(INDEX($D$3:$AA$30,INDEX(Jesper!$R$2:$R$366,ROW(INDEX(Jesper!AJ$2:AJ$366,ROUNDDOWN($C8766/24,0)+1,1))-1)+IF('Standard Profiles'!$G$20=$B$10,7,0)+IF('Standard Profiles'!$G$20=$B$17,14,0)+IF('Standard Profiles'!$G$20=$B$24,21,0),0)),0)</f>
        <v>0</v>
      </c>
      <c r="G8766" cm="1">
        <f t="array" ref="G8766">IFERROR(INDEX(Jesper!AK$2:AK$366,ROUNDDOWN($C8766/24,0)+1,1)*INDEX($D$3:$AA$30,INDEX(Jesper!$R$2:$R$366,ROW(INDEX(Jesper!AK$2:AK$366,ROUNDDOWN($C8766/24,0)+1,1))-1)+IF('Standard Profiles'!$G$21=$B$10,7,0)+IF('Standard Profiles'!$G$21=$B$17,14,0)+IF('Standard Profiles'!$G$21=$B$24,21,0),MOD($C8766,24)+1)/SUM(INDEX($D$3:$AA$30,INDEX(Jesper!$R$2:$R$366,ROW(INDEX(Jesper!AK$2:AK$366,ROUNDDOWN($C8766/24,0)+1,1))-1)+IF('Standard Profiles'!$G$21=$B$10,7,0)+IF('Standard Profiles'!$G$21=$B$17,14,0)+IF('Standard Profiles'!$G$21=$B$24,21,0),0)),0)</f>
        <v>0</v>
      </c>
      <c r="H8766" cm="1">
        <f t="array" ref="H8766">IFERROR(INDEX(Jesper!AL$2:AL$366,ROUNDDOWN($C8766/24,0)+1,1)*INDEX($D$3:$AA$30,INDEX(Jesper!$R$2:$R$366,ROW(INDEX(Jesper!AL$2:AL$366,ROUNDDOWN($C8766/24,0)+1,1))-1)+IF('Standard Profiles'!$G$22=$B$10,7,0)+IF('Standard Profiles'!$G$22=$B$17,14,0)+IF('Standard Profiles'!$G$22=$B$24,21,0),MOD($C8766,24)+1)/SUM(INDEX($D$3:$AA$30,INDEX(Jesper!$R$2:$R$366,ROW(INDEX(Jesper!AL$2:AL$366,ROUNDDOWN($C8766/24,0)+1,1))-1)+IF('Standard Profiles'!$G$22=$B$10,7,0)+IF('Standard Profiles'!$G$22=$B$17,14,0)+IF('Standard Profiles'!$G$22=$B$24,21,0),0)),0)</f>
        <v>0</v>
      </c>
      <c r="I8766">
        <f t="shared" si="972"/>
        <v>0.15626816872369473</v>
      </c>
      <c r="J8766">
        <f t="shared" si="973"/>
        <v>0.52089389574564915</v>
      </c>
      <c r="K8766">
        <f t="shared" si="974"/>
        <v>0.78134084361847367</v>
      </c>
      <c r="L8766">
        <f t="shared" si="975"/>
        <v>7.6306156940515324</v>
      </c>
      <c r="M8766">
        <f t="shared" si="976"/>
        <v>0</v>
      </c>
      <c r="N8766" s="46">
        <f t="shared" si="977"/>
        <v>45655.833333312155</v>
      </c>
    </row>
    <row r="8767" spans="2:14" x14ac:dyDescent="0.3">
      <c r="B8767">
        <f t="shared" si="971"/>
        <v>7</v>
      </c>
      <c r="C8767" s="16">
        <v>8733</v>
      </c>
      <c r="D8767" cm="1">
        <f t="array" ref="D8767">IFERROR(INDEX(Jesper!AH$2:AH$366,ROUNDDOWN($C8767/24,0)+1,1)*INDEX($D$3:$AA$30,INDEX(Jesper!$R$2:$R$366,ROW(INDEX(Jesper!AH$2:AH$366,ROUNDDOWN($C8767/24,0)+1,1))-1)+IF('Standard Profiles'!$G$18=$B$10,7,0)+IF('Standard Profiles'!$G$18=$B$17,14,0)+IF('Standard Profiles'!$G$18=$B$24,21,0),MOD($C8767,24)+1)/SUM(INDEX($D$3:$AA$30,INDEX(Jesper!$R$2:$R$366,ROW(INDEX(Jesper!AH$2:AH$366,ROUNDDOWN($C8767/24,0)+1,1))-1)+IF('Standard Profiles'!$G$18=$B$10,7,0)+IF('Standard Profiles'!$G$18=$B$17,14,0)+IF('Standard Profiles'!$G$18=$B$24,21,0),0)),0)</f>
        <v>6.4055687771377787</v>
      </c>
      <c r="E8767" cm="1">
        <f t="array" ref="E8767">IFERROR(INDEX(Jesper!AI$2:AI$366,ROUNDDOWN($C8767/24,0)+1,1)*INDEX($D$3:$AA$30,INDEX(Jesper!$R$2:$R$366,ROW(INDEX(Jesper!AI$2:AI$366,ROUNDDOWN($C8767/24,0)+1,1))-1)+IF('Standard Profiles'!$G$19=$B$10,7,0)+IF('Standard Profiles'!$G$19=$B$17,14,0)+IF('Standard Profiles'!$G$19=$B$24,21,0),MOD($C8767,24)+1)/SUM(INDEX($D$3:$AA$30,INDEX(Jesper!$R$2:$R$366,ROW(INDEX(Jesper!AI$2:AI$366,ROUNDDOWN($C8767/24,0)+1,1))-1)+IF('Standard Profiles'!$G$19=$B$10,7,0)+IF('Standard Profiles'!$G$19=$B$17,14,0)+IF('Standard Profiles'!$G$19=$B$24,21,0),0)),0)</f>
        <v>1.5107603279513324</v>
      </c>
      <c r="F8767" cm="1">
        <f t="array" ref="F8767">IFERROR(INDEX(Jesper!AJ$2:AJ$366,ROUNDDOWN($C8767/24,0)+1,1)*INDEX($D$3:$AA$30,INDEX(Jesper!$R$2:$R$366,ROW(INDEX(Jesper!AJ$2:AJ$366,ROUNDDOWN($C8767/24,0)+1,1))-1)+IF('Standard Profiles'!$G$20=$B$10,7,0)+IF('Standard Profiles'!$G$20=$B$17,14,0)+IF('Standard Profiles'!$G$20=$B$24,21,0),MOD($C8767,24)+1)/SUM(INDEX($D$3:$AA$30,INDEX(Jesper!$R$2:$R$366,ROW(INDEX(Jesper!AJ$2:AJ$366,ROUNDDOWN($C8767/24,0)+1,1))-1)+IF('Standard Profiles'!$G$20=$B$10,7,0)+IF('Standard Profiles'!$G$20=$B$17,14,0)+IF('Standard Profiles'!$G$20=$B$24,21,0),0)),0)</f>
        <v>0</v>
      </c>
      <c r="G8767" cm="1">
        <f t="array" ref="G8767">IFERROR(INDEX(Jesper!AK$2:AK$366,ROUNDDOWN($C8767/24,0)+1,1)*INDEX($D$3:$AA$30,INDEX(Jesper!$R$2:$R$366,ROW(INDEX(Jesper!AK$2:AK$366,ROUNDDOWN($C8767/24,0)+1,1))-1)+IF('Standard Profiles'!$G$21=$B$10,7,0)+IF('Standard Profiles'!$G$21=$B$17,14,0)+IF('Standard Profiles'!$G$21=$B$24,21,0),MOD($C8767,24)+1)/SUM(INDEX($D$3:$AA$30,INDEX(Jesper!$R$2:$R$366,ROW(INDEX(Jesper!AK$2:AK$366,ROUNDDOWN($C8767/24,0)+1,1))-1)+IF('Standard Profiles'!$G$21=$B$10,7,0)+IF('Standard Profiles'!$G$21=$B$17,14,0)+IF('Standard Profiles'!$G$21=$B$24,21,0),0)),0)</f>
        <v>0</v>
      </c>
      <c r="H8767" cm="1">
        <f t="array" ref="H8767">IFERROR(INDEX(Jesper!AL$2:AL$366,ROUNDDOWN($C8767/24,0)+1,1)*INDEX($D$3:$AA$30,INDEX(Jesper!$R$2:$R$366,ROW(INDEX(Jesper!AL$2:AL$366,ROUNDDOWN($C8767/24,0)+1,1))-1)+IF('Standard Profiles'!$G$22=$B$10,7,0)+IF('Standard Profiles'!$G$22=$B$17,14,0)+IF('Standard Profiles'!$G$22=$B$24,21,0),MOD($C8767,24)+1)/SUM(INDEX($D$3:$AA$30,INDEX(Jesper!$R$2:$R$366,ROW(INDEX(Jesper!AL$2:AL$366,ROUNDDOWN($C8767/24,0)+1,1))-1)+IF('Standard Profiles'!$G$22=$B$10,7,0)+IF('Standard Profiles'!$G$22=$B$17,14,0)+IF('Standard Profiles'!$G$22=$B$24,21,0),0)),0)</f>
        <v>0</v>
      </c>
      <c r="I8767">
        <f t="shared" si="972"/>
        <v>0.13610453404966963</v>
      </c>
      <c r="J8767">
        <f t="shared" si="973"/>
        <v>0.45368178016556548</v>
      </c>
      <c r="K8767">
        <f t="shared" si="974"/>
        <v>0.68052267024834823</v>
      </c>
      <c r="L8767">
        <f t="shared" si="975"/>
        <v>6.6460201206255283</v>
      </c>
      <c r="M8767">
        <f t="shared" si="976"/>
        <v>0</v>
      </c>
      <c r="N8767" s="46">
        <f t="shared" si="977"/>
        <v>45655.87499997882</v>
      </c>
    </row>
    <row r="8768" spans="2:14" x14ac:dyDescent="0.3">
      <c r="B8768">
        <f t="shared" si="971"/>
        <v>7</v>
      </c>
      <c r="C8768" s="16">
        <v>8734</v>
      </c>
      <c r="D8768" cm="1">
        <f t="array" ref="D8768">IFERROR(INDEX(Jesper!AH$2:AH$366,ROUNDDOWN($C8768/24,0)+1,1)*INDEX($D$3:$AA$30,INDEX(Jesper!$R$2:$R$366,ROW(INDEX(Jesper!AH$2:AH$366,ROUNDDOWN($C8768/24,0)+1,1))-1)+IF('Standard Profiles'!$G$18=$B$10,7,0)+IF('Standard Profiles'!$G$18=$B$17,14,0)+IF('Standard Profiles'!$G$18=$B$24,21,0),MOD($C8768,24)+1)/SUM(INDEX($D$3:$AA$30,INDEX(Jesper!$R$2:$R$366,ROW(INDEX(Jesper!AH$2:AH$366,ROUNDDOWN($C8768/24,0)+1,1))-1)+IF('Standard Profiles'!$G$18=$B$10,7,0)+IF('Standard Profiles'!$G$18=$B$17,14,0)+IF('Standard Profiles'!$G$18=$B$24,21,0),0)),0)</f>
        <v>6.4055687771377787</v>
      </c>
      <c r="E8768" cm="1">
        <f t="array" ref="E8768">IFERROR(INDEX(Jesper!AI$2:AI$366,ROUNDDOWN($C8768/24,0)+1,1)*INDEX($D$3:$AA$30,INDEX(Jesper!$R$2:$R$366,ROW(INDEX(Jesper!AI$2:AI$366,ROUNDDOWN($C8768/24,0)+1,1))-1)+IF('Standard Profiles'!$G$19=$B$10,7,0)+IF('Standard Profiles'!$G$19=$B$17,14,0)+IF('Standard Profiles'!$G$19=$B$24,21,0),MOD($C8768,24)+1)/SUM(INDEX($D$3:$AA$30,INDEX(Jesper!$R$2:$R$366,ROW(INDEX(Jesper!AI$2:AI$366,ROUNDDOWN($C8768/24,0)+1,1))-1)+IF('Standard Profiles'!$G$19=$B$10,7,0)+IF('Standard Profiles'!$G$19=$B$17,14,0)+IF('Standard Profiles'!$G$19=$B$24,21,0),0)),0)</f>
        <v>1.5107603279513324</v>
      </c>
      <c r="F8768" cm="1">
        <f t="array" ref="F8768">IFERROR(INDEX(Jesper!AJ$2:AJ$366,ROUNDDOWN($C8768/24,0)+1,1)*INDEX($D$3:$AA$30,INDEX(Jesper!$R$2:$R$366,ROW(INDEX(Jesper!AJ$2:AJ$366,ROUNDDOWN($C8768/24,0)+1,1))-1)+IF('Standard Profiles'!$G$20=$B$10,7,0)+IF('Standard Profiles'!$G$20=$B$17,14,0)+IF('Standard Profiles'!$G$20=$B$24,21,0),MOD($C8768,24)+1)/SUM(INDEX($D$3:$AA$30,INDEX(Jesper!$R$2:$R$366,ROW(INDEX(Jesper!AJ$2:AJ$366,ROUNDDOWN($C8768/24,0)+1,1))-1)+IF('Standard Profiles'!$G$20=$B$10,7,0)+IF('Standard Profiles'!$G$20=$B$17,14,0)+IF('Standard Profiles'!$G$20=$B$24,21,0),0)),0)</f>
        <v>0</v>
      </c>
      <c r="G8768" cm="1">
        <f t="array" ref="G8768">IFERROR(INDEX(Jesper!AK$2:AK$366,ROUNDDOWN($C8768/24,0)+1,1)*INDEX($D$3:$AA$30,INDEX(Jesper!$R$2:$R$366,ROW(INDEX(Jesper!AK$2:AK$366,ROUNDDOWN($C8768/24,0)+1,1))-1)+IF('Standard Profiles'!$G$21=$B$10,7,0)+IF('Standard Profiles'!$G$21=$B$17,14,0)+IF('Standard Profiles'!$G$21=$B$24,21,0),MOD($C8768,24)+1)/SUM(INDEX($D$3:$AA$30,INDEX(Jesper!$R$2:$R$366,ROW(INDEX(Jesper!AK$2:AK$366,ROUNDDOWN($C8768/24,0)+1,1))-1)+IF('Standard Profiles'!$G$21=$B$10,7,0)+IF('Standard Profiles'!$G$21=$B$17,14,0)+IF('Standard Profiles'!$G$21=$B$24,21,0),0)),0)</f>
        <v>0</v>
      </c>
      <c r="H8768" cm="1">
        <f t="array" ref="H8768">IFERROR(INDEX(Jesper!AL$2:AL$366,ROUNDDOWN($C8768/24,0)+1,1)*INDEX($D$3:$AA$30,INDEX(Jesper!$R$2:$R$366,ROW(INDEX(Jesper!AL$2:AL$366,ROUNDDOWN($C8768/24,0)+1,1))-1)+IF('Standard Profiles'!$G$22=$B$10,7,0)+IF('Standard Profiles'!$G$22=$B$17,14,0)+IF('Standard Profiles'!$G$22=$B$24,21,0),MOD($C8768,24)+1)/SUM(INDEX($D$3:$AA$30,INDEX(Jesper!$R$2:$R$366,ROW(INDEX(Jesper!AL$2:AL$366,ROUNDDOWN($C8768/24,0)+1,1))-1)+IF('Standard Profiles'!$G$22=$B$10,7,0)+IF('Standard Profiles'!$G$22=$B$17,14,0)+IF('Standard Profiles'!$G$22=$B$24,21,0),0)),0)</f>
        <v>0</v>
      </c>
      <c r="I8768">
        <f t="shared" si="972"/>
        <v>0.13610453404966963</v>
      </c>
      <c r="J8768">
        <f t="shared" si="973"/>
        <v>0.45368178016556548</v>
      </c>
      <c r="K8768">
        <f t="shared" si="974"/>
        <v>0.68052267024834823</v>
      </c>
      <c r="L8768">
        <f t="shared" si="975"/>
        <v>6.6460201206255283</v>
      </c>
      <c r="M8768">
        <f t="shared" si="976"/>
        <v>0</v>
      </c>
      <c r="N8768" s="46">
        <f t="shared" si="977"/>
        <v>45655.916666645484</v>
      </c>
    </row>
    <row r="8769" spans="2:14" x14ac:dyDescent="0.3">
      <c r="B8769">
        <f t="shared" si="971"/>
        <v>7</v>
      </c>
      <c r="C8769" s="16">
        <v>8735</v>
      </c>
      <c r="D8769" cm="1">
        <f t="array" ref="D8769">IFERROR(INDEX(Jesper!AH$2:AH$366,ROUNDDOWN($C8769/24,0)+1,1)*INDEX($D$3:$AA$30,INDEX(Jesper!$R$2:$R$366,ROW(INDEX(Jesper!AH$2:AH$366,ROUNDDOWN($C8769/24,0)+1,1))-1)+IF('Standard Profiles'!$G$18=$B$10,7,0)+IF('Standard Profiles'!$G$18=$B$17,14,0)+IF('Standard Profiles'!$G$18=$B$24,21,0),MOD($C8769,24)+1)/SUM(INDEX($D$3:$AA$30,INDEX(Jesper!$R$2:$R$366,ROW(INDEX(Jesper!AH$2:AH$366,ROUNDDOWN($C8769/24,0)+1,1))-1)+IF('Standard Profiles'!$G$18=$B$10,7,0)+IF('Standard Profiles'!$G$18=$B$17,14,0)+IF('Standard Profiles'!$G$18=$B$24,21,0),0)),0)</f>
        <v>6.4055687771377787</v>
      </c>
      <c r="E8769" cm="1">
        <f t="array" ref="E8769">IFERROR(INDEX(Jesper!AI$2:AI$366,ROUNDDOWN($C8769/24,0)+1,1)*INDEX($D$3:$AA$30,INDEX(Jesper!$R$2:$R$366,ROW(INDEX(Jesper!AI$2:AI$366,ROUNDDOWN($C8769/24,0)+1,1))-1)+IF('Standard Profiles'!$G$19=$B$10,7,0)+IF('Standard Profiles'!$G$19=$B$17,14,0)+IF('Standard Profiles'!$G$19=$B$24,21,0),MOD($C8769,24)+1)/SUM(INDEX($D$3:$AA$30,INDEX(Jesper!$R$2:$R$366,ROW(INDEX(Jesper!AI$2:AI$366,ROUNDDOWN($C8769/24,0)+1,1))-1)+IF('Standard Profiles'!$G$19=$B$10,7,0)+IF('Standard Profiles'!$G$19=$B$17,14,0)+IF('Standard Profiles'!$G$19=$B$24,21,0),0)),0)</f>
        <v>1.5107603279513324</v>
      </c>
      <c r="F8769" cm="1">
        <f t="array" ref="F8769">IFERROR(INDEX(Jesper!AJ$2:AJ$366,ROUNDDOWN($C8769/24,0)+1,1)*INDEX($D$3:$AA$30,INDEX(Jesper!$R$2:$R$366,ROW(INDEX(Jesper!AJ$2:AJ$366,ROUNDDOWN($C8769/24,0)+1,1))-1)+IF('Standard Profiles'!$G$20=$B$10,7,0)+IF('Standard Profiles'!$G$20=$B$17,14,0)+IF('Standard Profiles'!$G$20=$B$24,21,0),MOD($C8769,24)+1)/SUM(INDEX($D$3:$AA$30,INDEX(Jesper!$R$2:$R$366,ROW(INDEX(Jesper!AJ$2:AJ$366,ROUNDDOWN($C8769/24,0)+1,1))-1)+IF('Standard Profiles'!$G$20=$B$10,7,0)+IF('Standard Profiles'!$G$20=$B$17,14,0)+IF('Standard Profiles'!$G$20=$B$24,21,0),0)),0)</f>
        <v>0</v>
      </c>
      <c r="G8769" cm="1">
        <f t="array" ref="G8769">IFERROR(INDEX(Jesper!AK$2:AK$366,ROUNDDOWN($C8769/24,0)+1,1)*INDEX($D$3:$AA$30,INDEX(Jesper!$R$2:$R$366,ROW(INDEX(Jesper!AK$2:AK$366,ROUNDDOWN($C8769/24,0)+1,1))-1)+IF('Standard Profiles'!$G$21=$B$10,7,0)+IF('Standard Profiles'!$G$21=$B$17,14,0)+IF('Standard Profiles'!$G$21=$B$24,21,0),MOD($C8769,24)+1)/SUM(INDEX($D$3:$AA$30,INDEX(Jesper!$R$2:$R$366,ROW(INDEX(Jesper!AK$2:AK$366,ROUNDDOWN($C8769/24,0)+1,1))-1)+IF('Standard Profiles'!$G$21=$B$10,7,0)+IF('Standard Profiles'!$G$21=$B$17,14,0)+IF('Standard Profiles'!$G$21=$B$24,21,0),0)),0)</f>
        <v>0</v>
      </c>
      <c r="H8769" cm="1">
        <f t="array" ref="H8769">IFERROR(INDEX(Jesper!AL$2:AL$366,ROUNDDOWN($C8769/24,0)+1,1)*INDEX($D$3:$AA$30,INDEX(Jesper!$R$2:$R$366,ROW(INDEX(Jesper!AL$2:AL$366,ROUNDDOWN($C8769/24,0)+1,1))-1)+IF('Standard Profiles'!$G$22=$B$10,7,0)+IF('Standard Profiles'!$G$22=$B$17,14,0)+IF('Standard Profiles'!$G$22=$B$24,21,0),MOD($C8769,24)+1)/SUM(INDEX($D$3:$AA$30,INDEX(Jesper!$R$2:$R$366,ROW(INDEX(Jesper!AL$2:AL$366,ROUNDDOWN($C8769/24,0)+1,1))-1)+IF('Standard Profiles'!$G$22=$B$10,7,0)+IF('Standard Profiles'!$G$22=$B$17,14,0)+IF('Standard Profiles'!$G$22=$B$24,21,0),0)),0)</f>
        <v>0</v>
      </c>
      <c r="I8769">
        <f t="shared" si="972"/>
        <v>0.13610453404966963</v>
      </c>
      <c r="J8769">
        <f t="shared" si="973"/>
        <v>0.45368178016556548</v>
      </c>
      <c r="K8769">
        <f t="shared" si="974"/>
        <v>0.68052267024834823</v>
      </c>
      <c r="L8769">
        <f t="shared" si="975"/>
        <v>6.6460201206255283</v>
      </c>
      <c r="M8769">
        <f t="shared" si="976"/>
        <v>0</v>
      </c>
      <c r="N8769" s="46">
        <f t="shared" si="977"/>
        <v>45655.958333312148</v>
      </c>
    </row>
    <row r="8770" spans="2:14" x14ac:dyDescent="0.3">
      <c r="B8770">
        <f t="shared" si="971"/>
        <v>1</v>
      </c>
      <c r="C8770" s="16">
        <v>8736</v>
      </c>
      <c r="D8770" cm="1">
        <f t="array" ref="D8770">IFERROR(INDEX(Jesper!AH$2:AH$366,ROUNDDOWN($C8770/24,0)+1,1)*INDEX($D$3:$AA$30,INDEX(Jesper!$R$2:$R$366,ROW(INDEX(Jesper!AH$2:AH$366,ROUNDDOWN($C8770/24,0)+1,1))-1)+IF('Standard Profiles'!$G$18=$B$10,7,0)+IF('Standard Profiles'!$G$18=$B$17,14,0)+IF('Standard Profiles'!$G$18=$B$24,21,0),MOD($C8770,24)+1)/SUM(INDEX($D$3:$AA$30,INDEX(Jesper!$R$2:$R$366,ROW(INDEX(Jesper!AH$2:AH$366,ROUNDDOWN($C8770/24,0)+1,1))-1)+IF('Standard Profiles'!$G$18=$B$10,7,0)+IF('Standard Profiles'!$G$18=$B$17,14,0)+IF('Standard Profiles'!$G$18=$B$24,21,0),0)),0)</f>
        <v>2.8166113545462252</v>
      </c>
      <c r="E8770" cm="1">
        <f t="array" ref="E8770">IFERROR(INDEX(Jesper!AI$2:AI$366,ROUNDDOWN($C8770/24,0)+1,1)*INDEX($D$3:$AA$30,INDEX(Jesper!$R$2:$R$366,ROW(INDEX(Jesper!AI$2:AI$366,ROUNDDOWN($C8770/24,0)+1,1))-1)+IF('Standard Profiles'!$G$19=$B$10,7,0)+IF('Standard Profiles'!$G$19=$B$17,14,0)+IF('Standard Profiles'!$G$19=$B$24,21,0),MOD($C8770,24)+1)/SUM(INDEX($D$3:$AA$30,INDEX(Jesper!$R$2:$R$366,ROW(INDEX(Jesper!AI$2:AI$366,ROUNDDOWN($C8770/24,0)+1,1))-1)+IF('Standard Profiles'!$G$19=$B$10,7,0)+IF('Standard Profiles'!$G$19=$B$17,14,0)+IF('Standard Profiles'!$G$19=$B$24,21,0),0)),0)</f>
        <v>0</v>
      </c>
      <c r="F8770" cm="1">
        <f t="array" ref="F8770">IFERROR(INDEX(Jesper!AJ$2:AJ$366,ROUNDDOWN($C8770/24,0)+1,1)*INDEX($D$3:$AA$30,INDEX(Jesper!$R$2:$R$366,ROW(INDEX(Jesper!AJ$2:AJ$366,ROUNDDOWN($C8770/24,0)+1,1))-1)+IF('Standard Profiles'!$G$20=$B$10,7,0)+IF('Standard Profiles'!$G$20=$B$17,14,0)+IF('Standard Profiles'!$G$20=$B$24,21,0),MOD($C8770,24)+1)/SUM(INDEX($D$3:$AA$30,INDEX(Jesper!$R$2:$R$366,ROW(INDEX(Jesper!AJ$2:AJ$366,ROUNDDOWN($C8770/24,0)+1,1))-1)+IF('Standard Profiles'!$G$20=$B$10,7,0)+IF('Standard Profiles'!$G$20=$B$17,14,0)+IF('Standard Profiles'!$G$20=$B$24,21,0),0)),0)</f>
        <v>0</v>
      </c>
      <c r="G8770" cm="1">
        <f t="array" ref="G8770">IFERROR(INDEX(Jesper!AK$2:AK$366,ROUNDDOWN($C8770/24,0)+1,1)*INDEX($D$3:$AA$30,INDEX(Jesper!$R$2:$R$366,ROW(INDEX(Jesper!AK$2:AK$366,ROUNDDOWN($C8770/24,0)+1,1))-1)+IF('Standard Profiles'!$G$21=$B$10,7,0)+IF('Standard Profiles'!$G$21=$B$17,14,0)+IF('Standard Profiles'!$G$21=$B$24,21,0),MOD($C8770,24)+1)/SUM(INDEX($D$3:$AA$30,INDEX(Jesper!$R$2:$R$366,ROW(INDEX(Jesper!AK$2:AK$366,ROUNDDOWN($C8770/24,0)+1,1))-1)+IF('Standard Profiles'!$G$21=$B$10,7,0)+IF('Standard Profiles'!$G$21=$B$17,14,0)+IF('Standard Profiles'!$G$21=$B$24,21,0),0)),0)</f>
        <v>0</v>
      </c>
      <c r="H8770" cm="1">
        <f t="array" ref="H8770">IFERROR(INDEX(Jesper!AL$2:AL$366,ROUNDDOWN($C8770/24,0)+1,1)*INDEX($D$3:$AA$30,INDEX(Jesper!$R$2:$R$366,ROW(INDEX(Jesper!AL$2:AL$366,ROUNDDOWN($C8770/24,0)+1,1))-1)+IF('Standard Profiles'!$G$22=$B$10,7,0)+IF('Standard Profiles'!$G$22=$B$17,14,0)+IF('Standard Profiles'!$G$22=$B$24,21,0),MOD($C8770,24)+1)/SUM(INDEX($D$3:$AA$30,INDEX(Jesper!$R$2:$R$366,ROW(INDEX(Jesper!AL$2:AL$366,ROUNDDOWN($C8770/24,0)+1,1))-1)+IF('Standard Profiles'!$G$22=$B$10,7,0)+IF('Standard Profiles'!$G$22=$B$17,14,0)+IF('Standard Profiles'!$G$22=$B$24,21,0),0)),0)</f>
        <v>0</v>
      </c>
      <c r="I8770">
        <f t="shared" si="972"/>
        <v>8.4498340636386754E-2</v>
      </c>
      <c r="J8770">
        <f t="shared" si="973"/>
        <v>0.28166113545462251</v>
      </c>
      <c r="K8770">
        <f t="shared" si="974"/>
        <v>0.4224917031819338</v>
      </c>
      <c r="L8770">
        <f t="shared" si="975"/>
        <v>2.0279601752732823</v>
      </c>
      <c r="M8770">
        <f t="shared" si="976"/>
        <v>0</v>
      </c>
      <c r="N8770" s="46">
        <f t="shared" si="977"/>
        <v>45655.999999978812</v>
      </c>
    </row>
    <row r="8771" spans="2:14" x14ac:dyDescent="0.3">
      <c r="B8771">
        <f t="shared" si="971"/>
        <v>1</v>
      </c>
      <c r="C8771" s="16">
        <v>8737</v>
      </c>
      <c r="D8771" cm="1">
        <f t="array" ref="D8771">IFERROR(INDEX(Jesper!AH$2:AH$366,ROUNDDOWN($C8771/24,0)+1,1)*INDEX($D$3:$AA$30,INDEX(Jesper!$R$2:$R$366,ROW(INDEX(Jesper!AH$2:AH$366,ROUNDDOWN($C8771/24,0)+1,1))-1)+IF('Standard Profiles'!$G$18=$B$10,7,0)+IF('Standard Profiles'!$G$18=$B$17,14,0)+IF('Standard Profiles'!$G$18=$B$24,21,0),MOD($C8771,24)+1)/SUM(INDEX($D$3:$AA$30,INDEX(Jesper!$R$2:$R$366,ROW(INDEX(Jesper!AH$2:AH$366,ROUNDDOWN($C8771/24,0)+1,1))-1)+IF('Standard Profiles'!$G$18=$B$10,7,0)+IF('Standard Profiles'!$G$18=$B$17,14,0)+IF('Standard Profiles'!$G$18=$B$24,21,0),0)),0)</f>
        <v>2.8166113545462252</v>
      </c>
      <c r="E8771" cm="1">
        <f t="array" ref="E8771">IFERROR(INDEX(Jesper!AI$2:AI$366,ROUNDDOWN($C8771/24,0)+1,1)*INDEX($D$3:$AA$30,INDEX(Jesper!$R$2:$R$366,ROW(INDEX(Jesper!AI$2:AI$366,ROUNDDOWN($C8771/24,0)+1,1))-1)+IF('Standard Profiles'!$G$19=$B$10,7,0)+IF('Standard Profiles'!$G$19=$B$17,14,0)+IF('Standard Profiles'!$G$19=$B$24,21,0),MOD($C8771,24)+1)/SUM(INDEX($D$3:$AA$30,INDEX(Jesper!$R$2:$R$366,ROW(INDEX(Jesper!AI$2:AI$366,ROUNDDOWN($C8771/24,0)+1,1))-1)+IF('Standard Profiles'!$G$19=$B$10,7,0)+IF('Standard Profiles'!$G$19=$B$17,14,0)+IF('Standard Profiles'!$G$19=$B$24,21,0),0)),0)</f>
        <v>0</v>
      </c>
      <c r="F8771" cm="1">
        <f t="array" ref="F8771">IFERROR(INDEX(Jesper!AJ$2:AJ$366,ROUNDDOWN($C8771/24,0)+1,1)*INDEX($D$3:$AA$30,INDEX(Jesper!$R$2:$R$366,ROW(INDEX(Jesper!AJ$2:AJ$366,ROUNDDOWN($C8771/24,0)+1,1))-1)+IF('Standard Profiles'!$G$20=$B$10,7,0)+IF('Standard Profiles'!$G$20=$B$17,14,0)+IF('Standard Profiles'!$G$20=$B$24,21,0),MOD($C8771,24)+1)/SUM(INDEX($D$3:$AA$30,INDEX(Jesper!$R$2:$R$366,ROW(INDEX(Jesper!AJ$2:AJ$366,ROUNDDOWN($C8771/24,0)+1,1))-1)+IF('Standard Profiles'!$G$20=$B$10,7,0)+IF('Standard Profiles'!$G$20=$B$17,14,0)+IF('Standard Profiles'!$G$20=$B$24,21,0),0)),0)</f>
        <v>0</v>
      </c>
      <c r="G8771" cm="1">
        <f t="array" ref="G8771">IFERROR(INDEX(Jesper!AK$2:AK$366,ROUNDDOWN($C8771/24,0)+1,1)*INDEX($D$3:$AA$30,INDEX(Jesper!$R$2:$R$366,ROW(INDEX(Jesper!AK$2:AK$366,ROUNDDOWN($C8771/24,0)+1,1))-1)+IF('Standard Profiles'!$G$21=$B$10,7,0)+IF('Standard Profiles'!$G$21=$B$17,14,0)+IF('Standard Profiles'!$G$21=$B$24,21,0),MOD($C8771,24)+1)/SUM(INDEX($D$3:$AA$30,INDEX(Jesper!$R$2:$R$366,ROW(INDEX(Jesper!AK$2:AK$366,ROUNDDOWN($C8771/24,0)+1,1))-1)+IF('Standard Profiles'!$G$21=$B$10,7,0)+IF('Standard Profiles'!$G$21=$B$17,14,0)+IF('Standard Profiles'!$G$21=$B$24,21,0),0)),0)</f>
        <v>0</v>
      </c>
      <c r="H8771" cm="1">
        <f t="array" ref="H8771">IFERROR(INDEX(Jesper!AL$2:AL$366,ROUNDDOWN($C8771/24,0)+1,1)*INDEX($D$3:$AA$30,INDEX(Jesper!$R$2:$R$366,ROW(INDEX(Jesper!AL$2:AL$366,ROUNDDOWN($C8771/24,0)+1,1))-1)+IF('Standard Profiles'!$G$22=$B$10,7,0)+IF('Standard Profiles'!$G$22=$B$17,14,0)+IF('Standard Profiles'!$G$22=$B$24,21,0),MOD($C8771,24)+1)/SUM(INDEX($D$3:$AA$30,INDEX(Jesper!$R$2:$R$366,ROW(INDEX(Jesper!AL$2:AL$366,ROUNDDOWN($C8771/24,0)+1,1))-1)+IF('Standard Profiles'!$G$22=$B$10,7,0)+IF('Standard Profiles'!$G$22=$B$17,14,0)+IF('Standard Profiles'!$G$22=$B$24,21,0),0)),0)</f>
        <v>0</v>
      </c>
      <c r="I8771">
        <f t="shared" si="972"/>
        <v>8.4498340636386754E-2</v>
      </c>
      <c r="J8771">
        <f t="shared" si="973"/>
        <v>0.28166113545462251</v>
      </c>
      <c r="K8771">
        <f t="shared" si="974"/>
        <v>0.4224917031819338</v>
      </c>
      <c r="L8771">
        <f t="shared" si="975"/>
        <v>2.0279601752732823</v>
      </c>
      <c r="M8771">
        <f t="shared" si="976"/>
        <v>0</v>
      </c>
      <c r="N8771" s="46">
        <f t="shared" si="977"/>
        <v>45656.041666645477</v>
      </c>
    </row>
    <row r="8772" spans="2:14" x14ac:dyDescent="0.3">
      <c r="B8772">
        <f t="shared" si="971"/>
        <v>1</v>
      </c>
      <c r="C8772" s="16">
        <v>8738</v>
      </c>
      <c r="D8772" cm="1">
        <f t="array" ref="D8772">IFERROR(INDEX(Jesper!AH$2:AH$366,ROUNDDOWN($C8772/24,0)+1,1)*INDEX($D$3:$AA$30,INDEX(Jesper!$R$2:$R$366,ROW(INDEX(Jesper!AH$2:AH$366,ROUNDDOWN($C8772/24,0)+1,1))-1)+IF('Standard Profiles'!$G$18=$B$10,7,0)+IF('Standard Profiles'!$G$18=$B$17,14,0)+IF('Standard Profiles'!$G$18=$B$24,21,0),MOD($C8772,24)+1)/SUM(INDEX($D$3:$AA$30,INDEX(Jesper!$R$2:$R$366,ROW(INDEX(Jesper!AH$2:AH$366,ROUNDDOWN($C8772/24,0)+1,1))-1)+IF('Standard Profiles'!$G$18=$B$10,7,0)+IF('Standard Profiles'!$G$18=$B$17,14,0)+IF('Standard Profiles'!$G$18=$B$24,21,0),0)),0)</f>
        <v>2.8166113545462252</v>
      </c>
      <c r="E8772" cm="1">
        <f t="array" ref="E8772">IFERROR(INDEX(Jesper!AI$2:AI$366,ROUNDDOWN($C8772/24,0)+1,1)*INDEX($D$3:$AA$30,INDEX(Jesper!$R$2:$R$366,ROW(INDEX(Jesper!AI$2:AI$366,ROUNDDOWN($C8772/24,0)+1,1))-1)+IF('Standard Profiles'!$G$19=$B$10,7,0)+IF('Standard Profiles'!$G$19=$B$17,14,0)+IF('Standard Profiles'!$G$19=$B$24,21,0),MOD($C8772,24)+1)/SUM(INDEX($D$3:$AA$30,INDEX(Jesper!$R$2:$R$366,ROW(INDEX(Jesper!AI$2:AI$366,ROUNDDOWN($C8772/24,0)+1,1))-1)+IF('Standard Profiles'!$G$19=$B$10,7,0)+IF('Standard Profiles'!$G$19=$B$17,14,0)+IF('Standard Profiles'!$G$19=$B$24,21,0),0)),0)</f>
        <v>0</v>
      </c>
      <c r="F8772" cm="1">
        <f t="array" ref="F8772">IFERROR(INDEX(Jesper!AJ$2:AJ$366,ROUNDDOWN($C8772/24,0)+1,1)*INDEX($D$3:$AA$30,INDEX(Jesper!$R$2:$R$366,ROW(INDEX(Jesper!AJ$2:AJ$366,ROUNDDOWN($C8772/24,0)+1,1))-1)+IF('Standard Profiles'!$G$20=$B$10,7,0)+IF('Standard Profiles'!$G$20=$B$17,14,0)+IF('Standard Profiles'!$G$20=$B$24,21,0),MOD($C8772,24)+1)/SUM(INDEX($D$3:$AA$30,INDEX(Jesper!$R$2:$R$366,ROW(INDEX(Jesper!AJ$2:AJ$366,ROUNDDOWN($C8772/24,0)+1,1))-1)+IF('Standard Profiles'!$G$20=$B$10,7,0)+IF('Standard Profiles'!$G$20=$B$17,14,0)+IF('Standard Profiles'!$G$20=$B$24,21,0),0)),0)</f>
        <v>0</v>
      </c>
      <c r="G8772" cm="1">
        <f t="array" ref="G8772">IFERROR(INDEX(Jesper!AK$2:AK$366,ROUNDDOWN($C8772/24,0)+1,1)*INDEX($D$3:$AA$30,INDEX(Jesper!$R$2:$R$366,ROW(INDEX(Jesper!AK$2:AK$366,ROUNDDOWN($C8772/24,0)+1,1))-1)+IF('Standard Profiles'!$G$21=$B$10,7,0)+IF('Standard Profiles'!$G$21=$B$17,14,0)+IF('Standard Profiles'!$G$21=$B$24,21,0),MOD($C8772,24)+1)/SUM(INDEX($D$3:$AA$30,INDEX(Jesper!$R$2:$R$366,ROW(INDEX(Jesper!AK$2:AK$366,ROUNDDOWN($C8772/24,0)+1,1))-1)+IF('Standard Profiles'!$G$21=$B$10,7,0)+IF('Standard Profiles'!$G$21=$B$17,14,0)+IF('Standard Profiles'!$G$21=$B$24,21,0),0)),0)</f>
        <v>0</v>
      </c>
      <c r="H8772" cm="1">
        <f t="array" ref="H8772">IFERROR(INDEX(Jesper!AL$2:AL$366,ROUNDDOWN($C8772/24,0)+1,1)*INDEX($D$3:$AA$30,INDEX(Jesper!$R$2:$R$366,ROW(INDEX(Jesper!AL$2:AL$366,ROUNDDOWN($C8772/24,0)+1,1))-1)+IF('Standard Profiles'!$G$22=$B$10,7,0)+IF('Standard Profiles'!$G$22=$B$17,14,0)+IF('Standard Profiles'!$G$22=$B$24,21,0),MOD($C8772,24)+1)/SUM(INDEX($D$3:$AA$30,INDEX(Jesper!$R$2:$R$366,ROW(INDEX(Jesper!AL$2:AL$366,ROUNDDOWN($C8772/24,0)+1,1))-1)+IF('Standard Profiles'!$G$22=$B$10,7,0)+IF('Standard Profiles'!$G$22=$B$17,14,0)+IF('Standard Profiles'!$G$22=$B$24,21,0),0)),0)</f>
        <v>0</v>
      </c>
      <c r="I8772">
        <f t="shared" si="972"/>
        <v>8.4498340636386754E-2</v>
      </c>
      <c r="J8772">
        <f t="shared" si="973"/>
        <v>0.28166113545462251</v>
      </c>
      <c r="K8772">
        <f t="shared" si="974"/>
        <v>0.4224917031819338</v>
      </c>
      <c r="L8772">
        <f t="shared" si="975"/>
        <v>2.0279601752732823</v>
      </c>
      <c r="M8772">
        <f t="shared" si="976"/>
        <v>0</v>
      </c>
      <c r="N8772" s="46">
        <f t="shared" si="977"/>
        <v>45656.083333312141</v>
      </c>
    </row>
    <row r="8773" spans="2:14" x14ac:dyDescent="0.3">
      <c r="B8773">
        <f t="shared" si="971"/>
        <v>1</v>
      </c>
      <c r="C8773" s="16">
        <v>8739</v>
      </c>
      <c r="D8773" cm="1">
        <f t="array" ref="D8773">IFERROR(INDEX(Jesper!AH$2:AH$366,ROUNDDOWN($C8773/24,0)+1,1)*INDEX($D$3:$AA$30,INDEX(Jesper!$R$2:$R$366,ROW(INDEX(Jesper!AH$2:AH$366,ROUNDDOWN($C8773/24,0)+1,1))-1)+IF('Standard Profiles'!$G$18=$B$10,7,0)+IF('Standard Profiles'!$G$18=$B$17,14,0)+IF('Standard Profiles'!$G$18=$B$24,21,0),MOD($C8773,24)+1)/SUM(INDEX($D$3:$AA$30,INDEX(Jesper!$R$2:$R$366,ROW(INDEX(Jesper!AH$2:AH$366,ROUNDDOWN($C8773/24,0)+1,1))-1)+IF('Standard Profiles'!$G$18=$B$10,7,0)+IF('Standard Profiles'!$G$18=$B$17,14,0)+IF('Standard Profiles'!$G$18=$B$24,21,0),0)),0)</f>
        <v>2.8166113545462252</v>
      </c>
      <c r="E8773" cm="1">
        <f t="array" ref="E8773">IFERROR(INDEX(Jesper!AI$2:AI$366,ROUNDDOWN($C8773/24,0)+1,1)*INDEX($D$3:$AA$30,INDEX(Jesper!$R$2:$R$366,ROW(INDEX(Jesper!AI$2:AI$366,ROUNDDOWN($C8773/24,0)+1,1))-1)+IF('Standard Profiles'!$G$19=$B$10,7,0)+IF('Standard Profiles'!$G$19=$B$17,14,0)+IF('Standard Profiles'!$G$19=$B$24,21,0),MOD($C8773,24)+1)/SUM(INDEX($D$3:$AA$30,INDEX(Jesper!$R$2:$R$366,ROW(INDEX(Jesper!AI$2:AI$366,ROUNDDOWN($C8773/24,0)+1,1))-1)+IF('Standard Profiles'!$G$19=$B$10,7,0)+IF('Standard Profiles'!$G$19=$B$17,14,0)+IF('Standard Profiles'!$G$19=$B$24,21,0),0)),0)</f>
        <v>0</v>
      </c>
      <c r="F8773" cm="1">
        <f t="array" ref="F8773">IFERROR(INDEX(Jesper!AJ$2:AJ$366,ROUNDDOWN($C8773/24,0)+1,1)*INDEX($D$3:$AA$30,INDEX(Jesper!$R$2:$R$366,ROW(INDEX(Jesper!AJ$2:AJ$366,ROUNDDOWN($C8773/24,0)+1,1))-1)+IF('Standard Profiles'!$G$20=$B$10,7,0)+IF('Standard Profiles'!$G$20=$B$17,14,0)+IF('Standard Profiles'!$G$20=$B$24,21,0),MOD($C8773,24)+1)/SUM(INDEX($D$3:$AA$30,INDEX(Jesper!$R$2:$R$366,ROW(INDEX(Jesper!AJ$2:AJ$366,ROUNDDOWN($C8773/24,0)+1,1))-1)+IF('Standard Profiles'!$G$20=$B$10,7,0)+IF('Standard Profiles'!$G$20=$B$17,14,0)+IF('Standard Profiles'!$G$20=$B$24,21,0),0)),0)</f>
        <v>0</v>
      </c>
      <c r="G8773" cm="1">
        <f t="array" ref="G8773">IFERROR(INDEX(Jesper!AK$2:AK$366,ROUNDDOWN($C8773/24,0)+1,1)*INDEX($D$3:$AA$30,INDEX(Jesper!$R$2:$R$366,ROW(INDEX(Jesper!AK$2:AK$366,ROUNDDOWN($C8773/24,0)+1,1))-1)+IF('Standard Profiles'!$G$21=$B$10,7,0)+IF('Standard Profiles'!$G$21=$B$17,14,0)+IF('Standard Profiles'!$G$21=$B$24,21,0),MOD($C8773,24)+1)/SUM(INDEX($D$3:$AA$30,INDEX(Jesper!$R$2:$R$366,ROW(INDEX(Jesper!AK$2:AK$366,ROUNDDOWN($C8773/24,0)+1,1))-1)+IF('Standard Profiles'!$G$21=$B$10,7,0)+IF('Standard Profiles'!$G$21=$B$17,14,0)+IF('Standard Profiles'!$G$21=$B$24,21,0),0)),0)</f>
        <v>0</v>
      </c>
      <c r="H8773" cm="1">
        <f t="array" ref="H8773">IFERROR(INDEX(Jesper!AL$2:AL$366,ROUNDDOWN($C8773/24,0)+1,1)*INDEX($D$3:$AA$30,INDEX(Jesper!$R$2:$R$366,ROW(INDEX(Jesper!AL$2:AL$366,ROUNDDOWN($C8773/24,0)+1,1))-1)+IF('Standard Profiles'!$G$22=$B$10,7,0)+IF('Standard Profiles'!$G$22=$B$17,14,0)+IF('Standard Profiles'!$G$22=$B$24,21,0),MOD($C8773,24)+1)/SUM(INDEX($D$3:$AA$30,INDEX(Jesper!$R$2:$R$366,ROW(INDEX(Jesper!AL$2:AL$366,ROUNDDOWN($C8773/24,0)+1,1))-1)+IF('Standard Profiles'!$G$22=$B$10,7,0)+IF('Standard Profiles'!$G$22=$B$17,14,0)+IF('Standard Profiles'!$G$22=$B$24,21,0),0)),0)</f>
        <v>0</v>
      </c>
      <c r="I8773">
        <f t="shared" si="972"/>
        <v>8.4498340636386754E-2</v>
      </c>
      <c r="J8773">
        <f t="shared" si="973"/>
        <v>0.28166113545462251</v>
      </c>
      <c r="K8773">
        <f t="shared" si="974"/>
        <v>0.4224917031819338</v>
      </c>
      <c r="L8773">
        <f t="shared" si="975"/>
        <v>2.0279601752732823</v>
      </c>
      <c r="M8773">
        <f t="shared" si="976"/>
        <v>0</v>
      </c>
      <c r="N8773" s="46">
        <f t="shared" si="977"/>
        <v>45656.124999978805</v>
      </c>
    </row>
    <row r="8774" spans="2:14" x14ac:dyDescent="0.3">
      <c r="B8774">
        <f t="shared" si="971"/>
        <v>1</v>
      </c>
      <c r="C8774" s="16">
        <v>8740</v>
      </c>
      <c r="D8774" cm="1">
        <f t="array" ref="D8774">IFERROR(INDEX(Jesper!AH$2:AH$366,ROUNDDOWN($C8774/24,0)+1,1)*INDEX($D$3:$AA$30,INDEX(Jesper!$R$2:$R$366,ROW(INDEX(Jesper!AH$2:AH$366,ROUNDDOWN($C8774/24,0)+1,1))-1)+IF('Standard Profiles'!$G$18=$B$10,7,0)+IF('Standard Profiles'!$G$18=$B$17,14,0)+IF('Standard Profiles'!$G$18=$B$24,21,0),MOD($C8774,24)+1)/SUM(INDEX($D$3:$AA$30,INDEX(Jesper!$R$2:$R$366,ROW(INDEX(Jesper!AH$2:AH$366,ROUNDDOWN($C8774/24,0)+1,1))-1)+IF('Standard Profiles'!$G$18=$B$10,7,0)+IF('Standard Profiles'!$G$18=$B$17,14,0)+IF('Standard Profiles'!$G$18=$B$24,21,0),0)),0)</f>
        <v>2.8166113545462252</v>
      </c>
      <c r="E8774" cm="1">
        <f t="array" ref="E8774">IFERROR(INDEX(Jesper!AI$2:AI$366,ROUNDDOWN($C8774/24,0)+1,1)*INDEX($D$3:$AA$30,INDEX(Jesper!$R$2:$R$366,ROW(INDEX(Jesper!AI$2:AI$366,ROUNDDOWN($C8774/24,0)+1,1))-1)+IF('Standard Profiles'!$G$19=$B$10,7,0)+IF('Standard Profiles'!$G$19=$B$17,14,0)+IF('Standard Profiles'!$G$19=$B$24,21,0),MOD($C8774,24)+1)/SUM(INDEX($D$3:$AA$30,INDEX(Jesper!$R$2:$R$366,ROW(INDEX(Jesper!AI$2:AI$366,ROUNDDOWN($C8774/24,0)+1,1))-1)+IF('Standard Profiles'!$G$19=$B$10,7,0)+IF('Standard Profiles'!$G$19=$B$17,14,0)+IF('Standard Profiles'!$G$19=$B$24,21,0),0)),0)</f>
        <v>0</v>
      </c>
      <c r="F8774" cm="1">
        <f t="array" ref="F8774">IFERROR(INDEX(Jesper!AJ$2:AJ$366,ROUNDDOWN($C8774/24,0)+1,1)*INDEX($D$3:$AA$30,INDEX(Jesper!$R$2:$R$366,ROW(INDEX(Jesper!AJ$2:AJ$366,ROUNDDOWN($C8774/24,0)+1,1))-1)+IF('Standard Profiles'!$G$20=$B$10,7,0)+IF('Standard Profiles'!$G$20=$B$17,14,0)+IF('Standard Profiles'!$G$20=$B$24,21,0),MOD($C8774,24)+1)/SUM(INDEX($D$3:$AA$30,INDEX(Jesper!$R$2:$R$366,ROW(INDEX(Jesper!AJ$2:AJ$366,ROUNDDOWN($C8774/24,0)+1,1))-1)+IF('Standard Profiles'!$G$20=$B$10,7,0)+IF('Standard Profiles'!$G$20=$B$17,14,0)+IF('Standard Profiles'!$G$20=$B$24,21,0),0)),0)</f>
        <v>0</v>
      </c>
      <c r="G8774" cm="1">
        <f t="array" ref="G8774">IFERROR(INDEX(Jesper!AK$2:AK$366,ROUNDDOWN($C8774/24,0)+1,1)*INDEX($D$3:$AA$30,INDEX(Jesper!$R$2:$R$366,ROW(INDEX(Jesper!AK$2:AK$366,ROUNDDOWN($C8774/24,0)+1,1))-1)+IF('Standard Profiles'!$G$21=$B$10,7,0)+IF('Standard Profiles'!$G$21=$B$17,14,0)+IF('Standard Profiles'!$G$21=$B$24,21,0),MOD($C8774,24)+1)/SUM(INDEX($D$3:$AA$30,INDEX(Jesper!$R$2:$R$366,ROW(INDEX(Jesper!AK$2:AK$366,ROUNDDOWN($C8774/24,0)+1,1))-1)+IF('Standard Profiles'!$G$21=$B$10,7,0)+IF('Standard Profiles'!$G$21=$B$17,14,0)+IF('Standard Profiles'!$G$21=$B$24,21,0),0)),0)</f>
        <v>0</v>
      </c>
      <c r="H8774" cm="1">
        <f t="array" ref="H8774">IFERROR(INDEX(Jesper!AL$2:AL$366,ROUNDDOWN($C8774/24,0)+1,1)*INDEX($D$3:$AA$30,INDEX(Jesper!$R$2:$R$366,ROW(INDEX(Jesper!AL$2:AL$366,ROUNDDOWN($C8774/24,0)+1,1))-1)+IF('Standard Profiles'!$G$22=$B$10,7,0)+IF('Standard Profiles'!$G$22=$B$17,14,0)+IF('Standard Profiles'!$G$22=$B$24,21,0),MOD($C8774,24)+1)/SUM(INDEX($D$3:$AA$30,INDEX(Jesper!$R$2:$R$366,ROW(INDEX(Jesper!AL$2:AL$366,ROUNDDOWN($C8774/24,0)+1,1))-1)+IF('Standard Profiles'!$G$22=$B$10,7,0)+IF('Standard Profiles'!$G$22=$B$17,14,0)+IF('Standard Profiles'!$G$22=$B$24,21,0),0)),0)</f>
        <v>0</v>
      </c>
      <c r="I8774">
        <f t="shared" si="972"/>
        <v>8.4498340636386754E-2</v>
      </c>
      <c r="J8774">
        <f t="shared" si="973"/>
        <v>0.28166113545462251</v>
      </c>
      <c r="K8774">
        <f t="shared" si="974"/>
        <v>0.4224917031819338</v>
      </c>
      <c r="L8774">
        <f t="shared" si="975"/>
        <v>2.0279601752732823</v>
      </c>
      <c r="M8774">
        <f t="shared" si="976"/>
        <v>0</v>
      </c>
      <c r="N8774" s="46">
        <f t="shared" si="977"/>
        <v>45656.166666645469</v>
      </c>
    </row>
    <row r="8775" spans="2:14" x14ac:dyDescent="0.3">
      <c r="B8775">
        <f t="shared" si="971"/>
        <v>1</v>
      </c>
      <c r="C8775" s="16">
        <v>8741</v>
      </c>
      <c r="D8775" cm="1">
        <f t="array" ref="D8775">IFERROR(INDEX(Jesper!AH$2:AH$366,ROUNDDOWN($C8775/24,0)+1,1)*INDEX($D$3:$AA$30,INDEX(Jesper!$R$2:$R$366,ROW(INDEX(Jesper!AH$2:AH$366,ROUNDDOWN($C8775/24,0)+1,1))-1)+IF('Standard Profiles'!$G$18=$B$10,7,0)+IF('Standard Profiles'!$G$18=$B$17,14,0)+IF('Standard Profiles'!$G$18=$B$24,21,0),MOD($C8775,24)+1)/SUM(INDEX($D$3:$AA$30,INDEX(Jesper!$R$2:$R$366,ROW(INDEX(Jesper!AH$2:AH$366,ROUNDDOWN($C8775/24,0)+1,1))-1)+IF('Standard Profiles'!$G$18=$B$10,7,0)+IF('Standard Profiles'!$G$18=$B$17,14,0)+IF('Standard Profiles'!$G$18=$B$24,21,0),0)),0)</f>
        <v>12.205315869700311</v>
      </c>
      <c r="E8775" cm="1">
        <f t="array" ref="E8775">IFERROR(INDEX(Jesper!AI$2:AI$366,ROUNDDOWN($C8775/24,0)+1,1)*INDEX($D$3:$AA$30,INDEX(Jesper!$R$2:$R$366,ROW(INDEX(Jesper!AI$2:AI$366,ROUNDDOWN($C8775/24,0)+1,1))-1)+IF('Standard Profiles'!$G$19=$B$10,7,0)+IF('Standard Profiles'!$G$19=$B$17,14,0)+IF('Standard Profiles'!$G$19=$B$24,21,0),MOD($C8775,24)+1)/SUM(INDEX($D$3:$AA$30,INDEX(Jesper!$R$2:$R$366,ROW(INDEX(Jesper!AI$2:AI$366,ROUNDDOWN($C8775/24,0)+1,1))-1)+IF('Standard Profiles'!$G$19=$B$10,7,0)+IF('Standard Profiles'!$G$19=$B$17,14,0)+IF('Standard Profiles'!$G$19=$B$24,21,0),0)),0)</f>
        <v>0</v>
      </c>
      <c r="F8775" cm="1">
        <f t="array" ref="F8775">IFERROR(INDEX(Jesper!AJ$2:AJ$366,ROUNDDOWN($C8775/24,0)+1,1)*INDEX($D$3:$AA$30,INDEX(Jesper!$R$2:$R$366,ROW(INDEX(Jesper!AJ$2:AJ$366,ROUNDDOWN($C8775/24,0)+1,1))-1)+IF('Standard Profiles'!$G$20=$B$10,7,0)+IF('Standard Profiles'!$G$20=$B$17,14,0)+IF('Standard Profiles'!$G$20=$B$24,21,0),MOD($C8775,24)+1)/SUM(INDEX($D$3:$AA$30,INDEX(Jesper!$R$2:$R$366,ROW(INDEX(Jesper!AJ$2:AJ$366,ROUNDDOWN($C8775/24,0)+1,1))-1)+IF('Standard Profiles'!$G$20=$B$10,7,0)+IF('Standard Profiles'!$G$20=$B$17,14,0)+IF('Standard Profiles'!$G$20=$B$24,21,0),0)),0)</f>
        <v>0</v>
      </c>
      <c r="G8775" cm="1">
        <f t="array" ref="G8775">IFERROR(INDEX(Jesper!AK$2:AK$366,ROUNDDOWN($C8775/24,0)+1,1)*INDEX($D$3:$AA$30,INDEX(Jesper!$R$2:$R$366,ROW(INDEX(Jesper!AK$2:AK$366,ROUNDDOWN($C8775/24,0)+1,1))-1)+IF('Standard Profiles'!$G$21=$B$10,7,0)+IF('Standard Profiles'!$G$21=$B$17,14,0)+IF('Standard Profiles'!$G$21=$B$24,21,0),MOD($C8775,24)+1)/SUM(INDEX($D$3:$AA$30,INDEX(Jesper!$R$2:$R$366,ROW(INDEX(Jesper!AK$2:AK$366,ROUNDDOWN($C8775/24,0)+1,1))-1)+IF('Standard Profiles'!$G$21=$B$10,7,0)+IF('Standard Profiles'!$G$21=$B$17,14,0)+IF('Standard Profiles'!$G$21=$B$24,21,0),0)),0)</f>
        <v>0</v>
      </c>
      <c r="H8775" cm="1">
        <f t="array" ref="H8775">IFERROR(INDEX(Jesper!AL$2:AL$366,ROUNDDOWN($C8775/24,0)+1,1)*INDEX($D$3:$AA$30,INDEX(Jesper!$R$2:$R$366,ROW(INDEX(Jesper!AL$2:AL$366,ROUNDDOWN($C8775/24,0)+1,1))-1)+IF('Standard Profiles'!$G$22=$B$10,7,0)+IF('Standard Profiles'!$G$22=$B$17,14,0)+IF('Standard Profiles'!$G$22=$B$24,21,0),MOD($C8775,24)+1)/SUM(INDEX($D$3:$AA$30,INDEX(Jesper!$R$2:$R$366,ROW(INDEX(Jesper!AL$2:AL$366,ROUNDDOWN($C8775/24,0)+1,1))-1)+IF('Standard Profiles'!$G$22=$B$10,7,0)+IF('Standard Profiles'!$G$22=$B$17,14,0)+IF('Standard Profiles'!$G$22=$B$24,21,0),0)),0)</f>
        <v>0</v>
      </c>
      <c r="I8775">
        <f t="shared" si="972"/>
        <v>0.36615947609100929</v>
      </c>
      <c r="J8775">
        <f t="shared" si="973"/>
        <v>1.2205315869700311</v>
      </c>
      <c r="K8775">
        <f t="shared" si="974"/>
        <v>1.8307973804550466</v>
      </c>
      <c r="L8775">
        <f t="shared" si="975"/>
        <v>8.787827426184224</v>
      </c>
      <c r="M8775">
        <f t="shared" si="976"/>
        <v>0</v>
      </c>
      <c r="N8775" s="46">
        <f t="shared" si="977"/>
        <v>45656.208333312134</v>
      </c>
    </row>
    <row r="8776" spans="2:14" x14ac:dyDescent="0.3">
      <c r="B8776">
        <f t="shared" si="971"/>
        <v>1</v>
      </c>
      <c r="C8776" s="16">
        <v>8742</v>
      </c>
      <c r="D8776" cm="1">
        <f t="array" ref="D8776">IFERROR(INDEX(Jesper!AH$2:AH$366,ROUNDDOWN($C8776/24,0)+1,1)*INDEX($D$3:$AA$30,INDEX(Jesper!$R$2:$R$366,ROW(INDEX(Jesper!AH$2:AH$366,ROUNDDOWN($C8776/24,0)+1,1))-1)+IF('Standard Profiles'!$G$18=$B$10,7,0)+IF('Standard Profiles'!$G$18=$B$17,14,0)+IF('Standard Profiles'!$G$18=$B$24,21,0),MOD($C8776,24)+1)/SUM(INDEX($D$3:$AA$30,INDEX(Jesper!$R$2:$R$366,ROW(INDEX(Jesper!AH$2:AH$366,ROUNDDOWN($C8776/24,0)+1,1))-1)+IF('Standard Profiles'!$G$18=$B$10,7,0)+IF('Standard Profiles'!$G$18=$B$17,14,0)+IF('Standard Profiles'!$G$18=$B$24,21,0),0)),0)</f>
        <v>13.848339159852276</v>
      </c>
      <c r="E8776" cm="1">
        <f t="array" ref="E8776">IFERROR(INDEX(Jesper!AI$2:AI$366,ROUNDDOWN($C8776/24,0)+1,1)*INDEX($D$3:$AA$30,INDEX(Jesper!$R$2:$R$366,ROW(INDEX(Jesper!AI$2:AI$366,ROUNDDOWN($C8776/24,0)+1,1))-1)+IF('Standard Profiles'!$G$19=$B$10,7,0)+IF('Standard Profiles'!$G$19=$B$17,14,0)+IF('Standard Profiles'!$G$19=$B$24,21,0),MOD($C8776,24)+1)/SUM(INDEX($D$3:$AA$30,INDEX(Jesper!$R$2:$R$366,ROW(INDEX(Jesper!AI$2:AI$366,ROUNDDOWN($C8776/24,0)+1,1))-1)+IF('Standard Profiles'!$G$19=$B$10,7,0)+IF('Standard Profiles'!$G$19=$B$17,14,0)+IF('Standard Profiles'!$G$19=$B$24,21,0),0)),0)</f>
        <v>0</v>
      </c>
      <c r="F8776" cm="1">
        <f t="array" ref="F8776">IFERROR(INDEX(Jesper!AJ$2:AJ$366,ROUNDDOWN($C8776/24,0)+1,1)*INDEX($D$3:$AA$30,INDEX(Jesper!$R$2:$R$366,ROW(INDEX(Jesper!AJ$2:AJ$366,ROUNDDOWN($C8776/24,0)+1,1))-1)+IF('Standard Profiles'!$G$20=$B$10,7,0)+IF('Standard Profiles'!$G$20=$B$17,14,0)+IF('Standard Profiles'!$G$20=$B$24,21,0),MOD($C8776,24)+1)/SUM(INDEX($D$3:$AA$30,INDEX(Jesper!$R$2:$R$366,ROW(INDEX(Jesper!AJ$2:AJ$366,ROUNDDOWN($C8776/24,0)+1,1))-1)+IF('Standard Profiles'!$G$20=$B$10,7,0)+IF('Standard Profiles'!$G$20=$B$17,14,0)+IF('Standard Profiles'!$G$20=$B$24,21,0),0)),0)</f>
        <v>0</v>
      </c>
      <c r="G8776" cm="1">
        <f t="array" ref="G8776">IFERROR(INDEX(Jesper!AK$2:AK$366,ROUNDDOWN($C8776/24,0)+1,1)*INDEX($D$3:$AA$30,INDEX(Jesper!$R$2:$R$366,ROW(INDEX(Jesper!AK$2:AK$366,ROUNDDOWN($C8776/24,0)+1,1))-1)+IF('Standard Profiles'!$G$21=$B$10,7,0)+IF('Standard Profiles'!$G$21=$B$17,14,0)+IF('Standard Profiles'!$G$21=$B$24,21,0),MOD($C8776,24)+1)/SUM(INDEX($D$3:$AA$30,INDEX(Jesper!$R$2:$R$366,ROW(INDEX(Jesper!AK$2:AK$366,ROUNDDOWN($C8776/24,0)+1,1))-1)+IF('Standard Profiles'!$G$21=$B$10,7,0)+IF('Standard Profiles'!$G$21=$B$17,14,0)+IF('Standard Profiles'!$G$21=$B$24,21,0),0)),0)</f>
        <v>0</v>
      </c>
      <c r="H8776" cm="1">
        <f t="array" ref="H8776">IFERROR(INDEX(Jesper!AL$2:AL$366,ROUNDDOWN($C8776/24,0)+1,1)*INDEX($D$3:$AA$30,INDEX(Jesper!$R$2:$R$366,ROW(INDEX(Jesper!AL$2:AL$366,ROUNDDOWN($C8776/24,0)+1,1))-1)+IF('Standard Profiles'!$G$22=$B$10,7,0)+IF('Standard Profiles'!$G$22=$B$17,14,0)+IF('Standard Profiles'!$G$22=$B$24,21,0),MOD($C8776,24)+1)/SUM(INDEX($D$3:$AA$30,INDEX(Jesper!$R$2:$R$366,ROW(INDEX(Jesper!AL$2:AL$366,ROUNDDOWN($C8776/24,0)+1,1))-1)+IF('Standard Profiles'!$G$22=$B$10,7,0)+IF('Standard Profiles'!$G$22=$B$17,14,0)+IF('Standard Profiles'!$G$22=$B$24,21,0),0)),0)</f>
        <v>0</v>
      </c>
      <c r="I8776">
        <f t="shared" si="972"/>
        <v>0.41545017479556828</v>
      </c>
      <c r="J8776">
        <f t="shared" si="973"/>
        <v>1.3848339159852276</v>
      </c>
      <c r="K8776">
        <f t="shared" si="974"/>
        <v>2.0772508739778415</v>
      </c>
      <c r="L8776">
        <f t="shared" si="975"/>
        <v>9.9708041950936384</v>
      </c>
      <c r="M8776">
        <f t="shared" si="976"/>
        <v>0</v>
      </c>
      <c r="N8776" s="46">
        <f t="shared" si="977"/>
        <v>45656.249999978798</v>
      </c>
    </row>
    <row r="8777" spans="2:14" x14ac:dyDescent="0.3">
      <c r="B8777">
        <f t="shared" si="971"/>
        <v>1</v>
      </c>
      <c r="C8777" s="16">
        <v>8743</v>
      </c>
      <c r="D8777" cm="1">
        <f t="array" ref="D8777">IFERROR(INDEX(Jesper!AH$2:AH$366,ROUNDDOWN($C8777/24,0)+1,1)*INDEX($D$3:$AA$30,INDEX(Jesper!$R$2:$R$366,ROW(INDEX(Jesper!AH$2:AH$366,ROUNDDOWN($C8777/24,0)+1,1))-1)+IF('Standard Profiles'!$G$18=$B$10,7,0)+IF('Standard Profiles'!$G$18=$B$17,14,0)+IF('Standard Profiles'!$G$18=$B$24,21,0),MOD($C8777,24)+1)/SUM(INDEX($D$3:$AA$30,INDEX(Jesper!$R$2:$R$366,ROW(INDEX(Jesper!AH$2:AH$366,ROUNDDOWN($C8777/24,0)+1,1))-1)+IF('Standard Profiles'!$G$18=$B$10,7,0)+IF('Standard Profiles'!$G$18=$B$17,14,0)+IF('Standard Profiles'!$G$18=$B$24,21,0),0)),0)</f>
        <v>13.848339159852276</v>
      </c>
      <c r="E8777" cm="1">
        <f t="array" ref="E8777">IFERROR(INDEX(Jesper!AI$2:AI$366,ROUNDDOWN($C8777/24,0)+1,1)*INDEX($D$3:$AA$30,INDEX(Jesper!$R$2:$R$366,ROW(INDEX(Jesper!AI$2:AI$366,ROUNDDOWN($C8777/24,0)+1,1))-1)+IF('Standard Profiles'!$G$19=$B$10,7,0)+IF('Standard Profiles'!$G$19=$B$17,14,0)+IF('Standard Profiles'!$G$19=$B$24,21,0),MOD($C8777,24)+1)/SUM(INDEX($D$3:$AA$30,INDEX(Jesper!$R$2:$R$366,ROW(INDEX(Jesper!AI$2:AI$366,ROUNDDOWN($C8777/24,0)+1,1))-1)+IF('Standard Profiles'!$G$19=$B$10,7,0)+IF('Standard Profiles'!$G$19=$B$17,14,0)+IF('Standard Profiles'!$G$19=$B$24,21,0),0)),0)</f>
        <v>0</v>
      </c>
      <c r="F8777" cm="1">
        <f t="array" ref="F8777">IFERROR(INDEX(Jesper!AJ$2:AJ$366,ROUNDDOWN($C8777/24,0)+1,1)*INDEX($D$3:$AA$30,INDEX(Jesper!$R$2:$R$366,ROW(INDEX(Jesper!AJ$2:AJ$366,ROUNDDOWN($C8777/24,0)+1,1))-1)+IF('Standard Profiles'!$G$20=$B$10,7,0)+IF('Standard Profiles'!$G$20=$B$17,14,0)+IF('Standard Profiles'!$G$20=$B$24,21,0),MOD($C8777,24)+1)/SUM(INDEX($D$3:$AA$30,INDEX(Jesper!$R$2:$R$366,ROW(INDEX(Jesper!AJ$2:AJ$366,ROUNDDOWN($C8777/24,0)+1,1))-1)+IF('Standard Profiles'!$G$20=$B$10,7,0)+IF('Standard Profiles'!$G$20=$B$17,14,0)+IF('Standard Profiles'!$G$20=$B$24,21,0),0)),0)</f>
        <v>0</v>
      </c>
      <c r="G8777" cm="1">
        <f t="array" ref="G8777">IFERROR(INDEX(Jesper!AK$2:AK$366,ROUNDDOWN($C8777/24,0)+1,1)*INDEX($D$3:$AA$30,INDEX(Jesper!$R$2:$R$366,ROW(INDEX(Jesper!AK$2:AK$366,ROUNDDOWN($C8777/24,0)+1,1))-1)+IF('Standard Profiles'!$G$21=$B$10,7,0)+IF('Standard Profiles'!$G$21=$B$17,14,0)+IF('Standard Profiles'!$G$21=$B$24,21,0),MOD($C8777,24)+1)/SUM(INDEX($D$3:$AA$30,INDEX(Jesper!$R$2:$R$366,ROW(INDEX(Jesper!AK$2:AK$366,ROUNDDOWN($C8777/24,0)+1,1))-1)+IF('Standard Profiles'!$G$21=$B$10,7,0)+IF('Standard Profiles'!$G$21=$B$17,14,0)+IF('Standard Profiles'!$G$21=$B$24,21,0),0)),0)</f>
        <v>0</v>
      </c>
      <c r="H8777" cm="1">
        <f t="array" ref="H8777">IFERROR(INDEX(Jesper!AL$2:AL$366,ROUNDDOWN($C8777/24,0)+1,1)*INDEX($D$3:$AA$30,INDEX(Jesper!$R$2:$R$366,ROW(INDEX(Jesper!AL$2:AL$366,ROUNDDOWN($C8777/24,0)+1,1))-1)+IF('Standard Profiles'!$G$22=$B$10,7,0)+IF('Standard Profiles'!$G$22=$B$17,14,0)+IF('Standard Profiles'!$G$22=$B$24,21,0),MOD($C8777,24)+1)/SUM(INDEX($D$3:$AA$30,INDEX(Jesper!$R$2:$R$366,ROW(INDEX(Jesper!AL$2:AL$366,ROUNDDOWN($C8777/24,0)+1,1))-1)+IF('Standard Profiles'!$G$22=$B$10,7,0)+IF('Standard Profiles'!$G$22=$B$17,14,0)+IF('Standard Profiles'!$G$22=$B$24,21,0),0)),0)</f>
        <v>0</v>
      </c>
      <c r="I8777">
        <f t="shared" si="972"/>
        <v>0.41545017479556828</v>
      </c>
      <c r="J8777">
        <f t="shared" si="973"/>
        <v>1.3848339159852276</v>
      </c>
      <c r="K8777">
        <f t="shared" si="974"/>
        <v>2.0772508739778415</v>
      </c>
      <c r="L8777">
        <f t="shared" si="975"/>
        <v>9.9708041950936384</v>
      </c>
      <c r="M8777">
        <f t="shared" si="976"/>
        <v>0</v>
      </c>
      <c r="N8777" s="46">
        <f t="shared" si="977"/>
        <v>45656.291666645462</v>
      </c>
    </row>
    <row r="8778" spans="2:14" x14ac:dyDescent="0.3">
      <c r="B8778">
        <f t="shared" si="971"/>
        <v>1</v>
      </c>
      <c r="C8778" s="16">
        <v>8744</v>
      </c>
      <c r="D8778" cm="1">
        <f t="array" ref="D8778">IFERROR(INDEX(Jesper!AH$2:AH$366,ROUNDDOWN($C8778/24,0)+1,1)*INDEX($D$3:$AA$30,INDEX(Jesper!$R$2:$R$366,ROW(INDEX(Jesper!AH$2:AH$366,ROUNDDOWN($C8778/24,0)+1,1))-1)+IF('Standard Profiles'!$G$18=$B$10,7,0)+IF('Standard Profiles'!$G$18=$B$17,14,0)+IF('Standard Profiles'!$G$18=$B$24,21,0),MOD($C8778,24)+1)/SUM(INDEX($D$3:$AA$30,INDEX(Jesper!$R$2:$R$366,ROW(INDEX(Jesper!AH$2:AH$366,ROUNDDOWN($C8778/24,0)+1,1))-1)+IF('Standard Profiles'!$G$18=$B$10,7,0)+IF('Standard Profiles'!$G$18=$B$17,14,0)+IF('Standard Profiles'!$G$18=$B$24,21,0),0)),0)</f>
        <v>13.848339159852276</v>
      </c>
      <c r="E8778" cm="1">
        <f t="array" ref="E8778">IFERROR(INDEX(Jesper!AI$2:AI$366,ROUNDDOWN($C8778/24,0)+1,1)*INDEX($D$3:$AA$30,INDEX(Jesper!$R$2:$R$366,ROW(INDEX(Jesper!AI$2:AI$366,ROUNDDOWN($C8778/24,0)+1,1))-1)+IF('Standard Profiles'!$G$19=$B$10,7,0)+IF('Standard Profiles'!$G$19=$B$17,14,0)+IF('Standard Profiles'!$G$19=$B$24,21,0),MOD($C8778,24)+1)/SUM(INDEX($D$3:$AA$30,INDEX(Jesper!$R$2:$R$366,ROW(INDEX(Jesper!AI$2:AI$366,ROUNDDOWN($C8778/24,0)+1,1))-1)+IF('Standard Profiles'!$G$19=$B$10,7,0)+IF('Standard Profiles'!$G$19=$B$17,14,0)+IF('Standard Profiles'!$G$19=$B$24,21,0),0)),0)</f>
        <v>0</v>
      </c>
      <c r="F8778" cm="1">
        <f t="array" ref="F8778">IFERROR(INDEX(Jesper!AJ$2:AJ$366,ROUNDDOWN($C8778/24,0)+1,1)*INDEX($D$3:$AA$30,INDEX(Jesper!$R$2:$R$366,ROW(INDEX(Jesper!AJ$2:AJ$366,ROUNDDOWN($C8778/24,0)+1,1))-1)+IF('Standard Profiles'!$G$20=$B$10,7,0)+IF('Standard Profiles'!$G$20=$B$17,14,0)+IF('Standard Profiles'!$G$20=$B$24,21,0),MOD($C8778,24)+1)/SUM(INDEX($D$3:$AA$30,INDEX(Jesper!$R$2:$R$366,ROW(INDEX(Jesper!AJ$2:AJ$366,ROUNDDOWN($C8778/24,0)+1,1))-1)+IF('Standard Profiles'!$G$20=$B$10,7,0)+IF('Standard Profiles'!$G$20=$B$17,14,0)+IF('Standard Profiles'!$G$20=$B$24,21,0),0)),0)</f>
        <v>0</v>
      </c>
      <c r="G8778" cm="1">
        <f t="array" ref="G8778">IFERROR(INDEX(Jesper!AK$2:AK$366,ROUNDDOWN($C8778/24,0)+1,1)*INDEX($D$3:$AA$30,INDEX(Jesper!$R$2:$R$366,ROW(INDEX(Jesper!AK$2:AK$366,ROUNDDOWN($C8778/24,0)+1,1))-1)+IF('Standard Profiles'!$G$21=$B$10,7,0)+IF('Standard Profiles'!$G$21=$B$17,14,0)+IF('Standard Profiles'!$G$21=$B$24,21,0),MOD($C8778,24)+1)/SUM(INDEX($D$3:$AA$30,INDEX(Jesper!$R$2:$R$366,ROW(INDEX(Jesper!AK$2:AK$366,ROUNDDOWN($C8778/24,0)+1,1))-1)+IF('Standard Profiles'!$G$21=$B$10,7,0)+IF('Standard Profiles'!$G$21=$B$17,14,0)+IF('Standard Profiles'!$G$21=$B$24,21,0),0)),0)</f>
        <v>0</v>
      </c>
      <c r="H8778" cm="1">
        <f t="array" ref="H8778">IFERROR(INDEX(Jesper!AL$2:AL$366,ROUNDDOWN($C8778/24,0)+1,1)*INDEX($D$3:$AA$30,INDEX(Jesper!$R$2:$R$366,ROW(INDEX(Jesper!AL$2:AL$366,ROUNDDOWN($C8778/24,0)+1,1))-1)+IF('Standard Profiles'!$G$22=$B$10,7,0)+IF('Standard Profiles'!$G$22=$B$17,14,0)+IF('Standard Profiles'!$G$22=$B$24,21,0),MOD($C8778,24)+1)/SUM(INDEX($D$3:$AA$30,INDEX(Jesper!$R$2:$R$366,ROW(INDEX(Jesper!AL$2:AL$366,ROUNDDOWN($C8778/24,0)+1,1))-1)+IF('Standard Profiles'!$G$22=$B$10,7,0)+IF('Standard Profiles'!$G$22=$B$17,14,0)+IF('Standard Profiles'!$G$22=$B$24,21,0),0)),0)</f>
        <v>0</v>
      </c>
      <c r="I8778">
        <f t="shared" si="972"/>
        <v>0.41545017479556828</v>
      </c>
      <c r="J8778">
        <f t="shared" si="973"/>
        <v>1.3848339159852276</v>
      </c>
      <c r="K8778">
        <f t="shared" si="974"/>
        <v>2.0772508739778415</v>
      </c>
      <c r="L8778">
        <f t="shared" si="975"/>
        <v>9.9708041950936384</v>
      </c>
      <c r="M8778">
        <f t="shared" si="976"/>
        <v>0</v>
      </c>
      <c r="N8778" s="46">
        <f t="shared" si="977"/>
        <v>45656.333333312126</v>
      </c>
    </row>
    <row r="8779" spans="2:14" x14ac:dyDescent="0.3">
      <c r="B8779">
        <f t="shared" si="971"/>
        <v>1</v>
      </c>
      <c r="C8779" s="16">
        <v>8745</v>
      </c>
      <c r="D8779" cm="1">
        <f t="array" ref="D8779">IFERROR(INDEX(Jesper!AH$2:AH$366,ROUNDDOWN($C8779/24,0)+1,1)*INDEX($D$3:$AA$30,INDEX(Jesper!$R$2:$R$366,ROW(INDEX(Jesper!AH$2:AH$366,ROUNDDOWN($C8779/24,0)+1,1))-1)+IF('Standard Profiles'!$G$18=$B$10,7,0)+IF('Standard Profiles'!$G$18=$B$17,14,0)+IF('Standard Profiles'!$G$18=$B$24,21,0),MOD($C8779,24)+1)/SUM(INDEX($D$3:$AA$30,INDEX(Jesper!$R$2:$R$366,ROW(INDEX(Jesper!AH$2:AH$366,ROUNDDOWN($C8779/24,0)+1,1))-1)+IF('Standard Profiles'!$G$18=$B$10,7,0)+IF('Standard Profiles'!$G$18=$B$17,14,0)+IF('Standard Profiles'!$G$18=$B$24,21,0),0)),0)</f>
        <v>14.787209611367684</v>
      </c>
      <c r="E8779" cm="1">
        <f t="array" ref="E8779">IFERROR(INDEX(Jesper!AI$2:AI$366,ROUNDDOWN($C8779/24,0)+1,1)*INDEX($D$3:$AA$30,INDEX(Jesper!$R$2:$R$366,ROW(INDEX(Jesper!AI$2:AI$366,ROUNDDOWN($C8779/24,0)+1,1))-1)+IF('Standard Profiles'!$G$19=$B$10,7,0)+IF('Standard Profiles'!$G$19=$B$17,14,0)+IF('Standard Profiles'!$G$19=$B$24,21,0),MOD($C8779,24)+1)/SUM(INDEX($D$3:$AA$30,INDEX(Jesper!$R$2:$R$366,ROW(INDEX(Jesper!AI$2:AI$366,ROUNDDOWN($C8779/24,0)+1,1))-1)+IF('Standard Profiles'!$G$19=$B$10,7,0)+IF('Standard Profiles'!$G$19=$B$17,14,0)+IF('Standard Profiles'!$G$19=$B$24,21,0),0)),0)</f>
        <v>0</v>
      </c>
      <c r="F8779" cm="1">
        <f t="array" ref="F8779">IFERROR(INDEX(Jesper!AJ$2:AJ$366,ROUNDDOWN($C8779/24,0)+1,1)*INDEX($D$3:$AA$30,INDEX(Jesper!$R$2:$R$366,ROW(INDEX(Jesper!AJ$2:AJ$366,ROUNDDOWN($C8779/24,0)+1,1))-1)+IF('Standard Profiles'!$G$20=$B$10,7,0)+IF('Standard Profiles'!$G$20=$B$17,14,0)+IF('Standard Profiles'!$G$20=$B$24,21,0),MOD($C8779,24)+1)/SUM(INDEX($D$3:$AA$30,INDEX(Jesper!$R$2:$R$366,ROW(INDEX(Jesper!AJ$2:AJ$366,ROUNDDOWN($C8779/24,0)+1,1))-1)+IF('Standard Profiles'!$G$20=$B$10,7,0)+IF('Standard Profiles'!$G$20=$B$17,14,0)+IF('Standard Profiles'!$G$20=$B$24,21,0),0)),0)</f>
        <v>0</v>
      </c>
      <c r="G8779" cm="1">
        <f t="array" ref="G8779">IFERROR(INDEX(Jesper!AK$2:AK$366,ROUNDDOWN($C8779/24,0)+1,1)*INDEX($D$3:$AA$30,INDEX(Jesper!$R$2:$R$366,ROW(INDEX(Jesper!AK$2:AK$366,ROUNDDOWN($C8779/24,0)+1,1))-1)+IF('Standard Profiles'!$G$21=$B$10,7,0)+IF('Standard Profiles'!$G$21=$B$17,14,0)+IF('Standard Profiles'!$G$21=$B$24,21,0),MOD($C8779,24)+1)/SUM(INDEX($D$3:$AA$30,INDEX(Jesper!$R$2:$R$366,ROW(INDEX(Jesper!AK$2:AK$366,ROUNDDOWN($C8779/24,0)+1,1))-1)+IF('Standard Profiles'!$G$21=$B$10,7,0)+IF('Standard Profiles'!$G$21=$B$17,14,0)+IF('Standard Profiles'!$G$21=$B$24,21,0),0)),0)</f>
        <v>0</v>
      </c>
      <c r="H8779" cm="1">
        <f t="array" ref="H8779">IFERROR(INDEX(Jesper!AL$2:AL$366,ROUNDDOWN($C8779/24,0)+1,1)*INDEX($D$3:$AA$30,INDEX(Jesper!$R$2:$R$366,ROW(INDEX(Jesper!AL$2:AL$366,ROUNDDOWN($C8779/24,0)+1,1))-1)+IF('Standard Profiles'!$G$22=$B$10,7,0)+IF('Standard Profiles'!$G$22=$B$17,14,0)+IF('Standard Profiles'!$G$22=$B$24,21,0),MOD($C8779,24)+1)/SUM(INDEX($D$3:$AA$30,INDEX(Jesper!$R$2:$R$366,ROW(INDEX(Jesper!AL$2:AL$366,ROUNDDOWN($C8779/24,0)+1,1))-1)+IF('Standard Profiles'!$G$22=$B$10,7,0)+IF('Standard Profiles'!$G$22=$B$17,14,0)+IF('Standard Profiles'!$G$22=$B$24,21,0),0)),0)</f>
        <v>0</v>
      </c>
      <c r="I8779">
        <f t="shared" si="972"/>
        <v>0.44361628834103051</v>
      </c>
      <c r="J8779">
        <f t="shared" si="973"/>
        <v>1.4787209611367684</v>
      </c>
      <c r="K8779">
        <f t="shared" si="974"/>
        <v>2.2180814417051526</v>
      </c>
      <c r="L8779">
        <f t="shared" si="975"/>
        <v>10.646790920184733</v>
      </c>
      <c r="M8779">
        <f t="shared" si="976"/>
        <v>0</v>
      </c>
      <c r="N8779" s="46">
        <f t="shared" si="977"/>
        <v>45656.374999978791</v>
      </c>
    </row>
    <row r="8780" spans="2:14" x14ac:dyDescent="0.3">
      <c r="B8780">
        <f t="shared" si="971"/>
        <v>1</v>
      </c>
      <c r="C8780" s="16">
        <v>8746</v>
      </c>
      <c r="D8780" cm="1">
        <f t="array" ref="D8780">IFERROR(INDEX(Jesper!AH$2:AH$366,ROUNDDOWN($C8780/24,0)+1,1)*INDEX($D$3:$AA$30,INDEX(Jesper!$R$2:$R$366,ROW(INDEX(Jesper!AH$2:AH$366,ROUNDDOWN($C8780/24,0)+1,1))-1)+IF('Standard Profiles'!$G$18=$B$10,7,0)+IF('Standard Profiles'!$G$18=$B$17,14,0)+IF('Standard Profiles'!$G$18=$B$24,21,0),MOD($C8780,24)+1)/SUM(INDEX($D$3:$AA$30,INDEX(Jesper!$R$2:$R$366,ROW(INDEX(Jesper!AH$2:AH$366,ROUNDDOWN($C8780/24,0)+1,1))-1)+IF('Standard Profiles'!$G$18=$B$10,7,0)+IF('Standard Profiles'!$G$18=$B$17,14,0)+IF('Standard Profiles'!$G$18=$B$24,21,0),0)),0)</f>
        <v>14.787209611367684</v>
      </c>
      <c r="E8780" cm="1">
        <f t="array" ref="E8780">IFERROR(INDEX(Jesper!AI$2:AI$366,ROUNDDOWN($C8780/24,0)+1,1)*INDEX($D$3:$AA$30,INDEX(Jesper!$R$2:$R$366,ROW(INDEX(Jesper!AI$2:AI$366,ROUNDDOWN($C8780/24,0)+1,1))-1)+IF('Standard Profiles'!$G$19=$B$10,7,0)+IF('Standard Profiles'!$G$19=$B$17,14,0)+IF('Standard Profiles'!$G$19=$B$24,21,0),MOD($C8780,24)+1)/SUM(INDEX($D$3:$AA$30,INDEX(Jesper!$R$2:$R$366,ROW(INDEX(Jesper!AI$2:AI$366,ROUNDDOWN($C8780/24,0)+1,1))-1)+IF('Standard Profiles'!$G$19=$B$10,7,0)+IF('Standard Profiles'!$G$19=$B$17,14,0)+IF('Standard Profiles'!$G$19=$B$24,21,0),0)),0)</f>
        <v>0</v>
      </c>
      <c r="F8780" cm="1">
        <f t="array" ref="F8780">IFERROR(INDEX(Jesper!AJ$2:AJ$366,ROUNDDOWN($C8780/24,0)+1,1)*INDEX($D$3:$AA$30,INDEX(Jesper!$R$2:$R$366,ROW(INDEX(Jesper!AJ$2:AJ$366,ROUNDDOWN($C8780/24,0)+1,1))-1)+IF('Standard Profiles'!$G$20=$B$10,7,0)+IF('Standard Profiles'!$G$20=$B$17,14,0)+IF('Standard Profiles'!$G$20=$B$24,21,0),MOD($C8780,24)+1)/SUM(INDEX($D$3:$AA$30,INDEX(Jesper!$R$2:$R$366,ROW(INDEX(Jesper!AJ$2:AJ$366,ROUNDDOWN($C8780/24,0)+1,1))-1)+IF('Standard Profiles'!$G$20=$B$10,7,0)+IF('Standard Profiles'!$G$20=$B$17,14,0)+IF('Standard Profiles'!$G$20=$B$24,21,0),0)),0)</f>
        <v>0</v>
      </c>
      <c r="G8780" cm="1">
        <f t="array" ref="G8780">IFERROR(INDEX(Jesper!AK$2:AK$366,ROUNDDOWN($C8780/24,0)+1,1)*INDEX($D$3:$AA$30,INDEX(Jesper!$R$2:$R$366,ROW(INDEX(Jesper!AK$2:AK$366,ROUNDDOWN($C8780/24,0)+1,1))-1)+IF('Standard Profiles'!$G$21=$B$10,7,0)+IF('Standard Profiles'!$G$21=$B$17,14,0)+IF('Standard Profiles'!$G$21=$B$24,21,0),MOD($C8780,24)+1)/SUM(INDEX($D$3:$AA$30,INDEX(Jesper!$R$2:$R$366,ROW(INDEX(Jesper!AK$2:AK$366,ROUNDDOWN($C8780/24,0)+1,1))-1)+IF('Standard Profiles'!$G$21=$B$10,7,0)+IF('Standard Profiles'!$G$21=$B$17,14,0)+IF('Standard Profiles'!$G$21=$B$24,21,0),0)),0)</f>
        <v>0</v>
      </c>
      <c r="H8780" cm="1">
        <f t="array" ref="H8780">IFERROR(INDEX(Jesper!AL$2:AL$366,ROUNDDOWN($C8780/24,0)+1,1)*INDEX($D$3:$AA$30,INDEX(Jesper!$R$2:$R$366,ROW(INDEX(Jesper!AL$2:AL$366,ROUNDDOWN($C8780/24,0)+1,1))-1)+IF('Standard Profiles'!$G$22=$B$10,7,0)+IF('Standard Profiles'!$G$22=$B$17,14,0)+IF('Standard Profiles'!$G$22=$B$24,21,0),MOD($C8780,24)+1)/SUM(INDEX($D$3:$AA$30,INDEX(Jesper!$R$2:$R$366,ROW(INDEX(Jesper!AL$2:AL$366,ROUNDDOWN($C8780/24,0)+1,1))-1)+IF('Standard Profiles'!$G$22=$B$10,7,0)+IF('Standard Profiles'!$G$22=$B$17,14,0)+IF('Standard Profiles'!$G$22=$B$24,21,0),0)),0)</f>
        <v>0</v>
      </c>
      <c r="I8780">
        <f t="shared" si="972"/>
        <v>0.44361628834103051</v>
      </c>
      <c r="J8780">
        <f t="shared" si="973"/>
        <v>1.4787209611367684</v>
      </c>
      <c r="K8780">
        <f t="shared" si="974"/>
        <v>2.2180814417051526</v>
      </c>
      <c r="L8780">
        <f t="shared" si="975"/>
        <v>10.646790920184733</v>
      </c>
      <c r="M8780">
        <f t="shared" si="976"/>
        <v>0</v>
      </c>
      <c r="N8780" s="46">
        <f t="shared" si="977"/>
        <v>45656.416666645455</v>
      </c>
    </row>
    <row r="8781" spans="2:14" x14ac:dyDescent="0.3">
      <c r="B8781">
        <f t="shared" si="971"/>
        <v>1</v>
      </c>
      <c r="C8781" s="16">
        <v>8747</v>
      </c>
      <c r="D8781" cm="1">
        <f t="array" ref="D8781">IFERROR(INDEX(Jesper!AH$2:AH$366,ROUNDDOWN($C8781/24,0)+1,1)*INDEX($D$3:$AA$30,INDEX(Jesper!$R$2:$R$366,ROW(INDEX(Jesper!AH$2:AH$366,ROUNDDOWN($C8781/24,0)+1,1))-1)+IF('Standard Profiles'!$G$18=$B$10,7,0)+IF('Standard Profiles'!$G$18=$B$17,14,0)+IF('Standard Profiles'!$G$18=$B$24,21,0),MOD($C8781,24)+1)/SUM(INDEX($D$3:$AA$30,INDEX(Jesper!$R$2:$R$366,ROW(INDEX(Jesper!AH$2:AH$366,ROUNDDOWN($C8781/24,0)+1,1))-1)+IF('Standard Profiles'!$G$18=$B$10,7,0)+IF('Standard Profiles'!$G$18=$B$17,14,0)+IF('Standard Profiles'!$G$18=$B$24,21,0),0)),0)</f>
        <v>18.777409030308171</v>
      </c>
      <c r="E8781" cm="1">
        <f t="array" ref="E8781">IFERROR(INDEX(Jesper!AI$2:AI$366,ROUNDDOWN($C8781/24,0)+1,1)*INDEX($D$3:$AA$30,INDEX(Jesper!$R$2:$R$366,ROW(INDEX(Jesper!AI$2:AI$366,ROUNDDOWN($C8781/24,0)+1,1))-1)+IF('Standard Profiles'!$G$19=$B$10,7,0)+IF('Standard Profiles'!$G$19=$B$17,14,0)+IF('Standard Profiles'!$G$19=$B$24,21,0),MOD($C8781,24)+1)/SUM(INDEX($D$3:$AA$30,INDEX(Jesper!$R$2:$R$366,ROW(INDEX(Jesper!AI$2:AI$366,ROUNDDOWN($C8781/24,0)+1,1))-1)+IF('Standard Profiles'!$G$19=$B$10,7,0)+IF('Standard Profiles'!$G$19=$B$17,14,0)+IF('Standard Profiles'!$G$19=$B$24,21,0),0)),0)</f>
        <v>0</v>
      </c>
      <c r="F8781" cm="1">
        <f t="array" ref="F8781">IFERROR(INDEX(Jesper!AJ$2:AJ$366,ROUNDDOWN($C8781/24,0)+1,1)*INDEX($D$3:$AA$30,INDEX(Jesper!$R$2:$R$366,ROW(INDEX(Jesper!AJ$2:AJ$366,ROUNDDOWN($C8781/24,0)+1,1))-1)+IF('Standard Profiles'!$G$20=$B$10,7,0)+IF('Standard Profiles'!$G$20=$B$17,14,0)+IF('Standard Profiles'!$G$20=$B$24,21,0),MOD($C8781,24)+1)/SUM(INDEX($D$3:$AA$30,INDEX(Jesper!$R$2:$R$366,ROW(INDEX(Jesper!AJ$2:AJ$366,ROUNDDOWN($C8781/24,0)+1,1))-1)+IF('Standard Profiles'!$G$20=$B$10,7,0)+IF('Standard Profiles'!$G$20=$B$17,14,0)+IF('Standard Profiles'!$G$20=$B$24,21,0),0)),0)</f>
        <v>0</v>
      </c>
      <c r="G8781" cm="1">
        <f t="array" ref="G8781">IFERROR(INDEX(Jesper!AK$2:AK$366,ROUNDDOWN($C8781/24,0)+1,1)*INDEX($D$3:$AA$30,INDEX(Jesper!$R$2:$R$366,ROW(INDEX(Jesper!AK$2:AK$366,ROUNDDOWN($C8781/24,0)+1,1))-1)+IF('Standard Profiles'!$G$21=$B$10,7,0)+IF('Standard Profiles'!$G$21=$B$17,14,0)+IF('Standard Profiles'!$G$21=$B$24,21,0),MOD($C8781,24)+1)/SUM(INDEX($D$3:$AA$30,INDEX(Jesper!$R$2:$R$366,ROW(INDEX(Jesper!AK$2:AK$366,ROUNDDOWN($C8781/24,0)+1,1))-1)+IF('Standard Profiles'!$G$21=$B$10,7,0)+IF('Standard Profiles'!$G$21=$B$17,14,0)+IF('Standard Profiles'!$G$21=$B$24,21,0),0)),0)</f>
        <v>0</v>
      </c>
      <c r="H8781" cm="1">
        <f t="array" ref="H8781">IFERROR(INDEX(Jesper!AL$2:AL$366,ROUNDDOWN($C8781/24,0)+1,1)*INDEX($D$3:$AA$30,INDEX(Jesper!$R$2:$R$366,ROW(INDEX(Jesper!AL$2:AL$366,ROUNDDOWN($C8781/24,0)+1,1))-1)+IF('Standard Profiles'!$G$22=$B$10,7,0)+IF('Standard Profiles'!$G$22=$B$17,14,0)+IF('Standard Profiles'!$G$22=$B$24,21,0),MOD($C8781,24)+1)/SUM(INDEX($D$3:$AA$30,INDEX(Jesper!$R$2:$R$366,ROW(INDEX(Jesper!AL$2:AL$366,ROUNDDOWN($C8781/24,0)+1,1))-1)+IF('Standard Profiles'!$G$22=$B$10,7,0)+IF('Standard Profiles'!$G$22=$B$17,14,0)+IF('Standard Profiles'!$G$22=$B$24,21,0),0)),0)</f>
        <v>0</v>
      </c>
      <c r="I8781">
        <f t="shared" si="972"/>
        <v>0.56332227090924514</v>
      </c>
      <c r="J8781">
        <f t="shared" si="973"/>
        <v>1.8777409030308172</v>
      </c>
      <c r="K8781">
        <f t="shared" si="974"/>
        <v>2.8166113545462257</v>
      </c>
      <c r="L8781">
        <f t="shared" si="975"/>
        <v>13.519734501821882</v>
      </c>
      <c r="M8781">
        <f t="shared" si="976"/>
        <v>0</v>
      </c>
      <c r="N8781" s="46">
        <f t="shared" si="977"/>
        <v>45656.458333312119</v>
      </c>
    </row>
    <row r="8782" spans="2:14" x14ac:dyDescent="0.3">
      <c r="B8782">
        <f t="shared" si="971"/>
        <v>1</v>
      </c>
      <c r="C8782" s="16">
        <v>8748</v>
      </c>
      <c r="D8782" cm="1">
        <f t="array" ref="D8782">IFERROR(INDEX(Jesper!AH$2:AH$366,ROUNDDOWN($C8782/24,0)+1,1)*INDEX($D$3:$AA$30,INDEX(Jesper!$R$2:$R$366,ROW(INDEX(Jesper!AH$2:AH$366,ROUNDDOWN($C8782/24,0)+1,1))-1)+IF('Standard Profiles'!$G$18=$B$10,7,0)+IF('Standard Profiles'!$G$18=$B$17,14,0)+IF('Standard Profiles'!$G$18=$B$24,21,0),MOD($C8782,24)+1)/SUM(INDEX($D$3:$AA$30,INDEX(Jesper!$R$2:$R$366,ROW(INDEX(Jesper!AH$2:AH$366,ROUNDDOWN($C8782/24,0)+1,1))-1)+IF('Standard Profiles'!$G$18=$B$10,7,0)+IF('Standard Profiles'!$G$18=$B$17,14,0)+IF('Standard Profiles'!$G$18=$B$24,21,0),0)),0)</f>
        <v>18.777409030308171</v>
      </c>
      <c r="E8782" cm="1">
        <f t="array" ref="E8782">IFERROR(INDEX(Jesper!AI$2:AI$366,ROUNDDOWN($C8782/24,0)+1,1)*INDEX($D$3:$AA$30,INDEX(Jesper!$R$2:$R$366,ROW(INDEX(Jesper!AI$2:AI$366,ROUNDDOWN($C8782/24,0)+1,1))-1)+IF('Standard Profiles'!$G$19=$B$10,7,0)+IF('Standard Profiles'!$G$19=$B$17,14,0)+IF('Standard Profiles'!$G$19=$B$24,21,0),MOD($C8782,24)+1)/SUM(INDEX($D$3:$AA$30,INDEX(Jesper!$R$2:$R$366,ROW(INDEX(Jesper!AI$2:AI$366,ROUNDDOWN($C8782/24,0)+1,1))-1)+IF('Standard Profiles'!$G$19=$B$10,7,0)+IF('Standard Profiles'!$G$19=$B$17,14,0)+IF('Standard Profiles'!$G$19=$B$24,21,0),0)),0)</f>
        <v>0</v>
      </c>
      <c r="F8782" cm="1">
        <f t="array" ref="F8782">IFERROR(INDEX(Jesper!AJ$2:AJ$366,ROUNDDOWN($C8782/24,0)+1,1)*INDEX($D$3:$AA$30,INDEX(Jesper!$R$2:$R$366,ROW(INDEX(Jesper!AJ$2:AJ$366,ROUNDDOWN($C8782/24,0)+1,1))-1)+IF('Standard Profiles'!$G$20=$B$10,7,0)+IF('Standard Profiles'!$G$20=$B$17,14,0)+IF('Standard Profiles'!$G$20=$B$24,21,0),MOD($C8782,24)+1)/SUM(INDEX($D$3:$AA$30,INDEX(Jesper!$R$2:$R$366,ROW(INDEX(Jesper!AJ$2:AJ$366,ROUNDDOWN($C8782/24,0)+1,1))-1)+IF('Standard Profiles'!$G$20=$B$10,7,0)+IF('Standard Profiles'!$G$20=$B$17,14,0)+IF('Standard Profiles'!$G$20=$B$24,21,0),0)),0)</f>
        <v>0</v>
      </c>
      <c r="G8782" cm="1">
        <f t="array" ref="G8782">IFERROR(INDEX(Jesper!AK$2:AK$366,ROUNDDOWN($C8782/24,0)+1,1)*INDEX($D$3:$AA$30,INDEX(Jesper!$R$2:$R$366,ROW(INDEX(Jesper!AK$2:AK$366,ROUNDDOWN($C8782/24,0)+1,1))-1)+IF('Standard Profiles'!$G$21=$B$10,7,0)+IF('Standard Profiles'!$G$21=$B$17,14,0)+IF('Standard Profiles'!$G$21=$B$24,21,0),MOD($C8782,24)+1)/SUM(INDEX($D$3:$AA$30,INDEX(Jesper!$R$2:$R$366,ROW(INDEX(Jesper!AK$2:AK$366,ROUNDDOWN($C8782/24,0)+1,1))-1)+IF('Standard Profiles'!$G$21=$B$10,7,0)+IF('Standard Profiles'!$G$21=$B$17,14,0)+IF('Standard Profiles'!$G$21=$B$24,21,0),0)),0)</f>
        <v>0</v>
      </c>
      <c r="H8782" cm="1">
        <f t="array" ref="H8782">IFERROR(INDEX(Jesper!AL$2:AL$366,ROUNDDOWN($C8782/24,0)+1,1)*INDEX($D$3:$AA$30,INDEX(Jesper!$R$2:$R$366,ROW(INDEX(Jesper!AL$2:AL$366,ROUNDDOWN($C8782/24,0)+1,1))-1)+IF('Standard Profiles'!$G$22=$B$10,7,0)+IF('Standard Profiles'!$G$22=$B$17,14,0)+IF('Standard Profiles'!$G$22=$B$24,21,0),MOD($C8782,24)+1)/SUM(INDEX($D$3:$AA$30,INDEX(Jesper!$R$2:$R$366,ROW(INDEX(Jesper!AL$2:AL$366,ROUNDDOWN($C8782/24,0)+1,1))-1)+IF('Standard Profiles'!$G$22=$B$10,7,0)+IF('Standard Profiles'!$G$22=$B$17,14,0)+IF('Standard Profiles'!$G$22=$B$24,21,0),0)),0)</f>
        <v>0</v>
      </c>
      <c r="I8782">
        <f t="shared" si="972"/>
        <v>0.56332227090924514</v>
      </c>
      <c r="J8782">
        <f t="shared" si="973"/>
        <v>1.8777409030308172</v>
      </c>
      <c r="K8782">
        <f t="shared" si="974"/>
        <v>2.8166113545462257</v>
      </c>
      <c r="L8782">
        <f t="shared" si="975"/>
        <v>13.519734501821882</v>
      </c>
      <c r="M8782">
        <f t="shared" si="976"/>
        <v>0</v>
      </c>
      <c r="N8782" s="46">
        <f t="shared" si="977"/>
        <v>45656.499999978783</v>
      </c>
    </row>
    <row r="8783" spans="2:14" x14ac:dyDescent="0.3">
      <c r="B8783">
        <f t="shared" si="971"/>
        <v>1</v>
      </c>
      <c r="C8783" s="16">
        <v>8749</v>
      </c>
      <c r="D8783" cm="1">
        <f t="array" ref="D8783">IFERROR(INDEX(Jesper!AH$2:AH$366,ROUNDDOWN($C8783/24,0)+1,1)*INDEX($D$3:$AA$30,INDEX(Jesper!$R$2:$R$366,ROW(INDEX(Jesper!AH$2:AH$366,ROUNDDOWN($C8783/24,0)+1,1))-1)+IF('Standard Profiles'!$G$18=$B$10,7,0)+IF('Standard Profiles'!$G$18=$B$17,14,0)+IF('Standard Profiles'!$G$18=$B$24,21,0),MOD($C8783,24)+1)/SUM(INDEX($D$3:$AA$30,INDEX(Jesper!$R$2:$R$366,ROW(INDEX(Jesper!AH$2:AH$366,ROUNDDOWN($C8783/24,0)+1,1))-1)+IF('Standard Profiles'!$G$18=$B$10,7,0)+IF('Standard Profiles'!$G$18=$B$17,14,0)+IF('Standard Profiles'!$G$18=$B$24,21,0),0)),0)</f>
        <v>12.440033482579162</v>
      </c>
      <c r="E8783" cm="1">
        <f t="array" ref="E8783">IFERROR(INDEX(Jesper!AI$2:AI$366,ROUNDDOWN($C8783/24,0)+1,1)*INDEX($D$3:$AA$30,INDEX(Jesper!$R$2:$R$366,ROW(INDEX(Jesper!AI$2:AI$366,ROUNDDOWN($C8783/24,0)+1,1))-1)+IF('Standard Profiles'!$G$19=$B$10,7,0)+IF('Standard Profiles'!$G$19=$B$17,14,0)+IF('Standard Profiles'!$G$19=$B$24,21,0),MOD($C8783,24)+1)/SUM(INDEX($D$3:$AA$30,INDEX(Jesper!$R$2:$R$366,ROW(INDEX(Jesper!AI$2:AI$366,ROUNDDOWN($C8783/24,0)+1,1))-1)+IF('Standard Profiles'!$G$19=$B$10,7,0)+IF('Standard Profiles'!$G$19=$B$17,14,0)+IF('Standard Profiles'!$G$19=$B$24,21,0),0)),0)</f>
        <v>0</v>
      </c>
      <c r="F8783" cm="1">
        <f t="array" ref="F8783">IFERROR(INDEX(Jesper!AJ$2:AJ$366,ROUNDDOWN($C8783/24,0)+1,1)*INDEX($D$3:$AA$30,INDEX(Jesper!$R$2:$R$366,ROW(INDEX(Jesper!AJ$2:AJ$366,ROUNDDOWN($C8783/24,0)+1,1))-1)+IF('Standard Profiles'!$G$20=$B$10,7,0)+IF('Standard Profiles'!$G$20=$B$17,14,0)+IF('Standard Profiles'!$G$20=$B$24,21,0),MOD($C8783,24)+1)/SUM(INDEX($D$3:$AA$30,INDEX(Jesper!$R$2:$R$366,ROW(INDEX(Jesper!AJ$2:AJ$366,ROUNDDOWN($C8783/24,0)+1,1))-1)+IF('Standard Profiles'!$G$20=$B$10,7,0)+IF('Standard Profiles'!$G$20=$B$17,14,0)+IF('Standard Profiles'!$G$20=$B$24,21,0),0)),0)</f>
        <v>0</v>
      </c>
      <c r="G8783" cm="1">
        <f t="array" ref="G8783">IFERROR(INDEX(Jesper!AK$2:AK$366,ROUNDDOWN($C8783/24,0)+1,1)*INDEX($D$3:$AA$30,INDEX(Jesper!$R$2:$R$366,ROW(INDEX(Jesper!AK$2:AK$366,ROUNDDOWN($C8783/24,0)+1,1))-1)+IF('Standard Profiles'!$G$21=$B$10,7,0)+IF('Standard Profiles'!$G$21=$B$17,14,0)+IF('Standard Profiles'!$G$21=$B$24,21,0),MOD($C8783,24)+1)/SUM(INDEX($D$3:$AA$30,INDEX(Jesper!$R$2:$R$366,ROW(INDEX(Jesper!AK$2:AK$366,ROUNDDOWN($C8783/24,0)+1,1))-1)+IF('Standard Profiles'!$G$21=$B$10,7,0)+IF('Standard Profiles'!$G$21=$B$17,14,0)+IF('Standard Profiles'!$G$21=$B$24,21,0),0)),0)</f>
        <v>0</v>
      </c>
      <c r="H8783" cm="1">
        <f t="array" ref="H8783">IFERROR(INDEX(Jesper!AL$2:AL$366,ROUNDDOWN($C8783/24,0)+1,1)*INDEX($D$3:$AA$30,INDEX(Jesper!$R$2:$R$366,ROW(INDEX(Jesper!AL$2:AL$366,ROUNDDOWN($C8783/24,0)+1,1))-1)+IF('Standard Profiles'!$G$22=$B$10,7,0)+IF('Standard Profiles'!$G$22=$B$17,14,0)+IF('Standard Profiles'!$G$22=$B$24,21,0),MOD($C8783,24)+1)/SUM(INDEX($D$3:$AA$30,INDEX(Jesper!$R$2:$R$366,ROW(INDEX(Jesper!AL$2:AL$366,ROUNDDOWN($C8783/24,0)+1,1))-1)+IF('Standard Profiles'!$G$22=$B$10,7,0)+IF('Standard Profiles'!$G$22=$B$17,14,0)+IF('Standard Profiles'!$G$22=$B$24,21,0),0)),0)</f>
        <v>0</v>
      </c>
      <c r="I8783">
        <f t="shared" si="972"/>
        <v>0.37320100447737486</v>
      </c>
      <c r="J8783">
        <f t="shared" si="973"/>
        <v>1.2440033482579163</v>
      </c>
      <c r="K8783">
        <f t="shared" si="974"/>
        <v>1.8660050223868743</v>
      </c>
      <c r="L8783">
        <f t="shared" si="975"/>
        <v>8.9568241074569972</v>
      </c>
      <c r="M8783">
        <f t="shared" si="976"/>
        <v>0</v>
      </c>
      <c r="N8783" s="46">
        <f t="shared" si="977"/>
        <v>45656.541666645448</v>
      </c>
    </row>
    <row r="8784" spans="2:14" x14ac:dyDescent="0.3">
      <c r="B8784">
        <f t="shared" si="971"/>
        <v>1</v>
      </c>
      <c r="C8784" s="16">
        <v>8750</v>
      </c>
      <c r="D8784" cm="1">
        <f t="array" ref="D8784">IFERROR(INDEX(Jesper!AH$2:AH$366,ROUNDDOWN($C8784/24,0)+1,1)*INDEX($D$3:$AA$30,INDEX(Jesper!$R$2:$R$366,ROW(INDEX(Jesper!AH$2:AH$366,ROUNDDOWN($C8784/24,0)+1,1))-1)+IF('Standard Profiles'!$G$18=$B$10,7,0)+IF('Standard Profiles'!$G$18=$B$17,14,0)+IF('Standard Profiles'!$G$18=$B$24,21,0),MOD($C8784,24)+1)/SUM(INDEX($D$3:$AA$30,INDEX(Jesper!$R$2:$R$366,ROW(INDEX(Jesper!AH$2:AH$366,ROUNDDOWN($C8784/24,0)+1,1))-1)+IF('Standard Profiles'!$G$18=$B$10,7,0)+IF('Standard Profiles'!$G$18=$B$17,14,0)+IF('Standard Profiles'!$G$18=$B$24,21,0),0)),0)</f>
        <v>18.777409030308171</v>
      </c>
      <c r="E8784" cm="1">
        <f t="array" ref="E8784">IFERROR(INDEX(Jesper!AI$2:AI$366,ROUNDDOWN($C8784/24,0)+1,1)*INDEX($D$3:$AA$30,INDEX(Jesper!$R$2:$R$366,ROW(INDEX(Jesper!AI$2:AI$366,ROUNDDOWN($C8784/24,0)+1,1))-1)+IF('Standard Profiles'!$G$19=$B$10,7,0)+IF('Standard Profiles'!$G$19=$B$17,14,0)+IF('Standard Profiles'!$G$19=$B$24,21,0),MOD($C8784,24)+1)/SUM(INDEX($D$3:$AA$30,INDEX(Jesper!$R$2:$R$366,ROW(INDEX(Jesper!AI$2:AI$366,ROUNDDOWN($C8784/24,0)+1,1))-1)+IF('Standard Profiles'!$G$19=$B$10,7,0)+IF('Standard Profiles'!$G$19=$B$17,14,0)+IF('Standard Profiles'!$G$19=$B$24,21,0),0)),0)</f>
        <v>0</v>
      </c>
      <c r="F8784" cm="1">
        <f t="array" ref="F8784">IFERROR(INDEX(Jesper!AJ$2:AJ$366,ROUNDDOWN($C8784/24,0)+1,1)*INDEX($D$3:$AA$30,INDEX(Jesper!$R$2:$R$366,ROW(INDEX(Jesper!AJ$2:AJ$366,ROUNDDOWN($C8784/24,0)+1,1))-1)+IF('Standard Profiles'!$G$20=$B$10,7,0)+IF('Standard Profiles'!$G$20=$B$17,14,0)+IF('Standard Profiles'!$G$20=$B$24,21,0),MOD($C8784,24)+1)/SUM(INDEX($D$3:$AA$30,INDEX(Jesper!$R$2:$R$366,ROW(INDEX(Jesper!AJ$2:AJ$366,ROUNDDOWN($C8784/24,0)+1,1))-1)+IF('Standard Profiles'!$G$20=$B$10,7,0)+IF('Standard Profiles'!$G$20=$B$17,14,0)+IF('Standard Profiles'!$G$20=$B$24,21,0),0)),0)</f>
        <v>0</v>
      </c>
      <c r="G8784" cm="1">
        <f t="array" ref="G8784">IFERROR(INDEX(Jesper!AK$2:AK$366,ROUNDDOWN($C8784/24,0)+1,1)*INDEX($D$3:$AA$30,INDEX(Jesper!$R$2:$R$366,ROW(INDEX(Jesper!AK$2:AK$366,ROUNDDOWN($C8784/24,0)+1,1))-1)+IF('Standard Profiles'!$G$21=$B$10,7,0)+IF('Standard Profiles'!$G$21=$B$17,14,0)+IF('Standard Profiles'!$G$21=$B$24,21,0),MOD($C8784,24)+1)/SUM(INDEX($D$3:$AA$30,INDEX(Jesper!$R$2:$R$366,ROW(INDEX(Jesper!AK$2:AK$366,ROUNDDOWN($C8784/24,0)+1,1))-1)+IF('Standard Profiles'!$G$21=$B$10,7,0)+IF('Standard Profiles'!$G$21=$B$17,14,0)+IF('Standard Profiles'!$G$21=$B$24,21,0),0)),0)</f>
        <v>0</v>
      </c>
      <c r="H8784" cm="1">
        <f t="array" ref="H8784">IFERROR(INDEX(Jesper!AL$2:AL$366,ROUNDDOWN($C8784/24,0)+1,1)*INDEX($D$3:$AA$30,INDEX(Jesper!$R$2:$R$366,ROW(INDEX(Jesper!AL$2:AL$366,ROUNDDOWN($C8784/24,0)+1,1))-1)+IF('Standard Profiles'!$G$22=$B$10,7,0)+IF('Standard Profiles'!$G$22=$B$17,14,0)+IF('Standard Profiles'!$G$22=$B$24,21,0),MOD($C8784,24)+1)/SUM(INDEX($D$3:$AA$30,INDEX(Jesper!$R$2:$R$366,ROW(INDEX(Jesper!AL$2:AL$366,ROUNDDOWN($C8784/24,0)+1,1))-1)+IF('Standard Profiles'!$G$22=$B$10,7,0)+IF('Standard Profiles'!$G$22=$B$17,14,0)+IF('Standard Profiles'!$G$22=$B$24,21,0),0)),0)</f>
        <v>0</v>
      </c>
      <c r="I8784">
        <f t="shared" si="972"/>
        <v>0.56332227090924514</v>
      </c>
      <c r="J8784">
        <f t="shared" si="973"/>
        <v>1.8777409030308172</v>
      </c>
      <c r="K8784">
        <f t="shared" si="974"/>
        <v>2.8166113545462257</v>
      </c>
      <c r="L8784">
        <f t="shared" si="975"/>
        <v>13.519734501821882</v>
      </c>
      <c r="M8784">
        <f t="shared" si="976"/>
        <v>0</v>
      </c>
      <c r="N8784" s="46">
        <f t="shared" si="977"/>
        <v>45656.583333312112</v>
      </c>
    </row>
    <row r="8785" spans="2:14" x14ac:dyDescent="0.3">
      <c r="B8785">
        <f t="shared" si="971"/>
        <v>1</v>
      </c>
      <c r="C8785" s="16">
        <v>8751</v>
      </c>
      <c r="D8785" cm="1">
        <f t="array" ref="D8785">IFERROR(INDEX(Jesper!AH$2:AH$366,ROUNDDOWN($C8785/24,0)+1,1)*INDEX($D$3:$AA$30,INDEX(Jesper!$R$2:$R$366,ROW(INDEX(Jesper!AH$2:AH$366,ROUNDDOWN($C8785/24,0)+1,1))-1)+IF('Standard Profiles'!$G$18=$B$10,7,0)+IF('Standard Profiles'!$G$18=$B$17,14,0)+IF('Standard Profiles'!$G$18=$B$24,21,0),MOD($C8785,24)+1)/SUM(INDEX($D$3:$AA$30,INDEX(Jesper!$R$2:$R$366,ROW(INDEX(Jesper!AH$2:AH$366,ROUNDDOWN($C8785/24,0)+1,1))-1)+IF('Standard Profiles'!$G$18=$B$10,7,0)+IF('Standard Profiles'!$G$18=$B$17,14,0)+IF('Standard Profiles'!$G$18=$B$24,21,0),0)),0)</f>
        <v>18.777409030308171</v>
      </c>
      <c r="E8785" cm="1">
        <f t="array" ref="E8785">IFERROR(INDEX(Jesper!AI$2:AI$366,ROUNDDOWN($C8785/24,0)+1,1)*INDEX($D$3:$AA$30,INDEX(Jesper!$R$2:$R$366,ROW(INDEX(Jesper!AI$2:AI$366,ROUNDDOWN($C8785/24,0)+1,1))-1)+IF('Standard Profiles'!$G$19=$B$10,7,0)+IF('Standard Profiles'!$G$19=$B$17,14,0)+IF('Standard Profiles'!$G$19=$B$24,21,0),MOD($C8785,24)+1)/SUM(INDEX($D$3:$AA$30,INDEX(Jesper!$R$2:$R$366,ROW(INDEX(Jesper!AI$2:AI$366,ROUNDDOWN($C8785/24,0)+1,1))-1)+IF('Standard Profiles'!$G$19=$B$10,7,0)+IF('Standard Profiles'!$G$19=$B$17,14,0)+IF('Standard Profiles'!$G$19=$B$24,21,0),0)),0)</f>
        <v>0</v>
      </c>
      <c r="F8785" cm="1">
        <f t="array" ref="F8785">IFERROR(INDEX(Jesper!AJ$2:AJ$366,ROUNDDOWN($C8785/24,0)+1,1)*INDEX($D$3:$AA$30,INDEX(Jesper!$R$2:$R$366,ROW(INDEX(Jesper!AJ$2:AJ$366,ROUNDDOWN($C8785/24,0)+1,1))-1)+IF('Standard Profiles'!$G$20=$B$10,7,0)+IF('Standard Profiles'!$G$20=$B$17,14,0)+IF('Standard Profiles'!$G$20=$B$24,21,0),MOD($C8785,24)+1)/SUM(INDEX($D$3:$AA$30,INDEX(Jesper!$R$2:$R$366,ROW(INDEX(Jesper!AJ$2:AJ$366,ROUNDDOWN($C8785/24,0)+1,1))-1)+IF('Standard Profiles'!$G$20=$B$10,7,0)+IF('Standard Profiles'!$G$20=$B$17,14,0)+IF('Standard Profiles'!$G$20=$B$24,21,0),0)),0)</f>
        <v>0</v>
      </c>
      <c r="G8785" cm="1">
        <f t="array" ref="G8785">IFERROR(INDEX(Jesper!AK$2:AK$366,ROUNDDOWN($C8785/24,0)+1,1)*INDEX($D$3:$AA$30,INDEX(Jesper!$R$2:$R$366,ROW(INDEX(Jesper!AK$2:AK$366,ROUNDDOWN($C8785/24,0)+1,1))-1)+IF('Standard Profiles'!$G$21=$B$10,7,0)+IF('Standard Profiles'!$G$21=$B$17,14,0)+IF('Standard Profiles'!$G$21=$B$24,21,0),MOD($C8785,24)+1)/SUM(INDEX($D$3:$AA$30,INDEX(Jesper!$R$2:$R$366,ROW(INDEX(Jesper!AK$2:AK$366,ROUNDDOWN($C8785/24,0)+1,1))-1)+IF('Standard Profiles'!$G$21=$B$10,7,0)+IF('Standard Profiles'!$G$21=$B$17,14,0)+IF('Standard Profiles'!$G$21=$B$24,21,0),0)),0)</f>
        <v>0</v>
      </c>
      <c r="H8785" cm="1">
        <f t="array" ref="H8785">IFERROR(INDEX(Jesper!AL$2:AL$366,ROUNDDOWN($C8785/24,0)+1,1)*INDEX($D$3:$AA$30,INDEX(Jesper!$R$2:$R$366,ROW(INDEX(Jesper!AL$2:AL$366,ROUNDDOWN($C8785/24,0)+1,1))-1)+IF('Standard Profiles'!$G$22=$B$10,7,0)+IF('Standard Profiles'!$G$22=$B$17,14,0)+IF('Standard Profiles'!$G$22=$B$24,21,0),MOD($C8785,24)+1)/SUM(INDEX($D$3:$AA$30,INDEX(Jesper!$R$2:$R$366,ROW(INDEX(Jesper!AL$2:AL$366,ROUNDDOWN($C8785/24,0)+1,1))-1)+IF('Standard Profiles'!$G$22=$B$10,7,0)+IF('Standard Profiles'!$G$22=$B$17,14,0)+IF('Standard Profiles'!$G$22=$B$24,21,0),0)),0)</f>
        <v>0</v>
      </c>
      <c r="I8785">
        <f t="shared" si="972"/>
        <v>0.56332227090924514</v>
      </c>
      <c r="J8785">
        <f t="shared" si="973"/>
        <v>1.8777409030308172</v>
      </c>
      <c r="K8785">
        <f t="shared" si="974"/>
        <v>2.8166113545462257</v>
      </c>
      <c r="L8785">
        <f t="shared" si="975"/>
        <v>13.519734501821882</v>
      </c>
      <c r="M8785">
        <f t="shared" si="976"/>
        <v>0</v>
      </c>
      <c r="N8785" s="46">
        <f t="shared" si="977"/>
        <v>45656.624999978776</v>
      </c>
    </row>
    <row r="8786" spans="2:14" x14ac:dyDescent="0.3">
      <c r="B8786">
        <f t="shared" si="971"/>
        <v>1</v>
      </c>
      <c r="C8786" s="16">
        <v>8752</v>
      </c>
      <c r="D8786" cm="1">
        <f t="array" ref="D8786">IFERROR(INDEX(Jesper!AH$2:AH$366,ROUNDDOWN($C8786/24,0)+1,1)*INDEX($D$3:$AA$30,INDEX(Jesper!$R$2:$R$366,ROW(INDEX(Jesper!AH$2:AH$366,ROUNDDOWN($C8786/24,0)+1,1))-1)+IF('Standard Profiles'!$G$18=$B$10,7,0)+IF('Standard Profiles'!$G$18=$B$17,14,0)+IF('Standard Profiles'!$G$18=$B$24,21,0),MOD($C8786,24)+1)/SUM(INDEX($D$3:$AA$30,INDEX(Jesper!$R$2:$R$366,ROW(INDEX(Jesper!AH$2:AH$366,ROUNDDOWN($C8786/24,0)+1,1))-1)+IF('Standard Profiles'!$G$18=$B$10,7,0)+IF('Standard Profiles'!$G$18=$B$17,14,0)+IF('Standard Profiles'!$G$18=$B$24,21,0),0)),0)</f>
        <v>18.777409030308171</v>
      </c>
      <c r="E8786" cm="1">
        <f t="array" ref="E8786">IFERROR(INDEX(Jesper!AI$2:AI$366,ROUNDDOWN($C8786/24,0)+1,1)*INDEX($D$3:$AA$30,INDEX(Jesper!$R$2:$R$366,ROW(INDEX(Jesper!AI$2:AI$366,ROUNDDOWN($C8786/24,0)+1,1))-1)+IF('Standard Profiles'!$G$19=$B$10,7,0)+IF('Standard Profiles'!$G$19=$B$17,14,0)+IF('Standard Profiles'!$G$19=$B$24,21,0),MOD($C8786,24)+1)/SUM(INDEX($D$3:$AA$30,INDEX(Jesper!$R$2:$R$366,ROW(INDEX(Jesper!AI$2:AI$366,ROUNDDOWN($C8786/24,0)+1,1))-1)+IF('Standard Profiles'!$G$19=$B$10,7,0)+IF('Standard Profiles'!$G$19=$B$17,14,0)+IF('Standard Profiles'!$G$19=$B$24,21,0),0)),0)</f>
        <v>0</v>
      </c>
      <c r="F8786" cm="1">
        <f t="array" ref="F8786">IFERROR(INDEX(Jesper!AJ$2:AJ$366,ROUNDDOWN($C8786/24,0)+1,1)*INDEX($D$3:$AA$30,INDEX(Jesper!$R$2:$R$366,ROW(INDEX(Jesper!AJ$2:AJ$366,ROUNDDOWN($C8786/24,0)+1,1))-1)+IF('Standard Profiles'!$G$20=$B$10,7,0)+IF('Standard Profiles'!$G$20=$B$17,14,0)+IF('Standard Profiles'!$G$20=$B$24,21,0),MOD($C8786,24)+1)/SUM(INDEX($D$3:$AA$30,INDEX(Jesper!$R$2:$R$366,ROW(INDEX(Jesper!AJ$2:AJ$366,ROUNDDOWN($C8786/24,0)+1,1))-1)+IF('Standard Profiles'!$G$20=$B$10,7,0)+IF('Standard Profiles'!$G$20=$B$17,14,0)+IF('Standard Profiles'!$G$20=$B$24,21,0),0)),0)</f>
        <v>0</v>
      </c>
      <c r="G8786" cm="1">
        <f t="array" ref="G8786">IFERROR(INDEX(Jesper!AK$2:AK$366,ROUNDDOWN($C8786/24,0)+1,1)*INDEX($D$3:$AA$30,INDEX(Jesper!$R$2:$R$366,ROW(INDEX(Jesper!AK$2:AK$366,ROUNDDOWN($C8786/24,0)+1,1))-1)+IF('Standard Profiles'!$G$21=$B$10,7,0)+IF('Standard Profiles'!$G$21=$B$17,14,0)+IF('Standard Profiles'!$G$21=$B$24,21,0),MOD($C8786,24)+1)/SUM(INDEX($D$3:$AA$30,INDEX(Jesper!$R$2:$R$366,ROW(INDEX(Jesper!AK$2:AK$366,ROUNDDOWN($C8786/24,0)+1,1))-1)+IF('Standard Profiles'!$G$21=$B$10,7,0)+IF('Standard Profiles'!$G$21=$B$17,14,0)+IF('Standard Profiles'!$G$21=$B$24,21,0),0)),0)</f>
        <v>0</v>
      </c>
      <c r="H8786" cm="1">
        <f t="array" ref="H8786">IFERROR(INDEX(Jesper!AL$2:AL$366,ROUNDDOWN($C8786/24,0)+1,1)*INDEX($D$3:$AA$30,INDEX(Jesper!$R$2:$R$366,ROW(INDEX(Jesper!AL$2:AL$366,ROUNDDOWN($C8786/24,0)+1,1))-1)+IF('Standard Profiles'!$G$22=$B$10,7,0)+IF('Standard Profiles'!$G$22=$B$17,14,0)+IF('Standard Profiles'!$G$22=$B$24,21,0),MOD($C8786,24)+1)/SUM(INDEX($D$3:$AA$30,INDEX(Jesper!$R$2:$R$366,ROW(INDEX(Jesper!AL$2:AL$366,ROUNDDOWN($C8786/24,0)+1,1))-1)+IF('Standard Profiles'!$G$22=$B$10,7,0)+IF('Standard Profiles'!$G$22=$B$17,14,0)+IF('Standard Profiles'!$G$22=$B$24,21,0),0)),0)</f>
        <v>0</v>
      </c>
      <c r="I8786">
        <f t="shared" si="972"/>
        <v>0.56332227090924514</v>
      </c>
      <c r="J8786">
        <f t="shared" si="973"/>
        <v>1.8777409030308172</v>
      </c>
      <c r="K8786">
        <f t="shared" si="974"/>
        <v>2.8166113545462257</v>
      </c>
      <c r="L8786">
        <f t="shared" si="975"/>
        <v>13.519734501821882</v>
      </c>
      <c r="M8786">
        <f t="shared" si="976"/>
        <v>0</v>
      </c>
      <c r="N8786" s="46">
        <f t="shared" si="977"/>
        <v>45656.66666664544</v>
      </c>
    </row>
    <row r="8787" spans="2:14" x14ac:dyDescent="0.3">
      <c r="B8787">
        <f t="shared" si="971"/>
        <v>1</v>
      </c>
      <c r="C8787" s="16">
        <v>8753</v>
      </c>
      <c r="D8787" cm="1">
        <f t="array" ref="D8787">IFERROR(INDEX(Jesper!AH$2:AH$366,ROUNDDOWN($C8787/24,0)+1,1)*INDEX($D$3:$AA$30,INDEX(Jesper!$R$2:$R$366,ROW(INDEX(Jesper!AH$2:AH$366,ROUNDDOWN($C8787/24,0)+1,1))-1)+IF('Standard Profiles'!$G$18=$B$10,7,0)+IF('Standard Profiles'!$G$18=$B$17,14,0)+IF('Standard Profiles'!$G$18=$B$24,21,0),MOD($C8787,24)+1)/SUM(INDEX($D$3:$AA$30,INDEX(Jesper!$R$2:$R$366,ROW(INDEX(Jesper!AH$2:AH$366,ROUNDDOWN($C8787/24,0)+1,1))-1)+IF('Standard Profiles'!$G$18=$B$10,7,0)+IF('Standard Profiles'!$G$18=$B$17,14,0)+IF('Standard Profiles'!$G$18=$B$24,21,0),0)),0)</f>
        <v>18.777409030308171</v>
      </c>
      <c r="E8787" cm="1">
        <f t="array" ref="E8787">IFERROR(INDEX(Jesper!AI$2:AI$366,ROUNDDOWN($C8787/24,0)+1,1)*INDEX($D$3:$AA$30,INDEX(Jesper!$R$2:$R$366,ROW(INDEX(Jesper!AI$2:AI$366,ROUNDDOWN($C8787/24,0)+1,1))-1)+IF('Standard Profiles'!$G$19=$B$10,7,0)+IF('Standard Profiles'!$G$19=$B$17,14,0)+IF('Standard Profiles'!$G$19=$B$24,21,0),MOD($C8787,24)+1)/SUM(INDEX($D$3:$AA$30,INDEX(Jesper!$R$2:$R$366,ROW(INDEX(Jesper!AI$2:AI$366,ROUNDDOWN($C8787/24,0)+1,1))-1)+IF('Standard Profiles'!$G$19=$B$10,7,0)+IF('Standard Profiles'!$G$19=$B$17,14,0)+IF('Standard Profiles'!$G$19=$B$24,21,0),0)),0)</f>
        <v>0</v>
      </c>
      <c r="F8787" cm="1">
        <f t="array" ref="F8787">IFERROR(INDEX(Jesper!AJ$2:AJ$366,ROUNDDOWN($C8787/24,0)+1,1)*INDEX($D$3:$AA$30,INDEX(Jesper!$R$2:$R$366,ROW(INDEX(Jesper!AJ$2:AJ$366,ROUNDDOWN($C8787/24,0)+1,1))-1)+IF('Standard Profiles'!$G$20=$B$10,7,0)+IF('Standard Profiles'!$G$20=$B$17,14,0)+IF('Standard Profiles'!$G$20=$B$24,21,0),MOD($C8787,24)+1)/SUM(INDEX($D$3:$AA$30,INDEX(Jesper!$R$2:$R$366,ROW(INDEX(Jesper!AJ$2:AJ$366,ROUNDDOWN($C8787/24,0)+1,1))-1)+IF('Standard Profiles'!$G$20=$B$10,7,0)+IF('Standard Profiles'!$G$20=$B$17,14,0)+IF('Standard Profiles'!$G$20=$B$24,21,0),0)),0)</f>
        <v>0</v>
      </c>
      <c r="G8787" cm="1">
        <f t="array" ref="G8787">IFERROR(INDEX(Jesper!AK$2:AK$366,ROUNDDOWN($C8787/24,0)+1,1)*INDEX($D$3:$AA$30,INDEX(Jesper!$R$2:$R$366,ROW(INDEX(Jesper!AK$2:AK$366,ROUNDDOWN($C8787/24,0)+1,1))-1)+IF('Standard Profiles'!$G$21=$B$10,7,0)+IF('Standard Profiles'!$G$21=$B$17,14,0)+IF('Standard Profiles'!$G$21=$B$24,21,0),MOD($C8787,24)+1)/SUM(INDEX($D$3:$AA$30,INDEX(Jesper!$R$2:$R$366,ROW(INDEX(Jesper!AK$2:AK$366,ROUNDDOWN($C8787/24,0)+1,1))-1)+IF('Standard Profiles'!$G$21=$B$10,7,0)+IF('Standard Profiles'!$G$21=$B$17,14,0)+IF('Standard Profiles'!$G$21=$B$24,21,0),0)),0)</f>
        <v>0</v>
      </c>
      <c r="H8787" cm="1">
        <f t="array" ref="H8787">IFERROR(INDEX(Jesper!AL$2:AL$366,ROUNDDOWN($C8787/24,0)+1,1)*INDEX($D$3:$AA$30,INDEX(Jesper!$R$2:$R$366,ROW(INDEX(Jesper!AL$2:AL$366,ROUNDDOWN($C8787/24,0)+1,1))-1)+IF('Standard Profiles'!$G$22=$B$10,7,0)+IF('Standard Profiles'!$G$22=$B$17,14,0)+IF('Standard Profiles'!$G$22=$B$24,21,0),MOD($C8787,24)+1)/SUM(INDEX($D$3:$AA$30,INDEX(Jesper!$R$2:$R$366,ROW(INDEX(Jesper!AL$2:AL$366,ROUNDDOWN($C8787/24,0)+1,1))-1)+IF('Standard Profiles'!$G$22=$B$10,7,0)+IF('Standard Profiles'!$G$22=$B$17,14,0)+IF('Standard Profiles'!$G$22=$B$24,21,0),0)),0)</f>
        <v>0</v>
      </c>
      <c r="I8787">
        <f t="shared" si="972"/>
        <v>0.56332227090924514</v>
      </c>
      <c r="J8787">
        <f t="shared" si="973"/>
        <v>1.8777409030308172</v>
      </c>
      <c r="K8787">
        <f t="shared" si="974"/>
        <v>2.8166113545462257</v>
      </c>
      <c r="L8787">
        <f t="shared" si="975"/>
        <v>13.519734501821882</v>
      </c>
      <c r="M8787">
        <f t="shared" si="976"/>
        <v>0</v>
      </c>
      <c r="N8787" s="46">
        <f t="shared" si="977"/>
        <v>45656.708333312105</v>
      </c>
    </row>
    <row r="8788" spans="2:14" x14ac:dyDescent="0.3">
      <c r="B8788">
        <f t="shared" si="971"/>
        <v>1</v>
      </c>
      <c r="C8788" s="16">
        <v>8754</v>
      </c>
      <c r="D8788" cm="1">
        <f t="array" ref="D8788">IFERROR(INDEX(Jesper!AH$2:AH$366,ROUNDDOWN($C8788/24,0)+1,1)*INDEX($D$3:$AA$30,INDEX(Jesper!$R$2:$R$366,ROW(INDEX(Jesper!AH$2:AH$366,ROUNDDOWN($C8788/24,0)+1,1))-1)+IF('Standard Profiles'!$G$18=$B$10,7,0)+IF('Standard Profiles'!$G$18=$B$17,14,0)+IF('Standard Profiles'!$G$18=$B$24,21,0),MOD($C8788,24)+1)/SUM(INDEX($D$3:$AA$30,INDEX(Jesper!$R$2:$R$366,ROW(INDEX(Jesper!AH$2:AH$366,ROUNDDOWN($C8788/24,0)+1,1))-1)+IF('Standard Profiles'!$G$18=$B$10,7,0)+IF('Standard Profiles'!$G$18=$B$17,14,0)+IF('Standard Profiles'!$G$18=$B$24,21,0),0)),0)</f>
        <v>18.777409030308171</v>
      </c>
      <c r="E8788" cm="1">
        <f t="array" ref="E8788">IFERROR(INDEX(Jesper!AI$2:AI$366,ROUNDDOWN($C8788/24,0)+1,1)*INDEX($D$3:$AA$30,INDEX(Jesper!$R$2:$R$366,ROW(INDEX(Jesper!AI$2:AI$366,ROUNDDOWN($C8788/24,0)+1,1))-1)+IF('Standard Profiles'!$G$19=$B$10,7,0)+IF('Standard Profiles'!$G$19=$B$17,14,0)+IF('Standard Profiles'!$G$19=$B$24,21,0),MOD($C8788,24)+1)/SUM(INDEX($D$3:$AA$30,INDEX(Jesper!$R$2:$R$366,ROW(INDEX(Jesper!AI$2:AI$366,ROUNDDOWN($C8788/24,0)+1,1))-1)+IF('Standard Profiles'!$G$19=$B$10,7,0)+IF('Standard Profiles'!$G$19=$B$17,14,0)+IF('Standard Profiles'!$G$19=$B$24,21,0),0)),0)</f>
        <v>0</v>
      </c>
      <c r="F8788" cm="1">
        <f t="array" ref="F8788">IFERROR(INDEX(Jesper!AJ$2:AJ$366,ROUNDDOWN($C8788/24,0)+1,1)*INDEX($D$3:$AA$30,INDEX(Jesper!$R$2:$R$366,ROW(INDEX(Jesper!AJ$2:AJ$366,ROUNDDOWN($C8788/24,0)+1,1))-1)+IF('Standard Profiles'!$G$20=$B$10,7,0)+IF('Standard Profiles'!$G$20=$B$17,14,0)+IF('Standard Profiles'!$G$20=$B$24,21,0),MOD($C8788,24)+1)/SUM(INDEX($D$3:$AA$30,INDEX(Jesper!$R$2:$R$366,ROW(INDEX(Jesper!AJ$2:AJ$366,ROUNDDOWN($C8788/24,0)+1,1))-1)+IF('Standard Profiles'!$G$20=$B$10,7,0)+IF('Standard Profiles'!$G$20=$B$17,14,0)+IF('Standard Profiles'!$G$20=$B$24,21,0),0)),0)</f>
        <v>0</v>
      </c>
      <c r="G8788" cm="1">
        <f t="array" ref="G8788">IFERROR(INDEX(Jesper!AK$2:AK$366,ROUNDDOWN($C8788/24,0)+1,1)*INDEX($D$3:$AA$30,INDEX(Jesper!$R$2:$R$366,ROW(INDEX(Jesper!AK$2:AK$366,ROUNDDOWN($C8788/24,0)+1,1))-1)+IF('Standard Profiles'!$G$21=$B$10,7,0)+IF('Standard Profiles'!$G$21=$B$17,14,0)+IF('Standard Profiles'!$G$21=$B$24,21,0),MOD($C8788,24)+1)/SUM(INDEX($D$3:$AA$30,INDEX(Jesper!$R$2:$R$366,ROW(INDEX(Jesper!AK$2:AK$366,ROUNDDOWN($C8788/24,0)+1,1))-1)+IF('Standard Profiles'!$G$21=$B$10,7,0)+IF('Standard Profiles'!$G$21=$B$17,14,0)+IF('Standard Profiles'!$G$21=$B$24,21,0),0)),0)</f>
        <v>0</v>
      </c>
      <c r="H8788" cm="1">
        <f t="array" ref="H8788">IFERROR(INDEX(Jesper!AL$2:AL$366,ROUNDDOWN($C8788/24,0)+1,1)*INDEX($D$3:$AA$30,INDEX(Jesper!$R$2:$R$366,ROW(INDEX(Jesper!AL$2:AL$366,ROUNDDOWN($C8788/24,0)+1,1))-1)+IF('Standard Profiles'!$G$22=$B$10,7,0)+IF('Standard Profiles'!$G$22=$B$17,14,0)+IF('Standard Profiles'!$G$22=$B$24,21,0),MOD($C8788,24)+1)/SUM(INDEX($D$3:$AA$30,INDEX(Jesper!$R$2:$R$366,ROW(INDEX(Jesper!AL$2:AL$366,ROUNDDOWN($C8788/24,0)+1,1))-1)+IF('Standard Profiles'!$G$22=$B$10,7,0)+IF('Standard Profiles'!$G$22=$B$17,14,0)+IF('Standard Profiles'!$G$22=$B$24,21,0),0)),0)</f>
        <v>0</v>
      </c>
      <c r="I8788">
        <f t="shared" si="972"/>
        <v>0.56332227090924514</v>
      </c>
      <c r="J8788">
        <f t="shared" si="973"/>
        <v>1.8777409030308172</v>
      </c>
      <c r="K8788">
        <f t="shared" si="974"/>
        <v>2.8166113545462257</v>
      </c>
      <c r="L8788">
        <f t="shared" si="975"/>
        <v>13.519734501821882</v>
      </c>
      <c r="M8788">
        <f t="shared" si="976"/>
        <v>0</v>
      </c>
      <c r="N8788" s="46">
        <f t="shared" si="977"/>
        <v>45656.749999978769</v>
      </c>
    </row>
    <row r="8789" spans="2:14" x14ac:dyDescent="0.3">
      <c r="B8789">
        <f t="shared" si="971"/>
        <v>1</v>
      </c>
      <c r="C8789" s="16">
        <v>8755</v>
      </c>
      <c r="D8789" cm="1">
        <f t="array" ref="D8789">IFERROR(INDEX(Jesper!AH$2:AH$366,ROUNDDOWN($C8789/24,0)+1,1)*INDEX($D$3:$AA$30,INDEX(Jesper!$R$2:$R$366,ROW(INDEX(Jesper!AH$2:AH$366,ROUNDDOWN($C8789/24,0)+1,1))-1)+IF('Standard Profiles'!$G$18=$B$10,7,0)+IF('Standard Profiles'!$G$18=$B$17,14,0)+IF('Standard Profiles'!$G$18=$B$24,21,0),MOD($C8789,24)+1)/SUM(INDEX($D$3:$AA$30,INDEX(Jesper!$R$2:$R$366,ROW(INDEX(Jesper!AH$2:AH$366,ROUNDDOWN($C8789/24,0)+1,1))-1)+IF('Standard Profiles'!$G$18=$B$10,7,0)+IF('Standard Profiles'!$G$18=$B$17,14,0)+IF('Standard Profiles'!$G$18=$B$24,21,0),0)),0)</f>
        <v>15.726080062883094</v>
      </c>
      <c r="E8789" cm="1">
        <f t="array" ref="E8789">IFERROR(INDEX(Jesper!AI$2:AI$366,ROUNDDOWN($C8789/24,0)+1,1)*INDEX($D$3:$AA$30,INDEX(Jesper!$R$2:$R$366,ROW(INDEX(Jesper!AI$2:AI$366,ROUNDDOWN($C8789/24,0)+1,1))-1)+IF('Standard Profiles'!$G$19=$B$10,7,0)+IF('Standard Profiles'!$G$19=$B$17,14,0)+IF('Standard Profiles'!$G$19=$B$24,21,0),MOD($C8789,24)+1)/SUM(INDEX($D$3:$AA$30,INDEX(Jesper!$R$2:$R$366,ROW(INDEX(Jesper!AI$2:AI$366,ROUNDDOWN($C8789/24,0)+1,1))-1)+IF('Standard Profiles'!$G$19=$B$10,7,0)+IF('Standard Profiles'!$G$19=$B$17,14,0)+IF('Standard Profiles'!$G$19=$B$24,21,0),0)),0)</f>
        <v>0</v>
      </c>
      <c r="F8789" cm="1">
        <f t="array" ref="F8789">IFERROR(INDEX(Jesper!AJ$2:AJ$366,ROUNDDOWN($C8789/24,0)+1,1)*INDEX($D$3:$AA$30,INDEX(Jesper!$R$2:$R$366,ROW(INDEX(Jesper!AJ$2:AJ$366,ROUNDDOWN($C8789/24,0)+1,1))-1)+IF('Standard Profiles'!$G$20=$B$10,7,0)+IF('Standard Profiles'!$G$20=$B$17,14,0)+IF('Standard Profiles'!$G$20=$B$24,21,0),MOD($C8789,24)+1)/SUM(INDEX($D$3:$AA$30,INDEX(Jesper!$R$2:$R$366,ROW(INDEX(Jesper!AJ$2:AJ$366,ROUNDDOWN($C8789/24,0)+1,1))-1)+IF('Standard Profiles'!$G$20=$B$10,7,0)+IF('Standard Profiles'!$G$20=$B$17,14,0)+IF('Standard Profiles'!$G$20=$B$24,21,0),0)),0)</f>
        <v>0</v>
      </c>
      <c r="G8789" cm="1">
        <f t="array" ref="G8789">IFERROR(INDEX(Jesper!AK$2:AK$366,ROUNDDOWN($C8789/24,0)+1,1)*INDEX($D$3:$AA$30,INDEX(Jesper!$R$2:$R$366,ROW(INDEX(Jesper!AK$2:AK$366,ROUNDDOWN($C8789/24,0)+1,1))-1)+IF('Standard Profiles'!$G$21=$B$10,7,0)+IF('Standard Profiles'!$G$21=$B$17,14,0)+IF('Standard Profiles'!$G$21=$B$24,21,0),MOD($C8789,24)+1)/SUM(INDEX($D$3:$AA$30,INDEX(Jesper!$R$2:$R$366,ROW(INDEX(Jesper!AK$2:AK$366,ROUNDDOWN($C8789/24,0)+1,1))-1)+IF('Standard Profiles'!$G$21=$B$10,7,0)+IF('Standard Profiles'!$G$21=$B$17,14,0)+IF('Standard Profiles'!$G$21=$B$24,21,0),0)),0)</f>
        <v>0</v>
      </c>
      <c r="H8789" cm="1">
        <f t="array" ref="H8789">IFERROR(INDEX(Jesper!AL$2:AL$366,ROUNDDOWN($C8789/24,0)+1,1)*INDEX($D$3:$AA$30,INDEX(Jesper!$R$2:$R$366,ROW(INDEX(Jesper!AL$2:AL$366,ROUNDDOWN($C8789/24,0)+1,1))-1)+IF('Standard Profiles'!$G$22=$B$10,7,0)+IF('Standard Profiles'!$G$22=$B$17,14,0)+IF('Standard Profiles'!$G$22=$B$24,21,0),MOD($C8789,24)+1)/SUM(INDEX($D$3:$AA$30,INDEX(Jesper!$R$2:$R$366,ROW(INDEX(Jesper!AL$2:AL$366,ROUNDDOWN($C8789/24,0)+1,1))-1)+IF('Standard Profiles'!$G$22=$B$10,7,0)+IF('Standard Profiles'!$G$22=$B$17,14,0)+IF('Standard Profiles'!$G$22=$B$24,21,0),0)),0)</f>
        <v>0</v>
      </c>
      <c r="I8789">
        <f t="shared" si="972"/>
        <v>0.47178240188649279</v>
      </c>
      <c r="J8789">
        <f t="shared" si="973"/>
        <v>1.5726080062883094</v>
      </c>
      <c r="K8789">
        <f t="shared" si="974"/>
        <v>2.3589120094324638</v>
      </c>
      <c r="L8789">
        <f t="shared" si="975"/>
        <v>11.322777645275828</v>
      </c>
      <c r="M8789">
        <f t="shared" si="976"/>
        <v>0</v>
      </c>
      <c r="N8789" s="46">
        <f t="shared" si="977"/>
        <v>45656.791666645433</v>
      </c>
    </row>
    <row r="8790" spans="2:14" x14ac:dyDescent="0.3">
      <c r="B8790">
        <f t="shared" si="971"/>
        <v>1</v>
      </c>
      <c r="C8790" s="16">
        <v>8756</v>
      </c>
      <c r="D8790" cm="1">
        <f t="array" ref="D8790">IFERROR(INDEX(Jesper!AH$2:AH$366,ROUNDDOWN($C8790/24,0)+1,1)*INDEX($D$3:$AA$30,INDEX(Jesper!$R$2:$R$366,ROW(INDEX(Jesper!AH$2:AH$366,ROUNDDOWN($C8790/24,0)+1,1))-1)+IF('Standard Profiles'!$G$18=$B$10,7,0)+IF('Standard Profiles'!$G$18=$B$17,14,0)+IF('Standard Profiles'!$G$18=$B$24,21,0),MOD($C8790,24)+1)/SUM(INDEX($D$3:$AA$30,INDEX(Jesper!$R$2:$R$366,ROW(INDEX(Jesper!AH$2:AH$366,ROUNDDOWN($C8790/24,0)+1,1))-1)+IF('Standard Profiles'!$G$18=$B$10,7,0)+IF('Standard Profiles'!$G$18=$B$17,14,0)+IF('Standard Profiles'!$G$18=$B$24,21,0),0)),0)</f>
        <v>12.909468708336865</v>
      </c>
      <c r="E8790" cm="1">
        <f t="array" ref="E8790">IFERROR(INDEX(Jesper!AI$2:AI$366,ROUNDDOWN($C8790/24,0)+1,1)*INDEX($D$3:$AA$30,INDEX(Jesper!$R$2:$R$366,ROW(INDEX(Jesper!AI$2:AI$366,ROUNDDOWN($C8790/24,0)+1,1))-1)+IF('Standard Profiles'!$G$19=$B$10,7,0)+IF('Standard Profiles'!$G$19=$B$17,14,0)+IF('Standard Profiles'!$G$19=$B$24,21,0),MOD($C8790,24)+1)/SUM(INDEX($D$3:$AA$30,INDEX(Jesper!$R$2:$R$366,ROW(INDEX(Jesper!AI$2:AI$366,ROUNDDOWN($C8790/24,0)+1,1))-1)+IF('Standard Profiles'!$G$19=$B$10,7,0)+IF('Standard Profiles'!$G$19=$B$17,14,0)+IF('Standard Profiles'!$G$19=$B$24,21,0),0)),0)</f>
        <v>0</v>
      </c>
      <c r="F8790" cm="1">
        <f t="array" ref="F8790">IFERROR(INDEX(Jesper!AJ$2:AJ$366,ROUNDDOWN($C8790/24,0)+1,1)*INDEX($D$3:$AA$30,INDEX(Jesper!$R$2:$R$366,ROW(INDEX(Jesper!AJ$2:AJ$366,ROUNDDOWN($C8790/24,0)+1,1))-1)+IF('Standard Profiles'!$G$20=$B$10,7,0)+IF('Standard Profiles'!$G$20=$B$17,14,0)+IF('Standard Profiles'!$G$20=$B$24,21,0),MOD($C8790,24)+1)/SUM(INDEX($D$3:$AA$30,INDEX(Jesper!$R$2:$R$366,ROW(INDEX(Jesper!AJ$2:AJ$366,ROUNDDOWN($C8790/24,0)+1,1))-1)+IF('Standard Profiles'!$G$20=$B$10,7,0)+IF('Standard Profiles'!$G$20=$B$17,14,0)+IF('Standard Profiles'!$G$20=$B$24,21,0),0)),0)</f>
        <v>0</v>
      </c>
      <c r="G8790" cm="1">
        <f t="array" ref="G8790">IFERROR(INDEX(Jesper!AK$2:AK$366,ROUNDDOWN($C8790/24,0)+1,1)*INDEX($D$3:$AA$30,INDEX(Jesper!$R$2:$R$366,ROW(INDEX(Jesper!AK$2:AK$366,ROUNDDOWN($C8790/24,0)+1,1))-1)+IF('Standard Profiles'!$G$21=$B$10,7,0)+IF('Standard Profiles'!$G$21=$B$17,14,0)+IF('Standard Profiles'!$G$21=$B$24,21,0),MOD($C8790,24)+1)/SUM(INDEX($D$3:$AA$30,INDEX(Jesper!$R$2:$R$366,ROW(INDEX(Jesper!AK$2:AK$366,ROUNDDOWN($C8790/24,0)+1,1))-1)+IF('Standard Profiles'!$G$21=$B$10,7,0)+IF('Standard Profiles'!$G$21=$B$17,14,0)+IF('Standard Profiles'!$G$21=$B$24,21,0),0)),0)</f>
        <v>0</v>
      </c>
      <c r="H8790" cm="1">
        <f t="array" ref="H8790">IFERROR(INDEX(Jesper!AL$2:AL$366,ROUNDDOWN($C8790/24,0)+1,1)*INDEX($D$3:$AA$30,INDEX(Jesper!$R$2:$R$366,ROW(INDEX(Jesper!AL$2:AL$366,ROUNDDOWN($C8790/24,0)+1,1))-1)+IF('Standard Profiles'!$G$22=$B$10,7,0)+IF('Standard Profiles'!$G$22=$B$17,14,0)+IF('Standard Profiles'!$G$22=$B$24,21,0),MOD($C8790,24)+1)/SUM(INDEX($D$3:$AA$30,INDEX(Jesper!$R$2:$R$366,ROW(INDEX(Jesper!AL$2:AL$366,ROUNDDOWN($C8790/24,0)+1,1))-1)+IF('Standard Profiles'!$G$22=$B$10,7,0)+IF('Standard Profiles'!$G$22=$B$17,14,0)+IF('Standard Profiles'!$G$22=$B$24,21,0),0)),0)</f>
        <v>0</v>
      </c>
      <c r="I8790">
        <f t="shared" si="972"/>
        <v>0.38728406125010595</v>
      </c>
      <c r="J8790">
        <f t="shared" si="973"/>
        <v>1.2909468708336866</v>
      </c>
      <c r="K8790">
        <f t="shared" si="974"/>
        <v>1.9364203062505296</v>
      </c>
      <c r="L8790">
        <f t="shared" si="975"/>
        <v>9.2948174700025419</v>
      </c>
      <c r="M8790">
        <f t="shared" si="976"/>
        <v>0</v>
      </c>
      <c r="N8790" s="46">
        <f t="shared" si="977"/>
        <v>45656.833333312097</v>
      </c>
    </row>
    <row r="8791" spans="2:14" x14ac:dyDescent="0.3">
      <c r="B8791">
        <f t="shared" si="971"/>
        <v>1</v>
      </c>
      <c r="C8791" s="16">
        <v>8757</v>
      </c>
      <c r="D8791" cm="1">
        <f t="array" ref="D8791">IFERROR(INDEX(Jesper!AH$2:AH$366,ROUNDDOWN($C8791/24,0)+1,1)*INDEX($D$3:$AA$30,INDEX(Jesper!$R$2:$R$366,ROW(INDEX(Jesper!AH$2:AH$366,ROUNDDOWN($C8791/24,0)+1,1))-1)+IF('Standard Profiles'!$G$18=$B$10,7,0)+IF('Standard Profiles'!$G$18=$B$17,14,0)+IF('Standard Profiles'!$G$18=$B$24,21,0),MOD($C8791,24)+1)/SUM(INDEX($D$3:$AA$30,INDEX(Jesper!$R$2:$R$366,ROW(INDEX(Jesper!AH$2:AH$366,ROUNDDOWN($C8791/24,0)+1,1))-1)+IF('Standard Profiles'!$G$18=$B$10,7,0)+IF('Standard Profiles'!$G$18=$B$17,14,0)+IF('Standard Profiles'!$G$18=$B$24,21,0),0)),0)</f>
        <v>9.3887045151540853</v>
      </c>
      <c r="E8791" cm="1">
        <f t="array" ref="E8791">IFERROR(INDEX(Jesper!AI$2:AI$366,ROUNDDOWN($C8791/24,0)+1,1)*INDEX($D$3:$AA$30,INDEX(Jesper!$R$2:$R$366,ROW(INDEX(Jesper!AI$2:AI$366,ROUNDDOWN($C8791/24,0)+1,1))-1)+IF('Standard Profiles'!$G$19=$B$10,7,0)+IF('Standard Profiles'!$G$19=$B$17,14,0)+IF('Standard Profiles'!$G$19=$B$24,21,0),MOD($C8791,24)+1)/SUM(INDEX($D$3:$AA$30,INDEX(Jesper!$R$2:$R$366,ROW(INDEX(Jesper!AI$2:AI$366,ROUNDDOWN($C8791/24,0)+1,1))-1)+IF('Standard Profiles'!$G$19=$B$10,7,0)+IF('Standard Profiles'!$G$19=$B$17,14,0)+IF('Standard Profiles'!$G$19=$B$24,21,0),0)),0)</f>
        <v>0</v>
      </c>
      <c r="F8791" cm="1">
        <f t="array" ref="F8791">IFERROR(INDEX(Jesper!AJ$2:AJ$366,ROUNDDOWN($C8791/24,0)+1,1)*INDEX($D$3:$AA$30,INDEX(Jesper!$R$2:$R$366,ROW(INDEX(Jesper!AJ$2:AJ$366,ROUNDDOWN($C8791/24,0)+1,1))-1)+IF('Standard Profiles'!$G$20=$B$10,7,0)+IF('Standard Profiles'!$G$20=$B$17,14,0)+IF('Standard Profiles'!$G$20=$B$24,21,0),MOD($C8791,24)+1)/SUM(INDEX($D$3:$AA$30,INDEX(Jesper!$R$2:$R$366,ROW(INDEX(Jesper!AJ$2:AJ$366,ROUNDDOWN($C8791/24,0)+1,1))-1)+IF('Standard Profiles'!$G$20=$B$10,7,0)+IF('Standard Profiles'!$G$20=$B$17,14,0)+IF('Standard Profiles'!$G$20=$B$24,21,0),0)),0)</f>
        <v>0</v>
      </c>
      <c r="G8791" cm="1">
        <f t="array" ref="G8791">IFERROR(INDEX(Jesper!AK$2:AK$366,ROUNDDOWN($C8791/24,0)+1,1)*INDEX($D$3:$AA$30,INDEX(Jesper!$R$2:$R$366,ROW(INDEX(Jesper!AK$2:AK$366,ROUNDDOWN($C8791/24,0)+1,1))-1)+IF('Standard Profiles'!$G$21=$B$10,7,0)+IF('Standard Profiles'!$G$21=$B$17,14,0)+IF('Standard Profiles'!$G$21=$B$24,21,0),MOD($C8791,24)+1)/SUM(INDEX($D$3:$AA$30,INDEX(Jesper!$R$2:$R$366,ROW(INDEX(Jesper!AK$2:AK$366,ROUNDDOWN($C8791/24,0)+1,1))-1)+IF('Standard Profiles'!$G$21=$B$10,7,0)+IF('Standard Profiles'!$G$21=$B$17,14,0)+IF('Standard Profiles'!$G$21=$B$24,21,0),0)),0)</f>
        <v>0</v>
      </c>
      <c r="H8791" cm="1">
        <f t="array" ref="H8791">IFERROR(INDEX(Jesper!AL$2:AL$366,ROUNDDOWN($C8791/24,0)+1,1)*INDEX($D$3:$AA$30,INDEX(Jesper!$R$2:$R$366,ROW(INDEX(Jesper!AL$2:AL$366,ROUNDDOWN($C8791/24,0)+1,1))-1)+IF('Standard Profiles'!$G$22=$B$10,7,0)+IF('Standard Profiles'!$G$22=$B$17,14,0)+IF('Standard Profiles'!$G$22=$B$24,21,0),MOD($C8791,24)+1)/SUM(INDEX($D$3:$AA$30,INDEX(Jesper!$R$2:$R$366,ROW(INDEX(Jesper!AL$2:AL$366,ROUNDDOWN($C8791/24,0)+1,1))-1)+IF('Standard Profiles'!$G$22=$B$10,7,0)+IF('Standard Profiles'!$G$22=$B$17,14,0)+IF('Standard Profiles'!$G$22=$B$24,21,0),0)),0)</f>
        <v>0</v>
      </c>
      <c r="I8791">
        <f t="shared" si="972"/>
        <v>0.28166113545462257</v>
      </c>
      <c r="J8791">
        <f t="shared" si="973"/>
        <v>0.9388704515154086</v>
      </c>
      <c r="K8791">
        <f t="shared" si="974"/>
        <v>1.4083056772731128</v>
      </c>
      <c r="L8791">
        <f t="shared" si="975"/>
        <v>6.7598672509109408</v>
      </c>
      <c r="M8791">
        <f t="shared" si="976"/>
        <v>0</v>
      </c>
      <c r="N8791" s="46">
        <f t="shared" si="977"/>
        <v>45656.874999978761</v>
      </c>
    </row>
    <row r="8792" spans="2:14" x14ac:dyDescent="0.3">
      <c r="B8792">
        <f t="shared" si="971"/>
        <v>1</v>
      </c>
      <c r="C8792" s="16">
        <v>8758</v>
      </c>
      <c r="D8792" cm="1">
        <f t="array" ref="D8792">IFERROR(INDEX(Jesper!AH$2:AH$366,ROUNDDOWN($C8792/24,0)+1,1)*INDEX($D$3:$AA$30,INDEX(Jesper!$R$2:$R$366,ROW(INDEX(Jesper!AH$2:AH$366,ROUNDDOWN($C8792/24,0)+1,1))-1)+IF('Standard Profiles'!$G$18=$B$10,7,0)+IF('Standard Profiles'!$G$18=$B$17,14,0)+IF('Standard Profiles'!$G$18=$B$24,21,0),MOD($C8792,24)+1)/SUM(INDEX($D$3:$AA$30,INDEX(Jesper!$R$2:$R$366,ROW(INDEX(Jesper!AH$2:AH$366,ROUNDDOWN($C8792/24,0)+1,1))-1)+IF('Standard Profiles'!$G$18=$B$10,7,0)+IF('Standard Profiles'!$G$18=$B$17,14,0)+IF('Standard Profiles'!$G$18=$B$24,21,0),0)),0)</f>
        <v>8.9192692893963805</v>
      </c>
      <c r="E8792" cm="1">
        <f t="array" ref="E8792">IFERROR(INDEX(Jesper!AI$2:AI$366,ROUNDDOWN($C8792/24,0)+1,1)*INDEX($D$3:$AA$30,INDEX(Jesper!$R$2:$R$366,ROW(INDEX(Jesper!AI$2:AI$366,ROUNDDOWN($C8792/24,0)+1,1))-1)+IF('Standard Profiles'!$G$19=$B$10,7,0)+IF('Standard Profiles'!$G$19=$B$17,14,0)+IF('Standard Profiles'!$G$19=$B$24,21,0),MOD($C8792,24)+1)/SUM(INDEX($D$3:$AA$30,INDEX(Jesper!$R$2:$R$366,ROW(INDEX(Jesper!AI$2:AI$366,ROUNDDOWN($C8792/24,0)+1,1))-1)+IF('Standard Profiles'!$G$19=$B$10,7,0)+IF('Standard Profiles'!$G$19=$B$17,14,0)+IF('Standard Profiles'!$G$19=$B$24,21,0),0)),0)</f>
        <v>0</v>
      </c>
      <c r="F8792" cm="1">
        <f t="array" ref="F8792">IFERROR(INDEX(Jesper!AJ$2:AJ$366,ROUNDDOWN($C8792/24,0)+1,1)*INDEX($D$3:$AA$30,INDEX(Jesper!$R$2:$R$366,ROW(INDEX(Jesper!AJ$2:AJ$366,ROUNDDOWN($C8792/24,0)+1,1))-1)+IF('Standard Profiles'!$G$20=$B$10,7,0)+IF('Standard Profiles'!$G$20=$B$17,14,0)+IF('Standard Profiles'!$G$20=$B$24,21,0),MOD($C8792,24)+1)/SUM(INDEX($D$3:$AA$30,INDEX(Jesper!$R$2:$R$366,ROW(INDEX(Jesper!AJ$2:AJ$366,ROUNDDOWN($C8792/24,0)+1,1))-1)+IF('Standard Profiles'!$G$20=$B$10,7,0)+IF('Standard Profiles'!$G$20=$B$17,14,0)+IF('Standard Profiles'!$G$20=$B$24,21,0),0)),0)</f>
        <v>0</v>
      </c>
      <c r="G8792" cm="1">
        <f t="array" ref="G8792">IFERROR(INDEX(Jesper!AK$2:AK$366,ROUNDDOWN($C8792/24,0)+1,1)*INDEX($D$3:$AA$30,INDEX(Jesper!$R$2:$R$366,ROW(INDEX(Jesper!AK$2:AK$366,ROUNDDOWN($C8792/24,0)+1,1))-1)+IF('Standard Profiles'!$G$21=$B$10,7,0)+IF('Standard Profiles'!$G$21=$B$17,14,0)+IF('Standard Profiles'!$G$21=$B$24,21,0),MOD($C8792,24)+1)/SUM(INDEX($D$3:$AA$30,INDEX(Jesper!$R$2:$R$366,ROW(INDEX(Jesper!AK$2:AK$366,ROUNDDOWN($C8792/24,0)+1,1))-1)+IF('Standard Profiles'!$G$21=$B$10,7,0)+IF('Standard Profiles'!$G$21=$B$17,14,0)+IF('Standard Profiles'!$G$21=$B$24,21,0),0)),0)</f>
        <v>0</v>
      </c>
      <c r="H8792" cm="1">
        <f t="array" ref="H8792">IFERROR(INDEX(Jesper!AL$2:AL$366,ROUNDDOWN($C8792/24,0)+1,1)*INDEX($D$3:$AA$30,INDEX(Jesper!$R$2:$R$366,ROW(INDEX(Jesper!AL$2:AL$366,ROUNDDOWN($C8792/24,0)+1,1))-1)+IF('Standard Profiles'!$G$22=$B$10,7,0)+IF('Standard Profiles'!$G$22=$B$17,14,0)+IF('Standard Profiles'!$G$22=$B$24,21,0),MOD($C8792,24)+1)/SUM(INDEX($D$3:$AA$30,INDEX(Jesper!$R$2:$R$366,ROW(INDEX(Jesper!AL$2:AL$366,ROUNDDOWN($C8792/24,0)+1,1))-1)+IF('Standard Profiles'!$G$22=$B$10,7,0)+IF('Standard Profiles'!$G$22=$B$17,14,0)+IF('Standard Profiles'!$G$22=$B$24,21,0),0)),0)</f>
        <v>0</v>
      </c>
      <c r="I8792">
        <f t="shared" si="972"/>
        <v>0.26757807868189143</v>
      </c>
      <c r="J8792">
        <f t="shared" si="973"/>
        <v>0.8919269289396381</v>
      </c>
      <c r="K8792">
        <f t="shared" si="974"/>
        <v>1.337890393409457</v>
      </c>
      <c r="L8792">
        <f t="shared" si="975"/>
        <v>6.4218738883653934</v>
      </c>
      <c r="M8792">
        <f t="shared" si="976"/>
        <v>0</v>
      </c>
      <c r="N8792" s="46">
        <f t="shared" si="977"/>
        <v>45656.916666645426</v>
      </c>
    </row>
    <row r="8793" spans="2:14" x14ac:dyDescent="0.3">
      <c r="B8793">
        <f t="shared" si="971"/>
        <v>1</v>
      </c>
      <c r="C8793" s="16">
        <v>8759</v>
      </c>
      <c r="D8793" cm="1">
        <f t="array" ref="D8793">IFERROR(INDEX(Jesper!AH$2:AH$366,ROUNDDOWN($C8793/24,0)+1,1)*INDEX($D$3:$AA$30,INDEX(Jesper!$R$2:$R$366,ROW(INDEX(Jesper!AH$2:AH$366,ROUNDDOWN($C8793/24,0)+1,1))-1)+IF('Standard Profiles'!$G$18=$B$10,7,0)+IF('Standard Profiles'!$G$18=$B$17,14,0)+IF('Standard Profiles'!$G$18=$B$24,21,0),MOD($C8793,24)+1)/SUM(INDEX($D$3:$AA$30,INDEX(Jesper!$R$2:$R$366,ROW(INDEX(Jesper!AH$2:AH$366,ROUNDDOWN($C8793/24,0)+1,1))-1)+IF('Standard Profiles'!$G$18=$B$10,7,0)+IF('Standard Profiles'!$G$18=$B$17,14,0)+IF('Standard Profiles'!$G$18=$B$24,21,0),0)),0)</f>
        <v>8.9192692893963805</v>
      </c>
      <c r="E8793" cm="1">
        <f t="array" ref="E8793">IFERROR(INDEX(Jesper!AI$2:AI$366,ROUNDDOWN($C8793/24,0)+1,1)*INDEX($D$3:$AA$30,INDEX(Jesper!$R$2:$R$366,ROW(INDEX(Jesper!AI$2:AI$366,ROUNDDOWN($C8793/24,0)+1,1))-1)+IF('Standard Profiles'!$G$19=$B$10,7,0)+IF('Standard Profiles'!$G$19=$B$17,14,0)+IF('Standard Profiles'!$G$19=$B$24,21,0),MOD($C8793,24)+1)/SUM(INDEX($D$3:$AA$30,INDEX(Jesper!$R$2:$R$366,ROW(INDEX(Jesper!AI$2:AI$366,ROUNDDOWN($C8793/24,0)+1,1))-1)+IF('Standard Profiles'!$G$19=$B$10,7,0)+IF('Standard Profiles'!$G$19=$B$17,14,0)+IF('Standard Profiles'!$G$19=$B$24,21,0),0)),0)</f>
        <v>0</v>
      </c>
      <c r="F8793" cm="1">
        <f t="array" ref="F8793">IFERROR(INDEX(Jesper!AJ$2:AJ$366,ROUNDDOWN($C8793/24,0)+1,1)*INDEX($D$3:$AA$30,INDEX(Jesper!$R$2:$R$366,ROW(INDEX(Jesper!AJ$2:AJ$366,ROUNDDOWN($C8793/24,0)+1,1))-1)+IF('Standard Profiles'!$G$20=$B$10,7,0)+IF('Standard Profiles'!$G$20=$B$17,14,0)+IF('Standard Profiles'!$G$20=$B$24,21,0),MOD($C8793,24)+1)/SUM(INDEX($D$3:$AA$30,INDEX(Jesper!$R$2:$R$366,ROW(INDEX(Jesper!AJ$2:AJ$366,ROUNDDOWN($C8793/24,0)+1,1))-1)+IF('Standard Profiles'!$G$20=$B$10,7,0)+IF('Standard Profiles'!$G$20=$B$17,14,0)+IF('Standard Profiles'!$G$20=$B$24,21,0),0)),0)</f>
        <v>0</v>
      </c>
      <c r="G8793" cm="1">
        <f t="array" ref="G8793">IFERROR(INDEX(Jesper!AK$2:AK$366,ROUNDDOWN($C8793/24,0)+1,1)*INDEX($D$3:$AA$30,INDEX(Jesper!$R$2:$R$366,ROW(INDEX(Jesper!AK$2:AK$366,ROUNDDOWN($C8793/24,0)+1,1))-1)+IF('Standard Profiles'!$G$21=$B$10,7,0)+IF('Standard Profiles'!$G$21=$B$17,14,0)+IF('Standard Profiles'!$G$21=$B$24,21,0),MOD($C8793,24)+1)/SUM(INDEX($D$3:$AA$30,INDEX(Jesper!$R$2:$R$366,ROW(INDEX(Jesper!AK$2:AK$366,ROUNDDOWN($C8793/24,0)+1,1))-1)+IF('Standard Profiles'!$G$21=$B$10,7,0)+IF('Standard Profiles'!$G$21=$B$17,14,0)+IF('Standard Profiles'!$G$21=$B$24,21,0),0)),0)</f>
        <v>0</v>
      </c>
      <c r="H8793" cm="1">
        <f t="array" ref="H8793">IFERROR(INDEX(Jesper!AL$2:AL$366,ROUNDDOWN($C8793/24,0)+1,1)*INDEX($D$3:$AA$30,INDEX(Jesper!$R$2:$R$366,ROW(INDEX(Jesper!AL$2:AL$366,ROUNDDOWN($C8793/24,0)+1,1))-1)+IF('Standard Profiles'!$G$22=$B$10,7,0)+IF('Standard Profiles'!$G$22=$B$17,14,0)+IF('Standard Profiles'!$G$22=$B$24,21,0),MOD($C8793,24)+1)/SUM(INDEX($D$3:$AA$30,INDEX(Jesper!$R$2:$R$366,ROW(INDEX(Jesper!AL$2:AL$366,ROUNDDOWN($C8793/24,0)+1,1))-1)+IF('Standard Profiles'!$G$22=$B$10,7,0)+IF('Standard Profiles'!$G$22=$B$17,14,0)+IF('Standard Profiles'!$G$22=$B$24,21,0),0)),0)</f>
        <v>0</v>
      </c>
      <c r="I8793">
        <f t="shared" si="972"/>
        <v>0.26757807868189143</v>
      </c>
      <c r="J8793">
        <f t="shared" si="973"/>
        <v>0.8919269289396381</v>
      </c>
      <c r="K8793">
        <f t="shared" si="974"/>
        <v>1.337890393409457</v>
      </c>
      <c r="L8793">
        <f t="shared" si="975"/>
        <v>6.4218738883653934</v>
      </c>
      <c r="M8793">
        <f t="shared" si="976"/>
        <v>0</v>
      </c>
      <c r="N8793" s="46">
        <f t="shared" si="977"/>
        <v>45656.95833331209</v>
      </c>
    </row>
  </sheetData>
  <mergeCells count="6">
    <mergeCell ref="O32:T32"/>
    <mergeCell ref="B17:B23"/>
    <mergeCell ref="B24:B30"/>
    <mergeCell ref="D1:AA1"/>
    <mergeCell ref="B3:B9"/>
    <mergeCell ref="B10:B16"/>
  </mergeCells>
  <phoneticPr fontId="10" type="noConversion"/>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8ADE019-5AC4-42D9-A5BC-D2F2F0042CD9}">
  <dimension ref="A1:BL367"/>
  <sheetViews>
    <sheetView zoomScaleNormal="100" workbookViewId="0">
      <selection activeCell="D38" sqref="D38"/>
    </sheetView>
  </sheetViews>
  <sheetFormatPr defaultColWidth="9.109375" defaultRowHeight="15.6" x14ac:dyDescent="0.3"/>
  <cols>
    <col min="1" max="1" width="12.44140625" style="1" customWidth="1"/>
    <col min="2" max="2" width="22" style="1" bestFit="1" customWidth="1"/>
    <col min="3" max="6" width="12.44140625" style="1" customWidth="1"/>
    <col min="7" max="7" width="12.5546875" style="1" bestFit="1" customWidth="1"/>
    <col min="8" max="8" width="7.21875" style="1" customWidth="1"/>
    <col min="9" max="9" width="47.5546875" style="1" bestFit="1" customWidth="1"/>
    <col min="10" max="10" width="12.5546875" style="1" customWidth="1"/>
    <col min="11" max="15" width="9.109375" style="1"/>
    <col min="16" max="16" width="10.33203125" customWidth="1"/>
    <col min="17" max="17" width="17.44140625" style="16" customWidth="1"/>
    <col min="18" max="18" width="9.33203125" style="16" bestFit="1" customWidth="1"/>
    <col min="19" max="43" width="9.33203125" customWidth="1"/>
    <col min="45" max="45" width="21.6640625" style="1" bestFit="1" customWidth="1"/>
    <col min="46" max="58" width="9.109375" style="1"/>
    <col min="59" max="59" width="13.21875" style="1" bestFit="1" customWidth="1"/>
    <col min="60" max="60" width="23" style="1" bestFit="1" customWidth="1"/>
    <col min="61" max="61" width="12.6640625" style="1" customWidth="1"/>
    <col min="62" max="16384" width="9.109375" style="1"/>
  </cols>
  <sheetData>
    <row r="1" spans="1:64" ht="30.6" thickBot="1" x14ac:dyDescent="0.35">
      <c r="A1" s="184" t="s">
        <v>0</v>
      </c>
      <c r="B1" s="184"/>
      <c r="C1" s="184"/>
      <c r="D1" s="184"/>
      <c r="E1" s="184"/>
      <c r="F1" s="184"/>
      <c r="G1" s="184"/>
      <c r="H1" s="18"/>
      <c r="I1" s="184" t="s">
        <v>95</v>
      </c>
      <c r="J1" s="184"/>
      <c r="K1" s="1" t="s">
        <v>98</v>
      </c>
      <c r="P1" s="6" t="s">
        <v>7</v>
      </c>
      <c r="Q1" s="27" t="s">
        <v>8</v>
      </c>
      <c r="R1" s="31" t="s">
        <v>9</v>
      </c>
      <c r="S1" s="26" t="s">
        <v>14</v>
      </c>
      <c r="T1" s="26" t="s">
        <v>15</v>
      </c>
      <c r="U1" s="26" t="s">
        <v>16</v>
      </c>
      <c r="V1" s="26" t="s">
        <v>17</v>
      </c>
      <c r="W1" s="26" t="s">
        <v>18</v>
      </c>
      <c r="X1" s="26" t="s">
        <v>20</v>
      </c>
      <c r="Y1" s="26" t="s">
        <v>21</v>
      </c>
      <c r="Z1" s="26" t="s">
        <v>22</v>
      </c>
      <c r="AA1" s="26" t="s">
        <v>23</v>
      </c>
      <c r="AB1" s="26" t="s">
        <v>24</v>
      </c>
      <c r="AC1" s="23" t="s">
        <v>30</v>
      </c>
      <c r="AD1" s="23" t="s">
        <v>25</v>
      </c>
      <c r="AE1" s="23" t="s">
        <v>26</v>
      </c>
      <c r="AF1" s="23" t="s">
        <v>27</v>
      </c>
      <c r="AG1" s="23" t="s">
        <v>28</v>
      </c>
      <c r="AH1" s="23" t="s">
        <v>29</v>
      </c>
      <c r="AI1" s="23" t="s">
        <v>37</v>
      </c>
      <c r="AJ1" s="23" t="s">
        <v>38</v>
      </c>
      <c r="AK1" s="23" t="s">
        <v>39</v>
      </c>
      <c r="AL1" s="23" t="s">
        <v>40</v>
      </c>
      <c r="AM1" s="23" t="s">
        <v>32</v>
      </c>
      <c r="AN1" s="23" t="s">
        <v>33</v>
      </c>
      <c r="AO1" s="23" t="s">
        <v>34</v>
      </c>
      <c r="AP1" s="23" t="s">
        <v>35</v>
      </c>
      <c r="AQ1" s="23" t="s">
        <v>36</v>
      </c>
      <c r="AR1" s="23" t="s">
        <v>31</v>
      </c>
      <c r="AT1" s="174" t="s">
        <v>96</v>
      </c>
      <c r="AU1" s="175"/>
      <c r="AV1" s="175"/>
      <c r="AW1" s="175"/>
      <c r="AX1" s="175"/>
      <c r="AY1" s="175"/>
      <c r="AZ1" s="176"/>
      <c r="BA1" s="180" t="s">
        <v>100</v>
      </c>
    </row>
    <row r="2" spans="1:64" ht="16.2" thickBot="1" x14ac:dyDescent="0.35">
      <c r="A2" s="4"/>
      <c r="B2" s="25" t="s">
        <v>19</v>
      </c>
      <c r="C2" s="5" t="s">
        <v>1</v>
      </c>
      <c r="D2" s="5" t="s">
        <v>2</v>
      </c>
      <c r="E2" s="5" t="s">
        <v>3</v>
      </c>
      <c r="F2" s="5" t="s">
        <v>4</v>
      </c>
      <c r="G2" s="5" t="s">
        <v>5</v>
      </c>
      <c r="H2" s="19" t="s">
        <v>152</v>
      </c>
      <c r="I2" s="99">
        <v>5</v>
      </c>
      <c r="J2" s="101">
        <f>'Standard Profiles'!I18</f>
        <v>0</v>
      </c>
      <c r="K2" s="103">
        <f>J2*'Standard Profiles'!$F$16</f>
        <v>0</v>
      </c>
      <c r="P2" s="7">
        <f>DATE(Input!$D$13,1,1)</f>
        <v>45292</v>
      </c>
      <c r="Q2" s="28" cm="1">
        <f t="array" ref="Q2:Q366">_xlfn.XLOOKUP(Input!$D$14,Input!$B$29:$F$29,Input!$B$30:$F$394)</f>
        <v>-2</v>
      </c>
      <c r="R2" s="28">
        <f>WEEKDAY(P2,2)</f>
        <v>1</v>
      </c>
      <c r="S2" s="9">
        <f t="shared" ref="S2:S65" si="0">IF(R2&gt;5,IF($Q2&lt;$G$3,$C$3,$E$3),IF($Q2&lt;$G$10,$C$10,$E$10))</f>
        <v>1.085192073005006</v>
      </c>
      <c r="T2" s="9">
        <f t="shared" ref="T2:T65" si="1">IF(R2&gt;5,IF($Q2&lt;$G$4,$C$4,$E$4),IF($Q2&lt;$G$11,$C$11,$E$11))</f>
        <v>1.4695351264848711</v>
      </c>
      <c r="U2" s="9">
        <f t="shared" ref="U2:U65" si="2">IF(R2&gt;5,IF($Q2&lt;$G$5,$C$5,$E$5),IF($Q2&lt;$G$12,$C$12,$E$12))</f>
        <v>1.771938814155029</v>
      </c>
      <c r="V2" s="9">
        <f t="shared" ref="V2:V65" si="3">IF(R2&gt;5,IF($Q2&lt;$G$6,$C$6,$E$6),IF($Q2&lt;$G$13,$C$13,$E$13))</f>
        <v>2.5404025087253199</v>
      </c>
      <c r="W2" s="9">
        <f>IF(R2&lt;6,0,IF($Q2&lt;$G$7,$C$7,$E$7))</f>
        <v>0</v>
      </c>
      <c r="X2" s="9">
        <f t="shared" ref="X2:X65" si="4">IF(R2&gt;5,IF($Q2&lt;$G$3,$D$3,$F$3),IF($Q2&lt;$G$10,$D$10,$F$10))</f>
        <v>-1.544218835154681E-2</v>
      </c>
      <c r="Y2" s="9">
        <f t="shared" ref="Y2:Y65" si="5">IF(R2&gt;5,IF($Q2&lt;$G$4,$D$4,$F$4),IF($Q2&lt;$G$11,$D$11,$F$11))</f>
        <v>-5.875924024232846E-2</v>
      </c>
      <c r="Z2" s="9">
        <f t="shared" ref="Z2:Z65" si="6">IF(R2&gt;5,IF($Q2&lt;$G$5,$D$5,$F$5),IF($Q2&lt;$G$12,$D$12,$F$12))</f>
        <v>-9.5984753200240996E-2</v>
      </c>
      <c r="AA2" s="9">
        <f t="shared" ref="AA2:AA65" si="7">IF(R2&gt;5,IF($Q2&lt;$G$6,$D$6,$F$6),IF($Q2&lt;$G$13,$D$13,$F$13))</f>
        <v>-0.17801624965770491</v>
      </c>
      <c r="AB2" s="9">
        <f>IF(R2&lt;6,0,IF($Q2&lt;$G$7,$D$7,$F$7))</f>
        <v>0</v>
      </c>
      <c r="AC2" s="9">
        <f>MAX(S2+X2*$Q2,0)*IF($R2&lt;6,$B$10,$B$3)</f>
        <v>1.1160764497080995</v>
      </c>
      <c r="AD2" s="9">
        <f>MAX(T2+Y2*$Q2,0)*IF($R2&lt;6,$B$11,$B$4)</f>
        <v>0</v>
      </c>
      <c r="AE2" s="9">
        <f>MAX(U2+Z2*$Q2,0)*IF($R2&lt;6,$B$12,$B$5)</f>
        <v>0</v>
      </c>
      <c r="AF2" s="9">
        <f>MAX(V2+AA2*$Q2,0)*IF($R2&lt;6,$B$13,$B$6)</f>
        <v>0</v>
      </c>
      <c r="AG2" s="9">
        <f>MAX(W2+AB2*$Q2,0)*IF($R2&lt;6,0,$B$7)</f>
        <v>0</v>
      </c>
      <c r="AH2" s="9">
        <f>AC2/SUM(AC$2:AG$366)*Input!$D$12</f>
        <v>292.69771122157698</v>
      </c>
      <c r="AI2" s="9">
        <f>AD2/SUM(AC$2:AG$366)*Input!$D$12</f>
        <v>0</v>
      </c>
      <c r="AJ2" s="9">
        <f>AE2/SUM(AC$2:AG$366)*Input!$D$12</f>
        <v>0</v>
      </c>
      <c r="AK2" s="9">
        <f>AF2/SUM(AC$2:AG$366)*Input!$D$12</f>
        <v>0</v>
      </c>
      <c r="AL2" s="9">
        <f>AG2/SUM(AC$2:AG$366)*Input!$D$12</f>
        <v>0</v>
      </c>
      <c r="AM2" s="9">
        <f>IF($R2&lt;6,AU$22*$AH2+AU$23*$AI2+AU$24*$AJ2+AU$25*$AK2,AU$31*$AH2+AU$32*$AI2+AU$33*$AJ2+AU$34*$AK2+AU$35*$AL2)</f>
        <v>8.7809313366473098</v>
      </c>
      <c r="AN2" s="9">
        <f>IF($R2&lt;6,AV$22*$AH2+AV$23*$AI2+AV$24*$AJ2+AV$25*$AK2,AV$31*$AH2+AV$32*$AI2+AV$33*$AJ2+AV$34*$AK2+AV$35*$AL2)</f>
        <v>29.269771122157699</v>
      </c>
      <c r="AO2" s="9">
        <f t="shared" ref="AO2:AQ2" si="8">IF($R2&lt;6,AW$22*$AH2+AW$23*$AI2+AW$24*$AJ2+AW$25*$AK2,AW$31*$AH2+AW$32*$AI2+AW$33*$AJ2+AW$34*$AK2+AW$35*$AL2)</f>
        <v>43.904656683236546</v>
      </c>
      <c r="AP2" s="9">
        <f t="shared" si="8"/>
        <v>210.74235207953541</v>
      </c>
      <c r="AQ2" s="9">
        <f t="shared" si="8"/>
        <v>0</v>
      </c>
      <c r="AR2" s="8">
        <f>SUM(AM2:AQ2)</f>
        <v>292.69771122157692</v>
      </c>
      <c r="AT2" s="104"/>
      <c r="AZ2" s="105"/>
      <c r="BA2" s="180"/>
    </row>
    <row r="3" spans="1:64" ht="16.2" thickBot="1" x14ac:dyDescent="0.35">
      <c r="A3" s="5">
        <v>0</v>
      </c>
      <c r="B3" s="22">
        <f>'Standard Profiles'!F18/SUM('Standard Profiles'!$F$18:$F$22)*'Standard Profiles'!$F$16</f>
        <v>1.1339000000000001</v>
      </c>
      <c r="C3" s="4">
        <v>0.88136675487947747</v>
      </c>
      <c r="D3" s="4">
        <v>-1.236743869637378E-2</v>
      </c>
      <c r="E3" s="4">
        <v>0.66609297291086311</v>
      </c>
      <c r="F3" s="4">
        <v>-3.4097042997074749E-4</v>
      </c>
      <c r="G3" s="4">
        <v>17.899999999999999</v>
      </c>
      <c r="H3" s="135">
        <f>B3/SUM($B$3:$B$7)</f>
        <v>0.66700000000000004</v>
      </c>
      <c r="I3" s="100">
        <v>4</v>
      </c>
      <c r="J3" s="101">
        <f>'Standard Profiles'!I19</f>
        <v>0.72</v>
      </c>
      <c r="K3" s="103">
        <f>J3*'Standard Profiles'!$F$16</f>
        <v>1.224</v>
      </c>
      <c r="P3" s="10">
        <f>P2+1</f>
        <v>45293</v>
      </c>
      <c r="Q3" s="29">
        <v>-3.5</v>
      </c>
      <c r="R3" s="29">
        <f t="shared" ref="R3:R66" si="9">WEEKDAY(P3,2)</f>
        <v>2</v>
      </c>
      <c r="S3" s="12">
        <f t="shared" si="0"/>
        <v>1.085192073005006</v>
      </c>
      <c r="T3" s="12">
        <f t="shared" si="1"/>
        <v>1.4695351264848711</v>
      </c>
      <c r="U3" s="12">
        <f t="shared" si="2"/>
        <v>1.771938814155029</v>
      </c>
      <c r="V3" s="12">
        <f t="shared" si="3"/>
        <v>2.5404025087253199</v>
      </c>
      <c r="W3" s="12">
        <f t="shared" ref="W3:W66" si="10">IF(R3&lt;6,0,IF($Q3&lt;$G$7,$C$7,$E$7))</f>
        <v>0</v>
      </c>
      <c r="X3" s="12">
        <f t="shared" si="4"/>
        <v>-1.544218835154681E-2</v>
      </c>
      <c r="Y3" s="12">
        <f t="shared" si="5"/>
        <v>-5.875924024232846E-2</v>
      </c>
      <c r="Z3" s="12">
        <f t="shared" si="6"/>
        <v>-9.5984753200240996E-2</v>
      </c>
      <c r="AA3" s="12">
        <f t="shared" si="7"/>
        <v>-0.17801624965770491</v>
      </c>
      <c r="AB3" s="12">
        <f t="shared" ref="AB3:AB66" si="11">IF(R3&lt;6,0,IF($Q3&lt;$G$7,$D$7,$F$7))</f>
        <v>0</v>
      </c>
      <c r="AC3" s="12">
        <f>MAX(S3+X3*$Q3,0)*IF($R3&lt;6,$B$10,$B$3)</f>
        <v>1.1392397322354197</v>
      </c>
      <c r="AD3" s="12">
        <f t="shared" ref="AD3:AD66" si="12">MAX(T3+Y3*$Q3,0)*IF($R3&lt;6,$B$11,$B$4)</f>
        <v>0</v>
      </c>
      <c r="AE3" s="12">
        <f t="shared" ref="AE3:AE66" si="13">MAX(U3+Z3*$Q3,0)*IF($R3&lt;6,$B$12,$B$5)</f>
        <v>0</v>
      </c>
      <c r="AF3" s="12">
        <f t="shared" ref="AF3:AF66" si="14">MAX(V3+AA3*$Q3,0)*IF($R3&lt;6,$B$13,$B$6)</f>
        <v>0</v>
      </c>
      <c r="AG3" s="12">
        <f t="shared" ref="AG3:AG66" si="15">MAX(W3+AB3*$Q3,0)*IF($R3&lt;6,0,$B$7)</f>
        <v>0</v>
      </c>
      <c r="AH3" s="12">
        <f>AC3/SUM(AC$2:AG$366)*Input!$D$12</f>
        <v>298.77242033482685</v>
      </c>
      <c r="AI3" s="12">
        <f>AD3/SUM(AC$2:AG$366)*Input!$D$12</f>
        <v>0</v>
      </c>
      <c r="AJ3" s="12">
        <f>AE3/SUM(AC$2:AG$366)*Input!$D$12</f>
        <v>0</v>
      </c>
      <c r="AK3" s="12">
        <f>AF3/SUM(AC$2:AG$366)*Input!$D$12</f>
        <v>0</v>
      </c>
      <c r="AL3" s="12">
        <f>AG3/SUM(AC$2:AG$366)*Input!$D$12</f>
        <v>0</v>
      </c>
      <c r="AM3" s="12">
        <f t="shared" ref="AM3:AM66" si="16">IF($R3&lt;6,AU$22*$AH3+AU$23*$AI3+AU$24*$AJ3+AU$25*$AK3,AU$31*$AH3+AU$32*$AI3+AU$33*$AJ3+AU$34*$AK3+AU$35*$AL3)</f>
        <v>8.9631726100448059</v>
      </c>
      <c r="AN3" s="12">
        <f t="shared" ref="AN3:AN66" si="17">IF($R3&lt;6,AV$22*$AH3+AV$23*$AI3+AV$24*$AJ3+AV$25*$AK3,AV$31*$AH3+AV$32*$AI3+AV$33*$AJ3+AV$34*$AK3+AV$35*$AL3)</f>
        <v>29.877242033482688</v>
      </c>
      <c r="AO3" s="12">
        <f t="shared" ref="AO3:AO66" si="18">IF($R3&lt;6,AW$22*$AH3+AW$23*$AI3+AW$24*$AJ3+AW$25*$AK3,AW$31*$AH3+AW$32*$AI3+AW$33*$AJ3+AW$34*$AK3+AW$35*$AL3)</f>
        <v>44.815863050224024</v>
      </c>
      <c r="AP3" s="12">
        <f t="shared" ref="AP3:AP66" si="19">IF($R3&lt;6,AX$22*$AH3+AX$23*$AI3+AX$24*$AJ3+AX$25*$AK3,AX$31*$AH3+AX$32*$AI3+AX$33*$AJ3+AX$34*$AK3+AX$35*$AL3)</f>
        <v>215.11614264107533</v>
      </c>
      <c r="AQ3" s="12">
        <f t="shared" ref="AQ3:AQ66" si="20">IF($R3&lt;6,AY$22*$AH3+AY$23*$AI3+AY$24*$AJ3+AY$25*$AK3,AY$31*$AH3+AY$32*$AI3+AY$33*$AJ3+AY$34*$AK3+AY$35*$AL3)</f>
        <v>0</v>
      </c>
      <c r="AR3" s="11">
        <f t="shared" ref="AR3:AR66" si="21">SUM(AM3:AQ3)</f>
        <v>298.77242033482685</v>
      </c>
      <c r="AT3" s="112" t="s">
        <v>94</v>
      </c>
      <c r="AU3" s="121" t="s">
        <v>32</v>
      </c>
      <c r="AV3" s="121" t="s">
        <v>33</v>
      </c>
      <c r="AW3" s="121" t="s">
        <v>34</v>
      </c>
      <c r="AX3" s="121" t="s">
        <v>35</v>
      </c>
      <c r="AY3" s="121" t="s">
        <v>36</v>
      </c>
      <c r="AZ3" s="105"/>
      <c r="BA3" s="180"/>
      <c r="BG3" s="1" t="s">
        <v>12</v>
      </c>
      <c r="BH3" s="1" t="s">
        <v>123</v>
      </c>
    </row>
    <row r="4" spans="1:64" x14ac:dyDescent="0.3">
      <c r="A4" s="5">
        <v>1</v>
      </c>
      <c r="B4" s="22">
        <f>'Standard Profiles'!F19/SUM('Standard Profiles'!$F$18:$F$22)*'Standard Profiles'!$F$16</f>
        <v>0.56609999999999994</v>
      </c>
      <c r="C4" s="4">
        <v>0.40529111994771311</v>
      </c>
      <c r="D4" s="4">
        <v>-1.3226323007097701E-2</v>
      </c>
      <c r="E4" s="4">
        <v>0.19607255136472959</v>
      </c>
      <c r="F4" s="4">
        <v>-6.2279477920712143E-4</v>
      </c>
      <c r="G4" s="4">
        <v>16.600000000000001</v>
      </c>
      <c r="H4" s="135">
        <f t="shared" ref="H4:H7" si="22">B4/SUM($B$3:$B$7)</f>
        <v>0.33299999999999991</v>
      </c>
      <c r="I4" s="100">
        <v>3</v>
      </c>
      <c r="J4" s="101">
        <f>'Standard Profiles'!I20</f>
        <v>0.15</v>
      </c>
      <c r="K4" s="103">
        <f>J4*'Standard Profiles'!$F$16</f>
        <v>0.255</v>
      </c>
      <c r="P4" s="10">
        <f t="shared" ref="P4:P67" si="23">P3+1</f>
        <v>45294</v>
      </c>
      <c r="Q4" s="29">
        <v>-2.8</v>
      </c>
      <c r="R4" s="29">
        <f t="shared" si="9"/>
        <v>3</v>
      </c>
      <c r="S4" s="12">
        <f t="shared" si="0"/>
        <v>1.085192073005006</v>
      </c>
      <c r="T4" s="12">
        <f t="shared" si="1"/>
        <v>1.4695351264848711</v>
      </c>
      <c r="U4" s="12">
        <f t="shared" si="2"/>
        <v>1.771938814155029</v>
      </c>
      <c r="V4" s="12">
        <f t="shared" si="3"/>
        <v>2.5404025087253199</v>
      </c>
      <c r="W4" s="12">
        <f t="shared" si="10"/>
        <v>0</v>
      </c>
      <c r="X4" s="12">
        <f t="shared" si="4"/>
        <v>-1.544218835154681E-2</v>
      </c>
      <c r="Y4" s="12">
        <f t="shared" si="5"/>
        <v>-5.875924024232846E-2</v>
      </c>
      <c r="Z4" s="12">
        <f t="shared" si="6"/>
        <v>-9.5984753200240996E-2</v>
      </c>
      <c r="AA4" s="12">
        <f t="shared" si="7"/>
        <v>-0.17801624965770491</v>
      </c>
      <c r="AB4" s="12">
        <f t="shared" si="11"/>
        <v>0</v>
      </c>
      <c r="AC4" s="12">
        <f t="shared" ref="AC4:AC66" si="24">MAX(S4+X4*$Q4,0)*IF($R4&lt;6,$B$10,$B$3)</f>
        <v>1.1284302003893369</v>
      </c>
      <c r="AD4" s="12">
        <f t="shared" si="12"/>
        <v>0</v>
      </c>
      <c r="AE4" s="12">
        <f t="shared" si="13"/>
        <v>0</v>
      </c>
      <c r="AF4" s="12">
        <f t="shared" si="14"/>
        <v>0</v>
      </c>
      <c r="AG4" s="12">
        <f t="shared" si="15"/>
        <v>0</v>
      </c>
      <c r="AH4" s="12">
        <f>AC4/SUM(AC$2:AG$366)*Input!$D$12</f>
        <v>295.93755608197688</v>
      </c>
      <c r="AI4" s="12">
        <f>AD4/SUM(AC$2:AG$366)*Input!$D$12</f>
        <v>0</v>
      </c>
      <c r="AJ4" s="12">
        <f>AE4/SUM(AC$2:AG$366)*Input!$D$12</f>
        <v>0</v>
      </c>
      <c r="AK4" s="12">
        <f>AF4/SUM(AC$2:AG$366)*Input!$D$12</f>
        <v>0</v>
      </c>
      <c r="AL4" s="12">
        <f>AG4/SUM(AC$2:AG$366)*Input!$D$12</f>
        <v>0</v>
      </c>
      <c r="AM4" s="12">
        <f t="shared" si="16"/>
        <v>8.8781266824593068</v>
      </c>
      <c r="AN4" s="12">
        <f t="shared" si="17"/>
        <v>29.593755608197689</v>
      </c>
      <c r="AO4" s="12">
        <f t="shared" si="18"/>
        <v>44.39063341229653</v>
      </c>
      <c r="AP4" s="12">
        <f t="shared" si="19"/>
        <v>213.07504037902333</v>
      </c>
      <c r="AQ4" s="12">
        <f t="shared" si="20"/>
        <v>0</v>
      </c>
      <c r="AR4" s="11">
        <f t="shared" si="21"/>
        <v>295.93755608197682</v>
      </c>
      <c r="AT4" s="106">
        <v>0</v>
      </c>
      <c r="AU4" s="118">
        <f>IF(($B10-SUM(AV4:$AY4))&gt;=$J$6,$J$6,($B10-SUM(AV4:$AY4)))</f>
        <v>0.03</v>
      </c>
      <c r="AV4" s="119">
        <f>IF(($B10-SUM(AW4:$AY4))&gt;=$J$5,$J$5,($B10-SUM(AW4:$AY4)))</f>
        <v>0.1</v>
      </c>
      <c r="AW4" s="119">
        <f>IF(($B10-SUM(AX4:$AY4))&gt;=$J$4,$J$4,($B10-SUM(AX4:$AY4)))</f>
        <v>0.15</v>
      </c>
      <c r="AX4" s="119">
        <f>IF(($B10-SUM($AY4:AY4))&gt;=$J$3,$J$3,($B10-SUM($AY4:AY4)))</f>
        <v>0.72</v>
      </c>
      <c r="AY4" s="120">
        <f>IF(B10&gt;=J2,J2,B10)</f>
        <v>0</v>
      </c>
      <c r="AZ4" s="107">
        <f>SUM(AU4:AY4)</f>
        <v>1</v>
      </c>
      <c r="BA4" s="180"/>
      <c r="BF4" s="91" t="s">
        <v>124</v>
      </c>
      <c r="BG4" s="138" t="e" cm="1">
        <f t="array" ref="BG4:BG28">_xlfn.TOCOL(TRANSPOSE(_xlfn.SORTBY(IF(AU4:AY8&lt;0.001,NA(),AU4:AY8), _xlfn.SEQUENCE(ROWS(AU4:AY8),,ROWS(AU4:AY8),-1))))</f>
        <v>#N/A</v>
      </c>
      <c r="BH4" s="138" t="e" cm="1">
        <f t="array" ref="BH4:BH28">_xlfn.TOCOL(TRANSPOSE(_xlfn.SORTBY(IF(AU13:AY17&lt;0.001,NA(),AU13:AY17), _xlfn.SEQUENCE(ROWS(AU13:AY17),,ROWS(AU13:AY17),-1))))</f>
        <v>#N/A</v>
      </c>
      <c r="BK4" s="127"/>
      <c r="BL4" s="127"/>
    </row>
    <row r="5" spans="1:64" x14ac:dyDescent="0.3">
      <c r="A5" s="5">
        <v>2</v>
      </c>
      <c r="B5" s="22">
        <f>'Standard Profiles'!F20/SUM('Standard Profiles'!$F$18:$F$22)*'Standard Profiles'!$F$16</f>
        <v>0</v>
      </c>
      <c r="C5" s="4">
        <v>1.4791569663107089</v>
      </c>
      <c r="D5" s="4">
        <v>-6.6119920832722404E-2</v>
      </c>
      <c r="E5" s="4">
        <v>0.65274423464211173</v>
      </c>
      <c r="F5" s="4">
        <v>-1.60343007315953E-2</v>
      </c>
      <c r="G5" s="4">
        <v>16.5</v>
      </c>
      <c r="H5" s="135">
        <f t="shared" si="22"/>
        <v>0</v>
      </c>
      <c r="I5" s="100">
        <v>2</v>
      </c>
      <c r="J5" s="101">
        <f>'Standard Profiles'!I21</f>
        <v>0.1</v>
      </c>
      <c r="K5" s="103">
        <f>J5*'Standard Profiles'!$F$16</f>
        <v>0.17</v>
      </c>
      <c r="P5" s="10">
        <f t="shared" si="23"/>
        <v>45295</v>
      </c>
      <c r="Q5" s="29">
        <v>-2.7</v>
      </c>
      <c r="R5" s="29">
        <f t="shared" si="9"/>
        <v>4</v>
      </c>
      <c r="S5" s="12">
        <f t="shared" si="0"/>
        <v>1.085192073005006</v>
      </c>
      <c r="T5" s="12">
        <f t="shared" si="1"/>
        <v>1.4695351264848711</v>
      </c>
      <c r="U5" s="12">
        <f t="shared" si="2"/>
        <v>1.771938814155029</v>
      </c>
      <c r="V5" s="12">
        <f t="shared" si="3"/>
        <v>2.5404025087253199</v>
      </c>
      <c r="W5" s="12">
        <f t="shared" si="10"/>
        <v>0</v>
      </c>
      <c r="X5" s="12">
        <f t="shared" si="4"/>
        <v>-1.544218835154681E-2</v>
      </c>
      <c r="Y5" s="12">
        <f t="shared" si="5"/>
        <v>-5.875924024232846E-2</v>
      </c>
      <c r="Z5" s="12">
        <f t="shared" si="6"/>
        <v>-9.5984753200240996E-2</v>
      </c>
      <c r="AA5" s="12">
        <f t="shared" si="7"/>
        <v>-0.17801624965770491</v>
      </c>
      <c r="AB5" s="12">
        <f t="shared" si="11"/>
        <v>0</v>
      </c>
      <c r="AC5" s="12">
        <f t="shared" si="24"/>
        <v>1.1268859815541823</v>
      </c>
      <c r="AD5" s="12">
        <f t="shared" si="12"/>
        <v>0</v>
      </c>
      <c r="AE5" s="12">
        <f t="shared" si="13"/>
        <v>0</v>
      </c>
      <c r="AF5" s="12">
        <f t="shared" si="14"/>
        <v>0</v>
      </c>
      <c r="AG5" s="12">
        <f t="shared" si="15"/>
        <v>0</v>
      </c>
      <c r="AH5" s="12">
        <f>AC5/SUM(AC$2:AG$366)*Input!$D$12</f>
        <v>295.53257547442695</v>
      </c>
      <c r="AI5" s="12">
        <f>AD5/SUM(AC$2:AG$366)*Input!$D$12</f>
        <v>0</v>
      </c>
      <c r="AJ5" s="12">
        <f>AE5/SUM(AC$2:AG$366)*Input!$D$12</f>
        <v>0</v>
      </c>
      <c r="AK5" s="12">
        <f>AF5/SUM(AC$2:AG$366)*Input!$D$12</f>
        <v>0</v>
      </c>
      <c r="AL5" s="12">
        <f>AG5/SUM(AC$2:AG$366)*Input!$D$12</f>
        <v>0</v>
      </c>
      <c r="AM5" s="12">
        <f t="shared" si="16"/>
        <v>8.865977264232809</v>
      </c>
      <c r="AN5" s="12">
        <f t="shared" si="17"/>
        <v>29.553257547442698</v>
      </c>
      <c r="AO5" s="12">
        <f t="shared" si="18"/>
        <v>44.329886321164039</v>
      </c>
      <c r="AP5" s="12">
        <f t="shared" si="19"/>
        <v>212.7834543415874</v>
      </c>
      <c r="AQ5" s="12">
        <f t="shared" si="20"/>
        <v>0</v>
      </c>
      <c r="AR5" s="11">
        <f t="shared" si="21"/>
        <v>295.53257547442695</v>
      </c>
      <c r="AT5" s="106">
        <v>1</v>
      </c>
      <c r="AU5" s="113">
        <f>IF(($B11-SUM(AV5:$AY5))&gt;=($J$6-SUM(AU$4:AU4)),($J$6-SUM(AU$4:AU4)),($B11-SUM(AV5:$AY5)))</f>
        <v>0</v>
      </c>
      <c r="AV5" s="102">
        <f>IF(($B11-SUM(AW5:$AY5))&gt;=($J$5-SUM(AV$4:AV4)),($J$5-SUM(AV$4:AV4)),($B11-SUM(AW5:$AY5)))</f>
        <v>0</v>
      </c>
      <c r="AW5" s="102">
        <f>IF(($B11-SUM(AX5:$AY5))&gt;=($J$4-SUM(AW$4:AW4)),($J$4-SUM(AW$4:AW4)),($B11-SUM(AX5:$AY5)))</f>
        <v>0</v>
      </c>
      <c r="AX5" s="102">
        <f>IF(($B11-SUM($AY5:AY5))&gt;=($J$3-SUM(AX$4:AX4)),($J$3-SUM(AX$4:AX4)),($B11-SUM($AY5:AY5)))</f>
        <v>0</v>
      </c>
      <c r="AY5" s="114">
        <f>IF(SUM(AY$4:AY4)&lt;$J$2,IF($B11&gt;($J$2-SUM(AY$4:AY4)),$J$2-SUM(AY$4:AY4),$B11),0)</f>
        <v>0</v>
      </c>
      <c r="AZ5" s="107">
        <f t="shared" ref="AZ5:AZ7" si="25">SUM(AU5:AY5)</f>
        <v>0</v>
      </c>
      <c r="BA5" s="180"/>
      <c r="BF5" s="91" t="s">
        <v>103</v>
      </c>
      <c r="BG5" s="138" t="e">
        <v>#N/A</v>
      </c>
      <c r="BH5" s="138" t="e">
        <v>#N/A</v>
      </c>
      <c r="BI5" s="127"/>
      <c r="BK5" s="127"/>
      <c r="BL5" s="127"/>
    </row>
    <row r="6" spans="1:64" x14ac:dyDescent="0.3">
      <c r="A6" s="5">
        <v>3</v>
      </c>
      <c r="B6" s="22">
        <f>'Standard Profiles'!F21/SUM('Standard Profiles'!$F$18:$F$22)*'Standard Profiles'!$F$16</f>
        <v>0</v>
      </c>
      <c r="C6" s="4">
        <v>1.31124751273035</v>
      </c>
      <c r="D6" s="4">
        <v>-7.5310765362349638E-2</v>
      </c>
      <c r="E6" s="4">
        <v>0.29524473618599389</v>
      </c>
      <c r="F6" s="4">
        <v>-9.762199133681506E-3</v>
      </c>
      <c r="G6" s="4">
        <v>15.5</v>
      </c>
      <c r="H6" s="135">
        <f t="shared" si="22"/>
        <v>0</v>
      </c>
      <c r="I6" s="100">
        <v>1</v>
      </c>
      <c r="J6" s="101">
        <f>'Standard Profiles'!I22</f>
        <v>0.03</v>
      </c>
      <c r="K6" s="103">
        <f>J6*'Standard Profiles'!$F$16</f>
        <v>5.0999999999999997E-2</v>
      </c>
      <c r="P6" s="10">
        <f t="shared" si="23"/>
        <v>45296</v>
      </c>
      <c r="Q6" s="29">
        <v>-2.2999999999999998</v>
      </c>
      <c r="R6" s="29">
        <f t="shared" si="9"/>
        <v>5</v>
      </c>
      <c r="S6" s="12">
        <f t="shared" si="0"/>
        <v>1.085192073005006</v>
      </c>
      <c r="T6" s="12">
        <f t="shared" si="1"/>
        <v>1.4695351264848711</v>
      </c>
      <c r="U6" s="12">
        <f t="shared" si="2"/>
        <v>1.771938814155029</v>
      </c>
      <c r="V6" s="12">
        <f t="shared" si="3"/>
        <v>2.5404025087253199</v>
      </c>
      <c r="W6" s="12">
        <f t="shared" si="10"/>
        <v>0</v>
      </c>
      <c r="X6" s="12">
        <f t="shared" si="4"/>
        <v>-1.544218835154681E-2</v>
      </c>
      <c r="Y6" s="12">
        <f t="shared" si="5"/>
        <v>-5.875924024232846E-2</v>
      </c>
      <c r="Z6" s="12">
        <f t="shared" si="6"/>
        <v>-9.5984753200240996E-2</v>
      </c>
      <c r="AA6" s="12">
        <f t="shared" si="7"/>
        <v>-0.17801624965770491</v>
      </c>
      <c r="AB6" s="12">
        <f t="shared" si="11"/>
        <v>0</v>
      </c>
      <c r="AC6" s="12">
        <f t="shared" si="24"/>
        <v>1.1207091062135637</v>
      </c>
      <c r="AD6" s="12">
        <f t="shared" si="12"/>
        <v>0</v>
      </c>
      <c r="AE6" s="12">
        <f t="shared" si="13"/>
        <v>0</v>
      </c>
      <c r="AF6" s="12">
        <f t="shared" si="14"/>
        <v>0</v>
      </c>
      <c r="AG6" s="12">
        <f t="shared" si="15"/>
        <v>0</v>
      </c>
      <c r="AH6" s="12">
        <f>AC6/SUM(AC$2:AG$366)*Input!$D$12</f>
        <v>293.912653044227</v>
      </c>
      <c r="AI6" s="12">
        <f>AD6/SUM(AC$2:AG$366)*Input!$D$12</f>
        <v>0</v>
      </c>
      <c r="AJ6" s="12">
        <f>AE6/SUM(AC$2:AG$366)*Input!$D$12</f>
        <v>0</v>
      </c>
      <c r="AK6" s="12">
        <f>AF6/SUM(AC$2:AG$366)*Input!$D$12</f>
        <v>0</v>
      </c>
      <c r="AL6" s="12">
        <f>AG6/SUM(AC$2:AG$366)*Input!$D$12</f>
        <v>0</v>
      </c>
      <c r="AM6" s="12">
        <f t="shared" si="16"/>
        <v>8.8173795913268105</v>
      </c>
      <c r="AN6" s="12">
        <f t="shared" si="17"/>
        <v>29.391265304422703</v>
      </c>
      <c r="AO6" s="12">
        <f t="shared" si="18"/>
        <v>44.086897956634047</v>
      </c>
      <c r="AP6" s="12">
        <f t="shared" si="19"/>
        <v>211.61711019184344</v>
      </c>
      <c r="AQ6" s="12">
        <f t="shared" si="20"/>
        <v>0</v>
      </c>
      <c r="AR6" s="11">
        <f t="shared" si="21"/>
        <v>293.912653044227</v>
      </c>
      <c r="AT6" s="106">
        <v>2</v>
      </c>
      <c r="AU6" s="113">
        <f>IF(($B12-SUM(AV6:$AY6))&gt;=($J$6-SUM(AU$4:AU5)),($J$6-SUM(AU$4:AU5)),($B12-SUM(AV6:$AY6)))</f>
        <v>0</v>
      </c>
      <c r="AV6" s="102">
        <f>IF(($B12-SUM(AW6:$AY6))&gt;=($J$5-SUM(AV$4:AV5)),($J$5-SUM(AV$4:AV5)),($B12-SUM(AW6:$AY6)))</f>
        <v>0</v>
      </c>
      <c r="AW6" s="102">
        <f>IF(($B12-SUM(AX6:$AY6))&gt;=($J$4-SUM(AW$4:AW5)),($J$4-SUM(AW$4:AW5)),($B12-SUM(AX6:$AY6)))</f>
        <v>0</v>
      </c>
      <c r="AX6" s="102">
        <f>IF(($B12-SUM($AY6:AY6))&gt;=($J$3-SUM(AX$4:AX5)),($J$3-SUM(AX$4:AX5)),($B12-SUM($AY6:AY6)))</f>
        <v>0</v>
      </c>
      <c r="AY6" s="114">
        <f>IF(SUM(AY$4:AY5)&lt;$J$2,IF($B12&gt;($J$2-SUM(AY$4:AY5)),$J$2-SUM(AY$4:AY5),$B12),0)</f>
        <v>0</v>
      </c>
      <c r="AZ6" s="107">
        <f t="shared" si="25"/>
        <v>0</v>
      </c>
      <c r="BA6" s="180"/>
      <c r="BF6" s="91" t="s">
        <v>112</v>
      </c>
      <c r="BG6" s="138" t="e">
        <v>#N/A</v>
      </c>
      <c r="BH6" s="138" t="e">
        <v>#N/A</v>
      </c>
      <c r="BI6" s="127"/>
      <c r="BK6" s="127"/>
      <c r="BL6" s="127"/>
    </row>
    <row r="7" spans="1:64" ht="16.2" thickBot="1" x14ac:dyDescent="0.35">
      <c r="A7" s="5">
        <v>4</v>
      </c>
      <c r="B7" s="22">
        <f>'Standard Profiles'!F22/SUM('Standard Profiles'!$F$18:$F$22)*'Standard Profiles'!$F$16</f>
        <v>0</v>
      </c>
      <c r="C7" s="4">
        <v>1.9424956480203619</v>
      </c>
      <c r="D7" s="4">
        <v>-0.1200596025795522</v>
      </c>
      <c r="E7" s="4">
        <v>0.44487676601187343</v>
      </c>
      <c r="F7" s="4">
        <v>-1.748296682554611E-2</v>
      </c>
      <c r="G7" s="4">
        <v>14.6</v>
      </c>
      <c r="H7" s="135">
        <f t="shared" si="22"/>
        <v>0</v>
      </c>
      <c r="I7" s="20"/>
      <c r="J7" s="20"/>
      <c r="P7" s="10">
        <f t="shared" si="23"/>
        <v>45297</v>
      </c>
      <c r="Q7" s="29">
        <v>-1.6</v>
      </c>
      <c r="R7" s="29">
        <f t="shared" si="9"/>
        <v>6</v>
      </c>
      <c r="S7" s="12">
        <f t="shared" si="0"/>
        <v>0.88136675487947747</v>
      </c>
      <c r="T7" s="12">
        <f t="shared" si="1"/>
        <v>0.40529111994771311</v>
      </c>
      <c r="U7" s="12">
        <f t="shared" si="2"/>
        <v>1.4791569663107089</v>
      </c>
      <c r="V7" s="12">
        <f t="shared" si="3"/>
        <v>1.31124751273035</v>
      </c>
      <c r="W7" s="12">
        <f t="shared" si="10"/>
        <v>1.9424956480203619</v>
      </c>
      <c r="X7" s="12">
        <f t="shared" si="4"/>
        <v>-1.236743869637378E-2</v>
      </c>
      <c r="Y7" s="12">
        <f t="shared" si="5"/>
        <v>-1.3226323007097701E-2</v>
      </c>
      <c r="Z7" s="12">
        <f t="shared" si="6"/>
        <v>-6.6119920832722404E-2</v>
      </c>
      <c r="AA7" s="12">
        <f t="shared" si="7"/>
        <v>-7.5310765362349638E-2</v>
      </c>
      <c r="AB7" s="12">
        <f t="shared" si="11"/>
        <v>-0.1200596025795522</v>
      </c>
      <c r="AC7" s="12">
        <f t="shared" si="24"/>
        <v>1.0218192653383487</v>
      </c>
      <c r="AD7" s="12">
        <f t="shared" si="12"/>
        <v>0.24141517732930917</v>
      </c>
      <c r="AE7" s="12">
        <f t="shared" si="13"/>
        <v>0</v>
      </c>
      <c r="AF7" s="12">
        <f t="shared" si="14"/>
        <v>0</v>
      </c>
      <c r="AG7" s="12">
        <f t="shared" si="15"/>
        <v>0</v>
      </c>
      <c r="AH7" s="12">
        <f>AC7/SUM(AC$2:AG$366)*Input!$D$12</f>
        <v>267.97820196355804</v>
      </c>
      <c r="AI7" s="12">
        <f>AD7/SUM(AC$2:AG$366)*Input!$D$12</f>
        <v>63.312571353800095</v>
      </c>
      <c r="AJ7" s="12">
        <f>AE7/SUM(AC$2:AG$366)*Input!$D$12</f>
        <v>0</v>
      </c>
      <c r="AK7" s="12">
        <f>AF7/SUM(AC$2:AG$366)*Input!$D$12</f>
        <v>0</v>
      </c>
      <c r="AL7" s="12">
        <f>AG7/SUM(AC$2:AG$366)*Input!$D$12</f>
        <v>0</v>
      </c>
      <c r="AM7" s="12">
        <f t="shared" si="16"/>
        <v>5.7038352570991089</v>
      </c>
      <c r="AN7" s="12">
        <f t="shared" si="17"/>
        <v>19.012784190330365</v>
      </c>
      <c r="AO7" s="12">
        <f t="shared" si="18"/>
        <v>28.519176285495551</v>
      </c>
      <c r="AP7" s="12">
        <f t="shared" si="19"/>
        <v>278.05497758443312</v>
      </c>
      <c r="AQ7" s="12">
        <f t="shared" si="20"/>
        <v>0</v>
      </c>
      <c r="AR7" s="11">
        <f t="shared" si="21"/>
        <v>331.29077331735812</v>
      </c>
      <c r="AT7" s="106">
        <v>3</v>
      </c>
      <c r="AU7" s="115">
        <f>IF(($B13-SUM(AV7:$AY7))&gt;=($J$6-SUM(AU$4:AU6)),($J$6-SUM(AU$4:AU6)),($B13-SUM(AV7:$AY7)))</f>
        <v>0</v>
      </c>
      <c r="AV7" s="116">
        <f>IF(($B13-SUM(AW7:$AY7))&gt;=($J$5-SUM(AV$4:AV6)),($J$5-SUM(AV$4:AV6)),($B13-SUM(AW7:$AY7)))</f>
        <v>0</v>
      </c>
      <c r="AW7" s="116">
        <f>IF(($B13-SUM(AX7:$AY7))&gt;=($J$4-SUM(AW$4:AW6)),($J$4-SUM(AW$4:AW6)),($B13-SUM(AX7:$AY7)))</f>
        <v>0</v>
      </c>
      <c r="AX7" s="116">
        <f>IF(($B13-SUM($AY7:AY7))&gt;=($J$3-SUM(AX$4:AX6)),($J$3-SUM(AX$4:AX6)),($B13-SUM($AY7:AY7)))</f>
        <v>0</v>
      </c>
      <c r="AY7" s="117">
        <f>IF(SUM(AY$4:AY6)&lt;$J$2,IF($B13&gt;($J$2-SUM(AY$4:AY6)),$J$2-SUM(AY$4:AY6),$B13),0)</f>
        <v>0</v>
      </c>
      <c r="AZ7" s="107">
        <f t="shared" si="25"/>
        <v>0</v>
      </c>
      <c r="BA7" s="180"/>
      <c r="BF7" s="91" t="s">
        <v>111</v>
      </c>
      <c r="BG7" s="138" t="e">
        <v>#N/A</v>
      </c>
      <c r="BH7" s="138">
        <v>5.0999999999999997E-2</v>
      </c>
      <c r="BI7" s="127"/>
      <c r="BK7" s="127"/>
      <c r="BL7" s="127"/>
    </row>
    <row r="8" spans="1:64" x14ac:dyDescent="0.3">
      <c r="A8" s="181" t="s">
        <v>6</v>
      </c>
      <c r="B8" s="182"/>
      <c r="C8" s="182"/>
      <c r="D8" s="182"/>
      <c r="E8" s="182"/>
      <c r="F8" s="182"/>
      <c r="G8" s="183"/>
      <c r="H8" s="137"/>
      <c r="I8" s="19"/>
      <c r="J8" s="19"/>
      <c r="P8" s="10">
        <f t="shared" si="23"/>
        <v>45298</v>
      </c>
      <c r="Q8" s="29">
        <v>0.3</v>
      </c>
      <c r="R8" s="29">
        <f t="shared" si="9"/>
        <v>7</v>
      </c>
      <c r="S8" s="12">
        <f t="shared" si="0"/>
        <v>0.88136675487947747</v>
      </c>
      <c r="T8" s="12">
        <f t="shared" si="1"/>
        <v>0.40529111994771311</v>
      </c>
      <c r="U8" s="12">
        <f t="shared" si="2"/>
        <v>1.4791569663107089</v>
      </c>
      <c r="V8" s="12">
        <f t="shared" si="3"/>
        <v>1.31124751273035</v>
      </c>
      <c r="W8" s="12">
        <f t="shared" si="10"/>
        <v>1.9424956480203619</v>
      </c>
      <c r="X8" s="12">
        <f t="shared" si="4"/>
        <v>-1.236743869637378E-2</v>
      </c>
      <c r="Y8" s="12">
        <f t="shared" si="5"/>
        <v>-1.3226323007097701E-2</v>
      </c>
      <c r="Z8" s="12">
        <f t="shared" si="6"/>
        <v>-6.6119920832722404E-2</v>
      </c>
      <c r="AA8" s="12">
        <f t="shared" si="7"/>
        <v>-7.5310765362349638E-2</v>
      </c>
      <c r="AB8" s="12">
        <f t="shared" si="11"/>
        <v>-0.1200596025795522</v>
      </c>
      <c r="AC8" s="12">
        <f t="shared" si="24"/>
        <v>0.99517473173649418</v>
      </c>
      <c r="AD8" s="12">
        <f t="shared" si="12"/>
        <v>0.22718907656610499</v>
      </c>
      <c r="AE8" s="12">
        <f t="shared" si="13"/>
        <v>0</v>
      </c>
      <c r="AF8" s="12">
        <f t="shared" si="14"/>
        <v>0</v>
      </c>
      <c r="AG8" s="12">
        <f t="shared" si="15"/>
        <v>0</v>
      </c>
      <c r="AH8" s="12">
        <f>AC8/SUM(AC$2:AG$366)*Input!$D$12</f>
        <v>260.99051397509726</v>
      </c>
      <c r="AI8" s="12">
        <f>AD8/SUM(AC$2:AG$366)*Input!$D$12</f>
        <v>59.581691507633238</v>
      </c>
      <c r="AJ8" s="12">
        <f>AE8/SUM(AC$2:AG$366)*Input!$D$12</f>
        <v>0</v>
      </c>
      <c r="AK8" s="12">
        <f>AF8/SUM(AC$2:AG$366)*Input!$D$12</f>
        <v>0</v>
      </c>
      <c r="AL8" s="12">
        <f>AG8/SUM(AC$2:AG$366)*Input!$D$12</f>
        <v>0</v>
      </c>
      <c r="AM8" s="12">
        <f t="shared" si="16"/>
        <v>5.3677199556426354</v>
      </c>
      <c r="AN8" s="12">
        <f t="shared" si="17"/>
        <v>17.89239985214212</v>
      </c>
      <c r="AO8" s="12">
        <f t="shared" si="18"/>
        <v>26.83859977821318</v>
      </c>
      <c r="AP8" s="12">
        <f t="shared" si="19"/>
        <v>270.47348589673254</v>
      </c>
      <c r="AQ8" s="12">
        <f t="shared" si="20"/>
        <v>0</v>
      </c>
      <c r="AR8" s="11">
        <f t="shared" si="21"/>
        <v>320.57220548273045</v>
      </c>
      <c r="AT8" s="104"/>
      <c r="AU8" s="1">
        <v>0</v>
      </c>
      <c r="AV8" s="1">
        <v>0</v>
      </c>
      <c r="AW8" s="1">
        <v>0</v>
      </c>
      <c r="AX8" s="1">
        <v>0</v>
      </c>
      <c r="AY8" s="1">
        <v>0</v>
      </c>
      <c r="AZ8" s="105"/>
      <c r="BA8" s="180"/>
      <c r="BF8" s="91" t="s">
        <v>110</v>
      </c>
      <c r="BG8" s="138">
        <v>0.03</v>
      </c>
      <c r="BH8" s="138" t="e">
        <v>#N/A</v>
      </c>
      <c r="BI8" s="127"/>
      <c r="BK8" s="127"/>
      <c r="BL8" s="127"/>
    </row>
    <row r="9" spans="1:64" x14ac:dyDescent="0.3">
      <c r="A9" s="2"/>
      <c r="B9" s="24" t="s">
        <v>19</v>
      </c>
      <c r="C9" s="3" t="s">
        <v>1</v>
      </c>
      <c r="D9" s="3" t="s">
        <v>2</v>
      </c>
      <c r="E9" s="3" t="s">
        <v>3</v>
      </c>
      <c r="F9" s="3" t="s">
        <v>4</v>
      </c>
      <c r="G9" s="3" t="s">
        <v>5</v>
      </c>
      <c r="H9" s="137" t="s">
        <v>152</v>
      </c>
      <c r="I9" s="19"/>
      <c r="J9" s="19"/>
      <c r="P9" s="10">
        <f t="shared" si="23"/>
        <v>45299</v>
      </c>
      <c r="Q9" s="29">
        <v>6.7</v>
      </c>
      <c r="R9" s="29">
        <f t="shared" si="9"/>
        <v>1</v>
      </c>
      <c r="S9" s="12">
        <f t="shared" si="0"/>
        <v>1.0609861866589789</v>
      </c>
      <c r="T9" s="12">
        <f t="shared" si="1"/>
        <v>1.4695351264848711</v>
      </c>
      <c r="U9" s="12">
        <f t="shared" si="2"/>
        <v>1.771938814155029</v>
      </c>
      <c r="V9" s="12">
        <f t="shared" si="3"/>
        <v>2.5404025087253199</v>
      </c>
      <c r="W9" s="12">
        <f t="shared" si="10"/>
        <v>0</v>
      </c>
      <c r="X9" s="12">
        <f t="shared" si="4"/>
        <v>-7.0953309908476907E-3</v>
      </c>
      <c r="Y9" s="12">
        <f t="shared" si="5"/>
        <v>-5.875924024232846E-2</v>
      </c>
      <c r="Z9" s="12">
        <f t="shared" si="6"/>
        <v>-9.5984753200240996E-2</v>
      </c>
      <c r="AA9" s="12">
        <f t="shared" si="7"/>
        <v>-0.17801624965770491</v>
      </c>
      <c r="AB9" s="12">
        <f t="shared" si="11"/>
        <v>0</v>
      </c>
      <c r="AC9" s="12">
        <f t="shared" si="24"/>
        <v>1.0134474690202995</v>
      </c>
      <c r="AD9" s="12">
        <f t="shared" si="12"/>
        <v>0</v>
      </c>
      <c r="AE9" s="12">
        <f t="shared" si="13"/>
        <v>0</v>
      </c>
      <c r="AF9" s="12">
        <f t="shared" si="14"/>
        <v>0</v>
      </c>
      <c r="AG9" s="12">
        <f t="shared" si="15"/>
        <v>0</v>
      </c>
      <c r="AH9" s="12">
        <f>AC9/SUM(AC$2:AG$366)*Input!$D$12</f>
        <v>265.78264840470717</v>
      </c>
      <c r="AI9" s="12">
        <f>AD9/SUM(AC$2:AG$366)*Input!$D$12</f>
        <v>0</v>
      </c>
      <c r="AJ9" s="12">
        <f>AE9/SUM(AC$2:AG$366)*Input!$D$12</f>
        <v>0</v>
      </c>
      <c r="AK9" s="12">
        <f>AF9/SUM(AC$2:AG$366)*Input!$D$12</f>
        <v>0</v>
      </c>
      <c r="AL9" s="12">
        <f>AG9/SUM(AC$2:AG$366)*Input!$D$12</f>
        <v>0</v>
      </c>
      <c r="AM9" s="12">
        <f t="shared" si="16"/>
        <v>7.9734794521412153</v>
      </c>
      <c r="AN9" s="12">
        <f t="shared" si="17"/>
        <v>26.57826484047072</v>
      </c>
      <c r="AO9" s="12">
        <f t="shared" si="18"/>
        <v>39.867397260706078</v>
      </c>
      <c r="AP9" s="12">
        <f t="shared" si="19"/>
        <v>191.36350685138916</v>
      </c>
      <c r="AQ9" s="12">
        <f t="shared" si="20"/>
        <v>0</v>
      </c>
      <c r="AR9" s="11">
        <f t="shared" si="21"/>
        <v>265.78264840470717</v>
      </c>
      <c r="AT9" s="104"/>
      <c r="AU9" s="108">
        <f>SUM(AU4:AU7)</f>
        <v>0.03</v>
      </c>
      <c r="AV9" s="108">
        <f>SUM(AV4:AV7)</f>
        <v>0.1</v>
      </c>
      <c r="AW9" s="108">
        <f>SUM(AW4:AW7)</f>
        <v>0.15</v>
      </c>
      <c r="AX9" s="108">
        <f>SUM(AX4:AX7)</f>
        <v>0.72</v>
      </c>
      <c r="AY9" s="108">
        <f>SUM(AY4:AY7)</f>
        <v>0</v>
      </c>
      <c r="AZ9" s="105"/>
      <c r="BA9" s="180"/>
      <c r="BF9" s="91" t="s">
        <v>125</v>
      </c>
      <c r="BG9" s="138" t="e">
        <v>#N/A</v>
      </c>
      <c r="BH9" s="138" t="e">
        <v>#N/A</v>
      </c>
      <c r="BI9" s="127"/>
      <c r="BK9" s="127"/>
      <c r="BL9" s="127"/>
    </row>
    <row r="10" spans="1:64" x14ac:dyDescent="0.3">
      <c r="A10" s="3">
        <v>0</v>
      </c>
      <c r="B10" s="22">
        <f>'Standard Profiles'!E18/SUM('Standard Profiles'!$E$18:$E$22)</f>
        <v>1</v>
      </c>
      <c r="C10" s="2">
        <v>1.085192073005006</v>
      </c>
      <c r="D10" s="2">
        <v>-1.544218835154681E-2</v>
      </c>
      <c r="E10" s="2">
        <v>1.0609861866589789</v>
      </c>
      <c r="F10" s="2">
        <v>-7.0953309908476907E-3</v>
      </c>
      <c r="G10" s="2">
        <v>2.9</v>
      </c>
      <c r="H10" s="135">
        <f>B10/SUM($B$10:$B$13)</f>
        <v>1</v>
      </c>
      <c r="I10" s="18"/>
      <c r="J10" s="18"/>
      <c r="P10" s="10">
        <f t="shared" si="23"/>
        <v>45300</v>
      </c>
      <c r="Q10" s="29">
        <v>6.2</v>
      </c>
      <c r="R10" s="29">
        <f t="shared" si="9"/>
        <v>2</v>
      </c>
      <c r="S10" s="12">
        <f t="shared" si="0"/>
        <v>1.0609861866589789</v>
      </c>
      <c r="T10" s="12">
        <f t="shared" si="1"/>
        <v>1.4695351264848711</v>
      </c>
      <c r="U10" s="12">
        <f t="shared" si="2"/>
        <v>1.771938814155029</v>
      </c>
      <c r="V10" s="12">
        <f t="shared" si="3"/>
        <v>2.5404025087253199</v>
      </c>
      <c r="W10" s="12">
        <f t="shared" si="10"/>
        <v>0</v>
      </c>
      <c r="X10" s="12">
        <f t="shared" si="4"/>
        <v>-7.0953309908476907E-3</v>
      </c>
      <c r="Y10" s="12">
        <f t="shared" si="5"/>
        <v>-5.875924024232846E-2</v>
      </c>
      <c r="Z10" s="12">
        <f t="shared" si="6"/>
        <v>-9.5984753200240996E-2</v>
      </c>
      <c r="AA10" s="12">
        <f t="shared" si="7"/>
        <v>-0.17801624965770491</v>
      </c>
      <c r="AB10" s="12">
        <f t="shared" si="11"/>
        <v>0</v>
      </c>
      <c r="AC10" s="12">
        <f t="shared" si="24"/>
        <v>1.0169951345157233</v>
      </c>
      <c r="AD10" s="12">
        <f t="shared" si="12"/>
        <v>0</v>
      </c>
      <c r="AE10" s="12">
        <f t="shared" si="13"/>
        <v>0</v>
      </c>
      <c r="AF10" s="12">
        <f t="shared" si="14"/>
        <v>0</v>
      </c>
      <c r="AG10" s="12">
        <f t="shared" si="15"/>
        <v>0</v>
      </c>
      <c r="AH10" s="12">
        <f>AC10/SUM(AC$2:AG$366)*Input!$D$12</f>
        <v>266.71304485824936</v>
      </c>
      <c r="AI10" s="12">
        <f>AD10/SUM(AC$2:AG$366)*Input!$D$12</f>
        <v>0</v>
      </c>
      <c r="AJ10" s="12">
        <f>AE10/SUM(AC$2:AG$366)*Input!$D$12</f>
        <v>0</v>
      </c>
      <c r="AK10" s="12">
        <f>AF10/SUM(AC$2:AG$366)*Input!$D$12</f>
        <v>0</v>
      </c>
      <c r="AL10" s="12">
        <f>AG10/SUM(AC$2:AG$366)*Input!$D$12</f>
        <v>0</v>
      </c>
      <c r="AM10" s="12">
        <f t="shared" si="16"/>
        <v>8.0013913457474803</v>
      </c>
      <c r="AN10" s="12">
        <f t="shared" si="17"/>
        <v>26.671304485824937</v>
      </c>
      <c r="AO10" s="12">
        <f t="shared" si="18"/>
        <v>40.0069567287374</v>
      </c>
      <c r="AP10" s="12">
        <f t="shared" si="19"/>
        <v>192.03339229793954</v>
      </c>
      <c r="AQ10" s="12">
        <f t="shared" si="20"/>
        <v>0</v>
      </c>
      <c r="AR10" s="11">
        <f t="shared" si="21"/>
        <v>266.71304485824936</v>
      </c>
      <c r="AT10" s="177" t="s">
        <v>97</v>
      </c>
      <c r="AU10" s="178"/>
      <c r="AV10" s="178"/>
      <c r="AW10" s="178"/>
      <c r="AX10" s="178"/>
      <c r="AY10" s="178"/>
      <c r="AZ10" s="179"/>
      <c r="BA10" s="180"/>
      <c r="BF10" s="91" t="s">
        <v>104</v>
      </c>
      <c r="BG10" s="138" t="e">
        <v>#N/A</v>
      </c>
      <c r="BH10" s="138" t="e">
        <v>#N/A</v>
      </c>
      <c r="BI10" s="127"/>
      <c r="BK10" s="127"/>
      <c r="BL10" s="127"/>
    </row>
    <row r="11" spans="1:64" ht="16.2" thickBot="1" x14ac:dyDescent="0.35">
      <c r="A11" s="3">
        <v>1</v>
      </c>
      <c r="B11" s="22">
        <f>'Standard Profiles'!E19/SUM('Standard Profiles'!$E$18:$E$22)</f>
        <v>0</v>
      </c>
      <c r="C11" s="2">
        <v>1.4695351264848711</v>
      </c>
      <c r="D11" s="2">
        <v>-5.875924024232846E-2</v>
      </c>
      <c r="E11" s="2">
        <v>0.67790786498212752</v>
      </c>
      <c r="F11" s="2">
        <v>-1.3263420615734021E-2</v>
      </c>
      <c r="G11" s="2">
        <v>17.399999999999999</v>
      </c>
      <c r="H11" s="135">
        <f t="shared" ref="H11:H13" si="26">B11/SUM($B$10:$B$13)</f>
        <v>0</v>
      </c>
      <c r="P11" s="10">
        <f t="shared" si="23"/>
        <v>45301</v>
      </c>
      <c r="Q11" s="29">
        <v>3.5</v>
      </c>
      <c r="R11" s="29">
        <f t="shared" si="9"/>
        <v>3</v>
      </c>
      <c r="S11" s="12">
        <f t="shared" si="0"/>
        <v>1.0609861866589789</v>
      </c>
      <c r="T11" s="12">
        <f t="shared" si="1"/>
        <v>1.4695351264848711</v>
      </c>
      <c r="U11" s="12">
        <f t="shared" si="2"/>
        <v>1.771938814155029</v>
      </c>
      <c r="V11" s="12">
        <f t="shared" si="3"/>
        <v>2.5404025087253199</v>
      </c>
      <c r="W11" s="12">
        <f t="shared" si="10"/>
        <v>0</v>
      </c>
      <c r="X11" s="12">
        <f t="shared" si="4"/>
        <v>-7.0953309908476907E-3</v>
      </c>
      <c r="Y11" s="12">
        <f t="shared" si="5"/>
        <v>-5.875924024232846E-2</v>
      </c>
      <c r="Z11" s="12">
        <f t="shared" si="6"/>
        <v>-9.5984753200240996E-2</v>
      </c>
      <c r="AA11" s="12">
        <f t="shared" si="7"/>
        <v>-0.17801624965770491</v>
      </c>
      <c r="AB11" s="12">
        <f t="shared" si="11"/>
        <v>0</v>
      </c>
      <c r="AC11" s="12">
        <f t="shared" si="24"/>
        <v>1.036152528191012</v>
      </c>
      <c r="AD11" s="12">
        <f t="shared" si="12"/>
        <v>0</v>
      </c>
      <c r="AE11" s="12">
        <f t="shared" si="13"/>
        <v>0</v>
      </c>
      <c r="AF11" s="12">
        <f t="shared" si="14"/>
        <v>0</v>
      </c>
      <c r="AG11" s="12">
        <f t="shared" si="15"/>
        <v>0</v>
      </c>
      <c r="AH11" s="12">
        <f>AC11/SUM(AC$2:AG$366)*Input!$D$12</f>
        <v>271.73718570737691</v>
      </c>
      <c r="AI11" s="12">
        <f>AD11/SUM(AC$2:AG$366)*Input!$D$12</f>
        <v>0</v>
      </c>
      <c r="AJ11" s="12">
        <f>AE11/SUM(AC$2:AG$366)*Input!$D$12</f>
        <v>0</v>
      </c>
      <c r="AK11" s="12">
        <f>AF11/SUM(AC$2:AG$366)*Input!$D$12</f>
        <v>0</v>
      </c>
      <c r="AL11" s="12">
        <f>AG11/SUM(AC$2:AG$366)*Input!$D$12</f>
        <v>0</v>
      </c>
      <c r="AM11" s="12">
        <f t="shared" si="16"/>
        <v>8.1521155712213069</v>
      </c>
      <c r="AN11" s="12">
        <f t="shared" si="17"/>
        <v>27.173718570737691</v>
      </c>
      <c r="AO11" s="12">
        <f t="shared" si="18"/>
        <v>40.760577856106536</v>
      </c>
      <c r="AP11" s="12">
        <f t="shared" si="19"/>
        <v>195.65077370931138</v>
      </c>
      <c r="AQ11" s="12">
        <f t="shared" si="20"/>
        <v>0</v>
      </c>
      <c r="AR11" s="11">
        <f t="shared" si="21"/>
        <v>271.73718570737691</v>
      </c>
      <c r="AT11" s="104"/>
      <c r="AZ11" s="105"/>
      <c r="BA11" s="180"/>
      <c r="BF11" s="91" t="s">
        <v>105</v>
      </c>
      <c r="BG11" s="138" t="e">
        <v>#N/A</v>
      </c>
      <c r="BH11" s="138" t="e">
        <v>#N/A</v>
      </c>
      <c r="BI11" s="127"/>
      <c r="BK11" s="127"/>
      <c r="BL11" s="127"/>
    </row>
    <row r="12" spans="1:64" ht="16.2" thickBot="1" x14ac:dyDescent="0.35">
      <c r="A12" s="3">
        <v>2</v>
      </c>
      <c r="B12" s="22">
        <f>'Standard Profiles'!E20/SUM('Standard Profiles'!$E$18:$E$22)</f>
        <v>0</v>
      </c>
      <c r="C12" s="2">
        <v>1.771938814155029</v>
      </c>
      <c r="D12" s="2">
        <v>-9.5984753200240996E-2</v>
      </c>
      <c r="E12" s="2">
        <v>0.40699471377216029</v>
      </c>
      <c r="F12" s="2">
        <v>-1.2756454396407539E-2</v>
      </c>
      <c r="G12" s="2">
        <v>16.399999999999999</v>
      </c>
      <c r="H12" s="135">
        <f t="shared" si="26"/>
        <v>0</v>
      </c>
      <c r="P12" s="10">
        <f t="shared" si="23"/>
        <v>45302</v>
      </c>
      <c r="Q12" s="29">
        <v>5.3</v>
      </c>
      <c r="R12" s="29">
        <f t="shared" si="9"/>
        <v>4</v>
      </c>
      <c r="S12" s="12">
        <f t="shared" si="0"/>
        <v>1.0609861866589789</v>
      </c>
      <c r="T12" s="12">
        <f t="shared" si="1"/>
        <v>1.4695351264848711</v>
      </c>
      <c r="U12" s="12">
        <f t="shared" si="2"/>
        <v>1.771938814155029</v>
      </c>
      <c r="V12" s="12">
        <f t="shared" si="3"/>
        <v>2.5404025087253199</v>
      </c>
      <c r="W12" s="12">
        <f t="shared" si="10"/>
        <v>0</v>
      </c>
      <c r="X12" s="12">
        <f t="shared" si="4"/>
        <v>-7.0953309908476907E-3</v>
      </c>
      <c r="Y12" s="12">
        <f t="shared" si="5"/>
        <v>-5.875924024232846E-2</v>
      </c>
      <c r="Z12" s="12">
        <f t="shared" si="6"/>
        <v>-9.5984753200240996E-2</v>
      </c>
      <c r="AA12" s="12">
        <f t="shared" si="7"/>
        <v>-0.17801624965770491</v>
      </c>
      <c r="AB12" s="12">
        <f t="shared" si="11"/>
        <v>0</v>
      </c>
      <c r="AC12" s="12">
        <f t="shared" si="24"/>
        <v>1.0233809324074861</v>
      </c>
      <c r="AD12" s="12">
        <f t="shared" si="12"/>
        <v>0</v>
      </c>
      <c r="AE12" s="12">
        <f t="shared" si="13"/>
        <v>0</v>
      </c>
      <c r="AF12" s="12">
        <f t="shared" si="14"/>
        <v>0</v>
      </c>
      <c r="AG12" s="12">
        <f t="shared" si="15"/>
        <v>0</v>
      </c>
      <c r="AH12" s="12">
        <f>AC12/SUM(AC$2:AG$366)*Input!$D$12</f>
        <v>268.38775847462512</v>
      </c>
      <c r="AI12" s="12">
        <f>AD12/SUM(AC$2:AG$366)*Input!$D$12</f>
        <v>0</v>
      </c>
      <c r="AJ12" s="12">
        <f>AE12/SUM(AC$2:AG$366)*Input!$D$12</f>
        <v>0</v>
      </c>
      <c r="AK12" s="12">
        <f>AF12/SUM(AC$2:AG$366)*Input!$D$12</f>
        <v>0</v>
      </c>
      <c r="AL12" s="12">
        <f>AG12/SUM(AC$2:AG$366)*Input!$D$12</f>
        <v>0</v>
      </c>
      <c r="AM12" s="12">
        <f t="shared" si="16"/>
        <v>8.0516327542387529</v>
      </c>
      <c r="AN12" s="12">
        <f t="shared" si="17"/>
        <v>26.838775847462514</v>
      </c>
      <c r="AO12" s="12">
        <f t="shared" si="18"/>
        <v>40.258163771193765</v>
      </c>
      <c r="AP12" s="12">
        <f t="shared" si="19"/>
        <v>193.23918610173007</v>
      </c>
      <c r="AQ12" s="12">
        <f t="shared" si="20"/>
        <v>0</v>
      </c>
      <c r="AR12" s="11">
        <f t="shared" si="21"/>
        <v>268.38775847462512</v>
      </c>
      <c r="AT12" s="112" t="s">
        <v>94</v>
      </c>
      <c r="AU12" s="121" t="s">
        <v>32</v>
      </c>
      <c r="AV12" s="121" t="s">
        <v>33</v>
      </c>
      <c r="AW12" s="121" t="s">
        <v>34</v>
      </c>
      <c r="AX12" s="121" t="s">
        <v>35</v>
      </c>
      <c r="AY12" s="121" t="s">
        <v>36</v>
      </c>
      <c r="AZ12" s="105"/>
      <c r="BA12" s="180"/>
      <c r="BF12" s="91" t="s">
        <v>114</v>
      </c>
      <c r="BG12" s="138" t="e">
        <v>#N/A</v>
      </c>
      <c r="BH12" s="138">
        <v>0.17</v>
      </c>
      <c r="BI12" s="127"/>
      <c r="BK12" s="127"/>
      <c r="BL12" s="127"/>
    </row>
    <row r="13" spans="1:64" x14ac:dyDescent="0.3">
      <c r="A13" s="3">
        <v>3</v>
      </c>
      <c r="B13" s="22">
        <f>'Standard Profiles'!E21/SUM('Standard Profiles'!$E$18:$E$22)</f>
        <v>0</v>
      </c>
      <c r="C13" s="2">
        <v>2.5404025087253199</v>
      </c>
      <c r="D13" s="2">
        <v>-0.17801624965770491</v>
      </c>
      <c r="E13" s="2">
        <v>0.52104102880341097</v>
      </c>
      <c r="F13" s="2">
        <v>-2.1476600051355411E-2</v>
      </c>
      <c r="G13" s="2">
        <v>12.9</v>
      </c>
      <c r="H13" s="135">
        <f t="shared" si="26"/>
        <v>0</v>
      </c>
      <c r="I13" s="17"/>
      <c r="J13" s="17"/>
      <c r="P13" s="10">
        <f t="shared" si="23"/>
        <v>45303</v>
      </c>
      <c r="Q13" s="29">
        <v>4.5999999999999996</v>
      </c>
      <c r="R13" s="29">
        <f t="shared" si="9"/>
        <v>5</v>
      </c>
      <c r="S13" s="12">
        <f t="shared" si="0"/>
        <v>1.0609861866589789</v>
      </c>
      <c r="T13" s="12">
        <f t="shared" si="1"/>
        <v>1.4695351264848711</v>
      </c>
      <c r="U13" s="12">
        <f t="shared" si="2"/>
        <v>1.771938814155029</v>
      </c>
      <c r="V13" s="12">
        <f t="shared" si="3"/>
        <v>2.5404025087253199</v>
      </c>
      <c r="W13" s="12">
        <f t="shared" si="10"/>
        <v>0</v>
      </c>
      <c r="X13" s="12">
        <f t="shared" si="4"/>
        <v>-7.0953309908476907E-3</v>
      </c>
      <c r="Y13" s="12">
        <f t="shared" si="5"/>
        <v>-5.875924024232846E-2</v>
      </c>
      <c r="Z13" s="12">
        <f t="shared" si="6"/>
        <v>-9.5984753200240996E-2</v>
      </c>
      <c r="AA13" s="12">
        <f t="shared" si="7"/>
        <v>-0.17801624965770491</v>
      </c>
      <c r="AB13" s="12">
        <f t="shared" si="11"/>
        <v>0</v>
      </c>
      <c r="AC13" s="12">
        <f t="shared" si="24"/>
        <v>1.0283476641010796</v>
      </c>
      <c r="AD13" s="12">
        <f t="shared" si="12"/>
        <v>0</v>
      </c>
      <c r="AE13" s="12">
        <f t="shared" si="13"/>
        <v>0</v>
      </c>
      <c r="AF13" s="12">
        <f t="shared" si="14"/>
        <v>0</v>
      </c>
      <c r="AG13" s="12">
        <f t="shared" si="15"/>
        <v>0</v>
      </c>
      <c r="AH13" s="12">
        <f>AC13/SUM(AC$2:AG$366)*Input!$D$12</f>
        <v>269.69031350958414</v>
      </c>
      <c r="AI13" s="12">
        <f>AD13/SUM(AC$2:AG$366)*Input!$D$12</f>
        <v>0</v>
      </c>
      <c r="AJ13" s="12">
        <f>AE13/SUM(AC$2:AG$366)*Input!$D$12</f>
        <v>0</v>
      </c>
      <c r="AK13" s="12">
        <f>AF13/SUM(AC$2:AG$366)*Input!$D$12</f>
        <v>0</v>
      </c>
      <c r="AL13" s="12">
        <f>AG13/SUM(AC$2:AG$366)*Input!$D$12</f>
        <v>0</v>
      </c>
      <c r="AM13" s="12">
        <f t="shared" si="16"/>
        <v>8.0907094052875248</v>
      </c>
      <c r="AN13" s="12">
        <f t="shared" si="17"/>
        <v>26.969031350958417</v>
      </c>
      <c r="AO13" s="12">
        <f t="shared" si="18"/>
        <v>40.453547026437619</v>
      </c>
      <c r="AP13" s="12">
        <f t="shared" si="19"/>
        <v>194.17702572690058</v>
      </c>
      <c r="AQ13" s="12">
        <f t="shared" si="20"/>
        <v>0</v>
      </c>
      <c r="AR13" s="11">
        <f t="shared" si="21"/>
        <v>269.69031350958414</v>
      </c>
      <c r="AT13" s="106">
        <v>0</v>
      </c>
      <c r="AU13" s="118">
        <f>IF(($B3-SUM(AV13:$AY13))&gt;=$K$6,$K$6,($B3-SUM(AV13:$AY13)))</f>
        <v>0</v>
      </c>
      <c r="AV13" s="119">
        <f>IF(($B3-SUM(AW13:$AY13))&gt;=$K$5,$K$5,($B3-SUM(AW13:$AY13)))</f>
        <v>0</v>
      </c>
      <c r="AW13" s="119">
        <f>IF(($B3-SUM(AX13:$AY13))&gt;=$K$4,$K$4,($B3-SUM(AX13:$AY13)))</f>
        <v>0</v>
      </c>
      <c r="AX13" s="119">
        <f>IF(($B3-SUM($AY13:AY13))&gt;=$K$3,$K$3,($B3-SUM($AY13:AY13)))</f>
        <v>1.1339000000000001</v>
      </c>
      <c r="AY13" s="120">
        <f>IF(B3&gt;=K2,K2,B3)</f>
        <v>0</v>
      </c>
      <c r="AZ13" s="107">
        <f>SUM(AU13:AY13)</f>
        <v>1.1339000000000001</v>
      </c>
      <c r="BA13" s="180"/>
      <c r="BF13" s="91" t="s">
        <v>113</v>
      </c>
      <c r="BG13" s="138">
        <v>0.1</v>
      </c>
      <c r="BH13" s="138" t="e">
        <v>#N/A</v>
      </c>
      <c r="BI13" s="127"/>
      <c r="BK13" s="127"/>
      <c r="BL13" s="127"/>
    </row>
    <row r="14" spans="1:64" x14ac:dyDescent="0.3">
      <c r="H14" s="136"/>
      <c r="I14" s="21"/>
      <c r="J14" s="21"/>
      <c r="P14" s="10">
        <f t="shared" si="23"/>
        <v>45304</v>
      </c>
      <c r="Q14" s="29">
        <v>0.2</v>
      </c>
      <c r="R14" s="29">
        <f t="shared" si="9"/>
        <v>6</v>
      </c>
      <c r="S14" s="12">
        <f t="shared" si="0"/>
        <v>0.88136675487947747</v>
      </c>
      <c r="T14" s="12">
        <f t="shared" si="1"/>
        <v>0.40529111994771311</v>
      </c>
      <c r="U14" s="12">
        <f t="shared" si="2"/>
        <v>1.4791569663107089</v>
      </c>
      <c r="V14" s="12">
        <f t="shared" si="3"/>
        <v>1.31124751273035</v>
      </c>
      <c r="W14" s="12">
        <f t="shared" si="10"/>
        <v>1.9424956480203619</v>
      </c>
      <c r="X14" s="12">
        <f t="shared" si="4"/>
        <v>-1.236743869637378E-2</v>
      </c>
      <c r="Y14" s="12">
        <f t="shared" si="5"/>
        <v>-1.3226323007097701E-2</v>
      </c>
      <c r="Z14" s="12">
        <f t="shared" si="6"/>
        <v>-6.6119920832722404E-2</v>
      </c>
      <c r="AA14" s="12">
        <f t="shared" si="7"/>
        <v>-7.5310765362349638E-2</v>
      </c>
      <c r="AB14" s="12">
        <f t="shared" si="11"/>
        <v>-0.1200596025795522</v>
      </c>
      <c r="AC14" s="12">
        <f t="shared" si="24"/>
        <v>0.99657707561027586</v>
      </c>
      <c r="AD14" s="12">
        <f t="shared" si="12"/>
        <v>0.22793781871153676</v>
      </c>
      <c r="AE14" s="12">
        <f t="shared" si="13"/>
        <v>0</v>
      </c>
      <c r="AF14" s="12">
        <f t="shared" si="14"/>
        <v>0</v>
      </c>
      <c r="AG14" s="12">
        <f t="shared" si="15"/>
        <v>0</v>
      </c>
      <c r="AH14" s="12">
        <f>AC14/SUM(AC$2:AG$366)*Input!$D$12</f>
        <v>261.35828702712149</v>
      </c>
      <c r="AI14" s="12">
        <f>AD14/SUM(AC$2:AG$366)*Input!$D$12</f>
        <v>59.778053604799922</v>
      </c>
      <c r="AJ14" s="12">
        <f>AE14/SUM(AC$2:AG$366)*Input!$D$12</f>
        <v>0</v>
      </c>
      <c r="AK14" s="12">
        <f>AF14/SUM(AC$2:AG$366)*Input!$D$12</f>
        <v>0</v>
      </c>
      <c r="AL14" s="12">
        <f>AG14/SUM(AC$2:AG$366)*Input!$D$12</f>
        <v>0</v>
      </c>
      <c r="AM14" s="12">
        <f t="shared" si="16"/>
        <v>5.3854102346666615</v>
      </c>
      <c r="AN14" s="12">
        <f t="shared" si="17"/>
        <v>17.951367448888874</v>
      </c>
      <c r="AO14" s="12">
        <f t="shared" si="18"/>
        <v>26.927051173333307</v>
      </c>
      <c r="AP14" s="12">
        <f t="shared" si="19"/>
        <v>270.87251177503259</v>
      </c>
      <c r="AQ14" s="12">
        <f t="shared" si="20"/>
        <v>0</v>
      </c>
      <c r="AR14" s="11">
        <f t="shared" si="21"/>
        <v>321.13634063192143</v>
      </c>
      <c r="AT14" s="106">
        <v>1</v>
      </c>
      <c r="AU14" s="113">
        <f>IF(($B4-SUM(AV14:$AY14))&gt;=($K$6-SUM(AU$13:AU13)),($K$6-SUM(AU$13:AU13)),($B4-SUM(AV14:$AY14)))</f>
        <v>5.0999999999999997E-2</v>
      </c>
      <c r="AV14" s="102">
        <f>IF(($B4-SUM(AW14:$AY14))&gt;=($K$5-SUM(AV$13:AV13)),($K$5-SUM(AV$13:AV13)),($B4-SUM(AW14:$AY14)))</f>
        <v>0.17</v>
      </c>
      <c r="AW14" s="102">
        <f>IF(($B4-SUM(AX14:$AY14))&gt;=($K$4-SUM(AW$13:AW13)),($K$4-SUM(AW$13:AW13)),($B4-SUM(AX14:$AY14)))</f>
        <v>0.255</v>
      </c>
      <c r="AX14" s="102">
        <f>IF(($B4-SUM($AY14:AY14))&gt;=($K$3-SUM(AX$13:AX13)),($K$3-SUM(AX$13:AX13)),($B4-SUM($AY14:AY14)))</f>
        <v>9.0099999999999847E-2</v>
      </c>
      <c r="AY14" s="114">
        <f>IF(SUM(AY$13:AY13)&lt;$K$2,IF($B4&gt;($K$2-SUM(AY$13:AY13)),$K$2-SUM(AY$13:AY13),$B4),0)</f>
        <v>0</v>
      </c>
      <c r="AZ14" s="107">
        <f t="shared" ref="AZ14:AZ17" si="27">SUM(AU14:AY14)</f>
        <v>0.56609999999999983</v>
      </c>
      <c r="BA14" s="180"/>
      <c r="BF14" s="91" t="s">
        <v>126</v>
      </c>
      <c r="BG14" s="138" t="e">
        <v>#N/A</v>
      </c>
      <c r="BH14" s="138" t="e">
        <v>#N/A</v>
      </c>
      <c r="BI14" s="127"/>
      <c r="BK14" s="127"/>
      <c r="BL14" s="127"/>
    </row>
    <row r="15" spans="1:64" x14ac:dyDescent="0.3">
      <c r="C15" s="178" t="s">
        <v>87</v>
      </c>
      <c r="D15" s="178"/>
      <c r="E15" s="178"/>
      <c r="F15" s="178"/>
      <c r="I15"/>
      <c r="J15" s="171" t="s">
        <v>123</v>
      </c>
      <c r="K15" s="171"/>
      <c r="L15" s="171"/>
      <c r="M15" s="171"/>
      <c r="N15" s="171"/>
      <c r="P15" s="10">
        <f t="shared" si="23"/>
        <v>45305</v>
      </c>
      <c r="Q15" s="29">
        <v>-0.2</v>
      </c>
      <c r="R15" s="29">
        <f t="shared" si="9"/>
        <v>7</v>
      </c>
      <c r="S15" s="12">
        <f t="shared" si="0"/>
        <v>0.88136675487947747</v>
      </c>
      <c r="T15" s="12">
        <f t="shared" si="1"/>
        <v>0.40529111994771311</v>
      </c>
      <c r="U15" s="12">
        <f t="shared" si="2"/>
        <v>1.4791569663107089</v>
      </c>
      <c r="V15" s="12">
        <f t="shared" si="3"/>
        <v>1.31124751273035</v>
      </c>
      <c r="W15" s="12">
        <f t="shared" si="10"/>
        <v>1.9424956480203619</v>
      </c>
      <c r="X15" s="12">
        <f t="shared" si="4"/>
        <v>-1.236743869637378E-2</v>
      </c>
      <c r="Y15" s="12">
        <f t="shared" si="5"/>
        <v>-1.3226323007097701E-2</v>
      </c>
      <c r="Z15" s="12">
        <f t="shared" si="6"/>
        <v>-6.6119920832722404E-2</v>
      </c>
      <c r="AA15" s="12">
        <f t="shared" si="7"/>
        <v>-7.5310765362349638E-2</v>
      </c>
      <c r="AB15" s="12">
        <f t="shared" si="11"/>
        <v>-0.1200596025795522</v>
      </c>
      <c r="AC15" s="12">
        <f t="shared" si="24"/>
        <v>1.0021864511054033</v>
      </c>
      <c r="AD15" s="12">
        <f t="shared" si="12"/>
        <v>0.23093278729326397</v>
      </c>
      <c r="AE15" s="12">
        <f t="shared" si="13"/>
        <v>0</v>
      </c>
      <c r="AF15" s="12">
        <f t="shared" si="14"/>
        <v>0</v>
      </c>
      <c r="AG15" s="12">
        <f t="shared" si="15"/>
        <v>0</v>
      </c>
      <c r="AH15" s="12">
        <f>AC15/SUM(AC$2:AG$366)*Input!$D$12</f>
        <v>262.82937923521854</v>
      </c>
      <c r="AI15" s="12">
        <f>AD15/SUM(AC$2:AG$366)*Input!$D$12</f>
        <v>60.563501993466623</v>
      </c>
      <c r="AJ15" s="12">
        <f>AE15/SUM(AC$2:AG$366)*Input!$D$12</f>
        <v>0</v>
      </c>
      <c r="AK15" s="12">
        <f>AF15/SUM(AC$2:AG$366)*Input!$D$12</f>
        <v>0</v>
      </c>
      <c r="AL15" s="12">
        <f>AG15/SUM(AC$2:AG$366)*Input!$D$12</f>
        <v>0</v>
      </c>
      <c r="AM15" s="12">
        <f t="shared" si="16"/>
        <v>5.4561713507627605</v>
      </c>
      <c r="AN15" s="12">
        <f t="shared" si="17"/>
        <v>18.18723783587587</v>
      </c>
      <c r="AO15" s="12">
        <f t="shared" si="18"/>
        <v>27.280856753813804</v>
      </c>
      <c r="AP15" s="12">
        <f t="shared" si="19"/>
        <v>272.46861528823274</v>
      </c>
      <c r="AQ15" s="12">
        <f t="shared" si="20"/>
        <v>0</v>
      </c>
      <c r="AR15" s="11">
        <f t="shared" si="21"/>
        <v>323.39288122868516</v>
      </c>
      <c r="AT15" s="106">
        <v>2</v>
      </c>
      <c r="AU15" s="113">
        <f>IF(($B5-SUM(AV15:$AY15))&gt;=($K$6-SUM(AU$13:AU14)),($K$6-SUM(AU$13:AU14)),($B5-SUM(AV15:$AY15)))</f>
        <v>0</v>
      </c>
      <c r="AV15" s="102">
        <f>IF(($B5-SUM(AW15:$AY15))&gt;=($K$5-SUM(AV$13:AV14)),($K$5-SUM(AV$13:AV14)),($B5-SUM(AW15:$AY15)))</f>
        <v>0</v>
      </c>
      <c r="AW15" s="102">
        <f>IF(($B5-SUM(AX15:$AY15))&gt;=($K$4-SUM(AW$13:AW14)),($K$4-SUM(AW$13:AW14)),($B5-SUM(AX15:$AY15)))</f>
        <v>0</v>
      </c>
      <c r="AX15" s="102">
        <f>IF(($B5-SUM($AY15:AY15))&gt;=($K$3-SUM(AX$13:AX14)),($K$3-SUM(AX$13:AX14)),($B5-SUM($AY15:AY15)))</f>
        <v>0</v>
      </c>
      <c r="AY15" s="114">
        <f>IF(SUM(AY$13:AY14)&lt;$K$2,IF($B5&gt;($K$2-SUM(AY$13:AY14)),$K$2-SUM(AY$13:AY14),$B5),0)</f>
        <v>0</v>
      </c>
      <c r="AZ15" s="107">
        <f t="shared" si="27"/>
        <v>0</v>
      </c>
      <c r="BA15" s="180"/>
      <c r="BF15" s="91" t="s">
        <v>117</v>
      </c>
      <c r="BG15" s="138" t="e">
        <v>#N/A</v>
      </c>
      <c r="BH15" s="138" t="e">
        <v>#N/A</v>
      </c>
      <c r="BI15" s="127"/>
      <c r="BK15" s="127"/>
      <c r="BL15" s="127"/>
    </row>
    <row r="16" spans="1:64" x14ac:dyDescent="0.3">
      <c r="B16" s="1" t="s">
        <v>86</v>
      </c>
      <c r="C16" s="1" t="s">
        <v>88</v>
      </c>
      <c r="D16" s="1" t="s">
        <v>89</v>
      </c>
      <c r="E16" s="1" t="s">
        <v>90</v>
      </c>
      <c r="F16" s="1" t="s">
        <v>91</v>
      </c>
      <c r="I16" s="1" t="s">
        <v>142</v>
      </c>
      <c r="J16" s="16">
        <v>0</v>
      </c>
      <c r="K16" s="16">
        <v>1</v>
      </c>
      <c r="L16" s="91">
        <v>2</v>
      </c>
      <c r="M16" s="91">
        <v>3</v>
      </c>
      <c r="N16" s="91">
        <v>4</v>
      </c>
      <c r="P16" s="10">
        <f t="shared" si="23"/>
        <v>45306</v>
      </c>
      <c r="Q16" s="29">
        <v>0.2</v>
      </c>
      <c r="R16" s="29">
        <f t="shared" si="9"/>
        <v>1</v>
      </c>
      <c r="S16" s="12">
        <f t="shared" si="0"/>
        <v>1.085192073005006</v>
      </c>
      <c r="T16" s="12">
        <f t="shared" si="1"/>
        <v>1.4695351264848711</v>
      </c>
      <c r="U16" s="12">
        <f t="shared" si="2"/>
        <v>1.771938814155029</v>
      </c>
      <c r="V16" s="12">
        <f t="shared" si="3"/>
        <v>2.5404025087253199</v>
      </c>
      <c r="W16" s="12">
        <f t="shared" si="10"/>
        <v>0</v>
      </c>
      <c r="X16" s="12">
        <f t="shared" si="4"/>
        <v>-1.544218835154681E-2</v>
      </c>
      <c r="Y16" s="12">
        <f t="shared" si="5"/>
        <v>-5.875924024232846E-2</v>
      </c>
      <c r="Z16" s="12">
        <f t="shared" si="6"/>
        <v>-9.5984753200240996E-2</v>
      </c>
      <c r="AA16" s="12">
        <f t="shared" si="7"/>
        <v>-0.17801624965770491</v>
      </c>
      <c r="AB16" s="12">
        <f t="shared" si="11"/>
        <v>0</v>
      </c>
      <c r="AC16" s="12">
        <f t="shared" si="24"/>
        <v>1.0821036353346967</v>
      </c>
      <c r="AD16" s="12">
        <f t="shared" si="12"/>
        <v>0</v>
      </c>
      <c r="AE16" s="12">
        <f t="shared" si="13"/>
        <v>0</v>
      </c>
      <c r="AF16" s="12">
        <f t="shared" si="14"/>
        <v>0</v>
      </c>
      <c r="AG16" s="12">
        <f t="shared" si="15"/>
        <v>0</v>
      </c>
      <c r="AH16" s="12">
        <f>AC16/SUM(AC$2:AG$366)*Input!$D$12</f>
        <v>283.78813785547715</v>
      </c>
      <c r="AI16" s="12">
        <f>AD16/SUM(AC$2:AG$366)*Input!$D$12</f>
        <v>0</v>
      </c>
      <c r="AJ16" s="12">
        <f>AE16/SUM(AC$2:AG$366)*Input!$D$12</f>
        <v>0</v>
      </c>
      <c r="AK16" s="12">
        <f>AF16/SUM(AC$2:AG$366)*Input!$D$12</f>
        <v>0</v>
      </c>
      <c r="AL16" s="12">
        <f>AG16/SUM(AC$2:AG$366)*Input!$D$12</f>
        <v>0</v>
      </c>
      <c r="AM16" s="12">
        <f t="shared" si="16"/>
        <v>8.5136441356643147</v>
      </c>
      <c r="AN16" s="12">
        <f t="shared" si="17"/>
        <v>28.378813785547717</v>
      </c>
      <c r="AO16" s="12">
        <f t="shared" si="18"/>
        <v>42.568220678321573</v>
      </c>
      <c r="AP16" s="12">
        <f t="shared" si="19"/>
        <v>204.32745925594352</v>
      </c>
      <c r="AQ16" s="12">
        <f t="shared" si="20"/>
        <v>0</v>
      </c>
      <c r="AR16" s="11">
        <f t="shared" si="21"/>
        <v>283.78813785547709</v>
      </c>
      <c r="AT16" s="106">
        <v>3</v>
      </c>
      <c r="AU16" s="113">
        <f>IF(($B6-SUM(AV16:$AY16))&gt;=($K$6-SUM(AU$13:AU15)),($K$6-SUM(AU$13:AU15)),($B6-SUM(AV16:$AY16)))</f>
        <v>0</v>
      </c>
      <c r="AV16" s="102">
        <f>IF(($B6-SUM(AW16:$AY16))&gt;=($K$5-SUM(AV$13:AV15)),($K$5-SUM(AV$13:AV15)),($B6-SUM(AW16:$AY16)))</f>
        <v>0</v>
      </c>
      <c r="AW16" s="102">
        <f>IF(($B6-SUM(AX16:$AY16))&gt;=($K$4-SUM(AW$13:AW15)),($K$4-SUM(AW$13:AW15)),($B6-SUM(AX16:$AY16)))</f>
        <v>0</v>
      </c>
      <c r="AX16" s="102">
        <f>IF(($B6-SUM($AY16:AY16))&gt;=($K$3-SUM(AX$13:AX15)),($K$3-SUM(AX$13:AX15)),($B6-SUM($AY16:AY16)))</f>
        <v>0</v>
      </c>
      <c r="AY16" s="114">
        <f>IF(SUM(AY$13:AY15)&lt;$K$2,IF($B6&gt;($K$2-SUM(AY$13:AY15)),$K$2-SUM(AY$13:AY15),$B6),0)</f>
        <v>0</v>
      </c>
      <c r="AZ16" s="107">
        <f t="shared" si="27"/>
        <v>0</v>
      </c>
      <c r="BA16" s="180"/>
      <c r="BF16" s="91" t="s">
        <v>116</v>
      </c>
      <c r="BG16" s="138" t="e">
        <v>#N/A</v>
      </c>
      <c r="BH16" s="138" t="e">
        <v>#N/A</v>
      </c>
      <c r="BI16" s="127"/>
      <c r="BK16" s="127"/>
      <c r="BL16" s="127"/>
    </row>
    <row r="17" spans="2:64" ht="16.2" thickBot="1" x14ac:dyDescent="0.35">
      <c r="B17" s="1">
        <v>-10</v>
      </c>
      <c r="C17" s="1">
        <f>MAX(IF($B17&lt;$G$10,$C$10+$D$10*$B17,$E$10+$F$10*$B17),0)</f>
        <v>1.239613956520474</v>
      </c>
      <c r="D17" s="1">
        <f>MAX(IF($B17&lt;$G$11,$C$11+$D$11*$B17,$E$11+$F$11*$B17),0)</f>
        <v>2.0571275289081559</v>
      </c>
      <c r="E17" s="1">
        <f>MAX(IF($B17&lt;$G$12,$C$12+$D$12*$B17,$E$12+$F$12*$B17),0)</f>
        <v>2.7317863461574392</v>
      </c>
      <c r="F17" s="1">
        <f>MAX(IF($B17&lt;$G$13,$C$13+$D$13*$B17,$E$13+$F$13*$B17),0)</f>
        <v>4.3205650053023685</v>
      </c>
      <c r="I17" s="1" t="s">
        <v>143</v>
      </c>
      <c r="J17" s="237">
        <v>52.6</v>
      </c>
      <c r="K17" s="237">
        <v>36.799999999999997</v>
      </c>
      <c r="L17" s="237">
        <v>0</v>
      </c>
      <c r="M17" s="237">
        <v>0</v>
      </c>
      <c r="N17" s="237">
        <v>0</v>
      </c>
      <c r="P17" s="10">
        <f t="shared" si="23"/>
        <v>45307</v>
      </c>
      <c r="Q17" s="29">
        <v>-0.2</v>
      </c>
      <c r="R17" s="29">
        <f t="shared" si="9"/>
        <v>2</v>
      </c>
      <c r="S17" s="12">
        <f t="shared" si="0"/>
        <v>1.085192073005006</v>
      </c>
      <c r="T17" s="12">
        <f t="shared" si="1"/>
        <v>1.4695351264848711</v>
      </c>
      <c r="U17" s="12">
        <f t="shared" si="2"/>
        <v>1.771938814155029</v>
      </c>
      <c r="V17" s="12">
        <f t="shared" si="3"/>
        <v>2.5404025087253199</v>
      </c>
      <c r="W17" s="12">
        <f t="shared" si="10"/>
        <v>0</v>
      </c>
      <c r="X17" s="12">
        <f t="shared" si="4"/>
        <v>-1.544218835154681E-2</v>
      </c>
      <c r="Y17" s="12">
        <f t="shared" si="5"/>
        <v>-5.875924024232846E-2</v>
      </c>
      <c r="Z17" s="12">
        <f t="shared" si="6"/>
        <v>-9.5984753200240996E-2</v>
      </c>
      <c r="AA17" s="12">
        <f t="shared" si="7"/>
        <v>-0.17801624965770491</v>
      </c>
      <c r="AB17" s="12">
        <f t="shared" si="11"/>
        <v>0</v>
      </c>
      <c r="AC17" s="12">
        <f t="shared" si="24"/>
        <v>1.0882805106753153</v>
      </c>
      <c r="AD17" s="12">
        <f t="shared" si="12"/>
        <v>0</v>
      </c>
      <c r="AE17" s="12">
        <f t="shared" si="13"/>
        <v>0</v>
      </c>
      <c r="AF17" s="12">
        <f t="shared" si="14"/>
        <v>0</v>
      </c>
      <c r="AG17" s="12">
        <f t="shared" si="15"/>
        <v>0</v>
      </c>
      <c r="AH17" s="12">
        <f>AC17/SUM(AC$2:AG$366)*Input!$D$12</f>
        <v>285.4080602856771</v>
      </c>
      <c r="AI17" s="12">
        <f>AD17/SUM(AC$2:AG$366)*Input!$D$12</f>
        <v>0</v>
      </c>
      <c r="AJ17" s="12">
        <f>AE17/SUM(AC$2:AG$366)*Input!$D$12</f>
        <v>0</v>
      </c>
      <c r="AK17" s="12">
        <f>AF17/SUM(AC$2:AG$366)*Input!$D$12</f>
        <v>0</v>
      </c>
      <c r="AL17" s="12">
        <f>AG17/SUM(AC$2:AG$366)*Input!$D$12</f>
        <v>0</v>
      </c>
      <c r="AM17" s="12">
        <f t="shared" si="16"/>
        <v>8.5622418085703131</v>
      </c>
      <c r="AN17" s="12">
        <f t="shared" si="17"/>
        <v>28.540806028567712</v>
      </c>
      <c r="AO17" s="12">
        <f t="shared" si="18"/>
        <v>42.811209042851566</v>
      </c>
      <c r="AP17" s="12">
        <f t="shared" si="19"/>
        <v>205.49380340568749</v>
      </c>
      <c r="AQ17" s="12">
        <f t="shared" si="20"/>
        <v>0</v>
      </c>
      <c r="AR17" s="11">
        <f t="shared" si="21"/>
        <v>285.40806028567704</v>
      </c>
      <c r="AT17" s="106">
        <v>4</v>
      </c>
      <c r="AU17" s="115">
        <f>IF(($B7-SUM(AV17:$AY17))&gt;=($K$6-SUM(AU$13:AU16)),($K$6-SUM(AU$13:AU16)),($B7-SUM(AV17:$AY17)))</f>
        <v>0</v>
      </c>
      <c r="AV17" s="116">
        <f>IF(($B7-SUM(AW17:$AY17))&gt;=($K$5-SUM(AV$13:AV16)),($K$5-SUM(AV$13:AV16)),($B7-SUM(AW17:$AY17)))</f>
        <v>0</v>
      </c>
      <c r="AW17" s="116">
        <f>IF(($B7-SUM(AX17:$AY17))&gt;=($K$4-SUM(AW$13:AW16)),($K$4-SUM(AW$13:AW16)),($B7-SUM(AX17:$AY17)))</f>
        <v>0</v>
      </c>
      <c r="AX17" s="116">
        <f>IF(($B7-SUM($AY17:AY17))&gt;=($K$3-SUM(AX$13:AX16)),($K$3-SUM(AX$13:AX16)),($B7-SUM($AY17:AY17)))</f>
        <v>0</v>
      </c>
      <c r="AY17" s="117">
        <f>IF(SUM(AY$13:AY16)&lt;$K$2,IF($B7&gt;($K$2-SUM(AY$13:AY16)),$K$2-SUM(AY$13:AY16),$B7),0)</f>
        <v>0</v>
      </c>
      <c r="AZ17" s="107">
        <f t="shared" si="27"/>
        <v>0</v>
      </c>
      <c r="BA17" s="180"/>
      <c r="BF17" s="91" t="s">
        <v>106</v>
      </c>
      <c r="BG17" s="138" t="e">
        <v>#N/A</v>
      </c>
      <c r="BH17" s="138">
        <v>0.255</v>
      </c>
      <c r="BI17" s="127"/>
      <c r="BK17" s="127"/>
      <c r="BL17" s="127"/>
    </row>
    <row r="18" spans="2:64" ht="16.2" thickBot="1" x14ac:dyDescent="0.35">
      <c r="B18" s="1">
        <f>B17+1</f>
        <v>-9</v>
      </c>
      <c r="C18" s="1">
        <f t="shared" ref="C18:C57" si="28">MAX(IF($B18&lt;$G$10,$C$10+$D$10*$B18,$E$10+$F$10*$B18),0)</f>
        <v>1.2241717681689273</v>
      </c>
      <c r="D18" s="1">
        <f t="shared" ref="D18:D57" si="29">MAX(IF($B18&lt;$G$11,$C$11+$D$11*$B18,$E$11+$F$11*$B18),0)</f>
        <v>1.9983682886658272</v>
      </c>
      <c r="E18" s="1">
        <f t="shared" ref="E18:E57" si="30">MAX(IF($B18&lt;$G$12,$C$12+$D$12*$B18,$E$12+$F$12*$B18),0)</f>
        <v>2.6358015929571978</v>
      </c>
      <c r="F18" s="1">
        <f t="shared" ref="F18:F57" si="31">MAX(IF($B18&lt;$G$13,$C$13+$D$13*$B18,$E$13+$F$13*$B18),0)</f>
        <v>4.1425487556446638</v>
      </c>
      <c r="I18" s="1" t="s">
        <v>144</v>
      </c>
      <c r="J18" s="237">
        <v>0</v>
      </c>
      <c r="K18" s="237">
        <v>50</v>
      </c>
      <c r="L18" s="237">
        <v>12.5</v>
      </c>
      <c r="M18" s="237">
        <v>25</v>
      </c>
      <c r="N18" s="237">
        <v>12.5</v>
      </c>
      <c r="P18" s="10">
        <f t="shared" si="23"/>
        <v>45308</v>
      </c>
      <c r="Q18" s="29">
        <v>1.6</v>
      </c>
      <c r="R18" s="29">
        <f t="shared" si="9"/>
        <v>3</v>
      </c>
      <c r="S18" s="12">
        <f t="shared" si="0"/>
        <v>1.085192073005006</v>
      </c>
      <c r="T18" s="12">
        <f t="shared" si="1"/>
        <v>1.4695351264848711</v>
      </c>
      <c r="U18" s="12">
        <f t="shared" si="2"/>
        <v>1.771938814155029</v>
      </c>
      <c r="V18" s="12">
        <f t="shared" si="3"/>
        <v>2.5404025087253199</v>
      </c>
      <c r="W18" s="12">
        <f t="shared" si="10"/>
        <v>0</v>
      </c>
      <c r="X18" s="12">
        <f t="shared" si="4"/>
        <v>-1.544218835154681E-2</v>
      </c>
      <c r="Y18" s="12">
        <f t="shared" si="5"/>
        <v>-5.875924024232846E-2</v>
      </c>
      <c r="Z18" s="12">
        <f t="shared" si="6"/>
        <v>-9.5984753200240996E-2</v>
      </c>
      <c r="AA18" s="12">
        <f t="shared" si="7"/>
        <v>-0.17801624965770491</v>
      </c>
      <c r="AB18" s="12">
        <f t="shared" si="11"/>
        <v>0</v>
      </c>
      <c r="AC18" s="12">
        <f t="shared" si="24"/>
        <v>1.0604845716425311</v>
      </c>
      <c r="AD18" s="12">
        <f t="shared" si="12"/>
        <v>0</v>
      </c>
      <c r="AE18" s="12">
        <f t="shared" si="13"/>
        <v>0</v>
      </c>
      <c r="AF18" s="12">
        <f t="shared" si="14"/>
        <v>0</v>
      </c>
      <c r="AG18" s="12">
        <f t="shared" si="15"/>
        <v>0</v>
      </c>
      <c r="AH18" s="12">
        <f>AC18/SUM(AC$2:AG$366)*Input!$D$12</f>
        <v>278.11840934977721</v>
      </c>
      <c r="AI18" s="12">
        <f>AD18/SUM(AC$2:AG$366)*Input!$D$12</f>
        <v>0</v>
      </c>
      <c r="AJ18" s="12">
        <f>AE18/SUM(AC$2:AG$366)*Input!$D$12</f>
        <v>0</v>
      </c>
      <c r="AK18" s="12">
        <f>AF18/SUM(AC$2:AG$366)*Input!$D$12</f>
        <v>0</v>
      </c>
      <c r="AL18" s="12">
        <f>AG18/SUM(AC$2:AG$366)*Input!$D$12</f>
        <v>0</v>
      </c>
      <c r="AM18" s="12">
        <f t="shared" si="16"/>
        <v>8.3435522804933164</v>
      </c>
      <c r="AN18" s="12">
        <f t="shared" si="17"/>
        <v>27.811840934977724</v>
      </c>
      <c r="AO18" s="12">
        <f t="shared" si="18"/>
        <v>41.717761402466579</v>
      </c>
      <c r="AP18" s="12">
        <f t="shared" si="19"/>
        <v>200.24525473183959</v>
      </c>
      <c r="AQ18" s="12">
        <f t="shared" si="20"/>
        <v>0</v>
      </c>
      <c r="AR18" s="11">
        <f t="shared" si="21"/>
        <v>278.11840934977721</v>
      </c>
      <c r="AT18" s="109"/>
      <c r="AU18" s="110">
        <f t="shared" ref="AU18:AX18" si="32">SUM(AU13:AU17)</f>
        <v>5.0999999999999997E-2</v>
      </c>
      <c r="AV18" s="110">
        <f t="shared" si="32"/>
        <v>0.17</v>
      </c>
      <c r="AW18" s="110">
        <f t="shared" si="32"/>
        <v>0.255</v>
      </c>
      <c r="AX18" s="110">
        <f t="shared" si="32"/>
        <v>1.224</v>
      </c>
      <c r="AY18" s="110">
        <f>SUM(AY13:AY17)</f>
        <v>0</v>
      </c>
      <c r="AZ18" s="111"/>
      <c r="BA18" s="180"/>
      <c r="BF18" s="91" t="s">
        <v>115</v>
      </c>
      <c r="BG18" s="138">
        <v>0.15</v>
      </c>
      <c r="BH18" s="138" t="e">
        <v>#N/A</v>
      </c>
      <c r="BI18" s="127"/>
      <c r="BK18" s="127"/>
      <c r="BL18" s="127"/>
    </row>
    <row r="19" spans="2:64" x14ac:dyDescent="0.3">
      <c r="B19" s="1">
        <f t="shared" ref="B19:B57" si="33">B18+1</f>
        <v>-8</v>
      </c>
      <c r="C19" s="1">
        <f t="shared" si="28"/>
        <v>1.2087295798173805</v>
      </c>
      <c r="D19" s="1">
        <f t="shared" si="29"/>
        <v>1.9396090484234987</v>
      </c>
      <c r="E19" s="1">
        <f t="shared" si="30"/>
        <v>2.5398168397569569</v>
      </c>
      <c r="F19" s="1">
        <f t="shared" si="31"/>
        <v>3.9645325059869592</v>
      </c>
      <c r="I19" s="1" t="s">
        <v>145</v>
      </c>
      <c r="J19" s="237">
        <v>27.3</v>
      </c>
      <c r="K19" s="237">
        <v>27.3</v>
      </c>
      <c r="L19" s="237">
        <v>9.1</v>
      </c>
      <c r="M19" s="237">
        <v>18.2</v>
      </c>
      <c r="N19" s="237">
        <v>9.1</v>
      </c>
      <c r="P19" s="10">
        <f>P18+1</f>
        <v>45309</v>
      </c>
      <c r="Q19" s="29">
        <v>0.4</v>
      </c>
      <c r="R19" s="29">
        <f t="shared" si="9"/>
        <v>4</v>
      </c>
      <c r="S19" s="12">
        <f t="shared" si="0"/>
        <v>1.085192073005006</v>
      </c>
      <c r="T19" s="12">
        <f t="shared" si="1"/>
        <v>1.4695351264848711</v>
      </c>
      <c r="U19" s="12">
        <f t="shared" si="2"/>
        <v>1.771938814155029</v>
      </c>
      <c r="V19" s="12">
        <f t="shared" si="3"/>
        <v>2.5404025087253199</v>
      </c>
      <c r="W19" s="12">
        <f t="shared" si="10"/>
        <v>0</v>
      </c>
      <c r="X19" s="12">
        <f t="shared" si="4"/>
        <v>-1.544218835154681E-2</v>
      </c>
      <c r="Y19" s="12">
        <f t="shared" si="5"/>
        <v>-5.875924024232846E-2</v>
      </c>
      <c r="Z19" s="12">
        <f t="shared" si="6"/>
        <v>-9.5984753200240996E-2</v>
      </c>
      <c r="AA19" s="12">
        <f t="shared" si="7"/>
        <v>-0.17801624965770491</v>
      </c>
      <c r="AB19" s="12">
        <f t="shared" si="11"/>
        <v>0</v>
      </c>
      <c r="AC19" s="12">
        <f t="shared" si="24"/>
        <v>1.0790151976643874</v>
      </c>
      <c r="AD19" s="12">
        <f t="shared" si="12"/>
        <v>0</v>
      </c>
      <c r="AE19" s="12">
        <f t="shared" si="13"/>
        <v>0</v>
      </c>
      <c r="AF19" s="12">
        <f t="shared" si="14"/>
        <v>0</v>
      </c>
      <c r="AG19" s="12">
        <f t="shared" si="15"/>
        <v>0</v>
      </c>
      <c r="AH19" s="12">
        <f>AC19/SUM(AC$2:AG$366)*Input!$D$12</f>
        <v>282.97817664037723</v>
      </c>
      <c r="AI19" s="12">
        <f>AD19/SUM(AC$2:AG$366)*Input!$D$12</f>
        <v>0</v>
      </c>
      <c r="AJ19" s="12">
        <f>AE19/SUM(AC$2:AG$366)*Input!$D$12</f>
        <v>0</v>
      </c>
      <c r="AK19" s="12">
        <f>AF19/SUM(AC$2:AG$366)*Input!$D$12</f>
        <v>0</v>
      </c>
      <c r="AL19" s="12">
        <f>AG19/SUM(AC$2:AG$366)*Input!$D$12</f>
        <v>0</v>
      </c>
      <c r="AM19" s="12">
        <f t="shared" si="16"/>
        <v>8.4893452992113172</v>
      </c>
      <c r="AN19" s="12">
        <f t="shared" si="17"/>
        <v>28.297817664037723</v>
      </c>
      <c r="AO19" s="12">
        <f t="shared" si="18"/>
        <v>42.446726496056584</v>
      </c>
      <c r="AP19" s="12">
        <f t="shared" si="19"/>
        <v>203.7442871810716</v>
      </c>
      <c r="AQ19" s="12">
        <f t="shared" si="20"/>
        <v>0</v>
      </c>
      <c r="AR19" s="11">
        <f t="shared" si="21"/>
        <v>282.97817664037723</v>
      </c>
      <c r="AT19" s="174" t="s">
        <v>96</v>
      </c>
      <c r="AU19" s="175"/>
      <c r="AV19" s="175"/>
      <c r="AW19" s="175"/>
      <c r="AX19" s="175"/>
      <c r="AY19" s="175"/>
      <c r="AZ19" s="176"/>
      <c r="BA19" s="180" t="s">
        <v>99</v>
      </c>
      <c r="BF19" s="91" t="s">
        <v>127</v>
      </c>
      <c r="BG19" s="138" t="e">
        <v>#N/A</v>
      </c>
      <c r="BH19" s="138" t="e">
        <v>#N/A</v>
      </c>
      <c r="BI19" s="127"/>
      <c r="BK19" s="127"/>
      <c r="BL19" s="127"/>
    </row>
    <row r="20" spans="2:64" ht="16.2" thickBot="1" x14ac:dyDescent="0.35">
      <c r="B20" s="1">
        <f t="shared" si="33"/>
        <v>-7</v>
      </c>
      <c r="C20" s="1">
        <f t="shared" si="28"/>
        <v>1.1932873914658337</v>
      </c>
      <c r="D20" s="1">
        <f t="shared" si="29"/>
        <v>1.8808498081811702</v>
      </c>
      <c r="E20" s="1">
        <f t="shared" si="30"/>
        <v>2.443832086556716</v>
      </c>
      <c r="F20" s="1">
        <f t="shared" si="31"/>
        <v>3.7865162563292545</v>
      </c>
      <c r="I20" s="1" t="s">
        <v>146</v>
      </c>
      <c r="J20" s="237">
        <v>66.7</v>
      </c>
      <c r="K20" s="237">
        <v>33.299999999999997</v>
      </c>
      <c r="L20" s="237">
        <v>0</v>
      </c>
      <c r="M20" s="237">
        <v>0</v>
      </c>
      <c r="N20" s="237">
        <v>0</v>
      </c>
      <c r="P20" s="10">
        <f t="shared" si="23"/>
        <v>45310</v>
      </c>
      <c r="Q20" s="29">
        <v>-0.1</v>
      </c>
      <c r="R20" s="29">
        <f t="shared" si="9"/>
        <v>5</v>
      </c>
      <c r="S20" s="12">
        <f t="shared" si="0"/>
        <v>1.085192073005006</v>
      </c>
      <c r="T20" s="12">
        <f t="shared" si="1"/>
        <v>1.4695351264848711</v>
      </c>
      <c r="U20" s="12">
        <f t="shared" si="2"/>
        <v>1.771938814155029</v>
      </c>
      <c r="V20" s="12">
        <f t="shared" si="3"/>
        <v>2.5404025087253199</v>
      </c>
      <c r="W20" s="12">
        <f t="shared" si="10"/>
        <v>0</v>
      </c>
      <c r="X20" s="12">
        <f t="shared" si="4"/>
        <v>-1.544218835154681E-2</v>
      </c>
      <c r="Y20" s="12">
        <f t="shared" si="5"/>
        <v>-5.875924024232846E-2</v>
      </c>
      <c r="Z20" s="12">
        <f t="shared" si="6"/>
        <v>-9.5984753200240996E-2</v>
      </c>
      <c r="AA20" s="12">
        <f t="shared" si="7"/>
        <v>-0.17801624965770491</v>
      </c>
      <c r="AB20" s="12">
        <f t="shared" si="11"/>
        <v>0</v>
      </c>
      <c r="AC20" s="12">
        <f t="shared" si="24"/>
        <v>1.0867362918401606</v>
      </c>
      <c r="AD20" s="12">
        <f t="shared" si="12"/>
        <v>0</v>
      </c>
      <c r="AE20" s="12">
        <f t="shared" si="13"/>
        <v>0</v>
      </c>
      <c r="AF20" s="12">
        <f t="shared" si="14"/>
        <v>0</v>
      </c>
      <c r="AG20" s="12">
        <f t="shared" si="15"/>
        <v>0</v>
      </c>
      <c r="AH20" s="12">
        <f>AC20/SUM(AC$2:AG$366)*Input!$D$12</f>
        <v>285.00307967812711</v>
      </c>
      <c r="AI20" s="12">
        <f>AD20/SUM(AC$2:AG$366)*Input!$D$12</f>
        <v>0</v>
      </c>
      <c r="AJ20" s="12">
        <f>AE20/SUM(AC$2:AG$366)*Input!$D$12</f>
        <v>0</v>
      </c>
      <c r="AK20" s="12">
        <f>AF20/SUM(AC$2:AG$366)*Input!$D$12</f>
        <v>0</v>
      </c>
      <c r="AL20" s="12">
        <f>AG20/SUM(AC$2:AG$366)*Input!$D$12</f>
        <v>0</v>
      </c>
      <c r="AM20" s="12">
        <f t="shared" si="16"/>
        <v>8.5500923903438135</v>
      </c>
      <c r="AN20" s="12">
        <f t="shared" si="17"/>
        <v>28.500307967812713</v>
      </c>
      <c r="AO20" s="12">
        <f t="shared" si="18"/>
        <v>42.750461951719068</v>
      </c>
      <c r="AP20" s="12">
        <f t="shared" si="19"/>
        <v>205.2022173682515</v>
      </c>
      <c r="AQ20" s="12">
        <f t="shared" si="20"/>
        <v>0</v>
      </c>
      <c r="AR20" s="11">
        <f t="shared" si="21"/>
        <v>285.00307967812705</v>
      </c>
      <c r="AT20" s="104"/>
      <c r="AZ20" s="105"/>
      <c r="BA20" s="180"/>
      <c r="BF20" s="91" t="s">
        <v>119</v>
      </c>
      <c r="BG20" s="138" t="e">
        <v>#N/A</v>
      </c>
      <c r="BH20" s="138" t="e">
        <v>#N/A</v>
      </c>
      <c r="BI20" s="127"/>
      <c r="BK20" s="127"/>
      <c r="BL20" s="127"/>
    </row>
    <row r="21" spans="2:64" ht="16.2" thickBot="1" x14ac:dyDescent="0.35">
      <c r="B21" s="1">
        <f t="shared" si="33"/>
        <v>-6</v>
      </c>
      <c r="C21" s="1">
        <f t="shared" si="28"/>
        <v>1.1778452031142868</v>
      </c>
      <c r="D21" s="1">
        <f t="shared" si="29"/>
        <v>1.8220905679388419</v>
      </c>
      <c r="E21" s="1">
        <f t="shared" si="30"/>
        <v>2.3478473333564747</v>
      </c>
      <c r="F21" s="1">
        <f t="shared" si="31"/>
        <v>3.6085000066715494</v>
      </c>
      <c r="I21" s="1" t="s">
        <v>147</v>
      </c>
      <c r="J21" s="237">
        <v>0</v>
      </c>
      <c r="K21" s="237">
        <v>42.9</v>
      </c>
      <c r="L21" s="237">
        <v>28.6</v>
      </c>
      <c r="M21" s="237">
        <v>28.6</v>
      </c>
      <c r="N21" s="237">
        <v>0</v>
      </c>
      <c r="P21" s="10">
        <f t="shared" si="23"/>
        <v>45311</v>
      </c>
      <c r="Q21" s="29">
        <v>0.9</v>
      </c>
      <c r="R21" s="29">
        <f t="shared" si="9"/>
        <v>6</v>
      </c>
      <c r="S21" s="12">
        <f t="shared" si="0"/>
        <v>0.88136675487947747</v>
      </c>
      <c r="T21" s="12">
        <f t="shared" si="1"/>
        <v>0.40529111994771311</v>
      </c>
      <c r="U21" s="12">
        <f t="shared" si="2"/>
        <v>1.4791569663107089</v>
      </c>
      <c r="V21" s="12">
        <f t="shared" si="3"/>
        <v>1.31124751273035</v>
      </c>
      <c r="W21" s="12">
        <f t="shared" si="10"/>
        <v>1.9424956480203619</v>
      </c>
      <c r="X21" s="12">
        <f t="shared" si="4"/>
        <v>-1.236743869637378E-2</v>
      </c>
      <c r="Y21" s="12">
        <f t="shared" si="5"/>
        <v>-1.3226323007097701E-2</v>
      </c>
      <c r="Z21" s="12">
        <f t="shared" si="6"/>
        <v>-6.6119920832722404E-2</v>
      </c>
      <c r="AA21" s="12">
        <f t="shared" si="7"/>
        <v>-7.5310765362349638E-2</v>
      </c>
      <c r="AB21" s="12">
        <f t="shared" si="11"/>
        <v>-0.1200596025795522</v>
      </c>
      <c r="AC21" s="12">
        <f t="shared" si="24"/>
        <v>0.98676066849380317</v>
      </c>
      <c r="AD21" s="12">
        <f t="shared" si="12"/>
        <v>0.22269662369351417</v>
      </c>
      <c r="AE21" s="12">
        <f t="shared" si="13"/>
        <v>0</v>
      </c>
      <c r="AF21" s="12">
        <f t="shared" si="14"/>
        <v>0</v>
      </c>
      <c r="AG21" s="12">
        <f t="shared" si="15"/>
        <v>0</v>
      </c>
      <c r="AH21" s="12">
        <f>AC21/SUM(AC$2:AG$366)*Input!$D$12</f>
        <v>258.78387566295174</v>
      </c>
      <c r="AI21" s="12">
        <f>AD21/SUM(AC$2:AG$366)*Input!$D$12</f>
        <v>58.403518924633183</v>
      </c>
      <c r="AJ21" s="12">
        <f>AE21/SUM(AC$2:AG$366)*Input!$D$12</f>
        <v>0</v>
      </c>
      <c r="AK21" s="12">
        <f>AF21/SUM(AC$2:AG$366)*Input!$D$12</f>
        <v>0</v>
      </c>
      <c r="AL21" s="12">
        <f>AG21/SUM(AC$2:AG$366)*Input!$D$12</f>
        <v>0</v>
      </c>
      <c r="AM21" s="12">
        <f t="shared" si="16"/>
        <v>5.2615782814984859</v>
      </c>
      <c r="AN21" s="12">
        <f t="shared" si="17"/>
        <v>17.538594271661623</v>
      </c>
      <c r="AO21" s="12">
        <f t="shared" si="18"/>
        <v>26.307891407492434</v>
      </c>
      <c r="AP21" s="12">
        <f t="shared" si="19"/>
        <v>268.0793306269324</v>
      </c>
      <c r="AQ21" s="12">
        <f t="shared" si="20"/>
        <v>0</v>
      </c>
      <c r="AR21" s="11">
        <f t="shared" si="21"/>
        <v>317.18739458758495</v>
      </c>
      <c r="AT21" s="112" t="s">
        <v>94</v>
      </c>
      <c r="AU21" s="121" t="s">
        <v>32</v>
      </c>
      <c r="AV21" s="121" t="s">
        <v>33</v>
      </c>
      <c r="AW21" s="121" t="s">
        <v>34</v>
      </c>
      <c r="AX21" s="121" t="s">
        <v>35</v>
      </c>
      <c r="AY21" s="121" t="s">
        <v>36</v>
      </c>
      <c r="AZ21" s="105"/>
      <c r="BA21" s="180"/>
      <c r="BF21" s="91" t="s">
        <v>118</v>
      </c>
      <c r="BG21" s="138" t="e">
        <v>#N/A</v>
      </c>
      <c r="BH21" s="138" t="e">
        <v>#N/A</v>
      </c>
      <c r="BI21" s="127"/>
      <c r="BK21" s="127"/>
      <c r="BL21" s="127"/>
    </row>
    <row r="22" spans="2:64" x14ac:dyDescent="0.3">
      <c r="B22" s="1">
        <f t="shared" si="33"/>
        <v>-5</v>
      </c>
      <c r="C22" s="1">
        <f t="shared" si="28"/>
        <v>1.16240301476274</v>
      </c>
      <c r="D22" s="1">
        <f t="shared" si="29"/>
        <v>1.7633313276965135</v>
      </c>
      <c r="E22" s="1">
        <f t="shared" si="30"/>
        <v>2.2518625801562342</v>
      </c>
      <c r="F22" s="1">
        <f t="shared" si="31"/>
        <v>3.4304837570138442</v>
      </c>
      <c r="I22" s="1" t="s">
        <v>148</v>
      </c>
      <c r="J22" s="237">
        <v>11.8</v>
      </c>
      <c r="K22" s="237">
        <v>15.7</v>
      </c>
      <c r="L22" s="237">
        <v>3.9</v>
      </c>
      <c r="M22" s="237">
        <v>43.1</v>
      </c>
      <c r="N22" s="237">
        <v>13.7</v>
      </c>
      <c r="P22" s="10">
        <f>P21+1</f>
        <v>45312</v>
      </c>
      <c r="Q22" s="29">
        <v>0.6</v>
      </c>
      <c r="R22" s="29">
        <f t="shared" si="9"/>
        <v>7</v>
      </c>
      <c r="S22" s="12">
        <f t="shared" si="0"/>
        <v>0.88136675487947747</v>
      </c>
      <c r="T22" s="12">
        <f t="shared" si="1"/>
        <v>0.40529111994771311</v>
      </c>
      <c r="U22" s="12">
        <f t="shared" si="2"/>
        <v>1.4791569663107089</v>
      </c>
      <c r="V22" s="12">
        <f t="shared" si="3"/>
        <v>1.31124751273035</v>
      </c>
      <c r="W22" s="12">
        <f t="shared" si="10"/>
        <v>1.9424956480203619</v>
      </c>
      <c r="X22" s="12">
        <f t="shared" si="4"/>
        <v>-1.236743869637378E-2</v>
      </c>
      <c r="Y22" s="12">
        <f t="shared" si="5"/>
        <v>-1.3226323007097701E-2</v>
      </c>
      <c r="Z22" s="12">
        <f t="shared" si="6"/>
        <v>-6.6119920832722404E-2</v>
      </c>
      <c r="AA22" s="12">
        <f t="shared" si="7"/>
        <v>-7.5310765362349638E-2</v>
      </c>
      <c r="AB22" s="12">
        <f t="shared" si="11"/>
        <v>-0.1200596025795522</v>
      </c>
      <c r="AC22" s="12">
        <f t="shared" si="24"/>
        <v>0.99096770011514868</v>
      </c>
      <c r="AD22" s="12">
        <f t="shared" si="12"/>
        <v>0.22494285012980955</v>
      </c>
      <c r="AE22" s="12">
        <f t="shared" si="13"/>
        <v>0</v>
      </c>
      <c r="AF22" s="12">
        <f t="shared" si="14"/>
        <v>0</v>
      </c>
      <c r="AG22" s="12">
        <f t="shared" si="15"/>
        <v>0</v>
      </c>
      <c r="AH22" s="12">
        <f>AC22/SUM(AC$2:AG$366)*Input!$D$12</f>
        <v>259.8871948190245</v>
      </c>
      <c r="AI22" s="12">
        <f>AD22/SUM(AC$2:AG$366)*Input!$D$12</f>
        <v>58.992605216133207</v>
      </c>
      <c r="AJ22" s="12">
        <f>AE22/SUM(AC$2:AG$366)*Input!$D$12</f>
        <v>0</v>
      </c>
      <c r="AK22" s="12">
        <f>AF22/SUM(AC$2:AG$366)*Input!$D$12</f>
        <v>0</v>
      </c>
      <c r="AL22" s="12">
        <f>AG22/SUM(AC$2:AG$366)*Input!$D$12</f>
        <v>0</v>
      </c>
      <c r="AM22" s="12">
        <f t="shared" si="16"/>
        <v>5.3146491185705607</v>
      </c>
      <c r="AN22" s="12">
        <f t="shared" si="17"/>
        <v>17.715497061901871</v>
      </c>
      <c r="AO22" s="12">
        <f t="shared" si="18"/>
        <v>26.573245592852807</v>
      </c>
      <c r="AP22" s="12">
        <f t="shared" si="19"/>
        <v>269.2764082618325</v>
      </c>
      <c r="AQ22" s="12">
        <f t="shared" si="20"/>
        <v>0</v>
      </c>
      <c r="AR22" s="11">
        <f t="shared" si="21"/>
        <v>318.87980003515776</v>
      </c>
      <c r="AT22" s="106">
        <v>0</v>
      </c>
      <c r="AU22" s="118">
        <f>IFERROR(AU4/$AZ4,0)</f>
        <v>0.03</v>
      </c>
      <c r="AV22" s="119">
        <f t="shared" ref="AV22:AY22" si="34">IFERROR(AV4/$AZ4,0)</f>
        <v>0.1</v>
      </c>
      <c r="AW22" s="119">
        <f t="shared" si="34"/>
        <v>0.15</v>
      </c>
      <c r="AX22" s="119">
        <f t="shared" si="34"/>
        <v>0.72</v>
      </c>
      <c r="AY22" s="120">
        <f t="shared" si="34"/>
        <v>0</v>
      </c>
      <c r="AZ22" s="107">
        <f>SUM(AU22:AY22)</f>
        <v>1</v>
      </c>
      <c r="BA22" s="180"/>
      <c r="BF22" s="91" t="s">
        <v>107</v>
      </c>
      <c r="BG22" s="138" t="e">
        <v>#N/A</v>
      </c>
      <c r="BH22" s="138">
        <v>9.0099999999999847E-2</v>
      </c>
      <c r="BI22" s="127"/>
      <c r="BK22" s="127"/>
      <c r="BL22" s="127"/>
    </row>
    <row r="23" spans="2:64" x14ac:dyDescent="0.3">
      <c r="B23" s="1">
        <f t="shared" si="33"/>
        <v>-4</v>
      </c>
      <c r="C23" s="1">
        <f t="shared" si="28"/>
        <v>1.1469608264111932</v>
      </c>
      <c r="D23" s="1">
        <f t="shared" si="29"/>
        <v>1.704572087454185</v>
      </c>
      <c r="E23" s="1">
        <f t="shared" si="30"/>
        <v>2.1558778269559928</v>
      </c>
      <c r="F23" s="1">
        <f t="shared" si="31"/>
        <v>3.2524675073561395</v>
      </c>
      <c r="I23" s="1" t="s">
        <v>154</v>
      </c>
      <c r="J23" s="237" cm="1">
        <f t="array" ref="J23:N23">TRANSPOSE(Input!D4:D8)*100</f>
        <v>10</v>
      </c>
      <c r="K23" s="237">
        <v>25</v>
      </c>
      <c r="L23" s="237">
        <v>25</v>
      </c>
      <c r="M23" s="237">
        <v>25</v>
      </c>
      <c r="N23" s="237">
        <v>15</v>
      </c>
      <c r="P23" s="10">
        <f t="shared" si="23"/>
        <v>45313</v>
      </c>
      <c r="Q23" s="29">
        <v>0.8</v>
      </c>
      <c r="R23" s="29">
        <f t="shared" si="9"/>
        <v>1</v>
      </c>
      <c r="S23" s="12">
        <f t="shared" si="0"/>
        <v>1.085192073005006</v>
      </c>
      <c r="T23" s="12">
        <f t="shared" si="1"/>
        <v>1.4695351264848711</v>
      </c>
      <c r="U23" s="12">
        <f t="shared" si="2"/>
        <v>1.771938814155029</v>
      </c>
      <c r="V23" s="12">
        <f t="shared" si="3"/>
        <v>2.5404025087253199</v>
      </c>
      <c r="W23" s="12">
        <f t="shared" si="10"/>
        <v>0</v>
      </c>
      <c r="X23" s="12">
        <f t="shared" si="4"/>
        <v>-1.544218835154681E-2</v>
      </c>
      <c r="Y23" s="12">
        <f t="shared" si="5"/>
        <v>-5.875924024232846E-2</v>
      </c>
      <c r="Z23" s="12">
        <f t="shared" si="6"/>
        <v>-9.5984753200240996E-2</v>
      </c>
      <c r="AA23" s="12">
        <f t="shared" si="7"/>
        <v>-0.17801624965770491</v>
      </c>
      <c r="AB23" s="12">
        <f t="shared" si="11"/>
        <v>0</v>
      </c>
      <c r="AC23" s="12">
        <f t="shared" si="24"/>
        <v>1.0728383223237685</v>
      </c>
      <c r="AD23" s="12">
        <f t="shared" si="12"/>
        <v>0</v>
      </c>
      <c r="AE23" s="12">
        <f t="shared" si="13"/>
        <v>0</v>
      </c>
      <c r="AF23" s="12">
        <f t="shared" si="14"/>
        <v>0</v>
      </c>
      <c r="AG23" s="12">
        <f t="shared" si="15"/>
        <v>0</v>
      </c>
      <c r="AH23" s="12">
        <f>AC23/SUM(AC$2:AG$366)*Input!$D$12</f>
        <v>281.35825421017722</v>
      </c>
      <c r="AI23" s="12">
        <f>AD23/SUM(AC$2:AG$366)*Input!$D$12</f>
        <v>0</v>
      </c>
      <c r="AJ23" s="12">
        <f>AE23/SUM(AC$2:AG$366)*Input!$D$12</f>
        <v>0</v>
      </c>
      <c r="AK23" s="12">
        <f>AF23/SUM(AC$2:AG$366)*Input!$D$12</f>
        <v>0</v>
      </c>
      <c r="AL23" s="12">
        <f>AG23/SUM(AC$2:AG$366)*Input!$D$12</f>
        <v>0</v>
      </c>
      <c r="AM23" s="12">
        <f t="shared" si="16"/>
        <v>8.4407476263053169</v>
      </c>
      <c r="AN23" s="12">
        <f t="shared" si="17"/>
        <v>28.135825421017724</v>
      </c>
      <c r="AO23" s="12">
        <f t="shared" si="18"/>
        <v>42.203738131526585</v>
      </c>
      <c r="AP23" s="12">
        <f t="shared" si="19"/>
        <v>202.57794303132758</v>
      </c>
      <c r="AQ23" s="12">
        <f t="shared" si="20"/>
        <v>0</v>
      </c>
      <c r="AR23" s="11">
        <f t="shared" si="21"/>
        <v>281.35825421017717</v>
      </c>
      <c r="AT23" s="106">
        <v>1</v>
      </c>
      <c r="AU23" s="113">
        <f t="shared" ref="AU23:AY23" si="35">IFERROR(AU5/$AZ5,0)</f>
        <v>0</v>
      </c>
      <c r="AV23" s="102">
        <f t="shared" si="35"/>
        <v>0</v>
      </c>
      <c r="AW23" s="102">
        <f t="shared" si="35"/>
        <v>0</v>
      </c>
      <c r="AX23" s="102">
        <f t="shared" si="35"/>
        <v>0</v>
      </c>
      <c r="AY23" s="114">
        <f t="shared" si="35"/>
        <v>0</v>
      </c>
      <c r="AZ23" s="107">
        <f t="shared" ref="AZ23:AZ25" si="36">SUM(AU23:AY23)</f>
        <v>0</v>
      </c>
      <c r="BA23" s="180"/>
      <c r="BF23" s="91" t="s">
        <v>109</v>
      </c>
      <c r="BG23" s="138">
        <v>0.72</v>
      </c>
      <c r="BH23" s="138">
        <v>1.1339000000000001</v>
      </c>
      <c r="BI23" s="127"/>
      <c r="BK23" s="127"/>
      <c r="BL23" s="127"/>
    </row>
    <row r="24" spans="2:64" x14ac:dyDescent="0.3">
      <c r="B24" s="1">
        <f t="shared" si="33"/>
        <v>-3</v>
      </c>
      <c r="C24" s="1">
        <f t="shared" si="28"/>
        <v>1.1315186380596465</v>
      </c>
      <c r="D24" s="1">
        <f t="shared" si="29"/>
        <v>1.6458128472118565</v>
      </c>
      <c r="E24" s="1">
        <f t="shared" si="30"/>
        <v>2.0598930737557519</v>
      </c>
      <c r="F24" s="1">
        <f t="shared" si="31"/>
        <v>3.0744512576984349</v>
      </c>
      <c r="J24" s="91"/>
      <c r="K24" s="91"/>
      <c r="L24" s="91"/>
      <c r="M24" s="91"/>
      <c r="N24" s="91"/>
      <c r="P24" s="10">
        <f t="shared" si="23"/>
        <v>45314</v>
      </c>
      <c r="Q24" s="29">
        <v>3.1</v>
      </c>
      <c r="R24" s="29">
        <f t="shared" si="9"/>
        <v>2</v>
      </c>
      <c r="S24" s="12">
        <f t="shared" si="0"/>
        <v>1.0609861866589789</v>
      </c>
      <c r="T24" s="12">
        <f t="shared" si="1"/>
        <v>1.4695351264848711</v>
      </c>
      <c r="U24" s="12">
        <f t="shared" si="2"/>
        <v>1.771938814155029</v>
      </c>
      <c r="V24" s="12">
        <f t="shared" si="3"/>
        <v>2.5404025087253199</v>
      </c>
      <c r="W24" s="12">
        <f t="shared" si="10"/>
        <v>0</v>
      </c>
      <c r="X24" s="12">
        <f t="shared" si="4"/>
        <v>-7.0953309908476907E-3</v>
      </c>
      <c r="Y24" s="12">
        <f t="shared" si="5"/>
        <v>-5.875924024232846E-2</v>
      </c>
      <c r="Z24" s="12">
        <f t="shared" si="6"/>
        <v>-9.5984753200240996E-2</v>
      </c>
      <c r="AA24" s="12">
        <f t="shared" si="7"/>
        <v>-0.17801624965770491</v>
      </c>
      <c r="AB24" s="12">
        <f t="shared" si="11"/>
        <v>0</v>
      </c>
      <c r="AC24" s="12">
        <f t="shared" si="24"/>
        <v>1.0389906605873511</v>
      </c>
      <c r="AD24" s="12">
        <f t="shared" si="12"/>
        <v>0</v>
      </c>
      <c r="AE24" s="12">
        <f t="shared" si="13"/>
        <v>0</v>
      </c>
      <c r="AF24" s="12">
        <f t="shared" si="14"/>
        <v>0</v>
      </c>
      <c r="AG24" s="12">
        <f t="shared" si="15"/>
        <v>0</v>
      </c>
      <c r="AH24" s="12">
        <f>AC24/SUM(AC$2:AG$366)*Input!$D$12</f>
        <v>272.48150287021059</v>
      </c>
      <c r="AI24" s="12">
        <f>AD24/SUM(AC$2:AG$366)*Input!$D$12</f>
        <v>0</v>
      </c>
      <c r="AJ24" s="12">
        <f>AE24/SUM(AC$2:AG$366)*Input!$D$12</f>
        <v>0</v>
      </c>
      <c r="AK24" s="12">
        <f>AF24/SUM(AC$2:AG$366)*Input!$D$12</f>
        <v>0</v>
      </c>
      <c r="AL24" s="12">
        <f>AG24/SUM(AC$2:AG$366)*Input!$D$12</f>
        <v>0</v>
      </c>
      <c r="AM24" s="12">
        <f t="shared" si="16"/>
        <v>8.1744450861063171</v>
      </c>
      <c r="AN24" s="12">
        <f t="shared" si="17"/>
        <v>27.248150287021062</v>
      </c>
      <c r="AO24" s="12">
        <f t="shared" si="18"/>
        <v>40.872225430531586</v>
      </c>
      <c r="AP24" s="12">
        <f t="shared" si="19"/>
        <v>196.18668206655161</v>
      </c>
      <c r="AQ24" s="12">
        <f t="shared" si="20"/>
        <v>0</v>
      </c>
      <c r="AR24" s="11">
        <f t="shared" si="21"/>
        <v>272.48150287021059</v>
      </c>
      <c r="AT24" s="106">
        <v>2</v>
      </c>
      <c r="AU24" s="113">
        <f t="shared" ref="AU24:AY24" si="37">IFERROR(AU6/$AZ6,0)</f>
        <v>0</v>
      </c>
      <c r="AV24" s="102">
        <f t="shared" si="37"/>
        <v>0</v>
      </c>
      <c r="AW24" s="102">
        <f t="shared" si="37"/>
        <v>0</v>
      </c>
      <c r="AX24" s="102">
        <f t="shared" si="37"/>
        <v>0</v>
      </c>
      <c r="AY24" s="114">
        <f t="shared" si="37"/>
        <v>0</v>
      </c>
      <c r="AZ24" s="107">
        <f t="shared" si="36"/>
        <v>0</v>
      </c>
      <c r="BA24" s="180"/>
      <c r="BF24" s="91" t="s">
        <v>128</v>
      </c>
      <c r="BG24" s="138" t="e">
        <v>#N/A</v>
      </c>
      <c r="BH24" s="138" t="e">
        <v>#N/A</v>
      </c>
      <c r="BI24" s="127"/>
      <c r="BK24" s="127"/>
      <c r="BL24" s="127"/>
    </row>
    <row r="25" spans="2:64" ht="16.2" thickBot="1" x14ac:dyDescent="0.35">
      <c r="B25" s="1">
        <f t="shared" si="33"/>
        <v>-2</v>
      </c>
      <c r="C25" s="1">
        <f t="shared" si="28"/>
        <v>1.1160764497080995</v>
      </c>
      <c r="D25" s="1">
        <f t="shared" si="29"/>
        <v>1.587053606969528</v>
      </c>
      <c r="E25" s="1">
        <f t="shared" si="30"/>
        <v>1.963908320555511</v>
      </c>
      <c r="F25" s="1">
        <f t="shared" si="31"/>
        <v>2.8964350080407297</v>
      </c>
      <c r="I25"/>
      <c r="J25" s="171" t="s">
        <v>12</v>
      </c>
      <c r="K25" s="171"/>
      <c r="L25" s="171"/>
      <c r="M25" s="171"/>
      <c r="N25" s="171"/>
      <c r="P25" s="10">
        <f t="shared" si="23"/>
        <v>45315</v>
      </c>
      <c r="Q25" s="29">
        <v>5.3</v>
      </c>
      <c r="R25" s="29">
        <f t="shared" si="9"/>
        <v>3</v>
      </c>
      <c r="S25" s="12">
        <f t="shared" si="0"/>
        <v>1.0609861866589789</v>
      </c>
      <c r="T25" s="12">
        <f t="shared" si="1"/>
        <v>1.4695351264848711</v>
      </c>
      <c r="U25" s="12">
        <f t="shared" si="2"/>
        <v>1.771938814155029</v>
      </c>
      <c r="V25" s="12">
        <f t="shared" si="3"/>
        <v>2.5404025087253199</v>
      </c>
      <c r="W25" s="12">
        <f t="shared" si="10"/>
        <v>0</v>
      </c>
      <c r="X25" s="12">
        <f t="shared" si="4"/>
        <v>-7.0953309908476907E-3</v>
      </c>
      <c r="Y25" s="12">
        <f t="shared" si="5"/>
        <v>-5.875924024232846E-2</v>
      </c>
      <c r="Z25" s="12">
        <f t="shared" si="6"/>
        <v>-9.5984753200240996E-2</v>
      </c>
      <c r="AA25" s="12">
        <f t="shared" si="7"/>
        <v>-0.17801624965770491</v>
      </c>
      <c r="AB25" s="12">
        <f t="shared" si="11"/>
        <v>0</v>
      </c>
      <c r="AC25" s="12">
        <f t="shared" si="24"/>
        <v>1.0233809324074861</v>
      </c>
      <c r="AD25" s="12">
        <f t="shared" si="12"/>
        <v>0</v>
      </c>
      <c r="AE25" s="12">
        <f t="shared" si="13"/>
        <v>0</v>
      </c>
      <c r="AF25" s="12">
        <f t="shared" si="14"/>
        <v>0</v>
      </c>
      <c r="AG25" s="12">
        <f t="shared" si="15"/>
        <v>0</v>
      </c>
      <c r="AH25" s="12">
        <f>AC25/SUM(AC$2:AG$366)*Input!$D$12</f>
        <v>268.38775847462512</v>
      </c>
      <c r="AI25" s="12">
        <f>AD25/SUM(AC$2:AG$366)*Input!$D$12</f>
        <v>0</v>
      </c>
      <c r="AJ25" s="12">
        <f>AE25/SUM(AC$2:AG$366)*Input!$D$12</f>
        <v>0</v>
      </c>
      <c r="AK25" s="12">
        <f>AF25/SUM(AC$2:AG$366)*Input!$D$12</f>
        <v>0</v>
      </c>
      <c r="AL25" s="12">
        <f>AG25/SUM(AC$2:AG$366)*Input!$D$12</f>
        <v>0</v>
      </c>
      <c r="AM25" s="12">
        <f t="shared" si="16"/>
        <v>8.0516327542387529</v>
      </c>
      <c r="AN25" s="12">
        <f t="shared" si="17"/>
        <v>26.838775847462514</v>
      </c>
      <c r="AO25" s="12">
        <f t="shared" si="18"/>
        <v>40.258163771193765</v>
      </c>
      <c r="AP25" s="12">
        <f t="shared" si="19"/>
        <v>193.23918610173007</v>
      </c>
      <c r="AQ25" s="12">
        <f t="shared" si="20"/>
        <v>0</v>
      </c>
      <c r="AR25" s="11">
        <f t="shared" si="21"/>
        <v>268.38775847462512</v>
      </c>
      <c r="AT25" s="106">
        <v>3</v>
      </c>
      <c r="AU25" s="115">
        <f t="shared" ref="AU25:AY25" si="38">IFERROR(AU7/$AZ7,0)</f>
        <v>0</v>
      </c>
      <c r="AV25" s="116">
        <f t="shared" si="38"/>
        <v>0</v>
      </c>
      <c r="AW25" s="116">
        <f t="shared" si="38"/>
        <v>0</v>
      </c>
      <c r="AX25" s="116">
        <f t="shared" si="38"/>
        <v>0</v>
      </c>
      <c r="AY25" s="117">
        <f t="shared" si="38"/>
        <v>0</v>
      </c>
      <c r="AZ25" s="107">
        <f t="shared" si="36"/>
        <v>0</v>
      </c>
      <c r="BA25" s="180"/>
      <c r="BF25" s="91" t="s">
        <v>122</v>
      </c>
      <c r="BG25" s="138" t="e">
        <v>#N/A</v>
      </c>
      <c r="BH25" s="138" t="e">
        <v>#N/A</v>
      </c>
      <c r="BI25" s="127"/>
      <c r="BK25" s="127"/>
      <c r="BL25" s="127"/>
    </row>
    <row r="26" spans="2:64" x14ac:dyDescent="0.3">
      <c r="B26" s="1">
        <f t="shared" si="33"/>
        <v>-1</v>
      </c>
      <c r="C26" s="1">
        <f t="shared" si="28"/>
        <v>1.1006342613565527</v>
      </c>
      <c r="D26" s="1">
        <f t="shared" si="29"/>
        <v>1.5282943667271995</v>
      </c>
      <c r="E26" s="1">
        <f t="shared" si="30"/>
        <v>1.8679235673552699</v>
      </c>
      <c r="F26" s="1">
        <f t="shared" si="31"/>
        <v>2.7184187583830246</v>
      </c>
      <c r="I26" s="1" t="s">
        <v>142</v>
      </c>
      <c r="J26" s="16">
        <v>0</v>
      </c>
      <c r="K26" s="16">
        <v>1</v>
      </c>
      <c r="L26" s="91">
        <v>2</v>
      </c>
      <c r="M26" s="91">
        <v>3</v>
      </c>
      <c r="N26" s="91"/>
      <c r="P26" s="10">
        <f t="shared" si="23"/>
        <v>45316</v>
      </c>
      <c r="Q26" s="29">
        <v>6.7</v>
      </c>
      <c r="R26" s="29">
        <f t="shared" si="9"/>
        <v>4</v>
      </c>
      <c r="S26" s="12">
        <f t="shared" si="0"/>
        <v>1.0609861866589789</v>
      </c>
      <c r="T26" s="12">
        <f t="shared" si="1"/>
        <v>1.4695351264848711</v>
      </c>
      <c r="U26" s="12">
        <f t="shared" si="2"/>
        <v>1.771938814155029</v>
      </c>
      <c r="V26" s="12">
        <f t="shared" si="3"/>
        <v>2.5404025087253199</v>
      </c>
      <c r="W26" s="12">
        <f t="shared" si="10"/>
        <v>0</v>
      </c>
      <c r="X26" s="12">
        <f t="shared" si="4"/>
        <v>-7.0953309908476907E-3</v>
      </c>
      <c r="Y26" s="12">
        <f t="shared" si="5"/>
        <v>-5.875924024232846E-2</v>
      </c>
      <c r="Z26" s="12">
        <f t="shared" si="6"/>
        <v>-9.5984753200240996E-2</v>
      </c>
      <c r="AA26" s="12">
        <f t="shared" si="7"/>
        <v>-0.17801624965770491</v>
      </c>
      <c r="AB26" s="12">
        <f t="shared" si="11"/>
        <v>0</v>
      </c>
      <c r="AC26" s="12">
        <f t="shared" si="24"/>
        <v>1.0134474690202995</v>
      </c>
      <c r="AD26" s="12">
        <f t="shared" si="12"/>
        <v>0</v>
      </c>
      <c r="AE26" s="12">
        <f t="shared" si="13"/>
        <v>0</v>
      </c>
      <c r="AF26" s="12">
        <f t="shared" si="14"/>
        <v>0</v>
      </c>
      <c r="AG26" s="12">
        <f t="shared" si="15"/>
        <v>0</v>
      </c>
      <c r="AH26" s="12">
        <f>AC26/SUM(AC$2:AG$366)*Input!$D$12</f>
        <v>265.78264840470717</v>
      </c>
      <c r="AI26" s="12">
        <f>AD26/SUM(AC$2:AG$366)*Input!$D$12</f>
        <v>0</v>
      </c>
      <c r="AJ26" s="12">
        <f>AE26/SUM(AC$2:AG$366)*Input!$D$12</f>
        <v>0</v>
      </c>
      <c r="AK26" s="12">
        <f>AF26/SUM(AC$2:AG$366)*Input!$D$12</f>
        <v>0</v>
      </c>
      <c r="AL26" s="12">
        <f>AG26/SUM(AC$2:AG$366)*Input!$D$12</f>
        <v>0</v>
      </c>
      <c r="AM26" s="12">
        <f t="shared" si="16"/>
        <v>7.9734794521412153</v>
      </c>
      <c r="AN26" s="12">
        <f t="shared" si="17"/>
        <v>26.57826484047072</v>
      </c>
      <c r="AO26" s="12">
        <f t="shared" si="18"/>
        <v>39.867397260706078</v>
      </c>
      <c r="AP26" s="12">
        <f t="shared" si="19"/>
        <v>191.36350685138916</v>
      </c>
      <c r="AQ26" s="12">
        <f t="shared" si="20"/>
        <v>0</v>
      </c>
      <c r="AR26" s="11">
        <f t="shared" si="21"/>
        <v>265.78264840470717</v>
      </c>
      <c r="AT26" s="104"/>
      <c r="AU26" s="108">
        <f>SUM(AU22:AU25)</f>
        <v>0.03</v>
      </c>
      <c r="AV26" s="108">
        <f t="shared" ref="AV26" si="39">SUM(AV22:AV25)</f>
        <v>0.1</v>
      </c>
      <c r="AW26" s="108">
        <f t="shared" ref="AW26" si="40">SUM(AW22:AW25)</f>
        <v>0.15</v>
      </c>
      <c r="AX26" s="108">
        <f t="shared" ref="AX26" si="41">SUM(AX22:AX25)</f>
        <v>0.72</v>
      </c>
      <c r="AY26" s="108">
        <f t="shared" ref="AY26" si="42">SUM(AY22:AY25)</f>
        <v>0</v>
      </c>
      <c r="AZ26" s="105"/>
      <c r="BA26" s="180"/>
      <c r="BF26" s="91" t="s">
        <v>121</v>
      </c>
      <c r="BG26" s="138" t="e">
        <v>#N/A</v>
      </c>
      <c r="BH26" s="138" t="e">
        <v>#N/A</v>
      </c>
      <c r="BI26" s="127"/>
      <c r="BK26" s="127"/>
      <c r="BL26" s="127"/>
    </row>
    <row r="27" spans="2:64" x14ac:dyDescent="0.3">
      <c r="B27" s="1">
        <f t="shared" si="33"/>
        <v>0</v>
      </c>
      <c r="C27" s="1">
        <f t="shared" si="28"/>
        <v>1.085192073005006</v>
      </c>
      <c r="D27" s="1">
        <f t="shared" si="29"/>
        <v>1.4695351264848711</v>
      </c>
      <c r="E27" s="1">
        <f t="shared" si="30"/>
        <v>1.771938814155029</v>
      </c>
      <c r="F27" s="1">
        <f t="shared" si="31"/>
        <v>2.5404025087253199</v>
      </c>
      <c r="I27" s="1" t="s">
        <v>143</v>
      </c>
      <c r="J27" s="237">
        <v>89.5</v>
      </c>
      <c r="K27" s="237">
        <v>0</v>
      </c>
      <c r="L27" s="237">
        <v>0</v>
      </c>
      <c r="M27" s="237">
        <v>0</v>
      </c>
      <c r="N27" s="91"/>
      <c r="P27" s="10">
        <f t="shared" si="23"/>
        <v>45317</v>
      </c>
      <c r="Q27" s="29">
        <v>2</v>
      </c>
      <c r="R27" s="29">
        <f t="shared" si="9"/>
        <v>5</v>
      </c>
      <c r="S27" s="12">
        <f t="shared" si="0"/>
        <v>1.085192073005006</v>
      </c>
      <c r="T27" s="12">
        <f t="shared" si="1"/>
        <v>1.4695351264848711</v>
      </c>
      <c r="U27" s="12">
        <f t="shared" si="2"/>
        <v>1.771938814155029</v>
      </c>
      <c r="V27" s="12">
        <f t="shared" si="3"/>
        <v>2.5404025087253199</v>
      </c>
      <c r="W27" s="12">
        <f t="shared" si="10"/>
        <v>0</v>
      </c>
      <c r="X27" s="12">
        <f t="shared" si="4"/>
        <v>-1.544218835154681E-2</v>
      </c>
      <c r="Y27" s="12">
        <f t="shared" si="5"/>
        <v>-5.875924024232846E-2</v>
      </c>
      <c r="Z27" s="12">
        <f t="shared" si="6"/>
        <v>-9.5984753200240996E-2</v>
      </c>
      <c r="AA27" s="12">
        <f t="shared" si="7"/>
        <v>-0.17801624965770491</v>
      </c>
      <c r="AB27" s="12">
        <f t="shared" si="11"/>
        <v>0</v>
      </c>
      <c r="AC27" s="12">
        <f t="shared" si="24"/>
        <v>1.0543076963019125</v>
      </c>
      <c r="AD27" s="12">
        <f t="shared" si="12"/>
        <v>0</v>
      </c>
      <c r="AE27" s="12">
        <f t="shared" si="13"/>
        <v>0</v>
      </c>
      <c r="AF27" s="12">
        <f t="shared" si="14"/>
        <v>0</v>
      </c>
      <c r="AG27" s="12">
        <f t="shared" si="15"/>
        <v>0</v>
      </c>
      <c r="AH27" s="12">
        <f>AC27/SUM(AC$2:AG$366)*Input!$D$12</f>
        <v>276.49848691957732</v>
      </c>
      <c r="AI27" s="12">
        <f>AD27/SUM(AC$2:AG$366)*Input!$D$12</f>
        <v>0</v>
      </c>
      <c r="AJ27" s="12">
        <f>AE27/SUM(AC$2:AG$366)*Input!$D$12</f>
        <v>0</v>
      </c>
      <c r="AK27" s="12">
        <f>AF27/SUM(AC$2:AG$366)*Input!$D$12</f>
        <v>0</v>
      </c>
      <c r="AL27" s="12">
        <f>AG27/SUM(AC$2:AG$366)*Input!$D$12</f>
        <v>0</v>
      </c>
      <c r="AM27" s="12">
        <f t="shared" si="16"/>
        <v>8.2949546075873197</v>
      </c>
      <c r="AN27" s="12">
        <f t="shared" si="17"/>
        <v>27.649848691957732</v>
      </c>
      <c r="AO27" s="12">
        <f t="shared" si="18"/>
        <v>41.474773037936593</v>
      </c>
      <c r="AP27" s="12">
        <f t="shared" si="19"/>
        <v>199.07891058209566</v>
      </c>
      <c r="AQ27" s="12">
        <f t="shared" si="20"/>
        <v>0</v>
      </c>
      <c r="AR27" s="11">
        <f t="shared" si="21"/>
        <v>276.49848691957732</v>
      </c>
      <c r="AT27" s="104"/>
      <c r="AZ27" s="105"/>
      <c r="BA27" s="180"/>
      <c r="BF27" s="91" t="s">
        <v>120</v>
      </c>
      <c r="BG27" s="138" t="e">
        <v>#N/A</v>
      </c>
      <c r="BH27" s="138" t="e">
        <v>#N/A</v>
      </c>
      <c r="BI27" s="127"/>
      <c r="BK27" s="127"/>
      <c r="BL27" s="127"/>
    </row>
    <row r="28" spans="2:64" x14ac:dyDescent="0.3">
      <c r="B28" s="1">
        <f t="shared" si="33"/>
        <v>1</v>
      </c>
      <c r="C28" s="1">
        <f t="shared" si="28"/>
        <v>1.0697498846534592</v>
      </c>
      <c r="D28" s="1">
        <f t="shared" si="29"/>
        <v>1.4107758862425426</v>
      </c>
      <c r="E28" s="1">
        <f t="shared" si="30"/>
        <v>1.675954060954788</v>
      </c>
      <c r="F28" s="1">
        <f t="shared" si="31"/>
        <v>2.3623862590676152</v>
      </c>
      <c r="I28" s="1" t="s">
        <v>144</v>
      </c>
      <c r="J28" s="237">
        <v>37.5</v>
      </c>
      <c r="K28" s="237">
        <v>37.5</v>
      </c>
      <c r="L28" s="237">
        <v>0</v>
      </c>
      <c r="M28" s="237">
        <v>25</v>
      </c>
      <c r="N28" s="91"/>
      <c r="P28" s="10">
        <f t="shared" si="23"/>
        <v>45318</v>
      </c>
      <c r="Q28" s="29">
        <v>2</v>
      </c>
      <c r="R28" s="29">
        <f t="shared" si="9"/>
        <v>6</v>
      </c>
      <c r="S28" s="12">
        <f t="shared" si="0"/>
        <v>0.88136675487947747</v>
      </c>
      <c r="T28" s="12">
        <f t="shared" si="1"/>
        <v>0.40529111994771311</v>
      </c>
      <c r="U28" s="12">
        <f t="shared" si="2"/>
        <v>1.4791569663107089</v>
      </c>
      <c r="V28" s="12">
        <f t="shared" si="3"/>
        <v>1.31124751273035</v>
      </c>
      <c r="W28" s="12">
        <f t="shared" si="10"/>
        <v>1.9424956480203619</v>
      </c>
      <c r="X28" s="12">
        <f t="shared" si="4"/>
        <v>-1.236743869637378E-2</v>
      </c>
      <c r="Y28" s="12">
        <f t="shared" si="5"/>
        <v>-1.3226323007097701E-2</v>
      </c>
      <c r="Z28" s="12">
        <f t="shared" si="6"/>
        <v>-6.6119920832722404E-2</v>
      </c>
      <c r="AA28" s="12">
        <f t="shared" si="7"/>
        <v>-7.5310765362349638E-2</v>
      </c>
      <c r="AB28" s="12">
        <f t="shared" si="11"/>
        <v>-0.1200596025795522</v>
      </c>
      <c r="AC28" s="12">
        <f t="shared" si="24"/>
        <v>0.97133488588220307</v>
      </c>
      <c r="AD28" s="12">
        <f t="shared" si="12"/>
        <v>0.21446046009376435</v>
      </c>
      <c r="AE28" s="12">
        <f t="shared" si="13"/>
        <v>0</v>
      </c>
      <c r="AF28" s="12">
        <f t="shared" si="14"/>
        <v>0</v>
      </c>
      <c r="AG28" s="12">
        <f t="shared" si="15"/>
        <v>0</v>
      </c>
      <c r="AH28" s="12">
        <f>AC28/SUM(AC$2:AG$366)*Input!$D$12</f>
        <v>254.73837209068498</v>
      </c>
      <c r="AI28" s="12">
        <f>AD28/SUM(AC$2:AG$366)*Input!$D$12</f>
        <v>56.243535855799735</v>
      </c>
      <c r="AJ28" s="12">
        <f>AE28/SUM(AC$2:AG$366)*Input!$D$12</f>
        <v>0</v>
      </c>
      <c r="AK28" s="12">
        <f>AF28/SUM(AC$2:AG$366)*Input!$D$12</f>
        <v>0</v>
      </c>
      <c r="AL28" s="12">
        <f>AG28/SUM(AC$2:AG$366)*Input!$D$12</f>
        <v>0</v>
      </c>
      <c r="AM28" s="12">
        <f t="shared" si="16"/>
        <v>5.0669852122342114</v>
      </c>
      <c r="AN28" s="12">
        <f t="shared" si="17"/>
        <v>16.889950707447376</v>
      </c>
      <c r="AO28" s="12">
        <f t="shared" si="18"/>
        <v>25.33492606117106</v>
      </c>
      <c r="AP28" s="12">
        <f t="shared" si="19"/>
        <v>263.69004596563207</v>
      </c>
      <c r="AQ28" s="12">
        <f t="shared" si="20"/>
        <v>0</v>
      </c>
      <c r="AR28" s="11">
        <f t="shared" si="21"/>
        <v>310.98190794648474</v>
      </c>
      <c r="AT28" s="177" t="s">
        <v>97</v>
      </c>
      <c r="AU28" s="178"/>
      <c r="AV28" s="178"/>
      <c r="AW28" s="178"/>
      <c r="AX28" s="178"/>
      <c r="AY28" s="178"/>
      <c r="AZ28" s="179"/>
      <c r="BA28" s="180"/>
      <c r="BF28" s="91" t="s">
        <v>108</v>
      </c>
      <c r="BG28" s="138" t="e">
        <v>#N/A</v>
      </c>
      <c r="BH28" s="138" t="e">
        <v>#N/A</v>
      </c>
      <c r="BI28" s="127"/>
      <c r="BK28" s="127"/>
      <c r="BL28" s="127"/>
    </row>
    <row r="29" spans="2:64" ht="16.2" thickBot="1" x14ac:dyDescent="0.35">
      <c r="B29" s="1">
        <f t="shared" si="33"/>
        <v>2</v>
      </c>
      <c r="C29" s="1">
        <f t="shared" si="28"/>
        <v>1.0543076963019125</v>
      </c>
      <c r="D29" s="1">
        <f t="shared" si="29"/>
        <v>1.3520166460002141</v>
      </c>
      <c r="E29" s="1">
        <f t="shared" si="30"/>
        <v>1.5799693077545469</v>
      </c>
      <c r="F29" s="1">
        <f t="shared" si="31"/>
        <v>2.1843700094099101</v>
      </c>
      <c r="I29" s="1" t="s">
        <v>145</v>
      </c>
      <c r="J29" s="237">
        <v>45.5</v>
      </c>
      <c r="K29" s="237">
        <v>27.3</v>
      </c>
      <c r="L29" s="237">
        <v>18.2</v>
      </c>
      <c r="M29" s="237">
        <v>0</v>
      </c>
      <c r="N29" s="91"/>
      <c r="P29" s="10">
        <f t="shared" si="23"/>
        <v>45319</v>
      </c>
      <c r="Q29" s="29">
        <v>2.4</v>
      </c>
      <c r="R29" s="29">
        <f t="shared" si="9"/>
        <v>7</v>
      </c>
      <c r="S29" s="12">
        <f t="shared" si="0"/>
        <v>0.88136675487947747</v>
      </c>
      <c r="T29" s="12">
        <f t="shared" si="1"/>
        <v>0.40529111994771311</v>
      </c>
      <c r="U29" s="12">
        <f t="shared" si="2"/>
        <v>1.4791569663107089</v>
      </c>
      <c r="V29" s="12">
        <f t="shared" si="3"/>
        <v>1.31124751273035</v>
      </c>
      <c r="W29" s="12">
        <f t="shared" si="10"/>
        <v>1.9424956480203619</v>
      </c>
      <c r="X29" s="12">
        <f t="shared" si="4"/>
        <v>-1.236743869637378E-2</v>
      </c>
      <c r="Y29" s="12">
        <f t="shared" si="5"/>
        <v>-1.3226323007097701E-2</v>
      </c>
      <c r="Z29" s="12">
        <f t="shared" si="6"/>
        <v>-6.6119920832722404E-2</v>
      </c>
      <c r="AA29" s="12">
        <f t="shared" si="7"/>
        <v>-7.5310765362349638E-2</v>
      </c>
      <c r="AB29" s="12">
        <f t="shared" si="11"/>
        <v>-0.1200596025795522</v>
      </c>
      <c r="AC29" s="12">
        <f t="shared" si="24"/>
        <v>0.96572551038707588</v>
      </c>
      <c r="AD29" s="12">
        <f t="shared" si="12"/>
        <v>0.21146549151203717</v>
      </c>
      <c r="AE29" s="12">
        <f t="shared" si="13"/>
        <v>0</v>
      </c>
      <c r="AF29" s="12">
        <f t="shared" si="14"/>
        <v>0</v>
      </c>
      <c r="AG29" s="12">
        <f t="shared" si="15"/>
        <v>0</v>
      </c>
      <c r="AH29" s="12">
        <f>AC29/SUM(AC$2:AG$366)*Input!$D$12</f>
        <v>253.26727988258799</v>
      </c>
      <c r="AI29" s="12">
        <f>AD29/SUM(AC$2:AG$366)*Input!$D$12</f>
        <v>55.458087467133041</v>
      </c>
      <c r="AJ29" s="12">
        <f>AE29/SUM(AC$2:AG$366)*Input!$D$12</f>
        <v>0</v>
      </c>
      <c r="AK29" s="12">
        <f>AF29/SUM(AC$2:AG$366)*Input!$D$12</f>
        <v>0</v>
      </c>
      <c r="AL29" s="12">
        <f>AG29/SUM(AC$2:AG$366)*Input!$D$12</f>
        <v>0</v>
      </c>
      <c r="AM29" s="12">
        <f t="shared" si="16"/>
        <v>4.9962240961381132</v>
      </c>
      <c r="AN29" s="12">
        <f t="shared" si="17"/>
        <v>16.65408032046038</v>
      </c>
      <c r="AO29" s="12">
        <f t="shared" si="18"/>
        <v>24.981120480690567</v>
      </c>
      <c r="AP29" s="12">
        <f t="shared" si="19"/>
        <v>262.09394245243197</v>
      </c>
      <c r="AQ29" s="12">
        <f t="shared" si="20"/>
        <v>0</v>
      </c>
      <c r="AR29" s="11">
        <f t="shared" si="21"/>
        <v>308.72536734972107</v>
      </c>
      <c r="AT29" s="104"/>
      <c r="AZ29" s="105"/>
      <c r="BA29" s="180"/>
    </row>
    <row r="30" spans="2:64" ht="16.2" thickBot="1" x14ac:dyDescent="0.35">
      <c r="B30" s="1">
        <f t="shared" si="33"/>
        <v>3</v>
      </c>
      <c r="C30" s="1">
        <f t="shared" si="28"/>
        <v>1.0397001936864358</v>
      </c>
      <c r="D30" s="1">
        <f t="shared" si="29"/>
        <v>1.2932574057578856</v>
      </c>
      <c r="E30" s="1">
        <f t="shared" si="30"/>
        <v>1.483984554554306</v>
      </c>
      <c r="F30" s="1">
        <f t="shared" si="31"/>
        <v>2.006353759752205</v>
      </c>
      <c r="I30" s="1" t="s">
        <v>146</v>
      </c>
      <c r="J30" s="237">
        <v>100</v>
      </c>
      <c r="K30" s="237">
        <v>0</v>
      </c>
      <c r="L30" s="237">
        <v>0</v>
      </c>
      <c r="M30" s="237">
        <v>0</v>
      </c>
      <c r="N30" s="91"/>
      <c r="P30" s="10">
        <f t="shared" si="23"/>
        <v>45320</v>
      </c>
      <c r="Q30" s="29">
        <v>3.2</v>
      </c>
      <c r="R30" s="29">
        <f t="shared" si="9"/>
        <v>1</v>
      </c>
      <c r="S30" s="12">
        <f t="shared" si="0"/>
        <v>1.0609861866589789</v>
      </c>
      <c r="T30" s="12">
        <f t="shared" si="1"/>
        <v>1.4695351264848711</v>
      </c>
      <c r="U30" s="12">
        <f t="shared" si="2"/>
        <v>1.771938814155029</v>
      </c>
      <c r="V30" s="12">
        <f t="shared" si="3"/>
        <v>2.5404025087253199</v>
      </c>
      <c r="W30" s="12">
        <f t="shared" si="10"/>
        <v>0</v>
      </c>
      <c r="X30" s="12">
        <f t="shared" si="4"/>
        <v>-7.0953309908476907E-3</v>
      </c>
      <c r="Y30" s="12">
        <f t="shared" si="5"/>
        <v>-5.875924024232846E-2</v>
      </c>
      <c r="Z30" s="12">
        <f t="shared" si="6"/>
        <v>-9.5984753200240996E-2</v>
      </c>
      <c r="AA30" s="12">
        <f t="shared" si="7"/>
        <v>-0.17801624965770491</v>
      </c>
      <c r="AB30" s="12">
        <f t="shared" si="11"/>
        <v>0</v>
      </c>
      <c r="AC30" s="12">
        <f t="shared" si="24"/>
        <v>1.0382811274882664</v>
      </c>
      <c r="AD30" s="12">
        <f t="shared" si="12"/>
        <v>0</v>
      </c>
      <c r="AE30" s="12">
        <f t="shared" si="13"/>
        <v>0</v>
      </c>
      <c r="AF30" s="12">
        <f t="shared" si="14"/>
        <v>0</v>
      </c>
      <c r="AG30" s="12">
        <f t="shared" si="15"/>
        <v>0</v>
      </c>
      <c r="AH30" s="12">
        <f>AC30/SUM(AC$2:AG$366)*Input!$D$12</f>
        <v>272.2954235795022</v>
      </c>
      <c r="AI30" s="12">
        <f>AD30/SUM(AC$2:AG$366)*Input!$D$12</f>
        <v>0</v>
      </c>
      <c r="AJ30" s="12">
        <f>AE30/SUM(AC$2:AG$366)*Input!$D$12</f>
        <v>0</v>
      </c>
      <c r="AK30" s="12">
        <f>AF30/SUM(AC$2:AG$366)*Input!$D$12</f>
        <v>0</v>
      </c>
      <c r="AL30" s="12">
        <f>AG30/SUM(AC$2:AG$366)*Input!$D$12</f>
        <v>0</v>
      </c>
      <c r="AM30" s="12">
        <f t="shared" si="16"/>
        <v>8.168862707385065</v>
      </c>
      <c r="AN30" s="12">
        <f t="shared" si="17"/>
        <v>27.229542357950223</v>
      </c>
      <c r="AO30" s="12">
        <f t="shared" si="18"/>
        <v>40.844313536925327</v>
      </c>
      <c r="AP30" s="12">
        <f t="shared" si="19"/>
        <v>196.05270497724158</v>
      </c>
      <c r="AQ30" s="12">
        <f t="shared" si="20"/>
        <v>0</v>
      </c>
      <c r="AR30" s="11">
        <f t="shared" si="21"/>
        <v>272.2954235795022</v>
      </c>
      <c r="AT30" s="112" t="s">
        <v>94</v>
      </c>
      <c r="AU30" s="121" t="s">
        <v>32</v>
      </c>
      <c r="AV30" s="121" t="s">
        <v>33</v>
      </c>
      <c r="AW30" s="121" t="s">
        <v>34</v>
      </c>
      <c r="AX30" s="121" t="s">
        <v>35</v>
      </c>
      <c r="AY30" s="121" t="s">
        <v>36</v>
      </c>
      <c r="AZ30" s="105"/>
      <c r="BA30" s="180"/>
    </row>
    <row r="31" spans="2:64" x14ac:dyDescent="0.3">
      <c r="B31" s="1">
        <f>B30+1</f>
        <v>4</v>
      </c>
      <c r="C31" s="1">
        <f t="shared" si="28"/>
        <v>1.0326048626955882</v>
      </c>
      <c r="D31" s="1">
        <f t="shared" si="29"/>
        <v>1.2344981655155571</v>
      </c>
      <c r="E31" s="1">
        <f t="shared" si="30"/>
        <v>1.3879998013540651</v>
      </c>
      <c r="F31" s="1">
        <f t="shared" si="31"/>
        <v>1.8283375100945003</v>
      </c>
      <c r="I31" s="1" t="s">
        <v>147</v>
      </c>
      <c r="J31" s="237">
        <v>57.1</v>
      </c>
      <c r="K31" s="237">
        <v>28.6</v>
      </c>
      <c r="L31" s="237">
        <v>14.3</v>
      </c>
      <c r="M31" s="237">
        <v>0</v>
      </c>
      <c r="N31" s="91"/>
      <c r="P31" s="10">
        <f t="shared" si="23"/>
        <v>45321</v>
      </c>
      <c r="Q31" s="29">
        <v>2.7</v>
      </c>
      <c r="R31" s="29">
        <f t="shared" si="9"/>
        <v>2</v>
      </c>
      <c r="S31" s="12">
        <f t="shared" si="0"/>
        <v>1.085192073005006</v>
      </c>
      <c r="T31" s="12">
        <f t="shared" si="1"/>
        <v>1.4695351264848711</v>
      </c>
      <c r="U31" s="12">
        <f t="shared" si="2"/>
        <v>1.771938814155029</v>
      </c>
      <c r="V31" s="12">
        <f t="shared" si="3"/>
        <v>2.5404025087253199</v>
      </c>
      <c r="W31" s="12">
        <f t="shared" si="10"/>
        <v>0</v>
      </c>
      <c r="X31" s="12">
        <f t="shared" si="4"/>
        <v>-1.544218835154681E-2</v>
      </c>
      <c r="Y31" s="12">
        <f t="shared" si="5"/>
        <v>-5.875924024232846E-2</v>
      </c>
      <c r="Z31" s="12">
        <f t="shared" si="6"/>
        <v>-9.5984753200240996E-2</v>
      </c>
      <c r="AA31" s="12">
        <f t="shared" si="7"/>
        <v>-0.17801624965770491</v>
      </c>
      <c r="AB31" s="12">
        <f t="shared" si="11"/>
        <v>0</v>
      </c>
      <c r="AC31" s="12">
        <f t="shared" si="24"/>
        <v>1.0434981644558297</v>
      </c>
      <c r="AD31" s="12">
        <f t="shared" si="12"/>
        <v>0</v>
      </c>
      <c r="AE31" s="12">
        <f t="shared" si="13"/>
        <v>0</v>
      </c>
      <c r="AF31" s="12">
        <f t="shared" si="14"/>
        <v>0</v>
      </c>
      <c r="AG31" s="12">
        <f t="shared" si="15"/>
        <v>0</v>
      </c>
      <c r="AH31" s="12">
        <f>AC31/SUM(AC$2:AG$366)*Input!$D$12</f>
        <v>273.66362266672735</v>
      </c>
      <c r="AI31" s="12">
        <f>AD31/SUM(AC$2:AG$366)*Input!$D$12</f>
        <v>0</v>
      </c>
      <c r="AJ31" s="12">
        <f>AE31/SUM(AC$2:AG$366)*Input!$D$12</f>
        <v>0</v>
      </c>
      <c r="AK31" s="12">
        <f>AF31/SUM(AC$2:AG$366)*Input!$D$12</f>
        <v>0</v>
      </c>
      <c r="AL31" s="12">
        <f>AG31/SUM(AC$2:AG$366)*Input!$D$12</f>
        <v>0</v>
      </c>
      <c r="AM31" s="12">
        <f t="shared" si="16"/>
        <v>8.2099086800018206</v>
      </c>
      <c r="AN31" s="12">
        <f t="shared" si="17"/>
        <v>27.366362266672738</v>
      </c>
      <c r="AO31" s="12">
        <f t="shared" si="18"/>
        <v>41.0495434000091</v>
      </c>
      <c r="AP31" s="12">
        <f t="shared" si="19"/>
        <v>197.03780832004369</v>
      </c>
      <c r="AQ31" s="12">
        <f t="shared" si="20"/>
        <v>0</v>
      </c>
      <c r="AR31" s="11">
        <f t="shared" si="21"/>
        <v>273.66362266672735</v>
      </c>
      <c r="AT31" s="106">
        <v>0</v>
      </c>
      <c r="AU31" s="118">
        <f>IFERROR(AU13/$AZ13,0)</f>
        <v>0</v>
      </c>
      <c r="AV31" s="119">
        <f t="shared" ref="AV31:AY31" si="43">IFERROR(AV13/$AZ13,0)</f>
        <v>0</v>
      </c>
      <c r="AW31" s="119">
        <f t="shared" si="43"/>
        <v>0</v>
      </c>
      <c r="AX31" s="119">
        <f t="shared" si="43"/>
        <v>1</v>
      </c>
      <c r="AY31" s="120">
        <f t="shared" si="43"/>
        <v>0</v>
      </c>
      <c r="AZ31" s="107">
        <f>SUM(AU31:AY31)</f>
        <v>1</v>
      </c>
      <c r="BA31" s="180"/>
    </row>
    <row r="32" spans="2:64" x14ac:dyDescent="0.3">
      <c r="B32" s="1">
        <f t="shared" si="33"/>
        <v>5</v>
      </c>
      <c r="C32" s="1">
        <f t="shared" si="28"/>
        <v>1.0255095317047405</v>
      </c>
      <c r="D32" s="1">
        <f t="shared" si="29"/>
        <v>1.1757389252732287</v>
      </c>
      <c r="E32" s="1">
        <f t="shared" si="30"/>
        <v>1.292015048153824</v>
      </c>
      <c r="F32" s="1">
        <f t="shared" si="31"/>
        <v>1.6503212604367954</v>
      </c>
      <c r="I32" s="1" t="s">
        <v>148</v>
      </c>
      <c r="J32" s="237">
        <v>17.600000000000001</v>
      </c>
      <c r="K32" s="237">
        <v>19.600000000000001</v>
      </c>
      <c r="L32" s="237">
        <v>43.1</v>
      </c>
      <c r="M32" s="237">
        <v>7.8</v>
      </c>
      <c r="N32" s="91"/>
      <c r="P32" s="10">
        <f t="shared" si="23"/>
        <v>45322</v>
      </c>
      <c r="Q32" s="29">
        <v>-0.8</v>
      </c>
      <c r="R32" s="29">
        <f t="shared" si="9"/>
        <v>3</v>
      </c>
      <c r="S32" s="12">
        <f t="shared" si="0"/>
        <v>1.085192073005006</v>
      </c>
      <c r="T32" s="12">
        <f t="shared" si="1"/>
        <v>1.4695351264848711</v>
      </c>
      <c r="U32" s="12">
        <f t="shared" si="2"/>
        <v>1.771938814155029</v>
      </c>
      <c r="V32" s="12">
        <f t="shared" si="3"/>
        <v>2.5404025087253199</v>
      </c>
      <c r="W32" s="12">
        <f t="shared" si="10"/>
        <v>0</v>
      </c>
      <c r="X32" s="12">
        <f t="shared" si="4"/>
        <v>-1.544218835154681E-2</v>
      </c>
      <c r="Y32" s="12">
        <f t="shared" si="5"/>
        <v>-5.875924024232846E-2</v>
      </c>
      <c r="Z32" s="12">
        <f t="shared" si="6"/>
        <v>-9.5984753200240996E-2</v>
      </c>
      <c r="AA32" s="12">
        <f t="shared" si="7"/>
        <v>-0.17801624965770491</v>
      </c>
      <c r="AB32" s="12">
        <f t="shared" si="11"/>
        <v>0</v>
      </c>
      <c r="AC32" s="12">
        <f t="shared" si="24"/>
        <v>1.0975458236862434</v>
      </c>
      <c r="AD32" s="12">
        <f t="shared" si="12"/>
        <v>0</v>
      </c>
      <c r="AE32" s="12">
        <f t="shared" si="13"/>
        <v>0</v>
      </c>
      <c r="AF32" s="12">
        <f t="shared" si="14"/>
        <v>0</v>
      </c>
      <c r="AG32" s="12">
        <f t="shared" si="15"/>
        <v>0</v>
      </c>
      <c r="AH32" s="12">
        <f>AC32/SUM(AC$2:AG$366)*Input!$D$12</f>
        <v>287.83794393097708</v>
      </c>
      <c r="AI32" s="12">
        <f>AD32/SUM(AC$2:AG$366)*Input!$D$12</f>
        <v>0</v>
      </c>
      <c r="AJ32" s="12">
        <f>AE32/SUM(AC$2:AG$366)*Input!$D$12</f>
        <v>0</v>
      </c>
      <c r="AK32" s="12">
        <f>AF32/SUM(AC$2:AG$366)*Input!$D$12</f>
        <v>0</v>
      </c>
      <c r="AL32" s="12">
        <f>AG32/SUM(AC$2:AG$366)*Input!$D$12</f>
        <v>0</v>
      </c>
      <c r="AM32" s="12">
        <f t="shared" si="16"/>
        <v>8.6351383179293126</v>
      </c>
      <c r="AN32" s="12">
        <f t="shared" si="17"/>
        <v>28.783794393097708</v>
      </c>
      <c r="AO32" s="12">
        <f t="shared" si="18"/>
        <v>43.175691589646561</v>
      </c>
      <c r="AP32" s="12">
        <f t="shared" si="19"/>
        <v>207.24331963030349</v>
      </c>
      <c r="AQ32" s="12">
        <f t="shared" si="20"/>
        <v>0</v>
      </c>
      <c r="AR32" s="11">
        <f t="shared" si="21"/>
        <v>287.83794393097708</v>
      </c>
      <c r="AT32" s="106">
        <v>1</v>
      </c>
      <c r="AU32" s="113">
        <f t="shared" ref="AU32:AY32" si="44">IFERROR(AU14/$AZ14,0)</f>
        <v>9.0090090090090114E-2</v>
      </c>
      <c r="AV32" s="102">
        <f t="shared" si="44"/>
        <v>0.30030030030030042</v>
      </c>
      <c r="AW32" s="102">
        <f t="shared" si="44"/>
        <v>0.45045045045045062</v>
      </c>
      <c r="AX32" s="102">
        <f t="shared" si="44"/>
        <v>0.15915915915915893</v>
      </c>
      <c r="AY32" s="114">
        <f t="shared" si="44"/>
        <v>0</v>
      </c>
      <c r="AZ32" s="107">
        <f t="shared" ref="AZ32:AZ35" si="45">SUM(AU32:AY32)</f>
        <v>1.0000000000000002</v>
      </c>
      <c r="BA32" s="180"/>
    </row>
    <row r="33" spans="2:53" x14ac:dyDescent="0.3">
      <c r="B33" s="1">
        <f t="shared" si="33"/>
        <v>6</v>
      </c>
      <c r="C33" s="1">
        <f t="shared" si="28"/>
        <v>1.0184142007138928</v>
      </c>
      <c r="D33" s="1">
        <f t="shared" si="29"/>
        <v>1.1169796850309002</v>
      </c>
      <c r="E33" s="1">
        <f t="shared" si="30"/>
        <v>1.196030294953583</v>
      </c>
      <c r="F33" s="1">
        <f t="shared" si="31"/>
        <v>1.4723050107790905</v>
      </c>
      <c r="I33" s="1" t="s">
        <v>154</v>
      </c>
      <c r="J33" s="237" cm="1">
        <f t="array" ref="J33:M33">TRANSPOSE(Input!C4:C7)*100</f>
        <v>40</v>
      </c>
      <c r="K33" s="237">
        <v>0</v>
      </c>
      <c r="L33" s="237">
        <v>50</v>
      </c>
      <c r="M33" s="237">
        <v>10</v>
      </c>
      <c r="N33" s="91"/>
      <c r="P33" s="10">
        <f t="shared" si="23"/>
        <v>45323</v>
      </c>
      <c r="Q33" s="29">
        <v>-4.2</v>
      </c>
      <c r="R33" s="29">
        <f t="shared" si="9"/>
        <v>4</v>
      </c>
      <c r="S33" s="12">
        <f t="shared" si="0"/>
        <v>1.085192073005006</v>
      </c>
      <c r="T33" s="12">
        <f t="shared" si="1"/>
        <v>1.4695351264848711</v>
      </c>
      <c r="U33" s="12">
        <f t="shared" si="2"/>
        <v>1.771938814155029</v>
      </c>
      <c r="V33" s="12">
        <f t="shared" si="3"/>
        <v>2.5404025087253199</v>
      </c>
      <c r="W33" s="12">
        <f t="shared" si="10"/>
        <v>0</v>
      </c>
      <c r="X33" s="12">
        <f t="shared" si="4"/>
        <v>-1.544218835154681E-2</v>
      </c>
      <c r="Y33" s="12">
        <f t="shared" si="5"/>
        <v>-5.875924024232846E-2</v>
      </c>
      <c r="Z33" s="12">
        <f t="shared" si="6"/>
        <v>-9.5984753200240996E-2</v>
      </c>
      <c r="AA33" s="12">
        <f t="shared" si="7"/>
        <v>-0.17801624965770491</v>
      </c>
      <c r="AB33" s="12">
        <f t="shared" si="11"/>
        <v>0</v>
      </c>
      <c r="AC33" s="12">
        <f t="shared" si="24"/>
        <v>1.1500492640815025</v>
      </c>
      <c r="AD33" s="12">
        <f t="shared" si="12"/>
        <v>0</v>
      </c>
      <c r="AE33" s="12">
        <f t="shared" si="13"/>
        <v>0</v>
      </c>
      <c r="AF33" s="12">
        <f t="shared" si="14"/>
        <v>0</v>
      </c>
      <c r="AG33" s="12">
        <f t="shared" si="15"/>
        <v>0</v>
      </c>
      <c r="AH33" s="12">
        <f>AC33/SUM(AC$2:AG$366)*Input!$D$12</f>
        <v>301.60728458767682</v>
      </c>
      <c r="AI33" s="12">
        <f>AD33/SUM(AC$2:AG$366)*Input!$D$12</f>
        <v>0</v>
      </c>
      <c r="AJ33" s="12">
        <f>AE33/SUM(AC$2:AG$366)*Input!$D$12</f>
        <v>0</v>
      </c>
      <c r="AK33" s="12">
        <f>AF33/SUM(AC$2:AG$366)*Input!$D$12</f>
        <v>0</v>
      </c>
      <c r="AL33" s="12">
        <f>AG33/SUM(AC$2:AG$366)*Input!$D$12</f>
        <v>0</v>
      </c>
      <c r="AM33" s="12">
        <f t="shared" si="16"/>
        <v>9.0482185376303033</v>
      </c>
      <c r="AN33" s="12">
        <f t="shared" si="17"/>
        <v>30.160728458767682</v>
      </c>
      <c r="AO33" s="12">
        <f t="shared" si="18"/>
        <v>45.241092688151518</v>
      </c>
      <c r="AP33" s="12">
        <f t="shared" si="19"/>
        <v>217.15724490312729</v>
      </c>
      <c r="AQ33" s="12">
        <f t="shared" si="20"/>
        <v>0</v>
      </c>
      <c r="AR33" s="11">
        <f t="shared" si="21"/>
        <v>301.60728458767676</v>
      </c>
      <c r="AT33" s="106">
        <v>2</v>
      </c>
      <c r="AU33" s="113">
        <f t="shared" ref="AU33:AY33" si="46">IFERROR(AU15/$AZ15,0)</f>
        <v>0</v>
      </c>
      <c r="AV33" s="102">
        <f t="shared" si="46"/>
        <v>0</v>
      </c>
      <c r="AW33" s="102">
        <f t="shared" si="46"/>
        <v>0</v>
      </c>
      <c r="AX33" s="102">
        <f t="shared" si="46"/>
        <v>0</v>
      </c>
      <c r="AY33" s="114">
        <f t="shared" si="46"/>
        <v>0</v>
      </c>
      <c r="AZ33" s="107">
        <f t="shared" si="45"/>
        <v>0</v>
      </c>
      <c r="BA33" s="180"/>
    </row>
    <row r="34" spans="2:53" x14ac:dyDescent="0.3">
      <c r="B34" s="1">
        <f t="shared" si="33"/>
        <v>7</v>
      </c>
      <c r="C34" s="1">
        <f t="shared" si="28"/>
        <v>1.0113188697230451</v>
      </c>
      <c r="D34" s="1">
        <f t="shared" si="29"/>
        <v>1.0582204447885719</v>
      </c>
      <c r="E34" s="1">
        <f t="shared" si="30"/>
        <v>1.1000455417533419</v>
      </c>
      <c r="F34" s="1">
        <f t="shared" si="31"/>
        <v>1.2942887611213856</v>
      </c>
      <c r="P34" s="10">
        <f t="shared" si="23"/>
        <v>45324</v>
      </c>
      <c r="Q34" s="29">
        <v>-1.1000000000000001</v>
      </c>
      <c r="R34" s="29">
        <f t="shared" si="9"/>
        <v>5</v>
      </c>
      <c r="S34" s="12">
        <f t="shared" si="0"/>
        <v>1.085192073005006</v>
      </c>
      <c r="T34" s="12">
        <f t="shared" si="1"/>
        <v>1.4695351264848711</v>
      </c>
      <c r="U34" s="12">
        <f t="shared" si="2"/>
        <v>1.771938814155029</v>
      </c>
      <c r="V34" s="12">
        <f t="shared" si="3"/>
        <v>2.5404025087253199</v>
      </c>
      <c r="W34" s="12">
        <f t="shared" si="10"/>
        <v>0</v>
      </c>
      <c r="X34" s="12">
        <f t="shared" si="4"/>
        <v>-1.544218835154681E-2</v>
      </c>
      <c r="Y34" s="12">
        <f t="shared" si="5"/>
        <v>-5.875924024232846E-2</v>
      </c>
      <c r="Z34" s="12">
        <f t="shared" si="6"/>
        <v>-9.5984753200240996E-2</v>
      </c>
      <c r="AA34" s="12">
        <f t="shared" si="7"/>
        <v>-0.17801624965770491</v>
      </c>
      <c r="AB34" s="12">
        <f t="shared" si="11"/>
        <v>0</v>
      </c>
      <c r="AC34" s="12">
        <f t="shared" si="24"/>
        <v>1.1021784801917074</v>
      </c>
      <c r="AD34" s="12">
        <f t="shared" si="12"/>
        <v>0</v>
      </c>
      <c r="AE34" s="12">
        <f t="shared" si="13"/>
        <v>0</v>
      </c>
      <c r="AF34" s="12">
        <f t="shared" si="14"/>
        <v>0</v>
      </c>
      <c r="AG34" s="12">
        <f t="shared" si="15"/>
        <v>0</v>
      </c>
      <c r="AH34" s="12">
        <f>AC34/SUM(AC$2:AG$366)*Input!$D$12</f>
        <v>289.05288575362704</v>
      </c>
      <c r="AI34" s="12">
        <f>AD34/SUM(AC$2:AG$366)*Input!$D$12</f>
        <v>0</v>
      </c>
      <c r="AJ34" s="12">
        <f>AE34/SUM(AC$2:AG$366)*Input!$D$12</f>
        <v>0</v>
      </c>
      <c r="AK34" s="12">
        <f>AF34/SUM(AC$2:AG$366)*Input!$D$12</f>
        <v>0</v>
      </c>
      <c r="AL34" s="12">
        <f>AG34/SUM(AC$2:AG$366)*Input!$D$12</f>
        <v>0</v>
      </c>
      <c r="AM34" s="12">
        <f t="shared" si="16"/>
        <v>8.6715865726088115</v>
      </c>
      <c r="AN34" s="12">
        <f t="shared" si="17"/>
        <v>28.905288575362704</v>
      </c>
      <c r="AO34" s="12">
        <f t="shared" si="18"/>
        <v>43.357932863044056</v>
      </c>
      <c r="AP34" s="12">
        <f t="shared" si="19"/>
        <v>208.11807774261146</v>
      </c>
      <c r="AQ34" s="12">
        <f t="shared" si="20"/>
        <v>0</v>
      </c>
      <c r="AR34" s="11">
        <f t="shared" si="21"/>
        <v>289.05288575362704</v>
      </c>
      <c r="AT34" s="106">
        <v>3</v>
      </c>
      <c r="AU34" s="113">
        <f t="shared" ref="AU34:AY35" si="47">IFERROR(AU16/$AZ16,0)</f>
        <v>0</v>
      </c>
      <c r="AV34" s="102">
        <f t="shared" si="47"/>
        <v>0</v>
      </c>
      <c r="AW34" s="102">
        <f t="shared" si="47"/>
        <v>0</v>
      </c>
      <c r="AX34" s="102">
        <f t="shared" si="47"/>
        <v>0</v>
      </c>
      <c r="AY34" s="114">
        <f t="shared" si="47"/>
        <v>0</v>
      </c>
      <c r="AZ34" s="107">
        <f t="shared" si="45"/>
        <v>0</v>
      </c>
      <c r="BA34" s="180"/>
    </row>
    <row r="35" spans="2:53" ht="16.2" thickBot="1" x14ac:dyDescent="0.35">
      <c r="B35" s="1">
        <f t="shared" si="33"/>
        <v>8</v>
      </c>
      <c r="C35" s="1">
        <f t="shared" si="28"/>
        <v>1.0042235387321974</v>
      </c>
      <c r="D35" s="1">
        <f t="shared" si="29"/>
        <v>0.99946120454624343</v>
      </c>
      <c r="E35" s="1">
        <f t="shared" si="30"/>
        <v>1.004060788553101</v>
      </c>
      <c r="F35" s="1">
        <f t="shared" si="31"/>
        <v>1.1162725114636807</v>
      </c>
      <c r="P35" s="10">
        <f t="shared" si="23"/>
        <v>45325</v>
      </c>
      <c r="Q35" s="29">
        <v>-2.6</v>
      </c>
      <c r="R35" s="29">
        <f t="shared" si="9"/>
        <v>6</v>
      </c>
      <c r="S35" s="12">
        <f t="shared" si="0"/>
        <v>0.88136675487947747</v>
      </c>
      <c r="T35" s="12">
        <f t="shared" si="1"/>
        <v>0.40529111994771311</v>
      </c>
      <c r="U35" s="12">
        <f t="shared" si="2"/>
        <v>1.4791569663107089</v>
      </c>
      <c r="V35" s="12">
        <f t="shared" si="3"/>
        <v>1.31124751273035</v>
      </c>
      <c r="W35" s="12">
        <f t="shared" si="10"/>
        <v>1.9424956480203619</v>
      </c>
      <c r="X35" s="12">
        <f t="shared" si="4"/>
        <v>-1.236743869637378E-2</v>
      </c>
      <c r="Y35" s="12">
        <f t="shared" si="5"/>
        <v>-1.3226323007097701E-2</v>
      </c>
      <c r="Z35" s="12">
        <f t="shared" si="6"/>
        <v>-6.6119920832722404E-2</v>
      </c>
      <c r="AA35" s="12">
        <f t="shared" si="7"/>
        <v>-7.5310765362349638E-2</v>
      </c>
      <c r="AB35" s="12">
        <f t="shared" si="11"/>
        <v>-0.1200596025795522</v>
      </c>
      <c r="AC35" s="12">
        <f t="shared" si="24"/>
        <v>1.0358427040761671</v>
      </c>
      <c r="AD35" s="12">
        <f t="shared" si="12"/>
        <v>0.24890259878362719</v>
      </c>
      <c r="AE35" s="12">
        <f t="shared" si="13"/>
        <v>0</v>
      </c>
      <c r="AF35" s="12">
        <f t="shared" si="14"/>
        <v>0</v>
      </c>
      <c r="AG35" s="12">
        <f t="shared" si="15"/>
        <v>0</v>
      </c>
      <c r="AH35" s="12">
        <f>AC35/SUM(AC$2:AG$366)*Input!$D$12</f>
        <v>271.6559324838006</v>
      </c>
      <c r="AI35" s="12">
        <f>AD35/SUM(AC$2:AG$366)*Input!$D$12</f>
        <v>65.276192325466866</v>
      </c>
      <c r="AJ35" s="12">
        <f>AE35/SUM(AC$2:AG$366)*Input!$D$12</f>
        <v>0</v>
      </c>
      <c r="AK35" s="12">
        <f>AF35/SUM(AC$2:AG$366)*Input!$D$12</f>
        <v>0</v>
      </c>
      <c r="AL35" s="12">
        <f>AG35/SUM(AC$2:AG$366)*Input!$D$12</f>
        <v>0</v>
      </c>
      <c r="AM35" s="12">
        <f t="shared" si="16"/>
        <v>5.8807380473393591</v>
      </c>
      <c r="AN35" s="12">
        <f t="shared" si="17"/>
        <v>19.602460157797864</v>
      </c>
      <c r="AO35" s="12">
        <f t="shared" si="18"/>
        <v>29.403690236696796</v>
      </c>
      <c r="AP35" s="12">
        <f t="shared" si="19"/>
        <v>282.04523636743346</v>
      </c>
      <c r="AQ35" s="12">
        <f t="shared" si="20"/>
        <v>0</v>
      </c>
      <c r="AR35" s="11">
        <f t="shared" si="21"/>
        <v>336.93212480926746</v>
      </c>
      <c r="AT35" s="106">
        <v>4</v>
      </c>
      <c r="AU35" s="115">
        <f t="shared" si="47"/>
        <v>0</v>
      </c>
      <c r="AV35" s="116">
        <f t="shared" si="47"/>
        <v>0</v>
      </c>
      <c r="AW35" s="116">
        <f t="shared" si="47"/>
        <v>0</v>
      </c>
      <c r="AX35" s="116">
        <f t="shared" si="47"/>
        <v>0</v>
      </c>
      <c r="AY35" s="117">
        <f t="shared" si="47"/>
        <v>0</v>
      </c>
      <c r="AZ35" s="107">
        <f t="shared" si="45"/>
        <v>0</v>
      </c>
      <c r="BA35" s="180"/>
    </row>
    <row r="36" spans="2:53" ht="16.2" thickBot="1" x14ac:dyDescent="0.35">
      <c r="B36" s="1">
        <f t="shared" si="33"/>
        <v>9</v>
      </c>
      <c r="C36" s="1">
        <f t="shared" si="28"/>
        <v>0.99712820774134969</v>
      </c>
      <c r="D36" s="1">
        <f t="shared" si="29"/>
        <v>0.94070196430391495</v>
      </c>
      <c r="E36" s="1">
        <f t="shared" si="30"/>
        <v>0.90807603535285997</v>
      </c>
      <c r="F36" s="1">
        <f t="shared" si="31"/>
        <v>0.93825626180597577</v>
      </c>
      <c r="P36" s="10">
        <f t="shared" si="23"/>
        <v>45326</v>
      </c>
      <c r="Q36" s="29">
        <v>-2.8</v>
      </c>
      <c r="R36" s="29">
        <f t="shared" si="9"/>
        <v>7</v>
      </c>
      <c r="S36" s="12">
        <f t="shared" si="0"/>
        <v>0.88136675487947747</v>
      </c>
      <c r="T36" s="12">
        <f t="shared" si="1"/>
        <v>0.40529111994771311</v>
      </c>
      <c r="U36" s="12">
        <f t="shared" si="2"/>
        <v>1.4791569663107089</v>
      </c>
      <c r="V36" s="12">
        <f t="shared" si="3"/>
        <v>1.31124751273035</v>
      </c>
      <c r="W36" s="12">
        <f t="shared" si="10"/>
        <v>1.9424956480203619</v>
      </c>
      <c r="X36" s="12">
        <f t="shared" si="4"/>
        <v>-1.236743869637378E-2</v>
      </c>
      <c r="Y36" s="12">
        <f t="shared" si="5"/>
        <v>-1.3226323007097701E-2</v>
      </c>
      <c r="Z36" s="12">
        <f t="shared" si="6"/>
        <v>-6.6119920832722404E-2</v>
      </c>
      <c r="AA36" s="12">
        <f t="shared" si="7"/>
        <v>-7.5310765362349638E-2</v>
      </c>
      <c r="AB36" s="12">
        <f t="shared" si="11"/>
        <v>-0.1200596025795522</v>
      </c>
      <c r="AC36" s="12">
        <f t="shared" si="24"/>
        <v>1.0386473918237307</v>
      </c>
      <c r="AD36" s="12">
        <f t="shared" si="12"/>
        <v>0.2504000830744908</v>
      </c>
      <c r="AE36" s="12">
        <f t="shared" si="13"/>
        <v>0</v>
      </c>
      <c r="AF36" s="12">
        <f t="shared" si="14"/>
        <v>0</v>
      </c>
      <c r="AG36" s="12">
        <f t="shared" si="15"/>
        <v>0</v>
      </c>
      <c r="AH36" s="12">
        <f>AC36/SUM(AC$2:AG$366)*Input!$D$12</f>
        <v>272.39147858784906</v>
      </c>
      <c r="AI36" s="12">
        <f>AD36/SUM(AC$2:AG$366)*Input!$D$12</f>
        <v>65.668916519800206</v>
      </c>
      <c r="AJ36" s="12">
        <f>AE36/SUM(AC$2:AG$366)*Input!$D$12</f>
        <v>0</v>
      </c>
      <c r="AK36" s="12">
        <f>AF36/SUM(AC$2:AG$366)*Input!$D$12</f>
        <v>0</v>
      </c>
      <c r="AL36" s="12">
        <f>AG36/SUM(AC$2:AG$366)*Input!$D$12</f>
        <v>0</v>
      </c>
      <c r="AM36" s="12">
        <f t="shared" si="16"/>
        <v>5.9161186053874077</v>
      </c>
      <c r="AN36" s="12">
        <f t="shared" si="17"/>
        <v>19.720395351291362</v>
      </c>
      <c r="AO36" s="12">
        <f t="shared" si="18"/>
        <v>29.580593026937041</v>
      </c>
      <c r="AP36" s="12">
        <f t="shared" si="19"/>
        <v>282.84328812403345</v>
      </c>
      <c r="AQ36" s="12">
        <f t="shared" si="20"/>
        <v>0</v>
      </c>
      <c r="AR36" s="11">
        <f t="shared" si="21"/>
        <v>338.06039510764924</v>
      </c>
      <c r="AT36" s="109"/>
      <c r="AU36" s="110">
        <f t="shared" ref="AU36" si="48">SUM(AU31:AU35)</f>
        <v>9.0090090090090114E-2</v>
      </c>
      <c r="AV36" s="110">
        <f t="shared" ref="AV36" si="49">SUM(AV31:AV35)</f>
        <v>0.30030030030030042</v>
      </c>
      <c r="AW36" s="110">
        <f t="shared" ref="AW36" si="50">SUM(AW31:AW35)</f>
        <v>0.45045045045045062</v>
      </c>
      <c r="AX36" s="110">
        <f t="shared" ref="AX36" si="51">SUM(AX31:AX35)</f>
        <v>1.159159159159159</v>
      </c>
      <c r="AY36" s="110">
        <f>SUM(AY31:AY35)</f>
        <v>0</v>
      </c>
      <c r="AZ36" s="111"/>
      <c r="BA36" s="180"/>
    </row>
    <row r="37" spans="2:53" x14ac:dyDescent="0.3">
      <c r="B37" s="1">
        <f t="shared" si="33"/>
        <v>10</v>
      </c>
      <c r="C37" s="1">
        <f t="shared" si="28"/>
        <v>0.990032876750502</v>
      </c>
      <c r="D37" s="1">
        <f t="shared" si="29"/>
        <v>0.88194272406158647</v>
      </c>
      <c r="E37" s="1">
        <f t="shared" si="30"/>
        <v>0.81209128215261894</v>
      </c>
      <c r="F37" s="1">
        <f t="shared" si="31"/>
        <v>0.76024001214827086</v>
      </c>
      <c r="P37" s="10">
        <f t="shared" si="23"/>
        <v>45327</v>
      </c>
      <c r="Q37" s="29">
        <v>2.5</v>
      </c>
      <c r="R37" s="29">
        <f t="shared" si="9"/>
        <v>1</v>
      </c>
      <c r="S37" s="12">
        <f t="shared" si="0"/>
        <v>1.085192073005006</v>
      </c>
      <c r="T37" s="12">
        <f t="shared" si="1"/>
        <v>1.4695351264848711</v>
      </c>
      <c r="U37" s="12">
        <f t="shared" si="2"/>
        <v>1.771938814155029</v>
      </c>
      <c r="V37" s="12">
        <f t="shared" si="3"/>
        <v>2.5404025087253199</v>
      </c>
      <c r="W37" s="12">
        <f t="shared" si="10"/>
        <v>0</v>
      </c>
      <c r="X37" s="12">
        <f t="shared" si="4"/>
        <v>-1.544218835154681E-2</v>
      </c>
      <c r="Y37" s="12">
        <f t="shared" si="5"/>
        <v>-5.875924024232846E-2</v>
      </c>
      <c r="Z37" s="12">
        <f t="shared" si="6"/>
        <v>-9.5984753200240996E-2</v>
      </c>
      <c r="AA37" s="12">
        <f t="shared" si="7"/>
        <v>-0.17801624965770491</v>
      </c>
      <c r="AB37" s="12">
        <f t="shared" si="11"/>
        <v>0</v>
      </c>
      <c r="AC37" s="12">
        <f t="shared" si="24"/>
        <v>1.046586602126139</v>
      </c>
      <c r="AD37" s="12">
        <f t="shared" si="12"/>
        <v>0</v>
      </c>
      <c r="AE37" s="12">
        <f t="shared" si="13"/>
        <v>0</v>
      </c>
      <c r="AF37" s="12">
        <f t="shared" si="14"/>
        <v>0</v>
      </c>
      <c r="AG37" s="12">
        <f t="shared" si="15"/>
        <v>0</v>
      </c>
      <c r="AH37" s="12">
        <f>AC37/SUM(AC$2:AG$366)*Input!$D$12</f>
        <v>274.47358388182732</v>
      </c>
      <c r="AI37" s="12">
        <f>AD37/SUM(AC$2:AG$366)*Input!$D$12</f>
        <v>0</v>
      </c>
      <c r="AJ37" s="12">
        <f>AE37/SUM(AC$2:AG$366)*Input!$D$12</f>
        <v>0</v>
      </c>
      <c r="AK37" s="12">
        <f>AF37/SUM(AC$2:AG$366)*Input!$D$12</f>
        <v>0</v>
      </c>
      <c r="AL37" s="12">
        <f>AG37/SUM(AC$2:AG$366)*Input!$D$12</f>
        <v>0</v>
      </c>
      <c r="AM37" s="12">
        <f t="shared" si="16"/>
        <v>8.2342075164548199</v>
      </c>
      <c r="AN37" s="12">
        <f t="shared" si="17"/>
        <v>27.447358388182735</v>
      </c>
      <c r="AO37" s="12">
        <f t="shared" si="18"/>
        <v>41.171037582274096</v>
      </c>
      <c r="AP37" s="12">
        <f t="shared" si="19"/>
        <v>197.62098039491568</v>
      </c>
      <c r="AQ37" s="12">
        <f t="shared" si="20"/>
        <v>0</v>
      </c>
      <c r="AR37" s="11">
        <f t="shared" si="21"/>
        <v>274.47358388182732</v>
      </c>
    </row>
    <row r="38" spans="2:53" x14ac:dyDescent="0.3">
      <c r="B38" s="1">
        <f t="shared" si="33"/>
        <v>11</v>
      </c>
      <c r="C38" s="1">
        <f t="shared" si="28"/>
        <v>0.98293754575965431</v>
      </c>
      <c r="D38" s="1">
        <f t="shared" si="29"/>
        <v>0.82318348381925799</v>
      </c>
      <c r="E38" s="1">
        <f t="shared" si="30"/>
        <v>0.71610652895237803</v>
      </c>
      <c r="F38" s="1">
        <f t="shared" si="31"/>
        <v>0.58222376249056595</v>
      </c>
      <c r="P38" s="10">
        <f t="shared" si="23"/>
        <v>45328</v>
      </c>
      <c r="Q38" s="29">
        <v>3.8</v>
      </c>
      <c r="R38" s="29">
        <f t="shared" si="9"/>
        <v>2</v>
      </c>
      <c r="S38" s="12">
        <f t="shared" si="0"/>
        <v>1.0609861866589789</v>
      </c>
      <c r="T38" s="12">
        <f t="shared" si="1"/>
        <v>1.4695351264848711</v>
      </c>
      <c r="U38" s="12">
        <f t="shared" si="2"/>
        <v>1.771938814155029</v>
      </c>
      <c r="V38" s="12">
        <f t="shared" si="3"/>
        <v>2.5404025087253199</v>
      </c>
      <c r="W38" s="12">
        <f t="shared" si="10"/>
        <v>0</v>
      </c>
      <c r="X38" s="12">
        <f t="shared" si="4"/>
        <v>-7.0953309908476907E-3</v>
      </c>
      <c r="Y38" s="12">
        <f t="shared" si="5"/>
        <v>-5.875924024232846E-2</v>
      </c>
      <c r="Z38" s="12">
        <f t="shared" si="6"/>
        <v>-9.5984753200240996E-2</v>
      </c>
      <c r="AA38" s="12">
        <f t="shared" si="7"/>
        <v>-0.17801624965770491</v>
      </c>
      <c r="AB38" s="12">
        <f t="shared" si="11"/>
        <v>0</v>
      </c>
      <c r="AC38" s="12">
        <f t="shared" si="24"/>
        <v>1.0340239288937576</v>
      </c>
      <c r="AD38" s="12">
        <f t="shared" si="12"/>
        <v>0</v>
      </c>
      <c r="AE38" s="12">
        <f t="shared" si="13"/>
        <v>0</v>
      </c>
      <c r="AF38" s="12">
        <f t="shared" si="14"/>
        <v>0</v>
      </c>
      <c r="AG38" s="12">
        <f t="shared" si="15"/>
        <v>0</v>
      </c>
      <c r="AH38" s="12">
        <f>AC38/SUM(AC$2:AG$366)*Input!$D$12</f>
        <v>271.17894783525156</v>
      </c>
      <c r="AI38" s="12">
        <f>AD38/SUM(AC$2:AG$366)*Input!$D$12</f>
        <v>0</v>
      </c>
      <c r="AJ38" s="12">
        <f>AE38/SUM(AC$2:AG$366)*Input!$D$12</f>
        <v>0</v>
      </c>
      <c r="AK38" s="12">
        <f>AF38/SUM(AC$2:AG$366)*Input!$D$12</f>
        <v>0</v>
      </c>
      <c r="AL38" s="12">
        <f>AG38/SUM(AC$2:AG$366)*Input!$D$12</f>
        <v>0</v>
      </c>
      <c r="AM38" s="12">
        <f t="shared" si="16"/>
        <v>8.135368435057547</v>
      </c>
      <c r="AN38" s="12">
        <f t="shared" si="17"/>
        <v>27.117894783525159</v>
      </c>
      <c r="AO38" s="12">
        <f t="shared" si="18"/>
        <v>40.676842175287732</v>
      </c>
      <c r="AP38" s="12">
        <f t="shared" si="19"/>
        <v>195.24884244138113</v>
      </c>
      <c r="AQ38" s="12">
        <f t="shared" si="20"/>
        <v>0</v>
      </c>
      <c r="AR38" s="11">
        <f t="shared" si="21"/>
        <v>271.17894783525156</v>
      </c>
    </row>
    <row r="39" spans="2:53" x14ac:dyDescent="0.3">
      <c r="B39" s="1">
        <f t="shared" si="33"/>
        <v>12</v>
      </c>
      <c r="C39" s="1">
        <f t="shared" si="28"/>
        <v>0.97584221476880662</v>
      </c>
      <c r="D39" s="1">
        <f t="shared" si="29"/>
        <v>0.76442424357692951</v>
      </c>
      <c r="E39" s="1">
        <f t="shared" si="30"/>
        <v>0.62012177575213712</v>
      </c>
      <c r="F39" s="1">
        <f t="shared" si="31"/>
        <v>0.40420751283286105</v>
      </c>
      <c r="P39" s="10">
        <f t="shared" si="23"/>
        <v>45329</v>
      </c>
      <c r="Q39" s="29">
        <v>3.7</v>
      </c>
      <c r="R39" s="29">
        <f t="shared" si="9"/>
        <v>3</v>
      </c>
      <c r="S39" s="12">
        <f t="shared" si="0"/>
        <v>1.0609861866589789</v>
      </c>
      <c r="T39" s="12">
        <f t="shared" si="1"/>
        <v>1.4695351264848711</v>
      </c>
      <c r="U39" s="12">
        <f t="shared" si="2"/>
        <v>1.771938814155029</v>
      </c>
      <c r="V39" s="12">
        <f t="shared" si="3"/>
        <v>2.5404025087253199</v>
      </c>
      <c r="W39" s="12">
        <f t="shared" si="10"/>
        <v>0</v>
      </c>
      <c r="X39" s="12">
        <f t="shared" si="4"/>
        <v>-7.0953309908476907E-3</v>
      </c>
      <c r="Y39" s="12">
        <f t="shared" si="5"/>
        <v>-5.875924024232846E-2</v>
      </c>
      <c r="Z39" s="12">
        <f t="shared" si="6"/>
        <v>-9.5984753200240996E-2</v>
      </c>
      <c r="AA39" s="12">
        <f t="shared" si="7"/>
        <v>-0.17801624965770491</v>
      </c>
      <c r="AB39" s="12">
        <f t="shared" si="11"/>
        <v>0</v>
      </c>
      <c r="AC39" s="12">
        <f t="shared" si="24"/>
        <v>1.0347334619928426</v>
      </c>
      <c r="AD39" s="12">
        <f t="shared" si="12"/>
        <v>0</v>
      </c>
      <c r="AE39" s="12">
        <f t="shared" si="13"/>
        <v>0</v>
      </c>
      <c r="AF39" s="12">
        <f t="shared" si="14"/>
        <v>0</v>
      </c>
      <c r="AG39" s="12">
        <f t="shared" si="15"/>
        <v>0</v>
      </c>
      <c r="AH39" s="12">
        <f>AC39/SUM(AC$2:AG$366)*Input!$D$12</f>
        <v>271.36502712596007</v>
      </c>
      <c r="AI39" s="12">
        <f>AD39/SUM(AC$2:AG$366)*Input!$D$12</f>
        <v>0</v>
      </c>
      <c r="AJ39" s="12">
        <f>AE39/SUM(AC$2:AG$366)*Input!$D$12</f>
        <v>0</v>
      </c>
      <c r="AK39" s="12">
        <f>AF39/SUM(AC$2:AG$366)*Input!$D$12</f>
        <v>0</v>
      </c>
      <c r="AL39" s="12">
        <f>AG39/SUM(AC$2:AG$366)*Input!$D$12</f>
        <v>0</v>
      </c>
      <c r="AM39" s="12">
        <f t="shared" si="16"/>
        <v>8.1409508137788009</v>
      </c>
      <c r="AN39" s="12">
        <f t="shared" si="17"/>
        <v>27.136502712596009</v>
      </c>
      <c r="AO39" s="12">
        <f t="shared" si="18"/>
        <v>40.704754068894012</v>
      </c>
      <c r="AP39" s="12">
        <f t="shared" si="19"/>
        <v>195.38281953069125</v>
      </c>
      <c r="AQ39" s="12">
        <f t="shared" si="20"/>
        <v>0</v>
      </c>
      <c r="AR39" s="11">
        <f t="shared" si="21"/>
        <v>271.36502712596007</v>
      </c>
    </row>
    <row r="40" spans="2:53" x14ac:dyDescent="0.3">
      <c r="B40" s="1">
        <f t="shared" si="33"/>
        <v>13</v>
      </c>
      <c r="C40" s="1">
        <f t="shared" si="28"/>
        <v>0.96874688377795892</v>
      </c>
      <c r="D40" s="1">
        <f t="shared" si="29"/>
        <v>0.70566500333460103</v>
      </c>
      <c r="E40" s="1">
        <f t="shared" si="30"/>
        <v>0.52413702255189598</v>
      </c>
      <c r="F40" s="1">
        <f t="shared" si="31"/>
        <v>0.24184522813579062</v>
      </c>
      <c r="P40" s="10">
        <f t="shared" si="23"/>
        <v>45330</v>
      </c>
      <c r="Q40" s="29">
        <v>6.1</v>
      </c>
      <c r="R40" s="29">
        <f t="shared" si="9"/>
        <v>4</v>
      </c>
      <c r="S40" s="12">
        <f t="shared" si="0"/>
        <v>1.0609861866589789</v>
      </c>
      <c r="T40" s="12">
        <f t="shared" si="1"/>
        <v>1.4695351264848711</v>
      </c>
      <c r="U40" s="12">
        <f t="shared" si="2"/>
        <v>1.771938814155029</v>
      </c>
      <c r="V40" s="12">
        <f t="shared" si="3"/>
        <v>2.5404025087253199</v>
      </c>
      <c r="W40" s="12">
        <f t="shared" si="10"/>
        <v>0</v>
      </c>
      <c r="X40" s="12">
        <f t="shared" si="4"/>
        <v>-7.0953309908476907E-3</v>
      </c>
      <c r="Y40" s="12">
        <f t="shared" si="5"/>
        <v>-5.875924024232846E-2</v>
      </c>
      <c r="Z40" s="12">
        <f t="shared" si="6"/>
        <v>-9.5984753200240996E-2</v>
      </c>
      <c r="AA40" s="12">
        <f t="shared" si="7"/>
        <v>-0.17801624965770491</v>
      </c>
      <c r="AB40" s="12">
        <f t="shared" si="11"/>
        <v>0</v>
      </c>
      <c r="AC40" s="12">
        <f t="shared" si="24"/>
        <v>1.017704667614808</v>
      </c>
      <c r="AD40" s="12">
        <f t="shared" si="12"/>
        <v>0</v>
      </c>
      <c r="AE40" s="12">
        <f t="shared" si="13"/>
        <v>0</v>
      </c>
      <c r="AF40" s="12">
        <f t="shared" si="14"/>
        <v>0</v>
      </c>
      <c r="AG40" s="12">
        <f t="shared" si="15"/>
        <v>0</v>
      </c>
      <c r="AH40" s="12">
        <f>AC40/SUM(AC$2:AG$366)*Input!$D$12</f>
        <v>266.89912414895775</v>
      </c>
      <c r="AI40" s="12">
        <f>AD40/SUM(AC$2:AG$366)*Input!$D$12</f>
        <v>0</v>
      </c>
      <c r="AJ40" s="12">
        <f>AE40/SUM(AC$2:AG$366)*Input!$D$12</f>
        <v>0</v>
      </c>
      <c r="AK40" s="12">
        <f>AF40/SUM(AC$2:AG$366)*Input!$D$12</f>
        <v>0</v>
      </c>
      <c r="AL40" s="12">
        <f>AG40/SUM(AC$2:AG$366)*Input!$D$12</f>
        <v>0</v>
      </c>
      <c r="AM40" s="12">
        <f t="shared" si="16"/>
        <v>8.0069737244687325</v>
      </c>
      <c r="AN40" s="12">
        <f t="shared" si="17"/>
        <v>26.689912414895776</v>
      </c>
      <c r="AO40" s="12">
        <f t="shared" si="18"/>
        <v>40.034868622343659</v>
      </c>
      <c r="AP40" s="12">
        <f t="shared" si="19"/>
        <v>192.16736938724958</v>
      </c>
      <c r="AQ40" s="12">
        <f t="shared" si="20"/>
        <v>0</v>
      </c>
      <c r="AR40" s="11">
        <f t="shared" si="21"/>
        <v>266.89912414895775</v>
      </c>
    </row>
    <row r="41" spans="2:53" x14ac:dyDescent="0.3">
      <c r="B41" s="1">
        <f t="shared" si="33"/>
        <v>14</v>
      </c>
      <c r="C41" s="1">
        <f t="shared" si="28"/>
        <v>0.96165155278711123</v>
      </c>
      <c r="D41" s="1">
        <f t="shared" si="29"/>
        <v>0.64690576309227266</v>
      </c>
      <c r="E41" s="1">
        <f t="shared" si="30"/>
        <v>0.42815226935165507</v>
      </c>
      <c r="F41" s="1">
        <f t="shared" si="31"/>
        <v>0.22036862808443519</v>
      </c>
      <c r="P41" s="10">
        <f t="shared" si="23"/>
        <v>45331</v>
      </c>
      <c r="Q41" s="29">
        <v>1.6</v>
      </c>
      <c r="R41" s="29">
        <f t="shared" si="9"/>
        <v>5</v>
      </c>
      <c r="S41" s="12">
        <f t="shared" si="0"/>
        <v>1.085192073005006</v>
      </c>
      <c r="T41" s="12">
        <f t="shared" si="1"/>
        <v>1.4695351264848711</v>
      </c>
      <c r="U41" s="12">
        <f t="shared" si="2"/>
        <v>1.771938814155029</v>
      </c>
      <c r="V41" s="12">
        <f t="shared" si="3"/>
        <v>2.5404025087253199</v>
      </c>
      <c r="W41" s="12">
        <f t="shared" si="10"/>
        <v>0</v>
      </c>
      <c r="X41" s="12">
        <f t="shared" si="4"/>
        <v>-1.544218835154681E-2</v>
      </c>
      <c r="Y41" s="12">
        <f t="shared" si="5"/>
        <v>-5.875924024232846E-2</v>
      </c>
      <c r="Z41" s="12">
        <f t="shared" si="6"/>
        <v>-9.5984753200240996E-2</v>
      </c>
      <c r="AA41" s="12">
        <f t="shared" si="7"/>
        <v>-0.17801624965770491</v>
      </c>
      <c r="AB41" s="12">
        <f t="shared" si="11"/>
        <v>0</v>
      </c>
      <c r="AC41" s="12">
        <f t="shared" si="24"/>
        <v>1.0604845716425311</v>
      </c>
      <c r="AD41" s="12">
        <f t="shared" si="12"/>
        <v>0</v>
      </c>
      <c r="AE41" s="12">
        <f t="shared" si="13"/>
        <v>0</v>
      </c>
      <c r="AF41" s="12">
        <f t="shared" si="14"/>
        <v>0</v>
      </c>
      <c r="AG41" s="12">
        <f t="shared" si="15"/>
        <v>0</v>
      </c>
      <c r="AH41" s="12">
        <f>AC41/SUM(AC$2:AG$366)*Input!$D$12</f>
        <v>278.11840934977721</v>
      </c>
      <c r="AI41" s="12">
        <f>AD41/SUM(AC$2:AG$366)*Input!$D$12</f>
        <v>0</v>
      </c>
      <c r="AJ41" s="12">
        <f>AE41/SUM(AC$2:AG$366)*Input!$D$12</f>
        <v>0</v>
      </c>
      <c r="AK41" s="12">
        <f>AF41/SUM(AC$2:AG$366)*Input!$D$12</f>
        <v>0</v>
      </c>
      <c r="AL41" s="12">
        <f>AG41/SUM(AC$2:AG$366)*Input!$D$12</f>
        <v>0</v>
      </c>
      <c r="AM41" s="12">
        <f t="shared" si="16"/>
        <v>8.3435522804933164</v>
      </c>
      <c r="AN41" s="12">
        <f t="shared" si="17"/>
        <v>27.811840934977724</v>
      </c>
      <c r="AO41" s="12">
        <f t="shared" si="18"/>
        <v>41.717761402466579</v>
      </c>
      <c r="AP41" s="12">
        <f t="shared" si="19"/>
        <v>200.24525473183959</v>
      </c>
      <c r="AQ41" s="12">
        <f t="shared" si="20"/>
        <v>0</v>
      </c>
      <c r="AR41" s="11">
        <f t="shared" si="21"/>
        <v>278.11840934977721</v>
      </c>
    </row>
    <row r="42" spans="2:53" x14ac:dyDescent="0.3">
      <c r="B42" s="1">
        <f>B41+1</f>
        <v>15</v>
      </c>
      <c r="C42" s="1">
        <f t="shared" si="28"/>
        <v>0.95455622179626354</v>
      </c>
      <c r="D42" s="1">
        <f t="shared" si="29"/>
        <v>0.58814652284994418</v>
      </c>
      <c r="E42" s="1">
        <f t="shared" si="30"/>
        <v>0.33216751615141393</v>
      </c>
      <c r="F42" s="1">
        <f t="shared" si="31"/>
        <v>0.19889202803307982</v>
      </c>
      <c r="P42" s="10">
        <f t="shared" si="23"/>
        <v>45332</v>
      </c>
      <c r="Q42" s="29">
        <v>-0.6</v>
      </c>
      <c r="R42" s="29">
        <f t="shared" si="9"/>
        <v>6</v>
      </c>
      <c r="S42" s="12">
        <f t="shared" si="0"/>
        <v>0.88136675487947747</v>
      </c>
      <c r="T42" s="12">
        <f t="shared" si="1"/>
        <v>0.40529111994771311</v>
      </c>
      <c r="U42" s="12">
        <f t="shared" si="2"/>
        <v>1.4791569663107089</v>
      </c>
      <c r="V42" s="12">
        <f t="shared" si="3"/>
        <v>1.31124751273035</v>
      </c>
      <c r="W42" s="12">
        <f t="shared" si="10"/>
        <v>1.9424956480203619</v>
      </c>
      <c r="X42" s="12">
        <f t="shared" si="4"/>
        <v>-1.236743869637378E-2</v>
      </c>
      <c r="Y42" s="12">
        <f t="shared" si="5"/>
        <v>-1.3226323007097701E-2</v>
      </c>
      <c r="Z42" s="12">
        <f t="shared" si="6"/>
        <v>-6.6119920832722404E-2</v>
      </c>
      <c r="AA42" s="12">
        <f t="shared" si="7"/>
        <v>-7.5310765362349638E-2</v>
      </c>
      <c r="AB42" s="12">
        <f t="shared" si="11"/>
        <v>-0.1200596025795522</v>
      </c>
      <c r="AC42" s="12">
        <f t="shared" si="24"/>
        <v>1.0077958266005307</v>
      </c>
      <c r="AD42" s="12">
        <f t="shared" si="12"/>
        <v>0.23392775587499118</v>
      </c>
      <c r="AE42" s="12">
        <f t="shared" si="13"/>
        <v>0</v>
      </c>
      <c r="AF42" s="12">
        <f t="shared" si="14"/>
        <v>0</v>
      </c>
      <c r="AG42" s="12">
        <f t="shared" si="15"/>
        <v>0</v>
      </c>
      <c r="AH42" s="12">
        <f>AC42/SUM(AC$2:AG$366)*Input!$D$12</f>
        <v>264.30047144331559</v>
      </c>
      <c r="AI42" s="12">
        <f>AD42/SUM(AC$2:AG$366)*Input!$D$12</f>
        <v>61.348950382133332</v>
      </c>
      <c r="AJ42" s="12">
        <f>AE42/SUM(AC$2:AG$366)*Input!$D$12</f>
        <v>0</v>
      </c>
      <c r="AK42" s="12">
        <f>AF42/SUM(AC$2:AG$366)*Input!$D$12</f>
        <v>0</v>
      </c>
      <c r="AL42" s="12">
        <f>AG42/SUM(AC$2:AG$366)*Input!$D$12</f>
        <v>0</v>
      </c>
      <c r="AM42" s="12">
        <f t="shared" si="16"/>
        <v>5.5269324668588604</v>
      </c>
      <c r="AN42" s="12">
        <f t="shared" si="17"/>
        <v>18.423108222862869</v>
      </c>
      <c r="AO42" s="12">
        <f t="shared" si="18"/>
        <v>27.634662334294305</v>
      </c>
      <c r="AP42" s="12">
        <f t="shared" si="19"/>
        <v>274.06471880143289</v>
      </c>
      <c r="AQ42" s="12">
        <f t="shared" si="20"/>
        <v>0</v>
      </c>
      <c r="AR42" s="11">
        <f t="shared" si="21"/>
        <v>325.64942182544894</v>
      </c>
    </row>
    <row r="43" spans="2:53" x14ac:dyDescent="0.3">
      <c r="B43" s="1">
        <f t="shared" si="33"/>
        <v>16</v>
      </c>
      <c r="C43" s="1">
        <f t="shared" si="28"/>
        <v>0.94746089080541585</v>
      </c>
      <c r="D43" s="1">
        <f t="shared" si="29"/>
        <v>0.52938728260761569</v>
      </c>
      <c r="E43" s="1">
        <f t="shared" si="30"/>
        <v>0.23618276295117302</v>
      </c>
      <c r="F43" s="1">
        <f t="shared" si="31"/>
        <v>0.17741542798172438</v>
      </c>
      <c r="P43" s="10">
        <f t="shared" si="23"/>
        <v>45333</v>
      </c>
      <c r="Q43" s="29">
        <v>0</v>
      </c>
      <c r="R43" s="29">
        <f t="shared" si="9"/>
        <v>7</v>
      </c>
      <c r="S43" s="12">
        <f t="shared" si="0"/>
        <v>0.88136675487947747</v>
      </c>
      <c r="T43" s="12">
        <f t="shared" si="1"/>
        <v>0.40529111994771311</v>
      </c>
      <c r="U43" s="12">
        <f t="shared" si="2"/>
        <v>1.4791569663107089</v>
      </c>
      <c r="V43" s="12">
        <f t="shared" si="3"/>
        <v>1.31124751273035</v>
      </c>
      <c r="W43" s="12">
        <f t="shared" si="10"/>
        <v>1.9424956480203619</v>
      </c>
      <c r="X43" s="12">
        <f t="shared" si="4"/>
        <v>-1.236743869637378E-2</v>
      </c>
      <c r="Y43" s="12">
        <f t="shared" si="5"/>
        <v>-1.3226323007097701E-2</v>
      </c>
      <c r="Z43" s="12">
        <f t="shared" si="6"/>
        <v>-6.6119920832722404E-2</v>
      </c>
      <c r="AA43" s="12">
        <f t="shared" si="7"/>
        <v>-7.5310765362349638E-2</v>
      </c>
      <c r="AB43" s="12">
        <f t="shared" si="11"/>
        <v>-0.1200596025795522</v>
      </c>
      <c r="AC43" s="12">
        <f t="shared" si="24"/>
        <v>0.99938176335783957</v>
      </c>
      <c r="AD43" s="12">
        <f t="shared" si="12"/>
        <v>0.22943530300240036</v>
      </c>
      <c r="AE43" s="12">
        <f t="shared" si="13"/>
        <v>0</v>
      </c>
      <c r="AF43" s="12">
        <f t="shared" si="14"/>
        <v>0</v>
      </c>
      <c r="AG43" s="12">
        <f t="shared" si="15"/>
        <v>0</v>
      </c>
      <c r="AH43" s="12">
        <f>AC43/SUM(AC$2:AG$366)*Input!$D$12</f>
        <v>262.09383313117002</v>
      </c>
      <c r="AI43" s="12">
        <f>AD43/SUM(AC$2:AG$366)*Input!$D$12</f>
        <v>60.170777799133262</v>
      </c>
      <c r="AJ43" s="12">
        <f>AE43/SUM(AC$2:AG$366)*Input!$D$12</f>
        <v>0</v>
      </c>
      <c r="AK43" s="12">
        <f>AF43/SUM(AC$2:AG$366)*Input!$D$12</f>
        <v>0</v>
      </c>
      <c r="AL43" s="12">
        <f>AG43/SUM(AC$2:AG$366)*Input!$D$12</f>
        <v>0</v>
      </c>
      <c r="AM43" s="12">
        <f t="shared" si="16"/>
        <v>5.4207907927147101</v>
      </c>
      <c r="AN43" s="12">
        <f t="shared" si="17"/>
        <v>18.069302642382368</v>
      </c>
      <c r="AO43" s="12">
        <f t="shared" si="18"/>
        <v>27.103953963573552</v>
      </c>
      <c r="AP43" s="12">
        <f t="shared" si="19"/>
        <v>271.67056353163264</v>
      </c>
      <c r="AQ43" s="12">
        <f t="shared" si="20"/>
        <v>0</v>
      </c>
      <c r="AR43" s="11">
        <f t="shared" si="21"/>
        <v>322.26461093030326</v>
      </c>
    </row>
    <row r="44" spans="2:53" x14ac:dyDescent="0.3">
      <c r="B44" s="1">
        <f t="shared" si="33"/>
        <v>17</v>
      </c>
      <c r="C44" s="1">
        <f t="shared" si="28"/>
        <v>0.94036555981456815</v>
      </c>
      <c r="D44" s="1">
        <f t="shared" si="29"/>
        <v>0.47062804236528721</v>
      </c>
      <c r="E44" s="1">
        <f t="shared" si="30"/>
        <v>0.19013498903323212</v>
      </c>
      <c r="F44" s="1">
        <f t="shared" si="31"/>
        <v>0.15593882793036895</v>
      </c>
      <c r="P44" s="10">
        <f t="shared" si="23"/>
        <v>45334</v>
      </c>
      <c r="Q44" s="29">
        <v>6.6</v>
      </c>
      <c r="R44" s="29">
        <f t="shared" si="9"/>
        <v>1</v>
      </c>
      <c r="S44" s="12">
        <f t="shared" si="0"/>
        <v>1.0609861866589789</v>
      </c>
      <c r="T44" s="12">
        <f t="shared" si="1"/>
        <v>1.4695351264848711</v>
      </c>
      <c r="U44" s="12">
        <f t="shared" si="2"/>
        <v>1.771938814155029</v>
      </c>
      <c r="V44" s="12">
        <f t="shared" si="3"/>
        <v>2.5404025087253199</v>
      </c>
      <c r="W44" s="12">
        <f t="shared" si="10"/>
        <v>0</v>
      </c>
      <c r="X44" s="12">
        <f t="shared" si="4"/>
        <v>-7.0953309908476907E-3</v>
      </c>
      <c r="Y44" s="12">
        <f t="shared" si="5"/>
        <v>-5.875924024232846E-2</v>
      </c>
      <c r="Z44" s="12">
        <f t="shared" si="6"/>
        <v>-9.5984753200240996E-2</v>
      </c>
      <c r="AA44" s="12">
        <f t="shared" si="7"/>
        <v>-0.17801624965770491</v>
      </c>
      <c r="AB44" s="12">
        <f t="shared" si="11"/>
        <v>0</v>
      </c>
      <c r="AC44" s="12">
        <f t="shared" si="24"/>
        <v>1.0141570021193842</v>
      </c>
      <c r="AD44" s="12">
        <f t="shared" si="12"/>
        <v>0</v>
      </c>
      <c r="AE44" s="12">
        <f t="shared" si="13"/>
        <v>0</v>
      </c>
      <c r="AF44" s="12">
        <f t="shared" si="14"/>
        <v>0</v>
      </c>
      <c r="AG44" s="12">
        <f t="shared" si="15"/>
        <v>0</v>
      </c>
      <c r="AH44" s="12">
        <f>AC44/SUM(AC$2:AG$366)*Input!$D$12</f>
        <v>265.96872769541562</v>
      </c>
      <c r="AI44" s="12">
        <f>AD44/SUM(AC$2:AG$366)*Input!$D$12</f>
        <v>0</v>
      </c>
      <c r="AJ44" s="12">
        <f>AE44/SUM(AC$2:AG$366)*Input!$D$12</f>
        <v>0</v>
      </c>
      <c r="AK44" s="12">
        <f>AF44/SUM(AC$2:AG$366)*Input!$D$12</f>
        <v>0</v>
      </c>
      <c r="AL44" s="12">
        <f>AG44/SUM(AC$2:AG$366)*Input!$D$12</f>
        <v>0</v>
      </c>
      <c r="AM44" s="12">
        <f t="shared" si="16"/>
        <v>7.9790618308624683</v>
      </c>
      <c r="AN44" s="12">
        <f t="shared" si="17"/>
        <v>26.596872769541562</v>
      </c>
      <c r="AO44" s="12">
        <f t="shared" si="18"/>
        <v>39.895309154312343</v>
      </c>
      <c r="AP44" s="12">
        <f t="shared" si="19"/>
        <v>191.49748394069925</v>
      </c>
      <c r="AQ44" s="12">
        <f t="shared" si="20"/>
        <v>0</v>
      </c>
      <c r="AR44" s="11">
        <f t="shared" si="21"/>
        <v>265.96872769541562</v>
      </c>
    </row>
    <row r="45" spans="2:53" x14ac:dyDescent="0.3">
      <c r="B45" s="1">
        <f t="shared" si="33"/>
        <v>18</v>
      </c>
      <c r="C45" s="1">
        <f t="shared" si="28"/>
        <v>0.93327022882372046</v>
      </c>
      <c r="D45" s="1">
        <f t="shared" si="29"/>
        <v>0.43916629389891515</v>
      </c>
      <c r="E45" s="1">
        <f t="shared" si="30"/>
        <v>0.17737853463682457</v>
      </c>
      <c r="F45" s="1">
        <f t="shared" si="31"/>
        <v>0.13446222787901357</v>
      </c>
      <c r="P45" s="10">
        <f t="shared" si="23"/>
        <v>45335</v>
      </c>
      <c r="Q45" s="29">
        <v>8.1</v>
      </c>
      <c r="R45" s="29">
        <f t="shared" si="9"/>
        <v>2</v>
      </c>
      <c r="S45" s="12">
        <f t="shared" si="0"/>
        <v>1.0609861866589789</v>
      </c>
      <c r="T45" s="12">
        <f t="shared" si="1"/>
        <v>1.4695351264848711</v>
      </c>
      <c r="U45" s="12">
        <f t="shared" si="2"/>
        <v>1.771938814155029</v>
      </c>
      <c r="V45" s="12">
        <f t="shared" si="3"/>
        <v>2.5404025087253199</v>
      </c>
      <c r="W45" s="12">
        <f t="shared" si="10"/>
        <v>0</v>
      </c>
      <c r="X45" s="12">
        <f t="shared" si="4"/>
        <v>-7.0953309908476907E-3</v>
      </c>
      <c r="Y45" s="12">
        <f t="shared" si="5"/>
        <v>-5.875924024232846E-2</v>
      </c>
      <c r="Z45" s="12">
        <f t="shared" si="6"/>
        <v>-9.5984753200240996E-2</v>
      </c>
      <c r="AA45" s="12">
        <f t="shared" si="7"/>
        <v>-0.17801624965770491</v>
      </c>
      <c r="AB45" s="12">
        <f t="shared" si="11"/>
        <v>0</v>
      </c>
      <c r="AC45" s="12">
        <f t="shared" si="24"/>
        <v>1.0035140056331127</v>
      </c>
      <c r="AD45" s="12">
        <f t="shared" si="12"/>
        <v>0</v>
      </c>
      <c r="AE45" s="12">
        <f t="shared" si="13"/>
        <v>0</v>
      </c>
      <c r="AF45" s="12">
        <f t="shared" si="14"/>
        <v>0</v>
      </c>
      <c r="AG45" s="12">
        <f t="shared" si="15"/>
        <v>0</v>
      </c>
      <c r="AH45" s="12">
        <f>AC45/SUM(AC$2:AG$366)*Input!$D$12</f>
        <v>263.17753833478918</v>
      </c>
      <c r="AI45" s="12">
        <f>AD45/SUM(AC$2:AG$366)*Input!$D$12</f>
        <v>0</v>
      </c>
      <c r="AJ45" s="12">
        <f>AE45/SUM(AC$2:AG$366)*Input!$D$12</f>
        <v>0</v>
      </c>
      <c r="AK45" s="12">
        <f>AF45/SUM(AC$2:AG$366)*Input!$D$12</f>
        <v>0</v>
      </c>
      <c r="AL45" s="12">
        <f>AG45/SUM(AC$2:AG$366)*Input!$D$12</f>
        <v>0</v>
      </c>
      <c r="AM45" s="12">
        <f t="shared" si="16"/>
        <v>7.8953261500436751</v>
      </c>
      <c r="AN45" s="12">
        <f t="shared" si="17"/>
        <v>26.317753833478918</v>
      </c>
      <c r="AO45" s="12">
        <f t="shared" si="18"/>
        <v>39.476630750218376</v>
      </c>
      <c r="AP45" s="12">
        <f t="shared" si="19"/>
        <v>189.4878276010482</v>
      </c>
      <c r="AQ45" s="12">
        <f t="shared" si="20"/>
        <v>0</v>
      </c>
      <c r="AR45" s="11">
        <f t="shared" si="21"/>
        <v>263.17753833478918</v>
      </c>
    </row>
    <row r="46" spans="2:53" x14ac:dyDescent="0.3">
      <c r="B46" s="1">
        <f t="shared" si="33"/>
        <v>19</v>
      </c>
      <c r="C46" s="1">
        <f t="shared" si="28"/>
        <v>0.92617489783287277</v>
      </c>
      <c r="D46" s="1">
        <f t="shared" si="29"/>
        <v>0.4259028732831811</v>
      </c>
      <c r="E46" s="1">
        <f t="shared" si="30"/>
        <v>0.16462208024041705</v>
      </c>
      <c r="F46" s="1">
        <f t="shared" si="31"/>
        <v>0.11298562782765814</v>
      </c>
      <c r="P46" s="10">
        <f t="shared" si="23"/>
        <v>45336</v>
      </c>
      <c r="Q46" s="29">
        <v>3</v>
      </c>
      <c r="R46" s="29">
        <f t="shared" si="9"/>
        <v>3</v>
      </c>
      <c r="S46" s="12">
        <f t="shared" si="0"/>
        <v>1.0609861866589789</v>
      </c>
      <c r="T46" s="12">
        <f t="shared" si="1"/>
        <v>1.4695351264848711</v>
      </c>
      <c r="U46" s="12">
        <f t="shared" si="2"/>
        <v>1.771938814155029</v>
      </c>
      <c r="V46" s="12">
        <f t="shared" si="3"/>
        <v>2.5404025087253199</v>
      </c>
      <c r="W46" s="12">
        <f t="shared" si="10"/>
        <v>0</v>
      </c>
      <c r="X46" s="12">
        <f t="shared" si="4"/>
        <v>-7.0953309908476907E-3</v>
      </c>
      <c r="Y46" s="12">
        <f t="shared" si="5"/>
        <v>-5.875924024232846E-2</v>
      </c>
      <c r="Z46" s="12">
        <f t="shared" si="6"/>
        <v>-9.5984753200240996E-2</v>
      </c>
      <c r="AA46" s="12">
        <f t="shared" si="7"/>
        <v>-0.17801624965770491</v>
      </c>
      <c r="AB46" s="12">
        <f t="shared" si="11"/>
        <v>0</v>
      </c>
      <c r="AC46" s="12">
        <f t="shared" si="24"/>
        <v>1.0397001936864358</v>
      </c>
      <c r="AD46" s="12">
        <f t="shared" si="12"/>
        <v>0</v>
      </c>
      <c r="AE46" s="12">
        <f t="shared" si="13"/>
        <v>0</v>
      </c>
      <c r="AF46" s="12">
        <f t="shared" si="14"/>
        <v>0</v>
      </c>
      <c r="AG46" s="12">
        <f t="shared" si="15"/>
        <v>0</v>
      </c>
      <c r="AH46" s="12">
        <f>AC46/SUM(AC$2:AG$366)*Input!$D$12</f>
        <v>272.66758216091904</v>
      </c>
      <c r="AI46" s="12">
        <f>AD46/SUM(AC$2:AG$366)*Input!$D$12</f>
        <v>0</v>
      </c>
      <c r="AJ46" s="12">
        <f>AE46/SUM(AC$2:AG$366)*Input!$D$12</f>
        <v>0</v>
      </c>
      <c r="AK46" s="12">
        <f>AF46/SUM(AC$2:AG$366)*Input!$D$12</f>
        <v>0</v>
      </c>
      <c r="AL46" s="12">
        <f>AG46/SUM(AC$2:AG$366)*Input!$D$12</f>
        <v>0</v>
      </c>
      <c r="AM46" s="12">
        <f t="shared" si="16"/>
        <v>8.180027464827571</v>
      </c>
      <c r="AN46" s="12">
        <f t="shared" si="17"/>
        <v>27.266758216091905</v>
      </c>
      <c r="AO46" s="12">
        <f t="shared" si="18"/>
        <v>40.900137324137852</v>
      </c>
      <c r="AP46" s="12">
        <f t="shared" si="19"/>
        <v>196.3206591558617</v>
      </c>
      <c r="AQ46" s="12">
        <f t="shared" si="20"/>
        <v>0</v>
      </c>
      <c r="AR46" s="11">
        <f t="shared" si="21"/>
        <v>272.66758216091904</v>
      </c>
    </row>
    <row r="47" spans="2:53" x14ac:dyDescent="0.3">
      <c r="B47" s="1">
        <f t="shared" si="33"/>
        <v>20</v>
      </c>
      <c r="C47" s="1">
        <f t="shared" si="28"/>
        <v>0.91907956684202508</v>
      </c>
      <c r="D47" s="1">
        <f t="shared" si="29"/>
        <v>0.41263945266744712</v>
      </c>
      <c r="E47" s="1">
        <f t="shared" si="30"/>
        <v>0.15186562584400948</v>
      </c>
      <c r="F47" s="1">
        <f t="shared" si="31"/>
        <v>9.1509027776302765E-2</v>
      </c>
      <c r="P47" s="10">
        <f t="shared" si="23"/>
        <v>45337</v>
      </c>
      <c r="Q47" s="29">
        <v>0.7</v>
      </c>
      <c r="R47" s="29">
        <f t="shared" si="9"/>
        <v>4</v>
      </c>
      <c r="S47" s="12">
        <f t="shared" si="0"/>
        <v>1.085192073005006</v>
      </c>
      <c r="T47" s="12">
        <f t="shared" si="1"/>
        <v>1.4695351264848711</v>
      </c>
      <c r="U47" s="12">
        <f t="shared" si="2"/>
        <v>1.771938814155029</v>
      </c>
      <c r="V47" s="12">
        <f t="shared" si="3"/>
        <v>2.5404025087253199</v>
      </c>
      <c r="W47" s="12">
        <f t="shared" si="10"/>
        <v>0</v>
      </c>
      <c r="X47" s="12">
        <f t="shared" si="4"/>
        <v>-1.544218835154681E-2</v>
      </c>
      <c r="Y47" s="12">
        <f t="shared" si="5"/>
        <v>-5.875924024232846E-2</v>
      </c>
      <c r="Z47" s="12">
        <f t="shared" si="6"/>
        <v>-9.5984753200240996E-2</v>
      </c>
      <c r="AA47" s="12">
        <f t="shared" si="7"/>
        <v>-0.17801624965770491</v>
      </c>
      <c r="AB47" s="12">
        <f t="shared" si="11"/>
        <v>0</v>
      </c>
      <c r="AC47" s="12">
        <f t="shared" si="24"/>
        <v>1.0743825411589232</v>
      </c>
      <c r="AD47" s="12">
        <f t="shared" si="12"/>
        <v>0</v>
      </c>
      <c r="AE47" s="12">
        <f t="shared" si="13"/>
        <v>0</v>
      </c>
      <c r="AF47" s="12">
        <f t="shared" si="14"/>
        <v>0</v>
      </c>
      <c r="AG47" s="12">
        <f t="shared" si="15"/>
        <v>0</v>
      </c>
      <c r="AH47" s="12">
        <f>AC47/SUM(AC$2:AG$366)*Input!$D$12</f>
        <v>281.76323481772715</v>
      </c>
      <c r="AI47" s="12">
        <f>AD47/SUM(AC$2:AG$366)*Input!$D$12</f>
        <v>0</v>
      </c>
      <c r="AJ47" s="12">
        <f>AE47/SUM(AC$2:AG$366)*Input!$D$12</f>
        <v>0</v>
      </c>
      <c r="AK47" s="12">
        <f>AF47/SUM(AC$2:AG$366)*Input!$D$12</f>
        <v>0</v>
      </c>
      <c r="AL47" s="12">
        <f>AG47/SUM(AC$2:AG$366)*Input!$D$12</f>
        <v>0</v>
      </c>
      <c r="AM47" s="12">
        <f t="shared" si="16"/>
        <v>8.4528970445318148</v>
      </c>
      <c r="AN47" s="12">
        <f t="shared" si="17"/>
        <v>28.176323481772716</v>
      </c>
      <c r="AO47" s="12">
        <f t="shared" si="18"/>
        <v>42.264485222659069</v>
      </c>
      <c r="AP47" s="12">
        <f t="shared" si="19"/>
        <v>202.86952906876354</v>
      </c>
      <c r="AQ47" s="12">
        <f t="shared" si="20"/>
        <v>0</v>
      </c>
      <c r="AR47" s="11">
        <f t="shared" si="21"/>
        <v>281.76323481772715</v>
      </c>
    </row>
    <row r="48" spans="2:53" x14ac:dyDescent="0.3">
      <c r="B48" s="1">
        <f t="shared" si="33"/>
        <v>21</v>
      </c>
      <c r="C48" s="1">
        <f t="shared" si="28"/>
        <v>0.91198423585117738</v>
      </c>
      <c r="D48" s="1">
        <f t="shared" si="29"/>
        <v>0.39937603205171307</v>
      </c>
      <c r="E48" s="1">
        <f t="shared" si="30"/>
        <v>0.13910917144760199</v>
      </c>
      <c r="F48" s="1">
        <f t="shared" si="31"/>
        <v>7.0032427724947333E-2</v>
      </c>
      <c r="P48" s="10">
        <f t="shared" si="23"/>
        <v>45338</v>
      </c>
      <c r="Q48" s="29">
        <v>4.5</v>
      </c>
      <c r="R48" s="29">
        <f t="shared" si="9"/>
        <v>5</v>
      </c>
      <c r="S48" s="12">
        <f t="shared" si="0"/>
        <v>1.0609861866589789</v>
      </c>
      <c r="T48" s="12">
        <f t="shared" si="1"/>
        <v>1.4695351264848711</v>
      </c>
      <c r="U48" s="12">
        <f t="shared" si="2"/>
        <v>1.771938814155029</v>
      </c>
      <c r="V48" s="12">
        <f t="shared" si="3"/>
        <v>2.5404025087253199</v>
      </c>
      <c r="W48" s="12">
        <f t="shared" si="10"/>
        <v>0</v>
      </c>
      <c r="X48" s="12">
        <f t="shared" si="4"/>
        <v>-7.0953309908476907E-3</v>
      </c>
      <c r="Y48" s="12">
        <f t="shared" si="5"/>
        <v>-5.875924024232846E-2</v>
      </c>
      <c r="Z48" s="12">
        <f t="shared" si="6"/>
        <v>-9.5984753200240996E-2</v>
      </c>
      <c r="AA48" s="12">
        <f t="shared" si="7"/>
        <v>-0.17801624965770491</v>
      </c>
      <c r="AB48" s="12">
        <f t="shared" si="11"/>
        <v>0</v>
      </c>
      <c r="AC48" s="12">
        <f t="shared" si="24"/>
        <v>1.0290571972001643</v>
      </c>
      <c r="AD48" s="12">
        <f t="shared" si="12"/>
        <v>0</v>
      </c>
      <c r="AE48" s="12">
        <f t="shared" si="13"/>
        <v>0</v>
      </c>
      <c r="AF48" s="12">
        <f t="shared" si="14"/>
        <v>0</v>
      </c>
      <c r="AG48" s="12">
        <f t="shared" si="15"/>
        <v>0</v>
      </c>
      <c r="AH48" s="12">
        <f>AC48/SUM(AC$2:AG$366)*Input!$D$12</f>
        <v>269.87639280029259</v>
      </c>
      <c r="AI48" s="12">
        <f>AD48/SUM(AC$2:AG$366)*Input!$D$12</f>
        <v>0</v>
      </c>
      <c r="AJ48" s="12">
        <f>AE48/SUM(AC$2:AG$366)*Input!$D$12</f>
        <v>0</v>
      </c>
      <c r="AK48" s="12">
        <f>AF48/SUM(AC$2:AG$366)*Input!$D$12</f>
        <v>0</v>
      </c>
      <c r="AL48" s="12">
        <f>AG48/SUM(AC$2:AG$366)*Input!$D$12</f>
        <v>0</v>
      </c>
      <c r="AM48" s="12">
        <f t="shared" si="16"/>
        <v>8.0962917840087769</v>
      </c>
      <c r="AN48" s="12">
        <f t="shared" si="17"/>
        <v>26.98763928002926</v>
      </c>
      <c r="AO48" s="12">
        <f t="shared" si="18"/>
        <v>40.481458920043885</v>
      </c>
      <c r="AP48" s="12">
        <f t="shared" si="19"/>
        <v>194.31100281621065</v>
      </c>
      <c r="AQ48" s="12">
        <f t="shared" si="20"/>
        <v>0</v>
      </c>
      <c r="AR48" s="11">
        <f t="shared" si="21"/>
        <v>269.87639280029259</v>
      </c>
    </row>
    <row r="49" spans="2:44" x14ac:dyDescent="0.3">
      <c r="B49" s="1">
        <f t="shared" si="33"/>
        <v>22</v>
      </c>
      <c r="C49" s="1">
        <f t="shared" si="28"/>
        <v>0.90488890486032969</v>
      </c>
      <c r="D49" s="1">
        <f t="shared" si="29"/>
        <v>0.38611261143597908</v>
      </c>
      <c r="E49" s="1">
        <f t="shared" si="30"/>
        <v>0.12635271705119444</v>
      </c>
      <c r="F49" s="1">
        <f t="shared" si="31"/>
        <v>4.85558276735919E-2</v>
      </c>
      <c r="P49" s="10">
        <f t="shared" si="23"/>
        <v>45339</v>
      </c>
      <c r="Q49" s="29">
        <v>2.9</v>
      </c>
      <c r="R49" s="29">
        <f t="shared" si="9"/>
        <v>6</v>
      </c>
      <c r="S49" s="12">
        <f t="shared" si="0"/>
        <v>0.88136675487947747</v>
      </c>
      <c r="T49" s="12">
        <f t="shared" si="1"/>
        <v>0.40529111994771311</v>
      </c>
      <c r="U49" s="12">
        <f t="shared" si="2"/>
        <v>1.4791569663107089</v>
      </c>
      <c r="V49" s="12">
        <f t="shared" si="3"/>
        <v>1.31124751273035</v>
      </c>
      <c r="W49" s="12">
        <f t="shared" si="10"/>
        <v>1.9424956480203619</v>
      </c>
      <c r="X49" s="12">
        <f t="shared" si="4"/>
        <v>-1.236743869637378E-2</v>
      </c>
      <c r="Y49" s="12">
        <f t="shared" si="5"/>
        <v>-1.3226323007097701E-2</v>
      </c>
      <c r="Z49" s="12">
        <f t="shared" si="6"/>
        <v>-6.6119920832722404E-2</v>
      </c>
      <c r="AA49" s="12">
        <f t="shared" si="7"/>
        <v>-7.5310765362349638E-2</v>
      </c>
      <c r="AB49" s="12">
        <f t="shared" si="11"/>
        <v>-0.1200596025795522</v>
      </c>
      <c r="AC49" s="12">
        <f t="shared" si="24"/>
        <v>0.95871379101816678</v>
      </c>
      <c r="AD49" s="12">
        <f t="shared" si="12"/>
        <v>0.20772178078487816</v>
      </c>
      <c r="AE49" s="12">
        <f t="shared" si="13"/>
        <v>0</v>
      </c>
      <c r="AF49" s="12">
        <f t="shared" si="14"/>
        <v>0</v>
      </c>
      <c r="AG49" s="12">
        <f t="shared" si="15"/>
        <v>0</v>
      </c>
      <c r="AH49" s="12">
        <f>AC49/SUM(AC$2:AG$366)*Input!$D$12</f>
        <v>251.42841462246673</v>
      </c>
      <c r="AI49" s="12">
        <f>AD49/SUM(AC$2:AG$366)*Input!$D$12</f>
        <v>54.476276981299648</v>
      </c>
      <c r="AJ49" s="12">
        <f>AE49/SUM(AC$2:AG$366)*Input!$D$12</f>
        <v>0</v>
      </c>
      <c r="AK49" s="12">
        <f>AF49/SUM(AC$2:AG$366)*Input!$D$12</f>
        <v>0</v>
      </c>
      <c r="AL49" s="12">
        <f>AG49/SUM(AC$2:AG$366)*Input!$D$12</f>
        <v>0</v>
      </c>
      <c r="AM49" s="12">
        <f t="shared" si="16"/>
        <v>4.9077727010179872</v>
      </c>
      <c r="AN49" s="12">
        <f t="shared" si="17"/>
        <v>16.359242336726627</v>
      </c>
      <c r="AO49" s="12">
        <f t="shared" si="18"/>
        <v>24.538863505089942</v>
      </c>
      <c r="AP49" s="12">
        <f t="shared" si="19"/>
        <v>260.09881306093183</v>
      </c>
      <c r="AQ49" s="12">
        <f t="shared" si="20"/>
        <v>0</v>
      </c>
      <c r="AR49" s="11">
        <f t="shared" si="21"/>
        <v>305.90469160376637</v>
      </c>
    </row>
    <row r="50" spans="2:44" x14ac:dyDescent="0.3">
      <c r="B50" s="1">
        <f t="shared" si="33"/>
        <v>23</v>
      </c>
      <c r="C50" s="1">
        <f t="shared" si="28"/>
        <v>0.897793573869482</v>
      </c>
      <c r="D50" s="1">
        <f t="shared" si="29"/>
        <v>0.37284919082024504</v>
      </c>
      <c r="E50" s="1">
        <f t="shared" si="30"/>
        <v>0.11359626265478689</v>
      </c>
      <c r="F50" s="1">
        <f t="shared" si="31"/>
        <v>2.7079227622236524E-2</v>
      </c>
      <c r="P50" s="10">
        <f t="shared" si="23"/>
        <v>45340</v>
      </c>
      <c r="Q50" s="29">
        <v>1.4</v>
      </c>
      <c r="R50" s="29">
        <f t="shared" si="9"/>
        <v>7</v>
      </c>
      <c r="S50" s="12">
        <f t="shared" si="0"/>
        <v>0.88136675487947747</v>
      </c>
      <c r="T50" s="12">
        <f t="shared" si="1"/>
        <v>0.40529111994771311</v>
      </c>
      <c r="U50" s="12">
        <f t="shared" si="2"/>
        <v>1.4791569663107089</v>
      </c>
      <c r="V50" s="12">
        <f t="shared" si="3"/>
        <v>1.31124751273035</v>
      </c>
      <c r="W50" s="12">
        <f t="shared" si="10"/>
        <v>1.9424956480203619</v>
      </c>
      <c r="X50" s="12">
        <f t="shared" si="4"/>
        <v>-1.236743869637378E-2</v>
      </c>
      <c r="Y50" s="12">
        <f t="shared" si="5"/>
        <v>-1.3226323007097701E-2</v>
      </c>
      <c r="Z50" s="12">
        <f t="shared" si="6"/>
        <v>-6.6119920832722404E-2</v>
      </c>
      <c r="AA50" s="12">
        <f t="shared" si="7"/>
        <v>-7.5310765362349638E-2</v>
      </c>
      <c r="AB50" s="12">
        <f t="shared" si="11"/>
        <v>-0.1200596025795522</v>
      </c>
      <c r="AC50" s="12">
        <f t="shared" si="24"/>
        <v>0.97974894912489408</v>
      </c>
      <c r="AD50" s="12">
        <f t="shared" si="12"/>
        <v>0.21895291296635516</v>
      </c>
      <c r="AE50" s="12">
        <f t="shared" si="13"/>
        <v>0</v>
      </c>
      <c r="AF50" s="12">
        <f t="shared" si="14"/>
        <v>0</v>
      </c>
      <c r="AG50" s="12">
        <f t="shared" si="15"/>
        <v>0</v>
      </c>
      <c r="AH50" s="12">
        <f>AC50/SUM(AC$2:AG$366)*Input!$D$12</f>
        <v>256.94501040283052</v>
      </c>
      <c r="AI50" s="12">
        <f>AD50/SUM(AC$2:AG$366)*Input!$D$12</f>
        <v>57.421708438799804</v>
      </c>
      <c r="AJ50" s="12">
        <f>AE50/SUM(AC$2:AG$366)*Input!$D$12</f>
        <v>0</v>
      </c>
      <c r="AK50" s="12">
        <f>AF50/SUM(AC$2:AG$366)*Input!$D$12</f>
        <v>0</v>
      </c>
      <c r="AL50" s="12">
        <f>AG50/SUM(AC$2:AG$366)*Input!$D$12</f>
        <v>0</v>
      </c>
      <c r="AM50" s="12">
        <f t="shared" si="16"/>
        <v>5.1731268863783617</v>
      </c>
      <c r="AN50" s="12">
        <f t="shared" si="17"/>
        <v>17.243756287927877</v>
      </c>
      <c r="AO50" s="12">
        <f t="shared" si="18"/>
        <v>25.865634431891813</v>
      </c>
      <c r="AP50" s="12">
        <f t="shared" si="19"/>
        <v>266.08420123543226</v>
      </c>
      <c r="AQ50" s="12">
        <f t="shared" si="20"/>
        <v>0</v>
      </c>
      <c r="AR50" s="11">
        <f t="shared" si="21"/>
        <v>314.3667188416303</v>
      </c>
    </row>
    <row r="51" spans="2:44" x14ac:dyDescent="0.3">
      <c r="B51" s="1">
        <f t="shared" si="33"/>
        <v>24</v>
      </c>
      <c r="C51" s="1">
        <f t="shared" si="28"/>
        <v>0.89069824287863431</v>
      </c>
      <c r="D51" s="1">
        <f t="shared" si="29"/>
        <v>0.35958577020451099</v>
      </c>
      <c r="E51" s="1">
        <f t="shared" si="30"/>
        <v>0.10083980825837935</v>
      </c>
      <c r="F51" s="1">
        <f t="shared" si="31"/>
        <v>5.6026275708810358E-3</v>
      </c>
      <c r="P51" s="10">
        <f t="shared" si="23"/>
        <v>45341</v>
      </c>
      <c r="Q51" s="29">
        <v>0</v>
      </c>
      <c r="R51" s="29">
        <f t="shared" si="9"/>
        <v>1</v>
      </c>
      <c r="S51" s="12">
        <f t="shared" si="0"/>
        <v>1.085192073005006</v>
      </c>
      <c r="T51" s="12">
        <f t="shared" si="1"/>
        <v>1.4695351264848711</v>
      </c>
      <c r="U51" s="12">
        <f t="shared" si="2"/>
        <v>1.771938814155029</v>
      </c>
      <c r="V51" s="12">
        <f t="shared" si="3"/>
        <v>2.5404025087253199</v>
      </c>
      <c r="W51" s="12">
        <f t="shared" si="10"/>
        <v>0</v>
      </c>
      <c r="X51" s="12">
        <f t="shared" si="4"/>
        <v>-1.544218835154681E-2</v>
      </c>
      <c r="Y51" s="12">
        <f t="shared" si="5"/>
        <v>-5.875924024232846E-2</v>
      </c>
      <c r="Z51" s="12">
        <f t="shared" si="6"/>
        <v>-9.5984753200240996E-2</v>
      </c>
      <c r="AA51" s="12">
        <f t="shared" si="7"/>
        <v>-0.17801624965770491</v>
      </c>
      <c r="AB51" s="12">
        <f t="shared" si="11"/>
        <v>0</v>
      </c>
      <c r="AC51" s="12">
        <f t="shared" si="24"/>
        <v>1.085192073005006</v>
      </c>
      <c r="AD51" s="12">
        <f t="shared" si="12"/>
        <v>0</v>
      </c>
      <c r="AE51" s="12">
        <f t="shared" si="13"/>
        <v>0</v>
      </c>
      <c r="AF51" s="12">
        <f t="shared" si="14"/>
        <v>0</v>
      </c>
      <c r="AG51" s="12">
        <f t="shared" si="15"/>
        <v>0</v>
      </c>
      <c r="AH51" s="12">
        <f>AC51/SUM(AC$2:AG$366)*Input!$D$12</f>
        <v>284.59809907057712</v>
      </c>
      <c r="AI51" s="12">
        <f>AD51/SUM(AC$2:AG$366)*Input!$D$12</f>
        <v>0</v>
      </c>
      <c r="AJ51" s="12">
        <f>AE51/SUM(AC$2:AG$366)*Input!$D$12</f>
        <v>0</v>
      </c>
      <c r="AK51" s="12">
        <f>AF51/SUM(AC$2:AG$366)*Input!$D$12</f>
        <v>0</v>
      </c>
      <c r="AL51" s="12">
        <f>AG51/SUM(AC$2:AG$366)*Input!$D$12</f>
        <v>0</v>
      </c>
      <c r="AM51" s="12">
        <f t="shared" si="16"/>
        <v>8.5379429721173139</v>
      </c>
      <c r="AN51" s="12">
        <f t="shared" si="17"/>
        <v>28.459809907057714</v>
      </c>
      <c r="AO51" s="12">
        <f t="shared" si="18"/>
        <v>42.68971486058657</v>
      </c>
      <c r="AP51" s="12">
        <f t="shared" si="19"/>
        <v>204.91063133081551</v>
      </c>
      <c r="AQ51" s="12">
        <f t="shared" si="20"/>
        <v>0</v>
      </c>
      <c r="AR51" s="11">
        <f t="shared" si="21"/>
        <v>284.59809907057706</v>
      </c>
    </row>
    <row r="52" spans="2:44" x14ac:dyDescent="0.3">
      <c r="B52" s="1">
        <f>B51+1</f>
        <v>25</v>
      </c>
      <c r="C52" s="1">
        <f t="shared" si="28"/>
        <v>0.88360291188778661</v>
      </c>
      <c r="D52" s="1">
        <f t="shared" si="29"/>
        <v>0.346322349588777</v>
      </c>
      <c r="E52" s="1">
        <f t="shared" si="30"/>
        <v>8.8083353861971803E-2</v>
      </c>
      <c r="F52" s="1">
        <f t="shared" si="31"/>
        <v>0</v>
      </c>
      <c r="P52" s="10">
        <f t="shared" si="23"/>
        <v>45342</v>
      </c>
      <c r="Q52" s="29">
        <v>0.9</v>
      </c>
      <c r="R52" s="29">
        <f t="shared" si="9"/>
        <v>2</v>
      </c>
      <c r="S52" s="12">
        <f t="shared" si="0"/>
        <v>1.085192073005006</v>
      </c>
      <c r="T52" s="12">
        <f t="shared" si="1"/>
        <v>1.4695351264848711</v>
      </c>
      <c r="U52" s="12">
        <f t="shared" si="2"/>
        <v>1.771938814155029</v>
      </c>
      <c r="V52" s="12">
        <f t="shared" si="3"/>
        <v>2.5404025087253199</v>
      </c>
      <c r="W52" s="12">
        <f t="shared" si="10"/>
        <v>0</v>
      </c>
      <c r="X52" s="12">
        <f t="shared" si="4"/>
        <v>-1.544218835154681E-2</v>
      </c>
      <c r="Y52" s="12">
        <f t="shared" si="5"/>
        <v>-5.875924024232846E-2</v>
      </c>
      <c r="Z52" s="12">
        <f t="shared" si="6"/>
        <v>-9.5984753200240996E-2</v>
      </c>
      <c r="AA52" s="12">
        <f t="shared" si="7"/>
        <v>-0.17801624965770491</v>
      </c>
      <c r="AB52" s="12">
        <f t="shared" si="11"/>
        <v>0</v>
      </c>
      <c r="AC52" s="12">
        <f t="shared" si="24"/>
        <v>1.0712941034886139</v>
      </c>
      <c r="AD52" s="12">
        <f t="shared" si="12"/>
        <v>0</v>
      </c>
      <c r="AE52" s="12">
        <f t="shared" si="13"/>
        <v>0</v>
      </c>
      <c r="AF52" s="12">
        <f t="shared" si="14"/>
        <v>0</v>
      </c>
      <c r="AG52" s="12">
        <f t="shared" si="15"/>
        <v>0</v>
      </c>
      <c r="AH52" s="12">
        <f>AC52/SUM(AC$2:AG$366)*Input!$D$12</f>
        <v>280.95327360262718</v>
      </c>
      <c r="AI52" s="12">
        <f>AD52/SUM(AC$2:AG$366)*Input!$D$12</f>
        <v>0</v>
      </c>
      <c r="AJ52" s="12">
        <f>AE52/SUM(AC$2:AG$366)*Input!$D$12</f>
        <v>0</v>
      </c>
      <c r="AK52" s="12">
        <f>AF52/SUM(AC$2:AG$366)*Input!$D$12</f>
        <v>0</v>
      </c>
      <c r="AL52" s="12">
        <f>AG52/SUM(AC$2:AG$366)*Input!$D$12</f>
        <v>0</v>
      </c>
      <c r="AM52" s="12">
        <f t="shared" si="16"/>
        <v>8.4285982080788155</v>
      </c>
      <c r="AN52" s="12">
        <f t="shared" si="17"/>
        <v>28.095327360262718</v>
      </c>
      <c r="AO52" s="12">
        <f t="shared" si="18"/>
        <v>42.142991040394072</v>
      </c>
      <c r="AP52" s="12">
        <f t="shared" si="19"/>
        <v>202.28635699389156</v>
      </c>
      <c r="AQ52" s="12">
        <f t="shared" si="20"/>
        <v>0</v>
      </c>
      <c r="AR52" s="11">
        <f t="shared" si="21"/>
        <v>280.95327360262718</v>
      </c>
    </row>
    <row r="53" spans="2:44" x14ac:dyDescent="0.3">
      <c r="B53" s="1">
        <f t="shared" si="33"/>
        <v>26</v>
      </c>
      <c r="C53" s="1">
        <f t="shared" si="28"/>
        <v>0.87650758089693892</v>
      </c>
      <c r="D53" s="1">
        <f t="shared" si="29"/>
        <v>0.33305892897304296</v>
      </c>
      <c r="E53" s="1">
        <f t="shared" si="30"/>
        <v>7.5326899465564257E-2</v>
      </c>
      <c r="F53" s="1">
        <f t="shared" si="31"/>
        <v>0</v>
      </c>
      <c r="P53" s="10">
        <f t="shared" si="23"/>
        <v>45343</v>
      </c>
      <c r="Q53" s="29">
        <v>-1.2</v>
      </c>
      <c r="R53" s="29">
        <f t="shared" si="9"/>
        <v>3</v>
      </c>
      <c r="S53" s="12">
        <f t="shared" si="0"/>
        <v>1.085192073005006</v>
      </c>
      <c r="T53" s="12">
        <f t="shared" si="1"/>
        <v>1.4695351264848711</v>
      </c>
      <c r="U53" s="12">
        <f t="shared" si="2"/>
        <v>1.771938814155029</v>
      </c>
      <c r="V53" s="12">
        <f t="shared" si="3"/>
        <v>2.5404025087253199</v>
      </c>
      <c r="W53" s="12">
        <f t="shared" si="10"/>
        <v>0</v>
      </c>
      <c r="X53" s="12">
        <f t="shared" si="4"/>
        <v>-1.544218835154681E-2</v>
      </c>
      <c r="Y53" s="12">
        <f t="shared" si="5"/>
        <v>-5.875924024232846E-2</v>
      </c>
      <c r="Z53" s="12">
        <f t="shared" si="6"/>
        <v>-9.5984753200240996E-2</v>
      </c>
      <c r="AA53" s="12">
        <f t="shared" si="7"/>
        <v>-0.17801624965770491</v>
      </c>
      <c r="AB53" s="12">
        <f t="shared" si="11"/>
        <v>0</v>
      </c>
      <c r="AC53" s="12">
        <f t="shared" si="24"/>
        <v>1.103722699026862</v>
      </c>
      <c r="AD53" s="12">
        <f t="shared" si="12"/>
        <v>0</v>
      </c>
      <c r="AE53" s="12">
        <f t="shared" si="13"/>
        <v>0</v>
      </c>
      <c r="AF53" s="12">
        <f t="shared" si="14"/>
        <v>0</v>
      </c>
      <c r="AG53" s="12">
        <f t="shared" si="15"/>
        <v>0</v>
      </c>
      <c r="AH53" s="12">
        <f>AC53/SUM(AC$2:AG$366)*Input!$D$12</f>
        <v>289.45786636117703</v>
      </c>
      <c r="AI53" s="12">
        <f>AD53/SUM(AC$2:AG$366)*Input!$D$12</f>
        <v>0</v>
      </c>
      <c r="AJ53" s="12">
        <f>AE53/SUM(AC$2:AG$366)*Input!$D$12</f>
        <v>0</v>
      </c>
      <c r="AK53" s="12">
        <f>AF53/SUM(AC$2:AG$366)*Input!$D$12</f>
        <v>0</v>
      </c>
      <c r="AL53" s="12">
        <f>AG53/SUM(AC$2:AG$366)*Input!$D$12</f>
        <v>0</v>
      </c>
      <c r="AM53" s="12">
        <f t="shared" si="16"/>
        <v>8.6837359908353111</v>
      </c>
      <c r="AN53" s="12">
        <f t="shared" si="17"/>
        <v>28.945786636117703</v>
      </c>
      <c r="AO53" s="12">
        <f t="shared" si="18"/>
        <v>43.418679954176554</v>
      </c>
      <c r="AP53" s="12">
        <f t="shared" si="19"/>
        <v>208.40966378004745</v>
      </c>
      <c r="AQ53" s="12">
        <f t="shared" si="20"/>
        <v>0</v>
      </c>
      <c r="AR53" s="11">
        <f t="shared" si="21"/>
        <v>289.45786636117703</v>
      </c>
    </row>
    <row r="54" spans="2:44" x14ac:dyDescent="0.3">
      <c r="B54" s="1">
        <f t="shared" si="33"/>
        <v>27</v>
      </c>
      <c r="C54" s="1">
        <f t="shared" si="28"/>
        <v>0.86941224990609123</v>
      </c>
      <c r="D54" s="1">
        <f t="shared" si="29"/>
        <v>0.31979550835730897</v>
      </c>
      <c r="E54" s="1">
        <f t="shared" si="30"/>
        <v>6.257044506915671E-2</v>
      </c>
      <c r="F54" s="1">
        <f t="shared" si="31"/>
        <v>0</v>
      </c>
      <c r="P54" s="10">
        <f t="shared" si="23"/>
        <v>45344</v>
      </c>
      <c r="Q54" s="29">
        <v>-0.2</v>
      </c>
      <c r="R54" s="29">
        <f t="shared" si="9"/>
        <v>4</v>
      </c>
      <c r="S54" s="12">
        <f t="shared" si="0"/>
        <v>1.085192073005006</v>
      </c>
      <c r="T54" s="12">
        <f t="shared" si="1"/>
        <v>1.4695351264848711</v>
      </c>
      <c r="U54" s="12">
        <f t="shared" si="2"/>
        <v>1.771938814155029</v>
      </c>
      <c r="V54" s="12">
        <f t="shared" si="3"/>
        <v>2.5404025087253199</v>
      </c>
      <c r="W54" s="12">
        <f t="shared" si="10"/>
        <v>0</v>
      </c>
      <c r="X54" s="12">
        <f t="shared" si="4"/>
        <v>-1.544218835154681E-2</v>
      </c>
      <c r="Y54" s="12">
        <f t="shared" si="5"/>
        <v>-5.875924024232846E-2</v>
      </c>
      <c r="Z54" s="12">
        <f t="shared" si="6"/>
        <v>-9.5984753200240996E-2</v>
      </c>
      <c r="AA54" s="12">
        <f t="shared" si="7"/>
        <v>-0.17801624965770491</v>
      </c>
      <c r="AB54" s="12">
        <f t="shared" si="11"/>
        <v>0</v>
      </c>
      <c r="AC54" s="12">
        <f t="shared" si="24"/>
        <v>1.0882805106753153</v>
      </c>
      <c r="AD54" s="12">
        <f t="shared" si="12"/>
        <v>0</v>
      </c>
      <c r="AE54" s="12">
        <f t="shared" si="13"/>
        <v>0</v>
      </c>
      <c r="AF54" s="12">
        <f t="shared" si="14"/>
        <v>0</v>
      </c>
      <c r="AG54" s="12">
        <f t="shared" si="15"/>
        <v>0</v>
      </c>
      <c r="AH54" s="12">
        <f>AC54/SUM(AC$2:AG$366)*Input!$D$12</f>
        <v>285.4080602856771</v>
      </c>
      <c r="AI54" s="12">
        <f>AD54/SUM(AC$2:AG$366)*Input!$D$12</f>
        <v>0</v>
      </c>
      <c r="AJ54" s="12">
        <f>AE54/SUM(AC$2:AG$366)*Input!$D$12</f>
        <v>0</v>
      </c>
      <c r="AK54" s="12">
        <f>AF54/SUM(AC$2:AG$366)*Input!$D$12</f>
        <v>0</v>
      </c>
      <c r="AL54" s="12">
        <f>AG54/SUM(AC$2:AG$366)*Input!$D$12</f>
        <v>0</v>
      </c>
      <c r="AM54" s="12">
        <f t="shared" si="16"/>
        <v>8.5622418085703131</v>
      </c>
      <c r="AN54" s="12">
        <f t="shared" si="17"/>
        <v>28.540806028567712</v>
      </c>
      <c r="AO54" s="12">
        <f t="shared" si="18"/>
        <v>42.811209042851566</v>
      </c>
      <c r="AP54" s="12">
        <f t="shared" si="19"/>
        <v>205.49380340568749</v>
      </c>
      <c r="AQ54" s="12">
        <f t="shared" si="20"/>
        <v>0</v>
      </c>
      <c r="AR54" s="11">
        <f t="shared" si="21"/>
        <v>285.40806028567704</v>
      </c>
    </row>
    <row r="55" spans="2:44" x14ac:dyDescent="0.3">
      <c r="B55" s="1">
        <f t="shared" si="33"/>
        <v>28</v>
      </c>
      <c r="C55" s="1">
        <f t="shared" si="28"/>
        <v>0.86231691891524354</v>
      </c>
      <c r="D55" s="1">
        <f t="shared" si="29"/>
        <v>0.30653208774157492</v>
      </c>
      <c r="E55" s="1">
        <f t="shared" si="30"/>
        <v>4.981399067274922E-2</v>
      </c>
      <c r="F55" s="1">
        <f t="shared" si="31"/>
        <v>0</v>
      </c>
      <c r="P55" s="10">
        <f t="shared" si="23"/>
        <v>45345</v>
      </c>
      <c r="Q55" s="29">
        <v>0.8</v>
      </c>
      <c r="R55" s="29">
        <f t="shared" si="9"/>
        <v>5</v>
      </c>
      <c r="S55" s="12">
        <f t="shared" si="0"/>
        <v>1.085192073005006</v>
      </c>
      <c r="T55" s="12">
        <f t="shared" si="1"/>
        <v>1.4695351264848711</v>
      </c>
      <c r="U55" s="12">
        <f t="shared" si="2"/>
        <v>1.771938814155029</v>
      </c>
      <c r="V55" s="12">
        <f t="shared" si="3"/>
        <v>2.5404025087253199</v>
      </c>
      <c r="W55" s="12">
        <f t="shared" si="10"/>
        <v>0</v>
      </c>
      <c r="X55" s="12">
        <f t="shared" si="4"/>
        <v>-1.544218835154681E-2</v>
      </c>
      <c r="Y55" s="12">
        <f t="shared" si="5"/>
        <v>-5.875924024232846E-2</v>
      </c>
      <c r="Z55" s="12">
        <f t="shared" si="6"/>
        <v>-9.5984753200240996E-2</v>
      </c>
      <c r="AA55" s="12">
        <f t="shared" si="7"/>
        <v>-0.17801624965770491</v>
      </c>
      <c r="AB55" s="12">
        <f t="shared" si="11"/>
        <v>0</v>
      </c>
      <c r="AC55" s="12">
        <f t="shared" si="24"/>
        <v>1.0728383223237685</v>
      </c>
      <c r="AD55" s="12">
        <f t="shared" si="12"/>
        <v>0</v>
      </c>
      <c r="AE55" s="12">
        <f t="shared" si="13"/>
        <v>0</v>
      </c>
      <c r="AF55" s="12">
        <f t="shared" si="14"/>
        <v>0</v>
      </c>
      <c r="AG55" s="12">
        <f t="shared" si="15"/>
        <v>0</v>
      </c>
      <c r="AH55" s="12">
        <f>AC55/SUM(AC$2:AG$366)*Input!$D$12</f>
        <v>281.35825421017722</v>
      </c>
      <c r="AI55" s="12">
        <f>AD55/SUM(AC$2:AG$366)*Input!$D$12</f>
        <v>0</v>
      </c>
      <c r="AJ55" s="12">
        <f>AE55/SUM(AC$2:AG$366)*Input!$D$12</f>
        <v>0</v>
      </c>
      <c r="AK55" s="12">
        <f>AF55/SUM(AC$2:AG$366)*Input!$D$12</f>
        <v>0</v>
      </c>
      <c r="AL55" s="12">
        <f>AG55/SUM(AC$2:AG$366)*Input!$D$12</f>
        <v>0</v>
      </c>
      <c r="AM55" s="12">
        <f t="shared" si="16"/>
        <v>8.4407476263053169</v>
      </c>
      <c r="AN55" s="12">
        <f t="shared" si="17"/>
        <v>28.135825421017724</v>
      </c>
      <c r="AO55" s="12">
        <f t="shared" si="18"/>
        <v>42.203738131526585</v>
      </c>
      <c r="AP55" s="12">
        <f t="shared" si="19"/>
        <v>202.57794303132758</v>
      </c>
      <c r="AQ55" s="12">
        <f t="shared" si="20"/>
        <v>0</v>
      </c>
      <c r="AR55" s="11">
        <f t="shared" si="21"/>
        <v>281.35825421017717</v>
      </c>
    </row>
    <row r="56" spans="2:44" x14ac:dyDescent="0.3">
      <c r="B56" s="1">
        <f t="shared" si="33"/>
        <v>29</v>
      </c>
      <c r="C56" s="1">
        <f t="shared" si="28"/>
        <v>0.85522158792439584</v>
      </c>
      <c r="D56" s="1">
        <f t="shared" si="29"/>
        <v>0.29326866712584093</v>
      </c>
      <c r="E56" s="1">
        <f t="shared" si="30"/>
        <v>3.7057536276341674E-2</v>
      </c>
      <c r="F56" s="1">
        <f t="shared" si="31"/>
        <v>0</v>
      </c>
      <c r="P56" s="10">
        <f t="shared" si="23"/>
        <v>45346</v>
      </c>
      <c r="Q56" s="29">
        <v>0.7</v>
      </c>
      <c r="R56" s="29">
        <f t="shared" si="9"/>
        <v>6</v>
      </c>
      <c r="S56" s="12">
        <f t="shared" si="0"/>
        <v>0.88136675487947747</v>
      </c>
      <c r="T56" s="12">
        <f t="shared" si="1"/>
        <v>0.40529111994771311</v>
      </c>
      <c r="U56" s="12">
        <f t="shared" si="2"/>
        <v>1.4791569663107089</v>
      </c>
      <c r="V56" s="12">
        <f t="shared" si="3"/>
        <v>1.31124751273035</v>
      </c>
      <c r="W56" s="12">
        <f t="shared" si="10"/>
        <v>1.9424956480203619</v>
      </c>
      <c r="X56" s="12">
        <f t="shared" si="4"/>
        <v>-1.236743869637378E-2</v>
      </c>
      <c r="Y56" s="12">
        <f t="shared" si="5"/>
        <v>-1.3226323007097701E-2</v>
      </c>
      <c r="Z56" s="12">
        <f t="shared" si="6"/>
        <v>-6.6119920832722404E-2</v>
      </c>
      <c r="AA56" s="12">
        <f t="shared" si="7"/>
        <v>-7.5310765362349638E-2</v>
      </c>
      <c r="AB56" s="12">
        <f t="shared" si="11"/>
        <v>-0.1200596025795522</v>
      </c>
      <c r="AC56" s="12">
        <f t="shared" si="24"/>
        <v>0.98956535624136688</v>
      </c>
      <c r="AD56" s="12">
        <f t="shared" si="12"/>
        <v>0.22419410798437775</v>
      </c>
      <c r="AE56" s="12">
        <f t="shared" si="13"/>
        <v>0</v>
      </c>
      <c r="AF56" s="12">
        <f t="shared" si="14"/>
        <v>0</v>
      </c>
      <c r="AG56" s="12">
        <f t="shared" si="15"/>
        <v>0</v>
      </c>
      <c r="AH56" s="12">
        <f>AC56/SUM(AC$2:AG$366)*Input!$D$12</f>
        <v>259.51942176700027</v>
      </c>
      <c r="AI56" s="12">
        <f>AD56/SUM(AC$2:AG$366)*Input!$D$12</f>
        <v>58.79624311896653</v>
      </c>
      <c r="AJ56" s="12">
        <f>AE56/SUM(AC$2:AG$366)*Input!$D$12</f>
        <v>0</v>
      </c>
      <c r="AK56" s="12">
        <f>AF56/SUM(AC$2:AG$366)*Input!$D$12</f>
        <v>0</v>
      </c>
      <c r="AL56" s="12">
        <f>AG56/SUM(AC$2:AG$366)*Input!$D$12</f>
        <v>0</v>
      </c>
      <c r="AM56" s="12">
        <f t="shared" si="16"/>
        <v>5.2969588395465355</v>
      </c>
      <c r="AN56" s="12">
        <f t="shared" si="17"/>
        <v>17.656529465155121</v>
      </c>
      <c r="AO56" s="12">
        <f t="shared" si="18"/>
        <v>26.484794197732683</v>
      </c>
      <c r="AP56" s="12">
        <f t="shared" si="19"/>
        <v>268.87738238353245</v>
      </c>
      <c r="AQ56" s="12">
        <f t="shared" si="20"/>
        <v>0</v>
      </c>
      <c r="AR56" s="11">
        <f t="shared" si="21"/>
        <v>318.31566488596678</v>
      </c>
    </row>
    <row r="57" spans="2:44" x14ac:dyDescent="0.3">
      <c r="B57" s="1">
        <f t="shared" si="33"/>
        <v>30</v>
      </c>
      <c r="C57" s="1">
        <f t="shared" si="28"/>
        <v>0.84812625693354815</v>
      </c>
      <c r="D57" s="1">
        <f t="shared" si="29"/>
        <v>0.28000524651010689</v>
      </c>
      <c r="E57" s="1">
        <f t="shared" si="30"/>
        <v>2.4301081879934128E-2</v>
      </c>
      <c r="F57" s="1">
        <f t="shared" si="31"/>
        <v>0</v>
      </c>
      <c r="P57" s="10">
        <f t="shared" si="23"/>
        <v>45347</v>
      </c>
      <c r="Q57" s="29">
        <v>0.8</v>
      </c>
      <c r="R57" s="29">
        <f t="shared" si="9"/>
        <v>7</v>
      </c>
      <c r="S57" s="12">
        <f t="shared" si="0"/>
        <v>0.88136675487947747</v>
      </c>
      <c r="T57" s="12">
        <f t="shared" si="1"/>
        <v>0.40529111994771311</v>
      </c>
      <c r="U57" s="12">
        <f t="shared" si="2"/>
        <v>1.4791569663107089</v>
      </c>
      <c r="V57" s="12">
        <f t="shared" si="3"/>
        <v>1.31124751273035</v>
      </c>
      <c r="W57" s="12">
        <f t="shared" si="10"/>
        <v>1.9424956480203619</v>
      </c>
      <c r="X57" s="12">
        <f t="shared" si="4"/>
        <v>-1.236743869637378E-2</v>
      </c>
      <c r="Y57" s="12">
        <f t="shared" si="5"/>
        <v>-1.3226323007097701E-2</v>
      </c>
      <c r="Z57" s="12">
        <f t="shared" si="6"/>
        <v>-6.6119920832722404E-2</v>
      </c>
      <c r="AA57" s="12">
        <f t="shared" si="7"/>
        <v>-7.5310765362349638E-2</v>
      </c>
      <c r="AB57" s="12">
        <f t="shared" si="11"/>
        <v>-0.1200596025795522</v>
      </c>
      <c r="AC57" s="12">
        <f t="shared" si="24"/>
        <v>0.98816301236758508</v>
      </c>
      <c r="AD57" s="12">
        <f t="shared" si="12"/>
        <v>0.22344536583894595</v>
      </c>
      <c r="AE57" s="12">
        <f t="shared" si="13"/>
        <v>0</v>
      </c>
      <c r="AF57" s="12">
        <f t="shared" si="14"/>
        <v>0</v>
      </c>
      <c r="AG57" s="12">
        <f t="shared" si="15"/>
        <v>0</v>
      </c>
      <c r="AH57" s="12">
        <f>AC57/SUM(AC$2:AG$366)*Input!$D$12</f>
        <v>259.15164871497603</v>
      </c>
      <c r="AI57" s="12">
        <f>AD57/SUM(AC$2:AG$366)*Input!$D$12</f>
        <v>58.599881021799852</v>
      </c>
      <c r="AJ57" s="12">
        <f>AE57/SUM(AC$2:AG$366)*Input!$D$12</f>
        <v>0</v>
      </c>
      <c r="AK57" s="12">
        <f>AF57/SUM(AC$2:AG$366)*Input!$D$12</f>
        <v>0</v>
      </c>
      <c r="AL57" s="12">
        <f>AG57/SUM(AC$2:AG$366)*Input!$D$12</f>
        <v>0</v>
      </c>
      <c r="AM57" s="12">
        <f t="shared" si="16"/>
        <v>5.2792685605225103</v>
      </c>
      <c r="AN57" s="12">
        <f t="shared" si="17"/>
        <v>17.59756186840837</v>
      </c>
      <c r="AO57" s="12">
        <f t="shared" si="18"/>
        <v>26.396342802612555</v>
      </c>
      <c r="AP57" s="12">
        <f t="shared" si="19"/>
        <v>268.47835650523245</v>
      </c>
      <c r="AQ57" s="12">
        <f t="shared" si="20"/>
        <v>0</v>
      </c>
      <c r="AR57" s="11">
        <f t="shared" si="21"/>
        <v>317.75152973677586</v>
      </c>
    </row>
    <row r="58" spans="2:44" x14ac:dyDescent="0.3">
      <c r="P58" s="10">
        <f t="shared" si="23"/>
        <v>45348</v>
      </c>
      <c r="Q58" s="29">
        <v>3.6</v>
      </c>
      <c r="R58" s="29">
        <f t="shared" si="9"/>
        <v>1</v>
      </c>
      <c r="S58" s="12">
        <f t="shared" si="0"/>
        <v>1.0609861866589789</v>
      </c>
      <c r="T58" s="12">
        <f t="shared" si="1"/>
        <v>1.4695351264848711</v>
      </c>
      <c r="U58" s="12">
        <f t="shared" si="2"/>
        <v>1.771938814155029</v>
      </c>
      <c r="V58" s="12">
        <f t="shared" si="3"/>
        <v>2.5404025087253199</v>
      </c>
      <c r="W58" s="12">
        <f t="shared" si="10"/>
        <v>0</v>
      </c>
      <c r="X58" s="12">
        <f t="shared" si="4"/>
        <v>-7.0953309908476907E-3</v>
      </c>
      <c r="Y58" s="12">
        <f t="shared" si="5"/>
        <v>-5.875924024232846E-2</v>
      </c>
      <c r="Z58" s="12">
        <f t="shared" si="6"/>
        <v>-9.5984753200240996E-2</v>
      </c>
      <c r="AA58" s="12">
        <f t="shared" si="7"/>
        <v>-0.17801624965770491</v>
      </c>
      <c r="AB58" s="12">
        <f t="shared" si="11"/>
        <v>0</v>
      </c>
      <c r="AC58" s="12">
        <f t="shared" si="24"/>
        <v>1.0354429950919273</v>
      </c>
      <c r="AD58" s="12">
        <f t="shared" si="12"/>
        <v>0</v>
      </c>
      <c r="AE58" s="12">
        <f t="shared" si="13"/>
        <v>0</v>
      </c>
      <c r="AF58" s="12">
        <f t="shared" si="14"/>
        <v>0</v>
      </c>
      <c r="AG58" s="12">
        <f t="shared" si="15"/>
        <v>0</v>
      </c>
      <c r="AH58" s="12">
        <f>AC58/SUM(AC$2:AG$366)*Input!$D$12</f>
        <v>271.55110641666846</v>
      </c>
      <c r="AI58" s="12">
        <f>AD58/SUM(AC$2:AG$366)*Input!$D$12</f>
        <v>0</v>
      </c>
      <c r="AJ58" s="12">
        <f>AE58/SUM(AC$2:AG$366)*Input!$D$12</f>
        <v>0</v>
      </c>
      <c r="AK58" s="12">
        <f>AF58/SUM(AC$2:AG$366)*Input!$D$12</f>
        <v>0</v>
      </c>
      <c r="AL58" s="12">
        <f>AG58/SUM(AC$2:AG$366)*Input!$D$12</f>
        <v>0</v>
      </c>
      <c r="AM58" s="12">
        <f t="shared" si="16"/>
        <v>8.146533192500053</v>
      </c>
      <c r="AN58" s="12">
        <f t="shared" si="17"/>
        <v>27.155110641666848</v>
      </c>
      <c r="AO58" s="12">
        <f t="shared" si="18"/>
        <v>40.73266596250027</v>
      </c>
      <c r="AP58" s="12">
        <f t="shared" si="19"/>
        <v>195.51679662000129</v>
      </c>
      <c r="AQ58" s="12">
        <f t="shared" si="20"/>
        <v>0</v>
      </c>
      <c r="AR58" s="11">
        <f t="shared" si="21"/>
        <v>271.55110641666846</v>
      </c>
    </row>
    <row r="59" spans="2:44" x14ac:dyDescent="0.3">
      <c r="P59" s="10">
        <f t="shared" si="23"/>
        <v>45349</v>
      </c>
      <c r="Q59" s="29">
        <v>5.0999999999999996</v>
      </c>
      <c r="R59" s="29">
        <f t="shared" si="9"/>
        <v>2</v>
      </c>
      <c r="S59" s="12">
        <f t="shared" si="0"/>
        <v>1.0609861866589789</v>
      </c>
      <c r="T59" s="12">
        <f t="shared" si="1"/>
        <v>1.4695351264848711</v>
      </c>
      <c r="U59" s="12">
        <f t="shared" si="2"/>
        <v>1.771938814155029</v>
      </c>
      <c r="V59" s="12">
        <f t="shared" si="3"/>
        <v>2.5404025087253199</v>
      </c>
      <c r="W59" s="12">
        <f t="shared" si="10"/>
        <v>0</v>
      </c>
      <c r="X59" s="12">
        <f t="shared" si="4"/>
        <v>-7.0953309908476907E-3</v>
      </c>
      <c r="Y59" s="12">
        <f t="shared" si="5"/>
        <v>-5.875924024232846E-2</v>
      </c>
      <c r="Z59" s="12">
        <f t="shared" si="6"/>
        <v>-9.5984753200240996E-2</v>
      </c>
      <c r="AA59" s="12">
        <f t="shared" si="7"/>
        <v>-0.17801624965770491</v>
      </c>
      <c r="AB59" s="12">
        <f t="shared" si="11"/>
        <v>0</v>
      </c>
      <c r="AC59" s="12">
        <f t="shared" si="24"/>
        <v>1.0247999986056557</v>
      </c>
      <c r="AD59" s="12">
        <f t="shared" si="12"/>
        <v>0</v>
      </c>
      <c r="AE59" s="12">
        <f t="shared" si="13"/>
        <v>0</v>
      </c>
      <c r="AF59" s="12">
        <f t="shared" si="14"/>
        <v>0</v>
      </c>
      <c r="AG59" s="12">
        <f t="shared" si="15"/>
        <v>0</v>
      </c>
      <c r="AH59" s="12">
        <f>AC59/SUM(AC$2:AG$366)*Input!$D$12</f>
        <v>268.75991705604207</v>
      </c>
      <c r="AI59" s="12">
        <f>AD59/SUM(AC$2:AG$366)*Input!$D$12</f>
        <v>0</v>
      </c>
      <c r="AJ59" s="12">
        <f>AE59/SUM(AC$2:AG$366)*Input!$D$12</f>
        <v>0</v>
      </c>
      <c r="AK59" s="12">
        <f>AF59/SUM(AC$2:AG$366)*Input!$D$12</f>
        <v>0</v>
      </c>
      <c r="AL59" s="12">
        <f>AG59/SUM(AC$2:AG$366)*Input!$D$12</f>
        <v>0</v>
      </c>
      <c r="AM59" s="12">
        <f t="shared" si="16"/>
        <v>8.0627975116812625</v>
      </c>
      <c r="AN59" s="12">
        <f t="shared" si="17"/>
        <v>26.875991705604207</v>
      </c>
      <c r="AO59" s="12">
        <f t="shared" si="18"/>
        <v>40.313987558406311</v>
      </c>
      <c r="AP59" s="12">
        <f t="shared" si="19"/>
        <v>193.50714028035028</v>
      </c>
      <c r="AQ59" s="12">
        <f t="shared" si="20"/>
        <v>0</v>
      </c>
      <c r="AR59" s="11">
        <f t="shared" si="21"/>
        <v>268.75991705604207</v>
      </c>
    </row>
    <row r="60" spans="2:44" x14ac:dyDescent="0.3">
      <c r="P60" s="10">
        <f t="shared" si="23"/>
        <v>45350</v>
      </c>
      <c r="Q60" s="29">
        <v>5.4</v>
      </c>
      <c r="R60" s="29">
        <f t="shared" si="9"/>
        <v>3</v>
      </c>
      <c r="S60" s="12">
        <f t="shared" si="0"/>
        <v>1.0609861866589789</v>
      </c>
      <c r="T60" s="12">
        <f t="shared" si="1"/>
        <v>1.4695351264848711</v>
      </c>
      <c r="U60" s="12">
        <f t="shared" si="2"/>
        <v>1.771938814155029</v>
      </c>
      <c r="V60" s="12">
        <f t="shared" si="3"/>
        <v>2.5404025087253199</v>
      </c>
      <c r="W60" s="12">
        <f t="shared" si="10"/>
        <v>0</v>
      </c>
      <c r="X60" s="12">
        <f t="shared" si="4"/>
        <v>-7.0953309908476907E-3</v>
      </c>
      <c r="Y60" s="12">
        <f t="shared" si="5"/>
        <v>-5.875924024232846E-2</v>
      </c>
      <c r="Z60" s="12">
        <f t="shared" si="6"/>
        <v>-9.5984753200240996E-2</v>
      </c>
      <c r="AA60" s="12">
        <f t="shared" si="7"/>
        <v>-0.17801624965770491</v>
      </c>
      <c r="AB60" s="12">
        <f t="shared" si="11"/>
        <v>0</v>
      </c>
      <c r="AC60" s="12">
        <f t="shared" si="24"/>
        <v>1.0226713993084013</v>
      </c>
      <c r="AD60" s="12">
        <f t="shared" si="12"/>
        <v>0</v>
      </c>
      <c r="AE60" s="12">
        <f t="shared" si="13"/>
        <v>0</v>
      </c>
      <c r="AF60" s="12">
        <f t="shared" si="14"/>
        <v>0</v>
      </c>
      <c r="AG60" s="12">
        <f t="shared" si="15"/>
        <v>0</v>
      </c>
      <c r="AH60" s="12">
        <f>AC60/SUM(AC$2:AG$366)*Input!$D$12</f>
        <v>268.20167918391672</v>
      </c>
      <c r="AI60" s="12">
        <f>AD60/SUM(AC$2:AG$366)*Input!$D$12</f>
        <v>0</v>
      </c>
      <c r="AJ60" s="12">
        <f>AE60/SUM(AC$2:AG$366)*Input!$D$12</f>
        <v>0</v>
      </c>
      <c r="AK60" s="12">
        <f>AF60/SUM(AC$2:AG$366)*Input!$D$12</f>
        <v>0</v>
      </c>
      <c r="AL60" s="12">
        <f>AG60/SUM(AC$2:AG$366)*Input!$D$12</f>
        <v>0</v>
      </c>
      <c r="AM60" s="12">
        <f t="shared" si="16"/>
        <v>8.0460503755175008</v>
      </c>
      <c r="AN60" s="12">
        <f t="shared" si="17"/>
        <v>26.820167918391675</v>
      </c>
      <c r="AO60" s="12">
        <f t="shared" si="18"/>
        <v>40.230251877587506</v>
      </c>
      <c r="AP60" s="12">
        <f t="shared" si="19"/>
        <v>193.10520901242003</v>
      </c>
      <c r="AQ60" s="12">
        <f t="shared" si="20"/>
        <v>0</v>
      </c>
      <c r="AR60" s="11">
        <f t="shared" si="21"/>
        <v>268.20167918391672</v>
      </c>
    </row>
    <row r="61" spans="2:44" x14ac:dyDescent="0.3">
      <c r="P61" s="10">
        <f t="shared" si="23"/>
        <v>45351</v>
      </c>
      <c r="Q61" s="29">
        <v>5.3</v>
      </c>
      <c r="R61" s="29">
        <f t="shared" si="9"/>
        <v>4</v>
      </c>
      <c r="S61" s="12">
        <f t="shared" si="0"/>
        <v>1.0609861866589789</v>
      </c>
      <c r="T61" s="12">
        <f t="shared" si="1"/>
        <v>1.4695351264848711</v>
      </c>
      <c r="U61" s="12">
        <f t="shared" si="2"/>
        <v>1.771938814155029</v>
      </c>
      <c r="V61" s="12">
        <f t="shared" si="3"/>
        <v>2.5404025087253199</v>
      </c>
      <c r="W61" s="12">
        <f t="shared" si="10"/>
        <v>0</v>
      </c>
      <c r="X61" s="12">
        <f t="shared" si="4"/>
        <v>-7.0953309908476907E-3</v>
      </c>
      <c r="Y61" s="12">
        <f t="shared" si="5"/>
        <v>-5.875924024232846E-2</v>
      </c>
      <c r="Z61" s="12">
        <f t="shared" si="6"/>
        <v>-9.5984753200240996E-2</v>
      </c>
      <c r="AA61" s="12">
        <f t="shared" si="7"/>
        <v>-0.17801624965770491</v>
      </c>
      <c r="AB61" s="12">
        <f t="shared" si="11"/>
        <v>0</v>
      </c>
      <c r="AC61" s="12">
        <f t="shared" si="24"/>
        <v>1.0233809324074861</v>
      </c>
      <c r="AD61" s="12">
        <f t="shared" si="12"/>
        <v>0</v>
      </c>
      <c r="AE61" s="12">
        <f t="shared" si="13"/>
        <v>0</v>
      </c>
      <c r="AF61" s="12">
        <f t="shared" si="14"/>
        <v>0</v>
      </c>
      <c r="AG61" s="12">
        <f t="shared" si="15"/>
        <v>0</v>
      </c>
      <c r="AH61" s="12">
        <f>AC61/SUM(AC$2:AG$366)*Input!$D$12</f>
        <v>268.38775847462512</v>
      </c>
      <c r="AI61" s="12">
        <f>AD61/SUM(AC$2:AG$366)*Input!$D$12</f>
        <v>0</v>
      </c>
      <c r="AJ61" s="12">
        <f>AE61/SUM(AC$2:AG$366)*Input!$D$12</f>
        <v>0</v>
      </c>
      <c r="AK61" s="12">
        <f>AF61/SUM(AC$2:AG$366)*Input!$D$12</f>
        <v>0</v>
      </c>
      <c r="AL61" s="12">
        <f>AG61/SUM(AC$2:AG$366)*Input!$D$12</f>
        <v>0</v>
      </c>
      <c r="AM61" s="12">
        <f t="shared" si="16"/>
        <v>8.0516327542387529</v>
      </c>
      <c r="AN61" s="12">
        <f t="shared" si="17"/>
        <v>26.838775847462514</v>
      </c>
      <c r="AO61" s="12">
        <f t="shared" si="18"/>
        <v>40.258163771193765</v>
      </c>
      <c r="AP61" s="12">
        <f t="shared" si="19"/>
        <v>193.23918610173007</v>
      </c>
      <c r="AQ61" s="12">
        <f t="shared" si="20"/>
        <v>0</v>
      </c>
      <c r="AR61" s="11">
        <f t="shared" si="21"/>
        <v>268.38775847462512</v>
      </c>
    </row>
    <row r="62" spans="2:44" x14ac:dyDescent="0.3">
      <c r="P62" s="10">
        <f t="shared" si="23"/>
        <v>45352</v>
      </c>
      <c r="Q62" s="29">
        <v>4.7</v>
      </c>
      <c r="R62" s="29">
        <f t="shared" si="9"/>
        <v>5</v>
      </c>
      <c r="S62" s="12">
        <f t="shared" si="0"/>
        <v>1.0609861866589789</v>
      </c>
      <c r="T62" s="12">
        <f t="shared" si="1"/>
        <v>1.4695351264848711</v>
      </c>
      <c r="U62" s="12">
        <f t="shared" si="2"/>
        <v>1.771938814155029</v>
      </c>
      <c r="V62" s="12">
        <f t="shared" si="3"/>
        <v>2.5404025087253199</v>
      </c>
      <c r="W62" s="12">
        <f t="shared" si="10"/>
        <v>0</v>
      </c>
      <c r="X62" s="12">
        <f t="shared" si="4"/>
        <v>-7.0953309908476907E-3</v>
      </c>
      <c r="Y62" s="12">
        <f t="shared" si="5"/>
        <v>-5.875924024232846E-2</v>
      </c>
      <c r="Z62" s="12">
        <f t="shared" si="6"/>
        <v>-9.5984753200240996E-2</v>
      </c>
      <c r="AA62" s="12">
        <f t="shared" si="7"/>
        <v>-0.17801624965770491</v>
      </c>
      <c r="AB62" s="12">
        <f t="shared" si="11"/>
        <v>0</v>
      </c>
      <c r="AC62" s="12">
        <f t="shared" si="24"/>
        <v>1.0276381310019949</v>
      </c>
      <c r="AD62" s="12">
        <f t="shared" si="12"/>
        <v>0</v>
      </c>
      <c r="AE62" s="12">
        <f t="shared" si="13"/>
        <v>0</v>
      </c>
      <c r="AF62" s="12">
        <f t="shared" si="14"/>
        <v>0</v>
      </c>
      <c r="AG62" s="12">
        <f t="shared" si="15"/>
        <v>0</v>
      </c>
      <c r="AH62" s="12">
        <f>AC62/SUM(AC$2:AG$366)*Input!$D$12</f>
        <v>269.50423421887575</v>
      </c>
      <c r="AI62" s="12">
        <f>AD62/SUM(AC$2:AG$366)*Input!$D$12</f>
        <v>0</v>
      </c>
      <c r="AJ62" s="12">
        <f>AE62/SUM(AC$2:AG$366)*Input!$D$12</f>
        <v>0</v>
      </c>
      <c r="AK62" s="12">
        <f>AF62/SUM(AC$2:AG$366)*Input!$D$12</f>
        <v>0</v>
      </c>
      <c r="AL62" s="12">
        <f>AG62/SUM(AC$2:AG$366)*Input!$D$12</f>
        <v>0</v>
      </c>
      <c r="AM62" s="12">
        <f t="shared" si="16"/>
        <v>8.0851270265662727</v>
      </c>
      <c r="AN62" s="12">
        <f t="shared" si="17"/>
        <v>26.950423421887578</v>
      </c>
      <c r="AO62" s="12">
        <f t="shared" si="18"/>
        <v>40.42563513283136</v>
      </c>
      <c r="AP62" s="12">
        <f t="shared" si="19"/>
        <v>194.04304863759054</v>
      </c>
      <c r="AQ62" s="12">
        <f t="shared" si="20"/>
        <v>0</v>
      </c>
      <c r="AR62" s="11">
        <f t="shared" si="21"/>
        <v>269.50423421887575</v>
      </c>
    </row>
    <row r="63" spans="2:44" x14ac:dyDescent="0.3">
      <c r="P63" s="10">
        <f t="shared" si="23"/>
        <v>45353</v>
      </c>
      <c r="Q63" s="29">
        <v>1.8</v>
      </c>
      <c r="R63" s="29">
        <f t="shared" si="9"/>
        <v>6</v>
      </c>
      <c r="S63" s="12">
        <f t="shared" si="0"/>
        <v>0.88136675487947747</v>
      </c>
      <c r="T63" s="12">
        <f t="shared" si="1"/>
        <v>0.40529111994771311</v>
      </c>
      <c r="U63" s="12">
        <f t="shared" si="2"/>
        <v>1.4791569663107089</v>
      </c>
      <c r="V63" s="12">
        <f t="shared" si="3"/>
        <v>1.31124751273035</v>
      </c>
      <c r="W63" s="12">
        <f t="shared" si="10"/>
        <v>1.9424956480203619</v>
      </c>
      <c r="X63" s="12">
        <f t="shared" si="4"/>
        <v>-1.236743869637378E-2</v>
      </c>
      <c r="Y63" s="12">
        <f t="shared" si="5"/>
        <v>-1.3226323007097701E-2</v>
      </c>
      <c r="Z63" s="12">
        <f t="shared" si="6"/>
        <v>-6.6119920832722404E-2</v>
      </c>
      <c r="AA63" s="12">
        <f t="shared" si="7"/>
        <v>-7.5310765362349638E-2</v>
      </c>
      <c r="AB63" s="12">
        <f t="shared" si="11"/>
        <v>-0.1200596025795522</v>
      </c>
      <c r="AC63" s="12">
        <f t="shared" si="24"/>
        <v>0.97413957362976678</v>
      </c>
      <c r="AD63" s="12">
        <f t="shared" si="12"/>
        <v>0.21595794438462793</v>
      </c>
      <c r="AE63" s="12">
        <f t="shared" si="13"/>
        <v>0</v>
      </c>
      <c r="AF63" s="12">
        <f t="shared" si="14"/>
        <v>0</v>
      </c>
      <c r="AG63" s="12">
        <f t="shared" si="15"/>
        <v>0</v>
      </c>
      <c r="AH63" s="12">
        <f>AC63/SUM(AC$2:AG$366)*Input!$D$12</f>
        <v>255.47391819473347</v>
      </c>
      <c r="AI63" s="12">
        <f>AD63/SUM(AC$2:AG$366)*Input!$D$12</f>
        <v>56.636260050133089</v>
      </c>
      <c r="AJ63" s="12">
        <f>AE63/SUM(AC$2:AG$366)*Input!$D$12</f>
        <v>0</v>
      </c>
      <c r="AK63" s="12">
        <f>AF63/SUM(AC$2:AG$366)*Input!$D$12</f>
        <v>0</v>
      </c>
      <c r="AL63" s="12">
        <f>AG63/SUM(AC$2:AG$366)*Input!$D$12</f>
        <v>0</v>
      </c>
      <c r="AM63" s="12">
        <f t="shared" si="16"/>
        <v>5.1023657702822618</v>
      </c>
      <c r="AN63" s="12">
        <f t="shared" si="17"/>
        <v>17.007885900940874</v>
      </c>
      <c r="AO63" s="12">
        <f t="shared" si="18"/>
        <v>25.511828851411313</v>
      </c>
      <c r="AP63" s="12">
        <f t="shared" si="19"/>
        <v>264.48809772223211</v>
      </c>
      <c r="AQ63" s="12">
        <f t="shared" si="20"/>
        <v>0</v>
      </c>
      <c r="AR63" s="11">
        <f t="shared" si="21"/>
        <v>312.11017824486657</v>
      </c>
    </row>
    <row r="64" spans="2:44" x14ac:dyDescent="0.3">
      <c r="P64" s="10">
        <f t="shared" si="23"/>
        <v>45354</v>
      </c>
      <c r="Q64" s="29">
        <v>-1.1000000000000001</v>
      </c>
      <c r="R64" s="29">
        <f t="shared" si="9"/>
        <v>7</v>
      </c>
      <c r="S64" s="12">
        <f t="shared" si="0"/>
        <v>0.88136675487947747</v>
      </c>
      <c r="T64" s="12">
        <f t="shared" si="1"/>
        <v>0.40529111994771311</v>
      </c>
      <c r="U64" s="12">
        <f t="shared" si="2"/>
        <v>1.4791569663107089</v>
      </c>
      <c r="V64" s="12">
        <f t="shared" si="3"/>
        <v>1.31124751273035</v>
      </c>
      <c r="W64" s="12">
        <f t="shared" si="10"/>
        <v>1.9424956480203619</v>
      </c>
      <c r="X64" s="12">
        <f t="shared" si="4"/>
        <v>-1.236743869637378E-2</v>
      </c>
      <c r="Y64" s="12">
        <f t="shared" si="5"/>
        <v>-1.3226323007097701E-2</v>
      </c>
      <c r="Z64" s="12">
        <f t="shared" si="6"/>
        <v>-6.6119920832722404E-2</v>
      </c>
      <c r="AA64" s="12">
        <f t="shared" si="7"/>
        <v>-7.5310765362349638E-2</v>
      </c>
      <c r="AB64" s="12">
        <f t="shared" si="11"/>
        <v>-0.1200596025795522</v>
      </c>
      <c r="AC64" s="12">
        <f t="shared" si="24"/>
        <v>1.0148075459694397</v>
      </c>
      <c r="AD64" s="12">
        <f t="shared" si="12"/>
        <v>0.23767146660215019</v>
      </c>
      <c r="AE64" s="12">
        <f t="shared" si="13"/>
        <v>0</v>
      </c>
      <c r="AF64" s="12">
        <f t="shared" si="14"/>
        <v>0</v>
      </c>
      <c r="AG64" s="12">
        <f t="shared" si="15"/>
        <v>0</v>
      </c>
      <c r="AH64" s="12">
        <f>AC64/SUM(AC$2:AG$366)*Input!$D$12</f>
        <v>266.13933670343681</v>
      </c>
      <c r="AI64" s="12">
        <f>AD64/SUM(AC$2:AG$366)*Input!$D$12</f>
        <v>62.330760867966717</v>
      </c>
      <c r="AJ64" s="12">
        <f>AE64/SUM(AC$2:AG$366)*Input!$D$12</f>
        <v>0</v>
      </c>
      <c r="AK64" s="12">
        <f>AF64/SUM(AC$2:AG$366)*Input!$D$12</f>
        <v>0</v>
      </c>
      <c r="AL64" s="12">
        <f>AG64/SUM(AC$2:AG$366)*Input!$D$12</f>
        <v>0</v>
      </c>
      <c r="AM64" s="12">
        <f t="shared" si="16"/>
        <v>5.6153838619789846</v>
      </c>
      <c r="AN64" s="12">
        <f t="shared" si="17"/>
        <v>18.717946206596618</v>
      </c>
      <c r="AO64" s="12">
        <f t="shared" si="18"/>
        <v>28.076919309894929</v>
      </c>
      <c r="AP64" s="12">
        <f t="shared" si="19"/>
        <v>276.05984819293298</v>
      </c>
      <c r="AQ64" s="12">
        <f t="shared" si="20"/>
        <v>0</v>
      </c>
      <c r="AR64" s="11">
        <f t="shared" si="21"/>
        <v>328.47009757140353</v>
      </c>
    </row>
    <row r="65" spans="16:44" x14ac:dyDescent="0.3">
      <c r="P65" s="10">
        <f t="shared" si="23"/>
        <v>45355</v>
      </c>
      <c r="Q65" s="29">
        <v>-0.3</v>
      </c>
      <c r="R65" s="29">
        <f t="shared" si="9"/>
        <v>1</v>
      </c>
      <c r="S65" s="12">
        <f t="shared" si="0"/>
        <v>1.085192073005006</v>
      </c>
      <c r="T65" s="12">
        <f t="shared" si="1"/>
        <v>1.4695351264848711</v>
      </c>
      <c r="U65" s="12">
        <f t="shared" si="2"/>
        <v>1.771938814155029</v>
      </c>
      <c r="V65" s="12">
        <f t="shared" si="3"/>
        <v>2.5404025087253199</v>
      </c>
      <c r="W65" s="12">
        <f t="shared" si="10"/>
        <v>0</v>
      </c>
      <c r="X65" s="12">
        <f t="shared" si="4"/>
        <v>-1.544218835154681E-2</v>
      </c>
      <c r="Y65" s="12">
        <f t="shared" si="5"/>
        <v>-5.875924024232846E-2</v>
      </c>
      <c r="Z65" s="12">
        <f t="shared" si="6"/>
        <v>-9.5984753200240996E-2</v>
      </c>
      <c r="AA65" s="12">
        <f t="shared" si="7"/>
        <v>-0.17801624965770491</v>
      </c>
      <c r="AB65" s="12">
        <f t="shared" si="11"/>
        <v>0</v>
      </c>
      <c r="AC65" s="12">
        <f t="shared" si="24"/>
        <v>1.0898247295104699</v>
      </c>
      <c r="AD65" s="12">
        <f t="shared" si="12"/>
        <v>0</v>
      </c>
      <c r="AE65" s="12">
        <f t="shared" si="13"/>
        <v>0</v>
      </c>
      <c r="AF65" s="12">
        <f t="shared" si="14"/>
        <v>0</v>
      </c>
      <c r="AG65" s="12">
        <f t="shared" si="15"/>
        <v>0</v>
      </c>
      <c r="AH65" s="12">
        <f>AC65/SUM(AC$2:AG$366)*Input!$D$12</f>
        <v>285.81304089322708</v>
      </c>
      <c r="AI65" s="12">
        <f>AD65/SUM(AC$2:AG$366)*Input!$D$12</f>
        <v>0</v>
      </c>
      <c r="AJ65" s="12">
        <f>AE65/SUM(AC$2:AG$366)*Input!$D$12</f>
        <v>0</v>
      </c>
      <c r="AK65" s="12">
        <f>AF65/SUM(AC$2:AG$366)*Input!$D$12</f>
        <v>0</v>
      </c>
      <c r="AL65" s="12">
        <f>AG65/SUM(AC$2:AG$366)*Input!$D$12</f>
        <v>0</v>
      </c>
      <c r="AM65" s="12">
        <f t="shared" si="16"/>
        <v>8.5743912267968128</v>
      </c>
      <c r="AN65" s="12">
        <f t="shared" si="17"/>
        <v>28.58130408932271</v>
      </c>
      <c r="AO65" s="12">
        <f t="shared" si="18"/>
        <v>42.871956133984064</v>
      </c>
      <c r="AP65" s="12">
        <f t="shared" si="19"/>
        <v>205.78538944312348</v>
      </c>
      <c r="AQ65" s="12">
        <f t="shared" si="20"/>
        <v>0</v>
      </c>
      <c r="AR65" s="11">
        <f t="shared" si="21"/>
        <v>285.81304089322703</v>
      </c>
    </row>
    <row r="66" spans="16:44" x14ac:dyDescent="0.3">
      <c r="P66" s="10">
        <f t="shared" si="23"/>
        <v>45356</v>
      </c>
      <c r="Q66" s="29">
        <v>-3.4</v>
      </c>
      <c r="R66" s="29">
        <f t="shared" si="9"/>
        <v>2</v>
      </c>
      <c r="S66" s="12">
        <f t="shared" ref="S66:S129" si="52">IF(R66&gt;5,IF($Q66&lt;$G$3,$C$3,$E$3),IF($Q66&lt;$G$10,$C$10,$E$10))</f>
        <v>1.085192073005006</v>
      </c>
      <c r="T66" s="12">
        <f t="shared" ref="T66:T129" si="53">IF(R66&gt;5,IF($Q66&lt;$G$4,$C$4,$E$4),IF($Q66&lt;$G$11,$C$11,$E$11))</f>
        <v>1.4695351264848711</v>
      </c>
      <c r="U66" s="12">
        <f t="shared" ref="U66:U129" si="54">IF(R66&gt;5,IF($Q66&lt;$G$5,$C$5,$E$5),IF($Q66&lt;$G$12,$C$12,$E$12))</f>
        <v>1.771938814155029</v>
      </c>
      <c r="V66" s="12">
        <f t="shared" ref="V66:V129" si="55">IF(R66&gt;5,IF($Q66&lt;$G$6,$C$6,$E$6),IF($Q66&lt;$G$13,$C$13,$E$13))</f>
        <v>2.5404025087253199</v>
      </c>
      <c r="W66" s="12">
        <f t="shared" si="10"/>
        <v>0</v>
      </c>
      <c r="X66" s="12">
        <f t="shared" ref="X66:X129" si="56">IF(R66&gt;5,IF($Q66&lt;$G$3,$D$3,$F$3),IF($Q66&lt;$G$10,$D$10,$F$10))</f>
        <v>-1.544218835154681E-2</v>
      </c>
      <c r="Y66" s="12">
        <f t="shared" ref="Y66:Y129" si="57">IF(R66&gt;5,IF($Q66&lt;$G$4,$D$4,$F$4),IF($Q66&lt;$G$11,$D$11,$F$11))</f>
        <v>-5.875924024232846E-2</v>
      </c>
      <c r="Z66" s="12">
        <f t="shared" ref="Z66:Z129" si="58">IF(R66&gt;5,IF($Q66&lt;$G$5,$D$5,$F$5),IF($Q66&lt;$G$12,$D$12,$F$12))</f>
        <v>-9.5984753200240996E-2</v>
      </c>
      <c r="AA66" s="12">
        <f t="shared" ref="AA66:AA129" si="59">IF(R66&gt;5,IF($Q66&lt;$G$6,$D$6,$F$6),IF($Q66&lt;$G$13,$D$13,$F$13))</f>
        <v>-0.17801624965770491</v>
      </c>
      <c r="AB66" s="12">
        <f t="shared" si="11"/>
        <v>0</v>
      </c>
      <c r="AC66" s="12">
        <f t="shared" si="24"/>
        <v>1.1376955134002651</v>
      </c>
      <c r="AD66" s="12">
        <f t="shared" si="12"/>
        <v>0</v>
      </c>
      <c r="AE66" s="12">
        <f t="shared" si="13"/>
        <v>0</v>
      </c>
      <c r="AF66" s="12">
        <f t="shared" si="14"/>
        <v>0</v>
      </c>
      <c r="AG66" s="12">
        <f t="shared" si="15"/>
        <v>0</v>
      </c>
      <c r="AH66" s="12">
        <f>AC66/SUM(AC$2:AG$366)*Input!$D$12</f>
        <v>298.36743972727692</v>
      </c>
      <c r="AI66" s="12">
        <f>AD66/SUM(AC$2:AG$366)*Input!$D$12</f>
        <v>0</v>
      </c>
      <c r="AJ66" s="12">
        <f>AE66/SUM(AC$2:AG$366)*Input!$D$12</f>
        <v>0</v>
      </c>
      <c r="AK66" s="12">
        <f>AF66/SUM(AC$2:AG$366)*Input!$D$12</f>
        <v>0</v>
      </c>
      <c r="AL66" s="12">
        <f>AG66/SUM(AC$2:AG$366)*Input!$D$12</f>
        <v>0</v>
      </c>
      <c r="AM66" s="12">
        <f t="shared" si="16"/>
        <v>8.9510231918183063</v>
      </c>
      <c r="AN66" s="12">
        <f t="shared" si="17"/>
        <v>29.836743972727692</v>
      </c>
      <c r="AO66" s="12">
        <f t="shared" si="18"/>
        <v>44.755115959091533</v>
      </c>
      <c r="AP66" s="12">
        <f t="shared" si="19"/>
        <v>214.82455660363937</v>
      </c>
      <c r="AQ66" s="12">
        <f t="shared" si="20"/>
        <v>0</v>
      </c>
      <c r="AR66" s="11">
        <f t="shared" si="21"/>
        <v>298.36743972727686</v>
      </c>
    </row>
    <row r="67" spans="16:44" x14ac:dyDescent="0.3">
      <c r="P67" s="10">
        <f t="shared" si="23"/>
        <v>45357</v>
      </c>
      <c r="Q67" s="29">
        <v>-4.8</v>
      </c>
      <c r="R67" s="29">
        <f t="shared" ref="R67:R130" si="60">WEEKDAY(P67,2)</f>
        <v>3</v>
      </c>
      <c r="S67" s="12">
        <f t="shared" si="52"/>
        <v>1.085192073005006</v>
      </c>
      <c r="T67" s="12">
        <f t="shared" si="53"/>
        <v>1.4695351264848711</v>
      </c>
      <c r="U67" s="12">
        <f t="shared" si="54"/>
        <v>1.771938814155029</v>
      </c>
      <c r="V67" s="12">
        <f t="shared" si="55"/>
        <v>2.5404025087253199</v>
      </c>
      <c r="W67" s="12">
        <f t="shared" ref="W67:W130" si="61">IF(R67&lt;6,0,IF($Q67&lt;$G$7,$C$7,$E$7))</f>
        <v>0</v>
      </c>
      <c r="X67" s="12">
        <f t="shared" si="56"/>
        <v>-1.544218835154681E-2</v>
      </c>
      <c r="Y67" s="12">
        <f t="shared" si="57"/>
        <v>-5.875924024232846E-2</v>
      </c>
      <c r="Z67" s="12">
        <f t="shared" si="58"/>
        <v>-9.5984753200240996E-2</v>
      </c>
      <c r="AA67" s="12">
        <f t="shared" si="59"/>
        <v>-0.17801624965770491</v>
      </c>
      <c r="AB67" s="12">
        <f t="shared" ref="AB67:AB130" si="62">IF(R67&lt;6,0,IF($Q67&lt;$G$7,$D$7,$F$7))</f>
        <v>0</v>
      </c>
      <c r="AC67" s="12">
        <f t="shared" ref="AC67:AC130" si="63">MAX(S67+X67*$Q67,0)*IF($R67&lt;6,$B$10,$B$3)</f>
        <v>1.1593145770924307</v>
      </c>
      <c r="AD67" s="12">
        <f t="shared" ref="AD67:AD130" si="64">MAX(T67+Y67*$Q67,0)*IF($R67&lt;6,$B$11,$B$4)</f>
        <v>0</v>
      </c>
      <c r="AE67" s="12">
        <f t="shared" ref="AE67:AE130" si="65">MAX(U67+Z67*$Q67,0)*IF($R67&lt;6,$B$12,$B$5)</f>
        <v>0</v>
      </c>
      <c r="AF67" s="12">
        <f t="shared" ref="AF67:AF130" si="66">MAX(V67+AA67*$Q67,0)*IF($R67&lt;6,$B$13,$B$6)</f>
        <v>0</v>
      </c>
      <c r="AG67" s="12">
        <f t="shared" ref="AG67:AG130" si="67">MAX(W67+AB67*$Q67,0)*IF($R67&lt;6,0,$B$7)</f>
        <v>0</v>
      </c>
      <c r="AH67" s="12">
        <f>AC67/SUM(AC$2:AG$366)*Input!$D$12</f>
        <v>304.0371682329768</v>
      </c>
      <c r="AI67" s="12">
        <f>AD67/SUM(AC$2:AG$366)*Input!$D$12</f>
        <v>0</v>
      </c>
      <c r="AJ67" s="12">
        <f>AE67/SUM(AC$2:AG$366)*Input!$D$12</f>
        <v>0</v>
      </c>
      <c r="AK67" s="12">
        <f>AF67/SUM(AC$2:AG$366)*Input!$D$12</f>
        <v>0</v>
      </c>
      <c r="AL67" s="12">
        <f>AG67/SUM(AC$2:AG$366)*Input!$D$12</f>
        <v>0</v>
      </c>
      <c r="AM67" s="12">
        <f t="shared" ref="AM67:AM130" si="68">IF($R67&lt;6,AU$22*$AH67+AU$23*$AI67+AU$24*$AJ67+AU$25*$AK67,AU$31*$AH67+AU$32*$AI67+AU$33*$AJ67+AU$34*$AK67+AU$35*$AL67)</f>
        <v>9.1211150469893028</v>
      </c>
      <c r="AN67" s="12">
        <f t="shared" ref="AN67:AN130" si="69">IF($R67&lt;6,AV$22*$AH67+AV$23*$AI67+AV$24*$AJ67+AV$25*$AK67,AV$31*$AH67+AV$32*$AI67+AV$33*$AJ67+AV$34*$AK67+AV$35*$AL67)</f>
        <v>30.403716823297682</v>
      </c>
      <c r="AO67" s="12">
        <f t="shared" ref="AO67:AO130" si="70">IF($R67&lt;6,AW$22*$AH67+AW$23*$AI67+AW$24*$AJ67+AW$25*$AK67,AW$31*$AH67+AW$32*$AI67+AW$33*$AJ67+AW$34*$AK67+AW$35*$AL67)</f>
        <v>45.605575234946521</v>
      </c>
      <c r="AP67" s="12">
        <f t="shared" ref="AP67:AP130" si="71">IF($R67&lt;6,AX$22*$AH67+AX$23*$AI67+AX$24*$AJ67+AX$25*$AK67,AX$31*$AH67+AX$32*$AI67+AX$33*$AJ67+AX$34*$AK67+AX$35*$AL67)</f>
        <v>218.90676112774329</v>
      </c>
      <c r="AQ67" s="12">
        <f t="shared" ref="AQ67:AQ130" si="72">IF($R67&lt;6,AY$22*$AH67+AY$23*$AI67+AY$24*$AJ67+AY$25*$AK67,AY$31*$AH67+AY$32*$AI67+AY$33*$AJ67+AY$34*$AK67+AY$35*$AL67)</f>
        <v>0</v>
      </c>
      <c r="AR67" s="11">
        <f t="shared" ref="AR67:AR130" si="73">SUM(AM67:AQ67)</f>
        <v>304.0371682329768</v>
      </c>
    </row>
    <row r="68" spans="16:44" x14ac:dyDescent="0.3">
      <c r="P68" s="10">
        <f t="shared" ref="P68:P131" si="74">P67+1</f>
        <v>45358</v>
      </c>
      <c r="Q68" s="29">
        <v>-6.6</v>
      </c>
      <c r="R68" s="29">
        <f t="shared" si="60"/>
        <v>4</v>
      </c>
      <c r="S68" s="12">
        <f t="shared" si="52"/>
        <v>1.085192073005006</v>
      </c>
      <c r="T68" s="12">
        <f t="shared" si="53"/>
        <v>1.4695351264848711</v>
      </c>
      <c r="U68" s="12">
        <f t="shared" si="54"/>
        <v>1.771938814155029</v>
      </c>
      <c r="V68" s="12">
        <f t="shared" si="55"/>
        <v>2.5404025087253199</v>
      </c>
      <c r="W68" s="12">
        <f t="shared" si="61"/>
        <v>0</v>
      </c>
      <c r="X68" s="12">
        <f t="shared" si="56"/>
        <v>-1.544218835154681E-2</v>
      </c>
      <c r="Y68" s="12">
        <f t="shared" si="57"/>
        <v>-5.875924024232846E-2</v>
      </c>
      <c r="Z68" s="12">
        <f t="shared" si="58"/>
        <v>-9.5984753200240996E-2</v>
      </c>
      <c r="AA68" s="12">
        <f t="shared" si="59"/>
        <v>-0.17801624965770491</v>
      </c>
      <c r="AB68" s="12">
        <f t="shared" si="62"/>
        <v>0</v>
      </c>
      <c r="AC68" s="12">
        <f t="shared" si="63"/>
        <v>1.1871105161252149</v>
      </c>
      <c r="AD68" s="12">
        <f t="shared" si="64"/>
        <v>0</v>
      </c>
      <c r="AE68" s="12">
        <f t="shared" si="65"/>
        <v>0</v>
      </c>
      <c r="AF68" s="12">
        <f t="shared" si="66"/>
        <v>0</v>
      </c>
      <c r="AG68" s="12">
        <f t="shared" si="67"/>
        <v>0</v>
      </c>
      <c r="AH68" s="12">
        <f>AC68/SUM(AC$2:AG$366)*Input!$D$12</f>
        <v>311.32681916887663</v>
      </c>
      <c r="AI68" s="12">
        <f>AD68/SUM(AC$2:AG$366)*Input!$D$12</f>
        <v>0</v>
      </c>
      <c r="AJ68" s="12">
        <f>AE68/SUM(AC$2:AG$366)*Input!$D$12</f>
        <v>0</v>
      </c>
      <c r="AK68" s="12">
        <f>AF68/SUM(AC$2:AG$366)*Input!$D$12</f>
        <v>0</v>
      </c>
      <c r="AL68" s="12">
        <f>AG68/SUM(AC$2:AG$366)*Input!$D$12</f>
        <v>0</v>
      </c>
      <c r="AM68" s="12">
        <f t="shared" si="68"/>
        <v>9.3398045750662977</v>
      </c>
      <c r="AN68" s="12">
        <f t="shared" si="69"/>
        <v>31.132681916887663</v>
      </c>
      <c r="AO68" s="12">
        <f t="shared" si="70"/>
        <v>46.699022875331494</v>
      </c>
      <c r="AP68" s="12">
        <f t="shared" si="71"/>
        <v>224.15530980159116</v>
      </c>
      <c r="AQ68" s="12">
        <f t="shared" si="72"/>
        <v>0</v>
      </c>
      <c r="AR68" s="11">
        <f t="shared" si="73"/>
        <v>311.32681916887663</v>
      </c>
    </row>
    <row r="69" spans="16:44" x14ac:dyDescent="0.3">
      <c r="P69" s="10">
        <f t="shared" si="74"/>
        <v>45359</v>
      </c>
      <c r="Q69" s="29">
        <v>-7.8</v>
      </c>
      <c r="R69" s="29">
        <f t="shared" si="60"/>
        <v>5</v>
      </c>
      <c r="S69" s="12">
        <f t="shared" si="52"/>
        <v>1.085192073005006</v>
      </c>
      <c r="T69" s="12">
        <f t="shared" si="53"/>
        <v>1.4695351264848711</v>
      </c>
      <c r="U69" s="12">
        <f t="shared" si="54"/>
        <v>1.771938814155029</v>
      </c>
      <c r="V69" s="12">
        <f t="shared" si="55"/>
        <v>2.5404025087253199</v>
      </c>
      <c r="W69" s="12">
        <f t="shared" si="61"/>
        <v>0</v>
      </c>
      <c r="X69" s="12">
        <f t="shared" si="56"/>
        <v>-1.544218835154681E-2</v>
      </c>
      <c r="Y69" s="12">
        <f t="shared" si="57"/>
        <v>-5.875924024232846E-2</v>
      </c>
      <c r="Z69" s="12">
        <f t="shared" si="58"/>
        <v>-9.5984753200240996E-2</v>
      </c>
      <c r="AA69" s="12">
        <f t="shared" si="59"/>
        <v>-0.17801624965770491</v>
      </c>
      <c r="AB69" s="12">
        <f t="shared" si="62"/>
        <v>0</v>
      </c>
      <c r="AC69" s="12">
        <f t="shared" si="63"/>
        <v>1.2056411421470712</v>
      </c>
      <c r="AD69" s="12">
        <f t="shared" si="64"/>
        <v>0</v>
      </c>
      <c r="AE69" s="12">
        <f t="shared" si="65"/>
        <v>0</v>
      </c>
      <c r="AF69" s="12">
        <f t="shared" si="66"/>
        <v>0</v>
      </c>
      <c r="AG69" s="12">
        <f t="shared" si="67"/>
        <v>0</v>
      </c>
      <c r="AH69" s="12">
        <f>AC69/SUM(AC$2:AG$366)*Input!$D$12</f>
        <v>316.18658645947659</v>
      </c>
      <c r="AI69" s="12">
        <f>AD69/SUM(AC$2:AG$366)*Input!$D$12</f>
        <v>0</v>
      </c>
      <c r="AJ69" s="12">
        <f>AE69/SUM(AC$2:AG$366)*Input!$D$12</f>
        <v>0</v>
      </c>
      <c r="AK69" s="12">
        <f>AF69/SUM(AC$2:AG$366)*Input!$D$12</f>
        <v>0</v>
      </c>
      <c r="AL69" s="12">
        <f>AG69/SUM(AC$2:AG$366)*Input!$D$12</f>
        <v>0</v>
      </c>
      <c r="AM69" s="12">
        <f t="shared" si="68"/>
        <v>9.4855975937842967</v>
      </c>
      <c r="AN69" s="12">
        <f t="shared" si="69"/>
        <v>31.618658645947662</v>
      </c>
      <c r="AO69" s="12">
        <f t="shared" si="70"/>
        <v>47.427987968921485</v>
      </c>
      <c r="AP69" s="12">
        <f t="shared" si="71"/>
        <v>227.65434225082313</v>
      </c>
      <c r="AQ69" s="12">
        <f t="shared" si="72"/>
        <v>0</v>
      </c>
      <c r="AR69" s="11">
        <f t="shared" si="73"/>
        <v>316.18658645947659</v>
      </c>
    </row>
    <row r="70" spans="16:44" x14ac:dyDescent="0.3">
      <c r="P70" s="10">
        <f t="shared" si="74"/>
        <v>45360</v>
      </c>
      <c r="Q70" s="29">
        <v>-4.3</v>
      </c>
      <c r="R70" s="29">
        <f t="shared" si="60"/>
        <v>6</v>
      </c>
      <c r="S70" s="12">
        <f t="shared" si="52"/>
        <v>0.88136675487947747</v>
      </c>
      <c r="T70" s="12">
        <f t="shared" si="53"/>
        <v>0.40529111994771311</v>
      </c>
      <c r="U70" s="12">
        <f t="shared" si="54"/>
        <v>1.4791569663107089</v>
      </c>
      <c r="V70" s="12">
        <f t="shared" si="55"/>
        <v>1.31124751273035</v>
      </c>
      <c r="W70" s="12">
        <f t="shared" si="61"/>
        <v>1.9424956480203619</v>
      </c>
      <c r="X70" s="12">
        <f t="shared" si="56"/>
        <v>-1.236743869637378E-2</v>
      </c>
      <c r="Y70" s="12">
        <f t="shared" si="57"/>
        <v>-1.3226323007097701E-2</v>
      </c>
      <c r="Z70" s="12">
        <f t="shared" si="58"/>
        <v>-6.6119920832722404E-2</v>
      </c>
      <c r="AA70" s="12">
        <f t="shared" si="59"/>
        <v>-7.5310765362349638E-2</v>
      </c>
      <c r="AB70" s="12">
        <f t="shared" si="62"/>
        <v>-0.1200596025795522</v>
      </c>
      <c r="AC70" s="12">
        <f t="shared" si="63"/>
        <v>1.0596825499304581</v>
      </c>
      <c r="AD70" s="12">
        <f t="shared" si="64"/>
        <v>0.26163121525596783</v>
      </c>
      <c r="AE70" s="12">
        <f t="shared" si="65"/>
        <v>0</v>
      </c>
      <c r="AF70" s="12">
        <f t="shared" si="66"/>
        <v>0</v>
      </c>
      <c r="AG70" s="12">
        <f t="shared" si="67"/>
        <v>0</v>
      </c>
      <c r="AH70" s="12">
        <f>AC70/SUM(AC$2:AG$366)*Input!$D$12</f>
        <v>277.90807436821291</v>
      </c>
      <c r="AI70" s="12">
        <f>AD70/SUM(AC$2:AG$366)*Input!$D$12</f>
        <v>68.614347977300369</v>
      </c>
      <c r="AJ70" s="12">
        <f>AE70/SUM(AC$2:AG$366)*Input!$D$12</f>
        <v>0</v>
      </c>
      <c r="AK70" s="12">
        <f>AF70/SUM(AC$2:AG$366)*Input!$D$12</f>
        <v>0</v>
      </c>
      <c r="AL70" s="12">
        <f>AG70/SUM(AC$2:AG$366)*Input!$D$12</f>
        <v>0</v>
      </c>
      <c r="AM70" s="12">
        <f t="shared" si="68"/>
        <v>6.1814727907477822</v>
      </c>
      <c r="AN70" s="12">
        <f t="shared" si="69"/>
        <v>20.604909302492612</v>
      </c>
      <c r="AO70" s="12">
        <f t="shared" si="70"/>
        <v>30.907363953738916</v>
      </c>
      <c r="AP70" s="12">
        <f t="shared" si="71"/>
        <v>288.82867629853399</v>
      </c>
      <c r="AQ70" s="12">
        <f t="shared" si="72"/>
        <v>0</v>
      </c>
      <c r="AR70" s="11">
        <f t="shared" si="73"/>
        <v>346.52242234551329</v>
      </c>
    </row>
    <row r="71" spans="16:44" x14ac:dyDescent="0.3">
      <c r="P71" s="10">
        <f t="shared" si="74"/>
        <v>45361</v>
      </c>
      <c r="Q71" s="29">
        <v>-3.1</v>
      </c>
      <c r="R71" s="29">
        <f t="shared" si="60"/>
        <v>7</v>
      </c>
      <c r="S71" s="12">
        <f t="shared" si="52"/>
        <v>0.88136675487947747</v>
      </c>
      <c r="T71" s="12">
        <f t="shared" si="53"/>
        <v>0.40529111994771311</v>
      </c>
      <c r="U71" s="12">
        <f t="shared" si="54"/>
        <v>1.4791569663107089</v>
      </c>
      <c r="V71" s="12">
        <f t="shared" si="55"/>
        <v>1.31124751273035</v>
      </c>
      <c r="W71" s="12">
        <f t="shared" si="61"/>
        <v>1.9424956480203619</v>
      </c>
      <c r="X71" s="12">
        <f t="shared" si="56"/>
        <v>-1.236743869637378E-2</v>
      </c>
      <c r="Y71" s="12">
        <f t="shared" si="57"/>
        <v>-1.3226323007097701E-2</v>
      </c>
      <c r="Z71" s="12">
        <f t="shared" si="58"/>
        <v>-6.6119920832722404E-2</v>
      </c>
      <c r="AA71" s="12">
        <f t="shared" si="59"/>
        <v>-7.5310765362349638E-2</v>
      </c>
      <c r="AB71" s="12">
        <f t="shared" si="62"/>
        <v>-0.1200596025795522</v>
      </c>
      <c r="AC71" s="12">
        <f t="shared" si="63"/>
        <v>1.0428544234450761</v>
      </c>
      <c r="AD71" s="12">
        <f t="shared" si="64"/>
        <v>0.2526463095107862</v>
      </c>
      <c r="AE71" s="12">
        <f t="shared" si="65"/>
        <v>0</v>
      </c>
      <c r="AF71" s="12">
        <f t="shared" si="66"/>
        <v>0</v>
      </c>
      <c r="AG71" s="12">
        <f t="shared" si="67"/>
        <v>0</v>
      </c>
      <c r="AH71" s="12">
        <f>AC71/SUM(AC$2:AG$366)*Input!$D$12</f>
        <v>273.49479774392182</v>
      </c>
      <c r="AI71" s="12">
        <f>AD71/SUM(AC$2:AG$366)*Input!$D$12</f>
        <v>66.258002811300244</v>
      </c>
      <c r="AJ71" s="12">
        <f>AE71/SUM(AC$2:AG$366)*Input!$D$12</f>
        <v>0</v>
      </c>
      <c r="AK71" s="12">
        <f>AF71/SUM(AC$2:AG$366)*Input!$D$12</f>
        <v>0</v>
      </c>
      <c r="AL71" s="12">
        <f>AG71/SUM(AC$2:AG$366)*Input!$D$12</f>
        <v>0</v>
      </c>
      <c r="AM71" s="12">
        <f t="shared" si="68"/>
        <v>5.9691894424594834</v>
      </c>
      <c r="AN71" s="12">
        <f t="shared" si="69"/>
        <v>19.897298141531614</v>
      </c>
      <c r="AO71" s="12">
        <f t="shared" si="70"/>
        <v>29.845947212297418</v>
      </c>
      <c r="AP71" s="12">
        <f t="shared" si="71"/>
        <v>284.04036575893355</v>
      </c>
      <c r="AQ71" s="12">
        <f t="shared" si="72"/>
        <v>0</v>
      </c>
      <c r="AR71" s="11">
        <f t="shared" si="73"/>
        <v>339.75280055522205</v>
      </c>
    </row>
    <row r="72" spans="16:44" x14ac:dyDescent="0.3">
      <c r="P72" s="10">
        <f t="shared" si="74"/>
        <v>45362</v>
      </c>
      <c r="Q72" s="29">
        <v>-2.4</v>
      </c>
      <c r="R72" s="29">
        <f t="shared" si="60"/>
        <v>1</v>
      </c>
      <c r="S72" s="12">
        <f t="shared" si="52"/>
        <v>1.085192073005006</v>
      </c>
      <c r="T72" s="12">
        <f t="shared" si="53"/>
        <v>1.4695351264848711</v>
      </c>
      <c r="U72" s="12">
        <f t="shared" si="54"/>
        <v>1.771938814155029</v>
      </c>
      <c r="V72" s="12">
        <f t="shared" si="55"/>
        <v>2.5404025087253199</v>
      </c>
      <c r="W72" s="12">
        <f t="shared" si="61"/>
        <v>0</v>
      </c>
      <c r="X72" s="12">
        <f t="shared" si="56"/>
        <v>-1.544218835154681E-2</v>
      </c>
      <c r="Y72" s="12">
        <f t="shared" si="57"/>
        <v>-5.875924024232846E-2</v>
      </c>
      <c r="Z72" s="12">
        <f t="shared" si="58"/>
        <v>-9.5984753200240996E-2</v>
      </c>
      <c r="AA72" s="12">
        <f t="shared" si="59"/>
        <v>-0.17801624965770491</v>
      </c>
      <c r="AB72" s="12">
        <f t="shared" si="62"/>
        <v>0</v>
      </c>
      <c r="AC72" s="12">
        <f t="shared" si="63"/>
        <v>1.1222533250487183</v>
      </c>
      <c r="AD72" s="12">
        <f t="shared" si="64"/>
        <v>0</v>
      </c>
      <c r="AE72" s="12">
        <f t="shared" si="65"/>
        <v>0</v>
      </c>
      <c r="AF72" s="12">
        <f t="shared" si="66"/>
        <v>0</v>
      </c>
      <c r="AG72" s="12">
        <f t="shared" si="67"/>
        <v>0</v>
      </c>
      <c r="AH72" s="12">
        <f>AC72/SUM(AC$2:AG$366)*Input!$D$12</f>
        <v>294.31763365177693</v>
      </c>
      <c r="AI72" s="12">
        <f>AD72/SUM(AC$2:AG$366)*Input!$D$12</f>
        <v>0</v>
      </c>
      <c r="AJ72" s="12">
        <f>AE72/SUM(AC$2:AG$366)*Input!$D$12</f>
        <v>0</v>
      </c>
      <c r="AK72" s="12">
        <f>AF72/SUM(AC$2:AG$366)*Input!$D$12</f>
        <v>0</v>
      </c>
      <c r="AL72" s="12">
        <f>AG72/SUM(AC$2:AG$366)*Input!$D$12</f>
        <v>0</v>
      </c>
      <c r="AM72" s="12">
        <f t="shared" si="68"/>
        <v>8.8295290095533083</v>
      </c>
      <c r="AN72" s="12">
        <f t="shared" si="69"/>
        <v>29.431763365177694</v>
      </c>
      <c r="AO72" s="12">
        <f t="shared" si="70"/>
        <v>44.147645047766538</v>
      </c>
      <c r="AP72" s="12">
        <f t="shared" si="71"/>
        <v>211.90869622927937</v>
      </c>
      <c r="AQ72" s="12">
        <f t="shared" si="72"/>
        <v>0</v>
      </c>
      <c r="AR72" s="11">
        <f t="shared" si="73"/>
        <v>294.31763365177687</v>
      </c>
    </row>
    <row r="73" spans="16:44" x14ac:dyDescent="0.3">
      <c r="P73" s="10">
        <f t="shared" si="74"/>
        <v>45363</v>
      </c>
      <c r="Q73" s="29">
        <v>-0.4</v>
      </c>
      <c r="R73" s="29">
        <f t="shared" si="60"/>
        <v>2</v>
      </c>
      <c r="S73" s="12">
        <f t="shared" si="52"/>
        <v>1.085192073005006</v>
      </c>
      <c r="T73" s="12">
        <f t="shared" si="53"/>
        <v>1.4695351264848711</v>
      </c>
      <c r="U73" s="12">
        <f t="shared" si="54"/>
        <v>1.771938814155029</v>
      </c>
      <c r="V73" s="12">
        <f t="shared" si="55"/>
        <v>2.5404025087253199</v>
      </c>
      <c r="W73" s="12">
        <f t="shared" si="61"/>
        <v>0</v>
      </c>
      <c r="X73" s="12">
        <f t="shared" si="56"/>
        <v>-1.544218835154681E-2</v>
      </c>
      <c r="Y73" s="12">
        <f t="shared" si="57"/>
        <v>-5.875924024232846E-2</v>
      </c>
      <c r="Z73" s="12">
        <f t="shared" si="58"/>
        <v>-9.5984753200240996E-2</v>
      </c>
      <c r="AA73" s="12">
        <f t="shared" si="59"/>
        <v>-0.17801624965770491</v>
      </c>
      <c r="AB73" s="12">
        <f t="shared" si="62"/>
        <v>0</v>
      </c>
      <c r="AC73" s="12">
        <f t="shared" si="63"/>
        <v>1.0913689483456246</v>
      </c>
      <c r="AD73" s="12">
        <f t="shared" si="64"/>
        <v>0</v>
      </c>
      <c r="AE73" s="12">
        <f t="shared" si="65"/>
        <v>0</v>
      </c>
      <c r="AF73" s="12">
        <f t="shared" si="66"/>
        <v>0</v>
      </c>
      <c r="AG73" s="12">
        <f t="shared" si="67"/>
        <v>0</v>
      </c>
      <c r="AH73" s="12">
        <f>AC73/SUM(AC$2:AG$366)*Input!$D$12</f>
        <v>286.21802150077707</v>
      </c>
      <c r="AI73" s="12">
        <f>AD73/SUM(AC$2:AG$366)*Input!$D$12</f>
        <v>0</v>
      </c>
      <c r="AJ73" s="12">
        <f>AE73/SUM(AC$2:AG$366)*Input!$D$12</f>
        <v>0</v>
      </c>
      <c r="AK73" s="12">
        <f>AF73/SUM(AC$2:AG$366)*Input!$D$12</f>
        <v>0</v>
      </c>
      <c r="AL73" s="12">
        <f>AG73/SUM(AC$2:AG$366)*Input!$D$12</f>
        <v>0</v>
      </c>
      <c r="AM73" s="12">
        <f t="shared" si="68"/>
        <v>8.5865406450233124</v>
      </c>
      <c r="AN73" s="12">
        <f t="shared" si="69"/>
        <v>28.621802150077709</v>
      </c>
      <c r="AO73" s="12">
        <f t="shared" si="70"/>
        <v>42.932703225116562</v>
      </c>
      <c r="AP73" s="12">
        <f t="shared" si="71"/>
        <v>206.07697548055947</v>
      </c>
      <c r="AQ73" s="12">
        <f t="shared" si="72"/>
        <v>0</v>
      </c>
      <c r="AR73" s="11">
        <f t="shared" si="73"/>
        <v>286.21802150077701</v>
      </c>
    </row>
    <row r="74" spans="16:44" x14ac:dyDescent="0.3">
      <c r="P74" s="10">
        <f t="shared" si="74"/>
        <v>45364</v>
      </c>
      <c r="Q74" s="29">
        <v>0</v>
      </c>
      <c r="R74" s="29">
        <f t="shared" si="60"/>
        <v>3</v>
      </c>
      <c r="S74" s="12">
        <f t="shared" si="52"/>
        <v>1.085192073005006</v>
      </c>
      <c r="T74" s="12">
        <f t="shared" si="53"/>
        <v>1.4695351264848711</v>
      </c>
      <c r="U74" s="12">
        <f t="shared" si="54"/>
        <v>1.771938814155029</v>
      </c>
      <c r="V74" s="12">
        <f t="shared" si="55"/>
        <v>2.5404025087253199</v>
      </c>
      <c r="W74" s="12">
        <f t="shared" si="61"/>
        <v>0</v>
      </c>
      <c r="X74" s="12">
        <f t="shared" si="56"/>
        <v>-1.544218835154681E-2</v>
      </c>
      <c r="Y74" s="12">
        <f t="shared" si="57"/>
        <v>-5.875924024232846E-2</v>
      </c>
      <c r="Z74" s="12">
        <f t="shared" si="58"/>
        <v>-9.5984753200240996E-2</v>
      </c>
      <c r="AA74" s="12">
        <f t="shared" si="59"/>
        <v>-0.17801624965770491</v>
      </c>
      <c r="AB74" s="12">
        <f t="shared" si="62"/>
        <v>0</v>
      </c>
      <c r="AC74" s="12">
        <f t="shared" si="63"/>
        <v>1.085192073005006</v>
      </c>
      <c r="AD74" s="12">
        <f t="shared" si="64"/>
        <v>0</v>
      </c>
      <c r="AE74" s="12">
        <f t="shared" si="65"/>
        <v>0</v>
      </c>
      <c r="AF74" s="12">
        <f t="shared" si="66"/>
        <v>0</v>
      </c>
      <c r="AG74" s="12">
        <f t="shared" si="67"/>
        <v>0</v>
      </c>
      <c r="AH74" s="12">
        <f>AC74/SUM(AC$2:AG$366)*Input!$D$12</f>
        <v>284.59809907057712</v>
      </c>
      <c r="AI74" s="12">
        <f>AD74/SUM(AC$2:AG$366)*Input!$D$12</f>
        <v>0</v>
      </c>
      <c r="AJ74" s="12">
        <f>AE74/SUM(AC$2:AG$366)*Input!$D$12</f>
        <v>0</v>
      </c>
      <c r="AK74" s="12">
        <f>AF74/SUM(AC$2:AG$366)*Input!$D$12</f>
        <v>0</v>
      </c>
      <c r="AL74" s="12">
        <f>AG74/SUM(AC$2:AG$366)*Input!$D$12</f>
        <v>0</v>
      </c>
      <c r="AM74" s="12">
        <f t="shared" si="68"/>
        <v>8.5379429721173139</v>
      </c>
      <c r="AN74" s="12">
        <f t="shared" si="69"/>
        <v>28.459809907057714</v>
      </c>
      <c r="AO74" s="12">
        <f t="shared" si="70"/>
        <v>42.68971486058657</v>
      </c>
      <c r="AP74" s="12">
        <f t="shared" si="71"/>
        <v>204.91063133081551</v>
      </c>
      <c r="AQ74" s="12">
        <f t="shared" si="72"/>
        <v>0</v>
      </c>
      <c r="AR74" s="11">
        <f t="shared" si="73"/>
        <v>284.59809907057706</v>
      </c>
    </row>
    <row r="75" spans="16:44" x14ac:dyDescent="0.3">
      <c r="P75" s="10">
        <f t="shared" si="74"/>
        <v>45365</v>
      </c>
      <c r="Q75" s="29">
        <v>0.9</v>
      </c>
      <c r="R75" s="29">
        <f t="shared" si="60"/>
        <v>4</v>
      </c>
      <c r="S75" s="12">
        <f t="shared" si="52"/>
        <v>1.085192073005006</v>
      </c>
      <c r="T75" s="12">
        <f t="shared" si="53"/>
        <v>1.4695351264848711</v>
      </c>
      <c r="U75" s="12">
        <f t="shared" si="54"/>
        <v>1.771938814155029</v>
      </c>
      <c r="V75" s="12">
        <f t="shared" si="55"/>
        <v>2.5404025087253199</v>
      </c>
      <c r="W75" s="12">
        <f t="shared" si="61"/>
        <v>0</v>
      </c>
      <c r="X75" s="12">
        <f t="shared" si="56"/>
        <v>-1.544218835154681E-2</v>
      </c>
      <c r="Y75" s="12">
        <f t="shared" si="57"/>
        <v>-5.875924024232846E-2</v>
      </c>
      <c r="Z75" s="12">
        <f t="shared" si="58"/>
        <v>-9.5984753200240996E-2</v>
      </c>
      <c r="AA75" s="12">
        <f t="shared" si="59"/>
        <v>-0.17801624965770491</v>
      </c>
      <c r="AB75" s="12">
        <f t="shared" si="62"/>
        <v>0</v>
      </c>
      <c r="AC75" s="12">
        <f t="shared" si="63"/>
        <v>1.0712941034886139</v>
      </c>
      <c r="AD75" s="12">
        <f t="shared" si="64"/>
        <v>0</v>
      </c>
      <c r="AE75" s="12">
        <f t="shared" si="65"/>
        <v>0</v>
      </c>
      <c r="AF75" s="12">
        <f t="shared" si="66"/>
        <v>0</v>
      </c>
      <c r="AG75" s="12">
        <f t="shared" si="67"/>
        <v>0</v>
      </c>
      <c r="AH75" s="12">
        <f>AC75/SUM(AC$2:AG$366)*Input!$D$12</f>
        <v>280.95327360262718</v>
      </c>
      <c r="AI75" s="12">
        <f>AD75/SUM(AC$2:AG$366)*Input!$D$12</f>
        <v>0</v>
      </c>
      <c r="AJ75" s="12">
        <f>AE75/SUM(AC$2:AG$366)*Input!$D$12</f>
        <v>0</v>
      </c>
      <c r="AK75" s="12">
        <f>AF75/SUM(AC$2:AG$366)*Input!$D$12</f>
        <v>0</v>
      </c>
      <c r="AL75" s="12">
        <f>AG75/SUM(AC$2:AG$366)*Input!$D$12</f>
        <v>0</v>
      </c>
      <c r="AM75" s="12">
        <f t="shared" si="68"/>
        <v>8.4285982080788155</v>
      </c>
      <c r="AN75" s="12">
        <f t="shared" si="69"/>
        <v>28.095327360262718</v>
      </c>
      <c r="AO75" s="12">
        <f t="shared" si="70"/>
        <v>42.142991040394072</v>
      </c>
      <c r="AP75" s="12">
        <f t="shared" si="71"/>
        <v>202.28635699389156</v>
      </c>
      <c r="AQ75" s="12">
        <f t="shared" si="72"/>
        <v>0</v>
      </c>
      <c r="AR75" s="11">
        <f t="shared" si="73"/>
        <v>280.95327360262718</v>
      </c>
    </row>
    <row r="76" spans="16:44" x14ac:dyDescent="0.3">
      <c r="P76" s="10">
        <f t="shared" si="74"/>
        <v>45366</v>
      </c>
      <c r="Q76" s="29">
        <v>0.8</v>
      </c>
      <c r="R76" s="29">
        <f t="shared" si="60"/>
        <v>5</v>
      </c>
      <c r="S76" s="12">
        <f t="shared" si="52"/>
        <v>1.085192073005006</v>
      </c>
      <c r="T76" s="12">
        <f t="shared" si="53"/>
        <v>1.4695351264848711</v>
      </c>
      <c r="U76" s="12">
        <f t="shared" si="54"/>
        <v>1.771938814155029</v>
      </c>
      <c r="V76" s="12">
        <f t="shared" si="55"/>
        <v>2.5404025087253199</v>
      </c>
      <c r="W76" s="12">
        <f t="shared" si="61"/>
        <v>0</v>
      </c>
      <c r="X76" s="12">
        <f t="shared" si="56"/>
        <v>-1.544218835154681E-2</v>
      </c>
      <c r="Y76" s="12">
        <f t="shared" si="57"/>
        <v>-5.875924024232846E-2</v>
      </c>
      <c r="Z76" s="12">
        <f t="shared" si="58"/>
        <v>-9.5984753200240996E-2</v>
      </c>
      <c r="AA76" s="12">
        <f t="shared" si="59"/>
        <v>-0.17801624965770491</v>
      </c>
      <c r="AB76" s="12">
        <f t="shared" si="62"/>
        <v>0</v>
      </c>
      <c r="AC76" s="12">
        <f t="shared" si="63"/>
        <v>1.0728383223237685</v>
      </c>
      <c r="AD76" s="12">
        <f t="shared" si="64"/>
        <v>0</v>
      </c>
      <c r="AE76" s="12">
        <f t="shared" si="65"/>
        <v>0</v>
      </c>
      <c r="AF76" s="12">
        <f t="shared" si="66"/>
        <v>0</v>
      </c>
      <c r="AG76" s="12">
        <f t="shared" si="67"/>
        <v>0</v>
      </c>
      <c r="AH76" s="12">
        <f>AC76/SUM(AC$2:AG$366)*Input!$D$12</f>
        <v>281.35825421017722</v>
      </c>
      <c r="AI76" s="12">
        <f>AD76/SUM(AC$2:AG$366)*Input!$D$12</f>
        <v>0</v>
      </c>
      <c r="AJ76" s="12">
        <f>AE76/SUM(AC$2:AG$366)*Input!$D$12</f>
        <v>0</v>
      </c>
      <c r="AK76" s="12">
        <f>AF76/SUM(AC$2:AG$366)*Input!$D$12</f>
        <v>0</v>
      </c>
      <c r="AL76" s="12">
        <f>AG76/SUM(AC$2:AG$366)*Input!$D$12</f>
        <v>0</v>
      </c>
      <c r="AM76" s="12">
        <f t="shared" si="68"/>
        <v>8.4407476263053169</v>
      </c>
      <c r="AN76" s="12">
        <f t="shared" si="69"/>
        <v>28.135825421017724</v>
      </c>
      <c r="AO76" s="12">
        <f t="shared" si="70"/>
        <v>42.203738131526585</v>
      </c>
      <c r="AP76" s="12">
        <f t="shared" si="71"/>
        <v>202.57794303132758</v>
      </c>
      <c r="AQ76" s="12">
        <f t="shared" si="72"/>
        <v>0</v>
      </c>
      <c r="AR76" s="11">
        <f t="shared" si="73"/>
        <v>281.35825421017717</v>
      </c>
    </row>
    <row r="77" spans="16:44" x14ac:dyDescent="0.3">
      <c r="P77" s="10">
        <f t="shared" si="74"/>
        <v>45367</v>
      </c>
      <c r="Q77" s="29">
        <v>3.7</v>
      </c>
      <c r="R77" s="29">
        <f t="shared" si="60"/>
        <v>6</v>
      </c>
      <c r="S77" s="12">
        <f t="shared" si="52"/>
        <v>0.88136675487947747</v>
      </c>
      <c r="T77" s="12">
        <f t="shared" si="53"/>
        <v>0.40529111994771311</v>
      </c>
      <c r="U77" s="12">
        <f t="shared" si="54"/>
        <v>1.4791569663107089</v>
      </c>
      <c r="V77" s="12">
        <f t="shared" si="55"/>
        <v>1.31124751273035</v>
      </c>
      <c r="W77" s="12">
        <f t="shared" si="61"/>
        <v>1.9424956480203619</v>
      </c>
      <c r="X77" s="12">
        <f t="shared" si="56"/>
        <v>-1.236743869637378E-2</v>
      </c>
      <c r="Y77" s="12">
        <f t="shared" si="57"/>
        <v>-1.3226323007097701E-2</v>
      </c>
      <c r="Z77" s="12">
        <f t="shared" si="58"/>
        <v>-6.6119920832722404E-2</v>
      </c>
      <c r="AA77" s="12">
        <f t="shared" si="59"/>
        <v>-7.5310765362349638E-2</v>
      </c>
      <c r="AB77" s="12">
        <f t="shared" si="62"/>
        <v>-0.1200596025795522</v>
      </c>
      <c r="AC77" s="12">
        <f t="shared" si="63"/>
        <v>0.94749504002791218</v>
      </c>
      <c r="AD77" s="12">
        <f t="shared" si="64"/>
        <v>0.20173184362142374</v>
      </c>
      <c r="AE77" s="12">
        <f t="shared" si="65"/>
        <v>0</v>
      </c>
      <c r="AF77" s="12">
        <f t="shared" si="66"/>
        <v>0</v>
      </c>
      <c r="AG77" s="12">
        <f t="shared" si="67"/>
        <v>0</v>
      </c>
      <c r="AH77" s="12">
        <f>AC77/SUM(AC$2:AG$366)*Input!$D$12</f>
        <v>248.48623020627269</v>
      </c>
      <c r="AI77" s="12">
        <f>AD77/SUM(AC$2:AG$366)*Input!$D$12</f>
        <v>52.905380203966239</v>
      </c>
      <c r="AJ77" s="12">
        <f>AE77/SUM(AC$2:AG$366)*Input!$D$12</f>
        <v>0</v>
      </c>
      <c r="AK77" s="12">
        <f>AF77/SUM(AC$2:AG$366)*Input!$D$12</f>
        <v>0</v>
      </c>
      <c r="AL77" s="12">
        <f>AG77/SUM(AC$2:AG$366)*Input!$D$12</f>
        <v>0</v>
      </c>
      <c r="AM77" s="12">
        <f t="shared" si="68"/>
        <v>4.7662504688257883</v>
      </c>
      <c r="AN77" s="12">
        <f t="shared" si="69"/>
        <v>15.887501562752631</v>
      </c>
      <c r="AO77" s="12">
        <f t="shared" si="70"/>
        <v>23.831252344128945</v>
      </c>
      <c r="AP77" s="12">
        <f t="shared" si="71"/>
        <v>256.90660603453159</v>
      </c>
      <c r="AQ77" s="12">
        <f t="shared" si="72"/>
        <v>0</v>
      </c>
      <c r="AR77" s="11">
        <f t="shared" si="73"/>
        <v>301.39161041023897</v>
      </c>
    </row>
    <row r="78" spans="16:44" x14ac:dyDescent="0.3">
      <c r="P78" s="10">
        <f t="shared" si="74"/>
        <v>45368</v>
      </c>
      <c r="Q78" s="29">
        <v>2.4</v>
      </c>
      <c r="R78" s="29">
        <f t="shared" si="60"/>
        <v>7</v>
      </c>
      <c r="S78" s="12">
        <f t="shared" si="52"/>
        <v>0.88136675487947747</v>
      </c>
      <c r="T78" s="12">
        <f t="shared" si="53"/>
        <v>0.40529111994771311</v>
      </c>
      <c r="U78" s="12">
        <f t="shared" si="54"/>
        <v>1.4791569663107089</v>
      </c>
      <c r="V78" s="12">
        <f t="shared" si="55"/>
        <v>1.31124751273035</v>
      </c>
      <c r="W78" s="12">
        <f t="shared" si="61"/>
        <v>1.9424956480203619</v>
      </c>
      <c r="X78" s="12">
        <f t="shared" si="56"/>
        <v>-1.236743869637378E-2</v>
      </c>
      <c r="Y78" s="12">
        <f t="shared" si="57"/>
        <v>-1.3226323007097701E-2</v>
      </c>
      <c r="Z78" s="12">
        <f t="shared" si="58"/>
        <v>-6.6119920832722404E-2</v>
      </c>
      <c r="AA78" s="12">
        <f t="shared" si="59"/>
        <v>-7.5310765362349638E-2</v>
      </c>
      <c r="AB78" s="12">
        <f t="shared" si="62"/>
        <v>-0.1200596025795522</v>
      </c>
      <c r="AC78" s="12">
        <f t="shared" si="63"/>
        <v>0.96572551038707588</v>
      </c>
      <c r="AD78" s="12">
        <f t="shared" si="64"/>
        <v>0.21146549151203717</v>
      </c>
      <c r="AE78" s="12">
        <f t="shared" si="65"/>
        <v>0</v>
      </c>
      <c r="AF78" s="12">
        <f t="shared" si="66"/>
        <v>0</v>
      </c>
      <c r="AG78" s="12">
        <f t="shared" si="67"/>
        <v>0</v>
      </c>
      <c r="AH78" s="12">
        <f>AC78/SUM(AC$2:AG$366)*Input!$D$12</f>
        <v>253.26727988258799</v>
      </c>
      <c r="AI78" s="12">
        <f>AD78/SUM(AC$2:AG$366)*Input!$D$12</f>
        <v>55.458087467133041</v>
      </c>
      <c r="AJ78" s="12">
        <f>AE78/SUM(AC$2:AG$366)*Input!$D$12</f>
        <v>0</v>
      </c>
      <c r="AK78" s="12">
        <f>AF78/SUM(AC$2:AG$366)*Input!$D$12</f>
        <v>0</v>
      </c>
      <c r="AL78" s="12">
        <f>AG78/SUM(AC$2:AG$366)*Input!$D$12</f>
        <v>0</v>
      </c>
      <c r="AM78" s="12">
        <f t="shared" si="68"/>
        <v>4.9962240961381132</v>
      </c>
      <c r="AN78" s="12">
        <f t="shared" si="69"/>
        <v>16.65408032046038</v>
      </c>
      <c r="AO78" s="12">
        <f t="shared" si="70"/>
        <v>24.981120480690567</v>
      </c>
      <c r="AP78" s="12">
        <f t="shared" si="71"/>
        <v>262.09394245243197</v>
      </c>
      <c r="AQ78" s="12">
        <f t="shared" si="72"/>
        <v>0</v>
      </c>
      <c r="AR78" s="11">
        <f t="shared" si="73"/>
        <v>308.72536734972107</v>
      </c>
    </row>
    <row r="79" spans="16:44" x14ac:dyDescent="0.3">
      <c r="P79" s="10">
        <f t="shared" si="74"/>
        <v>45369</v>
      </c>
      <c r="Q79" s="29">
        <v>2.2000000000000002</v>
      </c>
      <c r="R79" s="29">
        <f t="shared" si="60"/>
        <v>1</v>
      </c>
      <c r="S79" s="12">
        <f t="shared" si="52"/>
        <v>1.085192073005006</v>
      </c>
      <c r="T79" s="12">
        <f t="shared" si="53"/>
        <v>1.4695351264848711</v>
      </c>
      <c r="U79" s="12">
        <f t="shared" si="54"/>
        <v>1.771938814155029</v>
      </c>
      <c r="V79" s="12">
        <f t="shared" si="55"/>
        <v>2.5404025087253199</v>
      </c>
      <c r="W79" s="12">
        <f t="shared" si="61"/>
        <v>0</v>
      </c>
      <c r="X79" s="12">
        <f t="shared" si="56"/>
        <v>-1.544218835154681E-2</v>
      </c>
      <c r="Y79" s="12">
        <f t="shared" si="57"/>
        <v>-5.875924024232846E-2</v>
      </c>
      <c r="Z79" s="12">
        <f t="shared" si="58"/>
        <v>-9.5984753200240996E-2</v>
      </c>
      <c r="AA79" s="12">
        <f t="shared" si="59"/>
        <v>-0.17801624965770491</v>
      </c>
      <c r="AB79" s="12">
        <f t="shared" si="62"/>
        <v>0</v>
      </c>
      <c r="AC79" s="12">
        <f t="shared" si="63"/>
        <v>1.0512192586316029</v>
      </c>
      <c r="AD79" s="12">
        <f t="shared" si="64"/>
        <v>0</v>
      </c>
      <c r="AE79" s="12">
        <f t="shared" si="65"/>
        <v>0</v>
      </c>
      <c r="AF79" s="12">
        <f t="shared" si="66"/>
        <v>0</v>
      </c>
      <c r="AG79" s="12">
        <f t="shared" si="67"/>
        <v>0</v>
      </c>
      <c r="AH79" s="12">
        <f>AC79/SUM(AC$2:AG$366)*Input!$D$12</f>
        <v>275.68852570447729</v>
      </c>
      <c r="AI79" s="12">
        <f>AD79/SUM(AC$2:AG$366)*Input!$D$12</f>
        <v>0</v>
      </c>
      <c r="AJ79" s="12">
        <f>AE79/SUM(AC$2:AG$366)*Input!$D$12</f>
        <v>0</v>
      </c>
      <c r="AK79" s="12">
        <f>AF79/SUM(AC$2:AG$366)*Input!$D$12</f>
        <v>0</v>
      </c>
      <c r="AL79" s="12">
        <f>AG79/SUM(AC$2:AG$366)*Input!$D$12</f>
        <v>0</v>
      </c>
      <c r="AM79" s="12">
        <f t="shared" si="68"/>
        <v>8.2706557711343187</v>
      </c>
      <c r="AN79" s="12">
        <f t="shared" si="69"/>
        <v>27.568852570447731</v>
      </c>
      <c r="AO79" s="12">
        <f t="shared" si="70"/>
        <v>41.35327885567159</v>
      </c>
      <c r="AP79" s="12">
        <f t="shared" si="71"/>
        <v>198.49573850722365</v>
      </c>
      <c r="AQ79" s="12">
        <f t="shared" si="72"/>
        <v>0</v>
      </c>
      <c r="AR79" s="11">
        <f t="shared" si="73"/>
        <v>275.68852570447729</v>
      </c>
    </row>
    <row r="80" spans="16:44" x14ac:dyDescent="0.3">
      <c r="P80" s="10">
        <f t="shared" si="74"/>
        <v>45370</v>
      </c>
      <c r="Q80" s="29">
        <v>3</v>
      </c>
      <c r="R80" s="29">
        <f t="shared" si="60"/>
        <v>2</v>
      </c>
      <c r="S80" s="12">
        <f t="shared" si="52"/>
        <v>1.0609861866589789</v>
      </c>
      <c r="T80" s="12">
        <f t="shared" si="53"/>
        <v>1.4695351264848711</v>
      </c>
      <c r="U80" s="12">
        <f t="shared" si="54"/>
        <v>1.771938814155029</v>
      </c>
      <c r="V80" s="12">
        <f t="shared" si="55"/>
        <v>2.5404025087253199</v>
      </c>
      <c r="W80" s="12">
        <f t="shared" si="61"/>
        <v>0</v>
      </c>
      <c r="X80" s="12">
        <f t="shared" si="56"/>
        <v>-7.0953309908476907E-3</v>
      </c>
      <c r="Y80" s="12">
        <f t="shared" si="57"/>
        <v>-5.875924024232846E-2</v>
      </c>
      <c r="Z80" s="12">
        <f t="shared" si="58"/>
        <v>-9.5984753200240996E-2</v>
      </c>
      <c r="AA80" s="12">
        <f t="shared" si="59"/>
        <v>-0.17801624965770491</v>
      </c>
      <c r="AB80" s="12">
        <f t="shared" si="62"/>
        <v>0</v>
      </c>
      <c r="AC80" s="12">
        <f t="shared" si="63"/>
        <v>1.0397001936864358</v>
      </c>
      <c r="AD80" s="12">
        <f t="shared" si="64"/>
        <v>0</v>
      </c>
      <c r="AE80" s="12">
        <f t="shared" si="65"/>
        <v>0</v>
      </c>
      <c r="AF80" s="12">
        <f t="shared" si="66"/>
        <v>0</v>
      </c>
      <c r="AG80" s="12">
        <f t="shared" si="67"/>
        <v>0</v>
      </c>
      <c r="AH80" s="12">
        <f>AC80/SUM(AC$2:AG$366)*Input!$D$12</f>
        <v>272.66758216091904</v>
      </c>
      <c r="AI80" s="12">
        <f>AD80/SUM(AC$2:AG$366)*Input!$D$12</f>
        <v>0</v>
      </c>
      <c r="AJ80" s="12">
        <f>AE80/SUM(AC$2:AG$366)*Input!$D$12</f>
        <v>0</v>
      </c>
      <c r="AK80" s="12">
        <f>AF80/SUM(AC$2:AG$366)*Input!$D$12</f>
        <v>0</v>
      </c>
      <c r="AL80" s="12">
        <f>AG80/SUM(AC$2:AG$366)*Input!$D$12</f>
        <v>0</v>
      </c>
      <c r="AM80" s="12">
        <f t="shared" si="68"/>
        <v>8.180027464827571</v>
      </c>
      <c r="AN80" s="12">
        <f t="shared" si="69"/>
        <v>27.266758216091905</v>
      </c>
      <c r="AO80" s="12">
        <f t="shared" si="70"/>
        <v>40.900137324137852</v>
      </c>
      <c r="AP80" s="12">
        <f t="shared" si="71"/>
        <v>196.3206591558617</v>
      </c>
      <c r="AQ80" s="12">
        <f t="shared" si="72"/>
        <v>0</v>
      </c>
      <c r="AR80" s="11">
        <f t="shared" si="73"/>
        <v>272.66758216091904</v>
      </c>
    </row>
    <row r="81" spans="16:44" x14ac:dyDescent="0.3">
      <c r="P81" s="10">
        <f t="shared" si="74"/>
        <v>45371</v>
      </c>
      <c r="Q81" s="29">
        <v>1.3</v>
      </c>
      <c r="R81" s="29">
        <f t="shared" si="60"/>
        <v>3</v>
      </c>
      <c r="S81" s="12">
        <f t="shared" si="52"/>
        <v>1.085192073005006</v>
      </c>
      <c r="T81" s="12">
        <f t="shared" si="53"/>
        <v>1.4695351264848711</v>
      </c>
      <c r="U81" s="12">
        <f t="shared" si="54"/>
        <v>1.771938814155029</v>
      </c>
      <c r="V81" s="12">
        <f t="shared" si="55"/>
        <v>2.5404025087253199</v>
      </c>
      <c r="W81" s="12">
        <f t="shared" si="61"/>
        <v>0</v>
      </c>
      <c r="X81" s="12">
        <f t="shared" si="56"/>
        <v>-1.544218835154681E-2</v>
      </c>
      <c r="Y81" s="12">
        <f t="shared" si="57"/>
        <v>-5.875924024232846E-2</v>
      </c>
      <c r="Z81" s="12">
        <f t="shared" si="58"/>
        <v>-9.5984753200240996E-2</v>
      </c>
      <c r="AA81" s="12">
        <f t="shared" si="59"/>
        <v>-0.17801624965770491</v>
      </c>
      <c r="AB81" s="12">
        <f t="shared" si="62"/>
        <v>0</v>
      </c>
      <c r="AC81" s="12">
        <f t="shared" si="63"/>
        <v>1.065117228147995</v>
      </c>
      <c r="AD81" s="12">
        <f t="shared" si="64"/>
        <v>0</v>
      </c>
      <c r="AE81" s="12">
        <f t="shared" si="65"/>
        <v>0</v>
      </c>
      <c r="AF81" s="12">
        <f t="shared" si="66"/>
        <v>0</v>
      </c>
      <c r="AG81" s="12">
        <f t="shared" si="67"/>
        <v>0</v>
      </c>
      <c r="AH81" s="12">
        <f>AC81/SUM(AC$2:AG$366)*Input!$D$12</f>
        <v>279.33335117242723</v>
      </c>
      <c r="AI81" s="12">
        <f>AD81/SUM(AC$2:AG$366)*Input!$D$12</f>
        <v>0</v>
      </c>
      <c r="AJ81" s="12">
        <f>AE81/SUM(AC$2:AG$366)*Input!$D$12</f>
        <v>0</v>
      </c>
      <c r="AK81" s="12">
        <f>AF81/SUM(AC$2:AG$366)*Input!$D$12</f>
        <v>0</v>
      </c>
      <c r="AL81" s="12">
        <f>AG81/SUM(AC$2:AG$366)*Input!$D$12</f>
        <v>0</v>
      </c>
      <c r="AM81" s="12">
        <f t="shared" si="68"/>
        <v>8.3800005351728171</v>
      </c>
      <c r="AN81" s="12">
        <f t="shared" si="69"/>
        <v>27.933335117242724</v>
      </c>
      <c r="AO81" s="12">
        <f t="shared" si="70"/>
        <v>41.90000267586408</v>
      </c>
      <c r="AP81" s="12">
        <f t="shared" si="71"/>
        <v>201.1200128441476</v>
      </c>
      <c r="AQ81" s="12">
        <f t="shared" si="72"/>
        <v>0</v>
      </c>
      <c r="AR81" s="11">
        <f t="shared" si="73"/>
        <v>279.33335117242723</v>
      </c>
    </row>
    <row r="82" spans="16:44" x14ac:dyDescent="0.3">
      <c r="P82" s="10">
        <f t="shared" si="74"/>
        <v>45372</v>
      </c>
      <c r="Q82" s="29">
        <v>0.4</v>
      </c>
      <c r="R82" s="29">
        <f t="shared" si="60"/>
        <v>4</v>
      </c>
      <c r="S82" s="12">
        <f t="shared" si="52"/>
        <v>1.085192073005006</v>
      </c>
      <c r="T82" s="12">
        <f t="shared" si="53"/>
        <v>1.4695351264848711</v>
      </c>
      <c r="U82" s="12">
        <f t="shared" si="54"/>
        <v>1.771938814155029</v>
      </c>
      <c r="V82" s="12">
        <f t="shared" si="55"/>
        <v>2.5404025087253199</v>
      </c>
      <c r="W82" s="12">
        <f t="shared" si="61"/>
        <v>0</v>
      </c>
      <c r="X82" s="12">
        <f t="shared" si="56"/>
        <v>-1.544218835154681E-2</v>
      </c>
      <c r="Y82" s="12">
        <f t="shared" si="57"/>
        <v>-5.875924024232846E-2</v>
      </c>
      <c r="Z82" s="12">
        <f t="shared" si="58"/>
        <v>-9.5984753200240996E-2</v>
      </c>
      <c r="AA82" s="12">
        <f t="shared" si="59"/>
        <v>-0.17801624965770491</v>
      </c>
      <c r="AB82" s="12">
        <f t="shared" si="62"/>
        <v>0</v>
      </c>
      <c r="AC82" s="12">
        <f t="shared" si="63"/>
        <v>1.0790151976643874</v>
      </c>
      <c r="AD82" s="12">
        <f t="shared" si="64"/>
        <v>0</v>
      </c>
      <c r="AE82" s="12">
        <f t="shared" si="65"/>
        <v>0</v>
      </c>
      <c r="AF82" s="12">
        <f t="shared" si="66"/>
        <v>0</v>
      </c>
      <c r="AG82" s="12">
        <f t="shared" si="67"/>
        <v>0</v>
      </c>
      <c r="AH82" s="12">
        <f>AC82/SUM(AC$2:AG$366)*Input!$D$12</f>
        <v>282.97817664037723</v>
      </c>
      <c r="AI82" s="12">
        <f>AD82/SUM(AC$2:AG$366)*Input!$D$12</f>
        <v>0</v>
      </c>
      <c r="AJ82" s="12">
        <f>AE82/SUM(AC$2:AG$366)*Input!$D$12</f>
        <v>0</v>
      </c>
      <c r="AK82" s="12">
        <f>AF82/SUM(AC$2:AG$366)*Input!$D$12</f>
        <v>0</v>
      </c>
      <c r="AL82" s="12">
        <f>AG82/SUM(AC$2:AG$366)*Input!$D$12</f>
        <v>0</v>
      </c>
      <c r="AM82" s="12">
        <f t="shared" si="68"/>
        <v>8.4893452992113172</v>
      </c>
      <c r="AN82" s="12">
        <f t="shared" si="69"/>
        <v>28.297817664037723</v>
      </c>
      <c r="AO82" s="12">
        <f t="shared" si="70"/>
        <v>42.446726496056584</v>
      </c>
      <c r="AP82" s="12">
        <f t="shared" si="71"/>
        <v>203.7442871810716</v>
      </c>
      <c r="AQ82" s="12">
        <f t="shared" si="72"/>
        <v>0</v>
      </c>
      <c r="AR82" s="11">
        <f t="shared" si="73"/>
        <v>282.97817664037723</v>
      </c>
    </row>
    <row r="83" spans="16:44" x14ac:dyDescent="0.3">
      <c r="P83" s="10">
        <f t="shared" si="74"/>
        <v>45373</v>
      </c>
      <c r="Q83" s="29">
        <v>1.4</v>
      </c>
      <c r="R83" s="29">
        <f t="shared" si="60"/>
        <v>5</v>
      </c>
      <c r="S83" s="12">
        <f t="shared" si="52"/>
        <v>1.085192073005006</v>
      </c>
      <c r="T83" s="12">
        <f t="shared" si="53"/>
        <v>1.4695351264848711</v>
      </c>
      <c r="U83" s="12">
        <f t="shared" si="54"/>
        <v>1.771938814155029</v>
      </c>
      <c r="V83" s="12">
        <f t="shared" si="55"/>
        <v>2.5404025087253199</v>
      </c>
      <c r="W83" s="12">
        <f t="shared" si="61"/>
        <v>0</v>
      </c>
      <c r="X83" s="12">
        <f t="shared" si="56"/>
        <v>-1.544218835154681E-2</v>
      </c>
      <c r="Y83" s="12">
        <f t="shared" si="57"/>
        <v>-5.875924024232846E-2</v>
      </c>
      <c r="Z83" s="12">
        <f t="shared" si="58"/>
        <v>-9.5984753200240996E-2</v>
      </c>
      <c r="AA83" s="12">
        <f t="shared" si="59"/>
        <v>-0.17801624965770491</v>
      </c>
      <c r="AB83" s="12">
        <f t="shared" si="62"/>
        <v>0</v>
      </c>
      <c r="AC83" s="12">
        <f t="shared" si="63"/>
        <v>1.0635730093128404</v>
      </c>
      <c r="AD83" s="12">
        <f t="shared" si="64"/>
        <v>0</v>
      </c>
      <c r="AE83" s="12">
        <f t="shared" si="65"/>
        <v>0</v>
      </c>
      <c r="AF83" s="12">
        <f t="shared" si="66"/>
        <v>0</v>
      </c>
      <c r="AG83" s="12">
        <f t="shared" si="67"/>
        <v>0</v>
      </c>
      <c r="AH83" s="12">
        <f>AC83/SUM(AC$2:AG$366)*Input!$D$12</f>
        <v>278.92837056487718</v>
      </c>
      <c r="AI83" s="12">
        <f>AD83/SUM(AC$2:AG$366)*Input!$D$12</f>
        <v>0</v>
      </c>
      <c r="AJ83" s="12">
        <f>AE83/SUM(AC$2:AG$366)*Input!$D$12</f>
        <v>0</v>
      </c>
      <c r="AK83" s="12">
        <f>AF83/SUM(AC$2:AG$366)*Input!$D$12</f>
        <v>0</v>
      </c>
      <c r="AL83" s="12">
        <f>AG83/SUM(AC$2:AG$366)*Input!$D$12</f>
        <v>0</v>
      </c>
      <c r="AM83" s="12">
        <f t="shared" si="68"/>
        <v>8.3678511169463157</v>
      </c>
      <c r="AN83" s="12">
        <f t="shared" si="69"/>
        <v>27.892837056487721</v>
      </c>
      <c r="AO83" s="12">
        <f t="shared" si="70"/>
        <v>41.839255584731575</v>
      </c>
      <c r="AP83" s="12">
        <f t="shared" si="71"/>
        <v>200.82842680671158</v>
      </c>
      <c r="AQ83" s="12">
        <f t="shared" si="72"/>
        <v>0</v>
      </c>
      <c r="AR83" s="11">
        <f t="shared" si="73"/>
        <v>278.92837056487718</v>
      </c>
    </row>
    <row r="84" spans="16:44" x14ac:dyDescent="0.3">
      <c r="P84" s="10">
        <f t="shared" si="74"/>
        <v>45374</v>
      </c>
      <c r="Q84" s="29">
        <v>1.2</v>
      </c>
      <c r="R84" s="29">
        <f t="shared" si="60"/>
        <v>6</v>
      </c>
      <c r="S84" s="12">
        <f t="shared" si="52"/>
        <v>0.88136675487947747</v>
      </c>
      <c r="T84" s="12">
        <f t="shared" si="53"/>
        <v>0.40529111994771311</v>
      </c>
      <c r="U84" s="12">
        <f t="shared" si="54"/>
        <v>1.4791569663107089</v>
      </c>
      <c r="V84" s="12">
        <f t="shared" si="55"/>
        <v>1.31124751273035</v>
      </c>
      <c r="W84" s="12">
        <f t="shared" si="61"/>
        <v>1.9424956480203619</v>
      </c>
      <c r="X84" s="12">
        <f t="shared" si="56"/>
        <v>-1.236743869637378E-2</v>
      </c>
      <c r="Y84" s="12">
        <f t="shared" si="57"/>
        <v>-1.3226323007097701E-2</v>
      </c>
      <c r="Z84" s="12">
        <f t="shared" si="58"/>
        <v>-6.6119920832722404E-2</v>
      </c>
      <c r="AA84" s="12">
        <f t="shared" si="59"/>
        <v>-7.5310765362349638E-2</v>
      </c>
      <c r="AB84" s="12">
        <f t="shared" si="62"/>
        <v>-0.1200596025795522</v>
      </c>
      <c r="AC84" s="12">
        <f t="shared" si="63"/>
        <v>0.98255363687245778</v>
      </c>
      <c r="AD84" s="12">
        <f t="shared" si="64"/>
        <v>0.22045039725721874</v>
      </c>
      <c r="AE84" s="12">
        <f t="shared" si="65"/>
        <v>0</v>
      </c>
      <c r="AF84" s="12">
        <f t="shared" si="66"/>
        <v>0</v>
      </c>
      <c r="AG84" s="12">
        <f t="shared" si="67"/>
        <v>0</v>
      </c>
      <c r="AH84" s="12">
        <f>AC84/SUM(AC$2:AG$366)*Input!$D$12</f>
        <v>257.68055650687899</v>
      </c>
      <c r="AI84" s="12">
        <f>AD84/SUM(AC$2:AG$366)*Input!$D$12</f>
        <v>57.814432633133144</v>
      </c>
      <c r="AJ84" s="12">
        <f>AE84/SUM(AC$2:AG$366)*Input!$D$12</f>
        <v>0</v>
      </c>
      <c r="AK84" s="12">
        <f>AF84/SUM(AC$2:AG$366)*Input!$D$12</f>
        <v>0</v>
      </c>
      <c r="AL84" s="12">
        <f>AG84/SUM(AC$2:AG$366)*Input!$D$12</f>
        <v>0</v>
      </c>
      <c r="AM84" s="12">
        <f t="shared" si="68"/>
        <v>5.2085074444264103</v>
      </c>
      <c r="AN84" s="12">
        <f t="shared" si="69"/>
        <v>17.361691481421371</v>
      </c>
      <c r="AO84" s="12">
        <f t="shared" si="70"/>
        <v>26.042537222132058</v>
      </c>
      <c r="AP84" s="12">
        <f t="shared" si="71"/>
        <v>266.88225299203231</v>
      </c>
      <c r="AQ84" s="12">
        <f t="shared" si="72"/>
        <v>0</v>
      </c>
      <c r="AR84" s="11">
        <f t="shared" si="73"/>
        <v>315.49498914001214</v>
      </c>
    </row>
    <row r="85" spans="16:44" x14ac:dyDescent="0.3">
      <c r="P85" s="10">
        <f t="shared" si="74"/>
        <v>45375</v>
      </c>
      <c r="Q85" s="29">
        <v>-1.3</v>
      </c>
      <c r="R85" s="29">
        <f t="shared" si="60"/>
        <v>7</v>
      </c>
      <c r="S85" s="12">
        <f t="shared" si="52"/>
        <v>0.88136675487947747</v>
      </c>
      <c r="T85" s="12">
        <f t="shared" si="53"/>
        <v>0.40529111994771311</v>
      </c>
      <c r="U85" s="12">
        <f t="shared" si="54"/>
        <v>1.4791569663107089</v>
      </c>
      <c r="V85" s="12">
        <f t="shared" si="55"/>
        <v>1.31124751273035</v>
      </c>
      <c r="W85" s="12">
        <f t="shared" si="61"/>
        <v>1.9424956480203619</v>
      </c>
      <c r="X85" s="12">
        <f t="shared" si="56"/>
        <v>-1.236743869637378E-2</v>
      </c>
      <c r="Y85" s="12">
        <f t="shared" si="57"/>
        <v>-1.3226323007097701E-2</v>
      </c>
      <c r="Z85" s="12">
        <f t="shared" si="58"/>
        <v>-6.6119920832722404E-2</v>
      </c>
      <c r="AA85" s="12">
        <f t="shared" si="59"/>
        <v>-7.5310765362349638E-2</v>
      </c>
      <c r="AB85" s="12">
        <f t="shared" si="62"/>
        <v>-0.1200596025795522</v>
      </c>
      <c r="AC85" s="12">
        <f t="shared" si="63"/>
        <v>1.0176122337170033</v>
      </c>
      <c r="AD85" s="12">
        <f t="shared" si="64"/>
        <v>0.23916895089301379</v>
      </c>
      <c r="AE85" s="12">
        <f t="shared" si="65"/>
        <v>0</v>
      </c>
      <c r="AF85" s="12">
        <f t="shared" si="66"/>
        <v>0</v>
      </c>
      <c r="AG85" s="12">
        <f t="shared" si="67"/>
        <v>0</v>
      </c>
      <c r="AH85" s="12">
        <f>AC85/SUM(AC$2:AG$366)*Input!$D$12</f>
        <v>266.87488280748528</v>
      </c>
      <c r="AI85" s="12">
        <f>AD85/SUM(AC$2:AG$366)*Input!$D$12</f>
        <v>62.723485062300071</v>
      </c>
      <c r="AJ85" s="12">
        <f>AE85/SUM(AC$2:AG$366)*Input!$D$12</f>
        <v>0</v>
      </c>
      <c r="AK85" s="12">
        <f>AF85/SUM(AC$2:AG$366)*Input!$D$12</f>
        <v>0</v>
      </c>
      <c r="AL85" s="12">
        <f>AG85/SUM(AC$2:AG$366)*Input!$D$12</f>
        <v>0</v>
      </c>
      <c r="AM85" s="12">
        <f t="shared" si="68"/>
        <v>5.6507644200270351</v>
      </c>
      <c r="AN85" s="12">
        <f t="shared" si="69"/>
        <v>18.83588140009012</v>
      </c>
      <c r="AO85" s="12">
        <f t="shared" si="70"/>
        <v>28.253822100135178</v>
      </c>
      <c r="AP85" s="12">
        <f t="shared" si="71"/>
        <v>276.85789994953302</v>
      </c>
      <c r="AQ85" s="12">
        <f t="shared" si="72"/>
        <v>0</v>
      </c>
      <c r="AR85" s="11">
        <f t="shared" si="73"/>
        <v>329.59836786978536</v>
      </c>
    </row>
    <row r="86" spans="16:44" x14ac:dyDescent="0.3">
      <c r="P86" s="10">
        <f t="shared" si="74"/>
        <v>45376</v>
      </c>
      <c r="Q86" s="29">
        <v>-1.6</v>
      </c>
      <c r="R86" s="29">
        <f t="shared" si="60"/>
        <v>1</v>
      </c>
      <c r="S86" s="12">
        <f t="shared" si="52"/>
        <v>1.085192073005006</v>
      </c>
      <c r="T86" s="12">
        <f t="shared" si="53"/>
        <v>1.4695351264848711</v>
      </c>
      <c r="U86" s="12">
        <f t="shared" si="54"/>
        <v>1.771938814155029</v>
      </c>
      <c r="V86" s="12">
        <f t="shared" si="55"/>
        <v>2.5404025087253199</v>
      </c>
      <c r="W86" s="12">
        <f t="shared" si="61"/>
        <v>0</v>
      </c>
      <c r="X86" s="12">
        <f t="shared" si="56"/>
        <v>-1.544218835154681E-2</v>
      </c>
      <c r="Y86" s="12">
        <f t="shared" si="57"/>
        <v>-5.875924024232846E-2</v>
      </c>
      <c r="Z86" s="12">
        <f t="shared" si="58"/>
        <v>-9.5984753200240996E-2</v>
      </c>
      <c r="AA86" s="12">
        <f t="shared" si="59"/>
        <v>-0.17801624965770491</v>
      </c>
      <c r="AB86" s="12">
        <f t="shared" si="62"/>
        <v>0</v>
      </c>
      <c r="AC86" s="12">
        <f t="shared" si="63"/>
        <v>1.1098995743674809</v>
      </c>
      <c r="AD86" s="12">
        <f t="shared" si="64"/>
        <v>0</v>
      </c>
      <c r="AE86" s="12">
        <f t="shared" si="65"/>
        <v>0</v>
      </c>
      <c r="AF86" s="12">
        <f t="shared" si="66"/>
        <v>0</v>
      </c>
      <c r="AG86" s="12">
        <f t="shared" si="67"/>
        <v>0</v>
      </c>
      <c r="AH86" s="12">
        <f>AC86/SUM(AC$2:AG$366)*Input!$D$12</f>
        <v>291.07778879137703</v>
      </c>
      <c r="AI86" s="12">
        <f>AD86/SUM(AC$2:AG$366)*Input!$D$12</f>
        <v>0</v>
      </c>
      <c r="AJ86" s="12">
        <f>AE86/SUM(AC$2:AG$366)*Input!$D$12</f>
        <v>0</v>
      </c>
      <c r="AK86" s="12">
        <f>AF86/SUM(AC$2:AG$366)*Input!$D$12</f>
        <v>0</v>
      </c>
      <c r="AL86" s="12">
        <f>AG86/SUM(AC$2:AG$366)*Input!$D$12</f>
        <v>0</v>
      </c>
      <c r="AM86" s="12">
        <f t="shared" si="68"/>
        <v>8.7323336637413114</v>
      </c>
      <c r="AN86" s="12">
        <f t="shared" si="69"/>
        <v>29.107778879137705</v>
      </c>
      <c r="AO86" s="12">
        <f t="shared" si="70"/>
        <v>43.661668318706553</v>
      </c>
      <c r="AP86" s="12">
        <f t="shared" si="71"/>
        <v>209.57600792979144</v>
      </c>
      <c r="AQ86" s="12">
        <f t="shared" si="72"/>
        <v>0</v>
      </c>
      <c r="AR86" s="11">
        <f t="shared" si="73"/>
        <v>291.07778879137697</v>
      </c>
    </row>
    <row r="87" spans="16:44" x14ac:dyDescent="0.3">
      <c r="P87" s="10">
        <f t="shared" si="74"/>
        <v>45377</v>
      </c>
      <c r="Q87" s="29">
        <v>-2.2000000000000002</v>
      </c>
      <c r="R87" s="29">
        <f t="shared" si="60"/>
        <v>2</v>
      </c>
      <c r="S87" s="12">
        <f t="shared" si="52"/>
        <v>1.085192073005006</v>
      </c>
      <c r="T87" s="12">
        <f t="shared" si="53"/>
        <v>1.4695351264848711</v>
      </c>
      <c r="U87" s="12">
        <f t="shared" si="54"/>
        <v>1.771938814155029</v>
      </c>
      <c r="V87" s="12">
        <f t="shared" si="55"/>
        <v>2.5404025087253199</v>
      </c>
      <c r="W87" s="12">
        <f t="shared" si="61"/>
        <v>0</v>
      </c>
      <c r="X87" s="12">
        <f t="shared" si="56"/>
        <v>-1.544218835154681E-2</v>
      </c>
      <c r="Y87" s="12">
        <f t="shared" si="57"/>
        <v>-5.875924024232846E-2</v>
      </c>
      <c r="Z87" s="12">
        <f t="shared" si="58"/>
        <v>-9.5984753200240996E-2</v>
      </c>
      <c r="AA87" s="12">
        <f t="shared" si="59"/>
        <v>-0.17801624965770491</v>
      </c>
      <c r="AB87" s="12">
        <f t="shared" si="62"/>
        <v>0</v>
      </c>
      <c r="AC87" s="12">
        <f t="shared" si="63"/>
        <v>1.119164887378409</v>
      </c>
      <c r="AD87" s="12">
        <f t="shared" si="64"/>
        <v>0</v>
      </c>
      <c r="AE87" s="12">
        <f t="shared" si="65"/>
        <v>0</v>
      </c>
      <c r="AF87" s="12">
        <f t="shared" si="66"/>
        <v>0</v>
      </c>
      <c r="AG87" s="12">
        <f t="shared" si="67"/>
        <v>0</v>
      </c>
      <c r="AH87" s="12">
        <f>AC87/SUM(AC$2:AG$366)*Input!$D$12</f>
        <v>293.50767243667696</v>
      </c>
      <c r="AI87" s="12">
        <f>AD87/SUM(AC$2:AG$366)*Input!$D$12</f>
        <v>0</v>
      </c>
      <c r="AJ87" s="12">
        <f>AE87/SUM(AC$2:AG$366)*Input!$D$12</f>
        <v>0</v>
      </c>
      <c r="AK87" s="12">
        <f>AF87/SUM(AC$2:AG$366)*Input!$D$12</f>
        <v>0</v>
      </c>
      <c r="AL87" s="12">
        <f>AG87/SUM(AC$2:AG$366)*Input!$D$12</f>
        <v>0</v>
      </c>
      <c r="AM87" s="12">
        <f t="shared" si="68"/>
        <v>8.8052301731003091</v>
      </c>
      <c r="AN87" s="12">
        <f t="shared" si="69"/>
        <v>29.350767243667697</v>
      </c>
      <c r="AO87" s="12">
        <f t="shared" si="70"/>
        <v>44.026150865501542</v>
      </c>
      <c r="AP87" s="12">
        <f t="shared" si="71"/>
        <v>211.32552415440739</v>
      </c>
      <c r="AQ87" s="12">
        <f t="shared" si="72"/>
        <v>0</v>
      </c>
      <c r="AR87" s="11">
        <f t="shared" si="73"/>
        <v>293.5076724366769</v>
      </c>
    </row>
    <row r="88" spans="16:44" x14ac:dyDescent="0.3">
      <c r="P88" s="10">
        <f t="shared" si="74"/>
        <v>45378</v>
      </c>
      <c r="Q88" s="29">
        <v>-3.3</v>
      </c>
      <c r="R88" s="29">
        <f t="shared" si="60"/>
        <v>3</v>
      </c>
      <c r="S88" s="12">
        <f t="shared" si="52"/>
        <v>1.085192073005006</v>
      </c>
      <c r="T88" s="12">
        <f t="shared" si="53"/>
        <v>1.4695351264848711</v>
      </c>
      <c r="U88" s="12">
        <f t="shared" si="54"/>
        <v>1.771938814155029</v>
      </c>
      <c r="V88" s="12">
        <f t="shared" si="55"/>
        <v>2.5404025087253199</v>
      </c>
      <c r="W88" s="12">
        <f t="shared" si="61"/>
        <v>0</v>
      </c>
      <c r="X88" s="12">
        <f t="shared" si="56"/>
        <v>-1.544218835154681E-2</v>
      </c>
      <c r="Y88" s="12">
        <f t="shared" si="57"/>
        <v>-5.875924024232846E-2</v>
      </c>
      <c r="Z88" s="12">
        <f t="shared" si="58"/>
        <v>-9.5984753200240996E-2</v>
      </c>
      <c r="AA88" s="12">
        <f t="shared" si="59"/>
        <v>-0.17801624965770491</v>
      </c>
      <c r="AB88" s="12">
        <f t="shared" si="62"/>
        <v>0</v>
      </c>
      <c r="AC88" s="12">
        <f t="shared" si="63"/>
        <v>1.1361512945651104</v>
      </c>
      <c r="AD88" s="12">
        <f t="shared" si="64"/>
        <v>0</v>
      </c>
      <c r="AE88" s="12">
        <f t="shared" si="65"/>
        <v>0</v>
      </c>
      <c r="AF88" s="12">
        <f t="shared" si="66"/>
        <v>0</v>
      </c>
      <c r="AG88" s="12">
        <f t="shared" si="67"/>
        <v>0</v>
      </c>
      <c r="AH88" s="12">
        <f>AC88/SUM(AC$2:AG$366)*Input!$D$12</f>
        <v>297.96245911972687</v>
      </c>
      <c r="AI88" s="12">
        <f>AD88/SUM(AC$2:AG$366)*Input!$D$12</f>
        <v>0</v>
      </c>
      <c r="AJ88" s="12">
        <f>AE88/SUM(AC$2:AG$366)*Input!$D$12</f>
        <v>0</v>
      </c>
      <c r="AK88" s="12">
        <f>AF88/SUM(AC$2:AG$366)*Input!$D$12</f>
        <v>0</v>
      </c>
      <c r="AL88" s="12">
        <f>AG88/SUM(AC$2:AG$366)*Input!$D$12</f>
        <v>0</v>
      </c>
      <c r="AM88" s="12">
        <f t="shared" si="68"/>
        <v>8.9388737735918067</v>
      </c>
      <c r="AN88" s="12">
        <f t="shared" si="69"/>
        <v>29.79624591197269</v>
      </c>
      <c r="AO88" s="12">
        <f t="shared" si="70"/>
        <v>44.694368867959028</v>
      </c>
      <c r="AP88" s="12">
        <f t="shared" si="71"/>
        <v>214.53297056620335</v>
      </c>
      <c r="AQ88" s="12">
        <f t="shared" si="72"/>
        <v>0</v>
      </c>
      <c r="AR88" s="11">
        <f t="shared" si="73"/>
        <v>297.96245911972687</v>
      </c>
    </row>
    <row r="89" spans="16:44" x14ac:dyDescent="0.3">
      <c r="P89" s="10">
        <f t="shared" si="74"/>
        <v>45379</v>
      </c>
      <c r="Q89" s="29">
        <v>-2.9</v>
      </c>
      <c r="R89" s="29">
        <f t="shared" si="60"/>
        <v>4</v>
      </c>
      <c r="S89" s="12">
        <f t="shared" si="52"/>
        <v>1.085192073005006</v>
      </c>
      <c r="T89" s="12">
        <f t="shared" si="53"/>
        <v>1.4695351264848711</v>
      </c>
      <c r="U89" s="12">
        <f t="shared" si="54"/>
        <v>1.771938814155029</v>
      </c>
      <c r="V89" s="12">
        <f t="shared" si="55"/>
        <v>2.5404025087253199</v>
      </c>
      <c r="W89" s="12">
        <f t="shared" si="61"/>
        <v>0</v>
      </c>
      <c r="X89" s="12">
        <f t="shared" si="56"/>
        <v>-1.544218835154681E-2</v>
      </c>
      <c r="Y89" s="12">
        <f t="shared" si="57"/>
        <v>-5.875924024232846E-2</v>
      </c>
      <c r="Z89" s="12">
        <f t="shared" si="58"/>
        <v>-9.5984753200240996E-2</v>
      </c>
      <c r="AA89" s="12">
        <f t="shared" si="59"/>
        <v>-0.17801624965770491</v>
      </c>
      <c r="AB89" s="12">
        <f t="shared" si="62"/>
        <v>0</v>
      </c>
      <c r="AC89" s="12">
        <f t="shared" si="63"/>
        <v>1.1299744192244918</v>
      </c>
      <c r="AD89" s="12">
        <f t="shared" si="64"/>
        <v>0</v>
      </c>
      <c r="AE89" s="12">
        <f t="shared" si="65"/>
        <v>0</v>
      </c>
      <c r="AF89" s="12">
        <f t="shared" si="66"/>
        <v>0</v>
      </c>
      <c r="AG89" s="12">
        <f t="shared" si="67"/>
        <v>0</v>
      </c>
      <c r="AH89" s="12">
        <f>AC89/SUM(AC$2:AG$366)*Input!$D$12</f>
        <v>296.34253668952692</v>
      </c>
      <c r="AI89" s="12">
        <f>AD89/SUM(AC$2:AG$366)*Input!$D$12</f>
        <v>0</v>
      </c>
      <c r="AJ89" s="12">
        <f>AE89/SUM(AC$2:AG$366)*Input!$D$12</f>
        <v>0</v>
      </c>
      <c r="AK89" s="12">
        <f>AF89/SUM(AC$2:AG$366)*Input!$D$12</f>
        <v>0</v>
      </c>
      <c r="AL89" s="12">
        <f>AG89/SUM(AC$2:AG$366)*Input!$D$12</f>
        <v>0</v>
      </c>
      <c r="AM89" s="12">
        <f t="shared" si="68"/>
        <v>8.8902761006858082</v>
      </c>
      <c r="AN89" s="12">
        <f t="shared" si="69"/>
        <v>29.634253668952695</v>
      </c>
      <c r="AO89" s="12">
        <f t="shared" si="70"/>
        <v>44.451380503429036</v>
      </c>
      <c r="AP89" s="12">
        <f t="shared" si="71"/>
        <v>213.36662641645938</v>
      </c>
      <c r="AQ89" s="12">
        <f t="shared" si="72"/>
        <v>0</v>
      </c>
      <c r="AR89" s="11">
        <f t="shared" si="73"/>
        <v>296.34253668952692</v>
      </c>
    </row>
    <row r="90" spans="16:44" x14ac:dyDescent="0.3">
      <c r="P90" s="10">
        <f t="shared" si="74"/>
        <v>45380</v>
      </c>
      <c r="Q90" s="29">
        <v>-2.2999999999999998</v>
      </c>
      <c r="R90" s="29">
        <f t="shared" si="60"/>
        <v>5</v>
      </c>
      <c r="S90" s="12">
        <f t="shared" si="52"/>
        <v>1.085192073005006</v>
      </c>
      <c r="T90" s="12">
        <f t="shared" si="53"/>
        <v>1.4695351264848711</v>
      </c>
      <c r="U90" s="12">
        <f t="shared" si="54"/>
        <v>1.771938814155029</v>
      </c>
      <c r="V90" s="12">
        <f t="shared" si="55"/>
        <v>2.5404025087253199</v>
      </c>
      <c r="W90" s="12">
        <f t="shared" si="61"/>
        <v>0</v>
      </c>
      <c r="X90" s="12">
        <f t="shared" si="56"/>
        <v>-1.544218835154681E-2</v>
      </c>
      <c r="Y90" s="12">
        <f t="shared" si="57"/>
        <v>-5.875924024232846E-2</v>
      </c>
      <c r="Z90" s="12">
        <f t="shared" si="58"/>
        <v>-9.5984753200240996E-2</v>
      </c>
      <c r="AA90" s="12">
        <f t="shared" si="59"/>
        <v>-0.17801624965770491</v>
      </c>
      <c r="AB90" s="12">
        <f t="shared" si="62"/>
        <v>0</v>
      </c>
      <c r="AC90" s="12">
        <f t="shared" si="63"/>
        <v>1.1207091062135637</v>
      </c>
      <c r="AD90" s="12">
        <f t="shared" si="64"/>
        <v>0</v>
      </c>
      <c r="AE90" s="12">
        <f t="shared" si="65"/>
        <v>0</v>
      </c>
      <c r="AF90" s="12">
        <f t="shared" si="66"/>
        <v>0</v>
      </c>
      <c r="AG90" s="12">
        <f t="shared" si="67"/>
        <v>0</v>
      </c>
      <c r="AH90" s="12">
        <f>AC90/SUM(AC$2:AG$366)*Input!$D$12</f>
        <v>293.912653044227</v>
      </c>
      <c r="AI90" s="12">
        <f>AD90/SUM(AC$2:AG$366)*Input!$D$12</f>
        <v>0</v>
      </c>
      <c r="AJ90" s="12">
        <f>AE90/SUM(AC$2:AG$366)*Input!$D$12</f>
        <v>0</v>
      </c>
      <c r="AK90" s="12">
        <f>AF90/SUM(AC$2:AG$366)*Input!$D$12</f>
        <v>0</v>
      </c>
      <c r="AL90" s="12">
        <f>AG90/SUM(AC$2:AG$366)*Input!$D$12</f>
        <v>0</v>
      </c>
      <c r="AM90" s="12">
        <f t="shared" si="68"/>
        <v>8.8173795913268105</v>
      </c>
      <c r="AN90" s="12">
        <f t="shared" si="69"/>
        <v>29.391265304422703</v>
      </c>
      <c r="AO90" s="12">
        <f t="shared" si="70"/>
        <v>44.086897956634047</v>
      </c>
      <c r="AP90" s="12">
        <f t="shared" si="71"/>
        <v>211.61711019184344</v>
      </c>
      <c r="AQ90" s="12">
        <f t="shared" si="72"/>
        <v>0</v>
      </c>
      <c r="AR90" s="11">
        <f t="shared" si="73"/>
        <v>293.912653044227</v>
      </c>
    </row>
    <row r="91" spans="16:44" x14ac:dyDescent="0.3">
      <c r="P91" s="10">
        <f t="shared" si="74"/>
        <v>45381</v>
      </c>
      <c r="Q91" s="29">
        <v>-0.3</v>
      </c>
      <c r="R91" s="29">
        <f t="shared" si="60"/>
        <v>6</v>
      </c>
      <c r="S91" s="12">
        <f t="shared" si="52"/>
        <v>0.88136675487947747</v>
      </c>
      <c r="T91" s="12">
        <f t="shared" si="53"/>
        <v>0.40529111994771311</v>
      </c>
      <c r="U91" s="12">
        <f t="shared" si="54"/>
        <v>1.4791569663107089</v>
      </c>
      <c r="V91" s="12">
        <f t="shared" si="55"/>
        <v>1.31124751273035</v>
      </c>
      <c r="W91" s="12">
        <f t="shared" si="61"/>
        <v>1.9424956480203619</v>
      </c>
      <c r="X91" s="12">
        <f t="shared" si="56"/>
        <v>-1.236743869637378E-2</v>
      </c>
      <c r="Y91" s="12">
        <f t="shared" si="57"/>
        <v>-1.3226323007097701E-2</v>
      </c>
      <c r="Z91" s="12">
        <f t="shared" si="58"/>
        <v>-6.6119920832722404E-2</v>
      </c>
      <c r="AA91" s="12">
        <f t="shared" si="59"/>
        <v>-7.5310765362349638E-2</v>
      </c>
      <c r="AB91" s="12">
        <f t="shared" si="62"/>
        <v>-0.1200596025795522</v>
      </c>
      <c r="AC91" s="12">
        <f t="shared" si="63"/>
        <v>1.0035887949791851</v>
      </c>
      <c r="AD91" s="12">
        <f t="shared" si="64"/>
        <v>0.23168152943869574</v>
      </c>
      <c r="AE91" s="12">
        <f t="shared" si="65"/>
        <v>0</v>
      </c>
      <c r="AF91" s="12">
        <f t="shared" si="66"/>
        <v>0</v>
      </c>
      <c r="AG91" s="12">
        <f t="shared" si="67"/>
        <v>0</v>
      </c>
      <c r="AH91" s="12">
        <f>AC91/SUM(AC$2:AG$366)*Input!$D$12</f>
        <v>263.19715228724277</v>
      </c>
      <c r="AI91" s="12">
        <f>AD91/SUM(AC$2:AG$366)*Input!$D$12</f>
        <v>60.759864090633286</v>
      </c>
      <c r="AJ91" s="12">
        <f>AE91/SUM(AC$2:AG$366)*Input!$D$12</f>
        <v>0</v>
      </c>
      <c r="AK91" s="12">
        <f>AF91/SUM(AC$2:AG$366)*Input!$D$12</f>
        <v>0</v>
      </c>
      <c r="AL91" s="12">
        <f>AG91/SUM(AC$2:AG$366)*Input!$D$12</f>
        <v>0</v>
      </c>
      <c r="AM91" s="12">
        <f t="shared" si="68"/>
        <v>5.4738616297867839</v>
      </c>
      <c r="AN91" s="12">
        <f t="shared" si="69"/>
        <v>18.246205432622617</v>
      </c>
      <c r="AO91" s="12">
        <f t="shared" si="70"/>
        <v>27.369308148933925</v>
      </c>
      <c r="AP91" s="12">
        <f t="shared" si="71"/>
        <v>272.86764116653274</v>
      </c>
      <c r="AQ91" s="12">
        <f t="shared" si="72"/>
        <v>0</v>
      </c>
      <c r="AR91" s="11">
        <f t="shared" si="73"/>
        <v>323.95701637787607</v>
      </c>
    </row>
    <row r="92" spans="16:44" x14ac:dyDescent="0.3">
      <c r="P92" s="10">
        <f t="shared" si="74"/>
        <v>45382</v>
      </c>
      <c r="Q92" s="29">
        <v>0.9</v>
      </c>
      <c r="R92" s="29">
        <f t="shared" si="60"/>
        <v>7</v>
      </c>
      <c r="S92" s="12">
        <f t="shared" si="52"/>
        <v>0.88136675487947747</v>
      </c>
      <c r="T92" s="12">
        <f t="shared" si="53"/>
        <v>0.40529111994771311</v>
      </c>
      <c r="U92" s="12">
        <f t="shared" si="54"/>
        <v>1.4791569663107089</v>
      </c>
      <c r="V92" s="12">
        <f t="shared" si="55"/>
        <v>1.31124751273035</v>
      </c>
      <c r="W92" s="12">
        <f t="shared" si="61"/>
        <v>1.9424956480203619</v>
      </c>
      <c r="X92" s="12">
        <f t="shared" si="56"/>
        <v>-1.236743869637378E-2</v>
      </c>
      <c r="Y92" s="12">
        <f t="shared" si="57"/>
        <v>-1.3226323007097701E-2</v>
      </c>
      <c r="Z92" s="12">
        <f t="shared" si="58"/>
        <v>-6.6119920832722404E-2</v>
      </c>
      <c r="AA92" s="12">
        <f t="shared" si="59"/>
        <v>-7.5310765362349638E-2</v>
      </c>
      <c r="AB92" s="12">
        <f t="shared" si="62"/>
        <v>-0.1200596025795522</v>
      </c>
      <c r="AC92" s="12">
        <f t="shared" si="63"/>
        <v>0.98676066849380317</v>
      </c>
      <c r="AD92" s="12">
        <f t="shared" si="64"/>
        <v>0.22269662369351417</v>
      </c>
      <c r="AE92" s="12">
        <f t="shared" si="65"/>
        <v>0</v>
      </c>
      <c r="AF92" s="12">
        <f t="shared" si="66"/>
        <v>0</v>
      </c>
      <c r="AG92" s="12">
        <f t="shared" si="67"/>
        <v>0</v>
      </c>
      <c r="AH92" s="12">
        <f>AC92/SUM(AC$2:AG$366)*Input!$D$12</f>
        <v>258.78387566295174</v>
      </c>
      <c r="AI92" s="12">
        <f>AD92/SUM(AC$2:AG$366)*Input!$D$12</f>
        <v>58.403518924633183</v>
      </c>
      <c r="AJ92" s="12">
        <f>AE92/SUM(AC$2:AG$366)*Input!$D$12</f>
        <v>0</v>
      </c>
      <c r="AK92" s="12">
        <f>AF92/SUM(AC$2:AG$366)*Input!$D$12</f>
        <v>0</v>
      </c>
      <c r="AL92" s="12">
        <f>AG92/SUM(AC$2:AG$366)*Input!$D$12</f>
        <v>0</v>
      </c>
      <c r="AM92" s="12">
        <f t="shared" si="68"/>
        <v>5.2615782814984859</v>
      </c>
      <c r="AN92" s="12">
        <f t="shared" si="69"/>
        <v>17.538594271661623</v>
      </c>
      <c r="AO92" s="12">
        <f t="shared" si="70"/>
        <v>26.307891407492434</v>
      </c>
      <c r="AP92" s="12">
        <f t="shared" si="71"/>
        <v>268.0793306269324</v>
      </c>
      <c r="AQ92" s="12">
        <f t="shared" si="72"/>
        <v>0</v>
      </c>
      <c r="AR92" s="11">
        <f t="shared" si="73"/>
        <v>317.18739458758495</v>
      </c>
    </row>
    <row r="93" spans="16:44" x14ac:dyDescent="0.3">
      <c r="P93" s="10">
        <f t="shared" si="74"/>
        <v>45383</v>
      </c>
      <c r="Q93" s="29">
        <v>1.8</v>
      </c>
      <c r="R93" s="29">
        <f t="shared" si="60"/>
        <v>1</v>
      </c>
      <c r="S93" s="12">
        <f t="shared" si="52"/>
        <v>1.085192073005006</v>
      </c>
      <c r="T93" s="12">
        <f t="shared" si="53"/>
        <v>1.4695351264848711</v>
      </c>
      <c r="U93" s="12">
        <f t="shared" si="54"/>
        <v>1.771938814155029</v>
      </c>
      <c r="V93" s="12">
        <f t="shared" si="55"/>
        <v>2.5404025087253199</v>
      </c>
      <c r="W93" s="12">
        <f t="shared" si="61"/>
        <v>0</v>
      </c>
      <c r="X93" s="12">
        <f t="shared" si="56"/>
        <v>-1.544218835154681E-2</v>
      </c>
      <c r="Y93" s="12">
        <f t="shared" si="57"/>
        <v>-5.875924024232846E-2</v>
      </c>
      <c r="Z93" s="12">
        <f t="shared" si="58"/>
        <v>-9.5984753200240996E-2</v>
      </c>
      <c r="AA93" s="12">
        <f t="shared" si="59"/>
        <v>-0.17801624965770491</v>
      </c>
      <c r="AB93" s="12">
        <f t="shared" si="62"/>
        <v>0</v>
      </c>
      <c r="AC93" s="12">
        <f t="shared" si="63"/>
        <v>1.0573961339722218</v>
      </c>
      <c r="AD93" s="12">
        <f t="shared" si="64"/>
        <v>0</v>
      </c>
      <c r="AE93" s="12">
        <f t="shared" si="65"/>
        <v>0</v>
      </c>
      <c r="AF93" s="12">
        <f t="shared" si="66"/>
        <v>0</v>
      </c>
      <c r="AG93" s="12">
        <f t="shared" si="67"/>
        <v>0</v>
      </c>
      <c r="AH93" s="12">
        <f>AC93/SUM(AC$2:AG$366)*Input!$D$12</f>
        <v>277.30844813467729</v>
      </c>
      <c r="AI93" s="12">
        <f>AD93/SUM(AC$2:AG$366)*Input!$D$12</f>
        <v>0</v>
      </c>
      <c r="AJ93" s="12">
        <f>AE93/SUM(AC$2:AG$366)*Input!$D$12</f>
        <v>0</v>
      </c>
      <c r="AK93" s="12">
        <f>AF93/SUM(AC$2:AG$366)*Input!$D$12</f>
        <v>0</v>
      </c>
      <c r="AL93" s="12">
        <f>AG93/SUM(AC$2:AG$366)*Input!$D$12</f>
        <v>0</v>
      </c>
      <c r="AM93" s="12">
        <f t="shared" si="68"/>
        <v>8.319253444040319</v>
      </c>
      <c r="AN93" s="12">
        <f t="shared" si="69"/>
        <v>27.73084481346773</v>
      </c>
      <c r="AO93" s="12">
        <f t="shared" si="70"/>
        <v>41.59626722020159</v>
      </c>
      <c r="AP93" s="12">
        <f t="shared" si="71"/>
        <v>199.66208265696764</v>
      </c>
      <c r="AQ93" s="12">
        <f t="shared" si="72"/>
        <v>0</v>
      </c>
      <c r="AR93" s="11">
        <f t="shared" si="73"/>
        <v>277.30844813467729</v>
      </c>
    </row>
    <row r="94" spans="16:44" x14ac:dyDescent="0.3">
      <c r="P94" s="10">
        <f t="shared" si="74"/>
        <v>45384</v>
      </c>
      <c r="Q94" s="29">
        <v>4</v>
      </c>
      <c r="R94" s="29">
        <f t="shared" si="60"/>
        <v>2</v>
      </c>
      <c r="S94" s="12">
        <f t="shared" si="52"/>
        <v>1.0609861866589789</v>
      </c>
      <c r="T94" s="12">
        <f t="shared" si="53"/>
        <v>1.4695351264848711</v>
      </c>
      <c r="U94" s="12">
        <f t="shared" si="54"/>
        <v>1.771938814155029</v>
      </c>
      <c r="V94" s="12">
        <f t="shared" si="55"/>
        <v>2.5404025087253199</v>
      </c>
      <c r="W94" s="12">
        <f t="shared" si="61"/>
        <v>0</v>
      </c>
      <c r="X94" s="12">
        <f t="shared" si="56"/>
        <v>-7.0953309908476907E-3</v>
      </c>
      <c r="Y94" s="12">
        <f t="shared" si="57"/>
        <v>-5.875924024232846E-2</v>
      </c>
      <c r="Z94" s="12">
        <f t="shared" si="58"/>
        <v>-9.5984753200240996E-2</v>
      </c>
      <c r="AA94" s="12">
        <f t="shared" si="59"/>
        <v>-0.17801624965770491</v>
      </c>
      <c r="AB94" s="12">
        <f t="shared" si="62"/>
        <v>0</v>
      </c>
      <c r="AC94" s="12">
        <f t="shared" si="63"/>
        <v>1.0326048626955882</v>
      </c>
      <c r="AD94" s="12">
        <f t="shared" si="64"/>
        <v>0</v>
      </c>
      <c r="AE94" s="12">
        <f t="shared" si="65"/>
        <v>0</v>
      </c>
      <c r="AF94" s="12">
        <f t="shared" si="66"/>
        <v>0</v>
      </c>
      <c r="AG94" s="12">
        <f t="shared" si="67"/>
        <v>0</v>
      </c>
      <c r="AH94" s="12">
        <f>AC94/SUM(AC$2:AG$366)*Input!$D$12</f>
        <v>270.80678925383472</v>
      </c>
      <c r="AI94" s="12">
        <f>AD94/SUM(AC$2:AG$366)*Input!$D$12</f>
        <v>0</v>
      </c>
      <c r="AJ94" s="12">
        <f>AE94/SUM(AC$2:AG$366)*Input!$D$12</f>
        <v>0</v>
      </c>
      <c r="AK94" s="12">
        <f>AF94/SUM(AC$2:AG$366)*Input!$D$12</f>
        <v>0</v>
      </c>
      <c r="AL94" s="12">
        <f>AG94/SUM(AC$2:AG$366)*Input!$D$12</f>
        <v>0</v>
      </c>
      <c r="AM94" s="12">
        <f t="shared" si="68"/>
        <v>8.124203677615041</v>
      </c>
      <c r="AN94" s="12">
        <f t="shared" si="69"/>
        <v>27.080678925383474</v>
      </c>
      <c r="AO94" s="12">
        <f t="shared" si="70"/>
        <v>40.621018388075207</v>
      </c>
      <c r="AP94" s="12">
        <f t="shared" si="71"/>
        <v>194.980888262761</v>
      </c>
      <c r="AQ94" s="12">
        <f t="shared" si="72"/>
        <v>0</v>
      </c>
      <c r="AR94" s="11">
        <f t="shared" si="73"/>
        <v>270.80678925383472</v>
      </c>
    </row>
    <row r="95" spans="16:44" x14ac:dyDescent="0.3">
      <c r="P95" s="10">
        <f t="shared" si="74"/>
        <v>45385</v>
      </c>
      <c r="Q95" s="29">
        <v>5.5</v>
      </c>
      <c r="R95" s="29">
        <f t="shared" si="60"/>
        <v>3</v>
      </c>
      <c r="S95" s="12">
        <f t="shared" si="52"/>
        <v>1.0609861866589789</v>
      </c>
      <c r="T95" s="12">
        <f t="shared" si="53"/>
        <v>1.4695351264848711</v>
      </c>
      <c r="U95" s="12">
        <f t="shared" si="54"/>
        <v>1.771938814155029</v>
      </c>
      <c r="V95" s="12">
        <f t="shared" si="55"/>
        <v>2.5404025087253199</v>
      </c>
      <c r="W95" s="12">
        <f t="shared" si="61"/>
        <v>0</v>
      </c>
      <c r="X95" s="12">
        <f t="shared" si="56"/>
        <v>-7.0953309908476907E-3</v>
      </c>
      <c r="Y95" s="12">
        <f t="shared" si="57"/>
        <v>-5.875924024232846E-2</v>
      </c>
      <c r="Z95" s="12">
        <f t="shared" si="58"/>
        <v>-9.5984753200240996E-2</v>
      </c>
      <c r="AA95" s="12">
        <f t="shared" si="59"/>
        <v>-0.17801624965770491</v>
      </c>
      <c r="AB95" s="12">
        <f t="shared" si="62"/>
        <v>0</v>
      </c>
      <c r="AC95" s="12">
        <f t="shared" si="63"/>
        <v>1.0219618662093166</v>
      </c>
      <c r="AD95" s="12">
        <f t="shared" si="64"/>
        <v>0</v>
      </c>
      <c r="AE95" s="12">
        <f t="shared" si="65"/>
        <v>0</v>
      </c>
      <c r="AF95" s="12">
        <f t="shared" si="66"/>
        <v>0</v>
      </c>
      <c r="AG95" s="12">
        <f t="shared" si="67"/>
        <v>0</v>
      </c>
      <c r="AH95" s="12">
        <f>AC95/SUM(AC$2:AG$366)*Input!$D$12</f>
        <v>268.01559989320833</v>
      </c>
      <c r="AI95" s="12">
        <f>AD95/SUM(AC$2:AG$366)*Input!$D$12</f>
        <v>0</v>
      </c>
      <c r="AJ95" s="12">
        <f>AE95/SUM(AC$2:AG$366)*Input!$D$12</f>
        <v>0</v>
      </c>
      <c r="AK95" s="12">
        <f>AF95/SUM(AC$2:AG$366)*Input!$D$12</f>
        <v>0</v>
      </c>
      <c r="AL95" s="12">
        <f>AG95/SUM(AC$2:AG$366)*Input!$D$12</f>
        <v>0</v>
      </c>
      <c r="AM95" s="12">
        <f t="shared" si="68"/>
        <v>8.0404679967962505</v>
      </c>
      <c r="AN95" s="12">
        <f t="shared" si="69"/>
        <v>26.801559989320836</v>
      </c>
      <c r="AO95" s="12">
        <f t="shared" si="70"/>
        <v>40.202339983981247</v>
      </c>
      <c r="AP95" s="12">
        <f t="shared" si="71"/>
        <v>192.97123192311</v>
      </c>
      <c r="AQ95" s="12">
        <f t="shared" si="72"/>
        <v>0</v>
      </c>
      <c r="AR95" s="11">
        <f t="shared" si="73"/>
        <v>268.01559989320833</v>
      </c>
    </row>
    <row r="96" spans="16:44" x14ac:dyDescent="0.3">
      <c r="P96" s="10">
        <f t="shared" si="74"/>
        <v>45386</v>
      </c>
      <c r="Q96" s="29">
        <v>6.8</v>
      </c>
      <c r="R96" s="29">
        <f t="shared" si="60"/>
        <v>4</v>
      </c>
      <c r="S96" s="12">
        <f t="shared" si="52"/>
        <v>1.0609861866589789</v>
      </c>
      <c r="T96" s="12">
        <f t="shared" si="53"/>
        <v>1.4695351264848711</v>
      </c>
      <c r="U96" s="12">
        <f t="shared" si="54"/>
        <v>1.771938814155029</v>
      </c>
      <c r="V96" s="12">
        <f t="shared" si="55"/>
        <v>2.5404025087253199</v>
      </c>
      <c r="W96" s="12">
        <f t="shared" si="61"/>
        <v>0</v>
      </c>
      <c r="X96" s="12">
        <f t="shared" si="56"/>
        <v>-7.0953309908476907E-3</v>
      </c>
      <c r="Y96" s="12">
        <f t="shared" si="57"/>
        <v>-5.875924024232846E-2</v>
      </c>
      <c r="Z96" s="12">
        <f t="shared" si="58"/>
        <v>-9.5984753200240996E-2</v>
      </c>
      <c r="AA96" s="12">
        <f t="shared" si="59"/>
        <v>-0.17801624965770491</v>
      </c>
      <c r="AB96" s="12">
        <f t="shared" si="62"/>
        <v>0</v>
      </c>
      <c r="AC96" s="12">
        <f t="shared" si="63"/>
        <v>1.0127379359212145</v>
      </c>
      <c r="AD96" s="12">
        <f t="shared" si="64"/>
        <v>0</v>
      </c>
      <c r="AE96" s="12">
        <f t="shared" si="65"/>
        <v>0</v>
      </c>
      <c r="AF96" s="12">
        <f t="shared" si="66"/>
        <v>0</v>
      </c>
      <c r="AG96" s="12">
        <f t="shared" si="67"/>
        <v>0</v>
      </c>
      <c r="AH96" s="12">
        <f>AC96/SUM(AC$2:AG$366)*Input!$D$12</f>
        <v>265.59656911399873</v>
      </c>
      <c r="AI96" s="12">
        <f>AD96/SUM(AC$2:AG$366)*Input!$D$12</f>
        <v>0</v>
      </c>
      <c r="AJ96" s="12">
        <f>AE96/SUM(AC$2:AG$366)*Input!$D$12</f>
        <v>0</v>
      </c>
      <c r="AK96" s="12">
        <f>AF96/SUM(AC$2:AG$366)*Input!$D$12</f>
        <v>0</v>
      </c>
      <c r="AL96" s="12">
        <f>AG96/SUM(AC$2:AG$366)*Input!$D$12</f>
        <v>0</v>
      </c>
      <c r="AM96" s="12">
        <f t="shared" si="68"/>
        <v>7.9678970734199615</v>
      </c>
      <c r="AN96" s="12">
        <f t="shared" si="69"/>
        <v>26.559656911399873</v>
      </c>
      <c r="AO96" s="12">
        <f t="shared" si="70"/>
        <v>39.839485367099805</v>
      </c>
      <c r="AP96" s="12">
        <f t="shared" si="71"/>
        <v>191.22952976207907</v>
      </c>
      <c r="AQ96" s="12">
        <f t="shared" si="72"/>
        <v>0</v>
      </c>
      <c r="AR96" s="11">
        <f t="shared" si="73"/>
        <v>265.59656911399873</v>
      </c>
    </row>
    <row r="97" spans="16:44" x14ac:dyDescent="0.3">
      <c r="P97" s="10">
        <f t="shared" si="74"/>
        <v>45387</v>
      </c>
      <c r="Q97" s="29">
        <v>4.7</v>
      </c>
      <c r="R97" s="29">
        <f t="shared" si="60"/>
        <v>5</v>
      </c>
      <c r="S97" s="12">
        <f t="shared" si="52"/>
        <v>1.0609861866589789</v>
      </c>
      <c r="T97" s="12">
        <f t="shared" si="53"/>
        <v>1.4695351264848711</v>
      </c>
      <c r="U97" s="12">
        <f t="shared" si="54"/>
        <v>1.771938814155029</v>
      </c>
      <c r="V97" s="12">
        <f t="shared" si="55"/>
        <v>2.5404025087253199</v>
      </c>
      <c r="W97" s="12">
        <f t="shared" si="61"/>
        <v>0</v>
      </c>
      <c r="X97" s="12">
        <f t="shared" si="56"/>
        <v>-7.0953309908476907E-3</v>
      </c>
      <c r="Y97" s="12">
        <f t="shared" si="57"/>
        <v>-5.875924024232846E-2</v>
      </c>
      <c r="Z97" s="12">
        <f t="shared" si="58"/>
        <v>-9.5984753200240996E-2</v>
      </c>
      <c r="AA97" s="12">
        <f t="shared" si="59"/>
        <v>-0.17801624965770491</v>
      </c>
      <c r="AB97" s="12">
        <f t="shared" si="62"/>
        <v>0</v>
      </c>
      <c r="AC97" s="12">
        <f t="shared" si="63"/>
        <v>1.0276381310019949</v>
      </c>
      <c r="AD97" s="12">
        <f t="shared" si="64"/>
        <v>0</v>
      </c>
      <c r="AE97" s="12">
        <f t="shared" si="65"/>
        <v>0</v>
      </c>
      <c r="AF97" s="12">
        <f t="shared" si="66"/>
        <v>0</v>
      </c>
      <c r="AG97" s="12">
        <f t="shared" si="67"/>
        <v>0</v>
      </c>
      <c r="AH97" s="12">
        <f>AC97/SUM(AC$2:AG$366)*Input!$D$12</f>
        <v>269.50423421887575</v>
      </c>
      <c r="AI97" s="12">
        <f>AD97/SUM(AC$2:AG$366)*Input!$D$12</f>
        <v>0</v>
      </c>
      <c r="AJ97" s="12">
        <f>AE97/SUM(AC$2:AG$366)*Input!$D$12</f>
        <v>0</v>
      </c>
      <c r="AK97" s="12">
        <f>AF97/SUM(AC$2:AG$366)*Input!$D$12</f>
        <v>0</v>
      </c>
      <c r="AL97" s="12">
        <f>AG97/SUM(AC$2:AG$366)*Input!$D$12</f>
        <v>0</v>
      </c>
      <c r="AM97" s="12">
        <f t="shared" si="68"/>
        <v>8.0851270265662727</v>
      </c>
      <c r="AN97" s="12">
        <f t="shared" si="69"/>
        <v>26.950423421887578</v>
      </c>
      <c r="AO97" s="12">
        <f t="shared" si="70"/>
        <v>40.42563513283136</v>
      </c>
      <c r="AP97" s="12">
        <f t="shared" si="71"/>
        <v>194.04304863759054</v>
      </c>
      <c r="AQ97" s="12">
        <f t="shared" si="72"/>
        <v>0</v>
      </c>
      <c r="AR97" s="11">
        <f t="shared" si="73"/>
        <v>269.50423421887575</v>
      </c>
    </row>
    <row r="98" spans="16:44" x14ac:dyDescent="0.3">
      <c r="P98" s="10">
        <f t="shared" si="74"/>
        <v>45388</v>
      </c>
      <c r="Q98" s="29">
        <v>4.4000000000000004</v>
      </c>
      <c r="R98" s="29">
        <f t="shared" si="60"/>
        <v>6</v>
      </c>
      <c r="S98" s="12">
        <f t="shared" si="52"/>
        <v>0.88136675487947747</v>
      </c>
      <c r="T98" s="12">
        <f t="shared" si="53"/>
        <v>0.40529111994771311</v>
      </c>
      <c r="U98" s="12">
        <f t="shared" si="54"/>
        <v>1.4791569663107089</v>
      </c>
      <c r="V98" s="12">
        <f t="shared" si="55"/>
        <v>1.31124751273035</v>
      </c>
      <c r="W98" s="12">
        <f t="shared" si="61"/>
        <v>1.9424956480203619</v>
      </c>
      <c r="X98" s="12">
        <f t="shared" si="56"/>
        <v>-1.236743869637378E-2</v>
      </c>
      <c r="Y98" s="12">
        <f t="shared" si="57"/>
        <v>-1.3226323007097701E-2</v>
      </c>
      <c r="Z98" s="12">
        <f t="shared" si="58"/>
        <v>-6.6119920832722404E-2</v>
      </c>
      <c r="AA98" s="12">
        <f t="shared" si="59"/>
        <v>-7.5310765362349638E-2</v>
      </c>
      <c r="AB98" s="12">
        <f t="shared" si="62"/>
        <v>-0.1200596025795522</v>
      </c>
      <c r="AC98" s="12">
        <f t="shared" si="63"/>
        <v>0.93767863291143949</v>
      </c>
      <c r="AD98" s="12">
        <f t="shared" si="64"/>
        <v>0.19649064860340112</v>
      </c>
      <c r="AE98" s="12">
        <f t="shared" si="65"/>
        <v>0</v>
      </c>
      <c r="AF98" s="12">
        <f t="shared" si="66"/>
        <v>0</v>
      </c>
      <c r="AG98" s="12">
        <f t="shared" si="67"/>
        <v>0</v>
      </c>
      <c r="AH98" s="12">
        <f>AC98/SUM(AC$2:AG$366)*Input!$D$12</f>
        <v>245.91181884210295</v>
      </c>
      <c r="AI98" s="12">
        <f>AD98/SUM(AC$2:AG$366)*Input!$D$12</f>
        <v>51.530845523799499</v>
      </c>
      <c r="AJ98" s="12">
        <f>AE98/SUM(AC$2:AG$366)*Input!$D$12</f>
        <v>0</v>
      </c>
      <c r="AK98" s="12">
        <f>AF98/SUM(AC$2:AG$366)*Input!$D$12</f>
        <v>0</v>
      </c>
      <c r="AL98" s="12">
        <f>AG98/SUM(AC$2:AG$366)*Input!$D$12</f>
        <v>0</v>
      </c>
      <c r="AM98" s="12">
        <f t="shared" si="68"/>
        <v>4.6424185156576137</v>
      </c>
      <c r="AN98" s="12">
        <f t="shared" si="69"/>
        <v>15.474728385525381</v>
      </c>
      <c r="AO98" s="12">
        <f t="shared" si="70"/>
        <v>23.212092578288072</v>
      </c>
      <c r="AP98" s="12">
        <f t="shared" si="71"/>
        <v>254.11342488643137</v>
      </c>
      <c r="AQ98" s="12">
        <f t="shared" si="72"/>
        <v>0</v>
      </c>
      <c r="AR98" s="11">
        <f t="shared" si="73"/>
        <v>297.44266436590243</v>
      </c>
    </row>
    <row r="99" spans="16:44" x14ac:dyDescent="0.3">
      <c r="P99" s="10">
        <f t="shared" si="74"/>
        <v>45389</v>
      </c>
      <c r="Q99" s="29">
        <v>6.3</v>
      </c>
      <c r="R99" s="29">
        <f t="shared" si="60"/>
        <v>7</v>
      </c>
      <c r="S99" s="12">
        <f t="shared" si="52"/>
        <v>0.88136675487947747</v>
      </c>
      <c r="T99" s="12">
        <f t="shared" si="53"/>
        <v>0.40529111994771311</v>
      </c>
      <c r="U99" s="12">
        <f t="shared" si="54"/>
        <v>1.4791569663107089</v>
      </c>
      <c r="V99" s="12">
        <f t="shared" si="55"/>
        <v>1.31124751273035</v>
      </c>
      <c r="W99" s="12">
        <f t="shared" si="61"/>
        <v>1.9424956480203619</v>
      </c>
      <c r="X99" s="12">
        <f t="shared" si="56"/>
        <v>-1.236743869637378E-2</v>
      </c>
      <c r="Y99" s="12">
        <f t="shared" si="57"/>
        <v>-1.3226323007097701E-2</v>
      </c>
      <c r="Z99" s="12">
        <f t="shared" si="58"/>
        <v>-6.6119920832722404E-2</v>
      </c>
      <c r="AA99" s="12">
        <f t="shared" si="59"/>
        <v>-7.5310765362349638E-2</v>
      </c>
      <c r="AB99" s="12">
        <f t="shared" si="62"/>
        <v>-0.1200596025795522</v>
      </c>
      <c r="AC99" s="12">
        <f t="shared" si="63"/>
        <v>0.91103409930958468</v>
      </c>
      <c r="AD99" s="12">
        <f t="shared" si="64"/>
        <v>0.18226454784019691</v>
      </c>
      <c r="AE99" s="12">
        <f t="shared" si="65"/>
        <v>0</v>
      </c>
      <c r="AF99" s="12">
        <f t="shared" si="66"/>
        <v>0</v>
      </c>
      <c r="AG99" s="12">
        <f t="shared" si="67"/>
        <v>0</v>
      </c>
      <c r="AH99" s="12">
        <f>AC99/SUM(AC$2:AG$366)*Input!$D$12</f>
        <v>238.92413085364211</v>
      </c>
      <c r="AI99" s="12">
        <f>AD99/SUM(AC$2:AG$366)*Input!$D$12</f>
        <v>47.799965677632649</v>
      </c>
      <c r="AJ99" s="12">
        <f>AE99/SUM(AC$2:AG$366)*Input!$D$12</f>
        <v>0</v>
      </c>
      <c r="AK99" s="12">
        <f>AF99/SUM(AC$2:AG$366)*Input!$D$12</f>
        <v>0</v>
      </c>
      <c r="AL99" s="12">
        <f>AG99/SUM(AC$2:AG$366)*Input!$D$12</f>
        <v>0</v>
      </c>
      <c r="AM99" s="12">
        <f t="shared" si="68"/>
        <v>4.306303214201141</v>
      </c>
      <c r="AN99" s="12">
        <f t="shared" si="69"/>
        <v>14.354344047337138</v>
      </c>
      <c r="AO99" s="12">
        <f t="shared" si="70"/>
        <v>21.531516071005704</v>
      </c>
      <c r="AP99" s="12">
        <f t="shared" si="71"/>
        <v>246.53193319873077</v>
      </c>
      <c r="AQ99" s="12">
        <f t="shared" si="72"/>
        <v>0</v>
      </c>
      <c r="AR99" s="11">
        <f t="shared" si="73"/>
        <v>286.72409653127477</v>
      </c>
    </row>
    <row r="100" spans="16:44" x14ac:dyDescent="0.3">
      <c r="P100" s="10">
        <f t="shared" si="74"/>
        <v>45390</v>
      </c>
      <c r="Q100" s="29">
        <v>5.8</v>
      </c>
      <c r="R100" s="29">
        <f t="shared" si="60"/>
        <v>1</v>
      </c>
      <c r="S100" s="12">
        <f t="shared" si="52"/>
        <v>1.0609861866589789</v>
      </c>
      <c r="T100" s="12">
        <f t="shared" si="53"/>
        <v>1.4695351264848711</v>
      </c>
      <c r="U100" s="12">
        <f t="shared" si="54"/>
        <v>1.771938814155029</v>
      </c>
      <c r="V100" s="12">
        <f t="shared" si="55"/>
        <v>2.5404025087253199</v>
      </c>
      <c r="W100" s="12">
        <f t="shared" si="61"/>
        <v>0</v>
      </c>
      <c r="X100" s="12">
        <f t="shared" si="56"/>
        <v>-7.0953309908476907E-3</v>
      </c>
      <c r="Y100" s="12">
        <f t="shared" si="57"/>
        <v>-5.875924024232846E-2</v>
      </c>
      <c r="Z100" s="12">
        <f t="shared" si="58"/>
        <v>-9.5984753200240996E-2</v>
      </c>
      <c r="AA100" s="12">
        <f t="shared" si="59"/>
        <v>-0.17801624965770491</v>
      </c>
      <c r="AB100" s="12">
        <f t="shared" si="62"/>
        <v>0</v>
      </c>
      <c r="AC100" s="12">
        <f t="shared" si="63"/>
        <v>1.0198332669120622</v>
      </c>
      <c r="AD100" s="12">
        <f t="shared" si="64"/>
        <v>0</v>
      </c>
      <c r="AE100" s="12">
        <f t="shared" si="65"/>
        <v>0</v>
      </c>
      <c r="AF100" s="12">
        <f t="shared" si="66"/>
        <v>0</v>
      </c>
      <c r="AG100" s="12">
        <f t="shared" si="67"/>
        <v>0</v>
      </c>
      <c r="AH100" s="12">
        <f>AC100/SUM(AC$2:AG$366)*Input!$D$12</f>
        <v>267.45736202108304</v>
      </c>
      <c r="AI100" s="12">
        <f>AD100/SUM(AC$2:AG$366)*Input!$D$12</f>
        <v>0</v>
      </c>
      <c r="AJ100" s="12">
        <f>AE100/SUM(AC$2:AG$366)*Input!$D$12</f>
        <v>0</v>
      </c>
      <c r="AK100" s="12">
        <f>AF100/SUM(AC$2:AG$366)*Input!$D$12</f>
        <v>0</v>
      </c>
      <c r="AL100" s="12">
        <f>AG100/SUM(AC$2:AG$366)*Input!$D$12</f>
        <v>0</v>
      </c>
      <c r="AM100" s="12">
        <f t="shared" si="68"/>
        <v>8.0237208606324906</v>
      </c>
      <c r="AN100" s="12">
        <f t="shared" si="69"/>
        <v>26.745736202108304</v>
      </c>
      <c r="AO100" s="12">
        <f t="shared" si="70"/>
        <v>40.118604303162456</v>
      </c>
      <c r="AP100" s="12">
        <f t="shared" si="71"/>
        <v>192.56930065517977</v>
      </c>
      <c r="AQ100" s="12">
        <f t="shared" si="72"/>
        <v>0</v>
      </c>
      <c r="AR100" s="11">
        <f t="shared" si="73"/>
        <v>267.45736202108304</v>
      </c>
    </row>
    <row r="101" spans="16:44" x14ac:dyDescent="0.3">
      <c r="P101" s="10">
        <f t="shared" si="74"/>
        <v>45391</v>
      </c>
      <c r="Q101" s="29">
        <v>7.8</v>
      </c>
      <c r="R101" s="29">
        <f t="shared" si="60"/>
        <v>2</v>
      </c>
      <c r="S101" s="12">
        <f t="shared" si="52"/>
        <v>1.0609861866589789</v>
      </c>
      <c r="T101" s="12">
        <f t="shared" si="53"/>
        <v>1.4695351264848711</v>
      </c>
      <c r="U101" s="12">
        <f t="shared" si="54"/>
        <v>1.771938814155029</v>
      </c>
      <c r="V101" s="12">
        <f t="shared" si="55"/>
        <v>2.5404025087253199</v>
      </c>
      <c r="W101" s="12">
        <f t="shared" si="61"/>
        <v>0</v>
      </c>
      <c r="X101" s="12">
        <f t="shared" si="56"/>
        <v>-7.0953309908476907E-3</v>
      </c>
      <c r="Y101" s="12">
        <f t="shared" si="57"/>
        <v>-5.875924024232846E-2</v>
      </c>
      <c r="Z101" s="12">
        <f t="shared" si="58"/>
        <v>-9.5984753200240996E-2</v>
      </c>
      <c r="AA101" s="12">
        <f t="shared" si="59"/>
        <v>-0.17801624965770491</v>
      </c>
      <c r="AB101" s="12">
        <f t="shared" si="62"/>
        <v>0</v>
      </c>
      <c r="AC101" s="12">
        <f t="shared" si="63"/>
        <v>1.0056426049303668</v>
      </c>
      <c r="AD101" s="12">
        <f t="shared" si="64"/>
        <v>0</v>
      </c>
      <c r="AE101" s="12">
        <f t="shared" si="65"/>
        <v>0</v>
      </c>
      <c r="AF101" s="12">
        <f t="shared" si="66"/>
        <v>0</v>
      </c>
      <c r="AG101" s="12">
        <f t="shared" si="67"/>
        <v>0</v>
      </c>
      <c r="AH101" s="12">
        <f>AC101/SUM(AC$2:AG$366)*Input!$D$12</f>
        <v>263.73577620691441</v>
      </c>
      <c r="AI101" s="12">
        <f>AD101/SUM(AC$2:AG$366)*Input!$D$12</f>
        <v>0</v>
      </c>
      <c r="AJ101" s="12">
        <f>AE101/SUM(AC$2:AG$366)*Input!$D$12</f>
        <v>0</v>
      </c>
      <c r="AK101" s="12">
        <f>AF101/SUM(AC$2:AG$366)*Input!$D$12</f>
        <v>0</v>
      </c>
      <c r="AL101" s="12">
        <f>AG101/SUM(AC$2:AG$366)*Input!$D$12</f>
        <v>0</v>
      </c>
      <c r="AM101" s="12">
        <f t="shared" si="68"/>
        <v>7.9120732862074323</v>
      </c>
      <c r="AN101" s="12">
        <f t="shared" si="69"/>
        <v>26.373577620691442</v>
      </c>
      <c r="AO101" s="12">
        <f t="shared" si="70"/>
        <v>39.56036643103716</v>
      </c>
      <c r="AP101" s="12">
        <f t="shared" si="71"/>
        <v>189.88975886897836</v>
      </c>
      <c r="AQ101" s="12">
        <f t="shared" si="72"/>
        <v>0</v>
      </c>
      <c r="AR101" s="11">
        <f t="shared" si="73"/>
        <v>263.73577620691441</v>
      </c>
    </row>
    <row r="102" spans="16:44" x14ac:dyDescent="0.3">
      <c r="P102" s="10">
        <f t="shared" si="74"/>
        <v>45392</v>
      </c>
      <c r="Q102" s="29">
        <v>8.6999999999999993</v>
      </c>
      <c r="R102" s="29">
        <f t="shared" si="60"/>
        <v>3</v>
      </c>
      <c r="S102" s="12">
        <f t="shared" si="52"/>
        <v>1.0609861866589789</v>
      </c>
      <c r="T102" s="12">
        <f t="shared" si="53"/>
        <v>1.4695351264848711</v>
      </c>
      <c r="U102" s="12">
        <f t="shared" si="54"/>
        <v>1.771938814155029</v>
      </c>
      <c r="V102" s="12">
        <f t="shared" si="55"/>
        <v>2.5404025087253199</v>
      </c>
      <c r="W102" s="12">
        <f t="shared" si="61"/>
        <v>0</v>
      </c>
      <c r="X102" s="12">
        <f t="shared" si="56"/>
        <v>-7.0953309908476907E-3</v>
      </c>
      <c r="Y102" s="12">
        <f t="shared" si="57"/>
        <v>-5.875924024232846E-2</v>
      </c>
      <c r="Z102" s="12">
        <f t="shared" si="58"/>
        <v>-9.5984753200240996E-2</v>
      </c>
      <c r="AA102" s="12">
        <f t="shared" si="59"/>
        <v>-0.17801624965770491</v>
      </c>
      <c r="AB102" s="12">
        <f t="shared" si="62"/>
        <v>0</v>
      </c>
      <c r="AC102" s="12">
        <f t="shared" si="63"/>
        <v>0.99925680703860398</v>
      </c>
      <c r="AD102" s="12">
        <f t="shared" si="64"/>
        <v>0</v>
      </c>
      <c r="AE102" s="12">
        <f t="shared" si="65"/>
        <v>0</v>
      </c>
      <c r="AF102" s="12">
        <f t="shared" si="66"/>
        <v>0</v>
      </c>
      <c r="AG102" s="12">
        <f t="shared" si="67"/>
        <v>0</v>
      </c>
      <c r="AH102" s="12">
        <f>AC102/SUM(AC$2:AG$366)*Input!$D$12</f>
        <v>262.0610625905386</v>
      </c>
      <c r="AI102" s="12">
        <f>AD102/SUM(AC$2:AG$366)*Input!$D$12</f>
        <v>0</v>
      </c>
      <c r="AJ102" s="12">
        <f>AE102/SUM(AC$2:AG$366)*Input!$D$12</f>
        <v>0</v>
      </c>
      <c r="AK102" s="12">
        <f>AF102/SUM(AC$2:AG$366)*Input!$D$12</f>
        <v>0</v>
      </c>
      <c r="AL102" s="12">
        <f>AG102/SUM(AC$2:AG$366)*Input!$D$12</f>
        <v>0</v>
      </c>
      <c r="AM102" s="12">
        <f t="shared" si="68"/>
        <v>7.861831877716158</v>
      </c>
      <c r="AN102" s="12">
        <f t="shared" si="69"/>
        <v>26.206106259053861</v>
      </c>
      <c r="AO102" s="12">
        <f t="shared" si="70"/>
        <v>39.309159388580788</v>
      </c>
      <c r="AP102" s="12">
        <f t="shared" si="71"/>
        <v>188.68396506518778</v>
      </c>
      <c r="AQ102" s="12">
        <f t="shared" si="72"/>
        <v>0</v>
      </c>
      <c r="AR102" s="11">
        <f t="shared" si="73"/>
        <v>262.0610625905386</v>
      </c>
    </row>
    <row r="103" spans="16:44" x14ac:dyDescent="0.3">
      <c r="P103" s="10">
        <f t="shared" si="74"/>
        <v>45393</v>
      </c>
      <c r="Q103" s="29">
        <v>9.4</v>
      </c>
      <c r="R103" s="29">
        <f t="shared" si="60"/>
        <v>4</v>
      </c>
      <c r="S103" s="12">
        <f t="shared" si="52"/>
        <v>1.0609861866589789</v>
      </c>
      <c r="T103" s="12">
        <f t="shared" si="53"/>
        <v>1.4695351264848711</v>
      </c>
      <c r="U103" s="12">
        <f t="shared" si="54"/>
        <v>1.771938814155029</v>
      </c>
      <c r="V103" s="12">
        <f t="shared" si="55"/>
        <v>2.5404025087253199</v>
      </c>
      <c r="W103" s="12">
        <f t="shared" si="61"/>
        <v>0</v>
      </c>
      <c r="X103" s="12">
        <f t="shared" si="56"/>
        <v>-7.0953309908476907E-3</v>
      </c>
      <c r="Y103" s="12">
        <f t="shared" si="57"/>
        <v>-5.875924024232846E-2</v>
      </c>
      <c r="Z103" s="12">
        <f t="shared" si="58"/>
        <v>-9.5984753200240996E-2</v>
      </c>
      <c r="AA103" s="12">
        <f t="shared" si="59"/>
        <v>-0.17801624965770491</v>
      </c>
      <c r="AB103" s="12">
        <f t="shared" si="62"/>
        <v>0</v>
      </c>
      <c r="AC103" s="12">
        <f t="shared" si="63"/>
        <v>0.99429007534501057</v>
      </c>
      <c r="AD103" s="12">
        <f t="shared" si="64"/>
        <v>0</v>
      </c>
      <c r="AE103" s="12">
        <f t="shared" si="65"/>
        <v>0</v>
      </c>
      <c r="AF103" s="12">
        <f t="shared" si="66"/>
        <v>0</v>
      </c>
      <c r="AG103" s="12">
        <f t="shared" si="67"/>
        <v>0</v>
      </c>
      <c r="AH103" s="12">
        <f>AC103/SUM(AC$2:AG$366)*Input!$D$12</f>
        <v>260.75850755557957</v>
      </c>
      <c r="AI103" s="12">
        <f>AD103/SUM(AC$2:AG$366)*Input!$D$12</f>
        <v>0</v>
      </c>
      <c r="AJ103" s="12">
        <f>AE103/SUM(AC$2:AG$366)*Input!$D$12</f>
        <v>0</v>
      </c>
      <c r="AK103" s="12">
        <f>AF103/SUM(AC$2:AG$366)*Input!$D$12</f>
        <v>0</v>
      </c>
      <c r="AL103" s="12">
        <f>AG103/SUM(AC$2:AG$366)*Input!$D$12</f>
        <v>0</v>
      </c>
      <c r="AM103" s="12">
        <f t="shared" si="68"/>
        <v>7.822755226667387</v>
      </c>
      <c r="AN103" s="12">
        <f t="shared" si="69"/>
        <v>26.075850755557958</v>
      </c>
      <c r="AO103" s="12">
        <f t="shared" si="70"/>
        <v>39.113776133336934</v>
      </c>
      <c r="AP103" s="12">
        <f t="shared" si="71"/>
        <v>187.74612544001729</v>
      </c>
      <c r="AQ103" s="12">
        <f t="shared" si="72"/>
        <v>0</v>
      </c>
      <c r="AR103" s="11">
        <f t="shared" si="73"/>
        <v>260.75850755557957</v>
      </c>
    </row>
    <row r="104" spans="16:44" x14ac:dyDescent="0.3">
      <c r="P104" s="10">
        <f t="shared" si="74"/>
        <v>45394</v>
      </c>
      <c r="Q104" s="29">
        <v>8.9</v>
      </c>
      <c r="R104" s="29">
        <f t="shared" si="60"/>
        <v>5</v>
      </c>
      <c r="S104" s="12">
        <f t="shared" si="52"/>
        <v>1.0609861866589789</v>
      </c>
      <c r="T104" s="12">
        <f t="shared" si="53"/>
        <v>1.4695351264848711</v>
      </c>
      <c r="U104" s="12">
        <f t="shared" si="54"/>
        <v>1.771938814155029</v>
      </c>
      <c r="V104" s="12">
        <f t="shared" si="55"/>
        <v>2.5404025087253199</v>
      </c>
      <c r="W104" s="12">
        <f t="shared" si="61"/>
        <v>0</v>
      </c>
      <c r="X104" s="12">
        <f t="shared" si="56"/>
        <v>-7.0953309908476907E-3</v>
      </c>
      <c r="Y104" s="12">
        <f t="shared" si="57"/>
        <v>-5.875924024232846E-2</v>
      </c>
      <c r="Z104" s="12">
        <f t="shared" si="58"/>
        <v>-9.5984753200240996E-2</v>
      </c>
      <c r="AA104" s="12">
        <f t="shared" si="59"/>
        <v>-0.17801624965770491</v>
      </c>
      <c r="AB104" s="12">
        <f t="shared" si="62"/>
        <v>0</v>
      </c>
      <c r="AC104" s="12">
        <f t="shared" si="63"/>
        <v>0.99783774084043442</v>
      </c>
      <c r="AD104" s="12">
        <f t="shared" si="64"/>
        <v>0</v>
      </c>
      <c r="AE104" s="12">
        <f t="shared" si="65"/>
        <v>0</v>
      </c>
      <c r="AF104" s="12">
        <f t="shared" si="66"/>
        <v>0</v>
      </c>
      <c r="AG104" s="12">
        <f t="shared" si="67"/>
        <v>0</v>
      </c>
      <c r="AH104" s="12">
        <f>AC104/SUM(AC$2:AG$366)*Input!$D$12</f>
        <v>261.6889040091217</v>
      </c>
      <c r="AI104" s="12">
        <f>AD104/SUM(AC$2:AG$366)*Input!$D$12</f>
        <v>0</v>
      </c>
      <c r="AJ104" s="12">
        <f>AE104/SUM(AC$2:AG$366)*Input!$D$12</f>
        <v>0</v>
      </c>
      <c r="AK104" s="12">
        <f>AF104/SUM(AC$2:AG$366)*Input!$D$12</f>
        <v>0</v>
      </c>
      <c r="AL104" s="12">
        <f>AG104/SUM(AC$2:AG$366)*Input!$D$12</f>
        <v>0</v>
      </c>
      <c r="AM104" s="12">
        <f t="shared" si="68"/>
        <v>7.8506671202736511</v>
      </c>
      <c r="AN104" s="12">
        <f t="shared" si="69"/>
        <v>26.168890400912172</v>
      </c>
      <c r="AO104" s="12">
        <f t="shared" si="70"/>
        <v>39.253335601368256</v>
      </c>
      <c r="AP104" s="12">
        <f t="shared" si="71"/>
        <v>188.41601088656762</v>
      </c>
      <c r="AQ104" s="12">
        <f t="shared" si="72"/>
        <v>0</v>
      </c>
      <c r="AR104" s="11">
        <f t="shared" si="73"/>
        <v>261.6889040091217</v>
      </c>
    </row>
    <row r="105" spans="16:44" x14ac:dyDescent="0.3">
      <c r="P105" s="10">
        <f t="shared" si="74"/>
        <v>45395</v>
      </c>
      <c r="Q105" s="29">
        <v>7.1</v>
      </c>
      <c r="R105" s="29">
        <f t="shared" si="60"/>
        <v>6</v>
      </c>
      <c r="S105" s="12">
        <f t="shared" si="52"/>
        <v>0.88136675487947747</v>
      </c>
      <c r="T105" s="12">
        <f t="shared" si="53"/>
        <v>0.40529111994771311</v>
      </c>
      <c r="U105" s="12">
        <f t="shared" si="54"/>
        <v>1.4791569663107089</v>
      </c>
      <c r="V105" s="12">
        <f t="shared" si="55"/>
        <v>1.31124751273035</v>
      </c>
      <c r="W105" s="12">
        <f t="shared" si="61"/>
        <v>1.9424956480203619</v>
      </c>
      <c r="X105" s="12">
        <f t="shared" si="56"/>
        <v>-1.236743869637378E-2</v>
      </c>
      <c r="Y105" s="12">
        <f t="shared" si="57"/>
        <v>-1.3226323007097701E-2</v>
      </c>
      <c r="Z105" s="12">
        <f t="shared" si="58"/>
        <v>-6.6119920832722404E-2</v>
      </c>
      <c r="AA105" s="12">
        <f t="shared" si="59"/>
        <v>-7.5310765362349638E-2</v>
      </c>
      <c r="AB105" s="12">
        <f t="shared" si="62"/>
        <v>-0.1200596025795522</v>
      </c>
      <c r="AC105" s="12">
        <f t="shared" si="63"/>
        <v>0.89981534831933019</v>
      </c>
      <c r="AD105" s="12">
        <f t="shared" si="64"/>
        <v>0.17627461067674252</v>
      </c>
      <c r="AE105" s="12">
        <f t="shared" si="65"/>
        <v>0</v>
      </c>
      <c r="AF105" s="12">
        <f t="shared" si="66"/>
        <v>0</v>
      </c>
      <c r="AG105" s="12">
        <f t="shared" si="67"/>
        <v>0</v>
      </c>
      <c r="AH105" s="12">
        <f>AC105/SUM(AC$2:AG$366)*Input!$D$12</f>
        <v>235.9819464374481</v>
      </c>
      <c r="AI105" s="12">
        <f>AD105/SUM(AC$2:AG$366)*Input!$D$12</f>
        <v>46.229068900299239</v>
      </c>
      <c r="AJ105" s="12">
        <f>AE105/SUM(AC$2:AG$366)*Input!$D$12</f>
        <v>0</v>
      </c>
      <c r="AK105" s="12">
        <f>AF105/SUM(AC$2:AG$366)*Input!$D$12</f>
        <v>0</v>
      </c>
      <c r="AL105" s="12">
        <f>AG105/SUM(AC$2:AG$366)*Input!$D$12</f>
        <v>0</v>
      </c>
      <c r="AM105" s="12">
        <f t="shared" si="68"/>
        <v>4.1647809820089412</v>
      </c>
      <c r="AN105" s="12">
        <f t="shared" si="69"/>
        <v>13.88260327336314</v>
      </c>
      <c r="AO105" s="12">
        <f t="shared" si="70"/>
        <v>20.82390491004471</v>
      </c>
      <c r="AP105" s="12">
        <f t="shared" si="71"/>
        <v>243.33972617233056</v>
      </c>
      <c r="AQ105" s="12">
        <f t="shared" si="72"/>
        <v>0</v>
      </c>
      <c r="AR105" s="11">
        <f t="shared" si="73"/>
        <v>282.21101533774737</v>
      </c>
    </row>
    <row r="106" spans="16:44" x14ac:dyDescent="0.3">
      <c r="P106" s="10">
        <f t="shared" si="74"/>
        <v>45396</v>
      </c>
      <c r="Q106" s="29">
        <v>7</v>
      </c>
      <c r="R106" s="29">
        <f t="shared" si="60"/>
        <v>7</v>
      </c>
      <c r="S106" s="12">
        <f t="shared" si="52"/>
        <v>0.88136675487947747</v>
      </c>
      <c r="T106" s="12">
        <f t="shared" si="53"/>
        <v>0.40529111994771311</v>
      </c>
      <c r="U106" s="12">
        <f t="shared" si="54"/>
        <v>1.4791569663107089</v>
      </c>
      <c r="V106" s="12">
        <f t="shared" si="55"/>
        <v>1.31124751273035</v>
      </c>
      <c r="W106" s="12">
        <f t="shared" si="61"/>
        <v>1.9424956480203619</v>
      </c>
      <c r="X106" s="12">
        <f t="shared" si="56"/>
        <v>-1.236743869637378E-2</v>
      </c>
      <c r="Y106" s="12">
        <f t="shared" si="57"/>
        <v>-1.3226323007097701E-2</v>
      </c>
      <c r="Z106" s="12">
        <f t="shared" si="58"/>
        <v>-6.6119920832722404E-2</v>
      </c>
      <c r="AA106" s="12">
        <f t="shared" si="59"/>
        <v>-7.5310765362349638E-2</v>
      </c>
      <c r="AB106" s="12">
        <f t="shared" si="62"/>
        <v>-0.1200596025795522</v>
      </c>
      <c r="AC106" s="12">
        <f t="shared" si="63"/>
        <v>0.90121769219311199</v>
      </c>
      <c r="AD106" s="12">
        <f t="shared" si="64"/>
        <v>0.1770233528221743</v>
      </c>
      <c r="AE106" s="12">
        <f t="shared" si="65"/>
        <v>0</v>
      </c>
      <c r="AF106" s="12">
        <f t="shared" si="66"/>
        <v>0</v>
      </c>
      <c r="AG106" s="12">
        <f t="shared" si="67"/>
        <v>0</v>
      </c>
      <c r="AH106" s="12">
        <f>AC106/SUM(AC$2:AG$366)*Input!$D$12</f>
        <v>236.34971948947236</v>
      </c>
      <c r="AI106" s="12">
        <f>AD106/SUM(AC$2:AG$366)*Input!$D$12</f>
        <v>46.425430997465909</v>
      </c>
      <c r="AJ106" s="12">
        <f>AE106/SUM(AC$2:AG$366)*Input!$D$12</f>
        <v>0</v>
      </c>
      <c r="AK106" s="12">
        <f>AF106/SUM(AC$2:AG$366)*Input!$D$12</f>
        <v>0</v>
      </c>
      <c r="AL106" s="12">
        <f>AG106/SUM(AC$2:AG$366)*Input!$D$12</f>
        <v>0</v>
      </c>
      <c r="AM106" s="12">
        <f t="shared" si="68"/>
        <v>4.1824712610329655</v>
      </c>
      <c r="AN106" s="12">
        <f t="shared" si="69"/>
        <v>13.941570870109889</v>
      </c>
      <c r="AO106" s="12">
        <f t="shared" si="70"/>
        <v>20.912356305164831</v>
      </c>
      <c r="AP106" s="12">
        <f t="shared" si="71"/>
        <v>243.73875205063058</v>
      </c>
      <c r="AQ106" s="12">
        <f t="shared" si="72"/>
        <v>0</v>
      </c>
      <c r="AR106" s="11">
        <f t="shared" si="73"/>
        <v>282.77515048693829</v>
      </c>
    </row>
    <row r="107" spans="16:44" x14ac:dyDescent="0.3">
      <c r="P107" s="10">
        <f t="shared" si="74"/>
        <v>45397</v>
      </c>
      <c r="Q107" s="29">
        <v>7.3</v>
      </c>
      <c r="R107" s="29">
        <f t="shared" si="60"/>
        <v>1</v>
      </c>
      <c r="S107" s="12">
        <f t="shared" si="52"/>
        <v>1.0609861866589789</v>
      </c>
      <c r="T107" s="12">
        <f t="shared" si="53"/>
        <v>1.4695351264848711</v>
      </c>
      <c r="U107" s="12">
        <f t="shared" si="54"/>
        <v>1.771938814155029</v>
      </c>
      <c r="V107" s="12">
        <f t="shared" si="55"/>
        <v>2.5404025087253199</v>
      </c>
      <c r="W107" s="12">
        <f t="shared" si="61"/>
        <v>0</v>
      </c>
      <c r="X107" s="12">
        <f t="shared" si="56"/>
        <v>-7.0953309908476907E-3</v>
      </c>
      <c r="Y107" s="12">
        <f t="shared" si="57"/>
        <v>-5.875924024232846E-2</v>
      </c>
      <c r="Z107" s="12">
        <f t="shared" si="58"/>
        <v>-9.5984753200240996E-2</v>
      </c>
      <c r="AA107" s="12">
        <f t="shared" si="59"/>
        <v>-0.17801624965770491</v>
      </c>
      <c r="AB107" s="12">
        <f t="shared" si="62"/>
        <v>0</v>
      </c>
      <c r="AC107" s="12">
        <f t="shared" si="63"/>
        <v>1.0091902704257907</v>
      </c>
      <c r="AD107" s="12">
        <f t="shared" si="64"/>
        <v>0</v>
      </c>
      <c r="AE107" s="12">
        <f t="shared" si="65"/>
        <v>0</v>
      </c>
      <c r="AF107" s="12">
        <f t="shared" si="66"/>
        <v>0</v>
      </c>
      <c r="AG107" s="12">
        <f t="shared" si="67"/>
        <v>0</v>
      </c>
      <c r="AH107" s="12">
        <f>AC107/SUM(AC$2:AG$366)*Input!$D$12</f>
        <v>264.6661726604566</v>
      </c>
      <c r="AI107" s="12">
        <f>AD107/SUM(AC$2:AG$366)*Input!$D$12</f>
        <v>0</v>
      </c>
      <c r="AJ107" s="12">
        <f>AE107/SUM(AC$2:AG$366)*Input!$D$12</f>
        <v>0</v>
      </c>
      <c r="AK107" s="12">
        <f>AF107/SUM(AC$2:AG$366)*Input!$D$12</f>
        <v>0</v>
      </c>
      <c r="AL107" s="12">
        <f>AG107/SUM(AC$2:AG$366)*Input!$D$12</f>
        <v>0</v>
      </c>
      <c r="AM107" s="12">
        <f t="shared" si="68"/>
        <v>7.9399851798136973</v>
      </c>
      <c r="AN107" s="12">
        <f t="shared" si="69"/>
        <v>26.46661726604566</v>
      </c>
      <c r="AO107" s="12">
        <f t="shared" si="70"/>
        <v>39.699925899068489</v>
      </c>
      <c r="AP107" s="12">
        <f t="shared" si="71"/>
        <v>190.55964431552874</v>
      </c>
      <c r="AQ107" s="12">
        <f t="shared" si="72"/>
        <v>0</v>
      </c>
      <c r="AR107" s="11">
        <f t="shared" si="73"/>
        <v>264.6661726604566</v>
      </c>
    </row>
    <row r="108" spans="16:44" x14ac:dyDescent="0.3">
      <c r="P108" s="10">
        <f t="shared" si="74"/>
        <v>45398</v>
      </c>
      <c r="Q108" s="29">
        <v>7.7</v>
      </c>
      <c r="R108" s="29">
        <f t="shared" si="60"/>
        <v>2</v>
      </c>
      <c r="S108" s="12">
        <f t="shared" si="52"/>
        <v>1.0609861866589789</v>
      </c>
      <c r="T108" s="12">
        <f t="shared" si="53"/>
        <v>1.4695351264848711</v>
      </c>
      <c r="U108" s="12">
        <f t="shared" si="54"/>
        <v>1.771938814155029</v>
      </c>
      <c r="V108" s="12">
        <f t="shared" si="55"/>
        <v>2.5404025087253199</v>
      </c>
      <c r="W108" s="12">
        <f t="shared" si="61"/>
        <v>0</v>
      </c>
      <c r="X108" s="12">
        <f t="shared" si="56"/>
        <v>-7.0953309908476907E-3</v>
      </c>
      <c r="Y108" s="12">
        <f t="shared" si="57"/>
        <v>-5.875924024232846E-2</v>
      </c>
      <c r="Z108" s="12">
        <f t="shared" si="58"/>
        <v>-9.5984753200240996E-2</v>
      </c>
      <c r="AA108" s="12">
        <f t="shared" si="59"/>
        <v>-0.17801624965770491</v>
      </c>
      <c r="AB108" s="12">
        <f t="shared" si="62"/>
        <v>0</v>
      </c>
      <c r="AC108" s="12">
        <f t="shared" si="63"/>
        <v>1.0063521380294518</v>
      </c>
      <c r="AD108" s="12">
        <f t="shared" si="64"/>
        <v>0</v>
      </c>
      <c r="AE108" s="12">
        <f t="shared" si="65"/>
        <v>0</v>
      </c>
      <c r="AF108" s="12">
        <f t="shared" si="66"/>
        <v>0</v>
      </c>
      <c r="AG108" s="12">
        <f t="shared" si="67"/>
        <v>0</v>
      </c>
      <c r="AH108" s="12">
        <f>AC108/SUM(AC$2:AG$366)*Input!$D$12</f>
        <v>263.92185549762291</v>
      </c>
      <c r="AI108" s="12">
        <f>AD108/SUM(AC$2:AG$366)*Input!$D$12</f>
        <v>0</v>
      </c>
      <c r="AJ108" s="12">
        <f>AE108/SUM(AC$2:AG$366)*Input!$D$12</f>
        <v>0</v>
      </c>
      <c r="AK108" s="12">
        <f>AF108/SUM(AC$2:AG$366)*Input!$D$12</f>
        <v>0</v>
      </c>
      <c r="AL108" s="12">
        <f>AG108/SUM(AC$2:AG$366)*Input!$D$12</f>
        <v>0</v>
      </c>
      <c r="AM108" s="12">
        <f t="shared" si="68"/>
        <v>7.9176556649286871</v>
      </c>
      <c r="AN108" s="12">
        <f t="shared" si="69"/>
        <v>26.392185549762292</v>
      </c>
      <c r="AO108" s="12">
        <f t="shared" si="70"/>
        <v>39.588278324643433</v>
      </c>
      <c r="AP108" s="12">
        <f t="shared" si="71"/>
        <v>190.02373595828848</v>
      </c>
      <c r="AQ108" s="12">
        <f t="shared" si="72"/>
        <v>0</v>
      </c>
      <c r="AR108" s="11">
        <f t="shared" si="73"/>
        <v>263.92185549762291</v>
      </c>
    </row>
    <row r="109" spans="16:44" x14ac:dyDescent="0.3">
      <c r="P109" s="10">
        <f t="shared" si="74"/>
        <v>45399</v>
      </c>
      <c r="Q109" s="29">
        <v>9.3000000000000007</v>
      </c>
      <c r="R109" s="29">
        <f t="shared" si="60"/>
        <v>3</v>
      </c>
      <c r="S109" s="12">
        <f t="shared" si="52"/>
        <v>1.0609861866589789</v>
      </c>
      <c r="T109" s="12">
        <f t="shared" si="53"/>
        <v>1.4695351264848711</v>
      </c>
      <c r="U109" s="12">
        <f t="shared" si="54"/>
        <v>1.771938814155029</v>
      </c>
      <c r="V109" s="12">
        <f t="shared" si="55"/>
        <v>2.5404025087253199</v>
      </c>
      <c r="W109" s="12">
        <f t="shared" si="61"/>
        <v>0</v>
      </c>
      <c r="X109" s="12">
        <f t="shared" si="56"/>
        <v>-7.0953309908476907E-3</v>
      </c>
      <c r="Y109" s="12">
        <f t="shared" si="57"/>
        <v>-5.875924024232846E-2</v>
      </c>
      <c r="Z109" s="12">
        <f t="shared" si="58"/>
        <v>-9.5984753200240996E-2</v>
      </c>
      <c r="AA109" s="12">
        <f t="shared" si="59"/>
        <v>-0.17801624965770491</v>
      </c>
      <c r="AB109" s="12">
        <f t="shared" si="62"/>
        <v>0</v>
      </c>
      <c r="AC109" s="12">
        <f t="shared" si="63"/>
        <v>0.99499960844409541</v>
      </c>
      <c r="AD109" s="12">
        <f t="shared" si="64"/>
        <v>0</v>
      </c>
      <c r="AE109" s="12">
        <f t="shared" si="65"/>
        <v>0</v>
      </c>
      <c r="AF109" s="12">
        <f t="shared" si="66"/>
        <v>0</v>
      </c>
      <c r="AG109" s="12">
        <f t="shared" si="67"/>
        <v>0</v>
      </c>
      <c r="AH109" s="12">
        <f>AC109/SUM(AC$2:AG$366)*Input!$D$12</f>
        <v>260.94458684628802</v>
      </c>
      <c r="AI109" s="12">
        <f>AD109/SUM(AC$2:AG$366)*Input!$D$12</f>
        <v>0</v>
      </c>
      <c r="AJ109" s="12">
        <f>AE109/SUM(AC$2:AG$366)*Input!$D$12</f>
        <v>0</v>
      </c>
      <c r="AK109" s="12">
        <f>AF109/SUM(AC$2:AG$366)*Input!$D$12</f>
        <v>0</v>
      </c>
      <c r="AL109" s="12">
        <f>AG109/SUM(AC$2:AG$366)*Input!$D$12</f>
        <v>0</v>
      </c>
      <c r="AM109" s="12">
        <f t="shared" si="68"/>
        <v>7.82833760538864</v>
      </c>
      <c r="AN109" s="12">
        <f t="shared" si="69"/>
        <v>26.094458684628805</v>
      </c>
      <c r="AO109" s="12">
        <f t="shared" si="70"/>
        <v>39.1416880269432</v>
      </c>
      <c r="AP109" s="12">
        <f t="shared" si="71"/>
        <v>187.88010252932736</v>
      </c>
      <c r="AQ109" s="12">
        <f t="shared" si="72"/>
        <v>0</v>
      </c>
      <c r="AR109" s="11">
        <f t="shared" si="73"/>
        <v>260.94458684628802</v>
      </c>
    </row>
    <row r="110" spans="16:44" x14ac:dyDescent="0.3">
      <c r="P110" s="10">
        <f t="shared" si="74"/>
        <v>45400</v>
      </c>
      <c r="Q110" s="29">
        <v>9.6</v>
      </c>
      <c r="R110" s="29">
        <f t="shared" si="60"/>
        <v>4</v>
      </c>
      <c r="S110" s="12">
        <f t="shared" si="52"/>
        <v>1.0609861866589789</v>
      </c>
      <c r="T110" s="12">
        <f t="shared" si="53"/>
        <v>1.4695351264848711</v>
      </c>
      <c r="U110" s="12">
        <f t="shared" si="54"/>
        <v>1.771938814155029</v>
      </c>
      <c r="V110" s="12">
        <f t="shared" si="55"/>
        <v>2.5404025087253199</v>
      </c>
      <c r="W110" s="12">
        <f t="shared" si="61"/>
        <v>0</v>
      </c>
      <c r="X110" s="12">
        <f t="shared" si="56"/>
        <v>-7.0953309908476907E-3</v>
      </c>
      <c r="Y110" s="12">
        <f t="shared" si="57"/>
        <v>-5.875924024232846E-2</v>
      </c>
      <c r="Z110" s="12">
        <f t="shared" si="58"/>
        <v>-9.5984753200240996E-2</v>
      </c>
      <c r="AA110" s="12">
        <f t="shared" si="59"/>
        <v>-0.17801624965770491</v>
      </c>
      <c r="AB110" s="12">
        <f t="shared" si="62"/>
        <v>0</v>
      </c>
      <c r="AC110" s="12">
        <f t="shared" si="63"/>
        <v>0.99287100914684112</v>
      </c>
      <c r="AD110" s="12">
        <f t="shared" si="64"/>
        <v>0</v>
      </c>
      <c r="AE110" s="12">
        <f t="shared" si="65"/>
        <v>0</v>
      </c>
      <c r="AF110" s="12">
        <f t="shared" si="66"/>
        <v>0</v>
      </c>
      <c r="AG110" s="12">
        <f t="shared" si="67"/>
        <v>0</v>
      </c>
      <c r="AH110" s="12">
        <f>AC110/SUM(AC$2:AG$366)*Input!$D$12</f>
        <v>260.38634897416273</v>
      </c>
      <c r="AI110" s="12">
        <f>AD110/SUM(AC$2:AG$366)*Input!$D$12</f>
        <v>0</v>
      </c>
      <c r="AJ110" s="12">
        <f>AE110/SUM(AC$2:AG$366)*Input!$D$12</f>
        <v>0</v>
      </c>
      <c r="AK110" s="12">
        <f>AF110/SUM(AC$2:AG$366)*Input!$D$12</f>
        <v>0</v>
      </c>
      <c r="AL110" s="12">
        <f>AG110/SUM(AC$2:AG$366)*Input!$D$12</f>
        <v>0</v>
      </c>
      <c r="AM110" s="12">
        <f t="shared" si="68"/>
        <v>7.8115904692248819</v>
      </c>
      <c r="AN110" s="12">
        <f t="shared" si="69"/>
        <v>26.038634897416273</v>
      </c>
      <c r="AO110" s="12">
        <f t="shared" si="70"/>
        <v>39.057952346124409</v>
      </c>
      <c r="AP110" s="12">
        <f t="shared" si="71"/>
        <v>187.47817126139716</v>
      </c>
      <c r="AQ110" s="12">
        <f t="shared" si="72"/>
        <v>0</v>
      </c>
      <c r="AR110" s="11">
        <f t="shared" si="73"/>
        <v>260.38634897416273</v>
      </c>
    </row>
    <row r="111" spans="16:44" x14ac:dyDescent="0.3">
      <c r="P111" s="10">
        <f t="shared" si="74"/>
        <v>45401</v>
      </c>
      <c r="Q111" s="29">
        <v>9.8000000000000007</v>
      </c>
      <c r="R111" s="29">
        <f t="shared" si="60"/>
        <v>5</v>
      </c>
      <c r="S111" s="12">
        <f t="shared" si="52"/>
        <v>1.0609861866589789</v>
      </c>
      <c r="T111" s="12">
        <f t="shared" si="53"/>
        <v>1.4695351264848711</v>
      </c>
      <c r="U111" s="12">
        <f t="shared" si="54"/>
        <v>1.771938814155029</v>
      </c>
      <c r="V111" s="12">
        <f t="shared" si="55"/>
        <v>2.5404025087253199</v>
      </c>
      <c r="W111" s="12">
        <f t="shared" si="61"/>
        <v>0</v>
      </c>
      <c r="X111" s="12">
        <f t="shared" si="56"/>
        <v>-7.0953309908476907E-3</v>
      </c>
      <c r="Y111" s="12">
        <f t="shared" si="57"/>
        <v>-5.875924024232846E-2</v>
      </c>
      <c r="Z111" s="12">
        <f t="shared" si="58"/>
        <v>-9.5984753200240996E-2</v>
      </c>
      <c r="AA111" s="12">
        <f t="shared" si="59"/>
        <v>-0.17801624965770491</v>
      </c>
      <c r="AB111" s="12">
        <f t="shared" si="62"/>
        <v>0</v>
      </c>
      <c r="AC111" s="12">
        <f t="shared" si="63"/>
        <v>0.99145194294867156</v>
      </c>
      <c r="AD111" s="12">
        <f t="shared" si="64"/>
        <v>0</v>
      </c>
      <c r="AE111" s="12">
        <f t="shared" si="65"/>
        <v>0</v>
      </c>
      <c r="AF111" s="12">
        <f t="shared" si="66"/>
        <v>0</v>
      </c>
      <c r="AG111" s="12">
        <f t="shared" si="67"/>
        <v>0</v>
      </c>
      <c r="AH111" s="12">
        <f>AC111/SUM(AC$2:AG$366)*Input!$D$12</f>
        <v>260.01419039274589</v>
      </c>
      <c r="AI111" s="12">
        <f>AD111/SUM(AC$2:AG$366)*Input!$D$12</f>
        <v>0</v>
      </c>
      <c r="AJ111" s="12">
        <f>AE111/SUM(AC$2:AG$366)*Input!$D$12</f>
        <v>0</v>
      </c>
      <c r="AK111" s="12">
        <f>AF111/SUM(AC$2:AG$366)*Input!$D$12</f>
        <v>0</v>
      </c>
      <c r="AL111" s="12">
        <f>AG111/SUM(AC$2:AG$366)*Input!$D$12</f>
        <v>0</v>
      </c>
      <c r="AM111" s="12">
        <f t="shared" si="68"/>
        <v>7.8004257117823768</v>
      </c>
      <c r="AN111" s="12">
        <f t="shared" si="69"/>
        <v>26.001419039274591</v>
      </c>
      <c r="AO111" s="12">
        <f t="shared" si="70"/>
        <v>39.002128558911885</v>
      </c>
      <c r="AP111" s="12">
        <f t="shared" si="71"/>
        <v>187.21021708277704</v>
      </c>
      <c r="AQ111" s="12">
        <f t="shared" si="72"/>
        <v>0</v>
      </c>
      <c r="AR111" s="11">
        <f t="shared" si="73"/>
        <v>260.01419039274589</v>
      </c>
    </row>
    <row r="112" spans="16:44" x14ac:dyDescent="0.3">
      <c r="P112" s="10">
        <f t="shared" si="74"/>
        <v>45402</v>
      </c>
      <c r="Q112" s="29">
        <v>9.3000000000000007</v>
      </c>
      <c r="R112" s="29">
        <f t="shared" si="60"/>
        <v>6</v>
      </c>
      <c r="S112" s="12">
        <f t="shared" si="52"/>
        <v>0.88136675487947747</v>
      </c>
      <c r="T112" s="12">
        <f t="shared" si="53"/>
        <v>0.40529111994771311</v>
      </c>
      <c r="U112" s="12">
        <f t="shared" si="54"/>
        <v>1.4791569663107089</v>
      </c>
      <c r="V112" s="12">
        <f t="shared" si="55"/>
        <v>1.31124751273035</v>
      </c>
      <c r="W112" s="12">
        <f t="shared" si="61"/>
        <v>1.9424956480203619</v>
      </c>
      <c r="X112" s="12">
        <f t="shared" si="56"/>
        <v>-1.236743869637378E-2</v>
      </c>
      <c r="Y112" s="12">
        <f t="shared" si="57"/>
        <v>-1.3226323007097701E-2</v>
      </c>
      <c r="Z112" s="12">
        <f t="shared" si="58"/>
        <v>-6.6119920832722404E-2</v>
      </c>
      <c r="AA112" s="12">
        <f t="shared" si="59"/>
        <v>-7.5310765362349638E-2</v>
      </c>
      <c r="AB112" s="12">
        <f t="shared" si="62"/>
        <v>-0.1200596025795522</v>
      </c>
      <c r="AC112" s="12">
        <f t="shared" si="63"/>
        <v>0.86896378309613009</v>
      </c>
      <c r="AD112" s="12">
        <f t="shared" si="64"/>
        <v>0.1598022834772429</v>
      </c>
      <c r="AE112" s="12">
        <f t="shared" si="65"/>
        <v>0</v>
      </c>
      <c r="AF112" s="12">
        <f t="shared" si="66"/>
        <v>0</v>
      </c>
      <c r="AG112" s="12">
        <f t="shared" si="67"/>
        <v>0</v>
      </c>
      <c r="AH112" s="12">
        <f>AC112/SUM(AC$2:AG$366)*Input!$D$12</f>
        <v>227.89093929291457</v>
      </c>
      <c r="AI112" s="12">
        <f>AD112/SUM(AC$2:AG$366)*Input!$D$12</f>
        <v>41.909102762632358</v>
      </c>
      <c r="AJ112" s="12">
        <f>AE112/SUM(AC$2:AG$366)*Input!$D$12</f>
        <v>0</v>
      </c>
      <c r="AK112" s="12">
        <f>AF112/SUM(AC$2:AG$366)*Input!$D$12</f>
        <v>0</v>
      </c>
      <c r="AL112" s="12">
        <f>AG112/SUM(AC$2:AG$366)*Input!$D$12</f>
        <v>0</v>
      </c>
      <c r="AM112" s="12">
        <f t="shared" si="68"/>
        <v>3.7755948434803934</v>
      </c>
      <c r="AN112" s="12">
        <f t="shared" si="69"/>
        <v>12.585316144934646</v>
      </c>
      <c r="AO112" s="12">
        <f t="shared" si="70"/>
        <v>18.87797421740197</v>
      </c>
      <c r="AP112" s="12">
        <f t="shared" si="71"/>
        <v>234.56115684972991</v>
      </c>
      <c r="AQ112" s="12">
        <f t="shared" si="72"/>
        <v>0</v>
      </c>
      <c r="AR112" s="11">
        <f t="shared" si="73"/>
        <v>269.8000420555469</v>
      </c>
    </row>
    <row r="113" spans="16:44" x14ac:dyDescent="0.3">
      <c r="P113" s="10">
        <f t="shared" si="74"/>
        <v>45403</v>
      </c>
      <c r="Q113" s="29">
        <v>5.8</v>
      </c>
      <c r="R113" s="29">
        <f t="shared" si="60"/>
        <v>7</v>
      </c>
      <c r="S113" s="12">
        <f t="shared" si="52"/>
        <v>0.88136675487947747</v>
      </c>
      <c r="T113" s="12">
        <f t="shared" si="53"/>
        <v>0.40529111994771311</v>
      </c>
      <c r="U113" s="12">
        <f t="shared" si="54"/>
        <v>1.4791569663107089</v>
      </c>
      <c r="V113" s="12">
        <f t="shared" si="55"/>
        <v>1.31124751273035</v>
      </c>
      <c r="W113" s="12">
        <f t="shared" si="61"/>
        <v>1.9424956480203619</v>
      </c>
      <c r="X113" s="12">
        <f t="shared" si="56"/>
        <v>-1.236743869637378E-2</v>
      </c>
      <c r="Y113" s="12">
        <f t="shared" si="57"/>
        <v>-1.3226323007097701E-2</v>
      </c>
      <c r="Z113" s="12">
        <f t="shared" si="58"/>
        <v>-6.6119920832722404E-2</v>
      </c>
      <c r="AA113" s="12">
        <f t="shared" si="59"/>
        <v>-7.5310765362349638E-2</v>
      </c>
      <c r="AB113" s="12">
        <f t="shared" si="62"/>
        <v>-0.1200596025795522</v>
      </c>
      <c r="AC113" s="12">
        <f t="shared" si="63"/>
        <v>0.91804581867849389</v>
      </c>
      <c r="AD113" s="12">
        <f t="shared" si="64"/>
        <v>0.18600825856735592</v>
      </c>
      <c r="AE113" s="12">
        <f t="shared" si="65"/>
        <v>0</v>
      </c>
      <c r="AF113" s="12">
        <f t="shared" si="66"/>
        <v>0</v>
      </c>
      <c r="AG113" s="12">
        <f t="shared" si="67"/>
        <v>0</v>
      </c>
      <c r="AH113" s="12">
        <f>AC113/SUM(AC$2:AG$366)*Input!$D$12</f>
        <v>240.76299611376339</v>
      </c>
      <c r="AI113" s="12">
        <f>AD113/SUM(AC$2:AG$366)*Input!$D$12</f>
        <v>48.781776163466034</v>
      </c>
      <c r="AJ113" s="12">
        <f>AE113/SUM(AC$2:AG$366)*Input!$D$12</f>
        <v>0</v>
      </c>
      <c r="AK113" s="12">
        <f>AF113/SUM(AC$2:AG$366)*Input!$D$12</f>
        <v>0</v>
      </c>
      <c r="AL113" s="12">
        <f>AG113/SUM(AC$2:AG$366)*Input!$D$12</f>
        <v>0</v>
      </c>
      <c r="AM113" s="12">
        <f t="shared" si="68"/>
        <v>4.3947546093212653</v>
      </c>
      <c r="AN113" s="12">
        <f t="shared" si="69"/>
        <v>14.649182031070886</v>
      </c>
      <c r="AO113" s="12">
        <f t="shared" si="70"/>
        <v>21.973773046606329</v>
      </c>
      <c r="AP113" s="12">
        <f t="shared" si="71"/>
        <v>248.52706259023094</v>
      </c>
      <c r="AQ113" s="12">
        <f t="shared" si="72"/>
        <v>0</v>
      </c>
      <c r="AR113" s="11">
        <f t="shared" si="73"/>
        <v>289.54477227722941</v>
      </c>
    </row>
    <row r="114" spans="16:44" x14ac:dyDescent="0.3">
      <c r="P114" s="10">
        <f t="shared" si="74"/>
        <v>45404</v>
      </c>
      <c r="Q114" s="29">
        <v>2</v>
      </c>
      <c r="R114" s="29">
        <f t="shared" si="60"/>
        <v>1</v>
      </c>
      <c r="S114" s="12">
        <f t="shared" si="52"/>
        <v>1.085192073005006</v>
      </c>
      <c r="T114" s="12">
        <f t="shared" si="53"/>
        <v>1.4695351264848711</v>
      </c>
      <c r="U114" s="12">
        <f t="shared" si="54"/>
        <v>1.771938814155029</v>
      </c>
      <c r="V114" s="12">
        <f t="shared" si="55"/>
        <v>2.5404025087253199</v>
      </c>
      <c r="W114" s="12">
        <f t="shared" si="61"/>
        <v>0</v>
      </c>
      <c r="X114" s="12">
        <f t="shared" si="56"/>
        <v>-1.544218835154681E-2</v>
      </c>
      <c r="Y114" s="12">
        <f t="shared" si="57"/>
        <v>-5.875924024232846E-2</v>
      </c>
      <c r="Z114" s="12">
        <f t="shared" si="58"/>
        <v>-9.5984753200240996E-2</v>
      </c>
      <c r="AA114" s="12">
        <f t="shared" si="59"/>
        <v>-0.17801624965770491</v>
      </c>
      <c r="AB114" s="12">
        <f t="shared" si="62"/>
        <v>0</v>
      </c>
      <c r="AC114" s="12">
        <f t="shared" si="63"/>
        <v>1.0543076963019125</v>
      </c>
      <c r="AD114" s="12">
        <f t="shared" si="64"/>
        <v>0</v>
      </c>
      <c r="AE114" s="12">
        <f t="shared" si="65"/>
        <v>0</v>
      </c>
      <c r="AF114" s="12">
        <f t="shared" si="66"/>
        <v>0</v>
      </c>
      <c r="AG114" s="12">
        <f t="shared" si="67"/>
        <v>0</v>
      </c>
      <c r="AH114" s="12">
        <f>AC114/SUM(AC$2:AG$366)*Input!$D$12</f>
        <v>276.49848691957732</v>
      </c>
      <c r="AI114" s="12">
        <f>AD114/SUM(AC$2:AG$366)*Input!$D$12</f>
        <v>0</v>
      </c>
      <c r="AJ114" s="12">
        <f>AE114/SUM(AC$2:AG$366)*Input!$D$12</f>
        <v>0</v>
      </c>
      <c r="AK114" s="12">
        <f>AF114/SUM(AC$2:AG$366)*Input!$D$12</f>
        <v>0</v>
      </c>
      <c r="AL114" s="12">
        <f>AG114/SUM(AC$2:AG$366)*Input!$D$12</f>
        <v>0</v>
      </c>
      <c r="AM114" s="12">
        <f t="shared" si="68"/>
        <v>8.2949546075873197</v>
      </c>
      <c r="AN114" s="12">
        <f t="shared" si="69"/>
        <v>27.649848691957732</v>
      </c>
      <c r="AO114" s="12">
        <f t="shared" si="70"/>
        <v>41.474773037936593</v>
      </c>
      <c r="AP114" s="12">
        <f t="shared" si="71"/>
        <v>199.07891058209566</v>
      </c>
      <c r="AQ114" s="12">
        <f t="shared" si="72"/>
        <v>0</v>
      </c>
      <c r="AR114" s="11">
        <f t="shared" si="73"/>
        <v>276.49848691957732</v>
      </c>
    </row>
    <row r="115" spans="16:44" x14ac:dyDescent="0.3">
      <c r="P115" s="10">
        <f t="shared" si="74"/>
        <v>45405</v>
      </c>
      <c r="Q115" s="29">
        <v>2.7</v>
      </c>
      <c r="R115" s="29">
        <f t="shared" si="60"/>
        <v>2</v>
      </c>
      <c r="S115" s="12">
        <f t="shared" si="52"/>
        <v>1.085192073005006</v>
      </c>
      <c r="T115" s="12">
        <f t="shared" si="53"/>
        <v>1.4695351264848711</v>
      </c>
      <c r="U115" s="12">
        <f t="shared" si="54"/>
        <v>1.771938814155029</v>
      </c>
      <c r="V115" s="12">
        <f t="shared" si="55"/>
        <v>2.5404025087253199</v>
      </c>
      <c r="W115" s="12">
        <f t="shared" si="61"/>
        <v>0</v>
      </c>
      <c r="X115" s="12">
        <f t="shared" si="56"/>
        <v>-1.544218835154681E-2</v>
      </c>
      <c r="Y115" s="12">
        <f t="shared" si="57"/>
        <v>-5.875924024232846E-2</v>
      </c>
      <c r="Z115" s="12">
        <f t="shared" si="58"/>
        <v>-9.5984753200240996E-2</v>
      </c>
      <c r="AA115" s="12">
        <f t="shared" si="59"/>
        <v>-0.17801624965770491</v>
      </c>
      <c r="AB115" s="12">
        <f t="shared" si="62"/>
        <v>0</v>
      </c>
      <c r="AC115" s="12">
        <f t="shared" si="63"/>
        <v>1.0434981644558297</v>
      </c>
      <c r="AD115" s="12">
        <f t="shared" si="64"/>
        <v>0</v>
      </c>
      <c r="AE115" s="12">
        <f t="shared" si="65"/>
        <v>0</v>
      </c>
      <c r="AF115" s="12">
        <f t="shared" si="66"/>
        <v>0</v>
      </c>
      <c r="AG115" s="12">
        <f t="shared" si="67"/>
        <v>0</v>
      </c>
      <c r="AH115" s="12">
        <f>AC115/SUM(AC$2:AG$366)*Input!$D$12</f>
        <v>273.66362266672735</v>
      </c>
      <c r="AI115" s="12">
        <f>AD115/SUM(AC$2:AG$366)*Input!$D$12</f>
        <v>0</v>
      </c>
      <c r="AJ115" s="12">
        <f>AE115/SUM(AC$2:AG$366)*Input!$D$12</f>
        <v>0</v>
      </c>
      <c r="AK115" s="12">
        <f>AF115/SUM(AC$2:AG$366)*Input!$D$12</f>
        <v>0</v>
      </c>
      <c r="AL115" s="12">
        <f>AG115/SUM(AC$2:AG$366)*Input!$D$12</f>
        <v>0</v>
      </c>
      <c r="AM115" s="12">
        <f t="shared" si="68"/>
        <v>8.2099086800018206</v>
      </c>
      <c r="AN115" s="12">
        <f t="shared" si="69"/>
        <v>27.366362266672738</v>
      </c>
      <c r="AO115" s="12">
        <f t="shared" si="70"/>
        <v>41.0495434000091</v>
      </c>
      <c r="AP115" s="12">
        <f t="shared" si="71"/>
        <v>197.03780832004369</v>
      </c>
      <c r="AQ115" s="12">
        <f t="shared" si="72"/>
        <v>0</v>
      </c>
      <c r="AR115" s="11">
        <f t="shared" si="73"/>
        <v>273.66362266672735</v>
      </c>
    </row>
    <row r="116" spans="16:44" x14ac:dyDescent="0.3">
      <c r="P116" s="10">
        <f t="shared" si="74"/>
        <v>45406</v>
      </c>
      <c r="Q116" s="29">
        <v>1.2</v>
      </c>
      <c r="R116" s="29">
        <f t="shared" si="60"/>
        <v>3</v>
      </c>
      <c r="S116" s="12">
        <f t="shared" si="52"/>
        <v>1.085192073005006</v>
      </c>
      <c r="T116" s="12">
        <f t="shared" si="53"/>
        <v>1.4695351264848711</v>
      </c>
      <c r="U116" s="12">
        <f t="shared" si="54"/>
        <v>1.771938814155029</v>
      </c>
      <c r="V116" s="12">
        <f t="shared" si="55"/>
        <v>2.5404025087253199</v>
      </c>
      <c r="W116" s="12">
        <f t="shared" si="61"/>
        <v>0</v>
      </c>
      <c r="X116" s="12">
        <f t="shared" si="56"/>
        <v>-1.544218835154681E-2</v>
      </c>
      <c r="Y116" s="12">
        <f t="shared" si="57"/>
        <v>-5.875924024232846E-2</v>
      </c>
      <c r="Z116" s="12">
        <f t="shared" si="58"/>
        <v>-9.5984753200240996E-2</v>
      </c>
      <c r="AA116" s="12">
        <f t="shared" si="59"/>
        <v>-0.17801624965770491</v>
      </c>
      <c r="AB116" s="12">
        <f t="shared" si="62"/>
        <v>0</v>
      </c>
      <c r="AC116" s="12">
        <f t="shared" si="63"/>
        <v>1.0666614469831499</v>
      </c>
      <c r="AD116" s="12">
        <f t="shared" si="64"/>
        <v>0</v>
      </c>
      <c r="AE116" s="12">
        <f t="shared" si="65"/>
        <v>0</v>
      </c>
      <c r="AF116" s="12">
        <f t="shared" si="66"/>
        <v>0</v>
      </c>
      <c r="AG116" s="12">
        <f t="shared" si="67"/>
        <v>0</v>
      </c>
      <c r="AH116" s="12">
        <f>AC116/SUM(AC$2:AG$366)*Input!$D$12</f>
        <v>279.73833177997727</v>
      </c>
      <c r="AI116" s="12">
        <f>AD116/SUM(AC$2:AG$366)*Input!$D$12</f>
        <v>0</v>
      </c>
      <c r="AJ116" s="12">
        <f>AE116/SUM(AC$2:AG$366)*Input!$D$12</f>
        <v>0</v>
      </c>
      <c r="AK116" s="12">
        <f>AF116/SUM(AC$2:AG$366)*Input!$D$12</f>
        <v>0</v>
      </c>
      <c r="AL116" s="12">
        <f>AG116/SUM(AC$2:AG$366)*Input!$D$12</f>
        <v>0</v>
      </c>
      <c r="AM116" s="12">
        <f t="shared" si="68"/>
        <v>8.3921499533993185</v>
      </c>
      <c r="AN116" s="12">
        <f t="shared" si="69"/>
        <v>27.973833177997729</v>
      </c>
      <c r="AO116" s="12">
        <f t="shared" si="70"/>
        <v>41.960749766996592</v>
      </c>
      <c r="AP116" s="12">
        <f t="shared" si="71"/>
        <v>201.41159888158361</v>
      </c>
      <c r="AQ116" s="12">
        <f t="shared" si="72"/>
        <v>0</v>
      </c>
      <c r="AR116" s="11">
        <f t="shared" si="73"/>
        <v>279.73833177997722</v>
      </c>
    </row>
    <row r="117" spans="16:44" x14ac:dyDescent="0.3">
      <c r="P117" s="10">
        <f t="shared" si="74"/>
        <v>45407</v>
      </c>
      <c r="Q117" s="29">
        <v>2.4</v>
      </c>
      <c r="R117" s="29">
        <f t="shared" si="60"/>
        <v>4</v>
      </c>
      <c r="S117" s="12">
        <f t="shared" si="52"/>
        <v>1.085192073005006</v>
      </c>
      <c r="T117" s="12">
        <f t="shared" si="53"/>
        <v>1.4695351264848711</v>
      </c>
      <c r="U117" s="12">
        <f t="shared" si="54"/>
        <v>1.771938814155029</v>
      </c>
      <c r="V117" s="12">
        <f t="shared" si="55"/>
        <v>2.5404025087253199</v>
      </c>
      <c r="W117" s="12">
        <f t="shared" si="61"/>
        <v>0</v>
      </c>
      <c r="X117" s="12">
        <f t="shared" si="56"/>
        <v>-1.544218835154681E-2</v>
      </c>
      <c r="Y117" s="12">
        <f t="shared" si="57"/>
        <v>-5.875924024232846E-2</v>
      </c>
      <c r="Z117" s="12">
        <f t="shared" si="58"/>
        <v>-9.5984753200240996E-2</v>
      </c>
      <c r="AA117" s="12">
        <f t="shared" si="59"/>
        <v>-0.17801624965770491</v>
      </c>
      <c r="AB117" s="12">
        <f t="shared" si="62"/>
        <v>0</v>
      </c>
      <c r="AC117" s="12">
        <f t="shared" si="63"/>
        <v>1.0481308209612936</v>
      </c>
      <c r="AD117" s="12">
        <f t="shared" si="64"/>
        <v>0</v>
      </c>
      <c r="AE117" s="12">
        <f t="shared" si="65"/>
        <v>0</v>
      </c>
      <c r="AF117" s="12">
        <f t="shared" si="66"/>
        <v>0</v>
      </c>
      <c r="AG117" s="12">
        <f t="shared" si="67"/>
        <v>0</v>
      </c>
      <c r="AH117" s="12">
        <f>AC117/SUM(AC$2:AG$366)*Input!$D$12</f>
        <v>274.87856448937731</v>
      </c>
      <c r="AI117" s="12">
        <f>AD117/SUM(AC$2:AG$366)*Input!$D$12</f>
        <v>0</v>
      </c>
      <c r="AJ117" s="12">
        <f>AE117/SUM(AC$2:AG$366)*Input!$D$12</f>
        <v>0</v>
      </c>
      <c r="AK117" s="12">
        <f>AF117/SUM(AC$2:AG$366)*Input!$D$12</f>
        <v>0</v>
      </c>
      <c r="AL117" s="12">
        <f>AG117/SUM(AC$2:AG$366)*Input!$D$12</f>
        <v>0</v>
      </c>
      <c r="AM117" s="12">
        <f t="shared" si="68"/>
        <v>8.2463569346813195</v>
      </c>
      <c r="AN117" s="12">
        <f t="shared" si="69"/>
        <v>27.487856448937734</v>
      </c>
      <c r="AO117" s="12">
        <f t="shared" si="70"/>
        <v>41.231784673406594</v>
      </c>
      <c r="AP117" s="12">
        <f t="shared" si="71"/>
        <v>197.91256643235167</v>
      </c>
      <c r="AQ117" s="12">
        <f t="shared" si="72"/>
        <v>0</v>
      </c>
      <c r="AR117" s="11">
        <f t="shared" si="73"/>
        <v>274.87856448937731</v>
      </c>
    </row>
    <row r="118" spans="16:44" x14ac:dyDescent="0.3">
      <c r="P118" s="10">
        <f t="shared" si="74"/>
        <v>45408</v>
      </c>
      <c r="Q118" s="29">
        <v>2.7</v>
      </c>
      <c r="R118" s="29">
        <f t="shared" si="60"/>
        <v>5</v>
      </c>
      <c r="S118" s="12">
        <f t="shared" si="52"/>
        <v>1.085192073005006</v>
      </c>
      <c r="T118" s="12">
        <f t="shared" si="53"/>
        <v>1.4695351264848711</v>
      </c>
      <c r="U118" s="12">
        <f t="shared" si="54"/>
        <v>1.771938814155029</v>
      </c>
      <c r="V118" s="12">
        <f t="shared" si="55"/>
        <v>2.5404025087253199</v>
      </c>
      <c r="W118" s="12">
        <f t="shared" si="61"/>
        <v>0</v>
      </c>
      <c r="X118" s="12">
        <f t="shared" si="56"/>
        <v>-1.544218835154681E-2</v>
      </c>
      <c r="Y118" s="12">
        <f t="shared" si="57"/>
        <v>-5.875924024232846E-2</v>
      </c>
      <c r="Z118" s="12">
        <f t="shared" si="58"/>
        <v>-9.5984753200240996E-2</v>
      </c>
      <c r="AA118" s="12">
        <f t="shared" si="59"/>
        <v>-0.17801624965770491</v>
      </c>
      <c r="AB118" s="12">
        <f t="shared" si="62"/>
        <v>0</v>
      </c>
      <c r="AC118" s="12">
        <f t="shared" si="63"/>
        <v>1.0434981644558297</v>
      </c>
      <c r="AD118" s="12">
        <f t="shared" si="64"/>
        <v>0</v>
      </c>
      <c r="AE118" s="12">
        <f t="shared" si="65"/>
        <v>0</v>
      </c>
      <c r="AF118" s="12">
        <f t="shared" si="66"/>
        <v>0</v>
      </c>
      <c r="AG118" s="12">
        <f t="shared" si="67"/>
        <v>0</v>
      </c>
      <c r="AH118" s="12">
        <f>AC118/SUM(AC$2:AG$366)*Input!$D$12</f>
        <v>273.66362266672735</v>
      </c>
      <c r="AI118" s="12">
        <f>AD118/SUM(AC$2:AG$366)*Input!$D$12</f>
        <v>0</v>
      </c>
      <c r="AJ118" s="12">
        <f>AE118/SUM(AC$2:AG$366)*Input!$D$12</f>
        <v>0</v>
      </c>
      <c r="AK118" s="12">
        <f>AF118/SUM(AC$2:AG$366)*Input!$D$12</f>
        <v>0</v>
      </c>
      <c r="AL118" s="12">
        <f>AG118/SUM(AC$2:AG$366)*Input!$D$12</f>
        <v>0</v>
      </c>
      <c r="AM118" s="12">
        <f t="shared" si="68"/>
        <v>8.2099086800018206</v>
      </c>
      <c r="AN118" s="12">
        <f t="shared" si="69"/>
        <v>27.366362266672738</v>
      </c>
      <c r="AO118" s="12">
        <f t="shared" si="70"/>
        <v>41.0495434000091</v>
      </c>
      <c r="AP118" s="12">
        <f t="shared" si="71"/>
        <v>197.03780832004369</v>
      </c>
      <c r="AQ118" s="12">
        <f t="shared" si="72"/>
        <v>0</v>
      </c>
      <c r="AR118" s="11">
        <f t="shared" si="73"/>
        <v>273.66362266672735</v>
      </c>
    </row>
    <row r="119" spans="16:44" x14ac:dyDescent="0.3">
      <c r="P119" s="10">
        <f t="shared" si="74"/>
        <v>45409</v>
      </c>
      <c r="Q119" s="29">
        <v>5.3</v>
      </c>
      <c r="R119" s="29">
        <f t="shared" si="60"/>
        <v>6</v>
      </c>
      <c r="S119" s="12">
        <f t="shared" si="52"/>
        <v>0.88136675487947747</v>
      </c>
      <c r="T119" s="12">
        <f t="shared" si="53"/>
        <v>0.40529111994771311</v>
      </c>
      <c r="U119" s="12">
        <f t="shared" si="54"/>
        <v>1.4791569663107089</v>
      </c>
      <c r="V119" s="12">
        <f t="shared" si="55"/>
        <v>1.31124751273035</v>
      </c>
      <c r="W119" s="12">
        <f t="shared" si="61"/>
        <v>1.9424956480203619</v>
      </c>
      <c r="X119" s="12">
        <f t="shared" si="56"/>
        <v>-1.236743869637378E-2</v>
      </c>
      <c r="Y119" s="12">
        <f t="shared" si="57"/>
        <v>-1.3226323007097701E-2</v>
      </c>
      <c r="Z119" s="12">
        <f t="shared" si="58"/>
        <v>-6.6119920832722404E-2</v>
      </c>
      <c r="AA119" s="12">
        <f t="shared" si="59"/>
        <v>-7.5310765362349638E-2</v>
      </c>
      <c r="AB119" s="12">
        <f t="shared" si="62"/>
        <v>-0.1200596025795522</v>
      </c>
      <c r="AC119" s="12">
        <f t="shared" si="63"/>
        <v>0.92505753804740298</v>
      </c>
      <c r="AD119" s="12">
        <f t="shared" si="64"/>
        <v>0.18975196929451493</v>
      </c>
      <c r="AE119" s="12">
        <f t="shared" si="65"/>
        <v>0</v>
      </c>
      <c r="AF119" s="12">
        <f t="shared" si="66"/>
        <v>0</v>
      </c>
      <c r="AG119" s="12">
        <f t="shared" si="67"/>
        <v>0</v>
      </c>
      <c r="AH119" s="12">
        <f>AC119/SUM(AC$2:AG$366)*Input!$D$12</f>
        <v>242.60186137388465</v>
      </c>
      <c r="AI119" s="12">
        <f>AD119/SUM(AC$2:AG$366)*Input!$D$12</f>
        <v>49.76358664929942</v>
      </c>
      <c r="AJ119" s="12">
        <f>AE119/SUM(AC$2:AG$366)*Input!$D$12</f>
        <v>0</v>
      </c>
      <c r="AK119" s="12">
        <f>AF119/SUM(AC$2:AG$366)*Input!$D$12</f>
        <v>0</v>
      </c>
      <c r="AL119" s="12">
        <f>AG119/SUM(AC$2:AG$366)*Input!$D$12</f>
        <v>0</v>
      </c>
      <c r="AM119" s="12">
        <f t="shared" si="68"/>
        <v>4.4832060044413904</v>
      </c>
      <c r="AN119" s="12">
        <f t="shared" si="69"/>
        <v>14.944020014804636</v>
      </c>
      <c r="AO119" s="12">
        <f t="shared" si="70"/>
        <v>22.416030022206954</v>
      </c>
      <c r="AP119" s="12">
        <f t="shared" si="71"/>
        <v>250.52219198173108</v>
      </c>
      <c r="AQ119" s="12">
        <f t="shared" si="72"/>
        <v>0</v>
      </c>
      <c r="AR119" s="11">
        <f t="shared" si="73"/>
        <v>292.36544802318406</v>
      </c>
    </row>
    <row r="120" spans="16:44" x14ac:dyDescent="0.3">
      <c r="P120" s="10">
        <f t="shared" si="74"/>
        <v>45410</v>
      </c>
      <c r="Q120" s="29">
        <v>2</v>
      </c>
      <c r="R120" s="29">
        <f t="shared" si="60"/>
        <v>7</v>
      </c>
      <c r="S120" s="12">
        <f t="shared" si="52"/>
        <v>0.88136675487947747</v>
      </c>
      <c r="T120" s="12">
        <f t="shared" si="53"/>
        <v>0.40529111994771311</v>
      </c>
      <c r="U120" s="12">
        <f t="shared" si="54"/>
        <v>1.4791569663107089</v>
      </c>
      <c r="V120" s="12">
        <f t="shared" si="55"/>
        <v>1.31124751273035</v>
      </c>
      <c r="W120" s="12">
        <f t="shared" si="61"/>
        <v>1.9424956480203619</v>
      </c>
      <c r="X120" s="12">
        <f t="shared" si="56"/>
        <v>-1.236743869637378E-2</v>
      </c>
      <c r="Y120" s="12">
        <f t="shared" si="57"/>
        <v>-1.3226323007097701E-2</v>
      </c>
      <c r="Z120" s="12">
        <f t="shared" si="58"/>
        <v>-6.6119920832722404E-2</v>
      </c>
      <c r="AA120" s="12">
        <f t="shared" si="59"/>
        <v>-7.5310765362349638E-2</v>
      </c>
      <c r="AB120" s="12">
        <f t="shared" si="62"/>
        <v>-0.1200596025795522</v>
      </c>
      <c r="AC120" s="12">
        <f t="shared" si="63"/>
        <v>0.97133488588220307</v>
      </c>
      <c r="AD120" s="12">
        <f t="shared" si="64"/>
        <v>0.21446046009376435</v>
      </c>
      <c r="AE120" s="12">
        <f t="shared" si="65"/>
        <v>0</v>
      </c>
      <c r="AF120" s="12">
        <f t="shared" si="66"/>
        <v>0</v>
      </c>
      <c r="AG120" s="12">
        <f t="shared" si="67"/>
        <v>0</v>
      </c>
      <c r="AH120" s="12">
        <f>AC120/SUM(AC$2:AG$366)*Input!$D$12</f>
        <v>254.73837209068498</v>
      </c>
      <c r="AI120" s="12">
        <f>AD120/SUM(AC$2:AG$366)*Input!$D$12</f>
        <v>56.243535855799735</v>
      </c>
      <c r="AJ120" s="12">
        <f>AE120/SUM(AC$2:AG$366)*Input!$D$12</f>
        <v>0</v>
      </c>
      <c r="AK120" s="12">
        <f>AF120/SUM(AC$2:AG$366)*Input!$D$12</f>
        <v>0</v>
      </c>
      <c r="AL120" s="12">
        <f>AG120/SUM(AC$2:AG$366)*Input!$D$12</f>
        <v>0</v>
      </c>
      <c r="AM120" s="12">
        <f t="shared" si="68"/>
        <v>5.0669852122342114</v>
      </c>
      <c r="AN120" s="12">
        <f t="shared" si="69"/>
        <v>16.889950707447376</v>
      </c>
      <c r="AO120" s="12">
        <f t="shared" si="70"/>
        <v>25.33492606117106</v>
      </c>
      <c r="AP120" s="12">
        <f t="shared" si="71"/>
        <v>263.69004596563207</v>
      </c>
      <c r="AQ120" s="12">
        <f t="shared" si="72"/>
        <v>0</v>
      </c>
      <c r="AR120" s="11">
        <f t="shared" si="73"/>
        <v>310.98190794648474</v>
      </c>
    </row>
    <row r="121" spans="16:44" x14ac:dyDescent="0.3">
      <c r="P121" s="10">
        <f t="shared" si="74"/>
        <v>45411</v>
      </c>
      <c r="Q121" s="29">
        <v>2.2999999999999998</v>
      </c>
      <c r="R121" s="29">
        <f t="shared" si="60"/>
        <v>1</v>
      </c>
      <c r="S121" s="12">
        <f t="shared" si="52"/>
        <v>1.085192073005006</v>
      </c>
      <c r="T121" s="12">
        <f t="shared" si="53"/>
        <v>1.4695351264848711</v>
      </c>
      <c r="U121" s="12">
        <f t="shared" si="54"/>
        <v>1.771938814155029</v>
      </c>
      <c r="V121" s="12">
        <f t="shared" si="55"/>
        <v>2.5404025087253199</v>
      </c>
      <c r="W121" s="12">
        <f t="shared" si="61"/>
        <v>0</v>
      </c>
      <c r="X121" s="12">
        <f t="shared" si="56"/>
        <v>-1.544218835154681E-2</v>
      </c>
      <c r="Y121" s="12">
        <f t="shared" si="57"/>
        <v>-5.875924024232846E-2</v>
      </c>
      <c r="Z121" s="12">
        <f t="shared" si="58"/>
        <v>-9.5984753200240996E-2</v>
      </c>
      <c r="AA121" s="12">
        <f t="shared" si="59"/>
        <v>-0.17801624965770491</v>
      </c>
      <c r="AB121" s="12">
        <f t="shared" si="62"/>
        <v>0</v>
      </c>
      <c r="AC121" s="12">
        <f t="shared" si="63"/>
        <v>1.0496750397964483</v>
      </c>
      <c r="AD121" s="12">
        <f t="shared" si="64"/>
        <v>0</v>
      </c>
      <c r="AE121" s="12">
        <f t="shared" si="65"/>
        <v>0</v>
      </c>
      <c r="AF121" s="12">
        <f t="shared" si="66"/>
        <v>0</v>
      </c>
      <c r="AG121" s="12">
        <f t="shared" si="67"/>
        <v>0</v>
      </c>
      <c r="AH121" s="12">
        <f>AC121/SUM(AC$2:AG$366)*Input!$D$12</f>
        <v>275.2835450969273</v>
      </c>
      <c r="AI121" s="12">
        <f>AD121/SUM(AC$2:AG$366)*Input!$D$12</f>
        <v>0</v>
      </c>
      <c r="AJ121" s="12">
        <f>AE121/SUM(AC$2:AG$366)*Input!$D$12</f>
        <v>0</v>
      </c>
      <c r="AK121" s="12">
        <f>AF121/SUM(AC$2:AG$366)*Input!$D$12</f>
        <v>0</v>
      </c>
      <c r="AL121" s="12">
        <f>AG121/SUM(AC$2:AG$366)*Input!$D$12</f>
        <v>0</v>
      </c>
      <c r="AM121" s="12">
        <f t="shared" si="68"/>
        <v>8.2585063529078191</v>
      </c>
      <c r="AN121" s="12">
        <f t="shared" si="69"/>
        <v>27.528354509692733</v>
      </c>
      <c r="AO121" s="12">
        <f t="shared" si="70"/>
        <v>41.292531764539092</v>
      </c>
      <c r="AP121" s="12">
        <f t="shared" si="71"/>
        <v>198.20415246978766</v>
      </c>
      <c r="AQ121" s="12">
        <f t="shared" si="72"/>
        <v>0</v>
      </c>
      <c r="AR121" s="11">
        <f t="shared" si="73"/>
        <v>275.2835450969273</v>
      </c>
    </row>
    <row r="122" spans="16:44" x14ac:dyDescent="0.3">
      <c r="P122" s="10">
        <f t="shared" si="74"/>
        <v>45412</v>
      </c>
      <c r="Q122" s="29">
        <v>3.5</v>
      </c>
      <c r="R122" s="29">
        <f t="shared" si="60"/>
        <v>2</v>
      </c>
      <c r="S122" s="12">
        <f t="shared" si="52"/>
        <v>1.0609861866589789</v>
      </c>
      <c r="T122" s="12">
        <f t="shared" si="53"/>
        <v>1.4695351264848711</v>
      </c>
      <c r="U122" s="12">
        <f t="shared" si="54"/>
        <v>1.771938814155029</v>
      </c>
      <c r="V122" s="12">
        <f t="shared" si="55"/>
        <v>2.5404025087253199</v>
      </c>
      <c r="W122" s="12">
        <f t="shared" si="61"/>
        <v>0</v>
      </c>
      <c r="X122" s="12">
        <f t="shared" si="56"/>
        <v>-7.0953309908476907E-3</v>
      </c>
      <c r="Y122" s="12">
        <f t="shared" si="57"/>
        <v>-5.875924024232846E-2</v>
      </c>
      <c r="Z122" s="12">
        <f t="shared" si="58"/>
        <v>-9.5984753200240996E-2</v>
      </c>
      <c r="AA122" s="12">
        <f t="shared" si="59"/>
        <v>-0.17801624965770491</v>
      </c>
      <c r="AB122" s="12">
        <f t="shared" si="62"/>
        <v>0</v>
      </c>
      <c r="AC122" s="12">
        <f t="shared" si="63"/>
        <v>1.036152528191012</v>
      </c>
      <c r="AD122" s="12">
        <f t="shared" si="64"/>
        <v>0</v>
      </c>
      <c r="AE122" s="12">
        <f t="shared" si="65"/>
        <v>0</v>
      </c>
      <c r="AF122" s="12">
        <f t="shared" si="66"/>
        <v>0</v>
      </c>
      <c r="AG122" s="12">
        <f t="shared" si="67"/>
        <v>0</v>
      </c>
      <c r="AH122" s="12">
        <f>AC122/SUM(AC$2:AG$366)*Input!$D$12</f>
        <v>271.73718570737691</v>
      </c>
      <c r="AI122" s="12">
        <f>AD122/SUM(AC$2:AG$366)*Input!$D$12</f>
        <v>0</v>
      </c>
      <c r="AJ122" s="12">
        <f>AE122/SUM(AC$2:AG$366)*Input!$D$12</f>
        <v>0</v>
      </c>
      <c r="AK122" s="12">
        <f>AF122/SUM(AC$2:AG$366)*Input!$D$12</f>
        <v>0</v>
      </c>
      <c r="AL122" s="12">
        <f>AG122/SUM(AC$2:AG$366)*Input!$D$12</f>
        <v>0</v>
      </c>
      <c r="AM122" s="12">
        <f t="shared" si="68"/>
        <v>8.1521155712213069</v>
      </c>
      <c r="AN122" s="12">
        <f t="shared" si="69"/>
        <v>27.173718570737691</v>
      </c>
      <c r="AO122" s="12">
        <f t="shared" si="70"/>
        <v>40.760577856106536</v>
      </c>
      <c r="AP122" s="12">
        <f t="shared" si="71"/>
        <v>195.65077370931138</v>
      </c>
      <c r="AQ122" s="12">
        <f t="shared" si="72"/>
        <v>0</v>
      </c>
      <c r="AR122" s="11">
        <f t="shared" si="73"/>
        <v>271.73718570737691</v>
      </c>
    </row>
    <row r="123" spans="16:44" x14ac:dyDescent="0.3">
      <c r="P123" s="10">
        <f t="shared" si="74"/>
        <v>45413</v>
      </c>
      <c r="Q123" s="29">
        <v>5.2</v>
      </c>
      <c r="R123" s="29">
        <f t="shared" si="60"/>
        <v>3</v>
      </c>
      <c r="S123" s="12">
        <f t="shared" si="52"/>
        <v>1.0609861866589789</v>
      </c>
      <c r="T123" s="12">
        <f t="shared" si="53"/>
        <v>1.4695351264848711</v>
      </c>
      <c r="U123" s="12">
        <f t="shared" si="54"/>
        <v>1.771938814155029</v>
      </c>
      <c r="V123" s="12">
        <f t="shared" si="55"/>
        <v>2.5404025087253199</v>
      </c>
      <c r="W123" s="12">
        <f t="shared" si="61"/>
        <v>0</v>
      </c>
      <c r="X123" s="12">
        <f t="shared" si="56"/>
        <v>-7.0953309908476907E-3</v>
      </c>
      <c r="Y123" s="12">
        <f t="shared" si="57"/>
        <v>-5.875924024232846E-2</v>
      </c>
      <c r="Z123" s="12">
        <f t="shared" si="58"/>
        <v>-9.5984753200240996E-2</v>
      </c>
      <c r="AA123" s="12">
        <f t="shared" si="59"/>
        <v>-0.17801624965770491</v>
      </c>
      <c r="AB123" s="12">
        <f t="shared" si="62"/>
        <v>0</v>
      </c>
      <c r="AC123" s="12">
        <f t="shared" si="63"/>
        <v>1.024090465506571</v>
      </c>
      <c r="AD123" s="12">
        <f t="shared" si="64"/>
        <v>0</v>
      </c>
      <c r="AE123" s="12">
        <f t="shared" si="65"/>
        <v>0</v>
      </c>
      <c r="AF123" s="12">
        <f t="shared" si="66"/>
        <v>0</v>
      </c>
      <c r="AG123" s="12">
        <f t="shared" si="67"/>
        <v>0</v>
      </c>
      <c r="AH123" s="12">
        <f>AC123/SUM(AC$2:AG$366)*Input!$D$12</f>
        <v>268.57383776533362</v>
      </c>
      <c r="AI123" s="12">
        <f>AD123/SUM(AC$2:AG$366)*Input!$D$12</f>
        <v>0</v>
      </c>
      <c r="AJ123" s="12">
        <f>AE123/SUM(AC$2:AG$366)*Input!$D$12</f>
        <v>0</v>
      </c>
      <c r="AK123" s="12">
        <f>AF123/SUM(AC$2:AG$366)*Input!$D$12</f>
        <v>0</v>
      </c>
      <c r="AL123" s="12">
        <f>AG123/SUM(AC$2:AG$366)*Input!$D$12</f>
        <v>0</v>
      </c>
      <c r="AM123" s="12">
        <f t="shared" si="68"/>
        <v>8.0572151329600086</v>
      </c>
      <c r="AN123" s="12">
        <f t="shared" si="69"/>
        <v>26.857383776533364</v>
      </c>
      <c r="AO123" s="12">
        <f t="shared" si="70"/>
        <v>40.286075664800045</v>
      </c>
      <c r="AP123" s="12">
        <f t="shared" si="71"/>
        <v>193.37316319104019</v>
      </c>
      <c r="AQ123" s="12">
        <f t="shared" si="72"/>
        <v>0</v>
      </c>
      <c r="AR123" s="11">
        <f t="shared" si="73"/>
        <v>268.57383776533362</v>
      </c>
    </row>
    <row r="124" spans="16:44" x14ac:dyDescent="0.3">
      <c r="P124" s="10">
        <f t="shared" si="74"/>
        <v>45414</v>
      </c>
      <c r="Q124" s="29">
        <v>3.9</v>
      </c>
      <c r="R124" s="29">
        <f t="shared" si="60"/>
        <v>4</v>
      </c>
      <c r="S124" s="12">
        <f t="shared" si="52"/>
        <v>1.0609861866589789</v>
      </c>
      <c r="T124" s="12">
        <f t="shared" si="53"/>
        <v>1.4695351264848711</v>
      </c>
      <c r="U124" s="12">
        <f t="shared" si="54"/>
        <v>1.771938814155029</v>
      </c>
      <c r="V124" s="12">
        <f t="shared" si="55"/>
        <v>2.5404025087253199</v>
      </c>
      <c r="W124" s="12">
        <f t="shared" si="61"/>
        <v>0</v>
      </c>
      <c r="X124" s="12">
        <f t="shared" si="56"/>
        <v>-7.0953309908476907E-3</v>
      </c>
      <c r="Y124" s="12">
        <f t="shared" si="57"/>
        <v>-5.875924024232846E-2</v>
      </c>
      <c r="Z124" s="12">
        <f t="shared" si="58"/>
        <v>-9.5984753200240996E-2</v>
      </c>
      <c r="AA124" s="12">
        <f t="shared" si="59"/>
        <v>-0.17801624965770491</v>
      </c>
      <c r="AB124" s="12">
        <f t="shared" si="62"/>
        <v>0</v>
      </c>
      <c r="AC124" s="12">
        <f t="shared" si="63"/>
        <v>1.0333143957946729</v>
      </c>
      <c r="AD124" s="12">
        <f t="shared" si="64"/>
        <v>0</v>
      </c>
      <c r="AE124" s="12">
        <f t="shared" si="65"/>
        <v>0</v>
      </c>
      <c r="AF124" s="12">
        <f t="shared" si="66"/>
        <v>0</v>
      </c>
      <c r="AG124" s="12">
        <f t="shared" si="67"/>
        <v>0</v>
      </c>
      <c r="AH124" s="12">
        <f>AC124/SUM(AC$2:AG$366)*Input!$D$12</f>
        <v>270.99286854454317</v>
      </c>
      <c r="AI124" s="12">
        <f>AD124/SUM(AC$2:AG$366)*Input!$D$12</f>
        <v>0</v>
      </c>
      <c r="AJ124" s="12">
        <f>AE124/SUM(AC$2:AG$366)*Input!$D$12</f>
        <v>0</v>
      </c>
      <c r="AK124" s="12">
        <f>AF124/SUM(AC$2:AG$366)*Input!$D$12</f>
        <v>0</v>
      </c>
      <c r="AL124" s="12">
        <f>AG124/SUM(AC$2:AG$366)*Input!$D$12</f>
        <v>0</v>
      </c>
      <c r="AM124" s="12">
        <f t="shared" si="68"/>
        <v>8.1297860563362949</v>
      </c>
      <c r="AN124" s="12">
        <f t="shared" si="69"/>
        <v>27.09928685445432</v>
      </c>
      <c r="AO124" s="12">
        <f t="shared" si="70"/>
        <v>40.648930281681473</v>
      </c>
      <c r="AP124" s="12">
        <f t="shared" si="71"/>
        <v>195.11486535207106</v>
      </c>
      <c r="AQ124" s="12">
        <f t="shared" si="72"/>
        <v>0</v>
      </c>
      <c r="AR124" s="11">
        <f t="shared" si="73"/>
        <v>270.99286854454317</v>
      </c>
    </row>
    <row r="125" spans="16:44" x14ac:dyDescent="0.3">
      <c r="P125" s="10">
        <f t="shared" si="74"/>
        <v>45415</v>
      </c>
      <c r="Q125" s="29">
        <v>4.8</v>
      </c>
      <c r="R125" s="29">
        <f t="shared" si="60"/>
        <v>5</v>
      </c>
      <c r="S125" s="12">
        <f t="shared" si="52"/>
        <v>1.0609861866589789</v>
      </c>
      <c r="T125" s="12">
        <f t="shared" si="53"/>
        <v>1.4695351264848711</v>
      </c>
      <c r="U125" s="12">
        <f t="shared" si="54"/>
        <v>1.771938814155029</v>
      </c>
      <c r="V125" s="12">
        <f t="shared" si="55"/>
        <v>2.5404025087253199</v>
      </c>
      <c r="W125" s="12">
        <f t="shared" si="61"/>
        <v>0</v>
      </c>
      <c r="X125" s="12">
        <f t="shared" si="56"/>
        <v>-7.0953309908476907E-3</v>
      </c>
      <c r="Y125" s="12">
        <f t="shared" si="57"/>
        <v>-5.875924024232846E-2</v>
      </c>
      <c r="Z125" s="12">
        <f t="shared" si="58"/>
        <v>-9.5984753200240996E-2</v>
      </c>
      <c r="AA125" s="12">
        <f t="shared" si="59"/>
        <v>-0.17801624965770491</v>
      </c>
      <c r="AB125" s="12">
        <f t="shared" si="62"/>
        <v>0</v>
      </c>
      <c r="AC125" s="12">
        <f t="shared" si="63"/>
        <v>1.0269285979029099</v>
      </c>
      <c r="AD125" s="12">
        <f t="shared" si="64"/>
        <v>0</v>
      </c>
      <c r="AE125" s="12">
        <f t="shared" si="65"/>
        <v>0</v>
      </c>
      <c r="AF125" s="12">
        <f t="shared" si="66"/>
        <v>0</v>
      </c>
      <c r="AG125" s="12">
        <f t="shared" si="67"/>
        <v>0</v>
      </c>
      <c r="AH125" s="12">
        <f>AC125/SUM(AC$2:AG$366)*Input!$D$12</f>
        <v>269.3181549281673</v>
      </c>
      <c r="AI125" s="12">
        <f>AD125/SUM(AC$2:AG$366)*Input!$D$12</f>
        <v>0</v>
      </c>
      <c r="AJ125" s="12">
        <f>AE125/SUM(AC$2:AG$366)*Input!$D$12</f>
        <v>0</v>
      </c>
      <c r="AK125" s="12">
        <f>AF125/SUM(AC$2:AG$366)*Input!$D$12</f>
        <v>0</v>
      </c>
      <c r="AL125" s="12">
        <f>AG125/SUM(AC$2:AG$366)*Input!$D$12</f>
        <v>0</v>
      </c>
      <c r="AM125" s="12">
        <f t="shared" si="68"/>
        <v>8.0795446478450188</v>
      </c>
      <c r="AN125" s="12">
        <f t="shared" si="69"/>
        <v>26.931815492816732</v>
      </c>
      <c r="AO125" s="12">
        <f t="shared" si="70"/>
        <v>40.397723239225094</v>
      </c>
      <c r="AP125" s="12">
        <f t="shared" si="71"/>
        <v>193.90907154828045</v>
      </c>
      <c r="AQ125" s="12">
        <f t="shared" si="72"/>
        <v>0</v>
      </c>
      <c r="AR125" s="11">
        <f t="shared" si="73"/>
        <v>269.3181549281673</v>
      </c>
    </row>
    <row r="126" spans="16:44" x14ac:dyDescent="0.3">
      <c r="P126" s="10">
        <f t="shared" si="74"/>
        <v>45416</v>
      </c>
      <c r="Q126" s="29">
        <v>6.9</v>
      </c>
      <c r="R126" s="29">
        <f t="shared" si="60"/>
        <v>6</v>
      </c>
      <c r="S126" s="12">
        <f t="shared" si="52"/>
        <v>0.88136675487947747</v>
      </c>
      <c r="T126" s="12">
        <f t="shared" si="53"/>
        <v>0.40529111994771311</v>
      </c>
      <c r="U126" s="12">
        <f t="shared" si="54"/>
        <v>1.4791569663107089</v>
      </c>
      <c r="V126" s="12">
        <f t="shared" si="55"/>
        <v>1.31124751273035</v>
      </c>
      <c r="W126" s="12">
        <f t="shared" si="61"/>
        <v>1.9424956480203619</v>
      </c>
      <c r="X126" s="12">
        <f t="shared" si="56"/>
        <v>-1.236743869637378E-2</v>
      </c>
      <c r="Y126" s="12">
        <f t="shared" si="57"/>
        <v>-1.3226323007097701E-2</v>
      </c>
      <c r="Z126" s="12">
        <f t="shared" si="58"/>
        <v>-6.6119920832722404E-2</v>
      </c>
      <c r="AA126" s="12">
        <f t="shared" si="59"/>
        <v>-7.5310765362349638E-2</v>
      </c>
      <c r="AB126" s="12">
        <f t="shared" si="62"/>
        <v>-0.1200596025795522</v>
      </c>
      <c r="AC126" s="12">
        <f t="shared" si="63"/>
        <v>0.90262003606689389</v>
      </c>
      <c r="AD126" s="12">
        <f t="shared" si="64"/>
        <v>0.1777720949676061</v>
      </c>
      <c r="AE126" s="12">
        <f t="shared" si="65"/>
        <v>0</v>
      </c>
      <c r="AF126" s="12">
        <f t="shared" si="66"/>
        <v>0</v>
      </c>
      <c r="AG126" s="12">
        <f t="shared" si="67"/>
        <v>0</v>
      </c>
      <c r="AH126" s="12">
        <f>AC126/SUM(AC$2:AG$366)*Input!$D$12</f>
        <v>236.71749254149665</v>
      </c>
      <c r="AI126" s="12">
        <f>AD126/SUM(AC$2:AG$366)*Input!$D$12</f>
        <v>46.621793094632586</v>
      </c>
      <c r="AJ126" s="12">
        <f>AE126/SUM(AC$2:AG$366)*Input!$D$12</f>
        <v>0</v>
      </c>
      <c r="AK126" s="12">
        <f>AF126/SUM(AC$2:AG$366)*Input!$D$12</f>
        <v>0</v>
      </c>
      <c r="AL126" s="12">
        <f>AG126/SUM(AC$2:AG$366)*Input!$D$12</f>
        <v>0</v>
      </c>
      <c r="AM126" s="12">
        <f t="shared" si="68"/>
        <v>4.2001615400569907</v>
      </c>
      <c r="AN126" s="12">
        <f t="shared" si="69"/>
        <v>14.000538466856637</v>
      </c>
      <c r="AO126" s="12">
        <f t="shared" si="70"/>
        <v>21.000807700284955</v>
      </c>
      <c r="AP126" s="12">
        <f t="shared" si="71"/>
        <v>244.13777792893066</v>
      </c>
      <c r="AQ126" s="12">
        <f t="shared" si="72"/>
        <v>0</v>
      </c>
      <c r="AR126" s="11">
        <f t="shared" si="73"/>
        <v>283.33928563612926</v>
      </c>
    </row>
    <row r="127" spans="16:44" x14ac:dyDescent="0.3">
      <c r="P127" s="10">
        <f t="shared" si="74"/>
        <v>45417</v>
      </c>
      <c r="Q127" s="29">
        <v>8.6</v>
      </c>
      <c r="R127" s="29">
        <f t="shared" si="60"/>
        <v>7</v>
      </c>
      <c r="S127" s="12">
        <f t="shared" si="52"/>
        <v>0.88136675487947747</v>
      </c>
      <c r="T127" s="12">
        <f t="shared" si="53"/>
        <v>0.40529111994771311</v>
      </c>
      <c r="U127" s="12">
        <f t="shared" si="54"/>
        <v>1.4791569663107089</v>
      </c>
      <c r="V127" s="12">
        <f t="shared" si="55"/>
        <v>1.31124751273035</v>
      </c>
      <c r="W127" s="12">
        <f t="shared" si="61"/>
        <v>1.9424956480203619</v>
      </c>
      <c r="X127" s="12">
        <f t="shared" si="56"/>
        <v>-1.236743869637378E-2</v>
      </c>
      <c r="Y127" s="12">
        <f t="shared" si="57"/>
        <v>-1.3226323007097701E-2</v>
      </c>
      <c r="Z127" s="12">
        <f t="shared" si="58"/>
        <v>-6.6119920832722404E-2</v>
      </c>
      <c r="AA127" s="12">
        <f t="shared" si="59"/>
        <v>-7.5310765362349638E-2</v>
      </c>
      <c r="AB127" s="12">
        <f t="shared" si="62"/>
        <v>-0.1200596025795522</v>
      </c>
      <c r="AC127" s="12">
        <f t="shared" si="63"/>
        <v>0.8787801902126029</v>
      </c>
      <c r="AD127" s="12">
        <f t="shared" si="64"/>
        <v>0.16504347849526552</v>
      </c>
      <c r="AE127" s="12">
        <f t="shared" si="65"/>
        <v>0</v>
      </c>
      <c r="AF127" s="12">
        <f t="shared" si="66"/>
        <v>0</v>
      </c>
      <c r="AG127" s="12">
        <f t="shared" si="67"/>
        <v>0</v>
      </c>
      <c r="AH127" s="12">
        <f>AC127/SUM(AC$2:AG$366)*Input!$D$12</f>
        <v>230.46535065708437</v>
      </c>
      <c r="AI127" s="12">
        <f>AD127/SUM(AC$2:AG$366)*Input!$D$12</f>
        <v>43.28363744279909</v>
      </c>
      <c r="AJ127" s="12">
        <f>AE127/SUM(AC$2:AG$366)*Input!$D$12</f>
        <v>0</v>
      </c>
      <c r="AK127" s="12">
        <f>AF127/SUM(AC$2:AG$366)*Input!$D$12</f>
        <v>0</v>
      </c>
      <c r="AL127" s="12">
        <f>AG127/SUM(AC$2:AG$366)*Input!$D$12</f>
        <v>0</v>
      </c>
      <c r="AM127" s="12">
        <f t="shared" si="68"/>
        <v>3.8994267966485676</v>
      </c>
      <c r="AN127" s="12">
        <f t="shared" si="69"/>
        <v>12.998089322161894</v>
      </c>
      <c r="AO127" s="12">
        <f t="shared" si="70"/>
        <v>19.49713398324284</v>
      </c>
      <c r="AP127" s="12">
        <f t="shared" si="71"/>
        <v>237.35433799783016</v>
      </c>
      <c r="AQ127" s="12">
        <f t="shared" si="72"/>
        <v>0</v>
      </c>
      <c r="AR127" s="11">
        <f t="shared" si="73"/>
        <v>273.74898809988349</v>
      </c>
    </row>
    <row r="128" spans="16:44" x14ac:dyDescent="0.3">
      <c r="P128" s="10">
        <f t="shared" si="74"/>
        <v>45418</v>
      </c>
      <c r="Q128" s="29">
        <v>9.5</v>
      </c>
      <c r="R128" s="29">
        <f t="shared" si="60"/>
        <v>1</v>
      </c>
      <c r="S128" s="12">
        <f t="shared" si="52"/>
        <v>1.0609861866589789</v>
      </c>
      <c r="T128" s="12">
        <f t="shared" si="53"/>
        <v>1.4695351264848711</v>
      </c>
      <c r="U128" s="12">
        <f t="shared" si="54"/>
        <v>1.771938814155029</v>
      </c>
      <c r="V128" s="12">
        <f t="shared" si="55"/>
        <v>2.5404025087253199</v>
      </c>
      <c r="W128" s="12">
        <f t="shared" si="61"/>
        <v>0</v>
      </c>
      <c r="X128" s="12">
        <f t="shared" si="56"/>
        <v>-7.0953309908476907E-3</v>
      </c>
      <c r="Y128" s="12">
        <f t="shared" si="57"/>
        <v>-5.875924024232846E-2</v>
      </c>
      <c r="Z128" s="12">
        <f t="shared" si="58"/>
        <v>-9.5984753200240996E-2</v>
      </c>
      <c r="AA128" s="12">
        <f t="shared" si="59"/>
        <v>-0.17801624965770491</v>
      </c>
      <c r="AB128" s="12">
        <f t="shared" si="62"/>
        <v>0</v>
      </c>
      <c r="AC128" s="12">
        <f t="shared" si="63"/>
        <v>0.99358054224592585</v>
      </c>
      <c r="AD128" s="12">
        <f t="shared" si="64"/>
        <v>0</v>
      </c>
      <c r="AE128" s="12">
        <f t="shared" si="65"/>
        <v>0</v>
      </c>
      <c r="AF128" s="12">
        <f t="shared" si="66"/>
        <v>0</v>
      </c>
      <c r="AG128" s="12">
        <f t="shared" si="67"/>
        <v>0</v>
      </c>
      <c r="AH128" s="12">
        <f>AC128/SUM(AC$2:AG$366)*Input!$D$12</f>
        <v>260.57242826487118</v>
      </c>
      <c r="AI128" s="12">
        <f>AD128/SUM(AC$2:AG$366)*Input!$D$12</f>
        <v>0</v>
      </c>
      <c r="AJ128" s="12">
        <f>AE128/SUM(AC$2:AG$366)*Input!$D$12</f>
        <v>0</v>
      </c>
      <c r="AK128" s="12">
        <f>AF128/SUM(AC$2:AG$366)*Input!$D$12</f>
        <v>0</v>
      </c>
      <c r="AL128" s="12">
        <f>AG128/SUM(AC$2:AG$366)*Input!$D$12</f>
        <v>0</v>
      </c>
      <c r="AM128" s="12">
        <f t="shared" si="68"/>
        <v>7.8171728479461349</v>
      </c>
      <c r="AN128" s="12">
        <f t="shared" si="69"/>
        <v>26.057242826487119</v>
      </c>
      <c r="AO128" s="12">
        <f t="shared" si="70"/>
        <v>39.085864239730675</v>
      </c>
      <c r="AP128" s="12">
        <f t="shared" si="71"/>
        <v>187.61214835070723</v>
      </c>
      <c r="AQ128" s="12">
        <f t="shared" si="72"/>
        <v>0</v>
      </c>
      <c r="AR128" s="11">
        <f t="shared" si="73"/>
        <v>260.57242826487118</v>
      </c>
    </row>
    <row r="129" spans="16:44" x14ac:dyDescent="0.3">
      <c r="P129" s="10">
        <f t="shared" si="74"/>
        <v>45419</v>
      </c>
      <c r="Q129" s="29">
        <v>12.1</v>
      </c>
      <c r="R129" s="29">
        <f t="shared" si="60"/>
        <v>2</v>
      </c>
      <c r="S129" s="12">
        <f t="shared" si="52"/>
        <v>1.0609861866589789</v>
      </c>
      <c r="T129" s="12">
        <f t="shared" si="53"/>
        <v>1.4695351264848711</v>
      </c>
      <c r="U129" s="12">
        <f t="shared" si="54"/>
        <v>1.771938814155029</v>
      </c>
      <c r="V129" s="12">
        <f t="shared" si="55"/>
        <v>2.5404025087253199</v>
      </c>
      <c r="W129" s="12">
        <f t="shared" si="61"/>
        <v>0</v>
      </c>
      <c r="X129" s="12">
        <f t="shared" si="56"/>
        <v>-7.0953309908476907E-3</v>
      </c>
      <c r="Y129" s="12">
        <f t="shared" si="57"/>
        <v>-5.875924024232846E-2</v>
      </c>
      <c r="Z129" s="12">
        <f t="shared" si="58"/>
        <v>-9.5984753200240996E-2</v>
      </c>
      <c r="AA129" s="12">
        <f t="shared" si="59"/>
        <v>-0.17801624965770491</v>
      </c>
      <c r="AB129" s="12">
        <f t="shared" si="62"/>
        <v>0</v>
      </c>
      <c r="AC129" s="12">
        <f t="shared" si="63"/>
        <v>0.97513268166972189</v>
      </c>
      <c r="AD129" s="12">
        <f t="shared" si="64"/>
        <v>0</v>
      </c>
      <c r="AE129" s="12">
        <f t="shared" si="65"/>
        <v>0</v>
      </c>
      <c r="AF129" s="12">
        <f t="shared" si="66"/>
        <v>0</v>
      </c>
      <c r="AG129" s="12">
        <f t="shared" si="67"/>
        <v>0</v>
      </c>
      <c r="AH129" s="12">
        <f>AC129/SUM(AC$2:AG$366)*Input!$D$12</f>
        <v>255.73436670645205</v>
      </c>
      <c r="AI129" s="12">
        <f>AD129/SUM(AC$2:AG$366)*Input!$D$12</f>
        <v>0</v>
      </c>
      <c r="AJ129" s="12">
        <f>AE129/SUM(AC$2:AG$366)*Input!$D$12</f>
        <v>0</v>
      </c>
      <c r="AK129" s="12">
        <f>AF129/SUM(AC$2:AG$366)*Input!$D$12</f>
        <v>0</v>
      </c>
      <c r="AL129" s="12">
        <f>AG129/SUM(AC$2:AG$366)*Input!$D$12</f>
        <v>0</v>
      </c>
      <c r="AM129" s="12">
        <f t="shared" si="68"/>
        <v>7.6720310011935613</v>
      </c>
      <c r="AN129" s="12">
        <f t="shared" si="69"/>
        <v>25.573436670645208</v>
      </c>
      <c r="AO129" s="12">
        <f t="shared" si="70"/>
        <v>38.360155005967805</v>
      </c>
      <c r="AP129" s="12">
        <f t="shared" si="71"/>
        <v>184.12874402864546</v>
      </c>
      <c r="AQ129" s="12">
        <f t="shared" si="72"/>
        <v>0</v>
      </c>
      <c r="AR129" s="11">
        <f t="shared" si="73"/>
        <v>255.73436670645202</v>
      </c>
    </row>
    <row r="130" spans="16:44" x14ac:dyDescent="0.3">
      <c r="P130" s="10">
        <f t="shared" si="74"/>
        <v>45420</v>
      </c>
      <c r="Q130" s="29">
        <v>13.7</v>
      </c>
      <c r="R130" s="29">
        <f t="shared" si="60"/>
        <v>3</v>
      </c>
      <c r="S130" s="12">
        <f t="shared" ref="S130:S193" si="75">IF(R130&gt;5,IF($Q130&lt;$G$3,$C$3,$E$3),IF($Q130&lt;$G$10,$C$10,$E$10))</f>
        <v>1.0609861866589789</v>
      </c>
      <c r="T130" s="12">
        <f t="shared" ref="T130:T193" si="76">IF(R130&gt;5,IF($Q130&lt;$G$4,$C$4,$E$4),IF($Q130&lt;$G$11,$C$11,$E$11))</f>
        <v>1.4695351264848711</v>
      </c>
      <c r="U130" s="12">
        <f t="shared" ref="U130:U193" si="77">IF(R130&gt;5,IF($Q130&lt;$G$5,$C$5,$E$5),IF($Q130&lt;$G$12,$C$12,$E$12))</f>
        <v>1.771938814155029</v>
      </c>
      <c r="V130" s="12">
        <f t="shared" ref="V130:V193" si="78">IF(R130&gt;5,IF($Q130&lt;$G$6,$C$6,$E$6),IF($Q130&lt;$G$13,$C$13,$E$13))</f>
        <v>0.52104102880341097</v>
      </c>
      <c r="W130" s="12">
        <f t="shared" si="61"/>
        <v>0</v>
      </c>
      <c r="X130" s="12">
        <f t="shared" ref="X130:X193" si="79">IF(R130&gt;5,IF($Q130&lt;$G$3,$D$3,$F$3),IF($Q130&lt;$G$10,$D$10,$F$10))</f>
        <v>-7.0953309908476907E-3</v>
      </c>
      <c r="Y130" s="12">
        <f t="shared" ref="Y130:Y193" si="80">IF(R130&gt;5,IF($Q130&lt;$G$4,$D$4,$F$4),IF($Q130&lt;$G$11,$D$11,$F$11))</f>
        <v>-5.875924024232846E-2</v>
      </c>
      <c r="Z130" s="12">
        <f t="shared" ref="Z130:Z193" si="81">IF(R130&gt;5,IF($Q130&lt;$G$5,$D$5,$F$5),IF($Q130&lt;$G$12,$D$12,$F$12))</f>
        <v>-9.5984753200240996E-2</v>
      </c>
      <c r="AA130" s="12">
        <f t="shared" ref="AA130:AA193" si="82">IF(R130&gt;5,IF($Q130&lt;$G$6,$D$6,$F$6),IF($Q130&lt;$G$13,$D$13,$F$13))</f>
        <v>-2.1476600051355411E-2</v>
      </c>
      <c r="AB130" s="12">
        <f t="shared" si="62"/>
        <v>0</v>
      </c>
      <c r="AC130" s="12">
        <f t="shared" si="63"/>
        <v>0.96378015208436563</v>
      </c>
      <c r="AD130" s="12">
        <f t="shared" si="64"/>
        <v>0</v>
      </c>
      <c r="AE130" s="12">
        <f t="shared" si="65"/>
        <v>0</v>
      </c>
      <c r="AF130" s="12">
        <f t="shared" si="66"/>
        <v>0</v>
      </c>
      <c r="AG130" s="12">
        <f t="shared" si="67"/>
        <v>0</v>
      </c>
      <c r="AH130" s="12">
        <f>AC130/SUM(AC$2:AG$366)*Input!$D$12</f>
        <v>252.75709805511718</v>
      </c>
      <c r="AI130" s="12">
        <f>AD130/SUM(AC$2:AG$366)*Input!$D$12</f>
        <v>0</v>
      </c>
      <c r="AJ130" s="12">
        <f>AE130/SUM(AC$2:AG$366)*Input!$D$12</f>
        <v>0</v>
      </c>
      <c r="AK130" s="12">
        <f>AF130/SUM(AC$2:AG$366)*Input!$D$12</f>
        <v>0</v>
      </c>
      <c r="AL130" s="12">
        <f>AG130/SUM(AC$2:AG$366)*Input!$D$12</f>
        <v>0</v>
      </c>
      <c r="AM130" s="12">
        <f t="shared" si="68"/>
        <v>7.5827129416535151</v>
      </c>
      <c r="AN130" s="12">
        <f t="shared" si="69"/>
        <v>25.27570980551172</v>
      </c>
      <c r="AO130" s="12">
        <f t="shared" si="70"/>
        <v>37.913564708267579</v>
      </c>
      <c r="AP130" s="12">
        <f t="shared" si="71"/>
        <v>181.98511059968436</v>
      </c>
      <c r="AQ130" s="12">
        <f t="shared" si="72"/>
        <v>0</v>
      </c>
      <c r="AR130" s="11">
        <f t="shared" si="73"/>
        <v>252.75709805511718</v>
      </c>
    </row>
    <row r="131" spans="16:44" x14ac:dyDescent="0.3">
      <c r="P131" s="10">
        <f t="shared" si="74"/>
        <v>45421</v>
      </c>
      <c r="Q131" s="29">
        <v>14.4</v>
      </c>
      <c r="R131" s="29">
        <f t="shared" ref="R131:R194" si="83">WEEKDAY(P131,2)</f>
        <v>4</v>
      </c>
      <c r="S131" s="12">
        <f t="shared" si="75"/>
        <v>1.0609861866589789</v>
      </c>
      <c r="T131" s="12">
        <f t="shared" si="76"/>
        <v>1.4695351264848711</v>
      </c>
      <c r="U131" s="12">
        <f t="shared" si="77"/>
        <v>1.771938814155029</v>
      </c>
      <c r="V131" s="12">
        <f t="shared" si="78"/>
        <v>0.52104102880341097</v>
      </c>
      <c r="W131" s="12">
        <f t="shared" ref="W131:W194" si="84">IF(R131&lt;6,0,IF($Q131&lt;$G$7,$C$7,$E$7))</f>
        <v>0</v>
      </c>
      <c r="X131" s="12">
        <f t="shared" si="79"/>
        <v>-7.0953309908476907E-3</v>
      </c>
      <c r="Y131" s="12">
        <f t="shared" si="80"/>
        <v>-5.875924024232846E-2</v>
      </c>
      <c r="Z131" s="12">
        <f t="shared" si="81"/>
        <v>-9.5984753200240996E-2</v>
      </c>
      <c r="AA131" s="12">
        <f t="shared" si="82"/>
        <v>-2.1476600051355411E-2</v>
      </c>
      <c r="AB131" s="12">
        <f t="shared" ref="AB131:AB194" si="85">IF(R131&lt;6,0,IF($Q131&lt;$G$7,$D$7,$F$7))</f>
        <v>0</v>
      </c>
      <c r="AC131" s="12">
        <f t="shared" ref="AC131:AC194" si="86">MAX(S131+X131*$Q131,0)*IF($R131&lt;6,$B$10,$B$3)</f>
        <v>0.95881342039077222</v>
      </c>
      <c r="AD131" s="12">
        <f t="shared" ref="AD131:AD194" si="87">MAX(T131+Y131*$Q131,0)*IF($R131&lt;6,$B$11,$B$4)</f>
        <v>0</v>
      </c>
      <c r="AE131" s="12">
        <f t="shared" ref="AE131:AE194" si="88">MAX(U131+Z131*$Q131,0)*IF($R131&lt;6,$B$12,$B$5)</f>
        <v>0</v>
      </c>
      <c r="AF131" s="12">
        <f t="shared" ref="AF131:AF194" si="89">MAX(V131+AA131*$Q131,0)*IF($R131&lt;6,$B$13,$B$6)</f>
        <v>0</v>
      </c>
      <c r="AG131" s="12">
        <f t="shared" ref="AG131:AG194" si="90">MAX(W131+AB131*$Q131,0)*IF($R131&lt;6,0,$B$7)</f>
        <v>0</v>
      </c>
      <c r="AH131" s="12">
        <f>AC131/SUM(AC$2:AG$366)*Input!$D$12</f>
        <v>251.45454302015818</v>
      </c>
      <c r="AI131" s="12">
        <f>AD131/SUM(AC$2:AG$366)*Input!$D$12</f>
        <v>0</v>
      </c>
      <c r="AJ131" s="12">
        <f>AE131/SUM(AC$2:AG$366)*Input!$D$12</f>
        <v>0</v>
      </c>
      <c r="AK131" s="12">
        <f>AF131/SUM(AC$2:AG$366)*Input!$D$12</f>
        <v>0</v>
      </c>
      <c r="AL131" s="12">
        <f>AG131/SUM(AC$2:AG$366)*Input!$D$12</f>
        <v>0</v>
      </c>
      <c r="AM131" s="12">
        <f t="shared" ref="AM131:AM194" si="91">IF($R131&lt;6,AU$22*$AH131+AU$23*$AI131+AU$24*$AJ131+AU$25*$AK131,AU$31*$AH131+AU$32*$AI131+AU$33*$AJ131+AU$34*$AK131+AU$35*$AL131)</f>
        <v>7.5436362906047449</v>
      </c>
      <c r="AN131" s="12">
        <f t="shared" ref="AN131:AN194" si="92">IF($R131&lt;6,AV$22*$AH131+AV$23*$AI131+AV$24*$AJ131+AV$25*$AK131,AV$31*$AH131+AV$32*$AI131+AV$33*$AJ131+AV$34*$AK131+AV$35*$AL131)</f>
        <v>25.145454302015821</v>
      </c>
      <c r="AO131" s="12">
        <f t="shared" ref="AO131:AO194" si="93">IF($R131&lt;6,AW$22*$AH131+AW$23*$AI131+AW$24*$AJ131+AW$25*$AK131,AW$31*$AH131+AW$32*$AI131+AW$33*$AJ131+AW$34*$AK131+AW$35*$AL131)</f>
        <v>37.718181453023725</v>
      </c>
      <c r="AP131" s="12">
        <f t="shared" ref="AP131:AP194" si="94">IF($R131&lt;6,AX$22*$AH131+AX$23*$AI131+AX$24*$AJ131+AX$25*$AK131,AX$31*$AH131+AX$32*$AI131+AX$33*$AJ131+AX$34*$AK131+AX$35*$AL131)</f>
        <v>181.04727097451388</v>
      </c>
      <c r="AQ131" s="12">
        <f t="shared" ref="AQ131:AQ194" si="95">IF($R131&lt;6,AY$22*$AH131+AY$23*$AI131+AY$24*$AJ131+AY$25*$AK131,AY$31*$AH131+AY$32*$AI131+AY$33*$AJ131+AY$34*$AK131+AY$35*$AL131)</f>
        <v>0</v>
      </c>
      <c r="AR131" s="11">
        <f t="shared" ref="AR131:AR194" si="96">SUM(AM131:AQ131)</f>
        <v>251.45454302015816</v>
      </c>
    </row>
    <row r="132" spans="16:44" x14ac:dyDescent="0.3">
      <c r="P132" s="10">
        <f t="shared" ref="P132:P195" si="97">P131+1</f>
        <v>45422</v>
      </c>
      <c r="Q132" s="29">
        <v>12.3</v>
      </c>
      <c r="R132" s="29">
        <f t="shared" si="83"/>
        <v>5</v>
      </c>
      <c r="S132" s="12">
        <f t="shared" si="75"/>
        <v>1.0609861866589789</v>
      </c>
      <c r="T132" s="12">
        <f t="shared" si="76"/>
        <v>1.4695351264848711</v>
      </c>
      <c r="U132" s="12">
        <f t="shared" si="77"/>
        <v>1.771938814155029</v>
      </c>
      <c r="V132" s="12">
        <f t="shared" si="78"/>
        <v>2.5404025087253199</v>
      </c>
      <c r="W132" s="12">
        <f t="shared" si="84"/>
        <v>0</v>
      </c>
      <c r="X132" s="12">
        <f t="shared" si="79"/>
        <v>-7.0953309908476907E-3</v>
      </c>
      <c r="Y132" s="12">
        <f t="shared" si="80"/>
        <v>-5.875924024232846E-2</v>
      </c>
      <c r="Z132" s="12">
        <f t="shared" si="81"/>
        <v>-9.5984753200240996E-2</v>
      </c>
      <c r="AA132" s="12">
        <f t="shared" si="82"/>
        <v>-0.17801624965770491</v>
      </c>
      <c r="AB132" s="12">
        <f t="shared" si="85"/>
        <v>0</v>
      </c>
      <c r="AC132" s="12">
        <f t="shared" si="86"/>
        <v>0.97371361547155233</v>
      </c>
      <c r="AD132" s="12">
        <f t="shared" si="87"/>
        <v>0</v>
      </c>
      <c r="AE132" s="12">
        <f t="shared" si="88"/>
        <v>0</v>
      </c>
      <c r="AF132" s="12">
        <f t="shared" si="89"/>
        <v>0</v>
      </c>
      <c r="AG132" s="12">
        <f t="shared" si="90"/>
        <v>0</v>
      </c>
      <c r="AH132" s="12">
        <f>AC132/SUM(AC$2:AG$366)*Input!$D$12</f>
        <v>255.36220812503518</v>
      </c>
      <c r="AI132" s="12">
        <f>AD132/SUM(AC$2:AG$366)*Input!$D$12</f>
        <v>0</v>
      </c>
      <c r="AJ132" s="12">
        <f>AE132/SUM(AC$2:AG$366)*Input!$D$12</f>
        <v>0</v>
      </c>
      <c r="AK132" s="12">
        <f>AF132/SUM(AC$2:AG$366)*Input!$D$12</f>
        <v>0</v>
      </c>
      <c r="AL132" s="12">
        <f>AG132/SUM(AC$2:AG$366)*Input!$D$12</f>
        <v>0</v>
      </c>
      <c r="AM132" s="12">
        <f t="shared" si="91"/>
        <v>7.6608662437510553</v>
      </c>
      <c r="AN132" s="12">
        <f t="shared" si="92"/>
        <v>25.536220812503519</v>
      </c>
      <c r="AO132" s="12">
        <f t="shared" si="93"/>
        <v>38.304331218755273</v>
      </c>
      <c r="AP132" s="12">
        <f t="shared" si="94"/>
        <v>183.86078985002533</v>
      </c>
      <c r="AQ132" s="12">
        <f t="shared" si="95"/>
        <v>0</v>
      </c>
      <c r="AR132" s="11">
        <f t="shared" si="96"/>
        <v>255.36220812503518</v>
      </c>
    </row>
    <row r="133" spans="16:44" x14ac:dyDescent="0.3">
      <c r="P133" s="10">
        <f t="shared" si="97"/>
        <v>45423</v>
      </c>
      <c r="Q133" s="29">
        <v>11.7</v>
      </c>
      <c r="R133" s="29">
        <f t="shared" si="83"/>
        <v>6</v>
      </c>
      <c r="S133" s="12">
        <f t="shared" si="75"/>
        <v>0.88136675487947747</v>
      </c>
      <c r="T133" s="12">
        <f t="shared" si="76"/>
        <v>0.40529111994771311</v>
      </c>
      <c r="U133" s="12">
        <f t="shared" si="77"/>
        <v>1.4791569663107089</v>
      </c>
      <c r="V133" s="12">
        <f t="shared" si="78"/>
        <v>1.31124751273035</v>
      </c>
      <c r="W133" s="12">
        <f t="shared" si="84"/>
        <v>1.9424956480203619</v>
      </c>
      <c r="X133" s="12">
        <f t="shared" si="79"/>
        <v>-1.236743869637378E-2</v>
      </c>
      <c r="Y133" s="12">
        <f t="shared" si="80"/>
        <v>-1.3226323007097701E-2</v>
      </c>
      <c r="Z133" s="12">
        <f t="shared" si="81"/>
        <v>-6.6119920832722404E-2</v>
      </c>
      <c r="AA133" s="12">
        <f t="shared" si="82"/>
        <v>-7.5310765362349638E-2</v>
      </c>
      <c r="AB133" s="12">
        <f t="shared" si="85"/>
        <v>-0.1200596025795522</v>
      </c>
      <c r="AC133" s="12">
        <f t="shared" si="86"/>
        <v>0.83530753012536629</v>
      </c>
      <c r="AD133" s="12">
        <f t="shared" si="87"/>
        <v>0.14183247198687968</v>
      </c>
      <c r="AE133" s="12">
        <f t="shared" si="88"/>
        <v>0</v>
      </c>
      <c r="AF133" s="12">
        <f t="shared" si="89"/>
        <v>0</v>
      </c>
      <c r="AG133" s="12">
        <f t="shared" si="90"/>
        <v>0</v>
      </c>
      <c r="AH133" s="12">
        <f>AC133/SUM(AC$2:AG$366)*Input!$D$12</f>
        <v>219.06438604433251</v>
      </c>
      <c r="AI133" s="12">
        <f>AD133/SUM(AC$2:AG$366)*Input!$D$12</f>
        <v>37.196412430632115</v>
      </c>
      <c r="AJ133" s="12">
        <f>AE133/SUM(AC$2:AG$366)*Input!$D$12</f>
        <v>0</v>
      </c>
      <c r="AK133" s="12">
        <f>AF133/SUM(AC$2:AG$366)*Input!$D$12</f>
        <v>0</v>
      </c>
      <c r="AL133" s="12">
        <f>AG133/SUM(AC$2:AG$366)*Input!$D$12</f>
        <v>0</v>
      </c>
      <c r="AM133" s="12">
        <f t="shared" si="91"/>
        <v>3.3510281469037952</v>
      </c>
      <c r="AN133" s="12">
        <f t="shared" si="92"/>
        <v>11.170093823012651</v>
      </c>
      <c r="AO133" s="12">
        <f t="shared" si="93"/>
        <v>16.755140734518978</v>
      </c>
      <c r="AP133" s="12">
        <f t="shared" si="94"/>
        <v>224.98453577052919</v>
      </c>
      <c r="AQ133" s="12">
        <f t="shared" si="95"/>
        <v>0</v>
      </c>
      <c r="AR133" s="11">
        <f t="shared" si="96"/>
        <v>256.26079847496464</v>
      </c>
    </row>
    <row r="134" spans="16:44" x14ac:dyDescent="0.3">
      <c r="P134" s="10">
        <f t="shared" si="97"/>
        <v>45424</v>
      </c>
      <c r="Q134" s="29">
        <v>13</v>
      </c>
      <c r="R134" s="29">
        <f t="shared" si="83"/>
        <v>7</v>
      </c>
      <c r="S134" s="12">
        <f t="shared" si="75"/>
        <v>0.88136675487947747</v>
      </c>
      <c r="T134" s="12">
        <f t="shared" si="76"/>
        <v>0.40529111994771311</v>
      </c>
      <c r="U134" s="12">
        <f t="shared" si="77"/>
        <v>1.4791569663107089</v>
      </c>
      <c r="V134" s="12">
        <f t="shared" si="78"/>
        <v>1.31124751273035</v>
      </c>
      <c r="W134" s="12">
        <f t="shared" si="84"/>
        <v>1.9424956480203619</v>
      </c>
      <c r="X134" s="12">
        <f t="shared" si="79"/>
        <v>-1.236743869637378E-2</v>
      </c>
      <c r="Y134" s="12">
        <f t="shared" si="80"/>
        <v>-1.3226323007097701E-2</v>
      </c>
      <c r="Z134" s="12">
        <f t="shared" si="81"/>
        <v>-6.6119920832722404E-2</v>
      </c>
      <c r="AA134" s="12">
        <f t="shared" si="82"/>
        <v>-7.5310765362349638E-2</v>
      </c>
      <c r="AB134" s="12">
        <f t="shared" si="85"/>
        <v>-0.1200596025795522</v>
      </c>
      <c r="AC134" s="12">
        <f t="shared" si="86"/>
        <v>0.81707705976620271</v>
      </c>
      <c r="AD134" s="12">
        <f t="shared" si="87"/>
        <v>0.13209882409626628</v>
      </c>
      <c r="AE134" s="12">
        <f t="shared" si="88"/>
        <v>0</v>
      </c>
      <c r="AF134" s="12">
        <f t="shared" si="89"/>
        <v>0</v>
      </c>
      <c r="AG134" s="12">
        <f t="shared" si="90"/>
        <v>0</v>
      </c>
      <c r="AH134" s="12">
        <f>AC134/SUM(AC$2:AG$366)*Input!$D$12</f>
        <v>214.28333636801725</v>
      </c>
      <c r="AI134" s="12">
        <f>AD134/SUM(AC$2:AG$366)*Input!$D$12</f>
        <v>34.64370516746532</v>
      </c>
      <c r="AJ134" s="12">
        <f>AE134/SUM(AC$2:AG$366)*Input!$D$12</f>
        <v>0</v>
      </c>
      <c r="AK134" s="12">
        <f>AF134/SUM(AC$2:AG$366)*Input!$D$12</f>
        <v>0</v>
      </c>
      <c r="AL134" s="12">
        <f>AG134/SUM(AC$2:AG$366)*Input!$D$12</f>
        <v>0</v>
      </c>
      <c r="AM134" s="12">
        <f t="shared" si="91"/>
        <v>3.1210545195914712</v>
      </c>
      <c r="AN134" s="12">
        <f t="shared" si="92"/>
        <v>10.403515065304905</v>
      </c>
      <c r="AO134" s="12">
        <f t="shared" si="93"/>
        <v>15.605272597957358</v>
      </c>
      <c r="AP134" s="12">
        <f t="shared" si="94"/>
        <v>219.79719935262884</v>
      </c>
      <c r="AQ134" s="12">
        <f t="shared" si="95"/>
        <v>0</v>
      </c>
      <c r="AR134" s="11">
        <f t="shared" si="96"/>
        <v>248.92704153548257</v>
      </c>
    </row>
    <row r="135" spans="16:44" x14ac:dyDescent="0.3">
      <c r="P135" s="10">
        <f t="shared" si="97"/>
        <v>45425</v>
      </c>
      <c r="Q135" s="29">
        <v>15.7</v>
      </c>
      <c r="R135" s="29">
        <f t="shared" si="83"/>
        <v>1</v>
      </c>
      <c r="S135" s="12">
        <f t="shared" si="75"/>
        <v>1.0609861866589789</v>
      </c>
      <c r="T135" s="12">
        <f t="shared" si="76"/>
        <v>1.4695351264848711</v>
      </c>
      <c r="U135" s="12">
        <f t="shared" si="77"/>
        <v>1.771938814155029</v>
      </c>
      <c r="V135" s="12">
        <f t="shared" si="78"/>
        <v>0.52104102880341097</v>
      </c>
      <c r="W135" s="12">
        <f t="shared" si="84"/>
        <v>0</v>
      </c>
      <c r="X135" s="12">
        <f t="shared" si="79"/>
        <v>-7.0953309908476907E-3</v>
      </c>
      <c r="Y135" s="12">
        <f t="shared" si="80"/>
        <v>-5.875924024232846E-2</v>
      </c>
      <c r="Z135" s="12">
        <f t="shared" si="81"/>
        <v>-9.5984753200240996E-2</v>
      </c>
      <c r="AA135" s="12">
        <f t="shared" si="82"/>
        <v>-2.1476600051355411E-2</v>
      </c>
      <c r="AB135" s="12">
        <f t="shared" si="85"/>
        <v>0</v>
      </c>
      <c r="AC135" s="12">
        <f t="shared" si="86"/>
        <v>0.94958949010267024</v>
      </c>
      <c r="AD135" s="12">
        <f t="shared" si="87"/>
        <v>0</v>
      </c>
      <c r="AE135" s="12">
        <f t="shared" si="88"/>
        <v>0</v>
      </c>
      <c r="AF135" s="12">
        <f t="shared" si="89"/>
        <v>0</v>
      </c>
      <c r="AG135" s="12">
        <f t="shared" si="90"/>
        <v>0</v>
      </c>
      <c r="AH135" s="12">
        <f>AC135/SUM(AC$2:AG$366)*Input!$D$12</f>
        <v>249.03551224094863</v>
      </c>
      <c r="AI135" s="12">
        <f>AD135/SUM(AC$2:AG$366)*Input!$D$12</f>
        <v>0</v>
      </c>
      <c r="AJ135" s="12">
        <f>AE135/SUM(AC$2:AG$366)*Input!$D$12</f>
        <v>0</v>
      </c>
      <c r="AK135" s="12">
        <f>AF135/SUM(AC$2:AG$366)*Input!$D$12</f>
        <v>0</v>
      </c>
      <c r="AL135" s="12">
        <f>AG135/SUM(AC$2:AG$366)*Input!$D$12</f>
        <v>0</v>
      </c>
      <c r="AM135" s="12">
        <f t="shared" si="91"/>
        <v>7.4710653672284586</v>
      </c>
      <c r="AN135" s="12">
        <f t="shared" si="92"/>
        <v>24.903551224094866</v>
      </c>
      <c r="AO135" s="12">
        <f t="shared" si="93"/>
        <v>37.355326836142297</v>
      </c>
      <c r="AP135" s="12">
        <f t="shared" si="94"/>
        <v>179.30556881348301</v>
      </c>
      <c r="AQ135" s="12">
        <f t="shared" si="95"/>
        <v>0</v>
      </c>
      <c r="AR135" s="11">
        <f t="shared" si="96"/>
        <v>249.03551224094863</v>
      </c>
    </row>
    <row r="136" spans="16:44" x14ac:dyDescent="0.3">
      <c r="P136" s="10">
        <f t="shared" si="97"/>
        <v>45426</v>
      </c>
      <c r="Q136" s="29">
        <v>12.4</v>
      </c>
      <c r="R136" s="29">
        <f t="shared" si="83"/>
        <v>2</v>
      </c>
      <c r="S136" s="12">
        <f t="shared" si="75"/>
        <v>1.0609861866589789</v>
      </c>
      <c r="T136" s="12">
        <f t="shared" si="76"/>
        <v>1.4695351264848711</v>
      </c>
      <c r="U136" s="12">
        <f t="shared" si="77"/>
        <v>1.771938814155029</v>
      </c>
      <c r="V136" s="12">
        <f t="shared" si="78"/>
        <v>2.5404025087253199</v>
      </c>
      <c r="W136" s="12">
        <f t="shared" si="84"/>
        <v>0</v>
      </c>
      <c r="X136" s="12">
        <f t="shared" si="79"/>
        <v>-7.0953309908476907E-3</v>
      </c>
      <c r="Y136" s="12">
        <f t="shared" si="80"/>
        <v>-5.875924024232846E-2</v>
      </c>
      <c r="Z136" s="12">
        <f t="shared" si="81"/>
        <v>-9.5984753200240996E-2</v>
      </c>
      <c r="AA136" s="12">
        <f t="shared" si="82"/>
        <v>-0.17801624965770491</v>
      </c>
      <c r="AB136" s="12">
        <f t="shared" si="85"/>
        <v>0</v>
      </c>
      <c r="AC136" s="12">
        <f t="shared" si="86"/>
        <v>0.9730040823724676</v>
      </c>
      <c r="AD136" s="12">
        <f t="shared" si="87"/>
        <v>0</v>
      </c>
      <c r="AE136" s="12">
        <f t="shared" si="88"/>
        <v>0</v>
      </c>
      <c r="AF136" s="12">
        <f t="shared" si="89"/>
        <v>0</v>
      </c>
      <c r="AG136" s="12">
        <f t="shared" si="90"/>
        <v>0</v>
      </c>
      <c r="AH136" s="12">
        <f>AC136/SUM(AC$2:AG$366)*Input!$D$12</f>
        <v>255.17612883432676</v>
      </c>
      <c r="AI136" s="12">
        <f>AD136/SUM(AC$2:AG$366)*Input!$D$12</f>
        <v>0</v>
      </c>
      <c r="AJ136" s="12">
        <f>AE136/SUM(AC$2:AG$366)*Input!$D$12</f>
        <v>0</v>
      </c>
      <c r="AK136" s="12">
        <f>AF136/SUM(AC$2:AG$366)*Input!$D$12</f>
        <v>0</v>
      </c>
      <c r="AL136" s="12">
        <f>AG136/SUM(AC$2:AG$366)*Input!$D$12</f>
        <v>0</v>
      </c>
      <c r="AM136" s="12">
        <f t="shared" si="91"/>
        <v>7.6552838650298023</v>
      </c>
      <c r="AN136" s="12">
        <f t="shared" si="92"/>
        <v>25.517612883432676</v>
      </c>
      <c r="AO136" s="12">
        <f t="shared" si="93"/>
        <v>38.276419325149014</v>
      </c>
      <c r="AP136" s="12">
        <f t="shared" si="94"/>
        <v>183.72681276071526</v>
      </c>
      <c r="AQ136" s="12">
        <f t="shared" si="95"/>
        <v>0</v>
      </c>
      <c r="AR136" s="11">
        <f t="shared" si="96"/>
        <v>255.17612883432676</v>
      </c>
    </row>
    <row r="137" spans="16:44" x14ac:dyDescent="0.3">
      <c r="P137" s="10">
        <f t="shared" si="97"/>
        <v>45427</v>
      </c>
      <c r="Q137" s="29">
        <v>7.4</v>
      </c>
      <c r="R137" s="29">
        <f t="shared" si="83"/>
        <v>3</v>
      </c>
      <c r="S137" s="12">
        <f t="shared" si="75"/>
        <v>1.0609861866589789</v>
      </c>
      <c r="T137" s="12">
        <f t="shared" si="76"/>
        <v>1.4695351264848711</v>
      </c>
      <c r="U137" s="12">
        <f t="shared" si="77"/>
        <v>1.771938814155029</v>
      </c>
      <c r="V137" s="12">
        <f t="shared" si="78"/>
        <v>2.5404025087253199</v>
      </c>
      <c r="W137" s="12">
        <f t="shared" si="84"/>
        <v>0</v>
      </c>
      <c r="X137" s="12">
        <f t="shared" si="79"/>
        <v>-7.0953309908476907E-3</v>
      </c>
      <c r="Y137" s="12">
        <f t="shared" si="80"/>
        <v>-5.875924024232846E-2</v>
      </c>
      <c r="Z137" s="12">
        <f t="shared" si="81"/>
        <v>-9.5984753200240996E-2</v>
      </c>
      <c r="AA137" s="12">
        <f t="shared" si="82"/>
        <v>-0.17801624965770491</v>
      </c>
      <c r="AB137" s="12">
        <f t="shared" si="85"/>
        <v>0</v>
      </c>
      <c r="AC137" s="12">
        <f t="shared" si="86"/>
        <v>1.008480737326706</v>
      </c>
      <c r="AD137" s="12">
        <f t="shared" si="87"/>
        <v>0</v>
      </c>
      <c r="AE137" s="12">
        <f t="shared" si="88"/>
        <v>0</v>
      </c>
      <c r="AF137" s="12">
        <f t="shared" si="89"/>
        <v>0</v>
      </c>
      <c r="AG137" s="12">
        <f t="shared" si="90"/>
        <v>0</v>
      </c>
      <c r="AH137" s="12">
        <f>AC137/SUM(AC$2:AG$366)*Input!$D$12</f>
        <v>264.48009336974815</v>
      </c>
      <c r="AI137" s="12">
        <f>AD137/SUM(AC$2:AG$366)*Input!$D$12</f>
        <v>0</v>
      </c>
      <c r="AJ137" s="12">
        <f>AE137/SUM(AC$2:AG$366)*Input!$D$12</f>
        <v>0</v>
      </c>
      <c r="AK137" s="12">
        <f>AF137/SUM(AC$2:AG$366)*Input!$D$12</f>
        <v>0</v>
      </c>
      <c r="AL137" s="12">
        <f>AG137/SUM(AC$2:AG$366)*Input!$D$12</f>
        <v>0</v>
      </c>
      <c r="AM137" s="12">
        <f t="shared" si="91"/>
        <v>7.9344028010924443</v>
      </c>
      <c r="AN137" s="12">
        <f t="shared" si="92"/>
        <v>26.448009336974817</v>
      </c>
      <c r="AO137" s="12">
        <f t="shared" si="93"/>
        <v>39.672014005462223</v>
      </c>
      <c r="AP137" s="12">
        <f t="shared" si="94"/>
        <v>190.42566722621865</v>
      </c>
      <c r="AQ137" s="12">
        <f t="shared" si="95"/>
        <v>0</v>
      </c>
      <c r="AR137" s="11">
        <f t="shared" si="96"/>
        <v>264.48009336974815</v>
      </c>
    </row>
    <row r="138" spans="16:44" x14ac:dyDescent="0.3">
      <c r="P138" s="10">
        <f t="shared" si="97"/>
        <v>45428</v>
      </c>
      <c r="Q138" s="29">
        <v>5.3</v>
      </c>
      <c r="R138" s="29">
        <f t="shared" si="83"/>
        <v>4</v>
      </c>
      <c r="S138" s="12">
        <f t="shared" si="75"/>
        <v>1.0609861866589789</v>
      </c>
      <c r="T138" s="12">
        <f t="shared" si="76"/>
        <v>1.4695351264848711</v>
      </c>
      <c r="U138" s="12">
        <f t="shared" si="77"/>
        <v>1.771938814155029</v>
      </c>
      <c r="V138" s="12">
        <f t="shared" si="78"/>
        <v>2.5404025087253199</v>
      </c>
      <c r="W138" s="12">
        <f t="shared" si="84"/>
        <v>0</v>
      </c>
      <c r="X138" s="12">
        <f t="shared" si="79"/>
        <v>-7.0953309908476907E-3</v>
      </c>
      <c r="Y138" s="12">
        <f t="shared" si="80"/>
        <v>-5.875924024232846E-2</v>
      </c>
      <c r="Z138" s="12">
        <f t="shared" si="81"/>
        <v>-9.5984753200240996E-2</v>
      </c>
      <c r="AA138" s="12">
        <f t="shared" si="82"/>
        <v>-0.17801624965770491</v>
      </c>
      <c r="AB138" s="12">
        <f t="shared" si="85"/>
        <v>0</v>
      </c>
      <c r="AC138" s="12">
        <f t="shared" si="86"/>
        <v>1.0233809324074861</v>
      </c>
      <c r="AD138" s="12">
        <f t="shared" si="87"/>
        <v>0</v>
      </c>
      <c r="AE138" s="12">
        <f t="shared" si="88"/>
        <v>0</v>
      </c>
      <c r="AF138" s="12">
        <f t="shared" si="89"/>
        <v>0</v>
      </c>
      <c r="AG138" s="12">
        <f t="shared" si="90"/>
        <v>0</v>
      </c>
      <c r="AH138" s="12">
        <f>AC138/SUM(AC$2:AG$366)*Input!$D$12</f>
        <v>268.38775847462512</v>
      </c>
      <c r="AI138" s="12">
        <f>AD138/SUM(AC$2:AG$366)*Input!$D$12</f>
        <v>0</v>
      </c>
      <c r="AJ138" s="12">
        <f>AE138/SUM(AC$2:AG$366)*Input!$D$12</f>
        <v>0</v>
      </c>
      <c r="AK138" s="12">
        <f>AF138/SUM(AC$2:AG$366)*Input!$D$12</f>
        <v>0</v>
      </c>
      <c r="AL138" s="12">
        <f>AG138/SUM(AC$2:AG$366)*Input!$D$12</f>
        <v>0</v>
      </c>
      <c r="AM138" s="12">
        <f t="shared" si="91"/>
        <v>8.0516327542387529</v>
      </c>
      <c r="AN138" s="12">
        <f t="shared" si="92"/>
        <v>26.838775847462514</v>
      </c>
      <c r="AO138" s="12">
        <f t="shared" si="93"/>
        <v>40.258163771193765</v>
      </c>
      <c r="AP138" s="12">
        <f t="shared" si="94"/>
        <v>193.23918610173007</v>
      </c>
      <c r="AQ138" s="12">
        <f t="shared" si="95"/>
        <v>0</v>
      </c>
      <c r="AR138" s="11">
        <f t="shared" si="96"/>
        <v>268.38775847462512</v>
      </c>
    </row>
    <row r="139" spans="16:44" x14ac:dyDescent="0.3">
      <c r="P139" s="10">
        <f t="shared" si="97"/>
        <v>45429</v>
      </c>
      <c r="Q139" s="29">
        <v>10.4</v>
      </c>
      <c r="R139" s="29">
        <f t="shared" si="83"/>
        <v>5</v>
      </c>
      <c r="S139" s="12">
        <f t="shared" si="75"/>
        <v>1.0609861866589789</v>
      </c>
      <c r="T139" s="12">
        <f t="shared" si="76"/>
        <v>1.4695351264848711</v>
      </c>
      <c r="U139" s="12">
        <f t="shared" si="77"/>
        <v>1.771938814155029</v>
      </c>
      <c r="V139" s="12">
        <f t="shared" si="78"/>
        <v>2.5404025087253199</v>
      </c>
      <c r="W139" s="12">
        <f t="shared" si="84"/>
        <v>0</v>
      </c>
      <c r="X139" s="12">
        <f t="shared" si="79"/>
        <v>-7.0953309908476907E-3</v>
      </c>
      <c r="Y139" s="12">
        <f t="shared" si="80"/>
        <v>-5.875924024232846E-2</v>
      </c>
      <c r="Z139" s="12">
        <f t="shared" si="81"/>
        <v>-9.5984753200240996E-2</v>
      </c>
      <c r="AA139" s="12">
        <f t="shared" si="82"/>
        <v>-0.17801624965770491</v>
      </c>
      <c r="AB139" s="12">
        <f t="shared" si="85"/>
        <v>0</v>
      </c>
      <c r="AC139" s="12">
        <f t="shared" si="86"/>
        <v>0.98719474435416288</v>
      </c>
      <c r="AD139" s="12">
        <f t="shared" si="87"/>
        <v>0</v>
      </c>
      <c r="AE139" s="12">
        <f t="shared" si="88"/>
        <v>0</v>
      </c>
      <c r="AF139" s="12">
        <f t="shared" si="89"/>
        <v>0</v>
      </c>
      <c r="AG139" s="12">
        <f t="shared" si="90"/>
        <v>0</v>
      </c>
      <c r="AH139" s="12">
        <f>AC139/SUM(AC$2:AG$366)*Input!$D$12</f>
        <v>258.89771464849531</v>
      </c>
      <c r="AI139" s="12">
        <f>AD139/SUM(AC$2:AG$366)*Input!$D$12</f>
        <v>0</v>
      </c>
      <c r="AJ139" s="12">
        <f>AE139/SUM(AC$2:AG$366)*Input!$D$12</f>
        <v>0</v>
      </c>
      <c r="AK139" s="12">
        <f>AF139/SUM(AC$2:AG$366)*Input!$D$12</f>
        <v>0</v>
      </c>
      <c r="AL139" s="12">
        <f>AG139/SUM(AC$2:AG$366)*Input!$D$12</f>
        <v>0</v>
      </c>
      <c r="AM139" s="12">
        <f t="shared" si="91"/>
        <v>7.7669314394548588</v>
      </c>
      <c r="AN139" s="12">
        <f t="shared" si="92"/>
        <v>25.889771464849531</v>
      </c>
      <c r="AO139" s="12">
        <f t="shared" si="93"/>
        <v>38.834657197274296</v>
      </c>
      <c r="AP139" s="12">
        <f t="shared" si="94"/>
        <v>186.40635454691662</v>
      </c>
      <c r="AQ139" s="12">
        <f t="shared" si="95"/>
        <v>0</v>
      </c>
      <c r="AR139" s="11">
        <f t="shared" si="96"/>
        <v>258.89771464849531</v>
      </c>
    </row>
    <row r="140" spans="16:44" x14ac:dyDescent="0.3">
      <c r="P140" s="10">
        <f t="shared" si="97"/>
        <v>45430</v>
      </c>
      <c r="Q140" s="29">
        <v>12.4</v>
      </c>
      <c r="R140" s="29">
        <f t="shared" si="83"/>
        <v>6</v>
      </c>
      <c r="S140" s="12">
        <f t="shared" si="75"/>
        <v>0.88136675487947747</v>
      </c>
      <c r="T140" s="12">
        <f t="shared" si="76"/>
        <v>0.40529111994771311</v>
      </c>
      <c r="U140" s="12">
        <f t="shared" si="77"/>
        <v>1.4791569663107089</v>
      </c>
      <c r="V140" s="12">
        <f t="shared" si="78"/>
        <v>1.31124751273035</v>
      </c>
      <c r="W140" s="12">
        <f t="shared" si="84"/>
        <v>1.9424956480203619</v>
      </c>
      <c r="X140" s="12">
        <f t="shared" si="79"/>
        <v>-1.236743869637378E-2</v>
      </c>
      <c r="Y140" s="12">
        <f t="shared" si="80"/>
        <v>-1.3226323007097701E-2</v>
      </c>
      <c r="Z140" s="12">
        <f t="shared" si="81"/>
        <v>-6.6119920832722404E-2</v>
      </c>
      <c r="AA140" s="12">
        <f t="shared" si="82"/>
        <v>-7.5310765362349638E-2</v>
      </c>
      <c r="AB140" s="12">
        <f t="shared" si="85"/>
        <v>-0.1200596025795522</v>
      </c>
      <c r="AC140" s="12">
        <f t="shared" si="86"/>
        <v>0.82549112300889349</v>
      </c>
      <c r="AD140" s="12">
        <f t="shared" si="87"/>
        <v>0.13659127696885706</v>
      </c>
      <c r="AE140" s="12">
        <f t="shared" si="88"/>
        <v>0</v>
      </c>
      <c r="AF140" s="12">
        <f t="shared" si="89"/>
        <v>0</v>
      </c>
      <c r="AG140" s="12">
        <f t="shared" si="90"/>
        <v>0</v>
      </c>
      <c r="AH140" s="12">
        <f>AC140/SUM(AC$2:AG$366)*Input!$D$12</f>
        <v>216.4899746801627</v>
      </c>
      <c r="AI140" s="12">
        <f>AD140/SUM(AC$2:AG$366)*Input!$D$12</f>
        <v>35.821877750465376</v>
      </c>
      <c r="AJ140" s="12">
        <f>AE140/SUM(AC$2:AG$366)*Input!$D$12</f>
        <v>0</v>
      </c>
      <c r="AK140" s="12">
        <f>AF140/SUM(AC$2:AG$366)*Input!$D$12</f>
        <v>0</v>
      </c>
      <c r="AL140" s="12">
        <f>AG140/SUM(AC$2:AG$366)*Input!$D$12</f>
        <v>0</v>
      </c>
      <c r="AM140" s="12">
        <f t="shared" si="91"/>
        <v>3.2271961937356202</v>
      </c>
      <c r="AN140" s="12">
        <f t="shared" si="92"/>
        <v>10.757320645785402</v>
      </c>
      <c r="AO140" s="12">
        <f t="shared" si="93"/>
        <v>16.135980968678105</v>
      </c>
      <c r="AP140" s="12">
        <f t="shared" si="94"/>
        <v>222.19135462242895</v>
      </c>
      <c r="AQ140" s="12">
        <f t="shared" si="95"/>
        <v>0</v>
      </c>
      <c r="AR140" s="11">
        <f t="shared" si="96"/>
        <v>252.31185243062808</v>
      </c>
    </row>
    <row r="141" spans="16:44" x14ac:dyDescent="0.3">
      <c r="P141" s="10">
        <f t="shared" si="97"/>
        <v>45431</v>
      </c>
      <c r="Q141" s="29">
        <v>14.3</v>
      </c>
      <c r="R141" s="29">
        <f t="shared" si="83"/>
        <v>7</v>
      </c>
      <c r="S141" s="12">
        <f t="shared" si="75"/>
        <v>0.88136675487947747</v>
      </c>
      <c r="T141" s="12">
        <f t="shared" si="76"/>
        <v>0.40529111994771311</v>
      </c>
      <c r="U141" s="12">
        <f t="shared" si="77"/>
        <v>1.4791569663107089</v>
      </c>
      <c r="V141" s="12">
        <f t="shared" si="78"/>
        <v>1.31124751273035</v>
      </c>
      <c r="W141" s="12">
        <f t="shared" si="84"/>
        <v>1.9424956480203619</v>
      </c>
      <c r="X141" s="12">
        <f t="shared" si="79"/>
        <v>-1.236743869637378E-2</v>
      </c>
      <c r="Y141" s="12">
        <f t="shared" si="80"/>
        <v>-1.3226323007097701E-2</v>
      </c>
      <c r="Z141" s="12">
        <f t="shared" si="81"/>
        <v>-6.6119920832722404E-2</v>
      </c>
      <c r="AA141" s="12">
        <f t="shared" si="82"/>
        <v>-7.5310765362349638E-2</v>
      </c>
      <c r="AB141" s="12">
        <f t="shared" si="85"/>
        <v>-0.1200596025795522</v>
      </c>
      <c r="AC141" s="12">
        <f t="shared" si="86"/>
        <v>0.7988465894070389</v>
      </c>
      <c r="AD141" s="12">
        <f t="shared" si="87"/>
        <v>0.12236517620565285</v>
      </c>
      <c r="AE141" s="12">
        <f t="shared" si="88"/>
        <v>0</v>
      </c>
      <c r="AF141" s="12">
        <f t="shared" si="89"/>
        <v>0</v>
      </c>
      <c r="AG141" s="12">
        <f t="shared" si="90"/>
        <v>0</v>
      </c>
      <c r="AH141" s="12">
        <f>AC141/SUM(AC$2:AG$366)*Input!$D$12</f>
        <v>209.50228669170193</v>
      </c>
      <c r="AI141" s="12">
        <f>AD141/SUM(AC$2:AG$366)*Input!$D$12</f>
        <v>32.090997904298519</v>
      </c>
      <c r="AJ141" s="12">
        <f>AE141/SUM(AC$2:AG$366)*Input!$D$12</f>
        <v>0</v>
      </c>
      <c r="AK141" s="12">
        <f>AF141/SUM(AC$2:AG$366)*Input!$D$12</f>
        <v>0</v>
      </c>
      <c r="AL141" s="12">
        <f>AG141/SUM(AC$2:AG$366)*Input!$D$12</f>
        <v>0</v>
      </c>
      <c r="AM141" s="12">
        <f t="shared" si="91"/>
        <v>2.8910808922791467</v>
      </c>
      <c r="AN141" s="12">
        <f t="shared" si="92"/>
        <v>9.636936307597157</v>
      </c>
      <c r="AO141" s="12">
        <f t="shared" si="93"/>
        <v>14.455404461395734</v>
      </c>
      <c r="AP141" s="12">
        <f t="shared" si="94"/>
        <v>214.6098629347284</v>
      </c>
      <c r="AQ141" s="12">
        <f t="shared" si="95"/>
        <v>0</v>
      </c>
      <c r="AR141" s="11">
        <f t="shared" si="96"/>
        <v>241.59328459600044</v>
      </c>
    </row>
    <row r="142" spans="16:44" x14ac:dyDescent="0.3">
      <c r="P142" s="10">
        <f t="shared" si="97"/>
        <v>45432</v>
      </c>
      <c r="Q142" s="29">
        <v>12.9</v>
      </c>
      <c r="R142" s="29">
        <f t="shared" si="83"/>
        <v>1</v>
      </c>
      <c r="S142" s="12">
        <f t="shared" si="75"/>
        <v>1.0609861866589789</v>
      </c>
      <c r="T142" s="12">
        <f t="shared" si="76"/>
        <v>1.4695351264848711</v>
      </c>
      <c r="U142" s="12">
        <f t="shared" si="77"/>
        <v>1.771938814155029</v>
      </c>
      <c r="V142" s="12">
        <f t="shared" si="78"/>
        <v>0.52104102880341097</v>
      </c>
      <c r="W142" s="12">
        <f t="shared" si="84"/>
        <v>0</v>
      </c>
      <c r="X142" s="12">
        <f t="shared" si="79"/>
        <v>-7.0953309908476907E-3</v>
      </c>
      <c r="Y142" s="12">
        <f t="shared" si="80"/>
        <v>-5.875924024232846E-2</v>
      </c>
      <c r="Z142" s="12">
        <f t="shared" si="81"/>
        <v>-9.5984753200240996E-2</v>
      </c>
      <c r="AA142" s="12">
        <f t="shared" si="82"/>
        <v>-2.1476600051355411E-2</v>
      </c>
      <c r="AB142" s="12">
        <f t="shared" si="85"/>
        <v>0</v>
      </c>
      <c r="AC142" s="12">
        <f t="shared" si="86"/>
        <v>0.96945641687704376</v>
      </c>
      <c r="AD142" s="12">
        <f t="shared" si="87"/>
        <v>0</v>
      </c>
      <c r="AE142" s="12">
        <f t="shared" si="88"/>
        <v>0</v>
      </c>
      <c r="AF142" s="12">
        <f t="shared" si="89"/>
        <v>0</v>
      </c>
      <c r="AG142" s="12">
        <f t="shared" si="90"/>
        <v>0</v>
      </c>
      <c r="AH142" s="12">
        <f>AC142/SUM(AC$2:AG$366)*Input!$D$12</f>
        <v>254.2457323807846</v>
      </c>
      <c r="AI142" s="12">
        <f>AD142/SUM(AC$2:AG$366)*Input!$D$12</f>
        <v>0</v>
      </c>
      <c r="AJ142" s="12">
        <f>AE142/SUM(AC$2:AG$366)*Input!$D$12</f>
        <v>0</v>
      </c>
      <c r="AK142" s="12">
        <f>AF142/SUM(AC$2:AG$366)*Input!$D$12</f>
        <v>0</v>
      </c>
      <c r="AL142" s="12">
        <f>AG142/SUM(AC$2:AG$366)*Input!$D$12</f>
        <v>0</v>
      </c>
      <c r="AM142" s="12">
        <f t="shared" si="91"/>
        <v>7.6273719714235382</v>
      </c>
      <c r="AN142" s="12">
        <f t="shared" si="92"/>
        <v>25.424573238078462</v>
      </c>
      <c r="AO142" s="12">
        <f t="shared" si="93"/>
        <v>38.136859857117692</v>
      </c>
      <c r="AP142" s="12">
        <f t="shared" si="94"/>
        <v>183.05692731416491</v>
      </c>
      <c r="AQ142" s="12">
        <f t="shared" si="95"/>
        <v>0</v>
      </c>
      <c r="AR142" s="11">
        <f t="shared" si="96"/>
        <v>254.2457323807846</v>
      </c>
    </row>
    <row r="143" spans="16:44" x14ac:dyDescent="0.3">
      <c r="P143" s="10">
        <f t="shared" si="97"/>
        <v>45433</v>
      </c>
      <c r="Q143" s="29">
        <v>13.7</v>
      </c>
      <c r="R143" s="29">
        <f t="shared" si="83"/>
        <v>2</v>
      </c>
      <c r="S143" s="12">
        <f t="shared" si="75"/>
        <v>1.0609861866589789</v>
      </c>
      <c r="T143" s="12">
        <f t="shared" si="76"/>
        <v>1.4695351264848711</v>
      </c>
      <c r="U143" s="12">
        <f t="shared" si="77"/>
        <v>1.771938814155029</v>
      </c>
      <c r="V143" s="12">
        <f t="shared" si="78"/>
        <v>0.52104102880341097</v>
      </c>
      <c r="W143" s="12">
        <f t="shared" si="84"/>
        <v>0</v>
      </c>
      <c r="X143" s="12">
        <f t="shared" si="79"/>
        <v>-7.0953309908476907E-3</v>
      </c>
      <c r="Y143" s="12">
        <f t="shared" si="80"/>
        <v>-5.875924024232846E-2</v>
      </c>
      <c r="Z143" s="12">
        <f t="shared" si="81"/>
        <v>-9.5984753200240996E-2</v>
      </c>
      <c r="AA143" s="12">
        <f t="shared" si="82"/>
        <v>-2.1476600051355411E-2</v>
      </c>
      <c r="AB143" s="12">
        <f t="shared" si="85"/>
        <v>0</v>
      </c>
      <c r="AC143" s="12">
        <f t="shared" si="86"/>
        <v>0.96378015208436563</v>
      </c>
      <c r="AD143" s="12">
        <f t="shared" si="87"/>
        <v>0</v>
      </c>
      <c r="AE143" s="12">
        <f t="shared" si="88"/>
        <v>0</v>
      </c>
      <c r="AF143" s="12">
        <f t="shared" si="89"/>
        <v>0</v>
      </c>
      <c r="AG143" s="12">
        <f t="shared" si="90"/>
        <v>0</v>
      </c>
      <c r="AH143" s="12">
        <f>AC143/SUM(AC$2:AG$366)*Input!$D$12</f>
        <v>252.75709805511718</v>
      </c>
      <c r="AI143" s="12">
        <f>AD143/SUM(AC$2:AG$366)*Input!$D$12</f>
        <v>0</v>
      </c>
      <c r="AJ143" s="12">
        <f>AE143/SUM(AC$2:AG$366)*Input!$D$12</f>
        <v>0</v>
      </c>
      <c r="AK143" s="12">
        <f>AF143/SUM(AC$2:AG$366)*Input!$D$12</f>
        <v>0</v>
      </c>
      <c r="AL143" s="12">
        <f>AG143/SUM(AC$2:AG$366)*Input!$D$12</f>
        <v>0</v>
      </c>
      <c r="AM143" s="12">
        <f t="shared" si="91"/>
        <v>7.5827129416535151</v>
      </c>
      <c r="AN143" s="12">
        <f t="shared" si="92"/>
        <v>25.27570980551172</v>
      </c>
      <c r="AO143" s="12">
        <f t="shared" si="93"/>
        <v>37.913564708267579</v>
      </c>
      <c r="AP143" s="12">
        <f t="shared" si="94"/>
        <v>181.98511059968436</v>
      </c>
      <c r="AQ143" s="12">
        <f t="shared" si="95"/>
        <v>0</v>
      </c>
      <c r="AR143" s="11">
        <f t="shared" si="96"/>
        <v>252.75709805511718</v>
      </c>
    </row>
    <row r="144" spans="16:44" x14ac:dyDescent="0.3">
      <c r="P144" s="10">
        <f t="shared" si="97"/>
        <v>45434</v>
      </c>
      <c r="Q144" s="29">
        <v>9.4</v>
      </c>
      <c r="R144" s="29">
        <f t="shared" si="83"/>
        <v>3</v>
      </c>
      <c r="S144" s="12">
        <f t="shared" si="75"/>
        <v>1.0609861866589789</v>
      </c>
      <c r="T144" s="12">
        <f t="shared" si="76"/>
        <v>1.4695351264848711</v>
      </c>
      <c r="U144" s="12">
        <f t="shared" si="77"/>
        <v>1.771938814155029</v>
      </c>
      <c r="V144" s="12">
        <f t="shared" si="78"/>
        <v>2.5404025087253199</v>
      </c>
      <c r="W144" s="12">
        <f t="shared" si="84"/>
        <v>0</v>
      </c>
      <c r="X144" s="12">
        <f t="shared" si="79"/>
        <v>-7.0953309908476907E-3</v>
      </c>
      <c r="Y144" s="12">
        <f t="shared" si="80"/>
        <v>-5.875924024232846E-2</v>
      </c>
      <c r="Z144" s="12">
        <f t="shared" si="81"/>
        <v>-9.5984753200240996E-2</v>
      </c>
      <c r="AA144" s="12">
        <f t="shared" si="82"/>
        <v>-0.17801624965770491</v>
      </c>
      <c r="AB144" s="12">
        <f t="shared" si="85"/>
        <v>0</v>
      </c>
      <c r="AC144" s="12">
        <f t="shared" si="86"/>
        <v>0.99429007534501057</v>
      </c>
      <c r="AD144" s="12">
        <f t="shared" si="87"/>
        <v>0</v>
      </c>
      <c r="AE144" s="12">
        <f t="shared" si="88"/>
        <v>0</v>
      </c>
      <c r="AF144" s="12">
        <f t="shared" si="89"/>
        <v>0</v>
      </c>
      <c r="AG144" s="12">
        <f t="shared" si="90"/>
        <v>0</v>
      </c>
      <c r="AH144" s="12">
        <f>AC144/SUM(AC$2:AG$366)*Input!$D$12</f>
        <v>260.75850755557957</v>
      </c>
      <c r="AI144" s="12">
        <f>AD144/SUM(AC$2:AG$366)*Input!$D$12</f>
        <v>0</v>
      </c>
      <c r="AJ144" s="12">
        <f>AE144/SUM(AC$2:AG$366)*Input!$D$12</f>
        <v>0</v>
      </c>
      <c r="AK144" s="12">
        <f>AF144/SUM(AC$2:AG$366)*Input!$D$12</f>
        <v>0</v>
      </c>
      <c r="AL144" s="12">
        <f>AG144/SUM(AC$2:AG$366)*Input!$D$12</f>
        <v>0</v>
      </c>
      <c r="AM144" s="12">
        <f t="shared" si="91"/>
        <v>7.822755226667387</v>
      </c>
      <c r="AN144" s="12">
        <f t="shared" si="92"/>
        <v>26.075850755557958</v>
      </c>
      <c r="AO144" s="12">
        <f t="shared" si="93"/>
        <v>39.113776133336934</v>
      </c>
      <c r="AP144" s="12">
        <f t="shared" si="94"/>
        <v>187.74612544001729</v>
      </c>
      <c r="AQ144" s="12">
        <f t="shared" si="95"/>
        <v>0</v>
      </c>
      <c r="AR144" s="11">
        <f t="shared" si="96"/>
        <v>260.75850755557957</v>
      </c>
    </row>
    <row r="145" spans="16:44" x14ac:dyDescent="0.3">
      <c r="P145" s="10">
        <f t="shared" si="97"/>
        <v>45435</v>
      </c>
      <c r="Q145" s="29">
        <v>8.9</v>
      </c>
      <c r="R145" s="29">
        <f t="shared" si="83"/>
        <v>4</v>
      </c>
      <c r="S145" s="12">
        <f t="shared" si="75"/>
        <v>1.0609861866589789</v>
      </c>
      <c r="T145" s="12">
        <f t="shared" si="76"/>
        <v>1.4695351264848711</v>
      </c>
      <c r="U145" s="12">
        <f t="shared" si="77"/>
        <v>1.771938814155029</v>
      </c>
      <c r="V145" s="12">
        <f t="shared" si="78"/>
        <v>2.5404025087253199</v>
      </c>
      <c r="W145" s="12">
        <f t="shared" si="84"/>
        <v>0</v>
      </c>
      <c r="X145" s="12">
        <f t="shared" si="79"/>
        <v>-7.0953309908476907E-3</v>
      </c>
      <c r="Y145" s="12">
        <f t="shared" si="80"/>
        <v>-5.875924024232846E-2</v>
      </c>
      <c r="Z145" s="12">
        <f t="shared" si="81"/>
        <v>-9.5984753200240996E-2</v>
      </c>
      <c r="AA145" s="12">
        <f t="shared" si="82"/>
        <v>-0.17801624965770491</v>
      </c>
      <c r="AB145" s="12">
        <f t="shared" si="85"/>
        <v>0</v>
      </c>
      <c r="AC145" s="12">
        <f t="shared" si="86"/>
        <v>0.99783774084043442</v>
      </c>
      <c r="AD145" s="12">
        <f t="shared" si="87"/>
        <v>0</v>
      </c>
      <c r="AE145" s="12">
        <f t="shared" si="88"/>
        <v>0</v>
      </c>
      <c r="AF145" s="12">
        <f t="shared" si="89"/>
        <v>0</v>
      </c>
      <c r="AG145" s="12">
        <f t="shared" si="90"/>
        <v>0</v>
      </c>
      <c r="AH145" s="12">
        <f>AC145/SUM(AC$2:AG$366)*Input!$D$12</f>
        <v>261.6889040091217</v>
      </c>
      <c r="AI145" s="12">
        <f>AD145/SUM(AC$2:AG$366)*Input!$D$12</f>
        <v>0</v>
      </c>
      <c r="AJ145" s="12">
        <f>AE145/SUM(AC$2:AG$366)*Input!$D$12</f>
        <v>0</v>
      </c>
      <c r="AK145" s="12">
        <f>AF145/SUM(AC$2:AG$366)*Input!$D$12</f>
        <v>0</v>
      </c>
      <c r="AL145" s="12">
        <f>AG145/SUM(AC$2:AG$366)*Input!$D$12</f>
        <v>0</v>
      </c>
      <c r="AM145" s="12">
        <f t="shared" si="91"/>
        <v>7.8506671202736511</v>
      </c>
      <c r="AN145" s="12">
        <f t="shared" si="92"/>
        <v>26.168890400912172</v>
      </c>
      <c r="AO145" s="12">
        <f t="shared" si="93"/>
        <v>39.253335601368256</v>
      </c>
      <c r="AP145" s="12">
        <f t="shared" si="94"/>
        <v>188.41601088656762</v>
      </c>
      <c r="AQ145" s="12">
        <f t="shared" si="95"/>
        <v>0</v>
      </c>
      <c r="AR145" s="11">
        <f t="shared" si="96"/>
        <v>261.6889040091217</v>
      </c>
    </row>
    <row r="146" spans="16:44" x14ac:dyDescent="0.3">
      <c r="P146" s="10">
        <f t="shared" si="97"/>
        <v>45436</v>
      </c>
      <c r="Q146" s="29">
        <v>6.4</v>
      </c>
      <c r="R146" s="29">
        <f t="shared" si="83"/>
        <v>5</v>
      </c>
      <c r="S146" s="12">
        <f t="shared" si="75"/>
        <v>1.0609861866589789</v>
      </c>
      <c r="T146" s="12">
        <f t="shared" si="76"/>
        <v>1.4695351264848711</v>
      </c>
      <c r="U146" s="12">
        <f t="shared" si="77"/>
        <v>1.771938814155029</v>
      </c>
      <c r="V146" s="12">
        <f t="shared" si="78"/>
        <v>2.5404025087253199</v>
      </c>
      <c r="W146" s="12">
        <f t="shared" si="84"/>
        <v>0</v>
      </c>
      <c r="X146" s="12">
        <f t="shared" si="79"/>
        <v>-7.0953309908476907E-3</v>
      </c>
      <c r="Y146" s="12">
        <f t="shared" si="80"/>
        <v>-5.875924024232846E-2</v>
      </c>
      <c r="Z146" s="12">
        <f t="shared" si="81"/>
        <v>-9.5984753200240996E-2</v>
      </c>
      <c r="AA146" s="12">
        <f t="shared" si="82"/>
        <v>-0.17801624965770491</v>
      </c>
      <c r="AB146" s="12">
        <f t="shared" si="85"/>
        <v>0</v>
      </c>
      <c r="AC146" s="12">
        <f t="shared" si="86"/>
        <v>1.0155760683175536</v>
      </c>
      <c r="AD146" s="12">
        <f t="shared" si="87"/>
        <v>0</v>
      </c>
      <c r="AE146" s="12">
        <f t="shared" si="88"/>
        <v>0</v>
      </c>
      <c r="AF146" s="12">
        <f t="shared" si="89"/>
        <v>0</v>
      </c>
      <c r="AG146" s="12">
        <f t="shared" si="90"/>
        <v>0</v>
      </c>
      <c r="AH146" s="12">
        <f>AC146/SUM(AC$2:AG$366)*Input!$D$12</f>
        <v>266.34088627683246</v>
      </c>
      <c r="AI146" s="12">
        <f>AD146/SUM(AC$2:AG$366)*Input!$D$12</f>
        <v>0</v>
      </c>
      <c r="AJ146" s="12">
        <f>AE146/SUM(AC$2:AG$366)*Input!$D$12</f>
        <v>0</v>
      </c>
      <c r="AK146" s="12">
        <f>AF146/SUM(AC$2:AG$366)*Input!$D$12</f>
        <v>0</v>
      </c>
      <c r="AL146" s="12">
        <f>AG146/SUM(AC$2:AG$366)*Input!$D$12</f>
        <v>0</v>
      </c>
      <c r="AM146" s="12">
        <f t="shared" si="91"/>
        <v>7.9902265883049735</v>
      </c>
      <c r="AN146" s="12">
        <f t="shared" si="92"/>
        <v>26.634088627683248</v>
      </c>
      <c r="AO146" s="12">
        <f t="shared" si="93"/>
        <v>39.951132941524868</v>
      </c>
      <c r="AP146" s="12">
        <f t="shared" si="94"/>
        <v>191.76543811931936</v>
      </c>
      <c r="AQ146" s="12">
        <f t="shared" si="95"/>
        <v>0</v>
      </c>
      <c r="AR146" s="11">
        <f t="shared" si="96"/>
        <v>266.34088627683241</v>
      </c>
    </row>
    <row r="147" spans="16:44" x14ac:dyDescent="0.3">
      <c r="P147" s="10">
        <f t="shared" si="97"/>
        <v>45437</v>
      </c>
      <c r="Q147" s="29">
        <v>6.4</v>
      </c>
      <c r="R147" s="29">
        <f t="shared" si="83"/>
        <v>6</v>
      </c>
      <c r="S147" s="12">
        <f t="shared" si="75"/>
        <v>0.88136675487947747</v>
      </c>
      <c r="T147" s="12">
        <f t="shared" si="76"/>
        <v>0.40529111994771311</v>
      </c>
      <c r="U147" s="12">
        <f t="shared" si="77"/>
        <v>1.4791569663107089</v>
      </c>
      <c r="V147" s="12">
        <f t="shared" si="78"/>
        <v>1.31124751273035</v>
      </c>
      <c r="W147" s="12">
        <f t="shared" si="84"/>
        <v>1.9424956480203619</v>
      </c>
      <c r="X147" s="12">
        <f t="shared" si="79"/>
        <v>-1.236743869637378E-2</v>
      </c>
      <c r="Y147" s="12">
        <f t="shared" si="80"/>
        <v>-1.3226323007097701E-2</v>
      </c>
      <c r="Z147" s="12">
        <f t="shared" si="81"/>
        <v>-6.6119920832722404E-2</v>
      </c>
      <c r="AA147" s="12">
        <f t="shared" si="82"/>
        <v>-7.5310765362349638E-2</v>
      </c>
      <c r="AB147" s="12">
        <f t="shared" si="85"/>
        <v>-0.1200596025795522</v>
      </c>
      <c r="AC147" s="12">
        <f t="shared" si="86"/>
        <v>0.90963175543580299</v>
      </c>
      <c r="AD147" s="12">
        <f t="shared" si="87"/>
        <v>0.18151580569476511</v>
      </c>
      <c r="AE147" s="12">
        <f t="shared" si="88"/>
        <v>0</v>
      </c>
      <c r="AF147" s="12">
        <f t="shared" si="89"/>
        <v>0</v>
      </c>
      <c r="AG147" s="12">
        <f t="shared" si="90"/>
        <v>0</v>
      </c>
      <c r="AH147" s="12">
        <f>AC147/SUM(AC$2:AG$366)*Input!$D$12</f>
        <v>238.55635780161791</v>
      </c>
      <c r="AI147" s="12">
        <f>AD147/SUM(AC$2:AG$366)*Input!$D$12</f>
        <v>47.603603580465972</v>
      </c>
      <c r="AJ147" s="12">
        <f>AE147/SUM(AC$2:AG$366)*Input!$D$12</f>
        <v>0</v>
      </c>
      <c r="AK147" s="12">
        <f>AF147/SUM(AC$2:AG$366)*Input!$D$12</f>
        <v>0</v>
      </c>
      <c r="AL147" s="12">
        <f>AG147/SUM(AC$2:AG$366)*Input!$D$12</f>
        <v>0</v>
      </c>
      <c r="AM147" s="12">
        <f t="shared" si="91"/>
        <v>4.2886129351771158</v>
      </c>
      <c r="AN147" s="12">
        <f t="shared" si="92"/>
        <v>14.295376450590387</v>
      </c>
      <c r="AO147" s="12">
        <f t="shared" si="93"/>
        <v>21.44306467588558</v>
      </c>
      <c r="AP147" s="12">
        <f t="shared" si="94"/>
        <v>246.1329073204308</v>
      </c>
      <c r="AQ147" s="12">
        <f t="shared" si="95"/>
        <v>0</v>
      </c>
      <c r="AR147" s="11">
        <f t="shared" si="96"/>
        <v>286.15996138208391</v>
      </c>
    </row>
    <row r="148" spans="16:44" x14ac:dyDescent="0.3">
      <c r="P148" s="10">
        <f t="shared" si="97"/>
        <v>45438</v>
      </c>
      <c r="Q148" s="29">
        <v>9.1999999999999993</v>
      </c>
      <c r="R148" s="29">
        <f t="shared" si="83"/>
        <v>7</v>
      </c>
      <c r="S148" s="12">
        <f t="shared" si="75"/>
        <v>0.88136675487947747</v>
      </c>
      <c r="T148" s="12">
        <f t="shared" si="76"/>
        <v>0.40529111994771311</v>
      </c>
      <c r="U148" s="12">
        <f t="shared" si="77"/>
        <v>1.4791569663107089</v>
      </c>
      <c r="V148" s="12">
        <f t="shared" si="78"/>
        <v>1.31124751273035</v>
      </c>
      <c r="W148" s="12">
        <f t="shared" si="84"/>
        <v>1.9424956480203619</v>
      </c>
      <c r="X148" s="12">
        <f t="shared" si="79"/>
        <v>-1.236743869637378E-2</v>
      </c>
      <c r="Y148" s="12">
        <f t="shared" si="80"/>
        <v>-1.3226323007097701E-2</v>
      </c>
      <c r="Z148" s="12">
        <f t="shared" si="81"/>
        <v>-6.6119920832722404E-2</v>
      </c>
      <c r="AA148" s="12">
        <f t="shared" si="82"/>
        <v>-7.5310765362349638E-2</v>
      </c>
      <c r="AB148" s="12">
        <f t="shared" si="85"/>
        <v>-0.1200596025795522</v>
      </c>
      <c r="AC148" s="12">
        <f t="shared" si="86"/>
        <v>0.87036612696991189</v>
      </c>
      <c r="AD148" s="12">
        <f t="shared" si="87"/>
        <v>0.1605510256226747</v>
      </c>
      <c r="AE148" s="12">
        <f t="shared" si="88"/>
        <v>0</v>
      </c>
      <c r="AF148" s="12">
        <f t="shared" si="89"/>
        <v>0</v>
      </c>
      <c r="AG148" s="12">
        <f t="shared" si="90"/>
        <v>0</v>
      </c>
      <c r="AH148" s="12">
        <f>AC148/SUM(AC$2:AG$366)*Input!$D$12</f>
        <v>228.25871234493883</v>
      </c>
      <c r="AI148" s="12">
        <f>AD148/SUM(AC$2:AG$366)*Input!$D$12</f>
        <v>42.105464859799035</v>
      </c>
      <c r="AJ148" s="12">
        <f>AE148/SUM(AC$2:AG$366)*Input!$D$12</f>
        <v>0</v>
      </c>
      <c r="AK148" s="12">
        <f>AF148/SUM(AC$2:AG$366)*Input!$D$12</f>
        <v>0</v>
      </c>
      <c r="AL148" s="12">
        <f>AG148/SUM(AC$2:AG$366)*Input!$D$12</f>
        <v>0</v>
      </c>
      <c r="AM148" s="12">
        <f t="shared" si="91"/>
        <v>3.7932851225044186</v>
      </c>
      <c r="AN148" s="12">
        <f t="shared" si="92"/>
        <v>12.644283741681397</v>
      </c>
      <c r="AO148" s="12">
        <f t="shared" si="93"/>
        <v>18.966425612522094</v>
      </c>
      <c r="AP148" s="12">
        <f t="shared" si="94"/>
        <v>234.96018272802996</v>
      </c>
      <c r="AQ148" s="12">
        <f t="shared" si="95"/>
        <v>0</v>
      </c>
      <c r="AR148" s="11">
        <f t="shared" si="96"/>
        <v>270.36417720473787</v>
      </c>
    </row>
    <row r="149" spans="16:44" x14ac:dyDescent="0.3">
      <c r="P149" s="10">
        <f t="shared" si="97"/>
        <v>45439</v>
      </c>
      <c r="Q149" s="29">
        <v>6.4</v>
      </c>
      <c r="R149" s="29">
        <f t="shared" si="83"/>
        <v>1</v>
      </c>
      <c r="S149" s="12">
        <f t="shared" si="75"/>
        <v>1.0609861866589789</v>
      </c>
      <c r="T149" s="12">
        <f t="shared" si="76"/>
        <v>1.4695351264848711</v>
      </c>
      <c r="U149" s="12">
        <f t="shared" si="77"/>
        <v>1.771938814155029</v>
      </c>
      <c r="V149" s="12">
        <f t="shared" si="78"/>
        <v>2.5404025087253199</v>
      </c>
      <c r="W149" s="12">
        <f t="shared" si="84"/>
        <v>0</v>
      </c>
      <c r="X149" s="12">
        <f t="shared" si="79"/>
        <v>-7.0953309908476907E-3</v>
      </c>
      <c r="Y149" s="12">
        <f t="shared" si="80"/>
        <v>-5.875924024232846E-2</v>
      </c>
      <c r="Z149" s="12">
        <f t="shared" si="81"/>
        <v>-9.5984753200240996E-2</v>
      </c>
      <c r="AA149" s="12">
        <f t="shared" si="82"/>
        <v>-0.17801624965770491</v>
      </c>
      <c r="AB149" s="12">
        <f t="shared" si="85"/>
        <v>0</v>
      </c>
      <c r="AC149" s="12">
        <f t="shared" si="86"/>
        <v>1.0155760683175536</v>
      </c>
      <c r="AD149" s="12">
        <f t="shared" si="87"/>
        <v>0</v>
      </c>
      <c r="AE149" s="12">
        <f t="shared" si="88"/>
        <v>0</v>
      </c>
      <c r="AF149" s="12">
        <f t="shared" si="89"/>
        <v>0</v>
      </c>
      <c r="AG149" s="12">
        <f t="shared" si="90"/>
        <v>0</v>
      </c>
      <c r="AH149" s="12">
        <f>AC149/SUM(AC$2:AG$366)*Input!$D$12</f>
        <v>266.34088627683246</v>
      </c>
      <c r="AI149" s="12">
        <f>AD149/SUM(AC$2:AG$366)*Input!$D$12</f>
        <v>0</v>
      </c>
      <c r="AJ149" s="12">
        <f>AE149/SUM(AC$2:AG$366)*Input!$D$12</f>
        <v>0</v>
      </c>
      <c r="AK149" s="12">
        <f>AF149/SUM(AC$2:AG$366)*Input!$D$12</f>
        <v>0</v>
      </c>
      <c r="AL149" s="12">
        <f>AG149/SUM(AC$2:AG$366)*Input!$D$12</f>
        <v>0</v>
      </c>
      <c r="AM149" s="12">
        <f t="shared" si="91"/>
        <v>7.9902265883049735</v>
      </c>
      <c r="AN149" s="12">
        <f t="shared" si="92"/>
        <v>26.634088627683248</v>
      </c>
      <c r="AO149" s="12">
        <f t="shared" si="93"/>
        <v>39.951132941524868</v>
      </c>
      <c r="AP149" s="12">
        <f t="shared" si="94"/>
        <v>191.76543811931936</v>
      </c>
      <c r="AQ149" s="12">
        <f t="shared" si="95"/>
        <v>0</v>
      </c>
      <c r="AR149" s="11">
        <f t="shared" si="96"/>
        <v>266.34088627683241</v>
      </c>
    </row>
    <row r="150" spans="16:44" x14ac:dyDescent="0.3">
      <c r="P150" s="10">
        <f t="shared" si="97"/>
        <v>45440</v>
      </c>
      <c r="Q150" s="29">
        <v>7.4</v>
      </c>
      <c r="R150" s="29">
        <f t="shared" si="83"/>
        <v>2</v>
      </c>
      <c r="S150" s="12">
        <f t="shared" si="75"/>
        <v>1.0609861866589789</v>
      </c>
      <c r="T150" s="12">
        <f t="shared" si="76"/>
        <v>1.4695351264848711</v>
      </c>
      <c r="U150" s="12">
        <f t="shared" si="77"/>
        <v>1.771938814155029</v>
      </c>
      <c r="V150" s="12">
        <f t="shared" si="78"/>
        <v>2.5404025087253199</v>
      </c>
      <c r="W150" s="12">
        <f t="shared" si="84"/>
        <v>0</v>
      </c>
      <c r="X150" s="12">
        <f t="shared" si="79"/>
        <v>-7.0953309908476907E-3</v>
      </c>
      <c r="Y150" s="12">
        <f t="shared" si="80"/>
        <v>-5.875924024232846E-2</v>
      </c>
      <c r="Z150" s="12">
        <f t="shared" si="81"/>
        <v>-9.5984753200240996E-2</v>
      </c>
      <c r="AA150" s="12">
        <f t="shared" si="82"/>
        <v>-0.17801624965770491</v>
      </c>
      <c r="AB150" s="12">
        <f t="shared" si="85"/>
        <v>0</v>
      </c>
      <c r="AC150" s="12">
        <f t="shared" si="86"/>
        <v>1.008480737326706</v>
      </c>
      <c r="AD150" s="12">
        <f t="shared" si="87"/>
        <v>0</v>
      </c>
      <c r="AE150" s="12">
        <f t="shared" si="88"/>
        <v>0</v>
      </c>
      <c r="AF150" s="12">
        <f t="shared" si="89"/>
        <v>0</v>
      </c>
      <c r="AG150" s="12">
        <f t="shared" si="90"/>
        <v>0</v>
      </c>
      <c r="AH150" s="12">
        <f>AC150/SUM(AC$2:AG$366)*Input!$D$12</f>
        <v>264.48009336974815</v>
      </c>
      <c r="AI150" s="12">
        <f>AD150/SUM(AC$2:AG$366)*Input!$D$12</f>
        <v>0</v>
      </c>
      <c r="AJ150" s="12">
        <f>AE150/SUM(AC$2:AG$366)*Input!$D$12</f>
        <v>0</v>
      </c>
      <c r="AK150" s="12">
        <f>AF150/SUM(AC$2:AG$366)*Input!$D$12</f>
        <v>0</v>
      </c>
      <c r="AL150" s="12">
        <f>AG150/SUM(AC$2:AG$366)*Input!$D$12</f>
        <v>0</v>
      </c>
      <c r="AM150" s="12">
        <f t="shared" si="91"/>
        <v>7.9344028010924443</v>
      </c>
      <c r="AN150" s="12">
        <f t="shared" si="92"/>
        <v>26.448009336974817</v>
      </c>
      <c r="AO150" s="12">
        <f t="shared" si="93"/>
        <v>39.672014005462223</v>
      </c>
      <c r="AP150" s="12">
        <f t="shared" si="94"/>
        <v>190.42566722621865</v>
      </c>
      <c r="AQ150" s="12">
        <f t="shared" si="95"/>
        <v>0</v>
      </c>
      <c r="AR150" s="11">
        <f t="shared" si="96"/>
        <v>264.48009336974815</v>
      </c>
    </row>
    <row r="151" spans="16:44" x14ac:dyDescent="0.3">
      <c r="P151" s="10">
        <f t="shared" si="97"/>
        <v>45441</v>
      </c>
      <c r="Q151" s="29">
        <v>10.6</v>
      </c>
      <c r="R151" s="29">
        <f t="shared" si="83"/>
        <v>3</v>
      </c>
      <c r="S151" s="12">
        <f t="shared" si="75"/>
        <v>1.0609861866589789</v>
      </c>
      <c r="T151" s="12">
        <f t="shared" si="76"/>
        <v>1.4695351264848711</v>
      </c>
      <c r="U151" s="12">
        <f t="shared" si="77"/>
        <v>1.771938814155029</v>
      </c>
      <c r="V151" s="12">
        <f t="shared" si="78"/>
        <v>2.5404025087253199</v>
      </c>
      <c r="W151" s="12">
        <f t="shared" si="84"/>
        <v>0</v>
      </c>
      <c r="X151" s="12">
        <f t="shared" si="79"/>
        <v>-7.0953309908476907E-3</v>
      </c>
      <c r="Y151" s="12">
        <f t="shared" si="80"/>
        <v>-5.875924024232846E-2</v>
      </c>
      <c r="Z151" s="12">
        <f t="shared" si="81"/>
        <v>-9.5984753200240996E-2</v>
      </c>
      <c r="AA151" s="12">
        <f t="shared" si="82"/>
        <v>-0.17801624965770491</v>
      </c>
      <c r="AB151" s="12">
        <f t="shared" si="85"/>
        <v>0</v>
      </c>
      <c r="AC151" s="12">
        <f t="shared" si="86"/>
        <v>0.98577567815599343</v>
      </c>
      <c r="AD151" s="12">
        <f t="shared" si="87"/>
        <v>0</v>
      </c>
      <c r="AE151" s="12">
        <f t="shared" si="88"/>
        <v>0</v>
      </c>
      <c r="AF151" s="12">
        <f t="shared" si="89"/>
        <v>0</v>
      </c>
      <c r="AG151" s="12">
        <f t="shared" si="90"/>
        <v>0</v>
      </c>
      <c r="AH151" s="12">
        <f>AC151/SUM(AC$2:AG$366)*Input!$D$12</f>
        <v>258.52555606707847</v>
      </c>
      <c r="AI151" s="12">
        <f>AD151/SUM(AC$2:AG$366)*Input!$D$12</f>
        <v>0</v>
      </c>
      <c r="AJ151" s="12">
        <f>AE151/SUM(AC$2:AG$366)*Input!$D$12</f>
        <v>0</v>
      </c>
      <c r="AK151" s="12">
        <f>AF151/SUM(AC$2:AG$366)*Input!$D$12</f>
        <v>0</v>
      </c>
      <c r="AL151" s="12">
        <f>AG151/SUM(AC$2:AG$366)*Input!$D$12</f>
        <v>0</v>
      </c>
      <c r="AM151" s="12">
        <f t="shared" si="91"/>
        <v>7.7557666820123536</v>
      </c>
      <c r="AN151" s="12">
        <f t="shared" si="92"/>
        <v>25.852555606707849</v>
      </c>
      <c r="AO151" s="12">
        <f t="shared" si="93"/>
        <v>38.778833410061772</v>
      </c>
      <c r="AP151" s="12">
        <f t="shared" si="94"/>
        <v>186.13840036829649</v>
      </c>
      <c r="AQ151" s="12">
        <f t="shared" si="95"/>
        <v>0</v>
      </c>
      <c r="AR151" s="11">
        <f t="shared" si="96"/>
        <v>258.52555606707847</v>
      </c>
    </row>
    <row r="152" spans="16:44" x14ac:dyDescent="0.3">
      <c r="P152" s="10">
        <f t="shared" si="97"/>
        <v>45442</v>
      </c>
      <c r="Q152" s="29">
        <v>6.9</v>
      </c>
      <c r="R152" s="29">
        <f t="shared" si="83"/>
        <v>4</v>
      </c>
      <c r="S152" s="12">
        <f t="shared" si="75"/>
        <v>1.0609861866589789</v>
      </c>
      <c r="T152" s="12">
        <f t="shared" si="76"/>
        <v>1.4695351264848711</v>
      </c>
      <c r="U152" s="12">
        <f t="shared" si="77"/>
        <v>1.771938814155029</v>
      </c>
      <c r="V152" s="12">
        <f t="shared" si="78"/>
        <v>2.5404025087253199</v>
      </c>
      <c r="W152" s="12">
        <f t="shared" si="84"/>
        <v>0</v>
      </c>
      <c r="X152" s="12">
        <f t="shared" si="79"/>
        <v>-7.0953309908476907E-3</v>
      </c>
      <c r="Y152" s="12">
        <f t="shared" si="80"/>
        <v>-5.875924024232846E-2</v>
      </c>
      <c r="Z152" s="12">
        <f t="shared" si="81"/>
        <v>-9.5984753200240996E-2</v>
      </c>
      <c r="AA152" s="12">
        <f t="shared" si="82"/>
        <v>-0.17801624965770491</v>
      </c>
      <c r="AB152" s="12">
        <f t="shared" si="85"/>
        <v>0</v>
      </c>
      <c r="AC152" s="12">
        <f t="shared" si="86"/>
        <v>1.0120284028221298</v>
      </c>
      <c r="AD152" s="12">
        <f t="shared" si="87"/>
        <v>0</v>
      </c>
      <c r="AE152" s="12">
        <f t="shared" si="88"/>
        <v>0</v>
      </c>
      <c r="AF152" s="12">
        <f t="shared" si="89"/>
        <v>0</v>
      </c>
      <c r="AG152" s="12">
        <f t="shared" si="90"/>
        <v>0</v>
      </c>
      <c r="AH152" s="12">
        <f>AC152/SUM(AC$2:AG$366)*Input!$D$12</f>
        <v>265.41048982329028</v>
      </c>
      <c r="AI152" s="12">
        <f>AD152/SUM(AC$2:AG$366)*Input!$D$12</f>
        <v>0</v>
      </c>
      <c r="AJ152" s="12">
        <f>AE152/SUM(AC$2:AG$366)*Input!$D$12</f>
        <v>0</v>
      </c>
      <c r="AK152" s="12">
        <f>AF152/SUM(AC$2:AG$366)*Input!$D$12</f>
        <v>0</v>
      </c>
      <c r="AL152" s="12">
        <f>AG152/SUM(AC$2:AG$366)*Input!$D$12</f>
        <v>0</v>
      </c>
      <c r="AM152" s="12">
        <f t="shared" si="91"/>
        <v>7.9623146946987085</v>
      </c>
      <c r="AN152" s="12">
        <f t="shared" si="92"/>
        <v>26.541048982329031</v>
      </c>
      <c r="AO152" s="12">
        <f t="shared" si="93"/>
        <v>39.811573473493539</v>
      </c>
      <c r="AP152" s="12">
        <f t="shared" si="94"/>
        <v>191.095552672769</v>
      </c>
      <c r="AQ152" s="12">
        <f t="shared" si="95"/>
        <v>0</v>
      </c>
      <c r="AR152" s="11">
        <f t="shared" si="96"/>
        <v>265.41048982329028</v>
      </c>
    </row>
    <row r="153" spans="16:44" x14ac:dyDescent="0.3">
      <c r="P153" s="10">
        <f t="shared" si="97"/>
        <v>45443</v>
      </c>
      <c r="Q153" s="29">
        <v>5.9</v>
      </c>
      <c r="R153" s="29">
        <f t="shared" si="83"/>
        <v>5</v>
      </c>
      <c r="S153" s="12">
        <f t="shared" si="75"/>
        <v>1.0609861866589789</v>
      </c>
      <c r="T153" s="12">
        <f t="shared" si="76"/>
        <v>1.4695351264848711</v>
      </c>
      <c r="U153" s="12">
        <f t="shared" si="77"/>
        <v>1.771938814155029</v>
      </c>
      <c r="V153" s="12">
        <f t="shared" si="78"/>
        <v>2.5404025087253199</v>
      </c>
      <c r="W153" s="12">
        <f t="shared" si="84"/>
        <v>0</v>
      </c>
      <c r="X153" s="12">
        <f t="shared" si="79"/>
        <v>-7.0953309908476907E-3</v>
      </c>
      <c r="Y153" s="12">
        <f t="shared" si="80"/>
        <v>-5.875924024232846E-2</v>
      </c>
      <c r="Z153" s="12">
        <f t="shared" si="81"/>
        <v>-9.5984753200240996E-2</v>
      </c>
      <c r="AA153" s="12">
        <f t="shared" si="82"/>
        <v>-0.17801624965770491</v>
      </c>
      <c r="AB153" s="12">
        <f t="shared" si="85"/>
        <v>0</v>
      </c>
      <c r="AC153" s="12">
        <f t="shared" si="86"/>
        <v>1.0191237338129775</v>
      </c>
      <c r="AD153" s="12">
        <f t="shared" si="87"/>
        <v>0</v>
      </c>
      <c r="AE153" s="12">
        <f t="shared" si="88"/>
        <v>0</v>
      </c>
      <c r="AF153" s="12">
        <f t="shared" si="89"/>
        <v>0</v>
      </c>
      <c r="AG153" s="12">
        <f t="shared" si="90"/>
        <v>0</v>
      </c>
      <c r="AH153" s="12">
        <f>AC153/SUM(AC$2:AG$366)*Input!$D$12</f>
        <v>267.27128273037459</v>
      </c>
      <c r="AI153" s="12">
        <f>AD153/SUM(AC$2:AG$366)*Input!$D$12</f>
        <v>0</v>
      </c>
      <c r="AJ153" s="12">
        <f>AE153/SUM(AC$2:AG$366)*Input!$D$12</f>
        <v>0</v>
      </c>
      <c r="AK153" s="12">
        <f>AF153/SUM(AC$2:AG$366)*Input!$D$12</f>
        <v>0</v>
      </c>
      <c r="AL153" s="12">
        <f>AG153/SUM(AC$2:AG$366)*Input!$D$12</f>
        <v>0</v>
      </c>
      <c r="AM153" s="12">
        <f t="shared" si="91"/>
        <v>8.0181384819112367</v>
      </c>
      <c r="AN153" s="12">
        <f t="shared" si="92"/>
        <v>26.727128273037462</v>
      </c>
      <c r="AO153" s="12">
        <f t="shared" si="93"/>
        <v>40.090692409556191</v>
      </c>
      <c r="AP153" s="12">
        <f t="shared" si="94"/>
        <v>192.43532356586971</v>
      </c>
      <c r="AQ153" s="12">
        <f t="shared" si="95"/>
        <v>0</v>
      </c>
      <c r="AR153" s="11">
        <f t="shared" si="96"/>
        <v>267.27128273037459</v>
      </c>
    </row>
    <row r="154" spans="16:44" x14ac:dyDescent="0.3">
      <c r="P154" s="10">
        <f t="shared" si="97"/>
        <v>45444</v>
      </c>
      <c r="Q154" s="29">
        <v>8.3000000000000007</v>
      </c>
      <c r="R154" s="29">
        <f t="shared" si="83"/>
        <v>6</v>
      </c>
      <c r="S154" s="12">
        <f t="shared" si="75"/>
        <v>0.88136675487947747</v>
      </c>
      <c r="T154" s="12">
        <f t="shared" si="76"/>
        <v>0.40529111994771311</v>
      </c>
      <c r="U154" s="12">
        <f t="shared" si="77"/>
        <v>1.4791569663107089</v>
      </c>
      <c r="V154" s="12">
        <f t="shared" si="78"/>
        <v>1.31124751273035</v>
      </c>
      <c r="W154" s="12">
        <f t="shared" si="84"/>
        <v>1.9424956480203619</v>
      </c>
      <c r="X154" s="12">
        <f t="shared" si="79"/>
        <v>-1.236743869637378E-2</v>
      </c>
      <c r="Y154" s="12">
        <f t="shared" si="80"/>
        <v>-1.3226323007097701E-2</v>
      </c>
      <c r="Z154" s="12">
        <f t="shared" si="81"/>
        <v>-6.6119920832722404E-2</v>
      </c>
      <c r="AA154" s="12">
        <f t="shared" si="82"/>
        <v>-7.5310765362349638E-2</v>
      </c>
      <c r="AB154" s="12">
        <f t="shared" si="85"/>
        <v>-0.1200596025795522</v>
      </c>
      <c r="AC154" s="12">
        <f t="shared" si="86"/>
        <v>0.8829872218339484</v>
      </c>
      <c r="AD154" s="12">
        <f t="shared" si="87"/>
        <v>0.1672897049315609</v>
      </c>
      <c r="AE154" s="12">
        <f t="shared" si="88"/>
        <v>0</v>
      </c>
      <c r="AF154" s="12">
        <f t="shared" si="89"/>
        <v>0</v>
      </c>
      <c r="AG154" s="12">
        <f t="shared" si="90"/>
        <v>0</v>
      </c>
      <c r="AH154" s="12">
        <f>AC154/SUM(AC$2:AG$366)*Input!$D$12</f>
        <v>231.56866981315713</v>
      </c>
      <c r="AI154" s="12">
        <f>AD154/SUM(AC$2:AG$366)*Input!$D$12</f>
        <v>43.872723734299115</v>
      </c>
      <c r="AJ154" s="12">
        <f>AE154/SUM(AC$2:AG$366)*Input!$D$12</f>
        <v>0</v>
      </c>
      <c r="AK154" s="12">
        <f>AF154/SUM(AC$2:AG$366)*Input!$D$12</f>
        <v>0</v>
      </c>
      <c r="AL154" s="12">
        <f>AG154/SUM(AC$2:AG$366)*Input!$D$12</f>
        <v>0</v>
      </c>
      <c r="AM154" s="12">
        <f t="shared" si="91"/>
        <v>3.9524976337206419</v>
      </c>
      <c r="AN154" s="12">
        <f t="shared" si="92"/>
        <v>13.174992112402142</v>
      </c>
      <c r="AO154" s="12">
        <f t="shared" si="93"/>
        <v>19.762488168603213</v>
      </c>
      <c r="AP154" s="12">
        <f t="shared" si="94"/>
        <v>238.55141563273025</v>
      </c>
      <c r="AQ154" s="12">
        <f t="shared" si="95"/>
        <v>0</v>
      </c>
      <c r="AR154" s="11">
        <f t="shared" si="96"/>
        <v>275.44139354745624</v>
      </c>
    </row>
    <row r="155" spans="16:44" x14ac:dyDescent="0.3">
      <c r="P155" s="10">
        <f t="shared" si="97"/>
        <v>45445</v>
      </c>
      <c r="Q155" s="29">
        <v>8.1999999999999993</v>
      </c>
      <c r="R155" s="29">
        <f t="shared" si="83"/>
        <v>7</v>
      </c>
      <c r="S155" s="12">
        <f t="shared" si="75"/>
        <v>0.88136675487947747</v>
      </c>
      <c r="T155" s="12">
        <f t="shared" si="76"/>
        <v>0.40529111994771311</v>
      </c>
      <c r="U155" s="12">
        <f t="shared" si="77"/>
        <v>1.4791569663107089</v>
      </c>
      <c r="V155" s="12">
        <f t="shared" si="78"/>
        <v>1.31124751273035</v>
      </c>
      <c r="W155" s="12">
        <f t="shared" si="84"/>
        <v>1.9424956480203619</v>
      </c>
      <c r="X155" s="12">
        <f t="shared" si="79"/>
        <v>-1.236743869637378E-2</v>
      </c>
      <c r="Y155" s="12">
        <f t="shared" si="80"/>
        <v>-1.3226323007097701E-2</v>
      </c>
      <c r="Z155" s="12">
        <f t="shared" si="81"/>
        <v>-6.6119920832722404E-2</v>
      </c>
      <c r="AA155" s="12">
        <f t="shared" si="82"/>
        <v>-7.5310765362349638E-2</v>
      </c>
      <c r="AB155" s="12">
        <f t="shared" si="85"/>
        <v>-0.1200596025795522</v>
      </c>
      <c r="AC155" s="12">
        <f t="shared" si="86"/>
        <v>0.88438956570773009</v>
      </c>
      <c r="AD155" s="12">
        <f t="shared" si="87"/>
        <v>0.16803844707699273</v>
      </c>
      <c r="AE155" s="12">
        <f t="shared" si="88"/>
        <v>0</v>
      </c>
      <c r="AF155" s="12">
        <f t="shared" si="89"/>
        <v>0</v>
      </c>
      <c r="AG155" s="12">
        <f t="shared" si="90"/>
        <v>0</v>
      </c>
      <c r="AH155" s="12">
        <f>AC155/SUM(AC$2:AG$366)*Input!$D$12</f>
        <v>231.93644286518133</v>
      </c>
      <c r="AI155" s="12">
        <f>AD155/SUM(AC$2:AG$366)*Input!$D$12</f>
        <v>44.069085831465799</v>
      </c>
      <c r="AJ155" s="12">
        <f>AE155/SUM(AC$2:AG$366)*Input!$D$12</f>
        <v>0</v>
      </c>
      <c r="AK155" s="12">
        <f>AF155/SUM(AC$2:AG$366)*Input!$D$12</f>
        <v>0</v>
      </c>
      <c r="AL155" s="12">
        <f>AG155/SUM(AC$2:AG$366)*Input!$D$12</f>
        <v>0</v>
      </c>
      <c r="AM155" s="12">
        <f t="shared" si="91"/>
        <v>3.9701879127446675</v>
      </c>
      <c r="AN155" s="12">
        <f t="shared" si="92"/>
        <v>13.233959709148893</v>
      </c>
      <c r="AO155" s="12">
        <f t="shared" si="93"/>
        <v>19.85093956372334</v>
      </c>
      <c r="AP155" s="12">
        <f t="shared" si="94"/>
        <v>238.95044151103025</v>
      </c>
      <c r="AQ155" s="12">
        <f t="shared" si="95"/>
        <v>0</v>
      </c>
      <c r="AR155" s="11">
        <f t="shared" si="96"/>
        <v>276.00552869664716</v>
      </c>
    </row>
    <row r="156" spans="16:44" x14ac:dyDescent="0.3">
      <c r="P156" s="10">
        <f t="shared" si="97"/>
        <v>45446</v>
      </c>
      <c r="Q156" s="29">
        <v>9.9</v>
      </c>
      <c r="R156" s="29">
        <f t="shared" si="83"/>
        <v>1</v>
      </c>
      <c r="S156" s="12">
        <f t="shared" si="75"/>
        <v>1.0609861866589789</v>
      </c>
      <c r="T156" s="12">
        <f t="shared" si="76"/>
        <v>1.4695351264848711</v>
      </c>
      <c r="U156" s="12">
        <f t="shared" si="77"/>
        <v>1.771938814155029</v>
      </c>
      <c r="V156" s="12">
        <f t="shared" si="78"/>
        <v>2.5404025087253199</v>
      </c>
      <c r="W156" s="12">
        <f t="shared" si="84"/>
        <v>0</v>
      </c>
      <c r="X156" s="12">
        <f t="shared" si="79"/>
        <v>-7.0953309908476907E-3</v>
      </c>
      <c r="Y156" s="12">
        <f t="shared" si="80"/>
        <v>-5.875924024232846E-2</v>
      </c>
      <c r="Z156" s="12">
        <f t="shared" si="81"/>
        <v>-9.5984753200240996E-2</v>
      </c>
      <c r="AA156" s="12">
        <f t="shared" si="82"/>
        <v>-0.17801624965770491</v>
      </c>
      <c r="AB156" s="12">
        <f t="shared" si="85"/>
        <v>0</v>
      </c>
      <c r="AC156" s="12">
        <f t="shared" si="86"/>
        <v>0.99074240984958672</v>
      </c>
      <c r="AD156" s="12">
        <f t="shared" si="87"/>
        <v>0</v>
      </c>
      <c r="AE156" s="12">
        <f t="shared" si="88"/>
        <v>0</v>
      </c>
      <c r="AF156" s="12">
        <f t="shared" si="89"/>
        <v>0</v>
      </c>
      <c r="AG156" s="12">
        <f t="shared" si="90"/>
        <v>0</v>
      </c>
      <c r="AH156" s="12">
        <f>AC156/SUM(AC$2:AG$366)*Input!$D$12</f>
        <v>259.82811110203744</v>
      </c>
      <c r="AI156" s="12">
        <f>AD156/SUM(AC$2:AG$366)*Input!$D$12</f>
        <v>0</v>
      </c>
      <c r="AJ156" s="12">
        <f>AE156/SUM(AC$2:AG$366)*Input!$D$12</f>
        <v>0</v>
      </c>
      <c r="AK156" s="12">
        <f>AF156/SUM(AC$2:AG$366)*Input!$D$12</f>
        <v>0</v>
      </c>
      <c r="AL156" s="12">
        <f>AG156/SUM(AC$2:AG$366)*Input!$D$12</f>
        <v>0</v>
      </c>
      <c r="AM156" s="12">
        <f t="shared" si="91"/>
        <v>7.7948433330611229</v>
      </c>
      <c r="AN156" s="12">
        <f t="shared" si="92"/>
        <v>25.982811110203745</v>
      </c>
      <c r="AO156" s="12">
        <f t="shared" si="93"/>
        <v>38.974216665305612</v>
      </c>
      <c r="AP156" s="12">
        <f t="shared" si="94"/>
        <v>187.07623999346694</v>
      </c>
      <c r="AQ156" s="12">
        <f t="shared" si="95"/>
        <v>0</v>
      </c>
      <c r="AR156" s="11">
        <f t="shared" si="96"/>
        <v>259.82811110203738</v>
      </c>
    </row>
    <row r="157" spans="16:44" x14ac:dyDescent="0.3">
      <c r="P157" s="10">
        <f t="shared" si="97"/>
        <v>45447</v>
      </c>
      <c r="Q157" s="29">
        <v>9.8000000000000007</v>
      </c>
      <c r="R157" s="29">
        <f t="shared" si="83"/>
        <v>2</v>
      </c>
      <c r="S157" s="12">
        <f t="shared" si="75"/>
        <v>1.0609861866589789</v>
      </c>
      <c r="T157" s="12">
        <f t="shared" si="76"/>
        <v>1.4695351264848711</v>
      </c>
      <c r="U157" s="12">
        <f t="shared" si="77"/>
        <v>1.771938814155029</v>
      </c>
      <c r="V157" s="12">
        <f t="shared" si="78"/>
        <v>2.5404025087253199</v>
      </c>
      <c r="W157" s="12">
        <f t="shared" si="84"/>
        <v>0</v>
      </c>
      <c r="X157" s="12">
        <f t="shared" si="79"/>
        <v>-7.0953309908476907E-3</v>
      </c>
      <c r="Y157" s="12">
        <f t="shared" si="80"/>
        <v>-5.875924024232846E-2</v>
      </c>
      <c r="Z157" s="12">
        <f t="shared" si="81"/>
        <v>-9.5984753200240996E-2</v>
      </c>
      <c r="AA157" s="12">
        <f t="shared" si="82"/>
        <v>-0.17801624965770491</v>
      </c>
      <c r="AB157" s="12">
        <f t="shared" si="85"/>
        <v>0</v>
      </c>
      <c r="AC157" s="12">
        <f t="shared" si="86"/>
        <v>0.99145194294867156</v>
      </c>
      <c r="AD157" s="12">
        <f t="shared" si="87"/>
        <v>0</v>
      </c>
      <c r="AE157" s="12">
        <f t="shared" si="88"/>
        <v>0</v>
      </c>
      <c r="AF157" s="12">
        <f t="shared" si="89"/>
        <v>0</v>
      </c>
      <c r="AG157" s="12">
        <f t="shared" si="90"/>
        <v>0</v>
      </c>
      <c r="AH157" s="12">
        <f>AC157/SUM(AC$2:AG$366)*Input!$D$12</f>
        <v>260.01419039274589</v>
      </c>
      <c r="AI157" s="12">
        <f>AD157/SUM(AC$2:AG$366)*Input!$D$12</f>
        <v>0</v>
      </c>
      <c r="AJ157" s="12">
        <f>AE157/SUM(AC$2:AG$366)*Input!$D$12</f>
        <v>0</v>
      </c>
      <c r="AK157" s="12">
        <f>AF157/SUM(AC$2:AG$366)*Input!$D$12</f>
        <v>0</v>
      </c>
      <c r="AL157" s="12">
        <f>AG157/SUM(AC$2:AG$366)*Input!$D$12</f>
        <v>0</v>
      </c>
      <c r="AM157" s="12">
        <f t="shared" si="91"/>
        <v>7.8004257117823768</v>
      </c>
      <c r="AN157" s="12">
        <f t="shared" si="92"/>
        <v>26.001419039274591</v>
      </c>
      <c r="AO157" s="12">
        <f t="shared" si="93"/>
        <v>39.002128558911885</v>
      </c>
      <c r="AP157" s="12">
        <f t="shared" si="94"/>
        <v>187.21021708277704</v>
      </c>
      <c r="AQ157" s="12">
        <f t="shared" si="95"/>
        <v>0</v>
      </c>
      <c r="AR157" s="11">
        <f t="shared" si="96"/>
        <v>260.01419039274589</v>
      </c>
    </row>
    <row r="158" spans="16:44" x14ac:dyDescent="0.3">
      <c r="P158" s="10">
        <f t="shared" si="97"/>
        <v>45448</v>
      </c>
      <c r="Q158" s="29">
        <v>9.3000000000000007</v>
      </c>
      <c r="R158" s="29">
        <f t="shared" si="83"/>
        <v>3</v>
      </c>
      <c r="S158" s="12">
        <f t="shared" si="75"/>
        <v>1.0609861866589789</v>
      </c>
      <c r="T158" s="12">
        <f t="shared" si="76"/>
        <v>1.4695351264848711</v>
      </c>
      <c r="U158" s="12">
        <f t="shared" si="77"/>
        <v>1.771938814155029</v>
      </c>
      <c r="V158" s="12">
        <f t="shared" si="78"/>
        <v>2.5404025087253199</v>
      </c>
      <c r="W158" s="12">
        <f t="shared" si="84"/>
        <v>0</v>
      </c>
      <c r="X158" s="12">
        <f t="shared" si="79"/>
        <v>-7.0953309908476907E-3</v>
      </c>
      <c r="Y158" s="12">
        <f t="shared" si="80"/>
        <v>-5.875924024232846E-2</v>
      </c>
      <c r="Z158" s="12">
        <f t="shared" si="81"/>
        <v>-9.5984753200240996E-2</v>
      </c>
      <c r="AA158" s="12">
        <f t="shared" si="82"/>
        <v>-0.17801624965770491</v>
      </c>
      <c r="AB158" s="12">
        <f t="shared" si="85"/>
        <v>0</v>
      </c>
      <c r="AC158" s="12">
        <f t="shared" si="86"/>
        <v>0.99499960844409541</v>
      </c>
      <c r="AD158" s="12">
        <f t="shared" si="87"/>
        <v>0</v>
      </c>
      <c r="AE158" s="12">
        <f t="shared" si="88"/>
        <v>0</v>
      </c>
      <c r="AF158" s="12">
        <f t="shared" si="89"/>
        <v>0</v>
      </c>
      <c r="AG158" s="12">
        <f t="shared" si="90"/>
        <v>0</v>
      </c>
      <c r="AH158" s="12">
        <f>AC158/SUM(AC$2:AG$366)*Input!$D$12</f>
        <v>260.94458684628802</v>
      </c>
      <c r="AI158" s="12">
        <f>AD158/SUM(AC$2:AG$366)*Input!$D$12</f>
        <v>0</v>
      </c>
      <c r="AJ158" s="12">
        <f>AE158/SUM(AC$2:AG$366)*Input!$D$12</f>
        <v>0</v>
      </c>
      <c r="AK158" s="12">
        <f>AF158/SUM(AC$2:AG$366)*Input!$D$12</f>
        <v>0</v>
      </c>
      <c r="AL158" s="12">
        <f>AG158/SUM(AC$2:AG$366)*Input!$D$12</f>
        <v>0</v>
      </c>
      <c r="AM158" s="12">
        <f t="shared" si="91"/>
        <v>7.82833760538864</v>
      </c>
      <c r="AN158" s="12">
        <f t="shared" si="92"/>
        <v>26.094458684628805</v>
      </c>
      <c r="AO158" s="12">
        <f t="shared" si="93"/>
        <v>39.1416880269432</v>
      </c>
      <c r="AP158" s="12">
        <f t="shared" si="94"/>
        <v>187.88010252932736</v>
      </c>
      <c r="AQ158" s="12">
        <f t="shared" si="95"/>
        <v>0</v>
      </c>
      <c r="AR158" s="11">
        <f t="shared" si="96"/>
        <v>260.94458684628802</v>
      </c>
    </row>
    <row r="159" spans="16:44" x14ac:dyDescent="0.3">
      <c r="P159" s="10">
        <f t="shared" si="97"/>
        <v>45449</v>
      </c>
      <c r="Q159" s="29">
        <v>9.8000000000000007</v>
      </c>
      <c r="R159" s="29">
        <f t="shared" si="83"/>
        <v>4</v>
      </c>
      <c r="S159" s="12">
        <f t="shared" si="75"/>
        <v>1.0609861866589789</v>
      </c>
      <c r="T159" s="12">
        <f t="shared" si="76"/>
        <v>1.4695351264848711</v>
      </c>
      <c r="U159" s="12">
        <f t="shared" si="77"/>
        <v>1.771938814155029</v>
      </c>
      <c r="V159" s="12">
        <f t="shared" si="78"/>
        <v>2.5404025087253199</v>
      </c>
      <c r="W159" s="12">
        <f t="shared" si="84"/>
        <v>0</v>
      </c>
      <c r="X159" s="12">
        <f t="shared" si="79"/>
        <v>-7.0953309908476907E-3</v>
      </c>
      <c r="Y159" s="12">
        <f t="shared" si="80"/>
        <v>-5.875924024232846E-2</v>
      </c>
      <c r="Z159" s="12">
        <f t="shared" si="81"/>
        <v>-9.5984753200240996E-2</v>
      </c>
      <c r="AA159" s="12">
        <f t="shared" si="82"/>
        <v>-0.17801624965770491</v>
      </c>
      <c r="AB159" s="12">
        <f t="shared" si="85"/>
        <v>0</v>
      </c>
      <c r="AC159" s="12">
        <f t="shared" si="86"/>
        <v>0.99145194294867156</v>
      </c>
      <c r="AD159" s="12">
        <f t="shared" si="87"/>
        <v>0</v>
      </c>
      <c r="AE159" s="12">
        <f t="shared" si="88"/>
        <v>0</v>
      </c>
      <c r="AF159" s="12">
        <f t="shared" si="89"/>
        <v>0</v>
      </c>
      <c r="AG159" s="12">
        <f t="shared" si="90"/>
        <v>0</v>
      </c>
      <c r="AH159" s="12">
        <f>AC159/SUM(AC$2:AG$366)*Input!$D$12</f>
        <v>260.01419039274589</v>
      </c>
      <c r="AI159" s="12">
        <f>AD159/SUM(AC$2:AG$366)*Input!$D$12</f>
        <v>0</v>
      </c>
      <c r="AJ159" s="12">
        <f>AE159/SUM(AC$2:AG$366)*Input!$D$12</f>
        <v>0</v>
      </c>
      <c r="AK159" s="12">
        <f>AF159/SUM(AC$2:AG$366)*Input!$D$12</f>
        <v>0</v>
      </c>
      <c r="AL159" s="12">
        <f>AG159/SUM(AC$2:AG$366)*Input!$D$12</f>
        <v>0</v>
      </c>
      <c r="AM159" s="12">
        <f t="shared" si="91"/>
        <v>7.8004257117823768</v>
      </c>
      <c r="AN159" s="12">
        <f t="shared" si="92"/>
        <v>26.001419039274591</v>
      </c>
      <c r="AO159" s="12">
        <f t="shared" si="93"/>
        <v>39.002128558911885</v>
      </c>
      <c r="AP159" s="12">
        <f t="shared" si="94"/>
        <v>187.21021708277704</v>
      </c>
      <c r="AQ159" s="12">
        <f t="shared" si="95"/>
        <v>0</v>
      </c>
      <c r="AR159" s="11">
        <f t="shared" si="96"/>
        <v>260.01419039274589</v>
      </c>
    </row>
    <row r="160" spans="16:44" x14ac:dyDescent="0.3">
      <c r="P160" s="10">
        <f t="shared" si="97"/>
        <v>45450</v>
      </c>
      <c r="Q160" s="29">
        <v>10.1</v>
      </c>
      <c r="R160" s="29">
        <f t="shared" si="83"/>
        <v>5</v>
      </c>
      <c r="S160" s="12">
        <f t="shared" si="75"/>
        <v>1.0609861866589789</v>
      </c>
      <c r="T160" s="12">
        <f t="shared" si="76"/>
        <v>1.4695351264848711</v>
      </c>
      <c r="U160" s="12">
        <f t="shared" si="77"/>
        <v>1.771938814155029</v>
      </c>
      <c r="V160" s="12">
        <f t="shared" si="78"/>
        <v>2.5404025087253199</v>
      </c>
      <c r="W160" s="12">
        <f t="shared" si="84"/>
        <v>0</v>
      </c>
      <c r="X160" s="12">
        <f t="shared" si="79"/>
        <v>-7.0953309908476907E-3</v>
      </c>
      <c r="Y160" s="12">
        <f t="shared" si="80"/>
        <v>-5.875924024232846E-2</v>
      </c>
      <c r="Z160" s="12">
        <f t="shared" si="81"/>
        <v>-9.5984753200240996E-2</v>
      </c>
      <c r="AA160" s="12">
        <f t="shared" si="82"/>
        <v>-0.17801624965770491</v>
      </c>
      <c r="AB160" s="12">
        <f t="shared" si="85"/>
        <v>0</v>
      </c>
      <c r="AC160" s="12">
        <f t="shared" si="86"/>
        <v>0.98932334365141728</v>
      </c>
      <c r="AD160" s="12">
        <f t="shared" si="87"/>
        <v>0</v>
      </c>
      <c r="AE160" s="12">
        <f t="shared" si="88"/>
        <v>0</v>
      </c>
      <c r="AF160" s="12">
        <f t="shared" si="89"/>
        <v>0</v>
      </c>
      <c r="AG160" s="12">
        <f t="shared" si="90"/>
        <v>0</v>
      </c>
      <c r="AH160" s="12">
        <f>AC160/SUM(AC$2:AG$366)*Input!$D$12</f>
        <v>259.4559525206206</v>
      </c>
      <c r="AI160" s="12">
        <f>AD160/SUM(AC$2:AG$366)*Input!$D$12</f>
        <v>0</v>
      </c>
      <c r="AJ160" s="12">
        <f>AE160/SUM(AC$2:AG$366)*Input!$D$12</f>
        <v>0</v>
      </c>
      <c r="AK160" s="12">
        <f>AF160/SUM(AC$2:AG$366)*Input!$D$12</f>
        <v>0</v>
      </c>
      <c r="AL160" s="12">
        <f>AG160/SUM(AC$2:AG$366)*Input!$D$12</f>
        <v>0</v>
      </c>
      <c r="AM160" s="12">
        <f t="shared" si="91"/>
        <v>7.7836785756186178</v>
      </c>
      <c r="AN160" s="12">
        <f t="shared" si="92"/>
        <v>25.945595252062063</v>
      </c>
      <c r="AO160" s="12">
        <f t="shared" si="93"/>
        <v>38.918392878093087</v>
      </c>
      <c r="AP160" s="12">
        <f t="shared" si="94"/>
        <v>186.80828581484681</v>
      </c>
      <c r="AQ160" s="12">
        <f t="shared" si="95"/>
        <v>0</v>
      </c>
      <c r="AR160" s="11">
        <f t="shared" si="96"/>
        <v>259.4559525206206</v>
      </c>
    </row>
    <row r="161" spans="16:44" x14ac:dyDescent="0.3">
      <c r="P161" s="10">
        <f t="shared" si="97"/>
        <v>45451</v>
      </c>
      <c r="Q161" s="29">
        <v>15.4</v>
      </c>
      <c r="R161" s="29">
        <f t="shared" si="83"/>
        <v>6</v>
      </c>
      <c r="S161" s="12">
        <f t="shared" si="75"/>
        <v>0.88136675487947747</v>
      </c>
      <c r="T161" s="12">
        <f t="shared" si="76"/>
        <v>0.40529111994771311</v>
      </c>
      <c r="U161" s="12">
        <f t="shared" si="77"/>
        <v>1.4791569663107089</v>
      </c>
      <c r="V161" s="12">
        <f t="shared" si="78"/>
        <v>1.31124751273035</v>
      </c>
      <c r="W161" s="12">
        <f t="shared" si="84"/>
        <v>0.44487676601187343</v>
      </c>
      <c r="X161" s="12">
        <f t="shared" si="79"/>
        <v>-1.236743869637378E-2</v>
      </c>
      <c r="Y161" s="12">
        <f t="shared" si="80"/>
        <v>-1.3226323007097701E-2</v>
      </c>
      <c r="Z161" s="12">
        <f t="shared" si="81"/>
        <v>-6.6119920832722404E-2</v>
      </c>
      <c r="AA161" s="12">
        <f t="shared" si="82"/>
        <v>-7.5310765362349638E-2</v>
      </c>
      <c r="AB161" s="12">
        <f t="shared" si="85"/>
        <v>-1.748296682554611E-2</v>
      </c>
      <c r="AC161" s="12">
        <f t="shared" si="86"/>
        <v>0.78342080679543891</v>
      </c>
      <c r="AD161" s="12">
        <f t="shared" si="87"/>
        <v>0.11412901260590305</v>
      </c>
      <c r="AE161" s="12">
        <f t="shared" si="88"/>
        <v>0</v>
      </c>
      <c r="AF161" s="12">
        <f t="shared" si="89"/>
        <v>0</v>
      </c>
      <c r="AG161" s="12">
        <f t="shared" si="90"/>
        <v>0</v>
      </c>
      <c r="AH161" s="12">
        <f>AC161/SUM(AC$2:AG$366)*Input!$D$12</f>
        <v>205.45678311943519</v>
      </c>
      <c r="AI161" s="12">
        <f>AD161/SUM(AC$2:AG$366)*Input!$D$12</f>
        <v>29.931014835465085</v>
      </c>
      <c r="AJ161" s="12">
        <f>AE161/SUM(AC$2:AG$366)*Input!$D$12</f>
        <v>0</v>
      </c>
      <c r="AK161" s="12">
        <f>AF161/SUM(AC$2:AG$366)*Input!$D$12</f>
        <v>0</v>
      </c>
      <c r="AL161" s="12">
        <f>AG161/SUM(AC$2:AG$366)*Input!$D$12</f>
        <v>0</v>
      </c>
      <c r="AM161" s="12">
        <f t="shared" si="91"/>
        <v>2.696487823014873</v>
      </c>
      <c r="AN161" s="12">
        <f t="shared" si="92"/>
        <v>8.9882927433829121</v>
      </c>
      <c r="AO161" s="12">
        <f t="shared" si="93"/>
        <v>13.482439115074367</v>
      </c>
      <c r="AP161" s="12">
        <f t="shared" si="94"/>
        <v>210.22057827342812</v>
      </c>
      <c r="AQ161" s="12">
        <f t="shared" si="95"/>
        <v>0</v>
      </c>
      <c r="AR161" s="11">
        <f t="shared" si="96"/>
        <v>235.38779795490026</v>
      </c>
    </row>
    <row r="162" spans="16:44" x14ac:dyDescent="0.3">
      <c r="P162" s="10">
        <f t="shared" si="97"/>
        <v>45452</v>
      </c>
      <c r="Q162" s="29">
        <v>17.7</v>
      </c>
      <c r="R162" s="29">
        <f t="shared" si="83"/>
        <v>7</v>
      </c>
      <c r="S162" s="12">
        <f t="shared" si="75"/>
        <v>0.88136675487947747</v>
      </c>
      <c r="T162" s="12">
        <f t="shared" si="76"/>
        <v>0.19607255136472959</v>
      </c>
      <c r="U162" s="12">
        <f t="shared" si="77"/>
        <v>0.65274423464211173</v>
      </c>
      <c r="V162" s="12">
        <f t="shared" si="78"/>
        <v>0.29524473618599389</v>
      </c>
      <c r="W162" s="12">
        <f t="shared" si="84"/>
        <v>0.44487676601187343</v>
      </c>
      <c r="X162" s="12">
        <f t="shared" si="79"/>
        <v>-1.236743869637378E-2</v>
      </c>
      <c r="Y162" s="12">
        <f t="shared" si="80"/>
        <v>-6.2279477920712143E-4</v>
      </c>
      <c r="Z162" s="12">
        <f t="shared" si="81"/>
        <v>-1.60343007315953E-2</v>
      </c>
      <c r="AA162" s="12">
        <f t="shared" si="82"/>
        <v>-9.762199133681506E-3</v>
      </c>
      <c r="AB162" s="12">
        <f t="shared" si="85"/>
        <v>-1.748296682554611E-2</v>
      </c>
      <c r="AC162" s="12">
        <f t="shared" si="86"/>
        <v>0.7511668976984569</v>
      </c>
      <c r="AD162" s="12">
        <f t="shared" si="87"/>
        <v>0.10475628632376144</v>
      </c>
      <c r="AE162" s="12">
        <f t="shared" si="88"/>
        <v>0</v>
      </c>
      <c r="AF162" s="12">
        <f t="shared" si="89"/>
        <v>0</v>
      </c>
      <c r="AG162" s="12">
        <f t="shared" si="90"/>
        <v>0</v>
      </c>
      <c r="AH162" s="12">
        <f>AC162/SUM(AC$2:AG$366)*Input!$D$12</f>
        <v>196.99800292287736</v>
      </c>
      <c r="AI162" s="12">
        <f>AD162/SUM(AC$2:AG$366)*Input!$D$12</f>
        <v>27.472961418598633</v>
      </c>
      <c r="AJ162" s="12">
        <f>AE162/SUM(AC$2:AG$366)*Input!$D$12</f>
        <v>0</v>
      </c>
      <c r="AK162" s="12">
        <f>AF162/SUM(AC$2:AG$366)*Input!$D$12</f>
        <v>0</v>
      </c>
      <c r="AL162" s="12">
        <f>AG162/SUM(AC$2:AG$366)*Input!$D$12</f>
        <v>0</v>
      </c>
      <c r="AM162" s="12">
        <f t="shared" si="91"/>
        <v>2.4750415692431207</v>
      </c>
      <c r="AN162" s="12">
        <f t="shared" si="92"/>
        <v>8.2501385641437359</v>
      </c>
      <c r="AO162" s="12">
        <f t="shared" si="93"/>
        <v>12.375207846215606</v>
      </c>
      <c r="AP162" s="12">
        <f t="shared" si="94"/>
        <v>201.37057636187353</v>
      </c>
      <c r="AQ162" s="12">
        <f t="shared" si="95"/>
        <v>0</v>
      </c>
      <c r="AR162" s="11">
        <f t="shared" si="96"/>
        <v>224.47096434147599</v>
      </c>
    </row>
    <row r="163" spans="16:44" x14ac:dyDescent="0.3">
      <c r="P163" s="10">
        <f t="shared" si="97"/>
        <v>45453</v>
      </c>
      <c r="Q163" s="29">
        <v>16.399999999999999</v>
      </c>
      <c r="R163" s="29">
        <f t="shared" si="83"/>
        <v>1</v>
      </c>
      <c r="S163" s="12">
        <f t="shared" si="75"/>
        <v>1.0609861866589789</v>
      </c>
      <c r="T163" s="12">
        <f t="shared" si="76"/>
        <v>1.4695351264848711</v>
      </c>
      <c r="U163" s="12">
        <f t="shared" si="77"/>
        <v>0.40699471377216029</v>
      </c>
      <c r="V163" s="12">
        <f t="shared" si="78"/>
        <v>0.52104102880341097</v>
      </c>
      <c r="W163" s="12">
        <f t="shared" si="84"/>
        <v>0</v>
      </c>
      <c r="X163" s="12">
        <f t="shared" si="79"/>
        <v>-7.0953309908476907E-3</v>
      </c>
      <c r="Y163" s="12">
        <f t="shared" si="80"/>
        <v>-5.875924024232846E-2</v>
      </c>
      <c r="Z163" s="12">
        <f t="shared" si="81"/>
        <v>-1.2756454396407539E-2</v>
      </c>
      <c r="AA163" s="12">
        <f t="shared" si="82"/>
        <v>-2.1476600051355411E-2</v>
      </c>
      <c r="AB163" s="12">
        <f t="shared" si="85"/>
        <v>0</v>
      </c>
      <c r="AC163" s="12">
        <f t="shared" si="86"/>
        <v>0.94462275840907683</v>
      </c>
      <c r="AD163" s="12">
        <f t="shared" si="87"/>
        <v>0</v>
      </c>
      <c r="AE163" s="12">
        <f t="shared" si="88"/>
        <v>0</v>
      </c>
      <c r="AF163" s="12">
        <f t="shared" si="89"/>
        <v>0</v>
      </c>
      <c r="AG163" s="12">
        <f t="shared" si="90"/>
        <v>0</v>
      </c>
      <c r="AH163" s="12">
        <f>AC163/SUM(AC$2:AG$366)*Input!$D$12</f>
        <v>247.73295720598963</v>
      </c>
      <c r="AI163" s="12">
        <f>AD163/SUM(AC$2:AG$366)*Input!$D$12</f>
        <v>0</v>
      </c>
      <c r="AJ163" s="12">
        <f>AE163/SUM(AC$2:AG$366)*Input!$D$12</f>
        <v>0</v>
      </c>
      <c r="AK163" s="12">
        <f>AF163/SUM(AC$2:AG$366)*Input!$D$12</f>
        <v>0</v>
      </c>
      <c r="AL163" s="12">
        <f>AG163/SUM(AC$2:AG$366)*Input!$D$12</f>
        <v>0</v>
      </c>
      <c r="AM163" s="12">
        <f t="shared" si="91"/>
        <v>7.4319887161796885</v>
      </c>
      <c r="AN163" s="12">
        <f t="shared" si="92"/>
        <v>24.773295720598966</v>
      </c>
      <c r="AO163" s="12">
        <f t="shared" si="93"/>
        <v>37.159943580898442</v>
      </c>
      <c r="AP163" s="12">
        <f t="shared" si="94"/>
        <v>178.36772918831252</v>
      </c>
      <c r="AQ163" s="12">
        <f t="shared" si="95"/>
        <v>0</v>
      </c>
      <c r="AR163" s="11">
        <f t="shared" si="96"/>
        <v>247.73295720598963</v>
      </c>
    </row>
    <row r="164" spans="16:44" x14ac:dyDescent="0.3">
      <c r="P164" s="10">
        <f t="shared" si="97"/>
        <v>45454</v>
      </c>
      <c r="Q164" s="29">
        <v>16.5</v>
      </c>
      <c r="R164" s="29">
        <f t="shared" si="83"/>
        <v>2</v>
      </c>
      <c r="S164" s="12">
        <f t="shared" si="75"/>
        <v>1.0609861866589789</v>
      </c>
      <c r="T164" s="12">
        <f t="shared" si="76"/>
        <v>1.4695351264848711</v>
      </c>
      <c r="U164" s="12">
        <f t="shared" si="77"/>
        <v>0.40699471377216029</v>
      </c>
      <c r="V164" s="12">
        <f t="shared" si="78"/>
        <v>0.52104102880341097</v>
      </c>
      <c r="W164" s="12">
        <f t="shared" si="84"/>
        <v>0</v>
      </c>
      <c r="X164" s="12">
        <f t="shared" si="79"/>
        <v>-7.0953309908476907E-3</v>
      </c>
      <c r="Y164" s="12">
        <f t="shared" si="80"/>
        <v>-5.875924024232846E-2</v>
      </c>
      <c r="Z164" s="12">
        <f t="shared" si="81"/>
        <v>-1.2756454396407539E-2</v>
      </c>
      <c r="AA164" s="12">
        <f t="shared" si="82"/>
        <v>-2.1476600051355411E-2</v>
      </c>
      <c r="AB164" s="12">
        <f t="shared" si="85"/>
        <v>0</v>
      </c>
      <c r="AC164" s="12">
        <f t="shared" si="86"/>
        <v>0.943913225309992</v>
      </c>
      <c r="AD164" s="12">
        <f t="shared" si="87"/>
        <v>0</v>
      </c>
      <c r="AE164" s="12">
        <f t="shared" si="88"/>
        <v>0</v>
      </c>
      <c r="AF164" s="12">
        <f t="shared" si="89"/>
        <v>0</v>
      </c>
      <c r="AG164" s="12">
        <f t="shared" si="90"/>
        <v>0</v>
      </c>
      <c r="AH164" s="12">
        <f>AC164/SUM(AC$2:AG$366)*Input!$D$12</f>
        <v>247.54687791528116</v>
      </c>
      <c r="AI164" s="12">
        <f>AD164/SUM(AC$2:AG$366)*Input!$D$12</f>
        <v>0</v>
      </c>
      <c r="AJ164" s="12">
        <f>AE164/SUM(AC$2:AG$366)*Input!$D$12</f>
        <v>0</v>
      </c>
      <c r="AK164" s="12">
        <f>AF164/SUM(AC$2:AG$366)*Input!$D$12</f>
        <v>0</v>
      </c>
      <c r="AL164" s="12">
        <f>AG164/SUM(AC$2:AG$366)*Input!$D$12</f>
        <v>0</v>
      </c>
      <c r="AM164" s="12">
        <f t="shared" si="91"/>
        <v>7.4264063374584346</v>
      </c>
      <c r="AN164" s="12">
        <f t="shared" si="92"/>
        <v>24.754687791528116</v>
      </c>
      <c r="AO164" s="12">
        <f t="shared" si="93"/>
        <v>37.132031687292169</v>
      </c>
      <c r="AP164" s="12">
        <f t="shared" si="94"/>
        <v>178.23375209900243</v>
      </c>
      <c r="AQ164" s="12">
        <f t="shared" si="95"/>
        <v>0</v>
      </c>
      <c r="AR164" s="11">
        <f t="shared" si="96"/>
        <v>247.54687791528116</v>
      </c>
    </row>
    <row r="165" spans="16:44" x14ac:dyDescent="0.3">
      <c r="P165" s="10">
        <f t="shared" si="97"/>
        <v>45455</v>
      </c>
      <c r="Q165" s="29">
        <v>17.5</v>
      </c>
      <c r="R165" s="29">
        <f t="shared" si="83"/>
        <v>3</v>
      </c>
      <c r="S165" s="12">
        <f t="shared" si="75"/>
        <v>1.0609861866589789</v>
      </c>
      <c r="T165" s="12">
        <f t="shared" si="76"/>
        <v>0.67790786498212752</v>
      </c>
      <c r="U165" s="12">
        <f t="shared" si="77"/>
        <v>0.40699471377216029</v>
      </c>
      <c r="V165" s="12">
        <f t="shared" si="78"/>
        <v>0.52104102880341097</v>
      </c>
      <c r="W165" s="12">
        <f t="shared" si="84"/>
        <v>0</v>
      </c>
      <c r="X165" s="12">
        <f t="shared" si="79"/>
        <v>-7.0953309908476907E-3</v>
      </c>
      <c r="Y165" s="12">
        <f t="shared" si="80"/>
        <v>-1.3263420615734021E-2</v>
      </c>
      <c r="Z165" s="12">
        <f t="shared" si="81"/>
        <v>-1.2756454396407539E-2</v>
      </c>
      <c r="AA165" s="12">
        <f t="shared" si="82"/>
        <v>-2.1476600051355411E-2</v>
      </c>
      <c r="AB165" s="12">
        <f t="shared" si="85"/>
        <v>0</v>
      </c>
      <c r="AC165" s="12">
        <f t="shared" si="86"/>
        <v>0.93681789431914431</v>
      </c>
      <c r="AD165" s="12">
        <f t="shared" si="87"/>
        <v>0</v>
      </c>
      <c r="AE165" s="12">
        <f t="shared" si="88"/>
        <v>0</v>
      </c>
      <c r="AF165" s="12">
        <f t="shared" si="89"/>
        <v>0</v>
      </c>
      <c r="AG165" s="12">
        <f t="shared" si="90"/>
        <v>0</v>
      </c>
      <c r="AH165" s="12">
        <f>AC165/SUM(AC$2:AG$366)*Input!$D$12</f>
        <v>245.68608500819687</v>
      </c>
      <c r="AI165" s="12">
        <f>AD165/SUM(AC$2:AG$366)*Input!$D$12</f>
        <v>0</v>
      </c>
      <c r="AJ165" s="12">
        <f>AE165/SUM(AC$2:AG$366)*Input!$D$12</f>
        <v>0</v>
      </c>
      <c r="AK165" s="12">
        <f>AF165/SUM(AC$2:AG$366)*Input!$D$12</f>
        <v>0</v>
      </c>
      <c r="AL165" s="12">
        <f>AG165/SUM(AC$2:AG$366)*Input!$D$12</f>
        <v>0</v>
      </c>
      <c r="AM165" s="12">
        <f t="shared" si="91"/>
        <v>7.3705825502459055</v>
      </c>
      <c r="AN165" s="12">
        <f t="shared" si="92"/>
        <v>24.568608500819689</v>
      </c>
      <c r="AO165" s="12">
        <f t="shared" si="93"/>
        <v>36.852912751229532</v>
      </c>
      <c r="AP165" s="12">
        <f t="shared" si="94"/>
        <v>176.89398120590175</v>
      </c>
      <c r="AQ165" s="12">
        <f t="shared" si="95"/>
        <v>0</v>
      </c>
      <c r="AR165" s="11">
        <f t="shared" si="96"/>
        <v>245.68608500819687</v>
      </c>
    </row>
    <row r="166" spans="16:44" x14ac:dyDescent="0.3">
      <c r="P166" s="10">
        <f t="shared" si="97"/>
        <v>45456</v>
      </c>
      <c r="Q166" s="29">
        <v>18.3</v>
      </c>
      <c r="R166" s="29">
        <f t="shared" si="83"/>
        <v>4</v>
      </c>
      <c r="S166" s="12">
        <f t="shared" si="75"/>
        <v>1.0609861866589789</v>
      </c>
      <c r="T166" s="12">
        <f t="shared" si="76"/>
        <v>0.67790786498212752</v>
      </c>
      <c r="U166" s="12">
        <f t="shared" si="77"/>
        <v>0.40699471377216029</v>
      </c>
      <c r="V166" s="12">
        <f t="shared" si="78"/>
        <v>0.52104102880341097</v>
      </c>
      <c r="W166" s="12">
        <f t="shared" si="84"/>
        <v>0</v>
      </c>
      <c r="X166" s="12">
        <f t="shared" si="79"/>
        <v>-7.0953309908476907E-3</v>
      </c>
      <c r="Y166" s="12">
        <f t="shared" si="80"/>
        <v>-1.3263420615734021E-2</v>
      </c>
      <c r="Z166" s="12">
        <f t="shared" si="81"/>
        <v>-1.2756454396407539E-2</v>
      </c>
      <c r="AA166" s="12">
        <f t="shared" si="82"/>
        <v>-2.1476600051355411E-2</v>
      </c>
      <c r="AB166" s="12">
        <f t="shared" si="85"/>
        <v>0</v>
      </c>
      <c r="AC166" s="12">
        <f t="shared" si="86"/>
        <v>0.93114162952646617</v>
      </c>
      <c r="AD166" s="12">
        <f t="shared" si="87"/>
        <v>0</v>
      </c>
      <c r="AE166" s="12">
        <f t="shared" si="88"/>
        <v>0</v>
      </c>
      <c r="AF166" s="12">
        <f t="shared" si="89"/>
        <v>0</v>
      </c>
      <c r="AG166" s="12">
        <f t="shared" si="90"/>
        <v>0</v>
      </c>
      <c r="AH166" s="12">
        <f>AC166/SUM(AC$2:AG$366)*Input!$D$12</f>
        <v>244.19745068252945</v>
      </c>
      <c r="AI166" s="12">
        <f>AD166/SUM(AC$2:AG$366)*Input!$D$12</f>
        <v>0</v>
      </c>
      <c r="AJ166" s="12">
        <f>AE166/SUM(AC$2:AG$366)*Input!$D$12</f>
        <v>0</v>
      </c>
      <c r="AK166" s="12">
        <f>AF166/SUM(AC$2:AG$366)*Input!$D$12</f>
        <v>0</v>
      </c>
      <c r="AL166" s="12">
        <f>AG166/SUM(AC$2:AG$366)*Input!$D$12</f>
        <v>0</v>
      </c>
      <c r="AM166" s="12">
        <f t="shared" si="91"/>
        <v>7.3259235204758832</v>
      </c>
      <c r="AN166" s="12">
        <f t="shared" si="92"/>
        <v>24.419745068252947</v>
      </c>
      <c r="AO166" s="12">
        <f t="shared" si="93"/>
        <v>36.629617602379419</v>
      </c>
      <c r="AP166" s="12">
        <f t="shared" si="94"/>
        <v>175.8221644914212</v>
      </c>
      <c r="AQ166" s="12">
        <f t="shared" si="95"/>
        <v>0</v>
      </c>
      <c r="AR166" s="11">
        <f t="shared" si="96"/>
        <v>244.19745068252945</v>
      </c>
    </row>
    <row r="167" spans="16:44" x14ac:dyDescent="0.3">
      <c r="P167" s="10">
        <f t="shared" si="97"/>
        <v>45457</v>
      </c>
      <c r="Q167" s="29">
        <v>18.2</v>
      </c>
      <c r="R167" s="29">
        <f t="shared" si="83"/>
        <v>5</v>
      </c>
      <c r="S167" s="12">
        <f t="shared" si="75"/>
        <v>1.0609861866589789</v>
      </c>
      <c r="T167" s="12">
        <f t="shared" si="76"/>
        <v>0.67790786498212752</v>
      </c>
      <c r="U167" s="12">
        <f t="shared" si="77"/>
        <v>0.40699471377216029</v>
      </c>
      <c r="V167" s="12">
        <f t="shared" si="78"/>
        <v>0.52104102880341097</v>
      </c>
      <c r="W167" s="12">
        <f t="shared" si="84"/>
        <v>0</v>
      </c>
      <c r="X167" s="12">
        <f t="shared" si="79"/>
        <v>-7.0953309908476907E-3</v>
      </c>
      <c r="Y167" s="12">
        <f t="shared" si="80"/>
        <v>-1.3263420615734021E-2</v>
      </c>
      <c r="Z167" s="12">
        <f t="shared" si="81"/>
        <v>-1.2756454396407539E-2</v>
      </c>
      <c r="AA167" s="12">
        <f t="shared" si="82"/>
        <v>-2.1476600051355411E-2</v>
      </c>
      <c r="AB167" s="12">
        <f t="shared" si="85"/>
        <v>0</v>
      </c>
      <c r="AC167" s="12">
        <f t="shared" si="86"/>
        <v>0.93185116262555101</v>
      </c>
      <c r="AD167" s="12">
        <f t="shared" si="87"/>
        <v>0</v>
      </c>
      <c r="AE167" s="12">
        <f t="shared" si="88"/>
        <v>0</v>
      </c>
      <c r="AF167" s="12">
        <f t="shared" si="89"/>
        <v>0</v>
      </c>
      <c r="AG167" s="12">
        <f t="shared" si="90"/>
        <v>0</v>
      </c>
      <c r="AH167" s="12">
        <f>AC167/SUM(AC$2:AG$366)*Input!$D$12</f>
        <v>244.38352997323793</v>
      </c>
      <c r="AI167" s="12">
        <f>AD167/SUM(AC$2:AG$366)*Input!$D$12</f>
        <v>0</v>
      </c>
      <c r="AJ167" s="12">
        <f>AE167/SUM(AC$2:AG$366)*Input!$D$12</f>
        <v>0</v>
      </c>
      <c r="AK167" s="12">
        <f>AF167/SUM(AC$2:AG$366)*Input!$D$12</f>
        <v>0</v>
      </c>
      <c r="AL167" s="12">
        <f>AG167/SUM(AC$2:AG$366)*Input!$D$12</f>
        <v>0</v>
      </c>
      <c r="AM167" s="12">
        <f t="shared" si="91"/>
        <v>7.3315058991971371</v>
      </c>
      <c r="AN167" s="12">
        <f t="shared" si="92"/>
        <v>24.438352997323793</v>
      </c>
      <c r="AO167" s="12">
        <f t="shared" si="93"/>
        <v>36.657529495985685</v>
      </c>
      <c r="AP167" s="12">
        <f t="shared" si="94"/>
        <v>175.9561415807313</v>
      </c>
      <c r="AQ167" s="12">
        <f t="shared" si="95"/>
        <v>0</v>
      </c>
      <c r="AR167" s="11">
        <f t="shared" si="96"/>
        <v>244.3835299732379</v>
      </c>
    </row>
    <row r="168" spans="16:44" x14ac:dyDescent="0.3">
      <c r="P168" s="10">
        <f t="shared" si="97"/>
        <v>45458</v>
      </c>
      <c r="Q168" s="29">
        <v>17.3</v>
      </c>
      <c r="R168" s="29">
        <f t="shared" si="83"/>
        <v>6</v>
      </c>
      <c r="S168" s="12">
        <f t="shared" si="75"/>
        <v>0.88136675487947747</v>
      </c>
      <c r="T168" s="12">
        <f t="shared" si="76"/>
        <v>0.19607255136472959</v>
      </c>
      <c r="U168" s="12">
        <f t="shared" si="77"/>
        <v>0.65274423464211173</v>
      </c>
      <c r="V168" s="12">
        <f t="shared" si="78"/>
        <v>0.29524473618599389</v>
      </c>
      <c r="W168" s="12">
        <f t="shared" si="84"/>
        <v>0.44487676601187343</v>
      </c>
      <c r="X168" s="12">
        <f t="shared" si="79"/>
        <v>-1.236743869637378E-2</v>
      </c>
      <c r="Y168" s="12">
        <f t="shared" si="80"/>
        <v>-6.2279477920712143E-4</v>
      </c>
      <c r="Z168" s="12">
        <f t="shared" si="81"/>
        <v>-1.60343007315953E-2</v>
      </c>
      <c r="AA168" s="12">
        <f t="shared" si="82"/>
        <v>-9.762199133681506E-3</v>
      </c>
      <c r="AB168" s="12">
        <f t="shared" si="85"/>
        <v>-1.748296682554611E-2</v>
      </c>
      <c r="AC168" s="12">
        <f t="shared" si="86"/>
        <v>0.7567762731935842</v>
      </c>
      <c r="AD168" s="12">
        <f t="shared" si="87"/>
        <v>0.10489731197356508</v>
      </c>
      <c r="AE168" s="12">
        <f t="shared" si="88"/>
        <v>0</v>
      </c>
      <c r="AF168" s="12">
        <f t="shared" si="89"/>
        <v>0</v>
      </c>
      <c r="AG168" s="12">
        <f t="shared" si="90"/>
        <v>0</v>
      </c>
      <c r="AH168" s="12">
        <f>AC168/SUM(AC$2:AG$366)*Input!$D$12</f>
        <v>198.46909513097441</v>
      </c>
      <c r="AI168" s="12">
        <f>AD168/SUM(AC$2:AG$366)*Input!$D$12</f>
        <v>27.509946237095484</v>
      </c>
      <c r="AJ168" s="12">
        <f>AE168/SUM(AC$2:AG$366)*Input!$D$12</f>
        <v>0</v>
      </c>
      <c r="AK168" s="12">
        <f>AF168/SUM(AC$2:AG$366)*Input!$D$12</f>
        <v>0</v>
      </c>
      <c r="AL168" s="12">
        <f>AG168/SUM(AC$2:AG$366)*Input!$D$12</f>
        <v>0</v>
      </c>
      <c r="AM168" s="12">
        <f t="shared" si="91"/>
        <v>2.4783735348734677</v>
      </c>
      <c r="AN168" s="12">
        <f t="shared" si="92"/>
        <v>8.2612451162448934</v>
      </c>
      <c r="AO168" s="12">
        <f t="shared" si="93"/>
        <v>12.39186767436734</v>
      </c>
      <c r="AP168" s="12">
        <f t="shared" si="94"/>
        <v>202.84755504258419</v>
      </c>
      <c r="AQ168" s="12">
        <f t="shared" si="95"/>
        <v>0</v>
      </c>
      <c r="AR168" s="11">
        <f t="shared" si="96"/>
        <v>225.97904136806989</v>
      </c>
    </row>
    <row r="169" spans="16:44" x14ac:dyDescent="0.3">
      <c r="P169" s="10">
        <f t="shared" si="97"/>
        <v>45459</v>
      </c>
      <c r="Q169" s="29">
        <v>18</v>
      </c>
      <c r="R169" s="29">
        <f t="shared" si="83"/>
        <v>7</v>
      </c>
      <c r="S169" s="12">
        <f t="shared" si="75"/>
        <v>0.66609297291086311</v>
      </c>
      <c r="T169" s="12">
        <f t="shared" si="76"/>
        <v>0.19607255136472959</v>
      </c>
      <c r="U169" s="12">
        <f t="shared" si="77"/>
        <v>0.65274423464211173</v>
      </c>
      <c r="V169" s="12">
        <f t="shared" si="78"/>
        <v>0.29524473618599389</v>
      </c>
      <c r="W169" s="12">
        <f t="shared" si="84"/>
        <v>0.44487676601187343</v>
      </c>
      <c r="X169" s="12">
        <f t="shared" si="79"/>
        <v>-3.4097042997074749E-4</v>
      </c>
      <c r="Y169" s="12">
        <f t="shared" si="80"/>
        <v>-6.2279477920712143E-4</v>
      </c>
      <c r="Z169" s="12">
        <f t="shared" si="81"/>
        <v>-1.60343007315953E-2</v>
      </c>
      <c r="AA169" s="12">
        <f t="shared" si="82"/>
        <v>-9.762199133681506E-3</v>
      </c>
      <c r="AB169" s="12">
        <f t="shared" si="85"/>
        <v>-1.748296682554611E-2</v>
      </c>
      <c r="AC169" s="12">
        <f t="shared" si="86"/>
        <v>0.74832354731383888</v>
      </c>
      <c r="AD169" s="12">
        <f t="shared" si="87"/>
        <v>0.1046505170864087</v>
      </c>
      <c r="AE169" s="12">
        <f t="shared" si="88"/>
        <v>0</v>
      </c>
      <c r="AF169" s="12">
        <f t="shared" si="89"/>
        <v>0</v>
      </c>
      <c r="AG169" s="12">
        <f t="shared" si="90"/>
        <v>0</v>
      </c>
      <c r="AH169" s="12">
        <f>AC169/SUM(AC$2:AG$366)*Input!$D$12</f>
        <v>196.25231731146934</v>
      </c>
      <c r="AI169" s="12">
        <f>AD169/SUM(AC$2:AG$366)*Input!$D$12</f>
        <v>27.445222804725997</v>
      </c>
      <c r="AJ169" s="12">
        <f>AE169/SUM(AC$2:AG$366)*Input!$D$12</f>
        <v>0</v>
      </c>
      <c r="AK169" s="12">
        <f>AF169/SUM(AC$2:AG$366)*Input!$D$12</f>
        <v>0</v>
      </c>
      <c r="AL169" s="12">
        <f>AG169/SUM(AC$2:AG$366)*Input!$D$12</f>
        <v>0</v>
      </c>
      <c r="AM169" s="12">
        <f t="shared" si="91"/>
        <v>2.4725425950203608</v>
      </c>
      <c r="AN169" s="12">
        <f t="shared" si="92"/>
        <v>8.2418086500678704</v>
      </c>
      <c r="AO169" s="12">
        <f t="shared" si="93"/>
        <v>12.362712975101806</v>
      </c>
      <c r="AP169" s="12">
        <f t="shared" si="94"/>
        <v>200.6204758960053</v>
      </c>
      <c r="AQ169" s="12">
        <f t="shared" si="95"/>
        <v>0</v>
      </c>
      <c r="AR169" s="11">
        <f t="shared" si="96"/>
        <v>223.69754011619534</v>
      </c>
    </row>
    <row r="170" spans="16:44" x14ac:dyDescent="0.3">
      <c r="P170" s="10">
        <f t="shared" si="97"/>
        <v>45460</v>
      </c>
      <c r="Q170" s="29">
        <v>21.6</v>
      </c>
      <c r="R170" s="29">
        <f t="shared" si="83"/>
        <v>1</v>
      </c>
      <c r="S170" s="12">
        <f t="shared" si="75"/>
        <v>1.0609861866589789</v>
      </c>
      <c r="T170" s="12">
        <f t="shared" si="76"/>
        <v>0.67790786498212752</v>
      </c>
      <c r="U170" s="12">
        <f t="shared" si="77"/>
        <v>0.40699471377216029</v>
      </c>
      <c r="V170" s="12">
        <f t="shared" si="78"/>
        <v>0.52104102880341097</v>
      </c>
      <c r="W170" s="12">
        <f t="shared" si="84"/>
        <v>0</v>
      </c>
      <c r="X170" s="12">
        <f t="shared" si="79"/>
        <v>-7.0953309908476907E-3</v>
      </c>
      <c r="Y170" s="12">
        <f t="shared" si="80"/>
        <v>-1.3263420615734021E-2</v>
      </c>
      <c r="Z170" s="12">
        <f t="shared" si="81"/>
        <v>-1.2756454396407539E-2</v>
      </c>
      <c r="AA170" s="12">
        <f t="shared" si="82"/>
        <v>-2.1476600051355411E-2</v>
      </c>
      <c r="AB170" s="12">
        <f t="shared" si="85"/>
        <v>0</v>
      </c>
      <c r="AC170" s="12">
        <f t="shared" si="86"/>
        <v>0.90772703725666881</v>
      </c>
      <c r="AD170" s="12">
        <f t="shared" si="87"/>
        <v>0</v>
      </c>
      <c r="AE170" s="12">
        <f t="shared" si="88"/>
        <v>0</v>
      </c>
      <c r="AF170" s="12">
        <f t="shared" si="89"/>
        <v>0</v>
      </c>
      <c r="AG170" s="12">
        <f t="shared" si="90"/>
        <v>0</v>
      </c>
      <c r="AH170" s="12">
        <f>AC170/SUM(AC$2:AG$366)*Input!$D$12</f>
        <v>238.05683408915135</v>
      </c>
      <c r="AI170" s="12">
        <f>AD170/SUM(AC$2:AG$366)*Input!$D$12</f>
        <v>0</v>
      </c>
      <c r="AJ170" s="12">
        <f>AE170/SUM(AC$2:AG$366)*Input!$D$12</f>
        <v>0</v>
      </c>
      <c r="AK170" s="12">
        <f>AF170/SUM(AC$2:AG$366)*Input!$D$12</f>
        <v>0</v>
      </c>
      <c r="AL170" s="12">
        <f>AG170/SUM(AC$2:AG$366)*Input!$D$12</f>
        <v>0</v>
      </c>
      <c r="AM170" s="12">
        <f t="shared" si="91"/>
        <v>7.1417050226745404</v>
      </c>
      <c r="AN170" s="12">
        <f t="shared" si="92"/>
        <v>23.805683408915137</v>
      </c>
      <c r="AO170" s="12">
        <f t="shared" si="93"/>
        <v>35.708525113372701</v>
      </c>
      <c r="AP170" s="12">
        <f t="shared" si="94"/>
        <v>171.40092054418898</v>
      </c>
      <c r="AQ170" s="12">
        <f t="shared" si="95"/>
        <v>0</v>
      </c>
      <c r="AR170" s="11">
        <f t="shared" si="96"/>
        <v>238.05683408915135</v>
      </c>
    </row>
    <row r="171" spans="16:44" x14ac:dyDescent="0.3">
      <c r="P171" s="10">
        <f t="shared" si="97"/>
        <v>45461</v>
      </c>
      <c r="Q171" s="29">
        <v>21.6</v>
      </c>
      <c r="R171" s="29">
        <f t="shared" si="83"/>
        <v>2</v>
      </c>
      <c r="S171" s="12">
        <f t="shared" si="75"/>
        <v>1.0609861866589789</v>
      </c>
      <c r="T171" s="12">
        <f t="shared" si="76"/>
        <v>0.67790786498212752</v>
      </c>
      <c r="U171" s="12">
        <f t="shared" si="77"/>
        <v>0.40699471377216029</v>
      </c>
      <c r="V171" s="12">
        <f t="shared" si="78"/>
        <v>0.52104102880341097</v>
      </c>
      <c r="W171" s="12">
        <f t="shared" si="84"/>
        <v>0</v>
      </c>
      <c r="X171" s="12">
        <f t="shared" si="79"/>
        <v>-7.0953309908476907E-3</v>
      </c>
      <c r="Y171" s="12">
        <f t="shared" si="80"/>
        <v>-1.3263420615734021E-2</v>
      </c>
      <c r="Z171" s="12">
        <f t="shared" si="81"/>
        <v>-1.2756454396407539E-2</v>
      </c>
      <c r="AA171" s="12">
        <f t="shared" si="82"/>
        <v>-2.1476600051355411E-2</v>
      </c>
      <c r="AB171" s="12">
        <f t="shared" si="85"/>
        <v>0</v>
      </c>
      <c r="AC171" s="12">
        <f t="shared" si="86"/>
        <v>0.90772703725666881</v>
      </c>
      <c r="AD171" s="12">
        <f t="shared" si="87"/>
        <v>0</v>
      </c>
      <c r="AE171" s="12">
        <f t="shared" si="88"/>
        <v>0</v>
      </c>
      <c r="AF171" s="12">
        <f t="shared" si="89"/>
        <v>0</v>
      </c>
      <c r="AG171" s="12">
        <f t="shared" si="90"/>
        <v>0</v>
      </c>
      <c r="AH171" s="12">
        <f>AC171/SUM(AC$2:AG$366)*Input!$D$12</f>
        <v>238.05683408915135</v>
      </c>
      <c r="AI171" s="12">
        <f>AD171/SUM(AC$2:AG$366)*Input!$D$12</f>
        <v>0</v>
      </c>
      <c r="AJ171" s="12">
        <f>AE171/SUM(AC$2:AG$366)*Input!$D$12</f>
        <v>0</v>
      </c>
      <c r="AK171" s="12">
        <f>AF171/SUM(AC$2:AG$366)*Input!$D$12</f>
        <v>0</v>
      </c>
      <c r="AL171" s="12">
        <f>AG171/SUM(AC$2:AG$366)*Input!$D$12</f>
        <v>0</v>
      </c>
      <c r="AM171" s="12">
        <f t="shared" si="91"/>
        <v>7.1417050226745404</v>
      </c>
      <c r="AN171" s="12">
        <f t="shared" si="92"/>
        <v>23.805683408915137</v>
      </c>
      <c r="AO171" s="12">
        <f t="shared" si="93"/>
        <v>35.708525113372701</v>
      </c>
      <c r="AP171" s="12">
        <f t="shared" si="94"/>
        <v>171.40092054418898</v>
      </c>
      <c r="AQ171" s="12">
        <f t="shared" si="95"/>
        <v>0</v>
      </c>
      <c r="AR171" s="11">
        <f t="shared" si="96"/>
        <v>238.05683408915135</v>
      </c>
    </row>
    <row r="172" spans="16:44" x14ac:dyDescent="0.3">
      <c r="P172" s="10">
        <f t="shared" si="97"/>
        <v>45462</v>
      </c>
      <c r="Q172" s="29">
        <v>22</v>
      </c>
      <c r="R172" s="29">
        <f t="shared" si="83"/>
        <v>3</v>
      </c>
      <c r="S172" s="12">
        <f t="shared" si="75"/>
        <v>1.0609861866589789</v>
      </c>
      <c r="T172" s="12">
        <f t="shared" si="76"/>
        <v>0.67790786498212752</v>
      </c>
      <c r="U172" s="12">
        <f t="shared" si="77"/>
        <v>0.40699471377216029</v>
      </c>
      <c r="V172" s="12">
        <f t="shared" si="78"/>
        <v>0.52104102880341097</v>
      </c>
      <c r="W172" s="12">
        <f t="shared" si="84"/>
        <v>0</v>
      </c>
      <c r="X172" s="12">
        <f t="shared" si="79"/>
        <v>-7.0953309908476907E-3</v>
      </c>
      <c r="Y172" s="12">
        <f t="shared" si="80"/>
        <v>-1.3263420615734021E-2</v>
      </c>
      <c r="Z172" s="12">
        <f t="shared" si="81"/>
        <v>-1.2756454396407539E-2</v>
      </c>
      <c r="AA172" s="12">
        <f t="shared" si="82"/>
        <v>-2.1476600051355411E-2</v>
      </c>
      <c r="AB172" s="12">
        <f t="shared" si="85"/>
        <v>0</v>
      </c>
      <c r="AC172" s="12">
        <f t="shared" si="86"/>
        <v>0.90488890486032969</v>
      </c>
      <c r="AD172" s="12">
        <f t="shared" si="87"/>
        <v>0</v>
      </c>
      <c r="AE172" s="12">
        <f t="shared" si="88"/>
        <v>0</v>
      </c>
      <c r="AF172" s="12">
        <f t="shared" si="89"/>
        <v>0</v>
      </c>
      <c r="AG172" s="12">
        <f t="shared" si="90"/>
        <v>0</v>
      </c>
      <c r="AH172" s="12">
        <f>AC172/SUM(AC$2:AG$366)*Input!$D$12</f>
        <v>237.31251692631758</v>
      </c>
      <c r="AI172" s="12">
        <f>AD172/SUM(AC$2:AG$366)*Input!$D$12</f>
        <v>0</v>
      </c>
      <c r="AJ172" s="12">
        <f>AE172/SUM(AC$2:AG$366)*Input!$D$12</f>
        <v>0</v>
      </c>
      <c r="AK172" s="12">
        <f>AF172/SUM(AC$2:AG$366)*Input!$D$12</f>
        <v>0</v>
      </c>
      <c r="AL172" s="12">
        <f>AG172/SUM(AC$2:AG$366)*Input!$D$12</f>
        <v>0</v>
      </c>
      <c r="AM172" s="12">
        <f t="shared" si="91"/>
        <v>7.1193755077895275</v>
      </c>
      <c r="AN172" s="12">
        <f t="shared" si="92"/>
        <v>23.731251692631758</v>
      </c>
      <c r="AO172" s="12">
        <f t="shared" si="93"/>
        <v>35.596877538947638</v>
      </c>
      <c r="AP172" s="12">
        <f t="shared" si="94"/>
        <v>170.86501218694866</v>
      </c>
      <c r="AQ172" s="12">
        <f t="shared" si="95"/>
        <v>0</v>
      </c>
      <c r="AR172" s="11">
        <f t="shared" si="96"/>
        <v>237.31251692631758</v>
      </c>
    </row>
    <row r="173" spans="16:44" x14ac:dyDescent="0.3">
      <c r="P173" s="10">
        <f t="shared" si="97"/>
        <v>45463</v>
      </c>
      <c r="Q173" s="29">
        <v>22.8</v>
      </c>
      <c r="R173" s="29">
        <f t="shared" si="83"/>
        <v>4</v>
      </c>
      <c r="S173" s="12">
        <f t="shared" si="75"/>
        <v>1.0609861866589789</v>
      </c>
      <c r="T173" s="12">
        <f t="shared" si="76"/>
        <v>0.67790786498212752</v>
      </c>
      <c r="U173" s="12">
        <f t="shared" si="77"/>
        <v>0.40699471377216029</v>
      </c>
      <c r="V173" s="12">
        <f t="shared" si="78"/>
        <v>0.52104102880341097</v>
      </c>
      <c r="W173" s="12">
        <f t="shared" si="84"/>
        <v>0</v>
      </c>
      <c r="X173" s="12">
        <f t="shared" si="79"/>
        <v>-7.0953309908476907E-3</v>
      </c>
      <c r="Y173" s="12">
        <f t="shared" si="80"/>
        <v>-1.3263420615734021E-2</v>
      </c>
      <c r="Z173" s="12">
        <f t="shared" si="81"/>
        <v>-1.2756454396407539E-2</v>
      </c>
      <c r="AA173" s="12">
        <f t="shared" si="82"/>
        <v>-2.1476600051355411E-2</v>
      </c>
      <c r="AB173" s="12">
        <f t="shared" si="85"/>
        <v>0</v>
      </c>
      <c r="AC173" s="12">
        <f t="shared" si="86"/>
        <v>0.89921264006765156</v>
      </c>
      <c r="AD173" s="12">
        <f t="shared" si="87"/>
        <v>0</v>
      </c>
      <c r="AE173" s="12">
        <f t="shared" si="88"/>
        <v>0</v>
      </c>
      <c r="AF173" s="12">
        <f t="shared" si="89"/>
        <v>0</v>
      </c>
      <c r="AG173" s="12">
        <f t="shared" si="90"/>
        <v>0</v>
      </c>
      <c r="AH173" s="12">
        <f>AC173/SUM(AC$2:AG$366)*Input!$D$12</f>
        <v>235.82388260065019</v>
      </c>
      <c r="AI173" s="12">
        <f>AD173/SUM(AC$2:AG$366)*Input!$D$12</f>
        <v>0</v>
      </c>
      <c r="AJ173" s="12">
        <f>AE173/SUM(AC$2:AG$366)*Input!$D$12</f>
        <v>0</v>
      </c>
      <c r="AK173" s="12">
        <f>AF173/SUM(AC$2:AG$366)*Input!$D$12</f>
        <v>0</v>
      </c>
      <c r="AL173" s="12">
        <f>AG173/SUM(AC$2:AG$366)*Input!$D$12</f>
        <v>0</v>
      </c>
      <c r="AM173" s="12">
        <f t="shared" si="91"/>
        <v>7.0747164780195053</v>
      </c>
      <c r="AN173" s="12">
        <f t="shared" si="92"/>
        <v>23.58238826006502</v>
      </c>
      <c r="AO173" s="12">
        <f t="shared" si="93"/>
        <v>35.373582390097525</v>
      </c>
      <c r="AP173" s="12">
        <f t="shared" si="94"/>
        <v>169.79319547246814</v>
      </c>
      <c r="AQ173" s="12">
        <f t="shared" si="95"/>
        <v>0</v>
      </c>
      <c r="AR173" s="11">
        <f t="shared" si="96"/>
        <v>235.82388260065019</v>
      </c>
    </row>
    <row r="174" spans="16:44" x14ac:dyDescent="0.3">
      <c r="P174" s="10">
        <f t="shared" si="97"/>
        <v>45464</v>
      </c>
      <c r="Q174" s="29">
        <v>17.5</v>
      </c>
      <c r="R174" s="29">
        <f t="shared" si="83"/>
        <v>5</v>
      </c>
      <c r="S174" s="12">
        <f t="shared" si="75"/>
        <v>1.0609861866589789</v>
      </c>
      <c r="T174" s="12">
        <f t="shared" si="76"/>
        <v>0.67790786498212752</v>
      </c>
      <c r="U174" s="12">
        <f t="shared" si="77"/>
        <v>0.40699471377216029</v>
      </c>
      <c r="V174" s="12">
        <f t="shared" si="78"/>
        <v>0.52104102880341097</v>
      </c>
      <c r="W174" s="12">
        <f t="shared" si="84"/>
        <v>0</v>
      </c>
      <c r="X174" s="12">
        <f t="shared" si="79"/>
        <v>-7.0953309908476907E-3</v>
      </c>
      <c r="Y174" s="12">
        <f t="shared" si="80"/>
        <v>-1.3263420615734021E-2</v>
      </c>
      <c r="Z174" s="12">
        <f t="shared" si="81"/>
        <v>-1.2756454396407539E-2</v>
      </c>
      <c r="AA174" s="12">
        <f t="shared" si="82"/>
        <v>-2.1476600051355411E-2</v>
      </c>
      <c r="AB174" s="12">
        <f t="shared" si="85"/>
        <v>0</v>
      </c>
      <c r="AC174" s="12">
        <f t="shared" si="86"/>
        <v>0.93681789431914431</v>
      </c>
      <c r="AD174" s="12">
        <f t="shared" si="87"/>
        <v>0</v>
      </c>
      <c r="AE174" s="12">
        <f t="shared" si="88"/>
        <v>0</v>
      </c>
      <c r="AF174" s="12">
        <f t="shared" si="89"/>
        <v>0</v>
      </c>
      <c r="AG174" s="12">
        <f t="shared" si="90"/>
        <v>0</v>
      </c>
      <c r="AH174" s="12">
        <f>AC174/SUM(AC$2:AG$366)*Input!$D$12</f>
        <v>245.68608500819687</v>
      </c>
      <c r="AI174" s="12">
        <f>AD174/SUM(AC$2:AG$366)*Input!$D$12</f>
        <v>0</v>
      </c>
      <c r="AJ174" s="12">
        <f>AE174/SUM(AC$2:AG$366)*Input!$D$12</f>
        <v>0</v>
      </c>
      <c r="AK174" s="12">
        <f>AF174/SUM(AC$2:AG$366)*Input!$D$12</f>
        <v>0</v>
      </c>
      <c r="AL174" s="12">
        <f>AG174/SUM(AC$2:AG$366)*Input!$D$12</f>
        <v>0</v>
      </c>
      <c r="AM174" s="12">
        <f t="shared" si="91"/>
        <v>7.3705825502459055</v>
      </c>
      <c r="AN174" s="12">
        <f t="shared" si="92"/>
        <v>24.568608500819689</v>
      </c>
      <c r="AO174" s="12">
        <f t="shared" si="93"/>
        <v>36.852912751229532</v>
      </c>
      <c r="AP174" s="12">
        <f t="shared" si="94"/>
        <v>176.89398120590175</v>
      </c>
      <c r="AQ174" s="12">
        <f t="shared" si="95"/>
        <v>0</v>
      </c>
      <c r="AR174" s="11">
        <f t="shared" si="96"/>
        <v>245.68608500819687</v>
      </c>
    </row>
    <row r="175" spans="16:44" x14ac:dyDescent="0.3">
      <c r="P175" s="10">
        <f t="shared" si="97"/>
        <v>45465</v>
      </c>
      <c r="Q175" s="29">
        <v>12.7</v>
      </c>
      <c r="R175" s="29">
        <f t="shared" si="83"/>
        <v>6</v>
      </c>
      <c r="S175" s="12">
        <f t="shared" si="75"/>
        <v>0.88136675487947747</v>
      </c>
      <c r="T175" s="12">
        <f t="shared" si="76"/>
        <v>0.40529111994771311</v>
      </c>
      <c r="U175" s="12">
        <f t="shared" si="77"/>
        <v>1.4791569663107089</v>
      </c>
      <c r="V175" s="12">
        <f t="shared" si="78"/>
        <v>1.31124751273035</v>
      </c>
      <c r="W175" s="12">
        <f t="shared" si="84"/>
        <v>1.9424956480203619</v>
      </c>
      <c r="X175" s="12">
        <f t="shared" si="79"/>
        <v>-1.236743869637378E-2</v>
      </c>
      <c r="Y175" s="12">
        <f t="shared" si="80"/>
        <v>-1.3226323007097701E-2</v>
      </c>
      <c r="Z175" s="12">
        <f t="shared" si="81"/>
        <v>-6.6119920832722404E-2</v>
      </c>
      <c r="AA175" s="12">
        <f t="shared" si="82"/>
        <v>-7.5310765362349638E-2</v>
      </c>
      <c r="AB175" s="12">
        <f t="shared" si="85"/>
        <v>-0.1200596025795522</v>
      </c>
      <c r="AC175" s="12">
        <f t="shared" si="86"/>
        <v>0.8212840913875481</v>
      </c>
      <c r="AD175" s="12">
        <f t="shared" si="87"/>
        <v>0.13434505053256168</v>
      </c>
      <c r="AE175" s="12">
        <f t="shared" si="88"/>
        <v>0</v>
      </c>
      <c r="AF175" s="12">
        <f t="shared" si="89"/>
        <v>0</v>
      </c>
      <c r="AG175" s="12">
        <f t="shared" si="90"/>
        <v>0</v>
      </c>
      <c r="AH175" s="12">
        <f>AC175/SUM(AC$2:AG$366)*Input!$D$12</f>
        <v>215.38665552409</v>
      </c>
      <c r="AI175" s="12">
        <f>AD175/SUM(AC$2:AG$366)*Input!$D$12</f>
        <v>35.232791458965359</v>
      </c>
      <c r="AJ175" s="12">
        <f>AE175/SUM(AC$2:AG$366)*Input!$D$12</f>
        <v>0</v>
      </c>
      <c r="AK175" s="12">
        <f>AF175/SUM(AC$2:AG$366)*Input!$D$12</f>
        <v>0</v>
      </c>
      <c r="AL175" s="12">
        <f>AG175/SUM(AC$2:AG$366)*Input!$D$12</f>
        <v>0</v>
      </c>
      <c r="AM175" s="12">
        <f t="shared" si="91"/>
        <v>3.1741253566635468</v>
      </c>
      <c r="AN175" s="12">
        <f t="shared" si="92"/>
        <v>10.580417855545157</v>
      </c>
      <c r="AO175" s="12">
        <f t="shared" si="93"/>
        <v>15.870626783317736</v>
      </c>
      <c r="AP175" s="12">
        <f t="shared" si="94"/>
        <v>220.99427698752893</v>
      </c>
      <c r="AQ175" s="12">
        <f t="shared" si="95"/>
        <v>0</v>
      </c>
      <c r="AR175" s="11">
        <f t="shared" si="96"/>
        <v>250.61944698305538</v>
      </c>
    </row>
    <row r="176" spans="16:44" x14ac:dyDescent="0.3">
      <c r="P176" s="10">
        <f t="shared" si="97"/>
        <v>45466</v>
      </c>
      <c r="Q176" s="29">
        <v>16.100000000000001</v>
      </c>
      <c r="R176" s="29">
        <f t="shared" si="83"/>
        <v>7</v>
      </c>
      <c r="S176" s="12">
        <f t="shared" si="75"/>
        <v>0.88136675487947747</v>
      </c>
      <c r="T176" s="12">
        <f t="shared" si="76"/>
        <v>0.40529111994771311</v>
      </c>
      <c r="U176" s="12">
        <f t="shared" si="77"/>
        <v>1.4791569663107089</v>
      </c>
      <c r="V176" s="12">
        <f t="shared" si="78"/>
        <v>0.29524473618599389</v>
      </c>
      <c r="W176" s="12">
        <f t="shared" si="84"/>
        <v>0.44487676601187343</v>
      </c>
      <c r="X176" s="12">
        <f t="shared" si="79"/>
        <v>-1.236743869637378E-2</v>
      </c>
      <c r="Y176" s="12">
        <f t="shared" si="80"/>
        <v>-1.3226323007097701E-2</v>
      </c>
      <c r="Z176" s="12">
        <f t="shared" si="81"/>
        <v>-6.6119920832722404E-2</v>
      </c>
      <c r="AA176" s="12">
        <f t="shared" si="82"/>
        <v>-9.762199133681506E-3</v>
      </c>
      <c r="AB176" s="12">
        <f t="shared" si="85"/>
        <v>-1.748296682554611E-2</v>
      </c>
      <c r="AC176" s="12">
        <f t="shared" si="86"/>
        <v>0.7736043996789661</v>
      </c>
      <c r="AD176" s="12">
        <f t="shared" si="87"/>
        <v>0.10888781758788044</v>
      </c>
      <c r="AE176" s="12">
        <f t="shared" si="88"/>
        <v>0</v>
      </c>
      <c r="AF176" s="12">
        <f t="shared" si="89"/>
        <v>0</v>
      </c>
      <c r="AG176" s="12">
        <f t="shared" si="90"/>
        <v>0</v>
      </c>
      <c r="AH176" s="12">
        <f>AC176/SUM(AC$2:AG$366)*Input!$D$12</f>
        <v>202.88237175526544</v>
      </c>
      <c r="AI176" s="12">
        <f>AD176/SUM(AC$2:AG$366)*Input!$D$12</f>
        <v>28.556480155298345</v>
      </c>
      <c r="AJ176" s="12">
        <f>AE176/SUM(AC$2:AG$366)*Input!$D$12</f>
        <v>0</v>
      </c>
      <c r="AK176" s="12">
        <f>AF176/SUM(AC$2:AG$366)*Input!$D$12</f>
        <v>0</v>
      </c>
      <c r="AL176" s="12">
        <f>AG176/SUM(AC$2:AG$366)*Input!$D$12</f>
        <v>0</v>
      </c>
      <c r="AM176" s="12">
        <f t="shared" si="91"/>
        <v>2.5726558698466984</v>
      </c>
      <c r="AN176" s="12">
        <f t="shared" si="92"/>
        <v>8.5755195661556627</v>
      </c>
      <c r="AO176" s="12">
        <f t="shared" si="93"/>
        <v>12.863279349233494</v>
      </c>
      <c r="AP176" s="12">
        <f t="shared" si="94"/>
        <v>207.42739712532793</v>
      </c>
      <c r="AQ176" s="12">
        <f t="shared" si="95"/>
        <v>0</v>
      </c>
      <c r="AR176" s="11">
        <f t="shared" si="96"/>
        <v>231.43885191056378</v>
      </c>
    </row>
    <row r="177" spans="16:44" x14ac:dyDescent="0.3">
      <c r="P177" s="10">
        <f t="shared" si="97"/>
        <v>45467</v>
      </c>
      <c r="Q177" s="29">
        <v>20.399999999999999</v>
      </c>
      <c r="R177" s="29">
        <f t="shared" si="83"/>
        <v>1</v>
      </c>
      <c r="S177" s="12">
        <f t="shared" si="75"/>
        <v>1.0609861866589789</v>
      </c>
      <c r="T177" s="12">
        <f t="shared" si="76"/>
        <v>0.67790786498212752</v>
      </c>
      <c r="U177" s="12">
        <f t="shared" si="77"/>
        <v>0.40699471377216029</v>
      </c>
      <c r="V177" s="12">
        <f t="shared" si="78"/>
        <v>0.52104102880341097</v>
      </c>
      <c r="W177" s="12">
        <f t="shared" si="84"/>
        <v>0</v>
      </c>
      <c r="X177" s="12">
        <f t="shared" si="79"/>
        <v>-7.0953309908476907E-3</v>
      </c>
      <c r="Y177" s="12">
        <f t="shared" si="80"/>
        <v>-1.3263420615734021E-2</v>
      </c>
      <c r="Z177" s="12">
        <f t="shared" si="81"/>
        <v>-1.2756454396407539E-2</v>
      </c>
      <c r="AA177" s="12">
        <f t="shared" si="82"/>
        <v>-2.1476600051355411E-2</v>
      </c>
      <c r="AB177" s="12">
        <f t="shared" si="85"/>
        <v>0</v>
      </c>
      <c r="AC177" s="12">
        <f t="shared" si="86"/>
        <v>0.91624143444568606</v>
      </c>
      <c r="AD177" s="12">
        <f t="shared" si="87"/>
        <v>0</v>
      </c>
      <c r="AE177" s="12">
        <f t="shared" si="88"/>
        <v>0</v>
      </c>
      <c r="AF177" s="12">
        <f t="shared" si="89"/>
        <v>0</v>
      </c>
      <c r="AG177" s="12">
        <f t="shared" si="90"/>
        <v>0</v>
      </c>
      <c r="AH177" s="12">
        <f>AC177/SUM(AC$2:AG$366)*Input!$D$12</f>
        <v>240.28978557765245</v>
      </c>
      <c r="AI177" s="12">
        <f>AD177/SUM(AC$2:AG$366)*Input!$D$12</f>
        <v>0</v>
      </c>
      <c r="AJ177" s="12">
        <f>AE177/SUM(AC$2:AG$366)*Input!$D$12</f>
        <v>0</v>
      </c>
      <c r="AK177" s="12">
        <f>AF177/SUM(AC$2:AG$366)*Input!$D$12</f>
        <v>0</v>
      </c>
      <c r="AL177" s="12">
        <f>AG177/SUM(AC$2:AG$366)*Input!$D$12</f>
        <v>0</v>
      </c>
      <c r="AM177" s="12">
        <f t="shared" si="91"/>
        <v>7.2086935673295729</v>
      </c>
      <c r="AN177" s="12">
        <f t="shared" si="92"/>
        <v>24.028978557765246</v>
      </c>
      <c r="AO177" s="12">
        <f t="shared" si="93"/>
        <v>36.043467836647864</v>
      </c>
      <c r="AP177" s="12">
        <f t="shared" si="94"/>
        <v>173.00864561590976</v>
      </c>
      <c r="AQ177" s="12">
        <f t="shared" si="95"/>
        <v>0</v>
      </c>
      <c r="AR177" s="11">
        <f t="shared" si="96"/>
        <v>240.28978557765242</v>
      </c>
    </row>
    <row r="178" spans="16:44" x14ac:dyDescent="0.3">
      <c r="P178" s="10">
        <f t="shared" si="97"/>
        <v>45468</v>
      </c>
      <c r="Q178" s="29">
        <v>24.8</v>
      </c>
      <c r="R178" s="29">
        <f t="shared" si="83"/>
        <v>2</v>
      </c>
      <c r="S178" s="12">
        <f t="shared" si="75"/>
        <v>1.0609861866589789</v>
      </c>
      <c r="T178" s="12">
        <f t="shared" si="76"/>
        <v>0.67790786498212752</v>
      </c>
      <c r="U178" s="12">
        <f t="shared" si="77"/>
        <v>0.40699471377216029</v>
      </c>
      <c r="V178" s="12">
        <f t="shared" si="78"/>
        <v>0.52104102880341097</v>
      </c>
      <c r="W178" s="12">
        <f t="shared" si="84"/>
        <v>0</v>
      </c>
      <c r="X178" s="12">
        <f t="shared" si="79"/>
        <v>-7.0953309908476907E-3</v>
      </c>
      <c r="Y178" s="12">
        <f t="shared" si="80"/>
        <v>-1.3263420615734021E-2</v>
      </c>
      <c r="Z178" s="12">
        <f t="shared" si="81"/>
        <v>-1.2756454396407539E-2</v>
      </c>
      <c r="AA178" s="12">
        <f t="shared" si="82"/>
        <v>-2.1476600051355411E-2</v>
      </c>
      <c r="AB178" s="12">
        <f t="shared" si="85"/>
        <v>0</v>
      </c>
      <c r="AC178" s="12">
        <f t="shared" si="86"/>
        <v>0.88502197808595617</v>
      </c>
      <c r="AD178" s="12">
        <f t="shared" si="87"/>
        <v>0</v>
      </c>
      <c r="AE178" s="12">
        <f t="shared" si="88"/>
        <v>0</v>
      </c>
      <c r="AF178" s="12">
        <f t="shared" si="89"/>
        <v>0</v>
      </c>
      <c r="AG178" s="12">
        <f t="shared" si="90"/>
        <v>0</v>
      </c>
      <c r="AH178" s="12">
        <f>AC178/SUM(AC$2:AG$366)*Input!$D$12</f>
        <v>232.10229678648159</v>
      </c>
      <c r="AI178" s="12">
        <f>AD178/SUM(AC$2:AG$366)*Input!$D$12</f>
        <v>0</v>
      </c>
      <c r="AJ178" s="12">
        <f>AE178/SUM(AC$2:AG$366)*Input!$D$12</f>
        <v>0</v>
      </c>
      <c r="AK178" s="12">
        <f>AF178/SUM(AC$2:AG$366)*Input!$D$12</f>
        <v>0</v>
      </c>
      <c r="AL178" s="12">
        <f>AG178/SUM(AC$2:AG$366)*Input!$D$12</f>
        <v>0</v>
      </c>
      <c r="AM178" s="12">
        <f t="shared" si="91"/>
        <v>6.9630689035944471</v>
      </c>
      <c r="AN178" s="12">
        <f t="shared" si="92"/>
        <v>23.210229678648162</v>
      </c>
      <c r="AO178" s="12">
        <f t="shared" si="93"/>
        <v>34.815344517972235</v>
      </c>
      <c r="AP178" s="12">
        <f t="shared" si="94"/>
        <v>167.11365368626673</v>
      </c>
      <c r="AQ178" s="12">
        <f t="shared" si="95"/>
        <v>0</v>
      </c>
      <c r="AR178" s="11">
        <f t="shared" si="96"/>
        <v>232.10229678648159</v>
      </c>
    </row>
    <row r="179" spans="16:44" x14ac:dyDescent="0.3">
      <c r="P179" s="10">
        <f t="shared" si="97"/>
        <v>45469</v>
      </c>
      <c r="Q179" s="29">
        <v>18.600000000000001</v>
      </c>
      <c r="R179" s="29">
        <f t="shared" si="83"/>
        <v>3</v>
      </c>
      <c r="S179" s="12">
        <f t="shared" si="75"/>
        <v>1.0609861866589789</v>
      </c>
      <c r="T179" s="12">
        <f t="shared" si="76"/>
        <v>0.67790786498212752</v>
      </c>
      <c r="U179" s="12">
        <f t="shared" si="77"/>
        <v>0.40699471377216029</v>
      </c>
      <c r="V179" s="12">
        <f t="shared" si="78"/>
        <v>0.52104102880341097</v>
      </c>
      <c r="W179" s="12">
        <f t="shared" si="84"/>
        <v>0</v>
      </c>
      <c r="X179" s="12">
        <f t="shared" si="79"/>
        <v>-7.0953309908476907E-3</v>
      </c>
      <c r="Y179" s="12">
        <f t="shared" si="80"/>
        <v>-1.3263420615734021E-2</v>
      </c>
      <c r="Z179" s="12">
        <f t="shared" si="81"/>
        <v>-1.2756454396407539E-2</v>
      </c>
      <c r="AA179" s="12">
        <f t="shared" si="82"/>
        <v>-2.1476600051355411E-2</v>
      </c>
      <c r="AB179" s="12">
        <f t="shared" si="85"/>
        <v>0</v>
      </c>
      <c r="AC179" s="12">
        <f t="shared" si="86"/>
        <v>0.92901303022921189</v>
      </c>
      <c r="AD179" s="12">
        <f t="shared" si="87"/>
        <v>0</v>
      </c>
      <c r="AE179" s="12">
        <f t="shared" si="88"/>
        <v>0</v>
      </c>
      <c r="AF179" s="12">
        <f t="shared" si="89"/>
        <v>0</v>
      </c>
      <c r="AG179" s="12">
        <f t="shared" si="90"/>
        <v>0</v>
      </c>
      <c r="AH179" s="12">
        <f>AC179/SUM(AC$2:AG$366)*Input!$D$12</f>
        <v>243.63921281040416</v>
      </c>
      <c r="AI179" s="12">
        <f>AD179/SUM(AC$2:AG$366)*Input!$D$12</f>
        <v>0</v>
      </c>
      <c r="AJ179" s="12">
        <f>AE179/SUM(AC$2:AG$366)*Input!$D$12</f>
        <v>0</v>
      </c>
      <c r="AK179" s="12">
        <f>AF179/SUM(AC$2:AG$366)*Input!$D$12</f>
        <v>0</v>
      </c>
      <c r="AL179" s="12">
        <f>AG179/SUM(AC$2:AG$366)*Input!$D$12</f>
        <v>0</v>
      </c>
      <c r="AM179" s="12">
        <f t="shared" si="91"/>
        <v>7.3091763843121242</v>
      </c>
      <c r="AN179" s="12">
        <f t="shared" si="92"/>
        <v>24.363921281040419</v>
      </c>
      <c r="AO179" s="12">
        <f t="shared" si="93"/>
        <v>36.545881921560621</v>
      </c>
      <c r="AP179" s="12">
        <f t="shared" si="94"/>
        <v>175.42023322349098</v>
      </c>
      <c r="AQ179" s="12">
        <f t="shared" si="95"/>
        <v>0</v>
      </c>
      <c r="AR179" s="11">
        <f t="shared" si="96"/>
        <v>243.63921281040416</v>
      </c>
    </row>
    <row r="180" spans="16:44" x14ac:dyDescent="0.3">
      <c r="P180" s="10">
        <f t="shared" si="97"/>
        <v>45470</v>
      </c>
      <c r="Q180" s="29">
        <v>19.399999999999999</v>
      </c>
      <c r="R180" s="29">
        <f t="shared" si="83"/>
        <v>4</v>
      </c>
      <c r="S180" s="12">
        <f t="shared" si="75"/>
        <v>1.0609861866589789</v>
      </c>
      <c r="T180" s="12">
        <f t="shared" si="76"/>
        <v>0.67790786498212752</v>
      </c>
      <c r="U180" s="12">
        <f t="shared" si="77"/>
        <v>0.40699471377216029</v>
      </c>
      <c r="V180" s="12">
        <f t="shared" si="78"/>
        <v>0.52104102880341097</v>
      </c>
      <c r="W180" s="12">
        <f t="shared" si="84"/>
        <v>0</v>
      </c>
      <c r="X180" s="12">
        <f t="shared" si="79"/>
        <v>-7.0953309908476907E-3</v>
      </c>
      <c r="Y180" s="12">
        <f t="shared" si="80"/>
        <v>-1.3263420615734021E-2</v>
      </c>
      <c r="Z180" s="12">
        <f t="shared" si="81"/>
        <v>-1.2756454396407539E-2</v>
      </c>
      <c r="AA180" s="12">
        <f t="shared" si="82"/>
        <v>-2.1476600051355411E-2</v>
      </c>
      <c r="AB180" s="12">
        <f t="shared" si="85"/>
        <v>0</v>
      </c>
      <c r="AC180" s="12">
        <f t="shared" si="86"/>
        <v>0.92333676543653376</v>
      </c>
      <c r="AD180" s="12">
        <f t="shared" si="87"/>
        <v>0</v>
      </c>
      <c r="AE180" s="12">
        <f t="shared" si="88"/>
        <v>0</v>
      </c>
      <c r="AF180" s="12">
        <f t="shared" si="89"/>
        <v>0</v>
      </c>
      <c r="AG180" s="12">
        <f t="shared" si="90"/>
        <v>0</v>
      </c>
      <c r="AH180" s="12">
        <f>AC180/SUM(AC$2:AG$366)*Input!$D$12</f>
        <v>242.15057848473677</v>
      </c>
      <c r="AI180" s="12">
        <f>AD180/SUM(AC$2:AG$366)*Input!$D$12</f>
        <v>0</v>
      </c>
      <c r="AJ180" s="12">
        <f>AE180/SUM(AC$2:AG$366)*Input!$D$12</f>
        <v>0</v>
      </c>
      <c r="AK180" s="12">
        <f>AF180/SUM(AC$2:AG$366)*Input!$D$12</f>
        <v>0</v>
      </c>
      <c r="AL180" s="12">
        <f>AG180/SUM(AC$2:AG$366)*Input!$D$12</f>
        <v>0</v>
      </c>
      <c r="AM180" s="12">
        <f t="shared" si="91"/>
        <v>7.2645173545421029</v>
      </c>
      <c r="AN180" s="12">
        <f t="shared" si="92"/>
        <v>24.215057848473677</v>
      </c>
      <c r="AO180" s="12">
        <f t="shared" si="93"/>
        <v>36.322586772710515</v>
      </c>
      <c r="AP180" s="12">
        <f t="shared" si="94"/>
        <v>174.34841650901046</v>
      </c>
      <c r="AQ180" s="12">
        <f t="shared" si="95"/>
        <v>0</v>
      </c>
      <c r="AR180" s="11">
        <f t="shared" si="96"/>
        <v>242.15057848473674</v>
      </c>
    </row>
    <row r="181" spans="16:44" x14ac:dyDescent="0.3">
      <c r="P181" s="10">
        <f t="shared" si="97"/>
        <v>45471</v>
      </c>
      <c r="Q181" s="29">
        <v>14.4</v>
      </c>
      <c r="R181" s="29">
        <f t="shared" si="83"/>
        <v>5</v>
      </c>
      <c r="S181" s="12">
        <f t="shared" si="75"/>
        <v>1.0609861866589789</v>
      </c>
      <c r="T181" s="12">
        <f t="shared" si="76"/>
        <v>1.4695351264848711</v>
      </c>
      <c r="U181" s="12">
        <f t="shared" si="77"/>
        <v>1.771938814155029</v>
      </c>
      <c r="V181" s="12">
        <f t="shared" si="78"/>
        <v>0.52104102880341097</v>
      </c>
      <c r="W181" s="12">
        <f t="shared" si="84"/>
        <v>0</v>
      </c>
      <c r="X181" s="12">
        <f t="shared" si="79"/>
        <v>-7.0953309908476907E-3</v>
      </c>
      <c r="Y181" s="12">
        <f t="shared" si="80"/>
        <v>-5.875924024232846E-2</v>
      </c>
      <c r="Z181" s="12">
        <f t="shared" si="81"/>
        <v>-9.5984753200240996E-2</v>
      </c>
      <c r="AA181" s="12">
        <f t="shared" si="82"/>
        <v>-2.1476600051355411E-2</v>
      </c>
      <c r="AB181" s="12">
        <f t="shared" si="85"/>
        <v>0</v>
      </c>
      <c r="AC181" s="12">
        <f t="shared" si="86"/>
        <v>0.95881342039077222</v>
      </c>
      <c r="AD181" s="12">
        <f t="shared" si="87"/>
        <v>0</v>
      </c>
      <c r="AE181" s="12">
        <f t="shared" si="88"/>
        <v>0</v>
      </c>
      <c r="AF181" s="12">
        <f t="shared" si="89"/>
        <v>0</v>
      </c>
      <c r="AG181" s="12">
        <f t="shared" si="90"/>
        <v>0</v>
      </c>
      <c r="AH181" s="12">
        <f>AC181/SUM(AC$2:AG$366)*Input!$D$12</f>
        <v>251.45454302015818</v>
      </c>
      <c r="AI181" s="12">
        <f>AD181/SUM(AC$2:AG$366)*Input!$D$12</f>
        <v>0</v>
      </c>
      <c r="AJ181" s="12">
        <f>AE181/SUM(AC$2:AG$366)*Input!$D$12</f>
        <v>0</v>
      </c>
      <c r="AK181" s="12">
        <f>AF181/SUM(AC$2:AG$366)*Input!$D$12</f>
        <v>0</v>
      </c>
      <c r="AL181" s="12">
        <f>AG181/SUM(AC$2:AG$366)*Input!$D$12</f>
        <v>0</v>
      </c>
      <c r="AM181" s="12">
        <f t="shared" si="91"/>
        <v>7.5436362906047449</v>
      </c>
      <c r="AN181" s="12">
        <f t="shared" si="92"/>
        <v>25.145454302015821</v>
      </c>
      <c r="AO181" s="12">
        <f t="shared" si="93"/>
        <v>37.718181453023725</v>
      </c>
      <c r="AP181" s="12">
        <f t="shared" si="94"/>
        <v>181.04727097451388</v>
      </c>
      <c r="AQ181" s="12">
        <f t="shared" si="95"/>
        <v>0</v>
      </c>
      <c r="AR181" s="11">
        <f t="shared" si="96"/>
        <v>251.45454302015816</v>
      </c>
    </row>
    <row r="182" spans="16:44" x14ac:dyDescent="0.3">
      <c r="P182" s="10">
        <f t="shared" si="97"/>
        <v>45472</v>
      </c>
      <c r="Q182" s="29">
        <v>13.4</v>
      </c>
      <c r="R182" s="29">
        <f t="shared" si="83"/>
        <v>6</v>
      </c>
      <c r="S182" s="12">
        <f t="shared" si="75"/>
        <v>0.88136675487947747</v>
      </c>
      <c r="T182" s="12">
        <f t="shared" si="76"/>
        <v>0.40529111994771311</v>
      </c>
      <c r="U182" s="12">
        <f t="shared" si="77"/>
        <v>1.4791569663107089</v>
      </c>
      <c r="V182" s="12">
        <f t="shared" si="78"/>
        <v>1.31124751273035</v>
      </c>
      <c r="W182" s="12">
        <f t="shared" si="84"/>
        <v>1.9424956480203619</v>
      </c>
      <c r="X182" s="12">
        <f t="shared" si="79"/>
        <v>-1.236743869637378E-2</v>
      </c>
      <c r="Y182" s="12">
        <f t="shared" si="80"/>
        <v>-1.3226323007097701E-2</v>
      </c>
      <c r="Z182" s="12">
        <f t="shared" si="81"/>
        <v>-6.6119920832722404E-2</v>
      </c>
      <c r="AA182" s="12">
        <f t="shared" si="82"/>
        <v>-7.5310765362349638E-2</v>
      </c>
      <c r="AB182" s="12">
        <f t="shared" si="85"/>
        <v>-0.1200596025795522</v>
      </c>
      <c r="AC182" s="12">
        <f t="shared" si="86"/>
        <v>0.8114676842710753</v>
      </c>
      <c r="AD182" s="12">
        <f t="shared" si="87"/>
        <v>0.12910385551453907</v>
      </c>
      <c r="AE182" s="12">
        <f t="shared" si="88"/>
        <v>0</v>
      </c>
      <c r="AF182" s="12">
        <f t="shared" si="89"/>
        <v>0</v>
      </c>
      <c r="AG182" s="12">
        <f t="shared" si="90"/>
        <v>0</v>
      </c>
      <c r="AH182" s="12">
        <f>AC182/SUM(AC$2:AG$366)*Input!$D$12</f>
        <v>212.81224415992023</v>
      </c>
      <c r="AI182" s="12">
        <f>AD182/SUM(AC$2:AG$366)*Input!$D$12</f>
        <v>33.858256778798612</v>
      </c>
      <c r="AJ182" s="12">
        <f>AE182/SUM(AC$2:AG$366)*Input!$D$12</f>
        <v>0</v>
      </c>
      <c r="AK182" s="12">
        <f>AF182/SUM(AC$2:AG$366)*Input!$D$12</f>
        <v>0</v>
      </c>
      <c r="AL182" s="12">
        <f>AG182/SUM(AC$2:AG$366)*Input!$D$12</f>
        <v>0</v>
      </c>
      <c r="AM182" s="12">
        <f t="shared" si="91"/>
        <v>3.0502934034953713</v>
      </c>
      <c r="AN182" s="12">
        <f t="shared" si="92"/>
        <v>10.167644678317906</v>
      </c>
      <c r="AO182" s="12">
        <f t="shared" si="93"/>
        <v>15.251467017476859</v>
      </c>
      <c r="AP182" s="12">
        <f t="shared" si="94"/>
        <v>218.20109583942872</v>
      </c>
      <c r="AQ182" s="12">
        <f t="shared" si="95"/>
        <v>0</v>
      </c>
      <c r="AR182" s="11">
        <f t="shared" si="96"/>
        <v>246.67050093871885</v>
      </c>
    </row>
    <row r="183" spans="16:44" x14ac:dyDescent="0.3">
      <c r="P183" s="10">
        <f t="shared" si="97"/>
        <v>45473</v>
      </c>
      <c r="Q183" s="29">
        <v>13.8</v>
      </c>
      <c r="R183" s="29">
        <f t="shared" si="83"/>
        <v>7</v>
      </c>
      <c r="S183" s="12">
        <f t="shared" si="75"/>
        <v>0.88136675487947747</v>
      </c>
      <c r="T183" s="12">
        <f t="shared" si="76"/>
        <v>0.40529111994771311</v>
      </c>
      <c r="U183" s="12">
        <f t="shared" si="77"/>
        <v>1.4791569663107089</v>
      </c>
      <c r="V183" s="12">
        <f t="shared" si="78"/>
        <v>1.31124751273035</v>
      </c>
      <c r="W183" s="12">
        <f t="shared" si="84"/>
        <v>1.9424956480203619</v>
      </c>
      <c r="X183" s="12">
        <f t="shared" si="79"/>
        <v>-1.236743869637378E-2</v>
      </c>
      <c r="Y183" s="12">
        <f t="shared" si="80"/>
        <v>-1.3226323007097701E-2</v>
      </c>
      <c r="Z183" s="12">
        <f t="shared" si="81"/>
        <v>-6.6119920832722404E-2</v>
      </c>
      <c r="AA183" s="12">
        <f t="shared" si="82"/>
        <v>-7.5310765362349638E-2</v>
      </c>
      <c r="AB183" s="12">
        <f t="shared" si="85"/>
        <v>-0.1200596025795522</v>
      </c>
      <c r="AC183" s="12">
        <f t="shared" si="86"/>
        <v>0.805858308775948</v>
      </c>
      <c r="AD183" s="12">
        <f t="shared" si="87"/>
        <v>0.12610888693281186</v>
      </c>
      <c r="AE183" s="12">
        <f t="shared" si="88"/>
        <v>0</v>
      </c>
      <c r="AF183" s="12">
        <f t="shared" si="89"/>
        <v>0</v>
      </c>
      <c r="AG183" s="12">
        <f t="shared" si="90"/>
        <v>0</v>
      </c>
      <c r="AH183" s="12">
        <f>AC183/SUM(AC$2:AG$366)*Input!$D$12</f>
        <v>211.34115195182321</v>
      </c>
      <c r="AI183" s="12">
        <f>AD183/SUM(AC$2:AG$366)*Input!$D$12</f>
        <v>33.072808390131911</v>
      </c>
      <c r="AJ183" s="12">
        <f>AE183/SUM(AC$2:AG$366)*Input!$D$12</f>
        <v>0</v>
      </c>
      <c r="AK183" s="12">
        <f>AF183/SUM(AC$2:AG$366)*Input!$D$12</f>
        <v>0</v>
      </c>
      <c r="AL183" s="12">
        <f>AG183/SUM(AC$2:AG$366)*Input!$D$12</f>
        <v>0</v>
      </c>
      <c r="AM183" s="12">
        <f t="shared" si="91"/>
        <v>2.9795322873992722</v>
      </c>
      <c r="AN183" s="12">
        <f t="shared" si="92"/>
        <v>9.9317742913309086</v>
      </c>
      <c r="AO183" s="12">
        <f t="shared" si="93"/>
        <v>14.897661436996362</v>
      </c>
      <c r="AP183" s="12">
        <f t="shared" si="94"/>
        <v>216.60499232622857</v>
      </c>
      <c r="AQ183" s="12">
        <f t="shared" si="95"/>
        <v>0</v>
      </c>
      <c r="AR183" s="11">
        <f t="shared" si="96"/>
        <v>244.41396034195512</v>
      </c>
    </row>
    <row r="184" spans="16:44" x14ac:dyDescent="0.3">
      <c r="P184" s="10">
        <f t="shared" si="97"/>
        <v>45474</v>
      </c>
      <c r="Q184" s="29">
        <v>17.899999999999999</v>
      </c>
      <c r="R184" s="29">
        <f t="shared" si="83"/>
        <v>1</v>
      </c>
      <c r="S184" s="12">
        <f t="shared" si="75"/>
        <v>1.0609861866589789</v>
      </c>
      <c r="T184" s="12">
        <f t="shared" si="76"/>
        <v>0.67790786498212752</v>
      </c>
      <c r="U184" s="12">
        <f t="shared" si="77"/>
        <v>0.40699471377216029</v>
      </c>
      <c r="V184" s="12">
        <f t="shared" si="78"/>
        <v>0.52104102880341097</v>
      </c>
      <c r="W184" s="12">
        <f t="shared" si="84"/>
        <v>0</v>
      </c>
      <c r="X184" s="12">
        <f t="shared" si="79"/>
        <v>-7.0953309908476907E-3</v>
      </c>
      <c r="Y184" s="12">
        <f t="shared" si="80"/>
        <v>-1.3263420615734021E-2</v>
      </c>
      <c r="Z184" s="12">
        <f t="shared" si="81"/>
        <v>-1.2756454396407539E-2</v>
      </c>
      <c r="AA184" s="12">
        <f t="shared" si="82"/>
        <v>-2.1476600051355411E-2</v>
      </c>
      <c r="AB184" s="12">
        <f t="shared" si="85"/>
        <v>0</v>
      </c>
      <c r="AC184" s="12">
        <f t="shared" si="86"/>
        <v>0.9339797619228053</v>
      </c>
      <c r="AD184" s="12">
        <f t="shared" si="87"/>
        <v>0</v>
      </c>
      <c r="AE184" s="12">
        <f t="shared" si="88"/>
        <v>0</v>
      </c>
      <c r="AF184" s="12">
        <f t="shared" si="89"/>
        <v>0</v>
      </c>
      <c r="AG184" s="12">
        <f t="shared" si="90"/>
        <v>0</v>
      </c>
      <c r="AH184" s="12">
        <f>AC184/SUM(AC$2:AG$366)*Input!$D$12</f>
        <v>244.94176784536319</v>
      </c>
      <c r="AI184" s="12">
        <f>AD184/SUM(AC$2:AG$366)*Input!$D$12</f>
        <v>0</v>
      </c>
      <c r="AJ184" s="12">
        <f>AE184/SUM(AC$2:AG$366)*Input!$D$12</f>
        <v>0</v>
      </c>
      <c r="AK184" s="12">
        <f>AF184/SUM(AC$2:AG$366)*Input!$D$12</f>
        <v>0</v>
      </c>
      <c r="AL184" s="12">
        <f>AG184/SUM(AC$2:AG$366)*Input!$D$12</f>
        <v>0</v>
      </c>
      <c r="AM184" s="12">
        <f t="shared" si="91"/>
        <v>7.3482530353608952</v>
      </c>
      <c r="AN184" s="12">
        <f t="shared" si="92"/>
        <v>24.494176784536322</v>
      </c>
      <c r="AO184" s="12">
        <f t="shared" si="93"/>
        <v>36.741265176804475</v>
      </c>
      <c r="AP184" s="12">
        <f t="shared" si="94"/>
        <v>176.35807284866149</v>
      </c>
      <c r="AQ184" s="12">
        <f t="shared" si="95"/>
        <v>0</v>
      </c>
      <c r="AR184" s="11">
        <f t="shared" si="96"/>
        <v>244.94176784536319</v>
      </c>
    </row>
    <row r="185" spans="16:44" x14ac:dyDescent="0.3">
      <c r="P185" s="10">
        <f t="shared" si="97"/>
        <v>45475</v>
      </c>
      <c r="Q185" s="29">
        <v>15</v>
      </c>
      <c r="R185" s="29">
        <f t="shared" si="83"/>
        <v>2</v>
      </c>
      <c r="S185" s="12">
        <f t="shared" si="75"/>
        <v>1.0609861866589789</v>
      </c>
      <c r="T185" s="12">
        <f t="shared" si="76"/>
        <v>1.4695351264848711</v>
      </c>
      <c r="U185" s="12">
        <f t="shared" si="77"/>
        <v>1.771938814155029</v>
      </c>
      <c r="V185" s="12">
        <f t="shared" si="78"/>
        <v>0.52104102880341097</v>
      </c>
      <c r="W185" s="12">
        <f t="shared" si="84"/>
        <v>0</v>
      </c>
      <c r="X185" s="12">
        <f t="shared" si="79"/>
        <v>-7.0953309908476907E-3</v>
      </c>
      <c r="Y185" s="12">
        <f t="shared" si="80"/>
        <v>-5.875924024232846E-2</v>
      </c>
      <c r="Z185" s="12">
        <f t="shared" si="81"/>
        <v>-9.5984753200240996E-2</v>
      </c>
      <c r="AA185" s="12">
        <f t="shared" si="82"/>
        <v>-2.1476600051355411E-2</v>
      </c>
      <c r="AB185" s="12">
        <f t="shared" si="85"/>
        <v>0</v>
      </c>
      <c r="AC185" s="12">
        <f t="shared" si="86"/>
        <v>0.95455622179626354</v>
      </c>
      <c r="AD185" s="12">
        <f t="shared" si="87"/>
        <v>0</v>
      </c>
      <c r="AE185" s="12">
        <f t="shared" si="88"/>
        <v>0</v>
      </c>
      <c r="AF185" s="12">
        <f t="shared" si="89"/>
        <v>0</v>
      </c>
      <c r="AG185" s="12">
        <f t="shared" si="90"/>
        <v>0</v>
      </c>
      <c r="AH185" s="12">
        <f>AC185/SUM(AC$2:AG$366)*Input!$D$12</f>
        <v>250.33806727590758</v>
      </c>
      <c r="AI185" s="12">
        <f>AD185/SUM(AC$2:AG$366)*Input!$D$12</f>
        <v>0</v>
      </c>
      <c r="AJ185" s="12">
        <f>AE185/SUM(AC$2:AG$366)*Input!$D$12</f>
        <v>0</v>
      </c>
      <c r="AK185" s="12">
        <f>AF185/SUM(AC$2:AG$366)*Input!$D$12</f>
        <v>0</v>
      </c>
      <c r="AL185" s="12">
        <f>AG185/SUM(AC$2:AG$366)*Input!$D$12</f>
        <v>0</v>
      </c>
      <c r="AM185" s="12">
        <f t="shared" si="91"/>
        <v>7.5101420182772269</v>
      </c>
      <c r="AN185" s="12">
        <f t="shared" si="92"/>
        <v>25.033806727590758</v>
      </c>
      <c r="AO185" s="12">
        <f t="shared" si="93"/>
        <v>37.550710091386136</v>
      </c>
      <c r="AP185" s="12">
        <f t="shared" si="94"/>
        <v>180.24340843865346</v>
      </c>
      <c r="AQ185" s="12">
        <f t="shared" si="95"/>
        <v>0</v>
      </c>
      <c r="AR185" s="11">
        <f t="shared" si="96"/>
        <v>250.33806727590758</v>
      </c>
    </row>
    <row r="186" spans="16:44" x14ac:dyDescent="0.3">
      <c r="P186" s="10">
        <f t="shared" si="97"/>
        <v>45476</v>
      </c>
      <c r="Q186" s="29">
        <v>13</v>
      </c>
      <c r="R186" s="29">
        <f t="shared" si="83"/>
        <v>3</v>
      </c>
      <c r="S186" s="12">
        <f t="shared" si="75"/>
        <v>1.0609861866589789</v>
      </c>
      <c r="T186" s="12">
        <f t="shared" si="76"/>
        <v>1.4695351264848711</v>
      </c>
      <c r="U186" s="12">
        <f t="shared" si="77"/>
        <v>1.771938814155029</v>
      </c>
      <c r="V186" s="12">
        <f t="shared" si="78"/>
        <v>0.52104102880341097</v>
      </c>
      <c r="W186" s="12">
        <f t="shared" si="84"/>
        <v>0</v>
      </c>
      <c r="X186" s="12">
        <f t="shared" si="79"/>
        <v>-7.0953309908476907E-3</v>
      </c>
      <c r="Y186" s="12">
        <f t="shared" si="80"/>
        <v>-5.875924024232846E-2</v>
      </c>
      <c r="Z186" s="12">
        <f t="shared" si="81"/>
        <v>-9.5984753200240996E-2</v>
      </c>
      <c r="AA186" s="12">
        <f t="shared" si="82"/>
        <v>-2.1476600051355411E-2</v>
      </c>
      <c r="AB186" s="12">
        <f t="shared" si="85"/>
        <v>0</v>
      </c>
      <c r="AC186" s="12">
        <f t="shared" si="86"/>
        <v>0.96874688377795892</v>
      </c>
      <c r="AD186" s="12">
        <f t="shared" si="87"/>
        <v>0</v>
      </c>
      <c r="AE186" s="12">
        <f t="shared" si="88"/>
        <v>0</v>
      </c>
      <c r="AF186" s="12">
        <f t="shared" si="89"/>
        <v>0</v>
      </c>
      <c r="AG186" s="12">
        <f t="shared" si="90"/>
        <v>0</v>
      </c>
      <c r="AH186" s="12">
        <f>AC186/SUM(AC$2:AG$366)*Input!$D$12</f>
        <v>254.05965309007618</v>
      </c>
      <c r="AI186" s="12">
        <f>AD186/SUM(AC$2:AG$366)*Input!$D$12</f>
        <v>0</v>
      </c>
      <c r="AJ186" s="12">
        <f>AE186/SUM(AC$2:AG$366)*Input!$D$12</f>
        <v>0</v>
      </c>
      <c r="AK186" s="12">
        <f>AF186/SUM(AC$2:AG$366)*Input!$D$12</f>
        <v>0</v>
      </c>
      <c r="AL186" s="12">
        <f>AG186/SUM(AC$2:AG$366)*Input!$D$12</f>
        <v>0</v>
      </c>
      <c r="AM186" s="12">
        <f t="shared" si="91"/>
        <v>7.6217895927022852</v>
      </c>
      <c r="AN186" s="12">
        <f t="shared" si="92"/>
        <v>25.40596530900762</v>
      </c>
      <c r="AO186" s="12">
        <f t="shared" si="93"/>
        <v>38.108947963511426</v>
      </c>
      <c r="AP186" s="12">
        <f t="shared" si="94"/>
        <v>182.92295022485484</v>
      </c>
      <c r="AQ186" s="12">
        <f t="shared" si="95"/>
        <v>0</v>
      </c>
      <c r="AR186" s="11">
        <f t="shared" si="96"/>
        <v>254.05965309007618</v>
      </c>
    </row>
    <row r="187" spans="16:44" x14ac:dyDescent="0.3">
      <c r="P187" s="10">
        <f t="shared" si="97"/>
        <v>45477</v>
      </c>
      <c r="Q187" s="29">
        <v>16.2</v>
      </c>
      <c r="R187" s="29">
        <f t="shared" si="83"/>
        <v>4</v>
      </c>
      <c r="S187" s="12">
        <f t="shared" si="75"/>
        <v>1.0609861866589789</v>
      </c>
      <c r="T187" s="12">
        <f t="shared" si="76"/>
        <v>1.4695351264848711</v>
      </c>
      <c r="U187" s="12">
        <f t="shared" si="77"/>
        <v>1.771938814155029</v>
      </c>
      <c r="V187" s="12">
        <f t="shared" si="78"/>
        <v>0.52104102880341097</v>
      </c>
      <c r="W187" s="12">
        <f t="shared" si="84"/>
        <v>0</v>
      </c>
      <c r="X187" s="12">
        <f t="shared" si="79"/>
        <v>-7.0953309908476907E-3</v>
      </c>
      <c r="Y187" s="12">
        <f t="shared" si="80"/>
        <v>-5.875924024232846E-2</v>
      </c>
      <c r="Z187" s="12">
        <f t="shared" si="81"/>
        <v>-9.5984753200240996E-2</v>
      </c>
      <c r="AA187" s="12">
        <f t="shared" si="82"/>
        <v>-2.1476600051355411E-2</v>
      </c>
      <c r="AB187" s="12">
        <f t="shared" si="85"/>
        <v>0</v>
      </c>
      <c r="AC187" s="12">
        <f t="shared" si="86"/>
        <v>0.9460418246072464</v>
      </c>
      <c r="AD187" s="12">
        <f t="shared" si="87"/>
        <v>0</v>
      </c>
      <c r="AE187" s="12">
        <f t="shared" si="88"/>
        <v>0</v>
      </c>
      <c r="AF187" s="12">
        <f t="shared" si="89"/>
        <v>0</v>
      </c>
      <c r="AG187" s="12">
        <f t="shared" si="90"/>
        <v>0</v>
      </c>
      <c r="AH187" s="12">
        <f>AC187/SUM(AC$2:AG$366)*Input!$D$12</f>
        <v>248.10511578740648</v>
      </c>
      <c r="AI187" s="12">
        <f>AD187/SUM(AC$2:AG$366)*Input!$D$12</f>
        <v>0</v>
      </c>
      <c r="AJ187" s="12">
        <f>AE187/SUM(AC$2:AG$366)*Input!$D$12</f>
        <v>0</v>
      </c>
      <c r="AK187" s="12">
        <f>AF187/SUM(AC$2:AG$366)*Input!$D$12</f>
        <v>0</v>
      </c>
      <c r="AL187" s="12">
        <f>AG187/SUM(AC$2:AG$366)*Input!$D$12</f>
        <v>0</v>
      </c>
      <c r="AM187" s="12">
        <f t="shared" si="91"/>
        <v>7.4431534736221936</v>
      </c>
      <c r="AN187" s="12">
        <f t="shared" si="92"/>
        <v>24.810511578740648</v>
      </c>
      <c r="AO187" s="12">
        <f t="shared" si="93"/>
        <v>37.215767368110967</v>
      </c>
      <c r="AP187" s="12">
        <f t="shared" si="94"/>
        <v>178.63568336693265</v>
      </c>
      <c r="AQ187" s="12">
        <f t="shared" si="95"/>
        <v>0</v>
      </c>
      <c r="AR187" s="11">
        <f t="shared" si="96"/>
        <v>248.10511578740648</v>
      </c>
    </row>
    <row r="188" spans="16:44" x14ac:dyDescent="0.3">
      <c r="P188" s="10">
        <f t="shared" si="97"/>
        <v>45478</v>
      </c>
      <c r="Q188" s="29">
        <v>16.8</v>
      </c>
      <c r="R188" s="29">
        <f t="shared" si="83"/>
        <v>5</v>
      </c>
      <c r="S188" s="12">
        <f t="shared" si="75"/>
        <v>1.0609861866589789</v>
      </c>
      <c r="T188" s="12">
        <f t="shared" si="76"/>
        <v>1.4695351264848711</v>
      </c>
      <c r="U188" s="12">
        <f t="shared" si="77"/>
        <v>0.40699471377216029</v>
      </c>
      <c r="V188" s="12">
        <f t="shared" si="78"/>
        <v>0.52104102880341097</v>
      </c>
      <c r="W188" s="12">
        <f t="shared" si="84"/>
        <v>0</v>
      </c>
      <c r="X188" s="12">
        <f t="shared" si="79"/>
        <v>-7.0953309908476907E-3</v>
      </c>
      <c r="Y188" s="12">
        <f t="shared" si="80"/>
        <v>-5.875924024232846E-2</v>
      </c>
      <c r="Z188" s="12">
        <f t="shared" si="81"/>
        <v>-1.2756454396407539E-2</v>
      </c>
      <c r="AA188" s="12">
        <f t="shared" si="82"/>
        <v>-2.1476600051355411E-2</v>
      </c>
      <c r="AB188" s="12">
        <f t="shared" si="85"/>
        <v>0</v>
      </c>
      <c r="AC188" s="12">
        <f t="shared" si="86"/>
        <v>0.94178462601273771</v>
      </c>
      <c r="AD188" s="12">
        <f t="shared" si="87"/>
        <v>0</v>
      </c>
      <c r="AE188" s="12">
        <f t="shared" si="88"/>
        <v>0</v>
      </c>
      <c r="AF188" s="12">
        <f t="shared" si="89"/>
        <v>0</v>
      </c>
      <c r="AG188" s="12">
        <f t="shared" si="90"/>
        <v>0</v>
      </c>
      <c r="AH188" s="12">
        <f>AC188/SUM(AC$2:AG$366)*Input!$D$12</f>
        <v>246.98864004315587</v>
      </c>
      <c r="AI188" s="12">
        <f>AD188/SUM(AC$2:AG$366)*Input!$D$12</f>
        <v>0</v>
      </c>
      <c r="AJ188" s="12">
        <f>AE188/SUM(AC$2:AG$366)*Input!$D$12</f>
        <v>0</v>
      </c>
      <c r="AK188" s="12">
        <f>AF188/SUM(AC$2:AG$366)*Input!$D$12</f>
        <v>0</v>
      </c>
      <c r="AL188" s="12">
        <f>AG188/SUM(AC$2:AG$366)*Input!$D$12</f>
        <v>0</v>
      </c>
      <c r="AM188" s="12">
        <f t="shared" si="91"/>
        <v>7.4096592012946756</v>
      </c>
      <c r="AN188" s="12">
        <f t="shared" si="92"/>
        <v>24.698864004315588</v>
      </c>
      <c r="AO188" s="12">
        <f t="shared" si="93"/>
        <v>37.048296006473379</v>
      </c>
      <c r="AP188" s="12">
        <f t="shared" si="94"/>
        <v>177.83182083107221</v>
      </c>
      <c r="AQ188" s="12">
        <f t="shared" si="95"/>
        <v>0</v>
      </c>
      <c r="AR188" s="11">
        <f t="shared" si="96"/>
        <v>246.98864004315584</v>
      </c>
    </row>
    <row r="189" spans="16:44" x14ac:dyDescent="0.3">
      <c r="P189" s="10">
        <f t="shared" si="97"/>
        <v>45479</v>
      </c>
      <c r="Q189" s="29">
        <v>16.7</v>
      </c>
      <c r="R189" s="29">
        <f t="shared" si="83"/>
        <v>6</v>
      </c>
      <c r="S189" s="12">
        <f t="shared" si="75"/>
        <v>0.88136675487947747</v>
      </c>
      <c r="T189" s="12">
        <f t="shared" si="76"/>
        <v>0.19607255136472959</v>
      </c>
      <c r="U189" s="12">
        <f t="shared" si="77"/>
        <v>0.65274423464211173</v>
      </c>
      <c r="V189" s="12">
        <f t="shared" si="78"/>
        <v>0.29524473618599389</v>
      </c>
      <c r="W189" s="12">
        <f t="shared" si="84"/>
        <v>0.44487676601187343</v>
      </c>
      <c r="X189" s="12">
        <f t="shared" si="79"/>
        <v>-1.236743869637378E-2</v>
      </c>
      <c r="Y189" s="12">
        <f t="shared" si="80"/>
        <v>-6.2279477920712143E-4</v>
      </c>
      <c r="Z189" s="12">
        <f t="shared" si="81"/>
        <v>-1.60343007315953E-2</v>
      </c>
      <c r="AA189" s="12">
        <f t="shared" si="82"/>
        <v>-9.762199133681506E-3</v>
      </c>
      <c r="AB189" s="12">
        <f t="shared" si="85"/>
        <v>-1.748296682554611E-2</v>
      </c>
      <c r="AC189" s="12">
        <f t="shared" si="86"/>
        <v>0.76519033643627521</v>
      </c>
      <c r="AD189" s="12">
        <f t="shared" si="87"/>
        <v>0.10510885044827059</v>
      </c>
      <c r="AE189" s="12">
        <f t="shared" si="88"/>
        <v>0</v>
      </c>
      <c r="AF189" s="12">
        <f t="shared" si="89"/>
        <v>0</v>
      </c>
      <c r="AG189" s="12">
        <f t="shared" si="90"/>
        <v>0</v>
      </c>
      <c r="AH189" s="12">
        <f>AC189/SUM(AC$2:AG$366)*Input!$D$12</f>
        <v>200.6757334431199</v>
      </c>
      <c r="AI189" s="12">
        <f>AD189/SUM(AC$2:AG$366)*Input!$D$12</f>
        <v>27.565423464840769</v>
      </c>
      <c r="AJ189" s="12">
        <f>AE189/SUM(AC$2:AG$366)*Input!$D$12</f>
        <v>0</v>
      </c>
      <c r="AK189" s="12">
        <f>AF189/SUM(AC$2:AG$366)*Input!$D$12</f>
        <v>0</v>
      </c>
      <c r="AL189" s="12">
        <f>AG189/SUM(AC$2:AG$366)*Input!$D$12</f>
        <v>0</v>
      </c>
      <c r="AM189" s="12">
        <f t="shared" si="91"/>
        <v>2.4833714833189888</v>
      </c>
      <c r="AN189" s="12">
        <f t="shared" si="92"/>
        <v>8.2779049443966315</v>
      </c>
      <c r="AO189" s="12">
        <f t="shared" si="93"/>
        <v>12.416857416594945</v>
      </c>
      <c r="AP189" s="12">
        <f t="shared" si="94"/>
        <v>205.06302306365009</v>
      </c>
      <c r="AQ189" s="12">
        <f t="shared" si="95"/>
        <v>0</v>
      </c>
      <c r="AR189" s="11">
        <f t="shared" si="96"/>
        <v>228.24115690796066</v>
      </c>
    </row>
    <row r="190" spans="16:44" x14ac:dyDescent="0.3">
      <c r="P190" s="10">
        <f t="shared" si="97"/>
        <v>45480</v>
      </c>
      <c r="Q190" s="29">
        <v>17.899999999999999</v>
      </c>
      <c r="R190" s="29">
        <f t="shared" si="83"/>
        <v>7</v>
      </c>
      <c r="S190" s="12">
        <f t="shared" si="75"/>
        <v>0.66609297291086311</v>
      </c>
      <c r="T190" s="12">
        <f t="shared" si="76"/>
        <v>0.19607255136472959</v>
      </c>
      <c r="U190" s="12">
        <f t="shared" si="77"/>
        <v>0.65274423464211173</v>
      </c>
      <c r="V190" s="12">
        <f t="shared" si="78"/>
        <v>0.29524473618599389</v>
      </c>
      <c r="W190" s="12">
        <f t="shared" si="84"/>
        <v>0.44487676601187343</v>
      </c>
      <c r="X190" s="12">
        <f t="shared" si="79"/>
        <v>-3.4097042997074749E-4</v>
      </c>
      <c r="Y190" s="12">
        <f t="shared" si="80"/>
        <v>-6.2279477920712143E-4</v>
      </c>
      <c r="Z190" s="12">
        <f t="shared" si="81"/>
        <v>-1.60343007315953E-2</v>
      </c>
      <c r="AA190" s="12">
        <f t="shared" si="82"/>
        <v>-9.762199133681506E-3</v>
      </c>
      <c r="AB190" s="12">
        <f t="shared" si="85"/>
        <v>-1.748296682554611E-2</v>
      </c>
      <c r="AC190" s="12">
        <f t="shared" si="86"/>
        <v>0.7483622099508932</v>
      </c>
      <c r="AD190" s="12">
        <f t="shared" si="87"/>
        <v>0.1046857734988596</v>
      </c>
      <c r="AE190" s="12">
        <f t="shared" si="88"/>
        <v>0</v>
      </c>
      <c r="AF190" s="12">
        <f t="shared" si="89"/>
        <v>0</v>
      </c>
      <c r="AG190" s="12">
        <f t="shared" si="90"/>
        <v>0</v>
      </c>
      <c r="AH190" s="12">
        <f>AC190/SUM(AC$2:AG$366)*Input!$D$12</f>
        <v>196.26245681882887</v>
      </c>
      <c r="AI190" s="12">
        <f>AD190/SUM(AC$2:AG$366)*Input!$D$12</f>
        <v>27.454469009350209</v>
      </c>
      <c r="AJ190" s="12">
        <f>AE190/SUM(AC$2:AG$366)*Input!$D$12</f>
        <v>0</v>
      </c>
      <c r="AK190" s="12">
        <f>AF190/SUM(AC$2:AG$366)*Input!$D$12</f>
        <v>0</v>
      </c>
      <c r="AL190" s="12">
        <f>AG190/SUM(AC$2:AG$366)*Input!$D$12</f>
        <v>0</v>
      </c>
      <c r="AM190" s="12">
        <f t="shared" si="91"/>
        <v>2.4733755864279474</v>
      </c>
      <c r="AN190" s="12">
        <f t="shared" si="92"/>
        <v>8.2445852880931589</v>
      </c>
      <c r="AO190" s="12">
        <f t="shared" si="93"/>
        <v>12.366877932139738</v>
      </c>
      <c r="AP190" s="12">
        <f t="shared" si="94"/>
        <v>200.63208702151823</v>
      </c>
      <c r="AQ190" s="12">
        <f t="shared" si="95"/>
        <v>0</v>
      </c>
      <c r="AR190" s="11">
        <f t="shared" si="96"/>
        <v>223.71692582817909</v>
      </c>
    </row>
    <row r="191" spans="16:44" x14ac:dyDescent="0.3">
      <c r="P191" s="10">
        <f t="shared" si="97"/>
        <v>45481</v>
      </c>
      <c r="Q191" s="29">
        <v>20.100000000000001</v>
      </c>
      <c r="R191" s="29">
        <f t="shared" si="83"/>
        <v>1</v>
      </c>
      <c r="S191" s="12">
        <f t="shared" si="75"/>
        <v>1.0609861866589789</v>
      </c>
      <c r="T191" s="12">
        <f t="shared" si="76"/>
        <v>0.67790786498212752</v>
      </c>
      <c r="U191" s="12">
        <f t="shared" si="77"/>
        <v>0.40699471377216029</v>
      </c>
      <c r="V191" s="12">
        <f t="shared" si="78"/>
        <v>0.52104102880341097</v>
      </c>
      <c r="W191" s="12">
        <f t="shared" si="84"/>
        <v>0</v>
      </c>
      <c r="X191" s="12">
        <f t="shared" si="79"/>
        <v>-7.0953309908476907E-3</v>
      </c>
      <c r="Y191" s="12">
        <f t="shared" si="80"/>
        <v>-1.3263420615734021E-2</v>
      </c>
      <c r="Z191" s="12">
        <f t="shared" si="81"/>
        <v>-1.2756454396407539E-2</v>
      </c>
      <c r="AA191" s="12">
        <f t="shared" si="82"/>
        <v>-2.1476600051355411E-2</v>
      </c>
      <c r="AB191" s="12">
        <f t="shared" si="85"/>
        <v>0</v>
      </c>
      <c r="AC191" s="12">
        <f t="shared" si="86"/>
        <v>0.91837003374294035</v>
      </c>
      <c r="AD191" s="12">
        <f t="shared" si="87"/>
        <v>0</v>
      </c>
      <c r="AE191" s="12">
        <f t="shared" si="88"/>
        <v>0</v>
      </c>
      <c r="AF191" s="12">
        <f t="shared" si="89"/>
        <v>0</v>
      </c>
      <c r="AG191" s="12">
        <f t="shared" si="90"/>
        <v>0</v>
      </c>
      <c r="AH191" s="12">
        <f>AC191/SUM(AC$2:AG$366)*Input!$D$12</f>
        <v>240.84802344977777</v>
      </c>
      <c r="AI191" s="12">
        <f>AD191/SUM(AC$2:AG$366)*Input!$D$12</f>
        <v>0</v>
      </c>
      <c r="AJ191" s="12">
        <f>AE191/SUM(AC$2:AG$366)*Input!$D$12</f>
        <v>0</v>
      </c>
      <c r="AK191" s="12">
        <f>AF191/SUM(AC$2:AG$366)*Input!$D$12</f>
        <v>0</v>
      </c>
      <c r="AL191" s="12">
        <f>AG191/SUM(AC$2:AG$366)*Input!$D$12</f>
        <v>0</v>
      </c>
      <c r="AM191" s="12">
        <f t="shared" si="91"/>
        <v>7.2254407034933328</v>
      </c>
      <c r="AN191" s="12">
        <f t="shared" si="92"/>
        <v>24.084802344977778</v>
      </c>
      <c r="AO191" s="12">
        <f t="shared" si="93"/>
        <v>36.127203517466661</v>
      </c>
      <c r="AP191" s="12">
        <f t="shared" si="94"/>
        <v>173.41057688383998</v>
      </c>
      <c r="AQ191" s="12">
        <f t="shared" si="95"/>
        <v>0</v>
      </c>
      <c r="AR191" s="11">
        <f t="shared" si="96"/>
        <v>240.84802344977777</v>
      </c>
    </row>
    <row r="192" spans="16:44" x14ac:dyDescent="0.3">
      <c r="P192" s="10">
        <f t="shared" si="97"/>
        <v>45482</v>
      </c>
      <c r="Q192" s="29">
        <v>20.9</v>
      </c>
      <c r="R192" s="29">
        <f t="shared" si="83"/>
        <v>2</v>
      </c>
      <c r="S192" s="12">
        <f t="shared" si="75"/>
        <v>1.0609861866589789</v>
      </c>
      <c r="T192" s="12">
        <f t="shared" si="76"/>
        <v>0.67790786498212752</v>
      </c>
      <c r="U192" s="12">
        <f t="shared" si="77"/>
        <v>0.40699471377216029</v>
      </c>
      <c r="V192" s="12">
        <f t="shared" si="78"/>
        <v>0.52104102880341097</v>
      </c>
      <c r="W192" s="12">
        <f t="shared" si="84"/>
        <v>0</v>
      </c>
      <c r="X192" s="12">
        <f t="shared" si="79"/>
        <v>-7.0953309908476907E-3</v>
      </c>
      <c r="Y192" s="12">
        <f t="shared" si="80"/>
        <v>-1.3263420615734021E-2</v>
      </c>
      <c r="Z192" s="12">
        <f t="shared" si="81"/>
        <v>-1.2756454396407539E-2</v>
      </c>
      <c r="AA192" s="12">
        <f t="shared" si="82"/>
        <v>-2.1476600051355411E-2</v>
      </c>
      <c r="AB192" s="12">
        <f t="shared" si="85"/>
        <v>0</v>
      </c>
      <c r="AC192" s="12">
        <f t="shared" si="86"/>
        <v>0.91269376895026222</v>
      </c>
      <c r="AD192" s="12">
        <f t="shared" si="87"/>
        <v>0</v>
      </c>
      <c r="AE192" s="12">
        <f t="shared" si="88"/>
        <v>0</v>
      </c>
      <c r="AF192" s="12">
        <f t="shared" si="89"/>
        <v>0</v>
      </c>
      <c r="AG192" s="12">
        <f t="shared" si="90"/>
        <v>0</v>
      </c>
      <c r="AH192" s="12">
        <f>AC192/SUM(AC$2:AG$366)*Input!$D$12</f>
        <v>239.35938912411032</v>
      </c>
      <c r="AI192" s="12">
        <f>AD192/SUM(AC$2:AG$366)*Input!$D$12</f>
        <v>0</v>
      </c>
      <c r="AJ192" s="12">
        <f>AE192/SUM(AC$2:AG$366)*Input!$D$12</f>
        <v>0</v>
      </c>
      <c r="AK192" s="12">
        <f>AF192/SUM(AC$2:AG$366)*Input!$D$12</f>
        <v>0</v>
      </c>
      <c r="AL192" s="12">
        <f>AG192/SUM(AC$2:AG$366)*Input!$D$12</f>
        <v>0</v>
      </c>
      <c r="AM192" s="12">
        <f t="shared" si="91"/>
        <v>7.1807816737233097</v>
      </c>
      <c r="AN192" s="12">
        <f t="shared" si="92"/>
        <v>23.935938912411032</v>
      </c>
      <c r="AO192" s="12">
        <f t="shared" si="93"/>
        <v>35.903908368616548</v>
      </c>
      <c r="AP192" s="12">
        <f t="shared" si="94"/>
        <v>172.33876016935943</v>
      </c>
      <c r="AQ192" s="12">
        <f t="shared" si="95"/>
        <v>0</v>
      </c>
      <c r="AR192" s="11">
        <f t="shared" si="96"/>
        <v>239.35938912411032</v>
      </c>
    </row>
    <row r="193" spans="16:44" x14ac:dyDescent="0.3">
      <c r="P193" s="10">
        <f t="shared" si="97"/>
        <v>45483</v>
      </c>
      <c r="Q193" s="29">
        <v>20.2</v>
      </c>
      <c r="R193" s="29">
        <f t="shared" si="83"/>
        <v>3</v>
      </c>
      <c r="S193" s="12">
        <f t="shared" si="75"/>
        <v>1.0609861866589789</v>
      </c>
      <c r="T193" s="12">
        <f t="shared" si="76"/>
        <v>0.67790786498212752</v>
      </c>
      <c r="U193" s="12">
        <f t="shared" si="77"/>
        <v>0.40699471377216029</v>
      </c>
      <c r="V193" s="12">
        <f t="shared" si="78"/>
        <v>0.52104102880341097</v>
      </c>
      <c r="W193" s="12">
        <f t="shared" si="84"/>
        <v>0</v>
      </c>
      <c r="X193" s="12">
        <f t="shared" si="79"/>
        <v>-7.0953309908476907E-3</v>
      </c>
      <c r="Y193" s="12">
        <f t="shared" si="80"/>
        <v>-1.3263420615734021E-2</v>
      </c>
      <c r="Z193" s="12">
        <f t="shared" si="81"/>
        <v>-1.2756454396407539E-2</v>
      </c>
      <c r="AA193" s="12">
        <f t="shared" si="82"/>
        <v>-2.1476600051355411E-2</v>
      </c>
      <c r="AB193" s="12">
        <f t="shared" si="85"/>
        <v>0</v>
      </c>
      <c r="AC193" s="12">
        <f t="shared" si="86"/>
        <v>0.91766050064385563</v>
      </c>
      <c r="AD193" s="12">
        <f t="shared" si="87"/>
        <v>0</v>
      </c>
      <c r="AE193" s="12">
        <f t="shared" si="88"/>
        <v>0</v>
      </c>
      <c r="AF193" s="12">
        <f t="shared" si="89"/>
        <v>0</v>
      </c>
      <c r="AG193" s="12">
        <f t="shared" si="90"/>
        <v>0</v>
      </c>
      <c r="AH193" s="12">
        <f>AC193/SUM(AC$2:AG$366)*Input!$D$12</f>
        <v>240.66194415906932</v>
      </c>
      <c r="AI193" s="12">
        <f>AD193/SUM(AC$2:AG$366)*Input!$D$12</f>
        <v>0</v>
      </c>
      <c r="AJ193" s="12">
        <f>AE193/SUM(AC$2:AG$366)*Input!$D$12</f>
        <v>0</v>
      </c>
      <c r="AK193" s="12">
        <f>AF193/SUM(AC$2:AG$366)*Input!$D$12</f>
        <v>0</v>
      </c>
      <c r="AL193" s="12">
        <f>AG193/SUM(AC$2:AG$366)*Input!$D$12</f>
        <v>0</v>
      </c>
      <c r="AM193" s="12">
        <f t="shared" si="91"/>
        <v>7.2198583247720798</v>
      </c>
      <c r="AN193" s="12">
        <f t="shared" si="92"/>
        <v>24.066194415906935</v>
      </c>
      <c r="AO193" s="12">
        <f t="shared" si="93"/>
        <v>36.099291623860395</v>
      </c>
      <c r="AP193" s="12">
        <f t="shared" si="94"/>
        <v>173.27659979452991</v>
      </c>
      <c r="AQ193" s="12">
        <f t="shared" si="95"/>
        <v>0</v>
      </c>
      <c r="AR193" s="11">
        <f t="shared" si="96"/>
        <v>240.66194415906932</v>
      </c>
    </row>
    <row r="194" spans="16:44" x14ac:dyDescent="0.3">
      <c r="P194" s="10">
        <f t="shared" si="97"/>
        <v>45484</v>
      </c>
      <c r="Q194" s="29">
        <v>19.600000000000001</v>
      </c>
      <c r="R194" s="29">
        <f t="shared" si="83"/>
        <v>4</v>
      </c>
      <c r="S194" s="12">
        <f t="shared" ref="S194:S257" si="98">IF(R194&gt;5,IF($Q194&lt;$G$3,$C$3,$E$3),IF($Q194&lt;$G$10,$C$10,$E$10))</f>
        <v>1.0609861866589789</v>
      </c>
      <c r="T194" s="12">
        <f t="shared" ref="T194:T257" si="99">IF(R194&gt;5,IF($Q194&lt;$G$4,$C$4,$E$4),IF($Q194&lt;$G$11,$C$11,$E$11))</f>
        <v>0.67790786498212752</v>
      </c>
      <c r="U194" s="12">
        <f t="shared" ref="U194:U257" si="100">IF(R194&gt;5,IF($Q194&lt;$G$5,$C$5,$E$5),IF($Q194&lt;$G$12,$C$12,$E$12))</f>
        <v>0.40699471377216029</v>
      </c>
      <c r="V194" s="12">
        <f t="shared" ref="V194:V257" si="101">IF(R194&gt;5,IF($Q194&lt;$G$6,$C$6,$E$6),IF($Q194&lt;$G$13,$C$13,$E$13))</f>
        <v>0.52104102880341097</v>
      </c>
      <c r="W194" s="12">
        <f t="shared" si="84"/>
        <v>0</v>
      </c>
      <c r="X194" s="12">
        <f t="shared" ref="X194:X257" si="102">IF(R194&gt;5,IF($Q194&lt;$G$3,$D$3,$F$3),IF($Q194&lt;$G$10,$D$10,$F$10))</f>
        <v>-7.0953309908476907E-3</v>
      </c>
      <c r="Y194" s="12">
        <f t="shared" ref="Y194:Y257" si="103">IF(R194&gt;5,IF($Q194&lt;$G$4,$D$4,$F$4),IF($Q194&lt;$G$11,$D$11,$F$11))</f>
        <v>-1.3263420615734021E-2</v>
      </c>
      <c r="Z194" s="12">
        <f t="shared" ref="Z194:Z257" si="104">IF(R194&gt;5,IF($Q194&lt;$G$5,$D$5,$F$5),IF($Q194&lt;$G$12,$D$12,$F$12))</f>
        <v>-1.2756454396407539E-2</v>
      </c>
      <c r="AA194" s="12">
        <f t="shared" ref="AA194:AA257" si="105">IF(R194&gt;5,IF($Q194&lt;$G$6,$D$6,$F$6),IF($Q194&lt;$G$13,$D$13,$F$13))</f>
        <v>-2.1476600051355411E-2</v>
      </c>
      <c r="AB194" s="12">
        <f t="shared" si="85"/>
        <v>0</v>
      </c>
      <c r="AC194" s="12">
        <f t="shared" si="86"/>
        <v>0.9219176992383642</v>
      </c>
      <c r="AD194" s="12">
        <f t="shared" si="87"/>
        <v>0</v>
      </c>
      <c r="AE194" s="12">
        <f t="shared" si="88"/>
        <v>0</v>
      </c>
      <c r="AF194" s="12">
        <f t="shared" si="89"/>
        <v>0</v>
      </c>
      <c r="AG194" s="12">
        <f t="shared" si="90"/>
        <v>0</v>
      </c>
      <c r="AH194" s="12">
        <f>AC194/SUM(AC$2:AG$366)*Input!$D$12</f>
        <v>241.77841990331987</v>
      </c>
      <c r="AI194" s="12">
        <f>AD194/SUM(AC$2:AG$366)*Input!$D$12</f>
        <v>0</v>
      </c>
      <c r="AJ194" s="12">
        <f>AE194/SUM(AC$2:AG$366)*Input!$D$12</f>
        <v>0</v>
      </c>
      <c r="AK194" s="12">
        <f>AF194/SUM(AC$2:AG$366)*Input!$D$12</f>
        <v>0</v>
      </c>
      <c r="AL194" s="12">
        <f>AG194/SUM(AC$2:AG$366)*Input!$D$12</f>
        <v>0</v>
      </c>
      <c r="AM194" s="12">
        <f t="shared" si="91"/>
        <v>7.253352597099596</v>
      </c>
      <c r="AN194" s="12">
        <f t="shared" si="92"/>
        <v>24.177841990331988</v>
      </c>
      <c r="AO194" s="12">
        <f t="shared" si="93"/>
        <v>36.266762985497977</v>
      </c>
      <c r="AP194" s="12">
        <f t="shared" si="94"/>
        <v>174.0804623303903</v>
      </c>
      <c r="AQ194" s="12">
        <f t="shared" si="95"/>
        <v>0</v>
      </c>
      <c r="AR194" s="11">
        <f t="shared" si="96"/>
        <v>241.77841990331987</v>
      </c>
    </row>
    <row r="195" spans="16:44" x14ac:dyDescent="0.3">
      <c r="P195" s="10">
        <f t="shared" si="97"/>
        <v>45485</v>
      </c>
      <c r="Q195" s="29">
        <v>16.3</v>
      </c>
      <c r="R195" s="29">
        <f t="shared" ref="R195:R258" si="106">WEEKDAY(P195,2)</f>
        <v>5</v>
      </c>
      <c r="S195" s="12">
        <f t="shared" si="98"/>
        <v>1.0609861866589789</v>
      </c>
      <c r="T195" s="12">
        <f t="shared" si="99"/>
        <v>1.4695351264848711</v>
      </c>
      <c r="U195" s="12">
        <f t="shared" si="100"/>
        <v>1.771938814155029</v>
      </c>
      <c r="V195" s="12">
        <f t="shared" si="101"/>
        <v>0.52104102880341097</v>
      </c>
      <c r="W195" s="12">
        <f t="shared" ref="W195:W258" si="107">IF(R195&lt;6,0,IF($Q195&lt;$G$7,$C$7,$E$7))</f>
        <v>0</v>
      </c>
      <c r="X195" s="12">
        <f t="shared" si="102"/>
        <v>-7.0953309908476907E-3</v>
      </c>
      <c r="Y195" s="12">
        <f t="shared" si="103"/>
        <v>-5.875924024232846E-2</v>
      </c>
      <c r="Z195" s="12">
        <f t="shared" si="104"/>
        <v>-9.5984753200240996E-2</v>
      </c>
      <c r="AA195" s="12">
        <f t="shared" si="105"/>
        <v>-2.1476600051355411E-2</v>
      </c>
      <c r="AB195" s="12">
        <f t="shared" ref="AB195:AB258" si="108">IF(R195&lt;6,0,IF($Q195&lt;$G$7,$D$7,$F$7))</f>
        <v>0</v>
      </c>
      <c r="AC195" s="12">
        <f t="shared" ref="AC195:AC258" si="109">MAX(S195+X195*$Q195,0)*IF($R195&lt;6,$B$10,$B$3)</f>
        <v>0.94533229150816156</v>
      </c>
      <c r="AD195" s="12">
        <f t="shared" ref="AD195:AD258" si="110">MAX(T195+Y195*$Q195,0)*IF($R195&lt;6,$B$11,$B$4)</f>
        <v>0</v>
      </c>
      <c r="AE195" s="12">
        <f t="shared" ref="AE195:AE258" si="111">MAX(U195+Z195*$Q195,0)*IF($R195&lt;6,$B$12,$B$5)</f>
        <v>0</v>
      </c>
      <c r="AF195" s="12">
        <f t="shared" ref="AF195:AF258" si="112">MAX(V195+AA195*$Q195,0)*IF($R195&lt;6,$B$13,$B$6)</f>
        <v>0</v>
      </c>
      <c r="AG195" s="12">
        <f t="shared" ref="AG195:AG258" si="113">MAX(W195+AB195*$Q195,0)*IF($R195&lt;6,0,$B$7)</f>
        <v>0</v>
      </c>
      <c r="AH195" s="12">
        <f>AC195/SUM(AC$2:AG$366)*Input!$D$12</f>
        <v>247.91903649669803</v>
      </c>
      <c r="AI195" s="12">
        <f>AD195/SUM(AC$2:AG$366)*Input!$D$12</f>
        <v>0</v>
      </c>
      <c r="AJ195" s="12">
        <f>AE195/SUM(AC$2:AG$366)*Input!$D$12</f>
        <v>0</v>
      </c>
      <c r="AK195" s="12">
        <f>AF195/SUM(AC$2:AG$366)*Input!$D$12</f>
        <v>0</v>
      </c>
      <c r="AL195" s="12">
        <f>AG195/SUM(AC$2:AG$366)*Input!$D$12</f>
        <v>0</v>
      </c>
      <c r="AM195" s="12">
        <f t="shared" ref="AM195:AM258" si="114">IF($R195&lt;6,AU$22*$AH195+AU$23*$AI195+AU$24*$AJ195+AU$25*$AK195,AU$31*$AH195+AU$32*$AI195+AU$33*$AJ195+AU$34*$AK195+AU$35*$AL195)</f>
        <v>7.4375710949009406</v>
      </c>
      <c r="AN195" s="12">
        <f t="shared" ref="AN195:AN258" si="115">IF($R195&lt;6,AV$22*$AH195+AV$23*$AI195+AV$24*$AJ195+AV$25*$AK195,AV$31*$AH195+AV$32*$AI195+AV$33*$AJ195+AV$34*$AK195+AV$35*$AL195)</f>
        <v>24.791903649669806</v>
      </c>
      <c r="AO195" s="12">
        <f t="shared" ref="AO195:AO258" si="116">IF($R195&lt;6,AW$22*$AH195+AW$23*$AI195+AW$24*$AJ195+AW$25*$AK195,AW$31*$AH195+AW$32*$AI195+AW$33*$AJ195+AW$34*$AK195+AW$35*$AL195)</f>
        <v>37.187855474504701</v>
      </c>
      <c r="AP195" s="12">
        <f t="shared" ref="AP195:AP258" si="117">IF($R195&lt;6,AX$22*$AH195+AX$23*$AI195+AX$24*$AJ195+AX$25*$AK195,AX$31*$AH195+AX$32*$AI195+AX$33*$AJ195+AX$34*$AK195+AX$35*$AL195)</f>
        <v>178.50170627762256</v>
      </c>
      <c r="AQ195" s="12">
        <f t="shared" ref="AQ195:AQ258" si="118">IF($R195&lt;6,AY$22*$AH195+AY$23*$AI195+AY$24*$AJ195+AY$25*$AK195,AY$31*$AH195+AY$32*$AI195+AY$33*$AJ195+AY$34*$AK195+AY$35*$AL195)</f>
        <v>0</v>
      </c>
      <c r="AR195" s="11">
        <f t="shared" ref="AR195:AR258" si="119">SUM(AM195:AQ195)</f>
        <v>247.919036496698</v>
      </c>
    </row>
    <row r="196" spans="16:44" x14ac:dyDescent="0.3">
      <c r="P196" s="10">
        <f t="shared" ref="P196:P259" si="120">P195+1</f>
        <v>45486</v>
      </c>
      <c r="Q196" s="29">
        <v>13.9</v>
      </c>
      <c r="R196" s="29">
        <f t="shared" si="106"/>
        <v>6</v>
      </c>
      <c r="S196" s="12">
        <f t="shared" si="98"/>
        <v>0.88136675487947747</v>
      </c>
      <c r="T196" s="12">
        <f t="shared" si="99"/>
        <v>0.40529111994771311</v>
      </c>
      <c r="U196" s="12">
        <f t="shared" si="100"/>
        <v>1.4791569663107089</v>
      </c>
      <c r="V196" s="12">
        <f t="shared" si="101"/>
        <v>1.31124751273035</v>
      </c>
      <c r="W196" s="12">
        <f t="shared" si="107"/>
        <v>1.9424956480203619</v>
      </c>
      <c r="X196" s="12">
        <f t="shared" si="102"/>
        <v>-1.236743869637378E-2</v>
      </c>
      <c r="Y196" s="12">
        <f t="shared" si="103"/>
        <v>-1.3226323007097701E-2</v>
      </c>
      <c r="Z196" s="12">
        <f t="shared" si="104"/>
        <v>-6.6119920832722404E-2</v>
      </c>
      <c r="AA196" s="12">
        <f t="shared" si="105"/>
        <v>-7.5310765362349638E-2</v>
      </c>
      <c r="AB196" s="12">
        <f t="shared" si="108"/>
        <v>-0.1200596025795522</v>
      </c>
      <c r="AC196" s="12">
        <f t="shared" si="109"/>
        <v>0.8044559649021662</v>
      </c>
      <c r="AD196" s="12">
        <f t="shared" si="110"/>
        <v>0.12536014478738006</v>
      </c>
      <c r="AE196" s="12">
        <f t="shared" si="111"/>
        <v>0</v>
      </c>
      <c r="AF196" s="12">
        <f t="shared" si="112"/>
        <v>0</v>
      </c>
      <c r="AG196" s="12">
        <f t="shared" si="113"/>
        <v>0</v>
      </c>
      <c r="AH196" s="12">
        <f>AC196/SUM(AC$2:AG$366)*Input!$D$12</f>
        <v>210.97337889979897</v>
      </c>
      <c r="AI196" s="12">
        <f>AD196/SUM(AC$2:AG$366)*Input!$D$12</f>
        <v>32.876446292965227</v>
      </c>
      <c r="AJ196" s="12">
        <f>AE196/SUM(AC$2:AG$366)*Input!$D$12</f>
        <v>0</v>
      </c>
      <c r="AK196" s="12">
        <f>AF196/SUM(AC$2:AG$366)*Input!$D$12</f>
        <v>0</v>
      </c>
      <c r="AL196" s="12">
        <f>AG196/SUM(AC$2:AG$366)*Input!$D$12</f>
        <v>0</v>
      </c>
      <c r="AM196" s="12">
        <f t="shared" si="114"/>
        <v>2.9618420083752466</v>
      </c>
      <c r="AN196" s="12">
        <f t="shared" si="115"/>
        <v>9.8728066945841562</v>
      </c>
      <c r="AO196" s="12">
        <f t="shared" si="116"/>
        <v>14.809210041876234</v>
      </c>
      <c r="AP196" s="12">
        <f t="shared" si="117"/>
        <v>216.20596644792857</v>
      </c>
      <c r="AQ196" s="12">
        <f t="shared" si="118"/>
        <v>0</v>
      </c>
      <c r="AR196" s="11">
        <f t="shared" si="119"/>
        <v>243.8498251927642</v>
      </c>
    </row>
    <row r="197" spans="16:44" x14ac:dyDescent="0.3">
      <c r="P197" s="10">
        <f t="shared" si="120"/>
        <v>45487</v>
      </c>
      <c r="Q197" s="29">
        <v>17.5</v>
      </c>
      <c r="R197" s="29">
        <f t="shared" si="106"/>
        <v>7</v>
      </c>
      <c r="S197" s="12">
        <f t="shared" si="98"/>
        <v>0.88136675487947747</v>
      </c>
      <c r="T197" s="12">
        <f t="shared" si="99"/>
        <v>0.19607255136472959</v>
      </c>
      <c r="U197" s="12">
        <f t="shared" si="100"/>
        <v>0.65274423464211173</v>
      </c>
      <c r="V197" s="12">
        <f t="shared" si="101"/>
        <v>0.29524473618599389</v>
      </c>
      <c r="W197" s="12">
        <f t="shared" si="107"/>
        <v>0.44487676601187343</v>
      </c>
      <c r="X197" s="12">
        <f t="shared" si="102"/>
        <v>-1.236743869637378E-2</v>
      </c>
      <c r="Y197" s="12">
        <f t="shared" si="103"/>
        <v>-6.2279477920712143E-4</v>
      </c>
      <c r="Z197" s="12">
        <f t="shared" si="104"/>
        <v>-1.60343007315953E-2</v>
      </c>
      <c r="AA197" s="12">
        <f t="shared" si="105"/>
        <v>-9.762199133681506E-3</v>
      </c>
      <c r="AB197" s="12">
        <f t="shared" si="108"/>
        <v>-1.748296682554611E-2</v>
      </c>
      <c r="AC197" s="12">
        <f t="shared" si="109"/>
        <v>0.75397158544602061</v>
      </c>
      <c r="AD197" s="12">
        <f t="shared" si="110"/>
        <v>0.10482679914866325</v>
      </c>
      <c r="AE197" s="12">
        <f t="shared" si="111"/>
        <v>0</v>
      </c>
      <c r="AF197" s="12">
        <f t="shared" si="112"/>
        <v>0</v>
      </c>
      <c r="AG197" s="12">
        <f t="shared" si="113"/>
        <v>0</v>
      </c>
      <c r="AH197" s="12">
        <f>AC197/SUM(AC$2:AG$366)*Input!$D$12</f>
        <v>197.73354902692589</v>
      </c>
      <c r="AI197" s="12">
        <f>AD197/SUM(AC$2:AG$366)*Input!$D$12</f>
        <v>27.49145382784706</v>
      </c>
      <c r="AJ197" s="12">
        <f>AE197/SUM(AC$2:AG$366)*Input!$D$12</f>
        <v>0</v>
      </c>
      <c r="AK197" s="12">
        <f>AF197/SUM(AC$2:AG$366)*Input!$D$12</f>
        <v>0</v>
      </c>
      <c r="AL197" s="12">
        <f>AG197/SUM(AC$2:AG$366)*Input!$D$12</f>
        <v>0</v>
      </c>
      <c r="AM197" s="12">
        <f t="shared" si="114"/>
        <v>2.4767075520582944</v>
      </c>
      <c r="AN197" s="12">
        <f t="shared" si="115"/>
        <v>8.2556918401943147</v>
      </c>
      <c r="AO197" s="12">
        <f t="shared" si="116"/>
        <v>12.383537760291473</v>
      </c>
      <c r="AP197" s="12">
        <f t="shared" si="117"/>
        <v>202.10906570222886</v>
      </c>
      <c r="AQ197" s="12">
        <f t="shared" si="118"/>
        <v>0</v>
      </c>
      <c r="AR197" s="11">
        <f t="shared" si="119"/>
        <v>225.22500285477295</v>
      </c>
    </row>
    <row r="198" spans="16:44" x14ac:dyDescent="0.3">
      <c r="P198" s="10">
        <f t="shared" si="120"/>
        <v>45488</v>
      </c>
      <c r="Q198" s="29">
        <v>18.399999999999999</v>
      </c>
      <c r="R198" s="29">
        <f t="shared" si="106"/>
        <v>1</v>
      </c>
      <c r="S198" s="12">
        <f t="shared" si="98"/>
        <v>1.0609861866589789</v>
      </c>
      <c r="T198" s="12">
        <f t="shared" si="99"/>
        <v>0.67790786498212752</v>
      </c>
      <c r="U198" s="12">
        <f t="shared" si="100"/>
        <v>0.40699471377216029</v>
      </c>
      <c r="V198" s="12">
        <f t="shared" si="101"/>
        <v>0.52104102880341097</v>
      </c>
      <c r="W198" s="12">
        <f t="shared" si="107"/>
        <v>0</v>
      </c>
      <c r="X198" s="12">
        <f t="shared" si="102"/>
        <v>-7.0953309908476907E-3</v>
      </c>
      <c r="Y198" s="12">
        <f t="shared" si="103"/>
        <v>-1.3263420615734021E-2</v>
      </c>
      <c r="Z198" s="12">
        <f t="shared" si="104"/>
        <v>-1.2756454396407539E-2</v>
      </c>
      <c r="AA198" s="12">
        <f t="shared" si="105"/>
        <v>-2.1476600051355411E-2</v>
      </c>
      <c r="AB198" s="12">
        <f t="shared" si="108"/>
        <v>0</v>
      </c>
      <c r="AC198" s="12">
        <f t="shared" si="109"/>
        <v>0.93043209642738145</v>
      </c>
      <c r="AD198" s="12">
        <f t="shared" si="110"/>
        <v>0</v>
      </c>
      <c r="AE198" s="12">
        <f t="shared" si="111"/>
        <v>0</v>
      </c>
      <c r="AF198" s="12">
        <f t="shared" si="112"/>
        <v>0</v>
      </c>
      <c r="AG198" s="12">
        <f t="shared" si="113"/>
        <v>0</v>
      </c>
      <c r="AH198" s="12">
        <f>AC198/SUM(AC$2:AG$366)*Input!$D$12</f>
        <v>244.01137139182103</v>
      </c>
      <c r="AI198" s="12">
        <f>AD198/SUM(AC$2:AG$366)*Input!$D$12</f>
        <v>0</v>
      </c>
      <c r="AJ198" s="12">
        <f>AE198/SUM(AC$2:AG$366)*Input!$D$12</f>
        <v>0</v>
      </c>
      <c r="AK198" s="12">
        <f>AF198/SUM(AC$2:AG$366)*Input!$D$12</f>
        <v>0</v>
      </c>
      <c r="AL198" s="12">
        <f>AG198/SUM(AC$2:AG$366)*Input!$D$12</f>
        <v>0</v>
      </c>
      <c r="AM198" s="12">
        <f t="shared" si="114"/>
        <v>7.3203411417546302</v>
      </c>
      <c r="AN198" s="12">
        <f t="shared" si="115"/>
        <v>24.401137139182104</v>
      </c>
      <c r="AO198" s="12">
        <f t="shared" si="116"/>
        <v>36.601705708773153</v>
      </c>
      <c r="AP198" s="12">
        <f t="shared" si="117"/>
        <v>175.68818740211114</v>
      </c>
      <c r="AQ198" s="12">
        <f t="shared" si="118"/>
        <v>0</v>
      </c>
      <c r="AR198" s="11">
        <f t="shared" si="119"/>
        <v>244.01137139182103</v>
      </c>
    </row>
    <row r="199" spans="16:44" x14ac:dyDescent="0.3">
      <c r="P199" s="10">
        <f t="shared" si="120"/>
        <v>45489</v>
      </c>
      <c r="Q199" s="29">
        <v>16</v>
      </c>
      <c r="R199" s="29">
        <f t="shared" si="106"/>
        <v>2</v>
      </c>
      <c r="S199" s="12">
        <f t="shared" si="98"/>
        <v>1.0609861866589789</v>
      </c>
      <c r="T199" s="12">
        <f t="shared" si="99"/>
        <v>1.4695351264848711</v>
      </c>
      <c r="U199" s="12">
        <f t="shared" si="100"/>
        <v>1.771938814155029</v>
      </c>
      <c r="V199" s="12">
        <f t="shared" si="101"/>
        <v>0.52104102880341097</v>
      </c>
      <c r="W199" s="12">
        <f t="shared" si="107"/>
        <v>0</v>
      </c>
      <c r="X199" s="12">
        <f t="shared" si="102"/>
        <v>-7.0953309908476907E-3</v>
      </c>
      <c r="Y199" s="12">
        <f t="shared" si="103"/>
        <v>-5.875924024232846E-2</v>
      </c>
      <c r="Z199" s="12">
        <f t="shared" si="104"/>
        <v>-9.5984753200240996E-2</v>
      </c>
      <c r="AA199" s="12">
        <f t="shared" si="105"/>
        <v>-2.1476600051355411E-2</v>
      </c>
      <c r="AB199" s="12">
        <f t="shared" si="108"/>
        <v>0</v>
      </c>
      <c r="AC199" s="12">
        <f t="shared" si="109"/>
        <v>0.94746089080541585</v>
      </c>
      <c r="AD199" s="12">
        <f t="shared" si="110"/>
        <v>0</v>
      </c>
      <c r="AE199" s="12">
        <f t="shared" si="111"/>
        <v>0</v>
      </c>
      <c r="AF199" s="12">
        <f t="shared" si="112"/>
        <v>0</v>
      </c>
      <c r="AG199" s="12">
        <f t="shared" si="113"/>
        <v>0</v>
      </c>
      <c r="AH199" s="12">
        <f>AC199/SUM(AC$2:AG$366)*Input!$D$12</f>
        <v>248.47727436882332</v>
      </c>
      <c r="AI199" s="12">
        <f>AD199/SUM(AC$2:AG$366)*Input!$D$12</f>
        <v>0</v>
      </c>
      <c r="AJ199" s="12">
        <f>AE199/SUM(AC$2:AG$366)*Input!$D$12</f>
        <v>0</v>
      </c>
      <c r="AK199" s="12">
        <f>AF199/SUM(AC$2:AG$366)*Input!$D$12</f>
        <v>0</v>
      </c>
      <c r="AL199" s="12">
        <f>AG199/SUM(AC$2:AG$366)*Input!$D$12</f>
        <v>0</v>
      </c>
      <c r="AM199" s="12">
        <f t="shared" si="114"/>
        <v>7.4543182310646996</v>
      </c>
      <c r="AN199" s="12">
        <f t="shared" si="115"/>
        <v>24.847727436882334</v>
      </c>
      <c r="AO199" s="12">
        <f t="shared" si="116"/>
        <v>37.271591155323499</v>
      </c>
      <c r="AP199" s="12">
        <f t="shared" si="117"/>
        <v>178.90363754555278</v>
      </c>
      <c r="AQ199" s="12">
        <f t="shared" si="118"/>
        <v>0</v>
      </c>
      <c r="AR199" s="11">
        <f t="shared" si="119"/>
        <v>248.47727436882332</v>
      </c>
    </row>
    <row r="200" spans="16:44" x14ac:dyDescent="0.3">
      <c r="P200" s="10">
        <f t="shared" si="120"/>
        <v>45490</v>
      </c>
      <c r="Q200" s="29">
        <v>14.7</v>
      </c>
      <c r="R200" s="29">
        <f t="shared" si="106"/>
        <v>3</v>
      </c>
      <c r="S200" s="12">
        <f t="shared" si="98"/>
        <v>1.0609861866589789</v>
      </c>
      <c r="T200" s="12">
        <f t="shared" si="99"/>
        <v>1.4695351264848711</v>
      </c>
      <c r="U200" s="12">
        <f t="shared" si="100"/>
        <v>1.771938814155029</v>
      </c>
      <c r="V200" s="12">
        <f t="shared" si="101"/>
        <v>0.52104102880341097</v>
      </c>
      <c r="W200" s="12">
        <f t="shared" si="107"/>
        <v>0</v>
      </c>
      <c r="X200" s="12">
        <f t="shared" si="102"/>
        <v>-7.0953309908476907E-3</v>
      </c>
      <c r="Y200" s="12">
        <f t="shared" si="103"/>
        <v>-5.875924024232846E-2</v>
      </c>
      <c r="Z200" s="12">
        <f t="shared" si="104"/>
        <v>-9.5984753200240996E-2</v>
      </c>
      <c r="AA200" s="12">
        <f t="shared" si="105"/>
        <v>-2.1476600051355411E-2</v>
      </c>
      <c r="AB200" s="12">
        <f t="shared" si="108"/>
        <v>0</v>
      </c>
      <c r="AC200" s="12">
        <f t="shared" si="109"/>
        <v>0.95668482109351793</v>
      </c>
      <c r="AD200" s="12">
        <f t="shared" si="110"/>
        <v>0</v>
      </c>
      <c r="AE200" s="12">
        <f t="shared" si="111"/>
        <v>0</v>
      </c>
      <c r="AF200" s="12">
        <f t="shared" si="112"/>
        <v>0</v>
      </c>
      <c r="AG200" s="12">
        <f t="shared" si="113"/>
        <v>0</v>
      </c>
      <c r="AH200" s="12">
        <f>AC200/SUM(AC$2:AG$366)*Input!$D$12</f>
        <v>250.89630514803289</v>
      </c>
      <c r="AI200" s="12">
        <f>AD200/SUM(AC$2:AG$366)*Input!$D$12</f>
        <v>0</v>
      </c>
      <c r="AJ200" s="12">
        <f>AE200/SUM(AC$2:AG$366)*Input!$D$12</f>
        <v>0</v>
      </c>
      <c r="AK200" s="12">
        <f>AF200/SUM(AC$2:AG$366)*Input!$D$12</f>
        <v>0</v>
      </c>
      <c r="AL200" s="12">
        <f>AG200/SUM(AC$2:AG$366)*Input!$D$12</f>
        <v>0</v>
      </c>
      <c r="AM200" s="12">
        <f t="shared" si="114"/>
        <v>7.5268891544409868</v>
      </c>
      <c r="AN200" s="12">
        <f t="shared" si="115"/>
        <v>25.089630514803289</v>
      </c>
      <c r="AO200" s="12">
        <f t="shared" si="116"/>
        <v>37.634445772204934</v>
      </c>
      <c r="AP200" s="12">
        <f t="shared" si="117"/>
        <v>180.64533970658368</v>
      </c>
      <c r="AQ200" s="12">
        <f t="shared" si="118"/>
        <v>0</v>
      </c>
      <c r="AR200" s="11">
        <f t="shared" si="119"/>
        <v>250.89630514803289</v>
      </c>
    </row>
    <row r="201" spans="16:44" x14ac:dyDescent="0.3">
      <c r="P201" s="10">
        <f t="shared" si="120"/>
        <v>45491</v>
      </c>
      <c r="Q201" s="29">
        <v>13.7</v>
      </c>
      <c r="R201" s="29">
        <f t="shared" si="106"/>
        <v>4</v>
      </c>
      <c r="S201" s="12">
        <f t="shared" si="98"/>
        <v>1.0609861866589789</v>
      </c>
      <c r="T201" s="12">
        <f t="shared" si="99"/>
        <v>1.4695351264848711</v>
      </c>
      <c r="U201" s="12">
        <f t="shared" si="100"/>
        <v>1.771938814155029</v>
      </c>
      <c r="V201" s="12">
        <f t="shared" si="101"/>
        <v>0.52104102880341097</v>
      </c>
      <c r="W201" s="12">
        <f t="shared" si="107"/>
        <v>0</v>
      </c>
      <c r="X201" s="12">
        <f t="shared" si="102"/>
        <v>-7.0953309908476907E-3</v>
      </c>
      <c r="Y201" s="12">
        <f t="shared" si="103"/>
        <v>-5.875924024232846E-2</v>
      </c>
      <c r="Z201" s="12">
        <f t="shared" si="104"/>
        <v>-9.5984753200240996E-2</v>
      </c>
      <c r="AA201" s="12">
        <f t="shared" si="105"/>
        <v>-2.1476600051355411E-2</v>
      </c>
      <c r="AB201" s="12">
        <f t="shared" si="108"/>
        <v>0</v>
      </c>
      <c r="AC201" s="12">
        <f t="shared" si="109"/>
        <v>0.96378015208436563</v>
      </c>
      <c r="AD201" s="12">
        <f t="shared" si="110"/>
        <v>0</v>
      </c>
      <c r="AE201" s="12">
        <f t="shared" si="111"/>
        <v>0</v>
      </c>
      <c r="AF201" s="12">
        <f t="shared" si="112"/>
        <v>0</v>
      </c>
      <c r="AG201" s="12">
        <f t="shared" si="113"/>
        <v>0</v>
      </c>
      <c r="AH201" s="12">
        <f>AC201/SUM(AC$2:AG$366)*Input!$D$12</f>
        <v>252.75709805511718</v>
      </c>
      <c r="AI201" s="12">
        <f>AD201/SUM(AC$2:AG$366)*Input!$D$12</f>
        <v>0</v>
      </c>
      <c r="AJ201" s="12">
        <f>AE201/SUM(AC$2:AG$366)*Input!$D$12</f>
        <v>0</v>
      </c>
      <c r="AK201" s="12">
        <f>AF201/SUM(AC$2:AG$366)*Input!$D$12</f>
        <v>0</v>
      </c>
      <c r="AL201" s="12">
        <f>AG201/SUM(AC$2:AG$366)*Input!$D$12</f>
        <v>0</v>
      </c>
      <c r="AM201" s="12">
        <f t="shared" si="114"/>
        <v>7.5827129416535151</v>
      </c>
      <c r="AN201" s="12">
        <f t="shared" si="115"/>
        <v>25.27570980551172</v>
      </c>
      <c r="AO201" s="12">
        <f t="shared" si="116"/>
        <v>37.913564708267579</v>
      </c>
      <c r="AP201" s="12">
        <f t="shared" si="117"/>
        <v>181.98511059968436</v>
      </c>
      <c r="AQ201" s="12">
        <f t="shared" si="118"/>
        <v>0</v>
      </c>
      <c r="AR201" s="11">
        <f t="shared" si="119"/>
        <v>252.75709805511718</v>
      </c>
    </row>
    <row r="202" spans="16:44" x14ac:dyDescent="0.3">
      <c r="P202" s="10">
        <f t="shared" si="120"/>
        <v>45492</v>
      </c>
      <c r="Q202" s="29">
        <v>14.9</v>
      </c>
      <c r="R202" s="29">
        <f t="shared" si="106"/>
        <v>5</v>
      </c>
      <c r="S202" s="12">
        <f t="shared" si="98"/>
        <v>1.0609861866589789</v>
      </c>
      <c r="T202" s="12">
        <f t="shared" si="99"/>
        <v>1.4695351264848711</v>
      </c>
      <c r="U202" s="12">
        <f t="shared" si="100"/>
        <v>1.771938814155029</v>
      </c>
      <c r="V202" s="12">
        <f t="shared" si="101"/>
        <v>0.52104102880341097</v>
      </c>
      <c r="W202" s="12">
        <f t="shared" si="107"/>
        <v>0</v>
      </c>
      <c r="X202" s="12">
        <f t="shared" si="102"/>
        <v>-7.0953309908476907E-3</v>
      </c>
      <c r="Y202" s="12">
        <f t="shared" si="103"/>
        <v>-5.875924024232846E-2</v>
      </c>
      <c r="Z202" s="12">
        <f t="shared" si="104"/>
        <v>-9.5984753200240996E-2</v>
      </c>
      <c r="AA202" s="12">
        <f t="shared" si="105"/>
        <v>-2.1476600051355411E-2</v>
      </c>
      <c r="AB202" s="12">
        <f t="shared" si="108"/>
        <v>0</v>
      </c>
      <c r="AC202" s="12">
        <f t="shared" si="109"/>
        <v>0.95526575489534837</v>
      </c>
      <c r="AD202" s="12">
        <f t="shared" si="110"/>
        <v>0</v>
      </c>
      <c r="AE202" s="12">
        <f t="shared" si="111"/>
        <v>0</v>
      </c>
      <c r="AF202" s="12">
        <f t="shared" si="112"/>
        <v>0</v>
      </c>
      <c r="AG202" s="12">
        <f t="shared" si="113"/>
        <v>0</v>
      </c>
      <c r="AH202" s="12">
        <f>AC202/SUM(AC$2:AG$366)*Input!$D$12</f>
        <v>250.52414656661605</v>
      </c>
      <c r="AI202" s="12">
        <f>AD202/SUM(AC$2:AG$366)*Input!$D$12</f>
        <v>0</v>
      </c>
      <c r="AJ202" s="12">
        <f>AE202/SUM(AC$2:AG$366)*Input!$D$12</f>
        <v>0</v>
      </c>
      <c r="AK202" s="12">
        <f>AF202/SUM(AC$2:AG$366)*Input!$D$12</f>
        <v>0</v>
      </c>
      <c r="AL202" s="12">
        <f>AG202/SUM(AC$2:AG$366)*Input!$D$12</f>
        <v>0</v>
      </c>
      <c r="AM202" s="12">
        <f t="shared" si="114"/>
        <v>7.5157243969984817</v>
      </c>
      <c r="AN202" s="12">
        <f t="shared" si="115"/>
        <v>25.052414656661607</v>
      </c>
      <c r="AO202" s="12">
        <f t="shared" si="116"/>
        <v>37.578621984992409</v>
      </c>
      <c r="AP202" s="12">
        <f t="shared" si="117"/>
        <v>180.37738552796355</v>
      </c>
      <c r="AQ202" s="12">
        <f t="shared" si="118"/>
        <v>0</v>
      </c>
      <c r="AR202" s="11">
        <f t="shared" si="119"/>
        <v>250.52414656661605</v>
      </c>
    </row>
    <row r="203" spans="16:44" x14ac:dyDescent="0.3">
      <c r="P203" s="10">
        <f t="shared" si="120"/>
        <v>45493</v>
      </c>
      <c r="Q203" s="29">
        <v>13.3</v>
      </c>
      <c r="R203" s="29">
        <f t="shared" si="106"/>
        <v>6</v>
      </c>
      <c r="S203" s="12">
        <f t="shared" si="98"/>
        <v>0.88136675487947747</v>
      </c>
      <c r="T203" s="12">
        <f t="shared" si="99"/>
        <v>0.40529111994771311</v>
      </c>
      <c r="U203" s="12">
        <f t="shared" si="100"/>
        <v>1.4791569663107089</v>
      </c>
      <c r="V203" s="12">
        <f t="shared" si="101"/>
        <v>1.31124751273035</v>
      </c>
      <c r="W203" s="12">
        <f t="shared" si="107"/>
        <v>1.9424956480203619</v>
      </c>
      <c r="X203" s="12">
        <f t="shared" si="102"/>
        <v>-1.236743869637378E-2</v>
      </c>
      <c r="Y203" s="12">
        <f t="shared" si="103"/>
        <v>-1.3226323007097701E-2</v>
      </c>
      <c r="Z203" s="12">
        <f t="shared" si="104"/>
        <v>-6.6119920832722404E-2</v>
      </c>
      <c r="AA203" s="12">
        <f t="shared" si="105"/>
        <v>-7.5310765362349638E-2</v>
      </c>
      <c r="AB203" s="12">
        <f t="shared" si="108"/>
        <v>-0.1200596025795522</v>
      </c>
      <c r="AC203" s="12">
        <f t="shared" si="109"/>
        <v>0.8128700281448572</v>
      </c>
      <c r="AD203" s="12">
        <f t="shared" si="110"/>
        <v>0.12985259765997084</v>
      </c>
      <c r="AE203" s="12">
        <f t="shared" si="111"/>
        <v>0</v>
      </c>
      <c r="AF203" s="12">
        <f t="shared" si="112"/>
        <v>0</v>
      </c>
      <c r="AG203" s="12">
        <f t="shared" si="113"/>
        <v>0</v>
      </c>
      <c r="AH203" s="12">
        <f>AC203/SUM(AC$2:AG$366)*Input!$D$12</f>
        <v>213.18001721194452</v>
      </c>
      <c r="AI203" s="12">
        <f>AD203/SUM(AC$2:AG$366)*Input!$D$12</f>
        <v>34.054618875965289</v>
      </c>
      <c r="AJ203" s="12">
        <f>AE203/SUM(AC$2:AG$366)*Input!$D$12</f>
        <v>0</v>
      </c>
      <c r="AK203" s="12">
        <f>AF203/SUM(AC$2:AG$366)*Input!$D$12</f>
        <v>0</v>
      </c>
      <c r="AL203" s="12">
        <f>AG203/SUM(AC$2:AG$366)*Input!$D$12</f>
        <v>0</v>
      </c>
      <c r="AM203" s="12">
        <f t="shared" si="114"/>
        <v>3.067983682519396</v>
      </c>
      <c r="AN203" s="12">
        <f t="shared" si="115"/>
        <v>10.226612275064655</v>
      </c>
      <c r="AO203" s="12">
        <f t="shared" si="116"/>
        <v>15.339918412596983</v>
      </c>
      <c r="AP203" s="12">
        <f t="shared" si="117"/>
        <v>218.60012171772877</v>
      </c>
      <c r="AQ203" s="12">
        <f t="shared" si="118"/>
        <v>0</v>
      </c>
      <c r="AR203" s="11">
        <f t="shared" si="119"/>
        <v>247.23463608790979</v>
      </c>
    </row>
    <row r="204" spans="16:44" x14ac:dyDescent="0.3">
      <c r="P204" s="10">
        <f t="shared" si="120"/>
        <v>45494</v>
      </c>
      <c r="Q204" s="29">
        <v>13.8</v>
      </c>
      <c r="R204" s="29">
        <f t="shared" si="106"/>
        <v>7</v>
      </c>
      <c r="S204" s="12">
        <f t="shared" si="98"/>
        <v>0.88136675487947747</v>
      </c>
      <c r="T204" s="12">
        <f t="shared" si="99"/>
        <v>0.40529111994771311</v>
      </c>
      <c r="U204" s="12">
        <f t="shared" si="100"/>
        <v>1.4791569663107089</v>
      </c>
      <c r="V204" s="12">
        <f t="shared" si="101"/>
        <v>1.31124751273035</v>
      </c>
      <c r="W204" s="12">
        <f t="shared" si="107"/>
        <v>1.9424956480203619</v>
      </c>
      <c r="X204" s="12">
        <f t="shared" si="102"/>
        <v>-1.236743869637378E-2</v>
      </c>
      <c r="Y204" s="12">
        <f t="shared" si="103"/>
        <v>-1.3226323007097701E-2</v>
      </c>
      <c r="Z204" s="12">
        <f t="shared" si="104"/>
        <v>-6.6119920832722404E-2</v>
      </c>
      <c r="AA204" s="12">
        <f t="shared" si="105"/>
        <v>-7.5310765362349638E-2</v>
      </c>
      <c r="AB204" s="12">
        <f t="shared" si="108"/>
        <v>-0.1200596025795522</v>
      </c>
      <c r="AC204" s="12">
        <f t="shared" si="109"/>
        <v>0.805858308775948</v>
      </c>
      <c r="AD204" s="12">
        <f t="shared" si="110"/>
        <v>0.12610888693281186</v>
      </c>
      <c r="AE204" s="12">
        <f t="shared" si="111"/>
        <v>0</v>
      </c>
      <c r="AF204" s="12">
        <f t="shared" si="112"/>
        <v>0</v>
      </c>
      <c r="AG204" s="12">
        <f t="shared" si="113"/>
        <v>0</v>
      </c>
      <c r="AH204" s="12">
        <f>AC204/SUM(AC$2:AG$366)*Input!$D$12</f>
        <v>211.34115195182321</v>
      </c>
      <c r="AI204" s="12">
        <f>AD204/SUM(AC$2:AG$366)*Input!$D$12</f>
        <v>33.072808390131911</v>
      </c>
      <c r="AJ204" s="12">
        <f>AE204/SUM(AC$2:AG$366)*Input!$D$12</f>
        <v>0</v>
      </c>
      <c r="AK204" s="12">
        <f>AF204/SUM(AC$2:AG$366)*Input!$D$12</f>
        <v>0</v>
      </c>
      <c r="AL204" s="12">
        <f>AG204/SUM(AC$2:AG$366)*Input!$D$12</f>
        <v>0</v>
      </c>
      <c r="AM204" s="12">
        <f t="shared" si="114"/>
        <v>2.9795322873992722</v>
      </c>
      <c r="AN204" s="12">
        <f t="shared" si="115"/>
        <v>9.9317742913309086</v>
      </c>
      <c r="AO204" s="12">
        <f t="shared" si="116"/>
        <v>14.897661436996362</v>
      </c>
      <c r="AP204" s="12">
        <f t="shared" si="117"/>
        <v>216.60499232622857</v>
      </c>
      <c r="AQ204" s="12">
        <f t="shared" si="118"/>
        <v>0</v>
      </c>
      <c r="AR204" s="11">
        <f t="shared" si="119"/>
        <v>244.41396034195512</v>
      </c>
    </row>
    <row r="205" spans="16:44" x14ac:dyDescent="0.3">
      <c r="P205" s="10">
        <f t="shared" si="120"/>
        <v>45495</v>
      </c>
      <c r="Q205" s="29">
        <v>15.8</v>
      </c>
      <c r="R205" s="29">
        <f t="shared" si="106"/>
        <v>1</v>
      </c>
      <c r="S205" s="12">
        <f t="shared" si="98"/>
        <v>1.0609861866589789</v>
      </c>
      <c r="T205" s="12">
        <f t="shared" si="99"/>
        <v>1.4695351264848711</v>
      </c>
      <c r="U205" s="12">
        <f t="shared" si="100"/>
        <v>1.771938814155029</v>
      </c>
      <c r="V205" s="12">
        <f t="shared" si="101"/>
        <v>0.52104102880341097</v>
      </c>
      <c r="W205" s="12">
        <f t="shared" si="107"/>
        <v>0</v>
      </c>
      <c r="X205" s="12">
        <f t="shared" si="102"/>
        <v>-7.0953309908476907E-3</v>
      </c>
      <c r="Y205" s="12">
        <f t="shared" si="103"/>
        <v>-5.875924024232846E-2</v>
      </c>
      <c r="Z205" s="12">
        <f t="shared" si="104"/>
        <v>-9.5984753200240996E-2</v>
      </c>
      <c r="AA205" s="12">
        <f t="shared" si="105"/>
        <v>-2.1476600051355411E-2</v>
      </c>
      <c r="AB205" s="12">
        <f t="shared" si="108"/>
        <v>0</v>
      </c>
      <c r="AC205" s="12">
        <f t="shared" si="109"/>
        <v>0.94887995700358541</v>
      </c>
      <c r="AD205" s="12">
        <f t="shared" si="110"/>
        <v>0</v>
      </c>
      <c r="AE205" s="12">
        <f t="shared" si="111"/>
        <v>0</v>
      </c>
      <c r="AF205" s="12">
        <f t="shared" si="112"/>
        <v>0</v>
      </c>
      <c r="AG205" s="12">
        <f t="shared" si="113"/>
        <v>0</v>
      </c>
      <c r="AH205" s="12">
        <f>AC205/SUM(AC$2:AG$366)*Input!$D$12</f>
        <v>248.84943295024019</v>
      </c>
      <c r="AI205" s="12">
        <f>AD205/SUM(AC$2:AG$366)*Input!$D$12</f>
        <v>0</v>
      </c>
      <c r="AJ205" s="12">
        <f>AE205/SUM(AC$2:AG$366)*Input!$D$12</f>
        <v>0</v>
      </c>
      <c r="AK205" s="12">
        <f>AF205/SUM(AC$2:AG$366)*Input!$D$12</f>
        <v>0</v>
      </c>
      <c r="AL205" s="12">
        <f>AG205/SUM(AC$2:AG$366)*Input!$D$12</f>
        <v>0</v>
      </c>
      <c r="AM205" s="12">
        <f t="shared" si="114"/>
        <v>7.4654829885072056</v>
      </c>
      <c r="AN205" s="12">
        <f t="shared" si="115"/>
        <v>24.884943295024019</v>
      </c>
      <c r="AO205" s="12">
        <f t="shared" si="116"/>
        <v>37.327414942536024</v>
      </c>
      <c r="AP205" s="12">
        <f t="shared" si="117"/>
        <v>179.17159172417291</v>
      </c>
      <c r="AQ205" s="12">
        <f t="shared" si="118"/>
        <v>0</v>
      </c>
      <c r="AR205" s="11">
        <f t="shared" si="119"/>
        <v>248.84943295024016</v>
      </c>
    </row>
    <row r="206" spans="16:44" x14ac:dyDescent="0.3">
      <c r="P206" s="10">
        <f t="shared" si="120"/>
        <v>45496</v>
      </c>
      <c r="Q206" s="29">
        <v>16.8</v>
      </c>
      <c r="R206" s="29">
        <f t="shared" si="106"/>
        <v>2</v>
      </c>
      <c r="S206" s="12">
        <f t="shared" si="98"/>
        <v>1.0609861866589789</v>
      </c>
      <c r="T206" s="12">
        <f t="shared" si="99"/>
        <v>1.4695351264848711</v>
      </c>
      <c r="U206" s="12">
        <f t="shared" si="100"/>
        <v>0.40699471377216029</v>
      </c>
      <c r="V206" s="12">
        <f t="shared" si="101"/>
        <v>0.52104102880341097</v>
      </c>
      <c r="W206" s="12">
        <f t="shared" si="107"/>
        <v>0</v>
      </c>
      <c r="X206" s="12">
        <f t="shared" si="102"/>
        <v>-7.0953309908476907E-3</v>
      </c>
      <c r="Y206" s="12">
        <f t="shared" si="103"/>
        <v>-5.875924024232846E-2</v>
      </c>
      <c r="Z206" s="12">
        <f t="shared" si="104"/>
        <v>-1.2756454396407539E-2</v>
      </c>
      <c r="AA206" s="12">
        <f t="shared" si="105"/>
        <v>-2.1476600051355411E-2</v>
      </c>
      <c r="AB206" s="12">
        <f t="shared" si="108"/>
        <v>0</v>
      </c>
      <c r="AC206" s="12">
        <f t="shared" si="109"/>
        <v>0.94178462601273771</v>
      </c>
      <c r="AD206" s="12">
        <f t="shared" si="110"/>
        <v>0</v>
      </c>
      <c r="AE206" s="12">
        <f t="shared" si="111"/>
        <v>0</v>
      </c>
      <c r="AF206" s="12">
        <f t="shared" si="112"/>
        <v>0</v>
      </c>
      <c r="AG206" s="12">
        <f t="shared" si="113"/>
        <v>0</v>
      </c>
      <c r="AH206" s="12">
        <f>AC206/SUM(AC$2:AG$366)*Input!$D$12</f>
        <v>246.98864004315587</v>
      </c>
      <c r="AI206" s="12">
        <f>AD206/SUM(AC$2:AG$366)*Input!$D$12</f>
        <v>0</v>
      </c>
      <c r="AJ206" s="12">
        <f>AE206/SUM(AC$2:AG$366)*Input!$D$12</f>
        <v>0</v>
      </c>
      <c r="AK206" s="12">
        <f>AF206/SUM(AC$2:AG$366)*Input!$D$12</f>
        <v>0</v>
      </c>
      <c r="AL206" s="12">
        <f>AG206/SUM(AC$2:AG$366)*Input!$D$12</f>
        <v>0</v>
      </c>
      <c r="AM206" s="12">
        <f t="shared" si="114"/>
        <v>7.4096592012946756</v>
      </c>
      <c r="AN206" s="12">
        <f t="shared" si="115"/>
        <v>24.698864004315588</v>
      </c>
      <c r="AO206" s="12">
        <f t="shared" si="116"/>
        <v>37.048296006473379</v>
      </c>
      <c r="AP206" s="12">
        <f t="shared" si="117"/>
        <v>177.83182083107221</v>
      </c>
      <c r="AQ206" s="12">
        <f t="shared" si="118"/>
        <v>0</v>
      </c>
      <c r="AR206" s="11">
        <f t="shared" si="119"/>
        <v>246.98864004315584</v>
      </c>
    </row>
    <row r="207" spans="16:44" x14ac:dyDescent="0.3">
      <c r="P207" s="10">
        <f t="shared" si="120"/>
        <v>45497</v>
      </c>
      <c r="Q207" s="29">
        <v>16</v>
      </c>
      <c r="R207" s="29">
        <f t="shared" si="106"/>
        <v>3</v>
      </c>
      <c r="S207" s="12">
        <f t="shared" si="98"/>
        <v>1.0609861866589789</v>
      </c>
      <c r="T207" s="12">
        <f t="shared" si="99"/>
        <v>1.4695351264848711</v>
      </c>
      <c r="U207" s="12">
        <f t="shared" si="100"/>
        <v>1.771938814155029</v>
      </c>
      <c r="V207" s="12">
        <f t="shared" si="101"/>
        <v>0.52104102880341097</v>
      </c>
      <c r="W207" s="12">
        <f t="shared" si="107"/>
        <v>0</v>
      </c>
      <c r="X207" s="12">
        <f t="shared" si="102"/>
        <v>-7.0953309908476907E-3</v>
      </c>
      <c r="Y207" s="12">
        <f t="shared" si="103"/>
        <v>-5.875924024232846E-2</v>
      </c>
      <c r="Z207" s="12">
        <f t="shared" si="104"/>
        <v>-9.5984753200240996E-2</v>
      </c>
      <c r="AA207" s="12">
        <f t="shared" si="105"/>
        <v>-2.1476600051355411E-2</v>
      </c>
      <c r="AB207" s="12">
        <f t="shared" si="108"/>
        <v>0</v>
      </c>
      <c r="AC207" s="12">
        <f t="shared" si="109"/>
        <v>0.94746089080541585</v>
      </c>
      <c r="AD207" s="12">
        <f t="shared" si="110"/>
        <v>0</v>
      </c>
      <c r="AE207" s="12">
        <f t="shared" si="111"/>
        <v>0</v>
      </c>
      <c r="AF207" s="12">
        <f t="shared" si="112"/>
        <v>0</v>
      </c>
      <c r="AG207" s="12">
        <f t="shared" si="113"/>
        <v>0</v>
      </c>
      <c r="AH207" s="12">
        <f>AC207/SUM(AC$2:AG$366)*Input!$D$12</f>
        <v>248.47727436882332</v>
      </c>
      <c r="AI207" s="12">
        <f>AD207/SUM(AC$2:AG$366)*Input!$D$12</f>
        <v>0</v>
      </c>
      <c r="AJ207" s="12">
        <f>AE207/SUM(AC$2:AG$366)*Input!$D$12</f>
        <v>0</v>
      </c>
      <c r="AK207" s="12">
        <f>AF207/SUM(AC$2:AG$366)*Input!$D$12</f>
        <v>0</v>
      </c>
      <c r="AL207" s="12">
        <f>AG207/SUM(AC$2:AG$366)*Input!$D$12</f>
        <v>0</v>
      </c>
      <c r="AM207" s="12">
        <f t="shared" si="114"/>
        <v>7.4543182310646996</v>
      </c>
      <c r="AN207" s="12">
        <f t="shared" si="115"/>
        <v>24.847727436882334</v>
      </c>
      <c r="AO207" s="12">
        <f t="shared" si="116"/>
        <v>37.271591155323499</v>
      </c>
      <c r="AP207" s="12">
        <f t="shared" si="117"/>
        <v>178.90363754555278</v>
      </c>
      <c r="AQ207" s="12">
        <f t="shared" si="118"/>
        <v>0</v>
      </c>
      <c r="AR207" s="11">
        <f t="shared" si="119"/>
        <v>248.47727436882332</v>
      </c>
    </row>
    <row r="208" spans="16:44" x14ac:dyDescent="0.3">
      <c r="P208" s="10">
        <f t="shared" si="120"/>
        <v>45498</v>
      </c>
      <c r="Q208" s="29">
        <v>17.600000000000001</v>
      </c>
      <c r="R208" s="29">
        <f t="shared" si="106"/>
        <v>4</v>
      </c>
      <c r="S208" s="12">
        <f t="shared" si="98"/>
        <v>1.0609861866589789</v>
      </c>
      <c r="T208" s="12">
        <f t="shared" si="99"/>
        <v>0.67790786498212752</v>
      </c>
      <c r="U208" s="12">
        <f t="shared" si="100"/>
        <v>0.40699471377216029</v>
      </c>
      <c r="V208" s="12">
        <f t="shared" si="101"/>
        <v>0.52104102880341097</v>
      </c>
      <c r="W208" s="12">
        <f t="shared" si="107"/>
        <v>0</v>
      </c>
      <c r="X208" s="12">
        <f t="shared" si="102"/>
        <v>-7.0953309908476907E-3</v>
      </c>
      <c r="Y208" s="12">
        <f t="shared" si="103"/>
        <v>-1.3263420615734021E-2</v>
      </c>
      <c r="Z208" s="12">
        <f t="shared" si="104"/>
        <v>-1.2756454396407539E-2</v>
      </c>
      <c r="AA208" s="12">
        <f t="shared" si="105"/>
        <v>-2.1476600051355411E-2</v>
      </c>
      <c r="AB208" s="12">
        <f t="shared" si="108"/>
        <v>0</v>
      </c>
      <c r="AC208" s="12">
        <f t="shared" si="109"/>
        <v>0.93610836122005958</v>
      </c>
      <c r="AD208" s="12">
        <f t="shared" si="110"/>
        <v>0</v>
      </c>
      <c r="AE208" s="12">
        <f t="shared" si="111"/>
        <v>0</v>
      </c>
      <c r="AF208" s="12">
        <f t="shared" si="112"/>
        <v>0</v>
      </c>
      <c r="AG208" s="12">
        <f t="shared" si="113"/>
        <v>0</v>
      </c>
      <c r="AH208" s="12">
        <f>AC208/SUM(AC$2:AG$366)*Input!$D$12</f>
        <v>245.50000571748848</v>
      </c>
      <c r="AI208" s="12">
        <f>AD208/SUM(AC$2:AG$366)*Input!$D$12</f>
        <v>0</v>
      </c>
      <c r="AJ208" s="12">
        <f>AE208/SUM(AC$2:AG$366)*Input!$D$12</f>
        <v>0</v>
      </c>
      <c r="AK208" s="12">
        <f>AF208/SUM(AC$2:AG$366)*Input!$D$12</f>
        <v>0</v>
      </c>
      <c r="AL208" s="12">
        <f>AG208/SUM(AC$2:AG$366)*Input!$D$12</f>
        <v>0</v>
      </c>
      <c r="AM208" s="12">
        <f t="shared" si="114"/>
        <v>7.3650001715246542</v>
      </c>
      <c r="AN208" s="12">
        <f t="shared" si="115"/>
        <v>24.55000057174885</v>
      </c>
      <c r="AO208" s="12">
        <f t="shared" si="116"/>
        <v>36.825000857623273</v>
      </c>
      <c r="AP208" s="12">
        <f t="shared" si="117"/>
        <v>176.76000411659169</v>
      </c>
      <c r="AQ208" s="12">
        <f t="shared" si="118"/>
        <v>0</v>
      </c>
      <c r="AR208" s="11">
        <f t="shared" si="119"/>
        <v>245.50000571748848</v>
      </c>
    </row>
    <row r="209" spans="16:44" x14ac:dyDescent="0.3">
      <c r="P209" s="10">
        <f t="shared" si="120"/>
        <v>45499</v>
      </c>
      <c r="Q209" s="29">
        <v>17.399999999999999</v>
      </c>
      <c r="R209" s="29">
        <f t="shared" si="106"/>
        <v>5</v>
      </c>
      <c r="S209" s="12">
        <f t="shared" si="98"/>
        <v>1.0609861866589789</v>
      </c>
      <c r="T209" s="12">
        <f t="shared" si="99"/>
        <v>0.67790786498212752</v>
      </c>
      <c r="U209" s="12">
        <f t="shared" si="100"/>
        <v>0.40699471377216029</v>
      </c>
      <c r="V209" s="12">
        <f t="shared" si="101"/>
        <v>0.52104102880341097</v>
      </c>
      <c r="W209" s="12">
        <f t="shared" si="107"/>
        <v>0</v>
      </c>
      <c r="X209" s="12">
        <f t="shared" si="102"/>
        <v>-7.0953309908476907E-3</v>
      </c>
      <c r="Y209" s="12">
        <f t="shared" si="103"/>
        <v>-1.3263420615734021E-2</v>
      </c>
      <c r="Z209" s="12">
        <f t="shared" si="104"/>
        <v>-1.2756454396407539E-2</v>
      </c>
      <c r="AA209" s="12">
        <f t="shared" si="105"/>
        <v>-2.1476600051355411E-2</v>
      </c>
      <c r="AB209" s="12">
        <f t="shared" si="108"/>
        <v>0</v>
      </c>
      <c r="AC209" s="12">
        <f t="shared" si="109"/>
        <v>0.93752742741822914</v>
      </c>
      <c r="AD209" s="12">
        <f t="shared" si="110"/>
        <v>0</v>
      </c>
      <c r="AE209" s="12">
        <f t="shared" si="111"/>
        <v>0</v>
      </c>
      <c r="AF209" s="12">
        <f t="shared" si="112"/>
        <v>0</v>
      </c>
      <c r="AG209" s="12">
        <f t="shared" si="113"/>
        <v>0</v>
      </c>
      <c r="AH209" s="12">
        <f>AC209/SUM(AC$2:AG$366)*Input!$D$12</f>
        <v>245.87216429890532</v>
      </c>
      <c r="AI209" s="12">
        <f>AD209/SUM(AC$2:AG$366)*Input!$D$12</f>
        <v>0</v>
      </c>
      <c r="AJ209" s="12">
        <f>AE209/SUM(AC$2:AG$366)*Input!$D$12</f>
        <v>0</v>
      </c>
      <c r="AK209" s="12">
        <f>AF209/SUM(AC$2:AG$366)*Input!$D$12</f>
        <v>0</v>
      </c>
      <c r="AL209" s="12">
        <f>AG209/SUM(AC$2:AG$366)*Input!$D$12</f>
        <v>0</v>
      </c>
      <c r="AM209" s="12">
        <f t="shared" si="114"/>
        <v>7.3761649289671594</v>
      </c>
      <c r="AN209" s="12">
        <f t="shared" si="115"/>
        <v>24.587216429890532</v>
      </c>
      <c r="AO209" s="12">
        <f t="shared" si="116"/>
        <v>36.880824644835798</v>
      </c>
      <c r="AP209" s="12">
        <f t="shared" si="117"/>
        <v>177.02795829521182</v>
      </c>
      <c r="AQ209" s="12">
        <f t="shared" si="118"/>
        <v>0</v>
      </c>
      <c r="AR209" s="11">
        <f t="shared" si="119"/>
        <v>245.87216429890532</v>
      </c>
    </row>
    <row r="210" spans="16:44" x14ac:dyDescent="0.3">
      <c r="P210" s="10">
        <f t="shared" si="120"/>
        <v>45500</v>
      </c>
      <c r="Q210" s="29">
        <v>16.2</v>
      </c>
      <c r="R210" s="29">
        <f t="shared" si="106"/>
        <v>6</v>
      </c>
      <c r="S210" s="12">
        <f t="shared" si="98"/>
        <v>0.88136675487947747</v>
      </c>
      <c r="T210" s="12">
        <f t="shared" si="99"/>
        <v>0.40529111994771311</v>
      </c>
      <c r="U210" s="12">
        <f t="shared" si="100"/>
        <v>1.4791569663107089</v>
      </c>
      <c r="V210" s="12">
        <f t="shared" si="101"/>
        <v>0.29524473618599389</v>
      </c>
      <c r="W210" s="12">
        <f t="shared" si="107"/>
        <v>0.44487676601187343</v>
      </c>
      <c r="X210" s="12">
        <f t="shared" si="102"/>
        <v>-1.236743869637378E-2</v>
      </c>
      <c r="Y210" s="12">
        <f t="shared" si="103"/>
        <v>-1.3226323007097701E-2</v>
      </c>
      <c r="Z210" s="12">
        <f t="shared" si="104"/>
        <v>-6.6119920832722404E-2</v>
      </c>
      <c r="AA210" s="12">
        <f t="shared" si="105"/>
        <v>-9.762199133681506E-3</v>
      </c>
      <c r="AB210" s="12">
        <f t="shared" si="108"/>
        <v>-1.748296682554611E-2</v>
      </c>
      <c r="AC210" s="12">
        <f t="shared" si="109"/>
        <v>0.7722020558051842</v>
      </c>
      <c r="AD210" s="12">
        <f t="shared" si="110"/>
        <v>0.10813907544244865</v>
      </c>
      <c r="AE210" s="12">
        <f t="shared" si="111"/>
        <v>0</v>
      </c>
      <c r="AF210" s="12">
        <f t="shared" si="112"/>
        <v>0</v>
      </c>
      <c r="AG210" s="12">
        <f t="shared" si="113"/>
        <v>0</v>
      </c>
      <c r="AH210" s="12">
        <f>AC210/SUM(AC$2:AG$366)*Input!$D$12</f>
        <v>202.51459870324115</v>
      </c>
      <c r="AI210" s="12">
        <f>AD210/SUM(AC$2:AG$366)*Input!$D$12</f>
        <v>28.360118058131675</v>
      </c>
      <c r="AJ210" s="12">
        <f>AE210/SUM(AC$2:AG$366)*Input!$D$12</f>
        <v>0</v>
      </c>
      <c r="AK210" s="12">
        <f>AF210/SUM(AC$2:AG$366)*Input!$D$12</f>
        <v>0</v>
      </c>
      <c r="AL210" s="12">
        <f>AG210/SUM(AC$2:AG$366)*Input!$D$12</f>
        <v>0</v>
      </c>
      <c r="AM210" s="12">
        <f t="shared" si="114"/>
        <v>2.554965590822674</v>
      </c>
      <c r="AN210" s="12">
        <f t="shared" si="115"/>
        <v>8.5165519694089156</v>
      </c>
      <c r="AO210" s="12">
        <f t="shared" si="116"/>
        <v>12.774827954113372</v>
      </c>
      <c r="AP210" s="12">
        <f t="shared" si="117"/>
        <v>207.02837124702788</v>
      </c>
      <c r="AQ210" s="12">
        <f t="shared" si="118"/>
        <v>0</v>
      </c>
      <c r="AR210" s="11">
        <f t="shared" si="119"/>
        <v>230.87471676137284</v>
      </c>
    </row>
    <row r="211" spans="16:44" x14ac:dyDescent="0.3">
      <c r="P211" s="10">
        <f t="shared" si="120"/>
        <v>45501</v>
      </c>
      <c r="Q211" s="29">
        <v>16.2</v>
      </c>
      <c r="R211" s="29">
        <f t="shared" si="106"/>
        <v>7</v>
      </c>
      <c r="S211" s="12">
        <f t="shared" si="98"/>
        <v>0.88136675487947747</v>
      </c>
      <c r="T211" s="12">
        <f t="shared" si="99"/>
        <v>0.40529111994771311</v>
      </c>
      <c r="U211" s="12">
        <f t="shared" si="100"/>
        <v>1.4791569663107089</v>
      </c>
      <c r="V211" s="12">
        <f t="shared" si="101"/>
        <v>0.29524473618599389</v>
      </c>
      <c r="W211" s="12">
        <f t="shared" si="107"/>
        <v>0.44487676601187343</v>
      </c>
      <c r="X211" s="12">
        <f t="shared" si="102"/>
        <v>-1.236743869637378E-2</v>
      </c>
      <c r="Y211" s="12">
        <f t="shared" si="103"/>
        <v>-1.3226323007097701E-2</v>
      </c>
      <c r="Z211" s="12">
        <f t="shared" si="104"/>
        <v>-6.6119920832722404E-2</v>
      </c>
      <c r="AA211" s="12">
        <f t="shared" si="105"/>
        <v>-9.762199133681506E-3</v>
      </c>
      <c r="AB211" s="12">
        <f t="shared" si="108"/>
        <v>-1.748296682554611E-2</v>
      </c>
      <c r="AC211" s="12">
        <f t="shared" si="109"/>
        <v>0.7722020558051842</v>
      </c>
      <c r="AD211" s="12">
        <f t="shared" si="110"/>
        <v>0.10813907544244865</v>
      </c>
      <c r="AE211" s="12">
        <f t="shared" si="111"/>
        <v>0</v>
      </c>
      <c r="AF211" s="12">
        <f t="shared" si="112"/>
        <v>0</v>
      </c>
      <c r="AG211" s="12">
        <f t="shared" si="113"/>
        <v>0</v>
      </c>
      <c r="AH211" s="12">
        <f>AC211/SUM(AC$2:AG$366)*Input!$D$12</f>
        <v>202.51459870324115</v>
      </c>
      <c r="AI211" s="12">
        <f>AD211/SUM(AC$2:AG$366)*Input!$D$12</f>
        <v>28.360118058131675</v>
      </c>
      <c r="AJ211" s="12">
        <f>AE211/SUM(AC$2:AG$366)*Input!$D$12</f>
        <v>0</v>
      </c>
      <c r="AK211" s="12">
        <f>AF211/SUM(AC$2:AG$366)*Input!$D$12</f>
        <v>0</v>
      </c>
      <c r="AL211" s="12">
        <f>AG211/SUM(AC$2:AG$366)*Input!$D$12</f>
        <v>0</v>
      </c>
      <c r="AM211" s="12">
        <f t="shared" si="114"/>
        <v>2.554965590822674</v>
      </c>
      <c r="AN211" s="12">
        <f t="shared" si="115"/>
        <v>8.5165519694089156</v>
      </c>
      <c r="AO211" s="12">
        <f t="shared" si="116"/>
        <v>12.774827954113372</v>
      </c>
      <c r="AP211" s="12">
        <f t="shared" si="117"/>
        <v>207.02837124702788</v>
      </c>
      <c r="AQ211" s="12">
        <f t="shared" si="118"/>
        <v>0</v>
      </c>
      <c r="AR211" s="11">
        <f t="shared" si="119"/>
        <v>230.87471676137284</v>
      </c>
    </row>
    <row r="212" spans="16:44" x14ac:dyDescent="0.3">
      <c r="P212" s="10">
        <f t="shared" si="120"/>
        <v>45502</v>
      </c>
      <c r="Q212" s="29">
        <v>17.5</v>
      </c>
      <c r="R212" s="29">
        <f t="shared" si="106"/>
        <v>1</v>
      </c>
      <c r="S212" s="12">
        <f t="shared" si="98"/>
        <v>1.0609861866589789</v>
      </c>
      <c r="T212" s="12">
        <f t="shared" si="99"/>
        <v>0.67790786498212752</v>
      </c>
      <c r="U212" s="12">
        <f t="shared" si="100"/>
        <v>0.40699471377216029</v>
      </c>
      <c r="V212" s="12">
        <f t="shared" si="101"/>
        <v>0.52104102880341097</v>
      </c>
      <c r="W212" s="12">
        <f t="shared" si="107"/>
        <v>0</v>
      </c>
      <c r="X212" s="12">
        <f t="shared" si="102"/>
        <v>-7.0953309908476907E-3</v>
      </c>
      <c r="Y212" s="12">
        <f t="shared" si="103"/>
        <v>-1.3263420615734021E-2</v>
      </c>
      <c r="Z212" s="12">
        <f t="shared" si="104"/>
        <v>-1.2756454396407539E-2</v>
      </c>
      <c r="AA212" s="12">
        <f t="shared" si="105"/>
        <v>-2.1476600051355411E-2</v>
      </c>
      <c r="AB212" s="12">
        <f t="shared" si="108"/>
        <v>0</v>
      </c>
      <c r="AC212" s="12">
        <f t="shared" si="109"/>
        <v>0.93681789431914431</v>
      </c>
      <c r="AD212" s="12">
        <f t="shared" si="110"/>
        <v>0</v>
      </c>
      <c r="AE212" s="12">
        <f t="shared" si="111"/>
        <v>0</v>
      </c>
      <c r="AF212" s="12">
        <f t="shared" si="112"/>
        <v>0</v>
      </c>
      <c r="AG212" s="12">
        <f t="shared" si="113"/>
        <v>0</v>
      </c>
      <c r="AH212" s="12">
        <f>AC212/SUM(AC$2:AG$366)*Input!$D$12</f>
        <v>245.68608500819687</v>
      </c>
      <c r="AI212" s="12">
        <f>AD212/SUM(AC$2:AG$366)*Input!$D$12</f>
        <v>0</v>
      </c>
      <c r="AJ212" s="12">
        <f>AE212/SUM(AC$2:AG$366)*Input!$D$12</f>
        <v>0</v>
      </c>
      <c r="AK212" s="12">
        <f>AF212/SUM(AC$2:AG$366)*Input!$D$12</f>
        <v>0</v>
      </c>
      <c r="AL212" s="12">
        <f>AG212/SUM(AC$2:AG$366)*Input!$D$12</f>
        <v>0</v>
      </c>
      <c r="AM212" s="12">
        <f t="shared" si="114"/>
        <v>7.3705825502459055</v>
      </c>
      <c r="AN212" s="12">
        <f t="shared" si="115"/>
        <v>24.568608500819689</v>
      </c>
      <c r="AO212" s="12">
        <f t="shared" si="116"/>
        <v>36.852912751229532</v>
      </c>
      <c r="AP212" s="12">
        <f t="shared" si="117"/>
        <v>176.89398120590175</v>
      </c>
      <c r="AQ212" s="12">
        <f t="shared" si="118"/>
        <v>0</v>
      </c>
      <c r="AR212" s="11">
        <f t="shared" si="119"/>
        <v>245.68608500819687</v>
      </c>
    </row>
    <row r="213" spans="16:44" x14ac:dyDescent="0.3">
      <c r="P213" s="10">
        <f t="shared" si="120"/>
        <v>45503</v>
      </c>
      <c r="Q213" s="29">
        <v>17.2</v>
      </c>
      <c r="R213" s="29">
        <f t="shared" si="106"/>
        <v>2</v>
      </c>
      <c r="S213" s="12">
        <f t="shared" si="98"/>
        <v>1.0609861866589789</v>
      </c>
      <c r="T213" s="12">
        <f t="shared" si="99"/>
        <v>1.4695351264848711</v>
      </c>
      <c r="U213" s="12">
        <f t="shared" si="100"/>
        <v>0.40699471377216029</v>
      </c>
      <c r="V213" s="12">
        <f t="shared" si="101"/>
        <v>0.52104102880341097</v>
      </c>
      <c r="W213" s="12">
        <f t="shared" si="107"/>
        <v>0</v>
      </c>
      <c r="X213" s="12">
        <f t="shared" si="102"/>
        <v>-7.0953309908476907E-3</v>
      </c>
      <c r="Y213" s="12">
        <f t="shared" si="103"/>
        <v>-5.875924024232846E-2</v>
      </c>
      <c r="Z213" s="12">
        <f t="shared" si="104"/>
        <v>-1.2756454396407539E-2</v>
      </c>
      <c r="AA213" s="12">
        <f t="shared" si="105"/>
        <v>-2.1476600051355411E-2</v>
      </c>
      <c r="AB213" s="12">
        <f t="shared" si="108"/>
        <v>0</v>
      </c>
      <c r="AC213" s="12">
        <f t="shared" si="109"/>
        <v>0.9389464936163987</v>
      </c>
      <c r="AD213" s="12">
        <f t="shared" si="110"/>
        <v>0</v>
      </c>
      <c r="AE213" s="12">
        <f t="shared" si="111"/>
        <v>0</v>
      </c>
      <c r="AF213" s="12">
        <f t="shared" si="112"/>
        <v>0</v>
      </c>
      <c r="AG213" s="12">
        <f t="shared" si="113"/>
        <v>0</v>
      </c>
      <c r="AH213" s="12">
        <f>AC213/SUM(AC$2:AG$366)*Input!$D$12</f>
        <v>246.24432288032219</v>
      </c>
      <c r="AI213" s="12">
        <f>AD213/SUM(AC$2:AG$366)*Input!$D$12</f>
        <v>0</v>
      </c>
      <c r="AJ213" s="12">
        <f>AE213/SUM(AC$2:AG$366)*Input!$D$12</f>
        <v>0</v>
      </c>
      <c r="AK213" s="12">
        <f>AF213/SUM(AC$2:AG$366)*Input!$D$12</f>
        <v>0</v>
      </c>
      <c r="AL213" s="12">
        <f>AG213/SUM(AC$2:AG$366)*Input!$D$12</f>
        <v>0</v>
      </c>
      <c r="AM213" s="12">
        <f t="shared" si="114"/>
        <v>7.3873296864096654</v>
      </c>
      <c r="AN213" s="12">
        <f t="shared" si="115"/>
        <v>24.624432288032221</v>
      </c>
      <c r="AO213" s="12">
        <f t="shared" si="116"/>
        <v>36.936648432048329</v>
      </c>
      <c r="AP213" s="12">
        <f t="shared" si="117"/>
        <v>177.29591247383198</v>
      </c>
      <c r="AQ213" s="12">
        <f t="shared" si="118"/>
        <v>0</v>
      </c>
      <c r="AR213" s="11">
        <f t="shared" si="119"/>
        <v>246.24432288032219</v>
      </c>
    </row>
    <row r="214" spans="16:44" x14ac:dyDescent="0.3">
      <c r="P214" s="10">
        <f t="shared" si="120"/>
        <v>45504</v>
      </c>
      <c r="Q214" s="29">
        <v>19</v>
      </c>
      <c r="R214" s="29">
        <f t="shared" si="106"/>
        <v>3</v>
      </c>
      <c r="S214" s="12">
        <f t="shared" si="98"/>
        <v>1.0609861866589789</v>
      </c>
      <c r="T214" s="12">
        <f t="shared" si="99"/>
        <v>0.67790786498212752</v>
      </c>
      <c r="U214" s="12">
        <f t="shared" si="100"/>
        <v>0.40699471377216029</v>
      </c>
      <c r="V214" s="12">
        <f t="shared" si="101"/>
        <v>0.52104102880341097</v>
      </c>
      <c r="W214" s="12">
        <f t="shared" si="107"/>
        <v>0</v>
      </c>
      <c r="X214" s="12">
        <f t="shared" si="102"/>
        <v>-7.0953309908476907E-3</v>
      </c>
      <c r="Y214" s="12">
        <f t="shared" si="103"/>
        <v>-1.3263420615734021E-2</v>
      </c>
      <c r="Z214" s="12">
        <f t="shared" si="104"/>
        <v>-1.2756454396407539E-2</v>
      </c>
      <c r="AA214" s="12">
        <f t="shared" si="105"/>
        <v>-2.1476600051355411E-2</v>
      </c>
      <c r="AB214" s="12">
        <f t="shared" si="108"/>
        <v>0</v>
      </c>
      <c r="AC214" s="12">
        <f t="shared" si="109"/>
        <v>0.92617489783287277</v>
      </c>
      <c r="AD214" s="12">
        <f t="shared" si="110"/>
        <v>0</v>
      </c>
      <c r="AE214" s="12">
        <f t="shared" si="111"/>
        <v>0</v>
      </c>
      <c r="AF214" s="12">
        <f t="shared" si="112"/>
        <v>0</v>
      </c>
      <c r="AG214" s="12">
        <f t="shared" si="113"/>
        <v>0</v>
      </c>
      <c r="AH214" s="12">
        <f>AC214/SUM(AC$2:AG$366)*Input!$D$12</f>
        <v>242.89489564757045</v>
      </c>
      <c r="AI214" s="12">
        <f>AD214/SUM(AC$2:AG$366)*Input!$D$12</f>
        <v>0</v>
      </c>
      <c r="AJ214" s="12">
        <f>AE214/SUM(AC$2:AG$366)*Input!$D$12</f>
        <v>0</v>
      </c>
      <c r="AK214" s="12">
        <f>AF214/SUM(AC$2:AG$366)*Input!$D$12</f>
        <v>0</v>
      </c>
      <c r="AL214" s="12">
        <f>AG214/SUM(AC$2:AG$366)*Input!$D$12</f>
        <v>0</v>
      </c>
      <c r="AM214" s="12">
        <f t="shared" si="114"/>
        <v>7.2868468694271131</v>
      </c>
      <c r="AN214" s="12">
        <f t="shared" si="115"/>
        <v>24.289489564757048</v>
      </c>
      <c r="AO214" s="12">
        <f t="shared" si="116"/>
        <v>36.434234347135565</v>
      </c>
      <c r="AP214" s="12">
        <f t="shared" si="117"/>
        <v>174.88432486625072</v>
      </c>
      <c r="AQ214" s="12">
        <f t="shared" si="118"/>
        <v>0</v>
      </c>
      <c r="AR214" s="11">
        <f t="shared" si="119"/>
        <v>242.89489564757045</v>
      </c>
    </row>
    <row r="215" spans="16:44" x14ac:dyDescent="0.3">
      <c r="P215" s="10">
        <f t="shared" si="120"/>
        <v>45505</v>
      </c>
      <c r="Q215" s="29">
        <v>17.8</v>
      </c>
      <c r="R215" s="29">
        <f t="shared" si="106"/>
        <v>4</v>
      </c>
      <c r="S215" s="12">
        <f t="shared" si="98"/>
        <v>1.0609861866589789</v>
      </c>
      <c r="T215" s="12">
        <f t="shared" si="99"/>
        <v>0.67790786498212752</v>
      </c>
      <c r="U215" s="12">
        <f t="shared" si="100"/>
        <v>0.40699471377216029</v>
      </c>
      <c r="V215" s="12">
        <f t="shared" si="101"/>
        <v>0.52104102880341097</v>
      </c>
      <c r="W215" s="12">
        <f t="shared" si="107"/>
        <v>0</v>
      </c>
      <c r="X215" s="12">
        <f t="shared" si="102"/>
        <v>-7.0953309908476907E-3</v>
      </c>
      <c r="Y215" s="12">
        <f t="shared" si="103"/>
        <v>-1.3263420615734021E-2</v>
      </c>
      <c r="Z215" s="12">
        <f t="shared" si="104"/>
        <v>-1.2756454396407539E-2</v>
      </c>
      <c r="AA215" s="12">
        <f t="shared" si="105"/>
        <v>-2.1476600051355411E-2</v>
      </c>
      <c r="AB215" s="12">
        <f t="shared" si="108"/>
        <v>0</v>
      </c>
      <c r="AC215" s="12">
        <f t="shared" si="109"/>
        <v>0.93468929502189002</v>
      </c>
      <c r="AD215" s="12">
        <f t="shared" si="110"/>
        <v>0</v>
      </c>
      <c r="AE215" s="12">
        <f t="shared" si="111"/>
        <v>0</v>
      </c>
      <c r="AF215" s="12">
        <f t="shared" si="112"/>
        <v>0</v>
      </c>
      <c r="AG215" s="12">
        <f t="shared" si="113"/>
        <v>0</v>
      </c>
      <c r="AH215" s="12">
        <f>AC215/SUM(AC$2:AG$366)*Input!$D$12</f>
        <v>245.12784713607161</v>
      </c>
      <c r="AI215" s="12">
        <f>AD215/SUM(AC$2:AG$366)*Input!$D$12</f>
        <v>0</v>
      </c>
      <c r="AJ215" s="12">
        <f>AE215/SUM(AC$2:AG$366)*Input!$D$12</f>
        <v>0</v>
      </c>
      <c r="AK215" s="12">
        <f>AF215/SUM(AC$2:AG$366)*Input!$D$12</f>
        <v>0</v>
      </c>
      <c r="AL215" s="12">
        <f>AG215/SUM(AC$2:AG$366)*Input!$D$12</f>
        <v>0</v>
      </c>
      <c r="AM215" s="12">
        <f t="shared" si="114"/>
        <v>7.3538354140821482</v>
      </c>
      <c r="AN215" s="12">
        <f t="shared" si="115"/>
        <v>24.512784713607161</v>
      </c>
      <c r="AO215" s="12">
        <f t="shared" si="116"/>
        <v>36.769177070410741</v>
      </c>
      <c r="AP215" s="12">
        <f t="shared" si="117"/>
        <v>176.49204993797156</v>
      </c>
      <c r="AQ215" s="12">
        <f t="shared" si="118"/>
        <v>0</v>
      </c>
      <c r="AR215" s="11">
        <f t="shared" si="119"/>
        <v>245.12784713607161</v>
      </c>
    </row>
    <row r="216" spans="16:44" x14ac:dyDescent="0.3">
      <c r="P216" s="10">
        <f t="shared" si="120"/>
        <v>45506</v>
      </c>
      <c r="Q216" s="29">
        <v>17.2</v>
      </c>
      <c r="R216" s="29">
        <f t="shared" si="106"/>
        <v>5</v>
      </c>
      <c r="S216" s="12">
        <f t="shared" si="98"/>
        <v>1.0609861866589789</v>
      </c>
      <c r="T216" s="12">
        <f t="shared" si="99"/>
        <v>1.4695351264848711</v>
      </c>
      <c r="U216" s="12">
        <f t="shared" si="100"/>
        <v>0.40699471377216029</v>
      </c>
      <c r="V216" s="12">
        <f t="shared" si="101"/>
        <v>0.52104102880341097</v>
      </c>
      <c r="W216" s="12">
        <f t="shared" si="107"/>
        <v>0</v>
      </c>
      <c r="X216" s="12">
        <f t="shared" si="102"/>
        <v>-7.0953309908476907E-3</v>
      </c>
      <c r="Y216" s="12">
        <f t="shared" si="103"/>
        <v>-5.875924024232846E-2</v>
      </c>
      <c r="Z216" s="12">
        <f t="shared" si="104"/>
        <v>-1.2756454396407539E-2</v>
      </c>
      <c r="AA216" s="12">
        <f t="shared" si="105"/>
        <v>-2.1476600051355411E-2</v>
      </c>
      <c r="AB216" s="12">
        <f t="shared" si="108"/>
        <v>0</v>
      </c>
      <c r="AC216" s="12">
        <f t="shared" si="109"/>
        <v>0.9389464936163987</v>
      </c>
      <c r="AD216" s="12">
        <f t="shared" si="110"/>
        <v>0</v>
      </c>
      <c r="AE216" s="12">
        <f t="shared" si="111"/>
        <v>0</v>
      </c>
      <c r="AF216" s="12">
        <f t="shared" si="112"/>
        <v>0</v>
      </c>
      <c r="AG216" s="12">
        <f t="shared" si="113"/>
        <v>0</v>
      </c>
      <c r="AH216" s="12">
        <f>AC216/SUM(AC$2:AG$366)*Input!$D$12</f>
        <v>246.24432288032219</v>
      </c>
      <c r="AI216" s="12">
        <f>AD216/SUM(AC$2:AG$366)*Input!$D$12</f>
        <v>0</v>
      </c>
      <c r="AJ216" s="12">
        <f>AE216/SUM(AC$2:AG$366)*Input!$D$12</f>
        <v>0</v>
      </c>
      <c r="AK216" s="12">
        <f>AF216/SUM(AC$2:AG$366)*Input!$D$12</f>
        <v>0</v>
      </c>
      <c r="AL216" s="12">
        <f>AG216/SUM(AC$2:AG$366)*Input!$D$12</f>
        <v>0</v>
      </c>
      <c r="AM216" s="12">
        <f t="shared" si="114"/>
        <v>7.3873296864096654</v>
      </c>
      <c r="AN216" s="12">
        <f t="shared" si="115"/>
        <v>24.624432288032221</v>
      </c>
      <c r="AO216" s="12">
        <f t="shared" si="116"/>
        <v>36.936648432048329</v>
      </c>
      <c r="AP216" s="12">
        <f t="shared" si="117"/>
        <v>177.29591247383198</v>
      </c>
      <c r="AQ216" s="12">
        <f t="shared" si="118"/>
        <v>0</v>
      </c>
      <c r="AR216" s="11">
        <f t="shared" si="119"/>
        <v>246.24432288032219</v>
      </c>
    </row>
    <row r="217" spans="16:44" x14ac:dyDescent="0.3">
      <c r="P217" s="10">
        <f t="shared" si="120"/>
        <v>45507</v>
      </c>
      <c r="Q217" s="29">
        <v>14</v>
      </c>
      <c r="R217" s="29">
        <f t="shared" si="106"/>
        <v>6</v>
      </c>
      <c r="S217" s="12">
        <f t="shared" si="98"/>
        <v>0.88136675487947747</v>
      </c>
      <c r="T217" s="12">
        <f t="shared" si="99"/>
        <v>0.40529111994771311</v>
      </c>
      <c r="U217" s="12">
        <f t="shared" si="100"/>
        <v>1.4791569663107089</v>
      </c>
      <c r="V217" s="12">
        <f t="shared" si="101"/>
        <v>1.31124751273035</v>
      </c>
      <c r="W217" s="12">
        <f t="shared" si="107"/>
        <v>1.9424956480203619</v>
      </c>
      <c r="X217" s="12">
        <f t="shared" si="102"/>
        <v>-1.236743869637378E-2</v>
      </c>
      <c r="Y217" s="12">
        <f t="shared" si="103"/>
        <v>-1.3226323007097701E-2</v>
      </c>
      <c r="Z217" s="12">
        <f t="shared" si="104"/>
        <v>-6.6119920832722404E-2</v>
      </c>
      <c r="AA217" s="12">
        <f t="shared" si="105"/>
        <v>-7.5310765362349638E-2</v>
      </c>
      <c r="AB217" s="12">
        <f t="shared" si="108"/>
        <v>-0.1200596025795522</v>
      </c>
      <c r="AC217" s="12">
        <f t="shared" si="109"/>
        <v>0.80305362102838429</v>
      </c>
      <c r="AD217" s="12">
        <f t="shared" si="110"/>
        <v>0.12461140264194825</v>
      </c>
      <c r="AE217" s="12">
        <f t="shared" si="111"/>
        <v>0</v>
      </c>
      <c r="AF217" s="12">
        <f t="shared" si="112"/>
        <v>0</v>
      </c>
      <c r="AG217" s="12">
        <f t="shared" si="113"/>
        <v>0</v>
      </c>
      <c r="AH217" s="12">
        <f>AC217/SUM(AC$2:AG$366)*Input!$D$12</f>
        <v>210.60560584777468</v>
      </c>
      <c r="AI217" s="12">
        <f>AD217/SUM(AC$2:AG$366)*Input!$D$12</f>
        <v>32.680084195798557</v>
      </c>
      <c r="AJ217" s="12">
        <f>AE217/SUM(AC$2:AG$366)*Input!$D$12</f>
        <v>0</v>
      </c>
      <c r="AK217" s="12">
        <f>AF217/SUM(AC$2:AG$366)*Input!$D$12</f>
        <v>0</v>
      </c>
      <c r="AL217" s="12">
        <f>AG217/SUM(AC$2:AG$366)*Input!$D$12</f>
        <v>0</v>
      </c>
      <c r="AM217" s="12">
        <f t="shared" si="114"/>
        <v>2.9441517293512223</v>
      </c>
      <c r="AN217" s="12">
        <f t="shared" si="115"/>
        <v>9.813839097837409</v>
      </c>
      <c r="AO217" s="12">
        <f t="shared" si="116"/>
        <v>14.720758646756112</v>
      </c>
      <c r="AP217" s="12">
        <f t="shared" si="117"/>
        <v>215.80694056962849</v>
      </c>
      <c r="AQ217" s="12">
        <f t="shared" si="118"/>
        <v>0</v>
      </c>
      <c r="AR217" s="11">
        <f t="shared" si="119"/>
        <v>243.28569004357325</v>
      </c>
    </row>
    <row r="218" spans="16:44" x14ac:dyDescent="0.3">
      <c r="P218" s="10">
        <f t="shared" si="120"/>
        <v>45508</v>
      </c>
      <c r="Q218" s="29">
        <v>14.1</v>
      </c>
      <c r="R218" s="29">
        <f t="shared" si="106"/>
        <v>7</v>
      </c>
      <c r="S218" s="12">
        <f t="shared" si="98"/>
        <v>0.88136675487947747</v>
      </c>
      <c r="T218" s="12">
        <f t="shared" si="99"/>
        <v>0.40529111994771311</v>
      </c>
      <c r="U218" s="12">
        <f t="shared" si="100"/>
        <v>1.4791569663107089</v>
      </c>
      <c r="V218" s="12">
        <f t="shared" si="101"/>
        <v>1.31124751273035</v>
      </c>
      <c r="W218" s="12">
        <f t="shared" si="107"/>
        <v>1.9424956480203619</v>
      </c>
      <c r="X218" s="12">
        <f t="shared" si="102"/>
        <v>-1.236743869637378E-2</v>
      </c>
      <c r="Y218" s="12">
        <f t="shared" si="103"/>
        <v>-1.3226323007097701E-2</v>
      </c>
      <c r="Z218" s="12">
        <f t="shared" si="104"/>
        <v>-6.6119920832722404E-2</v>
      </c>
      <c r="AA218" s="12">
        <f t="shared" si="105"/>
        <v>-7.5310765362349638E-2</v>
      </c>
      <c r="AB218" s="12">
        <f t="shared" si="108"/>
        <v>-0.1200596025795522</v>
      </c>
      <c r="AC218" s="12">
        <f t="shared" si="109"/>
        <v>0.8016512771546026</v>
      </c>
      <c r="AD218" s="12">
        <f t="shared" si="110"/>
        <v>0.12386266049651647</v>
      </c>
      <c r="AE218" s="12">
        <f t="shared" si="111"/>
        <v>0</v>
      </c>
      <c r="AF218" s="12">
        <f t="shared" si="112"/>
        <v>0</v>
      </c>
      <c r="AG218" s="12">
        <f t="shared" si="113"/>
        <v>0</v>
      </c>
      <c r="AH218" s="12">
        <f>AC218/SUM(AC$2:AG$366)*Input!$D$12</f>
        <v>210.23783279575048</v>
      </c>
      <c r="AI218" s="12">
        <f>AD218/SUM(AC$2:AG$366)*Input!$D$12</f>
        <v>32.483722098631887</v>
      </c>
      <c r="AJ218" s="12">
        <f>AE218/SUM(AC$2:AG$366)*Input!$D$12</f>
        <v>0</v>
      </c>
      <c r="AK218" s="12">
        <f>AF218/SUM(AC$2:AG$366)*Input!$D$12</f>
        <v>0</v>
      </c>
      <c r="AL218" s="12">
        <f>AG218/SUM(AC$2:AG$366)*Input!$D$12</f>
        <v>0</v>
      </c>
      <c r="AM218" s="12">
        <f t="shared" si="114"/>
        <v>2.926461450327198</v>
      </c>
      <c r="AN218" s="12">
        <f t="shared" si="115"/>
        <v>9.7548715010906601</v>
      </c>
      <c r="AO218" s="12">
        <f t="shared" si="116"/>
        <v>14.632307251635991</v>
      </c>
      <c r="AP218" s="12">
        <f t="shared" si="117"/>
        <v>215.40791469132853</v>
      </c>
      <c r="AQ218" s="12">
        <f t="shared" si="118"/>
        <v>0</v>
      </c>
      <c r="AR218" s="11">
        <f t="shared" si="119"/>
        <v>242.72155489438239</v>
      </c>
    </row>
    <row r="219" spans="16:44" x14ac:dyDescent="0.3">
      <c r="P219" s="10">
        <f t="shared" si="120"/>
        <v>45509</v>
      </c>
      <c r="Q219" s="29">
        <v>15.2</v>
      </c>
      <c r="R219" s="29">
        <f t="shared" si="106"/>
        <v>1</v>
      </c>
      <c r="S219" s="12">
        <f t="shared" si="98"/>
        <v>1.0609861866589789</v>
      </c>
      <c r="T219" s="12">
        <f t="shared" si="99"/>
        <v>1.4695351264848711</v>
      </c>
      <c r="U219" s="12">
        <f t="shared" si="100"/>
        <v>1.771938814155029</v>
      </c>
      <c r="V219" s="12">
        <f t="shared" si="101"/>
        <v>0.52104102880341097</v>
      </c>
      <c r="W219" s="12">
        <f t="shared" si="107"/>
        <v>0</v>
      </c>
      <c r="X219" s="12">
        <f t="shared" si="102"/>
        <v>-7.0953309908476907E-3</v>
      </c>
      <c r="Y219" s="12">
        <f t="shared" si="103"/>
        <v>-5.875924024232846E-2</v>
      </c>
      <c r="Z219" s="12">
        <f t="shared" si="104"/>
        <v>-9.5984753200240996E-2</v>
      </c>
      <c r="AA219" s="12">
        <f t="shared" si="105"/>
        <v>-2.1476600051355411E-2</v>
      </c>
      <c r="AB219" s="12">
        <f t="shared" si="108"/>
        <v>0</v>
      </c>
      <c r="AC219" s="12">
        <f t="shared" si="109"/>
        <v>0.95313715559809409</v>
      </c>
      <c r="AD219" s="12">
        <f t="shared" si="110"/>
        <v>0</v>
      </c>
      <c r="AE219" s="12">
        <f t="shared" si="111"/>
        <v>0</v>
      </c>
      <c r="AF219" s="12">
        <f t="shared" si="112"/>
        <v>0</v>
      </c>
      <c r="AG219" s="12">
        <f t="shared" si="113"/>
        <v>0</v>
      </c>
      <c r="AH219" s="12">
        <f>AC219/SUM(AC$2:AG$366)*Input!$D$12</f>
        <v>249.96590869449074</v>
      </c>
      <c r="AI219" s="12">
        <f>AD219/SUM(AC$2:AG$366)*Input!$D$12</f>
        <v>0</v>
      </c>
      <c r="AJ219" s="12">
        <f>AE219/SUM(AC$2:AG$366)*Input!$D$12</f>
        <v>0</v>
      </c>
      <c r="AK219" s="12">
        <f>AF219/SUM(AC$2:AG$366)*Input!$D$12</f>
        <v>0</v>
      </c>
      <c r="AL219" s="12">
        <f>AG219/SUM(AC$2:AG$366)*Input!$D$12</f>
        <v>0</v>
      </c>
      <c r="AM219" s="12">
        <f t="shared" si="114"/>
        <v>7.4989772608347218</v>
      </c>
      <c r="AN219" s="12">
        <f t="shared" si="115"/>
        <v>24.996590869449076</v>
      </c>
      <c r="AO219" s="12">
        <f t="shared" si="116"/>
        <v>37.494886304173612</v>
      </c>
      <c r="AP219" s="12">
        <f t="shared" si="117"/>
        <v>179.97545426003333</v>
      </c>
      <c r="AQ219" s="12">
        <f t="shared" si="118"/>
        <v>0</v>
      </c>
      <c r="AR219" s="11">
        <f t="shared" si="119"/>
        <v>249.96590869449074</v>
      </c>
    </row>
    <row r="220" spans="16:44" x14ac:dyDescent="0.3">
      <c r="P220" s="10">
        <f t="shared" si="120"/>
        <v>45510</v>
      </c>
      <c r="Q220" s="29">
        <v>12.9</v>
      </c>
      <c r="R220" s="29">
        <f t="shared" si="106"/>
        <v>2</v>
      </c>
      <c r="S220" s="12">
        <f t="shared" si="98"/>
        <v>1.0609861866589789</v>
      </c>
      <c r="T220" s="12">
        <f t="shared" si="99"/>
        <v>1.4695351264848711</v>
      </c>
      <c r="U220" s="12">
        <f t="shared" si="100"/>
        <v>1.771938814155029</v>
      </c>
      <c r="V220" s="12">
        <f t="shared" si="101"/>
        <v>0.52104102880341097</v>
      </c>
      <c r="W220" s="12">
        <f t="shared" si="107"/>
        <v>0</v>
      </c>
      <c r="X220" s="12">
        <f t="shared" si="102"/>
        <v>-7.0953309908476907E-3</v>
      </c>
      <c r="Y220" s="12">
        <f t="shared" si="103"/>
        <v>-5.875924024232846E-2</v>
      </c>
      <c r="Z220" s="12">
        <f t="shared" si="104"/>
        <v>-9.5984753200240996E-2</v>
      </c>
      <c r="AA220" s="12">
        <f t="shared" si="105"/>
        <v>-2.1476600051355411E-2</v>
      </c>
      <c r="AB220" s="12">
        <f t="shared" si="108"/>
        <v>0</v>
      </c>
      <c r="AC220" s="12">
        <f t="shared" si="109"/>
        <v>0.96945641687704376</v>
      </c>
      <c r="AD220" s="12">
        <f t="shared" si="110"/>
        <v>0</v>
      </c>
      <c r="AE220" s="12">
        <f t="shared" si="111"/>
        <v>0</v>
      </c>
      <c r="AF220" s="12">
        <f t="shared" si="112"/>
        <v>0</v>
      </c>
      <c r="AG220" s="12">
        <f t="shared" si="113"/>
        <v>0</v>
      </c>
      <c r="AH220" s="12">
        <f>AC220/SUM(AC$2:AG$366)*Input!$D$12</f>
        <v>254.2457323807846</v>
      </c>
      <c r="AI220" s="12">
        <f>AD220/SUM(AC$2:AG$366)*Input!$D$12</f>
        <v>0</v>
      </c>
      <c r="AJ220" s="12">
        <f>AE220/SUM(AC$2:AG$366)*Input!$D$12</f>
        <v>0</v>
      </c>
      <c r="AK220" s="12">
        <f>AF220/SUM(AC$2:AG$366)*Input!$D$12</f>
        <v>0</v>
      </c>
      <c r="AL220" s="12">
        <f>AG220/SUM(AC$2:AG$366)*Input!$D$12</f>
        <v>0</v>
      </c>
      <c r="AM220" s="12">
        <f t="shared" si="114"/>
        <v>7.6273719714235382</v>
      </c>
      <c r="AN220" s="12">
        <f t="shared" si="115"/>
        <v>25.424573238078462</v>
      </c>
      <c r="AO220" s="12">
        <f t="shared" si="116"/>
        <v>38.136859857117692</v>
      </c>
      <c r="AP220" s="12">
        <f t="shared" si="117"/>
        <v>183.05692731416491</v>
      </c>
      <c r="AQ220" s="12">
        <f t="shared" si="118"/>
        <v>0</v>
      </c>
      <c r="AR220" s="11">
        <f t="shared" si="119"/>
        <v>254.2457323807846</v>
      </c>
    </row>
    <row r="221" spans="16:44" x14ac:dyDescent="0.3">
      <c r="P221" s="10">
        <f t="shared" si="120"/>
        <v>45511</v>
      </c>
      <c r="Q221" s="29">
        <v>16.100000000000001</v>
      </c>
      <c r="R221" s="29">
        <f t="shared" si="106"/>
        <v>3</v>
      </c>
      <c r="S221" s="12">
        <f t="shared" si="98"/>
        <v>1.0609861866589789</v>
      </c>
      <c r="T221" s="12">
        <f t="shared" si="99"/>
        <v>1.4695351264848711</v>
      </c>
      <c r="U221" s="12">
        <f t="shared" si="100"/>
        <v>1.771938814155029</v>
      </c>
      <c r="V221" s="12">
        <f t="shared" si="101"/>
        <v>0.52104102880341097</v>
      </c>
      <c r="W221" s="12">
        <f t="shared" si="107"/>
        <v>0</v>
      </c>
      <c r="X221" s="12">
        <f t="shared" si="102"/>
        <v>-7.0953309908476907E-3</v>
      </c>
      <c r="Y221" s="12">
        <f t="shared" si="103"/>
        <v>-5.875924024232846E-2</v>
      </c>
      <c r="Z221" s="12">
        <f t="shared" si="104"/>
        <v>-9.5984753200240996E-2</v>
      </c>
      <c r="AA221" s="12">
        <f t="shared" si="105"/>
        <v>-2.1476600051355411E-2</v>
      </c>
      <c r="AB221" s="12">
        <f t="shared" si="108"/>
        <v>0</v>
      </c>
      <c r="AC221" s="12">
        <f t="shared" si="109"/>
        <v>0.94675135770633112</v>
      </c>
      <c r="AD221" s="12">
        <f t="shared" si="110"/>
        <v>0</v>
      </c>
      <c r="AE221" s="12">
        <f t="shared" si="111"/>
        <v>0</v>
      </c>
      <c r="AF221" s="12">
        <f t="shared" si="112"/>
        <v>0</v>
      </c>
      <c r="AG221" s="12">
        <f t="shared" si="113"/>
        <v>0</v>
      </c>
      <c r="AH221" s="12">
        <f>AC221/SUM(AC$2:AG$366)*Input!$D$12</f>
        <v>248.2911950781149</v>
      </c>
      <c r="AI221" s="12">
        <f>AD221/SUM(AC$2:AG$366)*Input!$D$12</f>
        <v>0</v>
      </c>
      <c r="AJ221" s="12">
        <f>AE221/SUM(AC$2:AG$366)*Input!$D$12</f>
        <v>0</v>
      </c>
      <c r="AK221" s="12">
        <f>AF221/SUM(AC$2:AG$366)*Input!$D$12</f>
        <v>0</v>
      </c>
      <c r="AL221" s="12">
        <f>AG221/SUM(AC$2:AG$366)*Input!$D$12</f>
        <v>0</v>
      </c>
      <c r="AM221" s="12">
        <f t="shared" si="114"/>
        <v>7.4487358523434466</v>
      </c>
      <c r="AN221" s="12">
        <f t="shared" si="115"/>
        <v>24.829119507811491</v>
      </c>
      <c r="AO221" s="12">
        <f t="shared" si="116"/>
        <v>37.243679261717233</v>
      </c>
      <c r="AP221" s="12">
        <f t="shared" si="117"/>
        <v>178.76966045624272</v>
      </c>
      <c r="AQ221" s="12">
        <f t="shared" si="118"/>
        <v>0</v>
      </c>
      <c r="AR221" s="11">
        <f t="shared" si="119"/>
        <v>248.2911950781149</v>
      </c>
    </row>
    <row r="222" spans="16:44" x14ac:dyDescent="0.3">
      <c r="P222" s="10">
        <f t="shared" si="120"/>
        <v>45512</v>
      </c>
      <c r="Q222" s="29">
        <v>17.100000000000001</v>
      </c>
      <c r="R222" s="29">
        <f t="shared" si="106"/>
        <v>4</v>
      </c>
      <c r="S222" s="12">
        <f t="shared" si="98"/>
        <v>1.0609861866589789</v>
      </c>
      <c r="T222" s="12">
        <f t="shared" si="99"/>
        <v>1.4695351264848711</v>
      </c>
      <c r="U222" s="12">
        <f t="shared" si="100"/>
        <v>0.40699471377216029</v>
      </c>
      <c r="V222" s="12">
        <f t="shared" si="101"/>
        <v>0.52104102880341097</v>
      </c>
      <c r="W222" s="12">
        <f t="shared" si="107"/>
        <v>0</v>
      </c>
      <c r="X222" s="12">
        <f t="shared" si="102"/>
        <v>-7.0953309908476907E-3</v>
      </c>
      <c r="Y222" s="12">
        <f t="shared" si="103"/>
        <v>-5.875924024232846E-2</v>
      </c>
      <c r="Z222" s="12">
        <f t="shared" si="104"/>
        <v>-1.2756454396407539E-2</v>
      </c>
      <c r="AA222" s="12">
        <f t="shared" si="105"/>
        <v>-2.1476600051355411E-2</v>
      </c>
      <c r="AB222" s="12">
        <f t="shared" si="108"/>
        <v>0</v>
      </c>
      <c r="AC222" s="12">
        <f t="shared" si="109"/>
        <v>0.93965602671548343</v>
      </c>
      <c r="AD222" s="12">
        <f t="shared" si="110"/>
        <v>0</v>
      </c>
      <c r="AE222" s="12">
        <f t="shared" si="111"/>
        <v>0</v>
      </c>
      <c r="AF222" s="12">
        <f t="shared" si="112"/>
        <v>0</v>
      </c>
      <c r="AG222" s="12">
        <f t="shared" si="113"/>
        <v>0</v>
      </c>
      <c r="AH222" s="12">
        <f>AC222/SUM(AC$2:AG$366)*Input!$D$12</f>
        <v>246.43040217103058</v>
      </c>
      <c r="AI222" s="12">
        <f>AD222/SUM(AC$2:AG$366)*Input!$D$12</f>
        <v>0</v>
      </c>
      <c r="AJ222" s="12">
        <f>AE222/SUM(AC$2:AG$366)*Input!$D$12</f>
        <v>0</v>
      </c>
      <c r="AK222" s="12">
        <f>AF222/SUM(AC$2:AG$366)*Input!$D$12</f>
        <v>0</v>
      </c>
      <c r="AL222" s="12">
        <f>AG222/SUM(AC$2:AG$366)*Input!$D$12</f>
        <v>0</v>
      </c>
      <c r="AM222" s="12">
        <f t="shared" si="114"/>
        <v>7.3929120651309175</v>
      </c>
      <c r="AN222" s="12">
        <f t="shared" si="115"/>
        <v>24.64304021710306</v>
      </c>
      <c r="AO222" s="12">
        <f t="shared" si="116"/>
        <v>36.964560325654588</v>
      </c>
      <c r="AP222" s="12">
        <f t="shared" si="117"/>
        <v>177.42988956314201</v>
      </c>
      <c r="AQ222" s="12">
        <f t="shared" si="118"/>
        <v>0</v>
      </c>
      <c r="AR222" s="11">
        <f t="shared" si="119"/>
        <v>246.43040217103058</v>
      </c>
    </row>
    <row r="223" spans="16:44" x14ac:dyDescent="0.3">
      <c r="P223" s="10">
        <f t="shared" si="120"/>
        <v>45513</v>
      </c>
      <c r="Q223" s="29">
        <v>15.1</v>
      </c>
      <c r="R223" s="29">
        <f t="shared" si="106"/>
        <v>5</v>
      </c>
      <c r="S223" s="12">
        <f t="shared" si="98"/>
        <v>1.0609861866589789</v>
      </c>
      <c r="T223" s="12">
        <f t="shared" si="99"/>
        <v>1.4695351264848711</v>
      </c>
      <c r="U223" s="12">
        <f t="shared" si="100"/>
        <v>1.771938814155029</v>
      </c>
      <c r="V223" s="12">
        <f t="shared" si="101"/>
        <v>0.52104102880341097</v>
      </c>
      <c r="W223" s="12">
        <f t="shared" si="107"/>
        <v>0</v>
      </c>
      <c r="X223" s="12">
        <f t="shared" si="102"/>
        <v>-7.0953309908476907E-3</v>
      </c>
      <c r="Y223" s="12">
        <f t="shared" si="103"/>
        <v>-5.875924024232846E-2</v>
      </c>
      <c r="Z223" s="12">
        <f t="shared" si="104"/>
        <v>-9.5984753200240996E-2</v>
      </c>
      <c r="AA223" s="12">
        <f t="shared" si="105"/>
        <v>-2.1476600051355411E-2</v>
      </c>
      <c r="AB223" s="12">
        <f t="shared" si="108"/>
        <v>0</v>
      </c>
      <c r="AC223" s="12">
        <f t="shared" si="109"/>
        <v>0.95384668869717881</v>
      </c>
      <c r="AD223" s="12">
        <f t="shared" si="110"/>
        <v>0</v>
      </c>
      <c r="AE223" s="12">
        <f t="shared" si="111"/>
        <v>0</v>
      </c>
      <c r="AF223" s="12">
        <f t="shared" si="112"/>
        <v>0</v>
      </c>
      <c r="AG223" s="12">
        <f t="shared" si="113"/>
        <v>0</v>
      </c>
      <c r="AH223" s="12">
        <f>AC223/SUM(AC$2:AG$366)*Input!$D$12</f>
        <v>250.15198798519918</v>
      </c>
      <c r="AI223" s="12">
        <f>AD223/SUM(AC$2:AG$366)*Input!$D$12</f>
        <v>0</v>
      </c>
      <c r="AJ223" s="12">
        <f>AE223/SUM(AC$2:AG$366)*Input!$D$12</f>
        <v>0</v>
      </c>
      <c r="AK223" s="12">
        <f>AF223/SUM(AC$2:AG$366)*Input!$D$12</f>
        <v>0</v>
      </c>
      <c r="AL223" s="12">
        <f>AG223/SUM(AC$2:AG$366)*Input!$D$12</f>
        <v>0</v>
      </c>
      <c r="AM223" s="12">
        <f t="shared" si="114"/>
        <v>7.5045596395559748</v>
      </c>
      <c r="AN223" s="12">
        <f t="shared" si="115"/>
        <v>25.015198798519918</v>
      </c>
      <c r="AO223" s="12">
        <f t="shared" si="116"/>
        <v>37.522798197779878</v>
      </c>
      <c r="AP223" s="12">
        <f t="shared" si="117"/>
        <v>180.1094313493434</v>
      </c>
      <c r="AQ223" s="12">
        <f t="shared" si="118"/>
        <v>0</v>
      </c>
      <c r="AR223" s="11">
        <f t="shared" si="119"/>
        <v>250.15198798519918</v>
      </c>
    </row>
    <row r="224" spans="16:44" x14ac:dyDescent="0.3">
      <c r="P224" s="10">
        <f t="shared" si="120"/>
        <v>45514</v>
      </c>
      <c r="Q224" s="29">
        <v>14.3</v>
      </c>
      <c r="R224" s="29">
        <f t="shared" si="106"/>
        <v>6</v>
      </c>
      <c r="S224" s="12">
        <f t="shared" si="98"/>
        <v>0.88136675487947747</v>
      </c>
      <c r="T224" s="12">
        <f t="shared" si="99"/>
        <v>0.40529111994771311</v>
      </c>
      <c r="U224" s="12">
        <f t="shared" si="100"/>
        <v>1.4791569663107089</v>
      </c>
      <c r="V224" s="12">
        <f t="shared" si="101"/>
        <v>1.31124751273035</v>
      </c>
      <c r="W224" s="12">
        <f t="shared" si="107"/>
        <v>1.9424956480203619</v>
      </c>
      <c r="X224" s="12">
        <f t="shared" si="102"/>
        <v>-1.236743869637378E-2</v>
      </c>
      <c r="Y224" s="12">
        <f t="shared" si="103"/>
        <v>-1.3226323007097701E-2</v>
      </c>
      <c r="Z224" s="12">
        <f t="shared" si="104"/>
        <v>-6.6119920832722404E-2</v>
      </c>
      <c r="AA224" s="12">
        <f t="shared" si="105"/>
        <v>-7.5310765362349638E-2</v>
      </c>
      <c r="AB224" s="12">
        <f t="shared" si="108"/>
        <v>-0.1200596025795522</v>
      </c>
      <c r="AC224" s="12">
        <f t="shared" si="109"/>
        <v>0.7988465894070389</v>
      </c>
      <c r="AD224" s="12">
        <f t="shared" si="110"/>
        <v>0.12236517620565285</v>
      </c>
      <c r="AE224" s="12">
        <f t="shared" si="111"/>
        <v>0</v>
      </c>
      <c r="AF224" s="12">
        <f t="shared" si="112"/>
        <v>0</v>
      </c>
      <c r="AG224" s="12">
        <f t="shared" si="113"/>
        <v>0</v>
      </c>
      <c r="AH224" s="12">
        <f>AC224/SUM(AC$2:AG$366)*Input!$D$12</f>
        <v>209.50228669170193</v>
      </c>
      <c r="AI224" s="12">
        <f>AD224/SUM(AC$2:AG$366)*Input!$D$12</f>
        <v>32.090997904298519</v>
      </c>
      <c r="AJ224" s="12">
        <f>AE224/SUM(AC$2:AG$366)*Input!$D$12</f>
        <v>0</v>
      </c>
      <c r="AK224" s="12">
        <f>AF224/SUM(AC$2:AG$366)*Input!$D$12</f>
        <v>0</v>
      </c>
      <c r="AL224" s="12">
        <f>AG224/SUM(AC$2:AG$366)*Input!$D$12</f>
        <v>0</v>
      </c>
      <c r="AM224" s="12">
        <f t="shared" si="114"/>
        <v>2.8910808922791467</v>
      </c>
      <c r="AN224" s="12">
        <f t="shared" si="115"/>
        <v>9.636936307597157</v>
      </c>
      <c r="AO224" s="12">
        <f t="shared" si="116"/>
        <v>14.455404461395734</v>
      </c>
      <c r="AP224" s="12">
        <f t="shared" si="117"/>
        <v>214.6098629347284</v>
      </c>
      <c r="AQ224" s="12">
        <f t="shared" si="118"/>
        <v>0</v>
      </c>
      <c r="AR224" s="11">
        <f t="shared" si="119"/>
        <v>241.59328459600044</v>
      </c>
    </row>
    <row r="225" spans="16:44" x14ac:dyDescent="0.3">
      <c r="P225" s="10">
        <f t="shared" si="120"/>
        <v>45515</v>
      </c>
      <c r="Q225" s="29">
        <v>15.2</v>
      </c>
      <c r="R225" s="29">
        <f t="shared" si="106"/>
        <v>7</v>
      </c>
      <c r="S225" s="12">
        <f t="shared" si="98"/>
        <v>0.88136675487947747</v>
      </c>
      <c r="T225" s="12">
        <f t="shared" si="99"/>
        <v>0.40529111994771311</v>
      </c>
      <c r="U225" s="12">
        <f t="shared" si="100"/>
        <v>1.4791569663107089</v>
      </c>
      <c r="V225" s="12">
        <f t="shared" si="101"/>
        <v>1.31124751273035</v>
      </c>
      <c r="W225" s="12">
        <f t="shared" si="107"/>
        <v>0.44487676601187343</v>
      </c>
      <c r="X225" s="12">
        <f t="shared" si="102"/>
        <v>-1.236743869637378E-2</v>
      </c>
      <c r="Y225" s="12">
        <f t="shared" si="103"/>
        <v>-1.3226323007097701E-2</v>
      </c>
      <c r="Z225" s="12">
        <f t="shared" si="104"/>
        <v>-6.6119920832722404E-2</v>
      </c>
      <c r="AA225" s="12">
        <f t="shared" si="105"/>
        <v>-7.5310765362349638E-2</v>
      </c>
      <c r="AB225" s="12">
        <f t="shared" si="108"/>
        <v>-1.748296682554611E-2</v>
      </c>
      <c r="AC225" s="12">
        <f t="shared" si="109"/>
        <v>0.7862254945430025</v>
      </c>
      <c r="AD225" s="12">
        <f t="shared" si="110"/>
        <v>0.11562649689676666</v>
      </c>
      <c r="AE225" s="12">
        <f t="shared" si="111"/>
        <v>0</v>
      </c>
      <c r="AF225" s="12">
        <f t="shared" si="112"/>
        <v>0</v>
      </c>
      <c r="AG225" s="12">
        <f t="shared" si="113"/>
        <v>0</v>
      </c>
      <c r="AH225" s="12">
        <f>AC225/SUM(AC$2:AG$366)*Input!$D$12</f>
        <v>206.19232922348368</v>
      </c>
      <c r="AI225" s="12">
        <f>AD225/SUM(AC$2:AG$366)*Input!$D$12</f>
        <v>30.323739029798439</v>
      </c>
      <c r="AJ225" s="12">
        <f>AE225/SUM(AC$2:AG$366)*Input!$D$12</f>
        <v>0</v>
      </c>
      <c r="AK225" s="12">
        <f>AF225/SUM(AC$2:AG$366)*Input!$D$12</f>
        <v>0</v>
      </c>
      <c r="AL225" s="12">
        <f>AG225/SUM(AC$2:AG$366)*Input!$D$12</f>
        <v>0</v>
      </c>
      <c r="AM225" s="12">
        <f t="shared" si="114"/>
        <v>2.731868381062923</v>
      </c>
      <c r="AN225" s="12">
        <f t="shared" si="115"/>
        <v>9.1062279368764116</v>
      </c>
      <c r="AO225" s="12">
        <f t="shared" si="116"/>
        <v>13.659341905314617</v>
      </c>
      <c r="AP225" s="12">
        <f t="shared" si="117"/>
        <v>211.01863003002816</v>
      </c>
      <c r="AQ225" s="12">
        <f t="shared" si="118"/>
        <v>0</v>
      </c>
      <c r="AR225" s="11">
        <f t="shared" si="119"/>
        <v>236.51606825328213</v>
      </c>
    </row>
    <row r="226" spans="16:44" x14ac:dyDescent="0.3">
      <c r="P226" s="10">
        <f t="shared" si="120"/>
        <v>45516</v>
      </c>
      <c r="Q226" s="29">
        <v>18.100000000000001</v>
      </c>
      <c r="R226" s="29">
        <f t="shared" si="106"/>
        <v>1</v>
      </c>
      <c r="S226" s="12">
        <f t="shared" si="98"/>
        <v>1.0609861866589789</v>
      </c>
      <c r="T226" s="12">
        <f t="shared" si="99"/>
        <v>0.67790786498212752</v>
      </c>
      <c r="U226" s="12">
        <f t="shared" si="100"/>
        <v>0.40699471377216029</v>
      </c>
      <c r="V226" s="12">
        <f t="shared" si="101"/>
        <v>0.52104102880341097</v>
      </c>
      <c r="W226" s="12">
        <f t="shared" si="107"/>
        <v>0</v>
      </c>
      <c r="X226" s="12">
        <f t="shared" si="102"/>
        <v>-7.0953309908476907E-3</v>
      </c>
      <c r="Y226" s="12">
        <f t="shared" si="103"/>
        <v>-1.3263420615734021E-2</v>
      </c>
      <c r="Z226" s="12">
        <f t="shared" si="104"/>
        <v>-1.2756454396407539E-2</v>
      </c>
      <c r="AA226" s="12">
        <f t="shared" si="105"/>
        <v>-2.1476600051355411E-2</v>
      </c>
      <c r="AB226" s="12">
        <f t="shared" si="108"/>
        <v>0</v>
      </c>
      <c r="AC226" s="12">
        <f t="shared" si="109"/>
        <v>0.93256069572463574</v>
      </c>
      <c r="AD226" s="12">
        <f t="shared" si="110"/>
        <v>0</v>
      </c>
      <c r="AE226" s="12">
        <f t="shared" si="111"/>
        <v>0</v>
      </c>
      <c r="AF226" s="12">
        <f t="shared" si="112"/>
        <v>0</v>
      </c>
      <c r="AG226" s="12">
        <f t="shared" si="113"/>
        <v>0</v>
      </c>
      <c r="AH226" s="12">
        <f>AC226/SUM(AC$2:AG$366)*Input!$D$12</f>
        <v>244.56960926394632</v>
      </c>
      <c r="AI226" s="12">
        <f>AD226/SUM(AC$2:AG$366)*Input!$D$12</f>
        <v>0</v>
      </c>
      <c r="AJ226" s="12">
        <f>AE226/SUM(AC$2:AG$366)*Input!$D$12</f>
        <v>0</v>
      </c>
      <c r="AK226" s="12">
        <f>AF226/SUM(AC$2:AG$366)*Input!$D$12</f>
        <v>0</v>
      </c>
      <c r="AL226" s="12">
        <f>AG226/SUM(AC$2:AG$366)*Input!$D$12</f>
        <v>0</v>
      </c>
      <c r="AM226" s="12">
        <f t="shared" si="114"/>
        <v>7.3370882779183892</v>
      </c>
      <c r="AN226" s="12">
        <f t="shared" si="115"/>
        <v>24.456960926394633</v>
      </c>
      <c r="AO226" s="12">
        <f t="shared" si="116"/>
        <v>36.685441389591944</v>
      </c>
      <c r="AP226" s="12">
        <f t="shared" si="117"/>
        <v>176.09011867004133</v>
      </c>
      <c r="AQ226" s="12">
        <f t="shared" si="118"/>
        <v>0</v>
      </c>
      <c r="AR226" s="11">
        <f t="shared" si="119"/>
        <v>244.56960926394629</v>
      </c>
    </row>
    <row r="227" spans="16:44" x14ac:dyDescent="0.3">
      <c r="P227" s="10">
        <f t="shared" si="120"/>
        <v>45517</v>
      </c>
      <c r="Q227" s="29">
        <v>17.399999999999999</v>
      </c>
      <c r="R227" s="29">
        <f t="shared" si="106"/>
        <v>2</v>
      </c>
      <c r="S227" s="12">
        <f t="shared" si="98"/>
        <v>1.0609861866589789</v>
      </c>
      <c r="T227" s="12">
        <f t="shared" si="99"/>
        <v>0.67790786498212752</v>
      </c>
      <c r="U227" s="12">
        <f t="shared" si="100"/>
        <v>0.40699471377216029</v>
      </c>
      <c r="V227" s="12">
        <f t="shared" si="101"/>
        <v>0.52104102880341097</v>
      </c>
      <c r="W227" s="12">
        <f t="shared" si="107"/>
        <v>0</v>
      </c>
      <c r="X227" s="12">
        <f t="shared" si="102"/>
        <v>-7.0953309908476907E-3</v>
      </c>
      <c r="Y227" s="12">
        <f t="shared" si="103"/>
        <v>-1.3263420615734021E-2</v>
      </c>
      <c r="Z227" s="12">
        <f t="shared" si="104"/>
        <v>-1.2756454396407539E-2</v>
      </c>
      <c r="AA227" s="12">
        <f t="shared" si="105"/>
        <v>-2.1476600051355411E-2</v>
      </c>
      <c r="AB227" s="12">
        <f t="shared" si="108"/>
        <v>0</v>
      </c>
      <c r="AC227" s="12">
        <f t="shared" si="109"/>
        <v>0.93752742741822914</v>
      </c>
      <c r="AD227" s="12">
        <f t="shared" si="110"/>
        <v>0</v>
      </c>
      <c r="AE227" s="12">
        <f t="shared" si="111"/>
        <v>0</v>
      </c>
      <c r="AF227" s="12">
        <f t="shared" si="112"/>
        <v>0</v>
      </c>
      <c r="AG227" s="12">
        <f t="shared" si="113"/>
        <v>0</v>
      </c>
      <c r="AH227" s="12">
        <f>AC227/SUM(AC$2:AG$366)*Input!$D$12</f>
        <v>245.87216429890532</v>
      </c>
      <c r="AI227" s="12">
        <f>AD227/SUM(AC$2:AG$366)*Input!$D$12</f>
        <v>0</v>
      </c>
      <c r="AJ227" s="12">
        <f>AE227/SUM(AC$2:AG$366)*Input!$D$12</f>
        <v>0</v>
      </c>
      <c r="AK227" s="12">
        <f>AF227/SUM(AC$2:AG$366)*Input!$D$12</f>
        <v>0</v>
      </c>
      <c r="AL227" s="12">
        <f>AG227/SUM(AC$2:AG$366)*Input!$D$12</f>
        <v>0</v>
      </c>
      <c r="AM227" s="12">
        <f t="shared" si="114"/>
        <v>7.3761649289671594</v>
      </c>
      <c r="AN227" s="12">
        <f t="shared" si="115"/>
        <v>24.587216429890532</v>
      </c>
      <c r="AO227" s="12">
        <f t="shared" si="116"/>
        <v>36.880824644835798</v>
      </c>
      <c r="AP227" s="12">
        <f t="shared" si="117"/>
        <v>177.02795829521182</v>
      </c>
      <c r="AQ227" s="12">
        <f t="shared" si="118"/>
        <v>0</v>
      </c>
      <c r="AR227" s="11">
        <f t="shared" si="119"/>
        <v>245.87216429890532</v>
      </c>
    </row>
    <row r="228" spans="16:44" x14ac:dyDescent="0.3">
      <c r="P228" s="10">
        <f t="shared" si="120"/>
        <v>45518</v>
      </c>
      <c r="Q228" s="29">
        <v>17.2</v>
      </c>
      <c r="R228" s="29">
        <f t="shared" si="106"/>
        <v>3</v>
      </c>
      <c r="S228" s="12">
        <f t="shared" si="98"/>
        <v>1.0609861866589789</v>
      </c>
      <c r="T228" s="12">
        <f t="shared" si="99"/>
        <v>1.4695351264848711</v>
      </c>
      <c r="U228" s="12">
        <f t="shared" si="100"/>
        <v>0.40699471377216029</v>
      </c>
      <c r="V228" s="12">
        <f t="shared" si="101"/>
        <v>0.52104102880341097</v>
      </c>
      <c r="W228" s="12">
        <f t="shared" si="107"/>
        <v>0</v>
      </c>
      <c r="X228" s="12">
        <f t="shared" si="102"/>
        <v>-7.0953309908476907E-3</v>
      </c>
      <c r="Y228" s="12">
        <f t="shared" si="103"/>
        <v>-5.875924024232846E-2</v>
      </c>
      <c r="Z228" s="12">
        <f t="shared" si="104"/>
        <v>-1.2756454396407539E-2</v>
      </c>
      <c r="AA228" s="12">
        <f t="shared" si="105"/>
        <v>-2.1476600051355411E-2</v>
      </c>
      <c r="AB228" s="12">
        <f t="shared" si="108"/>
        <v>0</v>
      </c>
      <c r="AC228" s="12">
        <f t="shared" si="109"/>
        <v>0.9389464936163987</v>
      </c>
      <c r="AD228" s="12">
        <f t="shared" si="110"/>
        <v>0</v>
      </c>
      <c r="AE228" s="12">
        <f t="shared" si="111"/>
        <v>0</v>
      </c>
      <c r="AF228" s="12">
        <f t="shared" si="112"/>
        <v>0</v>
      </c>
      <c r="AG228" s="12">
        <f t="shared" si="113"/>
        <v>0</v>
      </c>
      <c r="AH228" s="12">
        <f>AC228/SUM(AC$2:AG$366)*Input!$D$12</f>
        <v>246.24432288032219</v>
      </c>
      <c r="AI228" s="12">
        <f>AD228/SUM(AC$2:AG$366)*Input!$D$12</f>
        <v>0</v>
      </c>
      <c r="AJ228" s="12">
        <f>AE228/SUM(AC$2:AG$366)*Input!$D$12</f>
        <v>0</v>
      </c>
      <c r="AK228" s="12">
        <f>AF228/SUM(AC$2:AG$366)*Input!$D$12</f>
        <v>0</v>
      </c>
      <c r="AL228" s="12">
        <f>AG228/SUM(AC$2:AG$366)*Input!$D$12</f>
        <v>0</v>
      </c>
      <c r="AM228" s="12">
        <f t="shared" si="114"/>
        <v>7.3873296864096654</v>
      </c>
      <c r="AN228" s="12">
        <f t="shared" si="115"/>
        <v>24.624432288032221</v>
      </c>
      <c r="AO228" s="12">
        <f t="shared" si="116"/>
        <v>36.936648432048329</v>
      </c>
      <c r="AP228" s="12">
        <f t="shared" si="117"/>
        <v>177.29591247383198</v>
      </c>
      <c r="AQ228" s="12">
        <f t="shared" si="118"/>
        <v>0</v>
      </c>
      <c r="AR228" s="11">
        <f t="shared" si="119"/>
        <v>246.24432288032219</v>
      </c>
    </row>
    <row r="229" spans="16:44" x14ac:dyDescent="0.3">
      <c r="P229" s="10">
        <f t="shared" si="120"/>
        <v>45519</v>
      </c>
      <c r="Q229" s="29">
        <v>14.7</v>
      </c>
      <c r="R229" s="29">
        <f t="shared" si="106"/>
        <v>4</v>
      </c>
      <c r="S229" s="12">
        <f t="shared" si="98"/>
        <v>1.0609861866589789</v>
      </c>
      <c r="T229" s="12">
        <f t="shared" si="99"/>
        <v>1.4695351264848711</v>
      </c>
      <c r="U229" s="12">
        <f t="shared" si="100"/>
        <v>1.771938814155029</v>
      </c>
      <c r="V229" s="12">
        <f t="shared" si="101"/>
        <v>0.52104102880341097</v>
      </c>
      <c r="W229" s="12">
        <f t="shared" si="107"/>
        <v>0</v>
      </c>
      <c r="X229" s="12">
        <f t="shared" si="102"/>
        <v>-7.0953309908476907E-3</v>
      </c>
      <c r="Y229" s="12">
        <f t="shared" si="103"/>
        <v>-5.875924024232846E-2</v>
      </c>
      <c r="Z229" s="12">
        <f t="shared" si="104"/>
        <v>-9.5984753200240996E-2</v>
      </c>
      <c r="AA229" s="12">
        <f t="shared" si="105"/>
        <v>-2.1476600051355411E-2</v>
      </c>
      <c r="AB229" s="12">
        <f t="shared" si="108"/>
        <v>0</v>
      </c>
      <c r="AC229" s="12">
        <f t="shared" si="109"/>
        <v>0.95668482109351793</v>
      </c>
      <c r="AD229" s="12">
        <f t="shared" si="110"/>
        <v>0</v>
      </c>
      <c r="AE229" s="12">
        <f t="shared" si="111"/>
        <v>0</v>
      </c>
      <c r="AF229" s="12">
        <f t="shared" si="112"/>
        <v>0</v>
      </c>
      <c r="AG229" s="12">
        <f t="shared" si="113"/>
        <v>0</v>
      </c>
      <c r="AH229" s="12">
        <f>AC229/SUM(AC$2:AG$366)*Input!$D$12</f>
        <v>250.89630514803289</v>
      </c>
      <c r="AI229" s="12">
        <f>AD229/SUM(AC$2:AG$366)*Input!$D$12</f>
        <v>0</v>
      </c>
      <c r="AJ229" s="12">
        <f>AE229/SUM(AC$2:AG$366)*Input!$D$12</f>
        <v>0</v>
      </c>
      <c r="AK229" s="12">
        <f>AF229/SUM(AC$2:AG$366)*Input!$D$12</f>
        <v>0</v>
      </c>
      <c r="AL229" s="12">
        <f>AG229/SUM(AC$2:AG$366)*Input!$D$12</f>
        <v>0</v>
      </c>
      <c r="AM229" s="12">
        <f t="shared" si="114"/>
        <v>7.5268891544409868</v>
      </c>
      <c r="AN229" s="12">
        <f t="shared" si="115"/>
        <v>25.089630514803289</v>
      </c>
      <c r="AO229" s="12">
        <f t="shared" si="116"/>
        <v>37.634445772204934</v>
      </c>
      <c r="AP229" s="12">
        <f t="shared" si="117"/>
        <v>180.64533970658368</v>
      </c>
      <c r="AQ229" s="12">
        <f t="shared" si="118"/>
        <v>0</v>
      </c>
      <c r="AR229" s="11">
        <f t="shared" si="119"/>
        <v>250.89630514803289</v>
      </c>
    </row>
    <row r="230" spans="16:44" x14ac:dyDescent="0.3">
      <c r="P230" s="10">
        <f t="shared" si="120"/>
        <v>45520</v>
      </c>
      <c r="Q230" s="29">
        <v>15.7</v>
      </c>
      <c r="R230" s="29">
        <f t="shared" si="106"/>
        <v>5</v>
      </c>
      <c r="S230" s="12">
        <f t="shared" si="98"/>
        <v>1.0609861866589789</v>
      </c>
      <c r="T230" s="12">
        <f t="shared" si="99"/>
        <v>1.4695351264848711</v>
      </c>
      <c r="U230" s="12">
        <f t="shared" si="100"/>
        <v>1.771938814155029</v>
      </c>
      <c r="V230" s="12">
        <f t="shared" si="101"/>
        <v>0.52104102880341097</v>
      </c>
      <c r="W230" s="12">
        <f t="shared" si="107"/>
        <v>0</v>
      </c>
      <c r="X230" s="12">
        <f t="shared" si="102"/>
        <v>-7.0953309908476907E-3</v>
      </c>
      <c r="Y230" s="12">
        <f t="shared" si="103"/>
        <v>-5.875924024232846E-2</v>
      </c>
      <c r="Z230" s="12">
        <f t="shared" si="104"/>
        <v>-9.5984753200240996E-2</v>
      </c>
      <c r="AA230" s="12">
        <f t="shared" si="105"/>
        <v>-2.1476600051355411E-2</v>
      </c>
      <c r="AB230" s="12">
        <f t="shared" si="108"/>
        <v>0</v>
      </c>
      <c r="AC230" s="12">
        <f t="shared" si="109"/>
        <v>0.94958949010267024</v>
      </c>
      <c r="AD230" s="12">
        <f t="shared" si="110"/>
        <v>0</v>
      </c>
      <c r="AE230" s="12">
        <f t="shared" si="111"/>
        <v>0</v>
      </c>
      <c r="AF230" s="12">
        <f t="shared" si="112"/>
        <v>0</v>
      </c>
      <c r="AG230" s="12">
        <f t="shared" si="113"/>
        <v>0</v>
      </c>
      <c r="AH230" s="12">
        <f>AC230/SUM(AC$2:AG$366)*Input!$D$12</f>
        <v>249.03551224094863</v>
      </c>
      <c r="AI230" s="12">
        <f>AD230/SUM(AC$2:AG$366)*Input!$D$12</f>
        <v>0</v>
      </c>
      <c r="AJ230" s="12">
        <f>AE230/SUM(AC$2:AG$366)*Input!$D$12</f>
        <v>0</v>
      </c>
      <c r="AK230" s="12">
        <f>AF230/SUM(AC$2:AG$366)*Input!$D$12</f>
        <v>0</v>
      </c>
      <c r="AL230" s="12">
        <f>AG230/SUM(AC$2:AG$366)*Input!$D$12</f>
        <v>0</v>
      </c>
      <c r="AM230" s="12">
        <f t="shared" si="114"/>
        <v>7.4710653672284586</v>
      </c>
      <c r="AN230" s="12">
        <f t="shared" si="115"/>
        <v>24.903551224094866</v>
      </c>
      <c r="AO230" s="12">
        <f t="shared" si="116"/>
        <v>37.355326836142297</v>
      </c>
      <c r="AP230" s="12">
        <f t="shared" si="117"/>
        <v>179.30556881348301</v>
      </c>
      <c r="AQ230" s="12">
        <f t="shared" si="118"/>
        <v>0</v>
      </c>
      <c r="AR230" s="11">
        <f t="shared" si="119"/>
        <v>249.03551224094863</v>
      </c>
    </row>
    <row r="231" spans="16:44" x14ac:dyDescent="0.3">
      <c r="P231" s="10">
        <f t="shared" si="120"/>
        <v>45521</v>
      </c>
      <c r="Q231" s="29">
        <v>17.600000000000001</v>
      </c>
      <c r="R231" s="29">
        <f t="shared" si="106"/>
        <v>6</v>
      </c>
      <c r="S231" s="12">
        <f t="shared" si="98"/>
        <v>0.88136675487947747</v>
      </c>
      <c r="T231" s="12">
        <f t="shared" si="99"/>
        <v>0.19607255136472959</v>
      </c>
      <c r="U231" s="12">
        <f t="shared" si="100"/>
        <v>0.65274423464211173</v>
      </c>
      <c r="V231" s="12">
        <f t="shared" si="101"/>
        <v>0.29524473618599389</v>
      </c>
      <c r="W231" s="12">
        <f t="shared" si="107"/>
        <v>0.44487676601187343</v>
      </c>
      <c r="X231" s="12">
        <f t="shared" si="102"/>
        <v>-1.236743869637378E-2</v>
      </c>
      <c r="Y231" s="12">
        <f t="shared" si="103"/>
        <v>-6.2279477920712143E-4</v>
      </c>
      <c r="Z231" s="12">
        <f t="shared" si="104"/>
        <v>-1.60343007315953E-2</v>
      </c>
      <c r="AA231" s="12">
        <f t="shared" si="105"/>
        <v>-9.762199133681506E-3</v>
      </c>
      <c r="AB231" s="12">
        <f t="shared" si="108"/>
        <v>-1.748296682554611E-2</v>
      </c>
      <c r="AC231" s="12">
        <f t="shared" si="109"/>
        <v>0.7525692415722387</v>
      </c>
      <c r="AD231" s="12">
        <f t="shared" si="110"/>
        <v>0.10479154273621234</v>
      </c>
      <c r="AE231" s="12">
        <f t="shared" si="111"/>
        <v>0</v>
      </c>
      <c r="AF231" s="12">
        <f t="shared" si="112"/>
        <v>0</v>
      </c>
      <c r="AG231" s="12">
        <f t="shared" si="113"/>
        <v>0</v>
      </c>
      <c r="AH231" s="12">
        <f>AC231/SUM(AC$2:AG$366)*Input!$D$12</f>
        <v>197.3657759749016</v>
      </c>
      <c r="AI231" s="12">
        <f>AD231/SUM(AC$2:AG$366)*Input!$D$12</f>
        <v>27.482207623222845</v>
      </c>
      <c r="AJ231" s="12">
        <f>AE231/SUM(AC$2:AG$366)*Input!$D$12</f>
        <v>0</v>
      </c>
      <c r="AK231" s="12">
        <f>AF231/SUM(AC$2:AG$366)*Input!$D$12</f>
        <v>0</v>
      </c>
      <c r="AL231" s="12">
        <f>AG231/SUM(AC$2:AG$366)*Input!$D$12</f>
        <v>0</v>
      </c>
      <c r="AM231" s="12">
        <f t="shared" si="114"/>
        <v>2.4758745606507073</v>
      </c>
      <c r="AN231" s="12">
        <f t="shared" si="115"/>
        <v>8.2529152021690262</v>
      </c>
      <c r="AO231" s="12">
        <f t="shared" si="116"/>
        <v>12.379372803253538</v>
      </c>
      <c r="AP231" s="12">
        <f t="shared" si="117"/>
        <v>201.73982103205117</v>
      </c>
      <c r="AQ231" s="12">
        <f t="shared" si="118"/>
        <v>0</v>
      </c>
      <c r="AR231" s="11">
        <f t="shared" si="119"/>
        <v>224.84798359812444</v>
      </c>
    </row>
    <row r="232" spans="16:44" x14ac:dyDescent="0.3">
      <c r="P232" s="10">
        <f t="shared" si="120"/>
        <v>45522</v>
      </c>
      <c r="Q232" s="29">
        <v>20.399999999999999</v>
      </c>
      <c r="R232" s="29">
        <f t="shared" si="106"/>
        <v>7</v>
      </c>
      <c r="S232" s="12">
        <f t="shared" si="98"/>
        <v>0.66609297291086311</v>
      </c>
      <c r="T232" s="12">
        <f t="shared" si="99"/>
        <v>0.19607255136472959</v>
      </c>
      <c r="U232" s="12">
        <f t="shared" si="100"/>
        <v>0.65274423464211173</v>
      </c>
      <c r="V232" s="12">
        <f t="shared" si="101"/>
        <v>0.29524473618599389</v>
      </c>
      <c r="W232" s="12">
        <f t="shared" si="107"/>
        <v>0.44487676601187343</v>
      </c>
      <c r="X232" s="12">
        <f t="shared" si="102"/>
        <v>-3.4097042997074749E-4</v>
      </c>
      <c r="Y232" s="12">
        <f t="shared" si="103"/>
        <v>-6.2279477920712143E-4</v>
      </c>
      <c r="Z232" s="12">
        <f t="shared" si="104"/>
        <v>-1.60343007315953E-2</v>
      </c>
      <c r="AA232" s="12">
        <f t="shared" si="105"/>
        <v>-9.762199133681506E-3</v>
      </c>
      <c r="AB232" s="12">
        <f t="shared" si="108"/>
        <v>-1.748296682554611E-2</v>
      </c>
      <c r="AC232" s="12">
        <f t="shared" si="109"/>
        <v>0.74739564402453362</v>
      </c>
      <c r="AD232" s="12">
        <f t="shared" si="110"/>
        <v>0.10380436318758672</v>
      </c>
      <c r="AE232" s="12">
        <f t="shared" si="111"/>
        <v>0</v>
      </c>
      <c r="AF232" s="12">
        <f t="shared" si="112"/>
        <v>0</v>
      </c>
      <c r="AG232" s="12">
        <f t="shared" si="113"/>
        <v>0</v>
      </c>
      <c r="AH232" s="12">
        <f>AC232/SUM(AC$2:AG$366)*Input!$D$12</f>
        <v>196.00896913484073</v>
      </c>
      <c r="AI232" s="12">
        <f>AD232/SUM(AC$2:AG$366)*Input!$D$12</f>
        <v>27.223313893744873</v>
      </c>
      <c r="AJ232" s="12">
        <f>AE232/SUM(AC$2:AG$366)*Input!$D$12</f>
        <v>0</v>
      </c>
      <c r="AK232" s="12">
        <f>AF232/SUM(AC$2:AG$366)*Input!$D$12</f>
        <v>0</v>
      </c>
      <c r="AL232" s="12">
        <f>AG232/SUM(AC$2:AG$366)*Input!$D$12</f>
        <v>0</v>
      </c>
      <c r="AM232" s="12">
        <f t="shared" si="114"/>
        <v>2.4525508012382775</v>
      </c>
      <c r="AN232" s="12">
        <f t="shared" si="115"/>
        <v>8.1751693374609253</v>
      </c>
      <c r="AO232" s="12">
        <f t="shared" si="116"/>
        <v>12.262754006191388</v>
      </c>
      <c r="AP232" s="12">
        <f t="shared" si="117"/>
        <v>200.34180888369499</v>
      </c>
      <c r="AQ232" s="12">
        <f t="shared" si="118"/>
        <v>0</v>
      </c>
      <c r="AR232" s="11">
        <f t="shared" si="119"/>
        <v>223.23228302858558</v>
      </c>
    </row>
    <row r="233" spans="16:44" x14ac:dyDescent="0.3">
      <c r="P233" s="10">
        <f t="shared" si="120"/>
        <v>45523</v>
      </c>
      <c r="Q233" s="29">
        <v>17.7</v>
      </c>
      <c r="R233" s="29">
        <f t="shared" si="106"/>
        <v>1</v>
      </c>
      <c r="S233" s="12">
        <f t="shared" si="98"/>
        <v>1.0609861866589789</v>
      </c>
      <c r="T233" s="12">
        <f t="shared" si="99"/>
        <v>0.67790786498212752</v>
      </c>
      <c r="U233" s="12">
        <f t="shared" si="100"/>
        <v>0.40699471377216029</v>
      </c>
      <c r="V233" s="12">
        <f t="shared" si="101"/>
        <v>0.52104102880341097</v>
      </c>
      <c r="W233" s="12">
        <f t="shared" si="107"/>
        <v>0</v>
      </c>
      <c r="X233" s="12">
        <f t="shared" si="102"/>
        <v>-7.0953309908476907E-3</v>
      </c>
      <c r="Y233" s="12">
        <f t="shared" si="103"/>
        <v>-1.3263420615734021E-2</v>
      </c>
      <c r="Z233" s="12">
        <f t="shared" si="104"/>
        <v>-1.2756454396407539E-2</v>
      </c>
      <c r="AA233" s="12">
        <f t="shared" si="105"/>
        <v>-2.1476600051355411E-2</v>
      </c>
      <c r="AB233" s="12">
        <f t="shared" si="108"/>
        <v>0</v>
      </c>
      <c r="AC233" s="12">
        <f t="shared" si="109"/>
        <v>0.93539882812097486</v>
      </c>
      <c r="AD233" s="12">
        <f t="shared" si="110"/>
        <v>0</v>
      </c>
      <c r="AE233" s="12">
        <f t="shared" si="111"/>
        <v>0</v>
      </c>
      <c r="AF233" s="12">
        <f t="shared" si="112"/>
        <v>0</v>
      </c>
      <c r="AG233" s="12">
        <f t="shared" si="113"/>
        <v>0</v>
      </c>
      <c r="AH233" s="12">
        <f>AC233/SUM(AC$2:AG$366)*Input!$D$12</f>
        <v>245.31392642678003</v>
      </c>
      <c r="AI233" s="12">
        <f>AD233/SUM(AC$2:AG$366)*Input!$D$12</f>
        <v>0</v>
      </c>
      <c r="AJ233" s="12">
        <f>AE233/SUM(AC$2:AG$366)*Input!$D$12</f>
        <v>0</v>
      </c>
      <c r="AK233" s="12">
        <f>AF233/SUM(AC$2:AG$366)*Input!$D$12</f>
        <v>0</v>
      </c>
      <c r="AL233" s="12">
        <f>AG233/SUM(AC$2:AG$366)*Input!$D$12</f>
        <v>0</v>
      </c>
      <c r="AM233" s="12">
        <f t="shared" si="114"/>
        <v>7.3594177928034004</v>
      </c>
      <c r="AN233" s="12">
        <f t="shared" si="115"/>
        <v>24.531392642678004</v>
      </c>
      <c r="AO233" s="12">
        <f t="shared" si="116"/>
        <v>36.797088964017</v>
      </c>
      <c r="AP233" s="12">
        <f t="shared" si="117"/>
        <v>176.62602702728162</v>
      </c>
      <c r="AQ233" s="12">
        <f t="shared" si="118"/>
        <v>0</v>
      </c>
      <c r="AR233" s="11">
        <f t="shared" si="119"/>
        <v>245.31392642678003</v>
      </c>
    </row>
    <row r="234" spans="16:44" x14ac:dyDescent="0.3">
      <c r="P234" s="10">
        <f t="shared" si="120"/>
        <v>45524</v>
      </c>
      <c r="Q234" s="29">
        <v>15.6</v>
      </c>
      <c r="R234" s="29">
        <f t="shared" si="106"/>
        <v>2</v>
      </c>
      <c r="S234" s="12">
        <f t="shared" si="98"/>
        <v>1.0609861866589789</v>
      </c>
      <c r="T234" s="12">
        <f t="shared" si="99"/>
        <v>1.4695351264848711</v>
      </c>
      <c r="U234" s="12">
        <f t="shared" si="100"/>
        <v>1.771938814155029</v>
      </c>
      <c r="V234" s="12">
        <f t="shared" si="101"/>
        <v>0.52104102880341097</v>
      </c>
      <c r="W234" s="12">
        <f t="shared" si="107"/>
        <v>0</v>
      </c>
      <c r="X234" s="12">
        <f t="shared" si="102"/>
        <v>-7.0953309908476907E-3</v>
      </c>
      <c r="Y234" s="12">
        <f t="shared" si="103"/>
        <v>-5.875924024232846E-2</v>
      </c>
      <c r="Z234" s="12">
        <f t="shared" si="104"/>
        <v>-9.5984753200240996E-2</v>
      </c>
      <c r="AA234" s="12">
        <f t="shared" si="105"/>
        <v>-2.1476600051355411E-2</v>
      </c>
      <c r="AB234" s="12">
        <f t="shared" si="108"/>
        <v>0</v>
      </c>
      <c r="AC234" s="12">
        <f t="shared" si="109"/>
        <v>0.95029902320175497</v>
      </c>
      <c r="AD234" s="12">
        <f t="shared" si="110"/>
        <v>0</v>
      </c>
      <c r="AE234" s="12">
        <f t="shared" si="111"/>
        <v>0</v>
      </c>
      <c r="AF234" s="12">
        <f t="shared" si="112"/>
        <v>0</v>
      </c>
      <c r="AG234" s="12">
        <f t="shared" si="113"/>
        <v>0</v>
      </c>
      <c r="AH234" s="12">
        <f>AC234/SUM(AC$2:AG$366)*Input!$D$12</f>
        <v>249.22159153165703</v>
      </c>
      <c r="AI234" s="12">
        <f>AD234/SUM(AC$2:AG$366)*Input!$D$12</f>
        <v>0</v>
      </c>
      <c r="AJ234" s="12">
        <f>AE234/SUM(AC$2:AG$366)*Input!$D$12</f>
        <v>0</v>
      </c>
      <c r="AK234" s="12">
        <f>AF234/SUM(AC$2:AG$366)*Input!$D$12</f>
        <v>0</v>
      </c>
      <c r="AL234" s="12">
        <f>AG234/SUM(AC$2:AG$366)*Input!$D$12</f>
        <v>0</v>
      </c>
      <c r="AM234" s="12">
        <f t="shared" si="114"/>
        <v>7.4766477459497107</v>
      </c>
      <c r="AN234" s="12">
        <f t="shared" si="115"/>
        <v>24.922159153165705</v>
      </c>
      <c r="AO234" s="12">
        <f t="shared" si="116"/>
        <v>37.383238729748555</v>
      </c>
      <c r="AP234" s="12">
        <f t="shared" si="117"/>
        <v>179.43954590279304</v>
      </c>
      <c r="AQ234" s="12">
        <f t="shared" si="118"/>
        <v>0</v>
      </c>
      <c r="AR234" s="11">
        <f t="shared" si="119"/>
        <v>249.221591531657</v>
      </c>
    </row>
    <row r="235" spans="16:44" x14ac:dyDescent="0.3">
      <c r="P235" s="71">
        <f t="shared" si="120"/>
        <v>45525</v>
      </c>
      <c r="Q235" s="29">
        <v>15.5</v>
      </c>
      <c r="R235" s="29">
        <f t="shared" si="106"/>
        <v>3</v>
      </c>
      <c r="S235" s="12">
        <f t="shared" si="98"/>
        <v>1.0609861866589789</v>
      </c>
      <c r="T235" s="12">
        <f t="shared" si="99"/>
        <v>1.4695351264848711</v>
      </c>
      <c r="U235" s="12">
        <f t="shared" si="100"/>
        <v>1.771938814155029</v>
      </c>
      <c r="V235" s="12">
        <f t="shared" si="101"/>
        <v>0.52104102880341097</v>
      </c>
      <c r="W235" s="12">
        <f t="shared" si="107"/>
        <v>0</v>
      </c>
      <c r="X235" s="12">
        <f t="shared" si="102"/>
        <v>-7.0953309908476907E-3</v>
      </c>
      <c r="Y235" s="12">
        <f t="shared" si="103"/>
        <v>-5.875924024232846E-2</v>
      </c>
      <c r="Z235" s="12">
        <f t="shared" si="104"/>
        <v>-9.5984753200240996E-2</v>
      </c>
      <c r="AA235" s="12">
        <f t="shared" si="105"/>
        <v>-2.1476600051355411E-2</v>
      </c>
      <c r="AB235" s="12">
        <f t="shared" si="108"/>
        <v>0</v>
      </c>
      <c r="AC235" s="12">
        <f>MAX(S235+X235*$Q235,0)*IF($R235&lt;6,$B$10,$B$3)</f>
        <v>0.95100855630083969</v>
      </c>
      <c r="AD235" s="12">
        <f t="shared" si="110"/>
        <v>0</v>
      </c>
      <c r="AE235" s="12">
        <f t="shared" si="111"/>
        <v>0</v>
      </c>
      <c r="AF235" s="12">
        <f t="shared" si="112"/>
        <v>0</v>
      </c>
      <c r="AG235" s="12">
        <f t="shared" si="113"/>
        <v>0</v>
      </c>
      <c r="AH235" s="12">
        <f>AC235/SUM(AC$2:AG$366)*Input!$D$12</f>
        <v>249.40767082236547</v>
      </c>
      <c r="AI235" s="12">
        <f>AD235/SUM(AC$2:AG$366)*Input!$D$12</f>
        <v>0</v>
      </c>
      <c r="AJ235" s="12">
        <f>AE235/SUM(AC$2:AG$366)*Input!$D$12</f>
        <v>0</v>
      </c>
      <c r="AK235" s="12">
        <f>AF235/SUM(AC$2:AG$366)*Input!$D$12</f>
        <v>0</v>
      </c>
      <c r="AL235" s="12">
        <f>AG235/SUM(AC$2:AG$366)*Input!$D$12</f>
        <v>0</v>
      </c>
      <c r="AM235" s="12">
        <f t="shared" si="114"/>
        <v>7.4822301246709637</v>
      </c>
      <c r="AN235" s="12">
        <f t="shared" si="115"/>
        <v>24.940767082236547</v>
      </c>
      <c r="AO235" s="12">
        <f t="shared" si="116"/>
        <v>37.411150623354821</v>
      </c>
      <c r="AP235" s="12">
        <f t="shared" si="117"/>
        <v>179.57352299210314</v>
      </c>
      <c r="AQ235" s="12">
        <f t="shared" si="118"/>
        <v>0</v>
      </c>
      <c r="AR235" s="11">
        <f t="shared" si="119"/>
        <v>249.40767082236547</v>
      </c>
    </row>
    <row r="236" spans="16:44" x14ac:dyDescent="0.3">
      <c r="P236" s="10">
        <f t="shared" si="120"/>
        <v>45526</v>
      </c>
      <c r="Q236" s="29">
        <v>15.3</v>
      </c>
      <c r="R236" s="29">
        <f t="shared" si="106"/>
        <v>4</v>
      </c>
      <c r="S236" s="12">
        <f t="shared" si="98"/>
        <v>1.0609861866589789</v>
      </c>
      <c r="T236" s="12">
        <f t="shared" si="99"/>
        <v>1.4695351264848711</v>
      </c>
      <c r="U236" s="12">
        <f t="shared" si="100"/>
        <v>1.771938814155029</v>
      </c>
      <c r="V236" s="12">
        <f t="shared" si="101"/>
        <v>0.52104102880341097</v>
      </c>
      <c r="W236" s="12">
        <f t="shared" si="107"/>
        <v>0</v>
      </c>
      <c r="X236" s="12">
        <f t="shared" si="102"/>
        <v>-7.0953309908476907E-3</v>
      </c>
      <c r="Y236" s="12">
        <f t="shared" si="103"/>
        <v>-5.875924024232846E-2</v>
      </c>
      <c r="Z236" s="12">
        <f t="shared" si="104"/>
        <v>-9.5984753200240996E-2</v>
      </c>
      <c r="AA236" s="12">
        <f t="shared" si="105"/>
        <v>-2.1476600051355411E-2</v>
      </c>
      <c r="AB236" s="12">
        <f t="shared" si="108"/>
        <v>0</v>
      </c>
      <c r="AC236" s="12">
        <f t="shared" si="109"/>
        <v>0.95242762249900925</v>
      </c>
      <c r="AD236" s="12">
        <f t="shared" si="110"/>
        <v>0</v>
      </c>
      <c r="AE236" s="12">
        <f t="shared" si="111"/>
        <v>0</v>
      </c>
      <c r="AF236" s="12">
        <f t="shared" si="112"/>
        <v>0</v>
      </c>
      <c r="AG236" s="12">
        <f t="shared" si="113"/>
        <v>0</v>
      </c>
      <c r="AH236" s="12">
        <f>AC236/SUM(AC$2:AG$366)*Input!$D$12</f>
        <v>249.77982940378232</v>
      </c>
      <c r="AI236" s="12">
        <f>AD236/SUM(AC$2:AG$366)*Input!$D$12</f>
        <v>0</v>
      </c>
      <c r="AJ236" s="12">
        <f>AE236/SUM(AC$2:AG$366)*Input!$D$12</f>
        <v>0</v>
      </c>
      <c r="AK236" s="12">
        <f>AF236/SUM(AC$2:AG$366)*Input!$D$12</f>
        <v>0</v>
      </c>
      <c r="AL236" s="12">
        <f>AG236/SUM(AC$2:AG$366)*Input!$D$12</f>
        <v>0</v>
      </c>
      <c r="AM236" s="12">
        <f t="shared" si="114"/>
        <v>7.4933948821134688</v>
      </c>
      <c r="AN236" s="12">
        <f t="shared" si="115"/>
        <v>24.977982940378233</v>
      </c>
      <c r="AO236" s="12">
        <f t="shared" si="116"/>
        <v>37.466974410567346</v>
      </c>
      <c r="AP236" s="12">
        <f t="shared" si="117"/>
        <v>179.84147717072327</v>
      </c>
      <c r="AQ236" s="12">
        <f t="shared" si="118"/>
        <v>0</v>
      </c>
      <c r="AR236" s="11">
        <f t="shared" si="119"/>
        <v>249.77982940378232</v>
      </c>
    </row>
    <row r="237" spans="16:44" x14ac:dyDescent="0.3">
      <c r="P237" s="10">
        <f t="shared" si="120"/>
        <v>45527</v>
      </c>
      <c r="Q237" s="29">
        <v>14.1</v>
      </c>
      <c r="R237" s="29">
        <f t="shared" si="106"/>
        <v>5</v>
      </c>
      <c r="S237" s="12">
        <f t="shared" si="98"/>
        <v>1.0609861866589789</v>
      </c>
      <c r="T237" s="12">
        <f t="shared" si="99"/>
        <v>1.4695351264848711</v>
      </c>
      <c r="U237" s="12">
        <f t="shared" si="100"/>
        <v>1.771938814155029</v>
      </c>
      <c r="V237" s="12">
        <f t="shared" si="101"/>
        <v>0.52104102880341097</v>
      </c>
      <c r="W237" s="12">
        <f t="shared" si="107"/>
        <v>0</v>
      </c>
      <c r="X237" s="12">
        <f t="shared" si="102"/>
        <v>-7.0953309908476907E-3</v>
      </c>
      <c r="Y237" s="12">
        <f t="shared" si="103"/>
        <v>-5.875924024232846E-2</v>
      </c>
      <c r="Z237" s="12">
        <f t="shared" si="104"/>
        <v>-9.5984753200240996E-2</v>
      </c>
      <c r="AA237" s="12">
        <f t="shared" si="105"/>
        <v>-2.1476600051355411E-2</v>
      </c>
      <c r="AB237" s="12">
        <f t="shared" si="108"/>
        <v>0</v>
      </c>
      <c r="AC237" s="12">
        <f t="shared" si="109"/>
        <v>0.96094201968802651</v>
      </c>
      <c r="AD237" s="12">
        <f t="shared" si="110"/>
        <v>0</v>
      </c>
      <c r="AE237" s="12">
        <f t="shared" si="111"/>
        <v>0</v>
      </c>
      <c r="AF237" s="12">
        <f t="shared" si="112"/>
        <v>0</v>
      </c>
      <c r="AG237" s="12">
        <f t="shared" si="113"/>
        <v>0</v>
      </c>
      <c r="AH237" s="12">
        <f>AC237/SUM(AC$2:AG$366)*Input!$D$12</f>
        <v>252.01278089228344</v>
      </c>
      <c r="AI237" s="12">
        <f>AD237/SUM(AC$2:AG$366)*Input!$D$12</f>
        <v>0</v>
      </c>
      <c r="AJ237" s="12">
        <f>AE237/SUM(AC$2:AG$366)*Input!$D$12</f>
        <v>0</v>
      </c>
      <c r="AK237" s="12">
        <f>AF237/SUM(AC$2:AG$366)*Input!$D$12</f>
        <v>0</v>
      </c>
      <c r="AL237" s="12">
        <f>AG237/SUM(AC$2:AG$366)*Input!$D$12</f>
        <v>0</v>
      </c>
      <c r="AM237" s="12">
        <f t="shared" si="114"/>
        <v>7.5603834267685031</v>
      </c>
      <c r="AN237" s="12">
        <f t="shared" si="115"/>
        <v>25.201278089228346</v>
      </c>
      <c r="AO237" s="12">
        <f t="shared" si="116"/>
        <v>37.801917133842515</v>
      </c>
      <c r="AP237" s="12">
        <f t="shared" si="117"/>
        <v>181.44920224244407</v>
      </c>
      <c r="AQ237" s="12">
        <f t="shared" si="118"/>
        <v>0</v>
      </c>
      <c r="AR237" s="11">
        <f t="shared" si="119"/>
        <v>252.01278089228344</v>
      </c>
    </row>
    <row r="238" spans="16:44" x14ac:dyDescent="0.3">
      <c r="P238" s="10">
        <f t="shared" si="120"/>
        <v>45528</v>
      </c>
      <c r="Q238" s="29">
        <v>16.899999999999999</v>
      </c>
      <c r="R238" s="29">
        <f t="shared" si="106"/>
        <v>6</v>
      </c>
      <c r="S238" s="12">
        <f t="shared" si="98"/>
        <v>0.88136675487947747</v>
      </c>
      <c r="T238" s="12">
        <f t="shared" si="99"/>
        <v>0.19607255136472959</v>
      </c>
      <c r="U238" s="12">
        <f t="shared" si="100"/>
        <v>0.65274423464211173</v>
      </c>
      <c r="V238" s="12">
        <f t="shared" si="101"/>
        <v>0.29524473618599389</v>
      </c>
      <c r="W238" s="12">
        <f t="shared" si="107"/>
        <v>0.44487676601187343</v>
      </c>
      <c r="X238" s="12">
        <f t="shared" si="102"/>
        <v>-1.236743869637378E-2</v>
      </c>
      <c r="Y238" s="12">
        <f t="shared" si="103"/>
        <v>-6.2279477920712143E-4</v>
      </c>
      <c r="Z238" s="12">
        <f t="shared" si="104"/>
        <v>-1.60343007315953E-2</v>
      </c>
      <c r="AA238" s="12">
        <f t="shared" si="105"/>
        <v>-9.762199133681506E-3</v>
      </c>
      <c r="AB238" s="12">
        <f t="shared" si="108"/>
        <v>-1.748296682554611E-2</v>
      </c>
      <c r="AC238" s="12">
        <f t="shared" si="109"/>
        <v>0.76238564868871161</v>
      </c>
      <c r="AD238" s="12">
        <f t="shared" si="110"/>
        <v>0.10503833762336875</v>
      </c>
      <c r="AE238" s="12">
        <f t="shared" si="111"/>
        <v>0</v>
      </c>
      <c r="AF238" s="12">
        <f t="shared" si="112"/>
        <v>0</v>
      </c>
      <c r="AG238" s="12">
        <f t="shared" si="113"/>
        <v>0</v>
      </c>
      <c r="AH238" s="12">
        <f>AC238/SUM(AC$2:AG$366)*Input!$D$12</f>
        <v>199.94018733907143</v>
      </c>
      <c r="AI238" s="12">
        <f>AD238/SUM(AC$2:AG$366)*Input!$D$12</f>
        <v>27.546931055592339</v>
      </c>
      <c r="AJ238" s="12">
        <f>AE238/SUM(AC$2:AG$366)*Input!$D$12</f>
        <v>0</v>
      </c>
      <c r="AK238" s="12">
        <f>AF238/SUM(AC$2:AG$366)*Input!$D$12</f>
        <v>0</v>
      </c>
      <c r="AL238" s="12">
        <f>AG238/SUM(AC$2:AG$366)*Input!$D$12</f>
        <v>0</v>
      </c>
      <c r="AM238" s="12">
        <f t="shared" si="114"/>
        <v>2.4817055005038151</v>
      </c>
      <c r="AN238" s="12">
        <f t="shared" si="115"/>
        <v>8.272351668346051</v>
      </c>
      <c r="AO238" s="12">
        <f t="shared" si="116"/>
        <v>12.408527502519076</v>
      </c>
      <c r="AP238" s="12">
        <f t="shared" si="117"/>
        <v>204.32453372329482</v>
      </c>
      <c r="AQ238" s="12">
        <f t="shared" si="118"/>
        <v>0</v>
      </c>
      <c r="AR238" s="11">
        <f t="shared" si="119"/>
        <v>227.48711839466375</v>
      </c>
    </row>
    <row r="239" spans="16:44" x14ac:dyDescent="0.3">
      <c r="P239" s="10">
        <f t="shared" si="120"/>
        <v>45529</v>
      </c>
      <c r="Q239" s="29">
        <v>16.3</v>
      </c>
      <c r="R239" s="29">
        <f t="shared" si="106"/>
        <v>7</v>
      </c>
      <c r="S239" s="12">
        <f t="shared" si="98"/>
        <v>0.88136675487947747</v>
      </c>
      <c r="T239" s="12">
        <f t="shared" si="99"/>
        <v>0.40529111994771311</v>
      </c>
      <c r="U239" s="12">
        <f t="shared" si="100"/>
        <v>1.4791569663107089</v>
      </c>
      <c r="V239" s="12">
        <f t="shared" si="101"/>
        <v>0.29524473618599389</v>
      </c>
      <c r="W239" s="12">
        <f t="shared" si="107"/>
        <v>0.44487676601187343</v>
      </c>
      <c r="X239" s="12">
        <f t="shared" si="102"/>
        <v>-1.236743869637378E-2</v>
      </c>
      <c r="Y239" s="12">
        <f t="shared" si="103"/>
        <v>-1.3226323007097701E-2</v>
      </c>
      <c r="Z239" s="12">
        <f t="shared" si="104"/>
        <v>-6.6119920832722404E-2</v>
      </c>
      <c r="AA239" s="12">
        <f t="shared" si="105"/>
        <v>-9.762199133681506E-3</v>
      </c>
      <c r="AB239" s="12">
        <f t="shared" si="108"/>
        <v>-1.748296682554611E-2</v>
      </c>
      <c r="AC239" s="12">
        <f t="shared" si="109"/>
        <v>0.7707997119314024</v>
      </c>
      <c r="AD239" s="12">
        <f t="shared" si="110"/>
        <v>0.10739033329701683</v>
      </c>
      <c r="AE239" s="12">
        <f t="shared" si="111"/>
        <v>0</v>
      </c>
      <c r="AF239" s="12">
        <f t="shared" si="112"/>
        <v>0</v>
      </c>
      <c r="AG239" s="12">
        <f t="shared" si="113"/>
        <v>0</v>
      </c>
      <c r="AH239" s="12">
        <f>AC239/SUM(AC$2:AG$366)*Input!$D$12</f>
        <v>202.14682565121689</v>
      </c>
      <c r="AI239" s="12">
        <f>AD239/SUM(AC$2:AG$366)*Input!$D$12</f>
        <v>28.163755960964991</v>
      </c>
      <c r="AJ239" s="12">
        <f>AE239/SUM(AC$2:AG$366)*Input!$D$12</f>
        <v>0</v>
      </c>
      <c r="AK239" s="12">
        <f>AF239/SUM(AC$2:AG$366)*Input!$D$12</f>
        <v>0</v>
      </c>
      <c r="AL239" s="12">
        <f>AG239/SUM(AC$2:AG$366)*Input!$D$12</f>
        <v>0</v>
      </c>
      <c r="AM239" s="12">
        <f t="shared" si="114"/>
        <v>2.5372753117986484</v>
      </c>
      <c r="AN239" s="12">
        <f t="shared" si="115"/>
        <v>8.4575843726621631</v>
      </c>
      <c r="AO239" s="12">
        <f t="shared" si="116"/>
        <v>12.686376558993244</v>
      </c>
      <c r="AP239" s="12">
        <f t="shared" si="117"/>
        <v>206.62934536872783</v>
      </c>
      <c r="AQ239" s="12">
        <f t="shared" si="118"/>
        <v>0</v>
      </c>
      <c r="AR239" s="11">
        <f t="shared" si="119"/>
        <v>230.31058161218189</v>
      </c>
    </row>
    <row r="240" spans="16:44" x14ac:dyDescent="0.3">
      <c r="P240" s="10">
        <f t="shared" si="120"/>
        <v>45530</v>
      </c>
      <c r="Q240" s="29">
        <v>16</v>
      </c>
      <c r="R240" s="29">
        <f t="shared" si="106"/>
        <v>1</v>
      </c>
      <c r="S240" s="12">
        <f t="shared" si="98"/>
        <v>1.0609861866589789</v>
      </c>
      <c r="T240" s="12">
        <f t="shared" si="99"/>
        <v>1.4695351264848711</v>
      </c>
      <c r="U240" s="12">
        <f t="shared" si="100"/>
        <v>1.771938814155029</v>
      </c>
      <c r="V240" s="12">
        <f t="shared" si="101"/>
        <v>0.52104102880341097</v>
      </c>
      <c r="W240" s="12">
        <f t="shared" si="107"/>
        <v>0</v>
      </c>
      <c r="X240" s="12">
        <f t="shared" si="102"/>
        <v>-7.0953309908476907E-3</v>
      </c>
      <c r="Y240" s="12">
        <f t="shared" si="103"/>
        <v>-5.875924024232846E-2</v>
      </c>
      <c r="Z240" s="12">
        <f t="shared" si="104"/>
        <v>-9.5984753200240996E-2</v>
      </c>
      <c r="AA240" s="12">
        <f t="shared" si="105"/>
        <v>-2.1476600051355411E-2</v>
      </c>
      <c r="AB240" s="12">
        <f t="shared" si="108"/>
        <v>0</v>
      </c>
      <c r="AC240" s="12">
        <f t="shared" si="109"/>
        <v>0.94746089080541585</v>
      </c>
      <c r="AD240" s="12">
        <f t="shared" si="110"/>
        <v>0</v>
      </c>
      <c r="AE240" s="12">
        <f t="shared" si="111"/>
        <v>0</v>
      </c>
      <c r="AF240" s="12">
        <f t="shared" si="112"/>
        <v>0</v>
      </c>
      <c r="AG240" s="12">
        <f t="shared" si="113"/>
        <v>0</v>
      </c>
      <c r="AH240" s="12">
        <f>AC240/SUM(AC$2:AG$366)*Input!$D$12</f>
        <v>248.47727436882332</v>
      </c>
      <c r="AI240" s="12">
        <f>AD240/SUM(AC$2:AG$366)*Input!$D$12</f>
        <v>0</v>
      </c>
      <c r="AJ240" s="12">
        <f>AE240/SUM(AC$2:AG$366)*Input!$D$12</f>
        <v>0</v>
      </c>
      <c r="AK240" s="12">
        <f>AF240/SUM(AC$2:AG$366)*Input!$D$12</f>
        <v>0</v>
      </c>
      <c r="AL240" s="12">
        <f>AG240/SUM(AC$2:AG$366)*Input!$D$12</f>
        <v>0</v>
      </c>
      <c r="AM240" s="12">
        <f t="shared" si="114"/>
        <v>7.4543182310646996</v>
      </c>
      <c r="AN240" s="12">
        <f t="shared" si="115"/>
        <v>24.847727436882334</v>
      </c>
      <c r="AO240" s="12">
        <f t="shared" si="116"/>
        <v>37.271591155323499</v>
      </c>
      <c r="AP240" s="12">
        <f t="shared" si="117"/>
        <v>178.90363754555278</v>
      </c>
      <c r="AQ240" s="12">
        <f t="shared" si="118"/>
        <v>0</v>
      </c>
      <c r="AR240" s="11">
        <f t="shared" si="119"/>
        <v>248.47727436882332</v>
      </c>
    </row>
    <row r="241" spans="16:44" x14ac:dyDescent="0.3">
      <c r="P241" s="10">
        <f t="shared" si="120"/>
        <v>45531</v>
      </c>
      <c r="Q241" s="29">
        <v>14.8</v>
      </c>
      <c r="R241" s="29">
        <f t="shared" si="106"/>
        <v>2</v>
      </c>
      <c r="S241" s="12">
        <f t="shared" si="98"/>
        <v>1.0609861866589789</v>
      </c>
      <c r="T241" s="12">
        <f t="shared" si="99"/>
        <v>1.4695351264848711</v>
      </c>
      <c r="U241" s="12">
        <f t="shared" si="100"/>
        <v>1.771938814155029</v>
      </c>
      <c r="V241" s="12">
        <f t="shared" si="101"/>
        <v>0.52104102880341097</v>
      </c>
      <c r="W241" s="12">
        <f t="shared" si="107"/>
        <v>0</v>
      </c>
      <c r="X241" s="12">
        <f t="shared" si="102"/>
        <v>-7.0953309908476907E-3</v>
      </c>
      <c r="Y241" s="12">
        <f t="shared" si="103"/>
        <v>-5.875924024232846E-2</v>
      </c>
      <c r="Z241" s="12">
        <f t="shared" si="104"/>
        <v>-9.5984753200240996E-2</v>
      </c>
      <c r="AA241" s="12">
        <f t="shared" si="105"/>
        <v>-2.1476600051355411E-2</v>
      </c>
      <c r="AB241" s="12">
        <f t="shared" si="108"/>
        <v>0</v>
      </c>
      <c r="AC241" s="12">
        <f t="shared" si="109"/>
        <v>0.9559752879944331</v>
      </c>
      <c r="AD241" s="12">
        <f t="shared" si="110"/>
        <v>0</v>
      </c>
      <c r="AE241" s="12">
        <f t="shared" si="111"/>
        <v>0</v>
      </c>
      <c r="AF241" s="12">
        <f t="shared" si="112"/>
        <v>0</v>
      </c>
      <c r="AG241" s="12">
        <f t="shared" si="113"/>
        <v>0</v>
      </c>
      <c r="AH241" s="12">
        <f>AC241/SUM(AC$2:AG$366)*Input!$D$12</f>
        <v>250.71022585732447</v>
      </c>
      <c r="AI241" s="12">
        <f>AD241/SUM(AC$2:AG$366)*Input!$D$12</f>
        <v>0</v>
      </c>
      <c r="AJ241" s="12">
        <f>AE241/SUM(AC$2:AG$366)*Input!$D$12</f>
        <v>0</v>
      </c>
      <c r="AK241" s="12">
        <f>AF241/SUM(AC$2:AG$366)*Input!$D$12</f>
        <v>0</v>
      </c>
      <c r="AL241" s="12">
        <f>AG241/SUM(AC$2:AG$366)*Input!$D$12</f>
        <v>0</v>
      </c>
      <c r="AM241" s="12">
        <f t="shared" si="114"/>
        <v>7.5213067757197338</v>
      </c>
      <c r="AN241" s="12">
        <f t="shared" si="115"/>
        <v>25.07102258573245</v>
      </c>
      <c r="AO241" s="12">
        <f t="shared" si="116"/>
        <v>37.606533878598668</v>
      </c>
      <c r="AP241" s="12">
        <f t="shared" si="117"/>
        <v>180.51136261727362</v>
      </c>
      <c r="AQ241" s="12">
        <f t="shared" si="118"/>
        <v>0</v>
      </c>
      <c r="AR241" s="11">
        <f t="shared" si="119"/>
        <v>250.71022585732447</v>
      </c>
    </row>
    <row r="242" spans="16:44" x14ac:dyDescent="0.3">
      <c r="P242" s="10">
        <f t="shared" si="120"/>
        <v>45532</v>
      </c>
      <c r="Q242" s="29">
        <v>14.9</v>
      </c>
      <c r="R242" s="29">
        <f t="shared" si="106"/>
        <v>3</v>
      </c>
      <c r="S242" s="12">
        <f t="shared" si="98"/>
        <v>1.0609861866589789</v>
      </c>
      <c r="T242" s="12">
        <f t="shared" si="99"/>
        <v>1.4695351264848711</v>
      </c>
      <c r="U242" s="12">
        <f t="shared" si="100"/>
        <v>1.771938814155029</v>
      </c>
      <c r="V242" s="12">
        <f t="shared" si="101"/>
        <v>0.52104102880341097</v>
      </c>
      <c r="W242" s="12">
        <f t="shared" si="107"/>
        <v>0</v>
      </c>
      <c r="X242" s="12">
        <f t="shared" si="102"/>
        <v>-7.0953309908476907E-3</v>
      </c>
      <c r="Y242" s="12">
        <f t="shared" si="103"/>
        <v>-5.875924024232846E-2</v>
      </c>
      <c r="Z242" s="12">
        <f t="shared" si="104"/>
        <v>-9.5984753200240996E-2</v>
      </c>
      <c r="AA242" s="12">
        <f t="shared" si="105"/>
        <v>-2.1476600051355411E-2</v>
      </c>
      <c r="AB242" s="12">
        <f t="shared" si="108"/>
        <v>0</v>
      </c>
      <c r="AC242" s="12">
        <f t="shared" si="109"/>
        <v>0.95526575489534837</v>
      </c>
      <c r="AD242" s="12">
        <f t="shared" si="110"/>
        <v>0</v>
      </c>
      <c r="AE242" s="12">
        <f t="shared" si="111"/>
        <v>0</v>
      </c>
      <c r="AF242" s="12">
        <f t="shared" si="112"/>
        <v>0</v>
      </c>
      <c r="AG242" s="12">
        <f t="shared" si="113"/>
        <v>0</v>
      </c>
      <c r="AH242" s="12">
        <f>AC242/SUM(AC$2:AG$366)*Input!$D$12</f>
        <v>250.52414656661605</v>
      </c>
      <c r="AI242" s="12">
        <f>AD242/SUM(AC$2:AG$366)*Input!$D$12</f>
        <v>0</v>
      </c>
      <c r="AJ242" s="12">
        <f>AE242/SUM(AC$2:AG$366)*Input!$D$12</f>
        <v>0</v>
      </c>
      <c r="AK242" s="12">
        <f>AF242/SUM(AC$2:AG$366)*Input!$D$12</f>
        <v>0</v>
      </c>
      <c r="AL242" s="12">
        <f>AG242/SUM(AC$2:AG$366)*Input!$D$12</f>
        <v>0</v>
      </c>
      <c r="AM242" s="12">
        <f t="shared" si="114"/>
        <v>7.5157243969984817</v>
      </c>
      <c r="AN242" s="12">
        <f t="shared" si="115"/>
        <v>25.052414656661607</v>
      </c>
      <c r="AO242" s="12">
        <f t="shared" si="116"/>
        <v>37.578621984992409</v>
      </c>
      <c r="AP242" s="12">
        <f t="shared" si="117"/>
        <v>180.37738552796355</v>
      </c>
      <c r="AQ242" s="12">
        <f t="shared" si="118"/>
        <v>0</v>
      </c>
      <c r="AR242" s="11">
        <f t="shared" si="119"/>
        <v>250.52414656661605</v>
      </c>
    </row>
    <row r="243" spans="16:44" x14ac:dyDescent="0.3">
      <c r="P243" s="10">
        <f t="shared" si="120"/>
        <v>45533</v>
      </c>
      <c r="Q243" s="29">
        <v>14.5</v>
      </c>
      <c r="R243" s="29">
        <f t="shared" si="106"/>
        <v>4</v>
      </c>
      <c r="S243" s="12">
        <f t="shared" si="98"/>
        <v>1.0609861866589789</v>
      </c>
      <c r="T243" s="12">
        <f t="shared" si="99"/>
        <v>1.4695351264848711</v>
      </c>
      <c r="U243" s="12">
        <f t="shared" si="100"/>
        <v>1.771938814155029</v>
      </c>
      <c r="V243" s="12">
        <f t="shared" si="101"/>
        <v>0.52104102880341097</v>
      </c>
      <c r="W243" s="12">
        <f t="shared" si="107"/>
        <v>0</v>
      </c>
      <c r="X243" s="12">
        <f t="shared" si="102"/>
        <v>-7.0953309908476907E-3</v>
      </c>
      <c r="Y243" s="12">
        <f t="shared" si="103"/>
        <v>-5.875924024232846E-2</v>
      </c>
      <c r="Z243" s="12">
        <f t="shared" si="104"/>
        <v>-9.5984753200240996E-2</v>
      </c>
      <c r="AA243" s="12">
        <f t="shared" si="105"/>
        <v>-2.1476600051355411E-2</v>
      </c>
      <c r="AB243" s="12">
        <f t="shared" si="108"/>
        <v>0</v>
      </c>
      <c r="AC243" s="12">
        <f t="shared" si="109"/>
        <v>0.95810388729168738</v>
      </c>
      <c r="AD243" s="12">
        <f t="shared" si="110"/>
        <v>0</v>
      </c>
      <c r="AE243" s="12">
        <f t="shared" si="111"/>
        <v>0</v>
      </c>
      <c r="AF243" s="12">
        <f t="shared" si="112"/>
        <v>0</v>
      </c>
      <c r="AG243" s="12">
        <f t="shared" si="113"/>
        <v>0</v>
      </c>
      <c r="AH243" s="12">
        <f>AC243/SUM(AC$2:AG$366)*Input!$D$12</f>
        <v>251.26846372944973</v>
      </c>
      <c r="AI243" s="12">
        <f>AD243/SUM(AC$2:AG$366)*Input!$D$12</f>
        <v>0</v>
      </c>
      <c r="AJ243" s="12">
        <f>AE243/SUM(AC$2:AG$366)*Input!$D$12</f>
        <v>0</v>
      </c>
      <c r="AK243" s="12">
        <f>AF243/SUM(AC$2:AG$366)*Input!$D$12</f>
        <v>0</v>
      </c>
      <c r="AL243" s="12">
        <f>AG243/SUM(AC$2:AG$366)*Input!$D$12</f>
        <v>0</v>
      </c>
      <c r="AM243" s="12">
        <f t="shared" si="114"/>
        <v>7.5380539118834919</v>
      </c>
      <c r="AN243" s="12">
        <f t="shared" si="115"/>
        <v>25.126846372944975</v>
      </c>
      <c r="AO243" s="12">
        <f t="shared" si="116"/>
        <v>37.690269559417459</v>
      </c>
      <c r="AP243" s="12">
        <f t="shared" si="117"/>
        <v>180.91329388520381</v>
      </c>
      <c r="AQ243" s="12">
        <f t="shared" si="118"/>
        <v>0</v>
      </c>
      <c r="AR243" s="11">
        <f t="shared" si="119"/>
        <v>251.26846372944973</v>
      </c>
    </row>
    <row r="244" spans="16:44" x14ac:dyDescent="0.3">
      <c r="P244" s="10">
        <f t="shared" si="120"/>
        <v>45534</v>
      </c>
      <c r="Q244" s="29">
        <v>13.1</v>
      </c>
      <c r="R244" s="29">
        <f t="shared" si="106"/>
        <v>5</v>
      </c>
      <c r="S244" s="12">
        <f t="shared" si="98"/>
        <v>1.0609861866589789</v>
      </c>
      <c r="T244" s="12">
        <f t="shared" si="99"/>
        <v>1.4695351264848711</v>
      </c>
      <c r="U244" s="12">
        <f t="shared" si="100"/>
        <v>1.771938814155029</v>
      </c>
      <c r="V244" s="12">
        <f t="shared" si="101"/>
        <v>0.52104102880341097</v>
      </c>
      <c r="W244" s="12">
        <f t="shared" si="107"/>
        <v>0</v>
      </c>
      <c r="X244" s="12">
        <f t="shared" si="102"/>
        <v>-7.0953309908476907E-3</v>
      </c>
      <c r="Y244" s="12">
        <f t="shared" si="103"/>
        <v>-5.875924024232846E-2</v>
      </c>
      <c r="Z244" s="12">
        <f t="shared" si="104"/>
        <v>-9.5984753200240996E-2</v>
      </c>
      <c r="AA244" s="12">
        <f t="shared" si="105"/>
        <v>-2.1476600051355411E-2</v>
      </c>
      <c r="AB244" s="12">
        <f t="shared" si="108"/>
        <v>0</v>
      </c>
      <c r="AC244" s="12">
        <f t="shared" si="109"/>
        <v>0.9680373506788742</v>
      </c>
      <c r="AD244" s="12">
        <f t="shared" si="110"/>
        <v>0</v>
      </c>
      <c r="AE244" s="12">
        <f t="shared" si="111"/>
        <v>0</v>
      </c>
      <c r="AF244" s="12">
        <f t="shared" si="112"/>
        <v>0</v>
      </c>
      <c r="AG244" s="12">
        <f t="shared" si="113"/>
        <v>0</v>
      </c>
      <c r="AH244" s="12">
        <f>AC244/SUM(AC$2:AG$366)*Input!$D$12</f>
        <v>253.87357379936773</v>
      </c>
      <c r="AI244" s="12">
        <f>AD244/SUM(AC$2:AG$366)*Input!$D$12</f>
        <v>0</v>
      </c>
      <c r="AJ244" s="12">
        <f>AE244/SUM(AC$2:AG$366)*Input!$D$12</f>
        <v>0</v>
      </c>
      <c r="AK244" s="12">
        <f>AF244/SUM(AC$2:AG$366)*Input!$D$12</f>
        <v>0</v>
      </c>
      <c r="AL244" s="12">
        <f>AG244/SUM(AC$2:AG$366)*Input!$D$12</f>
        <v>0</v>
      </c>
      <c r="AM244" s="12">
        <f t="shared" si="114"/>
        <v>7.6162072139810313</v>
      </c>
      <c r="AN244" s="12">
        <f t="shared" si="115"/>
        <v>25.387357379936773</v>
      </c>
      <c r="AO244" s="12">
        <f t="shared" si="116"/>
        <v>38.08103606990516</v>
      </c>
      <c r="AP244" s="12">
        <f t="shared" si="117"/>
        <v>182.78897313554475</v>
      </c>
      <c r="AQ244" s="12">
        <f t="shared" si="118"/>
        <v>0</v>
      </c>
      <c r="AR244" s="11">
        <f t="shared" si="119"/>
        <v>253.8735737993677</v>
      </c>
    </row>
    <row r="245" spans="16:44" x14ac:dyDescent="0.3">
      <c r="P245" s="10">
        <f t="shared" si="120"/>
        <v>45535</v>
      </c>
      <c r="Q245" s="29">
        <v>13.9</v>
      </c>
      <c r="R245" s="29">
        <f t="shared" si="106"/>
        <v>6</v>
      </c>
      <c r="S245" s="12">
        <f t="shared" si="98"/>
        <v>0.88136675487947747</v>
      </c>
      <c r="T245" s="12">
        <f t="shared" si="99"/>
        <v>0.40529111994771311</v>
      </c>
      <c r="U245" s="12">
        <f t="shared" si="100"/>
        <v>1.4791569663107089</v>
      </c>
      <c r="V245" s="12">
        <f t="shared" si="101"/>
        <v>1.31124751273035</v>
      </c>
      <c r="W245" s="12">
        <f t="shared" si="107"/>
        <v>1.9424956480203619</v>
      </c>
      <c r="X245" s="12">
        <f t="shared" si="102"/>
        <v>-1.236743869637378E-2</v>
      </c>
      <c r="Y245" s="12">
        <f t="shared" si="103"/>
        <v>-1.3226323007097701E-2</v>
      </c>
      <c r="Z245" s="12">
        <f t="shared" si="104"/>
        <v>-6.6119920832722404E-2</v>
      </c>
      <c r="AA245" s="12">
        <f t="shared" si="105"/>
        <v>-7.5310765362349638E-2</v>
      </c>
      <c r="AB245" s="12">
        <f t="shared" si="108"/>
        <v>-0.1200596025795522</v>
      </c>
      <c r="AC245" s="12">
        <f t="shared" si="109"/>
        <v>0.8044559649021662</v>
      </c>
      <c r="AD245" s="12">
        <f t="shared" si="110"/>
        <v>0.12536014478738006</v>
      </c>
      <c r="AE245" s="12">
        <f t="shared" si="111"/>
        <v>0</v>
      </c>
      <c r="AF245" s="12">
        <f t="shared" si="112"/>
        <v>0</v>
      </c>
      <c r="AG245" s="12">
        <f t="shared" si="113"/>
        <v>0</v>
      </c>
      <c r="AH245" s="12">
        <f>AC245/SUM(AC$2:AG$366)*Input!$D$12</f>
        <v>210.97337889979897</v>
      </c>
      <c r="AI245" s="12">
        <f>AD245/SUM(AC$2:AG$366)*Input!$D$12</f>
        <v>32.876446292965227</v>
      </c>
      <c r="AJ245" s="12">
        <f>AE245/SUM(AC$2:AG$366)*Input!$D$12</f>
        <v>0</v>
      </c>
      <c r="AK245" s="12">
        <f>AF245/SUM(AC$2:AG$366)*Input!$D$12</f>
        <v>0</v>
      </c>
      <c r="AL245" s="12">
        <f>AG245/SUM(AC$2:AG$366)*Input!$D$12</f>
        <v>0</v>
      </c>
      <c r="AM245" s="12">
        <f t="shared" si="114"/>
        <v>2.9618420083752466</v>
      </c>
      <c r="AN245" s="12">
        <f t="shared" si="115"/>
        <v>9.8728066945841562</v>
      </c>
      <c r="AO245" s="12">
        <f t="shared" si="116"/>
        <v>14.809210041876234</v>
      </c>
      <c r="AP245" s="12">
        <f t="shared" si="117"/>
        <v>216.20596644792857</v>
      </c>
      <c r="AQ245" s="12">
        <f t="shared" si="118"/>
        <v>0</v>
      </c>
      <c r="AR245" s="11">
        <f t="shared" si="119"/>
        <v>243.8498251927642</v>
      </c>
    </row>
    <row r="246" spans="16:44" x14ac:dyDescent="0.3">
      <c r="P246" s="10">
        <f t="shared" si="120"/>
        <v>45536</v>
      </c>
      <c r="Q246" s="29">
        <v>12.9</v>
      </c>
      <c r="R246" s="29">
        <f t="shared" si="106"/>
        <v>7</v>
      </c>
      <c r="S246" s="12">
        <f t="shared" si="98"/>
        <v>0.88136675487947747</v>
      </c>
      <c r="T246" s="12">
        <f t="shared" si="99"/>
        <v>0.40529111994771311</v>
      </c>
      <c r="U246" s="12">
        <f t="shared" si="100"/>
        <v>1.4791569663107089</v>
      </c>
      <c r="V246" s="12">
        <f t="shared" si="101"/>
        <v>1.31124751273035</v>
      </c>
      <c r="W246" s="12">
        <f t="shared" si="107"/>
        <v>1.9424956480203619</v>
      </c>
      <c r="X246" s="12">
        <f t="shared" si="102"/>
        <v>-1.236743869637378E-2</v>
      </c>
      <c r="Y246" s="12">
        <f t="shared" si="103"/>
        <v>-1.3226323007097701E-2</v>
      </c>
      <c r="Z246" s="12">
        <f t="shared" si="104"/>
        <v>-6.6119920832722404E-2</v>
      </c>
      <c r="AA246" s="12">
        <f t="shared" si="105"/>
        <v>-7.5310765362349638E-2</v>
      </c>
      <c r="AB246" s="12">
        <f t="shared" si="108"/>
        <v>-0.1200596025795522</v>
      </c>
      <c r="AC246" s="12">
        <f t="shared" si="109"/>
        <v>0.8184794036399845</v>
      </c>
      <c r="AD246" s="12">
        <f t="shared" si="110"/>
        <v>0.13284756624169805</v>
      </c>
      <c r="AE246" s="12">
        <f t="shared" si="111"/>
        <v>0</v>
      </c>
      <c r="AF246" s="12">
        <f t="shared" si="112"/>
        <v>0</v>
      </c>
      <c r="AG246" s="12">
        <f t="shared" si="113"/>
        <v>0</v>
      </c>
      <c r="AH246" s="12">
        <f>AC246/SUM(AC$2:AG$366)*Input!$D$12</f>
        <v>214.65110942004151</v>
      </c>
      <c r="AI246" s="12">
        <f>AD246/SUM(AC$2:AG$366)*Input!$D$12</f>
        <v>34.840067264631998</v>
      </c>
      <c r="AJ246" s="12">
        <f>AE246/SUM(AC$2:AG$366)*Input!$D$12</f>
        <v>0</v>
      </c>
      <c r="AK246" s="12">
        <f>AF246/SUM(AC$2:AG$366)*Input!$D$12</f>
        <v>0</v>
      </c>
      <c r="AL246" s="12">
        <f>AG246/SUM(AC$2:AG$366)*Input!$D$12</f>
        <v>0</v>
      </c>
      <c r="AM246" s="12">
        <f t="shared" si="114"/>
        <v>3.1387447986154959</v>
      </c>
      <c r="AN246" s="12">
        <f t="shared" si="115"/>
        <v>10.462482662051656</v>
      </c>
      <c r="AO246" s="12">
        <f t="shared" si="116"/>
        <v>15.693723993077482</v>
      </c>
      <c r="AP246" s="12">
        <f t="shared" si="117"/>
        <v>220.19622523092886</v>
      </c>
      <c r="AQ246" s="12">
        <f t="shared" si="118"/>
        <v>0</v>
      </c>
      <c r="AR246" s="11">
        <f t="shared" si="119"/>
        <v>249.49117668467349</v>
      </c>
    </row>
    <row r="247" spans="16:44" x14ac:dyDescent="0.3">
      <c r="P247" s="10">
        <f t="shared" si="120"/>
        <v>45537</v>
      </c>
      <c r="Q247" s="29">
        <v>12.2</v>
      </c>
      <c r="R247" s="29">
        <f t="shared" si="106"/>
        <v>1</v>
      </c>
      <c r="S247" s="12">
        <f t="shared" si="98"/>
        <v>1.0609861866589789</v>
      </c>
      <c r="T247" s="12">
        <f t="shared" si="99"/>
        <v>1.4695351264848711</v>
      </c>
      <c r="U247" s="12">
        <f t="shared" si="100"/>
        <v>1.771938814155029</v>
      </c>
      <c r="V247" s="12">
        <f t="shared" si="101"/>
        <v>2.5404025087253199</v>
      </c>
      <c r="W247" s="12">
        <f t="shared" si="107"/>
        <v>0</v>
      </c>
      <c r="X247" s="12">
        <f t="shared" si="102"/>
        <v>-7.0953309908476907E-3</v>
      </c>
      <c r="Y247" s="12">
        <f t="shared" si="103"/>
        <v>-5.875924024232846E-2</v>
      </c>
      <c r="Z247" s="12">
        <f t="shared" si="104"/>
        <v>-9.5984753200240996E-2</v>
      </c>
      <c r="AA247" s="12">
        <f t="shared" si="105"/>
        <v>-0.17801624965770491</v>
      </c>
      <c r="AB247" s="12">
        <f t="shared" si="108"/>
        <v>0</v>
      </c>
      <c r="AC247" s="12">
        <f t="shared" si="109"/>
        <v>0.97442314857063705</v>
      </c>
      <c r="AD247" s="12">
        <f t="shared" si="110"/>
        <v>0</v>
      </c>
      <c r="AE247" s="12">
        <f t="shared" si="111"/>
        <v>0</v>
      </c>
      <c r="AF247" s="12">
        <f t="shared" si="112"/>
        <v>0</v>
      </c>
      <c r="AG247" s="12">
        <f t="shared" si="113"/>
        <v>0</v>
      </c>
      <c r="AH247" s="12">
        <f>AC247/SUM(AC$2:AG$366)*Input!$D$12</f>
        <v>255.5482874157436</v>
      </c>
      <c r="AI247" s="12">
        <f>AD247/SUM(AC$2:AG$366)*Input!$D$12</f>
        <v>0</v>
      </c>
      <c r="AJ247" s="12">
        <f>AE247/SUM(AC$2:AG$366)*Input!$D$12</f>
        <v>0</v>
      </c>
      <c r="AK247" s="12">
        <f>AF247/SUM(AC$2:AG$366)*Input!$D$12</f>
        <v>0</v>
      </c>
      <c r="AL247" s="12">
        <f>AG247/SUM(AC$2:AG$366)*Input!$D$12</f>
        <v>0</v>
      </c>
      <c r="AM247" s="12">
        <f t="shared" si="114"/>
        <v>7.6664486224723074</v>
      </c>
      <c r="AN247" s="12">
        <f t="shared" si="115"/>
        <v>25.554828741574362</v>
      </c>
      <c r="AO247" s="12">
        <f t="shared" si="116"/>
        <v>38.332243112361539</v>
      </c>
      <c r="AP247" s="12">
        <f t="shared" si="117"/>
        <v>183.99476693933539</v>
      </c>
      <c r="AQ247" s="12">
        <f t="shared" si="118"/>
        <v>0</v>
      </c>
      <c r="AR247" s="11">
        <f t="shared" si="119"/>
        <v>255.5482874157436</v>
      </c>
    </row>
    <row r="248" spans="16:44" x14ac:dyDescent="0.3">
      <c r="P248" s="10">
        <f t="shared" si="120"/>
        <v>45538</v>
      </c>
      <c r="Q248" s="29">
        <v>13.2</v>
      </c>
      <c r="R248" s="29">
        <f t="shared" si="106"/>
        <v>2</v>
      </c>
      <c r="S248" s="12">
        <f t="shared" si="98"/>
        <v>1.0609861866589789</v>
      </c>
      <c r="T248" s="12">
        <f t="shared" si="99"/>
        <v>1.4695351264848711</v>
      </c>
      <c r="U248" s="12">
        <f t="shared" si="100"/>
        <v>1.771938814155029</v>
      </c>
      <c r="V248" s="12">
        <f t="shared" si="101"/>
        <v>0.52104102880341097</v>
      </c>
      <c r="W248" s="12">
        <f t="shared" si="107"/>
        <v>0</v>
      </c>
      <c r="X248" s="12">
        <f t="shared" si="102"/>
        <v>-7.0953309908476907E-3</v>
      </c>
      <c r="Y248" s="12">
        <f t="shared" si="103"/>
        <v>-5.875924024232846E-2</v>
      </c>
      <c r="Z248" s="12">
        <f t="shared" si="104"/>
        <v>-9.5984753200240996E-2</v>
      </c>
      <c r="AA248" s="12">
        <f t="shared" si="105"/>
        <v>-2.1476600051355411E-2</v>
      </c>
      <c r="AB248" s="12">
        <f t="shared" si="108"/>
        <v>0</v>
      </c>
      <c r="AC248" s="12">
        <f t="shared" si="109"/>
        <v>0.96732781757978947</v>
      </c>
      <c r="AD248" s="12">
        <f t="shared" si="110"/>
        <v>0</v>
      </c>
      <c r="AE248" s="12">
        <f t="shared" si="111"/>
        <v>0</v>
      </c>
      <c r="AF248" s="12">
        <f t="shared" si="112"/>
        <v>0</v>
      </c>
      <c r="AG248" s="12">
        <f t="shared" si="113"/>
        <v>0</v>
      </c>
      <c r="AH248" s="12">
        <f>AC248/SUM(AC$2:AG$366)*Input!$D$12</f>
        <v>253.68749450865934</v>
      </c>
      <c r="AI248" s="12">
        <f>AD248/SUM(AC$2:AG$366)*Input!$D$12</f>
        <v>0</v>
      </c>
      <c r="AJ248" s="12">
        <f>AE248/SUM(AC$2:AG$366)*Input!$D$12</f>
        <v>0</v>
      </c>
      <c r="AK248" s="12">
        <f>AF248/SUM(AC$2:AG$366)*Input!$D$12</f>
        <v>0</v>
      </c>
      <c r="AL248" s="12">
        <f>AG248/SUM(AC$2:AG$366)*Input!$D$12</f>
        <v>0</v>
      </c>
      <c r="AM248" s="12">
        <f t="shared" si="114"/>
        <v>7.6106248352597801</v>
      </c>
      <c r="AN248" s="12">
        <f t="shared" si="115"/>
        <v>25.368749450865934</v>
      </c>
      <c r="AO248" s="12">
        <f t="shared" si="116"/>
        <v>38.053124176298901</v>
      </c>
      <c r="AP248" s="12">
        <f t="shared" si="117"/>
        <v>182.65499604623471</v>
      </c>
      <c r="AQ248" s="12">
        <f t="shared" si="118"/>
        <v>0</v>
      </c>
      <c r="AR248" s="11">
        <f t="shared" si="119"/>
        <v>253.68749450865931</v>
      </c>
    </row>
    <row r="249" spans="16:44" x14ac:dyDescent="0.3">
      <c r="P249" s="10">
        <f t="shared" si="120"/>
        <v>45539</v>
      </c>
      <c r="Q249" s="29">
        <v>10.9</v>
      </c>
      <c r="R249" s="29">
        <f t="shared" si="106"/>
        <v>3</v>
      </c>
      <c r="S249" s="12">
        <f t="shared" si="98"/>
        <v>1.0609861866589789</v>
      </c>
      <c r="T249" s="12">
        <f t="shared" si="99"/>
        <v>1.4695351264848711</v>
      </c>
      <c r="U249" s="12">
        <f t="shared" si="100"/>
        <v>1.771938814155029</v>
      </c>
      <c r="V249" s="12">
        <f t="shared" si="101"/>
        <v>2.5404025087253199</v>
      </c>
      <c r="W249" s="12">
        <f t="shared" si="107"/>
        <v>0</v>
      </c>
      <c r="X249" s="12">
        <f t="shared" si="102"/>
        <v>-7.0953309908476907E-3</v>
      </c>
      <c r="Y249" s="12">
        <f t="shared" si="103"/>
        <v>-5.875924024232846E-2</v>
      </c>
      <c r="Z249" s="12">
        <f t="shared" si="104"/>
        <v>-9.5984753200240996E-2</v>
      </c>
      <c r="AA249" s="12">
        <f t="shared" si="105"/>
        <v>-0.17801624965770491</v>
      </c>
      <c r="AB249" s="12">
        <f t="shared" si="108"/>
        <v>0</v>
      </c>
      <c r="AC249" s="12">
        <f t="shared" si="109"/>
        <v>0.98364707885873903</v>
      </c>
      <c r="AD249" s="12">
        <f t="shared" si="110"/>
        <v>0</v>
      </c>
      <c r="AE249" s="12">
        <f t="shared" si="111"/>
        <v>0</v>
      </c>
      <c r="AF249" s="12">
        <f t="shared" si="112"/>
        <v>0</v>
      </c>
      <c r="AG249" s="12">
        <f t="shared" si="113"/>
        <v>0</v>
      </c>
      <c r="AH249" s="12">
        <f>AC249/SUM(AC$2:AG$366)*Input!$D$12</f>
        <v>257.96731819495318</v>
      </c>
      <c r="AI249" s="12">
        <f>AD249/SUM(AC$2:AG$366)*Input!$D$12</f>
        <v>0</v>
      </c>
      <c r="AJ249" s="12">
        <f>AE249/SUM(AC$2:AG$366)*Input!$D$12</f>
        <v>0</v>
      </c>
      <c r="AK249" s="12">
        <f>AF249/SUM(AC$2:AG$366)*Input!$D$12</f>
        <v>0</v>
      </c>
      <c r="AL249" s="12">
        <f>AG249/SUM(AC$2:AG$366)*Input!$D$12</f>
        <v>0</v>
      </c>
      <c r="AM249" s="12">
        <f t="shared" si="114"/>
        <v>7.7390195458485955</v>
      </c>
      <c r="AN249" s="12">
        <f t="shared" si="115"/>
        <v>25.796731819495321</v>
      </c>
      <c r="AO249" s="12">
        <f t="shared" si="116"/>
        <v>38.695097729242974</v>
      </c>
      <c r="AP249" s="12">
        <f t="shared" si="117"/>
        <v>185.73646910036629</v>
      </c>
      <c r="AQ249" s="12">
        <f t="shared" si="118"/>
        <v>0</v>
      </c>
      <c r="AR249" s="11">
        <f t="shared" si="119"/>
        <v>257.96731819495318</v>
      </c>
    </row>
    <row r="250" spans="16:44" x14ac:dyDescent="0.3">
      <c r="P250" s="10">
        <f t="shared" si="120"/>
        <v>45540</v>
      </c>
      <c r="Q250" s="29">
        <v>12.7</v>
      </c>
      <c r="R250" s="29">
        <f t="shared" si="106"/>
        <v>4</v>
      </c>
      <c r="S250" s="12">
        <f t="shared" si="98"/>
        <v>1.0609861866589789</v>
      </c>
      <c r="T250" s="12">
        <f t="shared" si="99"/>
        <v>1.4695351264848711</v>
      </c>
      <c r="U250" s="12">
        <f t="shared" si="100"/>
        <v>1.771938814155029</v>
      </c>
      <c r="V250" s="12">
        <f t="shared" si="101"/>
        <v>2.5404025087253199</v>
      </c>
      <c r="W250" s="12">
        <f t="shared" si="107"/>
        <v>0</v>
      </c>
      <c r="X250" s="12">
        <f t="shared" si="102"/>
        <v>-7.0953309908476907E-3</v>
      </c>
      <c r="Y250" s="12">
        <f t="shared" si="103"/>
        <v>-5.875924024232846E-2</v>
      </c>
      <c r="Z250" s="12">
        <f t="shared" si="104"/>
        <v>-9.5984753200240996E-2</v>
      </c>
      <c r="AA250" s="12">
        <f t="shared" si="105"/>
        <v>-0.17801624965770491</v>
      </c>
      <c r="AB250" s="12">
        <f t="shared" si="108"/>
        <v>0</v>
      </c>
      <c r="AC250" s="12">
        <f t="shared" si="109"/>
        <v>0.97087548307521332</v>
      </c>
      <c r="AD250" s="12">
        <f t="shared" si="110"/>
        <v>0</v>
      </c>
      <c r="AE250" s="12">
        <f t="shared" si="111"/>
        <v>0</v>
      </c>
      <c r="AF250" s="12">
        <f t="shared" si="112"/>
        <v>0</v>
      </c>
      <c r="AG250" s="12">
        <f t="shared" si="113"/>
        <v>0</v>
      </c>
      <c r="AH250" s="12">
        <f>AC250/SUM(AC$2:AG$366)*Input!$D$12</f>
        <v>254.6178909622015</v>
      </c>
      <c r="AI250" s="12">
        <f>AD250/SUM(AC$2:AG$366)*Input!$D$12</f>
        <v>0</v>
      </c>
      <c r="AJ250" s="12">
        <f>AE250/SUM(AC$2:AG$366)*Input!$D$12</f>
        <v>0</v>
      </c>
      <c r="AK250" s="12">
        <f>AF250/SUM(AC$2:AG$366)*Input!$D$12</f>
        <v>0</v>
      </c>
      <c r="AL250" s="12">
        <f>AG250/SUM(AC$2:AG$366)*Input!$D$12</f>
        <v>0</v>
      </c>
      <c r="AM250" s="12">
        <f t="shared" si="114"/>
        <v>7.6385367288660451</v>
      </c>
      <c r="AN250" s="12">
        <f t="shared" si="115"/>
        <v>25.461789096220151</v>
      </c>
      <c r="AO250" s="12">
        <f t="shared" si="116"/>
        <v>38.192683644330224</v>
      </c>
      <c r="AP250" s="12">
        <f t="shared" si="117"/>
        <v>183.32488149278507</v>
      </c>
      <c r="AQ250" s="12">
        <f t="shared" si="118"/>
        <v>0</v>
      </c>
      <c r="AR250" s="11">
        <f t="shared" si="119"/>
        <v>254.6178909622015</v>
      </c>
    </row>
    <row r="251" spans="16:44" x14ac:dyDescent="0.3">
      <c r="P251" s="10">
        <f t="shared" si="120"/>
        <v>45541</v>
      </c>
      <c r="Q251" s="29">
        <v>13.5</v>
      </c>
      <c r="R251" s="29">
        <f t="shared" si="106"/>
        <v>5</v>
      </c>
      <c r="S251" s="12">
        <f t="shared" si="98"/>
        <v>1.0609861866589789</v>
      </c>
      <c r="T251" s="12">
        <f t="shared" si="99"/>
        <v>1.4695351264848711</v>
      </c>
      <c r="U251" s="12">
        <f t="shared" si="100"/>
        <v>1.771938814155029</v>
      </c>
      <c r="V251" s="12">
        <f t="shared" si="101"/>
        <v>0.52104102880341097</v>
      </c>
      <c r="W251" s="12">
        <f t="shared" si="107"/>
        <v>0</v>
      </c>
      <c r="X251" s="12">
        <f t="shared" si="102"/>
        <v>-7.0953309908476907E-3</v>
      </c>
      <c r="Y251" s="12">
        <f t="shared" si="103"/>
        <v>-5.875924024232846E-2</v>
      </c>
      <c r="Z251" s="12">
        <f t="shared" si="104"/>
        <v>-9.5984753200240996E-2</v>
      </c>
      <c r="AA251" s="12">
        <f t="shared" si="105"/>
        <v>-2.1476600051355411E-2</v>
      </c>
      <c r="AB251" s="12">
        <f t="shared" si="108"/>
        <v>0</v>
      </c>
      <c r="AC251" s="12">
        <f t="shared" si="109"/>
        <v>0.96519921828253508</v>
      </c>
      <c r="AD251" s="12">
        <f t="shared" si="110"/>
        <v>0</v>
      </c>
      <c r="AE251" s="12">
        <f t="shared" si="111"/>
        <v>0</v>
      </c>
      <c r="AF251" s="12">
        <f t="shared" si="112"/>
        <v>0</v>
      </c>
      <c r="AG251" s="12">
        <f t="shared" si="113"/>
        <v>0</v>
      </c>
      <c r="AH251" s="12">
        <f>AC251/SUM(AC$2:AG$366)*Input!$D$12</f>
        <v>253.12925663653402</v>
      </c>
      <c r="AI251" s="12">
        <f>AD251/SUM(AC$2:AG$366)*Input!$D$12</f>
        <v>0</v>
      </c>
      <c r="AJ251" s="12">
        <f>AE251/SUM(AC$2:AG$366)*Input!$D$12</f>
        <v>0</v>
      </c>
      <c r="AK251" s="12">
        <f>AF251/SUM(AC$2:AG$366)*Input!$D$12</f>
        <v>0</v>
      </c>
      <c r="AL251" s="12">
        <f>AG251/SUM(AC$2:AG$366)*Input!$D$12</f>
        <v>0</v>
      </c>
      <c r="AM251" s="12">
        <f t="shared" si="114"/>
        <v>7.5938776990960202</v>
      </c>
      <c r="AN251" s="12">
        <f t="shared" si="115"/>
        <v>25.312925663653402</v>
      </c>
      <c r="AO251" s="12">
        <f t="shared" si="116"/>
        <v>37.969388495480104</v>
      </c>
      <c r="AP251" s="12">
        <f t="shared" si="117"/>
        <v>182.25306477830449</v>
      </c>
      <c r="AQ251" s="12">
        <f t="shared" si="118"/>
        <v>0</v>
      </c>
      <c r="AR251" s="11">
        <f t="shared" si="119"/>
        <v>253.12925663653402</v>
      </c>
    </row>
    <row r="252" spans="16:44" x14ac:dyDescent="0.3">
      <c r="P252" s="10">
        <f t="shared" si="120"/>
        <v>45542</v>
      </c>
      <c r="Q252" s="29">
        <v>15.3</v>
      </c>
      <c r="R252" s="29">
        <f t="shared" si="106"/>
        <v>6</v>
      </c>
      <c r="S252" s="12">
        <f t="shared" si="98"/>
        <v>0.88136675487947747</v>
      </c>
      <c r="T252" s="12">
        <f t="shared" si="99"/>
        <v>0.40529111994771311</v>
      </c>
      <c r="U252" s="12">
        <f t="shared" si="100"/>
        <v>1.4791569663107089</v>
      </c>
      <c r="V252" s="12">
        <f t="shared" si="101"/>
        <v>1.31124751273035</v>
      </c>
      <c r="W252" s="12">
        <f t="shared" si="107"/>
        <v>0.44487676601187343</v>
      </c>
      <c r="X252" s="12">
        <f t="shared" si="102"/>
        <v>-1.236743869637378E-2</v>
      </c>
      <c r="Y252" s="12">
        <f t="shared" si="103"/>
        <v>-1.3226323007097701E-2</v>
      </c>
      <c r="Z252" s="12">
        <f t="shared" si="104"/>
        <v>-6.6119920832722404E-2</v>
      </c>
      <c r="AA252" s="12">
        <f t="shared" si="105"/>
        <v>-7.5310765362349638E-2</v>
      </c>
      <c r="AB252" s="12">
        <f t="shared" si="108"/>
        <v>-1.748296682554611E-2</v>
      </c>
      <c r="AC252" s="12">
        <f t="shared" si="109"/>
        <v>0.7848231506692207</v>
      </c>
      <c r="AD252" s="12">
        <f t="shared" si="110"/>
        <v>0.11487775475133484</v>
      </c>
      <c r="AE252" s="12">
        <f t="shared" si="111"/>
        <v>0</v>
      </c>
      <c r="AF252" s="12">
        <f t="shared" si="112"/>
        <v>0</v>
      </c>
      <c r="AG252" s="12">
        <f t="shared" si="113"/>
        <v>0</v>
      </c>
      <c r="AH252" s="12">
        <f>AC252/SUM(AC$2:AG$366)*Input!$D$12</f>
        <v>205.82455617145942</v>
      </c>
      <c r="AI252" s="12">
        <f>AD252/SUM(AC$2:AG$366)*Input!$D$12</f>
        <v>30.127376932631755</v>
      </c>
      <c r="AJ252" s="12">
        <f>AE252/SUM(AC$2:AG$366)*Input!$D$12</f>
        <v>0</v>
      </c>
      <c r="AK252" s="12">
        <f>AF252/SUM(AC$2:AG$366)*Input!$D$12</f>
        <v>0</v>
      </c>
      <c r="AL252" s="12">
        <f>AG252/SUM(AC$2:AG$366)*Input!$D$12</f>
        <v>0</v>
      </c>
      <c r="AM252" s="12">
        <f t="shared" si="114"/>
        <v>2.7141781020388978</v>
      </c>
      <c r="AN252" s="12">
        <f t="shared" si="115"/>
        <v>9.0472603401296592</v>
      </c>
      <c r="AO252" s="12">
        <f t="shared" si="116"/>
        <v>13.57089051019449</v>
      </c>
      <c r="AP252" s="12">
        <f t="shared" si="117"/>
        <v>210.61960415172814</v>
      </c>
      <c r="AQ252" s="12">
        <f t="shared" si="118"/>
        <v>0</v>
      </c>
      <c r="AR252" s="11">
        <f t="shared" si="119"/>
        <v>235.95193310409118</v>
      </c>
    </row>
    <row r="253" spans="16:44" x14ac:dyDescent="0.3">
      <c r="P253" s="10">
        <f t="shared" si="120"/>
        <v>45543</v>
      </c>
      <c r="Q253" s="29">
        <v>17</v>
      </c>
      <c r="R253" s="29">
        <f t="shared" si="106"/>
        <v>7</v>
      </c>
      <c r="S253" s="12">
        <f t="shared" si="98"/>
        <v>0.88136675487947747</v>
      </c>
      <c r="T253" s="12">
        <f t="shared" si="99"/>
        <v>0.19607255136472959</v>
      </c>
      <c r="U253" s="12">
        <f t="shared" si="100"/>
        <v>0.65274423464211173</v>
      </c>
      <c r="V253" s="12">
        <f t="shared" si="101"/>
        <v>0.29524473618599389</v>
      </c>
      <c r="W253" s="12">
        <f t="shared" si="107"/>
        <v>0.44487676601187343</v>
      </c>
      <c r="X253" s="12">
        <f t="shared" si="102"/>
        <v>-1.236743869637378E-2</v>
      </c>
      <c r="Y253" s="12">
        <f t="shared" si="103"/>
        <v>-6.2279477920712143E-4</v>
      </c>
      <c r="Z253" s="12">
        <f t="shared" si="104"/>
        <v>-1.60343007315953E-2</v>
      </c>
      <c r="AA253" s="12">
        <f t="shared" si="105"/>
        <v>-9.762199133681506E-3</v>
      </c>
      <c r="AB253" s="12">
        <f t="shared" si="108"/>
        <v>-1.748296682554611E-2</v>
      </c>
      <c r="AC253" s="12">
        <f t="shared" si="109"/>
        <v>0.76098330481492971</v>
      </c>
      <c r="AD253" s="12">
        <f t="shared" si="110"/>
        <v>0.10500308121091782</v>
      </c>
      <c r="AE253" s="12">
        <f t="shared" si="111"/>
        <v>0</v>
      </c>
      <c r="AF253" s="12">
        <f t="shared" si="112"/>
        <v>0</v>
      </c>
      <c r="AG253" s="12">
        <f t="shared" si="113"/>
        <v>0</v>
      </c>
      <c r="AH253" s="12">
        <f>AC253/SUM(AC$2:AG$366)*Input!$D$12</f>
        <v>199.57241428704714</v>
      </c>
      <c r="AI253" s="12">
        <f>AD253/SUM(AC$2:AG$366)*Input!$D$12</f>
        <v>27.537684850968123</v>
      </c>
      <c r="AJ253" s="12">
        <f>AE253/SUM(AC$2:AG$366)*Input!$D$12</f>
        <v>0</v>
      </c>
      <c r="AK253" s="12">
        <f>AF253/SUM(AC$2:AG$366)*Input!$D$12</f>
        <v>0</v>
      </c>
      <c r="AL253" s="12">
        <f>AG253/SUM(AC$2:AG$366)*Input!$D$12</f>
        <v>0</v>
      </c>
      <c r="AM253" s="12">
        <f t="shared" si="114"/>
        <v>2.480872509096228</v>
      </c>
      <c r="AN253" s="12">
        <f t="shared" si="115"/>
        <v>8.2695750303207607</v>
      </c>
      <c r="AO253" s="12">
        <f t="shared" si="116"/>
        <v>12.404362545481142</v>
      </c>
      <c r="AP253" s="12">
        <f t="shared" si="117"/>
        <v>203.95528905311713</v>
      </c>
      <c r="AQ253" s="12">
        <f t="shared" si="118"/>
        <v>0</v>
      </c>
      <c r="AR253" s="11">
        <f t="shared" si="119"/>
        <v>227.11009913801524</v>
      </c>
    </row>
    <row r="254" spans="16:44" x14ac:dyDescent="0.3">
      <c r="P254" s="10">
        <f t="shared" si="120"/>
        <v>45544</v>
      </c>
      <c r="Q254" s="29">
        <v>14.2</v>
      </c>
      <c r="R254" s="29">
        <f t="shared" si="106"/>
        <v>1</v>
      </c>
      <c r="S254" s="12">
        <f t="shared" si="98"/>
        <v>1.0609861866589789</v>
      </c>
      <c r="T254" s="12">
        <f t="shared" si="99"/>
        <v>1.4695351264848711</v>
      </c>
      <c r="U254" s="12">
        <f t="shared" si="100"/>
        <v>1.771938814155029</v>
      </c>
      <c r="V254" s="12">
        <f t="shared" si="101"/>
        <v>0.52104102880341097</v>
      </c>
      <c r="W254" s="12">
        <f t="shared" si="107"/>
        <v>0</v>
      </c>
      <c r="X254" s="12">
        <f t="shared" si="102"/>
        <v>-7.0953309908476907E-3</v>
      </c>
      <c r="Y254" s="12">
        <f t="shared" si="103"/>
        <v>-5.875924024232846E-2</v>
      </c>
      <c r="Z254" s="12">
        <f t="shared" si="104"/>
        <v>-9.5984753200240996E-2</v>
      </c>
      <c r="AA254" s="12">
        <f t="shared" si="105"/>
        <v>-2.1476600051355411E-2</v>
      </c>
      <c r="AB254" s="12">
        <f t="shared" si="108"/>
        <v>0</v>
      </c>
      <c r="AC254" s="12">
        <f t="shared" si="109"/>
        <v>0.96023248658894178</v>
      </c>
      <c r="AD254" s="12">
        <f t="shared" si="110"/>
        <v>0</v>
      </c>
      <c r="AE254" s="12">
        <f t="shared" si="111"/>
        <v>0</v>
      </c>
      <c r="AF254" s="12">
        <f t="shared" si="112"/>
        <v>0</v>
      </c>
      <c r="AG254" s="12">
        <f t="shared" si="113"/>
        <v>0</v>
      </c>
      <c r="AH254" s="12">
        <f>AC254/SUM(AC$2:AG$366)*Input!$D$12</f>
        <v>251.82670160157505</v>
      </c>
      <c r="AI254" s="12">
        <f>AD254/SUM(AC$2:AG$366)*Input!$D$12</f>
        <v>0</v>
      </c>
      <c r="AJ254" s="12">
        <f>AE254/SUM(AC$2:AG$366)*Input!$D$12</f>
        <v>0</v>
      </c>
      <c r="AK254" s="12">
        <f>AF254/SUM(AC$2:AG$366)*Input!$D$12</f>
        <v>0</v>
      </c>
      <c r="AL254" s="12">
        <f>AG254/SUM(AC$2:AG$366)*Input!$D$12</f>
        <v>0</v>
      </c>
      <c r="AM254" s="12">
        <f t="shared" si="114"/>
        <v>7.5548010480472509</v>
      </c>
      <c r="AN254" s="12">
        <f t="shared" si="115"/>
        <v>25.182670160157507</v>
      </c>
      <c r="AO254" s="12">
        <f t="shared" si="116"/>
        <v>37.774005240236256</v>
      </c>
      <c r="AP254" s="12">
        <f t="shared" si="117"/>
        <v>181.31522515313404</v>
      </c>
      <c r="AQ254" s="12">
        <f t="shared" si="118"/>
        <v>0</v>
      </c>
      <c r="AR254" s="11">
        <f t="shared" si="119"/>
        <v>251.82670160157505</v>
      </c>
    </row>
    <row r="255" spans="16:44" x14ac:dyDescent="0.3">
      <c r="P255" s="10">
        <f t="shared" si="120"/>
        <v>45545</v>
      </c>
      <c r="Q255" s="29">
        <v>14.2</v>
      </c>
      <c r="R255" s="29">
        <f t="shared" si="106"/>
        <v>2</v>
      </c>
      <c r="S255" s="12">
        <f t="shared" si="98"/>
        <v>1.0609861866589789</v>
      </c>
      <c r="T255" s="12">
        <f t="shared" si="99"/>
        <v>1.4695351264848711</v>
      </c>
      <c r="U255" s="12">
        <f t="shared" si="100"/>
        <v>1.771938814155029</v>
      </c>
      <c r="V255" s="12">
        <f t="shared" si="101"/>
        <v>0.52104102880341097</v>
      </c>
      <c r="W255" s="12">
        <f t="shared" si="107"/>
        <v>0</v>
      </c>
      <c r="X255" s="12">
        <f t="shared" si="102"/>
        <v>-7.0953309908476907E-3</v>
      </c>
      <c r="Y255" s="12">
        <f t="shared" si="103"/>
        <v>-5.875924024232846E-2</v>
      </c>
      <c r="Z255" s="12">
        <f t="shared" si="104"/>
        <v>-9.5984753200240996E-2</v>
      </c>
      <c r="AA255" s="12">
        <f t="shared" si="105"/>
        <v>-2.1476600051355411E-2</v>
      </c>
      <c r="AB255" s="12">
        <f t="shared" si="108"/>
        <v>0</v>
      </c>
      <c r="AC255" s="12">
        <f t="shared" si="109"/>
        <v>0.96023248658894178</v>
      </c>
      <c r="AD255" s="12">
        <f t="shared" si="110"/>
        <v>0</v>
      </c>
      <c r="AE255" s="12">
        <f t="shared" si="111"/>
        <v>0</v>
      </c>
      <c r="AF255" s="12">
        <f t="shared" si="112"/>
        <v>0</v>
      </c>
      <c r="AG255" s="12">
        <f t="shared" si="113"/>
        <v>0</v>
      </c>
      <c r="AH255" s="12">
        <f>AC255/SUM(AC$2:AG$366)*Input!$D$12</f>
        <v>251.82670160157505</v>
      </c>
      <c r="AI255" s="12">
        <f>AD255/SUM(AC$2:AG$366)*Input!$D$12</f>
        <v>0</v>
      </c>
      <c r="AJ255" s="12">
        <f>AE255/SUM(AC$2:AG$366)*Input!$D$12</f>
        <v>0</v>
      </c>
      <c r="AK255" s="12">
        <f>AF255/SUM(AC$2:AG$366)*Input!$D$12</f>
        <v>0</v>
      </c>
      <c r="AL255" s="12">
        <f>AG255/SUM(AC$2:AG$366)*Input!$D$12</f>
        <v>0</v>
      </c>
      <c r="AM255" s="12">
        <f t="shared" si="114"/>
        <v>7.5548010480472509</v>
      </c>
      <c r="AN255" s="12">
        <f t="shared" si="115"/>
        <v>25.182670160157507</v>
      </c>
      <c r="AO255" s="12">
        <f t="shared" si="116"/>
        <v>37.774005240236256</v>
      </c>
      <c r="AP255" s="12">
        <f t="shared" si="117"/>
        <v>181.31522515313404</v>
      </c>
      <c r="AQ255" s="12">
        <f t="shared" si="118"/>
        <v>0</v>
      </c>
      <c r="AR255" s="11">
        <f t="shared" si="119"/>
        <v>251.82670160157505</v>
      </c>
    </row>
    <row r="256" spans="16:44" x14ac:dyDescent="0.3">
      <c r="P256" s="10">
        <f t="shared" si="120"/>
        <v>45546</v>
      </c>
      <c r="Q256" s="29">
        <v>12.3</v>
      </c>
      <c r="R256" s="29">
        <f t="shared" si="106"/>
        <v>3</v>
      </c>
      <c r="S256" s="12">
        <f t="shared" si="98"/>
        <v>1.0609861866589789</v>
      </c>
      <c r="T256" s="12">
        <f t="shared" si="99"/>
        <v>1.4695351264848711</v>
      </c>
      <c r="U256" s="12">
        <f t="shared" si="100"/>
        <v>1.771938814155029</v>
      </c>
      <c r="V256" s="12">
        <f t="shared" si="101"/>
        <v>2.5404025087253199</v>
      </c>
      <c r="W256" s="12">
        <f t="shared" si="107"/>
        <v>0</v>
      </c>
      <c r="X256" s="12">
        <f t="shared" si="102"/>
        <v>-7.0953309908476907E-3</v>
      </c>
      <c r="Y256" s="12">
        <f t="shared" si="103"/>
        <v>-5.875924024232846E-2</v>
      </c>
      <c r="Z256" s="12">
        <f t="shared" si="104"/>
        <v>-9.5984753200240996E-2</v>
      </c>
      <c r="AA256" s="12">
        <f t="shared" si="105"/>
        <v>-0.17801624965770491</v>
      </c>
      <c r="AB256" s="12">
        <f t="shared" si="108"/>
        <v>0</v>
      </c>
      <c r="AC256" s="12">
        <f t="shared" si="109"/>
        <v>0.97371361547155233</v>
      </c>
      <c r="AD256" s="12">
        <f t="shared" si="110"/>
        <v>0</v>
      </c>
      <c r="AE256" s="12">
        <f t="shared" si="111"/>
        <v>0</v>
      </c>
      <c r="AF256" s="12">
        <f t="shared" si="112"/>
        <v>0</v>
      </c>
      <c r="AG256" s="12">
        <f t="shared" si="113"/>
        <v>0</v>
      </c>
      <c r="AH256" s="12">
        <f>AC256/SUM(AC$2:AG$366)*Input!$D$12</f>
        <v>255.36220812503518</v>
      </c>
      <c r="AI256" s="12">
        <f>AD256/SUM(AC$2:AG$366)*Input!$D$12</f>
        <v>0</v>
      </c>
      <c r="AJ256" s="12">
        <f>AE256/SUM(AC$2:AG$366)*Input!$D$12</f>
        <v>0</v>
      </c>
      <c r="AK256" s="12">
        <f>AF256/SUM(AC$2:AG$366)*Input!$D$12</f>
        <v>0</v>
      </c>
      <c r="AL256" s="12">
        <f>AG256/SUM(AC$2:AG$366)*Input!$D$12</f>
        <v>0</v>
      </c>
      <c r="AM256" s="12">
        <f t="shared" si="114"/>
        <v>7.6608662437510553</v>
      </c>
      <c r="AN256" s="12">
        <f t="shared" si="115"/>
        <v>25.536220812503519</v>
      </c>
      <c r="AO256" s="12">
        <f t="shared" si="116"/>
        <v>38.304331218755273</v>
      </c>
      <c r="AP256" s="12">
        <f t="shared" si="117"/>
        <v>183.86078985002533</v>
      </c>
      <c r="AQ256" s="12">
        <f t="shared" si="118"/>
        <v>0</v>
      </c>
      <c r="AR256" s="11">
        <f t="shared" si="119"/>
        <v>255.36220812503518</v>
      </c>
    </row>
    <row r="257" spans="16:44" x14ac:dyDescent="0.3">
      <c r="P257" s="10">
        <f t="shared" si="120"/>
        <v>45547</v>
      </c>
      <c r="Q257" s="29">
        <v>9.1999999999999993</v>
      </c>
      <c r="R257" s="29">
        <f t="shared" si="106"/>
        <v>4</v>
      </c>
      <c r="S257" s="12">
        <f t="shared" si="98"/>
        <v>1.0609861866589789</v>
      </c>
      <c r="T257" s="12">
        <f t="shared" si="99"/>
        <v>1.4695351264848711</v>
      </c>
      <c r="U257" s="12">
        <f t="shared" si="100"/>
        <v>1.771938814155029</v>
      </c>
      <c r="V257" s="12">
        <f t="shared" si="101"/>
        <v>2.5404025087253199</v>
      </c>
      <c r="W257" s="12">
        <f t="shared" si="107"/>
        <v>0</v>
      </c>
      <c r="X257" s="12">
        <f t="shared" si="102"/>
        <v>-7.0953309908476907E-3</v>
      </c>
      <c r="Y257" s="12">
        <f t="shared" si="103"/>
        <v>-5.875924024232846E-2</v>
      </c>
      <c r="Z257" s="12">
        <f t="shared" si="104"/>
        <v>-9.5984753200240996E-2</v>
      </c>
      <c r="AA257" s="12">
        <f t="shared" si="105"/>
        <v>-0.17801624965770491</v>
      </c>
      <c r="AB257" s="12">
        <f t="shared" si="108"/>
        <v>0</v>
      </c>
      <c r="AC257" s="12">
        <f t="shared" si="109"/>
        <v>0.99570914154318013</v>
      </c>
      <c r="AD257" s="12">
        <f t="shared" si="110"/>
        <v>0</v>
      </c>
      <c r="AE257" s="12">
        <f t="shared" si="111"/>
        <v>0</v>
      </c>
      <c r="AF257" s="12">
        <f t="shared" si="112"/>
        <v>0</v>
      </c>
      <c r="AG257" s="12">
        <f t="shared" si="113"/>
        <v>0</v>
      </c>
      <c r="AH257" s="12">
        <f>AC257/SUM(AC$2:AG$366)*Input!$D$12</f>
        <v>261.13066613699641</v>
      </c>
      <c r="AI257" s="12">
        <f>AD257/SUM(AC$2:AG$366)*Input!$D$12</f>
        <v>0</v>
      </c>
      <c r="AJ257" s="12">
        <f>AE257/SUM(AC$2:AG$366)*Input!$D$12</f>
        <v>0</v>
      </c>
      <c r="AK257" s="12">
        <f>AF257/SUM(AC$2:AG$366)*Input!$D$12</f>
        <v>0</v>
      </c>
      <c r="AL257" s="12">
        <f>AG257/SUM(AC$2:AG$366)*Input!$D$12</f>
        <v>0</v>
      </c>
      <c r="AM257" s="12">
        <f t="shared" si="114"/>
        <v>7.8339199841098921</v>
      </c>
      <c r="AN257" s="12">
        <f t="shared" si="115"/>
        <v>26.113066613699644</v>
      </c>
      <c r="AO257" s="12">
        <f t="shared" si="116"/>
        <v>39.169599920549459</v>
      </c>
      <c r="AP257" s="12">
        <f t="shared" si="117"/>
        <v>188.0140796186374</v>
      </c>
      <c r="AQ257" s="12">
        <f t="shared" si="118"/>
        <v>0</v>
      </c>
      <c r="AR257" s="11">
        <f t="shared" si="119"/>
        <v>261.13066613699641</v>
      </c>
    </row>
    <row r="258" spans="16:44" x14ac:dyDescent="0.3">
      <c r="P258" s="10">
        <f t="shared" si="120"/>
        <v>45548</v>
      </c>
      <c r="Q258" s="29">
        <v>9.6999999999999993</v>
      </c>
      <c r="R258" s="29">
        <f t="shared" si="106"/>
        <v>5</v>
      </c>
      <c r="S258" s="12">
        <f t="shared" ref="S258:S321" si="121">IF(R258&gt;5,IF($Q258&lt;$G$3,$C$3,$E$3),IF($Q258&lt;$G$10,$C$10,$E$10))</f>
        <v>1.0609861866589789</v>
      </c>
      <c r="T258" s="12">
        <f t="shared" ref="T258:T321" si="122">IF(R258&gt;5,IF($Q258&lt;$G$4,$C$4,$E$4),IF($Q258&lt;$G$11,$C$11,$E$11))</f>
        <v>1.4695351264848711</v>
      </c>
      <c r="U258" s="12">
        <f t="shared" ref="U258:U321" si="123">IF(R258&gt;5,IF($Q258&lt;$G$5,$C$5,$E$5),IF($Q258&lt;$G$12,$C$12,$E$12))</f>
        <v>1.771938814155029</v>
      </c>
      <c r="V258" s="12">
        <f t="shared" ref="V258:V321" si="124">IF(R258&gt;5,IF($Q258&lt;$G$6,$C$6,$E$6),IF($Q258&lt;$G$13,$C$13,$E$13))</f>
        <v>2.5404025087253199</v>
      </c>
      <c r="W258" s="12">
        <f t="shared" si="107"/>
        <v>0</v>
      </c>
      <c r="X258" s="12">
        <f t="shared" ref="X258:X321" si="125">IF(R258&gt;5,IF($Q258&lt;$G$3,$D$3,$F$3),IF($Q258&lt;$G$10,$D$10,$F$10))</f>
        <v>-7.0953309908476907E-3</v>
      </c>
      <c r="Y258" s="12">
        <f t="shared" ref="Y258:Y321" si="126">IF(R258&gt;5,IF($Q258&lt;$G$4,$D$4,$F$4),IF($Q258&lt;$G$11,$D$11,$F$11))</f>
        <v>-5.875924024232846E-2</v>
      </c>
      <c r="Z258" s="12">
        <f t="shared" ref="Z258:Z321" si="127">IF(R258&gt;5,IF($Q258&lt;$G$5,$D$5,$F$5),IF($Q258&lt;$G$12,$D$12,$F$12))</f>
        <v>-9.5984753200240996E-2</v>
      </c>
      <c r="AA258" s="12">
        <f t="shared" ref="AA258:AA321" si="128">IF(R258&gt;5,IF($Q258&lt;$G$6,$D$6,$F$6),IF($Q258&lt;$G$13,$D$13,$F$13))</f>
        <v>-0.17801624965770491</v>
      </c>
      <c r="AB258" s="12">
        <f t="shared" si="108"/>
        <v>0</v>
      </c>
      <c r="AC258" s="12">
        <f t="shared" si="109"/>
        <v>0.99216147604775629</v>
      </c>
      <c r="AD258" s="12">
        <f t="shared" si="110"/>
        <v>0</v>
      </c>
      <c r="AE258" s="12">
        <f t="shared" si="111"/>
        <v>0</v>
      </c>
      <c r="AF258" s="12">
        <f t="shared" si="112"/>
        <v>0</v>
      </c>
      <c r="AG258" s="12">
        <f t="shared" si="113"/>
        <v>0</v>
      </c>
      <c r="AH258" s="12">
        <f>AC258/SUM(AC$2:AG$366)*Input!$D$12</f>
        <v>260.20026968345434</v>
      </c>
      <c r="AI258" s="12">
        <f>AD258/SUM(AC$2:AG$366)*Input!$D$12</f>
        <v>0</v>
      </c>
      <c r="AJ258" s="12">
        <f>AE258/SUM(AC$2:AG$366)*Input!$D$12</f>
        <v>0</v>
      </c>
      <c r="AK258" s="12">
        <f>AF258/SUM(AC$2:AG$366)*Input!$D$12</f>
        <v>0</v>
      </c>
      <c r="AL258" s="12">
        <f>AG258/SUM(AC$2:AG$366)*Input!$D$12</f>
        <v>0</v>
      </c>
      <c r="AM258" s="12">
        <f t="shared" si="114"/>
        <v>7.8060080905036298</v>
      </c>
      <c r="AN258" s="12">
        <f t="shared" si="115"/>
        <v>26.020026968345434</v>
      </c>
      <c r="AO258" s="12">
        <f t="shared" si="116"/>
        <v>39.030040452518151</v>
      </c>
      <c r="AP258" s="12">
        <f t="shared" si="117"/>
        <v>187.34419417208713</v>
      </c>
      <c r="AQ258" s="12">
        <f t="shared" si="118"/>
        <v>0</v>
      </c>
      <c r="AR258" s="11">
        <f t="shared" si="119"/>
        <v>260.20026968345434</v>
      </c>
    </row>
    <row r="259" spans="16:44" x14ac:dyDescent="0.3">
      <c r="P259" s="10">
        <f t="shared" si="120"/>
        <v>45549</v>
      </c>
      <c r="Q259" s="29">
        <v>12.8</v>
      </c>
      <c r="R259" s="29">
        <f t="shared" ref="R259:R322" si="129">WEEKDAY(P259,2)</f>
        <v>6</v>
      </c>
      <c r="S259" s="12">
        <f t="shared" si="121"/>
        <v>0.88136675487947747</v>
      </c>
      <c r="T259" s="12">
        <f t="shared" si="122"/>
        <v>0.40529111994771311</v>
      </c>
      <c r="U259" s="12">
        <f t="shared" si="123"/>
        <v>1.4791569663107089</v>
      </c>
      <c r="V259" s="12">
        <f t="shared" si="124"/>
        <v>1.31124751273035</v>
      </c>
      <c r="W259" s="12">
        <f t="shared" ref="W259:W322" si="130">IF(R259&lt;6,0,IF($Q259&lt;$G$7,$C$7,$E$7))</f>
        <v>1.9424956480203619</v>
      </c>
      <c r="X259" s="12">
        <f t="shared" si="125"/>
        <v>-1.236743869637378E-2</v>
      </c>
      <c r="Y259" s="12">
        <f t="shared" si="126"/>
        <v>-1.3226323007097701E-2</v>
      </c>
      <c r="Z259" s="12">
        <f t="shared" si="127"/>
        <v>-6.6119920832722404E-2</v>
      </c>
      <c r="AA259" s="12">
        <f t="shared" si="128"/>
        <v>-7.5310765362349638E-2</v>
      </c>
      <c r="AB259" s="12">
        <f t="shared" ref="AB259:AB322" si="131">IF(R259&lt;6,0,IF($Q259&lt;$G$7,$D$7,$F$7))</f>
        <v>-0.1200596025795522</v>
      </c>
      <c r="AC259" s="12">
        <f t="shared" ref="AC259:AC322" si="132">MAX(S259+X259*$Q259,0)*IF($R259&lt;6,$B$10,$B$3)</f>
        <v>0.8198817475137663</v>
      </c>
      <c r="AD259" s="12">
        <f t="shared" ref="AD259:AD322" si="133">MAX(T259+Y259*$Q259,0)*IF($R259&lt;6,$B$11,$B$4)</f>
        <v>0.13359630838712985</v>
      </c>
      <c r="AE259" s="12">
        <f t="shared" ref="AE259:AE322" si="134">MAX(U259+Z259*$Q259,0)*IF($R259&lt;6,$B$12,$B$5)</f>
        <v>0</v>
      </c>
      <c r="AF259" s="12">
        <f t="shared" ref="AF259:AF322" si="135">MAX(V259+AA259*$Q259,0)*IF($R259&lt;6,$B$13,$B$6)</f>
        <v>0</v>
      </c>
      <c r="AG259" s="12">
        <f t="shared" ref="AG259:AG322" si="136">MAX(W259+AB259*$Q259,0)*IF($R259&lt;6,0,$B$7)</f>
        <v>0</v>
      </c>
      <c r="AH259" s="12">
        <f>AC259/SUM(AC$2:AG$366)*Input!$D$12</f>
        <v>215.01888247206577</v>
      </c>
      <c r="AI259" s="12">
        <f>AD259/SUM(AC$2:AG$366)*Input!$D$12</f>
        <v>35.036429361798668</v>
      </c>
      <c r="AJ259" s="12">
        <f>AE259/SUM(AC$2:AG$366)*Input!$D$12</f>
        <v>0</v>
      </c>
      <c r="AK259" s="12">
        <f>AF259/SUM(AC$2:AG$366)*Input!$D$12</f>
        <v>0</v>
      </c>
      <c r="AL259" s="12">
        <f>AG259/SUM(AC$2:AG$366)*Input!$D$12</f>
        <v>0</v>
      </c>
      <c r="AM259" s="12">
        <f t="shared" ref="AM259:AM322" si="137">IF($R259&lt;6,AU$22*$AH259+AU$23*$AI259+AU$24*$AJ259+AU$25*$AK259,AU$31*$AH259+AU$32*$AI259+AU$33*$AJ259+AU$34*$AK259+AU$35*$AL259)</f>
        <v>3.1564350776395202</v>
      </c>
      <c r="AN259" s="12">
        <f t="shared" ref="AN259:AN322" si="138">IF($R259&lt;6,AV$22*$AH259+AV$23*$AI259+AV$24*$AJ259+AV$25*$AK259,AV$31*$AH259+AV$32*$AI259+AV$33*$AJ259+AV$34*$AK259+AV$35*$AL259)</f>
        <v>10.521450258798403</v>
      </c>
      <c r="AO259" s="12">
        <f t="shared" ref="AO259:AO322" si="139">IF($R259&lt;6,AW$22*$AH259+AW$23*$AI259+AW$24*$AJ259+AW$25*$AK259,AW$31*$AH259+AW$32*$AI259+AW$33*$AJ259+AW$34*$AK259+AW$35*$AL259)</f>
        <v>15.782175388197604</v>
      </c>
      <c r="AP259" s="12">
        <f t="shared" ref="AP259:AP322" si="140">IF($R259&lt;6,AX$22*$AH259+AX$23*$AI259+AX$24*$AJ259+AX$25*$AK259,AX$31*$AH259+AX$32*$AI259+AX$33*$AJ259+AX$34*$AK259+AX$35*$AL259)</f>
        <v>220.59525110922891</v>
      </c>
      <c r="AQ259" s="12">
        <f t="shared" ref="AQ259:AQ322" si="141">IF($R259&lt;6,AY$22*$AH259+AY$23*$AI259+AY$24*$AJ259+AY$25*$AK259,AY$31*$AH259+AY$32*$AI259+AY$33*$AJ259+AY$34*$AK259+AY$35*$AL259)</f>
        <v>0</v>
      </c>
      <c r="AR259" s="11">
        <f t="shared" ref="AR259:AR322" si="142">SUM(AM259:AQ259)</f>
        <v>250.05531183386444</v>
      </c>
    </row>
    <row r="260" spans="16:44" x14ac:dyDescent="0.3">
      <c r="P260" s="10">
        <f t="shared" ref="P260:P323" si="143">P259+1</f>
        <v>45550</v>
      </c>
      <c r="Q260" s="29">
        <v>11</v>
      </c>
      <c r="R260" s="29">
        <f t="shared" si="129"/>
        <v>7</v>
      </c>
      <c r="S260" s="12">
        <f t="shared" si="121"/>
        <v>0.88136675487947747</v>
      </c>
      <c r="T260" s="12">
        <f t="shared" si="122"/>
        <v>0.40529111994771311</v>
      </c>
      <c r="U260" s="12">
        <f t="shared" si="123"/>
        <v>1.4791569663107089</v>
      </c>
      <c r="V260" s="12">
        <f t="shared" si="124"/>
        <v>1.31124751273035</v>
      </c>
      <c r="W260" s="12">
        <f t="shared" si="130"/>
        <v>1.9424956480203619</v>
      </c>
      <c r="X260" s="12">
        <f t="shared" si="125"/>
        <v>-1.236743869637378E-2</v>
      </c>
      <c r="Y260" s="12">
        <f t="shared" si="126"/>
        <v>-1.3226323007097701E-2</v>
      </c>
      <c r="Z260" s="12">
        <f t="shared" si="127"/>
        <v>-6.6119920832722404E-2</v>
      </c>
      <c r="AA260" s="12">
        <f t="shared" si="128"/>
        <v>-7.5310765362349638E-2</v>
      </c>
      <c r="AB260" s="12">
        <f t="shared" si="131"/>
        <v>-0.1200596025795522</v>
      </c>
      <c r="AC260" s="12">
        <f t="shared" si="132"/>
        <v>0.8451239372418391</v>
      </c>
      <c r="AD260" s="12">
        <f t="shared" si="133"/>
        <v>0.14707366700490229</v>
      </c>
      <c r="AE260" s="12">
        <f t="shared" si="134"/>
        <v>0</v>
      </c>
      <c r="AF260" s="12">
        <f t="shared" si="135"/>
        <v>0</v>
      </c>
      <c r="AG260" s="12">
        <f t="shared" si="136"/>
        <v>0</v>
      </c>
      <c r="AH260" s="12">
        <f>AC260/SUM(AC$2:AG$366)*Input!$D$12</f>
        <v>221.63879740850228</v>
      </c>
      <c r="AI260" s="12">
        <f>AD260/SUM(AC$2:AG$366)*Input!$D$12</f>
        <v>38.570947110798855</v>
      </c>
      <c r="AJ260" s="12">
        <f>AE260/SUM(AC$2:AG$366)*Input!$D$12</f>
        <v>0</v>
      </c>
      <c r="AK260" s="12">
        <f>AF260/SUM(AC$2:AG$366)*Input!$D$12</f>
        <v>0</v>
      </c>
      <c r="AL260" s="12">
        <f>AG260/SUM(AC$2:AG$366)*Input!$D$12</f>
        <v>0</v>
      </c>
      <c r="AM260" s="12">
        <f t="shared" si="137"/>
        <v>3.4748601000719699</v>
      </c>
      <c r="AN260" s="12">
        <f t="shared" si="138"/>
        <v>11.582867000239901</v>
      </c>
      <c r="AO260" s="12">
        <f t="shared" si="139"/>
        <v>17.374300500359851</v>
      </c>
      <c r="AP260" s="12">
        <f t="shared" si="140"/>
        <v>227.77771691862941</v>
      </c>
      <c r="AQ260" s="12">
        <f t="shared" si="141"/>
        <v>0</v>
      </c>
      <c r="AR260" s="11">
        <f t="shared" si="142"/>
        <v>260.20974451930113</v>
      </c>
    </row>
    <row r="261" spans="16:44" x14ac:dyDescent="0.3">
      <c r="P261" s="10">
        <f t="shared" si="143"/>
        <v>45551</v>
      </c>
      <c r="Q261" s="29">
        <v>10.5</v>
      </c>
      <c r="R261" s="29">
        <f t="shared" si="129"/>
        <v>1</v>
      </c>
      <c r="S261" s="12">
        <f t="shared" si="121"/>
        <v>1.0609861866589789</v>
      </c>
      <c r="T261" s="12">
        <f t="shared" si="122"/>
        <v>1.4695351264848711</v>
      </c>
      <c r="U261" s="12">
        <f t="shared" si="123"/>
        <v>1.771938814155029</v>
      </c>
      <c r="V261" s="12">
        <f t="shared" si="124"/>
        <v>2.5404025087253199</v>
      </c>
      <c r="W261" s="12">
        <f t="shared" si="130"/>
        <v>0</v>
      </c>
      <c r="X261" s="12">
        <f t="shared" si="125"/>
        <v>-7.0953309908476907E-3</v>
      </c>
      <c r="Y261" s="12">
        <f t="shared" si="126"/>
        <v>-5.875924024232846E-2</v>
      </c>
      <c r="Z261" s="12">
        <f t="shared" si="127"/>
        <v>-9.5984753200240996E-2</v>
      </c>
      <c r="AA261" s="12">
        <f t="shared" si="128"/>
        <v>-0.17801624965770491</v>
      </c>
      <c r="AB261" s="12">
        <f t="shared" si="131"/>
        <v>0</v>
      </c>
      <c r="AC261" s="12">
        <f t="shared" si="132"/>
        <v>0.98648521125507815</v>
      </c>
      <c r="AD261" s="12">
        <f t="shared" si="133"/>
        <v>0</v>
      </c>
      <c r="AE261" s="12">
        <f t="shared" si="134"/>
        <v>0</v>
      </c>
      <c r="AF261" s="12">
        <f t="shared" si="135"/>
        <v>0</v>
      </c>
      <c r="AG261" s="12">
        <f t="shared" si="136"/>
        <v>0</v>
      </c>
      <c r="AH261" s="12">
        <f>AC261/SUM(AC$2:AG$366)*Input!$D$12</f>
        <v>258.71163535778686</v>
      </c>
      <c r="AI261" s="12">
        <f>AD261/SUM(AC$2:AG$366)*Input!$D$12</f>
        <v>0</v>
      </c>
      <c r="AJ261" s="12">
        <f>AE261/SUM(AC$2:AG$366)*Input!$D$12</f>
        <v>0</v>
      </c>
      <c r="AK261" s="12">
        <f>AF261/SUM(AC$2:AG$366)*Input!$D$12</f>
        <v>0</v>
      </c>
      <c r="AL261" s="12">
        <f>AG261/SUM(AC$2:AG$366)*Input!$D$12</f>
        <v>0</v>
      </c>
      <c r="AM261" s="12">
        <f t="shared" si="137"/>
        <v>7.7613490607336058</v>
      </c>
      <c r="AN261" s="12">
        <f t="shared" si="138"/>
        <v>25.871163535778688</v>
      </c>
      <c r="AO261" s="12">
        <f t="shared" si="139"/>
        <v>38.806745303668031</v>
      </c>
      <c r="AP261" s="12">
        <f t="shared" si="140"/>
        <v>186.27237745760652</v>
      </c>
      <c r="AQ261" s="12">
        <f t="shared" si="141"/>
        <v>0</v>
      </c>
      <c r="AR261" s="11">
        <f t="shared" si="142"/>
        <v>258.71163535778686</v>
      </c>
    </row>
    <row r="262" spans="16:44" x14ac:dyDescent="0.3">
      <c r="P262" s="10">
        <f t="shared" si="143"/>
        <v>45552</v>
      </c>
      <c r="Q262" s="29">
        <v>12.4</v>
      </c>
      <c r="R262" s="29">
        <f t="shared" si="129"/>
        <v>2</v>
      </c>
      <c r="S262" s="12">
        <f t="shared" si="121"/>
        <v>1.0609861866589789</v>
      </c>
      <c r="T262" s="12">
        <f t="shared" si="122"/>
        <v>1.4695351264848711</v>
      </c>
      <c r="U262" s="12">
        <f t="shared" si="123"/>
        <v>1.771938814155029</v>
      </c>
      <c r="V262" s="12">
        <f t="shared" si="124"/>
        <v>2.5404025087253199</v>
      </c>
      <c r="W262" s="12">
        <f t="shared" si="130"/>
        <v>0</v>
      </c>
      <c r="X262" s="12">
        <f t="shared" si="125"/>
        <v>-7.0953309908476907E-3</v>
      </c>
      <c r="Y262" s="12">
        <f t="shared" si="126"/>
        <v>-5.875924024232846E-2</v>
      </c>
      <c r="Z262" s="12">
        <f t="shared" si="127"/>
        <v>-9.5984753200240996E-2</v>
      </c>
      <c r="AA262" s="12">
        <f t="shared" si="128"/>
        <v>-0.17801624965770491</v>
      </c>
      <c r="AB262" s="12">
        <f t="shared" si="131"/>
        <v>0</v>
      </c>
      <c r="AC262" s="12">
        <f t="shared" si="132"/>
        <v>0.9730040823724676</v>
      </c>
      <c r="AD262" s="12">
        <f t="shared" si="133"/>
        <v>0</v>
      </c>
      <c r="AE262" s="12">
        <f t="shared" si="134"/>
        <v>0</v>
      </c>
      <c r="AF262" s="12">
        <f t="shared" si="135"/>
        <v>0</v>
      </c>
      <c r="AG262" s="12">
        <f t="shared" si="136"/>
        <v>0</v>
      </c>
      <c r="AH262" s="12">
        <f>AC262/SUM(AC$2:AG$366)*Input!$D$12</f>
        <v>255.17612883432676</v>
      </c>
      <c r="AI262" s="12">
        <f>AD262/SUM(AC$2:AG$366)*Input!$D$12</f>
        <v>0</v>
      </c>
      <c r="AJ262" s="12">
        <f>AE262/SUM(AC$2:AG$366)*Input!$D$12</f>
        <v>0</v>
      </c>
      <c r="AK262" s="12">
        <f>AF262/SUM(AC$2:AG$366)*Input!$D$12</f>
        <v>0</v>
      </c>
      <c r="AL262" s="12">
        <f>AG262/SUM(AC$2:AG$366)*Input!$D$12</f>
        <v>0</v>
      </c>
      <c r="AM262" s="12">
        <f t="shared" si="137"/>
        <v>7.6552838650298023</v>
      </c>
      <c r="AN262" s="12">
        <f t="shared" si="138"/>
        <v>25.517612883432676</v>
      </c>
      <c r="AO262" s="12">
        <f t="shared" si="139"/>
        <v>38.276419325149014</v>
      </c>
      <c r="AP262" s="12">
        <f t="shared" si="140"/>
        <v>183.72681276071526</v>
      </c>
      <c r="AQ262" s="12">
        <f t="shared" si="141"/>
        <v>0</v>
      </c>
      <c r="AR262" s="11">
        <f t="shared" si="142"/>
        <v>255.17612883432676</v>
      </c>
    </row>
    <row r="263" spans="16:44" x14ac:dyDescent="0.3">
      <c r="P263" s="10">
        <f t="shared" si="143"/>
        <v>45553</v>
      </c>
      <c r="Q263" s="29">
        <v>12.7</v>
      </c>
      <c r="R263" s="29">
        <f t="shared" si="129"/>
        <v>3</v>
      </c>
      <c r="S263" s="12">
        <f t="shared" si="121"/>
        <v>1.0609861866589789</v>
      </c>
      <c r="T263" s="12">
        <f t="shared" si="122"/>
        <v>1.4695351264848711</v>
      </c>
      <c r="U263" s="12">
        <f t="shared" si="123"/>
        <v>1.771938814155029</v>
      </c>
      <c r="V263" s="12">
        <f t="shared" si="124"/>
        <v>2.5404025087253199</v>
      </c>
      <c r="W263" s="12">
        <f t="shared" si="130"/>
        <v>0</v>
      </c>
      <c r="X263" s="12">
        <f t="shared" si="125"/>
        <v>-7.0953309908476907E-3</v>
      </c>
      <c r="Y263" s="12">
        <f t="shared" si="126"/>
        <v>-5.875924024232846E-2</v>
      </c>
      <c r="Z263" s="12">
        <f t="shared" si="127"/>
        <v>-9.5984753200240996E-2</v>
      </c>
      <c r="AA263" s="12">
        <f t="shared" si="128"/>
        <v>-0.17801624965770491</v>
      </c>
      <c r="AB263" s="12">
        <f t="shared" si="131"/>
        <v>0</v>
      </c>
      <c r="AC263" s="12">
        <f t="shared" si="132"/>
        <v>0.97087548307521332</v>
      </c>
      <c r="AD263" s="12">
        <f t="shared" si="133"/>
        <v>0</v>
      </c>
      <c r="AE263" s="12">
        <f t="shared" si="134"/>
        <v>0</v>
      </c>
      <c r="AF263" s="12">
        <f t="shared" si="135"/>
        <v>0</v>
      </c>
      <c r="AG263" s="12">
        <f t="shared" si="136"/>
        <v>0</v>
      </c>
      <c r="AH263" s="12">
        <f>AC263/SUM(AC$2:AG$366)*Input!$D$12</f>
        <v>254.6178909622015</v>
      </c>
      <c r="AI263" s="12">
        <f>AD263/SUM(AC$2:AG$366)*Input!$D$12</f>
        <v>0</v>
      </c>
      <c r="AJ263" s="12">
        <f>AE263/SUM(AC$2:AG$366)*Input!$D$12</f>
        <v>0</v>
      </c>
      <c r="AK263" s="12">
        <f>AF263/SUM(AC$2:AG$366)*Input!$D$12</f>
        <v>0</v>
      </c>
      <c r="AL263" s="12">
        <f>AG263/SUM(AC$2:AG$366)*Input!$D$12</f>
        <v>0</v>
      </c>
      <c r="AM263" s="12">
        <f t="shared" si="137"/>
        <v>7.6385367288660451</v>
      </c>
      <c r="AN263" s="12">
        <f t="shared" si="138"/>
        <v>25.461789096220151</v>
      </c>
      <c r="AO263" s="12">
        <f t="shared" si="139"/>
        <v>38.192683644330224</v>
      </c>
      <c r="AP263" s="12">
        <f t="shared" si="140"/>
        <v>183.32488149278507</v>
      </c>
      <c r="AQ263" s="12">
        <f t="shared" si="141"/>
        <v>0</v>
      </c>
      <c r="AR263" s="11">
        <f t="shared" si="142"/>
        <v>254.6178909622015</v>
      </c>
    </row>
    <row r="264" spans="16:44" x14ac:dyDescent="0.3">
      <c r="P264" s="10">
        <f t="shared" si="143"/>
        <v>45554</v>
      </c>
      <c r="Q264" s="29">
        <v>11.2</v>
      </c>
      <c r="R264" s="29">
        <f t="shared" si="129"/>
        <v>4</v>
      </c>
      <c r="S264" s="12">
        <f t="shared" si="121"/>
        <v>1.0609861866589789</v>
      </c>
      <c r="T264" s="12">
        <f t="shared" si="122"/>
        <v>1.4695351264848711</v>
      </c>
      <c r="U264" s="12">
        <f t="shared" si="123"/>
        <v>1.771938814155029</v>
      </c>
      <c r="V264" s="12">
        <f t="shared" si="124"/>
        <v>2.5404025087253199</v>
      </c>
      <c r="W264" s="12">
        <f t="shared" si="130"/>
        <v>0</v>
      </c>
      <c r="X264" s="12">
        <f t="shared" si="125"/>
        <v>-7.0953309908476907E-3</v>
      </c>
      <c r="Y264" s="12">
        <f t="shared" si="126"/>
        <v>-5.875924024232846E-2</v>
      </c>
      <c r="Z264" s="12">
        <f t="shared" si="127"/>
        <v>-9.5984753200240996E-2</v>
      </c>
      <c r="AA264" s="12">
        <f t="shared" si="128"/>
        <v>-0.17801624965770491</v>
      </c>
      <c r="AB264" s="12">
        <f t="shared" si="131"/>
        <v>0</v>
      </c>
      <c r="AC264" s="12">
        <f t="shared" si="132"/>
        <v>0.98151847956148475</v>
      </c>
      <c r="AD264" s="12">
        <f t="shared" si="133"/>
        <v>0</v>
      </c>
      <c r="AE264" s="12">
        <f t="shared" si="134"/>
        <v>0</v>
      </c>
      <c r="AF264" s="12">
        <f t="shared" si="135"/>
        <v>0</v>
      </c>
      <c r="AG264" s="12">
        <f t="shared" si="136"/>
        <v>0</v>
      </c>
      <c r="AH264" s="12">
        <f>AC264/SUM(AC$2:AG$366)*Input!$D$12</f>
        <v>257.40908032282789</v>
      </c>
      <c r="AI264" s="12">
        <f>AD264/SUM(AC$2:AG$366)*Input!$D$12</f>
        <v>0</v>
      </c>
      <c r="AJ264" s="12">
        <f>AE264/SUM(AC$2:AG$366)*Input!$D$12</f>
        <v>0</v>
      </c>
      <c r="AK264" s="12">
        <f>AF264/SUM(AC$2:AG$366)*Input!$D$12</f>
        <v>0</v>
      </c>
      <c r="AL264" s="12">
        <f>AG264/SUM(AC$2:AG$366)*Input!$D$12</f>
        <v>0</v>
      </c>
      <c r="AM264" s="12">
        <f t="shared" si="137"/>
        <v>7.7222724096848365</v>
      </c>
      <c r="AN264" s="12">
        <f t="shared" si="138"/>
        <v>25.740908032282789</v>
      </c>
      <c r="AO264" s="12">
        <f t="shared" si="139"/>
        <v>38.611362048424184</v>
      </c>
      <c r="AP264" s="12">
        <f t="shared" si="140"/>
        <v>185.33453783243607</v>
      </c>
      <c r="AQ264" s="12">
        <f t="shared" si="141"/>
        <v>0</v>
      </c>
      <c r="AR264" s="11">
        <f t="shared" si="142"/>
        <v>257.40908032282789</v>
      </c>
    </row>
    <row r="265" spans="16:44" x14ac:dyDescent="0.3">
      <c r="P265" s="10">
        <f t="shared" si="143"/>
        <v>45555</v>
      </c>
      <c r="Q265" s="29">
        <v>12.6</v>
      </c>
      <c r="R265" s="29">
        <f t="shared" si="129"/>
        <v>5</v>
      </c>
      <c r="S265" s="12">
        <f t="shared" si="121"/>
        <v>1.0609861866589789</v>
      </c>
      <c r="T265" s="12">
        <f t="shared" si="122"/>
        <v>1.4695351264848711</v>
      </c>
      <c r="U265" s="12">
        <f t="shared" si="123"/>
        <v>1.771938814155029</v>
      </c>
      <c r="V265" s="12">
        <f t="shared" si="124"/>
        <v>2.5404025087253199</v>
      </c>
      <c r="W265" s="12">
        <f t="shared" si="130"/>
        <v>0</v>
      </c>
      <c r="X265" s="12">
        <f t="shared" si="125"/>
        <v>-7.0953309908476907E-3</v>
      </c>
      <c r="Y265" s="12">
        <f t="shared" si="126"/>
        <v>-5.875924024232846E-2</v>
      </c>
      <c r="Z265" s="12">
        <f t="shared" si="127"/>
        <v>-9.5984753200240996E-2</v>
      </c>
      <c r="AA265" s="12">
        <f t="shared" si="128"/>
        <v>-0.17801624965770491</v>
      </c>
      <c r="AB265" s="12">
        <f t="shared" si="131"/>
        <v>0</v>
      </c>
      <c r="AC265" s="12">
        <f t="shared" si="132"/>
        <v>0.97158501617429804</v>
      </c>
      <c r="AD265" s="12">
        <f t="shared" si="133"/>
        <v>0</v>
      </c>
      <c r="AE265" s="12">
        <f t="shared" si="134"/>
        <v>0</v>
      </c>
      <c r="AF265" s="12">
        <f t="shared" si="135"/>
        <v>0</v>
      </c>
      <c r="AG265" s="12">
        <f t="shared" si="136"/>
        <v>0</v>
      </c>
      <c r="AH265" s="12">
        <f>AC265/SUM(AC$2:AG$366)*Input!$D$12</f>
        <v>254.80397025290989</v>
      </c>
      <c r="AI265" s="12">
        <f>AD265/SUM(AC$2:AG$366)*Input!$D$12</f>
        <v>0</v>
      </c>
      <c r="AJ265" s="12">
        <f>AE265/SUM(AC$2:AG$366)*Input!$D$12</f>
        <v>0</v>
      </c>
      <c r="AK265" s="12">
        <f>AF265/SUM(AC$2:AG$366)*Input!$D$12</f>
        <v>0</v>
      </c>
      <c r="AL265" s="12">
        <f>AG265/SUM(AC$2:AG$366)*Input!$D$12</f>
        <v>0</v>
      </c>
      <c r="AM265" s="12">
        <f t="shared" si="137"/>
        <v>7.6441191075872963</v>
      </c>
      <c r="AN265" s="12">
        <f t="shared" si="138"/>
        <v>25.480397025290991</v>
      </c>
      <c r="AO265" s="12">
        <f t="shared" si="139"/>
        <v>38.220595537936482</v>
      </c>
      <c r="AP265" s="12">
        <f t="shared" si="140"/>
        <v>183.4588585820951</v>
      </c>
      <c r="AQ265" s="12">
        <f t="shared" si="141"/>
        <v>0</v>
      </c>
      <c r="AR265" s="11">
        <f t="shared" si="142"/>
        <v>254.80397025290986</v>
      </c>
    </row>
    <row r="266" spans="16:44" x14ac:dyDescent="0.3">
      <c r="P266" s="10">
        <f t="shared" si="143"/>
        <v>45556</v>
      </c>
      <c r="Q266" s="29">
        <v>12.6</v>
      </c>
      <c r="R266" s="29">
        <f t="shared" si="129"/>
        <v>6</v>
      </c>
      <c r="S266" s="12">
        <f t="shared" si="121"/>
        <v>0.88136675487947747</v>
      </c>
      <c r="T266" s="12">
        <f t="shared" si="122"/>
        <v>0.40529111994771311</v>
      </c>
      <c r="U266" s="12">
        <f t="shared" si="123"/>
        <v>1.4791569663107089</v>
      </c>
      <c r="V266" s="12">
        <f t="shared" si="124"/>
        <v>1.31124751273035</v>
      </c>
      <c r="W266" s="12">
        <f t="shared" si="130"/>
        <v>1.9424956480203619</v>
      </c>
      <c r="X266" s="12">
        <f t="shared" si="125"/>
        <v>-1.236743869637378E-2</v>
      </c>
      <c r="Y266" s="12">
        <f t="shared" si="126"/>
        <v>-1.3226323007097701E-2</v>
      </c>
      <c r="Z266" s="12">
        <f t="shared" si="127"/>
        <v>-6.6119920832722404E-2</v>
      </c>
      <c r="AA266" s="12">
        <f t="shared" si="128"/>
        <v>-7.5310765362349638E-2</v>
      </c>
      <c r="AB266" s="12">
        <f t="shared" si="131"/>
        <v>-0.1200596025795522</v>
      </c>
      <c r="AC266" s="12">
        <f t="shared" si="132"/>
        <v>0.8226864352613299</v>
      </c>
      <c r="AD266" s="12">
        <f t="shared" si="133"/>
        <v>0.13509379267799346</v>
      </c>
      <c r="AE266" s="12">
        <f t="shared" si="134"/>
        <v>0</v>
      </c>
      <c r="AF266" s="12">
        <f t="shared" si="135"/>
        <v>0</v>
      </c>
      <c r="AG266" s="12">
        <f t="shared" si="136"/>
        <v>0</v>
      </c>
      <c r="AH266" s="12">
        <f>AC266/SUM(AC$2:AG$366)*Input!$D$12</f>
        <v>215.75442857611426</v>
      </c>
      <c r="AI266" s="12">
        <f>AD266/SUM(AC$2:AG$366)*Input!$D$12</f>
        <v>35.429153556132022</v>
      </c>
      <c r="AJ266" s="12">
        <f>AE266/SUM(AC$2:AG$366)*Input!$D$12</f>
        <v>0</v>
      </c>
      <c r="AK266" s="12">
        <f>AF266/SUM(AC$2:AG$366)*Input!$D$12</f>
        <v>0</v>
      </c>
      <c r="AL266" s="12">
        <f>AG266/SUM(AC$2:AG$366)*Input!$D$12</f>
        <v>0</v>
      </c>
      <c r="AM266" s="12">
        <f t="shared" si="137"/>
        <v>3.1918156356875702</v>
      </c>
      <c r="AN266" s="12">
        <f t="shared" si="138"/>
        <v>10.639385452291902</v>
      </c>
      <c r="AO266" s="12">
        <f t="shared" si="139"/>
        <v>15.959078178437855</v>
      </c>
      <c r="AP266" s="12">
        <f t="shared" si="140"/>
        <v>221.39330286582896</v>
      </c>
      <c r="AQ266" s="12">
        <f t="shared" si="141"/>
        <v>0</v>
      </c>
      <c r="AR266" s="11">
        <f t="shared" si="142"/>
        <v>251.18358213224627</v>
      </c>
    </row>
    <row r="267" spans="16:44" x14ac:dyDescent="0.3">
      <c r="P267" s="10">
        <f t="shared" si="143"/>
        <v>45557</v>
      </c>
      <c r="Q267" s="29">
        <v>11.3</v>
      </c>
      <c r="R267" s="29">
        <f t="shared" si="129"/>
        <v>7</v>
      </c>
      <c r="S267" s="12">
        <f t="shared" si="121"/>
        <v>0.88136675487947747</v>
      </c>
      <c r="T267" s="12">
        <f t="shared" si="122"/>
        <v>0.40529111994771311</v>
      </c>
      <c r="U267" s="12">
        <f t="shared" si="123"/>
        <v>1.4791569663107089</v>
      </c>
      <c r="V267" s="12">
        <f t="shared" si="124"/>
        <v>1.31124751273035</v>
      </c>
      <c r="W267" s="12">
        <f t="shared" si="130"/>
        <v>1.9424956480203619</v>
      </c>
      <c r="X267" s="12">
        <f t="shared" si="125"/>
        <v>-1.236743869637378E-2</v>
      </c>
      <c r="Y267" s="12">
        <f t="shared" si="126"/>
        <v>-1.3226323007097701E-2</v>
      </c>
      <c r="Z267" s="12">
        <f t="shared" si="127"/>
        <v>-6.6119920832722404E-2</v>
      </c>
      <c r="AA267" s="12">
        <f t="shared" si="128"/>
        <v>-7.5310765362349638E-2</v>
      </c>
      <c r="AB267" s="12">
        <f t="shared" si="131"/>
        <v>-0.1200596025795522</v>
      </c>
      <c r="AC267" s="12">
        <f t="shared" si="132"/>
        <v>0.84091690562049359</v>
      </c>
      <c r="AD267" s="12">
        <f t="shared" si="133"/>
        <v>0.14482744056860689</v>
      </c>
      <c r="AE267" s="12">
        <f t="shared" si="134"/>
        <v>0</v>
      </c>
      <c r="AF267" s="12">
        <f t="shared" si="135"/>
        <v>0</v>
      </c>
      <c r="AG267" s="12">
        <f t="shared" si="136"/>
        <v>0</v>
      </c>
      <c r="AH267" s="12">
        <f>AC267/SUM(AC$2:AG$366)*Input!$D$12</f>
        <v>220.5354782524295</v>
      </c>
      <c r="AI267" s="12">
        <f>AD267/SUM(AC$2:AG$366)*Input!$D$12</f>
        <v>37.981860819298824</v>
      </c>
      <c r="AJ267" s="12">
        <f>AE267/SUM(AC$2:AG$366)*Input!$D$12</f>
        <v>0</v>
      </c>
      <c r="AK267" s="12">
        <f>AF267/SUM(AC$2:AG$366)*Input!$D$12</f>
        <v>0</v>
      </c>
      <c r="AL267" s="12">
        <f>AG267/SUM(AC$2:AG$366)*Input!$D$12</f>
        <v>0</v>
      </c>
      <c r="AM267" s="12">
        <f t="shared" si="137"/>
        <v>3.4217892629998947</v>
      </c>
      <c r="AN267" s="12">
        <f t="shared" si="138"/>
        <v>11.405964209999651</v>
      </c>
      <c r="AO267" s="12">
        <f t="shared" si="139"/>
        <v>17.108946314999475</v>
      </c>
      <c r="AP267" s="12">
        <f t="shared" si="140"/>
        <v>226.58063928372931</v>
      </c>
      <c r="AQ267" s="12">
        <f t="shared" si="141"/>
        <v>0</v>
      </c>
      <c r="AR267" s="11">
        <f t="shared" si="142"/>
        <v>258.51733907172832</v>
      </c>
    </row>
    <row r="268" spans="16:44" x14ac:dyDescent="0.3">
      <c r="P268" s="10">
        <f t="shared" si="143"/>
        <v>45558</v>
      </c>
      <c r="Q268" s="29">
        <v>10.5</v>
      </c>
      <c r="R268" s="29">
        <f t="shared" si="129"/>
        <v>1</v>
      </c>
      <c r="S268" s="12">
        <f t="shared" si="121"/>
        <v>1.0609861866589789</v>
      </c>
      <c r="T268" s="12">
        <f t="shared" si="122"/>
        <v>1.4695351264848711</v>
      </c>
      <c r="U268" s="12">
        <f t="shared" si="123"/>
        <v>1.771938814155029</v>
      </c>
      <c r="V268" s="12">
        <f t="shared" si="124"/>
        <v>2.5404025087253199</v>
      </c>
      <c r="W268" s="12">
        <f t="shared" si="130"/>
        <v>0</v>
      </c>
      <c r="X268" s="12">
        <f t="shared" si="125"/>
        <v>-7.0953309908476907E-3</v>
      </c>
      <c r="Y268" s="12">
        <f t="shared" si="126"/>
        <v>-5.875924024232846E-2</v>
      </c>
      <c r="Z268" s="12">
        <f t="shared" si="127"/>
        <v>-9.5984753200240996E-2</v>
      </c>
      <c r="AA268" s="12">
        <f t="shared" si="128"/>
        <v>-0.17801624965770491</v>
      </c>
      <c r="AB268" s="12">
        <f t="shared" si="131"/>
        <v>0</v>
      </c>
      <c r="AC268" s="12">
        <f t="shared" si="132"/>
        <v>0.98648521125507815</v>
      </c>
      <c r="AD268" s="12">
        <f t="shared" si="133"/>
        <v>0</v>
      </c>
      <c r="AE268" s="12">
        <f t="shared" si="134"/>
        <v>0</v>
      </c>
      <c r="AF268" s="12">
        <f t="shared" si="135"/>
        <v>0</v>
      </c>
      <c r="AG268" s="12">
        <f t="shared" si="136"/>
        <v>0</v>
      </c>
      <c r="AH268" s="12">
        <f>AC268/SUM(AC$2:AG$366)*Input!$D$12</f>
        <v>258.71163535778686</v>
      </c>
      <c r="AI268" s="12">
        <f>AD268/SUM(AC$2:AG$366)*Input!$D$12</f>
        <v>0</v>
      </c>
      <c r="AJ268" s="12">
        <f>AE268/SUM(AC$2:AG$366)*Input!$D$12</f>
        <v>0</v>
      </c>
      <c r="AK268" s="12">
        <f>AF268/SUM(AC$2:AG$366)*Input!$D$12</f>
        <v>0</v>
      </c>
      <c r="AL268" s="12">
        <f>AG268/SUM(AC$2:AG$366)*Input!$D$12</f>
        <v>0</v>
      </c>
      <c r="AM268" s="12">
        <f t="shared" si="137"/>
        <v>7.7613490607336058</v>
      </c>
      <c r="AN268" s="12">
        <f t="shared" si="138"/>
        <v>25.871163535778688</v>
      </c>
      <c r="AO268" s="12">
        <f t="shared" si="139"/>
        <v>38.806745303668031</v>
      </c>
      <c r="AP268" s="12">
        <f t="shared" si="140"/>
        <v>186.27237745760652</v>
      </c>
      <c r="AQ268" s="12">
        <f t="shared" si="141"/>
        <v>0</v>
      </c>
      <c r="AR268" s="11">
        <f t="shared" si="142"/>
        <v>258.71163535778686</v>
      </c>
    </row>
    <row r="269" spans="16:44" x14ac:dyDescent="0.3">
      <c r="P269" s="10">
        <f t="shared" si="143"/>
        <v>45559</v>
      </c>
      <c r="Q269" s="29">
        <v>14.4</v>
      </c>
      <c r="R269" s="29">
        <f t="shared" si="129"/>
        <v>2</v>
      </c>
      <c r="S269" s="12">
        <f t="shared" si="121"/>
        <v>1.0609861866589789</v>
      </c>
      <c r="T269" s="12">
        <f t="shared" si="122"/>
        <v>1.4695351264848711</v>
      </c>
      <c r="U269" s="12">
        <f t="shared" si="123"/>
        <v>1.771938814155029</v>
      </c>
      <c r="V269" s="12">
        <f t="shared" si="124"/>
        <v>0.52104102880341097</v>
      </c>
      <c r="W269" s="12">
        <f t="shared" si="130"/>
        <v>0</v>
      </c>
      <c r="X269" s="12">
        <f t="shared" si="125"/>
        <v>-7.0953309908476907E-3</v>
      </c>
      <c r="Y269" s="12">
        <f t="shared" si="126"/>
        <v>-5.875924024232846E-2</v>
      </c>
      <c r="Z269" s="12">
        <f t="shared" si="127"/>
        <v>-9.5984753200240996E-2</v>
      </c>
      <c r="AA269" s="12">
        <f t="shared" si="128"/>
        <v>-2.1476600051355411E-2</v>
      </c>
      <c r="AB269" s="12">
        <f t="shared" si="131"/>
        <v>0</v>
      </c>
      <c r="AC269" s="12">
        <f t="shared" si="132"/>
        <v>0.95881342039077222</v>
      </c>
      <c r="AD269" s="12">
        <f t="shared" si="133"/>
        <v>0</v>
      </c>
      <c r="AE269" s="12">
        <f t="shared" si="134"/>
        <v>0</v>
      </c>
      <c r="AF269" s="12">
        <f t="shared" si="135"/>
        <v>0</v>
      </c>
      <c r="AG269" s="12">
        <f t="shared" si="136"/>
        <v>0</v>
      </c>
      <c r="AH269" s="12">
        <f>AC269/SUM(AC$2:AG$366)*Input!$D$12</f>
        <v>251.45454302015818</v>
      </c>
      <c r="AI269" s="12">
        <f>AD269/SUM(AC$2:AG$366)*Input!$D$12</f>
        <v>0</v>
      </c>
      <c r="AJ269" s="12">
        <f>AE269/SUM(AC$2:AG$366)*Input!$D$12</f>
        <v>0</v>
      </c>
      <c r="AK269" s="12">
        <f>AF269/SUM(AC$2:AG$366)*Input!$D$12</f>
        <v>0</v>
      </c>
      <c r="AL269" s="12">
        <f>AG269/SUM(AC$2:AG$366)*Input!$D$12</f>
        <v>0</v>
      </c>
      <c r="AM269" s="12">
        <f t="shared" si="137"/>
        <v>7.5436362906047449</v>
      </c>
      <c r="AN269" s="12">
        <f t="shared" si="138"/>
        <v>25.145454302015821</v>
      </c>
      <c r="AO269" s="12">
        <f t="shared" si="139"/>
        <v>37.718181453023725</v>
      </c>
      <c r="AP269" s="12">
        <f t="shared" si="140"/>
        <v>181.04727097451388</v>
      </c>
      <c r="AQ269" s="12">
        <f t="shared" si="141"/>
        <v>0</v>
      </c>
      <c r="AR269" s="11">
        <f t="shared" si="142"/>
        <v>251.45454302015816</v>
      </c>
    </row>
    <row r="270" spans="16:44" x14ac:dyDescent="0.3">
      <c r="P270" s="10">
        <f t="shared" si="143"/>
        <v>45560</v>
      </c>
      <c r="Q270" s="29">
        <v>13.9</v>
      </c>
      <c r="R270" s="29">
        <f t="shared" si="129"/>
        <v>3</v>
      </c>
      <c r="S270" s="12">
        <f t="shared" si="121"/>
        <v>1.0609861866589789</v>
      </c>
      <c r="T270" s="12">
        <f t="shared" si="122"/>
        <v>1.4695351264848711</v>
      </c>
      <c r="U270" s="12">
        <f t="shared" si="123"/>
        <v>1.771938814155029</v>
      </c>
      <c r="V270" s="12">
        <f t="shared" si="124"/>
        <v>0.52104102880341097</v>
      </c>
      <c r="W270" s="12">
        <f t="shared" si="130"/>
        <v>0</v>
      </c>
      <c r="X270" s="12">
        <f t="shared" si="125"/>
        <v>-7.0953309908476907E-3</v>
      </c>
      <c r="Y270" s="12">
        <f t="shared" si="126"/>
        <v>-5.875924024232846E-2</v>
      </c>
      <c r="Z270" s="12">
        <f t="shared" si="127"/>
        <v>-9.5984753200240996E-2</v>
      </c>
      <c r="AA270" s="12">
        <f t="shared" si="128"/>
        <v>-2.1476600051355411E-2</v>
      </c>
      <c r="AB270" s="12">
        <f t="shared" si="131"/>
        <v>0</v>
      </c>
      <c r="AC270" s="12">
        <f t="shared" si="132"/>
        <v>0.96236108588619607</v>
      </c>
      <c r="AD270" s="12">
        <f t="shared" si="133"/>
        <v>0</v>
      </c>
      <c r="AE270" s="12">
        <f t="shared" si="134"/>
        <v>0</v>
      </c>
      <c r="AF270" s="12">
        <f t="shared" si="135"/>
        <v>0</v>
      </c>
      <c r="AG270" s="12">
        <f t="shared" si="136"/>
        <v>0</v>
      </c>
      <c r="AH270" s="12">
        <f>AC270/SUM(AC$2:AG$366)*Input!$D$12</f>
        <v>252.38493947370034</v>
      </c>
      <c r="AI270" s="12">
        <f>AD270/SUM(AC$2:AG$366)*Input!$D$12</f>
        <v>0</v>
      </c>
      <c r="AJ270" s="12">
        <f>AE270/SUM(AC$2:AG$366)*Input!$D$12</f>
        <v>0</v>
      </c>
      <c r="AK270" s="12">
        <f>AF270/SUM(AC$2:AG$366)*Input!$D$12</f>
        <v>0</v>
      </c>
      <c r="AL270" s="12">
        <f>AG270/SUM(AC$2:AG$366)*Input!$D$12</f>
        <v>0</v>
      </c>
      <c r="AM270" s="12">
        <f t="shared" si="137"/>
        <v>7.5715481842110099</v>
      </c>
      <c r="AN270" s="12">
        <f t="shared" si="138"/>
        <v>25.238493947370035</v>
      </c>
      <c r="AO270" s="12">
        <f t="shared" si="139"/>
        <v>37.857740921055047</v>
      </c>
      <c r="AP270" s="12">
        <f t="shared" si="140"/>
        <v>181.71715642106423</v>
      </c>
      <c r="AQ270" s="12">
        <f t="shared" si="141"/>
        <v>0</v>
      </c>
      <c r="AR270" s="11">
        <f t="shared" si="142"/>
        <v>252.38493947370031</v>
      </c>
    </row>
    <row r="271" spans="16:44" x14ac:dyDescent="0.3">
      <c r="P271" s="10">
        <f t="shared" si="143"/>
        <v>45561</v>
      </c>
      <c r="Q271" s="29">
        <v>12.8</v>
      </c>
      <c r="R271" s="29">
        <f t="shared" si="129"/>
        <v>4</v>
      </c>
      <c r="S271" s="12">
        <f t="shared" si="121"/>
        <v>1.0609861866589789</v>
      </c>
      <c r="T271" s="12">
        <f t="shared" si="122"/>
        <v>1.4695351264848711</v>
      </c>
      <c r="U271" s="12">
        <f t="shared" si="123"/>
        <v>1.771938814155029</v>
      </c>
      <c r="V271" s="12">
        <f t="shared" si="124"/>
        <v>2.5404025087253199</v>
      </c>
      <c r="W271" s="12">
        <f t="shared" si="130"/>
        <v>0</v>
      </c>
      <c r="X271" s="12">
        <f t="shared" si="125"/>
        <v>-7.0953309908476907E-3</v>
      </c>
      <c r="Y271" s="12">
        <f t="shared" si="126"/>
        <v>-5.875924024232846E-2</v>
      </c>
      <c r="Z271" s="12">
        <f t="shared" si="127"/>
        <v>-9.5984753200240996E-2</v>
      </c>
      <c r="AA271" s="12">
        <f t="shared" si="128"/>
        <v>-0.17801624965770491</v>
      </c>
      <c r="AB271" s="12">
        <f t="shared" si="131"/>
        <v>0</v>
      </c>
      <c r="AC271" s="12">
        <f t="shared" si="132"/>
        <v>0.97016594997612848</v>
      </c>
      <c r="AD271" s="12">
        <f t="shared" si="133"/>
        <v>0</v>
      </c>
      <c r="AE271" s="12">
        <f t="shared" si="134"/>
        <v>0</v>
      </c>
      <c r="AF271" s="12">
        <f t="shared" si="135"/>
        <v>0</v>
      </c>
      <c r="AG271" s="12">
        <f t="shared" si="136"/>
        <v>0</v>
      </c>
      <c r="AH271" s="12">
        <f>AC271/SUM(AC$2:AG$366)*Input!$D$12</f>
        <v>254.43181167149305</v>
      </c>
      <c r="AI271" s="12">
        <f>AD271/SUM(AC$2:AG$366)*Input!$D$12</f>
        <v>0</v>
      </c>
      <c r="AJ271" s="12">
        <f>AE271/SUM(AC$2:AG$366)*Input!$D$12</f>
        <v>0</v>
      </c>
      <c r="AK271" s="12">
        <f>AF271/SUM(AC$2:AG$366)*Input!$D$12</f>
        <v>0</v>
      </c>
      <c r="AL271" s="12">
        <f>AG271/SUM(AC$2:AG$366)*Input!$D$12</f>
        <v>0</v>
      </c>
      <c r="AM271" s="12">
        <f t="shared" si="137"/>
        <v>7.6329543501447912</v>
      </c>
      <c r="AN271" s="12">
        <f t="shared" si="138"/>
        <v>25.443181167149305</v>
      </c>
      <c r="AO271" s="12">
        <f t="shared" si="139"/>
        <v>38.164771750723958</v>
      </c>
      <c r="AP271" s="12">
        <f t="shared" si="140"/>
        <v>183.190904403475</v>
      </c>
      <c r="AQ271" s="12">
        <f t="shared" si="141"/>
        <v>0</v>
      </c>
      <c r="AR271" s="11">
        <f t="shared" si="142"/>
        <v>254.43181167149305</v>
      </c>
    </row>
    <row r="272" spans="16:44" x14ac:dyDescent="0.3">
      <c r="P272" s="10">
        <f t="shared" si="143"/>
        <v>45562</v>
      </c>
      <c r="Q272" s="29">
        <v>13.5</v>
      </c>
      <c r="R272" s="29">
        <f t="shared" si="129"/>
        <v>5</v>
      </c>
      <c r="S272" s="12">
        <f t="shared" si="121"/>
        <v>1.0609861866589789</v>
      </c>
      <c r="T272" s="12">
        <f t="shared" si="122"/>
        <v>1.4695351264848711</v>
      </c>
      <c r="U272" s="12">
        <f t="shared" si="123"/>
        <v>1.771938814155029</v>
      </c>
      <c r="V272" s="12">
        <f t="shared" si="124"/>
        <v>0.52104102880341097</v>
      </c>
      <c r="W272" s="12">
        <f t="shared" si="130"/>
        <v>0</v>
      </c>
      <c r="X272" s="12">
        <f t="shared" si="125"/>
        <v>-7.0953309908476907E-3</v>
      </c>
      <c r="Y272" s="12">
        <f t="shared" si="126"/>
        <v>-5.875924024232846E-2</v>
      </c>
      <c r="Z272" s="12">
        <f t="shared" si="127"/>
        <v>-9.5984753200240996E-2</v>
      </c>
      <c r="AA272" s="12">
        <f t="shared" si="128"/>
        <v>-2.1476600051355411E-2</v>
      </c>
      <c r="AB272" s="12">
        <f t="shared" si="131"/>
        <v>0</v>
      </c>
      <c r="AC272" s="12">
        <f t="shared" si="132"/>
        <v>0.96519921828253508</v>
      </c>
      <c r="AD272" s="12">
        <f t="shared" si="133"/>
        <v>0</v>
      </c>
      <c r="AE272" s="12">
        <f t="shared" si="134"/>
        <v>0</v>
      </c>
      <c r="AF272" s="12">
        <f t="shared" si="135"/>
        <v>0</v>
      </c>
      <c r="AG272" s="12">
        <f t="shared" si="136"/>
        <v>0</v>
      </c>
      <c r="AH272" s="12">
        <f>AC272/SUM(AC$2:AG$366)*Input!$D$12</f>
        <v>253.12925663653402</v>
      </c>
      <c r="AI272" s="12">
        <f>AD272/SUM(AC$2:AG$366)*Input!$D$12</f>
        <v>0</v>
      </c>
      <c r="AJ272" s="12">
        <f>AE272/SUM(AC$2:AG$366)*Input!$D$12</f>
        <v>0</v>
      </c>
      <c r="AK272" s="12">
        <f>AF272/SUM(AC$2:AG$366)*Input!$D$12</f>
        <v>0</v>
      </c>
      <c r="AL272" s="12">
        <f>AG272/SUM(AC$2:AG$366)*Input!$D$12</f>
        <v>0</v>
      </c>
      <c r="AM272" s="12">
        <f t="shared" si="137"/>
        <v>7.5938776990960202</v>
      </c>
      <c r="AN272" s="12">
        <f t="shared" si="138"/>
        <v>25.312925663653402</v>
      </c>
      <c r="AO272" s="12">
        <f t="shared" si="139"/>
        <v>37.969388495480104</v>
      </c>
      <c r="AP272" s="12">
        <f t="shared" si="140"/>
        <v>182.25306477830449</v>
      </c>
      <c r="AQ272" s="12">
        <f t="shared" si="141"/>
        <v>0</v>
      </c>
      <c r="AR272" s="11">
        <f t="shared" si="142"/>
        <v>253.12925663653402</v>
      </c>
    </row>
    <row r="273" spans="16:44" x14ac:dyDescent="0.3">
      <c r="P273" s="10">
        <f t="shared" si="143"/>
        <v>45563</v>
      </c>
      <c r="Q273" s="29">
        <v>12.8</v>
      </c>
      <c r="R273" s="29">
        <f t="shared" si="129"/>
        <v>6</v>
      </c>
      <c r="S273" s="12">
        <f t="shared" si="121"/>
        <v>0.88136675487947747</v>
      </c>
      <c r="T273" s="12">
        <f t="shared" si="122"/>
        <v>0.40529111994771311</v>
      </c>
      <c r="U273" s="12">
        <f t="shared" si="123"/>
        <v>1.4791569663107089</v>
      </c>
      <c r="V273" s="12">
        <f t="shared" si="124"/>
        <v>1.31124751273035</v>
      </c>
      <c r="W273" s="12">
        <f t="shared" si="130"/>
        <v>1.9424956480203619</v>
      </c>
      <c r="X273" s="12">
        <f t="shared" si="125"/>
        <v>-1.236743869637378E-2</v>
      </c>
      <c r="Y273" s="12">
        <f t="shared" si="126"/>
        <v>-1.3226323007097701E-2</v>
      </c>
      <c r="Z273" s="12">
        <f t="shared" si="127"/>
        <v>-6.6119920832722404E-2</v>
      </c>
      <c r="AA273" s="12">
        <f t="shared" si="128"/>
        <v>-7.5310765362349638E-2</v>
      </c>
      <c r="AB273" s="12">
        <f t="shared" si="131"/>
        <v>-0.1200596025795522</v>
      </c>
      <c r="AC273" s="12">
        <f t="shared" si="132"/>
        <v>0.8198817475137663</v>
      </c>
      <c r="AD273" s="12">
        <f t="shared" si="133"/>
        <v>0.13359630838712985</v>
      </c>
      <c r="AE273" s="12">
        <f t="shared" si="134"/>
        <v>0</v>
      </c>
      <c r="AF273" s="12">
        <f t="shared" si="135"/>
        <v>0</v>
      </c>
      <c r="AG273" s="12">
        <f t="shared" si="136"/>
        <v>0</v>
      </c>
      <c r="AH273" s="12">
        <f>AC273/SUM(AC$2:AG$366)*Input!$D$12</f>
        <v>215.01888247206577</v>
      </c>
      <c r="AI273" s="12">
        <f>AD273/SUM(AC$2:AG$366)*Input!$D$12</f>
        <v>35.036429361798668</v>
      </c>
      <c r="AJ273" s="12">
        <f>AE273/SUM(AC$2:AG$366)*Input!$D$12</f>
        <v>0</v>
      </c>
      <c r="AK273" s="12">
        <f>AF273/SUM(AC$2:AG$366)*Input!$D$12</f>
        <v>0</v>
      </c>
      <c r="AL273" s="12">
        <f>AG273/SUM(AC$2:AG$366)*Input!$D$12</f>
        <v>0</v>
      </c>
      <c r="AM273" s="12">
        <f t="shared" si="137"/>
        <v>3.1564350776395202</v>
      </c>
      <c r="AN273" s="12">
        <f t="shared" si="138"/>
        <v>10.521450258798403</v>
      </c>
      <c r="AO273" s="12">
        <f t="shared" si="139"/>
        <v>15.782175388197604</v>
      </c>
      <c r="AP273" s="12">
        <f t="shared" si="140"/>
        <v>220.59525110922891</v>
      </c>
      <c r="AQ273" s="12">
        <f t="shared" si="141"/>
        <v>0</v>
      </c>
      <c r="AR273" s="11">
        <f t="shared" si="142"/>
        <v>250.05531183386444</v>
      </c>
    </row>
    <row r="274" spans="16:44" x14ac:dyDescent="0.3">
      <c r="P274" s="10">
        <f t="shared" si="143"/>
        <v>45564</v>
      </c>
      <c r="Q274" s="29">
        <v>11.3</v>
      </c>
      <c r="R274" s="29">
        <f t="shared" si="129"/>
        <v>7</v>
      </c>
      <c r="S274" s="12">
        <f t="shared" si="121"/>
        <v>0.88136675487947747</v>
      </c>
      <c r="T274" s="12">
        <f t="shared" si="122"/>
        <v>0.40529111994771311</v>
      </c>
      <c r="U274" s="12">
        <f t="shared" si="123"/>
        <v>1.4791569663107089</v>
      </c>
      <c r="V274" s="12">
        <f t="shared" si="124"/>
        <v>1.31124751273035</v>
      </c>
      <c r="W274" s="12">
        <f t="shared" si="130"/>
        <v>1.9424956480203619</v>
      </c>
      <c r="X274" s="12">
        <f t="shared" si="125"/>
        <v>-1.236743869637378E-2</v>
      </c>
      <c r="Y274" s="12">
        <f t="shared" si="126"/>
        <v>-1.3226323007097701E-2</v>
      </c>
      <c r="Z274" s="12">
        <f t="shared" si="127"/>
        <v>-6.6119920832722404E-2</v>
      </c>
      <c r="AA274" s="12">
        <f t="shared" si="128"/>
        <v>-7.5310765362349638E-2</v>
      </c>
      <c r="AB274" s="12">
        <f t="shared" si="131"/>
        <v>-0.1200596025795522</v>
      </c>
      <c r="AC274" s="12">
        <f t="shared" si="132"/>
        <v>0.84091690562049359</v>
      </c>
      <c r="AD274" s="12">
        <f t="shared" si="133"/>
        <v>0.14482744056860689</v>
      </c>
      <c r="AE274" s="12">
        <f t="shared" si="134"/>
        <v>0</v>
      </c>
      <c r="AF274" s="12">
        <f t="shared" si="135"/>
        <v>0</v>
      </c>
      <c r="AG274" s="12">
        <f t="shared" si="136"/>
        <v>0</v>
      </c>
      <c r="AH274" s="12">
        <f>AC274/SUM(AC$2:AG$366)*Input!$D$12</f>
        <v>220.5354782524295</v>
      </c>
      <c r="AI274" s="12">
        <f>AD274/SUM(AC$2:AG$366)*Input!$D$12</f>
        <v>37.981860819298824</v>
      </c>
      <c r="AJ274" s="12">
        <f>AE274/SUM(AC$2:AG$366)*Input!$D$12</f>
        <v>0</v>
      </c>
      <c r="AK274" s="12">
        <f>AF274/SUM(AC$2:AG$366)*Input!$D$12</f>
        <v>0</v>
      </c>
      <c r="AL274" s="12">
        <f>AG274/SUM(AC$2:AG$366)*Input!$D$12</f>
        <v>0</v>
      </c>
      <c r="AM274" s="12">
        <f t="shared" si="137"/>
        <v>3.4217892629998947</v>
      </c>
      <c r="AN274" s="12">
        <f t="shared" si="138"/>
        <v>11.405964209999651</v>
      </c>
      <c r="AO274" s="12">
        <f t="shared" si="139"/>
        <v>17.108946314999475</v>
      </c>
      <c r="AP274" s="12">
        <f t="shared" si="140"/>
        <v>226.58063928372931</v>
      </c>
      <c r="AQ274" s="12">
        <f t="shared" si="141"/>
        <v>0</v>
      </c>
      <c r="AR274" s="11">
        <f t="shared" si="142"/>
        <v>258.51733907172832</v>
      </c>
    </row>
    <row r="275" spans="16:44" x14ac:dyDescent="0.3">
      <c r="P275" s="10">
        <f t="shared" si="143"/>
        <v>45565</v>
      </c>
      <c r="Q275" s="29">
        <v>10</v>
      </c>
      <c r="R275" s="29">
        <f t="shared" si="129"/>
        <v>1</v>
      </c>
      <c r="S275" s="12">
        <f t="shared" si="121"/>
        <v>1.0609861866589789</v>
      </c>
      <c r="T275" s="12">
        <f t="shared" si="122"/>
        <v>1.4695351264848711</v>
      </c>
      <c r="U275" s="12">
        <f t="shared" si="123"/>
        <v>1.771938814155029</v>
      </c>
      <c r="V275" s="12">
        <f t="shared" si="124"/>
        <v>2.5404025087253199</v>
      </c>
      <c r="W275" s="12">
        <f t="shared" si="130"/>
        <v>0</v>
      </c>
      <c r="X275" s="12">
        <f t="shared" si="125"/>
        <v>-7.0953309908476907E-3</v>
      </c>
      <c r="Y275" s="12">
        <f t="shared" si="126"/>
        <v>-5.875924024232846E-2</v>
      </c>
      <c r="Z275" s="12">
        <f t="shared" si="127"/>
        <v>-9.5984753200240996E-2</v>
      </c>
      <c r="AA275" s="12">
        <f t="shared" si="128"/>
        <v>-0.17801624965770491</v>
      </c>
      <c r="AB275" s="12">
        <f t="shared" si="131"/>
        <v>0</v>
      </c>
      <c r="AC275" s="12">
        <f t="shared" si="132"/>
        <v>0.990032876750502</v>
      </c>
      <c r="AD275" s="12">
        <f t="shared" si="133"/>
        <v>0</v>
      </c>
      <c r="AE275" s="12">
        <f t="shared" si="134"/>
        <v>0</v>
      </c>
      <c r="AF275" s="12">
        <f t="shared" si="135"/>
        <v>0</v>
      </c>
      <c r="AG275" s="12">
        <f t="shared" si="136"/>
        <v>0</v>
      </c>
      <c r="AH275" s="12">
        <f>AC275/SUM(AC$2:AG$366)*Input!$D$12</f>
        <v>259.64203181132905</v>
      </c>
      <c r="AI275" s="12">
        <f>AD275/SUM(AC$2:AG$366)*Input!$D$12</f>
        <v>0</v>
      </c>
      <c r="AJ275" s="12">
        <f>AE275/SUM(AC$2:AG$366)*Input!$D$12</f>
        <v>0</v>
      </c>
      <c r="AK275" s="12">
        <f>AF275/SUM(AC$2:AG$366)*Input!$D$12</f>
        <v>0</v>
      </c>
      <c r="AL275" s="12">
        <f>AG275/SUM(AC$2:AG$366)*Input!$D$12</f>
        <v>0</v>
      </c>
      <c r="AM275" s="12">
        <f t="shared" si="137"/>
        <v>7.7892609543398708</v>
      </c>
      <c r="AN275" s="12">
        <f t="shared" si="138"/>
        <v>25.964203181132905</v>
      </c>
      <c r="AO275" s="12">
        <f t="shared" si="139"/>
        <v>38.946304771699353</v>
      </c>
      <c r="AP275" s="12">
        <f t="shared" si="140"/>
        <v>186.94226290415691</v>
      </c>
      <c r="AQ275" s="12">
        <f t="shared" si="141"/>
        <v>0</v>
      </c>
      <c r="AR275" s="11">
        <f t="shared" si="142"/>
        <v>259.64203181132905</v>
      </c>
    </row>
    <row r="276" spans="16:44" x14ac:dyDescent="0.3">
      <c r="P276" s="10">
        <f t="shared" si="143"/>
        <v>45566</v>
      </c>
      <c r="Q276" s="29">
        <v>10.3</v>
      </c>
      <c r="R276" s="29">
        <f t="shared" si="129"/>
        <v>2</v>
      </c>
      <c r="S276" s="12">
        <f t="shared" si="121"/>
        <v>1.0609861866589789</v>
      </c>
      <c r="T276" s="12">
        <f t="shared" si="122"/>
        <v>1.4695351264848711</v>
      </c>
      <c r="U276" s="12">
        <f t="shared" si="123"/>
        <v>1.771938814155029</v>
      </c>
      <c r="V276" s="12">
        <f t="shared" si="124"/>
        <v>2.5404025087253199</v>
      </c>
      <c r="W276" s="12">
        <f t="shared" si="130"/>
        <v>0</v>
      </c>
      <c r="X276" s="12">
        <f t="shared" si="125"/>
        <v>-7.0953309908476907E-3</v>
      </c>
      <c r="Y276" s="12">
        <f t="shared" si="126"/>
        <v>-5.875924024232846E-2</v>
      </c>
      <c r="Z276" s="12">
        <f t="shared" si="127"/>
        <v>-9.5984753200240996E-2</v>
      </c>
      <c r="AA276" s="12">
        <f t="shared" si="128"/>
        <v>-0.17801624965770491</v>
      </c>
      <c r="AB276" s="12">
        <f t="shared" si="131"/>
        <v>0</v>
      </c>
      <c r="AC276" s="12">
        <f t="shared" si="132"/>
        <v>0.98790427745324771</v>
      </c>
      <c r="AD276" s="12">
        <f t="shared" si="133"/>
        <v>0</v>
      </c>
      <c r="AE276" s="12">
        <f t="shared" si="134"/>
        <v>0</v>
      </c>
      <c r="AF276" s="12">
        <f t="shared" si="135"/>
        <v>0</v>
      </c>
      <c r="AG276" s="12">
        <f t="shared" si="136"/>
        <v>0</v>
      </c>
      <c r="AH276" s="12">
        <f>AC276/SUM(AC$2:AG$366)*Input!$D$12</f>
        <v>259.08379393920376</v>
      </c>
      <c r="AI276" s="12">
        <f>AD276/SUM(AC$2:AG$366)*Input!$D$12</f>
        <v>0</v>
      </c>
      <c r="AJ276" s="12">
        <f>AE276/SUM(AC$2:AG$366)*Input!$D$12</f>
        <v>0</v>
      </c>
      <c r="AK276" s="12">
        <f>AF276/SUM(AC$2:AG$366)*Input!$D$12</f>
        <v>0</v>
      </c>
      <c r="AL276" s="12">
        <f>AG276/SUM(AC$2:AG$366)*Input!$D$12</f>
        <v>0</v>
      </c>
      <c r="AM276" s="12">
        <f t="shared" si="137"/>
        <v>7.7725138181761126</v>
      </c>
      <c r="AN276" s="12">
        <f t="shared" si="138"/>
        <v>25.908379393920377</v>
      </c>
      <c r="AO276" s="12">
        <f t="shared" si="139"/>
        <v>38.862569090880562</v>
      </c>
      <c r="AP276" s="12">
        <f t="shared" si="140"/>
        <v>186.54033163622671</v>
      </c>
      <c r="AQ276" s="12">
        <f t="shared" si="141"/>
        <v>0</v>
      </c>
      <c r="AR276" s="11">
        <f t="shared" si="142"/>
        <v>259.08379393920376</v>
      </c>
    </row>
    <row r="277" spans="16:44" x14ac:dyDescent="0.3">
      <c r="P277" s="10">
        <f t="shared" si="143"/>
        <v>45567</v>
      </c>
      <c r="Q277" s="29">
        <v>10</v>
      </c>
      <c r="R277" s="29">
        <f t="shared" si="129"/>
        <v>3</v>
      </c>
      <c r="S277" s="12">
        <f t="shared" si="121"/>
        <v>1.0609861866589789</v>
      </c>
      <c r="T277" s="12">
        <f t="shared" si="122"/>
        <v>1.4695351264848711</v>
      </c>
      <c r="U277" s="12">
        <f t="shared" si="123"/>
        <v>1.771938814155029</v>
      </c>
      <c r="V277" s="12">
        <f t="shared" si="124"/>
        <v>2.5404025087253199</v>
      </c>
      <c r="W277" s="12">
        <f t="shared" si="130"/>
        <v>0</v>
      </c>
      <c r="X277" s="12">
        <f t="shared" si="125"/>
        <v>-7.0953309908476907E-3</v>
      </c>
      <c r="Y277" s="12">
        <f t="shared" si="126"/>
        <v>-5.875924024232846E-2</v>
      </c>
      <c r="Z277" s="12">
        <f t="shared" si="127"/>
        <v>-9.5984753200240996E-2</v>
      </c>
      <c r="AA277" s="12">
        <f t="shared" si="128"/>
        <v>-0.17801624965770491</v>
      </c>
      <c r="AB277" s="12">
        <f t="shared" si="131"/>
        <v>0</v>
      </c>
      <c r="AC277" s="12">
        <f t="shared" si="132"/>
        <v>0.990032876750502</v>
      </c>
      <c r="AD277" s="12">
        <f t="shared" si="133"/>
        <v>0</v>
      </c>
      <c r="AE277" s="12">
        <f t="shared" si="134"/>
        <v>0</v>
      </c>
      <c r="AF277" s="12">
        <f t="shared" si="135"/>
        <v>0</v>
      </c>
      <c r="AG277" s="12">
        <f t="shared" si="136"/>
        <v>0</v>
      </c>
      <c r="AH277" s="12">
        <f>AC277/SUM(AC$2:AG$366)*Input!$D$12</f>
        <v>259.64203181132905</v>
      </c>
      <c r="AI277" s="12">
        <f>AD277/SUM(AC$2:AG$366)*Input!$D$12</f>
        <v>0</v>
      </c>
      <c r="AJ277" s="12">
        <f>AE277/SUM(AC$2:AG$366)*Input!$D$12</f>
        <v>0</v>
      </c>
      <c r="AK277" s="12">
        <f>AF277/SUM(AC$2:AG$366)*Input!$D$12</f>
        <v>0</v>
      </c>
      <c r="AL277" s="12">
        <f>AG277/SUM(AC$2:AG$366)*Input!$D$12</f>
        <v>0</v>
      </c>
      <c r="AM277" s="12">
        <f t="shared" si="137"/>
        <v>7.7892609543398708</v>
      </c>
      <c r="AN277" s="12">
        <f t="shared" si="138"/>
        <v>25.964203181132905</v>
      </c>
      <c r="AO277" s="12">
        <f t="shared" si="139"/>
        <v>38.946304771699353</v>
      </c>
      <c r="AP277" s="12">
        <f t="shared" si="140"/>
        <v>186.94226290415691</v>
      </c>
      <c r="AQ277" s="12">
        <f t="shared" si="141"/>
        <v>0</v>
      </c>
      <c r="AR277" s="11">
        <f t="shared" si="142"/>
        <v>259.64203181132905</v>
      </c>
    </row>
    <row r="278" spans="16:44" x14ac:dyDescent="0.3">
      <c r="P278" s="10">
        <f t="shared" si="143"/>
        <v>45568</v>
      </c>
      <c r="Q278" s="29">
        <v>8.8000000000000007</v>
      </c>
      <c r="R278" s="29">
        <f t="shared" si="129"/>
        <v>4</v>
      </c>
      <c r="S278" s="12">
        <f t="shared" si="121"/>
        <v>1.0609861866589789</v>
      </c>
      <c r="T278" s="12">
        <f t="shared" si="122"/>
        <v>1.4695351264848711</v>
      </c>
      <c r="U278" s="12">
        <f t="shared" si="123"/>
        <v>1.771938814155029</v>
      </c>
      <c r="V278" s="12">
        <f t="shared" si="124"/>
        <v>2.5404025087253199</v>
      </c>
      <c r="W278" s="12">
        <f t="shared" si="130"/>
        <v>0</v>
      </c>
      <c r="X278" s="12">
        <f t="shared" si="125"/>
        <v>-7.0953309908476907E-3</v>
      </c>
      <c r="Y278" s="12">
        <f t="shared" si="126"/>
        <v>-5.875924024232846E-2</v>
      </c>
      <c r="Z278" s="12">
        <f t="shared" si="127"/>
        <v>-9.5984753200240996E-2</v>
      </c>
      <c r="AA278" s="12">
        <f t="shared" si="128"/>
        <v>-0.17801624965770491</v>
      </c>
      <c r="AB278" s="12">
        <f t="shared" si="131"/>
        <v>0</v>
      </c>
      <c r="AC278" s="12">
        <f t="shared" si="132"/>
        <v>0.99854727393951925</v>
      </c>
      <c r="AD278" s="12">
        <f t="shared" si="133"/>
        <v>0</v>
      </c>
      <c r="AE278" s="12">
        <f t="shared" si="134"/>
        <v>0</v>
      </c>
      <c r="AF278" s="12">
        <f t="shared" si="135"/>
        <v>0</v>
      </c>
      <c r="AG278" s="12">
        <f t="shared" si="136"/>
        <v>0</v>
      </c>
      <c r="AH278" s="12">
        <f>AC278/SUM(AC$2:AG$366)*Input!$D$12</f>
        <v>261.87498329983021</v>
      </c>
      <c r="AI278" s="12">
        <f>AD278/SUM(AC$2:AG$366)*Input!$D$12</f>
        <v>0</v>
      </c>
      <c r="AJ278" s="12">
        <f>AE278/SUM(AC$2:AG$366)*Input!$D$12</f>
        <v>0</v>
      </c>
      <c r="AK278" s="12">
        <f>AF278/SUM(AC$2:AG$366)*Input!$D$12</f>
        <v>0</v>
      </c>
      <c r="AL278" s="12">
        <f>AG278/SUM(AC$2:AG$366)*Input!$D$12</f>
        <v>0</v>
      </c>
      <c r="AM278" s="12">
        <f t="shared" si="137"/>
        <v>7.8562494989949059</v>
      </c>
      <c r="AN278" s="12">
        <f t="shared" si="138"/>
        <v>26.187498329983022</v>
      </c>
      <c r="AO278" s="12">
        <f t="shared" si="139"/>
        <v>39.281247494974529</v>
      </c>
      <c r="AP278" s="12">
        <f t="shared" si="140"/>
        <v>188.54998797587774</v>
      </c>
      <c r="AQ278" s="12">
        <f t="shared" si="141"/>
        <v>0</v>
      </c>
      <c r="AR278" s="11">
        <f t="shared" si="142"/>
        <v>261.87498329983021</v>
      </c>
    </row>
    <row r="279" spans="16:44" x14ac:dyDescent="0.3">
      <c r="P279" s="10">
        <f t="shared" si="143"/>
        <v>45569</v>
      </c>
      <c r="Q279" s="29">
        <v>6.8</v>
      </c>
      <c r="R279" s="29">
        <f t="shared" si="129"/>
        <v>5</v>
      </c>
      <c r="S279" s="12">
        <f t="shared" si="121"/>
        <v>1.0609861866589789</v>
      </c>
      <c r="T279" s="12">
        <f t="shared" si="122"/>
        <v>1.4695351264848711</v>
      </c>
      <c r="U279" s="12">
        <f t="shared" si="123"/>
        <v>1.771938814155029</v>
      </c>
      <c r="V279" s="12">
        <f t="shared" si="124"/>
        <v>2.5404025087253199</v>
      </c>
      <c r="W279" s="12">
        <f t="shared" si="130"/>
        <v>0</v>
      </c>
      <c r="X279" s="12">
        <f t="shared" si="125"/>
        <v>-7.0953309908476907E-3</v>
      </c>
      <c r="Y279" s="12">
        <f t="shared" si="126"/>
        <v>-5.875924024232846E-2</v>
      </c>
      <c r="Z279" s="12">
        <f t="shared" si="127"/>
        <v>-9.5984753200240996E-2</v>
      </c>
      <c r="AA279" s="12">
        <f t="shared" si="128"/>
        <v>-0.17801624965770491</v>
      </c>
      <c r="AB279" s="12">
        <f t="shared" si="131"/>
        <v>0</v>
      </c>
      <c r="AC279" s="12">
        <f t="shared" si="132"/>
        <v>1.0127379359212145</v>
      </c>
      <c r="AD279" s="12">
        <f t="shared" si="133"/>
        <v>0</v>
      </c>
      <c r="AE279" s="12">
        <f t="shared" si="134"/>
        <v>0</v>
      </c>
      <c r="AF279" s="12">
        <f t="shared" si="135"/>
        <v>0</v>
      </c>
      <c r="AG279" s="12">
        <f t="shared" si="136"/>
        <v>0</v>
      </c>
      <c r="AH279" s="12">
        <f>AC279/SUM(AC$2:AG$366)*Input!$D$12</f>
        <v>265.59656911399873</v>
      </c>
      <c r="AI279" s="12">
        <f>AD279/SUM(AC$2:AG$366)*Input!$D$12</f>
        <v>0</v>
      </c>
      <c r="AJ279" s="12">
        <f>AE279/SUM(AC$2:AG$366)*Input!$D$12</f>
        <v>0</v>
      </c>
      <c r="AK279" s="12">
        <f>AF279/SUM(AC$2:AG$366)*Input!$D$12</f>
        <v>0</v>
      </c>
      <c r="AL279" s="12">
        <f>AG279/SUM(AC$2:AG$366)*Input!$D$12</f>
        <v>0</v>
      </c>
      <c r="AM279" s="12">
        <f t="shared" si="137"/>
        <v>7.9678970734199615</v>
      </c>
      <c r="AN279" s="12">
        <f t="shared" si="138"/>
        <v>26.559656911399873</v>
      </c>
      <c r="AO279" s="12">
        <f t="shared" si="139"/>
        <v>39.839485367099805</v>
      </c>
      <c r="AP279" s="12">
        <f t="shared" si="140"/>
        <v>191.22952976207907</v>
      </c>
      <c r="AQ279" s="12">
        <f t="shared" si="141"/>
        <v>0</v>
      </c>
      <c r="AR279" s="11">
        <f t="shared" si="142"/>
        <v>265.59656911399873</v>
      </c>
    </row>
    <row r="280" spans="16:44" x14ac:dyDescent="0.3">
      <c r="P280" s="10">
        <f t="shared" si="143"/>
        <v>45570</v>
      </c>
      <c r="Q280" s="29">
        <v>6.7</v>
      </c>
      <c r="R280" s="29">
        <f t="shared" si="129"/>
        <v>6</v>
      </c>
      <c r="S280" s="12">
        <f t="shared" si="121"/>
        <v>0.88136675487947747</v>
      </c>
      <c r="T280" s="12">
        <f t="shared" si="122"/>
        <v>0.40529111994771311</v>
      </c>
      <c r="U280" s="12">
        <f t="shared" si="123"/>
        <v>1.4791569663107089</v>
      </c>
      <c r="V280" s="12">
        <f t="shared" si="124"/>
        <v>1.31124751273035</v>
      </c>
      <c r="W280" s="12">
        <f t="shared" si="130"/>
        <v>1.9424956480203619</v>
      </c>
      <c r="X280" s="12">
        <f t="shared" si="125"/>
        <v>-1.236743869637378E-2</v>
      </c>
      <c r="Y280" s="12">
        <f t="shared" si="126"/>
        <v>-1.3226323007097701E-2</v>
      </c>
      <c r="Z280" s="12">
        <f t="shared" si="127"/>
        <v>-6.6119920832722404E-2</v>
      </c>
      <c r="AA280" s="12">
        <f t="shared" si="128"/>
        <v>-7.5310765362349638E-2</v>
      </c>
      <c r="AB280" s="12">
        <f t="shared" si="131"/>
        <v>-0.1200596025795522</v>
      </c>
      <c r="AC280" s="12">
        <f t="shared" si="132"/>
        <v>0.90542472381445749</v>
      </c>
      <c r="AD280" s="12">
        <f t="shared" si="133"/>
        <v>0.17926957925846973</v>
      </c>
      <c r="AE280" s="12">
        <f t="shared" si="134"/>
        <v>0</v>
      </c>
      <c r="AF280" s="12">
        <f t="shared" si="135"/>
        <v>0</v>
      </c>
      <c r="AG280" s="12">
        <f t="shared" si="136"/>
        <v>0</v>
      </c>
      <c r="AH280" s="12">
        <f>AC280/SUM(AC$2:AG$366)*Input!$D$12</f>
        <v>237.45303864554512</v>
      </c>
      <c r="AI280" s="12">
        <f>AD280/SUM(AC$2:AG$366)*Input!$D$12</f>
        <v>47.014517288965948</v>
      </c>
      <c r="AJ280" s="12">
        <f>AE280/SUM(AC$2:AG$366)*Input!$D$12</f>
        <v>0</v>
      </c>
      <c r="AK280" s="12">
        <f>AF280/SUM(AC$2:AG$366)*Input!$D$12</f>
        <v>0</v>
      </c>
      <c r="AL280" s="12">
        <f>AG280/SUM(AC$2:AG$366)*Input!$D$12</f>
        <v>0</v>
      </c>
      <c r="AM280" s="12">
        <f t="shared" si="137"/>
        <v>4.2355420981050411</v>
      </c>
      <c r="AN280" s="12">
        <f t="shared" si="138"/>
        <v>14.118473660350141</v>
      </c>
      <c r="AO280" s="12">
        <f t="shared" si="139"/>
        <v>21.177710490525211</v>
      </c>
      <c r="AP280" s="12">
        <f t="shared" si="140"/>
        <v>244.93582968553068</v>
      </c>
      <c r="AQ280" s="12">
        <f t="shared" si="141"/>
        <v>0</v>
      </c>
      <c r="AR280" s="11">
        <f t="shared" si="142"/>
        <v>284.4675559345111</v>
      </c>
    </row>
    <row r="281" spans="16:44" x14ac:dyDescent="0.3">
      <c r="P281" s="10">
        <f t="shared" si="143"/>
        <v>45571</v>
      </c>
      <c r="Q281" s="29">
        <v>4.5</v>
      </c>
      <c r="R281" s="29">
        <f t="shared" si="129"/>
        <v>7</v>
      </c>
      <c r="S281" s="12">
        <f t="shared" si="121"/>
        <v>0.88136675487947747</v>
      </c>
      <c r="T281" s="12">
        <f t="shared" si="122"/>
        <v>0.40529111994771311</v>
      </c>
      <c r="U281" s="12">
        <f t="shared" si="123"/>
        <v>1.4791569663107089</v>
      </c>
      <c r="V281" s="12">
        <f t="shared" si="124"/>
        <v>1.31124751273035</v>
      </c>
      <c r="W281" s="12">
        <f t="shared" si="130"/>
        <v>1.9424956480203619</v>
      </c>
      <c r="X281" s="12">
        <f t="shared" si="125"/>
        <v>-1.236743869637378E-2</v>
      </c>
      <c r="Y281" s="12">
        <f t="shared" si="126"/>
        <v>-1.3226323007097701E-2</v>
      </c>
      <c r="Z281" s="12">
        <f t="shared" si="127"/>
        <v>-6.6119920832722404E-2</v>
      </c>
      <c r="AA281" s="12">
        <f t="shared" si="128"/>
        <v>-7.5310765362349638E-2</v>
      </c>
      <c r="AB281" s="12">
        <f t="shared" si="131"/>
        <v>-0.1200596025795522</v>
      </c>
      <c r="AC281" s="12">
        <f t="shared" si="132"/>
        <v>0.93627628903765758</v>
      </c>
      <c r="AD281" s="12">
        <f t="shared" si="133"/>
        <v>0.19574190645796935</v>
      </c>
      <c r="AE281" s="12">
        <f t="shared" si="134"/>
        <v>0</v>
      </c>
      <c r="AF281" s="12">
        <f t="shared" si="135"/>
        <v>0</v>
      </c>
      <c r="AG281" s="12">
        <f t="shared" si="136"/>
        <v>0</v>
      </c>
      <c r="AH281" s="12">
        <f>AC281/SUM(AC$2:AG$366)*Input!$D$12</f>
        <v>245.54404579007868</v>
      </c>
      <c r="AI281" s="12">
        <f>AD281/SUM(AC$2:AG$366)*Input!$D$12</f>
        <v>51.334483426632829</v>
      </c>
      <c r="AJ281" s="12">
        <f>AE281/SUM(AC$2:AG$366)*Input!$D$12</f>
        <v>0</v>
      </c>
      <c r="AK281" s="12">
        <f>AF281/SUM(AC$2:AG$366)*Input!$D$12</f>
        <v>0</v>
      </c>
      <c r="AL281" s="12">
        <f>AG281/SUM(AC$2:AG$366)*Input!$D$12</f>
        <v>0</v>
      </c>
      <c r="AM281" s="12">
        <f t="shared" si="137"/>
        <v>4.6247282366335893</v>
      </c>
      <c r="AN281" s="12">
        <f t="shared" si="138"/>
        <v>15.415760788778634</v>
      </c>
      <c r="AO281" s="12">
        <f t="shared" si="139"/>
        <v>23.123641183167951</v>
      </c>
      <c r="AP281" s="12">
        <f t="shared" si="140"/>
        <v>253.71439900813135</v>
      </c>
      <c r="AQ281" s="12">
        <f t="shared" si="141"/>
        <v>0</v>
      </c>
      <c r="AR281" s="11">
        <f t="shared" si="142"/>
        <v>296.87852921671151</v>
      </c>
    </row>
    <row r="282" spans="16:44" x14ac:dyDescent="0.3">
      <c r="P282" s="10">
        <f t="shared" si="143"/>
        <v>45572</v>
      </c>
      <c r="Q282" s="29">
        <v>4.5999999999999996</v>
      </c>
      <c r="R282" s="29">
        <f t="shared" si="129"/>
        <v>1</v>
      </c>
      <c r="S282" s="12">
        <f t="shared" si="121"/>
        <v>1.0609861866589789</v>
      </c>
      <c r="T282" s="12">
        <f t="shared" si="122"/>
        <v>1.4695351264848711</v>
      </c>
      <c r="U282" s="12">
        <f t="shared" si="123"/>
        <v>1.771938814155029</v>
      </c>
      <c r="V282" s="12">
        <f t="shared" si="124"/>
        <v>2.5404025087253199</v>
      </c>
      <c r="W282" s="12">
        <f t="shared" si="130"/>
        <v>0</v>
      </c>
      <c r="X282" s="12">
        <f t="shared" si="125"/>
        <v>-7.0953309908476907E-3</v>
      </c>
      <c r="Y282" s="12">
        <f t="shared" si="126"/>
        <v>-5.875924024232846E-2</v>
      </c>
      <c r="Z282" s="12">
        <f t="shared" si="127"/>
        <v>-9.5984753200240996E-2</v>
      </c>
      <c r="AA282" s="12">
        <f t="shared" si="128"/>
        <v>-0.17801624965770491</v>
      </c>
      <c r="AB282" s="12">
        <f t="shared" si="131"/>
        <v>0</v>
      </c>
      <c r="AC282" s="12">
        <f t="shared" si="132"/>
        <v>1.0283476641010796</v>
      </c>
      <c r="AD282" s="12">
        <f t="shared" si="133"/>
        <v>0</v>
      </c>
      <c r="AE282" s="12">
        <f t="shared" si="134"/>
        <v>0</v>
      </c>
      <c r="AF282" s="12">
        <f t="shared" si="135"/>
        <v>0</v>
      </c>
      <c r="AG282" s="12">
        <f t="shared" si="136"/>
        <v>0</v>
      </c>
      <c r="AH282" s="12">
        <f>AC282/SUM(AC$2:AG$366)*Input!$D$12</f>
        <v>269.69031350958414</v>
      </c>
      <c r="AI282" s="12">
        <f>AD282/SUM(AC$2:AG$366)*Input!$D$12</f>
        <v>0</v>
      </c>
      <c r="AJ282" s="12">
        <f>AE282/SUM(AC$2:AG$366)*Input!$D$12</f>
        <v>0</v>
      </c>
      <c r="AK282" s="12">
        <f>AF282/SUM(AC$2:AG$366)*Input!$D$12</f>
        <v>0</v>
      </c>
      <c r="AL282" s="12">
        <f>AG282/SUM(AC$2:AG$366)*Input!$D$12</f>
        <v>0</v>
      </c>
      <c r="AM282" s="12">
        <f t="shared" si="137"/>
        <v>8.0907094052875248</v>
      </c>
      <c r="AN282" s="12">
        <f t="shared" si="138"/>
        <v>26.969031350958417</v>
      </c>
      <c r="AO282" s="12">
        <f t="shared" si="139"/>
        <v>40.453547026437619</v>
      </c>
      <c r="AP282" s="12">
        <f t="shared" si="140"/>
        <v>194.17702572690058</v>
      </c>
      <c r="AQ282" s="12">
        <f t="shared" si="141"/>
        <v>0</v>
      </c>
      <c r="AR282" s="11">
        <f t="shared" si="142"/>
        <v>269.69031350958414</v>
      </c>
    </row>
    <row r="283" spans="16:44" x14ac:dyDescent="0.3">
      <c r="P283" s="10">
        <f t="shared" si="143"/>
        <v>45573</v>
      </c>
      <c r="Q283" s="29">
        <v>6.5</v>
      </c>
      <c r="R283" s="29">
        <f t="shared" si="129"/>
        <v>2</v>
      </c>
      <c r="S283" s="12">
        <f t="shared" si="121"/>
        <v>1.0609861866589789</v>
      </c>
      <c r="T283" s="12">
        <f t="shared" si="122"/>
        <v>1.4695351264848711</v>
      </c>
      <c r="U283" s="12">
        <f t="shared" si="123"/>
        <v>1.771938814155029</v>
      </c>
      <c r="V283" s="12">
        <f t="shared" si="124"/>
        <v>2.5404025087253199</v>
      </c>
      <c r="W283" s="12">
        <f t="shared" si="130"/>
        <v>0</v>
      </c>
      <c r="X283" s="12">
        <f t="shared" si="125"/>
        <v>-7.0953309908476907E-3</v>
      </c>
      <c r="Y283" s="12">
        <f t="shared" si="126"/>
        <v>-5.875924024232846E-2</v>
      </c>
      <c r="Z283" s="12">
        <f t="shared" si="127"/>
        <v>-9.5984753200240996E-2</v>
      </c>
      <c r="AA283" s="12">
        <f t="shared" si="128"/>
        <v>-0.17801624965770491</v>
      </c>
      <c r="AB283" s="12">
        <f t="shared" si="131"/>
        <v>0</v>
      </c>
      <c r="AC283" s="12">
        <f t="shared" si="132"/>
        <v>1.0148665352184689</v>
      </c>
      <c r="AD283" s="12">
        <f t="shared" si="133"/>
        <v>0</v>
      </c>
      <c r="AE283" s="12">
        <f t="shared" si="134"/>
        <v>0</v>
      </c>
      <c r="AF283" s="12">
        <f t="shared" si="135"/>
        <v>0</v>
      </c>
      <c r="AG283" s="12">
        <f t="shared" si="136"/>
        <v>0</v>
      </c>
      <c r="AH283" s="12">
        <f>AC283/SUM(AC$2:AG$366)*Input!$D$12</f>
        <v>266.15480698612402</v>
      </c>
      <c r="AI283" s="12">
        <f>AD283/SUM(AC$2:AG$366)*Input!$D$12</f>
        <v>0</v>
      </c>
      <c r="AJ283" s="12">
        <f>AE283/SUM(AC$2:AG$366)*Input!$D$12</f>
        <v>0</v>
      </c>
      <c r="AK283" s="12">
        <f>AF283/SUM(AC$2:AG$366)*Input!$D$12</f>
        <v>0</v>
      </c>
      <c r="AL283" s="12">
        <f>AG283/SUM(AC$2:AG$366)*Input!$D$12</f>
        <v>0</v>
      </c>
      <c r="AM283" s="12">
        <f t="shared" si="137"/>
        <v>7.9846442095837205</v>
      </c>
      <c r="AN283" s="12">
        <f t="shared" si="138"/>
        <v>26.615480698612402</v>
      </c>
      <c r="AO283" s="12">
        <f t="shared" si="139"/>
        <v>39.923221047918602</v>
      </c>
      <c r="AP283" s="12">
        <f t="shared" si="140"/>
        <v>191.63146103000929</v>
      </c>
      <c r="AQ283" s="12">
        <f t="shared" si="141"/>
        <v>0</v>
      </c>
      <c r="AR283" s="11">
        <f t="shared" si="142"/>
        <v>266.15480698612402</v>
      </c>
    </row>
    <row r="284" spans="16:44" x14ac:dyDescent="0.3">
      <c r="P284" s="10">
        <f t="shared" si="143"/>
        <v>45574</v>
      </c>
      <c r="Q284" s="29">
        <v>8.6</v>
      </c>
      <c r="R284" s="29">
        <f t="shared" si="129"/>
        <v>3</v>
      </c>
      <c r="S284" s="12">
        <f t="shared" si="121"/>
        <v>1.0609861866589789</v>
      </c>
      <c r="T284" s="12">
        <f t="shared" si="122"/>
        <v>1.4695351264848711</v>
      </c>
      <c r="U284" s="12">
        <f t="shared" si="123"/>
        <v>1.771938814155029</v>
      </c>
      <c r="V284" s="12">
        <f t="shared" si="124"/>
        <v>2.5404025087253199</v>
      </c>
      <c r="W284" s="12">
        <f t="shared" si="130"/>
        <v>0</v>
      </c>
      <c r="X284" s="12">
        <f t="shared" si="125"/>
        <v>-7.0953309908476907E-3</v>
      </c>
      <c r="Y284" s="12">
        <f t="shared" si="126"/>
        <v>-5.875924024232846E-2</v>
      </c>
      <c r="Z284" s="12">
        <f t="shared" si="127"/>
        <v>-9.5984753200240996E-2</v>
      </c>
      <c r="AA284" s="12">
        <f t="shared" si="128"/>
        <v>-0.17801624965770491</v>
      </c>
      <c r="AB284" s="12">
        <f t="shared" si="131"/>
        <v>0</v>
      </c>
      <c r="AC284" s="12">
        <f t="shared" si="132"/>
        <v>0.99996634013768881</v>
      </c>
      <c r="AD284" s="12">
        <f t="shared" si="133"/>
        <v>0</v>
      </c>
      <c r="AE284" s="12">
        <f t="shared" si="134"/>
        <v>0</v>
      </c>
      <c r="AF284" s="12">
        <f t="shared" si="135"/>
        <v>0</v>
      </c>
      <c r="AG284" s="12">
        <f t="shared" si="136"/>
        <v>0</v>
      </c>
      <c r="AH284" s="12">
        <f>AC284/SUM(AC$2:AG$366)*Input!$D$12</f>
        <v>262.24714188124705</v>
      </c>
      <c r="AI284" s="12">
        <f>AD284/SUM(AC$2:AG$366)*Input!$D$12</f>
        <v>0</v>
      </c>
      <c r="AJ284" s="12">
        <f>AE284/SUM(AC$2:AG$366)*Input!$D$12</f>
        <v>0</v>
      </c>
      <c r="AK284" s="12">
        <f>AF284/SUM(AC$2:AG$366)*Input!$D$12</f>
        <v>0</v>
      </c>
      <c r="AL284" s="12">
        <f>AG284/SUM(AC$2:AG$366)*Input!$D$12</f>
        <v>0</v>
      </c>
      <c r="AM284" s="12">
        <f t="shared" si="137"/>
        <v>7.867414256437411</v>
      </c>
      <c r="AN284" s="12">
        <f t="shared" si="138"/>
        <v>26.224714188124707</v>
      </c>
      <c r="AO284" s="12">
        <f t="shared" si="139"/>
        <v>39.337071282187054</v>
      </c>
      <c r="AP284" s="12">
        <f t="shared" si="140"/>
        <v>188.81794215449787</v>
      </c>
      <c r="AQ284" s="12">
        <f t="shared" si="141"/>
        <v>0</v>
      </c>
      <c r="AR284" s="11">
        <f t="shared" si="142"/>
        <v>262.24714188124705</v>
      </c>
    </row>
    <row r="285" spans="16:44" x14ac:dyDescent="0.3">
      <c r="P285" s="10">
        <f t="shared" si="143"/>
        <v>45575</v>
      </c>
      <c r="Q285" s="29">
        <v>7.6</v>
      </c>
      <c r="R285" s="29">
        <f t="shared" si="129"/>
        <v>4</v>
      </c>
      <c r="S285" s="12">
        <f t="shared" si="121"/>
        <v>1.0609861866589789</v>
      </c>
      <c r="T285" s="12">
        <f t="shared" si="122"/>
        <v>1.4695351264848711</v>
      </c>
      <c r="U285" s="12">
        <f t="shared" si="123"/>
        <v>1.771938814155029</v>
      </c>
      <c r="V285" s="12">
        <f t="shared" si="124"/>
        <v>2.5404025087253199</v>
      </c>
      <c r="W285" s="12">
        <f t="shared" si="130"/>
        <v>0</v>
      </c>
      <c r="X285" s="12">
        <f t="shared" si="125"/>
        <v>-7.0953309908476907E-3</v>
      </c>
      <c r="Y285" s="12">
        <f t="shared" si="126"/>
        <v>-5.875924024232846E-2</v>
      </c>
      <c r="Z285" s="12">
        <f t="shared" si="127"/>
        <v>-9.5984753200240996E-2</v>
      </c>
      <c r="AA285" s="12">
        <f t="shared" si="128"/>
        <v>-0.17801624965770491</v>
      </c>
      <c r="AB285" s="12">
        <f t="shared" si="131"/>
        <v>0</v>
      </c>
      <c r="AC285" s="12">
        <f t="shared" si="132"/>
        <v>1.0070616711285365</v>
      </c>
      <c r="AD285" s="12">
        <f t="shared" si="133"/>
        <v>0</v>
      </c>
      <c r="AE285" s="12">
        <f t="shared" si="134"/>
        <v>0</v>
      </c>
      <c r="AF285" s="12">
        <f t="shared" si="135"/>
        <v>0</v>
      </c>
      <c r="AG285" s="12">
        <f t="shared" si="136"/>
        <v>0</v>
      </c>
      <c r="AH285" s="12">
        <f>AC285/SUM(AC$2:AG$366)*Input!$D$12</f>
        <v>264.10793478833131</v>
      </c>
      <c r="AI285" s="12">
        <f>AD285/SUM(AC$2:AG$366)*Input!$D$12</f>
        <v>0</v>
      </c>
      <c r="AJ285" s="12">
        <f>AE285/SUM(AC$2:AG$366)*Input!$D$12</f>
        <v>0</v>
      </c>
      <c r="AK285" s="12">
        <f>AF285/SUM(AC$2:AG$366)*Input!$D$12</f>
        <v>0</v>
      </c>
      <c r="AL285" s="12">
        <f>AG285/SUM(AC$2:AG$366)*Input!$D$12</f>
        <v>0</v>
      </c>
      <c r="AM285" s="12">
        <f t="shared" si="137"/>
        <v>7.9232380436499392</v>
      </c>
      <c r="AN285" s="12">
        <f t="shared" si="138"/>
        <v>26.410793478833131</v>
      </c>
      <c r="AO285" s="12">
        <f t="shared" si="139"/>
        <v>39.616190218249692</v>
      </c>
      <c r="AP285" s="12">
        <f t="shared" si="140"/>
        <v>190.15771304759852</v>
      </c>
      <c r="AQ285" s="12">
        <f t="shared" si="141"/>
        <v>0</v>
      </c>
      <c r="AR285" s="11">
        <f t="shared" si="142"/>
        <v>264.10793478833125</v>
      </c>
    </row>
    <row r="286" spans="16:44" x14ac:dyDescent="0.3">
      <c r="P286" s="10">
        <f t="shared" si="143"/>
        <v>45576</v>
      </c>
      <c r="Q286" s="29">
        <v>6.5</v>
      </c>
      <c r="R286" s="29">
        <f t="shared" si="129"/>
        <v>5</v>
      </c>
      <c r="S286" s="12">
        <f t="shared" si="121"/>
        <v>1.0609861866589789</v>
      </c>
      <c r="T286" s="12">
        <f t="shared" si="122"/>
        <v>1.4695351264848711</v>
      </c>
      <c r="U286" s="12">
        <f t="shared" si="123"/>
        <v>1.771938814155029</v>
      </c>
      <c r="V286" s="12">
        <f t="shared" si="124"/>
        <v>2.5404025087253199</v>
      </c>
      <c r="W286" s="12">
        <f t="shared" si="130"/>
        <v>0</v>
      </c>
      <c r="X286" s="12">
        <f t="shared" si="125"/>
        <v>-7.0953309908476907E-3</v>
      </c>
      <c r="Y286" s="12">
        <f t="shared" si="126"/>
        <v>-5.875924024232846E-2</v>
      </c>
      <c r="Z286" s="12">
        <f t="shared" si="127"/>
        <v>-9.5984753200240996E-2</v>
      </c>
      <c r="AA286" s="12">
        <f t="shared" si="128"/>
        <v>-0.17801624965770491</v>
      </c>
      <c r="AB286" s="12">
        <f t="shared" si="131"/>
        <v>0</v>
      </c>
      <c r="AC286" s="12">
        <f t="shared" si="132"/>
        <v>1.0148665352184689</v>
      </c>
      <c r="AD286" s="12">
        <f t="shared" si="133"/>
        <v>0</v>
      </c>
      <c r="AE286" s="12">
        <f t="shared" si="134"/>
        <v>0</v>
      </c>
      <c r="AF286" s="12">
        <f t="shared" si="135"/>
        <v>0</v>
      </c>
      <c r="AG286" s="12">
        <f t="shared" si="136"/>
        <v>0</v>
      </c>
      <c r="AH286" s="12">
        <f>AC286/SUM(AC$2:AG$366)*Input!$D$12</f>
        <v>266.15480698612402</v>
      </c>
      <c r="AI286" s="12">
        <f>AD286/SUM(AC$2:AG$366)*Input!$D$12</f>
        <v>0</v>
      </c>
      <c r="AJ286" s="12">
        <f>AE286/SUM(AC$2:AG$366)*Input!$D$12</f>
        <v>0</v>
      </c>
      <c r="AK286" s="12">
        <f>AF286/SUM(AC$2:AG$366)*Input!$D$12</f>
        <v>0</v>
      </c>
      <c r="AL286" s="12">
        <f>AG286/SUM(AC$2:AG$366)*Input!$D$12</f>
        <v>0</v>
      </c>
      <c r="AM286" s="12">
        <f t="shared" si="137"/>
        <v>7.9846442095837205</v>
      </c>
      <c r="AN286" s="12">
        <f t="shared" si="138"/>
        <v>26.615480698612402</v>
      </c>
      <c r="AO286" s="12">
        <f t="shared" si="139"/>
        <v>39.923221047918602</v>
      </c>
      <c r="AP286" s="12">
        <f t="shared" si="140"/>
        <v>191.63146103000929</v>
      </c>
      <c r="AQ286" s="12">
        <f t="shared" si="141"/>
        <v>0</v>
      </c>
      <c r="AR286" s="11">
        <f t="shared" si="142"/>
        <v>266.15480698612402</v>
      </c>
    </row>
    <row r="287" spans="16:44" x14ac:dyDescent="0.3">
      <c r="P287" s="10">
        <f t="shared" si="143"/>
        <v>45577</v>
      </c>
      <c r="Q287" s="29">
        <v>7.6</v>
      </c>
      <c r="R287" s="29">
        <f t="shared" si="129"/>
        <v>6</v>
      </c>
      <c r="S287" s="12">
        <f t="shared" si="121"/>
        <v>0.88136675487947747</v>
      </c>
      <c r="T287" s="12">
        <f t="shared" si="122"/>
        <v>0.40529111994771311</v>
      </c>
      <c r="U287" s="12">
        <f t="shared" si="123"/>
        <v>1.4791569663107089</v>
      </c>
      <c r="V287" s="12">
        <f t="shared" si="124"/>
        <v>1.31124751273035</v>
      </c>
      <c r="W287" s="12">
        <f t="shared" si="130"/>
        <v>1.9424956480203619</v>
      </c>
      <c r="X287" s="12">
        <f t="shared" si="125"/>
        <v>-1.236743869637378E-2</v>
      </c>
      <c r="Y287" s="12">
        <f t="shared" si="126"/>
        <v>-1.3226323007097701E-2</v>
      </c>
      <c r="Z287" s="12">
        <f t="shared" si="127"/>
        <v>-6.6119920832722404E-2</v>
      </c>
      <c r="AA287" s="12">
        <f t="shared" si="128"/>
        <v>-7.5310765362349638E-2</v>
      </c>
      <c r="AB287" s="12">
        <f t="shared" si="131"/>
        <v>-0.1200596025795522</v>
      </c>
      <c r="AC287" s="12">
        <f t="shared" si="132"/>
        <v>0.89280362895042109</v>
      </c>
      <c r="AD287" s="12">
        <f t="shared" si="133"/>
        <v>0.17253089994958351</v>
      </c>
      <c r="AE287" s="12">
        <f t="shared" si="134"/>
        <v>0</v>
      </c>
      <c r="AF287" s="12">
        <f t="shared" si="135"/>
        <v>0</v>
      </c>
      <c r="AG287" s="12">
        <f t="shared" si="136"/>
        <v>0</v>
      </c>
      <c r="AH287" s="12">
        <f>AC287/SUM(AC$2:AG$366)*Input!$D$12</f>
        <v>234.14308117732688</v>
      </c>
      <c r="AI287" s="12">
        <f>AD287/SUM(AC$2:AG$366)*Input!$D$12</f>
        <v>45.247258414465854</v>
      </c>
      <c r="AJ287" s="12">
        <f>AE287/SUM(AC$2:AG$366)*Input!$D$12</f>
        <v>0</v>
      </c>
      <c r="AK287" s="12">
        <f>AF287/SUM(AC$2:AG$366)*Input!$D$12</f>
        <v>0</v>
      </c>
      <c r="AL287" s="12">
        <f>AG287/SUM(AC$2:AG$366)*Input!$D$12</f>
        <v>0</v>
      </c>
      <c r="AM287" s="12">
        <f t="shared" si="137"/>
        <v>4.076329586888817</v>
      </c>
      <c r="AN287" s="12">
        <f t="shared" si="138"/>
        <v>13.587765289629392</v>
      </c>
      <c r="AO287" s="12">
        <f t="shared" si="139"/>
        <v>20.381647934444086</v>
      </c>
      <c r="AP287" s="12">
        <f t="shared" si="140"/>
        <v>241.34459678083044</v>
      </c>
      <c r="AQ287" s="12">
        <f t="shared" si="141"/>
        <v>0</v>
      </c>
      <c r="AR287" s="11">
        <f t="shared" si="142"/>
        <v>279.39033959179272</v>
      </c>
    </row>
    <row r="288" spans="16:44" x14ac:dyDescent="0.3">
      <c r="P288" s="10">
        <f t="shared" si="143"/>
        <v>45578</v>
      </c>
      <c r="Q288" s="29">
        <v>6.5</v>
      </c>
      <c r="R288" s="29">
        <f t="shared" si="129"/>
        <v>7</v>
      </c>
      <c r="S288" s="12">
        <f t="shared" si="121"/>
        <v>0.88136675487947747</v>
      </c>
      <c r="T288" s="12">
        <f t="shared" si="122"/>
        <v>0.40529111994771311</v>
      </c>
      <c r="U288" s="12">
        <f t="shared" si="123"/>
        <v>1.4791569663107089</v>
      </c>
      <c r="V288" s="12">
        <f t="shared" si="124"/>
        <v>1.31124751273035</v>
      </c>
      <c r="W288" s="12">
        <f t="shared" si="130"/>
        <v>1.9424956480203619</v>
      </c>
      <c r="X288" s="12">
        <f t="shared" si="125"/>
        <v>-1.236743869637378E-2</v>
      </c>
      <c r="Y288" s="12">
        <f t="shared" si="126"/>
        <v>-1.3226323007097701E-2</v>
      </c>
      <c r="Z288" s="12">
        <f t="shared" si="127"/>
        <v>-6.6119920832722404E-2</v>
      </c>
      <c r="AA288" s="12">
        <f t="shared" si="128"/>
        <v>-7.5310765362349638E-2</v>
      </c>
      <c r="AB288" s="12">
        <f t="shared" si="131"/>
        <v>-0.1200596025795522</v>
      </c>
      <c r="AC288" s="12">
        <f t="shared" si="132"/>
        <v>0.90822941156202119</v>
      </c>
      <c r="AD288" s="12">
        <f t="shared" si="133"/>
        <v>0.18076706354933331</v>
      </c>
      <c r="AE288" s="12">
        <f t="shared" si="134"/>
        <v>0</v>
      </c>
      <c r="AF288" s="12">
        <f t="shared" si="135"/>
        <v>0</v>
      </c>
      <c r="AG288" s="12">
        <f t="shared" si="136"/>
        <v>0</v>
      </c>
      <c r="AH288" s="12">
        <f>AC288/SUM(AC$2:AG$366)*Input!$D$12</f>
        <v>238.18858474959364</v>
      </c>
      <c r="AI288" s="12">
        <f>AD288/SUM(AC$2:AG$366)*Input!$D$12</f>
        <v>47.407241483299288</v>
      </c>
      <c r="AJ288" s="12">
        <f>AE288/SUM(AC$2:AG$366)*Input!$D$12</f>
        <v>0</v>
      </c>
      <c r="AK288" s="12">
        <f>AF288/SUM(AC$2:AG$366)*Input!$D$12</f>
        <v>0</v>
      </c>
      <c r="AL288" s="12">
        <f>AG288/SUM(AC$2:AG$366)*Input!$D$12</f>
        <v>0</v>
      </c>
      <c r="AM288" s="12">
        <f t="shared" si="137"/>
        <v>4.2709226561530897</v>
      </c>
      <c r="AN288" s="12">
        <f t="shared" si="138"/>
        <v>14.236408853843635</v>
      </c>
      <c r="AO288" s="12">
        <f t="shared" si="139"/>
        <v>21.354613280765452</v>
      </c>
      <c r="AP288" s="12">
        <f t="shared" si="140"/>
        <v>245.73388144213075</v>
      </c>
      <c r="AQ288" s="12">
        <f t="shared" si="141"/>
        <v>0</v>
      </c>
      <c r="AR288" s="11">
        <f t="shared" si="142"/>
        <v>285.59582623289293</v>
      </c>
    </row>
    <row r="289" spans="16:44" x14ac:dyDescent="0.3">
      <c r="P289" s="10">
        <f t="shared" si="143"/>
        <v>45579</v>
      </c>
      <c r="Q289" s="29">
        <v>5.4</v>
      </c>
      <c r="R289" s="29">
        <f t="shared" si="129"/>
        <v>1</v>
      </c>
      <c r="S289" s="12">
        <f t="shared" si="121"/>
        <v>1.0609861866589789</v>
      </c>
      <c r="T289" s="12">
        <f t="shared" si="122"/>
        <v>1.4695351264848711</v>
      </c>
      <c r="U289" s="12">
        <f t="shared" si="123"/>
        <v>1.771938814155029</v>
      </c>
      <c r="V289" s="12">
        <f t="shared" si="124"/>
        <v>2.5404025087253199</v>
      </c>
      <c r="W289" s="12">
        <f t="shared" si="130"/>
        <v>0</v>
      </c>
      <c r="X289" s="12">
        <f t="shared" si="125"/>
        <v>-7.0953309908476907E-3</v>
      </c>
      <c r="Y289" s="12">
        <f t="shared" si="126"/>
        <v>-5.875924024232846E-2</v>
      </c>
      <c r="Z289" s="12">
        <f t="shared" si="127"/>
        <v>-9.5984753200240996E-2</v>
      </c>
      <c r="AA289" s="12">
        <f t="shared" si="128"/>
        <v>-0.17801624965770491</v>
      </c>
      <c r="AB289" s="12">
        <f t="shared" si="131"/>
        <v>0</v>
      </c>
      <c r="AC289" s="12">
        <f t="shared" si="132"/>
        <v>1.0226713993084013</v>
      </c>
      <c r="AD289" s="12">
        <f t="shared" si="133"/>
        <v>0</v>
      </c>
      <c r="AE289" s="12">
        <f t="shared" si="134"/>
        <v>0</v>
      </c>
      <c r="AF289" s="12">
        <f t="shared" si="135"/>
        <v>0</v>
      </c>
      <c r="AG289" s="12">
        <f t="shared" si="136"/>
        <v>0</v>
      </c>
      <c r="AH289" s="12">
        <f>AC289/SUM(AC$2:AG$366)*Input!$D$12</f>
        <v>268.20167918391672</v>
      </c>
      <c r="AI289" s="12">
        <f>AD289/SUM(AC$2:AG$366)*Input!$D$12</f>
        <v>0</v>
      </c>
      <c r="AJ289" s="12">
        <f>AE289/SUM(AC$2:AG$366)*Input!$D$12</f>
        <v>0</v>
      </c>
      <c r="AK289" s="12">
        <f>AF289/SUM(AC$2:AG$366)*Input!$D$12</f>
        <v>0</v>
      </c>
      <c r="AL289" s="12">
        <f>AG289/SUM(AC$2:AG$366)*Input!$D$12</f>
        <v>0</v>
      </c>
      <c r="AM289" s="12">
        <f t="shared" si="137"/>
        <v>8.0460503755175008</v>
      </c>
      <c r="AN289" s="12">
        <f t="shared" si="138"/>
        <v>26.820167918391675</v>
      </c>
      <c r="AO289" s="12">
        <f t="shared" si="139"/>
        <v>40.230251877587506</v>
      </c>
      <c r="AP289" s="12">
        <f t="shared" si="140"/>
        <v>193.10520901242003</v>
      </c>
      <c r="AQ289" s="12">
        <f t="shared" si="141"/>
        <v>0</v>
      </c>
      <c r="AR289" s="11">
        <f t="shared" si="142"/>
        <v>268.20167918391672</v>
      </c>
    </row>
    <row r="290" spans="16:44" x14ac:dyDescent="0.3">
      <c r="P290" s="10">
        <f t="shared" si="143"/>
        <v>45580</v>
      </c>
      <c r="Q290" s="29">
        <v>3.5</v>
      </c>
      <c r="R290" s="29">
        <f t="shared" si="129"/>
        <v>2</v>
      </c>
      <c r="S290" s="12">
        <f t="shared" si="121"/>
        <v>1.0609861866589789</v>
      </c>
      <c r="T290" s="12">
        <f t="shared" si="122"/>
        <v>1.4695351264848711</v>
      </c>
      <c r="U290" s="12">
        <f t="shared" si="123"/>
        <v>1.771938814155029</v>
      </c>
      <c r="V290" s="12">
        <f t="shared" si="124"/>
        <v>2.5404025087253199</v>
      </c>
      <c r="W290" s="12">
        <f t="shared" si="130"/>
        <v>0</v>
      </c>
      <c r="X290" s="12">
        <f t="shared" si="125"/>
        <v>-7.0953309908476907E-3</v>
      </c>
      <c r="Y290" s="12">
        <f t="shared" si="126"/>
        <v>-5.875924024232846E-2</v>
      </c>
      <c r="Z290" s="12">
        <f t="shared" si="127"/>
        <v>-9.5984753200240996E-2</v>
      </c>
      <c r="AA290" s="12">
        <f t="shared" si="128"/>
        <v>-0.17801624965770491</v>
      </c>
      <c r="AB290" s="12">
        <f t="shared" si="131"/>
        <v>0</v>
      </c>
      <c r="AC290" s="12">
        <f t="shared" si="132"/>
        <v>1.036152528191012</v>
      </c>
      <c r="AD290" s="12">
        <f t="shared" si="133"/>
        <v>0</v>
      </c>
      <c r="AE290" s="12">
        <f t="shared" si="134"/>
        <v>0</v>
      </c>
      <c r="AF290" s="12">
        <f t="shared" si="135"/>
        <v>0</v>
      </c>
      <c r="AG290" s="12">
        <f t="shared" si="136"/>
        <v>0</v>
      </c>
      <c r="AH290" s="12">
        <f>AC290/SUM(AC$2:AG$366)*Input!$D$12</f>
        <v>271.73718570737691</v>
      </c>
      <c r="AI290" s="12">
        <f>AD290/SUM(AC$2:AG$366)*Input!$D$12</f>
        <v>0</v>
      </c>
      <c r="AJ290" s="12">
        <f>AE290/SUM(AC$2:AG$366)*Input!$D$12</f>
        <v>0</v>
      </c>
      <c r="AK290" s="12">
        <f>AF290/SUM(AC$2:AG$366)*Input!$D$12</f>
        <v>0</v>
      </c>
      <c r="AL290" s="12">
        <f>AG290/SUM(AC$2:AG$366)*Input!$D$12</f>
        <v>0</v>
      </c>
      <c r="AM290" s="12">
        <f t="shared" si="137"/>
        <v>8.1521155712213069</v>
      </c>
      <c r="AN290" s="12">
        <f t="shared" si="138"/>
        <v>27.173718570737691</v>
      </c>
      <c r="AO290" s="12">
        <f t="shared" si="139"/>
        <v>40.760577856106536</v>
      </c>
      <c r="AP290" s="12">
        <f t="shared" si="140"/>
        <v>195.65077370931138</v>
      </c>
      <c r="AQ290" s="12">
        <f t="shared" si="141"/>
        <v>0</v>
      </c>
      <c r="AR290" s="11">
        <f t="shared" si="142"/>
        <v>271.73718570737691</v>
      </c>
    </row>
    <row r="291" spans="16:44" x14ac:dyDescent="0.3">
      <c r="P291" s="10">
        <f t="shared" si="143"/>
        <v>45581</v>
      </c>
      <c r="Q291" s="29">
        <v>7</v>
      </c>
      <c r="R291" s="29">
        <f t="shared" si="129"/>
        <v>3</v>
      </c>
      <c r="S291" s="12">
        <f t="shared" si="121"/>
        <v>1.0609861866589789</v>
      </c>
      <c r="T291" s="12">
        <f t="shared" si="122"/>
        <v>1.4695351264848711</v>
      </c>
      <c r="U291" s="12">
        <f t="shared" si="123"/>
        <v>1.771938814155029</v>
      </c>
      <c r="V291" s="12">
        <f t="shared" si="124"/>
        <v>2.5404025087253199</v>
      </c>
      <c r="W291" s="12">
        <f t="shared" si="130"/>
        <v>0</v>
      </c>
      <c r="X291" s="12">
        <f t="shared" si="125"/>
        <v>-7.0953309908476907E-3</v>
      </c>
      <c r="Y291" s="12">
        <f t="shared" si="126"/>
        <v>-5.875924024232846E-2</v>
      </c>
      <c r="Z291" s="12">
        <f t="shared" si="127"/>
        <v>-9.5984753200240996E-2</v>
      </c>
      <c r="AA291" s="12">
        <f t="shared" si="128"/>
        <v>-0.17801624965770491</v>
      </c>
      <c r="AB291" s="12">
        <f t="shared" si="131"/>
        <v>0</v>
      </c>
      <c r="AC291" s="12">
        <f t="shared" si="132"/>
        <v>1.0113188697230451</v>
      </c>
      <c r="AD291" s="12">
        <f t="shared" si="133"/>
        <v>0</v>
      </c>
      <c r="AE291" s="12">
        <f t="shared" si="134"/>
        <v>0</v>
      </c>
      <c r="AF291" s="12">
        <f t="shared" si="135"/>
        <v>0</v>
      </c>
      <c r="AG291" s="12">
        <f t="shared" si="136"/>
        <v>0</v>
      </c>
      <c r="AH291" s="12">
        <f>AC291/SUM(AC$2:AG$366)*Input!$D$12</f>
        <v>265.22441053258189</v>
      </c>
      <c r="AI291" s="12">
        <f>AD291/SUM(AC$2:AG$366)*Input!$D$12</f>
        <v>0</v>
      </c>
      <c r="AJ291" s="12">
        <f>AE291/SUM(AC$2:AG$366)*Input!$D$12</f>
        <v>0</v>
      </c>
      <c r="AK291" s="12">
        <f>AF291/SUM(AC$2:AG$366)*Input!$D$12</f>
        <v>0</v>
      </c>
      <c r="AL291" s="12">
        <f>AG291/SUM(AC$2:AG$366)*Input!$D$12</f>
        <v>0</v>
      </c>
      <c r="AM291" s="12">
        <f t="shared" si="137"/>
        <v>7.9567323159774563</v>
      </c>
      <c r="AN291" s="12">
        <f t="shared" si="138"/>
        <v>26.522441053258191</v>
      </c>
      <c r="AO291" s="12">
        <f t="shared" si="139"/>
        <v>39.78366157988728</v>
      </c>
      <c r="AP291" s="12">
        <f t="shared" si="140"/>
        <v>190.96157558345894</v>
      </c>
      <c r="AQ291" s="12">
        <f t="shared" si="141"/>
        <v>0</v>
      </c>
      <c r="AR291" s="11">
        <f t="shared" si="142"/>
        <v>265.22441053258183</v>
      </c>
    </row>
    <row r="292" spans="16:44" x14ac:dyDescent="0.3">
      <c r="P292" s="10">
        <f t="shared" si="143"/>
        <v>45582</v>
      </c>
      <c r="Q292" s="29">
        <v>5</v>
      </c>
      <c r="R292" s="29">
        <f t="shared" si="129"/>
        <v>4</v>
      </c>
      <c r="S292" s="12">
        <f t="shared" si="121"/>
        <v>1.0609861866589789</v>
      </c>
      <c r="T292" s="12">
        <f t="shared" si="122"/>
        <v>1.4695351264848711</v>
      </c>
      <c r="U292" s="12">
        <f t="shared" si="123"/>
        <v>1.771938814155029</v>
      </c>
      <c r="V292" s="12">
        <f t="shared" si="124"/>
        <v>2.5404025087253199</v>
      </c>
      <c r="W292" s="12">
        <f t="shared" si="130"/>
        <v>0</v>
      </c>
      <c r="X292" s="12">
        <f t="shared" si="125"/>
        <v>-7.0953309908476907E-3</v>
      </c>
      <c r="Y292" s="12">
        <f t="shared" si="126"/>
        <v>-5.875924024232846E-2</v>
      </c>
      <c r="Z292" s="12">
        <f t="shared" si="127"/>
        <v>-9.5984753200240996E-2</v>
      </c>
      <c r="AA292" s="12">
        <f t="shared" si="128"/>
        <v>-0.17801624965770491</v>
      </c>
      <c r="AB292" s="12">
        <f t="shared" si="131"/>
        <v>0</v>
      </c>
      <c r="AC292" s="12">
        <f t="shared" si="132"/>
        <v>1.0255095317047405</v>
      </c>
      <c r="AD292" s="12">
        <f t="shared" si="133"/>
        <v>0</v>
      </c>
      <c r="AE292" s="12">
        <f t="shared" si="134"/>
        <v>0</v>
      </c>
      <c r="AF292" s="12">
        <f t="shared" si="135"/>
        <v>0</v>
      </c>
      <c r="AG292" s="12">
        <f t="shared" si="136"/>
        <v>0</v>
      </c>
      <c r="AH292" s="12">
        <f>AC292/SUM(AC$2:AG$366)*Input!$D$12</f>
        <v>268.94599634675046</v>
      </c>
      <c r="AI292" s="12">
        <f>AD292/SUM(AC$2:AG$366)*Input!$D$12</f>
        <v>0</v>
      </c>
      <c r="AJ292" s="12">
        <f>AE292/SUM(AC$2:AG$366)*Input!$D$12</f>
        <v>0</v>
      </c>
      <c r="AK292" s="12">
        <f>AF292/SUM(AC$2:AG$366)*Input!$D$12</f>
        <v>0</v>
      </c>
      <c r="AL292" s="12">
        <f>AG292/SUM(AC$2:AG$366)*Input!$D$12</f>
        <v>0</v>
      </c>
      <c r="AM292" s="12">
        <f t="shared" si="137"/>
        <v>8.0683798904025128</v>
      </c>
      <c r="AN292" s="12">
        <f t="shared" si="138"/>
        <v>26.894599634675046</v>
      </c>
      <c r="AO292" s="12">
        <f t="shared" si="139"/>
        <v>40.341899452012569</v>
      </c>
      <c r="AP292" s="12">
        <f t="shared" si="140"/>
        <v>193.64111736966032</v>
      </c>
      <c r="AQ292" s="12">
        <f t="shared" si="141"/>
        <v>0</v>
      </c>
      <c r="AR292" s="11">
        <f t="shared" si="142"/>
        <v>268.94599634675046</v>
      </c>
    </row>
    <row r="293" spans="16:44" x14ac:dyDescent="0.3">
      <c r="P293" s="10">
        <f t="shared" si="143"/>
        <v>45583</v>
      </c>
      <c r="Q293" s="29">
        <v>1.1000000000000001</v>
      </c>
      <c r="R293" s="29">
        <f t="shared" si="129"/>
        <v>5</v>
      </c>
      <c r="S293" s="12">
        <f t="shared" si="121"/>
        <v>1.085192073005006</v>
      </c>
      <c r="T293" s="12">
        <f t="shared" si="122"/>
        <v>1.4695351264848711</v>
      </c>
      <c r="U293" s="12">
        <f t="shared" si="123"/>
        <v>1.771938814155029</v>
      </c>
      <c r="V293" s="12">
        <f t="shared" si="124"/>
        <v>2.5404025087253199</v>
      </c>
      <c r="W293" s="12">
        <f t="shared" si="130"/>
        <v>0</v>
      </c>
      <c r="X293" s="12">
        <f t="shared" si="125"/>
        <v>-1.544218835154681E-2</v>
      </c>
      <c r="Y293" s="12">
        <f t="shared" si="126"/>
        <v>-5.875924024232846E-2</v>
      </c>
      <c r="Z293" s="12">
        <f t="shared" si="127"/>
        <v>-9.5984753200240996E-2</v>
      </c>
      <c r="AA293" s="12">
        <f t="shared" si="128"/>
        <v>-0.17801624965770491</v>
      </c>
      <c r="AB293" s="12">
        <f t="shared" si="131"/>
        <v>0</v>
      </c>
      <c r="AC293" s="12">
        <f t="shared" si="132"/>
        <v>1.0682056658183046</v>
      </c>
      <c r="AD293" s="12">
        <f t="shared" si="133"/>
        <v>0</v>
      </c>
      <c r="AE293" s="12">
        <f t="shared" si="134"/>
        <v>0</v>
      </c>
      <c r="AF293" s="12">
        <f t="shared" si="135"/>
        <v>0</v>
      </c>
      <c r="AG293" s="12">
        <f t="shared" si="136"/>
        <v>0</v>
      </c>
      <c r="AH293" s="12">
        <f>AC293/SUM(AC$2:AG$366)*Input!$D$12</f>
        <v>280.14331238752726</v>
      </c>
      <c r="AI293" s="12">
        <f>AD293/SUM(AC$2:AG$366)*Input!$D$12</f>
        <v>0</v>
      </c>
      <c r="AJ293" s="12">
        <f>AE293/SUM(AC$2:AG$366)*Input!$D$12</f>
        <v>0</v>
      </c>
      <c r="AK293" s="12">
        <f>AF293/SUM(AC$2:AG$366)*Input!$D$12</f>
        <v>0</v>
      </c>
      <c r="AL293" s="12">
        <f>AG293/SUM(AC$2:AG$366)*Input!$D$12</f>
        <v>0</v>
      </c>
      <c r="AM293" s="12">
        <f t="shared" si="137"/>
        <v>8.4042993716258181</v>
      </c>
      <c r="AN293" s="12">
        <f t="shared" si="138"/>
        <v>28.014331238752728</v>
      </c>
      <c r="AO293" s="12">
        <f t="shared" si="139"/>
        <v>42.02149685812909</v>
      </c>
      <c r="AP293" s="12">
        <f t="shared" si="140"/>
        <v>201.70318491901961</v>
      </c>
      <c r="AQ293" s="12">
        <f t="shared" si="141"/>
        <v>0</v>
      </c>
      <c r="AR293" s="11">
        <f t="shared" si="142"/>
        <v>280.1433123875272</v>
      </c>
    </row>
    <row r="294" spans="16:44" x14ac:dyDescent="0.3">
      <c r="P294" s="10">
        <f t="shared" si="143"/>
        <v>45584</v>
      </c>
      <c r="Q294" s="29">
        <v>1.3</v>
      </c>
      <c r="R294" s="29">
        <f t="shared" si="129"/>
        <v>6</v>
      </c>
      <c r="S294" s="12">
        <f t="shared" si="121"/>
        <v>0.88136675487947747</v>
      </c>
      <c r="T294" s="12">
        <f t="shared" si="122"/>
        <v>0.40529111994771311</v>
      </c>
      <c r="U294" s="12">
        <f t="shared" si="123"/>
        <v>1.4791569663107089</v>
      </c>
      <c r="V294" s="12">
        <f t="shared" si="124"/>
        <v>1.31124751273035</v>
      </c>
      <c r="W294" s="12">
        <f t="shared" si="130"/>
        <v>1.9424956480203619</v>
      </c>
      <c r="X294" s="12">
        <f t="shared" si="125"/>
        <v>-1.236743869637378E-2</v>
      </c>
      <c r="Y294" s="12">
        <f t="shared" si="126"/>
        <v>-1.3226323007097701E-2</v>
      </c>
      <c r="Z294" s="12">
        <f t="shared" si="127"/>
        <v>-6.6119920832722404E-2</v>
      </c>
      <c r="AA294" s="12">
        <f t="shared" si="128"/>
        <v>-7.5310765362349638E-2</v>
      </c>
      <c r="AB294" s="12">
        <f t="shared" si="131"/>
        <v>-0.1200596025795522</v>
      </c>
      <c r="AC294" s="12">
        <f t="shared" si="132"/>
        <v>0.98115129299867587</v>
      </c>
      <c r="AD294" s="12">
        <f t="shared" si="133"/>
        <v>0.21970165511178694</v>
      </c>
      <c r="AE294" s="12">
        <f t="shared" si="134"/>
        <v>0</v>
      </c>
      <c r="AF294" s="12">
        <f t="shared" si="135"/>
        <v>0</v>
      </c>
      <c r="AG294" s="12">
        <f t="shared" si="136"/>
        <v>0</v>
      </c>
      <c r="AH294" s="12">
        <f>AC294/SUM(AC$2:AG$366)*Input!$D$12</f>
        <v>257.3127834548547</v>
      </c>
      <c r="AI294" s="12">
        <f>AD294/SUM(AC$2:AG$366)*Input!$D$12</f>
        <v>57.618070535966467</v>
      </c>
      <c r="AJ294" s="12">
        <f>AE294/SUM(AC$2:AG$366)*Input!$D$12</f>
        <v>0</v>
      </c>
      <c r="AK294" s="12">
        <f>AF294/SUM(AC$2:AG$366)*Input!$D$12</f>
        <v>0</v>
      </c>
      <c r="AL294" s="12">
        <f>AG294/SUM(AC$2:AG$366)*Input!$D$12</f>
        <v>0</v>
      </c>
      <c r="AM294" s="12">
        <f t="shared" si="137"/>
        <v>5.190817165402386</v>
      </c>
      <c r="AN294" s="12">
        <f t="shared" si="138"/>
        <v>17.30272388467462</v>
      </c>
      <c r="AO294" s="12">
        <f t="shared" si="139"/>
        <v>25.954085827011934</v>
      </c>
      <c r="AP294" s="12">
        <f t="shared" si="140"/>
        <v>266.48322711373226</v>
      </c>
      <c r="AQ294" s="12">
        <f t="shared" si="141"/>
        <v>0</v>
      </c>
      <c r="AR294" s="11">
        <f t="shared" si="142"/>
        <v>314.93085399082122</v>
      </c>
    </row>
    <row r="295" spans="16:44" x14ac:dyDescent="0.3">
      <c r="P295" s="10">
        <f t="shared" si="143"/>
        <v>45585</v>
      </c>
      <c r="Q295" s="29">
        <v>1.8</v>
      </c>
      <c r="R295" s="29">
        <f t="shared" si="129"/>
        <v>7</v>
      </c>
      <c r="S295" s="12">
        <f t="shared" si="121"/>
        <v>0.88136675487947747</v>
      </c>
      <c r="T295" s="12">
        <f t="shared" si="122"/>
        <v>0.40529111994771311</v>
      </c>
      <c r="U295" s="12">
        <f t="shared" si="123"/>
        <v>1.4791569663107089</v>
      </c>
      <c r="V295" s="12">
        <f t="shared" si="124"/>
        <v>1.31124751273035</v>
      </c>
      <c r="W295" s="12">
        <f t="shared" si="130"/>
        <v>1.9424956480203619</v>
      </c>
      <c r="X295" s="12">
        <f t="shared" si="125"/>
        <v>-1.236743869637378E-2</v>
      </c>
      <c r="Y295" s="12">
        <f t="shared" si="126"/>
        <v>-1.3226323007097701E-2</v>
      </c>
      <c r="Z295" s="12">
        <f t="shared" si="127"/>
        <v>-6.6119920832722404E-2</v>
      </c>
      <c r="AA295" s="12">
        <f t="shared" si="128"/>
        <v>-7.5310765362349638E-2</v>
      </c>
      <c r="AB295" s="12">
        <f t="shared" si="131"/>
        <v>-0.1200596025795522</v>
      </c>
      <c r="AC295" s="12">
        <f t="shared" si="132"/>
        <v>0.97413957362976678</v>
      </c>
      <c r="AD295" s="12">
        <f t="shared" si="133"/>
        <v>0.21595794438462793</v>
      </c>
      <c r="AE295" s="12">
        <f t="shared" si="134"/>
        <v>0</v>
      </c>
      <c r="AF295" s="12">
        <f t="shared" si="135"/>
        <v>0</v>
      </c>
      <c r="AG295" s="12">
        <f t="shared" si="136"/>
        <v>0</v>
      </c>
      <c r="AH295" s="12">
        <f>AC295/SUM(AC$2:AG$366)*Input!$D$12</f>
        <v>255.47391819473347</v>
      </c>
      <c r="AI295" s="12">
        <f>AD295/SUM(AC$2:AG$366)*Input!$D$12</f>
        <v>56.636260050133089</v>
      </c>
      <c r="AJ295" s="12">
        <f>AE295/SUM(AC$2:AG$366)*Input!$D$12</f>
        <v>0</v>
      </c>
      <c r="AK295" s="12">
        <f>AF295/SUM(AC$2:AG$366)*Input!$D$12</f>
        <v>0</v>
      </c>
      <c r="AL295" s="12">
        <f>AG295/SUM(AC$2:AG$366)*Input!$D$12</f>
        <v>0</v>
      </c>
      <c r="AM295" s="12">
        <f t="shared" si="137"/>
        <v>5.1023657702822618</v>
      </c>
      <c r="AN295" s="12">
        <f t="shared" si="138"/>
        <v>17.007885900940874</v>
      </c>
      <c r="AO295" s="12">
        <f t="shared" si="139"/>
        <v>25.511828851411313</v>
      </c>
      <c r="AP295" s="12">
        <f t="shared" si="140"/>
        <v>264.48809772223211</v>
      </c>
      <c r="AQ295" s="12">
        <f t="shared" si="141"/>
        <v>0</v>
      </c>
      <c r="AR295" s="11">
        <f t="shared" si="142"/>
        <v>312.11017824486657</v>
      </c>
    </row>
    <row r="296" spans="16:44" x14ac:dyDescent="0.3">
      <c r="P296" s="10">
        <f t="shared" si="143"/>
        <v>45586</v>
      </c>
      <c r="Q296" s="29">
        <v>5.3</v>
      </c>
      <c r="R296" s="29">
        <f t="shared" si="129"/>
        <v>1</v>
      </c>
      <c r="S296" s="12">
        <f t="shared" si="121"/>
        <v>1.0609861866589789</v>
      </c>
      <c r="T296" s="12">
        <f t="shared" si="122"/>
        <v>1.4695351264848711</v>
      </c>
      <c r="U296" s="12">
        <f t="shared" si="123"/>
        <v>1.771938814155029</v>
      </c>
      <c r="V296" s="12">
        <f t="shared" si="124"/>
        <v>2.5404025087253199</v>
      </c>
      <c r="W296" s="12">
        <f t="shared" si="130"/>
        <v>0</v>
      </c>
      <c r="X296" s="12">
        <f t="shared" si="125"/>
        <v>-7.0953309908476907E-3</v>
      </c>
      <c r="Y296" s="12">
        <f t="shared" si="126"/>
        <v>-5.875924024232846E-2</v>
      </c>
      <c r="Z296" s="12">
        <f t="shared" si="127"/>
        <v>-9.5984753200240996E-2</v>
      </c>
      <c r="AA296" s="12">
        <f t="shared" si="128"/>
        <v>-0.17801624965770491</v>
      </c>
      <c r="AB296" s="12">
        <f t="shared" si="131"/>
        <v>0</v>
      </c>
      <c r="AC296" s="12">
        <f t="shared" si="132"/>
        <v>1.0233809324074861</v>
      </c>
      <c r="AD296" s="12">
        <f t="shared" si="133"/>
        <v>0</v>
      </c>
      <c r="AE296" s="12">
        <f t="shared" si="134"/>
        <v>0</v>
      </c>
      <c r="AF296" s="12">
        <f t="shared" si="135"/>
        <v>0</v>
      </c>
      <c r="AG296" s="12">
        <f t="shared" si="136"/>
        <v>0</v>
      </c>
      <c r="AH296" s="12">
        <f>AC296/SUM(AC$2:AG$366)*Input!$D$12</f>
        <v>268.38775847462512</v>
      </c>
      <c r="AI296" s="12">
        <f>AD296/SUM(AC$2:AG$366)*Input!$D$12</f>
        <v>0</v>
      </c>
      <c r="AJ296" s="12">
        <f>AE296/SUM(AC$2:AG$366)*Input!$D$12</f>
        <v>0</v>
      </c>
      <c r="AK296" s="12">
        <f>AF296/SUM(AC$2:AG$366)*Input!$D$12</f>
        <v>0</v>
      </c>
      <c r="AL296" s="12">
        <f>AG296/SUM(AC$2:AG$366)*Input!$D$12</f>
        <v>0</v>
      </c>
      <c r="AM296" s="12">
        <f t="shared" si="137"/>
        <v>8.0516327542387529</v>
      </c>
      <c r="AN296" s="12">
        <f t="shared" si="138"/>
        <v>26.838775847462514</v>
      </c>
      <c r="AO296" s="12">
        <f t="shared" si="139"/>
        <v>40.258163771193765</v>
      </c>
      <c r="AP296" s="12">
        <f t="shared" si="140"/>
        <v>193.23918610173007</v>
      </c>
      <c r="AQ296" s="12">
        <f t="shared" si="141"/>
        <v>0</v>
      </c>
      <c r="AR296" s="11">
        <f t="shared" si="142"/>
        <v>268.38775847462512</v>
      </c>
    </row>
    <row r="297" spans="16:44" x14ac:dyDescent="0.3">
      <c r="P297" s="10">
        <f t="shared" si="143"/>
        <v>45587</v>
      </c>
      <c r="Q297" s="29">
        <v>6.2</v>
      </c>
      <c r="R297" s="29">
        <f t="shared" si="129"/>
        <v>2</v>
      </c>
      <c r="S297" s="12">
        <f t="shared" si="121"/>
        <v>1.0609861866589789</v>
      </c>
      <c r="T297" s="12">
        <f t="shared" si="122"/>
        <v>1.4695351264848711</v>
      </c>
      <c r="U297" s="12">
        <f t="shared" si="123"/>
        <v>1.771938814155029</v>
      </c>
      <c r="V297" s="12">
        <f t="shared" si="124"/>
        <v>2.5404025087253199</v>
      </c>
      <c r="W297" s="12">
        <f t="shared" si="130"/>
        <v>0</v>
      </c>
      <c r="X297" s="12">
        <f t="shared" si="125"/>
        <v>-7.0953309908476907E-3</v>
      </c>
      <c r="Y297" s="12">
        <f t="shared" si="126"/>
        <v>-5.875924024232846E-2</v>
      </c>
      <c r="Z297" s="12">
        <f t="shared" si="127"/>
        <v>-9.5984753200240996E-2</v>
      </c>
      <c r="AA297" s="12">
        <f t="shared" si="128"/>
        <v>-0.17801624965770491</v>
      </c>
      <c r="AB297" s="12">
        <f t="shared" si="131"/>
        <v>0</v>
      </c>
      <c r="AC297" s="12">
        <f t="shared" si="132"/>
        <v>1.0169951345157233</v>
      </c>
      <c r="AD297" s="12">
        <f t="shared" si="133"/>
        <v>0</v>
      </c>
      <c r="AE297" s="12">
        <f t="shared" si="134"/>
        <v>0</v>
      </c>
      <c r="AF297" s="12">
        <f t="shared" si="135"/>
        <v>0</v>
      </c>
      <c r="AG297" s="12">
        <f t="shared" si="136"/>
        <v>0</v>
      </c>
      <c r="AH297" s="12">
        <f>AC297/SUM(AC$2:AG$366)*Input!$D$12</f>
        <v>266.71304485824936</v>
      </c>
      <c r="AI297" s="12">
        <f>AD297/SUM(AC$2:AG$366)*Input!$D$12</f>
        <v>0</v>
      </c>
      <c r="AJ297" s="12">
        <f>AE297/SUM(AC$2:AG$366)*Input!$D$12</f>
        <v>0</v>
      </c>
      <c r="AK297" s="12">
        <f>AF297/SUM(AC$2:AG$366)*Input!$D$12</f>
        <v>0</v>
      </c>
      <c r="AL297" s="12">
        <f>AG297/SUM(AC$2:AG$366)*Input!$D$12</f>
        <v>0</v>
      </c>
      <c r="AM297" s="12">
        <f t="shared" si="137"/>
        <v>8.0013913457474803</v>
      </c>
      <c r="AN297" s="12">
        <f t="shared" si="138"/>
        <v>26.671304485824937</v>
      </c>
      <c r="AO297" s="12">
        <f t="shared" si="139"/>
        <v>40.0069567287374</v>
      </c>
      <c r="AP297" s="12">
        <f t="shared" si="140"/>
        <v>192.03339229793954</v>
      </c>
      <c r="AQ297" s="12">
        <f t="shared" si="141"/>
        <v>0</v>
      </c>
      <c r="AR297" s="11">
        <f t="shared" si="142"/>
        <v>266.71304485824936</v>
      </c>
    </row>
    <row r="298" spans="16:44" x14ac:dyDescent="0.3">
      <c r="P298" s="10">
        <f t="shared" si="143"/>
        <v>45588</v>
      </c>
      <c r="Q298" s="29">
        <v>6</v>
      </c>
      <c r="R298" s="29">
        <f t="shared" si="129"/>
        <v>3</v>
      </c>
      <c r="S298" s="12">
        <f t="shared" si="121"/>
        <v>1.0609861866589789</v>
      </c>
      <c r="T298" s="12">
        <f t="shared" si="122"/>
        <v>1.4695351264848711</v>
      </c>
      <c r="U298" s="12">
        <f t="shared" si="123"/>
        <v>1.771938814155029</v>
      </c>
      <c r="V298" s="12">
        <f t="shared" si="124"/>
        <v>2.5404025087253199</v>
      </c>
      <c r="W298" s="12">
        <f t="shared" si="130"/>
        <v>0</v>
      </c>
      <c r="X298" s="12">
        <f t="shared" si="125"/>
        <v>-7.0953309908476907E-3</v>
      </c>
      <c r="Y298" s="12">
        <f t="shared" si="126"/>
        <v>-5.875924024232846E-2</v>
      </c>
      <c r="Z298" s="12">
        <f t="shared" si="127"/>
        <v>-9.5984753200240996E-2</v>
      </c>
      <c r="AA298" s="12">
        <f t="shared" si="128"/>
        <v>-0.17801624965770491</v>
      </c>
      <c r="AB298" s="12">
        <f t="shared" si="131"/>
        <v>0</v>
      </c>
      <c r="AC298" s="12">
        <f t="shared" si="132"/>
        <v>1.0184142007138928</v>
      </c>
      <c r="AD298" s="12">
        <f t="shared" si="133"/>
        <v>0</v>
      </c>
      <c r="AE298" s="12">
        <f t="shared" si="134"/>
        <v>0</v>
      </c>
      <c r="AF298" s="12">
        <f t="shared" si="135"/>
        <v>0</v>
      </c>
      <c r="AG298" s="12">
        <f t="shared" si="136"/>
        <v>0</v>
      </c>
      <c r="AH298" s="12">
        <f>AC298/SUM(AC$2:AG$366)*Input!$D$12</f>
        <v>267.0852034396662</v>
      </c>
      <c r="AI298" s="12">
        <f>AD298/SUM(AC$2:AG$366)*Input!$D$12</f>
        <v>0</v>
      </c>
      <c r="AJ298" s="12">
        <f>AE298/SUM(AC$2:AG$366)*Input!$D$12</f>
        <v>0</v>
      </c>
      <c r="AK298" s="12">
        <f>AF298/SUM(AC$2:AG$366)*Input!$D$12</f>
        <v>0</v>
      </c>
      <c r="AL298" s="12">
        <f>AG298/SUM(AC$2:AG$366)*Input!$D$12</f>
        <v>0</v>
      </c>
      <c r="AM298" s="12">
        <f t="shared" si="137"/>
        <v>8.0125561031899863</v>
      </c>
      <c r="AN298" s="12">
        <f t="shared" si="138"/>
        <v>26.708520343966622</v>
      </c>
      <c r="AO298" s="12">
        <f t="shared" si="139"/>
        <v>40.062780515949932</v>
      </c>
      <c r="AP298" s="12">
        <f t="shared" si="140"/>
        <v>192.30134647655967</v>
      </c>
      <c r="AQ298" s="12">
        <f t="shared" si="141"/>
        <v>0</v>
      </c>
      <c r="AR298" s="11">
        <f t="shared" si="142"/>
        <v>267.0852034396662</v>
      </c>
    </row>
    <row r="299" spans="16:44" x14ac:dyDescent="0.3">
      <c r="P299" s="10">
        <f t="shared" si="143"/>
        <v>45589</v>
      </c>
      <c r="Q299" s="29">
        <v>5.0999999999999996</v>
      </c>
      <c r="R299" s="29">
        <f t="shared" si="129"/>
        <v>4</v>
      </c>
      <c r="S299" s="12">
        <f t="shared" si="121"/>
        <v>1.0609861866589789</v>
      </c>
      <c r="T299" s="12">
        <f t="shared" si="122"/>
        <v>1.4695351264848711</v>
      </c>
      <c r="U299" s="12">
        <f t="shared" si="123"/>
        <v>1.771938814155029</v>
      </c>
      <c r="V299" s="12">
        <f t="shared" si="124"/>
        <v>2.5404025087253199</v>
      </c>
      <c r="W299" s="12">
        <f t="shared" si="130"/>
        <v>0</v>
      </c>
      <c r="X299" s="12">
        <f t="shared" si="125"/>
        <v>-7.0953309908476907E-3</v>
      </c>
      <c r="Y299" s="12">
        <f t="shared" si="126"/>
        <v>-5.875924024232846E-2</v>
      </c>
      <c r="Z299" s="12">
        <f t="shared" si="127"/>
        <v>-9.5984753200240996E-2</v>
      </c>
      <c r="AA299" s="12">
        <f t="shared" si="128"/>
        <v>-0.17801624965770491</v>
      </c>
      <c r="AB299" s="12">
        <f t="shared" si="131"/>
        <v>0</v>
      </c>
      <c r="AC299" s="12">
        <f t="shared" si="132"/>
        <v>1.0247999986056557</v>
      </c>
      <c r="AD299" s="12">
        <f t="shared" si="133"/>
        <v>0</v>
      </c>
      <c r="AE299" s="12">
        <f t="shared" si="134"/>
        <v>0</v>
      </c>
      <c r="AF299" s="12">
        <f t="shared" si="135"/>
        <v>0</v>
      </c>
      <c r="AG299" s="12">
        <f t="shared" si="136"/>
        <v>0</v>
      </c>
      <c r="AH299" s="12">
        <f>AC299/SUM(AC$2:AG$366)*Input!$D$12</f>
        <v>268.75991705604207</v>
      </c>
      <c r="AI299" s="12">
        <f>AD299/SUM(AC$2:AG$366)*Input!$D$12</f>
        <v>0</v>
      </c>
      <c r="AJ299" s="12">
        <f>AE299/SUM(AC$2:AG$366)*Input!$D$12</f>
        <v>0</v>
      </c>
      <c r="AK299" s="12">
        <f>AF299/SUM(AC$2:AG$366)*Input!$D$12</f>
        <v>0</v>
      </c>
      <c r="AL299" s="12">
        <f>AG299/SUM(AC$2:AG$366)*Input!$D$12</f>
        <v>0</v>
      </c>
      <c r="AM299" s="12">
        <f t="shared" si="137"/>
        <v>8.0627975116812625</v>
      </c>
      <c r="AN299" s="12">
        <f t="shared" si="138"/>
        <v>26.875991705604207</v>
      </c>
      <c r="AO299" s="12">
        <f t="shared" si="139"/>
        <v>40.313987558406311</v>
      </c>
      <c r="AP299" s="12">
        <f t="shared" si="140"/>
        <v>193.50714028035028</v>
      </c>
      <c r="AQ299" s="12">
        <f t="shared" si="141"/>
        <v>0</v>
      </c>
      <c r="AR299" s="11">
        <f t="shared" si="142"/>
        <v>268.75991705604207</v>
      </c>
    </row>
    <row r="300" spans="16:44" x14ac:dyDescent="0.3">
      <c r="P300" s="10">
        <f t="shared" si="143"/>
        <v>45590</v>
      </c>
      <c r="Q300" s="29">
        <v>1.6</v>
      </c>
      <c r="R300" s="29">
        <f t="shared" si="129"/>
        <v>5</v>
      </c>
      <c r="S300" s="12">
        <f t="shared" si="121"/>
        <v>1.085192073005006</v>
      </c>
      <c r="T300" s="12">
        <f t="shared" si="122"/>
        <v>1.4695351264848711</v>
      </c>
      <c r="U300" s="12">
        <f t="shared" si="123"/>
        <v>1.771938814155029</v>
      </c>
      <c r="V300" s="12">
        <f t="shared" si="124"/>
        <v>2.5404025087253199</v>
      </c>
      <c r="W300" s="12">
        <f t="shared" si="130"/>
        <v>0</v>
      </c>
      <c r="X300" s="12">
        <f t="shared" si="125"/>
        <v>-1.544218835154681E-2</v>
      </c>
      <c r="Y300" s="12">
        <f t="shared" si="126"/>
        <v>-5.875924024232846E-2</v>
      </c>
      <c r="Z300" s="12">
        <f t="shared" si="127"/>
        <v>-9.5984753200240996E-2</v>
      </c>
      <c r="AA300" s="12">
        <f t="shared" si="128"/>
        <v>-0.17801624965770491</v>
      </c>
      <c r="AB300" s="12">
        <f t="shared" si="131"/>
        <v>0</v>
      </c>
      <c r="AC300" s="12">
        <f t="shared" si="132"/>
        <v>1.0604845716425311</v>
      </c>
      <c r="AD300" s="12">
        <f t="shared" si="133"/>
        <v>0</v>
      </c>
      <c r="AE300" s="12">
        <f t="shared" si="134"/>
        <v>0</v>
      </c>
      <c r="AF300" s="12">
        <f t="shared" si="135"/>
        <v>0</v>
      </c>
      <c r="AG300" s="12">
        <f t="shared" si="136"/>
        <v>0</v>
      </c>
      <c r="AH300" s="12">
        <f>AC300/SUM(AC$2:AG$366)*Input!$D$12</f>
        <v>278.11840934977721</v>
      </c>
      <c r="AI300" s="12">
        <f>AD300/SUM(AC$2:AG$366)*Input!$D$12</f>
        <v>0</v>
      </c>
      <c r="AJ300" s="12">
        <f>AE300/SUM(AC$2:AG$366)*Input!$D$12</f>
        <v>0</v>
      </c>
      <c r="AK300" s="12">
        <f>AF300/SUM(AC$2:AG$366)*Input!$D$12</f>
        <v>0</v>
      </c>
      <c r="AL300" s="12">
        <f>AG300/SUM(AC$2:AG$366)*Input!$D$12</f>
        <v>0</v>
      </c>
      <c r="AM300" s="12">
        <f t="shared" si="137"/>
        <v>8.3435522804933164</v>
      </c>
      <c r="AN300" s="12">
        <f t="shared" si="138"/>
        <v>27.811840934977724</v>
      </c>
      <c r="AO300" s="12">
        <f t="shared" si="139"/>
        <v>41.717761402466579</v>
      </c>
      <c r="AP300" s="12">
        <f t="shared" si="140"/>
        <v>200.24525473183959</v>
      </c>
      <c r="AQ300" s="12">
        <f t="shared" si="141"/>
        <v>0</v>
      </c>
      <c r="AR300" s="11">
        <f t="shared" si="142"/>
        <v>278.11840934977721</v>
      </c>
    </row>
    <row r="301" spans="16:44" x14ac:dyDescent="0.3">
      <c r="P301" s="10">
        <f t="shared" si="143"/>
        <v>45591</v>
      </c>
      <c r="Q301" s="29">
        <v>0.8</v>
      </c>
      <c r="R301" s="29">
        <f t="shared" si="129"/>
        <v>6</v>
      </c>
      <c r="S301" s="12">
        <f t="shared" si="121"/>
        <v>0.88136675487947747</v>
      </c>
      <c r="T301" s="12">
        <f t="shared" si="122"/>
        <v>0.40529111994771311</v>
      </c>
      <c r="U301" s="12">
        <f t="shared" si="123"/>
        <v>1.4791569663107089</v>
      </c>
      <c r="V301" s="12">
        <f t="shared" si="124"/>
        <v>1.31124751273035</v>
      </c>
      <c r="W301" s="12">
        <f t="shared" si="130"/>
        <v>1.9424956480203619</v>
      </c>
      <c r="X301" s="12">
        <f t="shared" si="125"/>
        <v>-1.236743869637378E-2</v>
      </c>
      <c r="Y301" s="12">
        <f t="shared" si="126"/>
        <v>-1.3226323007097701E-2</v>
      </c>
      <c r="Z301" s="12">
        <f t="shared" si="127"/>
        <v>-6.6119920832722404E-2</v>
      </c>
      <c r="AA301" s="12">
        <f t="shared" si="128"/>
        <v>-7.5310765362349638E-2</v>
      </c>
      <c r="AB301" s="12">
        <f t="shared" si="131"/>
        <v>-0.1200596025795522</v>
      </c>
      <c r="AC301" s="12">
        <f t="shared" si="132"/>
        <v>0.98816301236758508</v>
      </c>
      <c r="AD301" s="12">
        <f t="shared" si="133"/>
        <v>0.22344536583894595</v>
      </c>
      <c r="AE301" s="12">
        <f t="shared" si="134"/>
        <v>0</v>
      </c>
      <c r="AF301" s="12">
        <f t="shared" si="135"/>
        <v>0</v>
      </c>
      <c r="AG301" s="12">
        <f t="shared" si="136"/>
        <v>0</v>
      </c>
      <c r="AH301" s="12">
        <f>AC301/SUM(AC$2:AG$366)*Input!$D$12</f>
        <v>259.15164871497603</v>
      </c>
      <c r="AI301" s="12">
        <f>AD301/SUM(AC$2:AG$366)*Input!$D$12</f>
        <v>58.599881021799852</v>
      </c>
      <c r="AJ301" s="12">
        <f>AE301/SUM(AC$2:AG$366)*Input!$D$12</f>
        <v>0</v>
      </c>
      <c r="AK301" s="12">
        <f>AF301/SUM(AC$2:AG$366)*Input!$D$12</f>
        <v>0</v>
      </c>
      <c r="AL301" s="12">
        <f>AG301/SUM(AC$2:AG$366)*Input!$D$12</f>
        <v>0</v>
      </c>
      <c r="AM301" s="12">
        <f t="shared" si="137"/>
        <v>5.2792685605225103</v>
      </c>
      <c r="AN301" s="12">
        <f t="shared" si="138"/>
        <v>17.59756186840837</v>
      </c>
      <c r="AO301" s="12">
        <f t="shared" si="139"/>
        <v>26.396342802612555</v>
      </c>
      <c r="AP301" s="12">
        <f t="shared" si="140"/>
        <v>268.47835650523245</v>
      </c>
      <c r="AQ301" s="12">
        <f t="shared" si="141"/>
        <v>0</v>
      </c>
      <c r="AR301" s="11">
        <f t="shared" si="142"/>
        <v>317.75152973677586</v>
      </c>
    </row>
    <row r="302" spans="16:44" x14ac:dyDescent="0.3">
      <c r="P302" s="10">
        <f t="shared" si="143"/>
        <v>45592</v>
      </c>
      <c r="Q302" s="29">
        <v>-1</v>
      </c>
      <c r="R302" s="29">
        <f t="shared" si="129"/>
        <v>7</v>
      </c>
      <c r="S302" s="12">
        <f t="shared" si="121"/>
        <v>0.88136675487947747</v>
      </c>
      <c r="T302" s="12">
        <f t="shared" si="122"/>
        <v>0.40529111994771311</v>
      </c>
      <c r="U302" s="12">
        <f t="shared" si="123"/>
        <v>1.4791569663107089</v>
      </c>
      <c r="V302" s="12">
        <f t="shared" si="124"/>
        <v>1.31124751273035</v>
      </c>
      <c r="W302" s="12">
        <f t="shared" si="130"/>
        <v>1.9424956480203619</v>
      </c>
      <c r="X302" s="12">
        <f t="shared" si="125"/>
        <v>-1.236743869637378E-2</v>
      </c>
      <c r="Y302" s="12">
        <f t="shared" si="126"/>
        <v>-1.3226323007097701E-2</v>
      </c>
      <c r="Z302" s="12">
        <f t="shared" si="127"/>
        <v>-6.6119920832722404E-2</v>
      </c>
      <c r="AA302" s="12">
        <f t="shared" si="128"/>
        <v>-7.5310765362349638E-2</v>
      </c>
      <c r="AB302" s="12">
        <f t="shared" si="131"/>
        <v>-0.1200596025795522</v>
      </c>
      <c r="AC302" s="12">
        <f t="shared" si="132"/>
        <v>1.0134052020956579</v>
      </c>
      <c r="AD302" s="12">
        <f t="shared" si="133"/>
        <v>0.23692272445671836</v>
      </c>
      <c r="AE302" s="12">
        <f t="shared" si="134"/>
        <v>0</v>
      </c>
      <c r="AF302" s="12">
        <f t="shared" si="135"/>
        <v>0</v>
      </c>
      <c r="AG302" s="12">
        <f t="shared" si="136"/>
        <v>0</v>
      </c>
      <c r="AH302" s="12">
        <f>AC302/SUM(AC$2:AG$366)*Input!$D$12</f>
        <v>265.77156365141252</v>
      </c>
      <c r="AI302" s="12">
        <f>AD302/SUM(AC$2:AG$366)*Input!$D$12</f>
        <v>62.134398770800033</v>
      </c>
      <c r="AJ302" s="12">
        <f>AE302/SUM(AC$2:AG$366)*Input!$D$12</f>
        <v>0</v>
      </c>
      <c r="AK302" s="12">
        <f>AF302/SUM(AC$2:AG$366)*Input!$D$12</f>
        <v>0</v>
      </c>
      <c r="AL302" s="12">
        <f>AG302/SUM(AC$2:AG$366)*Input!$D$12</f>
        <v>0</v>
      </c>
      <c r="AM302" s="12">
        <f t="shared" si="137"/>
        <v>5.5976935829549594</v>
      </c>
      <c r="AN302" s="12">
        <f t="shared" si="138"/>
        <v>18.658978609849868</v>
      </c>
      <c r="AO302" s="12">
        <f t="shared" si="139"/>
        <v>27.988467914774802</v>
      </c>
      <c r="AP302" s="12">
        <f t="shared" si="140"/>
        <v>275.66082231463292</v>
      </c>
      <c r="AQ302" s="12">
        <f t="shared" si="141"/>
        <v>0</v>
      </c>
      <c r="AR302" s="11">
        <f t="shared" si="142"/>
        <v>327.90596242221255</v>
      </c>
    </row>
    <row r="303" spans="16:44" x14ac:dyDescent="0.3">
      <c r="P303" s="10">
        <f t="shared" si="143"/>
        <v>45593</v>
      </c>
      <c r="Q303" s="29">
        <v>-0.3</v>
      </c>
      <c r="R303" s="29">
        <f t="shared" si="129"/>
        <v>1</v>
      </c>
      <c r="S303" s="12">
        <f t="shared" si="121"/>
        <v>1.085192073005006</v>
      </c>
      <c r="T303" s="12">
        <f t="shared" si="122"/>
        <v>1.4695351264848711</v>
      </c>
      <c r="U303" s="12">
        <f t="shared" si="123"/>
        <v>1.771938814155029</v>
      </c>
      <c r="V303" s="12">
        <f t="shared" si="124"/>
        <v>2.5404025087253199</v>
      </c>
      <c r="W303" s="12">
        <f t="shared" si="130"/>
        <v>0</v>
      </c>
      <c r="X303" s="12">
        <f t="shared" si="125"/>
        <v>-1.544218835154681E-2</v>
      </c>
      <c r="Y303" s="12">
        <f t="shared" si="126"/>
        <v>-5.875924024232846E-2</v>
      </c>
      <c r="Z303" s="12">
        <f t="shared" si="127"/>
        <v>-9.5984753200240996E-2</v>
      </c>
      <c r="AA303" s="12">
        <f t="shared" si="128"/>
        <v>-0.17801624965770491</v>
      </c>
      <c r="AB303" s="12">
        <f t="shared" si="131"/>
        <v>0</v>
      </c>
      <c r="AC303" s="12">
        <f t="shared" si="132"/>
        <v>1.0898247295104699</v>
      </c>
      <c r="AD303" s="12">
        <f t="shared" si="133"/>
        <v>0</v>
      </c>
      <c r="AE303" s="12">
        <f t="shared" si="134"/>
        <v>0</v>
      </c>
      <c r="AF303" s="12">
        <f t="shared" si="135"/>
        <v>0</v>
      </c>
      <c r="AG303" s="12">
        <f t="shared" si="136"/>
        <v>0</v>
      </c>
      <c r="AH303" s="12">
        <f>AC303/SUM(AC$2:AG$366)*Input!$D$12</f>
        <v>285.81304089322708</v>
      </c>
      <c r="AI303" s="12">
        <f>AD303/SUM(AC$2:AG$366)*Input!$D$12</f>
        <v>0</v>
      </c>
      <c r="AJ303" s="12">
        <f>AE303/SUM(AC$2:AG$366)*Input!$D$12</f>
        <v>0</v>
      </c>
      <c r="AK303" s="12">
        <f>AF303/SUM(AC$2:AG$366)*Input!$D$12</f>
        <v>0</v>
      </c>
      <c r="AL303" s="12">
        <f>AG303/SUM(AC$2:AG$366)*Input!$D$12</f>
        <v>0</v>
      </c>
      <c r="AM303" s="12">
        <f t="shared" si="137"/>
        <v>8.5743912267968128</v>
      </c>
      <c r="AN303" s="12">
        <f t="shared" si="138"/>
        <v>28.58130408932271</v>
      </c>
      <c r="AO303" s="12">
        <f t="shared" si="139"/>
        <v>42.871956133984064</v>
      </c>
      <c r="AP303" s="12">
        <f t="shared" si="140"/>
        <v>205.78538944312348</v>
      </c>
      <c r="AQ303" s="12">
        <f t="shared" si="141"/>
        <v>0</v>
      </c>
      <c r="AR303" s="11">
        <f t="shared" si="142"/>
        <v>285.81304089322703</v>
      </c>
    </row>
    <row r="304" spans="16:44" x14ac:dyDescent="0.3">
      <c r="P304" s="10">
        <f t="shared" si="143"/>
        <v>45594</v>
      </c>
      <c r="Q304" s="29">
        <v>-2.2000000000000002</v>
      </c>
      <c r="R304" s="29">
        <f t="shared" si="129"/>
        <v>2</v>
      </c>
      <c r="S304" s="12">
        <f t="shared" si="121"/>
        <v>1.085192073005006</v>
      </c>
      <c r="T304" s="12">
        <f t="shared" si="122"/>
        <v>1.4695351264848711</v>
      </c>
      <c r="U304" s="12">
        <f t="shared" si="123"/>
        <v>1.771938814155029</v>
      </c>
      <c r="V304" s="12">
        <f t="shared" si="124"/>
        <v>2.5404025087253199</v>
      </c>
      <c r="W304" s="12">
        <f t="shared" si="130"/>
        <v>0</v>
      </c>
      <c r="X304" s="12">
        <f t="shared" si="125"/>
        <v>-1.544218835154681E-2</v>
      </c>
      <c r="Y304" s="12">
        <f t="shared" si="126"/>
        <v>-5.875924024232846E-2</v>
      </c>
      <c r="Z304" s="12">
        <f t="shared" si="127"/>
        <v>-9.5984753200240996E-2</v>
      </c>
      <c r="AA304" s="12">
        <f t="shared" si="128"/>
        <v>-0.17801624965770491</v>
      </c>
      <c r="AB304" s="12">
        <f t="shared" si="131"/>
        <v>0</v>
      </c>
      <c r="AC304" s="12">
        <f t="shared" si="132"/>
        <v>1.119164887378409</v>
      </c>
      <c r="AD304" s="12">
        <f t="shared" si="133"/>
        <v>0</v>
      </c>
      <c r="AE304" s="12">
        <f t="shared" si="134"/>
        <v>0</v>
      </c>
      <c r="AF304" s="12">
        <f t="shared" si="135"/>
        <v>0</v>
      </c>
      <c r="AG304" s="12">
        <f t="shared" si="136"/>
        <v>0</v>
      </c>
      <c r="AH304" s="12">
        <f>AC304/SUM(AC$2:AG$366)*Input!$D$12</f>
        <v>293.50767243667696</v>
      </c>
      <c r="AI304" s="12">
        <f>AD304/SUM(AC$2:AG$366)*Input!$D$12</f>
        <v>0</v>
      </c>
      <c r="AJ304" s="12">
        <f>AE304/SUM(AC$2:AG$366)*Input!$D$12</f>
        <v>0</v>
      </c>
      <c r="AK304" s="12">
        <f>AF304/SUM(AC$2:AG$366)*Input!$D$12</f>
        <v>0</v>
      </c>
      <c r="AL304" s="12">
        <f>AG304/SUM(AC$2:AG$366)*Input!$D$12</f>
        <v>0</v>
      </c>
      <c r="AM304" s="12">
        <f t="shared" si="137"/>
        <v>8.8052301731003091</v>
      </c>
      <c r="AN304" s="12">
        <f t="shared" si="138"/>
        <v>29.350767243667697</v>
      </c>
      <c r="AO304" s="12">
        <f t="shared" si="139"/>
        <v>44.026150865501542</v>
      </c>
      <c r="AP304" s="12">
        <f t="shared" si="140"/>
        <v>211.32552415440739</v>
      </c>
      <c r="AQ304" s="12">
        <f t="shared" si="141"/>
        <v>0</v>
      </c>
      <c r="AR304" s="11">
        <f t="shared" si="142"/>
        <v>293.5076724366769</v>
      </c>
    </row>
    <row r="305" spans="16:44" x14ac:dyDescent="0.3">
      <c r="P305" s="10">
        <f t="shared" si="143"/>
        <v>45595</v>
      </c>
      <c r="Q305" s="29">
        <v>-2.2000000000000002</v>
      </c>
      <c r="R305" s="29">
        <f t="shared" si="129"/>
        <v>3</v>
      </c>
      <c r="S305" s="12">
        <f t="shared" si="121"/>
        <v>1.085192073005006</v>
      </c>
      <c r="T305" s="12">
        <f t="shared" si="122"/>
        <v>1.4695351264848711</v>
      </c>
      <c r="U305" s="12">
        <f t="shared" si="123"/>
        <v>1.771938814155029</v>
      </c>
      <c r="V305" s="12">
        <f t="shared" si="124"/>
        <v>2.5404025087253199</v>
      </c>
      <c r="W305" s="12">
        <f t="shared" si="130"/>
        <v>0</v>
      </c>
      <c r="X305" s="12">
        <f t="shared" si="125"/>
        <v>-1.544218835154681E-2</v>
      </c>
      <c r="Y305" s="12">
        <f t="shared" si="126"/>
        <v>-5.875924024232846E-2</v>
      </c>
      <c r="Z305" s="12">
        <f t="shared" si="127"/>
        <v>-9.5984753200240996E-2</v>
      </c>
      <c r="AA305" s="12">
        <f t="shared" si="128"/>
        <v>-0.17801624965770491</v>
      </c>
      <c r="AB305" s="12">
        <f t="shared" si="131"/>
        <v>0</v>
      </c>
      <c r="AC305" s="12">
        <f t="shared" si="132"/>
        <v>1.119164887378409</v>
      </c>
      <c r="AD305" s="12">
        <f t="shared" si="133"/>
        <v>0</v>
      </c>
      <c r="AE305" s="12">
        <f t="shared" si="134"/>
        <v>0</v>
      </c>
      <c r="AF305" s="12">
        <f t="shared" si="135"/>
        <v>0</v>
      </c>
      <c r="AG305" s="12">
        <f t="shared" si="136"/>
        <v>0</v>
      </c>
      <c r="AH305" s="12">
        <f>AC305/SUM(AC$2:AG$366)*Input!$D$12</f>
        <v>293.50767243667696</v>
      </c>
      <c r="AI305" s="12">
        <f>AD305/SUM(AC$2:AG$366)*Input!$D$12</f>
        <v>0</v>
      </c>
      <c r="AJ305" s="12">
        <f>AE305/SUM(AC$2:AG$366)*Input!$D$12</f>
        <v>0</v>
      </c>
      <c r="AK305" s="12">
        <f>AF305/SUM(AC$2:AG$366)*Input!$D$12</f>
        <v>0</v>
      </c>
      <c r="AL305" s="12">
        <f>AG305/SUM(AC$2:AG$366)*Input!$D$12</f>
        <v>0</v>
      </c>
      <c r="AM305" s="12">
        <f t="shared" si="137"/>
        <v>8.8052301731003091</v>
      </c>
      <c r="AN305" s="12">
        <f t="shared" si="138"/>
        <v>29.350767243667697</v>
      </c>
      <c r="AO305" s="12">
        <f t="shared" si="139"/>
        <v>44.026150865501542</v>
      </c>
      <c r="AP305" s="12">
        <f t="shared" si="140"/>
        <v>211.32552415440739</v>
      </c>
      <c r="AQ305" s="12">
        <f t="shared" si="141"/>
        <v>0</v>
      </c>
      <c r="AR305" s="11">
        <f t="shared" si="142"/>
        <v>293.5076724366769</v>
      </c>
    </row>
    <row r="306" spans="16:44" x14ac:dyDescent="0.3">
      <c r="P306" s="10">
        <f t="shared" si="143"/>
        <v>45596</v>
      </c>
      <c r="Q306" s="29">
        <v>-0.3</v>
      </c>
      <c r="R306" s="29">
        <f t="shared" si="129"/>
        <v>4</v>
      </c>
      <c r="S306" s="12">
        <f t="shared" si="121"/>
        <v>1.085192073005006</v>
      </c>
      <c r="T306" s="12">
        <f t="shared" si="122"/>
        <v>1.4695351264848711</v>
      </c>
      <c r="U306" s="12">
        <f t="shared" si="123"/>
        <v>1.771938814155029</v>
      </c>
      <c r="V306" s="12">
        <f t="shared" si="124"/>
        <v>2.5404025087253199</v>
      </c>
      <c r="W306" s="12">
        <f t="shared" si="130"/>
        <v>0</v>
      </c>
      <c r="X306" s="12">
        <f t="shared" si="125"/>
        <v>-1.544218835154681E-2</v>
      </c>
      <c r="Y306" s="12">
        <f t="shared" si="126"/>
        <v>-5.875924024232846E-2</v>
      </c>
      <c r="Z306" s="12">
        <f t="shared" si="127"/>
        <v>-9.5984753200240996E-2</v>
      </c>
      <c r="AA306" s="12">
        <f t="shared" si="128"/>
        <v>-0.17801624965770491</v>
      </c>
      <c r="AB306" s="12">
        <f t="shared" si="131"/>
        <v>0</v>
      </c>
      <c r="AC306" s="12">
        <f t="shared" si="132"/>
        <v>1.0898247295104699</v>
      </c>
      <c r="AD306" s="12">
        <f t="shared" si="133"/>
        <v>0</v>
      </c>
      <c r="AE306" s="12">
        <f t="shared" si="134"/>
        <v>0</v>
      </c>
      <c r="AF306" s="12">
        <f t="shared" si="135"/>
        <v>0</v>
      </c>
      <c r="AG306" s="12">
        <f t="shared" si="136"/>
        <v>0</v>
      </c>
      <c r="AH306" s="12">
        <f>AC306/SUM(AC$2:AG$366)*Input!$D$12</f>
        <v>285.81304089322708</v>
      </c>
      <c r="AI306" s="12">
        <f>AD306/SUM(AC$2:AG$366)*Input!$D$12</f>
        <v>0</v>
      </c>
      <c r="AJ306" s="12">
        <f>AE306/SUM(AC$2:AG$366)*Input!$D$12</f>
        <v>0</v>
      </c>
      <c r="AK306" s="12">
        <f>AF306/SUM(AC$2:AG$366)*Input!$D$12</f>
        <v>0</v>
      </c>
      <c r="AL306" s="12">
        <f>AG306/SUM(AC$2:AG$366)*Input!$D$12</f>
        <v>0</v>
      </c>
      <c r="AM306" s="12">
        <f t="shared" si="137"/>
        <v>8.5743912267968128</v>
      </c>
      <c r="AN306" s="12">
        <f t="shared" si="138"/>
        <v>28.58130408932271</v>
      </c>
      <c r="AO306" s="12">
        <f t="shared" si="139"/>
        <v>42.871956133984064</v>
      </c>
      <c r="AP306" s="12">
        <f t="shared" si="140"/>
        <v>205.78538944312348</v>
      </c>
      <c r="AQ306" s="12">
        <f t="shared" si="141"/>
        <v>0</v>
      </c>
      <c r="AR306" s="11">
        <f t="shared" si="142"/>
        <v>285.81304089322703</v>
      </c>
    </row>
    <row r="307" spans="16:44" x14ac:dyDescent="0.3">
      <c r="P307" s="10">
        <f t="shared" si="143"/>
        <v>45597</v>
      </c>
      <c r="Q307" s="29">
        <v>2.4</v>
      </c>
      <c r="R307" s="29">
        <f t="shared" si="129"/>
        <v>5</v>
      </c>
      <c r="S307" s="12">
        <f t="shared" si="121"/>
        <v>1.085192073005006</v>
      </c>
      <c r="T307" s="12">
        <f t="shared" si="122"/>
        <v>1.4695351264848711</v>
      </c>
      <c r="U307" s="12">
        <f t="shared" si="123"/>
        <v>1.771938814155029</v>
      </c>
      <c r="V307" s="12">
        <f t="shared" si="124"/>
        <v>2.5404025087253199</v>
      </c>
      <c r="W307" s="12">
        <f t="shared" si="130"/>
        <v>0</v>
      </c>
      <c r="X307" s="12">
        <f t="shared" si="125"/>
        <v>-1.544218835154681E-2</v>
      </c>
      <c r="Y307" s="12">
        <f t="shared" si="126"/>
        <v>-5.875924024232846E-2</v>
      </c>
      <c r="Z307" s="12">
        <f t="shared" si="127"/>
        <v>-9.5984753200240996E-2</v>
      </c>
      <c r="AA307" s="12">
        <f t="shared" si="128"/>
        <v>-0.17801624965770491</v>
      </c>
      <c r="AB307" s="12">
        <f t="shared" si="131"/>
        <v>0</v>
      </c>
      <c r="AC307" s="12">
        <f t="shared" si="132"/>
        <v>1.0481308209612936</v>
      </c>
      <c r="AD307" s="12">
        <f t="shared" si="133"/>
        <v>0</v>
      </c>
      <c r="AE307" s="12">
        <f t="shared" si="134"/>
        <v>0</v>
      </c>
      <c r="AF307" s="12">
        <f t="shared" si="135"/>
        <v>0</v>
      </c>
      <c r="AG307" s="12">
        <f t="shared" si="136"/>
        <v>0</v>
      </c>
      <c r="AH307" s="12">
        <f>AC307/SUM(AC$2:AG$366)*Input!$D$12</f>
        <v>274.87856448937731</v>
      </c>
      <c r="AI307" s="12">
        <f>AD307/SUM(AC$2:AG$366)*Input!$D$12</f>
        <v>0</v>
      </c>
      <c r="AJ307" s="12">
        <f>AE307/SUM(AC$2:AG$366)*Input!$D$12</f>
        <v>0</v>
      </c>
      <c r="AK307" s="12">
        <f>AF307/SUM(AC$2:AG$366)*Input!$D$12</f>
        <v>0</v>
      </c>
      <c r="AL307" s="12">
        <f>AG307/SUM(AC$2:AG$366)*Input!$D$12</f>
        <v>0</v>
      </c>
      <c r="AM307" s="12">
        <f t="shared" si="137"/>
        <v>8.2463569346813195</v>
      </c>
      <c r="AN307" s="12">
        <f t="shared" si="138"/>
        <v>27.487856448937734</v>
      </c>
      <c r="AO307" s="12">
        <f t="shared" si="139"/>
        <v>41.231784673406594</v>
      </c>
      <c r="AP307" s="12">
        <f t="shared" si="140"/>
        <v>197.91256643235167</v>
      </c>
      <c r="AQ307" s="12">
        <f t="shared" si="141"/>
        <v>0</v>
      </c>
      <c r="AR307" s="11">
        <f t="shared" si="142"/>
        <v>274.87856448937731</v>
      </c>
    </row>
    <row r="308" spans="16:44" x14ac:dyDescent="0.3">
      <c r="P308" s="10">
        <f t="shared" si="143"/>
        <v>45598</v>
      </c>
      <c r="Q308" s="29">
        <v>3.5</v>
      </c>
      <c r="R308" s="29">
        <f t="shared" si="129"/>
        <v>6</v>
      </c>
      <c r="S308" s="12">
        <f t="shared" si="121"/>
        <v>0.88136675487947747</v>
      </c>
      <c r="T308" s="12">
        <f t="shared" si="122"/>
        <v>0.40529111994771311</v>
      </c>
      <c r="U308" s="12">
        <f t="shared" si="123"/>
        <v>1.4791569663107089</v>
      </c>
      <c r="V308" s="12">
        <f t="shared" si="124"/>
        <v>1.31124751273035</v>
      </c>
      <c r="W308" s="12">
        <f t="shared" si="130"/>
        <v>1.9424956480203619</v>
      </c>
      <c r="X308" s="12">
        <f t="shared" si="125"/>
        <v>-1.236743869637378E-2</v>
      </c>
      <c r="Y308" s="12">
        <f t="shared" si="126"/>
        <v>-1.3226323007097701E-2</v>
      </c>
      <c r="Z308" s="12">
        <f t="shared" si="127"/>
        <v>-6.6119920832722404E-2</v>
      </c>
      <c r="AA308" s="12">
        <f t="shared" si="128"/>
        <v>-7.5310765362349638E-2</v>
      </c>
      <c r="AB308" s="12">
        <f t="shared" si="131"/>
        <v>-0.1200596025795522</v>
      </c>
      <c r="AC308" s="12">
        <f t="shared" si="132"/>
        <v>0.95029972777547578</v>
      </c>
      <c r="AD308" s="12">
        <f t="shared" si="133"/>
        <v>0.20322932791228734</v>
      </c>
      <c r="AE308" s="12">
        <f t="shared" si="134"/>
        <v>0</v>
      </c>
      <c r="AF308" s="12">
        <f t="shared" si="135"/>
        <v>0</v>
      </c>
      <c r="AG308" s="12">
        <f t="shared" si="136"/>
        <v>0</v>
      </c>
      <c r="AH308" s="12">
        <f>AC308/SUM(AC$2:AG$366)*Input!$D$12</f>
        <v>249.22177631032119</v>
      </c>
      <c r="AI308" s="12">
        <f>AD308/SUM(AC$2:AG$366)*Input!$D$12</f>
        <v>53.298104398299593</v>
      </c>
      <c r="AJ308" s="12">
        <f>AE308/SUM(AC$2:AG$366)*Input!$D$12</f>
        <v>0</v>
      </c>
      <c r="AK308" s="12">
        <f>AF308/SUM(AC$2:AG$366)*Input!$D$12</f>
        <v>0</v>
      </c>
      <c r="AL308" s="12">
        <f>AG308/SUM(AC$2:AG$366)*Input!$D$12</f>
        <v>0</v>
      </c>
      <c r="AM308" s="12">
        <f t="shared" si="137"/>
        <v>4.8016310268738387</v>
      </c>
      <c r="AN308" s="12">
        <f t="shared" si="138"/>
        <v>16.00543675624613</v>
      </c>
      <c r="AO308" s="12">
        <f t="shared" si="139"/>
        <v>24.008155134369193</v>
      </c>
      <c r="AP308" s="12">
        <f t="shared" si="140"/>
        <v>257.70465779113164</v>
      </c>
      <c r="AQ308" s="12">
        <f t="shared" si="141"/>
        <v>0</v>
      </c>
      <c r="AR308" s="11">
        <f t="shared" si="142"/>
        <v>302.5198807086208</v>
      </c>
    </row>
    <row r="309" spans="16:44" x14ac:dyDescent="0.3">
      <c r="P309" s="10">
        <f t="shared" si="143"/>
        <v>45599</v>
      </c>
      <c r="Q309" s="29">
        <v>4</v>
      </c>
      <c r="R309" s="29">
        <f t="shared" si="129"/>
        <v>7</v>
      </c>
      <c r="S309" s="12">
        <f t="shared" si="121"/>
        <v>0.88136675487947747</v>
      </c>
      <c r="T309" s="12">
        <f t="shared" si="122"/>
        <v>0.40529111994771311</v>
      </c>
      <c r="U309" s="12">
        <f t="shared" si="123"/>
        <v>1.4791569663107089</v>
      </c>
      <c r="V309" s="12">
        <f t="shared" si="124"/>
        <v>1.31124751273035</v>
      </c>
      <c r="W309" s="12">
        <f t="shared" si="130"/>
        <v>1.9424956480203619</v>
      </c>
      <c r="X309" s="12">
        <f t="shared" si="125"/>
        <v>-1.236743869637378E-2</v>
      </c>
      <c r="Y309" s="12">
        <f t="shared" si="126"/>
        <v>-1.3226323007097701E-2</v>
      </c>
      <c r="Z309" s="12">
        <f t="shared" si="127"/>
        <v>-6.6119920832722404E-2</v>
      </c>
      <c r="AA309" s="12">
        <f t="shared" si="128"/>
        <v>-7.5310765362349638E-2</v>
      </c>
      <c r="AB309" s="12">
        <f t="shared" si="131"/>
        <v>-0.1200596025795522</v>
      </c>
      <c r="AC309" s="12">
        <f t="shared" si="132"/>
        <v>0.94328800840656668</v>
      </c>
      <c r="AD309" s="12">
        <f t="shared" si="133"/>
        <v>0.19948561718512833</v>
      </c>
      <c r="AE309" s="12">
        <f t="shared" si="134"/>
        <v>0</v>
      </c>
      <c r="AF309" s="12">
        <f t="shared" si="135"/>
        <v>0</v>
      </c>
      <c r="AG309" s="12">
        <f t="shared" si="136"/>
        <v>0</v>
      </c>
      <c r="AH309" s="12">
        <f>AC309/SUM(AC$2:AG$366)*Input!$D$12</f>
        <v>247.38291105019994</v>
      </c>
      <c r="AI309" s="12">
        <f>AD309/SUM(AC$2:AG$366)*Input!$D$12</f>
        <v>52.316293912466215</v>
      </c>
      <c r="AJ309" s="12">
        <f>AE309/SUM(AC$2:AG$366)*Input!$D$12</f>
        <v>0</v>
      </c>
      <c r="AK309" s="12">
        <f>AF309/SUM(AC$2:AG$366)*Input!$D$12</f>
        <v>0</v>
      </c>
      <c r="AL309" s="12">
        <f>AG309/SUM(AC$2:AG$366)*Input!$D$12</f>
        <v>0</v>
      </c>
      <c r="AM309" s="12">
        <f t="shared" si="137"/>
        <v>4.7131796317537145</v>
      </c>
      <c r="AN309" s="12">
        <f t="shared" si="138"/>
        <v>15.710598772512382</v>
      </c>
      <c r="AO309" s="12">
        <f t="shared" si="139"/>
        <v>23.565898158768576</v>
      </c>
      <c r="AP309" s="12">
        <f t="shared" si="140"/>
        <v>255.70952839963149</v>
      </c>
      <c r="AQ309" s="12">
        <f t="shared" si="141"/>
        <v>0</v>
      </c>
      <c r="AR309" s="11">
        <f t="shared" si="142"/>
        <v>299.69920496266616</v>
      </c>
    </row>
    <row r="310" spans="16:44" x14ac:dyDescent="0.3">
      <c r="P310" s="10">
        <f t="shared" si="143"/>
        <v>45600</v>
      </c>
      <c r="Q310" s="29">
        <v>4.7</v>
      </c>
      <c r="R310" s="29">
        <f t="shared" si="129"/>
        <v>1</v>
      </c>
      <c r="S310" s="12">
        <f t="shared" si="121"/>
        <v>1.0609861866589789</v>
      </c>
      <c r="T310" s="12">
        <f t="shared" si="122"/>
        <v>1.4695351264848711</v>
      </c>
      <c r="U310" s="12">
        <f t="shared" si="123"/>
        <v>1.771938814155029</v>
      </c>
      <c r="V310" s="12">
        <f t="shared" si="124"/>
        <v>2.5404025087253199</v>
      </c>
      <c r="W310" s="12">
        <f t="shared" si="130"/>
        <v>0</v>
      </c>
      <c r="X310" s="12">
        <f t="shared" si="125"/>
        <v>-7.0953309908476907E-3</v>
      </c>
      <c r="Y310" s="12">
        <f t="shared" si="126"/>
        <v>-5.875924024232846E-2</v>
      </c>
      <c r="Z310" s="12">
        <f t="shared" si="127"/>
        <v>-9.5984753200240996E-2</v>
      </c>
      <c r="AA310" s="12">
        <f t="shared" si="128"/>
        <v>-0.17801624965770491</v>
      </c>
      <c r="AB310" s="12">
        <f t="shared" si="131"/>
        <v>0</v>
      </c>
      <c r="AC310" s="12">
        <f t="shared" si="132"/>
        <v>1.0276381310019949</v>
      </c>
      <c r="AD310" s="12">
        <f t="shared" si="133"/>
        <v>0</v>
      </c>
      <c r="AE310" s="12">
        <f t="shared" si="134"/>
        <v>0</v>
      </c>
      <c r="AF310" s="12">
        <f t="shared" si="135"/>
        <v>0</v>
      </c>
      <c r="AG310" s="12">
        <f t="shared" si="136"/>
        <v>0</v>
      </c>
      <c r="AH310" s="12">
        <f>AC310/SUM(AC$2:AG$366)*Input!$D$12</f>
        <v>269.50423421887575</v>
      </c>
      <c r="AI310" s="12">
        <f>AD310/SUM(AC$2:AG$366)*Input!$D$12</f>
        <v>0</v>
      </c>
      <c r="AJ310" s="12">
        <f>AE310/SUM(AC$2:AG$366)*Input!$D$12</f>
        <v>0</v>
      </c>
      <c r="AK310" s="12">
        <f>AF310/SUM(AC$2:AG$366)*Input!$D$12</f>
        <v>0</v>
      </c>
      <c r="AL310" s="12">
        <f>AG310/SUM(AC$2:AG$366)*Input!$D$12</f>
        <v>0</v>
      </c>
      <c r="AM310" s="12">
        <f t="shared" si="137"/>
        <v>8.0851270265662727</v>
      </c>
      <c r="AN310" s="12">
        <f t="shared" si="138"/>
        <v>26.950423421887578</v>
      </c>
      <c r="AO310" s="12">
        <f t="shared" si="139"/>
        <v>40.42563513283136</v>
      </c>
      <c r="AP310" s="12">
        <f t="shared" si="140"/>
        <v>194.04304863759054</v>
      </c>
      <c r="AQ310" s="12">
        <f t="shared" si="141"/>
        <v>0</v>
      </c>
      <c r="AR310" s="11">
        <f t="shared" si="142"/>
        <v>269.50423421887575</v>
      </c>
    </row>
    <row r="311" spans="16:44" x14ac:dyDescent="0.3">
      <c r="P311" s="10">
        <f t="shared" si="143"/>
        <v>45601</v>
      </c>
      <c r="Q311" s="29">
        <v>4.4000000000000004</v>
      </c>
      <c r="R311" s="29">
        <f t="shared" si="129"/>
        <v>2</v>
      </c>
      <c r="S311" s="12">
        <f t="shared" si="121"/>
        <v>1.0609861866589789</v>
      </c>
      <c r="T311" s="12">
        <f t="shared" si="122"/>
        <v>1.4695351264848711</v>
      </c>
      <c r="U311" s="12">
        <f t="shared" si="123"/>
        <v>1.771938814155029</v>
      </c>
      <c r="V311" s="12">
        <f t="shared" si="124"/>
        <v>2.5404025087253199</v>
      </c>
      <c r="W311" s="12">
        <f t="shared" si="130"/>
        <v>0</v>
      </c>
      <c r="X311" s="12">
        <f t="shared" si="125"/>
        <v>-7.0953309908476907E-3</v>
      </c>
      <c r="Y311" s="12">
        <f t="shared" si="126"/>
        <v>-5.875924024232846E-2</v>
      </c>
      <c r="Z311" s="12">
        <f t="shared" si="127"/>
        <v>-9.5984753200240996E-2</v>
      </c>
      <c r="AA311" s="12">
        <f t="shared" si="128"/>
        <v>-0.17801624965770491</v>
      </c>
      <c r="AB311" s="12">
        <f t="shared" si="131"/>
        <v>0</v>
      </c>
      <c r="AC311" s="12">
        <f t="shared" si="132"/>
        <v>1.029766730299249</v>
      </c>
      <c r="AD311" s="12">
        <f t="shared" si="133"/>
        <v>0</v>
      </c>
      <c r="AE311" s="12">
        <f t="shared" si="134"/>
        <v>0</v>
      </c>
      <c r="AF311" s="12">
        <f t="shared" si="135"/>
        <v>0</v>
      </c>
      <c r="AG311" s="12">
        <f t="shared" si="136"/>
        <v>0</v>
      </c>
      <c r="AH311" s="12">
        <f>AC311/SUM(AC$2:AG$366)*Input!$D$12</f>
        <v>270.06247209100098</v>
      </c>
      <c r="AI311" s="12">
        <f>AD311/SUM(AC$2:AG$366)*Input!$D$12</f>
        <v>0</v>
      </c>
      <c r="AJ311" s="12">
        <f>AE311/SUM(AC$2:AG$366)*Input!$D$12</f>
        <v>0</v>
      </c>
      <c r="AK311" s="12">
        <f>AF311/SUM(AC$2:AG$366)*Input!$D$12</f>
        <v>0</v>
      </c>
      <c r="AL311" s="12">
        <f>AG311/SUM(AC$2:AG$366)*Input!$D$12</f>
        <v>0</v>
      </c>
      <c r="AM311" s="12">
        <f t="shared" si="137"/>
        <v>8.101874162730029</v>
      </c>
      <c r="AN311" s="12">
        <f t="shared" si="138"/>
        <v>27.006247209100099</v>
      </c>
      <c r="AO311" s="12">
        <f t="shared" si="139"/>
        <v>40.509370813650143</v>
      </c>
      <c r="AP311" s="12">
        <f t="shared" si="140"/>
        <v>194.44497990552071</v>
      </c>
      <c r="AQ311" s="12">
        <f t="shared" si="141"/>
        <v>0</v>
      </c>
      <c r="AR311" s="11">
        <f t="shared" si="142"/>
        <v>270.06247209100098</v>
      </c>
    </row>
    <row r="312" spans="16:44" x14ac:dyDescent="0.3">
      <c r="P312" s="10">
        <f t="shared" si="143"/>
        <v>45602</v>
      </c>
      <c r="Q312" s="29">
        <v>4.2</v>
      </c>
      <c r="R312" s="29">
        <f t="shared" si="129"/>
        <v>3</v>
      </c>
      <c r="S312" s="12">
        <f t="shared" si="121"/>
        <v>1.0609861866589789</v>
      </c>
      <c r="T312" s="12">
        <f t="shared" si="122"/>
        <v>1.4695351264848711</v>
      </c>
      <c r="U312" s="12">
        <f t="shared" si="123"/>
        <v>1.771938814155029</v>
      </c>
      <c r="V312" s="12">
        <f t="shared" si="124"/>
        <v>2.5404025087253199</v>
      </c>
      <c r="W312" s="12">
        <f t="shared" si="130"/>
        <v>0</v>
      </c>
      <c r="X312" s="12">
        <f t="shared" si="125"/>
        <v>-7.0953309908476907E-3</v>
      </c>
      <c r="Y312" s="12">
        <f t="shared" si="126"/>
        <v>-5.875924024232846E-2</v>
      </c>
      <c r="Z312" s="12">
        <f t="shared" si="127"/>
        <v>-9.5984753200240996E-2</v>
      </c>
      <c r="AA312" s="12">
        <f t="shared" si="128"/>
        <v>-0.17801624965770491</v>
      </c>
      <c r="AB312" s="12">
        <f t="shared" si="131"/>
        <v>0</v>
      </c>
      <c r="AC312" s="12">
        <f t="shared" si="132"/>
        <v>1.0311857964974187</v>
      </c>
      <c r="AD312" s="12">
        <f t="shared" si="133"/>
        <v>0</v>
      </c>
      <c r="AE312" s="12">
        <f t="shared" si="134"/>
        <v>0</v>
      </c>
      <c r="AF312" s="12">
        <f t="shared" si="135"/>
        <v>0</v>
      </c>
      <c r="AG312" s="12">
        <f t="shared" si="136"/>
        <v>0</v>
      </c>
      <c r="AH312" s="12">
        <f>AC312/SUM(AC$2:AG$366)*Input!$D$12</f>
        <v>270.43463067241794</v>
      </c>
      <c r="AI312" s="12">
        <f>AD312/SUM(AC$2:AG$366)*Input!$D$12</f>
        <v>0</v>
      </c>
      <c r="AJ312" s="12">
        <f>AE312/SUM(AC$2:AG$366)*Input!$D$12</f>
        <v>0</v>
      </c>
      <c r="AK312" s="12">
        <f>AF312/SUM(AC$2:AG$366)*Input!$D$12</f>
        <v>0</v>
      </c>
      <c r="AL312" s="12">
        <f>AG312/SUM(AC$2:AG$366)*Input!$D$12</f>
        <v>0</v>
      </c>
      <c r="AM312" s="12">
        <f t="shared" si="137"/>
        <v>8.1130389201725386</v>
      </c>
      <c r="AN312" s="12">
        <f t="shared" si="138"/>
        <v>27.043463067241795</v>
      </c>
      <c r="AO312" s="12">
        <f t="shared" si="139"/>
        <v>40.565194600862689</v>
      </c>
      <c r="AP312" s="12">
        <f t="shared" si="140"/>
        <v>194.7129340841409</v>
      </c>
      <c r="AQ312" s="12">
        <f t="shared" si="141"/>
        <v>0</v>
      </c>
      <c r="AR312" s="11">
        <f t="shared" si="142"/>
        <v>270.43463067241794</v>
      </c>
    </row>
    <row r="313" spans="16:44" x14ac:dyDescent="0.3">
      <c r="P313" s="10">
        <f t="shared" si="143"/>
        <v>45603</v>
      </c>
      <c r="Q313" s="29">
        <v>3.3</v>
      </c>
      <c r="R313" s="29">
        <f t="shared" si="129"/>
        <v>4</v>
      </c>
      <c r="S313" s="12">
        <f t="shared" si="121"/>
        <v>1.0609861866589789</v>
      </c>
      <c r="T313" s="12">
        <f t="shared" si="122"/>
        <v>1.4695351264848711</v>
      </c>
      <c r="U313" s="12">
        <f t="shared" si="123"/>
        <v>1.771938814155029</v>
      </c>
      <c r="V313" s="12">
        <f t="shared" si="124"/>
        <v>2.5404025087253199</v>
      </c>
      <c r="W313" s="12">
        <f t="shared" si="130"/>
        <v>0</v>
      </c>
      <c r="X313" s="12">
        <f t="shared" si="125"/>
        <v>-7.0953309908476907E-3</v>
      </c>
      <c r="Y313" s="12">
        <f t="shared" si="126"/>
        <v>-5.875924024232846E-2</v>
      </c>
      <c r="Z313" s="12">
        <f t="shared" si="127"/>
        <v>-9.5984753200240996E-2</v>
      </c>
      <c r="AA313" s="12">
        <f t="shared" si="128"/>
        <v>-0.17801624965770491</v>
      </c>
      <c r="AB313" s="12">
        <f t="shared" si="131"/>
        <v>0</v>
      </c>
      <c r="AC313" s="12">
        <f t="shared" si="132"/>
        <v>1.0375715943891815</v>
      </c>
      <c r="AD313" s="12">
        <f t="shared" si="133"/>
        <v>0</v>
      </c>
      <c r="AE313" s="12">
        <f t="shared" si="134"/>
        <v>0</v>
      </c>
      <c r="AF313" s="12">
        <f t="shared" si="135"/>
        <v>0</v>
      </c>
      <c r="AG313" s="12">
        <f t="shared" si="136"/>
        <v>0</v>
      </c>
      <c r="AH313" s="12">
        <f>AC313/SUM(AC$2:AG$366)*Input!$D$12</f>
        <v>272.10934428879369</v>
      </c>
      <c r="AI313" s="12">
        <f>AD313/SUM(AC$2:AG$366)*Input!$D$12</f>
        <v>0</v>
      </c>
      <c r="AJ313" s="12">
        <f>AE313/SUM(AC$2:AG$366)*Input!$D$12</f>
        <v>0</v>
      </c>
      <c r="AK313" s="12">
        <f>AF313/SUM(AC$2:AG$366)*Input!$D$12</f>
        <v>0</v>
      </c>
      <c r="AL313" s="12">
        <f>AG313/SUM(AC$2:AG$366)*Input!$D$12</f>
        <v>0</v>
      </c>
      <c r="AM313" s="12">
        <f t="shared" si="137"/>
        <v>8.1632803286638111</v>
      </c>
      <c r="AN313" s="12">
        <f t="shared" si="138"/>
        <v>27.210934428879369</v>
      </c>
      <c r="AO313" s="12">
        <f t="shared" si="139"/>
        <v>40.816401643319054</v>
      </c>
      <c r="AP313" s="12">
        <f t="shared" si="140"/>
        <v>195.91872788793145</v>
      </c>
      <c r="AQ313" s="12">
        <f t="shared" si="141"/>
        <v>0</v>
      </c>
      <c r="AR313" s="11">
        <f t="shared" si="142"/>
        <v>272.10934428879369</v>
      </c>
    </row>
    <row r="314" spans="16:44" x14ac:dyDescent="0.3">
      <c r="P314" s="10">
        <f t="shared" si="143"/>
        <v>45604</v>
      </c>
      <c r="Q314" s="29">
        <v>4</v>
      </c>
      <c r="R314" s="29">
        <f t="shared" si="129"/>
        <v>5</v>
      </c>
      <c r="S314" s="12">
        <f t="shared" si="121"/>
        <v>1.0609861866589789</v>
      </c>
      <c r="T314" s="12">
        <f t="shared" si="122"/>
        <v>1.4695351264848711</v>
      </c>
      <c r="U314" s="12">
        <f t="shared" si="123"/>
        <v>1.771938814155029</v>
      </c>
      <c r="V314" s="12">
        <f t="shared" si="124"/>
        <v>2.5404025087253199</v>
      </c>
      <c r="W314" s="12">
        <f t="shared" si="130"/>
        <v>0</v>
      </c>
      <c r="X314" s="12">
        <f t="shared" si="125"/>
        <v>-7.0953309908476907E-3</v>
      </c>
      <c r="Y314" s="12">
        <f t="shared" si="126"/>
        <v>-5.875924024232846E-2</v>
      </c>
      <c r="Z314" s="12">
        <f t="shared" si="127"/>
        <v>-9.5984753200240996E-2</v>
      </c>
      <c r="AA314" s="12">
        <f t="shared" si="128"/>
        <v>-0.17801624965770491</v>
      </c>
      <c r="AB314" s="12">
        <f t="shared" si="131"/>
        <v>0</v>
      </c>
      <c r="AC314" s="12">
        <f t="shared" si="132"/>
        <v>1.0326048626955882</v>
      </c>
      <c r="AD314" s="12">
        <f t="shared" si="133"/>
        <v>0</v>
      </c>
      <c r="AE314" s="12">
        <f t="shared" si="134"/>
        <v>0</v>
      </c>
      <c r="AF314" s="12">
        <f t="shared" si="135"/>
        <v>0</v>
      </c>
      <c r="AG314" s="12">
        <f t="shared" si="136"/>
        <v>0</v>
      </c>
      <c r="AH314" s="12">
        <f>AC314/SUM(AC$2:AG$366)*Input!$D$12</f>
        <v>270.80678925383472</v>
      </c>
      <c r="AI314" s="12">
        <f>AD314/SUM(AC$2:AG$366)*Input!$D$12</f>
        <v>0</v>
      </c>
      <c r="AJ314" s="12">
        <f>AE314/SUM(AC$2:AG$366)*Input!$D$12</f>
        <v>0</v>
      </c>
      <c r="AK314" s="12">
        <f>AF314/SUM(AC$2:AG$366)*Input!$D$12</f>
        <v>0</v>
      </c>
      <c r="AL314" s="12">
        <f>AG314/SUM(AC$2:AG$366)*Input!$D$12</f>
        <v>0</v>
      </c>
      <c r="AM314" s="12">
        <f t="shared" si="137"/>
        <v>8.124203677615041</v>
      </c>
      <c r="AN314" s="12">
        <f t="shared" si="138"/>
        <v>27.080678925383474</v>
      </c>
      <c r="AO314" s="12">
        <f t="shared" si="139"/>
        <v>40.621018388075207</v>
      </c>
      <c r="AP314" s="12">
        <f t="shared" si="140"/>
        <v>194.980888262761</v>
      </c>
      <c r="AQ314" s="12">
        <f t="shared" si="141"/>
        <v>0</v>
      </c>
      <c r="AR314" s="11">
        <f t="shared" si="142"/>
        <v>270.80678925383472</v>
      </c>
    </row>
    <row r="315" spans="16:44" x14ac:dyDescent="0.3">
      <c r="P315" s="10">
        <f t="shared" si="143"/>
        <v>45605</v>
      </c>
      <c r="Q315" s="29">
        <v>3.8</v>
      </c>
      <c r="R315" s="29">
        <f t="shared" si="129"/>
        <v>6</v>
      </c>
      <c r="S315" s="12">
        <f t="shared" si="121"/>
        <v>0.88136675487947747</v>
      </c>
      <c r="T315" s="12">
        <f t="shared" si="122"/>
        <v>0.40529111994771311</v>
      </c>
      <c r="U315" s="12">
        <f t="shared" si="123"/>
        <v>1.4791569663107089</v>
      </c>
      <c r="V315" s="12">
        <f t="shared" si="124"/>
        <v>1.31124751273035</v>
      </c>
      <c r="W315" s="12">
        <f t="shared" si="130"/>
        <v>1.9424956480203619</v>
      </c>
      <c r="X315" s="12">
        <f t="shared" si="125"/>
        <v>-1.236743869637378E-2</v>
      </c>
      <c r="Y315" s="12">
        <f t="shared" si="126"/>
        <v>-1.3226323007097701E-2</v>
      </c>
      <c r="Z315" s="12">
        <f t="shared" si="127"/>
        <v>-6.6119920832722404E-2</v>
      </c>
      <c r="AA315" s="12">
        <f t="shared" si="128"/>
        <v>-7.5310765362349638E-2</v>
      </c>
      <c r="AB315" s="12">
        <f t="shared" si="131"/>
        <v>-0.1200596025795522</v>
      </c>
      <c r="AC315" s="12">
        <f t="shared" si="132"/>
        <v>0.94609269615413027</v>
      </c>
      <c r="AD315" s="12">
        <f t="shared" si="133"/>
        <v>0.20098310147599194</v>
      </c>
      <c r="AE315" s="12">
        <f t="shared" si="134"/>
        <v>0</v>
      </c>
      <c r="AF315" s="12">
        <f t="shared" si="135"/>
        <v>0</v>
      </c>
      <c r="AG315" s="12">
        <f t="shared" si="136"/>
        <v>0</v>
      </c>
      <c r="AH315" s="12">
        <f>AC315/SUM(AC$2:AG$366)*Input!$D$12</f>
        <v>248.11845715424843</v>
      </c>
      <c r="AI315" s="12">
        <f>AD315/SUM(AC$2:AG$366)*Input!$D$12</f>
        <v>52.709018106799562</v>
      </c>
      <c r="AJ315" s="12">
        <f>AE315/SUM(AC$2:AG$366)*Input!$D$12</f>
        <v>0</v>
      </c>
      <c r="AK315" s="12">
        <f>AF315/SUM(AC$2:AG$366)*Input!$D$12</f>
        <v>0</v>
      </c>
      <c r="AL315" s="12">
        <f>AG315/SUM(AC$2:AG$366)*Input!$D$12</f>
        <v>0</v>
      </c>
      <c r="AM315" s="12">
        <f t="shared" si="137"/>
        <v>4.748560189801764</v>
      </c>
      <c r="AN315" s="12">
        <f t="shared" si="138"/>
        <v>15.82853396600588</v>
      </c>
      <c r="AO315" s="12">
        <f t="shared" si="139"/>
        <v>23.742800949008821</v>
      </c>
      <c r="AP315" s="12">
        <f t="shared" si="140"/>
        <v>256.50758015623154</v>
      </c>
      <c r="AQ315" s="12">
        <f t="shared" si="141"/>
        <v>0</v>
      </c>
      <c r="AR315" s="11">
        <f t="shared" si="142"/>
        <v>300.82747526104799</v>
      </c>
    </row>
    <row r="316" spans="16:44" x14ac:dyDescent="0.3">
      <c r="P316" s="10">
        <f t="shared" si="143"/>
        <v>45606</v>
      </c>
      <c r="Q316" s="29">
        <v>2.1</v>
      </c>
      <c r="R316" s="29">
        <f t="shared" si="129"/>
        <v>7</v>
      </c>
      <c r="S316" s="12">
        <f t="shared" si="121"/>
        <v>0.88136675487947747</v>
      </c>
      <c r="T316" s="12">
        <f t="shared" si="122"/>
        <v>0.40529111994771311</v>
      </c>
      <c r="U316" s="12">
        <f t="shared" si="123"/>
        <v>1.4791569663107089</v>
      </c>
      <c r="V316" s="12">
        <f t="shared" si="124"/>
        <v>1.31124751273035</v>
      </c>
      <c r="W316" s="12">
        <f t="shared" si="130"/>
        <v>1.9424956480203619</v>
      </c>
      <c r="X316" s="12">
        <f t="shared" si="125"/>
        <v>-1.236743869637378E-2</v>
      </c>
      <c r="Y316" s="12">
        <f t="shared" si="126"/>
        <v>-1.3226323007097701E-2</v>
      </c>
      <c r="Z316" s="12">
        <f t="shared" si="127"/>
        <v>-6.6119920832722404E-2</v>
      </c>
      <c r="AA316" s="12">
        <f t="shared" si="128"/>
        <v>-7.5310765362349638E-2</v>
      </c>
      <c r="AB316" s="12">
        <f t="shared" si="131"/>
        <v>-0.1200596025795522</v>
      </c>
      <c r="AC316" s="12">
        <f t="shared" si="132"/>
        <v>0.96993254200842127</v>
      </c>
      <c r="AD316" s="12">
        <f t="shared" si="133"/>
        <v>0.21371171794833255</v>
      </c>
      <c r="AE316" s="12">
        <f t="shared" si="134"/>
        <v>0</v>
      </c>
      <c r="AF316" s="12">
        <f t="shared" si="135"/>
        <v>0</v>
      </c>
      <c r="AG316" s="12">
        <f t="shared" si="136"/>
        <v>0</v>
      </c>
      <c r="AH316" s="12">
        <f>AC316/SUM(AC$2:AG$366)*Input!$D$12</f>
        <v>254.37059903866071</v>
      </c>
      <c r="AI316" s="12">
        <f>AD316/SUM(AC$2:AG$366)*Input!$D$12</f>
        <v>56.047173758633065</v>
      </c>
      <c r="AJ316" s="12">
        <f>AE316/SUM(AC$2:AG$366)*Input!$D$12</f>
        <v>0</v>
      </c>
      <c r="AK316" s="12">
        <f>AF316/SUM(AC$2:AG$366)*Input!$D$12</f>
        <v>0</v>
      </c>
      <c r="AL316" s="12">
        <f>AG316/SUM(AC$2:AG$366)*Input!$D$12</f>
        <v>0</v>
      </c>
      <c r="AM316" s="12">
        <f t="shared" si="137"/>
        <v>5.0492949332101871</v>
      </c>
      <c r="AN316" s="12">
        <f t="shared" si="138"/>
        <v>16.830983110700625</v>
      </c>
      <c r="AO316" s="12">
        <f t="shared" si="139"/>
        <v>25.24647466605094</v>
      </c>
      <c r="AP316" s="12">
        <f t="shared" si="140"/>
        <v>263.29102008733202</v>
      </c>
      <c r="AQ316" s="12">
        <f t="shared" si="141"/>
        <v>0</v>
      </c>
      <c r="AR316" s="11">
        <f t="shared" si="142"/>
        <v>310.41777279729376</v>
      </c>
    </row>
    <row r="317" spans="16:44" x14ac:dyDescent="0.3">
      <c r="P317" s="10">
        <f t="shared" si="143"/>
        <v>45607</v>
      </c>
      <c r="Q317" s="29">
        <v>0.2</v>
      </c>
      <c r="R317" s="29">
        <f t="shared" si="129"/>
        <v>1</v>
      </c>
      <c r="S317" s="12">
        <f t="shared" si="121"/>
        <v>1.085192073005006</v>
      </c>
      <c r="T317" s="12">
        <f t="shared" si="122"/>
        <v>1.4695351264848711</v>
      </c>
      <c r="U317" s="12">
        <f t="shared" si="123"/>
        <v>1.771938814155029</v>
      </c>
      <c r="V317" s="12">
        <f t="shared" si="124"/>
        <v>2.5404025087253199</v>
      </c>
      <c r="W317" s="12">
        <f t="shared" si="130"/>
        <v>0</v>
      </c>
      <c r="X317" s="12">
        <f t="shared" si="125"/>
        <v>-1.544218835154681E-2</v>
      </c>
      <c r="Y317" s="12">
        <f t="shared" si="126"/>
        <v>-5.875924024232846E-2</v>
      </c>
      <c r="Z317" s="12">
        <f t="shared" si="127"/>
        <v>-9.5984753200240996E-2</v>
      </c>
      <c r="AA317" s="12">
        <f t="shared" si="128"/>
        <v>-0.17801624965770491</v>
      </c>
      <c r="AB317" s="12">
        <f t="shared" si="131"/>
        <v>0</v>
      </c>
      <c r="AC317" s="12">
        <f t="shared" si="132"/>
        <v>1.0821036353346967</v>
      </c>
      <c r="AD317" s="12">
        <f t="shared" si="133"/>
        <v>0</v>
      </c>
      <c r="AE317" s="12">
        <f t="shared" si="134"/>
        <v>0</v>
      </c>
      <c r="AF317" s="12">
        <f t="shared" si="135"/>
        <v>0</v>
      </c>
      <c r="AG317" s="12">
        <f t="shared" si="136"/>
        <v>0</v>
      </c>
      <c r="AH317" s="12">
        <f>AC317/SUM(AC$2:AG$366)*Input!$D$12</f>
        <v>283.78813785547715</v>
      </c>
      <c r="AI317" s="12">
        <f>AD317/SUM(AC$2:AG$366)*Input!$D$12</f>
        <v>0</v>
      </c>
      <c r="AJ317" s="12">
        <f>AE317/SUM(AC$2:AG$366)*Input!$D$12</f>
        <v>0</v>
      </c>
      <c r="AK317" s="12">
        <f>AF317/SUM(AC$2:AG$366)*Input!$D$12</f>
        <v>0</v>
      </c>
      <c r="AL317" s="12">
        <f>AG317/SUM(AC$2:AG$366)*Input!$D$12</f>
        <v>0</v>
      </c>
      <c r="AM317" s="12">
        <f t="shared" si="137"/>
        <v>8.5136441356643147</v>
      </c>
      <c r="AN317" s="12">
        <f t="shared" si="138"/>
        <v>28.378813785547717</v>
      </c>
      <c r="AO317" s="12">
        <f t="shared" si="139"/>
        <v>42.568220678321573</v>
      </c>
      <c r="AP317" s="12">
        <f t="shared" si="140"/>
        <v>204.32745925594352</v>
      </c>
      <c r="AQ317" s="12">
        <f t="shared" si="141"/>
        <v>0</v>
      </c>
      <c r="AR317" s="11">
        <f t="shared" si="142"/>
        <v>283.78813785547709</v>
      </c>
    </row>
    <row r="318" spans="16:44" x14ac:dyDescent="0.3">
      <c r="P318" s="10">
        <f t="shared" si="143"/>
        <v>45608</v>
      </c>
      <c r="Q318" s="29">
        <v>-1.4</v>
      </c>
      <c r="R318" s="29">
        <f t="shared" si="129"/>
        <v>2</v>
      </c>
      <c r="S318" s="12">
        <f t="shared" si="121"/>
        <v>1.085192073005006</v>
      </c>
      <c r="T318" s="12">
        <f t="shared" si="122"/>
        <v>1.4695351264848711</v>
      </c>
      <c r="U318" s="12">
        <f t="shared" si="123"/>
        <v>1.771938814155029</v>
      </c>
      <c r="V318" s="12">
        <f t="shared" si="124"/>
        <v>2.5404025087253199</v>
      </c>
      <c r="W318" s="12">
        <f t="shared" si="130"/>
        <v>0</v>
      </c>
      <c r="X318" s="12">
        <f t="shared" si="125"/>
        <v>-1.544218835154681E-2</v>
      </c>
      <c r="Y318" s="12">
        <f t="shared" si="126"/>
        <v>-5.875924024232846E-2</v>
      </c>
      <c r="Z318" s="12">
        <f t="shared" si="127"/>
        <v>-9.5984753200240996E-2</v>
      </c>
      <c r="AA318" s="12">
        <f t="shared" si="128"/>
        <v>-0.17801624965770491</v>
      </c>
      <c r="AB318" s="12">
        <f t="shared" si="131"/>
        <v>0</v>
      </c>
      <c r="AC318" s="12">
        <f t="shared" si="132"/>
        <v>1.1068111366971716</v>
      </c>
      <c r="AD318" s="12">
        <f t="shared" si="133"/>
        <v>0</v>
      </c>
      <c r="AE318" s="12">
        <f t="shared" si="134"/>
        <v>0</v>
      </c>
      <c r="AF318" s="12">
        <f t="shared" si="135"/>
        <v>0</v>
      </c>
      <c r="AG318" s="12">
        <f t="shared" si="136"/>
        <v>0</v>
      </c>
      <c r="AH318" s="12">
        <f>AC318/SUM(AC$2:AG$366)*Input!$D$12</f>
        <v>290.26782757627706</v>
      </c>
      <c r="AI318" s="12">
        <f>AD318/SUM(AC$2:AG$366)*Input!$D$12</f>
        <v>0</v>
      </c>
      <c r="AJ318" s="12">
        <f>AE318/SUM(AC$2:AG$366)*Input!$D$12</f>
        <v>0</v>
      </c>
      <c r="AK318" s="12">
        <f>AF318/SUM(AC$2:AG$366)*Input!$D$12</f>
        <v>0</v>
      </c>
      <c r="AL318" s="12">
        <f>AG318/SUM(AC$2:AG$366)*Input!$D$12</f>
        <v>0</v>
      </c>
      <c r="AM318" s="12">
        <f t="shared" si="137"/>
        <v>8.7080348272883121</v>
      </c>
      <c r="AN318" s="12">
        <f t="shared" si="138"/>
        <v>29.026782757627707</v>
      </c>
      <c r="AO318" s="12">
        <f t="shared" si="139"/>
        <v>43.540174136441557</v>
      </c>
      <c r="AP318" s="12">
        <f t="shared" si="140"/>
        <v>208.99283585491946</v>
      </c>
      <c r="AQ318" s="12">
        <f t="shared" si="141"/>
        <v>0</v>
      </c>
      <c r="AR318" s="11">
        <f t="shared" si="142"/>
        <v>290.267827576277</v>
      </c>
    </row>
    <row r="319" spans="16:44" x14ac:dyDescent="0.3">
      <c r="P319" s="10">
        <f t="shared" si="143"/>
        <v>45609</v>
      </c>
      <c r="Q319" s="29">
        <v>-0.5</v>
      </c>
      <c r="R319" s="29">
        <f t="shared" si="129"/>
        <v>3</v>
      </c>
      <c r="S319" s="12">
        <f t="shared" si="121"/>
        <v>1.085192073005006</v>
      </c>
      <c r="T319" s="12">
        <f t="shared" si="122"/>
        <v>1.4695351264848711</v>
      </c>
      <c r="U319" s="12">
        <f t="shared" si="123"/>
        <v>1.771938814155029</v>
      </c>
      <c r="V319" s="12">
        <f t="shared" si="124"/>
        <v>2.5404025087253199</v>
      </c>
      <c r="W319" s="12">
        <f t="shared" si="130"/>
        <v>0</v>
      </c>
      <c r="X319" s="12">
        <f t="shared" si="125"/>
        <v>-1.544218835154681E-2</v>
      </c>
      <c r="Y319" s="12">
        <f t="shared" si="126"/>
        <v>-5.875924024232846E-2</v>
      </c>
      <c r="Z319" s="12">
        <f t="shared" si="127"/>
        <v>-9.5984753200240996E-2</v>
      </c>
      <c r="AA319" s="12">
        <f t="shared" si="128"/>
        <v>-0.17801624965770491</v>
      </c>
      <c r="AB319" s="12">
        <f t="shared" si="131"/>
        <v>0</v>
      </c>
      <c r="AC319" s="12">
        <f t="shared" si="132"/>
        <v>1.0929131671807795</v>
      </c>
      <c r="AD319" s="12">
        <f t="shared" si="133"/>
        <v>0</v>
      </c>
      <c r="AE319" s="12">
        <f t="shared" si="134"/>
        <v>0</v>
      </c>
      <c r="AF319" s="12">
        <f t="shared" si="135"/>
        <v>0</v>
      </c>
      <c r="AG319" s="12">
        <f t="shared" si="136"/>
        <v>0</v>
      </c>
      <c r="AH319" s="12">
        <f>AC319/SUM(AC$2:AG$366)*Input!$D$12</f>
        <v>286.62300210832711</v>
      </c>
      <c r="AI319" s="12">
        <f>AD319/SUM(AC$2:AG$366)*Input!$D$12</f>
        <v>0</v>
      </c>
      <c r="AJ319" s="12">
        <f>AE319/SUM(AC$2:AG$366)*Input!$D$12</f>
        <v>0</v>
      </c>
      <c r="AK319" s="12">
        <f>AF319/SUM(AC$2:AG$366)*Input!$D$12</f>
        <v>0</v>
      </c>
      <c r="AL319" s="12">
        <f>AG319/SUM(AC$2:AG$366)*Input!$D$12</f>
        <v>0</v>
      </c>
      <c r="AM319" s="12">
        <f t="shared" si="137"/>
        <v>8.5986900632498138</v>
      </c>
      <c r="AN319" s="12">
        <f t="shared" si="138"/>
        <v>28.662300210832711</v>
      </c>
      <c r="AO319" s="12">
        <f t="shared" si="139"/>
        <v>42.993450316249067</v>
      </c>
      <c r="AP319" s="12">
        <f t="shared" si="140"/>
        <v>206.36856151799552</v>
      </c>
      <c r="AQ319" s="12">
        <f t="shared" si="141"/>
        <v>0</v>
      </c>
      <c r="AR319" s="11">
        <f t="shared" si="142"/>
        <v>286.62300210832711</v>
      </c>
    </row>
    <row r="320" spans="16:44" x14ac:dyDescent="0.3">
      <c r="P320" s="10">
        <f t="shared" si="143"/>
        <v>45610</v>
      </c>
      <c r="Q320" s="29">
        <v>-3.5</v>
      </c>
      <c r="R320" s="29">
        <f t="shared" si="129"/>
        <v>4</v>
      </c>
      <c r="S320" s="12">
        <f t="shared" si="121"/>
        <v>1.085192073005006</v>
      </c>
      <c r="T320" s="12">
        <f t="shared" si="122"/>
        <v>1.4695351264848711</v>
      </c>
      <c r="U320" s="12">
        <f t="shared" si="123"/>
        <v>1.771938814155029</v>
      </c>
      <c r="V320" s="12">
        <f t="shared" si="124"/>
        <v>2.5404025087253199</v>
      </c>
      <c r="W320" s="12">
        <f t="shared" si="130"/>
        <v>0</v>
      </c>
      <c r="X320" s="12">
        <f t="shared" si="125"/>
        <v>-1.544218835154681E-2</v>
      </c>
      <c r="Y320" s="12">
        <f t="shared" si="126"/>
        <v>-5.875924024232846E-2</v>
      </c>
      <c r="Z320" s="12">
        <f t="shared" si="127"/>
        <v>-9.5984753200240996E-2</v>
      </c>
      <c r="AA320" s="12">
        <f t="shared" si="128"/>
        <v>-0.17801624965770491</v>
      </c>
      <c r="AB320" s="12">
        <f t="shared" si="131"/>
        <v>0</v>
      </c>
      <c r="AC320" s="12">
        <f t="shared" si="132"/>
        <v>1.1392397322354197</v>
      </c>
      <c r="AD320" s="12">
        <f t="shared" si="133"/>
        <v>0</v>
      </c>
      <c r="AE320" s="12">
        <f t="shared" si="134"/>
        <v>0</v>
      </c>
      <c r="AF320" s="12">
        <f t="shared" si="135"/>
        <v>0</v>
      </c>
      <c r="AG320" s="12">
        <f t="shared" si="136"/>
        <v>0</v>
      </c>
      <c r="AH320" s="12">
        <f>AC320/SUM(AC$2:AG$366)*Input!$D$12</f>
        <v>298.77242033482685</v>
      </c>
      <c r="AI320" s="12">
        <f>AD320/SUM(AC$2:AG$366)*Input!$D$12</f>
        <v>0</v>
      </c>
      <c r="AJ320" s="12">
        <f>AE320/SUM(AC$2:AG$366)*Input!$D$12</f>
        <v>0</v>
      </c>
      <c r="AK320" s="12">
        <f>AF320/SUM(AC$2:AG$366)*Input!$D$12</f>
        <v>0</v>
      </c>
      <c r="AL320" s="12">
        <f>AG320/SUM(AC$2:AG$366)*Input!$D$12</f>
        <v>0</v>
      </c>
      <c r="AM320" s="12">
        <f t="shared" si="137"/>
        <v>8.9631726100448059</v>
      </c>
      <c r="AN320" s="12">
        <f t="shared" si="138"/>
        <v>29.877242033482688</v>
      </c>
      <c r="AO320" s="12">
        <f t="shared" si="139"/>
        <v>44.815863050224024</v>
      </c>
      <c r="AP320" s="12">
        <f t="shared" si="140"/>
        <v>215.11614264107533</v>
      </c>
      <c r="AQ320" s="12">
        <f t="shared" si="141"/>
        <v>0</v>
      </c>
      <c r="AR320" s="11">
        <f t="shared" si="142"/>
        <v>298.77242033482685</v>
      </c>
    </row>
    <row r="321" spans="16:44" x14ac:dyDescent="0.3">
      <c r="P321" s="10">
        <f t="shared" si="143"/>
        <v>45611</v>
      </c>
      <c r="Q321" s="29">
        <v>-4.4000000000000004</v>
      </c>
      <c r="R321" s="29">
        <f t="shared" si="129"/>
        <v>5</v>
      </c>
      <c r="S321" s="12">
        <f t="shared" si="121"/>
        <v>1.085192073005006</v>
      </c>
      <c r="T321" s="12">
        <f t="shared" si="122"/>
        <v>1.4695351264848711</v>
      </c>
      <c r="U321" s="12">
        <f t="shared" si="123"/>
        <v>1.771938814155029</v>
      </c>
      <c r="V321" s="12">
        <f t="shared" si="124"/>
        <v>2.5404025087253199</v>
      </c>
      <c r="W321" s="12">
        <f t="shared" si="130"/>
        <v>0</v>
      </c>
      <c r="X321" s="12">
        <f t="shared" si="125"/>
        <v>-1.544218835154681E-2</v>
      </c>
      <c r="Y321" s="12">
        <f t="shared" si="126"/>
        <v>-5.875924024232846E-2</v>
      </c>
      <c r="Z321" s="12">
        <f t="shared" si="127"/>
        <v>-9.5984753200240996E-2</v>
      </c>
      <c r="AA321" s="12">
        <f t="shared" si="128"/>
        <v>-0.17801624965770491</v>
      </c>
      <c r="AB321" s="12">
        <f t="shared" si="131"/>
        <v>0</v>
      </c>
      <c r="AC321" s="12">
        <f t="shared" si="132"/>
        <v>1.1531377017518118</v>
      </c>
      <c r="AD321" s="12">
        <f t="shared" si="133"/>
        <v>0</v>
      </c>
      <c r="AE321" s="12">
        <f t="shared" si="134"/>
        <v>0</v>
      </c>
      <c r="AF321" s="12">
        <f t="shared" si="135"/>
        <v>0</v>
      </c>
      <c r="AG321" s="12">
        <f t="shared" si="136"/>
        <v>0</v>
      </c>
      <c r="AH321" s="12">
        <f>AC321/SUM(AC$2:AG$366)*Input!$D$12</f>
        <v>302.41724580277679</v>
      </c>
      <c r="AI321" s="12">
        <f>AD321/SUM(AC$2:AG$366)*Input!$D$12</f>
        <v>0</v>
      </c>
      <c r="AJ321" s="12">
        <f>AE321/SUM(AC$2:AG$366)*Input!$D$12</f>
        <v>0</v>
      </c>
      <c r="AK321" s="12">
        <f>AF321/SUM(AC$2:AG$366)*Input!$D$12</f>
        <v>0</v>
      </c>
      <c r="AL321" s="12">
        <f>AG321/SUM(AC$2:AG$366)*Input!$D$12</f>
        <v>0</v>
      </c>
      <c r="AM321" s="12">
        <f t="shared" si="137"/>
        <v>9.0725173740833025</v>
      </c>
      <c r="AN321" s="12">
        <f t="shared" si="138"/>
        <v>30.24172458027768</v>
      </c>
      <c r="AO321" s="12">
        <f t="shared" si="139"/>
        <v>45.362586870416514</v>
      </c>
      <c r="AP321" s="12">
        <f t="shared" si="140"/>
        <v>217.74041697799927</v>
      </c>
      <c r="AQ321" s="12">
        <f t="shared" si="141"/>
        <v>0</v>
      </c>
      <c r="AR321" s="11">
        <f t="shared" si="142"/>
        <v>302.41724580277673</v>
      </c>
    </row>
    <row r="322" spans="16:44" x14ac:dyDescent="0.3">
      <c r="P322" s="10">
        <f t="shared" si="143"/>
        <v>45612</v>
      </c>
      <c r="Q322" s="29">
        <v>-2.1</v>
      </c>
      <c r="R322" s="29">
        <f t="shared" si="129"/>
        <v>6</v>
      </c>
      <c r="S322" s="12">
        <f t="shared" ref="S322:S367" si="144">IF(R322&gt;5,IF($Q322&lt;$G$3,$C$3,$E$3),IF($Q322&lt;$G$10,$C$10,$E$10))</f>
        <v>0.88136675487947747</v>
      </c>
      <c r="T322" s="12">
        <f t="shared" ref="T322:T367" si="145">IF(R322&gt;5,IF($Q322&lt;$G$4,$C$4,$E$4),IF($Q322&lt;$G$11,$C$11,$E$11))</f>
        <v>0.40529111994771311</v>
      </c>
      <c r="U322" s="12">
        <f t="shared" ref="U322:U367" si="146">IF(R322&gt;5,IF($Q322&lt;$G$5,$C$5,$E$5),IF($Q322&lt;$G$12,$C$12,$E$12))</f>
        <v>1.4791569663107089</v>
      </c>
      <c r="V322" s="12">
        <f t="shared" ref="V322:V367" si="147">IF(R322&gt;5,IF($Q322&lt;$G$6,$C$6,$E$6),IF($Q322&lt;$G$13,$C$13,$E$13))</f>
        <v>1.31124751273035</v>
      </c>
      <c r="W322" s="12">
        <f t="shared" si="130"/>
        <v>1.9424956480203619</v>
      </c>
      <c r="X322" s="12">
        <f t="shared" ref="X322:X367" si="148">IF(R322&gt;5,IF($Q322&lt;$G$3,$D$3,$F$3),IF($Q322&lt;$G$10,$D$10,$F$10))</f>
        <v>-1.236743869637378E-2</v>
      </c>
      <c r="Y322" s="12">
        <f t="shared" ref="Y322:Y367" si="149">IF(R322&gt;5,IF($Q322&lt;$G$4,$D$4,$F$4),IF($Q322&lt;$G$11,$D$11,$F$11))</f>
        <v>-1.3226323007097701E-2</v>
      </c>
      <c r="Z322" s="12">
        <f t="shared" ref="Z322:Z367" si="150">IF(R322&gt;5,IF($Q322&lt;$G$5,$D$5,$F$5),IF($Q322&lt;$G$12,$D$12,$F$12))</f>
        <v>-6.6119920832722404E-2</v>
      </c>
      <c r="AA322" s="12">
        <f t="shared" ref="AA322:AA367" si="151">IF(R322&gt;5,IF($Q322&lt;$G$6,$D$6,$F$6),IF($Q322&lt;$G$13,$D$13,$F$13))</f>
        <v>-7.5310765362349638E-2</v>
      </c>
      <c r="AB322" s="12">
        <f t="shared" si="131"/>
        <v>-0.1200596025795522</v>
      </c>
      <c r="AC322" s="12">
        <f t="shared" si="132"/>
        <v>1.0288309847072579</v>
      </c>
      <c r="AD322" s="12">
        <f t="shared" si="133"/>
        <v>0.24515888805646818</v>
      </c>
      <c r="AE322" s="12">
        <f t="shared" si="134"/>
        <v>0</v>
      </c>
      <c r="AF322" s="12">
        <f t="shared" si="135"/>
        <v>0</v>
      </c>
      <c r="AG322" s="12">
        <f t="shared" si="136"/>
        <v>0</v>
      </c>
      <c r="AH322" s="12">
        <f>AC322/SUM(AC$2:AG$366)*Input!$D$12</f>
        <v>269.81706722367932</v>
      </c>
      <c r="AI322" s="12">
        <f>AD322/SUM(AC$2:AG$366)*Input!$D$12</f>
        <v>64.294381839633473</v>
      </c>
      <c r="AJ322" s="12">
        <f>AE322/SUM(AC$2:AG$366)*Input!$D$12</f>
        <v>0</v>
      </c>
      <c r="AK322" s="12">
        <f>AF322/SUM(AC$2:AG$366)*Input!$D$12</f>
        <v>0</v>
      </c>
      <c r="AL322" s="12">
        <f>AG322/SUM(AC$2:AG$366)*Input!$D$12</f>
        <v>0</v>
      </c>
      <c r="AM322" s="12">
        <f t="shared" si="137"/>
        <v>5.7922866522192331</v>
      </c>
      <c r="AN322" s="12">
        <f t="shared" si="138"/>
        <v>19.307622174064115</v>
      </c>
      <c r="AO322" s="12">
        <f t="shared" si="139"/>
        <v>28.961433261096172</v>
      </c>
      <c r="AP322" s="12">
        <f t="shared" si="140"/>
        <v>280.05010697593326</v>
      </c>
      <c r="AQ322" s="12">
        <f t="shared" si="141"/>
        <v>0</v>
      </c>
      <c r="AR322" s="11">
        <f t="shared" si="142"/>
        <v>334.11144906331276</v>
      </c>
    </row>
    <row r="323" spans="16:44" x14ac:dyDescent="0.3">
      <c r="P323" s="10">
        <f t="shared" si="143"/>
        <v>45613</v>
      </c>
      <c r="Q323" s="29">
        <v>-2.5</v>
      </c>
      <c r="R323" s="29">
        <f t="shared" ref="R323:R367" si="152">WEEKDAY(P323,2)</f>
        <v>7</v>
      </c>
      <c r="S323" s="12">
        <f t="shared" si="144"/>
        <v>0.88136675487947747</v>
      </c>
      <c r="T323" s="12">
        <f t="shared" si="145"/>
        <v>0.40529111994771311</v>
      </c>
      <c r="U323" s="12">
        <f t="shared" si="146"/>
        <v>1.4791569663107089</v>
      </c>
      <c r="V323" s="12">
        <f t="shared" si="147"/>
        <v>1.31124751273035</v>
      </c>
      <c r="W323" s="12">
        <f t="shared" ref="W323:W367" si="153">IF(R323&lt;6,0,IF($Q323&lt;$G$7,$C$7,$E$7))</f>
        <v>1.9424956480203619</v>
      </c>
      <c r="X323" s="12">
        <f t="shared" si="148"/>
        <v>-1.236743869637378E-2</v>
      </c>
      <c r="Y323" s="12">
        <f t="shared" si="149"/>
        <v>-1.3226323007097701E-2</v>
      </c>
      <c r="Z323" s="12">
        <f t="shared" si="150"/>
        <v>-6.6119920832722404E-2</v>
      </c>
      <c r="AA323" s="12">
        <f t="shared" si="151"/>
        <v>-7.5310765362349638E-2</v>
      </c>
      <c r="AB323" s="12">
        <f t="shared" ref="AB323:AB367" si="154">IF(R323&lt;6,0,IF($Q323&lt;$G$7,$D$7,$F$7))</f>
        <v>-0.1200596025795522</v>
      </c>
      <c r="AC323" s="12">
        <f t="shared" ref="AC323:AC367" si="155">MAX(S323+X323*$Q323,0)*IF($R323&lt;6,$B$10,$B$3)</f>
        <v>1.0344403602023853</v>
      </c>
      <c r="AD323" s="12">
        <f t="shared" ref="AD323:AD367" si="156">MAX(T323+Y323*$Q323,0)*IF($R323&lt;6,$B$11,$B$4)</f>
        <v>0.24815385663819536</v>
      </c>
      <c r="AE323" s="12">
        <f t="shared" ref="AE323:AE367" si="157">MAX(U323+Z323*$Q323,0)*IF($R323&lt;6,$B$12,$B$5)</f>
        <v>0</v>
      </c>
      <c r="AF323" s="12">
        <f t="shared" ref="AF323:AF367" si="158">MAX(V323+AA323*$Q323,0)*IF($R323&lt;6,$B$13,$B$6)</f>
        <v>0</v>
      </c>
      <c r="AG323" s="12">
        <f t="shared" ref="AG323:AG367" si="159">MAX(W323+AB323*$Q323,0)*IF($R323&lt;6,0,$B$7)</f>
        <v>0</v>
      </c>
      <c r="AH323" s="12">
        <f>AC323/SUM(AC$2:AG$366)*Input!$D$12</f>
        <v>271.28815943177636</v>
      </c>
      <c r="AI323" s="12">
        <f>AD323/SUM(AC$2:AG$366)*Input!$D$12</f>
        <v>65.079830228300182</v>
      </c>
      <c r="AJ323" s="12">
        <f>AE323/SUM(AC$2:AG$366)*Input!$D$12</f>
        <v>0</v>
      </c>
      <c r="AK323" s="12">
        <f>AF323/SUM(AC$2:AG$366)*Input!$D$12</f>
        <v>0</v>
      </c>
      <c r="AL323" s="12">
        <f>AG323/SUM(AC$2:AG$366)*Input!$D$12</f>
        <v>0</v>
      </c>
      <c r="AM323" s="12">
        <f t="shared" ref="AM323:AM367" si="160">IF($R323&lt;6,AU$22*$AH323+AU$23*$AI323+AU$24*$AJ323+AU$25*$AK323,AU$31*$AH323+AU$32*$AI323+AU$33*$AJ323+AU$34*$AK323+AU$35*$AL323)</f>
        <v>5.863047768315333</v>
      </c>
      <c r="AN323" s="12">
        <f t="shared" ref="AN323:AN367" si="161">IF($R323&lt;6,AV$22*$AH323+AV$23*$AI323+AV$24*$AJ323+AV$25*$AK323,AV$31*$AH323+AV$32*$AI323+AV$33*$AJ323+AV$34*$AK323+AV$35*$AL323)</f>
        <v>19.543492561051114</v>
      </c>
      <c r="AO323" s="12">
        <f t="shared" ref="AO323:AO367" si="162">IF($R323&lt;6,AW$22*$AH323+AW$23*$AI323+AW$24*$AJ323+AW$25*$AK323,AW$31*$AH323+AW$32*$AI323+AW$33*$AJ323+AW$34*$AK323+AW$35*$AL323)</f>
        <v>29.315238841576669</v>
      </c>
      <c r="AP323" s="12">
        <f t="shared" ref="AP323:AP367" si="163">IF($R323&lt;6,AX$22*$AH323+AX$23*$AI323+AX$24*$AJ323+AX$25*$AK323,AX$31*$AH323+AX$32*$AI323+AX$33*$AJ323+AX$34*$AK323+AX$35*$AL323)</f>
        <v>281.64621048913341</v>
      </c>
      <c r="AQ323" s="12">
        <f t="shared" ref="AQ323:AQ367" si="164">IF($R323&lt;6,AY$22*$AH323+AY$23*$AI323+AY$24*$AJ323+AY$25*$AK323,AY$31*$AH323+AY$32*$AI323+AY$33*$AJ323+AY$34*$AK323+AY$35*$AL323)</f>
        <v>0</v>
      </c>
      <c r="AR323" s="11">
        <f t="shared" ref="AR323:AR367" si="165">SUM(AM323:AQ323)</f>
        <v>336.36798966007655</v>
      </c>
    </row>
    <row r="324" spans="16:44" x14ac:dyDescent="0.3">
      <c r="P324" s="10">
        <f t="shared" ref="P324:P367" si="166">P323+1</f>
        <v>45614</v>
      </c>
      <c r="Q324" s="29">
        <v>-3.5</v>
      </c>
      <c r="R324" s="29">
        <f t="shared" si="152"/>
        <v>1</v>
      </c>
      <c r="S324" s="12">
        <f t="shared" si="144"/>
        <v>1.085192073005006</v>
      </c>
      <c r="T324" s="12">
        <f t="shared" si="145"/>
        <v>1.4695351264848711</v>
      </c>
      <c r="U324" s="12">
        <f t="shared" si="146"/>
        <v>1.771938814155029</v>
      </c>
      <c r="V324" s="12">
        <f t="shared" si="147"/>
        <v>2.5404025087253199</v>
      </c>
      <c r="W324" s="12">
        <f t="shared" si="153"/>
        <v>0</v>
      </c>
      <c r="X324" s="12">
        <f t="shared" si="148"/>
        <v>-1.544218835154681E-2</v>
      </c>
      <c r="Y324" s="12">
        <f t="shared" si="149"/>
        <v>-5.875924024232846E-2</v>
      </c>
      <c r="Z324" s="12">
        <f t="shared" si="150"/>
        <v>-9.5984753200240996E-2</v>
      </c>
      <c r="AA324" s="12">
        <f t="shared" si="151"/>
        <v>-0.17801624965770491</v>
      </c>
      <c r="AB324" s="12">
        <f t="shared" si="154"/>
        <v>0</v>
      </c>
      <c r="AC324" s="12">
        <f t="shared" si="155"/>
        <v>1.1392397322354197</v>
      </c>
      <c r="AD324" s="12">
        <f t="shared" si="156"/>
        <v>0</v>
      </c>
      <c r="AE324" s="12">
        <f t="shared" si="157"/>
        <v>0</v>
      </c>
      <c r="AF324" s="12">
        <f t="shared" si="158"/>
        <v>0</v>
      </c>
      <c r="AG324" s="12">
        <f t="shared" si="159"/>
        <v>0</v>
      </c>
      <c r="AH324" s="12">
        <f>AC324/SUM(AC$2:AG$366)*Input!$D$12</f>
        <v>298.77242033482685</v>
      </c>
      <c r="AI324" s="12">
        <f>AD324/SUM(AC$2:AG$366)*Input!$D$12</f>
        <v>0</v>
      </c>
      <c r="AJ324" s="12">
        <f>AE324/SUM(AC$2:AG$366)*Input!$D$12</f>
        <v>0</v>
      </c>
      <c r="AK324" s="12">
        <f>AF324/SUM(AC$2:AG$366)*Input!$D$12</f>
        <v>0</v>
      </c>
      <c r="AL324" s="12">
        <f>AG324/SUM(AC$2:AG$366)*Input!$D$12</f>
        <v>0</v>
      </c>
      <c r="AM324" s="12">
        <f t="shared" si="160"/>
        <v>8.9631726100448059</v>
      </c>
      <c r="AN324" s="12">
        <f t="shared" si="161"/>
        <v>29.877242033482688</v>
      </c>
      <c r="AO324" s="12">
        <f t="shared" si="162"/>
        <v>44.815863050224024</v>
      </c>
      <c r="AP324" s="12">
        <f t="shared" si="163"/>
        <v>215.11614264107533</v>
      </c>
      <c r="AQ324" s="12">
        <f t="shared" si="164"/>
        <v>0</v>
      </c>
      <c r="AR324" s="11">
        <f t="shared" si="165"/>
        <v>298.77242033482685</v>
      </c>
    </row>
    <row r="325" spans="16:44" x14ac:dyDescent="0.3">
      <c r="P325" s="10">
        <f t="shared" si="166"/>
        <v>45615</v>
      </c>
      <c r="Q325" s="29">
        <v>-5.7</v>
      </c>
      <c r="R325" s="29">
        <f t="shared" si="152"/>
        <v>2</v>
      </c>
      <c r="S325" s="12">
        <f t="shared" si="144"/>
        <v>1.085192073005006</v>
      </c>
      <c r="T325" s="12">
        <f t="shared" si="145"/>
        <v>1.4695351264848711</v>
      </c>
      <c r="U325" s="12">
        <f t="shared" si="146"/>
        <v>1.771938814155029</v>
      </c>
      <c r="V325" s="12">
        <f t="shared" si="147"/>
        <v>2.5404025087253199</v>
      </c>
      <c r="W325" s="12">
        <f t="shared" si="153"/>
        <v>0</v>
      </c>
      <c r="X325" s="12">
        <f t="shared" si="148"/>
        <v>-1.544218835154681E-2</v>
      </c>
      <c r="Y325" s="12">
        <f t="shared" si="149"/>
        <v>-5.875924024232846E-2</v>
      </c>
      <c r="Z325" s="12">
        <f t="shared" si="150"/>
        <v>-9.5984753200240996E-2</v>
      </c>
      <c r="AA325" s="12">
        <f t="shared" si="151"/>
        <v>-0.17801624965770491</v>
      </c>
      <c r="AB325" s="12">
        <f t="shared" si="154"/>
        <v>0</v>
      </c>
      <c r="AC325" s="12">
        <f t="shared" si="155"/>
        <v>1.1732125466088228</v>
      </c>
      <c r="AD325" s="12">
        <f t="shared" si="156"/>
        <v>0</v>
      </c>
      <c r="AE325" s="12">
        <f t="shared" si="157"/>
        <v>0</v>
      </c>
      <c r="AF325" s="12">
        <f t="shared" si="158"/>
        <v>0</v>
      </c>
      <c r="AG325" s="12">
        <f t="shared" si="159"/>
        <v>0</v>
      </c>
      <c r="AH325" s="12">
        <f>AC325/SUM(AC$2:AG$366)*Input!$D$12</f>
        <v>307.68199370092674</v>
      </c>
      <c r="AI325" s="12">
        <f>AD325/SUM(AC$2:AG$366)*Input!$D$12</f>
        <v>0</v>
      </c>
      <c r="AJ325" s="12">
        <f>AE325/SUM(AC$2:AG$366)*Input!$D$12</f>
        <v>0</v>
      </c>
      <c r="AK325" s="12">
        <f>AF325/SUM(AC$2:AG$366)*Input!$D$12</f>
        <v>0</v>
      </c>
      <c r="AL325" s="12">
        <f>AG325/SUM(AC$2:AG$366)*Input!$D$12</f>
        <v>0</v>
      </c>
      <c r="AM325" s="12">
        <f t="shared" si="160"/>
        <v>9.2304598110278011</v>
      </c>
      <c r="AN325" s="12">
        <f t="shared" si="161"/>
        <v>30.768199370092674</v>
      </c>
      <c r="AO325" s="12">
        <f t="shared" si="162"/>
        <v>46.152299055139011</v>
      </c>
      <c r="AP325" s="12">
        <f t="shared" si="163"/>
        <v>221.53103546466724</v>
      </c>
      <c r="AQ325" s="12">
        <f t="shared" si="164"/>
        <v>0</v>
      </c>
      <c r="AR325" s="11">
        <f t="shared" si="165"/>
        <v>307.68199370092674</v>
      </c>
    </row>
    <row r="326" spans="16:44" x14ac:dyDescent="0.3">
      <c r="P326" s="10">
        <f t="shared" si="166"/>
        <v>45616</v>
      </c>
      <c r="Q326" s="29">
        <v>-6.4</v>
      </c>
      <c r="R326" s="29">
        <f t="shared" si="152"/>
        <v>3</v>
      </c>
      <c r="S326" s="12">
        <f t="shared" si="144"/>
        <v>1.085192073005006</v>
      </c>
      <c r="T326" s="12">
        <f t="shared" si="145"/>
        <v>1.4695351264848711</v>
      </c>
      <c r="U326" s="12">
        <f t="shared" si="146"/>
        <v>1.771938814155029</v>
      </c>
      <c r="V326" s="12">
        <f t="shared" si="147"/>
        <v>2.5404025087253199</v>
      </c>
      <c r="W326" s="12">
        <f t="shared" si="153"/>
        <v>0</v>
      </c>
      <c r="X326" s="12">
        <f t="shared" si="148"/>
        <v>-1.544218835154681E-2</v>
      </c>
      <c r="Y326" s="12">
        <f t="shared" si="149"/>
        <v>-5.875924024232846E-2</v>
      </c>
      <c r="Z326" s="12">
        <f t="shared" si="150"/>
        <v>-9.5984753200240996E-2</v>
      </c>
      <c r="AA326" s="12">
        <f t="shared" si="151"/>
        <v>-0.17801624965770491</v>
      </c>
      <c r="AB326" s="12">
        <f t="shared" si="154"/>
        <v>0</v>
      </c>
      <c r="AC326" s="12">
        <f t="shared" si="155"/>
        <v>1.1840220784549056</v>
      </c>
      <c r="AD326" s="12">
        <f t="shared" si="156"/>
        <v>0</v>
      </c>
      <c r="AE326" s="12">
        <f t="shared" si="157"/>
        <v>0</v>
      </c>
      <c r="AF326" s="12">
        <f t="shared" si="158"/>
        <v>0</v>
      </c>
      <c r="AG326" s="12">
        <f t="shared" si="159"/>
        <v>0</v>
      </c>
      <c r="AH326" s="12">
        <f>AC326/SUM(AC$2:AG$366)*Input!$D$12</f>
        <v>310.51685795377665</v>
      </c>
      <c r="AI326" s="12">
        <f>AD326/SUM(AC$2:AG$366)*Input!$D$12</f>
        <v>0</v>
      </c>
      <c r="AJ326" s="12">
        <f>AE326/SUM(AC$2:AG$366)*Input!$D$12</f>
        <v>0</v>
      </c>
      <c r="AK326" s="12">
        <f>AF326/SUM(AC$2:AG$366)*Input!$D$12</f>
        <v>0</v>
      </c>
      <c r="AL326" s="12">
        <f>AG326/SUM(AC$2:AG$366)*Input!$D$12</f>
        <v>0</v>
      </c>
      <c r="AM326" s="12">
        <f t="shared" si="160"/>
        <v>9.3155057386132984</v>
      </c>
      <c r="AN326" s="12">
        <f t="shared" si="161"/>
        <v>31.051685795377665</v>
      </c>
      <c r="AO326" s="12">
        <f t="shared" si="162"/>
        <v>46.577528693066498</v>
      </c>
      <c r="AP326" s="12">
        <f t="shared" si="163"/>
        <v>223.57213772671918</v>
      </c>
      <c r="AQ326" s="12">
        <f t="shared" si="164"/>
        <v>0</v>
      </c>
      <c r="AR326" s="11">
        <f t="shared" si="165"/>
        <v>310.51685795377665</v>
      </c>
    </row>
    <row r="327" spans="16:44" x14ac:dyDescent="0.3">
      <c r="P327" s="10">
        <f t="shared" si="166"/>
        <v>45617</v>
      </c>
      <c r="Q327" s="29">
        <v>0.9</v>
      </c>
      <c r="R327" s="29">
        <f t="shared" si="152"/>
        <v>4</v>
      </c>
      <c r="S327" s="12">
        <f t="shared" si="144"/>
        <v>1.085192073005006</v>
      </c>
      <c r="T327" s="12">
        <f t="shared" si="145"/>
        <v>1.4695351264848711</v>
      </c>
      <c r="U327" s="12">
        <f t="shared" si="146"/>
        <v>1.771938814155029</v>
      </c>
      <c r="V327" s="12">
        <f t="shared" si="147"/>
        <v>2.5404025087253199</v>
      </c>
      <c r="W327" s="12">
        <f t="shared" si="153"/>
        <v>0</v>
      </c>
      <c r="X327" s="12">
        <f t="shared" si="148"/>
        <v>-1.544218835154681E-2</v>
      </c>
      <c r="Y327" s="12">
        <f t="shared" si="149"/>
        <v>-5.875924024232846E-2</v>
      </c>
      <c r="Z327" s="12">
        <f t="shared" si="150"/>
        <v>-9.5984753200240996E-2</v>
      </c>
      <c r="AA327" s="12">
        <f t="shared" si="151"/>
        <v>-0.17801624965770491</v>
      </c>
      <c r="AB327" s="12">
        <f t="shared" si="154"/>
        <v>0</v>
      </c>
      <c r="AC327" s="12">
        <f t="shared" si="155"/>
        <v>1.0712941034886139</v>
      </c>
      <c r="AD327" s="12">
        <f t="shared" si="156"/>
        <v>0</v>
      </c>
      <c r="AE327" s="12">
        <f t="shared" si="157"/>
        <v>0</v>
      </c>
      <c r="AF327" s="12">
        <f t="shared" si="158"/>
        <v>0</v>
      </c>
      <c r="AG327" s="12">
        <f t="shared" si="159"/>
        <v>0</v>
      </c>
      <c r="AH327" s="12">
        <f>AC327/SUM(AC$2:AG$366)*Input!$D$12</f>
        <v>280.95327360262718</v>
      </c>
      <c r="AI327" s="12">
        <f>AD327/SUM(AC$2:AG$366)*Input!$D$12</f>
        <v>0</v>
      </c>
      <c r="AJ327" s="12">
        <f>AE327/SUM(AC$2:AG$366)*Input!$D$12</f>
        <v>0</v>
      </c>
      <c r="AK327" s="12">
        <f>AF327/SUM(AC$2:AG$366)*Input!$D$12</f>
        <v>0</v>
      </c>
      <c r="AL327" s="12">
        <f>AG327/SUM(AC$2:AG$366)*Input!$D$12</f>
        <v>0</v>
      </c>
      <c r="AM327" s="12">
        <f t="shared" si="160"/>
        <v>8.4285982080788155</v>
      </c>
      <c r="AN327" s="12">
        <f t="shared" si="161"/>
        <v>28.095327360262718</v>
      </c>
      <c r="AO327" s="12">
        <f t="shared" si="162"/>
        <v>42.142991040394072</v>
      </c>
      <c r="AP327" s="12">
        <f t="shared" si="163"/>
        <v>202.28635699389156</v>
      </c>
      <c r="AQ327" s="12">
        <f t="shared" si="164"/>
        <v>0</v>
      </c>
      <c r="AR327" s="11">
        <f t="shared" si="165"/>
        <v>280.95327360262718</v>
      </c>
    </row>
    <row r="328" spans="16:44" x14ac:dyDescent="0.3">
      <c r="P328" s="10">
        <f t="shared" si="166"/>
        <v>45618</v>
      </c>
      <c r="Q328" s="29">
        <v>1.3</v>
      </c>
      <c r="R328" s="29">
        <f t="shared" si="152"/>
        <v>5</v>
      </c>
      <c r="S328" s="12">
        <f t="shared" si="144"/>
        <v>1.085192073005006</v>
      </c>
      <c r="T328" s="12">
        <f t="shared" si="145"/>
        <v>1.4695351264848711</v>
      </c>
      <c r="U328" s="12">
        <f t="shared" si="146"/>
        <v>1.771938814155029</v>
      </c>
      <c r="V328" s="12">
        <f t="shared" si="147"/>
        <v>2.5404025087253199</v>
      </c>
      <c r="W328" s="12">
        <f t="shared" si="153"/>
        <v>0</v>
      </c>
      <c r="X328" s="12">
        <f t="shared" si="148"/>
        <v>-1.544218835154681E-2</v>
      </c>
      <c r="Y328" s="12">
        <f t="shared" si="149"/>
        <v>-5.875924024232846E-2</v>
      </c>
      <c r="Z328" s="12">
        <f t="shared" si="150"/>
        <v>-9.5984753200240996E-2</v>
      </c>
      <c r="AA328" s="12">
        <f t="shared" si="151"/>
        <v>-0.17801624965770491</v>
      </c>
      <c r="AB328" s="12">
        <f t="shared" si="154"/>
        <v>0</v>
      </c>
      <c r="AC328" s="12">
        <f t="shared" si="155"/>
        <v>1.065117228147995</v>
      </c>
      <c r="AD328" s="12">
        <f t="shared" si="156"/>
        <v>0</v>
      </c>
      <c r="AE328" s="12">
        <f t="shared" si="157"/>
        <v>0</v>
      </c>
      <c r="AF328" s="12">
        <f t="shared" si="158"/>
        <v>0</v>
      </c>
      <c r="AG328" s="12">
        <f t="shared" si="159"/>
        <v>0</v>
      </c>
      <c r="AH328" s="12">
        <f>AC328/SUM(AC$2:AG$366)*Input!$D$12</f>
        <v>279.33335117242723</v>
      </c>
      <c r="AI328" s="12">
        <f>AD328/SUM(AC$2:AG$366)*Input!$D$12</f>
        <v>0</v>
      </c>
      <c r="AJ328" s="12">
        <f>AE328/SUM(AC$2:AG$366)*Input!$D$12</f>
        <v>0</v>
      </c>
      <c r="AK328" s="12">
        <f>AF328/SUM(AC$2:AG$366)*Input!$D$12</f>
        <v>0</v>
      </c>
      <c r="AL328" s="12">
        <f>AG328/SUM(AC$2:AG$366)*Input!$D$12</f>
        <v>0</v>
      </c>
      <c r="AM328" s="12">
        <f t="shared" si="160"/>
        <v>8.3800005351728171</v>
      </c>
      <c r="AN328" s="12">
        <f t="shared" si="161"/>
        <v>27.933335117242724</v>
      </c>
      <c r="AO328" s="12">
        <f t="shared" si="162"/>
        <v>41.90000267586408</v>
      </c>
      <c r="AP328" s="12">
        <f t="shared" si="163"/>
        <v>201.1200128441476</v>
      </c>
      <c r="AQ328" s="12">
        <f t="shared" si="164"/>
        <v>0</v>
      </c>
      <c r="AR328" s="11">
        <f t="shared" si="165"/>
        <v>279.33335117242723</v>
      </c>
    </row>
    <row r="329" spans="16:44" x14ac:dyDescent="0.3">
      <c r="P329" s="10">
        <f t="shared" si="166"/>
        <v>45619</v>
      </c>
      <c r="Q329" s="29">
        <v>1.1000000000000001</v>
      </c>
      <c r="R329" s="29">
        <f t="shared" si="152"/>
        <v>6</v>
      </c>
      <c r="S329" s="12">
        <f t="shared" si="144"/>
        <v>0.88136675487947747</v>
      </c>
      <c r="T329" s="12">
        <f t="shared" si="145"/>
        <v>0.40529111994771311</v>
      </c>
      <c r="U329" s="12">
        <f t="shared" si="146"/>
        <v>1.4791569663107089</v>
      </c>
      <c r="V329" s="12">
        <f t="shared" si="147"/>
        <v>1.31124751273035</v>
      </c>
      <c r="W329" s="12">
        <f t="shared" si="153"/>
        <v>1.9424956480203619</v>
      </c>
      <c r="X329" s="12">
        <f t="shared" si="148"/>
        <v>-1.236743869637378E-2</v>
      </c>
      <c r="Y329" s="12">
        <f t="shared" si="149"/>
        <v>-1.3226323007097701E-2</v>
      </c>
      <c r="Z329" s="12">
        <f t="shared" si="150"/>
        <v>-6.6119920832722404E-2</v>
      </c>
      <c r="AA329" s="12">
        <f t="shared" si="151"/>
        <v>-7.5310765362349638E-2</v>
      </c>
      <c r="AB329" s="12">
        <f t="shared" si="154"/>
        <v>-0.1200596025795522</v>
      </c>
      <c r="AC329" s="12">
        <f t="shared" si="155"/>
        <v>0.98395598074623958</v>
      </c>
      <c r="AD329" s="12">
        <f t="shared" si="156"/>
        <v>0.22119913940265054</v>
      </c>
      <c r="AE329" s="12">
        <f t="shared" si="157"/>
        <v>0</v>
      </c>
      <c r="AF329" s="12">
        <f t="shared" si="158"/>
        <v>0</v>
      </c>
      <c r="AG329" s="12">
        <f t="shared" si="159"/>
        <v>0</v>
      </c>
      <c r="AH329" s="12">
        <f>AC329/SUM(AC$2:AG$366)*Input!$D$12</f>
        <v>258.04832955890328</v>
      </c>
      <c r="AI329" s="12">
        <f>AD329/SUM(AC$2:AG$366)*Input!$D$12</f>
        <v>58.010794730299828</v>
      </c>
      <c r="AJ329" s="12">
        <f>AE329/SUM(AC$2:AG$366)*Input!$D$12</f>
        <v>0</v>
      </c>
      <c r="AK329" s="12">
        <f>AF329/SUM(AC$2:AG$366)*Input!$D$12</f>
        <v>0</v>
      </c>
      <c r="AL329" s="12">
        <f>AG329/SUM(AC$2:AG$366)*Input!$D$12</f>
        <v>0</v>
      </c>
      <c r="AM329" s="12">
        <f t="shared" si="160"/>
        <v>5.2261977234504364</v>
      </c>
      <c r="AN329" s="12">
        <f t="shared" si="161"/>
        <v>17.420659078168125</v>
      </c>
      <c r="AO329" s="12">
        <f t="shared" si="162"/>
        <v>26.130988617252186</v>
      </c>
      <c r="AP329" s="12">
        <f t="shared" si="163"/>
        <v>267.28127887033236</v>
      </c>
      <c r="AQ329" s="12">
        <f t="shared" si="164"/>
        <v>0</v>
      </c>
      <c r="AR329" s="11">
        <f t="shared" si="165"/>
        <v>316.05912428920311</v>
      </c>
    </row>
    <row r="330" spans="16:44" x14ac:dyDescent="0.3">
      <c r="P330" s="10">
        <f t="shared" si="166"/>
        <v>45620</v>
      </c>
      <c r="Q330" s="29">
        <v>-1.9</v>
      </c>
      <c r="R330" s="29">
        <f t="shared" si="152"/>
        <v>7</v>
      </c>
      <c r="S330" s="12">
        <f t="shared" si="144"/>
        <v>0.88136675487947747</v>
      </c>
      <c r="T330" s="12">
        <f t="shared" si="145"/>
        <v>0.40529111994771311</v>
      </c>
      <c r="U330" s="12">
        <f t="shared" si="146"/>
        <v>1.4791569663107089</v>
      </c>
      <c r="V330" s="12">
        <f t="shared" si="147"/>
        <v>1.31124751273035</v>
      </c>
      <c r="W330" s="12">
        <f t="shared" si="153"/>
        <v>1.9424956480203619</v>
      </c>
      <c r="X330" s="12">
        <f t="shared" si="148"/>
        <v>-1.236743869637378E-2</v>
      </c>
      <c r="Y330" s="12">
        <f t="shared" si="149"/>
        <v>-1.3226323007097701E-2</v>
      </c>
      <c r="Z330" s="12">
        <f t="shared" si="150"/>
        <v>-6.6119920832722404E-2</v>
      </c>
      <c r="AA330" s="12">
        <f t="shared" si="151"/>
        <v>-7.5310765362349638E-2</v>
      </c>
      <c r="AB330" s="12">
        <f t="shared" si="154"/>
        <v>-0.1200596025795522</v>
      </c>
      <c r="AC330" s="12">
        <f t="shared" si="155"/>
        <v>1.0260262969596943</v>
      </c>
      <c r="AD330" s="12">
        <f t="shared" si="156"/>
        <v>0.24366140376560458</v>
      </c>
      <c r="AE330" s="12">
        <f t="shared" si="157"/>
        <v>0</v>
      </c>
      <c r="AF330" s="12">
        <f t="shared" si="158"/>
        <v>0</v>
      </c>
      <c r="AG330" s="12">
        <f t="shared" si="159"/>
        <v>0</v>
      </c>
      <c r="AH330" s="12">
        <f>AC330/SUM(AC$2:AG$366)*Input!$D$12</f>
        <v>269.08152111963085</v>
      </c>
      <c r="AI330" s="12">
        <f>AD330/SUM(AC$2:AG$366)*Input!$D$12</f>
        <v>63.901657645300126</v>
      </c>
      <c r="AJ330" s="12">
        <f>AE330/SUM(AC$2:AG$366)*Input!$D$12</f>
        <v>0</v>
      </c>
      <c r="AK330" s="12">
        <f>AF330/SUM(AC$2:AG$366)*Input!$D$12</f>
        <v>0</v>
      </c>
      <c r="AL330" s="12">
        <f>AG330/SUM(AC$2:AG$366)*Input!$D$12</f>
        <v>0</v>
      </c>
      <c r="AM330" s="12">
        <f t="shared" si="160"/>
        <v>5.7569060941711845</v>
      </c>
      <c r="AN330" s="12">
        <f t="shared" si="161"/>
        <v>19.189686980570617</v>
      </c>
      <c r="AO330" s="12">
        <f t="shared" si="162"/>
        <v>28.784530470855923</v>
      </c>
      <c r="AP330" s="12">
        <f t="shared" si="163"/>
        <v>279.25205521933327</v>
      </c>
      <c r="AQ330" s="12">
        <f t="shared" si="164"/>
        <v>0</v>
      </c>
      <c r="AR330" s="11">
        <f t="shared" si="165"/>
        <v>332.98317876493098</v>
      </c>
    </row>
    <row r="331" spans="16:44" x14ac:dyDescent="0.3">
      <c r="P331" s="10">
        <f t="shared" si="166"/>
        <v>45621</v>
      </c>
      <c r="Q331" s="29">
        <v>-3.2</v>
      </c>
      <c r="R331" s="29">
        <f t="shared" si="152"/>
        <v>1</v>
      </c>
      <c r="S331" s="12">
        <f t="shared" si="144"/>
        <v>1.085192073005006</v>
      </c>
      <c r="T331" s="12">
        <f t="shared" si="145"/>
        <v>1.4695351264848711</v>
      </c>
      <c r="U331" s="12">
        <f t="shared" si="146"/>
        <v>1.771938814155029</v>
      </c>
      <c r="V331" s="12">
        <f t="shared" si="147"/>
        <v>2.5404025087253199</v>
      </c>
      <c r="W331" s="12">
        <f t="shared" si="153"/>
        <v>0</v>
      </c>
      <c r="X331" s="12">
        <f t="shared" si="148"/>
        <v>-1.544218835154681E-2</v>
      </c>
      <c r="Y331" s="12">
        <f t="shared" si="149"/>
        <v>-5.875924024232846E-2</v>
      </c>
      <c r="Z331" s="12">
        <f t="shared" si="150"/>
        <v>-9.5984753200240996E-2</v>
      </c>
      <c r="AA331" s="12">
        <f t="shared" si="151"/>
        <v>-0.17801624965770491</v>
      </c>
      <c r="AB331" s="12">
        <f t="shared" si="154"/>
        <v>0</v>
      </c>
      <c r="AC331" s="12">
        <f t="shared" si="155"/>
        <v>1.1346070757299558</v>
      </c>
      <c r="AD331" s="12">
        <f t="shared" si="156"/>
        <v>0</v>
      </c>
      <c r="AE331" s="12">
        <f t="shared" si="157"/>
        <v>0</v>
      </c>
      <c r="AF331" s="12">
        <f t="shared" si="158"/>
        <v>0</v>
      </c>
      <c r="AG331" s="12">
        <f t="shared" si="159"/>
        <v>0</v>
      </c>
      <c r="AH331" s="12">
        <f>AC331/SUM(AC$2:AG$366)*Input!$D$12</f>
        <v>297.55747851217694</v>
      </c>
      <c r="AI331" s="12">
        <f>AD331/SUM(AC$2:AG$366)*Input!$D$12</f>
        <v>0</v>
      </c>
      <c r="AJ331" s="12">
        <f>AE331/SUM(AC$2:AG$366)*Input!$D$12</f>
        <v>0</v>
      </c>
      <c r="AK331" s="12">
        <f>AF331/SUM(AC$2:AG$366)*Input!$D$12</f>
        <v>0</v>
      </c>
      <c r="AL331" s="12">
        <f>AG331/SUM(AC$2:AG$366)*Input!$D$12</f>
        <v>0</v>
      </c>
      <c r="AM331" s="12">
        <f t="shared" si="160"/>
        <v>8.9267243553653071</v>
      </c>
      <c r="AN331" s="12">
        <f t="shared" si="161"/>
        <v>29.755747851217695</v>
      </c>
      <c r="AO331" s="12">
        <f t="shared" si="162"/>
        <v>44.633621776826537</v>
      </c>
      <c r="AP331" s="12">
        <f t="shared" si="163"/>
        <v>214.24138452876738</v>
      </c>
      <c r="AQ331" s="12">
        <f t="shared" si="164"/>
        <v>0</v>
      </c>
      <c r="AR331" s="11">
        <f t="shared" si="165"/>
        <v>297.55747851217689</v>
      </c>
    </row>
    <row r="332" spans="16:44" x14ac:dyDescent="0.3">
      <c r="P332" s="10">
        <f t="shared" si="166"/>
        <v>45622</v>
      </c>
      <c r="Q332" s="29">
        <v>-5.8</v>
      </c>
      <c r="R332" s="29">
        <f t="shared" si="152"/>
        <v>2</v>
      </c>
      <c r="S332" s="12">
        <f t="shared" si="144"/>
        <v>1.085192073005006</v>
      </c>
      <c r="T332" s="12">
        <f t="shared" si="145"/>
        <v>1.4695351264848711</v>
      </c>
      <c r="U332" s="12">
        <f t="shared" si="146"/>
        <v>1.771938814155029</v>
      </c>
      <c r="V332" s="12">
        <f t="shared" si="147"/>
        <v>2.5404025087253199</v>
      </c>
      <c r="W332" s="12">
        <f t="shared" si="153"/>
        <v>0</v>
      </c>
      <c r="X332" s="12">
        <f t="shared" si="148"/>
        <v>-1.544218835154681E-2</v>
      </c>
      <c r="Y332" s="12">
        <f t="shared" si="149"/>
        <v>-5.875924024232846E-2</v>
      </c>
      <c r="Z332" s="12">
        <f t="shared" si="150"/>
        <v>-9.5984753200240996E-2</v>
      </c>
      <c r="AA332" s="12">
        <f t="shared" si="151"/>
        <v>-0.17801624965770491</v>
      </c>
      <c r="AB332" s="12">
        <f t="shared" si="154"/>
        <v>0</v>
      </c>
      <c r="AC332" s="12">
        <f t="shared" si="155"/>
        <v>1.1747567654439774</v>
      </c>
      <c r="AD332" s="12">
        <f t="shared" si="156"/>
        <v>0</v>
      </c>
      <c r="AE332" s="12">
        <f t="shared" si="157"/>
        <v>0</v>
      </c>
      <c r="AF332" s="12">
        <f t="shared" si="158"/>
        <v>0</v>
      </c>
      <c r="AG332" s="12">
        <f t="shared" si="159"/>
        <v>0</v>
      </c>
      <c r="AH332" s="12">
        <f>AC332/SUM(AC$2:AG$366)*Input!$D$12</f>
        <v>308.08697430847667</v>
      </c>
      <c r="AI332" s="12">
        <f>AD332/SUM(AC$2:AG$366)*Input!$D$12</f>
        <v>0</v>
      </c>
      <c r="AJ332" s="12">
        <f>AE332/SUM(AC$2:AG$366)*Input!$D$12</f>
        <v>0</v>
      </c>
      <c r="AK332" s="12">
        <f>AF332/SUM(AC$2:AG$366)*Input!$D$12</f>
        <v>0</v>
      </c>
      <c r="AL332" s="12">
        <f>AG332/SUM(AC$2:AG$366)*Input!$D$12</f>
        <v>0</v>
      </c>
      <c r="AM332" s="12">
        <f t="shared" si="160"/>
        <v>9.242609229254299</v>
      </c>
      <c r="AN332" s="12">
        <f t="shared" si="161"/>
        <v>30.808697430847669</v>
      </c>
      <c r="AO332" s="12">
        <f t="shared" si="162"/>
        <v>46.213046146271502</v>
      </c>
      <c r="AP332" s="12">
        <f t="shared" si="163"/>
        <v>221.8226215021032</v>
      </c>
      <c r="AQ332" s="12">
        <f t="shared" si="164"/>
        <v>0</v>
      </c>
      <c r="AR332" s="11">
        <f t="shared" si="165"/>
        <v>308.08697430847667</v>
      </c>
    </row>
    <row r="333" spans="16:44" x14ac:dyDescent="0.3">
      <c r="P333" s="10">
        <f t="shared" si="166"/>
        <v>45623</v>
      </c>
      <c r="Q333" s="29">
        <v>-7.5</v>
      </c>
      <c r="R333" s="29">
        <f t="shared" si="152"/>
        <v>3</v>
      </c>
      <c r="S333" s="12">
        <f t="shared" si="144"/>
        <v>1.085192073005006</v>
      </c>
      <c r="T333" s="12">
        <f t="shared" si="145"/>
        <v>1.4695351264848711</v>
      </c>
      <c r="U333" s="12">
        <f t="shared" si="146"/>
        <v>1.771938814155029</v>
      </c>
      <c r="V333" s="12">
        <f t="shared" si="147"/>
        <v>2.5404025087253199</v>
      </c>
      <c r="W333" s="12">
        <f t="shared" si="153"/>
        <v>0</v>
      </c>
      <c r="X333" s="12">
        <f t="shared" si="148"/>
        <v>-1.544218835154681E-2</v>
      </c>
      <c r="Y333" s="12">
        <f t="shared" si="149"/>
        <v>-5.875924024232846E-2</v>
      </c>
      <c r="Z333" s="12">
        <f t="shared" si="150"/>
        <v>-9.5984753200240996E-2</v>
      </c>
      <c r="AA333" s="12">
        <f t="shared" si="151"/>
        <v>-0.17801624965770491</v>
      </c>
      <c r="AB333" s="12">
        <f t="shared" si="154"/>
        <v>0</v>
      </c>
      <c r="AC333" s="12">
        <f t="shared" si="155"/>
        <v>1.201008485641607</v>
      </c>
      <c r="AD333" s="12">
        <f t="shared" si="156"/>
        <v>0</v>
      </c>
      <c r="AE333" s="12">
        <f t="shared" si="157"/>
        <v>0</v>
      </c>
      <c r="AF333" s="12">
        <f t="shared" si="158"/>
        <v>0</v>
      </c>
      <c r="AG333" s="12">
        <f t="shared" si="159"/>
        <v>0</v>
      </c>
      <c r="AH333" s="12">
        <f>AC333/SUM(AC$2:AG$366)*Input!$D$12</f>
        <v>314.97164463682657</v>
      </c>
      <c r="AI333" s="12">
        <f>AD333/SUM(AC$2:AG$366)*Input!$D$12</f>
        <v>0</v>
      </c>
      <c r="AJ333" s="12">
        <f>AE333/SUM(AC$2:AG$366)*Input!$D$12</f>
        <v>0</v>
      </c>
      <c r="AK333" s="12">
        <f>AF333/SUM(AC$2:AG$366)*Input!$D$12</f>
        <v>0</v>
      </c>
      <c r="AL333" s="12">
        <f>AG333/SUM(AC$2:AG$366)*Input!$D$12</f>
        <v>0</v>
      </c>
      <c r="AM333" s="12">
        <f t="shared" si="160"/>
        <v>9.449149339104796</v>
      </c>
      <c r="AN333" s="12">
        <f t="shared" si="161"/>
        <v>31.497164463682658</v>
      </c>
      <c r="AO333" s="12">
        <f t="shared" si="162"/>
        <v>47.245746695523984</v>
      </c>
      <c r="AP333" s="12">
        <f t="shared" si="163"/>
        <v>226.77958413851513</v>
      </c>
      <c r="AQ333" s="12">
        <f t="shared" si="164"/>
        <v>0</v>
      </c>
      <c r="AR333" s="11">
        <f t="shared" si="165"/>
        <v>314.97164463682657</v>
      </c>
    </row>
    <row r="334" spans="16:44" x14ac:dyDescent="0.3">
      <c r="P334" s="10">
        <f t="shared" si="166"/>
        <v>45624</v>
      </c>
      <c r="Q334" s="29">
        <v>-4.3</v>
      </c>
      <c r="R334" s="29">
        <f t="shared" si="152"/>
        <v>4</v>
      </c>
      <c r="S334" s="12">
        <f t="shared" si="144"/>
        <v>1.085192073005006</v>
      </c>
      <c r="T334" s="12">
        <f t="shared" si="145"/>
        <v>1.4695351264848711</v>
      </c>
      <c r="U334" s="12">
        <f t="shared" si="146"/>
        <v>1.771938814155029</v>
      </c>
      <c r="V334" s="12">
        <f t="shared" si="147"/>
        <v>2.5404025087253199</v>
      </c>
      <c r="W334" s="12">
        <f t="shared" si="153"/>
        <v>0</v>
      </c>
      <c r="X334" s="12">
        <f t="shared" si="148"/>
        <v>-1.544218835154681E-2</v>
      </c>
      <c r="Y334" s="12">
        <f t="shared" si="149"/>
        <v>-5.875924024232846E-2</v>
      </c>
      <c r="Z334" s="12">
        <f t="shared" si="150"/>
        <v>-9.5984753200240996E-2</v>
      </c>
      <c r="AA334" s="12">
        <f t="shared" si="151"/>
        <v>-0.17801624965770491</v>
      </c>
      <c r="AB334" s="12">
        <f t="shared" si="154"/>
        <v>0</v>
      </c>
      <c r="AC334" s="12">
        <f t="shared" si="155"/>
        <v>1.1515934829166572</v>
      </c>
      <c r="AD334" s="12">
        <f t="shared" si="156"/>
        <v>0</v>
      </c>
      <c r="AE334" s="12">
        <f t="shared" si="157"/>
        <v>0</v>
      </c>
      <c r="AF334" s="12">
        <f t="shared" si="158"/>
        <v>0</v>
      </c>
      <c r="AG334" s="12">
        <f t="shared" si="159"/>
        <v>0</v>
      </c>
      <c r="AH334" s="12">
        <f>AC334/SUM(AC$2:AG$366)*Input!$D$12</f>
        <v>302.0122651952268</v>
      </c>
      <c r="AI334" s="12">
        <f>AD334/SUM(AC$2:AG$366)*Input!$D$12</f>
        <v>0</v>
      </c>
      <c r="AJ334" s="12">
        <f>AE334/SUM(AC$2:AG$366)*Input!$D$12</f>
        <v>0</v>
      </c>
      <c r="AK334" s="12">
        <f>AF334/SUM(AC$2:AG$366)*Input!$D$12</f>
        <v>0</v>
      </c>
      <c r="AL334" s="12">
        <f>AG334/SUM(AC$2:AG$366)*Input!$D$12</f>
        <v>0</v>
      </c>
      <c r="AM334" s="12">
        <f t="shared" si="160"/>
        <v>9.0603679558568029</v>
      </c>
      <c r="AN334" s="12">
        <f t="shared" si="161"/>
        <v>30.201226519522681</v>
      </c>
      <c r="AO334" s="12">
        <f t="shared" si="162"/>
        <v>45.301839779284016</v>
      </c>
      <c r="AP334" s="12">
        <f t="shared" si="163"/>
        <v>217.44883094056328</v>
      </c>
      <c r="AQ334" s="12">
        <f t="shared" si="164"/>
        <v>0</v>
      </c>
      <c r="AR334" s="11">
        <f t="shared" si="165"/>
        <v>302.01226519522675</v>
      </c>
    </row>
    <row r="335" spans="16:44" x14ac:dyDescent="0.3">
      <c r="P335" s="10">
        <f t="shared" si="166"/>
        <v>45625</v>
      </c>
      <c r="Q335" s="29">
        <v>-6.2</v>
      </c>
      <c r="R335" s="29">
        <f t="shared" si="152"/>
        <v>5</v>
      </c>
      <c r="S335" s="12">
        <f t="shared" si="144"/>
        <v>1.085192073005006</v>
      </c>
      <c r="T335" s="12">
        <f t="shared" si="145"/>
        <v>1.4695351264848711</v>
      </c>
      <c r="U335" s="12">
        <f t="shared" si="146"/>
        <v>1.771938814155029</v>
      </c>
      <c r="V335" s="12">
        <f t="shared" si="147"/>
        <v>2.5404025087253199</v>
      </c>
      <c r="W335" s="12">
        <f t="shared" si="153"/>
        <v>0</v>
      </c>
      <c r="X335" s="12">
        <f t="shared" si="148"/>
        <v>-1.544218835154681E-2</v>
      </c>
      <c r="Y335" s="12">
        <f t="shared" si="149"/>
        <v>-5.875924024232846E-2</v>
      </c>
      <c r="Z335" s="12">
        <f t="shared" si="150"/>
        <v>-9.5984753200240996E-2</v>
      </c>
      <c r="AA335" s="12">
        <f t="shared" si="151"/>
        <v>-0.17801624965770491</v>
      </c>
      <c r="AB335" s="12">
        <f t="shared" si="154"/>
        <v>0</v>
      </c>
      <c r="AC335" s="12">
        <f t="shared" si="155"/>
        <v>1.1809336407845963</v>
      </c>
      <c r="AD335" s="12">
        <f t="shared" si="156"/>
        <v>0</v>
      </c>
      <c r="AE335" s="12">
        <f t="shared" si="157"/>
        <v>0</v>
      </c>
      <c r="AF335" s="12">
        <f t="shared" si="158"/>
        <v>0</v>
      </c>
      <c r="AG335" s="12">
        <f t="shared" si="159"/>
        <v>0</v>
      </c>
      <c r="AH335" s="12">
        <f>AC335/SUM(AC$2:AG$366)*Input!$D$12</f>
        <v>309.70689673867668</v>
      </c>
      <c r="AI335" s="12">
        <f>AD335/SUM(AC$2:AG$366)*Input!$D$12</f>
        <v>0</v>
      </c>
      <c r="AJ335" s="12">
        <f>AE335/SUM(AC$2:AG$366)*Input!$D$12</f>
        <v>0</v>
      </c>
      <c r="AK335" s="12">
        <f>AF335/SUM(AC$2:AG$366)*Input!$D$12</f>
        <v>0</v>
      </c>
      <c r="AL335" s="12">
        <f>AG335/SUM(AC$2:AG$366)*Input!$D$12</f>
        <v>0</v>
      </c>
      <c r="AM335" s="12">
        <f t="shared" si="160"/>
        <v>9.2912069021602992</v>
      </c>
      <c r="AN335" s="12">
        <f t="shared" si="161"/>
        <v>30.970689673867668</v>
      </c>
      <c r="AO335" s="12">
        <f t="shared" si="162"/>
        <v>46.456034510801501</v>
      </c>
      <c r="AP335" s="12">
        <f t="shared" si="163"/>
        <v>222.9889656518472</v>
      </c>
      <c r="AQ335" s="12">
        <f t="shared" si="164"/>
        <v>0</v>
      </c>
      <c r="AR335" s="11">
        <f t="shared" si="165"/>
        <v>309.70689673867668</v>
      </c>
    </row>
    <row r="336" spans="16:44" x14ac:dyDescent="0.3">
      <c r="P336" s="10">
        <f t="shared" si="166"/>
        <v>45626</v>
      </c>
      <c r="Q336" s="29">
        <v>-6.8</v>
      </c>
      <c r="R336" s="29">
        <f t="shared" si="152"/>
        <v>6</v>
      </c>
      <c r="S336" s="12">
        <f t="shared" si="144"/>
        <v>0.88136675487947747</v>
      </c>
      <c r="T336" s="12">
        <f t="shared" si="145"/>
        <v>0.40529111994771311</v>
      </c>
      <c r="U336" s="12">
        <f t="shared" si="146"/>
        <v>1.4791569663107089</v>
      </c>
      <c r="V336" s="12">
        <f t="shared" si="147"/>
        <v>1.31124751273035</v>
      </c>
      <c r="W336" s="12">
        <f t="shared" si="153"/>
        <v>1.9424956480203619</v>
      </c>
      <c r="X336" s="12">
        <f t="shared" si="148"/>
        <v>-1.236743869637378E-2</v>
      </c>
      <c r="Y336" s="12">
        <f t="shared" si="149"/>
        <v>-1.3226323007097701E-2</v>
      </c>
      <c r="Z336" s="12">
        <f t="shared" si="150"/>
        <v>-6.6119920832722404E-2</v>
      </c>
      <c r="AA336" s="12">
        <f t="shared" si="151"/>
        <v>-7.5310765362349638E-2</v>
      </c>
      <c r="AB336" s="12">
        <f t="shared" si="154"/>
        <v>-0.1200596025795522</v>
      </c>
      <c r="AC336" s="12">
        <f t="shared" si="155"/>
        <v>1.0947411467750037</v>
      </c>
      <c r="AD336" s="12">
        <f t="shared" si="156"/>
        <v>0.28034976889176283</v>
      </c>
      <c r="AE336" s="12">
        <f t="shared" si="157"/>
        <v>0</v>
      </c>
      <c r="AF336" s="12">
        <f t="shared" si="158"/>
        <v>0</v>
      </c>
      <c r="AG336" s="12">
        <f t="shared" si="159"/>
        <v>0</v>
      </c>
      <c r="AH336" s="12">
        <f>AC336/SUM(AC$2:AG$366)*Input!$D$12</f>
        <v>287.1024006688192</v>
      </c>
      <c r="AI336" s="12">
        <f>AD336/SUM(AC$2:AG$366)*Input!$D$12</f>
        <v>73.523400406467275</v>
      </c>
      <c r="AJ336" s="12">
        <f>AE336/SUM(AC$2:AG$366)*Input!$D$12</f>
        <v>0</v>
      </c>
      <c r="AK336" s="12">
        <f>AF336/SUM(AC$2:AG$366)*Input!$D$12</f>
        <v>0</v>
      </c>
      <c r="AL336" s="12">
        <f>AG336/SUM(AC$2:AG$366)*Input!$D$12</f>
        <v>0</v>
      </c>
      <c r="AM336" s="12">
        <f t="shared" si="160"/>
        <v>6.6237297663484052</v>
      </c>
      <c r="AN336" s="12">
        <f t="shared" si="161"/>
        <v>22.079099221161353</v>
      </c>
      <c r="AO336" s="12">
        <f t="shared" si="162"/>
        <v>33.118648831742028</v>
      </c>
      <c r="AP336" s="12">
        <f t="shared" si="163"/>
        <v>298.80432325603471</v>
      </c>
      <c r="AQ336" s="12">
        <f t="shared" si="164"/>
        <v>0</v>
      </c>
      <c r="AR336" s="11">
        <f t="shared" si="165"/>
        <v>360.62580107528652</v>
      </c>
    </row>
    <row r="337" spans="16:44" x14ac:dyDescent="0.3">
      <c r="P337" s="10">
        <f t="shared" si="166"/>
        <v>45627</v>
      </c>
      <c r="Q337" s="29">
        <v>-8.1999999999999993</v>
      </c>
      <c r="R337" s="29">
        <f t="shared" si="152"/>
        <v>7</v>
      </c>
      <c r="S337" s="12">
        <f t="shared" si="144"/>
        <v>0.88136675487947747</v>
      </c>
      <c r="T337" s="12">
        <f t="shared" si="145"/>
        <v>0.40529111994771311</v>
      </c>
      <c r="U337" s="12">
        <f t="shared" si="146"/>
        <v>1.4791569663107089</v>
      </c>
      <c r="V337" s="12">
        <f t="shared" si="147"/>
        <v>1.31124751273035</v>
      </c>
      <c r="W337" s="12">
        <f t="shared" si="153"/>
        <v>1.9424956480203619</v>
      </c>
      <c r="X337" s="12">
        <f t="shared" si="148"/>
        <v>-1.236743869637378E-2</v>
      </c>
      <c r="Y337" s="12">
        <f t="shared" si="149"/>
        <v>-1.3226323007097701E-2</v>
      </c>
      <c r="Z337" s="12">
        <f t="shared" si="150"/>
        <v>-6.6119920832722404E-2</v>
      </c>
      <c r="AA337" s="12">
        <f t="shared" si="151"/>
        <v>-7.5310765362349638E-2</v>
      </c>
      <c r="AB337" s="12">
        <f t="shared" si="154"/>
        <v>-0.1200596025795522</v>
      </c>
      <c r="AC337" s="12">
        <f t="shared" si="155"/>
        <v>1.1143739610079491</v>
      </c>
      <c r="AD337" s="12">
        <f t="shared" si="156"/>
        <v>0.29083215892780806</v>
      </c>
      <c r="AE337" s="12">
        <f t="shared" si="157"/>
        <v>0</v>
      </c>
      <c r="AF337" s="12">
        <f t="shared" si="158"/>
        <v>0</v>
      </c>
      <c r="AG337" s="12">
        <f t="shared" si="159"/>
        <v>0</v>
      </c>
      <c r="AH337" s="12">
        <f>AC337/SUM(AC$2:AG$366)*Input!$D$12</f>
        <v>292.2512233971587</v>
      </c>
      <c r="AI337" s="12">
        <f>AD337/SUM(AC$2:AG$366)*Input!$D$12</f>
        <v>76.272469766800754</v>
      </c>
      <c r="AJ337" s="12">
        <f>AE337/SUM(AC$2:AG$366)*Input!$D$12</f>
        <v>0</v>
      </c>
      <c r="AK337" s="12">
        <f>AF337/SUM(AC$2:AG$366)*Input!$D$12</f>
        <v>0</v>
      </c>
      <c r="AL337" s="12">
        <f>AG337/SUM(AC$2:AG$366)*Input!$D$12</f>
        <v>0</v>
      </c>
      <c r="AM337" s="12">
        <f t="shared" si="160"/>
        <v>6.8713936726847544</v>
      </c>
      <c r="AN337" s="12">
        <f t="shared" si="161"/>
        <v>22.904645575615852</v>
      </c>
      <c r="AO337" s="12">
        <f t="shared" si="162"/>
        <v>34.356968363423775</v>
      </c>
      <c r="AP337" s="12">
        <f t="shared" si="163"/>
        <v>304.39068555223508</v>
      </c>
      <c r="AQ337" s="12">
        <f t="shared" si="164"/>
        <v>0</v>
      </c>
      <c r="AR337" s="11">
        <f t="shared" si="165"/>
        <v>368.52369316395948</v>
      </c>
    </row>
    <row r="338" spans="16:44" x14ac:dyDescent="0.3">
      <c r="P338" s="10">
        <f t="shared" si="166"/>
        <v>45628</v>
      </c>
      <c r="Q338" s="29">
        <v>-7.6</v>
      </c>
      <c r="R338" s="29">
        <f t="shared" si="152"/>
        <v>1</v>
      </c>
      <c r="S338" s="12">
        <f t="shared" si="144"/>
        <v>1.085192073005006</v>
      </c>
      <c r="T338" s="12">
        <f t="shared" si="145"/>
        <v>1.4695351264848711</v>
      </c>
      <c r="U338" s="12">
        <f t="shared" si="146"/>
        <v>1.771938814155029</v>
      </c>
      <c r="V338" s="12">
        <f t="shared" si="147"/>
        <v>2.5404025087253199</v>
      </c>
      <c r="W338" s="12">
        <f t="shared" si="153"/>
        <v>0</v>
      </c>
      <c r="X338" s="12">
        <f t="shared" si="148"/>
        <v>-1.544218835154681E-2</v>
      </c>
      <c r="Y338" s="12">
        <f t="shared" si="149"/>
        <v>-5.875924024232846E-2</v>
      </c>
      <c r="Z338" s="12">
        <f t="shared" si="150"/>
        <v>-9.5984753200240996E-2</v>
      </c>
      <c r="AA338" s="12">
        <f t="shared" si="151"/>
        <v>-0.17801624965770491</v>
      </c>
      <c r="AB338" s="12">
        <f t="shared" si="154"/>
        <v>0</v>
      </c>
      <c r="AC338" s="12">
        <f t="shared" si="155"/>
        <v>1.2025527044767617</v>
      </c>
      <c r="AD338" s="12">
        <f t="shared" si="156"/>
        <v>0</v>
      </c>
      <c r="AE338" s="12">
        <f t="shared" si="157"/>
        <v>0</v>
      </c>
      <c r="AF338" s="12">
        <f t="shared" si="158"/>
        <v>0</v>
      </c>
      <c r="AG338" s="12">
        <f t="shared" si="159"/>
        <v>0</v>
      </c>
      <c r="AH338" s="12">
        <f>AC338/SUM(AC$2:AG$366)*Input!$D$12</f>
        <v>315.37662524437656</v>
      </c>
      <c r="AI338" s="12">
        <f>AD338/SUM(AC$2:AG$366)*Input!$D$12</f>
        <v>0</v>
      </c>
      <c r="AJ338" s="12">
        <f>AE338/SUM(AC$2:AG$366)*Input!$D$12</f>
        <v>0</v>
      </c>
      <c r="AK338" s="12">
        <f>AF338/SUM(AC$2:AG$366)*Input!$D$12</f>
        <v>0</v>
      </c>
      <c r="AL338" s="12">
        <f>AG338/SUM(AC$2:AG$366)*Input!$D$12</f>
        <v>0</v>
      </c>
      <c r="AM338" s="12">
        <f t="shared" si="160"/>
        <v>9.4612987573312957</v>
      </c>
      <c r="AN338" s="12">
        <f t="shared" si="161"/>
        <v>31.537662524437657</v>
      </c>
      <c r="AO338" s="12">
        <f t="shared" si="162"/>
        <v>47.306493786656482</v>
      </c>
      <c r="AP338" s="12">
        <f t="shared" si="163"/>
        <v>227.07117017595112</v>
      </c>
      <c r="AQ338" s="12">
        <f t="shared" si="164"/>
        <v>0</v>
      </c>
      <c r="AR338" s="11">
        <f t="shared" si="165"/>
        <v>315.37662524437656</v>
      </c>
    </row>
    <row r="339" spans="16:44" x14ac:dyDescent="0.3">
      <c r="P339" s="10">
        <f t="shared" si="166"/>
        <v>45629</v>
      </c>
      <c r="Q339" s="29">
        <v>-7.8</v>
      </c>
      <c r="R339" s="29">
        <f t="shared" si="152"/>
        <v>2</v>
      </c>
      <c r="S339" s="12">
        <f t="shared" si="144"/>
        <v>1.085192073005006</v>
      </c>
      <c r="T339" s="12">
        <f t="shared" si="145"/>
        <v>1.4695351264848711</v>
      </c>
      <c r="U339" s="12">
        <f t="shared" si="146"/>
        <v>1.771938814155029</v>
      </c>
      <c r="V339" s="12">
        <f t="shared" si="147"/>
        <v>2.5404025087253199</v>
      </c>
      <c r="W339" s="12">
        <f t="shared" si="153"/>
        <v>0</v>
      </c>
      <c r="X339" s="12">
        <f t="shared" si="148"/>
        <v>-1.544218835154681E-2</v>
      </c>
      <c r="Y339" s="12">
        <f t="shared" si="149"/>
        <v>-5.875924024232846E-2</v>
      </c>
      <c r="Z339" s="12">
        <f t="shared" si="150"/>
        <v>-9.5984753200240996E-2</v>
      </c>
      <c r="AA339" s="12">
        <f t="shared" si="151"/>
        <v>-0.17801624965770491</v>
      </c>
      <c r="AB339" s="12">
        <f t="shared" si="154"/>
        <v>0</v>
      </c>
      <c r="AC339" s="12">
        <f t="shared" si="155"/>
        <v>1.2056411421470712</v>
      </c>
      <c r="AD339" s="12">
        <f t="shared" si="156"/>
        <v>0</v>
      </c>
      <c r="AE339" s="12">
        <f t="shared" si="157"/>
        <v>0</v>
      </c>
      <c r="AF339" s="12">
        <f t="shared" si="158"/>
        <v>0</v>
      </c>
      <c r="AG339" s="12">
        <f t="shared" si="159"/>
        <v>0</v>
      </c>
      <c r="AH339" s="12">
        <f>AC339/SUM(AC$2:AG$366)*Input!$D$12</f>
        <v>316.18658645947659</v>
      </c>
      <c r="AI339" s="12">
        <f>AD339/SUM(AC$2:AG$366)*Input!$D$12</f>
        <v>0</v>
      </c>
      <c r="AJ339" s="12">
        <f>AE339/SUM(AC$2:AG$366)*Input!$D$12</f>
        <v>0</v>
      </c>
      <c r="AK339" s="12">
        <f>AF339/SUM(AC$2:AG$366)*Input!$D$12</f>
        <v>0</v>
      </c>
      <c r="AL339" s="12">
        <f>AG339/SUM(AC$2:AG$366)*Input!$D$12</f>
        <v>0</v>
      </c>
      <c r="AM339" s="12">
        <f t="shared" si="160"/>
        <v>9.4855975937842967</v>
      </c>
      <c r="AN339" s="12">
        <f t="shared" si="161"/>
        <v>31.618658645947662</v>
      </c>
      <c r="AO339" s="12">
        <f t="shared" si="162"/>
        <v>47.427987968921485</v>
      </c>
      <c r="AP339" s="12">
        <f t="shared" si="163"/>
        <v>227.65434225082313</v>
      </c>
      <c r="AQ339" s="12">
        <f t="shared" si="164"/>
        <v>0</v>
      </c>
      <c r="AR339" s="11">
        <f t="shared" si="165"/>
        <v>316.18658645947659</v>
      </c>
    </row>
    <row r="340" spans="16:44" x14ac:dyDescent="0.3">
      <c r="P340" s="10">
        <f t="shared" si="166"/>
        <v>45630</v>
      </c>
      <c r="Q340" s="29">
        <v>-4.7</v>
      </c>
      <c r="R340" s="29">
        <f t="shared" si="152"/>
        <v>3</v>
      </c>
      <c r="S340" s="12">
        <f t="shared" si="144"/>
        <v>1.085192073005006</v>
      </c>
      <c r="T340" s="12">
        <f t="shared" si="145"/>
        <v>1.4695351264848711</v>
      </c>
      <c r="U340" s="12">
        <f t="shared" si="146"/>
        <v>1.771938814155029</v>
      </c>
      <c r="V340" s="12">
        <f t="shared" si="147"/>
        <v>2.5404025087253199</v>
      </c>
      <c r="W340" s="12">
        <f t="shared" si="153"/>
        <v>0</v>
      </c>
      <c r="X340" s="12">
        <f t="shared" si="148"/>
        <v>-1.544218835154681E-2</v>
      </c>
      <c r="Y340" s="12">
        <f t="shared" si="149"/>
        <v>-5.875924024232846E-2</v>
      </c>
      <c r="Z340" s="12">
        <f t="shared" si="150"/>
        <v>-9.5984753200240996E-2</v>
      </c>
      <c r="AA340" s="12">
        <f t="shared" si="151"/>
        <v>-0.17801624965770491</v>
      </c>
      <c r="AB340" s="12">
        <f t="shared" si="154"/>
        <v>0</v>
      </c>
      <c r="AC340" s="12">
        <f t="shared" si="155"/>
        <v>1.157770358257276</v>
      </c>
      <c r="AD340" s="12">
        <f t="shared" si="156"/>
        <v>0</v>
      </c>
      <c r="AE340" s="12">
        <f t="shared" si="157"/>
        <v>0</v>
      </c>
      <c r="AF340" s="12">
        <f t="shared" si="158"/>
        <v>0</v>
      </c>
      <c r="AG340" s="12">
        <f t="shared" si="159"/>
        <v>0</v>
      </c>
      <c r="AH340" s="12">
        <f>AC340/SUM(AC$2:AG$366)*Input!$D$12</f>
        <v>303.63218762542681</v>
      </c>
      <c r="AI340" s="12">
        <f>AD340/SUM(AC$2:AG$366)*Input!$D$12</f>
        <v>0</v>
      </c>
      <c r="AJ340" s="12">
        <f>AE340/SUM(AC$2:AG$366)*Input!$D$12</f>
        <v>0</v>
      </c>
      <c r="AK340" s="12">
        <f>AF340/SUM(AC$2:AG$366)*Input!$D$12</f>
        <v>0</v>
      </c>
      <c r="AL340" s="12">
        <f>AG340/SUM(AC$2:AG$366)*Input!$D$12</f>
        <v>0</v>
      </c>
      <c r="AM340" s="12">
        <f t="shared" si="160"/>
        <v>9.1089656287628031</v>
      </c>
      <c r="AN340" s="12">
        <f t="shared" si="161"/>
        <v>30.363218762542683</v>
      </c>
      <c r="AO340" s="12">
        <f t="shared" si="162"/>
        <v>45.544828143814023</v>
      </c>
      <c r="AP340" s="12">
        <f t="shared" si="163"/>
        <v>218.6151750903073</v>
      </c>
      <c r="AQ340" s="12">
        <f t="shared" si="164"/>
        <v>0</v>
      </c>
      <c r="AR340" s="11">
        <f t="shared" si="165"/>
        <v>303.63218762542681</v>
      </c>
    </row>
    <row r="341" spans="16:44" x14ac:dyDescent="0.3">
      <c r="P341" s="10">
        <f t="shared" si="166"/>
        <v>45631</v>
      </c>
      <c r="Q341" s="29">
        <v>-4.4000000000000004</v>
      </c>
      <c r="R341" s="29">
        <f t="shared" si="152"/>
        <v>4</v>
      </c>
      <c r="S341" s="12">
        <f t="shared" si="144"/>
        <v>1.085192073005006</v>
      </c>
      <c r="T341" s="12">
        <f t="shared" si="145"/>
        <v>1.4695351264848711</v>
      </c>
      <c r="U341" s="12">
        <f t="shared" si="146"/>
        <v>1.771938814155029</v>
      </c>
      <c r="V341" s="12">
        <f t="shared" si="147"/>
        <v>2.5404025087253199</v>
      </c>
      <c r="W341" s="12">
        <f t="shared" si="153"/>
        <v>0</v>
      </c>
      <c r="X341" s="12">
        <f t="shared" si="148"/>
        <v>-1.544218835154681E-2</v>
      </c>
      <c r="Y341" s="12">
        <f t="shared" si="149"/>
        <v>-5.875924024232846E-2</v>
      </c>
      <c r="Z341" s="12">
        <f t="shared" si="150"/>
        <v>-9.5984753200240996E-2</v>
      </c>
      <c r="AA341" s="12">
        <f t="shared" si="151"/>
        <v>-0.17801624965770491</v>
      </c>
      <c r="AB341" s="12">
        <f t="shared" si="154"/>
        <v>0</v>
      </c>
      <c r="AC341" s="12">
        <f t="shared" si="155"/>
        <v>1.1531377017518118</v>
      </c>
      <c r="AD341" s="12">
        <f t="shared" si="156"/>
        <v>0</v>
      </c>
      <c r="AE341" s="12">
        <f t="shared" si="157"/>
        <v>0</v>
      </c>
      <c r="AF341" s="12">
        <f t="shared" si="158"/>
        <v>0</v>
      </c>
      <c r="AG341" s="12">
        <f t="shared" si="159"/>
        <v>0</v>
      </c>
      <c r="AH341" s="12">
        <f>AC341/SUM(AC$2:AG$366)*Input!$D$12</f>
        <v>302.41724580277679</v>
      </c>
      <c r="AI341" s="12">
        <f>AD341/SUM(AC$2:AG$366)*Input!$D$12</f>
        <v>0</v>
      </c>
      <c r="AJ341" s="12">
        <f>AE341/SUM(AC$2:AG$366)*Input!$D$12</f>
        <v>0</v>
      </c>
      <c r="AK341" s="12">
        <f>AF341/SUM(AC$2:AG$366)*Input!$D$12</f>
        <v>0</v>
      </c>
      <c r="AL341" s="12">
        <f>AG341/SUM(AC$2:AG$366)*Input!$D$12</f>
        <v>0</v>
      </c>
      <c r="AM341" s="12">
        <f t="shared" si="160"/>
        <v>9.0725173740833025</v>
      </c>
      <c r="AN341" s="12">
        <f t="shared" si="161"/>
        <v>30.24172458027768</v>
      </c>
      <c r="AO341" s="12">
        <f t="shared" si="162"/>
        <v>45.362586870416514</v>
      </c>
      <c r="AP341" s="12">
        <f t="shared" si="163"/>
        <v>217.74041697799927</v>
      </c>
      <c r="AQ341" s="12">
        <f t="shared" si="164"/>
        <v>0</v>
      </c>
      <c r="AR341" s="11">
        <f t="shared" si="165"/>
        <v>302.41724580277673</v>
      </c>
    </row>
    <row r="342" spans="16:44" x14ac:dyDescent="0.3">
      <c r="P342" s="10">
        <f t="shared" si="166"/>
        <v>45632</v>
      </c>
      <c r="Q342" s="29">
        <v>-6.7</v>
      </c>
      <c r="R342" s="29">
        <f t="shared" si="152"/>
        <v>5</v>
      </c>
      <c r="S342" s="12">
        <f t="shared" si="144"/>
        <v>1.085192073005006</v>
      </c>
      <c r="T342" s="12">
        <f t="shared" si="145"/>
        <v>1.4695351264848711</v>
      </c>
      <c r="U342" s="12">
        <f t="shared" si="146"/>
        <v>1.771938814155029</v>
      </c>
      <c r="V342" s="12">
        <f t="shared" si="147"/>
        <v>2.5404025087253199</v>
      </c>
      <c r="W342" s="12">
        <f t="shared" si="153"/>
        <v>0</v>
      </c>
      <c r="X342" s="12">
        <f t="shared" si="148"/>
        <v>-1.544218835154681E-2</v>
      </c>
      <c r="Y342" s="12">
        <f t="shared" si="149"/>
        <v>-5.875924024232846E-2</v>
      </c>
      <c r="Z342" s="12">
        <f t="shared" si="150"/>
        <v>-9.5984753200240996E-2</v>
      </c>
      <c r="AA342" s="12">
        <f t="shared" si="151"/>
        <v>-0.17801624965770491</v>
      </c>
      <c r="AB342" s="12">
        <f t="shared" si="154"/>
        <v>0</v>
      </c>
      <c r="AC342" s="12">
        <f t="shared" si="155"/>
        <v>1.1886547349603696</v>
      </c>
      <c r="AD342" s="12">
        <f t="shared" si="156"/>
        <v>0</v>
      </c>
      <c r="AE342" s="12">
        <f t="shared" si="157"/>
        <v>0</v>
      </c>
      <c r="AF342" s="12">
        <f t="shared" si="158"/>
        <v>0</v>
      </c>
      <c r="AG342" s="12">
        <f t="shared" si="159"/>
        <v>0</v>
      </c>
      <c r="AH342" s="12">
        <f>AC342/SUM(AC$2:AG$366)*Input!$D$12</f>
        <v>311.73179977642661</v>
      </c>
      <c r="AI342" s="12">
        <f>AD342/SUM(AC$2:AG$366)*Input!$D$12</f>
        <v>0</v>
      </c>
      <c r="AJ342" s="12">
        <f>AE342/SUM(AC$2:AG$366)*Input!$D$12</f>
        <v>0</v>
      </c>
      <c r="AK342" s="12">
        <f>AF342/SUM(AC$2:AG$366)*Input!$D$12</f>
        <v>0</v>
      </c>
      <c r="AL342" s="12">
        <f>AG342/SUM(AC$2:AG$366)*Input!$D$12</f>
        <v>0</v>
      </c>
      <c r="AM342" s="12">
        <f t="shared" si="160"/>
        <v>9.3519539932927973</v>
      </c>
      <c r="AN342" s="12">
        <f t="shared" si="161"/>
        <v>31.173179977642661</v>
      </c>
      <c r="AO342" s="12">
        <f t="shared" si="162"/>
        <v>46.759769966463992</v>
      </c>
      <c r="AP342" s="12">
        <f t="shared" si="163"/>
        <v>224.44689583902715</v>
      </c>
      <c r="AQ342" s="12">
        <f t="shared" si="164"/>
        <v>0</v>
      </c>
      <c r="AR342" s="11">
        <f t="shared" si="165"/>
        <v>311.73179977642661</v>
      </c>
    </row>
    <row r="343" spans="16:44" x14ac:dyDescent="0.3">
      <c r="P343" s="10">
        <f t="shared" si="166"/>
        <v>45633</v>
      </c>
      <c r="Q343" s="29">
        <v>-7.6</v>
      </c>
      <c r="R343" s="29">
        <f t="shared" si="152"/>
        <v>6</v>
      </c>
      <c r="S343" s="12">
        <f t="shared" si="144"/>
        <v>0.88136675487947747</v>
      </c>
      <c r="T343" s="12">
        <f t="shared" si="145"/>
        <v>0.40529111994771311</v>
      </c>
      <c r="U343" s="12">
        <f t="shared" si="146"/>
        <v>1.4791569663107089</v>
      </c>
      <c r="V343" s="12">
        <f t="shared" si="147"/>
        <v>1.31124751273035</v>
      </c>
      <c r="W343" s="12">
        <f t="shared" si="153"/>
        <v>1.9424956480203619</v>
      </c>
      <c r="X343" s="12">
        <f t="shared" si="148"/>
        <v>-1.236743869637378E-2</v>
      </c>
      <c r="Y343" s="12">
        <f t="shared" si="149"/>
        <v>-1.3226323007097701E-2</v>
      </c>
      <c r="Z343" s="12">
        <f t="shared" si="150"/>
        <v>-6.6119920832722404E-2</v>
      </c>
      <c r="AA343" s="12">
        <f t="shared" si="151"/>
        <v>-7.5310765362349638E-2</v>
      </c>
      <c r="AB343" s="12">
        <f t="shared" si="154"/>
        <v>-0.1200596025795522</v>
      </c>
      <c r="AC343" s="12">
        <f t="shared" si="155"/>
        <v>1.105959897765258</v>
      </c>
      <c r="AD343" s="12">
        <f t="shared" si="156"/>
        <v>0.28633970605521719</v>
      </c>
      <c r="AE343" s="12">
        <f t="shared" si="157"/>
        <v>0</v>
      </c>
      <c r="AF343" s="12">
        <f t="shared" si="158"/>
        <v>0</v>
      </c>
      <c r="AG343" s="12">
        <f t="shared" si="159"/>
        <v>0</v>
      </c>
      <c r="AH343" s="12">
        <f>AC343/SUM(AC$2:AG$366)*Input!$D$12</f>
        <v>290.04458508501313</v>
      </c>
      <c r="AI343" s="12">
        <f>AD343/SUM(AC$2:AG$366)*Input!$D$12</f>
        <v>75.094297183800677</v>
      </c>
      <c r="AJ343" s="12">
        <f>AE343/SUM(AC$2:AG$366)*Input!$D$12</f>
        <v>0</v>
      </c>
      <c r="AK343" s="12">
        <f>AF343/SUM(AC$2:AG$366)*Input!$D$12</f>
        <v>0</v>
      </c>
      <c r="AL343" s="12">
        <f>AG343/SUM(AC$2:AG$366)*Input!$D$12</f>
        <v>0</v>
      </c>
      <c r="AM343" s="12">
        <f t="shared" si="160"/>
        <v>6.7652519985406032</v>
      </c>
      <c r="AN343" s="12">
        <f t="shared" si="161"/>
        <v>22.550839995135348</v>
      </c>
      <c r="AO343" s="12">
        <f t="shared" si="162"/>
        <v>33.826259992703022</v>
      </c>
      <c r="AP343" s="12">
        <f t="shared" si="163"/>
        <v>301.99653028243483</v>
      </c>
      <c r="AQ343" s="12">
        <f t="shared" si="164"/>
        <v>0</v>
      </c>
      <c r="AR343" s="11">
        <f t="shared" si="165"/>
        <v>365.1388822688138</v>
      </c>
    </row>
    <row r="344" spans="16:44" x14ac:dyDescent="0.3">
      <c r="P344" s="10">
        <f t="shared" si="166"/>
        <v>45634</v>
      </c>
      <c r="Q344" s="29">
        <v>-2</v>
      </c>
      <c r="R344" s="29">
        <f t="shared" si="152"/>
        <v>7</v>
      </c>
      <c r="S344" s="12">
        <f t="shared" si="144"/>
        <v>0.88136675487947747</v>
      </c>
      <c r="T344" s="12">
        <f t="shared" si="145"/>
        <v>0.40529111994771311</v>
      </c>
      <c r="U344" s="12">
        <f t="shared" si="146"/>
        <v>1.4791569663107089</v>
      </c>
      <c r="V344" s="12">
        <f t="shared" si="147"/>
        <v>1.31124751273035</v>
      </c>
      <c r="W344" s="12">
        <f t="shared" si="153"/>
        <v>1.9424956480203619</v>
      </c>
      <c r="X344" s="12">
        <f t="shared" si="148"/>
        <v>-1.236743869637378E-2</v>
      </c>
      <c r="Y344" s="12">
        <f t="shared" si="149"/>
        <v>-1.3226323007097701E-2</v>
      </c>
      <c r="Z344" s="12">
        <f t="shared" si="150"/>
        <v>-6.6119920832722404E-2</v>
      </c>
      <c r="AA344" s="12">
        <f t="shared" si="151"/>
        <v>-7.5310765362349638E-2</v>
      </c>
      <c r="AB344" s="12">
        <f t="shared" si="154"/>
        <v>-0.1200596025795522</v>
      </c>
      <c r="AC344" s="12">
        <f t="shared" si="155"/>
        <v>1.0274286408334761</v>
      </c>
      <c r="AD344" s="12">
        <f t="shared" si="156"/>
        <v>0.24441014591103638</v>
      </c>
      <c r="AE344" s="12">
        <f t="shared" si="157"/>
        <v>0</v>
      </c>
      <c r="AF344" s="12">
        <f t="shared" si="158"/>
        <v>0</v>
      </c>
      <c r="AG344" s="12">
        <f t="shared" si="159"/>
        <v>0</v>
      </c>
      <c r="AH344" s="12">
        <f>AC344/SUM(AC$2:AG$366)*Input!$D$12</f>
        <v>269.44929417165508</v>
      </c>
      <c r="AI344" s="12">
        <f>AD344/SUM(AC$2:AG$366)*Input!$D$12</f>
        <v>64.098019742466789</v>
      </c>
      <c r="AJ344" s="12">
        <f>AE344/SUM(AC$2:AG$366)*Input!$D$12</f>
        <v>0</v>
      </c>
      <c r="AK344" s="12">
        <f>AF344/SUM(AC$2:AG$366)*Input!$D$12</f>
        <v>0</v>
      </c>
      <c r="AL344" s="12">
        <f>AG344/SUM(AC$2:AG$366)*Input!$D$12</f>
        <v>0</v>
      </c>
      <c r="AM344" s="12">
        <f t="shared" si="160"/>
        <v>5.7745963731952079</v>
      </c>
      <c r="AN344" s="12">
        <f t="shared" si="161"/>
        <v>19.24865457731736</v>
      </c>
      <c r="AO344" s="12">
        <f t="shared" si="162"/>
        <v>28.872981865976044</v>
      </c>
      <c r="AP344" s="12">
        <f t="shared" si="163"/>
        <v>279.65108109763327</v>
      </c>
      <c r="AQ344" s="12">
        <f t="shared" si="164"/>
        <v>0</v>
      </c>
      <c r="AR344" s="11">
        <f t="shared" si="165"/>
        <v>333.5473139141219</v>
      </c>
    </row>
    <row r="345" spans="16:44" x14ac:dyDescent="0.3">
      <c r="P345" s="10">
        <f t="shared" si="166"/>
        <v>45635</v>
      </c>
      <c r="Q345" s="29">
        <v>-1.1000000000000001</v>
      </c>
      <c r="R345" s="29">
        <f t="shared" si="152"/>
        <v>1</v>
      </c>
      <c r="S345" s="12">
        <f t="shared" si="144"/>
        <v>1.085192073005006</v>
      </c>
      <c r="T345" s="12">
        <f t="shared" si="145"/>
        <v>1.4695351264848711</v>
      </c>
      <c r="U345" s="12">
        <f t="shared" si="146"/>
        <v>1.771938814155029</v>
      </c>
      <c r="V345" s="12">
        <f t="shared" si="147"/>
        <v>2.5404025087253199</v>
      </c>
      <c r="W345" s="12">
        <f t="shared" si="153"/>
        <v>0</v>
      </c>
      <c r="X345" s="12">
        <f t="shared" si="148"/>
        <v>-1.544218835154681E-2</v>
      </c>
      <c r="Y345" s="12">
        <f t="shared" si="149"/>
        <v>-5.875924024232846E-2</v>
      </c>
      <c r="Z345" s="12">
        <f t="shared" si="150"/>
        <v>-9.5984753200240996E-2</v>
      </c>
      <c r="AA345" s="12">
        <f t="shared" si="151"/>
        <v>-0.17801624965770491</v>
      </c>
      <c r="AB345" s="12">
        <f t="shared" si="154"/>
        <v>0</v>
      </c>
      <c r="AC345" s="12">
        <f t="shared" si="155"/>
        <v>1.1021784801917074</v>
      </c>
      <c r="AD345" s="12">
        <f t="shared" si="156"/>
        <v>0</v>
      </c>
      <c r="AE345" s="12">
        <f t="shared" si="157"/>
        <v>0</v>
      </c>
      <c r="AF345" s="12">
        <f t="shared" si="158"/>
        <v>0</v>
      </c>
      <c r="AG345" s="12">
        <f t="shared" si="159"/>
        <v>0</v>
      </c>
      <c r="AH345" s="12">
        <f>AC345/SUM(AC$2:AG$366)*Input!$D$12</f>
        <v>289.05288575362704</v>
      </c>
      <c r="AI345" s="12">
        <f>AD345/SUM(AC$2:AG$366)*Input!$D$12</f>
        <v>0</v>
      </c>
      <c r="AJ345" s="12">
        <f>AE345/SUM(AC$2:AG$366)*Input!$D$12</f>
        <v>0</v>
      </c>
      <c r="AK345" s="12">
        <f>AF345/SUM(AC$2:AG$366)*Input!$D$12</f>
        <v>0</v>
      </c>
      <c r="AL345" s="12">
        <f>AG345/SUM(AC$2:AG$366)*Input!$D$12</f>
        <v>0</v>
      </c>
      <c r="AM345" s="12">
        <f t="shared" si="160"/>
        <v>8.6715865726088115</v>
      </c>
      <c r="AN345" s="12">
        <f t="shared" si="161"/>
        <v>28.905288575362704</v>
      </c>
      <c r="AO345" s="12">
        <f t="shared" si="162"/>
        <v>43.357932863044056</v>
      </c>
      <c r="AP345" s="12">
        <f t="shared" si="163"/>
        <v>208.11807774261146</v>
      </c>
      <c r="AQ345" s="12">
        <f t="shared" si="164"/>
        <v>0</v>
      </c>
      <c r="AR345" s="11">
        <f t="shared" si="165"/>
        <v>289.05288575362704</v>
      </c>
    </row>
    <row r="346" spans="16:44" x14ac:dyDescent="0.3">
      <c r="P346" s="10">
        <f t="shared" si="166"/>
        <v>45636</v>
      </c>
      <c r="Q346" s="29">
        <v>-2.9</v>
      </c>
      <c r="R346" s="29">
        <f t="shared" si="152"/>
        <v>2</v>
      </c>
      <c r="S346" s="12">
        <f t="shared" si="144"/>
        <v>1.085192073005006</v>
      </c>
      <c r="T346" s="12">
        <f t="shared" si="145"/>
        <v>1.4695351264848711</v>
      </c>
      <c r="U346" s="12">
        <f t="shared" si="146"/>
        <v>1.771938814155029</v>
      </c>
      <c r="V346" s="12">
        <f t="shared" si="147"/>
        <v>2.5404025087253199</v>
      </c>
      <c r="W346" s="12">
        <f t="shared" si="153"/>
        <v>0</v>
      </c>
      <c r="X346" s="12">
        <f t="shared" si="148"/>
        <v>-1.544218835154681E-2</v>
      </c>
      <c r="Y346" s="12">
        <f t="shared" si="149"/>
        <v>-5.875924024232846E-2</v>
      </c>
      <c r="Z346" s="12">
        <f t="shared" si="150"/>
        <v>-9.5984753200240996E-2</v>
      </c>
      <c r="AA346" s="12">
        <f t="shared" si="151"/>
        <v>-0.17801624965770491</v>
      </c>
      <c r="AB346" s="12">
        <f t="shared" si="154"/>
        <v>0</v>
      </c>
      <c r="AC346" s="12">
        <f t="shared" si="155"/>
        <v>1.1299744192244918</v>
      </c>
      <c r="AD346" s="12">
        <f t="shared" si="156"/>
        <v>0</v>
      </c>
      <c r="AE346" s="12">
        <f t="shared" si="157"/>
        <v>0</v>
      </c>
      <c r="AF346" s="12">
        <f t="shared" si="158"/>
        <v>0</v>
      </c>
      <c r="AG346" s="12">
        <f t="shared" si="159"/>
        <v>0</v>
      </c>
      <c r="AH346" s="12">
        <f>AC346/SUM(AC$2:AG$366)*Input!$D$12</f>
        <v>296.34253668952692</v>
      </c>
      <c r="AI346" s="12">
        <f>AD346/SUM(AC$2:AG$366)*Input!$D$12</f>
        <v>0</v>
      </c>
      <c r="AJ346" s="12">
        <f>AE346/SUM(AC$2:AG$366)*Input!$D$12</f>
        <v>0</v>
      </c>
      <c r="AK346" s="12">
        <f>AF346/SUM(AC$2:AG$366)*Input!$D$12</f>
        <v>0</v>
      </c>
      <c r="AL346" s="12">
        <f>AG346/SUM(AC$2:AG$366)*Input!$D$12</f>
        <v>0</v>
      </c>
      <c r="AM346" s="12">
        <f t="shared" si="160"/>
        <v>8.8902761006858082</v>
      </c>
      <c r="AN346" s="12">
        <f t="shared" si="161"/>
        <v>29.634253668952695</v>
      </c>
      <c r="AO346" s="12">
        <f t="shared" si="162"/>
        <v>44.451380503429036</v>
      </c>
      <c r="AP346" s="12">
        <f t="shared" si="163"/>
        <v>213.36662641645938</v>
      </c>
      <c r="AQ346" s="12">
        <f t="shared" si="164"/>
        <v>0</v>
      </c>
      <c r="AR346" s="11">
        <f t="shared" si="165"/>
        <v>296.34253668952692</v>
      </c>
    </row>
    <row r="347" spans="16:44" x14ac:dyDescent="0.3">
      <c r="P347" s="10">
        <f t="shared" si="166"/>
        <v>45637</v>
      </c>
      <c r="Q347" s="29">
        <v>-5.6</v>
      </c>
      <c r="R347" s="29">
        <f t="shared" si="152"/>
        <v>3</v>
      </c>
      <c r="S347" s="12">
        <f t="shared" si="144"/>
        <v>1.085192073005006</v>
      </c>
      <c r="T347" s="12">
        <f t="shared" si="145"/>
        <v>1.4695351264848711</v>
      </c>
      <c r="U347" s="12">
        <f t="shared" si="146"/>
        <v>1.771938814155029</v>
      </c>
      <c r="V347" s="12">
        <f t="shared" si="147"/>
        <v>2.5404025087253199</v>
      </c>
      <c r="W347" s="12">
        <f t="shared" si="153"/>
        <v>0</v>
      </c>
      <c r="X347" s="12">
        <f t="shared" si="148"/>
        <v>-1.544218835154681E-2</v>
      </c>
      <c r="Y347" s="12">
        <f t="shared" si="149"/>
        <v>-5.875924024232846E-2</v>
      </c>
      <c r="Z347" s="12">
        <f t="shared" si="150"/>
        <v>-9.5984753200240996E-2</v>
      </c>
      <c r="AA347" s="12">
        <f t="shared" si="151"/>
        <v>-0.17801624965770491</v>
      </c>
      <c r="AB347" s="12">
        <f t="shared" si="154"/>
        <v>0</v>
      </c>
      <c r="AC347" s="12">
        <f t="shared" si="155"/>
        <v>1.1716683277736681</v>
      </c>
      <c r="AD347" s="12">
        <f t="shared" si="156"/>
        <v>0</v>
      </c>
      <c r="AE347" s="12">
        <f t="shared" si="157"/>
        <v>0</v>
      </c>
      <c r="AF347" s="12">
        <f t="shared" si="158"/>
        <v>0</v>
      </c>
      <c r="AG347" s="12">
        <f t="shared" si="159"/>
        <v>0</v>
      </c>
      <c r="AH347" s="12">
        <f>AC347/SUM(AC$2:AG$366)*Input!$D$12</f>
        <v>307.27701309337669</v>
      </c>
      <c r="AI347" s="12">
        <f>AD347/SUM(AC$2:AG$366)*Input!$D$12</f>
        <v>0</v>
      </c>
      <c r="AJ347" s="12">
        <f>AE347/SUM(AC$2:AG$366)*Input!$D$12</f>
        <v>0</v>
      </c>
      <c r="AK347" s="12">
        <f>AF347/SUM(AC$2:AG$366)*Input!$D$12</f>
        <v>0</v>
      </c>
      <c r="AL347" s="12">
        <f>AG347/SUM(AC$2:AG$366)*Input!$D$12</f>
        <v>0</v>
      </c>
      <c r="AM347" s="12">
        <f t="shared" si="160"/>
        <v>9.2183103928012997</v>
      </c>
      <c r="AN347" s="12">
        <f t="shared" si="161"/>
        <v>30.727701309337672</v>
      </c>
      <c r="AO347" s="12">
        <f t="shared" si="162"/>
        <v>46.091551964006506</v>
      </c>
      <c r="AP347" s="12">
        <f t="shared" si="163"/>
        <v>221.23944942723122</v>
      </c>
      <c r="AQ347" s="12">
        <f t="shared" si="164"/>
        <v>0</v>
      </c>
      <c r="AR347" s="11">
        <f t="shared" si="165"/>
        <v>307.27701309337669</v>
      </c>
    </row>
    <row r="348" spans="16:44" x14ac:dyDescent="0.3">
      <c r="P348" s="10">
        <f t="shared" si="166"/>
        <v>45638</v>
      </c>
      <c r="Q348" s="29">
        <v>-6.8</v>
      </c>
      <c r="R348" s="29">
        <f t="shared" si="152"/>
        <v>4</v>
      </c>
      <c r="S348" s="12">
        <f t="shared" si="144"/>
        <v>1.085192073005006</v>
      </c>
      <c r="T348" s="12">
        <f t="shared" si="145"/>
        <v>1.4695351264848711</v>
      </c>
      <c r="U348" s="12">
        <f t="shared" si="146"/>
        <v>1.771938814155029</v>
      </c>
      <c r="V348" s="12">
        <f t="shared" si="147"/>
        <v>2.5404025087253199</v>
      </c>
      <c r="W348" s="12">
        <f t="shared" si="153"/>
        <v>0</v>
      </c>
      <c r="X348" s="12">
        <f t="shared" si="148"/>
        <v>-1.544218835154681E-2</v>
      </c>
      <c r="Y348" s="12">
        <f t="shared" si="149"/>
        <v>-5.875924024232846E-2</v>
      </c>
      <c r="Z348" s="12">
        <f t="shared" si="150"/>
        <v>-9.5984753200240996E-2</v>
      </c>
      <c r="AA348" s="12">
        <f t="shared" si="151"/>
        <v>-0.17801624965770491</v>
      </c>
      <c r="AB348" s="12">
        <f t="shared" si="154"/>
        <v>0</v>
      </c>
      <c r="AC348" s="12">
        <f t="shared" si="155"/>
        <v>1.1901989537955242</v>
      </c>
      <c r="AD348" s="12">
        <f t="shared" si="156"/>
        <v>0</v>
      </c>
      <c r="AE348" s="12">
        <f t="shared" si="157"/>
        <v>0</v>
      </c>
      <c r="AF348" s="12">
        <f t="shared" si="158"/>
        <v>0</v>
      </c>
      <c r="AG348" s="12">
        <f t="shared" si="159"/>
        <v>0</v>
      </c>
      <c r="AH348" s="12">
        <f>AC348/SUM(AC$2:AG$366)*Input!$D$12</f>
        <v>312.1367803839766</v>
      </c>
      <c r="AI348" s="12">
        <f>AD348/SUM(AC$2:AG$366)*Input!$D$12</f>
        <v>0</v>
      </c>
      <c r="AJ348" s="12">
        <f>AE348/SUM(AC$2:AG$366)*Input!$D$12</f>
        <v>0</v>
      </c>
      <c r="AK348" s="12">
        <f>AF348/SUM(AC$2:AG$366)*Input!$D$12</f>
        <v>0</v>
      </c>
      <c r="AL348" s="12">
        <f>AG348/SUM(AC$2:AG$366)*Input!$D$12</f>
        <v>0</v>
      </c>
      <c r="AM348" s="12">
        <f t="shared" si="160"/>
        <v>9.3641034115192969</v>
      </c>
      <c r="AN348" s="12">
        <f t="shared" si="161"/>
        <v>31.21367803839766</v>
      </c>
      <c r="AO348" s="12">
        <f t="shared" si="162"/>
        <v>46.82051705759649</v>
      </c>
      <c r="AP348" s="12">
        <f t="shared" si="163"/>
        <v>224.73848187646314</v>
      </c>
      <c r="AQ348" s="12">
        <f t="shared" si="164"/>
        <v>0</v>
      </c>
      <c r="AR348" s="11">
        <f t="shared" si="165"/>
        <v>312.1367803839766</v>
      </c>
    </row>
    <row r="349" spans="16:44" x14ac:dyDescent="0.3">
      <c r="P349" s="10">
        <f t="shared" si="166"/>
        <v>45639</v>
      </c>
      <c r="Q349" s="29">
        <v>-7.2</v>
      </c>
      <c r="R349" s="29">
        <f t="shared" si="152"/>
        <v>5</v>
      </c>
      <c r="S349" s="12">
        <f t="shared" si="144"/>
        <v>1.085192073005006</v>
      </c>
      <c r="T349" s="12">
        <f t="shared" si="145"/>
        <v>1.4695351264848711</v>
      </c>
      <c r="U349" s="12">
        <f t="shared" si="146"/>
        <v>1.771938814155029</v>
      </c>
      <c r="V349" s="12">
        <f t="shared" si="147"/>
        <v>2.5404025087253199</v>
      </c>
      <c r="W349" s="12">
        <f t="shared" si="153"/>
        <v>0</v>
      </c>
      <c r="X349" s="12">
        <f t="shared" si="148"/>
        <v>-1.544218835154681E-2</v>
      </c>
      <c r="Y349" s="12">
        <f t="shared" si="149"/>
        <v>-5.875924024232846E-2</v>
      </c>
      <c r="Z349" s="12">
        <f t="shared" si="150"/>
        <v>-9.5984753200240996E-2</v>
      </c>
      <c r="AA349" s="12">
        <f t="shared" si="151"/>
        <v>-0.17801624965770491</v>
      </c>
      <c r="AB349" s="12">
        <f t="shared" si="154"/>
        <v>0</v>
      </c>
      <c r="AC349" s="12">
        <f t="shared" si="155"/>
        <v>1.196375829136143</v>
      </c>
      <c r="AD349" s="12">
        <f t="shared" si="156"/>
        <v>0</v>
      </c>
      <c r="AE349" s="12">
        <f t="shared" si="157"/>
        <v>0</v>
      </c>
      <c r="AF349" s="12">
        <f t="shared" si="158"/>
        <v>0</v>
      </c>
      <c r="AG349" s="12">
        <f t="shared" si="159"/>
        <v>0</v>
      </c>
      <c r="AH349" s="12">
        <f>AC349/SUM(AC$2:AG$366)*Input!$D$12</f>
        <v>313.75670281417661</v>
      </c>
      <c r="AI349" s="12">
        <f>AD349/SUM(AC$2:AG$366)*Input!$D$12</f>
        <v>0</v>
      </c>
      <c r="AJ349" s="12">
        <f>AE349/SUM(AC$2:AG$366)*Input!$D$12</f>
        <v>0</v>
      </c>
      <c r="AK349" s="12">
        <f>AF349/SUM(AC$2:AG$366)*Input!$D$12</f>
        <v>0</v>
      </c>
      <c r="AL349" s="12">
        <f>AG349/SUM(AC$2:AG$366)*Input!$D$12</f>
        <v>0</v>
      </c>
      <c r="AM349" s="12">
        <f t="shared" si="160"/>
        <v>9.4127010844252972</v>
      </c>
      <c r="AN349" s="12">
        <f t="shared" si="161"/>
        <v>31.375670281417662</v>
      </c>
      <c r="AO349" s="12">
        <f t="shared" si="162"/>
        <v>47.063505422126489</v>
      </c>
      <c r="AP349" s="12">
        <f t="shared" si="163"/>
        <v>225.90482602620716</v>
      </c>
      <c r="AQ349" s="12">
        <f t="shared" si="164"/>
        <v>0</v>
      </c>
      <c r="AR349" s="11">
        <f t="shared" si="165"/>
        <v>313.75670281417661</v>
      </c>
    </row>
    <row r="350" spans="16:44" x14ac:dyDescent="0.3">
      <c r="P350" s="10">
        <f t="shared" si="166"/>
        <v>45640</v>
      </c>
      <c r="Q350" s="29">
        <v>-0.1</v>
      </c>
      <c r="R350" s="29">
        <f t="shared" si="152"/>
        <v>6</v>
      </c>
      <c r="S350" s="12">
        <f t="shared" si="144"/>
        <v>0.88136675487947747</v>
      </c>
      <c r="T350" s="12">
        <f t="shared" si="145"/>
        <v>0.40529111994771311</v>
      </c>
      <c r="U350" s="12">
        <f t="shared" si="146"/>
        <v>1.4791569663107089</v>
      </c>
      <c r="V350" s="12">
        <f t="shared" si="147"/>
        <v>1.31124751273035</v>
      </c>
      <c r="W350" s="12">
        <f t="shared" si="153"/>
        <v>1.9424956480203619</v>
      </c>
      <c r="X350" s="12">
        <f t="shared" si="148"/>
        <v>-1.236743869637378E-2</v>
      </c>
      <c r="Y350" s="12">
        <f t="shared" si="149"/>
        <v>-1.3226323007097701E-2</v>
      </c>
      <c r="Z350" s="12">
        <f t="shared" si="150"/>
        <v>-6.6119920832722404E-2</v>
      </c>
      <c r="AA350" s="12">
        <f t="shared" si="151"/>
        <v>-7.5310765362349638E-2</v>
      </c>
      <c r="AB350" s="12">
        <f t="shared" si="154"/>
        <v>-0.1200596025795522</v>
      </c>
      <c r="AC350" s="12">
        <f t="shared" si="155"/>
        <v>1.0007841072316215</v>
      </c>
      <c r="AD350" s="12">
        <f t="shared" si="156"/>
        <v>0.23018404514783217</v>
      </c>
      <c r="AE350" s="12">
        <f t="shared" si="157"/>
        <v>0</v>
      </c>
      <c r="AF350" s="12">
        <f t="shared" si="158"/>
        <v>0</v>
      </c>
      <c r="AG350" s="12">
        <f t="shared" si="159"/>
        <v>0</v>
      </c>
      <c r="AH350" s="12">
        <f>AC350/SUM(AC$2:AG$366)*Input!$D$12</f>
        <v>262.46160618319431</v>
      </c>
      <c r="AI350" s="12">
        <f>AD350/SUM(AC$2:AG$366)*Input!$D$12</f>
        <v>60.367139896299939</v>
      </c>
      <c r="AJ350" s="12">
        <f>AE350/SUM(AC$2:AG$366)*Input!$D$12</f>
        <v>0</v>
      </c>
      <c r="AK350" s="12">
        <f>AF350/SUM(AC$2:AG$366)*Input!$D$12</f>
        <v>0</v>
      </c>
      <c r="AL350" s="12">
        <f>AG350/SUM(AC$2:AG$366)*Input!$D$12</f>
        <v>0</v>
      </c>
      <c r="AM350" s="12">
        <f t="shared" si="160"/>
        <v>5.4384810717387344</v>
      </c>
      <c r="AN350" s="12">
        <f t="shared" si="161"/>
        <v>18.128270239129119</v>
      </c>
      <c r="AO350" s="12">
        <f t="shared" si="162"/>
        <v>27.192405358693676</v>
      </c>
      <c r="AP350" s="12">
        <f t="shared" si="163"/>
        <v>272.06958940993275</v>
      </c>
      <c r="AQ350" s="12">
        <f t="shared" si="164"/>
        <v>0</v>
      </c>
      <c r="AR350" s="11">
        <f t="shared" si="165"/>
        <v>322.82874607949429</v>
      </c>
    </row>
    <row r="351" spans="16:44" x14ac:dyDescent="0.3">
      <c r="P351" s="10">
        <f t="shared" si="166"/>
        <v>45641</v>
      </c>
      <c r="Q351" s="29">
        <v>4.0999999999999996</v>
      </c>
      <c r="R351" s="29">
        <f t="shared" si="152"/>
        <v>7</v>
      </c>
      <c r="S351" s="12">
        <f t="shared" si="144"/>
        <v>0.88136675487947747</v>
      </c>
      <c r="T351" s="12">
        <f t="shared" si="145"/>
        <v>0.40529111994771311</v>
      </c>
      <c r="U351" s="12">
        <f t="shared" si="146"/>
        <v>1.4791569663107089</v>
      </c>
      <c r="V351" s="12">
        <f t="shared" si="147"/>
        <v>1.31124751273035</v>
      </c>
      <c r="W351" s="12">
        <f t="shared" si="153"/>
        <v>1.9424956480203619</v>
      </c>
      <c r="X351" s="12">
        <f t="shared" si="148"/>
        <v>-1.236743869637378E-2</v>
      </c>
      <c r="Y351" s="12">
        <f t="shared" si="149"/>
        <v>-1.3226323007097701E-2</v>
      </c>
      <c r="Z351" s="12">
        <f t="shared" si="150"/>
        <v>-6.6119920832722404E-2</v>
      </c>
      <c r="AA351" s="12">
        <f t="shared" si="151"/>
        <v>-7.5310765362349638E-2</v>
      </c>
      <c r="AB351" s="12">
        <f t="shared" si="154"/>
        <v>-0.1200596025795522</v>
      </c>
      <c r="AC351" s="12">
        <f t="shared" si="155"/>
        <v>0.94188566453278488</v>
      </c>
      <c r="AD351" s="12">
        <f t="shared" si="156"/>
        <v>0.19873687503969653</v>
      </c>
      <c r="AE351" s="12">
        <f t="shared" si="157"/>
        <v>0</v>
      </c>
      <c r="AF351" s="12">
        <f t="shared" si="158"/>
        <v>0</v>
      </c>
      <c r="AG351" s="12">
        <f t="shared" si="159"/>
        <v>0</v>
      </c>
      <c r="AH351" s="12">
        <f>AC351/SUM(AC$2:AG$366)*Input!$D$12</f>
        <v>247.01513799817567</v>
      </c>
      <c r="AI351" s="12">
        <f>AD351/SUM(AC$2:AG$366)*Input!$D$12</f>
        <v>52.119931815299537</v>
      </c>
      <c r="AJ351" s="12">
        <f>AE351/SUM(AC$2:AG$366)*Input!$D$12</f>
        <v>0</v>
      </c>
      <c r="AK351" s="12">
        <f>AF351/SUM(AC$2:AG$366)*Input!$D$12</f>
        <v>0</v>
      </c>
      <c r="AL351" s="12">
        <f>AG351/SUM(AC$2:AG$366)*Input!$D$12</f>
        <v>0</v>
      </c>
      <c r="AM351" s="12">
        <f t="shared" si="160"/>
        <v>4.6954893527296893</v>
      </c>
      <c r="AN351" s="12">
        <f t="shared" si="161"/>
        <v>15.651631175765633</v>
      </c>
      <c r="AO351" s="12">
        <f t="shared" si="162"/>
        <v>23.477446763648448</v>
      </c>
      <c r="AP351" s="12">
        <f t="shared" si="163"/>
        <v>255.31050252133144</v>
      </c>
      <c r="AQ351" s="12">
        <f t="shared" si="164"/>
        <v>0</v>
      </c>
      <c r="AR351" s="11">
        <f t="shared" si="165"/>
        <v>299.13506981347518</v>
      </c>
    </row>
    <row r="352" spans="16:44" x14ac:dyDescent="0.3">
      <c r="P352" s="10">
        <f t="shared" si="166"/>
        <v>45642</v>
      </c>
      <c r="Q352" s="29">
        <v>2.9</v>
      </c>
      <c r="R352" s="29">
        <f t="shared" si="152"/>
        <v>1</v>
      </c>
      <c r="S352" s="12">
        <f t="shared" si="144"/>
        <v>1.0609861866589789</v>
      </c>
      <c r="T352" s="12">
        <f t="shared" si="145"/>
        <v>1.4695351264848711</v>
      </c>
      <c r="U352" s="12">
        <f t="shared" si="146"/>
        <v>1.771938814155029</v>
      </c>
      <c r="V352" s="12">
        <f t="shared" si="147"/>
        <v>2.5404025087253199</v>
      </c>
      <c r="W352" s="12">
        <f t="shared" si="153"/>
        <v>0</v>
      </c>
      <c r="X352" s="12">
        <f t="shared" si="148"/>
        <v>-7.0953309908476907E-3</v>
      </c>
      <c r="Y352" s="12">
        <f t="shared" si="149"/>
        <v>-5.875924024232846E-2</v>
      </c>
      <c r="Z352" s="12">
        <f t="shared" si="150"/>
        <v>-9.5984753200240996E-2</v>
      </c>
      <c r="AA352" s="12">
        <f t="shared" si="151"/>
        <v>-0.17801624965770491</v>
      </c>
      <c r="AB352" s="12">
        <f t="shared" si="154"/>
        <v>0</v>
      </c>
      <c r="AC352" s="12">
        <f t="shared" si="155"/>
        <v>1.0404097267855206</v>
      </c>
      <c r="AD352" s="12">
        <f t="shared" si="156"/>
        <v>0</v>
      </c>
      <c r="AE352" s="12">
        <f t="shared" si="157"/>
        <v>0</v>
      </c>
      <c r="AF352" s="12">
        <f t="shared" si="158"/>
        <v>0</v>
      </c>
      <c r="AG352" s="12">
        <f t="shared" si="159"/>
        <v>0</v>
      </c>
      <c r="AH352" s="12">
        <f>AC352/SUM(AC$2:AG$366)*Input!$D$12</f>
        <v>272.85366145162743</v>
      </c>
      <c r="AI352" s="12">
        <f>AD352/SUM(AC$2:AG$366)*Input!$D$12</f>
        <v>0</v>
      </c>
      <c r="AJ352" s="12">
        <f>AE352/SUM(AC$2:AG$366)*Input!$D$12</f>
        <v>0</v>
      </c>
      <c r="AK352" s="12">
        <f>AF352/SUM(AC$2:AG$366)*Input!$D$12</f>
        <v>0</v>
      </c>
      <c r="AL352" s="12">
        <f>AG352/SUM(AC$2:AG$366)*Input!$D$12</f>
        <v>0</v>
      </c>
      <c r="AM352" s="12">
        <f t="shared" si="160"/>
        <v>8.1856098435488232</v>
      </c>
      <c r="AN352" s="12">
        <f t="shared" si="161"/>
        <v>27.285366145162744</v>
      </c>
      <c r="AO352" s="12">
        <f t="shared" si="162"/>
        <v>40.92804921774411</v>
      </c>
      <c r="AP352" s="12">
        <f t="shared" si="163"/>
        <v>196.45463624517174</v>
      </c>
      <c r="AQ352" s="12">
        <f t="shared" si="164"/>
        <v>0</v>
      </c>
      <c r="AR352" s="11">
        <f t="shared" si="165"/>
        <v>272.85366145162743</v>
      </c>
    </row>
    <row r="353" spans="16:44" x14ac:dyDescent="0.3">
      <c r="P353" s="10">
        <f t="shared" si="166"/>
        <v>45643</v>
      </c>
      <c r="Q353" s="29">
        <v>4.5</v>
      </c>
      <c r="R353" s="29">
        <f t="shared" si="152"/>
        <v>2</v>
      </c>
      <c r="S353" s="12">
        <f t="shared" si="144"/>
        <v>1.0609861866589789</v>
      </c>
      <c r="T353" s="12">
        <f t="shared" si="145"/>
        <v>1.4695351264848711</v>
      </c>
      <c r="U353" s="12">
        <f t="shared" si="146"/>
        <v>1.771938814155029</v>
      </c>
      <c r="V353" s="12">
        <f t="shared" si="147"/>
        <v>2.5404025087253199</v>
      </c>
      <c r="W353" s="12">
        <f t="shared" si="153"/>
        <v>0</v>
      </c>
      <c r="X353" s="12">
        <f t="shared" si="148"/>
        <v>-7.0953309908476907E-3</v>
      </c>
      <c r="Y353" s="12">
        <f t="shared" si="149"/>
        <v>-5.875924024232846E-2</v>
      </c>
      <c r="Z353" s="12">
        <f t="shared" si="150"/>
        <v>-9.5984753200240996E-2</v>
      </c>
      <c r="AA353" s="12">
        <f t="shared" si="151"/>
        <v>-0.17801624965770491</v>
      </c>
      <c r="AB353" s="12">
        <f t="shared" si="154"/>
        <v>0</v>
      </c>
      <c r="AC353" s="12">
        <f t="shared" si="155"/>
        <v>1.0290571972001643</v>
      </c>
      <c r="AD353" s="12">
        <f t="shared" si="156"/>
        <v>0</v>
      </c>
      <c r="AE353" s="12">
        <f t="shared" si="157"/>
        <v>0</v>
      </c>
      <c r="AF353" s="12">
        <f t="shared" si="158"/>
        <v>0</v>
      </c>
      <c r="AG353" s="12">
        <f t="shared" si="159"/>
        <v>0</v>
      </c>
      <c r="AH353" s="12">
        <f>AC353/SUM(AC$2:AG$366)*Input!$D$12</f>
        <v>269.87639280029259</v>
      </c>
      <c r="AI353" s="12">
        <f>AD353/SUM(AC$2:AG$366)*Input!$D$12</f>
        <v>0</v>
      </c>
      <c r="AJ353" s="12">
        <f>AE353/SUM(AC$2:AG$366)*Input!$D$12</f>
        <v>0</v>
      </c>
      <c r="AK353" s="12">
        <f>AF353/SUM(AC$2:AG$366)*Input!$D$12</f>
        <v>0</v>
      </c>
      <c r="AL353" s="12">
        <f>AG353/SUM(AC$2:AG$366)*Input!$D$12</f>
        <v>0</v>
      </c>
      <c r="AM353" s="12">
        <f t="shared" si="160"/>
        <v>8.0962917840087769</v>
      </c>
      <c r="AN353" s="12">
        <f t="shared" si="161"/>
        <v>26.98763928002926</v>
      </c>
      <c r="AO353" s="12">
        <f t="shared" si="162"/>
        <v>40.481458920043885</v>
      </c>
      <c r="AP353" s="12">
        <f t="shared" si="163"/>
        <v>194.31100281621065</v>
      </c>
      <c r="AQ353" s="12">
        <f t="shared" si="164"/>
        <v>0</v>
      </c>
      <c r="AR353" s="11">
        <f t="shared" si="165"/>
        <v>269.87639280029259</v>
      </c>
    </row>
    <row r="354" spans="16:44" x14ac:dyDescent="0.3">
      <c r="P354" s="10">
        <f t="shared" si="166"/>
        <v>45644</v>
      </c>
      <c r="Q354" s="29">
        <v>1.9</v>
      </c>
      <c r="R354" s="29">
        <f t="shared" si="152"/>
        <v>3</v>
      </c>
      <c r="S354" s="12">
        <f t="shared" si="144"/>
        <v>1.085192073005006</v>
      </c>
      <c r="T354" s="12">
        <f t="shared" si="145"/>
        <v>1.4695351264848711</v>
      </c>
      <c r="U354" s="12">
        <f t="shared" si="146"/>
        <v>1.771938814155029</v>
      </c>
      <c r="V354" s="12">
        <f t="shared" si="147"/>
        <v>2.5404025087253199</v>
      </c>
      <c r="W354" s="12">
        <f t="shared" si="153"/>
        <v>0</v>
      </c>
      <c r="X354" s="12">
        <f t="shared" si="148"/>
        <v>-1.544218835154681E-2</v>
      </c>
      <c r="Y354" s="12">
        <f t="shared" si="149"/>
        <v>-5.875924024232846E-2</v>
      </c>
      <c r="Z354" s="12">
        <f t="shared" si="150"/>
        <v>-9.5984753200240996E-2</v>
      </c>
      <c r="AA354" s="12">
        <f t="shared" si="151"/>
        <v>-0.17801624965770491</v>
      </c>
      <c r="AB354" s="12">
        <f t="shared" si="154"/>
        <v>0</v>
      </c>
      <c r="AC354" s="12">
        <f t="shared" si="155"/>
        <v>1.0558519151370671</v>
      </c>
      <c r="AD354" s="12">
        <f t="shared" si="156"/>
        <v>0</v>
      </c>
      <c r="AE354" s="12">
        <f t="shared" si="157"/>
        <v>0</v>
      </c>
      <c r="AF354" s="12">
        <f t="shared" si="158"/>
        <v>0</v>
      </c>
      <c r="AG354" s="12">
        <f t="shared" si="159"/>
        <v>0</v>
      </c>
      <c r="AH354" s="12">
        <f>AC354/SUM(AC$2:AG$366)*Input!$D$12</f>
        <v>276.9034675271273</v>
      </c>
      <c r="AI354" s="12">
        <f>AD354/SUM(AC$2:AG$366)*Input!$D$12</f>
        <v>0</v>
      </c>
      <c r="AJ354" s="12">
        <f>AE354/SUM(AC$2:AG$366)*Input!$D$12</f>
        <v>0</v>
      </c>
      <c r="AK354" s="12">
        <f>AF354/SUM(AC$2:AG$366)*Input!$D$12</f>
        <v>0</v>
      </c>
      <c r="AL354" s="12">
        <f>AG354/SUM(AC$2:AG$366)*Input!$D$12</f>
        <v>0</v>
      </c>
      <c r="AM354" s="12">
        <f t="shared" si="160"/>
        <v>8.3071040258138193</v>
      </c>
      <c r="AN354" s="12">
        <f t="shared" si="161"/>
        <v>27.690346752712731</v>
      </c>
      <c r="AO354" s="12">
        <f t="shared" si="162"/>
        <v>41.535520129069091</v>
      </c>
      <c r="AP354" s="12">
        <f t="shared" si="163"/>
        <v>199.37049661953165</v>
      </c>
      <c r="AQ354" s="12">
        <f t="shared" si="164"/>
        <v>0</v>
      </c>
      <c r="AR354" s="11">
        <f t="shared" si="165"/>
        <v>276.9034675271273</v>
      </c>
    </row>
    <row r="355" spans="16:44" x14ac:dyDescent="0.3">
      <c r="P355" s="10">
        <f t="shared" si="166"/>
        <v>45645</v>
      </c>
      <c r="Q355" s="29">
        <v>-1.4</v>
      </c>
      <c r="R355" s="29">
        <f t="shared" si="152"/>
        <v>4</v>
      </c>
      <c r="S355" s="12">
        <f t="shared" si="144"/>
        <v>1.085192073005006</v>
      </c>
      <c r="T355" s="12">
        <f t="shared" si="145"/>
        <v>1.4695351264848711</v>
      </c>
      <c r="U355" s="12">
        <f t="shared" si="146"/>
        <v>1.771938814155029</v>
      </c>
      <c r="V355" s="12">
        <f t="shared" si="147"/>
        <v>2.5404025087253199</v>
      </c>
      <c r="W355" s="12">
        <f t="shared" si="153"/>
        <v>0</v>
      </c>
      <c r="X355" s="12">
        <f t="shared" si="148"/>
        <v>-1.544218835154681E-2</v>
      </c>
      <c r="Y355" s="12">
        <f t="shared" si="149"/>
        <v>-5.875924024232846E-2</v>
      </c>
      <c r="Z355" s="12">
        <f t="shared" si="150"/>
        <v>-9.5984753200240996E-2</v>
      </c>
      <c r="AA355" s="12">
        <f t="shared" si="151"/>
        <v>-0.17801624965770491</v>
      </c>
      <c r="AB355" s="12">
        <f t="shared" si="154"/>
        <v>0</v>
      </c>
      <c r="AC355" s="12">
        <f t="shared" si="155"/>
        <v>1.1068111366971716</v>
      </c>
      <c r="AD355" s="12">
        <f t="shared" si="156"/>
        <v>0</v>
      </c>
      <c r="AE355" s="12">
        <f t="shared" si="157"/>
        <v>0</v>
      </c>
      <c r="AF355" s="12">
        <f t="shared" si="158"/>
        <v>0</v>
      </c>
      <c r="AG355" s="12">
        <f t="shared" si="159"/>
        <v>0</v>
      </c>
      <c r="AH355" s="12">
        <f>AC355/SUM(AC$2:AG$366)*Input!$D$12</f>
        <v>290.26782757627706</v>
      </c>
      <c r="AI355" s="12">
        <f>AD355/SUM(AC$2:AG$366)*Input!$D$12</f>
        <v>0</v>
      </c>
      <c r="AJ355" s="12">
        <f>AE355/SUM(AC$2:AG$366)*Input!$D$12</f>
        <v>0</v>
      </c>
      <c r="AK355" s="12">
        <f>AF355/SUM(AC$2:AG$366)*Input!$D$12</f>
        <v>0</v>
      </c>
      <c r="AL355" s="12">
        <f>AG355/SUM(AC$2:AG$366)*Input!$D$12</f>
        <v>0</v>
      </c>
      <c r="AM355" s="12">
        <f t="shared" si="160"/>
        <v>8.7080348272883121</v>
      </c>
      <c r="AN355" s="12">
        <f t="shared" si="161"/>
        <v>29.026782757627707</v>
      </c>
      <c r="AO355" s="12">
        <f t="shared" si="162"/>
        <v>43.540174136441557</v>
      </c>
      <c r="AP355" s="12">
        <f t="shared" si="163"/>
        <v>208.99283585491946</v>
      </c>
      <c r="AQ355" s="12">
        <f t="shared" si="164"/>
        <v>0</v>
      </c>
      <c r="AR355" s="11">
        <f t="shared" si="165"/>
        <v>290.267827576277</v>
      </c>
    </row>
    <row r="356" spans="16:44" x14ac:dyDescent="0.3">
      <c r="P356" s="10">
        <f t="shared" si="166"/>
        <v>45646</v>
      </c>
      <c r="Q356" s="29">
        <v>-2.4</v>
      </c>
      <c r="R356" s="29">
        <f t="shared" si="152"/>
        <v>5</v>
      </c>
      <c r="S356" s="12">
        <f t="shared" si="144"/>
        <v>1.085192073005006</v>
      </c>
      <c r="T356" s="12">
        <f t="shared" si="145"/>
        <v>1.4695351264848711</v>
      </c>
      <c r="U356" s="12">
        <f t="shared" si="146"/>
        <v>1.771938814155029</v>
      </c>
      <c r="V356" s="12">
        <f t="shared" si="147"/>
        <v>2.5404025087253199</v>
      </c>
      <c r="W356" s="12">
        <f t="shared" si="153"/>
        <v>0</v>
      </c>
      <c r="X356" s="12">
        <f t="shared" si="148"/>
        <v>-1.544218835154681E-2</v>
      </c>
      <c r="Y356" s="12">
        <f t="shared" si="149"/>
        <v>-5.875924024232846E-2</v>
      </c>
      <c r="Z356" s="12">
        <f t="shared" si="150"/>
        <v>-9.5984753200240996E-2</v>
      </c>
      <c r="AA356" s="12">
        <f t="shared" si="151"/>
        <v>-0.17801624965770491</v>
      </c>
      <c r="AB356" s="12">
        <f t="shared" si="154"/>
        <v>0</v>
      </c>
      <c r="AC356" s="12">
        <f t="shared" si="155"/>
        <v>1.1222533250487183</v>
      </c>
      <c r="AD356" s="12">
        <f t="shared" si="156"/>
        <v>0</v>
      </c>
      <c r="AE356" s="12">
        <f t="shared" si="157"/>
        <v>0</v>
      </c>
      <c r="AF356" s="12">
        <f t="shared" si="158"/>
        <v>0</v>
      </c>
      <c r="AG356" s="12">
        <f t="shared" si="159"/>
        <v>0</v>
      </c>
      <c r="AH356" s="12">
        <f>AC356/SUM(AC$2:AG$366)*Input!$D$12</f>
        <v>294.31763365177693</v>
      </c>
      <c r="AI356" s="12">
        <f>AD356/SUM(AC$2:AG$366)*Input!$D$12</f>
        <v>0</v>
      </c>
      <c r="AJ356" s="12">
        <f>AE356/SUM(AC$2:AG$366)*Input!$D$12</f>
        <v>0</v>
      </c>
      <c r="AK356" s="12">
        <f>AF356/SUM(AC$2:AG$366)*Input!$D$12</f>
        <v>0</v>
      </c>
      <c r="AL356" s="12">
        <f>AG356/SUM(AC$2:AG$366)*Input!$D$12</f>
        <v>0</v>
      </c>
      <c r="AM356" s="12">
        <f t="shared" si="160"/>
        <v>8.8295290095533083</v>
      </c>
      <c r="AN356" s="12">
        <f t="shared" si="161"/>
        <v>29.431763365177694</v>
      </c>
      <c r="AO356" s="12">
        <f t="shared" si="162"/>
        <v>44.147645047766538</v>
      </c>
      <c r="AP356" s="12">
        <f t="shared" si="163"/>
        <v>211.90869622927937</v>
      </c>
      <c r="AQ356" s="12">
        <f t="shared" si="164"/>
        <v>0</v>
      </c>
      <c r="AR356" s="11">
        <f t="shared" si="165"/>
        <v>294.31763365177687</v>
      </c>
    </row>
    <row r="357" spans="16:44" x14ac:dyDescent="0.3">
      <c r="P357" s="10">
        <f t="shared" si="166"/>
        <v>45647</v>
      </c>
      <c r="Q357" s="29">
        <v>-1.4</v>
      </c>
      <c r="R357" s="29">
        <f t="shared" si="152"/>
        <v>6</v>
      </c>
      <c r="S357" s="12">
        <f t="shared" si="144"/>
        <v>0.88136675487947747</v>
      </c>
      <c r="T357" s="12">
        <f t="shared" si="145"/>
        <v>0.40529111994771311</v>
      </c>
      <c r="U357" s="12">
        <f t="shared" si="146"/>
        <v>1.4791569663107089</v>
      </c>
      <c r="V357" s="12">
        <f t="shared" si="147"/>
        <v>1.31124751273035</v>
      </c>
      <c r="W357" s="12">
        <f t="shared" si="153"/>
        <v>1.9424956480203619</v>
      </c>
      <c r="X357" s="12">
        <f t="shared" si="148"/>
        <v>-1.236743869637378E-2</v>
      </c>
      <c r="Y357" s="12">
        <f t="shared" si="149"/>
        <v>-1.3226323007097701E-2</v>
      </c>
      <c r="Z357" s="12">
        <f t="shared" si="150"/>
        <v>-6.6119920832722404E-2</v>
      </c>
      <c r="AA357" s="12">
        <f t="shared" si="151"/>
        <v>-7.5310765362349638E-2</v>
      </c>
      <c r="AB357" s="12">
        <f t="shared" si="154"/>
        <v>-0.1200596025795522</v>
      </c>
      <c r="AC357" s="12">
        <f t="shared" si="155"/>
        <v>1.0190145775907851</v>
      </c>
      <c r="AD357" s="12">
        <f t="shared" si="156"/>
        <v>0.23991769303844557</v>
      </c>
      <c r="AE357" s="12">
        <f t="shared" si="157"/>
        <v>0</v>
      </c>
      <c r="AF357" s="12">
        <f t="shared" si="158"/>
        <v>0</v>
      </c>
      <c r="AG357" s="12">
        <f t="shared" si="159"/>
        <v>0</v>
      </c>
      <c r="AH357" s="12">
        <f>AC357/SUM(AC$2:AG$366)*Input!$D$12</f>
        <v>267.24265585950957</v>
      </c>
      <c r="AI357" s="12">
        <f>AD357/SUM(AC$2:AG$366)*Input!$D$12</f>
        <v>62.919847159466734</v>
      </c>
      <c r="AJ357" s="12">
        <f>AE357/SUM(AC$2:AG$366)*Input!$D$12</f>
        <v>0</v>
      </c>
      <c r="AK357" s="12">
        <f>AF357/SUM(AC$2:AG$366)*Input!$D$12</f>
        <v>0</v>
      </c>
      <c r="AL357" s="12">
        <f>AG357/SUM(AC$2:AG$366)*Input!$D$12</f>
        <v>0</v>
      </c>
      <c r="AM357" s="12">
        <f t="shared" si="160"/>
        <v>5.6684546990510585</v>
      </c>
      <c r="AN357" s="12">
        <f t="shared" si="161"/>
        <v>18.894848996836863</v>
      </c>
      <c r="AO357" s="12">
        <f t="shared" si="162"/>
        <v>28.342273495255295</v>
      </c>
      <c r="AP357" s="12">
        <f t="shared" si="163"/>
        <v>277.25692582783307</v>
      </c>
      <c r="AQ357" s="12">
        <f t="shared" si="164"/>
        <v>0</v>
      </c>
      <c r="AR357" s="11">
        <f t="shared" si="165"/>
        <v>330.16250301897628</v>
      </c>
    </row>
    <row r="358" spans="16:44" x14ac:dyDescent="0.3">
      <c r="P358" s="10">
        <f t="shared" si="166"/>
        <v>45648</v>
      </c>
      <c r="Q358" s="29">
        <v>-2.5</v>
      </c>
      <c r="R358" s="29">
        <f t="shared" si="152"/>
        <v>7</v>
      </c>
      <c r="S358" s="12">
        <f t="shared" si="144"/>
        <v>0.88136675487947747</v>
      </c>
      <c r="T358" s="12">
        <f t="shared" si="145"/>
        <v>0.40529111994771311</v>
      </c>
      <c r="U358" s="12">
        <f t="shared" si="146"/>
        <v>1.4791569663107089</v>
      </c>
      <c r="V358" s="12">
        <f t="shared" si="147"/>
        <v>1.31124751273035</v>
      </c>
      <c r="W358" s="12">
        <f t="shared" si="153"/>
        <v>1.9424956480203619</v>
      </c>
      <c r="X358" s="12">
        <f t="shared" si="148"/>
        <v>-1.236743869637378E-2</v>
      </c>
      <c r="Y358" s="12">
        <f t="shared" si="149"/>
        <v>-1.3226323007097701E-2</v>
      </c>
      <c r="Z358" s="12">
        <f t="shared" si="150"/>
        <v>-6.6119920832722404E-2</v>
      </c>
      <c r="AA358" s="12">
        <f t="shared" si="151"/>
        <v>-7.5310765362349638E-2</v>
      </c>
      <c r="AB358" s="12">
        <f t="shared" si="154"/>
        <v>-0.1200596025795522</v>
      </c>
      <c r="AC358" s="12">
        <f t="shared" si="155"/>
        <v>1.0344403602023853</v>
      </c>
      <c r="AD358" s="12">
        <f t="shared" si="156"/>
        <v>0.24815385663819536</v>
      </c>
      <c r="AE358" s="12">
        <f t="shared" si="157"/>
        <v>0</v>
      </c>
      <c r="AF358" s="12">
        <f t="shared" si="158"/>
        <v>0</v>
      </c>
      <c r="AG358" s="12">
        <f t="shared" si="159"/>
        <v>0</v>
      </c>
      <c r="AH358" s="12">
        <f>AC358/SUM(AC$2:AG$366)*Input!$D$12</f>
        <v>271.28815943177636</v>
      </c>
      <c r="AI358" s="12">
        <f>AD358/SUM(AC$2:AG$366)*Input!$D$12</f>
        <v>65.079830228300182</v>
      </c>
      <c r="AJ358" s="12">
        <f>AE358/SUM(AC$2:AG$366)*Input!$D$12</f>
        <v>0</v>
      </c>
      <c r="AK358" s="12">
        <f>AF358/SUM(AC$2:AG$366)*Input!$D$12</f>
        <v>0</v>
      </c>
      <c r="AL358" s="12">
        <f>AG358/SUM(AC$2:AG$366)*Input!$D$12</f>
        <v>0</v>
      </c>
      <c r="AM358" s="12">
        <f t="shared" si="160"/>
        <v>5.863047768315333</v>
      </c>
      <c r="AN358" s="12">
        <f t="shared" si="161"/>
        <v>19.543492561051114</v>
      </c>
      <c r="AO358" s="12">
        <f t="shared" si="162"/>
        <v>29.315238841576669</v>
      </c>
      <c r="AP358" s="12">
        <f t="shared" si="163"/>
        <v>281.64621048913341</v>
      </c>
      <c r="AQ358" s="12">
        <f t="shared" si="164"/>
        <v>0</v>
      </c>
      <c r="AR358" s="11">
        <f t="shared" si="165"/>
        <v>336.36798966007655</v>
      </c>
    </row>
    <row r="359" spans="16:44" x14ac:dyDescent="0.3">
      <c r="P359" s="10">
        <f t="shared" si="166"/>
        <v>45649</v>
      </c>
      <c r="Q359" s="29">
        <v>-3.8</v>
      </c>
      <c r="R359" s="29">
        <f t="shared" si="152"/>
        <v>1</v>
      </c>
      <c r="S359" s="12">
        <f t="shared" si="144"/>
        <v>1.085192073005006</v>
      </c>
      <c r="T359" s="12">
        <f t="shared" si="145"/>
        <v>1.4695351264848711</v>
      </c>
      <c r="U359" s="12">
        <f t="shared" si="146"/>
        <v>1.771938814155029</v>
      </c>
      <c r="V359" s="12">
        <f t="shared" si="147"/>
        <v>2.5404025087253199</v>
      </c>
      <c r="W359" s="12">
        <f t="shared" si="153"/>
        <v>0</v>
      </c>
      <c r="X359" s="12">
        <f t="shared" si="148"/>
        <v>-1.544218835154681E-2</v>
      </c>
      <c r="Y359" s="12">
        <f t="shared" si="149"/>
        <v>-5.875924024232846E-2</v>
      </c>
      <c r="Z359" s="12">
        <f t="shared" si="150"/>
        <v>-9.5984753200240996E-2</v>
      </c>
      <c r="AA359" s="12">
        <f t="shared" si="151"/>
        <v>-0.17801624965770491</v>
      </c>
      <c r="AB359" s="12">
        <f t="shared" si="154"/>
        <v>0</v>
      </c>
      <c r="AC359" s="12">
        <f t="shared" si="155"/>
        <v>1.1438723887408839</v>
      </c>
      <c r="AD359" s="12">
        <f t="shared" si="156"/>
        <v>0</v>
      </c>
      <c r="AE359" s="12">
        <f t="shared" si="157"/>
        <v>0</v>
      </c>
      <c r="AF359" s="12">
        <f t="shared" si="158"/>
        <v>0</v>
      </c>
      <c r="AG359" s="12">
        <f t="shared" si="159"/>
        <v>0</v>
      </c>
      <c r="AH359" s="12">
        <f>AC359/SUM(AC$2:AG$366)*Input!$D$12</f>
        <v>299.98736215747687</v>
      </c>
      <c r="AI359" s="12">
        <f>AD359/SUM(AC$2:AG$366)*Input!$D$12</f>
        <v>0</v>
      </c>
      <c r="AJ359" s="12">
        <f>AE359/SUM(AC$2:AG$366)*Input!$D$12</f>
        <v>0</v>
      </c>
      <c r="AK359" s="12">
        <f>AF359/SUM(AC$2:AG$366)*Input!$D$12</f>
        <v>0</v>
      </c>
      <c r="AL359" s="12">
        <f>AG359/SUM(AC$2:AG$366)*Input!$D$12</f>
        <v>0</v>
      </c>
      <c r="AM359" s="12">
        <f t="shared" si="160"/>
        <v>8.9996208647243048</v>
      </c>
      <c r="AN359" s="12">
        <f t="shared" si="161"/>
        <v>29.998736215747687</v>
      </c>
      <c r="AO359" s="12">
        <f t="shared" si="162"/>
        <v>44.998104323621526</v>
      </c>
      <c r="AP359" s="12">
        <f t="shared" si="163"/>
        <v>215.99090075338333</v>
      </c>
      <c r="AQ359" s="12">
        <f t="shared" si="164"/>
        <v>0</v>
      </c>
      <c r="AR359" s="11">
        <f t="shared" si="165"/>
        <v>299.98736215747681</v>
      </c>
    </row>
    <row r="360" spans="16:44" x14ac:dyDescent="0.3">
      <c r="P360" s="10">
        <f t="shared" si="166"/>
        <v>45650</v>
      </c>
      <c r="Q360" s="29">
        <v>-1.3</v>
      </c>
      <c r="R360" s="29">
        <f t="shared" si="152"/>
        <v>2</v>
      </c>
      <c r="S360" s="12">
        <f t="shared" si="144"/>
        <v>1.085192073005006</v>
      </c>
      <c r="T360" s="12">
        <f t="shared" si="145"/>
        <v>1.4695351264848711</v>
      </c>
      <c r="U360" s="12">
        <f t="shared" si="146"/>
        <v>1.771938814155029</v>
      </c>
      <c r="V360" s="12">
        <f t="shared" si="147"/>
        <v>2.5404025087253199</v>
      </c>
      <c r="W360" s="12">
        <f t="shared" si="153"/>
        <v>0</v>
      </c>
      <c r="X360" s="12">
        <f t="shared" si="148"/>
        <v>-1.544218835154681E-2</v>
      </c>
      <c r="Y360" s="12">
        <f t="shared" si="149"/>
        <v>-5.875924024232846E-2</v>
      </c>
      <c r="Z360" s="12">
        <f t="shared" si="150"/>
        <v>-9.5984753200240996E-2</v>
      </c>
      <c r="AA360" s="12">
        <f t="shared" si="151"/>
        <v>-0.17801624965770491</v>
      </c>
      <c r="AB360" s="12">
        <f t="shared" si="154"/>
        <v>0</v>
      </c>
      <c r="AC360" s="12">
        <f t="shared" si="155"/>
        <v>1.1052669178620169</v>
      </c>
      <c r="AD360" s="12">
        <f t="shared" si="156"/>
        <v>0</v>
      </c>
      <c r="AE360" s="12">
        <f t="shared" si="157"/>
        <v>0</v>
      </c>
      <c r="AF360" s="12">
        <f t="shared" si="158"/>
        <v>0</v>
      </c>
      <c r="AG360" s="12">
        <f t="shared" si="159"/>
        <v>0</v>
      </c>
      <c r="AH360" s="12">
        <f>AC360/SUM(AC$2:AG$366)*Input!$D$12</f>
        <v>289.86284696872707</v>
      </c>
      <c r="AI360" s="12">
        <f>AD360/SUM(AC$2:AG$366)*Input!$D$12</f>
        <v>0</v>
      </c>
      <c r="AJ360" s="12">
        <f>AE360/SUM(AC$2:AG$366)*Input!$D$12</f>
        <v>0</v>
      </c>
      <c r="AK360" s="12">
        <f>AF360/SUM(AC$2:AG$366)*Input!$D$12</f>
        <v>0</v>
      </c>
      <c r="AL360" s="12">
        <f>AG360/SUM(AC$2:AG$366)*Input!$D$12</f>
        <v>0</v>
      </c>
      <c r="AM360" s="12">
        <f t="shared" si="160"/>
        <v>8.6958854090618125</v>
      </c>
      <c r="AN360" s="12">
        <f t="shared" si="161"/>
        <v>28.986284696872708</v>
      </c>
      <c r="AO360" s="12">
        <f t="shared" si="162"/>
        <v>43.479427045309059</v>
      </c>
      <c r="AP360" s="12">
        <f t="shared" si="163"/>
        <v>208.70124981748347</v>
      </c>
      <c r="AQ360" s="12">
        <f t="shared" si="164"/>
        <v>0</v>
      </c>
      <c r="AR360" s="11">
        <f t="shared" si="165"/>
        <v>289.86284696872701</v>
      </c>
    </row>
    <row r="361" spans="16:44" x14ac:dyDescent="0.3">
      <c r="P361" s="10">
        <f t="shared" si="166"/>
        <v>45651</v>
      </c>
      <c r="Q361" s="29">
        <v>0.4</v>
      </c>
      <c r="R361" s="29">
        <f t="shared" si="152"/>
        <v>3</v>
      </c>
      <c r="S361" s="12">
        <f t="shared" si="144"/>
        <v>1.085192073005006</v>
      </c>
      <c r="T361" s="12">
        <f t="shared" si="145"/>
        <v>1.4695351264848711</v>
      </c>
      <c r="U361" s="12">
        <f t="shared" si="146"/>
        <v>1.771938814155029</v>
      </c>
      <c r="V361" s="12">
        <f t="shared" si="147"/>
        <v>2.5404025087253199</v>
      </c>
      <c r="W361" s="12">
        <f t="shared" si="153"/>
        <v>0</v>
      </c>
      <c r="X361" s="12">
        <f t="shared" si="148"/>
        <v>-1.544218835154681E-2</v>
      </c>
      <c r="Y361" s="12">
        <f t="shared" si="149"/>
        <v>-5.875924024232846E-2</v>
      </c>
      <c r="Z361" s="12">
        <f t="shared" si="150"/>
        <v>-9.5984753200240996E-2</v>
      </c>
      <c r="AA361" s="12">
        <f t="shared" si="151"/>
        <v>-0.17801624965770491</v>
      </c>
      <c r="AB361" s="12">
        <f t="shared" si="154"/>
        <v>0</v>
      </c>
      <c r="AC361" s="12">
        <f t="shared" si="155"/>
        <v>1.0790151976643874</v>
      </c>
      <c r="AD361" s="12">
        <f t="shared" si="156"/>
        <v>0</v>
      </c>
      <c r="AE361" s="12">
        <f t="shared" si="157"/>
        <v>0</v>
      </c>
      <c r="AF361" s="12">
        <f t="shared" si="158"/>
        <v>0</v>
      </c>
      <c r="AG361" s="12">
        <f t="shared" si="159"/>
        <v>0</v>
      </c>
      <c r="AH361" s="12">
        <f>AC361/SUM(AC$2:AG$366)*Input!$D$12</f>
        <v>282.97817664037723</v>
      </c>
      <c r="AI361" s="12">
        <f>AD361/SUM(AC$2:AG$366)*Input!$D$12</f>
        <v>0</v>
      </c>
      <c r="AJ361" s="12">
        <f>AE361/SUM(AC$2:AG$366)*Input!$D$12</f>
        <v>0</v>
      </c>
      <c r="AK361" s="12">
        <f>AF361/SUM(AC$2:AG$366)*Input!$D$12</f>
        <v>0</v>
      </c>
      <c r="AL361" s="12">
        <f>AG361/SUM(AC$2:AG$366)*Input!$D$12</f>
        <v>0</v>
      </c>
      <c r="AM361" s="12">
        <f t="shared" si="160"/>
        <v>8.4893452992113172</v>
      </c>
      <c r="AN361" s="12">
        <f t="shared" si="161"/>
        <v>28.297817664037723</v>
      </c>
      <c r="AO361" s="12">
        <f t="shared" si="162"/>
        <v>42.446726496056584</v>
      </c>
      <c r="AP361" s="12">
        <f t="shared" si="163"/>
        <v>203.7442871810716</v>
      </c>
      <c r="AQ361" s="12">
        <f t="shared" si="164"/>
        <v>0</v>
      </c>
      <c r="AR361" s="11">
        <f t="shared" si="165"/>
        <v>282.97817664037723</v>
      </c>
    </row>
    <row r="362" spans="16:44" x14ac:dyDescent="0.3">
      <c r="P362" s="10">
        <f t="shared" si="166"/>
        <v>45652</v>
      </c>
      <c r="Q362" s="29">
        <v>-0.2</v>
      </c>
      <c r="R362" s="29">
        <f t="shared" si="152"/>
        <v>4</v>
      </c>
      <c r="S362" s="12">
        <f t="shared" si="144"/>
        <v>1.085192073005006</v>
      </c>
      <c r="T362" s="12">
        <f t="shared" si="145"/>
        <v>1.4695351264848711</v>
      </c>
      <c r="U362" s="12">
        <f t="shared" si="146"/>
        <v>1.771938814155029</v>
      </c>
      <c r="V362" s="12">
        <f t="shared" si="147"/>
        <v>2.5404025087253199</v>
      </c>
      <c r="W362" s="12">
        <f t="shared" si="153"/>
        <v>0</v>
      </c>
      <c r="X362" s="12">
        <f t="shared" si="148"/>
        <v>-1.544218835154681E-2</v>
      </c>
      <c r="Y362" s="12">
        <f t="shared" si="149"/>
        <v>-5.875924024232846E-2</v>
      </c>
      <c r="Z362" s="12">
        <f t="shared" si="150"/>
        <v>-9.5984753200240996E-2</v>
      </c>
      <c r="AA362" s="12">
        <f t="shared" si="151"/>
        <v>-0.17801624965770491</v>
      </c>
      <c r="AB362" s="12">
        <f t="shared" si="154"/>
        <v>0</v>
      </c>
      <c r="AC362" s="12">
        <f t="shared" si="155"/>
        <v>1.0882805106753153</v>
      </c>
      <c r="AD362" s="12">
        <f t="shared" si="156"/>
        <v>0</v>
      </c>
      <c r="AE362" s="12">
        <f t="shared" si="157"/>
        <v>0</v>
      </c>
      <c r="AF362" s="12">
        <f t="shared" si="158"/>
        <v>0</v>
      </c>
      <c r="AG362" s="12">
        <f t="shared" si="159"/>
        <v>0</v>
      </c>
      <c r="AH362" s="12">
        <f>AC362/SUM(AC$2:AG$366)*Input!$D$12</f>
        <v>285.4080602856771</v>
      </c>
      <c r="AI362" s="12">
        <f>AD362/SUM(AC$2:AG$366)*Input!$D$12</f>
        <v>0</v>
      </c>
      <c r="AJ362" s="12">
        <f>AE362/SUM(AC$2:AG$366)*Input!$D$12</f>
        <v>0</v>
      </c>
      <c r="AK362" s="12">
        <f>AF362/SUM(AC$2:AG$366)*Input!$D$12</f>
        <v>0</v>
      </c>
      <c r="AL362" s="12">
        <f>AG362/SUM(AC$2:AG$366)*Input!$D$12</f>
        <v>0</v>
      </c>
      <c r="AM362" s="12">
        <f t="shared" si="160"/>
        <v>8.5622418085703131</v>
      </c>
      <c r="AN362" s="12">
        <f t="shared" si="161"/>
        <v>28.540806028567712</v>
      </c>
      <c r="AO362" s="12">
        <f t="shared" si="162"/>
        <v>42.811209042851566</v>
      </c>
      <c r="AP362" s="12">
        <f t="shared" si="163"/>
        <v>205.49380340568749</v>
      </c>
      <c r="AQ362" s="12">
        <f t="shared" si="164"/>
        <v>0</v>
      </c>
      <c r="AR362" s="11">
        <f t="shared" si="165"/>
        <v>285.40806028567704</v>
      </c>
    </row>
    <row r="363" spans="16:44" x14ac:dyDescent="0.3">
      <c r="P363" s="10">
        <f t="shared" si="166"/>
        <v>45653</v>
      </c>
      <c r="Q363" s="29">
        <v>-3</v>
      </c>
      <c r="R363" s="29">
        <f t="shared" si="152"/>
        <v>5</v>
      </c>
      <c r="S363" s="12">
        <f t="shared" si="144"/>
        <v>1.085192073005006</v>
      </c>
      <c r="T363" s="12">
        <f t="shared" si="145"/>
        <v>1.4695351264848711</v>
      </c>
      <c r="U363" s="12">
        <f t="shared" si="146"/>
        <v>1.771938814155029</v>
      </c>
      <c r="V363" s="12">
        <f t="shared" si="147"/>
        <v>2.5404025087253199</v>
      </c>
      <c r="W363" s="12">
        <f t="shared" si="153"/>
        <v>0</v>
      </c>
      <c r="X363" s="12">
        <f t="shared" si="148"/>
        <v>-1.544218835154681E-2</v>
      </c>
      <c r="Y363" s="12">
        <f t="shared" si="149"/>
        <v>-5.875924024232846E-2</v>
      </c>
      <c r="Z363" s="12">
        <f t="shared" si="150"/>
        <v>-9.5984753200240996E-2</v>
      </c>
      <c r="AA363" s="12">
        <f t="shared" si="151"/>
        <v>-0.17801624965770491</v>
      </c>
      <c r="AB363" s="12">
        <f t="shared" si="154"/>
        <v>0</v>
      </c>
      <c r="AC363" s="12">
        <f t="shared" si="155"/>
        <v>1.1315186380596465</v>
      </c>
      <c r="AD363" s="12">
        <f t="shared" si="156"/>
        <v>0</v>
      </c>
      <c r="AE363" s="12">
        <f t="shared" si="157"/>
        <v>0</v>
      </c>
      <c r="AF363" s="12">
        <f t="shared" si="158"/>
        <v>0</v>
      </c>
      <c r="AG363" s="12">
        <f t="shared" si="159"/>
        <v>0</v>
      </c>
      <c r="AH363" s="12">
        <f>AC363/SUM(AC$2:AG$366)*Input!$D$12</f>
        <v>296.74751729707697</v>
      </c>
      <c r="AI363" s="12">
        <f>AD363/SUM(AC$2:AG$366)*Input!$D$12</f>
        <v>0</v>
      </c>
      <c r="AJ363" s="12">
        <f>AE363/SUM(AC$2:AG$366)*Input!$D$12</f>
        <v>0</v>
      </c>
      <c r="AK363" s="12">
        <f>AF363/SUM(AC$2:AG$366)*Input!$D$12</f>
        <v>0</v>
      </c>
      <c r="AL363" s="12">
        <f>AG363/SUM(AC$2:AG$366)*Input!$D$12</f>
        <v>0</v>
      </c>
      <c r="AM363" s="12">
        <f t="shared" si="160"/>
        <v>8.9024255189123078</v>
      </c>
      <c r="AN363" s="12">
        <f t="shared" si="161"/>
        <v>29.674751729707697</v>
      </c>
      <c r="AO363" s="12">
        <f t="shared" si="162"/>
        <v>44.512127594561541</v>
      </c>
      <c r="AP363" s="12">
        <f t="shared" si="163"/>
        <v>213.6582124538954</v>
      </c>
      <c r="AQ363" s="12">
        <f t="shared" si="164"/>
        <v>0</v>
      </c>
      <c r="AR363" s="11">
        <f t="shared" si="165"/>
        <v>296.74751729707691</v>
      </c>
    </row>
    <row r="364" spans="16:44" x14ac:dyDescent="0.3">
      <c r="P364" s="10">
        <f t="shared" si="166"/>
        <v>45654</v>
      </c>
      <c r="Q364" s="29">
        <v>-2.2000000000000002</v>
      </c>
      <c r="R364" s="29">
        <f t="shared" si="152"/>
        <v>6</v>
      </c>
      <c r="S364" s="12">
        <f t="shared" si="144"/>
        <v>0.88136675487947747</v>
      </c>
      <c r="T364" s="12">
        <f t="shared" si="145"/>
        <v>0.40529111994771311</v>
      </c>
      <c r="U364" s="12">
        <f t="shared" si="146"/>
        <v>1.4791569663107089</v>
      </c>
      <c r="V364" s="12">
        <f t="shared" si="147"/>
        <v>1.31124751273035</v>
      </c>
      <c r="W364" s="12">
        <f t="shared" si="153"/>
        <v>1.9424956480203619</v>
      </c>
      <c r="X364" s="12">
        <f t="shared" si="148"/>
        <v>-1.236743869637378E-2</v>
      </c>
      <c r="Y364" s="12">
        <f t="shared" si="149"/>
        <v>-1.3226323007097701E-2</v>
      </c>
      <c r="Z364" s="12">
        <f t="shared" si="150"/>
        <v>-6.6119920832722404E-2</v>
      </c>
      <c r="AA364" s="12">
        <f t="shared" si="151"/>
        <v>-7.5310765362349638E-2</v>
      </c>
      <c r="AB364" s="12">
        <f t="shared" si="154"/>
        <v>-0.1200596025795522</v>
      </c>
      <c r="AC364" s="12">
        <f t="shared" si="155"/>
        <v>1.0302333285810397</v>
      </c>
      <c r="AD364" s="12">
        <f t="shared" si="156"/>
        <v>0.24590763020189998</v>
      </c>
      <c r="AE364" s="12">
        <f t="shared" si="157"/>
        <v>0</v>
      </c>
      <c r="AF364" s="12">
        <f t="shared" si="158"/>
        <v>0</v>
      </c>
      <c r="AG364" s="12">
        <f t="shared" si="159"/>
        <v>0</v>
      </c>
      <c r="AH364" s="12">
        <f>AC364/SUM(AC$2:AG$366)*Input!$D$12</f>
        <v>270.18484027570361</v>
      </c>
      <c r="AI364" s="12">
        <f>AD364/SUM(AC$2:AG$366)*Input!$D$12</f>
        <v>64.490743936800158</v>
      </c>
      <c r="AJ364" s="12">
        <f>AE364/SUM(AC$2:AG$366)*Input!$D$12</f>
        <v>0</v>
      </c>
      <c r="AK364" s="12">
        <f>AF364/SUM(AC$2:AG$366)*Input!$D$12</f>
        <v>0</v>
      </c>
      <c r="AL364" s="12">
        <f>AG364/SUM(AC$2:AG$366)*Input!$D$12</f>
        <v>0</v>
      </c>
      <c r="AM364" s="12">
        <f t="shared" si="160"/>
        <v>5.8099769312432592</v>
      </c>
      <c r="AN364" s="12">
        <f t="shared" si="161"/>
        <v>19.366589770810865</v>
      </c>
      <c r="AO364" s="12">
        <f t="shared" si="162"/>
        <v>29.0498846562163</v>
      </c>
      <c r="AP364" s="12">
        <f t="shared" si="163"/>
        <v>280.44913285423337</v>
      </c>
      <c r="AQ364" s="12">
        <f t="shared" si="164"/>
        <v>0</v>
      </c>
      <c r="AR364" s="11">
        <f t="shared" si="165"/>
        <v>334.67558421250379</v>
      </c>
    </row>
    <row r="365" spans="16:44" x14ac:dyDescent="0.3">
      <c r="P365" s="10">
        <f t="shared" si="166"/>
        <v>45655</v>
      </c>
      <c r="Q365" s="29">
        <v>-1.5</v>
      </c>
      <c r="R365" s="29">
        <f t="shared" si="152"/>
        <v>7</v>
      </c>
      <c r="S365" s="12">
        <f t="shared" si="144"/>
        <v>0.88136675487947747</v>
      </c>
      <c r="T365" s="12">
        <f t="shared" si="145"/>
        <v>0.40529111994771311</v>
      </c>
      <c r="U365" s="12">
        <f t="shared" si="146"/>
        <v>1.4791569663107089</v>
      </c>
      <c r="V365" s="12">
        <f t="shared" si="147"/>
        <v>1.31124751273035</v>
      </c>
      <c r="W365" s="12">
        <f t="shared" si="153"/>
        <v>1.9424956480203619</v>
      </c>
      <c r="X365" s="12">
        <f t="shared" si="148"/>
        <v>-1.236743869637378E-2</v>
      </c>
      <c r="Y365" s="12">
        <f t="shared" si="149"/>
        <v>-1.3226323007097701E-2</v>
      </c>
      <c r="Z365" s="12">
        <f t="shared" si="150"/>
        <v>-6.6119920832722404E-2</v>
      </c>
      <c r="AA365" s="12">
        <f t="shared" si="151"/>
        <v>-7.5310765362349638E-2</v>
      </c>
      <c r="AB365" s="12">
        <f t="shared" si="154"/>
        <v>-0.1200596025795522</v>
      </c>
      <c r="AC365" s="12">
        <f t="shared" si="155"/>
        <v>1.0204169214645669</v>
      </c>
      <c r="AD365" s="12">
        <f t="shared" si="156"/>
        <v>0.24066643518387737</v>
      </c>
      <c r="AE365" s="12">
        <f t="shared" si="157"/>
        <v>0</v>
      </c>
      <c r="AF365" s="12">
        <f t="shared" si="158"/>
        <v>0</v>
      </c>
      <c r="AG365" s="12">
        <f t="shared" si="159"/>
        <v>0</v>
      </c>
      <c r="AH365" s="12">
        <f>AC365/SUM(AC$2:AG$366)*Input!$D$12</f>
        <v>267.6104289115338</v>
      </c>
      <c r="AI365" s="12">
        <f>AD365/SUM(AC$2:AG$366)*Input!$D$12</f>
        <v>63.116209256633418</v>
      </c>
      <c r="AJ365" s="12">
        <f>AE365/SUM(AC$2:AG$366)*Input!$D$12</f>
        <v>0</v>
      </c>
      <c r="AK365" s="12">
        <f>AF365/SUM(AC$2:AG$366)*Input!$D$12</f>
        <v>0</v>
      </c>
      <c r="AL365" s="12">
        <f>AG365/SUM(AC$2:AG$366)*Input!$D$12</f>
        <v>0</v>
      </c>
      <c r="AM365" s="12">
        <f t="shared" si="160"/>
        <v>5.6861449780750846</v>
      </c>
      <c r="AN365" s="12">
        <f t="shared" si="161"/>
        <v>18.953816593583618</v>
      </c>
      <c r="AO365" s="12">
        <f t="shared" si="162"/>
        <v>28.430724890375423</v>
      </c>
      <c r="AP365" s="12">
        <f t="shared" si="163"/>
        <v>277.65595170613312</v>
      </c>
      <c r="AQ365" s="12">
        <f t="shared" si="164"/>
        <v>0</v>
      </c>
      <c r="AR365" s="11">
        <f t="shared" si="165"/>
        <v>330.72663816816726</v>
      </c>
    </row>
    <row r="366" spans="16:44" ht="16.2" thickBot="1" x14ac:dyDescent="0.35">
      <c r="P366" s="13">
        <f t="shared" si="166"/>
        <v>45656</v>
      </c>
      <c r="Q366" s="30">
        <v>-3.1</v>
      </c>
      <c r="R366" s="30">
        <f t="shared" si="152"/>
        <v>1</v>
      </c>
      <c r="S366" s="15">
        <f t="shared" si="144"/>
        <v>1.085192073005006</v>
      </c>
      <c r="T366" s="15">
        <f t="shared" si="145"/>
        <v>1.4695351264848711</v>
      </c>
      <c r="U366" s="15">
        <f t="shared" si="146"/>
        <v>1.771938814155029</v>
      </c>
      <c r="V366" s="15">
        <f t="shared" si="147"/>
        <v>2.5404025087253199</v>
      </c>
      <c r="W366" s="15">
        <f t="shared" si="153"/>
        <v>0</v>
      </c>
      <c r="X366" s="15">
        <f t="shared" si="148"/>
        <v>-1.544218835154681E-2</v>
      </c>
      <c r="Y366" s="15">
        <f t="shared" si="149"/>
        <v>-5.875924024232846E-2</v>
      </c>
      <c r="Z366" s="15">
        <f t="shared" si="150"/>
        <v>-9.5984753200240996E-2</v>
      </c>
      <c r="AA366" s="15">
        <f t="shared" si="151"/>
        <v>-0.17801624965770491</v>
      </c>
      <c r="AB366" s="15">
        <f t="shared" si="154"/>
        <v>0</v>
      </c>
      <c r="AC366" s="15">
        <f t="shared" si="155"/>
        <v>1.1330628568948011</v>
      </c>
      <c r="AD366" s="15">
        <f t="shared" si="156"/>
        <v>0</v>
      </c>
      <c r="AE366" s="15">
        <f t="shared" si="157"/>
        <v>0</v>
      </c>
      <c r="AF366" s="15">
        <f t="shared" si="158"/>
        <v>0</v>
      </c>
      <c r="AG366" s="15">
        <f t="shared" si="159"/>
        <v>0</v>
      </c>
      <c r="AH366" s="15">
        <f>AC366/SUM(AC$2:AG$366)*Input!$D$12</f>
        <v>297.1524979046269</v>
      </c>
      <c r="AI366" s="15">
        <f>AD366/SUM(AC$2:AG$366)*Input!$D$12</f>
        <v>0</v>
      </c>
      <c r="AJ366" s="15">
        <f>AE366/SUM(AC$2:AG$366)*Input!$D$12</f>
        <v>0</v>
      </c>
      <c r="AK366" s="15">
        <f>AF366/SUM(AC$2:AG$366)*Input!$D$12</f>
        <v>0</v>
      </c>
      <c r="AL366" s="15">
        <f>AG366/SUM(AC$2:AG$366)*Input!$D$12</f>
        <v>0</v>
      </c>
      <c r="AM366" s="15">
        <f t="shared" si="160"/>
        <v>8.9145749371388074</v>
      </c>
      <c r="AN366" s="15">
        <f t="shared" si="161"/>
        <v>29.715249790462693</v>
      </c>
      <c r="AO366" s="15">
        <f t="shared" si="162"/>
        <v>44.572874685694032</v>
      </c>
      <c r="AP366" s="15">
        <f t="shared" si="163"/>
        <v>213.94979849133136</v>
      </c>
      <c r="AQ366" s="15">
        <f t="shared" si="164"/>
        <v>0</v>
      </c>
      <c r="AR366" s="14">
        <f t="shared" si="165"/>
        <v>297.1524979046269</v>
      </c>
    </row>
    <row r="367" spans="16:44" ht="16.2" thickBot="1" x14ac:dyDescent="0.35">
      <c r="P367" s="13">
        <f t="shared" si="166"/>
        <v>45657</v>
      </c>
      <c r="Q367" s="30"/>
      <c r="R367" s="30">
        <f t="shared" si="152"/>
        <v>2</v>
      </c>
      <c r="S367" s="15">
        <f t="shared" si="144"/>
        <v>1.085192073005006</v>
      </c>
      <c r="T367" s="15">
        <f t="shared" si="145"/>
        <v>1.4695351264848711</v>
      </c>
      <c r="U367" s="15">
        <f t="shared" si="146"/>
        <v>1.771938814155029</v>
      </c>
      <c r="V367" s="15">
        <f t="shared" si="147"/>
        <v>2.5404025087253199</v>
      </c>
      <c r="W367" s="15">
        <f t="shared" si="153"/>
        <v>0</v>
      </c>
      <c r="X367" s="15">
        <f t="shared" si="148"/>
        <v>-1.544218835154681E-2</v>
      </c>
      <c r="Y367" s="15">
        <f t="shared" si="149"/>
        <v>-5.875924024232846E-2</v>
      </c>
      <c r="Z367" s="15">
        <f t="shared" si="150"/>
        <v>-9.5984753200240996E-2</v>
      </c>
      <c r="AA367" s="15">
        <f t="shared" si="151"/>
        <v>-0.17801624965770491</v>
      </c>
      <c r="AB367" s="15">
        <f t="shared" si="154"/>
        <v>0</v>
      </c>
      <c r="AC367" s="15">
        <f t="shared" si="155"/>
        <v>1.085192073005006</v>
      </c>
      <c r="AD367" s="15">
        <f t="shared" si="156"/>
        <v>0</v>
      </c>
      <c r="AE367" s="15">
        <f t="shared" si="157"/>
        <v>0</v>
      </c>
      <c r="AF367" s="15">
        <f t="shared" si="158"/>
        <v>0</v>
      </c>
      <c r="AG367" s="15">
        <f t="shared" si="159"/>
        <v>0</v>
      </c>
      <c r="AH367" s="15">
        <f>AC367/SUM(AC$2:AG$366)*Input!$D$12</f>
        <v>284.59809907057712</v>
      </c>
      <c r="AI367" s="15">
        <f>AD367/SUM(AC$2:AG$366)*Input!$D$12</f>
        <v>0</v>
      </c>
      <c r="AJ367" s="15">
        <f>AE367/SUM(AC$2:AG$366)*Input!$D$12</f>
        <v>0</v>
      </c>
      <c r="AK367" s="15">
        <f>AF367/SUM(AC$2:AG$366)*Input!$D$12</f>
        <v>0</v>
      </c>
      <c r="AL367" s="15">
        <f>AG367/SUM(AC$2:AG$366)*Input!$D$12</f>
        <v>0</v>
      </c>
      <c r="AM367" s="15">
        <f t="shared" si="160"/>
        <v>8.5379429721173139</v>
      </c>
      <c r="AN367" s="15">
        <f t="shared" si="161"/>
        <v>28.459809907057714</v>
      </c>
      <c r="AO367" s="15">
        <f t="shared" si="162"/>
        <v>42.68971486058657</v>
      </c>
      <c r="AP367" s="15">
        <f t="shared" si="163"/>
        <v>204.91063133081551</v>
      </c>
      <c r="AQ367" s="15">
        <f t="shared" si="164"/>
        <v>0</v>
      </c>
      <c r="AR367" s="14">
        <f t="shared" si="165"/>
        <v>284.59809907057706</v>
      </c>
    </row>
  </sheetData>
  <mergeCells count="12">
    <mergeCell ref="AT19:AZ19"/>
    <mergeCell ref="AT28:AZ28"/>
    <mergeCell ref="BA19:BA36"/>
    <mergeCell ref="BA1:BA18"/>
    <mergeCell ref="A8:G8"/>
    <mergeCell ref="A1:G1"/>
    <mergeCell ref="C15:F15"/>
    <mergeCell ref="I1:J1"/>
    <mergeCell ref="AT1:AZ1"/>
    <mergeCell ref="AT10:AZ10"/>
    <mergeCell ref="J15:N15"/>
    <mergeCell ref="J25:N25"/>
  </mergeCells>
  <pageMargins left="0.7" right="0.7" top="0.75" bottom="0.75" header="0.3" footer="0.3"/>
  <pageSetup orientation="portrait" r:id="rId1"/>
  <drawing r:id="rId2"/>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44E08B9-02D8-4513-8327-E5C147A4B049}">
  <dimension ref="B3:R22"/>
  <sheetViews>
    <sheetView zoomScale="115" zoomScaleNormal="115" workbookViewId="0">
      <selection activeCell="J5" sqref="J5"/>
    </sheetView>
  </sheetViews>
  <sheetFormatPr defaultRowHeight="14.4" x14ac:dyDescent="0.3"/>
  <cols>
    <col min="3" max="3" width="20.21875" bestFit="1" customWidth="1"/>
    <col min="4" max="4" width="25.6640625" bestFit="1" customWidth="1"/>
    <col min="5" max="5" width="21.33203125" bestFit="1" customWidth="1"/>
    <col min="6" max="6" width="17" bestFit="1" customWidth="1"/>
    <col min="7" max="7" width="12.6640625" bestFit="1" customWidth="1"/>
    <col min="8" max="8" width="17" bestFit="1" customWidth="1"/>
  </cols>
  <sheetData>
    <row r="3" spans="2:18" x14ac:dyDescent="0.3">
      <c r="C3" t="s">
        <v>130</v>
      </c>
      <c r="D3" t="s">
        <v>134</v>
      </c>
      <c r="E3" t="s">
        <v>135</v>
      </c>
      <c r="F3" t="s">
        <v>136</v>
      </c>
      <c r="G3" t="s">
        <v>132</v>
      </c>
      <c r="H3" t="s">
        <v>137</v>
      </c>
      <c r="I3" t="s">
        <v>131</v>
      </c>
      <c r="J3" t="s">
        <v>154</v>
      </c>
    </row>
    <row r="4" spans="2:18" x14ac:dyDescent="0.3">
      <c r="B4" t="s">
        <v>32</v>
      </c>
      <c r="C4" s="128">
        <v>0.43</v>
      </c>
      <c r="D4" s="128">
        <v>0.2</v>
      </c>
      <c r="E4" s="128">
        <v>0.03</v>
      </c>
      <c r="F4" s="129">
        <v>0.12</v>
      </c>
      <c r="G4" s="129">
        <v>7.0000000000000007E-2</v>
      </c>
      <c r="H4" s="129">
        <v>0.03</v>
      </c>
      <c r="I4" s="129">
        <v>0.21</v>
      </c>
      <c r="J4" s="129" cm="1">
        <f t="array" ref="J4:J8">Input!G4:G8</f>
        <v>0</v>
      </c>
      <c r="O4" s="128"/>
      <c r="P4" s="128"/>
      <c r="Q4" s="128"/>
      <c r="R4" s="128"/>
    </row>
    <row r="5" spans="2:18" x14ac:dyDescent="0.3">
      <c r="B5" t="s">
        <v>33</v>
      </c>
      <c r="C5" s="128">
        <v>0.43</v>
      </c>
      <c r="D5" s="128">
        <v>0.11239507992783804</v>
      </c>
      <c r="E5" s="128">
        <v>0.1</v>
      </c>
      <c r="F5" s="129">
        <f>1-SUM(F4,F6:F7)</f>
        <v>0.82000000000000006</v>
      </c>
      <c r="G5" s="129">
        <v>7.0000000000000007E-2</v>
      </c>
      <c r="H5" s="129">
        <v>0</v>
      </c>
      <c r="I5" s="129">
        <f>1-SUM(I4,I6:I7)</f>
        <v>0.61</v>
      </c>
      <c r="J5" s="129">
        <v>0.25</v>
      </c>
      <c r="O5" s="128"/>
      <c r="P5" s="128"/>
      <c r="Q5" s="128"/>
      <c r="R5" s="128"/>
    </row>
    <row r="6" spans="2:18" x14ac:dyDescent="0.3">
      <c r="B6" t="s">
        <v>34</v>
      </c>
      <c r="C6" s="128">
        <v>8.2415251332896886E-2</v>
      </c>
      <c r="D6" s="128">
        <v>0.02</v>
      </c>
      <c r="E6" s="128">
        <v>0.15</v>
      </c>
      <c r="F6" s="129">
        <v>0.04</v>
      </c>
      <c r="G6" s="129">
        <v>0.2</v>
      </c>
      <c r="H6" s="129">
        <v>0.03</v>
      </c>
      <c r="I6" s="130">
        <v>0.18</v>
      </c>
      <c r="J6" s="129">
        <v>0.25</v>
      </c>
      <c r="O6" s="128"/>
      <c r="P6" s="128"/>
      <c r="Q6" s="128"/>
      <c r="R6" s="128"/>
    </row>
    <row r="7" spans="2:18" x14ac:dyDescent="0.3">
      <c r="B7" t="s">
        <v>35</v>
      </c>
      <c r="C7" s="128">
        <v>5.5723381544552086E-2</v>
      </c>
      <c r="D7" s="128">
        <f>1-SUM(D4:D6)</f>
        <v>0.66760492007216188</v>
      </c>
      <c r="E7" s="128">
        <f>1-SUM(E4:E6)</f>
        <v>0.72</v>
      </c>
      <c r="F7" s="129">
        <v>0.02</v>
      </c>
      <c r="G7" s="129">
        <f>1-SUM(G4:G6)</f>
        <v>0.65999999999999992</v>
      </c>
      <c r="H7" s="129">
        <f>1-SUM(H4:H6)</f>
        <v>0.94</v>
      </c>
      <c r="I7" s="129">
        <v>0</v>
      </c>
      <c r="J7" s="129">
        <v>0.25</v>
      </c>
      <c r="O7" s="129"/>
      <c r="P7" s="129"/>
      <c r="Q7" s="129"/>
      <c r="R7" s="129"/>
    </row>
    <row r="8" spans="2:18" x14ac:dyDescent="0.3">
      <c r="B8" t="s">
        <v>36</v>
      </c>
      <c r="C8" s="128">
        <v>0</v>
      </c>
      <c r="D8" s="128">
        <v>0</v>
      </c>
      <c r="E8" s="128">
        <v>0</v>
      </c>
      <c r="F8" s="129">
        <v>0</v>
      </c>
      <c r="G8" s="129">
        <v>0</v>
      </c>
      <c r="H8" s="129">
        <v>0</v>
      </c>
      <c r="I8" s="129">
        <v>0</v>
      </c>
      <c r="J8" s="129">
        <v>0.25</v>
      </c>
      <c r="O8" s="129"/>
      <c r="P8" s="129"/>
      <c r="Q8" s="129"/>
      <c r="R8" s="129"/>
    </row>
    <row r="9" spans="2:18" x14ac:dyDescent="0.3">
      <c r="O9" s="129"/>
      <c r="P9" s="129"/>
      <c r="Q9" s="129"/>
      <c r="R9" s="129"/>
    </row>
    <row r="10" spans="2:18" x14ac:dyDescent="0.3">
      <c r="C10" s="131">
        <v>150</v>
      </c>
      <c r="D10" s="131">
        <v>390</v>
      </c>
      <c r="E10" s="131">
        <v>330</v>
      </c>
      <c r="F10" s="131">
        <v>250</v>
      </c>
      <c r="G10" s="131">
        <v>50</v>
      </c>
      <c r="H10" s="131">
        <v>520</v>
      </c>
      <c r="I10" s="131">
        <v>50</v>
      </c>
      <c r="J10" s="131">
        <v>225</v>
      </c>
      <c r="O10" s="129"/>
      <c r="P10" s="129"/>
      <c r="Q10" s="130"/>
      <c r="R10" s="129"/>
    </row>
    <row r="11" spans="2:18" x14ac:dyDescent="0.3">
      <c r="B11" t="s">
        <v>32</v>
      </c>
      <c r="C11" cm="1">
        <f t="array" ref="C11:C15">C10*C4:C8</f>
        <v>64.5</v>
      </c>
      <c r="D11" cm="1">
        <f t="array" ref="D11:D15">D10*D4:D8</f>
        <v>78</v>
      </c>
      <c r="E11" cm="1">
        <f t="array" ref="E11:E15">E10*E4:E8</f>
        <v>9.9</v>
      </c>
      <c r="F11" cm="1">
        <f t="array" ref="F11:F15">F10*F4:F8</f>
        <v>30</v>
      </c>
      <c r="G11" cm="1">
        <f t="array" ref="G11:G15">G10*G4:G8</f>
        <v>3.5000000000000004</v>
      </c>
      <c r="H11" cm="1">
        <f t="array" ref="H11:H15">H10*H4:H8</f>
        <v>15.6</v>
      </c>
      <c r="I11" cm="1">
        <f t="array" ref="I11:I15">I10*I4:I8</f>
        <v>10.5</v>
      </c>
      <c r="J11" cm="1">
        <f t="array" ref="J11:J15">J10*J4:J8</f>
        <v>0</v>
      </c>
      <c r="O11" s="129"/>
      <c r="P11" s="129"/>
      <c r="Q11" s="129"/>
      <c r="R11" s="129"/>
    </row>
    <row r="12" spans="2:18" x14ac:dyDescent="0.3">
      <c r="B12" t="s">
        <v>33</v>
      </c>
      <c r="C12">
        <v>64.5</v>
      </c>
      <c r="D12">
        <v>43.834081171856837</v>
      </c>
      <c r="E12">
        <v>33</v>
      </c>
      <c r="F12">
        <v>205.00000000000003</v>
      </c>
      <c r="G12">
        <v>3.5000000000000004</v>
      </c>
      <c r="H12">
        <v>0</v>
      </c>
      <c r="I12">
        <v>30.5</v>
      </c>
      <c r="J12">
        <v>56.25</v>
      </c>
    </row>
    <row r="13" spans="2:18" x14ac:dyDescent="0.3">
      <c r="B13" t="s">
        <v>34</v>
      </c>
      <c r="C13">
        <v>12.362287699934534</v>
      </c>
      <c r="D13">
        <v>7.8</v>
      </c>
      <c r="E13">
        <v>49.5</v>
      </c>
      <c r="F13">
        <v>10</v>
      </c>
      <c r="G13">
        <v>10</v>
      </c>
      <c r="H13">
        <v>15.6</v>
      </c>
      <c r="I13">
        <v>9</v>
      </c>
      <c r="J13">
        <v>56.25</v>
      </c>
    </row>
    <row r="14" spans="2:18" x14ac:dyDescent="0.3">
      <c r="B14" t="s">
        <v>35</v>
      </c>
      <c r="C14">
        <v>8.3585072316828128</v>
      </c>
      <c r="D14">
        <v>260.36591882814315</v>
      </c>
      <c r="E14">
        <v>237.6</v>
      </c>
      <c r="F14">
        <v>5</v>
      </c>
      <c r="G14">
        <v>32.999999999999993</v>
      </c>
      <c r="H14">
        <v>488.79999999999995</v>
      </c>
      <c r="I14">
        <v>0</v>
      </c>
      <c r="J14">
        <v>56.25</v>
      </c>
    </row>
    <row r="15" spans="2:18" x14ac:dyDescent="0.3">
      <c r="B15" t="s">
        <v>36</v>
      </c>
      <c r="C15">
        <v>0</v>
      </c>
      <c r="D15">
        <v>0</v>
      </c>
      <c r="E15">
        <v>0</v>
      </c>
      <c r="F15">
        <v>0</v>
      </c>
      <c r="G15">
        <v>0</v>
      </c>
      <c r="H15">
        <v>0</v>
      </c>
      <c r="I15">
        <v>0</v>
      </c>
      <c r="J15">
        <v>56.25</v>
      </c>
    </row>
    <row r="18" spans="2:10" x14ac:dyDescent="0.3">
      <c r="C18" t="s">
        <v>137</v>
      </c>
      <c r="D18" t="s">
        <v>134</v>
      </c>
      <c r="E18" t="s">
        <v>135</v>
      </c>
      <c r="F18" t="s">
        <v>136</v>
      </c>
      <c r="G18" t="s">
        <v>130</v>
      </c>
      <c r="H18" t="s">
        <v>131</v>
      </c>
      <c r="I18" t="s">
        <v>132</v>
      </c>
      <c r="J18" t="s">
        <v>133</v>
      </c>
    </row>
    <row r="19" spans="2:10" x14ac:dyDescent="0.3">
      <c r="B19" t="s">
        <v>138</v>
      </c>
      <c r="C19" s="132" cm="1">
        <f t="array" ref="C19:C21">H11:H13</f>
        <v>15.6</v>
      </c>
      <c r="D19" s="132" cm="1">
        <f t="array" ref="D19:D21">D11:D13</f>
        <v>78</v>
      </c>
      <c r="E19" s="132" cm="1">
        <f t="array" ref="E19:E21">E11:E13</f>
        <v>9.9</v>
      </c>
      <c r="F19" s="132" cm="1">
        <f t="array" ref="F19:F21">F11:F13</f>
        <v>30</v>
      </c>
      <c r="G19" s="132" cm="1">
        <f t="array" ref="G19:G21">C11:C13</f>
        <v>64.5</v>
      </c>
      <c r="H19" s="132" cm="1">
        <f t="array" ref="H19:H21">I11:I13</f>
        <v>10.5</v>
      </c>
      <c r="I19" s="132" cm="1">
        <f t="array" ref="I19:I21">G11:G13</f>
        <v>3.5000000000000004</v>
      </c>
      <c r="J19" s="132" cm="1">
        <f t="array" ref="J19:J21">J11:J13</f>
        <v>0</v>
      </c>
    </row>
    <row r="20" spans="2:10" x14ac:dyDescent="0.3">
      <c r="B20" t="s">
        <v>139</v>
      </c>
      <c r="C20" s="132">
        <v>0</v>
      </c>
      <c r="D20" s="132">
        <v>43.834081171856837</v>
      </c>
      <c r="E20" s="132">
        <v>33</v>
      </c>
      <c r="F20" s="132">
        <v>205.00000000000003</v>
      </c>
      <c r="G20" s="132">
        <v>64.5</v>
      </c>
      <c r="H20" s="132">
        <v>30.5</v>
      </c>
      <c r="I20" s="132">
        <v>3.5000000000000004</v>
      </c>
      <c r="J20" s="132">
        <v>56.25</v>
      </c>
    </row>
    <row r="21" spans="2:10" x14ac:dyDescent="0.3">
      <c r="B21" t="s">
        <v>140</v>
      </c>
      <c r="C21" s="132">
        <v>15.6</v>
      </c>
      <c r="D21" s="132">
        <v>7.8</v>
      </c>
      <c r="E21" s="132">
        <v>49.5</v>
      </c>
      <c r="F21" s="132">
        <v>10</v>
      </c>
      <c r="G21" s="132">
        <v>12.362287699934534</v>
      </c>
      <c r="H21" s="132">
        <v>9</v>
      </c>
      <c r="I21" s="132">
        <v>10</v>
      </c>
      <c r="J21" s="132">
        <v>56.25</v>
      </c>
    </row>
    <row r="22" spans="2:10" x14ac:dyDescent="0.3">
      <c r="B22" t="s">
        <v>141</v>
      </c>
      <c r="C22" s="132">
        <f>H14+H15</f>
        <v>488.79999999999995</v>
      </c>
      <c r="D22" s="132">
        <f>D14+D15</f>
        <v>260.36591882814315</v>
      </c>
      <c r="E22" s="132">
        <f>E14+E15</f>
        <v>237.6</v>
      </c>
      <c r="F22" s="132">
        <f>F14+F15</f>
        <v>5</v>
      </c>
      <c r="G22" s="132">
        <f>C14+C15</f>
        <v>8.3585072316828128</v>
      </c>
      <c r="H22" s="132">
        <f>I14+I15</f>
        <v>0</v>
      </c>
      <c r="I22" s="132">
        <f>G14+G15</f>
        <v>32.999999999999993</v>
      </c>
      <c r="J22" s="132">
        <f>J14+J15</f>
        <v>112.5</v>
      </c>
    </row>
  </sheetData>
  <pageMargins left="0.7" right="0.7" top="0.75" bottom="0.75" header="0.3" footer="0.3"/>
  <drawing r:id="rId1"/>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76A7DFC-9C30-4EB2-A600-1E516A50BF73}">
  <dimension ref="B4:K22"/>
  <sheetViews>
    <sheetView zoomScale="115" zoomScaleNormal="115" workbookViewId="0">
      <selection activeCell="I19" sqref="I19"/>
    </sheetView>
  </sheetViews>
  <sheetFormatPr defaultRowHeight="14.4" x14ac:dyDescent="0.3"/>
  <cols>
    <col min="3" max="3" width="25.6640625" bestFit="1" customWidth="1"/>
    <col min="4" max="4" width="41.6640625" bestFit="1" customWidth="1"/>
    <col min="6" max="8" width="11.44140625" bestFit="1" customWidth="1"/>
  </cols>
  <sheetData>
    <row r="4" spans="2:11" x14ac:dyDescent="0.3">
      <c r="C4" s="133" t="s">
        <v>149</v>
      </c>
      <c r="D4" s="133" t="s">
        <v>150</v>
      </c>
      <c r="E4" s="134" t="s">
        <v>151</v>
      </c>
      <c r="F4" s="16">
        <v>0</v>
      </c>
      <c r="G4" s="16">
        <v>1</v>
      </c>
      <c r="H4" s="16">
        <v>2</v>
      </c>
      <c r="I4" s="16">
        <v>3</v>
      </c>
      <c r="J4" s="16">
        <v>4</v>
      </c>
      <c r="K4" t="s">
        <v>153</v>
      </c>
    </row>
    <row r="5" spans="2:11" x14ac:dyDescent="0.3">
      <c r="B5">
        <v>1</v>
      </c>
      <c r="C5" s="2" t="s">
        <v>137</v>
      </c>
      <c r="D5" s="2" t="s">
        <v>147</v>
      </c>
      <c r="E5" s="24" t="s">
        <v>42</v>
      </c>
      <c r="F5" s="24" t="str" cm="1">
        <f t="array" ref="F5:F11">E5:E11</f>
        <v>3-shift</v>
      </c>
      <c r="G5" s="24" t="str" cm="1">
        <f t="array" ref="G5:G11">F5:F11</f>
        <v>3-shift</v>
      </c>
      <c r="H5" s="24" t="str" cm="1">
        <f t="array" ref="H5:H11">G5:G11</f>
        <v>3-shift</v>
      </c>
      <c r="I5" s="24" t="str">
        <f>IF(E5="3-shift","3-shift","2-shift")</f>
        <v>3-shift</v>
      </c>
      <c r="J5" s="24" t="s">
        <v>42</v>
      </c>
      <c r="K5" s="234">
        <f t="shared" ref="K5:K12" si="0">IF(E5="3-shift",1.7,0.7)</f>
        <v>1.7</v>
      </c>
    </row>
    <row r="6" spans="2:11" x14ac:dyDescent="0.3">
      <c r="B6">
        <v>2</v>
      </c>
      <c r="C6" s="2" t="s">
        <v>134</v>
      </c>
      <c r="D6" s="2" t="s">
        <v>145</v>
      </c>
      <c r="E6" s="24" t="s">
        <v>42</v>
      </c>
      <c r="F6" s="24" t="str">
        <v>3-shift</v>
      </c>
      <c r="G6" s="24" t="str">
        <v>3-shift</v>
      </c>
      <c r="H6" s="24" t="str">
        <v>3-shift</v>
      </c>
      <c r="I6" s="24" t="str">
        <f t="shared" ref="I6:I12" si="1">IF(E6="3-shift","3-shift","2-shift")</f>
        <v>3-shift</v>
      </c>
      <c r="J6" s="24" t="s">
        <v>42</v>
      </c>
      <c r="K6" s="234">
        <f t="shared" si="0"/>
        <v>1.7</v>
      </c>
    </row>
    <row r="7" spans="2:11" x14ac:dyDescent="0.3">
      <c r="B7">
        <v>3</v>
      </c>
      <c r="C7" s="2" t="s">
        <v>135</v>
      </c>
      <c r="D7" s="2" t="s">
        <v>146</v>
      </c>
      <c r="E7" s="24" t="s">
        <v>42</v>
      </c>
      <c r="F7" s="24" t="str">
        <v>3-shift</v>
      </c>
      <c r="G7" s="24" t="str">
        <v>3-shift</v>
      </c>
      <c r="H7" s="24" t="str">
        <v>3-shift</v>
      </c>
      <c r="I7" s="24" t="str">
        <f t="shared" si="1"/>
        <v>3-shift</v>
      </c>
      <c r="J7" s="24" t="s">
        <v>42</v>
      </c>
      <c r="K7" s="234">
        <f t="shared" si="0"/>
        <v>1.7</v>
      </c>
    </row>
    <row r="8" spans="2:11" ht="28.8" x14ac:dyDescent="0.3">
      <c r="B8">
        <v>4</v>
      </c>
      <c r="C8" s="2" t="s">
        <v>136</v>
      </c>
      <c r="D8" s="2" t="s">
        <v>144</v>
      </c>
      <c r="E8" s="235" t="s">
        <v>43</v>
      </c>
      <c r="F8" s="24" t="str">
        <v>1-shift 
base</v>
      </c>
      <c r="G8" s="24" t="str">
        <v>1-shift 
base</v>
      </c>
      <c r="H8" s="24" t="str">
        <v>1-shift 
base</v>
      </c>
      <c r="I8" s="24" t="str">
        <f t="shared" si="1"/>
        <v>2-shift</v>
      </c>
      <c r="J8" s="24" t="s">
        <v>42</v>
      </c>
      <c r="K8" s="234">
        <f t="shared" si="0"/>
        <v>0.7</v>
      </c>
    </row>
    <row r="9" spans="2:11" ht="28.8" x14ac:dyDescent="0.3">
      <c r="B9">
        <v>5</v>
      </c>
      <c r="C9" s="2" t="s">
        <v>130</v>
      </c>
      <c r="D9" s="2" t="s">
        <v>143</v>
      </c>
      <c r="E9" s="235" t="s">
        <v>43</v>
      </c>
      <c r="F9" s="24" t="str">
        <v>1-shift 
base</v>
      </c>
      <c r="G9" s="24" t="str">
        <v>1-shift 
base</v>
      </c>
      <c r="H9" s="24" t="str">
        <v>1-shift 
base</v>
      </c>
      <c r="I9" s="24" t="str">
        <f t="shared" si="1"/>
        <v>2-shift</v>
      </c>
      <c r="J9" s="24" t="s">
        <v>42</v>
      </c>
      <c r="K9" s="234">
        <f t="shared" si="0"/>
        <v>0.7</v>
      </c>
    </row>
    <row r="10" spans="2:11" x14ac:dyDescent="0.3">
      <c r="B10">
        <v>6</v>
      </c>
      <c r="C10" s="2" t="s">
        <v>131</v>
      </c>
      <c r="D10" s="2" t="s">
        <v>148</v>
      </c>
      <c r="E10" s="24" t="s">
        <v>41</v>
      </c>
      <c r="F10" s="24" t="str">
        <v>2-shift</v>
      </c>
      <c r="G10" s="24" t="str">
        <v>2-shift</v>
      </c>
      <c r="H10" s="24" t="str">
        <v>2-shift</v>
      </c>
      <c r="I10" s="24" t="str">
        <f t="shared" si="1"/>
        <v>2-shift</v>
      </c>
      <c r="J10" s="24" t="s">
        <v>42</v>
      </c>
      <c r="K10" s="234">
        <f t="shared" si="0"/>
        <v>0.7</v>
      </c>
    </row>
    <row r="11" spans="2:11" x14ac:dyDescent="0.3">
      <c r="B11">
        <v>7</v>
      </c>
      <c r="C11" s="2" t="s">
        <v>132</v>
      </c>
      <c r="D11" s="2" t="s">
        <v>147</v>
      </c>
      <c r="E11" s="24" t="s">
        <v>42</v>
      </c>
      <c r="F11" s="24" t="str">
        <v>3-shift</v>
      </c>
      <c r="G11" s="24" t="str">
        <v>3-shift</v>
      </c>
      <c r="H11" s="24" t="str">
        <v>3-shift</v>
      </c>
      <c r="I11" s="24" t="str">
        <f t="shared" si="1"/>
        <v>3-shift</v>
      </c>
      <c r="J11" s="24" t="s">
        <v>42</v>
      </c>
      <c r="K11" s="234">
        <f t="shared" si="0"/>
        <v>1.7</v>
      </c>
    </row>
    <row r="12" spans="2:11" x14ac:dyDescent="0.3">
      <c r="B12">
        <v>8</v>
      </c>
      <c r="C12" s="2" t="s">
        <v>154</v>
      </c>
      <c r="D12" s="2" t="s">
        <v>154</v>
      </c>
      <c r="E12" s="24"/>
      <c r="F12" s="24" t="str" cm="1">
        <f t="array" ref="F12:J12">TRANSPOSE(Input!E4:E8)</f>
        <v>3-shift</v>
      </c>
      <c r="G12" s="24" t="str">
        <v>2-shift</v>
      </c>
      <c r="H12" s="24" t="str">
        <v>2-shift</v>
      </c>
      <c r="I12" s="24" t="str">
        <v>3-shift</v>
      </c>
      <c r="J12" s="24" t="str">
        <v>3-shift</v>
      </c>
      <c r="K12" s="236">
        <f>Input!D2</f>
        <v>0.7</v>
      </c>
    </row>
    <row r="14" spans="2:11" ht="15" thickBot="1" x14ac:dyDescent="0.35"/>
    <row r="15" spans="2:11" x14ac:dyDescent="0.3">
      <c r="D15" s="95"/>
      <c r="E15" s="96"/>
      <c r="F15" s="187" t="s">
        <v>71</v>
      </c>
      <c r="G15" s="96"/>
      <c r="H15" s="96"/>
      <c r="I15" s="97"/>
    </row>
    <row r="16" spans="2:11" x14ac:dyDescent="0.3">
      <c r="C16" s="134"/>
      <c r="D16" s="86"/>
      <c r="E16" s="185"/>
      <c r="F16" s="188">
        <f>_xlfn.XLOOKUP(Input!$J$5,'Standard Profiles'!$C$5:$C$12,'Standard Profiles'!$K$5:$K$12)</f>
        <v>1.7</v>
      </c>
      <c r="G16" s="185"/>
      <c r="H16" s="185"/>
      <c r="I16" s="87"/>
    </row>
    <row r="17" spans="4:9" ht="29.4" customHeight="1" thickBot="1" x14ac:dyDescent="0.35">
      <c r="D17" s="232" t="s">
        <v>11</v>
      </c>
      <c r="E17" s="190" t="s">
        <v>12</v>
      </c>
      <c r="F17" s="189" t="s">
        <v>13</v>
      </c>
      <c r="G17" s="189" t="s">
        <v>56</v>
      </c>
      <c r="H17" s="170" t="s">
        <v>93</v>
      </c>
      <c r="I17" s="233"/>
    </row>
    <row r="18" spans="4:9" x14ac:dyDescent="0.3">
      <c r="D18" s="48">
        <v>0</v>
      </c>
      <c r="E18" s="140" cm="1">
        <f t="array" ref="E18:E21">TRANSPOSE(_xlfn.XLOOKUP(_xlfn.XLOOKUP(Input!$J$5,'Standard Profiles'!$C$5:$C$12,'Standard Profiles'!$D$5:$D$12),Jesper!$I$27:$I$33,Jesper!$J$27:$M$33))/100</f>
        <v>1</v>
      </c>
      <c r="F18" s="141" cm="1">
        <f t="array" ref="F18:F22">TRANSPOSE(_xlfn.XLOOKUP(_xlfn.XLOOKUP(Input!$J$5,'Standard Profiles'!$C$5:$C$12,'Standard Profiles'!$D$5:$D$12),Jesper!$I$17:$I$23,Jesper!$J$17:$N$23))/100</f>
        <v>0.66700000000000004</v>
      </c>
      <c r="G18" s="142" t="str" cm="1">
        <f t="array" ref="G18:G22">TRANSPOSE(_xlfn.XLOOKUP(Input!$J$5,'Standard Profiles'!$C$5:$C$12,'Standard Profiles'!$F$5:$J$12))</f>
        <v>3-shift</v>
      </c>
      <c r="H18" s="63" t="s">
        <v>36</v>
      </c>
      <c r="I18" s="143" cm="1">
        <f t="array" ref="I18:I22">INDEX(_xlfn.XLOOKUP(Input!$J$5,Rehfeldt!$C$3:$J$3,Rehfeldt!$C$4:$J$8),{5;4;3;2;1})</f>
        <v>0</v>
      </c>
    </row>
    <row r="19" spans="4:9" x14ac:dyDescent="0.3">
      <c r="D19" s="49">
        <v>1</v>
      </c>
      <c r="E19" s="144">
        <v>0</v>
      </c>
      <c r="F19" s="145">
        <v>0.33299999999999996</v>
      </c>
      <c r="G19" s="146" t="str">
        <v>3-shift</v>
      </c>
      <c r="H19" s="66" t="s">
        <v>35</v>
      </c>
      <c r="I19" s="147">
        <v>0.72</v>
      </c>
    </row>
    <row r="20" spans="4:9" x14ac:dyDescent="0.3">
      <c r="D20" s="49">
        <v>2</v>
      </c>
      <c r="E20" s="144">
        <v>0</v>
      </c>
      <c r="F20" s="145">
        <v>0</v>
      </c>
      <c r="G20" s="146" t="str">
        <v>3-shift</v>
      </c>
      <c r="H20" s="66" t="s">
        <v>34</v>
      </c>
      <c r="I20" s="147">
        <v>0.15</v>
      </c>
    </row>
    <row r="21" spans="4:9" x14ac:dyDescent="0.3">
      <c r="D21" s="49">
        <v>3</v>
      </c>
      <c r="E21" s="144">
        <v>0</v>
      </c>
      <c r="F21" s="145">
        <v>0</v>
      </c>
      <c r="G21" s="146" t="str">
        <v>3-shift</v>
      </c>
      <c r="H21" s="66" t="s">
        <v>33</v>
      </c>
      <c r="I21" s="147">
        <v>0.1</v>
      </c>
    </row>
    <row r="22" spans="4:9" ht="15" thickBot="1" x14ac:dyDescent="0.35">
      <c r="D22" s="50">
        <v>4</v>
      </c>
      <c r="E22" s="51" t="s">
        <v>55</v>
      </c>
      <c r="F22" s="148">
        <v>0</v>
      </c>
      <c r="G22" s="149" t="str">
        <v>3-shift</v>
      </c>
      <c r="H22" s="68" t="s">
        <v>32</v>
      </c>
      <c r="I22" s="150">
        <v>0.03</v>
      </c>
    </row>
  </sheetData>
  <mergeCells count="1">
    <mergeCell ref="H17:I17"/>
  </mergeCells>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1 6 " ? > < D a t a M a s h u p   x m l n s = " h t t p : / / s c h e m a s . m i c r o s o f t . c o m / D a t a M a s h u p " > A A A A A I 8 E A A B Q S w M E F A A C A A g A o 2 4 5 W W B d P N e j A A A A 9 g A A A B I A H A B D b 2 5 m a W c v U G F j a 2 F n Z S 5 4 b W w g o h g A K K A U A A A A A A A A A A A A A A A A A A A A A A A A A A A A h Y 8 x D o I w G I W v Q r r T l r I Q 8 l M G V 1 E T E + N a S 4 V G K I Y W y 9 0 c P J J X E K O o m + P 7 3 j e 8 d 7 / e I B / b J r i o 3 u r O Z C j C F A X K y K 7 U p s r Q 4 I 5 h g n I O G y F P o l L B J B u b j r b M U O 3 c O S X E e 4 9 9 j L u + I o z S i O y L 5 V b W q h X o I + v / c q i N d c J I h T j s X m M 4 w 1 H M c M w S T I H M E A p t v g K b 9 j 7 b H w i L o X F D r 7 g 5 h K s 1 k D k C e X / g D 1 B L A w Q U A A I A C A C j b j l Z 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o 2 4 5 W W C + M D G K A Q A A h g g A A B M A H A B G b 3 J t d W x h c y 9 T Z W N 0 a W 9 u M S 5 t I K I Y A C i g F A A A A A A A A A A A A A A A A A A A A A A A A A A A A O W U X U v k M B S G 7 w f m P 4 R 6 M w O 1 T D q 7 u C i 9 k H Z G B D 9 Y W p c F I 0 N s j 0 4 w P R m S U 3 d E / O 9 m L O I K B d E B P z A 3 y X k D e d / z c I i D k p R B l r c 7 3 + n 3 + j 0 3 l x Y q V u z N 8 u O T / Y y P R n z 8 i y V M A / V 7 z K / c N L Y E r 6 T u O s p M 2 d S A N J g q D V F q k H z h B k G 6 L U 4 c W C d I a T 0 X m f m H 2 s j K i U m 6 O 0 O D m + c a s I J q V j a O T C 2 e 2 0 W 0 p G A Y n m a g V a 0 I b B K E Q c h S o 5 s a X R K H b I K l q R R e J j z + 6 c v f j S H I 6 U Z D 8 n S M j g z C 2 T B s Y 2 8 E 6 V z i 5 a q 1 m w U E P n 8 h f Y i o s B L d h b F 1 + / r q 0 g 3 a H s P b 2 6 B V u X c n f 8 M I l n Q X s k c 9 f q b f D f s 9 h Z 1 2 n W g 5 / 8 G 3 3 g / t g 9 0 r 0 M Y j H m 9 9 V b a j 2 K 9 3 H N u V X Q f b n f / Y 8 n X G d n 2 y X Q Q 7 A F q D 1 R x U v S 6 7 Y 4 T M q m t g m y z f P y o m U 5 G B u y K z E N O D v 4 C r L q z I J E l R Q L 0 A K 6 m x w F r h M c M L Q M e f 9 B 9 4 0 s d v m e F D W V l V f S D / N s D 3 h P 9 H A a L 8 Q P h t g G 8 E / x 5 Q S w E C L Q A U A A I A C A C j b j l Z Y F 0 8 1 6 M A A A D 2 A A A A E g A A A A A A A A A A A A A A A A A A A A A A Q 2 9 u Z m l n L 1 B h Y 2 t h Z 2 U u e G 1 s U E s B A i 0 A F A A C A A g A o 2 4 5 W Q / K 6 a u k A A A A 6 Q A A A B M A A A A A A A A A A A A A A A A A 7 w A A A F t D b 2 5 0 Z W 5 0 X 1 R 5 c G V z X S 5 4 b W x Q S w E C L Q A U A A I A C A C j b j l Z Y L 4 w M Y o B A A C G C A A A E w A A A A A A A A A A A A A A A A D g A Q A A R m 9 y b X V s Y X M v U 2 V j d G l v b j E u b V B L B Q Y A A A A A A w A D A M I A A A C 3 A w A A A A A Q A Q A A 7 7 u / P D 9 4 b W w g d m V y c 2 l v b j 0 i M S 4 w I i B l b m N v Z G l u Z z 0 i d X R m L T g i P z 4 8 U G V y b W l z c 2 l v b k x p c 3 Q g e G 1 s b n M 6 e H N k P S J o d H R w O i 8 v d 3 d 3 L n c z L m 9 y Z y 8 y M D A x L 1 h N T F N j a G V t Y S I g e G 1 s b n M 6 e H N p P S J o d H R w O i 8 v d 3 d 3 L n c z L m 9 y Z y 8 y M D A x L 1 h N T F N j a G V t Y S 1 p b n N 0 Y W 5 j Z S I + P E N h b k V 2 Y W x 1 Y X R l R n V 0 d X J l U G F j a 2 F n Z X M + Z m F s c 2 U 8 L 0 N h b k V 2 Y W x 1 Y X R l R n V 0 d X J l U G F j a 2 F n Z X M + P E Z p c m V 3 Y W x s R W 5 h Y m x l Z D 5 0 c n V l P C 9 G a X J l d 2 F s b E V u Y W J s Z W Q + P C 9 Q Z X J t a X N z a W 9 u T G l z d D 6 W L Q A A A A A A A H Q t A A D v u 7 8 8 P 3 h t b C B 2 Z X J z a W 9 u P S I x L j A i I G V u Y 2 9 k a W 5 n P S J 1 d G Y t O C I / P j x M b 2 N h b F B h Y 2 t h Z 2 V N Z X R h Z G F 0 Y U Z p b G U g e G 1 s b n M 6 e H N k P S J o d H R w O i 8 v d 3 d 3 L n c z L m 9 y Z y 8 y M D A x L 1 h N T F N j a G V t Y S I g e G 1 s b n M 6 e H N p P S J o d H R w O i 8 v d 3 d 3 L n c z L m 9 y Z y 8 y M D A x L 1 h N T F N j a G V t Y S 1 p b n N 0 Y W 5 j Z S I + P E l 0 Z W 1 z P j x J d G V t P j x J d G V t T G 9 j Y X R p b 2 4 + P E l 0 Z W 1 U e X B l P k F s b E Z v c m 1 1 b G F z P C 9 J d G V t V H l w Z T 4 8 S X R l b V B h d G g g L z 4 8 L 0 l 0 Z W 1 M b 2 N h d G l v b j 4 8 U 3 R h Y m x l R W 5 0 c m l l c z 4 8 R W 5 0 c n k g V H l w Z T 0 i U m V s Y X R p b 2 5 z a G l w c y I g V m F s d W U 9 I n N B Q U F B Q U E 9 P S I g L z 4 8 L 1 N 0 Y W J s Z U V u d H J p Z X M + P C 9 J d G V t P j x J d G V t P j x J d G V t T G 9 j Y X R p b 2 4 + P E l 0 Z W 1 U e X B l P k Z v c m 1 1 b G E 8 L 0 l 0 Z W 1 U e X B l P j x J d G V t U G F 0 a D 5 T Z W N 0 a W 9 u M S 9 U R 1 9 T T 1 V J R D E w M D E z O D w v S X R l b V B h d G g + P C 9 J d G V t T G 9 j Y X R p b 2 4 + P F N 0 Y W J s Z U V u d H J p Z X M + P E V u d H J 5 I F R 5 c G U 9 I k l z U H J p d m F 0 Z S I g V m F s d W U 9 I m w w I i A v P j x F b n R y e S B U e X B l P S J R d W V y e U l E I i B W Y W x 1 Z T 0 i c z M 3 N D U x N W E x L W E 5 M j A t N G U y M i 0 5 M W J j L W J k M m Q 0 Y m F m N W N i M i 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x N j Q 1 O C I g L z 4 8 R W 5 0 c n k g V H l w Z T 0 i R m l s b E V y c m 9 y Q 2 9 k Z S I g V m F s d W U 9 I n N V b m t u b 3 d u I i A v P j x F b n R y e S B U e X B l P S J G a W x s R X J y b 3 J D b 3 V u d C I g V m F s d W U 9 I m w w I i A v P j x F b n R y e S B U e X B l P S J G a W x s T G F z d F V w Z G F 0 Z W Q i I F Z h b H V l P S J k M j A y N C 0 w O S 0 y N V Q x M D o 1 N D o z M C 4 y N T A w O T Q w W i I g L z 4 8 R W 5 0 c n k g V H l w Z T 0 i R m l s b E N v b H V t b l R 5 c G V z I i B W Y W x 1 Z T 0 i c 0 J n W T 0 i I C 8 + P E V u d H J 5 I F R 5 c G U 9 I k Z p b G x D b 2 x 1 b W 5 O Y W 1 l c y I g V m F s d W U 9 I n N b J n F 1 b 3 Q 7 Q 2 9 s d W 1 u M S Z x d W 9 0 O y w m c X V v d D t D b 2 x 1 b W 4 y J n F 1 b 3 Q 7 X S I g L z 4 8 R W 5 0 c n k g V H l w Z T 0 i R m l s b F N 0 Y X R 1 c y I g V m F s d W U 9 I n N D b 2 1 w b G V 0 Z S I g L z 4 8 R W 5 0 c n k g V H l w Z T 0 i U m V s Y X R p b 2 5 z a G l w S W 5 m b 0 N v b n R h a W 5 l c i I g V m F s d W U 9 I n N 7 J n F 1 b 3 Q 7 Y 2 9 s d W 1 u Q 2 9 1 b n Q m c X V v d D s 6 M i w m c X V v d D t r Z X l D b 2 x 1 b W 5 O Y W 1 l c y Z x d W 9 0 O z p b X S w m c X V v d D t x d W V y e V J l b G F 0 a W 9 u c 2 h p c H M m c X V v d D s 6 W 1 0 s J n F 1 b 3 Q 7 Y 2 9 s d W 1 u S W R l b n R p d G l l c y Z x d W 9 0 O z p b J n F 1 b 3 Q 7 U 2 V j d G l v b j E v V E d f U 0 9 V S U Q x M D A x M z g v Q X V 0 b 1 J l b W 9 2 Z W R D b 2 x 1 b W 5 z M S 5 7 Q 2 9 s d W 1 u M S w w f S Z x d W 9 0 O y w m c X V v d D t T Z W N 0 a W 9 u M S 9 U R 1 9 T T 1 V J R D E w M D E z O C 9 B d X R v U m V t b 3 Z l Z E N v b H V t b n M x L n t D b 2 x 1 b W 4 y L D F 9 J n F 1 b 3 Q 7 X S w m c X V v d D t D b 2 x 1 b W 5 D b 3 V u d C Z x d W 9 0 O z o y L C Z x d W 9 0 O 0 t l e U N v b H V t b k 5 h b W V z J n F 1 b 3 Q 7 O l t d L C Z x d W 9 0 O 0 N v b H V t b k l k Z W 5 0 a X R p Z X M m c X V v d D s 6 W y Z x d W 9 0 O 1 N l Y 3 R p b 2 4 x L 1 R H X 1 N P V U l E M T A w M T M 4 L 0 F 1 d G 9 S Z W 1 v d m V k Q 2 9 s d W 1 u c z E u e 0 N v b H V t b j E s M H 0 m c X V v d D s s J n F 1 b 3 Q 7 U 2 V j d G l v b j E v V E d f U 0 9 V S U Q x M D A x M z g v Q X V 0 b 1 J l b W 9 2 Z W R D b 2 x 1 b W 5 z M S 5 7 Q 2 9 s d W 1 u M i w x f S Z x d W 9 0 O 1 0 s J n F 1 b 3 Q 7 U m V s Y X R p b 2 5 z a G l w S W 5 m b y Z x d W 9 0 O z p b X X 0 i I C 8 + P C 9 T d G F i b G V F b n R y a W V z P j w v S X R l b T 4 8 S X R l b T 4 8 S X R l b U x v Y 2 F 0 a W 9 u P j x J d G V t V H l w Z T 5 G b 3 J t d W x h P C 9 J d G V t V H l w Z T 4 8 S X R l b V B h d G g + U 2 V j d G l v b j E v V E d f U 0 9 V S U Q x M D A x M z g v U 2 9 1 c m N l P C 9 J d G V t U G F 0 a D 4 8 L 0 l 0 Z W 1 M b 2 N h d G l v b j 4 8 U 3 R h Y m x l R W 5 0 c m l l c y A v P j w v S X R l b T 4 8 S X R l b T 4 8 S X R l b U x v Y 2 F 0 a W 9 u P j x J d G V t V H l w Z T 5 G b 3 J t d W x h P C 9 J d G V t V H l w Z T 4 8 S X R l b V B h d G g + U 2 V j d G l v b j E v V E d f U 0 9 V S U Q x M D A x M z g v Q 2 h h b m d l Z C U y M F R 5 c G U 8 L 0 l 0 Z W 1 Q Y X R o P j w v S X R l b U x v Y 2 F 0 a W 9 u P j x T d G F i b G V F b n R y a W V z I C 8 + P C 9 J d G V t P j x J d G V t P j x J d G V t T G 9 j Y X R p b 2 4 + P E l 0 Z W 1 U e X B l P k Z v c m 1 1 b G E 8 L 0 l 0 Z W 1 U e X B l P j x J d G V t U G F 0 a D 5 T Z W N 0 a W 9 u M S 9 U R 1 9 T T 1 V J R D E x M T Q x N z w v S X R l b V B h d G g + P C 9 J d G V t T G 9 j Y X R p b 2 4 + P F N 0 Y W J s Z U V u d H J p Z X M + P E V u d H J 5 I F R 5 c G U 9 I k l z U H J p d m F 0 Z S I g V m F s d W U 9 I m w w I i A v P j x F b n R y e S B U e X B l P S J R d W V y e U l E I i B W Y W x 1 Z T 0 i c 2 I 3 N 2 I 2 M T M 4 L T h k Z D A t N D Z l Y i 0 5 M j h k L W U y Y m N m O D g y M T A 0 M S 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x N j Q 1 O C I g L z 4 8 R W 5 0 c n k g V H l w Z T 0 i R m l s b E V y c m 9 y Q 2 9 k Z S I g V m F s d W U 9 I n N V b m t u b 3 d u I i A v P j x F b n R y e S B U e X B l P S J G a W x s R X J y b 3 J D b 3 V u d C I g V m F s d W U 9 I m w w I i A v P j x F b n R y e S B U e X B l P S J G a W x s T G F z d F V w Z G F 0 Z W Q i I F Z h b H V l P S J k M j A y N C 0 w O S 0 y N V Q x M T o x N z o w M y 4 5 N D k x O D g 1 W i I g L z 4 8 R W 5 0 c n k g V H l w Z T 0 i R m l s b E N v b H V t b l R 5 c G V z I i B W Y W x 1 Z T 0 i c 0 J n W T 0 i I C 8 + P E V u d H J 5 I F R 5 c G U 9 I k Z p b G x D b 2 x 1 b W 5 O Y W 1 l c y I g V m F s d W U 9 I n N b J n F 1 b 3 Q 7 Q 2 9 s d W 1 u M S Z x d W 9 0 O y w m c X V v d D t D b 2 x 1 b W 4 y J n F 1 b 3 Q 7 X S I g L z 4 8 R W 5 0 c n k g V H l w Z T 0 i R m l s b F N 0 Y X R 1 c y I g V m F s d W U 9 I n N D b 2 1 w b G V 0 Z S I g L z 4 8 R W 5 0 c n k g V H l w Z T 0 i U m V s Y X R p b 2 5 z a G l w S W 5 m b 0 N v b n R h a W 5 l c i I g V m F s d W U 9 I n N 7 J n F 1 b 3 Q 7 Y 2 9 s d W 1 u Q 2 9 1 b n Q m c X V v d D s 6 M i w m c X V v d D t r Z X l D b 2 x 1 b W 5 O Y W 1 l c y Z x d W 9 0 O z p b X S w m c X V v d D t x d W V y e V J l b G F 0 a W 9 u c 2 h p c H M m c X V v d D s 6 W 1 0 s J n F 1 b 3 Q 7 Y 2 9 s d W 1 u S W R l b n R p d G l l c y Z x d W 9 0 O z p b J n F 1 b 3 Q 7 U 2 V j d G l v b j E v V E d f U 0 9 V S U Q x M T E 0 M T c v Q X V 0 b 1 J l b W 9 2 Z W R D b 2 x 1 b W 5 z M S 5 7 Q 2 9 s d W 1 u M S w w f S Z x d W 9 0 O y w m c X V v d D t T Z W N 0 a W 9 u M S 9 U R 1 9 T T 1 V J R D E x M T Q x N y 9 B d X R v U m V t b 3 Z l Z E N v b H V t b n M x L n t D b 2 x 1 b W 4 y L D F 9 J n F 1 b 3 Q 7 X S w m c X V v d D t D b 2 x 1 b W 5 D b 3 V u d C Z x d W 9 0 O z o y L C Z x d W 9 0 O 0 t l e U N v b H V t b k 5 h b W V z J n F 1 b 3 Q 7 O l t d L C Z x d W 9 0 O 0 N v b H V t b k l k Z W 5 0 a X R p Z X M m c X V v d D s 6 W y Z x d W 9 0 O 1 N l Y 3 R p b 2 4 x L 1 R H X 1 N P V U l E M T E x N D E 3 L 0 F 1 d G 9 S Z W 1 v d m V k Q 2 9 s d W 1 u c z E u e 0 N v b H V t b j E s M H 0 m c X V v d D s s J n F 1 b 3 Q 7 U 2 V j d G l v b j E v V E d f U 0 9 V S U Q x M T E 0 M T c v Q X V 0 b 1 J l b W 9 2 Z W R D b 2 x 1 b W 5 z M S 5 7 Q 2 9 s d W 1 u M i w x f S Z x d W 9 0 O 1 0 s J n F 1 b 3 Q 7 U m V s Y X R p b 2 5 z a G l w S W 5 m b y Z x d W 9 0 O z p b X X 0 i I C 8 + P C 9 T d G F i b G V F b n R y a W V z P j w v S X R l b T 4 8 S X R l b T 4 8 S X R l b U x v Y 2 F 0 a W 9 u P j x J d G V t V H l w Z T 5 G b 3 J t d W x h P C 9 J d G V t V H l w Z T 4 8 S X R l b V B h d G g + U 2 V j d G l v b j E v V E d f U 0 9 V S U Q x M T E 0 M T c v U 2 9 1 c m N l P C 9 J d G V t U G F 0 a D 4 8 L 0 l 0 Z W 1 M b 2 N h d G l v b j 4 8 U 3 R h Y m x l R W 5 0 c m l l c y A v P j w v S X R l b T 4 8 S X R l b T 4 8 S X R l b U x v Y 2 F 0 a W 9 u P j x J d G V t V H l w Z T 5 G b 3 J t d W x h P C 9 J d G V t V H l w Z T 4 8 S X R l b V B h d G g + U 2 V j d G l v b j E v V E d f U 0 9 V S U Q x M T E 0 M T c v Q 2 h h b m d l Z C U y M F R 5 c G U 8 L 0 l 0 Z W 1 Q Y X R o P j w v S X R l b U x v Y 2 F 0 a W 9 u P j x T d G F i b G V F b n R y a W V z I C 8 + P C 9 J d G V t P j x J d G V t P j x J d G V t T G 9 j Y X R p b 2 4 + P E l 0 Z W 1 U e X B l P k Z v c m 1 1 b G E 8 L 0 l 0 Z W 1 U e X B l P j x J d G V t U G F 0 a D 5 T Z W N 0 a W 9 u M S 9 U R 1 9 T T 1 V J R D E w M j I y M j w v S X R l b V B h d G g + P C 9 J d G V t T G 9 j Y X R p b 2 4 + P F N 0 Y W J s Z U V u d H J p Z X M + P E V u d H J 5 I F R 5 c G U 9 I k l z U H J p d m F 0 Z S I g V m F s d W U 9 I m w w I i A v P j x F b n R y e S B U e X B l P S J R d W V y e U l E I i B W Y W x 1 Z T 0 i c 2 R h Y z Y 0 Z j c z L W M 0 Z j c t N D F h M i 0 4 M T V j L T h i Y m F j M D R l N T U w Z i 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x N j Q 1 O C I g L z 4 8 R W 5 0 c n k g V H l w Z T 0 i R m l s b E V y c m 9 y Q 2 9 k Z S I g V m F s d W U 9 I n N V b m t u b 3 d u I i A v P j x F b n R y e S B U e X B l P S J G a W x s R X J y b 3 J D b 3 V u d C I g V m F s d W U 9 I m w w I i A v P j x F b n R y e S B U e X B l P S J G a W x s T G F z d F V w Z G F 0 Z W Q i I F Z h b H V l P S J k M j A y N C 0 w O S 0 y N V Q x M T o y M D o z M i 4 4 N D I 0 O D k y W i I g L z 4 8 R W 5 0 c n k g V H l w Z T 0 i R m l s b E N v b H V t b l R 5 c G V z I i B W Y W x 1 Z T 0 i c 0 J n P T 0 i I C 8 + P E V u d H J 5 I F R 5 c G U 9 I k Z p b G x D b 2 x 1 b W 5 O Y W 1 l c y I g V m F s d W U 9 I n N b J n F 1 b 3 Q 7 Q 2 9 s d W 1 u M S Z x d W 9 0 O 1 0 i I C 8 + P E V u d H J 5 I F R 5 c G U 9 I k Z p b G x T d G F 0 d X M i I F Z h b H V l P S J z Q 2 9 t c G x l d G U i I C 8 + P E V u d H J 5 I F R 5 c G U 9 I l J l b G F 0 a W 9 u c 2 h p c E l u Z m 9 D b 2 5 0 Y W l u Z X I i I F Z h b H V l P S J z e y Z x d W 9 0 O 2 N v b H V t b k N v d W 5 0 J n F 1 b 3 Q 7 O j E s J n F 1 b 3 Q 7 a 2 V 5 Q 2 9 s d W 1 u T m F t Z X M m c X V v d D s 6 W 1 0 s J n F 1 b 3 Q 7 c X V l c n l S Z W x h d G l v b n N o a X B z J n F 1 b 3 Q 7 O l t d L C Z x d W 9 0 O 2 N v b H V t b k l k Z W 5 0 a X R p Z X M m c X V v d D s 6 W y Z x d W 9 0 O 1 N l Y 3 R p b 2 4 x L 1 R H X 1 N P V U l E M T A y M j I y L 0 F 1 d G 9 S Z W 1 v d m V k Q 2 9 s d W 1 u c z E u e 0 N v b H V t b j E s M H 0 m c X V v d D t d L C Z x d W 9 0 O 0 N v b H V t b k N v d W 5 0 J n F 1 b 3 Q 7 O j E s J n F 1 b 3 Q 7 S 2 V 5 Q 2 9 s d W 1 u T m F t Z X M m c X V v d D s 6 W 1 0 s J n F 1 b 3 Q 7 Q 2 9 s d W 1 u S W R l b n R p d G l l c y Z x d W 9 0 O z p b J n F 1 b 3 Q 7 U 2 V j d G l v b j E v V E d f U 0 9 V S U Q x M D I y M j I v Q X V 0 b 1 J l b W 9 2 Z W R D b 2 x 1 b W 5 z M S 5 7 Q 2 9 s d W 1 u M S w w f S Z x d W 9 0 O 1 0 s J n F 1 b 3 Q 7 U m V s Y X R p b 2 5 z a G l w S W 5 m b y Z x d W 9 0 O z p b X X 0 i I C 8 + P C 9 T d G F i b G V F b n R y a W V z P j w v S X R l b T 4 8 S X R l b T 4 8 S X R l b U x v Y 2 F 0 a W 9 u P j x J d G V t V H l w Z T 5 G b 3 J t d W x h P C 9 J d G V t V H l w Z T 4 8 S X R l b V B h d G g + U 2 V j d G l v b j E v V E d f U 0 9 V S U Q x M D I y M j I v U 2 9 1 c m N l P C 9 J d G V t U G F 0 a D 4 8 L 0 l 0 Z W 1 M b 2 N h d G l v b j 4 8 U 3 R h Y m x l R W 5 0 c m l l c y A v P j w v S X R l b T 4 8 S X R l b T 4 8 S X R l b U x v Y 2 F 0 a W 9 u P j x J d G V t V H l w Z T 5 G b 3 J t d W x h P C 9 J d G V t V H l w Z T 4 8 S X R l b V B h d G g + U 2 V j d G l v b j E v V E d f U 0 9 V S U Q x M D I y M j I v Q 2 h h b m d l J T I w V H l w Z T w v S X R l b V B h d G g + P C 9 J d G V t T G 9 j Y X R p b 2 4 + P F N 0 Y W J s Z U V u d H J p Z X M g L z 4 8 L 0 l 0 Z W 0 + P E l 0 Z W 0 + P E l 0 Z W 1 M b 2 N h d G l v b j 4 8 S X R l b V R 5 c G U + R m 9 y b X V s Y T w v S X R l b V R 5 c G U + P E l 0 Z W 1 Q Y X R o P l N l Y 3 R p b 2 4 x L 1 R y b 2 5 k a G V p b T w v S X R l b V B h d G g + P C 9 J d G V t T G 9 j Y X R p b 2 4 + P F N 0 Y W J s Z U V u d H J p Z X M + P E V u d H J 5 I F R 5 c G U 9 I k l z U H J p d m F 0 Z S I g V m F s d W U 9 I m w w I i A v P j x F b n R y e S B U e X B l P S J G a W x s R W 5 h Y m x l Z C I g V m F s d W U 9 I m w w I i A v P j x F b n R y e S B U e X B l P S J G a W x s T 2 J q Z W N 0 V H l w Z S I g V m F s d W U 9 I n N D b 2 5 u Z W N 0 a W 9 u T 2 5 s e S I g L z 4 8 R W 5 0 c n k g V H l w Z T 0 i R m l s b F R v R G F 0 Y U 1 v Z G V s R W 5 h Y m x l Z C I g V m F s d W U 9 I m w w I i A v P j x F b n R y e S B U e X B l P S J R d W V y e U l E I i B W Y W x 1 Z T 0 i c 2 I 1 Y j A y Z D E 3 L W V h N 2 I t N D Q w M C 1 i O D Q 2 L W U 0 Z D B m M G Y 3 Z m Q 3 N y 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y M z M 3 I i A v P j x F b n R y e S B U e X B l P S J G a W x s R X J y b 3 J D b 2 R l I i B W Y W x 1 Z T 0 i c 1 V u a 2 5 v d 2 4 i I C 8 + P E V u d H J 5 I F R 5 c G U 9 I k Z p b G x F c n J v c k N v d W 5 0 I i B W Y W x 1 Z T 0 i b D A i I C 8 + P E V u d H J 5 I F R 5 c G U 9 I k Z p b G x M Y X N 0 V X B k Y X R l Z C I g V m F s d W U 9 I m Q y M D I 0 L T A 5 L T I 1 V D E x O j M 3 O j I w L j c z N z A y M T J a I i A v P j x F b n R y e S B U e X B l P S J G a W x s Q 2 9 s d W 1 u V H l w Z X M i I F Z h b H V l P S J z Q m d Z R y I g L z 4 8 R W 5 0 c n k g V H l w Z T 0 i R m l s b E N v b H V t b k 5 h b W V z I i B W Y W x 1 Z T 0 i c 1 s m c X V v d D t D b 2 x 1 b W 4 x J n F 1 b 3 Q 7 L C Z x d W 9 0 O 0 N v b H V t b j I m c X V v d D s s J n F 1 b 3 Q 7 Q 2 9 s d W 1 u M y Z x d W 9 0 O 1 0 i I C 8 + P E V u d H J 5 I F R 5 c G U 9 I k Z p b G x T d G F 0 d X M i I F Z h b H V l P S J z Q 2 9 t c G x l d G U i I C 8 + P E V u d H J 5 I F R 5 c G U 9 I l J l b G F 0 a W 9 u c 2 h p c E l u Z m 9 D b 2 5 0 Y W l u Z X I i I F Z h b H V l P S J z e y Z x d W 9 0 O 2 N v b H V t b k N v d W 5 0 J n F 1 b 3 Q 7 O j M s J n F 1 b 3 Q 7 a 2 V 5 Q 2 9 s d W 1 u T m F t Z X M m c X V v d D s 6 W 1 0 s J n F 1 b 3 Q 7 c X V l c n l S Z W x h d G l v b n N o a X B z J n F 1 b 3 Q 7 O l t d L C Z x d W 9 0 O 2 N v b H V t b k l k Z W 5 0 a X R p Z X M m c X V v d D s 6 W y Z x d W 9 0 O 1 N l Y 3 R p b 2 4 x L 1 R y b 2 5 k a G V p b S 9 B d X R v U m V t b 3 Z l Z E N v b H V t b n M x L n t D b 2 x 1 b W 4 x L D B 9 J n F 1 b 3 Q 7 L C Z x d W 9 0 O 1 N l Y 3 R p b 2 4 x L 1 R y b 2 5 k a G V p b S 9 B d X R v U m V t b 3 Z l Z E N v b H V t b n M x L n t D b 2 x 1 b W 4 y L D F 9 J n F 1 b 3 Q 7 L C Z x d W 9 0 O 1 N l Y 3 R p b 2 4 x L 1 R y b 2 5 k a G V p b S 9 B d X R v U m V t b 3 Z l Z E N v b H V t b n M x L n t D b 2 x 1 b W 4 z L D J 9 J n F 1 b 3 Q 7 X S w m c X V v d D t D b 2 x 1 b W 5 D b 3 V u d C Z x d W 9 0 O z o z L C Z x d W 9 0 O 0 t l e U N v b H V t b k 5 h b W V z J n F 1 b 3 Q 7 O l t d L C Z x d W 9 0 O 0 N v b H V t b k l k Z W 5 0 a X R p Z X M m c X V v d D s 6 W y Z x d W 9 0 O 1 N l Y 3 R p b 2 4 x L 1 R y b 2 5 k a G V p b S 9 B d X R v U m V t b 3 Z l Z E N v b H V t b n M x L n t D b 2 x 1 b W 4 x L D B 9 J n F 1 b 3 Q 7 L C Z x d W 9 0 O 1 N l Y 3 R p b 2 4 x L 1 R y b 2 5 k a G V p b S 9 B d X R v U m V t b 3 Z l Z E N v b H V t b n M x L n t D b 2 x 1 b W 4 y L D F 9 J n F 1 b 3 Q 7 L C Z x d W 9 0 O 1 N l Y 3 R p b 2 4 x L 1 R y b 2 5 k a G V p b S 9 B d X R v U m V t b 3 Z l Z E N v b H V t b n M x L n t D b 2 x 1 b W 4 z L D J 9 J n F 1 b 3 Q 7 X S w m c X V v d D t S Z W x h d G l v b n N o a X B J b m Z v J n F 1 b 3 Q 7 O l t d f S I g L z 4 8 L 1 N 0 Y W J s Z U V u d H J p Z X M + P C 9 J d G V t P j x J d G V t P j x J d G V t T G 9 j Y X R p b 2 4 + P E l 0 Z W 1 U e X B l P k Z v c m 1 1 b G E 8 L 0 l 0 Z W 1 U e X B l P j x J d G V t U G F 0 a D 5 T Z W N 0 a W 9 u M S 9 U c m 9 u Z G h l a W 0 v U 2 9 1 c m N l P C 9 J d G V t U G F 0 a D 4 8 L 0 l 0 Z W 1 M b 2 N h d G l v b j 4 8 U 3 R h Y m x l R W 5 0 c m l l c y A v P j w v S X R l b T 4 8 S X R l b T 4 8 S X R l b U x v Y 2 F 0 a W 9 u P j x J d G V t V H l w Z T 5 G b 3 J t d W x h P C 9 J d G V t V H l w Z T 4 8 S X R l b V B h d G g + U 2 V j d G l v b j E v V H J v b m R o Z W l t L 0 N o Y W 5 n Z W Q l M j B U e X B l P C 9 J d G V t U G F 0 a D 4 8 L 0 l 0 Z W 1 M b 2 N h d G l v b j 4 8 U 3 R h Y m x l R W 5 0 c m l l c y A v P j w v S X R l b T 4 8 S X R l b T 4 8 S X R l b U x v Y 2 F 0 a W 9 u P j x J d G V t V H l w Z T 5 G b 3 J t d W x h P C 9 J d G V t V H l w Z T 4 8 S X R l b V B h d G g + U 2 V j d G l v b j E v T W F k c m l k P C 9 J d G V t U G F 0 a D 4 8 L 0 l 0 Z W 1 M b 2 N h d G l v b j 4 8 U 3 R h Y m x l R W 5 0 c m l l c z 4 8 R W 5 0 c n k g V H l w Z T 0 i S X N Q c m l 2 Y X R l I i B W Y W x 1 Z T 0 i b D A i I C 8 + P E V u d H J 5 I F R 5 c G U 9 I k Z p b G x F b m F i b G V k I i B W Y W x 1 Z T 0 i b D A i I C 8 + P E V u d H J 5 I F R 5 c G U 9 I k Z p b G x P Y m p l Y 3 R U e X B l I i B W Y W x 1 Z T 0 i c 0 N v b m 5 l Y 3 R p b 2 5 P b m x 5 I i A v P j x F b n R y e S B U e X B l P S J G a W x s V G 9 E Y X R h T W 9 k Z W x F b m F i b G V k I i B W Y W x 1 Z T 0 i b D A i I C 8 + P E V u d H J 5 I F R 5 c G U 9 I l F 1 Z X J 5 S U Q i I F Z h b H V l P S J z Y j l l Y z Q x N T g t O T c y N C 0 0 M m Z i L W F i N T Y t O W E 4 M G Y 4 Z m Z m M T N h I i A v P j x F b n R y e S B U e X B l P S J C d W Z m Z X J O Z X h 0 U m V m c m V z a C I g V m F s d W U 9 I m w x I i A v P j x F b n R y e S B U e X B l P S J S Z X N 1 b H R U e X B l I i B W Y W x 1 Z T 0 i c 1 R h Y m x l I i A v P j x F b n R y e S B U e X B l P S J O Y W 1 l V X B k Y X R l Z E F m d G V y R m l s b C I g V m F s d W U 9 I m w w I i A v P j x F b n R y e S B U e X B l P S J G a W x s Z W R D b 2 1 w b G V 0 Z V J l c 3 V s d F R v V 2 9 y a 3 N o Z W V 0 I i B W Y W x 1 Z T 0 i b D E i I C 8 + P E V u d H J 5 I F R 5 c G U 9 I k F k Z G V k V G 9 E Y X R h T W 9 k Z W w i I F Z h b H V l P S J s M C I g L z 4 8 R W 5 0 c n k g V H l w Z T 0 i R m l s b E N v d W 5 0 I i B W Y W x 1 Z T 0 i b D M 4 M j U y I i A v P j x F b n R y e S B U e X B l P S J G a W x s R X J y b 3 J D b 2 R l I i B W Y W x 1 Z T 0 i c 1 V u a 2 5 v d 2 4 i I C 8 + P E V u d H J 5 I F R 5 c G U 9 I k Z p b G x F c n J v c k N v d W 5 0 I i B W Y W x 1 Z T 0 i b D A i I C 8 + P E V u d H J 5 I F R 5 c G U 9 I k Z p b G x M Y X N 0 V X B k Y X R l Z C I g V m F s d W U 9 I m Q y M D I 0 L T A 5 L T I 1 V D E x O j M 4 O j M 4 L j A 1 M D E 0 M D J a I i A v P j x F b n R y e S B U e X B l P S J G a W x s Q 2 9 s d W 1 u V H l w Z X M i I F Z h b H V l P S J z Q m d Z R y I g L z 4 8 R W 5 0 c n k g V H l w Z T 0 i R m l s b E N v b H V t b k 5 h b W V z I i B W Y W x 1 Z T 0 i c 1 s m c X V v d D t D b 2 x 1 b W 4 x J n F 1 b 3 Q 7 L C Z x d W 9 0 O 0 N v b H V t b j I m c X V v d D s s J n F 1 b 3 Q 7 Q 2 9 s d W 1 u M y Z x d W 9 0 O 1 0 i I C 8 + P E V u d H J 5 I F R 5 c G U 9 I k Z p b G x T d G F 0 d X M i I F Z h b H V l P S J z Q 2 9 t c G x l d G U i I C 8 + P E V u d H J 5 I F R 5 c G U 9 I l J l b G F 0 a W 9 u c 2 h p c E l u Z m 9 D b 2 5 0 Y W l u Z X I i I F Z h b H V l P S J z e y Z x d W 9 0 O 2 N v b H V t b k N v d W 5 0 J n F 1 b 3 Q 7 O j M s J n F 1 b 3 Q 7 a 2 V 5 Q 2 9 s d W 1 u T m F t Z X M m c X V v d D s 6 W 1 0 s J n F 1 b 3 Q 7 c X V l c n l S Z W x h d G l v b n N o a X B z J n F 1 b 3 Q 7 O l t d L C Z x d W 9 0 O 2 N v b H V t b k l k Z W 5 0 a X R p Z X M m c X V v d D s 6 W y Z x d W 9 0 O 1 N l Y 3 R p b 2 4 x L 0 1 h Z H J p Z C 9 B d X R v U m V t b 3 Z l Z E N v b H V t b n M x L n t D b 2 x 1 b W 4 x L D B 9 J n F 1 b 3 Q 7 L C Z x d W 9 0 O 1 N l Y 3 R p b 2 4 x L 0 1 h Z H J p Z C 9 B d X R v U m V t b 3 Z l Z E N v b H V t b n M x L n t D b 2 x 1 b W 4 y L D F 9 J n F 1 b 3 Q 7 L C Z x d W 9 0 O 1 N l Y 3 R p b 2 4 x L 0 1 h Z H J p Z C 9 B d X R v U m V t b 3 Z l Z E N v b H V t b n M x L n t D b 2 x 1 b W 4 z L D J 9 J n F 1 b 3 Q 7 X S w m c X V v d D t D b 2 x 1 b W 5 D b 3 V u d C Z x d W 9 0 O z o z L C Z x d W 9 0 O 0 t l e U N v b H V t b k 5 h b W V z J n F 1 b 3 Q 7 O l t d L C Z x d W 9 0 O 0 N v b H V t b k l k Z W 5 0 a X R p Z X M m c X V v d D s 6 W y Z x d W 9 0 O 1 N l Y 3 R p b 2 4 x L 0 1 h Z H J p Z C 9 B d X R v U m V t b 3 Z l Z E N v b H V t b n M x L n t D b 2 x 1 b W 4 x L D B 9 J n F 1 b 3 Q 7 L C Z x d W 9 0 O 1 N l Y 3 R p b 2 4 x L 0 1 h Z H J p Z C 9 B d X R v U m V t b 3 Z l Z E N v b H V t b n M x L n t D b 2 x 1 b W 4 y L D F 9 J n F 1 b 3 Q 7 L C Z x d W 9 0 O 1 N l Y 3 R p b 2 4 x L 0 1 h Z H J p Z C 9 B d X R v U m V t b 3 Z l Z E N v b H V t b n M x L n t D b 2 x 1 b W 4 z L D J 9 J n F 1 b 3 Q 7 X S w m c X V v d D t S Z W x h d G l v b n N o a X B J b m Z v J n F 1 b 3 Q 7 O l t d f S I g L z 4 8 L 1 N 0 Y W J s Z U V u d H J p Z X M + P C 9 J d G V t P j x J d G V t P j x J d G V t T G 9 j Y X R p b 2 4 + P E l 0 Z W 1 U e X B l P k Z v c m 1 1 b G E 8 L 0 l 0 Z W 1 U e X B l P j x J d G V t U G F 0 a D 5 T Z W N 0 a W 9 u M S 9 N Y W R y a W Q v U 2 9 1 c m N l P C 9 J d G V t U G F 0 a D 4 8 L 0 l 0 Z W 1 M b 2 N h d G l v b j 4 8 U 3 R h Y m x l R W 5 0 c m l l c y A v P j w v S X R l b T 4 8 S X R l b T 4 8 S X R l b U x v Y 2 F 0 a W 9 u P j x J d G V t V H l w Z T 5 G b 3 J t d W x h P C 9 J d G V t V H l w Z T 4 8 S X R l b V B h d G g + U 2 V j d G l v b j E v T W F k c m l k L 0 N o Y W 5 n Z W Q l M j B U e X B l P C 9 J d G V t U G F 0 a D 4 8 L 0 l 0 Z W 1 M b 2 N h d G l v b j 4 8 U 3 R h Y m x l R W 5 0 c m l l c y A v P j w v S X R l b T 4 8 S X R l b T 4 8 S X R l b U x v Y 2 F 0 a W 9 u P j x J d G V t V H l w Z T 5 G b 3 J t d W x h P C 9 J d G V t V H l w Z T 4 8 S X R l b V B h d G g + U 2 V j d G l v b j E v V m l l b m 5 h P C 9 J d G V t U G F 0 a D 4 8 L 0 l 0 Z W 1 M b 2 N h d G l v b j 4 8 U 3 R h Y m x l R W 5 0 c m l l c z 4 8 R W 5 0 c n k g V H l w Z T 0 i S X N Q c m l 2 Y X R l I i B W Y W x 1 Z T 0 i b D A i I C 8 + P E V u d H J 5 I F R 5 c G U 9 I k Z p b G x F b m F i b G V k I i B W Y W x 1 Z T 0 i b D A i I C 8 + P E V u d H J 5 I F R 5 c G U 9 I k Z p b G x P Y m p l Y 3 R U e X B l I i B W Y W x 1 Z T 0 i c 0 N v b m 5 l Y 3 R p b 2 5 P b m x 5 I i A v P j x F b n R y e S B U e X B l P S J G a W x s V G 9 E Y X R h T W 9 k Z W x F b m F i b G V k I i B W Y W x 1 Z T 0 i b D A i I C 8 + P E V u d H J 5 I F R 5 c G U 9 I l F 1 Z X J 5 S U Q i I F Z h b H V l P S J z N m F h N j d l N j g t N m I w M y 0 0 N D N h L T l l N z Y t Y z Q 0 M T c y Z D I 0 O T l l I i A v P j x F b n R y e S B U e X B l P S J C d W Z m Z X J O Z X h 0 U m V m c m V z a C I g V m F s d W U 9 I m w x I i A v P j x F b n R y e S B U e X B l P S J S Z X N 1 b H R U e X B l I i B W Y W x 1 Z T 0 i c 1 R h Y m x l I i A v P j x F b n R y e S B U e X B l P S J O Y W 1 l V X B k Y X R l Z E F m d G V y R m l s b C I g V m F s d W U 9 I m w w I i A v P j x F b n R y e S B U e X B l P S J G a W x s Z W R D b 2 1 w b G V 0 Z V J l c 3 V s d F R v V 2 9 y a 3 N o Z W V 0 I i B W Y W x 1 Z T 0 i b D E i I C 8 + P E V u d H J 5 I F R 5 c G U 9 I k F k Z G V k V G 9 E Y X R h T W 9 k Z W w i I F Z h b H V l P S J s M C I g L z 4 8 R W 5 0 c n k g V H l w Z T 0 i R m l s b E N v d W 5 0 I i B W Y W x 1 Z T 0 i b D E 0 N T E w I i A v P j x F b n R y e S B U e X B l P S J G a W x s R X J y b 3 J D b 2 R l I i B W Y W x 1 Z T 0 i c 1 V u a 2 5 v d 2 4 i I C 8 + P E V u d H J 5 I F R 5 c G U 9 I k Z p b G x F c n J v c k N v d W 5 0 I i B W Y W x 1 Z T 0 i b D A i I C 8 + P E V u d H J 5 I F R 5 c G U 9 I k Z p b G x M Y X N 0 V X B k Y X R l Z C I g V m F s d W U 9 I m Q y M D I 0 L T A 5 L T I 1 V D E x O j M 4 O j U 1 L j M 3 M j k 3 O D V a I i A v P j x F b n R y e S B U e X B l P S J G a W x s Q 2 9 s d W 1 u V H l w Z X M i I F Z h b H V l P S J z Q m d Z R y I g L z 4 8 R W 5 0 c n k g V H l w Z T 0 i R m l s b E N v b H V t b k 5 h b W V z I i B W Y W x 1 Z T 0 i c 1 s m c X V v d D t D b 2 x 1 b W 4 x J n F 1 b 3 Q 7 L C Z x d W 9 0 O 0 N v b H V t b j I m c X V v d D s s J n F 1 b 3 Q 7 Q 2 9 s d W 1 u M y Z x d W 9 0 O 1 0 i I C 8 + P E V u d H J 5 I F R 5 c G U 9 I k Z p b G x T d G F 0 d X M i I F Z h b H V l P S J z Q 2 9 t c G x l d G U i I C 8 + P E V u d H J 5 I F R 5 c G U 9 I l J l b G F 0 a W 9 u c 2 h p c E l u Z m 9 D b 2 5 0 Y W l u Z X I i I F Z h b H V l P S J z e y Z x d W 9 0 O 2 N v b H V t b k N v d W 5 0 J n F 1 b 3 Q 7 O j M s J n F 1 b 3 Q 7 a 2 V 5 Q 2 9 s d W 1 u T m F t Z X M m c X V v d D s 6 W 1 0 s J n F 1 b 3 Q 7 c X V l c n l S Z W x h d G l v b n N o a X B z J n F 1 b 3 Q 7 O l t d L C Z x d W 9 0 O 2 N v b H V t b k l k Z W 5 0 a X R p Z X M m c X V v d D s 6 W y Z x d W 9 0 O 1 N l Y 3 R p b 2 4 x L 1 Z p Z W 5 u Y S 9 B d X R v U m V t b 3 Z l Z E N v b H V t b n M x L n t D b 2 x 1 b W 4 x L D B 9 J n F 1 b 3 Q 7 L C Z x d W 9 0 O 1 N l Y 3 R p b 2 4 x L 1 Z p Z W 5 u Y S 9 B d X R v U m V t b 3 Z l Z E N v b H V t b n M x L n t D b 2 x 1 b W 4 y L D F 9 J n F 1 b 3 Q 7 L C Z x d W 9 0 O 1 N l Y 3 R p b 2 4 x L 1 Z p Z W 5 u Y S 9 B d X R v U m V t b 3 Z l Z E N v b H V t b n M x L n t D b 2 x 1 b W 4 z L D J 9 J n F 1 b 3 Q 7 X S w m c X V v d D t D b 2 x 1 b W 5 D b 3 V u d C Z x d W 9 0 O z o z L C Z x d W 9 0 O 0 t l e U N v b H V t b k 5 h b W V z J n F 1 b 3 Q 7 O l t d L C Z x d W 9 0 O 0 N v b H V t b k l k Z W 5 0 a X R p Z X M m c X V v d D s 6 W y Z x d W 9 0 O 1 N l Y 3 R p b 2 4 x L 1 Z p Z W 5 u Y S 9 B d X R v U m V t b 3 Z l Z E N v b H V t b n M x L n t D b 2 x 1 b W 4 x L D B 9 J n F 1 b 3 Q 7 L C Z x d W 9 0 O 1 N l Y 3 R p b 2 4 x L 1 Z p Z W 5 u Y S 9 B d X R v U m V t b 3 Z l Z E N v b H V t b n M x L n t D b 2 x 1 b W 4 y L D F 9 J n F 1 b 3 Q 7 L C Z x d W 9 0 O 1 N l Y 3 R p b 2 4 x L 1 Z p Z W 5 u Y S 9 B d X R v U m V t b 3 Z l Z E N v b H V t b n M x L n t D b 2 x 1 b W 4 z L D J 9 J n F 1 b 3 Q 7 X S w m c X V v d D t S Z W x h d G l v b n N o a X B J b m Z v J n F 1 b 3 Q 7 O l t d f S I g L z 4 8 L 1 N 0 Y W J s Z U V u d H J p Z X M + P C 9 J d G V t P j x J d G V t P j x J d G V t T G 9 j Y X R p b 2 4 + P E l 0 Z W 1 U e X B l P k Z v c m 1 1 b G E 8 L 0 l 0 Z W 1 U e X B l P j x J d G V t U G F 0 a D 5 T Z W N 0 a W 9 u M S 9 W a W V u b m E v U 2 9 1 c m N l P C 9 J d G V t U G F 0 a D 4 8 L 0 l 0 Z W 1 M b 2 N h d G l v b j 4 8 U 3 R h Y m x l R W 5 0 c m l l c y A v P j w v S X R l b T 4 8 S X R l b T 4 8 S X R l b U x v Y 2 F 0 a W 9 u P j x J d G V t V H l w Z T 5 G b 3 J t d W x h P C 9 J d G V t V H l w Z T 4 8 S X R l b V B h d G g + U 2 V j d G l v b j E v V m l l b m 5 h L 0 N o Y W 5 n Z W Q l M j B U e X B l P C 9 J d G V t U G F 0 a D 4 8 L 0 l 0 Z W 1 M b 2 N h d G l v b j 4 8 U 3 R h Y m x l R W 5 0 c m l l c y A v P j w v S X R l b T 4 8 L 0 l 0 Z W 1 z P j w v T G 9 j Y W x Q Y W N r Y W d l T W V 0 Y W R h d G F G a W x l P h Y A A A B Q S w U G A A A A A A A A A A A A A A A A A A A A A A A A J g E A A A E A A A D Q j J 3 f A R X R E Y x 6 A M B P w p f r A Q A A A O g S 5 9 z M x b l C n t d J i B t G T 5 4 A A A A A A g A A A A A A E G Y A A A A B A A A g A A A A V J H D 4 m F 0 Q 6 L p Z b D v y F r Y E i c m z R P G C T i 4 E q r a o p B e / b c A A A A A D o A A A A A C A A A g A A A A X c b 6 h v H l s o I A v k I J T K 9 j l N l T c j i O x u 6 V I G g h T O 7 k q 5 B Q A A A A f r i H + Q 7 S 4 d i 1 i i Z l V V T r 6 P a Y p l s R o d u M 4 A O B b 7 / v 2 I t U 4 G r t e x e j R n y A Q h z A x 6 m A c U / c s r 5 f a d R J C n x 1 D P a w A p R x Z P k 6 D T t F N g 0 R k I Y D B r 1 A A A A A s K X u + o G / U O d e J u z y p n 8 n Q T B z I m r Z C h G S y 0 1 W 6 F h l H N 4 P L X N 1 F O R V L O u n F Y o H f N z W S P U h g r 3 + 0 m H Q K C C i Q X G / i Q = = < / D a t a M a s h u p > 
</file>

<file path=customXml/item2.xml><?xml version="1.0" encoding="utf-8"?>
<TemplafyTemplateConfiguration><![CDATA[{"transformationConfigurations":[],"templateName":"SINTEF-Blank spreadsheet","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C88B4742-CBB5-4376-8B62-377BF5CC0CDC}">
  <ds:schemaRefs>
    <ds:schemaRef ds:uri="http://schemas.microsoft.com/DataMashup"/>
  </ds:schemaRefs>
</ds:datastoreItem>
</file>

<file path=customXml/itemProps2.xml><?xml version="1.0" encoding="utf-8"?>
<ds:datastoreItem xmlns:ds="http://schemas.openxmlformats.org/officeDocument/2006/customXml" ds:itemID="{7EEF91AC-9A48-4798-9A9B-96FF81E5CF8B}">
  <ds:schemaRefs/>
</ds:datastoreItem>
</file>

<file path=customXml/itemProps3.xml><?xml version="1.0" encoding="utf-8"?>
<ds:datastoreItem xmlns:ds="http://schemas.openxmlformats.org/officeDocument/2006/customXml" ds:itemID="{129FB90B-22C5-4FE6-9366-00B069FEE7D4}">
  <ds:schemaRefs/>
</ds:datastoreItem>
</file>

<file path=docMetadata/LabelInfo.xml><?xml version="1.0" encoding="utf-8"?>
<clbl:labelList xmlns:clbl="http://schemas.microsoft.com/office/2020/mipLabelMetadata">
  <clbl:label id="{e1f00f39-6041-45b0-b309-e0210d8b32af}" enabled="0" method="" siteId="{e1f00f39-6041-45b0-b309-e0210d8b32af}"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8</vt:i4>
      </vt:variant>
    </vt:vector>
  </HeadingPairs>
  <TitlesOfParts>
    <vt:vector size="8" baseType="lpstr">
      <vt:lpstr>Information</vt:lpstr>
      <vt:lpstr>Output</vt:lpstr>
      <vt:lpstr>Input</vt:lpstr>
      <vt:lpstr>ELMAS</vt:lpstr>
      <vt:lpstr>Bühler</vt:lpstr>
      <vt:lpstr>Jesper</vt:lpstr>
      <vt:lpstr>Rehfeldt</vt:lpstr>
      <vt:lpstr>Standard Profi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Till Holmes</dc:creator>
  <cp:lastModifiedBy>Till Holmes</cp:lastModifiedBy>
  <dcterms:created xsi:type="dcterms:W3CDTF">2024-07-04T06:05:29Z</dcterms:created>
  <dcterms:modified xsi:type="dcterms:W3CDTF">2025-04-04T13: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intef</vt:lpwstr>
  </property>
  <property fmtid="{D5CDD505-2E9C-101B-9397-08002B2CF9AE}" pid="3" name="TemplafyTemplateId">
    <vt:lpwstr>740326090642817258</vt:lpwstr>
  </property>
  <property fmtid="{D5CDD505-2E9C-101B-9397-08002B2CF9AE}" pid="4" name="TemplafyUserProfileId">
    <vt:lpwstr>819763331319201924</vt:lpwstr>
  </property>
  <property fmtid="{D5CDD505-2E9C-101B-9397-08002B2CF9AE}" pid="5" name="TemplafyLanguageCode">
    <vt:lpwstr>nb-NO</vt:lpwstr>
  </property>
  <property fmtid="{D5CDD505-2E9C-101B-9397-08002B2CF9AE}" pid="6" name="TemplafyFromBlank">
    <vt:bool>true</vt:bool>
  </property>
</Properties>
</file>